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mc:AlternateContent xmlns:mc="http://schemas.openxmlformats.org/markup-compatibility/2006">
    <mc:Choice Requires="x15">
      <x15ac:absPath xmlns:x15ac="http://schemas.microsoft.com/office/spreadsheetml/2010/11/ac" url="https://ukpowernetworks.sharepoint.com/sites/DSONetworkStrategy/Shared Documents/3. Network Insights/22. DFES/2025 to make DFES 2026/Datasets/Review/Air Conditioning/"/>
    </mc:Choice>
  </mc:AlternateContent>
  <xr:revisionPtr revIDLastSave="68" documentId="8_{23E7E632-3CF9-43DB-ABA7-87392827C5A5}" xr6:coauthVersionLast="47" xr6:coauthVersionMax="47" xr10:uidLastSave="{CCDD19F4-1ED7-41B9-9B8C-FF3F5F1832CA}"/>
  <bookViews>
    <workbookView xWindow="-13800" yWindow="-18120" windowWidth="29040" windowHeight="17520" activeTab="2" xr2:uid="{3288CE62-933B-384A-B492-E3C744E67A6A}"/>
  </bookViews>
  <sheets>
    <sheet name="Cover" sheetId="7" r:id="rId1"/>
    <sheet name="I&amp;C Air Conditioning" sheetId="2" r:id="rId2"/>
    <sheet name="QC report" sheetId="8" r:id="rId3"/>
  </sheets>
  <externalReferences>
    <externalReference r:id="rId4"/>
  </externalReferences>
  <definedNames>
    <definedName name="_xlnm._FilterDatabase" localSheetId="1" hidden="1">'I&amp;C Air Conditioning'!$A$1:$AT$44093</definedName>
    <definedName name="_xlnm._FilterDatabase" localSheetId="2" hidden="1">'QC report'!#REF!</definedName>
    <definedName name="Base_year" localSheetId="2">#REF!</definedName>
    <definedName name="Base_year">#REF!</definedName>
    <definedName name="data_in_start" localSheetId="2">#REF!</definedName>
    <definedName name="data_in_start">[1]Outputs!$S$8</definedName>
    <definedName name="name_in" localSheetId="2">#REF!</definedName>
    <definedName name="name_in">[1]Outputs!$B$8</definedName>
    <definedName name="powertrain_selection" localSheetId="2">#REF!</definedName>
    <definedName name="powertrain_selection">#REF!</definedName>
    <definedName name="Scenario_1" localSheetId="2">#REF!</definedName>
    <definedName name="Scenario_1">#REF!</definedName>
    <definedName name="Scenario_2" localSheetId="2">#REF!</definedName>
    <definedName name="Scenario_2">#REF!</definedName>
    <definedName name="Scenario_3" localSheetId="2">#REF!</definedName>
    <definedName name="Scenario_3">#REF!</definedName>
    <definedName name="Scenario_4" localSheetId="2">#REF!</definedName>
    <definedName name="Scenario_4">#REF!</definedName>
    <definedName name="selected_scenario" localSheetId="2">#REF!</definedName>
    <definedName name="selected_scenario">'[1]uptake scenarios'!$B$2</definedName>
    <definedName name="type_selection" localSheetId="2">#REF!</definedName>
    <definedName name="type_selection">#REF!</definedName>
    <definedName name="VBA_iterator" localSheetId="2">#REF!</definedName>
    <definedName name="VBA_iterator">[1]fudge!$M$3</definedName>
    <definedName name="vehicle_type_selection" localSheetId="2">#REF!</definedName>
    <definedName name="vehicle_type_selection">[1]Outputs!$C$3</definedName>
  </definedNames>
  <calcPr calcId="191028" calcMode="manual"/>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K14" i="8" l="1"/>
  <c r="H14" i="8"/>
  <c r="J14" i="8"/>
  <c r="G15" i="8"/>
  <c r="H15" i="8"/>
  <c r="K17" i="8"/>
  <c r="J15" i="8"/>
  <c r="G16" i="8"/>
  <c r="H16" i="8"/>
  <c r="J16" i="8"/>
  <c r="K16" i="8"/>
  <c r="J17" i="8"/>
  <c r="K15" i="8"/>
  <c r="G14" i="8"/>
  <c r="G17" i="8"/>
  <c r="H17" i="8"/>
  <c r="I14" i="8" l="1"/>
  <c r="L14" i="8"/>
  <c r="L16" i="8"/>
  <c r="L17" i="8"/>
  <c r="I16" i="8"/>
  <c r="I15" i="8"/>
  <c r="I17" i="8"/>
  <c r="L15" i="8"/>
</calcChain>
</file>

<file path=xl/sharedStrings.xml><?xml version="1.0" encoding="utf-8"?>
<sst xmlns="http://schemas.openxmlformats.org/spreadsheetml/2006/main" count="573366" uniqueCount="26890">
  <si>
    <t>File information:</t>
  </si>
  <si>
    <t>Created by:</t>
  </si>
  <si>
    <t xml:space="preserve">Environmental Resources Management Ltd. </t>
  </si>
  <si>
    <t>Author:</t>
  </si>
  <si>
    <t>Rhys Kotak</t>
  </si>
  <si>
    <t>Reviewer:</t>
  </si>
  <si>
    <t>Siem van Limpt</t>
  </si>
  <si>
    <t>Contact:</t>
  </si>
  <si>
    <t>siem.vanlimpt@erm.com</t>
  </si>
  <si>
    <t>Client:</t>
  </si>
  <si>
    <t>UK Power Networks</t>
  </si>
  <si>
    <t>Recipient:</t>
  </si>
  <si>
    <t>Sara Afifi</t>
  </si>
  <si>
    <t>Contents:</t>
  </si>
  <si>
    <t>Industrial and commercial air conditioning scenarios</t>
  </si>
  <si>
    <t>Resolution:</t>
  </si>
  <si>
    <t>LSOA</t>
  </si>
  <si>
    <t>Licence:</t>
  </si>
  <si>
    <t xml:space="preserve">UK Power Networks Distribution Future Energy Scenarios © 2024 by UK Power Networks is licenced under Attribution 4.0 International </t>
  </si>
  <si>
    <t>Disclaimer:</t>
  </si>
  <si>
    <t>Environmental Resources Management Limited has prepared the data contained in this workbook in good faith, and has endeavoured to prepare this data in a manner which is, as far as reasonably possible, objective. While Environmental Resources Management Limited has not sought to mislead any person as to the contents of this workbook and whilst the data represent our best view at the time of issue, users of this data should apply caution when using the contents of this workbook. The data in this workbook must be considered as illustrative only of what could occur under different possible futures and Environmental Resources Management Limited does not provide any view on the likelihood of these different scenarios coming to pass. 
Environmental Resources Management Limited has produced the data contained herein for UK Power Networks under the terms agreed in contract MAA-20190195 expressly for their own use. While Environmental Resources Management Limited agrees to release of this data into the public domain we give no guarantee, express nor implied, with regards to the information in this workbook for use by third parties and therefore do not accept any responsibility for any use that is made of the information contained within this workbook by any third parties, or by UK Power Networks outside of the terms of the agreement.</t>
  </si>
  <si>
    <t>Glossary</t>
  </si>
  <si>
    <t>LSOA21CD</t>
  </si>
  <si>
    <t>Lower layer super output area ID, indicated by their ONS code (2021)</t>
  </si>
  <si>
    <t>LSOA21NM</t>
  </si>
  <si>
    <t>Lower layer super output area name, indicated by their ONS code (2021)</t>
  </si>
  <si>
    <t>MSOA21CD</t>
  </si>
  <si>
    <t>Middle layer super output area ID, indicated by their ONS code (2021)</t>
  </si>
  <si>
    <t>MSOA21NM</t>
  </si>
  <si>
    <t>Middle layer super output area name, indicated by their ONS code (2021)</t>
  </si>
  <si>
    <t>LAD22CD</t>
  </si>
  <si>
    <t>Local authority district ID, indicated by their ONS code (2022)</t>
  </si>
  <si>
    <t>LAD22NM</t>
  </si>
  <si>
    <t>Local authority district, indicated by their ONS name (2022)</t>
  </si>
  <si>
    <t>LEP21CD1</t>
  </si>
  <si>
    <t>Local enterprise partnership ID (2021)</t>
  </si>
  <si>
    <t>LEP21NM1</t>
  </si>
  <si>
    <t>Local enterprise partnership name (2021)</t>
  </si>
  <si>
    <t>CTY22CD</t>
  </si>
  <si>
    <t>County code (2022)</t>
  </si>
  <si>
    <t>CTY22NM</t>
  </si>
  <si>
    <t>County name (2022)</t>
  </si>
  <si>
    <t>Proportion in {X}PN</t>
  </si>
  <si>
    <t>Proportion of LSOA that lies within each licence area, by customer count</t>
  </si>
  <si>
    <t>Majority Licence Area</t>
  </si>
  <si>
    <t>Licence area within UK Power Networks' network</t>
  </si>
  <si>
    <t>Primary</t>
  </si>
  <si>
    <t>Primary substation within UK Power Networks' network</t>
  </si>
  <si>
    <t>GSP</t>
  </si>
  <si>
    <t>Grid Supply Point within UK Power Networks' network</t>
  </si>
  <si>
    <t>Scenario World</t>
  </si>
  <si>
    <t>The energy system pathway aligned with those of National Energy System Operator</t>
  </si>
  <si>
    <t>Scenario</t>
  </si>
  <si>
    <t>The bespoke trajectory developed for each driver of demand</t>
  </si>
  <si>
    <t>Parameter</t>
  </si>
  <si>
    <t>Describes what the data represents e.g., battery electric vehicles or generation capacity</t>
  </si>
  <si>
    <t>Unit</t>
  </si>
  <si>
    <t>The units of the data e.g., number, kW etc.</t>
  </si>
  <si>
    <t>Year</t>
  </si>
  <si>
    <t>The years refer to the regulatory year, so "2025" refers to the period from April 2025 - March 2026</t>
  </si>
  <si>
    <t>Please note:</t>
  </si>
  <si>
    <t>The disaggregated LSOA count in this file may not sum to the network level totals due to rounding</t>
  </si>
  <si>
    <t>Version</t>
  </si>
  <si>
    <t>Date</t>
  </si>
  <si>
    <t>Changes</t>
  </si>
  <si>
    <t>Source file:</t>
  </si>
  <si>
    <t>Issued by</t>
  </si>
  <si>
    <t>v1</t>
  </si>
  <si>
    <t>2026 DFES with tRESP and LAEP alignment for the appropriate technologies</t>
  </si>
  <si>
    <t>Ian Walker</t>
  </si>
  <si>
    <t>Proportion served by EPN</t>
  </si>
  <si>
    <t>Proportion served by LPN</t>
  </si>
  <si>
    <t>Proportion served by SPN</t>
  </si>
  <si>
    <t>Majority Licence area</t>
  </si>
  <si>
    <t>E01000001</t>
  </si>
  <si>
    <t>City of London 001A</t>
  </si>
  <si>
    <t>E02000001</t>
  </si>
  <si>
    <t>City of London 001</t>
  </si>
  <si>
    <t>E09000001</t>
  </si>
  <si>
    <t>City of London</t>
  </si>
  <si>
    <t>E37000051</t>
  </si>
  <si>
    <t>London</t>
  </si>
  <si>
    <t>LPN</t>
  </si>
  <si>
    <t>Medium</t>
  </si>
  <si>
    <t>Electric Engagement</t>
  </si>
  <si>
    <t>Non-domestic AC</t>
  </si>
  <si>
    <t>Number</t>
  </si>
  <si>
    <t>Low</t>
  </si>
  <si>
    <t>Holistic Transition</t>
  </si>
  <si>
    <t>High</t>
  </si>
  <si>
    <t>Falling Behind</t>
  </si>
  <si>
    <t>Hydrogen Evolution</t>
  </si>
  <si>
    <t>E01000002</t>
  </si>
  <si>
    <t>City of London 001B</t>
  </si>
  <si>
    <t>E01000003</t>
  </si>
  <si>
    <t>City of London 001C</t>
  </si>
  <si>
    <t>E01000005</t>
  </si>
  <si>
    <t>City of London 001E</t>
  </si>
  <si>
    <t>E01000006</t>
  </si>
  <si>
    <t>Barking and Dagenham 016A</t>
  </si>
  <si>
    <t>E02000017</t>
  </si>
  <si>
    <t>Barking and Dagenham 016</t>
  </si>
  <si>
    <t>E09000002</t>
  </si>
  <si>
    <t>Barking and Dagenham</t>
  </si>
  <si>
    <t>E01000007</t>
  </si>
  <si>
    <t>Barking and Dagenham 015A</t>
  </si>
  <si>
    <t>E02000016</t>
  </si>
  <si>
    <t>Barking and Dagenham 015</t>
  </si>
  <si>
    <t>E01000008</t>
  </si>
  <si>
    <t>Barking and Dagenham 015B</t>
  </si>
  <si>
    <t>E01000009</t>
  </si>
  <si>
    <t>Barking and Dagenham 016B</t>
  </si>
  <si>
    <t>E01000011</t>
  </si>
  <si>
    <t>Barking and Dagenham 016C</t>
  </si>
  <si>
    <t>E01000012</t>
  </si>
  <si>
    <t>Barking and Dagenham 015D</t>
  </si>
  <si>
    <t>E01000013</t>
  </si>
  <si>
    <t>Barking and Dagenham 013A</t>
  </si>
  <si>
    <t>E02000014</t>
  </si>
  <si>
    <t>Barking and Dagenham 013</t>
  </si>
  <si>
    <t>EPN</t>
  </si>
  <si>
    <t>E01000014</t>
  </si>
  <si>
    <t>Barking and Dagenham 013B</t>
  </si>
  <si>
    <t>E01000015</t>
  </si>
  <si>
    <t>Barking and Dagenham 009A</t>
  </si>
  <si>
    <t>E02000010</t>
  </si>
  <si>
    <t>Barking and Dagenham 009</t>
  </si>
  <si>
    <t>E01000016</t>
  </si>
  <si>
    <t>Barking and Dagenham 009B</t>
  </si>
  <si>
    <t>E01000017</t>
  </si>
  <si>
    <t>Barking and Dagenham 009C</t>
  </si>
  <si>
    <t>E01000018</t>
  </si>
  <si>
    <t>Barking and Dagenham 009D</t>
  </si>
  <si>
    <t>E01000019</t>
  </si>
  <si>
    <t>Barking and Dagenham 023A</t>
  </si>
  <si>
    <t>E02006799</t>
  </si>
  <si>
    <t>Barking and Dagenham 023</t>
  </si>
  <si>
    <t>E01000020</t>
  </si>
  <si>
    <t>Barking and Dagenham 023B</t>
  </si>
  <si>
    <t>E01000021</t>
  </si>
  <si>
    <t>Barking and Dagenham 008A</t>
  </si>
  <si>
    <t>E02000009</t>
  </si>
  <si>
    <t>Barking and Dagenham 008</t>
  </si>
  <si>
    <t>E01000022</t>
  </si>
  <si>
    <t>Barking and Dagenham 008B</t>
  </si>
  <si>
    <t>E01000024</t>
  </si>
  <si>
    <t>Barking and Dagenham 008D</t>
  </si>
  <si>
    <t>E01000025</t>
  </si>
  <si>
    <t>Barking and Dagenham 008E</t>
  </si>
  <si>
    <t>E01000027</t>
  </si>
  <si>
    <t>Barking and Dagenham 001A</t>
  </si>
  <si>
    <t>E02000002</t>
  </si>
  <si>
    <t>Barking and Dagenham 001</t>
  </si>
  <si>
    <t>E01000028</t>
  </si>
  <si>
    <t>Barking and Dagenham 001B</t>
  </si>
  <si>
    <t>E01000029</t>
  </si>
  <si>
    <t>Barking and Dagenham 001C</t>
  </si>
  <si>
    <t>E01000030</t>
  </si>
  <si>
    <t>Barking and Dagenham 001D</t>
  </si>
  <si>
    <t>E01000031</t>
  </si>
  <si>
    <t>Barking and Dagenham 002A</t>
  </si>
  <si>
    <t>E02000003</t>
  </si>
  <si>
    <t>Barking and Dagenham 002</t>
  </si>
  <si>
    <t>E01000032</t>
  </si>
  <si>
    <t>Barking and Dagenham 002B</t>
  </si>
  <si>
    <t>E01000033</t>
  </si>
  <si>
    <t>Barking and Dagenham 006A</t>
  </si>
  <si>
    <t>E02000007</t>
  </si>
  <si>
    <t>Barking and Dagenham 006</t>
  </si>
  <si>
    <t>E01000034</t>
  </si>
  <si>
    <t>Barking and Dagenham 003A</t>
  </si>
  <si>
    <t>E02000004</t>
  </si>
  <si>
    <t>Barking and Dagenham 003</t>
  </si>
  <si>
    <t>E01000035</t>
  </si>
  <si>
    <t>Barking and Dagenham 010A</t>
  </si>
  <si>
    <t>E02000011</t>
  </si>
  <si>
    <t>Barking and Dagenham 010</t>
  </si>
  <si>
    <t>E01000036</t>
  </si>
  <si>
    <t>Barking and Dagenham 010B</t>
  </si>
  <si>
    <t>E01000037</t>
  </si>
  <si>
    <t>Barking and Dagenham 003B</t>
  </si>
  <si>
    <t>E01000038</t>
  </si>
  <si>
    <t>Barking and Dagenham 003C</t>
  </si>
  <si>
    <t>E01000039</t>
  </si>
  <si>
    <t>Barking and Dagenham 003D</t>
  </si>
  <si>
    <t>E01000040</t>
  </si>
  <si>
    <t>Barking and Dagenham 019A</t>
  </si>
  <si>
    <t>E02000020</t>
  </si>
  <si>
    <t>Barking and Dagenham 019</t>
  </si>
  <si>
    <t>E01000041</t>
  </si>
  <si>
    <t>Barking and Dagenham 017A</t>
  </si>
  <si>
    <t>E02000018</t>
  </si>
  <si>
    <t>Barking and Dagenham 017</t>
  </si>
  <si>
    <t>E01000042</t>
  </si>
  <si>
    <t>Barking and Dagenham 017B</t>
  </si>
  <si>
    <t>E01000043</t>
  </si>
  <si>
    <t>Barking and Dagenham 019B</t>
  </si>
  <si>
    <t>E01000044</t>
  </si>
  <si>
    <t>Barking and Dagenham 016D</t>
  </si>
  <si>
    <t>E01000045</t>
  </si>
  <si>
    <t>Barking and Dagenham 017C</t>
  </si>
  <si>
    <t>E01000046</t>
  </si>
  <si>
    <t>Barking and Dagenham 017D</t>
  </si>
  <si>
    <t>E01000049</t>
  </si>
  <si>
    <t>Barking and Dagenham 021C</t>
  </si>
  <si>
    <t>E02000022</t>
  </si>
  <si>
    <t>Barking and Dagenham 021</t>
  </si>
  <si>
    <t>E01000050</t>
  </si>
  <si>
    <t>Barking and Dagenham 019C</t>
  </si>
  <si>
    <t>E01000051</t>
  </si>
  <si>
    <t>Barking and Dagenham 021D</t>
  </si>
  <si>
    <t>E01000052</t>
  </si>
  <si>
    <t>Barking and Dagenham 019D</t>
  </si>
  <si>
    <t>E01000053</t>
  </si>
  <si>
    <t>Barking and Dagenham 020A</t>
  </si>
  <si>
    <t>E02000021</t>
  </si>
  <si>
    <t>Barking and Dagenham 020</t>
  </si>
  <si>
    <t>E01000054</t>
  </si>
  <si>
    <t>Barking and Dagenham 018A</t>
  </si>
  <si>
    <t>E02000019</t>
  </si>
  <si>
    <t>Barking and Dagenham 018</t>
  </si>
  <si>
    <t>E01000055</t>
  </si>
  <si>
    <t>Barking and Dagenham 018B</t>
  </si>
  <si>
    <t>E01000056</t>
  </si>
  <si>
    <t>Barking and Dagenham 018C</t>
  </si>
  <si>
    <t>E01000057</t>
  </si>
  <si>
    <t>Barking and Dagenham 012A</t>
  </si>
  <si>
    <t>E02000013</t>
  </si>
  <si>
    <t>Barking and Dagenham 012</t>
  </si>
  <si>
    <t>E01000058</t>
  </si>
  <si>
    <t>Barking and Dagenham 018D</t>
  </si>
  <si>
    <t>E01000059</t>
  </si>
  <si>
    <t>Barking and Dagenham 013C</t>
  </si>
  <si>
    <t>E01000060</t>
  </si>
  <si>
    <t>Barking and Dagenham 006B</t>
  </si>
  <si>
    <t>E01000061</t>
  </si>
  <si>
    <t>Barking and Dagenham 006C</t>
  </si>
  <si>
    <t>E01000062</t>
  </si>
  <si>
    <t>Barking and Dagenham 006D</t>
  </si>
  <si>
    <t>E01000063</t>
  </si>
  <si>
    <t>Barking and Dagenham 004A</t>
  </si>
  <si>
    <t>E02000005</t>
  </si>
  <si>
    <t>Barking and Dagenham 004</t>
  </si>
  <si>
    <t>E01000064</t>
  </si>
  <si>
    <t>Barking and Dagenham 006E</t>
  </si>
  <si>
    <t>E01000065</t>
  </si>
  <si>
    <t>Barking and Dagenham 007A</t>
  </si>
  <si>
    <t>E02000008</t>
  </si>
  <si>
    <t>Barking and Dagenham 007</t>
  </si>
  <si>
    <t>E01000066</t>
  </si>
  <si>
    <t>Barking and Dagenham 011A</t>
  </si>
  <si>
    <t>E02000012</t>
  </si>
  <si>
    <t>Barking and Dagenham 011</t>
  </si>
  <si>
    <t>E01000067</t>
  </si>
  <si>
    <t>Barking and Dagenham 011B</t>
  </si>
  <si>
    <t>E01000068</t>
  </si>
  <si>
    <t>Barking and Dagenham 016E</t>
  </si>
  <si>
    <t>E01000069</t>
  </si>
  <si>
    <t>Barking and Dagenham 011C</t>
  </si>
  <si>
    <t>E01000070</t>
  </si>
  <si>
    <t>Barking and Dagenham 011D</t>
  </si>
  <si>
    <t>E01000071</t>
  </si>
  <si>
    <t>Barking and Dagenham 011E</t>
  </si>
  <si>
    <t>E01000072</t>
  </si>
  <si>
    <t>Barking and Dagenham 017E</t>
  </si>
  <si>
    <t>E01000073</t>
  </si>
  <si>
    <t>Barking and Dagenham 012B</t>
  </si>
  <si>
    <t>E01000074</t>
  </si>
  <si>
    <t>Barking and Dagenham 012C</t>
  </si>
  <si>
    <t>E01000075</t>
  </si>
  <si>
    <t>Barking and Dagenham 012D</t>
  </si>
  <si>
    <t>E01000076</t>
  </si>
  <si>
    <t>Barking and Dagenham 012E</t>
  </si>
  <si>
    <t>E01000077</t>
  </si>
  <si>
    <t>Barking and Dagenham 008F</t>
  </si>
  <si>
    <t>E01000078</t>
  </si>
  <si>
    <t>Barking and Dagenham 007B</t>
  </si>
  <si>
    <t>E01000079</t>
  </si>
  <si>
    <t>Barking and Dagenham 009E</t>
  </si>
  <si>
    <t>E01000080</t>
  </si>
  <si>
    <t>Barking and Dagenham 007C</t>
  </si>
  <si>
    <t>E01000081</t>
  </si>
  <si>
    <t>Barking and Dagenham 007D</t>
  </si>
  <si>
    <t>E01000082</t>
  </si>
  <si>
    <t>Barking and Dagenham 007E</t>
  </si>
  <si>
    <t>E01000083</t>
  </si>
  <si>
    <t>Barking and Dagenham 007F</t>
  </si>
  <si>
    <t>E01000084</t>
  </si>
  <si>
    <t>Barking and Dagenham 013D</t>
  </si>
  <si>
    <t>E01000085</t>
  </si>
  <si>
    <t>Barking and Dagenham 013E</t>
  </si>
  <si>
    <t>E01000086</t>
  </si>
  <si>
    <t>Barking and Dagenham 013F</t>
  </si>
  <si>
    <t>E01000087</t>
  </si>
  <si>
    <t>Barking and Dagenham 020B</t>
  </si>
  <si>
    <t>E01000088</t>
  </si>
  <si>
    <t>Barking and Dagenham 020C</t>
  </si>
  <si>
    <t>E01000089</t>
  </si>
  <si>
    <t>Barking and Dagenham 020D</t>
  </si>
  <si>
    <t>E01000090</t>
  </si>
  <si>
    <t>Barking and Dagenham 020E</t>
  </si>
  <si>
    <t>E01000091</t>
  </si>
  <si>
    <t>Barking and Dagenham 022A</t>
  </si>
  <si>
    <t>E02000023</t>
  </si>
  <si>
    <t>Barking and Dagenham 022</t>
  </si>
  <si>
    <t>E01000093</t>
  </si>
  <si>
    <t>Barking and Dagenham 022B</t>
  </si>
  <si>
    <t>E01000094</t>
  </si>
  <si>
    <t>Barking and Dagenham 022C</t>
  </si>
  <si>
    <t>E01000095</t>
  </si>
  <si>
    <t>Barking and Dagenham 018E</t>
  </si>
  <si>
    <t>E01000096</t>
  </si>
  <si>
    <t>Barking and Dagenham 022D</t>
  </si>
  <si>
    <t>E01000097</t>
  </si>
  <si>
    <t>Barking and Dagenham 023C</t>
  </si>
  <si>
    <t>E01000098</t>
  </si>
  <si>
    <t>Barking and Dagenham 023D</t>
  </si>
  <si>
    <t>E01000099</t>
  </si>
  <si>
    <t>Barking and Dagenham 023E</t>
  </si>
  <si>
    <t>E01000100</t>
  </si>
  <si>
    <t>Barking and Dagenham 004B</t>
  </si>
  <si>
    <t>E01000101</t>
  </si>
  <si>
    <t>Barking and Dagenham 004C</t>
  </si>
  <si>
    <t>E01000102</t>
  </si>
  <si>
    <t>Barking and Dagenham 007G</t>
  </si>
  <si>
    <t>E01000103</t>
  </si>
  <si>
    <t>Barking and Dagenham 014A</t>
  </si>
  <si>
    <t>E02000015</t>
  </si>
  <si>
    <t>Barking and Dagenham 014</t>
  </si>
  <si>
    <t>E01000104</t>
  </si>
  <si>
    <t>Barking and Dagenham 014B</t>
  </si>
  <si>
    <t>E01000105</t>
  </si>
  <si>
    <t>Barking and Dagenham 014C</t>
  </si>
  <si>
    <t>E01000106</t>
  </si>
  <si>
    <t>Barking and Dagenham 014D</t>
  </si>
  <si>
    <t>E01000107</t>
  </si>
  <si>
    <t>Barking and Dagenham 010C</t>
  </si>
  <si>
    <t>E01000108</t>
  </si>
  <si>
    <t>Barking and Dagenham 010D</t>
  </si>
  <si>
    <t>E01000110</t>
  </si>
  <si>
    <t>Barking and Dagenham 002C</t>
  </si>
  <si>
    <t>E01000111</t>
  </si>
  <si>
    <t>Barking and Dagenham 002D</t>
  </si>
  <si>
    <t>E01000112</t>
  </si>
  <si>
    <t>Barking and Dagenham 002E</t>
  </si>
  <si>
    <t>E01000113</t>
  </si>
  <si>
    <t>Barking and Dagenham 002F</t>
  </si>
  <si>
    <t>E01000114</t>
  </si>
  <si>
    <t>Barking and Dagenham 004E</t>
  </si>
  <si>
    <t>E01000115</t>
  </si>
  <si>
    <t>Barnet 009A</t>
  </si>
  <si>
    <t>E02000032</t>
  </si>
  <si>
    <t>Barnet 009</t>
  </si>
  <si>
    <t>E09000003</t>
  </si>
  <si>
    <t>Barnet</t>
  </si>
  <si>
    <t>E01000116</t>
  </si>
  <si>
    <t>Barnet 009B</t>
  </si>
  <si>
    <t>E01000117</t>
  </si>
  <si>
    <t>Barnet 010A</t>
  </si>
  <si>
    <t>E02000033</t>
  </si>
  <si>
    <t>Barnet 010</t>
  </si>
  <si>
    <t>E01000118</t>
  </si>
  <si>
    <t>Barnet 010B</t>
  </si>
  <si>
    <t>E01000119</t>
  </si>
  <si>
    <t>Barnet 009C</t>
  </si>
  <si>
    <t>E01000120</t>
  </si>
  <si>
    <t>Barnet 009D</t>
  </si>
  <si>
    <t>E01000121</t>
  </si>
  <si>
    <t>Barnet 010C</t>
  </si>
  <si>
    <t>E01000122</t>
  </si>
  <si>
    <t>Barnet 009E</t>
  </si>
  <si>
    <t>E01000123</t>
  </si>
  <si>
    <t>Barnet 010D</t>
  </si>
  <si>
    <t>E01000124</t>
  </si>
  <si>
    <t>Barnet 010E</t>
  </si>
  <si>
    <t>E01000126</t>
  </si>
  <si>
    <t>Barnet 026A</t>
  </si>
  <si>
    <t>E02000049</t>
  </si>
  <si>
    <t>Barnet 026</t>
  </si>
  <si>
    <t>E01000127</t>
  </si>
  <si>
    <t>Barnet 024B</t>
  </si>
  <si>
    <t>E02000047</t>
  </si>
  <si>
    <t>Barnet 024</t>
  </si>
  <si>
    <t>E01000128</t>
  </si>
  <si>
    <t>Barnet 024C</t>
  </si>
  <si>
    <t>E01000129</t>
  </si>
  <si>
    <t>Barnet 024D</t>
  </si>
  <si>
    <t>E01000130</t>
  </si>
  <si>
    <t>Barnet 021A</t>
  </si>
  <si>
    <t>E02000044</t>
  </si>
  <si>
    <t>Barnet 021</t>
  </si>
  <si>
    <t>E01000131</t>
  </si>
  <si>
    <t>Barnet 024E</t>
  </si>
  <si>
    <t>E01000132</t>
  </si>
  <si>
    <t>Barnet 021B</t>
  </si>
  <si>
    <t>E01000133</t>
  </si>
  <si>
    <t>Barnet 021C</t>
  </si>
  <si>
    <t>E01000134</t>
  </si>
  <si>
    <t>Barnet 024F</t>
  </si>
  <si>
    <t>E01000135</t>
  </si>
  <si>
    <t>Barnet 038A</t>
  </si>
  <si>
    <t>E02000061</t>
  </si>
  <si>
    <t>Barnet 038</t>
  </si>
  <si>
    <t>E01000136</t>
  </si>
  <si>
    <t>Barnet 038B</t>
  </si>
  <si>
    <t>E01000137</t>
  </si>
  <si>
    <t>Barnet 041A</t>
  </si>
  <si>
    <t>E02000064</t>
  </si>
  <si>
    <t>Barnet 041</t>
  </si>
  <si>
    <t>E01000138</t>
  </si>
  <si>
    <t>Barnet 040A</t>
  </si>
  <si>
    <t>E02000063</t>
  </si>
  <si>
    <t>Barnet 040</t>
  </si>
  <si>
    <t>E01000139</t>
  </si>
  <si>
    <t>Barnet 041B</t>
  </si>
  <si>
    <t>E01000140</t>
  </si>
  <si>
    <t>Barnet 041C</t>
  </si>
  <si>
    <t>E01000141</t>
  </si>
  <si>
    <t>Barnet 039A</t>
  </si>
  <si>
    <t>E02000062</t>
  </si>
  <si>
    <t>Barnet 039</t>
  </si>
  <si>
    <t>E01000142</t>
  </si>
  <si>
    <t>Barnet 040B</t>
  </si>
  <si>
    <t>E01000143</t>
  </si>
  <si>
    <t>Barnet 041D</t>
  </si>
  <si>
    <t>E01000144</t>
  </si>
  <si>
    <t>Barnet 038C</t>
  </si>
  <si>
    <t>E01000145</t>
  </si>
  <si>
    <t>Barnet 037A</t>
  </si>
  <si>
    <t>E02000060</t>
  </si>
  <si>
    <t>Barnet 037</t>
  </si>
  <si>
    <t>E01000146</t>
  </si>
  <si>
    <t>Barnet 038D</t>
  </si>
  <si>
    <t>E01000147</t>
  </si>
  <si>
    <t>Barnet 043F</t>
  </si>
  <si>
    <t>E02006954</t>
  </si>
  <si>
    <t>Barnet 043</t>
  </si>
  <si>
    <t>E01000150</t>
  </si>
  <si>
    <t>Barnet 036A</t>
  </si>
  <si>
    <t>E02000059</t>
  </si>
  <si>
    <t>Barnet 036</t>
  </si>
  <si>
    <t>E01000151</t>
  </si>
  <si>
    <t>Barnet 026B</t>
  </si>
  <si>
    <t>E01000152</t>
  </si>
  <si>
    <t>Barnet 026C</t>
  </si>
  <si>
    <t>E01000153</t>
  </si>
  <si>
    <t>Barnet 026D</t>
  </si>
  <si>
    <t>E01000154</t>
  </si>
  <si>
    <t>Barnet 026E</t>
  </si>
  <si>
    <t>E01000156</t>
  </si>
  <si>
    <t>Barnet 022A</t>
  </si>
  <si>
    <t>E02000045</t>
  </si>
  <si>
    <t>Barnet 022</t>
  </si>
  <si>
    <t>E01000157</t>
  </si>
  <si>
    <t>Barnet 022B</t>
  </si>
  <si>
    <t>E01000158</t>
  </si>
  <si>
    <t>Barnet 015A</t>
  </si>
  <si>
    <t>E02000038</t>
  </si>
  <si>
    <t>Barnet 015</t>
  </si>
  <si>
    <t>E01000159</t>
  </si>
  <si>
    <t>Barnet 015B</t>
  </si>
  <si>
    <t>E01000160</t>
  </si>
  <si>
    <t>Barnet 015C</t>
  </si>
  <si>
    <t>E01000161</t>
  </si>
  <si>
    <t>Barnet 015D</t>
  </si>
  <si>
    <t>E01000162</t>
  </si>
  <si>
    <t>Barnet 015E</t>
  </si>
  <si>
    <t>E01000163</t>
  </si>
  <si>
    <t>Barnet 022C</t>
  </si>
  <si>
    <t>E01000164</t>
  </si>
  <si>
    <t>Barnet 022D</t>
  </si>
  <si>
    <t>E01000165</t>
  </si>
  <si>
    <t>Barnet 022E</t>
  </si>
  <si>
    <t>E01000166</t>
  </si>
  <si>
    <t>Barnet 003A</t>
  </si>
  <si>
    <t>E02000026</t>
  </si>
  <si>
    <t>Barnet 003</t>
  </si>
  <si>
    <t>E01000167</t>
  </si>
  <si>
    <t>Barnet 002A</t>
  </si>
  <si>
    <t>E02000025</t>
  </si>
  <si>
    <t>Barnet 002</t>
  </si>
  <si>
    <t>E01000168</t>
  </si>
  <si>
    <t>Barnet 003B</t>
  </si>
  <si>
    <t>E01000169</t>
  </si>
  <si>
    <t>Barnet 003C</t>
  </si>
  <si>
    <t>E01000170</t>
  </si>
  <si>
    <t>Barnet 006A</t>
  </si>
  <si>
    <t>E02000029</t>
  </si>
  <si>
    <t>Barnet 006</t>
  </si>
  <si>
    <t>E01000171</t>
  </si>
  <si>
    <t>Barnet 006B</t>
  </si>
  <si>
    <t>E01000172</t>
  </si>
  <si>
    <t>Barnet 003D</t>
  </si>
  <si>
    <t>E01000173</t>
  </si>
  <si>
    <t>Barnet 006C</t>
  </si>
  <si>
    <t>E01000174</t>
  </si>
  <si>
    <t>Barnet 006D</t>
  </si>
  <si>
    <t>E01000175</t>
  </si>
  <si>
    <t>Barnet 006E</t>
  </si>
  <si>
    <t>E01000176</t>
  </si>
  <si>
    <t>Barnet 027A</t>
  </si>
  <si>
    <t>E02000050</t>
  </si>
  <si>
    <t>Barnet 027</t>
  </si>
  <si>
    <t>E01000177</t>
  </si>
  <si>
    <t>Barnet 029A</t>
  </si>
  <si>
    <t>E02000052</t>
  </si>
  <si>
    <t>Barnet 029</t>
  </si>
  <si>
    <t>E01000178</t>
  </si>
  <si>
    <t>Barnet 027B</t>
  </si>
  <si>
    <t>E01000179</t>
  </si>
  <si>
    <t>Barnet 029B</t>
  </si>
  <si>
    <t>E01000180</t>
  </si>
  <si>
    <t>Barnet 029C</t>
  </si>
  <si>
    <t>E01000181</t>
  </si>
  <si>
    <t>Barnet 029D</t>
  </si>
  <si>
    <t>E01000182</t>
  </si>
  <si>
    <t>Barnet 029E</t>
  </si>
  <si>
    <t>E01000183</t>
  </si>
  <si>
    <t>Barnet 033A</t>
  </si>
  <si>
    <t>E02000056</t>
  </si>
  <si>
    <t>Barnet 033</t>
  </si>
  <si>
    <t>E01000184</t>
  </si>
  <si>
    <t>Barnet 027C</t>
  </si>
  <si>
    <t>E01000185</t>
  </si>
  <si>
    <t>Barnet 029F</t>
  </si>
  <si>
    <t>E01000186</t>
  </si>
  <si>
    <t>Barnet 014A</t>
  </si>
  <si>
    <t>E02000037</t>
  </si>
  <si>
    <t>Barnet 014</t>
  </si>
  <si>
    <t>E01000187</t>
  </si>
  <si>
    <t>Barnet 014B</t>
  </si>
  <si>
    <t>E01000188</t>
  </si>
  <si>
    <t>Barnet 014C</t>
  </si>
  <si>
    <t>E01000189</t>
  </si>
  <si>
    <t>Barnet 014D</t>
  </si>
  <si>
    <t>E01000190</t>
  </si>
  <si>
    <t>Barnet 014E</t>
  </si>
  <si>
    <t>E01000191</t>
  </si>
  <si>
    <t>Barnet 014F</t>
  </si>
  <si>
    <t>E01000192</t>
  </si>
  <si>
    <t>Barnet 018A</t>
  </si>
  <si>
    <t>E02000041</t>
  </si>
  <si>
    <t>Barnet 018</t>
  </si>
  <si>
    <t>E01000193</t>
  </si>
  <si>
    <t>Barnet 018B</t>
  </si>
  <si>
    <t>E01000194</t>
  </si>
  <si>
    <t>Barnet 018C</t>
  </si>
  <si>
    <t>E01000195</t>
  </si>
  <si>
    <t>Barnet 013A</t>
  </si>
  <si>
    <t>E02000036</t>
  </si>
  <si>
    <t>Barnet 013</t>
  </si>
  <si>
    <t>E01000196</t>
  </si>
  <si>
    <t>Barnet 028A</t>
  </si>
  <si>
    <t>E02000051</t>
  </si>
  <si>
    <t>Barnet 028</t>
  </si>
  <si>
    <t>E01000197</t>
  </si>
  <si>
    <t>Barnet 023A</t>
  </si>
  <si>
    <t>E02000046</t>
  </si>
  <si>
    <t>Barnet 023</t>
  </si>
  <si>
    <t>E01000198</t>
  </si>
  <si>
    <t>Barnet 025A</t>
  </si>
  <si>
    <t>E02000048</t>
  </si>
  <si>
    <t>Barnet 025</t>
  </si>
  <si>
    <t>E01000199</t>
  </si>
  <si>
    <t>Barnet 025B</t>
  </si>
  <si>
    <t>E01000200</t>
  </si>
  <si>
    <t>Barnet 028B</t>
  </si>
  <si>
    <t>E01000201</t>
  </si>
  <si>
    <t>Barnet 028C</t>
  </si>
  <si>
    <t>E01000202</t>
  </si>
  <si>
    <t>Barnet 028D</t>
  </si>
  <si>
    <t>E01000203</t>
  </si>
  <si>
    <t>Barnet 028E</t>
  </si>
  <si>
    <t>E01000204</t>
  </si>
  <si>
    <t>Barnet 025C</t>
  </si>
  <si>
    <t>E01000205</t>
  </si>
  <si>
    <t>Barnet 035A</t>
  </si>
  <si>
    <t>E02000058</t>
  </si>
  <si>
    <t>Barnet 035</t>
  </si>
  <si>
    <t>E01000206</t>
  </si>
  <si>
    <t>Barnet 033B</t>
  </si>
  <si>
    <t>E01000207</t>
  </si>
  <si>
    <t>Barnet 033C</t>
  </si>
  <si>
    <t>E01000208</t>
  </si>
  <si>
    <t>Barnet 033D</t>
  </si>
  <si>
    <t>E01000209</t>
  </si>
  <si>
    <t>Barnet 035B</t>
  </si>
  <si>
    <t>E01000210</t>
  </si>
  <si>
    <t>Barnet 033E</t>
  </si>
  <si>
    <t>E01000211</t>
  </si>
  <si>
    <t>Barnet 035C</t>
  </si>
  <si>
    <t>E01000212</t>
  </si>
  <si>
    <t>Barnet 035D</t>
  </si>
  <si>
    <t>E01000213</t>
  </si>
  <si>
    <t>Barnet 033F</t>
  </si>
  <si>
    <t>E01000214</t>
  </si>
  <si>
    <t>Barnet 038E</t>
  </si>
  <si>
    <t>E01000215</t>
  </si>
  <si>
    <t>Barnet 037B</t>
  </si>
  <si>
    <t>E01000216</t>
  </si>
  <si>
    <t>Barnet 035E</t>
  </si>
  <si>
    <t>E01000217</t>
  </si>
  <si>
    <t>Barnet 035F</t>
  </si>
  <si>
    <t>E01000218</t>
  </si>
  <si>
    <t>Barnet 037C</t>
  </si>
  <si>
    <t>E01000219</t>
  </si>
  <si>
    <t>Barnet 037D</t>
  </si>
  <si>
    <t>E01000220</t>
  </si>
  <si>
    <t>Barnet 037E</t>
  </si>
  <si>
    <t>E01000221</t>
  </si>
  <si>
    <t>Barnet 039B</t>
  </si>
  <si>
    <t>E01000222</t>
  </si>
  <si>
    <t>Barnet 040C</t>
  </si>
  <si>
    <t>E01000223</t>
  </si>
  <si>
    <t>Barnet 039C</t>
  </si>
  <si>
    <t>E01000224</t>
  </si>
  <si>
    <t>Barnet 040D</t>
  </si>
  <si>
    <t>E01000225</t>
  </si>
  <si>
    <t>Barnet 037F</t>
  </si>
  <si>
    <t>E01000226</t>
  </si>
  <si>
    <t>Barnet 018D</t>
  </si>
  <si>
    <t>E01000227</t>
  </si>
  <si>
    <t>Barnet 018E</t>
  </si>
  <si>
    <t>E01000228</t>
  </si>
  <si>
    <t>Barnet 007A</t>
  </si>
  <si>
    <t>E02000030</t>
  </si>
  <si>
    <t>Barnet 007</t>
  </si>
  <si>
    <t>E01000229</t>
  </si>
  <si>
    <t>Barnet 013B</t>
  </si>
  <si>
    <t>E01000230</t>
  </si>
  <si>
    <t>Barnet 013C</t>
  </si>
  <si>
    <t>E01000231</t>
  </si>
  <si>
    <t>Barnet 013D</t>
  </si>
  <si>
    <t>E01000232</t>
  </si>
  <si>
    <t>Barnet 013E</t>
  </si>
  <si>
    <t>E01000233</t>
  </si>
  <si>
    <t>Barnet 013F</t>
  </si>
  <si>
    <t>E01000234</t>
  </si>
  <si>
    <t>Barnet 021D</t>
  </si>
  <si>
    <t>E01000235</t>
  </si>
  <si>
    <t>Barnet 021E</t>
  </si>
  <si>
    <t>E01000236</t>
  </si>
  <si>
    <t>Barnet 034A</t>
  </si>
  <si>
    <t>E02000057</t>
  </si>
  <si>
    <t>Barnet 034</t>
  </si>
  <si>
    <t>E01000237</t>
  </si>
  <si>
    <t>Barnet 032A</t>
  </si>
  <si>
    <t>E02000055</t>
  </si>
  <si>
    <t>Barnet 032</t>
  </si>
  <si>
    <t>E01000238</t>
  </si>
  <si>
    <t>Barnet 034B</t>
  </si>
  <si>
    <t>E01000239</t>
  </si>
  <si>
    <t>Barnet 031A</t>
  </si>
  <si>
    <t>E02000054</t>
  </si>
  <si>
    <t>Barnet 031</t>
  </si>
  <si>
    <t>E01000240</t>
  </si>
  <si>
    <t>Barnet 031B</t>
  </si>
  <si>
    <t>E01000241</t>
  </si>
  <si>
    <t>Barnet 031C</t>
  </si>
  <si>
    <t>E01000242</t>
  </si>
  <si>
    <t>Barnet 032B</t>
  </si>
  <si>
    <t>E01000243</t>
  </si>
  <si>
    <t>Barnet 032C</t>
  </si>
  <si>
    <t>E01000244</t>
  </si>
  <si>
    <t>Barnet 032D</t>
  </si>
  <si>
    <t>E01000245</t>
  </si>
  <si>
    <t>Barnet 032E</t>
  </si>
  <si>
    <t>E01000246</t>
  </si>
  <si>
    <t>Barnet 002B</t>
  </si>
  <si>
    <t>E01000247</t>
  </si>
  <si>
    <t>Barnet 002C</t>
  </si>
  <si>
    <t>E01000248</t>
  </si>
  <si>
    <t>Barnet 001A</t>
  </si>
  <si>
    <t>E02000024</t>
  </si>
  <si>
    <t>Barnet 001</t>
  </si>
  <si>
    <t>E01000249</t>
  </si>
  <si>
    <t>Barnet 001B</t>
  </si>
  <si>
    <t>E01000250</t>
  </si>
  <si>
    <t>Barnet 001C</t>
  </si>
  <si>
    <t>E01000251</t>
  </si>
  <si>
    <t>Barnet 002D</t>
  </si>
  <si>
    <t>E01000252</t>
  </si>
  <si>
    <t>Barnet 002E</t>
  </si>
  <si>
    <t>E01000253</t>
  </si>
  <si>
    <t>Barnet 007B</t>
  </si>
  <si>
    <t>E01000254</t>
  </si>
  <si>
    <t>Barnet 001D</t>
  </si>
  <si>
    <t>E01000255</t>
  </si>
  <si>
    <t>Barnet 017A</t>
  </si>
  <si>
    <t>E02000040</t>
  </si>
  <si>
    <t>Barnet 017</t>
  </si>
  <si>
    <t>E01000256</t>
  </si>
  <si>
    <t>Barnet 016A</t>
  </si>
  <si>
    <t>E02000039</t>
  </si>
  <si>
    <t>Barnet 016</t>
  </si>
  <si>
    <t>E01000257</t>
  </si>
  <si>
    <t>Barnet 017B</t>
  </si>
  <si>
    <t>E01000258</t>
  </si>
  <si>
    <t>Barnet 016B</t>
  </si>
  <si>
    <t>E01000259</t>
  </si>
  <si>
    <t>Barnet 025D</t>
  </si>
  <si>
    <t>E01000260</t>
  </si>
  <si>
    <t>Barnet 025E</t>
  </si>
  <si>
    <t>E01000261</t>
  </si>
  <si>
    <t>Barnet 017C</t>
  </si>
  <si>
    <t>E01000263</t>
  </si>
  <si>
    <t>Barnet 016C</t>
  </si>
  <si>
    <t>E01000264</t>
  </si>
  <si>
    <t>Barnet 016D</t>
  </si>
  <si>
    <t>E01000265</t>
  </si>
  <si>
    <t>Barnet 011A</t>
  </si>
  <si>
    <t>E02000034</t>
  </si>
  <si>
    <t>Barnet 011</t>
  </si>
  <si>
    <t>E01000266</t>
  </si>
  <si>
    <t>Barnet 011B</t>
  </si>
  <si>
    <t>E01000267</t>
  </si>
  <si>
    <t>Barnet 005A</t>
  </si>
  <si>
    <t>E02000028</t>
  </si>
  <si>
    <t>Barnet 005</t>
  </si>
  <si>
    <t>E01000268</t>
  </si>
  <si>
    <t>Barnet 005B</t>
  </si>
  <si>
    <t>E01000269</t>
  </si>
  <si>
    <t>Barnet 005C</t>
  </si>
  <si>
    <t>E01000270</t>
  </si>
  <si>
    <t>Barnet 005D</t>
  </si>
  <si>
    <t>E01000271</t>
  </si>
  <si>
    <t>Barnet 008A</t>
  </si>
  <si>
    <t>E02000031</t>
  </si>
  <si>
    <t>Barnet 008</t>
  </si>
  <si>
    <t>E01000272</t>
  </si>
  <si>
    <t>Barnet 008B</t>
  </si>
  <si>
    <t>E01000273</t>
  </si>
  <si>
    <t>Barnet 008C</t>
  </si>
  <si>
    <t>E01000274</t>
  </si>
  <si>
    <t>Barnet 011C</t>
  </si>
  <si>
    <t>E01000275</t>
  </si>
  <si>
    <t>Barnet 012A</t>
  </si>
  <si>
    <t>E02000035</t>
  </si>
  <si>
    <t>Barnet 012</t>
  </si>
  <si>
    <t>E01000276</t>
  </si>
  <si>
    <t>Barnet 020A</t>
  </si>
  <si>
    <t>E02000043</t>
  </si>
  <si>
    <t>Barnet 020</t>
  </si>
  <si>
    <t>E01000277</t>
  </si>
  <si>
    <t>Barnet 012B</t>
  </si>
  <si>
    <t>E01000278</t>
  </si>
  <si>
    <t>Barnet 020B</t>
  </si>
  <si>
    <t>E01000279</t>
  </si>
  <si>
    <t>Barnet 007C</t>
  </si>
  <si>
    <t>E01000280</t>
  </si>
  <si>
    <t>Barnet 007D</t>
  </si>
  <si>
    <t>E01000281</t>
  </si>
  <si>
    <t>Barnet 008D</t>
  </si>
  <si>
    <t>E01000282</t>
  </si>
  <si>
    <t>Barnet 008E</t>
  </si>
  <si>
    <t>E01000283</t>
  </si>
  <si>
    <t>Barnet 012C</t>
  </si>
  <si>
    <t>E01000284</t>
  </si>
  <si>
    <t>Barnet 012D</t>
  </si>
  <si>
    <t>E01000285</t>
  </si>
  <si>
    <t>Barnet 004A</t>
  </si>
  <si>
    <t>E02000027</t>
  </si>
  <si>
    <t>Barnet 004</t>
  </si>
  <si>
    <t>E01000286</t>
  </si>
  <si>
    <t>Barnet 007E</t>
  </si>
  <si>
    <t>E01000287</t>
  </si>
  <si>
    <t>Barnet 004B</t>
  </si>
  <si>
    <t>E01000288</t>
  </si>
  <si>
    <t>Barnet 004C</t>
  </si>
  <si>
    <t>E01000289</t>
  </si>
  <si>
    <t>Barnet 004D</t>
  </si>
  <si>
    <t>E01000290</t>
  </si>
  <si>
    <t>Barnet 007F</t>
  </si>
  <si>
    <t>E01000291</t>
  </si>
  <si>
    <t>Barnet 004E</t>
  </si>
  <si>
    <t>E01000292</t>
  </si>
  <si>
    <t>Barnet 001E</t>
  </si>
  <si>
    <t>E01000293</t>
  </si>
  <si>
    <t>Barnet 001F</t>
  </si>
  <si>
    <t>E01000294</t>
  </si>
  <si>
    <t>Barnet 004F</t>
  </si>
  <si>
    <t>E01000295</t>
  </si>
  <si>
    <t>Barnet 023B</t>
  </si>
  <si>
    <t>E01000296</t>
  </si>
  <si>
    <t>Barnet 023C</t>
  </si>
  <si>
    <t>E01000297</t>
  </si>
  <si>
    <t>Barnet 027D</t>
  </si>
  <si>
    <t>E01000298</t>
  </si>
  <si>
    <t>Barnet 023D</t>
  </si>
  <si>
    <t>E01000299</t>
  </si>
  <si>
    <t>Barnet 019A</t>
  </si>
  <si>
    <t>E02000042</t>
  </si>
  <si>
    <t>Barnet 019</t>
  </si>
  <si>
    <t>E01000300</t>
  </si>
  <si>
    <t>Barnet 019B</t>
  </si>
  <si>
    <t>E01000301</t>
  </si>
  <si>
    <t>Barnet 020C</t>
  </si>
  <si>
    <t>E01000302</t>
  </si>
  <si>
    <t>Barnet 019C</t>
  </si>
  <si>
    <t>E01000303</t>
  </si>
  <si>
    <t>Barnet 020D</t>
  </si>
  <si>
    <t>E01000304</t>
  </si>
  <si>
    <t>Barnet 020E</t>
  </si>
  <si>
    <t>E01000305</t>
  </si>
  <si>
    <t>Barnet 036B</t>
  </si>
  <si>
    <t>E01000306</t>
  </si>
  <si>
    <t>Barnet 036C</t>
  </si>
  <si>
    <t>E01000307</t>
  </si>
  <si>
    <t>Barnet 039D</t>
  </si>
  <si>
    <t>E01000308</t>
  </si>
  <si>
    <t>Barnet 036D</t>
  </si>
  <si>
    <t>E01000309</t>
  </si>
  <si>
    <t>Barnet 031D</t>
  </si>
  <si>
    <t>E01000310</t>
  </si>
  <si>
    <t>Barnet 034C</t>
  </si>
  <si>
    <t>E01000311</t>
  </si>
  <si>
    <t>Barnet 034D</t>
  </si>
  <si>
    <t>E01000312</t>
  </si>
  <si>
    <t>Barnet 036E</t>
  </si>
  <si>
    <t>E01000313</t>
  </si>
  <si>
    <t>Barnet 036F</t>
  </si>
  <si>
    <t>E01000314</t>
  </si>
  <si>
    <t>Barnet 032F</t>
  </si>
  <si>
    <t>E01000315</t>
  </si>
  <si>
    <t>Barnet 022F</t>
  </si>
  <si>
    <t>E01000316</t>
  </si>
  <si>
    <t>Barnet 027E</t>
  </si>
  <si>
    <t>E01000317</t>
  </si>
  <si>
    <t>Barnet 019D</t>
  </si>
  <si>
    <t>E01000318</t>
  </si>
  <si>
    <t>Barnet 019E</t>
  </si>
  <si>
    <t>E01000319</t>
  </si>
  <si>
    <t>Barnet 027F</t>
  </si>
  <si>
    <t>E01000320</t>
  </si>
  <si>
    <t>Barnet 011D</t>
  </si>
  <si>
    <t>E01000321</t>
  </si>
  <si>
    <t>Barnet 012E</t>
  </si>
  <si>
    <t>E01000322</t>
  </si>
  <si>
    <t>Barnet 011E</t>
  </si>
  <si>
    <t>E01000323</t>
  </si>
  <si>
    <t>Barnet 019F</t>
  </si>
  <si>
    <t>E01000324</t>
  </si>
  <si>
    <t>Barnet 015F</t>
  </si>
  <si>
    <t>E01000325</t>
  </si>
  <si>
    <t>Bexley 014A</t>
  </si>
  <si>
    <t>E02000078</t>
  </si>
  <si>
    <t>Bexley 014</t>
  </si>
  <si>
    <t>E09000004</t>
  </si>
  <si>
    <t>Bexley</t>
  </si>
  <si>
    <t>E01000326</t>
  </si>
  <si>
    <t>Bexley 014B</t>
  </si>
  <si>
    <t>E01000327</t>
  </si>
  <si>
    <t>Bexley 017A</t>
  </si>
  <si>
    <t>E02000081</t>
  </si>
  <si>
    <t>Bexley 017</t>
  </si>
  <si>
    <t>E01000328</t>
  </si>
  <si>
    <t>Bexley 017B</t>
  </si>
  <si>
    <t>E01000329</t>
  </si>
  <si>
    <t>Bexley 017C</t>
  </si>
  <si>
    <t>E01000330</t>
  </si>
  <si>
    <t>Bexley 017D</t>
  </si>
  <si>
    <t>E01000331</t>
  </si>
  <si>
    <t>Bexley 017E</t>
  </si>
  <si>
    <t>E01000332</t>
  </si>
  <si>
    <t>Bexley 005A</t>
  </si>
  <si>
    <t>E02000069</t>
  </si>
  <si>
    <t>Bexley 005</t>
  </si>
  <si>
    <t>E01000333</t>
  </si>
  <si>
    <t>Bexley 003A</t>
  </si>
  <si>
    <t>E02000067</t>
  </si>
  <si>
    <t>Bexley 003</t>
  </si>
  <si>
    <t>E01000334</t>
  </si>
  <si>
    <t>Bexley 006A</t>
  </si>
  <si>
    <t>E02000070</t>
  </si>
  <si>
    <t>Bexley 006</t>
  </si>
  <si>
    <t>E01000335</t>
  </si>
  <si>
    <t>Bexley 003B</t>
  </si>
  <si>
    <t>E01000336</t>
  </si>
  <si>
    <t>Bexley 003C</t>
  </si>
  <si>
    <t>E01000337</t>
  </si>
  <si>
    <t>Bexley 003D</t>
  </si>
  <si>
    <t>E01000338</t>
  </si>
  <si>
    <t>Bexley 003E</t>
  </si>
  <si>
    <t>E01000339</t>
  </si>
  <si>
    <t>Bexley 025A</t>
  </si>
  <si>
    <t>E02000089</t>
  </si>
  <si>
    <t>Bexley 025</t>
  </si>
  <si>
    <t>E01000340</t>
  </si>
  <si>
    <t>Bexley 018A</t>
  </si>
  <si>
    <t>E02000082</t>
  </si>
  <si>
    <t>Bexley 018</t>
  </si>
  <si>
    <t>E01000341</t>
  </si>
  <si>
    <t>Bexley 022A</t>
  </si>
  <si>
    <t>E02000086</t>
  </si>
  <si>
    <t>Bexley 022</t>
  </si>
  <si>
    <t>E01000342</t>
  </si>
  <si>
    <t>Bexley 022B</t>
  </si>
  <si>
    <t>E01000343</t>
  </si>
  <si>
    <t>Bexley 022C</t>
  </si>
  <si>
    <t>E01000344</t>
  </si>
  <si>
    <t>Bexley 025B</t>
  </si>
  <si>
    <t>E01000345</t>
  </si>
  <si>
    <t>Bexley 022D</t>
  </si>
  <si>
    <t>E01000346</t>
  </si>
  <si>
    <t>Bexley 021A</t>
  </si>
  <si>
    <t>E02000085</t>
  </si>
  <si>
    <t>Bexley 021</t>
  </si>
  <si>
    <t>E01000347</t>
  </si>
  <si>
    <t>Bexley 021B</t>
  </si>
  <si>
    <t>E01000348</t>
  </si>
  <si>
    <t>Bexley 020A</t>
  </si>
  <si>
    <t>E02000084</t>
  </si>
  <si>
    <t>Bexley 020</t>
  </si>
  <si>
    <t>E01000349</t>
  </si>
  <si>
    <t>Bexley 020B</t>
  </si>
  <si>
    <t>E01000350</t>
  </si>
  <si>
    <t>Bexley 021C</t>
  </si>
  <si>
    <t>E01000351</t>
  </si>
  <si>
    <t>Bexley 024A</t>
  </si>
  <si>
    <t>E02000088</t>
  </si>
  <si>
    <t>Bexley 024</t>
  </si>
  <si>
    <t>E01000352</t>
  </si>
  <si>
    <t>Bexley 021D</t>
  </si>
  <si>
    <t>E01000353</t>
  </si>
  <si>
    <t>Bexley 011A</t>
  </si>
  <si>
    <t>E02000075</t>
  </si>
  <si>
    <t>Bexley 011</t>
  </si>
  <si>
    <t>E01000354</t>
  </si>
  <si>
    <t>Bexley 011B</t>
  </si>
  <si>
    <t>E01000355</t>
  </si>
  <si>
    <t>Bexley 011C</t>
  </si>
  <si>
    <t>E01000356</t>
  </si>
  <si>
    <t>Bexley 009A</t>
  </si>
  <si>
    <t>E02000073</t>
  </si>
  <si>
    <t>Bexley 009</t>
  </si>
  <si>
    <t>E01000357</t>
  </si>
  <si>
    <t>Bexley 009B</t>
  </si>
  <si>
    <t>E01000358</t>
  </si>
  <si>
    <t>Bexley 011D</t>
  </si>
  <si>
    <t>E01000359</t>
  </si>
  <si>
    <t>Bexley 009C</t>
  </si>
  <si>
    <t>E01000360</t>
  </si>
  <si>
    <t>Bexley 015A</t>
  </si>
  <si>
    <t>E02000079</t>
  </si>
  <si>
    <t>Bexley 015</t>
  </si>
  <si>
    <t>E01000361</t>
  </si>
  <si>
    <t>Bexley 020C</t>
  </si>
  <si>
    <t>E01000362</t>
  </si>
  <si>
    <t>Bexley 015B</t>
  </si>
  <si>
    <t>E01000363</t>
  </si>
  <si>
    <t>Bexley 020D</t>
  </si>
  <si>
    <t>E01000364</t>
  </si>
  <si>
    <t>Bexley 023A</t>
  </si>
  <si>
    <t>E02000087</t>
  </si>
  <si>
    <t>Bexley 023</t>
  </si>
  <si>
    <t>E01000365</t>
  </si>
  <si>
    <t>Bexley 015C</t>
  </si>
  <si>
    <t>E01000366</t>
  </si>
  <si>
    <t>Bexley 015D</t>
  </si>
  <si>
    <t>E01000367</t>
  </si>
  <si>
    <t>Bexley 010A</t>
  </si>
  <si>
    <t>E02000074</t>
  </si>
  <si>
    <t>Bexley 010</t>
  </si>
  <si>
    <t>E01000368</t>
  </si>
  <si>
    <t>Bexley 010B</t>
  </si>
  <si>
    <t>E01000369</t>
  </si>
  <si>
    <t>Bexley 014C</t>
  </si>
  <si>
    <t>E01000370</t>
  </si>
  <si>
    <t>Bexley 014D</t>
  </si>
  <si>
    <t>E01000371</t>
  </si>
  <si>
    <t>Bexley 014E</t>
  </si>
  <si>
    <t>E01000372</t>
  </si>
  <si>
    <t>Bexley 010C</t>
  </si>
  <si>
    <t>E01000373</t>
  </si>
  <si>
    <t>Bexley 008A</t>
  </si>
  <si>
    <t>E02000072</t>
  </si>
  <si>
    <t>Bexley 008</t>
  </si>
  <si>
    <t>E01000374</t>
  </si>
  <si>
    <t>Bexley 019A</t>
  </si>
  <si>
    <t>E02000083</t>
  </si>
  <si>
    <t>Bexley 019</t>
  </si>
  <si>
    <t>E01000375</t>
  </si>
  <si>
    <t>Bexley 019B</t>
  </si>
  <si>
    <t>E01000376</t>
  </si>
  <si>
    <t>Bexley 019C</t>
  </si>
  <si>
    <t>E01000377</t>
  </si>
  <si>
    <t>Bexley 019D</t>
  </si>
  <si>
    <t>E01000379</t>
  </si>
  <si>
    <t>Bexley 019F</t>
  </si>
  <si>
    <t>E01000380</t>
  </si>
  <si>
    <t>Bexley 010D</t>
  </si>
  <si>
    <t>E01000381</t>
  </si>
  <si>
    <t>Bexley 028A</t>
  </si>
  <si>
    <t>E02000092</t>
  </si>
  <si>
    <t>Bexley 028</t>
  </si>
  <si>
    <t>SPN</t>
  </si>
  <si>
    <t>E01000382</t>
  </si>
  <si>
    <t>Bexley 027A</t>
  </si>
  <si>
    <t>E02000091</t>
  </si>
  <si>
    <t>Bexley 027</t>
  </si>
  <si>
    <t>E01000383</t>
  </si>
  <si>
    <t>Bexley 028B</t>
  </si>
  <si>
    <t>E01000384</t>
  </si>
  <si>
    <t>Bexley 027B</t>
  </si>
  <si>
    <t>E01000385</t>
  </si>
  <si>
    <t>Bexley 028C</t>
  </si>
  <si>
    <t>E01000386</t>
  </si>
  <si>
    <t>Bexley 028D</t>
  </si>
  <si>
    <t>E01000387</t>
  </si>
  <si>
    <t>Bexley 027C</t>
  </si>
  <si>
    <t>E01000388</t>
  </si>
  <si>
    <t>Bexley 016A</t>
  </si>
  <si>
    <t>E02000080</t>
  </si>
  <si>
    <t>Bexley 016</t>
  </si>
  <si>
    <t>E01000389</t>
  </si>
  <si>
    <t>Bexley 020E</t>
  </si>
  <si>
    <t>E01000390</t>
  </si>
  <si>
    <t>Bexley 020F</t>
  </si>
  <si>
    <t>E01000391</t>
  </si>
  <si>
    <t>Bexley 021E</t>
  </si>
  <si>
    <t>E01000392</t>
  </si>
  <si>
    <t>Bexley 016B</t>
  </si>
  <si>
    <t>E01000393</t>
  </si>
  <si>
    <t>Bexley 020G</t>
  </si>
  <si>
    <t>E01000394</t>
  </si>
  <si>
    <t>Bexley 015E</t>
  </si>
  <si>
    <t>E01000395</t>
  </si>
  <si>
    <t>Bexley 018B</t>
  </si>
  <si>
    <t>E01000396</t>
  </si>
  <si>
    <t>Bexley 018C</t>
  </si>
  <si>
    <t>E01000398</t>
  </si>
  <si>
    <t>Bexley 029A</t>
  </si>
  <si>
    <t>E02006785</t>
  </si>
  <si>
    <t>Bexley 029</t>
  </si>
  <si>
    <t>E01000399</t>
  </si>
  <si>
    <t>Bexley 029B</t>
  </si>
  <si>
    <t>E01000400</t>
  </si>
  <si>
    <t>Bexley 029C</t>
  </si>
  <si>
    <t>E01000401</t>
  </si>
  <si>
    <t>Bexley 013A</t>
  </si>
  <si>
    <t>E02000077</t>
  </si>
  <si>
    <t>Bexley 013</t>
  </si>
  <si>
    <t>E01000402</t>
  </si>
  <si>
    <t>Bexley 005B</t>
  </si>
  <si>
    <t>E01000403</t>
  </si>
  <si>
    <t>Bexley 004A</t>
  </si>
  <si>
    <t>E02000068</t>
  </si>
  <si>
    <t>Bexley 004</t>
  </si>
  <si>
    <t>E01000404</t>
  </si>
  <si>
    <t>Bexley 004B</t>
  </si>
  <si>
    <t>E01000405</t>
  </si>
  <si>
    <t>Bexley 004C</t>
  </si>
  <si>
    <t>E01000406</t>
  </si>
  <si>
    <t>Bexley 005C</t>
  </si>
  <si>
    <t>E01000407</t>
  </si>
  <si>
    <t>Bexley 005D</t>
  </si>
  <si>
    <t>E01000408</t>
  </si>
  <si>
    <t>Bexley 004D</t>
  </si>
  <si>
    <t>E01000409</t>
  </si>
  <si>
    <t>Bexley 016C</t>
  </si>
  <si>
    <t>E01000410</t>
  </si>
  <si>
    <t>Bexley 018D</t>
  </si>
  <si>
    <t>E01000411</t>
  </si>
  <si>
    <t>Bexley 016D</t>
  </si>
  <si>
    <t>E01000412</t>
  </si>
  <si>
    <t>Bexley 018E</t>
  </si>
  <si>
    <t>E01000413</t>
  </si>
  <si>
    <t>Bexley 018F</t>
  </si>
  <si>
    <t>E01000414</t>
  </si>
  <si>
    <t>Bexley 016E</t>
  </si>
  <si>
    <t>E01000415</t>
  </si>
  <si>
    <t>Bexley 016F</t>
  </si>
  <si>
    <t>E01000416</t>
  </si>
  <si>
    <t>Bexley 002A</t>
  </si>
  <si>
    <t>E02000066</t>
  </si>
  <si>
    <t>Bexley 002</t>
  </si>
  <si>
    <t>E01000417</t>
  </si>
  <si>
    <t>Bexley 006B</t>
  </si>
  <si>
    <t>E01000418</t>
  </si>
  <si>
    <t>Bexley 002B</t>
  </si>
  <si>
    <t>E01000419</t>
  </si>
  <si>
    <t>Bexley 006C</t>
  </si>
  <si>
    <t>E01000420</t>
  </si>
  <si>
    <t>Bexley 006D</t>
  </si>
  <si>
    <t>E01000421</t>
  </si>
  <si>
    <t>Bexley 009D</t>
  </si>
  <si>
    <t>E01000422</t>
  </si>
  <si>
    <t>Bexley 002C</t>
  </si>
  <si>
    <t>E01000423</t>
  </si>
  <si>
    <t>Bexley 025C</t>
  </si>
  <si>
    <t>E01000424</t>
  </si>
  <si>
    <t>Bexley 026A</t>
  </si>
  <si>
    <t>E02000090</t>
  </si>
  <si>
    <t>Bexley 026</t>
  </si>
  <si>
    <t>E01000425</t>
  </si>
  <si>
    <t>Bexley 025D</t>
  </si>
  <si>
    <t>E01000426</t>
  </si>
  <si>
    <t>Bexley 026B</t>
  </si>
  <si>
    <t>E01000427</t>
  </si>
  <si>
    <t>Bexley 026C</t>
  </si>
  <si>
    <t>E01000428</t>
  </si>
  <si>
    <t>Bexley 027D</t>
  </si>
  <si>
    <t>E01000429</t>
  </si>
  <si>
    <t>Bexley 008B</t>
  </si>
  <si>
    <t>E01000430</t>
  </si>
  <si>
    <t>Bexley 008C</t>
  </si>
  <si>
    <t>E01000431</t>
  </si>
  <si>
    <t>Bexley 008D</t>
  </si>
  <si>
    <t>E01000433</t>
  </si>
  <si>
    <t>Bexley 008F</t>
  </si>
  <si>
    <t>E01000434</t>
  </si>
  <si>
    <t>Bexley 008G</t>
  </si>
  <si>
    <t>E01000435</t>
  </si>
  <si>
    <t>Bexley 010E</t>
  </si>
  <si>
    <t>E01000436</t>
  </si>
  <si>
    <t>Bexley 011E</t>
  </si>
  <si>
    <t>E01000437</t>
  </si>
  <si>
    <t>Bexley 007A</t>
  </si>
  <si>
    <t>E02000071</t>
  </si>
  <si>
    <t>Bexley 007</t>
  </si>
  <si>
    <t>E01000438</t>
  </si>
  <si>
    <t>Bexley 007B</t>
  </si>
  <si>
    <t>E01000439</t>
  </si>
  <si>
    <t>Bexley 007C</t>
  </si>
  <si>
    <t>E01000440</t>
  </si>
  <si>
    <t>Bexley 007D</t>
  </si>
  <si>
    <t>E01000441</t>
  </si>
  <si>
    <t>Bexley 007E</t>
  </si>
  <si>
    <t>E01000442</t>
  </si>
  <si>
    <t>Bexley 006E</t>
  </si>
  <si>
    <t>E01000443</t>
  </si>
  <si>
    <t>Bexley 024B</t>
  </si>
  <si>
    <t>E01000444</t>
  </si>
  <si>
    <t>Bexley 023B</t>
  </si>
  <si>
    <t>E01000445</t>
  </si>
  <si>
    <t>Bexley 024C</t>
  </si>
  <si>
    <t>E01000446</t>
  </si>
  <si>
    <t>Bexley 024D</t>
  </si>
  <si>
    <t>E01000447</t>
  </si>
  <si>
    <t>Bexley 023C</t>
  </si>
  <si>
    <t>E01000448</t>
  </si>
  <si>
    <t>Bexley 023D</t>
  </si>
  <si>
    <t>E01000449</t>
  </si>
  <si>
    <t>Bexley 023E</t>
  </si>
  <si>
    <t>E01000450</t>
  </si>
  <si>
    <t>Bexley 009E</t>
  </si>
  <si>
    <t>E01000451</t>
  </si>
  <si>
    <t>Bexley 009F</t>
  </si>
  <si>
    <t>E01000452</t>
  </si>
  <si>
    <t>Bexley 009G</t>
  </si>
  <si>
    <t>E01000453</t>
  </si>
  <si>
    <t>Bexley 013B</t>
  </si>
  <si>
    <t>E01000454</t>
  </si>
  <si>
    <t>Bexley 013C</t>
  </si>
  <si>
    <t>E01000455</t>
  </si>
  <si>
    <t>Bexley 013D</t>
  </si>
  <si>
    <t>E01000456</t>
  </si>
  <si>
    <t>Bexley 013E</t>
  </si>
  <si>
    <t>E01000457</t>
  </si>
  <si>
    <t>Bexley 026D</t>
  </si>
  <si>
    <t>E01000458</t>
  </si>
  <si>
    <t>Bexley 027E</t>
  </si>
  <si>
    <t>E01000459</t>
  </si>
  <si>
    <t>Bexley 027F</t>
  </si>
  <si>
    <t>E01000460</t>
  </si>
  <si>
    <t>Bexley 022E</t>
  </si>
  <si>
    <t>E01000461</t>
  </si>
  <si>
    <t>Bexley 024E</t>
  </si>
  <si>
    <t>E01000462</t>
  </si>
  <si>
    <t>Bexley 026E</t>
  </si>
  <si>
    <t>E01000463</t>
  </si>
  <si>
    <t>Bexley 025E</t>
  </si>
  <si>
    <t>E01000464</t>
  </si>
  <si>
    <t>Bexley 002D</t>
  </si>
  <si>
    <t>E01000465</t>
  </si>
  <si>
    <t>Bexley 002E</t>
  </si>
  <si>
    <t>E01000466</t>
  </si>
  <si>
    <t>Bexley 001A</t>
  </si>
  <si>
    <t>E02000065</t>
  </si>
  <si>
    <t>Bexley 001</t>
  </si>
  <si>
    <t>E01000467</t>
  </si>
  <si>
    <t>Bexley 001B</t>
  </si>
  <si>
    <t>E01000468</t>
  </si>
  <si>
    <t>Bexley 001C</t>
  </si>
  <si>
    <t>E01000469</t>
  </si>
  <si>
    <t>Bexley 001D</t>
  </si>
  <si>
    <t>E01000470</t>
  </si>
  <si>
    <t>Bexley 002F</t>
  </si>
  <si>
    <t>E01000471</t>
  </si>
  <si>
    <t>Brent 026A</t>
  </si>
  <si>
    <t>E02000118</t>
  </si>
  <si>
    <t>Brent 026</t>
  </si>
  <si>
    <t>E09000005</t>
  </si>
  <si>
    <t>Brent</t>
  </si>
  <si>
    <t>E01000472</t>
  </si>
  <si>
    <t>Brent 029A</t>
  </si>
  <si>
    <t>E02000121</t>
  </si>
  <si>
    <t>Brent 029</t>
  </si>
  <si>
    <t>E01000473</t>
  </si>
  <si>
    <t>Brent 029B</t>
  </si>
  <si>
    <t>E01000474</t>
  </si>
  <si>
    <t>Brent 026B</t>
  </si>
  <si>
    <t>E01000475</t>
  </si>
  <si>
    <t>Brent 029C</t>
  </si>
  <si>
    <t>E01000476</t>
  </si>
  <si>
    <t>Brent 026C</t>
  </si>
  <si>
    <t>E01000477</t>
  </si>
  <si>
    <t>Brent 026D</t>
  </si>
  <si>
    <t>E01000478</t>
  </si>
  <si>
    <t>Brent 029D</t>
  </si>
  <si>
    <t>E01000479</t>
  </si>
  <si>
    <t>Brent 009A</t>
  </si>
  <si>
    <t>E02000101</t>
  </si>
  <si>
    <t>Brent 009</t>
  </si>
  <si>
    <t>E01000480</t>
  </si>
  <si>
    <t>Brent 006A</t>
  </si>
  <si>
    <t>E02000098</t>
  </si>
  <si>
    <t>Brent 006</t>
  </si>
  <si>
    <t>E01000481</t>
  </si>
  <si>
    <t>Brent 009B</t>
  </si>
  <si>
    <t>E01000483</t>
  </si>
  <si>
    <t>Brent 009D</t>
  </si>
  <si>
    <t>E01000484</t>
  </si>
  <si>
    <t>Brent 006B</t>
  </si>
  <si>
    <t>E01000485</t>
  </si>
  <si>
    <t>Brent 006C</t>
  </si>
  <si>
    <t>E01000486</t>
  </si>
  <si>
    <t>Brent 006D</t>
  </si>
  <si>
    <t>E01000487</t>
  </si>
  <si>
    <t>Brent 006E</t>
  </si>
  <si>
    <t>E01000488</t>
  </si>
  <si>
    <t>Brent 022A</t>
  </si>
  <si>
    <t>E02000114</t>
  </si>
  <si>
    <t>Brent 022</t>
  </si>
  <si>
    <t>E01000489</t>
  </si>
  <si>
    <t>Brent 030A</t>
  </si>
  <si>
    <t>E02000122</t>
  </si>
  <si>
    <t>Brent 030</t>
  </si>
  <si>
    <t>E01000490</t>
  </si>
  <si>
    <t>Brent 023A</t>
  </si>
  <si>
    <t>E02000115</t>
  </si>
  <si>
    <t>Brent 023</t>
  </si>
  <si>
    <t>E01000491</t>
  </si>
  <si>
    <t>Brent 030B</t>
  </si>
  <si>
    <t>E01000492</t>
  </si>
  <si>
    <t>Brent 030C</t>
  </si>
  <si>
    <t>E01000493</t>
  </si>
  <si>
    <t>Brent 030D</t>
  </si>
  <si>
    <t>E01000494</t>
  </si>
  <si>
    <t>Brent 023B</t>
  </si>
  <si>
    <t>E01000495</t>
  </si>
  <si>
    <t>Brent 023C</t>
  </si>
  <si>
    <t>E01000497</t>
  </si>
  <si>
    <t>Brent 011A</t>
  </si>
  <si>
    <t>E02000103</t>
  </si>
  <si>
    <t>Brent 011</t>
  </si>
  <si>
    <t>E01000498</t>
  </si>
  <si>
    <t>Brent 010B</t>
  </si>
  <si>
    <t>E02000102</t>
  </si>
  <si>
    <t>Brent 010</t>
  </si>
  <si>
    <t>E01000499</t>
  </si>
  <si>
    <t>Brent 011B</t>
  </si>
  <si>
    <t>E01000501</t>
  </si>
  <si>
    <t>Brent 011C</t>
  </si>
  <si>
    <t>E01000502</t>
  </si>
  <si>
    <t>Brent 011D</t>
  </si>
  <si>
    <t>E01000503</t>
  </si>
  <si>
    <t>Brent 011E</t>
  </si>
  <si>
    <t>E01000504</t>
  </si>
  <si>
    <t>Brent 018A</t>
  </si>
  <si>
    <t>E02000110</t>
  </si>
  <si>
    <t>Brent 018</t>
  </si>
  <si>
    <t>E01000505</t>
  </si>
  <si>
    <t>Brent 018B</t>
  </si>
  <si>
    <t>E01000506</t>
  </si>
  <si>
    <t>Brent 014A</t>
  </si>
  <si>
    <t>E02000106</t>
  </si>
  <si>
    <t>Brent 014</t>
  </si>
  <si>
    <t>E01000507</t>
  </si>
  <si>
    <t>Brent 018C</t>
  </si>
  <si>
    <t>E01000508</t>
  </si>
  <si>
    <t>Brent 025A</t>
  </si>
  <si>
    <t>E02000117</t>
  </si>
  <si>
    <t>Brent 025</t>
  </si>
  <si>
    <t>E01000509</t>
  </si>
  <si>
    <t>Brent 014B</t>
  </si>
  <si>
    <t>E01000510</t>
  </si>
  <si>
    <t>Brent 014C</t>
  </si>
  <si>
    <t>E01000511</t>
  </si>
  <si>
    <t>Brent 014D</t>
  </si>
  <si>
    <t>E01000512</t>
  </si>
  <si>
    <t>Brent 018D</t>
  </si>
  <si>
    <t>E01000513</t>
  </si>
  <si>
    <t>Brent 002A</t>
  </si>
  <si>
    <t>E02000094</t>
  </si>
  <si>
    <t>Brent 002</t>
  </si>
  <si>
    <t>E01000514</t>
  </si>
  <si>
    <t>Brent 002B</t>
  </si>
  <si>
    <t>E01000515</t>
  </si>
  <si>
    <t>Brent 003A</t>
  </si>
  <si>
    <t>E02000095</t>
  </si>
  <si>
    <t>Brent 003</t>
  </si>
  <si>
    <t>E01000516</t>
  </si>
  <si>
    <t>Brent 002C</t>
  </si>
  <si>
    <t>E01000517</t>
  </si>
  <si>
    <t>Brent 003B</t>
  </si>
  <si>
    <t>E01000518</t>
  </si>
  <si>
    <t>Brent 005A</t>
  </si>
  <si>
    <t>E02000097</t>
  </si>
  <si>
    <t>Brent 005</t>
  </si>
  <si>
    <t>E01000519</t>
  </si>
  <si>
    <t>Brent 005B</t>
  </si>
  <si>
    <t>E01000520</t>
  </si>
  <si>
    <t>Brent 002D</t>
  </si>
  <si>
    <t>E01000521</t>
  </si>
  <si>
    <t>Brent 025B</t>
  </si>
  <si>
    <t>E01000522</t>
  </si>
  <si>
    <t>Brent 025C</t>
  </si>
  <si>
    <t>E01000523</t>
  </si>
  <si>
    <t>Brent 031A</t>
  </si>
  <si>
    <t>E02000123</t>
  </si>
  <si>
    <t>Brent 031</t>
  </si>
  <si>
    <t>E01000524</t>
  </si>
  <si>
    <t>Brent 031B</t>
  </si>
  <si>
    <t>E01000525</t>
  </si>
  <si>
    <t>Brent 031C</t>
  </si>
  <si>
    <t>E01000526</t>
  </si>
  <si>
    <t>Brent 025D</t>
  </si>
  <si>
    <t>E01000527</t>
  </si>
  <si>
    <t>Brent 025E</t>
  </si>
  <si>
    <t>E01000528</t>
  </si>
  <si>
    <t>Brent 025F</t>
  </si>
  <si>
    <t>E01000530</t>
  </si>
  <si>
    <t>Brent 033A</t>
  </si>
  <si>
    <t>E02000125</t>
  </si>
  <si>
    <t>Brent 033</t>
  </si>
  <si>
    <t>E01000531</t>
  </si>
  <si>
    <t>Brent 033B</t>
  </si>
  <si>
    <t>E01000532</t>
  </si>
  <si>
    <t>Brent 033C</t>
  </si>
  <si>
    <t>E01000533</t>
  </si>
  <si>
    <t>Brent 031E</t>
  </si>
  <si>
    <t>E01000534</t>
  </si>
  <si>
    <t>Brent 033D</t>
  </si>
  <si>
    <t>E01000535</t>
  </si>
  <si>
    <t>Brent 031F</t>
  </si>
  <si>
    <t>E01000536</t>
  </si>
  <si>
    <t>Brent 004A</t>
  </si>
  <si>
    <t>E02000096</t>
  </si>
  <si>
    <t>Brent 004</t>
  </si>
  <si>
    <t>E01000538</t>
  </si>
  <si>
    <t>Brent 004B</t>
  </si>
  <si>
    <t>E01000539</t>
  </si>
  <si>
    <t>Brent 004C</t>
  </si>
  <si>
    <t>E01000540</t>
  </si>
  <si>
    <t>Brent 004D</t>
  </si>
  <si>
    <t>E01000541</t>
  </si>
  <si>
    <t>Brent 004E</t>
  </si>
  <si>
    <t>E01000543</t>
  </si>
  <si>
    <t>Brent 003E</t>
  </si>
  <si>
    <t>E01000544</t>
  </si>
  <si>
    <t>Brent 034A</t>
  </si>
  <si>
    <t>E02000126</t>
  </si>
  <si>
    <t>Brent 034</t>
  </si>
  <si>
    <t>E01000545</t>
  </si>
  <si>
    <t>Brent 028A</t>
  </si>
  <si>
    <t>E02000120</t>
  </si>
  <si>
    <t>Brent 028</t>
  </si>
  <si>
    <t>E01000546</t>
  </si>
  <si>
    <t>Brent 028B</t>
  </si>
  <si>
    <t>E01000547</t>
  </si>
  <si>
    <t>Brent 028C</t>
  </si>
  <si>
    <t>E01000548</t>
  </si>
  <si>
    <t>Brent 028D</t>
  </si>
  <si>
    <t>E01000549</t>
  </si>
  <si>
    <t>Brent 028E</t>
  </si>
  <si>
    <t>E01000550</t>
  </si>
  <si>
    <t>Brent 034B</t>
  </si>
  <si>
    <t>E01000551</t>
  </si>
  <si>
    <t>Brent 034C</t>
  </si>
  <si>
    <t>E01000552</t>
  </si>
  <si>
    <t>Brent 034D</t>
  </si>
  <si>
    <t>E01000553</t>
  </si>
  <si>
    <t>Brent 015A</t>
  </si>
  <si>
    <t>E02000107</t>
  </si>
  <si>
    <t>Brent 015</t>
  </si>
  <si>
    <t>E01000554</t>
  </si>
  <si>
    <t>Brent 015B</t>
  </si>
  <si>
    <t>E01000555</t>
  </si>
  <si>
    <t>Brent 015C</t>
  </si>
  <si>
    <t>E01000556</t>
  </si>
  <si>
    <t>Brent 015D</t>
  </si>
  <si>
    <t>E01000557</t>
  </si>
  <si>
    <t>Brent 015E</t>
  </si>
  <si>
    <t>E01000558</t>
  </si>
  <si>
    <t>Brent 015F</t>
  </si>
  <si>
    <t>E01000559</t>
  </si>
  <si>
    <t>Brent 018E</t>
  </si>
  <si>
    <t>E01000560</t>
  </si>
  <si>
    <t>Brent 023D</t>
  </si>
  <si>
    <t>E01000561</t>
  </si>
  <si>
    <t>Brent 023E</t>
  </si>
  <si>
    <t>E01000562</t>
  </si>
  <si>
    <t>Brent 008A</t>
  </si>
  <si>
    <t>E02000100</t>
  </si>
  <si>
    <t>Brent 008</t>
  </si>
  <si>
    <t>E01000563</t>
  </si>
  <si>
    <t>Brent 008B</t>
  </si>
  <si>
    <t>E01000564</t>
  </si>
  <si>
    <t>Brent 013A</t>
  </si>
  <si>
    <t>E02000105</t>
  </si>
  <si>
    <t>Brent 013</t>
  </si>
  <si>
    <t>E01000565</t>
  </si>
  <si>
    <t>Brent 013B</t>
  </si>
  <si>
    <t>E01000566</t>
  </si>
  <si>
    <t>Brent 008C</t>
  </si>
  <si>
    <t>E01000567</t>
  </si>
  <si>
    <t>Brent 016A</t>
  </si>
  <si>
    <t>E02000108</t>
  </si>
  <si>
    <t>Brent 016</t>
  </si>
  <si>
    <t>E01000568</t>
  </si>
  <si>
    <t>Brent 008D</t>
  </si>
  <si>
    <t>E01000569</t>
  </si>
  <si>
    <t>Brent 008E</t>
  </si>
  <si>
    <t>E01000570</t>
  </si>
  <si>
    <t>Brent 012A</t>
  </si>
  <si>
    <t>E02000104</t>
  </si>
  <si>
    <t>Brent 012</t>
  </si>
  <si>
    <t>E01000571</t>
  </si>
  <si>
    <t>Brent 012B</t>
  </si>
  <si>
    <t>E01000572</t>
  </si>
  <si>
    <t>Brent 007A</t>
  </si>
  <si>
    <t>E02000099</t>
  </si>
  <si>
    <t>Brent 007</t>
  </si>
  <si>
    <t>E01000573</t>
  </si>
  <si>
    <t>Brent 007B</t>
  </si>
  <si>
    <t>E01000574</t>
  </si>
  <si>
    <t>Brent 007C</t>
  </si>
  <si>
    <t>E01000575</t>
  </si>
  <si>
    <t>Brent 007D</t>
  </si>
  <si>
    <t>E01000576</t>
  </si>
  <si>
    <t>Brent 012C</t>
  </si>
  <si>
    <t>E01000577</t>
  </si>
  <si>
    <t>Brent 007E</t>
  </si>
  <si>
    <t>E01000578</t>
  </si>
  <si>
    <t>Brent 012D</t>
  </si>
  <si>
    <t>E01000579</t>
  </si>
  <si>
    <t>Brent 032A</t>
  </si>
  <si>
    <t>E02000124</t>
  </si>
  <si>
    <t>Brent 032</t>
  </si>
  <si>
    <t>E01000580</t>
  </si>
  <si>
    <t>Brent 032B</t>
  </si>
  <si>
    <t>E01000581</t>
  </si>
  <si>
    <t>Brent 030E</t>
  </si>
  <si>
    <t>E01000582</t>
  </si>
  <si>
    <t>Brent 032C</t>
  </si>
  <si>
    <t>E01000583</t>
  </si>
  <si>
    <t>Brent 032D</t>
  </si>
  <si>
    <t>E01000584</t>
  </si>
  <si>
    <t>Brent 033E</t>
  </si>
  <si>
    <t>E01000585</t>
  </si>
  <si>
    <t>Brent 033F</t>
  </si>
  <si>
    <t>E01000586</t>
  </si>
  <si>
    <t>Brent 032E</t>
  </si>
  <si>
    <t>E01000587</t>
  </si>
  <si>
    <t>Brent 001A</t>
  </si>
  <si>
    <t>E02000093</t>
  </si>
  <si>
    <t>Brent 001</t>
  </si>
  <si>
    <t>E01000589</t>
  </si>
  <si>
    <t>Brent 001B</t>
  </si>
  <si>
    <t>E01000590</t>
  </si>
  <si>
    <t>Brent 001C</t>
  </si>
  <si>
    <t>E01000591</t>
  </si>
  <si>
    <t>Brent 003F</t>
  </si>
  <si>
    <t>E01000592</t>
  </si>
  <si>
    <t>Brent 001D</t>
  </si>
  <si>
    <t>E01000593</t>
  </si>
  <si>
    <t>Brent 001E</t>
  </si>
  <si>
    <t>E01000594</t>
  </si>
  <si>
    <t>Brent 001F</t>
  </si>
  <si>
    <t>E01000595</t>
  </si>
  <si>
    <t>Brent 027A</t>
  </si>
  <si>
    <t>E02000119</t>
  </si>
  <si>
    <t>Brent 027</t>
  </si>
  <si>
    <t>E01000596</t>
  </si>
  <si>
    <t>Brent 021A</t>
  </si>
  <si>
    <t>E02000113</t>
  </si>
  <si>
    <t>Brent 021</t>
  </si>
  <si>
    <t>E01000599</t>
  </si>
  <si>
    <t>Brent 027D</t>
  </si>
  <si>
    <t>E01000601</t>
  </si>
  <si>
    <t>Brent 021B</t>
  </si>
  <si>
    <t>E01000602</t>
  </si>
  <si>
    <t>Brent 021C</t>
  </si>
  <si>
    <t>E01000603</t>
  </si>
  <si>
    <t>Brent 021D</t>
  </si>
  <si>
    <t>E01000604</t>
  </si>
  <si>
    <t>Brent 021E</t>
  </si>
  <si>
    <t>E01000605</t>
  </si>
  <si>
    <t>Brent 021F</t>
  </si>
  <si>
    <t>E01000606</t>
  </si>
  <si>
    <t>Brent 016B</t>
  </si>
  <si>
    <t>E01000607</t>
  </si>
  <si>
    <t>Brent 013C</t>
  </si>
  <si>
    <t>E01000608</t>
  </si>
  <si>
    <t>Brent 013D</t>
  </si>
  <si>
    <t>E01000609</t>
  </si>
  <si>
    <t>Brent 016C</t>
  </si>
  <si>
    <t>E01000610</t>
  </si>
  <si>
    <t>Brent 019A</t>
  </si>
  <si>
    <t>E02000111</t>
  </si>
  <si>
    <t>Brent 019</t>
  </si>
  <si>
    <t>E01000611</t>
  </si>
  <si>
    <t>Brent 016D</t>
  </si>
  <si>
    <t>E01000612</t>
  </si>
  <si>
    <t>Brent 019B</t>
  </si>
  <si>
    <t>E01000613</t>
  </si>
  <si>
    <t>Brent 013E</t>
  </si>
  <si>
    <t>E01000615</t>
  </si>
  <si>
    <t>Brent 036A</t>
  </si>
  <si>
    <t>E02006956</t>
  </si>
  <si>
    <t>Brent 036</t>
  </si>
  <si>
    <t>E01000616</t>
  </si>
  <si>
    <t>Brent 020A</t>
  </si>
  <si>
    <t>E02000112</t>
  </si>
  <si>
    <t>Brent 020</t>
  </si>
  <si>
    <t>E01000617</t>
  </si>
  <si>
    <t>Brent 036B</t>
  </si>
  <si>
    <t>E01000618</t>
  </si>
  <si>
    <t>Brent 036D</t>
  </si>
  <si>
    <t>E01000619</t>
  </si>
  <si>
    <t>Brent 036C</t>
  </si>
  <si>
    <t>E01000620</t>
  </si>
  <si>
    <t>Brent 020B</t>
  </si>
  <si>
    <t>E01000621</t>
  </si>
  <si>
    <t>Brent 020C</t>
  </si>
  <si>
    <t>E01000622</t>
  </si>
  <si>
    <t>Brent 010D</t>
  </si>
  <si>
    <t>E01000623</t>
  </si>
  <si>
    <t>Brent 005C</t>
  </si>
  <si>
    <t>E01000624</t>
  </si>
  <si>
    <t>Brent 005D</t>
  </si>
  <si>
    <t>E01000625</t>
  </si>
  <si>
    <t>Brent 009E</t>
  </si>
  <si>
    <t>E01000626</t>
  </si>
  <si>
    <t>Brent 010E</t>
  </si>
  <si>
    <t>E01000627</t>
  </si>
  <si>
    <t>Brent 014E</t>
  </si>
  <si>
    <t>E01000628</t>
  </si>
  <si>
    <t>Brent 014F</t>
  </si>
  <si>
    <t>E01000629</t>
  </si>
  <si>
    <t>Brent 005E</t>
  </si>
  <si>
    <t>E01000630</t>
  </si>
  <si>
    <t>Brent 026E</t>
  </si>
  <si>
    <t>E01000631</t>
  </si>
  <si>
    <t>Brent 019C</t>
  </si>
  <si>
    <t>E01000632</t>
  </si>
  <si>
    <t>Brent 029E</t>
  </si>
  <si>
    <t>E01000633</t>
  </si>
  <si>
    <t>Brent 019D</t>
  </si>
  <si>
    <t>E01000634</t>
  </si>
  <si>
    <t>Brent 019E</t>
  </si>
  <si>
    <t>E01000636</t>
  </si>
  <si>
    <t>Brent 020E</t>
  </si>
  <si>
    <t>E01000637</t>
  </si>
  <si>
    <t>Brent 022B</t>
  </si>
  <si>
    <t>E01000638</t>
  </si>
  <si>
    <t>Brent 024A</t>
  </si>
  <si>
    <t>E02000116</t>
  </si>
  <si>
    <t>Brent 024</t>
  </si>
  <si>
    <t>E01000639</t>
  </si>
  <si>
    <t>Brent 022C</t>
  </si>
  <si>
    <t>E01000640</t>
  </si>
  <si>
    <t>Brent 024B</t>
  </si>
  <si>
    <t>E01000641</t>
  </si>
  <si>
    <t>Brent 024C</t>
  </si>
  <si>
    <t>E01000642</t>
  </si>
  <si>
    <t>Brent 022D</t>
  </si>
  <si>
    <t>E01000643</t>
  </si>
  <si>
    <t>Brent 024D</t>
  </si>
  <si>
    <t>E01000644</t>
  </si>
  <si>
    <t>Brent 022E</t>
  </si>
  <si>
    <t>E01000645</t>
  </si>
  <si>
    <t>Bromley 007A</t>
  </si>
  <si>
    <t>E02000133</t>
  </si>
  <si>
    <t>Bromley 007</t>
  </si>
  <si>
    <t>E09000006</t>
  </si>
  <si>
    <t>Bromley</t>
  </si>
  <si>
    <t>E01000646</t>
  </si>
  <si>
    <t>Bromley 016A</t>
  </si>
  <si>
    <t>E02000142</t>
  </si>
  <si>
    <t>Bromley 016</t>
  </si>
  <si>
    <t>E01000647</t>
  </si>
  <si>
    <t>Bromley 016B</t>
  </si>
  <si>
    <t>E01000648</t>
  </si>
  <si>
    <t>Bromley 016C</t>
  </si>
  <si>
    <t>E01000649</t>
  </si>
  <si>
    <t>Bromley 007B</t>
  </si>
  <si>
    <t>E01000650</t>
  </si>
  <si>
    <t>Bromley 022A</t>
  </si>
  <si>
    <t>E02000148</t>
  </si>
  <si>
    <t>Bromley 022</t>
  </si>
  <si>
    <t>E01000651</t>
  </si>
  <si>
    <t>Bromley 020A</t>
  </si>
  <si>
    <t>E02000146</t>
  </si>
  <si>
    <t>Bromley 020</t>
  </si>
  <si>
    <t>E01000652</t>
  </si>
  <si>
    <t>Bromley 022B</t>
  </si>
  <si>
    <t>E01000653</t>
  </si>
  <si>
    <t>Bromley 016D</t>
  </si>
  <si>
    <t>E01000654</t>
  </si>
  <si>
    <t>Bromley 039A</t>
  </si>
  <si>
    <t>E02000165</t>
  </si>
  <si>
    <t>Bromley 039</t>
  </si>
  <si>
    <t>E01000655</t>
  </si>
  <si>
    <t>Bromley 039B</t>
  </si>
  <si>
    <t>E01000656</t>
  </si>
  <si>
    <t>Bromley 039C</t>
  </si>
  <si>
    <t>E01000657</t>
  </si>
  <si>
    <t>Bromley 039D</t>
  </si>
  <si>
    <t>E01000658</t>
  </si>
  <si>
    <t>Bromley 042A</t>
  </si>
  <si>
    <t>E02006789</t>
  </si>
  <si>
    <t>Bromley 042</t>
  </si>
  <si>
    <t>E01000659</t>
  </si>
  <si>
    <t>Bromley 039E</t>
  </si>
  <si>
    <t>E01000661</t>
  </si>
  <si>
    <t>Bromley 026A</t>
  </si>
  <si>
    <t>E02000152</t>
  </si>
  <si>
    <t>Bromley 026</t>
  </si>
  <si>
    <t>E01000662</t>
  </si>
  <si>
    <t>Bromley 026B</t>
  </si>
  <si>
    <t>E01000663</t>
  </si>
  <si>
    <t>Bromley 026C</t>
  </si>
  <si>
    <t>E01000664</t>
  </si>
  <si>
    <t>Bromley 026D</t>
  </si>
  <si>
    <t>E01000665</t>
  </si>
  <si>
    <t>Bromley 033A</t>
  </si>
  <si>
    <t>E02000159</t>
  </si>
  <si>
    <t>Bromley 033</t>
  </si>
  <si>
    <t>E01000666</t>
  </si>
  <si>
    <t>Bromley 033B</t>
  </si>
  <si>
    <t>E01000667</t>
  </si>
  <si>
    <t>Bromley 033C</t>
  </si>
  <si>
    <t>E01000668</t>
  </si>
  <si>
    <t>Bromley 020B</t>
  </si>
  <si>
    <t>E01000669</t>
  </si>
  <si>
    <t>Bromley 020C</t>
  </si>
  <si>
    <t>E01000670</t>
  </si>
  <si>
    <t>Bromley 018A</t>
  </si>
  <si>
    <t>E02000144</t>
  </si>
  <si>
    <t>Bromley 018</t>
  </si>
  <si>
    <t>E01000671</t>
  </si>
  <si>
    <t>Bromley 020D</t>
  </si>
  <si>
    <t>E01000672</t>
  </si>
  <si>
    <t>Bromley 011A</t>
  </si>
  <si>
    <t>E02000137</t>
  </si>
  <si>
    <t>Bromley 011</t>
  </si>
  <si>
    <t>E01000673</t>
  </si>
  <si>
    <t>Bromley 011B</t>
  </si>
  <si>
    <t>E01000674</t>
  </si>
  <si>
    <t>Bromley 008A</t>
  </si>
  <si>
    <t>E02000134</t>
  </si>
  <si>
    <t>Bromley 008</t>
  </si>
  <si>
    <t>E01000676</t>
  </si>
  <si>
    <t>Bromley 008B</t>
  </si>
  <si>
    <t>E01000677</t>
  </si>
  <si>
    <t>Bromley 018C</t>
  </si>
  <si>
    <t>E01000678</t>
  </si>
  <si>
    <t>Bromley 016E</t>
  </si>
  <si>
    <t>E01000679</t>
  </si>
  <si>
    <t>Bromley 020E</t>
  </si>
  <si>
    <t>E01000680</t>
  </si>
  <si>
    <t>Bromley 037A</t>
  </si>
  <si>
    <t>E02000163</t>
  </si>
  <si>
    <t>Bromley 037</t>
  </si>
  <si>
    <t>E01000681</t>
  </si>
  <si>
    <t>Bromley 035A</t>
  </si>
  <si>
    <t>E02000161</t>
  </si>
  <si>
    <t>Bromley 035</t>
  </si>
  <si>
    <t>E01000682</t>
  </si>
  <si>
    <t>Bromley 035B</t>
  </si>
  <si>
    <t>E01000683</t>
  </si>
  <si>
    <t>Bromley 035C</t>
  </si>
  <si>
    <t>E01000684</t>
  </si>
  <si>
    <t>Bromley 035D</t>
  </si>
  <si>
    <t>E01000685</t>
  </si>
  <si>
    <t>Bromley 037B</t>
  </si>
  <si>
    <t>E01000686</t>
  </si>
  <si>
    <t>Bromley 037C</t>
  </si>
  <si>
    <t>E01000687</t>
  </si>
  <si>
    <t>Bromley 037D</t>
  </si>
  <si>
    <t>E01000688</t>
  </si>
  <si>
    <t>Bromley 037E</t>
  </si>
  <si>
    <t>E01000689</t>
  </si>
  <si>
    <t>Bromley 002A</t>
  </si>
  <si>
    <t>E02000128</t>
  </si>
  <si>
    <t>Bromley 002</t>
  </si>
  <si>
    <t>E01000690</t>
  </si>
  <si>
    <t>Bromley 002B</t>
  </si>
  <si>
    <t>E01000691</t>
  </si>
  <si>
    <t>Bromley 002C</t>
  </si>
  <si>
    <t>E01000692</t>
  </si>
  <si>
    <t>Bromley 002D</t>
  </si>
  <si>
    <t>E01000693</t>
  </si>
  <si>
    <t>Bromley 010A</t>
  </si>
  <si>
    <t>E02000136</t>
  </si>
  <si>
    <t>Bromley 010</t>
  </si>
  <si>
    <t>E01000694</t>
  </si>
  <si>
    <t>Bromley 007C</t>
  </si>
  <si>
    <t>E01000695</t>
  </si>
  <si>
    <t>Bromley 007D</t>
  </si>
  <si>
    <t>E01000696</t>
  </si>
  <si>
    <t>Bromley 007E</t>
  </si>
  <si>
    <t>E01000697</t>
  </si>
  <si>
    <t>Bromley 007F</t>
  </si>
  <si>
    <t>E01000698</t>
  </si>
  <si>
    <t>Bromley 010B</t>
  </si>
  <si>
    <t>E01000699</t>
  </si>
  <si>
    <t>Bromley 015A</t>
  </si>
  <si>
    <t>E02000141</t>
  </si>
  <si>
    <t>Bromley 015</t>
  </si>
  <si>
    <t>E01000700</t>
  </si>
  <si>
    <t>Bromley 013A</t>
  </si>
  <si>
    <t>E02000139</t>
  </si>
  <si>
    <t>Bromley 013</t>
  </si>
  <si>
    <t>E01000701</t>
  </si>
  <si>
    <t>Bromley 015B</t>
  </si>
  <si>
    <t>E01000702</t>
  </si>
  <si>
    <t>Bromley 013B</t>
  </si>
  <si>
    <t>E01000703</t>
  </si>
  <si>
    <t>Bromley 013C</t>
  </si>
  <si>
    <t>E01000704</t>
  </si>
  <si>
    <t>Bromley 015C</t>
  </si>
  <si>
    <t>E01000705</t>
  </si>
  <si>
    <t>Bromley 015D</t>
  </si>
  <si>
    <t>E01000706</t>
  </si>
  <si>
    <t>Bromley 013D</t>
  </si>
  <si>
    <t>E01000707</t>
  </si>
  <si>
    <t>Bromley 041A</t>
  </si>
  <si>
    <t>E02006787</t>
  </si>
  <si>
    <t>Bromley 041</t>
  </si>
  <si>
    <t>E01000708</t>
  </si>
  <si>
    <t>Bromley 041B</t>
  </si>
  <si>
    <t>E01000709</t>
  </si>
  <si>
    <t>Bromley 006A</t>
  </si>
  <si>
    <t>E02000132</t>
  </si>
  <si>
    <t>Bromley 006</t>
  </si>
  <si>
    <t>E01000710</t>
  </si>
  <si>
    <t>Bromley 006B</t>
  </si>
  <si>
    <t>E01000711</t>
  </si>
  <si>
    <t>Bromley 006C</t>
  </si>
  <si>
    <t>E01000712</t>
  </si>
  <si>
    <t>Bromley 012A</t>
  </si>
  <si>
    <t>E02000138</t>
  </si>
  <si>
    <t>Bromley 012</t>
  </si>
  <si>
    <t>E01000713</t>
  </si>
  <si>
    <t>Bromley 012B</t>
  </si>
  <si>
    <t>E01000714</t>
  </si>
  <si>
    <t>Bromley 006D</t>
  </si>
  <si>
    <t>E01000715</t>
  </si>
  <si>
    <t>Bromley 012C</t>
  </si>
  <si>
    <t>E01000716</t>
  </si>
  <si>
    <t>Bromley 011C</t>
  </si>
  <si>
    <t>E01000717</t>
  </si>
  <si>
    <t>Bromley 011D</t>
  </si>
  <si>
    <t>E01000718</t>
  </si>
  <si>
    <t>Bromley 006E</t>
  </si>
  <si>
    <t>E01000719</t>
  </si>
  <si>
    <t>Bromley 019A</t>
  </si>
  <si>
    <t>E02000145</t>
  </si>
  <si>
    <t>Bromley 019</t>
  </si>
  <si>
    <t>E01000720</t>
  </si>
  <si>
    <t>Bromley 019B</t>
  </si>
  <si>
    <t>E01000721</t>
  </si>
  <si>
    <t>Bromley 019C</t>
  </si>
  <si>
    <t>E01000722</t>
  </si>
  <si>
    <t>Bromley 023A</t>
  </si>
  <si>
    <t>E02000149</t>
  </si>
  <si>
    <t>Bromley 023</t>
  </si>
  <si>
    <t>E01000723</t>
  </si>
  <si>
    <t>Bromley 029A</t>
  </si>
  <si>
    <t>E02000155</t>
  </si>
  <si>
    <t>Bromley 029</t>
  </si>
  <si>
    <t>E01000724</t>
  </si>
  <si>
    <t>Bromley 019D</t>
  </si>
  <si>
    <t>E01000725</t>
  </si>
  <si>
    <t>Bromley 023B</t>
  </si>
  <si>
    <t>E01000726</t>
  </si>
  <si>
    <t>Bromley 029B</t>
  </si>
  <si>
    <t>E01000727</t>
  </si>
  <si>
    <t>Bromley 028A</t>
  </si>
  <si>
    <t>E02000154</t>
  </si>
  <si>
    <t>Bromley 028</t>
  </si>
  <si>
    <t>E01000728</t>
  </si>
  <si>
    <t>Bromley 019E</t>
  </si>
  <si>
    <t>E01000729</t>
  </si>
  <si>
    <t>Bromley 014A</t>
  </si>
  <si>
    <t>E02000140</t>
  </si>
  <si>
    <t>Bromley 014</t>
  </si>
  <si>
    <t>E01000730</t>
  </si>
  <si>
    <t>Bromley 014B</t>
  </si>
  <si>
    <t>E01000731</t>
  </si>
  <si>
    <t>Bromley 023C</t>
  </si>
  <si>
    <t>E01000732</t>
  </si>
  <si>
    <t>Bromley 023D</t>
  </si>
  <si>
    <t>E01000733</t>
  </si>
  <si>
    <t>Bromley 023E</t>
  </si>
  <si>
    <t>E01000734</t>
  </si>
  <si>
    <t>Bromley 028B</t>
  </si>
  <si>
    <t>E01000735</t>
  </si>
  <si>
    <t>Bromley 014C</t>
  </si>
  <si>
    <t>E01000736</t>
  </si>
  <si>
    <t>Bromley 010C</t>
  </si>
  <si>
    <t>E01000737</t>
  </si>
  <si>
    <t>Bromley 010D</t>
  </si>
  <si>
    <t>E01000738</t>
  </si>
  <si>
    <t>Bromley 014D</t>
  </si>
  <si>
    <t>E01000739</t>
  </si>
  <si>
    <t>Bromley 014E</t>
  </si>
  <si>
    <t>E01000741</t>
  </si>
  <si>
    <t>Bromley 005B</t>
  </si>
  <si>
    <t>E02000131</t>
  </si>
  <si>
    <t>Bromley 005</t>
  </si>
  <si>
    <t>E01000742</t>
  </si>
  <si>
    <t>Bromley 005C</t>
  </si>
  <si>
    <t>E01000743</t>
  </si>
  <si>
    <t>Bromley 009A</t>
  </si>
  <si>
    <t>E02000135</t>
  </si>
  <si>
    <t>Bromley 009</t>
  </si>
  <si>
    <t>E01000744</t>
  </si>
  <si>
    <t>Bromley 009B</t>
  </si>
  <si>
    <t>E01000745</t>
  </si>
  <si>
    <t>Bromley 005D</t>
  </si>
  <si>
    <t>E01000746</t>
  </si>
  <si>
    <t>Bromley 005E</t>
  </si>
  <si>
    <t>E01000747</t>
  </si>
  <si>
    <t>Bromley 042B</t>
  </si>
  <si>
    <t>E01000748</t>
  </si>
  <si>
    <t>Bromley 042C</t>
  </si>
  <si>
    <t>E01000749</t>
  </si>
  <si>
    <t>Bromley 036A</t>
  </si>
  <si>
    <t>E02000162</t>
  </si>
  <si>
    <t>Bromley 036</t>
  </si>
  <si>
    <t>E01000750</t>
  </si>
  <si>
    <t>Bromley 036B</t>
  </si>
  <si>
    <t>E01000751</t>
  </si>
  <si>
    <t>Bromley 036C</t>
  </si>
  <si>
    <t>E01000752</t>
  </si>
  <si>
    <t>Bromley 036D</t>
  </si>
  <si>
    <t>E01000753</t>
  </si>
  <si>
    <t>Bromley 031A</t>
  </si>
  <si>
    <t>E02000157</t>
  </si>
  <si>
    <t>Bromley 031</t>
  </si>
  <si>
    <t>E01000754</t>
  </si>
  <si>
    <t>Bromley 031B</t>
  </si>
  <si>
    <t>E01000755</t>
  </si>
  <si>
    <t>Bromley 031C</t>
  </si>
  <si>
    <t>E01000756</t>
  </si>
  <si>
    <t>Bromley 033D</t>
  </si>
  <si>
    <t>E01000757</t>
  </si>
  <si>
    <t>Bromley 031D</t>
  </si>
  <si>
    <t>E01000758</t>
  </si>
  <si>
    <t>Bromley 031E</t>
  </si>
  <si>
    <t>E01000759</t>
  </si>
  <si>
    <t>Bromley 034A</t>
  </si>
  <si>
    <t>E02000160</t>
  </si>
  <si>
    <t>Bromley 034</t>
  </si>
  <si>
    <t>E01000760</t>
  </si>
  <si>
    <t>Bromley 034B</t>
  </si>
  <si>
    <t>E01000761</t>
  </si>
  <si>
    <t>Bromley 034C</t>
  </si>
  <si>
    <t>E01000762</t>
  </si>
  <si>
    <t>Bromley 018D</t>
  </si>
  <si>
    <t>E01000763</t>
  </si>
  <si>
    <t>Bromley 027A</t>
  </si>
  <si>
    <t>E02000153</t>
  </si>
  <si>
    <t>Bromley 027</t>
  </si>
  <si>
    <t>E01000764</t>
  </si>
  <si>
    <t>Bromley 027B</t>
  </si>
  <si>
    <t>E01000765</t>
  </si>
  <si>
    <t>Bromley 034D</t>
  </si>
  <si>
    <t>E01000766</t>
  </si>
  <si>
    <t>Bromley 027C</t>
  </si>
  <si>
    <t>E01000767</t>
  </si>
  <si>
    <t>Bromley 027D</t>
  </si>
  <si>
    <t>E01000768</t>
  </si>
  <si>
    <t>Bromley 034E</t>
  </si>
  <si>
    <t>E01000769</t>
  </si>
  <si>
    <t>Bromley 024A</t>
  </si>
  <si>
    <t>E02000150</t>
  </si>
  <si>
    <t>Bromley 024</t>
  </si>
  <si>
    <t>E01000770</t>
  </si>
  <si>
    <t>Bromley 012D</t>
  </si>
  <si>
    <t>E01000771</t>
  </si>
  <si>
    <t>Bromley 041C</t>
  </si>
  <si>
    <t>E01000772</t>
  </si>
  <si>
    <t>Bromley 012E</t>
  </si>
  <si>
    <t>E01000773</t>
  </si>
  <si>
    <t>Bromley 024B</t>
  </si>
  <si>
    <t>E01000774</t>
  </si>
  <si>
    <t>Bromley 041D</t>
  </si>
  <si>
    <t>E01000775</t>
  </si>
  <si>
    <t>Bromley 024C</t>
  </si>
  <si>
    <t>E01000777</t>
  </si>
  <si>
    <t>Bromley 024D</t>
  </si>
  <si>
    <t>E01000778</t>
  </si>
  <si>
    <t>Bromley 024E</t>
  </si>
  <si>
    <t>E01000779</t>
  </si>
  <si>
    <t>Bromley 001A</t>
  </si>
  <si>
    <t>E02000127</t>
  </si>
  <si>
    <t>Bromley 001</t>
  </si>
  <si>
    <t>E01000780</t>
  </si>
  <si>
    <t>Bromley 001B</t>
  </si>
  <si>
    <t>E01000781</t>
  </si>
  <si>
    <t>Bromley 001C</t>
  </si>
  <si>
    <t>E01000782</t>
  </si>
  <si>
    <t>Bromley 001D</t>
  </si>
  <si>
    <t>E01000783</t>
  </si>
  <si>
    <t>Bromley 001E</t>
  </si>
  <si>
    <t>E01000784</t>
  </si>
  <si>
    <t>Bromley 002E</t>
  </si>
  <si>
    <t>E01000785</t>
  </si>
  <si>
    <t>Bromley 001F</t>
  </si>
  <si>
    <t>E01000786</t>
  </si>
  <si>
    <t>Bromley 032A</t>
  </si>
  <si>
    <t>E02000158</t>
  </si>
  <si>
    <t>Bromley 032</t>
  </si>
  <si>
    <t>E01000787</t>
  </si>
  <si>
    <t>Bromley 029C</t>
  </si>
  <si>
    <t>E01000788</t>
  </si>
  <si>
    <t>Bromley 029D</t>
  </si>
  <si>
    <t>E01000789</t>
  </si>
  <si>
    <t>Bromley 032B</t>
  </si>
  <si>
    <t>E01000790</t>
  </si>
  <si>
    <t>Bromley 028C</t>
  </si>
  <si>
    <t>E01000791</t>
  </si>
  <si>
    <t>Bromley 029E</t>
  </si>
  <si>
    <t>E01000792</t>
  </si>
  <si>
    <t>Bromley 032C</t>
  </si>
  <si>
    <t>E01000793</t>
  </si>
  <si>
    <t>Bromley 032D</t>
  </si>
  <si>
    <t>E01000794</t>
  </si>
  <si>
    <t>Bromley 035E</t>
  </si>
  <si>
    <t>E01000795</t>
  </si>
  <si>
    <t>Bromley 032E</t>
  </si>
  <si>
    <t>E01000796</t>
  </si>
  <si>
    <t>Bromley 009C</t>
  </si>
  <si>
    <t>E01000797</t>
  </si>
  <si>
    <t>Bromley 013E</t>
  </si>
  <si>
    <t>E01000798</t>
  </si>
  <si>
    <t>Bromley 009D</t>
  </si>
  <si>
    <t>E01000799</t>
  </si>
  <si>
    <t>Bromley 004A</t>
  </si>
  <si>
    <t>E02000130</t>
  </si>
  <si>
    <t>Bromley 004</t>
  </si>
  <si>
    <t>E01000800</t>
  </si>
  <si>
    <t>Bromley 009E</t>
  </si>
  <si>
    <t>E01000801</t>
  </si>
  <si>
    <t>Bromley 015E</t>
  </si>
  <si>
    <t>E01000802</t>
  </si>
  <si>
    <t>Bromley 004B</t>
  </si>
  <si>
    <t>E01000803</t>
  </si>
  <si>
    <t>Bromley 004C</t>
  </si>
  <si>
    <t>E01000804</t>
  </si>
  <si>
    <t>Bromley 004D</t>
  </si>
  <si>
    <t>E01000805</t>
  </si>
  <si>
    <t>Bromley 004E</t>
  </si>
  <si>
    <t>E01000806</t>
  </si>
  <si>
    <t>Bromley 009F</t>
  </si>
  <si>
    <t>E01000807</t>
  </si>
  <si>
    <t>Bromley 022C</t>
  </si>
  <si>
    <t>E01000808</t>
  </si>
  <si>
    <t>Bromley 025A</t>
  </si>
  <si>
    <t>E02000151</t>
  </si>
  <si>
    <t>Bromley 025</t>
  </si>
  <si>
    <t>E01000809</t>
  </si>
  <si>
    <t>Bromley 022D</t>
  </si>
  <si>
    <t>E01000810</t>
  </si>
  <si>
    <t>Bromley 025B</t>
  </si>
  <si>
    <t>E01000811</t>
  </si>
  <si>
    <t>Bromley 025C</t>
  </si>
  <si>
    <t>E01000812</t>
  </si>
  <si>
    <t>Bromley 028D</t>
  </si>
  <si>
    <t>E01000813</t>
  </si>
  <si>
    <t>Bromley 025D</t>
  </si>
  <si>
    <t>E01000814</t>
  </si>
  <si>
    <t>Bromley 028E</t>
  </si>
  <si>
    <t>E01000815</t>
  </si>
  <si>
    <t>Bromley 025E</t>
  </si>
  <si>
    <t>E01000816</t>
  </si>
  <si>
    <t>Bromley 040A</t>
  </si>
  <si>
    <t>E02006782</t>
  </si>
  <si>
    <t>Bromley 040</t>
  </si>
  <si>
    <t>E01000818</t>
  </si>
  <si>
    <t>Bromley 040B</t>
  </si>
  <si>
    <t>E01000819</t>
  </si>
  <si>
    <t>Bromley 040C</t>
  </si>
  <si>
    <t>E01000820</t>
  </si>
  <si>
    <t>Bromley 008C</t>
  </si>
  <si>
    <t>E01000822</t>
  </si>
  <si>
    <t>Bromley 008D</t>
  </si>
  <si>
    <t>E01000823</t>
  </si>
  <si>
    <t>Bromley 008E</t>
  </si>
  <si>
    <t>E01000824</t>
  </si>
  <si>
    <t>Bromley 008F</t>
  </si>
  <si>
    <t>E01000825</t>
  </si>
  <si>
    <t>Bromley 008G</t>
  </si>
  <si>
    <t>E01000826</t>
  </si>
  <si>
    <t>Bromley 021A</t>
  </si>
  <si>
    <t>E02000147</t>
  </si>
  <si>
    <t>Bromley 021</t>
  </si>
  <si>
    <t>E01000827</t>
  </si>
  <si>
    <t>Bromley 021B</t>
  </si>
  <si>
    <t>E01000828</t>
  </si>
  <si>
    <t>Bromley 011E</t>
  </si>
  <si>
    <t>E01000829</t>
  </si>
  <si>
    <t>Bromley 018E</t>
  </si>
  <si>
    <t>E01000830</t>
  </si>
  <si>
    <t>Bromley 021C</t>
  </si>
  <si>
    <t>E01000831</t>
  </si>
  <si>
    <t>Bromley 021D</t>
  </si>
  <si>
    <t>E01000832</t>
  </si>
  <si>
    <t>Bromley 030A</t>
  </si>
  <si>
    <t>E02000156</t>
  </si>
  <si>
    <t>Bromley 030</t>
  </si>
  <si>
    <t>E01000833</t>
  </si>
  <si>
    <t>Bromley 021E</t>
  </si>
  <si>
    <t>E01000834</t>
  </si>
  <si>
    <t>Bromley 027E</t>
  </si>
  <si>
    <t>E01000835</t>
  </si>
  <si>
    <t>Bromley 030B</t>
  </si>
  <si>
    <t>E01000836</t>
  </si>
  <si>
    <t>Bromley 030C</t>
  </si>
  <si>
    <t>E01000837</t>
  </si>
  <si>
    <t>Bromley 030D</t>
  </si>
  <si>
    <t>E01000838</t>
  </si>
  <si>
    <t>Bromley 030E</t>
  </si>
  <si>
    <t>E01000839</t>
  </si>
  <si>
    <t>Bromley 030F</t>
  </si>
  <si>
    <t>E01000840</t>
  </si>
  <si>
    <t>Bromley 030G</t>
  </si>
  <si>
    <t>E01000841</t>
  </si>
  <si>
    <t>Bromley 030H</t>
  </si>
  <si>
    <t>E01000842</t>
  </si>
  <si>
    <t>Camden 011A</t>
  </si>
  <si>
    <t>E02000176</t>
  </si>
  <si>
    <t>Camden 011</t>
  </si>
  <si>
    <t>E09000007</t>
  </si>
  <si>
    <t>Camden</t>
  </si>
  <si>
    <t>E01000843</t>
  </si>
  <si>
    <t>Camden 014A</t>
  </si>
  <si>
    <t>E02000179</t>
  </si>
  <si>
    <t>Camden 014</t>
  </si>
  <si>
    <t>E01000844</t>
  </si>
  <si>
    <t>Camden 011B</t>
  </si>
  <si>
    <t>E01000845</t>
  </si>
  <si>
    <t>Camden 014B</t>
  </si>
  <si>
    <t>E01000846</t>
  </si>
  <si>
    <t>Camden 014C</t>
  </si>
  <si>
    <t>E01000847</t>
  </si>
  <si>
    <t>Camden 014D</t>
  </si>
  <si>
    <t>E01000848</t>
  </si>
  <si>
    <t>Camden 011C</t>
  </si>
  <si>
    <t>E01000849</t>
  </si>
  <si>
    <t>Camden 011D</t>
  </si>
  <si>
    <t>E01000850</t>
  </si>
  <si>
    <t>Camden 026A</t>
  </si>
  <si>
    <t>E02000191</t>
  </si>
  <si>
    <t>Camden 026</t>
  </si>
  <si>
    <t>E01000851</t>
  </si>
  <si>
    <t>Camden 026B</t>
  </si>
  <si>
    <t>E01000853</t>
  </si>
  <si>
    <t>Camden 029H</t>
  </si>
  <si>
    <t>E02007115</t>
  </si>
  <si>
    <t>Camden 029</t>
  </si>
  <si>
    <t>E01000855</t>
  </si>
  <si>
    <t>Camden 028A</t>
  </si>
  <si>
    <t>E02000193</t>
  </si>
  <si>
    <t>Camden 028</t>
  </si>
  <si>
    <t>E01000856</t>
  </si>
  <si>
    <t>Camden 019A</t>
  </si>
  <si>
    <t>E02000184</t>
  </si>
  <si>
    <t>Camden 019</t>
  </si>
  <si>
    <t>E01000857</t>
  </si>
  <si>
    <t>Camden 018A</t>
  </si>
  <si>
    <t>E02000183</t>
  </si>
  <si>
    <t>Camden 018</t>
  </si>
  <si>
    <t>E01000858</t>
  </si>
  <si>
    <t>Camden 018B</t>
  </si>
  <si>
    <t>E01000859</t>
  </si>
  <si>
    <t>Camden 018C</t>
  </si>
  <si>
    <t>E01000860</t>
  </si>
  <si>
    <t>Camden 018D</t>
  </si>
  <si>
    <t>E01000861</t>
  </si>
  <si>
    <t>Camden 019B</t>
  </si>
  <si>
    <t>E01000862</t>
  </si>
  <si>
    <t>Camden 018E</t>
  </si>
  <si>
    <t>E01000863</t>
  </si>
  <si>
    <t>Camden 021A</t>
  </si>
  <si>
    <t>E02000186</t>
  </si>
  <si>
    <t>Camden 021</t>
  </si>
  <si>
    <t>E01000866</t>
  </si>
  <si>
    <t>Camden 009A</t>
  </si>
  <si>
    <t>E02000174</t>
  </si>
  <si>
    <t>Camden 009</t>
  </si>
  <si>
    <t>E01000867</t>
  </si>
  <si>
    <t>Camden 015C</t>
  </si>
  <si>
    <t>E02000180</t>
  </si>
  <si>
    <t>Camden 015</t>
  </si>
  <si>
    <t>E01000868</t>
  </si>
  <si>
    <t>Camden 015D</t>
  </si>
  <si>
    <t>E01000869</t>
  </si>
  <si>
    <t>Camden 015E</t>
  </si>
  <si>
    <t>E01000870</t>
  </si>
  <si>
    <t>Camden 009B</t>
  </si>
  <si>
    <t>E01000871</t>
  </si>
  <si>
    <t>Camden 005A</t>
  </si>
  <si>
    <t>E02000170</t>
  </si>
  <si>
    <t>Camden 005</t>
  </si>
  <si>
    <t>E01000872</t>
  </si>
  <si>
    <t>Camden 005B</t>
  </si>
  <si>
    <t>E01000873</t>
  </si>
  <si>
    <t>Camden 005C</t>
  </si>
  <si>
    <t>E01000874</t>
  </si>
  <si>
    <t>Camden 005D</t>
  </si>
  <si>
    <t>E01000875</t>
  </si>
  <si>
    <t>Camden 013A</t>
  </si>
  <si>
    <t>E02000178</t>
  </si>
  <si>
    <t>Camden 013</t>
  </si>
  <si>
    <t>E01000876</t>
  </si>
  <si>
    <t>Camden 013B</t>
  </si>
  <si>
    <t>E01000877</t>
  </si>
  <si>
    <t>Camden 005E</t>
  </si>
  <si>
    <t>E01000878</t>
  </si>
  <si>
    <t>Camden 004A</t>
  </si>
  <si>
    <t>E02000169</t>
  </si>
  <si>
    <t>Camden 004</t>
  </si>
  <si>
    <t>E01000879</t>
  </si>
  <si>
    <t>Camden 004B</t>
  </si>
  <si>
    <t>E01000880</t>
  </si>
  <si>
    <t>Camden 004C</t>
  </si>
  <si>
    <t>E01000881</t>
  </si>
  <si>
    <t>Camden 008A</t>
  </si>
  <si>
    <t>E02000173</t>
  </si>
  <si>
    <t>Camden 008</t>
  </si>
  <si>
    <t>E01000882</t>
  </si>
  <si>
    <t>Camden 008B</t>
  </si>
  <si>
    <t>E01000883</t>
  </si>
  <si>
    <t>Camden 008C</t>
  </si>
  <si>
    <t>E01000884</t>
  </si>
  <si>
    <t>Camden 004D</t>
  </si>
  <si>
    <t>E01000885</t>
  </si>
  <si>
    <t>Camden 004E</t>
  </si>
  <si>
    <t>E01000886</t>
  </si>
  <si>
    <t>Camden 006A</t>
  </si>
  <si>
    <t>E02000171</t>
  </si>
  <si>
    <t>Camden 006</t>
  </si>
  <si>
    <t>E01000887</t>
  </si>
  <si>
    <t>Camden 006B</t>
  </si>
  <si>
    <t>E01000888</t>
  </si>
  <si>
    <t>Camden 006C</t>
  </si>
  <si>
    <t>E01000889</t>
  </si>
  <si>
    <t>Camden 007A</t>
  </si>
  <si>
    <t>E02000172</t>
  </si>
  <si>
    <t>Camden 007</t>
  </si>
  <si>
    <t>E01000890</t>
  </si>
  <si>
    <t>Camden 007B</t>
  </si>
  <si>
    <t>E01000891</t>
  </si>
  <si>
    <t>Camden 007C</t>
  </si>
  <si>
    <t>E01000892</t>
  </si>
  <si>
    <t>Camden 006D</t>
  </si>
  <si>
    <t>E01000893</t>
  </si>
  <si>
    <t>Camden 002A</t>
  </si>
  <si>
    <t>E02000167</t>
  </si>
  <si>
    <t>Camden 002</t>
  </si>
  <si>
    <t>E01000894</t>
  </si>
  <si>
    <t>Camden 002B</t>
  </si>
  <si>
    <t>E01000895</t>
  </si>
  <si>
    <t>Camden 002C</t>
  </si>
  <si>
    <t>E01000896</t>
  </si>
  <si>
    <t>Camden 002D</t>
  </si>
  <si>
    <t>E01000897</t>
  </si>
  <si>
    <t>Camden 008D</t>
  </si>
  <si>
    <t>E01000898</t>
  </si>
  <si>
    <t>Camden 008E</t>
  </si>
  <si>
    <t>E01000899</t>
  </si>
  <si>
    <t>Camden 002E</t>
  </si>
  <si>
    <t>E01000900</t>
  </si>
  <si>
    <t>Camden 012A</t>
  </si>
  <si>
    <t>E02000177</t>
  </si>
  <si>
    <t>Camden 012</t>
  </si>
  <si>
    <t>E01000901</t>
  </si>
  <si>
    <t>Camden 007D</t>
  </si>
  <si>
    <t>E01000902</t>
  </si>
  <si>
    <t>Camden 012B</t>
  </si>
  <si>
    <t>E01000903</t>
  </si>
  <si>
    <t>Camden 006E</t>
  </si>
  <si>
    <t>E01000904</t>
  </si>
  <si>
    <t>Camden 012C</t>
  </si>
  <si>
    <t>E01000905</t>
  </si>
  <si>
    <t>Camden 012D</t>
  </si>
  <si>
    <t>E01000906</t>
  </si>
  <si>
    <t>Camden 012E</t>
  </si>
  <si>
    <t>E01000907</t>
  </si>
  <si>
    <t>Camden 001A</t>
  </si>
  <si>
    <t>E02000166</t>
  </si>
  <si>
    <t>Camden 001</t>
  </si>
  <si>
    <t>E01000908</t>
  </si>
  <si>
    <t>Camden 001B</t>
  </si>
  <si>
    <t>E01000909</t>
  </si>
  <si>
    <t>Camden 001C</t>
  </si>
  <si>
    <t>E01000910</t>
  </si>
  <si>
    <t>Camden 003A</t>
  </si>
  <si>
    <t>E02000168</t>
  </si>
  <si>
    <t>Camden 003</t>
  </si>
  <si>
    <t>E01000911</t>
  </si>
  <si>
    <t>Camden 003B</t>
  </si>
  <si>
    <t>E01000912</t>
  </si>
  <si>
    <t>Camden 001D</t>
  </si>
  <si>
    <t>E01000913</t>
  </si>
  <si>
    <t>Camden 001E</t>
  </si>
  <si>
    <t>E01000914</t>
  </si>
  <si>
    <t>Camden 028B</t>
  </si>
  <si>
    <t>E01000915</t>
  </si>
  <si>
    <t>Camden 027A</t>
  </si>
  <si>
    <t>E02000192</t>
  </si>
  <si>
    <t>Camden 027</t>
  </si>
  <si>
    <t>E01000916</t>
  </si>
  <si>
    <t>Camden 027B</t>
  </si>
  <si>
    <t>E01000917</t>
  </si>
  <si>
    <t>Camden 027C</t>
  </si>
  <si>
    <t>E01000918</t>
  </si>
  <si>
    <t>Camden 028C</t>
  </si>
  <si>
    <t>E01000919</t>
  </si>
  <si>
    <t>Camden 028D</t>
  </si>
  <si>
    <t>E01000920</t>
  </si>
  <si>
    <t>Camden 027D</t>
  </si>
  <si>
    <t>E01000921</t>
  </si>
  <si>
    <t>Camden 003C</t>
  </si>
  <si>
    <t>E01000922</t>
  </si>
  <si>
    <t>Camden 007E</t>
  </si>
  <si>
    <t>E01000923</t>
  </si>
  <si>
    <t>Camden 003D</t>
  </si>
  <si>
    <t>E01000924</t>
  </si>
  <si>
    <t>Camden 009C</t>
  </si>
  <si>
    <t>E01000925</t>
  </si>
  <si>
    <t>Camden 009D</t>
  </si>
  <si>
    <t>E01000926</t>
  </si>
  <si>
    <t>Camden 009E</t>
  </si>
  <si>
    <t>E01000927</t>
  </si>
  <si>
    <t>Camden 007F</t>
  </si>
  <si>
    <t>E01000928</t>
  </si>
  <si>
    <t>Camden 003E</t>
  </si>
  <si>
    <t>E01000929</t>
  </si>
  <si>
    <t>Camden 020A</t>
  </si>
  <si>
    <t>E02000185</t>
  </si>
  <si>
    <t>Camden 020</t>
  </si>
  <si>
    <t>E01000930</t>
  </si>
  <si>
    <t>Camden 020B</t>
  </si>
  <si>
    <t>E01000931</t>
  </si>
  <si>
    <t>Camden 013C</t>
  </si>
  <si>
    <t>E01000932</t>
  </si>
  <si>
    <t>Camden 013D</t>
  </si>
  <si>
    <t>E01000933</t>
  </si>
  <si>
    <t>Camden 020C</t>
  </si>
  <si>
    <t>E01000934</t>
  </si>
  <si>
    <t>Camden 020D</t>
  </si>
  <si>
    <t>E01000935</t>
  </si>
  <si>
    <t>Camden 020E</t>
  </si>
  <si>
    <t>E01000937</t>
  </si>
  <si>
    <t>Camden 029G</t>
  </si>
  <si>
    <t>E01000938</t>
  </si>
  <si>
    <t>Camden 029A</t>
  </si>
  <si>
    <t>E01000939</t>
  </si>
  <si>
    <t>Camden 029B</t>
  </si>
  <si>
    <t>E01000941</t>
  </si>
  <si>
    <t>Camden 029D</t>
  </si>
  <si>
    <t>E01000942</t>
  </si>
  <si>
    <t>Camden 029C</t>
  </si>
  <si>
    <t>E01000943</t>
  </si>
  <si>
    <t>Camden 029F</t>
  </si>
  <si>
    <t>E01000944</t>
  </si>
  <si>
    <t>Camden 023A</t>
  </si>
  <si>
    <t>E02000188</t>
  </si>
  <si>
    <t>Camden 023</t>
  </si>
  <si>
    <t>E01000946</t>
  </si>
  <si>
    <t>Camden 021B</t>
  </si>
  <si>
    <t>E01000947</t>
  </si>
  <si>
    <t>Camden 021C</t>
  </si>
  <si>
    <t>E01000948</t>
  </si>
  <si>
    <t>Camden 021D</t>
  </si>
  <si>
    <t>E01000949</t>
  </si>
  <si>
    <t>Camden 023C</t>
  </si>
  <si>
    <t>E01000951</t>
  </si>
  <si>
    <t>Camden 023E</t>
  </si>
  <si>
    <t>E01000952</t>
  </si>
  <si>
    <t>Camden 022A</t>
  </si>
  <si>
    <t>E02000187</t>
  </si>
  <si>
    <t>Camden 022</t>
  </si>
  <si>
    <t>E01000954</t>
  </si>
  <si>
    <t>Camden 022C</t>
  </si>
  <si>
    <t>E01000955</t>
  </si>
  <si>
    <t>Camden 022D</t>
  </si>
  <si>
    <t>E01000956</t>
  </si>
  <si>
    <t>Camden 022E</t>
  </si>
  <si>
    <t>E01000957</t>
  </si>
  <si>
    <t>Camden 019C</t>
  </si>
  <si>
    <t>E01000958</t>
  </si>
  <si>
    <t>Camden 019D</t>
  </si>
  <si>
    <t>E01000959</t>
  </si>
  <si>
    <t>Camden 019E</t>
  </si>
  <si>
    <t>E01000960</t>
  </si>
  <si>
    <t>Camden 017A</t>
  </si>
  <si>
    <t>E02000182</t>
  </si>
  <si>
    <t>Camden 017</t>
  </si>
  <si>
    <t>E01000961</t>
  </si>
  <si>
    <t>Camden 017B</t>
  </si>
  <si>
    <t>E01000962</t>
  </si>
  <si>
    <t>Camden 016A</t>
  </si>
  <si>
    <t>E02000181</t>
  </si>
  <si>
    <t>Camden 016</t>
  </si>
  <si>
    <t>E01000963</t>
  </si>
  <si>
    <t>Camden 017C</t>
  </si>
  <si>
    <t>E01000964</t>
  </si>
  <si>
    <t>Camden 016B</t>
  </si>
  <si>
    <t>E01000965</t>
  </si>
  <si>
    <t>Camden 016C</t>
  </si>
  <si>
    <t>E01000966</t>
  </si>
  <si>
    <t>Camden 016D</t>
  </si>
  <si>
    <t>E01000967</t>
  </si>
  <si>
    <t>Camden 017D</t>
  </si>
  <si>
    <t>E01000968</t>
  </si>
  <si>
    <t>Camden 016E</t>
  </si>
  <si>
    <t>E01000969</t>
  </si>
  <si>
    <t>Camden 010A</t>
  </si>
  <si>
    <t>E02000175</t>
  </si>
  <si>
    <t>Camden 010</t>
  </si>
  <si>
    <t>E01000970</t>
  </si>
  <si>
    <t>Camden 010B</t>
  </si>
  <si>
    <t>E01000971</t>
  </si>
  <si>
    <t>Camden 010C</t>
  </si>
  <si>
    <t>E01000972</t>
  </si>
  <si>
    <t>Camden 010D</t>
  </si>
  <si>
    <t>E01000973</t>
  </si>
  <si>
    <t>Camden 010E</t>
  </si>
  <si>
    <t>E01000974</t>
  </si>
  <si>
    <t>Camden 013E</t>
  </si>
  <si>
    <t>E01000975</t>
  </si>
  <si>
    <t>Croydon 022A</t>
  </si>
  <si>
    <t>E02000215</t>
  </si>
  <si>
    <t>Croydon 022</t>
  </si>
  <si>
    <t>E09000008</t>
  </si>
  <si>
    <t>Croydon</t>
  </si>
  <si>
    <t>E01000976</t>
  </si>
  <si>
    <t>Croydon 022B</t>
  </si>
  <si>
    <t>E01000977</t>
  </si>
  <si>
    <t>Croydon 022C</t>
  </si>
  <si>
    <t>E01000978</t>
  </si>
  <si>
    <t>Croydon 022D</t>
  </si>
  <si>
    <t>E01000979</t>
  </si>
  <si>
    <t>Croydon 022E</t>
  </si>
  <si>
    <t>E01000980</t>
  </si>
  <si>
    <t>Croydon 017A</t>
  </si>
  <si>
    <t>E02000210</t>
  </si>
  <si>
    <t>Croydon 017</t>
  </si>
  <si>
    <t>E01000981</t>
  </si>
  <si>
    <t>Croydon 017B</t>
  </si>
  <si>
    <t>E01000982</t>
  </si>
  <si>
    <t>Croydon 017C</t>
  </si>
  <si>
    <t>E01000983</t>
  </si>
  <si>
    <t>Croydon 017D</t>
  </si>
  <si>
    <t>E01000984</t>
  </si>
  <si>
    <t>Croydon 022F</t>
  </si>
  <si>
    <t>E01000985</t>
  </si>
  <si>
    <t>Croydon 021A</t>
  </si>
  <si>
    <t>E02000214</t>
  </si>
  <si>
    <t>Croydon 021</t>
  </si>
  <si>
    <t>E01000986</t>
  </si>
  <si>
    <t>Croydon 021B</t>
  </si>
  <si>
    <t>E01000987</t>
  </si>
  <si>
    <t>Croydon 021C</t>
  </si>
  <si>
    <t>E01000989</t>
  </si>
  <si>
    <t>Croydon 018A</t>
  </si>
  <si>
    <t>E02000211</t>
  </si>
  <si>
    <t>Croydon 018</t>
  </si>
  <si>
    <t>E01000990</t>
  </si>
  <si>
    <t>Croydon 045A</t>
  </si>
  <si>
    <t>E02006788</t>
  </si>
  <si>
    <t>Croydon 045</t>
  </si>
  <si>
    <t>E01000991</t>
  </si>
  <si>
    <t>Croydon 018B</t>
  </si>
  <si>
    <t>E01000992</t>
  </si>
  <si>
    <t>Croydon 014A</t>
  </si>
  <si>
    <t>E02000207</t>
  </si>
  <si>
    <t>Croydon 014</t>
  </si>
  <si>
    <t>E01000993</t>
  </si>
  <si>
    <t>Croydon 021D</t>
  </si>
  <si>
    <t>E01000994</t>
  </si>
  <si>
    <t>Croydon 009A</t>
  </si>
  <si>
    <t>E02000202</t>
  </si>
  <si>
    <t>Croydon 009</t>
  </si>
  <si>
    <t>E01000995</t>
  </si>
  <si>
    <t>Croydon 009B</t>
  </si>
  <si>
    <t>E01000996</t>
  </si>
  <si>
    <t>Croydon 009C</t>
  </si>
  <si>
    <t>E01000997</t>
  </si>
  <si>
    <t>Croydon 009D</t>
  </si>
  <si>
    <t>E01000998</t>
  </si>
  <si>
    <t>Croydon 010A</t>
  </si>
  <si>
    <t>E02000203</t>
  </si>
  <si>
    <t>Croydon 010</t>
  </si>
  <si>
    <t>E01000999</t>
  </si>
  <si>
    <t>Croydon 009E</t>
  </si>
  <si>
    <t>E01001000</t>
  </si>
  <si>
    <t>Croydon 010B</t>
  </si>
  <si>
    <t>E01001001</t>
  </si>
  <si>
    <t>Croydon 013A</t>
  </si>
  <si>
    <t>E02000206</t>
  </si>
  <si>
    <t>Croydon 013</t>
  </si>
  <si>
    <t>E01001002</t>
  </si>
  <si>
    <t>Croydon 009F</t>
  </si>
  <si>
    <t>E01001003</t>
  </si>
  <si>
    <t>Croydon 010C</t>
  </si>
  <si>
    <t>E01001004</t>
  </si>
  <si>
    <t>Croydon 015A</t>
  </si>
  <si>
    <t>E02000208</t>
  </si>
  <si>
    <t>Croydon 015</t>
  </si>
  <si>
    <t>E01001005</t>
  </si>
  <si>
    <t>Croydon 019A</t>
  </si>
  <si>
    <t>E02000212</t>
  </si>
  <si>
    <t>Croydon 019</t>
  </si>
  <si>
    <t>E01001006</t>
  </si>
  <si>
    <t>Croydon 016A</t>
  </si>
  <si>
    <t>E02000209</t>
  </si>
  <si>
    <t>Croydon 016</t>
  </si>
  <si>
    <t>E01001007</t>
  </si>
  <si>
    <t>Croydon 016B</t>
  </si>
  <si>
    <t>E01001008</t>
  </si>
  <si>
    <t>Croydon 019B</t>
  </si>
  <si>
    <t>E01001009</t>
  </si>
  <si>
    <t>Croydon 019C</t>
  </si>
  <si>
    <t>E01001010</t>
  </si>
  <si>
    <t>Croydon 019D</t>
  </si>
  <si>
    <t>E01001011</t>
  </si>
  <si>
    <t>Croydon 019E</t>
  </si>
  <si>
    <t>E01001012</t>
  </si>
  <si>
    <t>Croydon 020A</t>
  </si>
  <si>
    <t>E02000213</t>
  </si>
  <si>
    <t>Croydon 020</t>
  </si>
  <si>
    <t>E01001013</t>
  </si>
  <si>
    <t>Croydon 020B</t>
  </si>
  <si>
    <t>E01001015</t>
  </si>
  <si>
    <t>Croydon 041A</t>
  </si>
  <si>
    <t>E02000234</t>
  </si>
  <si>
    <t>Croydon 041</t>
  </si>
  <si>
    <t>E01001016</t>
  </si>
  <si>
    <t>Croydon 041B</t>
  </si>
  <si>
    <t>E01001017</t>
  </si>
  <si>
    <t>Croydon 043A</t>
  </si>
  <si>
    <t>E02000236</t>
  </si>
  <si>
    <t>Croydon 043</t>
  </si>
  <si>
    <t>E01001018</t>
  </si>
  <si>
    <t>Croydon 044A</t>
  </si>
  <si>
    <t>E02000237</t>
  </si>
  <si>
    <t>Croydon 044</t>
  </si>
  <si>
    <t>E01001019</t>
  </si>
  <si>
    <t>Croydon 044B</t>
  </si>
  <si>
    <t>E01001020</t>
  </si>
  <si>
    <t>Croydon 044C</t>
  </si>
  <si>
    <t>E01001021</t>
  </si>
  <si>
    <t>Croydon 044D</t>
  </si>
  <si>
    <t>E01001022</t>
  </si>
  <si>
    <t>Croydon 044E</t>
  </si>
  <si>
    <t>E01001023</t>
  </si>
  <si>
    <t>Croydon 041C</t>
  </si>
  <si>
    <t>E01001024</t>
  </si>
  <si>
    <t>Croydon 043B</t>
  </si>
  <si>
    <t>E01001025</t>
  </si>
  <si>
    <t>Croydon 043C</t>
  </si>
  <si>
    <t>E01001026</t>
  </si>
  <si>
    <t>Croydon 043D</t>
  </si>
  <si>
    <t>E01001027</t>
  </si>
  <si>
    <t>Croydon 043E</t>
  </si>
  <si>
    <t>E01001028</t>
  </si>
  <si>
    <t>Croydon 038A</t>
  </si>
  <si>
    <t>E02000231</t>
  </si>
  <si>
    <t>Croydon 038</t>
  </si>
  <si>
    <t>E01001029</t>
  </si>
  <si>
    <t>Croydon 038B</t>
  </si>
  <si>
    <t>E01001030</t>
  </si>
  <si>
    <t>Croydon 038C</t>
  </si>
  <si>
    <t>E01001031</t>
  </si>
  <si>
    <t>Croydon 038D</t>
  </si>
  <si>
    <t>E01001032</t>
  </si>
  <si>
    <t>Croydon 035A</t>
  </si>
  <si>
    <t>E02000228</t>
  </si>
  <si>
    <t>Croydon 035</t>
  </si>
  <si>
    <t>E01001033</t>
  </si>
  <si>
    <t>Croydon 031A</t>
  </si>
  <si>
    <t>E02000224</t>
  </si>
  <si>
    <t>Croydon 031</t>
  </si>
  <si>
    <t>E01001034</t>
  </si>
  <si>
    <t>Croydon 031B</t>
  </si>
  <si>
    <t>E01001035</t>
  </si>
  <si>
    <t>Croydon 047C</t>
  </si>
  <si>
    <t>E02006988</t>
  </si>
  <si>
    <t>Croydon 047</t>
  </si>
  <si>
    <t>E01001036</t>
  </si>
  <si>
    <t>Croydon 029A</t>
  </si>
  <si>
    <t>E02000222</t>
  </si>
  <si>
    <t>Croydon 029</t>
  </si>
  <si>
    <t>E01001037</t>
  </si>
  <si>
    <t>Croydon 029B</t>
  </si>
  <si>
    <t>E01001038</t>
  </si>
  <si>
    <t>Croydon 029C</t>
  </si>
  <si>
    <t>E01001039</t>
  </si>
  <si>
    <t>Croydon 029D</t>
  </si>
  <si>
    <t>E01001040</t>
  </si>
  <si>
    <t>Croydon 029E</t>
  </si>
  <si>
    <t>E01001041</t>
  </si>
  <si>
    <t>Croydon 031C</t>
  </si>
  <si>
    <t>E01001042</t>
  </si>
  <si>
    <t>Croydon 024B</t>
  </si>
  <si>
    <t>E02000217</t>
  </si>
  <si>
    <t>Croydon 024</t>
  </si>
  <si>
    <t>E01001044</t>
  </si>
  <si>
    <t>Croydon 023A</t>
  </si>
  <si>
    <t>E02000216</t>
  </si>
  <si>
    <t>Croydon 023</t>
  </si>
  <si>
    <t>E01001046</t>
  </si>
  <si>
    <t>Croydon 023B</t>
  </si>
  <si>
    <t>E01001047</t>
  </si>
  <si>
    <t>Croydon 047A</t>
  </si>
  <si>
    <t>E01001049</t>
  </si>
  <si>
    <t>Croydon 023C</t>
  </si>
  <si>
    <t>E01001050</t>
  </si>
  <si>
    <t>Croydon 023D</t>
  </si>
  <si>
    <t>E01001051</t>
  </si>
  <si>
    <t>Croydon 030A</t>
  </si>
  <si>
    <t>E02000223</t>
  </si>
  <si>
    <t>Croydon 030</t>
  </si>
  <si>
    <t>E01001052</t>
  </si>
  <si>
    <t>Croydon 030B</t>
  </si>
  <si>
    <t>E01001053</t>
  </si>
  <si>
    <t>Croydon 032A</t>
  </si>
  <si>
    <t>E02000225</t>
  </si>
  <si>
    <t>Croydon 032</t>
  </si>
  <si>
    <t>E01001054</t>
  </si>
  <si>
    <t>Croydon 030C</t>
  </si>
  <si>
    <t>E01001055</t>
  </si>
  <si>
    <t>Croydon 032B</t>
  </si>
  <si>
    <t>E01001056</t>
  </si>
  <si>
    <t>Croydon 030D</t>
  </si>
  <si>
    <t>E01001057</t>
  </si>
  <si>
    <t>Croydon 030E</t>
  </si>
  <si>
    <t>E01001058</t>
  </si>
  <si>
    <t>Croydon 034A</t>
  </si>
  <si>
    <t>E02000227</t>
  </si>
  <si>
    <t>Croydon 034</t>
  </si>
  <si>
    <t>E01001059</t>
  </si>
  <si>
    <t>Croydon 034B</t>
  </si>
  <si>
    <t>E01001060</t>
  </si>
  <si>
    <t>Croydon 034C</t>
  </si>
  <si>
    <t>E01001061</t>
  </si>
  <si>
    <t>Croydon 034D</t>
  </si>
  <si>
    <t>E01001062</t>
  </si>
  <si>
    <t>Croydon 026A</t>
  </si>
  <si>
    <t>E02000219</t>
  </si>
  <si>
    <t>Croydon 026</t>
  </si>
  <si>
    <t>E01001063</t>
  </si>
  <si>
    <t>Croydon 026B</t>
  </si>
  <si>
    <t>E01001064</t>
  </si>
  <si>
    <t>Croydon 026C</t>
  </si>
  <si>
    <t>E01001065</t>
  </si>
  <si>
    <t>Croydon 034E</t>
  </si>
  <si>
    <t>E01001066</t>
  </si>
  <si>
    <t>Croydon 034F</t>
  </si>
  <si>
    <t>E01001067</t>
  </si>
  <si>
    <t>Croydon 041D</t>
  </si>
  <si>
    <t>E01001068</t>
  </si>
  <si>
    <t>Croydon 042A</t>
  </si>
  <si>
    <t>E02000235</t>
  </si>
  <si>
    <t>Croydon 042</t>
  </si>
  <si>
    <t>E01001069</t>
  </si>
  <si>
    <t>Croydon 040A</t>
  </si>
  <si>
    <t>E02000233</t>
  </si>
  <si>
    <t>Croydon 040</t>
  </si>
  <si>
    <t>E01001070</t>
  </si>
  <si>
    <t>Croydon 040B</t>
  </si>
  <si>
    <t>E01001071</t>
  </si>
  <si>
    <t>Croydon 042B</t>
  </si>
  <si>
    <t>E01001072</t>
  </si>
  <si>
    <t>Croydon 042C</t>
  </si>
  <si>
    <t>E01001073</t>
  </si>
  <si>
    <t>Croydon 037A</t>
  </si>
  <si>
    <t>E02000230</t>
  </si>
  <si>
    <t>Croydon 037</t>
  </si>
  <si>
    <t>E01001074</t>
  </si>
  <si>
    <t>Croydon 041E</t>
  </si>
  <si>
    <t>E01001075</t>
  </si>
  <si>
    <t>Croydon 040C</t>
  </si>
  <si>
    <t>E01001076</t>
  </si>
  <si>
    <t>Croydon 036A</t>
  </si>
  <si>
    <t>E02000229</t>
  </si>
  <si>
    <t>Croydon 036</t>
  </si>
  <si>
    <t>E01001077</t>
  </si>
  <si>
    <t>Croydon 032C</t>
  </si>
  <si>
    <t>E01001078</t>
  </si>
  <si>
    <t>Croydon 032D</t>
  </si>
  <si>
    <t>E01001079</t>
  </si>
  <si>
    <t>Croydon 036B</t>
  </si>
  <si>
    <t>E01001080</t>
  </si>
  <si>
    <t>Croydon 036C</t>
  </si>
  <si>
    <t>E01001081</t>
  </si>
  <si>
    <t>Croydon 036D</t>
  </si>
  <si>
    <t>E01001082</t>
  </si>
  <si>
    <t>Croydon 032E</t>
  </si>
  <si>
    <t>E01001083</t>
  </si>
  <si>
    <t>Croydon 003A</t>
  </si>
  <si>
    <t>E02000196</t>
  </si>
  <si>
    <t>Croydon 003</t>
  </si>
  <si>
    <t>E01001084</t>
  </si>
  <si>
    <t>Croydon 002A</t>
  </si>
  <si>
    <t>E02000195</t>
  </si>
  <si>
    <t>Croydon 002</t>
  </si>
  <si>
    <t>E01001085</t>
  </si>
  <si>
    <t>Croydon 004A</t>
  </si>
  <si>
    <t>E02000197</t>
  </si>
  <si>
    <t>Croydon 004</t>
  </si>
  <si>
    <t>E01001086</t>
  </si>
  <si>
    <t>Croydon 003B</t>
  </si>
  <si>
    <t>E01001087</t>
  </si>
  <si>
    <t>Croydon 003C</t>
  </si>
  <si>
    <t>E01001088</t>
  </si>
  <si>
    <t>Croydon 004B</t>
  </si>
  <si>
    <t>E01001089</t>
  </si>
  <si>
    <t>Croydon 004C</t>
  </si>
  <si>
    <t>E01001090</t>
  </si>
  <si>
    <t>Croydon 004D</t>
  </si>
  <si>
    <t>E01001091</t>
  </si>
  <si>
    <t>Croydon 004E</t>
  </si>
  <si>
    <t>E01001092</t>
  </si>
  <si>
    <t>Croydon 037B</t>
  </si>
  <si>
    <t>E01001093</t>
  </si>
  <si>
    <t>Croydon 037C</t>
  </si>
  <si>
    <t>E01001094</t>
  </si>
  <si>
    <t>Croydon 038E</t>
  </si>
  <si>
    <t>E01001095</t>
  </si>
  <si>
    <t>Croydon 031D</t>
  </si>
  <si>
    <t>E01001096</t>
  </si>
  <si>
    <t>Croydon 037D</t>
  </si>
  <si>
    <t>E01001097</t>
  </si>
  <si>
    <t>Croydon 037E</t>
  </si>
  <si>
    <t>E01001098</t>
  </si>
  <si>
    <t>Croydon 037F</t>
  </si>
  <si>
    <t>E01001099</t>
  </si>
  <si>
    <t>Croydon 040D</t>
  </si>
  <si>
    <t>E01001100</t>
  </si>
  <si>
    <t>Croydon 031E</t>
  </si>
  <si>
    <t>E01001101</t>
  </si>
  <si>
    <t>Croydon 035B</t>
  </si>
  <si>
    <t>E01001102</t>
  </si>
  <si>
    <t>Croydon 035C</t>
  </si>
  <si>
    <t>E01001103</t>
  </si>
  <si>
    <t>Croydon 039A</t>
  </si>
  <si>
    <t>E02000232</t>
  </si>
  <si>
    <t>Croydon 039</t>
  </si>
  <si>
    <t>E01001104</t>
  </si>
  <si>
    <t>Croydon 042D</t>
  </si>
  <si>
    <t>E01001105</t>
  </si>
  <si>
    <t>Croydon 039B</t>
  </si>
  <si>
    <t>E01001106</t>
  </si>
  <si>
    <t>Croydon 039C</t>
  </si>
  <si>
    <t>E01001107</t>
  </si>
  <si>
    <t>Croydon 035D</t>
  </si>
  <si>
    <t>E01001108</t>
  </si>
  <si>
    <t>Croydon 035E</t>
  </si>
  <si>
    <t>E01001109</t>
  </si>
  <si>
    <t>Croydon 013B</t>
  </si>
  <si>
    <t>E01001110</t>
  </si>
  <si>
    <t>Croydon 020D</t>
  </si>
  <si>
    <t>E01001111</t>
  </si>
  <si>
    <t>Croydon 010D</t>
  </si>
  <si>
    <t>E01001112</t>
  </si>
  <si>
    <t>Croydon 013C</t>
  </si>
  <si>
    <t>E01001113</t>
  </si>
  <si>
    <t>Croydon 013D</t>
  </si>
  <si>
    <t>E01001114</t>
  </si>
  <si>
    <t>Croydon 013E</t>
  </si>
  <si>
    <t>E01001115</t>
  </si>
  <si>
    <t>Croydon 015B</t>
  </si>
  <si>
    <t>E01001116</t>
  </si>
  <si>
    <t>Croydon 013F</t>
  </si>
  <si>
    <t>E01001118</t>
  </si>
  <si>
    <t>Croydon 020E</t>
  </si>
  <si>
    <t>E01001119</t>
  </si>
  <si>
    <t>Croydon 034G</t>
  </si>
  <si>
    <t>E01001120</t>
  </si>
  <si>
    <t>Croydon 033A</t>
  </si>
  <si>
    <t>E02000226</t>
  </si>
  <si>
    <t>Croydon 033</t>
  </si>
  <si>
    <t>E01001121</t>
  </si>
  <si>
    <t>Croydon 039D</t>
  </si>
  <si>
    <t>E01001122</t>
  </si>
  <si>
    <t>Croydon 033B</t>
  </si>
  <si>
    <t>E01001123</t>
  </si>
  <si>
    <t>Croydon 033C</t>
  </si>
  <si>
    <t>E01001124</t>
  </si>
  <si>
    <t>Croydon 033D</t>
  </si>
  <si>
    <t>E01001125</t>
  </si>
  <si>
    <t>Croydon 033E</t>
  </si>
  <si>
    <t>E01001126</t>
  </si>
  <si>
    <t>Croydon 034H</t>
  </si>
  <si>
    <t>E01001127</t>
  </si>
  <si>
    <t>Croydon 025A</t>
  </si>
  <si>
    <t>E02000218</t>
  </si>
  <si>
    <t>Croydon 025</t>
  </si>
  <si>
    <t>E01001128</t>
  </si>
  <si>
    <t>Croydon 025B</t>
  </si>
  <si>
    <t>E01001129</t>
  </si>
  <si>
    <t>Croydon 026D</t>
  </si>
  <si>
    <t>E01001130</t>
  </si>
  <si>
    <t>Croydon 025C</t>
  </si>
  <si>
    <t>E01001131</t>
  </si>
  <si>
    <t>Croydon 018C</t>
  </si>
  <si>
    <t>E01001132</t>
  </si>
  <si>
    <t>Croydon 018D</t>
  </si>
  <si>
    <t>E01001133</t>
  </si>
  <si>
    <t>Croydon 026E</t>
  </si>
  <si>
    <t>E01001134</t>
  </si>
  <si>
    <t>Croydon 018E</t>
  </si>
  <si>
    <t>E01001135</t>
  </si>
  <si>
    <t>Croydon 025D</t>
  </si>
  <si>
    <t>E01001136</t>
  </si>
  <si>
    <t>Croydon 007A</t>
  </si>
  <si>
    <t>E02000200</t>
  </si>
  <si>
    <t>Croydon 007</t>
  </si>
  <si>
    <t>E01001137</t>
  </si>
  <si>
    <t>Croydon 001A</t>
  </si>
  <si>
    <t>E02000194</t>
  </si>
  <si>
    <t>Croydon 001</t>
  </si>
  <si>
    <t>E01001138</t>
  </si>
  <si>
    <t>Croydon 001B</t>
  </si>
  <si>
    <t>E01001139</t>
  </si>
  <si>
    <t>Croydon 007B</t>
  </si>
  <si>
    <t>E01001140</t>
  </si>
  <si>
    <t>Croydon 007C</t>
  </si>
  <si>
    <t>E01001141</t>
  </si>
  <si>
    <t>Croydon 008A</t>
  </si>
  <si>
    <t>E02000201</t>
  </si>
  <si>
    <t>Croydon 008</t>
  </si>
  <si>
    <t>E01001142</t>
  </si>
  <si>
    <t>Croydon 007D</t>
  </si>
  <si>
    <t>E01001143</t>
  </si>
  <si>
    <t>Croydon 008B</t>
  </si>
  <si>
    <t>E01001144</t>
  </si>
  <si>
    <t>Croydon 007E</t>
  </si>
  <si>
    <t>E01001145</t>
  </si>
  <si>
    <t>Croydon 008C</t>
  </si>
  <si>
    <t>E01001146</t>
  </si>
  <si>
    <t>Croydon 006A</t>
  </si>
  <si>
    <t>E02000199</t>
  </si>
  <si>
    <t>Croydon 006</t>
  </si>
  <si>
    <t>E01001147</t>
  </si>
  <si>
    <t>Croydon 005A</t>
  </si>
  <si>
    <t>E02000198</t>
  </si>
  <si>
    <t>Croydon 005</t>
  </si>
  <si>
    <t>E01001148</t>
  </si>
  <si>
    <t>Croydon 005B</t>
  </si>
  <si>
    <t>E01001149</t>
  </si>
  <si>
    <t>Croydon 006B</t>
  </si>
  <si>
    <t>E01001150</t>
  </si>
  <si>
    <t>Croydon 006C</t>
  </si>
  <si>
    <t>E01001151</t>
  </si>
  <si>
    <t>Croydon 005C</t>
  </si>
  <si>
    <t>E01001152</t>
  </si>
  <si>
    <t>Croydon 005D</t>
  </si>
  <si>
    <t>E01001153</t>
  </si>
  <si>
    <t>Croydon 006D</t>
  </si>
  <si>
    <t>E01001154</t>
  </si>
  <si>
    <t>Croydon 006E</t>
  </si>
  <si>
    <t>E01001155</t>
  </si>
  <si>
    <t>Croydon 010E</t>
  </si>
  <si>
    <t>E01001156</t>
  </si>
  <si>
    <t>Croydon 001C</t>
  </si>
  <si>
    <t>E01001157</t>
  </si>
  <si>
    <t>Croydon 002B</t>
  </si>
  <si>
    <t>E01001158</t>
  </si>
  <si>
    <t>Croydon 005E</t>
  </si>
  <si>
    <t>E01001159</t>
  </si>
  <si>
    <t>Croydon 002C</t>
  </si>
  <si>
    <t>E01001160</t>
  </si>
  <si>
    <t>Croydon 002D</t>
  </si>
  <si>
    <t>E01001161</t>
  </si>
  <si>
    <t>Croydon 003D</t>
  </si>
  <si>
    <t>E01001162</t>
  </si>
  <si>
    <t>Croydon 001D</t>
  </si>
  <si>
    <t>E01001163</t>
  </si>
  <si>
    <t>Croydon 002E</t>
  </si>
  <si>
    <t>E01001164</t>
  </si>
  <si>
    <t>Croydon 001E</t>
  </si>
  <si>
    <t>E01001165</t>
  </si>
  <si>
    <t>Croydon 024C</t>
  </si>
  <si>
    <t>E01001166</t>
  </si>
  <si>
    <t>Croydon 024D</t>
  </si>
  <si>
    <t>E01001167</t>
  </si>
  <si>
    <t>Croydon 028A</t>
  </si>
  <si>
    <t>E02000221</t>
  </si>
  <si>
    <t>Croydon 028</t>
  </si>
  <si>
    <t>E01001168</t>
  </si>
  <si>
    <t>Croydon 024E</t>
  </si>
  <si>
    <t>E01001169</t>
  </si>
  <si>
    <t>Croydon 028B</t>
  </si>
  <si>
    <t>E01001170</t>
  </si>
  <si>
    <t>Croydon 047D</t>
  </si>
  <si>
    <t>E01001171</t>
  </si>
  <si>
    <t>Croydon 028C</t>
  </si>
  <si>
    <t>E01001172</t>
  </si>
  <si>
    <t>Croydon 028D</t>
  </si>
  <si>
    <t>E01001173</t>
  </si>
  <si>
    <t>Croydon 028E</t>
  </si>
  <si>
    <t>E01001174</t>
  </si>
  <si>
    <t>Croydon 011A</t>
  </si>
  <si>
    <t>E02000204</t>
  </si>
  <si>
    <t>Croydon 011</t>
  </si>
  <si>
    <t>E01001175</t>
  </si>
  <si>
    <t>Croydon 011B</t>
  </si>
  <si>
    <t>E01001176</t>
  </si>
  <si>
    <t>Croydon 011C</t>
  </si>
  <si>
    <t>E01001177</t>
  </si>
  <si>
    <t>Croydon 016C</t>
  </si>
  <si>
    <t>E01001178</t>
  </si>
  <si>
    <t>Croydon 015D</t>
  </si>
  <si>
    <t>E01001179</t>
  </si>
  <si>
    <t>Croydon 016D</t>
  </si>
  <si>
    <t>E01001180</t>
  </si>
  <si>
    <t>Croydon 016E</t>
  </si>
  <si>
    <t>E01001181</t>
  </si>
  <si>
    <t>Croydon 015E</t>
  </si>
  <si>
    <t>E01001182</t>
  </si>
  <si>
    <t>Croydon 011D</t>
  </si>
  <si>
    <t>E01001183</t>
  </si>
  <si>
    <t>Croydon 011E</t>
  </si>
  <si>
    <t>E01001184</t>
  </si>
  <si>
    <t>Croydon 011F</t>
  </si>
  <si>
    <t>E01001185</t>
  </si>
  <si>
    <t>Croydon 014B</t>
  </si>
  <si>
    <t>E01001186</t>
  </si>
  <si>
    <t>Croydon 014C</t>
  </si>
  <si>
    <t>E01001187</t>
  </si>
  <si>
    <t>Croydon 017E</t>
  </si>
  <si>
    <t>E01001188</t>
  </si>
  <si>
    <t>Croydon 014D</t>
  </si>
  <si>
    <t>E01001189</t>
  </si>
  <si>
    <t>Croydon 045B</t>
  </si>
  <si>
    <t>E01001190</t>
  </si>
  <si>
    <t>Croydon 045C</t>
  </si>
  <si>
    <t>E01001191</t>
  </si>
  <si>
    <t>Croydon 008D</t>
  </si>
  <si>
    <t>E01001192</t>
  </si>
  <si>
    <t>Croydon 008E</t>
  </si>
  <si>
    <t>E01001193</t>
  </si>
  <si>
    <t>Croydon 014E</t>
  </si>
  <si>
    <t>E01001194</t>
  </si>
  <si>
    <t>Croydon 045D</t>
  </si>
  <si>
    <t>E01001196</t>
  </si>
  <si>
    <t>Ealing 015A</t>
  </si>
  <si>
    <t>E02000252</t>
  </si>
  <si>
    <t>Ealing 015</t>
  </si>
  <si>
    <t>E09000009</t>
  </si>
  <si>
    <t>Ealing</t>
  </si>
  <si>
    <t>E01001239</t>
  </si>
  <si>
    <t>Ealing 015C</t>
  </si>
  <si>
    <t>E01001243</t>
  </si>
  <si>
    <t>Ealing 024D</t>
  </si>
  <si>
    <t>E02000261</t>
  </si>
  <si>
    <t>Ealing 024</t>
  </si>
  <si>
    <t>E01001244</t>
  </si>
  <si>
    <t>Ealing 024E</t>
  </si>
  <si>
    <t>E01001245</t>
  </si>
  <si>
    <t>Ealing 024F</t>
  </si>
  <si>
    <t>E01001246</t>
  </si>
  <si>
    <t>Ealing 015D</t>
  </si>
  <si>
    <t>E01001276</t>
  </si>
  <si>
    <t>Ealing 011A</t>
  </si>
  <si>
    <t>E02000248</t>
  </si>
  <si>
    <t>Ealing 011</t>
  </si>
  <si>
    <t>E01001277</t>
  </si>
  <si>
    <t>Ealing 011B</t>
  </si>
  <si>
    <t>E01001278</t>
  </si>
  <si>
    <t>Ealing 011C</t>
  </si>
  <si>
    <t>E01001281</t>
  </si>
  <si>
    <t>Ealing 013D</t>
  </si>
  <si>
    <t>E02000250</t>
  </si>
  <si>
    <t>Ealing 013</t>
  </si>
  <si>
    <t>E01001308</t>
  </si>
  <si>
    <t>Ealing 002B</t>
  </si>
  <si>
    <t>E02000239</t>
  </si>
  <si>
    <t>Ealing 002</t>
  </si>
  <si>
    <t>E01001310</t>
  </si>
  <si>
    <t>Ealing 001D</t>
  </si>
  <si>
    <t>E02000238</t>
  </si>
  <si>
    <t>Ealing 001</t>
  </si>
  <si>
    <t>E01001312</t>
  </si>
  <si>
    <t>Ealing 002C</t>
  </si>
  <si>
    <t>E01001313</t>
  </si>
  <si>
    <t>Ealing 002D</t>
  </si>
  <si>
    <t>E01001314</t>
  </si>
  <si>
    <t>Ealing 002E</t>
  </si>
  <si>
    <t>E01001326</t>
  </si>
  <si>
    <t>Ealing 008C</t>
  </si>
  <si>
    <t>E02000245</t>
  </si>
  <si>
    <t>Ealing 008</t>
  </si>
  <si>
    <t>E01001342</t>
  </si>
  <si>
    <t>Ealing 005B</t>
  </si>
  <si>
    <t>E02000242</t>
  </si>
  <si>
    <t>Ealing 005</t>
  </si>
  <si>
    <t>E01001345</t>
  </si>
  <si>
    <t>Ealing 005D</t>
  </si>
  <si>
    <t>E01001377</t>
  </si>
  <si>
    <t>Ealing 034B</t>
  </si>
  <si>
    <t>E02000271</t>
  </si>
  <si>
    <t>Ealing 034</t>
  </si>
  <si>
    <t>E01001390</t>
  </si>
  <si>
    <t>Enfield 036A</t>
  </si>
  <si>
    <t>E02000312</t>
  </si>
  <si>
    <t>Enfield 036</t>
  </si>
  <si>
    <t>E09000010</t>
  </si>
  <si>
    <t>Enfield</t>
  </si>
  <si>
    <t>E01001391</t>
  </si>
  <si>
    <t>Enfield 036B</t>
  </si>
  <si>
    <t>E01001392</t>
  </si>
  <si>
    <t>Enfield 032A</t>
  </si>
  <si>
    <t>E02000308</t>
  </si>
  <si>
    <t>Enfield 032</t>
  </si>
  <si>
    <t>E01001393</t>
  </si>
  <si>
    <t>Enfield 036C</t>
  </si>
  <si>
    <t>E01001394</t>
  </si>
  <si>
    <t>Enfield 035A</t>
  </si>
  <si>
    <t>E02000311</t>
  </si>
  <si>
    <t>Enfield 035</t>
  </si>
  <si>
    <t>E01001395</t>
  </si>
  <si>
    <t>Enfield 035B</t>
  </si>
  <si>
    <t>E01001396</t>
  </si>
  <si>
    <t>Enfield 036D</t>
  </si>
  <si>
    <t>E01001397</t>
  </si>
  <si>
    <t>Enfield 035C</t>
  </si>
  <si>
    <t>E01001398</t>
  </si>
  <si>
    <t>Enfield 021A</t>
  </si>
  <si>
    <t>E02000297</t>
  </si>
  <si>
    <t>Enfield 021</t>
  </si>
  <si>
    <t>E01001399</t>
  </si>
  <si>
    <t>Enfield 021B</t>
  </si>
  <si>
    <t>E01001400</t>
  </si>
  <si>
    <t>Enfield 021C</t>
  </si>
  <si>
    <t>E01001401</t>
  </si>
  <si>
    <t>Enfield 016A</t>
  </si>
  <si>
    <t>E02000292</t>
  </si>
  <si>
    <t>Enfield 016</t>
  </si>
  <si>
    <t>E01001402</t>
  </si>
  <si>
    <t>Enfield 021D</t>
  </si>
  <si>
    <t>E01001403</t>
  </si>
  <si>
    <t>Enfield 021E</t>
  </si>
  <si>
    <t>E01001404</t>
  </si>
  <si>
    <t>Enfield 026A</t>
  </si>
  <si>
    <t>E02000302</t>
  </si>
  <si>
    <t>Enfield 026</t>
  </si>
  <si>
    <t>E01001405</t>
  </si>
  <si>
    <t>Enfield 015A</t>
  </si>
  <si>
    <t>E02000291</t>
  </si>
  <si>
    <t>Enfield 015</t>
  </si>
  <si>
    <t>E01001406</t>
  </si>
  <si>
    <t>Enfield 015B</t>
  </si>
  <si>
    <t>E01001407</t>
  </si>
  <si>
    <t>Enfield 005A</t>
  </si>
  <si>
    <t>E02000281</t>
  </si>
  <si>
    <t>Enfield 005</t>
  </si>
  <si>
    <t>E01001408</t>
  </si>
  <si>
    <t>Enfield 004A</t>
  </si>
  <si>
    <t>E02000280</t>
  </si>
  <si>
    <t>Enfield 004</t>
  </si>
  <si>
    <t>E01001409</t>
  </si>
  <si>
    <t>Enfield 005B</t>
  </si>
  <si>
    <t>E01001410</t>
  </si>
  <si>
    <t>Enfield 005C</t>
  </si>
  <si>
    <t>E01001411</t>
  </si>
  <si>
    <t>Enfield 004B</t>
  </si>
  <si>
    <t>E01001412</t>
  </si>
  <si>
    <t>Enfield 004C</t>
  </si>
  <si>
    <t>E01001413</t>
  </si>
  <si>
    <t>Enfield 004D</t>
  </si>
  <si>
    <t>E01001414</t>
  </si>
  <si>
    <t>Enfield 004E</t>
  </si>
  <si>
    <t>E01001415</t>
  </si>
  <si>
    <t>Enfield 011A</t>
  </si>
  <si>
    <t>E02000287</t>
  </si>
  <si>
    <t>Enfield 011</t>
  </si>
  <si>
    <t>E01001416</t>
  </si>
  <si>
    <t>Enfield 013A</t>
  </si>
  <si>
    <t>E02000289</t>
  </si>
  <si>
    <t>Enfield 013</t>
  </si>
  <si>
    <t>E01001417</t>
  </si>
  <si>
    <t>Enfield 011B</t>
  </si>
  <si>
    <t>E01001418</t>
  </si>
  <si>
    <t>Enfield 011C</t>
  </si>
  <si>
    <t>E01001419</t>
  </si>
  <si>
    <t>Enfield 020A</t>
  </si>
  <si>
    <t>E02000296</t>
  </si>
  <si>
    <t>Enfield 020</t>
  </si>
  <si>
    <t>E01001420</t>
  </si>
  <si>
    <t>Enfield 020B</t>
  </si>
  <si>
    <t>E01001421</t>
  </si>
  <si>
    <t>Enfield 020C</t>
  </si>
  <si>
    <t>E01001422</t>
  </si>
  <si>
    <t>Enfield 011D</t>
  </si>
  <si>
    <t>E01001423</t>
  </si>
  <si>
    <t>Enfield 027A</t>
  </si>
  <si>
    <t>E02000303</t>
  </si>
  <si>
    <t>Enfield 027</t>
  </si>
  <si>
    <t>E01001424</t>
  </si>
  <si>
    <t>Enfield 030A</t>
  </si>
  <si>
    <t>E02000306</t>
  </si>
  <si>
    <t>Enfield 030</t>
  </si>
  <si>
    <t>E01001425</t>
  </si>
  <si>
    <t>Enfield 027B</t>
  </si>
  <si>
    <t>E01001426</t>
  </si>
  <si>
    <t>Enfield 030B</t>
  </si>
  <si>
    <t>E01001427</t>
  </si>
  <si>
    <t>Enfield 030C</t>
  </si>
  <si>
    <t>E01001428</t>
  </si>
  <si>
    <t>Enfield 027C</t>
  </si>
  <si>
    <t>E01001429</t>
  </si>
  <si>
    <t>Enfield 030D</t>
  </si>
  <si>
    <t>E01001430</t>
  </si>
  <si>
    <t>Enfield 030E</t>
  </si>
  <si>
    <t>E01001431</t>
  </si>
  <si>
    <t>Enfield 033A</t>
  </si>
  <si>
    <t>E02000309</t>
  </si>
  <si>
    <t>Enfield 033</t>
  </si>
  <si>
    <t>E01001432</t>
  </si>
  <si>
    <t>Enfield 033B</t>
  </si>
  <si>
    <t>E01001433</t>
  </si>
  <si>
    <t>Enfield 007A</t>
  </si>
  <si>
    <t>E02000283</t>
  </si>
  <si>
    <t>Enfield 007</t>
  </si>
  <si>
    <t>E01001434</t>
  </si>
  <si>
    <t>Enfield 007B</t>
  </si>
  <si>
    <t>E01001435</t>
  </si>
  <si>
    <t>Enfield 007C</t>
  </si>
  <si>
    <t>E01001436</t>
  </si>
  <si>
    <t>Enfield 007D</t>
  </si>
  <si>
    <t>E01001437</t>
  </si>
  <si>
    <t>Enfield 014A</t>
  </si>
  <si>
    <t>E02000290</t>
  </si>
  <si>
    <t>Enfield 014</t>
  </si>
  <si>
    <t>E01001438</t>
  </si>
  <si>
    <t>Enfield 007E</t>
  </si>
  <si>
    <t>E01001439</t>
  </si>
  <si>
    <t>Enfield 006A</t>
  </si>
  <si>
    <t>E02000282</t>
  </si>
  <si>
    <t>Enfield 006</t>
  </si>
  <si>
    <t>E01001440</t>
  </si>
  <si>
    <t>Enfield 012A</t>
  </si>
  <si>
    <t>E02000288</t>
  </si>
  <si>
    <t>Enfield 012</t>
  </si>
  <si>
    <t>E01001441</t>
  </si>
  <si>
    <t>Enfield 006B</t>
  </si>
  <si>
    <t>E01001442</t>
  </si>
  <si>
    <t>Enfield 002A</t>
  </si>
  <si>
    <t>E02000278</t>
  </si>
  <si>
    <t>Enfield 002</t>
  </si>
  <si>
    <t>E01001444</t>
  </si>
  <si>
    <t>Enfield 001A</t>
  </si>
  <si>
    <t>E02000277</t>
  </si>
  <si>
    <t>Enfield 001</t>
  </si>
  <si>
    <t>E01001445</t>
  </si>
  <si>
    <t>Enfield 003B</t>
  </si>
  <si>
    <t>E02000279</t>
  </si>
  <si>
    <t>Enfield 003</t>
  </si>
  <si>
    <t>E01001446</t>
  </si>
  <si>
    <t>Enfield 001B</t>
  </si>
  <si>
    <t>E01001447</t>
  </si>
  <si>
    <t>Enfield 003C</t>
  </si>
  <si>
    <t>E01001448</t>
  </si>
  <si>
    <t>Enfield 003D</t>
  </si>
  <si>
    <t>E01001449</t>
  </si>
  <si>
    <t>Enfield 003E</t>
  </si>
  <si>
    <t>E01001450</t>
  </si>
  <si>
    <t>Enfield 015C</t>
  </si>
  <si>
    <t>E01001451</t>
  </si>
  <si>
    <t>Enfield 017A</t>
  </si>
  <si>
    <t>E02000293</t>
  </si>
  <si>
    <t>Enfield 017</t>
  </si>
  <si>
    <t>E01001452</t>
  </si>
  <si>
    <t>Enfield 017B</t>
  </si>
  <si>
    <t>E01001453</t>
  </si>
  <si>
    <t>Enfield 017C</t>
  </si>
  <si>
    <t>E01001454</t>
  </si>
  <si>
    <t>Enfield 017D</t>
  </si>
  <si>
    <t>E01001455</t>
  </si>
  <si>
    <t>Enfield 021F</t>
  </si>
  <si>
    <t>E01001456</t>
  </si>
  <si>
    <t>Enfield 022A</t>
  </si>
  <si>
    <t>E02000298</t>
  </si>
  <si>
    <t>Enfield 022</t>
  </si>
  <si>
    <t>E01001457</t>
  </si>
  <si>
    <t>Enfield 010A</t>
  </si>
  <si>
    <t>E02000286</t>
  </si>
  <si>
    <t>Enfield 010</t>
  </si>
  <si>
    <t>E01001458</t>
  </si>
  <si>
    <t>Enfield 037A</t>
  </si>
  <si>
    <t>E02006793</t>
  </si>
  <si>
    <t>Enfield 037</t>
  </si>
  <si>
    <t>E01001459</t>
  </si>
  <si>
    <t>Enfield 024A</t>
  </si>
  <si>
    <t>E02000300</t>
  </si>
  <si>
    <t>Enfield 024</t>
  </si>
  <si>
    <t>E01001460</t>
  </si>
  <si>
    <t>Enfield 024B</t>
  </si>
  <si>
    <t>E01001461</t>
  </si>
  <si>
    <t>Enfield 027D</t>
  </si>
  <si>
    <t>E01001462</t>
  </si>
  <si>
    <t>Enfield 024C</t>
  </si>
  <si>
    <t>E01001463</t>
  </si>
  <si>
    <t>Enfield 031A</t>
  </si>
  <si>
    <t>E02000307</t>
  </si>
  <si>
    <t>Enfield 031</t>
  </si>
  <si>
    <t>E01001464</t>
  </si>
  <si>
    <t>Enfield 027E</t>
  </si>
  <si>
    <t>E01001465</t>
  </si>
  <si>
    <t>Enfield 031B</t>
  </si>
  <si>
    <t>E01001466</t>
  </si>
  <si>
    <t>Enfield 031C</t>
  </si>
  <si>
    <t>E01001467</t>
  </si>
  <si>
    <t>Enfield 031D</t>
  </si>
  <si>
    <t>E01001468</t>
  </si>
  <si>
    <t>Enfield 010B</t>
  </si>
  <si>
    <t>E01001469</t>
  </si>
  <si>
    <t>Enfield 008A</t>
  </si>
  <si>
    <t>E02000284</t>
  </si>
  <si>
    <t>Enfield 008</t>
  </si>
  <si>
    <t>E01001470</t>
  </si>
  <si>
    <t>Enfield 013B</t>
  </si>
  <si>
    <t>E01001471</t>
  </si>
  <si>
    <t>Enfield 010C</t>
  </si>
  <si>
    <t>E01001472</t>
  </si>
  <si>
    <t>Enfield 010D</t>
  </si>
  <si>
    <t>E01001473</t>
  </si>
  <si>
    <t>Enfield 013C</t>
  </si>
  <si>
    <t>E01001474</t>
  </si>
  <si>
    <t>Enfield 010E</t>
  </si>
  <si>
    <t>E01001475</t>
  </si>
  <si>
    <t>Enfield 013D</t>
  </si>
  <si>
    <t>E01001476</t>
  </si>
  <si>
    <t>Enfield 018A</t>
  </si>
  <si>
    <t>E02000294</t>
  </si>
  <si>
    <t>Enfield 018</t>
  </si>
  <si>
    <t>E01001477</t>
  </si>
  <si>
    <t>Enfield 018B</t>
  </si>
  <si>
    <t>E01001478</t>
  </si>
  <si>
    <t>Enfield 016B</t>
  </si>
  <si>
    <t>E01001479</t>
  </si>
  <si>
    <t>Enfield 023A</t>
  </si>
  <si>
    <t>E02000299</t>
  </si>
  <si>
    <t>Enfield 023</t>
  </si>
  <si>
    <t>E01001480</t>
  </si>
  <si>
    <t>Enfield 024D</t>
  </si>
  <si>
    <t>E01001481</t>
  </si>
  <si>
    <t>Enfield 018C</t>
  </si>
  <si>
    <t>E01001482</t>
  </si>
  <si>
    <t>Enfield 023B</t>
  </si>
  <si>
    <t>E01001483</t>
  </si>
  <si>
    <t>Enfield 025A</t>
  </si>
  <si>
    <t>E02000301</t>
  </si>
  <si>
    <t>Enfield 025</t>
  </si>
  <si>
    <t>E01001484</t>
  </si>
  <si>
    <t>Enfield 016C</t>
  </si>
  <si>
    <t>E01001485</t>
  </si>
  <si>
    <t>Enfield 025B</t>
  </si>
  <si>
    <t>E01001486</t>
  </si>
  <si>
    <t>Enfield 025C</t>
  </si>
  <si>
    <t>E01001487</t>
  </si>
  <si>
    <t>Enfield 023C</t>
  </si>
  <si>
    <t>E01001488</t>
  </si>
  <si>
    <t>Enfield 024E</t>
  </si>
  <si>
    <t>E01001489</t>
  </si>
  <si>
    <t>Enfield 023D</t>
  </si>
  <si>
    <t>E01001491</t>
  </si>
  <si>
    <t>Enfield 023E</t>
  </si>
  <si>
    <t>E01001492</t>
  </si>
  <si>
    <t>Enfield 025E</t>
  </si>
  <si>
    <t>E01001493</t>
  </si>
  <si>
    <t>Enfield 026B</t>
  </si>
  <si>
    <t>E01001494</t>
  </si>
  <si>
    <t>Enfield 026C</t>
  </si>
  <si>
    <t>E01001495</t>
  </si>
  <si>
    <t>Enfield 029A</t>
  </si>
  <si>
    <t>E02000305</t>
  </si>
  <si>
    <t>Enfield 029</t>
  </si>
  <si>
    <t>E01001496</t>
  </si>
  <si>
    <t>Enfield 026D</t>
  </si>
  <si>
    <t>E01001497</t>
  </si>
  <si>
    <t>Enfield 031E</t>
  </si>
  <si>
    <t>E01001498</t>
  </si>
  <si>
    <t>Enfield 029B</t>
  </si>
  <si>
    <t>E01001499</t>
  </si>
  <si>
    <t>Enfield 031F</t>
  </si>
  <si>
    <t>E01001500</t>
  </si>
  <si>
    <t>Enfield 035D</t>
  </si>
  <si>
    <t>E01001501</t>
  </si>
  <si>
    <t>Enfield 036E</t>
  </si>
  <si>
    <t>E01001502</t>
  </si>
  <si>
    <t>Enfield 018D</t>
  </si>
  <si>
    <t>E01001503</t>
  </si>
  <si>
    <t>Enfield 018E</t>
  </si>
  <si>
    <t>E01001504</t>
  </si>
  <si>
    <t>Enfield 012B</t>
  </si>
  <si>
    <t>E01001505</t>
  </si>
  <si>
    <t>Enfield 012C</t>
  </si>
  <si>
    <t>E01001507</t>
  </si>
  <si>
    <t>Enfield 012D</t>
  </si>
  <si>
    <t>E01001508</t>
  </si>
  <si>
    <t>Enfield 012E</t>
  </si>
  <si>
    <t>E01001509</t>
  </si>
  <si>
    <t>Enfield 014C</t>
  </si>
  <si>
    <t>E01001511</t>
  </si>
  <si>
    <t>Enfield 016D</t>
  </si>
  <si>
    <t>E01001512</t>
  </si>
  <si>
    <t>Enfield 015D</t>
  </si>
  <si>
    <t>E01001513</t>
  </si>
  <si>
    <t>Enfield 012F</t>
  </si>
  <si>
    <t>E01001514</t>
  </si>
  <si>
    <t>Enfield 016E</t>
  </si>
  <si>
    <t>E01001515</t>
  </si>
  <si>
    <t>Enfield 015E</t>
  </si>
  <si>
    <t>E01001516</t>
  </si>
  <si>
    <t>Enfield 005D</t>
  </si>
  <si>
    <t>E01001517</t>
  </si>
  <si>
    <t>Enfield 006C</t>
  </si>
  <si>
    <t>E01001518</t>
  </si>
  <si>
    <t>Enfield 016F</t>
  </si>
  <si>
    <t>E01001520</t>
  </si>
  <si>
    <t>Enfield 019A</t>
  </si>
  <si>
    <t>E02000295</t>
  </si>
  <si>
    <t>Enfield 019</t>
  </si>
  <si>
    <t>E01001521</t>
  </si>
  <si>
    <t>Enfield 028A</t>
  </si>
  <si>
    <t>E02000304</t>
  </si>
  <si>
    <t>Enfield 028</t>
  </si>
  <si>
    <t>E01001522</t>
  </si>
  <si>
    <t>Enfield 019B</t>
  </si>
  <si>
    <t>E01001523</t>
  </si>
  <si>
    <t>Enfield 019C</t>
  </si>
  <si>
    <t>E01001524</t>
  </si>
  <si>
    <t>Enfield 019D</t>
  </si>
  <si>
    <t>E01001525</t>
  </si>
  <si>
    <t>Enfield 020E</t>
  </si>
  <si>
    <t>E01001526</t>
  </si>
  <si>
    <t>Enfield 019E</t>
  </si>
  <si>
    <t>E01001527</t>
  </si>
  <si>
    <t>Enfield 036F</t>
  </si>
  <si>
    <t>E01001528</t>
  </si>
  <si>
    <t>Enfield 032B</t>
  </si>
  <si>
    <t>E01001529</t>
  </si>
  <si>
    <t>Enfield 032C</t>
  </si>
  <si>
    <t>E01001530</t>
  </si>
  <si>
    <t>Enfield 032D</t>
  </si>
  <si>
    <t>E01001531</t>
  </si>
  <si>
    <t>Enfield 028B</t>
  </si>
  <si>
    <t>E01001532</t>
  </si>
  <si>
    <t>Enfield 028C</t>
  </si>
  <si>
    <t>E01001533</t>
  </si>
  <si>
    <t>Enfield 028D</t>
  </si>
  <si>
    <t>E01001534</t>
  </si>
  <si>
    <t>Enfield 032E</t>
  </si>
  <si>
    <t>E01001535</t>
  </si>
  <si>
    <t>Enfield 028E</t>
  </si>
  <si>
    <t>E01001536</t>
  </si>
  <si>
    <t>Enfield 008B</t>
  </si>
  <si>
    <t>E01001537</t>
  </si>
  <si>
    <t>Enfield 005E</t>
  </si>
  <si>
    <t>E01001538</t>
  </si>
  <si>
    <t>Enfield 009A</t>
  </si>
  <si>
    <t>E02000285</t>
  </si>
  <si>
    <t>Enfield 009</t>
  </si>
  <si>
    <t>E01001539</t>
  </si>
  <si>
    <t>Enfield 009B</t>
  </si>
  <si>
    <t>E01001540</t>
  </si>
  <si>
    <t>Enfield 008C</t>
  </si>
  <si>
    <t>E01001541</t>
  </si>
  <si>
    <t>Enfield 008D</t>
  </si>
  <si>
    <t>E01001542</t>
  </si>
  <si>
    <t>Enfield 008E</t>
  </si>
  <si>
    <t>E01001543</t>
  </si>
  <si>
    <t>Enfield 009C</t>
  </si>
  <si>
    <t>E01001544</t>
  </si>
  <si>
    <t>Enfield 009D</t>
  </si>
  <si>
    <t>E01001545</t>
  </si>
  <si>
    <t>Enfield 002B</t>
  </si>
  <si>
    <t>E01001546</t>
  </si>
  <si>
    <t>Enfield 001C</t>
  </si>
  <si>
    <t>E01001547</t>
  </si>
  <si>
    <t>Enfield 002C</t>
  </si>
  <si>
    <t>E01001548</t>
  </si>
  <si>
    <t>Enfield 002D</t>
  </si>
  <si>
    <t>E01001549</t>
  </si>
  <si>
    <t>Enfield 006D</t>
  </si>
  <si>
    <t>E01001550</t>
  </si>
  <si>
    <t>Enfield 006E</t>
  </si>
  <si>
    <t>E01001551</t>
  </si>
  <si>
    <t>Enfield 002E</t>
  </si>
  <si>
    <t>E01001552</t>
  </si>
  <si>
    <t>Enfield 001D</t>
  </si>
  <si>
    <t>E01001553</t>
  </si>
  <si>
    <t>Enfield 037B</t>
  </si>
  <si>
    <t>E01001554</t>
  </si>
  <si>
    <t>Enfield 037C</t>
  </si>
  <si>
    <t>E01001555</t>
  </si>
  <si>
    <t>Enfield 033C</t>
  </si>
  <si>
    <t>E01001556</t>
  </si>
  <si>
    <t>Enfield 035E</t>
  </si>
  <si>
    <t>E01001557</t>
  </si>
  <si>
    <t>Enfield 033D</t>
  </si>
  <si>
    <t>E01001558</t>
  </si>
  <si>
    <t>Enfield 033E</t>
  </si>
  <si>
    <t>E01001559</t>
  </si>
  <si>
    <t>Enfield 033F</t>
  </si>
  <si>
    <t>E01001560</t>
  </si>
  <si>
    <t>Enfield 035F</t>
  </si>
  <si>
    <t>E01001562</t>
  </si>
  <si>
    <t>Enfield 037D</t>
  </si>
  <si>
    <t>E01001563</t>
  </si>
  <si>
    <t>Enfield 029C</t>
  </si>
  <si>
    <t>E01001564</t>
  </si>
  <si>
    <t>Enfield 022B</t>
  </si>
  <si>
    <t>E01001565</t>
  </si>
  <si>
    <t>Enfield 029D</t>
  </si>
  <si>
    <t>E01001566</t>
  </si>
  <si>
    <t>Enfield 029E</t>
  </si>
  <si>
    <t>E01001567</t>
  </si>
  <si>
    <t>Enfield 022C</t>
  </si>
  <si>
    <t>E01001568</t>
  </si>
  <si>
    <t>Enfield 022D</t>
  </si>
  <si>
    <t>E01001569</t>
  </si>
  <si>
    <t>Enfield 022E</t>
  </si>
  <si>
    <t>E01001570</t>
  </si>
  <si>
    <t>Enfield 026E</t>
  </si>
  <si>
    <t>E01001571</t>
  </si>
  <si>
    <t>Greenwich 008A</t>
  </si>
  <si>
    <t>E02000320</t>
  </si>
  <si>
    <t>Greenwich 008</t>
  </si>
  <si>
    <t>E09000011</t>
  </si>
  <si>
    <t>Greenwich</t>
  </si>
  <si>
    <t>E01001572</t>
  </si>
  <si>
    <t>Greenwich 008B</t>
  </si>
  <si>
    <t>E01001573</t>
  </si>
  <si>
    <t>Greenwich 008C</t>
  </si>
  <si>
    <t>E01001574</t>
  </si>
  <si>
    <t>Greenwich 008D</t>
  </si>
  <si>
    <t>E01001575</t>
  </si>
  <si>
    <t>Greenwich 003A</t>
  </si>
  <si>
    <t>E02000315</t>
  </si>
  <si>
    <t>Greenwich 003</t>
  </si>
  <si>
    <t>E01001576</t>
  </si>
  <si>
    <t>Greenwich 003B</t>
  </si>
  <si>
    <t>E01001577</t>
  </si>
  <si>
    <t>Greenwich 003C</t>
  </si>
  <si>
    <t>E01001578</t>
  </si>
  <si>
    <t>Greenwich 003D</t>
  </si>
  <si>
    <t>E01001579</t>
  </si>
  <si>
    <t>Greenwich 003E</t>
  </si>
  <si>
    <t>E01001580</t>
  </si>
  <si>
    <t>Greenwich 021A</t>
  </si>
  <si>
    <t>E02000333</t>
  </si>
  <si>
    <t>Greenwich 021</t>
  </si>
  <si>
    <t>E01001581</t>
  </si>
  <si>
    <t>Greenwich 016A</t>
  </si>
  <si>
    <t>E02000328</t>
  </si>
  <si>
    <t>Greenwich 016</t>
  </si>
  <si>
    <t>E01001582</t>
  </si>
  <si>
    <t>Greenwich 021B</t>
  </si>
  <si>
    <t>E01001583</t>
  </si>
  <si>
    <t>Greenwich 021C</t>
  </si>
  <si>
    <t>E01001584</t>
  </si>
  <si>
    <t>Greenwich 021D</t>
  </si>
  <si>
    <t>E01001585</t>
  </si>
  <si>
    <t>Greenwich 016B</t>
  </si>
  <si>
    <t>E01001586</t>
  </si>
  <si>
    <t>Greenwich 016C</t>
  </si>
  <si>
    <t>E01001587</t>
  </si>
  <si>
    <t>Greenwich 016D</t>
  </si>
  <si>
    <t>E01001588</t>
  </si>
  <si>
    <t>Greenwich 012A</t>
  </si>
  <si>
    <t>E02000324</t>
  </si>
  <si>
    <t>Greenwich 012</t>
  </si>
  <si>
    <t>E01001589</t>
  </si>
  <si>
    <t>Greenwich 012B</t>
  </si>
  <si>
    <t>E01001590</t>
  </si>
  <si>
    <t>Greenwich 014A</t>
  </si>
  <si>
    <t>E02000326</t>
  </si>
  <si>
    <t>Greenwich 014</t>
  </si>
  <si>
    <t>E01001591</t>
  </si>
  <si>
    <t>Greenwich 012C</t>
  </si>
  <si>
    <t>E01001592</t>
  </si>
  <si>
    <t>Greenwich 014B</t>
  </si>
  <si>
    <t>E01001593</t>
  </si>
  <si>
    <t>Greenwich 014C</t>
  </si>
  <si>
    <t>E01001594</t>
  </si>
  <si>
    <t>Greenwich 014D</t>
  </si>
  <si>
    <t>E01001595</t>
  </si>
  <si>
    <t>Greenwich 012D</t>
  </si>
  <si>
    <t>E01001596</t>
  </si>
  <si>
    <t>Greenwich 032A</t>
  </si>
  <si>
    <t>E02000344</t>
  </si>
  <si>
    <t>Greenwich 032</t>
  </si>
  <si>
    <t>E01001597</t>
  </si>
  <si>
    <t>Greenwich 031A</t>
  </si>
  <si>
    <t>E02000343</t>
  </si>
  <si>
    <t>Greenwich 031</t>
  </si>
  <si>
    <t>E01001598</t>
  </si>
  <si>
    <t>Greenwich 031B</t>
  </si>
  <si>
    <t>E01001599</t>
  </si>
  <si>
    <t>Greenwich 032B</t>
  </si>
  <si>
    <t>E01001600</t>
  </si>
  <si>
    <t>Greenwich 032C</t>
  </si>
  <si>
    <t>E01001601</t>
  </si>
  <si>
    <t>Greenwich 032D</t>
  </si>
  <si>
    <t>E01001602</t>
  </si>
  <si>
    <t>Greenwich 031C</t>
  </si>
  <si>
    <t>E01001603</t>
  </si>
  <si>
    <t>Greenwich 031D</t>
  </si>
  <si>
    <t>E01001604</t>
  </si>
  <si>
    <t>Greenwich 027A</t>
  </si>
  <si>
    <t>E02000339</t>
  </si>
  <si>
    <t>Greenwich 027</t>
  </si>
  <si>
    <t>E01001605</t>
  </si>
  <si>
    <t>Greenwich 023A</t>
  </si>
  <si>
    <t>E02000335</t>
  </si>
  <si>
    <t>Greenwich 023</t>
  </si>
  <si>
    <t>E01001606</t>
  </si>
  <si>
    <t>Greenwich 023B</t>
  </si>
  <si>
    <t>E01001607</t>
  </si>
  <si>
    <t>Greenwich 027B</t>
  </si>
  <si>
    <t>E01001608</t>
  </si>
  <si>
    <t>Greenwich 027C</t>
  </si>
  <si>
    <t>E01001609</t>
  </si>
  <si>
    <t>Greenwich 027D</t>
  </si>
  <si>
    <t>E01001610</t>
  </si>
  <si>
    <t>Greenwich 023C</t>
  </si>
  <si>
    <t>E01001611</t>
  </si>
  <si>
    <t>Greenwich 023D</t>
  </si>
  <si>
    <t>E01001613</t>
  </si>
  <si>
    <t>Greenwich 028A</t>
  </si>
  <si>
    <t>E02000340</t>
  </si>
  <si>
    <t>Greenwich 028</t>
  </si>
  <si>
    <t>E01001614</t>
  </si>
  <si>
    <t>Greenwich 028B</t>
  </si>
  <si>
    <t>E01001615</t>
  </si>
  <si>
    <t>Greenwich 028C</t>
  </si>
  <si>
    <t>E01001617</t>
  </si>
  <si>
    <t>Greenwich 028D</t>
  </si>
  <si>
    <t>E01001618</t>
  </si>
  <si>
    <t>Greenwich 030C</t>
  </si>
  <si>
    <t>E02000342</t>
  </si>
  <si>
    <t>Greenwich 030</t>
  </si>
  <si>
    <t>E01001619</t>
  </si>
  <si>
    <t>Greenwich 030D</t>
  </si>
  <si>
    <t>E01001620</t>
  </si>
  <si>
    <t>Greenwich 025A</t>
  </si>
  <si>
    <t>E02000337</t>
  </si>
  <si>
    <t>Greenwich 025</t>
  </si>
  <si>
    <t>E01001621</t>
  </si>
  <si>
    <t>Greenwich 025B</t>
  </si>
  <si>
    <t>E01001623</t>
  </si>
  <si>
    <t>Greenwich 025C</t>
  </si>
  <si>
    <t>E01001624</t>
  </si>
  <si>
    <t>Greenwich 025D</t>
  </si>
  <si>
    <t>E01001625</t>
  </si>
  <si>
    <t>Greenwich 025E</t>
  </si>
  <si>
    <t>E01001629</t>
  </si>
  <si>
    <t>Greenwich 009A</t>
  </si>
  <si>
    <t>E02000321</t>
  </si>
  <si>
    <t>Greenwich 009</t>
  </si>
  <si>
    <t>E01001631</t>
  </si>
  <si>
    <t>Greenwich 007B</t>
  </si>
  <si>
    <t>E02000319</t>
  </si>
  <si>
    <t>Greenwich 007</t>
  </si>
  <si>
    <t>E01001632</t>
  </si>
  <si>
    <t>Greenwich 007C</t>
  </si>
  <si>
    <t>E01001633</t>
  </si>
  <si>
    <t>Greenwich 009B</t>
  </si>
  <si>
    <t>E01001634</t>
  </si>
  <si>
    <t>Greenwich 009C</t>
  </si>
  <si>
    <t>E01001635</t>
  </si>
  <si>
    <t>Greenwich 007D</t>
  </si>
  <si>
    <t>E01001636</t>
  </si>
  <si>
    <t>Greenwich 007E</t>
  </si>
  <si>
    <t>E01001637</t>
  </si>
  <si>
    <t>Greenwich 009D</t>
  </si>
  <si>
    <t>E01001638</t>
  </si>
  <si>
    <t>Greenwich 038A</t>
  </si>
  <si>
    <t>E02006931</t>
  </si>
  <si>
    <t>Greenwich 038</t>
  </si>
  <si>
    <t>E01001641</t>
  </si>
  <si>
    <t>Greenwich 038B</t>
  </si>
  <si>
    <t>E01001642</t>
  </si>
  <si>
    <t>Greenwich 038C</t>
  </si>
  <si>
    <t>E01001644</t>
  </si>
  <si>
    <t>Greenwich 038D</t>
  </si>
  <si>
    <t>E01001645</t>
  </si>
  <si>
    <t>Greenwich 022A</t>
  </si>
  <si>
    <t>E02000334</t>
  </si>
  <si>
    <t>Greenwich 022</t>
  </si>
  <si>
    <t>E01001646</t>
  </si>
  <si>
    <t>Greenwich 019A</t>
  </si>
  <si>
    <t>E02000331</t>
  </si>
  <si>
    <t>Greenwich 019</t>
  </si>
  <si>
    <t>E01001647</t>
  </si>
  <si>
    <t>Greenwich 022B</t>
  </si>
  <si>
    <t>E01001648</t>
  </si>
  <si>
    <t>Greenwich 022C</t>
  </si>
  <si>
    <t>E01001649</t>
  </si>
  <si>
    <t>Greenwich 022D</t>
  </si>
  <si>
    <t>E01001650</t>
  </si>
  <si>
    <t>Greenwich 019B</t>
  </si>
  <si>
    <t>E01001651</t>
  </si>
  <si>
    <t>Greenwich 019C</t>
  </si>
  <si>
    <t>E01001652</t>
  </si>
  <si>
    <t>Greenwich 019D</t>
  </si>
  <si>
    <t>E01001653</t>
  </si>
  <si>
    <t>Greenwich 029A</t>
  </si>
  <si>
    <t>E02000341</t>
  </si>
  <si>
    <t>Greenwich 029</t>
  </si>
  <si>
    <t>E01001654</t>
  </si>
  <si>
    <t>Greenwich 029B</t>
  </si>
  <si>
    <t>E01001655</t>
  </si>
  <si>
    <t>Greenwich 029C</t>
  </si>
  <si>
    <t>E01001656</t>
  </si>
  <si>
    <t>Greenwich 034A</t>
  </si>
  <si>
    <t>E02006927</t>
  </si>
  <si>
    <t>Greenwich 034</t>
  </si>
  <si>
    <t>E01001657</t>
  </si>
  <si>
    <t>Greenwich 034B</t>
  </si>
  <si>
    <t>E01001658</t>
  </si>
  <si>
    <t>Greenwich 034C</t>
  </si>
  <si>
    <t>E01001659</t>
  </si>
  <si>
    <t>Greenwich 034D</t>
  </si>
  <si>
    <t>E01001660</t>
  </si>
  <si>
    <t>Greenwich 029D</t>
  </si>
  <si>
    <t>E01001661</t>
  </si>
  <si>
    <t>Greenwich 029E</t>
  </si>
  <si>
    <t>E01001664</t>
  </si>
  <si>
    <t>Greenwich 037B</t>
  </si>
  <si>
    <t>E02006930</t>
  </si>
  <si>
    <t>Greenwich 037</t>
  </si>
  <si>
    <t>E01001665</t>
  </si>
  <si>
    <t>Greenwich 037C</t>
  </si>
  <si>
    <t>E01001666</t>
  </si>
  <si>
    <t>Greenwich 041G</t>
  </si>
  <si>
    <t>E02006993</t>
  </si>
  <si>
    <t>Greenwich 041</t>
  </si>
  <si>
    <t>E01001669</t>
  </si>
  <si>
    <t>Greenwich 033A</t>
  </si>
  <si>
    <t>E02006786</t>
  </si>
  <si>
    <t>Greenwich 033</t>
  </si>
  <si>
    <t>E01001671</t>
  </si>
  <si>
    <t>Greenwich 033B</t>
  </si>
  <si>
    <t>E01001672</t>
  </si>
  <si>
    <t>Greenwich 006A</t>
  </si>
  <si>
    <t>E02000318</t>
  </si>
  <si>
    <t>Greenwich 006</t>
  </si>
  <si>
    <t>E01001673</t>
  </si>
  <si>
    <t>Greenwich 006B</t>
  </si>
  <si>
    <t>E01001674</t>
  </si>
  <si>
    <t>Greenwich 006C</t>
  </si>
  <si>
    <t>E01001675</t>
  </si>
  <si>
    <t>Greenwich 006D</t>
  </si>
  <si>
    <t>E01001676</t>
  </si>
  <si>
    <t>Greenwich 033C</t>
  </si>
  <si>
    <t>E01001677</t>
  </si>
  <si>
    <t>Greenwich 006E</t>
  </si>
  <si>
    <t>E01001678</t>
  </si>
  <si>
    <t>Greenwich 017A</t>
  </si>
  <si>
    <t>E02000329</t>
  </si>
  <si>
    <t>Greenwich 017</t>
  </si>
  <si>
    <t>E01001679</t>
  </si>
  <si>
    <t>Greenwich 020A</t>
  </si>
  <si>
    <t>E02000332</t>
  </si>
  <si>
    <t>Greenwich 020</t>
  </si>
  <si>
    <t>E01001680</t>
  </si>
  <si>
    <t>Greenwich 020B</t>
  </si>
  <si>
    <t>E01001681</t>
  </si>
  <si>
    <t>Greenwich 020C</t>
  </si>
  <si>
    <t>E01001682</t>
  </si>
  <si>
    <t>Greenwich 020D</t>
  </si>
  <si>
    <t>E01001683</t>
  </si>
  <si>
    <t>Greenwich 017B</t>
  </si>
  <si>
    <t>E01001684</t>
  </si>
  <si>
    <t>Greenwich 017C</t>
  </si>
  <si>
    <t>E01001685</t>
  </si>
  <si>
    <t>Greenwich 017D</t>
  </si>
  <si>
    <t>E01001686</t>
  </si>
  <si>
    <t>Greenwich 020E</t>
  </si>
  <si>
    <t>E01001687</t>
  </si>
  <si>
    <t>Greenwich 002A</t>
  </si>
  <si>
    <t>E02000314</t>
  </si>
  <si>
    <t>Greenwich 002</t>
  </si>
  <si>
    <t>E01001688</t>
  </si>
  <si>
    <t>Greenwich 002B</t>
  </si>
  <si>
    <t>E01001690</t>
  </si>
  <si>
    <t>Greenwich 001A</t>
  </si>
  <si>
    <t>E02000313</t>
  </si>
  <si>
    <t>Greenwich 001</t>
  </si>
  <si>
    <t>E01001692</t>
  </si>
  <si>
    <t>Greenwich 001B</t>
  </si>
  <si>
    <t>E01001693</t>
  </si>
  <si>
    <t>Greenwich 001C</t>
  </si>
  <si>
    <t>E01001694</t>
  </si>
  <si>
    <t>Greenwich 001D</t>
  </si>
  <si>
    <t>E01001695</t>
  </si>
  <si>
    <t>Greenwich 011A</t>
  </si>
  <si>
    <t>E02000323</t>
  </si>
  <si>
    <t>Greenwich 011</t>
  </si>
  <si>
    <t>E01001696</t>
  </si>
  <si>
    <t>Greenwich 011B</t>
  </si>
  <si>
    <t>E01001697</t>
  </si>
  <si>
    <t>Greenwich 011C</t>
  </si>
  <si>
    <t>E01001698</t>
  </si>
  <si>
    <t>Greenwich 015A</t>
  </si>
  <si>
    <t>E02000327</t>
  </si>
  <si>
    <t>Greenwich 015</t>
  </si>
  <si>
    <t>E01001699</t>
  </si>
  <si>
    <t>Greenwich 015B</t>
  </si>
  <si>
    <t>E01001700</t>
  </si>
  <si>
    <t>Greenwich 011D</t>
  </si>
  <si>
    <t>E01001701</t>
  </si>
  <si>
    <t>Greenwich 015C</t>
  </si>
  <si>
    <t>E01001702</t>
  </si>
  <si>
    <t>Greenwich 015D</t>
  </si>
  <si>
    <t>E01001703</t>
  </si>
  <si>
    <t>Greenwich 011E</t>
  </si>
  <si>
    <t>E01001704</t>
  </si>
  <si>
    <t>Greenwich 011F</t>
  </si>
  <si>
    <t>E01001705</t>
  </si>
  <si>
    <t>Greenwich 005A</t>
  </si>
  <si>
    <t>E02000317</t>
  </si>
  <si>
    <t>Greenwich 005</t>
  </si>
  <si>
    <t>E01001708</t>
  </si>
  <si>
    <t>Greenwich 005C</t>
  </si>
  <si>
    <t>E01001710</t>
  </si>
  <si>
    <t>Greenwich 005D</t>
  </si>
  <si>
    <t>E01001712</t>
  </si>
  <si>
    <t>Greenwich 042A</t>
  </si>
  <si>
    <t>E02006994</t>
  </si>
  <si>
    <t>Greenwich 042</t>
  </si>
  <si>
    <t>E01001714</t>
  </si>
  <si>
    <t>Hackney 002A</t>
  </si>
  <si>
    <t>E02000346</t>
  </si>
  <si>
    <t>Hackney 002</t>
  </si>
  <si>
    <t>E09000012</t>
  </si>
  <si>
    <t>Hackney</t>
  </si>
  <si>
    <t>E01001715</t>
  </si>
  <si>
    <t>Hackney 007A</t>
  </si>
  <si>
    <t>E02000351</t>
  </si>
  <si>
    <t>Hackney 007</t>
  </si>
  <si>
    <t>E01001716</t>
  </si>
  <si>
    <t>Hackney 007B</t>
  </si>
  <si>
    <t>E01001717</t>
  </si>
  <si>
    <t>Hackney 007C</t>
  </si>
  <si>
    <t>E01001718</t>
  </si>
  <si>
    <t>Hackney 007D</t>
  </si>
  <si>
    <t>E01001719</t>
  </si>
  <si>
    <t>Hackney 007E</t>
  </si>
  <si>
    <t>E01001720</t>
  </si>
  <si>
    <t>Hackney 007F</t>
  </si>
  <si>
    <t>E01001722</t>
  </si>
  <si>
    <t>Hackney 029A</t>
  </si>
  <si>
    <t>E02006921</t>
  </si>
  <si>
    <t>Hackney 029</t>
  </si>
  <si>
    <t>E01001723</t>
  </si>
  <si>
    <t>Hackney 006A</t>
  </si>
  <si>
    <t>E02000350</t>
  </si>
  <si>
    <t>Hackney 006</t>
  </si>
  <si>
    <t>E01001724</t>
  </si>
  <si>
    <t>Hackney 006B</t>
  </si>
  <si>
    <t>E01001725</t>
  </si>
  <si>
    <t>Hackney 004A</t>
  </si>
  <si>
    <t>E02000348</t>
  </si>
  <si>
    <t>Hackney 004</t>
  </si>
  <si>
    <t>E01001726</t>
  </si>
  <si>
    <t>Hackney 004B</t>
  </si>
  <si>
    <t>E01001727</t>
  </si>
  <si>
    <t>Hackney 006C</t>
  </si>
  <si>
    <t>E01001728</t>
  </si>
  <si>
    <t>Hackney 029B</t>
  </si>
  <si>
    <t>E01001729</t>
  </si>
  <si>
    <t>Hackney 019A</t>
  </si>
  <si>
    <t>E02000363</t>
  </si>
  <si>
    <t>Hackney 019</t>
  </si>
  <si>
    <t>E01001730</t>
  </si>
  <si>
    <t>Hackney 019B</t>
  </si>
  <si>
    <t>E01001731</t>
  </si>
  <si>
    <t>Hackney 017A</t>
  </si>
  <si>
    <t>E02000361</t>
  </si>
  <si>
    <t>Hackney 017</t>
  </si>
  <si>
    <t>E01001732</t>
  </si>
  <si>
    <t>Hackney 019C</t>
  </si>
  <si>
    <t>E01001733</t>
  </si>
  <si>
    <t>Hackney 015A</t>
  </si>
  <si>
    <t>E02000359</t>
  </si>
  <si>
    <t>Hackney 015</t>
  </si>
  <si>
    <t>E01001734</t>
  </si>
  <si>
    <t>Hackney 017B</t>
  </si>
  <si>
    <t>E01001735</t>
  </si>
  <si>
    <t>Hackney 019D</t>
  </si>
  <si>
    <t>E01001736</t>
  </si>
  <si>
    <t>Hackney 012A</t>
  </si>
  <si>
    <t>E02000356</t>
  </si>
  <si>
    <t>Hackney 012</t>
  </si>
  <si>
    <t>E01001737</t>
  </si>
  <si>
    <t>Hackney 012B</t>
  </si>
  <si>
    <t>E01001738</t>
  </si>
  <si>
    <t>Hackney 012C</t>
  </si>
  <si>
    <t>E01001739</t>
  </si>
  <si>
    <t>Hackney 012D</t>
  </si>
  <si>
    <t>E01001740</t>
  </si>
  <si>
    <t>Hackney 014A</t>
  </si>
  <si>
    <t>E02000358</t>
  </si>
  <si>
    <t>Hackney 014</t>
  </si>
  <si>
    <t>E01001741</t>
  </si>
  <si>
    <t>Hackney 009A</t>
  </si>
  <si>
    <t>E02000353</t>
  </si>
  <si>
    <t>Hackney 009</t>
  </si>
  <si>
    <t>E01001742</t>
  </si>
  <si>
    <t>Hackney 008A</t>
  </si>
  <si>
    <t>E02000352</t>
  </si>
  <si>
    <t>Hackney 008</t>
  </si>
  <si>
    <t>E01001744</t>
  </si>
  <si>
    <t>Hackney 031A</t>
  </si>
  <si>
    <t>E02007109</t>
  </si>
  <si>
    <t>Hackney 031</t>
  </si>
  <si>
    <t>E01001745</t>
  </si>
  <si>
    <t>Hackney 016A</t>
  </si>
  <si>
    <t>E02000360</t>
  </si>
  <si>
    <t>Hackney 016</t>
  </si>
  <si>
    <t>E01001746</t>
  </si>
  <si>
    <t>Hackney 016B</t>
  </si>
  <si>
    <t>E01001747</t>
  </si>
  <si>
    <t>Hackney 014B</t>
  </si>
  <si>
    <t>E01001749</t>
  </si>
  <si>
    <t>Hackney 020B</t>
  </si>
  <si>
    <t>E02000364</t>
  </si>
  <si>
    <t>Hackney 020</t>
  </si>
  <si>
    <t>E01001750</t>
  </si>
  <si>
    <t>Hackney 031D</t>
  </si>
  <si>
    <t>E01001751</t>
  </si>
  <si>
    <t>Hackney 031B</t>
  </si>
  <si>
    <t>E01001753</t>
  </si>
  <si>
    <t>Hackney 025B</t>
  </si>
  <si>
    <t>E02000369</t>
  </si>
  <si>
    <t>Hackney 025</t>
  </si>
  <si>
    <t>E01001755</t>
  </si>
  <si>
    <t>Hackney 025D</t>
  </si>
  <si>
    <t>E01001756</t>
  </si>
  <si>
    <t>Hackney 030C</t>
  </si>
  <si>
    <t>E02007108</t>
  </si>
  <si>
    <t>Hackney 030</t>
  </si>
  <si>
    <t>E01001757</t>
  </si>
  <si>
    <t>Hackney 016C</t>
  </si>
  <si>
    <t>E01001758</t>
  </si>
  <si>
    <t>Hackney 016D</t>
  </si>
  <si>
    <t>E01001759</t>
  </si>
  <si>
    <t>Hackney 016E</t>
  </si>
  <si>
    <t>E01001760</t>
  </si>
  <si>
    <t>Hackney 017C</t>
  </si>
  <si>
    <t>E01001761</t>
  </si>
  <si>
    <t>Hackney 016F</t>
  </si>
  <si>
    <t>E01001762</t>
  </si>
  <si>
    <t>Hackney 017D</t>
  </si>
  <si>
    <t>E01001763</t>
  </si>
  <si>
    <t>Hackney 020C</t>
  </si>
  <si>
    <t>E01001764</t>
  </si>
  <si>
    <t>Hackney 010A</t>
  </si>
  <si>
    <t>E02000354</t>
  </si>
  <si>
    <t>Hackney 010</t>
  </si>
  <si>
    <t>E01001765</t>
  </si>
  <si>
    <t>Hackney 010B</t>
  </si>
  <si>
    <t>E01001767</t>
  </si>
  <si>
    <t>Hackney 010D</t>
  </si>
  <si>
    <t>E01001768</t>
  </si>
  <si>
    <t>Hackney 006D</t>
  </si>
  <si>
    <t>E01001769</t>
  </si>
  <si>
    <t>Hackney 006E</t>
  </si>
  <si>
    <t>E01001770</t>
  </si>
  <si>
    <t>Hackney 010E</t>
  </si>
  <si>
    <t>E01001772</t>
  </si>
  <si>
    <t>Hackney 024A</t>
  </si>
  <si>
    <t>E02000368</t>
  </si>
  <si>
    <t>Hackney 024</t>
  </si>
  <si>
    <t>E01001773</t>
  </si>
  <si>
    <t>Hackney 025E</t>
  </si>
  <si>
    <t>E01001774</t>
  </si>
  <si>
    <t>Hackney 024B</t>
  </si>
  <si>
    <t>E01001775</t>
  </si>
  <si>
    <t>Hackney 024C</t>
  </si>
  <si>
    <t>E01001776</t>
  </si>
  <si>
    <t>Hackney 025F</t>
  </si>
  <si>
    <t>E01001777</t>
  </si>
  <si>
    <t>Hackney 033A</t>
  </si>
  <si>
    <t>E02007111</t>
  </si>
  <si>
    <t>Hackney 033</t>
  </si>
  <si>
    <t>E01001780</t>
  </si>
  <si>
    <t>Hackney 032D</t>
  </si>
  <si>
    <t>E02007110</t>
  </si>
  <si>
    <t>Hackney 032</t>
  </si>
  <si>
    <t>E01001781</t>
  </si>
  <si>
    <t>Hackney 026B</t>
  </si>
  <si>
    <t>E02000370</t>
  </si>
  <si>
    <t>Hackney 026</t>
  </si>
  <si>
    <t>E01001783</t>
  </si>
  <si>
    <t>Hackney 026D</t>
  </si>
  <si>
    <t>E01001784</t>
  </si>
  <si>
    <t>Hackney 032A</t>
  </si>
  <si>
    <t>E01001785</t>
  </si>
  <si>
    <t>Hackney 015B</t>
  </si>
  <si>
    <t>E01001786</t>
  </si>
  <si>
    <t>Hackney 013A</t>
  </si>
  <si>
    <t>E02000357</t>
  </si>
  <si>
    <t>Hackney 013</t>
  </si>
  <si>
    <t>E01001787</t>
  </si>
  <si>
    <t>Hackney 013B</t>
  </si>
  <si>
    <t>E01001788</t>
  </si>
  <si>
    <t>Hackney 013C</t>
  </si>
  <si>
    <t>E01001789</t>
  </si>
  <si>
    <t>Hackney 015C</t>
  </si>
  <si>
    <t>E01001790</t>
  </si>
  <si>
    <t>Hackney 013D</t>
  </si>
  <si>
    <t>E01001791</t>
  </si>
  <si>
    <t>Hackney 015D</t>
  </si>
  <si>
    <t>E01001792</t>
  </si>
  <si>
    <t>Hackney 011A</t>
  </si>
  <si>
    <t>E02000355</t>
  </si>
  <si>
    <t>Hackney 011</t>
  </si>
  <si>
    <t>E01001793</t>
  </si>
  <si>
    <t>Hackney 011B</t>
  </si>
  <si>
    <t>E01001794</t>
  </si>
  <si>
    <t>Hackney 011C</t>
  </si>
  <si>
    <t>E01001795</t>
  </si>
  <si>
    <t>Hackney 011D</t>
  </si>
  <si>
    <t>E01001796</t>
  </si>
  <si>
    <t>Hackney 011E</t>
  </si>
  <si>
    <t>E01001798</t>
  </si>
  <si>
    <t>Hackney 028A</t>
  </si>
  <si>
    <t>E02006918</t>
  </si>
  <si>
    <t>Hackney 028</t>
  </si>
  <si>
    <t>E01001799</t>
  </si>
  <si>
    <t>Hackney 003A</t>
  </si>
  <si>
    <t>E02000347</t>
  </si>
  <si>
    <t>Hackney 003</t>
  </si>
  <si>
    <t>E01001800</t>
  </si>
  <si>
    <t>Hackney 004C</t>
  </si>
  <si>
    <t>E01001801</t>
  </si>
  <si>
    <t>Hackney 008B</t>
  </si>
  <si>
    <t>E01001802</t>
  </si>
  <si>
    <t>Hackney 003B</t>
  </si>
  <si>
    <t>E01001803</t>
  </si>
  <si>
    <t>Hackney 008C</t>
  </si>
  <si>
    <t>E01001804</t>
  </si>
  <si>
    <t>Hackney 003C</t>
  </si>
  <si>
    <t>E01001805</t>
  </si>
  <si>
    <t>Hackney 009B</t>
  </si>
  <si>
    <t>E01001806</t>
  </si>
  <si>
    <t>Hackney 008D</t>
  </si>
  <si>
    <t>E01001807</t>
  </si>
  <si>
    <t>Hackney 003D</t>
  </si>
  <si>
    <t>E01001808</t>
  </si>
  <si>
    <t>Hackney 001A</t>
  </si>
  <si>
    <t>E02000345</t>
  </si>
  <si>
    <t>Hackney 001</t>
  </si>
  <si>
    <t>E01001809</t>
  </si>
  <si>
    <t>Hackney 001B</t>
  </si>
  <si>
    <t>E01001811</t>
  </si>
  <si>
    <t>Hackney 002D</t>
  </si>
  <si>
    <t>E01001812</t>
  </si>
  <si>
    <t>Hackney 003E</t>
  </si>
  <si>
    <t>E01001813</t>
  </si>
  <si>
    <t>Hackney 002E</t>
  </si>
  <si>
    <t>E01001814</t>
  </si>
  <si>
    <t>Hackney 001C</t>
  </si>
  <si>
    <t>E01001815</t>
  </si>
  <si>
    <t>Hackney 024D</t>
  </si>
  <si>
    <t>E01001816</t>
  </si>
  <si>
    <t>Hackney 020D</t>
  </si>
  <si>
    <t>E01001819</t>
  </si>
  <si>
    <t>Hackney 020E</t>
  </si>
  <si>
    <t>E01001820</t>
  </si>
  <si>
    <t>Hackney 024E</t>
  </si>
  <si>
    <t>E01001821</t>
  </si>
  <si>
    <t>Hackney 024F</t>
  </si>
  <si>
    <t>E01001822</t>
  </si>
  <si>
    <t>Hackney 029C</t>
  </si>
  <si>
    <t>E01001823</t>
  </si>
  <si>
    <t>Hackney 001D</t>
  </si>
  <si>
    <t>E01001824</t>
  </si>
  <si>
    <t>Hackney 004D</t>
  </si>
  <si>
    <t>E01001825</t>
  </si>
  <si>
    <t>Hackney 001E</t>
  </si>
  <si>
    <t>E01001826</t>
  </si>
  <si>
    <t>Hackney 004E</t>
  </si>
  <si>
    <t>E01001827</t>
  </si>
  <si>
    <t>Hackney 029D</t>
  </si>
  <si>
    <t>E01001828</t>
  </si>
  <si>
    <t>Hackney 028B</t>
  </si>
  <si>
    <t>E01001829</t>
  </si>
  <si>
    <t>Hackney 009C</t>
  </si>
  <si>
    <t>E01001830</t>
  </si>
  <si>
    <t>Hackney 014C</t>
  </si>
  <si>
    <t>E01001831</t>
  </si>
  <si>
    <t>Hackney 009D</t>
  </si>
  <si>
    <t>E01001832</t>
  </si>
  <si>
    <t>Hackney 009E</t>
  </si>
  <si>
    <t>E01001833</t>
  </si>
  <si>
    <t>Hackney 014D</t>
  </si>
  <si>
    <t>E01001834</t>
  </si>
  <si>
    <t>Hackney 014E</t>
  </si>
  <si>
    <t>E01001835</t>
  </si>
  <si>
    <t>Hackney 014F</t>
  </si>
  <si>
    <t>E01001836</t>
  </si>
  <si>
    <t>Hackney 022A</t>
  </si>
  <si>
    <t>E02000366</t>
  </si>
  <si>
    <t>Hackney 022</t>
  </si>
  <si>
    <t>E01001837</t>
  </si>
  <si>
    <t>Hackney 023B</t>
  </si>
  <si>
    <t>E02000367</t>
  </si>
  <si>
    <t>Hackney 023</t>
  </si>
  <si>
    <t>E01001838</t>
  </si>
  <si>
    <t>Hackney 019E</t>
  </si>
  <si>
    <t>E01001839</t>
  </si>
  <si>
    <t>Hackney 023C</t>
  </si>
  <si>
    <t>E01001840</t>
  </si>
  <si>
    <t>Hackney 022B</t>
  </si>
  <si>
    <t>E01001841</t>
  </si>
  <si>
    <t>Hackney 022C</t>
  </si>
  <si>
    <t>E01001842</t>
  </si>
  <si>
    <t>Hackney 023D</t>
  </si>
  <si>
    <t>E01001843</t>
  </si>
  <si>
    <t>Hackney 023E</t>
  </si>
  <si>
    <t>E01001844</t>
  </si>
  <si>
    <t>Hackney 022D</t>
  </si>
  <si>
    <t>E01001845</t>
  </si>
  <si>
    <t>Hackney 022E</t>
  </si>
  <si>
    <t>E01001846</t>
  </si>
  <si>
    <t>Hackney 018A</t>
  </si>
  <si>
    <t>E02000362</t>
  </si>
  <si>
    <t>Hackney 018</t>
  </si>
  <si>
    <t>E01001847</t>
  </si>
  <si>
    <t>Hackney 018B</t>
  </si>
  <si>
    <t>E01001848</t>
  </si>
  <si>
    <t>Hackney 018C</t>
  </si>
  <si>
    <t>E01001849</t>
  </si>
  <si>
    <t>Hackney 018D</t>
  </si>
  <si>
    <t>E01001850</t>
  </si>
  <si>
    <t>Hackney 019F</t>
  </si>
  <si>
    <t>E01001851</t>
  </si>
  <si>
    <t>Hammersmith and Fulham 010A</t>
  </si>
  <si>
    <t>E02000381</t>
  </si>
  <si>
    <t>Hammersmith and Fulham 010</t>
  </si>
  <si>
    <t>E09000013</t>
  </si>
  <si>
    <t>Hammersmith and Fulham</t>
  </si>
  <si>
    <t>E01001852</t>
  </si>
  <si>
    <t>Hammersmith and Fulham 007A</t>
  </si>
  <si>
    <t>E02000378</t>
  </si>
  <si>
    <t>Hammersmith and Fulham 007</t>
  </si>
  <si>
    <t>E01001853</t>
  </si>
  <si>
    <t>Hammersmith and Fulham 007B</t>
  </si>
  <si>
    <t>E01001854</t>
  </si>
  <si>
    <t>Hammersmith and Fulham 007C</t>
  </si>
  <si>
    <t>E01001855</t>
  </si>
  <si>
    <t>Hammersmith and Fulham 010B</t>
  </si>
  <si>
    <t>E01001856</t>
  </si>
  <si>
    <t>Hammersmith and Fulham 010C</t>
  </si>
  <si>
    <t>E01001857</t>
  </si>
  <si>
    <t>Hammersmith and Fulham 007D</t>
  </si>
  <si>
    <t>E01001858</t>
  </si>
  <si>
    <t>Hammersmith and Fulham 006A</t>
  </si>
  <si>
    <t>E02000377</t>
  </si>
  <si>
    <t>Hammersmith and Fulham 006</t>
  </si>
  <si>
    <t>E01001859</t>
  </si>
  <si>
    <t>Hammersmith and Fulham 008A</t>
  </si>
  <si>
    <t>E02000379</t>
  </si>
  <si>
    <t>Hammersmith and Fulham 008</t>
  </si>
  <si>
    <t>E01001860</t>
  </si>
  <si>
    <t>Hammersmith and Fulham 006B</t>
  </si>
  <si>
    <t>E01001861</t>
  </si>
  <si>
    <t>Hammersmith and Fulham 006C</t>
  </si>
  <si>
    <t>E01001862</t>
  </si>
  <si>
    <t>Hammersmith and Fulham 005A</t>
  </si>
  <si>
    <t>E02000376</t>
  </si>
  <si>
    <t>Hammersmith and Fulham 005</t>
  </si>
  <si>
    <t>E01001863</t>
  </si>
  <si>
    <t>Hammersmith and Fulham 006D</t>
  </si>
  <si>
    <t>E01001864</t>
  </si>
  <si>
    <t>Hammersmith and Fulham 006E</t>
  </si>
  <si>
    <t>E01001865</t>
  </si>
  <si>
    <t>Hammersmith and Fulham 008B</t>
  </si>
  <si>
    <t>E01001866</t>
  </si>
  <si>
    <t>Hammersmith and Fulham 012A</t>
  </si>
  <si>
    <t>E02000383</t>
  </si>
  <si>
    <t>Hammersmith and Fulham 012</t>
  </si>
  <si>
    <t>E01001867</t>
  </si>
  <si>
    <t>Hammersmith and Fulham 012B</t>
  </si>
  <si>
    <t>E01001868</t>
  </si>
  <si>
    <t>Hammersmith and Fulham 012C</t>
  </si>
  <si>
    <t>E01001869</t>
  </si>
  <si>
    <t>Hammersmith and Fulham 010D</t>
  </si>
  <si>
    <t>E01001870</t>
  </si>
  <si>
    <t>Hammersmith and Fulham 012D</t>
  </si>
  <si>
    <t>E01001871</t>
  </si>
  <si>
    <t>Hammersmith and Fulham 012E</t>
  </si>
  <si>
    <t>E01001872</t>
  </si>
  <si>
    <t>Hammersmith and Fulham 012F</t>
  </si>
  <si>
    <t>E01001873</t>
  </si>
  <si>
    <t>Hammersmith and Fulham 010E</t>
  </si>
  <si>
    <t>E01001875</t>
  </si>
  <si>
    <t>Hammersmith and Fulham 001B</t>
  </si>
  <si>
    <t>E02000372</t>
  </si>
  <si>
    <t>Hammersmith and Fulham 001</t>
  </si>
  <si>
    <t>E01001876</t>
  </si>
  <si>
    <t>Hammersmith and Fulham 001C</t>
  </si>
  <si>
    <t>E01001877</t>
  </si>
  <si>
    <t>Hammersmith and Fulham 001D</t>
  </si>
  <si>
    <t>E01001878</t>
  </si>
  <si>
    <t>Hammersmith and Fulham 001E</t>
  </si>
  <si>
    <t>E01001879</t>
  </si>
  <si>
    <t>Hammersmith and Fulham 019A</t>
  </si>
  <si>
    <t>E02000390</t>
  </si>
  <si>
    <t>Hammersmith and Fulham 019</t>
  </si>
  <si>
    <t>E01001880</t>
  </si>
  <si>
    <t>Hammersmith and Fulham 017A</t>
  </si>
  <si>
    <t>E02000388</t>
  </si>
  <si>
    <t>Hammersmith and Fulham 017</t>
  </si>
  <si>
    <t>E01001881</t>
  </si>
  <si>
    <t>Hammersmith and Fulham 017B</t>
  </si>
  <si>
    <t>E01001882</t>
  </si>
  <si>
    <t>Hammersmith and Fulham 017C</t>
  </si>
  <si>
    <t>E01001883</t>
  </si>
  <si>
    <t>Hammersmith and Fulham 017D</t>
  </si>
  <si>
    <t>E01001884</t>
  </si>
  <si>
    <t>Hammersmith and Fulham 017E</t>
  </si>
  <si>
    <t>E01001885</t>
  </si>
  <si>
    <t>Hammersmith and Fulham 015A</t>
  </si>
  <si>
    <t>E02000386</t>
  </si>
  <si>
    <t>Hammersmith and Fulham 015</t>
  </si>
  <si>
    <t>E01001886</t>
  </si>
  <si>
    <t>Hammersmith and Fulham 016A</t>
  </si>
  <si>
    <t>E02000387</t>
  </si>
  <si>
    <t>Hammersmith and Fulham 016</t>
  </si>
  <si>
    <t>E01001887</t>
  </si>
  <si>
    <t>Hammersmith and Fulham 016B</t>
  </si>
  <si>
    <t>E01001888</t>
  </si>
  <si>
    <t>Hammersmith and Fulham 018A</t>
  </si>
  <si>
    <t>E02000389</t>
  </si>
  <si>
    <t>Hammersmith and Fulham 018</t>
  </si>
  <si>
    <t>E01001889</t>
  </si>
  <si>
    <t>Hammersmith and Fulham 014A</t>
  </si>
  <si>
    <t>E02000385</t>
  </si>
  <si>
    <t>Hammersmith and Fulham 014</t>
  </si>
  <si>
    <t>E01001890</t>
  </si>
  <si>
    <t>Hammersmith and Fulham 016C</t>
  </si>
  <si>
    <t>E01001891</t>
  </si>
  <si>
    <t>Hammersmith and Fulham 018B</t>
  </si>
  <si>
    <t>E01001892</t>
  </si>
  <si>
    <t>Hammersmith and Fulham 016D</t>
  </si>
  <si>
    <t>E01001893</t>
  </si>
  <si>
    <t>Hammersmith and Fulham 013A</t>
  </si>
  <si>
    <t>E02000384</t>
  </si>
  <si>
    <t>Hammersmith and Fulham 013</t>
  </si>
  <si>
    <t>E01001894</t>
  </si>
  <si>
    <t>Hammersmith and Fulham 013B</t>
  </si>
  <si>
    <t>E01001895</t>
  </si>
  <si>
    <t>Hammersmith and Fulham 009A</t>
  </si>
  <si>
    <t>E02000380</t>
  </si>
  <si>
    <t>Hammersmith and Fulham 009</t>
  </si>
  <si>
    <t>E01001896</t>
  </si>
  <si>
    <t>Hammersmith and Fulham 009B</t>
  </si>
  <si>
    <t>E01001897</t>
  </si>
  <si>
    <t>Hammersmith and Fulham 009C</t>
  </si>
  <si>
    <t>E01001898</t>
  </si>
  <si>
    <t>Hammersmith and Fulham 013C</t>
  </si>
  <si>
    <t>E01001899</t>
  </si>
  <si>
    <t>Hammersmith and Fulham 013D</t>
  </si>
  <si>
    <t>E01001900</t>
  </si>
  <si>
    <t>Hammersmith and Fulham 013E</t>
  </si>
  <si>
    <t>E01001901</t>
  </si>
  <si>
    <t>Hammersmith and Fulham 019B</t>
  </si>
  <si>
    <t>E01001902</t>
  </si>
  <si>
    <t>Hammersmith and Fulham 019C</t>
  </si>
  <si>
    <t>E01001903</t>
  </si>
  <si>
    <t>Hammersmith and Fulham 019D</t>
  </si>
  <si>
    <t>E01001904</t>
  </si>
  <si>
    <t>Hammersmith and Fulham 022A</t>
  </si>
  <si>
    <t>E02000393</t>
  </si>
  <si>
    <t>Hammersmith and Fulham 022</t>
  </si>
  <si>
    <t>E01001905</t>
  </si>
  <si>
    <t>Hammersmith and Fulham 022B</t>
  </si>
  <si>
    <t>E01001906</t>
  </si>
  <si>
    <t>Hammersmith and Fulham 022C</t>
  </si>
  <si>
    <t>E01001907</t>
  </si>
  <si>
    <t>Hammersmith and Fulham 022D</t>
  </si>
  <si>
    <t>E01001908</t>
  </si>
  <si>
    <t>Hammersmith and Fulham 015B</t>
  </si>
  <si>
    <t>E01001909</t>
  </si>
  <si>
    <t>Hammersmith and Fulham 015C</t>
  </si>
  <si>
    <t>E01001910</t>
  </si>
  <si>
    <t>Hammersmith and Fulham 014B</t>
  </si>
  <si>
    <t>E01001911</t>
  </si>
  <si>
    <t>Hammersmith and Fulham 015D</t>
  </si>
  <si>
    <t>E01001912</t>
  </si>
  <si>
    <t>Hammersmith and Fulham 015E</t>
  </si>
  <si>
    <t>E01001913</t>
  </si>
  <si>
    <t>Hammersmith and Fulham 014C</t>
  </si>
  <si>
    <t>E01001914</t>
  </si>
  <si>
    <t>Hammersmith and Fulham 014D</t>
  </si>
  <si>
    <t>E01001915</t>
  </si>
  <si>
    <t>Hammersmith and Fulham 024A</t>
  </si>
  <si>
    <t>E02000395</t>
  </si>
  <si>
    <t>Hammersmith and Fulham 024</t>
  </si>
  <si>
    <t>E01001916</t>
  </si>
  <si>
    <t>Hammersmith and Fulham 024B</t>
  </si>
  <si>
    <t>E01001917</t>
  </si>
  <si>
    <t>Hammersmith and Fulham 018C</t>
  </si>
  <si>
    <t>E01001918</t>
  </si>
  <si>
    <t>Hammersmith and Fulham 018D</t>
  </si>
  <si>
    <t>E01001919</t>
  </si>
  <si>
    <t>Hammersmith and Fulham 018E</t>
  </si>
  <si>
    <t>E01001920</t>
  </si>
  <si>
    <t>Hammersmith and Fulham 020A</t>
  </si>
  <si>
    <t>E02000391</t>
  </si>
  <si>
    <t>Hammersmith and Fulham 020</t>
  </si>
  <si>
    <t>E01001921</t>
  </si>
  <si>
    <t>Hammersmith and Fulham 020B</t>
  </si>
  <si>
    <t>E01001922</t>
  </si>
  <si>
    <t>Hammersmith and Fulham 020C</t>
  </si>
  <si>
    <t>E01001923</t>
  </si>
  <si>
    <t>Hammersmith and Fulham 020D</t>
  </si>
  <si>
    <t>E01001924</t>
  </si>
  <si>
    <t>Hammersmith and Fulham 020E</t>
  </si>
  <si>
    <t>E01001925</t>
  </si>
  <si>
    <t>Hammersmith and Fulham 025A</t>
  </si>
  <si>
    <t>E02000396</t>
  </si>
  <si>
    <t>Hammersmith and Fulham 025</t>
  </si>
  <si>
    <t>E01001926</t>
  </si>
  <si>
    <t>Hammersmith and Fulham 024C</t>
  </si>
  <si>
    <t>E01001927</t>
  </si>
  <si>
    <t>Hammersmith and Fulham 008C</t>
  </si>
  <si>
    <t>E01001928</t>
  </si>
  <si>
    <t>Hammersmith and Fulham 011A</t>
  </si>
  <si>
    <t>E02000382</t>
  </si>
  <si>
    <t>Hammersmith and Fulham 011</t>
  </si>
  <si>
    <t>E01001929</t>
  </si>
  <si>
    <t>Hammersmith and Fulham 009D</t>
  </si>
  <si>
    <t>E01001930</t>
  </si>
  <si>
    <t>Hammersmith and Fulham 008D</t>
  </si>
  <si>
    <t>E01001931</t>
  </si>
  <si>
    <t>Hammersmith and Fulham 011B</t>
  </si>
  <si>
    <t>E01001932</t>
  </si>
  <si>
    <t>Hammersmith and Fulham 011C</t>
  </si>
  <si>
    <t>E01001933</t>
  </si>
  <si>
    <t>Hammersmith and Fulham 011D</t>
  </si>
  <si>
    <t>E01001934</t>
  </si>
  <si>
    <t>Hammersmith and Fulham 025B</t>
  </si>
  <si>
    <t>E01001935</t>
  </si>
  <si>
    <t>Hammersmith and Fulham 023A</t>
  </si>
  <si>
    <t>E02000394</t>
  </si>
  <si>
    <t>Hammersmith and Fulham 023</t>
  </si>
  <si>
    <t>E01001937</t>
  </si>
  <si>
    <t>Hammersmith and Fulham 025C</t>
  </si>
  <si>
    <t>E01001938</t>
  </si>
  <si>
    <t>Hammersmith and Fulham 025D</t>
  </si>
  <si>
    <t>E01001940</t>
  </si>
  <si>
    <t>Hammersmith and Fulham 005B</t>
  </si>
  <si>
    <t>E01001941</t>
  </si>
  <si>
    <t>Hammersmith and Fulham 005C</t>
  </si>
  <si>
    <t>E01001942</t>
  </si>
  <si>
    <t>Hammersmith and Fulham 005D</t>
  </si>
  <si>
    <t>E01001943</t>
  </si>
  <si>
    <t>Hammersmith and Fulham 004A</t>
  </si>
  <si>
    <t>E02000375</t>
  </si>
  <si>
    <t>Hammersmith and Fulham 004</t>
  </si>
  <si>
    <t>E01001944</t>
  </si>
  <si>
    <t>Hammersmith and Fulham 004B</t>
  </si>
  <si>
    <t>E01001945</t>
  </si>
  <si>
    <t>Hammersmith and Fulham 004C</t>
  </si>
  <si>
    <t>E01001946</t>
  </si>
  <si>
    <t>Hammersmith and Fulham 004D</t>
  </si>
  <si>
    <t>E01001947</t>
  </si>
  <si>
    <t>Hammersmith and Fulham 021A</t>
  </si>
  <si>
    <t>E02000392</t>
  </si>
  <si>
    <t>Hammersmith and Fulham 021</t>
  </si>
  <si>
    <t>E01001948</t>
  </si>
  <si>
    <t>Hammersmith and Fulham 021B</t>
  </si>
  <si>
    <t>E01001949</t>
  </si>
  <si>
    <t>Hammersmith and Fulham 021C</t>
  </si>
  <si>
    <t>E01001950</t>
  </si>
  <si>
    <t>Hammersmith and Fulham 021D</t>
  </si>
  <si>
    <t>E01001951</t>
  </si>
  <si>
    <t>Hammersmith and Fulham 021E</t>
  </si>
  <si>
    <t>E01001952</t>
  </si>
  <si>
    <t>Hammersmith and Fulham 024D</t>
  </si>
  <si>
    <t>E01001953</t>
  </si>
  <si>
    <t>Hammersmith and Fulham 021F</t>
  </si>
  <si>
    <t>E01001954</t>
  </si>
  <si>
    <t>Hammersmith and Fulham 003A</t>
  </si>
  <si>
    <t>E02000374</t>
  </si>
  <si>
    <t>Hammersmith and Fulham 003</t>
  </si>
  <si>
    <t>E01001955</t>
  </si>
  <si>
    <t>Hammersmith and Fulham 002A</t>
  </si>
  <si>
    <t>E02000373</t>
  </si>
  <si>
    <t>Hammersmith and Fulham 002</t>
  </si>
  <si>
    <t>E01001956</t>
  </si>
  <si>
    <t>Hammersmith and Fulham 003B</t>
  </si>
  <si>
    <t>E01001957</t>
  </si>
  <si>
    <t>Hammersmith and Fulham 002B</t>
  </si>
  <si>
    <t>E01001958</t>
  </si>
  <si>
    <t>Hammersmith and Fulham 002C</t>
  </si>
  <si>
    <t>E01001959</t>
  </si>
  <si>
    <t>Hammersmith and Fulham 003C</t>
  </si>
  <si>
    <t>E01001960</t>
  </si>
  <si>
    <t>Hammersmith and Fulham 003D</t>
  </si>
  <si>
    <t>E01001961</t>
  </si>
  <si>
    <t>Hammersmith and Fulham 002D</t>
  </si>
  <si>
    <t>E01001962</t>
  </si>
  <si>
    <t>Haringey 004A</t>
  </si>
  <si>
    <t>E02000400</t>
  </si>
  <si>
    <t>Haringey 004</t>
  </si>
  <si>
    <t>E09000014</t>
  </si>
  <si>
    <t>Haringey</t>
  </si>
  <si>
    <t>E01001963</t>
  </si>
  <si>
    <t>Haringey 009A</t>
  </si>
  <si>
    <t>E02000405</t>
  </si>
  <si>
    <t>Haringey 009</t>
  </si>
  <si>
    <t>E01001964</t>
  </si>
  <si>
    <t>Haringey 009B</t>
  </si>
  <si>
    <t>E01001965</t>
  </si>
  <si>
    <t>Haringey 009C</t>
  </si>
  <si>
    <t>E01001966</t>
  </si>
  <si>
    <t>Haringey 009D</t>
  </si>
  <si>
    <t>E01001967</t>
  </si>
  <si>
    <t>Haringey 014A</t>
  </si>
  <si>
    <t>E02000410</t>
  </si>
  <si>
    <t>Haringey 014</t>
  </si>
  <si>
    <t>E01001968</t>
  </si>
  <si>
    <t>Haringey 014B</t>
  </si>
  <si>
    <t>E01001969</t>
  </si>
  <si>
    <t>Haringey 001A</t>
  </si>
  <si>
    <t>E02000397</t>
  </si>
  <si>
    <t>Haringey 001</t>
  </si>
  <si>
    <t>E01001970</t>
  </si>
  <si>
    <t>Haringey 004B</t>
  </si>
  <si>
    <t>E01001971</t>
  </si>
  <si>
    <t>Haringey 001B</t>
  </si>
  <si>
    <t>E01001972</t>
  </si>
  <si>
    <t>Haringey 004C</t>
  </si>
  <si>
    <t>E01001973</t>
  </si>
  <si>
    <t>Haringey 004D</t>
  </si>
  <si>
    <t>E01001974</t>
  </si>
  <si>
    <t>Haringey 001C</t>
  </si>
  <si>
    <t>E01001975</t>
  </si>
  <si>
    <t>Haringey 001D</t>
  </si>
  <si>
    <t>E01001976</t>
  </si>
  <si>
    <t>Haringey 011A</t>
  </si>
  <si>
    <t>E02000407</t>
  </si>
  <si>
    <t>Haringey 011</t>
  </si>
  <si>
    <t>E01001977</t>
  </si>
  <si>
    <t>Haringey 011B</t>
  </si>
  <si>
    <t>E01001978</t>
  </si>
  <si>
    <t>Haringey 011C</t>
  </si>
  <si>
    <t>E01001979</t>
  </si>
  <si>
    <t>Haringey 011D</t>
  </si>
  <si>
    <t>E01001980</t>
  </si>
  <si>
    <t>Haringey 018A</t>
  </si>
  <si>
    <t>E02000414</t>
  </si>
  <si>
    <t>Haringey 018</t>
  </si>
  <si>
    <t>E01001981</t>
  </si>
  <si>
    <t>Haringey 018B</t>
  </si>
  <si>
    <t>E01001982</t>
  </si>
  <si>
    <t>Haringey 018C</t>
  </si>
  <si>
    <t>E01001983</t>
  </si>
  <si>
    <t>Haringey 018D</t>
  </si>
  <si>
    <t>E01001984</t>
  </si>
  <si>
    <t>Haringey 033A</t>
  </si>
  <si>
    <t>E02000429</t>
  </si>
  <si>
    <t>Haringey 033</t>
  </si>
  <si>
    <t>E01001985</t>
  </si>
  <si>
    <t>Haringey 033B</t>
  </si>
  <si>
    <t>E01001986</t>
  </si>
  <si>
    <t>Haringey 034A</t>
  </si>
  <si>
    <t>E02000430</t>
  </si>
  <si>
    <t>Haringey 034</t>
  </si>
  <si>
    <t>E01001987</t>
  </si>
  <si>
    <t>Haringey 033C</t>
  </si>
  <si>
    <t>E01001988</t>
  </si>
  <si>
    <t>Haringey 034B</t>
  </si>
  <si>
    <t>E01001989</t>
  </si>
  <si>
    <t>Haringey 033D</t>
  </si>
  <si>
    <t>E01001990</t>
  </si>
  <si>
    <t>Haringey 034C</t>
  </si>
  <si>
    <t>E01001991</t>
  </si>
  <si>
    <t>Haringey 017A</t>
  </si>
  <si>
    <t>E02000413</t>
  </si>
  <si>
    <t>Haringey 017</t>
  </si>
  <si>
    <t>E01001992</t>
  </si>
  <si>
    <t>Haringey 017B</t>
  </si>
  <si>
    <t>E01001993</t>
  </si>
  <si>
    <t>Haringey 017C</t>
  </si>
  <si>
    <t>E01001994</t>
  </si>
  <si>
    <t>Haringey 030A</t>
  </si>
  <si>
    <t>E02000426</t>
  </si>
  <si>
    <t>Haringey 030</t>
  </si>
  <si>
    <t>E01001995</t>
  </si>
  <si>
    <t>Haringey 017D</t>
  </si>
  <si>
    <t>E01001996</t>
  </si>
  <si>
    <t>Haringey 014C</t>
  </si>
  <si>
    <t>E01001997</t>
  </si>
  <si>
    <t>Haringey 014D</t>
  </si>
  <si>
    <t>E01001998</t>
  </si>
  <si>
    <t>Haringey 023A</t>
  </si>
  <si>
    <t>E02000419</t>
  </si>
  <si>
    <t>Haringey 023</t>
  </si>
  <si>
    <t>E01001999</t>
  </si>
  <si>
    <t>Haringey 023B</t>
  </si>
  <si>
    <t>E01002000</t>
  </si>
  <si>
    <t>Haringey 031A</t>
  </si>
  <si>
    <t>E02000427</t>
  </si>
  <si>
    <t>Haringey 031</t>
  </si>
  <si>
    <t>E01002001</t>
  </si>
  <si>
    <t>Haringey 031B</t>
  </si>
  <si>
    <t>E01002002</t>
  </si>
  <si>
    <t>Haringey 031C</t>
  </si>
  <si>
    <t>E01002003</t>
  </si>
  <si>
    <t>Haringey 023C</t>
  </si>
  <si>
    <t>E01002004</t>
  </si>
  <si>
    <t>Haringey 023D</t>
  </si>
  <si>
    <t>E01002005</t>
  </si>
  <si>
    <t>Haringey 035A</t>
  </si>
  <si>
    <t>E02000431</t>
  </si>
  <si>
    <t>Haringey 035</t>
  </si>
  <si>
    <t>E01002006</t>
  </si>
  <si>
    <t>Haringey 035B</t>
  </si>
  <si>
    <t>E01002007</t>
  </si>
  <si>
    <t>Haringey 035C</t>
  </si>
  <si>
    <t>E01002008</t>
  </si>
  <si>
    <t>Haringey 030B</t>
  </si>
  <si>
    <t>E01002009</t>
  </si>
  <si>
    <t>Haringey 035D</t>
  </si>
  <si>
    <t>E01002010</t>
  </si>
  <si>
    <t>Haringey 030C</t>
  </si>
  <si>
    <t>E01002011</t>
  </si>
  <si>
    <t>Haringey 030D</t>
  </si>
  <si>
    <t>E01002013</t>
  </si>
  <si>
    <t>Haringey 022A</t>
  </si>
  <si>
    <t>E02000418</t>
  </si>
  <si>
    <t>Haringey 022</t>
  </si>
  <si>
    <t>E01002014</t>
  </si>
  <si>
    <t>Haringey 020B</t>
  </si>
  <si>
    <t>E02000416</t>
  </si>
  <si>
    <t>Haringey 020</t>
  </si>
  <si>
    <t>E01002015</t>
  </si>
  <si>
    <t>Haringey 020C</t>
  </si>
  <si>
    <t>E01002016</t>
  </si>
  <si>
    <t>Haringey 028A</t>
  </si>
  <si>
    <t>E02000424</t>
  </si>
  <si>
    <t>Haringey 028</t>
  </si>
  <si>
    <t>E01002017</t>
  </si>
  <si>
    <t>Haringey 028B</t>
  </si>
  <si>
    <t>E01002018</t>
  </si>
  <si>
    <t>Haringey 020D</t>
  </si>
  <si>
    <t>E01002019</t>
  </si>
  <si>
    <t>Haringey 022B</t>
  </si>
  <si>
    <t>E01002020</t>
  </si>
  <si>
    <t>Haringey 021A</t>
  </si>
  <si>
    <t>E02000417</t>
  </si>
  <si>
    <t>Haringey 021</t>
  </si>
  <si>
    <t>E01002021</t>
  </si>
  <si>
    <t>Haringey 022C</t>
  </si>
  <si>
    <t>E01002022</t>
  </si>
  <si>
    <t>Haringey 021B</t>
  </si>
  <si>
    <t>E01002023</t>
  </si>
  <si>
    <t>Haringey 021C</t>
  </si>
  <si>
    <t>E01002024</t>
  </si>
  <si>
    <t>Haringey 022D</t>
  </si>
  <si>
    <t>E01002025</t>
  </si>
  <si>
    <t>Haringey 021D</t>
  </si>
  <si>
    <t>E01002026</t>
  </si>
  <si>
    <t>Haringey 016A</t>
  </si>
  <si>
    <t>E02000412</t>
  </si>
  <si>
    <t>Haringey 016</t>
  </si>
  <si>
    <t>E01002027</t>
  </si>
  <si>
    <t>Haringey 010A</t>
  </si>
  <si>
    <t>E02000406</t>
  </si>
  <si>
    <t>Haringey 010</t>
  </si>
  <si>
    <t>E01002028</t>
  </si>
  <si>
    <t>Haringey 010B</t>
  </si>
  <si>
    <t>E01002029</t>
  </si>
  <si>
    <t>Haringey 016B</t>
  </si>
  <si>
    <t>E01002030</t>
  </si>
  <si>
    <t>Haringey 016C</t>
  </si>
  <si>
    <t>E01002031</t>
  </si>
  <si>
    <t>Haringey 016D</t>
  </si>
  <si>
    <t>E01002032</t>
  </si>
  <si>
    <t>Haringey 010C</t>
  </si>
  <si>
    <t>E01002033</t>
  </si>
  <si>
    <t>Haringey 010D</t>
  </si>
  <si>
    <t>E01002034</t>
  </si>
  <si>
    <t>Haringey 037A</t>
  </si>
  <si>
    <t>E02006794</t>
  </si>
  <si>
    <t>Haringey 037</t>
  </si>
  <si>
    <t>E01002036</t>
  </si>
  <si>
    <t>Haringey 002A</t>
  </si>
  <si>
    <t>E02000398</t>
  </si>
  <si>
    <t>Haringey 002</t>
  </si>
  <si>
    <t>E01002037</t>
  </si>
  <si>
    <t>Haringey 002B</t>
  </si>
  <si>
    <t>E01002038</t>
  </si>
  <si>
    <t>Haringey 037B</t>
  </si>
  <si>
    <t>E01002039</t>
  </si>
  <si>
    <t>Haringey 002C</t>
  </si>
  <si>
    <t>E01002040</t>
  </si>
  <si>
    <t>Haringey 002D</t>
  </si>
  <si>
    <t>E01002041</t>
  </si>
  <si>
    <t>Haringey 037C</t>
  </si>
  <si>
    <t>E01002042</t>
  </si>
  <si>
    <t>Haringey 027A</t>
  </si>
  <si>
    <t>E02000423</t>
  </si>
  <si>
    <t>Haringey 027</t>
  </si>
  <si>
    <t>E01002043</t>
  </si>
  <si>
    <t>Haringey 026A</t>
  </si>
  <si>
    <t>E02000422</t>
  </si>
  <si>
    <t>Haringey 026</t>
  </si>
  <si>
    <t>E01002044</t>
  </si>
  <si>
    <t>Haringey 027B</t>
  </si>
  <si>
    <t>E01002045</t>
  </si>
  <si>
    <t>Haringey 026B</t>
  </si>
  <si>
    <t>E01002046</t>
  </si>
  <si>
    <t>Haringey 026C</t>
  </si>
  <si>
    <t>E01002047</t>
  </si>
  <si>
    <t>Haringey 027C</t>
  </si>
  <si>
    <t>E01002048</t>
  </si>
  <si>
    <t>Haringey 027D</t>
  </si>
  <si>
    <t>E01002049</t>
  </si>
  <si>
    <t>Haringey 026D</t>
  </si>
  <si>
    <t>E01002050</t>
  </si>
  <si>
    <t>Haringey 029A</t>
  </si>
  <si>
    <t>E02000425</t>
  </si>
  <si>
    <t>Haringey 029</t>
  </si>
  <si>
    <t>E01002051</t>
  </si>
  <si>
    <t>Haringey 029B</t>
  </si>
  <si>
    <t>E01002052</t>
  </si>
  <si>
    <t>Haringey 029C</t>
  </si>
  <si>
    <t>E01002053</t>
  </si>
  <si>
    <t>Haringey 032A</t>
  </si>
  <si>
    <t>E02000428</t>
  </si>
  <si>
    <t>Haringey 032</t>
  </si>
  <si>
    <t>E01002054</t>
  </si>
  <si>
    <t>Haringey 032B</t>
  </si>
  <si>
    <t>E01002055</t>
  </si>
  <si>
    <t>Haringey 029D</t>
  </si>
  <si>
    <t>E01002056</t>
  </si>
  <si>
    <t>Haringey 032C</t>
  </si>
  <si>
    <t>E01002057</t>
  </si>
  <si>
    <t>Haringey 032D</t>
  </si>
  <si>
    <t>E01002058</t>
  </si>
  <si>
    <t>Haringey 031D</t>
  </si>
  <si>
    <t>E01002059</t>
  </si>
  <si>
    <t>Haringey 028C</t>
  </si>
  <si>
    <t>E01002060</t>
  </si>
  <si>
    <t>Haringey 028D</t>
  </si>
  <si>
    <t>E01002061</t>
  </si>
  <si>
    <t>Haringey 036A</t>
  </si>
  <si>
    <t>E02000432</t>
  </si>
  <si>
    <t>Haringey 036</t>
  </si>
  <si>
    <t>E01002062</t>
  </si>
  <si>
    <t>Haringey 034D</t>
  </si>
  <si>
    <t>E01002063</t>
  </si>
  <si>
    <t>Haringey 036B</t>
  </si>
  <si>
    <t>E01002064</t>
  </si>
  <si>
    <t>Haringey 036C</t>
  </si>
  <si>
    <t>E01002065</t>
  </si>
  <si>
    <t>Haringey 036D</t>
  </si>
  <si>
    <t>E01002066</t>
  </si>
  <si>
    <t>Haringey 025A</t>
  </si>
  <si>
    <t>E02000421</t>
  </si>
  <si>
    <t>Haringey 025</t>
  </si>
  <si>
    <t>E01002067</t>
  </si>
  <si>
    <t>Haringey 024A</t>
  </si>
  <si>
    <t>E02000420</t>
  </si>
  <si>
    <t>Haringey 024</t>
  </si>
  <si>
    <t>E01002068</t>
  </si>
  <si>
    <t>Haringey 025B</t>
  </si>
  <si>
    <t>E01002069</t>
  </si>
  <si>
    <t>Haringey 024B</t>
  </si>
  <si>
    <t>E01002070</t>
  </si>
  <si>
    <t>Haringey 024C</t>
  </si>
  <si>
    <t>E01002071</t>
  </si>
  <si>
    <t>Haringey 025C</t>
  </si>
  <si>
    <t>E01002072</t>
  </si>
  <si>
    <t>Haringey 025D</t>
  </si>
  <si>
    <t>E01002073</t>
  </si>
  <si>
    <t>Haringey 024D</t>
  </si>
  <si>
    <t>E01002074</t>
  </si>
  <si>
    <t>Haringey 012A</t>
  </si>
  <si>
    <t>E02000408</t>
  </si>
  <si>
    <t>Haringey 012</t>
  </si>
  <si>
    <t>E01002075</t>
  </si>
  <si>
    <t>Haringey 015A</t>
  </si>
  <si>
    <t>E02000411</t>
  </si>
  <si>
    <t>Haringey 015</t>
  </si>
  <si>
    <t>E01002076</t>
  </si>
  <si>
    <t>Haringey 015B</t>
  </si>
  <si>
    <t>E01002077</t>
  </si>
  <si>
    <t>Haringey 012B</t>
  </si>
  <si>
    <t>E01002078</t>
  </si>
  <si>
    <t>Haringey 015C</t>
  </si>
  <si>
    <t>E01002079</t>
  </si>
  <si>
    <t>Haringey 012C</t>
  </si>
  <si>
    <t>E01002081</t>
  </si>
  <si>
    <t>Haringey 012D</t>
  </si>
  <si>
    <t>E01002082</t>
  </si>
  <si>
    <t>Haringey 013A</t>
  </si>
  <si>
    <t>E02000409</t>
  </si>
  <si>
    <t>Haringey 013</t>
  </si>
  <si>
    <t>E01002083</t>
  </si>
  <si>
    <t>Haringey 019A</t>
  </si>
  <si>
    <t>E02000415</t>
  </si>
  <si>
    <t>Haringey 019</t>
  </si>
  <si>
    <t>E01002084</t>
  </si>
  <si>
    <t>Haringey 019B</t>
  </si>
  <si>
    <t>E01002085</t>
  </si>
  <si>
    <t>Haringey 019C</t>
  </si>
  <si>
    <t>E01002086</t>
  </si>
  <si>
    <t>Haringey 013B</t>
  </si>
  <si>
    <t>E01002087</t>
  </si>
  <si>
    <t>Haringey 019D</t>
  </si>
  <si>
    <t>E01002088</t>
  </si>
  <si>
    <t>Haringey 013C</t>
  </si>
  <si>
    <t>E01002089</t>
  </si>
  <si>
    <t>Haringey 013D</t>
  </si>
  <si>
    <t>E01002090</t>
  </si>
  <si>
    <t>Haringey 005A</t>
  </si>
  <si>
    <t>E02000401</t>
  </si>
  <si>
    <t>Haringey 005</t>
  </si>
  <si>
    <t>E01002091</t>
  </si>
  <si>
    <t>Haringey 006A</t>
  </si>
  <si>
    <t>E02000402</t>
  </si>
  <si>
    <t>Haringey 006</t>
  </si>
  <si>
    <t>E01002092</t>
  </si>
  <si>
    <t>Haringey 006B</t>
  </si>
  <si>
    <t>E01002093</t>
  </si>
  <si>
    <t>Haringey 005B</t>
  </si>
  <si>
    <t>E01002094</t>
  </si>
  <si>
    <t>Haringey 006C</t>
  </si>
  <si>
    <t>E01002095</t>
  </si>
  <si>
    <t>Haringey 006D</t>
  </si>
  <si>
    <t>E01002096</t>
  </si>
  <si>
    <t>Haringey 005C</t>
  </si>
  <si>
    <t>E01002097</t>
  </si>
  <si>
    <t>Haringey 005D</t>
  </si>
  <si>
    <t>E01002098</t>
  </si>
  <si>
    <t>Haringey 007A</t>
  </si>
  <si>
    <t>E02000403</t>
  </si>
  <si>
    <t>Haringey 007</t>
  </si>
  <si>
    <t>E01002099</t>
  </si>
  <si>
    <t>Haringey 008A</t>
  </si>
  <si>
    <t>E02000404</t>
  </si>
  <si>
    <t>Haringey 008</t>
  </si>
  <si>
    <t>E01002100</t>
  </si>
  <si>
    <t>Haringey 008B</t>
  </si>
  <si>
    <t>E01002101</t>
  </si>
  <si>
    <t>Haringey 007B</t>
  </si>
  <si>
    <t>E01002102</t>
  </si>
  <si>
    <t>Haringey 007C</t>
  </si>
  <si>
    <t>E01002103</t>
  </si>
  <si>
    <t>Haringey 008C</t>
  </si>
  <si>
    <t>E01002104</t>
  </si>
  <si>
    <t>Haringey 008D</t>
  </si>
  <si>
    <t>E01002105</t>
  </si>
  <si>
    <t>Haringey 007D</t>
  </si>
  <si>
    <t>E01002106</t>
  </si>
  <si>
    <t>Harrow 008A</t>
  </si>
  <si>
    <t>E02000440</t>
  </si>
  <si>
    <t>Harrow 008</t>
  </si>
  <si>
    <t>E09000015</t>
  </si>
  <si>
    <t>Harrow</t>
  </si>
  <si>
    <t>E01002107</t>
  </si>
  <si>
    <t>Harrow 012A</t>
  </si>
  <si>
    <t>E02000444</t>
  </si>
  <si>
    <t>Harrow 012</t>
  </si>
  <si>
    <t>E01002108</t>
  </si>
  <si>
    <t>Harrow 008B</t>
  </si>
  <si>
    <t>E01002109</t>
  </si>
  <si>
    <t>Harrow 008C</t>
  </si>
  <si>
    <t>E01002110</t>
  </si>
  <si>
    <t>Harrow 008D</t>
  </si>
  <si>
    <t>E01002111</t>
  </si>
  <si>
    <t>Harrow 008E</t>
  </si>
  <si>
    <t>E01002112</t>
  </si>
  <si>
    <t>Harrow 001A</t>
  </si>
  <si>
    <t>E02000433</t>
  </si>
  <si>
    <t>Harrow 001</t>
  </si>
  <si>
    <t>E01002113</t>
  </si>
  <si>
    <t>Harrow 002A</t>
  </si>
  <si>
    <t>E02000434</t>
  </si>
  <si>
    <t>Harrow 002</t>
  </si>
  <si>
    <t>E01002114</t>
  </si>
  <si>
    <t>Harrow 001B</t>
  </si>
  <si>
    <t>E01002115</t>
  </si>
  <si>
    <t>Harrow 002B</t>
  </si>
  <si>
    <t>E01002116</t>
  </si>
  <si>
    <t>Harrow 002C</t>
  </si>
  <si>
    <t>E01002118</t>
  </si>
  <si>
    <t>Harrow 002E</t>
  </si>
  <si>
    <t>E01002119</t>
  </si>
  <si>
    <t>Harrow 007A</t>
  </si>
  <si>
    <t>E02000439</t>
  </si>
  <si>
    <t>Harrow 007</t>
  </si>
  <si>
    <t>E01002120</t>
  </si>
  <si>
    <t>Harrow 007B</t>
  </si>
  <si>
    <t>E01002121</t>
  </si>
  <si>
    <t>Harrow 007C</t>
  </si>
  <si>
    <t>E01002122</t>
  </si>
  <si>
    <t>Harrow 007D</t>
  </si>
  <si>
    <t>E01002123</t>
  </si>
  <si>
    <t>Harrow 007E</t>
  </si>
  <si>
    <t>E01002124</t>
  </si>
  <si>
    <t>Harrow 010A</t>
  </si>
  <si>
    <t>E02000442</t>
  </si>
  <si>
    <t>Harrow 010</t>
  </si>
  <si>
    <t>E01002125</t>
  </si>
  <si>
    <t>Harrow 010B</t>
  </si>
  <si>
    <t>E01002127</t>
  </si>
  <si>
    <t>Harrow 023B</t>
  </si>
  <si>
    <t>E02000455</t>
  </si>
  <si>
    <t>Harrow 023</t>
  </si>
  <si>
    <t>E01002128</t>
  </si>
  <si>
    <t>Harrow 020A</t>
  </si>
  <si>
    <t>E02000452</t>
  </si>
  <si>
    <t>Harrow 020</t>
  </si>
  <si>
    <t>E01002129</t>
  </si>
  <si>
    <t>Harrow 023C</t>
  </si>
  <si>
    <t>E01002130</t>
  </si>
  <si>
    <t>Harrow 020B</t>
  </si>
  <si>
    <t>E01002131</t>
  </si>
  <si>
    <t>Harrow 023D</t>
  </si>
  <si>
    <t>E01002132</t>
  </si>
  <si>
    <t>Harrow 029A</t>
  </si>
  <si>
    <t>E02000461</t>
  </si>
  <si>
    <t>Harrow 029</t>
  </si>
  <si>
    <t>E01002133</t>
  </si>
  <si>
    <t>Harrow 027A</t>
  </si>
  <si>
    <t>E02000459</t>
  </si>
  <si>
    <t>Harrow 027</t>
  </si>
  <si>
    <t>E01002134</t>
  </si>
  <si>
    <t>Harrow 029B</t>
  </si>
  <si>
    <t>E01002135</t>
  </si>
  <si>
    <t>Harrow 029C</t>
  </si>
  <si>
    <t>E01002136</t>
  </si>
  <si>
    <t>Harrow 027B</t>
  </si>
  <si>
    <t>E01002137</t>
  </si>
  <si>
    <t>Harrow 029D</t>
  </si>
  <si>
    <t>E01002138</t>
  </si>
  <si>
    <t>Harrow 027C</t>
  </si>
  <si>
    <t>E01002139</t>
  </si>
  <si>
    <t>Harrow 006A</t>
  </si>
  <si>
    <t>E02000438</t>
  </si>
  <si>
    <t>Harrow 006</t>
  </si>
  <si>
    <t>E01002140</t>
  </si>
  <si>
    <t>Harrow 005A</t>
  </si>
  <si>
    <t>E02000437</t>
  </si>
  <si>
    <t>Harrow 005</t>
  </si>
  <si>
    <t>E01002141</t>
  </si>
  <si>
    <t>Harrow 005B</t>
  </si>
  <si>
    <t>E01002142</t>
  </si>
  <si>
    <t>Harrow 005C</t>
  </si>
  <si>
    <t>E01002143</t>
  </si>
  <si>
    <t>Harrow 005D</t>
  </si>
  <si>
    <t>E01002144</t>
  </si>
  <si>
    <t>Harrow 004A</t>
  </si>
  <si>
    <t>E02000436</t>
  </si>
  <si>
    <t>Harrow 004</t>
  </si>
  <si>
    <t>E01002145</t>
  </si>
  <si>
    <t>Harrow 005E</t>
  </si>
  <si>
    <t>E01002146</t>
  </si>
  <si>
    <t>Harrow 004B</t>
  </si>
  <si>
    <t>E01002147</t>
  </si>
  <si>
    <t>Harrow 004C</t>
  </si>
  <si>
    <t>E01002148</t>
  </si>
  <si>
    <t>Harrow 006B</t>
  </si>
  <si>
    <t>E01002149</t>
  </si>
  <si>
    <t>Harrow 004D</t>
  </si>
  <si>
    <t>E01002150</t>
  </si>
  <si>
    <t>Harrow 006C</t>
  </si>
  <si>
    <t>E01002151</t>
  </si>
  <si>
    <t>Harrow 006D</t>
  </si>
  <si>
    <t>E01002152</t>
  </si>
  <si>
    <t>Harrow 006E</t>
  </si>
  <si>
    <t>E01002153</t>
  </si>
  <si>
    <t>Harrow 019A</t>
  </si>
  <si>
    <t>E02000451</t>
  </si>
  <si>
    <t>Harrow 019</t>
  </si>
  <si>
    <t>E01002155</t>
  </si>
  <si>
    <t>Harrow 019B</t>
  </si>
  <si>
    <t>E01002156</t>
  </si>
  <si>
    <t>Harrow 015B</t>
  </si>
  <si>
    <t>E02000447</t>
  </si>
  <si>
    <t>Harrow 015</t>
  </si>
  <si>
    <t>E01002157</t>
  </si>
  <si>
    <t>Harrow 019C</t>
  </si>
  <si>
    <t>E01002158</t>
  </si>
  <si>
    <t>Harrow 019D</t>
  </si>
  <si>
    <t>E01002159</t>
  </si>
  <si>
    <t>Harrow 021A</t>
  </si>
  <si>
    <t>E02000453</t>
  </si>
  <si>
    <t>Harrow 021</t>
  </si>
  <si>
    <t>E01002160</t>
  </si>
  <si>
    <t>Harrow 021B</t>
  </si>
  <si>
    <t>E01002161</t>
  </si>
  <si>
    <t>Harrow 021C</t>
  </si>
  <si>
    <t>E01002162</t>
  </si>
  <si>
    <t>Harrow 015C</t>
  </si>
  <si>
    <t>E01002163</t>
  </si>
  <si>
    <t>Harrow 015D</t>
  </si>
  <si>
    <t>E01002164</t>
  </si>
  <si>
    <t>Harrow 021D</t>
  </si>
  <si>
    <t>E01002165</t>
  </si>
  <si>
    <t>Harrow 017A</t>
  </si>
  <si>
    <t>E02000449</t>
  </si>
  <si>
    <t>Harrow 017</t>
  </si>
  <si>
    <t>E01002166</t>
  </si>
  <si>
    <t>Harrow 017B</t>
  </si>
  <si>
    <t>E01002167</t>
  </si>
  <si>
    <t>Harrow 017C</t>
  </si>
  <si>
    <t>E01002168</t>
  </si>
  <si>
    <t>Harrow 017D</t>
  </si>
  <si>
    <t>E01002169</t>
  </si>
  <si>
    <t>Harrow 017E</t>
  </si>
  <si>
    <t>E01002170</t>
  </si>
  <si>
    <t>Harrow 033A</t>
  </si>
  <si>
    <t>E02006882</t>
  </si>
  <si>
    <t>Harrow 033</t>
  </si>
  <si>
    <t>E01002171</t>
  </si>
  <si>
    <t>Harrow 033B</t>
  </si>
  <si>
    <t>E01002172</t>
  </si>
  <si>
    <t>Harrow 033C</t>
  </si>
  <si>
    <t>E01002173</t>
  </si>
  <si>
    <t>Harrow 033D</t>
  </si>
  <si>
    <t>E01002174</t>
  </si>
  <si>
    <t>Harrow 033E</t>
  </si>
  <si>
    <t>E01002175</t>
  </si>
  <si>
    <t>Harrow 033F</t>
  </si>
  <si>
    <t>E01002176</t>
  </si>
  <si>
    <t>Harrow 033G</t>
  </si>
  <si>
    <t>E01002177</t>
  </si>
  <si>
    <t>Harrow 033H</t>
  </si>
  <si>
    <t>E01002178</t>
  </si>
  <si>
    <t>Harrow 033I</t>
  </si>
  <si>
    <t>E01002179</t>
  </si>
  <si>
    <t>Harrow 013A</t>
  </si>
  <si>
    <t>E02000445</t>
  </si>
  <si>
    <t>Harrow 013</t>
  </si>
  <si>
    <t>E01002181</t>
  </si>
  <si>
    <t>Harrow 020C</t>
  </si>
  <si>
    <t>E01002182</t>
  </si>
  <si>
    <t>Harrow 020D</t>
  </si>
  <si>
    <t>E01002183</t>
  </si>
  <si>
    <t>Harrow 013C</t>
  </si>
  <si>
    <t>E01002184</t>
  </si>
  <si>
    <t>Harrow 013D</t>
  </si>
  <si>
    <t>E01002185</t>
  </si>
  <si>
    <t>Harrow 009A</t>
  </si>
  <si>
    <t>E02000441</t>
  </si>
  <si>
    <t>Harrow 009</t>
  </si>
  <si>
    <t>E01002186</t>
  </si>
  <si>
    <t>Harrow 009B</t>
  </si>
  <si>
    <t>E01002187</t>
  </si>
  <si>
    <t>Harrow 009C</t>
  </si>
  <si>
    <t>E01002188</t>
  </si>
  <si>
    <t>Harrow 016A</t>
  </si>
  <si>
    <t>E02000448</t>
  </si>
  <si>
    <t>Harrow 016</t>
  </si>
  <si>
    <t>E01002189</t>
  </si>
  <si>
    <t>Harrow 016B</t>
  </si>
  <si>
    <t>E01002190</t>
  </si>
  <si>
    <t>Harrow 009D</t>
  </si>
  <si>
    <t>E01002191</t>
  </si>
  <si>
    <t>Harrow 022A</t>
  </si>
  <si>
    <t>E02000454</t>
  </si>
  <si>
    <t>Harrow 022</t>
  </si>
  <si>
    <t>E01002192</t>
  </si>
  <si>
    <t>Harrow 016C</t>
  </si>
  <si>
    <t>E01002193</t>
  </si>
  <si>
    <t>Harrow 016D</t>
  </si>
  <si>
    <t>E01002194</t>
  </si>
  <si>
    <t>Harrow 022B</t>
  </si>
  <si>
    <t>E01002195</t>
  </si>
  <si>
    <t>Harrow 022C</t>
  </si>
  <si>
    <t>E01002196</t>
  </si>
  <si>
    <t>Harrow 022D</t>
  </si>
  <si>
    <t>E01002197</t>
  </si>
  <si>
    <t>Harrow 012B</t>
  </si>
  <si>
    <t>E01002198</t>
  </si>
  <si>
    <t>Harrow 010C</t>
  </si>
  <si>
    <t>E01002199</t>
  </si>
  <si>
    <t>Harrow 012C</t>
  </si>
  <si>
    <t>E01002200</t>
  </si>
  <si>
    <t>Harrow 010D</t>
  </si>
  <si>
    <t>E01002201</t>
  </si>
  <si>
    <t>Harrow 012D</t>
  </si>
  <si>
    <t>E01002202</t>
  </si>
  <si>
    <t>Harrow 012E</t>
  </si>
  <si>
    <t>E01002203</t>
  </si>
  <si>
    <t>Harrow 010E</t>
  </si>
  <si>
    <t>E01002204</t>
  </si>
  <si>
    <t>Harrow 032A</t>
  </si>
  <si>
    <t>E02006795</t>
  </si>
  <si>
    <t>Harrow 032</t>
  </si>
  <si>
    <t>E01002206</t>
  </si>
  <si>
    <t>Harrow 032B</t>
  </si>
  <si>
    <t>E01002207</t>
  </si>
  <si>
    <t>Harrow 032C</t>
  </si>
  <si>
    <t>E01002208</t>
  </si>
  <si>
    <t>Harrow 025A</t>
  </si>
  <si>
    <t>E02000457</t>
  </si>
  <si>
    <t>Harrow 025</t>
  </si>
  <si>
    <t>E01002209</t>
  </si>
  <si>
    <t>Harrow 025B</t>
  </si>
  <si>
    <t>E01002210</t>
  </si>
  <si>
    <t>Harrow 032D</t>
  </si>
  <si>
    <t>E01002211</t>
  </si>
  <si>
    <t>Harrow 028A</t>
  </si>
  <si>
    <t>E02000460</t>
  </si>
  <si>
    <t>Harrow 028</t>
  </si>
  <si>
    <t>E01002212</t>
  </si>
  <si>
    <t>Harrow 028B</t>
  </si>
  <si>
    <t>E01002214</t>
  </si>
  <si>
    <t>Harrow 031A</t>
  </si>
  <si>
    <t>E02000463</t>
  </si>
  <si>
    <t>Harrow 031</t>
  </si>
  <si>
    <t>E01002215</t>
  </si>
  <si>
    <t>Harrow 031B</t>
  </si>
  <si>
    <t>E01002216</t>
  </si>
  <si>
    <t>Harrow 028C</t>
  </si>
  <si>
    <t>E01002217</t>
  </si>
  <si>
    <t>Harrow 028D</t>
  </si>
  <si>
    <t>E01002218</t>
  </si>
  <si>
    <t>Harrow 030A</t>
  </si>
  <si>
    <t>E02000462</t>
  </si>
  <si>
    <t>Harrow 030</t>
  </si>
  <si>
    <t>E01002219</t>
  </si>
  <si>
    <t>Harrow 030B</t>
  </si>
  <si>
    <t>E01002220</t>
  </si>
  <si>
    <t>Harrow 031C</t>
  </si>
  <si>
    <t>E01002221</t>
  </si>
  <si>
    <t>Harrow 030C</t>
  </si>
  <si>
    <t>E01002222</t>
  </si>
  <si>
    <t>Harrow 030D</t>
  </si>
  <si>
    <t>E01002223</t>
  </si>
  <si>
    <t>Harrow 031D</t>
  </si>
  <si>
    <t>E01002224</t>
  </si>
  <si>
    <t>Harrow 031E</t>
  </si>
  <si>
    <t>E01002225</t>
  </si>
  <si>
    <t>Harrow 001C</t>
  </si>
  <si>
    <t>E01002226</t>
  </si>
  <si>
    <t>Harrow 001D</t>
  </si>
  <si>
    <t>E01002227</t>
  </si>
  <si>
    <t>Harrow 003A</t>
  </si>
  <si>
    <t>E02000435</t>
  </si>
  <si>
    <t>Harrow 003</t>
  </si>
  <si>
    <t>E01002228</t>
  </si>
  <si>
    <t>Harrow 003B</t>
  </si>
  <si>
    <t>E01002229</t>
  </si>
  <si>
    <t>Harrow 003C</t>
  </si>
  <si>
    <t>E01002230</t>
  </si>
  <si>
    <t>Harrow 003D</t>
  </si>
  <si>
    <t>E01002231</t>
  </si>
  <si>
    <t>Harrow 013E</t>
  </si>
  <si>
    <t>E01002232</t>
  </si>
  <si>
    <t>Harrow 011A</t>
  </si>
  <si>
    <t>E02000443</t>
  </si>
  <si>
    <t>Harrow 011</t>
  </si>
  <si>
    <t>E01002233</t>
  </si>
  <si>
    <t>Harrow 011B</t>
  </si>
  <si>
    <t>E01002234</t>
  </si>
  <si>
    <t>Harrow 011C</t>
  </si>
  <si>
    <t>E01002235</t>
  </si>
  <si>
    <t>Harrow 011D</t>
  </si>
  <si>
    <t>E01002236</t>
  </si>
  <si>
    <t>Harrow 011E</t>
  </si>
  <si>
    <t>E01002237</t>
  </si>
  <si>
    <t>Harrow 024A</t>
  </si>
  <si>
    <t>E02000456</t>
  </si>
  <si>
    <t>Harrow 024</t>
  </si>
  <si>
    <t>E01002238</t>
  </si>
  <si>
    <t>Harrow 024B</t>
  </si>
  <si>
    <t>E01002239</t>
  </si>
  <si>
    <t>Harrow 025C</t>
  </si>
  <si>
    <t>E01002240</t>
  </si>
  <si>
    <t>Harrow 024C</t>
  </si>
  <si>
    <t>E01002241</t>
  </si>
  <si>
    <t>Harrow 025D</t>
  </si>
  <si>
    <t>E01002242</t>
  </si>
  <si>
    <t>Harrow 024D</t>
  </si>
  <si>
    <t>E01002243</t>
  </si>
  <si>
    <t>Havering 013A</t>
  </si>
  <si>
    <t>E02000476</t>
  </si>
  <si>
    <t>Havering 013</t>
  </si>
  <si>
    <t>E09000016</t>
  </si>
  <si>
    <t>Havering</t>
  </si>
  <si>
    <t>E01002244</t>
  </si>
  <si>
    <t>Havering 011A</t>
  </si>
  <si>
    <t>E02000474</t>
  </si>
  <si>
    <t>Havering 011</t>
  </si>
  <si>
    <t>E01002245</t>
  </si>
  <si>
    <t>Havering 011B</t>
  </si>
  <si>
    <t>E01002246</t>
  </si>
  <si>
    <t>Havering 017A</t>
  </si>
  <si>
    <t>E02000480</t>
  </si>
  <si>
    <t>Havering 017</t>
  </si>
  <si>
    <t>E01002247</t>
  </si>
  <si>
    <t>Havering 017B</t>
  </si>
  <si>
    <t>E01002248</t>
  </si>
  <si>
    <t>Havering 017C</t>
  </si>
  <si>
    <t>E01002250</t>
  </si>
  <si>
    <t>Havering 017E</t>
  </si>
  <si>
    <t>E01002251</t>
  </si>
  <si>
    <t>Havering 017F</t>
  </si>
  <si>
    <t>E01002252</t>
  </si>
  <si>
    <t>Havering 018A</t>
  </si>
  <si>
    <t>E02000481</t>
  </si>
  <si>
    <t>Havering 018</t>
  </si>
  <si>
    <t>E01002253</t>
  </si>
  <si>
    <t>Havering 019A</t>
  </si>
  <si>
    <t>E02000482</t>
  </si>
  <si>
    <t>Havering 019</t>
  </si>
  <si>
    <t>E01002254</t>
  </si>
  <si>
    <t>Havering 019B</t>
  </si>
  <si>
    <t>E01002255</t>
  </si>
  <si>
    <t>Havering 022A</t>
  </si>
  <si>
    <t>E02000485</t>
  </si>
  <si>
    <t>Havering 022</t>
  </si>
  <si>
    <t>E01002256</t>
  </si>
  <si>
    <t>Havering 018B</t>
  </si>
  <si>
    <t>E01002257</t>
  </si>
  <si>
    <t>Havering 019C</t>
  </si>
  <si>
    <t>E01002258</t>
  </si>
  <si>
    <t>Havering 018C</t>
  </si>
  <si>
    <t>E01002259</t>
  </si>
  <si>
    <t>Havering 018D</t>
  </si>
  <si>
    <t>E01002260</t>
  </si>
  <si>
    <t>Havering 026A</t>
  </si>
  <si>
    <t>E02000489</t>
  </si>
  <si>
    <t>Havering 026</t>
  </si>
  <si>
    <t>E01002261</t>
  </si>
  <si>
    <t>Havering 026B</t>
  </si>
  <si>
    <t>E01002262</t>
  </si>
  <si>
    <t>Havering 026C</t>
  </si>
  <si>
    <t>E01002263</t>
  </si>
  <si>
    <t>Havering 026D</t>
  </si>
  <si>
    <t>E01002264</t>
  </si>
  <si>
    <t>Havering 026E</t>
  </si>
  <si>
    <t>E01002265</t>
  </si>
  <si>
    <t>Havering 025A</t>
  </si>
  <si>
    <t>E02000488</t>
  </si>
  <si>
    <t>Havering 025</t>
  </si>
  <si>
    <t>E01002266</t>
  </si>
  <si>
    <t>Havering 027A</t>
  </si>
  <si>
    <t>E02000490</t>
  </si>
  <si>
    <t>Havering 027</t>
  </si>
  <si>
    <t>E01002267</t>
  </si>
  <si>
    <t>Havering 027B</t>
  </si>
  <si>
    <t>E01002268</t>
  </si>
  <si>
    <t>Havering 010A</t>
  </si>
  <si>
    <t>E02000473</t>
  </si>
  <si>
    <t>Havering 010</t>
  </si>
  <si>
    <t>E01002269</t>
  </si>
  <si>
    <t>Havering 010B</t>
  </si>
  <si>
    <t>E01002270</t>
  </si>
  <si>
    <t>Havering 015A</t>
  </si>
  <si>
    <t>E02000478</t>
  </si>
  <si>
    <t>Havering 015</t>
  </si>
  <si>
    <t>E01002271</t>
  </si>
  <si>
    <t>Havering 015B</t>
  </si>
  <si>
    <t>E01002272</t>
  </si>
  <si>
    <t>Havering 014A</t>
  </si>
  <si>
    <t>E02000477</t>
  </si>
  <si>
    <t>Havering 014</t>
  </si>
  <si>
    <t>E01002273</t>
  </si>
  <si>
    <t>Havering 015C</t>
  </si>
  <si>
    <t>E01002274</t>
  </si>
  <si>
    <t>Havering 014B</t>
  </si>
  <si>
    <t>E01002275</t>
  </si>
  <si>
    <t>Havering 015D</t>
  </si>
  <si>
    <t>E01002276</t>
  </si>
  <si>
    <t>Havering 001A</t>
  </si>
  <si>
    <t>E02000464</t>
  </si>
  <si>
    <t>Havering 001</t>
  </si>
  <si>
    <t>E01002277</t>
  </si>
  <si>
    <t>Havering 002A</t>
  </si>
  <si>
    <t>E02000465</t>
  </si>
  <si>
    <t>Havering 002</t>
  </si>
  <si>
    <t>E01002278</t>
  </si>
  <si>
    <t>Havering 001B</t>
  </si>
  <si>
    <t>E01002279</t>
  </si>
  <si>
    <t>Havering 002B</t>
  </si>
  <si>
    <t>E01002280</t>
  </si>
  <si>
    <t>Havering 004A</t>
  </si>
  <si>
    <t>E02000467</t>
  </si>
  <si>
    <t>Havering 004</t>
  </si>
  <si>
    <t>E01002281</t>
  </si>
  <si>
    <t>Havering 002C</t>
  </si>
  <si>
    <t>E01002282</t>
  </si>
  <si>
    <t>Havering 004B</t>
  </si>
  <si>
    <t>E01002283</t>
  </si>
  <si>
    <t>Havering 002D</t>
  </si>
  <si>
    <t>E01002284</t>
  </si>
  <si>
    <t>Havering 004C</t>
  </si>
  <si>
    <t>E01002285</t>
  </si>
  <si>
    <t>Havering 025B</t>
  </si>
  <si>
    <t>E01002286</t>
  </si>
  <si>
    <t>Havering 025C</t>
  </si>
  <si>
    <t>E01002287</t>
  </si>
  <si>
    <t>Havering 023A</t>
  </si>
  <si>
    <t>E02000486</t>
  </si>
  <si>
    <t>Havering 023</t>
  </si>
  <si>
    <t>E01002288</t>
  </si>
  <si>
    <t>Havering 025D</t>
  </si>
  <si>
    <t>E01002289</t>
  </si>
  <si>
    <t>Havering 022B</t>
  </si>
  <si>
    <t>E01002290</t>
  </si>
  <si>
    <t>Havering 025E</t>
  </si>
  <si>
    <t>E01002291</t>
  </si>
  <si>
    <t>Havering 023B</t>
  </si>
  <si>
    <t>E01002292</t>
  </si>
  <si>
    <t>Havering 022C</t>
  </si>
  <si>
    <t>E01002294</t>
  </si>
  <si>
    <t>Havering 007B</t>
  </si>
  <si>
    <t>E02000470</t>
  </si>
  <si>
    <t>Havering 007</t>
  </si>
  <si>
    <t>E01002295</t>
  </si>
  <si>
    <t>Havering 010C</t>
  </si>
  <si>
    <t>E01002296</t>
  </si>
  <si>
    <t>Havering 007C</t>
  </si>
  <si>
    <t>E01002297</t>
  </si>
  <si>
    <t>Havering 004D</t>
  </si>
  <si>
    <t>E01002298</t>
  </si>
  <si>
    <t>Havering 007D</t>
  </si>
  <si>
    <t>E01002299</t>
  </si>
  <si>
    <t>Havering 002E</t>
  </si>
  <si>
    <t>E01002300</t>
  </si>
  <si>
    <t>Havering 007E</t>
  </si>
  <si>
    <t>E01002301</t>
  </si>
  <si>
    <t>Havering 003A</t>
  </si>
  <si>
    <t>E02000466</t>
  </si>
  <si>
    <t>Havering 003</t>
  </si>
  <si>
    <t>E01002302</t>
  </si>
  <si>
    <t>Havering 005A</t>
  </si>
  <si>
    <t>E02000468</t>
  </si>
  <si>
    <t>Havering 005</t>
  </si>
  <si>
    <t>E01002303</t>
  </si>
  <si>
    <t>Havering 003B</t>
  </si>
  <si>
    <t>E01002304</t>
  </si>
  <si>
    <t>Havering 003C</t>
  </si>
  <si>
    <t>E01002305</t>
  </si>
  <si>
    <t>Havering 005B</t>
  </si>
  <si>
    <t>E01002306</t>
  </si>
  <si>
    <t>Havering 003D</t>
  </si>
  <si>
    <t>E01002307</t>
  </si>
  <si>
    <t>Havering 003E</t>
  </si>
  <si>
    <t>E01002308</t>
  </si>
  <si>
    <t>Havering 005C</t>
  </si>
  <si>
    <t>E01002309</t>
  </si>
  <si>
    <t>Havering 006A</t>
  </si>
  <si>
    <t>E02000469</t>
  </si>
  <si>
    <t>Havering 006</t>
  </si>
  <si>
    <t>E01002310</t>
  </si>
  <si>
    <t>Havering 006B</t>
  </si>
  <si>
    <t>E01002311</t>
  </si>
  <si>
    <t>Havering 006C</t>
  </si>
  <si>
    <t>E01002312</t>
  </si>
  <si>
    <t>Havering 001C</t>
  </si>
  <si>
    <t>E01002313</t>
  </si>
  <si>
    <t>Havering 001D</t>
  </si>
  <si>
    <t>E01002314</t>
  </si>
  <si>
    <t>Havering 004E</t>
  </si>
  <si>
    <t>E01002315</t>
  </si>
  <si>
    <t>Havering 006D</t>
  </si>
  <si>
    <t>E01002316</t>
  </si>
  <si>
    <t>Havering 004F</t>
  </si>
  <si>
    <t>E01002317</t>
  </si>
  <si>
    <t>Havering 014C</t>
  </si>
  <si>
    <t>E01002318</t>
  </si>
  <si>
    <t>Havering 014D</t>
  </si>
  <si>
    <t>E01002319</t>
  </si>
  <si>
    <t>Havering 016A</t>
  </si>
  <si>
    <t>E02000479</t>
  </si>
  <si>
    <t>Havering 016</t>
  </si>
  <si>
    <t>E01002320</t>
  </si>
  <si>
    <t>Havering 021A</t>
  </si>
  <si>
    <t>E02000484</t>
  </si>
  <si>
    <t>Havering 021</t>
  </si>
  <si>
    <t>E01002321</t>
  </si>
  <si>
    <t>Havering 021B</t>
  </si>
  <si>
    <t>E01002322</t>
  </si>
  <si>
    <t>Havering 021C</t>
  </si>
  <si>
    <t>E01002323</t>
  </si>
  <si>
    <t>Havering 021D</t>
  </si>
  <si>
    <t>E01002324</t>
  </si>
  <si>
    <t>Havering 021E</t>
  </si>
  <si>
    <t>E01002325</t>
  </si>
  <si>
    <t>Havering 011C</t>
  </si>
  <si>
    <t>E01002326</t>
  </si>
  <si>
    <t>Havering 005D</t>
  </si>
  <si>
    <t>E01002327</t>
  </si>
  <si>
    <t>Havering 009A</t>
  </si>
  <si>
    <t>E02000472</t>
  </si>
  <si>
    <t>Havering 009</t>
  </si>
  <si>
    <t>E01002328</t>
  </si>
  <si>
    <t>Havering 009B</t>
  </si>
  <si>
    <t>E01002329</t>
  </si>
  <si>
    <t>Havering 011D</t>
  </si>
  <si>
    <t>E01002330</t>
  </si>
  <si>
    <t>Havering 011E</t>
  </si>
  <si>
    <t>E01002331</t>
  </si>
  <si>
    <t>Havering 005E</t>
  </si>
  <si>
    <t>E01002332</t>
  </si>
  <si>
    <t>Havering 009C</t>
  </si>
  <si>
    <t>E01002333</t>
  </si>
  <si>
    <t>Havering 008A</t>
  </si>
  <si>
    <t>E02000471</t>
  </si>
  <si>
    <t>Havering 008</t>
  </si>
  <si>
    <t>E01002334</t>
  </si>
  <si>
    <t>Havering 008B</t>
  </si>
  <si>
    <t>E01002335</t>
  </si>
  <si>
    <t>Havering 009D</t>
  </si>
  <si>
    <t>E01002336</t>
  </si>
  <si>
    <t>Havering 008C</t>
  </si>
  <si>
    <t>E01002337</t>
  </si>
  <si>
    <t>Havering 012A</t>
  </si>
  <si>
    <t>E02000475</t>
  </si>
  <si>
    <t>Havering 012</t>
  </si>
  <si>
    <t>E01002338</t>
  </si>
  <si>
    <t>Havering 009E</t>
  </si>
  <si>
    <t>E01002339</t>
  </si>
  <si>
    <t>Havering 008D</t>
  </si>
  <si>
    <t>E01002340</t>
  </si>
  <si>
    <t>Havering 009F</t>
  </si>
  <si>
    <t>E01002341</t>
  </si>
  <si>
    <t>Havering 008E</t>
  </si>
  <si>
    <t>E01002342</t>
  </si>
  <si>
    <t>Havering 030A</t>
  </si>
  <si>
    <t>E02000493</t>
  </si>
  <si>
    <t>Havering 030</t>
  </si>
  <si>
    <t>E01002343</t>
  </si>
  <si>
    <t>Havering 029A</t>
  </si>
  <si>
    <t>E02000492</t>
  </si>
  <si>
    <t>Havering 029</t>
  </si>
  <si>
    <t>E01002344</t>
  </si>
  <si>
    <t>Havering 029B</t>
  </si>
  <si>
    <t>E01002345</t>
  </si>
  <si>
    <t>Havering 030B</t>
  </si>
  <si>
    <t>E01002346</t>
  </si>
  <si>
    <t>Havering 030C</t>
  </si>
  <si>
    <t>E01002347</t>
  </si>
  <si>
    <t>Havering 030D</t>
  </si>
  <si>
    <t>E01002348</t>
  </si>
  <si>
    <t>Havering 029C</t>
  </si>
  <si>
    <t>E01002349</t>
  </si>
  <si>
    <t>Havering 029D</t>
  </si>
  <si>
    <t>E01002350</t>
  </si>
  <si>
    <t>Havering 016B</t>
  </si>
  <si>
    <t>E01002351</t>
  </si>
  <si>
    <t>Havering 016C</t>
  </si>
  <si>
    <t>E01002352</t>
  </si>
  <si>
    <t>Havering 016D</t>
  </si>
  <si>
    <t>E01002353</t>
  </si>
  <si>
    <t>Havering 013B</t>
  </si>
  <si>
    <t>E01002354</t>
  </si>
  <si>
    <t>Havering 012B</t>
  </si>
  <si>
    <t>E01002355</t>
  </si>
  <si>
    <t>Havering 014E</t>
  </si>
  <si>
    <t>E01002356</t>
  </si>
  <si>
    <t>Havering 013C</t>
  </si>
  <si>
    <t>E01002358</t>
  </si>
  <si>
    <t>Havering 016E</t>
  </si>
  <si>
    <t>E01002359</t>
  </si>
  <si>
    <t>Havering 020A</t>
  </si>
  <si>
    <t>E02000483</t>
  </si>
  <si>
    <t>Havering 020</t>
  </si>
  <si>
    <t>E01002360</t>
  </si>
  <si>
    <t>Havering 020B</t>
  </si>
  <si>
    <t>E01002361</t>
  </si>
  <si>
    <t>Havering 020C</t>
  </si>
  <si>
    <t>E01002362</t>
  </si>
  <si>
    <t>Havering 022D</t>
  </si>
  <si>
    <t>E01002363</t>
  </si>
  <si>
    <t>Havering 020D</t>
  </si>
  <si>
    <t>E01002364</t>
  </si>
  <si>
    <t>Havering 023C</t>
  </si>
  <si>
    <t>E01002365</t>
  </si>
  <si>
    <t>Havering 023D</t>
  </si>
  <si>
    <t>E01002366</t>
  </si>
  <si>
    <t>Havering 023E</t>
  </si>
  <si>
    <t>E01002367</t>
  </si>
  <si>
    <t>Havering 020E</t>
  </si>
  <si>
    <t>E01002368</t>
  </si>
  <si>
    <t>Havering 028A</t>
  </si>
  <si>
    <t>E02000491</t>
  </si>
  <si>
    <t>Havering 028</t>
  </si>
  <si>
    <t>E01002369</t>
  </si>
  <si>
    <t>Havering 028B</t>
  </si>
  <si>
    <t>E01002370</t>
  </si>
  <si>
    <t>Havering 028C</t>
  </si>
  <si>
    <t>E01002371</t>
  </si>
  <si>
    <t>Havering 028D</t>
  </si>
  <si>
    <t>E01002372</t>
  </si>
  <si>
    <t>Havering 027C</t>
  </si>
  <si>
    <t>E01002373</t>
  </si>
  <si>
    <t>Havering 027D</t>
  </si>
  <si>
    <t>E01002374</t>
  </si>
  <si>
    <t>Havering 027E</t>
  </si>
  <si>
    <t>E01002375</t>
  </si>
  <si>
    <t>Havering 028E</t>
  </si>
  <si>
    <t>E01002376</t>
  </si>
  <si>
    <t>Havering 012C</t>
  </si>
  <si>
    <t>E01002377</t>
  </si>
  <si>
    <t>Havering 010D</t>
  </si>
  <si>
    <t>E01002378</t>
  </si>
  <si>
    <t>Havering 010E</t>
  </si>
  <si>
    <t>E01002379</t>
  </si>
  <si>
    <t>Havering 012D</t>
  </si>
  <si>
    <t>E01002380</t>
  </si>
  <si>
    <t>Havering 012E</t>
  </si>
  <si>
    <t>E01002381</t>
  </si>
  <si>
    <t>Havering 012F</t>
  </si>
  <si>
    <t>E01002382</t>
  </si>
  <si>
    <t>Havering 014F</t>
  </si>
  <si>
    <t>E01002383</t>
  </si>
  <si>
    <t>Havering 010F</t>
  </si>
  <si>
    <t>E01002384</t>
  </si>
  <si>
    <t>Havering 019D</t>
  </si>
  <si>
    <t>E01002385</t>
  </si>
  <si>
    <t>Havering 024A</t>
  </si>
  <si>
    <t>E02000487</t>
  </si>
  <si>
    <t>Havering 024</t>
  </si>
  <si>
    <t>E01002386</t>
  </si>
  <si>
    <t>Havering 022E</t>
  </si>
  <si>
    <t>E01002387</t>
  </si>
  <si>
    <t>Havering 024B</t>
  </si>
  <si>
    <t>E01002388</t>
  </si>
  <si>
    <t>Havering 024C</t>
  </si>
  <si>
    <t>E01002389</t>
  </si>
  <si>
    <t>Havering 024D</t>
  </si>
  <si>
    <t>E01002390</t>
  </si>
  <si>
    <t>Havering 024E</t>
  </si>
  <si>
    <t>E01002391</t>
  </si>
  <si>
    <t>Havering 018E</t>
  </si>
  <si>
    <t>E01002415</t>
  </si>
  <si>
    <t>Hillingdon 010A</t>
  </si>
  <si>
    <t>E02000503</t>
  </si>
  <si>
    <t>Hillingdon 010</t>
  </si>
  <si>
    <t>E09000017</t>
  </si>
  <si>
    <t>Hillingdon</t>
  </si>
  <si>
    <t>E01002416</t>
  </si>
  <si>
    <t>Hillingdon 008A</t>
  </si>
  <si>
    <t>E02000501</t>
  </si>
  <si>
    <t>Hillingdon 008</t>
  </si>
  <si>
    <t>E01002417</t>
  </si>
  <si>
    <t>Hillingdon 008B</t>
  </si>
  <si>
    <t>E01002418</t>
  </si>
  <si>
    <t>Hillingdon 006A</t>
  </si>
  <si>
    <t>E02000499</t>
  </si>
  <si>
    <t>Hillingdon 006</t>
  </si>
  <si>
    <t>E01002419</t>
  </si>
  <si>
    <t>Hillingdon 006B</t>
  </si>
  <si>
    <t>E01002420</t>
  </si>
  <si>
    <t>Hillingdon 008C</t>
  </si>
  <si>
    <t>E01002421</t>
  </si>
  <si>
    <t>Hillingdon 008D</t>
  </si>
  <si>
    <t>E01002430</t>
  </si>
  <si>
    <t>Hillingdon 007A</t>
  </si>
  <si>
    <t>E02000500</t>
  </si>
  <si>
    <t>Hillingdon 007</t>
  </si>
  <si>
    <t>E01002431</t>
  </si>
  <si>
    <t>Hillingdon 006C</t>
  </si>
  <si>
    <t>E01002432</t>
  </si>
  <si>
    <t>Hillingdon 006D</t>
  </si>
  <si>
    <t>E01002433</t>
  </si>
  <si>
    <t>Hillingdon 004A</t>
  </si>
  <si>
    <t>E02000497</t>
  </si>
  <si>
    <t>Hillingdon 004</t>
  </si>
  <si>
    <t>E01002434</t>
  </si>
  <si>
    <t>Hillingdon 007B</t>
  </si>
  <si>
    <t>E01002435</t>
  </si>
  <si>
    <t>Hillingdon 007C</t>
  </si>
  <si>
    <t>E01002436</t>
  </si>
  <si>
    <t>Hillingdon 004B</t>
  </si>
  <si>
    <t>E01002437</t>
  </si>
  <si>
    <t>Hillingdon 006E</t>
  </si>
  <si>
    <t>E01002438</t>
  </si>
  <si>
    <t>Hillingdon 003A</t>
  </si>
  <si>
    <t>E02000496</t>
  </si>
  <si>
    <t>Hillingdon 003</t>
  </si>
  <si>
    <t>E01002441</t>
  </si>
  <si>
    <t>Hillingdon 003D</t>
  </si>
  <si>
    <t>E01002465</t>
  </si>
  <si>
    <t>Hillingdon 009A</t>
  </si>
  <si>
    <t>E02000502</t>
  </si>
  <si>
    <t>Hillingdon 009</t>
  </si>
  <si>
    <t>E01002466</t>
  </si>
  <si>
    <t>Hillingdon 010B</t>
  </si>
  <si>
    <t>E01002467</t>
  </si>
  <si>
    <t>Hillingdon 009B</t>
  </si>
  <si>
    <t>E01002468</t>
  </si>
  <si>
    <t>Hillingdon 010C</t>
  </si>
  <si>
    <t>E01002469</t>
  </si>
  <si>
    <t>Hillingdon 010D</t>
  </si>
  <si>
    <t>E01002470</t>
  </si>
  <si>
    <t>Hillingdon 007D</t>
  </si>
  <si>
    <t>E01002471</t>
  </si>
  <si>
    <t>Hillingdon 008E</t>
  </si>
  <si>
    <t>E01002472</t>
  </si>
  <si>
    <t>Hillingdon 002A</t>
  </si>
  <si>
    <t>E02000495</t>
  </si>
  <si>
    <t>Hillingdon 002</t>
  </si>
  <si>
    <t>E01002473</t>
  </si>
  <si>
    <t>Hillingdon 001A</t>
  </si>
  <si>
    <t>E02000494</t>
  </si>
  <si>
    <t>Hillingdon 001</t>
  </si>
  <si>
    <t>E01002474</t>
  </si>
  <si>
    <t>Hillingdon 002B</t>
  </si>
  <si>
    <t>E01002475</t>
  </si>
  <si>
    <t>Hillingdon 001B</t>
  </si>
  <si>
    <t>E01002476</t>
  </si>
  <si>
    <t>Hillingdon 001C</t>
  </si>
  <si>
    <t>E01002477</t>
  </si>
  <si>
    <t>Hillingdon 001D</t>
  </si>
  <si>
    <t>E01002478</t>
  </si>
  <si>
    <t>Hillingdon 002C</t>
  </si>
  <si>
    <t>E01002479</t>
  </si>
  <si>
    <t>Hillingdon 004C</t>
  </si>
  <si>
    <t>E01002480</t>
  </si>
  <si>
    <t>Hillingdon 004D</t>
  </si>
  <si>
    <t>E01002481</t>
  </si>
  <si>
    <t>Hillingdon 004E</t>
  </si>
  <si>
    <t>E01002482</t>
  </si>
  <si>
    <t>Hillingdon 001E</t>
  </si>
  <si>
    <t>E01002483</t>
  </si>
  <si>
    <t>Hillingdon 002D</t>
  </si>
  <si>
    <t>E01002484</t>
  </si>
  <si>
    <t>Hillingdon 002E</t>
  </si>
  <si>
    <t>E01002485</t>
  </si>
  <si>
    <t>Hillingdon 002F</t>
  </si>
  <si>
    <t>E01002494</t>
  </si>
  <si>
    <t>Hillingdon 009C</t>
  </si>
  <si>
    <t>E01002495</t>
  </si>
  <si>
    <t>Hillingdon 010E</t>
  </si>
  <si>
    <t>E01002496</t>
  </si>
  <si>
    <t>Hillingdon 033A</t>
  </si>
  <si>
    <t>E02006796</t>
  </si>
  <si>
    <t>Hillingdon 033</t>
  </si>
  <si>
    <t>E01002497</t>
  </si>
  <si>
    <t>Hillingdon 033B</t>
  </si>
  <si>
    <t>E01002498</t>
  </si>
  <si>
    <t>Hillingdon 033C</t>
  </si>
  <si>
    <t>E01002499</t>
  </si>
  <si>
    <t>Hillingdon 033D</t>
  </si>
  <si>
    <t>E01002533</t>
  </si>
  <si>
    <t>Hillingdon 005A</t>
  </si>
  <si>
    <t>E02000498</t>
  </si>
  <si>
    <t>Hillingdon 005</t>
  </si>
  <si>
    <t>E01002534</t>
  </si>
  <si>
    <t>Hillingdon 005B</t>
  </si>
  <si>
    <t>E01002535</t>
  </si>
  <si>
    <t>Hillingdon 007E</t>
  </si>
  <si>
    <t>E01002536</t>
  </si>
  <si>
    <t>Hillingdon 009D</t>
  </si>
  <si>
    <t>E01002537</t>
  </si>
  <si>
    <t>Hillingdon 009E</t>
  </si>
  <si>
    <t>E01002538</t>
  </si>
  <si>
    <t>Hillingdon 005C</t>
  </si>
  <si>
    <t>E01002539</t>
  </si>
  <si>
    <t>Hillingdon 005D</t>
  </si>
  <si>
    <t>E01002571</t>
  </si>
  <si>
    <t>Hounslow 007A</t>
  </si>
  <si>
    <t>E02000532</t>
  </si>
  <si>
    <t>Hounslow 007</t>
  </si>
  <si>
    <t>E09000018</t>
  </si>
  <si>
    <t>Hounslow</t>
  </si>
  <si>
    <t>E01002573</t>
  </si>
  <si>
    <t>Hounslow 001C</t>
  </si>
  <si>
    <t>E02000526</t>
  </si>
  <si>
    <t>Hounslow 001</t>
  </si>
  <si>
    <t>E01002574</t>
  </si>
  <si>
    <t>Hounslow 001D</t>
  </si>
  <si>
    <t>E01002575</t>
  </si>
  <si>
    <t>Hounslow 001E</t>
  </si>
  <si>
    <t>E01002579</t>
  </si>
  <si>
    <t>Hounslow 008B</t>
  </si>
  <si>
    <t>E02000533</t>
  </si>
  <si>
    <t>Hounslow 008</t>
  </si>
  <si>
    <t>E01002650</t>
  </si>
  <si>
    <t>Hounslow 021B</t>
  </si>
  <si>
    <t>E02000546</t>
  </si>
  <si>
    <t>Hounslow 021</t>
  </si>
  <si>
    <t>E01002672</t>
  </si>
  <si>
    <t>Hounslow 020D</t>
  </si>
  <si>
    <t>E02000545</t>
  </si>
  <si>
    <t>Hounslow 020</t>
  </si>
  <si>
    <t>E01002693</t>
  </si>
  <si>
    <t>Hounslow 029D</t>
  </si>
  <si>
    <t>E02006792</t>
  </si>
  <si>
    <t>Hounslow 029</t>
  </si>
  <si>
    <t>E01002694</t>
  </si>
  <si>
    <t>Islington 019A</t>
  </si>
  <si>
    <t>E02000572</t>
  </si>
  <si>
    <t>Islington 019</t>
  </si>
  <si>
    <t>E09000019</t>
  </si>
  <si>
    <t>Islington</t>
  </si>
  <si>
    <t>E01002695</t>
  </si>
  <si>
    <t>Islington 021A</t>
  </si>
  <si>
    <t>E02000574</t>
  </si>
  <si>
    <t>Islington 021</t>
  </si>
  <si>
    <t>E01002696</t>
  </si>
  <si>
    <t>Islington 020A</t>
  </si>
  <si>
    <t>E02000573</t>
  </si>
  <si>
    <t>Islington 020</t>
  </si>
  <si>
    <t>E01002697</t>
  </si>
  <si>
    <t>Islington 019B</t>
  </si>
  <si>
    <t>E01002698</t>
  </si>
  <si>
    <t>Islington 017A</t>
  </si>
  <si>
    <t>E02000570</t>
  </si>
  <si>
    <t>Islington 017</t>
  </si>
  <si>
    <t>E01002699</t>
  </si>
  <si>
    <t>Islington 017B</t>
  </si>
  <si>
    <t>E01002700</t>
  </si>
  <si>
    <t>Islington 017C</t>
  </si>
  <si>
    <t>E01002701</t>
  </si>
  <si>
    <t>Islington 023A</t>
  </si>
  <si>
    <t>E02000576</t>
  </si>
  <si>
    <t>Islington 023</t>
  </si>
  <si>
    <t>E01002702</t>
  </si>
  <si>
    <t>Islington 023B</t>
  </si>
  <si>
    <t>E01002703</t>
  </si>
  <si>
    <t>Islington 023C</t>
  </si>
  <si>
    <t>E01002704</t>
  </si>
  <si>
    <t>Islington 023D</t>
  </si>
  <si>
    <t>E01002706</t>
  </si>
  <si>
    <t>Islington 023E</t>
  </si>
  <si>
    <t>E01002707</t>
  </si>
  <si>
    <t>Islington 022B</t>
  </si>
  <si>
    <t>E02000575</t>
  </si>
  <si>
    <t>Islington 022</t>
  </si>
  <si>
    <t>E01002708</t>
  </si>
  <si>
    <t>Islington 015A</t>
  </si>
  <si>
    <t>E02000568</t>
  </si>
  <si>
    <t>Islington 015</t>
  </si>
  <si>
    <t>E01002709</t>
  </si>
  <si>
    <t>Islington 019C</t>
  </si>
  <si>
    <t>E01002710</t>
  </si>
  <si>
    <t>Islington 019D</t>
  </si>
  <si>
    <t>E01002711</t>
  </si>
  <si>
    <t>Islington 021B</t>
  </si>
  <si>
    <t>E01002712</t>
  </si>
  <si>
    <t>Islington 015B</t>
  </si>
  <si>
    <t>E01002713</t>
  </si>
  <si>
    <t>Islington 015C</t>
  </si>
  <si>
    <t>E01002714</t>
  </si>
  <si>
    <t>Islington 017D</t>
  </si>
  <si>
    <t>E01002715</t>
  </si>
  <si>
    <t>Islington 019E</t>
  </si>
  <si>
    <t>E01002716</t>
  </si>
  <si>
    <t>Islington 014A</t>
  </si>
  <si>
    <t>E02000567</t>
  </si>
  <si>
    <t>Islington 014</t>
  </si>
  <si>
    <t>E01002717</t>
  </si>
  <si>
    <t>Islington 016A</t>
  </si>
  <si>
    <t>E02000569</t>
  </si>
  <si>
    <t>Islington 016</t>
  </si>
  <si>
    <t>E01002718</t>
  </si>
  <si>
    <t>Islington 014B</t>
  </si>
  <si>
    <t>E01002719</t>
  </si>
  <si>
    <t>Islington 016B</t>
  </si>
  <si>
    <t>E01002720</t>
  </si>
  <si>
    <t>Islington 016C</t>
  </si>
  <si>
    <t>E01002721</t>
  </si>
  <si>
    <t>Islington 014C</t>
  </si>
  <si>
    <t>E01002722</t>
  </si>
  <si>
    <t>Islington 018A</t>
  </si>
  <si>
    <t>E02000571</t>
  </si>
  <si>
    <t>Islington 018</t>
  </si>
  <si>
    <t>E01002723</t>
  </si>
  <si>
    <t>Islington 022C</t>
  </si>
  <si>
    <t>E01002724</t>
  </si>
  <si>
    <t>Islington 022D</t>
  </si>
  <si>
    <t>E01002725</t>
  </si>
  <si>
    <t>Islington 022E</t>
  </si>
  <si>
    <t>E01002726</t>
  </si>
  <si>
    <t>Islington 022F</t>
  </si>
  <si>
    <t>E01002727</t>
  </si>
  <si>
    <t>Islington 021C</t>
  </si>
  <si>
    <t>E01002728</t>
  </si>
  <si>
    <t>Islington 021D</t>
  </si>
  <si>
    <t>E01002729</t>
  </si>
  <si>
    <t>Islington 021E</t>
  </si>
  <si>
    <t>E01002730</t>
  </si>
  <si>
    <t>Islington 007A</t>
  </si>
  <si>
    <t>E02000560</t>
  </si>
  <si>
    <t>Islington 007</t>
  </si>
  <si>
    <t>E01002732</t>
  </si>
  <si>
    <t>Islington 005A</t>
  </si>
  <si>
    <t>E02000558</t>
  </si>
  <si>
    <t>Islington 005</t>
  </si>
  <si>
    <t>E01002733</t>
  </si>
  <si>
    <t>Islington 007C</t>
  </si>
  <si>
    <t>E01002734</t>
  </si>
  <si>
    <t>Islington 005B</t>
  </si>
  <si>
    <t>E01002735</t>
  </si>
  <si>
    <t>Islington 003A</t>
  </si>
  <si>
    <t>E02000556</t>
  </si>
  <si>
    <t>Islington 003</t>
  </si>
  <si>
    <t>E01002736</t>
  </si>
  <si>
    <t>Islington 005C</t>
  </si>
  <si>
    <t>E01002737</t>
  </si>
  <si>
    <t>Islington 005D</t>
  </si>
  <si>
    <t>E01002738</t>
  </si>
  <si>
    <t>Islington 009A</t>
  </si>
  <si>
    <t>E02000562</t>
  </si>
  <si>
    <t>Islington 009</t>
  </si>
  <si>
    <t>E01002739</t>
  </si>
  <si>
    <t>Islington 013A</t>
  </si>
  <si>
    <t>E02000566</t>
  </si>
  <si>
    <t>Islington 013</t>
  </si>
  <si>
    <t>E01002740</t>
  </si>
  <si>
    <t>Islington 013B</t>
  </si>
  <si>
    <t>E01002741</t>
  </si>
  <si>
    <t>Islington 009B</t>
  </si>
  <si>
    <t>E01002742</t>
  </si>
  <si>
    <t>Islington 006A</t>
  </si>
  <si>
    <t>E02000559</t>
  </si>
  <si>
    <t>Islington 006</t>
  </si>
  <si>
    <t>E01002743</t>
  </si>
  <si>
    <t>Islington 009C</t>
  </si>
  <si>
    <t>E01002744</t>
  </si>
  <si>
    <t>Islington 009D</t>
  </si>
  <si>
    <t>E01002745</t>
  </si>
  <si>
    <t>Islington 013C</t>
  </si>
  <si>
    <t>E01002747</t>
  </si>
  <si>
    <t>Islington 006B</t>
  </si>
  <si>
    <t>E01002748</t>
  </si>
  <si>
    <t>Islington 006C</t>
  </si>
  <si>
    <t>E01002749</t>
  </si>
  <si>
    <t>Islington 006D</t>
  </si>
  <si>
    <t>E01002751</t>
  </si>
  <si>
    <t>Islington 005E</t>
  </si>
  <si>
    <t>E01002752</t>
  </si>
  <si>
    <t>Islington 009E</t>
  </si>
  <si>
    <t>E01002753</t>
  </si>
  <si>
    <t>Islington 002A</t>
  </si>
  <si>
    <t>E02000555</t>
  </si>
  <si>
    <t>Islington 002</t>
  </si>
  <si>
    <t>E01002754</t>
  </si>
  <si>
    <t>Islington 002B</t>
  </si>
  <si>
    <t>E01002755</t>
  </si>
  <si>
    <t>Islington 001A</t>
  </si>
  <si>
    <t>E02000554</t>
  </si>
  <si>
    <t>Islington 001</t>
  </si>
  <si>
    <t>E01002756</t>
  </si>
  <si>
    <t>Islington 001B</t>
  </si>
  <si>
    <t>E01002757</t>
  </si>
  <si>
    <t>Islington 002C</t>
  </si>
  <si>
    <t>E01002758</t>
  </si>
  <si>
    <t>Islington 001C</t>
  </si>
  <si>
    <t>E01002759</t>
  </si>
  <si>
    <t>Islington 002D</t>
  </si>
  <si>
    <t>E01002760</t>
  </si>
  <si>
    <t>Islington 002E</t>
  </si>
  <si>
    <t>E01002762</t>
  </si>
  <si>
    <t>Islington 011C</t>
  </si>
  <si>
    <t>E02000564</t>
  </si>
  <si>
    <t>Islington 011</t>
  </si>
  <si>
    <t>E01002763</t>
  </si>
  <si>
    <t>Islington 007D</t>
  </si>
  <si>
    <t>E01002764</t>
  </si>
  <si>
    <t>Islington 010A</t>
  </si>
  <si>
    <t>E02000563</t>
  </si>
  <si>
    <t>Islington 010</t>
  </si>
  <si>
    <t>E01002765</t>
  </si>
  <si>
    <t>Islington 015D</t>
  </si>
  <si>
    <t>E01002766</t>
  </si>
  <si>
    <t>Islington 015E</t>
  </si>
  <si>
    <t>E01002767</t>
  </si>
  <si>
    <t>Islington 011D</t>
  </si>
  <si>
    <t>E01002768</t>
  </si>
  <si>
    <t>Islington 004A</t>
  </si>
  <si>
    <t>E02000557</t>
  </si>
  <si>
    <t>Islington 004</t>
  </si>
  <si>
    <t>E01002769</t>
  </si>
  <si>
    <t>Islington 008A</t>
  </si>
  <si>
    <t>E02000561</t>
  </si>
  <si>
    <t>Islington 008</t>
  </si>
  <si>
    <t>E01002770</t>
  </si>
  <si>
    <t>Islington 004B</t>
  </si>
  <si>
    <t>E01002771</t>
  </si>
  <si>
    <t>Islington 004C</t>
  </si>
  <si>
    <t>E01002772</t>
  </si>
  <si>
    <t>Islington 002F</t>
  </si>
  <si>
    <t>E01002773</t>
  </si>
  <si>
    <t>Islington 004D</t>
  </si>
  <si>
    <t>E01002774</t>
  </si>
  <si>
    <t>Islington 004E</t>
  </si>
  <si>
    <t>E01002775</t>
  </si>
  <si>
    <t>Islington 014D</t>
  </si>
  <si>
    <t>E01002776</t>
  </si>
  <si>
    <t>Islington 014E</t>
  </si>
  <si>
    <t>E01002777</t>
  </si>
  <si>
    <t>Islington 012A</t>
  </si>
  <si>
    <t>E02000565</t>
  </si>
  <si>
    <t>Islington 012</t>
  </si>
  <si>
    <t>E01002778</t>
  </si>
  <si>
    <t>Islington 012B</t>
  </si>
  <si>
    <t>E01002779</t>
  </si>
  <si>
    <t>Islington 012C</t>
  </si>
  <si>
    <t>E01002780</t>
  </si>
  <si>
    <t>Islington 014F</t>
  </si>
  <si>
    <t>E01002781</t>
  </si>
  <si>
    <t>Islington 012D</t>
  </si>
  <si>
    <t>E01002782</t>
  </si>
  <si>
    <t>Islington 012E</t>
  </si>
  <si>
    <t>E01002783</t>
  </si>
  <si>
    <t>Islington 010B</t>
  </si>
  <si>
    <t>E01002784</t>
  </si>
  <si>
    <t>Islington 010C</t>
  </si>
  <si>
    <t>E01002785</t>
  </si>
  <si>
    <t>Islington 008B</t>
  </si>
  <si>
    <t>E01002786</t>
  </si>
  <si>
    <t>Islington 010D</t>
  </si>
  <si>
    <t>E01002787</t>
  </si>
  <si>
    <t>Islington 010E</t>
  </si>
  <si>
    <t>E01002788</t>
  </si>
  <si>
    <t>Islington 008C</t>
  </si>
  <si>
    <t>E01002789</t>
  </si>
  <si>
    <t>Islington 008D</t>
  </si>
  <si>
    <t>E01002790</t>
  </si>
  <si>
    <t>Islington 016D</t>
  </si>
  <si>
    <t>E01002791</t>
  </si>
  <si>
    <t>Islington 016E</t>
  </si>
  <si>
    <t>E01002792</t>
  </si>
  <si>
    <t>Islington 017E</t>
  </si>
  <si>
    <t>E01002793</t>
  </si>
  <si>
    <t>Islington 016F</t>
  </si>
  <si>
    <t>E01002794</t>
  </si>
  <si>
    <t>Islington 020B</t>
  </si>
  <si>
    <t>E01002795</t>
  </si>
  <si>
    <t>Islington 013D</t>
  </si>
  <si>
    <t>E01002796</t>
  </si>
  <si>
    <t>Islington 013E</t>
  </si>
  <si>
    <t>E01002797</t>
  </si>
  <si>
    <t>Islington 018B</t>
  </si>
  <si>
    <t>E01002798</t>
  </si>
  <si>
    <t>Islington 018C</t>
  </si>
  <si>
    <t>E01002799</t>
  </si>
  <si>
    <t>Islington 018D</t>
  </si>
  <si>
    <t>E01002800</t>
  </si>
  <si>
    <t>Islington 018E</t>
  </si>
  <si>
    <t>E01002801</t>
  </si>
  <si>
    <t>Islington 020C</t>
  </si>
  <si>
    <t>E01002802</t>
  </si>
  <si>
    <t>Islington 020D</t>
  </si>
  <si>
    <t>E01002804</t>
  </si>
  <si>
    <t>Islington 001D</t>
  </si>
  <si>
    <t>E01002805</t>
  </si>
  <si>
    <t>Islington 003B</t>
  </si>
  <si>
    <t>E01002806</t>
  </si>
  <si>
    <t>Islington 003C</t>
  </si>
  <si>
    <t>E01002807</t>
  </si>
  <si>
    <t>Islington 001E</t>
  </si>
  <si>
    <t>E01002808</t>
  </si>
  <si>
    <t>Islington 003D</t>
  </si>
  <si>
    <t>E01002809</t>
  </si>
  <si>
    <t>Islington 003E</t>
  </si>
  <si>
    <t>E01002810</t>
  </si>
  <si>
    <t>Islington 003F</t>
  </si>
  <si>
    <t>E01002811</t>
  </si>
  <si>
    <t>Islington 001F</t>
  </si>
  <si>
    <t>E01002812</t>
  </si>
  <si>
    <t>Kensington and Chelsea 013A</t>
  </si>
  <si>
    <t>E02000589</t>
  </si>
  <si>
    <t>Kensington and Chelsea 013</t>
  </si>
  <si>
    <t>E09000020</t>
  </si>
  <si>
    <t>Kensington and Chelsea</t>
  </si>
  <si>
    <t>E01002813</t>
  </si>
  <si>
    <t>Kensington and Chelsea 011A</t>
  </si>
  <si>
    <t>E02000587</t>
  </si>
  <si>
    <t>Kensington and Chelsea 011</t>
  </si>
  <si>
    <t>E01002814</t>
  </si>
  <si>
    <t>Kensington and Chelsea 015A</t>
  </si>
  <si>
    <t>E02000591</t>
  </si>
  <si>
    <t>Kensington and Chelsea 015</t>
  </si>
  <si>
    <t>E01002815</t>
  </si>
  <si>
    <t>Kensington and Chelsea 011B</t>
  </si>
  <si>
    <t>E01002816</t>
  </si>
  <si>
    <t>Kensington and Chelsea 011C</t>
  </si>
  <si>
    <t>E01002817</t>
  </si>
  <si>
    <t>Kensington and Chelsea 011D</t>
  </si>
  <si>
    <t>E01002818</t>
  </si>
  <si>
    <t>Kensington and Chelsea 012A</t>
  </si>
  <si>
    <t>E02000588</t>
  </si>
  <si>
    <t>Kensington and Chelsea 012</t>
  </si>
  <si>
    <t>E01002819</t>
  </si>
  <si>
    <t>Kensington and Chelsea 012B</t>
  </si>
  <si>
    <t>E01002821</t>
  </si>
  <si>
    <t>Kensington and Chelsea 014A</t>
  </si>
  <si>
    <t>E02000590</t>
  </si>
  <si>
    <t>Kensington and Chelsea 014</t>
  </si>
  <si>
    <t>E01002823</t>
  </si>
  <si>
    <t>Kensington and Chelsea 014B</t>
  </si>
  <si>
    <t>E01002824</t>
  </si>
  <si>
    <t>Kensington and Chelsea 008A</t>
  </si>
  <si>
    <t>E02000584</t>
  </si>
  <si>
    <t>Kensington and Chelsea 008</t>
  </si>
  <si>
    <t>E01002825</t>
  </si>
  <si>
    <t>Kensington and Chelsea 008B</t>
  </si>
  <si>
    <t>E01002826</t>
  </si>
  <si>
    <t>Kensington and Chelsea 008C</t>
  </si>
  <si>
    <t>E01002827</t>
  </si>
  <si>
    <t>Kensington and Chelsea 008D</t>
  </si>
  <si>
    <t>E01002828</t>
  </si>
  <si>
    <t>Kensington and Chelsea 008E</t>
  </si>
  <si>
    <t>E01002829</t>
  </si>
  <si>
    <t>Kensington and Chelsea 004A</t>
  </si>
  <si>
    <t>E02000580</t>
  </si>
  <si>
    <t>Kensington and Chelsea 004</t>
  </si>
  <si>
    <t>E01002830</t>
  </si>
  <si>
    <t>Kensington and Chelsea 004B</t>
  </si>
  <si>
    <t>E01002831</t>
  </si>
  <si>
    <t>Kensington and Chelsea 004C</t>
  </si>
  <si>
    <t>E01002832</t>
  </si>
  <si>
    <t>Kensington and Chelsea 004D</t>
  </si>
  <si>
    <t>E01002833</t>
  </si>
  <si>
    <t>Kensington and Chelsea 007A</t>
  </si>
  <si>
    <t>E02000583</t>
  </si>
  <si>
    <t>Kensington and Chelsea 007</t>
  </si>
  <si>
    <t>E01002834</t>
  </si>
  <si>
    <t>Kensington and Chelsea 013B</t>
  </si>
  <si>
    <t>E01002835</t>
  </si>
  <si>
    <t>Kensington and Chelsea 016C</t>
  </si>
  <si>
    <t>E02000592</t>
  </si>
  <si>
    <t>Kensington and Chelsea 016</t>
  </si>
  <si>
    <t>E01002836</t>
  </si>
  <si>
    <t>Kensington and Chelsea 016D</t>
  </si>
  <si>
    <t>E01002837</t>
  </si>
  <si>
    <t>Kensington and Chelsea 016E</t>
  </si>
  <si>
    <t>E01002839</t>
  </si>
  <si>
    <t>Kensington and Chelsea 013C</t>
  </si>
  <si>
    <t>E01002840</t>
  </si>
  <si>
    <t>Kensington and Chelsea 021A</t>
  </si>
  <si>
    <t>E02000597</t>
  </si>
  <si>
    <t>Kensington and Chelsea 021</t>
  </si>
  <si>
    <t>E01002841</t>
  </si>
  <si>
    <t>Kensington and Chelsea 021B</t>
  </si>
  <si>
    <t>E01002842</t>
  </si>
  <si>
    <t>Kensington and Chelsea 021C</t>
  </si>
  <si>
    <t>E01002843</t>
  </si>
  <si>
    <t>Kensington and Chelsea 021D</t>
  </si>
  <si>
    <t>E01002844</t>
  </si>
  <si>
    <t>Kensington and Chelsea 019A</t>
  </si>
  <si>
    <t>E02000595</t>
  </si>
  <si>
    <t>Kensington and Chelsea 019</t>
  </si>
  <si>
    <t>E01002845</t>
  </si>
  <si>
    <t>Kensington and Chelsea 019B</t>
  </si>
  <si>
    <t>E01002846</t>
  </si>
  <si>
    <t>Kensington and Chelsea 017A</t>
  </si>
  <si>
    <t>E02000593</t>
  </si>
  <si>
    <t>Kensington and Chelsea 017</t>
  </si>
  <si>
    <t>E01002847</t>
  </si>
  <si>
    <t>Kensington and Chelsea 015B</t>
  </si>
  <si>
    <t>E01002848</t>
  </si>
  <si>
    <t>Kensington and Chelsea 015C</t>
  </si>
  <si>
    <t>E01002849</t>
  </si>
  <si>
    <t>Kensington and Chelsea 017B</t>
  </si>
  <si>
    <t>E01002850</t>
  </si>
  <si>
    <t>Kensington and Chelsea 013D</t>
  </si>
  <si>
    <t>E01002851</t>
  </si>
  <si>
    <t>Kensington and Chelsea 015D</t>
  </si>
  <si>
    <t>E01002852</t>
  </si>
  <si>
    <t>Kensington and Chelsea 001A</t>
  </si>
  <si>
    <t>E02000577</t>
  </si>
  <si>
    <t>Kensington and Chelsea 001</t>
  </si>
  <si>
    <t>E01002853</t>
  </si>
  <si>
    <t>Kensington and Chelsea 001B</t>
  </si>
  <si>
    <t>E01002854</t>
  </si>
  <si>
    <t>Kensington and Chelsea 001C</t>
  </si>
  <si>
    <t>E01002855</t>
  </si>
  <si>
    <t>Kensington and Chelsea 001D</t>
  </si>
  <si>
    <t>E01002856</t>
  </si>
  <si>
    <t>Kensington and Chelsea 004E</t>
  </si>
  <si>
    <t>E01002857</t>
  </si>
  <si>
    <t>Kensington and Chelsea 001E</t>
  </si>
  <si>
    <t>E01002858</t>
  </si>
  <si>
    <t>Kensington and Chelsea 014C</t>
  </si>
  <si>
    <t>E01002859</t>
  </si>
  <si>
    <t>Kensington and Chelsea 012C</t>
  </si>
  <si>
    <t>E01002860</t>
  </si>
  <si>
    <t>Kensington and Chelsea 012D</t>
  </si>
  <si>
    <t>E01002861</t>
  </si>
  <si>
    <t>Kensington and Chelsea 014D</t>
  </si>
  <si>
    <t>E01002862</t>
  </si>
  <si>
    <t>Kensington and Chelsea 014E</t>
  </si>
  <si>
    <t>E01002863</t>
  </si>
  <si>
    <t>Kensington and Chelsea 012E</t>
  </si>
  <si>
    <t>E01002864</t>
  </si>
  <si>
    <t>Kensington and Chelsea 009A</t>
  </si>
  <si>
    <t>E02000585</t>
  </si>
  <si>
    <t>Kensington and Chelsea 009</t>
  </si>
  <si>
    <t>E01002865</t>
  </si>
  <si>
    <t>Kensington and Chelsea 011E</t>
  </si>
  <si>
    <t>E01002866</t>
  </si>
  <si>
    <t>Kensington and Chelsea 009B</t>
  </si>
  <si>
    <t>E01002867</t>
  </si>
  <si>
    <t>Kensington and Chelsea 009C</t>
  </si>
  <si>
    <t>E01002868</t>
  </si>
  <si>
    <t>Kensington and Chelsea 009D</t>
  </si>
  <si>
    <t>E01002869</t>
  </si>
  <si>
    <t>Kensington and Chelsea 009E</t>
  </si>
  <si>
    <t>E01002870</t>
  </si>
  <si>
    <t>Kensington and Chelsea 005A</t>
  </si>
  <si>
    <t>E02000581</t>
  </si>
  <si>
    <t>Kensington and Chelsea 005</t>
  </si>
  <si>
    <t>E01002871</t>
  </si>
  <si>
    <t>Kensington and Chelsea 007B</t>
  </si>
  <si>
    <t>E01002872</t>
  </si>
  <si>
    <t>Kensington and Chelsea 005B</t>
  </si>
  <si>
    <t>E01002873</t>
  </si>
  <si>
    <t>Kensington and Chelsea 007C</t>
  </si>
  <si>
    <t>E01002874</t>
  </si>
  <si>
    <t>Kensington and Chelsea 007D</t>
  </si>
  <si>
    <t>E01002875</t>
  </si>
  <si>
    <t>Kensington and Chelsea 007E</t>
  </si>
  <si>
    <t>E01002876</t>
  </si>
  <si>
    <t>Kensington and Chelsea 003A</t>
  </si>
  <si>
    <t>E02000579</t>
  </si>
  <si>
    <t>Kensington and Chelsea 003</t>
  </si>
  <si>
    <t>E01002877</t>
  </si>
  <si>
    <t>Kensington and Chelsea 003B</t>
  </si>
  <si>
    <t>E01002878</t>
  </si>
  <si>
    <t>Kensington and Chelsea 003C</t>
  </si>
  <si>
    <t>E01002879</t>
  </si>
  <si>
    <t>Kensington and Chelsea 005C</t>
  </si>
  <si>
    <t>E01002880</t>
  </si>
  <si>
    <t>Kensington and Chelsea 005D</t>
  </si>
  <si>
    <t>E01002881</t>
  </si>
  <si>
    <t>Kensington and Chelsea 005E</t>
  </si>
  <si>
    <t>E01002882</t>
  </si>
  <si>
    <t>Kensington and Chelsea 006A</t>
  </si>
  <si>
    <t>E02000582</t>
  </si>
  <si>
    <t>Kensington and Chelsea 006</t>
  </si>
  <si>
    <t>E01002883</t>
  </si>
  <si>
    <t>Kensington and Chelsea 006B</t>
  </si>
  <si>
    <t>E01002884</t>
  </si>
  <si>
    <t>Kensington and Chelsea 006C</t>
  </si>
  <si>
    <t>E01002885</t>
  </si>
  <si>
    <t>Kensington and Chelsea 006D</t>
  </si>
  <si>
    <t>E01002886</t>
  </si>
  <si>
    <t>Kensington and Chelsea 006E</t>
  </si>
  <si>
    <t>E01002887</t>
  </si>
  <si>
    <t>Kensington and Chelsea 010A</t>
  </si>
  <si>
    <t>E02000586</t>
  </si>
  <si>
    <t>Kensington and Chelsea 010</t>
  </si>
  <si>
    <t>E01002888</t>
  </si>
  <si>
    <t>Kensington and Chelsea 013E</t>
  </si>
  <si>
    <t>E01002889</t>
  </si>
  <si>
    <t>Kensington and Chelsea 010B</t>
  </si>
  <si>
    <t>E01002890</t>
  </si>
  <si>
    <t>Kensington and Chelsea 010C</t>
  </si>
  <si>
    <t>E01002891</t>
  </si>
  <si>
    <t>Kensington and Chelsea 010D</t>
  </si>
  <si>
    <t>E01002892</t>
  </si>
  <si>
    <t>Kensington and Chelsea 010E</t>
  </si>
  <si>
    <t>E01002893</t>
  </si>
  <si>
    <t>Kensington and Chelsea 017C</t>
  </si>
  <si>
    <t>E01002894</t>
  </si>
  <si>
    <t>Kensington and Chelsea 017D</t>
  </si>
  <si>
    <t>E01002896</t>
  </si>
  <si>
    <t>Kensington and Chelsea 020C</t>
  </si>
  <si>
    <t>E02000596</t>
  </si>
  <si>
    <t>Kensington and Chelsea 020</t>
  </si>
  <si>
    <t>E01002897</t>
  </si>
  <si>
    <t>Kensington and Chelsea 020D</t>
  </si>
  <si>
    <t>E01002898</t>
  </si>
  <si>
    <t>Kensington and Chelsea 017E</t>
  </si>
  <si>
    <t>E01002899</t>
  </si>
  <si>
    <t>Kensington and Chelsea 018A</t>
  </si>
  <si>
    <t>E02000594</t>
  </si>
  <si>
    <t>Kensington and Chelsea 018</t>
  </si>
  <si>
    <t>E01002900</t>
  </si>
  <si>
    <t>Kensington and Chelsea 018B</t>
  </si>
  <si>
    <t>E01002901</t>
  </si>
  <si>
    <t>Kensington and Chelsea 018C</t>
  </si>
  <si>
    <t>E01002902</t>
  </si>
  <si>
    <t>Kensington and Chelsea 018D</t>
  </si>
  <si>
    <t>E01002903</t>
  </si>
  <si>
    <t>Kensington and Chelsea 018E</t>
  </si>
  <si>
    <t>E01002904</t>
  </si>
  <si>
    <t>Kensington and Chelsea 002A</t>
  </si>
  <si>
    <t>E02000578</t>
  </si>
  <si>
    <t>Kensington and Chelsea 002</t>
  </si>
  <si>
    <t>E01002905</t>
  </si>
  <si>
    <t>Kensington and Chelsea 002B</t>
  </si>
  <si>
    <t>E01002906</t>
  </si>
  <si>
    <t>Kensington and Chelsea 002C</t>
  </si>
  <si>
    <t>E01002907</t>
  </si>
  <si>
    <t>Kensington and Chelsea 002D</t>
  </si>
  <si>
    <t>E01002908</t>
  </si>
  <si>
    <t>Kensington and Chelsea 003D</t>
  </si>
  <si>
    <t>E01002909</t>
  </si>
  <si>
    <t>Kensington and Chelsea 003E</t>
  </si>
  <si>
    <t>E01002910</t>
  </si>
  <si>
    <t>Kensington and Chelsea 019C</t>
  </si>
  <si>
    <t>E01002911</t>
  </si>
  <si>
    <t>Kensington and Chelsea 019D</t>
  </si>
  <si>
    <t>E01002912</t>
  </si>
  <si>
    <t>Kensington and Chelsea 020E</t>
  </si>
  <si>
    <t>E01002913</t>
  </si>
  <si>
    <t>Kensington and Chelsea 021E</t>
  </si>
  <si>
    <t>E01002914</t>
  </si>
  <si>
    <t>Kensington and Chelsea 019E</t>
  </si>
  <si>
    <t>E01002915</t>
  </si>
  <si>
    <t>Kingston upon Thames 014A</t>
  </si>
  <si>
    <t>E02000611</t>
  </si>
  <si>
    <t>Kingston upon Thames 014</t>
  </si>
  <si>
    <t>E09000021</t>
  </si>
  <si>
    <t>Kingston upon Thames</t>
  </si>
  <si>
    <t>E01002916</t>
  </si>
  <si>
    <t>Kingston upon Thames 014B</t>
  </si>
  <si>
    <t>E01002917</t>
  </si>
  <si>
    <t>Kingston upon Thames 014C</t>
  </si>
  <si>
    <t>E01002918</t>
  </si>
  <si>
    <t>Kingston upon Thames 017A</t>
  </si>
  <si>
    <t>E02000614</t>
  </si>
  <si>
    <t>Kingston upon Thames 017</t>
  </si>
  <si>
    <t>E01002919</t>
  </si>
  <si>
    <t>Kingston upon Thames 017B</t>
  </si>
  <si>
    <t>E01002920</t>
  </si>
  <si>
    <t>Kingston upon Thames 014D</t>
  </si>
  <si>
    <t>E01002921</t>
  </si>
  <si>
    <t>Kingston upon Thames 011A</t>
  </si>
  <si>
    <t>E02000608</t>
  </si>
  <si>
    <t>Kingston upon Thames 011</t>
  </si>
  <si>
    <t>E01002922</t>
  </si>
  <si>
    <t>Kingston upon Thames 010A</t>
  </si>
  <si>
    <t>E02000607</t>
  </si>
  <si>
    <t>Kingston upon Thames 010</t>
  </si>
  <si>
    <t>E01002923</t>
  </si>
  <si>
    <t>Kingston upon Thames 013A</t>
  </si>
  <si>
    <t>E02000610</t>
  </si>
  <si>
    <t>Kingston upon Thames 013</t>
  </si>
  <si>
    <t>E01002924</t>
  </si>
  <si>
    <t>Kingston upon Thames 014E</t>
  </si>
  <si>
    <t>E01002925</t>
  </si>
  <si>
    <t>Kingston upon Thames 013B</t>
  </si>
  <si>
    <t>E01002926</t>
  </si>
  <si>
    <t>Kingston upon Thames 010B</t>
  </si>
  <si>
    <t>E01002927</t>
  </si>
  <si>
    <t>Kingston upon Thames 008A</t>
  </si>
  <si>
    <t>E02000605</t>
  </si>
  <si>
    <t>Kingston upon Thames 008</t>
  </si>
  <si>
    <t>E01002928</t>
  </si>
  <si>
    <t>Kingston upon Thames 008B</t>
  </si>
  <si>
    <t>E01002929</t>
  </si>
  <si>
    <t>Kingston upon Thames 007A</t>
  </si>
  <si>
    <t>E02000604</t>
  </si>
  <si>
    <t>Kingston upon Thames 007</t>
  </si>
  <si>
    <t>E01002930</t>
  </si>
  <si>
    <t>Kingston upon Thames 007B</t>
  </si>
  <si>
    <t>E01002931</t>
  </si>
  <si>
    <t>Kingston upon Thames 007C</t>
  </si>
  <si>
    <t>E01002932</t>
  </si>
  <si>
    <t>Kingston upon Thames 006A</t>
  </si>
  <si>
    <t>E02000603</t>
  </si>
  <si>
    <t>Kingston upon Thames 006</t>
  </si>
  <si>
    <t>E01002933</t>
  </si>
  <si>
    <t>Kingston upon Thames 004A</t>
  </si>
  <si>
    <t>E02000601</t>
  </si>
  <si>
    <t>Kingston upon Thames 004</t>
  </si>
  <si>
    <t>E01002934</t>
  </si>
  <si>
    <t>Kingston upon Thames 004B</t>
  </si>
  <si>
    <t>E01002935</t>
  </si>
  <si>
    <t>Kingston upon Thames 003A</t>
  </si>
  <si>
    <t>E02000600</t>
  </si>
  <si>
    <t>Kingston upon Thames 003</t>
  </si>
  <si>
    <t>E01002937</t>
  </si>
  <si>
    <t>Kingston upon Thames 004D</t>
  </si>
  <si>
    <t>E01002938</t>
  </si>
  <si>
    <t>Kingston upon Thames 003B</t>
  </si>
  <si>
    <t>E01002939</t>
  </si>
  <si>
    <t>Kingston upon Thames 018A</t>
  </si>
  <si>
    <t>E02000615</t>
  </si>
  <si>
    <t>Kingston upon Thames 018</t>
  </si>
  <si>
    <t>E01002940</t>
  </si>
  <si>
    <t>Kingston upon Thames 020A</t>
  </si>
  <si>
    <t>E02000617</t>
  </si>
  <si>
    <t>Kingston upon Thames 020</t>
  </si>
  <si>
    <t>E01002941</t>
  </si>
  <si>
    <t>Kingston upon Thames 018B</t>
  </si>
  <si>
    <t>E01002942</t>
  </si>
  <si>
    <t>Kingston upon Thames 018C</t>
  </si>
  <si>
    <t>E01002943</t>
  </si>
  <si>
    <t>Kingston upon Thames 020B</t>
  </si>
  <si>
    <t>E01002944</t>
  </si>
  <si>
    <t>Kingston upon Thames 019A</t>
  </si>
  <si>
    <t>E02000616</t>
  </si>
  <si>
    <t>Kingston upon Thames 019</t>
  </si>
  <si>
    <t>E01002945</t>
  </si>
  <si>
    <t>Kingston upon Thames 019B</t>
  </si>
  <si>
    <t>E01002946</t>
  </si>
  <si>
    <t>Kingston upon Thames 019C</t>
  </si>
  <si>
    <t>E01002947</t>
  </si>
  <si>
    <t>Kingston upon Thames 019D</t>
  </si>
  <si>
    <t>E01002948</t>
  </si>
  <si>
    <t>Kingston upon Thames 020C</t>
  </si>
  <si>
    <t>E01002949</t>
  </si>
  <si>
    <t>Kingston upon Thames 020D</t>
  </si>
  <si>
    <t>E01002950</t>
  </si>
  <si>
    <t>Kingston upon Thames 020E</t>
  </si>
  <si>
    <t>E01002951</t>
  </si>
  <si>
    <t>Kingston upon Thames 003C</t>
  </si>
  <si>
    <t>E01002952</t>
  </si>
  <si>
    <t>Kingston upon Thames 002A</t>
  </si>
  <si>
    <t>E02000599</t>
  </si>
  <si>
    <t>Kingston upon Thames 002</t>
  </si>
  <si>
    <t>E01002953</t>
  </si>
  <si>
    <t>Kingston upon Thames 002B</t>
  </si>
  <si>
    <t>E01002954</t>
  </si>
  <si>
    <t>Kingston upon Thames 003D</t>
  </si>
  <si>
    <t>E01002955</t>
  </si>
  <si>
    <t>Kingston upon Thames 002C</t>
  </si>
  <si>
    <t>E01002956</t>
  </si>
  <si>
    <t>Kingston upon Thames 002D</t>
  </si>
  <si>
    <t>E01002957</t>
  </si>
  <si>
    <t>Kingston upon Thames 003E</t>
  </si>
  <si>
    <t>E01002958</t>
  </si>
  <si>
    <t>Kingston upon Thames 008C</t>
  </si>
  <si>
    <t>E01002959</t>
  </si>
  <si>
    <t>Kingston upon Thames 002E</t>
  </si>
  <si>
    <t>E01002960</t>
  </si>
  <si>
    <t>Kingston upon Thames 006B</t>
  </si>
  <si>
    <t>E01002961</t>
  </si>
  <si>
    <t>Kingston upon Thames 008D</t>
  </si>
  <si>
    <t>E01002962</t>
  </si>
  <si>
    <t>Kingston upon Thames 006C</t>
  </si>
  <si>
    <t>E01002963</t>
  </si>
  <si>
    <t>Kingston upon Thames 007D</t>
  </si>
  <si>
    <t>E01002964</t>
  </si>
  <si>
    <t>Kingston upon Thames 005A</t>
  </si>
  <si>
    <t>E02000602</t>
  </si>
  <si>
    <t>Kingston upon Thames 005</t>
  </si>
  <si>
    <t>E01002965</t>
  </si>
  <si>
    <t>Kingston upon Thames 009A</t>
  </si>
  <si>
    <t>E02000606</t>
  </si>
  <si>
    <t>Kingston upon Thames 009</t>
  </si>
  <si>
    <t>E01002966</t>
  </si>
  <si>
    <t>Kingston upon Thames 010C</t>
  </si>
  <si>
    <t>E01002967</t>
  </si>
  <si>
    <t>Kingston upon Thames 009B</t>
  </si>
  <si>
    <t>E01002968</t>
  </si>
  <si>
    <t>Kingston upon Thames 009C</t>
  </si>
  <si>
    <t>E01002969</t>
  </si>
  <si>
    <t>Kingston upon Thames 005B</t>
  </si>
  <si>
    <t>E01002970</t>
  </si>
  <si>
    <t>Kingston upon Thames 006D</t>
  </si>
  <si>
    <t>E01002971</t>
  </si>
  <si>
    <t>Kingston upon Thames 005C</t>
  </si>
  <si>
    <t>E01002972</t>
  </si>
  <si>
    <t>Kingston upon Thames 005D</t>
  </si>
  <si>
    <t>E01002973</t>
  </si>
  <si>
    <t>Kingston upon Thames 006E</t>
  </si>
  <si>
    <t>E01002974</t>
  </si>
  <si>
    <t>Kingston upon Thames 005E</t>
  </si>
  <si>
    <t>E01002975</t>
  </si>
  <si>
    <t>Kingston upon Thames 012A</t>
  </si>
  <si>
    <t>E02000609</t>
  </si>
  <si>
    <t>Kingston upon Thames 012</t>
  </si>
  <si>
    <t>E01002976</t>
  </si>
  <si>
    <t>Kingston upon Thames 015A</t>
  </si>
  <si>
    <t>E02000612</t>
  </si>
  <si>
    <t>Kingston upon Thames 015</t>
  </si>
  <si>
    <t>E01002977</t>
  </si>
  <si>
    <t>Kingston upon Thames 012B</t>
  </si>
  <si>
    <t>E01002978</t>
  </si>
  <si>
    <t>Kingston upon Thames 015B</t>
  </si>
  <si>
    <t>E01002979</t>
  </si>
  <si>
    <t>Kingston upon Thames 015C</t>
  </si>
  <si>
    <t>E01002980</t>
  </si>
  <si>
    <t>Kingston upon Thames 012C</t>
  </si>
  <si>
    <t>E01002981</t>
  </si>
  <si>
    <t>Kingston upon Thames 012D</t>
  </si>
  <si>
    <t>E01002982</t>
  </si>
  <si>
    <t>Kingston upon Thames 015D</t>
  </si>
  <si>
    <t>E01002983</t>
  </si>
  <si>
    <t>Kingston upon Thames 015E</t>
  </si>
  <si>
    <t>E01002984</t>
  </si>
  <si>
    <t>Kingston upon Thames 012E</t>
  </si>
  <si>
    <t>E01002985</t>
  </si>
  <si>
    <t>Kingston upon Thames 007E</t>
  </si>
  <si>
    <t>E01002986</t>
  </si>
  <si>
    <t>Kingston upon Thames 008E</t>
  </si>
  <si>
    <t>E01002987</t>
  </si>
  <si>
    <t>Kingston upon Thames 011B</t>
  </si>
  <si>
    <t>E01002988</t>
  </si>
  <si>
    <t>Kingston upon Thames 011C</t>
  </si>
  <si>
    <t>E01002989</t>
  </si>
  <si>
    <t>Kingston upon Thames 011D</t>
  </si>
  <si>
    <t>E01002990</t>
  </si>
  <si>
    <t>Kingston upon Thames 009D</t>
  </si>
  <si>
    <t>E01002991</t>
  </si>
  <si>
    <t>Kingston upon Thames 009E</t>
  </si>
  <si>
    <t>E01002992</t>
  </si>
  <si>
    <t>Kingston upon Thames 010D</t>
  </si>
  <si>
    <t>E01002993</t>
  </si>
  <si>
    <t>Kingston upon Thames 013C</t>
  </si>
  <si>
    <t>E01002994</t>
  </si>
  <si>
    <t>Kingston upon Thames 016A</t>
  </si>
  <si>
    <t>E02000613</t>
  </si>
  <si>
    <t>Kingston upon Thames 016</t>
  </si>
  <si>
    <t>E01002995</t>
  </si>
  <si>
    <t>Kingston upon Thames 013D</t>
  </si>
  <si>
    <t>E01002996</t>
  </si>
  <si>
    <t>Kingston upon Thames 016B</t>
  </si>
  <si>
    <t>E01002997</t>
  </si>
  <si>
    <t>Kingston upon Thames 016C</t>
  </si>
  <si>
    <t>E01002998</t>
  </si>
  <si>
    <t>Kingston upon Thames 016D</t>
  </si>
  <si>
    <t>E01002999</t>
  </si>
  <si>
    <t>Kingston upon Thames 013E</t>
  </si>
  <si>
    <t>E01003000</t>
  </si>
  <si>
    <t>Kingston upon Thames 017C</t>
  </si>
  <si>
    <t>E01003001</t>
  </si>
  <si>
    <t>Kingston upon Thames 017D</t>
  </si>
  <si>
    <t>E01003002</t>
  </si>
  <si>
    <t>Kingston upon Thames 016E</t>
  </si>
  <si>
    <t>E01003003</t>
  </si>
  <si>
    <t>Kingston upon Thames 017E</t>
  </si>
  <si>
    <t>E01003004</t>
  </si>
  <si>
    <t>Kingston upon Thames 018D</t>
  </si>
  <si>
    <t>E01003005</t>
  </si>
  <si>
    <t>Kingston upon Thames 018E</t>
  </si>
  <si>
    <t>E01003006</t>
  </si>
  <si>
    <t>Kingston upon Thames 001A</t>
  </si>
  <si>
    <t>E02000598</t>
  </si>
  <si>
    <t>Kingston upon Thames 001</t>
  </si>
  <si>
    <t>E01003007</t>
  </si>
  <si>
    <t>Kingston upon Thames 001B</t>
  </si>
  <si>
    <t>E01003008</t>
  </si>
  <si>
    <t>Kingston upon Thames 001C</t>
  </si>
  <si>
    <t>E01003009</t>
  </si>
  <si>
    <t>Kingston upon Thames 001D</t>
  </si>
  <si>
    <t>E01003010</t>
  </si>
  <si>
    <t>Kingston upon Thames 001E</t>
  </si>
  <si>
    <t>E01003011</t>
  </si>
  <si>
    <t>Kingston upon Thames 004E</t>
  </si>
  <si>
    <t>E01003013</t>
  </si>
  <si>
    <t>Lambeth 036A</t>
  </si>
  <si>
    <t>E02006801</t>
  </si>
  <si>
    <t>Lambeth 036</t>
  </si>
  <si>
    <t>E09000022</t>
  </si>
  <si>
    <t>Lambeth</t>
  </si>
  <si>
    <t>E01003014</t>
  </si>
  <si>
    <t>Lambeth 036B</t>
  </si>
  <si>
    <t>E01003015</t>
  </si>
  <si>
    <t>Lambeth 002A</t>
  </si>
  <si>
    <t>E02000619</t>
  </si>
  <si>
    <t>Lambeth 002</t>
  </si>
  <si>
    <t>E01003016</t>
  </si>
  <si>
    <t>Lambeth 036C</t>
  </si>
  <si>
    <t>E01003017</t>
  </si>
  <si>
    <t>Lambeth 036D</t>
  </si>
  <si>
    <t>E01003018</t>
  </si>
  <si>
    <t>Lambeth 020A</t>
  </si>
  <si>
    <t>E02000637</t>
  </si>
  <si>
    <t>Lambeth 020</t>
  </si>
  <si>
    <t>E01003019</t>
  </si>
  <si>
    <t>Lambeth 015A</t>
  </si>
  <si>
    <t>E02000632</t>
  </si>
  <si>
    <t>Lambeth 015</t>
  </si>
  <si>
    <t>E01003020</t>
  </si>
  <si>
    <t>Lambeth 016A</t>
  </si>
  <si>
    <t>E02000633</t>
  </si>
  <si>
    <t>Lambeth 016</t>
  </si>
  <si>
    <t>E01003021</t>
  </si>
  <si>
    <t>Lambeth 021A</t>
  </si>
  <si>
    <t>E02000638</t>
  </si>
  <si>
    <t>Lambeth 021</t>
  </si>
  <si>
    <t>E01003022</t>
  </si>
  <si>
    <t>Lambeth 021B</t>
  </si>
  <si>
    <t>E01003023</t>
  </si>
  <si>
    <t>Lambeth 021C</t>
  </si>
  <si>
    <t>E01003024</t>
  </si>
  <si>
    <t>Lambeth 021D</t>
  </si>
  <si>
    <t>E01003025</t>
  </si>
  <si>
    <t>Lambeth 021E</t>
  </si>
  <si>
    <t>E01003026</t>
  </si>
  <si>
    <t>Lambeth 019A</t>
  </si>
  <si>
    <t>E02000636</t>
  </si>
  <si>
    <t>Lambeth 019</t>
  </si>
  <si>
    <t>E01003027</t>
  </si>
  <si>
    <t>Lambeth 019B</t>
  </si>
  <si>
    <t>E01003028</t>
  </si>
  <si>
    <t>Lambeth 019C</t>
  </si>
  <si>
    <t>E01003029</t>
  </si>
  <si>
    <t>Lambeth 017A</t>
  </si>
  <si>
    <t>E02000634</t>
  </si>
  <si>
    <t>Lambeth 017</t>
  </si>
  <si>
    <t>E01003030</t>
  </si>
  <si>
    <t>Lambeth 019D</t>
  </si>
  <si>
    <t>E01003031</t>
  </si>
  <si>
    <t>Lambeth 023A</t>
  </si>
  <si>
    <t>E02000640</t>
  </si>
  <si>
    <t>Lambeth 023</t>
  </si>
  <si>
    <t>E01003032</t>
  </si>
  <si>
    <t>Lambeth 017B</t>
  </si>
  <si>
    <t>E01003033</t>
  </si>
  <si>
    <t>Lambeth 019E</t>
  </si>
  <si>
    <t>E01003034</t>
  </si>
  <si>
    <t>Lambeth 012A</t>
  </si>
  <si>
    <t>E02000629</t>
  </si>
  <si>
    <t>Lambeth 012</t>
  </si>
  <si>
    <t>E01003035</t>
  </si>
  <si>
    <t>Lambeth 012B</t>
  </si>
  <si>
    <t>E01003036</t>
  </si>
  <si>
    <t>Lambeth 012C</t>
  </si>
  <si>
    <t>E01003037</t>
  </si>
  <si>
    <t>Lambeth 013A</t>
  </si>
  <si>
    <t>E02000630</t>
  </si>
  <si>
    <t>Lambeth 013</t>
  </si>
  <si>
    <t>E01003038</t>
  </si>
  <si>
    <t>Lambeth 013B</t>
  </si>
  <si>
    <t>E01003039</t>
  </si>
  <si>
    <t>Lambeth 013C</t>
  </si>
  <si>
    <t>E01003040</t>
  </si>
  <si>
    <t>Lambeth 013D</t>
  </si>
  <si>
    <t>E01003041</t>
  </si>
  <si>
    <t>Lambeth 017C</t>
  </si>
  <si>
    <t>E01003042</t>
  </si>
  <si>
    <t>Lambeth 013E</t>
  </si>
  <si>
    <t>E01003043</t>
  </si>
  <si>
    <t>Lambeth 018A</t>
  </si>
  <si>
    <t>E02000635</t>
  </si>
  <si>
    <t>Lambeth 018</t>
  </si>
  <si>
    <t>E01003044</t>
  </si>
  <si>
    <t>Lambeth 018B</t>
  </si>
  <si>
    <t>E01003045</t>
  </si>
  <si>
    <t>Lambeth 011A</t>
  </si>
  <si>
    <t>E02000628</t>
  </si>
  <si>
    <t>Lambeth 011</t>
  </si>
  <si>
    <t>E01003046</t>
  </si>
  <si>
    <t>Lambeth 009A</t>
  </si>
  <si>
    <t>E02000626</t>
  </si>
  <si>
    <t>Lambeth 009</t>
  </si>
  <si>
    <t>E01003047</t>
  </si>
  <si>
    <t>Lambeth 011B</t>
  </si>
  <si>
    <t>E01003048</t>
  </si>
  <si>
    <t>Lambeth 009B</t>
  </si>
  <si>
    <t>E01003049</t>
  </si>
  <si>
    <t>Lambeth 011C</t>
  </si>
  <si>
    <t>E01003050</t>
  </si>
  <si>
    <t>Lambeth 016B</t>
  </si>
  <si>
    <t>E01003051</t>
  </si>
  <si>
    <t>Lambeth 018C</t>
  </si>
  <si>
    <t>E01003052</t>
  </si>
  <si>
    <t>Lambeth 016C</t>
  </si>
  <si>
    <t>E01003053</t>
  </si>
  <si>
    <t>Lambeth 015B</t>
  </si>
  <si>
    <t>E01003054</t>
  </si>
  <si>
    <t>Lambeth 015C</t>
  </si>
  <si>
    <t>E01003055</t>
  </si>
  <si>
    <t>Lambeth 016D</t>
  </si>
  <si>
    <t>E01003056</t>
  </si>
  <si>
    <t>Lambeth 015D</t>
  </si>
  <si>
    <t>E01003057</t>
  </si>
  <si>
    <t>Lambeth 017D</t>
  </si>
  <si>
    <t>E01003058</t>
  </si>
  <si>
    <t>Lambeth 015E</t>
  </si>
  <si>
    <t>E01003059</t>
  </si>
  <si>
    <t>Lambeth 011D</t>
  </si>
  <si>
    <t>E01003060</t>
  </si>
  <si>
    <t>Lambeth 011E</t>
  </si>
  <si>
    <t>E01003061</t>
  </si>
  <si>
    <t>Lambeth 011F</t>
  </si>
  <si>
    <t>E01003062</t>
  </si>
  <si>
    <t>Lambeth 033A</t>
  </si>
  <si>
    <t>E02000650</t>
  </si>
  <si>
    <t>Lambeth 033</t>
  </si>
  <si>
    <t>E01003063</t>
  </si>
  <si>
    <t>Lambeth 033B</t>
  </si>
  <si>
    <t>E01003064</t>
  </si>
  <si>
    <t>Lambeth 028A</t>
  </si>
  <si>
    <t>E02000645</t>
  </si>
  <si>
    <t>Lambeth 028</t>
  </si>
  <si>
    <t>E01003065</t>
  </si>
  <si>
    <t>Lambeth 031A</t>
  </si>
  <si>
    <t>E02000648</t>
  </si>
  <si>
    <t>Lambeth 031</t>
  </si>
  <si>
    <t>E01003066</t>
  </si>
  <si>
    <t>Lambeth 028B</t>
  </si>
  <si>
    <t>E01003067</t>
  </si>
  <si>
    <t>Lambeth 033C</t>
  </si>
  <si>
    <t>E01003068</t>
  </si>
  <si>
    <t>Lambeth 031B</t>
  </si>
  <si>
    <t>E01003069</t>
  </si>
  <si>
    <t>Lambeth 033D</t>
  </si>
  <si>
    <t>E01003070</t>
  </si>
  <si>
    <t>Lambeth 033E</t>
  </si>
  <si>
    <t>E01003071</t>
  </si>
  <si>
    <t>Lambeth 018D</t>
  </si>
  <si>
    <t>E01003072</t>
  </si>
  <si>
    <t>Lambeth 014A</t>
  </si>
  <si>
    <t>E02000631</t>
  </si>
  <si>
    <t>Lambeth 014</t>
  </si>
  <si>
    <t>E01003073</t>
  </si>
  <si>
    <t>Lambeth 014B</t>
  </si>
  <si>
    <t>E01003074</t>
  </si>
  <si>
    <t>Lambeth 018E</t>
  </si>
  <si>
    <t>E01003075</t>
  </si>
  <si>
    <t>Lambeth 009C</t>
  </si>
  <si>
    <t>E01003076</t>
  </si>
  <si>
    <t>Lambeth 014C</t>
  </si>
  <si>
    <t>E01003077</t>
  </si>
  <si>
    <t>Lambeth 014D</t>
  </si>
  <si>
    <t>E01003078</t>
  </si>
  <si>
    <t>Lambeth 014E</t>
  </si>
  <si>
    <t>E01003079</t>
  </si>
  <si>
    <t>Lambeth 027A</t>
  </si>
  <si>
    <t>E02000644</t>
  </si>
  <si>
    <t>Lambeth 027</t>
  </si>
  <si>
    <t>E01003080</t>
  </si>
  <si>
    <t>Lambeth 027B</t>
  </si>
  <si>
    <t>E01003081</t>
  </si>
  <si>
    <t>Lambeth 028C</t>
  </si>
  <si>
    <t>E01003082</t>
  </si>
  <si>
    <t>Lambeth 031C</t>
  </si>
  <si>
    <t>E01003083</t>
  </si>
  <si>
    <t>Lambeth 030A</t>
  </si>
  <si>
    <t>E02000647</t>
  </si>
  <si>
    <t>Lambeth 030</t>
  </si>
  <si>
    <t>E01003084</t>
  </si>
  <si>
    <t>Lambeth 030B</t>
  </si>
  <si>
    <t>E01003085</t>
  </si>
  <si>
    <t>Lambeth 030C</t>
  </si>
  <si>
    <t>E01003086</t>
  </si>
  <si>
    <t>Lambeth 031D</t>
  </si>
  <si>
    <t>E01003087</t>
  </si>
  <si>
    <t>Lambeth 031E</t>
  </si>
  <si>
    <t>E01003088</t>
  </si>
  <si>
    <t>Lambeth 010A</t>
  </si>
  <si>
    <t>E02000627</t>
  </si>
  <si>
    <t>Lambeth 010</t>
  </si>
  <si>
    <t>E01003089</t>
  </si>
  <si>
    <t>Lambeth 008A</t>
  </si>
  <si>
    <t>E02000625</t>
  </si>
  <si>
    <t>Lambeth 008</t>
  </si>
  <si>
    <t>E01003090</t>
  </si>
  <si>
    <t>Lambeth 012D</t>
  </si>
  <si>
    <t>E01003091</t>
  </si>
  <si>
    <t>Lambeth 008B</t>
  </si>
  <si>
    <t>E01003092</t>
  </si>
  <si>
    <t>Lambeth 008C</t>
  </si>
  <si>
    <t>E01003093</t>
  </si>
  <si>
    <t>Lambeth 010B</t>
  </si>
  <si>
    <t>E01003094</t>
  </si>
  <si>
    <t>Lambeth 010C</t>
  </si>
  <si>
    <t>E01003095</t>
  </si>
  <si>
    <t>Lambeth 012E</t>
  </si>
  <si>
    <t>E01003096</t>
  </si>
  <si>
    <t>Lambeth 010D</t>
  </si>
  <si>
    <t>E01003097</t>
  </si>
  <si>
    <t>Lambeth 006A</t>
  </si>
  <si>
    <t>E02000623</t>
  </si>
  <si>
    <t>Lambeth 006</t>
  </si>
  <si>
    <t>E01003098</t>
  </si>
  <si>
    <t>Lambeth 005A</t>
  </si>
  <si>
    <t>E02000622</t>
  </si>
  <si>
    <t>Lambeth 005</t>
  </si>
  <si>
    <t>E01003099</t>
  </si>
  <si>
    <t>Lambeth 005B</t>
  </si>
  <si>
    <t>E01003100</t>
  </si>
  <si>
    <t>Lambeth 005C</t>
  </si>
  <si>
    <t>E01003101</t>
  </si>
  <si>
    <t>Lambeth 003A</t>
  </si>
  <si>
    <t>E02000620</t>
  </si>
  <si>
    <t>Lambeth 003</t>
  </si>
  <si>
    <t>E01003102</t>
  </si>
  <si>
    <t>Lambeth 004A</t>
  </si>
  <si>
    <t>E02000621</t>
  </si>
  <si>
    <t>Lambeth 004</t>
  </si>
  <si>
    <t>E01003104</t>
  </si>
  <si>
    <t>Lambeth 004C</t>
  </si>
  <si>
    <t>E01003105</t>
  </si>
  <si>
    <t>Lambeth 003B</t>
  </si>
  <si>
    <t>E01003106</t>
  </si>
  <si>
    <t>Lambeth 003C</t>
  </si>
  <si>
    <t>E01003107</t>
  </si>
  <si>
    <t>Lambeth 003D</t>
  </si>
  <si>
    <t>E01003108</t>
  </si>
  <si>
    <t>Lambeth 002B</t>
  </si>
  <si>
    <t>E01003110</t>
  </si>
  <si>
    <t>Lambeth 002C</t>
  </si>
  <si>
    <t>E01003111</t>
  </si>
  <si>
    <t>Lambeth 002D</t>
  </si>
  <si>
    <t>E01003112</t>
  </si>
  <si>
    <t>Lambeth 002E</t>
  </si>
  <si>
    <t>E01003113</t>
  </si>
  <si>
    <t>Lambeth 032A</t>
  </si>
  <si>
    <t>E02000649</t>
  </si>
  <si>
    <t>Lambeth 032</t>
  </si>
  <si>
    <t>E01003114</t>
  </si>
  <si>
    <t>Lambeth 032B</t>
  </si>
  <si>
    <t>E01003115</t>
  </si>
  <si>
    <t>Lambeth 034A</t>
  </si>
  <si>
    <t>E02000651</t>
  </si>
  <si>
    <t>Lambeth 034</t>
  </si>
  <si>
    <t>E01003116</t>
  </si>
  <si>
    <t>Lambeth 029A</t>
  </si>
  <si>
    <t>E02000646</t>
  </si>
  <si>
    <t>Lambeth 029</t>
  </si>
  <si>
    <t>E01003117</t>
  </si>
  <si>
    <t>Lambeth 029B</t>
  </si>
  <si>
    <t>E01003118</t>
  </si>
  <si>
    <t>Lambeth 029C</t>
  </si>
  <si>
    <t>E01003119</t>
  </si>
  <si>
    <t>Lambeth 032C</t>
  </si>
  <si>
    <t>E01003120</t>
  </si>
  <si>
    <t>Lambeth 032D</t>
  </si>
  <si>
    <t>E01003121</t>
  </si>
  <si>
    <t>Lambeth 006B</t>
  </si>
  <si>
    <t>E01003122</t>
  </si>
  <si>
    <t>Lambeth 004D</t>
  </si>
  <si>
    <t>E01003123</t>
  </si>
  <si>
    <t>Lambeth 006C</t>
  </si>
  <si>
    <t>E01003124</t>
  </si>
  <si>
    <t>Lambeth 006D</t>
  </si>
  <si>
    <t>E01003125</t>
  </si>
  <si>
    <t>Lambeth 006E</t>
  </si>
  <si>
    <t>E01003126</t>
  </si>
  <si>
    <t>Lambeth 008D</t>
  </si>
  <si>
    <t>E01003127</t>
  </si>
  <si>
    <t>Lambeth 010E</t>
  </si>
  <si>
    <t>E01003128</t>
  </si>
  <si>
    <t>Lambeth 008E</t>
  </si>
  <si>
    <t>E01003129</t>
  </si>
  <si>
    <t>Lambeth 004E</t>
  </si>
  <si>
    <t>E01003130</t>
  </si>
  <si>
    <t>Lambeth 026A</t>
  </si>
  <si>
    <t>E02000643</t>
  </si>
  <si>
    <t>Lambeth 026</t>
  </si>
  <si>
    <t>E01003131</t>
  </si>
  <si>
    <t>Lambeth 026B</t>
  </si>
  <si>
    <t>E01003132</t>
  </si>
  <si>
    <t>Lambeth 024A</t>
  </si>
  <si>
    <t>E02000641</t>
  </si>
  <si>
    <t>Lambeth 024</t>
  </si>
  <si>
    <t>E01003133</t>
  </si>
  <si>
    <t>Lambeth 027C</t>
  </si>
  <si>
    <t>E01003134</t>
  </si>
  <si>
    <t>Lambeth 027D</t>
  </si>
  <si>
    <t>E01003135</t>
  </si>
  <si>
    <t>Lambeth 026C</t>
  </si>
  <si>
    <t>E01003136</t>
  </si>
  <si>
    <t>Lambeth 022A</t>
  </si>
  <si>
    <t>E02000639</t>
  </si>
  <si>
    <t>Lambeth 022</t>
  </si>
  <si>
    <t>E01003137</t>
  </si>
  <si>
    <t>Lambeth 022B</t>
  </si>
  <si>
    <t>E01003138</t>
  </si>
  <si>
    <t>Lambeth 026D</t>
  </si>
  <si>
    <t>E01003139</t>
  </si>
  <si>
    <t>Lambeth 035A</t>
  </si>
  <si>
    <t>E02000652</t>
  </si>
  <si>
    <t>Lambeth 035</t>
  </si>
  <si>
    <t>E01003140</t>
  </si>
  <si>
    <t>Lambeth 035B</t>
  </si>
  <si>
    <t>E01003141</t>
  </si>
  <si>
    <t>Lambeth 034B</t>
  </si>
  <si>
    <t>E01003142</t>
  </si>
  <si>
    <t>Lambeth 035C</t>
  </si>
  <si>
    <t>E01003143</t>
  </si>
  <si>
    <t>Lambeth 035D</t>
  </si>
  <si>
    <t>E01003144</t>
  </si>
  <si>
    <t>Lambeth 034C</t>
  </si>
  <si>
    <t>E01003145</t>
  </si>
  <si>
    <t>Lambeth 034D</t>
  </si>
  <si>
    <t>E01003146</t>
  </si>
  <si>
    <t>Lambeth 035E</t>
  </si>
  <si>
    <t>E01003147</t>
  </si>
  <si>
    <t>Lambeth 034E</t>
  </si>
  <si>
    <t>E01003148</t>
  </si>
  <si>
    <t>Lambeth 032E</t>
  </si>
  <si>
    <t>E01003149</t>
  </si>
  <si>
    <t>Lambeth 030D</t>
  </si>
  <si>
    <t>E01003150</t>
  </si>
  <si>
    <t>Lambeth 032F</t>
  </si>
  <si>
    <t>E01003151</t>
  </si>
  <si>
    <t>Lambeth 026E</t>
  </si>
  <si>
    <t>E01003152</t>
  </si>
  <si>
    <t>Lambeth 027E</t>
  </si>
  <si>
    <t>E01003153</t>
  </si>
  <si>
    <t>Lambeth 029D</t>
  </si>
  <si>
    <t>E01003154</t>
  </si>
  <si>
    <t>Lambeth 030E</t>
  </si>
  <si>
    <t>E01003155</t>
  </si>
  <si>
    <t>Lambeth 029E</t>
  </si>
  <si>
    <t>E01003156</t>
  </si>
  <si>
    <t>Lambeth 023B</t>
  </si>
  <si>
    <t>E01003157</t>
  </si>
  <si>
    <t>Lambeth 023C</t>
  </si>
  <si>
    <t>E01003158</t>
  </si>
  <si>
    <t>Lambeth 023D</t>
  </si>
  <si>
    <t>E01003159</t>
  </si>
  <si>
    <t>Lambeth 022C</t>
  </si>
  <si>
    <t>E01003160</t>
  </si>
  <si>
    <t>Lambeth 022D</t>
  </si>
  <si>
    <t>E01003161</t>
  </si>
  <si>
    <t>Lambeth 023E</t>
  </si>
  <si>
    <t>E01003162</t>
  </si>
  <si>
    <t>Lambeth 022E</t>
  </si>
  <si>
    <t>E01003163</t>
  </si>
  <si>
    <t>Lambeth 023F</t>
  </si>
  <si>
    <t>E01003164</t>
  </si>
  <si>
    <t>Lambeth 025A</t>
  </si>
  <si>
    <t>E02000642</t>
  </si>
  <si>
    <t>Lambeth 025</t>
  </si>
  <si>
    <t>E01003165</t>
  </si>
  <si>
    <t>Lambeth 025B</t>
  </si>
  <si>
    <t>E01003166</t>
  </si>
  <si>
    <t>Lambeth 028D</t>
  </si>
  <si>
    <t>E01003167</t>
  </si>
  <si>
    <t>Lambeth 028E</t>
  </si>
  <si>
    <t>E01003168</t>
  </si>
  <si>
    <t>Lambeth 025C</t>
  </si>
  <si>
    <t>E01003169</t>
  </si>
  <si>
    <t>Lambeth 025D</t>
  </si>
  <si>
    <t>E01003170</t>
  </si>
  <si>
    <t>Lambeth 025E</t>
  </si>
  <si>
    <t>E01003171</t>
  </si>
  <si>
    <t>Lambeth 020B</t>
  </si>
  <si>
    <t>E01003172</t>
  </si>
  <si>
    <t>Lambeth 024B</t>
  </si>
  <si>
    <t>E01003173</t>
  </si>
  <si>
    <t>Lambeth 020C</t>
  </si>
  <si>
    <t>E01003174</t>
  </si>
  <si>
    <t>Lambeth 024C</t>
  </si>
  <si>
    <t>E01003175</t>
  </si>
  <si>
    <t>Lambeth 024D</t>
  </si>
  <si>
    <t>E01003176</t>
  </si>
  <si>
    <t>Lambeth 016E</t>
  </si>
  <si>
    <t>E01003177</t>
  </si>
  <si>
    <t>Lambeth 020D</t>
  </si>
  <si>
    <t>E01003178</t>
  </si>
  <si>
    <t>Lambeth 020E</t>
  </si>
  <si>
    <t>E01003179</t>
  </si>
  <si>
    <t>Lambeth 024E</t>
  </si>
  <si>
    <t>E01003180</t>
  </si>
  <si>
    <t>Lambeth 005D</t>
  </si>
  <si>
    <t>E01003181</t>
  </si>
  <si>
    <t>Lambeth 007A</t>
  </si>
  <si>
    <t>E02000624</t>
  </si>
  <si>
    <t>Lambeth 007</t>
  </si>
  <si>
    <t>E01003182</t>
  </si>
  <si>
    <t>Lambeth 009D</t>
  </si>
  <si>
    <t>E01003183</t>
  </si>
  <si>
    <t>Lambeth 005E</t>
  </si>
  <si>
    <t>E01003184</t>
  </si>
  <si>
    <t>Lambeth 007B</t>
  </si>
  <si>
    <t>E01003185</t>
  </si>
  <si>
    <t>Lambeth 007C</t>
  </si>
  <si>
    <t>E01003186</t>
  </si>
  <si>
    <t>Lambeth 007D</t>
  </si>
  <si>
    <t>E01003187</t>
  </si>
  <si>
    <t>Lambeth 007E</t>
  </si>
  <si>
    <t>E01003188</t>
  </si>
  <si>
    <t>Lambeth 009E</t>
  </si>
  <si>
    <t>E01003189</t>
  </si>
  <si>
    <t>Lewisham 034A</t>
  </si>
  <si>
    <t>E02000686</t>
  </si>
  <si>
    <t>Lewisham 034</t>
  </si>
  <si>
    <t>E09000023</t>
  </si>
  <si>
    <t>Lewisham</t>
  </si>
  <si>
    <t>E01003190</t>
  </si>
  <si>
    <t>Lewisham 034B</t>
  </si>
  <si>
    <t>E01003191</t>
  </si>
  <si>
    <t>Lewisham 034C</t>
  </si>
  <si>
    <t>E01003192</t>
  </si>
  <si>
    <t>Lewisham 034D</t>
  </si>
  <si>
    <t>E01003193</t>
  </si>
  <si>
    <t>Lewisham 029A</t>
  </si>
  <si>
    <t>E02000681</t>
  </si>
  <si>
    <t>Lewisham 029</t>
  </si>
  <si>
    <t>E01003194</t>
  </si>
  <si>
    <t>Lewisham 029B</t>
  </si>
  <si>
    <t>E01003195</t>
  </si>
  <si>
    <t>Lewisham 029C</t>
  </si>
  <si>
    <t>E01003196</t>
  </si>
  <si>
    <t>Lewisham 029D</t>
  </si>
  <si>
    <t>E01003197</t>
  </si>
  <si>
    <t>Lewisham 029E</t>
  </si>
  <si>
    <t>E01003198</t>
  </si>
  <si>
    <t>Lewisham 009A</t>
  </si>
  <si>
    <t>E02000661</t>
  </si>
  <si>
    <t>Lewisham 009</t>
  </si>
  <si>
    <t>E01003199</t>
  </si>
  <si>
    <t>Lewisham 007A</t>
  </si>
  <si>
    <t>E02000659</t>
  </si>
  <si>
    <t>Lewisham 007</t>
  </si>
  <si>
    <t>E01003200</t>
  </si>
  <si>
    <t>Lewisham 009B</t>
  </si>
  <si>
    <t>E01003201</t>
  </si>
  <si>
    <t>Lewisham 007B</t>
  </si>
  <si>
    <t>E01003202</t>
  </si>
  <si>
    <t>Lewisham 009C</t>
  </si>
  <si>
    <t>E01003203</t>
  </si>
  <si>
    <t>Lewisham 009D</t>
  </si>
  <si>
    <t>E01003204</t>
  </si>
  <si>
    <t>Lewisham 007C</t>
  </si>
  <si>
    <t>E01003205</t>
  </si>
  <si>
    <t>Lewisham 007D</t>
  </si>
  <si>
    <t>E01003206</t>
  </si>
  <si>
    <t>Lewisham 007E</t>
  </si>
  <si>
    <t>E01003207</t>
  </si>
  <si>
    <t>Lewisham 005A</t>
  </si>
  <si>
    <t>E02000657</t>
  </si>
  <si>
    <t>Lewisham 005</t>
  </si>
  <si>
    <t>E01003209</t>
  </si>
  <si>
    <t>Lewisham 005B</t>
  </si>
  <si>
    <t>E01003210</t>
  </si>
  <si>
    <t>Lewisham 005C</t>
  </si>
  <si>
    <t>E01003211</t>
  </si>
  <si>
    <t>Lewisham 008B</t>
  </si>
  <si>
    <t>E02000660</t>
  </si>
  <si>
    <t>Lewisham 008</t>
  </si>
  <si>
    <t>E01003212</t>
  </si>
  <si>
    <t>Lewisham 005D</t>
  </si>
  <si>
    <t>E01003213</t>
  </si>
  <si>
    <t>Lewisham 008C</t>
  </si>
  <si>
    <t>E01003214</t>
  </si>
  <si>
    <t>Lewisham 008D</t>
  </si>
  <si>
    <t>E01003215</t>
  </si>
  <si>
    <t>Lewisham 005E</t>
  </si>
  <si>
    <t>E01003216</t>
  </si>
  <si>
    <t>Lewisham 025A</t>
  </si>
  <si>
    <t>E02000677</t>
  </si>
  <si>
    <t>Lewisham 025</t>
  </si>
  <si>
    <t>E01003217</t>
  </si>
  <si>
    <t>Lewisham 022A</t>
  </si>
  <si>
    <t>E02000674</t>
  </si>
  <si>
    <t>Lewisham 022</t>
  </si>
  <si>
    <t>E01003218</t>
  </si>
  <si>
    <t>Lewisham 022B</t>
  </si>
  <si>
    <t>E01003219</t>
  </si>
  <si>
    <t>Lewisham 025B</t>
  </si>
  <si>
    <t>E01003220</t>
  </si>
  <si>
    <t>Lewisham 022C</t>
  </si>
  <si>
    <t>E01003221</t>
  </si>
  <si>
    <t>Lewisham 025C</t>
  </si>
  <si>
    <t>E01003222</t>
  </si>
  <si>
    <t>Lewisham 022D</t>
  </si>
  <si>
    <t>E01003223</t>
  </si>
  <si>
    <t>Lewisham 025D</t>
  </si>
  <si>
    <t>E01003224</t>
  </si>
  <si>
    <t>Lewisham 022E</t>
  </si>
  <si>
    <t>E01003225</t>
  </si>
  <si>
    <t>Lewisham 015A</t>
  </si>
  <si>
    <t>E02000667</t>
  </si>
  <si>
    <t>Lewisham 015</t>
  </si>
  <si>
    <t>E01003226</t>
  </si>
  <si>
    <t>Lewisham 019A</t>
  </si>
  <si>
    <t>E02000671</t>
  </si>
  <si>
    <t>Lewisham 019</t>
  </si>
  <si>
    <t>E01003227</t>
  </si>
  <si>
    <t>Lewisham 019B</t>
  </si>
  <si>
    <t>E01003228</t>
  </si>
  <si>
    <t>Lewisham 019C</t>
  </si>
  <si>
    <t>E01003229</t>
  </si>
  <si>
    <t>Lewisham 019D</t>
  </si>
  <si>
    <t>E01003230</t>
  </si>
  <si>
    <t>Lewisham 019E</t>
  </si>
  <si>
    <t>E01003231</t>
  </si>
  <si>
    <t>Lewisham 015B</t>
  </si>
  <si>
    <t>E01003232</t>
  </si>
  <si>
    <t>Lewisham 015C</t>
  </si>
  <si>
    <t>E01003233</t>
  </si>
  <si>
    <t>Lewisham 015D</t>
  </si>
  <si>
    <t>E01003235</t>
  </si>
  <si>
    <t>Lewisham 038A</t>
  </si>
  <si>
    <t>E02006784</t>
  </si>
  <si>
    <t>Lewisham 038</t>
  </si>
  <si>
    <t>E01003236</t>
  </si>
  <si>
    <t>Lewisham 037A</t>
  </si>
  <si>
    <t>E02006783</t>
  </si>
  <si>
    <t>Lewisham 037</t>
  </si>
  <si>
    <t>E01003237</t>
  </si>
  <si>
    <t>Lewisham 037B</t>
  </si>
  <si>
    <t>E01003238</t>
  </si>
  <si>
    <t>Lewisham 037C</t>
  </si>
  <si>
    <t>E01003239</t>
  </si>
  <si>
    <t>Lewisham 037D</t>
  </si>
  <si>
    <t>E01003240</t>
  </si>
  <si>
    <t>Lewisham 038B</t>
  </si>
  <si>
    <t>E01003241</t>
  </si>
  <si>
    <t>Lewisham 038C</t>
  </si>
  <si>
    <t>E01003243</t>
  </si>
  <si>
    <t>Lewisham 038D</t>
  </si>
  <si>
    <t>E01003244</t>
  </si>
  <si>
    <t>Lewisham 001A</t>
  </si>
  <si>
    <t>E02000653</t>
  </si>
  <si>
    <t>Lewisham 001</t>
  </si>
  <si>
    <t>E01003245</t>
  </si>
  <si>
    <t>Lewisham 001B</t>
  </si>
  <si>
    <t>E01003246</t>
  </si>
  <si>
    <t>Lewisham 002A</t>
  </si>
  <si>
    <t>E02000654</t>
  </si>
  <si>
    <t>Lewisham 002</t>
  </si>
  <si>
    <t>E01003247</t>
  </si>
  <si>
    <t>Lewisham 001C</t>
  </si>
  <si>
    <t>E01003248</t>
  </si>
  <si>
    <t>Lewisham 002B</t>
  </si>
  <si>
    <t>E01003249</t>
  </si>
  <si>
    <t>Lewisham 001D</t>
  </si>
  <si>
    <t>E01003251</t>
  </si>
  <si>
    <t>Lewisham 002C</t>
  </si>
  <si>
    <t>E01003252</t>
  </si>
  <si>
    <t>Lewisham 002D</t>
  </si>
  <si>
    <t>E01003253</t>
  </si>
  <si>
    <t>Lewisham 002E</t>
  </si>
  <si>
    <t>E01003254</t>
  </si>
  <si>
    <t>Lewisham 021A</t>
  </si>
  <si>
    <t>E02000673</t>
  </si>
  <si>
    <t>Lewisham 021</t>
  </si>
  <si>
    <t>E01003255</t>
  </si>
  <si>
    <t>Lewisham 021B</t>
  </si>
  <si>
    <t>E01003256</t>
  </si>
  <si>
    <t>Lewisham 028A</t>
  </si>
  <si>
    <t>E02000680</t>
  </si>
  <si>
    <t>Lewisham 028</t>
  </si>
  <si>
    <t>E01003257</t>
  </si>
  <si>
    <t>Lewisham 028B</t>
  </si>
  <si>
    <t>E01003258</t>
  </si>
  <si>
    <t>Lewisham 028C</t>
  </si>
  <si>
    <t>E01003259</t>
  </si>
  <si>
    <t>Lewisham 028D</t>
  </si>
  <si>
    <t>E01003260</t>
  </si>
  <si>
    <t>Lewisham 021C</t>
  </si>
  <si>
    <t>E01003261</t>
  </si>
  <si>
    <t>Lewisham 021D</t>
  </si>
  <si>
    <t>E01003262</t>
  </si>
  <si>
    <t>Lewisham 021E</t>
  </si>
  <si>
    <t>E01003263</t>
  </si>
  <si>
    <t>Lewisham 023A</t>
  </si>
  <si>
    <t>E02000675</t>
  </si>
  <si>
    <t>Lewisham 023</t>
  </si>
  <si>
    <t>E01003264</t>
  </si>
  <si>
    <t>Lewisham 031A</t>
  </si>
  <si>
    <t>E02000683</t>
  </si>
  <si>
    <t>Lewisham 031</t>
  </si>
  <si>
    <t>E01003265</t>
  </si>
  <si>
    <t>Lewisham 031B</t>
  </si>
  <si>
    <t>E01003266</t>
  </si>
  <si>
    <t>Lewisham 031C</t>
  </si>
  <si>
    <t>E01003267</t>
  </si>
  <si>
    <t>Lewisham 031D</t>
  </si>
  <si>
    <t>E01003268</t>
  </si>
  <si>
    <t>Lewisham 023B</t>
  </si>
  <si>
    <t>E01003269</t>
  </si>
  <si>
    <t>Lewisham 023C</t>
  </si>
  <si>
    <t>E01003270</t>
  </si>
  <si>
    <t>Lewisham 023D</t>
  </si>
  <si>
    <t>E01003271</t>
  </si>
  <si>
    <t>Lewisham 023E</t>
  </si>
  <si>
    <t>E01003272</t>
  </si>
  <si>
    <t>Lewisham 014A</t>
  </si>
  <si>
    <t>E02000666</t>
  </si>
  <si>
    <t>Lewisham 014</t>
  </si>
  <si>
    <t>E01003273</t>
  </si>
  <si>
    <t>Lewisham 011A</t>
  </si>
  <si>
    <t>E02000663</t>
  </si>
  <si>
    <t>Lewisham 011</t>
  </si>
  <si>
    <t>E01003274</t>
  </si>
  <si>
    <t>Lewisham 014B</t>
  </si>
  <si>
    <t>E01003275</t>
  </si>
  <si>
    <t>Lewisham 014C</t>
  </si>
  <si>
    <t>E01003276</t>
  </si>
  <si>
    <t>Lewisham 014D</t>
  </si>
  <si>
    <t>E01003277</t>
  </si>
  <si>
    <t>Lewisham 011B</t>
  </si>
  <si>
    <t>E01003278</t>
  </si>
  <si>
    <t>Lewisham 011C</t>
  </si>
  <si>
    <t>E01003279</t>
  </si>
  <si>
    <t>Lewisham 011D</t>
  </si>
  <si>
    <t>E01003280</t>
  </si>
  <si>
    <t>Lewisham 016A</t>
  </si>
  <si>
    <t>E02000668</t>
  </si>
  <si>
    <t>Lewisham 016</t>
  </si>
  <si>
    <t>E01003281</t>
  </si>
  <si>
    <t>Lewisham 016B</t>
  </si>
  <si>
    <t>E01003282</t>
  </si>
  <si>
    <t>Lewisham 013A</t>
  </si>
  <si>
    <t>E02000665</t>
  </si>
  <si>
    <t>Lewisham 013</t>
  </si>
  <si>
    <t>E01003283</t>
  </si>
  <si>
    <t>Lewisham 013B</t>
  </si>
  <si>
    <t>E01003284</t>
  </si>
  <si>
    <t>Lewisham 013C</t>
  </si>
  <si>
    <t>E01003285</t>
  </si>
  <si>
    <t>Lewisham 016C</t>
  </si>
  <si>
    <t>E01003286</t>
  </si>
  <si>
    <t>Lewisham 013D</t>
  </si>
  <si>
    <t>E01003287</t>
  </si>
  <si>
    <t>Lewisham 016D</t>
  </si>
  <si>
    <t>E01003288</t>
  </si>
  <si>
    <t>Lewisham 041A</t>
  </si>
  <si>
    <t>E02007009</t>
  </si>
  <si>
    <t>Lewisham 041</t>
  </si>
  <si>
    <t>E01003290</t>
  </si>
  <si>
    <t>Lewisham 041E</t>
  </si>
  <si>
    <t>E01003291</t>
  </si>
  <si>
    <t>Lewisham 041D</t>
  </si>
  <si>
    <t>E01003292</t>
  </si>
  <si>
    <t>Lewisham 017A</t>
  </si>
  <si>
    <t>E02000669</t>
  </si>
  <si>
    <t>Lewisham 017</t>
  </si>
  <si>
    <t>E01003293</t>
  </si>
  <si>
    <t>Lewisham 017B</t>
  </si>
  <si>
    <t>E01003295</t>
  </si>
  <si>
    <t>Lewisham 017D</t>
  </si>
  <si>
    <t>E01003297</t>
  </si>
  <si>
    <t>Lewisham 003A</t>
  </si>
  <si>
    <t>E02000655</t>
  </si>
  <si>
    <t>Lewisham 003</t>
  </si>
  <si>
    <t>E01003298</t>
  </si>
  <si>
    <t>Lewisham 039A</t>
  </si>
  <si>
    <t>E02006798</t>
  </si>
  <si>
    <t>Lewisham 039</t>
  </si>
  <si>
    <t>E01003299</t>
  </si>
  <si>
    <t>Lewisham 003B</t>
  </si>
  <si>
    <t>E01003300</t>
  </si>
  <si>
    <t>Lewisham 039B</t>
  </si>
  <si>
    <t>E01003301</t>
  </si>
  <si>
    <t>Lewisham 003C</t>
  </si>
  <si>
    <t>E01003302</t>
  </si>
  <si>
    <t>Lewisham 003D</t>
  </si>
  <si>
    <t>E01003303</t>
  </si>
  <si>
    <t>Lewisham 039C</t>
  </si>
  <si>
    <t>E01003304</t>
  </si>
  <si>
    <t>Lewisham 039D</t>
  </si>
  <si>
    <t>E01003305</t>
  </si>
  <si>
    <t>Lewisham 003E</t>
  </si>
  <si>
    <t>E01003307</t>
  </si>
  <si>
    <t>Lewisham 024A</t>
  </si>
  <si>
    <t>E02000676</t>
  </si>
  <si>
    <t>Lewisham 024</t>
  </si>
  <si>
    <t>E01003308</t>
  </si>
  <si>
    <t>Lewisham 024B</t>
  </si>
  <si>
    <t>E01003309</t>
  </si>
  <si>
    <t>Lewisham 027A</t>
  </si>
  <si>
    <t>E02000679</t>
  </si>
  <si>
    <t>Lewisham 027</t>
  </si>
  <si>
    <t>E01003310</t>
  </si>
  <si>
    <t>Lewisham 027B</t>
  </si>
  <si>
    <t>E01003311</t>
  </si>
  <si>
    <t>Lewisham 027C</t>
  </si>
  <si>
    <t>E01003312</t>
  </si>
  <si>
    <t>Lewisham 027D</t>
  </si>
  <si>
    <t>E01003313</t>
  </si>
  <si>
    <t>Lewisham 027E</t>
  </si>
  <si>
    <t>E01003314</t>
  </si>
  <si>
    <t>Lewisham 024C</t>
  </si>
  <si>
    <t>E01003315</t>
  </si>
  <si>
    <t>Lewisham 024D</t>
  </si>
  <si>
    <t>E01003316</t>
  </si>
  <si>
    <t>Lewisham 024E</t>
  </si>
  <si>
    <t>E01003318</t>
  </si>
  <si>
    <t>Lewisham 020B</t>
  </si>
  <si>
    <t>E02000672</t>
  </si>
  <si>
    <t>Lewisham 020</t>
  </si>
  <si>
    <t>E01003319</t>
  </si>
  <si>
    <t>Lewisham 018A</t>
  </si>
  <si>
    <t>E02000670</t>
  </si>
  <si>
    <t>Lewisham 018</t>
  </si>
  <si>
    <t>E01003320</t>
  </si>
  <si>
    <t>Lewisham 018B</t>
  </si>
  <si>
    <t>E01003321</t>
  </si>
  <si>
    <t>Lewisham 020C</t>
  </si>
  <si>
    <t>E01003322</t>
  </si>
  <si>
    <t>Lewisham 020D</t>
  </si>
  <si>
    <t>E01003323</t>
  </si>
  <si>
    <t>Lewisham 018C</t>
  </si>
  <si>
    <t>E01003324</t>
  </si>
  <si>
    <t>Lewisham 020E</t>
  </si>
  <si>
    <t>E01003325</t>
  </si>
  <si>
    <t>Lewisham 018D</t>
  </si>
  <si>
    <t>E01003326</t>
  </si>
  <si>
    <t>Lewisham 035A</t>
  </si>
  <si>
    <t>E02000687</t>
  </si>
  <si>
    <t>Lewisham 035</t>
  </si>
  <si>
    <t>E01003327</t>
  </si>
  <si>
    <t>Lewisham 035B</t>
  </si>
  <si>
    <t>E01003328</t>
  </si>
  <si>
    <t>Lewisham 035C</t>
  </si>
  <si>
    <t>E01003329</t>
  </si>
  <si>
    <t>Lewisham 033A</t>
  </si>
  <si>
    <t>E02000685</t>
  </si>
  <si>
    <t>Lewisham 033</t>
  </si>
  <si>
    <t>E01003330</t>
  </si>
  <si>
    <t>Lewisham 033B</t>
  </si>
  <si>
    <t>E01003331</t>
  </si>
  <si>
    <t>Lewisham 033C</t>
  </si>
  <si>
    <t>E01003332</t>
  </si>
  <si>
    <t>Lewisham 033D</t>
  </si>
  <si>
    <t>E01003333</t>
  </si>
  <si>
    <t>Lewisham 035D</t>
  </si>
  <si>
    <t>E01003334</t>
  </si>
  <si>
    <t>Lewisham 033E</t>
  </si>
  <si>
    <t>E01003335</t>
  </si>
  <si>
    <t>Lewisham 035E</t>
  </si>
  <si>
    <t>E01003336</t>
  </si>
  <si>
    <t>Lewisham 010A</t>
  </si>
  <si>
    <t>E02000662</t>
  </si>
  <si>
    <t>Lewisham 010</t>
  </si>
  <si>
    <t>E01003337</t>
  </si>
  <si>
    <t>Lewisham 010B</t>
  </si>
  <si>
    <t>E01003338</t>
  </si>
  <si>
    <t>Lewisham 006A</t>
  </si>
  <si>
    <t>E02000658</t>
  </si>
  <si>
    <t>Lewisham 006</t>
  </si>
  <si>
    <t>E01003339</t>
  </si>
  <si>
    <t>Lewisham 006B</t>
  </si>
  <si>
    <t>E01003340</t>
  </si>
  <si>
    <t>Lewisham 006C</t>
  </si>
  <si>
    <t>E01003341</t>
  </si>
  <si>
    <t>Lewisham 006D</t>
  </si>
  <si>
    <t>E01003342</t>
  </si>
  <si>
    <t>Lewisham 010C</t>
  </si>
  <si>
    <t>E01003343</t>
  </si>
  <si>
    <t>Lewisham 006E</t>
  </si>
  <si>
    <t>E01003344</t>
  </si>
  <si>
    <t>Lewisham 010D</t>
  </si>
  <si>
    <t>E01003345</t>
  </si>
  <si>
    <t>Lewisham 010E</t>
  </si>
  <si>
    <t>E01003346</t>
  </si>
  <si>
    <t>Lewisham 026A</t>
  </si>
  <si>
    <t>E02000678</t>
  </si>
  <si>
    <t>Lewisham 026</t>
  </si>
  <si>
    <t>E01003347</t>
  </si>
  <si>
    <t>Lewisham 030A</t>
  </si>
  <si>
    <t>E02000682</t>
  </si>
  <si>
    <t>Lewisham 030</t>
  </si>
  <si>
    <t>E01003348</t>
  </si>
  <si>
    <t>Lewisham 030B</t>
  </si>
  <si>
    <t>E01003349</t>
  </si>
  <si>
    <t>Lewisham 026B</t>
  </si>
  <si>
    <t>E01003350</t>
  </si>
  <si>
    <t>Lewisham 030C</t>
  </si>
  <si>
    <t>E01003351</t>
  </si>
  <si>
    <t>Lewisham 026C</t>
  </si>
  <si>
    <t>E01003352</t>
  </si>
  <si>
    <t>Lewisham 030D</t>
  </si>
  <si>
    <t>E01003353</t>
  </si>
  <si>
    <t>Lewisham 030E</t>
  </si>
  <si>
    <t>E01003354</t>
  </si>
  <si>
    <t>Lewisham 026D</t>
  </si>
  <si>
    <t>E01003355</t>
  </si>
  <si>
    <t>Merton 009A</t>
  </si>
  <si>
    <t>E02000697</t>
  </si>
  <si>
    <t>Merton 009</t>
  </si>
  <si>
    <t>E09000024</t>
  </si>
  <si>
    <t>Merton</t>
  </si>
  <si>
    <t>E01003356</t>
  </si>
  <si>
    <t>Merton 009B</t>
  </si>
  <si>
    <t>E01003357</t>
  </si>
  <si>
    <t>Merton 012A</t>
  </si>
  <si>
    <t>E02000700</t>
  </si>
  <si>
    <t>Merton 012</t>
  </si>
  <si>
    <t>E01003358</t>
  </si>
  <si>
    <t>Merton 009C</t>
  </si>
  <si>
    <t>E01003359</t>
  </si>
  <si>
    <t>Merton 006A</t>
  </si>
  <si>
    <t>E02000694</t>
  </si>
  <si>
    <t>Merton 006</t>
  </si>
  <si>
    <t>E01003360</t>
  </si>
  <si>
    <t>Merton 006B</t>
  </si>
  <si>
    <t>E01003361</t>
  </si>
  <si>
    <t>Merton 015A</t>
  </si>
  <si>
    <t>E02000703</t>
  </si>
  <si>
    <t>Merton 015</t>
  </si>
  <si>
    <t>E01003362</t>
  </si>
  <si>
    <t>Merton 021A</t>
  </si>
  <si>
    <t>E02000709</t>
  </si>
  <si>
    <t>Merton 021</t>
  </si>
  <si>
    <t>E01003363</t>
  </si>
  <si>
    <t>Merton 021B</t>
  </si>
  <si>
    <t>E01003364</t>
  </si>
  <si>
    <t>Merton 021C</t>
  </si>
  <si>
    <t>E01003365</t>
  </si>
  <si>
    <t>Merton 021D</t>
  </si>
  <si>
    <t>E01003366</t>
  </si>
  <si>
    <t>Merton 016A</t>
  </si>
  <si>
    <t>E02000704</t>
  </si>
  <si>
    <t>Merton 016</t>
  </si>
  <si>
    <t>E01003368</t>
  </si>
  <si>
    <t>Merton 008A</t>
  </si>
  <si>
    <t>E02000696</t>
  </si>
  <si>
    <t>Merton 008</t>
  </si>
  <si>
    <t>E01003369</t>
  </si>
  <si>
    <t>Merton 005B</t>
  </si>
  <si>
    <t>E02000693</t>
  </si>
  <si>
    <t>Merton 005</t>
  </si>
  <si>
    <t>E01003370</t>
  </si>
  <si>
    <t>Merton 005C</t>
  </si>
  <si>
    <t>E01003371</t>
  </si>
  <si>
    <t>Merton 005D</t>
  </si>
  <si>
    <t>E01003372</t>
  </si>
  <si>
    <t>Merton 008B</t>
  </si>
  <si>
    <t>E01003373</t>
  </si>
  <si>
    <t>Merton 018A</t>
  </si>
  <si>
    <t>E02000706</t>
  </si>
  <si>
    <t>Merton 018</t>
  </si>
  <si>
    <t>E01003374</t>
  </si>
  <si>
    <t>Merton 022A</t>
  </si>
  <si>
    <t>E02000710</t>
  </si>
  <si>
    <t>Merton 022</t>
  </si>
  <si>
    <t>E01003375</t>
  </si>
  <si>
    <t>Merton 022B</t>
  </si>
  <si>
    <t>E01003376</t>
  </si>
  <si>
    <t>Merton 012B</t>
  </si>
  <si>
    <t>E01003377</t>
  </si>
  <si>
    <t>Merton 012C</t>
  </si>
  <si>
    <t>E01003378</t>
  </si>
  <si>
    <t>Merton 018B</t>
  </si>
  <si>
    <t>E01003379</t>
  </si>
  <si>
    <t>Merton 018C</t>
  </si>
  <si>
    <t>E01003380</t>
  </si>
  <si>
    <t>Merton 011A</t>
  </si>
  <si>
    <t>E02000699</t>
  </si>
  <si>
    <t>Merton 011</t>
  </si>
  <si>
    <t>E01003381</t>
  </si>
  <si>
    <t>Merton 016B</t>
  </si>
  <si>
    <t>E01003382</t>
  </si>
  <si>
    <t>Merton 011B</t>
  </si>
  <si>
    <t>E01003383</t>
  </si>
  <si>
    <t>Merton 009D</t>
  </si>
  <si>
    <t>E01003384</t>
  </si>
  <si>
    <t>Merton 009E</t>
  </si>
  <si>
    <t>E01003385</t>
  </si>
  <si>
    <t>Merton 011C</t>
  </si>
  <si>
    <t>E01003386</t>
  </si>
  <si>
    <t>Merton 013A</t>
  </si>
  <si>
    <t>E02000701</t>
  </si>
  <si>
    <t>Merton 013</t>
  </si>
  <si>
    <t>E01003387</t>
  </si>
  <si>
    <t>Merton 014A</t>
  </si>
  <si>
    <t>E02000702</t>
  </si>
  <si>
    <t>Merton 014</t>
  </si>
  <si>
    <t>E01003388</t>
  </si>
  <si>
    <t>Merton 013B</t>
  </si>
  <si>
    <t>E01003389</t>
  </si>
  <si>
    <t>Merton 013C</t>
  </si>
  <si>
    <t>E01003390</t>
  </si>
  <si>
    <t>Merton 018D</t>
  </si>
  <si>
    <t>E01003391</t>
  </si>
  <si>
    <t>Merton 014B</t>
  </si>
  <si>
    <t>E01003392</t>
  </si>
  <si>
    <t>Merton 013D</t>
  </si>
  <si>
    <t>E01003393</t>
  </si>
  <si>
    <t>Merton 008C</t>
  </si>
  <si>
    <t>E01003394</t>
  </si>
  <si>
    <t>Merton 007A</t>
  </si>
  <si>
    <t>E02000695</t>
  </si>
  <si>
    <t>Merton 007</t>
  </si>
  <si>
    <t>E01003395</t>
  </si>
  <si>
    <t>Merton 007B</t>
  </si>
  <si>
    <t>E01003396</t>
  </si>
  <si>
    <t>Merton 007C</t>
  </si>
  <si>
    <t>E01003397</t>
  </si>
  <si>
    <t>Merton 007D</t>
  </si>
  <si>
    <t>E01003398</t>
  </si>
  <si>
    <t>Merton 007E</t>
  </si>
  <si>
    <t>E01003399</t>
  </si>
  <si>
    <t>Merton 011D</t>
  </si>
  <si>
    <t>E01003400</t>
  </si>
  <si>
    <t>Merton 003A</t>
  </si>
  <si>
    <t>E02000691</t>
  </si>
  <si>
    <t>Merton 003</t>
  </si>
  <si>
    <t>E01003401</t>
  </si>
  <si>
    <t>Merton 004A</t>
  </si>
  <si>
    <t>E02000692</t>
  </si>
  <si>
    <t>Merton 004</t>
  </si>
  <si>
    <t>E01003402</t>
  </si>
  <si>
    <t>Merton 004B</t>
  </si>
  <si>
    <t>E01003403</t>
  </si>
  <si>
    <t>Merton 004C</t>
  </si>
  <si>
    <t>E01003404</t>
  </si>
  <si>
    <t>Merton 004D</t>
  </si>
  <si>
    <t>E01003405</t>
  </si>
  <si>
    <t>Merton 018E</t>
  </si>
  <si>
    <t>E01003406</t>
  </si>
  <si>
    <t>Merton 008D</t>
  </si>
  <si>
    <t>E01003407</t>
  </si>
  <si>
    <t>Merton 008E</t>
  </si>
  <si>
    <t>E01003408</t>
  </si>
  <si>
    <t>Merton 012D</t>
  </si>
  <si>
    <t>E01003409</t>
  </si>
  <si>
    <t>Merton 013E</t>
  </si>
  <si>
    <t>E01003410</t>
  </si>
  <si>
    <t>Merton 012E</t>
  </si>
  <si>
    <t>E01003411</t>
  </si>
  <si>
    <t>Merton 014C</t>
  </si>
  <si>
    <t>E01003412</t>
  </si>
  <si>
    <t>Merton 014D</t>
  </si>
  <si>
    <t>E01003413</t>
  </si>
  <si>
    <t>Merton 017A</t>
  </si>
  <si>
    <t>E02000705</t>
  </si>
  <si>
    <t>Merton 017</t>
  </si>
  <si>
    <t>E01003414</t>
  </si>
  <si>
    <t>Merton 017B</t>
  </si>
  <si>
    <t>E01003415</t>
  </si>
  <si>
    <t>Merton 017C</t>
  </si>
  <si>
    <t>E01003416</t>
  </si>
  <si>
    <t>Merton 017D</t>
  </si>
  <si>
    <t>E01003417</t>
  </si>
  <si>
    <t>Merton 025A</t>
  </si>
  <si>
    <t>E02000713</t>
  </si>
  <si>
    <t>Merton 025</t>
  </si>
  <si>
    <t>E01003418</t>
  </si>
  <si>
    <t>Merton 025B</t>
  </si>
  <si>
    <t>E01003419</t>
  </si>
  <si>
    <t>Merton 025C</t>
  </si>
  <si>
    <t>E01003420</t>
  </si>
  <si>
    <t>Merton 025D</t>
  </si>
  <si>
    <t>E01003421</t>
  </si>
  <si>
    <t>Merton 021E</t>
  </si>
  <si>
    <t>E01003422</t>
  </si>
  <si>
    <t>Merton 025E</t>
  </si>
  <si>
    <t>E01003423</t>
  </si>
  <si>
    <t>Merton 011E</t>
  </si>
  <si>
    <t>E01003424</t>
  </si>
  <si>
    <t>Merton 015B</t>
  </si>
  <si>
    <t>E01003425</t>
  </si>
  <si>
    <t>Merton 015C</t>
  </si>
  <si>
    <t>E01003426</t>
  </si>
  <si>
    <t>Merton 015D</t>
  </si>
  <si>
    <t>E01003427</t>
  </si>
  <si>
    <t>Merton 023A</t>
  </si>
  <si>
    <t>E02000711</t>
  </si>
  <si>
    <t>Merton 023</t>
  </si>
  <si>
    <t>E01003428</t>
  </si>
  <si>
    <t>Merton 015E</t>
  </si>
  <si>
    <t>E01003429</t>
  </si>
  <si>
    <t>Merton 019A</t>
  </si>
  <si>
    <t>E02000707</t>
  </si>
  <si>
    <t>Merton 019</t>
  </si>
  <si>
    <t>E01003430</t>
  </si>
  <si>
    <t>Merton 019B</t>
  </si>
  <si>
    <t>E01003431</t>
  </si>
  <si>
    <t>Merton 019C</t>
  </si>
  <si>
    <t>E01003432</t>
  </si>
  <si>
    <t>Merton 019D</t>
  </si>
  <si>
    <t>E01003433</t>
  </si>
  <si>
    <t>Merton 019E</t>
  </si>
  <si>
    <t>E01003434</t>
  </si>
  <si>
    <t>Merton 017E</t>
  </si>
  <si>
    <t>E01003435</t>
  </si>
  <si>
    <t>Merton 014E</t>
  </si>
  <si>
    <t>E01003436</t>
  </si>
  <si>
    <t>Merton 023B</t>
  </si>
  <si>
    <t>E01003437</t>
  </si>
  <si>
    <t>Merton 022C</t>
  </si>
  <si>
    <t>E01003438</t>
  </si>
  <si>
    <t>Merton 024A</t>
  </si>
  <si>
    <t>E02000712</t>
  </si>
  <si>
    <t>Merton 024</t>
  </si>
  <si>
    <t>E01003439</t>
  </si>
  <si>
    <t>Merton 023C</t>
  </si>
  <si>
    <t>E01003440</t>
  </si>
  <si>
    <t>Merton 022D</t>
  </si>
  <si>
    <t>E01003441</t>
  </si>
  <si>
    <t>Merton 022E</t>
  </si>
  <si>
    <t>E01003442</t>
  </si>
  <si>
    <t>Merton 010A</t>
  </si>
  <si>
    <t>E02000698</t>
  </si>
  <si>
    <t>Merton 010</t>
  </si>
  <si>
    <t>E01003443</t>
  </si>
  <si>
    <t>Merton 010B</t>
  </si>
  <si>
    <t>E01003444</t>
  </si>
  <si>
    <t>Merton 010C</t>
  </si>
  <si>
    <t>E01003445</t>
  </si>
  <si>
    <t>Merton 010D</t>
  </si>
  <si>
    <t>E01003446</t>
  </si>
  <si>
    <t>Merton 016C</t>
  </si>
  <si>
    <t>E01003447</t>
  </si>
  <si>
    <t>Merton 016D</t>
  </si>
  <si>
    <t>E01003448</t>
  </si>
  <si>
    <t>Merton 023D</t>
  </si>
  <si>
    <t>E01003449</t>
  </si>
  <si>
    <t>Merton 024B</t>
  </si>
  <si>
    <t>E01003450</t>
  </si>
  <si>
    <t>Merton 024C</t>
  </si>
  <si>
    <t>E01003451</t>
  </si>
  <si>
    <t>Merton 024D</t>
  </si>
  <si>
    <t>E01003452</t>
  </si>
  <si>
    <t>Merton 024E</t>
  </si>
  <si>
    <t>E01003453</t>
  </si>
  <si>
    <t>Merton 023E</t>
  </si>
  <si>
    <t>E01003454</t>
  </si>
  <si>
    <t>Merton 003B</t>
  </si>
  <si>
    <t>E01003455</t>
  </si>
  <si>
    <t>Merton 005E</t>
  </si>
  <si>
    <t>E01003456</t>
  </si>
  <si>
    <t>Merton 003C</t>
  </si>
  <si>
    <t>E01003457</t>
  </si>
  <si>
    <t>Merton 006C</t>
  </si>
  <si>
    <t>E01003458</t>
  </si>
  <si>
    <t>Merton 006D</t>
  </si>
  <si>
    <t>E01003459</t>
  </si>
  <si>
    <t>Merton 006E</t>
  </si>
  <si>
    <t>E01003460</t>
  </si>
  <si>
    <t>Merton 002A</t>
  </si>
  <si>
    <t>E02000690</t>
  </si>
  <si>
    <t>Merton 002</t>
  </si>
  <si>
    <t>E01003461</t>
  </si>
  <si>
    <t>Merton 004E</t>
  </si>
  <si>
    <t>E01003462</t>
  </si>
  <si>
    <t>Merton 002B</t>
  </si>
  <si>
    <t>E01003463</t>
  </si>
  <si>
    <t>Merton 010E</t>
  </si>
  <si>
    <t>E01003464</t>
  </si>
  <si>
    <t>Merton 002C</t>
  </si>
  <si>
    <t>E01003465</t>
  </si>
  <si>
    <t>Merton 002D</t>
  </si>
  <si>
    <t>E01003466</t>
  </si>
  <si>
    <t>Merton 020A</t>
  </si>
  <si>
    <t>E02000708</t>
  </si>
  <si>
    <t>Merton 020</t>
  </si>
  <si>
    <t>E01003467</t>
  </si>
  <si>
    <t>Merton 020B</t>
  </si>
  <si>
    <t>E01003468</t>
  </si>
  <si>
    <t>Merton 020C</t>
  </si>
  <si>
    <t>E01003469</t>
  </si>
  <si>
    <t>Merton 020D</t>
  </si>
  <si>
    <t>E01003470</t>
  </si>
  <si>
    <t>Merton 020E</t>
  </si>
  <si>
    <t>E01003471</t>
  </si>
  <si>
    <t>Merton 016E</t>
  </si>
  <si>
    <t>E01003472</t>
  </si>
  <si>
    <t>Merton 001A</t>
  </si>
  <si>
    <t>E02000689</t>
  </si>
  <si>
    <t>Merton 001</t>
  </si>
  <si>
    <t>E01003473</t>
  </si>
  <si>
    <t>Merton 001B</t>
  </si>
  <si>
    <t>E01003474</t>
  </si>
  <si>
    <t>Merton 001C</t>
  </si>
  <si>
    <t>E01003476</t>
  </si>
  <si>
    <t>Merton 003D</t>
  </si>
  <si>
    <t>E01003477</t>
  </si>
  <si>
    <t>Merton 003E</t>
  </si>
  <si>
    <t>E01003478</t>
  </si>
  <si>
    <t>Merton 001E</t>
  </si>
  <si>
    <t>E01003479</t>
  </si>
  <si>
    <t>Newham 035A</t>
  </si>
  <si>
    <t>E02000748</t>
  </si>
  <si>
    <t>Newham 035</t>
  </si>
  <si>
    <t>E09000025</t>
  </si>
  <si>
    <t>Newham</t>
  </si>
  <si>
    <t>E01003480</t>
  </si>
  <si>
    <t>Newham 033A</t>
  </si>
  <si>
    <t>E02000746</t>
  </si>
  <si>
    <t>Newham 033</t>
  </si>
  <si>
    <t>E01003481</t>
  </si>
  <si>
    <t>Newham 035B</t>
  </si>
  <si>
    <t>E01003483</t>
  </si>
  <si>
    <t>Newham 032A</t>
  </si>
  <si>
    <t>E02000745</t>
  </si>
  <si>
    <t>Newham 032</t>
  </si>
  <si>
    <t>E01003484</t>
  </si>
  <si>
    <t>Newham 032B</t>
  </si>
  <si>
    <t>E01003485</t>
  </si>
  <si>
    <t>Newham 035C</t>
  </si>
  <si>
    <t>E01003486</t>
  </si>
  <si>
    <t>Newham 033C</t>
  </si>
  <si>
    <t>E01003487</t>
  </si>
  <si>
    <t>Newham 033D</t>
  </si>
  <si>
    <t>E01003488</t>
  </si>
  <si>
    <t>Newham 019A</t>
  </si>
  <si>
    <t>E02000732</t>
  </si>
  <si>
    <t>Newham 019</t>
  </si>
  <si>
    <t>E01003489</t>
  </si>
  <si>
    <t>Newham 019B</t>
  </si>
  <si>
    <t>E01003490</t>
  </si>
  <si>
    <t>Newham 019C</t>
  </si>
  <si>
    <t>E01003491</t>
  </si>
  <si>
    <t>Newham 022A</t>
  </si>
  <si>
    <t>E02000735</t>
  </si>
  <si>
    <t>Newham 022</t>
  </si>
  <si>
    <t>E01003492</t>
  </si>
  <si>
    <t>Newham 025A</t>
  </si>
  <si>
    <t>E02000738</t>
  </si>
  <si>
    <t>Newham 025</t>
  </si>
  <si>
    <t>E01003494</t>
  </si>
  <si>
    <t>Newham 025C</t>
  </si>
  <si>
    <t>E01003495</t>
  </si>
  <si>
    <t>Newham 025D</t>
  </si>
  <si>
    <t>E01003496</t>
  </si>
  <si>
    <t>Newham 027A</t>
  </si>
  <si>
    <t>E02000740</t>
  </si>
  <si>
    <t>Newham 027</t>
  </si>
  <si>
    <t>E01003497</t>
  </si>
  <si>
    <t>Newham 034A</t>
  </si>
  <si>
    <t>E02000747</t>
  </si>
  <si>
    <t>Newham 034</t>
  </si>
  <si>
    <t>E01003498</t>
  </si>
  <si>
    <t>Newham 027B</t>
  </si>
  <si>
    <t>E01003499</t>
  </si>
  <si>
    <t>Newham 030A</t>
  </si>
  <si>
    <t>E02000743</t>
  </si>
  <si>
    <t>Newham 030</t>
  </si>
  <si>
    <t>E01003500</t>
  </si>
  <si>
    <t>Newham 027C</t>
  </si>
  <si>
    <t>E01003501</t>
  </si>
  <si>
    <t>Newham 030B</t>
  </si>
  <si>
    <t>E01003502</t>
  </si>
  <si>
    <t>Newham 030C</t>
  </si>
  <si>
    <t>E01003503</t>
  </si>
  <si>
    <t>Newham 030D</t>
  </si>
  <si>
    <t>E01003506</t>
  </si>
  <si>
    <t>Newham 034D</t>
  </si>
  <si>
    <t>E01003507</t>
  </si>
  <si>
    <t>Newham 031A</t>
  </si>
  <si>
    <t>E02000744</t>
  </si>
  <si>
    <t>Newham 031</t>
  </si>
  <si>
    <t>E01003508</t>
  </si>
  <si>
    <t>Newham 031B</t>
  </si>
  <si>
    <t>E01003509</t>
  </si>
  <si>
    <t>Newham 031C</t>
  </si>
  <si>
    <t>E01003511</t>
  </si>
  <si>
    <t>Newham 036A</t>
  </si>
  <si>
    <t>E02000749</t>
  </si>
  <si>
    <t>Newham 036</t>
  </si>
  <si>
    <t>E01003512</t>
  </si>
  <si>
    <t>Newham 036B</t>
  </si>
  <si>
    <t>E01003513</t>
  </si>
  <si>
    <t>Newham 035D</t>
  </si>
  <si>
    <t>E01003514</t>
  </si>
  <si>
    <t>Newham 036C</t>
  </si>
  <si>
    <t>E01003515</t>
  </si>
  <si>
    <t>Newham 036D</t>
  </si>
  <si>
    <t>E01003516</t>
  </si>
  <si>
    <t>Newham 032C</t>
  </si>
  <si>
    <t>E01003517</t>
  </si>
  <si>
    <t>Newham 036E</t>
  </si>
  <si>
    <t>E01003518</t>
  </si>
  <si>
    <t>Newham 032D</t>
  </si>
  <si>
    <t>E01003519</t>
  </si>
  <si>
    <t>Newham 032E</t>
  </si>
  <si>
    <t>E01003520</t>
  </si>
  <si>
    <t>Newham 018A</t>
  </si>
  <si>
    <t>E02000731</t>
  </si>
  <si>
    <t>Newham 018</t>
  </si>
  <si>
    <t>E01003521</t>
  </si>
  <si>
    <t>Newham 018B</t>
  </si>
  <si>
    <t>E01003522</t>
  </si>
  <si>
    <t>Newham 018C</t>
  </si>
  <si>
    <t>E01003523</t>
  </si>
  <si>
    <t>Newham 024A</t>
  </si>
  <si>
    <t>E02000737</t>
  </si>
  <si>
    <t>Newham 024</t>
  </si>
  <si>
    <t>E01003524</t>
  </si>
  <si>
    <t>Newham 019D</t>
  </si>
  <si>
    <t>E01003525</t>
  </si>
  <si>
    <t>Newham 018D</t>
  </si>
  <si>
    <t>E01003526</t>
  </si>
  <si>
    <t>Newham 018E</t>
  </si>
  <si>
    <t>E01003527</t>
  </si>
  <si>
    <t>Newham 024B</t>
  </si>
  <si>
    <t>E01003528</t>
  </si>
  <si>
    <t>Newham 005A</t>
  </si>
  <si>
    <t>E02000718</t>
  </si>
  <si>
    <t>Newham 005</t>
  </si>
  <si>
    <t>E01003529</t>
  </si>
  <si>
    <t>Newham 010A</t>
  </si>
  <si>
    <t>E02000723</t>
  </si>
  <si>
    <t>Newham 010</t>
  </si>
  <si>
    <t>E01003530</t>
  </si>
  <si>
    <t>Newham 010B</t>
  </si>
  <si>
    <t>E01003531</t>
  </si>
  <si>
    <t>Newham 010C</t>
  </si>
  <si>
    <t>E01003532</t>
  </si>
  <si>
    <t>Newham 010D</t>
  </si>
  <si>
    <t>E01003533</t>
  </si>
  <si>
    <t>Newham 011A</t>
  </si>
  <si>
    <t>E02000724</t>
  </si>
  <si>
    <t>Newham 011</t>
  </si>
  <si>
    <t>E01003534</t>
  </si>
  <si>
    <t>Newham 010E</t>
  </si>
  <si>
    <t>E01003535</t>
  </si>
  <si>
    <t>Newham 023A</t>
  </si>
  <si>
    <t>E02000736</t>
  </si>
  <si>
    <t>Newham 023</t>
  </si>
  <si>
    <t>E01003536</t>
  </si>
  <si>
    <t>Newham 023B</t>
  </si>
  <si>
    <t>E01003537</t>
  </si>
  <si>
    <t>Newham 024C</t>
  </si>
  <si>
    <t>E01003538</t>
  </si>
  <si>
    <t>Newham 029A</t>
  </si>
  <si>
    <t>E02000742</t>
  </si>
  <si>
    <t>Newham 029</t>
  </si>
  <si>
    <t>E01003539</t>
  </si>
  <si>
    <t>Newham 029B</t>
  </si>
  <si>
    <t>E01003540</t>
  </si>
  <si>
    <t>Newham 029C</t>
  </si>
  <si>
    <t>E01003541</t>
  </si>
  <si>
    <t>Newham 029D</t>
  </si>
  <si>
    <t>E01003542</t>
  </si>
  <si>
    <t>Newham 024D</t>
  </si>
  <si>
    <t>E01003543</t>
  </si>
  <si>
    <t>Newham 001A</t>
  </si>
  <si>
    <t>E02000714</t>
  </si>
  <si>
    <t>Newham 001</t>
  </si>
  <si>
    <t>E01003544</t>
  </si>
  <si>
    <t>Newham 001B</t>
  </si>
  <si>
    <t>E01003545</t>
  </si>
  <si>
    <t>Newham 006A</t>
  </si>
  <si>
    <t>E02000719</t>
  </si>
  <si>
    <t>Newham 006</t>
  </si>
  <si>
    <t>E01003546</t>
  </si>
  <si>
    <t>Newham 001C</t>
  </si>
  <si>
    <t>E01003547</t>
  </si>
  <si>
    <t>Newham 007A</t>
  </si>
  <si>
    <t>E02000720</t>
  </si>
  <si>
    <t>Newham 007</t>
  </si>
  <si>
    <t>E01003548</t>
  </si>
  <si>
    <t>Newham 006B</t>
  </si>
  <si>
    <t>E01003549</t>
  </si>
  <si>
    <t>Newham 006C</t>
  </si>
  <si>
    <t>E01003550</t>
  </si>
  <si>
    <t>Newham 001D</t>
  </si>
  <si>
    <t>E01003551</t>
  </si>
  <si>
    <t>Newham 009A</t>
  </si>
  <si>
    <t>E02000722</t>
  </si>
  <si>
    <t>Newham 009</t>
  </si>
  <si>
    <t>E01003552</t>
  </si>
  <si>
    <t>Newham 016A</t>
  </si>
  <si>
    <t>E02000729</t>
  </si>
  <si>
    <t>Newham 016</t>
  </si>
  <si>
    <t>E01003553</t>
  </si>
  <si>
    <t>Newham 009B</t>
  </si>
  <si>
    <t>E01003554</t>
  </si>
  <si>
    <t>Newham 009C</t>
  </si>
  <si>
    <t>E01003555</t>
  </si>
  <si>
    <t>Newham 007B</t>
  </si>
  <si>
    <t>E01003556</t>
  </si>
  <si>
    <t>Newham 008A</t>
  </si>
  <si>
    <t>E02000721</t>
  </si>
  <si>
    <t>Newham 008</t>
  </si>
  <si>
    <t>E01003557</t>
  </si>
  <si>
    <t>Newham 006D</t>
  </si>
  <si>
    <t>E01003558</t>
  </si>
  <si>
    <t>Newham 008B</t>
  </si>
  <si>
    <t>E01003559</t>
  </si>
  <si>
    <t>Newham 009D</t>
  </si>
  <si>
    <t>E01003560</t>
  </si>
  <si>
    <t>Newham 011B</t>
  </si>
  <si>
    <t>E01003561</t>
  </si>
  <si>
    <t>Newham 007C</t>
  </si>
  <si>
    <t>E01003562</t>
  </si>
  <si>
    <t>Newham 014A</t>
  </si>
  <si>
    <t>E02000727</t>
  </si>
  <si>
    <t>Newham 014</t>
  </si>
  <si>
    <t>E01003563</t>
  </si>
  <si>
    <t>Newham 011C</t>
  </si>
  <si>
    <t>E01003564</t>
  </si>
  <si>
    <t>Newham 014B</t>
  </si>
  <si>
    <t>E01003565</t>
  </si>
  <si>
    <t>Newham 014C</t>
  </si>
  <si>
    <t>E01003566</t>
  </si>
  <si>
    <t>Newham 014D</t>
  </si>
  <si>
    <t>E01003567</t>
  </si>
  <si>
    <t>Newham 007D</t>
  </si>
  <si>
    <t>E01003568</t>
  </si>
  <si>
    <t>Newham 017A</t>
  </si>
  <si>
    <t>E02000730</t>
  </si>
  <si>
    <t>Newham 017</t>
  </si>
  <si>
    <t>E01003569</t>
  </si>
  <si>
    <t>Newham 017B</t>
  </si>
  <si>
    <t>E01003570</t>
  </si>
  <si>
    <t>Newham 008C</t>
  </si>
  <si>
    <t>E01003571</t>
  </si>
  <si>
    <t>Newham 008D</t>
  </si>
  <si>
    <t>E01003572</t>
  </si>
  <si>
    <t>Newham 008E</t>
  </si>
  <si>
    <t>E01003573</t>
  </si>
  <si>
    <t>Newham 017C</t>
  </si>
  <si>
    <t>E01003574</t>
  </si>
  <si>
    <t>Newham 017D</t>
  </si>
  <si>
    <t>E01003575</t>
  </si>
  <si>
    <t>Newham 005B</t>
  </si>
  <si>
    <t>E01003576</t>
  </si>
  <si>
    <t>Newham 002A</t>
  </si>
  <si>
    <t>E02000715</t>
  </si>
  <si>
    <t>Newham 002</t>
  </si>
  <si>
    <t>E01003577</t>
  </si>
  <si>
    <t>Newham 005C</t>
  </si>
  <si>
    <t>E01003578</t>
  </si>
  <si>
    <t>Newham 003A</t>
  </si>
  <si>
    <t>E02000716</t>
  </si>
  <si>
    <t>Newham 003</t>
  </si>
  <si>
    <t>E01003579</t>
  </si>
  <si>
    <t>Newham 004A</t>
  </si>
  <si>
    <t>E02000717</t>
  </si>
  <si>
    <t>Newham 004</t>
  </si>
  <si>
    <t>E01003580</t>
  </si>
  <si>
    <t>Newham 005D</t>
  </si>
  <si>
    <t>E01003581</t>
  </si>
  <si>
    <t>Newham 002B</t>
  </si>
  <si>
    <t>E01003582</t>
  </si>
  <si>
    <t>Newham 002C</t>
  </si>
  <si>
    <t>E01003583</t>
  </si>
  <si>
    <t>Newham 002D</t>
  </si>
  <si>
    <t>E01003584</t>
  </si>
  <si>
    <t>Newham 003B</t>
  </si>
  <si>
    <t>E01003585</t>
  </si>
  <si>
    <t>Newham 004B</t>
  </si>
  <si>
    <t>E01003586</t>
  </si>
  <si>
    <t>Newham 003C</t>
  </si>
  <si>
    <t>E01003587</t>
  </si>
  <si>
    <t>Newham 004C</t>
  </si>
  <si>
    <t>E01003588</t>
  </si>
  <si>
    <t>Newham 011D</t>
  </si>
  <si>
    <t>E01003589</t>
  </si>
  <si>
    <t>Newham 011E</t>
  </si>
  <si>
    <t>E01003590</t>
  </si>
  <si>
    <t>Newham 003D</t>
  </si>
  <si>
    <t>E01003591</t>
  </si>
  <si>
    <t>Newham 004D</t>
  </si>
  <si>
    <t>E01003592</t>
  </si>
  <si>
    <t>Newham 022B</t>
  </si>
  <si>
    <t>E01003593</t>
  </si>
  <si>
    <t>Newham 027D</t>
  </si>
  <si>
    <t>E01003594</t>
  </si>
  <si>
    <t>Newham 026A</t>
  </si>
  <si>
    <t>E02000739</t>
  </si>
  <si>
    <t>Newham 026</t>
  </si>
  <si>
    <t>E01003595</t>
  </si>
  <si>
    <t>Newham 026B</t>
  </si>
  <si>
    <t>E01003596</t>
  </si>
  <si>
    <t>Newham 016B</t>
  </si>
  <si>
    <t>E01003597</t>
  </si>
  <si>
    <t>Newham 016C</t>
  </si>
  <si>
    <t>E01003598</t>
  </si>
  <si>
    <t>Newham 021A</t>
  </si>
  <si>
    <t>E02000734</t>
  </si>
  <si>
    <t>Newham 021</t>
  </si>
  <si>
    <t>E01003599</t>
  </si>
  <si>
    <t>Newham 022C</t>
  </si>
  <si>
    <t>E01003600</t>
  </si>
  <si>
    <t>Newham 021B</t>
  </si>
  <si>
    <t>E01003601</t>
  </si>
  <si>
    <t>Newham 028A</t>
  </si>
  <si>
    <t>E02000741</t>
  </si>
  <si>
    <t>Newham 028</t>
  </si>
  <si>
    <t>E01003602</t>
  </si>
  <si>
    <t>Newham 026C</t>
  </si>
  <si>
    <t>E01003603</t>
  </si>
  <si>
    <t>Newham 028B</t>
  </si>
  <si>
    <t>E01003604</t>
  </si>
  <si>
    <t>Newham 031D</t>
  </si>
  <si>
    <t>E01003605</t>
  </si>
  <si>
    <t>Newham 028C</t>
  </si>
  <si>
    <t>E01003607</t>
  </si>
  <si>
    <t>Newham 026D</t>
  </si>
  <si>
    <t>E01003608</t>
  </si>
  <si>
    <t>Newham 028D</t>
  </si>
  <si>
    <t>E01003611</t>
  </si>
  <si>
    <t>Newham 041C</t>
  </si>
  <si>
    <t>E02006998</t>
  </si>
  <si>
    <t>Newham 041</t>
  </si>
  <si>
    <t>E01003615</t>
  </si>
  <si>
    <t>Newham 039A</t>
  </si>
  <si>
    <t>E02006996</t>
  </si>
  <si>
    <t>Newham 039</t>
  </si>
  <si>
    <t>E01003616</t>
  </si>
  <si>
    <t>Newham 012A</t>
  </si>
  <si>
    <t>E02000725</t>
  </si>
  <si>
    <t>Newham 012</t>
  </si>
  <si>
    <t>E01003618</t>
  </si>
  <si>
    <t>Newham 012C</t>
  </si>
  <si>
    <t>E01003619</t>
  </si>
  <si>
    <t>Newham 012D</t>
  </si>
  <si>
    <t>E01003621</t>
  </si>
  <si>
    <t>Newham 023C</t>
  </si>
  <si>
    <t>E01003622</t>
  </si>
  <si>
    <t>Newham 023D</t>
  </si>
  <si>
    <t>E01003623</t>
  </si>
  <si>
    <t>Newham 023E</t>
  </si>
  <si>
    <t>E01003624</t>
  </si>
  <si>
    <t>Newham 024E</t>
  </si>
  <si>
    <t>E01003625</t>
  </si>
  <si>
    <t>Newham 015A</t>
  </si>
  <si>
    <t>E02000728</t>
  </si>
  <si>
    <t>Newham 015</t>
  </si>
  <si>
    <t>E01003626</t>
  </si>
  <si>
    <t>Newham 015B</t>
  </si>
  <si>
    <t>E01003627</t>
  </si>
  <si>
    <t>Newham 015C</t>
  </si>
  <si>
    <t>E01003628</t>
  </si>
  <si>
    <t>Newham 015D</t>
  </si>
  <si>
    <t>E01003629</t>
  </si>
  <si>
    <t>Newham 015E</t>
  </si>
  <si>
    <t>E01003630</t>
  </si>
  <si>
    <t>Newham 021C</t>
  </si>
  <si>
    <t>E01003631</t>
  </si>
  <si>
    <t>Newham 020A</t>
  </si>
  <si>
    <t>E02000733</t>
  </si>
  <si>
    <t>Newham 020</t>
  </si>
  <si>
    <t>E01003632</t>
  </si>
  <si>
    <t>Newham 020B</t>
  </si>
  <si>
    <t>E01003633</t>
  </si>
  <si>
    <t>Newham 020C</t>
  </si>
  <si>
    <t>E01003634</t>
  </si>
  <si>
    <t>Newham 020D</t>
  </si>
  <si>
    <t>E01003635</t>
  </si>
  <si>
    <t>Newham 016D</t>
  </si>
  <si>
    <t>E01003636</t>
  </si>
  <si>
    <t>Newham 020E</t>
  </si>
  <si>
    <t>E01003637</t>
  </si>
  <si>
    <t>Newham 021D</t>
  </si>
  <si>
    <t>E01003638</t>
  </si>
  <si>
    <t>Redbridge 017A</t>
  </si>
  <si>
    <t>E02000767</t>
  </si>
  <si>
    <t>Redbridge 017</t>
  </si>
  <si>
    <t>E09000026</t>
  </si>
  <si>
    <t>Redbridge</t>
  </si>
  <si>
    <t>E01003639</t>
  </si>
  <si>
    <t>Redbridge 013A</t>
  </si>
  <si>
    <t>E02000763</t>
  </si>
  <si>
    <t>Redbridge 013</t>
  </si>
  <si>
    <t>E01003640</t>
  </si>
  <si>
    <t>Redbridge 013B</t>
  </si>
  <si>
    <t>E01003641</t>
  </si>
  <si>
    <t>Redbridge 013C</t>
  </si>
  <si>
    <t>E01003642</t>
  </si>
  <si>
    <t>Redbridge 013D</t>
  </si>
  <si>
    <t>E01003643</t>
  </si>
  <si>
    <t>Redbridge 017B</t>
  </si>
  <si>
    <t>E01003644</t>
  </si>
  <si>
    <t>Redbridge 017C</t>
  </si>
  <si>
    <t>E01003645</t>
  </si>
  <si>
    <t>Redbridge 017D</t>
  </si>
  <si>
    <t>E01003646</t>
  </si>
  <si>
    <t>Redbridge 012A</t>
  </si>
  <si>
    <t>E02000762</t>
  </si>
  <si>
    <t>Redbridge 012</t>
  </si>
  <si>
    <t>E01003647</t>
  </si>
  <si>
    <t>Redbridge 015A</t>
  </si>
  <si>
    <t>E02000765</t>
  </si>
  <si>
    <t>Redbridge 015</t>
  </si>
  <si>
    <t>E01003648</t>
  </si>
  <si>
    <t>Redbridge 012B</t>
  </si>
  <si>
    <t>E01003649</t>
  </si>
  <si>
    <t>Redbridge 012C</t>
  </si>
  <si>
    <t>E01003650</t>
  </si>
  <si>
    <t>Redbridge 015B</t>
  </si>
  <si>
    <t>E01003651</t>
  </si>
  <si>
    <t>Redbridge 012D</t>
  </si>
  <si>
    <t>E01003652</t>
  </si>
  <si>
    <t>Redbridge 015C</t>
  </si>
  <si>
    <t>E01003653</t>
  </si>
  <si>
    <t>Redbridge 015D</t>
  </si>
  <si>
    <t>E01003654</t>
  </si>
  <si>
    <t>Redbridge 004A</t>
  </si>
  <si>
    <t>E02000754</t>
  </si>
  <si>
    <t>Redbridge 004</t>
  </si>
  <si>
    <t>E01003655</t>
  </si>
  <si>
    <t>Redbridge 004B</t>
  </si>
  <si>
    <t>E01003656</t>
  </si>
  <si>
    <t>Redbridge 005A</t>
  </si>
  <si>
    <t>E02000755</t>
  </si>
  <si>
    <t>Redbridge 005</t>
  </si>
  <si>
    <t>E01003657</t>
  </si>
  <si>
    <t>Redbridge 005B</t>
  </si>
  <si>
    <t>E01003658</t>
  </si>
  <si>
    <t>Redbridge 004C</t>
  </si>
  <si>
    <t>E01003659</t>
  </si>
  <si>
    <t>Redbridge 005C</t>
  </si>
  <si>
    <t>E01003660</t>
  </si>
  <si>
    <t>Redbridge 004D</t>
  </si>
  <si>
    <t>E01003661</t>
  </si>
  <si>
    <t>Redbridge 038A</t>
  </si>
  <si>
    <t>E02007018</t>
  </si>
  <si>
    <t>Redbridge 038</t>
  </si>
  <si>
    <t>E01003662</t>
  </si>
  <si>
    <t>Redbridge 038C</t>
  </si>
  <si>
    <t>E01003663</t>
  </si>
  <si>
    <t>Redbridge 037A</t>
  </si>
  <si>
    <t>E02007017</t>
  </si>
  <si>
    <t>Redbridge 037</t>
  </si>
  <si>
    <t>E01003664</t>
  </si>
  <si>
    <t>Redbridge 037B</t>
  </si>
  <si>
    <t>E01003665</t>
  </si>
  <si>
    <t>Redbridge 037E</t>
  </si>
  <si>
    <t>E01003666</t>
  </si>
  <si>
    <t>Redbridge 038B</t>
  </si>
  <si>
    <t>E01003668</t>
  </si>
  <si>
    <t>Redbridge 007A</t>
  </si>
  <si>
    <t>E02000757</t>
  </si>
  <si>
    <t>Redbridge 007</t>
  </si>
  <si>
    <t>E01003669</t>
  </si>
  <si>
    <t>Redbridge 007B</t>
  </si>
  <si>
    <t>E01003670</t>
  </si>
  <si>
    <t>Redbridge 007C</t>
  </si>
  <si>
    <t>E01003671</t>
  </si>
  <si>
    <t>Redbridge 007D</t>
  </si>
  <si>
    <t>E01003672</t>
  </si>
  <si>
    <t>Redbridge 007E</t>
  </si>
  <si>
    <t>E01003673</t>
  </si>
  <si>
    <t>Redbridge 007F</t>
  </si>
  <si>
    <t>E01003674</t>
  </si>
  <si>
    <t>Redbridge 007G</t>
  </si>
  <si>
    <t>E01003675</t>
  </si>
  <si>
    <t>Redbridge 036A</t>
  </si>
  <si>
    <t>E02006925</t>
  </si>
  <si>
    <t>Redbridge 036</t>
  </si>
  <si>
    <t>E01003676</t>
  </si>
  <si>
    <t>Redbridge 036B</t>
  </si>
  <si>
    <t>E01003677</t>
  </si>
  <si>
    <t>Redbridge 036C</t>
  </si>
  <si>
    <t>E01003678</t>
  </si>
  <si>
    <t>Redbridge 036D</t>
  </si>
  <si>
    <t>E01003679</t>
  </si>
  <si>
    <t>Redbridge 036E</t>
  </si>
  <si>
    <t>E01003680</t>
  </si>
  <si>
    <t>Redbridge 036F</t>
  </si>
  <si>
    <t>E01003681</t>
  </si>
  <si>
    <t>Redbridge 036G</t>
  </si>
  <si>
    <t>E01003682</t>
  </si>
  <si>
    <t>Redbridge 036H</t>
  </si>
  <si>
    <t>E01003683</t>
  </si>
  <si>
    <t>Redbridge 040C</t>
  </si>
  <si>
    <t>E02007020</t>
  </si>
  <si>
    <t>Redbridge 040</t>
  </si>
  <si>
    <t>E01003684</t>
  </si>
  <si>
    <t>Redbridge 040E</t>
  </si>
  <si>
    <t>E01003685</t>
  </si>
  <si>
    <t>Redbridge 040D</t>
  </si>
  <si>
    <t>E01003686</t>
  </si>
  <si>
    <t>Redbridge 040A</t>
  </si>
  <si>
    <t>E01003688</t>
  </si>
  <si>
    <t>Redbridge 040B</t>
  </si>
  <si>
    <t>E01003689</t>
  </si>
  <si>
    <t>Redbridge 039C</t>
  </si>
  <si>
    <t>E02007019</t>
  </si>
  <si>
    <t>Redbridge 039</t>
  </si>
  <si>
    <t>E01003690</t>
  </si>
  <si>
    <t>Redbridge 035A</t>
  </si>
  <si>
    <t>E02006924</t>
  </si>
  <si>
    <t>Redbridge 035</t>
  </si>
  <si>
    <t>E01003691</t>
  </si>
  <si>
    <t>Redbridge 035B</t>
  </si>
  <si>
    <t>E01003692</t>
  </si>
  <si>
    <t>Redbridge 035C</t>
  </si>
  <si>
    <t>E01003693</t>
  </si>
  <si>
    <t>Redbridge 035D</t>
  </si>
  <si>
    <t>E01003694</t>
  </si>
  <si>
    <t>Redbridge 035E</t>
  </si>
  <si>
    <t>E01003695</t>
  </si>
  <si>
    <t>Redbridge 035F</t>
  </si>
  <si>
    <t>E01003696</t>
  </si>
  <si>
    <t>Redbridge 035G</t>
  </si>
  <si>
    <t>E01003697</t>
  </si>
  <si>
    <t>Redbridge 035H</t>
  </si>
  <si>
    <t>E01003698</t>
  </si>
  <si>
    <t>Redbridge 006A</t>
  </si>
  <si>
    <t>E02000756</t>
  </si>
  <si>
    <t>Redbridge 006</t>
  </si>
  <si>
    <t>E01003699</t>
  </si>
  <si>
    <t>Redbridge 006B</t>
  </si>
  <si>
    <t>E01003700</t>
  </si>
  <si>
    <t>Redbridge 006C</t>
  </si>
  <si>
    <t>E01003701</t>
  </si>
  <si>
    <t>Redbridge 006D</t>
  </si>
  <si>
    <t>E01003702</t>
  </si>
  <si>
    <t>Redbridge 006E</t>
  </si>
  <si>
    <t>E01003703</t>
  </si>
  <si>
    <t>Redbridge 006F</t>
  </si>
  <si>
    <t>E01003704</t>
  </si>
  <si>
    <t>Redbridge 006G</t>
  </si>
  <si>
    <t>E01003705</t>
  </si>
  <si>
    <t>Redbridge 010A</t>
  </si>
  <si>
    <t>E02000760</t>
  </si>
  <si>
    <t>Redbridge 010</t>
  </si>
  <si>
    <t>E01003706</t>
  </si>
  <si>
    <t>Redbridge 010B</t>
  </si>
  <si>
    <t>E01003707</t>
  </si>
  <si>
    <t>Redbridge 008A</t>
  </si>
  <si>
    <t>E02000758</t>
  </si>
  <si>
    <t>Redbridge 008</t>
  </si>
  <si>
    <t>E01003708</t>
  </si>
  <si>
    <t>Redbridge 008B</t>
  </si>
  <si>
    <t>E01003709</t>
  </si>
  <si>
    <t>Redbridge 008C</t>
  </si>
  <si>
    <t>E01003710</t>
  </si>
  <si>
    <t>Redbridge 008D</t>
  </si>
  <si>
    <t>E01003711</t>
  </si>
  <si>
    <t>Redbridge 010C</t>
  </si>
  <si>
    <t>E01003712</t>
  </si>
  <si>
    <t>Redbridge 010D</t>
  </si>
  <si>
    <t>E01003713</t>
  </si>
  <si>
    <t>Redbridge 034A</t>
  </si>
  <si>
    <t>E02006800</t>
  </si>
  <si>
    <t>Redbridge 034</t>
  </si>
  <si>
    <t>E01003714</t>
  </si>
  <si>
    <t>Redbridge 034B</t>
  </si>
  <si>
    <t>E01003715</t>
  </si>
  <si>
    <t>Redbridge 034C</t>
  </si>
  <si>
    <t>E01003716</t>
  </si>
  <si>
    <t>Redbridge 034D</t>
  </si>
  <si>
    <t>E01003718</t>
  </si>
  <si>
    <t>Redbridge 034E</t>
  </si>
  <si>
    <t>E01003719</t>
  </si>
  <si>
    <t>Redbridge 034F</t>
  </si>
  <si>
    <t>E01003720</t>
  </si>
  <si>
    <t>Redbridge 002A</t>
  </si>
  <si>
    <t>E02000752</t>
  </si>
  <si>
    <t>Redbridge 002</t>
  </si>
  <si>
    <t>E01003721</t>
  </si>
  <si>
    <t>Redbridge 003A</t>
  </si>
  <si>
    <t>E02000753</t>
  </si>
  <si>
    <t>Redbridge 003</t>
  </si>
  <si>
    <t>E01003722</t>
  </si>
  <si>
    <t>Redbridge 002B</t>
  </si>
  <si>
    <t>E01003723</t>
  </si>
  <si>
    <t>Redbridge 002C</t>
  </si>
  <si>
    <t>E01003724</t>
  </si>
  <si>
    <t>Redbridge 003B</t>
  </si>
  <si>
    <t>E01003725</t>
  </si>
  <si>
    <t>Redbridge 003C</t>
  </si>
  <si>
    <t>E01003726</t>
  </si>
  <si>
    <t>Redbridge 002D</t>
  </si>
  <si>
    <t>E01003727</t>
  </si>
  <si>
    <t>Redbridge 003D</t>
  </si>
  <si>
    <t>E01003729</t>
  </si>
  <si>
    <t>Redbridge 032B</t>
  </si>
  <si>
    <t>E02000782</t>
  </si>
  <si>
    <t>Redbridge 032</t>
  </si>
  <si>
    <t>E01003730</t>
  </si>
  <si>
    <t>Redbridge 032C</t>
  </si>
  <si>
    <t>E01003731</t>
  </si>
  <si>
    <t>Redbridge 033A</t>
  </si>
  <si>
    <t>E02000783</t>
  </si>
  <si>
    <t>Redbridge 033</t>
  </si>
  <si>
    <t>E01003732</t>
  </si>
  <si>
    <t>Redbridge 032D</t>
  </si>
  <si>
    <t>E01003733</t>
  </si>
  <si>
    <t>Redbridge 032E</t>
  </si>
  <si>
    <t>E01003734</t>
  </si>
  <si>
    <t>Redbridge 033B</t>
  </si>
  <si>
    <t>E01003735</t>
  </si>
  <si>
    <t>Redbridge 033C</t>
  </si>
  <si>
    <t>E01003736</t>
  </si>
  <si>
    <t>Redbridge 033D</t>
  </si>
  <si>
    <t>E01003737</t>
  </si>
  <si>
    <t>Redbridge 031A</t>
  </si>
  <si>
    <t>E02000781</t>
  </si>
  <si>
    <t>Redbridge 031</t>
  </si>
  <si>
    <t>E01003738</t>
  </si>
  <si>
    <t>Redbridge 031B</t>
  </si>
  <si>
    <t>E01003739</t>
  </si>
  <si>
    <t>Redbridge 031C</t>
  </si>
  <si>
    <t>E01003740</t>
  </si>
  <si>
    <t>Redbridge 031D</t>
  </si>
  <si>
    <t>E01003741</t>
  </si>
  <si>
    <t>Redbridge 031E</t>
  </si>
  <si>
    <t>E01003742</t>
  </si>
  <si>
    <t>Redbridge 031F</t>
  </si>
  <si>
    <t>E01003743</t>
  </si>
  <si>
    <t>Redbridge 031G</t>
  </si>
  <si>
    <t>E01003744</t>
  </si>
  <si>
    <t>Redbridge 001A</t>
  </si>
  <si>
    <t>E02000751</t>
  </si>
  <si>
    <t>Redbridge 001</t>
  </si>
  <si>
    <t>E01003745</t>
  </si>
  <si>
    <t>Redbridge 001B</t>
  </si>
  <si>
    <t>E01003746</t>
  </si>
  <si>
    <t>Redbridge 001C</t>
  </si>
  <si>
    <t>E01003747</t>
  </si>
  <si>
    <t>Redbridge 001D</t>
  </si>
  <si>
    <t>E01003748</t>
  </si>
  <si>
    <t>Redbridge 001E</t>
  </si>
  <si>
    <t>E01003749</t>
  </si>
  <si>
    <t>Redbridge 001F</t>
  </si>
  <si>
    <t>E01003750</t>
  </si>
  <si>
    <t>Redbridge 001G</t>
  </si>
  <si>
    <t>E01003751</t>
  </si>
  <si>
    <t>Redbridge 020A</t>
  </si>
  <si>
    <t>E02000770</t>
  </si>
  <si>
    <t>Redbridge 020</t>
  </si>
  <si>
    <t>E01003752</t>
  </si>
  <si>
    <t>Redbridge 023A</t>
  </si>
  <si>
    <t>E02000773</t>
  </si>
  <si>
    <t>Redbridge 023</t>
  </si>
  <si>
    <t>E01003753</t>
  </si>
  <si>
    <t>Redbridge 020B</t>
  </si>
  <si>
    <t>E01003754</t>
  </si>
  <si>
    <t>Redbridge 020C</t>
  </si>
  <si>
    <t>E01003755</t>
  </si>
  <si>
    <t>Redbridge 023B</t>
  </si>
  <si>
    <t>E01003756</t>
  </si>
  <si>
    <t>Redbridge 023C</t>
  </si>
  <si>
    <t>E01003757</t>
  </si>
  <si>
    <t>Redbridge 020D</t>
  </si>
  <si>
    <t>E01003759</t>
  </si>
  <si>
    <t>Redbridge 009A</t>
  </si>
  <si>
    <t>E02000759</t>
  </si>
  <si>
    <t>Redbridge 009</t>
  </si>
  <si>
    <t>E01003760</t>
  </si>
  <si>
    <t>Redbridge 009B</t>
  </si>
  <si>
    <t>E01003761</t>
  </si>
  <si>
    <t>Redbridge 009C</t>
  </si>
  <si>
    <t>E01003762</t>
  </si>
  <si>
    <t>Redbridge 009D</t>
  </si>
  <si>
    <t>E01003763</t>
  </si>
  <si>
    <t>Redbridge 009E</t>
  </si>
  <si>
    <t>E01003764</t>
  </si>
  <si>
    <t>Redbridge 009F</t>
  </si>
  <si>
    <t>E01003765</t>
  </si>
  <si>
    <t>Redbridge 009G</t>
  </si>
  <si>
    <t>E01003766</t>
  </si>
  <si>
    <t>Redbridge 024A</t>
  </si>
  <si>
    <t>E02000774</t>
  </si>
  <si>
    <t>Redbridge 024</t>
  </si>
  <si>
    <t>E01003767</t>
  </si>
  <si>
    <t>Redbridge 024B</t>
  </si>
  <si>
    <t>E01003768</t>
  </si>
  <si>
    <t>Redbridge 024C</t>
  </si>
  <si>
    <t>E01003769</t>
  </si>
  <si>
    <t>Redbridge 022A</t>
  </si>
  <si>
    <t>E02000772</t>
  </si>
  <si>
    <t>Redbridge 022</t>
  </si>
  <si>
    <t>E01003770</t>
  </si>
  <si>
    <t>Redbridge 022B</t>
  </si>
  <si>
    <t>E01003771</t>
  </si>
  <si>
    <t>Redbridge 022C</t>
  </si>
  <si>
    <t>E01003772</t>
  </si>
  <si>
    <t>Redbridge 024D</t>
  </si>
  <si>
    <t>E01003773</t>
  </si>
  <si>
    <t>Redbridge 022D</t>
  </si>
  <si>
    <t>E01003774</t>
  </si>
  <si>
    <t>Redbridge 014A</t>
  </si>
  <si>
    <t>E02000764</t>
  </si>
  <si>
    <t>Redbridge 014</t>
  </si>
  <si>
    <t>E01003775</t>
  </si>
  <si>
    <t>Redbridge 014B</t>
  </si>
  <si>
    <t>E01003776</t>
  </si>
  <si>
    <t>Redbridge 014C</t>
  </si>
  <si>
    <t>E01003777</t>
  </si>
  <si>
    <t>Redbridge 014D</t>
  </si>
  <si>
    <t>E01003778</t>
  </si>
  <si>
    <t>Redbridge 014E</t>
  </si>
  <si>
    <t>E01003779</t>
  </si>
  <si>
    <t>Redbridge 014F</t>
  </si>
  <si>
    <t>E01003780</t>
  </si>
  <si>
    <t>Redbridge 014G</t>
  </si>
  <si>
    <t>E01003781</t>
  </si>
  <si>
    <t>Redbridge 026A</t>
  </si>
  <si>
    <t>E02000776</t>
  </si>
  <si>
    <t>Redbridge 026</t>
  </si>
  <si>
    <t>E01003782</t>
  </si>
  <si>
    <t>Redbridge 026B</t>
  </si>
  <si>
    <t>E01003783</t>
  </si>
  <si>
    <t>Redbridge 029A</t>
  </si>
  <si>
    <t>E02000779</t>
  </si>
  <si>
    <t>Redbridge 029</t>
  </si>
  <si>
    <t>E01003784</t>
  </si>
  <si>
    <t>Redbridge 029B</t>
  </si>
  <si>
    <t>E01003785</t>
  </si>
  <si>
    <t>Redbridge 029C</t>
  </si>
  <si>
    <t>E01003786</t>
  </si>
  <si>
    <t>Redbridge 026C</t>
  </si>
  <si>
    <t>E01003787</t>
  </si>
  <si>
    <t>Redbridge 026D</t>
  </si>
  <si>
    <t>E01003788</t>
  </si>
  <si>
    <t>Redbridge 029D</t>
  </si>
  <si>
    <t>E01003789</t>
  </si>
  <si>
    <t>Redbridge 018A</t>
  </si>
  <si>
    <t>E02000768</t>
  </si>
  <si>
    <t>Redbridge 018</t>
  </si>
  <si>
    <t>E01003790</t>
  </si>
  <si>
    <t>Redbridge 027A</t>
  </si>
  <si>
    <t>E02000777</t>
  </si>
  <si>
    <t>Redbridge 027</t>
  </si>
  <si>
    <t>E01003791</t>
  </si>
  <si>
    <t>Redbridge 027B</t>
  </si>
  <si>
    <t>E01003792</t>
  </si>
  <si>
    <t>Redbridge 027C</t>
  </si>
  <si>
    <t>E01003793</t>
  </si>
  <si>
    <t>Redbridge 027D</t>
  </si>
  <si>
    <t>E01003794</t>
  </si>
  <si>
    <t>Redbridge 018B</t>
  </si>
  <si>
    <t>E01003795</t>
  </si>
  <si>
    <t>Redbridge 018C</t>
  </si>
  <si>
    <t>E01003796</t>
  </si>
  <si>
    <t>Redbridge 018D</t>
  </si>
  <si>
    <t>E01003797</t>
  </si>
  <si>
    <t>Richmond upon Thames 001A</t>
  </si>
  <si>
    <t>E02000784</t>
  </si>
  <si>
    <t>Richmond upon Thames 001</t>
  </si>
  <si>
    <t>E09000027</t>
  </si>
  <si>
    <t>Richmond upon Thames</t>
  </si>
  <si>
    <t>E01003798</t>
  </si>
  <si>
    <t>Richmond upon Thames 001B</t>
  </si>
  <si>
    <t>E01003799</t>
  </si>
  <si>
    <t>Richmond upon Thames 001C</t>
  </si>
  <si>
    <t>E01003800</t>
  </si>
  <si>
    <t>Richmond upon Thames 001D</t>
  </si>
  <si>
    <t>E01003801</t>
  </si>
  <si>
    <t>Richmond upon Thames 001E</t>
  </si>
  <si>
    <t>E01003802</t>
  </si>
  <si>
    <t>Richmond upon Thames 001F</t>
  </si>
  <si>
    <t>E01003803</t>
  </si>
  <si>
    <t>Richmond upon Thames 001G</t>
  </si>
  <si>
    <t>E01003804</t>
  </si>
  <si>
    <t>Richmond upon Thames 005A</t>
  </si>
  <si>
    <t>E02000788</t>
  </si>
  <si>
    <t>Richmond upon Thames 005</t>
  </si>
  <si>
    <t>E01003805</t>
  </si>
  <si>
    <t>Richmond upon Thames 012A</t>
  </si>
  <si>
    <t>E02000795</t>
  </si>
  <si>
    <t>Richmond upon Thames 012</t>
  </si>
  <si>
    <t>E01003806</t>
  </si>
  <si>
    <t>Richmond upon Thames 012B</t>
  </si>
  <si>
    <t>E01003807</t>
  </si>
  <si>
    <t>Richmond upon Thames 005B</t>
  </si>
  <si>
    <t>E01003808</t>
  </si>
  <si>
    <t>Richmond upon Thames 005C</t>
  </si>
  <si>
    <t>E01003809</t>
  </si>
  <si>
    <t>Richmond upon Thames 005D</t>
  </si>
  <si>
    <t>E01003810</t>
  </si>
  <si>
    <t>Richmond upon Thames 019A</t>
  </si>
  <si>
    <t>E02000802</t>
  </si>
  <si>
    <t>Richmond upon Thames 019</t>
  </si>
  <si>
    <t>E01003811</t>
  </si>
  <si>
    <t>Richmond upon Thames 018A</t>
  </si>
  <si>
    <t>E02000801</t>
  </si>
  <si>
    <t>Richmond upon Thames 018</t>
  </si>
  <si>
    <t>E01003812</t>
  </si>
  <si>
    <t>Richmond upon Thames 018B</t>
  </si>
  <si>
    <t>E01003813</t>
  </si>
  <si>
    <t>Richmond upon Thames 019B</t>
  </si>
  <si>
    <t>E01003814</t>
  </si>
  <si>
    <t>Richmond upon Thames 019C</t>
  </si>
  <si>
    <t>E01003815</t>
  </si>
  <si>
    <t>Richmond upon Thames 019D</t>
  </si>
  <si>
    <t>E01003816</t>
  </si>
  <si>
    <t>Richmond upon Thames 012C</t>
  </si>
  <si>
    <t>E01003817</t>
  </si>
  <si>
    <t>Richmond upon Thames 012D</t>
  </si>
  <si>
    <t>E01003818</t>
  </si>
  <si>
    <t>Richmond upon Thames 017A</t>
  </si>
  <si>
    <t>E02000800</t>
  </si>
  <si>
    <t>Richmond upon Thames 017</t>
  </si>
  <si>
    <t>E01003819</t>
  </si>
  <si>
    <t>Richmond upon Thames 017B</t>
  </si>
  <si>
    <t>E01003820</t>
  </si>
  <si>
    <t>Richmond upon Thames 017C</t>
  </si>
  <si>
    <t>E01003821</t>
  </si>
  <si>
    <t>Richmond upon Thames 008A</t>
  </si>
  <si>
    <t>E02000791</t>
  </si>
  <si>
    <t>Richmond upon Thames 008</t>
  </si>
  <si>
    <t>E01003822</t>
  </si>
  <si>
    <t>Richmond upon Thames 023A</t>
  </si>
  <si>
    <t>E02000806</t>
  </si>
  <si>
    <t>Richmond upon Thames 023</t>
  </si>
  <si>
    <t>E01003823</t>
  </si>
  <si>
    <t>Richmond upon Thames 023B</t>
  </si>
  <si>
    <t>E01003824</t>
  </si>
  <si>
    <t>Richmond upon Thames 023C</t>
  </si>
  <si>
    <t>E01003825</t>
  </si>
  <si>
    <t>Richmond upon Thames 023D</t>
  </si>
  <si>
    <t>E01003826</t>
  </si>
  <si>
    <t>Richmond upon Thames 023E</t>
  </si>
  <si>
    <t>E01003827</t>
  </si>
  <si>
    <t>Richmond upon Thames 023F</t>
  </si>
  <si>
    <t>E01003828</t>
  </si>
  <si>
    <t>Richmond upon Thames 020A</t>
  </si>
  <si>
    <t>E02000803</t>
  </si>
  <si>
    <t>Richmond upon Thames 020</t>
  </si>
  <si>
    <t>E01003829</t>
  </si>
  <si>
    <t>Richmond upon Thames 020B</t>
  </si>
  <si>
    <t>E01003830</t>
  </si>
  <si>
    <t>Richmond upon Thames 020C</t>
  </si>
  <si>
    <t>E01003831</t>
  </si>
  <si>
    <t>Richmond upon Thames 020D</t>
  </si>
  <si>
    <t>E01003832</t>
  </si>
  <si>
    <t>Richmond upon Thames 020E</t>
  </si>
  <si>
    <t>E01003833</t>
  </si>
  <si>
    <t>Richmond upon Thames 020F</t>
  </si>
  <si>
    <t>E01003834</t>
  </si>
  <si>
    <t>Richmond upon Thames 022A</t>
  </si>
  <si>
    <t>E02000805</t>
  </si>
  <si>
    <t>Richmond upon Thames 022</t>
  </si>
  <si>
    <t>E01003835</t>
  </si>
  <si>
    <t>Richmond upon Thames 022B</t>
  </si>
  <si>
    <t>E01003836</t>
  </si>
  <si>
    <t>Richmond upon Thames 022C</t>
  </si>
  <si>
    <t>E01003837</t>
  </si>
  <si>
    <t>Richmond upon Thames 022D</t>
  </si>
  <si>
    <t>E01003838</t>
  </si>
  <si>
    <t>Richmond upon Thames 022E</t>
  </si>
  <si>
    <t>E01003839</t>
  </si>
  <si>
    <t>Richmond upon Thames 022F</t>
  </si>
  <si>
    <t>E01003840</t>
  </si>
  <si>
    <t>Richmond upon Thames 013A</t>
  </si>
  <si>
    <t>E02000796</t>
  </si>
  <si>
    <t>Richmond upon Thames 013</t>
  </si>
  <si>
    <t>E01003841</t>
  </si>
  <si>
    <t>Richmond upon Thames 013B</t>
  </si>
  <si>
    <t>E01003842</t>
  </si>
  <si>
    <t>Richmond upon Thames 013C</t>
  </si>
  <si>
    <t>E01003843</t>
  </si>
  <si>
    <t>Richmond upon Thames 013D</t>
  </si>
  <si>
    <t>E01003844</t>
  </si>
  <si>
    <t>Richmond upon Thames 013E</t>
  </si>
  <si>
    <t>E01003845</t>
  </si>
  <si>
    <t>Richmond upon Thames 013F</t>
  </si>
  <si>
    <t>E01003846</t>
  </si>
  <si>
    <t>Richmond upon Thames 002A</t>
  </si>
  <si>
    <t>E02000785</t>
  </si>
  <si>
    <t>Richmond upon Thames 002</t>
  </si>
  <si>
    <t>E01003847</t>
  </si>
  <si>
    <t>Richmond upon Thames 002B</t>
  </si>
  <si>
    <t>E01003848</t>
  </si>
  <si>
    <t>Richmond upon Thames 004A</t>
  </si>
  <si>
    <t>E02000787</t>
  </si>
  <si>
    <t>Richmond upon Thames 004</t>
  </si>
  <si>
    <t>E01003849</t>
  </si>
  <si>
    <t>Richmond upon Thames 002C</t>
  </si>
  <si>
    <t>E01003851</t>
  </si>
  <si>
    <t>Richmond upon Thames 002D</t>
  </si>
  <si>
    <t>E01003852</t>
  </si>
  <si>
    <t>Richmond upon Thames 003A</t>
  </si>
  <si>
    <t>E02000786</t>
  </si>
  <si>
    <t>Richmond upon Thames 003</t>
  </si>
  <si>
    <t>E01003853</t>
  </si>
  <si>
    <t>Richmond upon Thames 003B</t>
  </si>
  <si>
    <t>E01003854</t>
  </si>
  <si>
    <t>Richmond upon Thames 003C</t>
  </si>
  <si>
    <t>E01003855</t>
  </si>
  <si>
    <t>Richmond upon Thames 003D</t>
  </si>
  <si>
    <t>E01003856</t>
  </si>
  <si>
    <t>Richmond upon Thames 003E</t>
  </si>
  <si>
    <t>E01003857</t>
  </si>
  <si>
    <t>Richmond upon Thames 003F</t>
  </si>
  <si>
    <t>E01003858</t>
  </si>
  <si>
    <t>Richmond upon Thames 003G</t>
  </si>
  <si>
    <t>E01003859</t>
  </si>
  <si>
    <t>Richmond upon Thames 005E</t>
  </si>
  <si>
    <t>E01003860</t>
  </si>
  <si>
    <t>Richmond upon Thames 002E</t>
  </si>
  <si>
    <t>E01003861</t>
  </si>
  <si>
    <t>Richmond upon Thames 004C</t>
  </si>
  <si>
    <t>E01003862</t>
  </si>
  <si>
    <t>Richmond upon Thames 004D</t>
  </si>
  <si>
    <t>E01003863</t>
  </si>
  <si>
    <t>Richmond upon Thames 004E</t>
  </si>
  <si>
    <t>E01003864</t>
  </si>
  <si>
    <t>Richmond upon Thames 002F</t>
  </si>
  <si>
    <t>E01003865</t>
  </si>
  <si>
    <t>Richmond upon Thames 004F</t>
  </si>
  <si>
    <t>E01003866</t>
  </si>
  <si>
    <t>Richmond upon Thames 007A</t>
  </si>
  <si>
    <t>E02000790</t>
  </si>
  <si>
    <t>Richmond upon Thames 007</t>
  </si>
  <si>
    <t>E01003867</t>
  </si>
  <si>
    <t>Richmond upon Thames 011A</t>
  </si>
  <si>
    <t>E02000794</t>
  </si>
  <si>
    <t>Richmond upon Thames 011</t>
  </si>
  <si>
    <t>E01003868</t>
  </si>
  <si>
    <t>Richmond upon Thames 007B</t>
  </si>
  <si>
    <t>E01003869</t>
  </si>
  <si>
    <t>Richmond upon Thames 011B</t>
  </si>
  <si>
    <t>E01003870</t>
  </si>
  <si>
    <t>Richmond upon Thames 011C</t>
  </si>
  <si>
    <t>E01003871</t>
  </si>
  <si>
    <t>Richmond upon Thames 007C</t>
  </si>
  <si>
    <t>E01003872</t>
  </si>
  <si>
    <t>Richmond upon Thames 007D</t>
  </si>
  <si>
    <t>E01003873</t>
  </si>
  <si>
    <t>Richmond upon Thames 006A</t>
  </si>
  <si>
    <t>E02000789</t>
  </si>
  <si>
    <t>Richmond upon Thames 006</t>
  </si>
  <si>
    <t>E01003874</t>
  </si>
  <si>
    <t>Richmond upon Thames 006B</t>
  </si>
  <si>
    <t>E01003875</t>
  </si>
  <si>
    <t>Richmond upon Thames 006C</t>
  </si>
  <si>
    <t>E01003876</t>
  </si>
  <si>
    <t>Richmond upon Thames 008B</t>
  </si>
  <si>
    <t>E01003877</t>
  </si>
  <si>
    <t>Richmond upon Thames 008C</t>
  </si>
  <si>
    <t>E01003878</t>
  </si>
  <si>
    <t>Richmond upon Thames 006D</t>
  </si>
  <si>
    <t>E01003879</t>
  </si>
  <si>
    <t>Richmond upon Thames 008D</t>
  </si>
  <si>
    <t>E01003880</t>
  </si>
  <si>
    <t>Richmond upon Thames 016A</t>
  </si>
  <si>
    <t>E02000799</t>
  </si>
  <si>
    <t>Richmond upon Thames 016</t>
  </si>
  <si>
    <t>E01003881</t>
  </si>
  <si>
    <t>Richmond upon Thames 016B</t>
  </si>
  <si>
    <t>E01003882</t>
  </si>
  <si>
    <t>Richmond upon Thames 014A</t>
  </si>
  <si>
    <t>E02000797</t>
  </si>
  <si>
    <t>Richmond upon Thames 014</t>
  </si>
  <si>
    <t>E01003883</t>
  </si>
  <si>
    <t>Richmond upon Thames 014B</t>
  </si>
  <si>
    <t>E01003884</t>
  </si>
  <si>
    <t>Richmond upon Thames 016C</t>
  </si>
  <si>
    <t>E01003885</t>
  </si>
  <si>
    <t>Richmond upon Thames 016D</t>
  </si>
  <si>
    <t>E01003886</t>
  </si>
  <si>
    <t>Richmond upon Thames 021A</t>
  </si>
  <si>
    <t>E02000804</t>
  </si>
  <si>
    <t>Richmond upon Thames 021</t>
  </si>
  <si>
    <t>E01003887</t>
  </si>
  <si>
    <t>Richmond upon Thames 021B</t>
  </si>
  <si>
    <t>E01003888</t>
  </si>
  <si>
    <t>Richmond upon Thames 021C</t>
  </si>
  <si>
    <t>E01003889</t>
  </si>
  <si>
    <t>Richmond upon Thames 021D</t>
  </si>
  <si>
    <t>E01003890</t>
  </si>
  <si>
    <t>Richmond upon Thames 018C</t>
  </si>
  <si>
    <t>E01003891</t>
  </si>
  <si>
    <t>Richmond upon Thames 018D</t>
  </si>
  <si>
    <t>E01003892</t>
  </si>
  <si>
    <t>Richmond upon Thames 009A</t>
  </si>
  <si>
    <t>E02000792</t>
  </si>
  <si>
    <t>Richmond upon Thames 009</t>
  </si>
  <si>
    <t>E01003893</t>
  </si>
  <si>
    <t>Richmond upon Thames 009B</t>
  </si>
  <si>
    <t>E01003894</t>
  </si>
  <si>
    <t>Richmond upon Thames 009C</t>
  </si>
  <si>
    <t>E01003895</t>
  </si>
  <si>
    <t>Richmond upon Thames 009D</t>
  </si>
  <si>
    <t>E01003896</t>
  </si>
  <si>
    <t>Richmond upon Thames 014C</t>
  </si>
  <si>
    <t>E01003897</t>
  </si>
  <si>
    <t>Richmond upon Thames 014D</t>
  </si>
  <si>
    <t>E01003898</t>
  </si>
  <si>
    <t>Richmond upon Thames 015A</t>
  </si>
  <si>
    <t>E02000798</t>
  </si>
  <si>
    <t>Richmond upon Thames 015</t>
  </si>
  <si>
    <t>E01003899</t>
  </si>
  <si>
    <t>Richmond upon Thames 015B</t>
  </si>
  <si>
    <t>E01003900</t>
  </si>
  <si>
    <t>Richmond upon Thames 015C</t>
  </si>
  <si>
    <t>E01003901</t>
  </si>
  <si>
    <t>Richmond upon Thames 015D</t>
  </si>
  <si>
    <t>E01003902</t>
  </si>
  <si>
    <t>Richmond upon Thames 015E</t>
  </si>
  <si>
    <t>E01003903</t>
  </si>
  <si>
    <t>Richmond upon Thames 015F</t>
  </si>
  <si>
    <t>E01003904</t>
  </si>
  <si>
    <t>Richmond upon Thames 015G</t>
  </si>
  <si>
    <t>E01003905</t>
  </si>
  <si>
    <t>Richmond upon Thames 010A</t>
  </si>
  <si>
    <t>E02000793</t>
  </si>
  <si>
    <t>Richmond upon Thames 010</t>
  </si>
  <si>
    <t>E01003906</t>
  </si>
  <si>
    <t>Richmond upon Thames 010B</t>
  </si>
  <si>
    <t>E01003907</t>
  </si>
  <si>
    <t>Richmond upon Thames 010C</t>
  </si>
  <si>
    <t>E01003908</t>
  </si>
  <si>
    <t>Richmond upon Thames 010D</t>
  </si>
  <si>
    <t>E01003909</t>
  </si>
  <si>
    <t>Richmond upon Thames 010E</t>
  </si>
  <si>
    <t>E01003910</t>
  </si>
  <si>
    <t>Richmond upon Thames 011D</t>
  </si>
  <si>
    <t>E01003911</t>
  </si>
  <si>
    <t>Southwark 020A</t>
  </si>
  <si>
    <t>E02000826</t>
  </si>
  <si>
    <t>Southwark 020</t>
  </si>
  <si>
    <t>E09000028</t>
  </si>
  <si>
    <t>Southwark</t>
  </si>
  <si>
    <t>E01003912</t>
  </si>
  <si>
    <t>Southwark 019A</t>
  </si>
  <si>
    <t>E02000825</t>
  </si>
  <si>
    <t>Southwark 019</t>
  </si>
  <si>
    <t>E01003913</t>
  </si>
  <si>
    <t>Southwark 024A</t>
  </si>
  <si>
    <t>E02000830</t>
  </si>
  <si>
    <t>Southwark 024</t>
  </si>
  <si>
    <t>E01003914</t>
  </si>
  <si>
    <t>Southwark 024B</t>
  </si>
  <si>
    <t>E01003915</t>
  </si>
  <si>
    <t>Southwark 024C</t>
  </si>
  <si>
    <t>E01003916</t>
  </si>
  <si>
    <t>Southwark 020B</t>
  </si>
  <si>
    <t>E01003917</t>
  </si>
  <si>
    <t>Southwark 020C</t>
  </si>
  <si>
    <t>E01003918</t>
  </si>
  <si>
    <t>Southwark 020D</t>
  </si>
  <si>
    <t>E01003919</t>
  </si>
  <si>
    <t>Southwark 021A</t>
  </si>
  <si>
    <t>E02000827</t>
  </si>
  <si>
    <t>Southwark 021</t>
  </si>
  <si>
    <t>E01003920</t>
  </si>
  <si>
    <t>Southwark 021B</t>
  </si>
  <si>
    <t>E01003921</t>
  </si>
  <si>
    <t>Southwark 021C</t>
  </si>
  <si>
    <t>E01003922</t>
  </si>
  <si>
    <t>Southwark 021D</t>
  </si>
  <si>
    <t>E01003923</t>
  </si>
  <si>
    <t>Southwark 017A</t>
  </si>
  <si>
    <t>E02000823</t>
  </si>
  <si>
    <t>Southwark 017</t>
  </si>
  <si>
    <t>E01003924</t>
  </si>
  <si>
    <t>Southwark 021E</t>
  </si>
  <si>
    <t>E01003925</t>
  </si>
  <si>
    <t>Southwark 020E</t>
  </si>
  <si>
    <t>E01003926</t>
  </si>
  <si>
    <t>Southwark 021F</t>
  </si>
  <si>
    <t>E01003929</t>
  </si>
  <si>
    <t>Southwark 002B</t>
  </si>
  <si>
    <t>E02000808</t>
  </si>
  <si>
    <t>Southwark 002</t>
  </si>
  <si>
    <t>E01003930</t>
  </si>
  <si>
    <t>Southwark 034A</t>
  </si>
  <si>
    <t>E02006802</t>
  </si>
  <si>
    <t>Southwark 034</t>
  </si>
  <si>
    <t>E01003932</t>
  </si>
  <si>
    <t>Southwark 034B</t>
  </si>
  <si>
    <t>E01003933</t>
  </si>
  <si>
    <t>Southwark 034C</t>
  </si>
  <si>
    <t>E01003934</t>
  </si>
  <si>
    <t>Southwark 002C</t>
  </si>
  <si>
    <t>E01003935</t>
  </si>
  <si>
    <t>Southwark 002D</t>
  </si>
  <si>
    <t>E01003936</t>
  </si>
  <si>
    <t>Southwark 009A</t>
  </si>
  <si>
    <t>E02000815</t>
  </si>
  <si>
    <t>Southwark 009</t>
  </si>
  <si>
    <t>E01003937</t>
  </si>
  <si>
    <t>Southwark 009B</t>
  </si>
  <si>
    <t>E01003938</t>
  </si>
  <si>
    <t>Southwark 006A</t>
  </si>
  <si>
    <t>E02000812</t>
  </si>
  <si>
    <t>Southwark 006</t>
  </si>
  <si>
    <t>E01003939</t>
  </si>
  <si>
    <t>Southwark 002E</t>
  </si>
  <si>
    <t>E01003940</t>
  </si>
  <si>
    <t>Southwark 006B</t>
  </si>
  <si>
    <t>E01003941</t>
  </si>
  <si>
    <t>Southwark 006C</t>
  </si>
  <si>
    <t>E01003942</t>
  </si>
  <si>
    <t>Southwark 006D</t>
  </si>
  <si>
    <t>E01003943</t>
  </si>
  <si>
    <t>Southwark 009C</t>
  </si>
  <si>
    <t>E01003945</t>
  </si>
  <si>
    <t>Southwark 033A</t>
  </si>
  <si>
    <t>E02000839</t>
  </si>
  <si>
    <t>Southwark 033</t>
  </si>
  <si>
    <t>E01003946</t>
  </si>
  <si>
    <t>Southwark 033B</t>
  </si>
  <si>
    <t>E01003947</t>
  </si>
  <si>
    <t>Southwark 033C</t>
  </si>
  <si>
    <t>E01003948</t>
  </si>
  <si>
    <t>Southwark 033D</t>
  </si>
  <si>
    <t>E01003949</t>
  </si>
  <si>
    <t>Southwark 032A</t>
  </si>
  <si>
    <t>E02000838</t>
  </si>
  <si>
    <t>Southwark 032</t>
  </si>
  <si>
    <t>E01003950</t>
  </si>
  <si>
    <t>Southwark 032B</t>
  </si>
  <si>
    <t>E01003951</t>
  </si>
  <si>
    <t>Southwark 033E</t>
  </si>
  <si>
    <t>E01003952</t>
  </si>
  <si>
    <t>Southwark 030A</t>
  </si>
  <si>
    <t>E02000836</t>
  </si>
  <si>
    <t>Southwark 030</t>
  </si>
  <si>
    <t>E01003953</t>
  </si>
  <si>
    <t>Southwark 028A</t>
  </si>
  <si>
    <t>E02000834</t>
  </si>
  <si>
    <t>Southwark 028</t>
  </si>
  <si>
    <t>E01003954</t>
  </si>
  <si>
    <t>Southwark 030B</t>
  </si>
  <si>
    <t>E01003955</t>
  </si>
  <si>
    <t>Southwark 028B</t>
  </si>
  <si>
    <t>E01003956</t>
  </si>
  <si>
    <t>Southwark 030C</t>
  </si>
  <si>
    <t>E01003957</t>
  </si>
  <si>
    <t>Southwark 032C</t>
  </si>
  <si>
    <t>E01003958</t>
  </si>
  <si>
    <t>Southwark 032D</t>
  </si>
  <si>
    <t>E01003960</t>
  </si>
  <si>
    <t>Southwark 012A</t>
  </si>
  <si>
    <t>E02000818</t>
  </si>
  <si>
    <t>Southwark 012</t>
  </si>
  <si>
    <t>E01003961</t>
  </si>
  <si>
    <t>Southwark 012B</t>
  </si>
  <si>
    <t>E01003963</t>
  </si>
  <si>
    <t>Southwark 016A</t>
  </si>
  <si>
    <t>E02000822</t>
  </si>
  <si>
    <t>Southwark 016</t>
  </si>
  <si>
    <t>E01003966</t>
  </si>
  <si>
    <t>Southwark 015B</t>
  </si>
  <si>
    <t>E02000821</t>
  </si>
  <si>
    <t>Southwark 015</t>
  </si>
  <si>
    <t>E01003969</t>
  </si>
  <si>
    <t>Southwark 017B</t>
  </si>
  <si>
    <t>E01003971</t>
  </si>
  <si>
    <t>Southwark 015D</t>
  </si>
  <si>
    <t>E01003972</t>
  </si>
  <si>
    <t>Southwark 016D</t>
  </si>
  <si>
    <t>E01003973</t>
  </si>
  <si>
    <t>Southwark 016E</t>
  </si>
  <si>
    <t>E01003975</t>
  </si>
  <si>
    <t>Southwark 004A</t>
  </si>
  <si>
    <t>E02000810</t>
  </si>
  <si>
    <t>Southwark 004</t>
  </si>
  <si>
    <t>E01003976</t>
  </si>
  <si>
    <t>Southwark 036D</t>
  </si>
  <si>
    <t>E02006942</t>
  </si>
  <si>
    <t>Southwark 036</t>
  </si>
  <si>
    <t>E01003977</t>
  </si>
  <si>
    <t>Southwark 010A</t>
  </si>
  <si>
    <t>E02000816</t>
  </si>
  <si>
    <t>Southwark 010</t>
  </si>
  <si>
    <t>E01003979</t>
  </si>
  <si>
    <t>Southwark 006E</t>
  </si>
  <si>
    <t>E01003980</t>
  </si>
  <si>
    <t>Southwark 013A</t>
  </si>
  <si>
    <t>E02000819</t>
  </si>
  <si>
    <t>Southwark 013</t>
  </si>
  <si>
    <t>E01003981</t>
  </si>
  <si>
    <t>Southwark 006F</t>
  </si>
  <si>
    <t>E01003983</t>
  </si>
  <si>
    <t>Southwark 018A</t>
  </si>
  <si>
    <t>E02000824</t>
  </si>
  <si>
    <t>Southwark 018</t>
  </si>
  <si>
    <t>E01003984</t>
  </si>
  <si>
    <t>Southwark 023A</t>
  </si>
  <si>
    <t>E02000829</t>
  </si>
  <si>
    <t>Southwark 023</t>
  </si>
  <si>
    <t>E01003986</t>
  </si>
  <si>
    <t>Southwark 011A</t>
  </si>
  <si>
    <t>E02000817</t>
  </si>
  <si>
    <t>Southwark 011</t>
  </si>
  <si>
    <t>E01003987</t>
  </si>
  <si>
    <t>Southwark 011B</t>
  </si>
  <si>
    <t>E01003988</t>
  </si>
  <si>
    <t>Southwark 018B</t>
  </si>
  <si>
    <t>E01003989</t>
  </si>
  <si>
    <t>Southwark 018C</t>
  </si>
  <si>
    <t>E01003990</t>
  </si>
  <si>
    <t>Southwark 018D</t>
  </si>
  <si>
    <t>E01003991</t>
  </si>
  <si>
    <t>Southwark 017C</t>
  </si>
  <si>
    <t>E01003992</t>
  </si>
  <si>
    <t>Southwark 014A</t>
  </si>
  <si>
    <t>E02000820</t>
  </si>
  <si>
    <t>Southwark 014</t>
  </si>
  <si>
    <t>E01003993</t>
  </si>
  <si>
    <t>Southwark 017D</t>
  </si>
  <si>
    <t>E01003994</t>
  </si>
  <si>
    <t>Southwark 012E</t>
  </si>
  <si>
    <t>E01003995</t>
  </si>
  <si>
    <t>Southwark 014B</t>
  </si>
  <si>
    <t>E01003997</t>
  </si>
  <si>
    <t>Southwark 017E</t>
  </si>
  <si>
    <t>E01003998</t>
  </si>
  <si>
    <t>Southwark 014D</t>
  </si>
  <si>
    <t>E01003999</t>
  </si>
  <si>
    <t>Southwark 014E</t>
  </si>
  <si>
    <t>E01004000</t>
  </si>
  <si>
    <t>Southwark 026A</t>
  </si>
  <si>
    <t>E02000832</t>
  </si>
  <si>
    <t>Southwark 026</t>
  </si>
  <si>
    <t>E01004001</t>
  </si>
  <si>
    <t>Southwark 026B</t>
  </si>
  <si>
    <t>E01004002</t>
  </si>
  <si>
    <t>Southwark 029A</t>
  </si>
  <si>
    <t>E02000835</t>
  </si>
  <si>
    <t>Southwark 029</t>
  </si>
  <si>
    <t>E01004003</t>
  </si>
  <si>
    <t>Southwark 023B</t>
  </si>
  <si>
    <t>E01004004</t>
  </si>
  <si>
    <t>Southwark 023C</t>
  </si>
  <si>
    <t>E01004005</t>
  </si>
  <si>
    <t>Southwark 023D</t>
  </si>
  <si>
    <t>E01004006</t>
  </si>
  <si>
    <t>Southwark 023E</t>
  </si>
  <si>
    <t>E01004007</t>
  </si>
  <si>
    <t>Southwark 018E</t>
  </si>
  <si>
    <t>E01004008</t>
  </si>
  <si>
    <t>Southwark 022B</t>
  </si>
  <si>
    <t>E02000828</t>
  </si>
  <si>
    <t>Southwark 022</t>
  </si>
  <si>
    <t>E01004010</t>
  </si>
  <si>
    <t>Southwark 022D</t>
  </si>
  <si>
    <t>E01004011</t>
  </si>
  <si>
    <t>Southwark 019B</t>
  </si>
  <si>
    <t>E01004012</t>
  </si>
  <si>
    <t>Southwark 019C</t>
  </si>
  <si>
    <t>E01004013</t>
  </si>
  <si>
    <t>Southwark 019D</t>
  </si>
  <si>
    <t>E01004014</t>
  </si>
  <si>
    <t>Southwark 019E</t>
  </si>
  <si>
    <t>E01004015</t>
  </si>
  <si>
    <t>Southwark 028C</t>
  </si>
  <si>
    <t>E01004016</t>
  </si>
  <si>
    <t>Southwark 029B</t>
  </si>
  <si>
    <t>E01004017</t>
  </si>
  <si>
    <t>Southwark 029C</t>
  </si>
  <si>
    <t>E01004018</t>
  </si>
  <si>
    <t>Southwark 032E</t>
  </si>
  <si>
    <t>E01004019</t>
  </si>
  <si>
    <t>Southwark 026C</t>
  </si>
  <si>
    <t>E01004020</t>
  </si>
  <si>
    <t>Southwark 029D</t>
  </si>
  <si>
    <t>E01004021</t>
  </si>
  <si>
    <t>Southwark 028D</t>
  </si>
  <si>
    <t>E01004023</t>
  </si>
  <si>
    <t>Southwark 004D</t>
  </si>
  <si>
    <t>E01004024</t>
  </si>
  <si>
    <t>Southwark 011C</t>
  </si>
  <si>
    <t>E01004028</t>
  </si>
  <si>
    <t>Southwark 004E</t>
  </si>
  <si>
    <t>E01004029</t>
  </si>
  <si>
    <t>Southwark 001A</t>
  </si>
  <si>
    <t>E02000807</t>
  </si>
  <si>
    <t>Southwark 001</t>
  </si>
  <si>
    <t>E01004030</t>
  </si>
  <si>
    <t>Southwark 007A</t>
  </si>
  <si>
    <t>E02000813</t>
  </si>
  <si>
    <t>Southwark 007</t>
  </si>
  <si>
    <t>E01004031</t>
  </si>
  <si>
    <t>Southwark 007B</t>
  </si>
  <si>
    <t>E01004032</t>
  </si>
  <si>
    <t>Southwark 001B</t>
  </si>
  <si>
    <t>E01004033</t>
  </si>
  <si>
    <t>Southwark 007C</t>
  </si>
  <si>
    <t>E01004034</t>
  </si>
  <si>
    <t>Southwark 007D</t>
  </si>
  <si>
    <t>E01004035</t>
  </si>
  <si>
    <t>Southwark 011D</t>
  </si>
  <si>
    <t>E01004036</t>
  </si>
  <si>
    <t>Southwark 007E</t>
  </si>
  <si>
    <t>E01004037</t>
  </si>
  <si>
    <t>Southwark 010B</t>
  </si>
  <si>
    <t>E01004038</t>
  </si>
  <si>
    <t>Southwark 010C</t>
  </si>
  <si>
    <t>E01004039</t>
  </si>
  <si>
    <t>Southwark 013B</t>
  </si>
  <si>
    <t>E01004040</t>
  </si>
  <si>
    <t>Southwark 013C</t>
  </si>
  <si>
    <t>E01004041</t>
  </si>
  <si>
    <t>Southwark 013D</t>
  </si>
  <si>
    <t>E01004042</t>
  </si>
  <si>
    <t>Southwark 010D</t>
  </si>
  <si>
    <t>E01004043</t>
  </si>
  <si>
    <t>Southwark 010E</t>
  </si>
  <si>
    <t>E01004044</t>
  </si>
  <si>
    <t>Southwark 013E</t>
  </si>
  <si>
    <t>E01004045</t>
  </si>
  <si>
    <t>Southwark 027A</t>
  </si>
  <si>
    <t>E02000833</t>
  </si>
  <si>
    <t>Southwark 027</t>
  </si>
  <si>
    <t>E01004046</t>
  </si>
  <si>
    <t>Southwark 028E</t>
  </si>
  <si>
    <t>E01004047</t>
  </si>
  <si>
    <t>Southwark 027B</t>
  </si>
  <si>
    <t>E01004048</t>
  </si>
  <si>
    <t>Southwark 027C</t>
  </si>
  <si>
    <t>E01004049</t>
  </si>
  <si>
    <t>Southwark 027D</t>
  </si>
  <si>
    <t>E01004050</t>
  </si>
  <si>
    <t>Southwark 024D</t>
  </si>
  <si>
    <t>E01004051</t>
  </si>
  <si>
    <t>Southwark 027E</t>
  </si>
  <si>
    <t>E01004052</t>
  </si>
  <si>
    <t>Southwark 024E</t>
  </si>
  <si>
    <t>E01004053</t>
  </si>
  <si>
    <t>Southwark 001C</t>
  </si>
  <si>
    <t>E01004054</t>
  </si>
  <si>
    <t>Southwark 001D</t>
  </si>
  <si>
    <t>E01004055</t>
  </si>
  <si>
    <t>Southwark 001E</t>
  </si>
  <si>
    <t>E01004056</t>
  </si>
  <si>
    <t>Southwark 008A</t>
  </si>
  <si>
    <t>E02000814</t>
  </si>
  <si>
    <t>Southwark 008</t>
  </si>
  <si>
    <t>E01004057</t>
  </si>
  <si>
    <t>Southwark 008B</t>
  </si>
  <si>
    <t>E01004058</t>
  </si>
  <si>
    <t>Southwark 008C</t>
  </si>
  <si>
    <t>E01004059</t>
  </si>
  <si>
    <t>Southwark 008D</t>
  </si>
  <si>
    <t>E01004060</t>
  </si>
  <si>
    <t>Southwark 008E</t>
  </si>
  <si>
    <t>E01004061</t>
  </si>
  <si>
    <t>Southwark 025A</t>
  </si>
  <si>
    <t>E02000831</t>
  </si>
  <si>
    <t>Southwark 025</t>
  </si>
  <si>
    <t>E01004062</t>
  </si>
  <si>
    <t>Southwark 025B</t>
  </si>
  <si>
    <t>E01004063</t>
  </si>
  <si>
    <t>Southwark 025C</t>
  </si>
  <si>
    <t>E01004064</t>
  </si>
  <si>
    <t>Southwark 026D</t>
  </si>
  <si>
    <t>E01004065</t>
  </si>
  <si>
    <t>Southwark 025D</t>
  </si>
  <si>
    <t>E01004066</t>
  </si>
  <si>
    <t>Southwark 025E</t>
  </si>
  <si>
    <t>E01004067</t>
  </si>
  <si>
    <t>Southwark 022E</t>
  </si>
  <si>
    <t>E01004068</t>
  </si>
  <si>
    <t>Southwark 026E</t>
  </si>
  <si>
    <t>E01004069</t>
  </si>
  <si>
    <t>Southwark 031A</t>
  </si>
  <si>
    <t>E02000837</t>
  </si>
  <si>
    <t>Southwark 031</t>
  </si>
  <si>
    <t>E01004070</t>
  </si>
  <si>
    <t>Southwark 031B</t>
  </si>
  <si>
    <t>E01004071</t>
  </si>
  <si>
    <t>Southwark 030D</t>
  </si>
  <si>
    <t>E01004072</t>
  </si>
  <si>
    <t>Southwark 030E</t>
  </si>
  <si>
    <t>E01004073</t>
  </si>
  <si>
    <t>Southwark 031C</t>
  </si>
  <si>
    <t>E01004074</t>
  </si>
  <si>
    <t>Southwark 031D</t>
  </si>
  <si>
    <t>E01004075</t>
  </si>
  <si>
    <t>Southwark 031E</t>
  </si>
  <si>
    <t>E01004076</t>
  </si>
  <si>
    <t>Sutton 011A</t>
  </si>
  <si>
    <t>E02000850</t>
  </si>
  <si>
    <t>Sutton 011</t>
  </si>
  <si>
    <t>E09000029</t>
  </si>
  <si>
    <t>Sutton</t>
  </si>
  <si>
    <t>E01004077</t>
  </si>
  <si>
    <t>Sutton 011B</t>
  </si>
  <si>
    <t>E01004078</t>
  </si>
  <si>
    <t>Sutton 011C</t>
  </si>
  <si>
    <t>E01004079</t>
  </si>
  <si>
    <t>Sutton 011D</t>
  </si>
  <si>
    <t>E01004080</t>
  </si>
  <si>
    <t>Sutton 011E</t>
  </si>
  <si>
    <t>E01004081</t>
  </si>
  <si>
    <t>Sutton 011F</t>
  </si>
  <si>
    <t>E01004082</t>
  </si>
  <si>
    <t>Sutton 011G</t>
  </si>
  <si>
    <t>E01004083</t>
  </si>
  <si>
    <t>Sutton 019A</t>
  </si>
  <si>
    <t>E02000858</t>
  </si>
  <si>
    <t>Sutton 019</t>
  </si>
  <si>
    <t>E01004084</t>
  </si>
  <si>
    <t>Sutton 024A</t>
  </si>
  <si>
    <t>E02000863</t>
  </si>
  <si>
    <t>Sutton 024</t>
  </si>
  <si>
    <t>E01004085</t>
  </si>
  <si>
    <t>Sutton 024B</t>
  </si>
  <si>
    <t>E01004086</t>
  </si>
  <si>
    <t>Sutton 019B</t>
  </si>
  <si>
    <t>E01004087</t>
  </si>
  <si>
    <t>Sutton 017A</t>
  </si>
  <si>
    <t>E02000856</t>
  </si>
  <si>
    <t>Sutton 017</t>
  </si>
  <si>
    <t>E01004088</t>
  </si>
  <si>
    <t>Sutton 019C</t>
  </si>
  <si>
    <t>E01004089</t>
  </si>
  <si>
    <t>Sutton 019D</t>
  </si>
  <si>
    <t>E01004090</t>
  </si>
  <si>
    <t>Sutton 021A</t>
  </si>
  <si>
    <t>E02000860</t>
  </si>
  <si>
    <t>Sutton 021</t>
  </si>
  <si>
    <t>E01004091</t>
  </si>
  <si>
    <t>Sutton 022A</t>
  </si>
  <si>
    <t>E02000861</t>
  </si>
  <si>
    <t>Sutton 022</t>
  </si>
  <si>
    <t>E01004092</t>
  </si>
  <si>
    <t>Sutton 022B</t>
  </si>
  <si>
    <t>E01004093</t>
  </si>
  <si>
    <t>Sutton 025A</t>
  </si>
  <si>
    <t>E02006836</t>
  </si>
  <si>
    <t>Sutton 025</t>
  </si>
  <si>
    <t>E01004094</t>
  </si>
  <si>
    <t>Sutton 025B</t>
  </si>
  <si>
    <t>E01004095</t>
  </si>
  <si>
    <t>Sutton 025C</t>
  </si>
  <si>
    <t>E01004096</t>
  </si>
  <si>
    <t>Sutton 021B</t>
  </si>
  <si>
    <t>E01004097</t>
  </si>
  <si>
    <t>Sutton 015A</t>
  </si>
  <si>
    <t>E02000854</t>
  </si>
  <si>
    <t>Sutton 015</t>
  </si>
  <si>
    <t>E01004098</t>
  </si>
  <si>
    <t>Sutton 015B</t>
  </si>
  <si>
    <t>E01004099</t>
  </si>
  <si>
    <t>Sutton 015C</t>
  </si>
  <si>
    <t>E01004100</t>
  </si>
  <si>
    <t>Sutton 015D</t>
  </si>
  <si>
    <t>E01004101</t>
  </si>
  <si>
    <t>Sutton 013A</t>
  </si>
  <si>
    <t>E02000852</t>
  </si>
  <si>
    <t>Sutton 013</t>
  </si>
  <si>
    <t>E01004102</t>
  </si>
  <si>
    <t>Sutton 015E</t>
  </si>
  <si>
    <t>E01004103</t>
  </si>
  <si>
    <t>Sutton 013B</t>
  </si>
  <si>
    <t>E01004104</t>
  </si>
  <si>
    <t>Sutton 020A</t>
  </si>
  <si>
    <t>E02000859</t>
  </si>
  <si>
    <t>Sutton 020</t>
  </si>
  <si>
    <t>E01004105</t>
  </si>
  <si>
    <t>Sutton 022C</t>
  </si>
  <si>
    <t>E01004106</t>
  </si>
  <si>
    <t>Sutton 022D</t>
  </si>
  <si>
    <t>E01004107</t>
  </si>
  <si>
    <t>Sutton 020B</t>
  </si>
  <si>
    <t>E01004108</t>
  </si>
  <si>
    <t>Sutton 024C</t>
  </si>
  <si>
    <t>E01004109</t>
  </si>
  <si>
    <t>Sutton 024D</t>
  </si>
  <si>
    <t>E01004110</t>
  </si>
  <si>
    <t>Sutton 016A</t>
  </si>
  <si>
    <t>E02000855</t>
  </si>
  <si>
    <t>Sutton 016</t>
  </si>
  <si>
    <t>E01004111</t>
  </si>
  <si>
    <t>Sutton 016B</t>
  </si>
  <si>
    <t>E01004112</t>
  </si>
  <si>
    <t>Sutton 016C</t>
  </si>
  <si>
    <t>E01004114</t>
  </si>
  <si>
    <t>Sutton 025D</t>
  </si>
  <si>
    <t>E01004115</t>
  </si>
  <si>
    <t>Sutton 009A</t>
  </si>
  <si>
    <t>E02000848</t>
  </si>
  <si>
    <t>Sutton 009</t>
  </si>
  <si>
    <t>E01004116</t>
  </si>
  <si>
    <t>Sutton 008A</t>
  </si>
  <si>
    <t>E02000847</t>
  </si>
  <si>
    <t>Sutton 008</t>
  </si>
  <si>
    <t>E01004117</t>
  </si>
  <si>
    <t>Sutton 006A</t>
  </si>
  <si>
    <t>E02000845</t>
  </si>
  <si>
    <t>Sutton 006</t>
  </si>
  <si>
    <t>E01004118</t>
  </si>
  <si>
    <t>Sutton 009B</t>
  </si>
  <si>
    <t>E01004119</t>
  </si>
  <si>
    <t>Sutton 009C</t>
  </si>
  <si>
    <t>E01004120</t>
  </si>
  <si>
    <t>Sutton 016D</t>
  </si>
  <si>
    <t>E01004121</t>
  </si>
  <si>
    <t>Sutton 006B</t>
  </si>
  <si>
    <t>E01004122</t>
  </si>
  <si>
    <t>Sutton 008B</t>
  </si>
  <si>
    <t>E01004123</t>
  </si>
  <si>
    <t>Sutton 002A</t>
  </si>
  <si>
    <t>E02000841</t>
  </si>
  <si>
    <t>Sutton 002</t>
  </si>
  <si>
    <t>E01004124</t>
  </si>
  <si>
    <t>Sutton 002B</t>
  </si>
  <si>
    <t>E01004125</t>
  </si>
  <si>
    <t>Sutton 001A</t>
  </si>
  <si>
    <t>E02000840</t>
  </si>
  <si>
    <t>Sutton 001</t>
  </si>
  <si>
    <t>E01004126</t>
  </si>
  <si>
    <t>Sutton 002C</t>
  </si>
  <si>
    <t>E01004127</t>
  </si>
  <si>
    <t>Sutton 005A</t>
  </si>
  <si>
    <t>E02000844</t>
  </si>
  <si>
    <t>Sutton 005</t>
  </si>
  <si>
    <t>E01004128</t>
  </si>
  <si>
    <t>Sutton 002D</t>
  </si>
  <si>
    <t>E01004129</t>
  </si>
  <si>
    <t>Sutton 002E</t>
  </si>
  <si>
    <t>E01004130</t>
  </si>
  <si>
    <t>Sutton 003A</t>
  </si>
  <si>
    <t>E02000842</t>
  </si>
  <si>
    <t>Sutton 003</t>
  </si>
  <si>
    <t>E01004131</t>
  </si>
  <si>
    <t>Sutton 003B</t>
  </si>
  <si>
    <t>E01004132</t>
  </si>
  <si>
    <t>Sutton 009D</t>
  </si>
  <si>
    <t>E01004133</t>
  </si>
  <si>
    <t>Sutton 009E</t>
  </si>
  <si>
    <t>E01004134</t>
  </si>
  <si>
    <t>Sutton 003C</t>
  </si>
  <si>
    <t>E01004135</t>
  </si>
  <si>
    <t>Sutton 003D</t>
  </si>
  <si>
    <t>E01004136</t>
  </si>
  <si>
    <t>Sutton 003E</t>
  </si>
  <si>
    <t>E01004137</t>
  </si>
  <si>
    <t>Sutton 012A</t>
  </si>
  <si>
    <t>E02000851</t>
  </si>
  <si>
    <t>Sutton 012</t>
  </si>
  <si>
    <t>E01004138</t>
  </si>
  <si>
    <t>Sutton 013C</t>
  </si>
  <si>
    <t>E01004139</t>
  </si>
  <si>
    <t>Sutton 013D</t>
  </si>
  <si>
    <t>E01004140</t>
  </si>
  <si>
    <t>Sutton 012B</t>
  </si>
  <si>
    <t>E01004141</t>
  </si>
  <si>
    <t>Sutton 012C</t>
  </si>
  <si>
    <t>E01004143</t>
  </si>
  <si>
    <t>Sutton 014A</t>
  </si>
  <si>
    <t>E02000853</t>
  </si>
  <si>
    <t>Sutton 014</t>
  </si>
  <si>
    <t>E01004144</t>
  </si>
  <si>
    <t>Sutton 007A</t>
  </si>
  <si>
    <t>E02000846</t>
  </si>
  <si>
    <t>Sutton 007</t>
  </si>
  <si>
    <t>E01004145</t>
  </si>
  <si>
    <t>Sutton 007B</t>
  </si>
  <si>
    <t>E01004146</t>
  </si>
  <si>
    <t>Sutton 007C</t>
  </si>
  <si>
    <t>E01004147</t>
  </si>
  <si>
    <t>Sutton 007D</t>
  </si>
  <si>
    <t>E01004148</t>
  </si>
  <si>
    <t>Sutton 014B</t>
  </si>
  <si>
    <t>E01004149</t>
  </si>
  <si>
    <t>Sutton 012E</t>
  </si>
  <si>
    <t>E01004150</t>
  </si>
  <si>
    <t>Sutton 021C</t>
  </si>
  <si>
    <t>E01004151</t>
  </si>
  <si>
    <t>Sutton 021D</t>
  </si>
  <si>
    <t>E01004152</t>
  </si>
  <si>
    <t>Sutton 018A</t>
  </si>
  <si>
    <t>E02000857</t>
  </si>
  <si>
    <t>Sutton 018</t>
  </si>
  <si>
    <t>E01004153</t>
  </si>
  <si>
    <t>Sutton 021E</t>
  </si>
  <si>
    <t>E01004154</t>
  </si>
  <si>
    <t>Sutton 022E</t>
  </si>
  <si>
    <t>E01004155</t>
  </si>
  <si>
    <t>Sutton 018B</t>
  </si>
  <si>
    <t>E01004156</t>
  </si>
  <si>
    <t>Sutton 018C</t>
  </si>
  <si>
    <t>E01004157</t>
  </si>
  <si>
    <t>Sutton 016E</t>
  </si>
  <si>
    <t>E01004158</t>
  </si>
  <si>
    <t>Sutton 018D</t>
  </si>
  <si>
    <t>E01004159</t>
  </si>
  <si>
    <t>Sutton 014C</t>
  </si>
  <si>
    <t>E01004160</t>
  </si>
  <si>
    <t>Sutton 014D</t>
  </si>
  <si>
    <t>E01004161</t>
  </si>
  <si>
    <t>Sutton 014E</t>
  </si>
  <si>
    <t>E01004162</t>
  </si>
  <si>
    <t>Sutton 018E</t>
  </si>
  <si>
    <t>E01004163</t>
  </si>
  <si>
    <t>Sutton 005B</t>
  </si>
  <si>
    <t>E01004164</t>
  </si>
  <si>
    <t>Sutton 004A</t>
  </si>
  <si>
    <t>E02000843</t>
  </si>
  <si>
    <t>Sutton 004</t>
  </si>
  <si>
    <t>E01004165</t>
  </si>
  <si>
    <t>Sutton 005C</t>
  </si>
  <si>
    <t>E01004166</t>
  </si>
  <si>
    <t>Sutton 004B</t>
  </si>
  <si>
    <t>E01004167</t>
  </si>
  <si>
    <t>Sutton 005D</t>
  </si>
  <si>
    <t>E01004168</t>
  </si>
  <si>
    <t>Sutton 013E</t>
  </si>
  <si>
    <t>E01004169</t>
  </si>
  <si>
    <t>Sutton 004C</t>
  </si>
  <si>
    <t>E01004170</t>
  </si>
  <si>
    <t>Sutton 017B</t>
  </si>
  <si>
    <t>E01004171</t>
  </si>
  <si>
    <t>Sutton 010A</t>
  </si>
  <si>
    <t>E02000849</t>
  </si>
  <si>
    <t>Sutton 010</t>
  </si>
  <si>
    <t>E01004172</t>
  </si>
  <si>
    <t>Sutton 010B</t>
  </si>
  <si>
    <t>E01004173</t>
  </si>
  <si>
    <t>Sutton 010C</t>
  </si>
  <si>
    <t>E01004174</t>
  </si>
  <si>
    <t>Sutton 017C</t>
  </si>
  <si>
    <t>E01004175</t>
  </si>
  <si>
    <t>Sutton 010D</t>
  </si>
  <si>
    <t>E01004176</t>
  </si>
  <si>
    <t>Sutton 010E</t>
  </si>
  <si>
    <t>E01004177</t>
  </si>
  <si>
    <t>Sutton 020C</t>
  </si>
  <si>
    <t>E01004178</t>
  </si>
  <si>
    <t>Sutton 017D</t>
  </si>
  <si>
    <t>E01004179</t>
  </si>
  <si>
    <t>Sutton 017E</t>
  </si>
  <si>
    <t>E01004180</t>
  </si>
  <si>
    <t>Sutton 020D</t>
  </si>
  <si>
    <t>E01004181</t>
  </si>
  <si>
    <t>Sutton 020E</t>
  </si>
  <si>
    <t>E01004182</t>
  </si>
  <si>
    <t>Sutton 019E</t>
  </si>
  <si>
    <t>E01004183</t>
  </si>
  <si>
    <t>Sutton 001B</t>
  </si>
  <si>
    <t>E01004184</t>
  </si>
  <si>
    <t>Sutton 001C</t>
  </si>
  <si>
    <t>E01004185</t>
  </si>
  <si>
    <t>Sutton 001D</t>
  </si>
  <si>
    <t>E01004186</t>
  </si>
  <si>
    <t>Sutton 004D</t>
  </si>
  <si>
    <t>E01004187</t>
  </si>
  <si>
    <t>Sutton 005E</t>
  </si>
  <si>
    <t>E01004189</t>
  </si>
  <si>
    <t>Sutton 001E</t>
  </si>
  <si>
    <t>E01004190</t>
  </si>
  <si>
    <t>Sutton 008C</t>
  </si>
  <si>
    <t>E01004191</t>
  </si>
  <si>
    <t>Sutton 008D</t>
  </si>
  <si>
    <t>E01004192</t>
  </si>
  <si>
    <t>Sutton 006C</t>
  </si>
  <si>
    <t>E01004193</t>
  </si>
  <si>
    <t>Sutton 006D</t>
  </si>
  <si>
    <t>E01004194</t>
  </si>
  <si>
    <t>Sutton 008E</t>
  </si>
  <si>
    <t>E01004195</t>
  </si>
  <si>
    <t>Sutton 006E</t>
  </si>
  <si>
    <t>E01004196</t>
  </si>
  <si>
    <t>Sutton 008F</t>
  </si>
  <si>
    <t>E01004198</t>
  </si>
  <si>
    <t>Tower Hamlets 002B</t>
  </si>
  <si>
    <t>E02000865</t>
  </si>
  <si>
    <t>Tower Hamlets 002</t>
  </si>
  <si>
    <t>E09000030</t>
  </si>
  <si>
    <t>Tower Hamlets</t>
  </si>
  <si>
    <t>E01004199</t>
  </si>
  <si>
    <t>Tower Hamlets 002C</t>
  </si>
  <si>
    <t>E01004200</t>
  </si>
  <si>
    <t>Tower Hamlets 005A</t>
  </si>
  <si>
    <t>E02000868</t>
  </si>
  <si>
    <t>Tower Hamlets 005</t>
  </si>
  <si>
    <t>E01004201</t>
  </si>
  <si>
    <t>Tower Hamlets 002D</t>
  </si>
  <si>
    <t>E01004202</t>
  </si>
  <si>
    <t>Tower Hamlets 005B</t>
  </si>
  <si>
    <t>E01004203</t>
  </si>
  <si>
    <t>Tower Hamlets 005C</t>
  </si>
  <si>
    <t>E01004204</t>
  </si>
  <si>
    <t>Tower Hamlets 005D</t>
  </si>
  <si>
    <t>E01004205</t>
  </si>
  <si>
    <t>Tower Hamlets 013A</t>
  </si>
  <si>
    <t>E02000876</t>
  </si>
  <si>
    <t>Tower Hamlets 013</t>
  </si>
  <si>
    <t>E01004206</t>
  </si>
  <si>
    <t>Tower Hamlets 013B</t>
  </si>
  <si>
    <t>E01004207</t>
  </si>
  <si>
    <t>Tower Hamlets 011A</t>
  </si>
  <si>
    <t>E02000874</t>
  </si>
  <si>
    <t>Tower Hamlets 011</t>
  </si>
  <si>
    <t>E01004208</t>
  </si>
  <si>
    <t>Tower Hamlets 013C</t>
  </si>
  <si>
    <t>E01004209</t>
  </si>
  <si>
    <t>Tower Hamlets 011B</t>
  </si>
  <si>
    <t>E01004211</t>
  </si>
  <si>
    <t>Tower Hamlets 013D</t>
  </si>
  <si>
    <t>E01004212</t>
  </si>
  <si>
    <t>Tower Hamlets 011D</t>
  </si>
  <si>
    <t>E01004214</t>
  </si>
  <si>
    <t>Tower Hamlets 030A</t>
  </si>
  <si>
    <t>E02000893</t>
  </si>
  <si>
    <t>Tower Hamlets 030</t>
  </si>
  <si>
    <t>E01004216</t>
  </si>
  <si>
    <t>Tower Hamlets 030B</t>
  </si>
  <si>
    <t>E01004217</t>
  </si>
  <si>
    <t>Tower Hamlets 030C</t>
  </si>
  <si>
    <t>E01004218</t>
  </si>
  <si>
    <t>Tower Hamlets 030D</t>
  </si>
  <si>
    <t>E01004219</t>
  </si>
  <si>
    <t>Tower Hamlets 035B</t>
  </si>
  <si>
    <t>E02007113</t>
  </si>
  <si>
    <t>Tower Hamlets 035</t>
  </si>
  <si>
    <t>E01004221</t>
  </si>
  <si>
    <t>Tower Hamlets 036A</t>
  </si>
  <si>
    <t>E02007114</t>
  </si>
  <si>
    <t>Tower Hamlets 036</t>
  </si>
  <si>
    <t>E01004222</t>
  </si>
  <si>
    <t>Tower Hamlets 001A</t>
  </si>
  <si>
    <t>E02000864</t>
  </si>
  <si>
    <t>Tower Hamlets 001</t>
  </si>
  <si>
    <t>E01004223</t>
  </si>
  <si>
    <t>Tower Hamlets 001B</t>
  </si>
  <si>
    <t>E01004226</t>
  </si>
  <si>
    <t>Tower Hamlets 001D</t>
  </si>
  <si>
    <t>E01004228</t>
  </si>
  <si>
    <t>Tower Hamlets 003A</t>
  </si>
  <si>
    <t>E02000866</t>
  </si>
  <si>
    <t>Tower Hamlets 003</t>
  </si>
  <si>
    <t>E01004229</t>
  </si>
  <si>
    <t>Tower Hamlets 004C</t>
  </si>
  <si>
    <t>E02000867</t>
  </si>
  <si>
    <t>Tower Hamlets 004</t>
  </si>
  <si>
    <t>E01004230</t>
  </si>
  <si>
    <t>Tower Hamlets 003B</t>
  </si>
  <si>
    <t>E01004231</t>
  </si>
  <si>
    <t>Tower Hamlets 004D</t>
  </si>
  <si>
    <t>E01004232</t>
  </si>
  <si>
    <t>Tower Hamlets 003C</t>
  </si>
  <si>
    <t>E01004233</t>
  </si>
  <si>
    <t>Tower Hamlets 003D</t>
  </si>
  <si>
    <t>E01004234</t>
  </si>
  <si>
    <t>Tower Hamlets 003E</t>
  </si>
  <si>
    <t>E01004235</t>
  </si>
  <si>
    <t>Tower Hamlets 008A</t>
  </si>
  <si>
    <t>E02000871</t>
  </si>
  <si>
    <t>Tower Hamlets 008</t>
  </si>
  <si>
    <t>E01004236</t>
  </si>
  <si>
    <t>Tower Hamlets 008B</t>
  </si>
  <si>
    <t>E01004237</t>
  </si>
  <si>
    <t>Tower Hamlets 008C</t>
  </si>
  <si>
    <t>E01004239</t>
  </si>
  <si>
    <t>Tower Hamlets 008E</t>
  </si>
  <si>
    <t>E01004240</t>
  </si>
  <si>
    <t>Tower Hamlets 012A</t>
  </si>
  <si>
    <t>E02000875</t>
  </si>
  <si>
    <t>Tower Hamlets 012</t>
  </si>
  <si>
    <t>E01004241</t>
  </si>
  <si>
    <t>Tower Hamlets 012B</t>
  </si>
  <si>
    <t>E01004243</t>
  </si>
  <si>
    <t>Tower Hamlets 020A</t>
  </si>
  <si>
    <t>E02000883</t>
  </si>
  <si>
    <t>Tower Hamlets 020</t>
  </si>
  <si>
    <t>E01004244</t>
  </si>
  <si>
    <t>Tower Hamlets 020B</t>
  </si>
  <si>
    <t>E01004245</t>
  </si>
  <si>
    <t>Tower Hamlets 018A</t>
  </si>
  <si>
    <t>E02000881</t>
  </si>
  <si>
    <t>Tower Hamlets 018</t>
  </si>
  <si>
    <t>E01004247</t>
  </si>
  <si>
    <t>Tower Hamlets 020C</t>
  </si>
  <si>
    <t>E01004248</t>
  </si>
  <si>
    <t>Tower Hamlets 018C</t>
  </si>
  <si>
    <t>E01004249</t>
  </si>
  <si>
    <t>Tower Hamlets 018D</t>
  </si>
  <si>
    <t>E01004251</t>
  </si>
  <si>
    <t>Tower Hamlets 023A</t>
  </si>
  <si>
    <t>E02000886</t>
  </si>
  <si>
    <t>Tower Hamlets 023</t>
  </si>
  <si>
    <t>E01004255</t>
  </si>
  <si>
    <t>Tower Hamlets 023C</t>
  </si>
  <si>
    <t>E01004256</t>
  </si>
  <si>
    <t>Tower Hamlets 024C</t>
  </si>
  <si>
    <t>E02000887</t>
  </si>
  <si>
    <t>Tower Hamlets 024</t>
  </si>
  <si>
    <t>E01004257</t>
  </si>
  <si>
    <t>Tower Hamlets 024D</t>
  </si>
  <si>
    <t>E01004258</t>
  </si>
  <si>
    <t>Tower Hamlets 023D</t>
  </si>
  <si>
    <t>E01004259</t>
  </si>
  <si>
    <t>Tower Hamlets 007A</t>
  </si>
  <si>
    <t>E02000870</t>
  </si>
  <si>
    <t>Tower Hamlets 007</t>
  </si>
  <si>
    <t>E01004260</t>
  </si>
  <si>
    <t>Tower Hamlets 007B</t>
  </si>
  <si>
    <t>E01004263</t>
  </si>
  <si>
    <t>Tower Hamlets 007C</t>
  </si>
  <si>
    <t>E01004264</t>
  </si>
  <si>
    <t>Tower Hamlets 010C</t>
  </si>
  <si>
    <t>E02000873</t>
  </si>
  <si>
    <t>Tower Hamlets 010</t>
  </si>
  <si>
    <t>E01004266</t>
  </si>
  <si>
    <t>Tower Hamlets 007D</t>
  </si>
  <si>
    <t>E01004267</t>
  </si>
  <si>
    <t>Tower Hamlets 012D</t>
  </si>
  <si>
    <t>E01004268</t>
  </si>
  <si>
    <t>Tower Hamlets 012E</t>
  </si>
  <si>
    <t>E01004270</t>
  </si>
  <si>
    <t>Tower Hamlets 014B</t>
  </si>
  <si>
    <t>E02000877</t>
  </si>
  <si>
    <t>Tower Hamlets 014</t>
  </si>
  <si>
    <t>E01004271</t>
  </si>
  <si>
    <t>Tower Hamlets 014C</t>
  </si>
  <si>
    <t>E01004272</t>
  </si>
  <si>
    <t>Tower Hamlets 014D</t>
  </si>
  <si>
    <t>E01004274</t>
  </si>
  <si>
    <t>Tower Hamlets 031A</t>
  </si>
  <si>
    <t>E02000894</t>
  </si>
  <si>
    <t>Tower Hamlets 031</t>
  </si>
  <si>
    <t>E01004275</t>
  </si>
  <si>
    <t>Tower Hamlets 031B</t>
  </si>
  <si>
    <t>E01004276</t>
  </si>
  <si>
    <t>Tower Hamlets 031C</t>
  </si>
  <si>
    <t>E01004277</t>
  </si>
  <si>
    <t>Tower Hamlets 033A</t>
  </si>
  <si>
    <t>E02006854</t>
  </si>
  <si>
    <t>Tower Hamlets 033</t>
  </si>
  <si>
    <t>E01004280</t>
  </si>
  <si>
    <t>Tower Hamlets 032A</t>
  </si>
  <si>
    <t>E02006853</t>
  </si>
  <si>
    <t>Tower Hamlets 032</t>
  </si>
  <si>
    <t>E01004281</t>
  </si>
  <si>
    <t>Tower Hamlets 031D</t>
  </si>
  <si>
    <t>E01004283</t>
  </si>
  <si>
    <t>Tower Hamlets 016A</t>
  </si>
  <si>
    <t>E02000879</t>
  </si>
  <si>
    <t>Tower Hamlets 016</t>
  </si>
  <si>
    <t>E01004286</t>
  </si>
  <si>
    <t>Tower Hamlets 019C</t>
  </si>
  <si>
    <t>E02000882</t>
  </si>
  <si>
    <t>Tower Hamlets 019</t>
  </si>
  <si>
    <t>E01004287</t>
  </si>
  <si>
    <t>Tower Hamlets 016B</t>
  </si>
  <si>
    <t>E01004288</t>
  </si>
  <si>
    <t>Tower Hamlets 019D</t>
  </si>
  <si>
    <t>E01004289</t>
  </si>
  <si>
    <t>Tower Hamlets 016C</t>
  </si>
  <si>
    <t>E01004290</t>
  </si>
  <si>
    <t>Tower Hamlets 016D</t>
  </si>
  <si>
    <t>E01004291</t>
  </si>
  <si>
    <t>Tower Hamlets 027A</t>
  </si>
  <si>
    <t>E02000890</t>
  </si>
  <si>
    <t>Tower Hamlets 027</t>
  </si>
  <si>
    <t>E01004292</t>
  </si>
  <si>
    <t>Tower Hamlets 026A</t>
  </si>
  <si>
    <t>E02000889</t>
  </si>
  <si>
    <t>Tower Hamlets 026</t>
  </si>
  <si>
    <t>E01004293</t>
  </si>
  <si>
    <t>Tower Hamlets 027B</t>
  </si>
  <si>
    <t>E01004295</t>
  </si>
  <si>
    <t>Tower Hamlets 026C</t>
  </si>
  <si>
    <t>E01004296</t>
  </si>
  <si>
    <t>Tower Hamlets 026D</t>
  </si>
  <si>
    <t>E01004297</t>
  </si>
  <si>
    <t>Tower Hamlets 027C</t>
  </si>
  <si>
    <t>E01004298</t>
  </si>
  <si>
    <t>Tower Hamlets 022A</t>
  </si>
  <si>
    <t>E02000885</t>
  </si>
  <si>
    <t>Tower Hamlets 022</t>
  </si>
  <si>
    <t>E01004300</t>
  </si>
  <si>
    <t>Tower Hamlets 022B</t>
  </si>
  <si>
    <t>E01004301</t>
  </si>
  <si>
    <t>Tower Hamlets 025B</t>
  </si>
  <si>
    <t>E02000888</t>
  </si>
  <si>
    <t>Tower Hamlets 025</t>
  </si>
  <si>
    <t>E01004302</t>
  </si>
  <si>
    <t>Tower Hamlets 025C</t>
  </si>
  <si>
    <t>E01004303</t>
  </si>
  <si>
    <t>Tower Hamlets 025D</t>
  </si>
  <si>
    <t>E01004304</t>
  </si>
  <si>
    <t>Tower Hamlets 022C</t>
  </si>
  <si>
    <t>E01004305</t>
  </si>
  <si>
    <t>Tower Hamlets 022D</t>
  </si>
  <si>
    <t>E01004306</t>
  </si>
  <si>
    <t>Tower Hamlets 015A</t>
  </si>
  <si>
    <t>E02000878</t>
  </si>
  <si>
    <t>Tower Hamlets 015</t>
  </si>
  <si>
    <t>E01004307</t>
  </si>
  <si>
    <t>Tower Hamlets 015B</t>
  </si>
  <si>
    <t>E01004308</t>
  </si>
  <si>
    <t>Tower Hamlets 015C</t>
  </si>
  <si>
    <t>E01004309</t>
  </si>
  <si>
    <t>Tower Hamlets 015D</t>
  </si>
  <si>
    <t>E01004310</t>
  </si>
  <si>
    <t>Tower Hamlets 015E</t>
  </si>
  <si>
    <t>E01004311</t>
  </si>
  <si>
    <t>Tower Hamlets 006A</t>
  </si>
  <si>
    <t>E02000869</t>
  </si>
  <si>
    <t>Tower Hamlets 006</t>
  </si>
  <si>
    <t>E01004312</t>
  </si>
  <si>
    <t>Tower Hamlets 009A</t>
  </si>
  <si>
    <t>E02000872</t>
  </si>
  <si>
    <t>Tower Hamlets 009</t>
  </si>
  <si>
    <t>E01004313</t>
  </si>
  <si>
    <t>Tower Hamlets 009B</t>
  </si>
  <si>
    <t>E01004315</t>
  </si>
  <si>
    <t>Tower Hamlets 006C</t>
  </si>
  <si>
    <t>E01004316</t>
  </si>
  <si>
    <t>Tower Hamlets 009C</t>
  </si>
  <si>
    <t>E01004319</t>
  </si>
  <si>
    <t>Tower Hamlets 021A</t>
  </si>
  <si>
    <t>E02000884</t>
  </si>
  <si>
    <t>Tower Hamlets 021</t>
  </si>
  <si>
    <t>E01004321</t>
  </si>
  <si>
    <t>Tower Hamlets 021C</t>
  </si>
  <si>
    <t>E01004322</t>
  </si>
  <si>
    <t>Tower Hamlets 017A</t>
  </si>
  <si>
    <t>E02000880</t>
  </si>
  <si>
    <t>Tower Hamlets 017</t>
  </si>
  <si>
    <t>E01004323</t>
  </si>
  <si>
    <t>Tower Hamlets 017B</t>
  </si>
  <si>
    <t>E01004324</t>
  </si>
  <si>
    <t>Tower Hamlets 017C</t>
  </si>
  <si>
    <t>E01004326</t>
  </si>
  <si>
    <t>Tower Hamlets 017D</t>
  </si>
  <si>
    <t>E01004327</t>
  </si>
  <si>
    <t>Waltham Forest 028A</t>
  </si>
  <si>
    <t>E02000922</t>
  </si>
  <si>
    <t>Waltham Forest 028</t>
  </si>
  <si>
    <t>E09000031</t>
  </si>
  <si>
    <t>Waltham Forest</t>
  </si>
  <si>
    <t>E01004328</t>
  </si>
  <si>
    <t>Waltham Forest 028B</t>
  </si>
  <si>
    <t>E01004329</t>
  </si>
  <si>
    <t>Waltham Forest 028C</t>
  </si>
  <si>
    <t>E01004330</t>
  </si>
  <si>
    <t>Waltham Forest 028D</t>
  </si>
  <si>
    <t>E01004331</t>
  </si>
  <si>
    <t>Waltham Forest 028E</t>
  </si>
  <si>
    <t>E01004332</t>
  </si>
  <si>
    <t>Waltham Forest 028F</t>
  </si>
  <si>
    <t>E01004333</t>
  </si>
  <si>
    <t>Waltham Forest 024A</t>
  </si>
  <si>
    <t>E02000918</t>
  </si>
  <si>
    <t>Waltham Forest 024</t>
  </si>
  <si>
    <t>E01004334</t>
  </si>
  <si>
    <t>Waltham Forest 024B</t>
  </si>
  <si>
    <t>E01004335</t>
  </si>
  <si>
    <t>Waltham Forest 027A</t>
  </si>
  <si>
    <t>E02000921</t>
  </si>
  <si>
    <t>Waltham Forest 027</t>
  </si>
  <si>
    <t>E01004336</t>
  </si>
  <si>
    <t>Waltham Forest 026A</t>
  </si>
  <si>
    <t>E02000920</t>
  </si>
  <si>
    <t>Waltham Forest 026</t>
  </si>
  <si>
    <t>E01004337</t>
  </si>
  <si>
    <t>Waltham Forest 027B</t>
  </si>
  <si>
    <t>E01004338</t>
  </si>
  <si>
    <t>Waltham Forest 027C</t>
  </si>
  <si>
    <t>E01004339</t>
  </si>
  <si>
    <t>Waltham Forest 027D</t>
  </si>
  <si>
    <t>E01004340</t>
  </si>
  <si>
    <t>Waltham Forest 027E</t>
  </si>
  <si>
    <t>E01004341</t>
  </si>
  <si>
    <t>Waltham Forest 027F</t>
  </si>
  <si>
    <t>E01004342</t>
  </si>
  <si>
    <t>Waltham Forest 011A</t>
  </si>
  <si>
    <t>E02000905</t>
  </si>
  <si>
    <t>Waltham Forest 011</t>
  </si>
  <si>
    <t>E01004343</t>
  </si>
  <si>
    <t>Waltham Forest 008A</t>
  </si>
  <si>
    <t>E02000902</t>
  </si>
  <si>
    <t>Waltham Forest 008</t>
  </si>
  <si>
    <t>E01004344</t>
  </si>
  <si>
    <t>Waltham Forest 008B</t>
  </si>
  <si>
    <t>E01004345</t>
  </si>
  <si>
    <t>Waltham Forest 010A</t>
  </si>
  <si>
    <t>E02000904</t>
  </si>
  <si>
    <t>Waltham Forest 010</t>
  </si>
  <si>
    <t>E01004346</t>
  </si>
  <si>
    <t>Waltham Forest 011B</t>
  </si>
  <si>
    <t>E01004347</t>
  </si>
  <si>
    <t>Waltham Forest 011C</t>
  </si>
  <si>
    <t>E01004348</t>
  </si>
  <si>
    <t>Waltham Forest 010B</t>
  </si>
  <si>
    <t>E01004349</t>
  </si>
  <si>
    <t>Waltham Forest 001A</t>
  </si>
  <si>
    <t>E02000895</t>
  </si>
  <si>
    <t>Waltham Forest 001</t>
  </si>
  <si>
    <t>E01004350</t>
  </si>
  <si>
    <t>Waltham Forest 001B</t>
  </si>
  <si>
    <t>E01004351</t>
  </si>
  <si>
    <t>Waltham Forest 001C</t>
  </si>
  <si>
    <t>E01004352</t>
  </si>
  <si>
    <t>Waltham Forest 002A</t>
  </si>
  <si>
    <t>E02000896</t>
  </si>
  <si>
    <t>Waltham Forest 002</t>
  </si>
  <si>
    <t>E01004353</t>
  </si>
  <si>
    <t>Waltham Forest 002B</t>
  </si>
  <si>
    <t>E01004354</t>
  </si>
  <si>
    <t>Waltham Forest 002C</t>
  </si>
  <si>
    <t>E01004355</t>
  </si>
  <si>
    <t>Waltham Forest 004A</t>
  </si>
  <si>
    <t>E02000898</t>
  </si>
  <si>
    <t>Waltham Forest 004</t>
  </si>
  <si>
    <t>E01004356</t>
  </si>
  <si>
    <t>Waltham Forest 001D</t>
  </si>
  <si>
    <t>E01004357</t>
  </si>
  <si>
    <t>Waltham Forest 001E</t>
  </si>
  <si>
    <t>E01004358</t>
  </si>
  <si>
    <t>Waltham Forest 002D</t>
  </si>
  <si>
    <t>E01004359</t>
  </si>
  <si>
    <t>Waltham Forest 002E</t>
  </si>
  <si>
    <t>E01004360</t>
  </si>
  <si>
    <t>Waltham Forest 004B</t>
  </si>
  <si>
    <t>E01004361</t>
  </si>
  <si>
    <t>Waltham Forest 005A</t>
  </si>
  <si>
    <t>E02000899</t>
  </si>
  <si>
    <t>Waltham Forest 005</t>
  </si>
  <si>
    <t>E01004362</t>
  </si>
  <si>
    <t>Waltham Forest 021A</t>
  </si>
  <si>
    <t>E02000915</t>
  </si>
  <si>
    <t>Waltham Forest 021</t>
  </si>
  <si>
    <t>E01004363</t>
  </si>
  <si>
    <t>Waltham Forest 019A</t>
  </si>
  <si>
    <t>E02000913</t>
  </si>
  <si>
    <t>Waltham Forest 019</t>
  </si>
  <si>
    <t>E01004364</t>
  </si>
  <si>
    <t>Waltham Forest 019B</t>
  </si>
  <si>
    <t>E01004365</t>
  </si>
  <si>
    <t>Waltham Forest 020A</t>
  </si>
  <si>
    <t>E02000914</t>
  </si>
  <si>
    <t>Waltham Forest 020</t>
  </si>
  <si>
    <t>E01004366</t>
  </si>
  <si>
    <t>Waltham Forest 019C</t>
  </si>
  <si>
    <t>E01004367</t>
  </si>
  <si>
    <t>Waltham Forest 019D</t>
  </si>
  <si>
    <t>E01004368</t>
  </si>
  <si>
    <t>Waltham Forest 019E</t>
  </si>
  <si>
    <t>E01004369</t>
  </si>
  <si>
    <t>Waltham Forest 023A</t>
  </si>
  <si>
    <t>E02000917</t>
  </si>
  <si>
    <t>Waltham Forest 023</t>
  </si>
  <si>
    <t>E01004370</t>
  </si>
  <si>
    <t>Waltham Forest 023B</t>
  </si>
  <si>
    <t>E01004371</t>
  </si>
  <si>
    <t>Waltham Forest 025A</t>
  </si>
  <si>
    <t>E02000919</t>
  </si>
  <si>
    <t>Waltham Forest 025</t>
  </si>
  <si>
    <t>E01004372</t>
  </si>
  <si>
    <t>Waltham Forest 023C</t>
  </si>
  <si>
    <t>E01004373</t>
  </si>
  <si>
    <t>Waltham Forest 025B</t>
  </si>
  <si>
    <t>E01004374</t>
  </si>
  <si>
    <t>Waltham Forest 025C</t>
  </si>
  <si>
    <t>E01004375</t>
  </si>
  <si>
    <t>Waltham Forest 025D</t>
  </si>
  <si>
    <t>E01004376</t>
  </si>
  <si>
    <t>Waltham Forest 025E</t>
  </si>
  <si>
    <t>E01004377</t>
  </si>
  <si>
    <t>Waltham Forest 010C</t>
  </si>
  <si>
    <t>E01004378</t>
  </si>
  <si>
    <t>Waltham Forest 010D</t>
  </si>
  <si>
    <t>E01004379</t>
  </si>
  <si>
    <t>Waltham Forest 007A</t>
  </si>
  <si>
    <t>E02000901</t>
  </si>
  <si>
    <t>Waltham Forest 007</t>
  </si>
  <si>
    <t>E01004380</t>
  </si>
  <si>
    <t>Waltham Forest 007B</t>
  </si>
  <si>
    <t>E01004381</t>
  </si>
  <si>
    <t>Waltham Forest 007C</t>
  </si>
  <si>
    <t>E01004382</t>
  </si>
  <si>
    <t>Waltham Forest 008C</t>
  </si>
  <si>
    <t>E01004383</t>
  </si>
  <si>
    <t>Waltham Forest 007D</t>
  </si>
  <si>
    <t>E01004384</t>
  </si>
  <si>
    <t>Waltham Forest 003A</t>
  </si>
  <si>
    <t>E02000897</t>
  </si>
  <si>
    <t>Waltham Forest 003</t>
  </si>
  <si>
    <t>E01004385</t>
  </si>
  <si>
    <t>Waltham Forest 003B</t>
  </si>
  <si>
    <t>E01004386</t>
  </si>
  <si>
    <t>Waltham Forest 003C</t>
  </si>
  <si>
    <t>E01004387</t>
  </si>
  <si>
    <t>Waltham Forest 007E</t>
  </si>
  <si>
    <t>E01004388</t>
  </si>
  <si>
    <t>Waltham Forest 007F</t>
  </si>
  <si>
    <t>E01004389</t>
  </si>
  <si>
    <t>Waltham Forest 003D</t>
  </si>
  <si>
    <t>E01004390</t>
  </si>
  <si>
    <t>Waltham Forest 003E</t>
  </si>
  <si>
    <t>E01004391</t>
  </si>
  <si>
    <t>Waltham Forest 014A</t>
  </si>
  <si>
    <t>E02000908</t>
  </si>
  <si>
    <t>Waltham Forest 014</t>
  </si>
  <si>
    <t>E01004392</t>
  </si>
  <si>
    <t>Waltham Forest 017A</t>
  </si>
  <si>
    <t>E02000911</t>
  </si>
  <si>
    <t>Waltham Forest 017</t>
  </si>
  <si>
    <t>E01004393</t>
  </si>
  <si>
    <t>Waltham Forest 014B</t>
  </si>
  <si>
    <t>E01004394</t>
  </si>
  <si>
    <t>Waltham Forest 017B</t>
  </si>
  <si>
    <t>E01004395</t>
  </si>
  <si>
    <t>Waltham Forest 018A</t>
  </si>
  <si>
    <t>E02000912</t>
  </si>
  <si>
    <t>Waltham Forest 018</t>
  </si>
  <si>
    <t>E01004396</t>
  </si>
  <si>
    <t>Waltham Forest 012A</t>
  </si>
  <si>
    <t>E02000906</t>
  </si>
  <si>
    <t>Waltham Forest 012</t>
  </si>
  <si>
    <t>E01004397</t>
  </si>
  <si>
    <t>Waltham Forest 017C</t>
  </si>
  <si>
    <t>E01004398</t>
  </si>
  <si>
    <t>Waltham Forest 009A</t>
  </si>
  <si>
    <t>E02000903</t>
  </si>
  <si>
    <t>Waltham Forest 009</t>
  </si>
  <si>
    <t>E01004399</t>
  </si>
  <si>
    <t>Waltham Forest 009B</t>
  </si>
  <si>
    <t>E01004400</t>
  </si>
  <si>
    <t>Waltham Forest 009C</t>
  </si>
  <si>
    <t>E01004401</t>
  </si>
  <si>
    <t>Waltham Forest 014C</t>
  </si>
  <si>
    <t>E01004402</t>
  </si>
  <si>
    <t>Waltham Forest 009D</t>
  </si>
  <si>
    <t>E01004403</t>
  </si>
  <si>
    <t>Waltham Forest 009E</t>
  </si>
  <si>
    <t>E01004404</t>
  </si>
  <si>
    <t>Waltham Forest 014D</t>
  </si>
  <si>
    <t>E01004405</t>
  </si>
  <si>
    <t>Waltham Forest 020B</t>
  </si>
  <si>
    <t>E01004406</t>
  </si>
  <si>
    <t>Waltham Forest 016A</t>
  </si>
  <si>
    <t>E02000910</t>
  </si>
  <si>
    <t>Waltham Forest 016</t>
  </si>
  <si>
    <t>E01004407</t>
  </si>
  <si>
    <t>Waltham Forest 013A</t>
  </si>
  <si>
    <t>E02000907</t>
  </si>
  <si>
    <t>Waltham Forest 013</t>
  </si>
  <si>
    <t>E01004408</t>
  </si>
  <si>
    <t>Waltham Forest 016B</t>
  </si>
  <si>
    <t>E01004409</t>
  </si>
  <si>
    <t>Waltham Forest 016C</t>
  </si>
  <si>
    <t>E01004410</t>
  </si>
  <si>
    <t>Waltham Forest 013B</t>
  </si>
  <si>
    <t>E01004411</t>
  </si>
  <si>
    <t>Waltham Forest 016D</t>
  </si>
  <si>
    <t>E01004412</t>
  </si>
  <si>
    <t>Waltham Forest 015A</t>
  </si>
  <si>
    <t>E02000909</t>
  </si>
  <si>
    <t>Waltham Forest 015</t>
  </si>
  <si>
    <t>E01004413</t>
  </si>
  <si>
    <t>Waltham Forest 004C</t>
  </si>
  <si>
    <t>E01004414</t>
  </si>
  <si>
    <t>Waltham Forest 005B</t>
  </si>
  <si>
    <t>E01004415</t>
  </si>
  <si>
    <t>Waltham Forest 004D</t>
  </si>
  <si>
    <t>E01004416</t>
  </si>
  <si>
    <t>Waltham Forest 004E</t>
  </si>
  <si>
    <t>E01004417</t>
  </si>
  <si>
    <t>Waltham Forest 005C</t>
  </si>
  <si>
    <t>E01004418</t>
  </si>
  <si>
    <t>Waltham Forest 008D</t>
  </si>
  <si>
    <t>E01004419</t>
  </si>
  <si>
    <t>Waltham Forest 008E</t>
  </si>
  <si>
    <t>E01004420</t>
  </si>
  <si>
    <t>Waltham Forest 020C</t>
  </si>
  <si>
    <t>E01004421</t>
  </si>
  <si>
    <t>Waltham Forest 018B</t>
  </si>
  <si>
    <t>E01004422</t>
  </si>
  <si>
    <t>Waltham Forest 022A</t>
  </si>
  <si>
    <t>E02000916</t>
  </si>
  <si>
    <t>Waltham Forest 022</t>
  </si>
  <si>
    <t>E01004423</t>
  </si>
  <si>
    <t>Waltham Forest 020D</t>
  </si>
  <si>
    <t>E01004424</t>
  </si>
  <si>
    <t>Waltham Forest 022B</t>
  </si>
  <si>
    <t>E01004425</t>
  </si>
  <si>
    <t>Waltham Forest 022C</t>
  </si>
  <si>
    <t>E01004426</t>
  </si>
  <si>
    <t>Waltham Forest 022D</t>
  </si>
  <si>
    <t>E01004427</t>
  </si>
  <si>
    <t>Waltham Forest 022E</t>
  </si>
  <si>
    <t>E01004428</t>
  </si>
  <si>
    <t>Waltham Forest 026B</t>
  </si>
  <si>
    <t>E01004429</t>
  </si>
  <si>
    <t>Waltham Forest 026C</t>
  </si>
  <si>
    <t>E01004430</t>
  </si>
  <si>
    <t>Waltham Forest 026D</t>
  </si>
  <si>
    <t>E01004432</t>
  </si>
  <si>
    <t>Waltham Forest 023D</t>
  </si>
  <si>
    <t>E01004434</t>
  </si>
  <si>
    <t>Waltham Forest 026E</t>
  </si>
  <si>
    <t>E01004435</t>
  </si>
  <si>
    <t>Waltham Forest 023E</t>
  </si>
  <si>
    <t>E01004436</t>
  </si>
  <si>
    <t>Waltham Forest 021B</t>
  </si>
  <si>
    <t>E01004437</t>
  </si>
  <si>
    <t>Waltham Forest 021C</t>
  </si>
  <si>
    <t>E01004438</t>
  </si>
  <si>
    <t>Waltham Forest 024C</t>
  </si>
  <si>
    <t>E01004439</t>
  </si>
  <si>
    <t>Waltham Forest 021D</t>
  </si>
  <si>
    <t>E01004440</t>
  </si>
  <si>
    <t>Waltham Forest 024D</t>
  </si>
  <si>
    <t>E01004441</t>
  </si>
  <si>
    <t>Waltham Forest 024E</t>
  </si>
  <si>
    <t>E01004442</t>
  </si>
  <si>
    <t>Waltham Forest 021E</t>
  </si>
  <si>
    <t>E01004443</t>
  </si>
  <si>
    <t>Waltham Forest 016E</t>
  </si>
  <si>
    <t>E01004444</t>
  </si>
  <si>
    <t>Waltham Forest 017D</t>
  </si>
  <si>
    <t>E01004445</t>
  </si>
  <si>
    <t>Waltham Forest 018C</t>
  </si>
  <si>
    <t>E01004446</t>
  </si>
  <si>
    <t>Waltham Forest 017E</t>
  </si>
  <si>
    <t>E01004447</t>
  </si>
  <si>
    <t>Waltham Forest 016F</t>
  </si>
  <si>
    <t>E01004448</t>
  </si>
  <si>
    <t>Waltham Forest 018D</t>
  </si>
  <si>
    <t>E01004449</t>
  </si>
  <si>
    <t>Waltham Forest 018E</t>
  </si>
  <si>
    <t>E01004450</t>
  </si>
  <si>
    <t>Waltham Forest 006A</t>
  </si>
  <si>
    <t>E02000900</t>
  </si>
  <si>
    <t>Waltham Forest 006</t>
  </si>
  <si>
    <t>E01004451</t>
  </si>
  <si>
    <t>Waltham Forest 005D</t>
  </si>
  <si>
    <t>E01004452</t>
  </si>
  <si>
    <t>Waltham Forest 005E</t>
  </si>
  <si>
    <t>E01004453</t>
  </si>
  <si>
    <t>Waltham Forest 006B</t>
  </si>
  <si>
    <t>E01004454</t>
  </si>
  <si>
    <t>Waltham Forest 006C</t>
  </si>
  <si>
    <t>E01004455</t>
  </si>
  <si>
    <t>Waltham Forest 006D</t>
  </si>
  <si>
    <t>E01004456</t>
  </si>
  <si>
    <t>Waltham Forest 006E</t>
  </si>
  <si>
    <t>E01004457</t>
  </si>
  <si>
    <t>Waltham Forest 012B</t>
  </si>
  <si>
    <t>E01004458</t>
  </si>
  <si>
    <t>Waltham Forest 012C</t>
  </si>
  <si>
    <t>E01004459</t>
  </si>
  <si>
    <t>Waltham Forest 012D</t>
  </si>
  <si>
    <t>E01004460</t>
  </si>
  <si>
    <t>Waltham Forest 011D</t>
  </si>
  <si>
    <t>E01004462</t>
  </si>
  <si>
    <t>Waltham Forest 011E</t>
  </si>
  <si>
    <t>E01004463</t>
  </si>
  <si>
    <t>Waltham Forest 012E</t>
  </si>
  <si>
    <t>E01004464</t>
  </si>
  <si>
    <t>Waltham Forest 013C</t>
  </si>
  <si>
    <t>E01004465</t>
  </si>
  <si>
    <t>Waltham Forest 015B</t>
  </si>
  <si>
    <t>E01004466</t>
  </si>
  <si>
    <t>Waltham Forest 015C</t>
  </si>
  <si>
    <t>E01004467</t>
  </si>
  <si>
    <t>Waltham Forest 015D</t>
  </si>
  <si>
    <t>E01004468</t>
  </si>
  <si>
    <t>Waltham Forest 015E</t>
  </si>
  <si>
    <t>E01004469</t>
  </si>
  <si>
    <t>Waltham Forest 013D</t>
  </si>
  <si>
    <t>E01004470</t>
  </si>
  <si>
    <t>Waltham Forest 013E</t>
  </si>
  <si>
    <t>E01004471</t>
  </si>
  <si>
    <t>Waltham Forest 013F</t>
  </si>
  <si>
    <t>E01004472</t>
  </si>
  <si>
    <t>Wandsworth 021A</t>
  </si>
  <si>
    <t>E02000943</t>
  </si>
  <si>
    <t>Wandsworth 021</t>
  </si>
  <si>
    <t>E09000032</t>
  </si>
  <si>
    <t>Wandsworth</t>
  </si>
  <si>
    <t>E01004473</t>
  </si>
  <si>
    <t>Wandsworth 026A</t>
  </si>
  <si>
    <t>E02000948</t>
  </si>
  <si>
    <t>Wandsworth 026</t>
  </si>
  <si>
    <t>E01004474</t>
  </si>
  <si>
    <t>Wandsworth 021B</t>
  </si>
  <si>
    <t>E01004475</t>
  </si>
  <si>
    <t>Wandsworth 026B</t>
  </si>
  <si>
    <t>E01004476</t>
  </si>
  <si>
    <t>Wandsworth 021C</t>
  </si>
  <si>
    <t>E01004477</t>
  </si>
  <si>
    <t>Wandsworth 017A</t>
  </si>
  <si>
    <t>E02000939</t>
  </si>
  <si>
    <t>Wandsworth 017</t>
  </si>
  <si>
    <t>E01004478</t>
  </si>
  <si>
    <t>Wandsworth 017B</t>
  </si>
  <si>
    <t>E01004479</t>
  </si>
  <si>
    <t>Wandsworth 017C</t>
  </si>
  <si>
    <t>E01004480</t>
  </si>
  <si>
    <t>Wandsworth 026C</t>
  </si>
  <si>
    <t>E01004481</t>
  </si>
  <si>
    <t>Wandsworth 029A</t>
  </si>
  <si>
    <t>E02000951</t>
  </si>
  <si>
    <t>Wandsworth 029</t>
  </si>
  <si>
    <t>E01004482</t>
  </si>
  <si>
    <t>Wandsworth 030A</t>
  </si>
  <si>
    <t>E02000952</t>
  </si>
  <si>
    <t>Wandsworth 030</t>
  </si>
  <si>
    <t>E01004483</t>
  </si>
  <si>
    <t>Wandsworth 026D</t>
  </si>
  <si>
    <t>E01004484</t>
  </si>
  <si>
    <t>Wandsworth 026E</t>
  </si>
  <si>
    <t>E01004485</t>
  </si>
  <si>
    <t>Wandsworth 030B</t>
  </si>
  <si>
    <t>E01004486</t>
  </si>
  <si>
    <t>Wandsworth 026F</t>
  </si>
  <si>
    <t>E01004487</t>
  </si>
  <si>
    <t>Wandsworth 030C</t>
  </si>
  <si>
    <t>E01004488</t>
  </si>
  <si>
    <t>Wandsworth 029B</t>
  </si>
  <si>
    <t>E01004489</t>
  </si>
  <si>
    <t>Wandsworth 030D</t>
  </si>
  <si>
    <t>E01004490</t>
  </si>
  <si>
    <t>Wandsworth 031A</t>
  </si>
  <si>
    <t>E02000953</t>
  </si>
  <si>
    <t>Wandsworth 031</t>
  </si>
  <si>
    <t>E01004491</t>
  </si>
  <si>
    <t>Wandsworth 031B</t>
  </si>
  <si>
    <t>E01004492</t>
  </si>
  <si>
    <t>Wandsworth 031C</t>
  </si>
  <si>
    <t>E01004493</t>
  </si>
  <si>
    <t>Wandsworth 019A</t>
  </si>
  <si>
    <t>E02000941</t>
  </si>
  <si>
    <t>Wandsworth 019</t>
  </si>
  <si>
    <t>E01004494</t>
  </si>
  <si>
    <t>Wandsworth 018A</t>
  </si>
  <si>
    <t>E02000940</t>
  </si>
  <si>
    <t>Wandsworth 018</t>
  </si>
  <si>
    <t>E01004495</t>
  </si>
  <si>
    <t>Wandsworth 024A</t>
  </si>
  <si>
    <t>E02000946</t>
  </si>
  <si>
    <t>Wandsworth 024</t>
  </si>
  <si>
    <t>E01004496</t>
  </si>
  <si>
    <t>Wandsworth 024B</t>
  </si>
  <si>
    <t>E01004497</t>
  </si>
  <si>
    <t>Wandsworth 024C</t>
  </si>
  <si>
    <t>E01004498</t>
  </si>
  <si>
    <t>Wandsworth 031D</t>
  </si>
  <si>
    <t>E01004499</t>
  </si>
  <si>
    <t>Wandsworth 020A</t>
  </si>
  <si>
    <t>E02000942</t>
  </si>
  <si>
    <t>Wandsworth 020</t>
  </si>
  <si>
    <t>E01004500</t>
  </si>
  <si>
    <t>Wandsworth 014A</t>
  </si>
  <si>
    <t>E02000936</t>
  </si>
  <si>
    <t>Wandsworth 014</t>
  </si>
  <si>
    <t>E01004501</t>
  </si>
  <si>
    <t>Wandsworth 014B</t>
  </si>
  <si>
    <t>E01004502</t>
  </si>
  <si>
    <t>Wandsworth 020B</t>
  </si>
  <si>
    <t>E01004503</t>
  </si>
  <si>
    <t>Wandsworth 014C</t>
  </si>
  <si>
    <t>E01004504</t>
  </si>
  <si>
    <t>Wandsworth 020C</t>
  </si>
  <si>
    <t>E01004505</t>
  </si>
  <si>
    <t>Wandsworth 014D</t>
  </si>
  <si>
    <t>E01004506</t>
  </si>
  <si>
    <t>Wandsworth 011A</t>
  </si>
  <si>
    <t>E02000933</t>
  </si>
  <si>
    <t>Wandsworth 011</t>
  </si>
  <si>
    <t>E01004507</t>
  </si>
  <si>
    <t>Wandsworth 014E</t>
  </si>
  <si>
    <t>E01004508</t>
  </si>
  <si>
    <t>Wandsworth 012A</t>
  </si>
  <si>
    <t>E02000934</t>
  </si>
  <si>
    <t>Wandsworth 012</t>
  </si>
  <si>
    <t>E01004510</t>
  </si>
  <si>
    <t>Wandsworth 012B</t>
  </si>
  <si>
    <t>E01004511</t>
  </si>
  <si>
    <t>Wandsworth 010B</t>
  </si>
  <si>
    <t>E02000932</t>
  </si>
  <si>
    <t>Wandsworth 010</t>
  </si>
  <si>
    <t>E01004512</t>
  </si>
  <si>
    <t>Wandsworth 019B</t>
  </si>
  <si>
    <t>E01004513</t>
  </si>
  <si>
    <t>Wandsworth 018B</t>
  </si>
  <si>
    <t>E01004514</t>
  </si>
  <si>
    <t>Wandsworth 012C</t>
  </si>
  <si>
    <t>E01004515</t>
  </si>
  <si>
    <t>Wandsworth 012D</t>
  </si>
  <si>
    <t>E01004516</t>
  </si>
  <si>
    <t>Wandsworth 036A</t>
  </si>
  <si>
    <t>E02000958</t>
  </si>
  <si>
    <t>Wandsworth 036</t>
  </si>
  <si>
    <t>E01004517</t>
  </si>
  <si>
    <t>Wandsworth 037A</t>
  </si>
  <si>
    <t>E02000959</t>
  </si>
  <si>
    <t>Wandsworth 037</t>
  </si>
  <si>
    <t>E01004518</t>
  </si>
  <si>
    <t>Wandsworth 036B</t>
  </si>
  <si>
    <t>E01004519</t>
  </si>
  <si>
    <t>Wandsworth 036C</t>
  </si>
  <si>
    <t>E01004520</t>
  </si>
  <si>
    <t>Wandsworth 036D</t>
  </si>
  <si>
    <t>E01004521</t>
  </si>
  <si>
    <t>Wandsworth 037B</t>
  </si>
  <si>
    <t>E01004522</t>
  </si>
  <si>
    <t>Wandsworth 037C</t>
  </si>
  <si>
    <t>E01004523</t>
  </si>
  <si>
    <t>Wandsworth 036E</t>
  </si>
  <si>
    <t>E01004524</t>
  </si>
  <si>
    <t>Wandsworth 037D</t>
  </si>
  <si>
    <t>E01004525</t>
  </si>
  <si>
    <t>Wandsworth 035A</t>
  </si>
  <si>
    <t>E02000957</t>
  </si>
  <si>
    <t>Wandsworth 035</t>
  </si>
  <si>
    <t>E01004526</t>
  </si>
  <si>
    <t>Wandsworth 035B</t>
  </si>
  <si>
    <t>E01004527</t>
  </si>
  <si>
    <t>Wandsworth 035C</t>
  </si>
  <si>
    <t>E01004528</t>
  </si>
  <si>
    <t>Wandsworth 035D</t>
  </si>
  <si>
    <t>E01004529</t>
  </si>
  <si>
    <t>Wandsworth 035E</t>
  </si>
  <si>
    <t>E01004530</t>
  </si>
  <si>
    <t>Wandsworth 035F</t>
  </si>
  <si>
    <t>E01004531</t>
  </si>
  <si>
    <t>Wandsworth 033A</t>
  </si>
  <si>
    <t>E02000955</t>
  </si>
  <si>
    <t>Wandsworth 033</t>
  </si>
  <si>
    <t>E01004532</t>
  </si>
  <si>
    <t>Wandsworth 032A</t>
  </si>
  <si>
    <t>E02000954</t>
  </si>
  <si>
    <t>Wandsworth 032</t>
  </si>
  <si>
    <t>E01004533</t>
  </si>
  <si>
    <t>Wandsworth 033B</t>
  </si>
  <si>
    <t>E01004534</t>
  </si>
  <si>
    <t>Wandsworth 008A</t>
  </si>
  <si>
    <t>E02000930</t>
  </si>
  <si>
    <t>Wandsworth 008</t>
  </si>
  <si>
    <t>E01004535</t>
  </si>
  <si>
    <t>Wandsworth 007A</t>
  </si>
  <si>
    <t>E02000929</t>
  </si>
  <si>
    <t>Wandsworth 007</t>
  </si>
  <si>
    <t>E01004536</t>
  </si>
  <si>
    <t>Wandsworth 008B</t>
  </si>
  <si>
    <t>E01004537</t>
  </si>
  <si>
    <t>Wandsworth 007B</t>
  </si>
  <si>
    <t>E01004538</t>
  </si>
  <si>
    <t>Wandsworth 007C</t>
  </si>
  <si>
    <t>E01004539</t>
  </si>
  <si>
    <t>Wandsworth 003A</t>
  </si>
  <si>
    <t>E02000925</t>
  </si>
  <si>
    <t>Wandsworth 003</t>
  </si>
  <si>
    <t>E01004540</t>
  </si>
  <si>
    <t>Wandsworth 003B</t>
  </si>
  <si>
    <t>E01004541</t>
  </si>
  <si>
    <t>Wandsworth 007D</t>
  </si>
  <si>
    <t>E01004542</t>
  </si>
  <si>
    <t>Wandsworth 021D</t>
  </si>
  <si>
    <t>E01004543</t>
  </si>
  <si>
    <t>Wandsworth 027A</t>
  </si>
  <si>
    <t>E02000949</t>
  </si>
  <si>
    <t>Wandsworth 027</t>
  </si>
  <si>
    <t>E01004544</t>
  </si>
  <si>
    <t>Wandsworth 021E</t>
  </si>
  <si>
    <t>E01004545</t>
  </si>
  <si>
    <t>Wandsworth 027B</t>
  </si>
  <si>
    <t>E01004546</t>
  </si>
  <si>
    <t>Wandsworth 027C</t>
  </si>
  <si>
    <t>E01004547</t>
  </si>
  <si>
    <t>Wandsworth 029C</t>
  </si>
  <si>
    <t>E01004548</t>
  </si>
  <si>
    <t>Wandsworth 029D</t>
  </si>
  <si>
    <t>E01004549</t>
  </si>
  <si>
    <t>Wandsworth 027D</t>
  </si>
  <si>
    <t>E01004550</t>
  </si>
  <si>
    <t>Wandsworth 017D</t>
  </si>
  <si>
    <t>E01004551</t>
  </si>
  <si>
    <t>Wandsworth 012E</t>
  </si>
  <si>
    <t>E01004552</t>
  </si>
  <si>
    <t>Wandsworth 008C</t>
  </si>
  <si>
    <t>E01004553</t>
  </si>
  <si>
    <t>Wandsworth 015A</t>
  </si>
  <si>
    <t>E02000937</t>
  </si>
  <si>
    <t>Wandsworth 015</t>
  </si>
  <si>
    <t>E01004554</t>
  </si>
  <si>
    <t>Wandsworth 009A</t>
  </si>
  <si>
    <t>E02000931</t>
  </si>
  <si>
    <t>Wandsworth 009</t>
  </si>
  <si>
    <t>E01004555</t>
  </si>
  <si>
    <t>Wandsworth 017E</t>
  </si>
  <si>
    <t>E01004556</t>
  </si>
  <si>
    <t>Wandsworth 009B</t>
  </si>
  <si>
    <t>E01004557</t>
  </si>
  <si>
    <t>Wandsworth 015B</t>
  </si>
  <si>
    <t>E01004558</t>
  </si>
  <si>
    <t>Wandsworth 015C</t>
  </si>
  <si>
    <t>E01004559</t>
  </si>
  <si>
    <t>Wandsworth 015D</t>
  </si>
  <si>
    <t>E01004560</t>
  </si>
  <si>
    <t>Wandsworth 001A</t>
  </si>
  <si>
    <t>E02000923</t>
  </si>
  <si>
    <t>Wandsworth 001</t>
  </si>
  <si>
    <t>E01004563</t>
  </si>
  <si>
    <t>Wandsworth 039E</t>
  </si>
  <si>
    <t>E02007084</t>
  </si>
  <si>
    <t>Wandsworth 039</t>
  </si>
  <si>
    <t>E01004564</t>
  </si>
  <si>
    <t>Wandsworth 039D</t>
  </si>
  <si>
    <t>E01004565</t>
  </si>
  <si>
    <t>Wandsworth 005A</t>
  </si>
  <si>
    <t>E02000927</t>
  </si>
  <si>
    <t>Wandsworth 005</t>
  </si>
  <si>
    <t>E01004566</t>
  </si>
  <si>
    <t>Wandsworth 001B</t>
  </si>
  <si>
    <t>E01004567</t>
  </si>
  <si>
    <t>Wandsworth 039A</t>
  </si>
  <si>
    <t>E01004568</t>
  </si>
  <si>
    <t>Wandsworth 013A</t>
  </si>
  <si>
    <t>E02000935</t>
  </si>
  <si>
    <t>Wandsworth 013</t>
  </si>
  <si>
    <t>E01004569</t>
  </si>
  <si>
    <t>Wandsworth 023A</t>
  </si>
  <si>
    <t>E02000945</t>
  </si>
  <si>
    <t>Wandsworth 023</t>
  </si>
  <si>
    <t>E01004570</t>
  </si>
  <si>
    <t>Wandsworth 023B</t>
  </si>
  <si>
    <t>E01004571</t>
  </si>
  <si>
    <t>Wandsworth 023C</t>
  </si>
  <si>
    <t>E01004572</t>
  </si>
  <si>
    <t>Wandsworth 016A</t>
  </si>
  <si>
    <t>E02000938</t>
  </si>
  <si>
    <t>Wandsworth 016</t>
  </si>
  <si>
    <t>E01004573</t>
  </si>
  <si>
    <t>Wandsworth 023D</t>
  </si>
  <si>
    <t>E01004574</t>
  </si>
  <si>
    <t>Wandsworth 013B</t>
  </si>
  <si>
    <t>E01004575</t>
  </si>
  <si>
    <t>Wandsworth 013C</t>
  </si>
  <si>
    <t>E01004576</t>
  </si>
  <si>
    <t>Wandsworth 013D</t>
  </si>
  <si>
    <t>E01004577</t>
  </si>
  <si>
    <t>Wandsworth 003C</t>
  </si>
  <si>
    <t>E01004579</t>
  </si>
  <si>
    <t>Wandsworth 004B</t>
  </si>
  <si>
    <t>E02000926</t>
  </si>
  <si>
    <t>Wandsworth 004</t>
  </si>
  <si>
    <t>E01004580</t>
  </si>
  <si>
    <t>Wandsworth 004C</t>
  </si>
  <si>
    <t>E01004581</t>
  </si>
  <si>
    <t>Wandsworth 004D</t>
  </si>
  <si>
    <t>E01004582</t>
  </si>
  <si>
    <t>Wandsworth 001C</t>
  </si>
  <si>
    <t>E01004583</t>
  </si>
  <si>
    <t>Wandsworth 001D</t>
  </si>
  <si>
    <t>E01004584</t>
  </si>
  <si>
    <t>Wandsworth 003D</t>
  </si>
  <si>
    <t>E01004585</t>
  </si>
  <si>
    <t>Wandsworth 008D</t>
  </si>
  <si>
    <t>E01004586</t>
  </si>
  <si>
    <t>Wandsworth 009C</t>
  </si>
  <si>
    <t>E01004587</t>
  </si>
  <si>
    <t>Wandsworth 009D</t>
  </si>
  <si>
    <t>E01004588</t>
  </si>
  <si>
    <t>Wandsworth 008E</t>
  </si>
  <si>
    <t>E01004589</t>
  </si>
  <si>
    <t>Wandsworth 009E</t>
  </si>
  <si>
    <t>E01004590</t>
  </si>
  <si>
    <t>Wandsworth 005B</t>
  </si>
  <si>
    <t>E01004591</t>
  </si>
  <si>
    <t>Wandsworth 005C</t>
  </si>
  <si>
    <t>E01004592</t>
  </si>
  <si>
    <t>Wandsworth 005D</t>
  </si>
  <si>
    <t>E01004593</t>
  </si>
  <si>
    <t>Wandsworth 025A</t>
  </si>
  <si>
    <t>E02000947</t>
  </si>
  <si>
    <t>Wandsworth 025</t>
  </si>
  <si>
    <t>E01004594</t>
  </si>
  <si>
    <t>Wandsworth 020D</t>
  </si>
  <si>
    <t>E01004595</t>
  </si>
  <si>
    <t>Wandsworth 025B</t>
  </si>
  <si>
    <t>E01004596</t>
  </si>
  <si>
    <t>Wandsworth 020E</t>
  </si>
  <si>
    <t>E01004597</t>
  </si>
  <si>
    <t>Wandsworth 025C</t>
  </si>
  <si>
    <t>E01004598</t>
  </si>
  <si>
    <t>Wandsworth 025D</t>
  </si>
  <si>
    <t>E01004599</t>
  </si>
  <si>
    <t>Wandsworth 025E</t>
  </si>
  <si>
    <t>E01004601</t>
  </si>
  <si>
    <t>Wandsworth 018D</t>
  </si>
  <si>
    <t>E01004602</t>
  </si>
  <si>
    <t>Wandsworth 010C</t>
  </si>
  <si>
    <t>E01004604</t>
  </si>
  <si>
    <t>Wandsworth 006A</t>
  </si>
  <si>
    <t>E02000928</t>
  </si>
  <si>
    <t>Wandsworth 006</t>
  </si>
  <si>
    <t>E01004605</t>
  </si>
  <si>
    <t>Wandsworth 006B</t>
  </si>
  <si>
    <t>E01004606</t>
  </si>
  <si>
    <t>Wandsworth 006C</t>
  </si>
  <si>
    <t>E01004607</t>
  </si>
  <si>
    <t>Wandsworth 006D</t>
  </si>
  <si>
    <t>E01004608</t>
  </si>
  <si>
    <t>Wandsworth 006E</t>
  </si>
  <si>
    <t>E01004609</t>
  </si>
  <si>
    <t>Wandsworth 010E</t>
  </si>
  <si>
    <t>E01004610</t>
  </si>
  <si>
    <t>Wandsworth 033C</t>
  </si>
  <si>
    <t>E01004611</t>
  </si>
  <si>
    <t>Wandsworth 032B</t>
  </si>
  <si>
    <t>E01004612</t>
  </si>
  <si>
    <t>Wandsworth 032C</t>
  </si>
  <si>
    <t>E01004613</t>
  </si>
  <si>
    <t>Wandsworth 033D</t>
  </si>
  <si>
    <t>E01004614</t>
  </si>
  <si>
    <t>Wandsworth 034A</t>
  </si>
  <si>
    <t>E02000956</t>
  </si>
  <si>
    <t>Wandsworth 034</t>
  </si>
  <si>
    <t>E01004615</t>
  </si>
  <si>
    <t>Wandsworth 034B</t>
  </si>
  <si>
    <t>E01004616</t>
  </si>
  <si>
    <t>Wandsworth 034C</t>
  </si>
  <si>
    <t>E01004617</t>
  </si>
  <si>
    <t>Wandsworth 034D</t>
  </si>
  <si>
    <t>E01004618</t>
  </si>
  <si>
    <t>Wandsworth 032D</t>
  </si>
  <si>
    <t>E01004619</t>
  </si>
  <si>
    <t>Wandsworth 015E</t>
  </si>
  <si>
    <t>E01004620</t>
  </si>
  <si>
    <t>Wandsworth 019C</t>
  </si>
  <si>
    <t>E01004621</t>
  </si>
  <si>
    <t>Wandsworth 019D</t>
  </si>
  <si>
    <t>E01004622</t>
  </si>
  <si>
    <t>Wandsworth 024D</t>
  </si>
  <si>
    <t>E01004623</t>
  </si>
  <si>
    <t>Wandsworth 019E</t>
  </si>
  <si>
    <t>E01004624</t>
  </si>
  <si>
    <t>Wandsworth 024E</t>
  </si>
  <si>
    <t>E01004625</t>
  </si>
  <si>
    <t>Wandsworth 027E</t>
  </si>
  <si>
    <t>E01004626</t>
  </si>
  <si>
    <t>Wandsworth 027F</t>
  </si>
  <si>
    <t>E01004627</t>
  </si>
  <si>
    <t>Wandsworth 019F</t>
  </si>
  <si>
    <t>E01004628</t>
  </si>
  <si>
    <t>Wandsworth 022A</t>
  </si>
  <si>
    <t>E02000944</t>
  </si>
  <si>
    <t>Wandsworth 022</t>
  </si>
  <si>
    <t>E01004629</t>
  </si>
  <si>
    <t>Wandsworth 020F</t>
  </si>
  <si>
    <t>E01004630</t>
  </si>
  <si>
    <t>Wandsworth 022B</t>
  </si>
  <si>
    <t>E01004631</t>
  </si>
  <si>
    <t>Wandsworth 022C</t>
  </si>
  <si>
    <t>E01004632</t>
  </si>
  <si>
    <t>Wandsworth 028A</t>
  </si>
  <si>
    <t>E02000950</t>
  </si>
  <si>
    <t>Wandsworth 028</t>
  </si>
  <si>
    <t>E01004633</t>
  </si>
  <si>
    <t>Wandsworth 022D</t>
  </si>
  <si>
    <t>E01004634</t>
  </si>
  <si>
    <t>Wandsworth 028B</t>
  </si>
  <si>
    <t>E01004635</t>
  </si>
  <si>
    <t>Wandsworth 028C</t>
  </si>
  <si>
    <t>E01004636</t>
  </si>
  <si>
    <t>Wandsworth 028D</t>
  </si>
  <si>
    <t>E01004637</t>
  </si>
  <si>
    <t>Wandsworth 028E</t>
  </si>
  <si>
    <t>E01004638</t>
  </si>
  <si>
    <t>Wandsworth 011B</t>
  </si>
  <si>
    <t>E01004639</t>
  </si>
  <si>
    <t>Wandsworth 011C</t>
  </si>
  <si>
    <t>E01004640</t>
  </si>
  <si>
    <t>Wandsworth 011D</t>
  </si>
  <si>
    <t>E01004641</t>
  </si>
  <si>
    <t>Wandsworth 011E</t>
  </si>
  <si>
    <t>E01004642</t>
  </si>
  <si>
    <t>Wandsworth 016B</t>
  </si>
  <si>
    <t>E01004643</t>
  </si>
  <si>
    <t>Wandsworth 016C</t>
  </si>
  <si>
    <t>E01004644</t>
  </si>
  <si>
    <t>Wandsworth 016D</t>
  </si>
  <si>
    <t>E01004645</t>
  </si>
  <si>
    <t>Wandsworth 016E</t>
  </si>
  <si>
    <t>E01004646</t>
  </si>
  <si>
    <t>Westminster 002A</t>
  </si>
  <si>
    <t>E02000961</t>
  </si>
  <si>
    <t>Westminster 002</t>
  </si>
  <si>
    <t>E09000033</t>
  </si>
  <si>
    <t>Westminster</t>
  </si>
  <si>
    <t>E01004647</t>
  </si>
  <si>
    <t>Westminster 001A</t>
  </si>
  <si>
    <t>E02000960</t>
  </si>
  <si>
    <t>Westminster 001</t>
  </si>
  <si>
    <t>E01004648</t>
  </si>
  <si>
    <t>Westminster 002B</t>
  </si>
  <si>
    <t>E01004649</t>
  </si>
  <si>
    <t>Westminster 001B</t>
  </si>
  <si>
    <t>E01004650</t>
  </si>
  <si>
    <t>Westminster 002C</t>
  </si>
  <si>
    <t>E01004651</t>
  </si>
  <si>
    <t>Westminster 003A</t>
  </si>
  <si>
    <t>E02000962</t>
  </si>
  <si>
    <t>Westminster 003</t>
  </si>
  <si>
    <t>E01004652</t>
  </si>
  <si>
    <t>Westminster 017A</t>
  </si>
  <si>
    <t>E02000976</t>
  </si>
  <si>
    <t>Westminster 017</t>
  </si>
  <si>
    <t>E01004653</t>
  </si>
  <si>
    <t>Westminster 014A</t>
  </si>
  <si>
    <t>E02000973</t>
  </si>
  <si>
    <t>Westminster 014</t>
  </si>
  <si>
    <t>E01004654</t>
  </si>
  <si>
    <t>Westminster 014B</t>
  </si>
  <si>
    <t>E01004656</t>
  </si>
  <si>
    <t>Westminster 014D</t>
  </si>
  <si>
    <t>E01004657</t>
  </si>
  <si>
    <t>Westminster 012A</t>
  </si>
  <si>
    <t>E02000971</t>
  </si>
  <si>
    <t>Westminster 012</t>
  </si>
  <si>
    <t>E01004658</t>
  </si>
  <si>
    <t>Westminster 012B</t>
  </si>
  <si>
    <t>E01004659</t>
  </si>
  <si>
    <t>Westminster 008A</t>
  </si>
  <si>
    <t>E02000967</t>
  </si>
  <si>
    <t>Westminster 008</t>
  </si>
  <si>
    <t>E01004660</t>
  </si>
  <si>
    <t>Westminster 008B</t>
  </si>
  <si>
    <t>E01004661</t>
  </si>
  <si>
    <t>Westminster 012C</t>
  </si>
  <si>
    <t>E01004662</t>
  </si>
  <si>
    <t>Westminster 012D</t>
  </si>
  <si>
    <t>E01004663</t>
  </si>
  <si>
    <t>Westminster 012E</t>
  </si>
  <si>
    <t>E01004665</t>
  </si>
  <si>
    <t>Westminster 024A</t>
  </si>
  <si>
    <t>E02000983</t>
  </si>
  <si>
    <t>Westminster 024</t>
  </si>
  <si>
    <t>E01004668</t>
  </si>
  <si>
    <t>Westminster 023D</t>
  </si>
  <si>
    <t>E02000982</t>
  </si>
  <si>
    <t>Westminster 023</t>
  </si>
  <si>
    <t>E01004669</t>
  </si>
  <si>
    <t>Westminster 024B</t>
  </si>
  <si>
    <t>E01004670</t>
  </si>
  <si>
    <t>Westminster 009A</t>
  </si>
  <si>
    <t>E02000968</t>
  </si>
  <si>
    <t>Westminster 009</t>
  </si>
  <si>
    <t>E01004674</t>
  </si>
  <si>
    <t>Westminster 005A</t>
  </si>
  <si>
    <t>E02000964</t>
  </si>
  <si>
    <t>Westminster 005</t>
  </si>
  <si>
    <t>E01004675</t>
  </si>
  <si>
    <t>Westminster 005B</t>
  </si>
  <si>
    <t>E01004676</t>
  </si>
  <si>
    <t>Westminster 006A</t>
  </si>
  <si>
    <t>E02000965</t>
  </si>
  <si>
    <t>Westminster 006</t>
  </si>
  <si>
    <t>E01004677</t>
  </si>
  <si>
    <t>Westminster 005C</t>
  </si>
  <si>
    <t>E01004678</t>
  </si>
  <si>
    <t>Westminster 005D</t>
  </si>
  <si>
    <t>E01004679</t>
  </si>
  <si>
    <t>Westminster 005E</t>
  </si>
  <si>
    <t>E01004680</t>
  </si>
  <si>
    <t>Westminster 015A</t>
  </si>
  <si>
    <t>E02000974</t>
  </si>
  <si>
    <t>Westminster 015</t>
  </si>
  <si>
    <t>E01004681</t>
  </si>
  <si>
    <t>Westminster 016A</t>
  </si>
  <si>
    <t>E02000975</t>
  </si>
  <si>
    <t>Westminster 016</t>
  </si>
  <si>
    <t>E01004682</t>
  </si>
  <si>
    <t>Westminster 016B</t>
  </si>
  <si>
    <t>E01004683</t>
  </si>
  <si>
    <t>Westminster 015B</t>
  </si>
  <si>
    <t>E01004684</t>
  </si>
  <si>
    <t>Westminster 015C</t>
  </si>
  <si>
    <t>E01004686</t>
  </si>
  <si>
    <t>Westminster 015E</t>
  </si>
  <si>
    <t>E01004687</t>
  </si>
  <si>
    <t>Westminster 019A</t>
  </si>
  <si>
    <t>E02000978</t>
  </si>
  <si>
    <t>Westminster 019</t>
  </si>
  <si>
    <t>E01004690</t>
  </si>
  <si>
    <t>Westminster 019D</t>
  </si>
  <si>
    <t>E01004691</t>
  </si>
  <si>
    <t>Westminster 019E</t>
  </si>
  <si>
    <t>E01004692</t>
  </si>
  <si>
    <t>Westminster 019F</t>
  </si>
  <si>
    <t>E01004693</t>
  </si>
  <si>
    <t>Westminster 017B</t>
  </si>
  <si>
    <t>E01004694</t>
  </si>
  <si>
    <t>Westminster 016C</t>
  </si>
  <si>
    <t>E01004695</t>
  </si>
  <si>
    <t>Westminster 017C</t>
  </si>
  <si>
    <t>E01004696</t>
  </si>
  <si>
    <t>Westminster 017D</t>
  </si>
  <si>
    <t>E01004697</t>
  </si>
  <si>
    <t>Westminster 016D</t>
  </si>
  <si>
    <t>E01004698</t>
  </si>
  <si>
    <t>Westminster 017E</t>
  </si>
  <si>
    <t>E01004699</t>
  </si>
  <si>
    <t>Westminster 017F</t>
  </si>
  <si>
    <t>E01004700</t>
  </si>
  <si>
    <t>Westminster 016E</t>
  </si>
  <si>
    <t>E01004701</t>
  </si>
  <si>
    <t>Westminster 007A</t>
  </si>
  <si>
    <t>E02000966</t>
  </si>
  <si>
    <t>Westminster 007</t>
  </si>
  <si>
    <t>E01004702</t>
  </si>
  <si>
    <t>Westminster 009E</t>
  </si>
  <si>
    <t>E01004703</t>
  </si>
  <si>
    <t>Westminster 007B</t>
  </si>
  <si>
    <t>E01004705</t>
  </si>
  <si>
    <t>Westminster 007D</t>
  </si>
  <si>
    <t>E01004706</t>
  </si>
  <si>
    <t>Westminster 006B</t>
  </si>
  <si>
    <t>E01004707</t>
  </si>
  <si>
    <t>Westminster 006C</t>
  </si>
  <si>
    <t>E01004708</t>
  </si>
  <si>
    <t>Westminster 006D</t>
  </si>
  <si>
    <t>E01004709</t>
  </si>
  <si>
    <t>Westminster 007E</t>
  </si>
  <si>
    <t>E01004710</t>
  </si>
  <si>
    <t>Westminster 002D</t>
  </si>
  <si>
    <t>E01004711</t>
  </si>
  <si>
    <t>Westminster 002E</t>
  </si>
  <si>
    <t>E01004712</t>
  </si>
  <si>
    <t>Westminster 008C</t>
  </si>
  <si>
    <t>E01004713</t>
  </si>
  <si>
    <t>Westminster 011A</t>
  </si>
  <si>
    <t>E02000970</t>
  </si>
  <si>
    <t>Westminster 011</t>
  </si>
  <si>
    <t>E01004714</t>
  </si>
  <si>
    <t>Westminster 011B</t>
  </si>
  <si>
    <t>E01004715</t>
  </si>
  <si>
    <t>Westminster 013A</t>
  </si>
  <si>
    <t>E02000972</t>
  </si>
  <si>
    <t>Westminster 013</t>
  </si>
  <si>
    <t>E01004716</t>
  </si>
  <si>
    <t>Westminster 011C</t>
  </si>
  <si>
    <t>E01004717</t>
  </si>
  <si>
    <t>Westminster 011D</t>
  </si>
  <si>
    <t>E01004718</t>
  </si>
  <si>
    <t>Westminster 004A</t>
  </si>
  <si>
    <t>E02000963</t>
  </si>
  <si>
    <t>Westminster 004</t>
  </si>
  <si>
    <t>E01004719</t>
  </si>
  <si>
    <t>Westminster 004B</t>
  </si>
  <si>
    <t>E01004720</t>
  </si>
  <si>
    <t>Westminster 004C</t>
  </si>
  <si>
    <t>E01004721</t>
  </si>
  <si>
    <t>Westminster 004D</t>
  </si>
  <si>
    <t>E01004722</t>
  </si>
  <si>
    <t>Westminster 004E</t>
  </si>
  <si>
    <t>E01004723</t>
  </si>
  <si>
    <t>Westminster 005F</t>
  </si>
  <si>
    <t>E01004724</t>
  </si>
  <si>
    <t>Westminster 001C</t>
  </si>
  <si>
    <t>E01004725</t>
  </si>
  <si>
    <t>Westminster 003B</t>
  </si>
  <si>
    <t>E01004726</t>
  </si>
  <si>
    <t>Westminster 003C</t>
  </si>
  <si>
    <t>E01004727</t>
  </si>
  <si>
    <t>Westminster 008D</t>
  </si>
  <si>
    <t>E01004728</t>
  </si>
  <si>
    <t>Westminster 003D</t>
  </si>
  <si>
    <t>E01004729</t>
  </si>
  <si>
    <t>Westminster 003E</t>
  </si>
  <si>
    <t>E01004730</t>
  </si>
  <si>
    <t>Westminster 001D</t>
  </si>
  <si>
    <t>E01004731</t>
  </si>
  <si>
    <t>Westminster 020A</t>
  </si>
  <si>
    <t>E02000979</t>
  </si>
  <si>
    <t>Westminster 020</t>
  </si>
  <si>
    <t>E01004732</t>
  </si>
  <si>
    <t>Westminster 020B</t>
  </si>
  <si>
    <t>E01004733</t>
  </si>
  <si>
    <t>Westminster 020C</t>
  </si>
  <si>
    <t>E01004734</t>
  </si>
  <si>
    <t>Westminster 018A</t>
  </si>
  <si>
    <t>E02000977</t>
  </si>
  <si>
    <t>Westminster 018</t>
  </si>
  <si>
    <t>E01004735</t>
  </si>
  <si>
    <t>Westminster 018B</t>
  </si>
  <si>
    <t>E01004736</t>
  </si>
  <si>
    <t>Westminster 018C</t>
  </si>
  <si>
    <t>E01004737</t>
  </si>
  <si>
    <t>Westminster 024C</t>
  </si>
  <si>
    <t>E01004740</t>
  </si>
  <si>
    <t>Westminster 021A</t>
  </si>
  <si>
    <t>E02000980</t>
  </si>
  <si>
    <t>Westminster 021</t>
  </si>
  <si>
    <t>E01004741</t>
  </si>
  <si>
    <t>Westminster 024F</t>
  </si>
  <si>
    <t>E01004742</t>
  </si>
  <si>
    <t>Westminster 022A</t>
  </si>
  <si>
    <t>E02000981</t>
  </si>
  <si>
    <t>Westminster 022</t>
  </si>
  <si>
    <t>E01004743</t>
  </si>
  <si>
    <t>Westminster 021B</t>
  </si>
  <si>
    <t>E01004744</t>
  </si>
  <si>
    <t>Westminster 020D</t>
  </si>
  <si>
    <t>E01004746</t>
  </si>
  <si>
    <t>Westminster 021D</t>
  </si>
  <si>
    <t>E01004747</t>
  </si>
  <si>
    <t>Westminster 021E</t>
  </si>
  <si>
    <t>E01004748</t>
  </si>
  <si>
    <t>Westminster 020E</t>
  </si>
  <si>
    <t>E01004749</t>
  </si>
  <si>
    <t>Westminster 022B</t>
  </si>
  <si>
    <t>E01004750</t>
  </si>
  <si>
    <t>Westminster 023E</t>
  </si>
  <si>
    <t>E01004751</t>
  </si>
  <si>
    <t>Westminster 022C</t>
  </si>
  <si>
    <t>E01004752</t>
  </si>
  <si>
    <t>Westminster 022D</t>
  </si>
  <si>
    <t>E01004753</t>
  </si>
  <si>
    <t>Westminster 022E</t>
  </si>
  <si>
    <t>E01004754</t>
  </si>
  <si>
    <t>Westminster 010A</t>
  </si>
  <si>
    <t>E02000969</t>
  </si>
  <si>
    <t>Westminster 010</t>
  </si>
  <si>
    <t>E01004755</t>
  </si>
  <si>
    <t>Westminster 010B</t>
  </si>
  <si>
    <t>E01004756</t>
  </si>
  <si>
    <t>Westminster 006E</t>
  </si>
  <si>
    <t>E01004757</t>
  </si>
  <si>
    <t>Westminster 010C</t>
  </si>
  <si>
    <t>E01004760</t>
  </si>
  <si>
    <t>Westminster 014E</t>
  </si>
  <si>
    <t>E01004761</t>
  </si>
  <si>
    <t>Westminster 018D</t>
  </si>
  <si>
    <t>E01004762</t>
  </si>
  <si>
    <t>Westminster 011E</t>
  </si>
  <si>
    <t>E01004763</t>
  </si>
  <si>
    <t>Westminster 013B</t>
  </si>
  <si>
    <t>E01004765</t>
  </si>
  <si>
    <t>Westminster 013D</t>
  </si>
  <si>
    <t>E01015589</t>
  </si>
  <si>
    <t>Peterborough 004A</t>
  </si>
  <si>
    <t>E02003240</t>
  </si>
  <si>
    <t>Peterborough 004</t>
  </si>
  <si>
    <t>E06000031</t>
  </si>
  <si>
    <t>Peterborough</t>
  </si>
  <si>
    <t>E37000059</t>
  </si>
  <si>
    <t>Greater Cambridge and Greater Peterborough</t>
  </si>
  <si>
    <t>E01015591</t>
  </si>
  <si>
    <t>Peterborough 011A</t>
  </si>
  <si>
    <t>E02003247</t>
  </si>
  <si>
    <t>Peterborough 011</t>
  </si>
  <si>
    <t>E01015592</t>
  </si>
  <si>
    <t>Peterborough 011B</t>
  </si>
  <si>
    <t>E01015593</t>
  </si>
  <si>
    <t>Peterborough 009A</t>
  </si>
  <si>
    <t>E02003245</t>
  </si>
  <si>
    <t>Peterborough 009</t>
  </si>
  <si>
    <t>E01015594</t>
  </si>
  <si>
    <t>Peterborough 011C</t>
  </si>
  <si>
    <t>E01015595</t>
  </si>
  <si>
    <t>Peterborough 011D</t>
  </si>
  <si>
    <t>E01015596</t>
  </si>
  <si>
    <t>Peterborough 009B</t>
  </si>
  <si>
    <t>E01015597</t>
  </si>
  <si>
    <t>Peterborough 011E</t>
  </si>
  <si>
    <t>E01015598</t>
  </si>
  <si>
    <t>Peterborough 015A</t>
  </si>
  <si>
    <t>E02003251</t>
  </si>
  <si>
    <t>Peterborough 015</t>
  </si>
  <si>
    <t>E01015599</t>
  </si>
  <si>
    <t>Peterborough 014A</t>
  </si>
  <si>
    <t>E02003250</t>
  </si>
  <si>
    <t>Peterborough 014</t>
  </si>
  <si>
    <t>E01015600</t>
  </si>
  <si>
    <t>Peterborough 014B</t>
  </si>
  <si>
    <t>E01015601</t>
  </si>
  <si>
    <t>Peterborough 012A</t>
  </si>
  <si>
    <t>E02003248</t>
  </si>
  <si>
    <t>Peterborough 012</t>
  </si>
  <si>
    <t>E01015603</t>
  </si>
  <si>
    <t>Peterborough 010A</t>
  </si>
  <si>
    <t>E02003246</t>
  </si>
  <si>
    <t>Peterborough 010</t>
  </si>
  <si>
    <t>E01015604</t>
  </si>
  <si>
    <t>Peterborough 010B</t>
  </si>
  <si>
    <t>E01015605</t>
  </si>
  <si>
    <t>Peterborough 008A</t>
  </si>
  <si>
    <t>E02003244</t>
  </si>
  <si>
    <t>Peterborough 008</t>
  </si>
  <si>
    <t>E01015606</t>
  </si>
  <si>
    <t>Peterborough 013A</t>
  </si>
  <si>
    <t>E02003249</t>
  </si>
  <si>
    <t>Peterborough 013</t>
  </si>
  <si>
    <t>E01015607</t>
  </si>
  <si>
    <t>Peterborough 007A</t>
  </si>
  <si>
    <t>E02003243</t>
  </si>
  <si>
    <t>Peterborough 007</t>
  </si>
  <si>
    <t>E01015608</t>
  </si>
  <si>
    <t>Peterborough 008B</t>
  </si>
  <si>
    <t>E01015609</t>
  </si>
  <si>
    <t>Peterborough 007B</t>
  </si>
  <si>
    <t>E01015610</t>
  </si>
  <si>
    <t>Peterborough 008C</t>
  </si>
  <si>
    <t>E01015612</t>
  </si>
  <si>
    <t>Peterborough 014D</t>
  </si>
  <si>
    <t>E01015613</t>
  </si>
  <si>
    <t>Peterborough 013C</t>
  </si>
  <si>
    <t>E01015614</t>
  </si>
  <si>
    <t>Peterborough 013D</t>
  </si>
  <si>
    <t>E01015615</t>
  </si>
  <si>
    <t>Peterborough 013E</t>
  </si>
  <si>
    <t>E01015616</t>
  </si>
  <si>
    <t>Peterborough 013F</t>
  </si>
  <si>
    <t>E01015617</t>
  </si>
  <si>
    <t>Peterborough 005A</t>
  </si>
  <si>
    <t>E02003241</t>
  </si>
  <si>
    <t>Peterborough 005</t>
  </si>
  <si>
    <t>E01015618</t>
  </si>
  <si>
    <t>Peterborough 005B</t>
  </si>
  <si>
    <t>E01015619</t>
  </si>
  <si>
    <t>Peterborough 005C</t>
  </si>
  <si>
    <t>E01015620</t>
  </si>
  <si>
    <t>Peterborough 005D</t>
  </si>
  <si>
    <t>E01015622</t>
  </si>
  <si>
    <t>Peterborough 016A</t>
  </si>
  <si>
    <t>E02003252</t>
  </si>
  <si>
    <t>Peterborough 016</t>
  </si>
  <si>
    <t>E01015623</t>
  </si>
  <si>
    <t>Peterborough 017B</t>
  </si>
  <si>
    <t>E02003253</t>
  </si>
  <si>
    <t>Peterborough 017</t>
  </si>
  <si>
    <t>E01015624</t>
  </si>
  <si>
    <t>Peterborough 017C</t>
  </si>
  <si>
    <t>E01015627</t>
  </si>
  <si>
    <t>Peterborough 018A</t>
  </si>
  <si>
    <t>E02003254</t>
  </si>
  <si>
    <t>Peterborough 018</t>
  </si>
  <si>
    <t>E01015628</t>
  </si>
  <si>
    <t>Peterborough 004D</t>
  </si>
  <si>
    <t>E01015629</t>
  </si>
  <si>
    <t>Peterborough 001A</t>
  </si>
  <si>
    <t>E02003237</t>
  </si>
  <si>
    <t>Peterborough 001</t>
  </si>
  <si>
    <t>E01015630</t>
  </si>
  <si>
    <t>Peterborough 003A</t>
  </si>
  <si>
    <t>E02003239</t>
  </si>
  <si>
    <t>Peterborough 003</t>
  </si>
  <si>
    <t>E01015632</t>
  </si>
  <si>
    <t>Peterborough 010C</t>
  </si>
  <si>
    <t>E01015633</t>
  </si>
  <si>
    <t>Peterborough 008D</t>
  </si>
  <si>
    <t>E01015634</t>
  </si>
  <si>
    <t>Peterborough 008E</t>
  </si>
  <si>
    <t>E01015635</t>
  </si>
  <si>
    <t>Peterborough 001B</t>
  </si>
  <si>
    <t>E01015636</t>
  </si>
  <si>
    <t>Peterborough 001C</t>
  </si>
  <si>
    <t>E01015637</t>
  </si>
  <si>
    <t>Peterborough 021A</t>
  </si>
  <si>
    <t>E02003257</t>
  </si>
  <si>
    <t>Peterborough 021</t>
  </si>
  <si>
    <t>E01015638</t>
  </si>
  <si>
    <t>Peterborough 022A</t>
  </si>
  <si>
    <t>E02006877</t>
  </si>
  <si>
    <t>Peterborough 022</t>
  </si>
  <si>
    <t>E01015639</t>
  </si>
  <si>
    <t>Peterborough 021B</t>
  </si>
  <si>
    <t>E01015640</t>
  </si>
  <si>
    <t>Peterborough 021C</t>
  </si>
  <si>
    <t>E01015641</t>
  </si>
  <si>
    <t>Peterborough 021D</t>
  </si>
  <si>
    <t>E01015642</t>
  </si>
  <si>
    <t>Peterborough 021E</t>
  </si>
  <si>
    <t>E01015643</t>
  </si>
  <si>
    <t>Peterborough 023A</t>
  </si>
  <si>
    <t>E02006878</t>
  </si>
  <si>
    <t>Peterborough 023</t>
  </si>
  <si>
    <t>E01015644</t>
  </si>
  <si>
    <t>Peterborough 018B</t>
  </si>
  <si>
    <t>E01015645</t>
  </si>
  <si>
    <t>Peterborough 018C</t>
  </si>
  <si>
    <t>E01015646</t>
  </si>
  <si>
    <t>Peterborough 018D</t>
  </si>
  <si>
    <t>E01015647</t>
  </si>
  <si>
    <t>Peterborough 021F</t>
  </si>
  <si>
    <t>E01015648</t>
  </si>
  <si>
    <t>Peterborough 018E</t>
  </si>
  <si>
    <t>E01015650</t>
  </si>
  <si>
    <t>Peterborough 022B</t>
  </si>
  <si>
    <t>E01015651</t>
  </si>
  <si>
    <t>Peterborough 012B</t>
  </si>
  <si>
    <t>E01015652</t>
  </si>
  <si>
    <t>Peterborough 012C</t>
  </si>
  <si>
    <t>E01015653</t>
  </si>
  <si>
    <t>Peterborough 012D</t>
  </si>
  <si>
    <t>E01015654</t>
  </si>
  <si>
    <t>Peterborough 012E</t>
  </si>
  <si>
    <t>E01015655</t>
  </si>
  <si>
    <t>Peterborough 014E</t>
  </si>
  <si>
    <t>E01015656</t>
  </si>
  <si>
    <t>Peterborough 007C</t>
  </si>
  <si>
    <t>E01015658</t>
  </si>
  <si>
    <t>Peterborough 007E</t>
  </si>
  <si>
    <t>E01015659</t>
  </si>
  <si>
    <t>Peterborough 003C</t>
  </si>
  <si>
    <t>E01015660</t>
  </si>
  <si>
    <t>Peterborough 007F</t>
  </si>
  <si>
    <t>E01015661</t>
  </si>
  <si>
    <t>Peterborough 010D</t>
  </si>
  <si>
    <t>E01015662</t>
  </si>
  <si>
    <t>Peterborough 009C</t>
  </si>
  <si>
    <t>E01015663</t>
  </si>
  <si>
    <t>Peterborough 009D</t>
  </si>
  <si>
    <t>E01015664</t>
  </si>
  <si>
    <t>Peterborough 009E</t>
  </si>
  <si>
    <t>E01015665</t>
  </si>
  <si>
    <t>Peterborough 016C</t>
  </si>
  <si>
    <t>E01015666</t>
  </si>
  <si>
    <t>Peterborough 017D</t>
  </si>
  <si>
    <t>E01015667</t>
  </si>
  <si>
    <t>Peterborough 019A</t>
  </si>
  <si>
    <t>E02003255</t>
  </si>
  <si>
    <t>Peterborough 019</t>
  </si>
  <si>
    <t>E01015668</t>
  </si>
  <si>
    <t>Peterborough 017E</t>
  </si>
  <si>
    <t>E01015669</t>
  </si>
  <si>
    <t>Peterborough 019B</t>
  </si>
  <si>
    <t>E01015670</t>
  </si>
  <si>
    <t>Peterborough 019C</t>
  </si>
  <si>
    <t>E01015672</t>
  </si>
  <si>
    <t>Peterborough 019E</t>
  </si>
  <si>
    <t>E01015673</t>
  </si>
  <si>
    <t>Peterborough 019F</t>
  </si>
  <si>
    <t>E01015674</t>
  </si>
  <si>
    <t>Peterborough 006A</t>
  </si>
  <si>
    <t>E02003242</t>
  </si>
  <si>
    <t>Peterborough 006</t>
  </si>
  <si>
    <t>E01015675</t>
  </si>
  <si>
    <t>Peterborough 006B</t>
  </si>
  <si>
    <t>E01015676</t>
  </si>
  <si>
    <t>Peterborough 006C</t>
  </si>
  <si>
    <t>E01015677</t>
  </si>
  <si>
    <t>Peterborough 010E</t>
  </si>
  <si>
    <t>E01015678</t>
  </si>
  <si>
    <t>Peterborough 002A</t>
  </si>
  <si>
    <t>E02003238</t>
  </si>
  <si>
    <t>Peterborough 002</t>
  </si>
  <si>
    <t>E01015679</t>
  </si>
  <si>
    <t>Peterborough 001D</t>
  </si>
  <si>
    <t>E01015680</t>
  </si>
  <si>
    <t>Peterborough 002B</t>
  </si>
  <si>
    <t>E01015681</t>
  </si>
  <si>
    <t>Peterborough 002C</t>
  </si>
  <si>
    <t>E01015682</t>
  </si>
  <si>
    <t>Peterborough 002D</t>
  </si>
  <si>
    <t>E01015683</t>
  </si>
  <si>
    <t>Peterborough 006D</t>
  </si>
  <si>
    <t>E01015684</t>
  </si>
  <si>
    <t>Peterborough 003D</t>
  </si>
  <si>
    <t>E01015685</t>
  </si>
  <si>
    <t>Peterborough 003E</t>
  </si>
  <si>
    <t>E01015686</t>
  </si>
  <si>
    <t>Peterborough 006E</t>
  </si>
  <si>
    <t>E01015687</t>
  </si>
  <si>
    <t>Peterborough 015B</t>
  </si>
  <si>
    <t>E01015688</t>
  </si>
  <si>
    <t>Peterborough 016D</t>
  </si>
  <si>
    <t>E01015689</t>
  </si>
  <si>
    <t>Peterborough 015C</t>
  </si>
  <si>
    <t>E01015690</t>
  </si>
  <si>
    <t>Peterborough 015D</t>
  </si>
  <si>
    <t>E01015691</t>
  </si>
  <si>
    <t>Peterborough 015E</t>
  </si>
  <si>
    <t>E01015692</t>
  </si>
  <si>
    <t>Peterborough 016E</t>
  </si>
  <si>
    <t>E01015693</t>
  </si>
  <si>
    <t>Luton 007A</t>
  </si>
  <si>
    <t>E02003264</t>
  </si>
  <si>
    <t>Luton 007</t>
  </si>
  <si>
    <t>E06000032</t>
  </si>
  <si>
    <t>Luton</t>
  </si>
  <si>
    <t>E37000057</t>
  </si>
  <si>
    <t>South East Midlands</t>
  </si>
  <si>
    <t>E01015694</t>
  </si>
  <si>
    <t>Luton 007B</t>
  </si>
  <si>
    <t>E01015695</t>
  </si>
  <si>
    <t>Luton 007C</t>
  </si>
  <si>
    <t>E01015696</t>
  </si>
  <si>
    <t>Luton 007D</t>
  </si>
  <si>
    <t>E01015697</t>
  </si>
  <si>
    <t>Luton 007E</t>
  </si>
  <si>
    <t>E01015698</t>
  </si>
  <si>
    <t>Luton 017A</t>
  </si>
  <si>
    <t>E02003274</t>
  </si>
  <si>
    <t>Luton 017</t>
  </si>
  <si>
    <t>E01015699</t>
  </si>
  <si>
    <t>Luton 017B</t>
  </si>
  <si>
    <t>E01015700</t>
  </si>
  <si>
    <t>Luton 010A</t>
  </si>
  <si>
    <t>E02003267</t>
  </si>
  <si>
    <t>Luton 010</t>
  </si>
  <si>
    <t>E01015701</t>
  </si>
  <si>
    <t>Luton 010B</t>
  </si>
  <si>
    <t>E01015702</t>
  </si>
  <si>
    <t>Luton 017C</t>
  </si>
  <si>
    <t>E01015703</t>
  </si>
  <si>
    <t>Luton 015A</t>
  </si>
  <si>
    <t>E02003272</t>
  </si>
  <si>
    <t>Luton 015</t>
  </si>
  <si>
    <t>E01015704</t>
  </si>
  <si>
    <t>Luton 010C</t>
  </si>
  <si>
    <t>E01015705</t>
  </si>
  <si>
    <t>Luton 017D</t>
  </si>
  <si>
    <t>E01015706</t>
  </si>
  <si>
    <t>Luton 001A</t>
  </si>
  <si>
    <t>E02003258</t>
  </si>
  <si>
    <t>Luton 001</t>
  </si>
  <si>
    <t>E01015707</t>
  </si>
  <si>
    <t>Luton 001B</t>
  </si>
  <si>
    <t>E01015708</t>
  </si>
  <si>
    <t>Luton 001C</t>
  </si>
  <si>
    <t>E01015709</t>
  </si>
  <si>
    <t>Luton 001D</t>
  </si>
  <si>
    <t>E01015710</t>
  </si>
  <si>
    <t>Luton 001E</t>
  </si>
  <si>
    <t>E01015711</t>
  </si>
  <si>
    <t>Luton 011A</t>
  </si>
  <si>
    <t>E02003268</t>
  </si>
  <si>
    <t>Luton 011</t>
  </si>
  <si>
    <t>E01015712</t>
  </si>
  <si>
    <t>Luton 011B</t>
  </si>
  <si>
    <t>E01015713</t>
  </si>
  <si>
    <t>Luton 013A</t>
  </si>
  <si>
    <t>E02003270</t>
  </si>
  <si>
    <t>Luton 013</t>
  </si>
  <si>
    <t>E01015714</t>
  </si>
  <si>
    <t>Luton 013B</t>
  </si>
  <si>
    <t>E01015715</t>
  </si>
  <si>
    <t>Luton 011C</t>
  </si>
  <si>
    <t>E01015716</t>
  </si>
  <si>
    <t>Luton 011D</t>
  </si>
  <si>
    <t>E01015717</t>
  </si>
  <si>
    <t>Luton 011E</t>
  </si>
  <si>
    <t>E01015718</t>
  </si>
  <si>
    <t>Luton 013C</t>
  </si>
  <si>
    <t>E01015719</t>
  </si>
  <si>
    <t>Luton 016A</t>
  </si>
  <si>
    <t>E02003273</t>
  </si>
  <si>
    <t>Luton 016</t>
  </si>
  <si>
    <t>E01015720</t>
  </si>
  <si>
    <t>Luton 016B</t>
  </si>
  <si>
    <t>E01015721</t>
  </si>
  <si>
    <t>Luton 014A</t>
  </si>
  <si>
    <t>E02003271</t>
  </si>
  <si>
    <t>Luton 014</t>
  </si>
  <si>
    <t>E01015722</t>
  </si>
  <si>
    <t>Luton 014B</t>
  </si>
  <si>
    <t>E01015723</t>
  </si>
  <si>
    <t>Luton 016C</t>
  </si>
  <si>
    <t>E01015724</t>
  </si>
  <si>
    <t>Luton 019A</t>
  </si>
  <si>
    <t>E02003276</t>
  </si>
  <si>
    <t>Luton 019</t>
  </si>
  <si>
    <t>E01015725</t>
  </si>
  <si>
    <t>Luton 017E</t>
  </si>
  <si>
    <t>E01015726</t>
  </si>
  <si>
    <t>Luton 015B</t>
  </si>
  <si>
    <t>E01015727</t>
  </si>
  <si>
    <t>Luton 017F</t>
  </si>
  <si>
    <t>E01015728</t>
  </si>
  <si>
    <t>Luton 019B</t>
  </si>
  <si>
    <t>E01015729</t>
  </si>
  <si>
    <t>Luton 019C</t>
  </si>
  <si>
    <t>E01015730</t>
  </si>
  <si>
    <t>Luton 019D</t>
  </si>
  <si>
    <t>E01015731</t>
  </si>
  <si>
    <t>Luton 015C</t>
  </si>
  <si>
    <t>E01015732</t>
  </si>
  <si>
    <t>Luton 020A</t>
  </si>
  <si>
    <t>E02003277</t>
  </si>
  <si>
    <t>Luton 020</t>
  </si>
  <si>
    <t>E01015733</t>
  </si>
  <si>
    <t>Luton 020B</t>
  </si>
  <si>
    <t>E01015734</t>
  </si>
  <si>
    <t>Luton 020C</t>
  </si>
  <si>
    <t>E01015735</t>
  </si>
  <si>
    <t>Luton 020D</t>
  </si>
  <si>
    <t>E01015736</t>
  </si>
  <si>
    <t>Luton 020E</t>
  </si>
  <si>
    <t>E01015737</t>
  </si>
  <si>
    <t>Luton 020F</t>
  </si>
  <si>
    <t>E01015738</t>
  </si>
  <si>
    <t>Luton 021A</t>
  </si>
  <si>
    <t>E02003278</t>
  </si>
  <si>
    <t>Luton 021</t>
  </si>
  <si>
    <t>E01015739</t>
  </si>
  <si>
    <t>Luton 022A</t>
  </si>
  <si>
    <t>E02006937</t>
  </si>
  <si>
    <t>Luton 022</t>
  </si>
  <si>
    <t>E01015740</t>
  </si>
  <si>
    <t>Luton 012A</t>
  </si>
  <si>
    <t>E02003269</t>
  </si>
  <si>
    <t>Luton 012</t>
  </si>
  <si>
    <t>E01015742</t>
  </si>
  <si>
    <t>Luton 022B</t>
  </si>
  <si>
    <t>E01015743</t>
  </si>
  <si>
    <t>Luton 022E</t>
  </si>
  <si>
    <t>E01015744</t>
  </si>
  <si>
    <t>Luton 004A</t>
  </si>
  <si>
    <t>E02003261</t>
  </si>
  <si>
    <t>Luton 004</t>
  </si>
  <si>
    <t>E01015745</t>
  </si>
  <si>
    <t>Luton 007F</t>
  </si>
  <si>
    <t>E01015746</t>
  </si>
  <si>
    <t>Luton 004B</t>
  </si>
  <si>
    <t>E01015747</t>
  </si>
  <si>
    <t>Luton 004C</t>
  </si>
  <si>
    <t>E01015748</t>
  </si>
  <si>
    <t>Luton 004D</t>
  </si>
  <si>
    <t>E01015749</t>
  </si>
  <si>
    <t>Luton 005A</t>
  </si>
  <si>
    <t>E02003262</t>
  </si>
  <si>
    <t>Luton 005</t>
  </si>
  <si>
    <t>E01015750</t>
  </si>
  <si>
    <t>Luton 011F</t>
  </si>
  <si>
    <t>E01015751</t>
  </si>
  <si>
    <t>Luton 005B</t>
  </si>
  <si>
    <t>E01015752</t>
  </si>
  <si>
    <t>Luton 005C</t>
  </si>
  <si>
    <t>E01015753</t>
  </si>
  <si>
    <t>Luton 005D</t>
  </si>
  <si>
    <t>E01015754</t>
  </si>
  <si>
    <t>Luton 005E</t>
  </si>
  <si>
    <t>E01015755</t>
  </si>
  <si>
    <t>Luton 005F</t>
  </si>
  <si>
    <t>E01015756</t>
  </si>
  <si>
    <t>Luton 009A</t>
  </si>
  <si>
    <t>E02003266</t>
  </si>
  <si>
    <t>Luton 009</t>
  </si>
  <si>
    <t>E01015757</t>
  </si>
  <si>
    <t>Luton 009B</t>
  </si>
  <si>
    <t>E01015758</t>
  </si>
  <si>
    <t>Luton 009C</t>
  </si>
  <si>
    <t>E01015759</t>
  </si>
  <si>
    <t>Luton 009D</t>
  </si>
  <si>
    <t>E01015760</t>
  </si>
  <si>
    <t>Luton 009E</t>
  </si>
  <si>
    <t>E01015761</t>
  </si>
  <si>
    <t>Luton 009F</t>
  </si>
  <si>
    <t>E01015762</t>
  </si>
  <si>
    <t>Luton 013D</t>
  </si>
  <si>
    <t>E01015763</t>
  </si>
  <si>
    <t>Luton 013E</t>
  </si>
  <si>
    <t>E01015764</t>
  </si>
  <si>
    <t>Luton 006A</t>
  </si>
  <si>
    <t>E02003263</t>
  </si>
  <si>
    <t>Luton 006</t>
  </si>
  <si>
    <t>E01015765</t>
  </si>
  <si>
    <t>Luton 006B</t>
  </si>
  <si>
    <t>E01015766</t>
  </si>
  <si>
    <t>Luton 006C</t>
  </si>
  <si>
    <t>E01015767</t>
  </si>
  <si>
    <t>Luton 006D</t>
  </si>
  <si>
    <t>E01015768</t>
  </si>
  <si>
    <t>Luton 006E</t>
  </si>
  <si>
    <t>E01015769</t>
  </si>
  <si>
    <t>Luton 003A</t>
  </si>
  <si>
    <t>E02003260</t>
  </si>
  <si>
    <t>Luton 003</t>
  </si>
  <si>
    <t>E01015770</t>
  </si>
  <si>
    <t>Luton 001F</t>
  </si>
  <si>
    <t>E01015771</t>
  </si>
  <si>
    <t>Luton 003B</t>
  </si>
  <si>
    <t>E01015772</t>
  </si>
  <si>
    <t>Luton 003C</t>
  </si>
  <si>
    <t>E01015773</t>
  </si>
  <si>
    <t>Luton 003D</t>
  </si>
  <si>
    <t>E01015774</t>
  </si>
  <si>
    <t>Luton 003E</t>
  </si>
  <si>
    <t>E01015775</t>
  </si>
  <si>
    <t>Luton 012B</t>
  </si>
  <si>
    <t>E01015776</t>
  </si>
  <si>
    <t>Luton 012C</t>
  </si>
  <si>
    <t>E01015777</t>
  </si>
  <si>
    <t>Luton 012D</t>
  </si>
  <si>
    <t>E01015778</t>
  </si>
  <si>
    <t>Luton 012E</t>
  </si>
  <si>
    <t>E01015779</t>
  </si>
  <si>
    <t>Luton 016D</t>
  </si>
  <si>
    <t>E01015780</t>
  </si>
  <si>
    <t>Luton 016E</t>
  </si>
  <si>
    <t>E01015781</t>
  </si>
  <si>
    <t>Luton 016F</t>
  </si>
  <si>
    <t>E01015782</t>
  </si>
  <si>
    <t>Luton 010D</t>
  </si>
  <si>
    <t>E01015783</t>
  </si>
  <si>
    <t>Luton 006F</t>
  </si>
  <si>
    <t>E01015784</t>
  </si>
  <si>
    <t>Luton 010E</t>
  </si>
  <si>
    <t>E01015785</t>
  </si>
  <si>
    <t>Luton 006G</t>
  </si>
  <si>
    <t>E01015786</t>
  </si>
  <si>
    <t>Luton 010F</t>
  </si>
  <si>
    <t>E01015787</t>
  </si>
  <si>
    <t>Luton 015D</t>
  </si>
  <si>
    <t>E01015788</t>
  </si>
  <si>
    <t>Luton 015E</t>
  </si>
  <si>
    <t>E01015789</t>
  </si>
  <si>
    <t>Luton 023D</t>
  </si>
  <si>
    <t>E02006938</t>
  </si>
  <si>
    <t>Luton 023</t>
  </si>
  <si>
    <t>E01015790</t>
  </si>
  <si>
    <t>Luton 021B</t>
  </si>
  <si>
    <t>E01015792</t>
  </si>
  <si>
    <t>Luton 021D</t>
  </si>
  <si>
    <t>E01015793</t>
  </si>
  <si>
    <t>Luton 021E</t>
  </si>
  <si>
    <t>E01015795</t>
  </si>
  <si>
    <t>Luton 021F</t>
  </si>
  <si>
    <t>E01015796</t>
  </si>
  <si>
    <t>Luton 012F</t>
  </si>
  <si>
    <t>E01015797</t>
  </si>
  <si>
    <t>Luton 008A</t>
  </si>
  <si>
    <t>E02003265</t>
  </si>
  <si>
    <t>Luton 008</t>
  </si>
  <si>
    <t>E01015798</t>
  </si>
  <si>
    <t>Luton 008B</t>
  </si>
  <si>
    <t>E01015799</t>
  </si>
  <si>
    <t>Luton 008C</t>
  </si>
  <si>
    <t>E01015800</t>
  </si>
  <si>
    <t>Luton 008D</t>
  </si>
  <si>
    <t>E01015801</t>
  </si>
  <si>
    <t>Luton 002A</t>
  </si>
  <si>
    <t>E02003259</t>
  </si>
  <si>
    <t>Luton 002</t>
  </si>
  <si>
    <t>E01015802</t>
  </si>
  <si>
    <t>Luton 003F</t>
  </si>
  <si>
    <t>E01015803</t>
  </si>
  <si>
    <t>Luton 002B</t>
  </si>
  <si>
    <t>E01015804</t>
  </si>
  <si>
    <t>Luton 002C</t>
  </si>
  <si>
    <t>E01015805</t>
  </si>
  <si>
    <t>Luton 002D</t>
  </si>
  <si>
    <t>E01015806</t>
  </si>
  <si>
    <t>Luton 014C</t>
  </si>
  <si>
    <t>E01015807</t>
  </si>
  <si>
    <t>Luton 016G</t>
  </si>
  <si>
    <t>E01015808</t>
  </si>
  <si>
    <t>Luton 014D</t>
  </si>
  <si>
    <t>E01015809</t>
  </si>
  <si>
    <t>Luton 014E</t>
  </si>
  <si>
    <t>E01015810</t>
  </si>
  <si>
    <t>Luton 014F</t>
  </si>
  <si>
    <t>E01015811</t>
  </si>
  <si>
    <t>Luton 014G</t>
  </si>
  <si>
    <t>E01015812</t>
  </si>
  <si>
    <t>Luton 008E</t>
  </si>
  <si>
    <t>E01015813</t>
  </si>
  <si>
    <t>Luton 008F</t>
  </si>
  <si>
    <t>E01015814</t>
  </si>
  <si>
    <t>Southend-on-Sea 003A</t>
  </si>
  <si>
    <t>E02003281</t>
  </si>
  <si>
    <t>Southend-on-Sea 003</t>
  </si>
  <si>
    <t>E06000033</t>
  </si>
  <si>
    <t>Southend-on-Sea</t>
  </si>
  <si>
    <t>E37000056</t>
  </si>
  <si>
    <t>South East</t>
  </si>
  <si>
    <t>E01015815</t>
  </si>
  <si>
    <t>Southend-on-Sea 003B</t>
  </si>
  <si>
    <t>E01015816</t>
  </si>
  <si>
    <t>Southend-on-Sea 003C</t>
  </si>
  <si>
    <t>E01015817</t>
  </si>
  <si>
    <t>Southend-on-Sea 003D</t>
  </si>
  <si>
    <t>E01015818</t>
  </si>
  <si>
    <t>Southend-on-Sea 003E</t>
  </si>
  <si>
    <t>E01015819</t>
  </si>
  <si>
    <t>Southend-on-Sea 003F</t>
  </si>
  <si>
    <t>E01015820</t>
  </si>
  <si>
    <t>Southend-on-Sea 005A</t>
  </si>
  <si>
    <t>E02003283</t>
  </si>
  <si>
    <t>Southend-on-Sea 005</t>
  </si>
  <si>
    <t>E01015821</t>
  </si>
  <si>
    <t>Southend-on-Sea 005B</t>
  </si>
  <si>
    <t>E01015822</t>
  </si>
  <si>
    <t>Southend-on-Sea 005C</t>
  </si>
  <si>
    <t>E01015823</t>
  </si>
  <si>
    <t>Southend-on-Sea 005D</t>
  </si>
  <si>
    <t>E01015824</t>
  </si>
  <si>
    <t>Southend-on-Sea 005E</t>
  </si>
  <si>
    <t>E01015825</t>
  </si>
  <si>
    <t>Southend-on-Sea 005F</t>
  </si>
  <si>
    <t>E01015826</t>
  </si>
  <si>
    <t>Southend-on-Sea 005G</t>
  </si>
  <si>
    <t>E01015827</t>
  </si>
  <si>
    <t>Southend-on-Sea 012A</t>
  </si>
  <si>
    <t>E02003290</t>
  </si>
  <si>
    <t>Southend-on-Sea 012</t>
  </si>
  <si>
    <t>E01015828</t>
  </si>
  <si>
    <t>Southend-on-Sea 012B</t>
  </si>
  <si>
    <t>E01015829</t>
  </si>
  <si>
    <t>Southend-on-Sea 012C</t>
  </si>
  <si>
    <t>E01015830</t>
  </si>
  <si>
    <t>Southend-on-Sea 012D</t>
  </si>
  <si>
    <t>E01015831</t>
  </si>
  <si>
    <t>Southend-on-Sea 012E</t>
  </si>
  <si>
    <t>E01015832</t>
  </si>
  <si>
    <t>Southend-on-Sea 012F</t>
  </si>
  <si>
    <t>E01015833</t>
  </si>
  <si>
    <t>Southend-on-Sea 001A</t>
  </si>
  <si>
    <t>E02003279</t>
  </si>
  <si>
    <t>Southend-on-Sea 001</t>
  </si>
  <si>
    <t>E01015834</t>
  </si>
  <si>
    <t>Southend-on-Sea 001B</t>
  </si>
  <si>
    <t>E01015835</t>
  </si>
  <si>
    <t>Southend-on-Sea 001C</t>
  </si>
  <si>
    <t>E01015836</t>
  </si>
  <si>
    <t>Southend-on-Sea 001D</t>
  </si>
  <si>
    <t>E01015837</t>
  </si>
  <si>
    <t>Southend-on-Sea 001E</t>
  </si>
  <si>
    <t>E01015838</t>
  </si>
  <si>
    <t>Southend-on-Sea 001F</t>
  </si>
  <si>
    <t>E01015839</t>
  </si>
  <si>
    <t>Southend-on-Sea 014A</t>
  </si>
  <si>
    <t>E02003292</t>
  </si>
  <si>
    <t>Southend-on-Sea 014</t>
  </si>
  <si>
    <t>E01015840</t>
  </si>
  <si>
    <t>Southend-on-Sea 014B</t>
  </si>
  <si>
    <t>E01015841</t>
  </si>
  <si>
    <t>Southend-on-Sea 014C</t>
  </si>
  <si>
    <t>E01015842</t>
  </si>
  <si>
    <t>Southend-on-Sea 014D</t>
  </si>
  <si>
    <t>E01015843</t>
  </si>
  <si>
    <t>Southend-on-Sea 014E</t>
  </si>
  <si>
    <t>E01015844</t>
  </si>
  <si>
    <t>Southend-on-Sea 014F</t>
  </si>
  <si>
    <t>E01015845</t>
  </si>
  <si>
    <t>Southend-on-Sea 011A</t>
  </si>
  <si>
    <t>E02003289</t>
  </si>
  <si>
    <t>Southend-on-Sea 011</t>
  </si>
  <si>
    <t>E01015846</t>
  </si>
  <si>
    <t>Southend-on-Sea 011B</t>
  </si>
  <si>
    <t>E01015847</t>
  </si>
  <si>
    <t>Southend-on-Sea 011C</t>
  </si>
  <si>
    <t>E01015848</t>
  </si>
  <si>
    <t>Southend-on-Sea 011D</t>
  </si>
  <si>
    <t>E01015849</t>
  </si>
  <si>
    <t>Southend-on-Sea 011E</t>
  </si>
  <si>
    <t>E01015850</t>
  </si>
  <si>
    <t>Southend-on-Sea 011F</t>
  </si>
  <si>
    <t>E01015851</t>
  </si>
  <si>
    <t>Southend-on-Sea 015A</t>
  </si>
  <si>
    <t>E02003293</t>
  </si>
  <si>
    <t>Southend-on-Sea 015</t>
  </si>
  <si>
    <t>E01015852</t>
  </si>
  <si>
    <t>Southend-on-Sea 015B</t>
  </si>
  <si>
    <t>E01015853</t>
  </si>
  <si>
    <t>Southend-on-Sea 015C</t>
  </si>
  <si>
    <t>E01015854</t>
  </si>
  <si>
    <t>Southend-on-Sea 015D</t>
  </si>
  <si>
    <t>E01015855</t>
  </si>
  <si>
    <t>Southend-on-Sea 015E</t>
  </si>
  <si>
    <t>E01015856</t>
  </si>
  <si>
    <t>Southend-on-Sea 015F</t>
  </si>
  <si>
    <t>E01015857</t>
  </si>
  <si>
    <t>Southend-on-Sea 004A</t>
  </si>
  <si>
    <t>E02003282</t>
  </si>
  <si>
    <t>Southend-on-Sea 004</t>
  </si>
  <si>
    <t>E01015858</t>
  </si>
  <si>
    <t>Southend-on-Sea 004B</t>
  </si>
  <si>
    <t>E01015859</t>
  </si>
  <si>
    <t>Southend-on-Sea 004C</t>
  </si>
  <si>
    <t>E01015860</t>
  </si>
  <si>
    <t>Southend-on-Sea 004D</t>
  </si>
  <si>
    <t>E01015861</t>
  </si>
  <si>
    <t>Southend-on-Sea 004E</t>
  </si>
  <si>
    <t>E01015862</t>
  </si>
  <si>
    <t>Southend-on-Sea 004F</t>
  </si>
  <si>
    <t>E01015863</t>
  </si>
  <si>
    <t>Southend-on-Sea 002A</t>
  </si>
  <si>
    <t>E02003280</t>
  </si>
  <si>
    <t>Southend-on-Sea 002</t>
  </si>
  <si>
    <t>E01015864</t>
  </si>
  <si>
    <t>Southend-on-Sea 002B</t>
  </si>
  <si>
    <t>E01015865</t>
  </si>
  <si>
    <t>Southend-on-Sea 002C</t>
  </si>
  <si>
    <t>E01015866</t>
  </si>
  <si>
    <t>Southend-on-Sea 002D</t>
  </si>
  <si>
    <t>E01015867</t>
  </si>
  <si>
    <t>Southend-on-Sea 002E</t>
  </si>
  <si>
    <t>E01015868</t>
  </si>
  <si>
    <t>Southend-on-Sea 002F</t>
  </si>
  <si>
    <t>E01015869</t>
  </si>
  <si>
    <t>Southend-on-Sea 006A</t>
  </si>
  <si>
    <t>E02003284</t>
  </si>
  <si>
    <t>Southend-on-Sea 006</t>
  </si>
  <si>
    <t>E01015870</t>
  </si>
  <si>
    <t>Southend-on-Sea 006B</t>
  </si>
  <si>
    <t>E01015871</t>
  </si>
  <si>
    <t>Southend-on-Sea 006C</t>
  </si>
  <si>
    <t>E01015872</t>
  </si>
  <si>
    <t>Southend-on-Sea 006D</t>
  </si>
  <si>
    <t>E01015873</t>
  </si>
  <si>
    <t>Southend-on-Sea 006E</t>
  </si>
  <si>
    <t>E01015874</t>
  </si>
  <si>
    <t>Southend-on-Sea 006F</t>
  </si>
  <si>
    <t>E01015875</t>
  </si>
  <si>
    <t>Southend-on-Sea 006G</t>
  </si>
  <si>
    <t>E01015876</t>
  </si>
  <si>
    <t>Southend-on-Sea 013A</t>
  </si>
  <si>
    <t>E02003291</t>
  </si>
  <si>
    <t>Southend-on-Sea 013</t>
  </si>
  <si>
    <t>E01015877</t>
  </si>
  <si>
    <t>Southend-on-Sea 013B</t>
  </si>
  <si>
    <t>E01015878</t>
  </si>
  <si>
    <t>Southend-on-Sea 013C</t>
  </si>
  <si>
    <t>E01015879</t>
  </si>
  <si>
    <t>Southend-on-Sea 013D</t>
  </si>
  <si>
    <t>E01015880</t>
  </si>
  <si>
    <t>Southend-on-Sea 013E</t>
  </si>
  <si>
    <t>E01015881</t>
  </si>
  <si>
    <t>Southend-on-Sea 013F</t>
  </si>
  <si>
    <t>E01015882</t>
  </si>
  <si>
    <t>Southend-on-Sea 013G</t>
  </si>
  <si>
    <t>E01015883</t>
  </si>
  <si>
    <t>Southend-on-Sea 009A</t>
  </si>
  <si>
    <t>E02003287</t>
  </si>
  <si>
    <t>Southend-on-Sea 009</t>
  </si>
  <si>
    <t>E01015884</t>
  </si>
  <si>
    <t>Southend-on-Sea 009B</t>
  </si>
  <si>
    <t>E01015885</t>
  </si>
  <si>
    <t>Southend-on-Sea 009C</t>
  </si>
  <si>
    <t>E01015886</t>
  </si>
  <si>
    <t>Southend-on-Sea 009D</t>
  </si>
  <si>
    <t>E01015887</t>
  </si>
  <si>
    <t>Southend-on-Sea 009E</t>
  </si>
  <si>
    <t>E01015888</t>
  </si>
  <si>
    <t>Southend-on-Sea 009F</t>
  </si>
  <si>
    <t>E01015889</t>
  </si>
  <si>
    <t>Southend-on-Sea 016A</t>
  </si>
  <si>
    <t>E02003294</t>
  </si>
  <si>
    <t>Southend-on-Sea 016</t>
  </si>
  <si>
    <t>E01015890</t>
  </si>
  <si>
    <t>Southend-on-Sea 016B</t>
  </si>
  <si>
    <t>E01015891</t>
  </si>
  <si>
    <t>Southend-on-Sea 016C</t>
  </si>
  <si>
    <t>E01015892</t>
  </si>
  <si>
    <t>Southend-on-Sea 016D</t>
  </si>
  <si>
    <t>E01015893</t>
  </si>
  <si>
    <t>Southend-on-Sea 016E</t>
  </si>
  <si>
    <t>E01015894</t>
  </si>
  <si>
    <t>Southend-on-Sea 016F</t>
  </si>
  <si>
    <t>E01015896</t>
  </si>
  <si>
    <t>Southend-on-Sea 010B</t>
  </si>
  <si>
    <t>E02003288</t>
  </si>
  <si>
    <t>Southend-on-Sea 010</t>
  </si>
  <si>
    <t>E01015897</t>
  </si>
  <si>
    <t>Southend-on-Sea 010C</t>
  </si>
  <si>
    <t>E01015898</t>
  </si>
  <si>
    <t>Southend-on-Sea 010D</t>
  </si>
  <si>
    <t>E01015899</t>
  </si>
  <si>
    <t>Southend-on-Sea 010E</t>
  </si>
  <si>
    <t>E01015900</t>
  </si>
  <si>
    <t>Southend-on-Sea 010F</t>
  </si>
  <si>
    <t>E01015901</t>
  </si>
  <si>
    <t>Southend-on-Sea 007A</t>
  </si>
  <si>
    <t>E02003285</t>
  </si>
  <si>
    <t>Southend-on-Sea 007</t>
  </si>
  <si>
    <t>E01015902</t>
  </si>
  <si>
    <t>Southend-on-Sea 007B</t>
  </si>
  <si>
    <t>E01015903</t>
  </si>
  <si>
    <t>Southend-on-Sea 007C</t>
  </si>
  <si>
    <t>E01015904</t>
  </si>
  <si>
    <t>Southend-on-Sea 007D</t>
  </si>
  <si>
    <t>E01015905</t>
  </si>
  <si>
    <t>Southend-on-Sea 007E</t>
  </si>
  <si>
    <t>E01015906</t>
  </si>
  <si>
    <t>Southend-on-Sea 007F</t>
  </si>
  <si>
    <t>E01015907</t>
  </si>
  <si>
    <t>Southend-on-Sea 007G</t>
  </si>
  <si>
    <t>E01015908</t>
  </si>
  <si>
    <t>Southend-on-Sea 008A</t>
  </si>
  <si>
    <t>E02003286</t>
  </si>
  <si>
    <t>Southend-on-Sea 008</t>
  </si>
  <si>
    <t>E01015909</t>
  </si>
  <si>
    <t>Southend-on-Sea 008B</t>
  </si>
  <si>
    <t>E01015910</t>
  </si>
  <si>
    <t>Southend-on-Sea 008C</t>
  </si>
  <si>
    <t>E01015911</t>
  </si>
  <si>
    <t>Southend-on-Sea 008D</t>
  </si>
  <si>
    <t>E01015912</t>
  </si>
  <si>
    <t>Southend-on-Sea 008E</t>
  </si>
  <si>
    <t>E01015913</t>
  </si>
  <si>
    <t>Southend-on-Sea 008F</t>
  </si>
  <si>
    <t>E01015914</t>
  </si>
  <si>
    <t>Southend-on-Sea 017A</t>
  </si>
  <si>
    <t>E02003295</t>
  </si>
  <si>
    <t>Southend-on-Sea 017</t>
  </si>
  <si>
    <t>E01015915</t>
  </si>
  <si>
    <t>Southend-on-Sea 017B</t>
  </si>
  <si>
    <t>E01015916</t>
  </si>
  <si>
    <t>Southend-on-Sea 017C</t>
  </si>
  <si>
    <t>E01015917</t>
  </si>
  <si>
    <t>Southend-on-Sea 017D</t>
  </si>
  <si>
    <t>E01015918</t>
  </si>
  <si>
    <t>Southend-on-Sea 017E</t>
  </si>
  <si>
    <t>E01015919</t>
  </si>
  <si>
    <t>Southend-on-Sea 017F</t>
  </si>
  <si>
    <t>E01015920</t>
  </si>
  <si>
    <t>Southend-on-Sea 017G</t>
  </si>
  <si>
    <t>E01015921</t>
  </si>
  <si>
    <t>Thurrock 021A</t>
  </si>
  <si>
    <t>E02007004</t>
  </si>
  <si>
    <t>Thurrock 021</t>
  </si>
  <si>
    <t>E06000034</t>
  </si>
  <si>
    <t>Thurrock</t>
  </si>
  <si>
    <t>E01015922</t>
  </si>
  <si>
    <t>Thurrock 008A</t>
  </si>
  <si>
    <t>E02003303</t>
  </si>
  <si>
    <t>Thurrock 008</t>
  </si>
  <si>
    <t>E01015923</t>
  </si>
  <si>
    <t>Thurrock 008B</t>
  </si>
  <si>
    <t>E01015924</t>
  </si>
  <si>
    <t>Thurrock 008C</t>
  </si>
  <si>
    <t>E01015925</t>
  </si>
  <si>
    <t>Thurrock 008D</t>
  </si>
  <si>
    <t>E01015926</t>
  </si>
  <si>
    <t>Thurrock 008E</t>
  </si>
  <si>
    <t>E01015927</t>
  </si>
  <si>
    <t>Thurrock 007A</t>
  </si>
  <si>
    <t>E02003302</t>
  </si>
  <si>
    <t>Thurrock 007</t>
  </si>
  <si>
    <t>E01015928</t>
  </si>
  <si>
    <t>Thurrock 007B</t>
  </si>
  <si>
    <t>E01015929</t>
  </si>
  <si>
    <t>Thurrock 007C</t>
  </si>
  <si>
    <t>E01015930</t>
  </si>
  <si>
    <t>Thurrock 007D</t>
  </si>
  <si>
    <t>E01015931</t>
  </si>
  <si>
    <t>Thurrock 007E</t>
  </si>
  <si>
    <t>E01015932</t>
  </si>
  <si>
    <t>Thurrock 006A</t>
  </si>
  <si>
    <t>E02003301</t>
  </si>
  <si>
    <t>Thurrock 006</t>
  </si>
  <si>
    <t>E01015933</t>
  </si>
  <si>
    <t>Thurrock 012A</t>
  </si>
  <si>
    <t>E02003307</t>
  </si>
  <si>
    <t>Thurrock 012</t>
  </si>
  <si>
    <t>E01015934</t>
  </si>
  <si>
    <t>Thurrock 012B</t>
  </si>
  <si>
    <t>E01015935</t>
  </si>
  <si>
    <t>Thurrock 012C</t>
  </si>
  <si>
    <t>E01015936</t>
  </si>
  <si>
    <t>Thurrock 012D</t>
  </si>
  <si>
    <t>E01015937</t>
  </si>
  <si>
    <t>Thurrock 012E</t>
  </si>
  <si>
    <t>E01015938</t>
  </si>
  <si>
    <t>Thurrock 012F</t>
  </si>
  <si>
    <t>E01015939</t>
  </si>
  <si>
    <t>Thurrock 020A</t>
  </si>
  <si>
    <t>E02006926</t>
  </si>
  <si>
    <t>Thurrock 020</t>
  </si>
  <si>
    <t>E01015941</t>
  </si>
  <si>
    <t>Thurrock 020B</t>
  </si>
  <si>
    <t>E01015942</t>
  </si>
  <si>
    <t>Thurrock 020C</t>
  </si>
  <si>
    <t>E01015943</t>
  </si>
  <si>
    <t>Thurrock 001A</t>
  </si>
  <si>
    <t>E02003296</t>
  </si>
  <si>
    <t>Thurrock 001</t>
  </si>
  <si>
    <t>E01015944</t>
  </si>
  <si>
    <t>Thurrock 001B</t>
  </si>
  <si>
    <t>E01015945</t>
  </si>
  <si>
    <t>Thurrock 002A</t>
  </si>
  <si>
    <t>E02003297</t>
  </si>
  <si>
    <t>Thurrock 002</t>
  </si>
  <si>
    <t>E01015946</t>
  </si>
  <si>
    <t>Thurrock 001C</t>
  </si>
  <si>
    <t>E01015947</t>
  </si>
  <si>
    <t>Thurrock 013A</t>
  </si>
  <si>
    <t>E02003308</t>
  </si>
  <si>
    <t>Thurrock 013</t>
  </si>
  <si>
    <t>E01015948</t>
  </si>
  <si>
    <t>Thurrock 013B</t>
  </si>
  <si>
    <t>E01015949</t>
  </si>
  <si>
    <t>Thurrock 013C</t>
  </si>
  <si>
    <t>E01015950</t>
  </si>
  <si>
    <t>Thurrock 013D</t>
  </si>
  <si>
    <t>E01015951</t>
  </si>
  <si>
    <t>Thurrock 017A</t>
  </si>
  <si>
    <t>E02003312</t>
  </si>
  <si>
    <t>Thurrock 017</t>
  </si>
  <si>
    <t>E01015952</t>
  </si>
  <si>
    <t>Thurrock 017B</t>
  </si>
  <si>
    <t>E01015953</t>
  </si>
  <si>
    <t>Thurrock 017C</t>
  </si>
  <si>
    <t>E01015954</t>
  </si>
  <si>
    <t>Thurrock 017D</t>
  </si>
  <si>
    <t>E01015955</t>
  </si>
  <si>
    <t>Thurrock 016A</t>
  </si>
  <si>
    <t>E02003311</t>
  </si>
  <si>
    <t>Thurrock 016</t>
  </si>
  <si>
    <t>E01015956</t>
  </si>
  <si>
    <t>Thurrock 016B</t>
  </si>
  <si>
    <t>E01015957</t>
  </si>
  <si>
    <t>Thurrock 009A</t>
  </si>
  <si>
    <t>E02003304</t>
  </si>
  <si>
    <t>Thurrock 009</t>
  </si>
  <si>
    <t>E01015958</t>
  </si>
  <si>
    <t>Thurrock 009B</t>
  </si>
  <si>
    <t>E01015959</t>
  </si>
  <si>
    <t>Thurrock 016C</t>
  </si>
  <si>
    <t>E01015960</t>
  </si>
  <si>
    <t>Thurrock 014A</t>
  </si>
  <si>
    <t>E02003309</t>
  </si>
  <si>
    <t>Thurrock 014</t>
  </si>
  <si>
    <t>E01015961</t>
  </si>
  <si>
    <t>Thurrock 016D</t>
  </si>
  <si>
    <t>E01015962</t>
  </si>
  <si>
    <t>Thurrock 016E</t>
  </si>
  <si>
    <t>E01015963</t>
  </si>
  <si>
    <t>Thurrock 010A</t>
  </si>
  <si>
    <t>E02003305</t>
  </si>
  <si>
    <t>Thurrock 010</t>
  </si>
  <si>
    <t>E01015964</t>
  </si>
  <si>
    <t>Thurrock 010B</t>
  </si>
  <si>
    <t>E01015965</t>
  </si>
  <si>
    <t>Thurrock 010C</t>
  </si>
  <si>
    <t>E01015966</t>
  </si>
  <si>
    <t>Thurrock 010D</t>
  </si>
  <si>
    <t>E01015967</t>
  </si>
  <si>
    <t>Thurrock 014B</t>
  </si>
  <si>
    <t>E01015968</t>
  </si>
  <si>
    <t>Thurrock 014C</t>
  </si>
  <si>
    <t>E01015969</t>
  </si>
  <si>
    <t>Thurrock 014D</t>
  </si>
  <si>
    <t>E01015970</t>
  </si>
  <si>
    <t>Thurrock 014E</t>
  </si>
  <si>
    <t>E01015971</t>
  </si>
  <si>
    <t>Thurrock 006B</t>
  </si>
  <si>
    <t>E01015972</t>
  </si>
  <si>
    <t>Thurrock 006C</t>
  </si>
  <si>
    <t>E01015974</t>
  </si>
  <si>
    <t>Thurrock 006E</t>
  </si>
  <si>
    <t>E01015975</t>
  </si>
  <si>
    <t>Thurrock 006F</t>
  </si>
  <si>
    <t>E01015976</t>
  </si>
  <si>
    <t>Thurrock 007F</t>
  </si>
  <si>
    <t>E01015977</t>
  </si>
  <si>
    <t>Thurrock 004A</t>
  </si>
  <si>
    <t>E02003299</t>
  </si>
  <si>
    <t>Thurrock 004</t>
  </si>
  <si>
    <t>E01015978</t>
  </si>
  <si>
    <t>Thurrock 004B</t>
  </si>
  <si>
    <t>E01015979</t>
  </si>
  <si>
    <t>Thurrock 004C</t>
  </si>
  <si>
    <t>E01015980</t>
  </si>
  <si>
    <t>Thurrock 004D</t>
  </si>
  <si>
    <t>E01015982</t>
  </si>
  <si>
    <t>Thurrock 019A</t>
  </si>
  <si>
    <t>E02006859</t>
  </si>
  <si>
    <t>Thurrock 019</t>
  </si>
  <si>
    <t>E01015983</t>
  </si>
  <si>
    <t>Thurrock 002B</t>
  </si>
  <si>
    <t>E01015984</t>
  </si>
  <si>
    <t>Thurrock 003A</t>
  </si>
  <si>
    <t>E02003298</t>
  </si>
  <si>
    <t>Thurrock 003</t>
  </si>
  <si>
    <t>E01015985</t>
  </si>
  <si>
    <t>Thurrock 003B</t>
  </si>
  <si>
    <t>E01015986</t>
  </si>
  <si>
    <t>Thurrock 003C</t>
  </si>
  <si>
    <t>E01015987</t>
  </si>
  <si>
    <t>Thurrock 002C</t>
  </si>
  <si>
    <t>E01015988</t>
  </si>
  <si>
    <t>Thurrock 002D</t>
  </si>
  <si>
    <t>E01015989</t>
  </si>
  <si>
    <t>Thurrock 005A</t>
  </si>
  <si>
    <t>E02003300</t>
  </si>
  <si>
    <t>Thurrock 005</t>
  </si>
  <si>
    <t>E01015990</t>
  </si>
  <si>
    <t>Thurrock 003D</t>
  </si>
  <si>
    <t>E01015991</t>
  </si>
  <si>
    <t>Thurrock 005B</t>
  </si>
  <si>
    <t>E01015992</t>
  </si>
  <si>
    <t>Thurrock 005C</t>
  </si>
  <si>
    <t>E01015993</t>
  </si>
  <si>
    <t>Thurrock 009C</t>
  </si>
  <si>
    <t>E01015994</t>
  </si>
  <si>
    <t>Thurrock 009D</t>
  </si>
  <si>
    <t>E01015995</t>
  </si>
  <si>
    <t>Thurrock 009E</t>
  </si>
  <si>
    <t>E01015996</t>
  </si>
  <si>
    <t>Thurrock 009F</t>
  </si>
  <si>
    <t>E01015997</t>
  </si>
  <si>
    <t>Thurrock 001D</t>
  </si>
  <si>
    <t>E01015998</t>
  </si>
  <si>
    <t>Thurrock 002E</t>
  </si>
  <si>
    <t>E01015999</t>
  </si>
  <si>
    <t>Thurrock 001E</t>
  </si>
  <si>
    <t>E01016000</t>
  </si>
  <si>
    <t>Thurrock 005D</t>
  </si>
  <si>
    <t>E01016001</t>
  </si>
  <si>
    <t>Thurrock 003E</t>
  </si>
  <si>
    <t>E01016002</t>
  </si>
  <si>
    <t>Thurrock 005E</t>
  </si>
  <si>
    <t>E01016003</t>
  </si>
  <si>
    <t>Thurrock 018A</t>
  </si>
  <si>
    <t>E02003313</t>
  </si>
  <si>
    <t>Thurrock 018</t>
  </si>
  <si>
    <t>E01016004</t>
  </si>
  <si>
    <t>Thurrock 018B</t>
  </si>
  <si>
    <t>E01016005</t>
  </si>
  <si>
    <t>Thurrock 018C</t>
  </si>
  <si>
    <t>E01016006</t>
  </si>
  <si>
    <t>Thurrock 018D</t>
  </si>
  <si>
    <t>E01016007</t>
  </si>
  <si>
    <t>Thurrock 018E</t>
  </si>
  <si>
    <t>E01016008</t>
  </si>
  <si>
    <t>Thurrock 018F</t>
  </si>
  <si>
    <t>E01016009</t>
  </si>
  <si>
    <t>Thurrock 018G</t>
  </si>
  <si>
    <t>E01016010</t>
  </si>
  <si>
    <t>Thurrock 018H</t>
  </si>
  <si>
    <t>E01016011</t>
  </si>
  <si>
    <t>Thurrock 022A</t>
  </si>
  <si>
    <t>E02007005</t>
  </si>
  <si>
    <t>Thurrock 022</t>
  </si>
  <si>
    <t>E01016013</t>
  </si>
  <si>
    <t>Thurrock 021C</t>
  </si>
  <si>
    <t>E01016014</t>
  </si>
  <si>
    <t>Thurrock 021B</t>
  </si>
  <si>
    <t>E01016015</t>
  </si>
  <si>
    <t>Thurrock 022B</t>
  </si>
  <si>
    <t>E01016016</t>
  </si>
  <si>
    <t>Medway 015A</t>
  </si>
  <si>
    <t>E02003328</t>
  </si>
  <si>
    <t>Medway 015</t>
  </si>
  <si>
    <t>E06000035</t>
  </si>
  <si>
    <t>Medway</t>
  </si>
  <si>
    <t>E01016017</t>
  </si>
  <si>
    <t>Medway 015B</t>
  </si>
  <si>
    <t>E01016018</t>
  </si>
  <si>
    <t>Medway 022A</t>
  </si>
  <si>
    <t>E02003335</t>
  </si>
  <si>
    <t>Medway 022</t>
  </si>
  <si>
    <t>E01016019</t>
  </si>
  <si>
    <t>Medway 015C</t>
  </si>
  <si>
    <t>E01016020</t>
  </si>
  <si>
    <t>Medway 021A</t>
  </si>
  <si>
    <t>E02003334</t>
  </si>
  <si>
    <t>Medway 021</t>
  </si>
  <si>
    <t>E01016021</t>
  </si>
  <si>
    <t>Medway 021B</t>
  </si>
  <si>
    <t>E01016022</t>
  </si>
  <si>
    <t>Medway 021C</t>
  </si>
  <si>
    <t>E01016023</t>
  </si>
  <si>
    <t>Medway 022B</t>
  </si>
  <si>
    <t>E01016024</t>
  </si>
  <si>
    <t>Medway 022C</t>
  </si>
  <si>
    <t>E01016025</t>
  </si>
  <si>
    <t>Medway 027A</t>
  </si>
  <si>
    <t>E02003340</t>
  </si>
  <si>
    <t>Medway 027</t>
  </si>
  <si>
    <t>E01016026</t>
  </si>
  <si>
    <t>Medway 028A</t>
  </si>
  <si>
    <t>E02003341</t>
  </si>
  <si>
    <t>Medway 028</t>
  </si>
  <si>
    <t>E01016027</t>
  </si>
  <si>
    <t>Medway 028B</t>
  </si>
  <si>
    <t>E01016028</t>
  </si>
  <si>
    <t>Medway 028C</t>
  </si>
  <si>
    <t>E01016029</t>
  </si>
  <si>
    <t>Medway 028D</t>
  </si>
  <si>
    <t>E01016030</t>
  </si>
  <si>
    <t>Medway 010A</t>
  </si>
  <si>
    <t>E02003323</t>
  </si>
  <si>
    <t>Medway 010</t>
  </si>
  <si>
    <t>E01016031</t>
  </si>
  <si>
    <t>Medway 012A</t>
  </si>
  <si>
    <t>E02003325</t>
  </si>
  <si>
    <t>Medway 012</t>
  </si>
  <si>
    <t>E01016032</t>
  </si>
  <si>
    <t>Medway 010B</t>
  </si>
  <si>
    <t>E01016033</t>
  </si>
  <si>
    <t>Medway 009A</t>
  </si>
  <si>
    <t>E02003322</t>
  </si>
  <si>
    <t>Medway 009</t>
  </si>
  <si>
    <t>E01016034</t>
  </si>
  <si>
    <t>Medway 010C</t>
  </si>
  <si>
    <t>E01016035</t>
  </si>
  <si>
    <t>Medway 007A</t>
  </si>
  <si>
    <t>E02003320</t>
  </si>
  <si>
    <t>Medway 007</t>
  </si>
  <si>
    <t>E01016037</t>
  </si>
  <si>
    <t>Medway 009C</t>
  </si>
  <si>
    <t>E01016038</t>
  </si>
  <si>
    <t>Medway 010D</t>
  </si>
  <si>
    <t>E01016039</t>
  </si>
  <si>
    <t>Medway 009D</t>
  </si>
  <si>
    <t>E01016040</t>
  </si>
  <si>
    <t>Medway 013A</t>
  </si>
  <si>
    <t>E02003326</t>
  </si>
  <si>
    <t>Medway 013</t>
  </si>
  <si>
    <t>E01016041</t>
  </si>
  <si>
    <t>Medway 012B</t>
  </si>
  <si>
    <t>E01016042</t>
  </si>
  <si>
    <t>Medway 013B</t>
  </si>
  <si>
    <t>E01016043</t>
  </si>
  <si>
    <t>Medway 013C</t>
  </si>
  <si>
    <t>E01016044</t>
  </si>
  <si>
    <t>Medway 016A</t>
  </si>
  <si>
    <t>E02003329</t>
  </si>
  <si>
    <t>Medway 016</t>
  </si>
  <si>
    <t>E01016045</t>
  </si>
  <si>
    <t>Medway 012C</t>
  </si>
  <si>
    <t>E01016046</t>
  </si>
  <si>
    <t>Medway 016B</t>
  </si>
  <si>
    <t>E01016047</t>
  </si>
  <si>
    <t>Medway 016C</t>
  </si>
  <si>
    <t>E01016048</t>
  </si>
  <si>
    <t>Medway 016D</t>
  </si>
  <si>
    <t>E01016049</t>
  </si>
  <si>
    <t>Medway 012D</t>
  </si>
  <si>
    <t>E01016050</t>
  </si>
  <si>
    <t>Medway 035A</t>
  </si>
  <si>
    <t>E02003348</t>
  </si>
  <si>
    <t>Medway 035</t>
  </si>
  <si>
    <t>E01016051</t>
  </si>
  <si>
    <t>Medway 035B</t>
  </si>
  <si>
    <t>E01016052</t>
  </si>
  <si>
    <t>Medway 035C</t>
  </si>
  <si>
    <t>E01016053</t>
  </si>
  <si>
    <t>Medway 035D</t>
  </si>
  <si>
    <t>E01016054</t>
  </si>
  <si>
    <t>Medway 035E</t>
  </si>
  <si>
    <t>E01016055</t>
  </si>
  <si>
    <t>Medway 038A</t>
  </si>
  <si>
    <t>E02003351</t>
  </si>
  <si>
    <t>Medway 038</t>
  </si>
  <si>
    <t>E01016056</t>
  </si>
  <si>
    <t>Medway 038B</t>
  </si>
  <si>
    <t>E01016057</t>
  </si>
  <si>
    <t>Medway 038C</t>
  </si>
  <si>
    <t>E01016058</t>
  </si>
  <si>
    <t>Medway 031A</t>
  </si>
  <si>
    <t>E02003344</t>
  </si>
  <si>
    <t>Medway 031</t>
  </si>
  <si>
    <t>E01016059</t>
  </si>
  <si>
    <t>Medway 031B</t>
  </si>
  <si>
    <t>E01016060</t>
  </si>
  <si>
    <t>Medway 038D</t>
  </si>
  <si>
    <t>E01016061</t>
  </si>
  <si>
    <t>Medway 020A</t>
  </si>
  <si>
    <t>E02003333</t>
  </si>
  <si>
    <t>Medway 020</t>
  </si>
  <si>
    <t>E01016062</t>
  </si>
  <si>
    <t>Medway 022D</t>
  </si>
  <si>
    <t>E01016063</t>
  </si>
  <si>
    <t>Medway 020B</t>
  </si>
  <si>
    <t>E01016064</t>
  </si>
  <si>
    <t>Medway 020C</t>
  </si>
  <si>
    <t>E01016065</t>
  </si>
  <si>
    <t>Medway 027B</t>
  </si>
  <si>
    <t>E01016066</t>
  </si>
  <si>
    <t>Medway 027C</t>
  </si>
  <si>
    <t>E01016067</t>
  </si>
  <si>
    <t>Medway 027D</t>
  </si>
  <si>
    <t>E01016068</t>
  </si>
  <si>
    <t>Medway 027E</t>
  </si>
  <si>
    <t>E01016069</t>
  </si>
  <si>
    <t>Medway 020D</t>
  </si>
  <si>
    <t>E01016070</t>
  </si>
  <si>
    <t>Medway 001A</t>
  </si>
  <si>
    <t>E02003314</t>
  </si>
  <si>
    <t>Medway 001</t>
  </si>
  <si>
    <t>E01016071</t>
  </si>
  <si>
    <t>Medway 001B</t>
  </si>
  <si>
    <t>E01016072</t>
  </si>
  <si>
    <t>Medway 001C</t>
  </si>
  <si>
    <t>E01016073</t>
  </si>
  <si>
    <t>Medway 003A</t>
  </si>
  <si>
    <t>E02003316</t>
  </si>
  <si>
    <t>Medway 003</t>
  </si>
  <si>
    <t>E01016074</t>
  </si>
  <si>
    <t>Medway 001D</t>
  </si>
  <si>
    <t>E01016075</t>
  </si>
  <si>
    <t>Medway 003B</t>
  </si>
  <si>
    <t>E01016077</t>
  </si>
  <si>
    <t>Medway 003D</t>
  </si>
  <si>
    <t>E01016078</t>
  </si>
  <si>
    <t>Medway 034A</t>
  </si>
  <si>
    <t>E02003347</t>
  </si>
  <si>
    <t>Medway 034</t>
  </si>
  <si>
    <t>E01016079</t>
  </si>
  <si>
    <t>Medway 031C</t>
  </si>
  <si>
    <t>E01016080</t>
  </si>
  <si>
    <t>Medway 034B</t>
  </si>
  <si>
    <t>E01016081</t>
  </si>
  <si>
    <t>Medway 034C</t>
  </si>
  <si>
    <t>E01016082</t>
  </si>
  <si>
    <t>Medway 034D</t>
  </si>
  <si>
    <t>E01016083</t>
  </si>
  <si>
    <t>Medway 031D</t>
  </si>
  <si>
    <t>E01016084</t>
  </si>
  <si>
    <t>Medway 031E</t>
  </si>
  <si>
    <t>E01016085</t>
  </si>
  <si>
    <t>Medway 030A</t>
  </si>
  <si>
    <t>E02003343</t>
  </si>
  <si>
    <t>Medway 030</t>
  </si>
  <si>
    <t>E01016086</t>
  </si>
  <si>
    <t>Medway 030B</t>
  </si>
  <si>
    <t>E01016087</t>
  </si>
  <si>
    <t>Medway 029A</t>
  </si>
  <si>
    <t>E02003342</t>
  </si>
  <si>
    <t>Medway 029</t>
  </si>
  <si>
    <t>E01016088</t>
  </si>
  <si>
    <t>Medway 029B</t>
  </si>
  <si>
    <t>E01016089</t>
  </si>
  <si>
    <t>Medway 029C</t>
  </si>
  <si>
    <t>E01016090</t>
  </si>
  <si>
    <t>Medway 029D</t>
  </si>
  <si>
    <t>E01016091</t>
  </si>
  <si>
    <t>Medway 030C</t>
  </si>
  <si>
    <t>E01016092</t>
  </si>
  <si>
    <t>Medway 036A</t>
  </si>
  <si>
    <t>E02003349</t>
  </si>
  <si>
    <t>Medway 036</t>
  </si>
  <si>
    <t>E01016093</t>
  </si>
  <si>
    <t>Medway 023A</t>
  </si>
  <si>
    <t>E02003336</t>
  </si>
  <si>
    <t>Medway 023</t>
  </si>
  <si>
    <t>E01016094</t>
  </si>
  <si>
    <t>Medway 025A</t>
  </si>
  <si>
    <t>E02003338</t>
  </si>
  <si>
    <t>Medway 025</t>
  </si>
  <si>
    <t>E01016095</t>
  </si>
  <si>
    <t>Medway 025B</t>
  </si>
  <si>
    <t>E01016096</t>
  </si>
  <si>
    <t>Medway 023B</t>
  </si>
  <si>
    <t>E01016097</t>
  </si>
  <si>
    <t>Medway 025C</t>
  </si>
  <si>
    <t>E01016098</t>
  </si>
  <si>
    <t>Medway 025D</t>
  </si>
  <si>
    <t>E01016099</t>
  </si>
  <si>
    <t>Medway 036B</t>
  </si>
  <si>
    <t>E01016100</t>
  </si>
  <si>
    <t>Medway 036C</t>
  </si>
  <si>
    <t>E01016101</t>
  </si>
  <si>
    <t>Medway 032A</t>
  </si>
  <si>
    <t>E02003345</t>
  </si>
  <si>
    <t>Medway 032</t>
  </si>
  <si>
    <t>E01016102</t>
  </si>
  <si>
    <t>Medway 025E</t>
  </si>
  <si>
    <t>E01016103</t>
  </si>
  <si>
    <t>Medway 032B</t>
  </si>
  <si>
    <t>E01016104</t>
  </si>
  <si>
    <t>Medway 032C</t>
  </si>
  <si>
    <t>E01016105</t>
  </si>
  <si>
    <t>Medway 036D</t>
  </si>
  <si>
    <t>E01016106</t>
  </si>
  <si>
    <t>Medway 036E</t>
  </si>
  <si>
    <t>E01016107</t>
  </si>
  <si>
    <t>Medway 032D</t>
  </si>
  <si>
    <t>E01016111</t>
  </si>
  <si>
    <t>Medway 015E</t>
  </si>
  <si>
    <t>E01016113</t>
  </si>
  <si>
    <t>Medway 017A</t>
  </si>
  <si>
    <t>E02003330</t>
  </si>
  <si>
    <t>Medway 017</t>
  </si>
  <si>
    <t>E01016114</t>
  </si>
  <si>
    <t>Medway 017B</t>
  </si>
  <si>
    <t>E01016115</t>
  </si>
  <si>
    <t>Medway 017C</t>
  </si>
  <si>
    <t>E01016116</t>
  </si>
  <si>
    <t>Medway 024A</t>
  </si>
  <si>
    <t>E02003337</t>
  </si>
  <si>
    <t>Medway 024</t>
  </si>
  <si>
    <t>E01016117</t>
  </si>
  <si>
    <t>Medway 014A</t>
  </si>
  <si>
    <t>E02003327</t>
  </si>
  <si>
    <t>Medway 014</t>
  </si>
  <si>
    <t>E01016118</t>
  </si>
  <si>
    <t>Medway 017D</t>
  </si>
  <si>
    <t>E01016119</t>
  </si>
  <si>
    <t>Medway 026A</t>
  </si>
  <si>
    <t>E02003339</t>
  </si>
  <si>
    <t>Medway 026</t>
  </si>
  <si>
    <t>E01016120</t>
  </si>
  <si>
    <t>Medway 026B</t>
  </si>
  <si>
    <t>E01016121</t>
  </si>
  <si>
    <t>Medway 033A</t>
  </si>
  <si>
    <t>E02003346</t>
  </si>
  <si>
    <t>Medway 033</t>
  </si>
  <si>
    <t>E01016122</t>
  </si>
  <si>
    <t>Medway 033B</t>
  </si>
  <si>
    <t>E01016123</t>
  </si>
  <si>
    <t>Medway 033C</t>
  </si>
  <si>
    <t>E01016124</t>
  </si>
  <si>
    <t>Medway 026C</t>
  </si>
  <si>
    <t>E01016125</t>
  </si>
  <si>
    <t>Medway 021D</t>
  </si>
  <si>
    <t>E01016126</t>
  </si>
  <si>
    <t>Medway 026D</t>
  </si>
  <si>
    <t>E01016127</t>
  </si>
  <si>
    <t>Medway 024B</t>
  </si>
  <si>
    <t>E01016128</t>
  </si>
  <si>
    <t>Medway 024C</t>
  </si>
  <si>
    <t>E01016129</t>
  </si>
  <si>
    <t>Medway 014B</t>
  </si>
  <si>
    <t>E01016130</t>
  </si>
  <si>
    <t>Medway 014C</t>
  </si>
  <si>
    <t>E01016131</t>
  </si>
  <si>
    <t>Medway 014D</t>
  </si>
  <si>
    <t>E01016132</t>
  </si>
  <si>
    <t>Medway 024D</t>
  </si>
  <si>
    <t>E01016133</t>
  </si>
  <si>
    <t>Medway 005A</t>
  </si>
  <si>
    <t>E02003318</t>
  </si>
  <si>
    <t>Medway 005</t>
  </si>
  <si>
    <t>E01016134</t>
  </si>
  <si>
    <t>Medway 005B</t>
  </si>
  <si>
    <t>E01016135</t>
  </si>
  <si>
    <t>Medway 006A</t>
  </si>
  <si>
    <t>E02003319</t>
  </si>
  <si>
    <t>Medway 006</t>
  </si>
  <si>
    <t>E01016136</t>
  </si>
  <si>
    <t>Medway 006B</t>
  </si>
  <si>
    <t>E01016137</t>
  </si>
  <si>
    <t>Medway 006C</t>
  </si>
  <si>
    <t>E01016138</t>
  </si>
  <si>
    <t>Medway 005C</t>
  </si>
  <si>
    <t>E01016139</t>
  </si>
  <si>
    <t>Medway 005D</t>
  </si>
  <si>
    <t>E01016140</t>
  </si>
  <si>
    <t>Medway 006D</t>
  </si>
  <si>
    <t>E01016141</t>
  </si>
  <si>
    <t>Medway 006E</t>
  </si>
  <si>
    <t>E01016142</t>
  </si>
  <si>
    <t>Medway 002A</t>
  </si>
  <si>
    <t>E02003315</t>
  </si>
  <si>
    <t>Medway 002</t>
  </si>
  <si>
    <t>E01016143</t>
  </si>
  <si>
    <t>Medway 003E</t>
  </si>
  <si>
    <t>E01016144</t>
  </si>
  <si>
    <t>Medway 002B</t>
  </si>
  <si>
    <t>E01016145</t>
  </si>
  <si>
    <t>Medway 002C</t>
  </si>
  <si>
    <t>E01016147</t>
  </si>
  <si>
    <t>Medway 004B</t>
  </si>
  <si>
    <t>E02003317</t>
  </si>
  <si>
    <t>Medway 004</t>
  </si>
  <si>
    <t>E01016148</t>
  </si>
  <si>
    <t>Medway 004C</t>
  </si>
  <si>
    <t>E01016149</t>
  </si>
  <si>
    <t>Medway 002D</t>
  </si>
  <si>
    <t>E01016150</t>
  </si>
  <si>
    <t>Medway 011A</t>
  </si>
  <si>
    <t>E02003324</t>
  </si>
  <si>
    <t>Medway 011</t>
  </si>
  <si>
    <t>E01016151</t>
  </si>
  <si>
    <t>Medway 008A</t>
  </si>
  <si>
    <t>E02003321</t>
  </si>
  <si>
    <t>Medway 008</t>
  </si>
  <si>
    <t>E01016152</t>
  </si>
  <si>
    <t>Medway 008B</t>
  </si>
  <si>
    <t>E01016153</t>
  </si>
  <si>
    <t>Medway 008C</t>
  </si>
  <si>
    <t>E01016154</t>
  </si>
  <si>
    <t>Medway 011B</t>
  </si>
  <si>
    <t>E01016155</t>
  </si>
  <si>
    <t>Medway 008D</t>
  </si>
  <si>
    <t>E01016156</t>
  </si>
  <si>
    <t>Medway 011C</t>
  </si>
  <si>
    <t>E01016157</t>
  </si>
  <si>
    <t>Medway 011D</t>
  </si>
  <si>
    <t>E01016158</t>
  </si>
  <si>
    <t>Medway 011E</t>
  </si>
  <si>
    <t>E01016159</t>
  </si>
  <si>
    <t>Medway 019A</t>
  </si>
  <si>
    <t>E02003332</t>
  </si>
  <si>
    <t>Medway 019</t>
  </si>
  <si>
    <t>E01016160</t>
  </si>
  <si>
    <t>Medway 018A</t>
  </si>
  <si>
    <t>E02003331</t>
  </si>
  <si>
    <t>Medway 018</t>
  </si>
  <si>
    <t>E01016161</t>
  </si>
  <si>
    <t>Medway 018B</t>
  </si>
  <si>
    <t>E01016162</t>
  </si>
  <si>
    <t>Medway 018C</t>
  </si>
  <si>
    <t>E01016163</t>
  </si>
  <si>
    <t>Medway 018D</t>
  </si>
  <si>
    <t>E01016164</t>
  </si>
  <si>
    <t>Medway 018E</t>
  </si>
  <si>
    <t>E01016165</t>
  </si>
  <si>
    <t>Medway 018F</t>
  </si>
  <si>
    <t>E01016166</t>
  </si>
  <si>
    <t>Medway 023C</t>
  </si>
  <si>
    <t>E01016167</t>
  </si>
  <si>
    <t>Medway 023D</t>
  </si>
  <si>
    <t>E01016168</t>
  </si>
  <si>
    <t>Medway 037A</t>
  </si>
  <si>
    <t>E02003350</t>
  </si>
  <si>
    <t>Medway 037</t>
  </si>
  <si>
    <t>E01016169</t>
  </si>
  <si>
    <t>Medway 037B</t>
  </si>
  <si>
    <t>E01016170</t>
  </si>
  <si>
    <t>Medway 038E</t>
  </si>
  <si>
    <t>E01016171</t>
  </si>
  <si>
    <t>Medway 037C</t>
  </si>
  <si>
    <t>E01016172</t>
  </si>
  <si>
    <t>Medway 037D</t>
  </si>
  <si>
    <t>E01016173</t>
  </si>
  <si>
    <t>Medway 033D</t>
  </si>
  <si>
    <t>E01016174</t>
  </si>
  <si>
    <t>Medway 019B</t>
  </si>
  <si>
    <t>E01016175</t>
  </si>
  <si>
    <t>Medway 019C</t>
  </si>
  <si>
    <t>E01016176</t>
  </si>
  <si>
    <t>Medway 030D</t>
  </si>
  <si>
    <t>E01016177</t>
  </si>
  <si>
    <t>Medway 013D</t>
  </si>
  <si>
    <t>E01016178</t>
  </si>
  <si>
    <t>Medway 013E</t>
  </si>
  <si>
    <t>E01016179</t>
  </si>
  <si>
    <t>Medway 019D</t>
  </si>
  <si>
    <t>E01016734</t>
  </si>
  <si>
    <t>Milton Keynes 024A</t>
  </si>
  <si>
    <t>E02003482</t>
  </si>
  <si>
    <t>Milton Keynes 024</t>
  </si>
  <si>
    <t>E06000042</t>
  </si>
  <si>
    <t>Milton Keynes</t>
  </si>
  <si>
    <t>E01016736</t>
  </si>
  <si>
    <t>Milton Keynes 024C</t>
  </si>
  <si>
    <t>E01016800</t>
  </si>
  <si>
    <t>Milton Keynes 001E</t>
  </si>
  <si>
    <t>E02003459</t>
  </si>
  <si>
    <t>Milton Keynes 001</t>
  </si>
  <si>
    <t>E01016849</t>
  </si>
  <si>
    <t>Brighton and Hove 026A</t>
  </si>
  <si>
    <t>E02003516</t>
  </si>
  <si>
    <t>Brighton and Hove 026</t>
  </si>
  <si>
    <t>E06000043</t>
  </si>
  <si>
    <t>Brighton and Hove</t>
  </si>
  <si>
    <t>E37000044</t>
  </si>
  <si>
    <t>Coast to Capital</t>
  </si>
  <si>
    <t>E01016850</t>
  </si>
  <si>
    <t>Brighton and Hove 029A</t>
  </si>
  <si>
    <t>E02003519</t>
  </si>
  <si>
    <t>Brighton and Hove 029</t>
  </si>
  <si>
    <t>E01016851</t>
  </si>
  <si>
    <t>Brighton and Hove 029B</t>
  </si>
  <si>
    <t>E01016852</t>
  </si>
  <si>
    <t>Brighton and Hove 026B</t>
  </si>
  <si>
    <t>E01016853</t>
  </si>
  <si>
    <t>Brighton and Hove 026C</t>
  </si>
  <si>
    <t>E01016854</t>
  </si>
  <si>
    <t>Brighton and Hove 029C</t>
  </si>
  <si>
    <t>E01016855</t>
  </si>
  <si>
    <t>Brighton and Hove 026D</t>
  </si>
  <si>
    <t>E01016856</t>
  </si>
  <si>
    <t>Brighton and Hove 026E</t>
  </si>
  <si>
    <t>E01016857</t>
  </si>
  <si>
    <t>Brighton and Hove 028A</t>
  </si>
  <si>
    <t>E02003518</t>
  </si>
  <si>
    <t>Brighton and Hove 028</t>
  </si>
  <si>
    <t>E01016858</t>
  </si>
  <si>
    <t>Brighton and Hove 028B</t>
  </si>
  <si>
    <t>E01016859</t>
  </si>
  <si>
    <t>Brighton and Hove 028C</t>
  </si>
  <si>
    <t>E01016860</t>
  </si>
  <si>
    <t>Brighton and Hove 019A</t>
  </si>
  <si>
    <t>E02003509</t>
  </si>
  <si>
    <t>Brighton and Hove 019</t>
  </si>
  <si>
    <t>E01016861</t>
  </si>
  <si>
    <t>Brighton and Hove 031A</t>
  </si>
  <si>
    <t>E02003521</t>
  </si>
  <si>
    <t>Brighton and Hove 031</t>
  </si>
  <si>
    <t>E01016862</t>
  </si>
  <si>
    <t>Brighton and Hove 031B</t>
  </si>
  <si>
    <t>E01016863</t>
  </si>
  <si>
    <t>Brighton and Hove 032A</t>
  </si>
  <si>
    <t>E02003522</t>
  </si>
  <si>
    <t>Brighton and Hove 032</t>
  </si>
  <si>
    <t>E01016864</t>
  </si>
  <si>
    <t>Brighton and Hove 025A</t>
  </si>
  <si>
    <t>E02003515</t>
  </si>
  <si>
    <t>Brighton and Hove 025</t>
  </si>
  <si>
    <t>E01016865</t>
  </si>
  <si>
    <t>Brighton and Hove 025B</t>
  </si>
  <si>
    <t>E01016866</t>
  </si>
  <si>
    <t>Brighton and Hove 025C</t>
  </si>
  <si>
    <t>E01016867</t>
  </si>
  <si>
    <t>Brighton and Hove 025D</t>
  </si>
  <si>
    <t>E01016868</t>
  </si>
  <si>
    <t>Brighton and Hove 025E</t>
  </si>
  <si>
    <t>E01016869</t>
  </si>
  <si>
    <t>Brighton and Hove 032B</t>
  </si>
  <si>
    <t>E01016870</t>
  </si>
  <si>
    <t>Brighton and Hove 020A</t>
  </si>
  <si>
    <t>E02003510</t>
  </si>
  <si>
    <t>Brighton and Hove 020</t>
  </si>
  <si>
    <t>E01016871</t>
  </si>
  <si>
    <t>Brighton and Hove 019B</t>
  </si>
  <si>
    <t>E01016872</t>
  </si>
  <si>
    <t>Brighton and Hove 019C</t>
  </si>
  <si>
    <t>E01016873</t>
  </si>
  <si>
    <t>Brighton and Hove 019D</t>
  </si>
  <si>
    <t>E01016874</t>
  </si>
  <si>
    <t>Brighton and Hove 020B</t>
  </si>
  <si>
    <t>E01016875</t>
  </si>
  <si>
    <t>Brighton and Hove 020C</t>
  </si>
  <si>
    <t>E01016876</t>
  </si>
  <si>
    <t>Brighton and Hove 020D</t>
  </si>
  <si>
    <t>E01016877</t>
  </si>
  <si>
    <t>Brighton and Hove 020E</t>
  </si>
  <si>
    <t>E01016878</t>
  </si>
  <si>
    <t>Brighton and Hove 019E</t>
  </si>
  <si>
    <t>E01016879</t>
  </si>
  <si>
    <t>Brighton and Hove 013A</t>
  </si>
  <si>
    <t>E02003503</t>
  </si>
  <si>
    <t>Brighton and Hove 013</t>
  </si>
  <si>
    <t>E01016880</t>
  </si>
  <si>
    <t>Brighton and Hove 013B</t>
  </si>
  <si>
    <t>E01016881</t>
  </si>
  <si>
    <t>Brighton and Hove 013C</t>
  </si>
  <si>
    <t>E01016882</t>
  </si>
  <si>
    <t>Brighton and Hove 006A</t>
  </si>
  <si>
    <t>E02003496</t>
  </si>
  <si>
    <t>Brighton and Hove 006</t>
  </si>
  <si>
    <t>E01016883</t>
  </si>
  <si>
    <t>Brighton and Hove 006B</t>
  </si>
  <si>
    <t>E01016884</t>
  </si>
  <si>
    <t>Brighton and Hove 006C</t>
  </si>
  <si>
    <t>E01016885</t>
  </si>
  <si>
    <t>Brighton and Hove 006D</t>
  </si>
  <si>
    <t>E01016886</t>
  </si>
  <si>
    <t>Brighton and Hove 006E</t>
  </si>
  <si>
    <t>E01016887</t>
  </si>
  <si>
    <t>Brighton and Hove 013D</t>
  </si>
  <si>
    <t>E01016888</t>
  </si>
  <si>
    <t>Brighton and Hove 013E</t>
  </si>
  <si>
    <t>E01016889</t>
  </si>
  <si>
    <t>Brighton and Hove 022A</t>
  </si>
  <si>
    <t>E02003512</t>
  </si>
  <si>
    <t>Brighton and Hove 022</t>
  </si>
  <si>
    <t>E01016890</t>
  </si>
  <si>
    <t>Brighton and Hove 015A</t>
  </si>
  <si>
    <t>E02003505</t>
  </si>
  <si>
    <t>Brighton and Hove 015</t>
  </si>
  <si>
    <t>E01016891</t>
  </si>
  <si>
    <t>Brighton and Hove 022B</t>
  </si>
  <si>
    <t>E01016892</t>
  </si>
  <si>
    <t>Brighton and Hove 018A</t>
  </si>
  <si>
    <t>E02003508</t>
  </si>
  <si>
    <t>Brighton and Hove 018</t>
  </si>
  <si>
    <t>E01016893</t>
  </si>
  <si>
    <t>Brighton and Hove 018B</t>
  </si>
  <si>
    <t>E01016894</t>
  </si>
  <si>
    <t>Brighton and Hove 022C</t>
  </si>
  <si>
    <t>E01016895</t>
  </si>
  <si>
    <t>Brighton and Hove 025F</t>
  </si>
  <si>
    <t>E01016896</t>
  </si>
  <si>
    <t>Brighton and Hove 022D</t>
  </si>
  <si>
    <t>E01016897</t>
  </si>
  <si>
    <t>Brighton and Hove 022E</t>
  </si>
  <si>
    <t>E01016898</t>
  </si>
  <si>
    <t>Brighton and Hove 002A</t>
  </si>
  <si>
    <t>E02003492</t>
  </si>
  <si>
    <t>Brighton and Hove 002</t>
  </si>
  <si>
    <t>E01016899</t>
  </si>
  <si>
    <t>Brighton and Hove 002B</t>
  </si>
  <si>
    <t>E01016900</t>
  </si>
  <si>
    <t>Brighton and Hove 008A</t>
  </si>
  <si>
    <t>E02003498</t>
  </si>
  <si>
    <t>Brighton and Hove 008</t>
  </si>
  <si>
    <t>E01016901</t>
  </si>
  <si>
    <t>Brighton and Hove 010A</t>
  </si>
  <si>
    <t>E02003500</t>
  </si>
  <si>
    <t>Brighton and Hove 010</t>
  </si>
  <si>
    <t>E01016902</t>
  </si>
  <si>
    <t>Brighton and Hove 008B</t>
  </si>
  <si>
    <t>E01016903</t>
  </si>
  <si>
    <t>Brighton and Hove 010B</t>
  </si>
  <si>
    <t>E01016904</t>
  </si>
  <si>
    <t>Brighton and Hove 008C</t>
  </si>
  <si>
    <t>E01016905</t>
  </si>
  <si>
    <t>Brighton and Hove 008D</t>
  </si>
  <si>
    <t>E01016906</t>
  </si>
  <si>
    <t>Brighton and Hove 009A</t>
  </si>
  <si>
    <t>E02003499</t>
  </si>
  <si>
    <t>Brighton and Hove 009</t>
  </si>
  <si>
    <t>E01016907</t>
  </si>
  <si>
    <t>Brighton and Hove 009B</t>
  </si>
  <si>
    <t>E01016908</t>
  </si>
  <si>
    <t>Brighton and Hove 009C</t>
  </si>
  <si>
    <t>E01016909</t>
  </si>
  <si>
    <t>Brighton and Hove 008E</t>
  </si>
  <si>
    <t>E01016910</t>
  </si>
  <si>
    <t>Brighton and Hove 009D</t>
  </si>
  <si>
    <t>E01016911</t>
  </si>
  <si>
    <t>Brighton and Hove 009E</t>
  </si>
  <si>
    <t>E01016912</t>
  </si>
  <si>
    <t>Brighton and Hove 018C</t>
  </si>
  <si>
    <t>E01016913</t>
  </si>
  <si>
    <t>Brighton and Hove 018D</t>
  </si>
  <si>
    <t>E01016914</t>
  </si>
  <si>
    <t>Brighton and Hove 002C</t>
  </si>
  <si>
    <t>E01016915</t>
  </si>
  <si>
    <t>Brighton and Hove 002D</t>
  </si>
  <si>
    <t>E01016916</t>
  </si>
  <si>
    <t>Brighton and Hove 005A</t>
  </si>
  <si>
    <t>E02003495</t>
  </si>
  <si>
    <t>Brighton and Hove 005</t>
  </si>
  <si>
    <t>E01016917</t>
  </si>
  <si>
    <t>Brighton and Hove 005B</t>
  </si>
  <si>
    <t>E01016918</t>
  </si>
  <si>
    <t>Brighton and Hove 005C</t>
  </si>
  <si>
    <t>E01016919</t>
  </si>
  <si>
    <t>Brighton and Hove 005D</t>
  </si>
  <si>
    <t>E01016920</t>
  </si>
  <si>
    <t>Brighton and Hove 005E</t>
  </si>
  <si>
    <t>E01016921</t>
  </si>
  <si>
    <t>Brighton and Hove 012A</t>
  </si>
  <si>
    <t>E02003502</t>
  </si>
  <si>
    <t>Brighton and Hove 012</t>
  </si>
  <si>
    <t>E01016922</t>
  </si>
  <si>
    <t>Brighton and Hove 012B</t>
  </si>
  <si>
    <t>E01016923</t>
  </si>
  <si>
    <t>Brighton and Hove 003A</t>
  </si>
  <si>
    <t>E02003493</t>
  </si>
  <si>
    <t>Brighton and Hove 003</t>
  </si>
  <si>
    <t>E01016924</t>
  </si>
  <si>
    <t>Brighton and Hove 001A</t>
  </si>
  <si>
    <t>E02003491</t>
  </si>
  <si>
    <t>Brighton and Hove 001</t>
  </si>
  <si>
    <t>E01016925</t>
  </si>
  <si>
    <t>Brighton and Hove 004A</t>
  </si>
  <si>
    <t>E02003494</t>
  </si>
  <si>
    <t>Brighton and Hove 004</t>
  </si>
  <si>
    <t>E01016926</t>
  </si>
  <si>
    <t>Brighton and Hove 001B</t>
  </si>
  <si>
    <t>E01016927</t>
  </si>
  <si>
    <t>Brighton and Hove 001C</t>
  </si>
  <si>
    <t>E01016928</t>
  </si>
  <si>
    <t>Brighton and Hove 003B</t>
  </si>
  <si>
    <t>E01016929</t>
  </si>
  <si>
    <t>Brighton and Hove 001D</t>
  </si>
  <si>
    <t>E01016930</t>
  </si>
  <si>
    <t>Brighton and Hove 004B</t>
  </si>
  <si>
    <t>E01016931</t>
  </si>
  <si>
    <t>Brighton and Hove 001E</t>
  </si>
  <si>
    <t>E01016932</t>
  </si>
  <si>
    <t>Brighton and Hove 014A</t>
  </si>
  <si>
    <t>E02003504</t>
  </si>
  <si>
    <t>Brighton and Hove 014</t>
  </si>
  <si>
    <t>E01016933</t>
  </si>
  <si>
    <t>Brighton and Hove 014B</t>
  </si>
  <si>
    <t>E01016934</t>
  </si>
  <si>
    <t>Brighton and Hove 010C</t>
  </si>
  <si>
    <t>E01016935</t>
  </si>
  <si>
    <t>Brighton and Hove 014C</t>
  </si>
  <si>
    <t>E01016936</t>
  </si>
  <si>
    <t>Brighton and Hove 014D</t>
  </si>
  <si>
    <t>E01016937</t>
  </si>
  <si>
    <t>Brighton and Hove 014E</t>
  </si>
  <si>
    <t>E01016938</t>
  </si>
  <si>
    <t>Brighton and Hove 024A</t>
  </si>
  <si>
    <t>E02003514</t>
  </si>
  <si>
    <t>Brighton and Hove 024</t>
  </si>
  <si>
    <t>E01016939</t>
  </si>
  <si>
    <t>Brighton and Hove 010D</t>
  </si>
  <si>
    <t>E01016940</t>
  </si>
  <si>
    <t>Brighton and Hove 010E</t>
  </si>
  <si>
    <t>E01016941</t>
  </si>
  <si>
    <t>Brighton and Hove 030A</t>
  </si>
  <si>
    <t>E02003520</t>
  </si>
  <si>
    <t>Brighton and Hove 030</t>
  </si>
  <si>
    <t>E01016942</t>
  </si>
  <si>
    <t>Brighton and Hove 031C</t>
  </si>
  <si>
    <t>E01016943</t>
  </si>
  <si>
    <t>Brighton and Hove 031D</t>
  </si>
  <si>
    <t>E01016944</t>
  </si>
  <si>
    <t>Brighton and Hove 031E</t>
  </si>
  <si>
    <t>E01016945</t>
  </si>
  <si>
    <t>Brighton and Hove 030B</t>
  </si>
  <si>
    <t>E01016946</t>
  </si>
  <si>
    <t>Brighton and Hove 018E</t>
  </si>
  <si>
    <t>E01016947</t>
  </si>
  <si>
    <t>Brighton and Hove 030C</t>
  </si>
  <si>
    <t>E01016948</t>
  </si>
  <si>
    <t>Brighton and Hove 030D</t>
  </si>
  <si>
    <t>E01016949</t>
  </si>
  <si>
    <t>Brighton and Hove 030E</t>
  </si>
  <si>
    <t>E01016950</t>
  </si>
  <si>
    <t>Brighton and Hove 024B</t>
  </si>
  <si>
    <t>E01016951</t>
  </si>
  <si>
    <t>Brighton and Hove 024C</t>
  </si>
  <si>
    <t>E01016952</t>
  </si>
  <si>
    <t>Brighton and Hove 027A</t>
  </si>
  <si>
    <t>E02003517</t>
  </si>
  <si>
    <t>Brighton and Hove 027</t>
  </si>
  <si>
    <t>E01016953</t>
  </si>
  <si>
    <t>Brighton and Hove 027B</t>
  </si>
  <si>
    <t>E01016954</t>
  </si>
  <si>
    <t>Brighton and Hove 029D</t>
  </si>
  <si>
    <t>E01016955</t>
  </si>
  <si>
    <t>Brighton and Hove 029E</t>
  </si>
  <si>
    <t>E01016956</t>
  </si>
  <si>
    <t>Brighton and Hove 033A</t>
  </si>
  <si>
    <t>E02003523</t>
  </si>
  <si>
    <t>Brighton and Hove 033</t>
  </si>
  <si>
    <t>E01016957</t>
  </si>
  <si>
    <t>Brighton and Hove 032C</t>
  </si>
  <si>
    <t>E01016958</t>
  </si>
  <si>
    <t>Brighton and Hove 033B</t>
  </si>
  <si>
    <t>E01016959</t>
  </si>
  <si>
    <t>Brighton and Hove 033C</t>
  </si>
  <si>
    <t>E01016960</t>
  </si>
  <si>
    <t>Brighton and Hove 033D</t>
  </si>
  <si>
    <t>E01016961</t>
  </si>
  <si>
    <t>Brighton and Hove 033E</t>
  </si>
  <si>
    <t>E01016962</t>
  </si>
  <si>
    <t>Brighton and Hove 033F</t>
  </si>
  <si>
    <t>E01016963</t>
  </si>
  <si>
    <t>Brighton and Hove 032D</t>
  </si>
  <si>
    <t>E01016964</t>
  </si>
  <si>
    <t>Brighton and Hove 027C</t>
  </si>
  <si>
    <t>E01016966</t>
  </si>
  <si>
    <t>Brighton and Hove 015B</t>
  </si>
  <si>
    <t>E01016967</t>
  </si>
  <si>
    <t>Brighton and Hove 024D</t>
  </si>
  <si>
    <t>E01016968</t>
  </si>
  <si>
    <t>Brighton and Hove 024E</t>
  </si>
  <si>
    <t>E01016969</t>
  </si>
  <si>
    <t>Brighton and Hove 027E</t>
  </si>
  <si>
    <t>E01016970</t>
  </si>
  <si>
    <t>Brighton and Hove 015C</t>
  </si>
  <si>
    <t>E01016971</t>
  </si>
  <si>
    <t>Brighton and Hove 015D</t>
  </si>
  <si>
    <t>E01016972</t>
  </si>
  <si>
    <t>Brighton and Hove 015E</t>
  </si>
  <si>
    <t>E01016973</t>
  </si>
  <si>
    <t>Brighton and Hove 012C</t>
  </si>
  <si>
    <t>E01016974</t>
  </si>
  <si>
    <t>Brighton and Hove 021A</t>
  </si>
  <si>
    <t>E02003511</t>
  </si>
  <si>
    <t>Brighton and Hove 021</t>
  </si>
  <si>
    <t>E01016975</t>
  </si>
  <si>
    <t>Brighton and Hove 021B</t>
  </si>
  <si>
    <t>E01016976</t>
  </si>
  <si>
    <t>Brighton and Hove 013F</t>
  </si>
  <si>
    <t>E01016977</t>
  </si>
  <si>
    <t>Brighton and Hove 012D</t>
  </si>
  <si>
    <t>E01016978</t>
  </si>
  <si>
    <t>Brighton and Hove 012E</t>
  </si>
  <si>
    <t>E01016979</t>
  </si>
  <si>
    <t>Brighton and Hove 016A</t>
  </si>
  <si>
    <t>E02003506</t>
  </si>
  <si>
    <t>Brighton and Hove 016</t>
  </si>
  <si>
    <t>E01016980</t>
  </si>
  <si>
    <t>Brighton and Hove 007A</t>
  </si>
  <si>
    <t>E02003497</t>
  </si>
  <si>
    <t>Brighton and Hove 007</t>
  </si>
  <si>
    <t>E01016981</t>
  </si>
  <si>
    <t>Brighton and Hove 011A</t>
  </si>
  <si>
    <t>E02003501</t>
  </si>
  <si>
    <t>Brighton and Hove 011</t>
  </si>
  <si>
    <t>E01016982</t>
  </si>
  <si>
    <t>Brighton and Hove 007B</t>
  </si>
  <si>
    <t>E01016983</t>
  </si>
  <si>
    <t>Brighton and Hove 007C</t>
  </si>
  <si>
    <t>E01016984</t>
  </si>
  <si>
    <t>Brighton and Hove 007D</t>
  </si>
  <si>
    <t>E01016985</t>
  </si>
  <si>
    <t>Brighton and Hove 007E</t>
  </si>
  <si>
    <t>E01016986</t>
  </si>
  <si>
    <t>Brighton and Hove 028D</t>
  </si>
  <si>
    <t>E01016987</t>
  </si>
  <si>
    <t>Brighton and Hove 023A</t>
  </si>
  <si>
    <t>E02003513</t>
  </si>
  <si>
    <t>Brighton and Hove 023</t>
  </si>
  <si>
    <t>E01016988</t>
  </si>
  <si>
    <t>Brighton and Hove 028E</t>
  </si>
  <si>
    <t>E01016989</t>
  </si>
  <si>
    <t>Brighton and Hove 023B</t>
  </si>
  <si>
    <t>E01016990</t>
  </si>
  <si>
    <t>Brighton and Hove 016B</t>
  </si>
  <si>
    <t>E01016991</t>
  </si>
  <si>
    <t>Brighton and Hove 016C</t>
  </si>
  <si>
    <t>E01016992</t>
  </si>
  <si>
    <t>Brighton and Hove 021C</t>
  </si>
  <si>
    <t>E01016993</t>
  </si>
  <si>
    <t>Brighton and Hove 023C</t>
  </si>
  <si>
    <t>E01016994</t>
  </si>
  <si>
    <t>Brighton and Hove 021D</t>
  </si>
  <si>
    <t>E01016995</t>
  </si>
  <si>
    <t>Brighton and Hove 023D</t>
  </si>
  <si>
    <t>E01016996</t>
  </si>
  <si>
    <t>Brighton and Hove 016D</t>
  </si>
  <si>
    <t>E01016997</t>
  </si>
  <si>
    <t>Brighton and Hove 021E</t>
  </si>
  <si>
    <t>E01016998</t>
  </si>
  <si>
    <t>Brighton and Hove 003C</t>
  </si>
  <si>
    <t>E01016999</t>
  </si>
  <si>
    <t>Brighton and Hove 003D</t>
  </si>
  <si>
    <t>E01017000</t>
  </si>
  <si>
    <t>Brighton and Hove 003E</t>
  </si>
  <si>
    <t>E01017001</t>
  </si>
  <si>
    <t>Brighton and Hove 004C</t>
  </si>
  <si>
    <t>E01017002</t>
  </si>
  <si>
    <t>Brighton and Hove 011B</t>
  </si>
  <si>
    <t>E01017003</t>
  </si>
  <si>
    <t>Brighton and Hove 004D</t>
  </si>
  <si>
    <t>E01017004</t>
  </si>
  <si>
    <t>Brighton and Hove 011C</t>
  </si>
  <si>
    <t>E01017005</t>
  </si>
  <si>
    <t>Brighton and Hove 011D</t>
  </si>
  <si>
    <t>E01017006</t>
  </si>
  <si>
    <t>Brighton and Hove 011E</t>
  </si>
  <si>
    <t>E01017007</t>
  </si>
  <si>
    <t>Brighton and Hove 017A</t>
  </si>
  <si>
    <t>E02003507</t>
  </si>
  <si>
    <t>Brighton and Hove 017</t>
  </si>
  <si>
    <t>E01017008</t>
  </si>
  <si>
    <t>Brighton and Hove 017B</t>
  </si>
  <si>
    <t>E01017009</t>
  </si>
  <si>
    <t>Brighton and Hove 017C</t>
  </si>
  <si>
    <t>E01017010</t>
  </si>
  <si>
    <t>Brighton and Hove 017D</t>
  </si>
  <si>
    <t>E01017011</t>
  </si>
  <si>
    <t>Brighton and Hove 017E</t>
  </si>
  <si>
    <t>E01017012</t>
  </si>
  <si>
    <t>Brighton and Hove 017F</t>
  </si>
  <si>
    <t>E01017371</t>
  </si>
  <si>
    <t>Central Bedfordshire 012A</t>
  </si>
  <si>
    <t>E02003610</t>
  </si>
  <si>
    <t>Central Bedfordshire 012</t>
  </si>
  <si>
    <t>E06000056</t>
  </si>
  <si>
    <t>Central Bedfordshire</t>
  </si>
  <si>
    <t>E01017372</t>
  </si>
  <si>
    <t>Central Bedfordshire 012B</t>
  </si>
  <si>
    <t>E01017373</t>
  </si>
  <si>
    <t>Central Bedfordshire 012C</t>
  </si>
  <si>
    <t>E01017374</t>
  </si>
  <si>
    <t>Central Bedfordshire 012D</t>
  </si>
  <si>
    <t>E01017375</t>
  </si>
  <si>
    <t>Central Bedfordshire 012E</t>
  </si>
  <si>
    <t>E01017376</t>
  </si>
  <si>
    <t>Central Bedfordshire 010A</t>
  </si>
  <si>
    <t>E02003608</t>
  </si>
  <si>
    <t>Central Bedfordshire 010</t>
  </si>
  <si>
    <t>E01017377</t>
  </si>
  <si>
    <t>Central Bedfordshire 010B</t>
  </si>
  <si>
    <t>E01017378</t>
  </si>
  <si>
    <t>Central Bedfordshire 010C</t>
  </si>
  <si>
    <t>E01017379</t>
  </si>
  <si>
    <t>Central Bedfordshire 007A</t>
  </si>
  <si>
    <t>E02003605</t>
  </si>
  <si>
    <t>Central Bedfordshire 007</t>
  </si>
  <si>
    <t>E01017380</t>
  </si>
  <si>
    <t>Central Bedfordshire 007B</t>
  </si>
  <si>
    <t>E01017381</t>
  </si>
  <si>
    <t>Central Bedfordshire 006A</t>
  </si>
  <si>
    <t>E02003604</t>
  </si>
  <si>
    <t>Central Bedfordshire 006</t>
  </si>
  <si>
    <t>E01017382</t>
  </si>
  <si>
    <t>Central Bedfordshire 006B</t>
  </si>
  <si>
    <t>E01017383</t>
  </si>
  <si>
    <t>Central Bedfordshire 005A</t>
  </si>
  <si>
    <t>E02003603</t>
  </si>
  <si>
    <t>Central Bedfordshire 005</t>
  </si>
  <si>
    <t>E01017384</t>
  </si>
  <si>
    <t>Central Bedfordshire 005B</t>
  </si>
  <si>
    <t>E01017385</t>
  </si>
  <si>
    <t>Central Bedfordshire 005C</t>
  </si>
  <si>
    <t>E01017386</t>
  </si>
  <si>
    <t>Central Bedfordshire 005D</t>
  </si>
  <si>
    <t>E01017387</t>
  </si>
  <si>
    <t>Central Bedfordshire 005E</t>
  </si>
  <si>
    <t>E01017388</t>
  </si>
  <si>
    <t>Central Bedfordshire 005F</t>
  </si>
  <si>
    <t>E01017391</t>
  </si>
  <si>
    <t>Central Bedfordshire 013A</t>
  </si>
  <si>
    <t>E02003611</t>
  </si>
  <si>
    <t>Central Bedfordshire 013</t>
  </si>
  <si>
    <t>E01017392</t>
  </si>
  <si>
    <t>Central Bedfordshire 013B</t>
  </si>
  <si>
    <t>E01017393</t>
  </si>
  <si>
    <t>Central Bedfordshire 013C</t>
  </si>
  <si>
    <t>E01017394</t>
  </si>
  <si>
    <t>Central Bedfordshire 007C</t>
  </si>
  <si>
    <t>E01017397</t>
  </si>
  <si>
    <t>Central Bedfordshire 007F</t>
  </si>
  <si>
    <t>E01017398</t>
  </si>
  <si>
    <t>Central Bedfordshire 017A</t>
  </si>
  <si>
    <t>E02003615</t>
  </si>
  <si>
    <t>Central Bedfordshire 017</t>
  </si>
  <si>
    <t>E01017399</t>
  </si>
  <si>
    <t>Central Bedfordshire 015A</t>
  </si>
  <si>
    <t>E02003613</t>
  </si>
  <si>
    <t>Central Bedfordshire 015</t>
  </si>
  <si>
    <t>E01017400</t>
  </si>
  <si>
    <t>Central Bedfordshire 015B</t>
  </si>
  <si>
    <t>E01017401</t>
  </si>
  <si>
    <t>Central Bedfordshire 015C</t>
  </si>
  <si>
    <t>E01017402</t>
  </si>
  <si>
    <t>Central Bedfordshire 015D</t>
  </si>
  <si>
    <t>E01017403</t>
  </si>
  <si>
    <t>Central Bedfordshire 016A</t>
  </si>
  <si>
    <t>E02003614</t>
  </si>
  <si>
    <t>Central Bedfordshire 016</t>
  </si>
  <si>
    <t>E01017404</t>
  </si>
  <si>
    <t>Central Bedfordshire 016B</t>
  </si>
  <si>
    <t>E01017405</t>
  </si>
  <si>
    <t>Central Bedfordshire 016C</t>
  </si>
  <si>
    <t>E01017406</t>
  </si>
  <si>
    <t>Central Bedfordshire 016D</t>
  </si>
  <si>
    <t>E01017407</t>
  </si>
  <si>
    <t>Central Bedfordshire 016E</t>
  </si>
  <si>
    <t>E01017408</t>
  </si>
  <si>
    <t>Central Bedfordshire 017B</t>
  </si>
  <si>
    <t>E01017409</t>
  </si>
  <si>
    <t>Central Bedfordshire 017C</t>
  </si>
  <si>
    <t>E01017410</t>
  </si>
  <si>
    <t>Central Bedfordshire 008A</t>
  </si>
  <si>
    <t>E02003606</t>
  </si>
  <si>
    <t>Central Bedfordshire 008</t>
  </si>
  <si>
    <t>E01017412</t>
  </si>
  <si>
    <t>Central Bedfordshire 004A</t>
  </si>
  <si>
    <t>E02003602</t>
  </si>
  <si>
    <t>Central Bedfordshire 004</t>
  </si>
  <si>
    <t>E01017413</t>
  </si>
  <si>
    <t>Central Bedfordshire 010D</t>
  </si>
  <si>
    <t>E01017414</t>
  </si>
  <si>
    <t>Central Bedfordshire 010E</t>
  </si>
  <si>
    <t>E01017415</t>
  </si>
  <si>
    <t>Central Bedfordshire 010F</t>
  </si>
  <si>
    <t>E01017418</t>
  </si>
  <si>
    <t>Central Bedfordshire 009C</t>
  </si>
  <si>
    <t>E02003607</t>
  </si>
  <si>
    <t>Central Bedfordshire 009</t>
  </si>
  <si>
    <t>E01017419</t>
  </si>
  <si>
    <t>Central Bedfordshire 008C</t>
  </si>
  <si>
    <t>E01017420</t>
  </si>
  <si>
    <t>Central Bedfordshire 008D</t>
  </si>
  <si>
    <t>E01017421</t>
  </si>
  <si>
    <t>Central Bedfordshire 008E</t>
  </si>
  <si>
    <t>E01017422</t>
  </si>
  <si>
    <t>Central Bedfordshire 004B</t>
  </si>
  <si>
    <t>E01017423</t>
  </si>
  <si>
    <t>Central Bedfordshire 004C</t>
  </si>
  <si>
    <t>E01017424</t>
  </si>
  <si>
    <t>Central Bedfordshire 004D</t>
  </si>
  <si>
    <t>E01017425</t>
  </si>
  <si>
    <t>Central Bedfordshire 003A</t>
  </si>
  <si>
    <t>E02003601</t>
  </si>
  <si>
    <t>Central Bedfordshire 003</t>
  </si>
  <si>
    <t>E01017426</t>
  </si>
  <si>
    <t>Central Bedfordshire 003B</t>
  </si>
  <si>
    <t>E01017427</t>
  </si>
  <si>
    <t>Central Bedfordshire 003C</t>
  </si>
  <si>
    <t>E01017428</t>
  </si>
  <si>
    <t>Central Bedfordshire 003D</t>
  </si>
  <si>
    <t>E01017429</t>
  </si>
  <si>
    <t>Central Bedfordshire 003E</t>
  </si>
  <si>
    <t>E01017430</t>
  </si>
  <si>
    <t>Central Bedfordshire 002A</t>
  </si>
  <si>
    <t>E02003600</t>
  </si>
  <si>
    <t>Central Bedfordshire 002</t>
  </si>
  <si>
    <t>E01017431</t>
  </si>
  <si>
    <t>Central Bedfordshire 002B</t>
  </si>
  <si>
    <t>E01017432</t>
  </si>
  <si>
    <t>Central Bedfordshire 002C</t>
  </si>
  <si>
    <t>E01017433</t>
  </si>
  <si>
    <t>Central Bedfordshire 001A</t>
  </si>
  <si>
    <t>E02003599</t>
  </si>
  <si>
    <t>Central Bedfordshire 001</t>
  </si>
  <si>
    <t>E01017434</t>
  </si>
  <si>
    <t>Central Bedfordshire 001B</t>
  </si>
  <si>
    <t>E01017435</t>
  </si>
  <si>
    <t>Central Bedfordshire 002D</t>
  </si>
  <si>
    <t>E01017436</t>
  </si>
  <si>
    <t>Central Bedfordshire 001C</t>
  </si>
  <si>
    <t>E01017437</t>
  </si>
  <si>
    <t>Central Bedfordshire 011A</t>
  </si>
  <si>
    <t>E02003609</t>
  </si>
  <si>
    <t>Central Bedfordshire 011</t>
  </si>
  <si>
    <t>E01017438</t>
  </si>
  <si>
    <t>Central Bedfordshire 011B</t>
  </si>
  <si>
    <t>E01017439</t>
  </si>
  <si>
    <t>Central Bedfordshire 011C</t>
  </si>
  <si>
    <t>E01017440</t>
  </si>
  <si>
    <t>Central Bedfordshire 011D</t>
  </si>
  <si>
    <t>E01017441</t>
  </si>
  <si>
    <t>Central Bedfordshire 011E</t>
  </si>
  <si>
    <t>E01017442</t>
  </si>
  <si>
    <t>Central Bedfordshire 013D</t>
  </si>
  <si>
    <t>E01017443</t>
  </si>
  <si>
    <t>Central Bedfordshire 013E</t>
  </si>
  <si>
    <t>E01017444</t>
  </si>
  <si>
    <t>Central Bedfordshire 011F</t>
  </si>
  <si>
    <t>E01017446</t>
  </si>
  <si>
    <t>Central Bedfordshire 014A</t>
  </si>
  <si>
    <t>E02003612</t>
  </si>
  <si>
    <t>Central Bedfordshire 014</t>
  </si>
  <si>
    <t>E01017447</t>
  </si>
  <si>
    <t>Central Bedfordshire 014B</t>
  </si>
  <si>
    <t>E01017449</t>
  </si>
  <si>
    <t>Central Bedfordshire 014D</t>
  </si>
  <si>
    <t>E01017450</t>
  </si>
  <si>
    <t>Central Bedfordshire 017E</t>
  </si>
  <si>
    <t>E01017451</t>
  </si>
  <si>
    <t>Central Bedfordshire 009D</t>
  </si>
  <si>
    <t>E01017452</t>
  </si>
  <si>
    <t>Central Bedfordshire 009E</t>
  </si>
  <si>
    <t>E01017453</t>
  </si>
  <si>
    <t>Bedford 005A</t>
  </si>
  <si>
    <t>E02003620</t>
  </si>
  <si>
    <t>Bedford 005</t>
  </si>
  <si>
    <t>E06000055</t>
  </si>
  <si>
    <t>Bedford</t>
  </si>
  <si>
    <t>E01017454</t>
  </si>
  <si>
    <t>Bedford 005B</t>
  </si>
  <si>
    <t>E01017455</t>
  </si>
  <si>
    <t>Bedford 005C</t>
  </si>
  <si>
    <t>E01017456</t>
  </si>
  <si>
    <t>Bedford 005D</t>
  </si>
  <si>
    <t>E01017457</t>
  </si>
  <si>
    <t>Bedford 005E</t>
  </si>
  <si>
    <t>E01017458</t>
  </si>
  <si>
    <t>Bedford 005F</t>
  </si>
  <si>
    <t>E01017459</t>
  </si>
  <si>
    <t>Bedford 008A</t>
  </si>
  <si>
    <t>E02003623</t>
  </si>
  <si>
    <t>Bedford 008</t>
  </si>
  <si>
    <t>E01017460</t>
  </si>
  <si>
    <t>Bedford 008B</t>
  </si>
  <si>
    <t>E01017462</t>
  </si>
  <si>
    <t>Bedford 008D</t>
  </si>
  <si>
    <t>E01017463</t>
  </si>
  <si>
    <t>Bedford 008E</t>
  </si>
  <si>
    <t>E01017464</t>
  </si>
  <si>
    <t>Bedford 002A</t>
  </si>
  <si>
    <t>E02003617</t>
  </si>
  <si>
    <t>Bedford 002</t>
  </si>
  <si>
    <t>E01017465</t>
  </si>
  <si>
    <t>Bedford 002B</t>
  </si>
  <si>
    <t>E01017466</t>
  </si>
  <si>
    <t>Bedford 012A</t>
  </si>
  <si>
    <t>E02003627</t>
  </si>
  <si>
    <t>Bedford 012</t>
  </si>
  <si>
    <t>E01017467</t>
  </si>
  <si>
    <t>Bedford 012B</t>
  </si>
  <si>
    <t>E01017468</t>
  </si>
  <si>
    <t>Bedford 012C</t>
  </si>
  <si>
    <t>E01017470</t>
  </si>
  <si>
    <t>Bedford 012E</t>
  </si>
  <si>
    <t>E01017471</t>
  </si>
  <si>
    <t>Bedford 012F</t>
  </si>
  <si>
    <t>E01017472</t>
  </si>
  <si>
    <t>Bedford 015A</t>
  </si>
  <si>
    <t>E02003630</t>
  </si>
  <si>
    <t>Bedford 015</t>
  </si>
  <si>
    <t>E01017474</t>
  </si>
  <si>
    <t>Bedford 015C</t>
  </si>
  <si>
    <t>E01017475</t>
  </si>
  <si>
    <t>Bedford 015D</t>
  </si>
  <si>
    <t>E01017476</t>
  </si>
  <si>
    <t>Bedford 015E</t>
  </si>
  <si>
    <t>E01017477</t>
  </si>
  <si>
    <t>Bedford 015F</t>
  </si>
  <si>
    <t>E01017478</t>
  </si>
  <si>
    <t>Bedford 003A</t>
  </si>
  <si>
    <t>E02003618</t>
  </si>
  <si>
    <t>Bedford 003</t>
  </si>
  <si>
    <t>E01017479</t>
  </si>
  <si>
    <t>Bedford 003B</t>
  </si>
  <si>
    <t>E01017480</t>
  </si>
  <si>
    <t>Bedford 003C</t>
  </si>
  <si>
    <t>E01017481</t>
  </si>
  <si>
    <t>Bedford 003D</t>
  </si>
  <si>
    <t>E01017482</t>
  </si>
  <si>
    <t>Bedford 009A</t>
  </si>
  <si>
    <t>E02003624</t>
  </si>
  <si>
    <t>Bedford 009</t>
  </si>
  <si>
    <t>E01017483</t>
  </si>
  <si>
    <t>Bedford 009B</t>
  </si>
  <si>
    <t>E01017484</t>
  </si>
  <si>
    <t>Bedford 009C</t>
  </si>
  <si>
    <t>E01017485</t>
  </si>
  <si>
    <t>Bedford 009D</t>
  </si>
  <si>
    <t>E01017487</t>
  </si>
  <si>
    <t>Bedford 021B</t>
  </si>
  <si>
    <t>E02007010</t>
  </si>
  <si>
    <t>Bedford 021</t>
  </si>
  <si>
    <t>E01017488</t>
  </si>
  <si>
    <t>Bedford 007A</t>
  </si>
  <si>
    <t>E02003622</t>
  </si>
  <si>
    <t>Bedford 007</t>
  </si>
  <si>
    <t>E01017489</t>
  </si>
  <si>
    <t>Bedford 007B</t>
  </si>
  <si>
    <t>E01017490</t>
  </si>
  <si>
    <t>Bedford 007C</t>
  </si>
  <si>
    <t>E01017491</t>
  </si>
  <si>
    <t>Bedford 007D</t>
  </si>
  <si>
    <t>E01017492</t>
  </si>
  <si>
    <t>Bedford 007E</t>
  </si>
  <si>
    <t>E01017493</t>
  </si>
  <si>
    <t>Bedford 007F</t>
  </si>
  <si>
    <t>E01017495</t>
  </si>
  <si>
    <t>Bedford 004B</t>
  </si>
  <si>
    <t>E02003619</t>
  </si>
  <si>
    <t>Bedford 004</t>
  </si>
  <si>
    <t>E01017496</t>
  </si>
  <si>
    <t>Bedford 004C</t>
  </si>
  <si>
    <t>E01017497</t>
  </si>
  <si>
    <t>Bedford 010A</t>
  </si>
  <si>
    <t>E02003625</t>
  </si>
  <si>
    <t>Bedford 010</t>
  </si>
  <si>
    <t>E01017498</t>
  </si>
  <si>
    <t>Bedford 010B</t>
  </si>
  <si>
    <t>E01017499</t>
  </si>
  <si>
    <t>Bedford 010C</t>
  </si>
  <si>
    <t>E01017500</t>
  </si>
  <si>
    <t>Bedford 010D</t>
  </si>
  <si>
    <t>E01017501</t>
  </si>
  <si>
    <t>Bedford 010E</t>
  </si>
  <si>
    <t>E01017502</t>
  </si>
  <si>
    <t>Bedford 010F</t>
  </si>
  <si>
    <t>E01017504</t>
  </si>
  <si>
    <t>Bedford 002D</t>
  </si>
  <si>
    <t>E01017505</t>
  </si>
  <si>
    <t>Bedford 017A</t>
  </si>
  <si>
    <t>E02003632</t>
  </si>
  <si>
    <t>Bedford 017</t>
  </si>
  <si>
    <t>E01017506</t>
  </si>
  <si>
    <t>Bedford 017B</t>
  </si>
  <si>
    <t>E01017507</t>
  </si>
  <si>
    <t>Bedford 017C</t>
  </si>
  <si>
    <t>E01017508</t>
  </si>
  <si>
    <t>Bedford 017D</t>
  </si>
  <si>
    <t>E01017509</t>
  </si>
  <si>
    <t>Bedford 016A</t>
  </si>
  <si>
    <t>E02003631</t>
  </si>
  <si>
    <t>Bedford 016</t>
  </si>
  <si>
    <t>E01017510</t>
  </si>
  <si>
    <t>Bedford 016B</t>
  </si>
  <si>
    <t>E01017511</t>
  </si>
  <si>
    <t>Bedford 016C</t>
  </si>
  <si>
    <t>E01017512</t>
  </si>
  <si>
    <t>Bedford 016D</t>
  </si>
  <si>
    <t>E01017513</t>
  </si>
  <si>
    <t>Bedford 018A</t>
  </si>
  <si>
    <t>E02003633</t>
  </si>
  <si>
    <t>Bedford 018</t>
  </si>
  <si>
    <t>E01017514</t>
  </si>
  <si>
    <t>Bedford 018B</t>
  </si>
  <si>
    <t>E01017515</t>
  </si>
  <si>
    <t>Bedford 018C</t>
  </si>
  <si>
    <t>E01017517</t>
  </si>
  <si>
    <t>Bedford 018E</t>
  </si>
  <si>
    <t>E01017518</t>
  </si>
  <si>
    <t>Bedford 014A</t>
  </si>
  <si>
    <t>E02003629</t>
  </si>
  <si>
    <t>Bedford 014</t>
  </si>
  <si>
    <t>E01017519</t>
  </si>
  <si>
    <t>Bedford 014B</t>
  </si>
  <si>
    <t>E01017520</t>
  </si>
  <si>
    <t>Bedford 014C</t>
  </si>
  <si>
    <t>E01017521</t>
  </si>
  <si>
    <t>Bedford 014D</t>
  </si>
  <si>
    <t>E01017522</t>
  </si>
  <si>
    <t>Bedford 014E</t>
  </si>
  <si>
    <t>E01017523</t>
  </si>
  <si>
    <t>Bedford 014F</t>
  </si>
  <si>
    <t>E01017524</t>
  </si>
  <si>
    <t>Bedford 011A</t>
  </si>
  <si>
    <t>E02003626</t>
  </si>
  <si>
    <t>Bedford 011</t>
  </si>
  <si>
    <t>E01017525</t>
  </si>
  <si>
    <t>Bedford 011B</t>
  </si>
  <si>
    <t>E01017526</t>
  </si>
  <si>
    <t>Bedford 011C</t>
  </si>
  <si>
    <t>E01017527</t>
  </si>
  <si>
    <t>Bedford 011D</t>
  </si>
  <si>
    <t>E01017528</t>
  </si>
  <si>
    <t>Bedford 003E</t>
  </si>
  <si>
    <t>E01017529</t>
  </si>
  <si>
    <t>Bedford 006A</t>
  </si>
  <si>
    <t>E02003621</t>
  </si>
  <si>
    <t>Bedford 006</t>
  </si>
  <si>
    <t>E01017530</t>
  </si>
  <si>
    <t>Bedford 006B</t>
  </si>
  <si>
    <t>E01017531</t>
  </si>
  <si>
    <t>Bedford 006C</t>
  </si>
  <si>
    <t>E01017532</t>
  </si>
  <si>
    <t>Bedford 006D</t>
  </si>
  <si>
    <t>E01017533</t>
  </si>
  <si>
    <t>Bedford 006E</t>
  </si>
  <si>
    <t>E01017534</t>
  </si>
  <si>
    <t>Bedford 006F</t>
  </si>
  <si>
    <t>E01017535</t>
  </si>
  <si>
    <t>Bedford 013A</t>
  </si>
  <si>
    <t>E02003628</t>
  </si>
  <si>
    <t>Bedford 013</t>
  </si>
  <si>
    <t>E01017536</t>
  </si>
  <si>
    <t>Bedford 013B</t>
  </si>
  <si>
    <t>E01017537</t>
  </si>
  <si>
    <t>Bedford 013C</t>
  </si>
  <si>
    <t>E01017538</t>
  </si>
  <si>
    <t>Bedford 013D</t>
  </si>
  <si>
    <t>E01017539</t>
  </si>
  <si>
    <t>Bedford 013E</t>
  </si>
  <si>
    <t>E01017540</t>
  </si>
  <si>
    <t>Bedford 001A</t>
  </si>
  <si>
    <t>E02003616</t>
  </si>
  <si>
    <t>Bedford 001</t>
  </si>
  <si>
    <t>E01017541</t>
  </si>
  <si>
    <t>Bedford 001B</t>
  </si>
  <si>
    <t>E01017542</t>
  </si>
  <si>
    <t>Bedford 004D</t>
  </si>
  <si>
    <t>E01017543</t>
  </si>
  <si>
    <t>Bedford 004E</t>
  </si>
  <si>
    <t>E01017544</t>
  </si>
  <si>
    <t>Bedford 001C</t>
  </si>
  <si>
    <t>E01017545</t>
  </si>
  <si>
    <t>Bedford 001D</t>
  </si>
  <si>
    <t>E01017546</t>
  </si>
  <si>
    <t>Bedford 002E</t>
  </si>
  <si>
    <t>E01017547</t>
  </si>
  <si>
    <t>Bedford 002F</t>
  </si>
  <si>
    <t>E01017549</t>
  </si>
  <si>
    <t>Bedford 021F</t>
  </si>
  <si>
    <t>E01017552</t>
  </si>
  <si>
    <t>Bedford 020B</t>
  </si>
  <si>
    <t>E02003635</t>
  </si>
  <si>
    <t>Bedford 020</t>
  </si>
  <si>
    <t>E01017553</t>
  </si>
  <si>
    <t>Bedford 020C</t>
  </si>
  <si>
    <t>E01017554</t>
  </si>
  <si>
    <t>Bedford 020D</t>
  </si>
  <si>
    <t>E01017555</t>
  </si>
  <si>
    <t>Central Bedfordshire 021A</t>
  </si>
  <si>
    <t>E02003639</t>
  </si>
  <si>
    <t>Central Bedfordshire 021</t>
  </si>
  <si>
    <t>E01017556</t>
  </si>
  <si>
    <t>Central Bedfordshire 021B</t>
  </si>
  <si>
    <t>E01017557</t>
  </si>
  <si>
    <t>Central Bedfordshire 021C</t>
  </si>
  <si>
    <t>E01017558</t>
  </si>
  <si>
    <t>Central Bedfordshire 018A</t>
  </si>
  <si>
    <t>E02003636</t>
  </si>
  <si>
    <t>Central Bedfordshire 018</t>
  </si>
  <si>
    <t>E01017559</t>
  </si>
  <si>
    <t>Central Bedfordshire 018B</t>
  </si>
  <si>
    <t>E01017560</t>
  </si>
  <si>
    <t>Central Bedfordshire 018C</t>
  </si>
  <si>
    <t>E01017561</t>
  </si>
  <si>
    <t>Central Bedfordshire 033A</t>
  </si>
  <si>
    <t>E02003651</t>
  </si>
  <si>
    <t>Central Bedfordshire 033</t>
  </si>
  <si>
    <t>E01017562</t>
  </si>
  <si>
    <t>Central Bedfordshire 033B</t>
  </si>
  <si>
    <t>E01017563</t>
  </si>
  <si>
    <t>Central Bedfordshire 033C</t>
  </si>
  <si>
    <t>E01017564</t>
  </si>
  <si>
    <t>Central Bedfordshire 033D</t>
  </si>
  <si>
    <t>E01017565</t>
  </si>
  <si>
    <t>Central Bedfordshire 029A</t>
  </si>
  <si>
    <t>E02003647</t>
  </si>
  <si>
    <t>Central Bedfordshire 029</t>
  </si>
  <si>
    <t>E01017566</t>
  </si>
  <si>
    <t>Central Bedfordshire 028A</t>
  </si>
  <si>
    <t>E02003646</t>
  </si>
  <si>
    <t>Central Bedfordshire 028</t>
  </si>
  <si>
    <t>E01017567</t>
  </si>
  <si>
    <t>Central Bedfordshire 029B</t>
  </si>
  <si>
    <t>E01017568</t>
  </si>
  <si>
    <t>Central Bedfordshire 029C</t>
  </si>
  <si>
    <t>E01017569</t>
  </si>
  <si>
    <t>Central Bedfordshire 029D</t>
  </si>
  <si>
    <t>E01017571</t>
  </si>
  <si>
    <t>Central Bedfordshire 032A</t>
  </si>
  <si>
    <t>E02003650</t>
  </si>
  <si>
    <t>Central Bedfordshire 032</t>
  </si>
  <si>
    <t>E01017572</t>
  </si>
  <si>
    <t>Central Bedfordshire 032B</t>
  </si>
  <si>
    <t>E01017573</t>
  </si>
  <si>
    <t>Central Bedfordshire 024A</t>
  </si>
  <si>
    <t>E02003643</t>
  </si>
  <si>
    <t>Central Bedfordshire 024</t>
  </si>
  <si>
    <t>E01017576</t>
  </si>
  <si>
    <t>Central Bedfordshire 024D</t>
  </si>
  <si>
    <t>E01017577</t>
  </si>
  <si>
    <t>Central Bedfordshire 019A</t>
  </si>
  <si>
    <t>E02003637</t>
  </si>
  <si>
    <t>Central Bedfordshire 019</t>
  </si>
  <si>
    <t>E01017578</t>
  </si>
  <si>
    <t>Central Bedfordshire 026A</t>
  </si>
  <si>
    <t>E02003644</t>
  </si>
  <si>
    <t>Central Bedfordshire 026</t>
  </si>
  <si>
    <t>E01017579</t>
  </si>
  <si>
    <t>Central Bedfordshire 026B</t>
  </si>
  <si>
    <t>E01017580</t>
  </si>
  <si>
    <t>Central Bedfordshire 026C</t>
  </si>
  <si>
    <t>E01017581</t>
  </si>
  <si>
    <t>Central Bedfordshire 026D</t>
  </si>
  <si>
    <t>E01017582</t>
  </si>
  <si>
    <t>Central Bedfordshire 027A</t>
  </si>
  <si>
    <t>E02003645</t>
  </si>
  <si>
    <t>Central Bedfordshire 027</t>
  </si>
  <si>
    <t>E01017583</t>
  </si>
  <si>
    <t>Central Bedfordshire 027B</t>
  </si>
  <si>
    <t>E01017584</t>
  </si>
  <si>
    <t>Central Bedfordshire 027C</t>
  </si>
  <si>
    <t>E01017585</t>
  </si>
  <si>
    <t>Central Bedfordshire 027D</t>
  </si>
  <si>
    <t>E01017586</t>
  </si>
  <si>
    <t>Central Bedfordshire 032C</t>
  </si>
  <si>
    <t>E01017587</t>
  </si>
  <si>
    <t>Central Bedfordshire 032D</t>
  </si>
  <si>
    <t>E01017588</t>
  </si>
  <si>
    <t>Central Bedfordshire 032E</t>
  </si>
  <si>
    <t>E01017589</t>
  </si>
  <si>
    <t>Central Bedfordshire 022A</t>
  </si>
  <si>
    <t>E02003640</t>
  </si>
  <si>
    <t>Central Bedfordshire 022</t>
  </si>
  <si>
    <t>E01017590</t>
  </si>
  <si>
    <t>Central Bedfordshire 022B</t>
  </si>
  <si>
    <t>E01017591</t>
  </si>
  <si>
    <t>Central Bedfordshire 022C</t>
  </si>
  <si>
    <t>E01017592</t>
  </si>
  <si>
    <t>Central Bedfordshire 030A</t>
  </si>
  <si>
    <t>E02003648</t>
  </si>
  <si>
    <t>Central Bedfordshire 030</t>
  </si>
  <si>
    <t>E01017593</t>
  </si>
  <si>
    <t>Central Bedfordshire 030B</t>
  </si>
  <si>
    <t>E01017594</t>
  </si>
  <si>
    <t>Central Bedfordshire 030C</t>
  </si>
  <si>
    <t>E01017595</t>
  </si>
  <si>
    <t>Central Bedfordshire 028B</t>
  </si>
  <si>
    <t>E01017596</t>
  </si>
  <si>
    <t>Central Bedfordshire 028C</t>
  </si>
  <si>
    <t>E01017597</t>
  </si>
  <si>
    <t>Central Bedfordshire 028D</t>
  </si>
  <si>
    <t>E01017598</t>
  </si>
  <si>
    <t>Central Bedfordshire 028E</t>
  </si>
  <si>
    <t>E01017600</t>
  </si>
  <si>
    <t>Central Bedfordshire 025A</t>
  </si>
  <si>
    <t>E02003642</t>
  </si>
  <si>
    <t>Central Bedfordshire 025</t>
  </si>
  <si>
    <t>E01017601</t>
  </si>
  <si>
    <t>Central Bedfordshire 025B</t>
  </si>
  <si>
    <t>E01017602</t>
  </si>
  <si>
    <t>Central Bedfordshire 025C</t>
  </si>
  <si>
    <t>E01017603</t>
  </si>
  <si>
    <t>Central Bedfordshire 020A</t>
  </si>
  <si>
    <t>E02003638</t>
  </si>
  <si>
    <t>Central Bedfordshire 020</t>
  </si>
  <si>
    <t>E01017604</t>
  </si>
  <si>
    <t>Central Bedfordshire 020B</t>
  </si>
  <si>
    <t>E01017605</t>
  </si>
  <si>
    <t>Central Bedfordshire 020C</t>
  </si>
  <si>
    <t>E01017606</t>
  </si>
  <si>
    <t>Central Bedfordshire 020D</t>
  </si>
  <si>
    <t>E01017607</t>
  </si>
  <si>
    <t>Central Bedfordshire 020E</t>
  </si>
  <si>
    <t>E01017608</t>
  </si>
  <si>
    <t>Central Bedfordshire 021D</t>
  </si>
  <si>
    <t>E01017609</t>
  </si>
  <si>
    <t>Central Bedfordshire 021E</t>
  </si>
  <si>
    <t>E01017610</t>
  </si>
  <si>
    <t>Central Bedfordshire 022D</t>
  </si>
  <si>
    <t>E01017611</t>
  </si>
  <si>
    <t>Central Bedfordshire 023A</t>
  </si>
  <si>
    <t>E02003641</t>
  </si>
  <si>
    <t>Central Bedfordshire 023</t>
  </si>
  <si>
    <t>E01017612</t>
  </si>
  <si>
    <t>Central Bedfordshire 023B</t>
  </si>
  <si>
    <t>E01017613</t>
  </si>
  <si>
    <t>Central Bedfordshire 023C</t>
  </si>
  <si>
    <t>E01017614</t>
  </si>
  <si>
    <t>Central Bedfordshire 023D</t>
  </si>
  <si>
    <t>E01017616</t>
  </si>
  <si>
    <t>Central Bedfordshire 018D</t>
  </si>
  <si>
    <t>E01017617</t>
  </si>
  <si>
    <t>Central Bedfordshire 026E</t>
  </si>
  <si>
    <t>E01017618</t>
  </si>
  <si>
    <t>Central Bedfordshire 025D</t>
  </si>
  <si>
    <t>E01017619</t>
  </si>
  <si>
    <t>Central Bedfordshire 025E</t>
  </si>
  <si>
    <t>E01017620</t>
  </si>
  <si>
    <t>Central Bedfordshire 019C</t>
  </si>
  <si>
    <t>E01017621</t>
  </si>
  <si>
    <t>Central Bedfordshire 019D</t>
  </si>
  <si>
    <t>E01017622</t>
  </si>
  <si>
    <t>Central Bedfordshire 019E</t>
  </si>
  <si>
    <t>E01017623</t>
  </si>
  <si>
    <t>Central Bedfordshire 031A</t>
  </si>
  <si>
    <t>E02003649</t>
  </si>
  <si>
    <t>Central Bedfordshire 031</t>
  </si>
  <si>
    <t>E01017624</t>
  </si>
  <si>
    <t>Central Bedfordshire 031B</t>
  </si>
  <si>
    <t>E01017625</t>
  </si>
  <si>
    <t>Central Bedfordshire 031C</t>
  </si>
  <si>
    <t>E01017626</t>
  </si>
  <si>
    <t>Central Bedfordshire 031D</t>
  </si>
  <si>
    <t>E01017627</t>
  </si>
  <si>
    <t>Buckinghamshire 021A</t>
  </si>
  <si>
    <t>E02003672</t>
  </si>
  <si>
    <t>Buckinghamshire 021</t>
  </si>
  <si>
    <t>E06000060</t>
  </si>
  <si>
    <t>Buckinghamshire</t>
  </si>
  <si>
    <t>E37000043</t>
  </si>
  <si>
    <t>E01017628</t>
  </si>
  <si>
    <t>Buckinghamshire 021B</t>
  </si>
  <si>
    <t>E01017629</t>
  </si>
  <si>
    <t>Buckinghamshire 021C</t>
  </si>
  <si>
    <t>E01017630</t>
  </si>
  <si>
    <t>Buckinghamshire 021D</t>
  </si>
  <si>
    <t>E01017631</t>
  </si>
  <si>
    <t>Buckinghamshire 021E</t>
  </si>
  <si>
    <t>E01017634</t>
  </si>
  <si>
    <t>Buckinghamshire 015A</t>
  </si>
  <si>
    <t>E02003666</t>
  </si>
  <si>
    <t>Buckinghamshire 015</t>
  </si>
  <si>
    <t>E01017635</t>
  </si>
  <si>
    <t>Buckinghamshire 018A</t>
  </si>
  <si>
    <t>E02003668</t>
  </si>
  <si>
    <t>Buckinghamshire 018</t>
  </si>
  <si>
    <t>E01017636</t>
  </si>
  <si>
    <t>Buckinghamshire 018B</t>
  </si>
  <si>
    <t>E01017637</t>
  </si>
  <si>
    <t>Buckinghamshire 018C</t>
  </si>
  <si>
    <t>E01017638</t>
  </si>
  <si>
    <t>Buckinghamshire 018D</t>
  </si>
  <si>
    <t>E01017639</t>
  </si>
  <si>
    <t>Buckinghamshire 018E</t>
  </si>
  <si>
    <t>E01017640</t>
  </si>
  <si>
    <t>Buckinghamshire 018F</t>
  </si>
  <si>
    <t>E01017642</t>
  </si>
  <si>
    <t>Buckinghamshire 010A</t>
  </si>
  <si>
    <t>E02003661</t>
  </si>
  <si>
    <t>Buckinghamshire 010</t>
  </si>
  <si>
    <t>E01017643</t>
  </si>
  <si>
    <t>Buckinghamshire 010B</t>
  </si>
  <si>
    <t>E01017651</t>
  </si>
  <si>
    <t>Buckinghamshire 008A</t>
  </si>
  <si>
    <t>E02003660</t>
  </si>
  <si>
    <t>Buckinghamshire 008</t>
  </si>
  <si>
    <t>E01017652</t>
  </si>
  <si>
    <t>Buckinghamshire 008B</t>
  </si>
  <si>
    <t>E01017653</t>
  </si>
  <si>
    <t>Buckinghamshire 016A</t>
  </si>
  <si>
    <t>E02003667</t>
  </si>
  <si>
    <t>Buckinghamshire 016</t>
  </si>
  <si>
    <t>E01017654</t>
  </si>
  <si>
    <t>Buckinghamshire 016B</t>
  </si>
  <si>
    <t>E01017655</t>
  </si>
  <si>
    <t>Buckinghamshire 016C</t>
  </si>
  <si>
    <t>E01017657</t>
  </si>
  <si>
    <t>Buckinghamshire 008C</t>
  </si>
  <si>
    <t>E01017658</t>
  </si>
  <si>
    <t>Buckinghamshire 008D</t>
  </si>
  <si>
    <t>E01017659</t>
  </si>
  <si>
    <t>Buckinghamshire 012A</t>
  </si>
  <si>
    <t>E02003662</t>
  </si>
  <si>
    <t>Buckinghamshire 012</t>
  </si>
  <si>
    <t>E01017660</t>
  </si>
  <si>
    <t>Buckinghamshire 012B</t>
  </si>
  <si>
    <t>E01017661</t>
  </si>
  <si>
    <t>Buckinghamshire 012C</t>
  </si>
  <si>
    <t>E01017662</t>
  </si>
  <si>
    <t>Buckinghamshire 015B</t>
  </si>
  <si>
    <t>E01017663</t>
  </si>
  <si>
    <t>Buckinghamshire 015C</t>
  </si>
  <si>
    <t>E01017664</t>
  </si>
  <si>
    <t>Buckinghamshire 012D</t>
  </si>
  <si>
    <t>E01017665</t>
  </si>
  <si>
    <t>Buckinghamshire 013A</t>
  </si>
  <si>
    <t>E02003664</t>
  </si>
  <si>
    <t>Buckinghamshire 013</t>
  </si>
  <si>
    <t>E01017666</t>
  </si>
  <si>
    <t>Buckinghamshire 013B</t>
  </si>
  <si>
    <t>E01017667</t>
  </si>
  <si>
    <t>Buckinghamshire 013C</t>
  </si>
  <si>
    <t>E01017668</t>
  </si>
  <si>
    <t>Buckinghamshire 013D</t>
  </si>
  <si>
    <t>E01017669</t>
  </si>
  <si>
    <t>Buckinghamshire 006A</t>
  </si>
  <si>
    <t>E02003657</t>
  </si>
  <si>
    <t>Buckinghamshire 006</t>
  </si>
  <si>
    <t>E01017670</t>
  </si>
  <si>
    <t>Buckinghamshire 006B</t>
  </si>
  <si>
    <t>E01017673</t>
  </si>
  <si>
    <t>Buckinghamshire 010C</t>
  </si>
  <si>
    <t>E01017674</t>
  </si>
  <si>
    <t>Buckinghamshire 010D</t>
  </si>
  <si>
    <t>E01017675</t>
  </si>
  <si>
    <t>Buckinghamshire 022A</t>
  </si>
  <si>
    <t>E02003673</t>
  </si>
  <si>
    <t>Buckinghamshire 022</t>
  </si>
  <si>
    <t>E01017676</t>
  </si>
  <si>
    <t>Buckinghamshire 022B</t>
  </si>
  <si>
    <t>E01017677</t>
  </si>
  <si>
    <t>Buckinghamshire 022C</t>
  </si>
  <si>
    <t>E01017678</t>
  </si>
  <si>
    <t>Buckinghamshire 022D</t>
  </si>
  <si>
    <t>E01017679</t>
  </si>
  <si>
    <t>Buckinghamshire 022E</t>
  </si>
  <si>
    <t>E01017680</t>
  </si>
  <si>
    <t>Buckinghamshire 022F</t>
  </si>
  <si>
    <t>E01017681</t>
  </si>
  <si>
    <t>Buckinghamshire 023A</t>
  </si>
  <si>
    <t>E02003674</t>
  </si>
  <si>
    <t>Buckinghamshire 023</t>
  </si>
  <si>
    <t>E01017682</t>
  </si>
  <si>
    <t>Buckinghamshire 023B</t>
  </si>
  <si>
    <t>E01017683</t>
  </si>
  <si>
    <t>Buckinghamshire 023C</t>
  </si>
  <si>
    <t>E01017684</t>
  </si>
  <si>
    <t>Buckinghamshire 023D</t>
  </si>
  <si>
    <t>E01017687</t>
  </si>
  <si>
    <t>Buckinghamshire 019A</t>
  </si>
  <si>
    <t>E02003670</t>
  </si>
  <si>
    <t>Buckinghamshire 019</t>
  </si>
  <si>
    <t>E01017688</t>
  </si>
  <si>
    <t>Buckinghamshire 019B</t>
  </si>
  <si>
    <t>E01017689</t>
  </si>
  <si>
    <t>Buckinghamshire 019C</t>
  </si>
  <si>
    <t>E01017690</t>
  </si>
  <si>
    <t>Buckinghamshire 019D</t>
  </si>
  <si>
    <t>E01017691</t>
  </si>
  <si>
    <t>Buckinghamshire 019E</t>
  </si>
  <si>
    <t>E01017692</t>
  </si>
  <si>
    <t>Buckinghamshire 019F</t>
  </si>
  <si>
    <t>E01017697</t>
  </si>
  <si>
    <t>Buckinghamshire 014A</t>
  </si>
  <si>
    <t>E02003665</t>
  </si>
  <si>
    <t>Buckinghamshire 014</t>
  </si>
  <si>
    <t>E01017698</t>
  </si>
  <si>
    <t>Buckinghamshire 014B</t>
  </si>
  <si>
    <t>E01017699</t>
  </si>
  <si>
    <t>Buckinghamshire 014C</t>
  </si>
  <si>
    <t>E01017700</t>
  </si>
  <si>
    <t>Buckinghamshire 014D</t>
  </si>
  <si>
    <t>E01017701</t>
  </si>
  <si>
    <t>Buckinghamshire 008E</t>
  </si>
  <si>
    <t>E01017702</t>
  </si>
  <si>
    <t>Buckinghamshire 008F</t>
  </si>
  <si>
    <t>E01017703</t>
  </si>
  <si>
    <t>Buckinghamshire 009A</t>
  </si>
  <si>
    <t>E02003659</t>
  </si>
  <si>
    <t>Buckinghamshire 009</t>
  </si>
  <si>
    <t>E01017704</t>
  </si>
  <si>
    <t>Buckinghamshire 009B</t>
  </si>
  <si>
    <t>E01017706</t>
  </si>
  <si>
    <t>Buckinghamshire 011A</t>
  </si>
  <si>
    <t>E02003663</t>
  </si>
  <si>
    <t>Buckinghamshire 011</t>
  </si>
  <si>
    <t>E01017707</t>
  </si>
  <si>
    <t>Buckinghamshire 011B</t>
  </si>
  <si>
    <t>E01017708</t>
  </si>
  <si>
    <t>Buckinghamshire 011C</t>
  </si>
  <si>
    <t>E01017709</t>
  </si>
  <si>
    <t>Buckinghamshire 017A</t>
  </si>
  <si>
    <t>E02003669</t>
  </si>
  <si>
    <t>Buckinghamshire 017</t>
  </si>
  <si>
    <t>E01017710</t>
  </si>
  <si>
    <t>Buckinghamshire 017B</t>
  </si>
  <si>
    <t>E01017711</t>
  </si>
  <si>
    <t>Buckinghamshire 017C</t>
  </si>
  <si>
    <t>E01017712</t>
  </si>
  <si>
    <t>Buckinghamshire 017D</t>
  </si>
  <si>
    <t>E01017714</t>
  </si>
  <si>
    <t>Buckinghamshire 004D</t>
  </si>
  <si>
    <t>E02003655</t>
  </si>
  <si>
    <t>Buckinghamshire 004</t>
  </si>
  <si>
    <t>E01017716</t>
  </si>
  <si>
    <t>Buckinghamshire 006D</t>
  </si>
  <si>
    <t>E01017719</t>
  </si>
  <si>
    <t>Buckinghamshire 009C</t>
  </si>
  <si>
    <t>E01017720</t>
  </si>
  <si>
    <t>Buckinghamshire 009D</t>
  </si>
  <si>
    <t>E01017721</t>
  </si>
  <si>
    <t>Buckinghamshire 020A</t>
  </si>
  <si>
    <t>E02003671</t>
  </si>
  <si>
    <t>Buckinghamshire 020</t>
  </si>
  <si>
    <t>E01017722</t>
  </si>
  <si>
    <t>Buckinghamshire 020B</t>
  </si>
  <si>
    <t>E01017723</t>
  </si>
  <si>
    <t>Buckinghamshire 020C</t>
  </si>
  <si>
    <t>E01017724</t>
  </si>
  <si>
    <t>Buckinghamshire 020D</t>
  </si>
  <si>
    <t>E01017726</t>
  </si>
  <si>
    <t>Buckinghamshire 024A</t>
  </si>
  <si>
    <t>E02003675</t>
  </si>
  <si>
    <t>Buckinghamshire 024</t>
  </si>
  <si>
    <t>E01017727</t>
  </si>
  <si>
    <t>Buckinghamshire 024B</t>
  </si>
  <si>
    <t>E01017729</t>
  </si>
  <si>
    <t>Buckinghamshire 024C</t>
  </si>
  <si>
    <t>E01017730</t>
  </si>
  <si>
    <t>Buckinghamshire 024D</t>
  </si>
  <si>
    <t>E01017731</t>
  </si>
  <si>
    <t>Buckinghamshire 007A</t>
  </si>
  <si>
    <t>E02003658</t>
  </si>
  <si>
    <t>Buckinghamshire 007</t>
  </si>
  <si>
    <t>E01017732</t>
  </si>
  <si>
    <t>Buckinghamshire 007B</t>
  </si>
  <si>
    <t>E01017733</t>
  </si>
  <si>
    <t>Buckinghamshire 007C</t>
  </si>
  <si>
    <t>E01017734</t>
  </si>
  <si>
    <t>Buckinghamshire 007D</t>
  </si>
  <si>
    <t>E01017739</t>
  </si>
  <si>
    <t>Buckinghamshire 034A</t>
  </si>
  <si>
    <t>E02003682</t>
  </si>
  <si>
    <t>Buckinghamshire 034</t>
  </si>
  <si>
    <t>E01017740</t>
  </si>
  <si>
    <t>Buckinghamshire 034B</t>
  </si>
  <si>
    <t>E01017741</t>
  </si>
  <si>
    <t>Buckinghamshire 032A</t>
  </si>
  <si>
    <t>E02003681</t>
  </si>
  <si>
    <t>Buckinghamshire 032</t>
  </si>
  <si>
    <t>E01017742</t>
  </si>
  <si>
    <t>Buckinghamshire 032B</t>
  </si>
  <si>
    <t>E01017743</t>
  </si>
  <si>
    <t>Buckinghamshire 032C</t>
  </si>
  <si>
    <t>E01017744</t>
  </si>
  <si>
    <t>Buckinghamshire 034C</t>
  </si>
  <si>
    <t>E01017745</t>
  </si>
  <si>
    <t>Buckinghamshire 034D</t>
  </si>
  <si>
    <t>E01017746</t>
  </si>
  <si>
    <t>Buckinghamshire 034E</t>
  </si>
  <si>
    <t>E01017747</t>
  </si>
  <si>
    <t>Buckinghamshire 027A</t>
  </si>
  <si>
    <t>E02003677</t>
  </si>
  <si>
    <t>Buckinghamshire 027</t>
  </si>
  <si>
    <t>E01017748</t>
  </si>
  <si>
    <t>Buckinghamshire 027B</t>
  </si>
  <si>
    <t>E01017749</t>
  </si>
  <si>
    <t>Buckinghamshire 027C</t>
  </si>
  <si>
    <t>E01017750</t>
  </si>
  <si>
    <t>Buckinghamshire 029A</t>
  </si>
  <si>
    <t>E02003676</t>
  </si>
  <si>
    <t>Buckinghamshire 029</t>
  </si>
  <si>
    <t>E01017752</t>
  </si>
  <si>
    <t>Buckinghamshire 029B</t>
  </si>
  <si>
    <t>E01017763</t>
  </si>
  <si>
    <t>Buckinghamshire 032D</t>
  </si>
  <si>
    <t>E01017764</t>
  </si>
  <si>
    <t>Buckinghamshire 032E</t>
  </si>
  <si>
    <t>E01017765</t>
  </si>
  <si>
    <t>Buckinghamshire 032F</t>
  </si>
  <si>
    <t>E01017766</t>
  </si>
  <si>
    <t>Buckinghamshire 029C</t>
  </si>
  <si>
    <t>E01017768</t>
  </si>
  <si>
    <t>Buckinghamshire 031A</t>
  </si>
  <si>
    <t>E02003680</t>
  </si>
  <si>
    <t>Buckinghamshire 031</t>
  </si>
  <si>
    <t>E01017769</t>
  </si>
  <si>
    <t>Buckinghamshire 028A</t>
  </si>
  <si>
    <t>E02003678</t>
  </si>
  <si>
    <t>Buckinghamshire 028</t>
  </si>
  <si>
    <t>E01017770</t>
  </si>
  <si>
    <t>Buckinghamshire 030A</t>
  </si>
  <si>
    <t>E02003679</t>
  </si>
  <si>
    <t>Buckinghamshire 030</t>
  </si>
  <si>
    <t>E01017771</t>
  </si>
  <si>
    <t>Buckinghamshire 028B</t>
  </si>
  <si>
    <t>E01017773</t>
  </si>
  <si>
    <t>Buckinghamshire 039A</t>
  </si>
  <si>
    <t>E02006823</t>
  </si>
  <si>
    <t>Buckinghamshire 039</t>
  </si>
  <si>
    <t>E01017774</t>
  </si>
  <si>
    <t>Buckinghamshire 039B</t>
  </si>
  <si>
    <t>E01017775</t>
  </si>
  <si>
    <t>Buckinghamshire 035B</t>
  </si>
  <si>
    <t>E02003683</t>
  </si>
  <si>
    <t>Buckinghamshire 035</t>
  </si>
  <si>
    <t>E01017776</t>
  </si>
  <si>
    <t>Buckinghamshire 035C</t>
  </si>
  <si>
    <t>E01017777</t>
  </si>
  <si>
    <t>Buckinghamshire 035D</t>
  </si>
  <si>
    <t>E01017778</t>
  </si>
  <si>
    <t>Buckinghamshire 029D</t>
  </si>
  <si>
    <t>E01017779</t>
  </si>
  <si>
    <t>Buckinghamshire 031B</t>
  </si>
  <si>
    <t>E01017780</t>
  </si>
  <si>
    <t>Buckinghamshire 028C</t>
  </si>
  <si>
    <t>E01017781</t>
  </si>
  <si>
    <t>Buckinghamshire 028D</t>
  </si>
  <si>
    <t>E01017783</t>
  </si>
  <si>
    <t>Buckinghamshire 039D</t>
  </si>
  <si>
    <t>E01017785</t>
  </si>
  <si>
    <t>Buckinghamshire 031C</t>
  </si>
  <si>
    <t>E01017786</t>
  </si>
  <si>
    <t>Buckinghamshire 031D</t>
  </si>
  <si>
    <t>E01017787</t>
  </si>
  <si>
    <t>Buckinghamshire 031E</t>
  </si>
  <si>
    <t>E01017788</t>
  </si>
  <si>
    <t>Buckinghamshire 031F</t>
  </si>
  <si>
    <t>E01017789</t>
  </si>
  <si>
    <t>Buckinghamshire 027D</t>
  </si>
  <si>
    <t>E01017790</t>
  </si>
  <si>
    <t>Buckinghamshire 027E</t>
  </si>
  <si>
    <t>E01017791</t>
  </si>
  <si>
    <t>Buckinghamshire 030B</t>
  </si>
  <si>
    <t>E01017792</t>
  </si>
  <si>
    <t>Buckinghamshire 030C</t>
  </si>
  <si>
    <t>E01017793</t>
  </si>
  <si>
    <t>Buckinghamshire 030D</t>
  </si>
  <si>
    <t>E01017795</t>
  </si>
  <si>
    <t>Buckinghamshire 027F</t>
  </si>
  <si>
    <t>E01017798</t>
  </si>
  <si>
    <t>Buckinghamshire 053C</t>
  </si>
  <si>
    <t>E02003688</t>
  </si>
  <si>
    <t>Buckinghamshire 053</t>
  </si>
  <si>
    <t>E01017871</t>
  </si>
  <si>
    <t>Buckinghamshire 033C</t>
  </si>
  <si>
    <t>E02003698</t>
  </si>
  <si>
    <t>Buckinghamshire 033</t>
  </si>
  <si>
    <t>E01017872</t>
  </si>
  <si>
    <t>Buckinghamshire 033D</t>
  </si>
  <si>
    <t>E01017874</t>
  </si>
  <si>
    <t>Buckinghamshire 033F</t>
  </si>
  <si>
    <t>E01017885</t>
  </si>
  <si>
    <t>Buckinghamshire 025A</t>
  </si>
  <si>
    <t>E02003697</t>
  </si>
  <si>
    <t>Buckinghamshire 025</t>
  </si>
  <si>
    <t>E01017886</t>
  </si>
  <si>
    <t>Buckinghamshire 025B</t>
  </si>
  <si>
    <t>E01017887</t>
  </si>
  <si>
    <t>Buckinghamshire 025C</t>
  </si>
  <si>
    <t>E01017888</t>
  </si>
  <si>
    <t>Buckinghamshire 025D</t>
  </si>
  <si>
    <t>E01017916</t>
  </si>
  <si>
    <t>Buckinghamshire 037B</t>
  </si>
  <si>
    <t>E02003699</t>
  </si>
  <si>
    <t>Buckinghamshire 037</t>
  </si>
  <si>
    <t>E01017929</t>
  </si>
  <si>
    <t>Buckinghamshire 026A</t>
  </si>
  <si>
    <t>E02003696</t>
  </si>
  <si>
    <t>Buckinghamshire 026</t>
  </si>
  <si>
    <t>E01017930</t>
  </si>
  <si>
    <t>Buckinghamshire 026B</t>
  </si>
  <si>
    <t>E01017931</t>
  </si>
  <si>
    <t>Buckinghamshire 026C</t>
  </si>
  <si>
    <t>E01017932</t>
  </si>
  <si>
    <t>Buckinghamshire 026D</t>
  </si>
  <si>
    <t>E01017933</t>
  </si>
  <si>
    <t>Buckinghamshire 026E</t>
  </si>
  <si>
    <t>E01017943</t>
  </si>
  <si>
    <t>Cambridge 006A</t>
  </si>
  <si>
    <t>E02003724</t>
  </si>
  <si>
    <t>Cambridge 006</t>
  </si>
  <si>
    <t>E07000008</t>
  </si>
  <si>
    <t>Cambridge</t>
  </si>
  <si>
    <t>E01017944</t>
  </si>
  <si>
    <t>Cambridge 006B</t>
  </si>
  <si>
    <t>E01017945</t>
  </si>
  <si>
    <t>Cambridge 006C</t>
  </si>
  <si>
    <t>E01017946</t>
  </si>
  <si>
    <t>Cambridge 006D</t>
  </si>
  <si>
    <t>E01017947</t>
  </si>
  <si>
    <t>Cambridge 006E</t>
  </si>
  <si>
    <t>E01017948</t>
  </si>
  <si>
    <t>Cambridge 006F</t>
  </si>
  <si>
    <t>E01017949</t>
  </si>
  <si>
    <t>Cambridge 002A</t>
  </si>
  <si>
    <t>E02003720</t>
  </si>
  <si>
    <t>Cambridge 002</t>
  </si>
  <si>
    <t>E01017950</t>
  </si>
  <si>
    <t>Cambridge 002B</t>
  </si>
  <si>
    <t>E01017951</t>
  </si>
  <si>
    <t>Cambridge 002C</t>
  </si>
  <si>
    <t>E01017952</t>
  </si>
  <si>
    <t>Cambridge 002D</t>
  </si>
  <si>
    <t>E01017953</t>
  </si>
  <si>
    <t>Cambridge 002E</t>
  </si>
  <si>
    <t>E01017954</t>
  </si>
  <si>
    <t>Cambridge 002F</t>
  </si>
  <si>
    <t>E01017955</t>
  </si>
  <si>
    <t>Cambridge 005A</t>
  </si>
  <si>
    <t>E02003723</t>
  </si>
  <si>
    <t>Cambridge 005</t>
  </si>
  <si>
    <t>E01017959</t>
  </si>
  <si>
    <t>Cambridge 011A</t>
  </si>
  <si>
    <t>E02003729</t>
  </si>
  <si>
    <t>Cambridge 011</t>
  </si>
  <si>
    <t>E01017960</t>
  </si>
  <si>
    <t>Cambridge 011B</t>
  </si>
  <si>
    <t>E01017961</t>
  </si>
  <si>
    <t>Cambridge 011C</t>
  </si>
  <si>
    <t>E01017962</t>
  </si>
  <si>
    <t>Cambridge 011D</t>
  </si>
  <si>
    <t>E01017963</t>
  </si>
  <si>
    <t>Cambridge 011E</t>
  </si>
  <si>
    <t>E01017964</t>
  </si>
  <si>
    <t>Cambridge 011F</t>
  </si>
  <si>
    <t>E01017965</t>
  </si>
  <si>
    <t>Cambridge 010A</t>
  </si>
  <si>
    <t>E02003728</t>
  </si>
  <si>
    <t>Cambridge 010</t>
  </si>
  <si>
    <t>E01017967</t>
  </si>
  <si>
    <t>Cambridge 010C</t>
  </si>
  <si>
    <t>E01017968</t>
  </si>
  <si>
    <t>Cambridge 010D</t>
  </si>
  <si>
    <t>E01017969</t>
  </si>
  <si>
    <t>Cambridge 010E</t>
  </si>
  <si>
    <t>E01017971</t>
  </si>
  <si>
    <t>Cambridge 003B</t>
  </si>
  <si>
    <t>E02003721</t>
  </si>
  <si>
    <t>Cambridge 003</t>
  </si>
  <si>
    <t>E01017972</t>
  </si>
  <si>
    <t>Cambridge 003C</t>
  </si>
  <si>
    <t>E01017973</t>
  </si>
  <si>
    <t>Cambridge 003D</t>
  </si>
  <si>
    <t>E01017974</t>
  </si>
  <si>
    <t>Cambridge 003E</t>
  </si>
  <si>
    <t>E01017975</t>
  </si>
  <si>
    <t>Cambridge 001A</t>
  </si>
  <si>
    <t>E02003719</t>
  </si>
  <si>
    <t>Cambridge 001</t>
  </si>
  <si>
    <t>E01017976</t>
  </si>
  <si>
    <t>Cambridge 001B</t>
  </si>
  <si>
    <t>E01017977</t>
  </si>
  <si>
    <t>Cambridge 001C</t>
  </si>
  <si>
    <t>E01017978</t>
  </si>
  <si>
    <t>Cambridge 001D</t>
  </si>
  <si>
    <t>E01017979</t>
  </si>
  <si>
    <t>Cambridge 001E</t>
  </si>
  <si>
    <t>E01017980</t>
  </si>
  <si>
    <t>Cambridge 001F</t>
  </si>
  <si>
    <t>E01017983</t>
  </si>
  <si>
    <t>Cambridge 007C</t>
  </si>
  <si>
    <t>E02003725</t>
  </si>
  <si>
    <t>Cambridge 007</t>
  </si>
  <si>
    <t>E01017985</t>
  </si>
  <si>
    <t>Cambridge 007E</t>
  </si>
  <si>
    <t>E01017987</t>
  </si>
  <si>
    <t>Cambridge 008A</t>
  </si>
  <si>
    <t>E02003726</t>
  </si>
  <si>
    <t>Cambridge 008</t>
  </si>
  <si>
    <t>E01017988</t>
  </si>
  <si>
    <t>Cambridge 008B</t>
  </si>
  <si>
    <t>E01017989</t>
  </si>
  <si>
    <t>Cambridge 008C</t>
  </si>
  <si>
    <t>E01017990</t>
  </si>
  <si>
    <t>Cambridge 008D</t>
  </si>
  <si>
    <t>E01017991</t>
  </si>
  <si>
    <t>Cambridge 008E</t>
  </si>
  <si>
    <t>E01017992</t>
  </si>
  <si>
    <t>Cambridge 013A</t>
  </si>
  <si>
    <t>E02003731</t>
  </si>
  <si>
    <t>Cambridge 013</t>
  </si>
  <si>
    <t>E01017994</t>
  </si>
  <si>
    <t>Cambridge 013C</t>
  </si>
  <si>
    <t>E01017995</t>
  </si>
  <si>
    <t>Cambridge 013D</t>
  </si>
  <si>
    <t>E01017996</t>
  </si>
  <si>
    <t>Cambridge 013E</t>
  </si>
  <si>
    <t>E01017997</t>
  </si>
  <si>
    <t>Cambridge 009A</t>
  </si>
  <si>
    <t>E02003727</t>
  </si>
  <si>
    <t>Cambridge 009</t>
  </si>
  <si>
    <t>E01017998</t>
  </si>
  <si>
    <t>Cambridge 009B</t>
  </si>
  <si>
    <t>E01017999</t>
  </si>
  <si>
    <t>Cambridge 009C</t>
  </si>
  <si>
    <t>E01018000</t>
  </si>
  <si>
    <t>Cambridge 009D</t>
  </si>
  <si>
    <t>E01018001</t>
  </si>
  <si>
    <t>Cambridge 009E</t>
  </si>
  <si>
    <t>E01018005</t>
  </si>
  <si>
    <t>Cambridge 014A</t>
  </si>
  <si>
    <t>E02007087</t>
  </si>
  <si>
    <t>Cambridge 014</t>
  </si>
  <si>
    <t>E01018006</t>
  </si>
  <si>
    <t>Cambridge 004A</t>
  </si>
  <si>
    <t>E02003722</t>
  </si>
  <si>
    <t>Cambridge 004</t>
  </si>
  <si>
    <t>E01018007</t>
  </si>
  <si>
    <t>Cambridge 004B</t>
  </si>
  <si>
    <t>E01018008</t>
  </si>
  <si>
    <t>Cambridge 004C</t>
  </si>
  <si>
    <t>E01018009</t>
  </si>
  <si>
    <t>Cambridge 004D</t>
  </si>
  <si>
    <t>E01018010</t>
  </si>
  <si>
    <t>Cambridge 004E</t>
  </si>
  <si>
    <t>E01018011</t>
  </si>
  <si>
    <t>East Cambridgeshire 009A</t>
  </si>
  <si>
    <t>E02003740</t>
  </si>
  <si>
    <t>East Cambridgeshire 009</t>
  </si>
  <si>
    <t>E07000009</t>
  </si>
  <si>
    <t>East Cambridgeshire</t>
  </si>
  <si>
    <t>E01018012</t>
  </si>
  <si>
    <t>East Cambridgeshire 009B</t>
  </si>
  <si>
    <t>E01018013</t>
  </si>
  <si>
    <t>East Cambridgeshire 008A</t>
  </si>
  <si>
    <t>E02003739</t>
  </si>
  <si>
    <t>East Cambridgeshire 008</t>
  </si>
  <si>
    <t>E01018014</t>
  </si>
  <si>
    <t>East Cambridgeshire 008B</t>
  </si>
  <si>
    <t>E01018015</t>
  </si>
  <si>
    <t>East Cambridgeshire 008C</t>
  </si>
  <si>
    <t>E01018016</t>
  </si>
  <si>
    <t>East Cambridgeshire 008D</t>
  </si>
  <si>
    <t>E01018017</t>
  </si>
  <si>
    <t>East Cambridgeshire 011A</t>
  </si>
  <si>
    <t>E02006825</t>
  </si>
  <si>
    <t>East Cambridgeshire 011</t>
  </si>
  <si>
    <t>E01018019</t>
  </si>
  <si>
    <t>East Cambridgeshire 011B</t>
  </si>
  <si>
    <t>E01018020</t>
  </si>
  <si>
    <t>East Cambridgeshire 002A</t>
  </si>
  <si>
    <t>E02003733</t>
  </si>
  <si>
    <t>East Cambridgeshire 002</t>
  </si>
  <si>
    <t>E01018021</t>
  </si>
  <si>
    <t>East Cambridgeshire 002B</t>
  </si>
  <si>
    <t>E01018022</t>
  </si>
  <si>
    <t>East Cambridgeshire 002C</t>
  </si>
  <si>
    <t>E01018023</t>
  </si>
  <si>
    <t>East Cambridgeshire 011C</t>
  </si>
  <si>
    <t>E01018024</t>
  </si>
  <si>
    <t>East Cambridgeshire 004A</t>
  </si>
  <si>
    <t>E02003735</t>
  </si>
  <si>
    <t>East Cambridgeshire 004</t>
  </si>
  <si>
    <t>E01018025</t>
  </si>
  <si>
    <t>East Cambridgeshire 004B</t>
  </si>
  <si>
    <t>E01018026</t>
  </si>
  <si>
    <t>East Cambridgeshire 004C</t>
  </si>
  <si>
    <t>E01018027</t>
  </si>
  <si>
    <t>East Cambridgeshire 003A</t>
  </si>
  <si>
    <t>E02003734</t>
  </si>
  <si>
    <t>East Cambridgeshire 003</t>
  </si>
  <si>
    <t>E01018032</t>
  </si>
  <si>
    <t>East Cambridgeshire 003D</t>
  </si>
  <si>
    <t>E01018033</t>
  </si>
  <si>
    <t>East Cambridgeshire 003E</t>
  </si>
  <si>
    <t>E01018034</t>
  </si>
  <si>
    <t>East Cambridgeshire 007A</t>
  </si>
  <si>
    <t>E02003738</t>
  </si>
  <si>
    <t>East Cambridgeshire 007</t>
  </si>
  <si>
    <t>E01018035</t>
  </si>
  <si>
    <t>East Cambridgeshire 007B</t>
  </si>
  <si>
    <t>E01018036</t>
  </si>
  <si>
    <t>East Cambridgeshire 005A</t>
  </si>
  <si>
    <t>E02003736</t>
  </si>
  <si>
    <t>East Cambridgeshire 005</t>
  </si>
  <si>
    <t>E01018037</t>
  </si>
  <si>
    <t>East Cambridgeshire 005B</t>
  </si>
  <si>
    <t>E01018038</t>
  </si>
  <si>
    <t>East Cambridgeshire 005C</t>
  </si>
  <si>
    <t>E01018039</t>
  </si>
  <si>
    <t>East Cambridgeshire 005D</t>
  </si>
  <si>
    <t>E01018040</t>
  </si>
  <si>
    <t>East Cambridgeshire 007C</t>
  </si>
  <si>
    <t>E01018041</t>
  </si>
  <si>
    <t>East Cambridgeshire 007D</t>
  </si>
  <si>
    <t>E01018042</t>
  </si>
  <si>
    <t>East Cambridgeshire 001A</t>
  </si>
  <si>
    <t>E02003732</t>
  </si>
  <si>
    <t>East Cambridgeshire 001</t>
  </si>
  <si>
    <t>E01018043</t>
  </si>
  <si>
    <t>East Cambridgeshire 001B</t>
  </si>
  <si>
    <t>E01018044</t>
  </si>
  <si>
    <t>East Cambridgeshire 001C</t>
  </si>
  <si>
    <t>E01018045</t>
  </si>
  <si>
    <t>East Cambridgeshire 001D</t>
  </si>
  <si>
    <t>E01018047</t>
  </si>
  <si>
    <t>East Cambridgeshire 006A</t>
  </si>
  <si>
    <t>E02003737</t>
  </si>
  <si>
    <t>East Cambridgeshire 006</t>
  </si>
  <si>
    <t>E01018049</t>
  </si>
  <si>
    <t>East Cambridgeshire 006C</t>
  </si>
  <si>
    <t>E01018050</t>
  </si>
  <si>
    <t>East Cambridgeshire 006D</t>
  </si>
  <si>
    <t>E01018051</t>
  </si>
  <si>
    <t>East Cambridgeshire 006E</t>
  </si>
  <si>
    <t>E01018052</t>
  </si>
  <si>
    <t>East Cambridgeshire 006F</t>
  </si>
  <si>
    <t>E01018053</t>
  </si>
  <si>
    <t>East Cambridgeshire 005E</t>
  </si>
  <si>
    <t>E01018054</t>
  </si>
  <si>
    <t>East Cambridgeshire 005F</t>
  </si>
  <si>
    <t>E01018055</t>
  </si>
  <si>
    <t>East Cambridgeshire 002D</t>
  </si>
  <si>
    <t>E01018056</t>
  </si>
  <si>
    <t>East Cambridgeshire 002E</t>
  </si>
  <si>
    <t>E01018057</t>
  </si>
  <si>
    <t>East Cambridgeshire 009C</t>
  </si>
  <si>
    <t>E01018058</t>
  </si>
  <si>
    <t>Fenland 008A</t>
  </si>
  <si>
    <t>E02003749</t>
  </si>
  <si>
    <t>Fenland 008</t>
  </si>
  <si>
    <t>E07000010</t>
  </si>
  <si>
    <t>Fenland</t>
  </si>
  <si>
    <t>E01018059</t>
  </si>
  <si>
    <t>Fenland 008B</t>
  </si>
  <si>
    <t>E01018060</t>
  </si>
  <si>
    <t>Fenland 008C</t>
  </si>
  <si>
    <t>E01018061</t>
  </si>
  <si>
    <t>Fenland 008D</t>
  </si>
  <si>
    <t>E01018062</t>
  </si>
  <si>
    <t>Fenland 011A</t>
  </si>
  <si>
    <t>E02003752</t>
  </si>
  <si>
    <t>Fenland 011</t>
  </si>
  <si>
    <t>E01018063</t>
  </si>
  <si>
    <t>Fenland 002A</t>
  </si>
  <si>
    <t>E02003743</t>
  </si>
  <si>
    <t>Fenland 002</t>
  </si>
  <si>
    <t>E01018064</t>
  </si>
  <si>
    <t>Fenland 006A</t>
  </si>
  <si>
    <t>E02003747</t>
  </si>
  <si>
    <t>Fenland 006</t>
  </si>
  <si>
    <t>E01018065</t>
  </si>
  <si>
    <t>Fenland 010A</t>
  </si>
  <si>
    <t>E02003751</t>
  </si>
  <si>
    <t>Fenland 010</t>
  </si>
  <si>
    <t>E01018066</t>
  </si>
  <si>
    <t>Fenland 004A</t>
  </si>
  <si>
    <t>E02003745</t>
  </si>
  <si>
    <t>Fenland 004</t>
  </si>
  <si>
    <t>E01018067</t>
  </si>
  <si>
    <t>Fenland 004B</t>
  </si>
  <si>
    <t>E01018068</t>
  </si>
  <si>
    <t>Fenland 004C</t>
  </si>
  <si>
    <t>E01018069</t>
  </si>
  <si>
    <t>Fenland 003A</t>
  </si>
  <si>
    <t>E02003744</t>
  </si>
  <si>
    <t>Fenland 003</t>
  </si>
  <si>
    <t>E01018070</t>
  </si>
  <si>
    <t>Fenland 003B</t>
  </si>
  <si>
    <t>E01018071</t>
  </si>
  <si>
    <t>Fenland 003C</t>
  </si>
  <si>
    <t>E01018072</t>
  </si>
  <si>
    <t>Fenland 006B</t>
  </si>
  <si>
    <t>E01018073</t>
  </si>
  <si>
    <t>Fenland 002B</t>
  </si>
  <si>
    <t>E01018074</t>
  </si>
  <si>
    <t>Fenland 006C</t>
  </si>
  <si>
    <t>E01018075</t>
  </si>
  <si>
    <t>Fenland 006D</t>
  </si>
  <si>
    <t>E01018076</t>
  </si>
  <si>
    <t>Fenland 010B</t>
  </si>
  <si>
    <t>E01018077</t>
  </si>
  <si>
    <t>Fenland 007A</t>
  </si>
  <si>
    <t>E02003748</t>
  </si>
  <si>
    <t>Fenland 007</t>
  </si>
  <si>
    <t>E01018078</t>
  </si>
  <si>
    <t>Fenland 007B</t>
  </si>
  <si>
    <t>E01018079</t>
  </si>
  <si>
    <t>Fenland 007C</t>
  </si>
  <si>
    <t>E01018080</t>
  </si>
  <si>
    <t>Fenland 007D</t>
  </si>
  <si>
    <t>E01018081</t>
  </si>
  <si>
    <t>Fenland 005A</t>
  </si>
  <si>
    <t>E02003746</t>
  </si>
  <si>
    <t>Fenland 005</t>
  </si>
  <si>
    <t>E01018082</t>
  </si>
  <si>
    <t>Fenland 005B</t>
  </si>
  <si>
    <t>E01018083</t>
  </si>
  <si>
    <t>Fenland 005C</t>
  </si>
  <si>
    <t>E01018084</t>
  </si>
  <si>
    <t>Fenland 005D</t>
  </si>
  <si>
    <t>E01018085</t>
  </si>
  <si>
    <t>Fenland 009A</t>
  </si>
  <si>
    <t>E02003750</t>
  </si>
  <si>
    <t>Fenland 009</t>
  </si>
  <si>
    <t>E01018086</t>
  </si>
  <si>
    <t>Fenland 009B</t>
  </si>
  <si>
    <t>E01018087</t>
  </si>
  <si>
    <t>Fenland 009C</t>
  </si>
  <si>
    <t>E01018088</t>
  </si>
  <si>
    <t>Fenland 009D</t>
  </si>
  <si>
    <t>E01018090</t>
  </si>
  <si>
    <t>Fenland 004D</t>
  </si>
  <si>
    <t>E01018091</t>
  </si>
  <si>
    <t>Fenland 004E</t>
  </si>
  <si>
    <t>E01018092</t>
  </si>
  <si>
    <t>Fenland 004F</t>
  </si>
  <si>
    <t>E01018093</t>
  </si>
  <si>
    <t>Fenland 003E</t>
  </si>
  <si>
    <t>E01018094</t>
  </si>
  <si>
    <t>Fenland 001A</t>
  </si>
  <si>
    <t>E02003742</t>
  </si>
  <si>
    <t>Fenland 001</t>
  </si>
  <si>
    <t>E01018095</t>
  </si>
  <si>
    <t>Fenland 001B</t>
  </si>
  <si>
    <t>E01018096</t>
  </si>
  <si>
    <t>Fenland 001C</t>
  </si>
  <si>
    <t>E01018097</t>
  </si>
  <si>
    <t>Fenland 001D</t>
  </si>
  <si>
    <t>E01018098</t>
  </si>
  <si>
    <t>Fenland 006E</t>
  </si>
  <si>
    <t>E01018099</t>
  </si>
  <si>
    <t>Fenland 006F</t>
  </si>
  <si>
    <t>E01018100</t>
  </si>
  <si>
    <t>Fenland 006G</t>
  </si>
  <si>
    <t>E01018101</t>
  </si>
  <si>
    <t>Fenland 006H</t>
  </si>
  <si>
    <t>E01018103</t>
  </si>
  <si>
    <t>Fenland 003F</t>
  </si>
  <si>
    <t>E01018104</t>
  </si>
  <si>
    <t>Fenland 003G</t>
  </si>
  <si>
    <t>E01018105</t>
  </si>
  <si>
    <t>Fenland 011C</t>
  </si>
  <si>
    <t>E01018106</t>
  </si>
  <si>
    <t>Fenland 011D</t>
  </si>
  <si>
    <t>E01018107</t>
  </si>
  <si>
    <t>Fenland 002C</t>
  </si>
  <si>
    <t>E01018108</t>
  </si>
  <si>
    <t>Fenland 002D</t>
  </si>
  <si>
    <t>E01018109</t>
  </si>
  <si>
    <t>Fenland 002E</t>
  </si>
  <si>
    <t>E01018110</t>
  </si>
  <si>
    <t>Fenland 011E</t>
  </si>
  <si>
    <t>E01018111</t>
  </si>
  <si>
    <t>Fenland 010C</t>
  </si>
  <si>
    <t>E01018113</t>
  </si>
  <si>
    <t>Huntingdonshire 010B</t>
  </si>
  <si>
    <t>E02003762</t>
  </si>
  <si>
    <t>Huntingdonshire 010</t>
  </si>
  <si>
    <t>E07000011</t>
  </si>
  <si>
    <t>Huntingdonshire</t>
  </si>
  <si>
    <t>E01018115</t>
  </si>
  <si>
    <t>Huntingdonshire 017A</t>
  </si>
  <si>
    <t>E02003769</t>
  </si>
  <si>
    <t>Huntingdonshire 017</t>
  </si>
  <si>
    <t>E01018116</t>
  </si>
  <si>
    <t>Huntingdonshire 010D</t>
  </si>
  <si>
    <t>E01018117</t>
  </si>
  <si>
    <t>Huntingdonshire 010E</t>
  </si>
  <si>
    <t>E01018118</t>
  </si>
  <si>
    <t>Huntingdonshire 010F</t>
  </si>
  <si>
    <t>E01018119</t>
  </si>
  <si>
    <t>Huntingdonshire 017B</t>
  </si>
  <si>
    <t>E01018120</t>
  </si>
  <si>
    <t>Huntingdonshire 017C</t>
  </si>
  <si>
    <t>E01018121</t>
  </si>
  <si>
    <t>Huntingdonshire 007A</t>
  </si>
  <si>
    <t>E02003759</t>
  </si>
  <si>
    <t>Huntingdonshire 007</t>
  </si>
  <si>
    <t>E01018122</t>
  </si>
  <si>
    <t>Huntingdonshire 007B</t>
  </si>
  <si>
    <t>E01018123</t>
  </si>
  <si>
    <t>Huntingdonshire 007C</t>
  </si>
  <si>
    <t>E01018124</t>
  </si>
  <si>
    <t>Huntingdonshire 007D</t>
  </si>
  <si>
    <t>E01018125</t>
  </si>
  <si>
    <t>Huntingdonshire 015A</t>
  </si>
  <si>
    <t>E02003767</t>
  </si>
  <si>
    <t>Huntingdonshire 015</t>
  </si>
  <si>
    <t>E01018126</t>
  </si>
  <si>
    <t>Huntingdonshire 015B</t>
  </si>
  <si>
    <t>E01018127</t>
  </si>
  <si>
    <t>Huntingdonshire 002A</t>
  </si>
  <si>
    <t>E02003754</t>
  </si>
  <si>
    <t>Huntingdonshire 002</t>
  </si>
  <si>
    <t>E01018128</t>
  </si>
  <si>
    <t>Huntingdonshire 002B</t>
  </si>
  <si>
    <t>E01018129</t>
  </si>
  <si>
    <t>Huntingdonshire 016A</t>
  </si>
  <si>
    <t>E02003768</t>
  </si>
  <si>
    <t>Huntingdonshire 016</t>
  </si>
  <si>
    <t>E01018130</t>
  </si>
  <si>
    <t>Huntingdonshire 016B</t>
  </si>
  <si>
    <t>E01018131</t>
  </si>
  <si>
    <t>Huntingdonshire 014A</t>
  </si>
  <si>
    <t>E02003766</t>
  </si>
  <si>
    <t>Huntingdonshire 014</t>
  </si>
  <si>
    <t>E01018133</t>
  </si>
  <si>
    <t>Huntingdonshire 014C</t>
  </si>
  <si>
    <t>E01018134</t>
  </si>
  <si>
    <t>Huntingdonshire 014D</t>
  </si>
  <si>
    <t>E01018136</t>
  </si>
  <si>
    <t>Huntingdonshire 018B</t>
  </si>
  <si>
    <t>E02003770</t>
  </si>
  <si>
    <t>Huntingdonshire 018</t>
  </si>
  <si>
    <t>E01018137</t>
  </si>
  <si>
    <t>Huntingdonshire 017D</t>
  </si>
  <si>
    <t>E01018138</t>
  </si>
  <si>
    <t>Huntingdonshire 012A</t>
  </si>
  <si>
    <t>E02003764</t>
  </si>
  <si>
    <t>Huntingdonshire 012</t>
  </si>
  <si>
    <t>E01018139</t>
  </si>
  <si>
    <t>Huntingdonshire 009A</t>
  </si>
  <si>
    <t>E02003761</t>
  </si>
  <si>
    <t>Huntingdonshire 009</t>
  </si>
  <si>
    <t>E01018140</t>
  </si>
  <si>
    <t>Huntingdonshire 009B</t>
  </si>
  <si>
    <t>E01018141</t>
  </si>
  <si>
    <t>Huntingdonshire 009C</t>
  </si>
  <si>
    <t>E01018142</t>
  </si>
  <si>
    <t>Huntingdonshire 009D</t>
  </si>
  <si>
    <t>E01018143</t>
  </si>
  <si>
    <t>Huntingdonshire 008A</t>
  </si>
  <si>
    <t>E02003760</t>
  </si>
  <si>
    <t>Huntingdonshire 008</t>
  </si>
  <si>
    <t>E01018144</t>
  </si>
  <si>
    <t>Huntingdonshire 008B</t>
  </si>
  <si>
    <t>E01018145</t>
  </si>
  <si>
    <t>Huntingdonshire 008C</t>
  </si>
  <si>
    <t>E01018146</t>
  </si>
  <si>
    <t>Huntingdonshire 008D</t>
  </si>
  <si>
    <t>E01018147</t>
  </si>
  <si>
    <t>Huntingdonshire 008E</t>
  </si>
  <si>
    <t>E01018148</t>
  </si>
  <si>
    <t>Huntingdonshire 012B</t>
  </si>
  <si>
    <t>E01018149</t>
  </si>
  <si>
    <t>Huntingdonshire 012C</t>
  </si>
  <si>
    <t>E01018150</t>
  </si>
  <si>
    <t>Huntingdonshire 012D</t>
  </si>
  <si>
    <t>E01018152</t>
  </si>
  <si>
    <t>Huntingdonshire 015C</t>
  </si>
  <si>
    <t>E01018153</t>
  </si>
  <si>
    <t>Huntingdonshire 015D</t>
  </si>
  <si>
    <t>E01018154</t>
  </si>
  <si>
    <t>Huntingdonshire 018C</t>
  </si>
  <si>
    <t>E01018155</t>
  </si>
  <si>
    <t>Huntingdonshire 018D</t>
  </si>
  <si>
    <t>E01018156</t>
  </si>
  <si>
    <t>Huntingdonshire 003A</t>
  </si>
  <si>
    <t>E02003755</t>
  </si>
  <si>
    <t>Huntingdonshire 003</t>
  </si>
  <si>
    <t>E01018157</t>
  </si>
  <si>
    <t>Huntingdonshire 003B</t>
  </si>
  <si>
    <t>E01018158</t>
  </si>
  <si>
    <t>Huntingdonshire 003C</t>
  </si>
  <si>
    <t>E01018159</t>
  </si>
  <si>
    <t>Huntingdonshire 003D</t>
  </si>
  <si>
    <t>E01018160</t>
  </si>
  <si>
    <t>Huntingdonshire 003E</t>
  </si>
  <si>
    <t>E01018161</t>
  </si>
  <si>
    <t>Huntingdonshire 011A</t>
  </si>
  <si>
    <t>E02003763</t>
  </si>
  <si>
    <t>Huntingdonshire 011</t>
  </si>
  <si>
    <t>E01018162</t>
  </si>
  <si>
    <t>Huntingdonshire 011B</t>
  </si>
  <si>
    <t>E01018163</t>
  </si>
  <si>
    <t>Huntingdonshire 011C</t>
  </si>
  <si>
    <t>E01018164</t>
  </si>
  <si>
    <t>Huntingdonshire 011D</t>
  </si>
  <si>
    <t>E01018165</t>
  </si>
  <si>
    <t>Huntingdonshire 011E</t>
  </si>
  <si>
    <t>E01018166</t>
  </si>
  <si>
    <t>Huntingdonshire 013A</t>
  </si>
  <si>
    <t>E02003765</t>
  </si>
  <si>
    <t>Huntingdonshire 013</t>
  </si>
  <si>
    <t>E01018167</t>
  </si>
  <si>
    <t>Huntingdonshire 013B</t>
  </si>
  <si>
    <t>E01018168</t>
  </si>
  <si>
    <t>Huntingdonshire 013C</t>
  </si>
  <si>
    <t>E01018169</t>
  </si>
  <si>
    <t>Huntingdonshire 013D</t>
  </si>
  <si>
    <t>E01018170</t>
  </si>
  <si>
    <t>Huntingdonshire 011F</t>
  </si>
  <si>
    <t>E01018171</t>
  </si>
  <si>
    <t>Huntingdonshire 011G</t>
  </si>
  <si>
    <t>E01018172</t>
  </si>
  <si>
    <t>Huntingdonshire 020A</t>
  </si>
  <si>
    <t>E02003772</t>
  </si>
  <si>
    <t>Huntingdonshire 020</t>
  </si>
  <si>
    <t>E01018173</t>
  </si>
  <si>
    <t>Huntingdonshire 020B</t>
  </si>
  <si>
    <t>E01018174</t>
  </si>
  <si>
    <t>Huntingdonshire 020C</t>
  </si>
  <si>
    <t>E01018175</t>
  </si>
  <si>
    <t>Huntingdonshire 020D</t>
  </si>
  <si>
    <t>E01018176</t>
  </si>
  <si>
    <t>Huntingdonshire 020E</t>
  </si>
  <si>
    <t>E01018177</t>
  </si>
  <si>
    <t>Huntingdonshire 022A</t>
  </si>
  <si>
    <t>E02003774</t>
  </si>
  <si>
    <t>Huntingdonshire 022</t>
  </si>
  <si>
    <t>E01018178</t>
  </si>
  <si>
    <t>Huntingdonshire 022B</t>
  </si>
  <si>
    <t>E01018179</t>
  </si>
  <si>
    <t>Huntingdonshire 022C</t>
  </si>
  <si>
    <t>E01018180</t>
  </si>
  <si>
    <t>Huntingdonshire 022D</t>
  </si>
  <si>
    <t>E01018182</t>
  </si>
  <si>
    <t>Huntingdonshire 021B</t>
  </si>
  <si>
    <t>E02003773</t>
  </si>
  <si>
    <t>Huntingdonshire 021</t>
  </si>
  <si>
    <t>E01018183</t>
  </si>
  <si>
    <t>Huntingdonshire 021C</t>
  </si>
  <si>
    <t>E01018184</t>
  </si>
  <si>
    <t>Huntingdonshire 021D</t>
  </si>
  <si>
    <t>E01018185</t>
  </si>
  <si>
    <t>Huntingdonshire 021E</t>
  </si>
  <si>
    <t>E01018186</t>
  </si>
  <si>
    <t>Huntingdonshire 021F</t>
  </si>
  <si>
    <t>E01018187</t>
  </si>
  <si>
    <t>Huntingdonshire 019A</t>
  </si>
  <si>
    <t>E02003771</t>
  </si>
  <si>
    <t>Huntingdonshire 019</t>
  </si>
  <si>
    <t>E01018188</t>
  </si>
  <si>
    <t>Huntingdonshire 019B</t>
  </si>
  <si>
    <t>E01018189</t>
  </si>
  <si>
    <t>Huntingdonshire 019C</t>
  </si>
  <si>
    <t>E01018190</t>
  </si>
  <si>
    <t>Huntingdonshire 019D</t>
  </si>
  <si>
    <t>E01018191</t>
  </si>
  <si>
    <t>Huntingdonshire 004A</t>
  </si>
  <si>
    <t>E02003756</t>
  </si>
  <si>
    <t>Huntingdonshire 004</t>
  </si>
  <si>
    <t>E01018192</t>
  </si>
  <si>
    <t>Huntingdonshire 004B</t>
  </si>
  <si>
    <t>E01018193</t>
  </si>
  <si>
    <t>Huntingdonshire 004C</t>
  </si>
  <si>
    <t>E01018194</t>
  </si>
  <si>
    <t>Huntingdonshire 004D</t>
  </si>
  <si>
    <t>E01018195</t>
  </si>
  <si>
    <t>Huntingdonshire 004E</t>
  </si>
  <si>
    <t>E01018196</t>
  </si>
  <si>
    <t>Huntingdonshire 006A</t>
  </si>
  <si>
    <t>E02003758</t>
  </si>
  <si>
    <t>Huntingdonshire 006</t>
  </si>
  <si>
    <t>E01018197</t>
  </si>
  <si>
    <t>Huntingdonshire 006B</t>
  </si>
  <si>
    <t>E01018198</t>
  </si>
  <si>
    <t>Huntingdonshire 006C</t>
  </si>
  <si>
    <t>E01018199</t>
  </si>
  <si>
    <t>Huntingdonshire 006D</t>
  </si>
  <si>
    <t>E01018200</t>
  </si>
  <si>
    <t>Huntingdonshire 002C</t>
  </si>
  <si>
    <t>E01018201</t>
  </si>
  <si>
    <t>Huntingdonshire 002D</t>
  </si>
  <si>
    <t>E01018202</t>
  </si>
  <si>
    <t>Huntingdonshire 016C</t>
  </si>
  <si>
    <t>E01018203</t>
  </si>
  <si>
    <t>Huntingdonshire 016D</t>
  </si>
  <si>
    <t>E01018204</t>
  </si>
  <si>
    <t>Huntingdonshire 016E</t>
  </si>
  <si>
    <t>E01018205</t>
  </si>
  <si>
    <t>Huntingdonshire 016F</t>
  </si>
  <si>
    <t>E01018206</t>
  </si>
  <si>
    <t>Huntingdonshire 006E</t>
  </si>
  <si>
    <t>E01018207</t>
  </si>
  <si>
    <t>Huntingdonshire 006F</t>
  </si>
  <si>
    <t>E01018208</t>
  </si>
  <si>
    <t>Huntingdonshire 005A</t>
  </si>
  <si>
    <t>E02003757</t>
  </si>
  <si>
    <t>Huntingdonshire 005</t>
  </si>
  <si>
    <t>E01018209</t>
  </si>
  <si>
    <t>Huntingdonshire 005B</t>
  </si>
  <si>
    <t>E01018210</t>
  </si>
  <si>
    <t>Huntingdonshire 005C</t>
  </si>
  <si>
    <t>E01018211</t>
  </si>
  <si>
    <t>Huntingdonshire 005D</t>
  </si>
  <si>
    <t>E01018212</t>
  </si>
  <si>
    <t>Huntingdonshire 001A</t>
  </si>
  <si>
    <t>E02003753</t>
  </si>
  <si>
    <t>Huntingdonshire 001</t>
  </si>
  <si>
    <t>E01018213</t>
  </si>
  <si>
    <t>Huntingdonshire 001B</t>
  </si>
  <si>
    <t>E01018214</t>
  </si>
  <si>
    <t>Huntingdonshire 001C</t>
  </si>
  <si>
    <t>E01018215</t>
  </si>
  <si>
    <t>Huntingdonshire 001D</t>
  </si>
  <si>
    <t>E01018216</t>
  </si>
  <si>
    <t>Huntingdonshire 001E</t>
  </si>
  <si>
    <t>E01018217</t>
  </si>
  <si>
    <t>Huntingdonshire 001F</t>
  </si>
  <si>
    <t>E01018218</t>
  </si>
  <si>
    <t>South Cambridgeshire 016A</t>
  </si>
  <si>
    <t>E02003790</t>
  </si>
  <si>
    <t>South Cambridgeshire 016</t>
  </si>
  <si>
    <t>E07000012</t>
  </si>
  <si>
    <t>South Cambridgeshire</t>
  </si>
  <si>
    <t>E01018219</t>
  </si>
  <si>
    <t>South Cambridgeshire 016B</t>
  </si>
  <si>
    <t>E01018220</t>
  </si>
  <si>
    <t>South Cambridgeshire 016C</t>
  </si>
  <si>
    <t>E01018221</t>
  </si>
  <si>
    <t>South Cambridgeshire 022A</t>
  </si>
  <si>
    <t>E02007085</t>
  </si>
  <si>
    <t>South Cambridgeshire 022</t>
  </si>
  <si>
    <t>E01018222</t>
  </si>
  <si>
    <t>South Cambridgeshire 022B</t>
  </si>
  <si>
    <t>E01018223</t>
  </si>
  <si>
    <t>South Cambridgeshire 022C</t>
  </si>
  <si>
    <t>E01018224</t>
  </si>
  <si>
    <t>South Cambridgeshire 022F</t>
  </si>
  <si>
    <t>E01018225</t>
  </si>
  <si>
    <t>South Cambridgeshire 022G</t>
  </si>
  <si>
    <t>E01018226</t>
  </si>
  <si>
    <t>South Cambridgeshire 019A</t>
  </si>
  <si>
    <t>E02003793</t>
  </si>
  <si>
    <t>South Cambridgeshire 019</t>
  </si>
  <si>
    <t>E01018227</t>
  </si>
  <si>
    <t>South Cambridgeshire 019B</t>
  </si>
  <si>
    <t>E01018228</t>
  </si>
  <si>
    <t>South Cambridgeshire 019C</t>
  </si>
  <si>
    <t>E01018231</t>
  </si>
  <si>
    <t>South Cambridgeshire 010A</t>
  </si>
  <si>
    <t>E02003784</t>
  </si>
  <si>
    <t>South Cambridgeshire 010</t>
  </si>
  <si>
    <t>E01018232</t>
  </si>
  <si>
    <t>South Cambridgeshire 010B</t>
  </si>
  <si>
    <t>E01018233</t>
  </si>
  <si>
    <t>South Cambridgeshire 002A</t>
  </si>
  <si>
    <t>E02003776</t>
  </si>
  <si>
    <t>South Cambridgeshire 002</t>
  </si>
  <si>
    <t>E01018234</t>
  </si>
  <si>
    <t>South Cambridgeshire 002B</t>
  </si>
  <si>
    <t>E01018235</t>
  </si>
  <si>
    <t>South Cambridgeshire 002C</t>
  </si>
  <si>
    <t>E01018236</t>
  </si>
  <si>
    <t>South Cambridgeshire 002D</t>
  </si>
  <si>
    <t>E01018237</t>
  </si>
  <si>
    <t>South Cambridgeshire 003A</t>
  </si>
  <si>
    <t>E02003777</t>
  </si>
  <si>
    <t>South Cambridgeshire 003</t>
  </si>
  <si>
    <t>E01018238</t>
  </si>
  <si>
    <t>South Cambridgeshire 017A</t>
  </si>
  <si>
    <t>E02003791</t>
  </si>
  <si>
    <t>South Cambridgeshire 017</t>
  </si>
  <si>
    <t>E01018239</t>
  </si>
  <si>
    <t>South Cambridgeshire 017B</t>
  </si>
  <si>
    <t>E01018240</t>
  </si>
  <si>
    <t>South Cambridgeshire 014A</t>
  </si>
  <si>
    <t>E02003788</t>
  </si>
  <si>
    <t>South Cambridgeshire 014</t>
  </si>
  <si>
    <t>E01018241</t>
  </si>
  <si>
    <t>South Cambridgeshire 018A</t>
  </si>
  <si>
    <t>E02003792</t>
  </si>
  <si>
    <t>South Cambridgeshire 018</t>
  </si>
  <si>
    <t>E01018242</t>
  </si>
  <si>
    <t>South Cambridgeshire 011A</t>
  </si>
  <si>
    <t>E02003785</t>
  </si>
  <si>
    <t>South Cambridgeshire 011</t>
  </si>
  <si>
    <t>E01018243</t>
  </si>
  <si>
    <t>South Cambridgeshire 011B</t>
  </si>
  <si>
    <t>E01018244</t>
  </si>
  <si>
    <t>South Cambridgeshire 011C</t>
  </si>
  <si>
    <t>E01018245</t>
  </si>
  <si>
    <t>South Cambridgeshire 013A</t>
  </si>
  <si>
    <t>E02003787</t>
  </si>
  <si>
    <t>South Cambridgeshire 013</t>
  </si>
  <si>
    <t>E01018246</t>
  </si>
  <si>
    <t>South Cambridgeshire 013B</t>
  </si>
  <si>
    <t>E01018247</t>
  </si>
  <si>
    <t>South Cambridgeshire 013C</t>
  </si>
  <si>
    <t>E01018248</t>
  </si>
  <si>
    <t>South Cambridgeshire 022E</t>
  </si>
  <si>
    <t>E01018251</t>
  </si>
  <si>
    <t>South Cambridgeshire 010C</t>
  </si>
  <si>
    <t>E01018252</t>
  </si>
  <si>
    <t>South Cambridgeshire 010D</t>
  </si>
  <si>
    <t>E01018253</t>
  </si>
  <si>
    <t>South Cambridgeshire 014B</t>
  </si>
  <si>
    <t>E01018254</t>
  </si>
  <si>
    <t>South Cambridgeshire 014C</t>
  </si>
  <si>
    <t>E01018255</t>
  </si>
  <si>
    <t>South Cambridgeshire 010E</t>
  </si>
  <si>
    <t>E01018256</t>
  </si>
  <si>
    <t>South Cambridgeshire 014D</t>
  </si>
  <si>
    <t>E01018257</t>
  </si>
  <si>
    <t>South Cambridgeshire 006A</t>
  </si>
  <si>
    <t>E02003780</t>
  </si>
  <si>
    <t>South Cambridgeshire 006</t>
  </si>
  <si>
    <t>E01018258</t>
  </si>
  <si>
    <t>South Cambridgeshire 006B</t>
  </si>
  <si>
    <t>E01018259</t>
  </si>
  <si>
    <t>South Cambridgeshire 006C</t>
  </si>
  <si>
    <t>E01018260</t>
  </si>
  <si>
    <t>South Cambridgeshire 006D</t>
  </si>
  <si>
    <t>E01018262</t>
  </si>
  <si>
    <t>South Cambridgeshire 006F</t>
  </si>
  <si>
    <t>E01018263</t>
  </si>
  <si>
    <t>South Cambridgeshire 016D</t>
  </si>
  <si>
    <t>E01018264</t>
  </si>
  <si>
    <t>South Cambridgeshire 016E</t>
  </si>
  <si>
    <t>E01018265</t>
  </si>
  <si>
    <t>South Cambridgeshire 016F</t>
  </si>
  <si>
    <t>E01018267</t>
  </si>
  <si>
    <t>South Cambridgeshire 018B</t>
  </si>
  <si>
    <t>E01018268</t>
  </si>
  <si>
    <t>South Cambridgeshire 018C</t>
  </si>
  <si>
    <t>E01018269</t>
  </si>
  <si>
    <t>South Cambridgeshire 018D</t>
  </si>
  <si>
    <t>E01018270</t>
  </si>
  <si>
    <t>South Cambridgeshire 018E</t>
  </si>
  <si>
    <t>E01018271</t>
  </si>
  <si>
    <t>South Cambridgeshire 018F</t>
  </si>
  <si>
    <t>E01018272</t>
  </si>
  <si>
    <t>South Cambridgeshire 007A</t>
  </si>
  <si>
    <t>E02003781</t>
  </si>
  <si>
    <t>South Cambridgeshire 007</t>
  </si>
  <si>
    <t>E01018273</t>
  </si>
  <si>
    <t>South Cambridgeshire 007B</t>
  </si>
  <si>
    <t>E01018274</t>
  </si>
  <si>
    <t>South Cambridgeshire 007C</t>
  </si>
  <si>
    <t>E01018275</t>
  </si>
  <si>
    <t>South Cambridgeshire 013D</t>
  </si>
  <si>
    <t>E01018276</t>
  </si>
  <si>
    <t>South Cambridgeshire 021A</t>
  </si>
  <si>
    <t>E02006874</t>
  </si>
  <si>
    <t>South Cambridgeshire 021</t>
  </si>
  <si>
    <t>E01018277</t>
  </si>
  <si>
    <t>South Cambridgeshire 021B</t>
  </si>
  <si>
    <t>E01018278</t>
  </si>
  <si>
    <t>South Cambridgeshire 021C</t>
  </si>
  <si>
    <t>E01018279</t>
  </si>
  <si>
    <t>South Cambridgeshire 015A</t>
  </si>
  <si>
    <t>E02003789</t>
  </si>
  <si>
    <t>South Cambridgeshire 015</t>
  </si>
  <si>
    <t>E01018280</t>
  </si>
  <si>
    <t>South Cambridgeshire 015B</t>
  </si>
  <si>
    <t>E01018281</t>
  </si>
  <si>
    <t>South Cambridgeshire 015C</t>
  </si>
  <si>
    <t>E01018282</t>
  </si>
  <si>
    <t>South Cambridgeshire 015D</t>
  </si>
  <si>
    <t>E01018283</t>
  </si>
  <si>
    <t>South Cambridgeshire 015E</t>
  </si>
  <si>
    <t>E01018284</t>
  </si>
  <si>
    <t>South Cambridgeshire 003C</t>
  </si>
  <si>
    <t>E01018285</t>
  </si>
  <si>
    <t>South Cambridgeshire 003D</t>
  </si>
  <si>
    <t>E01018286</t>
  </si>
  <si>
    <t>South Cambridgeshire 011D</t>
  </si>
  <si>
    <t>E01018287</t>
  </si>
  <si>
    <t>South Cambridgeshire 011E</t>
  </si>
  <si>
    <t>E01018288</t>
  </si>
  <si>
    <t>South Cambridgeshire 017C</t>
  </si>
  <si>
    <t>E01018289</t>
  </si>
  <si>
    <t>South Cambridgeshire 017D</t>
  </si>
  <si>
    <t>E01018290</t>
  </si>
  <si>
    <t>South Cambridgeshire 019D</t>
  </si>
  <si>
    <t>E01018291</t>
  </si>
  <si>
    <t>South Cambridgeshire 014E</t>
  </si>
  <si>
    <t>E01018292</t>
  </si>
  <si>
    <t>South Cambridgeshire 012A</t>
  </si>
  <si>
    <t>E02003786</t>
  </si>
  <si>
    <t>South Cambridgeshire 012</t>
  </si>
  <si>
    <t>E01018293</t>
  </si>
  <si>
    <t>South Cambridgeshire 012B</t>
  </si>
  <si>
    <t>E01018294</t>
  </si>
  <si>
    <t>South Cambridgeshire 012C</t>
  </si>
  <si>
    <t>E01018295</t>
  </si>
  <si>
    <t>South Cambridgeshire 012D</t>
  </si>
  <si>
    <t>E01018296</t>
  </si>
  <si>
    <t>South Cambridgeshire 011F</t>
  </si>
  <si>
    <t>E01018297</t>
  </si>
  <si>
    <t>South Cambridgeshire 007D</t>
  </si>
  <si>
    <t>E01018298</t>
  </si>
  <si>
    <t>South Cambridgeshire 004A</t>
  </si>
  <si>
    <t>E02003778</t>
  </si>
  <si>
    <t>South Cambridgeshire 004</t>
  </si>
  <si>
    <t>E01018299</t>
  </si>
  <si>
    <t>South Cambridgeshire 004B</t>
  </si>
  <si>
    <t>E01018300</t>
  </si>
  <si>
    <t>South Cambridgeshire 004C</t>
  </si>
  <si>
    <t>E01018301</t>
  </si>
  <si>
    <t>South Cambridgeshire 004D</t>
  </si>
  <si>
    <t>E01018302</t>
  </si>
  <si>
    <t>South Cambridgeshire 017E</t>
  </si>
  <si>
    <t>E01018303</t>
  </si>
  <si>
    <t>South Cambridgeshire 017F</t>
  </si>
  <si>
    <t>E01018304</t>
  </si>
  <si>
    <t>South Cambridgeshire 001A</t>
  </si>
  <si>
    <t>E02003775</t>
  </si>
  <si>
    <t>South Cambridgeshire 001</t>
  </si>
  <si>
    <t>E01018305</t>
  </si>
  <si>
    <t>South Cambridgeshire 001B</t>
  </si>
  <si>
    <t>E01018306</t>
  </si>
  <si>
    <t>South Cambridgeshire 001C</t>
  </si>
  <si>
    <t>E01018307</t>
  </si>
  <si>
    <t>South Cambridgeshire 001D</t>
  </si>
  <si>
    <t>E01020910</t>
  </si>
  <si>
    <t>Eastbourne 010A</t>
  </si>
  <si>
    <t>E02004365</t>
  </si>
  <si>
    <t>Eastbourne 010</t>
  </si>
  <si>
    <t>E07000061</t>
  </si>
  <si>
    <t>Eastbourne</t>
  </si>
  <si>
    <t>E01020911</t>
  </si>
  <si>
    <t>Eastbourne 010B</t>
  </si>
  <si>
    <t>E01020912</t>
  </si>
  <si>
    <t>Eastbourne 010C</t>
  </si>
  <si>
    <t>E01020913</t>
  </si>
  <si>
    <t>Eastbourne 013A</t>
  </si>
  <si>
    <t>E02006857</t>
  </si>
  <si>
    <t>Eastbourne 013</t>
  </si>
  <si>
    <t>E01020914</t>
  </si>
  <si>
    <t>Eastbourne 007A</t>
  </si>
  <si>
    <t>E02004362</t>
  </si>
  <si>
    <t>Eastbourne 007</t>
  </si>
  <si>
    <t>E01020915</t>
  </si>
  <si>
    <t>Eastbourne 007B</t>
  </si>
  <si>
    <t>E01020916</t>
  </si>
  <si>
    <t>Eastbourne 010D</t>
  </si>
  <si>
    <t>E01020917</t>
  </si>
  <si>
    <t>Eastbourne 002A</t>
  </si>
  <si>
    <t>E02004357</t>
  </si>
  <si>
    <t>Eastbourne 002</t>
  </si>
  <si>
    <t>E01020918</t>
  </si>
  <si>
    <t>Eastbourne 002B</t>
  </si>
  <si>
    <t>E01020919</t>
  </si>
  <si>
    <t>Eastbourne 002C</t>
  </si>
  <si>
    <t>E01020920</t>
  </si>
  <si>
    <t>Eastbourne 004A</t>
  </si>
  <si>
    <t>E02004359</t>
  </si>
  <si>
    <t>Eastbourne 004</t>
  </si>
  <si>
    <t>E01020921</t>
  </si>
  <si>
    <t>Eastbourne 004B</t>
  </si>
  <si>
    <t>E01020922</t>
  </si>
  <si>
    <t>Eastbourne 004C</t>
  </si>
  <si>
    <t>E01020923</t>
  </si>
  <si>
    <t>Eastbourne 002D</t>
  </si>
  <si>
    <t>E01020924</t>
  </si>
  <si>
    <t>Eastbourne 001A</t>
  </si>
  <si>
    <t>E02004356</t>
  </si>
  <si>
    <t>Eastbourne 001</t>
  </si>
  <si>
    <t>E01020925</t>
  </si>
  <si>
    <t>Eastbourne 001B</t>
  </si>
  <si>
    <t>E01020926</t>
  </si>
  <si>
    <t>Eastbourne 003A</t>
  </si>
  <si>
    <t>E02004358</t>
  </si>
  <si>
    <t>Eastbourne 003</t>
  </si>
  <si>
    <t>E01020927</t>
  </si>
  <si>
    <t>Eastbourne 001C</t>
  </si>
  <si>
    <t>E01020928</t>
  </si>
  <si>
    <t>Eastbourne 001D</t>
  </si>
  <si>
    <t>E01020929</t>
  </si>
  <si>
    <t>Eastbourne 003B</t>
  </si>
  <si>
    <t>E01020930</t>
  </si>
  <si>
    <t>Eastbourne 001E</t>
  </si>
  <si>
    <t>E01020931</t>
  </si>
  <si>
    <t>Eastbourne 012A</t>
  </si>
  <si>
    <t>E02004367</t>
  </si>
  <si>
    <t>Eastbourne 012</t>
  </si>
  <si>
    <t>E01020932</t>
  </si>
  <si>
    <t>Eastbourne 012B</t>
  </si>
  <si>
    <t>E01020935</t>
  </si>
  <si>
    <t>Eastbourne 011A</t>
  </si>
  <si>
    <t>E02004366</t>
  </si>
  <si>
    <t>Eastbourne 011</t>
  </si>
  <si>
    <t>E01020936</t>
  </si>
  <si>
    <t>Eastbourne 011B</t>
  </si>
  <si>
    <t>E01020937</t>
  </si>
  <si>
    <t>Eastbourne 011C</t>
  </si>
  <si>
    <t>E01020938</t>
  </si>
  <si>
    <t>Eastbourne 009A</t>
  </si>
  <si>
    <t>E02004364</t>
  </si>
  <si>
    <t>Eastbourne 009</t>
  </si>
  <si>
    <t>E01020939</t>
  </si>
  <si>
    <t>Eastbourne 009B</t>
  </si>
  <si>
    <t>E01020940</t>
  </si>
  <si>
    <t>Eastbourne 006A</t>
  </si>
  <si>
    <t>E02004361</t>
  </si>
  <si>
    <t>Eastbourne 006</t>
  </si>
  <si>
    <t>E01020941</t>
  </si>
  <si>
    <t>Eastbourne 006B</t>
  </si>
  <si>
    <t>E01020942</t>
  </si>
  <si>
    <t>Eastbourne 006C</t>
  </si>
  <si>
    <t>E01020943</t>
  </si>
  <si>
    <t>Eastbourne 009C</t>
  </si>
  <si>
    <t>E01020944</t>
  </si>
  <si>
    <t>Eastbourne 012E</t>
  </si>
  <si>
    <t>E01020945</t>
  </si>
  <si>
    <t>Eastbourne 004D</t>
  </si>
  <si>
    <t>E01020946</t>
  </si>
  <si>
    <t>Eastbourne 006D</t>
  </si>
  <si>
    <t>E01020947</t>
  </si>
  <si>
    <t>Eastbourne 006E</t>
  </si>
  <si>
    <t>E01020948</t>
  </si>
  <si>
    <t>Eastbourne 008A</t>
  </si>
  <si>
    <t>E02004363</t>
  </si>
  <si>
    <t>Eastbourne 008</t>
  </si>
  <si>
    <t>E01020949</t>
  </si>
  <si>
    <t>Eastbourne 002E</t>
  </si>
  <si>
    <t>E01020950</t>
  </si>
  <si>
    <t>Eastbourne 004E</t>
  </si>
  <si>
    <t>E01020951</t>
  </si>
  <si>
    <t>Eastbourne 013B</t>
  </si>
  <si>
    <t>E01020952</t>
  </si>
  <si>
    <t>Eastbourne 007C</t>
  </si>
  <si>
    <t>E01020953</t>
  </si>
  <si>
    <t>Eastbourne 007D</t>
  </si>
  <si>
    <t>E01020954</t>
  </si>
  <si>
    <t>Eastbourne 007E</t>
  </si>
  <si>
    <t>E01020955</t>
  </si>
  <si>
    <t>Eastbourne 003C</t>
  </si>
  <si>
    <t>E01020956</t>
  </si>
  <si>
    <t>Eastbourne 003D</t>
  </si>
  <si>
    <t>E01020957</t>
  </si>
  <si>
    <t>Eastbourne 003E</t>
  </si>
  <si>
    <t>E01020959</t>
  </si>
  <si>
    <t>Eastbourne 013C</t>
  </si>
  <si>
    <t>E01020960</t>
  </si>
  <si>
    <t>Eastbourne 014A</t>
  </si>
  <si>
    <t>E02006858</t>
  </si>
  <si>
    <t>Eastbourne 014</t>
  </si>
  <si>
    <t>E01020961</t>
  </si>
  <si>
    <t>Eastbourne 013D</t>
  </si>
  <si>
    <t>E01020962</t>
  </si>
  <si>
    <t>Eastbourne 013E</t>
  </si>
  <si>
    <t>E01020963</t>
  </si>
  <si>
    <t>Eastbourne 008B</t>
  </si>
  <si>
    <t>E01020964</t>
  </si>
  <si>
    <t>Eastbourne 009D</t>
  </si>
  <si>
    <t>E01020965</t>
  </si>
  <si>
    <t>Eastbourne 008C</t>
  </si>
  <si>
    <t>E01020966</t>
  </si>
  <si>
    <t>Eastbourne 008D</t>
  </si>
  <si>
    <t>E01020967</t>
  </si>
  <si>
    <t>Eastbourne 009E</t>
  </si>
  <si>
    <t>E01020968</t>
  </si>
  <si>
    <t>Eastbourne 011D</t>
  </si>
  <si>
    <t>E01020969</t>
  </si>
  <si>
    <t>Hastings 001A</t>
  </si>
  <si>
    <t>E02004368</t>
  </si>
  <si>
    <t>Hastings 001</t>
  </si>
  <si>
    <t>E07000062</t>
  </si>
  <si>
    <t>Hastings</t>
  </si>
  <si>
    <t>E01020970</t>
  </si>
  <si>
    <t>Hastings 001B</t>
  </si>
  <si>
    <t>E01020971</t>
  </si>
  <si>
    <t>Hastings 001C</t>
  </si>
  <si>
    <t>E01020972</t>
  </si>
  <si>
    <t>Hastings 005A</t>
  </si>
  <si>
    <t>E02004372</t>
  </si>
  <si>
    <t>Hastings 005</t>
  </si>
  <si>
    <t>E01020973</t>
  </si>
  <si>
    <t>Hastings 005B</t>
  </si>
  <si>
    <t>E01020974</t>
  </si>
  <si>
    <t>Hastings 002A</t>
  </si>
  <si>
    <t>E02004369</t>
  </si>
  <si>
    <t>Hastings 002</t>
  </si>
  <si>
    <t>E01020975</t>
  </si>
  <si>
    <t>Hastings 008A</t>
  </si>
  <si>
    <t>E02004375</t>
  </si>
  <si>
    <t>Hastings 008</t>
  </si>
  <si>
    <t>E01020976</t>
  </si>
  <si>
    <t>Hastings 008B</t>
  </si>
  <si>
    <t>E01020977</t>
  </si>
  <si>
    <t>Hastings 005C</t>
  </si>
  <si>
    <t>E01020978</t>
  </si>
  <si>
    <t>Hastings 009A</t>
  </si>
  <si>
    <t>E02004376</t>
  </si>
  <si>
    <t>Hastings 009</t>
  </si>
  <si>
    <t>E01020979</t>
  </si>
  <si>
    <t>Hastings 009B</t>
  </si>
  <si>
    <t>E01020980</t>
  </si>
  <si>
    <t>Hastings 009C</t>
  </si>
  <si>
    <t>E01020981</t>
  </si>
  <si>
    <t>Hastings 009D</t>
  </si>
  <si>
    <t>E01020982</t>
  </si>
  <si>
    <t>Hastings 011A</t>
  </si>
  <si>
    <t>E02004378</t>
  </si>
  <si>
    <t>Hastings 011</t>
  </si>
  <si>
    <t>E01020983</t>
  </si>
  <si>
    <t>Hastings 011B</t>
  </si>
  <si>
    <t>E01020984</t>
  </si>
  <si>
    <t>Hastings 011C</t>
  </si>
  <si>
    <t>E01020985</t>
  </si>
  <si>
    <t>Hastings 011D</t>
  </si>
  <si>
    <t>E01020986</t>
  </si>
  <si>
    <t>Hastings 002B</t>
  </si>
  <si>
    <t>E01020987</t>
  </si>
  <si>
    <t>Hastings 001D</t>
  </si>
  <si>
    <t>E01020988</t>
  </si>
  <si>
    <t>Hastings 002C</t>
  </si>
  <si>
    <t>E01020989</t>
  </si>
  <si>
    <t>Hastings 011E</t>
  </si>
  <si>
    <t>E01020990</t>
  </si>
  <si>
    <t>Hastings 008C</t>
  </si>
  <si>
    <t>E01020991</t>
  </si>
  <si>
    <t>Hastings 008D</t>
  </si>
  <si>
    <t>E01020992</t>
  </si>
  <si>
    <t>Hastings 008E</t>
  </si>
  <si>
    <t>E01020993</t>
  </si>
  <si>
    <t>Hastings 003A</t>
  </si>
  <si>
    <t>E02004370</t>
  </si>
  <si>
    <t>Hastings 003</t>
  </si>
  <si>
    <t>E01020994</t>
  </si>
  <si>
    <t>Hastings 003B</t>
  </si>
  <si>
    <t>E01020995</t>
  </si>
  <si>
    <t>Hastings 003C</t>
  </si>
  <si>
    <t>E01020996</t>
  </si>
  <si>
    <t>Hastings 003D</t>
  </si>
  <si>
    <t>E01020997</t>
  </si>
  <si>
    <t>Hastings 010A</t>
  </si>
  <si>
    <t>E02004377</t>
  </si>
  <si>
    <t>Hastings 010</t>
  </si>
  <si>
    <t>E01020998</t>
  </si>
  <si>
    <t>Hastings 010B</t>
  </si>
  <si>
    <t>E01020999</t>
  </si>
  <si>
    <t>Hastings 010C</t>
  </si>
  <si>
    <t>E01021000</t>
  </si>
  <si>
    <t>Hastings 007A</t>
  </si>
  <si>
    <t>E02004374</t>
  </si>
  <si>
    <t>Hastings 007</t>
  </si>
  <si>
    <t>E01021001</t>
  </si>
  <si>
    <t>Hastings 007B</t>
  </si>
  <si>
    <t>E01021002</t>
  </si>
  <si>
    <t>Hastings 007C</t>
  </si>
  <si>
    <t>E01021003</t>
  </si>
  <si>
    <t>Hastings 007D</t>
  </si>
  <si>
    <t>E01021004</t>
  </si>
  <si>
    <t>Hastings 004A</t>
  </si>
  <si>
    <t>E02004371</t>
  </si>
  <si>
    <t>Hastings 004</t>
  </si>
  <si>
    <t>E01021005</t>
  </si>
  <si>
    <t>Hastings 004B</t>
  </si>
  <si>
    <t>E01021006</t>
  </si>
  <si>
    <t>Hastings 004C</t>
  </si>
  <si>
    <t>E01021007</t>
  </si>
  <si>
    <t>Hastings 002D</t>
  </si>
  <si>
    <t>E01021008</t>
  </si>
  <si>
    <t>Hastings 002E</t>
  </si>
  <si>
    <t>E01021009</t>
  </si>
  <si>
    <t>Hastings 002F</t>
  </si>
  <si>
    <t>E01021010</t>
  </si>
  <si>
    <t>Hastings 006A</t>
  </si>
  <si>
    <t>E02004373</t>
  </si>
  <si>
    <t>Hastings 006</t>
  </si>
  <si>
    <t>E01021011</t>
  </si>
  <si>
    <t>Hastings 006B</t>
  </si>
  <si>
    <t>E01021012</t>
  </si>
  <si>
    <t>Hastings 006C</t>
  </si>
  <si>
    <t>E01021013</t>
  </si>
  <si>
    <t>Hastings 004D</t>
  </si>
  <si>
    <t>E01021014</t>
  </si>
  <si>
    <t>Hastings 007E</t>
  </si>
  <si>
    <t>E01021015</t>
  </si>
  <si>
    <t>Hastings 005D</t>
  </si>
  <si>
    <t>E01021016</t>
  </si>
  <si>
    <t>Hastings 010D</t>
  </si>
  <si>
    <t>E01021017</t>
  </si>
  <si>
    <t>Hastings 010E</t>
  </si>
  <si>
    <t>E01021018</t>
  </si>
  <si>
    <t>Hastings 010F</t>
  </si>
  <si>
    <t>E01021019</t>
  </si>
  <si>
    <t>Hastings 003E</t>
  </si>
  <si>
    <t>E01021020</t>
  </si>
  <si>
    <t>Hastings 006D</t>
  </si>
  <si>
    <t>E01021021</t>
  </si>
  <si>
    <t>Hastings 006E</t>
  </si>
  <si>
    <t>E01021022</t>
  </si>
  <si>
    <t>Lewes 001A</t>
  </si>
  <si>
    <t>E02004379</t>
  </si>
  <si>
    <t>Lewes 001</t>
  </si>
  <si>
    <t>E07000063</t>
  </si>
  <si>
    <t>Lewes</t>
  </si>
  <si>
    <t>E01021023</t>
  </si>
  <si>
    <t>Lewes 002A</t>
  </si>
  <si>
    <t>E02004380</t>
  </si>
  <si>
    <t>Lewes 002</t>
  </si>
  <si>
    <t>E01021024</t>
  </si>
  <si>
    <t>Lewes 001B</t>
  </si>
  <si>
    <t>E01021025</t>
  </si>
  <si>
    <t>Lewes 001C</t>
  </si>
  <si>
    <t>E01021026</t>
  </si>
  <si>
    <t>Lewes 002B</t>
  </si>
  <si>
    <t>E01021027</t>
  </si>
  <si>
    <t>Lewes 006A</t>
  </si>
  <si>
    <t>E02004384</t>
  </si>
  <si>
    <t>Lewes 006</t>
  </si>
  <si>
    <t>E01021028</t>
  </si>
  <si>
    <t>Lewes 006B</t>
  </si>
  <si>
    <t>E01021029</t>
  </si>
  <si>
    <t>Lewes 006C</t>
  </si>
  <si>
    <t>E01021030</t>
  </si>
  <si>
    <t>Lewes 006D</t>
  </si>
  <si>
    <t>E01021031</t>
  </si>
  <si>
    <t>Lewes 006E</t>
  </si>
  <si>
    <t>E01021032</t>
  </si>
  <si>
    <t>Lewes 002C</t>
  </si>
  <si>
    <t>E01021033</t>
  </si>
  <si>
    <t>Lewes 003A</t>
  </si>
  <si>
    <t>E02004381</t>
  </si>
  <si>
    <t>Lewes 003</t>
  </si>
  <si>
    <t>E01021034</t>
  </si>
  <si>
    <t>Lewes 003B</t>
  </si>
  <si>
    <t>E01021035</t>
  </si>
  <si>
    <t>Lewes 003C</t>
  </si>
  <si>
    <t>E01021036</t>
  </si>
  <si>
    <t>Lewes 003D</t>
  </si>
  <si>
    <t>E01021037</t>
  </si>
  <si>
    <t>Lewes 003E</t>
  </si>
  <si>
    <t>E01021038</t>
  </si>
  <si>
    <t>Lewes 003F</t>
  </si>
  <si>
    <t>E01021039</t>
  </si>
  <si>
    <t>Lewes 005A</t>
  </si>
  <si>
    <t>E02004383</t>
  </si>
  <si>
    <t>Lewes 005</t>
  </si>
  <si>
    <t>E01021040</t>
  </si>
  <si>
    <t>Lewes 005B</t>
  </si>
  <si>
    <t>E01021041</t>
  </si>
  <si>
    <t>Lewes 005C</t>
  </si>
  <si>
    <t>E01021042</t>
  </si>
  <si>
    <t>Lewes 005D</t>
  </si>
  <si>
    <t>E01021043</t>
  </si>
  <si>
    <t>Lewes 005E</t>
  </si>
  <si>
    <t>E01021044</t>
  </si>
  <si>
    <t>Lewes 009A</t>
  </si>
  <si>
    <t>E02004387</t>
  </si>
  <si>
    <t>Lewes 009</t>
  </si>
  <si>
    <t>E01021045</t>
  </si>
  <si>
    <t>Lewes 008A</t>
  </si>
  <si>
    <t>E02004386</t>
  </si>
  <si>
    <t>Lewes 008</t>
  </si>
  <si>
    <t>E01021046</t>
  </si>
  <si>
    <t>Lewes 008B</t>
  </si>
  <si>
    <t>E01021047</t>
  </si>
  <si>
    <t>Lewes 008C</t>
  </si>
  <si>
    <t>E01021048</t>
  </si>
  <si>
    <t>Lewes 008D</t>
  </si>
  <si>
    <t>E01021049</t>
  </si>
  <si>
    <t>Lewes 009B</t>
  </si>
  <si>
    <t>E01021050</t>
  </si>
  <si>
    <t>Lewes 009C</t>
  </si>
  <si>
    <t>E01021051</t>
  </si>
  <si>
    <t>Lewes 009D</t>
  </si>
  <si>
    <t>E01021052</t>
  </si>
  <si>
    <t>Lewes 001D</t>
  </si>
  <si>
    <t>E01021053</t>
  </si>
  <si>
    <t>Lewes 001E</t>
  </si>
  <si>
    <t>E01021054</t>
  </si>
  <si>
    <t>Lewes 004A</t>
  </si>
  <si>
    <t>E02004382</t>
  </si>
  <si>
    <t>Lewes 004</t>
  </si>
  <si>
    <t>E01021055</t>
  </si>
  <si>
    <t>Lewes 004B</t>
  </si>
  <si>
    <t>E01021056</t>
  </si>
  <si>
    <t>Lewes 004C</t>
  </si>
  <si>
    <t>E01021057</t>
  </si>
  <si>
    <t>Lewes 004D</t>
  </si>
  <si>
    <t>E01021058</t>
  </si>
  <si>
    <t>Lewes 010A</t>
  </si>
  <si>
    <t>E02004388</t>
  </si>
  <si>
    <t>Lewes 010</t>
  </si>
  <si>
    <t>E01021059</t>
  </si>
  <si>
    <t>Lewes 010B</t>
  </si>
  <si>
    <t>E01021060</t>
  </si>
  <si>
    <t>Lewes 010C</t>
  </si>
  <si>
    <t>E01021061</t>
  </si>
  <si>
    <t>Lewes 007A</t>
  </si>
  <si>
    <t>E02004385</t>
  </si>
  <si>
    <t>Lewes 007</t>
  </si>
  <si>
    <t>E01021062</t>
  </si>
  <si>
    <t>Lewes 010D</t>
  </si>
  <si>
    <t>E01021063</t>
  </si>
  <si>
    <t>Lewes 007B</t>
  </si>
  <si>
    <t>E01021064</t>
  </si>
  <si>
    <t>Lewes 007C</t>
  </si>
  <si>
    <t>E01021065</t>
  </si>
  <si>
    <t>Lewes 007D</t>
  </si>
  <si>
    <t>E01021066</t>
  </si>
  <si>
    <t>Lewes 007E</t>
  </si>
  <si>
    <t>E01021067</t>
  </si>
  <si>
    <t>Lewes 002D</t>
  </si>
  <si>
    <t>E01021068</t>
  </si>
  <si>
    <t>Lewes 002E</t>
  </si>
  <si>
    <t>E01021069</t>
  </si>
  <si>
    <t>Lewes 011A</t>
  </si>
  <si>
    <t>E02004389</t>
  </si>
  <si>
    <t>Lewes 011</t>
  </si>
  <si>
    <t>E01021070</t>
  </si>
  <si>
    <t>Lewes 013A</t>
  </si>
  <si>
    <t>E02004391</t>
  </si>
  <si>
    <t>Lewes 013</t>
  </si>
  <si>
    <t>E01021071</t>
  </si>
  <si>
    <t>Lewes 013B</t>
  </si>
  <si>
    <t>E01021072</t>
  </si>
  <si>
    <t>Lewes 012A</t>
  </si>
  <si>
    <t>E02004390</t>
  </si>
  <si>
    <t>Lewes 012</t>
  </si>
  <si>
    <t>E01021073</t>
  </si>
  <si>
    <t>Lewes 012B</t>
  </si>
  <si>
    <t>E01021074</t>
  </si>
  <si>
    <t>Lewes 012C</t>
  </si>
  <si>
    <t>E01021075</t>
  </si>
  <si>
    <t>Lewes 011B</t>
  </si>
  <si>
    <t>E01021076</t>
  </si>
  <si>
    <t>Lewes 012D</t>
  </si>
  <si>
    <t>E01021077</t>
  </si>
  <si>
    <t>Lewes 011C</t>
  </si>
  <si>
    <t>E01021078</t>
  </si>
  <si>
    <t>Lewes 012E</t>
  </si>
  <si>
    <t>E01021079</t>
  </si>
  <si>
    <t>Lewes 013C</t>
  </si>
  <si>
    <t>E01021080</t>
  </si>
  <si>
    <t>Lewes 013D</t>
  </si>
  <si>
    <t>E01021081</t>
  </si>
  <si>
    <t>Lewes 011D</t>
  </si>
  <si>
    <t>E01021082</t>
  </si>
  <si>
    <t>Lewes 011E</t>
  </si>
  <si>
    <t>E01021083</t>
  </si>
  <si>
    <t>Lewes 011F</t>
  </si>
  <si>
    <t>E01021084</t>
  </si>
  <si>
    <t>Rother 006A</t>
  </si>
  <si>
    <t>E02004397</t>
  </si>
  <si>
    <t>Rother 006</t>
  </si>
  <si>
    <t>E07000064</t>
  </si>
  <si>
    <t>Rother</t>
  </si>
  <si>
    <t>E01021085</t>
  </si>
  <si>
    <t>Rother 006B</t>
  </si>
  <si>
    <t>E01021086</t>
  </si>
  <si>
    <t>Rother 006C</t>
  </si>
  <si>
    <t>E01021087</t>
  </si>
  <si>
    <t>Rother 005A</t>
  </si>
  <si>
    <t>E02004396</t>
  </si>
  <si>
    <t>Rother 005</t>
  </si>
  <si>
    <t>E01021088</t>
  </si>
  <si>
    <t>Rother 005B</t>
  </si>
  <si>
    <t>E01021089</t>
  </si>
  <si>
    <t>Rother 005C</t>
  </si>
  <si>
    <t>E01021090</t>
  </si>
  <si>
    <t>Rother 011A</t>
  </si>
  <si>
    <t>E02004402</t>
  </si>
  <si>
    <t>Rother 011</t>
  </si>
  <si>
    <t>E01021091</t>
  </si>
  <si>
    <t>Rother 011B</t>
  </si>
  <si>
    <t>E01021092</t>
  </si>
  <si>
    <t>Rother 011C</t>
  </si>
  <si>
    <t>E01021093</t>
  </si>
  <si>
    <t>Rother 009A</t>
  </si>
  <si>
    <t>E02004400</t>
  </si>
  <si>
    <t>Rother 009</t>
  </si>
  <si>
    <t>E01021094</t>
  </si>
  <si>
    <t>Rother 010A</t>
  </si>
  <si>
    <t>E02004401</t>
  </si>
  <si>
    <t>Rother 010</t>
  </si>
  <si>
    <t>E01021095</t>
  </si>
  <si>
    <t>Rother 009B</t>
  </si>
  <si>
    <t>E01021096</t>
  </si>
  <si>
    <t>Rother 006D</t>
  </si>
  <si>
    <t>E01021097</t>
  </si>
  <si>
    <t>Rother 006E</t>
  </si>
  <si>
    <t>E01021098</t>
  </si>
  <si>
    <t>Rother 003A</t>
  </si>
  <si>
    <t>E02004394</t>
  </si>
  <si>
    <t>Rother 003</t>
  </si>
  <si>
    <t>E01021099</t>
  </si>
  <si>
    <t>Rother 003B</t>
  </si>
  <si>
    <t>E01021100</t>
  </si>
  <si>
    <t>Rother 003C</t>
  </si>
  <si>
    <t>E01021101</t>
  </si>
  <si>
    <t>Rother 004A</t>
  </si>
  <si>
    <t>E02004395</t>
  </si>
  <si>
    <t>Rother 004</t>
  </si>
  <si>
    <t>E01021102</t>
  </si>
  <si>
    <t>Rother 004B</t>
  </si>
  <si>
    <t>E01021103</t>
  </si>
  <si>
    <t>Rother 002A</t>
  </si>
  <si>
    <t>E02004393</t>
  </si>
  <si>
    <t>Rother 002</t>
  </si>
  <si>
    <t>E01021104</t>
  </si>
  <si>
    <t>Rother 003D</t>
  </si>
  <si>
    <t>E01021105</t>
  </si>
  <si>
    <t>Rother 003E</t>
  </si>
  <si>
    <t>E01021106</t>
  </si>
  <si>
    <t>Rother 010B</t>
  </si>
  <si>
    <t>E01021107</t>
  </si>
  <si>
    <t>Rother 010C</t>
  </si>
  <si>
    <t>E01021108</t>
  </si>
  <si>
    <t>Rother 010D</t>
  </si>
  <si>
    <t>E01021109</t>
  </si>
  <si>
    <t>Rother 005D</t>
  </si>
  <si>
    <t>E01021110</t>
  </si>
  <si>
    <t>Rother 005E</t>
  </si>
  <si>
    <t>E01021111</t>
  </si>
  <si>
    <t>Rother 007A</t>
  </si>
  <si>
    <t>E02004398</t>
  </si>
  <si>
    <t>Rother 007</t>
  </si>
  <si>
    <t>E01021112</t>
  </si>
  <si>
    <t>Rother 008A</t>
  </si>
  <si>
    <t>E02004399</t>
  </si>
  <si>
    <t>Rother 008</t>
  </si>
  <si>
    <t>E01021113</t>
  </si>
  <si>
    <t>Rother 007B</t>
  </si>
  <si>
    <t>E01021114</t>
  </si>
  <si>
    <t>Rother 002B</t>
  </si>
  <si>
    <t>E01021115</t>
  </si>
  <si>
    <t>Rother 002C</t>
  </si>
  <si>
    <t>E01021116</t>
  </si>
  <si>
    <t>Rother 002D</t>
  </si>
  <si>
    <t>E01021117</t>
  </si>
  <si>
    <t>Rother 004C</t>
  </si>
  <si>
    <t>E01021118</t>
  </si>
  <si>
    <t>Rother 004D</t>
  </si>
  <si>
    <t>E01021119</t>
  </si>
  <si>
    <t>Rother 004E</t>
  </si>
  <si>
    <t>E01021120</t>
  </si>
  <si>
    <t>Rother 008B</t>
  </si>
  <si>
    <t>E01021121</t>
  </si>
  <si>
    <t>Rother 011D</t>
  </si>
  <si>
    <t>E01021122</t>
  </si>
  <si>
    <t>Rother 011E</t>
  </si>
  <si>
    <t>E01021123</t>
  </si>
  <si>
    <t>Rother 009C</t>
  </si>
  <si>
    <t>E01021124</t>
  </si>
  <si>
    <t>Rother 009D</t>
  </si>
  <si>
    <t>E01021125</t>
  </si>
  <si>
    <t>Rother 009E</t>
  </si>
  <si>
    <t>E01021126</t>
  </si>
  <si>
    <t>Rother 008C</t>
  </si>
  <si>
    <t>E01021127</t>
  </si>
  <si>
    <t>Rother 008D</t>
  </si>
  <si>
    <t>E01021128</t>
  </si>
  <si>
    <t>Rother 008E</t>
  </si>
  <si>
    <t>E01021129</t>
  </si>
  <si>
    <t>Rother 009F</t>
  </si>
  <si>
    <t>E01021130</t>
  </si>
  <si>
    <t>Rother 010E</t>
  </si>
  <si>
    <t>E01021131</t>
  </si>
  <si>
    <t>Rother 007C</t>
  </si>
  <si>
    <t>E01021132</t>
  </si>
  <si>
    <t>Rother 001A</t>
  </si>
  <si>
    <t>E02004392</t>
  </si>
  <si>
    <t>Rother 001</t>
  </si>
  <si>
    <t>E01021133</t>
  </si>
  <si>
    <t>Rother 001B</t>
  </si>
  <si>
    <t>E01021134</t>
  </si>
  <si>
    <t>Rother 001C</t>
  </si>
  <si>
    <t>E01021135</t>
  </si>
  <si>
    <t>Rother 007D</t>
  </si>
  <si>
    <t>E01021136</t>
  </si>
  <si>
    <t>Rother 007E</t>
  </si>
  <si>
    <t>E01021137</t>
  </si>
  <si>
    <t>Rother 007F</t>
  </si>
  <si>
    <t>E01021138</t>
  </si>
  <si>
    <t>Rother 009G</t>
  </si>
  <si>
    <t>E01021139</t>
  </si>
  <si>
    <t>Rother 001D</t>
  </si>
  <si>
    <t>E01021140</t>
  </si>
  <si>
    <t>Rother 001E</t>
  </si>
  <si>
    <t>E01021141</t>
  </si>
  <si>
    <t>Rother 001F</t>
  </si>
  <si>
    <t>E01021142</t>
  </si>
  <si>
    <t>Wealden 018A</t>
  </si>
  <si>
    <t>E02004420</t>
  </si>
  <si>
    <t>Wealden 018</t>
  </si>
  <si>
    <t>E07000065</t>
  </si>
  <si>
    <t>Wealden</t>
  </si>
  <si>
    <t>E01021143</t>
  </si>
  <si>
    <t>Wealden 018B</t>
  </si>
  <si>
    <t>E01021144</t>
  </si>
  <si>
    <t>Wealden 008A</t>
  </si>
  <si>
    <t>E02004410</t>
  </si>
  <si>
    <t>Wealden 008</t>
  </si>
  <si>
    <t>E01021145</t>
  </si>
  <si>
    <t>Wealden 008B</t>
  </si>
  <si>
    <t>E01021146</t>
  </si>
  <si>
    <t>Wealden 013A</t>
  </si>
  <si>
    <t>E02004415</t>
  </si>
  <si>
    <t>Wealden 013</t>
  </si>
  <si>
    <t>E01021147</t>
  </si>
  <si>
    <t>Wealden 013B</t>
  </si>
  <si>
    <t>E01021148</t>
  </si>
  <si>
    <t>Wealden 013C</t>
  </si>
  <si>
    <t>E01021149</t>
  </si>
  <si>
    <t>Wealden 011A</t>
  </si>
  <si>
    <t>E02004413</t>
  </si>
  <si>
    <t>Wealden 011</t>
  </si>
  <si>
    <t>E01021150</t>
  </si>
  <si>
    <t>Wealden 010A</t>
  </si>
  <si>
    <t>E02004412</t>
  </si>
  <si>
    <t>Wealden 010</t>
  </si>
  <si>
    <t>E01021151</t>
  </si>
  <si>
    <t>Wealden 006A</t>
  </si>
  <si>
    <t>E02004408</t>
  </si>
  <si>
    <t>Wealden 006</t>
  </si>
  <si>
    <t>E01021152</t>
  </si>
  <si>
    <t>Wealden 006B</t>
  </si>
  <si>
    <t>E01021153</t>
  </si>
  <si>
    <t>Wealden 006C</t>
  </si>
  <si>
    <t>E01021154</t>
  </si>
  <si>
    <t>Wealden 006D</t>
  </si>
  <si>
    <t>E01021155</t>
  </si>
  <si>
    <t>Wealden 006E</t>
  </si>
  <si>
    <t>E01021156</t>
  </si>
  <si>
    <t>Wealden 003A</t>
  </si>
  <si>
    <t>E02004405</t>
  </si>
  <si>
    <t>Wealden 003</t>
  </si>
  <si>
    <t>E01021157</t>
  </si>
  <si>
    <t>Wealden 003B</t>
  </si>
  <si>
    <t>E01021158</t>
  </si>
  <si>
    <t>Wealden 003C</t>
  </si>
  <si>
    <t>E01021159</t>
  </si>
  <si>
    <t>Wealden 004A</t>
  </si>
  <si>
    <t>E02004406</t>
  </si>
  <si>
    <t>Wealden 004</t>
  </si>
  <si>
    <t>E01021160</t>
  </si>
  <si>
    <t>Wealden 004B</t>
  </si>
  <si>
    <t>E01021161</t>
  </si>
  <si>
    <t>Wealden 004C</t>
  </si>
  <si>
    <t>E01021162</t>
  </si>
  <si>
    <t>Wealden 004D</t>
  </si>
  <si>
    <t>E01021163</t>
  </si>
  <si>
    <t>Wealden 007A</t>
  </si>
  <si>
    <t>E02004409</t>
  </si>
  <si>
    <t>Wealden 007</t>
  </si>
  <si>
    <t>E01021164</t>
  </si>
  <si>
    <t>Wealden 007B</t>
  </si>
  <si>
    <t>E01021165</t>
  </si>
  <si>
    <t>Wealden 013D</t>
  </si>
  <si>
    <t>E01021166</t>
  </si>
  <si>
    <t>Wealden 018C</t>
  </si>
  <si>
    <t>E01021167</t>
  </si>
  <si>
    <t>Wealden 001A</t>
  </si>
  <si>
    <t>E02004403</t>
  </si>
  <si>
    <t>Wealden 001</t>
  </si>
  <si>
    <t>E01021168</t>
  </si>
  <si>
    <t>Wealden 001B</t>
  </si>
  <si>
    <t>E01021169</t>
  </si>
  <si>
    <t>Wealden 001C</t>
  </si>
  <si>
    <t>E01021170</t>
  </si>
  <si>
    <t>Wealden 008C</t>
  </si>
  <si>
    <t>E01021171</t>
  </si>
  <si>
    <t>Wealden 002A</t>
  </si>
  <si>
    <t>E02004404</t>
  </si>
  <si>
    <t>Wealden 002</t>
  </si>
  <si>
    <t>E01021172</t>
  </si>
  <si>
    <t>Wealden 002B</t>
  </si>
  <si>
    <t>E01021173</t>
  </si>
  <si>
    <t>Wealden 002C</t>
  </si>
  <si>
    <t>E01021174</t>
  </si>
  <si>
    <t>Wealden 015A</t>
  </si>
  <si>
    <t>E02004417</t>
  </si>
  <si>
    <t>Wealden 015</t>
  </si>
  <si>
    <t>E01021175</t>
  </si>
  <si>
    <t>Wealden 015B</t>
  </si>
  <si>
    <t>E01021176</t>
  </si>
  <si>
    <t>Wealden 015C</t>
  </si>
  <si>
    <t>E01021177</t>
  </si>
  <si>
    <t>Wealden 015D</t>
  </si>
  <si>
    <t>E01021178</t>
  </si>
  <si>
    <t>Wealden 017A</t>
  </si>
  <si>
    <t>E02004419</t>
  </si>
  <si>
    <t>Wealden 017</t>
  </si>
  <si>
    <t>E01021179</t>
  </si>
  <si>
    <t>Wealden 017B</t>
  </si>
  <si>
    <t>E01021180</t>
  </si>
  <si>
    <t>Wealden 016A</t>
  </si>
  <si>
    <t>E02004418</t>
  </si>
  <si>
    <t>Wealden 016</t>
  </si>
  <si>
    <t>E01021181</t>
  </si>
  <si>
    <t>Wealden 016B</t>
  </si>
  <si>
    <t>E01021182</t>
  </si>
  <si>
    <t>Wealden 016C</t>
  </si>
  <si>
    <t>E01021183</t>
  </si>
  <si>
    <t>Wealden 016D</t>
  </si>
  <si>
    <t>E01021184</t>
  </si>
  <si>
    <t>Wealden 017C</t>
  </si>
  <si>
    <t>E01021185</t>
  </si>
  <si>
    <t>Wealden 017D</t>
  </si>
  <si>
    <t>E01021186</t>
  </si>
  <si>
    <t>Wealden 001D</t>
  </si>
  <si>
    <t>E01021187</t>
  </si>
  <si>
    <t>Wealden 007C</t>
  </si>
  <si>
    <t>E01021188</t>
  </si>
  <si>
    <t>Wealden 014A</t>
  </si>
  <si>
    <t>E02004416</t>
  </si>
  <si>
    <t>Wealden 014</t>
  </si>
  <si>
    <t>E01021189</t>
  </si>
  <si>
    <t>Wealden 011B</t>
  </si>
  <si>
    <t>E01021190</t>
  </si>
  <si>
    <t>Wealden 011C</t>
  </si>
  <si>
    <t>E01021191</t>
  </si>
  <si>
    <t>Wealden 010B</t>
  </si>
  <si>
    <t>E01021192</t>
  </si>
  <si>
    <t>Wealden 010C</t>
  </si>
  <si>
    <t>E01021193</t>
  </si>
  <si>
    <t>Wealden 010D</t>
  </si>
  <si>
    <t>E01021194</t>
  </si>
  <si>
    <t>Wealden 010E</t>
  </si>
  <si>
    <t>E01021196</t>
  </si>
  <si>
    <t>Wealden 018E</t>
  </si>
  <si>
    <t>E01021198</t>
  </si>
  <si>
    <t>Wealden 014B</t>
  </si>
  <si>
    <t>E01021199</t>
  </si>
  <si>
    <t>Wealden 014C</t>
  </si>
  <si>
    <t>E01021200</t>
  </si>
  <si>
    <t>Wealden 011D</t>
  </si>
  <si>
    <t>E01021201</t>
  </si>
  <si>
    <t>Wealden 011E</t>
  </si>
  <si>
    <t>E01021202</t>
  </si>
  <si>
    <t>Wealden 005A</t>
  </si>
  <si>
    <t>E02004407</t>
  </si>
  <si>
    <t>Wealden 005</t>
  </si>
  <si>
    <t>E01021203</t>
  </si>
  <si>
    <t>Wealden 005B</t>
  </si>
  <si>
    <t>E01021204</t>
  </si>
  <si>
    <t>Wealden 014D</t>
  </si>
  <si>
    <t>E01021205</t>
  </si>
  <si>
    <t>Wealden 014E</t>
  </si>
  <si>
    <t>E01021206</t>
  </si>
  <si>
    <t>Wealden 020A</t>
  </si>
  <si>
    <t>E02004422</t>
  </si>
  <si>
    <t>Wealden 020</t>
  </si>
  <si>
    <t>E01021207</t>
  </si>
  <si>
    <t>Wealden 020B</t>
  </si>
  <si>
    <t>E01021208</t>
  </si>
  <si>
    <t>Wealden 020C</t>
  </si>
  <si>
    <t>E01021209</t>
  </si>
  <si>
    <t>Wealden 020D</t>
  </si>
  <si>
    <t>E01021210</t>
  </si>
  <si>
    <t>Wealden 020E</t>
  </si>
  <si>
    <t>E01021211</t>
  </si>
  <si>
    <t>Wealden 020F</t>
  </si>
  <si>
    <t>E01021213</t>
  </si>
  <si>
    <t>Wealden 019B</t>
  </si>
  <si>
    <t>E02004421</t>
  </si>
  <si>
    <t>Wealden 019</t>
  </si>
  <si>
    <t>E01021214</t>
  </si>
  <si>
    <t>Wealden 019C</t>
  </si>
  <si>
    <t>E01021215</t>
  </si>
  <si>
    <t>Wealden 019D</t>
  </si>
  <si>
    <t>E01021216</t>
  </si>
  <si>
    <t>Wealden 019E</t>
  </si>
  <si>
    <t>E01021217</t>
  </si>
  <si>
    <t>Wealden 008D</t>
  </si>
  <si>
    <t>E01021218</t>
  </si>
  <si>
    <t>Wealden 002D</t>
  </si>
  <si>
    <t>E01021219</t>
  </si>
  <si>
    <t>Wealden 009A</t>
  </si>
  <si>
    <t>E02004411</t>
  </si>
  <si>
    <t>Wealden 009</t>
  </si>
  <si>
    <t>E01021220</t>
  </si>
  <si>
    <t>Wealden 009B</t>
  </si>
  <si>
    <t>E01021221</t>
  </si>
  <si>
    <t>Wealden 012A</t>
  </si>
  <si>
    <t>E02004414</t>
  </si>
  <si>
    <t>Wealden 012</t>
  </si>
  <si>
    <t>E01021222</t>
  </si>
  <si>
    <t>Wealden 012B</t>
  </si>
  <si>
    <t>E01021223</t>
  </si>
  <si>
    <t>Wealden 009C</t>
  </si>
  <si>
    <t>E01021224</t>
  </si>
  <si>
    <t>Wealden 009D</t>
  </si>
  <si>
    <t>E01021225</t>
  </si>
  <si>
    <t>Wealden 009E</t>
  </si>
  <si>
    <t>E01021226</t>
  </si>
  <si>
    <t>Wealden 009F</t>
  </si>
  <si>
    <t>E01021227</t>
  </si>
  <si>
    <t>Wealden 012C</t>
  </si>
  <si>
    <t>E01021228</t>
  </si>
  <si>
    <t>Wealden 012D</t>
  </si>
  <si>
    <t>E01021229</t>
  </si>
  <si>
    <t>Wealden 005C</t>
  </si>
  <si>
    <t>E01021230</t>
  </si>
  <si>
    <t>Wealden 005D</t>
  </si>
  <si>
    <t>E01021231</t>
  </si>
  <si>
    <t>Wealden 005E</t>
  </si>
  <si>
    <t>E01021232</t>
  </si>
  <si>
    <t>Wealden 021A</t>
  </si>
  <si>
    <t>E02004423</t>
  </si>
  <si>
    <t>Wealden 021</t>
  </si>
  <si>
    <t>E01021233</t>
  </si>
  <si>
    <t>Wealden 021B</t>
  </si>
  <si>
    <t>E01021234</t>
  </si>
  <si>
    <t>Wealden 021C</t>
  </si>
  <si>
    <t>E01021235</t>
  </si>
  <si>
    <t>Wealden 021D</t>
  </si>
  <si>
    <t>E01021236</t>
  </si>
  <si>
    <t>Wealden 021E</t>
  </si>
  <si>
    <t>E01021237</t>
  </si>
  <si>
    <t>Basildon 001A</t>
  </si>
  <si>
    <t>E02004424</t>
  </si>
  <si>
    <t>Basildon 001</t>
  </si>
  <si>
    <t>E07000066</t>
  </si>
  <si>
    <t>Basildon</t>
  </si>
  <si>
    <t>E01021238</t>
  </si>
  <si>
    <t>Basildon 001B</t>
  </si>
  <si>
    <t>E01021239</t>
  </si>
  <si>
    <t>Basildon 003A</t>
  </si>
  <si>
    <t>E02004426</t>
  </si>
  <si>
    <t>Basildon 003</t>
  </si>
  <si>
    <t>E01021240</t>
  </si>
  <si>
    <t>Basildon 003B</t>
  </si>
  <si>
    <t>E01021241</t>
  </si>
  <si>
    <t>Basildon 003C</t>
  </si>
  <si>
    <t>E01021242</t>
  </si>
  <si>
    <t>Basildon 001C</t>
  </si>
  <si>
    <t>E01021243</t>
  </si>
  <si>
    <t>Basildon 003D</t>
  </si>
  <si>
    <t>E01021244</t>
  </si>
  <si>
    <t>Basildon 004A</t>
  </si>
  <si>
    <t>E02004427</t>
  </si>
  <si>
    <t>Basildon 004</t>
  </si>
  <si>
    <t>E01021245</t>
  </si>
  <si>
    <t>Basildon 002A</t>
  </si>
  <si>
    <t>E02004425</t>
  </si>
  <si>
    <t>Basildon 002</t>
  </si>
  <si>
    <t>E01021246</t>
  </si>
  <si>
    <t>Basildon 002B</t>
  </si>
  <si>
    <t>E01021247</t>
  </si>
  <si>
    <t>Basildon 003E</t>
  </si>
  <si>
    <t>E01021248</t>
  </si>
  <si>
    <t>Basildon 002C</t>
  </si>
  <si>
    <t>E01021249</t>
  </si>
  <si>
    <t>Basildon 002D</t>
  </si>
  <si>
    <t>E01021250</t>
  </si>
  <si>
    <t>Basildon 001D</t>
  </si>
  <si>
    <t>E01021251</t>
  </si>
  <si>
    <t>Basildon 001E</t>
  </si>
  <si>
    <t>E01021252</t>
  </si>
  <si>
    <t>Basildon 002E</t>
  </si>
  <si>
    <t>E01021253</t>
  </si>
  <si>
    <t>Basildon 004B</t>
  </si>
  <si>
    <t>E01021254</t>
  </si>
  <si>
    <t>Basildon 009A</t>
  </si>
  <si>
    <t>E02004432</t>
  </si>
  <si>
    <t>Basildon 009</t>
  </si>
  <si>
    <t>E01021255</t>
  </si>
  <si>
    <t>Basildon 004C</t>
  </si>
  <si>
    <t>E01021256</t>
  </si>
  <si>
    <t>Basildon 004D</t>
  </si>
  <si>
    <t>E01021257</t>
  </si>
  <si>
    <t>Basildon 009B</t>
  </si>
  <si>
    <t>E01021258</t>
  </si>
  <si>
    <t>Basildon 004E</t>
  </si>
  <si>
    <t>E01021259</t>
  </si>
  <si>
    <t>Basildon 009C</t>
  </si>
  <si>
    <t>E01021260</t>
  </si>
  <si>
    <t>Basildon 009D</t>
  </si>
  <si>
    <t>E01021261</t>
  </si>
  <si>
    <t>Basildon 010A</t>
  </si>
  <si>
    <t>E02004433</t>
  </si>
  <si>
    <t>Basildon 010</t>
  </si>
  <si>
    <t>E01021262</t>
  </si>
  <si>
    <t>Basildon 010B</t>
  </si>
  <si>
    <t>E01021263</t>
  </si>
  <si>
    <t>Basildon 010C</t>
  </si>
  <si>
    <t>E01021264</t>
  </si>
  <si>
    <t>Basildon 006A</t>
  </si>
  <si>
    <t>E02004429</t>
  </si>
  <si>
    <t>Basildon 006</t>
  </si>
  <si>
    <t>E01021265</t>
  </si>
  <si>
    <t>Basildon 012A</t>
  </si>
  <si>
    <t>E02004435</t>
  </si>
  <si>
    <t>Basildon 012</t>
  </si>
  <si>
    <t>E01021266</t>
  </si>
  <si>
    <t>Basildon 015A</t>
  </si>
  <si>
    <t>E02004438</t>
  </si>
  <si>
    <t>Basildon 015</t>
  </si>
  <si>
    <t>E01021267</t>
  </si>
  <si>
    <t>Basildon 012B</t>
  </si>
  <si>
    <t>E01021268</t>
  </si>
  <si>
    <t>Basildon 015B</t>
  </si>
  <si>
    <t>E01021269</t>
  </si>
  <si>
    <t>Basildon 012C</t>
  </si>
  <si>
    <t>E01021270</t>
  </si>
  <si>
    <t>Basildon 012D</t>
  </si>
  <si>
    <t>E01021271</t>
  </si>
  <si>
    <t>Basildon 013A</t>
  </si>
  <si>
    <t>E02004436</t>
  </si>
  <si>
    <t>Basildon 013</t>
  </si>
  <si>
    <t>E01021272</t>
  </si>
  <si>
    <t>Basildon 012E</t>
  </si>
  <si>
    <t>E01021273</t>
  </si>
  <si>
    <t>Basildon 014A</t>
  </si>
  <si>
    <t>E02004437</t>
  </si>
  <si>
    <t>Basildon 014</t>
  </si>
  <si>
    <t>E01021274</t>
  </si>
  <si>
    <t>Basildon 010D</t>
  </si>
  <si>
    <t>E01021275</t>
  </si>
  <si>
    <t>Basildon 014B</t>
  </si>
  <si>
    <t>E01021276</t>
  </si>
  <si>
    <t>Basildon 014C</t>
  </si>
  <si>
    <t>E01021277</t>
  </si>
  <si>
    <t>Basildon 014D</t>
  </si>
  <si>
    <t>E01021279</t>
  </si>
  <si>
    <t>Basildon 010E</t>
  </si>
  <si>
    <t>E01021280</t>
  </si>
  <si>
    <t>Basildon 021A</t>
  </si>
  <si>
    <t>E02004444</t>
  </si>
  <si>
    <t>Basildon 021</t>
  </si>
  <si>
    <t>E01021281</t>
  </si>
  <si>
    <t>Basildon 021B</t>
  </si>
  <si>
    <t>E01021282</t>
  </si>
  <si>
    <t>Basildon 021C</t>
  </si>
  <si>
    <t>E01021283</t>
  </si>
  <si>
    <t>Basildon 021D</t>
  </si>
  <si>
    <t>E01021284</t>
  </si>
  <si>
    <t>Basildon 021E</t>
  </si>
  <si>
    <t>E01021285</t>
  </si>
  <si>
    <t>Basildon 021F</t>
  </si>
  <si>
    <t>E01021286</t>
  </si>
  <si>
    <t>Basildon 016A</t>
  </si>
  <si>
    <t>E02004439</t>
  </si>
  <si>
    <t>Basildon 016</t>
  </si>
  <si>
    <t>E01021287</t>
  </si>
  <si>
    <t>Basildon 017A</t>
  </si>
  <si>
    <t>E02004440</t>
  </si>
  <si>
    <t>Basildon 017</t>
  </si>
  <si>
    <t>E01021288</t>
  </si>
  <si>
    <t>Basildon 016B</t>
  </si>
  <si>
    <t>E01021289</t>
  </si>
  <si>
    <t>Basildon 016C</t>
  </si>
  <si>
    <t>E01021290</t>
  </si>
  <si>
    <t>Basildon 016D</t>
  </si>
  <si>
    <t>E01021291</t>
  </si>
  <si>
    <t>Basildon 016E</t>
  </si>
  <si>
    <t>E01021292</t>
  </si>
  <si>
    <t>Basildon 017B</t>
  </si>
  <si>
    <t>E01021293</t>
  </si>
  <si>
    <t>Basildon 017C</t>
  </si>
  <si>
    <t>E01021294</t>
  </si>
  <si>
    <t>Basildon 020A</t>
  </si>
  <si>
    <t>E02004443</t>
  </si>
  <si>
    <t>Basildon 020</t>
  </si>
  <si>
    <t>E01021295</t>
  </si>
  <si>
    <t>Basildon 020B</t>
  </si>
  <si>
    <t>E01021297</t>
  </si>
  <si>
    <t>Basildon 020D</t>
  </si>
  <si>
    <t>E01021298</t>
  </si>
  <si>
    <t>Basildon 017D</t>
  </si>
  <si>
    <t>E01021299</t>
  </si>
  <si>
    <t>Basildon 020E</t>
  </si>
  <si>
    <t>E01021300</t>
  </si>
  <si>
    <t>Basildon 022A</t>
  </si>
  <si>
    <t>E02004445</t>
  </si>
  <si>
    <t>Basildon 022</t>
  </si>
  <si>
    <t>E01021301</t>
  </si>
  <si>
    <t>Basildon 011A</t>
  </si>
  <si>
    <t>E02004434</t>
  </si>
  <si>
    <t>Basildon 011</t>
  </si>
  <si>
    <t>E01021302</t>
  </si>
  <si>
    <t>Basildon 013B</t>
  </si>
  <si>
    <t>E01021303</t>
  </si>
  <si>
    <t>Basildon 011B</t>
  </si>
  <si>
    <t>E01021304</t>
  </si>
  <si>
    <t>Basildon 013C</t>
  </si>
  <si>
    <t>E01021305</t>
  </si>
  <si>
    <t>Basildon 013D</t>
  </si>
  <si>
    <t>E01021306</t>
  </si>
  <si>
    <t>Basildon 013E</t>
  </si>
  <si>
    <t>E01021307</t>
  </si>
  <si>
    <t>Basildon 011C</t>
  </si>
  <si>
    <t>E01021308</t>
  </si>
  <si>
    <t>Basildon 011D</t>
  </si>
  <si>
    <t>E01021309</t>
  </si>
  <si>
    <t>Basildon 011E</t>
  </si>
  <si>
    <t>E01021310</t>
  </si>
  <si>
    <t>Basildon 022B</t>
  </si>
  <si>
    <t>E01021311</t>
  </si>
  <si>
    <t>Basildon 022C</t>
  </si>
  <si>
    <t>E01021312</t>
  </si>
  <si>
    <t>Basildon 011F</t>
  </si>
  <si>
    <t>E01021313</t>
  </si>
  <si>
    <t>Basildon 018A</t>
  </si>
  <si>
    <t>E02004441</t>
  </si>
  <si>
    <t>Basildon 018</t>
  </si>
  <si>
    <t>E01021314</t>
  </si>
  <si>
    <t>Basildon 018B</t>
  </si>
  <si>
    <t>E01021315</t>
  </si>
  <si>
    <t>Basildon 018C</t>
  </si>
  <si>
    <t>E01021316</t>
  </si>
  <si>
    <t>Basildon 018D</t>
  </si>
  <si>
    <t>E01021317</t>
  </si>
  <si>
    <t>Basildon 018E</t>
  </si>
  <si>
    <t>E01021318</t>
  </si>
  <si>
    <t>Basildon 015C</t>
  </si>
  <si>
    <t>E01021319</t>
  </si>
  <si>
    <t>Basildon 017E</t>
  </si>
  <si>
    <t>E01021320</t>
  </si>
  <si>
    <t>Basildon 015D</t>
  </si>
  <si>
    <t>E01021321</t>
  </si>
  <si>
    <t>Basildon 015E</t>
  </si>
  <si>
    <t>E01021322</t>
  </si>
  <si>
    <t>Basildon 019A</t>
  </si>
  <si>
    <t>E02004442</t>
  </si>
  <si>
    <t>Basildon 019</t>
  </si>
  <si>
    <t>E01021323</t>
  </si>
  <si>
    <t>Basildon 019B</t>
  </si>
  <si>
    <t>E01021324</t>
  </si>
  <si>
    <t>Basildon 019C</t>
  </si>
  <si>
    <t>E01021325</t>
  </si>
  <si>
    <t>Basildon 019D</t>
  </si>
  <si>
    <t>E01021326</t>
  </si>
  <si>
    <t>Basildon 022D</t>
  </si>
  <si>
    <t>E01021327</t>
  </si>
  <si>
    <t>Basildon 019E</t>
  </si>
  <si>
    <t>E01021328</t>
  </si>
  <si>
    <t>Basildon 022E</t>
  </si>
  <si>
    <t>E01021329</t>
  </si>
  <si>
    <t>Basildon 006B</t>
  </si>
  <si>
    <t>E01021330</t>
  </si>
  <si>
    <t>Basildon 006C</t>
  </si>
  <si>
    <t>E01021331</t>
  </si>
  <si>
    <t>Basildon 008A</t>
  </si>
  <si>
    <t>E02004431</t>
  </si>
  <si>
    <t>Basildon 008</t>
  </si>
  <si>
    <t>E01021332</t>
  </si>
  <si>
    <t>Basildon 006D</t>
  </si>
  <si>
    <t>E01021333</t>
  </si>
  <si>
    <t>Basildon 006E</t>
  </si>
  <si>
    <t>E01021334</t>
  </si>
  <si>
    <t>Basildon 005A</t>
  </si>
  <si>
    <t>E02004428</t>
  </si>
  <si>
    <t>Basildon 005</t>
  </si>
  <si>
    <t>E01021335</t>
  </si>
  <si>
    <t>Basildon 007A</t>
  </si>
  <si>
    <t>E02004430</t>
  </si>
  <si>
    <t>Basildon 007</t>
  </si>
  <si>
    <t>E01021336</t>
  </si>
  <si>
    <t>Basildon 005B</t>
  </si>
  <si>
    <t>E01021337</t>
  </si>
  <si>
    <t>Basildon 007B</t>
  </si>
  <si>
    <t>E01021338</t>
  </si>
  <si>
    <t>Basildon 005C</t>
  </si>
  <si>
    <t>E01021339</t>
  </si>
  <si>
    <t>Basildon 005D</t>
  </si>
  <si>
    <t>E01021340</t>
  </si>
  <si>
    <t>Basildon 007C</t>
  </si>
  <si>
    <t>E01021341</t>
  </si>
  <si>
    <t>Basildon 007D</t>
  </si>
  <si>
    <t>E01021342</t>
  </si>
  <si>
    <t>Basildon 008B</t>
  </si>
  <si>
    <t>E01021343</t>
  </si>
  <si>
    <t>Basildon 008C</t>
  </si>
  <si>
    <t>E01021344</t>
  </si>
  <si>
    <t>Basildon 008D</t>
  </si>
  <si>
    <t>E01021345</t>
  </si>
  <si>
    <t>Basildon 007E</t>
  </si>
  <si>
    <t>E01021346</t>
  </si>
  <si>
    <t>Basildon 008E</t>
  </si>
  <si>
    <t>E01021347</t>
  </si>
  <si>
    <t>Braintree 013A</t>
  </si>
  <si>
    <t>E02004458</t>
  </si>
  <si>
    <t>Braintree 013</t>
  </si>
  <si>
    <t>E07000067</t>
  </si>
  <si>
    <t>Braintree</t>
  </si>
  <si>
    <t>E01021348</t>
  </si>
  <si>
    <t>Braintree 018A</t>
  </si>
  <si>
    <t>E02004463</t>
  </si>
  <si>
    <t>Braintree 018</t>
  </si>
  <si>
    <t>E01021349</t>
  </si>
  <si>
    <t>Braintree 007A</t>
  </si>
  <si>
    <t>E02004452</t>
  </si>
  <si>
    <t>Braintree 007</t>
  </si>
  <si>
    <t>E01021350</t>
  </si>
  <si>
    <t>Braintree 009A</t>
  </si>
  <si>
    <t>E02004454</t>
  </si>
  <si>
    <t>Braintree 009</t>
  </si>
  <si>
    <t>E01021351</t>
  </si>
  <si>
    <t>Braintree 007B</t>
  </si>
  <si>
    <t>E01021352</t>
  </si>
  <si>
    <t>Braintree 007C</t>
  </si>
  <si>
    <t>E01021353</t>
  </si>
  <si>
    <t>Braintree 009B</t>
  </si>
  <si>
    <t>E01021354</t>
  </si>
  <si>
    <t>Braintree 008A</t>
  </si>
  <si>
    <t>E02004453</t>
  </si>
  <si>
    <t>Braintree 008</t>
  </si>
  <si>
    <t>E01021355</t>
  </si>
  <si>
    <t>Braintree 007D</t>
  </si>
  <si>
    <t>E01021356</t>
  </si>
  <si>
    <t>Braintree 007E</t>
  </si>
  <si>
    <t>E01021357</t>
  </si>
  <si>
    <t>Braintree 008B</t>
  </si>
  <si>
    <t>E01021358</t>
  </si>
  <si>
    <t>Braintree 008C</t>
  </si>
  <si>
    <t>E01021359</t>
  </si>
  <si>
    <t>Braintree 008D</t>
  </si>
  <si>
    <t>E01021360</t>
  </si>
  <si>
    <t>Braintree 012A</t>
  </si>
  <si>
    <t>E02004457</t>
  </si>
  <si>
    <t>Braintree 012</t>
  </si>
  <si>
    <t>E01021361</t>
  </si>
  <si>
    <t>Braintree 012B</t>
  </si>
  <si>
    <t>E01021362</t>
  </si>
  <si>
    <t>Braintree 015A</t>
  </si>
  <si>
    <t>E02004460</t>
  </si>
  <si>
    <t>Braintree 015</t>
  </si>
  <si>
    <t>E01021364</t>
  </si>
  <si>
    <t>Braintree 010A</t>
  </si>
  <si>
    <t>E02004455</t>
  </si>
  <si>
    <t>Braintree 010</t>
  </si>
  <si>
    <t>E01021365</t>
  </si>
  <si>
    <t>Braintree 009D</t>
  </si>
  <si>
    <t>E01021366</t>
  </si>
  <si>
    <t>Braintree 010B</t>
  </si>
  <si>
    <t>E01021367</t>
  </si>
  <si>
    <t>Braintree 012C</t>
  </si>
  <si>
    <t>E01021368</t>
  </si>
  <si>
    <t>Braintree 011A</t>
  </si>
  <si>
    <t>E02004456</t>
  </si>
  <si>
    <t>Braintree 011</t>
  </si>
  <si>
    <t>E01021369</t>
  </si>
  <si>
    <t>Braintree 012D</t>
  </si>
  <si>
    <t>E01021370</t>
  </si>
  <si>
    <t>Braintree 011B</t>
  </si>
  <si>
    <t>E01021371</t>
  </si>
  <si>
    <t>Braintree 013B</t>
  </si>
  <si>
    <t>E01021372</t>
  </si>
  <si>
    <t>Braintree 011C</t>
  </si>
  <si>
    <t>E01021374</t>
  </si>
  <si>
    <t>Braintree 011E</t>
  </si>
  <si>
    <t>E01021375</t>
  </si>
  <si>
    <t>Braintree 001A</t>
  </si>
  <si>
    <t>E02004446</t>
  </si>
  <si>
    <t>Braintree 001</t>
  </si>
  <si>
    <t>E01021376</t>
  </si>
  <si>
    <t>Braintree 001B</t>
  </si>
  <si>
    <t>E01021377</t>
  </si>
  <si>
    <t>Braintree 014A</t>
  </si>
  <si>
    <t>E02004459</t>
  </si>
  <si>
    <t>Braintree 014</t>
  </si>
  <si>
    <t>E01021378</t>
  </si>
  <si>
    <t>Braintree 014B</t>
  </si>
  <si>
    <t>E01021379</t>
  </si>
  <si>
    <t>Braintree 014C</t>
  </si>
  <si>
    <t>E01021380</t>
  </si>
  <si>
    <t>Braintree 012E</t>
  </si>
  <si>
    <t>E01021381</t>
  </si>
  <si>
    <t>Braintree 007F</t>
  </si>
  <si>
    <t>E01021382</t>
  </si>
  <si>
    <t>Braintree 003A</t>
  </si>
  <si>
    <t>E02004448</t>
  </si>
  <si>
    <t>Braintree 003</t>
  </si>
  <si>
    <t>E01021383</t>
  </si>
  <si>
    <t>Braintree 010C</t>
  </si>
  <si>
    <t>E01021384</t>
  </si>
  <si>
    <t>Braintree 013C</t>
  </si>
  <si>
    <t>E01021385</t>
  </si>
  <si>
    <t>Braintree 013D</t>
  </si>
  <si>
    <t>E01021386</t>
  </si>
  <si>
    <t>Braintree 013E</t>
  </si>
  <si>
    <t>E01021387</t>
  </si>
  <si>
    <t>Braintree 004A</t>
  </si>
  <si>
    <t>E02004449</t>
  </si>
  <si>
    <t>Braintree 004</t>
  </si>
  <si>
    <t>E01021388</t>
  </si>
  <si>
    <t>Braintree 004B</t>
  </si>
  <si>
    <t>E01021389</t>
  </si>
  <si>
    <t>Braintree 006A</t>
  </si>
  <si>
    <t>E02004451</t>
  </si>
  <si>
    <t>Braintree 006</t>
  </si>
  <si>
    <t>E01021390</t>
  </si>
  <si>
    <t>Braintree 006B</t>
  </si>
  <si>
    <t>E01021391</t>
  </si>
  <si>
    <t>Braintree 004C</t>
  </si>
  <si>
    <t>E01021392</t>
  </si>
  <si>
    <t>Braintree 004D</t>
  </si>
  <si>
    <t>E01021393</t>
  </si>
  <si>
    <t>Braintree 004E</t>
  </si>
  <si>
    <t>E01021394</t>
  </si>
  <si>
    <t>Braintree 018B</t>
  </si>
  <si>
    <t>E01021395</t>
  </si>
  <si>
    <t>Braintree 018C</t>
  </si>
  <si>
    <t>E01021396</t>
  </si>
  <si>
    <t>Braintree 018D</t>
  </si>
  <si>
    <t>E01021397</t>
  </si>
  <si>
    <t>Braintree 003B</t>
  </si>
  <si>
    <t>E01021398</t>
  </si>
  <si>
    <t>Braintree 002A</t>
  </si>
  <si>
    <t>E02004447</t>
  </si>
  <si>
    <t>Braintree 002</t>
  </si>
  <si>
    <t>E01021399</t>
  </si>
  <si>
    <t>Braintree 003C</t>
  </si>
  <si>
    <t>E01021400</t>
  </si>
  <si>
    <t>Braintree 003D</t>
  </si>
  <si>
    <t>E01021401</t>
  </si>
  <si>
    <t>Braintree 014D</t>
  </si>
  <si>
    <t>E01021402</t>
  </si>
  <si>
    <t>Braintree 014E</t>
  </si>
  <si>
    <t>E01021403</t>
  </si>
  <si>
    <t>Braintree 014F</t>
  </si>
  <si>
    <t>E01021404</t>
  </si>
  <si>
    <t>Braintree 005A</t>
  </si>
  <si>
    <t>E02004450</t>
  </si>
  <si>
    <t>Braintree 005</t>
  </si>
  <si>
    <t>E01021405</t>
  </si>
  <si>
    <t>Braintree 010D</t>
  </si>
  <si>
    <t>E01021406</t>
  </si>
  <si>
    <t>Braintree 002B</t>
  </si>
  <si>
    <t>E01021407</t>
  </si>
  <si>
    <t>Braintree 002C</t>
  </si>
  <si>
    <t>E01021408</t>
  </si>
  <si>
    <t>Braintree 006C</t>
  </si>
  <si>
    <t>E01021409</t>
  </si>
  <si>
    <t>Braintree 006D</t>
  </si>
  <si>
    <t>E01021410</t>
  </si>
  <si>
    <t>Braintree 006E</t>
  </si>
  <si>
    <t>E01021411</t>
  </si>
  <si>
    <t>Braintree 005B</t>
  </si>
  <si>
    <t>E01021412</t>
  </si>
  <si>
    <t>Braintree 005C</t>
  </si>
  <si>
    <t>E01021413</t>
  </si>
  <si>
    <t>Braintree 005D</t>
  </si>
  <si>
    <t>E01021414</t>
  </si>
  <si>
    <t>Braintree 001C</t>
  </si>
  <si>
    <t>E01021415</t>
  </si>
  <si>
    <t>Braintree 017A</t>
  </si>
  <si>
    <t>E02004462</t>
  </si>
  <si>
    <t>Braintree 017</t>
  </si>
  <si>
    <t>E01021416</t>
  </si>
  <si>
    <t>Braintree 017B</t>
  </si>
  <si>
    <t>E01021417</t>
  </si>
  <si>
    <t>Braintree 015B</t>
  </si>
  <si>
    <t>E01021418</t>
  </si>
  <si>
    <t>Braintree 015C</t>
  </si>
  <si>
    <t>E01021419</t>
  </si>
  <si>
    <t>Braintree 015D</t>
  </si>
  <si>
    <t>E01021420</t>
  </si>
  <si>
    <t>Braintree 017C</t>
  </si>
  <si>
    <t>E01021422</t>
  </si>
  <si>
    <t>Braintree 017E</t>
  </si>
  <si>
    <t>E01021423</t>
  </si>
  <si>
    <t>Braintree 016A</t>
  </si>
  <si>
    <t>E02004461</t>
  </si>
  <si>
    <t>Braintree 016</t>
  </si>
  <si>
    <t>E01021424</t>
  </si>
  <si>
    <t>Braintree 018E</t>
  </si>
  <si>
    <t>E01021425</t>
  </si>
  <si>
    <t>Braintree 016B</t>
  </si>
  <si>
    <t>E01021426</t>
  </si>
  <si>
    <t>Braintree 015E</t>
  </si>
  <si>
    <t>E01021427</t>
  </si>
  <si>
    <t>Braintree 016C</t>
  </si>
  <si>
    <t>E01021428</t>
  </si>
  <si>
    <t>Braintree 015F</t>
  </si>
  <si>
    <t>E01021429</t>
  </si>
  <si>
    <t>Braintree 016D</t>
  </si>
  <si>
    <t>E01021430</t>
  </si>
  <si>
    <t>Braintree 001D</t>
  </si>
  <si>
    <t>E01021431</t>
  </si>
  <si>
    <t>Brentwood 004A</t>
  </si>
  <si>
    <t>E02004467</t>
  </si>
  <si>
    <t>Brentwood 004</t>
  </si>
  <si>
    <t>E07000068</t>
  </si>
  <si>
    <t>Brentwood</t>
  </si>
  <si>
    <t>E01021432</t>
  </si>
  <si>
    <t>Brentwood 004B</t>
  </si>
  <si>
    <t>E01021433</t>
  </si>
  <si>
    <t>Brentwood 007A</t>
  </si>
  <si>
    <t>E02004470</t>
  </si>
  <si>
    <t>Brentwood 007</t>
  </si>
  <si>
    <t>E01021434</t>
  </si>
  <si>
    <t>Brentwood 004C</t>
  </si>
  <si>
    <t>E01021435</t>
  </si>
  <si>
    <t>Brentwood 008A</t>
  </si>
  <si>
    <t>E02004471</t>
  </si>
  <si>
    <t>Brentwood 008</t>
  </si>
  <si>
    <t>E01021437</t>
  </si>
  <si>
    <t>Brentwood 008B</t>
  </si>
  <si>
    <t>E01021438</t>
  </si>
  <si>
    <t>Brentwood 006A</t>
  </si>
  <si>
    <t>E02004469</t>
  </si>
  <si>
    <t>Brentwood 006</t>
  </si>
  <si>
    <t>E01021441</t>
  </si>
  <si>
    <t>Brentwood 001A</t>
  </si>
  <si>
    <t>E02004464</t>
  </si>
  <si>
    <t>Brentwood 001</t>
  </si>
  <si>
    <t>E01021442</t>
  </si>
  <si>
    <t>Brentwood 001B</t>
  </si>
  <si>
    <t>E01021443</t>
  </si>
  <si>
    <t>Brentwood 001C</t>
  </si>
  <si>
    <t>E01021444</t>
  </si>
  <si>
    <t>Brentwood 001D</t>
  </si>
  <si>
    <t>E01021445</t>
  </si>
  <si>
    <t>Brentwood 009A</t>
  </si>
  <si>
    <t>E02004472</t>
  </si>
  <si>
    <t>Brentwood 009</t>
  </si>
  <si>
    <t>E01021446</t>
  </si>
  <si>
    <t>Brentwood 009B</t>
  </si>
  <si>
    <t>E01021447</t>
  </si>
  <si>
    <t>Brentwood 005A</t>
  </si>
  <si>
    <t>E02004468</t>
  </si>
  <si>
    <t>Brentwood 005</t>
  </si>
  <si>
    <t>E01021448</t>
  </si>
  <si>
    <t>Brentwood 003A</t>
  </si>
  <si>
    <t>E02004466</t>
  </si>
  <si>
    <t>Brentwood 003</t>
  </si>
  <si>
    <t>E01021449</t>
  </si>
  <si>
    <t>Brentwood 003B</t>
  </si>
  <si>
    <t>E01021450</t>
  </si>
  <si>
    <t>Brentwood 003C</t>
  </si>
  <si>
    <t>E01021451</t>
  </si>
  <si>
    <t>Brentwood 003D</t>
  </si>
  <si>
    <t>E01021452</t>
  </si>
  <si>
    <t>Brentwood 003E</t>
  </si>
  <si>
    <t>E01021453</t>
  </si>
  <si>
    <t>Brentwood 005B</t>
  </si>
  <si>
    <t>E01021454</t>
  </si>
  <si>
    <t>Brentwood 009C</t>
  </si>
  <si>
    <t>E01021455</t>
  </si>
  <si>
    <t>Brentwood 005C</t>
  </si>
  <si>
    <t>E01021456</t>
  </si>
  <si>
    <t>Brentwood 009D</t>
  </si>
  <si>
    <t>E01021457</t>
  </si>
  <si>
    <t>Brentwood 002A</t>
  </si>
  <si>
    <t>E02004465</t>
  </si>
  <si>
    <t>Brentwood 002</t>
  </si>
  <si>
    <t>E01021458</t>
  </si>
  <si>
    <t>Brentwood 002B</t>
  </si>
  <si>
    <t>E01021459</t>
  </si>
  <si>
    <t>Brentwood 002C</t>
  </si>
  <si>
    <t>E01021460</t>
  </si>
  <si>
    <t>Brentwood 002D</t>
  </si>
  <si>
    <t>E01021461</t>
  </si>
  <si>
    <t>Brentwood 004D</t>
  </si>
  <si>
    <t>E01021462</t>
  </si>
  <si>
    <t>Brentwood 006B</t>
  </si>
  <si>
    <t>E01021463</t>
  </si>
  <si>
    <t>Brentwood 006C</t>
  </si>
  <si>
    <t>E01021464</t>
  </si>
  <si>
    <t>Brentwood 004E</t>
  </si>
  <si>
    <t>E01021465</t>
  </si>
  <si>
    <t>Brentwood 005D</t>
  </si>
  <si>
    <t>E01021466</t>
  </si>
  <si>
    <t>Brentwood 005E</t>
  </si>
  <si>
    <t>E01021467</t>
  </si>
  <si>
    <t>Brentwood 005F</t>
  </si>
  <si>
    <t>E01021468</t>
  </si>
  <si>
    <t>Brentwood 006D</t>
  </si>
  <si>
    <t>E01021469</t>
  </si>
  <si>
    <t>Brentwood 001E</t>
  </si>
  <si>
    <t>E01021470</t>
  </si>
  <si>
    <t>Brentwood 001F</t>
  </si>
  <si>
    <t>E01021471</t>
  </si>
  <si>
    <t>Brentwood 001G</t>
  </si>
  <si>
    <t>E01021472</t>
  </si>
  <si>
    <t>Brentwood 008C</t>
  </si>
  <si>
    <t>E01021473</t>
  </si>
  <si>
    <t>Brentwood 008D</t>
  </si>
  <si>
    <t>E01021474</t>
  </si>
  <si>
    <t>Brentwood 008E</t>
  </si>
  <si>
    <t>E01021475</t>
  </si>
  <si>
    <t>Brentwood 007E</t>
  </si>
  <si>
    <t>E01021476</t>
  </si>
  <si>
    <t>Castle Point 003A</t>
  </si>
  <si>
    <t>E02004475</t>
  </si>
  <si>
    <t>Castle Point 003</t>
  </si>
  <si>
    <t>E07000069</t>
  </si>
  <si>
    <t>Castle Point</t>
  </si>
  <si>
    <t>E01021477</t>
  </si>
  <si>
    <t>Castle Point 003B</t>
  </si>
  <si>
    <t>E01021478</t>
  </si>
  <si>
    <t>Castle Point 003C</t>
  </si>
  <si>
    <t>E01021479</t>
  </si>
  <si>
    <t>Castle Point 004A</t>
  </si>
  <si>
    <t>E02004476</t>
  </si>
  <si>
    <t>Castle Point 004</t>
  </si>
  <si>
    <t>E01021480</t>
  </si>
  <si>
    <t>Castle Point 007A</t>
  </si>
  <si>
    <t>E02004479</t>
  </si>
  <si>
    <t>Castle Point 007</t>
  </si>
  <si>
    <t>E01021481</t>
  </si>
  <si>
    <t>Castle Point 004B</t>
  </si>
  <si>
    <t>E01021482</t>
  </si>
  <si>
    <t>Castle Point 006A</t>
  </si>
  <si>
    <t>E02004478</t>
  </si>
  <si>
    <t>Castle Point 006</t>
  </si>
  <si>
    <t>E01021483</t>
  </si>
  <si>
    <t>Castle Point 004C</t>
  </si>
  <si>
    <t>E01021484</t>
  </si>
  <si>
    <t>Castle Point 011A</t>
  </si>
  <si>
    <t>E02004483</t>
  </si>
  <si>
    <t>Castle Point 011</t>
  </si>
  <si>
    <t>E01021485</t>
  </si>
  <si>
    <t>Castle Point 010A</t>
  </si>
  <si>
    <t>E02004482</t>
  </si>
  <si>
    <t>Castle Point 010</t>
  </si>
  <si>
    <t>E01021486</t>
  </si>
  <si>
    <t>Castle Point 010B</t>
  </si>
  <si>
    <t>E01021487</t>
  </si>
  <si>
    <t>Castle Point 008A</t>
  </si>
  <si>
    <t>E02004480</t>
  </si>
  <si>
    <t>Castle Point 008</t>
  </si>
  <si>
    <t>E01021488</t>
  </si>
  <si>
    <t>Castle Point 010C</t>
  </si>
  <si>
    <t>E01021489</t>
  </si>
  <si>
    <t>Castle Point 012A</t>
  </si>
  <si>
    <t>E02004484</t>
  </si>
  <si>
    <t>Castle Point 012</t>
  </si>
  <si>
    <t>E01021490</t>
  </si>
  <si>
    <t>Castle Point 012B</t>
  </si>
  <si>
    <t>E01021491</t>
  </si>
  <si>
    <t>Castle Point 012C</t>
  </si>
  <si>
    <t>E01021492</t>
  </si>
  <si>
    <t>Castle Point 009A</t>
  </si>
  <si>
    <t>E02004481</t>
  </si>
  <si>
    <t>Castle Point 009</t>
  </si>
  <si>
    <t>E01021493</t>
  </si>
  <si>
    <t>Castle Point 009B</t>
  </si>
  <si>
    <t>E01021494</t>
  </si>
  <si>
    <t>Castle Point 008B</t>
  </si>
  <si>
    <t>E01021495</t>
  </si>
  <si>
    <t>Castle Point 009C</t>
  </si>
  <si>
    <t>E01021496</t>
  </si>
  <si>
    <t>Castle Point 009D</t>
  </si>
  <si>
    <t>E01021497</t>
  </si>
  <si>
    <t>Castle Point 012D</t>
  </si>
  <si>
    <t>E01021498</t>
  </si>
  <si>
    <t>Castle Point 011B</t>
  </si>
  <si>
    <t>E01021499</t>
  </si>
  <si>
    <t>Castle Point 011C</t>
  </si>
  <si>
    <t>E01021500</t>
  </si>
  <si>
    <t>Castle Point 012E</t>
  </si>
  <si>
    <t>E01021501</t>
  </si>
  <si>
    <t>Castle Point 011D</t>
  </si>
  <si>
    <t>E01021502</t>
  </si>
  <si>
    <t>Castle Point 011E</t>
  </si>
  <si>
    <t>E01021503</t>
  </si>
  <si>
    <t>Castle Point 010D</t>
  </si>
  <si>
    <t>E01021504</t>
  </si>
  <si>
    <t>Castle Point 008C</t>
  </si>
  <si>
    <t>E01021505</t>
  </si>
  <si>
    <t>Castle Point 008D</t>
  </si>
  <si>
    <t>E01021506</t>
  </si>
  <si>
    <t>Castle Point 008E</t>
  </si>
  <si>
    <t>E01021507</t>
  </si>
  <si>
    <t>Castle Point 010E</t>
  </si>
  <si>
    <t>E01021508</t>
  </si>
  <si>
    <t>Castle Point 010F</t>
  </si>
  <si>
    <t>E01021509</t>
  </si>
  <si>
    <t>Castle Point 002A</t>
  </si>
  <si>
    <t>E02004474</t>
  </si>
  <si>
    <t>Castle Point 002</t>
  </si>
  <si>
    <t>E01021510</t>
  </si>
  <si>
    <t>Castle Point 002B</t>
  </si>
  <si>
    <t>E01021511</t>
  </si>
  <si>
    <t>Castle Point 002C</t>
  </si>
  <si>
    <t>E01021512</t>
  </si>
  <si>
    <t>Castle Point 004D</t>
  </si>
  <si>
    <t>E01021513</t>
  </si>
  <si>
    <t>Castle Point 001A</t>
  </si>
  <si>
    <t>E02004473</t>
  </si>
  <si>
    <t>Castle Point 001</t>
  </si>
  <si>
    <t>E01021514</t>
  </si>
  <si>
    <t>Castle Point 001B</t>
  </si>
  <si>
    <t>E01021515</t>
  </si>
  <si>
    <t>Castle Point 001C</t>
  </si>
  <si>
    <t>E01021516</t>
  </si>
  <si>
    <t>Castle Point 003D</t>
  </si>
  <si>
    <t>E01021517</t>
  </si>
  <si>
    <t>Castle Point 005A</t>
  </si>
  <si>
    <t>E02004477</t>
  </si>
  <si>
    <t>Castle Point 005</t>
  </si>
  <si>
    <t>E01021518</t>
  </si>
  <si>
    <t>Castle Point 006B</t>
  </si>
  <si>
    <t>E01021519</t>
  </si>
  <si>
    <t>Castle Point 005B</t>
  </si>
  <si>
    <t>E01021520</t>
  </si>
  <si>
    <t>Castle Point 006C</t>
  </si>
  <si>
    <t>E01021521</t>
  </si>
  <si>
    <t>Castle Point 007B</t>
  </si>
  <si>
    <t>E01021522</t>
  </si>
  <si>
    <t>Castle Point 007C</t>
  </si>
  <si>
    <t>E01021523</t>
  </si>
  <si>
    <t>Castle Point 007D</t>
  </si>
  <si>
    <t>E01021524</t>
  </si>
  <si>
    <t>Castle Point 007E</t>
  </si>
  <si>
    <t>E01021525</t>
  </si>
  <si>
    <t>Castle Point 001D</t>
  </si>
  <si>
    <t>E01021526</t>
  </si>
  <si>
    <t>Castle Point 004E</t>
  </si>
  <si>
    <t>E01021527</t>
  </si>
  <si>
    <t>Castle Point 001E</t>
  </si>
  <si>
    <t>E01021528</t>
  </si>
  <si>
    <t>Castle Point 002D</t>
  </si>
  <si>
    <t>E01021529</t>
  </si>
  <si>
    <t>Castle Point 006D</t>
  </si>
  <si>
    <t>E01021530</t>
  </si>
  <si>
    <t>Castle Point 005C</t>
  </si>
  <si>
    <t>E01021531</t>
  </si>
  <si>
    <t>Castle Point 002E</t>
  </si>
  <si>
    <t>E01021532</t>
  </si>
  <si>
    <t>Castle Point 005D</t>
  </si>
  <si>
    <t>E01021533</t>
  </si>
  <si>
    <t>Chelmsford 016A</t>
  </si>
  <si>
    <t>E02004500</t>
  </si>
  <si>
    <t>Chelmsford 016</t>
  </si>
  <si>
    <t>E07000070</t>
  </si>
  <si>
    <t>Chelmsford</t>
  </si>
  <si>
    <t>E01021535</t>
  </si>
  <si>
    <t>Chelmsford 016B</t>
  </si>
  <si>
    <t>E01021536</t>
  </si>
  <si>
    <t>Chelmsford 005A</t>
  </si>
  <si>
    <t>E02004489</t>
  </si>
  <si>
    <t>Chelmsford 005</t>
  </si>
  <si>
    <t>E01021537</t>
  </si>
  <si>
    <t>Chelmsford 005B</t>
  </si>
  <si>
    <t>E01021538</t>
  </si>
  <si>
    <t>Chelmsford 001A</t>
  </si>
  <si>
    <t>E02004485</t>
  </si>
  <si>
    <t>Chelmsford 001</t>
  </si>
  <si>
    <t>E01021539</t>
  </si>
  <si>
    <t>Chelmsford 001B</t>
  </si>
  <si>
    <t>E01021540</t>
  </si>
  <si>
    <t>Chelmsford 001C</t>
  </si>
  <si>
    <t>E01021542</t>
  </si>
  <si>
    <t>Chelmsford 002A</t>
  </si>
  <si>
    <t>E02004486</t>
  </si>
  <si>
    <t>Chelmsford 002</t>
  </si>
  <si>
    <t>E01021543</t>
  </si>
  <si>
    <t>Chelmsford 002B</t>
  </si>
  <si>
    <t>E01021544</t>
  </si>
  <si>
    <t>Chelmsford 008A</t>
  </si>
  <si>
    <t>E02004492</t>
  </si>
  <si>
    <t>Chelmsford 008</t>
  </si>
  <si>
    <t>E01021545</t>
  </si>
  <si>
    <t>Chelmsford 008B</t>
  </si>
  <si>
    <t>E01021546</t>
  </si>
  <si>
    <t>Chelmsford 008C</t>
  </si>
  <si>
    <t>E01021547</t>
  </si>
  <si>
    <t>Chelmsford 008D</t>
  </si>
  <si>
    <t>E01021548</t>
  </si>
  <si>
    <t>Chelmsford 013A</t>
  </si>
  <si>
    <t>E02004497</t>
  </si>
  <si>
    <t>Chelmsford 013</t>
  </si>
  <si>
    <t>E01021550</t>
  </si>
  <si>
    <t>Chelmsford 003A</t>
  </si>
  <si>
    <t>E02004487</t>
  </si>
  <si>
    <t>Chelmsford 003</t>
  </si>
  <si>
    <t>E01021551</t>
  </si>
  <si>
    <t>Chelmsford 011A</t>
  </si>
  <si>
    <t>E02004495</t>
  </si>
  <si>
    <t>Chelmsford 011</t>
  </si>
  <si>
    <t>E01021552</t>
  </si>
  <si>
    <t>Chelmsford 017A</t>
  </si>
  <si>
    <t>E02004501</t>
  </si>
  <si>
    <t>Chelmsford 017</t>
  </si>
  <si>
    <t>E01021553</t>
  </si>
  <si>
    <t>Chelmsford 017B</t>
  </si>
  <si>
    <t>E01021554</t>
  </si>
  <si>
    <t>Chelmsford 017C</t>
  </si>
  <si>
    <t>E01021555</t>
  </si>
  <si>
    <t>Chelmsford 017D</t>
  </si>
  <si>
    <t>E01021556</t>
  </si>
  <si>
    <t>Chelmsford 012A</t>
  </si>
  <si>
    <t>E02004496</t>
  </si>
  <si>
    <t>Chelmsford 012</t>
  </si>
  <si>
    <t>E01021557</t>
  </si>
  <si>
    <t>Chelmsford 015A</t>
  </si>
  <si>
    <t>E02004499</t>
  </si>
  <si>
    <t>Chelmsford 015</t>
  </si>
  <si>
    <t>E01021558</t>
  </si>
  <si>
    <t>Chelmsford 015B</t>
  </si>
  <si>
    <t>E01021559</t>
  </si>
  <si>
    <t>Chelmsford 017E</t>
  </si>
  <si>
    <t>E01021560</t>
  </si>
  <si>
    <t>Chelmsford 013B</t>
  </si>
  <si>
    <t>E01021561</t>
  </si>
  <si>
    <t>Chelmsford 013C</t>
  </si>
  <si>
    <t>E01021562</t>
  </si>
  <si>
    <t>Chelmsford 014A</t>
  </si>
  <si>
    <t>E02004498</t>
  </si>
  <si>
    <t>Chelmsford 014</t>
  </si>
  <si>
    <t>E01021563</t>
  </si>
  <si>
    <t>Chelmsford 014B</t>
  </si>
  <si>
    <t>E01021564</t>
  </si>
  <si>
    <t>Chelmsford 013D</t>
  </si>
  <si>
    <t>E01021565</t>
  </si>
  <si>
    <t>Chelmsford 014C</t>
  </si>
  <si>
    <t>E01021566</t>
  </si>
  <si>
    <t>Chelmsford 014D</t>
  </si>
  <si>
    <t>E01021568</t>
  </si>
  <si>
    <t>Chelmsford 005D</t>
  </si>
  <si>
    <t>E01021569</t>
  </si>
  <si>
    <t>Chelmsford 016C</t>
  </si>
  <si>
    <t>E01021570</t>
  </si>
  <si>
    <t>Chelmsford 016D</t>
  </si>
  <si>
    <t>E01021571</t>
  </si>
  <si>
    <t>Chelmsford 013E</t>
  </si>
  <si>
    <t>E01021572</t>
  </si>
  <si>
    <t>Chelmsford 016E</t>
  </si>
  <si>
    <t>E01021573</t>
  </si>
  <si>
    <t>Chelmsford 009A</t>
  </si>
  <si>
    <t>E02004493</t>
  </si>
  <si>
    <t>Chelmsford 009</t>
  </si>
  <si>
    <t>E01021575</t>
  </si>
  <si>
    <t>Chelmsford 009B</t>
  </si>
  <si>
    <t>E01021576</t>
  </si>
  <si>
    <t>Chelmsford 006A</t>
  </si>
  <si>
    <t>E02004490</t>
  </si>
  <si>
    <t>Chelmsford 006</t>
  </si>
  <si>
    <t>E01021577</t>
  </si>
  <si>
    <t>Chelmsford 012B</t>
  </si>
  <si>
    <t>E01021578</t>
  </si>
  <si>
    <t>Chelmsford 023D</t>
  </si>
  <si>
    <t>E02006979</t>
  </si>
  <si>
    <t>Chelmsford 023</t>
  </si>
  <si>
    <t>E01021579</t>
  </si>
  <si>
    <t>Chelmsford 012C</t>
  </si>
  <si>
    <t>E01021580</t>
  </si>
  <si>
    <t>Chelmsford 012D</t>
  </si>
  <si>
    <t>E01021582</t>
  </si>
  <si>
    <t>Chelmsford 023C</t>
  </si>
  <si>
    <t>E01021583</t>
  </si>
  <si>
    <t>Chelmsford 015C</t>
  </si>
  <si>
    <t>E01021584</t>
  </si>
  <si>
    <t>Chelmsford 012E</t>
  </si>
  <si>
    <t>E01021585</t>
  </si>
  <si>
    <t>Chelmsford 015D</t>
  </si>
  <si>
    <t>E01021586</t>
  </si>
  <si>
    <t>Chelmsford 015E</t>
  </si>
  <si>
    <t>E01021587</t>
  </si>
  <si>
    <t>Chelmsford 002C</t>
  </si>
  <si>
    <t>E01021588</t>
  </si>
  <si>
    <t>Chelmsford 006B</t>
  </si>
  <si>
    <t>E01021589</t>
  </si>
  <si>
    <t>Chelmsford 006C</t>
  </si>
  <si>
    <t>E01021590</t>
  </si>
  <si>
    <t>Chelmsford 002D</t>
  </si>
  <si>
    <t>E01021591</t>
  </si>
  <si>
    <t>Chelmsford 002E</t>
  </si>
  <si>
    <t>E01021592</t>
  </si>
  <si>
    <t>Chelmsford 006D</t>
  </si>
  <si>
    <t>E01021593</t>
  </si>
  <si>
    <t>Chelmsford 021A</t>
  </si>
  <si>
    <t>E02004505</t>
  </si>
  <si>
    <t>Chelmsford 021</t>
  </si>
  <si>
    <t>E01021595</t>
  </si>
  <si>
    <t>Chelmsford 021C</t>
  </si>
  <si>
    <t>E01021596</t>
  </si>
  <si>
    <t>Chelmsford 006E</t>
  </si>
  <si>
    <t>E01021597</t>
  </si>
  <si>
    <t>Chelmsford 003B</t>
  </si>
  <si>
    <t>E01021598</t>
  </si>
  <si>
    <t>Chelmsford 003C</t>
  </si>
  <si>
    <t>E01021599</t>
  </si>
  <si>
    <t>Chelmsford 009C</t>
  </si>
  <si>
    <t>E01021600</t>
  </si>
  <si>
    <t>Chelmsford 003D</t>
  </si>
  <si>
    <t>E01021601</t>
  </si>
  <si>
    <t>Chelmsford 003E</t>
  </si>
  <si>
    <t>E01021602</t>
  </si>
  <si>
    <t>Chelmsford 018B</t>
  </si>
  <si>
    <t>E02004502</t>
  </si>
  <si>
    <t>Chelmsford 018</t>
  </si>
  <si>
    <t>E01021604</t>
  </si>
  <si>
    <t>Chelmsford 018D</t>
  </si>
  <si>
    <t>E01021605</t>
  </si>
  <si>
    <t>Chelmsford 020A</t>
  </si>
  <si>
    <t>E02004504</t>
  </si>
  <si>
    <t>Chelmsford 020</t>
  </si>
  <si>
    <t>E01021606</t>
  </si>
  <si>
    <t>Chelmsford 020B</t>
  </si>
  <si>
    <t>E01021607</t>
  </si>
  <si>
    <t>Chelmsford 020C</t>
  </si>
  <si>
    <t>E01021608</t>
  </si>
  <si>
    <t>Chelmsford 020D</t>
  </si>
  <si>
    <t>E01021609</t>
  </si>
  <si>
    <t>Chelmsford 020E</t>
  </si>
  <si>
    <t>E01021610</t>
  </si>
  <si>
    <t>Chelmsford 020F</t>
  </si>
  <si>
    <t>E01021611</t>
  </si>
  <si>
    <t>Chelmsford 019A</t>
  </si>
  <si>
    <t>E02004503</t>
  </si>
  <si>
    <t>Chelmsford 019</t>
  </si>
  <si>
    <t>E01021612</t>
  </si>
  <si>
    <t>Chelmsford 019B</t>
  </si>
  <si>
    <t>E01021613</t>
  </si>
  <si>
    <t>Chelmsford 019C</t>
  </si>
  <si>
    <t>E01021614</t>
  </si>
  <si>
    <t>Chelmsford 019D</t>
  </si>
  <si>
    <t>E01021615</t>
  </si>
  <si>
    <t>Chelmsford 019E</t>
  </si>
  <si>
    <t>E01021617</t>
  </si>
  <si>
    <t>Chelmsford 004B</t>
  </si>
  <si>
    <t>E02004488</t>
  </si>
  <si>
    <t>Chelmsford 004</t>
  </si>
  <si>
    <t>E01021618</t>
  </si>
  <si>
    <t>Chelmsford 007A</t>
  </si>
  <si>
    <t>E02004491</t>
  </si>
  <si>
    <t>Chelmsford 007</t>
  </si>
  <si>
    <t>E01021619</t>
  </si>
  <si>
    <t>Chelmsford 004C</t>
  </si>
  <si>
    <t>E01021620</t>
  </si>
  <si>
    <t>Chelmsford 004D</t>
  </si>
  <si>
    <t>E01021621</t>
  </si>
  <si>
    <t>Chelmsford 007B</t>
  </si>
  <si>
    <t>E01021622</t>
  </si>
  <si>
    <t>Chelmsford 007C</t>
  </si>
  <si>
    <t>E01021623</t>
  </si>
  <si>
    <t>Chelmsford 004E</t>
  </si>
  <si>
    <t>E01021624</t>
  </si>
  <si>
    <t>Chelmsford 004F</t>
  </si>
  <si>
    <t>E01021625</t>
  </si>
  <si>
    <t>Chelmsford 007D</t>
  </si>
  <si>
    <t>E01021626</t>
  </si>
  <si>
    <t>Chelmsford 007E</t>
  </si>
  <si>
    <t>E01021627</t>
  </si>
  <si>
    <t>Chelmsford 022B</t>
  </si>
  <si>
    <t>E02006978</t>
  </si>
  <si>
    <t>Chelmsford 022</t>
  </si>
  <si>
    <t>E01021628</t>
  </si>
  <si>
    <t>Chelmsford 008E</t>
  </si>
  <si>
    <t>E01021629</t>
  </si>
  <si>
    <t>Chelmsford 008F</t>
  </si>
  <si>
    <t>E01021631</t>
  </si>
  <si>
    <t>Chelmsford 009E</t>
  </si>
  <si>
    <t>E01021632</t>
  </si>
  <si>
    <t>Chelmsford 011B</t>
  </si>
  <si>
    <t>E01021633</t>
  </si>
  <si>
    <t>Chelmsford 011C</t>
  </si>
  <si>
    <t>E01021634</t>
  </si>
  <si>
    <t>Chelmsford 011D</t>
  </si>
  <si>
    <t>E01021635</t>
  </si>
  <si>
    <t>Chelmsford 011E</t>
  </si>
  <si>
    <t>E01021636</t>
  </si>
  <si>
    <t>Chelmsford 011F</t>
  </si>
  <si>
    <t>E01021637</t>
  </si>
  <si>
    <t>Colchester 018A</t>
  </si>
  <si>
    <t>E02004523</t>
  </si>
  <si>
    <t>Colchester 018</t>
  </si>
  <si>
    <t>E07000071</t>
  </si>
  <si>
    <t>Colchester</t>
  </si>
  <si>
    <t>E01021638</t>
  </si>
  <si>
    <t>Colchester 018B</t>
  </si>
  <si>
    <t>E01021639</t>
  </si>
  <si>
    <t>Colchester 018C</t>
  </si>
  <si>
    <t>E01021640</t>
  </si>
  <si>
    <t>Colchester 018D</t>
  </si>
  <si>
    <t>E01021641</t>
  </si>
  <si>
    <t>Colchester 018E</t>
  </si>
  <si>
    <t>E01021642</t>
  </si>
  <si>
    <t>Colchester 018F</t>
  </si>
  <si>
    <t>E01021643</t>
  </si>
  <si>
    <t>Colchester 019A</t>
  </si>
  <si>
    <t>E02004524</t>
  </si>
  <si>
    <t>Colchester 019</t>
  </si>
  <si>
    <t>E01021644</t>
  </si>
  <si>
    <t>Colchester 019B</t>
  </si>
  <si>
    <t>E01021645</t>
  </si>
  <si>
    <t>Colchester 019C</t>
  </si>
  <si>
    <t>E01021646</t>
  </si>
  <si>
    <t>Colchester 007A</t>
  </si>
  <si>
    <t>E02004512</t>
  </si>
  <si>
    <t>Colchester 007</t>
  </si>
  <si>
    <t>E01021647</t>
  </si>
  <si>
    <t>Colchester 007B</t>
  </si>
  <si>
    <t>E01021648</t>
  </si>
  <si>
    <t>Colchester 007C</t>
  </si>
  <si>
    <t>E01021650</t>
  </si>
  <si>
    <t>Colchester 007E</t>
  </si>
  <si>
    <t>E01021651</t>
  </si>
  <si>
    <t>Colchester 013A</t>
  </si>
  <si>
    <t>E02004518</t>
  </si>
  <si>
    <t>Colchester 013</t>
  </si>
  <si>
    <t>E01021652</t>
  </si>
  <si>
    <t>Colchester 013B</t>
  </si>
  <si>
    <t>E01021653</t>
  </si>
  <si>
    <t>Colchester 013C</t>
  </si>
  <si>
    <t>E01021655</t>
  </si>
  <si>
    <t>Colchester 001A</t>
  </si>
  <si>
    <t>E02004506</t>
  </si>
  <si>
    <t>Colchester 001</t>
  </si>
  <si>
    <t>E01021656</t>
  </si>
  <si>
    <t>Colchester 001B</t>
  </si>
  <si>
    <t>E01021657</t>
  </si>
  <si>
    <t>Colchester 016A</t>
  </si>
  <si>
    <t>E02004521</t>
  </si>
  <si>
    <t>Colchester 016</t>
  </si>
  <si>
    <t>E01021658</t>
  </si>
  <si>
    <t>Colchester 016B</t>
  </si>
  <si>
    <t>E01021659</t>
  </si>
  <si>
    <t>Colchester 001C</t>
  </si>
  <si>
    <t>E01021660</t>
  </si>
  <si>
    <t>Colchester 003A</t>
  </si>
  <si>
    <t>E02004508</t>
  </si>
  <si>
    <t>Colchester 003</t>
  </si>
  <si>
    <t>E01021661</t>
  </si>
  <si>
    <t>Colchester 001D</t>
  </si>
  <si>
    <t>E01021662</t>
  </si>
  <si>
    <t>Colchester 010B</t>
  </si>
  <si>
    <t>E02004515</t>
  </si>
  <si>
    <t>Colchester 010</t>
  </si>
  <si>
    <t>E01021663</t>
  </si>
  <si>
    <t>Colchester 010C</t>
  </si>
  <si>
    <t>E01021664</t>
  </si>
  <si>
    <t>Colchester 016C</t>
  </si>
  <si>
    <t>E01021665</t>
  </si>
  <si>
    <t>Colchester 016D</t>
  </si>
  <si>
    <t>E01021666</t>
  </si>
  <si>
    <t>Colchester 016E</t>
  </si>
  <si>
    <t>E01021667</t>
  </si>
  <si>
    <t>Colchester 016F</t>
  </si>
  <si>
    <t>E01021668</t>
  </si>
  <si>
    <t>Colchester 002A</t>
  </si>
  <si>
    <t>E02004507</t>
  </si>
  <si>
    <t>Colchester 002</t>
  </si>
  <si>
    <t>E01021669</t>
  </si>
  <si>
    <t>Colchester 002B</t>
  </si>
  <si>
    <t>E01021670</t>
  </si>
  <si>
    <t>Colchester 002C</t>
  </si>
  <si>
    <t>E01021671</t>
  </si>
  <si>
    <t>Colchester 002D</t>
  </si>
  <si>
    <t>E01021673</t>
  </si>
  <si>
    <t>Colchester 009A</t>
  </si>
  <si>
    <t>E02004514</t>
  </si>
  <si>
    <t>Colchester 009</t>
  </si>
  <si>
    <t>E01021674</t>
  </si>
  <si>
    <t>Colchester 009B</t>
  </si>
  <si>
    <t>E01021675</t>
  </si>
  <si>
    <t>Colchester 009C</t>
  </si>
  <si>
    <t>E01021676</t>
  </si>
  <si>
    <t>Colchester 009D</t>
  </si>
  <si>
    <t>E01021677</t>
  </si>
  <si>
    <t>Colchester 010D</t>
  </si>
  <si>
    <t>E01021678</t>
  </si>
  <si>
    <t>Colchester 010E</t>
  </si>
  <si>
    <t>E01021683</t>
  </si>
  <si>
    <t>Colchester 011A</t>
  </si>
  <si>
    <t>E02004516</t>
  </si>
  <si>
    <t>Colchester 011</t>
  </si>
  <si>
    <t>E01021684</t>
  </si>
  <si>
    <t>Colchester 011B</t>
  </si>
  <si>
    <t>E01021687</t>
  </si>
  <si>
    <t>Colchester 011E</t>
  </si>
  <si>
    <t>E01021688</t>
  </si>
  <si>
    <t>Colchester 011F</t>
  </si>
  <si>
    <t>E01021689</t>
  </si>
  <si>
    <t>Colchester 014A</t>
  </si>
  <si>
    <t>E02004519</t>
  </si>
  <si>
    <t>Colchester 014</t>
  </si>
  <si>
    <t>E01021690</t>
  </si>
  <si>
    <t>Colchester 014B</t>
  </si>
  <si>
    <t>E01021691</t>
  </si>
  <si>
    <t>Colchester 014C</t>
  </si>
  <si>
    <t>E01021692</t>
  </si>
  <si>
    <t>Colchester 014D</t>
  </si>
  <si>
    <t>E01021693</t>
  </si>
  <si>
    <t>Colchester 014E</t>
  </si>
  <si>
    <t>E01021694</t>
  </si>
  <si>
    <t>Colchester 019D</t>
  </si>
  <si>
    <t>E01021695</t>
  </si>
  <si>
    <t>Colchester 019E</t>
  </si>
  <si>
    <t>E01021696</t>
  </si>
  <si>
    <t>Colchester 008A</t>
  </si>
  <si>
    <t>E02004513</t>
  </si>
  <si>
    <t>Colchester 008</t>
  </si>
  <si>
    <t>E01021697</t>
  </si>
  <si>
    <t>Colchester 008B</t>
  </si>
  <si>
    <t>E01021698</t>
  </si>
  <si>
    <t>Colchester 008C</t>
  </si>
  <si>
    <t>E01021699</t>
  </si>
  <si>
    <t>Colchester 008D</t>
  </si>
  <si>
    <t>E01021700</t>
  </si>
  <si>
    <t>Colchester 008E</t>
  </si>
  <si>
    <t>E01021702</t>
  </si>
  <si>
    <t>Colchester 022D</t>
  </si>
  <si>
    <t>E02006922</t>
  </si>
  <si>
    <t>Colchester 022</t>
  </si>
  <si>
    <t>E01021703</t>
  </si>
  <si>
    <t>Colchester 022E</t>
  </si>
  <si>
    <t>E01021704</t>
  </si>
  <si>
    <t>Colchester 022F</t>
  </si>
  <si>
    <t>E01021705</t>
  </si>
  <si>
    <t>Colchester 022G</t>
  </si>
  <si>
    <t>E01021706</t>
  </si>
  <si>
    <t>Colchester 022H</t>
  </si>
  <si>
    <t>E01021707</t>
  </si>
  <si>
    <t>Colchester 022I</t>
  </si>
  <si>
    <t>E01021708</t>
  </si>
  <si>
    <t>Colchester 022A</t>
  </si>
  <si>
    <t>E01021709</t>
  </si>
  <si>
    <t>Colchester 022B</t>
  </si>
  <si>
    <t>E01021710</t>
  </si>
  <si>
    <t>Colchester 022C</t>
  </si>
  <si>
    <t>E01021711</t>
  </si>
  <si>
    <t>Colchester 015A</t>
  </si>
  <si>
    <t>E02004520</t>
  </si>
  <si>
    <t>Colchester 015</t>
  </si>
  <si>
    <t>E01021713</t>
  </si>
  <si>
    <t>Colchester 015C</t>
  </si>
  <si>
    <t>E01021714</t>
  </si>
  <si>
    <t>Colchester 015D</t>
  </si>
  <si>
    <t>E01021715</t>
  </si>
  <si>
    <t>Colchester 015E</t>
  </si>
  <si>
    <t>E01021717</t>
  </si>
  <si>
    <t>Colchester 013D</t>
  </si>
  <si>
    <t>E01021718</t>
  </si>
  <si>
    <t>Colchester 012A</t>
  </si>
  <si>
    <t>E02004517</t>
  </si>
  <si>
    <t>Colchester 012</t>
  </si>
  <si>
    <t>E01021719</t>
  </si>
  <si>
    <t>Colchester 012B</t>
  </si>
  <si>
    <t>E01021720</t>
  </si>
  <si>
    <t>Colchester 012C</t>
  </si>
  <si>
    <t>E01021721</t>
  </si>
  <si>
    <t>Colchester 012D</t>
  </si>
  <si>
    <t>E01021722</t>
  </si>
  <si>
    <t>Colchester 012E</t>
  </si>
  <si>
    <t>E01021723</t>
  </si>
  <si>
    <t>Colchester 020A</t>
  </si>
  <si>
    <t>E02004525</t>
  </si>
  <si>
    <t>Colchester 020</t>
  </si>
  <si>
    <t>E01021724</t>
  </si>
  <si>
    <t>Colchester 020B</t>
  </si>
  <si>
    <t>E01021725</t>
  </si>
  <si>
    <t>Colchester 020C</t>
  </si>
  <si>
    <t>E01021726</t>
  </si>
  <si>
    <t>Colchester 020D</t>
  </si>
  <si>
    <t>E01021727</t>
  </si>
  <si>
    <t>Colchester 020E</t>
  </si>
  <si>
    <t>E01021728</t>
  </si>
  <si>
    <t>Colchester 003B</t>
  </si>
  <si>
    <t>E01021729</t>
  </si>
  <si>
    <t>Colchester 003C</t>
  </si>
  <si>
    <t>E01021730</t>
  </si>
  <si>
    <t>Colchester 003D</t>
  </si>
  <si>
    <t>E01021731</t>
  </si>
  <si>
    <t>Colchester 021A</t>
  </si>
  <si>
    <t>E02004526</t>
  </si>
  <si>
    <t>Colchester 021</t>
  </si>
  <si>
    <t>E01021732</t>
  </si>
  <si>
    <t>Colchester 021B</t>
  </si>
  <si>
    <t>E01021733</t>
  </si>
  <si>
    <t>Colchester 021C</t>
  </si>
  <si>
    <t>E01021734</t>
  </si>
  <si>
    <t>Colchester 021D</t>
  </si>
  <si>
    <t>E01021735</t>
  </si>
  <si>
    <t>Colchester 021E</t>
  </si>
  <si>
    <t>E01021736</t>
  </si>
  <si>
    <t>Colchester 017A</t>
  </si>
  <si>
    <t>E02004522</t>
  </si>
  <si>
    <t>Colchester 017</t>
  </si>
  <si>
    <t>E01021737</t>
  </si>
  <si>
    <t>Colchester 017B</t>
  </si>
  <si>
    <t>E01021738</t>
  </si>
  <si>
    <t>Colchester 017C</t>
  </si>
  <si>
    <t>E01021739</t>
  </si>
  <si>
    <t>Colchester 017D</t>
  </si>
  <si>
    <t>E01021740</t>
  </si>
  <si>
    <t>Colchester 017E</t>
  </si>
  <si>
    <t>E01021741</t>
  </si>
  <si>
    <t>Epping Forest 002A</t>
  </si>
  <si>
    <t>E02004528</t>
  </si>
  <si>
    <t>Epping Forest 002</t>
  </si>
  <si>
    <t>E07000072</t>
  </si>
  <si>
    <t>Epping Forest</t>
  </si>
  <si>
    <t>E01021742</t>
  </si>
  <si>
    <t>Epping Forest 015A</t>
  </si>
  <si>
    <t>E02004541</t>
  </si>
  <si>
    <t>Epping Forest 015</t>
  </si>
  <si>
    <t>E01021743</t>
  </si>
  <si>
    <t>Epping Forest 015B</t>
  </si>
  <si>
    <t>E01021744</t>
  </si>
  <si>
    <t>Epping Forest 015C</t>
  </si>
  <si>
    <t>E01021745</t>
  </si>
  <si>
    <t>Epping Forest 015D</t>
  </si>
  <si>
    <t>E01021746</t>
  </si>
  <si>
    <t>Epping Forest 015E</t>
  </si>
  <si>
    <t>E01021747</t>
  </si>
  <si>
    <t>Epping Forest 015F</t>
  </si>
  <si>
    <t>E01021748</t>
  </si>
  <si>
    <t>Epping Forest 015G</t>
  </si>
  <si>
    <t>E01021749</t>
  </si>
  <si>
    <t>Epping Forest 016A</t>
  </si>
  <si>
    <t>E02004542</t>
  </si>
  <si>
    <t>Epping Forest 016</t>
  </si>
  <si>
    <t>E01021750</t>
  </si>
  <si>
    <t>Epping Forest 016B</t>
  </si>
  <si>
    <t>E01021751</t>
  </si>
  <si>
    <t>Epping Forest 016C</t>
  </si>
  <si>
    <t>E01021752</t>
  </si>
  <si>
    <t>Epping Forest 016D</t>
  </si>
  <si>
    <t>E01021753</t>
  </si>
  <si>
    <t>Epping Forest 004A</t>
  </si>
  <si>
    <t>E02004530</t>
  </si>
  <si>
    <t>Epping Forest 004</t>
  </si>
  <si>
    <t>E01021754</t>
  </si>
  <si>
    <t>Epping Forest 004B</t>
  </si>
  <si>
    <t>E01021755</t>
  </si>
  <si>
    <t>Epping Forest 004C</t>
  </si>
  <si>
    <t>E01021756</t>
  </si>
  <si>
    <t>Epping Forest 006A</t>
  </si>
  <si>
    <t>E02004532</t>
  </si>
  <si>
    <t>Epping Forest 006</t>
  </si>
  <si>
    <t>E01021757</t>
  </si>
  <si>
    <t>Epping Forest 006B</t>
  </si>
  <si>
    <t>E01021758</t>
  </si>
  <si>
    <t>Epping Forest 006C</t>
  </si>
  <si>
    <t>E01021759</t>
  </si>
  <si>
    <t>Epping Forest 006D</t>
  </si>
  <si>
    <t>E01021760</t>
  </si>
  <si>
    <t>Epping Forest 005A</t>
  </si>
  <si>
    <t>E02004531</t>
  </si>
  <si>
    <t>Epping Forest 005</t>
  </si>
  <si>
    <t>E01021761</t>
  </si>
  <si>
    <t>Epping Forest 005B</t>
  </si>
  <si>
    <t>E01021762</t>
  </si>
  <si>
    <t>Epping Forest 005C</t>
  </si>
  <si>
    <t>E01021763</t>
  </si>
  <si>
    <t>Epping Forest 005D</t>
  </si>
  <si>
    <t>E01021764</t>
  </si>
  <si>
    <t>Epping Forest 017A</t>
  </si>
  <si>
    <t>E02004543</t>
  </si>
  <si>
    <t>Epping Forest 017</t>
  </si>
  <si>
    <t>E01021765</t>
  </si>
  <si>
    <t>Epping Forest 017B</t>
  </si>
  <si>
    <t>E01021766</t>
  </si>
  <si>
    <t>Epping Forest 017C</t>
  </si>
  <si>
    <t>E01021767</t>
  </si>
  <si>
    <t>Epping Forest 017D</t>
  </si>
  <si>
    <t>E01021768</t>
  </si>
  <si>
    <t>Epping Forest 001A</t>
  </si>
  <si>
    <t>E02004527</t>
  </si>
  <si>
    <t>Epping Forest 001</t>
  </si>
  <si>
    <t>E01021769</t>
  </si>
  <si>
    <t>Epping Forest 003A</t>
  </si>
  <si>
    <t>E02004529</t>
  </si>
  <si>
    <t>Epping Forest 003</t>
  </si>
  <si>
    <t>E01021770</t>
  </si>
  <si>
    <t>Epping Forest 010A</t>
  </si>
  <si>
    <t>E02004536</t>
  </si>
  <si>
    <t>Epping Forest 010</t>
  </si>
  <si>
    <t>E01021771</t>
  </si>
  <si>
    <t>Epping Forest 013A</t>
  </si>
  <si>
    <t>E02004539</t>
  </si>
  <si>
    <t>Epping Forest 013</t>
  </si>
  <si>
    <t>E01021772</t>
  </si>
  <si>
    <t>Epping Forest 013B</t>
  </si>
  <si>
    <t>E01021773</t>
  </si>
  <si>
    <t>Epping Forest 013C</t>
  </si>
  <si>
    <t>E01021774</t>
  </si>
  <si>
    <t>Epping Forest 011A</t>
  </si>
  <si>
    <t>E02004537</t>
  </si>
  <si>
    <t>Epping Forest 011</t>
  </si>
  <si>
    <t>E01021775</t>
  </si>
  <si>
    <t>Epping Forest 011B</t>
  </si>
  <si>
    <t>E01021776</t>
  </si>
  <si>
    <t>Epping Forest 011C</t>
  </si>
  <si>
    <t>E01021777</t>
  </si>
  <si>
    <t>Epping Forest 011D</t>
  </si>
  <si>
    <t>E01021778</t>
  </si>
  <si>
    <t>Epping Forest 011E</t>
  </si>
  <si>
    <t>E01021779</t>
  </si>
  <si>
    <t>Epping Forest 011F</t>
  </si>
  <si>
    <t>E01021780</t>
  </si>
  <si>
    <t>Epping Forest 014A</t>
  </si>
  <si>
    <t>E02004540</t>
  </si>
  <si>
    <t>Epping Forest 014</t>
  </si>
  <si>
    <t>E01021781</t>
  </si>
  <si>
    <t>Epping Forest 014B</t>
  </si>
  <si>
    <t>E01021782</t>
  </si>
  <si>
    <t>Epping Forest 014C</t>
  </si>
  <si>
    <t>E01021783</t>
  </si>
  <si>
    <t>Epping Forest 013D</t>
  </si>
  <si>
    <t>E01021784</t>
  </si>
  <si>
    <t>Epping Forest 013E</t>
  </si>
  <si>
    <t>E01021785</t>
  </si>
  <si>
    <t>Epping Forest 014D</t>
  </si>
  <si>
    <t>E01021786</t>
  </si>
  <si>
    <t>Epping Forest 012A</t>
  </si>
  <si>
    <t>E02004538</t>
  </si>
  <si>
    <t>Epping Forest 012</t>
  </si>
  <si>
    <t>E01021787</t>
  </si>
  <si>
    <t>Epping Forest 012B</t>
  </si>
  <si>
    <t>E01021788</t>
  </si>
  <si>
    <t>Epping Forest 012C</t>
  </si>
  <si>
    <t>E01021789</t>
  </si>
  <si>
    <t>Epping Forest 012D</t>
  </si>
  <si>
    <t>E01021790</t>
  </si>
  <si>
    <t>Epping Forest 012E</t>
  </si>
  <si>
    <t>E01021791</t>
  </si>
  <si>
    <t>Epping Forest 012F</t>
  </si>
  <si>
    <t>E01021792</t>
  </si>
  <si>
    <t>Epping Forest 002B</t>
  </si>
  <si>
    <t>E01021793</t>
  </si>
  <si>
    <t>Epping Forest 002C</t>
  </si>
  <si>
    <t>E01021794</t>
  </si>
  <si>
    <t>Epping Forest 002D</t>
  </si>
  <si>
    <t>E01021795</t>
  </si>
  <si>
    <t>Epping Forest 001B</t>
  </si>
  <si>
    <t>E01021796</t>
  </si>
  <si>
    <t>Epping Forest 003B</t>
  </si>
  <si>
    <t>E01021797</t>
  </si>
  <si>
    <t>Epping Forest 001C</t>
  </si>
  <si>
    <t>E01021798</t>
  </si>
  <si>
    <t>Epping Forest 001D</t>
  </si>
  <si>
    <t>E01021799</t>
  </si>
  <si>
    <t>Epping Forest 001E</t>
  </si>
  <si>
    <t>E01021800</t>
  </si>
  <si>
    <t>Epping Forest 003C</t>
  </si>
  <si>
    <t>E01021801</t>
  </si>
  <si>
    <t>Epping Forest 002E</t>
  </si>
  <si>
    <t>E01021802</t>
  </si>
  <si>
    <t>Epping Forest 004D</t>
  </si>
  <si>
    <t>E01021803</t>
  </si>
  <si>
    <t>Epping Forest 010B</t>
  </si>
  <si>
    <t>E01021804</t>
  </si>
  <si>
    <t>Epping Forest 010C</t>
  </si>
  <si>
    <t>E01021805</t>
  </si>
  <si>
    <t>Epping Forest 010D</t>
  </si>
  <si>
    <t>E01021806</t>
  </si>
  <si>
    <t>Epping Forest 009A</t>
  </si>
  <si>
    <t>E02004535</t>
  </si>
  <si>
    <t>Epping Forest 009</t>
  </si>
  <si>
    <t>E01021807</t>
  </si>
  <si>
    <t>Epping Forest 008A</t>
  </si>
  <si>
    <t>E02004534</t>
  </si>
  <si>
    <t>Epping Forest 008</t>
  </si>
  <si>
    <t>E01021808</t>
  </si>
  <si>
    <t>Epping Forest 008B</t>
  </si>
  <si>
    <t>E01021809</t>
  </si>
  <si>
    <t>Epping Forest 008C</t>
  </si>
  <si>
    <t>E01021810</t>
  </si>
  <si>
    <t>Epping Forest 008D</t>
  </si>
  <si>
    <t>E01021811</t>
  </si>
  <si>
    <t>Epping Forest 007A</t>
  </si>
  <si>
    <t>E02004533</t>
  </si>
  <si>
    <t>Epping Forest 007</t>
  </si>
  <si>
    <t>E01021812</t>
  </si>
  <si>
    <t>Epping Forest 009B</t>
  </si>
  <si>
    <t>E01021813</t>
  </si>
  <si>
    <t>Epping Forest 007B</t>
  </si>
  <si>
    <t>E01021814</t>
  </si>
  <si>
    <t>Epping Forest 007C</t>
  </si>
  <si>
    <t>E01021815</t>
  </si>
  <si>
    <t>Epping Forest 007D</t>
  </si>
  <si>
    <t>E01021816</t>
  </si>
  <si>
    <t>Epping Forest 007E</t>
  </si>
  <si>
    <t>E01021817</t>
  </si>
  <si>
    <t>Epping Forest 008E</t>
  </si>
  <si>
    <t>E01021818</t>
  </si>
  <si>
    <t>Epping Forest 009C</t>
  </si>
  <si>
    <t>E01021819</t>
  </si>
  <si>
    <t>Harlow 006A</t>
  </si>
  <si>
    <t>E02004549</t>
  </si>
  <si>
    <t>Harlow 006</t>
  </si>
  <si>
    <t>E07000073</t>
  </si>
  <si>
    <t>Harlow</t>
  </si>
  <si>
    <t>E01021820</t>
  </si>
  <si>
    <t>Harlow 006B</t>
  </si>
  <si>
    <t>E01021821</t>
  </si>
  <si>
    <t>Harlow 008A</t>
  </si>
  <si>
    <t>E02004551</t>
  </si>
  <si>
    <t>Harlow 008</t>
  </si>
  <si>
    <t>E01021822</t>
  </si>
  <si>
    <t>Harlow 006C</t>
  </si>
  <si>
    <t>E01021823</t>
  </si>
  <si>
    <t>Harlow 006D</t>
  </si>
  <si>
    <t>E01021824</t>
  </si>
  <si>
    <t>Harlow 005A</t>
  </si>
  <si>
    <t>E02004548</t>
  </si>
  <si>
    <t>Harlow 005</t>
  </si>
  <si>
    <t>E01021825</t>
  </si>
  <si>
    <t>Harlow 005B</t>
  </si>
  <si>
    <t>E01021826</t>
  </si>
  <si>
    <t>Harlow 005C</t>
  </si>
  <si>
    <t>E01021827</t>
  </si>
  <si>
    <t>Harlow 005D</t>
  </si>
  <si>
    <t>E01021828</t>
  </si>
  <si>
    <t>Harlow 005E</t>
  </si>
  <si>
    <t>E01021829</t>
  </si>
  <si>
    <t>Harlow 009A</t>
  </si>
  <si>
    <t>E02004552</t>
  </si>
  <si>
    <t>Harlow 009</t>
  </si>
  <si>
    <t>E01021830</t>
  </si>
  <si>
    <t>Harlow 009B</t>
  </si>
  <si>
    <t>E01021831</t>
  </si>
  <si>
    <t>Harlow 007A</t>
  </si>
  <si>
    <t>E02004550</t>
  </si>
  <si>
    <t>Harlow 007</t>
  </si>
  <si>
    <t>E01021832</t>
  </si>
  <si>
    <t>Harlow 009C</t>
  </si>
  <si>
    <t>E01021833</t>
  </si>
  <si>
    <t>Harlow 009D</t>
  </si>
  <si>
    <t>E01021834</t>
  </si>
  <si>
    <t>Harlow 008B</t>
  </si>
  <si>
    <t>E01021835</t>
  </si>
  <si>
    <t>Harlow 008C</t>
  </si>
  <si>
    <t>E01021836</t>
  </si>
  <si>
    <t>Harlow 008D</t>
  </si>
  <si>
    <t>E01021837</t>
  </si>
  <si>
    <t>Harlow 008E</t>
  </si>
  <si>
    <t>E01021838</t>
  </si>
  <si>
    <t>Harlow 010A</t>
  </si>
  <si>
    <t>E02004553</t>
  </si>
  <si>
    <t>Harlow 010</t>
  </si>
  <si>
    <t>E01021839</t>
  </si>
  <si>
    <t>Harlow 004A</t>
  </si>
  <si>
    <t>E02004547</t>
  </si>
  <si>
    <t>Harlow 004</t>
  </si>
  <si>
    <t>E01021840</t>
  </si>
  <si>
    <t>Harlow 004B</t>
  </si>
  <si>
    <t>E01021841</t>
  </si>
  <si>
    <t>Harlow 004C</t>
  </si>
  <si>
    <t>E01021842</t>
  </si>
  <si>
    <t>Harlow 004D</t>
  </si>
  <si>
    <t>E01021843</t>
  </si>
  <si>
    <t>Harlow 004E</t>
  </si>
  <si>
    <t>E01021844</t>
  </si>
  <si>
    <t>Harlow 002A</t>
  </si>
  <si>
    <t>E02004545</t>
  </si>
  <si>
    <t>Harlow 002</t>
  </si>
  <si>
    <t>E01021845</t>
  </si>
  <si>
    <t>Harlow 002B</t>
  </si>
  <si>
    <t>E01021846</t>
  </si>
  <si>
    <t>Harlow 002C</t>
  </si>
  <si>
    <t>E01021847</t>
  </si>
  <si>
    <t>Harlow 002D</t>
  </si>
  <si>
    <t>E01021848</t>
  </si>
  <si>
    <t>Harlow 002E</t>
  </si>
  <si>
    <t>E01021849</t>
  </si>
  <si>
    <t>Harlow 003A</t>
  </si>
  <si>
    <t>E02004546</t>
  </si>
  <si>
    <t>Harlow 003</t>
  </si>
  <si>
    <t>E01021850</t>
  </si>
  <si>
    <t>Harlow 003B</t>
  </si>
  <si>
    <t>E01021851</t>
  </si>
  <si>
    <t>Harlow 003C</t>
  </si>
  <si>
    <t>E01021852</t>
  </si>
  <si>
    <t>Harlow 003D</t>
  </si>
  <si>
    <t>E01021853</t>
  </si>
  <si>
    <t>Harlow 003E</t>
  </si>
  <si>
    <t>E01021854</t>
  </si>
  <si>
    <t>Harlow 001A</t>
  </si>
  <si>
    <t>E02004544</t>
  </si>
  <si>
    <t>Harlow 001</t>
  </si>
  <si>
    <t>E01021855</t>
  </si>
  <si>
    <t>Harlow 001B</t>
  </si>
  <si>
    <t>E01021856</t>
  </si>
  <si>
    <t>Harlow 001C</t>
  </si>
  <si>
    <t>E01021858</t>
  </si>
  <si>
    <t>Harlow 010B</t>
  </si>
  <si>
    <t>E01021859</t>
  </si>
  <si>
    <t>Harlow 010C</t>
  </si>
  <si>
    <t>E01021860</t>
  </si>
  <si>
    <t>Harlow 010D</t>
  </si>
  <si>
    <t>E01021861</t>
  </si>
  <si>
    <t>Harlow 010E</t>
  </si>
  <si>
    <t>E01021862</t>
  </si>
  <si>
    <t>Harlow 011A</t>
  </si>
  <si>
    <t>E02004554</t>
  </si>
  <si>
    <t>Harlow 011</t>
  </si>
  <si>
    <t>E01021863</t>
  </si>
  <si>
    <t>Harlow 011B</t>
  </si>
  <si>
    <t>E01021864</t>
  </si>
  <si>
    <t>Harlow 011C</t>
  </si>
  <si>
    <t>E01021865</t>
  </si>
  <si>
    <t>Harlow 009E</t>
  </si>
  <si>
    <t>E01021866</t>
  </si>
  <si>
    <t>Harlow 011D</t>
  </si>
  <si>
    <t>E01021867</t>
  </si>
  <si>
    <t>Harlow 011E</t>
  </si>
  <si>
    <t>E01021868</t>
  </si>
  <si>
    <t>Harlow 007B</t>
  </si>
  <si>
    <t>E01021869</t>
  </si>
  <si>
    <t>Harlow 007C</t>
  </si>
  <si>
    <t>E01021870</t>
  </si>
  <si>
    <t>Harlow 006E</t>
  </si>
  <si>
    <t>E01021871</t>
  </si>
  <si>
    <t>Harlow 007D</t>
  </si>
  <si>
    <t>E01021873</t>
  </si>
  <si>
    <t>Maldon 007A</t>
  </si>
  <si>
    <t>E02004561</t>
  </si>
  <si>
    <t>Maldon 007</t>
  </si>
  <si>
    <t>E07000074</t>
  </si>
  <si>
    <t>Maldon</t>
  </si>
  <si>
    <t>E01021874</t>
  </si>
  <si>
    <t>Maldon 007B</t>
  </si>
  <si>
    <t>E01021875</t>
  </si>
  <si>
    <t>Maldon 007C</t>
  </si>
  <si>
    <t>E01021878</t>
  </si>
  <si>
    <t>Maldon 008C</t>
  </si>
  <si>
    <t>E02004562</t>
  </si>
  <si>
    <t>Maldon 008</t>
  </si>
  <si>
    <t>E01021879</t>
  </si>
  <si>
    <t>Maldon 008D</t>
  </si>
  <si>
    <t>E01021880</t>
  </si>
  <si>
    <t>Maldon 008E</t>
  </si>
  <si>
    <t>E01021881</t>
  </si>
  <si>
    <t>Maldon 008F</t>
  </si>
  <si>
    <t>E01021882</t>
  </si>
  <si>
    <t>Maldon 002A</t>
  </si>
  <si>
    <t>E02004556</t>
  </si>
  <si>
    <t>Maldon 002</t>
  </si>
  <si>
    <t>E01021883</t>
  </si>
  <si>
    <t>Maldon 002B</t>
  </si>
  <si>
    <t>E01021884</t>
  </si>
  <si>
    <t>Maldon 003A</t>
  </si>
  <si>
    <t>E02004557</t>
  </si>
  <si>
    <t>Maldon 003</t>
  </si>
  <si>
    <t>E01021885</t>
  </si>
  <si>
    <t>Maldon 003B</t>
  </si>
  <si>
    <t>E01021886</t>
  </si>
  <si>
    <t>Maldon 003C</t>
  </si>
  <si>
    <t>E01021887</t>
  </si>
  <si>
    <t>Maldon 003D</t>
  </si>
  <si>
    <t>E01021888</t>
  </si>
  <si>
    <t>Maldon 003E</t>
  </si>
  <si>
    <t>E01021889</t>
  </si>
  <si>
    <t>Maldon 004A</t>
  </si>
  <si>
    <t>E02004558</t>
  </si>
  <si>
    <t>Maldon 004</t>
  </si>
  <si>
    <t>E01021890</t>
  </si>
  <si>
    <t>Maldon 004B</t>
  </si>
  <si>
    <t>E01021891</t>
  </si>
  <si>
    <t>Maldon 004C</t>
  </si>
  <si>
    <t>E01021892</t>
  </si>
  <si>
    <t>Maldon 004D</t>
  </si>
  <si>
    <t>E01021893</t>
  </si>
  <si>
    <t>Maldon 005A</t>
  </si>
  <si>
    <t>E02004559</t>
  </si>
  <si>
    <t>Maldon 005</t>
  </si>
  <si>
    <t>E01021894</t>
  </si>
  <si>
    <t>Maldon 005B</t>
  </si>
  <si>
    <t>E01021895</t>
  </si>
  <si>
    <t>Maldon 005C</t>
  </si>
  <si>
    <t>E01021896</t>
  </si>
  <si>
    <t>Maldon 005D</t>
  </si>
  <si>
    <t>E01021897</t>
  </si>
  <si>
    <t>Maldon 005E</t>
  </si>
  <si>
    <t>E01021898</t>
  </si>
  <si>
    <t>Maldon 005F</t>
  </si>
  <si>
    <t>E01021899</t>
  </si>
  <si>
    <t>Maldon 007D</t>
  </si>
  <si>
    <t>E01021900</t>
  </si>
  <si>
    <t>Maldon 007E</t>
  </si>
  <si>
    <t>E01021901</t>
  </si>
  <si>
    <t>Maldon 006A</t>
  </si>
  <si>
    <t>E02004560</t>
  </si>
  <si>
    <t>Maldon 006</t>
  </si>
  <si>
    <t>E01021902</t>
  </si>
  <si>
    <t>Maldon 007F</t>
  </si>
  <si>
    <t>E01021903</t>
  </si>
  <si>
    <t>Maldon 007G</t>
  </si>
  <si>
    <t>E01021904</t>
  </si>
  <si>
    <t>Maldon 006B</t>
  </si>
  <si>
    <t>E01021905</t>
  </si>
  <si>
    <t>Maldon 006C</t>
  </si>
  <si>
    <t>E01021906</t>
  </si>
  <si>
    <t>Maldon 006D</t>
  </si>
  <si>
    <t>E01021907</t>
  </si>
  <si>
    <t>Maldon 006E</t>
  </si>
  <si>
    <t>E01021908</t>
  </si>
  <si>
    <t>Maldon 001A</t>
  </si>
  <si>
    <t>E02004555</t>
  </si>
  <si>
    <t>Maldon 001</t>
  </si>
  <si>
    <t>E01021909</t>
  </si>
  <si>
    <t>Maldon 001B</t>
  </si>
  <si>
    <t>E01021910</t>
  </si>
  <si>
    <t>Maldon 001C</t>
  </si>
  <si>
    <t>E01021911</t>
  </si>
  <si>
    <t>Maldon 001D</t>
  </si>
  <si>
    <t>E01021912</t>
  </si>
  <si>
    <t>Maldon 002C</t>
  </si>
  <si>
    <t>E01021913</t>
  </si>
  <si>
    <t>Maldon 002D</t>
  </si>
  <si>
    <t>E01021914</t>
  </si>
  <si>
    <t>Rochford 002A</t>
  </si>
  <si>
    <t>E02004564</t>
  </si>
  <si>
    <t>Rochford 002</t>
  </si>
  <si>
    <t>E07000075</t>
  </si>
  <si>
    <t>Rochford</t>
  </si>
  <si>
    <t>E01021915</t>
  </si>
  <si>
    <t>Rochford 004A</t>
  </si>
  <si>
    <t>E02004566</t>
  </si>
  <si>
    <t>Rochford 004</t>
  </si>
  <si>
    <t>E01021916</t>
  </si>
  <si>
    <t>Rochford 004B</t>
  </si>
  <si>
    <t>E01021917</t>
  </si>
  <si>
    <t>Rochford 010A</t>
  </si>
  <si>
    <t>E02004572</t>
  </si>
  <si>
    <t>Rochford 010</t>
  </si>
  <si>
    <t>E01021918</t>
  </si>
  <si>
    <t>Rochford 005A</t>
  </si>
  <si>
    <t>E02004567</t>
  </si>
  <si>
    <t>Rochford 005</t>
  </si>
  <si>
    <t>E01021919</t>
  </si>
  <si>
    <t>Rochford 005B</t>
  </si>
  <si>
    <t>E01021920</t>
  </si>
  <si>
    <t>Rochford 006A</t>
  </si>
  <si>
    <t>E02004568</t>
  </si>
  <si>
    <t>Rochford 006</t>
  </si>
  <si>
    <t>E01021921</t>
  </si>
  <si>
    <t>Rochford 010B</t>
  </si>
  <si>
    <t>E01021922</t>
  </si>
  <si>
    <t>Rochford 010C</t>
  </si>
  <si>
    <t>E01021923</t>
  </si>
  <si>
    <t>Rochford 010D</t>
  </si>
  <si>
    <t>E01021924</t>
  </si>
  <si>
    <t>Rochford 010E</t>
  </si>
  <si>
    <t>E01021925</t>
  </si>
  <si>
    <t>Rochford 005C</t>
  </si>
  <si>
    <t>E01021926</t>
  </si>
  <si>
    <t>Rochford 006B</t>
  </si>
  <si>
    <t>E01021927</t>
  </si>
  <si>
    <t>Rochford 002B</t>
  </si>
  <si>
    <t>E01021928</t>
  </si>
  <si>
    <t>Rochford 002C</t>
  </si>
  <si>
    <t>E01021929</t>
  </si>
  <si>
    <t>Rochford 002D</t>
  </si>
  <si>
    <t>E01021930</t>
  </si>
  <si>
    <t>Rochford 007A</t>
  </si>
  <si>
    <t>E02004569</t>
  </si>
  <si>
    <t>Rochford 007</t>
  </si>
  <si>
    <t>E01021931</t>
  </si>
  <si>
    <t>Rochford 002E</t>
  </si>
  <si>
    <t>E01021932</t>
  </si>
  <si>
    <t>Rochford 007B</t>
  </si>
  <si>
    <t>E01021933</t>
  </si>
  <si>
    <t>Rochford 012E</t>
  </si>
  <si>
    <t>E02006981</t>
  </si>
  <si>
    <t>Rochford 012</t>
  </si>
  <si>
    <t>E01021934</t>
  </si>
  <si>
    <t>Rochford 012D</t>
  </si>
  <si>
    <t>E01021935</t>
  </si>
  <si>
    <t>Rochford 012C</t>
  </si>
  <si>
    <t>E01021936</t>
  </si>
  <si>
    <t>Rochford 012B</t>
  </si>
  <si>
    <t>E01021937</t>
  </si>
  <si>
    <t>Rochford 012A</t>
  </si>
  <si>
    <t>E01021938</t>
  </si>
  <si>
    <t>Rochford 011B</t>
  </si>
  <si>
    <t>E02006980</t>
  </si>
  <si>
    <t>Rochford 011</t>
  </si>
  <si>
    <t>E01021939</t>
  </si>
  <si>
    <t>Rochford 011D</t>
  </si>
  <si>
    <t>E01021940</t>
  </si>
  <si>
    <t>Rochford 011A</t>
  </si>
  <si>
    <t>E01021941</t>
  </si>
  <si>
    <t>Rochford 011C</t>
  </si>
  <si>
    <t>E01021942</t>
  </si>
  <si>
    <t>Rochford 001A</t>
  </si>
  <si>
    <t>E02004563</t>
  </si>
  <si>
    <t>Rochford 001</t>
  </si>
  <si>
    <t>E01021943</t>
  </si>
  <si>
    <t>Rochford 001B</t>
  </si>
  <si>
    <t>E01021944</t>
  </si>
  <si>
    <t>Rochford 001C</t>
  </si>
  <si>
    <t>E01021945</t>
  </si>
  <si>
    <t>Rochford 001D</t>
  </si>
  <si>
    <t>E01021946</t>
  </si>
  <si>
    <t>Rochford 009A</t>
  </si>
  <si>
    <t>E02004571</t>
  </si>
  <si>
    <t>Rochford 009</t>
  </si>
  <si>
    <t>E01021947</t>
  </si>
  <si>
    <t>Rochford 009B</t>
  </si>
  <si>
    <t>E01021948</t>
  </si>
  <si>
    <t>Rochford 009C</t>
  </si>
  <si>
    <t>E01021949</t>
  </si>
  <si>
    <t>Rochford 009D</t>
  </si>
  <si>
    <t>E01021950</t>
  </si>
  <si>
    <t>Rochford 008A</t>
  </si>
  <si>
    <t>E02004570</t>
  </si>
  <si>
    <t>Rochford 008</t>
  </si>
  <si>
    <t>E01021951</t>
  </si>
  <si>
    <t>Rochford 008B</t>
  </si>
  <si>
    <t>E01021952</t>
  </si>
  <si>
    <t>Rochford 007C</t>
  </si>
  <si>
    <t>E01021953</t>
  </si>
  <si>
    <t>Rochford 004C</t>
  </si>
  <si>
    <t>E01021954</t>
  </si>
  <si>
    <t>Rochford 007D</t>
  </si>
  <si>
    <t>E01021955</t>
  </si>
  <si>
    <t>Rochford 004D</t>
  </si>
  <si>
    <t>E01021956</t>
  </si>
  <si>
    <t>Rochford 007E</t>
  </si>
  <si>
    <t>E01021957</t>
  </si>
  <si>
    <t>Rochford 006C</t>
  </si>
  <si>
    <t>E01021958</t>
  </si>
  <si>
    <t>Rochford 006D</t>
  </si>
  <si>
    <t>E01021959</t>
  </si>
  <si>
    <t>Rochford 006E</t>
  </si>
  <si>
    <t>E01021960</t>
  </si>
  <si>
    <t>Rochford 005D</t>
  </si>
  <si>
    <t>E01021961</t>
  </si>
  <si>
    <t>Rochford 005E</t>
  </si>
  <si>
    <t>E01021962</t>
  </si>
  <si>
    <t>Rochford 008C</t>
  </si>
  <si>
    <t>E01021963</t>
  </si>
  <si>
    <t>Rochford 008D</t>
  </si>
  <si>
    <t>E01021964</t>
  </si>
  <si>
    <t>Rochford 008E</t>
  </si>
  <si>
    <t>E01021965</t>
  </si>
  <si>
    <t>Rochford 009E</t>
  </si>
  <si>
    <t>E01021966</t>
  </si>
  <si>
    <t>Rochford 008F</t>
  </si>
  <si>
    <t>E01021967</t>
  </si>
  <si>
    <t>Tendring 009A</t>
  </si>
  <si>
    <t>E02004581</t>
  </si>
  <si>
    <t>Tendring 009</t>
  </si>
  <si>
    <t>E07000076</t>
  </si>
  <si>
    <t>Tendring</t>
  </si>
  <si>
    <t>E01021968</t>
  </si>
  <si>
    <t>Tendring 017A</t>
  </si>
  <si>
    <t>E02004589</t>
  </si>
  <si>
    <t>Tendring 017</t>
  </si>
  <si>
    <t>E01021969</t>
  </si>
  <si>
    <t>Tendring 017B</t>
  </si>
  <si>
    <t>E01021970</t>
  </si>
  <si>
    <t>Tendring 016A</t>
  </si>
  <si>
    <t>E02004588</t>
  </si>
  <si>
    <t>Tendring 016</t>
  </si>
  <si>
    <t>E01021971</t>
  </si>
  <si>
    <t>Tendring 005A</t>
  </si>
  <si>
    <t>E02004577</t>
  </si>
  <si>
    <t>Tendring 005</t>
  </si>
  <si>
    <t>E01021972</t>
  </si>
  <si>
    <t>Tendring 005B</t>
  </si>
  <si>
    <t>E01021973</t>
  </si>
  <si>
    <t>Tendring 007A</t>
  </si>
  <si>
    <t>E02004579</t>
  </si>
  <si>
    <t>Tendring 007</t>
  </si>
  <si>
    <t>E01021974</t>
  </si>
  <si>
    <t>Tendring 007B</t>
  </si>
  <si>
    <t>E01021975</t>
  </si>
  <si>
    <t>Tendring 013A</t>
  </si>
  <si>
    <t>E02004585</t>
  </si>
  <si>
    <t>Tendring 013</t>
  </si>
  <si>
    <t>E01021976</t>
  </si>
  <si>
    <t>Tendring 013B</t>
  </si>
  <si>
    <t>E01021977</t>
  </si>
  <si>
    <t>Tendring 013C</t>
  </si>
  <si>
    <t>E01021978</t>
  </si>
  <si>
    <t>Tendring 003A</t>
  </si>
  <si>
    <t>E02004575</t>
  </si>
  <si>
    <t>Tendring 003</t>
  </si>
  <si>
    <t>E01021979</t>
  </si>
  <si>
    <t>Tendring 011A</t>
  </si>
  <si>
    <t>E02004583</t>
  </si>
  <si>
    <t>Tendring 011</t>
  </si>
  <si>
    <t>E01021980</t>
  </si>
  <si>
    <t>Tendring 011B</t>
  </si>
  <si>
    <t>E01021981</t>
  </si>
  <si>
    <t>Tendring 011C</t>
  </si>
  <si>
    <t>E01021982</t>
  </si>
  <si>
    <t>Tendring 011D</t>
  </si>
  <si>
    <t>E01021983</t>
  </si>
  <si>
    <t>Tendring 009B</t>
  </si>
  <si>
    <t>E01021984</t>
  </si>
  <si>
    <t>Tendring 010A</t>
  </si>
  <si>
    <t>E02004582</t>
  </si>
  <si>
    <t>Tendring 010</t>
  </si>
  <si>
    <t>E01021985</t>
  </si>
  <si>
    <t>Tendring 006A</t>
  </si>
  <si>
    <t>E02004578</t>
  </si>
  <si>
    <t>Tendring 006</t>
  </si>
  <si>
    <t>E01021986</t>
  </si>
  <si>
    <t>Tendring 006B</t>
  </si>
  <si>
    <t>E01021987</t>
  </si>
  <si>
    <t>Tendring 008A</t>
  </si>
  <si>
    <t>E02004580</t>
  </si>
  <si>
    <t>Tendring 008</t>
  </si>
  <si>
    <t>E01021988</t>
  </si>
  <si>
    <t>Tendring 018A</t>
  </si>
  <si>
    <t>E02004590</t>
  </si>
  <si>
    <t>Tendring 018</t>
  </si>
  <si>
    <t>E01021989</t>
  </si>
  <si>
    <t>Tendring 018B</t>
  </si>
  <si>
    <t>E01021990</t>
  </si>
  <si>
    <t>Tendring 018C</t>
  </si>
  <si>
    <t>E01021991</t>
  </si>
  <si>
    <t>Tendring 004A</t>
  </si>
  <si>
    <t>E02004576</t>
  </si>
  <si>
    <t>Tendring 004</t>
  </si>
  <si>
    <t>E01021992</t>
  </si>
  <si>
    <t>Tendring 004B</t>
  </si>
  <si>
    <t>E01021993</t>
  </si>
  <si>
    <t>Tendring 009C</t>
  </si>
  <si>
    <t>E01021994</t>
  </si>
  <si>
    <t>Tendring 008B</t>
  </si>
  <si>
    <t>E01021995</t>
  </si>
  <si>
    <t>Tendring 008C</t>
  </si>
  <si>
    <t>E01021996</t>
  </si>
  <si>
    <t>Tendring 008D</t>
  </si>
  <si>
    <t>E01021997</t>
  </si>
  <si>
    <t>Tendring 001A</t>
  </si>
  <si>
    <t>E02004573</t>
  </si>
  <si>
    <t>Tendring 001</t>
  </si>
  <si>
    <t>E01021998</t>
  </si>
  <si>
    <t>Tendring 001B</t>
  </si>
  <si>
    <t>E01021999</t>
  </si>
  <si>
    <t>Tendring 001C</t>
  </si>
  <si>
    <t>E01022000</t>
  </si>
  <si>
    <t>Tendring 002A</t>
  </si>
  <si>
    <t>E02004574</t>
  </si>
  <si>
    <t>Tendring 002</t>
  </si>
  <si>
    <t>E01022001</t>
  </si>
  <si>
    <t>Tendring 001D</t>
  </si>
  <si>
    <t>E01022002</t>
  </si>
  <si>
    <t>Tendring 004C</t>
  </si>
  <si>
    <t>E01022004</t>
  </si>
  <si>
    <t>Tendring 004D</t>
  </si>
  <si>
    <t>E01022005</t>
  </si>
  <si>
    <t>Tendring 004E</t>
  </si>
  <si>
    <t>E01022006</t>
  </si>
  <si>
    <t>Tendring 002C</t>
  </si>
  <si>
    <t>E01022007</t>
  </si>
  <si>
    <t>Tendring 002D</t>
  </si>
  <si>
    <t>E01022008</t>
  </si>
  <si>
    <t>Tendring 012A</t>
  </si>
  <si>
    <t>E02004584</t>
  </si>
  <si>
    <t>Tendring 012</t>
  </si>
  <si>
    <t>E01022009</t>
  </si>
  <si>
    <t>Tendring 008E</t>
  </si>
  <si>
    <t>E01022010</t>
  </si>
  <si>
    <t>Tendring 008F</t>
  </si>
  <si>
    <t>E01022011</t>
  </si>
  <si>
    <t>Tendring 008G</t>
  </si>
  <si>
    <t>E01022012</t>
  </si>
  <si>
    <t>Tendring 008H</t>
  </si>
  <si>
    <t>E01022013</t>
  </si>
  <si>
    <t>Tendring 003B</t>
  </si>
  <si>
    <t>E01022014</t>
  </si>
  <si>
    <t>Tendring 003C</t>
  </si>
  <si>
    <t>E01022015</t>
  </si>
  <si>
    <t>Tendring 003D</t>
  </si>
  <si>
    <t>E01022016</t>
  </si>
  <si>
    <t>Tendring 007C</t>
  </si>
  <si>
    <t>E01022017</t>
  </si>
  <si>
    <t>Tendring 007D</t>
  </si>
  <si>
    <t>E01022018</t>
  </si>
  <si>
    <t>Tendring 007E</t>
  </si>
  <si>
    <t>E01022019</t>
  </si>
  <si>
    <t>Tendring 003E</t>
  </si>
  <si>
    <t>E01022020</t>
  </si>
  <si>
    <t>Tendring 003F</t>
  </si>
  <si>
    <t>E01022021</t>
  </si>
  <si>
    <t>Tendring 003G</t>
  </si>
  <si>
    <t>E01022022</t>
  </si>
  <si>
    <t>Tendring 013D</t>
  </si>
  <si>
    <t>E01022023</t>
  </si>
  <si>
    <t>Tendring 015A</t>
  </si>
  <si>
    <t>E02004587</t>
  </si>
  <si>
    <t>Tendring 015</t>
  </si>
  <si>
    <t>E01022024</t>
  </si>
  <si>
    <t>Tendring 015B</t>
  </si>
  <si>
    <t>E01022025</t>
  </si>
  <si>
    <t>Tendring 016B</t>
  </si>
  <si>
    <t>E01022026</t>
  </si>
  <si>
    <t>Tendring 016C</t>
  </si>
  <si>
    <t>E01022027</t>
  </si>
  <si>
    <t>Tendring 016D</t>
  </si>
  <si>
    <t>E01022028</t>
  </si>
  <si>
    <t>Tendring 004F</t>
  </si>
  <si>
    <t>E01022030</t>
  </si>
  <si>
    <t>Tendring 015C</t>
  </si>
  <si>
    <t>E01022031</t>
  </si>
  <si>
    <t>Tendring 015D</t>
  </si>
  <si>
    <t>E01022032</t>
  </si>
  <si>
    <t>Tendring 015E</t>
  </si>
  <si>
    <t>E01022033</t>
  </si>
  <si>
    <t>Tendring 012B</t>
  </si>
  <si>
    <t>E01022034</t>
  </si>
  <si>
    <t>Tendring 012C</t>
  </si>
  <si>
    <t>E01022035</t>
  </si>
  <si>
    <t>Tendring 012D</t>
  </si>
  <si>
    <t>E01022036</t>
  </si>
  <si>
    <t>Tendring 017C</t>
  </si>
  <si>
    <t>E01022037</t>
  </si>
  <si>
    <t>Tendring 017D</t>
  </si>
  <si>
    <t>E01022038</t>
  </si>
  <si>
    <t>Tendring 017E</t>
  </si>
  <si>
    <t>E01022039</t>
  </si>
  <si>
    <t>Tendring 010B</t>
  </si>
  <si>
    <t>E01022040</t>
  </si>
  <si>
    <t>Tendring 010C</t>
  </si>
  <si>
    <t>E01022041</t>
  </si>
  <si>
    <t>Tendring 010D</t>
  </si>
  <si>
    <t>E01022042</t>
  </si>
  <si>
    <t>Tendring 014A</t>
  </si>
  <si>
    <t>E02004586</t>
  </si>
  <si>
    <t>Tendring 014</t>
  </si>
  <si>
    <t>E01022043</t>
  </si>
  <si>
    <t>Tendring 014B</t>
  </si>
  <si>
    <t>E01022044</t>
  </si>
  <si>
    <t>Tendring 013E</t>
  </si>
  <si>
    <t>E01022045</t>
  </si>
  <si>
    <t>Tendring 018D</t>
  </si>
  <si>
    <t>E01022046</t>
  </si>
  <si>
    <t>Tendring 011E</t>
  </si>
  <si>
    <t>E01022047</t>
  </si>
  <si>
    <t>Tendring 018E</t>
  </si>
  <si>
    <t>E01022048</t>
  </si>
  <si>
    <t>Tendring 014C</t>
  </si>
  <si>
    <t>E01022049</t>
  </si>
  <si>
    <t>Tendring 014D</t>
  </si>
  <si>
    <t>E01022050</t>
  </si>
  <si>
    <t>Tendring 014E</t>
  </si>
  <si>
    <t>E01022051</t>
  </si>
  <si>
    <t>Tendring 005C</t>
  </si>
  <si>
    <t>E01022052</t>
  </si>
  <si>
    <t>Tendring 005D</t>
  </si>
  <si>
    <t>E01022053</t>
  </si>
  <si>
    <t>Tendring 009D</t>
  </si>
  <si>
    <t>E01022054</t>
  </si>
  <si>
    <t>Tendring 006C</t>
  </si>
  <si>
    <t>E01022055</t>
  </si>
  <si>
    <t>Tendring 006D</t>
  </si>
  <si>
    <t>E01022056</t>
  </si>
  <si>
    <t>Tendring 006E</t>
  </si>
  <si>
    <t>E01022057</t>
  </si>
  <si>
    <t>Uttlesford 001A</t>
  </si>
  <si>
    <t>E02004591</t>
  </si>
  <si>
    <t>Uttlesford 001</t>
  </si>
  <si>
    <t>E07000077</t>
  </si>
  <si>
    <t>Uttlesford</t>
  </si>
  <si>
    <t>E01022058</t>
  </si>
  <si>
    <t>Uttlesford 008A</t>
  </si>
  <si>
    <t>E02004598</t>
  </si>
  <si>
    <t>Uttlesford 008</t>
  </si>
  <si>
    <t>E01022059</t>
  </si>
  <si>
    <t>Uttlesford 009A</t>
  </si>
  <si>
    <t>E02004599</t>
  </si>
  <si>
    <t>Uttlesford 009</t>
  </si>
  <si>
    <t>E01022060</t>
  </si>
  <si>
    <t>Uttlesford 009B</t>
  </si>
  <si>
    <t>E01022061</t>
  </si>
  <si>
    <t>Uttlesford 003A</t>
  </si>
  <si>
    <t>E02004593</t>
  </si>
  <si>
    <t>Uttlesford 003</t>
  </si>
  <si>
    <t>E01022062</t>
  </si>
  <si>
    <t>Uttlesford 005A</t>
  </si>
  <si>
    <t>E02004595</t>
  </si>
  <si>
    <t>Uttlesford 005</t>
  </si>
  <si>
    <t>E01022063</t>
  </si>
  <si>
    <t>Uttlesford 005B</t>
  </si>
  <si>
    <t>E01022064</t>
  </si>
  <si>
    <t>Uttlesford 008B</t>
  </si>
  <si>
    <t>E01022067</t>
  </si>
  <si>
    <t>Uttlesford 007B</t>
  </si>
  <si>
    <t>E02004597</t>
  </si>
  <si>
    <t>Uttlesford 007</t>
  </si>
  <si>
    <t>E01022068</t>
  </si>
  <si>
    <t>Uttlesford 007C</t>
  </si>
  <si>
    <t>E01022069</t>
  </si>
  <si>
    <t>Uttlesford 008D</t>
  </si>
  <si>
    <t>E01022070</t>
  </si>
  <si>
    <t>Uttlesford 009C</t>
  </si>
  <si>
    <t>E01022071</t>
  </si>
  <si>
    <t>Uttlesford 003B</t>
  </si>
  <si>
    <t>E01022072</t>
  </si>
  <si>
    <t>Uttlesford 003C</t>
  </si>
  <si>
    <t>E01022073</t>
  </si>
  <si>
    <t>Uttlesford 003D</t>
  </si>
  <si>
    <t>E01022074</t>
  </si>
  <si>
    <t>Uttlesford 002A</t>
  </si>
  <si>
    <t>E02004592</t>
  </si>
  <si>
    <t>Uttlesford 002</t>
  </si>
  <si>
    <t>E01022075</t>
  </si>
  <si>
    <t>Uttlesford 001B</t>
  </si>
  <si>
    <t>E01022076</t>
  </si>
  <si>
    <t>Uttlesford 002B</t>
  </si>
  <si>
    <t>E01022077</t>
  </si>
  <si>
    <t>Uttlesford 001C</t>
  </si>
  <si>
    <t>E01022078</t>
  </si>
  <si>
    <t>Uttlesford 002C</t>
  </si>
  <si>
    <t>E01022079</t>
  </si>
  <si>
    <t>Uttlesford 002D</t>
  </si>
  <si>
    <t>E01022080</t>
  </si>
  <si>
    <t>Uttlesford 002E</t>
  </si>
  <si>
    <t>E01022081</t>
  </si>
  <si>
    <t>Uttlesford 002F</t>
  </si>
  <si>
    <t>E01022082</t>
  </si>
  <si>
    <t>Uttlesford 002G</t>
  </si>
  <si>
    <t>E01022083</t>
  </si>
  <si>
    <t>Uttlesford 005C</t>
  </si>
  <si>
    <t>E01022084</t>
  </si>
  <si>
    <t>Uttlesford 005D</t>
  </si>
  <si>
    <t>E01022085</t>
  </si>
  <si>
    <t>Uttlesford 005E</t>
  </si>
  <si>
    <t>E01022086</t>
  </si>
  <si>
    <t>Uttlesford 006A</t>
  </si>
  <si>
    <t>E02004596</t>
  </si>
  <si>
    <t>Uttlesford 006</t>
  </si>
  <si>
    <t>E01022087</t>
  </si>
  <si>
    <t>Uttlesford 005F</t>
  </si>
  <si>
    <t>E01022088</t>
  </si>
  <si>
    <t>Uttlesford 008E</t>
  </si>
  <si>
    <t>E01022089</t>
  </si>
  <si>
    <t>Uttlesford 005G</t>
  </si>
  <si>
    <t>E01022092</t>
  </si>
  <si>
    <t>Uttlesford 004A</t>
  </si>
  <si>
    <t>E02004594</t>
  </si>
  <si>
    <t>Uttlesford 004</t>
  </si>
  <si>
    <t>E01022093</t>
  </si>
  <si>
    <t>Uttlesford 004B</t>
  </si>
  <si>
    <t>E01022094</t>
  </si>
  <si>
    <t>Uttlesford 001D</t>
  </si>
  <si>
    <t>E01022095</t>
  </si>
  <si>
    <t>Uttlesford 006D</t>
  </si>
  <si>
    <t>E01022096</t>
  </si>
  <si>
    <t>Uttlesford 009D</t>
  </si>
  <si>
    <t>E01022097</t>
  </si>
  <si>
    <t>Uttlesford 004C</t>
  </si>
  <si>
    <t>E01022098</t>
  </si>
  <si>
    <t>Uttlesford 003E</t>
  </si>
  <si>
    <t>E01022099</t>
  </si>
  <si>
    <t>Uttlesford 004D</t>
  </si>
  <si>
    <t>E01023289</t>
  </si>
  <si>
    <t>Broxbourne 004A</t>
  </si>
  <si>
    <t>E02004846</t>
  </si>
  <si>
    <t>Broxbourne 004</t>
  </si>
  <si>
    <t>E07000095</t>
  </si>
  <si>
    <t>Broxbourne</t>
  </si>
  <si>
    <t>E37000048</t>
  </si>
  <si>
    <t>Hertfordshire</t>
  </si>
  <si>
    <t>E01023290</t>
  </si>
  <si>
    <t>Broxbourne 004B</t>
  </si>
  <si>
    <t>E01023291</t>
  </si>
  <si>
    <t>Broxbourne 004C</t>
  </si>
  <si>
    <t>E01023292</t>
  </si>
  <si>
    <t>Broxbourne 004D</t>
  </si>
  <si>
    <t>E01023293</t>
  </si>
  <si>
    <t>Broxbourne 011A</t>
  </si>
  <si>
    <t>E02004853</t>
  </si>
  <si>
    <t>Broxbourne 011</t>
  </si>
  <si>
    <t>E01023294</t>
  </si>
  <si>
    <t>Broxbourne 011B</t>
  </si>
  <si>
    <t>E01023295</t>
  </si>
  <si>
    <t>Broxbourne 011C</t>
  </si>
  <si>
    <t>E01023296</t>
  </si>
  <si>
    <t>Broxbourne 011D</t>
  </si>
  <si>
    <t>E01023297</t>
  </si>
  <si>
    <t>Broxbourne 010A</t>
  </si>
  <si>
    <t>E02004852</t>
  </si>
  <si>
    <t>Broxbourne 010</t>
  </si>
  <si>
    <t>E01023298</t>
  </si>
  <si>
    <t>Broxbourne 010B</t>
  </si>
  <si>
    <t>E01023299</t>
  </si>
  <si>
    <t>Broxbourne 010C</t>
  </si>
  <si>
    <t>E01023300</t>
  </si>
  <si>
    <t>Broxbourne 010D</t>
  </si>
  <si>
    <t>E01023301</t>
  </si>
  <si>
    <t>Broxbourne 010E</t>
  </si>
  <si>
    <t>E01023302</t>
  </si>
  <si>
    <t>Broxbourne 008A</t>
  </si>
  <si>
    <t>E02004850</t>
  </si>
  <si>
    <t>Broxbourne 008</t>
  </si>
  <si>
    <t>E01023303</t>
  </si>
  <si>
    <t>Broxbourne 008B</t>
  </si>
  <si>
    <t>E01023304</t>
  </si>
  <si>
    <t>Broxbourne 008C</t>
  </si>
  <si>
    <t>E01023305</t>
  </si>
  <si>
    <t>Broxbourne 008D</t>
  </si>
  <si>
    <t>E01023306</t>
  </si>
  <si>
    <t>Broxbourne 008E</t>
  </si>
  <si>
    <t>E01023307</t>
  </si>
  <si>
    <t>Broxbourne 006A</t>
  </si>
  <si>
    <t>E02004848</t>
  </si>
  <si>
    <t>Broxbourne 006</t>
  </si>
  <si>
    <t>E01023308</t>
  </si>
  <si>
    <t>Broxbourne 006B</t>
  </si>
  <si>
    <t>E01023309</t>
  </si>
  <si>
    <t>Broxbourne 006C</t>
  </si>
  <si>
    <t>E01023310</t>
  </si>
  <si>
    <t>Broxbourne 006D</t>
  </si>
  <si>
    <t>E01023311</t>
  </si>
  <si>
    <t>Broxbourne 007A</t>
  </si>
  <si>
    <t>E02004849</t>
  </si>
  <si>
    <t>Broxbourne 007</t>
  </si>
  <si>
    <t>E01023312</t>
  </si>
  <si>
    <t>Broxbourne 007B</t>
  </si>
  <si>
    <t>E01023313</t>
  </si>
  <si>
    <t>Broxbourne 007C</t>
  </si>
  <si>
    <t>E01023314</t>
  </si>
  <si>
    <t>Broxbourne 009A</t>
  </si>
  <si>
    <t>E02004851</t>
  </si>
  <si>
    <t>Broxbourne 009</t>
  </si>
  <si>
    <t>E01023315</t>
  </si>
  <si>
    <t>Broxbourne 007D</t>
  </si>
  <si>
    <t>E01023316</t>
  </si>
  <si>
    <t>Broxbourne 001A</t>
  </si>
  <si>
    <t>E02004843</t>
  </si>
  <si>
    <t>Broxbourne 001</t>
  </si>
  <si>
    <t>E01023317</t>
  </si>
  <si>
    <t>Broxbourne 001B</t>
  </si>
  <si>
    <t>E01023318</t>
  </si>
  <si>
    <t>Broxbourne 001C</t>
  </si>
  <si>
    <t>E01023319</t>
  </si>
  <si>
    <t>Broxbourne 001D</t>
  </si>
  <si>
    <t>E01023320</t>
  </si>
  <si>
    <t>Broxbourne 003A</t>
  </si>
  <si>
    <t>E02004845</t>
  </si>
  <si>
    <t>Broxbourne 003</t>
  </si>
  <si>
    <t>E01023321</t>
  </si>
  <si>
    <t>Broxbourne 003B</t>
  </si>
  <si>
    <t>E01023322</t>
  </si>
  <si>
    <t>Broxbourne 003C</t>
  </si>
  <si>
    <t>E01023323</t>
  </si>
  <si>
    <t>Broxbourne 003D</t>
  </si>
  <si>
    <t>E01023324</t>
  </si>
  <si>
    <t>Broxbourne 009B</t>
  </si>
  <si>
    <t>E01023325</t>
  </si>
  <si>
    <t>Broxbourne 009C</t>
  </si>
  <si>
    <t>E01023326</t>
  </si>
  <si>
    <t>Broxbourne 009D</t>
  </si>
  <si>
    <t>E01023327</t>
  </si>
  <si>
    <t>Broxbourne 002A</t>
  </si>
  <si>
    <t>E02004844</t>
  </si>
  <si>
    <t>Broxbourne 002</t>
  </si>
  <si>
    <t>E01023328</t>
  </si>
  <si>
    <t>Broxbourne 002B</t>
  </si>
  <si>
    <t>E01023329</t>
  </si>
  <si>
    <t>Broxbourne 002C</t>
  </si>
  <si>
    <t>E01023330</t>
  </si>
  <si>
    <t>Broxbourne 002D</t>
  </si>
  <si>
    <t>E01023331</t>
  </si>
  <si>
    <t>Broxbourne 002E</t>
  </si>
  <si>
    <t>E01023332</t>
  </si>
  <si>
    <t>Broxbourne 012A</t>
  </si>
  <si>
    <t>E02004854</t>
  </si>
  <si>
    <t>Broxbourne 012</t>
  </si>
  <si>
    <t>E01023333</t>
  </si>
  <si>
    <t>Broxbourne 012B</t>
  </si>
  <si>
    <t>E01023334</t>
  </si>
  <si>
    <t>Broxbourne 012C</t>
  </si>
  <si>
    <t>E01023335</t>
  </si>
  <si>
    <t>Broxbourne 012D</t>
  </si>
  <si>
    <t>E01023336</t>
  </si>
  <si>
    <t>Broxbourne 013A</t>
  </si>
  <si>
    <t>E02004855</t>
  </si>
  <si>
    <t>Broxbourne 013</t>
  </si>
  <si>
    <t>E01023337</t>
  </si>
  <si>
    <t>Broxbourne 013B</t>
  </si>
  <si>
    <t>E01023339</t>
  </si>
  <si>
    <t>Broxbourne 013D</t>
  </si>
  <si>
    <t>E01023340</t>
  </si>
  <si>
    <t>Broxbourne 005A</t>
  </si>
  <si>
    <t>E02004847</t>
  </si>
  <si>
    <t>Broxbourne 005</t>
  </si>
  <si>
    <t>E01023341</t>
  </si>
  <si>
    <t>Broxbourne 005B</t>
  </si>
  <si>
    <t>E01023343</t>
  </si>
  <si>
    <t>Broxbourne 005D</t>
  </si>
  <si>
    <t>E01023344</t>
  </si>
  <si>
    <t>Broxbourne 005E</t>
  </si>
  <si>
    <t>E01023345</t>
  </si>
  <si>
    <t>Dacorum 013A</t>
  </si>
  <si>
    <t>E02004868</t>
  </si>
  <si>
    <t>Dacorum 013</t>
  </si>
  <si>
    <t>E07000096</t>
  </si>
  <si>
    <t>Dacorum</t>
  </si>
  <si>
    <t>E01023346</t>
  </si>
  <si>
    <t>Dacorum 013B</t>
  </si>
  <si>
    <t>E01023347</t>
  </si>
  <si>
    <t>Dacorum 013C</t>
  </si>
  <si>
    <t>E01023348</t>
  </si>
  <si>
    <t>Dacorum 013D</t>
  </si>
  <si>
    <t>E01023349</t>
  </si>
  <si>
    <t>Dacorum 015A</t>
  </si>
  <si>
    <t>E02004870</t>
  </si>
  <si>
    <t>Dacorum 015</t>
  </si>
  <si>
    <t>E01023350</t>
  </si>
  <si>
    <t>Dacorum 015B</t>
  </si>
  <si>
    <t>E01023351</t>
  </si>
  <si>
    <t>Dacorum 015C</t>
  </si>
  <si>
    <t>E01023352</t>
  </si>
  <si>
    <t>Dacorum 004A</t>
  </si>
  <si>
    <t>E02004859</t>
  </si>
  <si>
    <t>Dacorum 004</t>
  </si>
  <si>
    <t>E01023354</t>
  </si>
  <si>
    <t>Dacorum 018B</t>
  </si>
  <si>
    <t>E02004873</t>
  </si>
  <si>
    <t>Dacorum 018</t>
  </si>
  <si>
    <t>E01023355</t>
  </si>
  <si>
    <t>Dacorum 006A</t>
  </si>
  <si>
    <t>E02004861</t>
  </si>
  <si>
    <t>Dacorum 006</t>
  </si>
  <si>
    <t>E01023356</t>
  </si>
  <si>
    <t>Dacorum 006B</t>
  </si>
  <si>
    <t>E01023357</t>
  </si>
  <si>
    <t>Dacorum 020A</t>
  </si>
  <si>
    <t>E02004875</t>
  </si>
  <si>
    <t>Dacorum 020</t>
  </si>
  <si>
    <t>E01023358</t>
  </si>
  <si>
    <t>Dacorum 020B</t>
  </si>
  <si>
    <t>E01023359</t>
  </si>
  <si>
    <t>Dacorum 020C</t>
  </si>
  <si>
    <t>E01023360</t>
  </si>
  <si>
    <t>Dacorum 020D</t>
  </si>
  <si>
    <t>E01023361</t>
  </si>
  <si>
    <t>Dacorum 009A</t>
  </si>
  <si>
    <t>E02004864</t>
  </si>
  <si>
    <t>Dacorum 009</t>
  </si>
  <si>
    <t>E01023362</t>
  </si>
  <si>
    <t>Dacorum 009B</t>
  </si>
  <si>
    <t>E01023363</t>
  </si>
  <si>
    <t>Dacorum 009C</t>
  </si>
  <si>
    <t>E01023364</t>
  </si>
  <si>
    <t>Dacorum 009D</t>
  </si>
  <si>
    <t>E01023365</t>
  </si>
  <si>
    <t>Dacorum 014A</t>
  </si>
  <si>
    <t>E02004869</t>
  </si>
  <si>
    <t>Dacorum 014</t>
  </si>
  <si>
    <t>E01023366</t>
  </si>
  <si>
    <t>Dacorum 014B</t>
  </si>
  <si>
    <t>E01023367</t>
  </si>
  <si>
    <t>Dacorum 014C</t>
  </si>
  <si>
    <t>E01023368</t>
  </si>
  <si>
    <t>Dacorum 014D</t>
  </si>
  <si>
    <t>E01023369</t>
  </si>
  <si>
    <t>Dacorum 012A</t>
  </si>
  <si>
    <t>E02004867</t>
  </si>
  <si>
    <t>Dacorum 012</t>
  </si>
  <si>
    <t>E01023370</t>
  </si>
  <si>
    <t>Dacorum 012B</t>
  </si>
  <si>
    <t>E01023371</t>
  </si>
  <si>
    <t>Dacorum 012C</t>
  </si>
  <si>
    <t>E01023372</t>
  </si>
  <si>
    <t>Dacorum 012D</t>
  </si>
  <si>
    <t>E01023373</t>
  </si>
  <si>
    <t>Dacorum 021A</t>
  </si>
  <si>
    <t>E02004876</t>
  </si>
  <si>
    <t>Dacorum 021</t>
  </si>
  <si>
    <t>E01023374</t>
  </si>
  <si>
    <t>Dacorum 021B</t>
  </si>
  <si>
    <t>E01023375</t>
  </si>
  <si>
    <t>Dacorum 021C</t>
  </si>
  <si>
    <t>E01023376</t>
  </si>
  <si>
    <t>Dacorum 021D</t>
  </si>
  <si>
    <t>E01023377</t>
  </si>
  <si>
    <t>Dacorum 021E</t>
  </si>
  <si>
    <t>E01023378</t>
  </si>
  <si>
    <t>Dacorum 021F</t>
  </si>
  <si>
    <t>E01023379</t>
  </si>
  <si>
    <t>Dacorum 018C</t>
  </si>
  <si>
    <t>E01023380</t>
  </si>
  <si>
    <t>Dacorum 018D</t>
  </si>
  <si>
    <t>E01023381</t>
  </si>
  <si>
    <t>Dacorum 018E</t>
  </si>
  <si>
    <t>E01023382</t>
  </si>
  <si>
    <t>Dacorum 018F</t>
  </si>
  <si>
    <t>E01023383</t>
  </si>
  <si>
    <t>Dacorum 016A</t>
  </si>
  <si>
    <t>E02004871</t>
  </si>
  <si>
    <t>Dacorum 016</t>
  </si>
  <si>
    <t>E01023384</t>
  </si>
  <si>
    <t>Dacorum 016B</t>
  </si>
  <si>
    <t>E01023385</t>
  </si>
  <si>
    <t>Dacorum 016C</t>
  </si>
  <si>
    <t>E01023386</t>
  </si>
  <si>
    <t>Dacorum 019A</t>
  </si>
  <si>
    <t>E02004874</t>
  </si>
  <si>
    <t>Dacorum 019</t>
  </si>
  <si>
    <t>E01023387</t>
  </si>
  <si>
    <t>Dacorum 019B</t>
  </si>
  <si>
    <t>E01023388</t>
  </si>
  <si>
    <t>Dacorum 019C</t>
  </si>
  <si>
    <t>E01023389</t>
  </si>
  <si>
    <t>Dacorum 019D</t>
  </si>
  <si>
    <t>E01023390</t>
  </si>
  <si>
    <t>Dacorum 010A</t>
  </si>
  <si>
    <t>E02004865</t>
  </si>
  <si>
    <t>Dacorum 010</t>
  </si>
  <si>
    <t>E01023391</t>
  </si>
  <si>
    <t>Dacorum 010B</t>
  </si>
  <si>
    <t>E01023392</t>
  </si>
  <si>
    <t>Dacorum 011A</t>
  </si>
  <si>
    <t>E02004866</t>
  </si>
  <si>
    <t>Dacorum 011</t>
  </si>
  <si>
    <t>E01023393</t>
  </si>
  <si>
    <t>Dacorum 007A</t>
  </si>
  <si>
    <t>E02004862</t>
  </si>
  <si>
    <t>Dacorum 007</t>
  </si>
  <si>
    <t>E01023394</t>
  </si>
  <si>
    <t>Dacorum 007B</t>
  </si>
  <si>
    <t>E01023395</t>
  </si>
  <si>
    <t>Dacorum 007C</t>
  </si>
  <si>
    <t>E01023396</t>
  </si>
  <si>
    <t>Dacorum 007D</t>
  </si>
  <si>
    <t>E01023397</t>
  </si>
  <si>
    <t>Dacorum 007E</t>
  </si>
  <si>
    <t>E01023399</t>
  </si>
  <si>
    <t>Dacorum 010C</t>
  </si>
  <si>
    <t>E01023400</t>
  </si>
  <si>
    <t>Dacorum 015E</t>
  </si>
  <si>
    <t>E01023401</t>
  </si>
  <si>
    <t>Dacorum 008A</t>
  </si>
  <si>
    <t>E02004863</t>
  </si>
  <si>
    <t>Dacorum 008</t>
  </si>
  <si>
    <t>E01023402</t>
  </si>
  <si>
    <t>Dacorum 008B</t>
  </si>
  <si>
    <t>E01023403</t>
  </si>
  <si>
    <t>Dacorum 008C</t>
  </si>
  <si>
    <t>E01023404</t>
  </si>
  <si>
    <t>Dacorum 008D</t>
  </si>
  <si>
    <t>E01023405</t>
  </si>
  <si>
    <t>Dacorum 008E</t>
  </si>
  <si>
    <t>E01023406</t>
  </si>
  <si>
    <t>Dacorum 022A</t>
  </si>
  <si>
    <t>E02004877</t>
  </si>
  <si>
    <t>Dacorum 022</t>
  </si>
  <si>
    <t>E01023407</t>
  </si>
  <si>
    <t>Dacorum 022B</t>
  </si>
  <si>
    <t>E01023408</t>
  </si>
  <si>
    <t>Dacorum 022C</t>
  </si>
  <si>
    <t>E01023409</t>
  </si>
  <si>
    <t>Dacorum 017A</t>
  </si>
  <si>
    <t>E02004872</t>
  </si>
  <si>
    <t>Dacorum 017</t>
  </si>
  <si>
    <t>E01023410</t>
  </si>
  <si>
    <t>Dacorum 017B</t>
  </si>
  <si>
    <t>E01023411</t>
  </si>
  <si>
    <t>Dacorum 017C</t>
  </si>
  <si>
    <t>E01023412</t>
  </si>
  <si>
    <t>Dacorum 017D</t>
  </si>
  <si>
    <t>E01023413</t>
  </si>
  <si>
    <t>Dacorum 017E</t>
  </si>
  <si>
    <t>E01023414</t>
  </si>
  <si>
    <t>Dacorum 020E</t>
  </si>
  <si>
    <t>E01023415</t>
  </si>
  <si>
    <t>Dacorum 020F</t>
  </si>
  <si>
    <t>E01023416</t>
  </si>
  <si>
    <t>Dacorum 006C</t>
  </si>
  <si>
    <t>E01023417</t>
  </si>
  <si>
    <t>Dacorum 006D</t>
  </si>
  <si>
    <t>E01023418</t>
  </si>
  <si>
    <t>Dacorum 003A</t>
  </si>
  <si>
    <t>E02004858</t>
  </si>
  <si>
    <t>Dacorum 003</t>
  </si>
  <si>
    <t>E01023419</t>
  </si>
  <si>
    <t>Dacorum 003B</t>
  </si>
  <si>
    <t>E01023420</t>
  </si>
  <si>
    <t>Dacorum 003C</t>
  </si>
  <si>
    <t>E01023421</t>
  </si>
  <si>
    <t>Dacorum 004B</t>
  </si>
  <si>
    <t>E01023422</t>
  </si>
  <si>
    <t>Dacorum 004C</t>
  </si>
  <si>
    <t>E01023423</t>
  </si>
  <si>
    <t>Dacorum 002A</t>
  </si>
  <si>
    <t>E02004857</t>
  </si>
  <si>
    <t>Dacorum 002</t>
  </si>
  <si>
    <t>E01023424</t>
  </si>
  <si>
    <t>Dacorum 002B</t>
  </si>
  <si>
    <t>E01023425</t>
  </si>
  <si>
    <t>Dacorum 002C</t>
  </si>
  <si>
    <t>E01023426</t>
  </si>
  <si>
    <t>Dacorum 002D</t>
  </si>
  <si>
    <t>E01023427</t>
  </si>
  <si>
    <t>Dacorum 011B</t>
  </si>
  <si>
    <t>E01023428</t>
  </si>
  <si>
    <t>Dacorum 011C</t>
  </si>
  <si>
    <t>E01023429</t>
  </si>
  <si>
    <t>Dacorum 011D</t>
  </si>
  <si>
    <t>E01023430</t>
  </si>
  <si>
    <t>Dacorum 001A</t>
  </si>
  <si>
    <t>E02004856</t>
  </si>
  <si>
    <t>Dacorum 001</t>
  </si>
  <si>
    <t>E01023431</t>
  </si>
  <si>
    <t>Dacorum 001B</t>
  </si>
  <si>
    <t>E01023432</t>
  </si>
  <si>
    <t>Dacorum 001C</t>
  </si>
  <si>
    <t>E01023433</t>
  </si>
  <si>
    <t>Dacorum 001D</t>
  </si>
  <si>
    <t>E01023434</t>
  </si>
  <si>
    <t>Dacorum 005A</t>
  </si>
  <si>
    <t>E02004860</t>
  </si>
  <si>
    <t>Dacorum 005</t>
  </si>
  <si>
    <t>E01023435</t>
  </si>
  <si>
    <t>Dacorum 005B</t>
  </si>
  <si>
    <t>E01023436</t>
  </si>
  <si>
    <t>Dacorum 005C</t>
  </si>
  <si>
    <t>E01023437</t>
  </si>
  <si>
    <t>Dacorum 005D</t>
  </si>
  <si>
    <t>E01023438</t>
  </si>
  <si>
    <t>East Hertfordshire 005A</t>
  </si>
  <si>
    <t>E02004882</t>
  </si>
  <si>
    <t>East Hertfordshire 005</t>
  </si>
  <si>
    <t>E07000242</t>
  </si>
  <si>
    <t>East Hertfordshire</t>
  </si>
  <si>
    <t>E01023439</t>
  </si>
  <si>
    <t>East Hertfordshire 005B</t>
  </si>
  <si>
    <t>E01023440</t>
  </si>
  <si>
    <t>East Hertfordshire 005C</t>
  </si>
  <si>
    <t>E01023441</t>
  </si>
  <si>
    <t>East Hertfordshire 005D</t>
  </si>
  <si>
    <t>E01023442</t>
  </si>
  <si>
    <t>East Hertfordshire 005E</t>
  </si>
  <si>
    <t>E01023443</t>
  </si>
  <si>
    <t>East Hertfordshire 007A</t>
  </si>
  <si>
    <t>E02004884</t>
  </si>
  <si>
    <t>East Hertfordshire 007</t>
  </si>
  <si>
    <t>E01023444</t>
  </si>
  <si>
    <t>East Hertfordshire 007B</t>
  </si>
  <si>
    <t>E01023445</t>
  </si>
  <si>
    <t>East Hertfordshire 007C</t>
  </si>
  <si>
    <t>E01023447</t>
  </si>
  <si>
    <t>East Hertfordshire 007E</t>
  </si>
  <si>
    <t>E01023448</t>
  </si>
  <si>
    <t>East Hertfordshire 007F</t>
  </si>
  <si>
    <t>E01023449</t>
  </si>
  <si>
    <t>East Hertfordshire 004A</t>
  </si>
  <si>
    <t>E02004881</t>
  </si>
  <si>
    <t>East Hertfordshire 004</t>
  </si>
  <si>
    <t>E01023451</t>
  </si>
  <si>
    <t>East Hertfordshire 004C</t>
  </si>
  <si>
    <t>E01023452</t>
  </si>
  <si>
    <t>East Hertfordshire 003A</t>
  </si>
  <si>
    <t>E02004880</t>
  </si>
  <si>
    <t>East Hertfordshire 003</t>
  </si>
  <si>
    <t>E01023453</t>
  </si>
  <si>
    <t>East Hertfordshire 003B</t>
  </si>
  <si>
    <t>E01023454</t>
  </si>
  <si>
    <t>East Hertfordshire 003C</t>
  </si>
  <si>
    <t>E01023455</t>
  </si>
  <si>
    <t>East Hertfordshire 003D</t>
  </si>
  <si>
    <t>E01023456</t>
  </si>
  <si>
    <t>East Hertfordshire 008A</t>
  </si>
  <si>
    <t>E02004885</t>
  </si>
  <si>
    <t>East Hertfordshire 008</t>
  </si>
  <si>
    <t>E01023457</t>
  </si>
  <si>
    <t>East Hertfordshire 008B</t>
  </si>
  <si>
    <t>E01023458</t>
  </si>
  <si>
    <t>East Hertfordshire 008C</t>
  </si>
  <si>
    <t>E01023459</t>
  </si>
  <si>
    <t>East Hertfordshire 008D</t>
  </si>
  <si>
    <t>E01023460</t>
  </si>
  <si>
    <t>East Hertfordshire 008E</t>
  </si>
  <si>
    <t>E01023461</t>
  </si>
  <si>
    <t>East Hertfordshire 008F</t>
  </si>
  <si>
    <t>E01023462</t>
  </si>
  <si>
    <t>East Hertfordshire 001A</t>
  </si>
  <si>
    <t>E02004878</t>
  </si>
  <si>
    <t>East Hertfordshire 001</t>
  </si>
  <si>
    <t>E01023463</t>
  </si>
  <si>
    <t>East Hertfordshire 003E</t>
  </si>
  <si>
    <t>E01023465</t>
  </si>
  <si>
    <t>East Hertfordshire 001C</t>
  </si>
  <si>
    <t>E01023466</t>
  </si>
  <si>
    <t>East Hertfordshire 001D</t>
  </si>
  <si>
    <t>E01023467</t>
  </si>
  <si>
    <t>East Hertfordshire 019E</t>
  </si>
  <si>
    <t>E02007093</t>
  </si>
  <si>
    <t>East Hertfordshire 019</t>
  </si>
  <si>
    <t>E01023468</t>
  </si>
  <si>
    <t>East Hertfordshire 018A</t>
  </si>
  <si>
    <t>E02004895</t>
  </si>
  <si>
    <t>East Hertfordshire 018</t>
  </si>
  <si>
    <t>E01023469</t>
  </si>
  <si>
    <t>East Hertfordshire 018B</t>
  </si>
  <si>
    <t>E01023470</t>
  </si>
  <si>
    <t>East Hertfordshire 014A</t>
  </si>
  <si>
    <t>E02004891</t>
  </si>
  <si>
    <t>East Hertfordshire 014</t>
  </si>
  <si>
    <t>E01023471</t>
  </si>
  <si>
    <t>East Hertfordshire 014B</t>
  </si>
  <si>
    <t>E01023472</t>
  </si>
  <si>
    <t>East Hertfordshire 014C</t>
  </si>
  <si>
    <t>E01023473</t>
  </si>
  <si>
    <t>East Hertfordshire 014D</t>
  </si>
  <si>
    <t>E01023474</t>
  </si>
  <si>
    <t>East Hertfordshire 014E</t>
  </si>
  <si>
    <t>E01023475</t>
  </si>
  <si>
    <t>East Hertfordshire 017A</t>
  </si>
  <si>
    <t>E02004894</t>
  </si>
  <si>
    <t>East Hertfordshire 017</t>
  </si>
  <si>
    <t>E01023476</t>
  </si>
  <si>
    <t>East Hertfordshire 017B</t>
  </si>
  <si>
    <t>E01023477</t>
  </si>
  <si>
    <t>East Hertfordshire 017C</t>
  </si>
  <si>
    <t>E01023479</t>
  </si>
  <si>
    <t>East Hertfordshire 017E</t>
  </si>
  <si>
    <t>E01023480</t>
  </si>
  <si>
    <t>East Hertfordshire 018C</t>
  </si>
  <si>
    <t>E01023481</t>
  </si>
  <si>
    <t>East Hertfordshire 018D</t>
  </si>
  <si>
    <t>E01023482</t>
  </si>
  <si>
    <t>East Hertfordshire 016A</t>
  </si>
  <si>
    <t>E02004893</t>
  </si>
  <si>
    <t>East Hertfordshire 016</t>
  </si>
  <si>
    <t>E01023483</t>
  </si>
  <si>
    <t>East Hertfordshire 016B</t>
  </si>
  <si>
    <t>E01023484</t>
  </si>
  <si>
    <t>East Hertfordshire 016C</t>
  </si>
  <si>
    <t>E01023485</t>
  </si>
  <si>
    <t>East Hertfordshire 010A</t>
  </si>
  <si>
    <t>E02004887</t>
  </si>
  <si>
    <t>East Hertfordshire 010</t>
  </si>
  <si>
    <t>E01023486</t>
  </si>
  <si>
    <t>East Hertfordshire 010B</t>
  </si>
  <si>
    <t>E01023487</t>
  </si>
  <si>
    <t>East Hertfordshire 015A</t>
  </si>
  <si>
    <t>E02004892</t>
  </si>
  <si>
    <t>East Hertfordshire 015</t>
  </si>
  <si>
    <t>E01023488</t>
  </si>
  <si>
    <t>East Hertfordshire 015B</t>
  </si>
  <si>
    <t>E01023489</t>
  </si>
  <si>
    <t>East Hertfordshire 015C</t>
  </si>
  <si>
    <t>E01023490</t>
  </si>
  <si>
    <t>East Hertfordshire 015D</t>
  </si>
  <si>
    <t>E01023491</t>
  </si>
  <si>
    <t>East Hertfordshire 009A</t>
  </si>
  <si>
    <t>E02004886</t>
  </si>
  <si>
    <t>East Hertfordshire 009</t>
  </si>
  <si>
    <t>E01023492</t>
  </si>
  <si>
    <t>East Hertfordshire 009B</t>
  </si>
  <si>
    <t>E01023493</t>
  </si>
  <si>
    <t>East Hertfordshire 003F</t>
  </si>
  <si>
    <t>E01023494</t>
  </si>
  <si>
    <t>East Hertfordshire 019A</t>
  </si>
  <si>
    <t>E01023495</t>
  </si>
  <si>
    <t>East Hertfordshire 019D</t>
  </si>
  <si>
    <t>E01023496</t>
  </si>
  <si>
    <t>East Hertfordshire 009C</t>
  </si>
  <si>
    <t>E01023497</t>
  </si>
  <si>
    <t>East Hertfordshire 009D</t>
  </si>
  <si>
    <t>E01023499</t>
  </si>
  <si>
    <t>East Hertfordshire 011A</t>
  </si>
  <si>
    <t>E02004888</t>
  </si>
  <si>
    <t>East Hertfordshire 011</t>
  </si>
  <si>
    <t>E01023500</t>
  </si>
  <si>
    <t>East Hertfordshire 011B</t>
  </si>
  <si>
    <t>E01023501</t>
  </si>
  <si>
    <t>East Hertfordshire 011C</t>
  </si>
  <si>
    <t>E01023502</t>
  </si>
  <si>
    <t>East Hertfordshire 011D</t>
  </si>
  <si>
    <t>E01023503</t>
  </si>
  <si>
    <t>East Hertfordshire 011E</t>
  </si>
  <si>
    <t>E01023504</t>
  </si>
  <si>
    <t>East Hertfordshire 018E</t>
  </si>
  <si>
    <t>E01023505</t>
  </si>
  <si>
    <t>East Hertfordshire 018F</t>
  </si>
  <si>
    <t>E01023506</t>
  </si>
  <si>
    <t>East Hertfordshire 006B</t>
  </si>
  <si>
    <t>E02004883</t>
  </si>
  <si>
    <t>East Hertfordshire 006</t>
  </si>
  <si>
    <t>E01023507</t>
  </si>
  <si>
    <t>East Hertfordshire 006C</t>
  </si>
  <si>
    <t>E01023509</t>
  </si>
  <si>
    <t>East Hertfordshire 019B</t>
  </si>
  <si>
    <t>E01023510</t>
  </si>
  <si>
    <t>East Hertfordshire 013A</t>
  </si>
  <si>
    <t>E02004890</t>
  </si>
  <si>
    <t>East Hertfordshire 013</t>
  </si>
  <si>
    <t>E01023511</t>
  </si>
  <si>
    <t>East Hertfordshire 013B</t>
  </si>
  <si>
    <t>E01023512</t>
  </si>
  <si>
    <t>East Hertfordshire 012A</t>
  </si>
  <si>
    <t>E02004889</t>
  </si>
  <si>
    <t>East Hertfordshire 012</t>
  </si>
  <si>
    <t>E01023513</t>
  </si>
  <si>
    <t>East Hertfordshire 012B</t>
  </si>
  <si>
    <t>E01023514</t>
  </si>
  <si>
    <t>East Hertfordshire 012C</t>
  </si>
  <si>
    <t>E01023515</t>
  </si>
  <si>
    <t>East Hertfordshire 013C</t>
  </si>
  <si>
    <t>E01023516</t>
  </si>
  <si>
    <t>East Hertfordshire 013D</t>
  </si>
  <si>
    <t>E01023517</t>
  </si>
  <si>
    <t>East Hertfordshire 013E</t>
  </si>
  <si>
    <t>E01023518</t>
  </si>
  <si>
    <t>East Hertfordshire 012D</t>
  </si>
  <si>
    <t>E01023519</t>
  </si>
  <si>
    <t>East Hertfordshire 012E</t>
  </si>
  <si>
    <t>E01023520</t>
  </si>
  <si>
    <t>East Hertfordshire 012F</t>
  </si>
  <si>
    <t>E01023523</t>
  </si>
  <si>
    <t>Hertsmere 005A</t>
  </si>
  <si>
    <t>E02004900</t>
  </si>
  <si>
    <t>Hertsmere 005</t>
  </si>
  <si>
    <t>E07000098</t>
  </si>
  <si>
    <t>Hertsmere</t>
  </si>
  <si>
    <t>E01023524</t>
  </si>
  <si>
    <t>Hertsmere 005B</t>
  </si>
  <si>
    <t>E01023525</t>
  </si>
  <si>
    <t>Hertsmere 005C</t>
  </si>
  <si>
    <t>E01023526</t>
  </si>
  <si>
    <t>Hertsmere 005D</t>
  </si>
  <si>
    <t>E01023527</t>
  </si>
  <si>
    <t>Hertsmere 005E</t>
  </si>
  <si>
    <t>E01023528</t>
  </si>
  <si>
    <t>Hertsmere 010A</t>
  </si>
  <si>
    <t>E02004905</t>
  </si>
  <si>
    <t>Hertsmere 010</t>
  </si>
  <si>
    <t>E01023529</t>
  </si>
  <si>
    <t>Hertsmere 007A</t>
  </si>
  <si>
    <t>E02004902</t>
  </si>
  <si>
    <t>Hertsmere 007</t>
  </si>
  <si>
    <t>E01023530</t>
  </si>
  <si>
    <t>Hertsmere 007B</t>
  </si>
  <si>
    <t>E01023531</t>
  </si>
  <si>
    <t>Hertsmere 007C</t>
  </si>
  <si>
    <t>E01023532</t>
  </si>
  <si>
    <t>Hertsmere 007D</t>
  </si>
  <si>
    <t>E01023533</t>
  </si>
  <si>
    <t>Hertsmere 007E</t>
  </si>
  <si>
    <t>E01023534</t>
  </si>
  <si>
    <t>Hertsmere 006A</t>
  </si>
  <si>
    <t>E02004901</t>
  </si>
  <si>
    <t>Hertsmere 006</t>
  </si>
  <si>
    <t>E01023535</t>
  </si>
  <si>
    <t>Hertsmere 006B</t>
  </si>
  <si>
    <t>E01023536</t>
  </si>
  <si>
    <t>Hertsmere 006C</t>
  </si>
  <si>
    <t>E01023537</t>
  </si>
  <si>
    <t>Hertsmere 006D</t>
  </si>
  <si>
    <t>E01023538</t>
  </si>
  <si>
    <t>Hertsmere 006E</t>
  </si>
  <si>
    <t>E01023540</t>
  </si>
  <si>
    <t>Hertsmere 011B</t>
  </si>
  <si>
    <t>E02004906</t>
  </si>
  <si>
    <t>Hertsmere 011</t>
  </si>
  <si>
    <t>E01023541</t>
  </si>
  <si>
    <t>Hertsmere 011C</t>
  </si>
  <si>
    <t>E01023542</t>
  </si>
  <si>
    <t>Hertsmere 011D</t>
  </si>
  <si>
    <t>E01023543</t>
  </si>
  <si>
    <t>Hertsmere 011E</t>
  </si>
  <si>
    <t>E01023544</t>
  </si>
  <si>
    <t>Hertsmere 009A</t>
  </si>
  <si>
    <t>E02004904</t>
  </si>
  <si>
    <t>Hertsmere 009</t>
  </si>
  <si>
    <t>E01023545</t>
  </si>
  <si>
    <t>Hertsmere 009B</t>
  </si>
  <si>
    <t>E01023546</t>
  </si>
  <si>
    <t>Hertsmere 009C</t>
  </si>
  <si>
    <t>E01023547</t>
  </si>
  <si>
    <t>Hertsmere 009D</t>
  </si>
  <si>
    <t>E01023548</t>
  </si>
  <si>
    <t>Hertsmere 013A</t>
  </si>
  <si>
    <t>E02004908</t>
  </si>
  <si>
    <t>Hertsmere 013</t>
  </si>
  <si>
    <t>E01023549</t>
  </si>
  <si>
    <t>Hertsmere 013B</t>
  </si>
  <si>
    <t>E01023550</t>
  </si>
  <si>
    <t>Hertsmere 013C</t>
  </si>
  <si>
    <t>E01023551</t>
  </si>
  <si>
    <t>Hertsmere 013D</t>
  </si>
  <si>
    <t>E01023552</t>
  </si>
  <si>
    <t>Hertsmere 008A</t>
  </si>
  <si>
    <t>E02004903</t>
  </si>
  <si>
    <t>Hertsmere 008</t>
  </si>
  <si>
    <t>E01023553</t>
  </si>
  <si>
    <t>Hertsmere 008B</t>
  </si>
  <si>
    <t>E01023554</t>
  </si>
  <si>
    <t>Hertsmere 008C</t>
  </si>
  <si>
    <t>E01023555</t>
  </si>
  <si>
    <t>Hertsmere 008D</t>
  </si>
  <si>
    <t>E01023556</t>
  </si>
  <si>
    <t>Hertsmere 013E</t>
  </si>
  <si>
    <t>E01023557</t>
  </si>
  <si>
    <t>Hertsmere 013F</t>
  </si>
  <si>
    <t>E01023558</t>
  </si>
  <si>
    <t>Hertsmere 012A</t>
  </si>
  <si>
    <t>E02004907</t>
  </si>
  <si>
    <t>Hertsmere 012</t>
  </si>
  <si>
    <t>E01023559</t>
  </si>
  <si>
    <t>Hertsmere 012B</t>
  </si>
  <si>
    <t>E01023560</t>
  </si>
  <si>
    <t>Hertsmere 012C</t>
  </si>
  <si>
    <t>E01023561</t>
  </si>
  <si>
    <t>Hertsmere 012D</t>
  </si>
  <si>
    <t>E01023562</t>
  </si>
  <si>
    <t>Hertsmere 012E</t>
  </si>
  <si>
    <t>E01023563</t>
  </si>
  <si>
    <t>Hertsmere 012F</t>
  </si>
  <si>
    <t>E01023564</t>
  </si>
  <si>
    <t>Hertsmere 010B</t>
  </si>
  <si>
    <t>E01023565</t>
  </si>
  <si>
    <t>Hertsmere 010C</t>
  </si>
  <si>
    <t>E01023566</t>
  </si>
  <si>
    <t>Hertsmere 010D</t>
  </si>
  <si>
    <t>E01023567</t>
  </si>
  <si>
    <t>Hertsmere 002A</t>
  </si>
  <si>
    <t>E02004897</t>
  </si>
  <si>
    <t>Hertsmere 002</t>
  </si>
  <si>
    <t>E01023568</t>
  </si>
  <si>
    <t>Hertsmere 002B</t>
  </si>
  <si>
    <t>E01023569</t>
  </si>
  <si>
    <t>Hertsmere 002C</t>
  </si>
  <si>
    <t>E01023570</t>
  </si>
  <si>
    <t>Hertsmere 002D</t>
  </si>
  <si>
    <t>E01023571</t>
  </si>
  <si>
    <t>Hertsmere 003A</t>
  </si>
  <si>
    <t>E02004898</t>
  </si>
  <si>
    <t>Hertsmere 003</t>
  </si>
  <si>
    <t>E01023572</t>
  </si>
  <si>
    <t>Hertsmere 003B</t>
  </si>
  <si>
    <t>E01023573</t>
  </si>
  <si>
    <t>Hertsmere 003C</t>
  </si>
  <si>
    <t>E01023574</t>
  </si>
  <si>
    <t>Hertsmere 003D</t>
  </si>
  <si>
    <t>E01023575</t>
  </si>
  <si>
    <t>Hertsmere 003E</t>
  </si>
  <si>
    <t>E01023576</t>
  </si>
  <si>
    <t>Hertsmere 001A</t>
  </si>
  <si>
    <t>E02004896</t>
  </si>
  <si>
    <t>Hertsmere 001</t>
  </si>
  <si>
    <t>E01023577</t>
  </si>
  <si>
    <t>Hertsmere 001B</t>
  </si>
  <si>
    <t>E01023578</t>
  </si>
  <si>
    <t>Hertsmere 001C</t>
  </si>
  <si>
    <t>E01023579</t>
  </si>
  <si>
    <t>Hertsmere 001D</t>
  </si>
  <si>
    <t>E01023580</t>
  </si>
  <si>
    <t>Hertsmere 001E</t>
  </si>
  <si>
    <t>E01023581</t>
  </si>
  <si>
    <t>Hertsmere 004A</t>
  </si>
  <si>
    <t>E02004899</t>
  </si>
  <si>
    <t>Hertsmere 004</t>
  </si>
  <si>
    <t>E01023582</t>
  </si>
  <si>
    <t>Hertsmere 004B</t>
  </si>
  <si>
    <t>E01023583</t>
  </si>
  <si>
    <t>Hertsmere 004C</t>
  </si>
  <si>
    <t>E01023584</t>
  </si>
  <si>
    <t>Hertsmere 004D</t>
  </si>
  <si>
    <t>E01023585</t>
  </si>
  <si>
    <t>North Hertfordshire 016A</t>
  </si>
  <si>
    <t>E02007088</t>
  </si>
  <si>
    <t>North Hertfordshire 016</t>
  </si>
  <si>
    <t>E07000099</t>
  </si>
  <si>
    <t>North Hertfordshire</t>
  </si>
  <si>
    <t>E01023586</t>
  </si>
  <si>
    <t>North Hertfordshire 016B</t>
  </si>
  <si>
    <t>E01023587</t>
  </si>
  <si>
    <t>North Hertfordshire 004A</t>
  </si>
  <si>
    <t>E02004912</t>
  </si>
  <si>
    <t>North Hertfordshire 004</t>
  </si>
  <si>
    <t>E01023588</t>
  </si>
  <si>
    <t>North Hertfordshire 004B</t>
  </si>
  <si>
    <t>E01023589</t>
  </si>
  <si>
    <t>North Hertfordshire 004C</t>
  </si>
  <si>
    <t>E01023590</t>
  </si>
  <si>
    <t>North Hertfordshire 004D</t>
  </si>
  <si>
    <t>E01023591</t>
  </si>
  <si>
    <t>North Hertfordshire 004E</t>
  </si>
  <si>
    <t>E01023592</t>
  </si>
  <si>
    <t>North Hertfordshire 004F</t>
  </si>
  <si>
    <t>E01023593</t>
  </si>
  <si>
    <t>North Hertfordshire 004G</t>
  </si>
  <si>
    <t>E01023594</t>
  </si>
  <si>
    <t>North Hertfordshire 014A</t>
  </si>
  <si>
    <t>E02004922</t>
  </si>
  <si>
    <t>North Hertfordshire 014</t>
  </si>
  <si>
    <t>E01023595</t>
  </si>
  <si>
    <t>North Hertfordshire 015A</t>
  </si>
  <si>
    <t>E02004923</t>
  </si>
  <si>
    <t>North Hertfordshire 015</t>
  </si>
  <si>
    <t>E01023596</t>
  </si>
  <si>
    <t>North Hertfordshire 015B</t>
  </si>
  <si>
    <t>E01023597</t>
  </si>
  <si>
    <t>North Hertfordshire 016C</t>
  </si>
  <si>
    <t>E01023598</t>
  </si>
  <si>
    <t>North Hertfordshire 016D</t>
  </si>
  <si>
    <t>E01023600</t>
  </si>
  <si>
    <t>North Hertfordshire 017B</t>
  </si>
  <si>
    <t>E02007089</t>
  </si>
  <si>
    <t>North Hertfordshire 017</t>
  </si>
  <si>
    <t>E01023601</t>
  </si>
  <si>
    <t>North Hertfordshire 010A</t>
  </si>
  <si>
    <t>E02004918</t>
  </si>
  <si>
    <t>North Hertfordshire 010</t>
  </si>
  <si>
    <t>E01023602</t>
  </si>
  <si>
    <t>North Hertfordshire 010B</t>
  </si>
  <si>
    <t>E01023603</t>
  </si>
  <si>
    <t>North Hertfordshire 010C</t>
  </si>
  <si>
    <t>E01023604</t>
  </si>
  <si>
    <t>North Hertfordshire 010D</t>
  </si>
  <si>
    <t>E01023605</t>
  </si>
  <si>
    <t>North Hertfordshire 010E</t>
  </si>
  <si>
    <t>E01023606</t>
  </si>
  <si>
    <t>North Hertfordshire 013A</t>
  </si>
  <si>
    <t>E02004921</t>
  </si>
  <si>
    <t>North Hertfordshire 013</t>
  </si>
  <si>
    <t>E01023607</t>
  </si>
  <si>
    <t>North Hertfordshire 013B</t>
  </si>
  <si>
    <t>E01023608</t>
  </si>
  <si>
    <t>North Hertfordshire 013C</t>
  </si>
  <si>
    <t>E01023609</t>
  </si>
  <si>
    <t>North Hertfordshire 013D</t>
  </si>
  <si>
    <t>E01023610</t>
  </si>
  <si>
    <t>North Hertfordshire 013E</t>
  </si>
  <si>
    <t>E01023611</t>
  </si>
  <si>
    <t>North Hertfordshire 012A</t>
  </si>
  <si>
    <t>E02004920</t>
  </si>
  <si>
    <t>North Hertfordshire 012</t>
  </si>
  <si>
    <t>E01023612</t>
  </si>
  <si>
    <t>North Hertfordshire 012B</t>
  </si>
  <si>
    <t>E01023613</t>
  </si>
  <si>
    <t>North Hertfordshire 012C</t>
  </si>
  <si>
    <t>E01023614</t>
  </si>
  <si>
    <t>North Hertfordshire 012D</t>
  </si>
  <si>
    <t>E01023615</t>
  </si>
  <si>
    <t>North Hertfordshire 012E</t>
  </si>
  <si>
    <t>E01023616</t>
  </si>
  <si>
    <t>North Hertfordshire 012F</t>
  </si>
  <si>
    <t>E01023617</t>
  </si>
  <si>
    <t>North Hertfordshire 011A</t>
  </si>
  <si>
    <t>E02004919</t>
  </si>
  <si>
    <t>North Hertfordshire 011</t>
  </si>
  <si>
    <t>E01023618</t>
  </si>
  <si>
    <t>North Hertfordshire 011B</t>
  </si>
  <si>
    <t>E01023619</t>
  </si>
  <si>
    <t>North Hertfordshire 011C</t>
  </si>
  <si>
    <t>E01023620</t>
  </si>
  <si>
    <t>North Hertfordshire 011D</t>
  </si>
  <si>
    <t>E01023621</t>
  </si>
  <si>
    <t>North Hertfordshire 011E</t>
  </si>
  <si>
    <t>E01023622</t>
  </si>
  <si>
    <t>North Hertfordshire 014B</t>
  </si>
  <si>
    <t>E01023623</t>
  </si>
  <si>
    <t>North Hertfordshire 014C</t>
  </si>
  <si>
    <t>E01023624</t>
  </si>
  <si>
    <t>North Hertfordshire 014D</t>
  </si>
  <si>
    <t>E01023625</t>
  </si>
  <si>
    <t>North Hertfordshire 014E</t>
  </si>
  <si>
    <t>E01023626</t>
  </si>
  <si>
    <t>North Hertfordshire 015C</t>
  </si>
  <si>
    <t>E01023627</t>
  </si>
  <si>
    <t>North Hertfordshire 015D</t>
  </si>
  <si>
    <t>E01023628</t>
  </si>
  <si>
    <t>North Hertfordshire 015E</t>
  </si>
  <si>
    <t>E01023629</t>
  </si>
  <si>
    <t>North Hertfordshire 015F</t>
  </si>
  <si>
    <t>E01023630</t>
  </si>
  <si>
    <t>North Hertfordshire 006A</t>
  </si>
  <si>
    <t>E02004914</t>
  </si>
  <si>
    <t>North Hertfordshire 006</t>
  </si>
  <si>
    <t>E01023631</t>
  </si>
  <si>
    <t>North Hertfordshire 006B</t>
  </si>
  <si>
    <t>E01023632</t>
  </si>
  <si>
    <t>North Hertfordshire 006C</t>
  </si>
  <si>
    <t>E01023633</t>
  </si>
  <si>
    <t>North Hertfordshire 006D</t>
  </si>
  <si>
    <t>E01023634</t>
  </si>
  <si>
    <t>North Hertfordshire 006E</t>
  </si>
  <si>
    <t>E01023635</t>
  </si>
  <si>
    <t>North Hertfordshire 003A</t>
  </si>
  <si>
    <t>E02004911</t>
  </si>
  <si>
    <t>North Hertfordshire 003</t>
  </si>
  <si>
    <t>E01023636</t>
  </si>
  <si>
    <t>North Hertfordshire 003B</t>
  </si>
  <si>
    <t>E01023637</t>
  </si>
  <si>
    <t>North Hertfordshire 003C</t>
  </si>
  <si>
    <t>E01023638</t>
  </si>
  <si>
    <t>North Hertfordshire 003D</t>
  </si>
  <si>
    <t>E01023639</t>
  </si>
  <si>
    <t>North Hertfordshire 009A</t>
  </si>
  <si>
    <t>E02004917</t>
  </si>
  <si>
    <t>North Hertfordshire 009</t>
  </si>
  <si>
    <t>E01023640</t>
  </si>
  <si>
    <t>North Hertfordshire 009B</t>
  </si>
  <si>
    <t>E01023641</t>
  </si>
  <si>
    <t>North Hertfordshire 009C</t>
  </si>
  <si>
    <t>E01023642</t>
  </si>
  <si>
    <t>North Hertfordshire 009D</t>
  </si>
  <si>
    <t>E01023643</t>
  </si>
  <si>
    <t>North Hertfordshire 009E</t>
  </si>
  <si>
    <t>E01023644</t>
  </si>
  <si>
    <t>North Hertfordshire 008A</t>
  </si>
  <si>
    <t>E02004916</t>
  </si>
  <si>
    <t>North Hertfordshire 008</t>
  </si>
  <si>
    <t>E01023645</t>
  </si>
  <si>
    <t>North Hertfordshire 008B</t>
  </si>
  <si>
    <t>E01023646</t>
  </si>
  <si>
    <t>North Hertfordshire 008C</t>
  </si>
  <si>
    <t>E01023647</t>
  </si>
  <si>
    <t>North Hertfordshire 008D</t>
  </si>
  <si>
    <t>E01023648</t>
  </si>
  <si>
    <t>North Hertfordshire 008E</t>
  </si>
  <si>
    <t>E01023649</t>
  </si>
  <si>
    <t>North Hertfordshire 007A</t>
  </si>
  <si>
    <t>E02004915</t>
  </si>
  <si>
    <t>North Hertfordshire 007</t>
  </si>
  <si>
    <t>E01023650</t>
  </si>
  <si>
    <t>North Hertfordshire 007B</t>
  </si>
  <si>
    <t>E01023651</t>
  </si>
  <si>
    <t>North Hertfordshire 007C</t>
  </si>
  <si>
    <t>E01023652</t>
  </si>
  <si>
    <t>North Hertfordshire 007D</t>
  </si>
  <si>
    <t>E01023653</t>
  </si>
  <si>
    <t>North Hertfordshire 014F</t>
  </si>
  <si>
    <t>E01023654</t>
  </si>
  <si>
    <t>North Hertfordshire 002A</t>
  </si>
  <si>
    <t>E02004910</t>
  </si>
  <si>
    <t>North Hertfordshire 002</t>
  </si>
  <si>
    <t>E01023655</t>
  </si>
  <si>
    <t>North Hertfordshire 002B</t>
  </si>
  <si>
    <t>E01023656</t>
  </si>
  <si>
    <t>North Hertfordshire 002C</t>
  </si>
  <si>
    <t>E01023657</t>
  </si>
  <si>
    <t>North Hertfordshire 002D</t>
  </si>
  <si>
    <t>E01023658</t>
  </si>
  <si>
    <t>North Hertfordshire 002E</t>
  </si>
  <si>
    <t>E01023659</t>
  </si>
  <si>
    <t>North Hertfordshire 002F</t>
  </si>
  <si>
    <t>E01023660</t>
  </si>
  <si>
    <t>North Hertfordshire 001A</t>
  </si>
  <si>
    <t>E02004909</t>
  </si>
  <si>
    <t>North Hertfordshire 001</t>
  </si>
  <si>
    <t>E01023661</t>
  </si>
  <si>
    <t>North Hertfordshire 001B</t>
  </si>
  <si>
    <t>E01023662</t>
  </si>
  <si>
    <t>North Hertfordshire 001C</t>
  </si>
  <si>
    <t>E01023663</t>
  </si>
  <si>
    <t>North Hertfordshire 016E</t>
  </si>
  <si>
    <t>E01023664</t>
  </si>
  <si>
    <t>St Albans 013A</t>
  </si>
  <si>
    <t>E02004936</t>
  </si>
  <si>
    <t>St Albans 013</t>
  </si>
  <si>
    <t>E07000240</t>
  </si>
  <si>
    <t>St Albans</t>
  </si>
  <si>
    <t>E01023665</t>
  </si>
  <si>
    <t>St Albans 013B</t>
  </si>
  <si>
    <t>E01023666</t>
  </si>
  <si>
    <t>St Albans 011A</t>
  </si>
  <si>
    <t>E02004934</t>
  </si>
  <si>
    <t>St Albans 011</t>
  </si>
  <si>
    <t>E01023667</t>
  </si>
  <si>
    <t>St Albans 013C</t>
  </si>
  <si>
    <t>E01023668</t>
  </si>
  <si>
    <t>St Albans 013D</t>
  </si>
  <si>
    <t>E01023669</t>
  </si>
  <si>
    <t>St Albans 009A</t>
  </si>
  <si>
    <t>E02004932</t>
  </si>
  <si>
    <t>St Albans 009</t>
  </si>
  <si>
    <t>E01023670</t>
  </si>
  <si>
    <t>St Albans 009B</t>
  </si>
  <si>
    <t>E01023671</t>
  </si>
  <si>
    <t>St Albans 009C</t>
  </si>
  <si>
    <t>E01023672</t>
  </si>
  <si>
    <t>St Albans 009D</t>
  </si>
  <si>
    <t>E01023673</t>
  </si>
  <si>
    <t>St Albans 010A</t>
  </si>
  <si>
    <t>E02004933</t>
  </si>
  <si>
    <t>St Albans 010</t>
  </si>
  <si>
    <t>E01023674</t>
  </si>
  <si>
    <t>St Albans 011B</t>
  </si>
  <si>
    <t>E01023675</t>
  </si>
  <si>
    <t>St Albans 011C</t>
  </si>
  <si>
    <t>E01023676</t>
  </si>
  <si>
    <t>St Albans 011D</t>
  </si>
  <si>
    <t>E01023677</t>
  </si>
  <si>
    <t>St Albans 021B</t>
  </si>
  <si>
    <t>E02007090</t>
  </si>
  <si>
    <t>St Albans 021</t>
  </si>
  <si>
    <t>E01023678</t>
  </si>
  <si>
    <t>St Albans 021D</t>
  </si>
  <si>
    <t>E01023680</t>
  </si>
  <si>
    <t>St Albans 021A</t>
  </si>
  <si>
    <t>E01023681</t>
  </si>
  <si>
    <t>St Albans 016A</t>
  </si>
  <si>
    <t>E02004939</t>
  </si>
  <si>
    <t>St Albans 016</t>
  </si>
  <si>
    <t>E01023682</t>
  </si>
  <si>
    <t>St Albans 016B</t>
  </si>
  <si>
    <t>E01023683</t>
  </si>
  <si>
    <t>St Albans 016C</t>
  </si>
  <si>
    <t>E01023684</t>
  </si>
  <si>
    <t>St Albans 016D</t>
  </si>
  <si>
    <t>E01023685</t>
  </si>
  <si>
    <t>St Albans 002A</t>
  </si>
  <si>
    <t>E02004925</t>
  </si>
  <si>
    <t>St Albans 002</t>
  </si>
  <si>
    <t>E01023686</t>
  </si>
  <si>
    <t>St Albans 002B</t>
  </si>
  <si>
    <t>E01023687</t>
  </si>
  <si>
    <t>St Albans 002C</t>
  </si>
  <si>
    <t>E01023688</t>
  </si>
  <si>
    <t>St Albans 002D</t>
  </si>
  <si>
    <t>E01023689</t>
  </si>
  <si>
    <t>St Albans 002E</t>
  </si>
  <si>
    <t>E01023690</t>
  </si>
  <si>
    <t>St Albans 001A</t>
  </si>
  <si>
    <t>E02004924</t>
  </si>
  <si>
    <t>St Albans 001</t>
  </si>
  <si>
    <t>E01023691</t>
  </si>
  <si>
    <t>St Albans 001B</t>
  </si>
  <si>
    <t>E01023692</t>
  </si>
  <si>
    <t>St Albans 001C</t>
  </si>
  <si>
    <t>E01023693</t>
  </si>
  <si>
    <t>St Albans 001D</t>
  </si>
  <si>
    <t>E01023694</t>
  </si>
  <si>
    <t>St Albans 001E</t>
  </si>
  <si>
    <t>E01023695</t>
  </si>
  <si>
    <t>St Albans 005A</t>
  </si>
  <si>
    <t>E02004928</t>
  </si>
  <si>
    <t>St Albans 005</t>
  </si>
  <si>
    <t>E01023696</t>
  </si>
  <si>
    <t>St Albans 005B</t>
  </si>
  <si>
    <t>E01023697</t>
  </si>
  <si>
    <t>St Albans 005C</t>
  </si>
  <si>
    <t>E01023698</t>
  </si>
  <si>
    <t>St Albans 005D</t>
  </si>
  <si>
    <t>E01023699</t>
  </si>
  <si>
    <t>St Albans 003A</t>
  </si>
  <si>
    <t>E02004926</t>
  </si>
  <si>
    <t>St Albans 003</t>
  </si>
  <si>
    <t>E01023700</t>
  </si>
  <si>
    <t>St Albans 003B</t>
  </si>
  <si>
    <t>E01023701</t>
  </si>
  <si>
    <t>St Albans 003C</t>
  </si>
  <si>
    <t>E01023702</t>
  </si>
  <si>
    <t>St Albans 003D</t>
  </si>
  <si>
    <t>E01023703</t>
  </si>
  <si>
    <t>St Albans 003E</t>
  </si>
  <si>
    <t>E01023704</t>
  </si>
  <si>
    <t>St Albans 018A</t>
  </si>
  <si>
    <t>E02004941</t>
  </si>
  <si>
    <t>St Albans 018</t>
  </si>
  <si>
    <t>E01023705</t>
  </si>
  <si>
    <t>St Albans 018B</t>
  </si>
  <si>
    <t>E01023706</t>
  </si>
  <si>
    <t>St Albans 018C</t>
  </si>
  <si>
    <t>E01023708</t>
  </si>
  <si>
    <t>St Albans 018E</t>
  </si>
  <si>
    <t>E01023709</t>
  </si>
  <si>
    <t>St Albans 008A</t>
  </si>
  <si>
    <t>E02004931</t>
  </si>
  <si>
    <t>St Albans 008</t>
  </si>
  <si>
    <t>E01023710</t>
  </si>
  <si>
    <t>St Albans 008B</t>
  </si>
  <si>
    <t>E01023711</t>
  </si>
  <si>
    <t>St Albans 008C</t>
  </si>
  <si>
    <t>E01023712</t>
  </si>
  <si>
    <t>St Albans 008D</t>
  </si>
  <si>
    <t>E01023713</t>
  </si>
  <si>
    <t>St Albans 007A</t>
  </si>
  <si>
    <t>E02004930</t>
  </si>
  <si>
    <t>St Albans 007</t>
  </si>
  <si>
    <t>E01023714</t>
  </si>
  <si>
    <t>St Albans 010B</t>
  </si>
  <si>
    <t>E01023715</t>
  </si>
  <si>
    <t>St Albans 010C</t>
  </si>
  <si>
    <t>E01023716</t>
  </si>
  <si>
    <t>St Albans 010D</t>
  </si>
  <si>
    <t>E01023717</t>
  </si>
  <si>
    <t>St Albans 020A</t>
  </si>
  <si>
    <t>E02004943</t>
  </si>
  <si>
    <t>St Albans 020</t>
  </si>
  <si>
    <t>E01023718</t>
  </si>
  <si>
    <t>St Albans 019A</t>
  </si>
  <si>
    <t>E02004942</t>
  </si>
  <si>
    <t>St Albans 019</t>
  </si>
  <si>
    <t>E01023719</t>
  </si>
  <si>
    <t>St Albans 019B</t>
  </si>
  <si>
    <t>E01023720</t>
  </si>
  <si>
    <t>St Albans 019C</t>
  </si>
  <si>
    <t>E01023721</t>
  </si>
  <si>
    <t>St Albans 019D</t>
  </si>
  <si>
    <t>E01023722</t>
  </si>
  <si>
    <t>St Albans 006A</t>
  </si>
  <si>
    <t>E02004929</t>
  </si>
  <si>
    <t>St Albans 006</t>
  </si>
  <si>
    <t>E01023723</t>
  </si>
  <si>
    <t>St Albans 006B</t>
  </si>
  <si>
    <t>E01023724</t>
  </si>
  <si>
    <t>St Albans 006C</t>
  </si>
  <si>
    <t>E01023725</t>
  </si>
  <si>
    <t>St Albans 006D</t>
  </si>
  <si>
    <t>E01023726</t>
  </si>
  <si>
    <t>St Albans 012A</t>
  </si>
  <si>
    <t>E02004935</t>
  </si>
  <si>
    <t>St Albans 012</t>
  </si>
  <si>
    <t>E01023727</t>
  </si>
  <si>
    <t>St Albans 012B</t>
  </si>
  <si>
    <t>E01023728</t>
  </si>
  <si>
    <t>St Albans 012C</t>
  </si>
  <si>
    <t>E01023730</t>
  </si>
  <si>
    <t>St Albans 020B</t>
  </si>
  <si>
    <t>E01023731</t>
  </si>
  <si>
    <t>St Albans 020C</t>
  </si>
  <si>
    <t>E01023732</t>
  </si>
  <si>
    <t>St Albans 020D</t>
  </si>
  <si>
    <t>E01023733</t>
  </si>
  <si>
    <t>St Albans 020E</t>
  </si>
  <si>
    <t>E01023734</t>
  </si>
  <si>
    <t>St Albans 007B</t>
  </si>
  <si>
    <t>E01023735</t>
  </si>
  <si>
    <t>St Albans 007C</t>
  </si>
  <si>
    <t>E01023736</t>
  </si>
  <si>
    <t>St Albans 007D</t>
  </si>
  <si>
    <t>E01023737</t>
  </si>
  <si>
    <t>St Albans 017A</t>
  </si>
  <si>
    <t>E02004940</t>
  </si>
  <si>
    <t>St Albans 017</t>
  </si>
  <si>
    <t>E01023738</t>
  </si>
  <si>
    <t>St Albans 017B</t>
  </si>
  <si>
    <t>E01023739</t>
  </si>
  <si>
    <t>St Albans 017C</t>
  </si>
  <si>
    <t>E01023740</t>
  </si>
  <si>
    <t>St Albans 017D</t>
  </si>
  <si>
    <t>E01023741</t>
  </si>
  <si>
    <t>St Albans 017E</t>
  </si>
  <si>
    <t>E01023742</t>
  </si>
  <si>
    <t>St Albans 014A</t>
  </si>
  <si>
    <t>E02004937</t>
  </si>
  <si>
    <t>St Albans 014</t>
  </si>
  <si>
    <t>E01023743</t>
  </si>
  <si>
    <t>St Albans 014B</t>
  </si>
  <si>
    <t>E01023744</t>
  </si>
  <si>
    <t>St Albans 014C</t>
  </si>
  <si>
    <t>E01023745</t>
  </si>
  <si>
    <t>St Albans 014D</t>
  </si>
  <si>
    <t>E01023746</t>
  </si>
  <si>
    <t>St Albans 004A</t>
  </si>
  <si>
    <t>E02004927</t>
  </si>
  <si>
    <t>St Albans 004</t>
  </si>
  <si>
    <t>E01023747</t>
  </si>
  <si>
    <t>St Albans 004B</t>
  </si>
  <si>
    <t>E01023748</t>
  </si>
  <si>
    <t>St Albans 004C</t>
  </si>
  <si>
    <t>E01023749</t>
  </si>
  <si>
    <t>St Albans 004D</t>
  </si>
  <si>
    <t>E01023750</t>
  </si>
  <si>
    <t>Stevenage 009A</t>
  </si>
  <si>
    <t>E02004952</t>
  </si>
  <si>
    <t>Stevenage 009</t>
  </si>
  <si>
    <t>E07000243</t>
  </si>
  <si>
    <t>Stevenage</t>
  </si>
  <si>
    <t>E01023751</t>
  </si>
  <si>
    <t>Stevenage 009B</t>
  </si>
  <si>
    <t>E01023752</t>
  </si>
  <si>
    <t>Stevenage 009C</t>
  </si>
  <si>
    <t>E01023753</t>
  </si>
  <si>
    <t>Stevenage 009D</t>
  </si>
  <si>
    <t>E01023754</t>
  </si>
  <si>
    <t>Stevenage 009E</t>
  </si>
  <si>
    <t>E01023755</t>
  </si>
  <si>
    <t>Stevenage 008A</t>
  </si>
  <si>
    <t>E02004951</t>
  </si>
  <si>
    <t>Stevenage 008</t>
  </si>
  <si>
    <t>E01023756</t>
  </si>
  <si>
    <t>Stevenage 008B</t>
  </si>
  <si>
    <t>E01023757</t>
  </si>
  <si>
    <t>Stevenage 008C</t>
  </si>
  <si>
    <t>E01023759</t>
  </si>
  <si>
    <t>Stevenage 007A</t>
  </si>
  <si>
    <t>E02004950</t>
  </si>
  <si>
    <t>Stevenage 007</t>
  </si>
  <si>
    <t>E01023760</t>
  </si>
  <si>
    <t>Stevenage 007B</t>
  </si>
  <si>
    <t>E01023761</t>
  </si>
  <si>
    <t>Stevenage 007C</t>
  </si>
  <si>
    <t>E01023762</t>
  </si>
  <si>
    <t>Stevenage 007D</t>
  </si>
  <si>
    <t>E01023763</t>
  </si>
  <si>
    <t>Stevenage 012A</t>
  </si>
  <si>
    <t>E02004955</t>
  </si>
  <si>
    <t>Stevenage 012</t>
  </si>
  <si>
    <t>E01023764</t>
  </si>
  <si>
    <t>Stevenage 012B</t>
  </si>
  <si>
    <t>E01023765</t>
  </si>
  <si>
    <t>Stevenage 012C</t>
  </si>
  <si>
    <t>E01023766</t>
  </si>
  <si>
    <t>Stevenage 012D</t>
  </si>
  <si>
    <t>E01023767</t>
  </si>
  <si>
    <t>Stevenage 013D</t>
  </si>
  <si>
    <t>E02007091</t>
  </si>
  <si>
    <t>Stevenage 013</t>
  </si>
  <si>
    <t>E01023769</t>
  </si>
  <si>
    <t>Stevenage 013B</t>
  </si>
  <si>
    <t>E01023770</t>
  </si>
  <si>
    <t>Stevenage 013C</t>
  </si>
  <si>
    <t>E01023771</t>
  </si>
  <si>
    <t>Stevenage 003A</t>
  </si>
  <si>
    <t>E02004946</t>
  </si>
  <si>
    <t>Stevenage 003</t>
  </si>
  <si>
    <t>E01023772</t>
  </si>
  <si>
    <t>Stevenage 003B</t>
  </si>
  <si>
    <t>E01023773</t>
  </si>
  <si>
    <t>Stevenage 003C</t>
  </si>
  <si>
    <t>E01023774</t>
  </si>
  <si>
    <t>Stevenage 003D</t>
  </si>
  <si>
    <t>E01023775</t>
  </si>
  <si>
    <t>Stevenage 006A</t>
  </si>
  <si>
    <t>E02004949</t>
  </si>
  <si>
    <t>Stevenage 006</t>
  </si>
  <si>
    <t>E01023776</t>
  </si>
  <si>
    <t>Stevenage 002A</t>
  </si>
  <si>
    <t>E02004945</t>
  </si>
  <si>
    <t>Stevenage 002</t>
  </si>
  <si>
    <t>E01023777</t>
  </si>
  <si>
    <t>Stevenage 002B</t>
  </si>
  <si>
    <t>E01023778</t>
  </si>
  <si>
    <t>Stevenage 002C</t>
  </si>
  <si>
    <t>E01023779</t>
  </si>
  <si>
    <t>Stevenage 006B</t>
  </si>
  <si>
    <t>E01023780</t>
  </si>
  <si>
    <t>Stevenage 006C</t>
  </si>
  <si>
    <t>E01023781</t>
  </si>
  <si>
    <t>Stevenage 006D</t>
  </si>
  <si>
    <t>E01023782</t>
  </si>
  <si>
    <t>Stevenage 006E</t>
  </si>
  <si>
    <t>E01023783</t>
  </si>
  <si>
    <t>Stevenage 011A</t>
  </si>
  <si>
    <t>E02004954</t>
  </si>
  <si>
    <t>Stevenage 011</t>
  </si>
  <si>
    <t>E01023784</t>
  </si>
  <si>
    <t>Stevenage 011B</t>
  </si>
  <si>
    <t>E01023785</t>
  </si>
  <si>
    <t>Stevenage 011C</t>
  </si>
  <si>
    <t>E01023786</t>
  </si>
  <si>
    <t>Stevenage 011D</t>
  </si>
  <si>
    <t>E01023787</t>
  </si>
  <si>
    <t>Stevenage 001A</t>
  </si>
  <si>
    <t>E02004944</t>
  </si>
  <si>
    <t>Stevenage 001</t>
  </si>
  <si>
    <t>E01023788</t>
  </si>
  <si>
    <t>Stevenage 001B</t>
  </si>
  <si>
    <t>E01023790</t>
  </si>
  <si>
    <t>Stevenage 001D</t>
  </si>
  <si>
    <t>E01023791</t>
  </si>
  <si>
    <t>Stevenage 010A</t>
  </si>
  <si>
    <t>E02004953</t>
  </si>
  <si>
    <t>Stevenage 010</t>
  </si>
  <si>
    <t>E01023792</t>
  </si>
  <si>
    <t>Stevenage 010B</t>
  </si>
  <si>
    <t>E01023793</t>
  </si>
  <si>
    <t>Stevenage 010C</t>
  </si>
  <si>
    <t>E01023794</t>
  </si>
  <si>
    <t>Stevenage 010D</t>
  </si>
  <si>
    <t>E01023795</t>
  </si>
  <si>
    <t>Stevenage 005A</t>
  </si>
  <si>
    <t>E02004948</t>
  </si>
  <si>
    <t>Stevenage 005</t>
  </si>
  <si>
    <t>E01023796</t>
  </si>
  <si>
    <t>Stevenage 005B</t>
  </si>
  <si>
    <t>E01023797</t>
  </si>
  <si>
    <t>Stevenage 005C</t>
  </si>
  <si>
    <t>E01023798</t>
  </si>
  <si>
    <t>Stevenage 005D</t>
  </si>
  <si>
    <t>E01023799</t>
  </si>
  <si>
    <t>Stevenage 002D</t>
  </si>
  <si>
    <t>E01023800</t>
  </si>
  <si>
    <t>Stevenage 002E</t>
  </si>
  <si>
    <t>E01023801</t>
  </si>
  <si>
    <t>Stevenage 002F</t>
  </si>
  <si>
    <t>E01023802</t>
  </si>
  <si>
    <t>Three Rivers 001A</t>
  </si>
  <si>
    <t>E02004956</t>
  </si>
  <si>
    <t>Three Rivers 001</t>
  </si>
  <si>
    <t>E07000102</t>
  </si>
  <si>
    <t>Three Rivers</t>
  </si>
  <si>
    <t>E01023803</t>
  </si>
  <si>
    <t>Three Rivers 001B</t>
  </si>
  <si>
    <t>E01023804</t>
  </si>
  <si>
    <t>Three Rivers 001C</t>
  </si>
  <si>
    <t>E01023805</t>
  </si>
  <si>
    <t>Three Rivers 010A</t>
  </si>
  <si>
    <t>E02004965</t>
  </si>
  <si>
    <t>Three Rivers 010</t>
  </si>
  <si>
    <t>E01023806</t>
  </si>
  <si>
    <t>Three Rivers 012A</t>
  </si>
  <si>
    <t>E02004967</t>
  </si>
  <si>
    <t>Three Rivers 012</t>
  </si>
  <si>
    <t>E01023807</t>
  </si>
  <si>
    <t>Three Rivers 001D</t>
  </si>
  <si>
    <t>E01023809</t>
  </si>
  <si>
    <t>Three Rivers 010B</t>
  </si>
  <si>
    <t>E01023810</t>
  </si>
  <si>
    <t>Three Rivers 010C</t>
  </si>
  <si>
    <t>E01023811</t>
  </si>
  <si>
    <t>Three Rivers 010D</t>
  </si>
  <si>
    <t>E01023812</t>
  </si>
  <si>
    <t>Three Rivers 004A</t>
  </si>
  <si>
    <t>E02004959</t>
  </si>
  <si>
    <t>Three Rivers 004</t>
  </si>
  <si>
    <t>E01023813</t>
  </si>
  <si>
    <t>Three Rivers 004B</t>
  </si>
  <si>
    <t>E01023814</t>
  </si>
  <si>
    <t>Three Rivers 004C</t>
  </si>
  <si>
    <t>E01023815</t>
  </si>
  <si>
    <t>Three Rivers 005A</t>
  </si>
  <si>
    <t>E02004960</t>
  </si>
  <si>
    <t>Three Rivers 005</t>
  </si>
  <si>
    <t>E01023816</t>
  </si>
  <si>
    <t>Three Rivers 005B</t>
  </si>
  <si>
    <t>E01023817</t>
  </si>
  <si>
    <t>Three Rivers 005C</t>
  </si>
  <si>
    <t>E01023818</t>
  </si>
  <si>
    <t>Three Rivers 005D</t>
  </si>
  <si>
    <t>E01023819</t>
  </si>
  <si>
    <t>Three Rivers 006A</t>
  </si>
  <si>
    <t>E02004961</t>
  </si>
  <si>
    <t>Three Rivers 006</t>
  </si>
  <si>
    <t>E01023820</t>
  </si>
  <si>
    <t>Three Rivers 006B</t>
  </si>
  <si>
    <t>E01023821</t>
  </si>
  <si>
    <t>Three Rivers 006C</t>
  </si>
  <si>
    <t>E01023822</t>
  </si>
  <si>
    <t>Three Rivers 006D</t>
  </si>
  <si>
    <t>E01023823</t>
  </si>
  <si>
    <t>Three Rivers 003A</t>
  </si>
  <si>
    <t>E02004958</t>
  </si>
  <si>
    <t>Three Rivers 003</t>
  </si>
  <si>
    <t>E01023824</t>
  </si>
  <si>
    <t>Three Rivers 003B</t>
  </si>
  <si>
    <t>E01023825</t>
  </si>
  <si>
    <t>Three Rivers 006E</t>
  </si>
  <si>
    <t>E01023826</t>
  </si>
  <si>
    <t>Three Rivers 006F</t>
  </si>
  <si>
    <t>E01023827</t>
  </si>
  <si>
    <t>Three Rivers 008A</t>
  </si>
  <si>
    <t>E02004963</t>
  </si>
  <si>
    <t>Three Rivers 008</t>
  </si>
  <si>
    <t>E01023828</t>
  </si>
  <si>
    <t>Three Rivers 008B</t>
  </si>
  <si>
    <t>E01023829</t>
  </si>
  <si>
    <t>Three Rivers 002A</t>
  </si>
  <si>
    <t>E02004957</t>
  </si>
  <si>
    <t>Three Rivers 002</t>
  </si>
  <si>
    <t>E01023830</t>
  </si>
  <si>
    <t>Three Rivers 002B</t>
  </si>
  <si>
    <t>E01023831</t>
  </si>
  <si>
    <t>Three Rivers 003C</t>
  </si>
  <si>
    <t>E01023832</t>
  </si>
  <si>
    <t>Three Rivers 002C</t>
  </si>
  <si>
    <t>E01023834</t>
  </si>
  <si>
    <t>Three Rivers 002E</t>
  </si>
  <si>
    <t>E01023835</t>
  </si>
  <si>
    <t>Three Rivers 009A</t>
  </si>
  <si>
    <t>E02004964</t>
  </si>
  <si>
    <t>Three Rivers 009</t>
  </si>
  <si>
    <t>E01023836</t>
  </si>
  <si>
    <t>Three Rivers 009B</t>
  </si>
  <si>
    <t>E01023837</t>
  </si>
  <si>
    <t>Three Rivers 009C</t>
  </si>
  <si>
    <t>E01023838</t>
  </si>
  <si>
    <t>Three Rivers 009D</t>
  </si>
  <si>
    <t>E01023839</t>
  </si>
  <si>
    <t>Three Rivers 011A</t>
  </si>
  <si>
    <t>E02004966</t>
  </si>
  <si>
    <t>Three Rivers 011</t>
  </si>
  <si>
    <t>E01023840</t>
  </si>
  <si>
    <t>Three Rivers 011B</t>
  </si>
  <si>
    <t>E01023841</t>
  </si>
  <si>
    <t>Three Rivers 011C</t>
  </si>
  <si>
    <t>E01023842</t>
  </si>
  <si>
    <t>Three Rivers 012B</t>
  </si>
  <si>
    <t>E01023843</t>
  </si>
  <si>
    <t>Three Rivers 012C</t>
  </si>
  <si>
    <t>E01023844</t>
  </si>
  <si>
    <t>Three Rivers 012D</t>
  </si>
  <si>
    <t>E01023845</t>
  </si>
  <si>
    <t>Three Rivers 008C</t>
  </si>
  <si>
    <t>E01023846</t>
  </si>
  <si>
    <t>Three Rivers 008D</t>
  </si>
  <si>
    <t>E01023847</t>
  </si>
  <si>
    <t>Three Rivers 007A</t>
  </si>
  <si>
    <t>E02004962</t>
  </si>
  <si>
    <t>Three Rivers 007</t>
  </si>
  <si>
    <t>E01023848</t>
  </si>
  <si>
    <t>Three Rivers 007B</t>
  </si>
  <si>
    <t>E01023849</t>
  </si>
  <si>
    <t>Three Rivers 011D</t>
  </si>
  <si>
    <t>E01023850</t>
  </si>
  <si>
    <t>Three Rivers 007C</t>
  </si>
  <si>
    <t>E01023851</t>
  </si>
  <si>
    <t>Three Rivers 004D</t>
  </si>
  <si>
    <t>E01023852</t>
  </si>
  <si>
    <t>Three Rivers 007D</t>
  </si>
  <si>
    <t>E01023853</t>
  </si>
  <si>
    <t>Three Rivers 007E</t>
  </si>
  <si>
    <t>E01023854</t>
  </si>
  <si>
    <t>Three Rivers 003D</t>
  </si>
  <si>
    <t>E01023855</t>
  </si>
  <si>
    <t>Watford 006A</t>
  </si>
  <si>
    <t>E02004973</t>
  </si>
  <si>
    <t>Watford 006</t>
  </si>
  <si>
    <t>E07000103</t>
  </si>
  <si>
    <t>Watford</t>
  </si>
  <si>
    <t>E01023856</t>
  </si>
  <si>
    <t>Watford 006B</t>
  </si>
  <si>
    <t>E01023857</t>
  </si>
  <si>
    <t>Watford 006C</t>
  </si>
  <si>
    <t>E01023858</t>
  </si>
  <si>
    <t>Watford 006D</t>
  </si>
  <si>
    <t>E01023860</t>
  </si>
  <si>
    <t>Watford 009B</t>
  </si>
  <si>
    <t>E02004976</t>
  </si>
  <si>
    <t>Watford 009</t>
  </si>
  <si>
    <t>E01023862</t>
  </si>
  <si>
    <t>Watford 009D</t>
  </si>
  <si>
    <t>E01023863</t>
  </si>
  <si>
    <t>Watford 011A</t>
  </si>
  <si>
    <t>E02004978</t>
  </si>
  <si>
    <t>Watford 011</t>
  </si>
  <si>
    <t>E01023864</t>
  </si>
  <si>
    <t>Watford 011B</t>
  </si>
  <si>
    <t>E01023865</t>
  </si>
  <si>
    <t>Watford 011C</t>
  </si>
  <si>
    <t>E01023866</t>
  </si>
  <si>
    <t>Watford 011D</t>
  </si>
  <si>
    <t>E01023868</t>
  </si>
  <si>
    <t>Watford 004A</t>
  </si>
  <si>
    <t>E02004971</t>
  </si>
  <si>
    <t>Watford 004</t>
  </si>
  <si>
    <t>E01023869</t>
  </si>
  <si>
    <t>Watford 004B</t>
  </si>
  <si>
    <t>E01023870</t>
  </si>
  <si>
    <t>Watford 004C</t>
  </si>
  <si>
    <t>E01023871</t>
  </si>
  <si>
    <t>Watford 004D</t>
  </si>
  <si>
    <t>E01023872</t>
  </si>
  <si>
    <t>Watford 004E</t>
  </si>
  <si>
    <t>E01023873</t>
  </si>
  <si>
    <t>Watford 003A</t>
  </si>
  <si>
    <t>E02004970</t>
  </si>
  <si>
    <t>Watford 003</t>
  </si>
  <si>
    <t>E01023874</t>
  </si>
  <si>
    <t>Watford 003B</t>
  </si>
  <si>
    <t>E01023875</t>
  </si>
  <si>
    <t>Watford 003C</t>
  </si>
  <si>
    <t>E01023876</t>
  </si>
  <si>
    <t>Watford 003D</t>
  </si>
  <si>
    <t>E01023877</t>
  </si>
  <si>
    <t>Watford 003E</t>
  </si>
  <si>
    <t>E01023878</t>
  </si>
  <si>
    <t>Watford 007A</t>
  </si>
  <si>
    <t>E02004974</t>
  </si>
  <si>
    <t>Watford 007</t>
  </si>
  <si>
    <t>E01023880</t>
  </si>
  <si>
    <t>Watford 007C</t>
  </si>
  <si>
    <t>E01023881</t>
  </si>
  <si>
    <t>Watford 007D</t>
  </si>
  <si>
    <t>E01023882</t>
  </si>
  <si>
    <t>Watford 012A</t>
  </si>
  <si>
    <t>E02004979</t>
  </si>
  <si>
    <t>Watford 012</t>
  </si>
  <si>
    <t>E01023883</t>
  </si>
  <si>
    <t>Watford 012B</t>
  </si>
  <si>
    <t>E01023884</t>
  </si>
  <si>
    <t>Watford 012C</t>
  </si>
  <si>
    <t>E01023885</t>
  </si>
  <si>
    <t>Watford 012D</t>
  </si>
  <si>
    <t>E01023886</t>
  </si>
  <si>
    <t>Watford 008A</t>
  </si>
  <si>
    <t>E02004975</t>
  </si>
  <si>
    <t>Watford 008</t>
  </si>
  <si>
    <t>E01023887</t>
  </si>
  <si>
    <t>Watford 008B</t>
  </si>
  <si>
    <t>E01023888</t>
  </si>
  <si>
    <t>Watford 008C</t>
  </si>
  <si>
    <t>E01023889</t>
  </si>
  <si>
    <t>Watford 008D</t>
  </si>
  <si>
    <t>E01023890</t>
  </si>
  <si>
    <t>Watford 002A</t>
  </si>
  <si>
    <t>E02004969</t>
  </si>
  <si>
    <t>Watford 002</t>
  </si>
  <si>
    <t>E01023891</t>
  </si>
  <si>
    <t>Watford 002B</t>
  </si>
  <si>
    <t>E01023892</t>
  </si>
  <si>
    <t>Watford 002C</t>
  </si>
  <si>
    <t>E01023893</t>
  </si>
  <si>
    <t>Watford 002D</t>
  </si>
  <si>
    <t>E01023894</t>
  </si>
  <si>
    <t>Watford 002E</t>
  </si>
  <si>
    <t>E01023895</t>
  </si>
  <si>
    <t>Watford 005A</t>
  </si>
  <si>
    <t>E02004972</t>
  </si>
  <si>
    <t>Watford 005</t>
  </si>
  <si>
    <t>E01023896</t>
  </si>
  <si>
    <t>Watford 005B</t>
  </si>
  <si>
    <t>E01023897</t>
  </si>
  <si>
    <t>Watford 005C</t>
  </si>
  <si>
    <t>E01023898</t>
  </si>
  <si>
    <t>Watford 005D</t>
  </si>
  <si>
    <t>E01023899</t>
  </si>
  <si>
    <t>Watford 010A</t>
  </si>
  <si>
    <t>E02004977</t>
  </si>
  <si>
    <t>Watford 010</t>
  </si>
  <si>
    <t>E01023900</t>
  </si>
  <si>
    <t>Watford 010B</t>
  </si>
  <si>
    <t>E01023901</t>
  </si>
  <si>
    <t>Watford 010C</t>
  </si>
  <si>
    <t>E01023902</t>
  </si>
  <si>
    <t>Watford 010D</t>
  </si>
  <si>
    <t>E01023903</t>
  </si>
  <si>
    <t>Watford 010E</t>
  </si>
  <si>
    <t>E01023904</t>
  </si>
  <si>
    <t>Watford 001A</t>
  </si>
  <si>
    <t>E02004968</t>
  </si>
  <si>
    <t>Watford 001</t>
  </si>
  <si>
    <t>E01023905</t>
  </si>
  <si>
    <t>Watford 001B</t>
  </si>
  <si>
    <t>E01023906</t>
  </si>
  <si>
    <t>Watford 001C</t>
  </si>
  <si>
    <t>E01023907</t>
  </si>
  <si>
    <t>Watford 001D</t>
  </si>
  <si>
    <t>E01023908</t>
  </si>
  <si>
    <t>Welwyn Hatfield 015A</t>
  </si>
  <si>
    <t>E02004994</t>
  </si>
  <si>
    <t>Welwyn Hatfield 015</t>
  </si>
  <si>
    <t>E07000241</t>
  </si>
  <si>
    <t>Welwyn Hatfield</t>
  </si>
  <si>
    <t>E01023909</t>
  </si>
  <si>
    <t>Welwyn Hatfield 015B</t>
  </si>
  <si>
    <t>E01023910</t>
  </si>
  <si>
    <t>Welwyn Hatfield 015C</t>
  </si>
  <si>
    <t>E01023911</t>
  </si>
  <si>
    <t>Welwyn Hatfield 015D</t>
  </si>
  <si>
    <t>E01023912</t>
  </si>
  <si>
    <t>Welwyn Hatfield 004A</t>
  </si>
  <si>
    <t>E02004983</t>
  </si>
  <si>
    <t>Welwyn Hatfield 004</t>
  </si>
  <si>
    <t>E01023913</t>
  </si>
  <si>
    <t>Welwyn Hatfield 004B</t>
  </si>
  <si>
    <t>E01023914</t>
  </si>
  <si>
    <t>Welwyn Hatfield 004C</t>
  </si>
  <si>
    <t>E01023915</t>
  </si>
  <si>
    <t>Welwyn Hatfield 004D</t>
  </si>
  <si>
    <t>E01023916</t>
  </si>
  <si>
    <t>Welwyn Hatfield 006A</t>
  </si>
  <si>
    <t>E02004985</t>
  </si>
  <si>
    <t>Welwyn Hatfield 006</t>
  </si>
  <si>
    <t>E01023917</t>
  </si>
  <si>
    <t>Welwyn Hatfield 006B</t>
  </si>
  <si>
    <t>E01023918</t>
  </si>
  <si>
    <t>Welwyn Hatfield 006C</t>
  </si>
  <si>
    <t>E01023919</t>
  </si>
  <si>
    <t>Welwyn Hatfield 006D</t>
  </si>
  <si>
    <t>E01023920</t>
  </si>
  <si>
    <t>Welwyn Hatfield 012A</t>
  </si>
  <si>
    <t>E02004991</t>
  </si>
  <si>
    <t>Welwyn Hatfield 012</t>
  </si>
  <si>
    <t>E01023921</t>
  </si>
  <si>
    <t>Welwyn Hatfield 012B</t>
  </si>
  <si>
    <t>E01023922</t>
  </si>
  <si>
    <t>Welwyn Hatfield 012C</t>
  </si>
  <si>
    <t>E01023923</t>
  </si>
  <si>
    <t>Welwyn Hatfield 012D</t>
  </si>
  <si>
    <t>E01023924</t>
  </si>
  <si>
    <t>Welwyn Hatfield 011A</t>
  </si>
  <si>
    <t>E02004990</t>
  </si>
  <si>
    <t>Welwyn Hatfield 011</t>
  </si>
  <si>
    <t>E01023925</t>
  </si>
  <si>
    <t>Welwyn Hatfield 011B</t>
  </si>
  <si>
    <t>E01023926</t>
  </si>
  <si>
    <t>Welwyn Hatfield 011C</t>
  </si>
  <si>
    <t>E01023927</t>
  </si>
  <si>
    <t>Welwyn Hatfield 011D</t>
  </si>
  <si>
    <t>E01023929</t>
  </si>
  <si>
    <t>Welwyn Hatfield 010A</t>
  </si>
  <si>
    <t>E02004989</t>
  </si>
  <si>
    <t>Welwyn Hatfield 010</t>
  </si>
  <si>
    <t>E01023930</t>
  </si>
  <si>
    <t>Welwyn Hatfield 010B</t>
  </si>
  <si>
    <t>E01023932</t>
  </si>
  <si>
    <t>Welwyn Hatfield 013A</t>
  </si>
  <si>
    <t>E02004992</t>
  </si>
  <si>
    <t>Welwyn Hatfield 013</t>
  </si>
  <si>
    <t>E01023933</t>
  </si>
  <si>
    <t>Welwyn Hatfield 017A</t>
  </si>
  <si>
    <t>E02007092</t>
  </si>
  <si>
    <t>Welwyn Hatfield 017</t>
  </si>
  <si>
    <t>E01023934</t>
  </si>
  <si>
    <t>Welwyn Hatfield 013B</t>
  </si>
  <si>
    <t>E01023935</t>
  </si>
  <si>
    <t>Welwyn Hatfield 013C</t>
  </si>
  <si>
    <t>E01023936</t>
  </si>
  <si>
    <t>Welwyn Hatfield 013D</t>
  </si>
  <si>
    <t>E01023937</t>
  </si>
  <si>
    <t>Welwyn Hatfield 013E</t>
  </si>
  <si>
    <t>E01023938</t>
  </si>
  <si>
    <t>Welwyn Hatfield 010D</t>
  </si>
  <si>
    <t>E01023939</t>
  </si>
  <si>
    <t>Welwyn Hatfield 009A</t>
  </si>
  <si>
    <t>E02004988</t>
  </si>
  <si>
    <t>Welwyn Hatfield 009</t>
  </si>
  <si>
    <t>E01023940</t>
  </si>
  <si>
    <t>Welwyn Hatfield 009B</t>
  </si>
  <si>
    <t>E01023942</t>
  </si>
  <si>
    <t>Welwyn Hatfield 009D</t>
  </si>
  <si>
    <t>E01023943</t>
  </si>
  <si>
    <t>Welwyn Hatfield 008A</t>
  </si>
  <si>
    <t>E02004987</t>
  </si>
  <si>
    <t>Welwyn Hatfield 008</t>
  </si>
  <si>
    <t>E01023944</t>
  </si>
  <si>
    <t>Welwyn Hatfield 008B</t>
  </si>
  <si>
    <t>E01023945</t>
  </si>
  <si>
    <t>Welwyn Hatfield 008C</t>
  </si>
  <si>
    <t>E01023946</t>
  </si>
  <si>
    <t>Welwyn Hatfield 008D</t>
  </si>
  <si>
    <t>E01023947</t>
  </si>
  <si>
    <t>Welwyn Hatfield 016A</t>
  </si>
  <si>
    <t>E02004995</t>
  </si>
  <si>
    <t>Welwyn Hatfield 016</t>
  </si>
  <si>
    <t>E01023948</t>
  </si>
  <si>
    <t>Welwyn Hatfield 016B</t>
  </si>
  <si>
    <t>E01023949</t>
  </si>
  <si>
    <t>Welwyn Hatfield 016C</t>
  </si>
  <si>
    <t>E01023950</t>
  </si>
  <si>
    <t>Welwyn Hatfield 005A</t>
  </si>
  <si>
    <t>E02004984</t>
  </si>
  <si>
    <t>Welwyn Hatfield 005</t>
  </si>
  <si>
    <t>E01023951</t>
  </si>
  <si>
    <t>Welwyn Hatfield 005B</t>
  </si>
  <si>
    <t>E01023952</t>
  </si>
  <si>
    <t>Welwyn Hatfield 005C</t>
  </si>
  <si>
    <t>E01023953</t>
  </si>
  <si>
    <t>Welwyn Hatfield 005D</t>
  </si>
  <si>
    <t>E01023955</t>
  </si>
  <si>
    <t>Welwyn Hatfield 007B</t>
  </si>
  <si>
    <t>E02004986</t>
  </si>
  <si>
    <t>Welwyn Hatfield 007</t>
  </si>
  <si>
    <t>E01023956</t>
  </si>
  <si>
    <t>Welwyn Hatfield 007C</t>
  </si>
  <si>
    <t>E01023957</t>
  </si>
  <si>
    <t>Welwyn Hatfield 007D</t>
  </si>
  <si>
    <t>E01023958</t>
  </si>
  <si>
    <t>Welwyn Hatfield 007E</t>
  </si>
  <si>
    <t>E01023959</t>
  </si>
  <si>
    <t>Welwyn Hatfield 003A</t>
  </si>
  <si>
    <t>E02004982</t>
  </si>
  <si>
    <t>Welwyn Hatfield 003</t>
  </si>
  <si>
    <t>E01023960</t>
  </si>
  <si>
    <t>Welwyn Hatfield 003B</t>
  </si>
  <si>
    <t>E01023961</t>
  </si>
  <si>
    <t>Welwyn Hatfield 003C</t>
  </si>
  <si>
    <t>E01023962</t>
  </si>
  <si>
    <t>Welwyn Hatfield 003D</t>
  </si>
  <si>
    <t>E01023963</t>
  </si>
  <si>
    <t>Welwyn Hatfield 017B</t>
  </si>
  <si>
    <t>E01023965</t>
  </si>
  <si>
    <t>Welwyn Hatfield 001A</t>
  </si>
  <si>
    <t>E02004980</t>
  </si>
  <si>
    <t>Welwyn Hatfield 001</t>
  </si>
  <si>
    <t>E01023966</t>
  </si>
  <si>
    <t>Welwyn Hatfield 001B</t>
  </si>
  <si>
    <t>E01023967</t>
  </si>
  <si>
    <t>Welwyn Hatfield 001C</t>
  </si>
  <si>
    <t>E01023968</t>
  </si>
  <si>
    <t>Welwyn Hatfield 002B</t>
  </si>
  <si>
    <t>E02004981</t>
  </si>
  <si>
    <t>Welwyn Hatfield 002</t>
  </si>
  <si>
    <t>E01023969</t>
  </si>
  <si>
    <t>Welwyn Hatfield 002C</t>
  </si>
  <si>
    <t>E01023970</t>
  </si>
  <si>
    <t>Welwyn Hatfield 002D</t>
  </si>
  <si>
    <t>E01023971</t>
  </si>
  <si>
    <t>Welwyn Hatfield 001D</t>
  </si>
  <si>
    <t>E01023972</t>
  </si>
  <si>
    <t>Ashford 006A</t>
  </si>
  <si>
    <t>E02005001</t>
  </si>
  <si>
    <t>Ashford 006</t>
  </si>
  <si>
    <t>E07000105</t>
  </si>
  <si>
    <t>Ashford</t>
  </si>
  <si>
    <t>E01023973</t>
  </si>
  <si>
    <t>Ashford 005A</t>
  </si>
  <si>
    <t>E02005000</t>
  </si>
  <si>
    <t>Ashford 005</t>
  </si>
  <si>
    <t>E01023974</t>
  </si>
  <si>
    <t>Ashford 007A</t>
  </si>
  <si>
    <t>E02005002</t>
  </si>
  <si>
    <t>Ashford 007</t>
  </si>
  <si>
    <t>E01023975</t>
  </si>
  <si>
    <t>Ashford 007B</t>
  </si>
  <si>
    <t>E01023976</t>
  </si>
  <si>
    <t>Ashford 008A</t>
  </si>
  <si>
    <t>E02005003</t>
  </si>
  <si>
    <t>Ashford 008</t>
  </si>
  <si>
    <t>E01023977</t>
  </si>
  <si>
    <t>Ashford 007C</t>
  </si>
  <si>
    <t>E01023978</t>
  </si>
  <si>
    <t>Ashford 011A</t>
  </si>
  <si>
    <t>E02005006</t>
  </si>
  <si>
    <t>Ashford 011</t>
  </si>
  <si>
    <t>E01023979</t>
  </si>
  <si>
    <t>Ashford 011B</t>
  </si>
  <si>
    <t>E01023980</t>
  </si>
  <si>
    <t>Ashford 015A</t>
  </si>
  <si>
    <t>E02007046</t>
  </si>
  <si>
    <t>Ashford 015</t>
  </si>
  <si>
    <t>E01023981</t>
  </si>
  <si>
    <t>Ashford 015B</t>
  </si>
  <si>
    <t>E01023983</t>
  </si>
  <si>
    <t>Ashford 003A</t>
  </si>
  <si>
    <t>E02004998</t>
  </si>
  <si>
    <t>Ashford 003</t>
  </si>
  <si>
    <t>E01023984</t>
  </si>
  <si>
    <t>Ashford 015C</t>
  </si>
  <si>
    <t>E01023985</t>
  </si>
  <si>
    <t>Ashford 002A</t>
  </si>
  <si>
    <t>E02004997</t>
  </si>
  <si>
    <t>Ashford 002</t>
  </si>
  <si>
    <t>E01023986</t>
  </si>
  <si>
    <t>Ashford 002B</t>
  </si>
  <si>
    <t>E01023987</t>
  </si>
  <si>
    <t>Ashford 001B</t>
  </si>
  <si>
    <t>E02004996</t>
  </si>
  <si>
    <t>Ashford 001</t>
  </si>
  <si>
    <t>E01023988</t>
  </si>
  <si>
    <t>Ashford 001C</t>
  </si>
  <si>
    <t>E01023989</t>
  </si>
  <si>
    <t>Ashford 002C</t>
  </si>
  <si>
    <t>E01023990</t>
  </si>
  <si>
    <t>Ashford 002D</t>
  </si>
  <si>
    <t>E01023992</t>
  </si>
  <si>
    <t>Ashford 016C</t>
  </si>
  <si>
    <t>E02007047</t>
  </si>
  <si>
    <t>Ashford 016</t>
  </si>
  <si>
    <t>E01023993</t>
  </si>
  <si>
    <t>Ashford 016D</t>
  </si>
  <si>
    <t>E01023995</t>
  </si>
  <si>
    <t>Ashford 006B</t>
  </si>
  <si>
    <t>E01023996</t>
  </si>
  <si>
    <t>Ashford 006C</t>
  </si>
  <si>
    <t>E01023997</t>
  </si>
  <si>
    <t>Ashford 014A</t>
  </si>
  <si>
    <t>E02005009</t>
  </si>
  <si>
    <t>Ashford 014</t>
  </si>
  <si>
    <t>E01023998</t>
  </si>
  <si>
    <t>Ashford 014B</t>
  </si>
  <si>
    <t>E01023999</t>
  </si>
  <si>
    <t>Ashford 003B</t>
  </si>
  <si>
    <t>E01024001</t>
  </si>
  <si>
    <t>Ashford 009A</t>
  </si>
  <si>
    <t>E02005004</t>
  </si>
  <si>
    <t>Ashford 009</t>
  </si>
  <si>
    <t>E01024002</t>
  </si>
  <si>
    <t>Ashford 005B</t>
  </si>
  <si>
    <t>E01024003</t>
  </si>
  <si>
    <t>Ashford 006D</t>
  </si>
  <si>
    <t>E01024004</t>
  </si>
  <si>
    <t>Ashford 006E</t>
  </si>
  <si>
    <t>E01024005</t>
  </si>
  <si>
    <t>Ashford 006F</t>
  </si>
  <si>
    <t>E01024006</t>
  </si>
  <si>
    <t>Ashford 009B</t>
  </si>
  <si>
    <t>E01024008</t>
  </si>
  <si>
    <t>Ashford 009D</t>
  </si>
  <si>
    <t>E01024009</t>
  </si>
  <si>
    <t>Ashford 013A</t>
  </si>
  <si>
    <t>E02005008</t>
  </si>
  <si>
    <t>Ashford 013</t>
  </si>
  <si>
    <t>E01024010</t>
  </si>
  <si>
    <t>Ashford 013B</t>
  </si>
  <si>
    <t>E01024011</t>
  </si>
  <si>
    <t>Ashford 013C</t>
  </si>
  <si>
    <t>E01024012</t>
  </si>
  <si>
    <t>Ashford 013D</t>
  </si>
  <si>
    <t>E01024013</t>
  </si>
  <si>
    <t>Ashford 010A</t>
  </si>
  <si>
    <t>E02005005</t>
  </si>
  <si>
    <t>Ashford 010</t>
  </si>
  <si>
    <t>E01024014</t>
  </si>
  <si>
    <t>Ashford 010B</t>
  </si>
  <si>
    <t>E01024015</t>
  </si>
  <si>
    <t>Ashford 010C</t>
  </si>
  <si>
    <t>E01024016</t>
  </si>
  <si>
    <t>Ashford 007D</t>
  </si>
  <si>
    <t>E01024017</t>
  </si>
  <si>
    <t>Ashford 007E</t>
  </si>
  <si>
    <t>E01024019</t>
  </si>
  <si>
    <t>Ashford 008B</t>
  </si>
  <si>
    <t>E01024020</t>
  </si>
  <si>
    <t>Ashford 008C</t>
  </si>
  <si>
    <t>E01024021</t>
  </si>
  <si>
    <t>Ashford 015E</t>
  </si>
  <si>
    <t>E01024022</t>
  </si>
  <si>
    <t>Ashford 015D</t>
  </si>
  <si>
    <t>E01024023</t>
  </si>
  <si>
    <t>Ashford 005C</t>
  </si>
  <si>
    <t>E01024024</t>
  </si>
  <si>
    <t>Ashford 013E</t>
  </si>
  <si>
    <t>E01024025</t>
  </si>
  <si>
    <t>Ashford 013F</t>
  </si>
  <si>
    <t>E01024026</t>
  </si>
  <si>
    <t>Ashford 014C</t>
  </si>
  <si>
    <t>E01024028</t>
  </si>
  <si>
    <t>Ashford 007F</t>
  </si>
  <si>
    <t>E01024029</t>
  </si>
  <si>
    <t>Ashford 005E</t>
  </si>
  <si>
    <t>E01024031</t>
  </si>
  <si>
    <t>Ashford 012B</t>
  </si>
  <si>
    <t>E02005007</t>
  </si>
  <si>
    <t>Ashford 012</t>
  </si>
  <si>
    <t>E01024032</t>
  </si>
  <si>
    <t>Ashford 011C</t>
  </si>
  <si>
    <t>E01024033</t>
  </si>
  <si>
    <t>Ashford 002E</t>
  </si>
  <si>
    <t>E01024035</t>
  </si>
  <si>
    <t>Ashford 002F</t>
  </si>
  <si>
    <t>E01024036</t>
  </si>
  <si>
    <t>Ashford 011D</t>
  </si>
  <si>
    <t>E01024037</t>
  </si>
  <si>
    <t>Ashford 014D</t>
  </si>
  <si>
    <t>E01024038</t>
  </si>
  <si>
    <t>Ashford 012C</t>
  </si>
  <si>
    <t>E01024039</t>
  </si>
  <si>
    <t>Ashford 012D</t>
  </si>
  <si>
    <t>E01024040</t>
  </si>
  <si>
    <t>Ashford 001D</t>
  </si>
  <si>
    <t>E01024041</t>
  </si>
  <si>
    <t>Ashford 001E</t>
  </si>
  <si>
    <t>E01024042</t>
  </si>
  <si>
    <t>Canterbury 018A</t>
  </si>
  <si>
    <t>E02005027</t>
  </si>
  <si>
    <t>Canterbury 018</t>
  </si>
  <si>
    <t>E07000106</t>
  </si>
  <si>
    <t>Canterbury</t>
  </si>
  <si>
    <t>E01024043</t>
  </si>
  <si>
    <t>Canterbury 018B</t>
  </si>
  <si>
    <t>E01024044</t>
  </si>
  <si>
    <t>Canterbury 016A</t>
  </si>
  <si>
    <t>E02005025</t>
  </si>
  <si>
    <t>Canterbury 016</t>
  </si>
  <si>
    <t>E01024045</t>
  </si>
  <si>
    <t>Canterbury 016B</t>
  </si>
  <si>
    <t>E01024046</t>
  </si>
  <si>
    <t>Canterbury 016C</t>
  </si>
  <si>
    <t>E01024047</t>
  </si>
  <si>
    <t>Canterbury 014A</t>
  </si>
  <si>
    <t>E02005023</t>
  </si>
  <si>
    <t>Canterbury 014</t>
  </si>
  <si>
    <t>E01024048</t>
  </si>
  <si>
    <t>Canterbury 016D</t>
  </si>
  <si>
    <t>E01024049</t>
  </si>
  <si>
    <t>Canterbury 014B</t>
  </si>
  <si>
    <t>E01024052</t>
  </si>
  <si>
    <t>Canterbury 017A</t>
  </si>
  <si>
    <t>E02005026</t>
  </si>
  <si>
    <t>Canterbury 017</t>
  </si>
  <si>
    <t>E01024053</t>
  </si>
  <si>
    <t>Canterbury 017B</t>
  </si>
  <si>
    <t>E01024054</t>
  </si>
  <si>
    <t>Canterbury 017C</t>
  </si>
  <si>
    <t>E01024055</t>
  </si>
  <si>
    <t>Canterbury 007A</t>
  </si>
  <si>
    <t>E02005016</t>
  </si>
  <si>
    <t>Canterbury 007</t>
  </si>
  <si>
    <t>E01024056</t>
  </si>
  <si>
    <t>Canterbury 005A</t>
  </si>
  <si>
    <t>E02005014</t>
  </si>
  <si>
    <t>Canterbury 005</t>
  </si>
  <si>
    <t>E01024057</t>
  </si>
  <si>
    <t>Canterbury 005B</t>
  </si>
  <si>
    <t>E01024058</t>
  </si>
  <si>
    <t>Canterbury 005C</t>
  </si>
  <si>
    <t>E01024059</t>
  </si>
  <si>
    <t>Canterbury 004A</t>
  </si>
  <si>
    <t>E02005013</t>
  </si>
  <si>
    <t>Canterbury 004</t>
  </si>
  <si>
    <t>E01024060</t>
  </si>
  <si>
    <t>Canterbury 008A</t>
  </si>
  <si>
    <t>E02005017</t>
  </si>
  <si>
    <t>Canterbury 008</t>
  </si>
  <si>
    <t>E01024061</t>
  </si>
  <si>
    <t>Canterbury 007B</t>
  </si>
  <si>
    <t>E01024062</t>
  </si>
  <si>
    <t>Canterbury 009A</t>
  </si>
  <si>
    <t>E02005018</t>
  </si>
  <si>
    <t>Canterbury 009</t>
  </si>
  <si>
    <t>E01024063</t>
  </si>
  <si>
    <t>Canterbury 007C</t>
  </si>
  <si>
    <t>E01024064</t>
  </si>
  <si>
    <t>Canterbury 003A</t>
  </si>
  <si>
    <t>E02005012</t>
  </si>
  <si>
    <t>Canterbury 003</t>
  </si>
  <si>
    <t>E01024065</t>
  </si>
  <si>
    <t>Canterbury 004B</t>
  </si>
  <si>
    <t>E01024066</t>
  </si>
  <si>
    <t>Canterbury 003B</t>
  </si>
  <si>
    <t>E01024067</t>
  </si>
  <si>
    <t>Canterbury 012C</t>
  </si>
  <si>
    <t>E02005021</t>
  </si>
  <si>
    <t>Canterbury 012</t>
  </si>
  <si>
    <t>E01024068</t>
  </si>
  <si>
    <t>Canterbury 012D</t>
  </si>
  <si>
    <t>E01024069</t>
  </si>
  <si>
    <t>Canterbury 008B</t>
  </si>
  <si>
    <t>E01024070</t>
  </si>
  <si>
    <t>Canterbury 008C</t>
  </si>
  <si>
    <t>E01024071</t>
  </si>
  <si>
    <t>Canterbury 007D</t>
  </si>
  <si>
    <t>E01024072</t>
  </si>
  <si>
    <t>Canterbury 008D</t>
  </si>
  <si>
    <t>E01024073</t>
  </si>
  <si>
    <t>Canterbury 006A</t>
  </si>
  <si>
    <t>E02005015</t>
  </si>
  <si>
    <t>Canterbury 006</t>
  </si>
  <si>
    <t>E01024074</t>
  </si>
  <si>
    <t>Canterbury 006B</t>
  </si>
  <si>
    <t>E01024075</t>
  </si>
  <si>
    <t>Canterbury 006C</t>
  </si>
  <si>
    <t>E01024076</t>
  </si>
  <si>
    <t>Canterbury 006D</t>
  </si>
  <si>
    <t>E01024077</t>
  </si>
  <si>
    <t>Canterbury 006E</t>
  </si>
  <si>
    <t>E01024078</t>
  </si>
  <si>
    <t>Canterbury 001A</t>
  </si>
  <si>
    <t>E02005010</t>
  </si>
  <si>
    <t>Canterbury 001</t>
  </si>
  <si>
    <t>E01024079</t>
  </si>
  <si>
    <t>Canterbury 003C</t>
  </si>
  <si>
    <t>E01024080</t>
  </si>
  <si>
    <t>Canterbury 001B</t>
  </si>
  <si>
    <t>E01024081</t>
  </si>
  <si>
    <t>Canterbury 001C</t>
  </si>
  <si>
    <t>E01024082</t>
  </si>
  <si>
    <t>Canterbury 001D</t>
  </si>
  <si>
    <t>E01024083</t>
  </si>
  <si>
    <t>Canterbury 003D</t>
  </si>
  <si>
    <t>E01024084</t>
  </si>
  <si>
    <t>Canterbury 010A</t>
  </si>
  <si>
    <t>E02005019</t>
  </si>
  <si>
    <t>Canterbury 010</t>
  </si>
  <si>
    <t>E01024085</t>
  </si>
  <si>
    <t>Canterbury 010B</t>
  </si>
  <si>
    <t>E01024086</t>
  </si>
  <si>
    <t>Canterbury 010C</t>
  </si>
  <si>
    <t>E01024087</t>
  </si>
  <si>
    <t>Canterbury 010D</t>
  </si>
  <si>
    <t>E01024088</t>
  </si>
  <si>
    <t>Canterbury 018C</t>
  </si>
  <si>
    <t>E01024089</t>
  </si>
  <si>
    <t>Canterbury 018D</t>
  </si>
  <si>
    <t>E01024090</t>
  </si>
  <si>
    <t>Canterbury 014C</t>
  </si>
  <si>
    <t>E01024091</t>
  </si>
  <si>
    <t>Canterbury 011A</t>
  </si>
  <si>
    <t>E02005020</t>
  </si>
  <si>
    <t>Canterbury 011</t>
  </si>
  <si>
    <t>E01024092</t>
  </si>
  <si>
    <t>Canterbury 014D</t>
  </si>
  <si>
    <t>E01024093</t>
  </si>
  <si>
    <t>Canterbury 014E</t>
  </si>
  <si>
    <t>E01024094</t>
  </si>
  <si>
    <t>Canterbury 002A</t>
  </si>
  <si>
    <t>E02005011</t>
  </si>
  <si>
    <t>Canterbury 002</t>
  </si>
  <si>
    <t>E01024095</t>
  </si>
  <si>
    <t>Canterbury 001E</t>
  </si>
  <si>
    <t>E01024096</t>
  </si>
  <si>
    <t>Canterbury 002B</t>
  </si>
  <si>
    <t>E01024097</t>
  </si>
  <si>
    <t>Canterbury 002C</t>
  </si>
  <si>
    <t>E01024098</t>
  </si>
  <si>
    <t>Canterbury 002D</t>
  </si>
  <si>
    <t>E01024099</t>
  </si>
  <si>
    <t>Canterbury 013A</t>
  </si>
  <si>
    <t>E02005022</t>
  </si>
  <si>
    <t>Canterbury 013</t>
  </si>
  <si>
    <t>E01024100</t>
  </si>
  <si>
    <t>Canterbury 013B</t>
  </si>
  <si>
    <t>E01024101</t>
  </si>
  <si>
    <t>Canterbury 013C</t>
  </si>
  <si>
    <t>E01024102</t>
  </si>
  <si>
    <t>Canterbury 013D</t>
  </si>
  <si>
    <t>E01024103</t>
  </si>
  <si>
    <t>Canterbury 013E</t>
  </si>
  <si>
    <t>E01024104</t>
  </si>
  <si>
    <t>Canterbury 020A</t>
  </si>
  <si>
    <t>E02006856</t>
  </si>
  <si>
    <t>Canterbury 020</t>
  </si>
  <si>
    <t>E01024105</t>
  </si>
  <si>
    <t>Canterbury 009B</t>
  </si>
  <si>
    <t>E01024106</t>
  </si>
  <si>
    <t>Canterbury 008E</t>
  </si>
  <si>
    <t>E01024107</t>
  </si>
  <si>
    <t>Canterbury 009C</t>
  </si>
  <si>
    <t>E01024108</t>
  </si>
  <si>
    <t>Canterbury 009D</t>
  </si>
  <si>
    <t>E01024109</t>
  </si>
  <si>
    <t>Canterbury 009E</t>
  </si>
  <si>
    <t>E01024110</t>
  </si>
  <si>
    <t>Canterbury 011B</t>
  </si>
  <si>
    <t>E01024111</t>
  </si>
  <si>
    <t>Canterbury 011C</t>
  </si>
  <si>
    <t>E01024112</t>
  </si>
  <si>
    <t>Canterbury 011D</t>
  </si>
  <si>
    <t>E01024113</t>
  </si>
  <si>
    <t>Canterbury 011E</t>
  </si>
  <si>
    <t>E01024114</t>
  </si>
  <si>
    <t>Canterbury 005D</t>
  </si>
  <si>
    <t>E01024115</t>
  </si>
  <si>
    <t>Canterbury 005E</t>
  </si>
  <si>
    <t>E01024116</t>
  </si>
  <si>
    <t>Canterbury 007E</t>
  </si>
  <si>
    <t>E01024117</t>
  </si>
  <si>
    <t>Canterbury 004C</t>
  </si>
  <si>
    <t>E01024118</t>
  </si>
  <si>
    <t>Canterbury 003E</t>
  </si>
  <si>
    <t>E01024119</t>
  </si>
  <si>
    <t>Canterbury 004D</t>
  </si>
  <si>
    <t>E01024120</t>
  </si>
  <si>
    <t>Canterbury 004E</t>
  </si>
  <si>
    <t>E01024121</t>
  </si>
  <si>
    <t>Canterbury 020B</t>
  </si>
  <si>
    <t>E01024122</t>
  </si>
  <si>
    <t>Canterbury 020C</t>
  </si>
  <si>
    <t>E01024123</t>
  </si>
  <si>
    <t>Canterbury 012E</t>
  </si>
  <si>
    <t>E01024124</t>
  </si>
  <si>
    <t>Canterbury 020D</t>
  </si>
  <si>
    <t>E01024126</t>
  </si>
  <si>
    <t>Canterbury 020E</t>
  </si>
  <si>
    <t>E01024127</t>
  </si>
  <si>
    <t>Canterbury 017D</t>
  </si>
  <si>
    <t>E01024128</t>
  </si>
  <si>
    <t>Canterbury 019A</t>
  </si>
  <si>
    <t>E02006855</t>
  </si>
  <si>
    <t>Canterbury 019</t>
  </si>
  <si>
    <t>E01024129</t>
  </si>
  <si>
    <t>Canterbury 019B</t>
  </si>
  <si>
    <t>E01024131</t>
  </si>
  <si>
    <t>Canterbury 016E</t>
  </si>
  <si>
    <t>E01024132</t>
  </si>
  <si>
    <t>Dartford 012A</t>
  </si>
  <si>
    <t>E02005039</t>
  </si>
  <si>
    <t>Dartford 012</t>
  </si>
  <si>
    <t>E07000107</t>
  </si>
  <si>
    <t>Dartford</t>
  </si>
  <si>
    <t>E01024133</t>
  </si>
  <si>
    <t>Dartford 008A</t>
  </si>
  <si>
    <t>E02005035</t>
  </si>
  <si>
    <t>Dartford 008</t>
  </si>
  <si>
    <t>E01024134</t>
  </si>
  <si>
    <t>Dartford 012B</t>
  </si>
  <si>
    <t>E01024135</t>
  </si>
  <si>
    <t>Dartford 012C</t>
  </si>
  <si>
    <t>E01024136</t>
  </si>
  <si>
    <t>Dartford 008B</t>
  </si>
  <si>
    <t>E01024137</t>
  </si>
  <si>
    <t>Dartford 008C</t>
  </si>
  <si>
    <t>E01024138</t>
  </si>
  <si>
    <t>Dartford 008D</t>
  </si>
  <si>
    <t>E01024139</t>
  </si>
  <si>
    <t>Dartford 008E</t>
  </si>
  <si>
    <t>E01024143</t>
  </si>
  <si>
    <t>Dartford 002C</t>
  </si>
  <si>
    <t>E02005029</t>
  </si>
  <si>
    <t>Dartford 002</t>
  </si>
  <si>
    <t>E01024144</t>
  </si>
  <si>
    <t>Dartford 007A</t>
  </si>
  <si>
    <t>E02005034</t>
  </si>
  <si>
    <t>Dartford 007</t>
  </si>
  <si>
    <t>E01024145</t>
  </si>
  <si>
    <t>Dartford 007B</t>
  </si>
  <si>
    <t>E01024146</t>
  </si>
  <si>
    <t>Dartford 007C</t>
  </si>
  <si>
    <t>E01024147</t>
  </si>
  <si>
    <t>Dartford 007D</t>
  </si>
  <si>
    <t>E01024150</t>
  </si>
  <si>
    <t>Dartford 010A</t>
  </si>
  <si>
    <t>E02005037</t>
  </si>
  <si>
    <t>Dartford 010</t>
  </si>
  <si>
    <t>E01024151</t>
  </si>
  <si>
    <t>Dartford 010B</t>
  </si>
  <si>
    <t>E01024152</t>
  </si>
  <si>
    <t>Dartford 010C</t>
  </si>
  <si>
    <t>E01024153</t>
  </si>
  <si>
    <t>Dartford 010D</t>
  </si>
  <si>
    <t>E01024154</t>
  </si>
  <si>
    <t>Dartford 001C</t>
  </si>
  <si>
    <t>E02005028</t>
  </si>
  <si>
    <t>Dartford 001</t>
  </si>
  <si>
    <t>E01024155</t>
  </si>
  <si>
    <t>Dartford 001D</t>
  </si>
  <si>
    <t>E01024156</t>
  </si>
  <si>
    <t>Dartford 005A</t>
  </si>
  <si>
    <t>E02005032</t>
  </si>
  <si>
    <t>Dartford 005</t>
  </si>
  <si>
    <t>E01024157</t>
  </si>
  <si>
    <t>Dartford 013A</t>
  </si>
  <si>
    <t>E02005040</t>
  </si>
  <si>
    <t>Dartford 013</t>
  </si>
  <si>
    <t>E01024158</t>
  </si>
  <si>
    <t>Dartford 013B</t>
  </si>
  <si>
    <t>E01024159</t>
  </si>
  <si>
    <t>Dartford 013C</t>
  </si>
  <si>
    <t>E01024160</t>
  </si>
  <si>
    <t>Dartford 013D</t>
  </si>
  <si>
    <t>E01024161</t>
  </si>
  <si>
    <t>Dartford 005B</t>
  </si>
  <si>
    <t>E01024162</t>
  </si>
  <si>
    <t>Dartford 005C</t>
  </si>
  <si>
    <t>E01024163</t>
  </si>
  <si>
    <t>Dartford 005D</t>
  </si>
  <si>
    <t>E01024164</t>
  </si>
  <si>
    <t>Dartford 005E</t>
  </si>
  <si>
    <t>E01024165</t>
  </si>
  <si>
    <t>Dartford 009A</t>
  </si>
  <si>
    <t>E02005036</t>
  </si>
  <si>
    <t>Dartford 009</t>
  </si>
  <si>
    <t>E01024166</t>
  </si>
  <si>
    <t>Dartford 009B</t>
  </si>
  <si>
    <t>E01024167</t>
  </si>
  <si>
    <t>Dartford 009C</t>
  </si>
  <si>
    <t>E01024168</t>
  </si>
  <si>
    <t>Dartford 009D</t>
  </si>
  <si>
    <t>E01024169</t>
  </si>
  <si>
    <t>Dartford 006A</t>
  </si>
  <si>
    <t>E02005033</t>
  </si>
  <si>
    <t>Dartford 006</t>
  </si>
  <si>
    <t>E01024170</t>
  </si>
  <si>
    <t>Dartford 006B</t>
  </si>
  <si>
    <t>E01024171</t>
  </si>
  <si>
    <t>Dartford 006C</t>
  </si>
  <si>
    <t>E01024172</t>
  </si>
  <si>
    <t>Dartford 006D</t>
  </si>
  <si>
    <t>E01024173</t>
  </si>
  <si>
    <t>Dartford 011A</t>
  </si>
  <si>
    <t>E02005038</t>
  </si>
  <si>
    <t>Dartford 011</t>
  </si>
  <si>
    <t>E01024174</t>
  </si>
  <si>
    <t>Dartford 012D</t>
  </si>
  <si>
    <t>E01024175</t>
  </si>
  <si>
    <t>Dartford 012E</t>
  </si>
  <si>
    <t>E01024176</t>
  </si>
  <si>
    <t>Dartford 004B</t>
  </si>
  <si>
    <t>E02005031</t>
  </si>
  <si>
    <t>Dartford 004</t>
  </si>
  <si>
    <t>E01024177</t>
  </si>
  <si>
    <t>Dartford 004C</t>
  </si>
  <si>
    <t>E01024178</t>
  </si>
  <si>
    <t>Dartford 004D</t>
  </si>
  <si>
    <t>E01024179</t>
  </si>
  <si>
    <t>Dartford 002D</t>
  </si>
  <si>
    <t>E01024180</t>
  </si>
  <si>
    <t>Dartford 003A</t>
  </si>
  <si>
    <t>E02005030</t>
  </si>
  <si>
    <t>Dartford 003</t>
  </si>
  <si>
    <t>E01024181</t>
  </si>
  <si>
    <t>Dartford 003B</t>
  </si>
  <si>
    <t>E01024182</t>
  </si>
  <si>
    <t>Dartford 003C</t>
  </si>
  <si>
    <t>E01024183</t>
  </si>
  <si>
    <t>Dartford 003D</t>
  </si>
  <si>
    <t>E01024184</t>
  </si>
  <si>
    <t>Dartford 003E</t>
  </si>
  <si>
    <t>E01024185</t>
  </si>
  <si>
    <t>Dartford 003F</t>
  </si>
  <si>
    <t>E01024186</t>
  </si>
  <si>
    <t>Dartford 007E</t>
  </si>
  <si>
    <t>E01024187</t>
  </si>
  <si>
    <t>Dartford 011B</t>
  </si>
  <si>
    <t>E01024188</t>
  </si>
  <si>
    <t>Dartford 011C</t>
  </si>
  <si>
    <t>E01024189</t>
  </si>
  <si>
    <t>Dartford 011D</t>
  </si>
  <si>
    <t>E01024190</t>
  </si>
  <si>
    <t>Dover 006A</t>
  </si>
  <si>
    <t>E02005046</t>
  </si>
  <si>
    <t>Dover 006</t>
  </si>
  <si>
    <t>E07000108</t>
  </si>
  <si>
    <t>Dover</t>
  </si>
  <si>
    <t>E01024192</t>
  </si>
  <si>
    <t>Dover 006C</t>
  </si>
  <si>
    <t>E01024193</t>
  </si>
  <si>
    <t>Dover 011A</t>
  </si>
  <si>
    <t>E02005051</t>
  </si>
  <si>
    <t>Dover 011</t>
  </si>
  <si>
    <t>E01024194</t>
  </si>
  <si>
    <t>Dover 011B</t>
  </si>
  <si>
    <t>E01024195</t>
  </si>
  <si>
    <t>Dover 011C</t>
  </si>
  <si>
    <t>E01024196</t>
  </si>
  <si>
    <t>Dover 011D</t>
  </si>
  <si>
    <t>E01024197</t>
  </si>
  <si>
    <t>Dover 011E</t>
  </si>
  <si>
    <t>E01024198</t>
  </si>
  <si>
    <t>Dover 014A</t>
  </si>
  <si>
    <t>E02005054</t>
  </si>
  <si>
    <t>Dover 014</t>
  </si>
  <si>
    <t>E01024200</t>
  </si>
  <si>
    <t>Dover 008A</t>
  </si>
  <si>
    <t>E02005048</t>
  </si>
  <si>
    <t>Dover 008</t>
  </si>
  <si>
    <t>E01024201</t>
  </si>
  <si>
    <t>Dover 005A</t>
  </si>
  <si>
    <t>E02005045</t>
  </si>
  <si>
    <t>Dover 005</t>
  </si>
  <si>
    <t>E01024202</t>
  </si>
  <si>
    <t>Dover 002A</t>
  </si>
  <si>
    <t>E02005042</t>
  </si>
  <si>
    <t>Dover 002</t>
  </si>
  <si>
    <t>E01024203</t>
  </si>
  <si>
    <t>Dover 008B</t>
  </si>
  <si>
    <t>E01024204</t>
  </si>
  <si>
    <t>Dover 006D</t>
  </si>
  <si>
    <t>E01024205</t>
  </si>
  <si>
    <t>Dover 008C</t>
  </si>
  <si>
    <t>E01024206</t>
  </si>
  <si>
    <t>Dover 001A</t>
  </si>
  <si>
    <t>E02005041</t>
  </si>
  <si>
    <t>Dover 001</t>
  </si>
  <si>
    <t>E01024207</t>
  </si>
  <si>
    <t>Dover 001B</t>
  </si>
  <si>
    <t>E01024208</t>
  </si>
  <si>
    <t>Dover 001C</t>
  </si>
  <si>
    <t>E01024209</t>
  </si>
  <si>
    <t>Dover 001D</t>
  </si>
  <si>
    <t>E01024212</t>
  </si>
  <si>
    <t>Dover 014B</t>
  </si>
  <si>
    <t>E01024213</t>
  </si>
  <si>
    <t>Dover 014C</t>
  </si>
  <si>
    <t>E01024214</t>
  </si>
  <si>
    <t>Dover 013A</t>
  </si>
  <si>
    <t>E02005053</t>
  </si>
  <si>
    <t>Dover 013</t>
  </si>
  <si>
    <t>E01024215</t>
  </si>
  <si>
    <t>Dover 013B</t>
  </si>
  <si>
    <t>E01024216</t>
  </si>
  <si>
    <t>Dover 013C</t>
  </si>
  <si>
    <t>E01024218</t>
  </si>
  <si>
    <t>Dover 007A</t>
  </si>
  <si>
    <t>E02005047</t>
  </si>
  <si>
    <t>Dover 007</t>
  </si>
  <si>
    <t>E01024219</t>
  </si>
  <si>
    <t>Dover 003A</t>
  </si>
  <si>
    <t>E02005043</t>
  </si>
  <si>
    <t>Dover 003</t>
  </si>
  <si>
    <t>E01024220</t>
  </si>
  <si>
    <t>Dover 003B</t>
  </si>
  <si>
    <t>E01024221</t>
  </si>
  <si>
    <t>Dover 003C</t>
  </si>
  <si>
    <t>E01024222</t>
  </si>
  <si>
    <t>Dover 007B</t>
  </si>
  <si>
    <t>E01024223</t>
  </si>
  <si>
    <t>Dover 005C</t>
  </si>
  <si>
    <t>E01024224</t>
  </si>
  <si>
    <t>Dover 007C</t>
  </si>
  <si>
    <t>E01024225</t>
  </si>
  <si>
    <t>Dover 005D</t>
  </si>
  <si>
    <t>E01024226</t>
  </si>
  <si>
    <t>Dover 005E</t>
  </si>
  <si>
    <t>E01024227</t>
  </si>
  <si>
    <t>Dover 003D</t>
  </si>
  <si>
    <t>E01024228</t>
  </si>
  <si>
    <t>Dover 004A</t>
  </si>
  <si>
    <t>E02005044</t>
  </si>
  <si>
    <t>Dover 004</t>
  </si>
  <si>
    <t>E01024229</t>
  </si>
  <si>
    <t>Dover 003E</t>
  </si>
  <si>
    <t>E01024230</t>
  </si>
  <si>
    <t>Dover 004B</t>
  </si>
  <si>
    <t>E01024231</t>
  </si>
  <si>
    <t>Dover 004C</t>
  </si>
  <si>
    <t>E01024232</t>
  </si>
  <si>
    <t>Dover 009A</t>
  </si>
  <si>
    <t>E02005049</t>
  </si>
  <si>
    <t>Dover 009</t>
  </si>
  <si>
    <t>E01024233</t>
  </si>
  <si>
    <t>Dover 010C</t>
  </si>
  <si>
    <t>E02005050</t>
  </si>
  <si>
    <t>Dover 010</t>
  </si>
  <si>
    <t>E01024234</t>
  </si>
  <si>
    <t>Dover 014D</t>
  </si>
  <si>
    <t>E01024235</t>
  </si>
  <si>
    <t>Dover 010D</t>
  </si>
  <si>
    <t>E01024236</t>
  </si>
  <si>
    <t>Dover 009B</t>
  </si>
  <si>
    <t>E01024237</t>
  </si>
  <si>
    <t>Dover 009C</t>
  </si>
  <si>
    <t>E01024238</t>
  </si>
  <si>
    <t>Dover 012B</t>
  </si>
  <si>
    <t>E02005052</t>
  </si>
  <si>
    <t>Dover 012</t>
  </si>
  <si>
    <t>E01024239</t>
  </si>
  <si>
    <t>Dover 012C</t>
  </si>
  <si>
    <t>E01024240</t>
  </si>
  <si>
    <t>Dover 011F</t>
  </si>
  <si>
    <t>E01024241</t>
  </si>
  <si>
    <t>Dover 011G</t>
  </si>
  <si>
    <t>E01024242</t>
  </si>
  <si>
    <t>Dover 002B</t>
  </si>
  <si>
    <t>E01024243</t>
  </si>
  <si>
    <t>Dover 002C</t>
  </si>
  <si>
    <t>E01024244</t>
  </si>
  <si>
    <t>Dover 002D</t>
  </si>
  <si>
    <t>E01024245</t>
  </si>
  <si>
    <t>Dover 002E</t>
  </si>
  <si>
    <t>E01024246</t>
  </si>
  <si>
    <t>Dover 013D</t>
  </si>
  <si>
    <t>E01024247</t>
  </si>
  <si>
    <t>Dover 012D</t>
  </si>
  <si>
    <t>E01024248</t>
  </si>
  <si>
    <t>Dover 011H</t>
  </si>
  <si>
    <t>E01024249</t>
  </si>
  <si>
    <t>Dover 013E</t>
  </si>
  <si>
    <t>E01024250</t>
  </si>
  <si>
    <t>Dover 007D</t>
  </si>
  <si>
    <t>E01024251</t>
  </si>
  <si>
    <t>Dover 007E</t>
  </si>
  <si>
    <t>E01024252</t>
  </si>
  <si>
    <t>Dover 004D</t>
  </si>
  <si>
    <t>E01024253</t>
  </si>
  <si>
    <t>Dover 009D</t>
  </si>
  <si>
    <t>E01024254</t>
  </si>
  <si>
    <t>Dover 010E</t>
  </si>
  <si>
    <t>E01024255</t>
  </si>
  <si>
    <t>Dover 008D</t>
  </si>
  <si>
    <t>E01024256</t>
  </si>
  <si>
    <t>Dover 010F</t>
  </si>
  <si>
    <t>E01024257</t>
  </si>
  <si>
    <t>Gravesham 002A</t>
  </si>
  <si>
    <t>E02005056</t>
  </si>
  <si>
    <t>Gravesham 002</t>
  </si>
  <si>
    <t>E07000109</t>
  </si>
  <si>
    <t>Gravesham</t>
  </si>
  <si>
    <t>E01024258</t>
  </si>
  <si>
    <t>Gravesham 003A</t>
  </si>
  <si>
    <t>E02005057</t>
  </si>
  <si>
    <t>Gravesham 003</t>
  </si>
  <si>
    <t>E01024259</t>
  </si>
  <si>
    <t>Gravesham 005A</t>
  </si>
  <si>
    <t>E02005059</t>
  </si>
  <si>
    <t>Gravesham 005</t>
  </si>
  <si>
    <t>E01024260</t>
  </si>
  <si>
    <t>Gravesham 005B</t>
  </si>
  <si>
    <t>E01024261</t>
  </si>
  <si>
    <t>Gravesham 003B</t>
  </si>
  <si>
    <t>E01024262</t>
  </si>
  <si>
    <t>Gravesham 004A</t>
  </si>
  <si>
    <t>E02005058</t>
  </si>
  <si>
    <t>Gravesham 004</t>
  </si>
  <si>
    <t>E01024263</t>
  </si>
  <si>
    <t>Gravesham 004B</t>
  </si>
  <si>
    <t>E01024264</t>
  </si>
  <si>
    <t>Gravesham 009A</t>
  </si>
  <si>
    <t>E02005063</t>
  </si>
  <si>
    <t>Gravesham 009</t>
  </si>
  <si>
    <t>E01024265</t>
  </si>
  <si>
    <t>Gravesham 010A</t>
  </si>
  <si>
    <t>E02005064</t>
  </si>
  <si>
    <t>Gravesham 010</t>
  </si>
  <si>
    <t>E01024266</t>
  </si>
  <si>
    <t>Gravesham 010B</t>
  </si>
  <si>
    <t>E01024267</t>
  </si>
  <si>
    <t>Gravesham 010C</t>
  </si>
  <si>
    <t>E01024268</t>
  </si>
  <si>
    <t>Gravesham 012A</t>
  </si>
  <si>
    <t>E02005066</t>
  </si>
  <si>
    <t>Gravesham 012</t>
  </si>
  <si>
    <t>E01024269</t>
  </si>
  <si>
    <t>Gravesham 012B</t>
  </si>
  <si>
    <t>E01024270</t>
  </si>
  <si>
    <t>Gravesham 012C</t>
  </si>
  <si>
    <t>E01024271</t>
  </si>
  <si>
    <t>Gravesham 012D</t>
  </si>
  <si>
    <t>E01024272</t>
  </si>
  <si>
    <t>Gravesham 012E</t>
  </si>
  <si>
    <t>E01024273</t>
  </si>
  <si>
    <t>Gravesham 013A</t>
  </si>
  <si>
    <t>E02005067</t>
  </si>
  <si>
    <t>Gravesham 013</t>
  </si>
  <si>
    <t>E01024274</t>
  </si>
  <si>
    <t>Gravesham 013B</t>
  </si>
  <si>
    <t>E01024275</t>
  </si>
  <si>
    <t>Gravesham 013C</t>
  </si>
  <si>
    <t>E01024276</t>
  </si>
  <si>
    <t>Gravesham 001A</t>
  </si>
  <si>
    <t>E02005055</t>
  </si>
  <si>
    <t>Gravesham 001</t>
  </si>
  <si>
    <t>E01024277</t>
  </si>
  <si>
    <t>Gravesham 001B</t>
  </si>
  <si>
    <t>E01024278</t>
  </si>
  <si>
    <t>Gravesham 001C</t>
  </si>
  <si>
    <t>E01024279</t>
  </si>
  <si>
    <t>Gravesham 001D</t>
  </si>
  <si>
    <t>E01024281</t>
  </si>
  <si>
    <t>Gravesham 006B</t>
  </si>
  <si>
    <t>E02005060</t>
  </si>
  <si>
    <t>Gravesham 006</t>
  </si>
  <si>
    <t>E01024282</t>
  </si>
  <si>
    <t>Gravesham 004C</t>
  </si>
  <si>
    <t>E01024283</t>
  </si>
  <si>
    <t>Gravesham 004D</t>
  </si>
  <si>
    <t>E01024284</t>
  </si>
  <si>
    <t>Gravesham 004E</t>
  </si>
  <si>
    <t>E01024285</t>
  </si>
  <si>
    <t>Gravesham 006C</t>
  </si>
  <si>
    <t>E01024286</t>
  </si>
  <si>
    <t>Gravesham 009B</t>
  </si>
  <si>
    <t>E01024287</t>
  </si>
  <si>
    <t>Gravesham 006D</t>
  </si>
  <si>
    <t>E01024288</t>
  </si>
  <si>
    <t>Gravesham 006E</t>
  </si>
  <si>
    <t>E01024290</t>
  </si>
  <si>
    <t>Gravesham 002C</t>
  </si>
  <si>
    <t>E01024291</t>
  </si>
  <si>
    <t>Gravesham 002D</t>
  </si>
  <si>
    <t>E01024292</t>
  </si>
  <si>
    <t>Gravesham 005C</t>
  </si>
  <si>
    <t>E01024293</t>
  </si>
  <si>
    <t>Gravesham 003C</t>
  </si>
  <si>
    <t>E01024294</t>
  </si>
  <si>
    <t>Gravesham 003D</t>
  </si>
  <si>
    <t>E01024295</t>
  </si>
  <si>
    <t>Gravesham 002E</t>
  </si>
  <si>
    <t>E01024296</t>
  </si>
  <si>
    <t>Gravesham 003E</t>
  </si>
  <si>
    <t>E01024297</t>
  </si>
  <si>
    <t>Gravesham 008A</t>
  </si>
  <si>
    <t>E02005062</t>
  </si>
  <si>
    <t>Gravesham 008</t>
  </si>
  <si>
    <t>E01024298</t>
  </si>
  <si>
    <t>Gravesham 008B</t>
  </si>
  <si>
    <t>E01024299</t>
  </si>
  <si>
    <t>Gravesham 008C</t>
  </si>
  <si>
    <t>E01024300</t>
  </si>
  <si>
    <t>Gravesham 010D</t>
  </si>
  <si>
    <t>E01024301</t>
  </si>
  <si>
    <t>Gravesham 010E</t>
  </si>
  <si>
    <t>E01024302</t>
  </si>
  <si>
    <t>Gravesham 013D</t>
  </si>
  <si>
    <t>E01024303</t>
  </si>
  <si>
    <t>Gravesham 011A</t>
  </si>
  <si>
    <t>E02005065</t>
  </si>
  <si>
    <t>Gravesham 011</t>
  </si>
  <si>
    <t>E01024304</t>
  </si>
  <si>
    <t>Gravesham 011B</t>
  </si>
  <si>
    <t>E01024305</t>
  </si>
  <si>
    <t>Gravesham 011C</t>
  </si>
  <si>
    <t>E01024306</t>
  </si>
  <si>
    <t>Gravesham 011D</t>
  </si>
  <si>
    <t>E01024307</t>
  </si>
  <si>
    <t>Gravesham 011E</t>
  </si>
  <si>
    <t>E01024308</t>
  </si>
  <si>
    <t>Gravesham 007A</t>
  </si>
  <si>
    <t>E02005061</t>
  </si>
  <si>
    <t>Gravesham 007</t>
  </si>
  <si>
    <t>E01024309</t>
  </si>
  <si>
    <t>Gravesham 008D</t>
  </si>
  <si>
    <t>E01024310</t>
  </si>
  <si>
    <t>Gravesham 007B</t>
  </si>
  <si>
    <t>E01024311</t>
  </si>
  <si>
    <t>Gravesham 007C</t>
  </si>
  <si>
    <t>E01024312</t>
  </si>
  <si>
    <t>Gravesham 008E</t>
  </si>
  <si>
    <t>E01024313</t>
  </si>
  <si>
    <t>Gravesham 005D</t>
  </si>
  <si>
    <t>E01024314</t>
  </si>
  <si>
    <t>Gravesham 007D</t>
  </si>
  <si>
    <t>E01024315</t>
  </si>
  <si>
    <t>Gravesham 007E</t>
  </si>
  <si>
    <t>E01024316</t>
  </si>
  <si>
    <t>Gravesham 009C</t>
  </si>
  <si>
    <t>E01024317</t>
  </si>
  <si>
    <t>Gravesham 005E</t>
  </si>
  <si>
    <t>E01024318</t>
  </si>
  <si>
    <t>Gravesham 005F</t>
  </si>
  <si>
    <t>E01024319</t>
  </si>
  <si>
    <t>Gravesham 009D</t>
  </si>
  <si>
    <t>E01024320</t>
  </si>
  <si>
    <t>Maidstone 003A</t>
  </si>
  <si>
    <t>E02005070</t>
  </si>
  <si>
    <t>Maidstone 003</t>
  </si>
  <si>
    <t>E07000110</t>
  </si>
  <si>
    <t>Maidstone</t>
  </si>
  <si>
    <t>E01024321</t>
  </si>
  <si>
    <t>Maidstone 003B</t>
  </si>
  <si>
    <t>E01024322</t>
  </si>
  <si>
    <t>Maidstone 003C</t>
  </si>
  <si>
    <t>E01024323</t>
  </si>
  <si>
    <t>Maidstone 003D</t>
  </si>
  <si>
    <t>E01024324</t>
  </si>
  <si>
    <t>Maidstone 003E</t>
  </si>
  <si>
    <t>E01024325</t>
  </si>
  <si>
    <t>Maidstone 014A</t>
  </si>
  <si>
    <t>E02005081</t>
  </si>
  <si>
    <t>Maidstone 014</t>
  </si>
  <si>
    <t>E01024326</t>
  </si>
  <si>
    <t>Maidstone 007A</t>
  </si>
  <si>
    <t>E02005074</t>
  </si>
  <si>
    <t>Maidstone 007</t>
  </si>
  <si>
    <t>E01024327</t>
  </si>
  <si>
    <t>Maidstone 007B</t>
  </si>
  <si>
    <t>E01024328</t>
  </si>
  <si>
    <t>Maidstone 007C</t>
  </si>
  <si>
    <t>E01024329</t>
  </si>
  <si>
    <t>Maidstone 007D</t>
  </si>
  <si>
    <t>E01024330</t>
  </si>
  <si>
    <t>Maidstone 005A</t>
  </si>
  <si>
    <t>E02005072</t>
  </si>
  <si>
    <t>Maidstone 005</t>
  </si>
  <si>
    <t>E01024331</t>
  </si>
  <si>
    <t>Maidstone 012A</t>
  </si>
  <si>
    <t>E02005079</t>
  </si>
  <si>
    <t>Maidstone 012</t>
  </si>
  <si>
    <t>E01024332</t>
  </si>
  <si>
    <t>Maidstone 015A</t>
  </si>
  <si>
    <t>E02005082</t>
  </si>
  <si>
    <t>Maidstone 015</t>
  </si>
  <si>
    <t>E01024333</t>
  </si>
  <si>
    <t>Maidstone 001A</t>
  </si>
  <si>
    <t>E02005068</t>
  </si>
  <si>
    <t>Maidstone 001</t>
  </si>
  <si>
    <t>E01024335</t>
  </si>
  <si>
    <t>Maidstone 001C</t>
  </si>
  <si>
    <t>E01024336</t>
  </si>
  <si>
    <t>Maidstone 005B</t>
  </si>
  <si>
    <t>E01024337</t>
  </si>
  <si>
    <t>Maidstone 005C</t>
  </si>
  <si>
    <t>E01024339</t>
  </si>
  <si>
    <t>Maidstone 006A</t>
  </si>
  <si>
    <t>E02005073</t>
  </si>
  <si>
    <t>Maidstone 006</t>
  </si>
  <si>
    <t>E01024340</t>
  </si>
  <si>
    <t>Maidstone 006B</t>
  </si>
  <si>
    <t>E01024341</t>
  </si>
  <si>
    <t>Maidstone 003F</t>
  </si>
  <si>
    <t>E01024342</t>
  </si>
  <si>
    <t>Maidstone 016A</t>
  </si>
  <si>
    <t>E02005083</t>
  </si>
  <si>
    <t>Maidstone 016</t>
  </si>
  <si>
    <t>E01024343</t>
  </si>
  <si>
    <t>Maidstone 016B</t>
  </si>
  <si>
    <t>E01024344</t>
  </si>
  <si>
    <t>Maidstone 016C</t>
  </si>
  <si>
    <t>E01024345</t>
  </si>
  <si>
    <t>Maidstone 018A</t>
  </si>
  <si>
    <t>E02005085</t>
  </si>
  <si>
    <t>Maidstone 018</t>
  </si>
  <si>
    <t>E01024346</t>
  </si>
  <si>
    <t>Maidstone 014B</t>
  </si>
  <si>
    <t>E01024347</t>
  </si>
  <si>
    <t>Maidstone 001E</t>
  </si>
  <si>
    <t>E01024348</t>
  </si>
  <si>
    <t>Maidstone 005D</t>
  </si>
  <si>
    <t>E01024349</t>
  </si>
  <si>
    <t>Maidstone 007E</t>
  </si>
  <si>
    <t>E01024350</t>
  </si>
  <si>
    <t>Maidstone 015B</t>
  </si>
  <si>
    <t>E01024351</t>
  </si>
  <si>
    <t>Maidstone 005E</t>
  </si>
  <si>
    <t>E01024352</t>
  </si>
  <si>
    <t>Maidstone 004A</t>
  </si>
  <si>
    <t>E02005071</t>
  </si>
  <si>
    <t>Maidstone 004</t>
  </si>
  <si>
    <t>E01024353</t>
  </si>
  <si>
    <t>Maidstone 002A</t>
  </si>
  <si>
    <t>E02005069</t>
  </si>
  <si>
    <t>Maidstone 002</t>
  </si>
  <si>
    <t>E01024354</t>
  </si>
  <si>
    <t>Maidstone 002B</t>
  </si>
  <si>
    <t>E01024355</t>
  </si>
  <si>
    <t>Maidstone 002C</t>
  </si>
  <si>
    <t>E01024356</t>
  </si>
  <si>
    <t>Maidstone 006C</t>
  </si>
  <si>
    <t>E01024357</t>
  </si>
  <si>
    <t>Maidstone 008A</t>
  </si>
  <si>
    <t>E02005075</t>
  </si>
  <si>
    <t>Maidstone 008</t>
  </si>
  <si>
    <t>E01024358</t>
  </si>
  <si>
    <t>Maidstone 008B</t>
  </si>
  <si>
    <t>E01024360</t>
  </si>
  <si>
    <t>Maidstone 009A</t>
  </si>
  <si>
    <t>E02005076</t>
  </si>
  <si>
    <t>Maidstone 009</t>
  </si>
  <si>
    <t>E01024361</t>
  </si>
  <si>
    <t>Maidstone 011A</t>
  </si>
  <si>
    <t>E02005078</t>
  </si>
  <si>
    <t>Maidstone 011</t>
  </si>
  <si>
    <t>E01024362</t>
  </si>
  <si>
    <t>Maidstone 011B</t>
  </si>
  <si>
    <t>E01024364</t>
  </si>
  <si>
    <t>Maidstone 017A</t>
  </si>
  <si>
    <t>E02005084</t>
  </si>
  <si>
    <t>Maidstone 017</t>
  </si>
  <si>
    <t>E01024365</t>
  </si>
  <si>
    <t>Maidstone 017B</t>
  </si>
  <si>
    <t>E01024366</t>
  </si>
  <si>
    <t>Maidstone 017C</t>
  </si>
  <si>
    <t>E01024367</t>
  </si>
  <si>
    <t>Maidstone 008C</t>
  </si>
  <si>
    <t>E01024369</t>
  </si>
  <si>
    <t>Maidstone 008E</t>
  </si>
  <si>
    <t>E01024371</t>
  </si>
  <si>
    <t>Maidstone 010A</t>
  </si>
  <si>
    <t>E02005077</t>
  </si>
  <si>
    <t>Maidstone 010</t>
  </si>
  <si>
    <t>E01024372</t>
  </si>
  <si>
    <t>Maidstone 009B</t>
  </si>
  <si>
    <t>E01024373</t>
  </si>
  <si>
    <t>Maidstone 006E</t>
  </si>
  <si>
    <t>E01024374</t>
  </si>
  <si>
    <t>Maidstone 009C</t>
  </si>
  <si>
    <t>E01024375</t>
  </si>
  <si>
    <t>Maidstone 015C</t>
  </si>
  <si>
    <t>E01024376</t>
  </si>
  <si>
    <t>Maidstone 016D</t>
  </si>
  <si>
    <t>E01024377</t>
  </si>
  <si>
    <t>Maidstone 014C</t>
  </si>
  <si>
    <t>E01024378</t>
  </si>
  <si>
    <t>Maidstone 014D</t>
  </si>
  <si>
    <t>E01024379</t>
  </si>
  <si>
    <t>Maidstone 018B</t>
  </si>
  <si>
    <t>E01024380</t>
  </si>
  <si>
    <t>Maidstone 018C</t>
  </si>
  <si>
    <t>E01024381</t>
  </si>
  <si>
    <t>Maidstone 018D</t>
  </si>
  <si>
    <t>E01024382</t>
  </si>
  <si>
    <t>Maidstone 004C</t>
  </si>
  <si>
    <t>E01024383</t>
  </si>
  <si>
    <t>Maidstone 004D</t>
  </si>
  <si>
    <t>E01024384</t>
  </si>
  <si>
    <t>Maidstone 004E</t>
  </si>
  <si>
    <t>E01024385</t>
  </si>
  <si>
    <t>Maidstone 002D</t>
  </si>
  <si>
    <t>E01024386</t>
  </si>
  <si>
    <t>Maidstone 002E</t>
  </si>
  <si>
    <t>E01024387</t>
  </si>
  <si>
    <t>Maidstone 011D</t>
  </si>
  <si>
    <t>E01024390</t>
  </si>
  <si>
    <t>Maidstone 013B</t>
  </si>
  <si>
    <t>E02005080</t>
  </si>
  <si>
    <t>Maidstone 013</t>
  </si>
  <si>
    <t>E01024391</t>
  </si>
  <si>
    <t>Maidstone 013C</t>
  </si>
  <si>
    <t>E01024392</t>
  </si>
  <si>
    <t>Maidstone 010B</t>
  </si>
  <si>
    <t>E01024393</t>
  </si>
  <si>
    <t>Maidstone 010C</t>
  </si>
  <si>
    <t>E01024394</t>
  </si>
  <si>
    <t>Maidstone 012B</t>
  </si>
  <si>
    <t>E01024395</t>
  </si>
  <si>
    <t>Maidstone 010D</t>
  </si>
  <si>
    <t>E01024396</t>
  </si>
  <si>
    <t>Maidstone 010E</t>
  </si>
  <si>
    <t>E01024397</t>
  </si>
  <si>
    <t>Maidstone 013D</t>
  </si>
  <si>
    <t>E01024398</t>
  </si>
  <si>
    <t>Maidstone 013E</t>
  </si>
  <si>
    <t>E01024399</t>
  </si>
  <si>
    <t>Maidstone 013F</t>
  </si>
  <si>
    <t>E01024400</t>
  </si>
  <si>
    <t>Maidstone 013G</t>
  </si>
  <si>
    <t>E01024401</t>
  </si>
  <si>
    <t>Maidstone 009D</t>
  </si>
  <si>
    <t>E01024402</t>
  </si>
  <si>
    <t>Maidstone 012C</t>
  </si>
  <si>
    <t>E01024403</t>
  </si>
  <si>
    <t>Maidstone 009E</t>
  </si>
  <si>
    <t>E01024404</t>
  </si>
  <si>
    <t>Maidstone 012D</t>
  </si>
  <si>
    <t>E01024405</t>
  </si>
  <si>
    <t>Maidstone 012E</t>
  </si>
  <si>
    <t>E01024406</t>
  </si>
  <si>
    <t>Maidstone 019A</t>
  </si>
  <si>
    <t>E02005086</t>
  </si>
  <si>
    <t>Maidstone 019</t>
  </si>
  <si>
    <t>E01024407</t>
  </si>
  <si>
    <t>Maidstone 019B</t>
  </si>
  <si>
    <t>E01024408</t>
  </si>
  <si>
    <t>Maidstone 019C</t>
  </si>
  <si>
    <t>E01024409</t>
  </si>
  <si>
    <t>Maidstone 019D</t>
  </si>
  <si>
    <t>E01024410</t>
  </si>
  <si>
    <t>Maidstone 015E</t>
  </si>
  <si>
    <t>E01024411</t>
  </si>
  <si>
    <t>Maidstone 017D</t>
  </si>
  <si>
    <t>E01024413</t>
  </si>
  <si>
    <t>Sevenoaks 016A</t>
  </si>
  <si>
    <t>E02006832</t>
  </si>
  <si>
    <t>Sevenoaks 016</t>
  </si>
  <si>
    <t>E07000111</t>
  </si>
  <si>
    <t>Sevenoaks</t>
  </si>
  <si>
    <t>E01024414</t>
  </si>
  <si>
    <t>Sevenoaks 016B</t>
  </si>
  <si>
    <t>E01024415</t>
  </si>
  <si>
    <t>Sevenoaks 016C</t>
  </si>
  <si>
    <t>E01024416</t>
  </si>
  <si>
    <t>Sevenoaks 011A</t>
  </si>
  <si>
    <t>E02005097</t>
  </si>
  <si>
    <t>Sevenoaks 011</t>
  </si>
  <si>
    <t>E01024417</t>
  </si>
  <si>
    <t>Sevenoaks 013A</t>
  </si>
  <si>
    <t>E02005099</t>
  </si>
  <si>
    <t>Sevenoaks 013</t>
  </si>
  <si>
    <t>E01024418</t>
  </si>
  <si>
    <t>Sevenoaks 011B</t>
  </si>
  <si>
    <t>E01024419</t>
  </si>
  <si>
    <t>Sevenoaks 013B</t>
  </si>
  <si>
    <t>E01024420</t>
  </si>
  <si>
    <t>Sevenoaks 015A</t>
  </si>
  <si>
    <t>E02005101</t>
  </si>
  <si>
    <t>Sevenoaks 015</t>
  </si>
  <si>
    <t>E01024421</t>
  </si>
  <si>
    <t>Sevenoaks 003A</t>
  </si>
  <si>
    <t>E02005089</t>
  </si>
  <si>
    <t>Sevenoaks 003</t>
  </si>
  <si>
    <t>E01024423</t>
  </si>
  <si>
    <t>Sevenoaks 008B</t>
  </si>
  <si>
    <t>E02005094</t>
  </si>
  <si>
    <t>Sevenoaks 008</t>
  </si>
  <si>
    <t>E01024424</t>
  </si>
  <si>
    <t>Sevenoaks 011C</t>
  </si>
  <si>
    <t>E01024425</t>
  </si>
  <si>
    <t>Sevenoaks 014A</t>
  </si>
  <si>
    <t>E02005100</t>
  </si>
  <si>
    <t>Sevenoaks 014</t>
  </si>
  <si>
    <t>E01024426</t>
  </si>
  <si>
    <t>Sevenoaks 014B</t>
  </si>
  <si>
    <t>E01024427</t>
  </si>
  <si>
    <t>Sevenoaks 014C</t>
  </si>
  <si>
    <t>E01024428</t>
  </si>
  <si>
    <t>Sevenoaks 014D</t>
  </si>
  <si>
    <t>E01024429</t>
  </si>
  <si>
    <t>Sevenoaks 014E</t>
  </si>
  <si>
    <t>E01024430</t>
  </si>
  <si>
    <t>Sevenoaks 014F</t>
  </si>
  <si>
    <t>E01024431</t>
  </si>
  <si>
    <t>Sevenoaks 005A</t>
  </si>
  <si>
    <t>E02005091</t>
  </si>
  <si>
    <t>Sevenoaks 005</t>
  </si>
  <si>
    <t>E01024432</t>
  </si>
  <si>
    <t>Sevenoaks 005B</t>
  </si>
  <si>
    <t>E01024433</t>
  </si>
  <si>
    <t>Sevenoaks 005C</t>
  </si>
  <si>
    <t>E01024434</t>
  </si>
  <si>
    <t>Sevenoaks 005D</t>
  </si>
  <si>
    <t>E01024435</t>
  </si>
  <si>
    <t>Sevenoaks 007A</t>
  </si>
  <si>
    <t>E02005093</t>
  </si>
  <si>
    <t>Sevenoaks 007</t>
  </si>
  <si>
    <t>E01024436</t>
  </si>
  <si>
    <t>Sevenoaks 007B</t>
  </si>
  <si>
    <t>E01024437</t>
  </si>
  <si>
    <t>Sevenoaks 007C</t>
  </si>
  <si>
    <t>E01024438</t>
  </si>
  <si>
    <t>Sevenoaks 007D</t>
  </si>
  <si>
    <t>E01024439</t>
  </si>
  <si>
    <t>Sevenoaks 008C</t>
  </si>
  <si>
    <t>E01024440</t>
  </si>
  <si>
    <t>Sevenoaks 008D</t>
  </si>
  <si>
    <t>E01024441</t>
  </si>
  <si>
    <t>Sevenoaks 004A</t>
  </si>
  <si>
    <t>E02005090</t>
  </si>
  <si>
    <t>Sevenoaks 004</t>
  </si>
  <si>
    <t>E01024442</t>
  </si>
  <si>
    <t>Sevenoaks 004B</t>
  </si>
  <si>
    <t>E01024443</t>
  </si>
  <si>
    <t>Sevenoaks 004C</t>
  </si>
  <si>
    <t>E01024444</t>
  </si>
  <si>
    <t>Sevenoaks 004D</t>
  </si>
  <si>
    <t>E01024445</t>
  </si>
  <si>
    <t>Sevenoaks 001A</t>
  </si>
  <si>
    <t>E02005087</t>
  </si>
  <si>
    <t>Sevenoaks 001</t>
  </si>
  <si>
    <t>E01024446</t>
  </si>
  <si>
    <t>Sevenoaks 001B</t>
  </si>
  <si>
    <t>E01024447</t>
  </si>
  <si>
    <t>Sevenoaks 001C</t>
  </si>
  <si>
    <t>E01024448</t>
  </si>
  <si>
    <t>Sevenoaks 009A</t>
  </si>
  <si>
    <t>E02005095</t>
  </si>
  <si>
    <t>Sevenoaks 009</t>
  </si>
  <si>
    <t>E01024449</t>
  </si>
  <si>
    <t>Sevenoaks 009B</t>
  </si>
  <si>
    <t>E01024450</t>
  </si>
  <si>
    <t>Sevenoaks 009C</t>
  </si>
  <si>
    <t>E01024451</t>
  </si>
  <si>
    <t>Sevenoaks 015B</t>
  </si>
  <si>
    <t>E01024452</t>
  </si>
  <si>
    <t>Sevenoaks 008E</t>
  </si>
  <si>
    <t>E01024453</t>
  </si>
  <si>
    <t>Sevenoaks 009D</t>
  </si>
  <si>
    <t>E01024454</t>
  </si>
  <si>
    <t>Sevenoaks 009E</t>
  </si>
  <si>
    <t>E01024455</t>
  </si>
  <si>
    <t>Sevenoaks 015C</t>
  </si>
  <si>
    <t>E01024456</t>
  </si>
  <si>
    <t>Sevenoaks 015D</t>
  </si>
  <si>
    <t>E01024457</t>
  </si>
  <si>
    <t>Sevenoaks 010A</t>
  </si>
  <si>
    <t>E02005096</t>
  </si>
  <si>
    <t>Sevenoaks 010</t>
  </si>
  <si>
    <t>E01024458</t>
  </si>
  <si>
    <t>Sevenoaks 012A</t>
  </si>
  <si>
    <t>E02005098</t>
  </si>
  <si>
    <t>Sevenoaks 012</t>
  </si>
  <si>
    <t>E01024459</t>
  </si>
  <si>
    <t>Sevenoaks 012B</t>
  </si>
  <si>
    <t>E01024460</t>
  </si>
  <si>
    <t>Sevenoaks 010B</t>
  </si>
  <si>
    <t>E01024461</t>
  </si>
  <si>
    <t>Sevenoaks 010C</t>
  </si>
  <si>
    <t>E01024462</t>
  </si>
  <si>
    <t>Sevenoaks 012C</t>
  </si>
  <si>
    <t>E01024463</t>
  </si>
  <si>
    <t>Sevenoaks 011D</t>
  </si>
  <si>
    <t>E01024464</t>
  </si>
  <si>
    <t>Sevenoaks 011E</t>
  </si>
  <si>
    <t>E01024465</t>
  </si>
  <si>
    <t>Sevenoaks 010D</t>
  </si>
  <si>
    <t>E01024466</t>
  </si>
  <si>
    <t>Sevenoaks 010E</t>
  </si>
  <si>
    <t>E01024467</t>
  </si>
  <si>
    <t>Sevenoaks 011F</t>
  </si>
  <si>
    <t>E01024468</t>
  </si>
  <si>
    <t>Sevenoaks 010F</t>
  </si>
  <si>
    <t>E01024469</t>
  </si>
  <si>
    <t>Sevenoaks 012D</t>
  </si>
  <si>
    <t>E01024470</t>
  </si>
  <si>
    <t>Sevenoaks 012E</t>
  </si>
  <si>
    <t>E01024471</t>
  </si>
  <si>
    <t>Sevenoaks 012F</t>
  </si>
  <si>
    <t>E01024472</t>
  </si>
  <si>
    <t>Sevenoaks 001D</t>
  </si>
  <si>
    <t>E01024473</t>
  </si>
  <si>
    <t>Sevenoaks 003B</t>
  </si>
  <si>
    <t>E01024474</t>
  </si>
  <si>
    <t>Sevenoaks 003C</t>
  </si>
  <si>
    <t>E01024475</t>
  </si>
  <si>
    <t>Sevenoaks 003D</t>
  </si>
  <si>
    <t>E01024476</t>
  </si>
  <si>
    <t>Sevenoaks 002A</t>
  </si>
  <si>
    <t>E02005088</t>
  </si>
  <si>
    <t>Sevenoaks 002</t>
  </si>
  <si>
    <t>E01024477</t>
  </si>
  <si>
    <t>Sevenoaks 002B</t>
  </si>
  <si>
    <t>E01024478</t>
  </si>
  <si>
    <t>Sevenoaks 002C</t>
  </si>
  <si>
    <t>E01024479</t>
  </si>
  <si>
    <t>Sevenoaks 001E</t>
  </si>
  <si>
    <t>E01024480</t>
  </si>
  <si>
    <t>Sevenoaks 002D</t>
  </si>
  <si>
    <t>E01024481</t>
  </si>
  <si>
    <t>Sevenoaks 002E</t>
  </si>
  <si>
    <t>E01024482</t>
  </si>
  <si>
    <t>Sevenoaks 002F</t>
  </si>
  <si>
    <t>E01024483</t>
  </si>
  <si>
    <t>Sevenoaks 013C</t>
  </si>
  <si>
    <t>E01024484</t>
  </si>
  <si>
    <t>Sevenoaks 013D</t>
  </si>
  <si>
    <t>E01024485</t>
  </si>
  <si>
    <t>Sevenoaks 013E</t>
  </si>
  <si>
    <t>E01024486</t>
  </si>
  <si>
    <t>Folkestone and Hythe 011A</t>
  </si>
  <si>
    <t>E02005112</t>
  </si>
  <si>
    <t>Folkestone and Hythe 011</t>
  </si>
  <si>
    <t>E07000112</t>
  </si>
  <si>
    <t>Folkestone and Hythe</t>
  </si>
  <si>
    <t>E01024487</t>
  </si>
  <si>
    <t>Folkestone and Hythe 011B</t>
  </si>
  <si>
    <t>E01024488</t>
  </si>
  <si>
    <t>Folkestone and Hythe 011C</t>
  </si>
  <si>
    <t>E01024489</t>
  </si>
  <si>
    <t>Folkestone and Hythe 009A</t>
  </si>
  <si>
    <t>E02005110</t>
  </si>
  <si>
    <t>Folkestone and Hythe 009</t>
  </si>
  <si>
    <t>E01024490</t>
  </si>
  <si>
    <t>Folkestone and Hythe 001A</t>
  </si>
  <si>
    <t>E02005102</t>
  </si>
  <si>
    <t>Folkestone and Hythe 001</t>
  </si>
  <si>
    <t>E01024491</t>
  </si>
  <si>
    <t>Folkestone and Hythe 005A</t>
  </si>
  <si>
    <t>E02005106</t>
  </si>
  <si>
    <t>Folkestone and Hythe 005</t>
  </si>
  <si>
    <t>E01024492</t>
  </si>
  <si>
    <t>Folkestone and Hythe 002A</t>
  </si>
  <si>
    <t>E02005103</t>
  </si>
  <si>
    <t>Folkestone and Hythe 002</t>
  </si>
  <si>
    <t>E01024493</t>
  </si>
  <si>
    <t>Folkestone and Hythe 005B</t>
  </si>
  <si>
    <t>E01024494</t>
  </si>
  <si>
    <t>Folkestone and Hythe 005C</t>
  </si>
  <si>
    <t>E01024495</t>
  </si>
  <si>
    <t>Folkestone and Hythe 005D</t>
  </si>
  <si>
    <t>E01024496</t>
  </si>
  <si>
    <t>Folkestone and Hythe 003A</t>
  </si>
  <si>
    <t>E02005104</t>
  </si>
  <si>
    <t>Folkestone and Hythe 003</t>
  </si>
  <si>
    <t>E01024497</t>
  </si>
  <si>
    <t>Folkestone and Hythe 003B</t>
  </si>
  <si>
    <t>E01024498</t>
  </si>
  <si>
    <t>Folkestone and Hythe 003C</t>
  </si>
  <si>
    <t>E01024499</t>
  </si>
  <si>
    <t>Folkestone and Hythe 004A</t>
  </si>
  <si>
    <t>E02005105</t>
  </si>
  <si>
    <t>Folkestone and Hythe 004</t>
  </si>
  <si>
    <t>E01024500</t>
  </si>
  <si>
    <t>Folkestone and Hythe 004B</t>
  </si>
  <si>
    <t>E01024501</t>
  </si>
  <si>
    <t>Folkestone and Hythe 004C</t>
  </si>
  <si>
    <t>E01024502</t>
  </si>
  <si>
    <t>Folkestone and Hythe 004D</t>
  </si>
  <si>
    <t>E01024503</t>
  </si>
  <si>
    <t>Folkestone and Hythe 003D</t>
  </si>
  <si>
    <t>E01024504</t>
  </si>
  <si>
    <t>Folkestone and Hythe 014A</t>
  </si>
  <si>
    <t>E02006879</t>
  </si>
  <si>
    <t>Folkestone and Hythe 014</t>
  </si>
  <si>
    <t>E01024505</t>
  </si>
  <si>
    <t>Folkestone and Hythe 004E</t>
  </si>
  <si>
    <t>E01024507</t>
  </si>
  <si>
    <t>Folkestone and Hythe 014B</t>
  </si>
  <si>
    <t>E01024508</t>
  </si>
  <si>
    <t>Folkestone and Hythe 015A</t>
  </si>
  <si>
    <t>E02006880</t>
  </si>
  <si>
    <t>Folkestone and Hythe 015</t>
  </si>
  <si>
    <t>E01024509</t>
  </si>
  <si>
    <t>Folkestone and Hythe 015B</t>
  </si>
  <si>
    <t>E01024510</t>
  </si>
  <si>
    <t>Folkestone and Hythe 015C</t>
  </si>
  <si>
    <t>E01024511</t>
  </si>
  <si>
    <t>Folkestone and Hythe 006A</t>
  </si>
  <si>
    <t>E02005107</t>
  </si>
  <si>
    <t>Folkestone and Hythe 006</t>
  </si>
  <si>
    <t>E01024512</t>
  </si>
  <si>
    <t>Folkestone and Hythe 006B</t>
  </si>
  <si>
    <t>E01024513</t>
  </si>
  <si>
    <t>Folkestone and Hythe 006C</t>
  </si>
  <si>
    <t>E01024514</t>
  </si>
  <si>
    <t>Folkestone and Hythe 006D</t>
  </si>
  <si>
    <t>E01024515</t>
  </si>
  <si>
    <t>Folkestone and Hythe 006E</t>
  </si>
  <si>
    <t>E01024516</t>
  </si>
  <si>
    <t>Folkestone and Hythe 006F</t>
  </si>
  <si>
    <t>E01024517</t>
  </si>
  <si>
    <t>Folkestone and Hythe 015D</t>
  </si>
  <si>
    <t>E01024518</t>
  </si>
  <si>
    <t>Folkestone and Hythe 003E</t>
  </si>
  <si>
    <t>E01024519</t>
  </si>
  <si>
    <t>Folkestone and Hythe 006G</t>
  </si>
  <si>
    <t>E01024520</t>
  </si>
  <si>
    <t>Folkestone and Hythe 005E</t>
  </si>
  <si>
    <t>E01024521</t>
  </si>
  <si>
    <t>Folkestone and Hythe 006H</t>
  </si>
  <si>
    <t>E01024522</t>
  </si>
  <si>
    <t>Folkestone and Hythe 010A</t>
  </si>
  <si>
    <t>E02005111</t>
  </si>
  <si>
    <t>Folkestone and Hythe 010</t>
  </si>
  <si>
    <t>E01024523</t>
  </si>
  <si>
    <t>Folkestone and Hythe 008A</t>
  </si>
  <si>
    <t>E02005109</t>
  </si>
  <si>
    <t>Folkestone and Hythe 008</t>
  </si>
  <si>
    <t>E01024524</t>
  </si>
  <si>
    <t>Folkestone and Hythe 010B</t>
  </si>
  <si>
    <t>E01024525</t>
  </si>
  <si>
    <t>Folkestone and Hythe 010C</t>
  </si>
  <si>
    <t>E01024526</t>
  </si>
  <si>
    <t>Folkestone and Hythe 008B</t>
  </si>
  <si>
    <t>E01024527</t>
  </si>
  <si>
    <t>Folkestone and Hythe 008C</t>
  </si>
  <si>
    <t>E01024528</t>
  </si>
  <si>
    <t>Folkestone and Hythe 005F</t>
  </si>
  <si>
    <t>E01024529</t>
  </si>
  <si>
    <t>Folkestone and Hythe 010D</t>
  </si>
  <si>
    <t>E01024530</t>
  </si>
  <si>
    <t>Folkestone and Hythe 009B</t>
  </si>
  <si>
    <t>E01024531</t>
  </si>
  <si>
    <t>Folkestone and Hythe 010E</t>
  </si>
  <si>
    <t>E01024532</t>
  </si>
  <si>
    <t>Folkestone and Hythe 013A</t>
  </si>
  <si>
    <t>E02005114</t>
  </si>
  <si>
    <t>Folkestone and Hythe 013</t>
  </si>
  <si>
    <t>E01024533</t>
  </si>
  <si>
    <t>Folkestone and Hythe 013B</t>
  </si>
  <si>
    <t>E01024534</t>
  </si>
  <si>
    <t>Folkestone and Hythe 013C</t>
  </si>
  <si>
    <t>E01024535</t>
  </si>
  <si>
    <t>Folkestone and Hythe 013D</t>
  </si>
  <si>
    <t>E01024536</t>
  </si>
  <si>
    <t>Folkestone and Hythe 009C</t>
  </si>
  <si>
    <t>E01024537</t>
  </si>
  <si>
    <t>Folkestone and Hythe 012A</t>
  </si>
  <si>
    <t>E02005113</t>
  </si>
  <si>
    <t>Folkestone and Hythe 012</t>
  </si>
  <si>
    <t>E01024538</t>
  </si>
  <si>
    <t>Folkestone and Hythe 012B</t>
  </si>
  <si>
    <t>E01024539</t>
  </si>
  <si>
    <t>Folkestone and Hythe 012C</t>
  </si>
  <si>
    <t>E01024540</t>
  </si>
  <si>
    <t>Folkestone and Hythe 012D</t>
  </si>
  <si>
    <t>E01024541</t>
  </si>
  <si>
    <t>Folkestone and Hythe 002B</t>
  </si>
  <si>
    <t>E01024542</t>
  </si>
  <si>
    <t>Folkestone and Hythe 002C</t>
  </si>
  <si>
    <t>E01024544</t>
  </si>
  <si>
    <t>Folkestone and Hythe 001B</t>
  </si>
  <si>
    <t>E01024545</t>
  </si>
  <si>
    <t>Folkestone and Hythe 001C</t>
  </si>
  <si>
    <t>E01024546</t>
  </si>
  <si>
    <t>Folkestone and Hythe 009D</t>
  </si>
  <si>
    <t>E01024547</t>
  </si>
  <si>
    <t>Folkestone and Hythe 001D</t>
  </si>
  <si>
    <t>E01024548</t>
  </si>
  <si>
    <t>Folkestone and Hythe 011D</t>
  </si>
  <si>
    <t>E01024549</t>
  </si>
  <si>
    <t>Folkestone and Hythe 011E</t>
  </si>
  <si>
    <t>E01024550</t>
  </si>
  <si>
    <t>Folkestone and Hythe 008D</t>
  </si>
  <si>
    <t>E01024551</t>
  </si>
  <si>
    <t>Swale 015A</t>
  </si>
  <si>
    <t>E02005129</t>
  </si>
  <si>
    <t>Swale 015</t>
  </si>
  <si>
    <t>E07000113</t>
  </si>
  <si>
    <t>Swale</t>
  </si>
  <si>
    <t>E01024552</t>
  </si>
  <si>
    <t>Swale 015B</t>
  </si>
  <si>
    <t>E01024553</t>
  </si>
  <si>
    <t>Swale 015C</t>
  </si>
  <si>
    <t>E01024554</t>
  </si>
  <si>
    <t>Swale 009A</t>
  </si>
  <si>
    <t>E02005123</t>
  </si>
  <si>
    <t>Swale 009</t>
  </si>
  <si>
    <t>E01024555</t>
  </si>
  <si>
    <t>Swale 017A</t>
  </si>
  <si>
    <t>E02005131</t>
  </si>
  <si>
    <t>Swale 017</t>
  </si>
  <si>
    <t>E01024556</t>
  </si>
  <si>
    <t>Swale 017B</t>
  </si>
  <si>
    <t>E01024557</t>
  </si>
  <si>
    <t>Swale 017C</t>
  </si>
  <si>
    <t>E01024558</t>
  </si>
  <si>
    <t>Swale 017D</t>
  </si>
  <si>
    <t>E01024559</t>
  </si>
  <si>
    <t>Swale 010A</t>
  </si>
  <si>
    <t>E02005124</t>
  </si>
  <si>
    <t>Swale 010</t>
  </si>
  <si>
    <t>E01024560</t>
  </si>
  <si>
    <t>Swale 012A</t>
  </si>
  <si>
    <t>E02005126</t>
  </si>
  <si>
    <t>Swale 012</t>
  </si>
  <si>
    <t>E01024561</t>
  </si>
  <si>
    <t>Swale 009B</t>
  </si>
  <si>
    <t>E01024562</t>
  </si>
  <si>
    <t>Swale 012B</t>
  </si>
  <si>
    <t>E01024563</t>
  </si>
  <si>
    <t>Swale 015D</t>
  </si>
  <si>
    <t>E01024564</t>
  </si>
  <si>
    <t>Swale 014A</t>
  </si>
  <si>
    <t>E02005128</t>
  </si>
  <si>
    <t>Swale 014</t>
  </si>
  <si>
    <t>E01024565</t>
  </si>
  <si>
    <t>Swale 016A</t>
  </si>
  <si>
    <t>E02005130</t>
  </si>
  <si>
    <t>Swale 016</t>
  </si>
  <si>
    <t>E01024566</t>
  </si>
  <si>
    <t>Swale 016B</t>
  </si>
  <si>
    <t>E01024569</t>
  </si>
  <si>
    <t>Swale 012C</t>
  </si>
  <si>
    <t>E01024570</t>
  </si>
  <si>
    <t>Swale 008A</t>
  </si>
  <si>
    <t>E02005122</t>
  </si>
  <si>
    <t>Swale 008</t>
  </si>
  <si>
    <t>E01024571</t>
  </si>
  <si>
    <t>Swale 008B</t>
  </si>
  <si>
    <t>E01024572</t>
  </si>
  <si>
    <t>Swale 008C</t>
  </si>
  <si>
    <t>E01024573</t>
  </si>
  <si>
    <t>Swale 008D</t>
  </si>
  <si>
    <t>E01024575</t>
  </si>
  <si>
    <t>Swale 008E</t>
  </si>
  <si>
    <t>E01024576</t>
  </si>
  <si>
    <t>Swale 007B</t>
  </si>
  <si>
    <t>E02005121</t>
  </si>
  <si>
    <t>Swale 007</t>
  </si>
  <si>
    <t>E01024577</t>
  </si>
  <si>
    <t>Swale 007C</t>
  </si>
  <si>
    <t>E01024578</t>
  </si>
  <si>
    <t>Swale 007D</t>
  </si>
  <si>
    <t>E01024580</t>
  </si>
  <si>
    <t>Swale 006A</t>
  </si>
  <si>
    <t>E02005120</t>
  </si>
  <si>
    <t>Swale 006</t>
  </si>
  <si>
    <t>E01024581</t>
  </si>
  <si>
    <t>Swale 006B</t>
  </si>
  <si>
    <t>E01024582</t>
  </si>
  <si>
    <t>Swale 009E</t>
  </si>
  <si>
    <t>E01024583</t>
  </si>
  <si>
    <t>Swale 007F</t>
  </si>
  <si>
    <t>E01024584</t>
  </si>
  <si>
    <t>Swale 010B</t>
  </si>
  <si>
    <t>E01024585</t>
  </si>
  <si>
    <t>Swale 003A</t>
  </si>
  <si>
    <t>E02005117</t>
  </si>
  <si>
    <t>Swale 003</t>
  </si>
  <si>
    <t>E01024586</t>
  </si>
  <si>
    <t>Swale 006C</t>
  </si>
  <si>
    <t>E01024587</t>
  </si>
  <si>
    <t>Swale 003B</t>
  </si>
  <si>
    <t>E01024588</t>
  </si>
  <si>
    <t>Swale 003C</t>
  </si>
  <si>
    <t>E01024589</t>
  </si>
  <si>
    <t>Swale 003D</t>
  </si>
  <si>
    <t>E01024590</t>
  </si>
  <si>
    <t>Swale 010C</t>
  </si>
  <si>
    <t>E01024591</t>
  </si>
  <si>
    <t>Swale 011A</t>
  </si>
  <si>
    <t>E02005125</t>
  </si>
  <si>
    <t>Swale 011</t>
  </si>
  <si>
    <t>E01024592</t>
  </si>
  <si>
    <t>Swale 011B</t>
  </si>
  <si>
    <t>E01024593</t>
  </si>
  <si>
    <t>Swale 011C</t>
  </si>
  <si>
    <t>E01024594</t>
  </si>
  <si>
    <t>Swale 005A</t>
  </si>
  <si>
    <t>E02005119</t>
  </si>
  <si>
    <t>Swale 005</t>
  </si>
  <si>
    <t>E01024595</t>
  </si>
  <si>
    <t>Swale 004A</t>
  </si>
  <si>
    <t>E02005118</t>
  </si>
  <si>
    <t>Swale 004</t>
  </si>
  <si>
    <t>E01024596</t>
  </si>
  <si>
    <t>Swale 005B</t>
  </si>
  <si>
    <t>E01024597</t>
  </si>
  <si>
    <t>Swale 005C</t>
  </si>
  <si>
    <t>E01024598</t>
  </si>
  <si>
    <t>Swale 004B</t>
  </si>
  <si>
    <t>E01024599</t>
  </si>
  <si>
    <t>Swale 010D</t>
  </si>
  <si>
    <t>E01024600</t>
  </si>
  <si>
    <t>Swale 011D</t>
  </si>
  <si>
    <t>E01024601</t>
  </si>
  <si>
    <t>Swale 011E</t>
  </si>
  <si>
    <t>E01024602</t>
  </si>
  <si>
    <t>Swale 015E</t>
  </si>
  <si>
    <t>E01024603</t>
  </si>
  <si>
    <t>Swale 014B</t>
  </si>
  <si>
    <t>E01024604</t>
  </si>
  <si>
    <t>Swale 014C</t>
  </si>
  <si>
    <t>E01024605</t>
  </si>
  <si>
    <t>Swale 014D</t>
  </si>
  <si>
    <t>E01024606</t>
  </si>
  <si>
    <t>Swale 013A</t>
  </si>
  <si>
    <t>E02005127</t>
  </si>
  <si>
    <t>Swale 013</t>
  </si>
  <si>
    <t>E01024608</t>
  </si>
  <si>
    <t>Swale 010E</t>
  </si>
  <si>
    <t>E01024609</t>
  </si>
  <si>
    <t>Swale 001A</t>
  </si>
  <si>
    <t>E02005115</t>
  </si>
  <si>
    <t>Swale 001</t>
  </si>
  <si>
    <t>E01024610</t>
  </si>
  <si>
    <t>Swale 001B</t>
  </si>
  <si>
    <t>E01024611</t>
  </si>
  <si>
    <t>Swale 001C</t>
  </si>
  <si>
    <t>E01024612</t>
  </si>
  <si>
    <t>Swale 001D</t>
  </si>
  <si>
    <t>E01024613</t>
  </si>
  <si>
    <t>Swale 002A</t>
  </si>
  <si>
    <t>E02005116</t>
  </si>
  <si>
    <t>Swale 002</t>
  </si>
  <si>
    <t>E01024614</t>
  </si>
  <si>
    <t>Swale 002B</t>
  </si>
  <si>
    <t>E01024615</t>
  </si>
  <si>
    <t>Swale 002C</t>
  </si>
  <si>
    <t>E01024616</t>
  </si>
  <si>
    <t>Swale 002D</t>
  </si>
  <si>
    <t>E01024619</t>
  </si>
  <si>
    <t>Swale 004D</t>
  </si>
  <si>
    <t>E01024620</t>
  </si>
  <si>
    <t>Swale 005D</t>
  </si>
  <si>
    <t>E01024621</t>
  </si>
  <si>
    <t>Swale 004E</t>
  </si>
  <si>
    <t>E01024622</t>
  </si>
  <si>
    <t>Swale 016C</t>
  </si>
  <si>
    <t>E01024623</t>
  </si>
  <si>
    <t>Swale 016D</t>
  </si>
  <si>
    <t>E01024624</t>
  </si>
  <si>
    <t>Swale 016E</t>
  </si>
  <si>
    <t>E01024625</t>
  </si>
  <si>
    <t>Swale 015F</t>
  </si>
  <si>
    <t>E01024626</t>
  </si>
  <si>
    <t>Swale 014E</t>
  </si>
  <si>
    <t>E01024627</t>
  </si>
  <si>
    <t>Swale 014F</t>
  </si>
  <si>
    <t>E01024628</t>
  </si>
  <si>
    <t>Swale 013C</t>
  </si>
  <si>
    <t>E01024629</t>
  </si>
  <si>
    <t>Swale 013D</t>
  </si>
  <si>
    <t>E01024630</t>
  </si>
  <si>
    <t>Swale 012D</t>
  </si>
  <si>
    <t>E01024631</t>
  </si>
  <si>
    <t>Swale 013E</t>
  </si>
  <si>
    <t>E01024632</t>
  </si>
  <si>
    <t>Swale 012E</t>
  </si>
  <si>
    <t>E01024633</t>
  </si>
  <si>
    <t>Thanet 006A</t>
  </si>
  <si>
    <t>E02005137</t>
  </si>
  <si>
    <t>Thanet 006</t>
  </si>
  <si>
    <t>E07000114</t>
  </si>
  <si>
    <t>Thanet</t>
  </si>
  <si>
    <t>E01024634</t>
  </si>
  <si>
    <t>Thanet 006B</t>
  </si>
  <si>
    <t>E01024635</t>
  </si>
  <si>
    <t>Thanet 009A</t>
  </si>
  <si>
    <t>E02005140</t>
  </si>
  <si>
    <t>Thanet 009</t>
  </si>
  <si>
    <t>E01024636</t>
  </si>
  <si>
    <t>Thanet 008A</t>
  </si>
  <si>
    <t>E02005139</t>
  </si>
  <si>
    <t>Thanet 008</t>
  </si>
  <si>
    <t>E01024637</t>
  </si>
  <si>
    <t>Thanet 008B</t>
  </si>
  <si>
    <t>E01024638</t>
  </si>
  <si>
    <t>Thanet 008C</t>
  </si>
  <si>
    <t>E01024639</t>
  </si>
  <si>
    <t>Thanet 008D</t>
  </si>
  <si>
    <t>E01024640</t>
  </si>
  <si>
    <t>Thanet 008E</t>
  </si>
  <si>
    <t>E01024641</t>
  </si>
  <si>
    <t>Thanet 007A</t>
  </si>
  <si>
    <t>E02005138</t>
  </si>
  <si>
    <t>Thanet 007</t>
  </si>
  <si>
    <t>E01024642</t>
  </si>
  <si>
    <t>Thanet 009B</t>
  </si>
  <si>
    <t>E01024643</t>
  </si>
  <si>
    <t>Thanet 010A</t>
  </si>
  <si>
    <t>E02005141</t>
  </si>
  <si>
    <t>Thanet 010</t>
  </si>
  <si>
    <t>E01024644</t>
  </si>
  <si>
    <t>Thanet 009C</t>
  </si>
  <si>
    <t>E01024645</t>
  </si>
  <si>
    <t>Thanet 015A</t>
  </si>
  <si>
    <t>E02005146</t>
  </si>
  <si>
    <t>Thanet 015</t>
  </si>
  <si>
    <t>E01024646</t>
  </si>
  <si>
    <t>Thanet 016A</t>
  </si>
  <si>
    <t>E02005147</t>
  </si>
  <si>
    <t>Thanet 016</t>
  </si>
  <si>
    <t>E01024647</t>
  </si>
  <si>
    <t>Thanet 015B</t>
  </si>
  <si>
    <t>E01024648</t>
  </si>
  <si>
    <t>Thanet 016B</t>
  </si>
  <si>
    <t>E01024649</t>
  </si>
  <si>
    <t>Thanet 016C</t>
  </si>
  <si>
    <t>E01024650</t>
  </si>
  <si>
    <t>Thanet 017A</t>
  </si>
  <si>
    <t>E02005148</t>
  </si>
  <si>
    <t>Thanet 017</t>
  </si>
  <si>
    <t>E01024651</t>
  </si>
  <si>
    <t>Thanet 017B</t>
  </si>
  <si>
    <t>E01024652</t>
  </si>
  <si>
    <t>Thanet 017C</t>
  </si>
  <si>
    <t>E01024653</t>
  </si>
  <si>
    <t>Thanet 002A</t>
  </si>
  <si>
    <t>E02005133</t>
  </si>
  <si>
    <t>Thanet 002</t>
  </si>
  <si>
    <t>E01024654</t>
  </si>
  <si>
    <t>Thanet 002B</t>
  </si>
  <si>
    <t>E01024655</t>
  </si>
  <si>
    <t>Thanet 002C</t>
  </si>
  <si>
    <t>E01024656</t>
  </si>
  <si>
    <t>Thanet 002D</t>
  </si>
  <si>
    <t>E01024657</t>
  </si>
  <si>
    <t>Thanet 001A</t>
  </si>
  <si>
    <t>E02005132</t>
  </si>
  <si>
    <t>Thanet 001</t>
  </si>
  <si>
    <t>E01024658</t>
  </si>
  <si>
    <t>Thanet 001B</t>
  </si>
  <si>
    <t>E01024659</t>
  </si>
  <si>
    <t>Thanet 001C</t>
  </si>
  <si>
    <t>E01024660</t>
  </si>
  <si>
    <t>Thanet 001D</t>
  </si>
  <si>
    <t>E01024661</t>
  </si>
  <si>
    <t>Thanet 004A</t>
  </si>
  <si>
    <t>E02005135</t>
  </si>
  <si>
    <t>Thanet 004</t>
  </si>
  <si>
    <t>E01024662</t>
  </si>
  <si>
    <t>Thanet 006C</t>
  </si>
  <si>
    <t>E01024663</t>
  </si>
  <si>
    <t>Thanet 006D</t>
  </si>
  <si>
    <t>E01024664</t>
  </si>
  <si>
    <t>Thanet 004B</t>
  </si>
  <si>
    <t>E01024665</t>
  </si>
  <si>
    <t>Thanet 004C</t>
  </si>
  <si>
    <t>E01024666</t>
  </si>
  <si>
    <t>Thanet 006E</t>
  </si>
  <si>
    <t>E01024667</t>
  </si>
  <si>
    <t>Thanet 016D</t>
  </si>
  <si>
    <t>E01024668</t>
  </si>
  <si>
    <t>Thanet 015C</t>
  </si>
  <si>
    <t>E01024669</t>
  </si>
  <si>
    <t>Thanet 012A</t>
  </si>
  <si>
    <t>E02005143</t>
  </si>
  <si>
    <t>Thanet 012</t>
  </si>
  <si>
    <t>E01024670</t>
  </si>
  <si>
    <t>Thanet 015D</t>
  </si>
  <si>
    <t>E01024671</t>
  </si>
  <si>
    <t>Thanet 016E</t>
  </si>
  <si>
    <t>E01024672</t>
  </si>
  <si>
    <t>Thanet 005A</t>
  </si>
  <si>
    <t>E02005136</t>
  </si>
  <si>
    <t>Thanet 005</t>
  </si>
  <si>
    <t>E01024673</t>
  </si>
  <si>
    <t>Thanet 005B</t>
  </si>
  <si>
    <t>E01024674</t>
  </si>
  <si>
    <t>Thanet 005C</t>
  </si>
  <si>
    <t>E01024675</t>
  </si>
  <si>
    <t>Thanet 002E</t>
  </si>
  <si>
    <t>E01024676</t>
  </si>
  <si>
    <t>Thanet 003A</t>
  </si>
  <si>
    <t>E02005134</t>
  </si>
  <si>
    <t>Thanet 003</t>
  </si>
  <si>
    <t>E01024677</t>
  </si>
  <si>
    <t>Thanet 003B</t>
  </si>
  <si>
    <t>E01024679</t>
  </si>
  <si>
    <t>Thanet 017D</t>
  </si>
  <si>
    <t>E01024680</t>
  </si>
  <si>
    <t>Thanet 017E</t>
  </si>
  <si>
    <t>E01024681</t>
  </si>
  <si>
    <t>Thanet 015E</t>
  </si>
  <si>
    <t>E01024682</t>
  </si>
  <si>
    <t>Thanet 013A</t>
  </si>
  <si>
    <t>E02005144</t>
  </si>
  <si>
    <t>Thanet 013</t>
  </si>
  <si>
    <t>E01024683</t>
  </si>
  <si>
    <t>Thanet 013B</t>
  </si>
  <si>
    <t>E01024684</t>
  </si>
  <si>
    <t>Thanet 013C</t>
  </si>
  <si>
    <t>E01024685</t>
  </si>
  <si>
    <t>Thanet 013D</t>
  </si>
  <si>
    <t>E01024686</t>
  </si>
  <si>
    <t>Thanet 011A</t>
  </si>
  <si>
    <t>E02005142</t>
  </si>
  <si>
    <t>Thanet 011</t>
  </si>
  <si>
    <t>E01024687</t>
  </si>
  <si>
    <t>Thanet 013E</t>
  </si>
  <si>
    <t>E01024688</t>
  </si>
  <si>
    <t>Thanet 011B</t>
  </si>
  <si>
    <t>E01024689</t>
  </si>
  <si>
    <t>Thanet 011C</t>
  </si>
  <si>
    <t>E01024690</t>
  </si>
  <si>
    <t>Thanet 011D</t>
  </si>
  <si>
    <t>E01024691</t>
  </si>
  <si>
    <t>Thanet 011E</t>
  </si>
  <si>
    <t>E01024692</t>
  </si>
  <si>
    <t>Thanet 009D</t>
  </si>
  <si>
    <t>E01024693</t>
  </si>
  <si>
    <t>Thanet 009E</t>
  </si>
  <si>
    <t>E01024694</t>
  </si>
  <si>
    <t>Thanet 004D</t>
  </si>
  <si>
    <t>E01024695</t>
  </si>
  <si>
    <t>Thanet 003C</t>
  </si>
  <si>
    <t>E01024696</t>
  </si>
  <si>
    <t>Thanet 004E</t>
  </si>
  <si>
    <t>E01024697</t>
  </si>
  <si>
    <t>Thanet 003D</t>
  </si>
  <si>
    <t>E01024698</t>
  </si>
  <si>
    <t>Thanet 012B</t>
  </si>
  <si>
    <t>E01024699</t>
  </si>
  <si>
    <t>Thanet 012C</t>
  </si>
  <si>
    <t>E01024700</t>
  </si>
  <si>
    <t>Thanet 012D</t>
  </si>
  <si>
    <t>E01024702</t>
  </si>
  <si>
    <t>Thanet 014B</t>
  </si>
  <si>
    <t>E02005145</t>
  </si>
  <si>
    <t>Thanet 014</t>
  </si>
  <si>
    <t>E01024703</t>
  </si>
  <si>
    <t>Thanet 014C</t>
  </si>
  <si>
    <t>E01024704</t>
  </si>
  <si>
    <t>Thanet 014D</t>
  </si>
  <si>
    <t>E01024705</t>
  </si>
  <si>
    <t>Thanet 010B</t>
  </si>
  <si>
    <t>E01024706</t>
  </si>
  <si>
    <t>Thanet 010C</t>
  </si>
  <si>
    <t>E01024707</t>
  </si>
  <si>
    <t>Thanet 010D</t>
  </si>
  <si>
    <t>E01024708</t>
  </si>
  <si>
    <t>Thanet 010E</t>
  </si>
  <si>
    <t>E01024709</t>
  </si>
  <si>
    <t>Thanet 012E</t>
  </si>
  <si>
    <t>E01024710</t>
  </si>
  <si>
    <t>Thanet 003E</t>
  </si>
  <si>
    <t>E01024711</t>
  </si>
  <si>
    <t>Thanet 005D</t>
  </si>
  <si>
    <t>E01024712</t>
  </si>
  <si>
    <t>Thanet 005E</t>
  </si>
  <si>
    <t>E01024713</t>
  </si>
  <si>
    <t>Thanet 007B</t>
  </si>
  <si>
    <t>E01024714</t>
  </si>
  <si>
    <t>Thanet 007C</t>
  </si>
  <si>
    <t>E01024715</t>
  </si>
  <si>
    <t>Thanet 007D</t>
  </si>
  <si>
    <t>E01024716</t>
  </si>
  <si>
    <t>Thanet 007E</t>
  </si>
  <si>
    <t>E01024717</t>
  </si>
  <si>
    <t>Tonbridge and Malling 005A</t>
  </si>
  <si>
    <t>E02005153</t>
  </si>
  <si>
    <t>Tonbridge and Malling 005</t>
  </si>
  <si>
    <t>E07000115</t>
  </si>
  <si>
    <t>Tonbridge and Malling</t>
  </si>
  <si>
    <t>E01024718</t>
  </si>
  <si>
    <t>Tonbridge and Malling 005B</t>
  </si>
  <si>
    <t>E01024719</t>
  </si>
  <si>
    <t>Tonbridge and Malling 001A</t>
  </si>
  <si>
    <t>E02005149</t>
  </si>
  <si>
    <t>Tonbridge and Malling 001</t>
  </si>
  <si>
    <t>E01024720</t>
  </si>
  <si>
    <t>Tonbridge and Malling 001B</t>
  </si>
  <si>
    <t>E01024721</t>
  </si>
  <si>
    <t>Tonbridge and Malling 001C</t>
  </si>
  <si>
    <t>E01024722</t>
  </si>
  <si>
    <t>Tonbridge and Malling 001D</t>
  </si>
  <si>
    <t>E01024723</t>
  </si>
  <si>
    <t>Tonbridge and Malling 006A</t>
  </si>
  <si>
    <t>E02005154</t>
  </si>
  <si>
    <t>Tonbridge and Malling 006</t>
  </si>
  <si>
    <t>E01024724</t>
  </si>
  <si>
    <t>Tonbridge and Malling 006B</t>
  </si>
  <si>
    <t>E01024725</t>
  </si>
  <si>
    <t>Tonbridge and Malling 006C</t>
  </si>
  <si>
    <t>E01024726</t>
  </si>
  <si>
    <t>Tonbridge and Malling 006D</t>
  </si>
  <si>
    <t>E01024728</t>
  </si>
  <si>
    <t>Tonbridge and Malling 001F</t>
  </si>
  <si>
    <t>E01024729</t>
  </si>
  <si>
    <t>Tonbridge and Malling 011A</t>
  </si>
  <si>
    <t>E02005159</t>
  </si>
  <si>
    <t>Tonbridge and Malling 011</t>
  </si>
  <si>
    <t>E01024730</t>
  </si>
  <si>
    <t>Tonbridge and Malling 009A</t>
  </si>
  <si>
    <t>E02005157</t>
  </si>
  <si>
    <t>Tonbridge and Malling 009</t>
  </si>
  <si>
    <t>E01024731</t>
  </si>
  <si>
    <t>Tonbridge and Malling 009B</t>
  </si>
  <si>
    <t>E01024732</t>
  </si>
  <si>
    <t>Tonbridge and Malling 012A</t>
  </si>
  <si>
    <t>E02005160</t>
  </si>
  <si>
    <t>Tonbridge and Malling 012</t>
  </si>
  <si>
    <t>E01024733</t>
  </si>
  <si>
    <t>Tonbridge and Malling 012B</t>
  </si>
  <si>
    <t>E01024734</t>
  </si>
  <si>
    <t>Tonbridge and Malling 010A</t>
  </si>
  <si>
    <t>E02005158</t>
  </si>
  <si>
    <t>Tonbridge and Malling 010</t>
  </si>
  <si>
    <t>E01024735</t>
  </si>
  <si>
    <t>Tonbridge and Malling 005C</t>
  </si>
  <si>
    <t>E01024736</t>
  </si>
  <si>
    <t>Tonbridge and Malling 005D</t>
  </si>
  <si>
    <t>E01024737</t>
  </si>
  <si>
    <t>Tonbridge and Malling 005E</t>
  </si>
  <si>
    <t>E01024740</t>
  </si>
  <si>
    <t>Tonbridge and Malling 014A</t>
  </si>
  <si>
    <t>E02006833</t>
  </si>
  <si>
    <t>Tonbridge and Malling 014</t>
  </si>
  <si>
    <t>E01024741</t>
  </si>
  <si>
    <t>Tonbridge and Malling 003A</t>
  </si>
  <si>
    <t>E02005151</t>
  </si>
  <si>
    <t>Tonbridge and Malling 003</t>
  </si>
  <si>
    <t>E01024742</t>
  </si>
  <si>
    <t>Tonbridge and Malling 014B</t>
  </si>
  <si>
    <t>E01024743</t>
  </si>
  <si>
    <t>Tonbridge and Malling 008A</t>
  </si>
  <si>
    <t>E02005156</t>
  </si>
  <si>
    <t>Tonbridge and Malling 008</t>
  </si>
  <si>
    <t>E01024744</t>
  </si>
  <si>
    <t>Tonbridge and Malling 008B</t>
  </si>
  <si>
    <t>E01024745</t>
  </si>
  <si>
    <t>Tonbridge and Malling 008C</t>
  </si>
  <si>
    <t>E01024746</t>
  </si>
  <si>
    <t>Tonbridge and Malling 007A</t>
  </si>
  <si>
    <t>E02005155</t>
  </si>
  <si>
    <t>Tonbridge and Malling 007</t>
  </si>
  <si>
    <t>E01024747</t>
  </si>
  <si>
    <t>Tonbridge and Malling 008D</t>
  </si>
  <si>
    <t>E01024748</t>
  </si>
  <si>
    <t>Tonbridge and Malling 011B</t>
  </si>
  <si>
    <t>E01024749</t>
  </si>
  <si>
    <t>Tonbridge and Malling 011C</t>
  </si>
  <si>
    <t>E01024750</t>
  </si>
  <si>
    <t>Tonbridge and Malling 011D</t>
  </si>
  <si>
    <t>E01024751</t>
  </si>
  <si>
    <t>Tonbridge and Malling 011E</t>
  </si>
  <si>
    <t>E01024752</t>
  </si>
  <si>
    <t>Tonbridge and Malling 010B</t>
  </si>
  <si>
    <t>E01024753</t>
  </si>
  <si>
    <t>Tonbridge and Malling 010C</t>
  </si>
  <si>
    <t>E01024754</t>
  </si>
  <si>
    <t>Tonbridge and Malling 010D</t>
  </si>
  <si>
    <t>E01024755</t>
  </si>
  <si>
    <t>Tonbridge and Malling 006E</t>
  </si>
  <si>
    <t>E01024756</t>
  </si>
  <si>
    <t>Tonbridge and Malling 012C</t>
  </si>
  <si>
    <t>E01024757</t>
  </si>
  <si>
    <t>Tonbridge and Malling 013A</t>
  </si>
  <si>
    <t>E02005161</t>
  </si>
  <si>
    <t>Tonbridge and Malling 013</t>
  </si>
  <si>
    <t>E01024758</t>
  </si>
  <si>
    <t>Tonbridge and Malling 013B</t>
  </si>
  <si>
    <t>E01024760</t>
  </si>
  <si>
    <t>Tonbridge and Malling 007C</t>
  </si>
  <si>
    <t>E01024761</t>
  </si>
  <si>
    <t>Tonbridge and Malling 003B</t>
  </si>
  <si>
    <t>E01024762</t>
  </si>
  <si>
    <t>Tonbridge and Malling 003C</t>
  </si>
  <si>
    <t>E01024763</t>
  </si>
  <si>
    <t>Tonbridge and Malling 003D</t>
  </si>
  <si>
    <t>E01024764</t>
  </si>
  <si>
    <t>Tonbridge and Malling 003E</t>
  </si>
  <si>
    <t>E01024765</t>
  </si>
  <si>
    <t>Tonbridge and Malling 003F</t>
  </si>
  <si>
    <t>E01024767</t>
  </si>
  <si>
    <t>Tonbridge and Malling 012E</t>
  </si>
  <si>
    <t>E01024768</t>
  </si>
  <si>
    <t>Tonbridge and Malling 012F</t>
  </si>
  <si>
    <t>E01024771</t>
  </si>
  <si>
    <t>Tonbridge and Malling 002C</t>
  </si>
  <si>
    <t>E02005150</t>
  </si>
  <si>
    <t>Tonbridge and Malling 002</t>
  </si>
  <si>
    <t>E01024772</t>
  </si>
  <si>
    <t>Tonbridge and Malling 002D</t>
  </si>
  <si>
    <t>E01024773</t>
  </si>
  <si>
    <t>Tonbridge and Malling 002E</t>
  </si>
  <si>
    <t>E01024775</t>
  </si>
  <si>
    <t>Tonbridge and Malling 009C</t>
  </si>
  <si>
    <t>E01024776</t>
  </si>
  <si>
    <t>Tonbridge and Malling 009D</t>
  </si>
  <si>
    <t>E01024777</t>
  </si>
  <si>
    <t>Tonbridge and Malling 009E</t>
  </si>
  <si>
    <t>E01024778</t>
  </si>
  <si>
    <t>Tonbridge and Malling 013C</t>
  </si>
  <si>
    <t>E01024779</t>
  </si>
  <si>
    <t>Tonbridge and Malling 013D</t>
  </si>
  <si>
    <t>E01024780</t>
  </si>
  <si>
    <t>Tonbridge and Malling 013E</t>
  </si>
  <si>
    <t>E01024781</t>
  </si>
  <si>
    <t>Tonbridge and Malling 007D</t>
  </si>
  <si>
    <t>E01024782</t>
  </si>
  <si>
    <t>Tonbridge and Malling 003G</t>
  </si>
  <si>
    <t>E01024783</t>
  </si>
  <si>
    <t>Tonbridge and Malling 014C</t>
  </si>
  <si>
    <t>E01024785</t>
  </si>
  <si>
    <t>Tonbridge and Malling 003H</t>
  </si>
  <si>
    <t>E01024786</t>
  </si>
  <si>
    <t>Tonbridge and Malling 006F</t>
  </si>
  <si>
    <t>E01024787</t>
  </si>
  <si>
    <t>Tunbridge Wells 013A</t>
  </si>
  <si>
    <t>E02005174</t>
  </si>
  <si>
    <t>Tunbridge Wells 013</t>
  </si>
  <si>
    <t>E07000116</t>
  </si>
  <si>
    <t>Tunbridge Wells</t>
  </si>
  <si>
    <t>E01024788</t>
  </si>
  <si>
    <t>Tunbridge Wells 013B</t>
  </si>
  <si>
    <t>E01024789</t>
  </si>
  <si>
    <t>Tunbridge Wells 014A</t>
  </si>
  <si>
    <t>E02005175</t>
  </si>
  <si>
    <t>Tunbridge Wells 014</t>
  </si>
  <si>
    <t>E01024790</t>
  </si>
  <si>
    <t>Tunbridge Wells 013C</t>
  </si>
  <si>
    <t>E01024791</t>
  </si>
  <si>
    <t>Tunbridge Wells 013D</t>
  </si>
  <si>
    <t>E01024792</t>
  </si>
  <si>
    <t>Tunbridge Wells 011A</t>
  </si>
  <si>
    <t>E02005172</t>
  </si>
  <si>
    <t>Tunbridge Wells 011</t>
  </si>
  <si>
    <t>E01024793</t>
  </si>
  <si>
    <t>Tunbridge Wells 004A</t>
  </si>
  <si>
    <t>E02005165</t>
  </si>
  <si>
    <t>Tunbridge Wells 004</t>
  </si>
  <si>
    <t>E01024794</t>
  </si>
  <si>
    <t>Tunbridge Wells 011B</t>
  </si>
  <si>
    <t>E01024795</t>
  </si>
  <si>
    <t>Tunbridge Wells 010A</t>
  </si>
  <si>
    <t>E02005171</t>
  </si>
  <si>
    <t>Tunbridge Wells 010</t>
  </si>
  <si>
    <t>E01024796</t>
  </si>
  <si>
    <t>Tunbridge Wells 010B</t>
  </si>
  <si>
    <t>E01024797</t>
  </si>
  <si>
    <t>Tunbridge Wells 012A</t>
  </si>
  <si>
    <t>E02005173</t>
  </si>
  <si>
    <t>Tunbridge Wells 012</t>
  </si>
  <si>
    <t>E01024798</t>
  </si>
  <si>
    <t>Tunbridge Wells 001A</t>
  </si>
  <si>
    <t>E02005162</t>
  </si>
  <si>
    <t>Tunbridge Wells 001</t>
  </si>
  <si>
    <t>E01024799</t>
  </si>
  <si>
    <t>Tunbridge Wells 007A</t>
  </si>
  <si>
    <t>E02005168</t>
  </si>
  <si>
    <t>Tunbridge Wells 007</t>
  </si>
  <si>
    <t>E01024800</t>
  </si>
  <si>
    <t>Tunbridge Wells 007B</t>
  </si>
  <si>
    <t>E01024802</t>
  </si>
  <si>
    <t>Tunbridge Wells 008B</t>
  </si>
  <si>
    <t>E02005169</t>
  </si>
  <si>
    <t>Tunbridge Wells 008</t>
  </si>
  <si>
    <t>E01024803</t>
  </si>
  <si>
    <t>Tunbridge Wells 013E</t>
  </si>
  <si>
    <t>E01024804</t>
  </si>
  <si>
    <t>Tunbridge Wells 011C</t>
  </si>
  <si>
    <t>E01024805</t>
  </si>
  <si>
    <t>Tunbridge Wells 011D</t>
  </si>
  <si>
    <t>E01024806</t>
  </si>
  <si>
    <t>Tunbridge Wells 011E</t>
  </si>
  <si>
    <t>E01024807</t>
  </si>
  <si>
    <t>Tunbridge Wells 014B</t>
  </si>
  <si>
    <t>E01024808</t>
  </si>
  <si>
    <t>Tunbridge Wells 014C</t>
  </si>
  <si>
    <t>E01024809</t>
  </si>
  <si>
    <t>Tunbridge Wells 014D</t>
  </si>
  <si>
    <t>E01024810</t>
  </si>
  <si>
    <t>Tunbridge Wells 014E</t>
  </si>
  <si>
    <t>E01024811</t>
  </si>
  <si>
    <t>Tunbridge Wells 001B</t>
  </si>
  <si>
    <t>E01024812</t>
  </si>
  <si>
    <t>Tunbridge Wells 001C</t>
  </si>
  <si>
    <t>E01024813</t>
  </si>
  <si>
    <t>Tunbridge Wells 001D</t>
  </si>
  <si>
    <t>E01024814</t>
  </si>
  <si>
    <t>Tunbridge Wells 001E</t>
  </si>
  <si>
    <t>E01024815</t>
  </si>
  <si>
    <t>Tunbridge Wells 001F</t>
  </si>
  <si>
    <t>E01024816</t>
  </si>
  <si>
    <t>Tunbridge Wells 001G</t>
  </si>
  <si>
    <t>E01024817</t>
  </si>
  <si>
    <t>Tunbridge Wells 012B</t>
  </si>
  <si>
    <t>E01024818</t>
  </si>
  <si>
    <t>Tunbridge Wells 012C</t>
  </si>
  <si>
    <t>E01024819</t>
  </si>
  <si>
    <t>Tunbridge Wells 012D</t>
  </si>
  <si>
    <t>E01024820</t>
  </si>
  <si>
    <t>Tunbridge Wells 012E</t>
  </si>
  <si>
    <t>E01024821</t>
  </si>
  <si>
    <t>Tunbridge Wells 009A</t>
  </si>
  <si>
    <t>E02005170</t>
  </si>
  <si>
    <t>Tunbridge Wells 009</t>
  </si>
  <si>
    <t>E01024822</t>
  </si>
  <si>
    <t>Tunbridge Wells 009B</t>
  </si>
  <si>
    <t>E01024823</t>
  </si>
  <si>
    <t>Tunbridge Wells 008C</t>
  </si>
  <si>
    <t>E01024824</t>
  </si>
  <si>
    <t>Tunbridge Wells 009C</t>
  </si>
  <si>
    <t>E01024825</t>
  </si>
  <si>
    <t>Tunbridge Wells 004B</t>
  </si>
  <si>
    <t>E01024826</t>
  </si>
  <si>
    <t>Tunbridge Wells 004C</t>
  </si>
  <si>
    <t>E01024827</t>
  </si>
  <si>
    <t>Tunbridge Wells 004D</t>
  </si>
  <si>
    <t>E01024828</t>
  </si>
  <si>
    <t>Tunbridge Wells 004E</t>
  </si>
  <si>
    <t>E01024829</t>
  </si>
  <si>
    <t>Tunbridge Wells 006A</t>
  </si>
  <si>
    <t>E02005167</t>
  </si>
  <si>
    <t>Tunbridge Wells 006</t>
  </si>
  <si>
    <t>E01024830</t>
  </si>
  <si>
    <t>Tunbridge Wells 010C</t>
  </si>
  <si>
    <t>E01024831</t>
  </si>
  <si>
    <t>Tunbridge Wells 010D</t>
  </si>
  <si>
    <t>E01024832</t>
  </si>
  <si>
    <t>Tunbridge Wells 009D</t>
  </si>
  <si>
    <t>E01024833</t>
  </si>
  <si>
    <t>Tunbridge Wells 008D</t>
  </si>
  <si>
    <t>E01024834</t>
  </si>
  <si>
    <t>Tunbridge Wells 009E</t>
  </si>
  <si>
    <t>E01024835</t>
  </si>
  <si>
    <t>Tunbridge Wells 007C</t>
  </si>
  <si>
    <t>E01024836</t>
  </si>
  <si>
    <t>Tunbridge Wells 003A</t>
  </si>
  <si>
    <t>E02005164</t>
  </si>
  <si>
    <t>Tunbridge Wells 003</t>
  </si>
  <si>
    <t>E01024837</t>
  </si>
  <si>
    <t>Tunbridge Wells 002A</t>
  </si>
  <si>
    <t>E02005163</t>
  </si>
  <si>
    <t>Tunbridge Wells 002</t>
  </si>
  <si>
    <t>E01024838</t>
  </si>
  <si>
    <t>Tunbridge Wells 007D</t>
  </si>
  <si>
    <t>E01024839</t>
  </si>
  <si>
    <t>Tunbridge Wells 003B</t>
  </si>
  <si>
    <t>E01024840</t>
  </si>
  <si>
    <t>Tunbridge Wells 005A</t>
  </si>
  <si>
    <t>E02005166</t>
  </si>
  <si>
    <t>Tunbridge Wells 005</t>
  </si>
  <si>
    <t>E01024841</t>
  </si>
  <si>
    <t>Tunbridge Wells 005B</t>
  </si>
  <si>
    <t>E01024842</t>
  </si>
  <si>
    <t>Tunbridge Wells 005C</t>
  </si>
  <si>
    <t>E01024843</t>
  </si>
  <si>
    <t>Tunbridge Wells 005D</t>
  </si>
  <si>
    <t>E01024844</t>
  </si>
  <si>
    <t>Tunbridge Wells 002B</t>
  </si>
  <si>
    <t>E01024845</t>
  </si>
  <si>
    <t>Tunbridge Wells 003C</t>
  </si>
  <si>
    <t>E01024846</t>
  </si>
  <si>
    <t>Tunbridge Wells 002C</t>
  </si>
  <si>
    <t>E01024847</t>
  </si>
  <si>
    <t>Tunbridge Wells 003D</t>
  </si>
  <si>
    <t>E01024848</t>
  </si>
  <si>
    <t>Tunbridge Wells 003E</t>
  </si>
  <si>
    <t>E01024849</t>
  </si>
  <si>
    <t>Tunbridge Wells 002D</t>
  </si>
  <si>
    <t>E01024850</t>
  </si>
  <si>
    <t>Tunbridge Wells 002E</t>
  </si>
  <si>
    <t>E01024851</t>
  </si>
  <si>
    <t>Tunbridge Wells 006B</t>
  </si>
  <si>
    <t>E01024852</t>
  </si>
  <si>
    <t>Tunbridge Wells 006C</t>
  </si>
  <si>
    <t>E01024853</t>
  </si>
  <si>
    <t>Tunbridge Wells 006D</t>
  </si>
  <si>
    <t>E01024854</t>
  </si>
  <si>
    <t>Tunbridge Wells 006E</t>
  </si>
  <si>
    <t>E01026239</t>
  </si>
  <si>
    <t>South Holland 011A</t>
  </si>
  <si>
    <t>E02005475</t>
  </si>
  <si>
    <t>South Holland 011</t>
  </si>
  <si>
    <t>E07000140</t>
  </si>
  <si>
    <t>South Holland</t>
  </si>
  <si>
    <t>E37000060</t>
  </si>
  <si>
    <t>Greater Lincolnshire</t>
  </si>
  <si>
    <t>E01026254</t>
  </si>
  <si>
    <t>South Holland 008A</t>
  </si>
  <si>
    <t>E02005472</t>
  </si>
  <si>
    <t>South Holland 008</t>
  </si>
  <si>
    <t>E01026278</t>
  </si>
  <si>
    <t>South Holland 008E</t>
  </si>
  <si>
    <t>E01026280</t>
  </si>
  <si>
    <t>South Holland 010C</t>
  </si>
  <si>
    <t>E02005474</t>
  </si>
  <si>
    <t>South Holland 010</t>
  </si>
  <si>
    <t>E01026419</t>
  </si>
  <si>
    <t>Breckland 010A</t>
  </si>
  <si>
    <t>E02005512</t>
  </si>
  <si>
    <t>Breckland 010</t>
  </si>
  <si>
    <t>E07000143</t>
  </si>
  <si>
    <t>Breckland</t>
  </si>
  <si>
    <t>E37000052</t>
  </si>
  <si>
    <t>New Anglia</t>
  </si>
  <si>
    <t>E01026420</t>
  </si>
  <si>
    <t>Breckland 010B</t>
  </si>
  <si>
    <t>E01026421</t>
  </si>
  <si>
    <t>Breckland 013A</t>
  </si>
  <si>
    <t>E02005515</t>
  </si>
  <si>
    <t>Breckland 013</t>
  </si>
  <si>
    <t>E01026423</t>
  </si>
  <si>
    <t>Breckland 011B</t>
  </si>
  <si>
    <t>E02005513</t>
  </si>
  <si>
    <t>Breckland 011</t>
  </si>
  <si>
    <t>E01026424</t>
  </si>
  <si>
    <t>Breckland 012A</t>
  </si>
  <si>
    <t>E02005514</t>
  </si>
  <si>
    <t>Breckland 012</t>
  </si>
  <si>
    <t>E01026425</t>
  </si>
  <si>
    <t>Breckland 005A</t>
  </si>
  <si>
    <t>E02005507</t>
  </si>
  <si>
    <t>Breckland 005</t>
  </si>
  <si>
    <t>E01026426</t>
  </si>
  <si>
    <t>Breckland 005B</t>
  </si>
  <si>
    <t>E01026427</t>
  </si>
  <si>
    <t>Breckland 005C</t>
  </si>
  <si>
    <t>E01026428</t>
  </si>
  <si>
    <t>Breckland 003A</t>
  </si>
  <si>
    <t>E02005505</t>
  </si>
  <si>
    <t>Breckland 003</t>
  </si>
  <si>
    <t>E01026429</t>
  </si>
  <si>
    <t>Breckland 003B</t>
  </si>
  <si>
    <t>E01026430</t>
  </si>
  <si>
    <t>Breckland 003C</t>
  </si>
  <si>
    <t>E01026431</t>
  </si>
  <si>
    <t>Breckland 003D</t>
  </si>
  <si>
    <t>E01026432</t>
  </si>
  <si>
    <t>Breckland 005D</t>
  </si>
  <si>
    <t>E01026433</t>
  </si>
  <si>
    <t>Breckland 005E</t>
  </si>
  <si>
    <t>E01026434</t>
  </si>
  <si>
    <t>Breckland 005F</t>
  </si>
  <si>
    <t>E01026435</t>
  </si>
  <si>
    <t>Breckland 013B</t>
  </si>
  <si>
    <t>E01026436</t>
  </si>
  <si>
    <t>Breckland 001A</t>
  </si>
  <si>
    <t>E02005503</t>
  </si>
  <si>
    <t>Breckland 001</t>
  </si>
  <si>
    <t>E01026437</t>
  </si>
  <si>
    <t>Breckland 008A</t>
  </si>
  <si>
    <t>E02005510</t>
  </si>
  <si>
    <t>Breckland 008</t>
  </si>
  <si>
    <t>E01026438</t>
  </si>
  <si>
    <t>Breckland 008B</t>
  </si>
  <si>
    <t>E01026439</t>
  </si>
  <si>
    <t>Breckland 014A</t>
  </si>
  <si>
    <t>E02005516</t>
  </si>
  <si>
    <t>Breckland 014</t>
  </si>
  <si>
    <t>E01026440</t>
  </si>
  <si>
    <t>Breckland 014B</t>
  </si>
  <si>
    <t>E01026441</t>
  </si>
  <si>
    <t>Breckland 014C</t>
  </si>
  <si>
    <t>E01026442</t>
  </si>
  <si>
    <t>Breckland 002A</t>
  </si>
  <si>
    <t>E02005504</t>
  </si>
  <si>
    <t>Breckland 002</t>
  </si>
  <si>
    <t>E01026443</t>
  </si>
  <si>
    <t>Breckland 002B</t>
  </si>
  <si>
    <t>E01026444</t>
  </si>
  <si>
    <t>Breckland 012B</t>
  </si>
  <si>
    <t>E01026445</t>
  </si>
  <si>
    <t>Breckland 002C</t>
  </si>
  <si>
    <t>E01026446</t>
  </si>
  <si>
    <t>Breckland 004A</t>
  </si>
  <si>
    <t>E02005506</t>
  </si>
  <si>
    <t>Breckland 004</t>
  </si>
  <si>
    <t>E01026447</t>
  </si>
  <si>
    <t>Breckland 011C</t>
  </si>
  <si>
    <t>E01026448</t>
  </si>
  <si>
    <t>Breckland 013C</t>
  </si>
  <si>
    <t>E01026449</t>
  </si>
  <si>
    <t>Breckland 011D</t>
  </si>
  <si>
    <t>E01026450</t>
  </si>
  <si>
    <t>Breckland 011E</t>
  </si>
  <si>
    <t>E01026451</t>
  </si>
  <si>
    <t>Breckland 008C</t>
  </si>
  <si>
    <t>E01026452</t>
  </si>
  <si>
    <t>Breckland 004B</t>
  </si>
  <si>
    <t>E01026453</t>
  </si>
  <si>
    <t>Breckland 004C</t>
  </si>
  <si>
    <t>E01026454</t>
  </si>
  <si>
    <t>Breckland 004D</t>
  </si>
  <si>
    <t>E01026456</t>
  </si>
  <si>
    <t>Breckland 007B</t>
  </si>
  <si>
    <t>E02005509</t>
  </si>
  <si>
    <t>Breckland 007</t>
  </si>
  <si>
    <t>E01026457</t>
  </si>
  <si>
    <t>Breckland 007C</t>
  </si>
  <si>
    <t>E01026458</t>
  </si>
  <si>
    <t>Breckland 007D</t>
  </si>
  <si>
    <t>E01026459</t>
  </si>
  <si>
    <t>Breckland 007E</t>
  </si>
  <si>
    <t>E01026461</t>
  </si>
  <si>
    <t>Breckland 001C</t>
  </si>
  <si>
    <t>E01026462</t>
  </si>
  <si>
    <t>Breckland 002D</t>
  </si>
  <si>
    <t>E01026464</t>
  </si>
  <si>
    <t>Breckland 010D</t>
  </si>
  <si>
    <t>E01026465</t>
  </si>
  <si>
    <t>Breckland 015A</t>
  </si>
  <si>
    <t>E02005517</t>
  </si>
  <si>
    <t>Breckland 015</t>
  </si>
  <si>
    <t>E01026466</t>
  </si>
  <si>
    <t>Breckland 015B</t>
  </si>
  <si>
    <t>E01026467</t>
  </si>
  <si>
    <t>Breckland 015C</t>
  </si>
  <si>
    <t>E01026468</t>
  </si>
  <si>
    <t>Breckland 016A</t>
  </si>
  <si>
    <t>E02005518</t>
  </si>
  <si>
    <t>Breckland 016</t>
  </si>
  <si>
    <t>E01026469</t>
  </si>
  <si>
    <t>Breckland 016B</t>
  </si>
  <si>
    <t>E01026470</t>
  </si>
  <si>
    <t>Breckland 016C</t>
  </si>
  <si>
    <t>E01026471</t>
  </si>
  <si>
    <t>Breckland 016D</t>
  </si>
  <si>
    <t>E01026472</t>
  </si>
  <si>
    <t>Breckland 016E</t>
  </si>
  <si>
    <t>E01026473</t>
  </si>
  <si>
    <t>Breckland 016F</t>
  </si>
  <si>
    <t>E01026474</t>
  </si>
  <si>
    <t>Breckland 017A</t>
  </si>
  <si>
    <t>E02005519</t>
  </si>
  <si>
    <t>Breckland 017</t>
  </si>
  <si>
    <t>E01026475</t>
  </si>
  <si>
    <t>Breckland 017B</t>
  </si>
  <si>
    <t>E01026476</t>
  </si>
  <si>
    <t>Breckland 017C</t>
  </si>
  <si>
    <t>E01026477</t>
  </si>
  <si>
    <t>Breckland 017D</t>
  </si>
  <si>
    <t>E01026478</t>
  </si>
  <si>
    <t>Breckland 017E</t>
  </si>
  <si>
    <t>E01026479</t>
  </si>
  <si>
    <t>Breckland 006A</t>
  </si>
  <si>
    <t>E02005508</t>
  </si>
  <si>
    <t>Breckland 006</t>
  </si>
  <si>
    <t>E01026480</t>
  </si>
  <si>
    <t>Breckland 006B</t>
  </si>
  <si>
    <t>E01026481</t>
  </si>
  <si>
    <t>Breckland 006C</t>
  </si>
  <si>
    <t>E01026483</t>
  </si>
  <si>
    <t>Breckland 001E</t>
  </si>
  <si>
    <t>E01026484</t>
  </si>
  <si>
    <t>Breckland 006D</t>
  </si>
  <si>
    <t>E01026485</t>
  </si>
  <si>
    <t>Breckland 006E</t>
  </si>
  <si>
    <t>E01026486</t>
  </si>
  <si>
    <t>Breckland 009A</t>
  </si>
  <si>
    <t>E02005511</t>
  </si>
  <si>
    <t>Breckland 009</t>
  </si>
  <si>
    <t>E01026487</t>
  </si>
  <si>
    <t>Breckland 009B</t>
  </si>
  <si>
    <t>E01026488</t>
  </si>
  <si>
    <t>Breckland 009C</t>
  </si>
  <si>
    <t>E01026489</t>
  </si>
  <si>
    <t>Breckland 009D</t>
  </si>
  <si>
    <t>E01026490</t>
  </si>
  <si>
    <t>Breckland 009E</t>
  </si>
  <si>
    <t>E01026491</t>
  </si>
  <si>
    <t>Breckland 010E</t>
  </si>
  <si>
    <t>E01026492</t>
  </si>
  <si>
    <t>Breckland 012C</t>
  </si>
  <si>
    <t>E01026493</t>
  </si>
  <si>
    <t>Breckland 012D</t>
  </si>
  <si>
    <t>E01026494</t>
  </si>
  <si>
    <t>Breckland 014D</t>
  </si>
  <si>
    <t>E01026495</t>
  </si>
  <si>
    <t>Breckland 008D</t>
  </si>
  <si>
    <t>E01026496</t>
  </si>
  <si>
    <t>Breckland 008E</t>
  </si>
  <si>
    <t>E01026497</t>
  </si>
  <si>
    <t>Broadland 018A</t>
  </si>
  <si>
    <t>E02005537</t>
  </si>
  <si>
    <t>Broadland 018</t>
  </si>
  <si>
    <t>E07000144</t>
  </si>
  <si>
    <t>Broadland</t>
  </si>
  <si>
    <t>E01026498</t>
  </si>
  <si>
    <t>Broadland 018B</t>
  </si>
  <si>
    <t>E01026499</t>
  </si>
  <si>
    <t>Broadland 001A</t>
  </si>
  <si>
    <t>E02005520</t>
  </si>
  <si>
    <t>Broadland 001</t>
  </si>
  <si>
    <t>E01026500</t>
  </si>
  <si>
    <t>Broadland 001B</t>
  </si>
  <si>
    <t>E01026501</t>
  </si>
  <si>
    <t>Broadland 001C</t>
  </si>
  <si>
    <t>E01026502</t>
  </si>
  <si>
    <t>Broadland 001D</t>
  </si>
  <si>
    <t>E01026503</t>
  </si>
  <si>
    <t>Broadland 001E</t>
  </si>
  <si>
    <t>E01026504</t>
  </si>
  <si>
    <t>Broadland 014A</t>
  </si>
  <si>
    <t>E02005533</t>
  </si>
  <si>
    <t>Broadland 014</t>
  </si>
  <si>
    <t>E01026505</t>
  </si>
  <si>
    <t>Broadland 014B</t>
  </si>
  <si>
    <t>E01026506</t>
  </si>
  <si>
    <t>Broadland 014C</t>
  </si>
  <si>
    <t>E01026507</t>
  </si>
  <si>
    <t>Broadland 014D</t>
  </si>
  <si>
    <t>E01026508</t>
  </si>
  <si>
    <t>Broadland 017A</t>
  </si>
  <si>
    <t>E02005536</t>
  </si>
  <si>
    <t>Broadland 017</t>
  </si>
  <si>
    <t>E01026509</t>
  </si>
  <si>
    <t>Broadland 017B</t>
  </si>
  <si>
    <t>E01026510</t>
  </si>
  <si>
    <t>Broadland 017C</t>
  </si>
  <si>
    <t>E01026511</t>
  </si>
  <si>
    <t>Broadland 017D</t>
  </si>
  <si>
    <t>E01026512</t>
  </si>
  <si>
    <t>Broadland 014E</t>
  </si>
  <si>
    <t>E01026513</t>
  </si>
  <si>
    <t>Broadland 014F</t>
  </si>
  <si>
    <t>E01026514</t>
  </si>
  <si>
    <t>Broadland 003A</t>
  </si>
  <si>
    <t>E02005522</t>
  </si>
  <si>
    <t>Broadland 003</t>
  </si>
  <si>
    <t>E01026515</t>
  </si>
  <si>
    <t>Broadland 003B</t>
  </si>
  <si>
    <t>E01026516</t>
  </si>
  <si>
    <t>Broadland 003C</t>
  </si>
  <si>
    <t>E01026517</t>
  </si>
  <si>
    <t>Broadland 003D</t>
  </si>
  <si>
    <t>E01026518</t>
  </si>
  <si>
    <t>Broadland 007A</t>
  </si>
  <si>
    <t>E02005526</t>
  </si>
  <si>
    <t>Broadland 007</t>
  </si>
  <si>
    <t>E01026519</t>
  </si>
  <si>
    <t>Broadland 007B</t>
  </si>
  <si>
    <t>E01026520</t>
  </si>
  <si>
    <t>Broadland 007C</t>
  </si>
  <si>
    <t>E01026521</t>
  </si>
  <si>
    <t>Broadland 007D</t>
  </si>
  <si>
    <t>E01026522</t>
  </si>
  <si>
    <t>Broadland 002A</t>
  </si>
  <si>
    <t>E02005521</t>
  </si>
  <si>
    <t>Broadland 002</t>
  </si>
  <si>
    <t>E01026523</t>
  </si>
  <si>
    <t>Broadland 002B</t>
  </si>
  <si>
    <t>E01026524</t>
  </si>
  <si>
    <t>Broadland 002C</t>
  </si>
  <si>
    <t>E01026525</t>
  </si>
  <si>
    <t>Broadland 002D</t>
  </si>
  <si>
    <t>E01026526</t>
  </si>
  <si>
    <t>Broadland 010A</t>
  </si>
  <si>
    <t>E02005529</t>
  </si>
  <si>
    <t>Broadland 010</t>
  </si>
  <si>
    <t>E01026527</t>
  </si>
  <si>
    <t>Broadland 010B</t>
  </si>
  <si>
    <t>E01026528</t>
  </si>
  <si>
    <t>Broadland 010C</t>
  </si>
  <si>
    <t>E01026529</t>
  </si>
  <si>
    <t>Broadland 010D</t>
  </si>
  <si>
    <t>E01026530</t>
  </si>
  <si>
    <t>Broadland 011A</t>
  </si>
  <si>
    <t>E02005530</t>
  </si>
  <si>
    <t>Broadland 011</t>
  </si>
  <si>
    <t>E01026531</t>
  </si>
  <si>
    <t>Broadland 011B</t>
  </si>
  <si>
    <t>E01026532</t>
  </si>
  <si>
    <t>Broadland 011C</t>
  </si>
  <si>
    <t>E01026533</t>
  </si>
  <si>
    <t>Broadland 004A</t>
  </si>
  <si>
    <t>E02005523</t>
  </si>
  <si>
    <t>Broadland 004</t>
  </si>
  <si>
    <t>E01026534</t>
  </si>
  <si>
    <t>Broadland 004B</t>
  </si>
  <si>
    <t>E01026535</t>
  </si>
  <si>
    <t>Broadland 004C</t>
  </si>
  <si>
    <t>E01026536</t>
  </si>
  <si>
    <t>Broadland 004D</t>
  </si>
  <si>
    <t>E01026537</t>
  </si>
  <si>
    <t>Broadland 004E</t>
  </si>
  <si>
    <t>E01026538</t>
  </si>
  <si>
    <t>Broadland 018C</t>
  </si>
  <si>
    <t>E01026539</t>
  </si>
  <si>
    <t>Broadland 018D</t>
  </si>
  <si>
    <t>E01026540</t>
  </si>
  <si>
    <t>Broadland 009A</t>
  </si>
  <si>
    <t>E02005528</t>
  </si>
  <si>
    <t>Broadland 009</t>
  </si>
  <si>
    <t>E01026541</t>
  </si>
  <si>
    <t>Broadland 009B</t>
  </si>
  <si>
    <t>E01026542</t>
  </si>
  <si>
    <t>Broadland 009C</t>
  </si>
  <si>
    <t>E01026543</t>
  </si>
  <si>
    <t>Broadland 009D</t>
  </si>
  <si>
    <t>E01026544</t>
  </si>
  <si>
    <t>Broadland 009E</t>
  </si>
  <si>
    <t>E01026545</t>
  </si>
  <si>
    <t>Broadland 008A</t>
  </si>
  <si>
    <t>E02005527</t>
  </si>
  <si>
    <t>Broadland 008</t>
  </si>
  <si>
    <t>E01026546</t>
  </si>
  <si>
    <t>Broadland 008B</t>
  </si>
  <si>
    <t>E01026547</t>
  </si>
  <si>
    <t>Broadland 002E</t>
  </si>
  <si>
    <t>E01026548</t>
  </si>
  <si>
    <t>Broadland 002F</t>
  </si>
  <si>
    <t>E01026549</t>
  </si>
  <si>
    <t>Broadland 005A</t>
  </si>
  <si>
    <t>E02005524</t>
  </si>
  <si>
    <t>Broadland 005</t>
  </si>
  <si>
    <t>E01026550</t>
  </si>
  <si>
    <t>Broadland 005B</t>
  </si>
  <si>
    <t>E01026551</t>
  </si>
  <si>
    <t>Broadland 005C</t>
  </si>
  <si>
    <t>E01026552</t>
  </si>
  <si>
    <t>Broadland 005D</t>
  </si>
  <si>
    <t>E01026553</t>
  </si>
  <si>
    <t>Broadland 012A</t>
  </si>
  <si>
    <t>E02005531</t>
  </si>
  <si>
    <t>Broadland 012</t>
  </si>
  <si>
    <t>E01026554</t>
  </si>
  <si>
    <t>Broadland 012B</t>
  </si>
  <si>
    <t>E01026555</t>
  </si>
  <si>
    <t>Broadland 012C</t>
  </si>
  <si>
    <t>E01026556</t>
  </si>
  <si>
    <t>Broadland 012D</t>
  </si>
  <si>
    <t>E01026557</t>
  </si>
  <si>
    <t>Broadland 013A</t>
  </si>
  <si>
    <t>E02005532</t>
  </si>
  <si>
    <t>Broadland 013</t>
  </si>
  <si>
    <t>E01026558</t>
  </si>
  <si>
    <t>Broadland 013B</t>
  </si>
  <si>
    <t>E01026559</t>
  </si>
  <si>
    <t>Broadland 013C</t>
  </si>
  <si>
    <t>E01026560</t>
  </si>
  <si>
    <t>Broadland 013D</t>
  </si>
  <si>
    <t>E01026562</t>
  </si>
  <si>
    <t>Broadland 006A</t>
  </si>
  <si>
    <t>E02005525</t>
  </si>
  <si>
    <t>Broadland 006</t>
  </si>
  <si>
    <t>E01026563</t>
  </si>
  <si>
    <t>Broadland 006B</t>
  </si>
  <si>
    <t>E01026564</t>
  </si>
  <si>
    <t>Broadland 006C</t>
  </si>
  <si>
    <t>E01026565</t>
  </si>
  <si>
    <t>Broadland 006D</t>
  </si>
  <si>
    <t>E01026566</t>
  </si>
  <si>
    <t>Broadland 006E</t>
  </si>
  <si>
    <t>E01026567</t>
  </si>
  <si>
    <t>Broadland 006F</t>
  </si>
  <si>
    <t>E01026568</t>
  </si>
  <si>
    <t>Broadland 006G</t>
  </si>
  <si>
    <t>E01026569</t>
  </si>
  <si>
    <t>Broadland 015A</t>
  </si>
  <si>
    <t>E02005534</t>
  </si>
  <si>
    <t>Broadland 015</t>
  </si>
  <si>
    <t>E01026570</t>
  </si>
  <si>
    <t>Broadland 015B</t>
  </si>
  <si>
    <t>E01026571</t>
  </si>
  <si>
    <t>Broadland 015C</t>
  </si>
  <si>
    <t>E01026572</t>
  </si>
  <si>
    <t>Broadland 015D</t>
  </si>
  <si>
    <t>E01026573</t>
  </si>
  <si>
    <t>Broadland 015E</t>
  </si>
  <si>
    <t>E01026574</t>
  </si>
  <si>
    <t>Broadland 016A</t>
  </si>
  <si>
    <t>E02005535</t>
  </si>
  <si>
    <t>Broadland 016</t>
  </si>
  <si>
    <t>E01026575</t>
  </si>
  <si>
    <t>Broadland 016B</t>
  </si>
  <si>
    <t>E01026576</t>
  </si>
  <si>
    <t>Broadland 016C</t>
  </si>
  <si>
    <t>E01026577</t>
  </si>
  <si>
    <t>Broadland 016D</t>
  </si>
  <si>
    <t>E01026578</t>
  </si>
  <si>
    <t>Broadland 008C</t>
  </si>
  <si>
    <t>E01026579</t>
  </si>
  <si>
    <t>Broadland 008D</t>
  </si>
  <si>
    <t>E01026580</t>
  </si>
  <si>
    <t>Broadland 008E</t>
  </si>
  <si>
    <t>E01026581</t>
  </si>
  <si>
    <t>Great Yarmouth 008A</t>
  </si>
  <si>
    <t>E02005545</t>
  </si>
  <si>
    <t>Great Yarmouth 008</t>
  </si>
  <si>
    <t>E07000145</t>
  </si>
  <si>
    <t>Great Yarmouth</t>
  </si>
  <si>
    <t>E01026582</t>
  </si>
  <si>
    <t>Great Yarmouth 008B</t>
  </si>
  <si>
    <t>E01026583</t>
  </si>
  <si>
    <t>Great Yarmouth 008C</t>
  </si>
  <si>
    <t>E01026584</t>
  </si>
  <si>
    <t>Great Yarmouth 008D</t>
  </si>
  <si>
    <t>E01026587</t>
  </si>
  <si>
    <t>Great Yarmouth 013C</t>
  </si>
  <si>
    <t>E02005550</t>
  </si>
  <si>
    <t>Great Yarmouth 013</t>
  </si>
  <si>
    <t>E01026588</t>
  </si>
  <si>
    <t>Great Yarmouth 013D</t>
  </si>
  <si>
    <t>E01026589</t>
  </si>
  <si>
    <t>Great Yarmouth 003A</t>
  </si>
  <si>
    <t>E02005540</t>
  </si>
  <si>
    <t>Great Yarmouth 003</t>
  </si>
  <si>
    <t>E01026590</t>
  </si>
  <si>
    <t>Great Yarmouth 003B</t>
  </si>
  <si>
    <t>E01026591</t>
  </si>
  <si>
    <t>Great Yarmouth 003C</t>
  </si>
  <si>
    <t>E01026592</t>
  </si>
  <si>
    <t>Great Yarmouth 003D</t>
  </si>
  <si>
    <t>E01026593</t>
  </si>
  <si>
    <t>Great Yarmouth 003E</t>
  </si>
  <si>
    <t>E01026594</t>
  </si>
  <si>
    <t>Great Yarmouth 003F</t>
  </si>
  <si>
    <t>E01026595</t>
  </si>
  <si>
    <t>Great Yarmouth 005A</t>
  </si>
  <si>
    <t>E02005542</t>
  </si>
  <si>
    <t>Great Yarmouth 005</t>
  </si>
  <si>
    <t>E01026596</t>
  </si>
  <si>
    <t>Great Yarmouth 005B</t>
  </si>
  <si>
    <t>E01026597</t>
  </si>
  <si>
    <t>Great Yarmouth 005C</t>
  </si>
  <si>
    <t>E01026598</t>
  </si>
  <si>
    <t>Great Yarmouth 005D</t>
  </si>
  <si>
    <t>E01026599</t>
  </si>
  <si>
    <t>Great Yarmouth 004A</t>
  </si>
  <si>
    <t>E02005541</t>
  </si>
  <si>
    <t>Great Yarmouth 004</t>
  </si>
  <si>
    <t>E01026600</t>
  </si>
  <si>
    <t>Great Yarmouth 007A</t>
  </si>
  <si>
    <t>E02005544</t>
  </si>
  <si>
    <t>Great Yarmouth 007</t>
  </si>
  <si>
    <t>E01026601</t>
  </si>
  <si>
    <t>Great Yarmouth 009A</t>
  </si>
  <si>
    <t>E02005546</t>
  </si>
  <si>
    <t>Great Yarmouth 009</t>
  </si>
  <si>
    <t>E01026602</t>
  </si>
  <si>
    <t>Great Yarmouth 009B</t>
  </si>
  <si>
    <t>E01026603</t>
  </si>
  <si>
    <t>Great Yarmouth 009C</t>
  </si>
  <si>
    <t>E01026604</t>
  </si>
  <si>
    <t>Great Yarmouth 009D</t>
  </si>
  <si>
    <t>E01026605</t>
  </si>
  <si>
    <t>Great Yarmouth 001A</t>
  </si>
  <si>
    <t>E02005538</t>
  </si>
  <si>
    <t>Great Yarmouth 001</t>
  </si>
  <si>
    <t>E01026606</t>
  </si>
  <si>
    <t>Great Yarmouth 001B</t>
  </si>
  <si>
    <t>E01026607</t>
  </si>
  <si>
    <t>Great Yarmouth 001C</t>
  </si>
  <si>
    <t>E01026608</t>
  </si>
  <si>
    <t>Great Yarmouth 002A</t>
  </si>
  <si>
    <t>E02005539</t>
  </si>
  <si>
    <t>Great Yarmouth 002</t>
  </si>
  <si>
    <t>E01026609</t>
  </si>
  <si>
    <t>Great Yarmouth 002B</t>
  </si>
  <si>
    <t>E01026610</t>
  </si>
  <si>
    <t>Great Yarmouth 010A</t>
  </si>
  <si>
    <t>E02005547</t>
  </si>
  <si>
    <t>Great Yarmouth 010</t>
  </si>
  <si>
    <t>E01026611</t>
  </si>
  <si>
    <t>Great Yarmouth 010B</t>
  </si>
  <si>
    <t>E01026612</t>
  </si>
  <si>
    <t>Great Yarmouth 010C</t>
  </si>
  <si>
    <t>E01026613</t>
  </si>
  <si>
    <t>Great Yarmouth 012A</t>
  </si>
  <si>
    <t>E02005549</t>
  </si>
  <si>
    <t>Great Yarmouth 012</t>
  </si>
  <si>
    <t>E01026614</t>
  </si>
  <si>
    <t>Great Yarmouth 012B</t>
  </si>
  <si>
    <t>E01026615</t>
  </si>
  <si>
    <t>Great Yarmouth 012C</t>
  </si>
  <si>
    <t>E01026616</t>
  </si>
  <si>
    <t>Great Yarmouth 012D</t>
  </si>
  <si>
    <t>E01026617</t>
  </si>
  <si>
    <t>Great Yarmouth 011A</t>
  </si>
  <si>
    <t>E02005548</t>
  </si>
  <si>
    <t>Great Yarmouth 011</t>
  </si>
  <si>
    <t>E01026618</t>
  </si>
  <si>
    <t>Great Yarmouth 011B</t>
  </si>
  <si>
    <t>E01026619</t>
  </si>
  <si>
    <t>Great Yarmouth 011C</t>
  </si>
  <si>
    <t>E01026620</t>
  </si>
  <si>
    <t>Great Yarmouth 011D</t>
  </si>
  <si>
    <t>E01026621</t>
  </si>
  <si>
    <t>Great Yarmouth 011E</t>
  </si>
  <si>
    <t>E01026622</t>
  </si>
  <si>
    <t>Great Yarmouth 006A</t>
  </si>
  <si>
    <t>E02005543</t>
  </si>
  <si>
    <t>Great Yarmouth 006</t>
  </si>
  <si>
    <t>E01026623</t>
  </si>
  <si>
    <t>Great Yarmouth 006B</t>
  </si>
  <si>
    <t>E01026624</t>
  </si>
  <si>
    <t>Great Yarmouth 006C</t>
  </si>
  <si>
    <t>E01026625</t>
  </si>
  <si>
    <t>Great Yarmouth 006D</t>
  </si>
  <si>
    <t>E01026626</t>
  </si>
  <si>
    <t>Great Yarmouth 006E</t>
  </si>
  <si>
    <t>E01026627</t>
  </si>
  <si>
    <t>Great Yarmouth 001D</t>
  </si>
  <si>
    <t>E01026628</t>
  </si>
  <si>
    <t>Great Yarmouth 001E</t>
  </si>
  <si>
    <t>E01026629</t>
  </si>
  <si>
    <t>Great Yarmouth 001F</t>
  </si>
  <si>
    <t>E01026630</t>
  </si>
  <si>
    <t>Great Yarmouth 010D</t>
  </si>
  <si>
    <t>E01026631</t>
  </si>
  <si>
    <t>Great Yarmouth 010E</t>
  </si>
  <si>
    <t>E01026632</t>
  </si>
  <si>
    <t>Great Yarmouth 009E</t>
  </si>
  <si>
    <t>E01026633</t>
  </si>
  <si>
    <t>Great Yarmouth 007B</t>
  </si>
  <si>
    <t>E01026634</t>
  </si>
  <si>
    <t>Great Yarmouth 007C</t>
  </si>
  <si>
    <t>E01026635</t>
  </si>
  <si>
    <t>Great Yarmouth 007D</t>
  </si>
  <si>
    <t>E01026636</t>
  </si>
  <si>
    <t>Great Yarmouth 002C</t>
  </si>
  <si>
    <t>E01026637</t>
  </si>
  <si>
    <t>Great Yarmouth 002D</t>
  </si>
  <si>
    <t>E01026638</t>
  </si>
  <si>
    <t>Great Yarmouth 002E</t>
  </si>
  <si>
    <t>E01026639</t>
  </si>
  <si>
    <t>Great Yarmouth 004B</t>
  </si>
  <si>
    <t>E01026640</t>
  </si>
  <si>
    <t>Great Yarmouth 004C</t>
  </si>
  <si>
    <t>E01026641</t>
  </si>
  <si>
    <t>Great Yarmouth 004D</t>
  </si>
  <si>
    <t>E01026642</t>
  </si>
  <si>
    <t>King's Lynn and West Norfolk 014A</t>
  </si>
  <si>
    <t>E02005564</t>
  </si>
  <si>
    <t>King's Lynn and West Norfolk 014</t>
  </si>
  <si>
    <t>E07000146</t>
  </si>
  <si>
    <t>King's Lynn and West Norfolk</t>
  </si>
  <si>
    <t>E01026643</t>
  </si>
  <si>
    <t>King's Lynn and West Norfolk 014B</t>
  </si>
  <si>
    <t>E01026644</t>
  </si>
  <si>
    <t>King's Lynn and West Norfolk 014C</t>
  </si>
  <si>
    <t>E01026645</t>
  </si>
  <si>
    <t>King's Lynn and West Norfolk 002A</t>
  </si>
  <si>
    <t>E02005552</t>
  </si>
  <si>
    <t>King's Lynn and West Norfolk 002</t>
  </si>
  <si>
    <t>E01026646</t>
  </si>
  <si>
    <t>King's Lynn and West Norfolk 002B</t>
  </si>
  <si>
    <t>E01026647</t>
  </si>
  <si>
    <t>King's Lynn and West Norfolk 008A</t>
  </si>
  <si>
    <t>E02005558</t>
  </si>
  <si>
    <t>King's Lynn and West Norfolk 008</t>
  </si>
  <si>
    <t>E01026648</t>
  </si>
  <si>
    <t>King's Lynn and West Norfolk 019A</t>
  </si>
  <si>
    <t>E02005569</t>
  </si>
  <si>
    <t>King's Lynn and West Norfolk 019</t>
  </si>
  <si>
    <t>E01026649</t>
  </si>
  <si>
    <t>King's Lynn and West Norfolk 019B</t>
  </si>
  <si>
    <t>E01026650</t>
  </si>
  <si>
    <t>King's Lynn and West Norfolk 019C</t>
  </si>
  <si>
    <t>E01026651</t>
  </si>
  <si>
    <t>King's Lynn and West Norfolk 019D</t>
  </si>
  <si>
    <t>E01026652</t>
  </si>
  <si>
    <t>King's Lynn and West Norfolk 019E</t>
  </si>
  <si>
    <t>E01026653</t>
  </si>
  <si>
    <t>King's Lynn and West Norfolk 004A</t>
  </si>
  <si>
    <t>E02005554</t>
  </si>
  <si>
    <t>King's Lynn and West Norfolk 004</t>
  </si>
  <si>
    <t>E01026654</t>
  </si>
  <si>
    <t>King's Lynn and West Norfolk 004B</t>
  </si>
  <si>
    <t>E01026655</t>
  </si>
  <si>
    <t>King's Lynn and West Norfolk 004C</t>
  </si>
  <si>
    <t>E01026656</t>
  </si>
  <si>
    <t>King's Lynn and West Norfolk 002C</t>
  </si>
  <si>
    <t>E01026659</t>
  </si>
  <si>
    <t>King's Lynn and West Norfolk 016A</t>
  </si>
  <si>
    <t>E02005566</t>
  </si>
  <si>
    <t>King's Lynn and West Norfolk 016</t>
  </si>
  <si>
    <t>E01026660</t>
  </si>
  <si>
    <t>King's Lynn and West Norfolk 016B</t>
  </si>
  <si>
    <t>E01026661</t>
  </si>
  <si>
    <t>King's Lynn and West Norfolk 016C</t>
  </si>
  <si>
    <t>E01026662</t>
  </si>
  <si>
    <t>King's Lynn and West Norfolk 010A</t>
  </si>
  <si>
    <t>E02005560</t>
  </si>
  <si>
    <t>King's Lynn and West Norfolk 010</t>
  </si>
  <si>
    <t>E01026663</t>
  </si>
  <si>
    <t>King's Lynn and West Norfolk 010B</t>
  </si>
  <si>
    <t>E01026664</t>
  </si>
  <si>
    <t>King's Lynn and West Norfolk 010C</t>
  </si>
  <si>
    <t>E01026665</t>
  </si>
  <si>
    <t>King's Lynn and West Norfolk 012A</t>
  </si>
  <si>
    <t>E02005562</t>
  </si>
  <si>
    <t>King's Lynn and West Norfolk 012</t>
  </si>
  <si>
    <t>E01026666</t>
  </si>
  <si>
    <t>King's Lynn and West Norfolk 009A</t>
  </si>
  <si>
    <t>E02005559</t>
  </si>
  <si>
    <t>King's Lynn and West Norfolk 009</t>
  </si>
  <si>
    <t>E01026667</t>
  </si>
  <si>
    <t>King's Lynn and West Norfolk 009B</t>
  </si>
  <si>
    <t>E01026668</t>
  </si>
  <si>
    <t>King's Lynn and West Norfolk 009C</t>
  </si>
  <si>
    <t>E01026669</t>
  </si>
  <si>
    <t>King's Lynn and West Norfolk 006A</t>
  </si>
  <si>
    <t>E02005556</t>
  </si>
  <si>
    <t>King's Lynn and West Norfolk 006</t>
  </si>
  <si>
    <t>E01026670</t>
  </si>
  <si>
    <t>King's Lynn and West Norfolk 006B</t>
  </si>
  <si>
    <t>E01026671</t>
  </si>
  <si>
    <t>King's Lynn and West Norfolk 006C</t>
  </si>
  <si>
    <t>E01026672</t>
  </si>
  <si>
    <t>King's Lynn and West Norfolk 006D</t>
  </si>
  <si>
    <t>E01026673</t>
  </si>
  <si>
    <t>King's Lynn and West Norfolk 006E</t>
  </si>
  <si>
    <t>E01026674</t>
  </si>
  <si>
    <t>King's Lynn and West Norfolk 012B</t>
  </si>
  <si>
    <t>E01026675</t>
  </si>
  <si>
    <t>King's Lynn and West Norfolk 012C</t>
  </si>
  <si>
    <t>E01026676</t>
  </si>
  <si>
    <t>King's Lynn and West Norfolk 003A</t>
  </si>
  <si>
    <t>E02005553</t>
  </si>
  <si>
    <t>King's Lynn and West Norfolk 003</t>
  </si>
  <si>
    <t>E01026677</t>
  </si>
  <si>
    <t>King's Lynn and West Norfolk 003B</t>
  </si>
  <si>
    <t>E01026678</t>
  </si>
  <si>
    <t>King's Lynn and West Norfolk 003C</t>
  </si>
  <si>
    <t>E01026679</t>
  </si>
  <si>
    <t>King's Lynn and West Norfolk 018A</t>
  </si>
  <si>
    <t>E02005568</t>
  </si>
  <si>
    <t>King's Lynn and West Norfolk 018</t>
  </si>
  <si>
    <t>E01026680</t>
  </si>
  <si>
    <t>King's Lynn and West Norfolk 001A</t>
  </si>
  <si>
    <t>E02005551</t>
  </si>
  <si>
    <t>King's Lynn and West Norfolk 001</t>
  </si>
  <si>
    <t>E01026681</t>
  </si>
  <si>
    <t>King's Lynn and West Norfolk 001B</t>
  </si>
  <si>
    <t>E01026682</t>
  </si>
  <si>
    <t>King's Lynn and West Norfolk 001C</t>
  </si>
  <si>
    <t>E01026683</t>
  </si>
  <si>
    <t>King's Lynn and West Norfolk 001D</t>
  </si>
  <si>
    <t>E01026684</t>
  </si>
  <si>
    <t>King's Lynn and West Norfolk 013A</t>
  </si>
  <si>
    <t>E02005563</t>
  </si>
  <si>
    <t>King's Lynn and West Norfolk 013</t>
  </si>
  <si>
    <t>E01026685</t>
  </si>
  <si>
    <t>King's Lynn and West Norfolk 013B</t>
  </si>
  <si>
    <t>E01026687</t>
  </si>
  <si>
    <t>King's Lynn and West Norfolk 007A</t>
  </si>
  <si>
    <t>E02005557</t>
  </si>
  <si>
    <t>King's Lynn and West Norfolk 007</t>
  </si>
  <si>
    <t>E01026688</t>
  </si>
  <si>
    <t>King's Lynn and West Norfolk 007B</t>
  </si>
  <si>
    <t>E01026689</t>
  </si>
  <si>
    <t>King's Lynn and West Norfolk 007C</t>
  </si>
  <si>
    <t>E01026690</t>
  </si>
  <si>
    <t>King's Lynn and West Norfolk 007D</t>
  </si>
  <si>
    <t>E01026691</t>
  </si>
  <si>
    <t>King's Lynn and West Norfolk 005A</t>
  </si>
  <si>
    <t>E02005555</t>
  </si>
  <si>
    <t>King's Lynn and West Norfolk 005</t>
  </si>
  <si>
    <t>E01026692</t>
  </si>
  <si>
    <t>King's Lynn and West Norfolk 005B</t>
  </si>
  <si>
    <t>E01026693</t>
  </si>
  <si>
    <t>King's Lynn and West Norfolk 009D</t>
  </si>
  <si>
    <t>E01026694</t>
  </si>
  <si>
    <t>King's Lynn and West Norfolk 012D</t>
  </si>
  <si>
    <t>E01026695</t>
  </si>
  <si>
    <t>King's Lynn and West Norfolk 002D</t>
  </si>
  <si>
    <t>E01026696</t>
  </si>
  <si>
    <t>King's Lynn and West Norfolk 015A</t>
  </si>
  <si>
    <t>E02005565</t>
  </si>
  <si>
    <t>King's Lynn and West Norfolk 015</t>
  </si>
  <si>
    <t>E01026697</t>
  </si>
  <si>
    <t>King's Lynn and West Norfolk 015B</t>
  </si>
  <si>
    <t>E01026699</t>
  </si>
  <si>
    <t>King's Lynn and West Norfolk 011B</t>
  </si>
  <si>
    <t>E02005561</t>
  </si>
  <si>
    <t>King's Lynn and West Norfolk 011</t>
  </si>
  <si>
    <t>E01026700</t>
  </si>
  <si>
    <t>King's Lynn and West Norfolk 011C</t>
  </si>
  <si>
    <t>E01026701</t>
  </si>
  <si>
    <t>King's Lynn and West Norfolk 003D</t>
  </si>
  <si>
    <t>E01026702</t>
  </si>
  <si>
    <t>King's Lynn and West Norfolk 003E</t>
  </si>
  <si>
    <t>E01026703</t>
  </si>
  <si>
    <t>King's Lynn and West Norfolk 003F</t>
  </si>
  <si>
    <t>E01026704</t>
  </si>
  <si>
    <t>King's Lynn and West Norfolk 011D</t>
  </si>
  <si>
    <t>E01026705</t>
  </si>
  <si>
    <t>King's Lynn and West Norfolk 011E</t>
  </si>
  <si>
    <t>E01026706</t>
  </si>
  <si>
    <t>King's Lynn and West Norfolk 011F</t>
  </si>
  <si>
    <t>E01026708</t>
  </si>
  <si>
    <t>King's Lynn and West Norfolk 005C</t>
  </si>
  <si>
    <t>E01026709</t>
  </si>
  <si>
    <t>King's Lynn and West Norfolk 005D</t>
  </si>
  <si>
    <t>E01026710</t>
  </si>
  <si>
    <t>King's Lynn and West Norfolk 005E</t>
  </si>
  <si>
    <t>E01026711</t>
  </si>
  <si>
    <t>King's Lynn and West Norfolk 008B</t>
  </si>
  <si>
    <t>E01026712</t>
  </si>
  <si>
    <t>King's Lynn and West Norfolk 008C</t>
  </si>
  <si>
    <t>E01026713</t>
  </si>
  <si>
    <t>King's Lynn and West Norfolk 008D</t>
  </si>
  <si>
    <t>E01026714</t>
  </si>
  <si>
    <t>King's Lynn and West Norfolk 010D</t>
  </si>
  <si>
    <t>E01026715</t>
  </si>
  <si>
    <t>King's Lynn and West Norfolk 016D</t>
  </si>
  <si>
    <t>E01026716</t>
  </si>
  <si>
    <t>King's Lynn and West Norfolk 016E</t>
  </si>
  <si>
    <t>E01026717</t>
  </si>
  <si>
    <t>King's Lynn and West Norfolk 016F</t>
  </si>
  <si>
    <t>E01026718</t>
  </si>
  <si>
    <t>King's Lynn and West Norfolk 004D</t>
  </si>
  <si>
    <t>E01026719</t>
  </si>
  <si>
    <t>King's Lynn and West Norfolk 013C</t>
  </si>
  <si>
    <t>E01026720</t>
  </si>
  <si>
    <t>King's Lynn and West Norfolk 013D</t>
  </si>
  <si>
    <t>E01026721</t>
  </si>
  <si>
    <t>King's Lynn and West Norfolk 013E</t>
  </si>
  <si>
    <t>E01026722</t>
  </si>
  <si>
    <t>King's Lynn and West Norfolk 015C</t>
  </si>
  <si>
    <t>E01026723</t>
  </si>
  <si>
    <t>King's Lynn and West Norfolk 014D</t>
  </si>
  <si>
    <t>E01026724</t>
  </si>
  <si>
    <t>King's Lynn and West Norfolk 014E</t>
  </si>
  <si>
    <t>E01026725</t>
  </si>
  <si>
    <t>King's Lynn and West Norfolk 014F</t>
  </si>
  <si>
    <t>E01026726</t>
  </si>
  <si>
    <t>King's Lynn and West Norfolk 015D</t>
  </si>
  <si>
    <t>E01026727</t>
  </si>
  <si>
    <t>King's Lynn and West Norfolk 018B</t>
  </si>
  <si>
    <t>E01026728</t>
  </si>
  <si>
    <t>King's Lynn and West Norfolk 018C</t>
  </si>
  <si>
    <t>E01026729</t>
  </si>
  <si>
    <t>North Norfolk 008A</t>
  </si>
  <si>
    <t>E02005577</t>
  </si>
  <si>
    <t>North Norfolk 008</t>
  </si>
  <si>
    <t>E07000147</t>
  </si>
  <si>
    <t>North Norfolk</t>
  </si>
  <si>
    <t>E01026730</t>
  </si>
  <si>
    <t>North Norfolk 008B</t>
  </si>
  <si>
    <t>E01026733</t>
  </si>
  <si>
    <t>North Norfolk 006C</t>
  </si>
  <si>
    <t>E02005575</t>
  </si>
  <si>
    <t>North Norfolk 006</t>
  </si>
  <si>
    <t>E01026734</t>
  </si>
  <si>
    <t>North Norfolk 003A</t>
  </si>
  <si>
    <t>E02005572</t>
  </si>
  <si>
    <t>North Norfolk 003</t>
  </si>
  <si>
    <t>E01026735</t>
  </si>
  <si>
    <t>North Norfolk 003B</t>
  </si>
  <si>
    <t>E01026736</t>
  </si>
  <si>
    <t>North Norfolk 003C</t>
  </si>
  <si>
    <t>E01026737</t>
  </si>
  <si>
    <t>North Norfolk 006D</t>
  </si>
  <si>
    <t>E01026738</t>
  </si>
  <si>
    <t>North Norfolk 007A</t>
  </si>
  <si>
    <t>E02005576</t>
  </si>
  <si>
    <t>North Norfolk 007</t>
  </si>
  <si>
    <t>E01026739</t>
  </si>
  <si>
    <t>North Norfolk 002A</t>
  </si>
  <si>
    <t>E02005571</t>
  </si>
  <si>
    <t>North Norfolk 002</t>
  </si>
  <si>
    <t>E01026740</t>
  </si>
  <si>
    <t>North Norfolk 012A</t>
  </si>
  <si>
    <t>E02005581</t>
  </si>
  <si>
    <t>North Norfolk 012</t>
  </si>
  <si>
    <t>E01026741</t>
  </si>
  <si>
    <t>North Norfolk 004A</t>
  </si>
  <si>
    <t>E02005573</t>
  </si>
  <si>
    <t>North Norfolk 004</t>
  </si>
  <si>
    <t>E01026742</t>
  </si>
  <si>
    <t>North Norfolk 004B</t>
  </si>
  <si>
    <t>E01026743</t>
  </si>
  <si>
    <t>North Norfolk 004C</t>
  </si>
  <si>
    <t>E01026744</t>
  </si>
  <si>
    <t>North Norfolk 014A</t>
  </si>
  <si>
    <t>E02005583</t>
  </si>
  <si>
    <t>North Norfolk 014</t>
  </si>
  <si>
    <t>E01026745</t>
  </si>
  <si>
    <t>North Norfolk 011A</t>
  </si>
  <si>
    <t>E02005580</t>
  </si>
  <si>
    <t>North Norfolk 011</t>
  </si>
  <si>
    <t>E01026746</t>
  </si>
  <si>
    <t>North Norfolk 011B</t>
  </si>
  <si>
    <t>E01026747</t>
  </si>
  <si>
    <t>North Norfolk 011C</t>
  </si>
  <si>
    <t>E01026748</t>
  </si>
  <si>
    <t>North Norfolk 011D</t>
  </si>
  <si>
    <t>E01026749</t>
  </si>
  <si>
    <t>North Norfolk 011E</t>
  </si>
  <si>
    <t>E01026750</t>
  </si>
  <si>
    <t>North Norfolk 007B</t>
  </si>
  <si>
    <t>E01026751</t>
  </si>
  <si>
    <t>North Norfolk 007C</t>
  </si>
  <si>
    <t>E01026752</t>
  </si>
  <si>
    <t>North Norfolk 007D</t>
  </si>
  <si>
    <t>E01026753</t>
  </si>
  <si>
    <t>North Norfolk 015D</t>
  </si>
  <si>
    <t>E02007032</t>
  </si>
  <si>
    <t>North Norfolk 015</t>
  </si>
  <si>
    <t>E01026754</t>
  </si>
  <si>
    <t>North Norfolk 015C</t>
  </si>
  <si>
    <t>E01026755</t>
  </si>
  <si>
    <t>North Norfolk 015E</t>
  </si>
  <si>
    <t>E01026756</t>
  </si>
  <si>
    <t>North Norfolk 015B</t>
  </si>
  <si>
    <t>E01026757</t>
  </si>
  <si>
    <t>North Norfolk 015A</t>
  </si>
  <si>
    <t>E01026758</t>
  </si>
  <si>
    <t>North Norfolk 016B</t>
  </si>
  <si>
    <t>E02007033</t>
  </si>
  <si>
    <t>North Norfolk 016</t>
  </si>
  <si>
    <t>E01026759</t>
  </si>
  <si>
    <t>North Norfolk 016C</t>
  </si>
  <si>
    <t>E01026760</t>
  </si>
  <si>
    <t>North Norfolk 016D</t>
  </si>
  <si>
    <t>E01026761</t>
  </si>
  <si>
    <t>North Norfolk 016A</t>
  </si>
  <si>
    <t>E01026763</t>
  </si>
  <si>
    <t>North Norfolk 002B</t>
  </si>
  <si>
    <t>E01026764</t>
  </si>
  <si>
    <t>North Norfolk 002C</t>
  </si>
  <si>
    <t>E01026765</t>
  </si>
  <si>
    <t>North Norfolk 002D</t>
  </si>
  <si>
    <t>E01026766</t>
  </si>
  <si>
    <t>North Norfolk 005B</t>
  </si>
  <si>
    <t>E02005574</t>
  </si>
  <si>
    <t>North Norfolk 005</t>
  </si>
  <si>
    <t>E01026767</t>
  </si>
  <si>
    <t>North Norfolk 012B</t>
  </si>
  <si>
    <t>E01026768</t>
  </si>
  <si>
    <t>North Norfolk 012C</t>
  </si>
  <si>
    <t>E01026769</t>
  </si>
  <si>
    <t>North Norfolk 014B</t>
  </si>
  <si>
    <t>E01026770</t>
  </si>
  <si>
    <t>North Norfolk 001A</t>
  </si>
  <si>
    <t>E02005570</t>
  </si>
  <si>
    <t>North Norfolk 001</t>
  </si>
  <si>
    <t>E01026771</t>
  </si>
  <si>
    <t>North Norfolk 001B</t>
  </si>
  <si>
    <t>E01026772</t>
  </si>
  <si>
    <t>North Norfolk 001C</t>
  </si>
  <si>
    <t>E01026773</t>
  </si>
  <si>
    <t>North Norfolk 001D</t>
  </si>
  <si>
    <t>E01026774</t>
  </si>
  <si>
    <t>North Norfolk 013A</t>
  </si>
  <si>
    <t>E02005582</t>
  </si>
  <si>
    <t>North Norfolk 013</t>
  </si>
  <si>
    <t>E01026775</t>
  </si>
  <si>
    <t>North Norfolk 013B</t>
  </si>
  <si>
    <t>E01026776</t>
  </si>
  <si>
    <t>North Norfolk 013C</t>
  </si>
  <si>
    <t>E01026777</t>
  </si>
  <si>
    <t>North Norfolk 003D</t>
  </si>
  <si>
    <t>E01026778</t>
  </si>
  <si>
    <t>North Norfolk 003E</t>
  </si>
  <si>
    <t>E01026779</t>
  </si>
  <si>
    <t>North Norfolk 003F</t>
  </si>
  <si>
    <t>E01026780</t>
  </si>
  <si>
    <t>North Norfolk 009A</t>
  </si>
  <si>
    <t>E02005578</t>
  </si>
  <si>
    <t>North Norfolk 009</t>
  </si>
  <si>
    <t>E01026781</t>
  </si>
  <si>
    <t>North Norfolk 005C</t>
  </si>
  <si>
    <t>E01026782</t>
  </si>
  <si>
    <t>North Norfolk 009B</t>
  </si>
  <si>
    <t>E01026783</t>
  </si>
  <si>
    <t>North Norfolk 014C</t>
  </si>
  <si>
    <t>E01026784</t>
  </si>
  <si>
    <t>North Norfolk 014D</t>
  </si>
  <si>
    <t>E01026785</t>
  </si>
  <si>
    <t>North Norfolk 014E</t>
  </si>
  <si>
    <t>E01026786</t>
  </si>
  <si>
    <t>North Norfolk 013D</t>
  </si>
  <si>
    <t>E01026787</t>
  </si>
  <si>
    <t>North Norfolk 009C</t>
  </si>
  <si>
    <t>E01026788</t>
  </si>
  <si>
    <t>North Norfolk 008C</t>
  </si>
  <si>
    <t>E01026789</t>
  </si>
  <si>
    <t>North Norfolk 012D</t>
  </si>
  <si>
    <t>E01026790</t>
  </si>
  <si>
    <t>North Norfolk 012E</t>
  </si>
  <si>
    <t>E01026791</t>
  </si>
  <si>
    <t>Norwich 005A</t>
  </si>
  <si>
    <t>E02005588</t>
  </si>
  <si>
    <t>Norwich 005</t>
  </si>
  <si>
    <t>E07000148</t>
  </si>
  <si>
    <t>Norwich</t>
  </si>
  <si>
    <t>E01026792</t>
  </si>
  <si>
    <t>Norwich 005B</t>
  </si>
  <si>
    <t>E01026793</t>
  </si>
  <si>
    <t>Norwich 005C</t>
  </si>
  <si>
    <t>E01026794</t>
  </si>
  <si>
    <t>Norwich 005D</t>
  </si>
  <si>
    <t>E01026796</t>
  </si>
  <si>
    <t>Norwich 005F</t>
  </si>
  <si>
    <t>E01026797</t>
  </si>
  <si>
    <t>Norwich 001A</t>
  </si>
  <si>
    <t>E02005584</t>
  </si>
  <si>
    <t>Norwich 001</t>
  </si>
  <si>
    <t>E01026798</t>
  </si>
  <si>
    <t>Norwich 001B</t>
  </si>
  <si>
    <t>E01026799</t>
  </si>
  <si>
    <t>Norwich 001C</t>
  </si>
  <si>
    <t>E01026800</t>
  </si>
  <si>
    <t>Norwich 001D</t>
  </si>
  <si>
    <t>E01026801</t>
  </si>
  <si>
    <t>Norwich 001E</t>
  </si>
  <si>
    <t>E01026802</t>
  </si>
  <si>
    <t>Norwich 001F</t>
  </si>
  <si>
    <t>E01026803</t>
  </si>
  <si>
    <t>Norwich 004A</t>
  </si>
  <si>
    <t>E02005587</t>
  </si>
  <si>
    <t>Norwich 004</t>
  </si>
  <si>
    <t>E01026804</t>
  </si>
  <si>
    <t>Norwich 004B</t>
  </si>
  <si>
    <t>E01026805</t>
  </si>
  <si>
    <t>Norwich 004C</t>
  </si>
  <si>
    <t>E01026806</t>
  </si>
  <si>
    <t>Norwich 004D</t>
  </si>
  <si>
    <t>E01026807</t>
  </si>
  <si>
    <t>Norwich 004E</t>
  </si>
  <si>
    <t>E01026808</t>
  </si>
  <si>
    <t>Norwich 004F</t>
  </si>
  <si>
    <t>E01026809</t>
  </si>
  <si>
    <t>Norwich 004G</t>
  </si>
  <si>
    <t>E01026810</t>
  </si>
  <si>
    <t>Norwich 012A</t>
  </si>
  <si>
    <t>E02005595</t>
  </si>
  <si>
    <t>Norwich 012</t>
  </si>
  <si>
    <t>E01026811</t>
  </si>
  <si>
    <t>Norwich 012B</t>
  </si>
  <si>
    <t>E01026812</t>
  </si>
  <si>
    <t>Norwich 012C</t>
  </si>
  <si>
    <t>E01026813</t>
  </si>
  <si>
    <t>Norwich 012D</t>
  </si>
  <si>
    <t>E01026814</t>
  </si>
  <si>
    <t>Norwich 012E</t>
  </si>
  <si>
    <t>E01026815</t>
  </si>
  <si>
    <t>Norwich 012F</t>
  </si>
  <si>
    <t>E01026816</t>
  </si>
  <si>
    <t>Norwich 013A</t>
  </si>
  <si>
    <t>E02005596</t>
  </si>
  <si>
    <t>Norwich 013</t>
  </si>
  <si>
    <t>E01026817</t>
  </si>
  <si>
    <t>Norwich 013B</t>
  </si>
  <si>
    <t>E01026818</t>
  </si>
  <si>
    <t>Norwich 013C</t>
  </si>
  <si>
    <t>E01026819</t>
  </si>
  <si>
    <t>Norwich 013D</t>
  </si>
  <si>
    <t>E01026820</t>
  </si>
  <si>
    <t>Norwich 013E</t>
  </si>
  <si>
    <t>E01026821</t>
  </si>
  <si>
    <t>Norwich 013F</t>
  </si>
  <si>
    <t>E01026823</t>
  </si>
  <si>
    <t>Norwich 017A</t>
  </si>
  <si>
    <t>E02007053</t>
  </si>
  <si>
    <t>Norwich 017</t>
  </si>
  <si>
    <t>E01026824</t>
  </si>
  <si>
    <t>Norwich 016D</t>
  </si>
  <si>
    <t>E02007052</t>
  </si>
  <si>
    <t>Norwich 016</t>
  </si>
  <si>
    <t>E01026825</t>
  </si>
  <si>
    <t>Norwich 016A</t>
  </si>
  <si>
    <t>E01026826</t>
  </si>
  <si>
    <t>Norwich 016B</t>
  </si>
  <si>
    <t>E01026827</t>
  </si>
  <si>
    <t>Norwich 016C</t>
  </si>
  <si>
    <t>E01026828</t>
  </si>
  <si>
    <t>Norwich 002A</t>
  </si>
  <si>
    <t>E02005585</t>
  </si>
  <si>
    <t>Norwich 002</t>
  </si>
  <si>
    <t>E01026829</t>
  </si>
  <si>
    <t>Norwich 002B</t>
  </si>
  <si>
    <t>E01026830</t>
  </si>
  <si>
    <t>Norwich 002C</t>
  </si>
  <si>
    <t>E01026831</t>
  </si>
  <si>
    <t>Norwich 002D</t>
  </si>
  <si>
    <t>E01026832</t>
  </si>
  <si>
    <t>Norwich 002E</t>
  </si>
  <si>
    <t>E01026833</t>
  </si>
  <si>
    <t>Norwich 002F</t>
  </si>
  <si>
    <t>E01026834</t>
  </si>
  <si>
    <t>Norwich 002G</t>
  </si>
  <si>
    <t>E01026835</t>
  </si>
  <si>
    <t>Norwich 009A</t>
  </si>
  <si>
    <t>E02005592</t>
  </si>
  <si>
    <t>Norwich 009</t>
  </si>
  <si>
    <t>E01026836</t>
  </si>
  <si>
    <t>Norwich 009B</t>
  </si>
  <si>
    <t>E01026837</t>
  </si>
  <si>
    <t>Norwich 009C</t>
  </si>
  <si>
    <t>E01026838</t>
  </si>
  <si>
    <t>Norwich 009D</t>
  </si>
  <si>
    <t>E01026839</t>
  </si>
  <si>
    <t>Norwich 009E</t>
  </si>
  <si>
    <t>E01026840</t>
  </si>
  <si>
    <t>Norwich 009F</t>
  </si>
  <si>
    <t>E01026841</t>
  </si>
  <si>
    <t>Norwich 003A</t>
  </si>
  <si>
    <t>E02005586</t>
  </si>
  <si>
    <t>Norwich 003</t>
  </si>
  <si>
    <t>E01026842</t>
  </si>
  <si>
    <t>Norwich 003B</t>
  </si>
  <si>
    <t>E01026843</t>
  </si>
  <si>
    <t>Norwich 003C</t>
  </si>
  <si>
    <t>E01026844</t>
  </si>
  <si>
    <t>Norwich 003D</t>
  </si>
  <si>
    <t>E01026845</t>
  </si>
  <si>
    <t>Norwich 003E</t>
  </si>
  <si>
    <t>E01026846</t>
  </si>
  <si>
    <t>Norwich 003F</t>
  </si>
  <si>
    <t>E01026848</t>
  </si>
  <si>
    <t>Norwich 015A</t>
  </si>
  <si>
    <t>E02006908</t>
  </si>
  <si>
    <t>Norwich 015</t>
  </si>
  <si>
    <t>E01026849</t>
  </si>
  <si>
    <t>Norwich 015B</t>
  </si>
  <si>
    <t>E01026850</t>
  </si>
  <si>
    <t>Norwich 015C</t>
  </si>
  <si>
    <t>E01026852</t>
  </si>
  <si>
    <t>Norwich 011A</t>
  </si>
  <si>
    <t>E02005594</t>
  </si>
  <si>
    <t>Norwich 011</t>
  </si>
  <si>
    <t>E01026853</t>
  </si>
  <si>
    <t>Norwich 011B</t>
  </si>
  <si>
    <t>E01026855</t>
  </si>
  <si>
    <t>Norwich 011D</t>
  </si>
  <si>
    <t>E01026856</t>
  </si>
  <si>
    <t>Norwich 011E</t>
  </si>
  <si>
    <t>E01026857</t>
  </si>
  <si>
    <t>Norwich 011F</t>
  </si>
  <si>
    <t>E01026858</t>
  </si>
  <si>
    <t>Norwich 010A</t>
  </si>
  <si>
    <t>E02005593</t>
  </si>
  <si>
    <t>Norwich 010</t>
  </si>
  <si>
    <t>E01026859</t>
  </si>
  <si>
    <t>Norwich 010B</t>
  </si>
  <si>
    <t>E01026860</t>
  </si>
  <si>
    <t>Norwich 010C</t>
  </si>
  <si>
    <t>E01026861</t>
  </si>
  <si>
    <t>Norwich 010D</t>
  </si>
  <si>
    <t>E01026862</t>
  </si>
  <si>
    <t>Norwich 010E</t>
  </si>
  <si>
    <t>E01026863</t>
  </si>
  <si>
    <t>Norwich 006A</t>
  </si>
  <si>
    <t>E02005589</t>
  </si>
  <si>
    <t>Norwich 006</t>
  </si>
  <si>
    <t>E01026864</t>
  </si>
  <si>
    <t>Norwich 006B</t>
  </si>
  <si>
    <t>E01026865</t>
  </si>
  <si>
    <t>Norwich 006C</t>
  </si>
  <si>
    <t>E01026866</t>
  </si>
  <si>
    <t>Norwich 006D</t>
  </si>
  <si>
    <t>E01026867</t>
  </si>
  <si>
    <t>Norwich 006E</t>
  </si>
  <si>
    <t>E01026868</t>
  </si>
  <si>
    <t>Norwich 006F</t>
  </si>
  <si>
    <t>E01026869</t>
  </si>
  <si>
    <t>Norwich 006G</t>
  </si>
  <si>
    <t>E01026870</t>
  </si>
  <si>
    <t>South Norfolk 005A</t>
  </si>
  <si>
    <t>E02005601</t>
  </si>
  <si>
    <t>South Norfolk 005</t>
  </si>
  <si>
    <t>E07000149</t>
  </si>
  <si>
    <t>South Norfolk</t>
  </si>
  <si>
    <t>E01026871</t>
  </si>
  <si>
    <t>South Norfolk 005B</t>
  </si>
  <si>
    <t>E01026872</t>
  </si>
  <si>
    <t>South Norfolk 013A</t>
  </si>
  <si>
    <t>E02005609</t>
  </si>
  <si>
    <t>South Norfolk 013</t>
  </si>
  <si>
    <t>E01026873</t>
  </si>
  <si>
    <t>South Norfolk 014A</t>
  </si>
  <si>
    <t>E02005610</t>
  </si>
  <si>
    <t>South Norfolk 014</t>
  </si>
  <si>
    <t>E01026874</t>
  </si>
  <si>
    <t>South Norfolk 014B</t>
  </si>
  <si>
    <t>E01026875</t>
  </si>
  <si>
    <t>South Norfolk 006A</t>
  </si>
  <si>
    <t>E02005602</t>
  </si>
  <si>
    <t>South Norfolk 006</t>
  </si>
  <si>
    <t>E01026876</t>
  </si>
  <si>
    <t>South Norfolk 006B</t>
  </si>
  <si>
    <t>E01026877</t>
  </si>
  <si>
    <t>South Norfolk 011A</t>
  </si>
  <si>
    <t>E02005607</t>
  </si>
  <si>
    <t>South Norfolk 011</t>
  </si>
  <si>
    <t>E01026878</t>
  </si>
  <si>
    <t>South Norfolk 011B</t>
  </si>
  <si>
    <t>E01026879</t>
  </si>
  <si>
    <t>South Norfolk 008A</t>
  </si>
  <si>
    <t>E02005604</t>
  </si>
  <si>
    <t>South Norfolk 008</t>
  </si>
  <si>
    <t>E01026880</t>
  </si>
  <si>
    <t>South Norfolk 008B</t>
  </si>
  <si>
    <t>E01026881</t>
  </si>
  <si>
    <t>South Norfolk 002A</t>
  </si>
  <si>
    <t>E02005598</t>
  </si>
  <si>
    <t>South Norfolk 002</t>
  </si>
  <si>
    <t>E01026883</t>
  </si>
  <si>
    <t>South Norfolk 002C</t>
  </si>
  <si>
    <t>E01026884</t>
  </si>
  <si>
    <t>South Norfolk 007A</t>
  </si>
  <si>
    <t>E02005603</t>
  </si>
  <si>
    <t>South Norfolk 007</t>
  </si>
  <si>
    <t>E01026885</t>
  </si>
  <si>
    <t>South Norfolk 007B</t>
  </si>
  <si>
    <t>E01026886</t>
  </si>
  <si>
    <t>South Norfolk 014C</t>
  </si>
  <si>
    <t>E01026887</t>
  </si>
  <si>
    <t>South Norfolk 014D</t>
  </si>
  <si>
    <t>E01026888</t>
  </si>
  <si>
    <t>South Norfolk 015A</t>
  </si>
  <si>
    <t>E02005611</t>
  </si>
  <si>
    <t>South Norfolk 015</t>
  </si>
  <si>
    <t>E01026889</t>
  </si>
  <si>
    <t>South Norfolk 015B</t>
  </si>
  <si>
    <t>E01026891</t>
  </si>
  <si>
    <t>South Norfolk 015D</t>
  </si>
  <si>
    <t>E01026892</t>
  </si>
  <si>
    <t>South Norfolk 012A</t>
  </si>
  <si>
    <t>E02005608</t>
  </si>
  <si>
    <t>South Norfolk 012</t>
  </si>
  <si>
    <t>E01026893</t>
  </si>
  <si>
    <t>South Norfolk 012B</t>
  </si>
  <si>
    <t>E01026894</t>
  </si>
  <si>
    <t>South Norfolk 012C</t>
  </si>
  <si>
    <t>E01026895</t>
  </si>
  <si>
    <t>South Norfolk 002D</t>
  </si>
  <si>
    <t>E01026896</t>
  </si>
  <si>
    <t>South Norfolk 002E</t>
  </si>
  <si>
    <t>E01026897</t>
  </si>
  <si>
    <t>South Norfolk 011C</t>
  </si>
  <si>
    <t>E01026898</t>
  </si>
  <si>
    <t>South Norfolk 010A</t>
  </si>
  <si>
    <t>E02005606</t>
  </si>
  <si>
    <t>South Norfolk 010</t>
  </si>
  <si>
    <t>E01026899</t>
  </si>
  <si>
    <t>South Norfolk 010B</t>
  </si>
  <si>
    <t>E01026900</t>
  </si>
  <si>
    <t>South Norfolk 013B</t>
  </si>
  <si>
    <t>E01026901</t>
  </si>
  <si>
    <t>South Norfolk 013C</t>
  </si>
  <si>
    <t>E01026902</t>
  </si>
  <si>
    <t>South Norfolk 013D</t>
  </si>
  <si>
    <t>E01026903</t>
  </si>
  <si>
    <t>South Norfolk 012D</t>
  </si>
  <si>
    <t>E01026904</t>
  </si>
  <si>
    <t>South Norfolk 012E</t>
  </si>
  <si>
    <t>E01026905</t>
  </si>
  <si>
    <t>South Norfolk 003A</t>
  </si>
  <si>
    <t>E02005599</t>
  </si>
  <si>
    <t>South Norfolk 003</t>
  </si>
  <si>
    <t>E01026906</t>
  </si>
  <si>
    <t>South Norfolk 003B</t>
  </si>
  <si>
    <t>E01026907</t>
  </si>
  <si>
    <t>South Norfolk 003C</t>
  </si>
  <si>
    <t>E01026908</t>
  </si>
  <si>
    <t>South Norfolk 003D</t>
  </si>
  <si>
    <t>E01026909</t>
  </si>
  <si>
    <t>South Norfolk 004A</t>
  </si>
  <si>
    <t>E02005600</t>
  </si>
  <si>
    <t>South Norfolk 004</t>
  </si>
  <si>
    <t>E01026910</t>
  </si>
  <si>
    <t>South Norfolk 004B</t>
  </si>
  <si>
    <t>E01026911</t>
  </si>
  <si>
    <t>South Norfolk 008C</t>
  </si>
  <si>
    <t>E01026912</t>
  </si>
  <si>
    <t>South Norfolk 008D</t>
  </si>
  <si>
    <t>E01026913</t>
  </si>
  <si>
    <t>South Norfolk 009A</t>
  </si>
  <si>
    <t>E02005605</t>
  </si>
  <si>
    <t>South Norfolk 009</t>
  </si>
  <si>
    <t>E01026914</t>
  </si>
  <si>
    <t>South Norfolk 009B</t>
  </si>
  <si>
    <t>E01026915</t>
  </si>
  <si>
    <t>South Norfolk 009C</t>
  </si>
  <si>
    <t>E01026916</t>
  </si>
  <si>
    <t>South Norfolk 017A</t>
  </si>
  <si>
    <t>E02007055</t>
  </si>
  <si>
    <t>South Norfolk 017</t>
  </si>
  <si>
    <t>E01026917</t>
  </si>
  <si>
    <t>South Norfolk 017C</t>
  </si>
  <si>
    <t>E01026918</t>
  </si>
  <si>
    <t>South Norfolk 017B</t>
  </si>
  <si>
    <t>E01026919</t>
  </si>
  <si>
    <t>South Norfolk 009D</t>
  </si>
  <si>
    <t>E01026920</t>
  </si>
  <si>
    <t>South Norfolk 009E</t>
  </si>
  <si>
    <t>E01026921</t>
  </si>
  <si>
    <t>South Norfolk 005C</t>
  </si>
  <si>
    <t>E01026922</t>
  </si>
  <si>
    <t>South Norfolk 005D</t>
  </si>
  <si>
    <t>E01026924</t>
  </si>
  <si>
    <t>South Norfolk 016D</t>
  </si>
  <si>
    <t>E02007054</t>
  </si>
  <si>
    <t>South Norfolk 016</t>
  </si>
  <si>
    <t>E01026925</t>
  </si>
  <si>
    <t>South Norfolk 017D</t>
  </si>
  <si>
    <t>E01026927</t>
  </si>
  <si>
    <t>South Norfolk 006D</t>
  </si>
  <si>
    <t>E01026928</t>
  </si>
  <si>
    <t>South Norfolk 006E</t>
  </si>
  <si>
    <t>E01026929</t>
  </si>
  <si>
    <t>South Norfolk 008E</t>
  </si>
  <si>
    <t>E01026930</t>
  </si>
  <si>
    <t>South Norfolk 008F</t>
  </si>
  <si>
    <t>E01026931</t>
  </si>
  <si>
    <t>South Norfolk 015E</t>
  </si>
  <si>
    <t>E01026932</t>
  </si>
  <si>
    <t>South Norfolk 015F</t>
  </si>
  <si>
    <t>E01026934</t>
  </si>
  <si>
    <t>South Norfolk 014E</t>
  </si>
  <si>
    <t>E01026935</t>
  </si>
  <si>
    <t>South Norfolk 014F</t>
  </si>
  <si>
    <t>E01026936</t>
  </si>
  <si>
    <t>South Norfolk 006F</t>
  </si>
  <si>
    <t>E01026937</t>
  </si>
  <si>
    <t>South Norfolk 006G</t>
  </si>
  <si>
    <t>E01026938</t>
  </si>
  <si>
    <t>South Norfolk 011D</t>
  </si>
  <si>
    <t>E01026939</t>
  </si>
  <si>
    <t>South Norfolk 011E</t>
  </si>
  <si>
    <t>E01026940</t>
  </si>
  <si>
    <t>South Norfolk 011F</t>
  </si>
  <si>
    <t>E01026941</t>
  </si>
  <si>
    <t>South Norfolk 009F</t>
  </si>
  <si>
    <t>E01026942</t>
  </si>
  <si>
    <t>South Norfolk 009G</t>
  </si>
  <si>
    <t>E01026943</t>
  </si>
  <si>
    <t>South Norfolk 010C</t>
  </si>
  <si>
    <t>E01026944</t>
  </si>
  <si>
    <t>South Norfolk 010D</t>
  </si>
  <si>
    <t>E01026947</t>
  </si>
  <si>
    <t>South Norfolk 004C</t>
  </si>
  <si>
    <t>E01026948</t>
  </si>
  <si>
    <t>South Norfolk 004D</t>
  </si>
  <si>
    <t>E01027031</t>
  </si>
  <si>
    <t>North Northamptonshire 010A</t>
  </si>
  <si>
    <t>E02005630</t>
  </si>
  <si>
    <t>North Northamptonshire 010</t>
  </si>
  <si>
    <t>E06000061</t>
  </si>
  <si>
    <t>North Northamptonshire</t>
  </si>
  <si>
    <t>E01027044</t>
  </si>
  <si>
    <t>North Northamptonshire 010B</t>
  </si>
  <si>
    <t>E01027050</t>
  </si>
  <si>
    <t>North Northamptonshire 001C</t>
  </si>
  <si>
    <t>E02005629</t>
  </si>
  <si>
    <t>North Northamptonshire 001</t>
  </si>
  <si>
    <t>E01027074</t>
  </si>
  <si>
    <t>North Northamptonshire 024B</t>
  </si>
  <si>
    <t>E02005632</t>
  </si>
  <si>
    <t>North Northamptonshire 024</t>
  </si>
  <si>
    <t>E01028500</t>
  </si>
  <si>
    <t>Cherwell 016D</t>
  </si>
  <si>
    <t>E02005936</t>
  </si>
  <si>
    <t>Cherwell 016</t>
  </si>
  <si>
    <t>E07000177</t>
  </si>
  <si>
    <t>Cherwell</t>
  </si>
  <si>
    <t>E37000053</t>
  </si>
  <si>
    <t>Oxfordshire</t>
  </si>
  <si>
    <t>E01028598</t>
  </si>
  <si>
    <t>South Oxfordshire 005A</t>
  </si>
  <si>
    <t>E02005962</t>
  </si>
  <si>
    <t>South Oxfordshire 005</t>
  </si>
  <si>
    <t>E07000179</t>
  </si>
  <si>
    <t>South Oxfordshire</t>
  </si>
  <si>
    <t>E01028613</t>
  </si>
  <si>
    <t>South Oxfordshire 005B</t>
  </si>
  <si>
    <t>E01028614</t>
  </si>
  <si>
    <t>South Oxfordshire 005C</t>
  </si>
  <si>
    <t>E01028615</t>
  </si>
  <si>
    <t>South Oxfordshire 005D</t>
  </si>
  <si>
    <t>E01028616</t>
  </si>
  <si>
    <t>South Oxfordshire 005E</t>
  </si>
  <si>
    <t>E01028647</t>
  </si>
  <si>
    <t>South Oxfordshire 004B</t>
  </si>
  <si>
    <t>E02005961</t>
  </si>
  <si>
    <t>South Oxfordshire 004</t>
  </si>
  <si>
    <t>E01028666</t>
  </si>
  <si>
    <t>South Oxfordshire 001A</t>
  </si>
  <si>
    <t>E02005958</t>
  </si>
  <si>
    <t>South Oxfordshire 001</t>
  </si>
  <si>
    <t>E01028667</t>
  </si>
  <si>
    <t>South Oxfordshire 001B</t>
  </si>
  <si>
    <t>E01028668</t>
  </si>
  <si>
    <t>South Oxfordshire 001C</t>
  </si>
  <si>
    <t>E01028669</t>
  </si>
  <si>
    <t>South Oxfordshire 001D</t>
  </si>
  <si>
    <t>E01028670</t>
  </si>
  <si>
    <t>South Oxfordshire 003A</t>
  </si>
  <si>
    <t>E02005960</t>
  </si>
  <si>
    <t>South Oxfordshire 003</t>
  </si>
  <si>
    <t>E01028671</t>
  </si>
  <si>
    <t>South Oxfordshire 003B</t>
  </si>
  <si>
    <t>E01028672</t>
  </si>
  <si>
    <t>South Oxfordshire 003C</t>
  </si>
  <si>
    <t>E01028673</t>
  </si>
  <si>
    <t>South Oxfordshire 003D</t>
  </si>
  <si>
    <t>E01029870</t>
  </si>
  <si>
    <t>Babergh 010A</t>
  </si>
  <si>
    <t>E02006236</t>
  </si>
  <si>
    <t>Babergh 010</t>
  </si>
  <si>
    <t>E07000200</t>
  </si>
  <si>
    <t>Babergh</t>
  </si>
  <si>
    <t>E01029871</t>
  </si>
  <si>
    <t>Babergh 011A</t>
  </si>
  <si>
    <t>E02006237</t>
  </si>
  <si>
    <t>Babergh 011</t>
  </si>
  <si>
    <t>E01029872</t>
  </si>
  <si>
    <t>Babergh 010B</t>
  </si>
  <si>
    <t>E01029873</t>
  </si>
  <si>
    <t>Babergh 011B</t>
  </si>
  <si>
    <t>E01029874</t>
  </si>
  <si>
    <t>Babergh 011C</t>
  </si>
  <si>
    <t>E01029875</t>
  </si>
  <si>
    <t>Babergh 009A</t>
  </si>
  <si>
    <t>E02006235</t>
  </si>
  <si>
    <t>Babergh 009</t>
  </si>
  <si>
    <t>E01029876</t>
  </si>
  <si>
    <t>Babergh 001A</t>
  </si>
  <si>
    <t>E02006227</t>
  </si>
  <si>
    <t>Babergh 001</t>
  </si>
  <si>
    <t>E01029877</t>
  </si>
  <si>
    <t>Babergh 005A</t>
  </si>
  <si>
    <t>E02006231</t>
  </si>
  <si>
    <t>Babergh 005</t>
  </si>
  <si>
    <t>E01029878</t>
  </si>
  <si>
    <t>Babergh 005B</t>
  </si>
  <si>
    <t>E01029879</t>
  </si>
  <si>
    <t>Babergh 005C</t>
  </si>
  <si>
    <t>E01029880</t>
  </si>
  <si>
    <t>Babergh 006A</t>
  </si>
  <si>
    <t>E02006232</t>
  </si>
  <si>
    <t>Babergh 006</t>
  </si>
  <si>
    <t>E01029881</t>
  </si>
  <si>
    <t>Babergh 002A</t>
  </si>
  <si>
    <t>E02006228</t>
  </si>
  <si>
    <t>Babergh 002</t>
  </si>
  <si>
    <t>E01029882</t>
  </si>
  <si>
    <t>Babergh 010C</t>
  </si>
  <si>
    <t>E01029883</t>
  </si>
  <si>
    <t>Babergh 010D</t>
  </si>
  <si>
    <t>E01029884</t>
  </si>
  <si>
    <t>Babergh 002B</t>
  </si>
  <si>
    <t>E01029885</t>
  </si>
  <si>
    <t>Babergh 002C</t>
  </si>
  <si>
    <t>E01029886</t>
  </si>
  <si>
    <t>Babergh 008A</t>
  </si>
  <si>
    <t>E02006234</t>
  </si>
  <si>
    <t>Babergh 008</t>
  </si>
  <si>
    <t>E01029887</t>
  </si>
  <si>
    <t>Babergh 008B</t>
  </si>
  <si>
    <t>E01029888</t>
  </si>
  <si>
    <t>Babergh 008C</t>
  </si>
  <si>
    <t>E01029889</t>
  </si>
  <si>
    <t>Babergh 008D</t>
  </si>
  <si>
    <t>E01029890</t>
  </si>
  <si>
    <t>Babergh 008E</t>
  </si>
  <si>
    <t>E01029891</t>
  </si>
  <si>
    <t>Babergh 008F</t>
  </si>
  <si>
    <t>E01029892</t>
  </si>
  <si>
    <t>Babergh 004A</t>
  </si>
  <si>
    <t>E02006230</t>
  </si>
  <si>
    <t>Babergh 004</t>
  </si>
  <si>
    <t>E01029894</t>
  </si>
  <si>
    <t>Babergh 004C</t>
  </si>
  <si>
    <t>E01029895</t>
  </si>
  <si>
    <t>Babergh 004D</t>
  </si>
  <si>
    <t>E01029896</t>
  </si>
  <si>
    <t>Babergh 004E</t>
  </si>
  <si>
    <t>E01029897</t>
  </si>
  <si>
    <t>Babergh 011D</t>
  </si>
  <si>
    <t>E01029898</t>
  </si>
  <si>
    <t>Babergh 001B</t>
  </si>
  <si>
    <t>E01029899</t>
  </si>
  <si>
    <t>Babergh 009B</t>
  </si>
  <si>
    <t>E01029900</t>
  </si>
  <si>
    <t>Babergh 003A</t>
  </si>
  <si>
    <t>E02006229</t>
  </si>
  <si>
    <t>Babergh 003</t>
  </si>
  <si>
    <t>E01029901</t>
  </si>
  <si>
    <t>Babergh 003B</t>
  </si>
  <si>
    <t>E01029902</t>
  </si>
  <si>
    <t>Babergh 009C</t>
  </si>
  <si>
    <t>E01029903</t>
  </si>
  <si>
    <t>Babergh 010E</t>
  </si>
  <si>
    <t>E01029904</t>
  </si>
  <si>
    <t>Babergh 010F</t>
  </si>
  <si>
    <t>E01029905</t>
  </si>
  <si>
    <t>Babergh 010G</t>
  </si>
  <si>
    <t>E01029906</t>
  </si>
  <si>
    <t>Babergh 009D</t>
  </si>
  <si>
    <t>E01029907</t>
  </si>
  <si>
    <t>Babergh 001C</t>
  </si>
  <si>
    <t>E01029908</t>
  </si>
  <si>
    <t>Babergh 005D</t>
  </si>
  <si>
    <t>E01029909</t>
  </si>
  <si>
    <t>Babergh 005E</t>
  </si>
  <si>
    <t>E01029910</t>
  </si>
  <si>
    <t>Babergh 005F</t>
  </si>
  <si>
    <t>E01029911</t>
  </si>
  <si>
    <t>Babergh 004F</t>
  </si>
  <si>
    <t>E01029912</t>
  </si>
  <si>
    <t>Babergh 007A</t>
  </si>
  <si>
    <t>E02006233</t>
  </si>
  <si>
    <t>Babergh 007</t>
  </si>
  <si>
    <t>E01029913</t>
  </si>
  <si>
    <t>Babergh 007B</t>
  </si>
  <si>
    <t>E01029914</t>
  </si>
  <si>
    <t>Babergh 007C</t>
  </si>
  <si>
    <t>E01029915</t>
  </si>
  <si>
    <t>Babergh 007D</t>
  </si>
  <si>
    <t>E01029916</t>
  </si>
  <si>
    <t>Babergh 007E</t>
  </si>
  <si>
    <t>E01029917</t>
  </si>
  <si>
    <t>Babergh 003C</t>
  </si>
  <si>
    <t>E01029918</t>
  </si>
  <si>
    <t>Babergh 007F</t>
  </si>
  <si>
    <t>E01029919</t>
  </si>
  <si>
    <t>Babergh 007G</t>
  </si>
  <si>
    <t>E01029920</t>
  </si>
  <si>
    <t>Babergh 007H</t>
  </si>
  <si>
    <t>E01029921</t>
  </si>
  <si>
    <t>Babergh 006B</t>
  </si>
  <si>
    <t>E01029922</t>
  </si>
  <si>
    <t>Babergh 006C</t>
  </si>
  <si>
    <t>E01029923</t>
  </si>
  <si>
    <t>Babergh 006D</t>
  </si>
  <si>
    <t>E01029925</t>
  </si>
  <si>
    <t>West Suffolk 015A</t>
  </si>
  <si>
    <t>E02006826</t>
  </si>
  <si>
    <t>West Suffolk 015</t>
  </si>
  <si>
    <t>E07000245</t>
  </si>
  <si>
    <t>West Suffolk</t>
  </si>
  <si>
    <t>E01029926</t>
  </si>
  <si>
    <t>West Suffolk 002A</t>
  </si>
  <si>
    <t>E02006238</t>
  </si>
  <si>
    <t>West Suffolk 002</t>
  </si>
  <si>
    <t>E01029927</t>
  </si>
  <si>
    <t>West Suffolk 002B</t>
  </si>
  <si>
    <t>E01029928</t>
  </si>
  <si>
    <t>West Suffolk 002C</t>
  </si>
  <si>
    <t>E01029929</t>
  </si>
  <si>
    <t>West Suffolk 002D</t>
  </si>
  <si>
    <t>E01029930</t>
  </si>
  <si>
    <t>West Suffolk 002E</t>
  </si>
  <si>
    <t>E01029937</t>
  </si>
  <si>
    <t>West Suffolk 008A</t>
  </si>
  <si>
    <t>E02006243</t>
  </si>
  <si>
    <t>West Suffolk 008</t>
  </si>
  <si>
    <t>E01029938</t>
  </si>
  <si>
    <t>West Suffolk 004A</t>
  </si>
  <si>
    <t>E02006241</t>
  </si>
  <si>
    <t>West Suffolk 004</t>
  </si>
  <si>
    <t>E01029939</t>
  </si>
  <si>
    <t>West Suffolk 004B</t>
  </si>
  <si>
    <t>E01029940</t>
  </si>
  <si>
    <t>West Suffolk 004C</t>
  </si>
  <si>
    <t>E01029941</t>
  </si>
  <si>
    <t>West Suffolk 007A</t>
  </si>
  <si>
    <t>E02006242</t>
  </si>
  <si>
    <t>West Suffolk 007</t>
  </si>
  <si>
    <t>E01029942</t>
  </si>
  <si>
    <t>West Suffolk 001A</t>
  </si>
  <si>
    <t>E02006239</t>
  </si>
  <si>
    <t>West Suffolk 001</t>
  </si>
  <si>
    <t>E01029944</t>
  </si>
  <si>
    <t>West Suffolk 001B</t>
  </si>
  <si>
    <t>E01029945</t>
  </si>
  <si>
    <t>West Suffolk 003A</t>
  </si>
  <si>
    <t>E02006240</t>
  </si>
  <si>
    <t>West Suffolk 003</t>
  </si>
  <si>
    <t>E01029946</t>
  </si>
  <si>
    <t>West Suffolk 004D</t>
  </si>
  <si>
    <t>E01029947</t>
  </si>
  <si>
    <t>West Suffolk 004E</t>
  </si>
  <si>
    <t>E01029949</t>
  </si>
  <si>
    <t>West Suffolk 015B</t>
  </si>
  <si>
    <t>E01029950</t>
  </si>
  <si>
    <t>West Suffolk 015C</t>
  </si>
  <si>
    <t>E01029951</t>
  </si>
  <si>
    <t>West Suffolk 015D</t>
  </si>
  <si>
    <t>E01029952</t>
  </si>
  <si>
    <t>West Suffolk 015E</t>
  </si>
  <si>
    <t>E01029953</t>
  </si>
  <si>
    <t>West Suffolk 008B</t>
  </si>
  <si>
    <t>E01029955</t>
  </si>
  <si>
    <t>West Suffolk 008C</t>
  </si>
  <si>
    <t>E01029956</t>
  </si>
  <si>
    <t>West Suffolk 008D</t>
  </si>
  <si>
    <t>E01029957</t>
  </si>
  <si>
    <t>West Suffolk 007B</t>
  </si>
  <si>
    <t>E01029958</t>
  </si>
  <si>
    <t>Ipswich 007A</t>
  </si>
  <si>
    <t>E02006251</t>
  </si>
  <si>
    <t>Ipswich 007</t>
  </si>
  <si>
    <t>E07000202</t>
  </si>
  <si>
    <t>Ipswich</t>
  </si>
  <si>
    <t>E01029960</t>
  </si>
  <si>
    <t>Ipswich 007C</t>
  </si>
  <si>
    <t>E01029961</t>
  </si>
  <si>
    <t>Ipswich 007D</t>
  </si>
  <si>
    <t>E01029962</t>
  </si>
  <si>
    <t>Ipswich 007E</t>
  </si>
  <si>
    <t>E01029963</t>
  </si>
  <si>
    <t>Ipswich 009A</t>
  </si>
  <si>
    <t>E02006253</t>
  </si>
  <si>
    <t>Ipswich 009</t>
  </si>
  <si>
    <t>E01029964</t>
  </si>
  <si>
    <t>Ipswich 009B</t>
  </si>
  <si>
    <t>E01029965</t>
  </si>
  <si>
    <t>Ipswich 009C</t>
  </si>
  <si>
    <t>E01029966</t>
  </si>
  <si>
    <t>Ipswich 009D</t>
  </si>
  <si>
    <t>E01029967</t>
  </si>
  <si>
    <t>Ipswich 009E</t>
  </si>
  <si>
    <t>E01029968</t>
  </si>
  <si>
    <t>Ipswich 012A</t>
  </si>
  <si>
    <t>E02006256</t>
  </si>
  <si>
    <t>Ipswich 012</t>
  </si>
  <si>
    <t>E01029969</t>
  </si>
  <si>
    <t>Ipswich 012B</t>
  </si>
  <si>
    <t>E01029970</t>
  </si>
  <si>
    <t>Ipswich 012C</t>
  </si>
  <si>
    <t>E01029971</t>
  </si>
  <si>
    <t>Ipswich 012D</t>
  </si>
  <si>
    <t>E01029973</t>
  </si>
  <si>
    <t>Ipswich 002A</t>
  </si>
  <si>
    <t>E02006246</t>
  </si>
  <si>
    <t>Ipswich 002</t>
  </si>
  <si>
    <t>E01029974</t>
  </si>
  <si>
    <t>Ipswich 002B</t>
  </si>
  <si>
    <t>E01029975</t>
  </si>
  <si>
    <t>Ipswich 002C</t>
  </si>
  <si>
    <t>E01029976</t>
  </si>
  <si>
    <t>Ipswich 002D</t>
  </si>
  <si>
    <t>E01029977</t>
  </si>
  <si>
    <t>Ipswich 002E</t>
  </si>
  <si>
    <t>E01029978</t>
  </si>
  <si>
    <t>Ipswich 016A</t>
  </si>
  <si>
    <t>E02006260</t>
  </si>
  <si>
    <t>Ipswich 016</t>
  </si>
  <si>
    <t>E01029979</t>
  </si>
  <si>
    <t>Ipswich 016B</t>
  </si>
  <si>
    <t>E01029980</t>
  </si>
  <si>
    <t>Ipswich 016C</t>
  </si>
  <si>
    <t>E01029981</t>
  </si>
  <si>
    <t>Ipswich 016D</t>
  </si>
  <si>
    <t>E01029982</t>
  </si>
  <si>
    <t>Ipswich 016E</t>
  </si>
  <si>
    <t>E01029983</t>
  </si>
  <si>
    <t>Ipswich 016F</t>
  </si>
  <si>
    <t>E01029984</t>
  </si>
  <si>
    <t>Ipswich 010A</t>
  </si>
  <si>
    <t>E02006254</t>
  </si>
  <si>
    <t>Ipswich 010</t>
  </si>
  <si>
    <t>E01029985</t>
  </si>
  <si>
    <t>Ipswich 010B</t>
  </si>
  <si>
    <t>E01029986</t>
  </si>
  <si>
    <t>Ipswich 010C</t>
  </si>
  <si>
    <t>E01029987</t>
  </si>
  <si>
    <t>Ipswich 010D</t>
  </si>
  <si>
    <t>E01029988</t>
  </si>
  <si>
    <t>Ipswich 010E</t>
  </si>
  <si>
    <t>E01029990</t>
  </si>
  <si>
    <t>Ipswich 011B</t>
  </si>
  <si>
    <t>E02006255</t>
  </si>
  <si>
    <t>Ipswich 011</t>
  </si>
  <si>
    <t>E01029991</t>
  </si>
  <si>
    <t>Ipswich 011C</t>
  </si>
  <si>
    <t>E01029992</t>
  </si>
  <si>
    <t>Ipswich 011D</t>
  </si>
  <si>
    <t>E01029994</t>
  </si>
  <si>
    <t>Ipswich 014B</t>
  </si>
  <si>
    <t>E02006258</t>
  </si>
  <si>
    <t>Ipswich 014</t>
  </si>
  <si>
    <t>E01029995</t>
  </si>
  <si>
    <t>Ipswich 014C</t>
  </si>
  <si>
    <t>E01029996</t>
  </si>
  <si>
    <t>Ipswich 014D</t>
  </si>
  <si>
    <t>E01029997</t>
  </si>
  <si>
    <t>Ipswich 004A</t>
  </si>
  <si>
    <t>E02006248</t>
  </si>
  <si>
    <t>Ipswich 004</t>
  </si>
  <si>
    <t>E01029998</t>
  </si>
  <si>
    <t>Ipswich 004B</t>
  </si>
  <si>
    <t>E01029999</t>
  </si>
  <si>
    <t>Ipswich 004C</t>
  </si>
  <si>
    <t>E01030000</t>
  </si>
  <si>
    <t>Ipswich 004D</t>
  </si>
  <si>
    <t>E01030001</t>
  </si>
  <si>
    <t>Ipswich 004E</t>
  </si>
  <si>
    <t>E01030002</t>
  </si>
  <si>
    <t>Ipswich 008A</t>
  </si>
  <si>
    <t>E02006252</t>
  </si>
  <si>
    <t>Ipswich 008</t>
  </si>
  <si>
    <t>E01030003</t>
  </si>
  <si>
    <t>Ipswich 008B</t>
  </si>
  <si>
    <t>E01030004</t>
  </si>
  <si>
    <t>Ipswich 008C</t>
  </si>
  <si>
    <t>E01030005</t>
  </si>
  <si>
    <t>Ipswich 008D</t>
  </si>
  <si>
    <t>E01030006</t>
  </si>
  <si>
    <t>Ipswich 008E</t>
  </si>
  <si>
    <t>E01030007</t>
  </si>
  <si>
    <t>Ipswich 005A</t>
  </si>
  <si>
    <t>E02006249</t>
  </si>
  <si>
    <t>Ipswich 005</t>
  </si>
  <si>
    <t>E01030008</t>
  </si>
  <si>
    <t>Ipswich 005B</t>
  </si>
  <si>
    <t>E01030009</t>
  </si>
  <si>
    <t>Ipswich 005C</t>
  </si>
  <si>
    <t>E01030010</t>
  </si>
  <si>
    <t>Ipswich 005D</t>
  </si>
  <si>
    <t>E01030011</t>
  </si>
  <si>
    <t>Ipswich 005E</t>
  </si>
  <si>
    <t>E01030012</t>
  </si>
  <si>
    <t>Ipswich 013A</t>
  </si>
  <si>
    <t>E02006257</t>
  </si>
  <si>
    <t>Ipswich 013</t>
  </si>
  <si>
    <t>E01030013</t>
  </si>
  <si>
    <t>Ipswich 013B</t>
  </si>
  <si>
    <t>E01030014</t>
  </si>
  <si>
    <t>Ipswich 013C</t>
  </si>
  <si>
    <t>E01030015</t>
  </si>
  <si>
    <t>Ipswich 013D</t>
  </si>
  <si>
    <t>E01030016</t>
  </si>
  <si>
    <t>Ipswich 013E</t>
  </si>
  <si>
    <t>E01030017</t>
  </si>
  <si>
    <t>Ipswich 015A</t>
  </si>
  <si>
    <t>E02006259</t>
  </si>
  <si>
    <t>Ipswich 015</t>
  </si>
  <si>
    <t>E01030018</t>
  </si>
  <si>
    <t>Ipswich 015B</t>
  </si>
  <si>
    <t>E01030019</t>
  </si>
  <si>
    <t>Ipswich 015C</t>
  </si>
  <si>
    <t>E01030020</t>
  </si>
  <si>
    <t>Ipswich 015D</t>
  </si>
  <si>
    <t>E01030021</t>
  </si>
  <si>
    <t>Ipswich 015E</t>
  </si>
  <si>
    <t>E01030022</t>
  </si>
  <si>
    <t>Ipswich 006A</t>
  </si>
  <si>
    <t>E02006250</t>
  </si>
  <si>
    <t>Ipswich 006</t>
  </si>
  <si>
    <t>E01030023</t>
  </si>
  <si>
    <t>Ipswich 006B</t>
  </si>
  <si>
    <t>E01030024</t>
  </si>
  <si>
    <t>Ipswich 006C</t>
  </si>
  <si>
    <t>E01030025</t>
  </si>
  <si>
    <t>Ipswich 006D</t>
  </si>
  <si>
    <t>E01030026</t>
  </si>
  <si>
    <t>Ipswich 006E</t>
  </si>
  <si>
    <t>E01030027</t>
  </si>
  <si>
    <t>Ipswich 003A</t>
  </si>
  <si>
    <t>E02006247</t>
  </si>
  <si>
    <t>Ipswich 003</t>
  </si>
  <si>
    <t>E01030028</t>
  </si>
  <si>
    <t>Ipswich 003B</t>
  </si>
  <si>
    <t>E01030029</t>
  </si>
  <si>
    <t>Ipswich 003C</t>
  </si>
  <si>
    <t>E01030030</t>
  </si>
  <si>
    <t>Ipswich 003D</t>
  </si>
  <si>
    <t>E01030031</t>
  </si>
  <si>
    <t>Ipswich 003E</t>
  </si>
  <si>
    <t>E01030032</t>
  </si>
  <si>
    <t>Ipswich 001A</t>
  </si>
  <si>
    <t>E02006245</t>
  </si>
  <si>
    <t>Ipswich 001</t>
  </si>
  <si>
    <t>E01030033</t>
  </si>
  <si>
    <t>Ipswich 001B</t>
  </si>
  <si>
    <t>E01030034</t>
  </si>
  <si>
    <t>Ipswich 001C</t>
  </si>
  <si>
    <t>E01030035</t>
  </si>
  <si>
    <t>Ipswich 001D</t>
  </si>
  <si>
    <t>E01030036</t>
  </si>
  <si>
    <t>Ipswich 001E</t>
  </si>
  <si>
    <t>E01030037</t>
  </si>
  <si>
    <t>Mid Suffolk 005A</t>
  </si>
  <si>
    <t>E02006265</t>
  </si>
  <si>
    <t>Mid Suffolk 005</t>
  </si>
  <si>
    <t>E07000203</t>
  </si>
  <si>
    <t>Mid Suffolk</t>
  </si>
  <si>
    <t>E01030038</t>
  </si>
  <si>
    <t>Mid Suffolk 005B</t>
  </si>
  <si>
    <t>E01030039</t>
  </si>
  <si>
    <t>Mid Suffolk 002A</t>
  </si>
  <si>
    <t>E02006262</t>
  </si>
  <si>
    <t>Mid Suffolk 002</t>
  </si>
  <si>
    <t>E01030040</t>
  </si>
  <si>
    <t>Mid Suffolk 004A</t>
  </si>
  <si>
    <t>E02006264</t>
  </si>
  <si>
    <t>Mid Suffolk 004</t>
  </si>
  <si>
    <t>E01030041</t>
  </si>
  <si>
    <t>Mid Suffolk 011A</t>
  </si>
  <si>
    <t>E02006271</t>
  </si>
  <si>
    <t>Mid Suffolk 011</t>
  </si>
  <si>
    <t>E01030042</t>
  </si>
  <si>
    <t>Mid Suffolk 012A</t>
  </si>
  <si>
    <t>E02006272</t>
  </si>
  <si>
    <t>Mid Suffolk 012</t>
  </si>
  <si>
    <t>E01030043</t>
  </si>
  <si>
    <t>Mid Suffolk 011B</t>
  </si>
  <si>
    <t>E01030044</t>
  </si>
  <si>
    <t>Mid Suffolk 012B</t>
  </si>
  <si>
    <t>E01030045</t>
  </si>
  <si>
    <t>Mid Suffolk 012C</t>
  </si>
  <si>
    <t>E01030046</t>
  </si>
  <si>
    <t>Mid Suffolk 012D</t>
  </si>
  <si>
    <t>E01030047</t>
  </si>
  <si>
    <t>Mid Suffolk 012E</t>
  </si>
  <si>
    <t>E01030048</t>
  </si>
  <si>
    <t>Mid Suffolk 007A</t>
  </si>
  <si>
    <t>E02006267</t>
  </si>
  <si>
    <t>Mid Suffolk 007</t>
  </si>
  <si>
    <t>E01030049</t>
  </si>
  <si>
    <t>Mid Suffolk 004B</t>
  </si>
  <si>
    <t>E01030050</t>
  </si>
  <si>
    <t>Mid Suffolk 004C</t>
  </si>
  <si>
    <t>E01030051</t>
  </si>
  <si>
    <t>Mid Suffolk 006A</t>
  </si>
  <si>
    <t>E02006266</t>
  </si>
  <si>
    <t>Mid Suffolk 006</t>
  </si>
  <si>
    <t>E01030052</t>
  </si>
  <si>
    <t>Mid Suffolk 001A</t>
  </si>
  <si>
    <t>E02006261</t>
  </si>
  <si>
    <t>Mid Suffolk 001</t>
  </si>
  <si>
    <t>E01030053</t>
  </si>
  <si>
    <t>Mid Suffolk 003A</t>
  </si>
  <si>
    <t>E02006263</t>
  </si>
  <si>
    <t>Mid Suffolk 003</t>
  </si>
  <si>
    <t>E01030054</t>
  </si>
  <si>
    <t>Mid Suffolk 002B</t>
  </si>
  <si>
    <t>E01030055</t>
  </si>
  <si>
    <t>Mid Suffolk 002C</t>
  </si>
  <si>
    <t>E01030056</t>
  </si>
  <si>
    <t>Mid Suffolk 006B</t>
  </si>
  <si>
    <t>E01030057</t>
  </si>
  <si>
    <t>Mid Suffolk 007B</t>
  </si>
  <si>
    <t>E01030058</t>
  </si>
  <si>
    <t>Mid Suffolk 001B</t>
  </si>
  <si>
    <t>E01030059</t>
  </si>
  <si>
    <t>Mid Suffolk 005C</t>
  </si>
  <si>
    <t>E01030060</t>
  </si>
  <si>
    <t>Mid Suffolk 010A</t>
  </si>
  <si>
    <t>E02006270</t>
  </si>
  <si>
    <t>Mid Suffolk 010</t>
  </si>
  <si>
    <t>E01030061</t>
  </si>
  <si>
    <t>Mid Suffolk 011C</t>
  </si>
  <si>
    <t>E01030062</t>
  </si>
  <si>
    <t>Mid Suffolk 011D</t>
  </si>
  <si>
    <t>E01030063</t>
  </si>
  <si>
    <t>Mid Suffolk 009A</t>
  </si>
  <si>
    <t>E02006269</t>
  </si>
  <si>
    <t>Mid Suffolk 009</t>
  </si>
  <si>
    <t>E01030064</t>
  </si>
  <si>
    <t>Mid Suffolk 001C</t>
  </si>
  <si>
    <t>E01030065</t>
  </si>
  <si>
    <t>Mid Suffolk 006C</t>
  </si>
  <si>
    <t>E01030066</t>
  </si>
  <si>
    <t>Mid Suffolk 002D</t>
  </si>
  <si>
    <t>E01030067</t>
  </si>
  <si>
    <t>Mid Suffolk 002E</t>
  </si>
  <si>
    <t>E01030068</t>
  </si>
  <si>
    <t>Mid Suffolk 002F</t>
  </si>
  <si>
    <t>E01030069</t>
  </si>
  <si>
    <t>Mid Suffolk 009B</t>
  </si>
  <si>
    <t>E01030070</t>
  </si>
  <si>
    <t>Mid Suffolk 011E</t>
  </si>
  <si>
    <t>E01030071</t>
  </si>
  <si>
    <t>Mid Suffolk 010B</t>
  </si>
  <si>
    <t>E01030072</t>
  </si>
  <si>
    <t>Mid Suffolk 009C</t>
  </si>
  <si>
    <t>E01030073</t>
  </si>
  <si>
    <t>Mid Suffolk 008A</t>
  </si>
  <si>
    <t>E02006268</t>
  </si>
  <si>
    <t>Mid Suffolk 008</t>
  </si>
  <si>
    <t>E01030075</t>
  </si>
  <si>
    <t>Mid Suffolk 009D</t>
  </si>
  <si>
    <t>E01030076</t>
  </si>
  <si>
    <t>Mid Suffolk 010D</t>
  </si>
  <si>
    <t>E01030077</t>
  </si>
  <si>
    <t>Mid Suffolk 008B</t>
  </si>
  <si>
    <t>E01030078</t>
  </si>
  <si>
    <t>Mid Suffolk 010E</t>
  </si>
  <si>
    <t>E01030079</t>
  </si>
  <si>
    <t>Mid Suffolk 008C</t>
  </si>
  <si>
    <t>E01030080</t>
  </si>
  <si>
    <t>Mid Suffolk 008D</t>
  </si>
  <si>
    <t>E01030081</t>
  </si>
  <si>
    <t>Mid Suffolk 005D</t>
  </si>
  <si>
    <t>E01030083</t>
  </si>
  <si>
    <t>Mid Suffolk 007C</t>
  </si>
  <si>
    <t>E01030084</t>
  </si>
  <si>
    <t>Mid Suffolk 004D</t>
  </si>
  <si>
    <t>E01030085</t>
  </si>
  <si>
    <t>Mid Suffolk 004E</t>
  </si>
  <si>
    <t>E01030086</t>
  </si>
  <si>
    <t>Mid Suffolk 006D</t>
  </si>
  <si>
    <t>E01030087</t>
  </si>
  <si>
    <t>Mid Suffolk 007D</t>
  </si>
  <si>
    <t>E01030088</t>
  </si>
  <si>
    <t>Mid Suffolk 001D</t>
  </si>
  <si>
    <t>E01030089</t>
  </si>
  <si>
    <t>Mid Suffolk 006E</t>
  </si>
  <si>
    <t>E01030090</t>
  </si>
  <si>
    <t>Mid Suffolk 003C</t>
  </si>
  <si>
    <t>E01030091</t>
  </si>
  <si>
    <t>West Suffolk 011A</t>
  </si>
  <si>
    <t>E02006278</t>
  </si>
  <si>
    <t>West Suffolk 011</t>
  </si>
  <si>
    <t>E01030092</t>
  </si>
  <si>
    <t>West Suffolk 014A</t>
  </si>
  <si>
    <t>E02006279</t>
  </si>
  <si>
    <t>West Suffolk 014</t>
  </si>
  <si>
    <t>E01030093</t>
  </si>
  <si>
    <t>West Suffolk 011B</t>
  </si>
  <si>
    <t>E01030094</t>
  </si>
  <si>
    <t>West Suffolk 006A</t>
  </si>
  <si>
    <t>E02006274</t>
  </si>
  <si>
    <t>West Suffolk 006</t>
  </si>
  <si>
    <t>E01030095</t>
  </si>
  <si>
    <t>West Suffolk 005A</t>
  </si>
  <si>
    <t>E02006273</t>
  </si>
  <si>
    <t>West Suffolk 005</t>
  </si>
  <si>
    <t>E01030096</t>
  </si>
  <si>
    <t>West Suffolk 005B</t>
  </si>
  <si>
    <t>E01030097</t>
  </si>
  <si>
    <t>West Suffolk 005C</t>
  </si>
  <si>
    <t>E01030098</t>
  </si>
  <si>
    <t>West Suffolk 010A</t>
  </si>
  <si>
    <t>E02006280</t>
  </si>
  <si>
    <t>West Suffolk 010</t>
  </si>
  <si>
    <t>E01030099</t>
  </si>
  <si>
    <t>West Suffolk 017A</t>
  </si>
  <si>
    <t>E02006282</t>
  </si>
  <si>
    <t>West Suffolk 017</t>
  </si>
  <si>
    <t>E01030100</t>
  </si>
  <si>
    <t>West Suffolk 010B</t>
  </si>
  <si>
    <t>E01030101</t>
  </si>
  <si>
    <t>West Suffolk 017B</t>
  </si>
  <si>
    <t>E01030104</t>
  </si>
  <si>
    <t>West Suffolk 016A</t>
  </si>
  <si>
    <t>E02006276</t>
  </si>
  <si>
    <t>West Suffolk 016</t>
  </si>
  <si>
    <t>E01030105</t>
  </si>
  <si>
    <t>West Suffolk 020A</t>
  </si>
  <si>
    <t>E02006286</t>
  </si>
  <si>
    <t>West Suffolk 020</t>
  </si>
  <si>
    <t>E01030106</t>
  </si>
  <si>
    <t>West Suffolk 020B</t>
  </si>
  <si>
    <t>E01030107</t>
  </si>
  <si>
    <t>West Suffolk 020C</t>
  </si>
  <si>
    <t>E01030108</t>
  </si>
  <si>
    <t>West Suffolk 020D</t>
  </si>
  <si>
    <t>E01030109</t>
  </si>
  <si>
    <t>West Suffolk 019A</t>
  </si>
  <si>
    <t>E02006284</t>
  </si>
  <si>
    <t>West Suffolk 019</t>
  </si>
  <si>
    <t>E01030110</t>
  </si>
  <si>
    <t>West Suffolk 019B</t>
  </si>
  <si>
    <t>E01030111</t>
  </si>
  <si>
    <t>West Suffolk 019C</t>
  </si>
  <si>
    <t>E01030112</t>
  </si>
  <si>
    <t>West Suffolk 019D</t>
  </si>
  <si>
    <t>E01030113</t>
  </si>
  <si>
    <t>West Suffolk 020E</t>
  </si>
  <si>
    <t>E01030114</t>
  </si>
  <si>
    <t>West Suffolk 020F</t>
  </si>
  <si>
    <t>E01030115</t>
  </si>
  <si>
    <t>West Suffolk 021A</t>
  </si>
  <si>
    <t>E02006285</t>
  </si>
  <si>
    <t>West Suffolk 021</t>
  </si>
  <si>
    <t>E01030116</t>
  </si>
  <si>
    <t>West Suffolk 021B</t>
  </si>
  <si>
    <t>E01030117</t>
  </si>
  <si>
    <t>West Suffolk 021C</t>
  </si>
  <si>
    <t>E01030118</t>
  </si>
  <si>
    <t>West Suffolk 021D</t>
  </si>
  <si>
    <t>E01030119</t>
  </si>
  <si>
    <t>West Suffolk 010C</t>
  </si>
  <si>
    <t>E01030121</t>
  </si>
  <si>
    <t>West Suffolk 006B</t>
  </si>
  <si>
    <t>E01030122</t>
  </si>
  <si>
    <t>West Suffolk 018A</t>
  </si>
  <si>
    <t>E02006283</t>
  </si>
  <si>
    <t>West Suffolk 018</t>
  </si>
  <si>
    <t>E01030123</t>
  </si>
  <si>
    <t>West Suffolk 014B</t>
  </si>
  <si>
    <t>E01030124</t>
  </si>
  <si>
    <t>West Suffolk 014C</t>
  </si>
  <si>
    <t>E01030125</t>
  </si>
  <si>
    <t>West Suffolk 014D</t>
  </si>
  <si>
    <t>E01030127</t>
  </si>
  <si>
    <t>West Suffolk 012A</t>
  </si>
  <si>
    <t>E02006277</t>
  </si>
  <si>
    <t>West Suffolk 012</t>
  </si>
  <si>
    <t>E01030128</t>
  </si>
  <si>
    <t>West Suffolk 012B</t>
  </si>
  <si>
    <t>E01030129</t>
  </si>
  <si>
    <t>West Suffolk 012C</t>
  </si>
  <si>
    <t>E01030130</t>
  </si>
  <si>
    <t>West Suffolk 009A</t>
  </si>
  <si>
    <t>E02006275</t>
  </si>
  <si>
    <t>West Suffolk 009</t>
  </si>
  <si>
    <t>E01030131</t>
  </si>
  <si>
    <t>West Suffolk 009B</t>
  </si>
  <si>
    <t>E01030132</t>
  </si>
  <si>
    <t>West Suffolk 006C</t>
  </si>
  <si>
    <t>E01030133</t>
  </si>
  <si>
    <t>West Suffolk 006D</t>
  </si>
  <si>
    <t>E01030134</t>
  </si>
  <si>
    <t>West Suffolk 010D</t>
  </si>
  <si>
    <t>E01030135</t>
  </si>
  <si>
    <t>West Suffolk 010E</t>
  </si>
  <si>
    <t>E01030137</t>
  </si>
  <si>
    <t>West Suffolk 011C</t>
  </si>
  <si>
    <t>E01030138</t>
  </si>
  <si>
    <t>West Suffolk 016B</t>
  </si>
  <si>
    <t>E01030139</t>
  </si>
  <si>
    <t>West Suffolk 009C</t>
  </si>
  <si>
    <t>E01030140</t>
  </si>
  <si>
    <t>West Suffolk 009D</t>
  </si>
  <si>
    <t>E01030141</t>
  </si>
  <si>
    <t>West Suffolk 009E</t>
  </si>
  <si>
    <t>E01030142</t>
  </si>
  <si>
    <t>West Suffolk 013A</t>
  </si>
  <si>
    <t>E02006281</t>
  </si>
  <si>
    <t>West Suffolk 013</t>
  </si>
  <si>
    <t>E01030143</t>
  </si>
  <si>
    <t>West Suffolk 013B</t>
  </si>
  <si>
    <t>E01030144</t>
  </si>
  <si>
    <t>West Suffolk 013C</t>
  </si>
  <si>
    <t>E01030145</t>
  </si>
  <si>
    <t>West Suffolk 005D</t>
  </si>
  <si>
    <t>E01030146</t>
  </si>
  <si>
    <t>West Suffolk 005E</t>
  </si>
  <si>
    <t>E01030147</t>
  </si>
  <si>
    <t>West Suffolk 013D</t>
  </si>
  <si>
    <t>E01030148</t>
  </si>
  <si>
    <t>West Suffolk 014E</t>
  </si>
  <si>
    <t>E01030149</t>
  </si>
  <si>
    <t>West Suffolk 014F</t>
  </si>
  <si>
    <t>E01030150</t>
  </si>
  <si>
    <t>West Suffolk 017C</t>
  </si>
  <si>
    <t>E01030151</t>
  </si>
  <si>
    <t>West Suffolk 018B</t>
  </si>
  <si>
    <t>E01030152</t>
  </si>
  <si>
    <t>East Suffolk 019A</t>
  </si>
  <si>
    <t>E02006290</t>
  </si>
  <si>
    <t>East Suffolk 019</t>
  </si>
  <si>
    <t>E07000244</t>
  </si>
  <si>
    <t>East Suffolk</t>
  </si>
  <si>
    <t>E01030153</t>
  </si>
  <si>
    <t>East Suffolk 019B</t>
  </si>
  <si>
    <t>E01030154</t>
  </si>
  <si>
    <t>East Suffolk 017A</t>
  </si>
  <si>
    <t>E02006288</t>
  </si>
  <si>
    <t>East Suffolk 017</t>
  </si>
  <si>
    <t>E01030155</t>
  </si>
  <si>
    <t>East Suffolk 022A</t>
  </si>
  <si>
    <t>E02006294</t>
  </si>
  <si>
    <t>East Suffolk 022</t>
  </si>
  <si>
    <t>E01030158</t>
  </si>
  <si>
    <t>East Suffolk 028A</t>
  </si>
  <si>
    <t>E02006299</t>
  </si>
  <si>
    <t>East Suffolk 028</t>
  </si>
  <si>
    <t>E01030159</t>
  </si>
  <si>
    <t>East Suffolk 028B</t>
  </si>
  <si>
    <t>E01030160</t>
  </si>
  <si>
    <t>East Suffolk 029A</t>
  </si>
  <si>
    <t>E02006300</t>
  </si>
  <si>
    <t>East Suffolk 029</t>
  </si>
  <si>
    <t>E01030161</t>
  </si>
  <si>
    <t>East Suffolk 029B</t>
  </si>
  <si>
    <t>E01030162</t>
  </si>
  <si>
    <t>East Suffolk 030A</t>
  </si>
  <si>
    <t>E02006301</t>
  </si>
  <si>
    <t>East Suffolk 030</t>
  </si>
  <si>
    <t>E01030163</t>
  </si>
  <si>
    <t>East Suffolk 030B</t>
  </si>
  <si>
    <t>E01030164</t>
  </si>
  <si>
    <t>East Suffolk 028C</t>
  </si>
  <si>
    <t>E01030165</t>
  </si>
  <si>
    <t>East Suffolk 030C</t>
  </si>
  <si>
    <t>E01030166</t>
  </si>
  <si>
    <t>East Suffolk 028D</t>
  </si>
  <si>
    <t>E01030167</t>
  </si>
  <si>
    <t>East Suffolk 030D</t>
  </si>
  <si>
    <t>E01030168</t>
  </si>
  <si>
    <t>East Suffolk 029C</t>
  </si>
  <si>
    <t>E01030169</t>
  </si>
  <si>
    <t>East Suffolk 029D</t>
  </si>
  <si>
    <t>E01030170</t>
  </si>
  <si>
    <t>East Suffolk 029E</t>
  </si>
  <si>
    <t>E01030171</t>
  </si>
  <si>
    <t>East Suffolk 027A</t>
  </si>
  <si>
    <t>E02006298</t>
  </si>
  <si>
    <t>East Suffolk 027</t>
  </si>
  <si>
    <t>E01030172</t>
  </si>
  <si>
    <t>East Suffolk 017B</t>
  </si>
  <si>
    <t>E01030173</t>
  </si>
  <si>
    <t>East Suffolk 017C</t>
  </si>
  <si>
    <t>E01030174</t>
  </si>
  <si>
    <t>East Suffolk 017D</t>
  </si>
  <si>
    <t>E01030175</t>
  </si>
  <si>
    <t>East Suffolk 021A</t>
  </si>
  <si>
    <t>E02006292</t>
  </si>
  <si>
    <t>East Suffolk 021</t>
  </si>
  <si>
    <t>E01030176</t>
  </si>
  <si>
    <t>East Suffolk 017E</t>
  </si>
  <si>
    <t>E01030179</t>
  </si>
  <si>
    <t>East Suffolk 024A</t>
  </si>
  <si>
    <t>E02006295</t>
  </si>
  <si>
    <t>East Suffolk 024</t>
  </si>
  <si>
    <t>E01030180</t>
  </si>
  <si>
    <t>East Suffolk 024B</t>
  </si>
  <si>
    <t>E01030181</t>
  </si>
  <si>
    <t>East Suffolk 025A</t>
  </si>
  <si>
    <t>E02006296</t>
  </si>
  <si>
    <t>East Suffolk 025</t>
  </si>
  <si>
    <t>E01030183</t>
  </si>
  <si>
    <t>East Suffolk 024C</t>
  </si>
  <si>
    <t>E01030184</t>
  </si>
  <si>
    <t>East Suffolk 024D</t>
  </si>
  <si>
    <t>E01030185</t>
  </si>
  <si>
    <t>East Suffolk 022B</t>
  </si>
  <si>
    <t>E01030186</t>
  </si>
  <si>
    <t>East Suffolk 018A</t>
  </si>
  <si>
    <t>E02006289</t>
  </si>
  <si>
    <t>East Suffolk 018</t>
  </si>
  <si>
    <t>E01030187</t>
  </si>
  <si>
    <t>East Suffolk 019C</t>
  </si>
  <si>
    <t>E01030188</t>
  </si>
  <si>
    <t>East Suffolk 019D</t>
  </si>
  <si>
    <t>E01030189</t>
  </si>
  <si>
    <t>East Suffolk 019E</t>
  </si>
  <si>
    <t>E01030190</t>
  </si>
  <si>
    <t>East Suffolk 025B</t>
  </si>
  <si>
    <t>E01030191</t>
  </si>
  <si>
    <t>East Suffolk 025C</t>
  </si>
  <si>
    <t>E01030192</t>
  </si>
  <si>
    <t>East Suffolk 025D</t>
  </si>
  <si>
    <t>E01030193</t>
  </si>
  <si>
    <t>East Suffolk 020A</t>
  </si>
  <si>
    <t>E02006291</t>
  </si>
  <si>
    <t>East Suffolk 020</t>
  </si>
  <si>
    <t>E01030194</t>
  </si>
  <si>
    <t>East Suffolk 020B</t>
  </si>
  <si>
    <t>E01030195</t>
  </si>
  <si>
    <t>East Suffolk 020C</t>
  </si>
  <si>
    <t>E01030196</t>
  </si>
  <si>
    <t>East Suffolk 026A</t>
  </si>
  <si>
    <t>E02006297</t>
  </si>
  <si>
    <t>East Suffolk 026</t>
  </si>
  <si>
    <t>E01030197</t>
  </si>
  <si>
    <t>East Suffolk 026B</t>
  </si>
  <si>
    <t>E01030198</t>
  </si>
  <si>
    <t>East Suffolk 025E</t>
  </si>
  <si>
    <t>E01030199</t>
  </si>
  <si>
    <t>East Suffolk 023A</t>
  </si>
  <si>
    <t>E02006293</t>
  </si>
  <si>
    <t>East Suffolk 023</t>
  </si>
  <si>
    <t>E01030200</t>
  </si>
  <si>
    <t>East Suffolk 021B</t>
  </si>
  <si>
    <t>E01030201</t>
  </si>
  <si>
    <t>East Suffolk 016A</t>
  </si>
  <si>
    <t>E02006287</t>
  </si>
  <si>
    <t>East Suffolk 016</t>
  </si>
  <si>
    <t>E01030203</t>
  </si>
  <si>
    <t>East Suffolk 022C</t>
  </si>
  <si>
    <t>E01030204</t>
  </si>
  <si>
    <t>East Suffolk 026C</t>
  </si>
  <si>
    <t>E01030205</t>
  </si>
  <si>
    <t>East Suffolk 026D</t>
  </si>
  <si>
    <t>E01030206</t>
  </si>
  <si>
    <t>East Suffolk 026E</t>
  </si>
  <si>
    <t>E01030207</t>
  </si>
  <si>
    <t>East Suffolk 024E</t>
  </si>
  <si>
    <t>E01030208</t>
  </si>
  <si>
    <t>East Suffolk 018B</t>
  </si>
  <si>
    <t>E01030209</t>
  </si>
  <si>
    <t>East Suffolk 018C</t>
  </si>
  <si>
    <t>E01030210</t>
  </si>
  <si>
    <t>East Suffolk 018D</t>
  </si>
  <si>
    <t>E01030211</t>
  </si>
  <si>
    <t>East Suffolk 022D</t>
  </si>
  <si>
    <t>E01030212</t>
  </si>
  <si>
    <t>East Suffolk 018E</t>
  </si>
  <si>
    <t>E01030214</t>
  </si>
  <si>
    <t>East Suffolk 027B</t>
  </si>
  <si>
    <t>E01030215</t>
  </si>
  <si>
    <t>East Suffolk 027C</t>
  </si>
  <si>
    <t>E01030216</t>
  </si>
  <si>
    <t>East Suffolk 027D</t>
  </si>
  <si>
    <t>E01030217</t>
  </si>
  <si>
    <t>East Suffolk 027E</t>
  </si>
  <si>
    <t>E01030218</t>
  </si>
  <si>
    <t>East Suffolk 027F</t>
  </si>
  <si>
    <t>E01030219</t>
  </si>
  <si>
    <t>East Suffolk 016B</t>
  </si>
  <si>
    <t>E01030220</t>
  </si>
  <si>
    <t>East Suffolk 020D</t>
  </si>
  <si>
    <t>E01030221</t>
  </si>
  <si>
    <t>East Suffolk 021C</t>
  </si>
  <si>
    <t>E01030222</t>
  </si>
  <si>
    <t>East Suffolk 016C</t>
  </si>
  <si>
    <t>E01030223</t>
  </si>
  <si>
    <t>East Suffolk 010A</t>
  </si>
  <si>
    <t>E02006311</t>
  </si>
  <si>
    <t>East Suffolk 010</t>
  </si>
  <si>
    <t>E01030224</t>
  </si>
  <si>
    <t>East Suffolk 010B</t>
  </si>
  <si>
    <t>E01030225</t>
  </si>
  <si>
    <t>East Suffolk 010C</t>
  </si>
  <si>
    <t>E01030226</t>
  </si>
  <si>
    <t>East Suffolk 011A</t>
  </si>
  <si>
    <t>E02006312</t>
  </si>
  <si>
    <t>East Suffolk 011</t>
  </si>
  <si>
    <t>E01030227</t>
  </si>
  <si>
    <t>East Suffolk 010D</t>
  </si>
  <si>
    <t>E01030228</t>
  </si>
  <si>
    <t>East Suffolk 010E</t>
  </si>
  <si>
    <t>E01030229</t>
  </si>
  <si>
    <t>East Suffolk 015A</t>
  </si>
  <si>
    <t>E02006316</t>
  </si>
  <si>
    <t>East Suffolk 015</t>
  </si>
  <si>
    <t>E01030230</t>
  </si>
  <si>
    <t>East Suffolk 013A</t>
  </si>
  <si>
    <t>E02006314</t>
  </si>
  <si>
    <t>East Suffolk 013</t>
  </si>
  <si>
    <t>E01030231</t>
  </si>
  <si>
    <t>East Suffolk 013B</t>
  </si>
  <si>
    <t>E01030232</t>
  </si>
  <si>
    <t>East Suffolk 013C</t>
  </si>
  <si>
    <t>E01030233</t>
  </si>
  <si>
    <t>East Suffolk 007A</t>
  </si>
  <si>
    <t>E02006307</t>
  </si>
  <si>
    <t>East Suffolk 007</t>
  </si>
  <si>
    <t>E01030234</t>
  </si>
  <si>
    <t>East Suffolk 008A</t>
  </si>
  <si>
    <t>E02006310</t>
  </si>
  <si>
    <t>East Suffolk 008</t>
  </si>
  <si>
    <t>E01030235</t>
  </si>
  <si>
    <t>East Suffolk 007B</t>
  </si>
  <si>
    <t>E01030236</t>
  </si>
  <si>
    <t>East Suffolk 008B</t>
  </si>
  <si>
    <t>E01030237</t>
  </si>
  <si>
    <t>East Suffolk 008C</t>
  </si>
  <si>
    <t>E01030238</t>
  </si>
  <si>
    <t>East Suffolk 008D</t>
  </si>
  <si>
    <t>E01030239</t>
  </si>
  <si>
    <t>East Suffolk 012A</t>
  </si>
  <si>
    <t>E02006313</t>
  </si>
  <si>
    <t>East Suffolk 012</t>
  </si>
  <si>
    <t>E01030240</t>
  </si>
  <si>
    <t>East Suffolk 001A</t>
  </si>
  <si>
    <t>E02006302</t>
  </si>
  <si>
    <t>East Suffolk 001</t>
  </si>
  <si>
    <t>E01030241</t>
  </si>
  <si>
    <t>East Suffolk 001B</t>
  </si>
  <si>
    <t>E01030242</t>
  </si>
  <si>
    <t>East Suffolk 001C</t>
  </si>
  <si>
    <t>E01030243</t>
  </si>
  <si>
    <t>East Suffolk 015B</t>
  </si>
  <si>
    <t>E01030244</t>
  </si>
  <si>
    <t>East Suffolk 015C</t>
  </si>
  <si>
    <t>E01030245</t>
  </si>
  <si>
    <t>East Suffolk 015D</t>
  </si>
  <si>
    <t>E01030246</t>
  </si>
  <si>
    <t>East Suffolk 004A</t>
  </si>
  <si>
    <t>E02006305</t>
  </si>
  <si>
    <t>East Suffolk 004</t>
  </si>
  <si>
    <t>E01030247</t>
  </si>
  <si>
    <t>East Suffolk 006A</t>
  </si>
  <si>
    <t>E02006308</t>
  </si>
  <si>
    <t>East Suffolk 006</t>
  </si>
  <si>
    <t>E01030248</t>
  </si>
  <si>
    <t>East Suffolk 004B</t>
  </si>
  <si>
    <t>E01030249</t>
  </si>
  <si>
    <t>East Suffolk 004C</t>
  </si>
  <si>
    <t>E01030250</t>
  </si>
  <si>
    <t>East Suffolk 004D</t>
  </si>
  <si>
    <t>E01030251</t>
  </si>
  <si>
    <t>East Suffolk 012B</t>
  </si>
  <si>
    <t>E01030252</t>
  </si>
  <si>
    <t>East Suffolk 012C</t>
  </si>
  <si>
    <t>E01030253</t>
  </si>
  <si>
    <t>East Suffolk 012D</t>
  </si>
  <si>
    <t>E01030254</t>
  </si>
  <si>
    <t>East Suffolk 006B</t>
  </si>
  <si>
    <t>E01030255</t>
  </si>
  <si>
    <t>East Suffolk 005A</t>
  </si>
  <si>
    <t>E02006306</t>
  </si>
  <si>
    <t>East Suffolk 005</t>
  </si>
  <si>
    <t>E01030256</t>
  </si>
  <si>
    <t>East Suffolk 006C</t>
  </si>
  <si>
    <t>E01030257</t>
  </si>
  <si>
    <t>East Suffolk 009A</t>
  </si>
  <si>
    <t>E02006309</t>
  </si>
  <si>
    <t>East Suffolk 009</t>
  </si>
  <si>
    <t>E01030258</t>
  </si>
  <si>
    <t>East Suffolk 006D</t>
  </si>
  <si>
    <t>E01030259</t>
  </si>
  <si>
    <t>East Suffolk 001D</t>
  </si>
  <si>
    <t>E01030260</t>
  </si>
  <si>
    <t>East Suffolk 001E</t>
  </si>
  <si>
    <t>E01030261</t>
  </si>
  <si>
    <t>East Suffolk 002A</t>
  </si>
  <si>
    <t>E02006303</t>
  </si>
  <si>
    <t>East Suffolk 002</t>
  </si>
  <si>
    <t>E01030262</t>
  </si>
  <si>
    <t>East Suffolk 002B</t>
  </si>
  <si>
    <t>E01030263</t>
  </si>
  <si>
    <t>East Suffolk 005B</t>
  </si>
  <si>
    <t>E01030264</t>
  </si>
  <si>
    <t>East Suffolk 004E</t>
  </si>
  <si>
    <t>E01030265</t>
  </si>
  <si>
    <t>East Suffolk 004F</t>
  </si>
  <si>
    <t>E01030266</t>
  </si>
  <si>
    <t>East Suffolk 003A</t>
  </si>
  <si>
    <t>E02006304</t>
  </si>
  <si>
    <t>East Suffolk 003</t>
  </si>
  <si>
    <t>E01030267</t>
  </si>
  <si>
    <t>East Suffolk 003B</t>
  </si>
  <si>
    <t>E01030268</t>
  </si>
  <si>
    <t>East Suffolk 007C</t>
  </si>
  <si>
    <t>E01030269</t>
  </si>
  <si>
    <t>East Suffolk 007D</t>
  </si>
  <si>
    <t>E01030270</t>
  </si>
  <si>
    <t>East Suffolk 005C</t>
  </si>
  <si>
    <t>E01030271</t>
  </si>
  <si>
    <t>East Suffolk 003C</t>
  </si>
  <si>
    <t>E01030272</t>
  </si>
  <si>
    <t>East Suffolk 012E</t>
  </si>
  <si>
    <t>E01030273</t>
  </si>
  <si>
    <t>East Suffolk 012F</t>
  </si>
  <si>
    <t>E01030274</t>
  </si>
  <si>
    <t>East Suffolk 009B</t>
  </si>
  <si>
    <t>E01030275</t>
  </si>
  <si>
    <t>East Suffolk 009C</t>
  </si>
  <si>
    <t>E01030276</t>
  </si>
  <si>
    <t>East Suffolk 006E</t>
  </si>
  <si>
    <t>E01030277</t>
  </si>
  <si>
    <t>East Suffolk 002C</t>
  </si>
  <si>
    <t>E01030278</t>
  </si>
  <si>
    <t>East Suffolk 003D</t>
  </si>
  <si>
    <t>E01030279</t>
  </si>
  <si>
    <t>East Suffolk 002D</t>
  </si>
  <si>
    <t>E01030280</t>
  </si>
  <si>
    <t>East Suffolk 003E</t>
  </si>
  <si>
    <t>E01030281</t>
  </si>
  <si>
    <t>East Suffolk 002E</t>
  </si>
  <si>
    <t>E01030283</t>
  </si>
  <si>
    <t>East Suffolk 014A</t>
  </si>
  <si>
    <t>E02006315</t>
  </si>
  <si>
    <t>East Suffolk 014</t>
  </si>
  <si>
    <t>E01030285</t>
  </si>
  <si>
    <t>East Suffolk 013D</t>
  </si>
  <si>
    <t>E01030286</t>
  </si>
  <si>
    <t>East Suffolk 011B</t>
  </si>
  <si>
    <t>E01030287</t>
  </si>
  <si>
    <t>East Suffolk 009D</t>
  </si>
  <si>
    <t>E01030288</t>
  </si>
  <si>
    <t>East Suffolk 007E</t>
  </si>
  <si>
    <t>E01030289</t>
  </si>
  <si>
    <t>East Suffolk 005D</t>
  </si>
  <si>
    <t>E01030290</t>
  </si>
  <si>
    <t>East Suffolk 005E</t>
  </si>
  <si>
    <t>E01030291</t>
  </si>
  <si>
    <t>East Suffolk 009E</t>
  </si>
  <si>
    <t>E01030292</t>
  </si>
  <si>
    <t>East Suffolk 011C</t>
  </si>
  <si>
    <t>E01030293</t>
  </si>
  <si>
    <t>East Suffolk 011D</t>
  </si>
  <si>
    <t>E01030294</t>
  </si>
  <si>
    <t>East Suffolk 011E</t>
  </si>
  <si>
    <t>E01030295</t>
  </si>
  <si>
    <t>East Suffolk 014B</t>
  </si>
  <si>
    <t>E01030296</t>
  </si>
  <si>
    <t>Elmbridge 015A</t>
  </si>
  <si>
    <t>E02006331</t>
  </si>
  <si>
    <t>Elmbridge 015</t>
  </si>
  <si>
    <t>E07000207</t>
  </si>
  <si>
    <t>Elmbridge</t>
  </si>
  <si>
    <t>E37000046</t>
  </si>
  <si>
    <t>Enterprise M3</t>
  </si>
  <si>
    <t>E01030297</t>
  </si>
  <si>
    <t>Elmbridge 015B</t>
  </si>
  <si>
    <t>E01030298</t>
  </si>
  <si>
    <t>Elmbridge 015C</t>
  </si>
  <si>
    <t>E01030299</t>
  </si>
  <si>
    <t>Elmbridge 015D</t>
  </si>
  <si>
    <t>E01030300</t>
  </si>
  <si>
    <t>Elmbridge 017A</t>
  </si>
  <si>
    <t>E02006333</t>
  </si>
  <si>
    <t>Elmbridge 017</t>
  </si>
  <si>
    <t>E01030301</t>
  </si>
  <si>
    <t>Elmbridge 017B</t>
  </si>
  <si>
    <t>E01030302</t>
  </si>
  <si>
    <t>Elmbridge 017C</t>
  </si>
  <si>
    <t>E01030303</t>
  </si>
  <si>
    <t>Elmbridge 018A</t>
  </si>
  <si>
    <t>E02006334</t>
  </si>
  <si>
    <t>Elmbridge 018</t>
  </si>
  <si>
    <t>E01030304</t>
  </si>
  <si>
    <t>Elmbridge 017D</t>
  </si>
  <si>
    <t>E01030305</t>
  </si>
  <si>
    <t>Elmbridge 017E</t>
  </si>
  <si>
    <t>E01030306</t>
  </si>
  <si>
    <t>Elmbridge 017F</t>
  </si>
  <si>
    <t>E01030307</t>
  </si>
  <si>
    <t>Elmbridge 013A</t>
  </si>
  <si>
    <t>E02006329</t>
  </si>
  <si>
    <t>Elmbridge 013</t>
  </si>
  <si>
    <t>E01030308</t>
  </si>
  <si>
    <t>Elmbridge 013B</t>
  </si>
  <si>
    <t>E01030309</t>
  </si>
  <si>
    <t>Elmbridge 013C</t>
  </si>
  <si>
    <t>E01030310</t>
  </si>
  <si>
    <t>Elmbridge 013D</t>
  </si>
  <si>
    <t>E01030311</t>
  </si>
  <si>
    <t>Elmbridge 014A</t>
  </si>
  <si>
    <t>E02006330</t>
  </si>
  <si>
    <t>Elmbridge 014</t>
  </si>
  <si>
    <t>E01030312</t>
  </si>
  <si>
    <t>Elmbridge 014B</t>
  </si>
  <si>
    <t>E01030313</t>
  </si>
  <si>
    <t>Elmbridge 010A</t>
  </si>
  <si>
    <t>E02006326</t>
  </si>
  <si>
    <t>Elmbridge 010</t>
  </si>
  <si>
    <t>E01030314</t>
  </si>
  <si>
    <t>Elmbridge 010B</t>
  </si>
  <si>
    <t>E01030315</t>
  </si>
  <si>
    <t>Elmbridge 014C</t>
  </si>
  <si>
    <t>E01030316</t>
  </si>
  <si>
    <t>Elmbridge 014D</t>
  </si>
  <si>
    <t>E01030317</t>
  </si>
  <si>
    <t>Elmbridge 014E</t>
  </si>
  <si>
    <t>E01030318</t>
  </si>
  <si>
    <t>Elmbridge 014F</t>
  </si>
  <si>
    <t>E01030319</t>
  </si>
  <si>
    <t>Elmbridge 009A</t>
  </si>
  <si>
    <t>E02006325</t>
  </si>
  <si>
    <t>Elmbridge 009</t>
  </si>
  <si>
    <t>E01030320</t>
  </si>
  <si>
    <t>Elmbridge 009B</t>
  </si>
  <si>
    <t>E01030321</t>
  </si>
  <si>
    <t>Elmbridge 009C</t>
  </si>
  <si>
    <t>E01030322</t>
  </si>
  <si>
    <t>Elmbridge 006A</t>
  </si>
  <si>
    <t>E02006322</t>
  </si>
  <si>
    <t>Elmbridge 006</t>
  </si>
  <si>
    <t>E01030323</t>
  </si>
  <si>
    <t>Elmbridge 006B</t>
  </si>
  <si>
    <t>E01030324</t>
  </si>
  <si>
    <t>Elmbridge 006C</t>
  </si>
  <si>
    <t>E01030325</t>
  </si>
  <si>
    <t>Elmbridge 006D</t>
  </si>
  <si>
    <t>E01030326</t>
  </si>
  <si>
    <t>Elmbridge 002A</t>
  </si>
  <si>
    <t>E02006318</t>
  </si>
  <si>
    <t>Elmbridge 002</t>
  </si>
  <si>
    <t>E01030327</t>
  </si>
  <si>
    <t>Elmbridge 002B</t>
  </si>
  <si>
    <t>E01030328</t>
  </si>
  <si>
    <t>Elmbridge 002C</t>
  </si>
  <si>
    <t>E01030329</t>
  </si>
  <si>
    <t>Elmbridge 002D</t>
  </si>
  <si>
    <t>E01030330</t>
  </si>
  <si>
    <t>Elmbridge 001A</t>
  </si>
  <si>
    <t>E02006317</t>
  </si>
  <si>
    <t>Elmbridge 001</t>
  </si>
  <si>
    <t>E01030331</t>
  </si>
  <si>
    <t>Elmbridge 001B</t>
  </si>
  <si>
    <t>E01030332</t>
  </si>
  <si>
    <t>Elmbridge 001C</t>
  </si>
  <si>
    <t>E01030333</t>
  </si>
  <si>
    <t>Elmbridge 001D</t>
  </si>
  <si>
    <t>E01030334</t>
  </si>
  <si>
    <t>Elmbridge 003A</t>
  </si>
  <si>
    <t>E02006319</t>
  </si>
  <si>
    <t>Elmbridge 003</t>
  </si>
  <si>
    <t>E01030335</t>
  </si>
  <si>
    <t>Elmbridge 003B</t>
  </si>
  <si>
    <t>E01030336</t>
  </si>
  <si>
    <t>Elmbridge 003C</t>
  </si>
  <si>
    <t>E01030337</t>
  </si>
  <si>
    <t>Elmbridge 003D</t>
  </si>
  <si>
    <t>E01030338</t>
  </si>
  <si>
    <t>Elmbridge 011A</t>
  </si>
  <si>
    <t>E02006327</t>
  </si>
  <si>
    <t>Elmbridge 011</t>
  </si>
  <si>
    <t>E01030339</t>
  </si>
  <si>
    <t>Elmbridge 011B</t>
  </si>
  <si>
    <t>E01030340</t>
  </si>
  <si>
    <t>Elmbridge 011C</t>
  </si>
  <si>
    <t>E01030341</t>
  </si>
  <si>
    <t>Elmbridge 011D</t>
  </si>
  <si>
    <t>E01030342</t>
  </si>
  <si>
    <t>Elmbridge 018B</t>
  </si>
  <si>
    <t>E01030343</t>
  </si>
  <si>
    <t>Elmbridge 018C</t>
  </si>
  <si>
    <t>E01030344</t>
  </si>
  <si>
    <t>Elmbridge 018D</t>
  </si>
  <si>
    <t>E01030345</t>
  </si>
  <si>
    <t>Elmbridge 018E</t>
  </si>
  <si>
    <t>E01030346</t>
  </si>
  <si>
    <t>Elmbridge 016A</t>
  </si>
  <si>
    <t>E02006332</t>
  </si>
  <si>
    <t>Elmbridge 016</t>
  </si>
  <si>
    <t>E01030347</t>
  </si>
  <si>
    <t>Elmbridge 016B</t>
  </si>
  <si>
    <t>E01030348</t>
  </si>
  <si>
    <t>Elmbridge 016C</t>
  </si>
  <si>
    <t>E01030349</t>
  </si>
  <si>
    <t>Elmbridge 016D</t>
  </si>
  <si>
    <t>E01030350</t>
  </si>
  <si>
    <t>Elmbridge 005A</t>
  </si>
  <si>
    <t>E02006321</t>
  </si>
  <si>
    <t>Elmbridge 005</t>
  </si>
  <si>
    <t>E01030351</t>
  </si>
  <si>
    <t>Elmbridge 005B</t>
  </si>
  <si>
    <t>E01030352</t>
  </si>
  <si>
    <t>Elmbridge 005C</t>
  </si>
  <si>
    <t>E01030353</t>
  </si>
  <si>
    <t>Elmbridge 005D</t>
  </si>
  <si>
    <t>E01030354</t>
  </si>
  <si>
    <t>Elmbridge 008A</t>
  </si>
  <si>
    <t>E02006324</t>
  </si>
  <si>
    <t>Elmbridge 008</t>
  </si>
  <si>
    <t>E01030355</t>
  </si>
  <si>
    <t>Elmbridge 008B</t>
  </si>
  <si>
    <t>E01030356</t>
  </si>
  <si>
    <t>Elmbridge 008C</t>
  </si>
  <si>
    <t>E01030357</t>
  </si>
  <si>
    <t>Elmbridge 007A</t>
  </si>
  <si>
    <t>E02006323</t>
  </si>
  <si>
    <t>Elmbridge 007</t>
  </si>
  <si>
    <t>E01030358</t>
  </si>
  <si>
    <t>Elmbridge 007B</t>
  </si>
  <si>
    <t>E01030360</t>
  </si>
  <si>
    <t>Elmbridge 007D</t>
  </si>
  <si>
    <t>E01030361</t>
  </si>
  <si>
    <t>Elmbridge 004A</t>
  </si>
  <si>
    <t>E02006320</t>
  </si>
  <si>
    <t>Elmbridge 004</t>
  </si>
  <si>
    <t>E01030362</t>
  </si>
  <si>
    <t>Elmbridge 004B</t>
  </si>
  <si>
    <t>E01030363</t>
  </si>
  <si>
    <t>Elmbridge 004C</t>
  </si>
  <si>
    <t>E01030364</t>
  </si>
  <si>
    <t>Elmbridge 004D</t>
  </si>
  <si>
    <t>E01030365</t>
  </si>
  <si>
    <t>Elmbridge 008D</t>
  </si>
  <si>
    <t>E01030366</t>
  </si>
  <si>
    <t>Elmbridge 010C</t>
  </si>
  <si>
    <t>E01030367</t>
  </si>
  <si>
    <t>Elmbridge 010D</t>
  </si>
  <si>
    <t>E01030368</t>
  </si>
  <si>
    <t>Elmbridge 008E</t>
  </si>
  <si>
    <t>E01030369</t>
  </si>
  <si>
    <t>Elmbridge 009D</t>
  </si>
  <si>
    <t>E01030370</t>
  </si>
  <si>
    <t>Elmbridge 009E</t>
  </si>
  <si>
    <t>E01030371</t>
  </si>
  <si>
    <t>Elmbridge 012A</t>
  </si>
  <si>
    <t>E02006328</t>
  </si>
  <si>
    <t>Elmbridge 012</t>
  </si>
  <si>
    <t>E01030372</t>
  </si>
  <si>
    <t>Elmbridge 012B</t>
  </si>
  <si>
    <t>E01030373</t>
  </si>
  <si>
    <t>Elmbridge 012C</t>
  </si>
  <si>
    <t>E01030374</t>
  </si>
  <si>
    <t>Elmbridge 012D</t>
  </si>
  <si>
    <t>E01030375</t>
  </si>
  <si>
    <t>Elmbridge 012E</t>
  </si>
  <si>
    <t>E01030376</t>
  </si>
  <si>
    <t>Elmbridge 012F</t>
  </si>
  <si>
    <t>E01030377</t>
  </si>
  <si>
    <t>Epsom and Ewell 003A</t>
  </si>
  <si>
    <t>E02006337</t>
  </si>
  <si>
    <t>Epsom and Ewell 003</t>
  </si>
  <si>
    <t>E07000208</t>
  </si>
  <si>
    <t>Epsom and Ewell</t>
  </si>
  <si>
    <t>E01030378</t>
  </si>
  <si>
    <t>Epsom and Ewell 003B</t>
  </si>
  <si>
    <t>E01030379</t>
  </si>
  <si>
    <t>Epsom and Ewell 009A</t>
  </si>
  <si>
    <t>E02006343</t>
  </si>
  <si>
    <t>Epsom and Ewell 009</t>
  </si>
  <si>
    <t>E01030380</t>
  </si>
  <si>
    <t>Epsom and Ewell 009B</t>
  </si>
  <si>
    <t>E01030381</t>
  </si>
  <si>
    <t>Epsom and Ewell 008A</t>
  </si>
  <si>
    <t>E02006342</t>
  </si>
  <si>
    <t>Epsom and Ewell 008</t>
  </si>
  <si>
    <t>E01030382</t>
  </si>
  <si>
    <t>Epsom and Ewell 010A</t>
  </si>
  <si>
    <t>E02006837</t>
  </si>
  <si>
    <t>Epsom and Ewell 010</t>
  </si>
  <si>
    <t>E01030384</t>
  </si>
  <si>
    <t>Epsom and Ewell 005B</t>
  </si>
  <si>
    <t>E02006339</t>
  </si>
  <si>
    <t>Epsom and Ewell 005</t>
  </si>
  <si>
    <t>E01030385</t>
  </si>
  <si>
    <t>Epsom and Ewell 007A</t>
  </si>
  <si>
    <t>E02006341</t>
  </si>
  <si>
    <t>Epsom and Ewell 007</t>
  </si>
  <si>
    <t>E01030386</t>
  </si>
  <si>
    <t>Epsom and Ewell 001A</t>
  </si>
  <si>
    <t>E02006335</t>
  </si>
  <si>
    <t>Epsom and Ewell 001</t>
  </si>
  <si>
    <t>E01030387</t>
  </si>
  <si>
    <t>Epsom and Ewell 001B</t>
  </si>
  <si>
    <t>E01030388</t>
  </si>
  <si>
    <t>Epsom and Ewell 001C</t>
  </si>
  <si>
    <t>E01030389</t>
  </si>
  <si>
    <t>Epsom and Ewell 001D</t>
  </si>
  <si>
    <t>E01030390</t>
  </si>
  <si>
    <t>Epsom and Ewell 010B</t>
  </si>
  <si>
    <t>E01030391</t>
  </si>
  <si>
    <t>Epsom and Ewell 007B</t>
  </si>
  <si>
    <t>E01030392</t>
  </si>
  <si>
    <t>Epsom and Ewell 010C</t>
  </si>
  <si>
    <t>E01030393</t>
  </si>
  <si>
    <t>Epsom and Ewell 001E</t>
  </si>
  <si>
    <t>E01030394</t>
  </si>
  <si>
    <t>Epsom and Ewell 002A</t>
  </si>
  <si>
    <t>E02006336</t>
  </si>
  <si>
    <t>Epsom and Ewell 002</t>
  </si>
  <si>
    <t>E01030395</t>
  </si>
  <si>
    <t>Epsom and Ewell 004A</t>
  </si>
  <si>
    <t>E02006338</t>
  </si>
  <si>
    <t>Epsom and Ewell 004</t>
  </si>
  <si>
    <t>E01030396</t>
  </si>
  <si>
    <t>Epsom and Ewell 010D</t>
  </si>
  <si>
    <t>E01030398</t>
  </si>
  <si>
    <t>Epsom and Ewell 010E</t>
  </si>
  <si>
    <t>E01030399</t>
  </si>
  <si>
    <t>Epsom and Ewell 002B</t>
  </si>
  <si>
    <t>E01030400</t>
  </si>
  <si>
    <t>Epsom and Ewell 002C</t>
  </si>
  <si>
    <t>E01030401</t>
  </si>
  <si>
    <t>Epsom and Ewell 005C</t>
  </si>
  <si>
    <t>E01030402</t>
  </si>
  <si>
    <t>Epsom and Ewell 005D</t>
  </si>
  <si>
    <t>E01030403</t>
  </si>
  <si>
    <t>Epsom and Ewell 007C</t>
  </si>
  <si>
    <t>E01030404</t>
  </si>
  <si>
    <t>Epsom and Ewell 007D</t>
  </si>
  <si>
    <t>E01030405</t>
  </si>
  <si>
    <t>Epsom and Ewell 009C</t>
  </si>
  <si>
    <t>E01030406</t>
  </si>
  <si>
    <t>Epsom and Ewell 003C</t>
  </si>
  <si>
    <t>E01030407</t>
  </si>
  <si>
    <t>Epsom and Ewell 003D</t>
  </si>
  <si>
    <t>E01030408</t>
  </si>
  <si>
    <t>Epsom and Ewell 003E</t>
  </si>
  <si>
    <t>E01030409</t>
  </si>
  <si>
    <t>Epsom and Ewell 007E</t>
  </si>
  <si>
    <t>E01030410</t>
  </si>
  <si>
    <t>Epsom and Ewell 007F</t>
  </si>
  <si>
    <t>E01030412</t>
  </si>
  <si>
    <t>Epsom and Ewell 008C</t>
  </si>
  <si>
    <t>E01030413</t>
  </si>
  <si>
    <t>Epsom and Ewell 004B</t>
  </si>
  <si>
    <t>E01030414</t>
  </si>
  <si>
    <t>Epsom and Ewell 002D</t>
  </si>
  <si>
    <t>E01030415</t>
  </si>
  <si>
    <t>Epsom and Ewell 004C</t>
  </si>
  <si>
    <t>E01030416</t>
  </si>
  <si>
    <t>Epsom and Ewell 004D</t>
  </si>
  <si>
    <t>E01030417</t>
  </si>
  <si>
    <t>Epsom and Ewell 009D</t>
  </si>
  <si>
    <t>E01030418</t>
  </si>
  <si>
    <t>Epsom and Ewell 009E</t>
  </si>
  <si>
    <t>E01030419</t>
  </si>
  <si>
    <t>Epsom and Ewell 008D</t>
  </si>
  <si>
    <t>E01030420</t>
  </si>
  <si>
    <t>Epsom and Ewell 009F</t>
  </si>
  <si>
    <t>E01030434</t>
  </si>
  <si>
    <t>Guildford 008A</t>
  </si>
  <si>
    <t>E02006351</t>
  </si>
  <si>
    <t>Guildford 008</t>
  </si>
  <si>
    <t>E07000209</t>
  </si>
  <si>
    <t>Guildford</t>
  </si>
  <si>
    <t>E01030435</t>
  </si>
  <si>
    <t>Guildford 008B</t>
  </si>
  <si>
    <t>E01030436</t>
  </si>
  <si>
    <t>Guildford 011A</t>
  </si>
  <si>
    <t>E02006354</t>
  </si>
  <si>
    <t>Guildford 011</t>
  </si>
  <si>
    <t>E01030437</t>
  </si>
  <si>
    <t>Guildford 011B</t>
  </si>
  <si>
    <t>E01030438</t>
  </si>
  <si>
    <t>Guildford 013A</t>
  </si>
  <si>
    <t>E02006356</t>
  </si>
  <si>
    <t>Guildford 013</t>
  </si>
  <si>
    <t>E01030439</t>
  </si>
  <si>
    <t>Guildford 011C</t>
  </si>
  <si>
    <t>E01030440</t>
  </si>
  <si>
    <t>Guildford 001A</t>
  </si>
  <si>
    <t>E02006344</t>
  </si>
  <si>
    <t>Guildford 001</t>
  </si>
  <si>
    <t>E01030441</t>
  </si>
  <si>
    <t>Guildford 003A</t>
  </si>
  <si>
    <t>E02006346</t>
  </si>
  <si>
    <t>Guildford 003</t>
  </si>
  <si>
    <t>E01030442</t>
  </si>
  <si>
    <t>Guildford 003B</t>
  </si>
  <si>
    <t>E01030443</t>
  </si>
  <si>
    <t>Guildford 003C</t>
  </si>
  <si>
    <t>E01030444</t>
  </si>
  <si>
    <t>Guildford 003D</t>
  </si>
  <si>
    <t>E01030445</t>
  </si>
  <si>
    <t>Guildford 003E</t>
  </si>
  <si>
    <t>E01030446</t>
  </si>
  <si>
    <t>Guildford 003F</t>
  </si>
  <si>
    <t>E01030447</t>
  </si>
  <si>
    <t>Guildford 003G</t>
  </si>
  <si>
    <t>E01030448</t>
  </si>
  <si>
    <t>Guildford 016A</t>
  </si>
  <si>
    <t>E02006359</t>
  </si>
  <si>
    <t>Guildford 016</t>
  </si>
  <si>
    <t>E01030449</t>
  </si>
  <si>
    <t>Guildford 016B</t>
  </si>
  <si>
    <t>E01030450</t>
  </si>
  <si>
    <t>Guildford 013B</t>
  </si>
  <si>
    <t>E01030451</t>
  </si>
  <si>
    <t>Guildford 013C</t>
  </si>
  <si>
    <t>E01030452</t>
  </si>
  <si>
    <t>Guildford 015A</t>
  </si>
  <si>
    <t>E02006358</t>
  </si>
  <si>
    <t>Guildford 015</t>
  </si>
  <si>
    <t>E01030453</t>
  </si>
  <si>
    <t>Guildford 013D</t>
  </si>
  <si>
    <t>E01030454</t>
  </si>
  <si>
    <t>Guildford 016C</t>
  </si>
  <si>
    <t>E01030455</t>
  </si>
  <si>
    <t>Guildford 013E</t>
  </si>
  <si>
    <t>E01030456</t>
  </si>
  <si>
    <t>Guildford 016D</t>
  </si>
  <si>
    <t>E01030457</t>
  </si>
  <si>
    <t>Guildford 013F</t>
  </si>
  <si>
    <t>E01030458</t>
  </si>
  <si>
    <t>Guildford 001B</t>
  </si>
  <si>
    <t>E01030459</t>
  </si>
  <si>
    <t>Guildford 001C</t>
  </si>
  <si>
    <t>E01030460</t>
  </si>
  <si>
    <t>Guildford 011D</t>
  </si>
  <si>
    <t>E01030461</t>
  </si>
  <si>
    <t>Guildford 011E</t>
  </si>
  <si>
    <t>E01030462</t>
  </si>
  <si>
    <t>Guildford 008C</t>
  </si>
  <si>
    <t>E01030463</t>
  </si>
  <si>
    <t>Guildford 008D</t>
  </si>
  <si>
    <t>E01030464</t>
  </si>
  <si>
    <t>Guildford 008E</t>
  </si>
  <si>
    <t>E01030466</t>
  </si>
  <si>
    <t>Guildford 002B</t>
  </si>
  <si>
    <t>E02006345</t>
  </si>
  <si>
    <t>Guildford 002</t>
  </si>
  <si>
    <t>E01030467</t>
  </si>
  <si>
    <t>Guildford 015B</t>
  </si>
  <si>
    <t>E01030468</t>
  </si>
  <si>
    <t>Guildford 015C</t>
  </si>
  <si>
    <t>E01030469</t>
  </si>
  <si>
    <t>Guildford 015D</t>
  </si>
  <si>
    <t>E01030470</t>
  </si>
  <si>
    <t>Guildford 012A</t>
  </si>
  <si>
    <t>E02006355</t>
  </si>
  <si>
    <t>Guildford 012</t>
  </si>
  <si>
    <t>E01030471</t>
  </si>
  <si>
    <t>Guildford 017A</t>
  </si>
  <si>
    <t>E02006360</t>
  </si>
  <si>
    <t>Guildford 017</t>
  </si>
  <si>
    <t>E01030473</t>
  </si>
  <si>
    <t>Guildford 002C</t>
  </si>
  <si>
    <t>E01030474</t>
  </si>
  <si>
    <t>Guildford 002D</t>
  </si>
  <si>
    <t>E01030475</t>
  </si>
  <si>
    <t>Guildford 001D</t>
  </si>
  <si>
    <t>E01030476</t>
  </si>
  <si>
    <t>Guildford 001E</t>
  </si>
  <si>
    <t>E01030477</t>
  </si>
  <si>
    <t>Guildford 001F</t>
  </si>
  <si>
    <t>E01030478</t>
  </si>
  <si>
    <t>Guildford 017C</t>
  </si>
  <si>
    <t>E01030479</t>
  </si>
  <si>
    <t>Guildford 017D</t>
  </si>
  <si>
    <t>E01030480</t>
  </si>
  <si>
    <t>Guildford 017E</t>
  </si>
  <si>
    <t>E01030481</t>
  </si>
  <si>
    <t>Guildford 007A</t>
  </si>
  <si>
    <t>E02006350</t>
  </si>
  <si>
    <t>Guildford 007</t>
  </si>
  <si>
    <t>E01030482</t>
  </si>
  <si>
    <t>Guildford 007B</t>
  </si>
  <si>
    <t>E01030483</t>
  </si>
  <si>
    <t>Guildford 007C</t>
  </si>
  <si>
    <t>E01030484</t>
  </si>
  <si>
    <t>Guildford 007D</t>
  </si>
  <si>
    <t>E01030485</t>
  </si>
  <si>
    <t>Guildford 006A</t>
  </si>
  <si>
    <t>E02006349</t>
  </si>
  <si>
    <t>Guildford 006</t>
  </si>
  <si>
    <t>E01030486</t>
  </si>
  <si>
    <t>Guildford 009A</t>
  </si>
  <si>
    <t>E02006352</t>
  </si>
  <si>
    <t>Guildford 009</t>
  </si>
  <si>
    <t>E01030487</t>
  </si>
  <si>
    <t>Guildford 006B</t>
  </si>
  <si>
    <t>E01030488</t>
  </si>
  <si>
    <t>Guildford 006C</t>
  </si>
  <si>
    <t>E01030489</t>
  </si>
  <si>
    <t>Guildford 006D</t>
  </si>
  <si>
    <t>E01030490</t>
  </si>
  <si>
    <t>Guildford 018A</t>
  </si>
  <si>
    <t>E02006361</t>
  </si>
  <si>
    <t>Guildford 018</t>
  </si>
  <si>
    <t>E01030491</t>
  </si>
  <si>
    <t>Guildford 018B</t>
  </si>
  <si>
    <t>E01030492</t>
  </si>
  <si>
    <t>Guildford 018C</t>
  </si>
  <si>
    <t>E01030493</t>
  </si>
  <si>
    <t>Guildford 009B</t>
  </si>
  <si>
    <t>E01030494</t>
  </si>
  <si>
    <t>Guildford 012B</t>
  </si>
  <si>
    <t>E01030495</t>
  </si>
  <si>
    <t>Guildford 009C</t>
  </si>
  <si>
    <t>E01030496</t>
  </si>
  <si>
    <t>Guildford 012C</t>
  </si>
  <si>
    <t>E01030497</t>
  </si>
  <si>
    <t>Guildford 012D</t>
  </si>
  <si>
    <t>E01030498</t>
  </si>
  <si>
    <t>Guildford 009D</t>
  </si>
  <si>
    <t>E01030499</t>
  </si>
  <si>
    <t>Guildford 005A</t>
  </si>
  <si>
    <t>E02006348</t>
  </si>
  <si>
    <t>Guildford 005</t>
  </si>
  <si>
    <t>E01030500</t>
  </si>
  <si>
    <t>Guildford 005B</t>
  </si>
  <si>
    <t>E01030501</t>
  </si>
  <si>
    <t>Guildford 005C</t>
  </si>
  <si>
    <t>E01030502</t>
  </si>
  <si>
    <t>Guildford 005D</t>
  </si>
  <si>
    <t>E01030503</t>
  </si>
  <si>
    <t>Guildford 005E</t>
  </si>
  <si>
    <t>E01030504</t>
  </si>
  <si>
    <t>Guildford 005F</t>
  </si>
  <si>
    <t>E01030505</t>
  </si>
  <si>
    <t>Mole Valley 002A</t>
  </si>
  <si>
    <t>E02006363</t>
  </si>
  <si>
    <t>Mole Valley 002</t>
  </si>
  <si>
    <t>E07000210</t>
  </si>
  <si>
    <t>Mole Valley</t>
  </si>
  <si>
    <t>E01030506</t>
  </si>
  <si>
    <t>Mole Valley 001A</t>
  </si>
  <si>
    <t>E02006362</t>
  </si>
  <si>
    <t>Mole Valley 001</t>
  </si>
  <si>
    <t>E01030507</t>
  </si>
  <si>
    <t>Mole Valley 002B</t>
  </si>
  <si>
    <t>E01030508</t>
  </si>
  <si>
    <t>Mole Valley 001B</t>
  </si>
  <si>
    <t>E01030509</t>
  </si>
  <si>
    <t>Mole Valley 001C</t>
  </si>
  <si>
    <t>E01030510</t>
  </si>
  <si>
    <t>Mole Valley 004A</t>
  </si>
  <si>
    <t>E02006365</t>
  </si>
  <si>
    <t>Mole Valley 004</t>
  </si>
  <si>
    <t>E01030511</t>
  </si>
  <si>
    <t>Mole Valley 002C</t>
  </si>
  <si>
    <t>E01030512</t>
  </si>
  <si>
    <t>Mole Valley 002D</t>
  </si>
  <si>
    <t>E01030513</t>
  </si>
  <si>
    <t>Mole Valley 001D</t>
  </si>
  <si>
    <t>E01030514</t>
  </si>
  <si>
    <t>Mole Valley 001E</t>
  </si>
  <si>
    <t>E01030515</t>
  </si>
  <si>
    <t>Mole Valley 013A</t>
  </si>
  <si>
    <t>E02006374</t>
  </si>
  <si>
    <t>Mole Valley 013</t>
  </si>
  <si>
    <t>E01030516</t>
  </si>
  <si>
    <t>Mole Valley 006A</t>
  </si>
  <si>
    <t>E02006367</t>
  </si>
  <si>
    <t>Mole Valley 006</t>
  </si>
  <si>
    <t>E01030517</t>
  </si>
  <si>
    <t>Mole Valley 006B</t>
  </si>
  <si>
    <t>E01030518</t>
  </si>
  <si>
    <t>Mole Valley 006C</t>
  </si>
  <si>
    <t>E01030519</t>
  </si>
  <si>
    <t>Mole Valley 006D</t>
  </si>
  <si>
    <t>E01030520</t>
  </si>
  <si>
    <t>Mole Valley 007A</t>
  </si>
  <si>
    <t>E02006368</t>
  </si>
  <si>
    <t>Mole Valley 007</t>
  </si>
  <si>
    <t>E01030521</t>
  </si>
  <si>
    <t>Mole Valley 007B</t>
  </si>
  <si>
    <t>E01030522</t>
  </si>
  <si>
    <t>Mole Valley 007C</t>
  </si>
  <si>
    <t>E01030523</t>
  </si>
  <si>
    <t>Mole Valley 007D</t>
  </si>
  <si>
    <t>E01030524</t>
  </si>
  <si>
    <t>Mole Valley 008A</t>
  </si>
  <si>
    <t>E02006369</t>
  </si>
  <si>
    <t>Mole Valley 008</t>
  </si>
  <si>
    <t>E01030525</t>
  </si>
  <si>
    <t>Mole Valley 008B</t>
  </si>
  <si>
    <t>E01030526</t>
  </si>
  <si>
    <t>Mole Valley 008C</t>
  </si>
  <si>
    <t>E01030527</t>
  </si>
  <si>
    <t>Mole Valley 008D</t>
  </si>
  <si>
    <t>E01030528</t>
  </si>
  <si>
    <t>Mole Valley 013B</t>
  </si>
  <si>
    <t>E01030529</t>
  </si>
  <si>
    <t>Mole Valley 012A</t>
  </si>
  <si>
    <t>E02006373</t>
  </si>
  <si>
    <t>Mole Valley 012</t>
  </si>
  <si>
    <t>E01030530</t>
  </si>
  <si>
    <t>Mole Valley 013C</t>
  </si>
  <si>
    <t>E01030531</t>
  </si>
  <si>
    <t>Mole Valley 013D</t>
  </si>
  <si>
    <t>E01030532</t>
  </si>
  <si>
    <t>Mole Valley 009A</t>
  </si>
  <si>
    <t>E02006370</t>
  </si>
  <si>
    <t>Mole Valley 009</t>
  </si>
  <si>
    <t>E01030533</t>
  </si>
  <si>
    <t>Mole Valley 009B</t>
  </si>
  <si>
    <t>E01030534</t>
  </si>
  <si>
    <t>Mole Valley 009C</t>
  </si>
  <si>
    <t>E01030535</t>
  </si>
  <si>
    <t>Mole Valley 010A</t>
  </si>
  <si>
    <t>E02006371</t>
  </si>
  <si>
    <t>Mole Valley 010</t>
  </si>
  <si>
    <t>E01030536</t>
  </si>
  <si>
    <t>Mole Valley 010B</t>
  </si>
  <si>
    <t>E01030537</t>
  </si>
  <si>
    <t>Mole Valley 010C</t>
  </si>
  <si>
    <t>E01030538</t>
  </si>
  <si>
    <t>Mole Valley 010D</t>
  </si>
  <si>
    <t>E01030539</t>
  </si>
  <si>
    <t>Mole Valley 005A</t>
  </si>
  <si>
    <t>E02006366</t>
  </si>
  <si>
    <t>Mole Valley 005</t>
  </si>
  <si>
    <t>E01030540</t>
  </si>
  <si>
    <t>Mole Valley 005B</t>
  </si>
  <si>
    <t>E01030541</t>
  </si>
  <si>
    <t>Mole Valley 005C</t>
  </si>
  <si>
    <t>E01030542</t>
  </si>
  <si>
    <t>Mole Valley 005D</t>
  </si>
  <si>
    <t>E01030543</t>
  </si>
  <si>
    <t>Mole Valley 005E</t>
  </si>
  <si>
    <t>E01030544</t>
  </si>
  <si>
    <t>Mole Valley 011A</t>
  </si>
  <si>
    <t>E02006372</t>
  </si>
  <si>
    <t>Mole Valley 011</t>
  </si>
  <si>
    <t>E01030545</t>
  </si>
  <si>
    <t>Mole Valley 011B</t>
  </si>
  <si>
    <t>E01030546</t>
  </si>
  <si>
    <t>Mole Valley 011C</t>
  </si>
  <si>
    <t>E01030547</t>
  </si>
  <si>
    <t>Mole Valley 011D</t>
  </si>
  <si>
    <t>E01030548</t>
  </si>
  <si>
    <t>Mole Valley 003A</t>
  </si>
  <si>
    <t>E02006364</t>
  </si>
  <si>
    <t>Mole Valley 003</t>
  </si>
  <si>
    <t>E01030549</t>
  </si>
  <si>
    <t>Mole Valley 003B</t>
  </si>
  <si>
    <t>E01030550</t>
  </si>
  <si>
    <t>Mole Valley 003C</t>
  </si>
  <si>
    <t>E01030551</t>
  </si>
  <si>
    <t>Mole Valley 003D</t>
  </si>
  <si>
    <t>E01030552</t>
  </si>
  <si>
    <t>Mole Valley 004B</t>
  </si>
  <si>
    <t>E01030553</t>
  </si>
  <si>
    <t>Mole Valley 004C</t>
  </si>
  <si>
    <t>E01030554</t>
  </si>
  <si>
    <t>Mole Valley 004D</t>
  </si>
  <si>
    <t>E01030555</t>
  </si>
  <si>
    <t>Mole Valley 012B</t>
  </si>
  <si>
    <t>E01030556</t>
  </si>
  <si>
    <t>Mole Valley 009D</t>
  </si>
  <si>
    <t>E01030557</t>
  </si>
  <si>
    <t>Mole Valley 012C</t>
  </si>
  <si>
    <t>E01030558</t>
  </si>
  <si>
    <t>Mole Valley 012D</t>
  </si>
  <si>
    <t>E01030559</t>
  </si>
  <si>
    <t>Reigate and Banstead 002A</t>
  </si>
  <si>
    <t>E02006376</t>
  </si>
  <si>
    <t>Reigate and Banstead 002</t>
  </si>
  <si>
    <t>E07000211</t>
  </si>
  <si>
    <t>Reigate and Banstead</t>
  </si>
  <si>
    <t>E01030560</t>
  </si>
  <si>
    <t>Reigate and Banstead 002B</t>
  </si>
  <si>
    <t>E01030561</t>
  </si>
  <si>
    <t>Reigate and Banstead 002C</t>
  </si>
  <si>
    <t>E01030562</t>
  </si>
  <si>
    <t>Reigate and Banstead 002D</t>
  </si>
  <si>
    <t>E01030563</t>
  </si>
  <si>
    <t>Reigate and Banstead 002E</t>
  </si>
  <si>
    <t>E01030564</t>
  </si>
  <si>
    <t>Reigate and Banstead 002F</t>
  </si>
  <si>
    <t>E01030565</t>
  </si>
  <si>
    <t>Reigate and Banstead 004A</t>
  </si>
  <si>
    <t>E02006378</t>
  </si>
  <si>
    <t>Reigate and Banstead 004</t>
  </si>
  <si>
    <t>E01030566</t>
  </si>
  <si>
    <t>Reigate and Banstead 004B</t>
  </si>
  <si>
    <t>E01030567</t>
  </si>
  <si>
    <t>Reigate and Banstead 004C</t>
  </si>
  <si>
    <t>E01030568</t>
  </si>
  <si>
    <t>Reigate and Banstead 004D</t>
  </si>
  <si>
    <t>E01030569</t>
  </si>
  <si>
    <t>Reigate and Banstead 004E</t>
  </si>
  <si>
    <t>E01030570</t>
  </si>
  <si>
    <t>Reigate and Banstead 014A</t>
  </si>
  <si>
    <t>E02006388</t>
  </si>
  <si>
    <t>Reigate and Banstead 014</t>
  </si>
  <si>
    <t>E01030571</t>
  </si>
  <si>
    <t>Reigate and Banstead 014B</t>
  </si>
  <si>
    <t>E01030572</t>
  </si>
  <si>
    <t>Reigate and Banstead 014C</t>
  </si>
  <si>
    <t>E01030573</t>
  </si>
  <si>
    <t>Reigate and Banstead 014D</t>
  </si>
  <si>
    <t>E01030574</t>
  </si>
  <si>
    <t>Reigate and Banstead 014E</t>
  </si>
  <si>
    <t>E01030576</t>
  </si>
  <si>
    <t>Reigate and Banstead 018B</t>
  </si>
  <si>
    <t>E02006392</t>
  </si>
  <si>
    <t>Reigate and Banstead 018</t>
  </si>
  <si>
    <t>E01030577</t>
  </si>
  <si>
    <t>Reigate and Banstead 018C</t>
  </si>
  <si>
    <t>E01030578</t>
  </si>
  <si>
    <t>Reigate and Banstead 018D</t>
  </si>
  <si>
    <t>E01030579</t>
  </si>
  <si>
    <t>Reigate and Banstead 018E</t>
  </si>
  <si>
    <t>E01030580</t>
  </si>
  <si>
    <t>Reigate and Banstead 017A</t>
  </si>
  <si>
    <t>E02006391</t>
  </si>
  <si>
    <t>Reigate and Banstead 017</t>
  </si>
  <si>
    <t>E01030581</t>
  </si>
  <si>
    <t>Reigate and Banstead 017B</t>
  </si>
  <si>
    <t>E01030582</t>
  </si>
  <si>
    <t>Reigate and Banstead 017C</t>
  </si>
  <si>
    <t>E01030583</t>
  </si>
  <si>
    <t>Reigate and Banstead 017D</t>
  </si>
  <si>
    <t>E01030585</t>
  </si>
  <si>
    <t>Reigate and Banstead 016B</t>
  </si>
  <si>
    <t>E02006390</t>
  </si>
  <si>
    <t>Reigate and Banstead 016</t>
  </si>
  <si>
    <t>E01030586</t>
  </si>
  <si>
    <t>Reigate and Banstead 016C</t>
  </si>
  <si>
    <t>E01030587</t>
  </si>
  <si>
    <t>Reigate and Banstead 016D</t>
  </si>
  <si>
    <t>E01030588</t>
  </si>
  <si>
    <t>Reigate and Banstead 016E</t>
  </si>
  <si>
    <t>E01030589</t>
  </si>
  <si>
    <t>Reigate and Banstead 007A</t>
  </si>
  <si>
    <t>E02006381</t>
  </si>
  <si>
    <t>Reigate and Banstead 007</t>
  </si>
  <si>
    <t>E01030590</t>
  </si>
  <si>
    <t>Reigate and Banstead 007B</t>
  </si>
  <si>
    <t>E01030591</t>
  </si>
  <si>
    <t>Reigate and Banstead 007C</t>
  </si>
  <si>
    <t>E01030592</t>
  </si>
  <si>
    <t>Reigate and Banstead 007D</t>
  </si>
  <si>
    <t>E01030593</t>
  </si>
  <si>
    <t>Reigate and Banstead 012A</t>
  </si>
  <si>
    <t>E02006386</t>
  </si>
  <si>
    <t>Reigate and Banstead 012</t>
  </si>
  <si>
    <t>E01030594</t>
  </si>
  <si>
    <t>Reigate and Banstead 013A</t>
  </si>
  <si>
    <t>E02006387</t>
  </si>
  <si>
    <t>Reigate and Banstead 013</t>
  </si>
  <si>
    <t>E01030595</t>
  </si>
  <si>
    <t>Reigate and Banstead 013B</t>
  </si>
  <si>
    <t>E01030596</t>
  </si>
  <si>
    <t>Reigate and Banstead 012B</t>
  </si>
  <si>
    <t>E01030597</t>
  </si>
  <si>
    <t>Reigate and Banstead 012C</t>
  </si>
  <si>
    <t>E01030598</t>
  </si>
  <si>
    <t>Reigate and Banstead 009A</t>
  </si>
  <si>
    <t>E02006383</t>
  </si>
  <si>
    <t>Reigate and Banstead 009</t>
  </si>
  <si>
    <t>E01030599</t>
  </si>
  <si>
    <t>Reigate and Banstead 008A</t>
  </si>
  <si>
    <t>E02006382</t>
  </si>
  <si>
    <t>Reigate and Banstead 008</t>
  </si>
  <si>
    <t>E01030600</t>
  </si>
  <si>
    <t>Reigate and Banstead 008B</t>
  </si>
  <si>
    <t>E01030601</t>
  </si>
  <si>
    <t>Reigate and Banstead 008C</t>
  </si>
  <si>
    <t>E01030602</t>
  </si>
  <si>
    <t>Reigate and Banstead 008D</t>
  </si>
  <si>
    <t>E01030603</t>
  </si>
  <si>
    <t>Reigate and Banstead 001A</t>
  </si>
  <si>
    <t>E02006375</t>
  </si>
  <si>
    <t>Reigate and Banstead 001</t>
  </si>
  <si>
    <t>E01030604</t>
  </si>
  <si>
    <t>Reigate and Banstead 001B</t>
  </si>
  <si>
    <t>E01030605</t>
  </si>
  <si>
    <t>Reigate and Banstead 001C</t>
  </si>
  <si>
    <t>E01030606</t>
  </si>
  <si>
    <t>Reigate and Banstead 003A</t>
  </si>
  <si>
    <t>E02006377</t>
  </si>
  <si>
    <t>Reigate and Banstead 003</t>
  </si>
  <si>
    <t>E01030607</t>
  </si>
  <si>
    <t>Reigate and Banstead 001D</t>
  </si>
  <si>
    <t>E01030608</t>
  </si>
  <si>
    <t>Reigate and Banstead 005A</t>
  </si>
  <si>
    <t>E02006379</t>
  </si>
  <si>
    <t>Reigate and Banstead 005</t>
  </si>
  <si>
    <t>E01030609</t>
  </si>
  <si>
    <t>Reigate and Banstead 005B</t>
  </si>
  <si>
    <t>E01030610</t>
  </si>
  <si>
    <t>Reigate and Banstead 011A</t>
  </si>
  <si>
    <t>E02006385</t>
  </si>
  <si>
    <t>Reigate and Banstead 011</t>
  </si>
  <si>
    <t>E01030613</t>
  </si>
  <si>
    <t>Reigate and Banstead 011D</t>
  </si>
  <si>
    <t>E01030614</t>
  </si>
  <si>
    <t>Reigate and Banstead 011E</t>
  </si>
  <si>
    <t>E01030615</t>
  </si>
  <si>
    <t>Reigate and Banstead 010A</t>
  </si>
  <si>
    <t>E02006384</t>
  </si>
  <si>
    <t>Reigate and Banstead 010</t>
  </si>
  <si>
    <t>E01030616</t>
  </si>
  <si>
    <t>Reigate and Banstead 010B</t>
  </si>
  <si>
    <t>E01030617</t>
  </si>
  <si>
    <t>Reigate and Banstead 010C</t>
  </si>
  <si>
    <t>E01030618</t>
  </si>
  <si>
    <t>Reigate and Banstead 010D</t>
  </si>
  <si>
    <t>E01030619</t>
  </si>
  <si>
    <t>Reigate and Banstead 010E</t>
  </si>
  <si>
    <t>E01030620</t>
  </si>
  <si>
    <t>Reigate and Banstead 012D</t>
  </si>
  <si>
    <t>E01030621</t>
  </si>
  <si>
    <t>Reigate and Banstead 012E</t>
  </si>
  <si>
    <t>E01030622</t>
  </si>
  <si>
    <t>Reigate and Banstead 010F</t>
  </si>
  <si>
    <t>E01030623</t>
  </si>
  <si>
    <t>Reigate and Banstead 009B</t>
  </si>
  <si>
    <t>E01030624</t>
  </si>
  <si>
    <t>Reigate and Banstead 009C</t>
  </si>
  <si>
    <t>E01030625</t>
  </si>
  <si>
    <t>Reigate and Banstead 009D</t>
  </si>
  <si>
    <t>E01030626</t>
  </si>
  <si>
    <t>Reigate and Banstead 009E</t>
  </si>
  <si>
    <t>E01030627</t>
  </si>
  <si>
    <t>Reigate and Banstead 009F</t>
  </si>
  <si>
    <t>E01030628</t>
  </si>
  <si>
    <t>Reigate and Banstead 015A</t>
  </si>
  <si>
    <t>E02006389</t>
  </si>
  <si>
    <t>Reigate and Banstead 015</t>
  </si>
  <si>
    <t>E01030629</t>
  </si>
  <si>
    <t>Reigate and Banstead 015B</t>
  </si>
  <si>
    <t>E01030630</t>
  </si>
  <si>
    <t>Reigate and Banstead 013C</t>
  </si>
  <si>
    <t>E01030631</t>
  </si>
  <si>
    <t>Reigate and Banstead 013D</t>
  </si>
  <si>
    <t>E01030632</t>
  </si>
  <si>
    <t>Reigate and Banstead 015C</t>
  </si>
  <si>
    <t>E01030633</t>
  </si>
  <si>
    <t>Reigate and Banstead 015D</t>
  </si>
  <si>
    <t>E01030634</t>
  </si>
  <si>
    <t>Reigate and Banstead 015E</t>
  </si>
  <si>
    <t>E01030635</t>
  </si>
  <si>
    <t>Reigate and Banstead 006A</t>
  </si>
  <si>
    <t>E02006380</t>
  </si>
  <si>
    <t>Reigate and Banstead 006</t>
  </si>
  <si>
    <t>E01030636</t>
  </si>
  <si>
    <t>Reigate and Banstead 006B</t>
  </si>
  <si>
    <t>E01030637</t>
  </si>
  <si>
    <t>Reigate and Banstead 006C</t>
  </si>
  <si>
    <t>E01030638</t>
  </si>
  <si>
    <t>Reigate and Banstead 006D</t>
  </si>
  <si>
    <t>E01030639</t>
  </si>
  <si>
    <t>Reigate and Banstead 006E</t>
  </si>
  <si>
    <t>E01030640</t>
  </si>
  <si>
    <t>Reigate and Banstead 005C</t>
  </si>
  <si>
    <t>E01030641</t>
  </si>
  <si>
    <t>Reigate and Banstead 003B</t>
  </si>
  <si>
    <t>E01030642</t>
  </si>
  <si>
    <t>Reigate and Banstead 003C</t>
  </si>
  <si>
    <t>E01030643</t>
  </si>
  <si>
    <t>Reigate and Banstead 005D</t>
  </si>
  <si>
    <t>E01030644</t>
  </si>
  <si>
    <t>Reigate and Banstead 003D</t>
  </si>
  <si>
    <t>E01030645</t>
  </si>
  <si>
    <t>Runnymede 009A</t>
  </si>
  <si>
    <t>E02006401</t>
  </si>
  <si>
    <t>Runnymede 009</t>
  </si>
  <si>
    <t>E07000212</t>
  </si>
  <si>
    <t>Runnymede</t>
  </si>
  <si>
    <t>E01030646</t>
  </si>
  <si>
    <t>Runnymede 009B</t>
  </si>
  <si>
    <t>E01030647</t>
  </si>
  <si>
    <t>Runnymede 007A</t>
  </si>
  <si>
    <t>E02006399</t>
  </si>
  <si>
    <t>Runnymede 007</t>
  </si>
  <si>
    <t>E01030648</t>
  </si>
  <si>
    <t>Runnymede 007B</t>
  </si>
  <si>
    <t>E01030649</t>
  </si>
  <si>
    <t>Runnymede 007C</t>
  </si>
  <si>
    <t>E01030650</t>
  </si>
  <si>
    <t>Runnymede 007D</t>
  </si>
  <si>
    <t>E01030651</t>
  </si>
  <si>
    <t>Runnymede 007E</t>
  </si>
  <si>
    <t>E01030652</t>
  </si>
  <si>
    <t>Runnymede 006A</t>
  </si>
  <si>
    <t>E02006398</t>
  </si>
  <si>
    <t>Runnymede 006</t>
  </si>
  <si>
    <t>E01030653</t>
  </si>
  <si>
    <t>Runnymede 006B</t>
  </si>
  <si>
    <t>E01030654</t>
  </si>
  <si>
    <t>Runnymede 006C</t>
  </si>
  <si>
    <t>E01030655</t>
  </si>
  <si>
    <t>Runnymede 007F</t>
  </si>
  <si>
    <t>E01030656</t>
  </si>
  <si>
    <t>Runnymede 004A</t>
  </si>
  <si>
    <t>E02006396</t>
  </si>
  <si>
    <t>Runnymede 004</t>
  </si>
  <si>
    <t>E01030657</t>
  </si>
  <si>
    <t>Runnymede 006D</t>
  </si>
  <si>
    <t>E01030658</t>
  </si>
  <si>
    <t>Runnymede 004B</t>
  </si>
  <si>
    <t>E01030659</t>
  </si>
  <si>
    <t>Runnymede 006E</t>
  </si>
  <si>
    <t>E01030660</t>
  </si>
  <si>
    <t>Runnymede 009C</t>
  </si>
  <si>
    <t>E01030661</t>
  </si>
  <si>
    <t>Runnymede 009D</t>
  </si>
  <si>
    <t>E01030662</t>
  </si>
  <si>
    <t>Runnymede 007G</t>
  </si>
  <si>
    <t>E01030677</t>
  </si>
  <si>
    <t>Runnymede 008A</t>
  </si>
  <si>
    <t>E02006400</t>
  </si>
  <si>
    <t>Runnymede 008</t>
  </si>
  <si>
    <t>E01030678</t>
  </si>
  <si>
    <t>Runnymede 008B</t>
  </si>
  <si>
    <t>E01030679</t>
  </si>
  <si>
    <t>Runnymede 008C</t>
  </si>
  <si>
    <t>E01030680</t>
  </si>
  <si>
    <t>Runnymede 008D</t>
  </si>
  <si>
    <t>E01030681</t>
  </si>
  <si>
    <t>Runnymede 010A</t>
  </si>
  <si>
    <t>E02006402</t>
  </si>
  <si>
    <t>Runnymede 010</t>
  </si>
  <si>
    <t>E01030682</t>
  </si>
  <si>
    <t>Runnymede 010B</t>
  </si>
  <si>
    <t>E01030683</t>
  </si>
  <si>
    <t>Runnymede 010C</t>
  </si>
  <si>
    <t>E01030684</t>
  </si>
  <si>
    <t>Runnymede 009E</t>
  </si>
  <si>
    <t>E01030685</t>
  </si>
  <si>
    <t>Runnymede 004C</t>
  </si>
  <si>
    <t>E01030693</t>
  </si>
  <si>
    <t>Runnymede 010D</t>
  </si>
  <si>
    <t>E01030694</t>
  </si>
  <si>
    <t>Runnymede 010E</t>
  </si>
  <si>
    <t>E01030695</t>
  </si>
  <si>
    <t>Runnymede 010F</t>
  </si>
  <si>
    <t>E01030696</t>
  </si>
  <si>
    <t>Runnymede 010G</t>
  </si>
  <si>
    <t>E01030721</t>
  </si>
  <si>
    <t>Spelthorne 012A</t>
  </si>
  <si>
    <t>E02006414</t>
  </si>
  <si>
    <t>Spelthorne 012</t>
  </si>
  <si>
    <t>E07000213</t>
  </si>
  <si>
    <t>Spelthorne</t>
  </si>
  <si>
    <t>E01030722</t>
  </si>
  <si>
    <t>Spelthorne 012B</t>
  </si>
  <si>
    <t>E01030723</t>
  </si>
  <si>
    <t>Spelthorne 012C</t>
  </si>
  <si>
    <t>E01030724</t>
  </si>
  <si>
    <t>Spelthorne 012D</t>
  </si>
  <si>
    <t>E01030726</t>
  </si>
  <si>
    <t>Spelthorne 009A</t>
  </si>
  <si>
    <t>E02006411</t>
  </si>
  <si>
    <t>Spelthorne 009</t>
  </si>
  <si>
    <t>E01030728</t>
  </si>
  <si>
    <t>Spelthorne 009C</t>
  </si>
  <si>
    <t>E01030729</t>
  </si>
  <si>
    <t>Spelthorne 007A</t>
  </si>
  <si>
    <t>E02006409</t>
  </si>
  <si>
    <t>Spelthorne 007</t>
  </si>
  <si>
    <t>E01030730</t>
  </si>
  <si>
    <t>Spelthorne 013A</t>
  </si>
  <si>
    <t>E02006415</t>
  </si>
  <si>
    <t>Spelthorne 013</t>
  </si>
  <si>
    <t>E01030731</t>
  </si>
  <si>
    <t>Spelthorne 013B</t>
  </si>
  <si>
    <t>E01030732</t>
  </si>
  <si>
    <t>Spelthorne 013C</t>
  </si>
  <si>
    <t>E01030733</t>
  </si>
  <si>
    <t>Spelthorne 013D</t>
  </si>
  <si>
    <t>E01030739</t>
  </si>
  <si>
    <t>Spelthorne 007B</t>
  </si>
  <si>
    <t>E01030740</t>
  </si>
  <si>
    <t>Spelthorne 007C</t>
  </si>
  <si>
    <t>E01030741</t>
  </si>
  <si>
    <t>Spelthorne 007D</t>
  </si>
  <si>
    <t>E01030753</t>
  </si>
  <si>
    <t>Spelthorne 010A</t>
  </si>
  <si>
    <t>E02006412</t>
  </si>
  <si>
    <t>Spelthorne 010</t>
  </si>
  <si>
    <t>E01030761</t>
  </si>
  <si>
    <t>Surrey Heath 006A</t>
  </si>
  <si>
    <t>E02006421</t>
  </si>
  <si>
    <t>Surrey Heath 006</t>
  </si>
  <si>
    <t>E07000214</t>
  </si>
  <si>
    <t>Surrey Heath</t>
  </si>
  <si>
    <t>E01030762</t>
  </si>
  <si>
    <t>Surrey Heath 006B</t>
  </si>
  <si>
    <t>E01030763</t>
  </si>
  <si>
    <t>Surrey Heath 001A</t>
  </si>
  <si>
    <t>E02006416</t>
  </si>
  <si>
    <t>Surrey Heath 001</t>
  </si>
  <si>
    <t>E01030764</t>
  </si>
  <si>
    <t>Surrey Heath 001B</t>
  </si>
  <si>
    <t>E01030807</t>
  </si>
  <si>
    <t>Surrey Heath 006D</t>
  </si>
  <si>
    <t>E01030812</t>
  </si>
  <si>
    <t>Tandridge 008A</t>
  </si>
  <si>
    <t>E02006435</t>
  </si>
  <si>
    <t>Tandridge 008</t>
  </si>
  <si>
    <t>E07000215</t>
  </si>
  <si>
    <t>Tandridge</t>
  </si>
  <si>
    <t>E01030813</t>
  </si>
  <si>
    <t>Tandridge 008B</t>
  </si>
  <si>
    <t>E01030814</t>
  </si>
  <si>
    <t>Tandridge 008C</t>
  </si>
  <si>
    <t>E01030815</t>
  </si>
  <si>
    <t>Tandridge 008D</t>
  </si>
  <si>
    <t>E01030816</t>
  </si>
  <si>
    <t>Tandridge 011A</t>
  </si>
  <si>
    <t>E02006438</t>
  </si>
  <si>
    <t>Tandridge 011</t>
  </si>
  <si>
    <t>E01030817</t>
  </si>
  <si>
    <t>Tandridge 011B</t>
  </si>
  <si>
    <t>E01030818</t>
  </si>
  <si>
    <t>Tandridge 011C</t>
  </si>
  <si>
    <t>E01030819</t>
  </si>
  <si>
    <t>Tandridge 011D</t>
  </si>
  <si>
    <t>E01030820</t>
  </si>
  <si>
    <t>Tandridge 005A</t>
  </si>
  <si>
    <t>E02006432</t>
  </si>
  <si>
    <t>Tandridge 005</t>
  </si>
  <si>
    <t>E01030821</t>
  </si>
  <si>
    <t>Tandridge 010A</t>
  </si>
  <si>
    <t>E02006437</t>
  </si>
  <si>
    <t>Tandridge 010</t>
  </si>
  <si>
    <t>E01030822</t>
  </si>
  <si>
    <t>Tandridge 010B</t>
  </si>
  <si>
    <t>E01030823</t>
  </si>
  <si>
    <t>Tandridge 011E</t>
  </si>
  <si>
    <t>E01030824</t>
  </si>
  <si>
    <t>Tandridge 009A</t>
  </si>
  <si>
    <t>E02006436</t>
  </si>
  <si>
    <t>Tandridge 009</t>
  </si>
  <si>
    <t>E01030825</t>
  </si>
  <si>
    <t>Tandridge 009B</t>
  </si>
  <si>
    <t>E01030826</t>
  </si>
  <si>
    <t>Tandridge 009C</t>
  </si>
  <si>
    <t>E01030827</t>
  </si>
  <si>
    <t>Tandridge 009D</t>
  </si>
  <si>
    <t>E01030828</t>
  </si>
  <si>
    <t>Tandridge 004A</t>
  </si>
  <si>
    <t>E02006431</t>
  </si>
  <si>
    <t>Tandridge 004</t>
  </si>
  <si>
    <t>E01030829</t>
  </si>
  <si>
    <t>Tandridge 004B</t>
  </si>
  <si>
    <t>E01030830</t>
  </si>
  <si>
    <t>Tandridge 004C</t>
  </si>
  <si>
    <t>E01030831</t>
  </si>
  <si>
    <t>Tandridge 006A</t>
  </si>
  <si>
    <t>E02006433</t>
  </si>
  <si>
    <t>Tandridge 006</t>
  </si>
  <si>
    <t>E01030832</t>
  </si>
  <si>
    <t>Tandridge 006B</t>
  </si>
  <si>
    <t>E01030833</t>
  </si>
  <si>
    <t>Tandridge 010C</t>
  </si>
  <si>
    <t>E01030834</t>
  </si>
  <si>
    <t>Tandridge 010D</t>
  </si>
  <si>
    <t>E01030835</t>
  </si>
  <si>
    <t>Tandridge 010E</t>
  </si>
  <si>
    <t>E01030836</t>
  </si>
  <si>
    <t>Tandridge 006C</t>
  </si>
  <si>
    <t>E01030837</t>
  </si>
  <si>
    <t>Tandridge 006D</t>
  </si>
  <si>
    <t>E01030838</t>
  </si>
  <si>
    <t>Tandridge 006E</t>
  </si>
  <si>
    <t>E01030839</t>
  </si>
  <si>
    <t>Tandridge 006F</t>
  </si>
  <si>
    <t>E01030840</t>
  </si>
  <si>
    <t>Tandridge 007A</t>
  </si>
  <si>
    <t>E02006434</t>
  </si>
  <si>
    <t>Tandridge 007</t>
  </si>
  <si>
    <t>E01030841</t>
  </si>
  <si>
    <t>Tandridge 007B</t>
  </si>
  <si>
    <t>E01030842</t>
  </si>
  <si>
    <t>Tandridge 007C</t>
  </si>
  <si>
    <t>E01030843</t>
  </si>
  <si>
    <t>Tandridge 007D</t>
  </si>
  <si>
    <t>E01030844</t>
  </si>
  <si>
    <t>Tandridge 003A</t>
  </si>
  <si>
    <t>E02006430</t>
  </si>
  <si>
    <t>Tandridge 003</t>
  </si>
  <si>
    <t>E01030845</t>
  </si>
  <si>
    <t>Tandridge 003B</t>
  </si>
  <si>
    <t>E01030846</t>
  </si>
  <si>
    <t>Tandridge 003C</t>
  </si>
  <si>
    <t>E01030847</t>
  </si>
  <si>
    <t>Tandridge 005B</t>
  </si>
  <si>
    <t>E01030848</t>
  </si>
  <si>
    <t>Tandridge 005C</t>
  </si>
  <si>
    <t>E01030850</t>
  </si>
  <si>
    <t>Tandridge 004D</t>
  </si>
  <si>
    <t>E01030851</t>
  </si>
  <si>
    <t>Tandridge 004E</t>
  </si>
  <si>
    <t>E01030852</t>
  </si>
  <si>
    <t>Tandridge 012A</t>
  </si>
  <si>
    <t>E02006790</t>
  </si>
  <si>
    <t>Tandridge 012</t>
  </si>
  <si>
    <t>E01030853</t>
  </si>
  <si>
    <t>Tandridge 012B</t>
  </si>
  <si>
    <t>E01030854</t>
  </si>
  <si>
    <t>Tandridge 012C</t>
  </si>
  <si>
    <t>E01030855</t>
  </si>
  <si>
    <t>Tandridge 002A</t>
  </si>
  <si>
    <t>E02006429</t>
  </si>
  <si>
    <t>Tandridge 002</t>
  </si>
  <si>
    <t>E01030856</t>
  </si>
  <si>
    <t>Tandridge 002B</t>
  </si>
  <si>
    <t>E01030857</t>
  </si>
  <si>
    <t>Tandridge 003D</t>
  </si>
  <si>
    <t>E01030858</t>
  </si>
  <si>
    <t>Tandridge 003E</t>
  </si>
  <si>
    <t>E01030859</t>
  </si>
  <si>
    <t>Tandridge 002C</t>
  </si>
  <si>
    <t>E01030861</t>
  </si>
  <si>
    <t>Tandridge 004F</t>
  </si>
  <si>
    <t>E01030862</t>
  </si>
  <si>
    <t>Waverley 015A</t>
  </si>
  <si>
    <t>E02006453</t>
  </si>
  <si>
    <t>Waverley 015</t>
  </si>
  <si>
    <t>E07000216</t>
  </si>
  <si>
    <t>Waverley</t>
  </si>
  <si>
    <t>E01030863</t>
  </si>
  <si>
    <t>Waverley 008A</t>
  </si>
  <si>
    <t>E02006446</t>
  </si>
  <si>
    <t>Waverley 008</t>
  </si>
  <si>
    <t>E01030864</t>
  </si>
  <si>
    <t>Waverley 012A</t>
  </si>
  <si>
    <t>E02006450</t>
  </si>
  <si>
    <t>Waverley 012</t>
  </si>
  <si>
    <t>E01030865</t>
  </si>
  <si>
    <t>Waverley 008B</t>
  </si>
  <si>
    <t>E01030866</t>
  </si>
  <si>
    <t>Waverley 008C</t>
  </si>
  <si>
    <t>E01030867</t>
  </si>
  <si>
    <t>Waverley 015B</t>
  </si>
  <si>
    <t>E01030870</t>
  </si>
  <si>
    <t>Waverley 013A</t>
  </si>
  <si>
    <t>E02006451</t>
  </si>
  <si>
    <t>Waverley 013</t>
  </si>
  <si>
    <t>E01030871</t>
  </si>
  <si>
    <t>Waverley 013B</t>
  </si>
  <si>
    <t>E01030872</t>
  </si>
  <si>
    <t>Waverley 013C</t>
  </si>
  <si>
    <t>E01030873</t>
  </si>
  <si>
    <t>Waverley 013D</t>
  </si>
  <si>
    <t>E01030874</t>
  </si>
  <si>
    <t>Waverley 013E</t>
  </si>
  <si>
    <t>E01030875</t>
  </si>
  <si>
    <t>Waverley 013F</t>
  </si>
  <si>
    <t>E01030876</t>
  </si>
  <si>
    <t>Waverley 013G</t>
  </si>
  <si>
    <t>E01030880</t>
  </si>
  <si>
    <t>Waverley 015E</t>
  </si>
  <si>
    <t>E01030920</t>
  </si>
  <si>
    <t>Waverley 005D</t>
  </si>
  <si>
    <t>E02006443</t>
  </si>
  <si>
    <t>Waverley 005</t>
  </si>
  <si>
    <t>E01030922</t>
  </si>
  <si>
    <t>Waverley 007E</t>
  </si>
  <si>
    <t>E02006445</t>
  </si>
  <si>
    <t>Waverley 007</t>
  </si>
  <si>
    <t>E01030940</t>
  </si>
  <si>
    <t>Waverley 008D</t>
  </si>
  <si>
    <t>E01030944</t>
  </si>
  <si>
    <t>Woking 012A</t>
  </si>
  <si>
    <t>E02006467</t>
  </si>
  <si>
    <t>Woking 012</t>
  </si>
  <si>
    <t>E07000217</t>
  </si>
  <si>
    <t>Woking</t>
  </si>
  <si>
    <t>E01030945</t>
  </si>
  <si>
    <t>Woking 012B</t>
  </si>
  <si>
    <t>E01030946</t>
  </si>
  <si>
    <t>Woking 001A</t>
  </si>
  <si>
    <t>E02006456</t>
  </si>
  <si>
    <t>Woking 001</t>
  </si>
  <si>
    <t>E01030947</t>
  </si>
  <si>
    <t>Woking 001B</t>
  </si>
  <si>
    <t>E01030948</t>
  </si>
  <si>
    <t>Woking 001C</t>
  </si>
  <si>
    <t>E01030949</t>
  </si>
  <si>
    <t>Woking 001D</t>
  </si>
  <si>
    <t>E01030950</t>
  </si>
  <si>
    <t>Woking 001E</t>
  </si>
  <si>
    <t>E01030951</t>
  </si>
  <si>
    <t>Woking 005A</t>
  </si>
  <si>
    <t>E02006460</t>
  </si>
  <si>
    <t>Woking 005</t>
  </si>
  <si>
    <t>E01030952</t>
  </si>
  <si>
    <t>Woking 005B</t>
  </si>
  <si>
    <t>E01030953</t>
  </si>
  <si>
    <t>Woking 005C</t>
  </si>
  <si>
    <t>E01030954</t>
  </si>
  <si>
    <t>Woking 008A</t>
  </si>
  <si>
    <t>E02006463</t>
  </si>
  <si>
    <t>Woking 008</t>
  </si>
  <si>
    <t>E01030955</t>
  </si>
  <si>
    <t>Woking 010A</t>
  </si>
  <si>
    <t>E02006465</t>
  </si>
  <si>
    <t>Woking 010</t>
  </si>
  <si>
    <t>E01030956</t>
  </si>
  <si>
    <t>Woking 005D</t>
  </si>
  <si>
    <t>E01030957</t>
  </si>
  <si>
    <t>Woking 005E</t>
  </si>
  <si>
    <t>E01030958</t>
  </si>
  <si>
    <t>Woking 005F</t>
  </si>
  <si>
    <t>E01030959</t>
  </si>
  <si>
    <t>Woking 005G</t>
  </si>
  <si>
    <t>E01030960</t>
  </si>
  <si>
    <t>Woking 009A</t>
  </si>
  <si>
    <t>E02006464</t>
  </si>
  <si>
    <t>Woking 009</t>
  </si>
  <si>
    <t>E01030961</t>
  </si>
  <si>
    <t>Woking 009B</t>
  </si>
  <si>
    <t>E01030962</t>
  </si>
  <si>
    <t>Woking 009C</t>
  </si>
  <si>
    <t>E01030963</t>
  </si>
  <si>
    <t>Woking 003A</t>
  </si>
  <si>
    <t>E02006458</t>
  </si>
  <si>
    <t>Woking 003</t>
  </si>
  <si>
    <t>E01030964</t>
  </si>
  <si>
    <t>Woking 003B</t>
  </si>
  <si>
    <t>E01030965</t>
  </si>
  <si>
    <t>Woking 003C</t>
  </si>
  <si>
    <t>E01030966</t>
  </si>
  <si>
    <t>Woking 003D</t>
  </si>
  <si>
    <t>E01030967</t>
  </si>
  <si>
    <t>Woking 003E</t>
  </si>
  <si>
    <t>E01030968</t>
  </si>
  <si>
    <t>Woking 003F</t>
  </si>
  <si>
    <t>E01030969</t>
  </si>
  <si>
    <t>Woking 008B</t>
  </si>
  <si>
    <t>E01030970</t>
  </si>
  <si>
    <t>Woking 008C</t>
  </si>
  <si>
    <t>E01030971</t>
  </si>
  <si>
    <t>Woking 011A</t>
  </si>
  <si>
    <t>E02006466</t>
  </si>
  <si>
    <t>Woking 011</t>
  </si>
  <si>
    <t>E01030972</t>
  </si>
  <si>
    <t>Woking 011B</t>
  </si>
  <si>
    <t>E01030974</t>
  </si>
  <si>
    <t>Woking 007A</t>
  </si>
  <si>
    <t>E02006462</t>
  </si>
  <si>
    <t>Woking 007</t>
  </si>
  <si>
    <t>E01030975</t>
  </si>
  <si>
    <t>Woking 007B</t>
  </si>
  <si>
    <t>E01030976</t>
  </si>
  <si>
    <t>Woking 007C</t>
  </si>
  <si>
    <t>E01030977</t>
  </si>
  <si>
    <t>Woking 007D</t>
  </si>
  <si>
    <t>E01030978</t>
  </si>
  <si>
    <t>Woking 012C</t>
  </si>
  <si>
    <t>E01030979</t>
  </si>
  <si>
    <t>Woking 007E</t>
  </si>
  <si>
    <t>E01030980</t>
  </si>
  <si>
    <t>Woking 004A</t>
  </si>
  <si>
    <t>E02006459</t>
  </si>
  <si>
    <t>Woking 004</t>
  </si>
  <si>
    <t>E01030981</t>
  </si>
  <si>
    <t>Woking 004B</t>
  </si>
  <si>
    <t>E01030983</t>
  </si>
  <si>
    <t>Woking 004D</t>
  </si>
  <si>
    <t>E01030984</t>
  </si>
  <si>
    <t>Woking 004E</t>
  </si>
  <si>
    <t>E01030986</t>
  </si>
  <si>
    <t>Woking 012D</t>
  </si>
  <si>
    <t>E01030987</t>
  </si>
  <si>
    <t>Woking 012E</t>
  </si>
  <si>
    <t>E01030988</t>
  </si>
  <si>
    <t>Woking 006A</t>
  </si>
  <si>
    <t>E02006461</t>
  </si>
  <si>
    <t>Woking 006</t>
  </si>
  <si>
    <t>E01030989</t>
  </si>
  <si>
    <t>Woking 006B</t>
  </si>
  <si>
    <t>E01030990</t>
  </si>
  <si>
    <t>Woking 006C</t>
  </si>
  <si>
    <t>E01030991</t>
  </si>
  <si>
    <t>Woking 008D</t>
  </si>
  <si>
    <t>E01030992</t>
  </si>
  <si>
    <t>Woking 010B</t>
  </si>
  <si>
    <t>E01030994</t>
  </si>
  <si>
    <t>Woking 011D</t>
  </si>
  <si>
    <t>E01030995</t>
  </si>
  <si>
    <t>Woking 011E</t>
  </si>
  <si>
    <t>E01030996</t>
  </si>
  <si>
    <t>Woking 002A</t>
  </si>
  <si>
    <t>E02006457</t>
  </si>
  <si>
    <t>Woking 002</t>
  </si>
  <si>
    <t>E01030997</t>
  </si>
  <si>
    <t>Woking 006D</t>
  </si>
  <si>
    <t>E01030998</t>
  </si>
  <si>
    <t>Woking 002B</t>
  </si>
  <si>
    <t>E01030999</t>
  </si>
  <si>
    <t>Woking 010C</t>
  </si>
  <si>
    <t>E01031000</t>
  </si>
  <si>
    <t>Woking 009D</t>
  </si>
  <si>
    <t>E01031001</t>
  </si>
  <si>
    <t>Woking 010D</t>
  </si>
  <si>
    <t>E01031002</t>
  </si>
  <si>
    <t>Woking 002C</t>
  </si>
  <si>
    <t>E01031003</t>
  </si>
  <si>
    <t>Woking 002D</t>
  </si>
  <si>
    <t>E01031004</t>
  </si>
  <si>
    <t>Woking 002E</t>
  </si>
  <si>
    <t>E01031338</t>
  </si>
  <si>
    <t>Adur 002A</t>
  </si>
  <si>
    <t>E02006535</t>
  </si>
  <si>
    <t>Adur 002</t>
  </si>
  <si>
    <t>E07000223</t>
  </si>
  <si>
    <t>Adur</t>
  </si>
  <si>
    <t>E01031339</t>
  </si>
  <si>
    <t>Adur 002B</t>
  </si>
  <si>
    <t>E01031340</t>
  </si>
  <si>
    <t>Adur 002C</t>
  </si>
  <si>
    <t>E01031341</t>
  </si>
  <si>
    <t>Adur 008A</t>
  </si>
  <si>
    <t>E02006541</t>
  </si>
  <si>
    <t>Adur 008</t>
  </si>
  <si>
    <t>E01031342</t>
  </si>
  <si>
    <t>Adur 008B</t>
  </si>
  <si>
    <t>E01031343</t>
  </si>
  <si>
    <t>Adur 008C</t>
  </si>
  <si>
    <t>E01031344</t>
  </si>
  <si>
    <t>Adur 006A</t>
  </si>
  <si>
    <t>E02006539</t>
  </si>
  <si>
    <t>Adur 006</t>
  </si>
  <si>
    <t>E01031345</t>
  </si>
  <si>
    <t>Adur 003A</t>
  </si>
  <si>
    <t>E02006536</t>
  </si>
  <si>
    <t>Adur 003</t>
  </si>
  <si>
    <t>E01031346</t>
  </si>
  <si>
    <t>Adur 006B</t>
  </si>
  <si>
    <t>E01031347</t>
  </si>
  <si>
    <t>Adur 004A</t>
  </si>
  <si>
    <t>E02006537</t>
  </si>
  <si>
    <t>Adur 004</t>
  </si>
  <si>
    <t>E01031348</t>
  </si>
  <si>
    <t>Adur 004B</t>
  </si>
  <si>
    <t>E01031349</t>
  </si>
  <si>
    <t>Adur 001A</t>
  </si>
  <si>
    <t>E02006534</t>
  </si>
  <si>
    <t>Adur 001</t>
  </si>
  <si>
    <t>E01031350</t>
  </si>
  <si>
    <t>Adur 001B</t>
  </si>
  <si>
    <t>E01031351</t>
  </si>
  <si>
    <t>Adur 001C</t>
  </si>
  <si>
    <t>E01031352</t>
  </si>
  <si>
    <t>Adur 001D</t>
  </si>
  <si>
    <t>E01031353</t>
  </si>
  <si>
    <t>Adur 003B</t>
  </si>
  <si>
    <t>E01031354</t>
  </si>
  <si>
    <t>Adur 003C</t>
  </si>
  <si>
    <t>E01031355</t>
  </si>
  <si>
    <t>Adur 003D</t>
  </si>
  <si>
    <t>E01031356</t>
  </si>
  <si>
    <t>Adur 005A</t>
  </si>
  <si>
    <t>E02006538</t>
  </si>
  <si>
    <t>Adur 005</t>
  </si>
  <si>
    <t>E01031357</t>
  </si>
  <si>
    <t>Adur 005B</t>
  </si>
  <si>
    <t>E01031358</t>
  </si>
  <si>
    <t>Adur 007A</t>
  </si>
  <si>
    <t>E02006540</t>
  </si>
  <si>
    <t>Adur 007</t>
  </si>
  <si>
    <t>E01031359</t>
  </si>
  <si>
    <t>Adur 003E</t>
  </si>
  <si>
    <t>E01031360</t>
  </si>
  <si>
    <t>Adur 007B</t>
  </si>
  <si>
    <t>E01031361</t>
  </si>
  <si>
    <t>Adur 006C</t>
  </si>
  <si>
    <t>E01031362</t>
  </si>
  <si>
    <t>Adur 006D</t>
  </si>
  <si>
    <t>E01031363</t>
  </si>
  <si>
    <t>Adur 006E</t>
  </si>
  <si>
    <t>E01031364</t>
  </si>
  <si>
    <t>Adur 005C</t>
  </si>
  <si>
    <t>E01031365</t>
  </si>
  <si>
    <t>Adur 002D</t>
  </si>
  <si>
    <t>E01031366</t>
  </si>
  <si>
    <t>Adur 004C</t>
  </si>
  <si>
    <t>E01031367</t>
  </si>
  <si>
    <t>Adur 002E</t>
  </si>
  <si>
    <t>E01031368</t>
  </si>
  <si>
    <t>Adur 005D</t>
  </si>
  <si>
    <t>E01031369</t>
  </si>
  <si>
    <t>Adur 005E</t>
  </si>
  <si>
    <t>E01031370</t>
  </si>
  <si>
    <t>Adur 001E</t>
  </si>
  <si>
    <t>E01031371</t>
  </si>
  <si>
    <t>Adur 004D</t>
  </si>
  <si>
    <t>E01031372</t>
  </si>
  <si>
    <t>Adur 004E</t>
  </si>
  <si>
    <t>E01031373</t>
  </si>
  <si>
    <t>Adur 004F</t>
  </si>
  <si>
    <t>E01031374</t>
  </si>
  <si>
    <t>Adur 001F</t>
  </si>
  <si>
    <t>E01031375</t>
  </si>
  <si>
    <t>Adur 004G</t>
  </si>
  <si>
    <t>E01031376</t>
  </si>
  <si>
    <t>Adur 007C</t>
  </si>
  <si>
    <t>E01031377</t>
  </si>
  <si>
    <t>Adur 008D</t>
  </si>
  <si>
    <t>E01031378</t>
  </si>
  <si>
    <t>Adur 007D</t>
  </si>
  <si>
    <t>E01031379</t>
  </si>
  <si>
    <t>Adur 008E</t>
  </si>
  <si>
    <t>E01031386</t>
  </si>
  <si>
    <t>Arun 002A</t>
  </si>
  <si>
    <t>E02006543</t>
  </si>
  <si>
    <t>Arun 002</t>
  </si>
  <si>
    <t>E07000224</t>
  </si>
  <si>
    <t>Arun</t>
  </si>
  <si>
    <t>E01031387</t>
  </si>
  <si>
    <t>Arun 002B</t>
  </si>
  <si>
    <t>E01031389</t>
  </si>
  <si>
    <t>Arun 005B</t>
  </si>
  <si>
    <t>E02006546</t>
  </si>
  <si>
    <t>Arun 005</t>
  </si>
  <si>
    <t>E01031392</t>
  </si>
  <si>
    <t>Arun 001C</t>
  </si>
  <si>
    <t>E02006542</t>
  </si>
  <si>
    <t>Arun 001</t>
  </si>
  <si>
    <t>E01031398</t>
  </si>
  <si>
    <t>Arun 009A</t>
  </si>
  <si>
    <t>E02006550</t>
  </si>
  <si>
    <t>Arun 009</t>
  </si>
  <si>
    <t>E01031399</t>
  </si>
  <si>
    <t>Arun 009B</t>
  </si>
  <si>
    <t>E01031400</t>
  </si>
  <si>
    <t>Arun 011A</t>
  </si>
  <si>
    <t>E02006552</t>
  </si>
  <si>
    <t>Arun 011</t>
  </si>
  <si>
    <t>E01031407</t>
  </si>
  <si>
    <t>Arun 007A</t>
  </si>
  <si>
    <t>E02006548</t>
  </si>
  <si>
    <t>Arun 007</t>
  </si>
  <si>
    <t>E01031408</t>
  </si>
  <si>
    <t>Arun 007B</t>
  </si>
  <si>
    <t>E01031409</t>
  </si>
  <si>
    <t>Arun 009C</t>
  </si>
  <si>
    <t>E01031410</t>
  </si>
  <si>
    <t>Arun 007C</t>
  </si>
  <si>
    <t>E01031411</t>
  </si>
  <si>
    <t>Arun 010A</t>
  </si>
  <si>
    <t>E02006551</t>
  </si>
  <si>
    <t>Arun 010</t>
  </si>
  <si>
    <t>E01031412</t>
  </si>
  <si>
    <t>Arun 008A</t>
  </si>
  <si>
    <t>E02006549</t>
  </si>
  <si>
    <t>Arun 008</t>
  </si>
  <si>
    <t>E01031413</t>
  </si>
  <si>
    <t>Arun 010B</t>
  </si>
  <si>
    <t>E01031414</t>
  </si>
  <si>
    <t>Arun 005C</t>
  </si>
  <si>
    <t>E01031415</t>
  </si>
  <si>
    <t>Arun 005D</t>
  </si>
  <si>
    <t>E01031422</t>
  </si>
  <si>
    <t>Arun 008B</t>
  </si>
  <si>
    <t>E01031423</t>
  </si>
  <si>
    <t>Arun 008C</t>
  </si>
  <si>
    <t>E01031424</t>
  </si>
  <si>
    <t>Arun 008D</t>
  </si>
  <si>
    <t>E01031425</t>
  </si>
  <si>
    <t>Arun 002C</t>
  </si>
  <si>
    <t>E01031426</t>
  </si>
  <si>
    <t>Arun 002D</t>
  </si>
  <si>
    <t>E01031427</t>
  </si>
  <si>
    <t>Arun 004A</t>
  </si>
  <si>
    <t>E02006545</t>
  </si>
  <si>
    <t>Arun 004</t>
  </si>
  <si>
    <t>E01031428</t>
  </si>
  <si>
    <t>Arun 011B</t>
  </si>
  <si>
    <t>E01031429</t>
  </si>
  <si>
    <t>Arun 004B</t>
  </si>
  <si>
    <t>E01031430</t>
  </si>
  <si>
    <t>Arun 004C</t>
  </si>
  <si>
    <t>E01031454</t>
  </si>
  <si>
    <t>Arun 011C</t>
  </si>
  <si>
    <t>E01031455</t>
  </si>
  <si>
    <t>Arun 009D</t>
  </si>
  <si>
    <t>E01031456</t>
  </si>
  <si>
    <t>Arun 011D</t>
  </si>
  <si>
    <t>E01031457</t>
  </si>
  <si>
    <t>Arun 010C</t>
  </si>
  <si>
    <t>E01031458</t>
  </si>
  <si>
    <t>Arun 010D</t>
  </si>
  <si>
    <t>E01031459</t>
  </si>
  <si>
    <t>Arun 005E</t>
  </si>
  <si>
    <t>E01031460</t>
  </si>
  <si>
    <t>Arun 010E</t>
  </si>
  <si>
    <t>E01031461</t>
  </si>
  <si>
    <t>Arun 009E</t>
  </si>
  <si>
    <t>E01031462</t>
  </si>
  <si>
    <t>Arun 007D</t>
  </si>
  <si>
    <t>E01031463</t>
  </si>
  <si>
    <t>Arun 007E</t>
  </si>
  <si>
    <t>E01031464</t>
  </si>
  <si>
    <t>Arun 007F</t>
  </si>
  <si>
    <t>E01031469</t>
  </si>
  <si>
    <t>Arun 009F</t>
  </si>
  <si>
    <t>E01031479</t>
  </si>
  <si>
    <t>Chichester 005B</t>
  </si>
  <si>
    <t>E02006565</t>
  </si>
  <si>
    <t>Chichester 005</t>
  </si>
  <si>
    <t>E07000225</t>
  </si>
  <si>
    <t>Chichester</t>
  </si>
  <si>
    <t>E01031516</t>
  </si>
  <si>
    <t>Chichester 005F</t>
  </si>
  <si>
    <t>E01031546</t>
  </si>
  <si>
    <t>Crawley 012A</t>
  </si>
  <si>
    <t>E02006586</t>
  </si>
  <si>
    <t>Crawley 012</t>
  </si>
  <si>
    <t>E07000226</t>
  </si>
  <si>
    <t>Crawley</t>
  </si>
  <si>
    <t>E01031547</t>
  </si>
  <si>
    <t>Crawley 010A</t>
  </si>
  <si>
    <t>E02006584</t>
  </si>
  <si>
    <t>Crawley 010</t>
  </si>
  <si>
    <t>E01031548</t>
  </si>
  <si>
    <t>Crawley 010B</t>
  </si>
  <si>
    <t>E01031549</t>
  </si>
  <si>
    <t>Crawley 010C</t>
  </si>
  <si>
    <t>E01031550</t>
  </si>
  <si>
    <t>Crawley 010D</t>
  </si>
  <si>
    <t>E01031551</t>
  </si>
  <si>
    <t>Crawley 012B</t>
  </si>
  <si>
    <t>E01031552</t>
  </si>
  <si>
    <t>Crawley 013A</t>
  </si>
  <si>
    <t>E02006587</t>
  </si>
  <si>
    <t>Crawley 013</t>
  </si>
  <si>
    <t>E01031553</t>
  </si>
  <si>
    <t>Crawley 012C</t>
  </si>
  <si>
    <t>E01031554</t>
  </si>
  <si>
    <t>Crawley 012D</t>
  </si>
  <si>
    <t>E01031555</t>
  </si>
  <si>
    <t>Crawley 012E</t>
  </si>
  <si>
    <t>E01031556</t>
  </si>
  <si>
    <t>Crawley 013B</t>
  </si>
  <si>
    <t>E01031557</t>
  </si>
  <si>
    <t>Crawley 013C</t>
  </si>
  <si>
    <t>E01031558</t>
  </si>
  <si>
    <t>Crawley 013D</t>
  </si>
  <si>
    <t>E01031559</t>
  </si>
  <si>
    <t>Crawley 013E</t>
  </si>
  <si>
    <t>E01031560</t>
  </si>
  <si>
    <t>Crawley 009A</t>
  </si>
  <si>
    <t>E02006583</t>
  </si>
  <si>
    <t>Crawley 009</t>
  </si>
  <si>
    <t>E01031561</t>
  </si>
  <si>
    <t>Crawley 009B</t>
  </si>
  <si>
    <t>E01031562</t>
  </si>
  <si>
    <t>Crawley 009C</t>
  </si>
  <si>
    <t>E01031563</t>
  </si>
  <si>
    <t>Crawley 009D</t>
  </si>
  <si>
    <t>E01031564</t>
  </si>
  <si>
    <t>Crawley 006A</t>
  </si>
  <si>
    <t>E02006580</t>
  </si>
  <si>
    <t>Crawley 006</t>
  </si>
  <si>
    <t>E01031565</t>
  </si>
  <si>
    <t>Crawley 006B</t>
  </si>
  <si>
    <t>E01031566</t>
  </si>
  <si>
    <t>Crawley 006C</t>
  </si>
  <si>
    <t>E01031567</t>
  </si>
  <si>
    <t>Crawley 006D</t>
  </si>
  <si>
    <t>E01031568</t>
  </si>
  <si>
    <t>Crawley 006E</t>
  </si>
  <si>
    <t>E01031569</t>
  </si>
  <si>
    <t>Crawley 010E</t>
  </si>
  <si>
    <t>E01031570</t>
  </si>
  <si>
    <t>Crawley 003A</t>
  </si>
  <si>
    <t>E02006577</t>
  </si>
  <si>
    <t>Crawley 003</t>
  </si>
  <si>
    <t>E01031571</t>
  </si>
  <si>
    <t>Crawley 003B</t>
  </si>
  <si>
    <t>E01031572</t>
  </si>
  <si>
    <t>Crawley 003C</t>
  </si>
  <si>
    <t>E01031573</t>
  </si>
  <si>
    <t>Crawley 001A</t>
  </si>
  <si>
    <t>E02006575</t>
  </si>
  <si>
    <t>Crawley 001</t>
  </si>
  <si>
    <t>E01031574</t>
  </si>
  <si>
    <t>Crawley 001B</t>
  </si>
  <si>
    <t>E01031575</t>
  </si>
  <si>
    <t>Crawley 001C</t>
  </si>
  <si>
    <t>E01031576</t>
  </si>
  <si>
    <t>Crawley 001D</t>
  </si>
  <si>
    <t>E01031577</t>
  </si>
  <si>
    <t>Crawley 001E</t>
  </si>
  <si>
    <t>E01031578</t>
  </si>
  <si>
    <t>Crawley 008A</t>
  </si>
  <si>
    <t>E02006582</t>
  </si>
  <si>
    <t>Crawley 008</t>
  </si>
  <si>
    <t>E01031579</t>
  </si>
  <si>
    <t>Crawley 009E</t>
  </si>
  <si>
    <t>E01031580</t>
  </si>
  <si>
    <t>Crawley 008B</t>
  </si>
  <si>
    <t>E01031581</t>
  </si>
  <si>
    <t>Crawley 008C</t>
  </si>
  <si>
    <t>E01031582</t>
  </si>
  <si>
    <t>Crawley 009F</t>
  </si>
  <si>
    <t>E01031583</t>
  </si>
  <si>
    <t>Crawley 004A</t>
  </si>
  <si>
    <t>E02006578</t>
  </si>
  <si>
    <t>Crawley 004</t>
  </si>
  <si>
    <t>E01031584</t>
  </si>
  <si>
    <t>Crawley 004B</t>
  </si>
  <si>
    <t>E01031585</t>
  </si>
  <si>
    <t>Crawley 004C</t>
  </si>
  <si>
    <t>E01031586</t>
  </si>
  <si>
    <t>Crawley 002A</t>
  </si>
  <si>
    <t>E02006576</t>
  </si>
  <si>
    <t>Crawley 002</t>
  </si>
  <si>
    <t>E01031588</t>
  </si>
  <si>
    <t>Crawley 002C</t>
  </si>
  <si>
    <t>E01031589</t>
  </si>
  <si>
    <t>Crawley 005A</t>
  </si>
  <si>
    <t>E02006579</t>
  </si>
  <si>
    <t>Crawley 005</t>
  </si>
  <si>
    <t>E01031590</t>
  </si>
  <si>
    <t>Crawley 002D</t>
  </si>
  <si>
    <t>E01031591</t>
  </si>
  <si>
    <t>Crawley 005B</t>
  </si>
  <si>
    <t>E01031592</t>
  </si>
  <si>
    <t>Crawley 008D</t>
  </si>
  <si>
    <t>E01031593</t>
  </si>
  <si>
    <t>Crawley 002E</t>
  </si>
  <si>
    <t>E01031594</t>
  </si>
  <si>
    <t>Crawley 005C</t>
  </si>
  <si>
    <t>E01031595</t>
  </si>
  <si>
    <t>Crawley 011A</t>
  </si>
  <si>
    <t>E02006585</t>
  </si>
  <si>
    <t>Crawley 011</t>
  </si>
  <si>
    <t>E01031596</t>
  </si>
  <si>
    <t>Crawley 007A</t>
  </si>
  <si>
    <t>E02006581</t>
  </si>
  <si>
    <t>Crawley 007</t>
  </si>
  <si>
    <t>E01031597</t>
  </si>
  <si>
    <t>Crawley 007B</t>
  </si>
  <si>
    <t>E01031598</t>
  </si>
  <si>
    <t>Crawley 007C</t>
  </si>
  <si>
    <t>E01031599</t>
  </si>
  <si>
    <t>Crawley 007D</t>
  </si>
  <si>
    <t>E01031600</t>
  </si>
  <si>
    <t>Crawley 005D</t>
  </si>
  <si>
    <t>E01031601</t>
  </si>
  <si>
    <t>Crawley 004D</t>
  </si>
  <si>
    <t>E01031603</t>
  </si>
  <si>
    <t>Crawley 005E</t>
  </si>
  <si>
    <t>E01031604</t>
  </si>
  <si>
    <t>Crawley 011B</t>
  </si>
  <si>
    <t>E01031605</t>
  </si>
  <si>
    <t>Crawley 011C</t>
  </si>
  <si>
    <t>E01031606</t>
  </si>
  <si>
    <t>Crawley 011D</t>
  </si>
  <si>
    <t>E01031607</t>
  </si>
  <si>
    <t>Crawley 011E</t>
  </si>
  <si>
    <t>E01031608</t>
  </si>
  <si>
    <t>Crawley 007E</t>
  </si>
  <si>
    <t>E01031609</t>
  </si>
  <si>
    <t>Crawley 003D</t>
  </si>
  <si>
    <t>E01031610</t>
  </si>
  <si>
    <t>Crawley 003E</t>
  </si>
  <si>
    <t>E01031611</t>
  </si>
  <si>
    <t>Horsham 010A</t>
  </si>
  <si>
    <t>E02006597</t>
  </si>
  <si>
    <t>Horsham 010</t>
  </si>
  <si>
    <t>E07000227</t>
  </si>
  <si>
    <t>Horsham</t>
  </si>
  <si>
    <t>E01031616</t>
  </si>
  <si>
    <t>Horsham 016A</t>
  </si>
  <si>
    <t>E02006603</t>
  </si>
  <si>
    <t>Horsham 016</t>
  </si>
  <si>
    <t>E01031617</t>
  </si>
  <si>
    <t>Horsham 016B</t>
  </si>
  <si>
    <t>E01031618</t>
  </si>
  <si>
    <t>Horsham 014A</t>
  </si>
  <si>
    <t>E02006601</t>
  </si>
  <si>
    <t>Horsham 014</t>
  </si>
  <si>
    <t>E01031620</t>
  </si>
  <si>
    <t>Horsham 003A</t>
  </si>
  <si>
    <t>E02006590</t>
  </si>
  <si>
    <t>Horsham 003</t>
  </si>
  <si>
    <t>E01031621</t>
  </si>
  <si>
    <t>Horsham 012A</t>
  </si>
  <si>
    <t>E02006599</t>
  </si>
  <si>
    <t>Horsham 012</t>
  </si>
  <si>
    <t>E01031622</t>
  </si>
  <si>
    <t>Horsham 015A</t>
  </si>
  <si>
    <t>E02006602</t>
  </si>
  <si>
    <t>Horsham 015</t>
  </si>
  <si>
    <t>E01031623</t>
  </si>
  <si>
    <t>Horsham 012B</t>
  </si>
  <si>
    <t>E01031624</t>
  </si>
  <si>
    <t>Horsham 015B</t>
  </si>
  <si>
    <t>E01031625</t>
  </si>
  <si>
    <t>Horsham 015C</t>
  </si>
  <si>
    <t>E01031626</t>
  </si>
  <si>
    <t>Horsham 013A</t>
  </si>
  <si>
    <t>E02006600</t>
  </si>
  <si>
    <t>Horsham 013</t>
  </si>
  <si>
    <t>E01031627</t>
  </si>
  <si>
    <t>Horsham 012C</t>
  </si>
  <si>
    <t>E01031628</t>
  </si>
  <si>
    <t>Horsham 015D</t>
  </si>
  <si>
    <t>E01031629</t>
  </si>
  <si>
    <t>Horsham 015E</t>
  </si>
  <si>
    <t>E01031630</t>
  </si>
  <si>
    <t>Horsham 013B</t>
  </si>
  <si>
    <t>E01031631</t>
  </si>
  <si>
    <t>Horsham 013C</t>
  </si>
  <si>
    <t>E01031632</t>
  </si>
  <si>
    <t>Horsham 011A</t>
  </si>
  <si>
    <t>E02006598</t>
  </si>
  <si>
    <t>Horsham 011</t>
  </si>
  <si>
    <t>E01031633</t>
  </si>
  <si>
    <t>Horsham 011B</t>
  </si>
  <si>
    <t>E01031634</t>
  </si>
  <si>
    <t>Horsham 011C</t>
  </si>
  <si>
    <t>E01031635</t>
  </si>
  <si>
    <t>Horsham 011D</t>
  </si>
  <si>
    <t>E01031638</t>
  </si>
  <si>
    <t>Horsham 007C</t>
  </si>
  <si>
    <t>E02006594</t>
  </si>
  <si>
    <t>Horsham 007</t>
  </si>
  <si>
    <t>E01031639</t>
  </si>
  <si>
    <t>Horsham 008A</t>
  </si>
  <si>
    <t>E02006595</t>
  </si>
  <si>
    <t>Horsham 008</t>
  </si>
  <si>
    <t>E01031640</t>
  </si>
  <si>
    <t>Horsham 008B</t>
  </si>
  <si>
    <t>E01031641</t>
  </si>
  <si>
    <t>Horsham 014B</t>
  </si>
  <si>
    <t>E01031642</t>
  </si>
  <si>
    <t>Horsham 014C</t>
  </si>
  <si>
    <t>E01031643</t>
  </si>
  <si>
    <t>Horsham 014D</t>
  </si>
  <si>
    <t>E01031644</t>
  </si>
  <si>
    <t>Horsham 002A</t>
  </si>
  <si>
    <t>E02006589</t>
  </si>
  <si>
    <t>Horsham 002</t>
  </si>
  <si>
    <t>E01031645</t>
  </si>
  <si>
    <t>Horsham 002B</t>
  </si>
  <si>
    <t>E01031646</t>
  </si>
  <si>
    <t>Horsham 002C</t>
  </si>
  <si>
    <t>E01031647</t>
  </si>
  <si>
    <t>Horsham 002D</t>
  </si>
  <si>
    <t>E01031648</t>
  </si>
  <si>
    <t>Horsham 003B</t>
  </si>
  <si>
    <t>E01031649</t>
  </si>
  <si>
    <t>Horsham 002E</t>
  </si>
  <si>
    <t>E01031650</t>
  </si>
  <si>
    <t>Horsham 002F</t>
  </si>
  <si>
    <t>E01031651</t>
  </si>
  <si>
    <t>Horsham 003C</t>
  </si>
  <si>
    <t>E01031652</t>
  </si>
  <si>
    <t>Horsham 006B</t>
  </si>
  <si>
    <t>E02006593</t>
  </si>
  <si>
    <t>Horsham 006</t>
  </si>
  <si>
    <t>E01031653</t>
  </si>
  <si>
    <t>Horsham 006C</t>
  </si>
  <si>
    <t>E01031654</t>
  </si>
  <si>
    <t>Horsham 004A</t>
  </si>
  <si>
    <t>E02006591</t>
  </si>
  <si>
    <t>Horsham 004</t>
  </si>
  <si>
    <t>E01031655</t>
  </si>
  <si>
    <t>Horsham 004B</t>
  </si>
  <si>
    <t>E01031656</t>
  </si>
  <si>
    <t>Horsham 006D</t>
  </si>
  <si>
    <t>E01031657</t>
  </si>
  <si>
    <t>Horsham 005A</t>
  </si>
  <si>
    <t>E02006592</t>
  </si>
  <si>
    <t>Horsham 005</t>
  </si>
  <si>
    <t>E01031658</t>
  </si>
  <si>
    <t>Horsham 003D</t>
  </si>
  <si>
    <t>E01031659</t>
  </si>
  <si>
    <t>Horsham 005B</t>
  </si>
  <si>
    <t>E01031660</t>
  </si>
  <si>
    <t>Horsham 008C</t>
  </si>
  <si>
    <t>E01031661</t>
  </si>
  <si>
    <t>Horsham 008D</t>
  </si>
  <si>
    <t>E01031662</t>
  </si>
  <si>
    <t>Horsham 013D</t>
  </si>
  <si>
    <t>E01031663</t>
  </si>
  <si>
    <t>Horsham 013E</t>
  </si>
  <si>
    <t>E01031664</t>
  </si>
  <si>
    <t>Horsham 012D</t>
  </si>
  <si>
    <t>E01031665</t>
  </si>
  <si>
    <t>Horsham 013F</t>
  </si>
  <si>
    <t>E01031666</t>
  </si>
  <si>
    <t>Horsham 002G</t>
  </si>
  <si>
    <t>E01031667</t>
  </si>
  <si>
    <t>Horsham 004C</t>
  </si>
  <si>
    <t>E01031668</t>
  </si>
  <si>
    <t>Horsham 002H</t>
  </si>
  <si>
    <t>E01031669</t>
  </si>
  <si>
    <t>Horsham 004D</t>
  </si>
  <si>
    <t>E01031670</t>
  </si>
  <si>
    <t>Horsham 001A</t>
  </si>
  <si>
    <t>E02006588</t>
  </si>
  <si>
    <t>Horsham 001</t>
  </si>
  <si>
    <t>E01031671</t>
  </si>
  <si>
    <t>Horsham 001B</t>
  </si>
  <si>
    <t>E01031672</t>
  </si>
  <si>
    <t>Horsham 004E</t>
  </si>
  <si>
    <t>E01031673</t>
  </si>
  <si>
    <t>Horsham 001C</t>
  </si>
  <si>
    <t>E01031674</t>
  </si>
  <si>
    <t>Horsham 005C</t>
  </si>
  <si>
    <t>E01031675</t>
  </si>
  <si>
    <t>Horsham 005D</t>
  </si>
  <si>
    <t>E01031677</t>
  </si>
  <si>
    <t>Horsham 009A</t>
  </si>
  <si>
    <t>E02006596</t>
  </si>
  <si>
    <t>Horsham 009</t>
  </si>
  <si>
    <t>E01031678</t>
  </si>
  <si>
    <t>Horsham 009B</t>
  </si>
  <si>
    <t>E01031679</t>
  </si>
  <si>
    <t>Horsham 008E</t>
  </si>
  <si>
    <t>E01031680</t>
  </si>
  <si>
    <t>Horsham 009C</t>
  </si>
  <si>
    <t>E01031681</t>
  </si>
  <si>
    <t>Horsham 009D</t>
  </si>
  <si>
    <t>E01031682</t>
  </si>
  <si>
    <t>Horsham 009E</t>
  </si>
  <si>
    <t>E01031683</t>
  </si>
  <si>
    <t>Horsham 009F</t>
  </si>
  <si>
    <t>E01031684</t>
  </si>
  <si>
    <t>Horsham 016C</t>
  </si>
  <si>
    <t>E01031685</t>
  </si>
  <si>
    <t>Horsham 016D</t>
  </si>
  <si>
    <t>E01031686</t>
  </si>
  <si>
    <t>Horsham 016E</t>
  </si>
  <si>
    <t>E01031687</t>
  </si>
  <si>
    <t>Horsham 014E</t>
  </si>
  <si>
    <t>E01031688</t>
  </si>
  <si>
    <t>Horsham 006E</t>
  </si>
  <si>
    <t>E01031689</t>
  </si>
  <si>
    <t>Horsham 003E</t>
  </si>
  <si>
    <t>E01031690</t>
  </si>
  <si>
    <t>Horsham 007D</t>
  </si>
  <si>
    <t>E01031691</t>
  </si>
  <si>
    <t>Horsham 006F</t>
  </si>
  <si>
    <t>E01031693</t>
  </si>
  <si>
    <t>Mid Sussex 007B</t>
  </si>
  <si>
    <t>E02006610</t>
  </si>
  <si>
    <t>Mid Sussex 007</t>
  </si>
  <si>
    <t>E07000228</t>
  </si>
  <si>
    <t>Mid Sussex</t>
  </si>
  <si>
    <t>E01031694</t>
  </si>
  <si>
    <t>Mid Sussex 006A</t>
  </si>
  <si>
    <t>E02006609</t>
  </si>
  <si>
    <t>Mid Sussex 006</t>
  </si>
  <si>
    <t>E01031695</t>
  </si>
  <si>
    <t>Mid Sussex 003A</t>
  </si>
  <si>
    <t>E02006606</t>
  </si>
  <si>
    <t>Mid Sussex 003</t>
  </si>
  <si>
    <t>E01031696</t>
  </si>
  <si>
    <t>Mid Sussex 003B</t>
  </si>
  <si>
    <t>E01031697</t>
  </si>
  <si>
    <t>Mid Sussex 007C</t>
  </si>
  <si>
    <t>E01031698</t>
  </si>
  <si>
    <t>Mid Sussex 016A</t>
  </si>
  <si>
    <t>E02006619</t>
  </si>
  <si>
    <t>Mid Sussex 016</t>
  </si>
  <si>
    <t>E01031699</t>
  </si>
  <si>
    <t>Mid Sussex 012A</t>
  </si>
  <si>
    <t>E02006615</t>
  </si>
  <si>
    <t>Mid Sussex 012</t>
  </si>
  <si>
    <t>E01031700</t>
  </si>
  <si>
    <t>Mid Sussex 012B</t>
  </si>
  <si>
    <t>E01031701</t>
  </si>
  <si>
    <t>Mid Sussex 012C</t>
  </si>
  <si>
    <t>E01031702</t>
  </si>
  <si>
    <t>Mid Sussex 015A</t>
  </si>
  <si>
    <t>E02006618</t>
  </si>
  <si>
    <t>Mid Sussex 015</t>
  </si>
  <si>
    <t>E01031703</t>
  </si>
  <si>
    <t>Mid Sussex 015B</t>
  </si>
  <si>
    <t>E01031704</t>
  </si>
  <si>
    <t>Mid Sussex 013A</t>
  </si>
  <si>
    <t>E02006616</t>
  </si>
  <si>
    <t>Mid Sussex 013</t>
  </si>
  <si>
    <t>E01031705</t>
  </si>
  <si>
    <t>Mid Sussex 014A</t>
  </si>
  <si>
    <t>E02006617</t>
  </si>
  <si>
    <t>Mid Sussex 014</t>
  </si>
  <si>
    <t>E01031706</t>
  </si>
  <si>
    <t>Mid Sussex 013B</t>
  </si>
  <si>
    <t>E01031707</t>
  </si>
  <si>
    <t>Mid Sussex 014B</t>
  </si>
  <si>
    <t>E01031708</t>
  </si>
  <si>
    <t>Mid Sussex 014C</t>
  </si>
  <si>
    <t>E01031709</t>
  </si>
  <si>
    <t>Mid Sussex 014D</t>
  </si>
  <si>
    <t>E01031710</t>
  </si>
  <si>
    <t>Mid Sussex 015C</t>
  </si>
  <si>
    <t>E01031712</t>
  </si>
  <si>
    <t>Mid Sussex 013D</t>
  </si>
  <si>
    <t>E01031713</t>
  </si>
  <si>
    <t>Mid Sussex 013E</t>
  </si>
  <si>
    <t>E01031714</t>
  </si>
  <si>
    <t>Mid Sussex 012D</t>
  </si>
  <si>
    <t>E01031715</t>
  </si>
  <si>
    <t>Mid Sussex 015D</t>
  </si>
  <si>
    <t>E01031716</t>
  </si>
  <si>
    <t>Mid Sussex 014E</t>
  </si>
  <si>
    <t>E01031717</t>
  </si>
  <si>
    <t>Mid Sussex 014F</t>
  </si>
  <si>
    <t>E01031718</t>
  </si>
  <si>
    <t>Mid Sussex 002A</t>
  </si>
  <si>
    <t>E02006605</t>
  </si>
  <si>
    <t>Mid Sussex 002</t>
  </si>
  <si>
    <t>E01031719</t>
  </si>
  <si>
    <t>Mid Sussex 002B</t>
  </si>
  <si>
    <t>E01031720</t>
  </si>
  <si>
    <t>Mid Sussex 002C</t>
  </si>
  <si>
    <t>E01031721</t>
  </si>
  <si>
    <t>Mid Sussex 005A</t>
  </si>
  <si>
    <t>E02006608</t>
  </si>
  <si>
    <t>Mid Sussex 005</t>
  </si>
  <si>
    <t>E01031722</t>
  </si>
  <si>
    <t>Mid Sussex 002D</t>
  </si>
  <si>
    <t>E01031723</t>
  </si>
  <si>
    <t>Mid Sussex 005B</t>
  </si>
  <si>
    <t>E01031724</t>
  </si>
  <si>
    <t>Mid Sussex 005C</t>
  </si>
  <si>
    <t>E01031725</t>
  </si>
  <si>
    <t>Mid Sussex 005D</t>
  </si>
  <si>
    <t>E01031726</t>
  </si>
  <si>
    <t>Mid Sussex 011A</t>
  </si>
  <si>
    <t>E02006614</t>
  </si>
  <si>
    <t>Mid Sussex 011</t>
  </si>
  <si>
    <t>E01031727</t>
  </si>
  <si>
    <t>Mid Sussex 007D</t>
  </si>
  <si>
    <t>E01031729</t>
  </si>
  <si>
    <t>Mid Sussex 003C</t>
  </si>
  <si>
    <t>E01031730</t>
  </si>
  <si>
    <t>Mid Sussex 003D</t>
  </si>
  <si>
    <t>E01031731</t>
  </si>
  <si>
    <t>Mid Sussex 001A</t>
  </si>
  <si>
    <t>E02006604</t>
  </si>
  <si>
    <t>Mid Sussex 001</t>
  </si>
  <si>
    <t>E01031732</t>
  </si>
  <si>
    <t>Mid Sussex 001B</t>
  </si>
  <si>
    <t>E01031733</t>
  </si>
  <si>
    <t>Mid Sussex 001C</t>
  </si>
  <si>
    <t>E01031734</t>
  </si>
  <si>
    <t>Mid Sussex 001D</t>
  </si>
  <si>
    <t>E01031735</t>
  </si>
  <si>
    <t>Mid Sussex 003E</t>
  </si>
  <si>
    <t>E01031736</t>
  </si>
  <si>
    <t>Mid Sussex 004A</t>
  </si>
  <si>
    <t>E02006607</t>
  </si>
  <si>
    <t>Mid Sussex 004</t>
  </si>
  <si>
    <t>E01031737</t>
  </si>
  <si>
    <t>Mid Sussex 004B</t>
  </si>
  <si>
    <t>E01031738</t>
  </si>
  <si>
    <t>Mid Sussex 004C</t>
  </si>
  <si>
    <t>E01031739</t>
  </si>
  <si>
    <t>Mid Sussex 004D</t>
  </si>
  <si>
    <t>E01031740</t>
  </si>
  <si>
    <t>Mid Sussex 004E</t>
  </si>
  <si>
    <t>E01031741</t>
  </si>
  <si>
    <t>Mid Sussex 001E</t>
  </si>
  <si>
    <t>E01031743</t>
  </si>
  <si>
    <t>Mid Sussex 001G</t>
  </si>
  <si>
    <t>E01031744</t>
  </si>
  <si>
    <t>Mid Sussex 017A</t>
  </si>
  <si>
    <t>E02006620</t>
  </si>
  <si>
    <t>Mid Sussex 017</t>
  </si>
  <si>
    <t>E01031745</t>
  </si>
  <si>
    <t>Mid Sussex 017B</t>
  </si>
  <si>
    <t>E01031746</t>
  </si>
  <si>
    <t>Mid Sussex 017C</t>
  </si>
  <si>
    <t>E01031747</t>
  </si>
  <si>
    <t>Mid Sussex 017D</t>
  </si>
  <si>
    <t>E01031748</t>
  </si>
  <si>
    <t>Mid Sussex 017E</t>
  </si>
  <si>
    <t>E01031749</t>
  </si>
  <si>
    <t>Mid Sussex 011C</t>
  </si>
  <si>
    <t>E01031750</t>
  </si>
  <si>
    <t>Mid Sussex 011D</t>
  </si>
  <si>
    <t>E01031751</t>
  </si>
  <si>
    <t>Mid Sussex 009A</t>
  </si>
  <si>
    <t>E02006612</t>
  </si>
  <si>
    <t>Mid Sussex 009</t>
  </si>
  <si>
    <t>E01031752</t>
  </si>
  <si>
    <t>Mid Sussex 010A</t>
  </si>
  <si>
    <t>E02006613</t>
  </si>
  <si>
    <t>Mid Sussex 010</t>
  </si>
  <si>
    <t>E01031753</t>
  </si>
  <si>
    <t>Mid Sussex 010B</t>
  </si>
  <si>
    <t>E01031754</t>
  </si>
  <si>
    <t>Mid Sussex 010C</t>
  </si>
  <si>
    <t>E01031755</t>
  </si>
  <si>
    <t>Mid Sussex 010D</t>
  </si>
  <si>
    <t>E01031757</t>
  </si>
  <si>
    <t>Mid Sussex 010E</t>
  </si>
  <si>
    <t>E01031758</t>
  </si>
  <si>
    <t>Mid Sussex 008A</t>
  </si>
  <si>
    <t>E02006611</t>
  </si>
  <si>
    <t>Mid Sussex 008</t>
  </si>
  <si>
    <t>E01031759</t>
  </si>
  <si>
    <t>Mid Sussex 009B</t>
  </si>
  <si>
    <t>E01031760</t>
  </si>
  <si>
    <t>Mid Sussex 008B</t>
  </si>
  <si>
    <t>E01031763</t>
  </si>
  <si>
    <t>Mid Sussex 011F</t>
  </si>
  <si>
    <t>E01031764</t>
  </si>
  <si>
    <t>Mid Sussex 006B</t>
  </si>
  <si>
    <t>E01031765</t>
  </si>
  <si>
    <t>Mid Sussex 006C</t>
  </si>
  <si>
    <t>E01031766</t>
  </si>
  <si>
    <t>Mid Sussex 006D</t>
  </si>
  <si>
    <t>E01031767</t>
  </si>
  <si>
    <t>Mid Sussex 016B</t>
  </si>
  <si>
    <t>E01031768</t>
  </si>
  <si>
    <t>Mid Sussex 017F</t>
  </si>
  <si>
    <t>E01031769</t>
  </si>
  <si>
    <t>Mid Sussex 016C</t>
  </si>
  <si>
    <t>E01031770</t>
  </si>
  <si>
    <t>Mid Sussex 016D</t>
  </si>
  <si>
    <t>E01031771</t>
  </si>
  <si>
    <t>Mid Sussex 016E</t>
  </si>
  <si>
    <t>E01031772</t>
  </si>
  <si>
    <t>Mid Sussex 008C</t>
  </si>
  <si>
    <t>E01031773</t>
  </si>
  <si>
    <t>Mid Sussex 008D</t>
  </si>
  <si>
    <t>E01031774</t>
  </si>
  <si>
    <t>Mid Sussex 008E</t>
  </si>
  <si>
    <t>E01031775</t>
  </si>
  <si>
    <t>Mid Sussex 008F</t>
  </si>
  <si>
    <t>E01031776</t>
  </si>
  <si>
    <t>Worthing 005A</t>
  </si>
  <si>
    <t>E02006625</t>
  </si>
  <si>
    <t>Worthing 005</t>
  </si>
  <si>
    <t>E07000229</t>
  </si>
  <si>
    <t>Worthing</t>
  </si>
  <si>
    <t>E01031777</t>
  </si>
  <si>
    <t>Worthing 005B</t>
  </si>
  <si>
    <t>E01031778</t>
  </si>
  <si>
    <t>Worthing 004A</t>
  </si>
  <si>
    <t>E02006624</t>
  </si>
  <si>
    <t>Worthing 004</t>
  </si>
  <si>
    <t>E01031779</t>
  </si>
  <si>
    <t>Worthing 009A</t>
  </si>
  <si>
    <t>E02006629</t>
  </si>
  <si>
    <t>Worthing 009</t>
  </si>
  <si>
    <t>E01031780</t>
  </si>
  <si>
    <t>Worthing 005C</t>
  </si>
  <si>
    <t>E01031781</t>
  </si>
  <si>
    <t>Worthing 005D</t>
  </si>
  <si>
    <t>E01031782</t>
  </si>
  <si>
    <t>Worthing 007A</t>
  </si>
  <si>
    <t>E02006627</t>
  </si>
  <si>
    <t>Worthing 007</t>
  </si>
  <si>
    <t>E01031783</t>
  </si>
  <si>
    <t>Worthing 006A</t>
  </si>
  <si>
    <t>E02006626</t>
  </si>
  <si>
    <t>Worthing 006</t>
  </si>
  <si>
    <t>E01031785</t>
  </si>
  <si>
    <t>Worthing 006B</t>
  </si>
  <si>
    <t>E01031786</t>
  </si>
  <si>
    <t>Worthing 006C</t>
  </si>
  <si>
    <t>E01031787</t>
  </si>
  <si>
    <t>Worthing 011A</t>
  </si>
  <si>
    <t>E02006631</t>
  </si>
  <si>
    <t>Worthing 011</t>
  </si>
  <si>
    <t>E01031788</t>
  </si>
  <si>
    <t>Worthing 011B</t>
  </si>
  <si>
    <t>E01031790</t>
  </si>
  <si>
    <t>Worthing 010A</t>
  </si>
  <si>
    <t>E02006630</t>
  </si>
  <si>
    <t>Worthing 010</t>
  </si>
  <si>
    <t>E01031791</t>
  </si>
  <si>
    <t>Worthing 008A</t>
  </si>
  <si>
    <t>E02006628</t>
  </si>
  <si>
    <t>Worthing 008</t>
  </si>
  <si>
    <t>E01031792</t>
  </si>
  <si>
    <t>Worthing 003A</t>
  </si>
  <si>
    <t>E02006623</t>
  </si>
  <si>
    <t>Worthing 003</t>
  </si>
  <si>
    <t>E01031793</t>
  </si>
  <si>
    <t>Worthing 001A</t>
  </si>
  <si>
    <t>E02006621</t>
  </si>
  <si>
    <t>Worthing 001</t>
  </si>
  <si>
    <t>E01031794</t>
  </si>
  <si>
    <t>Worthing 003B</t>
  </si>
  <si>
    <t>E01031795</t>
  </si>
  <si>
    <t>Worthing 003C</t>
  </si>
  <si>
    <t>E01031796</t>
  </si>
  <si>
    <t>Worthing 008B</t>
  </si>
  <si>
    <t>E01031797</t>
  </si>
  <si>
    <t>Worthing 004B</t>
  </si>
  <si>
    <t>E01031798</t>
  </si>
  <si>
    <t>Worthing 005E</t>
  </si>
  <si>
    <t>E01031799</t>
  </si>
  <si>
    <t>Worthing 008C</t>
  </si>
  <si>
    <t>E01031800</t>
  </si>
  <si>
    <t>Worthing 004C</t>
  </si>
  <si>
    <t>E01031801</t>
  </si>
  <si>
    <t>Worthing 008D</t>
  </si>
  <si>
    <t>E01031802</t>
  </si>
  <si>
    <t>Worthing 013A</t>
  </si>
  <si>
    <t>E02006633</t>
  </si>
  <si>
    <t>Worthing 013</t>
  </si>
  <si>
    <t>E01031803</t>
  </si>
  <si>
    <t>Worthing 013B</t>
  </si>
  <si>
    <t>E01031804</t>
  </si>
  <si>
    <t>Worthing 013C</t>
  </si>
  <si>
    <t>E01031805</t>
  </si>
  <si>
    <t>Worthing 013D</t>
  </si>
  <si>
    <t>E01031806</t>
  </si>
  <si>
    <t>Worthing 013E</t>
  </si>
  <si>
    <t>E01031807</t>
  </si>
  <si>
    <t>Worthing 010B</t>
  </si>
  <si>
    <t>E01031808</t>
  </si>
  <si>
    <t>Worthing 011D</t>
  </si>
  <si>
    <t>E01031809</t>
  </si>
  <si>
    <t>Worthing 010C</t>
  </si>
  <si>
    <t>E01031810</t>
  </si>
  <si>
    <t>Worthing 010D</t>
  </si>
  <si>
    <t>E01031811</t>
  </si>
  <si>
    <t>Worthing 010E</t>
  </si>
  <si>
    <t>E01031812</t>
  </si>
  <si>
    <t>Worthing 012A</t>
  </si>
  <si>
    <t>E02006632</t>
  </si>
  <si>
    <t>Worthing 012</t>
  </si>
  <si>
    <t>E01031813</t>
  </si>
  <si>
    <t>Worthing 012B</t>
  </si>
  <si>
    <t>E01031814</t>
  </si>
  <si>
    <t>Worthing 012C</t>
  </si>
  <si>
    <t>E01031815</t>
  </si>
  <si>
    <t>Worthing 012D</t>
  </si>
  <si>
    <t>E01031816</t>
  </si>
  <si>
    <t>Worthing 012E</t>
  </si>
  <si>
    <t>E01031817</t>
  </si>
  <si>
    <t>Worthing 006D</t>
  </si>
  <si>
    <t>E01031818</t>
  </si>
  <si>
    <t>Worthing 003D</t>
  </si>
  <si>
    <t>E01031820</t>
  </si>
  <si>
    <t>Worthing 001B</t>
  </si>
  <si>
    <t>E01031821</t>
  </si>
  <si>
    <t>Worthing 001C</t>
  </si>
  <si>
    <t>E01031822</t>
  </si>
  <si>
    <t>Worthing 002A</t>
  </si>
  <si>
    <t>E02006622</t>
  </si>
  <si>
    <t>Worthing 002</t>
  </si>
  <si>
    <t>E01031823</t>
  </si>
  <si>
    <t>Worthing 004D</t>
  </si>
  <si>
    <t>E01031824</t>
  </si>
  <si>
    <t>Worthing 004E</t>
  </si>
  <si>
    <t>E01031825</t>
  </si>
  <si>
    <t>Worthing 002B</t>
  </si>
  <si>
    <t>E01031826</t>
  </si>
  <si>
    <t>Worthing 002C</t>
  </si>
  <si>
    <t>E01031827</t>
  </si>
  <si>
    <t>Worthing 002D</t>
  </si>
  <si>
    <t>E01031828</t>
  </si>
  <si>
    <t>Worthing 001D</t>
  </si>
  <si>
    <t>E01031829</t>
  </si>
  <si>
    <t>Worthing 001E</t>
  </si>
  <si>
    <t>E01031830</t>
  </si>
  <si>
    <t>Worthing 003E</t>
  </si>
  <si>
    <t>E01031831</t>
  </si>
  <si>
    <t>Worthing 009B</t>
  </si>
  <si>
    <t>E01031832</t>
  </si>
  <si>
    <t>Worthing 009C</t>
  </si>
  <si>
    <t>E01031833</t>
  </si>
  <si>
    <t>Worthing 009D</t>
  </si>
  <si>
    <t>E01031834</t>
  </si>
  <si>
    <t>Worthing 009E</t>
  </si>
  <si>
    <t>E01031835</t>
  </si>
  <si>
    <t>Worthing 011E</t>
  </si>
  <si>
    <t>E01031836</t>
  </si>
  <si>
    <t>Worthing 007C</t>
  </si>
  <si>
    <t>E01031837</t>
  </si>
  <si>
    <t>Worthing 008E</t>
  </si>
  <si>
    <t>E01031838</t>
  </si>
  <si>
    <t>Worthing 007D</t>
  </si>
  <si>
    <t>E01031839</t>
  </si>
  <si>
    <t>Worthing 002E</t>
  </si>
  <si>
    <t>E01031840</t>
  </si>
  <si>
    <t>Worthing 007E</t>
  </si>
  <si>
    <t>E01032512</t>
  </si>
  <si>
    <t>Westminster 010F</t>
  </si>
  <si>
    <t>E01032513</t>
  </si>
  <si>
    <t>Westminster 010G</t>
  </si>
  <si>
    <t>E01032523</t>
  </si>
  <si>
    <t>West Suffolk 003B</t>
  </si>
  <si>
    <t>E01032524</t>
  </si>
  <si>
    <t>West Suffolk 003C</t>
  </si>
  <si>
    <t>E01032526</t>
  </si>
  <si>
    <t>West Suffolk 003D</t>
  </si>
  <si>
    <t>E01032562</t>
  </si>
  <si>
    <t>Bromley 040D</t>
  </si>
  <si>
    <t>E01032563</t>
  </si>
  <si>
    <t>Bromley 040E</t>
  </si>
  <si>
    <t>E01032564</t>
  </si>
  <si>
    <t>Lewisham 037E</t>
  </si>
  <si>
    <t>E01032565</t>
  </si>
  <si>
    <t>Lewisham 038E</t>
  </si>
  <si>
    <t>E01032566</t>
  </si>
  <si>
    <t>Bexley 029D</t>
  </si>
  <si>
    <t>E01032567</t>
  </si>
  <si>
    <t>Greenwich 033D</t>
  </si>
  <si>
    <t>E01032568</t>
  </si>
  <si>
    <t>Bromley 041E</t>
  </si>
  <si>
    <t>E01032569</t>
  </si>
  <si>
    <t>Croydon 045E</t>
  </si>
  <si>
    <t>E01032570</t>
  </si>
  <si>
    <t>Bromley 042D</t>
  </si>
  <si>
    <t>E01032571</t>
  </si>
  <si>
    <t>Tandridge 012D</t>
  </si>
  <si>
    <t>E01032572</t>
  </si>
  <si>
    <t>Ealing 040D</t>
  </si>
  <si>
    <t>E02006791</t>
  </si>
  <si>
    <t>Ealing 040</t>
  </si>
  <si>
    <t>E01032574</t>
  </si>
  <si>
    <t>Enfield 037E</t>
  </si>
  <si>
    <t>E01032575</t>
  </si>
  <si>
    <t>Haringey 037D</t>
  </si>
  <si>
    <t>E01032576</t>
  </si>
  <si>
    <t>Harrow 032E</t>
  </si>
  <si>
    <t>E01032577</t>
  </si>
  <si>
    <t>Hillingdon 033E</t>
  </si>
  <si>
    <t>E01032579</t>
  </si>
  <si>
    <t>Lewisham 039E</t>
  </si>
  <si>
    <t>E01032580</t>
  </si>
  <si>
    <t>Barking and Dagenham 023F</t>
  </si>
  <si>
    <t>E01032581</t>
  </si>
  <si>
    <t>Redbridge 034G</t>
  </si>
  <si>
    <t>E01032582</t>
  </si>
  <si>
    <t>Lambeth 036E</t>
  </si>
  <si>
    <t>E01032583</t>
  </si>
  <si>
    <t>Southwark 034D</t>
  </si>
  <si>
    <t>E01032584</t>
  </si>
  <si>
    <t>Southwark 034E</t>
  </si>
  <si>
    <t>E01032609</t>
  </si>
  <si>
    <t>Buckinghamshire 039F</t>
  </si>
  <si>
    <t>E01032610</t>
  </si>
  <si>
    <t>Buckinghamshire 036F</t>
  </si>
  <si>
    <t>E02006824</t>
  </si>
  <si>
    <t>Buckinghamshire 036</t>
  </si>
  <si>
    <t>E01032611</t>
  </si>
  <si>
    <t>East Cambridgeshire 011D</t>
  </si>
  <si>
    <t>E01032612</t>
  </si>
  <si>
    <t>West Suffolk 015F</t>
  </si>
  <si>
    <t>E01032619</t>
  </si>
  <si>
    <t>Sevenoaks 016D</t>
  </si>
  <si>
    <t>E01032620</t>
  </si>
  <si>
    <t>Tonbridge and Malling 014E</t>
  </si>
  <si>
    <t>E01032623</t>
  </si>
  <si>
    <t>Sutton 025E</t>
  </si>
  <si>
    <t>E01032624</t>
  </si>
  <si>
    <t>Epsom and Ewell 010F</t>
  </si>
  <si>
    <t>E01032637</t>
  </si>
  <si>
    <t>Southwark 035E</t>
  </si>
  <si>
    <t>E02006941</t>
  </si>
  <si>
    <t>Southwark 035</t>
  </si>
  <si>
    <t>E01032638</t>
  </si>
  <si>
    <t>Southwark 035D</t>
  </si>
  <si>
    <t>E01032639</t>
  </si>
  <si>
    <t>Southwark 014F</t>
  </si>
  <si>
    <t>E01032640</t>
  </si>
  <si>
    <t>Southwark 035B</t>
  </si>
  <si>
    <t>E01032646</t>
  </si>
  <si>
    <t>Southwark 036B</t>
  </si>
  <si>
    <t>E01032653</t>
  </si>
  <si>
    <t>Swale 004F</t>
  </si>
  <si>
    <t>E01032655</t>
  </si>
  <si>
    <t>Swale 007G</t>
  </si>
  <si>
    <t>E01032656</t>
  </si>
  <si>
    <t>Swale 007H</t>
  </si>
  <si>
    <t>E01032719</t>
  </si>
  <si>
    <t>Southwark 014G</t>
  </si>
  <si>
    <t>E01032735</t>
  </si>
  <si>
    <t>Swale 013F</t>
  </si>
  <si>
    <t>E01032737</t>
  </si>
  <si>
    <t>Swale 013G</t>
  </si>
  <si>
    <t>E01032739</t>
  </si>
  <si>
    <t>City of London 001F</t>
  </si>
  <si>
    <t>E01032740</t>
  </si>
  <si>
    <t>City of London 001G</t>
  </si>
  <si>
    <t>E01032741</t>
  </si>
  <si>
    <t>Havering 013E</t>
  </si>
  <si>
    <t>E01032742</t>
  </si>
  <si>
    <t>Havering 013F</t>
  </si>
  <si>
    <t>E01032764</t>
  </si>
  <si>
    <t>Tower Hamlets 004E</t>
  </si>
  <si>
    <t>E01032765</t>
  </si>
  <si>
    <t>Tower Hamlets 004F</t>
  </si>
  <si>
    <t>E01032767</t>
  </si>
  <si>
    <t>Tower Hamlets 021F</t>
  </si>
  <si>
    <t>E01032768</t>
  </si>
  <si>
    <t>Tower Hamlets 025E</t>
  </si>
  <si>
    <t>E01032769</t>
  </si>
  <si>
    <t>Tower Hamlets 025F</t>
  </si>
  <si>
    <t>E01032770</t>
  </si>
  <si>
    <t>Tower Hamlets 032B</t>
  </si>
  <si>
    <t>E01032771</t>
  </si>
  <si>
    <t>Tower Hamlets 033B</t>
  </si>
  <si>
    <t>E01032772</t>
  </si>
  <si>
    <t>Tower Hamlets 032C</t>
  </si>
  <si>
    <t>E01032774</t>
  </si>
  <si>
    <t>Tower Hamlets 032E</t>
  </si>
  <si>
    <t>E01032775</t>
  </si>
  <si>
    <t>Tower Hamlets 031F</t>
  </si>
  <si>
    <t>E01032776</t>
  </si>
  <si>
    <t>Tower Hamlets 034D</t>
  </si>
  <si>
    <t>E02007112</t>
  </si>
  <si>
    <t>Tower Hamlets 034</t>
  </si>
  <si>
    <t>E01032777</t>
  </si>
  <si>
    <t>Tower Hamlets 035A</t>
  </si>
  <si>
    <t>E01032779</t>
  </si>
  <si>
    <t>Tower Hamlets 035C</t>
  </si>
  <si>
    <t>E01032780</t>
  </si>
  <si>
    <t>Tower Hamlets 035D</t>
  </si>
  <si>
    <t>E01032781</t>
  </si>
  <si>
    <t>Tower Hamlets 033C</t>
  </si>
  <si>
    <t>E01032782</t>
  </si>
  <si>
    <t>Tower Hamlets 033D</t>
  </si>
  <si>
    <t>E01032783</t>
  </si>
  <si>
    <t>Tower Hamlets 031G</t>
  </si>
  <si>
    <t>E01032784</t>
  </si>
  <si>
    <t>Tower Hamlets 004G</t>
  </si>
  <si>
    <t>E01032785</t>
  </si>
  <si>
    <t>Tower Hamlets 010E</t>
  </si>
  <si>
    <t>E01032786</t>
  </si>
  <si>
    <t>Tower Hamlets 010F</t>
  </si>
  <si>
    <t>E01032787</t>
  </si>
  <si>
    <t>Tower Hamlets 011F</t>
  </si>
  <si>
    <t>E01032788</t>
  </si>
  <si>
    <t>Hammersmith and Fulham 023D</t>
  </si>
  <si>
    <t>E01032789</t>
  </si>
  <si>
    <t>Hammersmith and Fulham 023E</t>
  </si>
  <si>
    <t>E01032790</t>
  </si>
  <si>
    <t>Hammersmith and Fulham 023F</t>
  </si>
  <si>
    <t>E01032792</t>
  </si>
  <si>
    <t>Cambridge 003F</t>
  </si>
  <si>
    <t>E01032794</t>
  </si>
  <si>
    <t>Cambridge 014D</t>
  </si>
  <si>
    <t>E01032799</t>
  </si>
  <si>
    <t>Gravesham 002F</t>
  </si>
  <si>
    <t>E01032800</t>
  </si>
  <si>
    <t>Gravesham 002G</t>
  </si>
  <si>
    <t>E01032802</t>
  </si>
  <si>
    <t>Cambridge 003G</t>
  </si>
  <si>
    <t>E01032803</t>
  </si>
  <si>
    <t>Southwark 036C</t>
  </si>
  <si>
    <t>E01032807</t>
  </si>
  <si>
    <t>Canterbury 020F</t>
  </si>
  <si>
    <t>E01032808</t>
  </si>
  <si>
    <t>Canterbury 020G</t>
  </si>
  <si>
    <t>E01032810</t>
  </si>
  <si>
    <t>Ashford 001F</t>
  </si>
  <si>
    <t>E01032811</t>
  </si>
  <si>
    <t>Ashford 003D</t>
  </si>
  <si>
    <t>E01032812</t>
  </si>
  <si>
    <t>Ashford 001G</t>
  </si>
  <si>
    <t>E01032813</t>
  </si>
  <si>
    <t>Ashford 012E</t>
  </si>
  <si>
    <t>E01032814</t>
  </si>
  <si>
    <t>Ashford 012F</t>
  </si>
  <si>
    <t>E01032815</t>
  </si>
  <si>
    <t>Ashford 009F</t>
  </si>
  <si>
    <t>E01032816</t>
  </si>
  <si>
    <t>Ashford 008E</t>
  </si>
  <si>
    <t>E01032817</t>
  </si>
  <si>
    <t>Ashford 009G</t>
  </si>
  <si>
    <t>E01032818</t>
  </si>
  <si>
    <t>Ashford 009H</t>
  </si>
  <si>
    <t>E01032819</t>
  </si>
  <si>
    <t>Ashford 009I</t>
  </si>
  <si>
    <t>E01032820</t>
  </si>
  <si>
    <t>Ashford 016B</t>
  </si>
  <si>
    <t>E01032821</t>
  </si>
  <si>
    <t>Ashford 016A</t>
  </si>
  <si>
    <t>E01032822</t>
  </si>
  <si>
    <t>Ashford 003E</t>
  </si>
  <si>
    <t>E01032823</t>
  </si>
  <si>
    <t>Ashford 008F</t>
  </si>
  <si>
    <t>E01032824</t>
  </si>
  <si>
    <t>Ashford 009J</t>
  </si>
  <si>
    <t>E01032825</t>
  </si>
  <si>
    <t>Tonbridge and Malling 007E</t>
  </si>
  <si>
    <t>E01032826</t>
  </si>
  <si>
    <t>Tonbridge and Malling 007F</t>
  </si>
  <si>
    <t>E01032827</t>
  </si>
  <si>
    <t>Tonbridge and Malling 007G</t>
  </si>
  <si>
    <t>E01032828</t>
  </si>
  <si>
    <t>Tonbridge and Malling 007H</t>
  </si>
  <si>
    <t>E01032829</t>
  </si>
  <si>
    <t>Tonbridge and Malling 014F</t>
  </si>
  <si>
    <t>E01032830</t>
  </si>
  <si>
    <t>Tonbridge and Malling 002G</t>
  </si>
  <si>
    <t>E01032831</t>
  </si>
  <si>
    <t>Eastbourne 014B</t>
  </si>
  <si>
    <t>E01032832</t>
  </si>
  <si>
    <t>Eastbourne 014C</t>
  </si>
  <si>
    <t>E01032833</t>
  </si>
  <si>
    <t>Eastbourne 014D</t>
  </si>
  <si>
    <t>E01032834</t>
  </si>
  <si>
    <t>Southwark 035C</t>
  </si>
  <si>
    <t>E01032835</t>
  </si>
  <si>
    <t>Crawley 004F</t>
  </si>
  <si>
    <t>E01032836</t>
  </si>
  <si>
    <t>Crawley 004G</t>
  </si>
  <si>
    <t>E01032837</t>
  </si>
  <si>
    <t>Mid Sussex 009E</t>
  </si>
  <si>
    <t>E01032838</t>
  </si>
  <si>
    <t>Mid Sussex 009F</t>
  </si>
  <si>
    <t>E01032839</t>
  </si>
  <si>
    <t>Mid Sussex 009G</t>
  </si>
  <si>
    <t>E01032955</t>
  </si>
  <si>
    <t>Buckinghamshire 015D</t>
  </si>
  <si>
    <t>E01032956</t>
  </si>
  <si>
    <t>Buckinghamshire 016D</t>
  </si>
  <si>
    <t>E01032957</t>
  </si>
  <si>
    <t>Buckinghamshire 016E</t>
  </si>
  <si>
    <t>E01032958</t>
  </si>
  <si>
    <t>Buckinghamshire 009E</t>
  </si>
  <si>
    <t>E01032961</t>
  </si>
  <si>
    <t>Buckinghamshire 015E</t>
  </si>
  <si>
    <t>E01032962</t>
  </si>
  <si>
    <t>Buckinghamshire 016F</t>
  </si>
  <si>
    <t>E01033022</t>
  </si>
  <si>
    <t>Dacorum 018G</t>
  </si>
  <si>
    <t>E01033023</t>
  </si>
  <si>
    <t>Dacorum 018H</t>
  </si>
  <si>
    <t>E01033024</t>
  </si>
  <si>
    <t>North Hertfordshire 017E</t>
  </si>
  <si>
    <t>E01033025</t>
  </si>
  <si>
    <t>North Hertfordshire 017D</t>
  </si>
  <si>
    <t>E01033026</t>
  </si>
  <si>
    <t>North Hertfordshire 017A</t>
  </si>
  <si>
    <t>E01033027</t>
  </si>
  <si>
    <t>North Hertfordshire 017C</t>
  </si>
  <si>
    <t>E01033028</t>
  </si>
  <si>
    <t>St Albans 018F</t>
  </si>
  <si>
    <t>E01033029</t>
  </si>
  <si>
    <t>St Albans 018G</t>
  </si>
  <si>
    <t>E01033036</t>
  </si>
  <si>
    <t>King's Lynn and West Norfolk 017E</t>
  </si>
  <si>
    <t>E02005567</t>
  </si>
  <si>
    <t>King's Lynn and West Norfolk 017</t>
  </si>
  <si>
    <t>E01033037</t>
  </si>
  <si>
    <t>King's Lynn and West Norfolk 017F</t>
  </si>
  <si>
    <t>E01033038</t>
  </si>
  <si>
    <t>King's Lynn and West Norfolk 017G</t>
  </si>
  <si>
    <t>E01033039</t>
  </si>
  <si>
    <t>King's Lynn and West Norfolk 017H</t>
  </si>
  <si>
    <t>E01033040</t>
  </si>
  <si>
    <t>Breckland 010F</t>
  </si>
  <si>
    <t>E01033041</t>
  </si>
  <si>
    <t>Breckland 010G</t>
  </si>
  <si>
    <t>E01033042</t>
  </si>
  <si>
    <t>Breckland 001F</t>
  </si>
  <si>
    <t>E01033043</t>
  </si>
  <si>
    <t>West Suffolk 011D</t>
  </si>
  <si>
    <t>E01033044</t>
  </si>
  <si>
    <t>West Suffolk 012D</t>
  </si>
  <si>
    <t>E01033045</t>
  </si>
  <si>
    <t>West Suffolk 012E</t>
  </si>
  <si>
    <t>E01033046</t>
  </si>
  <si>
    <t>West Suffolk 011E</t>
  </si>
  <si>
    <t>E01033047</t>
  </si>
  <si>
    <t>West Suffolk 011F</t>
  </si>
  <si>
    <t>E01033048</t>
  </si>
  <si>
    <t>West Suffolk 013E</t>
  </si>
  <si>
    <t>E01033049</t>
  </si>
  <si>
    <t>West Suffolk 013F</t>
  </si>
  <si>
    <t>E01033050</t>
  </si>
  <si>
    <t>West Suffolk 012F</t>
  </si>
  <si>
    <t>E01033051</t>
  </si>
  <si>
    <t>Tendring 002F</t>
  </si>
  <si>
    <t>E01033052</t>
  </si>
  <si>
    <t>Uttlesford 008F</t>
  </si>
  <si>
    <t>E01033053</t>
  </si>
  <si>
    <t>Uttlesford 008G</t>
  </si>
  <si>
    <t>E01033054</t>
  </si>
  <si>
    <t>Uttlesford 007D</t>
  </si>
  <si>
    <t>E01033055</t>
  </si>
  <si>
    <t>Uttlesford 007E</t>
  </si>
  <si>
    <t>E01033056</t>
  </si>
  <si>
    <t>Uttlesford 007F</t>
  </si>
  <si>
    <t>E01033063</t>
  </si>
  <si>
    <t>Brentwood 007F</t>
  </si>
  <si>
    <t>E01033064</t>
  </si>
  <si>
    <t>Brentwood 007G</t>
  </si>
  <si>
    <t>E01033086</t>
  </si>
  <si>
    <t>Haringey 020F</t>
  </si>
  <si>
    <t>E01033087</t>
  </si>
  <si>
    <t>Maidstone 006F</t>
  </si>
  <si>
    <t>E01033088</t>
  </si>
  <si>
    <t>Maidstone 008F</t>
  </si>
  <si>
    <t>E01033089</t>
  </si>
  <si>
    <t>Maidstone 008G</t>
  </si>
  <si>
    <t>E01033091</t>
  </si>
  <si>
    <t>Maidstone 006G</t>
  </si>
  <si>
    <t>E01033092</t>
  </si>
  <si>
    <t>Maidstone 004G</t>
  </si>
  <si>
    <t>E01033098</t>
  </si>
  <si>
    <t>Wandsworth 038C</t>
  </si>
  <si>
    <t>E02007083</t>
  </si>
  <si>
    <t>Wandsworth 038</t>
  </si>
  <si>
    <t>E01033099</t>
  </si>
  <si>
    <t>Wandsworth 004E</t>
  </si>
  <si>
    <t>E01033100</t>
  </si>
  <si>
    <t>Wandsworth 039B</t>
  </si>
  <si>
    <t>E01033111</t>
  </si>
  <si>
    <t>Fenland 003H</t>
  </si>
  <si>
    <t>E01033112</t>
  </si>
  <si>
    <t>Fenland 003I</t>
  </si>
  <si>
    <t>E01033113</t>
  </si>
  <si>
    <t>South Cambridgeshire 020A</t>
  </si>
  <si>
    <t>E02006873</t>
  </si>
  <si>
    <t>South Cambridgeshire 020</t>
  </si>
  <si>
    <t>E01033114</t>
  </si>
  <si>
    <t>South Cambridgeshire 020B</t>
  </si>
  <si>
    <t>E01033115</t>
  </si>
  <si>
    <t>South Cambridgeshire 020C</t>
  </si>
  <si>
    <t>E01033116</t>
  </si>
  <si>
    <t>South Cambridgeshire 021D</t>
  </si>
  <si>
    <t>E01033117</t>
  </si>
  <si>
    <t>South Cambridgeshire 020D</t>
  </si>
  <si>
    <t>E01033118</t>
  </si>
  <si>
    <t>South Cambridgeshire 021E</t>
  </si>
  <si>
    <t>E01033120</t>
  </si>
  <si>
    <t>South Cambridgeshire 006G</t>
  </si>
  <si>
    <t>E01033121</t>
  </si>
  <si>
    <t>South Cambridgeshire 006H</t>
  </si>
  <si>
    <t>E01033122</t>
  </si>
  <si>
    <t>Ipswich 012F</t>
  </si>
  <si>
    <t>E01033123</t>
  </si>
  <si>
    <t>Ipswich 011E</t>
  </si>
  <si>
    <t>E01033124</t>
  </si>
  <si>
    <t>Ipswich 007F</t>
  </si>
  <si>
    <t>E01033125</t>
  </si>
  <si>
    <t>Ipswich 007G</t>
  </si>
  <si>
    <t>E01033126</t>
  </si>
  <si>
    <t>Ipswich 011F</t>
  </si>
  <si>
    <t>E01033127</t>
  </si>
  <si>
    <t>Ipswich 014E</t>
  </si>
  <si>
    <t>E01033128</t>
  </si>
  <si>
    <t>Ipswich 014F</t>
  </si>
  <si>
    <t>E01033129</t>
  </si>
  <si>
    <t>Ipswich 007H</t>
  </si>
  <si>
    <t>E01033130</t>
  </si>
  <si>
    <t>Ipswich 012G</t>
  </si>
  <si>
    <t>E01033131</t>
  </si>
  <si>
    <t>Ipswich 014G</t>
  </si>
  <si>
    <t>E01033132</t>
  </si>
  <si>
    <t>Wandsworth 038D</t>
  </si>
  <si>
    <t>E01033133</t>
  </si>
  <si>
    <t>Wandsworth 004G</t>
  </si>
  <si>
    <t>E01033135</t>
  </si>
  <si>
    <t>Wandsworth 010G</t>
  </si>
  <si>
    <t>E01033137</t>
  </si>
  <si>
    <t>Chelmsford 014F</t>
  </si>
  <si>
    <t>E01033138</t>
  </si>
  <si>
    <t>Chelmsford 009F</t>
  </si>
  <si>
    <t>E01033139</t>
  </si>
  <si>
    <t>Chelmsford 009G</t>
  </si>
  <si>
    <t>E01033140</t>
  </si>
  <si>
    <t>Chelmsford 022D</t>
  </si>
  <si>
    <t>E01033142</t>
  </si>
  <si>
    <t>Chelmsford 005E</t>
  </si>
  <si>
    <t>E01033144</t>
  </si>
  <si>
    <t>Chelmsford 005F</t>
  </si>
  <si>
    <t>E01033145</t>
  </si>
  <si>
    <t>Chelmsford 014G</t>
  </si>
  <si>
    <t>E01033146</t>
  </si>
  <si>
    <t>Enfield 025F</t>
  </si>
  <si>
    <t>E01033148</t>
  </si>
  <si>
    <t>Enfield 003F</t>
  </si>
  <si>
    <t>E01033150</t>
  </si>
  <si>
    <t>Enfield 003G</t>
  </si>
  <si>
    <t>E01033151</t>
  </si>
  <si>
    <t>Enfield 025G</t>
  </si>
  <si>
    <t>E01033173</t>
  </si>
  <si>
    <t>Peterborough 016F</t>
  </si>
  <si>
    <t>E01033174</t>
  </si>
  <si>
    <t>Peterborough 022C</t>
  </si>
  <si>
    <t>E01033175</t>
  </si>
  <si>
    <t>Peterborough 023B</t>
  </si>
  <si>
    <t>E01033177</t>
  </si>
  <si>
    <t>Peterborough 023D</t>
  </si>
  <si>
    <t>E01033179</t>
  </si>
  <si>
    <t>Peterborough 022D</t>
  </si>
  <si>
    <t>E01033180</t>
  </si>
  <si>
    <t>Peterborough 023F</t>
  </si>
  <si>
    <t>E01033181</t>
  </si>
  <si>
    <t>Peterborough 022E</t>
  </si>
  <si>
    <t>E01033182</t>
  </si>
  <si>
    <t>Peterborough 016G</t>
  </si>
  <si>
    <t>E01033188</t>
  </si>
  <si>
    <t>Central Bedfordshire 014E</t>
  </si>
  <si>
    <t>E01033189</t>
  </si>
  <si>
    <t>Central Bedfordshire 014F</t>
  </si>
  <si>
    <t>E01033190</t>
  </si>
  <si>
    <t>Central Bedfordshire 014G</t>
  </si>
  <si>
    <t>E01033191</t>
  </si>
  <si>
    <t>Central Bedfordshire 024E</t>
  </si>
  <si>
    <t>E01033192</t>
  </si>
  <si>
    <t>Central Bedfordshire 024F</t>
  </si>
  <si>
    <t>E01033208</t>
  </si>
  <si>
    <t>Lambeth 004G</t>
  </si>
  <si>
    <t>E01033209</t>
  </si>
  <si>
    <t>Dover 012E</t>
  </si>
  <si>
    <t>E01033210</t>
  </si>
  <si>
    <t>Dover 010G</t>
  </si>
  <si>
    <t>E01033211</t>
  </si>
  <si>
    <t>Dover 012F</t>
  </si>
  <si>
    <t>E01033212</t>
  </si>
  <si>
    <t>Folkestone and Hythe 014C</t>
  </si>
  <si>
    <t>E01033213</t>
  </si>
  <si>
    <t>Folkestone and Hythe 002E</t>
  </si>
  <si>
    <t>E01033214</t>
  </si>
  <si>
    <t>Folkestone and Hythe 002F</t>
  </si>
  <si>
    <t>E01033215</t>
  </si>
  <si>
    <t>Folkestone and Hythe 014D</t>
  </si>
  <si>
    <t>E01033308</t>
  </si>
  <si>
    <t>Welwyn Hatfield 010E</t>
  </si>
  <si>
    <t>E01033310</t>
  </si>
  <si>
    <t>Welwyn Hatfield 002E</t>
  </si>
  <si>
    <t>E01033311</t>
  </si>
  <si>
    <t>Welwyn Hatfield 010F</t>
  </si>
  <si>
    <t>E01033313</t>
  </si>
  <si>
    <t>Welwyn Hatfield 002F</t>
  </si>
  <si>
    <t>E01033314</t>
  </si>
  <si>
    <t>Welwyn Hatfield 010G</t>
  </si>
  <si>
    <t>E01033316</t>
  </si>
  <si>
    <t>Mid Suffolk 010F</t>
  </si>
  <si>
    <t>E01033317</t>
  </si>
  <si>
    <t>Mid Suffolk 010G</t>
  </si>
  <si>
    <t>E01033319</t>
  </si>
  <si>
    <t>Mid Suffolk 010H</t>
  </si>
  <si>
    <t>E01033320</t>
  </si>
  <si>
    <t>Lewisham 017E</t>
  </si>
  <si>
    <t>E01033322</t>
  </si>
  <si>
    <t>Lewisham 017F</t>
  </si>
  <si>
    <t>E01033324</t>
  </si>
  <si>
    <t>Lewisham 008E</t>
  </si>
  <si>
    <t>E01033325</t>
  </si>
  <si>
    <t>Lewisham 008F</t>
  </si>
  <si>
    <t>E01033327</t>
  </si>
  <si>
    <t>Lewisham 041B</t>
  </si>
  <si>
    <t>E01033328</t>
  </si>
  <si>
    <t>Brighton and Hove 027F</t>
  </si>
  <si>
    <t>E01033329</t>
  </si>
  <si>
    <t>Brighton and Hove 027G</t>
  </si>
  <si>
    <t>E01033341</t>
  </si>
  <si>
    <t>Lewisham 041C</t>
  </si>
  <si>
    <t>E01033425</t>
  </si>
  <si>
    <t>East Cambridgeshire 004F</t>
  </si>
  <si>
    <t>E01033426</t>
  </si>
  <si>
    <t>East Cambridgeshire 003F</t>
  </si>
  <si>
    <t>E01033427</t>
  </si>
  <si>
    <t>East Cambridgeshire 006G</t>
  </si>
  <si>
    <t>E01033429</t>
  </si>
  <si>
    <t>East Cambridgeshire 006H</t>
  </si>
  <si>
    <t>E01033430</t>
  </si>
  <si>
    <t>East Cambridgeshire 003G</t>
  </si>
  <si>
    <t>E01033431</t>
  </si>
  <si>
    <t>Bedford 004F</t>
  </si>
  <si>
    <t>E01033434</t>
  </si>
  <si>
    <t>Norwich 011G</t>
  </si>
  <si>
    <t>E01033435</t>
  </si>
  <si>
    <t>Norwich 005G</t>
  </si>
  <si>
    <t>E01033436</t>
  </si>
  <si>
    <t>Norwich 005H</t>
  </si>
  <si>
    <t>E01033437</t>
  </si>
  <si>
    <t>Norwich 011H</t>
  </si>
  <si>
    <t>E01033438</t>
  </si>
  <si>
    <t>Norwich 014A</t>
  </si>
  <si>
    <t>E02006907</t>
  </si>
  <si>
    <t>Norwich 014</t>
  </si>
  <si>
    <t>E01033440</t>
  </si>
  <si>
    <t>Norwich 014C</t>
  </si>
  <si>
    <t>E01033441</t>
  </si>
  <si>
    <t>Norwich 014D</t>
  </si>
  <si>
    <t>E01033442</t>
  </si>
  <si>
    <t>East Suffolk 025F</t>
  </si>
  <si>
    <t>E01033443</t>
  </si>
  <si>
    <t>East Suffolk 023B</t>
  </si>
  <si>
    <t>E01033444</t>
  </si>
  <si>
    <t>East Suffolk 025G</t>
  </si>
  <si>
    <t>E01033445</t>
  </si>
  <si>
    <t>East Suffolk 023C</t>
  </si>
  <si>
    <t>E01033446</t>
  </si>
  <si>
    <t>East Suffolk 023D</t>
  </si>
  <si>
    <t>E01033447</t>
  </si>
  <si>
    <t>East Suffolk 025H</t>
  </si>
  <si>
    <t>E01033448</t>
  </si>
  <si>
    <t>East Suffolk 023E</t>
  </si>
  <si>
    <t>E01033449</t>
  </si>
  <si>
    <t>East Suffolk 023F</t>
  </si>
  <si>
    <t>E01033450</t>
  </si>
  <si>
    <t>East Suffolk 028E</t>
  </si>
  <si>
    <t>E01033452</t>
  </si>
  <si>
    <t>West Suffolk 007C</t>
  </si>
  <si>
    <t>E01033454</t>
  </si>
  <si>
    <t>West Suffolk 007D</t>
  </si>
  <si>
    <t>E01033455</t>
  </si>
  <si>
    <t>Brent 031G</t>
  </si>
  <si>
    <t>E01033456</t>
  </si>
  <si>
    <t>Brent 027F</t>
  </si>
  <si>
    <t>E01033457</t>
  </si>
  <si>
    <t>Brent 035A</t>
  </si>
  <si>
    <t>E02006955</t>
  </si>
  <si>
    <t>Brent 035</t>
  </si>
  <si>
    <t>E01033458</t>
  </si>
  <si>
    <t>Braintree 009E</t>
  </si>
  <si>
    <t>E01033459</t>
  </si>
  <si>
    <t>Braintree 009F</t>
  </si>
  <si>
    <t>E01033460</t>
  </si>
  <si>
    <t>Braintree 017F</t>
  </si>
  <si>
    <t>E01033461</t>
  </si>
  <si>
    <t>Braintree 017G</t>
  </si>
  <si>
    <t>E01033462</t>
  </si>
  <si>
    <t>Braintree 017H</t>
  </si>
  <si>
    <t>E01033463</t>
  </si>
  <si>
    <t>Brent 003G</t>
  </si>
  <si>
    <t>E01033485</t>
  </si>
  <si>
    <t>Brent 031H</t>
  </si>
  <si>
    <t>E01033486</t>
  </si>
  <si>
    <t>Islington 011E</t>
  </si>
  <si>
    <t>E01033487</t>
  </si>
  <si>
    <t>Islington 011F</t>
  </si>
  <si>
    <t>E01033488</t>
  </si>
  <si>
    <t>Islington 011G</t>
  </si>
  <si>
    <t>E01033489</t>
  </si>
  <si>
    <t>Islington 022G</t>
  </si>
  <si>
    <t>E01033490</t>
  </si>
  <si>
    <t>Islington 022H</t>
  </si>
  <si>
    <t>E01033491</t>
  </si>
  <si>
    <t>Islington 011H</t>
  </si>
  <si>
    <t>E01033493</t>
  </si>
  <si>
    <t>Islington 006F</t>
  </si>
  <si>
    <t>E01033494</t>
  </si>
  <si>
    <t>Islington 006G</t>
  </si>
  <si>
    <t>E01033539</t>
  </si>
  <si>
    <t>South Norfolk 015G</t>
  </si>
  <si>
    <t>E01033540</t>
  </si>
  <si>
    <t>South Norfolk 016E</t>
  </si>
  <si>
    <t>E01033541</t>
  </si>
  <si>
    <t>South Norfolk 015H</t>
  </si>
  <si>
    <t>E01033569</t>
  </si>
  <si>
    <t>Kingston upon Thames 004G</t>
  </si>
  <si>
    <t>E01033570</t>
  </si>
  <si>
    <t>Richmond upon Thames 004G</t>
  </si>
  <si>
    <t>E01033571</t>
  </si>
  <si>
    <t>Richmond upon Thames 004H</t>
  </si>
  <si>
    <t>E01033579</t>
  </si>
  <si>
    <t>Newham 040C</t>
  </si>
  <si>
    <t>E02006997</t>
  </si>
  <si>
    <t>Newham 040</t>
  </si>
  <si>
    <t>E01033580</t>
  </si>
  <si>
    <t>Newham 042A</t>
  </si>
  <si>
    <t>E02006999</t>
  </si>
  <si>
    <t>Newham 042</t>
  </si>
  <si>
    <t>E01033581</t>
  </si>
  <si>
    <t>Newham 041A</t>
  </si>
  <si>
    <t>E01033582</t>
  </si>
  <si>
    <t>Newham 041B</t>
  </si>
  <si>
    <t>E01033584</t>
  </si>
  <si>
    <t>Newham 034I</t>
  </si>
  <si>
    <t>E01033586</t>
  </si>
  <si>
    <t>Newham 040D</t>
  </si>
  <si>
    <t>E01033587</t>
  </si>
  <si>
    <t>Barking and Dagenham 021E</t>
  </si>
  <si>
    <t>E01033589</t>
  </si>
  <si>
    <t>Redbridge 039B</t>
  </si>
  <si>
    <t>E01033590</t>
  </si>
  <si>
    <t>Redbridge 037C</t>
  </si>
  <si>
    <t>E01033591</t>
  </si>
  <si>
    <t>Redbridge 039A</t>
  </si>
  <si>
    <t>E01033592</t>
  </si>
  <si>
    <t>Redbridge 037D</t>
  </si>
  <si>
    <t>E01033593</t>
  </si>
  <si>
    <t>Westminster 015F</t>
  </si>
  <si>
    <t>E01033594</t>
  </si>
  <si>
    <t>Westminster 015G</t>
  </si>
  <si>
    <t>E01033597</t>
  </si>
  <si>
    <t>Westminster 023F</t>
  </si>
  <si>
    <t>E01033598</t>
  </si>
  <si>
    <t>Westminster 009F</t>
  </si>
  <si>
    <t>E01033599</t>
  </si>
  <si>
    <t>Westminster 023G</t>
  </si>
  <si>
    <t>E01033601</t>
  </si>
  <si>
    <t>Westminster 009G</t>
  </si>
  <si>
    <t>E01033602</t>
  </si>
  <si>
    <t>Westminster 009H</t>
  </si>
  <si>
    <t>E01033603</t>
  </si>
  <si>
    <t>Westminster 009I</t>
  </si>
  <si>
    <t>E01033604</t>
  </si>
  <si>
    <t>Westminster 009J</t>
  </si>
  <si>
    <t>E01033605</t>
  </si>
  <si>
    <t>Westminster 009K</t>
  </si>
  <si>
    <t>E01033609</t>
  </si>
  <si>
    <t>East Hertfordshire 010E</t>
  </si>
  <si>
    <t>E01033610</t>
  </si>
  <si>
    <t>Thurrock 019B</t>
  </si>
  <si>
    <t>E01033611</t>
  </si>
  <si>
    <t>Thurrock 019C</t>
  </si>
  <si>
    <t>E01033612</t>
  </si>
  <si>
    <t>Thurrock 020D</t>
  </si>
  <si>
    <t>E01033613</t>
  </si>
  <si>
    <t>Thurrock 019D</t>
  </si>
  <si>
    <t>E01033614</t>
  </si>
  <si>
    <t>Thurrock 020E</t>
  </si>
  <si>
    <t>E01033699</t>
  </si>
  <si>
    <t>Hackney 030A</t>
  </si>
  <si>
    <t>E01033700</t>
  </si>
  <si>
    <t>Hackney 030B</t>
  </si>
  <si>
    <t>E01033702</t>
  </si>
  <si>
    <t>Hackney 028C</t>
  </si>
  <si>
    <t>E01033703</t>
  </si>
  <si>
    <t>Hackney 010F</t>
  </si>
  <si>
    <t>E01033704</t>
  </si>
  <si>
    <t>Hackney 023F</t>
  </si>
  <si>
    <t>E01033705</t>
  </si>
  <si>
    <t>Hackney 028D</t>
  </si>
  <si>
    <t>E01033706</t>
  </si>
  <si>
    <t>Hackney 033B</t>
  </si>
  <si>
    <t>E01033708</t>
  </si>
  <si>
    <t>Hackney 033C</t>
  </si>
  <si>
    <t>E01033709</t>
  </si>
  <si>
    <t>Hackney 032B</t>
  </si>
  <si>
    <t>E01033710</t>
  </si>
  <si>
    <t>Hackney 028E</t>
  </si>
  <si>
    <t>E01033711</t>
  </si>
  <si>
    <t>Hackney 032C</t>
  </si>
  <si>
    <t>E01033712</t>
  </si>
  <si>
    <t>Hackney 023G</t>
  </si>
  <si>
    <t>E01033713</t>
  </si>
  <si>
    <t>Hackney 010G</t>
  </si>
  <si>
    <t>E01033719</t>
  </si>
  <si>
    <t>Colchester 008G</t>
  </si>
  <si>
    <t>E01033720</t>
  </si>
  <si>
    <t>Colchester 002F</t>
  </si>
  <si>
    <t>E01033721</t>
  </si>
  <si>
    <t>Colchester 002G</t>
  </si>
  <si>
    <t>E01033722</t>
  </si>
  <si>
    <t>Colchester 008H</t>
  </si>
  <si>
    <t>E01033727</t>
  </si>
  <si>
    <t>Greenwich 035B</t>
  </si>
  <si>
    <t>E02006928</t>
  </si>
  <si>
    <t>Greenwich 035</t>
  </si>
  <si>
    <t>E01033728</t>
  </si>
  <si>
    <t>Greenwich 035C</t>
  </si>
  <si>
    <t>E01033729</t>
  </si>
  <si>
    <t>Greenwich 030E</t>
  </si>
  <si>
    <t>E01033732</t>
  </si>
  <si>
    <t>Greenwich 041E</t>
  </si>
  <si>
    <t>E01033734</t>
  </si>
  <si>
    <t>Greenwich 039B</t>
  </si>
  <si>
    <t>E02006991</t>
  </si>
  <si>
    <t>Greenwich 039</t>
  </si>
  <si>
    <t>E01033735</t>
  </si>
  <si>
    <t>Greenwich 042D</t>
  </si>
  <si>
    <t>E01033736</t>
  </si>
  <si>
    <t>Greenwich 039A</t>
  </si>
  <si>
    <t>E01033737</t>
  </si>
  <si>
    <t>Greenwich 042B</t>
  </si>
  <si>
    <t>E01033738</t>
  </si>
  <si>
    <t>Greenwich 037D</t>
  </si>
  <si>
    <t>E01033739</t>
  </si>
  <si>
    <t>Greenwich 002E</t>
  </si>
  <si>
    <t>E01033740</t>
  </si>
  <si>
    <t>Greenwich 002F</t>
  </si>
  <si>
    <t>E01033741</t>
  </si>
  <si>
    <t>Greenwich 002G</t>
  </si>
  <si>
    <t>E01033742</t>
  </si>
  <si>
    <t>Greenwich 007F</t>
  </si>
  <si>
    <t>E01033743</t>
  </si>
  <si>
    <t>Greenwich 002H</t>
  </si>
  <si>
    <t>E01033744</t>
  </si>
  <si>
    <t>Greenwich 007G</t>
  </si>
  <si>
    <t>E01033745</t>
  </si>
  <si>
    <t>Greenwich 002I</t>
  </si>
  <si>
    <t>E01033746</t>
  </si>
  <si>
    <t>Greenwich 038E</t>
  </si>
  <si>
    <t>E01033784</t>
  </si>
  <si>
    <t>Havering 007F</t>
  </si>
  <si>
    <t>E01033785</t>
  </si>
  <si>
    <t>Havering 007G</t>
  </si>
  <si>
    <t>E01033786</t>
  </si>
  <si>
    <t>Havering 017G</t>
  </si>
  <si>
    <t>E01033787</t>
  </si>
  <si>
    <t>Havering 017H</t>
  </si>
  <si>
    <t>E01033788</t>
  </si>
  <si>
    <t>Havering 017I</t>
  </si>
  <si>
    <t>E01033789</t>
  </si>
  <si>
    <t>Bexley 008H</t>
  </si>
  <si>
    <t>E01033790</t>
  </si>
  <si>
    <t>Bexley 008I</t>
  </si>
  <si>
    <t>E01033791</t>
  </si>
  <si>
    <t>Bexley 019G</t>
  </si>
  <si>
    <t>E01033792</t>
  </si>
  <si>
    <t>Bexley 019H</t>
  </si>
  <si>
    <t>E01033801</t>
  </si>
  <si>
    <t>Luton 022C</t>
  </si>
  <si>
    <t>E01033802</t>
  </si>
  <si>
    <t>Luton 022D</t>
  </si>
  <si>
    <t>E01033803</t>
  </si>
  <si>
    <t>Luton 023A</t>
  </si>
  <si>
    <t>E01033804</t>
  </si>
  <si>
    <t>Luton 023B</t>
  </si>
  <si>
    <t>E01033805</t>
  </si>
  <si>
    <t>Luton 023C</t>
  </si>
  <si>
    <t>E01033806</t>
  </si>
  <si>
    <t>Luton 021G</t>
  </si>
  <si>
    <t>E01033807</t>
  </si>
  <si>
    <t>Luton 021H</t>
  </si>
  <si>
    <t>E01033808</t>
  </si>
  <si>
    <t>Central Bedfordshire 006E</t>
  </si>
  <si>
    <t>E01033809</t>
  </si>
  <si>
    <t>Central Bedfordshire 006F</t>
  </si>
  <si>
    <t>E01033810</t>
  </si>
  <si>
    <t>Central Bedfordshire 006G</t>
  </si>
  <si>
    <t>E01033811</t>
  </si>
  <si>
    <t>Central Bedfordshire 006H</t>
  </si>
  <si>
    <t>E01033812</t>
  </si>
  <si>
    <t>Central Bedfordshire 006I</t>
  </si>
  <si>
    <t>E01033813</t>
  </si>
  <si>
    <t>Central Bedfordshire 006J</t>
  </si>
  <si>
    <t>E01033814</t>
  </si>
  <si>
    <t>Central Bedfordshire 007H</t>
  </si>
  <si>
    <t>E01033815</t>
  </si>
  <si>
    <t>Central Bedfordshire 007I</t>
  </si>
  <si>
    <t>E01033816</t>
  </si>
  <si>
    <t>Central Bedfordshire 007J</t>
  </si>
  <si>
    <t>E01033817</t>
  </si>
  <si>
    <t>Central Bedfordshire 008F</t>
  </si>
  <si>
    <t>E01033818</t>
  </si>
  <si>
    <t>Central Bedfordshire 008G</t>
  </si>
  <si>
    <t>E01033819</t>
  </si>
  <si>
    <t>Central Bedfordshire 009F</t>
  </si>
  <si>
    <t>E01033820</t>
  </si>
  <si>
    <t>Central Bedfordshire 009G</t>
  </si>
  <si>
    <t>E01033821</t>
  </si>
  <si>
    <t>Central Bedfordshire 009H</t>
  </si>
  <si>
    <t>E01033822</t>
  </si>
  <si>
    <t>Central Bedfordshire 009I</t>
  </si>
  <si>
    <t>E01033823</t>
  </si>
  <si>
    <t>Central Bedfordshire 009J</t>
  </si>
  <si>
    <t>E01033824</t>
  </si>
  <si>
    <t>Central Bedfordshire 017F</t>
  </si>
  <si>
    <t>E01033825</t>
  </si>
  <si>
    <t>Central Bedfordshire 017G</t>
  </si>
  <si>
    <t>E01033826</t>
  </si>
  <si>
    <t>Central Bedfordshire 019F</t>
  </si>
  <si>
    <t>E01033827</t>
  </si>
  <si>
    <t>Central Bedfordshire 019G</t>
  </si>
  <si>
    <t>E01033828</t>
  </si>
  <si>
    <t>Central Bedfordshire 024H</t>
  </si>
  <si>
    <t>E01033829</t>
  </si>
  <si>
    <t>Central Bedfordshire 024I</t>
  </si>
  <si>
    <t>E01033830</t>
  </si>
  <si>
    <t>Central Bedfordshire 024J</t>
  </si>
  <si>
    <t>E01033831</t>
  </si>
  <si>
    <t>Central Bedfordshire 024K</t>
  </si>
  <si>
    <t>E01033832</t>
  </si>
  <si>
    <t>Central Bedfordshire 024L</t>
  </si>
  <si>
    <t>E01033833</t>
  </si>
  <si>
    <t>Central Bedfordshire 024M</t>
  </si>
  <si>
    <t>E01033834</t>
  </si>
  <si>
    <t>Central Bedfordshire 028G</t>
  </si>
  <si>
    <t>E01033835</t>
  </si>
  <si>
    <t>Central Bedfordshire 028H</t>
  </si>
  <si>
    <t>E01033836</t>
  </si>
  <si>
    <t>Central Bedfordshire 029F</t>
  </si>
  <si>
    <t>E01033837</t>
  </si>
  <si>
    <t>Central Bedfordshire 029G</t>
  </si>
  <si>
    <t>E01033862</t>
  </si>
  <si>
    <t>Lambeth 003F</t>
  </si>
  <si>
    <t>E01033863</t>
  </si>
  <si>
    <t>Lambeth 003G</t>
  </si>
  <si>
    <t>E01033864</t>
  </si>
  <si>
    <t>Lambeth 004H</t>
  </si>
  <si>
    <t>E01033865</t>
  </si>
  <si>
    <t>Lambeth 004I</t>
  </si>
  <si>
    <t>E01033866</t>
  </si>
  <si>
    <t>Lambeth 004J</t>
  </si>
  <si>
    <t>E01033867</t>
  </si>
  <si>
    <t>Southwark 002F</t>
  </si>
  <si>
    <t>E01033868</t>
  </si>
  <si>
    <t>Southwark 002G</t>
  </si>
  <si>
    <t>E01033869</t>
  </si>
  <si>
    <t>Southwark 004F</t>
  </si>
  <si>
    <t>E01033870</t>
  </si>
  <si>
    <t>Southwark 004G</t>
  </si>
  <si>
    <t>E01033871</t>
  </si>
  <si>
    <t>Southwark 004H</t>
  </si>
  <si>
    <t>E01033872</t>
  </si>
  <si>
    <t>Southwark 004I</t>
  </si>
  <si>
    <t>E01033873</t>
  </si>
  <si>
    <t>Southwark 009G</t>
  </si>
  <si>
    <t>E01033874</t>
  </si>
  <si>
    <t>Southwark 009H</t>
  </si>
  <si>
    <t>E01033875</t>
  </si>
  <si>
    <t>Southwark 012G</t>
  </si>
  <si>
    <t>E01033876</t>
  </si>
  <si>
    <t>Southwark 012H</t>
  </si>
  <si>
    <t>E01033877</t>
  </si>
  <si>
    <t>Southwark 012I</t>
  </si>
  <si>
    <t>E01033878</t>
  </si>
  <si>
    <t>Southwark 015F</t>
  </si>
  <si>
    <t>E01033879</t>
  </si>
  <si>
    <t>Southwark 015G</t>
  </si>
  <si>
    <t>E01033880</t>
  </si>
  <si>
    <t>Southwark 015H</t>
  </si>
  <si>
    <t>E01033881</t>
  </si>
  <si>
    <t>Southwark 016F</t>
  </si>
  <si>
    <t>E01033882</t>
  </si>
  <si>
    <t>Southwark 022G</t>
  </si>
  <si>
    <t>E01033883</t>
  </si>
  <si>
    <t>Southwark 022H</t>
  </si>
  <si>
    <t>E01033884</t>
  </si>
  <si>
    <t>Southwark 035A</t>
  </si>
  <si>
    <t>E01033885</t>
  </si>
  <si>
    <t>Southwark 036A</t>
  </si>
  <si>
    <t>E01033911</t>
  </si>
  <si>
    <t>Barnet 017E</t>
  </si>
  <si>
    <t>E01033912</t>
  </si>
  <si>
    <t>Barnet 017F</t>
  </si>
  <si>
    <t>E01033913</t>
  </si>
  <si>
    <t>Barnet 024G</t>
  </si>
  <si>
    <t>E01033914</t>
  </si>
  <si>
    <t>Barnet 024H</t>
  </si>
  <si>
    <t>E01033915</t>
  </si>
  <si>
    <t>Barnet 042A</t>
  </si>
  <si>
    <t>E02006953</t>
  </si>
  <si>
    <t>Barnet 042</t>
  </si>
  <si>
    <t>E01033916</t>
  </si>
  <si>
    <t>Barnet 042B</t>
  </si>
  <si>
    <t>E01033917</t>
  </si>
  <si>
    <t>Barnet 042C</t>
  </si>
  <si>
    <t>E01033918</t>
  </si>
  <si>
    <t>Barnet 042D</t>
  </si>
  <si>
    <t>E01033919</t>
  </si>
  <si>
    <t>Barnet 042E</t>
  </si>
  <si>
    <t>E01033920</t>
  </si>
  <si>
    <t>Barnet 042F</t>
  </si>
  <si>
    <t>E01033921</t>
  </si>
  <si>
    <t>Barnet 043A</t>
  </si>
  <si>
    <t>E01033922</t>
  </si>
  <si>
    <t>Barnet 043B</t>
  </si>
  <si>
    <t>E01033923</t>
  </si>
  <si>
    <t>Barnet 043C</t>
  </si>
  <si>
    <t>E01033924</t>
  </si>
  <si>
    <t>Barnet 043D</t>
  </si>
  <si>
    <t>E01033925</t>
  </si>
  <si>
    <t>Barnet 043E</t>
  </si>
  <si>
    <t>E01033926</t>
  </si>
  <si>
    <t>Enfield 014E</t>
  </si>
  <si>
    <t>E01033927</t>
  </si>
  <si>
    <t>Enfield 020F</t>
  </si>
  <si>
    <t>E01033928</t>
  </si>
  <si>
    <t>Enfield 020G</t>
  </si>
  <si>
    <t>E01033929</t>
  </si>
  <si>
    <t>Brent 002F</t>
  </si>
  <si>
    <t>E01033930</t>
  </si>
  <si>
    <t>Brent 002G</t>
  </si>
  <si>
    <t>E01033931</t>
  </si>
  <si>
    <t>Brent 009F</t>
  </si>
  <si>
    <t>E01033932</t>
  </si>
  <si>
    <t>Brent 009G</t>
  </si>
  <si>
    <t>E01033933</t>
  </si>
  <si>
    <t>Brent 010G</t>
  </si>
  <si>
    <t>E01033934</t>
  </si>
  <si>
    <t>Brent 010H</t>
  </si>
  <si>
    <t>E01033935</t>
  </si>
  <si>
    <t>Brent 020F</t>
  </si>
  <si>
    <t>E01033936</t>
  </si>
  <si>
    <t>Brent 020G</t>
  </si>
  <si>
    <t>E01033937</t>
  </si>
  <si>
    <t>Brent 027G</t>
  </si>
  <si>
    <t>E01033938</t>
  </si>
  <si>
    <t>Brent 027H</t>
  </si>
  <si>
    <t>E01033939</t>
  </si>
  <si>
    <t>Brent 027I</t>
  </si>
  <si>
    <t>E01033940</t>
  </si>
  <si>
    <t>Brent 035B</t>
  </si>
  <si>
    <t>E01033941</t>
  </si>
  <si>
    <t>Brent 035C</t>
  </si>
  <si>
    <t>E01033942</t>
  </si>
  <si>
    <t>Brent 035D</t>
  </si>
  <si>
    <t>E01033943</t>
  </si>
  <si>
    <t>Haringey 015E</t>
  </si>
  <si>
    <t>E01033944</t>
  </si>
  <si>
    <t>Haringey 015F</t>
  </si>
  <si>
    <t>E01033945</t>
  </si>
  <si>
    <t>Haringey 020G</t>
  </si>
  <si>
    <t>E01033946</t>
  </si>
  <si>
    <t>Haringey 020H</t>
  </si>
  <si>
    <t>E01033955</t>
  </si>
  <si>
    <t>Buckinghamshire 007E</t>
  </si>
  <si>
    <t>E01033956</t>
  </si>
  <si>
    <t>Buckinghamshire 007F</t>
  </si>
  <si>
    <t>E01033957</t>
  </si>
  <si>
    <t>Buckinghamshire 007G</t>
  </si>
  <si>
    <t>E01033958</t>
  </si>
  <si>
    <t>Buckinghamshire 009F</t>
  </si>
  <si>
    <t>E01033959</t>
  </si>
  <si>
    <t>Buckinghamshire 009G</t>
  </si>
  <si>
    <t>E01033960</t>
  </si>
  <si>
    <t>Buckinghamshire 011D</t>
  </si>
  <si>
    <t>E01033961</t>
  </si>
  <si>
    <t>Buckinghamshire 011E</t>
  </si>
  <si>
    <t>E01033962</t>
  </si>
  <si>
    <t>Buckinghamshire 011F</t>
  </si>
  <si>
    <t>E01033963</t>
  </si>
  <si>
    <t>Buckinghamshire 011G</t>
  </si>
  <si>
    <t>E01033964</t>
  </si>
  <si>
    <t>Buckinghamshire 011H</t>
  </si>
  <si>
    <t>E01033965</t>
  </si>
  <si>
    <t>Buckinghamshire 021F</t>
  </si>
  <si>
    <t>E01033966</t>
  </si>
  <si>
    <t>Buckinghamshire 021G</t>
  </si>
  <si>
    <t>E01033967</t>
  </si>
  <si>
    <t>Buckinghamshire 011I</t>
  </si>
  <si>
    <t>E01033968</t>
  </si>
  <si>
    <t>Buckinghamshire 024E</t>
  </si>
  <si>
    <t>E01033969</t>
  </si>
  <si>
    <t>Buckinghamshire 024F</t>
  </si>
  <si>
    <t>E01033970</t>
  </si>
  <si>
    <t>Buckinghamshire 040D</t>
  </si>
  <si>
    <t>E02003702</t>
  </si>
  <si>
    <t>Buckinghamshire 040</t>
  </si>
  <si>
    <t>E01033971</t>
  </si>
  <si>
    <t>Buckinghamshire 040E</t>
  </si>
  <si>
    <t>E01034081</t>
  </si>
  <si>
    <t>Chelmsford 001E</t>
  </si>
  <si>
    <t>E01034082</t>
  </si>
  <si>
    <t>Chelmsford 001F</t>
  </si>
  <si>
    <t>E01034083</t>
  </si>
  <si>
    <t>Chelmsford 004G</t>
  </si>
  <si>
    <t>E01034084</t>
  </si>
  <si>
    <t>Chelmsford 004H</t>
  </si>
  <si>
    <t>E01034085</t>
  </si>
  <si>
    <t>Chelmsford 018F</t>
  </si>
  <si>
    <t>E01034086</t>
  </si>
  <si>
    <t>Chelmsford 018G</t>
  </si>
  <si>
    <t>E01034087</t>
  </si>
  <si>
    <t>Chelmsford 021D</t>
  </si>
  <si>
    <t>E01034088</t>
  </si>
  <si>
    <t>Chelmsford 021E</t>
  </si>
  <si>
    <t>E01034089</t>
  </si>
  <si>
    <t>Chelmsford 022A</t>
  </si>
  <si>
    <t>E01034090</t>
  </si>
  <si>
    <t>Chelmsford 022C</t>
  </si>
  <si>
    <t>E01034091</t>
  </si>
  <si>
    <t>Chelmsford 023A</t>
  </si>
  <si>
    <t>E01034092</t>
  </si>
  <si>
    <t>Chelmsford 023B</t>
  </si>
  <si>
    <t>E01034093</t>
  </si>
  <si>
    <t>Maldon 008H</t>
  </si>
  <si>
    <t>E01034094</t>
  </si>
  <si>
    <t>Maldon 008I</t>
  </si>
  <si>
    <t>E01034095</t>
  </si>
  <si>
    <t>Southend-on-Sea 010G</t>
  </si>
  <si>
    <t>E01034096</t>
  </si>
  <si>
    <t>Southend-on-Sea 010H</t>
  </si>
  <si>
    <t>E01034139</t>
  </si>
  <si>
    <t>Croydon 015F</t>
  </si>
  <si>
    <t>E01034140</t>
  </si>
  <si>
    <t>Croydon 015G</t>
  </si>
  <si>
    <t>E01034141</t>
  </si>
  <si>
    <t>Croydon 020F</t>
  </si>
  <si>
    <t>E01034142</t>
  </si>
  <si>
    <t>Croydon 020G</t>
  </si>
  <si>
    <t>E01034143</t>
  </si>
  <si>
    <t>Croydon 020H</t>
  </si>
  <si>
    <t>E01034144</t>
  </si>
  <si>
    <t>Croydon 024F</t>
  </si>
  <si>
    <t>E01034145</t>
  </si>
  <si>
    <t>Croydon 024G</t>
  </si>
  <si>
    <t>E01034146</t>
  </si>
  <si>
    <t>Croydon 024H</t>
  </si>
  <si>
    <t>E01034147</t>
  </si>
  <si>
    <t>Croydon 046A</t>
  </si>
  <si>
    <t>E02006987</t>
  </si>
  <si>
    <t>Croydon 046</t>
  </si>
  <si>
    <t>E01034148</t>
  </si>
  <si>
    <t>Croydon 046B</t>
  </si>
  <si>
    <t>E01034149</t>
  </si>
  <si>
    <t>Croydon 046C</t>
  </si>
  <si>
    <t>E01034150</t>
  </si>
  <si>
    <t>Croydon 046D</t>
  </si>
  <si>
    <t>E01034151</t>
  </si>
  <si>
    <t>Croydon 046E</t>
  </si>
  <si>
    <t>E01034152</t>
  </si>
  <si>
    <t>Croydon 047B</t>
  </si>
  <si>
    <t>E01034153</t>
  </si>
  <si>
    <t>Sutton 004F</t>
  </si>
  <si>
    <t>E01034154</t>
  </si>
  <si>
    <t>Sutton 004G</t>
  </si>
  <si>
    <t>E01034155</t>
  </si>
  <si>
    <t>Sutton 012F</t>
  </si>
  <si>
    <t>E01034156</t>
  </si>
  <si>
    <t>Sutton 012G</t>
  </si>
  <si>
    <t>E01034173</t>
  </si>
  <si>
    <t>Greenwich 005F</t>
  </si>
  <si>
    <t>E01034174</t>
  </si>
  <si>
    <t>Greenwich 034F</t>
  </si>
  <si>
    <t>E01034175</t>
  </si>
  <si>
    <t>Greenwich 034G</t>
  </si>
  <si>
    <t>E01034176</t>
  </si>
  <si>
    <t>Greenwich 034H</t>
  </si>
  <si>
    <t>E01034177</t>
  </si>
  <si>
    <t>Greenwich 034I</t>
  </si>
  <si>
    <t>E01034178</t>
  </si>
  <si>
    <t>Greenwich 035E</t>
  </si>
  <si>
    <t>E01034179</t>
  </si>
  <si>
    <t>Greenwich 035F</t>
  </si>
  <si>
    <t>E01034180</t>
  </si>
  <si>
    <t>Greenwich 035G</t>
  </si>
  <si>
    <t>E01034181</t>
  </si>
  <si>
    <t>Greenwich 035H</t>
  </si>
  <si>
    <t>E01034182</t>
  </si>
  <si>
    <t>Greenwich 035I</t>
  </si>
  <si>
    <t>E01034183</t>
  </si>
  <si>
    <t>Greenwich 037E</t>
  </si>
  <si>
    <t>E01034184</t>
  </si>
  <si>
    <t>Greenwich 037F</t>
  </si>
  <si>
    <t>E01034185</t>
  </si>
  <si>
    <t>Greenwich 037G</t>
  </si>
  <si>
    <t>E01034186</t>
  </si>
  <si>
    <t>Greenwich 039C</t>
  </si>
  <si>
    <t>E01034187</t>
  </si>
  <si>
    <t>Greenwich 039D</t>
  </si>
  <si>
    <t>E01034188</t>
  </si>
  <si>
    <t>Greenwich 040A</t>
  </si>
  <si>
    <t>E02006992</t>
  </si>
  <si>
    <t>Greenwich 040</t>
  </si>
  <si>
    <t>E01034189</t>
  </si>
  <si>
    <t>Greenwich 040B</t>
  </si>
  <si>
    <t>E01034190</t>
  </si>
  <si>
    <t>Greenwich 040C</t>
  </si>
  <si>
    <t>E01034191</t>
  </si>
  <si>
    <t>Greenwich 040D</t>
  </si>
  <si>
    <t>E01034192</t>
  </si>
  <si>
    <t>Greenwich 040E</t>
  </si>
  <si>
    <t>E01034193</t>
  </si>
  <si>
    <t>Greenwich 041A</t>
  </si>
  <si>
    <t>E01034194</t>
  </si>
  <si>
    <t>Greenwich 041B</t>
  </si>
  <si>
    <t>E01034195</t>
  </si>
  <si>
    <t>Greenwich 041C</t>
  </si>
  <si>
    <t>E01034196</t>
  </si>
  <si>
    <t>Greenwich 041D</t>
  </si>
  <si>
    <t>E01034198</t>
  </si>
  <si>
    <t>Greenwich 042C</t>
  </si>
  <si>
    <t>E01034199</t>
  </si>
  <si>
    <t>Newham 012E</t>
  </si>
  <si>
    <t>E01034200</t>
  </si>
  <si>
    <t>Newham 012F</t>
  </si>
  <si>
    <t>E01034201</t>
  </si>
  <si>
    <t>Newham 022E</t>
  </si>
  <si>
    <t>E01034202</t>
  </si>
  <si>
    <t>Newham 022F</t>
  </si>
  <si>
    <t>E01034203</t>
  </si>
  <si>
    <t>Newham 025E</t>
  </si>
  <si>
    <t>E01034204</t>
  </si>
  <si>
    <t>Newham 025F</t>
  </si>
  <si>
    <t>E01034205</t>
  </si>
  <si>
    <t>Newham 033E</t>
  </si>
  <si>
    <t>E01034206</t>
  </si>
  <si>
    <t>Newham 033F</t>
  </si>
  <si>
    <t>E01034207</t>
  </si>
  <si>
    <t>Newham 033G</t>
  </si>
  <si>
    <t>E01034208</t>
  </si>
  <si>
    <t>Newham 034J</t>
  </si>
  <si>
    <t>E01034209</t>
  </si>
  <si>
    <t>Newham 034K</t>
  </si>
  <si>
    <t>E01034210</t>
  </si>
  <si>
    <t>Newham 034L</t>
  </si>
  <si>
    <t>E01034211</t>
  </si>
  <si>
    <t>Newham 034M</t>
  </si>
  <si>
    <t>E01034212</t>
  </si>
  <si>
    <t>Newham 034N</t>
  </si>
  <si>
    <t>E01034213</t>
  </si>
  <si>
    <t>Newham 038A</t>
  </si>
  <si>
    <t>E02006995</t>
  </si>
  <si>
    <t>Newham 038</t>
  </si>
  <si>
    <t>E01034214</t>
  </si>
  <si>
    <t>Newham 038B</t>
  </si>
  <si>
    <t>E01034215</t>
  </si>
  <si>
    <t>Newham 038C</t>
  </si>
  <si>
    <t>E01034216</t>
  </si>
  <si>
    <t>Newham 038D</t>
  </si>
  <si>
    <t>E01034217</t>
  </si>
  <si>
    <t>Newham 038E</t>
  </si>
  <si>
    <t>E01034218</t>
  </si>
  <si>
    <t>Newham 039B</t>
  </si>
  <si>
    <t>E01034219</t>
  </si>
  <si>
    <t>Newham 039C</t>
  </si>
  <si>
    <t>E01034220</t>
  </si>
  <si>
    <t>Newham 039D</t>
  </si>
  <si>
    <t>E01034221</t>
  </si>
  <si>
    <t>Newham 039E</t>
  </si>
  <si>
    <t>E01034222</t>
  </si>
  <si>
    <t>Newham 040A</t>
  </si>
  <si>
    <t>E01034223</t>
  </si>
  <si>
    <t>Newham 040B</t>
  </si>
  <si>
    <t>E01034224</t>
  </si>
  <si>
    <t>Newham 041D</t>
  </si>
  <si>
    <t>E01034225</t>
  </si>
  <si>
    <t>Newham 042B</t>
  </si>
  <si>
    <t>E01034226</t>
  </si>
  <si>
    <t>Newham 042C</t>
  </si>
  <si>
    <t>E01034227</t>
  </si>
  <si>
    <t>Newham 042D</t>
  </si>
  <si>
    <t>E01034228</t>
  </si>
  <si>
    <t>Newham 042E</t>
  </si>
  <si>
    <t>E01034229</t>
  </si>
  <si>
    <t>Newham 042F</t>
  </si>
  <si>
    <t>E01034230</t>
  </si>
  <si>
    <t>Newham 042G</t>
  </si>
  <si>
    <t>E01034231</t>
  </si>
  <si>
    <t>Newham 042H</t>
  </si>
  <si>
    <t>E01034285</t>
  </si>
  <si>
    <t>Elmbridge 007E</t>
  </si>
  <si>
    <t>E01034286</t>
  </si>
  <si>
    <t>Elmbridge 007F</t>
  </si>
  <si>
    <t>E01034287</t>
  </si>
  <si>
    <t>Epsom and Ewell 005E</t>
  </si>
  <si>
    <t>E01034288</t>
  </si>
  <si>
    <t>Epsom and Ewell 005F</t>
  </si>
  <si>
    <t>E01034289</t>
  </si>
  <si>
    <t>Epsom and Ewell 008E</t>
  </si>
  <si>
    <t>E01034290</t>
  </si>
  <si>
    <t>Epsom and Ewell 008F</t>
  </si>
  <si>
    <t>E01034293</t>
  </si>
  <si>
    <t>Woking 004G</t>
  </si>
  <si>
    <t>E01034294</t>
  </si>
  <si>
    <t>Woking 008F</t>
  </si>
  <si>
    <t>E01034295</t>
  </si>
  <si>
    <t>Woking 008G</t>
  </si>
  <si>
    <t>E01034296</t>
  </si>
  <si>
    <t>Woking 011F</t>
  </si>
  <si>
    <t>E01034297</t>
  </si>
  <si>
    <t>Woking 011G</t>
  </si>
  <si>
    <t>E01034298</t>
  </si>
  <si>
    <t>Eastbourne 012F</t>
  </si>
  <si>
    <t>E01034299</t>
  </si>
  <si>
    <t>Wealden 018G</t>
  </si>
  <si>
    <t>E01034300</t>
  </si>
  <si>
    <t>Wealden 018H</t>
  </si>
  <si>
    <t>E01034301</t>
  </si>
  <si>
    <t>Wealden 018I</t>
  </si>
  <si>
    <t>E01034302</t>
  </si>
  <si>
    <t>Wealden 018J</t>
  </si>
  <si>
    <t>E01034303</t>
  </si>
  <si>
    <t>Wealden 018K</t>
  </si>
  <si>
    <t>E01034304</t>
  </si>
  <si>
    <t>Wealden 019F</t>
  </si>
  <si>
    <t>E01034305</t>
  </si>
  <si>
    <t>Wealden 019G</t>
  </si>
  <si>
    <t>E01034354</t>
  </si>
  <si>
    <t>Basildon 014F</t>
  </si>
  <si>
    <t>E01034355</t>
  </si>
  <si>
    <t>Basildon 014G</t>
  </si>
  <si>
    <t>E01034356</t>
  </si>
  <si>
    <t>Basildon 020F</t>
  </si>
  <si>
    <t>E01034357</t>
  </si>
  <si>
    <t>Basildon 020G</t>
  </si>
  <si>
    <t>E01034358</t>
  </si>
  <si>
    <t>Brentwood 007H</t>
  </si>
  <si>
    <t>E01034359</t>
  </si>
  <si>
    <t>Brentwood 007I</t>
  </si>
  <si>
    <t>E01034360</t>
  </si>
  <si>
    <t>Brentwood 007J</t>
  </si>
  <si>
    <t>E01034361</t>
  </si>
  <si>
    <t>Brentwood 007K</t>
  </si>
  <si>
    <t>E01034362</t>
  </si>
  <si>
    <t>Harlow 001E</t>
  </si>
  <si>
    <t>E01034363</t>
  </si>
  <si>
    <t>Harlow 001F</t>
  </si>
  <si>
    <t>E01034364</t>
  </si>
  <si>
    <t>Harlow 001G</t>
  </si>
  <si>
    <t>E01034365</t>
  </si>
  <si>
    <t>Harlow 001H</t>
  </si>
  <si>
    <t>E01034366</t>
  </si>
  <si>
    <t>Harlow 007F</t>
  </si>
  <si>
    <t>E01034367</t>
  </si>
  <si>
    <t>Harlow 007G</t>
  </si>
  <si>
    <t>E01034368</t>
  </si>
  <si>
    <t>Thurrock 006G</t>
  </si>
  <si>
    <t>E01034369</t>
  </si>
  <si>
    <t>Thurrock 006H</t>
  </si>
  <si>
    <t>E01034370</t>
  </si>
  <si>
    <t>Thurrock 022C</t>
  </si>
  <si>
    <t>E01034371</t>
  </si>
  <si>
    <t>Thurrock 022D</t>
  </si>
  <si>
    <t>E01034383</t>
  </si>
  <si>
    <t>Bromley 005F</t>
  </si>
  <si>
    <t>E01034384</t>
  </si>
  <si>
    <t>Bromley 005G</t>
  </si>
  <si>
    <t>E01034385</t>
  </si>
  <si>
    <t>Bromley 018F</t>
  </si>
  <si>
    <t>E01034386</t>
  </si>
  <si>
    <t>Bromley 018G</t>
  </si>
  <si>
    <t>E01034387</t>
  </si>
  <si>
    <t>Lewisham 001F</t>
  </si>
  <si>
    <t>E01034388</t>
  </si>
  <si>
    <t>Lewisham 001G</t>
  </si>
  <si>
    <t>E01034389</t>
  </si>
  <si>
    <t>Lewisham 001H</t>
  </si>
  <si>
    <t>E01034390</t>
  </si>
  <si>
    <t>Lewisham 020F</t>
  </si>
  <si>
    <t>E01034391</t>
  </si>
  <si>
    <t>Lewisham 020G</t>
  </si>
  <si>
    <t>E01034392</t>
  </si>
  <si>
    <t>Lewisham 040A</t>
  </si>
  <si>
    <t>E02007008</t>
  </si>
  <si>
    <t>Lewisham 040</t>
  </si>
  <si>
    <t>E01034393</t>
  </si>
  <si>
    <t>Lewisham 040B</t>
  </si>
  <si>
    <t>E01034394</t>
  </si>
  <si>
    <t>Lewisham 040C</t>
  </si>
  <si>
    <t>E01034395</t>
  </si>
  <si>
    <t>Lewisham 040D</t>
  </si>
  <si>
    <t>E01034412</t>
  </si>
  <si>
    <t>Bedford 004H</t>
  </si>
  <si>
    <t>E01034413</t>
  </si>
  <si>
    <t>Bedford 004I</t>
  </si>
  <si>
    <t>E01034414</t>
  </si>
  <si>
    <t>Bedford 008F</t>
  </si>
  <si>
    <t>E01034415</t>
  </si>
  <si>
    <t>Bedford 008G</t>
  </si>
  <si>
    <t>E01034416</t>
  </si>
  <si>
    <t>Bedford 008H</t>
  </si>
  <si>
    <t>E01034417</t>
  </si>
  <si>
    <t>Bedford 008I</t>
  </si>
  <si>
    <t>E01034418</t>
  </si>
  <si>
    <t>Bedford 012G</t>
  </si>
  <si>
    <t>E01034419</t>
  </si>
  <si>
    <t>Bedford 012H</t>
  </si>
  <si>
    <t>E01034420</t>
  </si>
  <si>
    <t>Bedford 015G</t>
  </si>
  <si>
    <t>E01034421</t>
  </si>
  <si>
    <t>Bedford 015H</t>
  </si>
  <si>
    <t>E01034422</t>
  </si>
  <si>
    <t>Bedford 018F</t>
  </si>
  <si>
    <t>E01034423</t>
  </si>
  <si>
    <t>Bedford 018G</t>
  </si>
  <si>
    <t>E01034424</t>
  </si>
  <si>
    <t>Bedford 018H</t>
  </si>
  <si>
    <t>E01034425</t>
  </si>
  <si>
    <t>Bedford 020E</t>
  </si>
  <si>
    <t>E01034426</t>
  </si>
  <si>
    <t>Bedford 020F</t>
  </si>
  <si>
    <t>E01034427</t>
  </si>
  <si>
    <t>Bedford 021A</t>
  </si>
  <si>
    <t>E01034428</t>
  </si>
  <si>
    <t>Bedford 021C</t>
  </si>
  <si>
    <t>E01034429</t>
  </si>
  <si>
    <t>Bedford 021D</t>
  </si>
  <si>
    <t>E01034430</t>
  </si>
  <si>
    <t>Bedford 021E</t>
  </si>
  <si>
    <t>E01034431</t>
  </si>
  <si>
    <t>Bedford 022A</t>
  </si>
  <si>
    <t>E02007011</t>
  </si>
  <si>
    <t>Bedford 022</t>
  </si>
  <si>
    <t>E01034432</t>
  </si>
  <si>
    <t>Bedford 022B</t>
  </si>
  <si>
    <t>E01034433</t>
  </si>
  <si>
    <t>Bedford 022C</t>
  </si>
  <si>
    <t>E01034434</t>
  </si>
  <si>
    <t>Bedford 022D</t>
  </si>
  <si>
    <t>E01034435</t>
  </si>
  <si>
    <t>Huntingdonshire 010H</t>
  </si>
  <si>
    <t>E01034436</t>
  </si>
  <si>
    <t>Huntingdonshire 010I</t>
  </si>
  <si>
    <t>E01034437</t>
  </si>
  <si>
    <t>Huntingdonshire 012F</t>
  </si>
  <si>
    <t>E01034438</t>
  </si>
  <si>
    <t>Huntingdonshire 012G</t>
  </si>
  <si>
    <t>E01034439</t>
  </si>
  <si>
    <t>Huntingdonshire 014E</t>
  </si>
  <si>
    <t>E01034440</t>
  </si>
  <si>
    <t>Huntingdonshire 014F</t>
  </si>
  <si>
    <t>E01034441</t>
  </si>
  <si>
    <t>Huntingdonshire 018E</t>
  </si>
  <si>
    <t>E01034442</t>
  </si>
  <si>
    <t>Huntingdonshire 018F</t>
  </si>
  <si>
    <t>E01034443</t>
  </si>
  <si>
    <t>Huntingdonshire 018G</t>
  </si>
  <si>
    <t>E01034444</t>
  </si>
  <si>
    <t>Huntingdonshire 021G</t>
  </si>
  <si>
    <t>E01034445</t>
  </si>
  <si>
    <t>Huntingdonshire 021H</t>
  </si>
  <si>
    <t>E01034451</t>
  </si>
  <si>
    <t>Milton Keynes 024E</t>
  </si>
  <si>
    <t>E01034452</t>
  </si>
  <si>
    <t>Milton Keynes 024F</t>
  </si>
  <si>
    <t>E01034469</t>
  </si>
  <si>
    <t>Barking and Dagenham 004F</t>
  </si>
  <si>
    <t>E01034470</t>
  </si>
  <si>
    <t>Barking and Dagenham 004G</t>
  </si>
  <si>
    <t>E01034471</t>
  </si>
  <si>
    <t>Barking and Dagenham 008G</t>
  </si>
  <si>
    <t>E01034472</t>
  </si>
  <si>
    <t>Barking and Dagenham 008H</t>
  </si>
  <si>
    <t>E01034473</t>
  </si>
  <si>
    <t>Barking and Dagenham 015E</t>
  </si>
  <si>
    <t>E01034474</t>
  </si>
  <si>
    <t>Barking and Dagenham 015F</t>
  </si>
  <si>
    <t>E01034475</t>
  </si>
  <si>
    <t>Barking and Dagenham 019F</t>
  </si>
  <si>
    <t>E01034476</t>
  </si>
  <si>
    <t>Barking and Dagenham 019G</t>
  </si>
  <si>
    <t>E01034477</t>
  </si>
  <si>
    <t>Barking and Dagenham 019H</t>
  </si>
  <si>
    <t>E01034478</t>
  </si>
  <si>
    <t>Barking and Dagenham 019I</t>
  </si>
  <si>
    <t>E01034479</t>
  </si>
  <si>
    <t>Barking and Dagenham 021G</t>
  </si>
  <si>
    <t>E01034480</t>
  </si>
  <si>
    <t>Redbridge 023E</t>
  </si>
  <si>
    <t>E01034481</t>
  </si>
  <si>
    <t>Redbridge 023F</t>
  </si>
  <si>
    <t>E01034482</t>
  </si>
  <si>
    <t>Redbridge 032F</t>
  </si>
  <si>
    <t>E01034483</t>
  </si>
  <si>
    <t>Redbridge 032G</t>
  </si>
  <si>
    <t>E01034484</t>
  </si>
  <si>
    <t>Redbridge 032H</t>
  </si>
  <si>
    <t>E01034485</t>
  </si>
  <si>
    <t>Waltham Forest 014F</t>
  </si>
  <si>
    <t>E01034486</t>
  </si>
  <si>
    <t>Waltham Forest 014G</t>
  </si>
  <si>
    <t>E01034487</t>
  </si>
  <si>
    <t>Waltham Forest 020H</t>
  </si>
  <si>
    <t>E01034488</t>
  </si>
  <si>
    <t>Waltham Forest 020I</t>
  </si>
  <si>
    <t>E01034559</t>
  </si>
  <si>
    <t>Babergh 004G</t>
  </si>
  <si>
    <t>E01034560</t>
  </si>
  <si>
    <t>Babergh 004H</t>
  </si>
  <si>
    <t>E01034561</t>
  </si>
  <si>
    <t>West Suffolk 001C</t>
  </si>
  <si>
    <t>E01034562</t>
  </si>
  <si>
    <t>West Suffolk 001D</t>
  </si>
  <si>
    <t>E01034563</t>
  </si>
  <si>
    <t>West Suffolk 001E</t>
  </si>
  <si>
    <t>E01034564</t>
  </si>
  <si>
    <t>West Suffolk 003E</t>
  </si>
  <si>
    <t>E01034565</t>
  </si>
  <si>
    <t>West Suffolk 003F</t>
  </si>
  <si>
    <t>E01034566</t>
  </si>
  <si>
    <t>West Suffolk 007E</t>
  </si>
  <si>
    <t>E01034567</t>
  </si>
  <si>
    <t>West Suffolk 007F</t>
  </si>
  <si>
    <t>E01034568</t>
  </si>
  <si>
    <t>West Suffolk 008E</t>
  </si>
  <si>
    <t>E01034569</t>
  </si>
  <si>
    <t>West Suffolk 008F</t>
  </si>
  <si>
    <t>E01034570</t>
  </si>
  <si>
    <t>Mid Suffolk 003D</t>
  </si>
  <si>
    <t>E01034571</t>
  </si>
  <si>
    <t>Mid Suffolk 003E</t>
  </si>
  <si>
    <t>E01034572</t>
  </si>
  <si>
    <t>West Suffolk 016C</t>
  </si>
  <si>
    <t>E01034573</t>
  </si>
  <si>
    <t>West Suffolk 016D</t>
  </si>
  <si>
    <t>E01034574</t>
  </si>
  <si>
    <t>West Suffolk 018C</t>
  </si>
  <si>
    <t>E01034575</t>
  </si>
  <si>
    <t>West Suffolk 018D</t>
  </si>
  <si>
    <t>E01034576</t>
  </si>
  <si>
    <t>Kingston upon Thames 004H</t>
  </si>
  <si>
    <t>E01034577</t>
  </si>
  <si>
    <t>Kingston upon Thames 004I</t>
  </si>
  <si>
    <t>E01034578</t>
  </si>
  <si>
    <t>Merton 001F</t>
  </si>
  <si>
    <t>E01034579</t>
  </si>
  <si>
    <t>Merton 001G</t>
  </si>
  <si>
    <t>E01034580</t>
  </si>
  <si>
    <t>Merton 005F</t>
  </si>
  <si>
    <t>E01034581</t>
  </si>
  <si>
    <t>Merton 005G</t>
  </si>
  <si>
    <t>E01034589</t>
  </si>
  <si>
    <t>Harrow 002F</t>
  </si>
  <si>
    <t>E01034590</t>
  </si>
  <si>
    <t>Harrow 002G</t>
  </si>
  <si>
    <t>E01034591</t>
  </si>
  <si>
    <t>Harrow 013F</t>
  </si>
  <si>
    <t>E01034592</t>
  </si>
  <si>
    <t>Harrow 013G</t>
  </si>
  <si>
    <t>E01034593</t>
  </si>
  <si>
    <t>Harrow 015E</t>
  </si>
  <si>
    <t>E01034594</t>
  </si>
  <si>
    <t>Harrow 015F</t>
  </si>
  <si>
    <t>E01034595</t>
  </si>
  <si>
    <t>Harrow 023E</t>
  </si>
  <si>
    <t>E01034596</t>
  </si>
  <si>
    <t>Harrow 023F</t>
  </si>
  <si>
    <t>E01034597</t>
  </si>
  <si>
    <t>Harrow 023G</t>
  </si>
  <si>
    <t>E01034598</t>
  </si>
  <si>
    <t>Harrow 023H</t>
  </si>
  <si>
    <t>E01034599</t>
  </si>
  <si>
    <t>Harrow 027E</t>
  </si>
  <si>
    <t>E01034600</t>
  </si>
  <si>
    <t>Harrow 027F</t>
  </si>
  <si>
    <t>E01034765</t>
  </si>
  <si>
    <t>Broadland 013F</t>
  </si>
  <si>
    <t>E01034766</t>
  </si>
  <si>
    <t>Broadland 013G</t>
  </si>
  <si>
    <t>E01034767</t>
  </si>
  <si>
    <t>Great Yarmouth 013E</t>
  </si>
  <si>
    <t>E01034768</t>
  </si>
  <si>
    <t>King's Lynn and West Norfolk 011G</t>
  </si>
  <si>
    <t>E01034769</t>
  </si>
  <si>
    <t>King's Lynn and West Norfolk 011H</t>
  </si>
  <si>
    <t>E01034770</t>
  </si>
  <si>
    <t>King's Lynn and West Norfolk 017I</t>
  </si>
  <si>
    <t>E01034771</t>
  </si>
  <si>
    <t>King's Lynn and West Norfolk 017J</t>
  </si>
  <si>
    <t>E01034772</t>
  </si>
  <si>
    <t>King's Lynn and West Norfolk 017K</t>
  </si>
  <si>
    <t>E01034773</t>
  </si>
  <si>
    <t>King's Lynn and West Norfolk 017L</t>
  </si>
  <si>
    <t>E01034774</t>
  </si>
  <si>
    <t>North Norfolk 005D</t>
  </si>
  <si>
    <t>E01034775</t>
  </si>
  <si>
    <t>North Norfolk 005E</t>
  </si>
  <si>
    <t>E01034776</t>
  </si>
  <si>
    <t>North Norfolk 006E</t>
  </si>
  <si>
    <t>E01034816</t>
  </si>
  <si>
    <t>Arun 004F</t>
  </si>
  <si>
    <t>E01034817</t>
  </si>
  <si>
    <t>Arun 004G</t>
  </si>
  <si>
    <t>E01034818</t>
  </si>
  <si>
    <t>Arun 004H</t>
  </si>
  <si>
    <t>E01034819</t>
  </si>
  <si>
    <t>Arun 004I</t>
  </si>
  <si>
    <t>E01034820</t>
  </si>
  <si>
    <t>Arun 005F</t>
  </si>
  <si>
    <t>E01034821</t>
  </si>
  <si>
    <t>Arun 005G</t>
  </si>
  <si>
    <t>E01034826</t>
  </si>
  <si>
    <t>Worthing 006F</t>
  </si>
  <si>
    <t>E01034827</t>
  </si>
  <si>
    <t>Worthing 006G</t>
  </si>
  <si>
    <t>E01034828</t>
  </si>
  <si>
    <t>Worthing 007F</t>
  </si>
  <si>
    <t>E01034829</t>
  </si>
  <si>
    <t>Worthing 007G</t>
  </si>
  <si>
    <t>E01034830</t>
  </si>
  <si>
    <t>Worthing 011F</t>
  </si>
  <si>
    <t>E01034831</t>
  </si>
  <si>
    <t>Worthing 011G</t>
  </si>
  <si>
    <t>E01034985</t>
  </si>
  <si>
    <t>Ashford 005F</t>
  </si>
  <si>
    <t>E01034986</t>
  </si>
  <si>
    <t>Ashford 005G</t>
  </si>
  <si>
    <t>E01034987</t>
  </si>
  <si>
    <t>Ashford 010E</t>
  </si>
  <si>
    <t>E01034988</t>
  </si>
  <si>
    <t>Ashford 010F</t>
  </si>
  <si>
    <t>E01034989</t>
  </si>
  <si>
    <t>Ashford 010G</t>
  </si>
  <si>
    <t>E01034990</t>
  </si>
  <si>
    <t>Maidstone 001F</t>
  </si>
  <si>
    <t>E01034991</t>
  </si>
  <si>
    <t>Maidstone 004H</t>
  </si>
  <si>
    <t>E01034992</t>
  </si>
  <si>
    <t>Maidstone 004I</t>
  </si>
  <si>
    <t>E01034993</t>
  </si>
  <si>
    <t>Maidstone 011E</t>
  </si>
  <si>
    <t>E01034994</t>
  </si>
  <si>
    <t>Maidstone 011F</t>
  </si>
  <si>
    <t>E01034995</t>
  </si>
  <si>
    <t>Maidstone 013H</t>
  </si>
  <si>
    <t>E01034996</t>
  </si>
  <si>
    <t>Maidstone 013I</t>
  </si>
  <si>
    <t>E01034997</t>
  </si>
  <si>
    <t>Maidstone 015F</t>
  </si>
  <si>
    <t>E01034998</t>
  </si>
  <si>
    <t>Maidstone 015G</t>
  </si>
  <si>
    <t>E01034999</t>
  </si>
  <si>
    <t>Maidstone 015H</t>
  </si>
  <si>
    <t>E01035000</t>
  </si>
  <si>
    <t>Sevenoaks 008F</t>
  </si>
  <si>
    <t>E01035001</t>
  </si>
  <si>
    <t>Sevenoaks 008G</t>
  </si>
  <si>
    <t>E01035002</t>
  </si>
  <si>
    <t>Tonbridge and Malling 001G</t>
  </si>
  <si>
    <t>E01035003</t>
  </si>
  <si>
    <t>Tonbridge and Malling 001H</t>
  </si>
  <si>
    <t>E01035004</t>
  </si>
  <si>
    <t>Tonbridge and Malling 001I</t>
  </si>
  <si>
    <t>E01035005</t>
  </si>
  <si>
    <t>Tonbridge and Malling 002H</t>
  </si>
  <si>
    <t>E01035006</t>
  </si>
  <si>
    <t>Tonbridge and Malling 002I</t>
  </si>
  <si>
    <t>E01035007</t>
  </si>
  <si>
    <t>Tonbridge and Malling 002J</t>
  </si>
  <si>
    <t>E01035008</t>
  </si>
  <si>
    <t>Tonbridge and Malling 012G</t>
  </si>
  <si>
    <t>E01035009</t>
  </si>
  <si>
    <t>Tonbridge and Malling 012H</t>
  </si>
  <si>
    <t>E01035010</t>
  </si>
  <si>
    <t>Tonbridge and Malling 014G</t>
  </si>
  <si>
    <t>E01035011</t>
  </si>
  <si>
    <t>Tonbridge and Malling 014H</t>
  </si>
  <si>
    <t>E01035012</t>
  </si>
  <si>
    <t>Tunbridge Wells 008E</t>
  </si>
  <si>
    <t>E01035013</t>
  </si>
  <si>
    <t>Tunbridge Wells 008F</t>
  </si>
  <si>
    <t>E01035133</t>
  </si>
  <si>
    <t>Breckland 007F</t>
  </si>
  <si>
    <t>E01035134</t>
  </si>
  <si>
    <t>Breckland 007G</t>
  </si>
  <si>
    <t>E01035135</t>
  </si>
  <si>
    <t>Breckland 011F</t>
  </si>
  <si>
    <t>E01035136</t>
  </si>
  <si>
    <t>Breckland 011G</t>
  </si>
  <si>
    <t>E01035137</t>
  </si>
  <si>
    <t>Norwich 014E</t>
  </si>
  <si>
    <t>E01035138</t>
  </si>
  <si>
    <t>Norwich 014F</t>
  </si>
  <si>
    <t>E01035139</t>
  </si>
  <si>
    <t>Norwich 017B</t>
  </si>
  <si>
    <t>E01035140</t>
  </si>
  <si>
    <t>Norwich 017C</t>
  </si>
  <si>
    <t>E01035141</t>
  </si>
  <si>
    <t>South Norfolk 002F</t>
  </si>
  <si>
    <t>E01035142</t>
  </si>
  <si>
    <t>South Norfolk 002G</t>
  </si>
  <si>
    <t>E01035143</t>
  </si>
  <si>
    <t>South Norfolk 006H</t>
  </si>
  <si>
    <t>E01035144</t>
  </si>
  <si>
    <t>South Norfolk 006I</t>
  </si>
  <si>
    <t>E01035145</t>
  </si>
  <si>
    <t>South Norfolk 007F</t>
  </si>
  <si>
    <t>E01035146</t>
  </si>
  <si>
    <t>South Norfolk 007G</t>
  </si>
  <si>
    <t>E01035147</t>
  </si>
  <si>
    <t>South Norfolk 007H</t>
  </si>
  <si>
    <t>E01035148</t>
  </si>
  <si>
    <t>South Norfolk 007I</t>
  </si>
  <si>
    <t>E01035149</t>
  </si>
  <si>
    <t>South Norfolk 007J</t>
  </si>
  <si>
    <t>E01035150</t>
  </si>
  <si>
    <t>South Norfolk 016A</t>
  </si>
  <si>
    <t>E01035151</t>
  </si>
  <si>
    <t>South Norfolk 016B</t>
  </si>
  <si>
    <t>E01035152</t>
  </si>
  <si>
    <t>South Norfolk 016C</t>
  </si>
  <si>
    <t>E01035153</t>
  </si>
  <si>
    <t>South Norfolk 016F</t>
  </si>
  <si>
    <t>E01035154</t>
  </si>
  <si>
    <t>East Suffolk 014C</t>
  </si>
  <si>
    <t>E01035155</t>
  </si>
  <si>
    <t>Braintree 011F</t>
  </si>
  <si>
    <t>E01035156</t>
  </si>
  <si>
    <t>Braintree 011G</t>
  </si>
  <si>
    <t>E01035157</t>
  </si>
  <si>
    <t>Colchester 007F</t>
  </si>
  <si>
    <t>E01035158</t>
  </si>
  <si>
    <t>Colchester 007G</t>
  </si>
  <si>
    <t>E01035159</t>
  </si>
  <si>
    <t>Colchester 010F</t>
  </si>
  <si>
    <t>E01035160</t>
  </si>
  <si>
    <t>Colchester 010G</t>
  </si>
  <si>
    <t>E01035161</t>
  </si>
  <si>
    <t>Colchester 011G</t>
  </si>
  <si>
    <t>E01035162</t>
  </si>
  <si>
    <t>Colchester 011H</t>
  </si>
  <si>
    <t>E01035163</t>
  </si>
  <si>
    <t>Colchester 011I</t>
  </si>
  <si>
    <t>E01035164</t>
  </si>
  <si>
    <t>Colchester 011J</t>
  </si>
  <si>
    <t>E01035165</t>
  </si>
  <si>
    <t>Colchester 015H</t>
  </si>
  <si>
    <t>E01035166</t>
  </si>
  <si>
    <t>Colchester 015I</t>
  </si>
  <si>
    <t>E01035167</t>
  </si>
  <si>
    <t>Colchester 023A</t>
  </si>
  <si>
    <t>E02007056</t>
  </si>
  <si>
    <t>Colchester 023</t>
  </si>
  <si>
    <t>E01035168</t>
  </si>
  <si>
    <t>Colchester 023B</t>
  </si>
  <si>
    <t>E01035169</t>
  </si>
  <si>
    <t>Colchester 023C</t>
  </si>
  <si>
    <t>E01035170</t>
  </si>
  <si>
    <t>Colchester 023D</t>
  </si>
  <si>
    <t>E01035171</t>
  </si>
  <si>
    <t>Colchester 023E</t>
  </si>
  <si>
    <t>E01035172</t>
  </si>
  <si>
    <t>Colchester 023F</t>
  </si>
  <si>
    <t>E01035173</t>
  </si>
  <si>
    <t>Colchester 024B</t>
  </si>
  <si>
    <t>E02007057</t>
  </si>
  <si>
    <t>Colchester 024</t>
  </si>
  <si>
    <t>E01035174</t>
  </si>
  <si>
    <t>Colchester 024C</t>
  </si>
  <si>
    <t>E01035175</t>
  </si>
  <si>
    <t>Colchester 024D</t>
  </si>
  <si>
    <t>E01035176</t>
  </si>
  <si>
    <t>Colchester 024E</t>
  </si>
  <si>
    <t>E01035177</t>
  </si>
  <si>
    <t>Colchester 024F</t>
  </si>
  <si>
    <t>E01035178</t>
  </si>
  <si>
    <t>Uttlesford 006E</t>
  </si>
  <si>
    <t>E01035179</t>
  </si>
  <si>
    <t>Uttlesford 006F</t>
  </si>
  <si>
    <t>E01035180</t>
  </si>
  <si>
    <t>Uttlesford 006G</t>
  </si>
  <si>
    <t>E01035181</t>
  </si>
  <si>
    <t>Uttlesford 006H</t>
  </si>
  <si>
    <t>E01035182</t>
  </si>
  <si>
    <t>Uttlesford 006I</t>
  </si>
  <si>
    <t>E01035270</t>
  </si>
  <si>
    <t>Dartford 001E</t>
  </si>
  <si>
    <t>E01035271</t>
  </si>
  <si>
    <t>Dartford 001F</t>
  </si>
  <si>
    <t>E01035272</t>
  </si>
  <si>
    <t>Dartford 001G</t>
  </si>
  <si>
    <t>E01035273</t>
  </si>
  <si>
    <t>Dartford 001H</t>
  </si>
  <si>
    <t>E01035274</t>
  </si>
  <si>
    <t>Dartford 001I</t>
  </si>
  <si>
    <t>E01035275</t>
  </si>
  <si>
    <t>Dartford 001J</t>
  </si>
  <si>
    <t>E01035276</t>
  </si>
  <si>
    <t>Dartford 001K</t>
  </si>
  <si>
    <t>E01035277</t>
  </si>
  <si>
    <t>Dartford 002E</t>
  </si>
  <si>
    <t>E01035278</t>
  </si>
  <si>
    <t>Dartford 002F</t>
  </si>
  <si>
    <t>E01035279</t>
  </si>
  <si>
    <t>Dartford 002G</t>
  </si>
  <si>
    <t>E01035280</t>
  </si>
  <si>
    <t>Dartford 002H</t>
  </si>
  <si>
    <t>E01035281</t>
  </si>
  <si>
    <t>Dartford 002I</t>
  </si>
  <si>
    <t>E01035282</t>
  </si>
  <si>
    <t>Dartford 004E</t>
  </si>
  <si>
    <t>E01035283</t>
  </si>
  <si>
    <t>Dartford 004F</t>
  </si>
  <si>
    <t>E01035284</t>
  </si>
  <si>
    <t>Gravesham 006F</t>
  </si>
  <si>
    <t>E01035285</t>
  </si>
  <si>
    <t>Gravesham 006G</t>
  </si>
  <si>
    <t>E01035286</t>
  </si>
  <si>
    <t>Medway 003F</t>
  </si>
  <si>
    <t>E01035287</t>
  </si>
  <si>
    <t>Medway 003G</t>
  </si>
  <si>
    <t>E01035288</t>
  </si>
  <si>
    <t>Medway 004D</t>
  </si>
  <si>
    <t>E01035289</t>
  </si>
  <si>
    <t>Medway 004E</t>
  </si>
  <si>
    <t>E01035290</t>
  </si>
  <si>
    <t>Medway 007F</t>
  </si>
  <si>
    <t>E01035291</t>
  </si>
  <si>
    <t>Medway 007G</t>
  </si>
  <si>
    <t>E01035292</t>
  </si>
  <si>
    <t>Medway 007H</t>
  </si>
  <si>
    <t>E01035293</t>
  </si>
  <si>
    <t>Medway 007I</t>
  </si>
  <si>
    <t>E01035294</t>
  </si>
  <si>
    <t>Medway 009E</t>
  </si>
  <si>
    <t>E01035295</t>
  </si>
  <si>
    <t>Medway 009F</t>
  </si>
  <si>
    <t>E01035296</t>
  </si>
  <si>
    <t>Medway 015F</t>
  </si>
  <si>
    <t>E01035297</t>
  </si>
  <si>
    <t>Medway 015G</t>
  </si>
  <si>
    <t>E01035298</t>
  </si>
  <si>
    <t>Swale 004H</t>
  </si>
  <si>
    <t>E01035299</t>
  </si>
  <si>
    <t>Swale 004I</t>
  </si>
  <si>
    <t>E01035300</t>
  </si>
  <si>
    <t>Swale 006E</t>
  </si>
  <si>
    <t>E01035301</t>
  </si>
  <si>
    <t>Swale 006F</t>
  </si>
  <si>
    <t>E01035302</t>
  </si>
  <si>
    <t>Swale 007I</t>
  </si>
  <si>
    <t>E01035303</t>
  </si>
  <si>
    <t>Swale 007J</t>
  </si>
  <si>
    <t>E01035304</t>
  </si>
  <si>
    <t>Swale 009F</t>
  </si>
  <si>
    <t>E01035305</t>
  </si>
  <si>
    <t>Swale 009G</t>
  </si>
  <si>
    <t>E01035306</t>
  </si>
  <si>
    <t>Swale 009H</t>
  </si>
  <si>
    <t>E01035307</t>
  </si>
  <si>
    <t>Swale 009I</t>
  </si>
  <si>
    <t>E01035308</t>
  </si>
  <si>
    <t>Canterbury 012G</t>
  </si>
  <si>
    <t>E01035309</t>
  </si>
  <si>
    <t>Canterbury 012H</t>
  </si>
  <si>
    <t>E01035310</t>
  </si>
  <si>
    <t>Canterbury 019D</t>
  </si>
  <si>
    <t>E01035311</t>
  </si>
  <si>
    <t>Canterbury 019E</t>
  </si>
  <si>
    <t>E01035312</t>
  </si>
  <si>
    <t>Dover 005F</t>
  </si>
  <si>
    <t>E01035313</t>
  </si>
  <si>
    <t>Dover 005G</t>
  </si>
  <si>
    <t>E01035314</t>
  </si>
  <si>
    <t>Dover 006E</t>
  </si>
  <si>
    <t>E01035315</t>
  </si>
  <si>
    <t>Dover 006F</t>
  </si>
  <si>
    <t>E01035316</t>
  </si>
  <si>
    <t>Thanet 001F</t>
  </si>
  <si>
    <t>E01035317</t>
  </si>
  <si>
    <t>Thanet 001G</t>
  </si>
  <si>
    <t>E01035318</t>
  </si>
  <si>
    <t>Thanet 014E</t>
  </si>
  <si>
    <t>E01035319</t>
  </si>
  <si>
    <t>Thanet 014F</t>
  </si>
  <si>
    <t>E01035328</t>
  </si>
  <si>
    <t>Crawley 002F</t>
  </si>
  <si>
    <t>E01035329</t>
  </si>
  <si>
    <t>Crawley 002G</t>
  </si>
  <si>
    <t>E01035330</t>
  </si>
  <si>
    <t>Horsham 001E</t>
  </si>
  <si>
    <t>E01035331</t>
  </si>
  <si>
    <t>Horsham 001F</t>
  </si>
  <si>
    <t>E01035332</t>
  </si>
  <si>
    <t>Horsham 001G</t>
  </si>
  <si>
    <t>E01035333</t>
  </si>
  <si>
    <t>Horsham 001H</t>
  </si>
  <si>
    <t>E01035334</t>
  </si>
  <si>
    <t>Horsham 006G</t>
  </si>
  <si>
    <t>E01035335</t>
  </si>
  <si>
    <t>Horsham 006H</t>
  </si>
  <si>
    <t>E01035336</t>
  </si>
  <si>
    <t>Horsham 007E</t>
  </si>
  <si>
    <t>E01035337</t>
  </si>
  <si>
    <t>Horsham 007F</t>
  </si>
  <si>
    <t>E01035338</t>
  </si>
  <si>
    <t>Horsham 007G</t>
  </si>
  <si>
    <t>E01035339</t>
  </si>
  <si>
    <t>Horsham 007H</t>
  </si>
  <si>
    <t>E01035340</t>
  </si>
  <si>
    <t>Horsham 007I</t>
  </si>
  <si>
    <t>E01035343</t>
  </si>
  <si>
    <t>Mid Sussex 001H</t>
  </si>
  <si>
    <t>E01035344</t>
  </si>
  <si>
    <t>Mid Sussex 001I</t>
  </si>
  <si>
    <t>E01035345</t>
  </si>
  <si>
    <t>Mid Sussex 007E</t>
  </si>
  <si>
    <t>E01035346</t>
  </si>
  <si>
    <t>Mid Sussex 007F</t>
  </si>
  <si>
    <t>E01035347</t>
  </si>
  <si>
    <t>Mid Sussex 009H</t>
  </si>
  <si>
    <t>E01035348</t>
  </si>
  <si>
    <t>Mid Sussex 009I</t>
  </si>
  <si>
    <t>E01035349</t>
  </si>
  <si>
    <t>Mid Sussex 011G</t>
  </si>
  <si>
    <t>E01035350</t>
  </si>
  <si>
    <t>Mid Sussex 011H</t>
  </si>
  <si>
    <t>E01035351</t>
  </si>
  <si>
    <t>Mid Sussex 011I</t>
  </si>
  <si>
    <t>E01035352</t>
  </si>
  <si>
    <t>Mid Sussex 011J</t>
  </si>
  <si>
    <t>E01035353</t>
  </si>
  <si>
    <t>Mid Sussex 013F</t>
  </si>
  <si>
    <t>E01035354</t>
  </si>
  <si>
    <t>Mid Sussex 013G</t>
  </si>
  <si>
    <t>E01035355</t>
  </si>
  <si>
    <t>Reigate and Banstead 011F</t>
  </si>
  <si>
    <t>E01035356</t>
  </si>
  <si>
    <t>Reigate and Banstead 011G</t>
  </si>
  <si>
    <t>E01035357</t>
  </si>
  <si>
    <t>Reigate and Banstead 011H</t>
  </si>
  <si>
    <t>E01035358</t>
  </si>
  <si>
    <t>Reigate and Banstead 011I</t>
  </si>
  <si>
    <t>E01035359</t>
  </si>
  <si>
    <t>Reigate and Banstead 016F</t>
  </si>
  <si>
    <t>E01035360</t>
  </si>
  <si>
    <t>Reigate and Banstead 016G</t>
  </si>
  <si>
    <t>E01035361</t>
  </si>
  <si>
    <t>Reigate and Banstead 018F</t>
  </si>
  <si>
    <t>E01035362</t>
  </si>
  <si>
    <t>Reigate and Banstead 018G</t>
  </si>
  <si>
    <t>E01035363</t>
  </si>
  <si>
    <t>Tandridge 002E</t>
  </si>
  <si>
    <t>E01035364</t>
  </si>
  <si>
    <t>Tandridge 002F</t>
  </si>
  <si>
    <t>E01035484</t>
  </si>
  <si>
    <t>Hammersmith and Fulham 001F</t>
  </si>
  <si>
    <t>E01035485</t>
  </si>
  <si>
    <t>Hammersmith and Fulham 001G</t>
  </si>
  <si>
    <t>E01035486</t>
  </si>
  <si>
    <t>Hammersmith and Fulham 023G</t>
  </si>
  <si>
    <t>E01035487</t>
  </si>
  <si>
    <t>Hammersmith and Fulham 023H</t>
  </si>
  <si>
    <t>E01035488</t>
  </si>
  <si>
    <t>Wandsworth 004H</t>
  </si>
  <si>
    <t>E01035489</t>
  </si>
  <si>
    <t>Wandsworth 004I</t>
  </si>
  <si>
    <t>E01035490</t>
  </si>
  <si>
    <t>Wandsworth 010H</t>
  </si>
  <si>
    <t>E01035491</t>
  </si>
  <si>
    <t>Wandsworth 010I</t>
  </si>
  <si>
    <t>E01035492</t>
  </si>
  <si>
    <t>Wandsworth 010J</t>
  </si>
  <si>
    <t>E01035493</t>
  </si>
  <si>
    <t>Wandsworth 010K</t>
  </si>
  <si>
    <t>E01035494</t>
  </si>
  <si>
    <t>Wandsworth 018E</t>
  </si>
  <si>
    <t>E01035495</t>
  </si>
  <si>
    <t>Wandsworth 018F</t>
  </si>
  <si>
    <t>E01035496</t>
  </si>
  <si>
    <t>Wandsworth 038A</t>
  </si>
  <si>
    <t>E01035497</t>
  </si>
  <si>
    <t>Wandsworth 038B</t>
  </si>
  <si>
    <t>E01035498</t>
  </si>
  <si>
    <t>Wandsworth 038E</t>
  </si>
  <si>
    <t>E01035499</t>
  </si>
  <si>
    <t>Wandsworth 039C</t>
  </si>
  <si>
    <t>E01035511</t>
  </si>
  <si>
    <t>Cambridge 005E</t>
  </si>
  <si>
    <t>E01035512</t>
  </si>
  <si>
    <t>Cambridge 005F</t>
  </si>
  <si>
    <t>E01035513</t>
  </si>
  <si>
    <t>Cambridge 005G</t>
  </si>
  <si>
    <t>E01035514</t>
  </si>
  <si>
    <t>Cambridge 005H</t>
  </si>
  <si>
    <t>E01035515</t>
  </si>
  <si>
    <t>Cambridge 007H</t>
  </si>
  <si>
    <t>E01035516</t>
  </si>
  <si>
    <t>Cambridge 007I</t>
  </si>
  <si>
    <t>E01035517</t>
  </si>
  <si>
    <t>Cambridge 007J</t>
  </si>
  <si>
    <t>E01035518</t>
  </si>
  <si>
    <t>Cambridge 010F</t>
  </si>
  <si>
    <t>E01035519</t>
  </si>
  <si>
    <t>Cambridge 010G</t>
  </si>
  <si>
    <t>E01035520</t>
  </si>
  <si>
    <t>Cambridge 013F</t>
  </si>
  <si>
    <t>E01035521</t>
  </si>
  <si>
    <t>Cambridge 013G</t>
  </si>
  <si>
    <t>E01035522</t>
  </si>
  <si>
    <t>Cambridge 014B</t>
  </si>
  <si>
    <t>E01035523</t>
  </si>
  <si>
    <t>Cambridge 014C</t>
  </si>
  <si>
    <t>E01035524</t>
  </si>
  <si>
    <t>Cambridge 015A</t>
  </si>
  <si>
    <t>E02007086</t>
  </si>
  <si>
    <t>Cambridge 015</t>
  </si>
  <si>
    <t>E01035525</t>
  </si>
  <si>
    <t>Cambridge 015B</t>
  </si>
  <si>
    <t>E01035526</t>
  </si>
  <si>
    <t>Cambridge 015C</t>
  </si>
  <si>
    <t>E01035527</t>
  </si>
  <si>
    <t>Cambridge 015D</t>
  </si>
  <si>
    <t>E01035528</t>
  </si>
  <si>
    <t>Cambridge 015E</t>
  </si>
  <si>
    <t>E01035529</t>
  </si>
  <si>
    <t>Cambridge 015F</t>
  </si>
  <si>
    <t>E01035530</t>
  </si>
  <si>
    <t>Cambridge 015G</t>
  </si>
  <si>
    <t>E01035531</t>
  </si>
  <si>
    <t>East Cambridgeshire 001F</t>
  </si>
  <si>
    <t>E01035532</t>
  </si>
  <si>
    <t>East Cambridgeshire 001G</t>
  </si>
  <si>
    <t>E01035533</t>
  </si>
  <si>
    <t>East Cambridgeshire 003H</t>
  </si>
  <si>
    <t>E01035534</t>
  </si>
  <si>
    <t>East Cambridgeshire 003I</t>
  </si>
  <si>
    <t>E01035535</t>
  </si>
  <si>
    <t>East Cambridgeshire 004H</t>
  </si>
  <si>
    <t>E01035536</t>
  </si>
  <si>
    <t>Fenland 011F</t>
  </si>
  <si>
    <t>E01035537</t>
  </si>
  <si>
    <t>Fenland 011G</t>
  </si>
  <si>
    <t>E01035538</t>
  </si>
  <si>
    <t>Peterborough 007G</t>
  </si>
  <si>
    <t>E01035539</t>
  </si>
  <si>
    <t>Peterborough 007H</t>
  </si>
  <si>
    <t>E01035540</t>
  </si>
  <si>
    <t>Peterborough 013G</t>
  </si>
  <si>
    <t>E01035541</t>
  </si>
  <si>
    <t>Peterborough 013H</t>
  </si>
  <si>
    <t>E01035542</t>
  </si>
  <si>
    <t>Peterborough 014F</t>
  </si>
  <si>
    <t>E01035543</t>
  </si>
  <si>
    <t>Peterborough 014G</t>
  </si>
  <si>
    <t>E01035544</t>
  </si>
  <si>
    <t>Peterborough 017F</t>
  </si>
  <si>
    <t>E01035545</t>
  </si>
  <si>
    <t>Peterborough 017G</t>
  </si>
  <si>
    <t>E01035546</t>
  </si>
  <si>
    <t>Peterborough 019G</t>
  </si>
  <si>
    <t>E01035547</t>
  </si>
  <si>
    <t>Peterborough 019H</t>
  </si>
  <si>
    <t>E01035548</t>
  </si>
  <si>
    <t>Peterborough 019I</t>
  </si>
  <si>
    <t>E01035549</t>
  </si>
  <si>
    <t>Peterborough 019J</t>
  </si>
  <si>
    <t>E01035551</t>
  </si>
  <si>
    <t>Peterborough 023G</t>
  </si>
  <si>
    <t>E01035552</t>
  </si>
  <si>
    <t>Peterborough 023H</t>
  </si>
  <si>
    <t>E01035553</t>
  </si>
  <si>
    <t>Peterborough 023I</t>
  </si>
  <si>
    <t>E01035554</t>
  </si>
  <si>
    <t>Peterborough 023J</t>
  </si>
  <si>
    <t>E01035555</t>
  </si>
  <si>
    <t>South Cambridgeshire 003E</t>
  </si>
  <si>
    <t>E01035556</t>
  </si>
  <si>
    <t>South Cambridgeshire 003F</t>
  </si>
  <si>
    <t>E01035557</t>
  </si>
  <si>
    <t>South Cambridgeshire 003G</t>
  </si>
  <si>
    <t>E01035558</t>
  </si>
  <si>
    <t>South Cambridgeshire 003H</t>
  </si>
  <si>
    <t>E01035559</t>
  </si>
  <si>
    <t>South Cambridgeshire 020F</t>
  </si>
  <si>
    <t>E01035560</t>
  </si>
  <si>
    <t>South Cambridgeshire 020G</t>
  </si>
  <si>
    <t>E01035561</t>
  </si>
  <si>
    <t>South Cambridgeshire 022D</t>
  </si>
  <si>
    <t>E01035562</t>
  </si>
  <si>
    <t>Dacorum 015F</t>
  </si>
  <si>
    <t>E01035563</t>
  </si>
  <si>
    <t>Dacorum 015G</t>
  </si>
  <si>
    <t>E01035564</t>
  </si>
  <si>
    <t>Dacorum 015H</t>
  </si>
  <si>
    <t>E01035566</t>
  </si>
  <si>
    <t>St Albans 012E</t>
  </si>
  <si>
    <t>E01035567</t>
  </si>
  <si>
    <t>St Albans 012F</t>
  </si>
  <si>
    <t>E01035568</t>
  </si>
  <si>
    <t>Stevenage 001E</t>
  </si>
  <si>
    <t>E01035569</t>
  </si>
  <si>
    <t>Stevenage 001F</t>
  </si>
  <si>
    <t>E01035570</t>
  </si>
  <si>
    <t>Stevenage 008E</t>
  </si>
  <si>
    <t>E01035571</t>
  </si>
  <si>
    <t>Stevenage 008F</t>
  </si>
  <si>
    <t>E01035572</t>
  </si>
  <si>
    <t>Watford 007E</t>
  </si>
  <si>
    <t>E01035573</t>
  </si>
  <si>
    <t>Watford 007F</t>
  </si>
  <si>
    <t>E01035574</t>
  </si>
  <si>
    <t>Watford 009E</t>
  </si>
  <si>
    <t>E01035575</t>
  </si>
  <si>
    <t>Watford 009F</t>
  </si>
  <si>
    <t>E01035576</t>
  </si>
  <si>
    <t>Watford 009G</t>
  </si>
  <si>
    <t>E01035577</t>
  </si>
  <si>
    <t>Watford 009H</t>
  </si>
  <si>
    <t>E01035578</t>
  </si>
  <si>
    <t>Watford 009I</t>
  </si>
  <si>
    <t>E01035579</t>
  </si>
  <si>
    <t>Watford 011F</t>
  </si>
  <si>
    <t>E01035580</t>
  </si>
  <si>
    <t>Watford 011G</t>
  </si>
  <si>
    <t>E01035581</t>
  </si>
  <si>
    <t>St Albans 021C</t>
  </si>
  <si>
    <t>E01035582</t>
  </si>
  <si>
    <t>Stevenage 013A</t>
  </si>
  <si>
    <t>E01035583</t>
  </si>
  <si>
    <t>Broxbourne 005F</t>
  </si>
  <si>
    <t>E01035584</t>
  </si>
  <si>
    <t>Broxbourne 005G</t>
  </si>
  <si>
    <t>E01035585</t>
  </si>
  <si>
    <t>Broxbourne 013E</t>
  </si>
  <si>
    <t>E01035586</t>
  </si>
  <si>
    <t>Broxbourne 013F</t>
  </si>
  <si>
    <t>E01035587</t>
  </si>
  <si>
    <t>East Hertfordshire 001E</t>
  </si>
  <si>
    <t>E01035588</t>
  </si>
  <si>
    <t>East Hertfordshire 001F</t>
  </si>
  <si>
    <t>E01035589</t>
  </si>
  <si>
    <t>East Hertfordshire 001G</t>
  </si>
  <si>
    <t>E01035590</t>
  </si>
  <si>
    <t>East Hertfordshire 004D</t>
  </si>
  <si>
    <t>E01035591</t>
  </si>
  <si>
    <t>East Hertfordshire 004E</t>
  </si>
  <si>
    <t>E01035592</t>
  </si>
  <si>
    <t>East Hertfordshire 006D</t>
  </si>
  <si>
    <t>E01035593</t>
  </si>
  <si>
    <t>East Hertfordshire 006E</t>
  </si>
  <si>
    <t>E01035594</t>
  </si>
  <si>
    <t>East Hertfordshire 007G</t>
  </si>
  <si>
    <t>E01035595</t>
  </si>
  <si>
    <t>East Hertfordshire 007H</t>
  </si>
  <si>
    <t>E01035596</t>
  </si>
  <si>
    <t>East Hertfordshire 017F</t>
  </si>
  <si>
    <t>E01035597</t>
  </si>
  <si>
    <t>East Hertfordshire 017G</t>
  </si>
  <si>
    <t>E01035598</t>
  </si>
  <si>
    <t>Hertsmere 011F</t>
  </si>
  <si>
    <t>E01035599</t>
  </si>
  <si>
    <t>Hertsmere 011G</t>
  </si>
  <si>
    <t>E01035600</t>
  </si>
  <si>
    <t>Three Rivers 001F</t>
  </si>
  <si>
    <t>E01035601</t>
  </si>
  <si>
    <t>Three Rivers 001G</t>
  </si>
  <si>
    <t>E01035602</t>
  </si>
  <si>
    <t>Three Rivers 002F</t>
  </si>
  <si>
    <t>E01035603</t>
  </si>
  <si>
    <t>Three Rivers 002G</t>
  </si>
  <si>
    <t>E01035604</t>
  </si>
  <si>
    <t>Welwyn Hatfield 007F</t>
  </si>
  <si>
    <t>E01035605</t>
  </si>
  <si>
    <t>Welwyn Hatfield 007G</t>
  </si>
  <si>
    <t>E01035606</t>
  </si>
  <si>
    <t>Welwyn Hatfield 009E</t>
  </si>
  <si>
    <t>E01035607</t>
  </si>
  <si>
    <t>Welwyn Hatfield 009F</t>
  </si>
  <si>
    <t>E01035608</t>
  </si>
  <si>
    <t>Welwyn Hatfield 017C</t>
  </si>
  <si>
    <t>E01035609</t>
  </si>
  <si>
    <t>East Hertfordshire 019C</t>
  </si>
  <si>
    <t>E01035638</t>
  </si>
  <si>
    <t>Hackney 002G</t>
  </si>
  <si>
    <t>E01035639</t>
  </si>
  <si>
    <t>Hackney 002H</t>
  </si>
  <si>
    <t>E01035640</t>
  </si>
  <si>
    <t>Hackney 020F</t>
  </si>
  <si>
    <t>E01035641</t>
  </si>
  <si>
    <t>Hackney 020G</t>
  </si>
  <si>
    <t>E01035642</t>
  </si>
  <si>
    <t>Hackney 025G</t>
  </si>
  <si>
    <t>E01035643</t>
  </si>
  <si>
    <t>Hackney 025H</t>
  </si>
  <si>
    <t>E01035644</t>
  </si>
  <si>
    <t>Hackney 025I</t>
  </si>
  <si>
    <t>E01035645</t>
  </si>
  <si>
    <t>Hackney 025J</t>
  </si>
  <si>
    <t>E01035646</t>
  </si>
  <si>
    <t>Hackney 026E</t>
  </si>
  <si>
    <t>E01035647</t>
  </si>
  <si>
    <t>Hackney 026F</t>
  </si>
  <si>
    <t>E01035648</t>
  </si>
  <si>
    <t>Hackney 026G</t>
  </si>
  <si>
    <t>E01035649</t>
  </si>
  <si>
    <t>Hackney 026H</t>
  </si>
  <si>
    <t>E01035650</t>
  </si>
  <si>
    <t>Hackney 031C</t>
  </si>
  <si>
    <t>E01035651</t>
  </si>
  <si>
    <t>Islington 007E</t>
  </si>
  <si>
    <t>E01035652</t>
  </si>
  <si>
    <t>Islington 007F</t>
  </si>
  <si>
    <t>E01035653</t>
  </si>
  <si>
    <t>Islington 011J</t>
  </si>
  <si>
    <t>E01035654</t>
  </si>
  <si>
    <t>Islington 011K</t>
  </si>
  <si>
    <t>E01035655</t>
  </si>
  <si>
    <t>Islington 020F</t>
  </si>
  <si>
    <t>E01035656</t>
  </si>
  <si>
    <t>Islington 020G</t>
  </si>
  <si>
    <t>E01035657</t>
  </si>
  <si>
    <t>Tower Hamlets 001E</t>
  </si>
  <si>
    <t>E01035658</t>
  </si>
  <si>
    <t>Tower Hamlets 001F</t>
  </si>
  <si>
    <t>E01035659</t>
  </si>
  <si>
    <t>Tower Hamlets 001G</t>
  </si>
  <si>
    <t>E01035660</t>
  </si>
  <si>
    <t>Tower Hamlets 002E</t>
  </si>
  <si>
    <t>E01035661</t>
  </si>
  <si>
    <t>Tower Hamlets 002F</t>
  </si>
  <si>
    <t>E01035662</t>
  </si>
  <si>
    <t>Tower Hamlets 004H</t>
  </si>
  <si>
    <t>E01035663</t>
  </si>
  <si>
    <t>Tower Hamlets 004I</t>
  </si>
  <si>
    <t>E01035664</t>
  </si>
  <si>
    <t>Tower Hamlets 006E</t>
  </si>
  <si>
    <t>E01035665</t>
  </si>
  <si>
    <t>Tower Hamlets 008F</t>
  </si>
  <si>
    <t>E01035666</t>
  </si>
  <si>
    <t>Tower Hamlets 008G</t>
  </si>
  <si>
    <t>E01035667</t>
  </si>
  <si>
    <t>Tower Hamlets 008H</t>
  </si>
  <si>
    <t>E01035668</t>
  </si>
  <si>
    <t>Tower Hamlets 009E</t>
  </si>
  <si>
    <t>E01035669</t>
  </si>
  <si>
    <t>Tower Hamlets 009F</t>
  </si>
  <si>
    <t>E01035670</t>
  </si>
  <si>
    <t>Tower Hamlets 010G</t>
  </si>
  <si>
    <t>E01035671</t>
  </si>
  <si>
    <t>Tower Hamlets 012F</t>
  </si>
  <si>
    <t>E01035672</t>
  </si>
  <si>
    <t>Tower Hamlets 012G</t>
  </si>
  <si>
    <t>E01035673</t>
  </si>
  <si>
    <t>Tower Hamlets 012H</t>
  </si>
  <si>
    <t>E01035674</t>
  </si>
  <si>
    <t>Tower Hamlets 014F</t>
  </si>
  <si>
    <t>E01035675</t>
  </si>
  <si>
    <t>Tower Hamlets 014G</t>
  </si>
  <si>
    <t>E01035676</t>
  </si>
  <si>
    <t>Tower Hamlets 014H</t>
  </si>
  <si>
    <t>E01035677</t>
  </si>
  <si>
    <t>Tower Hamlets 014I</t>
  </si>
  <si>
    <t>E01035678</t>
  </si>
  <si>
    <t>Tower Hamlets 018E</t>
  </si>
  <si>
    <t>E01035679</t>
  </si>
  <si>
    <t>Tower Hamlets 018F</t>
  </si>
  <si>
    <t>E01035680</t>
  </si>
  <si>
    <t>Tower Hamlets 019E</t>
  </si>
  <si>
    <t>E01035681</t>
  </si>
  <si>
    <t>Tower Hamlets 019F</t>
  </si>
  <si>
    <t>E01035682</t>
  </si>
  <si>
    <t>Tower Hamlets 019G</t>
  </si>
  <si>
    <t>E01035683</t>
  </si>
  <si>
    <t>Tower Hamlets 019H</t>
  </si>
  <si>
    <t>E01035684</t>
  </si>
  <si>
    <t>Tower Hamlets 020E</t>
  </si>
  <si>
    <t>E01035685</t>
  </si>
  <si>
    <t>Tower Hamlets 020F</t>
  </si>
  <si>
    <t>E01035686</t>
  </si>
  <si>
    <t>Tower Hamlets 021G</t>
  </si>
  <si>
    <t>E01035687</t>
  </si>
  <si>
    <t>Tower Hamlets 021H</t>
  </si>
  <si>
    <t>E01035688</t>
  </si>
  <si>
    <t>Tower Hamlets 021I</t>
  </si>
  <si>
    <t>E01035689</t>
  </si>
  <si>
    <t>Tower Hamlets 021J</t>
  </si>
  <si>
    <t>E01035690</t>
  </si>
  <si>
    <t>Tower Hamlets 023E</t>
  </si>
  <si>
    <t>E01035691</t>
  </si>
  <si>
    <t>Tower Hamlets 023F</t>
  </si>
  <si>
    <t>E01035692</t>
  </si>
  <si>
    <t>Tower Hamlets 024E</t>
  </si>
  <si>
    <t>E01035693</t>
  </si>
  <si>
    <t>Tower Hamlets 024F</t>
  </si>
  <si>
    <t>E01035694</t>
  </si>
  <si>
    <t>Tower Hamlets 024G</t>
  </si>
  <si>
    <t>E01035695</t>
  </si>
  <si>
    <t>Tower Hamlets 024H</t>
  </si>
  <si>
    <t>E01035696</t>
  </si>
  <si>
    <t>Tower Hamlets 026E</t>
  </si>
  <si>
    <t>E01035697</t>
  </si>
  <si>
    <t>Tower Hamlets 026F</t>
  </si>
  <si>
    <t>E01035698</t>
  </si>
  <si>
    <t>Tower Hamlets 032F</t>
  </si>
  <si>
    <t>E01035699</t>
  </si>
  <si>
    <t>Tower Hamlets 032G</t>
  </si>
  <si>
    <t>E01035700</t>
  </si>
  <si>
    <t>Tower Hamlets 034A</t>
  </si>
  <si>
    <t>E01035701</t>
  </si>
  <si>
    <t>Tower Hamlets 034B</t>
  </si>
  <si>
    <t>E01035702</t>
  </si>
  <si>
    <t>Tower Hamlets 034C</t>
  </si>
  <si>
    <t>E01035703</t>
  </si>
  <si>
    <t>Tower Hamlets 036B</t>
  </si>
  <si>
    <t>E01035704</t>
  </si>
  <si>
    <t>Tower Hamlets 036C</t>
  </si>
  <si>
    <t>E01035705</t>
  </si>
  <si>
    <t>Tower Hamlets 036D</t>
  </si>
  <si>
    <t>E01035706</t>
  </si>
  <si>
    <t>Tower Hamlets 036E</t>
  </si>
  <si>
    <t>E01035707</t>
  </si>
  <si>
    <t>Camden 015F</t>
  </si>
  <si>
    <t>E01035708</t>
  </si>
  <si>
    <t>Camden 022F</t>
  </si>
  <si>
    <t>E01035709</t>
  </si>
  <si>
    <t>Camden 022G</t>
  </si>
  <si>
    <t>E01035710</t>
  </si>
  <si>
    <t>Camden 023F</t>
  </si>
  <si>
    <t>E01035711</t>
  </si>
  <si>
    <t>Camden 026E</t>
  </si>
  <si>
    <t>E01035712</t>
  </si>
  <si>
    <t>Camden 029E</t>
  </si>
  <si>
    <t>E01035713</t>
  </si>
  <si>
    <t>Kensington and Chelsea 016F</t>
  </si>
  <si>
    <t>E01035714</t>
  </si>
  <si>
    <t>Kensington and Chelsea 020F</t>
  </si>
  <si>
    <t>E01035715</t>
  </si>
  <si>
    <t>Westminster 007H</t>
  </si>
  <si>
    <t>E01035716</t>
  </si>
  <si>
    <t>Westminster 013G</t>
  </si>
  <si>
    <t>E01035717</t>
  </si>
  <si>
    <t>Westminster 014H</t>
  </si>
  <si>
    <t>E01035718</t>
  </si>
  <si>
    <t>Westminster 019G</t>
  </si>
  <si>
    <t>E01035719</t>
  </si>
  <si>
    <t>Westminster 021F</t>
  </si>
  <si>
    <t>E01035720</t>
  </si>
  <si>
    <t>Westminster 021G</t>
  </si>
  <si>
    <t>E01035721</t>
  </si>
  <si>
    <t>Westminster 023H</t>
  </si>
  <si>
    <t>E01035722</t>
  </si>
  <si>
    <t>Westminster 024G</t>
  </si>
  <si>
    <t>QC Report</t>
  </si>
  <si>
    <t>Network-level totals</t>
  </si>
  <si>
    <t>Units: Number</t>
  </si>
  <si>
    <t>Licence Area</t>
  </si>
  <si>
    <t>Disaggregated LSOA Total - 2024</t>
  </si>
  <si>
    <t>Network Level Total - 2024</t>
  </si>
  <si>
    <t>Check</t>
  </si>
  <si>
    <t>Disaggregated LSOA Total - 2050</t>
  </si>
  <si>
    <t>Network Level Total - 2050</t>
  </si>
  <si>
    <t>Comments</t>
  </si>
  <si>
    <t>UKPN</t>
  </si>
  <si>
    <t>Network-level (unrounded) or Disaggregated</t>
  </si>
  <si>
    <t>Disaggregated (rounded)</t>
  </si>
  <si>
    <t>Network-level (unrounded)</t>
  </si>
  <si>
    <t xml:space="preserve">In addition to the above checks, we also carry out tests in the pre-processing of the data, also addressing all years between 2024 and 2050. </t>
  </si>
  <si>
    <t xml:space="preserve">Furthermore, we check that minimum and maximum values reported in the outputs are sensible. </t>
  </si>
  <si>
    <t>ERM Data Sources</t>
  </si>
  <si>
    <t>Data Source (ERM excel file name)</t>
  </si>
  <si>
    <t>Purpose of use</t>
  </si>
  <si>
    <t>User</t>
  </si>
  <si>
    <t>Small scale PV and storage UKPN V2.22.xlsb</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3">
    <numFmt numFmtId="43" formatCode="_-* #,##0.00_-;\-* #,##0.00_-;_-* &quot;-&quot;??_-;_-@_-"/>
    <numFmt numFmtId="164" formatCode="_-* #,##0.0_-;\-* #,##0.0_-;_-* &quot;-&quot;??_-;_-@_-"/>
    <numFmt numFmtId="165" formatCode="#,##0_ ;\-#,##0\ "/>
  </numFmts>
  <fonts count="25">
    <font>
      <sz val="10"/>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2"/>
      <color theme="0"/>
      <name val="Verdana"/>
      <family val="2"/>
      <scheme val="minor"/>
    </font>
    <font>
      <sz val="10"/>
      <name val="Verdana"/>
      <family val="2"/>
      <scheme val="minor"/>
    </font>
    <font>
      <b/>
      <sz val="10"/>
      <name val="Verdana"/>
      <family val="2"/>
      <scheme val="minor"/>
    </font>
    <font>
      <b/>
      <sz val="10"/>
      <color theme="0"/>
      <name val="Verdana"/>
      <family val="2"/>
      <scheme val="minor"/>
    </font>
    <font>
      <sz val="12"/>
      <color theme="4"/>
      <name val="Verdana"/>
      <family val="2"/>
      <scheme val="minor"/>
    </font>
    <font>
      <sz val="12"/>
      <name val="Verdana"/>
      <family val="2"/>
      <scheme val="minor"/>
    </font>
    <font>
      <sz val="10"/>
      <color rgb="FFFF3600"/>
      <name val="Verdana"/>
      <family val="2"/>
      <scheme val="minor"/>
    </font>
    <font>
      <i/>
      <sz val="10"/>
      <color theme="1"/>
      <name val="Verdana"/>
      <family val="2"/>
      <scheme val="minor"/>
    </font>
    <font>
      <sz val="12"/>
      <color theme="4"/>
      <name val="Verdana"/>
      <family val="2"/>
      <scheme val="major"/>
    </font>
    <font>
      <b/>
      <sz val="10"/>
      <color theme="1"/>
      <name val="Verdana"/>
      <family val="2"/>
      <scheme val="minor"/>
    </font>
    <font>
      <b/>
      <sz val="10"/>
      <name val="Verdana (Body)"/>
    </font>
    <font>
      <sz val="10"/>
      <color theme="1"/>
      <name val="Verdana"/>
      <family val="2"/>
      <scheme val="minor"/>
    </font>
    <font>
      <sz val="11"/>
      <color theme="0"/>
      <name val="Verdana"/>
      <family val="2"/>
      <scheme val="minor"/>
    </font>
    <font>
      <b/>
      <sz val="11"/>
      <color theme="1"/>
      <name val="Verdana"/>
      <family val="2"/>
      <scheme val="minor"/>
    </font>
    <font>
      <b/>
      <sz val="18"/>
      <color theme="1"/>
      <name val="Verdana"/>
      <family val="2"/>
      <scheme val="minor"/>
    </font>
    <font>
      <b/>
      <u/>
      <sz val="11"/>
      <color theme="1"/>
      <name val="Verdana"/>
      <family val="2"/>
      <scheme val="minor"/>
    </font>
    <font>
      <i/>
      <sz val="11"/>
      <color theme="1"/>
      <name val="Verdana"/>
      <family val="2"/>
      <scheme val="minor"/>
    </font>
    <font>
      <u/>
      <sz val="11"/>
      <color theme="10"/>
      <name val="Verdana"/>
      <family val="2"/>
      <scheme val="minor"/>
    </font>
    <font>
      <sz val="11"/>
      <color rgb="FF000000"/>
      <name val="Verdana"/>
      <family val="2"/>
      <scheme val="minor"/>
    </font>
    <font>
      <b/>
      <sz val="16"/>
      <color theme="1"/>
      <name val="Verdana"/>
      <family val="2"/>
      <scheme val="minor"/>
    </font>
  </fonts>
  <fills count="17">
    <fill>
      <patternFill patternType="none"/>
    </fill>
    <fill>
      <patternFill patternType="gray125"/>
    </fill>
    <fill>
      <patternFill patternType="solid">
        <fgColor theme="6"/>
      </patternFill>
    </fill>
    <fill>
      <patternFill patternType="solid">
        <fgColor theme="7"/>
      </patternFill>
    </fill>
    <fill>
      <patternFill patternType="solid">
        <fgColor theme="8"/>
      </patternFill>
    </fill>
    <fill>
      <patternFill patternType="solid">
        <fgColor theme="9"/>
      </patternFill>
    </fill>
    <fill>
      <patternFill patternType="solid">
        <fgColor rgb="FF00EB00"/>
      </patternFill>
    </fill>
    <fill>
      <patternFill patternType="solid">
        <fgColor rgb="FFDCFF00"/>
      </patternFill>
    </fill>
    <fill>
      <patternFill patternType="solid">
        <fgColor rgb="FFD9D9D9"/>
      </patternFill>
    </fill>
    <fill>
      <patternFill patternType="solid">
        <fgColor theme="0" tint="-4.9989318521683403E-2"/>
        <bgColor indexed="65"/>
      </patternFill>
    </fill>
    <fill>
      <patternFill patternType="solid">
        <fgColor theme="2"/>
      </patternFill>
    </fill>
    <fill>
      <patternFill patternType="solid">
        <fgColor theme="3"/>
      </patternFill>
    </fill>
    <fill>
      <patternFill patternType="solid">
        <fgColor theme="5"/>
      </patternFill>
    </fill>
    <fill>
      <patternFill patternType="solid">
        <fgColor theme="9" tint="0.79998168889431442"/>
        <bgColor indexed="64"/>
      </patternFill>
    </fill>
    <fill>
      <patternFill patternType="solid">
        <fgColor theme="0"/>
        <bgColor indexed="64"/>
      </patternFill>
    </fill>
    <fill>
      <patternFill patternType="solid">
        <fgColor rgb="FFFFFFFF"/>
        <bgColor rgb="FF000000"/>
      </patternFill>
    </fill>
    <fill>
      <patternFill patternType="solid">
        <fgColor theme="0" tint="-0.14999847407452621"/>
        <bgColor indexed="64"/>
      </patternFill>
    </fill>
  </fills>
  <borders count="28">
    <border>
      <left/>
      <right/>
      <top/>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bottom style="thick">
        <color theme="1"/>
      </bottom>
      <diagonal/>
    </border>
    <border>
      <left/>
      <right/>
      <top style="medium">
        <color theme="1"/>
      </top>
      <bottom style="medium">
        <color theme="1"/>
      </bottom>
      <diagonal/>
    </border>
    <border>
      <left/>
      <right/>
      <top/>
      <bottom style="thick">
        <color theme="4"/>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style="thin">
        <color indexed="64"/>
      </left>
      <right/>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style="thin">
        <color indexed="64"/>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s>
  <cellStyleXfs count="30">
    <xf numFmtId="0" fontId="0" fillId="0" borderId="0"/>
    <xf numFmtId="0" fontId="13" fillId="0" borderId="0" applyNumberFormat="0" applyFill="0" applyBorder="0" applyAlignment="0" applyProtection="0"/>
    <xf numFmtId="0" fontId="7" fillId="11" borderId="0" applyNumberFormat="0" applyAlignment="0" applyProtection="0"/>
    <xf numFmtId="0" fontId="7" fillId="0" borderId="5" applyNumberFormat="0" applyFill="0" applyAlignment="0" applyProtection="0"/>
    <xf numFmtId="0" fontId="8" fillId="12" borderId="0" applyNumberFormat="0" applyBorder="0" applyAlignment="0" applyProtection="0"/>
    <xf numFmtId="0" fontId="7" fillId="0" borderId="0" applyNumberFormat="0" applyFill="0" applyBorder="0" applyAlignment="0" applyProtection="0"/>
    <xf numFmtId="0" fontId="6" fillId="6" borderId="0" applyNumberFormat="0" applyBorder="0" applyAlignment="0" applyProtection="0"/>
    <xf numFmtId="0" fontId="6" fillId="8" borderId="0" applyNumberFormat="0" applyBorder="0" applyAlignment="0" applyProtection="0"/>
    <xf numFmtId="0" fontId="6" fillId="7" borderId="0" applyNumberFormat="0" applyBorder="0" applyAlignment="0" applyProtection="0"/>
    <xf numFmtId="0" fontId="6" fillId="10" borderId="1" applyNumberFormat="0" applyAlignment="0" applyProtection="0"/>
    <xf numFmtId="0" fontId="7" fillId="9" borderId="2" applyNumberFormat="0" applyAlignment="0" applyProtection="0"/>
    <xf numFmtId="0" fontId="7" fillId="9" borderId="1" applyNumberFormat="0" applyAlignment="0" applyProtection="0"/>
    <xf numFmtId="0" fontId="9" fillId="0" borderId="7" applyNumberFormat="0" applyFill="0" applyAlignment="0" applyProtection="0"/>
    <xf numFmtId="0" fontId="8" fillId="5" borderId="3" applyNumberFormat="0" applyAlignment="0" applyProtection="0"/>
    <xf numFmtId="0" fontId="11" fillId="0" borderId="0" applyNumberFormat="0" applyFill="0" applyBorder="0" applyAlignment="0" applyProtection="0"/>
    <xf numFmtId="0" fontId="10" fillId="0" borderId="4" applyNumberFormat="0" applyAlignment="0" applyProtection="0"/>
    <xf numFmtId="0" fontId="12" fillId="0" borderId="0" applyNumberFormat="0" applyFill="0" applyBorder="0" applyAlignment="0" applyProtection="0"/>
    <xf numFmtId="0" fontId="14" fillId="0" borderId="6" applyNumberFormat="0" applyFill="0" applyAlignment="0" applyProtection="0"/>
    <xf numFmtId="0" fontId="5" fillId="2" borderId="0" applyNumberFormat="0" applyBorder="0" applyAlignment="0" applyProtection="0"/>
    <xf numFmtId="0" fontId="10" fillId="3" borderId="0" applyNumberFormat="0" applyBorder="0" applyAlignment="0" applyProtection="0"/>
    <xf numFmtId="0" fontId="10" fillId="4" borderId="0" applyNumberFormat="0" applyBorder="0" applyAlignment="0" applyProtection="0"/>
    <xf numFmtId="0" fontId="7" fillId="11" borderId="0"/>
    <xf numFmtId="0" fontId="15" fillId="13" borderId="0"/>
    <xf numFmtId="9" fontId="16" fillId="0" borderId="0" applyFont="0" applyFill="0" applyBorder="0" applyAlignment="0" applyProtection="0"/>
    <xf numFmtId="0" fontId="4" fillId="0" borderId="0"/>
    <xf numFmtId="0" fontId="22" fillId="0" borderId="0" applyNumberFormat="0" applyFill="0" applyBorder="0" applyAlignment="0" applyProtection="0"/>
    <xf numFmtId="43" fontId="4" fillId="0" borderId="0" applyFont="0" applyFill="0" applyBorder="0" applyAlignment="0" applyProtection="0"/>
    <xf numFmtId="0" fontId="3" fillId="0" borderId="0"/>
    <xf numFmtId="0" fontId="2" fillId="0" borderId="0"/>
    <xf numFmtId="43" fontId="2" fillId="0" borderId="0" applyFont="0" applyFill="0" applyBorder="0" applyAlignment="0" applyProtection="0"/>
  </cellStyleXfs>
  <cellXfs count="99">
    <xf numFmtId="0" fontId="0" fillId="0" borderId="0" xfId="0"/>
    <xf numFmtId="0" fontId="0" fillId="14" borderId="0" xfId="0" applyFill="1"/>
    <xf numFmtId="9" fontId="0" fillId="0" borderId="0" xfId="23" applyFont="1"/>
    <xf numFmtId="0" fontId="14" fillId="0" borderId="0" xfId="0" applyFont="1"/>
    <xf numFmtId="0" fontId="4" fillId="14" borderId="8" xfId="24" applyFill="1" applyBorder="1"/>
    <xf numFmtId="0" fontId="4" fillId="14" borderId="9" xfId="24" applyFill="1" applyBorder="1"/>
    <xf numFmtId="0" fontId="4" fillId="14" borderId="10" xfId="24" applyFill="1" applyBorder="1"/>
    <xf numFmtId="0" fontId="4" fillId="14" borderId="0" xfId="24" applyFill="1"/>
    <xf numFmtId="0" fontId="4" fillId="14" borderId="11" xfId="24" applyFill="1" applyBorder="1"/>
    <xf numFmtId="0" fontId="4" fillId="14" borderId="12" xfId="24" applyFill="1" applyBorder="1"/>
    <xf numFmtId="0" fontId="18" fillId="14" borderId="0" xfId="24" applyFont="1" applyFill="1"/>
    <xf numFmtId="0" fontId="4" fillId="0" borderId="0" xfId="24"/>
    <xf numFmtId="0" fontId="18" fillId="14" borderId="20" xfId="24" applyFont="1" applyFill="1" applyBorder="1"/>
    <xf numFmtId="0" fontId="4" fillId="14" borderId="21" xfId="24" applyFill="1" applyBorder="1"/>
    <xf numFmtId="0" fontId="4" fillId="14" borderId="22" xfId="24" applyFill="1" applyBorder="1"/>
    <xf numFmtId="0" fontId="4" fillId="14" borderId="0" xfId="24" applyFill="1" applyAlignment="1">
      <alignment vertical="top"/>
    </xf>
    <xf numFmtId="0" fontId="18" fillId="14" borderId="0" xfId="24" applyFont="1" applyFill="1" applyAlignment="1">
      <alignment horizontal="center"/>
    </xf>
    <xf numFmtId="0" fontId="4" fillId="14" borderId="0" xfId="24" applyFill="1" applyAlignment="1">
      <alignment horizontal="center"/>
    </xf>
    <xf numFmtId="0" fontId="4" fillId="14" borderId="16" xfId="24" applyFill="1" applyBorder="1"/>
    <xf numFmtId="0" fontId="4" fillId="14" borderId="17" xfId="24" applyFill="1" applyBorder="1"/>
    <xf numFmtId="0" fontId="4" fillId="14" borderId="17" xfId="24" applyFill="1" applyBorder="1" applyAlignment="1">
      <alignment horizontal="left"/>
    </xf>
    <xf numFmtId="0" fontId="4" fillId="14" borderId="18" xfId="24" applyFill="1" applyBorder="1"/>
    <xf numFmtId="14" fontId="4" fillId="14" borderId="0" xfId="24" applyNumberFormat="1" applyFill="1"/>
    <xf numFmtId="0" fontId="4" fillId="14" borderId="13" xfId="24" applyFill="1" applyBorder="1"/>
    <xf numFmtId="0" fontId="4" fillId="14" borderId="14" xfId="24" applyFill="1" applyBorder="1"/>
    <xf numFmtId="0" fontId="4" fillId="14" borderId="15" xfId="24" applyFill="1" applyBorder="1"/>
    <xf numFmtId="0" fontId="4" fillId="14" borderId="12" xfId="24" applyFill="1" applyBorder="1" applyAlignment="1">
      <alignment horizontal="left" vertical="top" wrapText="1"/>
    </xf>
    <xf numFmtId="164" fontId="0" fillId="14" borderId="11" xfId="26" applyNumberFormat="1" applyFont="1" applyFill="1" applyBorder="1" applyAlignment="1">
      <alignment horizontal="left" vertical="top" wrapText="1"/>
    </xf>
    <xf numFmtId="14" fontId="4" fillId="14" borderId="0" xfId="24" applyNumberFormat="1" applyFill="1" applyAlignment="1">
      <alignment horizontal="right" vertical="top" wrapText="1"/>
    </xf>
    <xf numFmtId="0" fontId="4" fillId="14" borderId="0" xfId="24" applyFill="1" applyAlignment="1">
      <alignment horizontal="left" vertical="top" wrapText="1"/>
    </xf>
    <xf numFmtId="0" fontId="23" fillId="15" borderId="0" xfId="0" applyFont="1" applyFill="1"/>
    <xf numFmtId="0" fontId="22" fillId="15" borderId="0" xfId="25" applyFill="1"/>
    <xf numFmtId="0" fontId="2" fillId="14" borderId="8" xfId="28" applyFill="1" applyBorder="1"/>
    <xf numFmtId="0" fontId="2" fillId="14" borderId="9" xfId="28" applyFill="1" applyBorder="1"/>
    <xf numFmtId="0" fontId="2" fillId="14" borderId="10" xfId="28" applyFill="1" applyBorder="1"/>
    <xf numFmtId="0" fontId="2" fillId="14" borderId="0" xfId="28" applyFill="1"/>
    <xf numFmtId="0" fontId="2" fillId="14" borderId="11" xfId="28" applyFill="1" applyBorder="1"/>
    <xf numFmtId="0" fontId="2" fillId="14" borderId="12" xfId="28" applyFill="1" applyBorder="1"/>
    <xf numFmtId="0" fontId="19" fillId="14" borderId="0" xfId="28" applyFont="1" applyFill="1"/>
    <xf numFmtId="0" fontId="24" fillId="14" borderId="0" xfId="28" applyFont="1" applyFill="1"/>
    <xf numFmtId="0" fontId="2" fillId="14" borderId="13" xfId="28" applyFill="1" applyBorder="1"/>
    <xf numFmtId="0" fontId="2" fillId="14" borderId="14" xfId="28" applyFill="1" applyBorder="1"/>
    <xf numFmtId="0" fontId="2" fillId="14" borderId="15" xfId="28" applyFill="1" applyBorder="1"/>
    <xf numFmtId="0" fontId="20" fillId="14" borderId="0" xfId="28" applyFont="1" applyFill="1"/>
    <xf numFmtId="0" fontId="21" fillId="14" borderId="0" xfId="28" applyFont="1" applyFill="1"/>
    <xf numFmtId="0" fontId="2" fillId="14" borderId="0" xfId="28" applyFill="1" applyAlignment="1">
      <alignment vertical="top"/>
    </xf>
    <xf numFmtId="0" fontId="18" fillId="14" borderId="19" xfId="28" applyFont="1" applyFill="1" applyBorder="1" applyAlignment="1">
      <alignment horizontal="center"/>
    </xf>
    <xf numFmtId="0" fontId="18" fillId="14" borderId="19" xfId="28" applyFont="1" applyFill="1" applyBorder="1" applyAlignment="1">
      <alignment horizontal="center" wrapText="1"/>
    </xf>
    <xf numFmtId="0" fontId="21" fillId="14" borderId="19" xfId="28" applyFont="1" applyFill="1" applyBorder="1"/>
    <xf numFmtId="165" fontId="0" fillId="14" borderId="19" xfId="29" applyNumberFormat="1" applyFont="1" applyFill="1" applyBorder="1"/>
    <xf numFmtId="0" fontId="2" fillId="0" borderId="19" xfId="28" applyBorder="1" applyAlignment="1">
      <alignment horizontal="center"/>
    </xf>
    <xf numFmtId="165" fontId="0" fillId="14" borderId="0" xfId="29" applyNumberFormat="1" applyFont="1" applyFill="1" applyBorder="1"/>
    <xf numFmtId="0" fontId="18" fillId="14" borderId="0" xfId="28" applyFont="1" applyFill="1"/>
    <xf numFmtId="0" fontId="17" fillId="14" borderId="11" xfId="28" applyFont="1" applyFill="1" applyBorder="1"/>
    <xf numFmtId="0" fontId="18" fillId="0" borderId="19" xfId="28" applyFont="1" applyBorder="1" applyAlignment="1">
      <alignment horizontal="center" vertical="center" wrapText="1"/>
    </xf>
    <xf numFmtId="0" fontId="2" fillId="14" borderId="19" xfId="28" applyFill="1" applyBorder="1" applyAlignment="1">
      <alignment horizontal="center" vertical="center" wrapText="1"/>
    </xf>
    <xf numFmtId="0" fontId="2" fillId="0" borderId="19" xfId="28" applyBorder="1"/>
    <xf numFmtId="0" fontId="21" fillId="0" borderId="19" xfId="28" applyFont="1" applyBorder="1"/>
    <xf numFmtId="3" fontId="2" fillId="14" borderId="19" xfId="28" applyNumberFormat="1" applyFill="1" applyBorder="1" applyAlignment="1">
      <alignment horizontal="right" vertical="center" wrapText="1"/>
    </xf>
    <xf numFmtId="3" fontId="2" fillId="14" borderId="0" xfId="28" applyNumberFormat="1" applyFill="1"/>
    <xf numFmtId="0" fontId="2" fillId="16" borderId="19" xfId="28" applyFill="1" applyBorder="1"/>
    <xf numFmtId="0" fontId="21" fillId="16" borderId="19" xfId="28" applyFont="1" applyFill="1" applyBorder="1"/>
    <xf numFmtId="3" fontId="2" fillId="16" borderId="19" xfId="28" applyNumberFormat="1" applyFill="1" applyBorder="1" applyAlignment="1">
      <alignment horizontal="right" vertical="center" wrapText="1"/>
    </xf>
    <xf numFmtId="3" fontId="2" fillId="14" borderId="12" xfId="28" applyNumberFormat="1" applyFill="1" applyBorder="1"/>
    <xf numFmtId="0" fontId="2" fillId="14" borderId="0" xfId="28" applyFill="1" applyAlignment="1">
      <alignment horizontal="center"/>
    </xf>
    <xf numFmtId="0" fontId="2" fillId="14" borderId="18" xfId="28" applyFill="1" applyBorder="1"/>
    <xf numFmtId="0" fontId="2" fillId="14" borderId="10" xfId="28" applyFill="1" applyBorder="1" applyAlignment="1">
      <alignment horizontal="left" vertical="center"/>
    </xf>
    <xf numFmtId="0" fontId="2" fillId="14" borderId="12" xfId="28" applyFill="1" applyBorder="1" applyAlignment="1">
      <alignment horizontal="center"/>
    </xf>
    <xf numFmtId="0" fontId="2" fillId="14" borderId="15" xfId="28" applyFill="1" applyBorder="1" applyAlignment="1">
      <alignment horizontal="center"/>
    </xf>
    <xf numFmtId="0" fontId="1" fillId="14" borderId="0" xfId="28" applyFont="1" applyFill="1"/>
    <xf numFmtId="0" fontId="1" fillId="0" borderId="19" xfId="28" applyFont="1" applyBorder="1"/>
    <xf numFmtId="0" fontId="4" fillId="14" borderId="14" xfId="24" applyFill="1" applyBorder="1"/>
    <xf numFmtId="0" fontId="4" fillId="14" borderId="23" xfId="24" applyFill="1" applyBorder="1" applyAlignment="1">
      <alignment horizontal="left" wrapText="1"/>
    </xf>
    <xf numFmtId="0" fontId="4" fillId="14" borderId="0" xfId="24" applyFill="1" applyAlignment="1">
      <alignment horizontal="left" wrapText="1"/>
    </xf>
    <xf numFmtId="0" fontId="4" fillId="14" borderId="24" xfId="24" applyFill="1" applyBorder="1" applyAlignment="1">
      <alignment horizontal="left" wrapText="1"/>
    </xf>
    <xf numFmtId="0" fontId="4" fillId="14" borderId="25" xfId="24" applyFill="1" applyBorder="1" applyAlignment="1">
      <alignment horizontal="left" wrapText="1"/>
    </xf>
    <xf numFmtId="0" fontId="4" fillId="14" borderId="26" xfId="24" applyFill="1" applyBorder="1" applyAlignment="1">
      <alignment horizontal="left" wrapText="1"/>
    </xf>
    <xf numFmtId="0" fontId="4" fillId="14" borderId="27" xfId="24" applyFill="1" applyBorder="1" applyAlignment="1">
      <alignment horizontal="left" wrapText="1"/>
    </xf>
    <xf numFmtId="0" fontId="4" fillId="14" borderId="0" xfId="24" applyFill="1" applyAlignment="1">
      <alignment horizontal="center"/>
    </xf>
    <xf numFmtId="0" fontId="17" fillId="14" borderId="0" xfId="24" applyFont="1" applyFill="1" applyAlignment="1">
      <alignment horizontal="center"/>
    </xf>
    <xf numFmtId="0" fontId="4" fillId="14" borderId="17" xfId="24" applyFill="1" applyBorder="1" applyAlignment="1">
      <alignment horizontal="left"/>
    </xf>
    <xf numFmtId="0" fontId="4" fillId="14" borderId="0" xfId="24" applyFill="1" applyAlignment="1">
      <alignment horizontal="left" vertical="top" wrapText="1"/>
    </xf>
    <xf numFmtId="0" fontId="4" fillId="14" borderId="0" xfId="24" applyFill="1"/>
    <xf numFmtId="0" fontId="2" fillId="14" borderId="11" xfId="28" applyFill="1" applyBorder="1" applyAlignment="1">
      <alignment horizontal="center"/>
    </xf>
    <xf numFmtId="0" fontId="2" fillId="14" borderId="0" xfId="28" applyFill="1" applyAlignment="1">
      <alignment horizontal="center"/>
    </xf>
    <xf numFmtId="0" fontId="2" fillId="14" borderId="0" xfId="28" applyFill="1" applyAlignment="1">
      <alignment horizontal="left"/>
    </xf>
    <xf numFmtId="0" fontId="2" fillId="14" borderId="13" xfId="28" applyFill="1" applyBorder="1" applyAlignment="1">
      <alignment horizontal="center"/>
    </xf>
    <xf numFmtId="0" fontId="2" fillId="14" borderId="14" xfId="28" applyFill="1" applyBorder="1" applyAlignment="1">
      <alignment horizontal="center"/>
    </xf>
    <xf numFmtId="0" fontId="2" fillId="14" borderId="14" xfId="28" applyFill="1" applyBorder="1" applyAlignment="1">
      <alignment horizontal="left"/>
    </xf>
    <xf numFmtId="0" fontId="2" fillId="14" borderId="16" xfId="28" applyFill="1" applyBorder="1" applyAlignment="1">
      <alignment horizontal="left"/>
    </xf>
    <xf numFmtId="0" fontId="2" fillId="14" borderId="17" xfId="28" applyFill="1" applyBorder="1" applyAlignment="1">
      <alignment horizontal="left"/>
    </xf>
    <xf numFmtId="0" fontId="2" fillId="14" borderId="8" xfId="28" applyFill="1" applyBorder="1" applyAlignment="1">
      <alignment horizontal="left" vertical="center"/>
    </xf>
    <xf numFmtId="0" fontId="2" fillId="14" borderId="9" xfId="28" applyFill="1" applyBorder="1" applyAlignment="1">
      <alignment horizontal="left" vertical="center"/>
    </xf>
    <xf numFmtId="0" fontId="2" fillId="14" borderId="9" xfId="28" applyFill="1" applyBorder="1" applyAlignment="1">
      <alignment horizontal="left" vertical="center" wrapText="1"/>
    </xf>
    <xf numFmtId="0" fontId="18" fillId="14" borderId="16" xfId="28" applyFont="1" applyFill="1" applyBorder="1" applyAlignment="1">
      <alignment horizontal="center"/>
    </xf>
    <xf numFmtId="0" fontId="18" fillId="14" borderId="17" xfId="28" applyFont="1" applyFill="1" applyBorder="1" applyAlignment="1">
      <alignment horizontal="center"/>
    </xf>
    <xf numFmtId="0" fontId="18" fillId="14" borderId="18" xfId="28" applyFont="1" applyFill="1" applyBorder="1" applyAlignment="1">
      <alignment horizontal="center"/>
    </xf>
    <xf numFmtId="0" fontId="18" fillId="14" borderId="19" xfId="28" applyFont="1" applyFill="1" applyBorder="1" applyAlignment="1">
      <alignment horizontal="center" wrapText="1"/>
    </xf>
    <xf numFmtId="0" fontId="2" fillId="14" borderId="19" xfId="28" applyFill="1" applyBorder="1" applyAlignment="1">
      <alignment horizontal="left"/>
    </xf>
  </cellXfs>
  <cellStyles count="30">
    <cellStyle name="Accent3" xfId="18" builtinId="37" customBuiltin="1"/>
    <cellStyle name="Accent4" xfId="19" builtinId="41" customBuiltin="1"/>
    <cellStyle name="Accent5" xfId="20" builtinId="45" customBuiltin="1"/>
    <cellStyle name="Bad" xfId="7" builtinId="27" customBuiltin="1"/>
    <cellStyle name="Calculation" xfId="11" builtinId="22" customBuiltin="1"/>
    <cellStyle name="Check Cell" xfId="13" builtinId="23" customBuiltin="1"/>
    <cellStyle name="Comma 2" xfId="26" xr:uid="{9135A9BC-BEC3-4110-8CD1-912F2F8232F6}"/>
    <cellStyle name="Comma 3" xfId="29" xr:uid="{3695ED3F-7F90-46B9-8EE0-BAE4856374DF}"/>
    <cellStyle name="Explanatory Text" xfId="16" builtinId="53" customBuiltin="1"/>
    <cellStyle name="Good" xfId="6" builtinId="26" customBuiltin="1"/>
    <cellStyle name="Heading 1" xfId="2" builtinId="16" customBuiltin="1"/>
    <cellStyle name="Heading 2" xfId="3" builtinId="17" customBuiltin="1"/>
    <cellStyle name="Heading 3" xfId="4" builtinId="18" customBuiltin="1"/>
    <cellStyle name="Heading 4" xfId="5" builtinId="19" customBuiltin="1"/>
    <cellStyle name="Hyperlink 2" xfId="25" xr:uid="{18E96B03-F7EB-4CDB-A9CB-D59488E77210}"/>
    <cellStyle name="Input" xfId="9" builtinId="20" customBuiltin="1"/>
    <cellStyle name="Linked Cell" xfId="12" builtinId="24" customBuiltin="1"/>
    <cellStyle name="Neutral" xfId="8" builtinId="28" customBuiltin="1"/>
    <cellStyle name="Normal" xfId="0" builtinId="0" customBuiltin="1"/>
    <cellStyle name="Normal 2" xfId="24" xr:uid="{7892704D-56D1-4AE0-B8BE-F630B38980F0}"/>
    <cellStyle name="Normal 2 2" xfId="27" xr:uid="{1B964501-7A45-4FFC-8E4B-49ADE298C563}"/>
    <cellStyle name="Normal 3" xfId="28" xr:uid="{6B4B60EF-99C1-4127-ACB8-8ADF45A7D411}"/>
    <cellStyle name="Note" xfId="15" builtinId="10" customBuiltin="1"/>
    <cellStyle name="Output" xfId="10" builtinId="21" customBuiltin="1"/>
    <cellStyle name="Per cent" xfId="23" builtinId="5"/>
    <cellStyle name="Sub-header" xfId="22" xr:uid="{C6EFD1BB-A2C3-E845-BE80-924550D97F4F}"/>
    <cellStyle name="Table header" xfId="21" xr:uid="{3C8134F2-EEAD-0147-AE5F-AB92DC5F81EB}"/>
    <cellStyle name="Title" xfId="1" builtinId="15" customBuiltin="1"/>
    <cellStyle name="Total" xfId="17" builtinId="25" customBuiltin="1"/>
    <cellStyle name="Warning Text" xfId="14" builtinId="11" customBuiltin="1"/>
  </cellStyles>
  <dxfs count="6">
    <dxf>
      <font>
        <b/>
        <i val="0"/>
        <color theme="0"/>
      </font>
      <fill>
        <patternFill>
          <bgColor rgb="FF00B050"/>
        </patternFill>
      </fill>
    </dxf>
    <dxf>
      <font>
        <b/>
        <i val="0"/>
        <color theme="0"/>
      </font>
      <fill>
        <patternFill>
          <bgColor rgb="FFFF0000"/>
        </patternFill>
      </fill>
    </dxf>
    <dxf>
      <font>
        <b/>
        <i val="0"/>
        <color theme="0"/>
      </font>
      <fill>
        <patternFill>
          <bgColor rgb="FF00B050"/>
        </patternFill>
      </fill>
    </dxf>
    <dxf>
      <font>
        <b/>
        <i val="0"/>
        <color theme="0"/>
      </font>
      <fill>
        <patternFill>
          <bgColor rgb="FFFF0000"/>
        </patternFill>
      </fill>
    </dxf>
    <dxf>
      <fill>
        <patternFill>
          <bgColor theme="3"/>
        </patternFill>
      </fill>
    </dxf>
    <dxf>
      <font>
        <b/>
        <i val="0"/>
      </font>
      <border diagonalUp="0" diagonalDown="0">
        <left style="thin">
          <color theme="9"/>
        </left>
        <right style="thin">
          <color theme="9"/>
        </right>
        <top style="thin">
          <color theme="9"/>
        </top>
        <bottom style="thin">
          <color theme="9"/>
        </bottom>
        <vertical style="thin">
          <color theme="9"/>
        </vertical>
        <horizontal style="thin">
          <color theme="9"/>
        </horizontal>
      </border>
    </dxf>
  </dxfs>
  <tableStyles count="1" defaultTableStyle="ERM table 1" defaultPivotStyle="PivotStyleLight16">
    <tableStyle name="ERM table 1" pivot="0" count="2" xr9:uid="{D894E281-B236-4745-8EC9-44A57C0774B5}">
      <tableStyleElement type="wholeTable" dxfId="5"/>
      <tableStyleElement type="headerRow" dxfId="4"/>
    </tableStyle>
  </tableStyles>
  <colors>
    <mruColors>
      <color rgb="FFFF3600"/>
      <color rgb="FFD9D9D9"/>
      <color rgb="FFDCFF00"/>
      <color rgb="FF00EB00"/>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alcChain" Target="calcChain.xml"/><Relationship Id="rId13"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4.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3.xml"/><Relationship Id="rId5" Type="http://schemas.openxmlformats.org/officeDocument/2006/relationships/theme" Target="theme/theme1.xml"/><Relationship Id="rId10" Type="http://schemas.openxmlformats.org/officeDocument/2006/relationships/customXml" Target="../customXml/item2.xml"/><Relationship Id="rId4" Type="http://schemas.openxmlformats.org/officeDocument/2006/relationships/externalLink" Target="externalLinks/externalLink1.xml"/><Relationship Id="rId9" Type="http://schemas.openxmlformats.org/officeDocument/2006/relationships/customXml" Target="../customXml/item1.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eg"/><Relationship Id="rId1" Type="http://schemas.openxmlformats.org/officeDocument/2006/relationships/image" Target="../media/image1.jpeg"/></Relationships>
</file>

<file path=xl/drawings/_rels/drawing2.xml.rels><?xml version="1.0" encoding="UTF-8" standalone="yes"?>
<Relationships xmlns="http://schemas.openxmlformats.org/package/2006/relationships"><Relationship Id="rId1" Type="http://schemas.openxmlformats.org/officeDocument/2006/relationships/image" Target="../media/image4.png"/></Relationships>
</file>

<file path=xl/drawings/drawing1.xml><?xml version="1.0" encoding="utf-8"?>
<xdr:wsDr xmlns:xdr="http://schemas.openxmlformats.org/drawingml/2006/spreadsheetDrawing" xmlns:a="http://schemas.openxmlformats.org/drawingml/2006/main">
  <xdr:twoCellAnchor editAs="oneCell">
    <xdr:from>
      <xdr:col>12</xdr:col>
      <xdr:colOff>1660448</xdr:colOff>
      <xdr:row>3</xdr:row>
      <xdr:rowOff>26544</xdr:rowOff>
    </xdr:from>
    <xdr:to>
      <xdr:col>13</xdr:col>
      <xdr:colOff>1331183</xdr:colOff>
      <xdr:row>8</xdr:row>
      <xdr:rowOff>9813</xdr:rowOff>
    </xdr:to>
    <xdr:pic>
      <xdr:nvPicPr>
        <xdr:cNvPr id="2" name="Picture 1" descr="ERM (consultancy) - Wikipedia">
          <a:extLst>
            <a:ext uri="{FF2B5EF4-FFF2-40B4-BE49-F238E27FC236}">
              <a16:creationId xmlns:a16="http://schemas.microsoft.com/office/drawing/2014/main" id="{B6EF4865-B91F-431D-A3D6-D20DDEC89AB2}"/>
            </a:ext>
          </a:extLst>
        </xdr:cNvPr>
        <xdr:cNvPicPr>
          <a:picLocks noChangeAspect="1" noChangeArrowheads="1"/>
        </xdr:cNvPicPr>
      </xdr:nvPicPr>
      <xdr:blipFill>
        <a:blip xmlns:r="http://schemas.openxmlformats.org/officeDocument/2006/relationships" r:embed="rId1">
          <a:extLst>
            <a:ext uri="{28A0092B-C50C-407E-A947-70E740481C1C}">
              <a14:useLocalDpi xmlns:a14="http://schemas.microsoft.com/office/drawing/2010/main" val="0"/>
            </a:ext>
          </a:extLst>
        </a:blip>
        <a:srcRect/>
        <a:stretch>
          <a:fillRect/>
        </a:stretch>
      </xdr:blipFill>
      <xdr:spPr bwMode="auto">
        <a:xfrm>
          <a:off x="9638588" y="575184"/>
          <a:ext cx="2436795" cy="83906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13</xdr:col>
      <xdr:colOff>27214</xdr:colOff>
      <xdr:row>16</xdr:row>
      <xdr:rowOff>70756</xdr:rowOff>
    </xdr:from>
    <xdr:to>
      <xdr:col>13</xdr:col>
      <xdr:colOff>572929</xdr:colOff>
      <xdr:row>19</xdr:row>
      <xdr:rowOff>135408</xdr:rowOff>
    </xdr:to>
    <xdr:pic>
      <xdr:nvPicPr>
        <xdr:cNvPr id="3" name="Picture 2">
          <a:extLst>
            <a:ext uri="{FF2B5EF4-FFF2-40B4-BE49-F238E27FC236}">
              <a16:creationId xmlns:a16="http://schemas.microsoft.com/office/drawing/2014/main" id="{DE56E71E-E565-419C-B976-559130CE8C7C}"/>
            </a:ext>
          </a:extLst>
        </xdr:cNvPr>
        <xdr:cNvPicPr>
          <a:picLocks noChangeAspect="1"/>
        </xdr:cNvPicPr>
      </xdr:nvPicPr>
      <xdr:blipFill>
        <a:blip xmlns:r="http://schemas.openxmlformats.org/officeDocument/2006/relationships" r:embed="rId2" cstate="print">
          <a:extLst>
            <a:ext uri="{28A0092B-C50C-407E-A947-70E740481C1C}">
              <a14:useLocalDpi xmlns:a14="http://schemas.microsoft.com/office/drawing/2010/main" val="0"/>
            </a:ext>
          </a:extLst>
        </a:blip>
        <a:stretch>
          <a:fillRect/>
        </a:stretch>
      </xdr:blipFill>
      <xdr:spPr>
        <a:xfrm>
          <a:off x="10706100" y="2857499"/>
          <a:ext cx="545715" cy="587166"/>
        </a:xfrm>
        <a:prstGeom prst="rect">
          <a:avLst/>
        </a:prstGeom>
      </xdr:spPr>
    </xdr:pic>
    <xdr:clientData/>
  </xdr:twoCellAnchor>
  <xdr:twoCellAnchor editAs="oneCell">
    <xdr:from>
      <xdr:col>13</xdr:col>
      <xdr:colOff>618881</xdr:colOff>
      <xdr:row>16</xdr:row>
      <xdr:rowOff>70756</xdr:rowOff>
    </xdr:from>
    <xdr:to>
      <xdr:col>13</xdr:col>
      <xdr:colOff>1160150</xdr:colOff>
      <xdr:row>19</xdr:row>
      <xdr:rowOff>123553</xdr:rowOff>
    </xdr:to>
    <xdr:pic>
      <xdr:nvPicPr>
        <xdr:cNvPr id="4" name="Picture 3">
          <a:extLst>
            <a:ext uri="{FF2B5EF4-FFF2-40B4-BE49-F238E27FC236}">
              <a16:creationId xmlns:a16="http://schemas.microsoft.com/office/drawing/2014/main" id="{1C36CCD8-4BD8-4EBA-AA86-363B6FEA7BA5}"/>
            </a:ext>
          </a:extLst>
        </xdr:cNvPr>
        <xdr:cNvPicPr>
          <a:picLocks noChangeAspect="1"/>
        </xdr:cNvPicPr>
      </xdr:nvPicPr>
      <xdr:blipFill>
        <a:blip xmlns:r="http://schemas.openxmlformats.org/officeDocument/2006/relationships" r:embed="rId3" cstate="print">
          <a:extLst>
            <a:ext uri="{28A0092B-C50C-407E-A947-70E740481C1C}">
              <a14:useLocalDpi xmlns:a14="http://schemas.microsoft.com/office/drawing/2010/main" val="0"/>
            </a:ext>
          </a:extLst>
        </a:blip>
        <a:stretch>
          <a:fillRect/>
        </a:stretch>
      </xdr:blipFill>
      <xdr:spPr>
        <a:xfrm>
          <a:off x="11297767" y="2857499"/>
          <a:ext cx="541269" cy="571501"/>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33</xdr:col>
      <xdr:colOff>111337</xdr:colOff>
      <xdr:row>3</xdr:row>
      <xdr:rowOff>33016</xdr:rowOff>
    </xdr:from>
    <xdr:to>
      <xdr:col>35</xdr:col>
      <xdr:colOff>171451</xdr:colOff>
      <xdr:row>6</xdr:row>
      <xdr:rowOff>64222</xdr:rowOff>
    </xdr:to>
    <xdr:pic>
      <xdr:nvPicPr>
        <xdr:cNvPr id="2" name="ERM Horizontal logo – Green" descr="ERM Horizontal logo – Green">
          <a:extLst>
            <a:ext uri="{FF2B5EF4-FFF2-40B4-BE49-F238E27FC236}">
              <a16:creationId xmlns:a16="http://schemas.microsoft.com/office/drawing/2014/main" id="{F22A6A6B-8B31-447A-80FC-08E0B8F77727}"/>
            </a:ext>
          </a:extLst>
        </xdr:cNvPr>
        <xdr:cNvPicPr>
          <a:picLocks/>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35010937" y="572766"/>
          <a:ext cx="1907964" cy="729705"/>
        </a:xfrm>
        <a:prstGeom prst="rect">
          <a:avLst/>
        </a:prstGeom>
      </xdr:spPr>
    </xdr:pic>
    <xdr:clientData/>
  </xdr:twoCellAnchor>
</xdr:wsDr>
</file>

<file path=xl/externalLinks/_rels/externalLink1.xml.rels><?xml version="1.0" encoding="UTF-8" standalone="yes"?>
<Relationships xmlns="http://schemas.openxmlformats.org/package/2006/relationships"><Relationship Id="rId2" Type="http://schemas.openxmlformats.org/officeDocument/2006/relationships/externalLinkPath" Target="../../../../../../../../NetworksProjects/Shared%20Documents/UKPN%20(1766)%20DFES%202021/WP1/Transport/HGVs%20and%20Buses/Bus-Coach-HGV%20uptake%20by%20LSOA.xlsb" TargetMode="External"/><Relationship Id="rId1" Type="http://schemas.openxmlformats.org/officeDocument/2006/relationships/externalLinkPath" Target="/sites/NetworksProjects/Shared%20Documents/UKPN%20(1766)%20DFES%202021/WP1/Transport/HGVs%20and%20Buses/Bus-Coach-HGV%20uptake%20by%20LSOA.xlsb"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relativeUrl r:id="rId2"/>
    </xxl21:alternateUrls>
    <sheetNames>
      <sheetName val="area mapping"/>
      <sheetName val="Baseline"/>
      <sheetName val="uptake scenarios"/>
      <sheetName val="HGV"/>
      <sheetName val="Bus"/>
      <sheetName val="Coach"/>
      <sheetName val="Minibus"/>
      <sheetName val="expected outcome"/>
      <sheetName val="Outputs"/>
      <sheetName val="Rounded output pivot"/>
      <sheetName val="QC Report"/>
      <sheetName val="HGV scenario outputs"/>
      <sheetName val="Bus scenario outputs"/>
      <sheetName val="Coach scenario outputs"/>
      <sheetName val="Minibus scenario outputs"/>
      <sheetName val="Rounded outputs"/>
      <sheetName val="fudge"/>
    </sheetNames>
    <sheetDataSet>
      <sheetData sheetId="0" refreshError="1"/>
      <sheetData sheetId="1" refreshError="1"/>
      <sheetData sheetId="2"/>
      <sheetData sheetId="3" refreshError="1"/>
      <sheetData sheetId="4" refreshError="1"/>
      <sheetData sheetId="5" refreshError="1"/>
      <sheetData sheetId="6" refreshError="1"/>
      <sheetData sheetId="7"/>
      <sheetData sheetId="8"/>
      <sheetData sheetId="9" refreshError="1"/>
      <sheetData sheetId="10" refreshError="1"/>
      <sheetData sheetId="11"/>
      <sheetData sheetId="12"/>
      <sheetData sheetId="13"/>
      <sheetData sheetId="14"/>
      <sheetData sheetId="15" refreshError="1"/>
      <sheetData sheetId="16"/>
    </sheetDataSet>
  </externalBook>
</externalLink>
</file>

<file path=xl/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Verdana">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hyperlink" Target="mailto:siem.vanlimpt@erm.com" TargetMode="External"/></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37E763E-BCA8-40A7-90C7-C614B0879F3A}">
  <dimension ref="B3:O68"/>
  <sheetViews>
    <sheetView topLeftCell="A7" zoomScale="70" zoomScaleNormal="70" workbookViewId="0">
      <selection activeCell="F51" sqref="F51"/>
    </sheetView>
  </sheetViews>
  <sheetFormatPr defaultColWidth="7.15234375" defaultRowHeight="13.5"/>
  <cols>
    <col min="1" max="2" width="7.15234375" style="7"/>
    <col min="3" max="3" width="12.4609375" style="7" bestFit="1" customWidth="1"/>
    <col min="4" max="4" width="10.84375" style="7" customWidth="1"/>
    <col min="5" max="12" width="7.15234375" style="7"/>
    <col min="13" max="13" width="32.4609375" style="7" customWidth="1"/>
    <col min="14" max="14" width="17.4609375" style="7" customWidth="1"/>
    <col min="15" max="16384" width="7.15234375" style="7"/>
  </cols>
  <sheetData>
    <row r="3" spans="2:15">
      <c r="B3" s="4"/>
      <c r="C3" s="5"/>
      <c r="D3" s="5"/>
      <c r="E3" s="5"/>
      <c r="F3" s="5"/>
      <c r="G3" s="5"/>
      <c r="H3" s="5"/>
      <c r="I3" s="5"/>
      <c r="J3" s="5"/>
      <c r="K3" s="5"/>
      <c r="L3" s="5"/>
      <c r="M3" s="5"/>
      <c r="N3" s="5"/>
      <c r="O3" s="6"/>
    </row>
    <row r="4" spans="2:15">
      <c r="B4" s="8"/>
      <c r="O4" s="9"/>
    </row>
    <row r="5" spans="2:15">
      <c r="B5" s="8"/>
      <c r="C5" s="10" t="s">
        <v>0</v>
      </c>
      <c r="O5" s="9"/>
    </row>
    <row r="6" spans="2:15">
      <c r="B6" s="8"/>
      <c r="O6" s="9"/>
    </row>
    <row r="7" spans="2:15">
      <c r="B7" s="8"/>
      <c r="C7" s="7" t="s">
        <v>1</v>
      </c>
      <c r="D7" s="11" t="s">
        <v>2</v>
      </c>
      <c r="O7" s="9"/>
    </row>
    <row r="8" spans="2:15">
      <c r="B8" s="8"/>
      <c r="O8" s="9"/>
    </row>
    <row r="9" spans="2:15">
      <c r="B9" s="8"/>
      <c r="C9" s="7" t="s">
        <v>3</v>
      </c>
      <c r="D9" s="30" t="s">
        <v>4</v>
      </c>
      <c r="O9" s="9"/>
    </row>
    <row r="10" spans="2:15">
      <c r="B10" s="8"/>
      <c r="C10" s="7" t="s">
        <v>5</v>
      </c>
      <c r="D10" s="30" t="s">
        <v>6</v>
      </c>
      <c r="O10" s="9"/>
    </row>
    <row r="11" spans="2:15" ht="14">
      <c r="B11" s="8"/>
      <c r="D11" s="1"/>
      <c r="O11" s="9"/>
    </row>
    <row r="12" spans="2:15">
      <c r="B12" s="8"/>
      <c r="C12" s="7" t="s">
        <v>7</v>
      </c>
      <c r="D12" s="31" t="s">
        <v>8</v>
      </c>
      <c r="O12" s="9"/>
    </row>
    <row r="13" spans="2:15">
      <c r="B13" s="8"/>
      <c r="O13" s="9"/>
    </row>
    <row r="14" spans="2:15">
      <c r="B14" s="8"/>
      <c r="C14" s="7" t="s">
        <v>9</v>
      </c>
      <c r="D14" s="7" t="s">
        <v>10</v>
      </c>
      <c r="O14" s="9"/>
    </row>
    <row r="15" spans="2:15">
      <c r="B15" s="8"/>
      <c r="O15" s="9"/>
    </row>
    <row r="16" spans="2:15">
      <c r="B16" s="8"/>
      <c r="C16" s="7" t="s">
        <v>11</v>
      </c>
      <c r="D16" s="30" t="s">
        <v>12</v>
      </c>
      <c r="O16" s="9"/>
    </row>
    <row r="17" spans="2:15">
      <c r="B17" s="8"/>
      <c r="O17" s="9"/>
    </row>
    <row r="18" spans="2:15">
      <c r="B18" s="8"/>
      <c r="C18" s="7" t="s">
        <v>13</v>
      </c>
      <c r="D18" s="7" t="s">
        <v>14</v>
      </c>
      <c r="O18" s="9"/>
    </row>
    <row r="19" spans="2:15">
      <c r="B19" s="8"/>
      <c r="C19" s="7" t="s">
        <v>15</v>
      </c>
      <c r="D19" s="7" t="s">
        <v>16</v>
      </c>
      <c r="O19" s="9"/>
    </row>
    <row r="20" spans="2:15">
      <c r="B20" s="8"/>
      <c r="O20" s="9"/>
    </row>
    <row r="21" spans="2:15">
      <c r="B21" s="8"/>
      <c r="C21" s="11" t="s">
        <v>17</v>
      </c>
      <c r="D21" s="7" t="s">
        <v>18</v>
      </c>
      <c r="O21" s="9"/>
    </row>
    <row r="22" spans="2:15" ht="14" thickBot="1">
      <c r="B22" s="8"/>
      <c r="O22" s="9"/>
    </row>
    <row r="23" spans="2:15">
      <c r="B23" s="8"/>
      <c r="C23" s="12" t="s">
        <v>19</v>
      </c>
      <c r="D23" s="13"/>
      <c r="E23" s="13"/>
      <c r="F23" s="13"/>
      <c r="G23" s="13"/>
      <c r="H23" s="13"/>
      <c r="I23" s="13"/>
      <c r="J23" s="13"/>
      <c r="K23" s="13"/>
      <c r="L23" s="13"/>
      <c r="M23" s="13"/>
      <c r="N23" s="14"/>
      <c r="O23" s="9"/>
    </row>
    <row r="24" spans="2:15" ht="37" customHeight="1">
      <c r="B24" s="8"/>
      <c r="C24" s="72" t="s">
        <v>20</v>
      </c>
      <c r="D24" s="73"/>
      <c r="E24" s="73"/>
      <c r="F24" s="73"/>
      <c r="G24" s="73"/>
      <c r="H24" s="73"/>
      <c r="I24" s="73"/>
      <c r="J24" s="73"/>
      <c r="K24" s="73"/>
      <c r="L24" s="73"/>
      <c r="M24" s="73"/>
      <c r="N24" s="74"/>
      <c r="O24" s="9"/>
    </row>
    <row r="25" spans="2:15" ht="37" customHeight="1">
      <c r="B25" s="8"/>
      <c r="C25" s="72"/>
      <c r="D25" s="73"/>
      <c r="E25" s="73"/>
      <c r="F25" s="73"/>
      <c r="G25" s="73"/>
      <c r="H25" s="73"/>
      <c r="I25" s="73"/>
      <c r="J25" s="73"/>
      <c r="K25" s="73"/>
      <c r="L25" s="73"/>
      <c r="M25" s="73"/>
      <c r="N25" s="74"/>
      <c r="O25" s="9"/>
    </row>
    <row r="26" spans="2:15" ht="37" customHeight="1">
      <c r="B26" s="8"/>
      <c r="C26" s="72"/>
      <c r="D26" s="73"/>
      <c r="E26" s="73"/>
      <c r="F26" s="73"/>
      <c r="G26" s="73"/>
      <c r="H26" s="73"/>
      <c r="I26" s="73"/>
      <c r="J26" s="73"/>
      <c r="K26" s="73"/>
      <c r="L26" s="73"/>
      <c r="M26" s="73"/>
      <c r="N26" s="74"/>
      <c r="O26" s="9"/>
    </row>
    <row r="27" spans="2:15" ht="37" customHeight="1" thickBot="1">
      <c r="B27" s="8"/>
      <c r="C27" s="75"/>
      <c r="D27" s="76"/>
      <c r="E27" s="76"/>
      <c r="F27" s="76"/>
      <c r="G27" s="76"/>
      <c r="H27" s="76"/>
      <c r="I27" s="76"/>
      <c r="J27" s="76"/>
      <c r="K27" s="76"/>
      <c r="L27" s="76"/>
      <c r="M27" s="76"/>
      <c r="N27" s="77"/>
      <c r="O27" s="9"/>
    </row>
    <row r="28" spans="2:15">
      <c r="B28" s="8"/>
      <c r="O28" s="9"/>
    </row>
    <row r="29" spans="2:15">
      <c r="B29" s="8"/>
      <c r="C29" s="10" t="s">
        <v>21</v>
      </c>
      <c r="O29" s="9"/>
    </row>
    <row r="30" spans="2:15">
      <c r="B30" s="8"/>
      <c r="C30" s="15" t="s">
        <v>22</v>
      </c>
      <c r="D30" s="15" t="s">
        <v>23</v>
      </c>
      <c r="E30" s="15"/>
      <c r="F30" s="15"/>
      <c r="G30" s="15"/>
      <c r="H30" s="15"/>
      <c r="I30" s="15"/>
      <c r="J30" s="15"/>
      <c r="K30" s="15"/>
      <c r="L30" s="15"/>
      <c r="M30" s="15"/>
      <c r="O30" s="9"/>
    </row>
    <row r="31" spans="2:15">
      <c r="B31" s="8"/>
      <c r="C31" s="15" t="s">
        <v>24</v>
      </c>
      <c r="D31" s="15" t="s">
        <v>25</v>
      </c>
      <c r="E31" s="15"/>
      <c r="F31" s="15"/>
      <c r="G31" s="15"/>
      <c r="H31" s="15"/>
      <c r="I31" s="15"/>
      <c r="J31" s="15"/>
      <c r="K31" s="15"/>
      <c r="L31" s="15"/>
      <c r="M31" s="15"/>
      <c r="O31" s="9"/>
    </row>
    <row r="32" spans="2:15">
      <c r="B32" s="8"/>
      <c r="C32" s="15" t="s">
        <v>26</v>
      </c>
      <c r="D32" s="15" t="s">
        <v>27</v>
      </c>
      <c r="E32" s="15"/>
      <c r="F32" s="15"/>
      <c r="G32" s="15"/>
      <c r="H32" s="15"/>
      <c r="I32" s="15"/>
      <c r="J32" s="15"/>
      <c r="K32" s="15"/>
      <c r="L32" s="15"/>
      <c r="M32" s="15"/>
      <c r="O32" s="9"/>
    </row>
    <row r="33" spans="2:15">
      <c r="B33" s="8"/>
      <c r="C33" s="15" t="s">
        <v>28</v>
      </c>
      <c r="D33" s="15" t="s">
        <v>29</v>
      </c>
      <c r="E33" s="15"/>
      <c r="F33" s="15"/>
      <c r="G33" s="15"/>
      <c r="H33" s="15"/>
      <c r="I33" s="15"/>
      <c r="J33" s="15"/>
      <c r="K33" s="15"/>
      <c r="L33" s="15"/>
      <c r="M33" s="15"/>
      <c r="O33" s="9"/>
    </row>
    <row r="34" spans="2:15">
      <c r="B34" s="8"/>
      <c r="C34" s="15" t="s">
        <v>30</v>
      </c>
      <c r="D34" s="15" t="s">
        <v>31</v>
      </c>
      <c r="E34" s="15"/>
      <c r="F34" s="15"/>
      <c r="G34" s="15"/>
      <c r="H34" s="15"/>
      <c r="I34" s="15"/>
      <c r="J34" s="15"/>
      <c r="K34" s="15"/>
      <c r="L34" s="15"/>
      <c r="M34" s="15"/>
      <c r="O34" s="9"/>
    </row>
    <row r="35" spans="2:15">
      <c r="B35" s="8"/>
      <c r="C35" s="15" t="s">
        <v>32</v>
      </c>
      <c r="D35" s="15" t="s">
        <v>33</v>
      </c>
      <c r="E35" s="15"/>
      <c r="F35" s="15"/>
      <c r="G35" s="15"/>
      <c r="H35" s="15"/>
      <c r="I35" s="15"/>
      <c r="J35" s="15"/>
      <c r="K35" s="15"/>
      <c r="L35" s="15"/>
      <c r="M35" s="15"/>
      <c r="O35" s="9"/>
    </row>
    <row r="36" spans="2:15">
      <c r="B36" s="8"/>
      <c r="C36" s="15" t="s">
        <v>34</v>
      </c>
      <c r="D36" s="15" t="s">
        <v>35</v>
      </c>
      <c r="E36" s="15"/>
      <c r="F36" s="15"/>
      <c r="G36" s="15"/>
      <c r="H36" s="15"/>
      <c r="I36" s="15"/>
      <c r="J36" s="15"/>
      <c r="K36" s="15"/>
      <c r="L36" s="15"/>
      <c r="M36" s="15"/>
      <c r="O36" s="9"/>
    </row>
    <row r="37" spans="2:15">
      <c r="B37" s="8"/>
      <c r="C37" s="7" t="s">
        <v>36</v>
      </c>
      <c r="D37" s="15" t="s">
        <v>37</v>
      </c>
      <c r="F37" s="15"/>
      <c r="G37" s="15"/>
      <c r="H37" s="15"/>
      <c r="I37" s="15"/>
      <c r="J37" s="15"/>
      <c r="K37" s="15"/>
      <c r="L37" s="15"/>
      <c r="M37" s="15"/>
      <c r="O37" s="9"/>
    </row>
    <row r="38" spans="2:15">
      <c r="B38" s="8"/>
      <c r="C38" s="15" t="s">
        <v>38</v>
      </c>
      <c r="D38" s="15" t="s">
        <v>39</v>
      </c>
      <c r="F38" s="15"/>
      <c r="G38" s="15"/>
      <c r="H38" s="15"/>
      <c r="I38" s="15"/>
      <c r="J38" s="15"/>
      <c r="K38" s="15"/>
      <c r="L38" s="15"/>
      <c r="M38" s="15"/>
      <c r="O38" s="9"/>
    </row>
    <row r="39" spans="2:15">
      <c r="B39" s="8"/>
      <c r="C39" s="15" t="s">
        <v>40</v>
      </c>
      <c r="D39" s="15" t="s">
        <v>41</v>
      </c>
      <c r="F39" s="15"/>
      <c r="G39" s="15"/>
      <c r="H39" s="15"/>
      <c r="I39" s="15"/>
      <c r="J39" s="15"/>
      <c r="K39" s="15"/>
      <c r="L39" s="15"/>
      <c r="M39" s="15"/>
      <c r="O39" s="9"/>
    </row>
    <row r="40" spans="2:15">
      <c r="B40" s="8"/>
      <c r="C40" s="7" t="s">
        <v>42</v>
      </c>
      <c r="D40" s="15" t="s">
        <v>43</v>
      </c>
      <c r="F40" s="15"/>
      <c r="G40" s="15"/>
      <c r="H40" s="15"/>
      <c r="I40" s="15"/>
      <c r="J40" s="15"/>
      <c r="K40" s="15"/>
      <c r="L40" s="15"/>
      <c r="M40" s="15"/>
      <c r="O40" s="9"/>
    </row>
    <row r="41" spans="2:15">
      <c r="B41" s="8"/>
      <c r="C41" s="7" t="s">
        <v>44</v>
      </c>
      <c r="D41" s="15" t="s">
        <v>45</v>
      </c>
      <c r="F41" s="15"/>
      <c r="G41" s="15"/>
      <c r="H41" s="15"/>
      <c r="I41" s="15"/>
      <c r="J41" s="15"/>
      <c r="K41" s="15"/>
      <c r="L41" s="15"/>
      <c r="M41" s="15"/>
      <c r="O41" s="9"/>
    </row>
    <row r="42" spans="2:15">
      <c r="B42" s="8"/>
      <c r="C42" s="7" t="s">
        <v>46</v>
      </c>
      <c r="D42" s="15" t="s">
        <v>47</v>
      </c>
      <c r="F42" s="15"/>
      <c r="G42" s="15"/>
      <c r="H42" s="15"/>
      <c r="I42" s="15"/>
      <c r="J42" s="15"/>
      <c r="K42" s="15"/>
      <c r="L42" s="15"/>
      <c r="M42" s="15"/>
      <c r="O42" s="9"/>
    </row>
    <row r="43" spans="2:15">
      <c r="B43" s="8"/>
      <c r="C43" s="7" t="s">
        <v>48</v>
      </c>
      <c r="D43" s="15" t="s">
        <v>49</v>
      </c>
      <c r="F43" s="15"/>
      <c r="G43" s="15"/>
      <c r="H43" s="15"/>
      <c r="I43" s="15"/>
      <c r="J43" s="15"/>
      <c r="K43" s="15"/>
      <c r="L43" s="15"/>
      <c r="M43" s="15"/>
      <c r="O43" s="9"/>
    </row>
    <row r="44" spans="2:15">
      <c r="B44" s="8"/>
      <c r="C44" s="7" t="s">
        <v>50</v>
      </c>
      <c r="D44" s="15" t="s">
        <v>51</v>
      </c>
      <c r="F44" s="15"/>
      <c r="G44" s="15"/>
      <c r="H44" s="15"/>
      <c r="I44" s="15"/>
      <c r="J44" s="15"/>
      <c r="K44" s="15"/>
      <c r="L44" s="15"/>
      <c r="M44" s="15"/>
      <c r="O44" s="9"/>
    </row>
    <row r="45" spans="2:15">
      <c r="B45" s="8"/>
      <c r="C45" s="7" t="s">
        <v>52</v>
      </c>
      <c r="D45" s="15" t="s">
        <v>53</v>
      </c>
      <c r="F45" s="15"/>
      <c r="O45" s="9"/>
    </row>
    <row r="46" spans="2:15">
      <c r="B46" s="8"/>
      <c r="C46" s="7" t="s">
        <v>54</v>
      </c>
      <c r="D46" s="7" t="s">
        <v>55</v>
      </c>
      <c r="O46" s="9"/>
    </row>
    <row r="47" spans="2:15">
      <c r="B47" s="8"/>
      <c r="C47" s="7" t="s">
        <v>56</v>
      </c>
      <c r="D47" s="7" t="s">
        <v>57</v>
      </c>
      <c r="G47" s="16"/>
      <c r="O47" s="9"/>
    </row>
    <row r="48" spans="2:15">
      <c r="B48" s="8"/>
      <c r="C48" s="7" t="s">
        <v>58</v>
      </c>
      <c r="D48" s="7" t="s">
        <v>59</v>
      </c>
      <c r="G48" s="17"/>
      <c r="O48" s="9"/>
    </row>
    <row r="49" spans="2:15">
      <c r="B49" s="8"/>
      <c r="D49" s="78"/>
      <c r="E49" s="78"/>
      <c r="F49" s="78"/>
      <c r="G49" s="17"/>
      <c r="O49" s="9"/>
    </row>
    <row r="50" spans="2:15">
      <c r="B50" s="8"/>
      <c r="D50" s="79"/>
      <c r="E50" s="79"/>
      <c r="F50" s="79"/>
      <c r="G50" s="17"/>
      <c r="O50" s="9"/>
    </row>
    <row r="51" spans="2:15">
      <c r="B51" s="8"/>
      <c r="C51" s="15" t="s">
        <v>60</v>
      </c>
      <c r="D51" s="15" t="s">
        <v>61</v>
      </c>
      <c r="O51" s="9"/>
    </row>
    <row r="52" spans="2:15">
      <c r="B52" s="8"/>
      <c r="O52" s="9"/>
    </row>
    <row r="53" spans="2:15">
      <c r="B53" s="8"/>
      <c r="O53" s="9"/>
    </row>
    <row r="54" spans="2:15">
      <c r="B54" s="8"/>
      <c r="C54" s="18" t="s">
        <v>62</v>
      </c>
      <c r="D54" s="19" t="s">
        <v>63</v>
      </c>
      <c r="E54" s="80" t="s">
        <v>64</v>
      </c>
      <c r="F54" s="80"/>
      <c r="G54" s="80"/>
      <c r="H54" s="80"/>
      <c r="I54" s="80"/>
      <c r="J54" s="80"/>
      <c r="K54" s="80"/>
      <c r="L54" s="80"/>
      <c r="M54" s="20" t="s">
        <v>65</v>
      </c>
      <c r="N54" s="21" t="s">
        <v>66</v>
      </c>
      <c r="O54" s="9"/>
    </row>
    <row r="55" spans="2:15" ht="14.5" customHeight="1">
      <c r="B55" s="8"/>
      <c r="C55" s="27" t="s">
        <v>67</v>
      </c>
      <c r="D55" s="28">
        <v>46104</v>
      </c>
      <c r="E55" s="81" t="s">
        <v>68</v>
      </c>
      <c r="F55" s="81"/>
      <c r="G55" s="81"/>
      <c r="H55" s="81"/>
      <c r="I55" s="81"/>
      <c r="J55" s="81"/>
      <c r="K55" s="81"/>
      <c r="L55" s="81"/>
      <c r="M55" s="29"/>
      <c r="N55" s="26" t="s">
        <v>69</v>
      </c>
      <c r="O55" s="9"/>
    </row>
    <row r="56" spans="2:15">
      <c r="B56" s="8"/>
      <c r="C56" s="8"/>
      <c r="D56" s="22"/>
      <c r="E56" s="82"/>
      <c r="F56" s="82"/>
      <c r="G56" s="82"/>
      <c r="H56" s="82"/>
      <c r="I56" s="82"/>
      <c r="J56" s="82"/>
      <c r="K56" s="82"/>
      <c r="L56" s="82"/>
      <c r="N56" s="26"/>
      <c r="O56" s="9"/>
    </row>
    <row r="57" spans="2:15">
      <c r="B57" s="8"/>
      <c r="C57" s="8"/>
      <c r="D57" s="22"/>
      <c r="E57" s="82"/>
      <c r="F57" s="82"/>
      <c r="G57" s="82"/>
      <c r="H57" s="82"/>
      <c r="I57" s="82"/>
      <c r="J57" s="82"/>
      <c r="K57" s="82"/>
      <c r="L57" s="82"/>
      <c r="N57" s="9"/>
      <c r="O57" s="9"/>
    </row>
    <row r="58" spans="2:15">
      <c r="B58" s="8"/>
      <c r="C58" s="8"/>
      <c r="D58" s="22"/>
      <c r="E58" s="82"/>
      <c r="F58" s="82"/>
      <c r="G58" s="82"/>
      <c r="H58" s="82"/>
      <c r="I58" s="82"/>
      <c r="J58" s="82"/>
      <c r="K58" s="82"/>
      <c r="L58" s="82"/>
      <c r="N58" s="9"/>
      <c r="O58" s="9"/>
    </row>
    <row r="59" spans="2:15">
      <c r="B59" s="8"/>
      <c r="C59" s="8"/>
      <c r="D59" s="22"/>
      <c r="E59" s="82"/>
      <c r="F59" s="82"/>
      <c r="G59" s="82"/>
      <c r="H59" s="82"/>
      <c r="I59" s="82"/>
      <c r="J59" s="82"/>
      <c r="K59" s="82"/>
      <c r="L59" s="82"/>
      <c r="N59" s="9"/>
      <c r="O59" s="9"/>
    </row>
    <row r="60" spans="2:15">
      <c r="B60" s="8"/>
      <c r="C60" s="8"/>
      <c r="D60" s="22"/>
      <c r="E60" s="82"/>
      <c r="F60" s="82"/>
      <c r="G60" s="82"/>
      <c r="H60" s="82"/>
      <c r="I60" s="82"/>
      <c r="J60" s="82"/>
      <c r="K60" s="82"/>
      <c r="L60" s="82"/>
      <c r="N60" s="9"/>
      <c r="O60" s="9"/>
    </row>
    <row r="61" spans="2:15">
      <c r="B61" s="8"/>
      <c r="C61" s="8"/>
      <c r="E61" s="82"/>
      <c r="F61" s="82"/>
      <c r="G61" s="82"/>
      <c r="H61" s="82"/>
      <c r="I61" s="82"/>
      <c r="J61" s="82"/>
      <c r="K61" s="82"/>
      <c r="L61" s="82"/>
      <c r="N61" s="9"/>
      <c r="O61" s="9"/>
    </row>
    <row r="62" spans="2:15">
      <c r="B62" s="8"/>
      <c r="C62" s="8"/>
      <c r="D62" s="22"/>
      <c r="N62" s="9"/>
      <c r="O62" s="9"/>
    </row>
    <row r="63" spans="2:15">
      <c r="B63" s="8"/>
      <c r="C63" s="8"/>
      <c r="N63" s="9"/>
      <c r="O63" s="9"/>
    </row>
    <row r="64" spans="2:15">
      <c r="B64" s="8"/>
      <c r="C64" s="8"/>
      <c r="N64" s="9"/>
      <c r="O64" s="9"/>
    </row>
    <row r="65" spans="2:15">
      <c r="B65" s="8"/>
      <c r="C65" s="8"/>
      <c r="N65" s="9"/>
      <c r="O65" s="9"/>
    </row>
    <row r="66" spans="2:15">
      <c r="B66" s="8"/>
      <c r="C66" s="23"/>
      <c r="D66" s="24"/>
      <c r="E66" s="71"/>
      <c r="F66" s="71"/>
      <c r="G66" s="71"/>
      <c r="H66" s="71"/>
      <c r="I66" s="71"/>
      <c r="J66" s="71"/>
      <c r="K66" s="71"/>
      <c r="L66" s="71"/>
      <c r="M66" s="24"/>
      <c r="N66" s="25"/>
      <c r="O66" s="9"/>
    </row>
    <row r="67" spans="2:15">
      <c r="B67" s="8"/>
      <c r="O67" s="9"/>
    </row>
    <row r="68" spans="2:15">
      <c r="B68" s="23"/>
      <c r="C68" s="24"/>
      <c r="D68" s="24"/>
      <c r="E68" s="24"/>
      <c r="F68" s="24"/>
      <c r="G68" s="24"/>
      <c r="H68" s="24"/>
      <c r="I68" s="24"/>
      <c r="J68" s="24"/>
      <c r="K68" s="24"/>
      <c r="L68" s="24"/>
      <c r="M68" s="24"/>
      <c r="N68" s="24"/>
      <c r="O68" s="25"/>
    </row>
  </sheetData>
  <mergeCells count="12">
    <mergeCell ref="E66:L66"/>
    <mergeCell ref="C24:N27"/>
    <mergeCell ref="D49:F49"/>
    <mergeCell ref="D50:F50"/>
    <mergeCell ref="E54:L54"/>
    <mergeCell ref="E55:L55"/>
    <mergeCell ref="E56:L56"/>
    <mergeCell ref="E57:L57"/>
    <mergeCell ref="E58:L58"/>
    <mergeCell ref="E59:L59"/>
    <mergeCell ref="E60:L60"/>
    <mergeCell ref="E61:L61"/>
  </mergeCells>
  <hyperlinks>
    <hyperlink ref="D12" r:id="rId1" display="mailto:siem.vanlimpt@erm.com" xr:uid="{0361EC1F-24FF-4B61-A734-E2EAC05E46FF}"/>
  </hyperlinks>
  <pageMargins left="0.7" right="0.7" top="0.75" bottom="0.75" header="0.3" footer="0.3"/>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068D979-3349-45BC-BC24-9913B6772880}">
  <dimension ref="A1:AQ44093"/>
  <sheetViews>
    <sheetView zoomScaleNormal="100" workbookViewId="0">
      <selection activeCell="N1" sqref="N1:N1048576"/>
    </sheetView>
  </sheetViews>
  <sheetFormatPr defaultRowHeight="13.5"/>
  <sheetData>
    <row r="1" spans="1:43" s="3" customFormat="1">
      <c r="A1" s="3" t="s">
        <v>22</v>
      </c>
      <c r="B1" s="3" t="s">
        <v>24</v>
      </c>
      <c r="C1" s="3" t="s">
        <v>26</v>
      </c>
      <c r="D1" s="3" t="s">
        <v>28</v>
      </c>
      <c r="E1" s="3" t="s">
        <v>30</v>
      </c>
      <c r="F1" s="3" t="s">
        <v>32</v>
      </c>
      <c r="G1" s="3" t="s">
        <v>34</v>
      </c>
      <c r="H1" s="3" t="s">
        <v>36</v>
      </c>
      <c r="I1" s="3" t="s">
        <v>70</v>
      </c>
      <c r="J1" s="3" t="s">
        <v>71</v>
      </c>
      <c r="K1" s="3" t="s">
        <v>72</v>
      </c>
      <c r="L1" s="3" t="s">
        <v>73</v>
      </c>
      <c r="M1" s="3" t="s">
        <v>52</v>
      </c>
      <c r="N1" s="3" t="s">
        <v>50</v>
      </c>
      <c r="O1" s="3" t="s">
        <v>54</v>
      </c>
      <c r="P1" s="3" t="s">
        <v>56</v>
      </c>
      <c r="Q1" s="3">
        <v>2024</v>
      </c>
      <c r="R1" s="3">
        <v>2025</v>
      </c>
      <c r="S1" s="3">
        <v>2026</v>
      </c>
      <c r="T1" s="3">
        <v>2027</v>
      </c>
      <c r="U1" s="3">
        <v>2028</v>
      </c>
      <c r="V1" s="3">
        <v>2029</v>
      </c>
      <c r="W1" s="3">
        <v>2030</v>
      </c>
      <c r="X1" s="3">
        <v>2031</v>
      </c>
      <c r="Y1" s="3">
        <v>2032</v>
      </c>
      <c r="Z1" s="3">
        <v>2033</v>
      </c>
      <c r="AA1" s="3">
        <v>2034</v>
      </c>
      <c r="AB1" s="3">
        <v>2035</v>
      </c>
      <c r="AC1" s="3">
        <v>2036</v>
      </c>
      <c r="AD1" s="3">
        <v>2037</v>
      </c>
      <c r="AE1" s="3">
        <v>2038</v>
      </c>
      <c r="AF1" s="3">
        <v>2039</v>
      </c>
      <c r="AG1" s="3">
        <v>2040</v>
      </c>
      <c r="AH1" s="3">
        <v>2041</v>
      </c>
      <c r="AI1" s="3">
        <v>2042</v>
      </c>
      <c r="AJ1" s="3">
        <v>2043</v>
      </c>
      <c r="AK1" s="3">
        <v>2044</v>
      </c>
      <c r="AL1" s="3">
        <v>2045</v>
      </c>
      <c r="AM1" s="3">
        <v>2046</v>
      </c>
      <c r="AN1" s="3">
        <v>2047</v>
      </c>
      <c r="AO1" s="3">
        <v>2048</v>
      </c>
      <c r="AP1" s="3">
        <v>2049</v>
      </c>
      <c r="AQ1" s="3">
        <v>2050</v>
      </c>
    </row>
    <row r="2" spans="1:43">
      <c r="A2" t="s">
        <v>74</v>
      </c>
      <c r="B2" t="s">
        <v>75</v>
      </c>
      <c r="C2" t="s">
        <v>76</v>
      </c>
      <c r="D2" t="s">
        <v>77</v>
      </c>
      <c r="E2" t="s">
        <v>78</v>
      </c>
      <c r="F2" t="s">
        <v>79</v>
      </c>
      <c r="G2" t="s">
        <v>80</v>
      </c>
      <c r="H2" t="s">
        <v>81</v>
      </c>
      <c r="I2" s="2">
        <v>0</v>
      </c>
      <c r="J2" s="2">
        <v>1</v>
      </c>
      <c r="K2" s="2">
        <v>0</v>
      </c>
      <c r="L2" t="s">
        <v>82</v>
      </c>
      <c r="M2" t="s">
        <v>83</v>
      </c>
      <c r="N2" t="s">
        <v>84</v>
      </c>
      <c r="O2" t="s">
        <v>85</v>
      </c>
      <c r="P2" t="s">
        <v>86</v>
      </c>
      <c r="Q2">
        <v>87</v>
      </c>
      <c r="R2">
        <v>89</v>
      </c>
      <c r="S2">
        <v>91</v>
      </c>
      <c r="T2">
        <v>93</v>
      </c>
      <c r="U2">
        <v>95</v>
      </c>
      <c r="V2">
        <v>97</v>
      </c>
      <c r="W2">
        <v>99</v>
      </c>
      <c r="X2">
        <v>101</v>
      </c>
      <c r="Y2">
        <v>103</v>
      </c>
      <c r="Z2">
        <v>105</v>
      </c>
      <c r="AA2">
        <v>107</v>
      </c>
      <c r="AB2">
        <v>109</v>
      </c>
      <c r="AC2">
        <v>112</v>
      </c>
      <c r="AD2">
        <v>114</v>
      </c>
      <c r="AE2">
        <v>116</v>
      </c>
      <c r="AF2">
        <v>118</v>
      </c>
      <c r="AG2">
        <v>120</v>
      </c>
      <c r="AH2">
        <v>122</v>
      </c>
      <c r="AI2">
        <v>125</v>
      </c>
      <c r="AJ2">
        <v>127</v>
      </c>
      <c r="AK2">
        <v>129</v>
      </c>
      <c r="AL2">
        <v>131</v>
      </c>
      <c r="AM2">
        <v>132</v>
      </c>
      <c r="AN2">
        <v>133</v>
      </c>
      <c r="AO2">
        <v>134</v>
      </c>
      <c r="AP2">
        <v>135</v>
      </c>
      <c r="AQ2">
        <v>136</v>
      </c>
    </row>
    <row r="3" spans="1:43">
      <c r="A3" t="s">
        <v>74</v>
      </c>
      <c r="B3" t="s">
        <v>75</v>
      </c>
      <c r="C3" t="s">
        <v>76</v>
      </c>
      <c r="D3" t="s">
        <v>77</v>
      </c>
      <c r="E3" t="s">
        <v>78</v>
      </c>
      <c r="F3" t="s">
        <v>79</v>
      </c>
      <c r="G3" t="s">
        <v>80</v>
      </c>
      <c r="H3" t="s">
        <v>81</v>
      </c>
      <c r="I3" s="2">
        <v>0</v>
      </c>
      <c r="J3" s="2">
        <v>1</v>
      </c>
      <c r="K3" s="2">
        <v>0</v>
      </c>
      <c r="L3" t="s">
        <v>82</v>
      </c>
      <c r="M3" t="s">
        <v>87</v>
      </c>
      <c r="N3" t="s">
        <v>88</v>
      </c>
      <c r="O3" t="s">
        <v>85</v>
      </c>
      <c r="P3" t="s">
        <v>86</v>
      </c>
      <c r="Q3">
        <v>87</v>
      </c>
      <c r="R3">
        <v>88</v>
      </c>
      <c r="S3">
        <v>89</v>
      </c>
      <c r="T3">
        <v>90</v>
      </c>
      <c r="U3">
        <v>91</v>
      </c>
      <c r="V3">
        <v>92</v>
      </c>
      <c r="W3">
        <v>93</v>
      </c>
      <c r="X3">
        <v>94</v>
      </c>
      <c r="Y3">
        <v>95</v>
      </c>
      <c r="Z3">
        <v>96</v>
      </c>
      <c r="AA3">
        <v>98</v>
      </c>
      <c r="AB3">
        <v>99</v>
      </c>
      <c r="AC3">
        <v>100</v>
      </c>
      <c r="AD3">
        <v>101</v>
      </c>
      <c r="AE3">
        <v>102</v>
      </c>
      <c r="AF3">
        <v>104</v>
      </c>
      <c r="AG3">
        <v>105</v>
      </c>
      <c r="AH3">
        <v>106</v>
      </c>
      <c r="AI3">
        <v>107</v>
      </c>
      <c r="AJ3">
        <v>109</v>
      </c>
      <c r="AK3">
        <v>110</v>
      </c>
      <c r="AL3">
        <v>111</v>
      </c>
      <c r="AM3">
        <v>112</v>
      </c>
      <c r="AN3">
        <v>114</v>
      </c>
      <c r="AO3">
        <v>115</v>
      </c>
      <c r="AP3">
        <v>116</v>
      </c>
      <c r="AQ3">
        <v>118</v>
      </c>
    </row>
    <row r="4" spans="1:43">
      <c r="A4" t="s">
        <v>74</v>
      </c>
      <c r="B4" t="s">
        <v>75</v>
      </c>
      <c r="C4" t="s">
        <v>76</v>
      </c>
      <c r="D4" t="s">
        <v>77</v>
      </c>
      <c r="E4" t="s">
        <v>78</v>
      </c>
      <c r="F4" t="s">
        <v>79</v>
      </c>
      <c r="G4" t="s">
        <v>80</v>
      </c>
      <c r="H4" t="s">
        <v>81</v>
      </c>
      <c r="I4" s="2">
        <v>0</v>
      </c>
      <c r="J4" s="2">
        <v>1</v>
      </c>
      <c r="K4" s="2">
        <v>0</v>
      </c>
      <c r="L4" t="s">
        <v>82</v>
      </c>
      <c r="M4" t="s">
        <v>89</v>
      </c>
      <c r="N4" t="s">
        <v>90</v>
      </c>
      <c r="O4" t="s">
        <v>85</v>
      </c>
      <c r="P4" t="s">
        <v>86</v>
      </c>
      <c r="Q4">
        <v>87</v>
      </c>
      <c r="R4">
        <v>90</v>
      </c>
      <c r="S4">
        <v>93</v>
      </c>
      <c r="T4">
        <v>95</v>
      </c>
      <c r="U4">
        <v>98</v>
      </c>
      <c r="V4">
        <v>101</v>
      </c>
      <c r="W4">
        <v>103</v>
      </c>
      <c r="X4">
        <v>106</v>
      </c>
      <c r="Y4">
        <v>108</v>
      </c>
      <c r="Z4">
        <v>111</v>
      </c>
      <c r="AA4">
        <v>114</v>
      </c>
      <c r="AB4">
        <v>116</v>
      </c>
      <c r="AC4">
        <v>119</v>
      </c>
      <c r="AD4">
        <v>122</v>
      </c>
      <c r="AE4">
        <v>124</v>
      </c>
      <c r="AF4">
        <v>124</v>
      </c>
      <c r="AG4">
        <v>125</v>
      </c>
      <c r="AH4">
        <v>126</v>
      </c>
      <c r="AI4">
        <v>127</v>
      </c>
      <c r="AJ4">
        <v>128</v>
      </c>
      <c r="AK4">
        <v>129</v>
      </c>
      <c r="AL4">
        <v>130</v>
      </c>
      <c r="AM4">
        <v>131</v>
      </c>
      <c r="AN4">
        <v>132</v>
      </c>
      <c r="AO4">
        <v>133</v>
      </c>
      <c r="AP4">
        <v>134</v>
      </c>
      <c r="AQ4">
        <v>135</v>
      </c>
    </row>
    <row r="5" spans="1:43">
      <c r="A5" t="s">
        <v>74</v>
      </c>
      <c r="B5" t="s">
        <v>75</v>
      </c>
      <c r="C5" t="s">
        <v>76</v>
      </c>
      <c r="D5" t="s">
        <v>77</v>
      </c>
      <c r="E5" t="s">
        <v>78</v>
      </c>
      <c r="F5" t="s">
        <v>79</v>
      </c>
      <c r="G5" t="s">
        <v>80</v>
      </c>
      <c r="H5" t="s">
        <v>81</v>
      </c>
      <c r="I5" s="2">
        <v>0</v>
      </c>
      <c r="J5" s="2">
        <v>1</v>
      </c>
      <c r="K5" s="2">
        <v>0</v>
      </c>
      <c r="L5" t="s">
        <v>82</v>
      </c>
      <c r="M5" t="s">
        <v>83</v>
      </c>
      <c r="N5" t="s">
        <v>91</v>
      </c>
      <c r="O5" t="s">
        <v>85</v>
      </c>
      <c r="P5" t="s">
        <v>86</v>
      </c>
      <c r="Q5">
        <v>87</v>
      </c>
      <c r="R5">
        <v>89</v>
      </c>
      <c r="S5">
        <v>91</v>
      </c>
      <c r="T5">
        <v>93</v>
      </c>
      <c r="U5">
        <v>95</v>
      </c>
      <c r="V5">
        <v>97</v>
      </c>
      <c r="W5">
        <v>99</v>
      </c>
      <c r="X5">
        <v>101</v>
      </c>
      <c r="Y5">
        <v>103</v>
      </c>
      <c r="Z5">
        <v>105</v>
      </c>
      <c r="AA5">
        <v>107</v>
      </c>
      <c r="AB5">
        <v>109</v>
      </c>
      <c r="AC5">
        <v>112</v>
      </c>
      <c r="AD5">
        <v>114</v>
      </c>
      <c r="AE5">
        <v>116</v>
      </c>
      <c r="AF5">
        <v>118</v>
      </c>
      <c r="AG5">
        <v>120</v>
      </c>
      <c r="AH5">
        <v>122</v>
      </c>
      <c r="AI5">
        <v>125</v>
      </c>
      <c r="AJ5">
        <v>127</v>
      </c>
      <c r="AK5">
        <v>129</v>
      </c>
      <c r="AL5">
        <v>131</v>
      </c>
      <c r="AM5">
        <v>132</v>
      </c>
      <c r="AN5">
        <v>133</v>
      </c>
      <c r="AO5">
        <v>134</v>
      </c>
      <c r="AP5">
        <v>135</v>
      </c>
      <c r="AQ5">
        <v>136</v>
      </c>
    </row>
    <row r="6" spans="1:43">
      <c r="A6" t="s">
        <v>92</v>
      </c>
      <c r="B6" t="s">
        <v>93</v>
      </c>
      <c r="C6" t="s">
        <v>76</v>
      </c>
      <c r="D6" t="s">
        <v>77</v>
      </c>
      <c r="E6" t="s">
        <v>78</v>
      </c>
      <c r="F6" t="s">
        <v>79</v>
      </c>
      <c r="G6" t="s">
        <v>80</v>
      </c>
      <c r="H6" t="s">
        <v>81</v>
      </c>
      <c r="I6" s="2">
        <v>0</v>
      </c>
      <c r="J6" s="2">
        <v>1</v>
      </c>
      <c r="K6" s="2">
        <v>0</v>
      </c>
      <c r="L6" t="s">
        <v>82</v>
      </c>
      <c r="M6" t="s">
        <v>83</v>
      </c>
      <c r="N6" t="s">
        <v>84</v>
      </c>
      <c r="O6" t="s">
        <v>85</v>
      </c>
      <c r="P6" t="s">
        <v>86</v>
      </c>
      <c r="Q6">
        <v>133</v>
      </c>
      <c r="R6">
        <v>136</v>
      </c>
      <c r="S6">
        <v>139</v>
      </c>
      <c r="T6">
        <v>142</v>
      </c>
      <c r="U6">
        <v>145</v>
      </c>
      <c r="V6">
        <v>148</v>
      </c>
      <c r="W6">
        <v>151</v>
      </c>
      <c r="X6">
        <v>154</v>
      </c>
      <c r="Y6">
        <v>157</v>
      </c>
      <c r="Z6">
        <v>160</v>
      </c>
      <c r="AA6">
        <v>164</v>
      </c>
      <c r="AB6">
        <v>167</v>
      </c>
      <c r="AC6">
        <v>170</v>
      </c>
      <c r="AD6">
        <v>173</v>
      </c>
      <c r="AE6">
        <v>177</v>
      </c>
      <c r="AF6">
        <v>180</v>
      </c>
      <c r="AG6">
        <v>183</v>
      </c>
      <c r="AH6">
        <v>187</v>
      </c>
      <c r="AI6">
        <v>190</v>
      </c>
      <c r="AJ6">
        <v>194</v>
      </c>
      <c r="AK6">
        <v>197</v>
      </c>
      <c r="AL6">
        <v>199</v>
      </c>
      <c r="AM6">
        <v>201</v>
      </c>
      <c r="AN6">
        <v>202</v>
      </c>
      <c r="AO6">
        <v>204</v>
      </c>
      <c r="AP6">
        <v>205</v>
      </c>
      <c r="AQ6">
        <v>207</v>
      </c>
    </row>
    <row r="7" spans="1:43">
      <c r="A7" t="s">
        <v>92</v>
      </c>
      <c r="B7" t="s">
        <v>93</v>
      </c>
      <c r="C7" t="s">
        <v>76</v>
      </c>
      <c r="D7" t="s">
        <v>77</v>
      </c>
      <c r="E7" t="s">
        <v>78</v>
      </c>
      <c r="F7" t="s">
        <v>79</v>
      </c>
      <c r="G7" t="s">
        <v>80</v>
      </c>
      <c r="H7" t="s">
        <v>81</v>
      </c>
      <c r="I7" s="2">
        <v>0</v>
      </c>
      <c r="J7" s="2">
        <v>1</v>
      </c>
      <c r="K7" s="2">
        <v>0</v>
      </c>
      <c r="L7" t="s">
        <v>82</v>
      </c>
      <c r="M7" t="s">
        <v>87</v>
      </c>
      <c r="N7" t="s">
        <v>88</v>
      </c>
      <c r="O7" t="s">
        <v>85</v>
      </c>
      <c r="P7" t="s">
        <v>86</v>
      </c>
      <c r="Q7">
        <v>133</v>
      </c>
      <c r="R7">
        <v>135</v>
      </c>
      <c r="S7">
        <v>136</v>
      </c>
      <c r="T7">
        <v>138</v>
      </c>
      <c r="U7">
        <v>140</v>
      </c>
      <c r="V7">
        <v>141</v>
      </c>
      <c r="W7">
        <v>143</v>
      </c>
      <c r="X7">
        <v>145</v>
      </c>
      <c r="Y7">
        <v>146</v>
      </c>
      <c r="Z7">
        <v>148</v>
      </c>
      <c r="AA7">
        <v>150</v>
      </c>
      <c r="AB7">
        <v>152</v>
      </c>
      <c r="AC7">
        <v>153</v>
      </c>
      <c r="AD7">
        <v>155</v>
      </c>
      <c r="AE7">
        <v>157</v>
      </c>
      <c r="AF7">
        <v>159</v>
      </c>
      <c r="AG7">
        <v>161</v>
      </c>
      <c r="AH7">
        <v>163</v>
      </c>
      <c r="AI7">
        <v>165</v>
      </c>
      <c r="AJ7">
        <v>166</v>
      </c>
      <c r="AK7">
        <v>168</v>
      </c>
      <c r="AL7">
        <v>170</v>
      </c>
      <c r="AM7">
        <v>172</v>
      </c>
      <c r="AN7">
        <v>174</v>
      </c>
      <c r="AO7">
        <v>176</v>
      </c>
      <c r="AP7">
        <v>178</v>
      </c>
      <c r="AQ7">
        <v>180</v>
      </c>
    </row>
    <row r="8" spans="1:43">
      <c r="A8" t="s">
        <v>92</v>
      </c>
      <c r="B8" t="s">
        <v>93</v>
      </c>
      <c r="C8" t="s">
        <v>76</v>
      </c>
      <c r="D8" t="s">
        <v>77</v>
      </c>
      <c r="E8" t="s">
        <v>78</v>
      </c>
      <c r="F8" t="s">
        <v>79</v>
      </c>
      <c r="G8" t="s">
        <v>80</v>
      </c>
      <c r="H8" t="s">
        <v>81</v>
      </c>
      <c r="I8" s="2">
        <v>0</v>
      </c>
      <c r="J8" s="2">
        <v>1</v>
      </c>
      <c r="K8" s="2">
        <v>0</v>
      </c>
      <c r="L8" t="s">
        <v>82</v>
      </c>
      <c r="M8" t="s">
        <v>89</v>
      </c>
      <c r="N8" t="s">
        <v>90</v>
      </c>
      <c r="O8" t="s">
        <v>85</v>
      </c>
      <c r="P8" t="s">
        <v>86</v>
      </c>
      <c r="Q8">
        <v>133</v>
      </c>
      <c r="R8">
        <v>137</v>
      </c>
      <c r="S8">
        <v>141</v>
      </c>
      <c r="T8">
        <v>145</v>
      </c>
      <c r="U8">
        <v>149</v>
      </c>
      <c r="V8">
        <v>153</v>
      </c>
      <c r="W8">
        <v>157</v>
      </c>
      <c r="X8">
        <v>161</v>
      </c>
      <c r="Y8">
        <v>165</v>
      </c>
      <c r="Z8">
        <v>169</v>
      </c>
      <c r="AA8">
        <v>173</v>
      </c>
      <c r="AB8">
        <v>176</v>
      </c>
      <c r="AC8">
        <v>181</v>
      </c>
      <c r="AD8">
        <v>185</v>
      </c>
      <c r="AE8">
        <v>188</v>
      </c>
      <c r="AF8">
        <v>189</v>
      </c>
      <c r="AG8">
        <v>191</v>
      </c>
      <c r="AH8">
        <v>192</v>
      </c>
      <c r="AI8">
        <v>193</v>
      </c>
      <c r="AJ8">
        <v>195</v>
      </c>
      <c r="AK8">
        <v>196</v>
      </c>
      <c r="AL8">
        <v>198</v>
      </c>
      <c r="AM8">
        <v>199</v>
      </c>
      <c r="AN8">
        <v>201</v>
      </c>
      <c r="AO8">
        <v>202</v>
      </c>
      <c r="AP8">
        <v>204</v>
      </c>
      <c r="AQ8">
        <v>205</v>
      </c>
    </row>
    <row r="9" spans="1:43">
      <c r="A9" t="s">
        <v>92</v>
      </c>
      <c r="B9" t="s">
        <v>93</v>
      </c>
      <c r="C9" t="s">
        <v>76</v>
      </c>
      <c r="D9" t="s">
        <v>77</v>
      </c>
      <c r="E9" t="s">
        <v>78</v>
      </c>
      <c r="F9" t="s">
        <v>79</v>
      </c>
      <c r="G9" t="s">
        <v>80</v>
      </c>
      <c r="H9" t="s">
        <v>81</v>
      </c>
      <c r="I9" s="2">
        <v>0</v>
      </c>
      <c r="J9" s="2">
        <v>1</v>
      </c>
      <c r="K9" s="2">
        <v>0</v>
      </c>
      <c r="L9" t="s">
        <v>82</v>
      </c>
      <c r="M9" t="s">
        <v>83</v>
      </c>
      <c r="N9" t="s">
        <v>91</v>
      </c>
      <c r="O9" t="s">
        <v>85</v>
      </c>
      <c r="P9" t="s">
        <v>86</v>
      </c>
      <c r="Q9">
        <v>133</v>
      </c>
      <c r="R9">
        <v>136</v>
      </c>
      <c r="S9">
        <v>139</v>
      </c>
      <c r="T9">
        <v>142</v>
      </c>
      <c r="U9">
        <v>145</v>
      </c>
      <c r="V9">
        <v>148</v>
      </c>
      <c r="W9">
        <v>151</v>
      </c>
      <c r="X9">
        <v>154</v>
      </c>
      <c r="Y9">
        <v>157</v>
      </c>
      <c r="Z9">
        <v>160</v>
      </c>
      <c r="AA9">
        <v>164</v>
      </c>
      <c r="AB9">
        <v>167</v>
      </c>
      <c r="AC9">
        <v>170</v>
      </c>
      <c r="AD9">
        <v>173</v>
      </c>
      <c r="AE9">
        <v>177</v>
      </c>
      <c r="AF9">
        <v>180</v>
      </c>
      <c r="AG9">
        <v>183</v>
      </c>
      <c r="AH9">
        <v>187</v>
      </c>
      <c r="AI9">
        <v>190</v>
      </c>
      <c r="AJ9">
        <v>194</v>
      </c>
      <c r="AK9">
        <v>197</v>
      </c>
      <c r="AL9">
        <v>199</v>
      </c>
      <c r="AM9">
        <v>201</v>
      </c>
      <c r="AN9">
        <v>202</v>
      </c>
      <c r="AO9">
        <v>204</v>
      </c>
      <c r="AP9">
        <v>205</v>
      </c>
      <c r="AQ9">
        <v>207</v>
      </c>
    </row>
    <row r="10" spans="1:43">
      <c r="A10" t="s">
        <v>94</v>
      </c>
      <c r="B10" t="s">
        <v>95</v>
      </c>
      <c r="C10" t="s">
        <v>76</v>
      </c>
      <c r="D10" t="s">
        <v>77</v>
      </c>
      <c r="E10" t="s">
        <v>78</v>
      </c>
      <c r="F10" t="s">
        <v>79</v>
      </c>
      <c r="G10" t="s">
        <v>80</v>
      </c>
      <c r="H10" t="s">
        <v>81</v>
      </c>
      <c r="I10" s="2">
        <v>0</v>
      </c>
      <c r="J10" s="2">
        <v>1</v>
      </c>
      <c r="K10" s="2">
        <v>0</v>
      </c>
      <c r="L10" t="s">
        <v>82</v>
      </c>
      <c r="M10" t="s">
        <v>83</v>
      </c>
      <c r="N10" t="s">
        <v>84</v>
      </c>
      <c r="O10" t="s">
        <v>85</v>
      </c>
      <c r="P10" t="s">
        <v>86</v>
      </c>
      <c r="Q10">
        <v>65</v>
      </c>
      <c r="R10">
        <v>66</v>
      </c>
      <c r="S10">
        <v>67</v>
      </c>
      <c r="T10">
        <v>69</v>
      </c>
      <c r="U10">
        <v>70</v>
      </c>
      <c r="V10">
        <v>72</v>
      </c>
      <c r="W10">
        <v>73</v>
      </c>
      <c r="X10">
        <v>75</v>
      </c>
      <c r="Y10">
        <v>76</v>
      </c>
      <c r="Z10">
        <v>78</v>
      </c>
      <c r="AA10">
        <v>79</v>
      </c>
      <c r="AB10">
        <v>81</v>
      </c>
      <c r="AC10">
        <v>82</v>
      </c>
      <c r="AD10">
        <v>84</v>
      </c>
      <c r="AE10">
        <v>86</v>
      </c>
      <c r="AF10">
        <v>87</v>
      </c>
      <c r="AG10">
        <v>89</v>
      </c>
      <c r="AH10">
        <v>90</v>
      </c>
      <c r="AI10">
        <v>92</v>
      </c>
      <c r="AJ10">
        <v>94</v>
      </c>
      <c r="AK10">
        <v>96</v>
      </c>
      <c r="AL10">
        <v>97</v>
      </c>
      <c r="AM10">
        <v>97</v>
      </c>
      <c r="AN10">
        <v>98</v>
      </c>
      <c r="AO10">
        <v>99</v>
      </c>
      <c r="AP10">
        <v>100</v>
      </c>
      <c r="AQ10">
        <v>100</v>
      </c>
    </row>
    <row r="11" spans="1:43">
      <c r="A11" t="s">
        <v>94</v>
      </c>
      <c r="B11" t="s">
        <v>95</v>
      </c>
      <c r="C11" t="s">
        <v>76</v>
      </c>
      <c r="D11" t="s">
        <v>77</v>
      </c>
      <c r="E11" t="s">
        <v>78</v>
      </c>
      <c r="F11" t="s">
        <v>79</v>
      </c>
      <c r="G11" t="s">
        <v>80</v>
      </c>
      <c r="H11" t="s">
        <v>81</v>
      </c>
      <c r="I11" s="2">
        <v>0</v>
      </c>
      <c r="J11" s="2">
        <v>1</v>
      </c>
      <c r="K11" s="2">
        <v>0</v>
      </c>
      <c r="L11" t="s">
        <v>82</v>
      </c>
      <c r="M11" t="s">
        <v>87</v>
      </c>
      <c r="N11" t="s">
        <v>88</v>
      </c>
      <c r="O11" t="s">
        <v>85</v>
      </c>
      <c r="P11" t="s">
        <v>86</v>
      </c>
      <c r="Q11">
        <v>65</v>
      </c>
      <c r="R11">
        <v>66</v>
      </c>
      <c r="S11">
        <v>67</v>
      </c>
      <c r="T11">
        <v>67</v>
      </c>
      <c r="U11">
        <v>68</v>
      </c>
      <c r="V11">
        <v>69</v>
      </c>
      <c r="W11">
        <v>70</v>
      </c>
      <c r="X11">
        <v>71</v>
      </c>
      <c r="Y11">
        <v>71</v>
      </c>
      <c r="Z11">
        <v>72</v>
      </c>
      <c r="AA11">
        <v>73</v>
      </c>
      <c r="AB11">
        <v>74</v>
      </c>
      <c r="AC11">
        <v>75</v>
      </c>
      <c r="AD11">
        <v>76</v>
      </c>
      <c r="AE11">
        <v>77</v>
      </c>
      <c r="AF11">
        <v>78</v>
      </c>
      <c r="AG11">
        <v>78</v>
      </c>
      <c r="AH11">
        <v>79</v>
      </c>
      <c r="AI11">
        <v>80</v>
      </c>
      <c r="AJ11">
        <v>81</v>
      </c>
      <c r="AK11">
        <v>82</v>
      </c>
      <c r="AL11">
        <v>83</v>
      </c>
      <c r="AM11">
        <v>84</v>
      </c>
      <c r="AN11">
        <v>85</v>
      </c>
      <c r="AO11">
        <v>86</v>
      </c>
      <c r="AP11">
        <v>87</v>
      </c>
      <c r="AQ11">
        <v>88</v>
      </c>
    </row>
    <row r="12" spans="1:43">
      <c r="A12" t="s">
        <v>94</v>
      </c>
      <c r="B12" t="s">
        <v>95</v>
      </c>
      <c r="C12" t="s">
        <v>76</v>
      </c>
      <c r="D12" t="s">
        <v>77</v>
      </c>
      <c r="E12" t="s">
        <v>78</v>
      </c>
      <c r="F12" t="s">
        <v>79</v>
      </c>
      <c r="G12" t="s">
        <v>80</v>
      </c>
      <c r="H12" t="s">
        <v>81</v>
      </c>
      <c r="I12" s="2">
        <v>0</v>
      </c>
      <c r="J12" s="2">
        <v>1</v>
      </c>
      <c r="K12" s="2">
        <v>0</v>
      </c>
      <c r="L12" t="s">
        <v>82</v>
      </c>
      <c r="M12" t="s">
        <v>89</v>
      </c>
      <c r="N12" t="s">
        <v>90</v>
      </c>
      <c r="O12" t="s">
        <v>85</v>
      </c>
      <c r="P12" t="s">
        <v>86</v>
      </c>
      <c r="Q12">
        <v>65</v>
      </c>
      <c r="R12">
        <v>67</v>
      </c>
      <c r="S12">
        <v>69</v>
      </c>
      <c r="T12">
        <v>71</v>
      </c>
      <c r="U12">
        <v>73</v>
      </c>
      <c r="V12">
        <v>75</v>
      </c>
      <c r="W12">
        <v>77</v>
      </c>
      <c r="X12">
        <v>79</v>
      </c>
      <c r="Y12">
        <v>81</v>
      </c>
      <c r="Z12">
        <v>83</v>
      </c>
      <c r="AA12">
        <v>85</v>
      </c>
      <c r="AB12">
        <v>86</v>
      </c>
      <c r="AC12">
        <v>89</v>
      </c>
      <c r="AD12">
        <v>90</v>
      </c>
      <c r="AE12">
        <v>92</v>
      </c>
      <c r="AF12">
        <v>93</v>
      </c>
      <c r="AG12">
        <v>93</v>
      </c>
      <c r="AH12">
        <v>94</v>
      </c>
      <c r="AI12">
        <v>95</v>
      </c>
      <c r="AJ12">
        <v>95</v>
      </c>
      <c r="AK12">
        <v>96</v>
      </c>
      <c r="AL12">
        <v>97</v>
      </c>
      <c r="AM12">
        <v>98</v>
      </c>
      <c r="AN12">
        <v>98</v>
      </c>
      <c r="AO12">
        <v>99</v>
      </c>
      <c r="AP12">
        <v>100</v>
      </c>
      <c r="AQ12">
        <v>101</v>
      </c>
    </row>
    <row r="13" spans="1:43">
      <c r="A13" t="s">
        <v>94</v>
      </c>
      <c r="B13" t="s">
        <v>95</v>
      </c>
      <c r="C13" t="s">
        <v>76</v>
      </c>
      <c r="D13" t="s">
        <v>77</v>
      </c>
      <c r="E13" t="s">
        <v>78</v>
      </c>
      <c r="F13" t="s">
        <v>79</v>
      </c>
      <c r="G13" t="s">
        <v>80</v>
      </c>
      <c r="H13" t="s">
        <v>81</v>
      </c>
      <c r="I13" s="2">
        <v>0</v>
      </c>
      <c r="J13" s="2">
        <v>1</v>
      </c>
      <c r="K13" s="2">
        <v>0</v>
      </c>
      <c r="L13" t="s">
        <v>82</v>
      </c>
      <c r="M13" t="s">
        <v>83</v>
      </c>
      <c r="N13" t="s">
        <v>91</v>
      </c>
      <c r="O13" t="s">
        <v>85</v>
      </c>
      <c r="P13" t="s">
        <v>86</v>
      </c>
      <c r="Q13">
        <v>65</v>
      </c>
      <c r="R13">
        <v>66</v>
      </c>
      <c r="S13">
        <v>67</v>
      </c>
      <c r="T13">
        <v>69</v>
      </c>
      <c r="U13">
        <v>70</v>
      </c>
      <c r="V13">
        <v>72</v>
      </c>
      <c r="W13">
        <v>73</v>
      </c>
      <c r="X13">
        <v>75</v>
      </c>
      <c r="Y13">
        <v>76</v>
      </c>
      <c r="Z13">
        <v>78</v>
      </c>
      <c r="AA13">
        <v>79</v>
      </c>
      <c r="AB13">
        <v>81</v>
      </c>
      <c r="AC13">
        <v>82</v>
      </c>
      <c r="AD13">
        <v>84</v>
      </c>
      <c r="AE13">
        <v>86</v>
      </c>
      <c r="AF13">
        <v>87</v>
      </c>
      <c r="AG13">
        <v>89</v>
      </c>
      <c r="AH13">
        <v>90</v>
      </c>
      <c r="AI13">
        <v>92</v>
      </c>
      <c r="AJ13">
        <v>94</v>
      </c>
      <c r="AK13">
        <v>96</v>
      </c>
      <c r="AL13">
        <v>97</v>
      </c>
      <c r="AM13">
        <v>97</v>
      </c>
      <c r="AN13">
        <v>98</v>
      </c>
      <c r="AO13">
        <v>99</v>
      </c>
      <c r="AP13">
        <v>100</v>
      </c>
      <c r="AQ13">
        <v>100</v>
      </c>
    </row>
    <row r="14" spans="1:43">
      <c r="A14" t="s">
        <v>96</v>
      </c>
      <c r="B14" t="s">
        <v>97</v>
      </c>
      <c r="C14" t="s">
        <v>76</v>
      </c>
      <c r="D14" t="s">
        <v>77</v>
      </c>
      <c r="E14" t="s">
        <v>78</v>
      </c>
      <c r="F14" t="s">
        <v>79</v>
      </c>
      <c r="G14" t="s">
        <v>80</v>
      </c>
      <c r="H14" t="s">
        <v>81</v>
      </c>
      <c r="I14" s="2">
        <v>0</v>
      </c>
      <c r="J14" s="2">
        <v>1</v>
      </c>
      <c r="K14" s="2">
        <v>0</v>
      </c>
      <c r="L14" t="s">
        <v>82</v>
      </c>
      <c r="M14" t="s">
        <v>83</v>
      </c>
      <c r="N14" t="s">
        <v>84</v>
      </c>
      <c r="O14" t="s">
        <v>85</v>
      </c>
      <c r="P14" t="s">
        <v>86</v>
      </c>
      <c r="Q14">
        <v>242</v>
      </c>
      <c r="R14">
        <v>247</v>
      </c>
      <c r="S14">
        <v>252</v>
      </c>
      <c r="T14">
        <v>257</v>
      </c>
      <c r="U14">
        <v>263</v>
      </c>
      <c r="V14">
        <v>268</v>
      </c>
      <c r="W14">
        <v>274</v>
      </c>
      <c r="X14">
        <v>279</v>
      </c>
      <c r="Y14">
        <v>285</v>
      </c>
      <c r="Z14">
        <v>291</v>
      </c>
      <c r="AA14">
        <v>297</v>
      </c>
      <c r="AB14">
        <v>302</v>
      </c>
      <c r="AC14">
        <v>308</v>
      </c>
      <c r="AD14">
        <v>314</v>
      </c>
      <c r="AE14">
        <v>320</v>
      </c>
      <c r="AF14">
        <v>326</v>
      </c>
      <c r="AG14">
        <v>333</v>
      </c>
      <c r="AH14">
        <v>339</v>
      </c>
      <c r="AI14">
        <v>345</v>
      </c>
      <c r="AJ14">
        <v>351</v>
      </c>
      <c r="AK14">
        <v>358</v>
      </c>
      <c r="AL14">
        <v>362</v>
      </c>
      <c r="AM14">
        <v>365</v>
      </c>
      <c r="AN14">
        <v>368</v>
      </c>
      <c r="AO14">
        <v>370</v>
      </c>
      <c r="AP14">
        <v>373</v>
      </c>
      <c r="AQ14">
        <v>376</v>
      </c>
    </row>
    <row r="15" spans="1:43">
      <c r="A15" t="s">
        <v>96</v>
      </c>
      <c r="B15" t="s">
        <v>97</v>
      </c>
      <c r="C15" t="s">
        <v>76</v>
      </c>
      <c r="D15" t="s">
        <v>77</v>
      </c>
      <c r="E15" t="s">
        <v>78</v>
      </c>
      <c r="F15" t="s">
        <v>79</v>
      </c>
      <c r="G15" t="s">
        <v>80</v>
      </c>
      <c r="H15" t="s">
        <v>81</v>
      </c>
      <c r="I15" s="2">
        <v>0</v>
      </c>
      <c r="J15" s="2">
        <v>1</v>
      </c>
      <c r="K15" s="2">
        <v>0</v>
      </c>
      <c r="L15" t="s">
        <v>82</v>
      </c>
      <c r="M15" t="s">
        <v>87</v>
      </c>
      <c r="N15" t="s">
        <v>88</v>
      </c>
      <c r="O15" t="s">
        <v>85</v>
      </c>
      <c r="P15" t="s">
        <v>86</v>
      </c>
      <c r="Q15">
        <v>242</v>
      </c>
      <c r="R15">
        <v>245</v>
      </c>
      <c r="S15">
        <v>248</v>
      </c>
      <c r="T15">
        <v>251</v>
      </c>
      <c r="U15">
        <v>254</v>
      </c>
      <c r="V15">
        <v>257</v>
      </c>
      <c r="W15">
        <v>260</v>
      </c>
      <c r="X15">
        <v>263</v>
      </c>
      <c r="Y15">
        <v>267</v>
      </c>
      <c r="Z15">
        <v>270</v>
      </c>
      <c r="AA15">
        <v>273</v>
      </c>
      <c r="AB15">
        <v>276</v>
      </c>
      <c r="AC15">
        <v>279</v>
      </c>
      <c r="AD15">
        <v>283</v>
      </c>
      <c r="AE15">
        <v>286</v>
      </c>
      <c r="AF15">
        <v>289</v>
      </c>
      <c r="AG15">
        <v>293</v>
      </c>
      <c r="AH15">
        <v>296</v>
      </c>
      <c r="AI15">
        <v>300</v>
      </c>
      <c r="AJ15">
        <v>303</v>
      </c>
      <c r="AK15">
        <v>307</v>
      </c>
      <c r="AL15">
        <v>310</v>
      </c>
      <c r="AM15">
        <v>314</v>
      </c>
      <c r="AN15">
        <v>317</v>
      </c>
      <c r="AO15">
        <v>321</v>
      </c>
      <c r="AP15">
        <v>325</v>
      </c>
      <c r="AQ15">
        <v>328</v>
      </c>
    </row>
    <row r="16" spans="1:43">
      <c r="A16" t="s">
        <v>96</v>
      </c>
      <c r="B16" t="s">
        <v>97</v>
      </c>
      <c r="C16" t="s">
        <v>76</v>
      </c>
      <c r="D16" t="s">
        <v>77</v>
      </c>
      <c r="E16" t="s">
        <v>78</v>
      </c>
      <c r="F16" t="s">
        <v>79</v>
      </c>
      <c r="G16" t="s">
        <v>80</v>
      </c>
      <c r="H16" t="s">
        <v>81</v>
      </c>
      <c r="I16" s="2">
        <v>0</v>
      </c>
      <c r="J16" s="2">
        <v>1</v>
      </c>
      <c r="K16" s="2">
        <v>0</v>
      </c>
      <c r="L16" t="s">
        <v>82</v>
      </c>
      <c r="M16" t="s">
        <v>89</v>
      </c>
      <c r="N16" t="s">
        <v>90</v>
      </c>
      <c r="O16" t="s">
        <v>85</v>
      </c>
      <c r="P16" t="s">
        <v>86</v>
      </c>
      <c r="Q16">
        <v>242</v>
      </c>
      <c r="R16">
        <v>249</v>
      </c>
      <c r="S16">
        <v>257</v>
      </c>
      <c r="T16">
        <v>264</v>
      </c>
      <c r="U16">
        <v>271</v>
      </c>
      <c r="V16">
        <v>279</v>
      </c>
      <c r="W16">
        <v>286</v>
      </c>
      <c r="X16">
        <v>293</v>
      </c>
      <c r="Y16">
        <v>300</v>
      </c>
      <c r="Z16">
        <v>308</v>
      </c>
      <c r="AA16">
        <v>315</v>
      </c>
      <c r="AB16">
        <v>322</v>
      </c>
      <c r="AC16">
        <v>329</v>
      </c>
      <c r="AD16">
        <v>337</v>
      </c>
      <c r="AE16">
        <v>342</v>
      </c>
      <c r="AF16">
        <v>345</v>
      </c>
      <c r="AG16">
        <v>348</v>
      </c>
      <c r="AH16">
        <v>351</v>
      </c>
      <c r="AI16">
        <v>353</v>
      </c>
      <c r="AJ16">
        <v>356</v>
      </c>
      <c r="AK16">
        <v>359</v>
      </c>
      <c r="AL16">
        <v>362</v>
      </c>
      <c r="AM16">
        <v>364</v>
      </c>
      <c r="AN16">
        <v>367</v>
      </c>
      <c r="AO16">
        <v>370</v>
      </c>
      <c r="AP16">
        <v>373</v>
      </c>
      <c r="AQ16">
        <v>376</v>
      </c>
    </row>
    <row r="17" spans="1:43">
      <c r="A17" t="s">
        <v>96</v>
      </c>
      <c r="B17" t="s">
        <v>97</v>
      </c>
      <c r="C17" t="s">
        <v>76</v>
      </c>
      <c r="D17" t="s">
        <v>77</v>
      </c>
      <c r="E17" t="s">
        <v>78</v>
      </c>
      <c r="F17" t="s">
        <v>79</v>
      </c>
      <c r="G17" t="s">
        <v>80</v>
      </c>
      <c r="H17" t="s">
        <v>81</v>
      </c>
      <c r="I17" s="2">
        <v>0</v>
      </c>
      <c r="J17" s="2">
        <v>1</v>
      </c>
      <c r="K17" s="2">
        <v>0</v>
      </c>
      <c r="L17" t="s">
        <v>82</v>
      </c>
      <c r="M17" t="s">
        <v>83</v>
      </c>
      <c r="N17" t="s">
        <v>91</v>
      </c>
      <c r="O17" t="s">
        <v>85</v>
      </c>
      <c r="P17" t="s">
        <v>86</v>
      </c>
      <c r="Q17">
        <v>242</v>
      </c>
      <c r="R17">
        <v>247</v>
      </c>
      <c r="S17">
        <v>252</v>
      </c>
      <c r="T17">
        <v>257</v>
      </c>
      <c r="U17">
        <v>263</v>
      </c>
      <c r="V17">
        <v>268</v>
      </c>
      <c r="W17">
        <v>274</v>
      </c>
      <c r="X17">
        <v>279</v>
      </c>
      <c r="Y17">
        <v>285</v>
      </c>
      <c r="Z17">
        <v>291</v>
      </c>
      <c r="AA17">
        <v>297</v>
      </c>
      <c r="AB17">
        <v>302</v>
      </c>
      <c r="AC17">
        <v>308</v>
      </c>
      <c r="AD17">
        <v>314</v>
      </c>
      <c r="AE17">
        <v>320</v>
      </c>
      <c r="AF17">
        <v>326</v>
      </c>
      <c r="AG17">
        <v>333</v>
      </c>
      <c r="AH17">
        <v>339</v>
      </c>
      <c r="AI17">
        <v>345</v>
      </c>
      <c r="AJ17">
        <v>351</v>
      </c>
      <c r="AK17">
        <v>358</v>
      </c>
      <c r="AL17">
        <v>362</v>
      </c>
      <c r="AM17">
        <v>365</v>
      </c>
      <c r="AN17">
        <v>368</v>
      </c>
      <c r="AO17">
        <v>370</v>
      </c>
      <c r="AP17">
        <v>373</v>
      </c>
      <c r="AQ17">
        <v>376</v>
      </c>
    </row>
    <row r="18" spans="1:43">
      <c r="A18" t="s">
        <v>98</v>
      </c>
      <c r="B18" t="s">
        <v>99</v>
      </c>
      <c r="C18" t="s">
        <v>100</v>
      </c>
      <c r="D18" t="s">
        <v>101</v>
      </c>
      <c r="E18" t="s">
        <v>102</v>
      </c>
      <c r="F18" t="s">
        <v>103</v>
      </c>
      <c r="G18" t="s">
        <v>80</v>
      </c>
      <c r="H18" t="s">
        <v>81</v>
      </c>
      <c r="I18" s="2">
        <v>0</v>
      </c>
      <c r="J18" s="2">
        <v>1</v>
      </c>
      <c r="K18" s="2">
        <v>0</v>
      </c>
      <c r="L18" t="s">
        <v>82</v>
      </c>
      <c r="M18" t="s">
        <v>83</v>
      </c>
      <c r="N18" t="s">
        <v>84</v>
      </c>
      <c r="O18" t="s">
        <v>85</v>
      </c>
      <c r="P18" t="s">
        <v>86</v>
      </c>
      <c r="Q18">
        <v>6</v>
      </c>
      <c r="R18">
        <v>6</v>
      </c>
      <c r="S18">
        <v>6</v>
      </c>
      <c r="T18">
        <v>6</v>
      </c>
      <c r="U18">
        <v>6</v>
      </c>
      <c r="V18">
        <v>6</v>
      </c>
      <c r="W18">
        <v>7</v>
      </c>
      <c r="X18">
        <v>7</v>
      </c>
      <c r="Y18">
        <v>7</v>
      </c>
      <c r="Z18">
        <v>7</v>
      </c>
      <c r="AA18">
        <v>7</v>
      </c>
      <c r="AB18">
        <v>7</v>
      </c>
      <c r="AC18">
        <v>7</v>
      </c>
      <c r="AD18">
        <v>7</v>
      </c>
      <c r="AE18">
        <v>7</v>
      </c>
      <c r="AF18">
        <v>7</v>
      </c>
      <c r="AG18">
        <v>7</v>
      </c>
      <c r="AH18">
        <v>8</v>
      </c>
      <c r="AI18">
        <v>8</v>
      </c>
      <c r="AJ18">
        <v>8</v>
      </c>
      <c r="AK18">
        <v>8</v>
      </c>
      <c r="AL18">
        <v>8</v>
      </c>
      <c r="AM18">
        <v>8</v>
      </c>
      <c r="AN18">
        <v>8</v>
      </c>
      <c r="AO18">
        <v>8</v>
      </c>
      <c r="AP18">
        <v>8</v>
      </c>
      <c r="AQ18">
        <v>8</v>
      </c>
    </row>
    <row r="19" spans="1:43">
      <c r="A19" t="s">
        <v>98</v>
      </c>
      <c r="B19" t="s">
        <v>99</v>
      </c>
      <c r="C19" t="s">
        <v>100</v>
      </c>
      <c r="D19" t="s">
        <v>101</v>
      </c>
      <c r="E19" t="s">
        <v>102</v>
      </c>
      <c r="F19" t="s">
        <v>103</v>
      </c>
      <c r="G19" t="s">
        <v>80</v>
      </c>
      <c r="H19" t="s">
        <v>81</v>
      </c>
      <c r="I19" s="2">
        <v>0</v>
      </c>
      <c r="J19" s="2">
        <v>1</v>
      </c>
      <c r="K19" s="2">
        <v>0</v>
      </c>
      <c r="L19" t="s">
        <v>82</v>
      </c>
      <c r="M19" t="s">
        <v>87</v>
      </c>
      <c r="N19" t="s">
        <v>88</v>
      </c>
      <c r="O19" t="s">
        <v>85</v>
      </c>
      <c r="P19" t="s">
        <v>86</v>
      </c>
      <c r="Q19">
        <v>6</v>
      </c>
      <c r="R19">
        <v>6</v>
      </c>
      <c r="S19">
        <v>6</v>
      </c>
      <c r="T19">
        <v>6</v>
      </c>
      <c r="U19">
        <v>6</v>
      </c>
      <c r="V19">
        <v>6</v>
      </c>
      <c r="W19">
        <v>6</v>
      </c>
      <c r="X19">
        <v>6</v>
      </c>
      <c r="Y19">
        <v>6</v>
      </c>
      <c r="Z19">
        <v>6</v>
      </c>
      <c r="AA19">
        <v>6</v>
      </c>
      <c r="AB19">
        <v>6</v>
      </c>
      <c r="AC19">
        <v>6</v>
      </c>
      <c r="AD19">
        <v>6</v>
      </c>
      <c r="AE19">
        <v>6</v>
      </c>
      <c r="AF19">
        <v>7</v>
      </c>
      <c r="AG19">
        <v>7</v>
      </c>
      <c r="AH19">
        <v>7</v>
      </c>
      <c r="AI19">
        <v>7</v>
      </c>
      <c r="AJ19">
        <v>7</v>
      </c>
      <c r="AK19">
        <v>7</v>
      </c>
      <c r="AL19">
        <v>7</v>
      </c>
      <c r="AM19">
        <v>7</v>
      </c>
      <c r="AN19">
        <v>7</v>
      </c>
      <c r="AO19">
        <v>7</v>
      </c>
      <c r="AP19">
        <v>7</v>
      </c>
      <c r="AQ19">
        <v>7</v>
      </c>
    </row>
    <row r="20" spans="1:43">
      <c r="A20" t="s">
        <v>98</v>
      </c>
      <c r="B20" t="s">
        <v>99</v>
      </c>
      <c r="C20" t="s">
        <v>100</v>
      </c>
      <c r="D20" t="s">
        <v>101</v>
      </c>
      <c r="E20" t="s">
        <v>102</v>
      </c>
      <c r="F20" t="s">
        <v>103</v>
      </c>
      <c r="G20" t="s">
        <v>80</v>
      </c>
      <c r="H20" t="s">
        <v>81</v>
      </c>
      <c r="I20" s="2">
        <v>0</v>
      </c>
      <c r="J20" s="2">
        <v>1</v>
      </c>
      <c r="K20" s="2">
        <v>0</v>
      </c>
      <c r="L20" t="s">
        <v>82</v>
      </c>
      <c r="M20" t="s">
        <v>89</v>
      </c>
      <c r="N20" t="s">
        <v>90</v>
      </c>
      <c r="O20" t="s">
        <v>85</v>
      </c>
      <c r="P20" t="s">
        <v>86</v>
      </c>
      <c r="Q20">
        <v>6</v>
      </c>
      <c r="R20">
        <v>6</v>
      </c>
      <c r="S20">
        <v>6</v>
      </c>
      <c r="T20">
        <v>6</v>
      </c>
      <c r="U20">
        <v>7</v>
      </c>
      <c r="V20">
        <v>7</v>
      </c>
      <c r="W20">
        <v>7</v>
      </c>
      <c r="X20">
        <v>7</v>
      </c>
      <c r="Y20">
        <v>7</v>
      </c>
      <c r="Z20">
        <v>7</v>
      </c>
      <c r="AA20">
        <v>7</v>
      </c>
      <c r="AB20">
        <v>7</v>
      </c>
      <c r="AC20">
        <v>8</v>
      </c>
      <c r="AD20">
        <v>8</v>
      </c>
      <c r="AE20">
        <v>8</v>
      </c>
      <c r="AF20">
        <v>8</v>
      </c>
      <c r="AG20">
        <v>8</v>
      </c>
      <c r="AH20">
        <v>8</v>
      </c>
      <c r="AI20">
        <v>8</v>
      </c>
      <c r="AJ20">
        <v>8</v>
      </c>
      <c r="AK20">
        <v>8</v>
      </c>
      <c r="AL20">
        <v>8</v>
      </c>
      <c r="AM20">
        <v>8</v>
      </c>
      <c r="AN20">
        <v>8</v>
      </c>
      <c r="AO20">
        <v>8</v>
      </c>
      <c r="AP20">
        <v>8</v>
      </c>
      <c r="AQ20">
        <v>8</v>
      </c>
    </row>
    <row r="21" spans="1:43">
      <c r="A21" t="s">
        <v>98</v>
      </c>
      <c r="B21" t="s">
        <v>99</v>
      </c>
      <c r="C21" t="s">
        <v>100</v>
      </c>
      <c r="D21" t="s">
        <v>101</v>
      </c>
      <c r="E21" t="s">
        <v>102</v>
      </c>
      <c r="F21" t="s">
        <v>103</v>
      </c>
      <c r="G21" t="s">
        <v>80</v>
      </c>
      <c r="H21" t="s">
        <v>81</v>
      </c>
      <c r="I21" s="2">
        <v>0</v>
      </c>
      <c r="J21" s="2">
        <v>1</v>
      </c>
      <c r="K21" s="2">
        <v>0</v>
      </c>
      <c r="L21" t="s">
        <v>82</v>
      </c>
      <c r="M21" t="s">
        <v>83</v>
      </c>
      <c r="N21" t="s">
        <v>91</v>
      </c>
      <c r="O21" t="s">
        <v>85</v>
      </c>
      <c r="P21" t="s">
        <v>86</v>
      </c>
      <c r="Q21">
        <v>6</v>
      </c>
      <c r="R21">
        <v>6</v>
      </c>
      <c r="S21">
        <v>6</v>
      </c>
      <c r="T21">
        <v>6</v>
      </c>
      <c r="U21">
        <v>6</v>
      </c>
      <c r="V21">
        <v>6</v>
      </c>
      <c r="W21">
        <v>7</v>
      </c>
      <c r="X21">
        <v>7</v>
      </c>
      <c r="Y21">
        <v>7</v>
      </c>
      <c r="Z21">
        <v>7</v>
      </c>
      <c r="AA21">
        <v>7</v>
      </c>
      <c r="AB21">
        <v>7</v>
      </c>
      <c r="AC21">
        <v>7</v>
      </c>
      <c r="AD21">
        <v>7</v>
      </c>
      <c r="AE21">
        <v>7</v>
      </c>
      <c r="AF21">
        <v>7</v>
      </c>
      <c r="AG21">
        <v>7</v>
      </c>
      <c r="AH21">
        <v>8</v>
      </c>
      <c r="AI21">
        <v>8</v>
      </c>
      <c r="AJ21">
        <v>8</v>
      </c>
      <c r="AK21">
        <v>8</v>
      </c>
      <c r="AL21">
        <v>8</v>
      </c>
      <c r="AM21">
        <v>8</v>
      </c>
      <c r="AN21">
        <v>8</v>
      </c>
      <c r="AO21">
        <v>8</v>
      </c>
      <c r="AP21">
        <v>8</v>
      </c>
      <c r="AQ21">
        <v>8</v>
      </c>
    </row>
    <row r="22" spans="1:43">
      <c r="A22" t="s">
        <v>104</v>
      </c>
      <c r="B22" t="s">
        <v>105</v>
      </c>
      <c r="C22" t="s">
        <v>106</v>
      </c>
      <c r="D22" t="s">
        <v>107</v>
      </c>
      <c r="E22" t="s">
        <v>102</v>
      </c>
      <c r="F22" t="s">
        <v>103</v>
      </c>
      <c r="G22" t="s">
        <v>80</v>
      </c>
      <c r="H22" t="s">
        <v>81</v>
      </c>
      <c r="I22" s="2">
        <v>0</v>
      </c>
      <c r="J22" s="2">
        <v>1</v>
      </c>
      <c r="K22" s="2">
        <v>0</v>
      </c>
      <c r="L22" t="s">
        <v>82</v>
      </c>
      <c r="M22" t="s">
        <v>83</v>
      </c>
      <c r="N22" t="s">
        <v>84</v>
      </c>
      <c r="O22" t="s">
        <v>85</v>
      </c>
      <c r="P22" t="s">
        <v>86</v>
      </c>
      <c r="Q22">
        <v>68</v>
      </c>
      <c r="R22">
        <v>69</v>
      </c>
      <c r="S22">
        <v>70</v>
      </c>
      <c r="T22">
        <v>71</v>
      </c>
      <c r="U22">
        <v>73</v>
      </c>
      <c r="V22">
        <v>74</v>
      </c>
      <c r="W22">
        <v>75</v>
      </c>
      <c r="X22">
        <v>76</v>
      </c>
      <c r="Y22">
        <v>77</v>
      </c>
      <c r="Z22">
        <v>78</v>
      </c>
      <c r="AA22">
        <v>79</v>
      </c>
      <c r="AB22">
        <v>80</v>
      </c>
      <c r="AC22">
        <v>81</v>
      </c>
      <c r="AD22">
        <v>82</v>
      </c>
      <c r="AE22">
        <v>83</v>
      </c>
      <c r="AF22">
        <v>84</v>
      </c>
      <c r="AG22">
        <v>85</v>
      </c>
      <c r="AH22">
        <v>86</v>
      </c>
      <c r="AI22">
        <v>87</v>
      </c>
      <c r="AJ22">
        <v>88</v>
      </c>
      <c r="AK22">
        <v>89</v>
      </c>
      <c r="AL22">
        <v>90</v>
      </c>
      <c r="AM22">
        <v>90</v>
      </c>
      <c r="AN22">
        <v>90</v>
      </c>
      <c r="AO22">
        <v>90</v>
      </c>
      <c r="AP22">
        <v>91</v>
      </c>
      <c r="AQ22">
        <v>91</v>
      </c>
    </row>
    <row r="23" spans="1:43">
      <c r="A23" t="s">
        <v>104</v>
      </c>
      <c r="B23" t="s">
        <v>105</v>
      </c>
      <c r="C23" t="s">
        <v>106</v>
      </c>
      <c r="D23" t="s">
        <v>107</v>
      </c>
      <c r="E23" t="s">
        <v>102</v>
      </c>
      <c r="F23" t="s">
        <v>103</v>
      </c>
      <c r="G23" t="s">
        <v>80</v>
      </c>
      <c r="H23" t="s">
        <v>81</v>
      </c>
      <c r="I23" s="2">
        <v>0</v>
      </c>
      <c r="J23" s="2">
        <v>1</v>
      </c>
      <c r="K23" s="2">
        <v>0</v>
      </c>
      <c r="L23" t="s">
        <v>82</v>
      </c>
      <c r="M23" t="s">
        <v>87</v>
      </c>
      <c r="N23" t="s">
        <v>88</v>
      </c>
      <c r="O23" t="s">
        <v>85</v>
      </c>
      <c r="P23" t="s">
        <v>86</v>
      </c>
      <c r="Q23">
        <v>68</v>
      </c>
      <c r="R23">
        <v>68</v>
      </c>
      <c r="S23">
        <v>68</v>
      </c>
      <c r="T23">
        <v>69</v>
      </c>
      <c r="U23">
        <v>69</v>
      </c>
      <c r="V23">
        <v>70</v>
      </c>
      <c r="W23">
        <v>70</v>
      </c>
      <c r="X23">
        <v>71</v>
      </c>
      <c r="Y23">
        <v>71</v>
      </c>
      <c r="Z23">
        <v>72</v>
      </c>
      <c r="AA23">
        <v>72</v>
      </c>
      <c r="AB23">
        <v>72</v>
      </c>
      <c r="AC23">
        <v>73</v>
      </c>
      <c r="AD23">
        <v>73</v>
      </c>
      <c r="AE23">
        <v>74</v>
      </c>
      <c r="AF23">
        <v>74</v>
      </c>
      <c r="AG23">
        <v>75</v>
      </c>
      <c r="AH23">
        <v>75</v>
      </c>
      <c r="AI23">
        <v>75</v>
      </c>
      <c r="AJ23">
        <v>76</v>
      </c>
      <c r="AK23">
        <v>76</v>
      </c>
      <c r="AL23">
        <v>77</v>
      </c>
      <c r="AM23">
        <v>77</v>
      </c>
      <c r="AN23">
        <v>78</v>
      </c>
      <c r="AO23">
        <v>78</v>
      </c>
      <c r="AP23">
        <v>78</v>
      </c>
      <c r="AQ23">
        <v>79</v>
      </c>
    </row>
    <row r="24" spans="1:43">
      <c r="A24" t="s">
        <v>104</v>
      </c>
      <c r="B24" t="s">
        <v>105</v>
      </c>
      <c r="C24" t="s">
        <v>106</v>
      </c>
      <c r="D24" t="s">
        <v>107</v>
      </c>
      <c r="E24" t="s">
        <v>102</v>
      </c>
      <c r="F24" t="s">
        <v>103</v>
      </c>
      <c r="G24" t="s">
        <v>80</v>
      </c>
      <c r="H24" t="s">
        <v>81</v>
      </c>
      <c r="I24" s="2">
        <v>0</v>
      </c>
      <c r="J24" s="2">
        <v>1</v>
      </c>
      <c r="K24" s="2">
        <v>0</v>
      </c>
      <c r="L24" t="s">
        <v>82</v>
      </c>
      <c r="M24" t="s">
        <v>89</v>
      </c>
      <c r="N24" t="s">
        <v>90</v>
      </c>
      <c r="O24" t="s">
        <v>85</v>
      </c>
      <c r="P24" t="s">
        <v>86</v>
      </c>
      <c r="Q24">
        <v>68</v>
      </c>
      <c r="R24">
        <v>69</v>
      </c>
      <c r="S24">
        <v>71</v>
      </c>
      <c r="T24">
        <v>73</v>
      </c>
      <c r="U24">
        <v>74</v>
      </c>
      <c r="V24">
        <v>76</v>
      </c>
      <c r="W24">
        <v>78</v>
      </c>
      <c r="X24">
        <v>79</v>
      </c>
      <c r="Y24">
        <v>81</v>
      </c>
      <c r="Z24">
        <v>82</v>
      </c>
      <c r="AA24">
        <v>83</v>
      </c>
      <c r="AB24">
        <v>85</v>
      </c>
      <c r="AC24">
        <v>86</v>
      </c>
      <c r="AD24">
        <v>87</v>
      </c>
      <c r="AE24">
        <v>88</v>
      </c>
      <c r="AF24">
        <v>89</v>
      </c>
      <c r="AG24">
        <v>89</v>
      </c>
      <c r="AH24">
        <v>89</v>
      </c>
      <c r="AI24">
        <v>89</v>
      </c>
      <c r="AJ24">
        <v>89</v>
      </c>
      <c r="AK24">
        <v>90</v>
      </c>
      <c r="AL24">
        <v>90</v>
      </c>
      <c r="AM24">
        <v>90</v>
      </c>
      <c r="AN24">
        <v>90</v>
      </c>
      <c r="AO24">
        <v>90</v>
      </c>
      <c r="AP24">
        <v>90</v>
      </c>
      <c r="AQ24">
        <v>91</v>
      </c>
    </row>
    <row r="25" spans="1:43">
      <c r="A25" t="s">
        <v>104</v>
      </c>
      <c r="B25" t="s">
        <v>105</v>
      </c>
      <c r="C25" t="s">
        <v>106</v>
      </c>
      <c r="D25" t="s">
        <v>107</v>
      </c>
      <c r="E25" t="s">
        <v>102</v>
      </c>
      <c r="F25" t="s">
        <v>103</v>
      </c>
      <c r="G25" t="s">
        <v>80</v>
      </c>
      <c r="H25" t="s">
        <v>81</v>
      </c>
      <c r="I25" s="2">
        <v>0</v>
      </c>
      <c r="J25" s="2">
        <v>1</v>
      </c>
      <c r="K25" s="2">
        <v>0</v>
      </c>
      <c r="L25" t="s">
        <v>82</v>
      </c>
      <c r="M25" t="s">
        <v>83</v>
      </c>
      <c r="N25" t="s">
        <v>91</v>
      </c>
      <c r="O25" t="s">
        <v>85</v>
      </c>
      <c r="P25" t="s">
        <v>86</v>
      </c>
      <c r="Q25">
        <v>68</v>
      </c>
      <c r="R25">
        <v>69</v>
      </c>
      <c r="S25">
        <v>70</v>
      </c>
      <c r="T25">
        <v>71</v>
      </c>
      <c r="U25">
        <v>73</v>
      </c>
      <c r="V25">
        <v>74</v>
      </c>
      <c r="W25">
        <v>75</v>
      </c>
      <c r="X25">
        <v>76</v>
      </c>
      <c r="Y25">
        <v>77</v>
      </c>
      <c r="Z25">
        <v>78</v>
      </c>
      <c r="AA25">
        <v>79</v>
      </c>
      <c r="AB25">
        <v>80</v>
      </c>
      <c r="AC25">
        <v>81</v>
      </c>
      <c r="AD25">
        <v>82</v>
      </c>
      <c r="AE25">
        <v>83</v>
      </c>
      <c r="AF25">
        <v>84</v>
      </c>
      <c r="AG25">
        <v>85</v>
      </c>
      <c r="AH25">
        <v>86</v>
      </c>
      <c r="AI25">
        <v>87</v>
      </c>
      <c r="AJ25">
        <v>88</v>
      </c>
      <c r="AK25">
        <v>89</v>
      </c>
      <c r="AL25">
        <v>90</v>
      </c>
      <c r="AM25">
        <v>90</v>
      </c>
      <c r="AN25">
        <v>90</v>
      </c>
      <c r="AO25">
        <v>90</v>
      </c>
      <c r="AP25">
        <v>91</v>
      </c>
      <c r="AQ25">
        <v>91</v>
      </c>
    </row>
    <row r="26" spans="1:43">
      <c r="A26" t="s">
        <v>108</v>
      </c>
      <c r="B26" t="s">
        <v>109</v>
      </c>
      <c r="C26" t="s">
        <v>106</v>
      </c>
      <c r="D26" t="s">
        <v>107</v>
      </c>
      <c r="E26" t="s">
        <v>102</v>
      </c>
      <c r="F26" t="s">
        <v>103</v>
      </c>
      <c r="G26" t="s">
        <v>80</v>
      </c>
      <c r="H26" t="s">
        <v>81</v>
      </c>
      <c r="I26" s="2">
        <v>0</v>
      </c>
      <c r="J26" s="2">
        <v>1</v>
      </c>
      <c r="K26" s="2">
        <v>0</v>
      </c>
      <c r="L26" t="s">
        <v>82</v>
      </c>
      <c r="M26" t="s">
        <v>83</v>
      </c>
      <c r="N26" t="s">
        <v>84</v>
      </c>
      <c r="O26" t="s">
        <v>85</v>
      </c>
      <c r="P26" t="s">
        <v>86</v>
      </c>
      <c r="Q26">
        <v>52</v>
      </c>
      <c r="R26">
        <v>53</v>
      </c>
      <c r="S26">
        <v>54</v>
      </c>
      <c r="T26">
        <v>54</v>
      </c>
      <c r="U26">
        <v>55</v>
      </c>
      <c r="V26">
        <v>56</v>
      </c>
      <c r="W26">
        <v>57</v>
      </c>
      <c r="X26">
        <v>58</v>
      </c>
      <c r="Y26">
        <v>59</v>
      </c>
      <c r="Z26">
        <v>59</v>
      </c>
      <c r="AA26">
        <v>60</v>
      </c>
      <c r="AB26">
        <v>61</v>
      </c>
      <c r="AC26">
        <v>62</v>
      </c>
      <c r="AD26">
        <v>63</v>
      </c>
      <c r="AE26">
        <v>63</v>
      </c>
      <c r="AF26">
        <v>64</v>
      </c>
      <c r="AG26">
        <v>65</v>
      </c>
      <c r="AH26">
        <v>66</v>
      </c>
      <c r="AI26">
        <v>67</v>
      </c>
      <c r="AJ26">
        <v>67</v>
      </c>
      <c r="AK26">
        <v>68</v>
      </c>
      <c r="AL26">
        <v>68</v>
      </c>
      <c r="AM26">
        <v>69</v>
      </c>
      <c r="AN26">
        <v>69</v>
      </c>
      <c r="AO26">
        <v>69</v>
      </c>
      <c r="AP26">
        <v>69</v>
      </c>
      <c r="AQ26">
        <v>69</v>
      </c>
    </row>
    <row r="27" spans="1:43">
      <c r="A27" t="s">
        <v>108</v>
      </c>
      <c r="B27" t="s">
        <v>109</v>
      </c>
      <c r="C27" t="s">
        <v>106</v>
      </c>
      <c r="D27" t="s">
        <v>107</v>
      </c>
      <c r="E27" t="s">
        <v>102</v>
      </c>
      <c r="F27" t="s">
        <v>103</v>
      </c>
      <c r="G27" t="s">
        <v>80</v>
      </c>
      <c r="H27" t="s">
        <v>81</v>
      </c>
      <c r="I27" s="2">
        <v>0</v>
      </c>
      <c r="J27" s="2">
        <v>1</v>
      </c>
      <c r="K27" s="2">
        <v>0</v>
      </c>
      <c r="L27" t="s">
        <v>82</v>
      </c>
      <c r="M27" t="s">
        <v>87</v>
      </c>
      <c r="N27" t="s">
        <v>88</v>
      </c>
      <c r="O27" t="s">
        <v>85</v>
      </c>
      <c r="P27" t="s">
        <v>86</v>
      </c>
      <c r="Q27">
        <v>52</v>
      </c>
      <c r="R27">
        <v>53</v>
      </c>
      <c r="S27">
        <v>53</v>
      </c>
      <c r="T27">
        <v>53</v>
      </c>
      <c r="U27">
        <v>54</v>
      </c>
      <c r="V27">
        <v>54</v>
      </c>
      <c r="W27">
        <v>54</v>
      </c>
      <c r="X27">
        <v>55</v>
      </c>
      <c r="Y27">
        <v>55</v>
      </c>
      <c r="Z27">
        <v>56</v>
      </c>
      <c r="AA27">
        <v>56</v>
      </c>
      <c r="AB27">
        <v>56</v>
      </c>
      <c r="AC27">
        <v>57</v>
      </c>
      <c r="AD27">
        <v>57</v>
      </c>
      <c r="AE27">
        <v>57</v>
      </c>
      <c r="AF27">
        <v>57</v>
      </c>
      <c r="AG27">
        <v>58</v>
      </c>
      <c r="AH27">
        <v>58</v>
      </c>
      <c r="AI27">
        <v>58</v>
      </c>
      <c r="AJ27">
        <v>59</v>
      </c>
      <c r="AK27">
        <v>59</v>
      </c>
      <c r="AL27">
        <v>59</v>
      </c>
      <c r="AM27">
        <v>60</v>
      </c>
      <c r="AN27">
        <v>60</v>
      </c>
      <c r="AO27">
        <v>60</v>
      </c>
      <c r="AP27">
        <v>61</v>
      </c>
      <c r="AQ27">
        <v>61</v>
      </c>
    </row>
    <row r="28" spans="1:43">
      <c r="A28" t="s">
        <v>108</v>
      </c>
      <c r="B28" t="s">
        <v>109</v>
      </c>
      <c r="C28" t="s">
        <v>106</v>
      </c>
      <c r="D28" t="s">
        <v>107</v>
      </c>
      <c r="E28" t="s">
        <v>102</v>
      </c>
      <c r="F28" t="s">
        <v>103</v>
      </c>
      <c r="G28" t="s">
        <v>80</v>
      </c>
      <c r="H28" t="s">
        <v>81</v>
      </c>
      <c r="I28" s="2">
        <v>0</v>
      </c>
      <c r="J28" s="2">
        <v>1</v>
      </c>
      <c r="K28" s="2">
        <v>0</v>
      </c>
      <c r="L28" t="s">
        <v>82</v>
      </c>
      <c r="M28" t="s">
        <v>89</v>
      </c>
      <c r="N28" t="s">
        <v>90</v>
      </c>
      <c r="O28" t="s">
        <v>85</v>
      </c>
      <c r="P28" t="s">
        <v>86</v>
      </c>
      <c r="Q28">
        <v>52</v>
      </c>
      <c r="R28">
        <v>54</v>
      </c>
      <c r="S28">
        <v>55</v>
      </c>
      <c r="T28">
        <v>56</v>
      </c>
      <c r="U28">
        <v>57</v>
      </c>
      <c r="V28">
        <v>59</v>
      </c>
      <c r="W28">
        <v>60</v>
      </c>
      <c r="X28">
        <v>61</v>
      </c>
      <c r="Y28">
        <v>62</v>
      </c>
      <c r="Z28">
        <v>63</v>
      </c>
      <c r="AA28">
        <v>64</v>
      </c>
      <c r="AB28">
        <v>65</v>
      </c>
      <c r="AC28">
        <v>66</v>
      </c>
      <c r="AD28">
        <v>67</v>
      </c>
      <c r="AE28">
        <v>68</v>
      </c>
      <c r="AF28">
        <v>68</v>
      </c>
      <c r="AG28">
        <v>68</v>
      </c>
      <c r="AH28">
        <v>69</v>
      </c>
      <c r="AI28">
        <v>69</v>
      </c>
      <c r="AJ28">
        <v>69</v>
      </c>
      <c r="AK28">
        <v>69</v>
      </c>
      <c r="AL28">
        <v>69</v>
      </c>
      <c r="AM28">
        <v>69</v>
      </c>
      <c r="AN28">
        <v>69</v>
      </c>
      <c r="AO28">
        <v>69</v>
      </c>
      <c r="AP28">
        <v>70</v>
      </c>
      <c r="AQ28">
        <v>70</v>
      </c>
    </row>
    <row r="29" spans="1:43">
      <c r="A29" t="s">
        <v>108</v>
      </c>
      <c r="B29" t="s">
        <v>109</v>
      </c>
      <c r="C29" t="s">
        <v>106</v>
      </c>
      <c r="D29" t="s">
        <v>107</v>
      </c>
      <c r="E29" t="s">
        <v>102</v>
      </c>
      <c r="F29" t="s">
        <v>103</v>
      </c>
      <c r="G29" t="s">
        <v>80</v>
      </c>
      <c r="H29" t="s">
        <v>81</v>
      </c>
      <c r="I29" s="2">
        <v>0</v>
      </c>
      <c r="J29" s="2">
        <v>1</v>
      </c>
      <c r="K29" s="2">
        <v>0</v>
      </c>
      <c r="L29" t="s">
        <v>82</v>
      </c>
      <c r="M29" t="s">
        <v>83</v>
      </c>
      <c r="N29" t="s">
        <v>91</v>
      </c>
      <c r="O29" t="s">
        <v>85</v>
      </c>
      <c r="P29" t="s">
        <v>86</v>
      </c>
      <c r="Q29">
        <v>52</v>
      </c>
      <c r="R29">
        <v>53</v>
      </c>
      <c r="S29">
        <v>54</v>
      </c>
      <c r="T29">
        <v>54</v>
      </c>
      <c r="U29">
        <v>55</v>
      </c>
      <c r="V29">
        <v>56</v>
      </c>
      <c r="W29">
        <v>57</v>
      </c>
      <c r="X29">
        <v>58</v>
      </c>
      <c r="Y29">
        <v>59</v>
      </c>
      <c r="Z29">
        <v>59</v>
      </c>
      <c r="AA29">
        <v>60</v>
      </c>
      <c r="AB29">
        <v>61</v>
      </c>
      <c r="AC29">
        <v>62</v>
      </c>
      <c r="AD29">
        <v>63</v>
      </c>
      <c r="AE29">
        <v>63</v>
      </c>
      <c r="AF29">
        <v>64</v>
      </c>
      <c r="AG29">
        <v>65</v>
      </c>
      <c r="AH29">
        <v>66</v>
      </c>
      <c r="AI29">
        <v>67</v>
      </c>
      <c r="AJ29">
        <v>67</v>
      </c>
      <c r="AK29">
        <v>68</v>
      </c>
      <c r="AL29">
        <v>68</v>
      </c>
      <c r="AM29">
        <v>69</v>
      </c>
      <c r="AN29">
        <v>69</v>
      </c>
      <c r="AO29">
        <v>69</v>
      </c>
      <c r="AP29">
        <v>69</v>
      </c>
      <c r="AQ29">
        <v>69</v>
      </c>
    </row>
    <row r="30" spans="1:43">
      <c r="A30" t="s">
        <v>110</v>
      </c>
      <c r="B30" t="s">
        <v>111</v>
      </c>
      <c r="C30" t="s">
        <v>100</v>
      </c>
      <c r="D30" t="s">
        <v>101</v>
      </c>
      <c r="E30" t="s">
        <v>102</v>
      </c>
      <c r="F30" t="s">
        <v>103</v>
      </c>
      <c r="G30" t="s">
        <v>80</v>
      </c>
      <c r="H30" t="s">
        <v>81</v>
      </c>
      <c r="I30" s="2">
        <v>0</v>
      </c>
      <c r="J30" s="2">
        <v>1</v>
      </c>
      <c r="K30" s="2">
        <v>0</v>
      </c>
      <c r="L30" t="s">
        <v>82</v>
      </c>
      <c r="M30" t="s">
        <v>83</v>
      </c>
      <c r="N30" t="s">
        <v>84</v>
      </c>
      <c r="O30" t="s">
        <v>85</v>
      </c>
      <c r="P30" t="s">
        <v>86</v>
      </c>
      <c r="Q30">
        <v>52</v>
      </c>
      <c r="R30">
        <v>52</v>
      </c>
      <c r="S30">
        <v>53</v>
      </c>
      <c r="T30">
        <v>54</v>
      </c>
      <c r="U30">
        <v>55</v>
      </c>
      <c r="V30">
        <v>56</v>
      </c>
      <c r="W30">
        <v>57</v>
      </c>
      <c r="X30">
        <v>57</v>
      </c>
      <c r="Y30">
        <v>58</v>
      </c>
      <c r="Z30">
        <v>59</v>
      </c>
      <c r="AA30">
        <v>60</v>
      </c>
      <c r="AB30">
        <v>61</v>
      </c>
      <c r="AC30">
        <v>62</v>
      </c>
      <c r="AD30">
        <v>62</v>
      </c>
      <c r="AE30">
        <v>63</v>
      </c>
      <c r="AF30">
        <v>64</v>
      </c>
      <c r="AG30">
        <v>65</v>
      </c>
      <c r="AH30">
        <v>65</v>
      </c>
      <c r="AI30">
        <v>66</v>
      </c>
      <c r="AJ30">
        <v>67</v>
      </c>
      <c r="AK30">
        <v>68</v>
      </c>
      <c r="AL30">
        <v>68</v>
      </c>
      <c r="AM30">
        <v>68</v>
      </c>
      <c r="AN30">
        <v>68</v>
      </c>
      <c r="AO30">
        <v>69</v>
      </c>
      <c r="AP30">
        <v>69</v>
      </c>
      <c r="AQ30">
        <v>69</v>
      </c>
    </row>
    <row r="31" spans="1:43">
      <c r="A31" t="s">
        <v>110</v>
      </c>
      <c r="B31" t="s">
        <v>111</v>
      </c>
      <c r="C31" t="s">
        <v>100</v>
      </c>
      <c r="D31" t="s">
        <v>101</v>
      </c>
      <c r="E31" t="s">
        <v>102</v>
      </c>
      <c r="F31" t="s">
        <v>103</v>
      </c>
      <c r="G31" t="s">
        <v>80</v>
      </c>
      <c r="H31" t="s">
        <v>81</v>
      </c>
      <c r="I31" s="2">
        <v>0</v>
      </c>
      <c r="J31" s="2">
        <v>1</v>
      </c>
      <c r="K31" s="2">
        <v>0</v>
      </c>
      <c r="L31" t="s">
        <v>82</v>
      </c>
      <c r="M31" t="s">
        <v>87</v>
      </c>
      <c r="N31" t="s">
        <v>88</v>
      </c>
      <c r="O31" t="s">
        <v>85</v>
      </c>
      <c r="P31" t="s">
        <v>86</v>
      </c>
      <c r="Q31">
        <v>52</v>
      </c>
      <c r="R31">
        <v>52</v>
      </c>
      <c r="S31">
        <v>53</v>
      </c>
      <c r="T31">
        <v>53</v>
      </c>
      <c r="U31">
        <v>53</v>
      </c>
      <c r="V31">
        <v>54</v>
      </c>
      <c r="W31">
        <v>54</v>
      </c>
      <c r="X31">
        <v>55</v>
      </c>
      <c r="Y31">
        <v>55</v>
      </c>
      <c r="Z31">
        <v>55</v>
      </c>
      <c r="AA31">
        <v>56</v>
      </c>
      <c r="AB31">
        <v>56</v>
      </c>
      <c r="AC31">
        <v>56</v>
      </c>
      <c r="AD31">
        <v>57</v>
      </c>
      <c r="AE31">
        <v>57</v>
      </c>
      <c r="AF31">
        <v>57</v>
      </c>
      <c r="AG31">
        <v>58</v>
      </c>
      <c r="AH31">
        <v>58</v>
      </c>
      <c r="AI31">
        <v>58</v>
      </c>
      <c r="AJ31">
        <v>59</v>
      </c>
      <c r="AK31">
        <v>59</v>
      </c>
      <c r="AL31">
        <v>59</v>
      </c>
      <c r="AM31">
        <v>60</v>
      </c>
      <c r="AN31">
        <v>60</v>
      </c>
      <c r="AO31">
        <v>60</v>
      </c>
      <c r="AP31">
        <v>61</v>
      </c>
      <c r="AQ31">
        <v>61</v>
      </c>
    </row>
    <row r="32" spans="1:43">
      <c r="A32" t="s">
        <v>110</v>
      </c>
      <c r="B32" t="s">
        <v>111</v>
      </c>
      <c r="C32" t="s">
        <v>100</v>
      </c>
      <c r="D32" t="s">
        <v>101</v>
      </c>
      <c r="E32" t="s">
        <v>102</v>
      </c>
      <c r="F32" t="s">
        <v>103</v>
      </c>
      <c r="G32" t="s">
        <v>80</v>
      </c>
      <c r="H32" t="s">
        <v>81</v>
      </c>
      <c r="I32" s="2">
        <v>0</v>
      </c>
      <c r="J32" s="2">
        <v>1</v>
      </c>
      <c r="K32" s="2">
        <v>0</v>
      </c>
      <c r="L32" t="s">
        <v>82</v>
      </c>
      <c r="M32" t="s">
        <v>89</v>
      </c>
      <c r="N32" t="s">
        <v>90</v>
      </c>
      <c r="O32" t="s">
        <v>85</v>
      </c>
      <c r="P32" t="s">
        <v>86</v>
      </c>
      <c r="Q32">
        <v>52</v>
      </c>
      <c r="R32">
        <v>53</v>
      </c>
      <c r="S32">
        <v>55</v>
      </c>
      <c r="T32">
        <v>56</v>
      </c>
      <c r="U32">
        <v>57</v>
      </c>
      <c r="V32">
        <v>58</v>
      </c>
      <c r="W32">
        <v>60</v>
      </c>
      <c r="X32">
        <v>61</v>
      </c>
      <c r="Y32">
        <v>62</v>
      </c>
      <c r="Z32">
        <v>63</v>
      </c>
      <c r="AA32">
        <v>64</v>
      </c>
      <c r="AB32">
        <v>65</v>
      </c>
      <c r="AC32">
        <v>66</v>
      </c>
      <c r="AD32">
        <v>67</v>
      </c>
      <c r="AE32">
        <v>68</v>
      </c>
      <c r="AF32">
        <v>68</v>
      </c>
      <c r="AG32">
        <v>68</v>
      </c>
      <c r="AH32">
        <v>68</v>
      </c>
      <c r="AI32">
        <v>68</v>
      </c>
      <c r="AJ32">
        <v>68</v>
      </c>
      <c r="AK32">
        <v>69</v>
      </c>
      <c r="AL32">
        <v>69</v>
      </c>
      <c r="AM32">
        <v>69</v>
      </c>
      <c r="AN32">
        <v>69</v>
      </c>
      <c r="AO32">
        <v>69</v>
      </c>
      <c r="AP32">
        <v>69</v>
      </c>
      <c r="AQ32">
        <v>69</v>
      </c>
    </row>
    <row r="33" spans="1:43">
      <c r="A33" t="s">
        <v>110</v>
      </c>
      <c r="B33" t="s">
        <v>111</v>
      </c>
      <c r="C33" t="s">
        <v>100</v>
      </c>
      <c r="D33" t="s">
        <v>101</v>
      </c>
      <c r="E33" t="s">
        <v>102</v>
      </c>
      <c r="F33" t="s">
        <v>103</v>
      </c>
      <c r="G33" t="s">
        <v>80</v>
      </c>
      <c r="H33" t="s">
        <v>81</v>
      </c>
      <c r="I33" s="2">
        <v>0</v>
      </c>
      <c r="J33" s="2">
        <v>1</v>
      </c>
      <c r="K33" s="2">
        <v>0</v>
      </c>
      <c r="L33" t="s">
        <v>82</v>
      </c>
      <c r="M33" t="s">
        <v>83</v>
      </c>
      <c r="N33" t="s">
        <v>91</v>
      </c>
      <c r="O33" t="s">
        <v>85</v>
      </c>
      <c r="P33" t="s">
        <v>86</v>
      </c>
      <c r="Q33">
        <v>52</v>
      </c>
      <c r="R33">
        <v>52</v>
      </c>
      <c r="S33">
        <v>53</v>
      </c>
      <c r="T33">
        <v>54</v>
      </c>
      <c r="U33">
        <v>55</v>
      </c>
      <c r="V33">
        <v>56</v>
      </c>
      <c r="W33">
        <v>57</v>
      </c>
      <c r="X33">
        <v>57</v>
      </c>
      <c r="Y33">
        <v>58</v>
      </c>
      <c r="Z33">
        <v>59</v>
      </c>
      <c r="AA33">
        <v>60</v>
      </c>
      <c r="AB33">
        <v>61</v>
      </c>
      <c r="AC33">
        <v>62</v>
      </c>
      <c r="AD33">
        <v>62</v>
      </c>
      <c r="AE33">
        <v>63</v>
      </c>
      <c r="AF33">
        <v>64</v>
      </c>
      <c r="AG33">
        <v>65</v>
      </c>
      <c r="AH33">
        <v>65</v>
      </c>
      <c r="AI33">
        <v>66</v>
      </c>
      <c r="AJ33">
        <v>67</v>
      </c>
      <c r="AK33">
        <v>68</v>
      </c>
      <c r="AL33">
        <v>68</v>
      </c>
      <c r="AM33">
        <v>68</v>
      </c>
      <c r="AN33">
        <v>68</v>
      </c>
      <c r="AO33">
        <v>69</v>
      </c>
      <c r="AP33">
        <v>69</v>
      </c>
      <c r="AQ33">
        <v>69</v>
      </c>
    </row>
    <row r="34" spans="1:43">
      <c r="A34" t="s">
        <v>112</v>
      </c>
      <c r="B34" t="s">
        <v>113</v>
      </c>
      <c r="C34" t="s">
        <v>100</v>
      </c>
      <c r="D34" t="s">
        <v>101</v>
      </c>
      <c r="E34" t="s">
        <v>102</v>
      </c>
      <c r="F34" t="s">
        <v>103</v>
      </c>
      <c r="G34" t="s">
        <v>80</v>
      </c>
      <c r="H34" t="s">
        <v>81</v>
      </c>
      <c r="I34" s="2">
        <v>0</v>
      </c>
      <c r="J34" s="2">
        <v>1</v>
      </c>
      <c r="K34" s="2">
        <v>0</v>
      </c>
      <c r="L34" t="s">
        <v>82</v>
      </c>
      <c r="M34" t="s">
        <v>83</v>
      </c>
      <c r="N34" t="s">
        <v>84</v>
      </c>
      <c r="O34" t="s">
        <v>85</v>
      </c>
      <c r="P34" t="s">
        <v>86</v>
      </c>
      <c r="Q34">
        <v>13</v>
      </c>
      <c r="R34">
        <v>13</v>
      </c>
      <c r="S34">
        <v>13</v>
      </c>
      <c r="T34">
        <v>14</v>
      </c>
      <c r="U34">
        <v>14</v>
      </c>
      <c r="V34">
        <v>14</v>
      </c>
      <c r="W34">
        <v>14</v>
      </c>
      <c r="X34">
        <v>14</v>
      </c>
      <c r="Y34">
        <v>15</v>
      </c>
      <c r="Z34">
        <v>15</v>
      </c>
      <c r="AA34">
        <v>15</v>
      </c>
      <c r="AB34">
        <v>15</v>
      </c>
      <c r="AC34">
        <v>16</v>
      </c>
      <c r="AD34">
        <v>16</v>
      </c>
      <c r="AE34">
        <v>16</v>
      </c>
      <c r="AF34">
        <v>16</v>
      </c>
      <c r="AG34">
        <v>16</v>
      </c>
      <c r="AH34">
        <v>16</v>
      </c>
      <c r="AI34">
        <v>17</v>
      </c>
      <c r="AJ34">
        <v>17</v>
      </c>
      <c r="AK34">
        <v>17</v>
      </c>
      <c r="AL34">
        <v>17</v>
      </c>
      <c r="AM34">
        <v>17</v>
      </c>
      <c r="AN34">
        <v>17</v>
      </c>
      <c r="AO34">
        <v>17</v>
      </c>
      <c r="AP34">
        <v>17</v>
      </c>
      <c r="AQ34">
        <v>17</v>
      </c>
    </row>
    <row r="35" spans="1:43">
      <c r="A35" t="s">
        <v>112</v>
      </c>
      <c r="B35" t="s">
        <v>113</v>
      </c>
      <c r="C35" t="s">
        <v>100</v>
      </c>
      <c r="D35" t="s">
        <v>101</v>
      </c>
      <c r="E35" t="s">
        <v>102</v>
      </c>
      <c r="F35" t="s">
        <v>103</v>
      </c>
      <c r="G35" t="s">
        <v>80</v>
      </c>
      <c r="H35" t="s">
        <v>81</v>
      </c>
      <c r="I35" s="2">
        <v>0</v>
      </c>
      <c r="J35" s="2">
        <v>1</v>
      </c>
      <c r="K35" s="2">
        <v>0</v>
      </c>
      <c r="L35" t="s">
        <v>82</v>
      </c>
      <c r="M35" t="s">
        <v>87</v>
      </c>
      <c r="N35" t="s">
        <v>88</v>
      </c>
      <c r="O35" t="s">
        <v>85</v>
      </c>
      <c r="P35" t="s">
        <v>86</v>
      </c>
      <c r="Q35">
        <v>13</v>
      </c>
      <c r="R35">
        <v>13</v>
      </c>
      <c r="S35">
        <v>13</v>
      </c>
      <c r="T35">
        <v>13</v>
      </c>
      <c r="U35">
        <v>13</v>
      </c>
      <c r="V35">
        <v>13</v>
      </c>
      <c r="W35">
        <v>13</v>
      </c>
      <c r="X35">
        <v>13</v>
      </c>
      <c r="Y35">
        <v>14</v>
      </c>
      <c r="Z35">
        <v>14</v>
      </c>
      <c r="AA35">
        <v>14</v>
      </c>
      <c r="AB35">
        <v>14</v>
      </c>
      <c r="AC35">
        <v>14</v>
      </c>
      <c r="AD35">
        <v>14</v>
      </c>
      <c r="AE35">
        <v>14</v>
      </c>
      <c r="AF35">
        <v>14</v>
      </c>
      <c r="AG35">
        <v>14</v>
      </c>
      <c r="AH35">
        <v>14</v>
      </c>
      <c r="AI35">
        <v>14</v>
      </c>
      <c r="AJ35">
        <v>14</v>
      </c>
      <c r="AK35">
        <v>15</v>
      </c>
      <c r="AL35">
        <v>15</v>
      </c>
      <c r="AM35">
        <v>15</v>
      </c>
      <c r="AN35">
        <v>15</v>
      </c>
      <c r="AO35">
        <v>15</v>
      </c>
      <c r="AP35">
        <v>15</v>
      </c>
      <c r="AQ35">
        <v>15</v>
      </c>
    </row>
    <row r="36" spans="1:43">
      <c r="A36" t="s">
        <v>112</v>
      </c>
      <c r="B36" t="s">
        <v>113</v>
      </c>
      <c r="C36" t="s">
        <v>100</v>
      </c>
      <c r="D36" t="s">
        <v>101</v>
      </c>
      <c r="E36" t="s">
        <v>102</v>
      </c>
      <c r="F36" t="s">
        <v>103</v>
      </c>
      <c r="G36" t="s">
        <v>80</v>
      </c>
      <c r="H36" t="s">
        <v>81</v>
      </c>
      <c r="I36" s="2">
        <v>0</v>
      </c>
      <c r="J36" s="2">
        <v>1</v>
      </c>
      <c r="K36" s="2">
        <v>0</v>
      </c>
      <c r="L36" t="s">
        <v>82</v>
      </c>
      <c r="M36" t="s">
        <v>89</v>
      </c>
      <c r="N36" t="s">
        <v>90</v>
      </c>
      <c r="O36" t="s">
        <v>85</v>
      </c>
      <c r="P36" t="s">
        <v>86</v>
      </c>
      <c r="Q36">
        <v>13</v>
      </c>
      <c r="R36">
        <v>13</v>
      </c>
      <c r="S36">
        <v>14</v>
      </c>
      <c r="T36">
        <v>14</v>
      </c>
      <c r="U36">
        <v>14</v>
      </c>
      <c r="V36">
        <v>15</v>
      </c>
      <c r="W36">
        <v>15</v>
      </c>
      <c r="X36">
        <v>15</v>
      </c>
      <c r="Y36">
        <v>16</v>
      </c>
      <c r="Z36">
        <v>16</v>
      </c>
      <c r="AA36">
        <v>16</v>
      </c>
      <c r="AB36">
        <v>16</v>
      </c>
      <c r="AC36">
        <v>17</v>
      </c>
      <c r="AD36">
        <v>17</v>
      </c>
      <c r="AE36">
        <v>17</v>
      </c>
      <c r="AF36">
        <v>17</v>
      </c>
      <c r="AG36">
        <v>17</v>
      </c>
      <c r="AH36">
        <v>17</v>
      </c>
      <c r="AI36">
        <v>17</v>
      </c>
      <c r="AJ36">
        <v>17</v>
      </c>
      <c r="AK36">
        <v>17</v>
      </c>
      <c r="AL36">
        <v>17</v>
      </c>
      <c r="AM36">
        <v>17</v>
      </c>
      <c r="AN36">
        <v>17</v>
      </c>
      <c r="AO36">
        <v>17</v>
      </c>
      <c r="AP36">
        <v>17</v>
      </c>
      <c r="AQ36">
        <v>17</v>
      </c>
    </row>
    <row r="37" spans="1:43">
      <c r="A37" t="s">
        <v>112</v>
      </c>
      <c r="B37" t="s">
        <v>113</v>
      </c>
      <c r="C37" t="s">
        <v>100</v>
      </c>
      <c r="D37" t="s">
        <v>101</v>
      </c>
      <c r="E37" t="s">
        <v>102</v>
      </c>
      <c r="F37" t="s">
        <v>103</v>
      </c>
      <c r="G37" t="s">
        <v>80</v>
      </c>
      <c r="H37" t="s">
        <v>81</v>
      </c>
      <c r="I37" s="2">
        <v>0</v>
      </c>
      <c r="J37" s="2">
        <v>1</v>
      </c>
      <c r="K37" s="2">
        <v>0</v>
      </c>
      <c r="L37" t="s">
        <v>82</v>
      </c>
      <c r="M37" t="s">
        <v>83</v>
      </c>
      <c r="N37" t="s">
        <v>91</v>
      </c>
      <c r="O37" t="s">
        <v>85</v>
      </c>
      <c r="P37" t="s">
        <v>86</v>
      </c>
      <c r="Q37">
        <v>13</v>
      </c>
      <c r="R37">
        <v>13</v>
      </c>
      <c r="S37">
        <v>13</v>
      </c>
      <c r="T37">
        <v>14</v>
      </c>
      <c r="U37">
        <v>14</v>
      </c>
      <c r="V37">
        <v>14</v>
      </c>
      <c r="W37">
        <v>14</v>
      </c>
      <c r="X37">
        <v>14</v>
      </c>
      <c r="Y37">
        <v>15</v>
      </c>
      <c r="Z37">
        <v>15</v>
      </c>
      <c r="AA37">
        <v>15</v>
      </c>
      <c r="AB37">
        <v>15</v>
      </c>
      <c r="AC37">
        <v>16</v>
      </c>
      <c r="AD37">
        <v>16</v>
      </c>
      <c r="AE37">
        <v>16</v>
      </c>
      <c r="AF37">
        <v>16</v>
      </c>
      <c r="AG37">
        <v>16</v>
      </c>
      <c r="AH37">
        <v>16</v>
      </c>
      <c r="AI37">
        <v>17</v>
      </c>
      <c r="AJ37">
        <v>17</v>
      </c>
      <c r="AK37">
        <v>17</v>
      </c>
      <c r="AL37">
        <v>17</v>
      </c>
      <c r="AM37">
        <v>17</v>
      </c>
      <c r="AN37">
        <v>17</v>
      </c>
      <c r="AO37">
        <v>17</v>
      </c>
      <c r="AP37">
        <v>17</v>
      </c>
      <c r="AQ37">
        <v>17</v>
      </c>
    </row>
    <row r="38" spans="1:43">
      <c r="A38" t="s">
        <v>114</v>
      </c>
      <c r="B38" t="s">
        <v>115</v>
      </c>
      <c r="C38" t="s">
        <v>106</v>
      </c>
      <c r="D38" t="s">
        <v>107</v>
      </c>
      <c r="E38" t="s">
        <v>102</v>
      </c>
      <c r="F38" t="s">
        <v>103</v>
      </c>
      <c r="G38" t="s">
        <v>80</v>
      </c>
      <c r="H38" t="s">
        <v>81</v>
      </c>
      <c r="I38" s="2">
        <v>0</v>
      </c>
      <c r="J38" s="2">
        <v>1</v>
      </c>
      <c r="K38" s="2">
        <v>0</v>
      </c>
      <c r="L38" t="s">
        <v>82</v>
      </c>
      <c r="M38" t="s">
        <v>83</v>
      </c>
      <c r="N38" t="s">
        <v>84</v>
      </c>
      <c r="O38" t="s">
        <v>85</v>
      </c>
      <c r="P38" t="s">
        <v>86</v>
      </c>
      <c r="Q38">
        <v>27</v>
      </c>
      <c r="R38">
        <v>27</v>
      </c>
      <c r="S38">
        <v>28</v>
      </c>
      <c r="T38">
        <v>28</v>
      </c>
      <c r="U38">
        <v>29</v>
      </c>
      <c r="V38">
        <v>29</v>
      </c>
      <c r="W38">
        <v>30</v>
      </c>
      <c r="X38">
        <v>30</v>
      </c>
      <c r="Y38">
        <v>30</v>
      </c>
      <c r="Z38">
        <v>31</v>
      </c>
      <c r="AA38">
        <v>31</v>
      </c>
      <c r="AB38">
        <v>32</v>
      </c>
      <c r="AC38">
        <v>32</v>
      </c>
      <c r="AD38">
        <v>33</v>
      </c>
      <c r="AE38">
        <v>33</v>
      </c>
      <c r="AF38">
        <v>33</v>
      </c>
      <c r="AG38">
        <v>34</v>
      </c>
      <c r="AH38">
        <v>34</v>
      </c>
      <c r="AI38">
        <v>35</v>
      </c>
      <c r="AJ38">
        <v>35</v>
      </c>
      <c r="AK38">
        <v>35</v>
      </c>
      <c r="AL38">
        <v>36</v>
      </c>
      <c r="AM38">
        <v>36</v>
      </c>
      <c r="AN38">
        <v>36</v>
      </c>
      <c r="AO38">
        <v>36</v>
      </c>
      <c r="AP38">
        <v>36</v>
      </c>
      <c r="AQ38">
        <v>36</v>
      </c>
    </row>
    <row r="39" spans="1:43">
      <c r="A39" t="s">
        <v>114</v>
      </c>
      <c r="B39" t="s">
        <v>115</v>
      </c>
      <c r="C39" t="s">
        <v>106</v>
      </c>
      <c r="D39" t="s">
        <v>107</v>
      </c>
      <c r="E39" t="s">
        <v>102</v>
      </c>
      <c r="F39" t="s">
        <v>103</v>
      </c>
      <c r="G39" t="s">
        <v>80</v>
      </c>
      <c r="H39" t="s">
        <v>81</v>
      </c>
      <c r="I39" s="2">
        <v>0</v>
      </c>
      <c r="J39" s="2">
        <v>1</v>
      </c>
      <c r="K39" s="2">
        <v>0</v>
      </c>
      <c r="L39" t="s">
        <v>82</v>
      </c>
      <c r="M39" t="s">
        <v>87</v>
      </c>
      <c r="N39" t="s">
        <v>88</v>
      </c>
      <c r="O39" t="s">
        <v>85</v>
      </c>
      <c r="P39" t="s">
        <v>86</v>
      </c>
      <c r="Q39">
        <v>27</v>
      </c>
      <c r="R39">
        <v>27</v>
      </c>
      <c r="S39">
        <v>27</v>
      </c>
      <c r="T39">
        <v>27</v>
      </c>
      <c r="U39">
        <v>27</v>
      </c>
      <c r="V39">
        <v>28</v>
      </c>
      <c r="W39">
        <v>28</v>
      </c>
      <c r="X39">
        <v>28</v>
      </c>
      <c r="Y39">
        <v>28</v>
      </c>
      <c r="Z39">
        <v>28</v>
      </c>
      <c r="AA39">
        <v>29</v>
      </c>
      <c r="AB39">
        <v>29</v>
      </c>
      <c r="AC39">
        <v>29</v>
      </c>
      <c r="AD39">
        <v>29</v>
      </c>
      <c r="AE39">
        <v>29</v>
      </c>
      <c r="AF39">
        <v>29</v>
      </c>
      <c r="AG39">
        <v>30</v>
      </c>
      <c r="AH39">
        <v>30</v>
      </c>
      <c r="AI39">
        <v>30</v>
      </c>
      <c r="AJ39">
        <v>30</v>
      </c>
      <c r="AK39">
        <v>30</v>
      </c>
      <c r="AL39">
        <v>30</v>
      </c>
      <c r="AM39">
        <v>31</v>
      </c>
      <c r="AN39">
        <v>31</v>
      </c>
      <c r="AO39">
        <v>31</v>
      </c>
      <c r="AP39">
        <v>31</v>
      </c>
      <c r="AQ39">
        <v>31</v>
      </c>
    </row>
    <row r="40" spans="1:43">
      <c r="A40" t="s">
        <v>114</v>
      </c>
      <c r="B40" t="s">
        <v>115</v>
      </c>
      <c r="C40" t="s">
        <v>106</v>
      </c>
      <c r="D40" t="s">
        <v>107</v>
      </c>
      <c r="E40" t="s">
        <v>102</v>
      </c>
      <c r="F40" t="s">
        <v>103</v>
      </c>
      <c r="G40" t="s">
        <v>80</v>
      </c>
      <c r="H40" t="s">
        <v>81</v>
      </c>
      <c r="I40" s="2">
        <v>0</v>
      </c>
      <c r="J40" s="2">
        <v>1</v>
      </c>
      <c r="K40" s="2">
        <v>0</v>
      </c>
      <c r="L40" t="s">
        <v>82</v>
      </c>
      <c r="M40" t="s">
        <v>89</v>
      </c>
      <c r="N40" t="s">
        <v>90</v>
      </c>
      <c r="O40" t="s">
        <v>85</v>
      </c>
      <c r="P40" t="s">
        <v>86</v>
      </c>
      <c r="Q40">
        <v>27</v>
      </c>
      <c r="R40">
        <v>28</v>
      </c>
      <c r="S40">
        <v>29</v>
      </c>
      <c r="T40">
        <v>29</v>
      </c>
      <c r="U40">
        <v>30</v>
      </c>
      <c r="V40">
        <v>31</v>
      </c>
      <c r="W40">
        <v>31</v>
      </c>
      <c r="X40">
        <v>32</v>
      </c>
      <c r="Y40">
        <v>32</v>
      </c>
      <c r="Z40">
        <v>33</v>
      </c>
      <c r="AA40">
        <v>33</v>
      </c>
      <c r="AB40">
        <v>34</v>
      </c>
      <c r="AC40">
        <v>34</v>
      </c>
      <c r="AD40">
        <v>35</v>
      </c>
      <c r="AE40">
        <v>35</v>
      </c>
      <c r="AF40">
        <v>35</v>
      </c>
      <c r="AG40">
        <v>36</v>
      </c>
      <c r="AH40">
        <v>36</v>
      </c>
      <c r="AI40">
        <v>36</v>
      </c>
      <c r="AJ40">
        <v>36</v>
      </c>
      <c r="AK40">
        <v>36</v>
      </c>
      <c r="AL40">
        <v>36</v>
      </c>
      <c r="AM40">
        <v>36</v>
      </c>
      <c r="AN40">
        <v>36</v>
      </c>
      <c r="AO40">
        <v>36</v>
      </c>
      <c r="AP40">
        <v>36</v>
      </c>
      <c r="AQ40">
        <v>36</v>
      </c>
    </row>
    <row r="41" spans="1:43">
      <c r="A41" t="s">
        <v>114</v>
      </c>
      <c r="B41" t="s">
        <v>115</v>
      </c>
      <c r="C41" t="s">
        <v>106</v>
      </c>
      <c r="D41" t="s">
        <v>107</v>
      </c>
      <c r="E41" t="s">
        <v>102</v>
      </c>
      <c r="F41" t="s">
        <v>103</v>
      </c>
      <c r="G41" t="s">
        <v>80</v>
      </c>
      <c r="H41" t="s">
        <v>81</v>
      </c>
      <c r="I41" s="2">
        <v>0</v>
      </c>
      <c r="J41" s="2">
        <v>1</v>
      </c>
      <c r="K41" s="2">
        <v>0</v>
      </c>
      <c r="L41" t="s">
        <v>82</v>
      </c>
      <c r="M41" t="s">
        <v>83</v>
      </c>
      <c r="N41" t="s">
        <v>91</v>
      </c>
      <c r="O41" t="s">
        <v>85</v>
      </c>
      <c r="P41" t="s">
        <v>86</v>
      </c>
      <c r="Q41">
        <v>27</v>
      </c>
      <c r="R41">
        <v>27</v>
      </c>
      <c r="S41">
        <v>28</v>
      </c>
      <c r="T41">
        <v>28</v>
      </c>
      <c r="U41">
        <v>29</v>
      </c>
      <c r="V41">
        <v>29</v>
      </c>
      <c r="W41">
        <v>30</v>
      </c>
      <c r="X41">
        <v>30</v>
      </c>
      <c r="Y41">
        <v>30</v>
      </c>
      <c r="Z41">
        <v>31</v>
      </c>
      <c r="AA41">
        <v>31</v>
      </c>
      <c r="AB41">
        <v>32</v>
      </c>
      <c r="AC41">
        <v>32</v>
      </c>
      <c r="AD41">
        <v>33</v>
      </c>
      <c r="AE41">
        <v>33</v>
      </c>
      <c r="AF41">
        <v>33</v>
      </c>
      <c r="AG41">
        <v>34</v>
      </c>
      <c r="AH41">
        <v>34</v>
      </c>
      <c r="AI41">
        <v>35</v>
      </c>
      <c r="AJ41">
        <v>35</v>
      </c>
      <c r="AK41">
        <v>35</v>
      </c>
      <c r="AL41">
        <v>36</v>
      </c>
      <c r="AM41">
        <v>36</v>
      </c>
      <c r="AN41">
        <v>36</v>
      </c>
      <c r="AO41">
        <v>36</v>
      </c>
      <c r="AP41">
        <v>36</v>
      </c>
      <c r="AQ41">
        <v>36</v>
      </c>
    </row>
    <row r="42" spans="1:43">
      <c r="A42" t="s">
        <v>116</v>
      </c>
      <c r="B42" t="s">
        <v>117</v>
      </c>
      <c r="C42" t="s">
        <v>118</v>
      </c>
      <c r="D42" t="s">
        <v>119</v>
      </c>
      <c r="E42" t="s">
        <v>102</v>
      </c>
      <c r="F42" t="s">
        <v>103</v>
      </c>
      <c r="G42" t="s">
        <v>80</v>
      </c>
      <c r="H42" t="s">
        <v>81</v>
      </c>
      <c r="I42" s="2">
        <v>1</v>
      </c>
      <c r="J42" s="2">
        <v>0</v>
      </c>
      <c r="K42" s="2">
        <v>0</v>
      </c>
      <c r="L42" t="s">
        <v>120</v>
      </c>
      <c r="M42" t="s">
        <v>83</v>
      </c>
      <c r="N42" t="s">
        <v>84</v>
      </c>
      <c r="O42" t="s">
        <v>85</v>
      </c>
      <c r="P42" t="s">
        <v>86</v>
      </c>
      <c r="Q42">
        <v>57</v>
      </c>
      <c r="R42">
        <v>58</v>
      </c>
      <c r="S42">
        <v>59</v>
      </c>
      <c r="T42">
        <v>60</v>
      </c>
      <c r="U42">
        <v>61</v>
      </c>
      <c r="V42">
        <v>62</v>
      </c>
      <c r="W42">
        <v>63</v>
      </c>
      <c r="X42">
        <v>64</v>
      </c>
      <c r="Y42">
        <v>64</v>
      </c>
      <c r="Z42">
        <v>65</v>
      </c>
      <c r="AA42">
        <v>66</v>
      </c>
      <c r="AB42">
        <v>67</v>
      </c>
      <c r="AC42">
        <v>68</v>
      </c>
      <c r="AD42">
        <v>69</v>
      </c>
      <c r="AE42">
        <v>70</v>
      </c>
      <c r="AF42">
        <v>70</v>
      </c>
      <c r="AG42">
        <v>71</v>
      </c>
      <c r="AH42">
        <v>72</v>
      </c>
      <c r="AI42">
        <v>73</v>
      </c>
      <c r="AJ42">
        <v>74</v>
      </c>
      <c r="AK42">
        <v>75</v>
      </c>
      <c r="AL42">
        <v>75</v>
      </c>
      <c r="AM42">
        <v>75</v>
      </c>
      <c r="AN42">
        <v>75</v>
      </c>
      <c r="AO42">
        <v>76</v>
      </c>
      <c r="AP42">
        <v>76</v>
      </c>
      <c r="AQ42">
        <v>76</v>
      </c>
    </row>
    <row r="43" spans="1:43">
      <c r="A43" t="s">
        <v>116</v>
      </c>
      <c r="B43" t="s">
        <v>117</v>
      </c>
      <c r="C43" t="s">
        <v>118</v>
      </c>
      <c r="D43" t="s">
        <v>119</v>
      </c>
      <c r="E43" t="s">
        <v>102</v>
      </c>
      <c r="F43" t="s">
        <v>103</v>
      </c>
      <c r="G43" t="s">
        <v>80</v>
      </c>
      <c r="H43" t="s">
        <v>81</v>
      </c>
      <c r="I43" s="2">
        <v>1</v>
      </c>
      <c r="J43" s="2">
        <v>0</v>
      </c>
      <c r="K43" s="2">
        <v>0</v>
      </c>
      <c r="L43" t="s">
        <v>120</v>
      </c>
      <c r="M43" t="s">
        <v>87</v>
      </c>
      <c r="N43" t="s">
        <v>88</v>
      </c>
      <c r="O43" t="s">
        <v>85</v>
      </c>
      <c r="P43" t="s">
        <v>86</v>
      </c>
      <c r="Q43">
        <v>57</v>
      </c>
      <c r="R43">
        <v>58</v>
      </c>
      <c r="S43">
        <v>58</v>
      </c>
      <c r="T43">
        <v>59</v>
      </c>
      <c r="U43">
        <v>59</v>
      </c>
      <c r="V43">
        <v>59</v>
      </c>
      <c r="W43">
        <v>60</v>
      </c>
      <c r="X43">
        <v>60</v>
      </c>
      <c r="Y43">
        <v>61</v>
      </c>
      <c r="Z43">
        <v>61</v>
      </c>
      <c r="AA43">
        <v>61</v>
      </c>
      <c r="AB43">
        <v>62</v>
      </c>
      <c r="AC43">
        <v>62</v>
      </c>
      <c r="AD43">
        <v>63</v>
      </c>
      <c r="AE43">
        <v>63</v>
      </c>
      <c r="AF43">
        <v>63</v>
      </c>
      <c r="AG43">
        <v>64</v>
      </c>
      <c r="AH43">
        <v>64</v>
      </c>
      <c r="AI43">
        <v>65</v>
      </c>
      <c r="AJ43">
        <v>65</v>
      </c>
      <c r="AK43">
        <v>65</v>
      </c>
      <c r="AL43">
        <v>66</v>
      </c>
      <c r="AM43">
        <v>66</v>
      </c>
      <c r="AN43">
        <v>66</v>
      </c>
      <c r="AO43">
        <v>67</v>
      </c>
      <c r="AP43">
        <v>67</v>
      </c>
      <c r="AQ43">
        <v>68</v>
      </c>
    </row>
    <row r="44" spans="1:43">
      <c r="A44" t="s">
        <v>116</v>
      </c>
      <c r="B44" t="s">
        <v>117</v>
      </c>
      <c r="C44" t="s">
        <v>118</v>
      </c>
      <c r="D44" t="s">
        <v>119</v>
      </c>
      <c r="E44" t="s">
        <v>102</v>
      </c>
      <c r="F44" t="s">
        <v>103</v>
      </c>
      <c r="G44" t="s">
        <v>80</v>
      </c>
      <c r="H44" t="s">
        <v>81</v>
      </c>
      <c r="I44" s="2">
        <v>1</v>
      </c>
      <c r="J44" s="2">
        <v>0</v>
      </c>
      <c r="K44" s="2">
        <v>0</v>
      </c>
      <c r="L44" t="s">
        <v>120</v>
      </c>
      <c r="M44" t="s">
        <v>89</v>
      </c>
      <c r="N44" t="s">
        <v>90</v>
      </c>
      <c r="O44" t="s">
        <v>85</v>
      </c>
      <c r="P44" t="s">
        <v>86</v>
      </c>
      <c r="Q44">
        <v>57</v>
      </c>
      <c r="R44">
        <v>59</v>
      </c>
      <c r="S44">
        <v>60</v>
      </c>
      <c r="T44">
        <v>62</v>
      </c>
      <c r="U44">
        <v>63</v>
      </c>
      <c r="V44">
        <v>64</v>
      </c>
      <c r="W44">
        <v>66</v>
      </c>
      <c r="X44">
        <v>67</v>
      </c>
      <c r="Y44">
        <v>68</v>
      </c>
      <c r="Z44">
        <v>69</v>
      </c>
      <c r="AA44">
        <v>70</v>
      </c>
      <c r="AB44">
        <v>71</v>
      </c>
      <c r="AC44">
        <v>72</v>
      </c>
      <c r="AD44">
        <v>74</v>
      </c>
      <c r="AE44">
        <v>74</v>
      </c>
      <c r="AF44">
        <v>75</v>
      </c>
      <c r="AG44">
        <v>75</v>
      </c>
      <c r="AH44">
        <v>75</v>
      </c>
      <c r="AI44">
        <v>75</v>
      </c>
      <c r="AJ44">
        <v>75</v>
      </c>
      <c r="AK44">
        <v>75</v>
      </c>
      <c r="AL44">
        <v>76</v>
      </c>
      <c r="AM44">
        <v>76</v>
      </c>
      <c r="AN44">
        <v>76</v>
      </c>
      <c r="AO44">
        <v>76</v>
      </c>
      <c r="AP44">
        <v>76</v>
      </c>
      <c r="AQ44">
        <v>76</v>
      </c>
    </row>
    <row r="45" spans="1:43">
      <c r="A45" t="s">
        <v>116</v>
      </c>
      <c r="B45" t="s">
        <v>117</v>
      </c>
      <c r="C45" t="s">
        <v>118</v>
      </c>
      <c r="D45" t="s">
        <v>119</v>
      </c>
      <c r="E45" t="s">
        <v>102</v>
      </c>
      <c r="F45" t="s">
        <v>103</v>
      </c>
      <c r="G45" t="s">
        <v>80</v>
      </c>
      <c r="H45" t="s">
        <v>81</v>
      </c>
      <c r="I45" s="2">
        <v>1</v>
      </c>
      <c r="J45" s="2">
        <v>0</v>
      </c>
      <c r="K45" s="2">
        <v>0</v>
      </c>
      <c r="L45" t="s">
        <v>120</v>
      </c>
      <c r="M45" t="s">
        <v>83</v>
      </c>
      <c r="N45" t="s">
        <v>91</v>
      </c>
      <c r="O45" t="s">
        <v>85</v>
      </c>
      <c r="P45" t="s">
        <v>86</v>
      </c>
      <c r="Q45">
        <v>57</v>
      </c>
      <c r="R45">
        <v>58</v>
      </c>
      <c r="S45">
        <v>59</v>
      </c>
      <c r="T45">
        <v>60</v>
      </c>
      <c r="U45">
        <v>61</v>
      </c>
      <c r="V45">
        <v>62</v>
      </c>
      <c r="W45">
        <v>63</v>
      </c>
      <c r="X45">
        <v>64</v>
      </c>
      <c r="Y45">
        <v>64</v>
      </c>
      <c r="Z45">
        <v>65</v>
      </c>
      <c r="AA45">
        <v>66</v>
      </c>
      <c r="AB45">
        <v>67</v>
      </c>
      <c r="AC45">
        <v>68</v>
      </c>
      <c r="AD45">
        <v>69</v>
      </c>
      <c r="AE45">
        <v>70</v>
      </c>
      <c r="AF45">
        <v>70</v>
      </c>
      <c r="AG45">
        <v>71</v>
      </c>
      <c r="AH45">
        <v>72</v>
      </c>
      <c r="AI45">
        <v>73</v>
      </c>
      <c r="AJ45">
        <v>74</v>
      </c>
      <c r="AK45">
        <v>75</v>
      </c>
      <c r="AL45">
        <v>75</v>
      </c>
      <c r="AM45">
        <v>75</v>
      </c>
      <c r="AN45">
        <v>75</v>
      </c>
      <c r="AO45">
        <v>76</v>
      </c>
      <c r="AP45">
        <v>76</v>
      </c>
      <c r="AQ45">
        <v>76</v>
      </c>
    </row>
    <row r="46" spans="1:43">
      <c r="A46" t="s">
        <v>121</v>
      </c>
      <c r="B46" t="s">
        <v>122</v>
      </c>
      <c r="C46" t="s">
        <v>118</v>
      </c>
      <c r="D46" t="s">
        <v>119</v>
      </c>
      <c r="E46" t="s">
        <v>102</v>
      </c>
      <c r="F46" t="s">
        <v>103</v>
      </c>
      <c r="G46" t="s">
        <v>80</v>
      </c>
      <c r="H46" t="s">
        <v>81</v>
      </c>
      <c r="I46" s="2">
        <v>1</v>
      </c>
      <c r="J46" s="2">
        <v>0</v>
      </c>
      <c r="K46" s="2">
        <v>0</v>
      </c>
      <c r="L46" t="s">
        <v>120</v>
      </c>
      <c r="M46" t="s">
        <v>83</v>
      </c>
      <c r="N46" t="s">
        <v>84</v>
      </c>
      <c r="O46" t="s">
        <v>85</v>
      </c>
      <c r="P46" t="s">
        <v>86</v>
      </c>
      <c r="Q46">
        <v>13</v>
      </c>
      <c r="R46">
        <v>13</v>
      </c>
      <c r="S46">
        <v>13</v>
      </c>
      <c r="T46">
        <v>13</v>
      </c>
      <c r="U46">
        <v>14</v>
      </c>
      <c r="V46">
        <v>14</v>
      </c>
      <c r="W46">
        <v>14</v>
      </c>
      <c r="X46">
        <v>14</v>
      </c>
      <c r="Y46">
        <v>14</v>
      </c>
      <c r="Z46">
        <v>15</v>
      </c>
      <c r="AA46">
        <v>15</v>
      </c>
      <c r="AB46">
        <v>15</v>
      </c>
      <c r="AC46">
        <v>15</v>
      </c>
      <c r="AD46">
        <v>15</v>
      </c>
      <c r="AE46">
        <v>15</v>
      </c>
      <c r="AF46">
        <v>16</v>
      </c>
      <c r="AG46">
        <v>16</v>
      </c>
      <c r="AH46">
        <v>16</v>
      </c>
      <c r="AI46">
        <v>16</v>
      </c>
      <c r="AJ46">
        <v>16</v>
      </c>
      <c r="AK46">
        <v>17</v>
      </c>
      <c r="AL46">
        <v>17</v>
      </c>
      <c r="AM46">
        <v>17</v>
      </c>
      <c r="AN46">
        <v>17</v>
      </c>
      <c r="AO46">
        <v>17</v>
      </c>
      <c r="AP46">
        <v>17</v>
      </c>
      <c r="AQ46">
        <v>17</v>
      </c>
    </row>
    <row r="47" spans="1:43">
      <c r="A47" t="s">
        <v>121</v>
      </c>
      <c r="B47" t="s">
        <v>122</v>
      </c>
      <c r="C47" t="s">
        <v>118</v>
      </c>
      <c r="D47" t="s">
        <v>119</v>
      </c>
      <c r="E47" t="s">
        <v>102</v>
      </c>
      <c r="F47" t="s">
        <v>103</v>
      </c>
      <c r="G47" t="s">
        <v>80</v>
      </c>
      <c r="H47" t="s">
        <v>81</v>
      </c>
      <c r="I47" s="2">
        <v>1</v>
      </c>
      <c r="J47" s="2">
        <v>0</v>
      </c>
      <c r="K47" s="2">
        <v>0</v>
      </c>
      <c r="L47" t="s">
        <v>120</v>
      </c>
      <c r="M47" t="s">
        <v>87</v>
      </c>
      <c r="N47" t="s">
        <v>88</v>
      </c>
      <c r="O47" t="s">
        <v>85</v>
      </c>
      <c r="P47" t="s">
        <v>86</v>
      </c>
      <c r="Q47">
        <v>13</v>
      </c>
      <c r="R47">
        <v>13</v>
      </c>
      <c r="S47">
        <v>13</v>
      </c>
      <c r="T47">
        <v>13</v>
      </c>
      <c r="U47">
        <v>13</v>
      </c>
      <c r="V47">
        <v>13</v>
      </c>
      <c r="W47">
        <v>13</v>
      </c>
      <c r="X47">
        <v>13</v>
      </c>
      <c r="Y47">
        <v>13</v>
      </c>
      <c r="Z47">
        <v>13</v>
      </c>
      <c r="AA47">
        <v>13</v>
      </c>
      <c r="AB47">
        <v>14</v>
      </c>
      <c r="AC47">
        <v>14</v>
      </c>
      <c r="AD47">
        <v>14</v>
      </c>
      <c r="AE47">
        <v>14</v>
      </c>
      <c r="AF47">
        <v>14</v>
      </c>
      <c r="AG47">
        <v>14</v>
      </c>
      <c r="AH47">
        <v>14</v>
      </c>
      <c r="AI47">
        <v>14</v>
      </c>
      <c r="AJ47">
        <v>14</v>
      </c>
      <c r="AK47">
        <v>14</v>
      </c>
      <c r="AL47">
        <v>14</v>
      </c>
      <c r="AM47">
        <v>14</v>
      </c>
      <c r="AN47">
        <v>15</v>
      </c>
      <c r="AO47">
        <v>15</v>
      </c>
      <c r="AP47">
        <v>15</v>
      </c>
      <c r="AQ47">
        <v>15</v>
      </c>
    </row>
    <row r="48" spans="1:43">
      <c r="A48" t="s">
        <v>121</v>
      </c>
      <c r="B48" t="s">
        <v>122</v>
      </c>
      <c r="C48" t="s">
        <v>118</v>
      </c>
      <c r="D48" t="s">
        <v>119</v>
      </c>
      <c r="E48" t="s">
        <v>102</v>
      </c>
      <c r="F48" t="s">
        <v>103</v>
      </c>
      <c r="G48" t="s">
        <v>80</v>
      </c>
      <c r="H48" t="s">
        <v>81</v>
      </c>
      <c r="I48" s="2">
        <v>1</v>
      </c>
      <c r="J48" s="2">
        <v>0</v>
      </c>
      <c r="K48" s="2">
        <v>0</v>
      </c>
      <c r="L48" t="s">
        <v>120</v>
      </c>
      <c r="M48" t="s">
        <v>89</v>
      </c>
      <c r="N48" t="s">
        <v>90</v>
      </c>
      <c r="O48" t="s">
        <v>85</v>
      </c>
      <c r="P48" t="s">
        <v>86</v>
      </c>
      <c r="Q48">
        <v>13</v>
      </c>
      <c r="R48">
        <v>13</v>
      </c>
      <c r="S48">
        <v>13</v>
      </c>
      <c r="T48">
        <v>14</v>
      </c>
      <c r="U48">
        <v>14</v>
      </c>
      <c r="V48">
        <v>14</v>
      </c>
      <c r="W48">
        <v>15</v>
      </c>
      <c r="X48">
        <v>15</v>
      </c>
      <c r="Y48">
        <v>15</v>
      </c>
      <c r="Z48">
        <v>15</v>
      </c>
      <c r="AA48">
        <v>16</v>
      </c>
      <c r="AB48">
        <v>16</v>
      </c>
      <c r="AC48">
        <v>16</v>
      </c>
      <c r="AD48">
        <v>16</v>
      </c>
      <c r="AE48">
        <v>17</v>
      </c>
      <c r="AF48">
        <v>17</v>
      </c>
      <c r="AG48">
        <v>17</v>
      </c>
      <c r="AH48">
        <v>17</v>
      </c>
      <c r="AI48">
        <v>17</v>
      </c>
      <c r="AJ48">
        <v>17</v>
      </c>
      <c r="AK48">
        <v>17</v>
      </c>
      <c r="AL48">
        <v>17</v>
      </c>
      <c r="AM48">
        <v>17</v>
      </c>
      <c r="AN48">
        <v>17</v>
      </c>
      <c r="AO48">
        <v>17</v>
      </c>
      <c r="AP48">
        <v>17</v>
      </c>
      <c r="AQ48">
        <v>17</v>
      </c>
    </row>
    <row r="49" spans="1:43">
      <c r="A49" t="s">
        <v>121</v>
      </c>
      <c r="B49" t="s">
        <v>122</v>
      </c>
      <c r="C49" t="s">
        <v>118</v>
      </c>
      <c r="D49" t="s">
        <v>119</v>
      </c>
      <c r="E49" t="s">
        <v>102</v>
      </c>
      <c r="F49" t="s">
        <v>103</v>
      </c>
      <c r="G49" t="s">
        <v>80</v>
      </c>
      <c r="H49" t="s">
        <v>81</v>
      </c>
      <c r="I49" s="2">
        <v>1</v>
      </c>
      <c r="J49" s="2">
        <v>0</v>
      </c>
      <c r="K49" s="2">
        <v>0</v>
      </c>
      <c r="L49" t="s">
        <v>120</v>
      </c>
      <c r="M49" t="s">
        <v>83</v>
      </c>
      <c r="N49" t="s">
        <v>91</v>
      </c>
      <c r="O49" t="s">
        <v>85</v>
      </c>
      <c r="P49" t="s">
        <v>86</v>
      </c>
      <c r="Q49">
        <v>13</v>
      </c>
      <c r="R49">
        <v>13</v>
      </c>
      <c r="S49">
        <v>13</v>
      </c>
      <c r="T49">
        <v>13</v>
      </c>
      <c r="U49">
        <v>14</v>
      </c>
      <c r="V49">
        <v>14</v>
      </c>
      <c r="W49">
        <v>14</v>
      </c>
      <c r="X49">
        <v>14</v>
      </c>
      <c r="Y49">
        <v>14</v>
      </c>
      <c r="Z49">
        <v>15</v>
      </c>
      <c r="AA49">
        <v>15</v>
      </c>
      <c r="AB49">
        <v>15</v>
      </c>
      <c r="AC49">
        <v>15</v>
      </c>
      <c r="AD49">
        <v>15</v>
      </c>
      <c r="AE49">
        <v>15</v>
      </c>
      <c r="AF49">
        <v>16</v>
      </c>
      <c r="AG49">
        <v>16</v>
      </c>
      <c r="AH49">
        <v>16</v>
      </c>
      <c r="AI49">
        <v>16</v>
      </c>
      <c r="AJ49">
        <v>16</v>
      </c>
      <c r="AK49">
        <v>17</v>
      </c>
      <c r="AL49">
        <v>17</v>
      </c>
      <c r="AM49">
        <v>17</v>
      </c>
      <c r="AN49">
        <v>17</v>
      </c>
      <c r="AO49">
        <v>17</v>
      </c>
      <c r="AP49">
        <v>17</v>
      </c>
      <c r="AQ49">
        <v>17</v>
      </c>
    </row>
    <row r="50" spans="1:43">
      <c r="A50" t="s">
        <v>123</v>
      </c>
      <c r="B50" t="s">
        <v>124</v>
      </c>
      <c r="C50" t="s">
        <v>125</v>
      </c>
      <c r="D50" t="s">
        <v>126</v>
      </c>
      <c r="E50" t="s">
        <v>102</v>
      </c>
      <c r="F50" t="s">
        <v>103</v>
      </c>
      <c r="G50" t="s">
        <v>80</v>
      </c>
      <c r="H50" t="s">
        <v>81</v>
      </c>
      <c r="I50" s="2">
        <v>1</v>
      </c>
      <c r="J50" s="2">
        <v>0</v>
      </c>
      <c r="K50" s="2">
        <v>0</v>
      </c>
      <c r="L50" t="s">
        <v>120</v>
      </c>
      <c r="M50" t="s">
        <v>83</v>
      </c>
      <c r="N50" t="s">
        <v>84</v>
      </c>
      <c r="O50" t="s">
        <v>85</v>
      </c>
      <c r="P50" t="s">
        <v>86</v>
      </c>
      <c r="Q50">
        <v>20</v>
      </c>
      <c r="R50">
        <v>20</v>
      </c>
      <c r="S50">
        <v>21</v>
      </c>
      <c r="T50">
        <v>21</v>
      </c>
      <c r="U50">
        <v>21</v>
      </c>
      <c r="V50">
        <v>22</v>
      </c>
      <c r="W50">
        <v>22</v>
      </c>
      <c r="X50">
        <v>22</v>
      </c>
      <c r="Y50">
        <v>22</v>
      </c>
      <c r="Z50">
        <v>23</v>
      </c>
      <c r="AA50">
        <v>23</v>
      </c>
      <c r="AB50">
        <v>23</v>
      </c>
      <c r="AC50">
        <v>24</v>
      </c>
      <c r="AD50">
        <v>24</v>
      </c>
      <c r="AE50">
        <v>24</v>
      </c>
      <c r="AF50">
        <v>25</v>
      </c>
      <c r="AG50">
        <v>25</v>
      </c>
      <c r="AH50">
        <v>25</v>
      </c>
      <c r="AI50">
        <v>25</v>
      </c>
      <c r="AJ50">
        <v>26</v>
      </c>
      <c r="AK50">
        <v>26</v>
      </c>
      <c r="AL50">
        <v>26</v>
      </c>
      <c r="AM50">
        <v>26</v>
      </c>
      <c r="AN50">
        <v>26</v>
      </c>
      <c r="AO50">
        <v>26</v>
      </c>
      <c r="AP50">
        <v>26</v>
      </c>
      <c r="AQ50">
        <v>26</v>
      </c>
    </row>
    <row r="51" spans="1:43">
      <c r="A51" t="s">
        <v>123</v>
      </c>
      <c r="B51" t="s">
        <v>124</v>
      </c>
      <c r="C51" t="s">
        <v>125</v>
      </c>
      <c r="D51" t="s">
        <v>126</v>
      </c>
      <c r="E51" t="s">
        <v>102</v>
      </c>
      <c r="F51" t="s">
        <v>103</v>
      </c>
      <c r="G51" t="s">
        <v>80</v>
      </c>
      <c r="H51" t="s">
        <v>81</v>
      </c>
      <c r="I51" s="2">
        <v>1</v>
      </c>
      <c r="J51" s="2">
        <v>0</v>
      </c>
      <c r="K51" s="2">
        <v>0</v>
      </c>
      <c r="L51" t="s">
        <v>120</v>
      </c>
      <c r="M51" t="s">
        <v>87</v>
      </c>
      <c r="N51" t="s">
        <v>88</v>
      </c>
      <c r="O51" t="s">
        <v>85</v>
      </c>
      <c r="P51" t="s">
        <v>86</v>
      </c>
      <c r="Q51">
        <v>20</v>
      </c>
      <c r="R51">
        <v>20</v>
      </c>
      <c r="S51">
        <v>20</v>
      </c>
      <c r="T51">
        <v>20</v>
      </c>
      <c r="U51">
        <v>20</v>
      </c>
      <c r="V51">
        <v>20</v>
      </c>
      <c r="W51">
        <v>21</v>
      </c>
      <c r="X51">
        <v>21</v>
      </c>
      <c r="Y51">
        <v>21</v>
      </c>
      <c r="Z51">
        <v>21</v>
      </c>
      <c r="AA51">
        <v>21</v>
      </c>
      <c r="AB51">
        <v>21</v>
      </c>
      <c r="AC51">
        <v>21</v>
      </c>
      <c r="AD51">
        <v>21</v>
      </c>
      <c r="AE51">
        <v>22</v>
      </c>
      <c r="AF51">
        <v>22</v>
      </c>
      <c r="AG51">
        <v>22</v>
      </c>
      <c r="AH51">
        <v>22</v>
      </c>
      <c r="AI51">
        <v>22</v>
      </c>
      <c r="AJ51">
        <v>22</v>
      </c>
      <c r="AK51">
        <v>22</v>
      </c>
      <c r="AL51">
        <v>23</v>
      </c>
      <c r="AM51">
        <v>23</v>
      </c>
      <c r="AN51">
        <v>23</v>
      </c>
      <c r="AO51">
        <v>23</v>
      </c>
      <c r="AP51">
        <v>23</v>
      </c>
      <c r="AQ51">
        <v>23</v>
      </c>
    </row>
    <row r="52" spans="1:43">
      <c r="A52" t="s">
        <v>123</v>
      </c>
      <c r="B52" t="s">
        <v>124</v>
      </c>
      <c r="C52" t="s">
        <v>125</v>
      </c>
      <c r="D52" t="s">
        <v>126</v>
      </c>
      <c r="E52" t="s">
        <v>102</v>
      </c>
      <c r="F52" t="s">
        <v>103</v>
      </c>
      <c r="G52" t="s">
        <v>80</v>
      </c>
      <c r="H52" t="s">
        <v>81</v>
      </c>
      <c r="I52" s="2">
        <v>1</v>
      </c>
      <c r="J52" s="2">
        <v>0</v>
      </c>
      <c r="K52" s="2">
        <v>0</v>
      </c>
      <c r="L52" t="s">
        <v>120</v>
      </c>
      <c r="M52" t="s">
        <v>89</v>
      </c>
      <c r="N52" t="s">
        <v>90</v>
      </c>
      <c r="O52" t="s">
        <v>85</v>
      </c>
      <c r="P52" t="s">
        <v>86</v>
      </c>
      <c r="Q52">
        <v>20</v>
      </c>
      <c r="R52">
        <v>21</v>
      </c>
      <c r="S52">
        <v>21</v>
      </c>
      <c r="T52">
        <v>22</v>
      </c>
      <c r="U52">
        <v>22</v>
      </c>
      <c r="V52">
        <v>22</v>
      </c>
      <c r="W52">
        <v>23</v>
      </c>
      <c r="X52">
        <v>23</v>
      </c>
      <c r="Y52">
        <v>24</v>
      </c>
      <c r="Z52">
        <v>24</v>
      </c>
      <c r="AA52">
        <v>25</v>
      </c>
      <c r="AB52">
        <v>25</v>
      </c>
      <c r="AC52">
        <v>25</v>
      </c>
      <c r="AD52">
        <v>26</v>
      </c>
      <c r="AE52">
        <v>26</v>
      </c>
      <c r="AF52">
        <v>26</v>
      </c>
      <c r="AG52">
        <v>26</v>
      </c>
      <c r="AH52">
        <v>26</v>
      </c>
      <c r="AI52">
        <v>26</v>
      </c>
      <c r="AJ52">
        <v>26</v>
      </c>
      <c r="AK52">
        <v>26</v>
      </c>
      <c r="AL52">
        <v>26</v>
      </c>
      <c r="AM52">
        <v>26</v>
      </c>
      <c r="AN52">
        <v>27</v>
      </c>
      <c r="AO52">
        <v>27</v>
      </c>
      <c r="AP52">
        <v>27</v>
      </c>
      <c r="AQ52">
        <v>27</v>
      </c>
    </row>
    <row r="53" spans="1:43">
      <c r="A53" t="s">
        <v>123</v>
      </c>
      <c r="B53" t="s">
        <v>124</v>
      </c>
      <c r="C53" t="s">
        <v>125</v>
      </c>
      <c r="D53" t="s">
        <v>126</v>
      </c>
      <c r="E53" t="s">
        <v>102</v>
      </c>
      <c r="F53" t="s">
        <v>103</v>
      </c>
      <c r="G53" t="s">
        <v>80</v>
      </c>
      <c r="H53" t="s">
        <v>81</v>
      </c>
      <c r="I53" s="2">
        <v>1</v>
      </c>
      <c r="J53" s="2">
        <v>0</v>
      </c>
      <c r="K53" s="2">
        <v>0</v>
      </c>
      <c r="L53" t="s">
        <v>120</v>
      </c>
      <c r="M53" t="s">
        <v>83</v>
      </c>
      <c r="N53" t="s">
        <v>91</v>
      </c>
      <c r="O53" t="s">
        <v>85</v>
      </c>
      <c r="P53" t="s">
        <v>86</v>
      </c>
      <c r="Q53">
        <v>20</v>
      </c>
      <c r="R53">
        <v>20</v>
      </c>
      <c r="S53">
        <v>21</v>
      </c>
      <c r="T53">
        <v>21</v>
      </c>
      <c r="U53">
        <v>21</v>
      </c>
      <c r="V53">
        <v>22</v>
      </c>
      <c r="W53">
        <v>22</v>
      </c>
      <c r="X53">
        <v>22</v>
      </c>
      <c r="Y53">
        <v>22</v>
      </c>
      <c r="Z53">
        <v>23</v>
      </c>
      <c r="AA53">
        <v>23</v>
      </c>
      <c r="AB53">
        <v>23</v>
      </c>
      <c r="AC53">
        <v>24</v>
      </c>
      <c r="AD53">
        <v>24</v>
      </c>
      <c r="AE53">
        <v>24</v>
      </c>
      <c r="AF53">
        <v>25</v>
      </c>
      <c r="AG53">
        <v>25</v>
      </c>
      <c r="AH53">
        <v>25</v>
      </c>
      <c r="AI53">
        <v>25</v>
      </c>
      <c r="AJ53">
        <v>26</v>
      </c>
      <c r="AK53">
        <v>26</v>
      </c>
      <c r="AL53">
        <v>26</v>
      </c>
      <c r="AM53">
        <v>26</v>
      </c>
      <c r="AN53">
        <v>26</v>
      </c>
      <c r="AO53">
        <v>26</v>
      </c>
      <c r="AP53">
        <v>26</v>
      </c>
      <c r="AQ53">
        <v>26</v>
      </c>
    </row>
    <row r="54" spans="1:43">
      <c r="A54" t="s">
        <v>127</v>
      </c>
      <c r="B54" t="s">
        <v>128</v>
      </c>
      <c r="C54" t="s">
        <v>125</v>
      </c>
      <c r="D54" t="s">
        <v>126</v>
      </c>
      <c r="E54" t="s">
        <v>102</v>
      </c>
      <c r="F54" t="s">
        <v>103</v>
      </c>
      <c r="G54" t="s">
        <v>80</v>
      </c>
      <c r="H54" t="s">
        <v>81</v>
      </c>
      <c r="I54" s="2">
        <v>1</v>
      </c>
      <c r="J54" s="2">
        <v>0</v>
      </c>
      <c r="K54" s="2">
        <v>0</v>
      </c>
      <c r="L54" t="s">
        <v>120</v>
      </c>
      <c r="M54" t="s">
        <v>83</v>
      </c>
      <c r="N54" t="s">
        <v>84</v>
      </c>
      <c r="O54" t="s">
        <v>85</v>
      </c>
      <c r="P54" t="s">
        <v>86</v>
      </c>
      <c r="Q54">
        <v>31</v>
      </c>
      <c r="R54">
        <v>32</v>
      </c>
      <c r="S54">
        <v>33</v>
      </c>
      <c r="T54">
        <v>33</v>
      </c>
      <c r="U54">
        <v>34</v>
      </c>
      <c r="V54">
        <v>34</v>
      </c>
      <c r="W54">
        <v>35</v>
      </c>
      <c r="X54">
        <v>35</v>
      </c>
      <c r="Y54">
        <v>36</v>
      </c>
      <c r="Z54">
        <v>36</v>
      </c>
      <c r="AA54">
        <v>37</v>
      </c>
      <c r="AB54">
        <v>37</v>
      </c>
      <c r="AC54">
        <v>38</v>
      </c>
      <c r="AD54">
        <v>38</v>
      </c>
      <c r="AE54">
        <v>38</v>
      </c>
      <c r="AF54">
        <v>39</v>
      </c>
      <c r="AG54">
        <v>39</v>
      </c>
      <c r="AH54">
        <v>40</v>
      </c>
      <c r="AI54">
        <v>40</v>
      </c>
      <c r="AJ54">
        <v>41</v>
      </c>
      <c r="AK54">
        <v>41</v>
      </c>
      <c r="AL54">
        <v>42</v>
      </c>
      <c r="AM54">
        <v>42</v>
      </c>
      <c r="AN54">
        <v>42</v>
      </c>
      <c r="AO54">
        <v>42</v>
      </c>
      <c r="AP54">
        <v>42</v>
      </c>
      <c r="AQ54">
        <v>42</v>
      </c>
    </row>
    <row r="55" spans="1:43">
      <c r="A55" t="s">
        <v>127</v>
      </c>
      <c r="B55" t="s">
        <v>128</v>
      </c>
      <c r="C55" t="s">
        <v>125</v>
      </c>
      <c r="D55" t="s">
        <v>126</v>
      </c>
      <c r="E55" t="s">
        <v>102</v>
      </c>
      <c r="F55" t="s">
        <v>103</v>
      </c>
      <c r="G55" t="s">
        <v>80</v>
      </c>
      <c r="H55" t="s">
        <v>81</v>
      </c>
      <c r="I55" s="2">
        <v>1</v>
      </c>
      <c r="J55" s="2">
        <v>0</v>
      </c>
      <c r="K55" s="2">
        <v>0</v>
      </c>
      <c r="L55" t="s">
        <v>120</v>
      </c>
      <c r="M55" t="s">
        <v>87</v>
      </c>
      <c r="N55" t="s">
        <v>88</v>
      </c>
      <c r="O55" t="s">
        <v>85</v>
      </c>
      <c r="P55" t="s">
        <v>86</v>
      </c>
      <c r="Q55">
        <v>31</v>
      </c>
      <c r="R55">
        <v>31</v>
      </c>
      <c r="S55">
        <v>32</v>
      </c>
      <c r="T55">
        <v>32</v>
      </c>
      <c r="U55">
        <v>32</v>
      </c>
      <c r="V55">
        <v>32</v>
      </c>
      <c r="W55">
        <v>33</v>
      </c>
      <c r="X55">
        <v>33</v>
      </c>
      <c r="Y55">
        <v>33</v>
      </c>
      <c r="Z55">
        <v>33</v>
      </c>
      <c r="AA55">
        <v>33</v>
      </c>
      <c r="AB55">
        <v>34</v>
      </c>
      <c r="AC55">
        <v>34</v>
      </c>
      <c r="AD55">
        <v>34</v>
      </c>
      <c r="AE55">
        <v>34</v>
      </c>
      <c r="AF55">
        <v>34</v>
      </c>
      <c r="AG55">
        <v>35</v>
      </c>
      <c r="AH55">
        <v>35</v>
      </c>
      <c r="AI55">
        <v>35</v>
      </c>
      <c r="AJ55">
        <v>35</v>
      </c>
      <c r="AK55">
        <v>36</v>
      </c>
      <c r="AL55">
        <v>36</v>
      </c>
      <c r="AM55">
        <v>36</v>
      </c>
      <c r="AN55">
        <v>36</v>
      </c>
      <c r="AO55">
        <v>36</v>
      </c>
      <c r="AP55">
        <v>37</v>
      </c>
      <c r="AQ55">
        <v>37</v>
      </c>
    </row>
    <row r="56" spans="1:43">
      <c r="A56" t="s">
        <v>127</v>
      </c>
      <c r="B56" t="s">
        <v>128</v>
      </c>
      <c r="C56" t="s">
        <v>125</v>
      </c>
      <c r="D56" t="s">
        <v>126</v>
      </c>
      <c r="E56" t="s">
        <v>102</v>
      </c>
      <c r="F56" t="s">
        <v>103</v>
      </c>
      <c r="G56" t="s">
        <v>80</v>
      </c>
      <c r="H56" t="s">
        <v>81</v>
      </c>
      <c r="I56" s="2">
        <v>1</v>
      </c>
      <c r="J56" s="2">
        <v>0</v>
      </c>
      <c r="K56" s="2">
        <v>0</v>
      </c>
      <c r="L56" t="s">
        <v>120</v>
      </c>
      <c r="M56" t="s">
        <v>89</v>
      </c>
      <c r="N56" t="s">
        <v>90</v>
      </c>
      <c r="O56" t="s">
        <v>85</v>
      </c>
      <c r="P56" t="s">
        <v>86</v>
      </c>
      <c r="Q56">
        <v>31</v>
      </c>
      <c r="R56">
        <v>32</v>
      </c>
      <c r="S56">
        <v>32</v>
      </c>
      <c r="T56">
        <v>33</v>
      </c>
      <c r="U56">
        <v>34</v>
      </c>
      <c r="V56">
        <v>35</v>
      </c>
      <c r="W56">
        <v>35</v>
      </c>
      <c r="X56">
        <v>36</v>
      </c>
      <c r="Y56">
        <v>37</v>
      </c>
      <c r="Z56">
        <v>37</v>
      </c>
      <c r="AA56">
        <v>38</v>
      </c>
      <c r="AB56">
        <v>38</v>
      </c>
      <c r="AC56">
        <v>39</v>
      </c>
      <c r="AD56">
        <v>40</v>
      </c>
      <c r="AE56">
        <v>40</v>
      </c>
      <c r="AF56">
        <v>40</v>
      </c>
      <c r="AG56">
        <v>40</v>
      </c>
      <c r="AH56">
        <v>40</v>
      </c>
      <c r="AI56">
        <v>41</v>
      </c>
      <c r="AJ56">
        <v>41</v>
      </c>
      <c r="AK56">
        <v>41</v>
      </c>
      <c r="AL56">
        <v>41</v>
      </c>
      <c r="AM56">
        <v>41</v>
      </c>
      <c r="AN56">
        <v>41</v>
      </c>
      <c r="AO56">
        <v>41</v>
      </c>
      <c r="AP56">
        <v>41</v>
      </c>
      <c r="AQ56">
        <v>41</v>
      </c>
    </row>
    <row r="57" spans="1:43">
      <c r="A57" t="s">
        <v>127</v>
      </c>
      <c r="B57" t="s">
        <v>128</v>
      </c>
      <c r="C57" t="s">
        <v>125</v>
      </c>
      <c r="D57" t="s">
        <v>126</v>
      </c>
      <c r="E57" t="s">
        <v>102</v>
      </c>
      <c r="F57" t="s">
        <v>103</v>
      </c>
      <c r="G57" t="s">
        <v>80</v>
      </c>
      <c r="H57" t="s">
        <v>81</v>
      </c>
      <c r="I57" s="2">
        <v>1</v>
      </c>
      <c r="J57" s="2">
        <v>0</v>
      </c>
      <c r="K57" s="2">
        <v>0</v>
      </c>
      <c r="L57" t="s">
        <v>120</v>
      </c>
      <c r="M57" t="s">
        <v>83</v>
      </c>
      <c r="N57" t="s">
        <v>91</v>
      </c>
      <c r="O57" t="s">
        <v>85</v>
      </c>
      <c r="P57" t="s">
        <v>86</v>
      </c>
      <c r="Q57">
        <v>31</v>
      </c>
      <c r="R57">
        <v>32</v>
      </c>
      <c r="S57">
        <v>33</v>
      </c>
      <c r="T57">
        <v>33</v>
      </c>
      <c r="U57">
        <v>34</v>
      </c>
      <c r="V57">
        <v>34</v>
      </c>
      <c r="W57">
        <v>35</v>
      </c>
      <c r="X57">
        <v>35</v>
      </c>
      <c r="Y57">
        <v>36</v>
      </c>
      <c r="Z57">
        <v>36</v>
      </c>
      <c r="AA57">
        <v>37</v>
      </c>
      <c r="AB57">
        <v>37</v>
      </c>
      <c r="AC57">
        <v>38</v>
      </c>
      <c r="AD57">
        <v>38</v>
      </c>
      <c r="AE57">
        <v>38</v>
      </c>
      <c r="AF57">
        <v>39</v>
      </c>
      <c r="AG57">
        <v>39</v>
      </c>
      <c r="AH57">
        <v>40</v>
      </c>
      <c r="AI57">
        <v>40</v>
      </c>
      <c r="AJ57">
        <v>41</v>
      </c>
      <c r="AK57">
        <v>41</v>
      </c>
      <c r="AL57">
        <v>42</v>
      </c>
      <c r="AM57">
        <v>42</v>
      </c>
      <c r="AN57">
        <v>42</v>
      </c>
      <c r="AO57">
        <v>42</v>
      </c>
      <c r="AP57">
        <v>42</v>
      </c>
      <c r="AQ57">
        <v>42</v>
      </c>
    </row>
    <row r="58" spans="1:43">
      <c r="A58" t="s">
        <v>129</v>
      </c>
      <c r="B58" t="s">
        <v>130</v>
      </c>
      <c r="C58" t="s">
        <v>125</v>
      </c>
      <c r="D58" t="s">
        <v>126</v>
      </c>
      <c r="E58" t="s">
        <v>102</v>
      </c>
      <c r="F58" t="s">
        <v>103</v>
      </c>
      <c r="G58" t="s">
        <v>80</v>
      </c>
      <c r="H58" t="s">
        <v>81</v>
      </c>
      <c r="I58" s="2">
        <v>1</v>
      </c>
      <c r="J58" s="2">
        <v>0</v>
      </c>
      <c r="K58" s="2">
        <v>0</v>
      </c>
      <c r="L58" t="s">
        <v>120</v>
      </c>
      <c r="M58" t="s">
        <v>83</v>
      </c>
      <c r="N58" t="s">
        <v>84</v>
      </c>
      <c r="O58" t="s">
        <v>85</v>
      </c>
      <c r="P58" t="s">
        <v>86</v>
      </c>
      <c r="Q58">
        <v>3</v>
      </c>
      <c r="R58">
        <v>3</v>
      </c>
      <c r="S58">
        <v>3</v>
      </c>
      <c r="T58">
        <v>4</v>
      </c>
      <c r="U58">
        <v>4</v>
      </c>
      <c r="V58">
        <v>4</v>
      </c>
      <c r="W58">
        <v>4</v>
      </c>
      <c r="X58">
        <v>4</v>
      </c>
      <c r="Y58">
        <v>4</v>
      </c>
      <c r="Z58">
        <v>4</v>
      </c>
      <c r="AA58">
        <v>4</v>
      </c>
      <c r="AB58">
        <v>4</v>
      </c>
      <c r="AC58">
        <v>4</v>
      </c>
      <c r="AD58">
        <v>4</v>
      </c>
      <c r="AE58">
        <v>4</v>
      </c>
      <c r="AF58">
        <v>4</v>
      </c>
      <c r="AG58">
        <v>4</v>
      </c>
      <c r="AH58">
        <v>4</v>
      </c>
      <c r="AI58">
        <v>4</v>
      </c>
      <c r="AJ58">
        <v>4</v>
      </c>
      <c r="AK58">
        <v>4</v>
      </c>
      <c r="AL58">
        <v>4</v>
      </c>
      <c r="AM58">
        <v>4</v>
      </c>
      <c r="AN58">
        <v>4</v>
      </c>
      <c r="AO58">
        <v>4</v>
      </c>
      <c r="AP58">
        <v>4</v>
      </c>
      <c r="AQ58">
        <v>4</v>
      </c>
    </row>
    <row r="59" spans="1:43">
      <c r="A59" t="s">
        <v>129</v>
      </c>
      <c r="B59" t="s">
        <v>130</v>
      </c>
      <c r="C59" t="s">
        <v>125</v>
      </c>
      <c r="D59" t="s">
        <v>126</v>
      </c>
      <c r="E59" t="s">
        <v>102</v>
      </c>
      <c r="F59" t="s">
        <v>103</v>
      </c>
      <c r="G59" t="s">
        <v>80</v>
      </c>
      <c r="H59" t="s">
        <v>81</v>
      </c>
      <c r="I59" s="2">
        <v>1</v>
      </c>
      <c r="J59" s="2">
        <v>0</v>
      </c>
      <c r="K59" s="2">
        <v>0</v>
      </c>
      <c r="L59" t="s">
        <v>120</v>
      </c>
      <c r="M59" t="s">
        <v>87</v>
      </c>
      <c r="N59" t="s">
        <v>88</v>
      </c>
      <c r="O59" t="s">
        <v>85</v>
      </c>
      <c r="P59" t="s">
        <v>86</v>
      </c>
      <c r="Q59">
        <v>3</v>
      </c>
      <c r="R59">
        <v>3</v>
      </c>
      <c r="S59">
        <v>3</v>
      </c>
      <c r="T59">
        <v>3</v>
      </c>
      <c r="U59">
        <v>3</v>
      </c>
      <c r="V59">
        <v>3</v>
      </c>
      <c r="W59">
        <v>3</v>
      </c>
      <c r="X59">
        <v>4</v>
      </c>
      <c r="Y59">
        <v>4</v>
      </c>
      <c r="Z59">
        <v>4</v>
      </c>
      <c r="AA59">
        <v>4</v>
      </c>
      <c r="AB59">
        <v>4</v>
      </c>
      <c r="AC59">
        <v>4</v>
      </c>
      <c r="AD59">
        <v>4</v>
      </c>
      <c r="AE59">
        <v>4</v>
      </c>
      <c r="AF59">
        <v>4</v>
      </c>
      <c r="AG59">
        <v>4</v>
      </c>
      <c r="AH59">
        <v>4</v>
      </c>
      <c r="AI59">
        <v>4</v>
      </c>
      <c r="AJ59">
        <v>4</v>
      </c>
      <c r="AK59">
        <v>4</v>
      </c>
      <c r="AL59">
        <v>4</v>
      </c>
      <c r="AM59">
        <v>4</v>
      </c>
      <c r="AN59">
        <v>4</v>
      </c>
      <c r="AO59">
        <v>4</v>
      </c>
      <c r="AP59">
        <v>4</v>
      </c>
      <c r="AQ59">
        <v>4</v>
      </c>
    </row>
    <row r="60" spans="1:43">
      <c r="A60" t="s">
        <v>129</v>
      </c>
      <c r="B60" t="s">
        <v>130</v>
      </c>
      <c r="C60" t="s">
        <v>125</v>
      </c>
      <c r="D60" t="s">
        <v>126</v>
      </c>
      <c r="E60" t="s">
        <v>102</v>
      </c>
      <c r="F60" t="s">
        <v>103</v>
      </c>
      <c r="G60" t="s">
        <v>80</v>
      </c>
      <c r="H60" t="s">
        <v>81</v>
      </c>
      <c r="I60" s="2">
        <v>1</v>
      </c>
      <c r="J60" s="2">
        <v>0</v>
      </c>
      <c r="K60" s="2">
        <v>0</v>
      </c>
      <c r="L60" t="s">
        <v>120</v>
      </c>
      <c r="M60" t="s">
        <v>89</v>
      </c>
      <c r="N60" t="s">
        <v>90</v>
      </c>
      <c r="O60" t="s">
        <v>85</v>
      </c>
      <c r="P60" t="s">
        <v>86</v>
      </c>
      <c r="Q60">
        <v>3</v>
      </c>
      <c r="R60">
        <v>3</v>
      </c>
      <c r="S60">
        <v>4</v>
      </c>
      <c r="T60">
        <v>4</v>
      </c>
      <c r="U60">
        <v>4</v>
      </c>
      <c r="V60">
        <v>4</v>
      </c>
      <c r="W60">
        <v>4</v>
      </c>
      <c r="X60">
        <v>4</v>
      </c>
      <c r="Y60">
        <v>4</v>
      </c>
      <c r="Z60">
        <v>4</v>
      </c>
      <c r="AA60">
        <v>4</v>
      </c>
      <c r="AB60">
        <v>4</v>
      </c>
      <c r="AC60">
        <v>4</v>
      </c>
      <c r="AD60">
        <v>4</v>
      </c>
      <c r="AE60">
        <v>4</v>
      </c>
      <c r="AF60">
        <v>4</v>
      </c>
      <c r="AG60">
        <v>4</v>
      </c>
      <c r="AH60">
        <v>4</v>
      </c>
      <c r="AI60">
        <v>4</v>
      </c>
      <c r="AJ60">
        <v>4</v>
      </c>
      <c r="AK60">
        <v>4</v>
      </c>
      <c r="AL60">
        <v>4</v>
      </c>
      <c r="AM60">
        <v>4</v>
      </c>
      <c r="AN60">
        <v>4</v>
      </c>
      <c r="AO60">
        <v>4</v>
      </c>
      <c r="AP60">
        <v>5</v>
      </c>
      <c r="AQ60">
        <v>5</v>
      </c>
    </row>
    <row r="61" spans="1:43">
      <c r="A61" t="s">
        <v>129</v>
      </c>
      <c r="B61" t="s">
        <v>130</v>
      </c>
      <c r="C61" t="s">
        <v>125</v>
      </c>
      <c r="D61" t="s">
        <v>126</v>
      </c>
      <c r="E61" t="s">
        <v>102</v>
      </c>
      <c r="F61" t="s">
        <v>103</v>
      </c>
      <c r="G61" t="s">
        <v>80</v>
      </c>
      <c r="H61" t="s">
        <v>81</v>
      </c>
      <c r="I61" s="2">
        <v>1</v>
      </c>
      <c r="J61" s="2">
        <v>0</v>
      </c>
      <c r="K61" s="2">
        <v>0</v>
      </c>
      <c r="L61" t="s">
        <v>120</v>
      </c>
      <c r="M61" t="s">
        <v>83</v>
      </c>
      <c r="N61" t="s">
        <v>91</v>
      </c>
      <c r="O61" t="s">
        <v>85</v>
      </c>
      <c r="P61" t="s">
        <v>86</v>
      </c>
      <c r="Q61">
        <v>3</v>
      </c>
      <c r="R61">
        <v>3</v>
      </c>
      <c r="S61">
        <v>3</v>
      </c>
      <c r="T61">
        <v>4</v>
      </c>
      <c r="U61">
        <v>4</v>
      </c>
      <c r="V61">
        <v>4</v>
      </c>
      <c r="W61">
        <v>4</v>
      </c>
      <c r="X61">
        <v>4</v>
      </c>
      <c r="Y61">
        <v>4</v>
      </c>
      <c r="Z61">
        <v>4</v>
      </c>
      <c r="AA61">
        <v>4</v>
      </c>
      <c r="AB61">
        <v>4</v>
      </c>
      <c r="AC61">
        <v>4</v>
      </c>
      <c r="AD61">
        <v>4</v>
      </c>
      <c r="AE61">
        <v>4</v>
      </c>
      <c r="AF61">
        <v>4</v>
      </c>
      <c r="AG61">
        <v>4</v>
      </c>
      <c r="AH61">
        <v>4</v>
      </c>
      <c r="AI61">
        <v>4</v>
      </c>
      <c r="AJ61">
        <v>4</v>
      </c>
      <c r="AK61">
        <v>4</v>
      </c>
      <c r="AL61">
        <v>4</v>
      </c>
      <c r="AM61">
        <v>4</v>
      </c>
      <c r="AN61">
        <v>4</v>
      </c>
      <c r="AO61">
        <v>4</v>
      </c>
      <c r="AP61">
        <v>4</v>
      </c>
      <c r="AQ61">
        <v>4</v>
      </c>
    </row>
    <row r="62" spans="1:43">
      <c r="A62" t="s">
        <v>131</v>
      </c>
      <c r="B62" t="s">
        <v>132</v>
      </c>
      <c r="C62" t="s">
        <v>125</v>
      </c>
      <c r="D62" t="s">
        <v>126</v>
      </c>
      <c r="E62" t="s">
        <v>102</v>
      </c>
      <c r="F62" t="s">
        <v>103</v>
      </c>
      <c r="G62" t="s">
        <v>80</v>
      </c>
      <c r="H62" t="s">
        <v>81</v>
      </c>
      <c r="I62" s="2">
        <v>1</v>
      </c>
      <c r="J62" s="2">
        <v>0</v>
      </c>
      <c r="K62" s="2">
        <v>0</v>
      </c>
      <c r="L62" t="s">
        <v>120</v>
      </c>
      <c r="M62" t="s">
        <v>83</v>
      </c>
      <c r="N62" t="s">
        <v>84</v>
      </c>
      <c r="O62" t="s">
        <v>85</v>
      </c>
      <c r="P62" t="s">
        <v>86</v>
      </c>
      <c r="Q62">
        <v>3</v>
      </c>
      <c r="R62">
        <v>3</v>
      </c>
      <c r="S62">
        <v>3</v>
      </c>
      <c r="T62">
        <v>3</v>
      </c>
      <c r="U62">
        <v>3</v>
      </c>
      <c r="V62">
        <v>3</v>
      </c>
      <c r="W62">
        <v>4</v>
      </c>
      <c r="X62">
        <v>4</v>
      </c>
      <c r="Y62">
        <v>4</v>
      </c>
      <c r="Z62">
        <v>4</v>
      </c>
      <c r="AA62">
        <v>4</v>
      </c>
      <c r="AB62">
        <v>4</v>
      </c>
      <c r="AC62">
        <v>4</v>
      </c>
      <c r="AD62">
        <v>4</v>
      </c>
      <c r="AE62">
        <v>4</v>
      </c>
      <c r="AF62">
        <v>4</v>
      </c>
      <c r="AG62">
        <v>4</v>
      </c>
      <c r="AH62">
        <v>4</v>
      </c>
      <c r="AI62">
        <v>4</v>
      </c>
      <c r="AJ62">
        <v>4</v>
      </c>
      <c r="AK62">
        <v>4</v>
      </c>
      <c r="AL62">
        <v>4</v>
      </c>
      <c r="AM62">
        <v>4</v>
      </c>
      <c r="AN62">
        <v>4</v>
      </c>
      <c r="AO62">
        <v>4</v>
      </c>
      <c r="AP62">
        <v>4</v>
      </c>
      <c r="AQ62">
        <v>4</v>
      </c>
    </row>
    <row r="63" spans="1:43">
      <c r="A63" t="s">
        <v>131</v>
      </c>
      <c r="B63" t="s">
        <v>132</v>
      </c>
      <c r="C63" t="s">
        <v>125</v>
      </c>
      <c r="D63" t="s">
        <v>126</v>
      </c>
      <c r="E63" t="s">
        <v>102</v>
      </c>
      <c r="F63" t="s">
        <v>103</v>
      </c>
      <c r="G63" t="s">
        <v>80</v>
      </c>
      <c r="H63" t="s">
        <v>81</v>
      </c>
      <c r="I63" s="2">
        <v>1</v>
      </c>
      <c r="J63" s="2">
        <v>0</v>
      </c>
      <c r="K63" s="2">
        <v>0</v>
      </c>
      <c r="L63" t="s">
        <v>120</v>
      </c>
      <c r="M63" t="s">
        <v>87</v>
      </c>
      <c r="N63" t="s">
        <v>88</v>
      </c>
      <c r="O63" t="s">
        <v>85</v>
      </c>
      <c r="P63" t="s">
        <v>86</v>
      </c>
      <c r="Q63">
        <v>3</v>
      </c>
      <c r="R63">
        <v>3</v>
      </c>
      <c r="S63">
        <v>3</v>
      </c>
      <c r="T63">
        <v>3</v>
      </c>
      <c r="U63">
        <v>3</v>
      </c>
      <c r="V63">
        <v>3</v>
      </c>
      <c r="W63">
        <v>3</v>
      </c>
      <c r="X63">
        <v>3</v>
      </c>
      <c r="Y63">
        <v>3</v>
      </c>
      <c r="Z63">
        <v>3</v>
      </c>
      <c r="AA63">
        <v>3</v>
      </c>
      <c r="AB63">
        <v>3</v>
      </c>
      <c r="AC63">
        <v>3</v>
      </c>
      <c r="AD63">
        <v>3</v>
      </c>
      <c r="AE63">
        <v>3</v>
      </c>
      <c r="AF63">
        <v>4</v>
      </c>
      <c r="AG63">
        <v>4</v>
      </c>
      <c r="AH63">
        <v>4</v>
      </c>
      <c r="AI63">
        <v>4</v>
      </c>
      <c r="AJ63">
        <v>4</v>
      </c>
      <c r="AK63">
        <v>4</v>
      </c>
      <c r="AL63">
        <v>4</v>
      </c>
      <c r="AM63">
        <v>4</v>
      </c>
      <c r="AN63">
        <v>4</v>
      </c>
      <c r="AO63">
        <v>4</v>
      </c>
      <c r="AP63">
        <v>4</v>
      </c>
      <c r="AQ63">
        <v>4</v>
      </c>
    </row>
    <row r="64" spans="1:43">
      <c r="A64" t="s">
        <v>131</v>
      </c>
      <c r="B64" t="s">
        <v>132</v>
      </c>
      <c r="C64" t="s">
        <v>125</v>
      </c>
      <c r="D64" t="s">
        <v>126</v>
      </c>
      <c r="E64" t="s">
        <v>102</v>
      </c>
      <c r="F64" t="s">
        <v>103</v>
      </c>
      <c r="G64" t="s">
        <v>80</v>
      </c>
      <c r="H64" t="s">
        <v>81</v>
      </c>
      <c r="I64" s="2">
        <v>1</v>
      </c>
      <c r="J64" s="2">
        <v>0</v>
      </c>
      <c r="K64" s="2">
        <v>0</v>
      </c>
      <c r="L64" t="s">
        <v>120</v>
      </c>
      <c r="M64" t="s">
        <v>89</v>
      </c>
      <c r="N64" t="s">
        <v>90</v>
      </c>
      <c r="O64" t="s">
        <v>85</v>
      </c>
      <c r="P64" t="s">
        <v>86</v>
      </c>
      <c r="Q64">
        <v>3</v>
      </c>
      <c r="R64">
        <v>3</v>
      </c>
      <c r="S64">
        <v>3</v>
      </c>
      <c r="T64">
        <v>3</v>
      </c>
      <c r="U64">
        <v>4</v>
      </c>
      <c r="V64">
        <v>4</v>
      </c>
      <c r="W64">
        <v>4</v>
      </c>
      <c r="X64">
        <v>4</v>
      </c>
      <c r="Y64">
        <v>4</v>
      </c>
      <c r="Z64">
        <v>4</v>
      </c>
      <c r="AA64">
        <v>4</v>
      </c>
      <c r="AB64">
        <v>4</v>
      </c>
      <c r="AC64">
        <v>4</v>
      </c>
      <c r="AD64">
        <v>4</v>
      </c>
      <c r="AE64">
        <v>4</v>
      </c>
      <c r="AF64">
        <v>4</v>
      </c>
      <c r="AG64">
        <v>4</v>
      </c>
      <c r="AH64">
        <v>4</v>
      </c>
      <c r="AI64">
        <v>4</v>
      </c>
      <c r="AJ64">
        <v>4</v>
      </c>
      <c r="AK64">
        <v>4</v>
      </c>
      <c r="AL64">
        <v>4</v>
      </c>
      <c r="AM64">
        <v>4</v>
      </c>
      <c r="AN64">
        <v>4</v>
      </c>
      <c r="AO64">
        <v>4</v>
      </c>
      <c r="AP64">
        <v>4</v>
      </c>
      <c r="AQ64">
        <v>4</v>
      </c>
    </row>
    <row r="65" spans="1:43">
      <c r="A65" t="s">
        <v>131</v>
      </c>
      <c r="B65" t="s">
        <v>132</v>
      </c>
      <c r="C65" t="s">
        <v>125</v>
      </c>
      <c r="D65" t="s">
        <v>126</v>
      </c>
      <c r="E65" t="s">
        <v>102</v>
      </c>
      <c r="F65" t="s">
        <v>103</v>
      </c>
      <c r="G65" t="s">
        <v>80</v>
      </c>
      <c r="H65" t="s">
        <v>81</v>
      </c>
      <c r="I65" s="2">
        <v>1</v>
      </c>
      <c r="J65" s="2">
        <v>0</v>
      </c>
      <c r="K65" s="2">
        <v>0</v>
      </c>
      <c r="L65" t="s">
        <v>120</v>
      </c>
      <c r="M65" t="s">
        <v>83</v>
      </c>
      <c r="N65" t="s">
        <v>91</v>
      </c>
      <c r="O65" t="s">
        <v>85</v>
      </c>
      <c r="P65" t="s">
        <v>86</v>
      </c>
      <c r="Q65">
        <v>3</v>
      </c>
      <c r="R65">
        <v>3</v>
      </c>
      <c r="S65">
        <v>3</v>
      </c>
      <c r="T65">
        <v>3</v>
      </c>
      <c r="U65">
        <v>3</v>
      </c>
      <c r="V65">
        <v>3</v>
      </c>
      <c r="W65">
        <v>4</v>
      </c>
      <c r="X65">
        <v>4</v>
      </c>
      <c r="Y65">
        <v>4</v>
      </c>
      <c r="Z65">
        <v>4</v>
      </c>
      <c r="AA65">
        <v>4</v>
      </c>
      <c r="AB65">
        <v>4</v>
      </c>
      <c r="AC65">
        <v>4</v>
      </c>
      <c r="AD65">
        <v>4</v>
      </c>
      <c r="AE65">
        <v>4</v>
      </c>
      <c r="AF65">
        <v>4</v>
      </c>
      <c r="AG65">
        <v>4</v>
      </c>
      <c r="AH65">
        <v>4</v>
      </c>
      <c r="AI65">
        <v>4</v>
      </c>
      <c r="AJ65">
        <v>4</v>
      </c>
      <c r="AK65">
        <v>4</v>
      </c>
      <c r="AL65">
        <v>4</v>
      </c>
      <c r="AM65">
        <v>4</v>
      </c>
      <c r="AN65">
        <v>4</v>
      </c>
      <c r="AO65">
        <v>4</v>
      </c>
      <c r="AP65">
        <v>4</v>
      </c>
      <c r="AQ65">
        <v>4</v>
      </c>
    </row>
    <row r="66" spans="1:43">
      <c r="A66" t="s">
        <v>133</v>
      </c>
      <c r="B66" t="s">
        <v>134</v>
      </c>
      <c r="C66" t="s">
        <v>135</v>
      </c>
      <c r="D66" t="s">
        <v>136</v>
      </c>
      <c r="E66" t="s">
        <v>102</v>
      </c>
      <c r="F66" t="s">
        <v>103</v>
      </c>
      <c r="G66" t="s">
        <v>80</v>
      </c>
      <c r="H66" t="s">
        <v>81</v>
      </c>
      <c r="I66" s="2">
        <v>0</v>
      </c>
      <c r="J66" s="2">
        <v>1</v>
      </c>
      <c r="K66" s="2">
        <v>0</v>
      </c>
      <c r="L66" t="s">
        <v>82</v>
      </c>
      <c r="M66" t="s">
        <v>83</v>
      </c>
      <c r="N66" t="s">
        <v>84</v>
      </c>
      <c r="O66" t="s">
        <v>85</v>
      </c>
      <c r="P66" t="s">
        <v>86</v>
      </c>
      <c r="Q66">
        <v>0</v>
      </c>
      <c r="R66">
        <v>0</v>
      </c>
      <c r="S66">
        <v>0</v>
      </c>
      <c r="T66">
        <v>0</v>
      </c>
      <c r="U66">
        <v>0</v>
      </c>
      <c r="V66">
        <v>0</v>
      </c>
      <c r="W66">
        <v>0</v>
      </c>
      <c r="X66">
        <v>0</v>
      </c>
      <c r="Y66">
        <v>0</v>
      </c>
      <c r="Z66">
        <v>0</v>
      </c>
      <c r="AA66">
        <v>0</v>
      </c>
      <c r="AB66">
        <v>0</v>
      </c>
      <c r="AC66">
        <v>0</v>
      </c>
      <c r="AD66">
        <v>0</v>
      </c>
      <c r="AE66">
        <v>0</v>
      </c>
      <c r="AF66">
        <v>0</v>
      </c>
      <c r="AG66">
        <v>0</v>
      </c>
      <c r="AH66">
        <v>0</v>
      </c>
      <c r="AI66">
        <v>0</v>
      </c>
      <c r="AJ66">
        <v>0</v>
      </c>
      <c r="AK66">
        <v>0</v>
      </c>
      <c r="AL66">
        <v>0</v>
      </c>
      <c r="AM66">
        <v>0</v>
      </c>
      <c r="AN66">
        <v>0</v>
      </c>
      <c r="AO66">
        <v>0</v>
      </c>
      <c r="AP66">
        <v>0</v>
      </c>
      <c r="AQ66">
        <v>0</v>
      </c>
    </row>
    <row r="67" spans="1:43">
      <c r="A67" t="s">
        <v>133</v>
      </c>
      <c r="B67" t="s">
        <v>134</v>
      </c>
      <c r="C67" t="s">
        <v>135</v>
      </c>
      <c r="D67" t="s">
        <v>136</v>
      </c>
      <c r="E67" t="s">
        <v>102</v>
      </c>
      <c r="F67" t="s">
        <v>103</v>
      </c>
      <c r="G67" t="s">
        <v>80</v>
      </c>
      <c r="H67" t="s">
        <v>81</v>
      </c>
      <c r="I67" s="2">
        <v>0</v>
      </c>
      <c r="J67" s="2">
        <v>1</v>
      </c>
      <c r="K67" s="2">
        <v>0</v>
      </c>
      <c r="L67" t="s">
        <v>82</v>
      </c>
      <c r="M67" t="s">
        <v>87</v>
      </c>
      <c r="N67" t="s">
        <v>88</v>
      </c>
      <c r="O67" t="s">
        <v>85</v>
      </c>
      <c r="P67" t="s">
        <v>86</v>
      </c>
      <c r="Q67">
        <v>0</v>
      </c>
      <c r="R67">
        <v>0</v>
      </c>
      <c r="S67">
        <v>0</v>
      </c>
      <c r="T67">
        <v>0</v>
      </c>
      <c r="U67">
        <v>0</v>
      </c>
      <c r="V67">
        <v>0</v>
      </c>
      <c r="W67">
        <v>0</v>
      </c>
      <c r="X67">
        <v>0</v>
      </c>
      <c r="Y67">
        <v>0</v>
      </c>
      <c r="Z67">
        <v>0</v>
      </c>
      <c r="AA67">
        <v>0</v>
      </c>
      <c r="AB67">
        <v>0</v>
      </c>
      <c r="AC67">
        <v>0</v>
      </c>
      <c r="AD67">
        <v>0</v>
      </c>
      <c r="AE67">
        <v>0</v>
      </c>
      <c r="AF67">
        <v>0</v>
      </c>
      <c r="AG67">
        <v>0</v>
      </c>
      <c r="AH67">
        <v>0</v>
      </c>
      <c r="AI67">
        <v>0</v>
      </c>
      <c r="AJ67">
        <v>0</v>
      </c>
      <c r="AK67">
        <v>0</v>
      </c>
      <c r="AL67">
        <v>0</v>
      </c>
      <c r="AM67">
        <v>0</v>
      </c>
      <c r="AN67">
        <v>0</v>
      </c>
      <c r="AO67">
        <v>0</v>
      </c>
      <c r="AP67">
        <v>0</v>
      </c>
      <c r="AQ67">
        <v>0</v>
      </c>
    </row>
    <row r="68" spans="1:43">
      <c r="A68" t="s">
        <v>133</v>
      </c>
      <c r="B68" t="s">
        <v>134</v>
      </c>
      <c r="C68" t="s">
        <v>135</v>
      </c>
      <c r="D68" t="s">
        <v>136</v>
      </c>
      <c r="E68" t="s">
        <v>102</v>
      </c>
      <c r="F68" t="s">
        <v>103</v>
      </c>
      <c r="G68" t="s">
        <v>80</v>
      </c>
      <c r="H68" t="s">
        <v>81</v>
      </c>
      <c r="I68" s="2">
        <v>0</v>
      </c>
      <c r="J68" s="2">
        <v>1</v>
      </c>
      <c r="K68" s="2">
        <v>0</v>
      </c>
      <c r="L68" t="s">
        <v>82</v>
      </c>
      <c r="M68" t="s">
        <v>89</v>
      </c>
      <c r="N68" t="s">
        <v>90</v>
      </c>
      <c r="O68" t="s">
        <v>85</v>
      </c>
      <c r="P68" t="s">
        <v>86</v>
      </c>
      <c r="Q68">
        <v>0</v>
      </c>
      <c r="R68">
        <v>0</v>
      </c>
      <c r="S68">
        <v>0</v>
      </c>
      <c r="T68">
        <v>0</v>
      </c>
      <c r="U68">
        <v>0</v>
      </c>
      <c r="V68">
        <v>0</v>
      </c>
      <c r="W68">
        <v>0</v>
      </c>
      <c r="X68">
        <v>0</v>
      </c>
      <c r="Y68">
        <v>0</v>
      </c>
      <c r="Z68">
        <v>0</v>
      </c>
      <c r="AA68">
        <v>0</v>
      </c>
      <c r="AB68">
        <v>0</v>
      </c>
      <c r="AC68">
        <v>0</v>
      </c>
      <c r="AD68">
        <v>0</v>
      </c>
      <c r="AE68">
        <v>0</v>
      </c>
      <c r="AF68">
        <v>0</v>
      </c>
      <c r="AG68">
        <v>0</v>
      </c>
      <c r="AH68">
        <v>0</v>
      </c>
      <c r="AI68">
        <v>0</v>
      </c>
      <c r="AJ68">
        <v>0</v>
      </c>
      <c r="AK68">
        <v>0</v>
      </c>
      <c r="AL68">
        <v>0</v>
      </c>
      <c r="AM68">
        <v>0</v>
      </c>
      <c r="AN68">
        <v>0</v>
      </c>
      <c r="AO68">
        <v>0</v>
      </c>
      <c r="AP68">
        <v>0</v>
      </c>
      <c r="AQ68">
        <v>0</v>
      </c>
    </row>
    <row r="69" spans="1:43">
      <c r="A69" t="s">
        <v>133</v>
      </c>
      <c r="B69" t="s">
        <v>134</v>
      </c>
      <c r="C69" t="s">
        <v>135</v>
      </c>
      <c r="D69" t="s">
        <v>136</v>
      </c>
      <c r="E69" t="s">
        <v>102</v>
      </c>
      <c r="F69" t="s">
        <v>103</v>
      </c>
      <c r="G69" t="s">
        <v>80</v>
      </c>
      <c r="H69" t="s">
        <v>81</v>
      </c>
      <c r="I69" s="2">
        <v>0</v>
      </c>
      <c r="J69" s="2">
        <v>1</v>
      </c>
      <c r="K69" s="2">
        <v>0</v>
      </c>
      <c r="L69" t="s">
        <v>82</v>
      </c>
      <c r="M69" t="s">
        <v>83</v>
      </c>
      <c r="N69" t="s">
        <v>91</v>
      </c>
      <c r="O69" t="s">
        <v>85</v>
      </c>
      <c r="P69" t="s">
        <v>86</v>
      </c>
      <c r="Q69">
        <v>0</v>
      </c>
      <c r="R69">
        <v>0</v>
      </c>
      <c r="S69">
        <v>0</v>
      </c>
      <c r="T69">
        <v>0</v>
      </c>
      <c r="U69">
        <v>0</v>
      </c>
      <c r="V69">
        <v>0</v>
      </c>
      <c r="W69">
        <v>0</v>
      </c>
      <c r="X69">
        <v>0</v>
      </c>
      <c r="Y69">
        <v>0</v>
      </c>
      <c r="Z69">
        <v>0</v>
      </c>
      <c r="AA69">
        <v>0</v>
      </c>
      <c r="AB69">
        <v>0</v>
      </c>
      <c r="AC69">
        <v>0</v>
      </c>
      <c r="AD69">
        <v>0</v>
      </c>
      <c r="AE69">
        <v>0</v>
      </c>
      <c r="AF69">
        <v>0</v>
      </c>
      <c r="AG69">
        <v>0</v>
      </c>
      <c r="AH69">
        <v>0</v>
      </c>
      <c r="AI69">
        <v>0</v>
      </c>
      <c r="AJ69">
        <v>0</v>
      </c>
      <c r="AK69">
        <v>0</v>
      </c>
      <c r="AL69">
        <v>0</v>
      </c>
      <c r="AM69">
        <v>0</v>
      </c>
      <c r="AN69">
        <v>0</v>
      </c>
      <c r="AO69">
        <v>0</v>
      </c>
      <c r="AP69">
        <v>0</v>
      </c>
      <c r="AQ69">
        <v>0</v>
      </c>
    </row>
    <row r="70" spans="1:43">
      <c r="A70" t="s">
        <v>137</v>
      </c>
      <c r="B70" t="s">
        <v>138</v>
      </c>
      <c r="C70" t="s">
        <v>135</v>
      </c>
      <c r="D70" t="s">
        <v>136</v>
      </c>
      <c r="E70" t="s">
        <v>102</v>
      </c>
      <c r="F70" t="s">
        <v>103</v>
      </c>
      <c r="G70" t="s">
        <v>80</v>
      </c>
      <c r="H70" t="s">
        <v>81</v>
      </c>
      <c r="I70" s="2">
        <v>0</v>
      </c>
      <c r="J70" s="2">
        <v>1</v>
      </c>
      <c r="K70" s="2">
        <v>0</v>
      </c>
      <c r="L70" t="s">
        <v>82</v>
      </c>
      <c r="M70" t="s">
        <v>83</v>
      </c>
      <c r="N70" t="s">
        <v>84</v>
      </c>
      <c r="O70" t="s">
        <v>85</v>
      </c>
      <c r="P70" t="s">
        <v>86</v>
      </c>
      <c r="Q70">
        <v>14</v>
      </c>
      <c r="R70">
        <v>14</v>
      </c>
      <c r="S70">
        <v>14</v>
      </c>
      <c r="T70">
        <v>15</v>
      </c>
      <c r="U70">
        <v>15</v>
      </c>
      <c r="V70">
        <v>15</v>
      </c>
      <c r="W70">
        <v>15</v>
      </c>
      <c r="X70">
        <v>15</v>
      </c>
      <c r="Y70">
        <v>16</v>
      </c>
      <c r="Z70">
        <v>16</v>
      </c>
      <c r="AA70">
        <v>16</v>
      </c>
      <c r="AB70">
        <v>16</v>
      </c>
      <c r="AC70">
        <v>17</v>
      </c>
      <c r="AD70">
        <v>17</v>
      </c>
      <c r="AE70">
        <v>17</v>
      </c>
      <c r="AF70">
        <v>17</v>
      </c>
      <c r="AG70">
        <v>17</v>
      </c>
      <c r="AH70">
        <v>18</v>
      </c>
      <c r="AI70">
        <v>18</v>
      </c>
      <c r="AJ70">
        <v>18</v>
      </c>
      <c r="AK70">
        <v>18</v>
      </c>
      <c r="AL70">
        <v>18</v>
      </c>
      <c r="AM70">
        <v>18</v>
      </c>
      <c r="AN70">
        <v>18</v>
      </c>
      <c r="AO70">
        <v>18</v>
      </c>
      <c r="AP70">
        <v>18</v>
      </c>
      <c r="AQ70">
        <v>19</v>
      </c>
    </row>
    <row r="71" spans="1:43">
      <c r="A71" t="s">
        <v>137</v>
      </c>
      <c r="B71" t="s">
        <v>138</v>
      </c>
      <c r="C71" t="s">
        <v>135</v>
      </c>
      <c r="D71" t="s">
        <v>136</v>
      </c>
      <c r="E71" t="s">
        <v>102</v>
      </c>
      <c r="F71" t="s">
        <v>103</v>
      </c>
      <c r="G71" t="s">
        <v>80</v>
      </c>
      <c r="H71" t="s">
        <v>81</v>
      </c>
      <c r="I71" s="2">
        <v>0</v>
      </c>
      <c r="J71" s="2">
        <v>1</v>
      </c>
      <c r="K71" s="2">
        <v>0</v>
      </c>
      <c r="L71" t="s">
        <v>82</v>
      </c>
      <c r="M71" t="s">
        <v>87</v>
      </c>
      <c r="N71" t="s">
        <v>88</v>
      </c>
      <c r="O71" t="s">
        <v>85</v>
      </c>
      <c r="P71" t="s">
        <v>86</v>
      </c>
      <c r="Q71">
        <v>14</v>
      </c>
      <c r="R71">
        <v>14</v>
      </c>
      <c r="S71">
        <v>14</v>
      </c>
      <c r="T71">
        <v>14</v>
      </c>
      <c r="U71">
        <v>14</v>
      </c>
      <c r="V71">
        <v>14</v>
      </c>
      <c r="W71">
        <v>14</v>
      </c>
      <c r="X71">
        <v>14</v>
      </c>
      <c r="Y71">
        <v>14</v>
      </c>
      <c r="Z71">
        <v>15</v>
      </c>
      <c r="AA71">
        <v>15</v>
      </c>
      <c r="AB71">
        <v>15</v>
      </c>
      <c r="AC71">
        <v>15</v>
      </c>
      <c r="AD71">
        <v>15</v>
      </c>
      <c r="AE71">
        <v>15</v>
      </c>
      <c r="AF71">
        <v>15</v>
      </c>
      <c r="AG71">
        <v>15</v>
      </c>
      <c r="AH71">
        <v>15</v>
      </c>
      <c r="AI71">
        <v>15</v>
      </c>
      <c r="AJ71">
        <v>16</v>
      </c>
      <c r="AK71">
        <v>16</v>
      </c>
      <c r="AL71">
        <v>16</v>
      </c>
      <c r="AM71">
        <v>16</v>
      </c>
      <c r="AN71">
        <v>16</v>
      </c>
      <c r="AO71">
        <v>16</v>
      </c>
      <c r="AP71">
        <v>16</v>
      </c>
      <c r="AQ71">
        <v>16</v>
      </c>
    </row>
    <row r="72" spans="1:43">
      <c r="A72" t="s">
        <v>137</v>
      </c>
      <c r="B72" t="s">
        <v>138</v>
      </c>
      <c r="C72" t="s">
        <v>135</v>
      </c>
      <c r="D72" t="s">
        <v>136</v>
      </c>
      <c r="E72" t="s">
        <v>102</v>
      </c>
      <c r="F72" t="s">
        <v>103</v>
      </c>
      <c r="G72" t="s">
        <v>80</v>
      </c>
      <c r="H72" t="s">
        <v>81</v>
      </c>
      <c r="I72" s="2">
        <v>0</v>
      </c>
      <c r="J72" s="2">
        <v>1</v>
      </c>
      <c r="K72" s="2">
        <v>0</v>
      </c>
      <c r="L72" t="s">
        <v>82</v>
      </c>
      <c r="M72" t="s">
        <v>89</v>
      </c>
      <c r="N72" t="s">
        <v>90</v>
      </c>
      <c r="O72" t="s">
        <v>85</v>
      </c>
      <c r="P72" t="s">
        <v>86</v>
      </c>
      <c r="Q72">
        <v>14</v>
      </c>
      <c r="R72">
        <v>14</v>
      </c>
      <c r="S72">
        <v>15</v>
      </c>
      <c r="T72">
        <v>15</v>
      </c>
      <c r="U72">
        <v>15</v>
      </c>
      <c r="V72">
        <v>16</v>
      </c>
      <c r="W72">
        <v>16</v>
      </c>
      <c r="X72">
        <v>16</v>
      </c>
      <c r="Y72">
        <v>17</v>
      </c>
      <c r="Z72">
        <v>17</v>
      </c>
      <c r="AA72">
        <v>17</v>
      </c>
      <c r="AB72">
        <v>17</v>
      </c>
      <c r="AC72">
        <v>18</v>
      </c>
      <c r="AD72">
        <v>18</v>
      </c>
      <c r="AE72">
        <v>18</v>
      </c>
      <c r="AF72">
        <v>18</v>
      </c>
      <c r="AG72">
        <v>18</v>
      </c>
      <c r="AH72">
        <v>18</v>
      </c>
      <c r="AI72">
        <v>18</v>
      </c>
      <c r="AJ72">
        <v>18</v>
      </c>
      <c r="AK72">
        <v>18</v>
      </c>
      <c r="AL72">
        <v>18</v>
      </c>
      <c r="AM72">
        <v>19</v>
      </c>
      <c r="AN72">
        <v>19</v>
      </c>
      <c r="AO72">
        <v>19</v>
      </c>
      <c r="AP72">
        <v>19</v>
      </c>
      <c r="AQ72">
        <v>19</v>
      </c>
    </row>
    <row r="73" spans="1:43">
      <c r="A73" t="s">
        <v>137</v>
      </c>
      <c r="B73" t="s">
        <v>138</v>
      </c>
      <c r="C73" t="s">
        <v>135</v>
      </c>
      <c r="D73" t="s">
        <v>136</v>
      </c>
      <c r="E73" t="s">
        <v>102</v>
      </c>
      <c r="F73" t="s">
        <v>103</v>
      </c>
      <c r="G73" t="s">
        <v>80</v>
      </c>
      <c r="H73" t="s">
        <v>81</v>
      </c>
      <c r="I73" s="2">
        <v>0</v>
      </c>
      <c r="J73" s="2">
        <v>1</v>
      </c>
      <c r="K73" s="2">
        <v>0</v>
      </c>
      <c r="L73" t="s">
        <v>82</v>
      </c>
      <c r="M73" t="s">
        <v>83</v>
      </c>
      <c r="N73" t="s">
        <v>91</v>
      </c>
      <c r="O73" t="s">
        <v>85</v>
      </c>
      <c r="P73" t="s">
        <v>86</v>
      </c>
      <c r="Q73">
        <v>14</v>
      </c>
      <c r="R73">
        <v>14</v>
      </c>
      <c r="S73">
        <v>14</v>
      </c>
      <c r="T73">
        <v>15</v>
      </c>
      <c r="U73">
        <v>15</v>
      </c>
      <c r="V73">
        <v>15</v>
      </c>
      <c r="W73">
        <v>15</v>
      </c>
      <c r="X73">
        <v>15</v>
      </c>
      <c r="Y73">
        <v>16</v>
      </c>
      <c r="Z73">
        <v>16</v>
      </c>
      <c r="AA73">
        <v>16</v>
      </c>
      <c r="AB73">
        <v>16</v>
      </c>
      <c r="AC73">
        <v>17</v>
      </c>
      <c r="AD73">
        <v>17</v>
      </c>
      <c r="AE73">
        <v>17</v>
      </c>
      <c r="AF73">
        <v>17</v>
      </c>
      <c r="AG73">
        <v>17</v>
      </c>
      <c r="AH73">
        <v>18</v>
      </c>
      <c r="AI73">
        <v>18</v>
      </c>
      <c r="AJ73">
        <v>18</v>
      </c>
      <c r="AK73">
        <v>18</v>
      </c>
      <c r="AL73">
        <v>18</v>
      </c>
      <c r="AM73">
        <v>18</v>
      </c>
      <c r="AN73">
        <v>18</v>
      </c>
      <c r="AO73">
        <v>18</v>
      </c>
      <c r="AP73">
        <v>18</v>
      </c>
      <c r="AQ73">
        <v>19</v>
      </c>
    </row>
    <row r="74" spans="1:43">
      <c r="A74" t="s">
        <v>139</v>
      </c>
      <c r="B74" t="s">
        <v>140</v>
      </c>
      <c r="C74" t="s">
        <v>141</v>
      </c>
      <c r="D74" t="s">
        <v>142</v>
      </c>
      <c r="E74" t="s">
        <v>102</v>
      </c>
      <c r="F74" t="s">
        <v>103</v>
      </c>
      <c r="G74" t="s">
        <v>80</v>
      </c>
      <c r="H74" t="s">
        <v>81</v>
      </c>
      <c r="I74" s="2">
        <v>0</v>
      </c>
      <c r="J74" s="2">
        <v>1</v>
      </c>
      <c r="K74" s="2">
        <v>0</v>
      </c>
      <c r="L74" t="s">
        <v>82</v>
      </c>
      <c r="M74" t="s">
        <v>83</v>
      </c>
      <c r="N74" t="s">
        <v>84</v>
      </c>
      <c r="O74" t="s">
        <v>85</v>
      </c>
      <c r="P74" t="s">
        <v>86</v>
      </c>
      <c r="Q74">
        <v>45</v>
      </c>
      <c r="R74">
        <v>46</v>
      </c>
      <c r="S74">
        <v>46</v>
      </c>
      <c r="T74">
        <v>47</v>
      </c>
      <c r="U74">
        <v>48</v>
      </c>
      <c r="V74">
        <v>48</v>
      </c>
      <c r="W74">
        <v>49</v>
      </c>
      <c r="X74">
        <v>50</v>
      </c>
      <c r="Y74">
        <v>51</v>
      </c>
      <c r="Z74">
        <v>51</v>
      </c>
      <c r="AA74">
        <v>52</v>
      </c>
      <c r="AB74">
        <v>53</v>
      </c>
      <c r="AC74">
        <v>54</v>
      </c>
      <c r="AD74">
        <v>54</v>
      </c>
      <c r="AE74">
        <v>55</v>
      </c>
      <c r="AF74">
        <v>56</v>
      </c>
      <c r="AG74">
        <v>56</v>
      </c>
      <c r="AH74">
        <v>57</v>
      </c>
      <c r="AI74">
        <v>58</v>
      </c>
      <c r="AJ74">
        <v>58</v>
      </c>
      <c r="AK74">
        <v>59</v>
      </c>
      <c r="AL74">
        <v>59</v>
      </c>
      <c r="AM74">
        <v>59</v>
      </c>
      <c r="AN74">
        <v>60</v>
      </c>
      <c r="AO74">
        <v>60</v>
      </c>
      <c r="AP74">
        <v>60</v>
      </c>
      <c r="AQ74">
        <v>60</v>
      </c>
    </row>
    <row r="75" spans="1:43">
      <c r="A75" t="s">
        <v>139</v>
      </c>
      <c r="B75" t="s">
        <v>140</v>
      </c>
      <c r="C75" t="s">
        <v>141</v>
      </c>
      <c r="D75" t="s">
        <v>142</v>
      </c>
      <c r="E75" t="s">
        <v>102</v>
      </c>
      <c r="F75" t="s">
        <v>103</v>
      </c>
      <c r="G75" t="s">
        <v>80</v>
      </c>
      <c r="H75" t="s">
        <v>81</v>
      </c>
      <c r="I75" s="2">
        <v>0</v>
      </c>
      <c r="J75" s="2">
        <v>1</v>
      </c>
      <c r="K75" s="2">
        <v>0</v>
      </c>
      <c r="L75" t="s">
        <v>82</v>
      </c>
      <c r="M75" t="s">
        <v>87</v>
      </c>
      <c r="N75" t="s">
        <v>88</v>
      </c>
      <c r="O75" t="s">
        <v>85</v>
      </c>
      <c r="P75" t="s">
        <v>86</v>
      </c>
      <c r="Q75">
        <v>45</v>
      </c>
      <c r="R75">
        <v>46</v>
      </c>
      <c r="S75">
        <v>46</v>
      </c>
      <c r="T75">
        <v>46</v>
      </c>
      <c r="U75">
        <v>47</v>
      </c>
      <c r="V75">
        <v>47</v>
      </c>
      <c r="W75">
        <v>47</v>
      </c>
      <c r="X75">
        <v>48</v>
      </c>
      <c r="Y75">
        <v>48</v>
      </c>
      <c r="Z75">
        <v>48</v>
      </c>
      <c r="AA75">
        <v>49</v>
      </c>
      <c r="AB75">
        <v>49</v>
      </c>
      <c r="AC75">
        <v>49</v>
      </c>
      <c r="AD75">
        <v>49</v>
      </c>
      <c r="AE75">
        <v>50</v>
      </c>
      <c r="AF75">
        <v>50</v>
      </c>
      <c r="AG75">
        <v>50</v>
      </c>
      <c r="AH75">
        <v>51</v>
      </c>
      <c r="AI75">
        <v>51</v>
      </c>
      <c r="AJ75">
        <v>51</v>
      </c>
      <c r="AK75">
        <v>52</v>
      </c>
      <c r="AL75">
        <v>52</v>
      </c>
      <c r="AM75">
        <v>52</v>
      </c>
      <c r="AN75">
        <v>52</v>
      </c>
      <c r="AO75">
        <v>53</v>
      </c>
      <c r="AP75">
        <v>53</v>
      </c>
      <c r="AQ75">
        <v>53</v>
      </c>
    </row>
    <row r="76" spans="1:43">
      <c r="A76" t="s">
        <v>139</v>
      </c>
      <c r="B76" t="s">
        <v>140</v>
      </c>
      <c r="C76" t="s">
        <v>141</v>
      </c>
      <c r="D76" t="s">
        <v>142</v>
      </c>
      <c r="E76" t="s">
        <v>102</v>
      </c>
      <c r="F76" t="s">
        <v>103</v>
      </c>
      <c r="G76" t="s">
        <v>80</v>
      </c>
      <c r="H76" t="s">
        <v>81</v>
      </c>
      <c r="I76" s="2">
        <v>0</v>
      </c>
      <c r="J76" s="2">
        <v>1</v>
      </c>
      <c r="K76" s="2">
        <v>0</v>
      </c>
      <c r="L76" t="s">
        <v>82</v>
      </c>
      <c r="M76" t="s">
        <v>89</v>
      </c>
      <c r="N76" t="s">
        <v>90</v>
      </c>
      <c r="O76" t="s">
        <v>85</v>
      </c>
      <c r="P76" t="s">
        <v>86</v>
      </c>
      <c r="Q76">
        <v>45</v>
      </c>
      <c r="R76">
        <v>46</v>
      </c>
      <c r="S76">
        <v>47</v>
      </c>
      <c r="T76">
        <v>49</v>
      </c>
      <c r="U76">
        <v>50</v>
      </c>
      <c r="V76">
        <v>51</v>
      </c>
      <c r="W76">
        <v>52</v>
      </c>
      <c r="X76">
        <v>53</v>
      </c>
      <c r="Y76">
        <v>54</v>
      </c>
      <c r="Z76">
        <v>55</v>
      </c>
      <c r="AA76">
        <v>55</v>
      </c>
      <c r="AB76">
        <v>56</v>
      </c>
      <c r="AC76">
        <v>57</v>
      </c>
      <c r="AD76">
        <v>58</v>
      </c>
      <c r="AE76">
        <v>59</v>
      </c>
      <c r="AF76">
        <v>59</v>
      </c>
      <c r="AG76">
        <v>59</v>
      </c>
      <c r="AH76">
        <v>59</v>
      </c>
      <c r="AI76">
        <v>59</v>
      </c>
      <c r="AJ76">
        <v>60</v>
      </c>
      <c r="AK76">
        <v>60</v>
      </c>
      <c r="AL76">
        <v>60</v>
      </c>
      <c r="AM76">
        <v>60</v>
      </c>
      <c r="AN76">
        <v>60</v>
      </c>
      <c r="AO76">
        <v>60</v>
      </c>
      <c r="AP76">
        <v>60</v>
      </c>
      <c r="AQ76">
        <v>60</v>
      </c>
    </row>
    <row r="77" spans="1:43">
      <c r="A77" t="s">
        <v>139</v>
      </c>
      <c r="B77" t="s">
        <v>140</v>
      </c>
      <c r="C77" t="s">
        <v>141</v>
      </c>
      <c r="D77" t="s">
        <v>142</v>
      </c>
      <c r="E77" t="s">
        <v>102</v>
      </c>
      <c r="F77" t="s">
        <v>103</v>
      </c>
      <c r="G77" t="s">
        <v>80</v>
      </c>
      <c r="H77" t="s">
        <v>81</v>
      </c>
      <c r="I77" s="2">
        <v>0</v>
      </c>
      <c r="J77" s="2">
        <v>1</v>
      </c>
      <c r="K77" s="2">
        <v>0</v>
      </c>
      <c r="L77" t="s">
        <v>82</v>
      </c>
      <c r="M77" t="s">
        <v>83</v>
      </c>
      <c r="N77" t="s">
        <v>91</v>
      </c>
      <c r="O77" t="s">
        <v>85</v>
      </c>
      <c r="P77" t="s">
        <v>86</v>
      </c>
      <c r="Q77">
        <v>45</v>
      </c>
      <c r="R77">
        <v>46</v>
      </c>
      <c r="S77">
        <v>46</v>
      </c>
      <c r="T77">
        <v>47</v>
      </c>
      <c r="U77">
        <v>48</v>
      </c>
      <c r="V77">
        <v>48</v>
      </c>
      <c r="W77">
        <v>49</v>
      </c>
      <c r="X77">
        <v>50</v>
      </c>
      <c r="Y77">
        <v>51</v>
      </c>
      <c r="Z77">
        <v>51</v>
      </c>
      <c r="AA77">
        <v>52</v>
      </c>
      <c r="AB77">
        <v>53</v>
      </c>
      <c r="AC77">
        <v>54</v>
      </c>
      <c r="AD77">
        <v>54</v>
      </c>
      <c r="AE77">
        <v>55</v>
      </c>
      <c r="AF77">
        <v>56</v>
      </c>
      <c r="AG77">
        <v>56</v>
      </c>
      <c r="AH77">
        <v>57</v>
      </c>
      <c r="AI77">
        <v>58</v>
      </c>
      <c r="AJ77">
        <v>58</v>
      </c>
      <c r="AK77">
        <v>59</v>
      </c>
      <c r="AL77">
        <v>59</v>
      </c>
      <c r="AM77">
        <v>59</v>
      </c>
      <c r="AN77">
        <v>60</v>
      </c>
      <c r="AO77">
        <v>60</v>
      </c>
      <c r="AP77">
        <v>60</v>
      </c>
      <c r="AQ77">
        <v>60</v>
      </c>
    </row>
    <row r="78" spans="1:43">
      <c r="A78" t="s">
        <v>143</v>
      </c>
      <c r="B78" t="s">
        <v>144</v>
      </c>
      <c r="C78" t="s">
        <v>141</v>
      </c>
      <c r="D78" t="s">
        <v>142</v>
      </c>
      <c r="E78" t="s">
        <v>102</v>
      </c>
      <c r="F78" t="s">
        <v>103</v>
      </c>
      <c r="G78" t="s">
        <v>80</v>
      </c>
      <c r="H78" t="s">
        <v>81</v>
      </c>
      <c r="I78" s="2">
        <v>0</v>
      </c>
      <c r="J78" s="2">
        <v>1</v>
      </c>
      <c r="K78" s="2">
        <v>0</v>
      </c>
      <c r="L78" t="s">
        <v>82</v>
      </c>
      <c r="M78" t="s">
        <v>83</v>
      </c>
      <c r="N78" t="s">
        <v>84</v>
      </c>
      <c r="O78" t="s">
        <v>85</v>
      </c>
      <c r="P78" t="s">
        <v>86</v>
      </c>
      <c r="Q78">
        <v>7</v>
      </c>
      <c r="R78">
        <v>7</v>
      </c>
      <c r="S78">
        <v>8</v>
      </c>
      <c r="T78">
        <v>8</v>
      </c>
      <c r="U78">
        <v>8</v>
      </c>
      <c r="V78">
        <v>8</v>
      </c>
      <c r="W78">
        <v>8</v>
      </c>
      <c r="X78">
        <v>8</v>
      </c>
      <c r="Y78">
        <v>8</v>
      </c>
      <c r="Z78">
        <v>8</v>
      </c>
      <c r="AA78">
        <v>9</v>
      </c>
      <c r="AB78">
        <v>9</v>
      </c>
      <c r="AC78">
        <v>9</v>
      </c>
      <c r="AD78">
        <v>9</v>
      </c>
      <c r="AE78">
        <v>9</v>
      </c>
      <c r="AF78">
        <v>9</v>
      </c>
      <c r="AG78">
        <v>9</v>
      </c>
      <c r="AH78">
        <v>9</v>
      </c>
      <c r="AI78">
        <v>9</v>
      </c>
      <c r="AJ78">
        <v>10</v>
      </c>
      <c r="AK78">
        <v>10</v>
      </c>
      <c r="AL78">
        <v>10</v>
      </c>
      <c r="AM78">
        <v>10</v>
      </c>
      <c r="AN78">
        <v>10</v>
      </c>
      <c r="AO78">
        <v>10</v>
      </c>
      <c r="AP78">
        <v>10</v>
      </c>
      <c r="AQ78">
        <v>10</v>
      </c>
    </row>
    <row r="79" spans="1:43">
      <c r="A79" t="s">
        <v>143</v>
      </c>
      <c r="B79" t="s">
        <v>144</v>
      </c>
      <c r="C79" t="s">
        <v>141</v>
      </c>
      <c r="D79" t="s">
        <v>142</v>
      </c>
      <c r="E79" t="s">
        <v>102</v>
      </c>
      <c r="F79" t="s">
        <v>103</v>
      </c>
      <c r="G79" t="s">
        <v>80</v>
      </c>
      <c r="H79" t="s">
        <v>81</v>
      </c>
      <c r="I79" s="2">
        <v>0</v>
      </c>
      <c r="J79" s="2">
        <v>1</v>
      </c>
      <c r="K79" s="2">
        <v>0</v>
      </c>
      <c r="L79" t="s">
        <v>82</v>
      </c>
      <c r="M79" t="s">
        <v>87</v>
      </c>
      <c r="N79" t="s">
        <v>88</v>
      </c>
      <c r="O79" t="s">
        <v>85</v>
      </c>
      <c r="P79" t="s">
        <v>86</v>
      </c>
      <c r="Q79">
        <v>7</v>
      </c>
      <c r="R79">
        <v>7</v>
      </c>
      <c r="S79">
        <v>7</v>
      </c>
      <c r="T79">
        <v>7</v>
      </c>
      <c r="U79">
        <v>7</v>
      </c>
      <c r="V79">
        <v>7</v>
      </c>
      <c r="W79">
        <v>8</v>
      </c>
      <c r="X79">
        <v>8</v>
      </c>
      <c r="Y79">
        <v>8</v>
      </c>
      <c r="Z79">
        <v>8</v>
      </c>
      <c r="AA79">
        <v>8</v>
      </c>
      <c r="AB79">
        <v>8</v>
      </c>
      <c r="AC79">
        <v>8</v>
      </c>
      <c r="AD79">
        <v>8</v>
      </c>
      <c r="AE79">
        <v>8</v>
      </c>
      <c r="AF79">
        <v>8</v>
      </c>
      <c r="AG79">
        <v>8</v>
      </c>
      <c r="AH79">
        <v>8</v>
      </c>
      <c r="AI79">
        <v>8</v>
      </c>
      <c r="AJ79">
        <v>8</v>
      </c>
      <c r="AK79">
        <v>8</v>
      </c>
      <c r="AL79">
        <v>8</v>
      </c>
      <c r="AM79">
        <v>8</v>
      </c>
      <c r="AN79">
        <v>8</v>
      </c>
      <c r="AO79">
        <v>8</v>
      </c>
      <c r="AP79">
        <v>8</v>
      </c>
      <c r="AQ79">
        <v>9</v>
      </c>
    </row>
    <row r="80" spans="1:43">
      <c r="A80" t="s">
        <v>143</v>
      </c>
      <c r="B80" t="s">
        <v>144</v>
      </c>
      <c r="C80" t="s">
        <v>141</v>
      </c>
      <c r="D80" t="s">
        <v>142</v>
      </c>
      <c r="E80" t="s">
        <v>102</v>
      </c>
      <c r="F80" t="s">
        <v>103</v>
      </c>
      <c r="G80" t="s">
        <v>80</v>
      </c>
      <c r="H80" t="s">
        <v>81</v>
      </c>
      <c r="I80" s="2">
        <v>0</v>
      </c>
      <c r="J80" s="2">
        <v>1</v>
      </c>
      <c r="K80" s="2">
        <v>0</v>
      </c>
      <c r="L80" t="s">
        <v>82</v>
      </c>
      <c r="M80" t="s">
        <v>89</v>
      </c>
      <c r="N80" t="s">
        <v>90</v>
      </c>
      <c r="O80" t="s">
        <v>85</v>
      </c>
      <c r="P80" t="s">
        <v>86</v>
      </c>
      <c r="Q80">
        <v>7</v>
      </c>
      <c r="R80">
        <v>8</v>
      </c>
      <c r="S80">
        <v>8</v>
      </c>
      <c r="T80">
        <v>8</v>
      </c>
      <c r="U80">
        <v>8</v>
      </c>
      <c r="V80">
        <v>8</v>
      </c>
      <c r="W80">
        <v>8</v>
      </c>
      <c r="X80">
        <v>9</v>
      </c>
      <c r="Y80">
        <v>9</v>
      </c>
      <c r="Z80">
        <v>9</v>
      </c>
      <c r="AA80">
        <v>9</v>
      </c>
      <c r="AB80">
        <v>9</v>
      </c>
      <c r="AC80">
        <v>9</v>
      </c>
      <c r="AD80">
        <v>9</v>
      </c>
      <c r="AE80">
        <v>10</v>
      </c>
      <c r="AF80">
        <v>10</v>
      </c>
      <c r="AG80">
        <v>10</v>
      </c>
      <c r="AH80">
        <v>10</v>
      </c>
      <c r="AI80">
        <v>10</v>
      </c>
      <c r="AJ80">
        <v>10</v>
      </c>
      <c r="AK80">
        <v>10</v>
      </c>
      <c r="AL80">
        <v>10</v>
      </c>
      <c r="AM80">
        <v>10</v>
      </c>
      <c r="AN80">
        <v>10</v>
      </c>
      <c r="AO80">
        <v>10</v>
      </c>
      <c r="AP80">
        <v>10</v>
      </c>
      <c r="AQ80">
        <v>10</v>
      </c>
    </row>
    <row r="81" spans="1:43">
      <c r="A81" t="s">
        <v>143</v>
      </c>
      <c r="B81" t="s">
        <v>144</v>
      </c>
      <c r="C81" t="s">
        <v>141</v>
      </c>
      <c r="D81" t="s">
        <v>142</v>
      </c>
      <c r="E81" t="s">
        <v>102</v>
      </c>
      <c r="F81" t="s">
        <v>103</v>
      </c>
      <c r="G81" t="s">
        <v>80</v>
      </c>
      <c r="H81" t="s">
        <v>81</v>
      </c>
      <c r="I81" s="2">
        <v>0</v>
      </c>
      <c r="J81" s="2">
        <v>1</v>
      </c>
      <c r="K81" s="2">
        <v>0</v>
      </c>
      <c r="L81" t="s">
        <v>82</v>
      </c>
      <c r="M81" t="s">
        <v>83</v>
      </c>
      <c r="N81" t="s">
        <v>91</v>
      </c>
      <c r="O81" t="s">
        <v>85</v>
      </c>
      <c r="P81" t="s">
        <v>86</v>
      </c>
      <c r="Q81">
        <v>7</v>
      </c>
      <c r="R81">
        <v>7</v>
      </c>
      <c r="S81">
        <v>8</v>
      </c>
      <c r="T81">
        <v>8</v>
      </c>
      <c r="U81">
        <v>8</v>
      </c>
      <c r="V81">
        <v>8</v>
      </c>
      <c r="W81">
        <v>8</v>
      </c>
      <c r="X81">
        <v>8</v>
      </c>
      <c r="Y81">
        <v>8</v>
      </c>
      <c r="Z81">
        <v>8</v>
      </c>
      <c r="AA81">
        <v>9</v>
      </c>
      <c r="AB81">
        <v>9</v>
      </c>
      <c r="AC81">
        <v>9</v>
      </c>
      <c r="AD81">
        <v>9</v>
      </c>
      <c r="AE81">
        <v>9</v>
      </c>
      <c r="AF81">
        <v>9</v>
      </c>
      <c r="AG81">
        <v>9</v>
      </c>
      <c r="AH81">
        <v>9</v>
      </c>
      <c r="AI81">
        <v>9</v>
      </c>
      <c r="AJ81">
        <v>10</v>
      </c>
      <c r="AK81">
        <v>10</v>
      </c>
      <c r="AL81">
        <v>10</v>
      </c>
      <c r="AM81">
        <v>10</v>
      </c>
      <c r="AN81">
        <v>10</v>
      </c>
      <c r="AO81">
        <v>10</v>
      </c>
      <c r="AP81">
        <v>10</v>
      </c>
      <c r="AQ81">
        <v>10</v>
      </c>
    </row>
    <row r="82" spans="1:43">
      <c r="A82" t="s">
        <v>145</v>
      </c>
      <c r="B82" t="s">
        <v>146</v>
      </c>
      <c r="C82" t="s">
        <v>141</v>
      </c>
      <c r="D82" t="s">
        <v>142</v>
      </c>
      <c r="E82" t="s">
        <v>102</v>
      </c>
      <c r="F82" t="s">
        <v>103</v>
      </c>
      <c r="G82" t="s">
        <v>80</v>
      </c>
      <c r="H82" t="s">
        <v>81</v>
      </c>
      <c r="I82" s="2">
        <v>0</v>
      </c>
      <c r="J82" s="2">
        <v>1</v>
      </c>
      <c r="K82" s="2">
        <v>0</v>
      </c>
      <c r="L82" t="s">
        <v>82</v>
      </c>
      <c r="M82" t="s">
        <v>83</v>
      </c>
      <c r="N82" t="s">
        <v>84</v>
      </c>
      <c r="O82" t="s">
        <v>85</v>
      </c>
      <c r="P82" t="s">
        <v>86</v>
      </c>
      <c r="Q82">
        <v>6</v>
      </c>
      <c r="R82">
        <v>6</v>
      </c>
      <c r="S82">
        <v>6</v>
      </c>
      <c r="T82">
        <v>6</v>
      </c>
      <c r="U82">
        <v>6</v>
      </c>
      <c r="V82">
        <v>6</v>
      </c>
      <c r="W82">
        <v>6</v>
      </c>
      <c r="X82">
        <v>6</v>
      </c>
      <c r="Y82">
        <v>6</v>
      </c>
      <c r="Z82">
        <v>7</v>
      </c>
      <c r="AA82">
        <v>7</v>
      </c>
      <c r="AB82">
        <v>7</v>
      </c>
      <c r="AC82">
        <v>7</v>
      </c>
      <c r="AD82">
        <v>7</v>
      </c>
      <c r="AE82">
        <v>7</v>
      </c>
      <c r="AF82">
        <v>7</v>
      </c>
      <c r="AG82">
        <v>7</v>
      </c>
      <c r="AH82">
        <v>7</v>
      </c>
      <c r="AI82">
        <v>7</v>
      </c>
      <c r="AJ82">
        <v>7</v>
      </c>
      <c r="AK82">
        <v>8</v>
      </c>
      <c r="AL82">
        <v>8</v>
      </c>
      <c r="AM82">
        <v>8</v>
      </c>
      <c r="AN82">
        <v>8</v>
      </c>
      <c r="AO82">
        <v>8</v>
      </c>
      <c r="AP82">
        <v>8</v>
      </c>
      <c r="AQ82">
        <v>8</v>
      </c>
    </row>
    <row r="83" spans="1:43">
      <c r="A83" t="s">
        <v>145</v>
      </c>
      <c r="B83" t="s">
        <v>146</v>
      </c>
      <c r="C83" t="s">
        <v>141</v>
      </c>
      <c r="D83" t="s">
        <v>142</v>
      </c>
      <c r="E83" t="s">
        <v>102</v>
      </c>
      <c r="F83" t="s">
        <v>103</v>
      </c>
      <c r="G83" t="s">
        <v>80</v>
      </c>
      <c r="H83" t="s">
        <v>81</v>
      </c>
      <c r="I83" s="2">
        <v>0</v>
      </c>
      <c r="J83" s="2">
        <v>1</v>
      </c>
      <c r="K83" s="2">
        <v>0</v>
      </c>
      <c r="L83" t="s">
        <v>82</v>
      </c>
      <c r="M83" t="s">
        <v>87</v>
      </c>
      <c r="N83" t="s">
        <v>88</v>
      </c>
      <c r="O83" t="s">
        <v>85</v>
      </c>
      <c r="P83" t="s">
        <v>86</v>
      </c>
      <c r="Q83">
        <v>6</v>
      </c>
      <c r="R83">
        <v>6</v>
      </c>
      <c r="S83">
        <v>6</v>
      </c>
      <c r="T83">
        <v>6</v>
      </c>
      <c r="U83">
        <v>6</v>
      </c>
      <c r="V83">
        <v>6</v>
      </c>
      <c r="W83">
        <v>6</v>
      </c>
      <c r="X83">
        <v>6</v>
      </c>
      <c r="Y83">
        <v>6</v>
      </c>
      <c r="Z83">
        <v>6</v>
      </c>
      <c r="AA83">
        <v>6</v>
      </c>
      <c r="AB83">
        <v>6</v>
      </c>
      <c r="AC83">
        <v>6</v>
      </c>
      <c r="AD83">
        <v>6</v>
      </c>
      <c r="AE83">
        <v>6</v>
      </c>
      <c r="AF83">
        <v>6</v>
      </c>
      <c r="AG83">
        <v>6</v>
      </c>
      <c r="AH83">
        <v>6</v>
      </c>
      <c r="AI83">
        <v>6</v>
      </c>
      <c r="AJ83">
        <v>6</v>
      </c>
      <c r="AK83">
        <v>6</v>
      </c>
      <c r="AL83">
        <v>6</v>
      </c>
      <c r="AM83">
        <v>7</v>
      </c>
      <c r="AN83">
        <v>7</v>
      </c>
      <c r="AO83">
        <v>7</v>
      </c>
      <c r="AP83">
        <v>7</v>
      </c>
      <c r="AQ83">
        <v>7</v>
      </c>
    </row>
    <row r="84" spans="1:43">
      <c r="A84" t="s">
        <v>145</v>
      </c>
      <c r="B84" t="s">
        <v>146</v>
      </c>
      <c r="C84" t="s">
        <v>141</v>
      </c>
      <c r="D84" t="s">
        <v>142</v>
      </c>
      <c r="E84" t="s">
        <v>102</v>
      </c>
      <c r="F84" t="s">
        <v>103</v>
      </c>
      <c r="G84" t="s">
        <v>80</v>
      </c>
      <c r="H84" t="s">
        <v>81</v>
      </c>
      <c r="I84" s="2">
        <v>0</v>
      </c>
      <c r="J84" s="2">
        <v>1</v>
      </c>
      <c r="K84" s="2">
        <v>0</v>
      </c>
      <c r="L84" t="s">
        <v>82</v>
      </c>
      <c r="M84" t="s">
        <v>89</v>
      </c>
      <c r="N84" t="s">
        <v>90</v>
      </c>
      <c r="O84" t="s">
        <v>85</v>
      </c>
      <c r="P84" t="s">
        <v>86</v>
      </c>
      <c r="Q84">
        <v>6</v>
      </c>
      <c r="R84">
        <v>6</v>
      </c>
      <c r="S84">
        <v>6</v>
      </c>
      <c r="T84">
        <v>6</v>
      </c>
      <c r="U84">
        <v>6</v>
      </c>
      <c r="V84">
        <v>6</v>
      </c>
      <c r="W84">
        <v>7</v>
      </c>
      <c r="X84">
        <v>7</v>
      </c>
      <c r="Y84">
        <v>7</v>
      </c>
      <c r="Z84">
        <v>7</v>
      </c>
      <c r="AA84">
        <v>7</v>
      </c>
      <c r="AB84">
        <v>7</v>
      </c>
      <c r="AC84">
        <v>7</v>
      </c>
      <c r="AD84">
        <v>7</v>
      </c>
      <c r="AE84">
        <v>7</v>
      </c>
      <c r="AF84">
        <v>7</v>
      </c>
      <c r="AG84">
        <v>8</v>
      </c>
      <c r="AH84">
        <v>8</v>
      </c>
      <c r="AI84">
        <v>8</v>
      </c>
      <c r="AJ84">
        <v>8</v>
      </c>
      <c r="AK84">
        <v>8</v>
      </c>
      <c r="AL84">
        <v>8</v>
      </c>
      <c r="AM84">
        <v>8</v>
      </c>
      <c r="AN84">
        <v>8</v>
      </c>
      <c r="AO84">
        <v>8</v>
      </c>
      <c r="AP84">
        <v>8</v>
      </c>
      <c r="AQ84">
        <v>8</v>
      </c>
    </row>
    <row r="85" spans="1:43">
      <c r="A85" t="s">
        <v>145</v>
      </c>
      <c r="B85" t="s">
        <v>146</v>
      </c>
      <c r="C85" t="s">
        <v>141</v>
      </c>
      <c r="D85" t="s">
        <v>142</v>
      </c>
      <c r="E85" t="s">
        <v>102</v>
      </c>
      <c r="F85" t="s">
        <v>103</v>
      </c>
      <c r="G85" t="s">
        <v>80</v>
      </c>
      <c r="H85" t="s">
        <v>81</v>
      </c>
      <c r="I85" s="2">
        <v>0</v>
      </c>
      <c r="J85" s="2">
        <v>1</v>
      </c>
      <c r="K85" s="2">
        <v>0</v>
      </c>
      <c r="L85" t="s">
        <v>82</v>
      </c>
      <c r="M85" t="s">
        <v>83</v>
      </c>
      <c r="N85" t="s">
        <v>91</v>
      </c>
      <c r="O85" t="s">
        <v>85</v>
      </c>
      <c r="P85" t="s">
        <v>86</v>
      </c>
      <c r="Q85">
        <v>6</v>
      </c>
      <c r="R85">
        <v>6</v>
      </c>
      <c r="S85">
        <v>6</v>
      </c>
      <c r="T85">
        <v>6</v>
      </c>
      <c r="U85">
        <v>6</v>
      </c>
      <c r="V85">
        <v>6</v>
      </c>
      <c r="W85">
        <v>6</v>
      </c>
      <c r="X85">
        <v>6</v>
      </c>
      <c r="Y85">
        <v>6</v>
      </c>
      <c r="Z85">
        <v>7</v>
      </c>
      <c r="AA85">
        <v>7</v>
      </c>
      <c r="AB85">
        <v>7</v>
      </c>
      <c r="AC85">
        <v>7</v>
      </c>
      <c r="AD85">
        <v>7</v>
      </c>
      <c r="AE85">
        <v>7</v>
      </c>
      <c r="AF85">
        <v>7</v>
      </c>
      <c r="AG85">
        <v>7</v>
      </c>
      <c r="AH85">
        <v>7</v>
      </c>
      <c r="AI85">
        <v>7</v>
      </c>
      <c r="AJ85">
        <v>7</v>
      </c>
      <c r="AK85">
        <v>8</v>
      </c>
      <c r="AL85">
        <v>8</v>
      </c>
      <c r="AM85">
        <v>8</v>
      </c>
      <c r="AN85">
        <v>8</v>
      </c>
      <c r="AO85">
        <v>8</v>
      </c>
      <c r="AP85">
        <v>8</v>
      </c>
      <c r="AQ85">
        <v>8</v>
      </c>
    </row>
    <row r="86" spans="1:43">
      <c r="A86" t="s">
        <v>147</v>
      </c>
      <c r="B86" t="s">
        <v>148</v>
      </c>
      <c r="C86" t="s">
        <v>141</v>
      </c>
      <c r="D86" t="s">
        <v>142</v>
      </c>
      <c r="E86" t="s">
        <v>102</v>
      </c>
      <c r="F86" t="s">
        <v>103</v>
      </c>
      <c r="G86" t="s">
        <v>80</v>
      </c>
      <c r="H86" t="s">
        <v>81</v>
      </c>
      <c r="I86" s="2">
        <v>0</v>
      </c>
      <c r="J86" s="2">
        <v>1</v>
      </c>
      <c r="K86" s="2">
        <v>0</v>
      </c>
      <c r="L86" t="s">
        <v>82</v>
      </c>
      <c r="M86" t="s">
        <v>83</v>
      </c>
      <c r="N86" t="s">
        <v>84</v>
      </c>
      <c r="O86" t="s">
        <v>85</v>
      </c>
      <c r="P86" t="s">
        <v>86</v>
      </c>
      <c r="Q86">
        <v>15</v>
      </c>
      <c r="R86">
        <v>15</v>
      </c>
      <c r="S86">
        <v>15</v>
      </c>
      <c r="T86">
        <v>15</v>
      </c>
      <c r="U86">
        <v>16</v>
      </c>
      <c r="V86">
        <v>16</v>
      </c>
      <c r="W86">
        <v>16</v>
      </c>
      <c r="X86">
        <v>16</v>
      </c>
      <c r="Y86">
        <v>17</v>
      </c>
      <c r="Z86">
        <v>17</v>
      </c>
      <c r="AA86">
        <v>17</v>
      </c>
      <c r="AB86">
        <v>17</v>
      </c>
      <c r="AC86">
        <v>18</v>
      </c>
      <c r="AD86">
        <v>18</v>
      </c>
      <c r="AE86">
        <v>18</v>
      </c>
      <c r="AF86">
        <v>18</v>
      </c>
      <c r="AG86">
        <v>19</v>
      </c>
      <c r="AH86">
        <v>19</v>
      </c>
      <c r="AI86">
        <v>19</v>
      </c>
      <c r="AJ86">
        <v>19</v>
      </c>
      <c r="AK86">
        <v>19</v>
      </c>
      <c r="AL86">
        <v>20</v>
      </c>
      <c r="AM86">
        <v>20</v>
      </c>
      <c r="AN86">
        <v>20</v>
      </c>
      <c r="AO86">
        <v>20</v>
      </c>
      <c r="AP86">
        <v>20</v>
      </c>
      <c r="AQ86">
        <v>20</v>
      </c>
    </row>
    <row r="87" spans="1:43">
      <c r="A87" t="s">
        <v>147</v>
      </c>
      <c r="B87" t="s">
        <v>148</v>
      </c>
      <c r="C87" t="s">
        <v>141</v>
      </c>
      <c r="D87" t="s">
        <v>142</v>
      </c>
      <c r="E87" t="s">
        <v>102</v>
      </c>
      <c r="F87" t="s">
        <v>103</v>
      </c>
      <c r="G87" t="s">
        <v>80</v>
      </c>
      <c r="H87" t="s">
        <v>81</v>
      </c>
      <c r="I87" s="2">
        <v>0</v>
      </c>
      <c r="J87" s="2">
        <v>1</v>
      </c>
      <c r="K87" s="2">
        <v>0</v>
      </c>
      <c r="L87" t="s">
        <v>82</v>
      </c>
      <c r="M87" t="s">
        <v>87</v>
      </c>
      <c r="N87" t="s">
        <v>88</v>
      </c>
      <c r="O87" t="s">
        <v>85</v>
      </c>
      <c r="P87" t="s">
        <v>86</v>
      </c>
      <c r="Q87">
        <v>15</v>
      </c>
      <c r="R87">
        <v>15</v>
      </c>
      <c r="S87">
        <v>15</v>
      </c>
      <c r="T87">
        <v>15</v>
      </c>
      <c r="U87">
        <v>15</v>
      </c>
      <c r="V87">
        <v>15</v>
      </c>
      <c r="W87">
        <v>15</v>
      </c>
      <c r="X87">
        <v>15</v>
      </c>
      <c r="Y87">
        <v>15</v>
      </c>
      <c r="Z87">
        <v>16</v>
      </c>
      <c r="AA87">
        <v>16</v>
      </c>
      <c r="AB87">
        <v>16</v>
      </c>
      <c r="AC87">
        <v>16</v>
      </c>
      <c r="AD87">
        <v>16</v>
      </c>
      <c r="AE87">
        <v>16</v>
      </c>
      <c r="AF87">
        <v>16</v>
      </c>
      <c r="AG87">
        <v>16</v>
      </c>
      <c r="AH87">
        <v>16</v>
      </c>
      <c r="AI87">
        <v>16</v>
      </c>
      <c r="AJ87">
        <v>17</v>
      </c>
      <c r="AK87">
        <v>17</v>
      </c>
      <c r="AL87">
        <v>17</v>
      </c>
      <c r="AM87">
        <v>17</v>
      </c>
      <c r="AN87">
        <v>17</v>
      </c>
      <c r="AO87">
        <v>17</v>
      </c>
      <c r="AP87">
        <v>17</v>
      </c>
      <c r="AQ87">
        <v>17</v>
      </c>
    </row>
    <row r="88" spans="1:43">
      <c r="A88" t="s">
        <v>147</v>
      </c>
      <c r="B88" t="s">
        <v>148</v>
      </c>
      <c r="C88" t="s">
        <v>141</v>
      </c>
      <c r="D88" t="s">
        <v>142</v>
      </c>
      <c r="E88" t="s">
        <v>102</v>
      </c>
      <c r="F88" t="s">
        <v>103</v>
      </c>
      <c r="G88" t="s">
        <v>80</v>
      </c>
      <c r="H88" t="s">
        <v>81</v>
      </c>
      <c r="I88" s="2">
        <v>0</v>
      </c>
      <c r="J88" s="2">
        <v>1</v>
      </c>
      <c r="K88" s="2">
        <v>0</v>
      </c>
      <c r="L88" t="s">
        <v>82</v>
      </c>
      <c r="M88" t="s">
        <v>89</v>
      </c>
      <c r="N88" t="s">
        <v>90</v>
      </c>
      <c r="O88" t="s">
        <v>85</v>
      </c>
      <c r="P88" t="s">
        <v>86</v>
      </c>
      <c r="Q88">
        <v>15</v>
      </c>
      <c r="R88">
        <v>15</v>
      </c>
      <c r="S88">
        <v>16</v>
      </c>
      <c r="T88">
        <v>16</v>
      </c>
      <c r="U88">
        <v>16</v>
      </c>
      <c r="V88">
        <v>17</v>
      </c>
      <c r="W88">
        <v>17</v>
      </c>
      <c r="X88">
        <v>17</v>
      </c>
      <c r="Y88">
        <v>18</v>
      </c>
      <c r="Z88">
        <v>18</v>
      </c>
      <c r="AA88">
        <v>18</v>
      </c>
      <c r="AB88">
        <v>19</v>
      </c>
      <c r="AC88">
        <v>19</v>
      </c>
      <c r="AD88">
        <v>19</v>
      </c>
      <c r="AE88">
        <v>19</v>
      </c>
      <c r="AF88">
        <v>19</v>
      </c>
      <c r="AG88">
        <v>19</v>
      </c>
      <c r="AH88">
        <v>20</v>
      </c>
      <c r="AI88">
        <v>20</v>
      </c>
      <c r="AJ88">
        <v>20</v>
      </c>
      <c r="AK88">
        <v>20</v>
      </c>
      <c r="AL88">
        <v>20</v>
      </c>
      <c r="AM88">
        <v>20</v>
      </c>
      <c r="AN88">
        <v>20</v>
      </c>
      <c r="AO88">
        <v>20</v>
      </c>
      <c r="AP88">
        <v>20</v>
      </c>
      <c r="AQ88">
        <v>20</v>
      </c>
    </row>
    <row r="89" spans="1:43">
      <c r="A89" t="s">
        <v>147</v>
      </c>
      <c r="B89" t="s">
        <v>148</v>
      </c>
      <c r="C89" t="s">
        <v>141</v>
      </c>
      <c r="D89" t="s">
        <v>142</v>
      </c>
      <c r="E89" t="s">
        <v>102</v>
      </c>
      <c r="F89" t="s">
        <v>103</v>
      </c>
      <c r="G89" t="s">
        <v>80</v>
      </c>
      <c r="H89" t="s">
        <v>81</v>
      </c>
      <c r="I89" s="2">
        <v>0</v>
      </c>
      <c r="J89" s="2">
        <v>1</v>
      </c>
      <c r="K89" s="2">
        <v>0</v>
      </c>
      <c r="L89" t="s">
        <v>82</v>
      </c>
      <c r="M89" t="s">
        <v>83</v>
      </c>
      <c r="N89" t="s">
        <v>91</v>
      </c>
      <c r="O89" t="s">
        <v>85</v>
      </c>
      <c r="P89" t="s">
        <v>86</v>
      </c>
      <c r="Q89">
        <v>15</v>
      </c>
      <c r="R89">
        <v>15</v>
      </c>
      <c r="S89">
        <v>15</v>
      </c>
      <c r="T89">
        <v>15</v>
      </c>
      <c r="U89">
        <v>16</v>
      </c>
      <c r="V89">
        <v>16</v>
      </c>
      <c r="W89">
        <v>16</v>
      </c>
      <c r="X89">
        <v>16</v>
      </c>
      <c r="Y89">
        <v>17</v>
      </c>
      <c r="Z89">
        <v>17</v>
      </c>
      <c r="AA89">
        <v>17</v>
      </c>
      <c r="AB89">
        <v>17</v>
      </c>
      <c r="AC89">
        <v>18</v>
      </c>
      <c r="AD89">
        <v>18</v>
      </c>
      <c r="AE89">
        <v>18</v>
      </c>
      <c r="AF89">
        <v>18</v>
      </c>
      <c r="AG89">
        <v>19</v>
      </c>
      <c r="AH89">
        <v>19</v>
      </c>
      <c r="AI89">
        <v>19</v>
      </c>
      <c r="AJ89">
        <v>19</v>
      </c>
      <c r="AK89">
        <v>19</v>
      </c>
      <c r="AL89">
        <v>20</v>
      </c>
      <c r="AM89">
        <v>20</v>
      </c>
      <c r="AN89">
        <v>20</v>
      </c>
      <c r="AO89">
        <v>20</v>
      </c>
      <c r="AP89">
        <v>20</v>
      </c>
      <c r="AQ89">
        <v>20</v>
      </c>
    </row>
    <row r="90" spans="1:43">
      <c r="A90" t="s">
        <v>149</v>
      </c>
      <c r="B90" t="s">
        <v>150</v>
      </c>
      <c r="C90" t="s">
        <v>151</v>
      </c>
      <c r="D90" t="s">
        <v>152</v>
      </c>
      <c r="E90" t="s">
        <v>102</v>
      </c>
      <c r="F90" t="s">
        <v>103</v>
      </c>
      <c r="G90" t="s">
        <v>80</v>
      </c>
      <c r="H90" t="s">
        <v>81</v>
      </c>
      <c r="I90" s="2">
        <v>1</v>
      </c>
      <c r="J90" s="2">
        <v>0</v>
      </c>
      <c r="K90" s="2">
        <v>0</v>
      </c>
      <c r="L90" t="s">
        <v>120</v>
      </c>
      <c r="M90" t="s">
        <v>83</v>
      </c>
      <c r="N90" t="s">
        <v>84</v>
      </c>
      <c r="O90" t="s">
        <v>85</v>
      </c>
      <c r="P90" t="s">
        <v>86</v>
      </c>
      <c r="Q90">
        <v>27</v>
      </c>
      <c r="R90">
        <v>28</v>
      </c>
      <c r="S90">
        <v>28</v>
      </c>
      <c r="T90">
        <v>29</v>
      </c>
      <c r="U90">
        <v>29</v>
      </c>
      <c r="V90">
        <v>30</v>
      </c>
      <c r="W90">
        <v>30</v>
      </c>
      <c r="X90">
        <v>30</v>
      </c>
      <c r="Y90">
        <v>31</v>
      </c>
      <c r="Z90">
        <v>31</v>
      </c>
      <c r="AA90">
        <v>32</v>
      </c>
      <c r="AB90">
        <v>32</v>
      </c>
      <c r="AC90">
        <v>33</v>
      </c>
      <c r="AD90">
        <v>33</v>
      </c>
      <c r="AE90">
        <v>33</v>
      </c>
      <c r="AF90">
        <v>34</v>
      </c>
      <c r="AG90">
        <v>34</v>
      </c>
      <c r="AH90">
        <v>35</v>
      </c>
      <c r="AI90">
        <v>35</v>
      </c>
      <c r="AJ90">
        <v>35</v>
      </c>
      <c r="AK90">
        <v>36</v>
      </c>
      <c r="AL90">
        <v>36</v>
      </c>
      <c r="AM90">
        <v>36</v>
      </c>
      <c r="AN90">
        <v>36</v>
      </c>
      <c r="AO90">
        <v>36</v>
      </c>
      <c r="AP90">
        <v>36</v>
      </c>
      <c r="AQ90">
        <v>36</v>
      </c>
    </row>
    <row r="91" spans="1:43">
      <c r="A91" t="s">
        <v>149</v>
      </c>
      <c r="B91" t="s">
        <v>150</v>
      </c>
      <c r="C91" t="s">
        <v>151</v>
      </c>
      <c r="D91" t="s">
        <v>152</v>
      </c>
      <c r="E91" t="s">
        <v>102</v>
      </c>
      <c r="F91" t="s">
        <v>103</v>
      </c>
      <c r="G91" t="s">
        <v>80</v>
      </c>
      <c r="H91" t="s">
        <v>81</v>
      </c>
      <c r="I91" s="2">
        <v>1</v>
      </c>
      <c r="J91" s="2">
        <v>0</v>
      </c>
      <c r="K91" s="2">
        <v>0</v>
      </c>
      <c r="L91" t="s">
        <v>120</v>
      </c>
      <c r="M91" t="s">
        <v>87</v>
      </c>
      <c r="N91" t="s">
        <v>88</v>
      </c>
      <c r="O91" t="s">
        <v>85</v>
      </c>
      <c r="P91" t="s">
        <v>86</v>
      </c>
      <c r="Q91">
        <v>27</v>
      </c>
      <c r="R91">
        <v>27</v>
      </c>
      <c r="S91">
        <v>27</v>
      </c>
      <c r="T91">
        <v>28</v>
      </c>
      <c r="U91">
        <v>28</v>
      </c>
      <c r="V91">
        <v>28</v>
      </c>
      <c r="W91">
        <v>28</v>
      </c>
      <c r="X91">
        <v>28</v>
      </c>
      <c r="Y91">
        <v>29</v>
      </c>
      <c r="Z91">
        <v>29</v>
      </c>
      <c r="AA91">
        <v>29</v>
      </c>
      <c r="AB91">
        <v>29</v>
      </c>
      <c r="AC91">
        <v>29</v>
      </c>
      <c r="AD91">
        <v>29</v>
      </c>
      <c r="AE91">
        <v>30</v>
      </c>
      <c r="AF91">
        <v>30</v>
      </c>
      <c r="AG91">
        <v>30</v>
      </c>
      <c r="AH91">
        <v>30</v>
      </c>
      <c r="AI91">
        <v>30</v>
      </c>
      <c r="AJ91">
        <v>31</v>
      </c>
      <c r="AK91">
        <v>31</v>
      </c>
      <c r="AL91">
        <v>31</v>
      </c>
      <c r="AM91">
        <v>31</v>
      </c>
      <c r="AN91">
        <v>31</v>
      </c>
      <c r="AO91">
        <v>31</v>
      </c>
      <c r="AP91">
        <v>32</v>
      </c>
      <c r="AQ91">
        <v>32</v>
      </c>
    </row>
    <row r="92" spans="1:43">
      <c r="A92" t="s">
        <v>149</v>
      </c>
      <c r="B92" t="s">
        <v>150</v>
      </c>
      <c r="C92" t="s">
        <v>151</v>
      </c>
      <c r="D92" t="s">
        <v>152</v>
      </c>
      <c r="E92" t="s">
        <v>102</v>
      </c>
      <c r="F92" t="s">
        <v>103</v>
      </c>
      <c r="G92" t="s">
        <v>80</v>
      </c>
      <c r="H92" t="s">
        <v>81</v>
      </c>
      <c r="I92" s="2">
        <v>1</v>
      </c>
      <c r="J92" s="2">
        <v>0</v>
      </c>
      <c r="K92" s="2">
        <v>0</v>
      </c>
      <c r="L92" t="s">
        <v>120</v>
      </c>
      <c r="M92" t="s">
        <v>89</v>
      </c>
      <c r="N92" t="s">
        <v>90</v>
      </c>
      <c r="O92" t="s">
        <v>85</v>
      </c>
      <c r="P92" t="s">
        <v>86</v>
      </c>
      <c r="Q92">
        <v>27</v>
      </c>
      <c r="R92">
        <v>27</v>
      </c>
      <c r="S92">
        <v>28</v>
      </c>
      <c r="T92">
        <v>29</v>
      </c>
      <c r="U92">
        <v>29</v>
      </c>
      <c r="V92">
        <v>30</v>
      </c>
      <c r="W92">
        <v>30</v>
      </c>
      <c r="X92">
        <v>31</v>
      </c>
      <c r="Y92">
        <v>32</v>
      </c>
      <c r="Z92">
        <v>32</v>
      </c>
      <c r="AA92">
        <v>33</v>
      </c>
      <c r="AB92">
        <v>33</v>
      </c>
      <c r="AC92">
        <v>34</v>
      </c>
      <c r="AD92">
        <v>34</v>
      </c>
      <c r="AE92">
        <v>35</v>
      </c>
      <c r="AF92">
        <v>35</v>
      </c>
      <c r="AG92">
        <v>35</v>
      </c>
      <c r="AH92">
        <v>35</v>
      </c>
      <c r="AI92">
        <v>35</v>
      </c>
      <c r="AJ92">
        <v>35</v>
      </c>
      <c r="AK92">
        <v>35</v>
      </c>
      <c r="AL92">
        <v>35</v>
      </c>
      <c r="AM92">
        <v>35</v>
      </c>
      <c r="AN92">
        <v>35</v>
      </c>
      <c r="AO92">
        <v>35</v>
      </c>
      <c r="AP92">
        <v>36</v>
      </c>
      <c r="AQ92">
        <v>36</v>
      </c>
    </row>
    <row r="93" spans="1:43">
      <c r="A93" t="s">
        <v>149</v>
      </c>
      <c r="B93" t="s">
        <v>150</v>
      </c>
      <c r="C93" t="s">
        <v>151</v>
      </c>
      <c r="D93" t="s">
        <v>152</v>
      </c>
      <c r="E93" t="s">
        <v>102</v>
      </c>
      <c r="F93" t="s">
        <v>103</v>
      </c>
      <c r="G93" t="s">
        <v>80</v>
      </c>
      <c r="H93" t="s">
        <v>81</v>
      </c>
      <c r="I93" s="2">
        <v>1</v>
      </c>
      <c r="J93" s="2">
        <v>0</v>
      </c>
      <c r="K93" s="2">
        <v>0</v>
      </c>
      <c r="L93" t="s">
        <v>120</v>
      </c>
      <c r="M93" t="s">
        <v>83</v>
      </c>
      <c r="N93" t="s">
        <v>91</v>
      </c>
      <c r="O93" t="s">
        <v>85</v>
      </c>
      <c r="P93" t="s">
        <v>86</v>
      </c>
      <c r="Q93">
        <v>27</v>
      </c>
      <c r="R93">
        <v>28</v>
      </c>
      <c r="S93">
        <v>28</v>
      </c>
      <c r="T93">
        <v>29</v>
      </c>
      <c r="U93">
        <v>29</v>
      </c>
      <c r="V93">
        <v>30</v>
      </c>
      <c r="W93">
        <v>30</v>
      </c>
      <c r="X93">
        <v>30</v>
      </c>
      <c r="Y93">
        <v>31</v>
      </c>
      <c r="Z93">
        <v>31</v>
      </c>
      <c r="AA93">
        <v>32</v>
      </c>
      <c r="AB93">
        <v>32</v>
      </c>
      <c r="AC93">
        <v>33</v>
      </c>
      <c r="AD93">
        <v>33</v>
      </c>
      <c r="AE93">
        <v>33</v>
      </c>
      <c r="AF93">
        <v>34</v>
      </c>
      <c r="AG93">
        <v>34</v>
      </c>
      <c r="AH93">
        <v>35</v>
      </c>
      <c r="AI93">
        <v>35</v>
      </c>
      <c r="AJ93">
        <v>35</v>
      </c>
      <c r="AK93">
        <v>36</v>
      </c>
      <c r="AL93">
        <v>36</v>
      </c>
      <c r="AM93">
        <v>36</v>
      </c>
      <c r="AN93">
        <v>36</v>
      </c>
      <c r="AO93">
        <v>36</v>
      </c>
      <c r="AP93">
        <v>36</v>
      </c>
      <c r="AQ93">
        <v>36</v>
      </c>
    </row>
    <row r="94" spans="1:43">
      <c r="A94" t="s">
        <v>153</v>
      </c>
      <c r="B94" t="s">
        <v>154</v>
      </c>
      <c r="C94" t="s">
        <v>151</v>
      </c>
      <c r="D94" t="s">
        <v>152</v>
      </c>
      <c r="E94" t="s">
        <v>102</v>
      </c>
      <c r="F94" t="s">
        <v>103</v>
      </c>
      <c r="G94" t="s">
        <v>80</v>
      </c>
      <c r="H94" t="s">
        <v>81</v>
      </c>
      <c r="I94" s="2">
        <v>0</v>
      </c>
      <c r="J94" s="2">
        <v>1</v>
      </c>
      <c r="K94" s="2">
        <v>0</v>
      </c>
      <c r="L94" t="s">
        <v>82</v>
      </c>
      <c r="M94" t="s">
        <v>83</v>
      </c>
      <c r="N94" t="s">
        <v>84</v>
      </c>
      <c r="O94" t="s">
        <v>85</v>
      </c>
      <c r="P94" t="s">
        <v>86</v>
      </c>
      <c r="Q94">
        <v>14</v>
      </c>
      <c r="R94">
        <v>15</v>
      </c>
      <c r="S94">
        <v>15</v>
      </c>
      <c r="T94">
        <v>15</v>
      </c>
      <c r="U94">
        <v>15</v>
      </c>
      <c r="V94">
        <v>15</v>
      </c>
      <c r="W94">
        <v>16</v>
      </c>
      <c r="X94">
        <v>16</v>
      </c>
      <c r="Y94">
        <v>16</v>
      </c>
      <c r="Z94">
        <v>16</v>
      </c>
      <c r="AA94">
        <v>17</v>
      </c>
      <c r="AB94">
        <v>17</v>
      </c>
      <c r="AC94">
        <v>17</v>
      </c>
      <c r="AD94">
        <v>17</v>
      </c>
      <c r="AE94">
        <v>18</v>
      </c>
      <c r="AF94">
        <v>18</v>
      </c>
      <c r="AG94">
        <v>18</v>
      </c>
      <c r="AH94">
        <v>18</v>
      </c>
      <c r="AI94">
        <v>18</v>
      </c>
      <c r="AJ94">
        <v>19</v>
      </c>
      <c r="AK94">
        <v>19</v>
      </c>
      <c r="AL94">
        <v>19</v>
      </c>
      <c r="AM94">
        <v>19</v>
      </c>
      <c r="AN94">
        <v>19</v>
      </c>
      <c r="AO94">
        <v>19</v>
      </c>
      <c r="AP94">
        <v>19</v>
      </c>
      <c r="AQ94">
        <v>19</v>
      </c>
    </row>
    <row r="95" spans="1:43">
      <c r="A95" t="s">
        <v>153</v>
      </c>
      <c r="B95" t="s">
        <v>154</v>
      </c>
      <c r="C95" t="s">
        <v>151</v>
      </c>
      <c r="D95" t="s">
        <v>152</v>
      </c>
      <c r="E95" t="s">
        <v>102</v>
      </c>
      <c r="F95" t="s">
        <v>103</v>
      </c>
      <c r="G95" t="s">
        <v>80</v>
      </c>
      <c r="H95" t="s">
        <v>81</v>
      </c>
      <c r="I95" s="2">
        <v>0</v>
      </c>
      <c r="J95" s="2">
        <v>1</v>
      </c>
      <c r="K95" s="2">
        <v>0</v>
      </c>
      <c r="L95" t="s">
        <v>82</v>
      </c>
      <c r="M95" t="s">
        <v>87</v>
      </c>
      <c r="N95" t="s">
        <v>88</v>
      </c>
      <c r="O95" t="s">
        <v>85</v>
      </c>
      <c r="P95" t="s">
        <v>86</v>
      </c>
      <c r="Q95">
        <v>14</v>
      </c>
      <c r="R95">
        <v>14</v>
      </c>
      <c r="S95">
        <v>14</v>
      </c>
      <c r="T95">
        <v>14</v>
      </c>
      <c r="U95">
        <v>15</v>
      </c>
      <c r="V95">
        <v>15</v>
      </c>
      <c r="W95">
        <v>15</v>
      </c>
      <c r="X95">
        <v>15</v>
      </c>
      <c r="Y95">
        <v>15</v>
      </c>
      <c r="Z95">
        <v>15</v>
      </c>
      <c r="AA95">
        <v>15</v>
      </c>
      <c r="AB95">
        <v>15</v>
      </c>
      <c r="AC95">
        <v>15</v>
      </c>
      <c r="AD95">
        <v>15</v>
      </c>
      <c r="AE95">
        <v>16</v>
      </c>
      <c r="AF95">
        <v>16</v>
      </c>
      <c r="AG95">
        <v>16</v>
      </c>
      <c r="AH95">
        <v>16</v>
      </c>
      <c r="AI95">
        <v>16</v>
      </c>
      <c r="AJ95">
        <v>16</v>
      </c>
      <c r="AK95">
        <v>16</v>
      </c>
      <c r="AL95">
        <v>16</v>
      </c>
      <c r="AM95">
        <v>16</v>
      </c>
      <c r="AN95">
        <v>16</v>
      </c>
      <c r="AO95">
        <v>17</v>
      </c>
      <c r="AP95">
        <v>17</v>
      </c>
      <c r="AQ95">
        <v>17</v>
      </c>
    </row>
    <row r="96" spans="1:43">
      <c r="A96" t="s">
        <v>153</v>
      </c>
      <c r="B96" t="s">
        <v>154</v>
      </c>
      <c r="C96" t="s">
        <v>151</v>
      </c>
      <c r="D96" t="s">
        <v>152</v>
      </c>
      <c r="E96" t="s">
        <v>102</v>
      </c>
      <c r="F96" t="s">
        <v>103</v>
      </c>
      <c r="G96" t="s">
        <v>80</v>
      </c>
      <c r="H96" t="s">
        <v>81</v>
      </c>
      <c r="I96" s="2">
        <v>0</v>
      </c>
      <c r="J96" s="2">
        <v>1</v>
      </c>
      <c r="K96" s="2">
        <v>0</v>
      </c>
      <c r="L96" t="s">
        <v>82</v>
      </c>
      <c r="M96" t="s">
        <v>89</v>
      </c>
      <c r="N96" t="s">
        <v>90</v>
      </c>
      <c r="O96" t="s">
        <v>85</v>
      </c>
      <c r="P96" t="s">
        <v>86</v>
      </c>
      <c r="Q96">
        <v>14</v>
      </c>
      <c r="R96">
        <v>15</v>
      </c>
      <c r="S96">
        <v>15</v>
      </c>
      <c r="T96">
        <v>15</v>
      </c>
      <c r="U96">
        <v>16</v>
      </c>
      <c r="V96">
        <v>16</v>
      </c>
      <c r="W96">
        <v>17</v>
      </c>
      <c r="X96">
        <v>17</v>
      </c>
      <c r="Y96">
        <v>17</v>
      </c>
      <c r="Z96">
        <v>17</v>
      </c>
      <c r="AA96">
        <v>18</v>
      </c>
      <c r="AB96">
        <v>18</v>
      </c>
      <c r="AC96">
        <v>18</v>
      </c>
      <c r="AD96">
        <v>19</v>
      </c>
      <c r="AE96">
        <v>19</v>
      </c>
      <c r="AF96">
        <v>19</v>
      </c>
      <c r="AG96">
        <v>19</v>
      </c>
      <c r="AH96">
        <v>19</v>
      </c>
      <c r="AI96">
        <v>19</v>
      </c>
      <c r="AJ96">
        <v>19</v>
      </c>
      <c r="AK96">
        <v>19</v>
      </c>
      <c r="AL96">
        <v>19</v>
      </c>
      <c r="AM96">
        <v>19</v>
      </c>
      <c r="AN96">
        <v>19</v>
      </c>
      <c r="AO96">
        <v>19</v>
      </c>
      <c r="AP96">
        <v>19</v>
      </c>
      <c r="AQ96">
        <v>19</v>
      </c>
    </row>
    <row r="97" spans="1:43">
      <c r="A97" t="s">
        <v>153</v>
      </c>
      <c r="B97" t="s">
        <v>154</v>
      </c>
      <c r="C97" t="s">
        <v>151</v>
      </c>
      <c r="D97" t="s">
        <v>152</v>
      </c>
      <c r="E97" t="s">
        <v>102</v>
      </c>
      <c r="F97" t="s">
        <v>103</v>
      </c>
      <c r="G97" t="s">
        <v>80</v>
      </c>
      <c r="H97" t="s">
        <v>81</v>
      </c>
      <c r="I97" s="2">
        <v>0</v>
      </c>
      <c r="J97" s="2">
        <v>1</v>
      </c>
      <c r="K97" s="2">
        <v>0</v>
      </c>
      <c r="L97" t="s">
        <v>82</v>
      </c>
      <c r="M97" t="s">
        <v>83</v>
      </c>
      <c r="N97" t="s">
        <v>91</v>
      </c>
      <c r="O97" t="s">
        <v>85</v>
      </c>
      <c r="P97" t="s">
        <v>86</v>
      </c>
      <c r="Q97">
        <v>14</v>
      </c>
      <c r="R97">
        <v>15</v>
      </c>
      <c r="S97">
        <v>15</v>
      </c>
      <c r="T97">
        <v>15</v>
      </c>
      <c r="U97">
        <v>15</v>
      </c>
      <c r="V97">
        <v>15</v>
      </c>
      <c r="W97">
        <v>16</v>
      </c>
      <c r="X97">
        <v>16</v>
      </c>
      <c r="Y97">
        <v>16</v>
      </c>
      <c r="Z97">
        <v>16</v>
      </c>
      <c r="AA97">
        <v>17</v>
      </c>
      <c r="AB97">
        <v>17</v>
      </c>
      <c r="AC97">
        <v>17</v>
      </c>
      <c r="AD97">
        <v>17</v>
      </c>
      <c r="AE97">
        <v>18</v>
      </c>
      <c r="AF97">
        <v>18</v>
      </c>
      <c r="AG97">
        <v>18</v>
      </c>
      <c r="AH97">
        <v>18</v>
      </c>
      <c r="AI97">
        <v>18</v>
      </c>
      <c r="AJ97">
        <v>19</v>
      </c>
      <c r="AK97">
        <v>19</v>
      </c>
      <c r="AL97">
        <v>19</v>
      </c>
      <c r="AM97">
        <v>19</v>
      </c>
      <c r="AN97">
        <v>19</v>
      </c>
      <c r="AO97">
        <v>19</v>
      </c>
      <c r="AP97">
        <v>19</v>
      </c>
      <c r="AQ97">
        <v>19</v>
      </c>
    </row>
    <row r="98" spans="1:43">
      <c r="A98" t="s">
        <v>155</v>
      </c>
      <c r="B98" t="s">
        <v>156</v>
      </c>
      <c r="C98" t="s">
        <v>151</v>
      </c>
      <c r="D98" t="s">
        <v>152</v>
      </c>
      <c r="E98" t="s">
        <v>102</v>
      </c>
      <c r="F98" t="s">
        <v>103</v>
      </c>
      <c r="G98" t="s">
        <v>80</v>
      </c>
      <c r="H98" t="s">
        <v>81</v>
      </c>
      <c r="I98" s="2">
        <v>0.18</v>
      </c>
      <c r="J98" s="2">
        <v>0.82</v>
      </c>
      <c r="K98" s="2">
        <v>0</v>
      </c>
      <c r="L98" t="s">
        <v>82</v>
      </c>
      <c r="M98" t="s">
        <v>83</v>
      </c>
      <c r="N98" t="s">
        <v>84</v>
      </c>
      <c r="O98" t="s">
        <v>85</v>
      </c>
      <c r="P98" t="s">
        <v>86</v>
      </c>
      <c r="Q98">
        <v>34</v>
      </c>
      <c r="R98">
        <v>35</v>
      </c>
      <c r="S98">
        <v>35</v>
      </c>
      <c r="T98">
        <v>36</v>
      </c>
      <c r="U98">
        <v>37</v>
      </c>
      <c r="V98">
        <v>37</v>
      </c>
      <c r="W98">
        <v>38</v>
      </c>
      <c r="X98">
        <v>38</v>
      </c>
      <c r="Y98">
        <v>39</v>
      </c>
      <c r="Z98">
        <v>39</v>
      </c>
      <c r="AA98">
        <v>40</v>
      </c>
      <c r="AB98">
        <v>41</v>
      </c>
      <c r="AC98">
        <v>41</v>
      </c>
      <c r="AD98">
        <v>42</v>
      </c>
      <c r="AE98">
        <v>42</v>
      </c>
      <c r="AF98">
        <v>43</v>
      </c>
      <c r="AG98">
        <v>43</v>
      </c>
      <c r="AH98">
        <v>44</v>
      </c>
      <c r="AI98">
        <v>44</v>
      </c>
      <c r="AJ98">
        <v>45</v>
      </c>
      <c r="AK98">
        <v>45</v>
      </c>
      <c r="AL98">
        <v>45</v>
      </c>
      <c r="AM98">
        <v>46</v>
      </c>
      <c r="AN98">
        <v>46</v>
      </c>
      <c r="AO98">
        <v>46</v>
      </c>
      <c r="AP98">
        <v>46</v>
      </c>
      <c r="AQ98">
        <v>46</v>
      </c>
    </row>
    <row r="99" spans="1:43">
      <c r="A99" t="s">
        <v>155</v>
      </c>
      <c r="B99" t="s">
        <v>156</v>
      </c>
      <c r="C99" t="s">
        <v>151</v>
      </c>
      <c r="D99" t="s">
        <v>152</v>
      </c>
      <c r="E99" t="s">
        <v>102</v>
      </c>
      <c r="F99" t="s">
        <v>103</v>
      </c>
      <c r="G99" t="s">
        <v>80</v>
      </c>
      <c r="H99" t="s">
        <v>81</v>
      </c>
      <c r="I99" s="2">
        <v>0.18</v>
      </c>
      <c r="J99" s="2">
        <v>0.82</v>
      </c>
      <c r="K99" s="2">
        <v>0</v>
      </c>
      <c r="L99" t="s">
        <v>82</v>
      </c>
      <c r="M99" t="s">
        <v>87</v>
      </c>
      <c r="N99" t="s">
        <v>88</v>
      </c>
      <c r="O99" t="s">
        <v>85</v>
      </c>
      <c r="P99" t="s">
        <v>86</v>
      </c>
      <c r="Q99">
        <v>34</v>
      </c>
      <c r="R99">
        <v>34</v>
      </c>
      <c r="S99">
        <v>34</v>
      </c>
      <c r="T99">
        <v>35</v>
      </c>
      <c r="U99">
        <v>35</v>
      </c>
      <c r="V99">
        <v>35</v>
      </c>
      <c r="W99">
        <v>35</v>
      </c>
      <c r="X99">
        <v>36</v>
      </c>
      <c r="Y99">
        <v>36</v>
      </c>
      <c r="Z99">
        <v>36</v>
      </c>
      <c r="AA99">
        <v>36</v>
      </c>
      <c r="AB99">
        <v>37</v>
      </c>
      <c r="AC99">
        <v>37</v>
      </c>
      <c r="AD99">
        <v>37</v>
      </c>
      <c r="AE99">
        <v>37</v>
      </c>
      <c r="AF99">
        <v>38</v>
      </c>
      <c r="AG99">
        <v>38</v>
      </c>
      <c r="AH99">
        <v>38</v>
      </c>
      <c r="AI99">
        <v>38</v>
      </c>
      <c r="AJ99">
        <v>38</v>
      </c>
      <c r="AK99">
        <v>39</v>
      </c>
      <c r="AL99">
        <v>39</v>
      </c>
      <c r="AM99">
        <v>39</v>
      </c>
      <c r="AN99">
        <v>39</v>
      </c>
      <c r="AO99">
        <v>40</v>
      </c>
      <c r="AP99">
        <v>40</v>
      </c>
      <c r="AQ99">
        <v>40</v>
      </c>
    </row>
    <row r="100" spans="1:43">
      <c r="A100" t="s">
        <v>155</v>
      </c>
      <c r="B100" t="s">
        <v>156</v>
      </c>
      <c r="C100" t="s">
        <v>151</v>
      </c>
      <c r="D100" t="s">
        <v>152</v>
      </c>
      <c r="E100" t="s">
        <v>102</v>
      </c>
      <c r="F100" t="s">
        <v>103</v>
      </c>
      <c r="G100" t="s">
        <v>80</v>
      </c>
      <c r="H100" t="s">
        <v>81</v>
      </c>
      <c r="I100" s="2">
        <v>0.18</v>
      </c>
      <c r="J100" s="2">
        <v>0.82</v>
      </c>
      <c r="K100" s="2">
        <v>0</v>
      </c>
      <c r="L100" t="s">
        <v>82</v>
      </c>
      <c r="M100" t="s">
        <v>89</v>
      </c>
      <c r="N100" t="s">
        <v>90</v>
      </c>
      <c r="O100" t="s">
        <v>85</v>
      </c>
      <c r="P100" t="s">
        <v>86</v>
      </c>
      <c r="Q100">
        <v>34</v>
      </c>
      <c r="R100">
        <v>34</v>
      </c>
      <c r="S100">
        <v>35</v>
      </c>
      <c r="T100">
        <v>36</v>
      </c>
      <c r="U100">
        <v>37</v>
      </c>
      <c r="V100">
        <v>38</v>
      </c>
      <c r="W100">
        <v>39</v>
      </c>
      <c r="X100">
        <v>39</v>
      </c>
      <c r="Y100">
        <v>40</v>
      </c>
      <c r="Z100">
        <v>41</v>
      </c>
      <c r="AA100">
        <v>41</v>
      </c>
      <c r="AB100">
        <v>42</v>
      </c>
      <c r="AC100">
        <v>43</v>
      </c>
      <c r="AD100">
        <v>44</v>
      </c>
      <c r="AE100">
        <v>44</v>
      </c>
      <c r="AF100">
        <v>44</v>
      </c>
      <c r="AG100">
        <v>44</v>
      </c>
      <c r="AH100">
        <v>44</v>
      </c>
      <c r="AI100">
        <v>44</v>
      </c>
      <c r="AJ100">
        <v>45</v>
      </c>
      <c r="AK100">
        <v>45</v>
      </c>
      <c r="AL100">
        <v>45</v>
      </c>
      <c r="AM100">
        <v>45</v>
      </c>
      <c r="AN100">
        <v>45</v>
      </c>
      <c r="AO100">
        <v>45</v>
      </c>
      <c r="AP100">
        <v>45</v>
      </c>
      <c r="AQ100">
        <v>45</v>
      </c>
    </row>
    <row r="101" spans="1:43">
      <c r="A101" t="s">
        <v>155</v>
      </c>
      <c r="B101" t="s">
        <v>156</v>
      </c>
      <c r="C101" t="s">
        <v>151</v>
      </c>
      <c r="D101" t="s">
        <v>152</v>
      </c>
      <c r="E101" t="s">
        <v>102</v>
      </c>
      <c r="F101" t="s">
        <v>103</v>
      </c>
      <c r="G101" t="s">
        <v>80</v>
      </c>
      <c r="H101" t="s">
        <v>81</v>
      </c>
      <c r="I101" s="2">
        <v>0.18</v>
      </c>
      <c r="J101" s="2">
        <v>0.82</v>
      </c>
      <c r="K101" s="2">
        <v>0</v>
      </c>
      <c r="L101" t="s">
        <v>82</v>
      </c>
      <c r="M101" t="s">
        <v>83</v>
      </c>
      <c r="N101" t="s">
        <v>91</v>
      </c>
      <c r="O101" t="s">
        <v>85</v>
      </c>
      <c r="P101" t="s">
        <v>86</v>
      </c>
      <c r="Q101">
        <v>34</v>
      </c>
      <c r="R101">
        <v>35</v>
      </c>
      <c r="S101">
        <v>35</v>
      </c>
      <c r="T101">
        <v>36</v>
      </c>
      <c r="U101">
        <v>37</v>
      </c>
      <c r="V101">
        <v>37</v>
      </c>
      <c r="W101">
        <v>38</v>
      </c>
      <c r="X101">
        <v>38</v>
      </c>
      <c r="Y101">
        <v>39</v>
      </c>
      <c r="Z101">
        <v>39</v>
      </c>
      <c r="AA101">
        <v>40</v>
      </c>
      <c r="AB101">
        <v>41</v>
      </c>
      <c r="AC101">
        <v>41</v>
      </c>
      <c r="AD101">
        <v>42</v>
      </c>
      <c r="AE101">
        <v>42</v>
      </c>
      <c r="AF101">
        <v>43</v>
      </c>
      <c r="AG101">
        <v>43</v>
      </c>
      <c r="AH101">
        <v>44</v>
      </c>
      <c r="AI101">
        <v>44</v>
      </c>
      <c r="AJ101">
        <v>45</v>
      </c>
      <c r="AK101">
        <v>45</v>
      </c>
      <c r="AL101">
        <v>45</v>
      </c>
      <c r="AM101">
        <v>46</v>
      </c>
      <c r="AN101">
        <v>46</v>
      </c>
      <c r="AO101">
        <v>46</v>
      </c>
      <c r="AP101">
        <v>46</v>
      </c>
      <c r="AQ101">
        <v>46</v>
      </c>
    </row>
    <row r="102" spans="1:43">
      <c r="A102" t="s">
        <v>157</v>
      </c>
      <c r="B102" t="s">
        <v>158</v>
      </c>
      <c r="C102" t="s">
        <v>151</v>
      </c>
      <c r="D102" t="s">
        <v>152</v>
      </c>
      <c r="E102" t="s">
        <v>102</v>
      </c>
      <c r="F102" t="s">
        <v>103</v>
      </c>
      <c r="G102" t="s">
        <v>80</v>
      </c>
      <c r="H102" t="s">
        <v>81</v>
      </c>
      <c r="I102" s="2">
        <v>1</v>
      </c>
      <c r="J102" s="2">
        <v>0</v>
      </c>
      <c r="K102" s="2">
        <v>0</v>
      </c>
      <c r="L102" t="s">
        <v>120</v>
      </c>
      <c r="M102" t="s">
        <v>83</v>
      </c>
      <c r="N102" t="s">
        <v>84</v>
      </c>
      <c r="O102" t="s">
        <v>85</v>
      </c>
      <c r="P102" t="s">
        <v>86</v>
      </c>
      <c r="Q102">
        <v>41</v>
      </c>
      <c r="R102">
        <v>41</v>
      </c>
      <c r="S102">
        <v>42</v>
      </c>
      <c r="T102">
        <v>43</v>
      </c>
      <c r="U102">
        <v>43</v>
      </c>
      <c r="V102">
        <v>44</v>
      </c>
      <c r="W102">
        <v>45</v>
      </c>
      <c r="X102">
        <v>45</v>
      </c>
      <c r="Y102">
        <v>46</v>
      </c>
      <c r="Z102">
        <v>47</v>
      </c>
      <c r="AA102">
        <v>47</v>
      </c>
      <c r="AB102">
        <v>48</v>
      </c>
      <c r="AC102">
        <v>49</v>
      </c>
      <c r="AD102">
        <v>49</v>
      </c>
      <c r="AE102">
        <v>50</v>
      </c>
      <c r="AF102">
        <v>50</v>
      </c>
      <c r="AG102">
        <v>51</v>
      </c>
      <c r="AH102">
        <v>52</v>
      </c>
      <c r="AI102">
        <v>52</v>
      </c>
      <c r="AJ102">
        <v>53</v>
      </c>
      <c r="AK102">
        <v>54</v>
      </c>
      <c r="AL102">
        <v>54</v>
      </c>
      <c r="AM102">
        <v>54</v>
      </c>
      <c r="AN102">
        <v>54</v>
      </c>
      <c r="AO102">
        <v>54</v>
      </c>
      <c r="AP102">
        <v>54</v>
      </c>
      <c r="AQ102">
        <v>54</v>
      </c>
    </row>
    <row r="103" spans="1:43">
      <c r="A103" t="s">
        <v>157</v>
      </c>
      <c r="B103" t="s">
        <v>158</v>
      </c>
      <c r="C103" t="s">
        <v>151</v>
      </c>
      <c r="D103" t="s">
        <v>152</v>
      </c>
      <c r="E103" t="s">
        <v>102</v>
      </c>
      <c r="F103" t="s">
        <v>103</v>
      </c>
      <c r="G103" t="s">
        <v>80</v>
      </c>
      <c r="H103" t="s">
        <v>81</v>
      </c>
      <c r="I103" s="2">
        <v>1</v>
      </c>
      <c r="J103" s="2">
        <v>0</v>
      </c>
      <c r="K103" s="2">
        <v>0</v>
      </c>
      <c r="L103" t="s">
        <v>120</v>
      </c>
      <c r="M103" t="s">
        <v>87</v>
      </c>
      <c r="N103" t="s">
        <v>88</v>
      </c>
      <c r="O103" t="s">
        <v>85</v>
      </c>
      <c r="P103" t="s">
        <v>86</v>
      </c>
      <c r="Q103">
        <v>41</v>
      </c>
      <c r="R103">
        <v>42</v>
      </c>
      <c r="S103">
        <v>42</v>
      </c>
      <c r="T103">
        <v>42</v>
      </c>
      <c r="U103">
        <v>43</v>
      </c>
      <c r="V103">
        <v>43</v>
      </c>
      <c r="W103">
        <v>43</v>
      </c>
      <c r="X103">
        <v>43</v>
      </c>
      <c r="Y103">
        <v>44</v>
      </c>
      <c r="Z103">
        <v>44</v>
      </c>
      <c r="AA103">
        <v>44</v>
      </c>
      <c r="AB103">
        <v>45</v>
      </c>
      <c r="AC103">
        <v>45</v>
      </c>
      <c r="AD103">
        <v>45</v>
      </c>
      <c r="AE103">
        <v>45</v>
      </c>
      <c r="AF103">
        <v>46</v>
      </c>
      <c r="AG103">
        <v>46</v>
      </c>
      <c r="AH103">
        <v>46</v>
      </c>
      <c r="AI103">
        <v>46</v>
      </c>
      <c r="AJ103">
        <v>47</v>
      </c>
      <c r="AK103">
        <v>47</v>
      </c>
      <c r="AL103">
        <v>47</v>
      </c>
      <c r="AM103">
        <v>48</v>
      </c>
      <c r="AN103">
        <v>48</v>
      </c>
      <c r="AO103">
        <v>48</v>
      </c>
      <c r="AP103">
        <v>48</v>
      </c>
      <c r="AQ103">
        <v>49</v>
      </c>
    </row>
    <row r="104" spans="1:43">
      <c r="A104" t="s">
        <v>157</v>
      </c>
      <c r="B104" t="s">
        <v>158</v>
      </c>
      <c r="C104" t="s">
        <v>151</v>
      </c>
      <c r="D104" t="s">
        <v>152</v>
      </c>
      <c r="E104" t="s">
        <v>102</v>
      </c>
      <c r="F104" t="s">
        <v>103</v>
      </c>
      <c r="G104" t="s">
        <v>80</v>
      </c>
      <c r="H104" t="s">
        <v>81</v>
      </c>
      <c r="I104" s="2">
        <v>1</v>
      </c>
      <c r="J104" s="2">
        <v>0</v>
      </c>
      <c r="K104" s="2">
        <v>0</v>
      </c>
      <c r="L104" t="s">
        <v>120</v>
      </c>
      <c r="M104" t="s">
        <v>89</v>
      </c>
      <c r="N104" t="s">
        <v>90</v>
      </c>
      <c r="O104" t="s">
        <v>85</v>
      </c>
      <c r="P104" t="s">
        <v>86</v>
      </c>
      <c r="Q104">
        <v>41</v>
      </c>
      <c r="R104">
        <v>42</v>
      </c>
      <c r="S104">
        <v>43</v>
      </c>
      <c r="T104">
        <v>44</v>
      </c>
      <c r="U104">
        <v>45</v>
      </c>
      <c r="V104">
        <v>46</v>
      </c>
      <c r="W104">
        <v>47</v>
      </c>
      <c r="X104">
        <v>48</v>
      </c>
      <c r="Y104">
        <v>49</v>
      </c>
      <c r="Z104">
        <v>50</v>
      </c>
      <c r="AA104">
        <v>50</v>
      </c>
      <c r="AB104">
        <v>51</v>
      </c>
      <c r="AC104">
        <v>52</v>
      </c>
      <c r="AD104">
        <v>53</v>
      </c>
      <c r="AE104">
        <v>53</v>
      </c>
      <c r="AF104">
        <v>53</v>
      </c>
      <c r="AG104">
        <v>54</v>
      </c>
      <c r="AH104">
        <v>54</v>
      </c>
      <c r="AI104">
        <v>54</v>
      </c>
      <c r="AJ104">
        <v>54</v>
      </c>
      <c r="AK104">
        <v>54</v>
      </c>
      <c r="AL104">
        <v>54</v>
      </c>
      <c r="AM104">
        <v>54</v>
      </c>
      <c r="AN104">
        <v>54</v>
      </c>
      <c r="AO104">
        <v>54</v>
      </c>
      <c r="AP104">
        <v>55</v>
      </c>
      <c r="AQ104">
        <v>55</v>
      </c>
    </row>
    <row r="105" spans="1:43">
      <c r="A105" t="s">
        <v>157</v>
      </c>
      <c r="B105" t="s">
        <v>158</v>
      </c>
      <c r="C105" t="s">
        <v>151</v>
      </c>
      <c r="D105" t="s">
        <v>152</v>
      </c>
      <c r="E105" t="s">
        <v>102</v>
      </c>
      <c r="F105" t="s">
        <v>103</v>
      </c>
      <c r="G105" t="s">
        <v>80</v>
      </c>
      <c r="H105" t="s">
        <v>81</v>
      </c>
      <c r="I105" s="2">
        <v>1</v>
      </c>
      <c r="J105" s="2">
        <v>0</v>
      </c>
      <c r="K105" s="2">
        <v>0</v>
      </c>
      <c r="L105" t="s">
        <v>120</v>
      </c>
      <c r="M105" t="s">
        <v>83</v>
      </c>
      <c r="N105" t="s">
        <v>91</v>
      </c>
      <c r="O105" t="s">
        <v>85</v>
      </c>
      <c r="P105" t="s">
        <v>86</v>
      </c>
      <c r="Q105">
        <v>41</v>
      </c>
      <c r="R105">
        <v>41</v>
      </c>
      <c r="S105">
        <v>42</v>
      </c>
      <c r="T105">
        <v>43</v>
      </c>
      <c r="U105">
        <v>43</v>
      </c>
      <c r="V105">
        <v>44</v>
      </c>
      <c r="W105">
        <v>45</v>
      </c>
      <c r="X105">
        <v>45</v>
      </c>
      <c r="Y105">
        <v>46</v>
      </c>
      <c r="Z105">
        <v>47</v>
      </c>
      <c r="AA105">
        <v>47</v>
      </c>
      <c r="AB105">
        <v>48</v>
      </c>
      <c r="AC105">
        <v>49</v>
      </c>
      <c r="AD105">
        <v>49</v>
      </c>
      <c r="AE105">
        <v>50</v>
      </c>
      <c r="AF105">
        <v>50</v>
      </c>
      <c r="AG105">
        <v>51</v>
      </c>
      <c r="AH105">
        <v>52</v>
      </c>
      <c r="AI105">
        <v>52</v>
      </c>
      <c r="AJ105">
        <v>53</v>
      </c>
      <c r="AK105">
        <v>54</v>
      </c>
      <c r="AL105">
        <v>54</v>
      </c>
      <c r="AM105">
        <v>54</v>
      </c>
      <c r="AN105">
        <v>54</v>
      </c>
      <c r="AO105">
        <v>54</v>
      </c>
      <c r="AP105">
        <v>54</v>
      </c>
      <c r="AQ105">
        <v>54</v>
      </c>
    </row>
    <row r="106" spans="1:43">
      <c r="A106" t="s">
        <v>159</v>
      </c>
      <c r="B106" t="s">
        <v>160</v>
      </c>
      <c r="C106" t="s">
        <v>161</v>
      </c>
      <c r="D106" t="s">
        <v>162</v>
      </c>
      <c r="E106" t="s">
        <v>102</v>
      </c>
      <c r="F106" t="s">
        <v>103</v>
      </c>
      <c r="G106" t="s">
        <v>80</v>
      </c>
      <c r="H106" t="s">
        <v>81</v>
      </c>
      <c r="I106" s="2">
        <v>1</v>
      </c>
      <c r="J106" s="2">
        <v>0</v>
      </c>
      <c r="K106" s="2">
        <v>0</v>
      </c>
      <c r="L106" t="s">
        <v>120</v>
      </c>
      <c r="M106" t="s">
        <v>83</v>
      </c>
      <c r="N106" t="s">
        <v>84</v>
      </c>
      <c r="O106" t="s">
        <v>85</v>
      </c>
      <c r="P106" t="s">
        <v>86</v>
      </c>
      <c r="Q106">
        <v>22</v>
      </c>
      <c r="R106">
        <v>22</v>
      </c>
      <c r="S106">
        <v>23</v>
      </c>
      <c r="T106">
        <v>23</v>
      </c>
      <c r="U106">
        <v>23</v>
      </c>
      <c r="V106">
        <v>24</v>
      </c>
      <c r="W106">
        <v>24</v>
      </c>
      <c r="X106">
        <v>24</v>
      </c>
      <c r="Y106">
        <v>25</v>
      </c>
      <c r="Z106">
        <v>25</v>
      </c>
      <c r="AA106">
        <v>25</v>
      </c>
      <c r="AB106">
        <v>26</v>
      </c>
      <c r="AC106">
        <v>26</v>
      </c>
      <c r="AD106">
        <v>26</v>
      </c>
      <c r="AE106">
        <v>27</v>
      </c>
      <c r="AF106">
        <v>27</v>
      </c>
      <c r="AG106">
        <v>27</v>
      </c>
      <c r="AH106">
        <v>28</v>
      </c>
      <c r="AI106">
        <v>28</v>
      </c>
      <c r="AJ106">
        <v>28</v>
      </c>
      <c r="AK106">
        <v>29</v>
      </c>
      <c r="AL106">
        <v>29</v>
      </c>
      <c r="AM106">
        <v>29</v>
      </c>
      <c r="AN106">
        <v>29</v>
      </c>
      <c r="AO106">
        <v>29</v>
      </c>
      <c r="AP106">
        <v>29</v>
      </c>
      <c r="AQ106">
        <v>29</v>
      </c>
    </row>
    <row r="107" spans="1:43">
      <c r="A107" t="s">
        <v>159</v>
      </c>
      <c r="B107" t="s">
        <v>160</v>
      </c>
      <c r="C107" t="s">
        <v>161</v>
      </c>
      <c r="D107" t="s">
        <v>162</v>
      </c>
      <c r="E107" t="s">
        <v>102</v>
      </c>
      <c r="F107" t="s">
        <v>103</v>
      </c>
      <c r="G107" t="s">
        <v>80</v>
      </c>
      <c r="H107" t="s">
        <v>81</v>
      </c>
      <c r="I107" s="2">
        <v>1</v>
      </c>
      <c r="J107" s="2">
        <v>0</v>
      </c>
      <c r="K107" s="2">
        <v>0</v>
      </c>
      <c r="L107" t="s">
        <v>120</v>
      </c>
      <c r="M107" t="s">
        <v>87</v>
      </c>
      <c r="N107" t="s">
        <v>88</v>
      </c>
      <c r="O107" t="s">
        <v>85</v>
      </c>
      <c r="P107" t="s">
        <v>86</v>
      </c>
      <c r="Q107">
        <v>22</v>
      </c>
      <c r="R107">
        <v>22</v>
      </c>
      <c r="S107">
        <v>22</v>
      </c>
      <c r="T107">
        <v>22</v>
      </c>
      <c r="U107">
        <v>22</v>
      </c>
      <c r="V107">
        <v>22</v>
      </c>
      <c r="W107">
        <v>23</v>
      </c>
      <c r="X107">
        <v>23</v>
      </c>
      <c r="Y107">
        <v>23</v>
      </c>
      <c r="Z107">
        <v>23</v>
      </c>
      <c r="AA107">
        <v>23</v>
      </c>
      <c r="AB107">
        <v>23</v>
      </c>
      <c r="AC107">
        <v>23</v>
      </c>
      <c r="AD107">
        <v>24</v>
      </c>
      <c r="AE107">
        <v>24</v>
      </c>
      <c r="AF107">
        <v>24</v>
      </c>
      <c r="AG107">
        <v>24</v>
      </c>
      <c r="AH107">
        <v>24</v>
      </c>
      <c r="AI107">
        <v>24</v>
      </c>
      <c r="AJ107">
        <v>24</v>
      </c>
      <c r="AK107">
        <v>25</v>
      </c>
      <c r="AL107">
        <v>25</v>
      </c>
      <c r="AM107">
        <v>25</v>
      </c>
      <c r="AN107">
        <v>25</v>
      </c>
      <c r="AO107">
        <v>25</v>
      </c>
      <c r="AP107">
        <v>25</v>
      </c>
      <c r="AQ107">
        <v>25</v>
      </c>
    </row>
    <row r="108" spans="1:43">
      <c r="A108" t="s">
        <v>159</v>
      </c>
      <c r="B108" t="s">
        <v>160</v>
      </c>
      <c r="C108" t="s">
        <v>161</v>
      </c>
      <c r="D108" t="s">
        <v>162</v>
      </c>
      <c r="E108" t="s">
        <v>102</v>
      </c>
      <c r="F108" t="s">
        <v>103</v>
      </c>
      <c r="G108" t="s">
        <v>80</v>
      </c>
      <c r="H108" t="s">
        <v>81</v>
      </c>
      <c r="I108" s="2">
        <v>1</v>
      </c>
      <c r="J108" s="2">
        <v>0</v>
      </c>
      <c r="K108" s="2">
        <v>0</v>
      </c>
      <c r="L108" t="s">
        <v>120</v>
      </c>
      <c r="M108" t="s">
        <v>89</v>
      </c>
      <c r="N108" t="s">
        <v>90</v>
      </c>
      <c r="O108" t="s">
        <v>85</v>
      </c>
      <c r="P108" t="s">
        <v>86</v>
      </c>
      <c r="Q108">
        <v>22</v>
      </c>
      <c r="R108">
        <v>23</v>
      </c>
      <c r="S108">
        <v>23</v>
      </c>
      <c r="T108">
        <v>24</v>
      </c>
      <c r="U108">
        <v>24</v>
      </c>
      <c r="V108">
        <v>25</v>
      </c>
      <c r="W108">
        <v>25</v>
      </c>
      <c r="X108">
        <v>26</v>
      </c>
      <c r="Y108">
        <v>26</v>
      </c>
      <c r="Z108">
        <v>27</v>
      </c>
      <c r="AA108">
        <v>27</v>
      </c>
      <c r="AB108">
        <v>27</v>
      </c>
      <c r="AC108">
        <v>28</v>
      </c>
      <c r="AD108">
        <v>28</v>
      </c>
      <c r="AE108">
        <v>29</v>
      </c>
      <c r="AF108">
        <v>29</v>
      </c>
      <c r="AG108">
        <v>29</v>
      </c>
      <c r="AH108">
        <v>29</v>
      </c>
      <c r="AI108">
        <v>29</v>
      </c>
      <c r="AJ108">
        <v>29</v>
      </c>
      <c r="AK108">
        <v>29</v>
      </c>
      <c r="AL108">
        <v>29</v>
      </c>
      <c r="AM108">
        <v>29</v>
      </c>
      <c r="AN108">
        <v>29</v>
      </c>
      <c r="AO108">
        <v>29</v>
      </c>
      <c r="AP108">
        <v>29</v>
      </c>
      <c r="AQ108">
        <v>29</v>
      </c>
    </row>
    <row r="109" spans="1:43">
      <c r="A109" t="s">
        <v>159</v>
      </c>
      <c r="B109" t="s">
        <v>160</v>
      </c>
      <c r="C109" t="s">
        <v>161</v>
      </c>
      <c r="D109" t="s">
        <v>162</v>
      </c>
      <c r="E109" t="s">
        <v>102</v>
      </c>
      <c r="F109" t="s">
        <v>103</v>
      </c>
      <c r="G109" t="s">
        <v>80</v>
      </c>
      <c r="H109" t="s">
        <v>81</v>
      </c>
      <c r="I109" s="2">
        <v>1</v>
      </c>
      <c r="J109" s="2">
        <v>0</v>
      </c>
      <c r="K109" s="2">
        <v>0</v>
      </c>
      <c r="L109" t="s">
        <v>120</v>
      </c>
      <c r="M109" t="s">
        <v>83</v>
      </c>
      <c r="N109" t="s">
        <v>91</v>
      </c>
      <c r="O109" t="s">
        <v>85</v>
      </c>
      <c r="P109" t="s">
        <v>86</v>
      </c>
      <c r="Q109">
        <v>22</v>
      </c>
      <c r="R109">
        <v>22</v>
      </c>
      <c r="S109">
        <v>23</v>
      </c>
      <c r="T109">
        <v>23</v>
      </c>
      <c r="U109">
        <v>23</v>
      </c>
      <c r="V109">
        <v>24</v>
      </c>
      <c r="W109">
        <v>24</v>
      </c>
      <c r="X109">
        <v>24</v>
      </c>
      <c r="Y109">
        <v>25</v>
      </c>
      <c r="Z109">
        <v>25</v>
      </c>
      <c r="AA109">
        <v>25</v>
      </c>
      <c r="AB109">
        <v>26</v>
      </c>
      <c r="AC109">
        <v>26</v>
      </c>
      <c r="AD109">
        <v>26</v>
      </c>
      <c r="AE109">
        <v>27</v>
      </c>
      <c r="AF109">
        <v>27</v>
      </c>
      <c r="AG109">
        <v>27</v>
      </c>
      <c r="AH109">
        <v>28</v>
      </c>
      <c r="AI109">
        <v>28</v>
      </c>
      <c r="AJ109">
        <v>28</v>
      </c>
      <c r="AK109">
        <v>29</v>
      </c>
      <c r="AL109">
        <v>29</v>
      </c>
      <c r="AM109">
        <v>29</v>
      </c>
      <c r="AN109">
        <v>29</v>
      </c>
      <c r="AO109">
        <v>29</v>
      </c>
      <c r="AP109">
        <v>29</v>
      </c>
      <c r="AQ109">
        <v>29</v>
      </c>
    </row>
    <row r="110" spans="1:43">
      <c r="A110" t="s">
        <v>163</v>
      </c>
      <c r="B110" t="s">
        <v>164</v>
      </c>
      <c r="C110" t="s">
        <v>161</v>
      </c>
      <c r="D110" t="s">
        <v>162</v>
      </c>
      <c r="E110" t="s">
        <v>102</v>
      </c>
      <c r="F110" t="s">
        <v>103</v>
      </c>
      <c r="G110" t="s">
        <v>80</v>
      </c>
      <c r="H110" t="s">
        <v>81</v>
      </c>
      <c r="I110" s="2">
        <v>1</v>
      </c>
      <c r="J110" s="2">
        <v>0</v>
      </c>
      <c r="K110" s="2">
        <v>0</v>
      </c>
      <c r="L110" t="s">
        <v>120</v>
      </c>
      <c r="M110" t="s">
        <v>83</v>
      </c>
      <c r="N110" t="s">
        <v>84</v>
      </c>
      <c r="O110" t="s">
        <v>85</v>
      </c>
      <c r="P110" t="s">
        <v>86</v>
      </c>
      <c r="Q110">
        <v>43</v>
      </c>
      <c r="R110">
        <v>44</v>
      </c>
      <c r="S110">
        <v>45</v>
      </c>
      <c r="T110">
        <v>45</v>
      </c>
      <c r="U110">
        <v>46</v>
      </c>
      <c r="V110">
        <v>47</v>
      </c>
      <c r="W110">
        <v>47</v>
      </c>
      <c r="X110">
        <v>48</v>
      </c>
      <c r="Y110">
        <v>49</v>
      </c>
      <c r="Z110">
        <v>49</v>
      </c>
      <c r="AA110">
        <v>50</v>
      </c>
      <c r="AB110">
        <v>51</v>
      </c>
      <c r="AC110">
        <v>51</v>
      </c>
      <c r="AD110">
        <v>52</v>
      </c>
      <c r="AE110">
        <v>53</v>
      </c>
      <c r="AF110">
        <v>53</v>
      </c>
      <c r="AG110">
        <v>54</v>
      </c>
      <c r="AH110">
        <v>55</v>
      </c>
      <c r="AI110">
        <v>55</v>
      </c>
      <c r="AJ110">
        <v>56</v>
      </c>
      <c r="AK110">
        <v>57</v>
      </c>
      <c r="AL110">
        <v>57</v>
      </c>
      <c r="AM110">
        <v>57</v>
      </c>
      <c r="AN110">
        <v>57</v>
      </c>
      <c r="AO110">
        <v>57</v>
      </c>
      <c r="AP110">
        <v>57</v>
      </c>
      <c r="AQ110">
        <v>57</v>
      </c>
    </row>
    <row r="111" spans="1:43">
      <c r="A111" t="s">
        <v>163</v>
      </c>
      <c r="B111" t="s">
        <v>164</v>
      </c>
      <c r="C111" t="s">
        <v>161</v>
      </c>
      <c r="D111" t="s">
        <v>162</v>
      </c>
      <c r="E111" t="s">
        <v>102</v>
      </c>
      <c r="F111" t="s">
        <v>103</v>
      </c>
      <c r="G111" t="s">
        <v>80</v>
      </c>
      <c r="H111" t="s">
        <v>81</v>
      </c>
      <c r="I111" s="2">
        <v>1</v>
      </c>
      <c r="J111" s="2">
        <v>0</v>
      </c>
      <c r="K111" s="2">
        <v>0</v>
      </c>
      <c r="L111" t="s">
        <v>120</v>
      </c>
      <c r="M111" t="s">
        <v>87</v>
      </c>
      <c r="N111" t="s">
        <v>88</v>
      </c>
      <c r="O111" t="s">
        <v>85</v>
      </c>
      <c r="P111" t="s">
        <v>86</v>
      </c>
      <c r="Q111">
        <v>43</v>
      </c>
      <c r="R111">
        <v>43</v>
      </c>
      <c r="S111">
        <v>43</v>
      </c>
      <c r="T111">
        <v>44</v>
      </c>
      <c r="U111">
        <v>44</v>
      </c>
      <c r="V111">
        <v>44</v>
      </c>
      <c r="W111">
        <v>45</v>
      </c>
      <c r="X111">
        <v>45</v>
      </c>
      <c r="Y111">
        <v>45</v>
      </c>
      <c r="Z111">
        <v>45</v>
      </c>
      <c r="AA111">
        <v>46</v>
      </c>
      <c r="AB111">
        <v>46</v>
      </c>
      <c r="AC111">
        <v>46</v>
      </c>
      <c r="AD111">
        <v>47</v>
      </c>
      <c r="AE111">
        <v>47</v>
      </c>
      <c r="AF111">
        <v>47</v>
      </c>
      <c r="AG111">
        <v>47</v>
      </c>
      <c r="AH111">
        <v>48</v>
      </c>
      <c r="AI111">
        <v>48</v>
      </c>
      <c r="AJ111">
        <v>48</v>
      </c>
      <c r="AK111">
        <v>48</v>
      </c>
      <c r="AL111">
        <v>49</v>
      </c>
      <c r="AM111">
        <v>49</v>
      </c>
      <c r="AN111">
        <v>49</v>
      </c>
      <c r="AO111">
        <v>50</v>
      </c>
      <c r="AP111">
        <v>50</v>
      </c>
      <c r="AQ111">
        <v>50</v>
      </c>
    </row>
    <row r="112" spans="1:43">
      <c r="A112" t="s">
        <v>163</v>
      </c>
      <c r="B112" t="s">
        <v>164</v>
      </c>
      <c r="C112" t="s">
        <v>161</v>
      </c>
      <c r="D112" t="s">
        <v>162</v>
      </c>
      <c r="E112" t="s">
        <v>102</v>
      </c>
      <c r="F112" t="s">
        <v>103</v>
      </c>
      <c r="G112" t="s">
        <v>80</v>
      </c>
      <c r="H112" t="s">
        <v>81</v>
      </c>
      <c r="I112" s="2">
        <v>1</v>
      </c>
      <c r="J112" s="2">
        <v>0</v>
      </c>
      <c r="K112" s="2">
        <v>0</v>
      </c>
      <c r="L112" t="s">
        <v>120</v>
      </c>
      <c r="M112" t="s">
        <v>89</v>
      </c>
      <c r="N112" t="s">
        <v>90</v>
      </c>
      <c r="O112" t="s">
        <v>85</v>
      </c>
      <c r="P112" t="s">
        <v>86</v>
      </c>
      <c r="Q112">
        <v>43</v>
      </c>
      <c r="R112">
        <v>44</v>
      </c>
      <c r="S112">
        <v>45</v>
      </c>
      <c r="T112">
        <v>46</v>
      </c>
      <c r="U112">
        <v>47</v>
      </c>
      <c r="V112">
        <v>48</v>
      </c>
      <c r="W112">
        <v>49</v>
      </c>
      <c r="X112">
        <v>50</v>
      </c>
      <c r="Y112">
        <v>51</v>
      </c>
      <c r="Z112">
        <v>51</v>
      </c>
      <c r="AA112">
        <v>52</v>
      </c>
      <c r="AB112">
        <v>53</v>
      </c>
      <c r="AC112">
        <v>54</v>
      </c>
      <c r="AD112">
        <v>55</v>
      </c>
      <c r="AE112">
        <v>55</v>
      </c>
      <c r="AF112">
        <v>56</v>
      </c>
      <c r="AG112">
        <v>56</v>
      </c>
      <c r="AH112">
        <v>56</v>
      </c>
      <c r="AI112">
        <v>56</v>
      </c>
      <c r="AJ112">
        <v>56</v>
      </c>
      <c r="AK112">
        <v>56</v>
      </c>
      <c r="AL112">
        <v>56</v>
      </c>
      <c r="AM112">
        <v>56</v>
      </c>
      <c r="AN112">
        <v>57</v>
      </c>
      <c r="AO112">
        <v>57</v>
      </c>
      <c r="AP112">
        <v>57</v>
      </c>
      <c r="AQ112">
        <v>57</v>
      </c>
    </row>
    <row r="113" spans="1:43">
      <c r="A113" t="s">
        <v>163</v>
      </c>
      <c r="B113" t="s">
        <v>164</v>
      </c>
      <c r="C113" t="s">
        <v>161</v>
      </c>
      <c r="D113" t="s">
        <v>162</v>
      </c>
      <c r="E113" t="s">
        <v>102</v>
      </c>
      <c r="F113" t="s">
        <v>103</v>
      </c>
      <c r="G113" t="s">
        <v>80</v>
      </c>
      <c r="H113" t="s">
        <v>81</v>
      </c>
      <c r="I113" s="2">
        <v>1</v>
      </c>
      <c r="J113" s="2">
        <v>0</v>
      </c>
      <c r="K113" s="2">
        <v>0</v>
      </c>
      <c r="L113" t="s">
        <v>120</v>
      </c>
      <c r="M113" t="s">
        <v>83</v>
      </c>
      <c r="N113" t="s">
        <v>91</v>
      </c>
      <c r="O113" t="s">
        <v>85</v>
      </c>
      <c r="P113" t="s">
        <v>86</v>
      </c>
      <c r="Q113">
        <v>43</v>
      </c>
      <c r="R113">
        <v>44</v>
      </c>
      <c r="S113">
        <v>45</v>
      </c>
      <c r="T113">
        <v>45</v>
      </c>
      <c r="U113">
        <v>46</v>
      </c>
      <c r="V113">
        <v>47</v>
      </c>
      <c r="W113">
        <v>47</v>
      </c>
      <c r="X113">
        <v>48</v>
      </c>
      <c r="Y113">
        <v>49</v>
      </c>
      <c r="Z113">
        <v>49</v>
      </c>
      <c r="AA113">
        <v>50</v>
      </c>
      <c r="AB113">
        <v>51</v>
      </c>
      <c r="AC113">
        <v>51</v>
      </c>
      <c r="AD113">
        <v>52</v>
      </c>
      <c r="AE113">
        <v>53</v>
      </c>
      <c r="AF113">
        <v>53</v>
      </c>
      <c r="AG113">
        <v>54</v>
      </c>
      <c r="AH113">
        <v>55</v>
      </c>
      <c r="AI113">
        <v>55</v>
      </c>
      <c r="AJ113">
        <v>56</v>
      </c>
      <c r="AK113">
        <v>57</v>
      </c>
      <c r="AL113">
        <v>57</v>
      </c>
      <c r="AM113">
        <v>57</v>
      </c>
      <c r="AN113">
        <v>57</v>
      </c>
      <c r="AO113">
        <v>57</v>
      </c>
      <c r="AP113">
        <v>57</v>
      </c>
      <c r="AQ113">
        <v>57</v>
      </c>
    </row>
    <row r="114" spans="1:43">
      <c r="A114" t="s">
        <v>165</v>
      </c>
      <c r="B114" t="s">
        <v>166</v>
      </c>
      <c r="C114" t="s">
        <v>167</v>
      </c>
      <c r="D114" t="s">
        <v>168</v>
      </c>
      <c r="E114" t="s">
        <v>102</v>
      </c>
      <c r="F114" t="s">
        <v>103</v>
      </c>
      <c r="G114" t="s">
        <v>80</v>
      </c>
      <c r="H114" t="s">
        <v>81</v>
      </c>
      <c r="I114" s="2">
        <v>1</v>
      </c>
      <c r="J114" s="2">
        <v>0</v>
      </c>
      <c r="K114" s="2">
        <v>0</v>
      </c>
      <c r="L114" t="s">
        <v>120</v>
      </c>
      <c r="M114" t="s">
        <v>83</v>
      </c>
      <c r="N114" t="s">
        <v>84</v>
      </c>
      <c r="O114" t="s">
        <v>85</v>
      </c>
      <c r="P114" t="s">
        <v>86</v>
      </c>
      <c r="Q114">
        <v>17</v>
      </c>
      <c r="R114">
        <v>18</v>
      </c>
      <c r="S114">
        <v>18</v>
      </c>
      <c r="T114">
        <v>18</v>
      </c>
      <c r="U114">
        <v>19</v>
      </c>
      <c r="V114">
        <v>19</v>
      </c>
      <c r="W114">
        <v>19</v>
      </c>
      <c r="X114">
        <v>19</v>
      </c>
      <c r="Y114">
        <v>20</v>
      </c>
      <c r="Z114">
        <v>20</v>
      </c>
      <c r="AA114">
        <v>20</v>
      </c>
      <c r="AB114">
        <v>20</v>
      </c>
      <c r="AC114">
        <v>21</v>
      </c>
      <c r="AD114">
        <v>21</v>
      </c>
      <c r="AE114">
        <v>21</v>
      </c>
      <c r="AF114">
        <v>21</v>
      </c>
      <c r="AG114">
        <v>22</v>
      </c>
      <c r="AH114">
        <v>22</v>
      </c>
      <c r="AI114">
        <v>22</v>
      </c>
      <c r="AJ114">
        <v>23</v>
      </c>
      <c r="AK114">
        <v>23</v>
      </c>
      <c r="AL114">
        <v>23</v>
      </c>
      <c r="AM114">
        <v>23</v>
      </c>
      <c r="AN114">
        <v>23</v>
      </c>
      <c r="AO114">
        <v>23</v>
      </c>
      <c r="AP114">
        <v>23</v>
      </c>
      <c r="AQ114">
        <v>23</v>
      </c>
    </row>
    <row r="115" spans="1:43">
      <c r="A115" t="s">
        <v>165</v>
      </c>
      <c r="B115" t="s">
        <v>166</v>
      </c>
      <c r="C115" t="s">
        <v>167</v>
      </c>
      <c r="D115" t="s">
        <v>168</v>
      </c>
      <c r="E115" t="s">
        <v>102</v>
      </c>
      <c r="F115" t="s">
        <v>103</v>
      </c>
      <c r="G115" t="s">
        <v>80</v>
      </c>
      <c r="H115" t="s">
        <v>81</v>
      </c>
      <c r="I115" s="2">
        <v>1</v>
      </c>
      <c r="J115" s="2">
        <v>0</v>
      </c>
      <c r="K115" s="2">
        <v>0</v>
      </c>
      <c r="L115" t="s">
        <v>120</v>
      </c>
      <c r="M115" t="s">
        <v>87</v>
      </c>
      <c r="N115" t="s">
        <v>88</v>
      </c>
      <c r="O115" t="s">
        <v>85</v>
      </c>
      <c r="P115" t="s">
        <v>86</v>
      </c>
      <c r="Q115">
        <v>17</v>
      </c>
      <c r="R115">
        <v>17</v>
      </c>
      <c r="S115">
        <v>17</v>
      </c>
      <c r="T115">
        <v>18</v>
      </c>
      <c r="U115">
        <v>18</v>
      </c>
      <c r="V115">
        <v>18</v>
      </c>
      <c r="W115">
        <v>18</v>
      </c>
      <c r="X115">
        <v>18</v>
      </c>
      <c r="Y115">
        <v>18</v>
      </c>
      <c r="Z115">
        <v>18</v>
      </c>
      <c r="AA115">
        <v>18</v>
      </c>
      <c r="AB115">
        <v>19</v>
      </c>
      <c r="AC115">
        <v>19</v>
      </c>
      <c r="AD115">
        <v>19</v>
      </c>
      <c r="AE115">
        <v>19</v>
      </c>
      <c r="AF115">
        <v>19</v>
      </c>
      <c r="AG115">
        <v>19</v>
      </c>
      <c r="AH115">
        <v>19</v>
      </c>
      <c r="AI115">
        <v>19</v>
      </c>
      <c r="AJ115">
        <v>20</v>
      </c>
      <c r="AK115">
        <v>20</v>
      </c>
      <c r="AL115">
        <v>20</v>
      </c>
      <c r="AM115">
        <v>20</v>
      </c>
      <c r="AN115">
        <v>20</v>
      </c>
      <c r="AO115">
        <v>20</v>
      </c>
      <c r="AP115">
        <v>20</v>
      </c>
      <c r="AQ115">
        <v>20</v>
      </c>
    </row>
    <row r="116" spans="1:43">
      <c r="A116" t="s">
        <v>165</v>
      </c>
      <c r="B116" t="s">
        <v>166</v>
      </c>
      <c r="C116" t="s">
        <v>167</v>
      </c>
      <c r="D116" t="s">
        <v>168</v>
      </c>
      <c r="E116" t="s">
        <v>102</v>
      </c>
      <c r="F116" t="s">
        <v>103</v>
      </c>
      <c r="G116" t="s">
        <v>80</v>
      </c>
      <c r="H116" t="s">
        <v>81</v>
      </c>
      <c r="I116" s="2">
        <v>1</v>
      </c>
      <c r="J116" s="2">
        <v>0</v>
      </c>
      <c r="K116" s="2">
        <v>0</v>
      </c>
      <c r="L116" t="s">
        <v>120</v>
      </c>
      <c r="M116" t="s">
        <v>89</v>
      </c>
      <c r="N116" t="s">
        <v>90</v>
      </c>
      <c r="O116" t="s">
        <v>85</v>
      </c>
      <c r="P116" t="s">
        <v>86</v>
      </c>
      <c r="Q116">
        <v>17</v>
      </c>
      <c r="R116">
        <v>18</v>
      </c>
      <c r="S116">
        <v>18</v>
      </c>
      <c r="T116">
        <v>19</v>
      </c>
      <c r="U116">
        <v>19</v>
      </c>
      <c r="V116">
        <v>20</v>
      </c>
      <c r="W116">
        <v>20</v>
      </c>
      <c r="X116">
        <v>20</v>
      </c>
      <c r="Y116">
        <v>21</v>
      </c>
      <c r="Z116">
        <v>21</v>
      </c>
      <c r="AA116">
        <v>21</v>
      </c>
      <c r="AB116">
        <v>22</v>
      </c>
      <c r="AC116">
        <v>22</v>
      </c>
      <c r="AD116">
        <v>22</v>
      </c>
      <c r="AE116">
        <v>23</v>
      </c>
      <c r="AF116">
        <v>23</v>
      </c>
      <c r="AG116">
        <v>23</v>
      </c>
      <c r="AH116">
        <v>23</v>
      </c>
      <c r="AI116">
        <v>23</v>
      </c>
      <c r="AJ116">
        <v>23</v>
      </c>
      <c r="AK116">
        <v>23</v>
      </c>
      <c r="AL116">
        <v>23</v>
      </c>
      <c r="AM116">
        <v>23</v>
      </c>
      <c r="AN116">
        <v>23</v>
      </c>
      <c r="AO116">
        <v>23</v>
      </c>
      <c r="AP116">
        <v>23</v>
      </c>
      <c r="AQ116">
        <v>23</v>
      </c>
    </row>
    <row r="117" spans="1:43">
      <c r="A117" t="s">
        <v>165</v>
      </c>
      <c r="B117" t="s">
        <v>166</v>
      </c>
      <c r="C117" t="s">
        <v>167</v>
      </c>
      <c r="D117" t="s">
        <v>168</v>
      </c>
      <c r="E117" t="s">
        <v>102</v>
      </c>
      <c r="F117" t="s">
        <v>103</v>
      </c>
      <c r="G117" t="s">
        <v>80</v>
      </c>
      <c r="H117" t="s">
        <v>81</v>
      </c>
      <c r="I117" s="2">
        <v>1</v>
      </c>
      <c r="J117" s="2">
        <v>0</v>
      </c>
      <c r="K117" s="2">
        <v>0</v>
      </c>
      <c r="L117" t="s">
        <v>120</v>
      </c>
      <c r="M117" t="s">
        <v>83</v>
      </c>
      <c r="N117" t="s">
        <v>91</v>
      </c>
      <c r="O117" t="s">
        <v>85</v>
      </c>
      <c r="P117" t="s">
        <v>86</v>
      </c>
      <c r="Q117">
        <v>17</v>
      </c>
      <c r="R117">
        <v>18</v>
      </c>
      <c r="S117">
        <v>18</v>
      </c>
      <c r="T117">
        <v>18</v>
      </c>
      <c r="U117">
        <v>19</v>
      </c>
      <c r="V117">
        <v>19</v>
      </c>
      <c r="W117">
        <v>19</v>
      </c>
      <c r="X117">
        <v>19</v>
      </c>
      <c r="Y117">
        <v>20</v>
      </c>
      <c r="Z117">
        <v>20</v>
      </c>
      <c r="AA117">
        <v>20</v>
      </c>
      <c r="AB117">
        <v>20</v>
      </c>
      <c r="AC117">
        <v>21</v>
      </c>
      <c r="AD117">
        <v>21</v>
      </c>
      <c r="AE117">
        <v>21</v>
      </c>
      <c r="AF117">
        <v>21</v>
      </c>
      <c r="AG117">
        <v>22</v>
      </c>
      <c r="AH117">
        <v>22</v>
      </c>
      <c r="AI117">
        <v>22</v>
      </c>
      <c r="AJ117">
        <v>23</v>
      </c>
      <c r="AK117">
        <v>23</v>
      </c>
      <c r="AL117">
        <v>23</v>
      </c>
      <c r="AM117">
        <v>23</v>
      </c>
      <c r="AN117">
        <v>23</v>
      </c>
      <c r="AO117">
        <v>23</v>
      </c>
      <c r="AP117">
        <v>23</v>
      </c>
      <c r="AQ117">
        <v>23</v>
      </c>
    </row>
    <row r="118" spans="1:43">
      <c r="A118" t="s">
        <v>169</v>
      </c>
      <c r="B118" t="s">
        <v>170</v>
      </c>
      <c r="C118" t="s">
        <v>171</v>
      </c>
      <c r="D118" t="s">
        <v>172</v>
      </c>
      <c r="E118" t="s">
        <v>102</v>
      </c>
      <c r="F118" t="s">
        <v>103</v>
      </c>
      <c r="G118" t="s">
        <v>80</v>
      </c>
      <c r="H118" t="s">
        <v>81</v>
      </c>
      <c r="I118" s="2">
        <v>1</v>
      </c>
      <c r="J118" s="2">
        <v>0</v>
      </c>
      <c r="K118" s="2">
        <v>0</v>
      </c>
      <c r="L118" t="s">
        <v>120</v>
      </c>
      <c r="M118" t="s">
        <v>83</v>
      </c>
      <c r="N118" t="s">
        <v>84</v>
      </c>
      <c r="O118" t="s">
        <v>85</v>
      </c>
      <c r="P118" t="s">
        <v>86</v>
      </c>
      <c r="Q118">
        <v>8</v>
      </c>
      <c r="R118">
        <v>8</v>
      </c>
      <c r="S118">
        <v>8</v>
      </c>
      <c r="T118">
        <v>8</v>
      </c>
      <c r="U118">
        <v>9</v>
      </c>
      <c r="V118">
        <v>9</v>
      </c>
      <c r="W118">
        <v>9</v>
      </c>
      <c r="X118">
        <v>9</v>
      </c>
      <c r="Y118">
        <v>9</v>
      </c>
      <c r="Z118">
        <v>9</v>
      </c>
      <c r="AA118">
        <v>9</v>
      </c>
      <c r="AB118">
        <v>9</v>
      </c>
      <c r="AC118">
        <v>10</v>
      </c>
      <c r="AD118">
        <v>10</v>
      </c>
      <c r="AE118">
        <v>10</v>
      </c>
      <c r="AF118">
        <v>10</v>
      </c>
      <c r="AG118">
        <v>10</v>
      </c>
      <c r="AH118">
        <v>10</v>
      </c>
      <c r="AI118">
        <v>10</v>
      </c>
      <c r="AJ118">
        <v>10</v>
      </c>
      <c r="AK118">
        <v>11</v>
      </c>
      <c r="AL118">
        <v>11</v>
      </c>
      <c r="AM118">
        <v>11</v>
      </c>
      <c r="AN118">
        <v>11</v>
      </c>
      <c r="AO118">
        <v>11</v>
      </c>
      <c r="AP118">
        <v>11</v>
      </c>
      <c r="AQ118">
        <v>11</v>
      </c>
    </row>
    <row r="119" spans="1:43">
      <c r="A119" t="s">
        <v>169</v>
      </c>
      <c r="B119" t="s">
        <v>170</v>
      </c>
      <c r="C119" t="s">
        <v>171</v>
      </c>
      <c r="D119" t="s">
        <v>172</v>
      </c>
      <c r="E119" t="s">
        <v>102</v>
      </c>
      <c r="F119" t="s">
        <v>103</v>
      </c>
      <c r="G119" t="s">
        <v>80</v>
      </c>
      <c r="H119" t="s">
        <v>81</v>
      </c>
      <c r="I119" s="2">
        <v>1</v>
      </c>
      <c r="J119" s="2">
        <v>0</v>
      </c>
      <c r="K119" s="2">
        <v>0</v>
      </c>
      <c r="L119" t="s">
        <v>120</v>
      </c>
      <c r="M119" t="s">
        <v>87</v>
      </c>
      <c r="N119" t="s">
        <v>88</v>
      </c>
      <c r="O119" t="s">
        <v>85</v>
      </c>
      <c r="P119" t="s">
        <v>86</v>
      </c>
      <c r="Q119">
        <v>8</v>
      </c>
      <c r="R119">
        <v>8</v>
      </c>
      <c r="S119">
        <v>8</v>
      </c>
      <c r="T119">
        <v>8</v>
      </c>
      <c r="U119">
        <v>8</v>
      </c>
      <c r="V119">
        <v>8</v>
      </c>
      <c r="W119">
        <v>8</v>
      </c>
      <c r="X119">
        <v>8</v>
      </c>
      <c r="Y119">
        <v>8</v>
      </c>
      <c r="Z119">
        <v>8</v>
      </c>
      <c r="AA119">
        <v>9</v>
      </c>
      <c r="AB119">
        <v>9</v>
      </c>
      <c r="AC119">
        <v>9</v>
      </c>
      <c r="AD119">
        <v>9</v>
      </c>
      <c r="AE119">
        <v>9</v>
      </c>
      <c r="AF119">
        <v>9</v>
      </c>
      <c r="AG119">
        <v>9</v>
      </c>
      <c r="AH119">
        <v>9</v>
      </c>
      <c r="AI119">
        <v>9</v>
      </c>
      <c r="AJ119">
        <v>9</v>
      </c>
      <c r="AK119">
        <v>9</v>
      </c>
      <c r="AL119">
        <v>9</v>
      </c>
      <c r="AM119">
        <v>9</v>
      </c>
      <c r="AN119">
        <v>9</v>
      </c>
      <c r="AO119">
        <v>9</v>
      </c>
      <c r="AP119">
        <v>9</v>
      </c>
      <c r="AQ119">
        <v>9</v>
      </c>
    </row>
    <row r="120" spans="1:43">
      <c r="A120" t="s">
        <v>169</v>
      </c>
      <c r="B120" t="s">
        <v>170</v>
      </c>
      <c r="C120" t="s">
        <v>171</v>
      </c>
      <c r="D120" t="s">
        <v>172</v>
      </c>
      <c r="E120" t="s">
        <v>102</v>
      </c>
      <c r="F120" t="s">
        <v>103</v>
      </c>
      <c r="G120" t="s">
        <v>80</v>
      </c>
      <c r="H120" t="s">
        <v>81</v>
      </c>
      <c r="I120" s="2">
        <v>1</v>
      </c>
      <c r="J120" s="2">
        <v>0</v>
      </c>
      <c r="K120" s="2">
        <v>0</v>
      </c>
      <c r="L120" t="s">
        <v>120</v>
      </c>
      <c r="M120" t="s">
        <v>89</v>
      </c>
      <c r="N120" t="s">
        <v>90</v>
      </c>
      <c r="O120" t="s">
        <v>85</v>
      </c>
      <c r="P120" t="s">
        <v>86</v>
      </c>
      <c r="Q120">
        <v>8</v>
      </c>
      <c r="R120">
        <v>8</v>
      </c>
      <c r="S120">
        <v>8</v>
      </c>
      <c r="T120">
        <v>9</v>
      </c>
      <c r="U120">
        <v>9</v>
      </c>
      <c r="V120">
        <v>9</v>
      </c>
      <c r="W120">
        <v>9</v>
      </c>
      <c r="X120">
        <v>9</v>
      </c>
      <c r="Y120">
        <v>10</v>
      </c>
      <c r="Z120">
        <v>10</v>
      </c>
      <c r="AA120">
        <v>10</v>
      </c>
      <c r="AB120">
        <v>10</v>
      </c>
      <c r="AC120">
        <v>10</v>
      </c>
      <c r="AD120">
        <v>10</v>
      </c>
      <c r="AE120">
        <v>10</v>
      </c>
      <c r="AF120">
        <v>10</v>
      </c>
      <c r="AG120">
        <v>11</v>
      </c>
      <c r="AH120">
        <v>11</v>
      </c>
      <c r="AI120">
        <v>11</v>
      </c>
      <c r="AJ120">
        <v>11</v>
      </c>
      <c r="AK120">
        <v>11</v>
      </c>
      <c r="AL120">
        <v>11</v>
      </c>
      <c r="AM120">
        <v>11</v>
      </c>
      <c r="AN120">
        <v>11</v>
      </c>
      <c r="AO120">
        <v>11</v>
      </c>
      <c r="AP120">
        <v>11</v>
      </c>
      <c r="AQ120">
        <v>11</v>
      </c>
    </row>
    <row r="121" spans="1:43">
      <c r="A121" t="s">
        <v>169</v>
      </c>
      <c r="B121" t="s">
        <v>170</v>
      </c>
      <c r="C121" t="s">
        <v>171</v>
      </c>
      <c r="D121" t="s">
        <v>172</v>
      </c>
      <c r="E121" t="s">
        <v>102</v>
      </c>
      <c r="F121" t="s">
        <v>103</v>
      </c>
      <c r="G121" t="s">
        <v>80</v>
      </c>
      <c r="H121" t="s">
        <v>81</v>
      </c>
      <c r="I121" s="2">
        <v>1</v>
      </c>
      <c r="J121" s="2">
        <v>0</v>
      </c>
      <c r="K121" s="2">
        <v>0</v>
      </c>
      <c r="L121" t="s">
        <v>120</v>
      </c>
      <c r="M121" t="s">
        <v>83</v>
      </c>
      <c r="N121" t="s">
        <v>91</v>
      </c>
      <c r="O121" t="s">
        <v>85</v>
      </c>
      <c r="P121" t="s">
        <v>86</v>
      </c>
      <c r="Q121">
        <v>8</v>
      </c>
      <c r="R121">
        <v>8</v>
      </c>
      <c r="S121">
        <v>8</v>
      </c>
      <c r="T121">
        <v>8</v>
      </c>
      <c r="U121">
        <v>9</v>
      </c>
      <c r="V121">
        <v>9</v>
      </c>
      <c r="W121">
        <v>9</v>
      </c>
      <c r="X121">
        <v>9</v>
      </c>
      <c r="Y121">
        <v>9</v>
      </c>
      <c r="Z121">
        <v>9</v>
      </c>
      <c r="AA121">
        <v>9</v>
      </c>
      <c r="AB121">
        <v>9</v>
      </c>
      <c r="AC121">
        <v>10</v>
      </c>
      <c r="AD121">
        <v>10</v>
      </c>
      <c r="AE121">
        <v>10</v>
      </c>
      <c r="AF121">
        <v>10</v>
      </c>
      <c r="AG121">
        <v>10</v>
      </c>
      <c r="AH121">
        <v>10</v>
      </c>
      <c r="AI121">
        <v>10</v>
      </c>
      <c r="AJ121">
        <v>10</v>
      </c>
      <c r="AK121">
        <v>11</v>
      </c>
      <c r="AL121">
        <v>11</v>
      </c>
      <c r="AM121">
        <v>11</v>
      </c>
      <c r="AN121">
        <v>11</v>
      </c>
      <c r="AO121">
        <v>11</v>
      </c>
      <c r="AP121">
        <v>11</v>
      </c>
      <c r="AQ121">
        <v>11</v>
      </c>
    </row>
    <row r="122" spans="1:43">
      <c r="A122" t="s">
        <v>173</v>
      </c>
      <c r="B122" t="s">
        <v>174</v>
      </c>
      <c r="C122" t="s">
        <v>175</v>
      </c>
      <c r="D122" t="s">
        <v>176</v>
      </c>
      <c r="E122" t="s">
        <v>102</v>
      </c>
      <c r="F122" t="s">
        <v>103</v>
      </c>
      <c r="G122" t="s">
        <v>80</v>
      </c>
      <c r="H122" t="s">
        <v>81</v>
      </c>
      <c r="I122" s="2">
        <v>1</v>
      </c>
      <c r="J122" s="2">
        <v>0</v>
      </c>
      <c r="K122" s="2">
        <v>0</v>
      </c>
      <c r="L122" t="s">
        <v>120</v>
      </c>
      <c r="M122" t="s">
        <v>83</v>
      </c>
      <c r="N122" t="s">
        <v>84</v>
      </c>
      <c r="O122" t="s">
        <v>85</v>
      </c>
      <c r="P122" t="s">
        <v>86</v>
      </c>
      <c r="Q122">
        <v>67</v>
      </c>
      <c r="R122">
        <v>68</v>
      </c>
      <c r="S122">
        <v>70</v>
      </c>
      <c r="T122">
        <v>71</v>
      </c>
      <c r="U122">
        <v>72</v>
      </c>
      <c r="V122">
        <v>73</v>
      </c>
      <c r="W122">
        <v>74</v>
      </c>
      <c r="X122">
        <v>75</v>
      </c>
      <c r="Y122">
        <v>76</v>
      </c>
      <c r="Z122">
        <v>77</v>
      </c>
      <c r="AA122">
        <v>78</v>
      </c>
      <c r="AB122">
        <v>79</v>
      </c>
      <c r="AC122">
        <v>80</v>
      </c>
      <c r="AD122">
        <v>81</v>
      </c>
      <c r="AE122">
        <v>82</v>
      </c>
      <c r="AF122">
        <v>83</v>
      </c>
      <c r="AG122">
        <v>84</v>
      </c>
      <c r="AH122">
        <v>85</v>
      </c>
      <c r="AI122">
        <v>86</v>
      </c>
      <c r="AJ122">
        <v>87</v>
      </c>
      <c r="AK122">
        <v>88</v>
      </c>
      <c r="AL122">
        <v>89</v>
      </c>
      <c r="AM122">
        <v>89</v>
      </c>
      <c r="AN122">
        <v>89</v>
      </c>
      <c r="AO122">
        <v>89</v>
      </c>
      <c r="AP122">
        <v>90</v>
      </c>
      <c r="AQ122">
        <v>90</v>
      </c>
    </row>
    <row r="123" spans="1:43">
      <c r="A123" t="s">
        <v>173</v>
      </c>
      <c r="B123" t="s">
        <v>174</v>
      </c>
      <c r="C123" t="s">
        <v>175</v>
      </c>
      <c r="D123" t="s">
        <v>176</v>
      </c>
      <c r="E123" t="s">
        <v>102</v>
      </c>
      <c r="F123" t="s">
        <v>103</v>
      </c>
      <c r="G123" t="s">
        <v>80</v>
      </c>
      <c r="H123" t="s">
        <v>81</v>
      </c>
      <c r="I123" s="2">
        <v>1</v>
      </c>
      <c r="J123" s="2">
        <v>0</v>
      </c>
      <c r="K123" s="2">
        <v>0</v>
      </c>
      <c r="L123" t="s">
        <v>120</v>
      </c>
      <c r="M123" t="s">
        <v>87</v>
      </c>
      <c r="N123" t="s">
        <v>88</v>
      </c>
      <c r="O123" t="s">
        <v>85</v>
      </c>
      <c r="P123" t="s">
        <v>86</v>
      </c>
      <c r="Q123">
        <v>67</v>
      </c>
      <c r="R123">
        <v>67</v>
      </c>
      <c r="S123">
        <v>68</v>
      </c>
      <c r="T123">
        <v>68</v>
      </c>
      <c r="U123">
        <v>69</v>
      </c>
      <c r="V123">
        <v>69</v>
      </c>
      <c r="W123">
        <v>70</v>
      </c>
      <c r="X123">
        <v>70</v>
      </c>
      <c r="Y123">
        <v>70</v>
      </c>
      <c r="Z123">
        <v>71</v>
      </c>
      <c r="AA123">
        <v>71</v>
      </c>
      <c r="AB123">
        <v>72</v>
      </c>
      <c r="AC123">
        <v>72</v>
      </c>
      <c r="AD123">
        <v>73</v>
      </c>
      <c r="AE123">
        <v>73</v>
      </c>
      <c r="AF123">
        <v>74</v>
      </c>
      <c r="AG123">
        <v>74</v>
      </c>
      <c r="AH123">
        <v>75</v>
      </c>
      <c r="AI123">
        <v>75</v>
      </c>
      <c r="AJ123">
        <v>76</v>
      </c>
      <c r="AK123">
        <v>76</v>
      </c>
      <c r="AL123">
        <v>76</v>
      </c>
      <c r="AM123">
        <v>77</v>
      </c>
      <c r="AN123">
        <v>77</v>
      </c>
      <c r="AO123">
        <v>78</v>
      </c>
      <c r="AP123">
        <v>78</v>
      </c>
      <c r="AQ123">
        <v>79</v>
      </c>
    </row>
    <row r="124" spans="1:43">
      <c r="A124" t="s">
        <v>173</v>
      </c>
      <c r="B124" t="s">
        <v>174</v>
      </c>
      <c r="C124" t="s">
        <v>175</v>
      </c>
      <c r="D124" t="s">
        <v>176</v>
      </c>
      <c r="E124" t="s">
        <v>102</v>
      </c>
      <c r="F124" t="s">
        <v>103</v>
      </c>
      <c r="G124" t="s">
        <v>80</v>
      </c>
      <c r="H124" t="s">
        <v>81</v>
      </c>
      <c r="I124" s="2">
        <v>1</v>
      </c>
      <c r="J124" s="2">
        <v>0</v>
      </c>
      <c r="K124" s="2">
        <v>0</v>
      </c>
      <c r="L124" t="s">
        <v>120</v>
      </c>
      <c r="M124" t="s">
        <v>89</v>
      </c>
      <c r="N124" t="s">
        <v>90</v>
      </c>
      <c r="O124" t="s">
        <v>85</v>
      </c>
      <c r="P124" t="s">
        <v>86</v>
      </c>
      <c r="Q124">
        <v>67</v>
      </c>
      <c r="R124">
        <v>69</v>
      </c>
      <c r="S124">
        <v>70</v>
      </c>
      <c r="T124">
        <v>72</v>
      </c>
      <c r="U124">
        <v>74</v>
      </c>
      <c r="V124">
        <v>75</v>
      </c>
      <c r="W124">
        <v>76</v>
      </c>
      <c r="X124">
        <v>78</v>
      </c>
      <c r="Y124">
        <v>79</v>
      </c>
      <c r="Z124">
        <v>81</v>
      </c>
      <c r="AA124">
        <v>82</v>
      </c>
      <c r="AB124">
        <v>83</v>
      </c>
      <c r="AC124">
        <v>85</v>
      </c>
      <c r="AD124">
        <v>86</v>
      </c>
      <c r="AE124">
        <v>87</v>
      </c>
      <c r="AF124">
        <v>87</v>
      </c>
      <c r="AG124">
        <v>87</v>
      </c>
      <c r="AH124">
        <v>88</v>
      </c>
      <c r="AI124">
        <v>88</v>
      </c>
      <c r="AJ124">
        <v>88</v>
      </c>
      <c r="AK124">
        <v>88</v>
      </c>
      <c r="AL124">
        <v>88</v>
      </c>
      <c r="AM124">
        <v>89</v>
      </c>
      <c r="AN124">
        <v>89</v>
      </c>
      <c r="AO124">
        <v>89</v>
      </c>
      <c r="AP124">
        <v>89</v>
      </c>
      <c r="AQ124">
        <v>89</v>
      </c>
    </row>
    <row r="125" spans="1:43">
      <c r="A125" t="s">
        <v>173</v>
      </c>
      <c r="B125" t="s">
        <v>174</v>
      </c>
      <c r="C125" t="s">
        <v>175</v>
      </c>
      <c r="D125" t="s">
        <v>176</v>
      </c>
      <c r="E125" t="s">
        <v>102</v>
      </c>
      <c r="F125" t="s">
        <v>103</v>
      </c>
      <c r="G125" t="s">
        <v>80</v>
      </c>
      <c r="H125" t="s">
        <v>81</v>
      </c>
      <c r="I125" s="2">
        <v>1</v>
      </c>
      <c r="J125" s="2">
        <v>0</v>
      </c>
      <c r="K125" s="2">
        <v>0</v>
      </c>
      <c r="L125" t="s">
        <v>120</v>
      </c>
      <c r="M125" t="s">
        <v>83</v>
      </c>
      <c r="N125" t="s">
        <v>91</v>
      </c>
      <c r="O125" t="s">
        <v>85</v>
      </c>
      <c r="P125" t="s">
        <v>86</v>
      </c>
      <c r="Q125">
        <v>67</v>
      </c>
      <c r="R125">
        <v>68</v>
      </c>
      <c r="S125">
        <v>70</v>
      </c>
      <c r="T125">
        <v>71</v>
      </c>
      <c r="U125">
        <v>72</v>
      </c>
      <c r="V125">
        <v>73</v>
      </c>
      <c r="W125">
        <v>74</v>
      </c>
      <c r="X125">
        <v>75</v>
      </c>
      <c r="Y125">
        <v>76</v>
      </c>
      <c r="Z125">
        <v>77</v>
      </c>
      <c r="AA125">
        <v>78</v>
      </c>
      <c r="AB125">
        <v>79</v>
      </c>
      <c r="AC125">
        <v>80</v>
      </c>
      <c r="AD125">
        <v>81</v>
      </c>
      <c r="AE125">
        <v>82</v>
      </c>
      <c r="AF125">
        <v>83</v>
      </c>
      <c r="AG125">
        <v>84</v>
      </c>
      <c r="AH125">
        <v>85</v>
      </c>
      <c r="AI125">
        <v>86</v>
      </c>
      <c r="AJ125">
        <v>87</v>
      </c>
      <c r="AK125">
        <v>88</v>
      </c>
      <c r="AL125">
        <v>89</v>
      </c>
      <c r="AM125">
        <v>89</v>
      </c>
      <c r="AN125">
        <v>89</v>
      </c>
      <c r="AO125">
        <v>89</v>
      </c>
      <c r="AP125">
        <v>90</v>
      </c>
      <c r="AQ125">
        <v>90</v>
      </c>
    </row>
    <row r="126" spans="1:43">
      <c r="A126" t="s">
        <v>177</v>
      </c>
      <c r="B126" t="s">
        <v>178</v>
      </c>
      <c r="C126" t="s">
        <v>175</v>
      </c>
      <c r="D126" t="s">
        <v>176</v>
      </c>
      <c r="E126" t="s">
        <v>102</v>
      </c>
      <c r="F126" t="s">
        <v>103</v>
      </c>
      <c r="G126" t="s">
        <v>80</v>
      </c>
      <c r="H126" t="s">
        <v>81</v>
      </c>
      <c r="I126" s="2">
        <v>1</v>
      </c>
      <c r="J126" s="2">
        <v>0</v>
      </c>
      <c r="K126" s="2">
        <v>0</v>
      </c>
      <c r="L126" t="s">
        <v>120</v>
      </c>
      <c r="M126" t="s">
        <v>83</v>
      </c>
      <c r="N126" t="s">
        <v>84</v>
      </c>
      <c r="O126" t="s">
        <v>85</v>
      </c>
      <c r="P126" t="s">
        <v>86</v>
      </c>
      <c r="Q126">
        <v>27</v>
      </c>
      <c r="R126">
        <v>27</v>
      </c>
      <c r="S126">
        <v>27</v>
      </c>
      <c r="T126">
        <v>28</v>
      </c>
      <c r="U126">
        <v>28</v>
      </c>
      <c r="V126">
        <v>29</v>
      </c>
      <c r="W126">
        <v>29</v>
      </c>
      <c r="X126">
        <v>30</v>
      </c>
      <c r="Y126">
        <v>30</v>
      </c>
      <c r="Z126">
        <v>30</v>
      </c>
      <c r="AA126">
        <v>31</v>
      </c>
      <c r="AB126">
        <v>31</v>
      </c>
      <c r="AC126">
        <v>32</v>
      </c>
      <c r="AD126">
        <v>32</v>
      </c>
      <c r="AE126">
        <v>33</v>
      </c>
      <c r="AF126">
        <v>33</v>
      </c>
      <c r="AG126">
        <v>33</v>
      </c>
      <c r="AH126">
        <v>34</v>
      </c>
      <c r="AI126">
        <v>34</v>
      </c>
      <c r="AJ126">
        <v>34</v>
      </c>
      <c r="AK126">
        <v>35</v>
      </c>
      <c r="AL126">
        <v>35</v>
      </c>
      <c r="AM126">
        <v>35</v>
      </c>
      <c r="AN126">
        <v>35</v>
      </c>
      <c r="AO126">
        <v>35</v>
      </c>
      <c r="AP126">
        <v>35</v>
      </c>
      <c r="AQ126">
        <v>35</v>
      </c>
    </row>
    <row r="127" spans="1:43">
      <c r="A127" t="s">
        <v>177</v>
      </c>
      <c r="B127" t="s">
        <v>178</v>
      </c>
      <c r="C127" t="s">
        <v>175</v>
      </c>
      <c r="D127" t="s">
        <v>176</v>
      </c>
      <c r="E127" t="s">
        <v>102</v>
      </c>
      <c r="F127" t="s">
        <v>103</v>
      </c>
      <c r="G127" t="s">
        <v>80</v>
      </c>
      <c r="H127" t="s">
        <v>81</v>
      </c>
      <c r="I127" s="2">
        <v>1</v>
      </c>
      <c r="J127" s="2">
        <v>0</v>
      </c>
      <c r="K127" s="2">
        <v>0</v>
      </c>
      <c r="L127" t="s">
        <v>120</v>
      </c>
      <c r="M127" t="s">
        <v>87</v>
      </c>
      <c r="N127" t="s">
        <v>88</v>
      </c>
      <c r="O127" t="s">
        <v>85</v>
      </c>
      <c r="P127" t="s">
        <v>86</v>
      </c>
      <c r="Q127">
        <v>27</v>
      </c>
      <c r="R127">
        <v>28</v>
      </c>
      <c r="S127">
        <v>28</v>
      </c>
      <c r="T127">
        <v>28</v>
      </c>
      <c r="U127">
        <v>28</v>
      </c>
      <c r="V127">
        <v>28</v>
      </c>
      <c r="W127">
        <v>28</v>
      </c>
      <c r="X127">
        <v>29</v>
      </c>
      <c r="Y127">
        <v>29</v>
      </c>
      <c r="Z127">
        <v>29</v>
      </c>
      <c r="AA127">
        <v>29</v>
      </c>
      <c r="AB127">
        <v>29</v>
      </c>
      <c r="AC127">
        <v>30</v>
      </c>
      <c r="AD127">
        <v>30</v>
      </c>
      <c r="AE127">
        <v>30</v>
      </c>
      <c r="AF127">
        <v>30</v>
      </c>
      <c r="AG127">
        <v>30</v>
      </c>
      <c r="AH127">
        <v>30</v>
      </c>
      <c r="AI127">
        <v>31</v>
      </c>
      <c r="AJ127">
        <v>31</v>
      </c>
      <c r="AK127">
        <v>31</v>
      </c>
      <c r="AL127">
        <v>31</v>
      </c>
      <c r="AM127">
        <v>31</v>
      </c>
      <c r="AN127">
        <v>31</v>
      </c>
      <c r="AO127">
        <v>32</v>
      </c>
      <c r="AP127">
        <v>32</v>
      </c>
      <c r="AQ127">
        <v>32</v>
      </c>
    </row>
    <row r="128" spans="1:43">
      <c r="A128" t="s">
        <v>177</v>
      </c>
      <c r="B128" t="s">
        <v>178</v>
      </c>
      <c r="C128" t="s">
        <v>175</v>
      </c>
      <c r="D128" t="s">
        <v>176</v>
      </c>
      <c r="E128" t="s">
        <v>102</v>
      </c>
      <c r="F128" t="s">
        <v>103</v>
      </c>
      <c r="G128" t="s">
        <v>80</v>
      </c>
      <c r="H128" t="s">
        <v>81</v>
      </c>
      <c r="I128" s="2">
        <v>1</v>
      </c>
      <c r="J128" s="2">
        <v>0</v>
      </c>
      <c r="K128" s="2">
        <v>0</v>
      </c>
      <c r="L128" t="s">
        <v>120</v>
      </c>
      <c r="M128" t="s">
        <v>89</v>
      </c>
      <c r="N128" t="s">
        <v>90</v>
      </c>
      <c r="O128" t="s">
        <v>85</v>
      </c>
      <c r="P128" t="s">
        <v>86</v>
      </c>
      <c r="Q128">
        <v>27</v>
      </c>
      <c r="R128">
        <v>28</v>
      </c>
      <c r="S128">
        <v>28</v>
      </c>
      <c r="T128">
        <v>29</v>
      </c>
      <c r="U128">
        <v>29</v>
      </c>
      <c r="V128">
        <v>30</v>
      </c>
      <c r="W128">
        <v>31</v>
      </c>
      <c r="X128">
        <v>31</v>
      </c>
      <c r="Y128">
        <v>32</v>
      </c>
      <c r="Z128">
        <v>32</v>
      </c>
      <c r="AA128">
        <v>33</v>
      </c>
      <c r="AB128">
        <v>33</v>
      </c>
      <c r="AC128">
        <v>34</v>
      </c>
      <c r="AD128">
        <v>34</v>
      </c>
      <c r="AE128">
        <v>35</v>
      </c>
      <c r="AF128">
        <v>35</v>
      </c>
      <c r="AG128">
        <v>35</v>
      </c>
      <c r="AH128">
        <v>35</v>
      </c>
      <c r="AI128">
        <v>35</v>
      </c>
      <c r="AJ128">
        <v>35</v>
      </c>
      <c r="AK128">
        <v>35</v>
      </c>
      <c r="AL128">
        <v>35</v>
      </c>
      <c r="AM128">
        <v>35</v>
      </c>
      <c r="AN128">
        <v>36</v>
      </c>
      <c r="AO128">
        <v>36</v>
      </c>
      <c r="AP128">
        <v>36</v>
      </c>
      <c r="AQ128">
        <v>36</v>
      </c>
    </row>
    <row r="129" spans="1:43">
      <c r="A129" t="s">
        <v>177</v>
      </c>
      <c r="B129" t="s">
        <v>178</v>
      </c>
      <c r="C129" t="s">
        <v>175</v>
      </c>
      <c r="D129" t="s">
        <v>176</v>
      </c>
      <c r="E129" t="s">
        <v>102</v>
      </c>
      <c r="F129" t="s">
        <v>103</v>
      </c>
      <c r="G129" t="s">
        <v>80</v>
      </c>
      <c r="H129" t="s">
        <v>81</v>
      </c>
      <c r="I129" s="2">
        <v>1</v>
      </c>
      <c r="J129" s="2">
        <v>0</v>
      </c>
      <c r="K129" s="2">
        <v>0</v>
      </c>
      <c r="L129" t="s">
        <v>120</v>
      </c>
      <c r="M129" t="s">
        <v>83</v>
      </c>
      <c r="N129" t="s">
        <v>91</v>
      </c>
      <c r="O129" t="s">
        <v>85</v>
      </c>
      <c r="P129" t="s">
        <v>86</v>
      </c>
      <c r="Q129">
        <v>27</v>
      </c>
      <c r="R129">
        <v>27</v>
      </c>
      <c r="S129">
        <v>27</v>
      </c>
      <c r="T129">
        <v>28</v>
      </c>
      <c r="U129">
        <v>28</v>
      </c>
      <c r="V129">
        <v>29</v>
      </c>
      <c r="W129">
        <v>29</v>
      </c>
      <c r="X129">
        <v>30</v>
      </c>
      <c r="Y129">
        <v>30</v>
      </c>
      <c r="Z129">
        <v>30</v>
      </c>
      <c r="AA129">
        <v>31</v>
      </c>
      <c r="AB129">
        <v>31</v>
      </c>
      <c r="AC129">
        <v>32</v>
      </c>
      <c r="AD129">
        <v>32</v>
      </c>
      <c r="AE129">
        <v>33</v>
      </c>
      <c r="AF129">
        <v>33</v>
      </c>
      <c r="AG129">
        <v>33</v>
      </c>
      <c r="AH129">
        <v>34</v>
      </c>
      <c r="AI129">
        <v>34</v>
      </c>
      <c r="AJ129">
        <v>34</v>
      </c>
      <c r="AK129">
        <v>35</v>
      </c>
      <c r="AL129">
        <v>35</v>
      </c>
      <c r="AM129">
        <v>35</v>
      </c>
      <c r="AN129">
        <v>35</v>
      </c>
      <c r="AO129">
        <v>35</v>
      </c>
      <c r="AP129">
        <v>35</v>
      </c>
      <c r="AQ129">
        <v>35</v>
      </c>
    </row>
    <row r="130" spans="1:43">
      <c r="A130" t="s">
        <v>179</v>
      </c>
      <c r="B130" t="s">
        <v>180</v>
      </c>
      <c r="C130" t="s">
        <v>171</v>
      </c>
      <c r="D130" t="s">
        <v>172</v>
      </c>
      <c r="E130" t="s">
        <v>102</v>
      </c>
      <c r="F130" t="s">
        <v>103</v>
      </c>
      <c r="G130" t="s">
        <v>80</v>
      </c>
      <c r="H130" t="s">
        <v>81</v>
      </c>
      <c r="I130" s="2">
        <v>1</v>
      </c>
      <c r="J130" s="2">
        <v>0</v>
      </c>
      <c r="K130" s="2">
        <v>0</v>
      </c>
      <c r="L130" t="s">
        <v>120</v>
      </c>
      <c r="M130" t="s">
        <v>83</v>
      </c>
      <c r="N130" t="s">
        <v>84</v>
      </c>
      <c r="O130" t="s">
        <v>85</v>
      </c>
      <c r="P130" t="s">
        <v>86</v>
      </c>
      <c r="Q130">
        <v>4</v>
      </c>
      <c r="R130">
        <v>4</v>
      </c>
      <c r="S130">
        <v>4</v>
      </c>
      <c r="T130">
        <v>4</v>
      </c>
      <c r="U130">
        <v>4</v>
      </c>
      <c r="V130">
        <v>4</v>
      </c>
      <c r="W130">
        <v>4</v>
      </c>
      <c r="X130">
        <v>4</v>
      </c>
      <c r="Y130">
        <v>4</v>
      </c>
      <c r="Z130">
        <v>5</v>
      </c>
      <c r="AA130">
        <v>5</v>
      </c>
      <c r="AB130">
        <v>5</v>
      </c>
      <c r="AC130">
        <v>5</v>
      </c>
      <c r="AD130">
        <v>5</v>
      </c>
      <c r="AE130">
        <v>5</v>
      </c>
      <c r="AF130">
        <v>5</v>
      </c>
      <c r="AG130">
        <v>5</v>
      </c>
      <c r="AH130">
        <v>5</v>
      </c>
      <c r="AI130">
        <v>5</v>
      </c>
      <c r="AJ130">
        <v>5</v>
      </c>
      <c r="AK130">
        <v>5</v>
      </c>
      <c r="AL130">
        <v>5</v>
      </c>
      <c r="AM130">
        <v>5</v>
      </c>
      <c r="AN130">
        <v>5</v>
      </c>
      <c r="AO130">
        <v>5</v>
      </c>
      <c r="AP130">
        <v>5</v>
      </c>
      <c r="AQ130">
        <v>5</v>
      </c>
    </row>
    <row r="131" spans="1:43">
      <c r="A131" t="s">
        <v>179</v>
      </c>
      <c r="B131" t="s">
        <v>180</v>
      </c>
      <c r="C131" t="s">
        <v>171</v>
      </c>
      <c r="D131" t="s">
        <v>172</v>
      </c>
      <c r="E131" t="s">
        <v>102</v>
      </c>
      <c r="F131" t="s">
        <v>103</v>
      </c>
      <c r="G131" t="s">
        <v>80</v>
      </c>
      <c r="H131" t="s">
        <v>81</v>
      </c>
      <c r="I131" s="2">
        <v>1</v>
      </c>
      <c r="J131" s="2">
        <v>0</v>
      </c>
      <c r="K131" s="2">
        <v>0</v>
      </c>
      <c r="L131" t="s">
        <v>120</v>
      </c>
      <c r="M131" t="s">
        <v>87</v>
      </c>
      <c r="N131" t="s">
        <v>88</v>
      </c>
      <c r="O131" t="s">
        <v>85</v>
      </c>
      <c r="P131" t="s">
        <v>86</v>
      </c>
      <c r="Q131">
        <v>4</v>
      </c>
      <c r="R131">
        <v>4</v>
      </c>
      <c r="S131">
        <v>4</v>
      </c>
      <c r="T131">
        <v>4</v>
      </c>
      <c r="U131">
        <v>4</v>
      </c>
      <c r="V131">
        <v>4</v>
      </c>
      <c r="W131">
        <v>4</v>
      </c>
      <c r="X131">
        <v>4</v>
      </c>
      <c r="Y131">
        <v>4</v>
      </c>
      <c r="Z131">
        <v>4</v>
      </c>
      <c r="AA131">
        <v>4</v>
      </c>
      <c r="AB131">
        <v>4</v>
      </c>
      <c r="AC131">
        <v>4</v>
      </c>
      <c r="AD131">
        <v>4</v>
      </c>
      <c r="AE131">
        <v>4</v>
      </c>
      <c r="AF131">
        <v>4</v>
      </c>
      <c r="AG131">
        <v>4</v>
      </c>
      <c r="AH131">
        <v>4</v>
      </c>
      <c r="AI131">
        <v>4</v>
      </c>
      <c r="AJ131">
        <v>4</v>
      </c>
      <c r="AK131">
        <v>4</v>
      </c>
      <c r="AL131">
        <v>5</v>
      </c>
      <c r="AM131">
        <v>5</v>
      </c>
      <c r="AN131">
        <v>5</v>
      </c>
      <c r="AO131">
        <v>5</v>
      </c>
      <c r="AP131">
        <v>5</v>
      </c>
      <c r="AQ131">
        <v>5</v>
      </c>
    </row>
    <row r="132" spans="1:43">
      <c r="A132" t="s">
        <v>179</v>
      </c>
      <c r="B132" t="s">
        <v>180</v>
      </c>
      <c r="C132" t="s">
        <v>171</v>
      </c>
      <c r="D132" t="s">
        <v>172</v>
      </c>
      <c r="E132" t="s">
        <v>102</v>
      </c>
      <c r="F132" t="s">
        <v>103</v>
      </c>
      <c r="G132" t="s">
        <v>80</v>
      </c>
      <c r="H132" t="s">
        <v>81</v>
      </c>
      <c r="I132" s="2">
        <v>1</v>
      </c>
      <c r="J132" s="2">
        <v>0</v>
      </c>
      <c r="K132" s="2">
        <v>0</v>
      </c>
      <c r="L132" t="s">
        <v>120</v>
      </c>
      <c r="M132" t="s">
        <v>89</v>
      </c>
      <c r="N132" t="s">
        <v>90</v>
      </c>
      <c r="O132" t="s">
        <v>85</v>
      </c>
      <c r="P132" t="s">
        <v>86</v>
      </c>
      <c r="Q132">
        <v>4</v>
      </c>
      <c r="R132">
        <v>4</v>
      </c>
      <c r="S132">
        <v>4</v>
      </c>
      <c r="T132">
        <v>4</v>
      </c>
      <c r="U132">
        <v>4</v>
      </c>
      <c r="V132">
        <v>4</v>
      </c>
      <c r="W132">
        <v>5</v>
      </c>
      <c r="X132">
        <v>5</v>
      </c>
      <c r="Y132">
        <v>5</v>
      </c>
      <c r="Z132">
        <v>5</v>
      </c>
      <c r="AA132">
        <v>5</v>
      </c>
      <c r="AB132">
        <v>5</v>
      </c>
      <c r="AC132">
        <v>5</v>
      </c>
      <c r="AD132">
        <v>5</v>
      </c>
      <c r="AE132">
        <v>5</v>
      </c>
      <c r="AF132">
        <v>5</v>
      </c>
      <c r="AG132">
        <v>5</v>
      </c>
      <c r="AH132">
        <v>5</v>
      </c>
      <c r="AI132">
        <v>5</v>
      </c>
      <c r="AJ132">
        <v>5</v>
      </c>
      <c r="AK132">
        <v>5</v>
      </c>
      <c r="AL132">
        <v>5</v>
      </c>
      <c r="AM132">
        <v>5</v>
      </c>
      <c r="AN132">
        <v>5</v>
      </c>
      <c r="AO132">
        <v>5</v>
      </c>
      <c r="AP132">
        <v>5</v>
      </c>
      <c r="AQ132">
        <v>5</v>
      </c>
    </row>
    <row r="133" spans="1:43">
      <c r="A133" t="s">
        <v>179</v>
      </c>
      <c r="B133" t="s">
        <v>180</v>
      </c>
      <c r="C133" t="s">
        <v>171</v>
      </c>
      <c r="D133" t="s">
        <v>172</v>
      </c>
      <c r="E133" t="s">
        <v>102</v>
      </c>
      <c r="F133" t="s">
        <v>103</v>
      </c>
      <c r="G133" t="s">
        <v>80</v>
      </c>
      <c r="H133" t="s">
        <v>81</v>
      </c>
      <c r="I133" s="2">
        <v>1</v>
      </c>
      <c r="J133" s="2">
        <v>0</v>
      </c>
      <c r="K133" s="2">
        <v>0</v>
      </c>
      <c r="L133" t="s">
        <v>120</v>
      </c>
      <c r="M133" t="s">
        <v>83</v>
      </c>
      <c r="N133" t="s">
        <v>91</v>
      </c>
      <c r="O133" t="s">
        <v>85</v>
      </c>
      <c r="P133" t="s">
        <v>86</v>
      </c>
      <c r="Q133">
        <v>4</v>
      </c>
      <c r="R133">
        <v>4</v>
      </c>
      <c r="S133">
        <v>4</v>
      </c>
      <c r="T133">
        <v>4</v>
      </c>
      <c r="U133">
        <v>4</v>
      </c>
      <c r="V133">
        <v>4</v>
      </c>
      <c r="W133">
        <v>4</v>
      </c>
      <c r="X133">
        <v>4</v>
      </c>
      <c r="Y133">
        <v>4</v>
      </c>
      <c r="Z133">
        <v>5</v>
      </c>
      <c r="AA133">
        <v>5</v>
      </c>
      <c r="AB133">
        <v>5</v>
      </c>
      <c r="AC133">
        <v>5</v>
      </c>
      <c r="AD133">
        <v>5</v>
      </c>
      <c r="AE133">
        <v>5</v>
      </c>
      <c r="AF133">
        <v>5</v>
      </c>
      <c r="AG133">
        <v>5</v>
      </c>
      <c r="AH133">
        <v>5</v>
      </c>
      <c r="AI133">
        <v>5</v>
      </c>
      <c r="AJ133">
        <v>5</v>
      </c>
      <c r="AK133">
        <v>5</v>
      </c>
      <c r="AL133">
        <v>5</v>
      </c>
      <c r="AM133">
        <v>5</v>
      </c>
      <c r="AN133">
        <v>5</v>
      </c>
      <c r="AO133">
        <v>5</v>
      </c>
      <c r="AP133">
        <v>5</v>
      </c>
      <c r="AQ133">
        <v>5</v>
      </c>
    </row>
    <row r="134" spans="1:43">
      <c r="A134" t="s">
        <v>181</v>
      </c>
      <c r="B134" t="s">
        <v>182</v>
      </c>
      <c r="C134" t="s">
        <v>171</v>
      </c>
      <c r="D134" t="s">
        <v>172</v>
      </c>
      <c r="E134" t="s">
        <v>102</v>
      </c>
      <c r="F134" t="s">
        <v>103</v>
      </c>
      <c r="G134" t="s">
        <v>80</v>
      </c>
      <c r="H134" t="s">
        <v>81</v>
      </c>
      <c r="I134" s="2">
        <v>1</v>
      </c>
      <c r="J134" s="2">
        <v>0</v>
      </c>
      <c r="K134" s="2">
        <v>0</v>
      </c>
      <c r="L134" t="s">
        <v>120</v>
      </c>
      <c r="M134" t="s">
        <v>83</v>
      </c>
      <c r="N134" t="s">
        <v>84</v>
      </c>
      <c r="O134" t="s">
        <v>85</v>
      </c>
      <c r="P134" t="s">
        <v>86</v>
      </c>
      <c r="Q134">
        <v>10</v>
      </c>
      <c r="R134">
        <v>10</v>
      </c>
      <c r="S134">
        <v>11</v>
      </c>
      <c r="T134">
        <v>11</v>
      </c>
      <c r="U134">
        <v>11</v>
      </c>
      <c r="V134">
        <v>11</v>
      </c>
      <c r="W134">
        <v>11</v>
      </c>
      <c r="X134">
        <v>11</v>
      </c>
      <c r="Y134">
        <v>12</v>
      </c>
      <c r="Z134">
        <v>12</v>
      </c>
      <c r="AA134">
        <v>12</v>
      </c>
      <c r="AB134">
        <v>12</v>
      </c>
      <c r="AC134">
        <v>12</v>
      </c>
      <c r="AD134">
        <v>12</v>
      </c>
      <c r="AE134">
        <v>13</v>
      </c>
      <c r="AF134">
        <v>13</v>
      </c>
      <c r="AG134">
        <v>13</v>
      </c>
      <c r="AH134">
        <v>13</v>
      </c>
      <c r="AI134">
        <v>13</v>
      </c>
      <c r="AJ134">
        <v>13</v>
      </c>
      <c r="AK134">
        <v>13</v>
      </c>
      <c r="AL134">
        <v>14</v>
      </c>
      <c r="AM134">
        <v>14</v>
      </c>
      <c r="AN134">
        <v>14</v>
      </c>
      <c r="AO134">
        <v>14</v>
      </c>
      <c r="AP134">
        <v>14</v>
      </c>
      <c r="AQ134">
        <v>14</v>
      </c>
    </row>
    <row r="135" spans="1:43">
      <c r="A135" t="s">
        <v>181</v>
      </c>
      <c r="B135" t="s">
        <v>182</v>
      </c>
      <c r="C135" t="s">
        <v>171</v>
      </c>
      <c r="D135" t="s">
        <v>172</v>
      </c>
      <c r="E135" t="s">
        <v>102</v>
      </c>
      <c r="F135" t="s">
        <v>103</v>
      </c>
      <c r="G135" t="s">
        <v>80</v>
      </c>
      <c r="H135" t="s">
        <v>81</v>
      </c>
      <c r="I135" s="2">
        <v>1</v>
      </c>
      <c r="J135" s="2">
        <v>0</v>
      </c>
      <c r="K135" s="2">
        <v>0</v>
      </c>
      <c r="L135" t="s">
        <v>120</v>
      </c>
      <c r="M135" t="s">
        <v>87</v>
      </c>
      <c r="N135" t="s">
        <v>88</v>
      </c>
      <c r="O135" t="s">
        <v>85</v>
      </c>
      <c r="P135" t="s">
        <v>86</v>
      </c>
      <c r="Q135">
        <v>10</v>
      </c>
      <c r="R135">
        <v>10</v>
      </c>
      <c r="S135">
        <v>10</v>
      </c>
      <c r="T135">
        <v>10</v>
      </c>
      <c r="U135">
        <v>10</v>
      </c>
      <c r="V135">
        <v>11</v>
      </c>
      <c r="W135">
        <v>11</v>
      </c>
      <c r="X135">
        <v>11</v>
      </c>
      <c r="Y135">
        <v>11</v>
      </c>
      <c r="Z135">
        <v>11</v>
      </c>
      <c r="AA135">
        <v>11</v>
      </c>
      <c r="AB135">
        <v>11</v>
      </c>
      <c r="AC135">
        <v>11</v>
      </c>
      <c r="AD135">
        <v>11</v>
      </c>
      <c r="AE135">
        <v>11</v>
      </c>
      <c r="AF135">
        <v>11</v>
      </c>
      <c r="AG135">
        <v>11</v>
      </c>
      <c r="AH135">
        <v>11</v>
      </c>
      <c r="AI135">
        <v>11</v>
      </c>
      <c r="AJ135">
        <v>11</v>
      </c>
      <c r="AK135">
        <v>12</v>
      </c>
      <c r="AL135">
        <v>12</v>
      </c>
      <c r="AM135">
        <v>12</v>
      </c>
      <c r="AN135">
        <v>12</v>
      </c>
      <c r="AO135">
        <v>12</v>
      </c>
      <c r="AP135">
        <v>12</v>
      </c>
      <c r="AQ135">
        <v>12</v>
      </c>
    </row>
    <row r="136" spans="1:43">
      <c r="A136" t="s">
        <v>181</v>
      </c>
      <c r="B136" t="s">
        <v>182</v>
      </c>
      <c r="C136" t="s">
        <v>171</v>
      </c>
      <c r="D136" t="s">
        <v>172</v>
      </c>
      <c r="E136" t="s">
        <v>102</v>
      </c>
      <c r="F136" t="s">
        <v>103</v>
      </c>
      <c r="G136" t="s">
        <v>80</v>
      </c>
      <c r="H136" t="s">
        <v>81</v>
      </c>
      <c r="I136" s="2">
        <v>1</v>
      </c>
      <c r="J136" s="2">
        <v>0</v>
      </c>
      <c r="K136" s="2">
        <v>0</v>
      </c>
      <c r="L136" t="s">
        <v>120</v>
      </c>
      <c r="M136" t="s">
        <v>89</v>
      </c>
      <c r="N136" t="s">
        <v>90</v>
      </c>
      <c r="O136" t="s">
        <v>85</v>
      </c>
      <c r="P136" t="s">
        <v>86</v>
      </c>
      <c r="Q136">
        <v>10</v>
      </c>
      <c r="R136">
        <v>11</v>
      </c>
      <c r="S136">
        <v>11</v>
      </c>
      <c r="T136">
        <v>11</v>
      </c>
      <c r="U136">
        <v>11</v>
      </c>
      <c r="V136">
        <v>12</v>
      </c>
      <c r="W136">
        <v>12</v>
      </c>
      <c r="X136">
        <v>12</v>
      </c>
      <c r="Y136">
        <v>12</v>
      </c>
      <c r="Z136">
        <v>12</v>
      </c>
      <c r="AA136">
        <v>13</v>
      </c>
      <c r="AB136">
        <v>13</v>
      </c>
      <c r="AC136">
        <v>13</v>
      </c>
      <c r="AD136">
        <v>13</v>
      </c>
      <c r="AE136">
        <v>13</v>
      </c>
      <c r="AF136">
        <v>13</v>
      </c>
      <c r="AG136">
        <v>13</v>
      </c>
      <c r="AH136">
        <v>14</v>
      </c>
      <c r="AI136">
        <v>14</v>
      </c>
      <c r="AJ136">
        <v>14</v>
      </c>
      <c r="AK136">
        <v>14</v>
      </c>
      <c r="AL136">
        <v>14</v>
      </c>
      <c r="AM136">
        <v>14</v>
      </c>
      <c r="AN136">
        <v>14</v>
      </c>
      <c r="AO136">
        <v>14</v>
      </c>
      <c r="AP136">
        <v>14</v>
      </c>
      <c r="AQ136">
        <v>14</v>
      </c>
    </row>
    <row r="137" spans="1:43">
      <c r="A137" t="s">
        <v>181</v>
      </c>
      <c r="B137" t="s">
        <v>182</v>
      </c>
      <c r="C137" t="s">
        <v>171</v>
      </c>
      <c r="D137" t="s">
        <v>172</v>
      </c>
      <c r="E137" t="s">
        <v>102</v>
      </c>
      <c r="F137" t="s">
        <v>103</v>
      </c>
      <c r="G137" t="s">
        <v>80</v>
      </c>
      <c r="H137" t="s">
        <v>81</v>
      </c>
      <c r="I137" s="2">
        <v>1</v>
      </c>
      <c r="J137" s="2">
        <v>0</v>
      </c>
      <c r="K137" s="2">
        <v>0</v>
      </c>
      <c r="L137" t="s">
        <v>120</v>
      </c>
      <c r="M137" t="s">
        <v>83</v>
      </c>
      <c r="N137" t="s">
        <v>91</v>
      </c>
      <c r="O137" t="s">
        <v>85</v>
      </c>
      <c r="P137" t="s">
        <v>86</v>
      </c>
      <c r="Q137">
        <v>10</v>
      </c>
      <c r="R137">
        <v>10</v>
      </c>
      <c r="S137">
        <v>11</v>
      </c>
      <c r="T137">
        <v>11</v>
      </c>
      <c r="U137">
        <v>11</v>
      </c>
      <c r="V137">
        <v>11</v>
      </c>
      <c r="W137">
        <v>11</v>
      </c>
      <c r="X137">
        <v>11</v>
      </c>
      <c r="Y137">
        <v>12</v>
      </c>
      <c r="Z137">
        <v>12</v>
      </c>
      <c r="AA137">
        <v>12</v>
      </c>
      <c r="AB137">
        <v>12</v>
      </c>
      <c r="AC137">
        <v>12</v>
      </c>
      <c r="AD137">
        <v>12</v>
      </c>
      <c r="AE137">
        <v>13</v>
      </c>
      <c r="AF137">
        <v>13</v>
      </c>
      <c r="AG137">
        <v>13</v>
      </c>
      <c r="AH137">
        <v>13</v>
      </c>
      <c r="AI137">
        <v>13</v>
      </c>
      <c r="AJ137">
        <v>13</v>
      </c>
      <c r="AK137">
        <v>13</v>
      </c>
      <c r="AL137">
        <v>14</v>
      </c>
      <c r="AM137">
        <v>14</v>
      </c>
      <c r="AN137">
        <v>14</v>
      </c>
      <c r="AO137">
        <v>14</v>
      </c>
      <c r="AP137">
        <v>14</v>
      </c>
      <c r="AQ137">
        <v>14</v>
      </c>
    </row>
    <row r="138" spans="1:43">
      <c r="A138" t="s">
        <v>183</v>
      </c>
      <c r="B138" t="s">
        <v>184</v>
      </c>
      <c r="C138" t="s">
        <v>171</v>
      </c>
      <c r="D138" t="s">
        <v>172</v>
      </c>
      <c r="E138" t="s">
        <v>102</v>
      </c>
      <c r="F138" t="s">
        <v>103</v>
      </c>
      <c r="G138" t="s">
        <v>80</v>
      </c>
      <c r="H138" t="s">
        <v>81</v>
      </c>
      <c r="I138" s="2">
        <v>1</v>
      </c>
      <c r="J138" s="2">
        <v>0</v>
      </c>
      <c r="K138" s="2">
        <v>0</v>
      </c>
      <c r="L138" t="s">
        <v>120</v>
      </c>
      <c r="M138" t="s">
        <v>83</v>
      </c>
      <c r="N138" t="s">
        <v>84</v>
      </c>
      <c r="O138" t="s">
        <v>85</v>
      </c>
      <c r="P138" t="s">
        <v>86</v>
      </c>
      <c r="Q138">
        <v>23</v>
      </c>
      <c r="R138">
        <v>23</v>
      </c>
      <c r="S138">
        <v>23</v>
      </c>
      <c r="T138">
        <v>24</v>
      </c>
      <c r="U138">
        <v>24</v>
      </c>
      <c r="V138">
        <v>24</v>
      </c>
      <c r="W138">
        <v>25</v>
      </c>
      <c r="X138">
        <v>25</v>
      </c>
      <c r="Y138">
        <v>26</v>
      </c>
      <c r="Z138">
        <v>26</v>
      </c>
      <c r="AA138">
        <v>26</v>
      </c>
      <c r="AB138">
        <v>27</v>
      </c>
      <c r="AC138">
        <v>27</v>
      </c>
      <c r="AD138">
        <v>27</v>
      </c>
      <c r="AE138">
        <v>28</v>
      </c>
      <c r="AF138">
        <v>28</v>
      </c>
      <c r="AG138">
        <v>28</v>
      </c>
      <c r="AH138">
        <v>29</v>
      </c>
      <c r="AI138">
        <v>29</v>
      </c>
      <c r="AJ138">
        <v>29</v>
      </c>
      <c r="AK138">
        <v>30</v>
      </c>
      <c r="AL138">
        <v>30</v>
      </c>
      <c r="AM138">
        <v>30</v>
      </c>
      <c r="AN138">
        <v>30</v>
      </c>
      <c r="AO138">
        <v>30</v>
      </c>
      <c r="AP138">
        <v>30</v>
      </c>
      <c r="AQ138">
        <v>30</v>
      </c>
    </row>
    <row r="139" spans="1:43">
      <c r="A139" t="s">
        <v>183</v>
      </c>
      <c r="B139" t="s">
        <v>184</v>
      </c>
      <c r="C139" t="s">
        <v>171</v>
      </c>
      <c r="D139" t="s">
        <v>172</v>
      </c>
      <c r="E139" t="s">
        <v>102</v>
      </c>
      <c r="F139" t="s">
        <v>103</v>
      </c>
      <c r="G139" t="s">
        <v>80</v>
      </c>
      <c r="H139" t="s">
        <v>81</v>
      </c>
      <c r="I139" s="2">
        <v>1</v>
      </c>
      <c r="J139" s="2">
        <v>0</v>
      </c>
      <c r="K139" s="2">
        <v>0</v>
      </c>
      <c r="L139" t="s">
        <v>120</v>
      </c>
      <c r="M139" t="s">
        <v>87</v>
      </c>
      <c r="N139" t="s">
        <v>88</v>
      </c>
      <c r="O139" t="s">
        <v>85</v>
      </c>
      <c r="P139" t="s">
        <v>86</v>
      </c>
      <c r="Q139">
        <v>23</v>
      </c>
      <c r="R139">
        <v>24</v>
      </c>
      <c r="S139">
        <v>24</v>
      </c>
      <c r="T139">
        <v>24</v>
      </c>
      <c r="U139">
        <v>24</v>
      </c>
      <c r="V139">
        <v>24</v>
      </c>
      <c r="W139">
        <v>24</v>
      </c>
      <c r="X139">
        <v>24</v>
      </c>
      <c r="Y139">
        <v>25</v>
      </c>
      <c r="Z139">
        <v>25</v>
      </c>
      <c r="AA139">
        <v>25</v>
      </c>
      <c r="AB139">
        <v>25</v>
      </c>
      <c r="AC139">
        <v>25</v>
      </c>
      <c r="AD139">
        <v>25</v>
      </c>
      <c r="AE139">
        <v>26</v>
      </c>
      <c r="AF139">
        <v>26</v>
      </c>
      <c r="AG139">
        <v>26</v>
      </c>
      <c r="AH139">
        <v>26</v>
      </c>
      <c r="AI139">
        <v>26</v>
      </c>
      <c r="AJ139">
        <v>26</v>
      </c>
      <c r="AK139">
        <v>26</v>
      </c>
      <c r="AL139">
        <v>27</v>
      </c>
      <c r="AM139">
        <v>27</v>
      </c>
      <c r="AN139">
        <v>27</v>
      </c>
      <c r="AO139">
        <v>27</v>
      </c>
      <c r="AP139">
        <v>27</v>
      </c>
      <c r="AQ139">
        <v>27</v>
      </c>
    </row>
    <row r="140" spans="1:43">
      <c r="A140" t="s">
        <v>183</v>
      </c>
      <c r="B140" t="s">
        <v>184</v>
      </c>
      <c r="C140" t="s">
        <v>171</v>
      </c>
      <c r="D140" t="s">
        <v>172</v>
      </c>
      <c r="E140" t="s">
        <v>102</v>
      </c>
      <c r="F140" t="s">
        <v>103</v>
      </c>
      <c r="G140" t="s">
        <v>80</v>
      </c>
      <c r="H140" t="s">
        <v>81</v>
      </c>
      <c r="I140" s="2">
        <v>1</v>
      </c>
      <c r="J140" s="2">
        <v>0</v>
      </c>
      <c r="K140" s="2">
        <v>0</v>
      </c>
      <c r="L140" t="s">
        <v>120</v>
      </c>
      <c r="M140" t="s">
        <v>89</v>
      </c>
      <c r="N140" t="s">
        <v>90</v>
      </c>
      <c r="O140" t="s">
        <v>85</v>
      </c>
      <c r="P140" t="s">
        <v>86</v>
      </c>
      <c r="Q140">
        <v>23</v>
      </c>
      <c r="R140">
        <v>23</v>
      </c>
      <c r="S140">
        <v>24</v>
      </c>
      <c r="T140">
        <v>24</v>
      </c>
      <c r="U140">
        <v>25</v>
      </c>
      <c r="V140">
        <v>26</v>
      </c>
      <c r="W140">
        <v>26</v>
      </c>
      <c r="X140">
        <v>27</v>
      </c>
      <c r="Y140">
        <v>27</v>
      </c>
      <c r="Z140">
        <v>27</v>
      </c>
      <c r="AA140">
        <v>28</v>
      </c>
      <c r="AB140">
        <v>28</v>
      </c>
      <c r="AC140">
        <v>29</v>
      </c>
      <c r="AD140">
        <v>29</v>
      </c>
      <c r="AE140">
        <v>30</v>
      </c>
      <c r="AF140">
        <v>30</v>
      </c>
      <c r="AG140">
        <v>30</v>
      </c>
      <c r="AH140">
        <v>30</v>
      </c>
      <c r="AI140">
        <v>30</v>
      </c>
      <c r="AJ140">
        <v>30</v>
      </c>
      <c r="AK140">
        <v>30</v>
      </c>
      <c r="AL140">
        <v>30</v>
      </c>
      <c r="AM140">
        <v>30</v>
      </c>
      <c r="AN140">
        <v>30</v>
      </c>
      <c r="AO140">
        <v>30</v>
      </c>
      <c r="AP140">
        <v>30</v>
      </c>
      <c r="AQ140">
        <v>30</v>
      </c>
    </row>
    <row r="141" spans="1:43">
      <c r="A141" t="s">
        <v>183</v>
      </c>
      <c r="B141" t="s">
        <v>184</v>
      </c>
      <c r="C141" t="s">
        <v>171</v>
      </c>
      <c r="D141" t="s">
        <v>172</v>
      </c>
      <c r="E141" t="s">
        <v>102</v>
      </c>
      <c r="F141" t="s">
        <v>103</v>
      </c>
      <c r="G141" t="s">
        <v>80</v>
      </c>
      <c r="H141" t="s">
        <v>81</v>
      </c>
      <c r="I141" s="2">
        <v>1</v>
      </c>
      <c r="J141" s="2">
        <v>0</v>
      </c>
      <c r="K141" s="2">
        <v>0</v>
      </c>
      <c r="L141" t="s">
        <v>120</v>
      </c>
      <c r="M141" t="s">
        <v>83</v>
      </c>
      <c r="N141" t="s">
        <v>91</v>
      </c>
      <c r="O141" t="s">
        <v>85</v>
      </c>
      <c r="P141" t="s">
        <v>86</v>
      </c>
      <c r="Q141">
        <v>23</v>
      </c>
      <c r="R141">
        <v>23</v>
      </c>
      <c r="S141">
        <v>23</v>
      </c>
      <c r="T141">
        <v>24</v>
      </c>
      <c r="U141">
        <v>24</v>
      </c>
      <c r="V141">
        <v>24</v>
      </c>
      <c r="W141">
        <v>25</v>
      </c>
      <c r="X141">
        <v>25</v>
      </c>
      <c r="Y141">
        <v>26</v>
      </c>
      <c r="Z141">
        <v>26</v>
      </c>
      <c r="AA141">
        <v>26</v>
      </c>
      <c r="AB141">
        <v>27</v>
      </c>
      <c r="AC141">
        <v>27</v>
      </c>
      <c r="AD141">
        <v>27</v>
      </c>
      <c r="AE141">
        <v>28</v>
      </c>
      <c r="AF141">
        <v>28</v>
      </c>
      <c r="AG141">
        <v>28</v>
      </c>
      <c r="AH141">
        <v>29</v>
      </c>
      <c r="AI141">
        <v>29</v>
      </c>
      <c r="AJ141">
        <v>29</v>
      </c>
      <c r="AK141">
        <v>30</v>
      </c>
      <c r="AL141">
        <v>30</v>
      </c>
      <c r="AM141">
        <v>30</v>
      </c>
      <c r="AN141">
        <v>30</v>
      </c>
      <c r="AO141">
        <v>30</v>
      </c>
      <c r="AP141">
        <v>30</v>
      </c>
      <c r="AQ141">
        <v>30</v>
      </c>
    </row>
    <row r="142" spans="1:43">
      <c r="A142" t="s">
        <v>185</v>
      </c>
      <c r="B142" t="s">
        <v>186</v>
      </c>
      <c r="C142" t="s">
        <v>187</v>
      </c>
      <c r="D142" t="s">
        <v>188</v>
      </c>
      <c r="E142" t="s">
        <v>102</v>
      </c>
      <c r="F142" t="s">
        <v>103</v>
      </c>
      <c r="G142" t="s">
        <v>80</v>
      </c>
      <c r="H142" t="s">
        <v>81</v>
      </c>
      <c r="I142" s="2">
        <v>0</v>
      </c>
      <c r="J142" s="2">
        <v>1</v>
      </c>
      <c r="K142" s="2">
        <v>0</v>
      </c>
      <c r="L142" t="s">
        <v>82</v>
      </c>
      <c r="M142" t="s">
        <v>83</v>
      </c>
      <c r="N142" t="s">
        <v>84</v>
      </c>
      <c r="O142" t="s">
        <v>85</v>
      </c>
      <c r="P142" t="s">
        <v>86</v>
      </c>
      <c r="Q142">
        <v>38</v>
      </c>
      <c r="R142">
        <v>39</v>
      </c>
      <c r="S142">
        <v>39</v>
      </c>
      <c r="T142">
        <v>40</v>
      </c>
      <c r="U142">
        <v>41</v>
      </c>
      <c r="V142">
        <v>41</v>
      </c>
      <c r="W142">
        <v>42</v>
      </c>
      <c r="X142">
        <v>43</v>
      </c>
      <c r="Y142">
        <v>43</v>
      </c>
      <c r="Z142">
        <v>44</v>
      </c>
      <c r="AA142">
        <v>44</v>
      </c>
      <c r="AB142">
        <v>45</v>
      </c>
      <c r="AC142">
        <v>46</v>
      </c>
      <c r="AD142">
        <v>46</v>
      </c>
      <c r="AE142">
        <v>47</v>
      </c>
      <c r="AF142">
        <v>47</v>
      </c>
      <c r="AG142">
        <v>48</v>
      </c>
      <c r="AH142">
        <v>49</v>
      </c>
      <c r="AI142">
        <v>49</v>
      </c>
      <c r="AJ142">
        <v>50</v>
      </c>
      <c r="AK142">
        <v>50</v>
      </c>
      <c r="AL142">
        <v>51</v>
      </c>
      <c r="AM142">
        <v>51</v>
      </c>
      <c r="AN142">
        <v>51</v>
      </c>
      <c r="AO142">
        <v>51</v>
      </c>
      <c r="AP142">
        <v>51</v>
      </c>
      <c r="AQ142">
        <v>51</v>
      </c>
    </row>
    <row r="143" spans="1:43">
      <c r="A143" t="s">
        <v>185</v>
      </c>
      <c r="B143" t="s">
        <v>186</v>
      </c>
      <c r="C143" t="s">
        <v>187</v>
      </c>
      <c r="D143" t="s">
        <v>188</v>
      </c>
      <c r="E143" t="s">
        <v>102</v>
      </c>
      <c r="F143" t="s">
        <v>103</v>
      </c>
      <c r="G143" t="s">
        <v>80</v>
      </c>
      <c r="H143" t="s">
        <v>81</v>
      </c>
      <c r="I143" s="2">
        <v>0</v>
      </c>
      <c r="J143" s="2">
        <v>1</v>
      </c>
      <c r="K143" s="2">
        <v>0</v>
      </c>
      <c r="L143" t="s">
        <v>82</v>
      </c>
      <c r="M143" t="s">
        <v>87</v>
      </c>
      <c r="N143" t="s">
        <v>88</v>
      </c>
      <c r="O143" t="s">
        <v>85</v>
      </c>
      <c r="P143" t="s">
        <v>86</v>
      </c>
      <c r="Q143">
        <v>38</v>
      </c>
      <c r="R143">
        <v>38</v>
      </c>
      <c r="S143">
        <v>38</v>
      </c>
      <c r="T143">
        <v>39</v>
      </c>
      <c r="U143">
        <v>39</v>
      </c>
      <c r="V143">
        <v>39</v>
      </c>
      <c r="W143">
        <v>39</v>
      </c>
      <c r="X143">
        <v>40</v>
      </c>
      <c r="Y143">
        <v>40</v>
      </c>
      <c r="Z143">
        <v>40</v>
      </c>
      <c r="AA143">
        <v>40</v>
      </c>
      <c r="AB143">
        <v>41</v>
      </c>
      <c r="AC143">
        <v>41</v>
      </c>
      <c r="AD143">
        <v>41</v>
      </c>
      <c r="AE143">
        <v>41</v>
      </c>
      <c r="AF143">
        <v>42</v>
      </c>
      <c r="AG143">
        <v>42</v>
      </c>
      <c r="AH143">
        <v>42</v>
      </c>
      <c r="AI143">
        <v>43</v>
      </c>
      <c r="AJ143">
        <v>43</v>
      </c>
      <c r="AK143">
        <v>43</v>
      </c>
      <c r="AL143">
        <v>43</v>
      </c>
      <c r="AM143">
        <v>44</v>
      </c>
      <c r="AN143">
        <v>44</v>
      </c>
      <c r="AO143">
        <v>44</v>
      </c>
      <c r="AP143">
        <v>44</v>
      </c>
      <c r="AQ143">
        <v>45</v>
      </c>
    </row>
    <row r="144" spans="1:43">
      <c r="A144" t="s">
        <v>185</v>
      </c>
      <c r="B144" t="s">
        <v>186</v>
      </c>
      <c r="C144" t="s">
        <v>187</v>
      </c>
      <c r="D144" t="s">
        <v>188</v>
      </c>
      <c r="E144" t="s">
        <v>102</v>
      </c>
      <c r="F144" t="s">
        <v>103</v>
      </c>
      <c r="G144" t="s">
        <v>80</v>
      </c>
      <c r="H144" t="s">
        <v>81</v>
      </c>
      <c r="I144" s="2">
        <v>0</v>
      </c>
      <c r="J144" s="2">
        <v>1</v>
      </c>
      <c r="K144" s="2">
        <v>0</v>
      </c>
      <c r="L144" t="s">
        <v>82</v>
      </c>
      <c r="M144" t="s">
        <v>89</v>
      </c>
      <c r="N144" t="s">
        <v>90</v>
      </c>
      <c r="O144" t="s">
        <v>85</v>
      </c>
      <c r="P144" t="s">
        <v>86</v>
      </c>
      <c r="Q144">
        <v>38</v>
      </c>
      <c r="R144">
        <v>39</v>
      </c>
      <c r="S144">
        <v>40</v>
      </c>
      <c r="T144">
        <v>41</v>
      </c>
      <c r="U144">
        <v>42</v>
      </c>
      <c r="V144">
        <v>43</v>
      </c>
      <c r="W144">
        <v>44</v>
      </c>
      <c r="X144">
        <v>45</v>
      </c>
      <c r="Y144">
        <v>46</v>
      </c>
      <c r="Z144">
        <v>46</v>
      </c>
      <c r="AA144">
        <v>47</v>
      </c>
      <c r="AB144">
        <v>48</v>
      </c>
      <c r="AC144">
        <v>49</v>
      </c>
      <c r="AD144">
        <v>50</v>
      </c>
      <c r="AE144">
        <v>50</v>
      </c>
      <c r="AF144">
        <v>50</v>
      </c>
      <c r="AG144">
        <v>50</v>
      </c>
      <c r="AH144">
        <v>50</v>
      </c>
      <c r="AI144">
        <v>51</v>
      </c>
      <c r="AJ144">
        <v>51</v>
      </c>
      <c r="AK144">
        <v>51</v>
      </c>
      <c r="AL144">
        <v>51</v>
      </c>
      <c r="AM144">
        <v>51</v>
      </c>
      <c r="AN144">
        <v>51</v>
      </c>
      <c r="AO144">
        <v>51</v>
      </c>
      <c r="AP144">
        <v>51</v>
      </c>
      <c r="AQ144">
        <v>51</v>
      </c>
    </row>
    <row r="145" spans="1:43">
      <c r="A145" t="s">
        <v>185</v>
      </c>
      <c r="B145" t="s">
        <v>186</v>
      </c>
      <c r="C145" t="s">
        <v>187</v>
      </c>
      <c r="D145" t="s">
        <v>188</v>
      </c>
      <c r="E145" t="s">
        <v>102</v>
      </c>
      <c r="F145" t="s">
        <v>103</v>
      </c>
      <c r="G145" t="s">
        <v>80</v>
      </c>
      <c r="H145" t="s">
        <v>81</v>
      </c>
      <c r="I145" s="2">
        <v>0</v>
      </c>
      <c r="J145" s="2">
        <v>1</v>
      </c>
      <c r="K145" s="2">
        <v>0</v>
      </c>
      <c r="L145" t="s">
        <v>82</v>
      </c>
      <c r="M145" t="s">
        <v>83</v>
      </c>
      <c r="N145" t="s">
        <v>91</v>
      </c>
      <c r="O145" t="s">
        <v>85</v>
      </c>
      <c r="P145" t="s">
        <v>86</v>
      </c>
      <c r="Q145">
        <v>38</v>
      </c>
      <c r="R145">
        <v>39</v>
      </c>
      <c r="S145">
        <v>39</v>
      </c>
      <c r="T145">
        <v>40</v>
      </c>
      <c r="U145">
        <v>41</v>
      </c>
      <c r="V145">
        <v>41</v>
      </c>
      <c r="W145">
        <v>42</v>
      </c>
      <c r="X145">
        <v>43</v>
      </c>
      <c r="Y145">
        <v>43</v>
      </c>
      <c r="Z145">
        <v>44</v>
      </c>
      <c r="AA145">
        <v>44</v>
      </c>
      <c r="AB145">
        <v>45</v>
      </c>
      <c r="AC145">
        <v>46</v>
      </c>
      <c r="AD145">
        <v>46</v>
      </c>
      <c r="AE145">
        <v>47</v>
      </c>
      <c r="AF145">
        <v>47</v>
      </c>
      <c r="AG145">
        <v>48</v>
      </c>
      <c r="AH145">
        <v>49</v>
      </c>
      <c r="AI145">
        <v>49</v>
      </c>
      <c r="AJ145">
        <v>50</v>
      </c>
      <c r="AK145">
        <v>50</v>
      </c>
      <c r="AL145">
        <v>51</v>
      </c>
      <c r="AM145">
        <v>51</v>
      </c>
      <c r="AN145">
        <v>51</v>
      </c>
      <c r="AO145">
        <v>51</v>
      </c>
      <c r="AP145">
        <v>51</v>
      </c>
      <c r="AQ145">
        <v>51</v>
      </c>
    </row>
    <row r="146" spans="1:43">
      <c r="A146" t="s">
        <v>189</v>
      </c>
      <c r="B146" t="s">
        <v>190</v>
      </c>
      <c r="C146" t="s">
        <v>191</v>
      </c>
      <c r="D146" t="s">
        <v>192</v>
      </c>
      <c r="E146" t="s">
        <v>102</v>
      </c>
      <c r="F146" t="s">
        <v>103</v>
      </c>
      <c r="G146" t="s">
        <v>80</v>
      </c>
      <c r="H146" t="s">
        <v>81</v>
      </c>
      <c r="I146" s="2">
        <v>0</v>
      </c>
      <c r="J146" s="2">
        <v>1</v>
      </c>
      <c r="K146" s="2">
        <v>0</v>
      </c>
      <c r="L146" t="s">
        <v>82</v>
      </c>
      <c r="M146" t="s">
        <v>83</v>
      </c>
      <c r="N146" t="s">
        <v>84</v>
      </c>
      <c r="O146" t="s">
        <v>85</v>
      </c>
      <c r="P146" t="s">
        <v>86</v>
      </c>
      <c r="Q146">
        <v>4</v>
      </c>
      <c r="R146">
        <v>4</v>
      </c>
      <c r="S146">
        <v>4</v>
      </c>
      <c r="T146">
        <v>5</v>
      </c>
      <c r="U146">
        <v>5</v>
      </c>
      <c r="V146">
        <v>5</v>
      </c>
      <c r="W146">
        <v>5</v>
      </c>
      <c r="X146">
        <v>5</v>
      </c>
      <c r="Y146">
        <v>5</v>
      </c>
      <c r="Z146">
        <v>5</v>
      </c>
      <c r="AA146">
        <v>5</v>
      </c>
      <c r="AB146">
        <v>5</v>
      </c>
      <c r="AC146">
        <v>5</v>
      </c>
      <c r="AD146">
        <v>5</v>
      </c>
      <c r="AE146">
        <v>5</v>
      </c>
      <c r="AF146">
        <v>5</v>
      </c>
      <c r="AG146">
        <v>5</v>
      </c>
      <c r="AH146">
        <v>6</v>
      </c>
      <c r="AI146">
        <v>6</v>
      </c>
      <c r="AJ146">
        <v>6</v>
      </c>
      <c r="AK146">
        <v>6</v>
      </c>
      <c r="AL146">
        <v>6</v>
      </c>
      <c r="AM146">
        <v>6</v>
      </c>
      <c r="AN146">
        <v>6</v>
      </c>
      <c r="AO146">
        <v>6</v>
      </c>
      <c r="AP146">
        <v>6</v>
      </c>
      <c r="AQ146">
        <v>6</v>
      </c>
    </row>
    <row r="147" spans="1:43">
      <c r="A147" t="s">
        <v>189</v>
      </c>
      <c r="B147" t="s">
        <v>190</v>
      </c>
      <c r="C147" t="s">
        <v>191</v>
      </c>
      <c r="D147" t="s">
        <v>192</v>
      </c>
      <c r="E147" t="s">
        <v>102</v>
      </c>
      <c r="F147" t="s">
        <v>103</v>
      </c>
      <c r="G147" t="s">
        <v>80</v>
      </c>
      <c r="H147" t="s">
        <v>81</v>
      </c>
      <c r="I147" s="2">
        <v>0</v>
      </c>
      <c r="J147" s="2">
        <v>1</v>
      </c>
      <c r="K147" s="2">
        <v>0</v>
      </c>
      <c r="L147" t="s">
        <v>82</v>
      </c>
      <c r="M147" t="s">
        <v>87</v>
      </c>
      <c r="N147" t="s">
        <v>88</v>
      </c>
      <c r="O147" t="s">
        <v>85</v>
      </c>
      <c r="P147" t="s">
        <v>86</v>
      </c>
      <c r="Q147">
        <v>4</v>
      </c>
      <c r="R147">
        <v>4</v>
      </c>
      <c r="S147">
        <v>4</v>
      </c>
      <c r="T147">
        <v>4</v>
      </c>
      <c r="U147">
        <v>4</v>
      </c>
      <c r="V147">
        <v>4</v>
      </c>
      <c r="W147">
        <v>4</v>
      </c>
      <c r="X147">
        <v>4</v>
      </c>
      <c r="Y147">
        <v>5</v>
      </c>
      <c r="Z147">
        <v>5</v>
      </c>
      <c r="AA147">
        <v>5</v>
      </c>
      <c r="AB147">
        <v>5</v>
      </c>
      <c r="AC147">
        <v>5</v>
      </c>
      <c r="AD147">
        <v>5</v>
      </c>
      <c r="AE147">
        <v>5</v>
      </c>
      <c r="AF147">
        <v>5</v>
      </c>
      <c r="AG147">
        <v>5</v>
      </c>
      <c r="AH147">
        <v>5</v>
      </c>
      <c r="AI147">
        <v>5</v>
      </c>
      <c r="AJ147">
        <v>5</v>
      </c>
      <c r="AK147">
        <v>5</v>
      </c>
      <c r="AL147">
        <v>5</v>
      </c>
      <c r="AM147">
        <v>5</v>
      </c>
      <c r="AN147">
        <v>5</v>
      </c>
      <c r="AO147">
        <v>5</v>
      </c>
      <c r="AP147">
        <v>5</v>
      </c>
      <c r="AQ147">
        <v>5</v>
      </c>
    </row>
    <row r="148" spans="1:43">
      <c r="A148" t="s">
        <v>189</v>
      </c>
      <c r="B148" t="s">
        <v>190</v>
      </c>
      <c r="C148" t="s">
        <v>191</v>
      </c>
      <c r="D148" t="s">
        <v>192</v>
      </c>
      <c r="E148" t="s">
        <v>102</v>
      </c>
      <c r="F148" t="s">
        <v>103</v>
      </c>
      <c r="G148" t="s">
        <v>80</v>
      </c>
      <c r="H148" t="s">
        <v>81</v>
      </c>
      <c r="I148" s="2">
        <v>0</v>
      </c>
      <c r="J148" s="2">
        <v>1</v>
      </c>
      <c r="K148" s="2">
        <v>0</v>
      </c>
      <c r="L148" t="s">
        <v>82</v>
      </c>
      <c r="M148" t="s">
        <v>89</v>
      </c>
      <c r="N148" t="s">
        <v>90</v>
      </c>
      <c r="O148" t="s">
        <v>85</v>
      </c>
      <c r="P148" t="s">
        <v>86</v>
      </c>
      <c r="Q148">
        <v>4</v>
      </c>
      <c r="R148">
        <v>4</v>
      </c>
      <c r="S148">
        <v>5</v>
      </c>
      <c r="T148">
        <v>5</v>
      </c>
      <c r="U148">
        <v>5</v>
      </c>
      <c r="V148">
        <v>5</v>
      </c>
      <c r="W148">
        <v>5</v>
      </c>
      <c r="X148">
        <v>5</v>
      </c>
      <c r="Y148">
        <v>5</v>
      </c>
      <c r="Z148">
        <v>5</v>
      </c>
      <c r="AA148">
        <v>5</v>
      </c>
      <c r="AB148">
        <v>5</v>
      </c>
      <c r="AC148">
        <v>6</v>
      </c>
      <c r="AD148">
        <v>6</v>
      </c>
      <c r="AE148">
        <v>6</v>
      </c>
      <c r="AF148">
        <v>6</v>
      </c>
      <c r="AG148">
        <v>6</v>
      </c>
      <c r="AH148">
        <v>6</v>
      </c>
      <c r="AI148">
        <v>6</v>
      </c>
      <c r="AJ148">
        <v>6</v>
      </c>
      <c r="AK148">
        <v>6</v>
      </c>
      <c r="AL148">
        <v>6</v>
      </c>
      <c r="AM148">
        <v>6</v>
      </c>
      <c r="AN148">
        <v>6</v>
      </c>
      <c r="AO148">
        <v>6</v>
      </c>
      <c r="AP148">
        <v>6</v>
      </c>
      <c r="AQ148">
        <v>6</v>
      </c>
    </row>
    <row r="149" spans="1:43">
      <c r="A149" t="s">
        <v>189</v>
      </c>
      <c r="B149" t="s">
        <v>190</v>
      </c>
      <c r="C149" t="s">
        <v>191</v>
      </c>
      <c r="D149" t="s">
        <v>192</v>
      </c>
      <c r="E149" t="s">
        <v>102</v>
      </c>
      <c r="F149" t="s">
        <v>103</v>
      </c>
      <c r="G149" t="s">
        <v>80</v>
      </c>
      <c r="H149" t="s">
        <v>81</v>
      </c>
      <c r="I149" s="2">
        <v>0</v>
      </c>
      <c r="J149" s="2">
        <v>1</v>
      </c>
      <c r="K149" s="2">
        <v>0</v>
      </c>
      <c r="L149" t="s">
        <v>82</v>
      </c>
      <c r="M149" t="s">
        <v>83</v>
      </c>
      <c r="N149" t="s">
        <v>91</v>
      </c>
      <c r="O149" t="s">
        <v>85</v>
      </c>
      <c r="P149" t="s">
        <v>86</v>
      </c>
      <c r="Q149">
        <v>4</v>
      </c>
      <c r="R149">
        <v>4</v>
      </c>
      <c r="S149">
        <v>4</v>
      </c>
      <c r="T149">
        <v>5</v>
      </c>
      <c r="U149">
        <v>5</v>
      </c>
      <c r="V149">
        <v>5</v>
      </c>
      <c r="W149">
        <v>5</v>
      </c>
      <c r="X149">
        <v>5</v>
      </c>
      <c r="Y149">
        <v>5</v>
      </c>
      <c r="Z149">
        <v>5</v>
      </c>
      <c r="AA149">
        <v>5</v>
      </c>
      <c r="AB149">
        <v>5</v>
      </c>
      <c r="AC149">
        <v>5</v>
      </c>
      <c r="AD149">
        <v>5</v>
      </c>
      <c r="AE149">
        <v>5</v>
      </c>
      <c r="AF149">
        <v>5</v>
      </c>
      <c r="AG149">
        <v>5</v>
      </c>
      <c r="AH149">
        <v>6</v>
      </c>
      <c r="AI149">
        <v>6</v>
      </c>
      <c r="AJ149">
        <v>6</v>
      </c>
      <c r="AK149">
        <v>6</v>
      </c>
      <c r="AL149">
        <v>6</v>
      </c>
      <c r="AM149">
        <v>6</v>
      </c>
      <c r="AN149">
        <v>6</v>
      </c>
      <c r="AO149">
        <v>6</v>
      </c>
      <c r="AP149">
        <v>6</v>
      </c>
      <c r="AQ149">
        <v>6</v>
      </c>
    </row>
    <row r="150" spans="1:43">
      <c r="A150" t="s">
        <v>193</v>
      </c>
      <c r="B150" t="s">
        <v>194</v>
      </c>
      <c r="C150" t="s">
        <v>191</v>
      </c>
      <c r="D150" t="s">
        <v>192</v>
      </c>
      <c r="E150" t="s">
        <v>102</v>
      </c>
      <c r="F150" t="s">
        <v>103</v>
      </c>
      <c r="G150" t="s">
        <v>80</v>
      </c>
      <c r="H150" t="s">
        <v>81</v>
      </c>
      <c r="I150" s="2">
        <v>0</v>
      </c>
      <c r="J150" s="2">
        <v>1</v>
      </c>
      <c r="K150" s="2">
        <v>0</v>
      </c>
      <c r="L150" t="s">
        <v>82</v>
      </c>
      <c r="M150" t="s">
        <v>83</v>
      </c>
      <c r="N150" t="s">
        <v>84</v>
      </c>
      <c r="O150" t="s">
        <v>85</v>
      </c>
      <c r="P150" t="s">
        <v>86</v>
      </c>
      <c r="Q150">
        <v>21</v>
      </c>
      <c r="R150">
        <v>21</v>
      </c>
      <c r="S150">
        <v>22</v>
      </c>
      <c r="T150">
        <v>22</v>
      </c>
      <c r="U150">
        <v>22</v>
      </c>
      <c r="V150">
        <v>23</v>
      </c>
      <c r="W150">
        <v>23</v>
      </c>
      <c r="X150">
        <v>23</v>
      </c>
      <c r="Y150">
        <v>24</v>
      </c>
      <c r="Z150">
        <v>24</v>
      </c>
      <c r="AA150">
        <v>24</v>
      </c>
      <c r="AB150">
        <v>25</v>
      </c>
      <c r="AC150">
        <v>25</v>
      </c>
      <c r="AD150">
        <v>25</v>
      </c>
      <c r="AE150">
        <v>26</v>
      </c>
      <c r="AF150">
        <v>26</v>
      </c>
      <c r="AG150">
        <v>26</v>
      </c>
      <c r="AH150">
        <v>27</v>
      </c>
      <c r="AI150">
        <v>27</v>
      </c>
      <c r="AJ150">
        <v>27</v>
      </c>
      <c r="AK150">
        <v>28</v>
      </c>
      <c r="AL150">
        <v>28</v>
      </c>
      <c r="AM150">
        <v>28</v>
      </c>
      <c r="AN150">
        <v>28</v>
      </c>
      <c r="AO150">
        <v>28</v>
      </c>
      <c r="AP150">
        <v>28</v>
      </c>
      <c r="AQ150">
        <v>28</v>
      </c>
    </row>
    <row r="151" spans="1:43">
      <c r="A151" t="s">
        <v>193</v>
      </c>
      <c r="B151" t="s">
        <v>194</v>
      </c>
      <c r="C151" t="s">
        <v>191</v>
      </c>
      <c r="D151" t="s">
        <v>192</v>
      </c>
      <c r="E151" t="s">
        <v>102</v>
      </c>
      <c r="F151" t="s">
        <v>103</v>
      </c>
      <c r="G151" t="s">
        <v>80</v>
      </c>
      <c r="H151" t="s">
        <v>81</v>
      </c>
      <c r="I151" s="2">
        <v>0</v>
      </c>
      <c r="J151" s="2">
        <v>1</v>
      </c>
      <c r="K151" s="2">
        <v>0</v>
      </c>
      <c r="L151" t="s">
        <v>82</v>
      </c>
      <c r="M151" t="s">
        <v>87</v>
      </c>
      <c r="N151" t="s">
        <v>88</v>
      </c>
      <c r="O151" t="s">
        <v>85</v>
      </c>
      <c r="P151" t="s">
        <v>86</v>
      </c>
      <c r="Q151">
        <v>21</v>
      </c>
      <c r="R151">
        <v>21</v>
      </c>
      <c r="S151">
        <v>21</v>
      </c>
      <c r="T151">
        <v>21</v>
      </c>
      <c r="U151">
        <v>21</v>
      </c>
      <c r="V151">
        <v>21</v>
      </c>
      <c r="W151">
        <v>22</v>
      </c>
      <c r="X151">
        <v>22</v>
      </c>
      <c r="Y151">
        <v>22</v>
      </c>
      <c r="Z151">
        <v>22</v>
      </c>
      <c r="AA151">
        <v>22</v>
      </c>
      <c r="AB151">
        <v>22</v>
      </c>
      <c r="AC151">
        <v>22</v>
      </c>
      <c r="AD151">
        <v>23</v>
      </c>
      <c r="AE151">
        <v>23</v>
      </c>
      <c r="AF151">
        <v>23</v>
      </c>
      <c r="AG151">
        <v>23</v>
      </c>
      <c r="AH151">
        <v>23</v>
      </c>
      <c r="AI151">
        <v>23</v>
      </c>
      <c r="AJ151">
        <v>23</v>
      </c>
      <c r="AK151">
        <v>24</v>
      </c>
      <c r="AL151">
        <v>24</v>
      </c>
      <c r="AM151">
        <v>24</v>
      </c>
      <c r="AN151">
        <v>24</v>
      </c>
      <c r="AO151">
        <v>24</v>
      </c>
      <c r="AP151">
        <v>24</v>
      </c>
      <c r="AQ151">
        <v>24</v>
      </c>
    </row>
    <row r="152" spans="1:43">
      <c r="A152" t="s">
        <v>193</v>
      </c>
      <c r="B152" t="s">
        <v>194</v>
      </c>
      <c r="C152" t="s">
        <v>191</v>
      </c>
      <c r="D152" t="s">
        <v>192</v>
      </c>
      <c r="E152" t="s">
        <v>102</v>
      </c>
      <c r="F152" t="s">
        <v>103</v>
      </c>
      <c r="G152" t="s">
        <v>80</v>
      </c>
      <c r="H152" t="s">
        <v>81</v>
      </c>
      <c r="I152" s="2">
        <v>0</v>
      </c>
      <c r="J152" s="2">
        <v>1</v>
      </c>
      <c r="K152" s="2">
        <v>0</v>
      </c>
      <c r="L152" t="s">
        <v>82</v>
      </c>
      <c r="M152" t="s">
        <v>89</v>
      </c>
      <c r="N152" t="s">
        <v>90</v>
      </c>
      <c r="O152" t="s">
        <v>85</v>
      </c>
      <c r="P152" t="s">
        <v>86</v>
      </c>
      <c r="Q152">
        <v>21</v>
      </c>
      <c r="R152">
        <v>22</v>
      </c>
      <c r="S152">
        <v>22</v>
      </c>
      <c r="T152">
        <v>23</v>
      </c>
      <c r="U152">
        <v>23</v>
      </c>
      <c r="V152">
        <v>24</v>
      </c>
      <c r="W152">
        <v>24</v>
      </c>
      <c r="X152">
        <v>25</v>
      </c>
      <c r="Y152">
        <v>25</v>
      </c>
      <c r="Z152">
        <v>26</v>
      </c>
      <c r="AA152">
        <v>26</v>
      </c>
      <c r="AB152">
        <v>26</v>
      </c>
      <c r="AC152">
        <v>27</v>
      </c>
      <c r="AD152">
        <v>27</v>
      </c>
      <c r="AE152">
        <v>28</v>
      </c>
      <c r="AF152">
        <v>28</v>
      </c>
      <c r="AG152">
        <v>28</v>
      </c>
      <c r="AH152">
        <v>28</v>
      </c>
      <c r="AI152">
        <v>28</v>
      </c>
      <c r="AJ152">
        <v>28</v>
      </c>
      <c r="AK152">
        <v>28</v>
      </c>
      <c r="AL152">
        <v>28</v>
      </c>
      <c r="AM152">
        <v>28</v>
      </c>
      <c r="AN152">
        <v>28</v>
      </c>
      <c r="AO152">
        <v>28</v>
      </c>
      <c r="AP152">
        <v>28</v>
      </c>
      <c r="AQ152">
        <v>28</v>
      </c>
    </row>
    <row r="153" spans="1:43">
      <c r="A153" t="s">
        <v>193</v>
      </c>
      <c r="B153" t="s">
        <v>194</v>
      </c>
      <c r="C153" t="s">
        <v>191</v>
      </c>
      <c r="D153" t="s">
        <v>192</v>
      </c>
      <c r="E153" t="s">
        <v>102</v>
      </c>
      <c r="F153" t="s">
        <v>103</v>
      </c>
      <c r="G153" t="s">
        <v>80</v>
      </c>
      <c r="H153" t="s">
        <v>81</v>
      </c>
      <c r="I153" s="2">
        <v>0</v>
      </c>
      <c r="J153" s="2">
        <v>1</v>
      </c>
      <c r="K153" s="2">
        <v>0</v>
      </c>
      <c r="L153" t="s">
        <v>82</v>
      </c>
      <c r="M153" t="s">
        <v>83</v>
      </c>
      <c r="N153" t="s">
        <v>91</v>
      </c>
      <c r="O153" t="s">
        <v>85</v>
      </c>
      <c r="P153" t="s">
        <v>86</v>
      </c>
      <c r="Q153">
        <v>21</v>
      </c>
      <c r="R153">
        <v>21</v>
      </c>
      <c r="S153">
        <v>22</v>
      </c>
      <c r="T153">
        <v>22</v>
      </c>
      <c r="U153">
        <v>22</v>
      </c>
      <c r="V153">
        <v>23</v>
      </c>
      <c r="W153">
        <v>23</v>
      </c>
      <c r="X153">
        <v>23</v>
      </c>
      <c r="Y153">
        <v>24</v>
      </c>
      <c r="Z153">
        <v>24</v>
      </c>
      <c r="AA153">
        <v>24</v>
      </c>
      <c r="AB153">
        <v>25</v>
      </c>
      <c r="AC153">
        <v>25</v>
      </c>
      <c r="AD153">
        <v>25</v>
      </c>
      <c r="AE153">
        <v>26</v>
      </c>
      <c r="AF153">
        <v>26</v>
      </c>
      <c r="AG153">
        <v>26</v>
      </c>
      <c r="AH153">
        <v>27</v>
      </c>
      <c r="AI153">
        <v>27</v>
      </c>
      <c r="AJ153">
        <v>27</v>
      </c>
      <c r="AK153">
        <v>28</v>
      </c>
      <c r="AL153">
        <v>28</v>
      </c>
      <c r="AM153">
        <v>28</v>
      </c>
      <c r="AN153">
        <v>28</v>
      </c>
      <c r="AO153">
        <v>28</v>
      </c>
      <c r="AP153">
        <v>28</v>
      </c>
      <c r="AQ153">
        <v>28</v>
      </c>
    </row>
    <row r="154" spans="1:43">
      <c r="A154" t="s">
        <v>195</v>
      </c>
      <c r="B154" t="s">
        <v>196</v>
      </c>
      <c r="C154" t="s">
        <v>187</v>
      </c>
      <c r="D154" t="s">
        <v>188</v>
      </c>
      <c r="E154" t="s">
        <v>102</v>
      </c>
      <c r="F154" t="s">
        <v>103</v>
      </c>
      <c r="G154" t="s">
        <v>80</v>
      </c>
      <c r="H154" t="s">
        <v>81</v>
      </c>
      <c r="I154" s="2">
        <v>0</v>
      </c>
      <c r="J154" s="2">
        <v>1</v>
      </c>
      <c r="K154" s="2">
        <v>0</v>
      </c>
      <c r="L154" t="s">
        <v>82</v>
      </c>
      <c r="M154" t="s">
        <v>83</v>
      </c>
      <c r="N154" t="s">
        <v>84</v>
      </c>
      <c r="O154" t="s">
        <v>85</v>
      </c>
      <c r="P154" t="s">
        <v>86</v>
      </c>
      <c r="Q154">
        <v>19</v>
      </c>
      <c r="R154">
        <v>19</v>
      </c>
      <c r="S154">
        <v>19</v>
      </c>
      <c r="T154">
        <v>20</v>
      </c>
      <c r="U154">
        <v>20</v>
      </c>
      <c r="V154">
        <v>20</v>
      </c>
      <c r="W154">
        <v>21</v>
      </c>
      <c r="X154">
        <v>21</v>
      </c>
      <c r="Y154">
        <v>21</v>
      </c>
      <c r="Z154">
        <v>21</v>
      </c>
      <c r="AA154">
        <v>22</v>
      </c>
      <c r="AB154">
        <v>22</v>
      </c>
      <c r="AC154">
        <v>22</v>
      </c>
      <c r="AD154">
        <v>23</v>
      </c>
      <c r="AE154">
        <v>23</v>
      </c>
      <c r="AF154">
        <v>23</v>
      </c>
      <c r="AG154">
        <v>24</v>
      </c>
      <c r="AH154">
        <v>24</v>
      </c>
      <c r="AI154">
        <v>24</v>
      </c>
      <c r="AJ154">
        <v>24</v>
      </c>
      <c r="AK154">
        <v>25</v>
      </c>
      <c r="AL154">
        <v>25</v>
      </c>
      <c r="AM154">
        <v>25</v>
      </c>
      <c r="AN154">
        <v>25</v>
      </c>
      <c r="AO154">
        <v>25</v>
      </c>
      <c r="AP154">
        <v>25</v>
      </c>
      <c r="AQ154">
        <v>25</v>
      </c>
    </row>
    <row r="155" spans="1:43">
      <c r="A155" t="s">
        <v>195</v>
      </c>
      <c r="B155" t="s">
        <v>196</v>
      </c>
      <c r="C155" t="s">
        <v>187</v>
      </c>
      <c r="D155" t="s">
        <v>188</v>
      </c>
      <c r="E155" t="s">
        <v>102</v>
      </c>
      <c r="F155" t="s">
        <v>103</v>
      </c>
      <c r="G155" t="s">
        <v>80</v>
      </c>
      <c r="H155" t="s">
        <v>81</v>
      </c>
      <c r="I155" s="2">
        <v>0</v>
      </c>
      <c r="J155" s="2">
        <v>1</v>
      </c>
      <c r="K155" s="2">
        <v>0</v>
      </c>
      <c r="L155" t="s">
        <v>82</v>
      </c>
      <c r="M155" t="s">
        <v>87</v>
      </c>
      <c r="N155" t="s">
        <v>88</v>
      </c>
      <c r="O155" t="s">
        <v>85</v>
      </c>
      <c r="P155" t="s">
        <v>86</v>
      </c>
      <c r="Q155">
        <v>19</v>
      </c>
      <c r="R155">
        <v>19</v>
      </c>
      <c r="S155">
        <v>19</v>
      </c>
      <c r="T155">
        <v>19</v>
      </c>
      <c r="U155">
        <v>19</v>
      </c>
      <c r="V155">
        <v>19</v>
      </c>
      <c r="W155">
        <v>19</v>
      </c>
      <c r="X155">
        <v>19</v>
      </c>
      <c r="Y155">
        <v>20</v>
      </c>
      <c r="Z155">
        <v>20</v>
      </c>
      <c r="AA155">
        <v>20</v>
      </c>
      <c r="AB155">
        <v>20</v>
      </c>
      <c r="AC155">
        <v>20</v>
      </c>
      <c r="AD155">
        <v>20</v>
      </c>
      <c r="AE155">
        <v>20</v>
      </c>
      <c r="AF155">
        <v>20</v>
      </c>
      <c r="AG155">
        <v>21</v>
      </c>
      <c r="AH155">
        <v>21</v>
      </c>
      <c r="AI155">
        <v>21</v>
      </c>
      <c r="AJ155">
        <v>21</v>
      </c>
      <c r="AK155">
        <v>21</v>
      </c>
      <c r="AL155">
        <v>21</v>
      </c>
      <c r="AM155">
        <v>21</v>
      </c>
      <c r="AN155">
        <v>21</v>
      </c>
      <c r="AO155">
        <v>22</v>
      </c>
      <c r="AP155">
        <v>22</v>
      </c>
      <c r="AQ155">
        <v>22</v>
      </c>
    </row>
    <row r="156" spans="1:43">
      <c r="A156" t="s">
        <v>195</v>
      </c>
      <c r="B156" t="s">
        <v>196</v>
      </c>
      <c r="C156" t="s">
        <v>187</v>
      </c>
      <c r="D156" t="s">
        <v>188</v>
      </c>
      <c r="E156" t="s">
        <v>102</v>
      </c>
      <c r="F156" t="s">
        <v>103</v>
      </c>
      <c r="G156" t="s">
        <v>80</v>
      </c>
      <c r="H156" t="s">
        <v>81</v>
      </c>
      <c r="I156" s="2">
        <v>0</v>
      </c>
      <c r="J156" s="2">
        <v>1</v>
      </c>
      <c r="K156" s="2">
        <v>0</v>
      </c>
      <c r="L156" t="s">
        <v>82</v>
      </c>
      <c r="M156" t="s">
        <v>89</v>
      </c>
      <c r="N156" t="s">
        <v>90</v>
      </c>
      <c r="O156" t="s">
        <v>85</v>
      </c>
      <c r="P156" t="s">
        <v>86</v>
      </c>
      <c r="Q156">
        <v>19</v>
      </c>
      <c r="R156">
        <v>19</v>
      </c>
      <c r="S156">
        <v>20</v>
      </c>
      <c r="T156">
        <v>20</v>
      </c>
      <c r="U156">
        <v>21</v>
      </c>
      <c r="V156">
        <v>21</v>
      </c>
      <c r="W156">
        <v>22</v>
      </c>
      <c r="X156">
        <v>22</v>
      </c>
      <c r="Y156">
        <v>22</v>
      </c>
      <c r="Z156">
        <v>23</v>
      </c>
      <c r="AA156">
        <v>23</v>
      </c>
      <c r="AB156">
        <v>24</v>
      </c>
      <c r="AC156">
        <v>24</v>
      </c>
      <c r="AD156">
        <v>24</v>
      </c>
      <c r="AE156">
        <v>25</v>
      </c>
      <c r="AF156">
        <v>25</v>
      </c>
      <c r="AG156">
        <v>25</v>
      </c>
      <c r="AH156">
        <v>25</v>
      </c>
      <c r="AI156">
        <v>25</v>
      </c>
      <c r="AJ156">
        <v>25</v>
      </c>
      <c r="AK156">
        <v>25</v>
      </c>
      <c r="AL156">
        <v>25</v>
      </c>
      <c r="AM156">
        <v>25</v>
      </c>
      <c r="AN156">
        <v>25</v>
      </c>
      <c r="AO156">
        <v>25</v>
      </c>
      <c r="AP156">
        <v>25</v>
      </c>
      <c r="AQ156">
        <v>25</v>
      </c>
    </row>
    <row r="157" spans="1:43">
      <c r="A157" t="s">
        <v>195</v>
      </c>
      <c r="B157" t="s">
        <v>196</v>
      </c>
      <c r="C157" t="s">
        <v>187</v>
      </c>
      <c r="D157" t="s">
        <v>188</v>
      </c>
      <c r="E157" t="s">
        <v>102</v>
      </c>
      <c r="F157" t="s">
        <v>103</v>
      </c>
      <c r="G157" t="s">
        <v>80</v>
      </c>
      <c r="H157" t="s">
        <v>81</v>
      </c>
      <c r="I157" s="2">
        <v>0</v>
      </c>
      <c r="J157" s="2">
        <v>1</v>
      </c>
      <c r="K157" s="2">
        <v>0</v>
      </c>
      <c r="L157" t="s">
        <v>82</v>
      </c>
      <c r="M157" t="s">
        <v>83</v>
      </c>
      <c r="N157" t="s">
        <v>91</v>
      </c>
      <c r="O157" t="s">
        <v>85</v>
      </c>
      <c r="P157" t="s">
        <v>86</v>
      </c>
      <c r="Q157">
        <v>19</v>
      </c>
      <c r="R157">
        <v>19</v>
      </c>
      <c r="S157">
        <v>19</v>
      </c>
      <c r="T157">
        <v>20</v>
      </c>
      <c r="U157">
        <v>20</v>
      </c>
      <c r="V157">
        <v>20</v>
      </c>
      <c r="W157">
        <v>21</v>
      </c>
      <c r="X157">
        <v>21</v>
      </c>
      <c r="Y157">
        <v>21</v>
      </c>
      <c r="Z157">
        <v>21</v>
      </c>
      <c r="AA157">
        <v>22</v>
      </c>
      <c r="AB157">
        <v>22</v>
      </c>
      <c r="AC157">
        <v>22</v>
      </c>
      <c r="AD157">
        <v>23</v>
      </c>
      <c r="AE157">
        <v>23</v>
      </c>
      <c r="AF157">
        <v>23</v>
      </c>
      <c r="AG157">
        <v>24</v>
      </c>
      <c r="AH157">
        <v>24</v>
      </c>
      <c r="AI157">
        <v>24</v>
      </c>
      <c r="AJ157">
        <v>24</v>
      </c>
      <c r="AK157">
        <v>25</v>
      </c>
      <c r="AL157">
        <v>25</v>
      </c>
      <c r="AM157">
        <v>25</v>
      </c>
      <c r="AN157">
        <v>25</v>
      </c>
      <c r="AO157">
        <v>25</v>
      </c>
      <c r="AP157">
        <v>25</v>
      </c>
      <c r="AQ157">
        <v>25</v>
      </c>
    </row>
    <row r="158" spans="1:43">
      <c r="A158" t="s">
        <v>197</v>
      </c>
      <c r="B158" t="s">
        <v>198</v>
      </c>
      <c r="C158" t="s">
        <v>100</v>
      </c>
      <c r="D158" t="s">
        <v>101</v>
      </c>
      <c r="E158" t="s">
        <v>102</v>
      </c>
      <c r="F158" t="s">
        <v>103</v>
      </c>
      <c r="G158" t="s">
        <v>80</v>
      </c>
      <c r="H158" t="s">
        <v>81</v>
      </c>
      <c r="I158" s="2">
        <v>0</v>
      </c>
      <c r="J158" s="2">
        <v>1</v>
      </c>
      <c r="K158" s="2">
        <v>0</v>
      </c>
      <c r="L158" t="s">
        <v>82</v>
      </c>
      <c r="M158" t="s">
        <v>83</v>
      </c>
      <c r="N158" t="s">
        <v>84</v>
      </c>
      <c r="O158" t="s">
        <v>85</v>
      </c>
      <c r="P158" t="s">
        <v>86</v>
      </c>
      <c r="Q158">
        <v>5</v>
      </c>
      <c r="R158">
        <v>5</v>
      </c>
      <c r="S158">
        <v>5</v>
      </c>
      <c r="T158">
        <v>6</v>
      </c>
      <c r="U158">
        <v>6</v>
      </c>
      <c r="V158">
        <v>6</v>
      </c>
      <c r="W158">
        <v>6</v>
      </c>
      <c r="X158">
        <v>6</v>
      </c>
      <c r="Y158">
        <v>6</v>
      </c>
      <c r="Z158">
        <v>6</v>
      </c>
      <c r="AA158">
        <v>6</v>
      </c>
      <c r="AB158">
        <v>6</v>
      </c>
      <c r="AC158">
        <v>6</v>
      </c>
      <c r="AD158">
        <v>6</v>
      </c>
      <c r="AE158">
        <v>7</v>
      </c>
      <c r="AF158">
        <v>7</v>
      </c>
      <c r="AG158">
        <v>7</v>
      </c>
      <c r="AH158">
        <v>7</v>
      </c>
      <c r="AI158">
        <v>7</v>
      </c>
      <c r="AJ158">
        <v>7</v>
      </c>
      <c r="AK158">
        <v>7</v>
      </c>
      <c r="AL158">
        <v>7</v>
      </c>
      <c r="AM158">
        <v>7</v>
      </c>
      <c r="AN158">
        <v>7</v>
      </c>
      <c r="AO158">
        <v>7</v>
      </c>
      <c r="AP158">
        <v>7</v>
      </c>
      <c r="AQ158">
        <v>7</v>
      </c>
    </row>
    <row r="159" spans="1:43">
      <c r="A159" t="s">
        <v>197</v>
      </c>
      <c r="B159" t="s">
        <v>198</v>
      </c>
      <c r="C159" t="s">
        <v>100</v>
      </c>
      <c r="D159" t="s">
        <v>101</v>
      </c>
      <c r="E159" t="s">
        <v>102</v>
      </c>
      <c r="F159" t="s">
        <v>103</v>
      </c>
      <c r="G159" t="s">
        <v>80</v>
      </c>
      <c r="H159" t="s">
        <v>81</v>
      </c>
      <c r="I159" s="2">
        <v>0</v>
      </c>
      <c r="J159" s="2">
        <v>1</v>
      </c>
      <c r="K159" s="2">
        <v>0</v>
      </c>
      <c r="L159" t="s">
        <v>82</v>
      </c>
      <c r="M159" t="s">
        <v>87</v>
      </c>
      <c r="N159" t="s">
        <v>88</v>
      </c>
      <c r="O159" t="s">
        <v>85</v>
      </c>
      <c r="P159" t="s">
        <v>86</v>
      </c>
      <c r="Q159">
        <v>5</v>
      </c>
      <c r="R159">
        <v>5</v>
      </c>
      <c r="S159">
        <v>5</v>
      </c>
      <c r="T159">
        <v>5</v>
      </c>
      <c r="U159">
        <v>5</v>
      </c>
      <c r="V159">
        <v>5</v>
      </c>
      <c r="W159">
        <v>5</v>
      </c>
      <c r="X159">
        <v>6</v>
      </c>
      <c r="Y159">
        <v>6</v>
      </c>
      <c r="Z159">
        <v>6</v>
      </c>
      <c r="AA159">
        <v>6</v>
      </c>
      <c r="AB159">
        <v>6</v>
      </c>
      <c r="AC159">
        <v>6</v>
      </c>
      <c r="AD159">
        <v>6</v>
      </c>
      <c r="AE159">
        <v>6</v>
      </c>
      <c r="AF159">
        <v>6</v>
      </c>
      <c r="AG159">
        <v>6</v>
      </c>
      <c r="AH159">
        <v>6</v>
      </c>
      <c r="AI159">
        <v>6</v>
      </c>
      <c r="AJ159">
        <v>6</v>
      </c>
      <c r="AK159">
        <v>6</v>
      </c>
      <c r="AL159">
        <v>6</v>
      </c>
      <c r="AM159">
        <v>6</v>
      </c>
      <c r="AN159">
        <v>6</v>
      </c>
      <c r="AO159">
        <v>6</v>
      </c>
      <c r="AP159">
        <v>6</v>
      </c>
      <c r="AQ159">
        <v>6</v>
      </c>
    </row>
    <row r="160" spans="1:43">
      <c r="A160" t="s">
        <v>197</v>
      </c>
      <c r="B160" t="s">
        <v>198</v>
      </c>
      <c r="C160" t="s">
        <v>100</v>
      </c>
      <c r="D160" t="s">
        <v>101</v>
      </c>
      <c r="E160" t="s">
        <v>102</v>
      </c>
      <c r="F160" t="s">
        <v>103</v>
      </c>
      <c r="G160" t="s">
        <v>80</v>
      </c>
      <c r="H160" t="s">
        <v>81</v>
      </c>
      <c r="I160" s="2">
        <v>0</v>
      </c>
      <c r="J160" s="2">
        <v>1</v>
      </c>
      <c r="K160" s="2">
        <v>0</v>
      </c>
      <c r="L160" t="s">
        <v>82</v>
      </c>
      <c r="M160" t="s">
        <v>89</v>
      </c>
      <c r="N160" t="s">
        <v>90</v>
      </c>
      <c r="O160" t="s">
        <v>85</v>
      </c>
      <c r="P160" t="s">
        <v>86</v>
      </c>
      <c r="Q160">
        <v>5</v>
      </c>
      <c r="R160">
        <v>6</v>
      </c>
      <c r="S160">
        <v>6</v>
      </c>
      <c r="T160">
        <v>6</v>
      </c>
      <c r="U160">
        <v>6</v>
      </c>
      <c r="V160">
        <v>6</v>
      </c>
      <c r="W160">
        <v>6</v>
      </c>
      <c r="X160">
        <v>6</v>
      </c>
      <c r="Y160">
        <v>6</v>
      </c>
      <c r="Z160">
        <v>6</v>
      </c>
      <c r="AA160">
        <v>7</v>
      </c>
      <c r="AB160">
        <v>7</v>
      </c>
      <c r="AC160">
        <v>7</v>
      </c>
      <c r="AD160">
        <v>7</v>
      </c>
      <c r="AE160">
        <v>7</v>
      </c>
      <c r="AF160">
        <v>7</v>
      </c>
      <c r="AG160">
        <v>7</v>
      </c>
      <c r="AH160">
        <v>7</v>
      </c>
      <c r="AI160">
        <v>7</v>
      </c>
      <c r="AJ160">
        <v>7</v>
      </c>
      <c r="AK160">
        <v>7</v>
      </c>
      <c r="AL160">
        <v>7</v>
      </c>
      <c r="AM160">
        <v>7</v>
      </c>
      <c r="AN160">
        <v>7</v>
      </c>
      <c r="AO160">
        <v>7</v>
      </c>
      <c r="AP160">
        <v>7</v>
      </c>
      <c r="AQ160">
        <v>7</v>
      </c>
    </row>
    <row r="161" spans="1:43">
      <c r="A161" t="s">
        <v>197</v>
      </c>
      <c r="B161" t="s">
        <v>198</v>
      </c>
      <c r="C161" t="s">
        <v>100</v>
      </c>
      <c r="D161" t="s">
        <v>101</v>
      </c>
      <c r="E161" t="s">
        <v>102</v>
      </c>
      <c r="F161" t="s">
        <v>103</v>
      </c>
      <c r="G161" t="s">
        <v>80</v>
      </c>
      <c r="H161" t="s">
        <v>81</v>
      </c>
      <c r="I161" s="2">
        <v>0</v>
      </c>
      <c r="J161" s="2">
        <v>1</v>
      </c>
      <c r="K161" s="2">
        <v>0</v>
      </c>
      <c r="L161" t="s">
        <v>82</v>
      </c>
      <c r="M161" t="s">
        <v>83</v>
      </c>
      <c r="N161" t="s">
        <v>91</v>
      </c>
      <c r="O161" t="s">
        <v>85</v>
      </c>
      <c r="P161" t="s">
        <v>86</v>
      </c>
      <c r="Q161">
        <v>5</v>
      </c>
      <c r="R161">
        <v>5</v>
      </c>
      <c r="S161">
        <v>5</v>
      </c>
      <c r="T161">
        <v>6</v>
      </c>
      <c r="U161">
        <v>6</v>
      </c>
      <c r="V161">
        <v>6</v>
      </c>
      <c r="W161">
        <v>6</v>
      </c>
      <c r="X161">
        <v>6</v>
      </c>
      <c r="Y161">
        <v>6</v>
      </c>
      <c r="Z161">
        <v>6</v>
      </c>
      <c r="AA161">
        <v>6</v>
      </c>
      <c r="AB161">
        <v>6</v>
      </c>
      <c r="AC161">
        <v>6</v>
      </c>
      <c r="AD161">
        <v>6</v>
      </c>
      <c r="AE161">
        <v>7</v>
      </c>
      <c r="AF161">
        <v>7</v>
      </c>
      <c r="AG161">
        <v>7</v>
      </c>
      <c r="AH161">
        <v>7</v>
      </c>
      <c r="AI161">
        <v>7</v>
      </c>
      <c r="AJ161">
        <v>7</v>
      </c>
      <c r="AK161">
        <v>7</v>
      </c>
      <c r="AL161">
        <v>7</v>
      </c>
      <c r="AM161">
        <v>7</v>
      </c>
      <c r="AN161">
        <v>7</v>
      </c>
      <c r="AO161">
        <v>7</v>
      </c>
      <c r="AP161">
        <v>7</v>
      </c>
      <c r="AQ161">
        <v>7</v>
      </c>
    </row>
    <row r="162" spans="1:43">
      <c r="A162" t="s">
        <v>199</v>
      </c>
      <c r="B162" t="s">
        <v>200</v>
      </c>
      <c r="C162" t="s">
        <v>191</v>
      </c>
      <c r="D162" t="s">
        <v>192</v>
      </c>
      <c r="E162" t="s">
        <v>102</v>
      </c>
      <c r="F162" t="s">
        <v>103</v>
      </c>
      <c r="G162" t="s">
        <v>80</v>
      </c>
      <c r="H162" t="s">
        <v>81</v>
      </c>
      <c r="I162" s="2">
        <v>0</v>
      </c>
      <c r="J162" s="2">
        <v>1</v>
      </c>
      <c r="K162" s="2">
        <v>0</v>
      </c>
      <c r="L162" t="s">
        <v>82</v>
      </c>
      <c r="M162" t="s">
        <v>83</v>
      </c>
      <c r="N162" t="s">
        <v>84</v>
      </c>
      <c r="O162" t="s">
        <v>85</v>
      </c>
      <c r="P162" t="s">
        <v>86</v>
      </c>
      <c r="Q162">
        <v>46</v>
      </c>
      <c r="R162">
        <v>47</v>
      </c>
      <c r="S162">
        <v>48</v>
      </c>
      <c r="T162">
        <v>48</v>
      </c>
      <c r="U162">
        <v>49</v>
      </c>
      <c r="V162">
        <v>50</v>
      </c>
      <c r="W162">
        <v>51</v>
      </c>
      <c r="X162">
        <v>51</v>
      </c>
      <c r="Y162">
        <v>52</v>
      </c>
      <c r="Z162">
        <v>53</v>
      </c>
      <c r="AA162">
        <v>54</v>
      </c>
      <c r="AB162">
        <v>54</v>
      </c>
      <c r="AC162">
        <v>55</v>
      </c>
      <c r="AD162">
        <v>56</v>
      </c>
      <c r="AE162">
        <v>56</v>
      </c>
      <c r="AF162">
        <v>57</v>
      </c>
      <c r="AG162">
        <v>58</v>
      </c>
      <c r="AH162">
        <v>59</v>
      </c>
      <c r="AI162">
        <v>59</v>
      </c>
      <c r="AJ162">
        <v>60</v>
      </c>
      <c r="AK162">
        <v>61</v>
      </c>
      <c r="AL162">
        <v>61</v>
      </c>
      <c r="AM162">
        <v>61</v>
      </c>
      <c r="AN162">
        <v>61</v>
      </c>
      <c r="AO162">
        <v>61</v>
      </c>
      <c r="AP162">
        <v>61</v>
      </c>
      <c r="AQ162">
        <v>62</v>
      </c>
    </row>
    <row r="163" spans="1:43">
      <c r="A163" t="s">
        <v>199</v>
      </c>
      <c r="B163" t="s">
        <v>200</v>
      </c>
      <c r="C163" t="s">
        <v>191</v>
      </c>
      <c r="D163" t="s">
        <v>192</v>
      </c>
      <c r="E163" t="s">
        <v>102</v>
      </c>
      <c r="F163" t="s">
        <v>103</v>
      </c>
      <c r="G163" t="s">
        <v>80</v>
      </c>
      <c r="H163" t="s">
        <v>81</v>
      </c>
      <c r="I163" s="2">
        <v>0</v>
      </c>
      <c r="J163" s="2">
        <v>1</v>
      </c>
      <c r="K163" s="2">
        <v>0</v>
      </c>
      <c r="L163" t="s">
        <v>82</v>
      </c>
      <c r="M163" t="s">
        <v>87</v>
      </c>
      <c r="N163" t="s">
        <v>88</v>
      </c>
      <c r="O163" t="s">
        <v>85</v>
      </c>
      <c r="P163" t="s">
        <v>86</v>
      </c>
      <c r="Q163">
        <v>46</v>
      </c>
      <c r="R163">
        <v>46</v>
      </c>
      <c r="S163">
        <v>46</v>
      </c>
      <c r="T163">
        <v>47</v>
      </c>
      <c r="U163">
        <v>47</v>
      </c>
      <c r="V163">
        <v>47</v>
      </c>
      <c r="W163">
        <v>48</v>
      </c>
      <c r="X163">
        <v>48</v>
      </c>
      <c r="Y163">
        <v>48</v>
      </c>
      <c r="Z163">
        <v>49</v>
      </c>
      <c r="AA163">
        <v>49</v>
      </c>
      <c r="AB163">
        <v>49</v>
      </c>
      <c r="AC163">
        <v>49</v>
      </c>
      <c r="AD163">
        <v>50</v>
      </c>
      <c r="AE163">
        <v>50</v>
      </c>
      <c r="AF163">
        <v>50</v>
      </c>
      <c r="AG163">
        <v>51</v>
      </c>
      <c r="AH163">
        <v>51</v>
      </c>
      <c r="AI163">
        <v>51</v>
      </c>
      <c r="AJ163">
        <v>52</v>
      </c>
      <c r="AK163">
        <v>52</v>
      </c>
      <c r="AL163">
        <v>52</v>
      </c>
      <c r="AM163">
        <v>53</v>
      </c>
      <c r="AN163">
        <v>53</v>
      </c>
      <c r="AO163">
        <v>53</v>
      </c>
      <c r="AP163">
        <v>53</v>
      </c>
      <c r="AQ163">
        <v>54</v>
      </c>
    </row>
    <row r="164" spans="1:43">
      <c r="A164" t="s">
        <v>199</v>
      </c>
      <c r="B164" t="s">
        <v>200</v>
      </c>
      <c r="C164" t="s">
        <v>191</v>
      </c>
      <c r="D164" t="s">
        <v>192</v>
      </c>
      <c r="E164" t="s">
        <v>102</v>
      </c>
      <c r="F164" t="s">
        <v>103</v>
      </c>
      <c r="G164" t="s">
        <v>80</v>
      </c>
      <c r="H164" t="s">
        <v>81</v>
      </c>
      <c r="I164" s="2">
        <v>0</v>
      </c>
      <c r="J164" s="2">
        <v>1</v>
      </c>
      <c r="K164" s="2">
        <v>0</v>
      </c>
      <c r="L164" t="s">
        <v>82</v>
      </c>
      <c r="M164" t="s">
        <v>89</v>
      </c>
      <c r="N164" t="s">
        <v>90</v>
      </c>
      <c r="O164" t="s">
        <v>85</v>
      </c>
      <c r="P164" t="s">
        <v>86</v>
      </c>
      <c r="Q164">
        <v>46</v>
      </c>
      <c r="R164">
        <v>48</v>
      </c>
      <c r="S164">
        <v>49</v>
      </c>
      <c r="T164">
        <v>50</v>
      </c>
      <c r="U164">
        <v>51</v>
      </c>
      <c r="V164">
        <v>52</v>
      </c>
      <c r="W164">
        <v>53</v>
      </c>
      <c r="X164">
        <v>54</v>
      </c>
      <c r="Y164">
        <v>55</v>
      </c>
      <c r="Z164">
        <v>56</v>
      </c>
      <c r="AA164">
        <v>57</v>
      </c>
      <c r="AB164">
        <v>58</v>
      </c>
      <c r="AC164">
        <v>59</v>
      </c>
      <c r="AD164">
        <v>60</v>
      </c>
      <c r="AE164">
        <v>60</v>
      </c>
      <c r="AF164">
        <v>61</v>
      </c>
      <c r="AG164">
        <v>61</v>
      </c>
      <c r="AH164">
        <v>61</v>
      </c>
      <c r="AI164">
        <v>61</v>
      </c>
      <c r="AJ164">
        <v>61</v>
      </c>
      <c r="AK164">
        <v>61</v>
      </c>
      <c r="AL164">
        <v>61</v>
      </c>
      <c r="AM164">
        <v>62</v>
      </c>
      <c r="AN164">
        <v>62</v>
      </c>
      <c r="AO164">
        <v>62</v>
      </c>
      <c r="AP164">
        <v>62</v>
      </c>
      <c r="AQ164">
        <v>62</v>
      </c>
    </row>
    <row r="165" spans="1:43">
      <c r="A165" t="s">
        <v>199</v>
      </c>
      <c r="B165" t="s">
        <v>200</v>
      </c>
      <c r="C165" t="s">
        <v>191</v>
      </c>
      <c r="D165" t="s">
        <v>192</v>
      </c>
      <c r="E165" t="s">
        <v>102</v>
      </c>
      <c r="F165" t="s">
        <v>103</v>
      </c>
      <c r="G165" t="s">
        <v>80</v>
      </c>
      <c r="H165" t="s">
        <v>81</v>
      </c>
      <c r="I165" s="2">
        <v>0</v>
      </c>
      <c r="J165" s="2">
        <v>1</v>
      </c>
      <c r="K165" s="2">
        <v>0</v>
      </c>
      <c r="L165" t="s">
        <v>82</v>
      </c>
      <c r="M165" t="s">
        <v>83</v>
      </c>
      <c r="N165" t="s">
        <v>91</v>
      </c>
      <c r="O165" t="s">
        <v>85</v>
      </c>
      <c r="P165" t="s">
        <v>86</v>
      </c>
      <c r="Q165">
        <v>46</v>
      </c>
      <c r="R165">
        <v>47</v>
      </c>
      <c r="S165">
        <v>48</v>
      </c>
      <c r="T165">
        <v>48</v>
      </c>
      <c r="U165">
        <v>49</v>
      </c>
      <c r="V165">
        <v>50</v>
      </c>
      <c r="W165">
        <v>51</v>
      </c>
      <c r="X165">
        <v>51</v>
      </c>
      <c r="Y165">
        <v>52</v>
      </c>
      <c r="Z165">
        <v>53</v>
      </c>
      <c r="AA165">
        <v>54</v>
      </c>
      <c r="AB165">
        <v>54</v>
      </c>
      <c r="AC165">
        <v>55</v>
      </c>
      <c r="AD165">
        <v>56</v>
      </c>
      <c r="AE165">
        <v>56</v>
      </c>
      <c r="AF165">
        <v>57</v>
      </c>
      <c r="AG165">
        <v>58</v>
      </c>
      <c r="AH165">
        <v>59</v>
      </c>
      <c r="AI165">
        <v>59</v>
      </c>
      <c r="AJ165">
        <v>60</v>
      </c>
      <c r="AK165">
        <v>61</v>
      </c>
      <c r="AL165">
        <v>61</v>
      </c>
      <c r="AM165">
        <v>61</v>
      </c>
      <c r="AN165">
        <v>61</v>
      </c>
      <c r="AO165">
        <v>61</v>
      </c>
      <c r="AP165">
        <v>61</v>
      </c>
      <c r="AQ165">
        <v>62</v>
      </c>
    </row>
    <row r="166" spans="1:43">
      <c r="A166" t="s">
        <v>201</v>
      </c>
      <c r="B166" t="s">
        <v>202</v>
      </c>
      <c r="C166" t="s">
        <v>191</v>
      </c>
      <c r="D166" t="s">
        <v>192</v>
      </c>
      <c r="E166" t="s">
        <v>102</v>
      </c>
      <c r="F166" t="s">
        <v>103</v>
      </c>
      <c r="G166" t="s">
        <v>80</v>
      </c>
      <c r="H166" t="s">
        <v>81</v>
      </c>
      <c r="I166" s="2">
        <v>0</v>
      </c>
      <c r="J166" s="2">
        <v>1</v>
      </c>
      <c r="K166" s="2">
        <v>0</v>
      </c>
      <c r="L166" t="s">
        <v>82</v>
      </c>
      <c r="M166" t="s">
        <v>83</v>
      </c>
      <c r="N166" t="s">
        <v>84</v>
      </c>
      <c r="O166" t="s">
        <v>85</v>
      </c>
      <c r="P166" t="s">
        <v>86</v>
      </c>
      <c r="Q166">
        <v>12</v>
      </c>
      <c r="R166">
        <v>12</v>
      </c>
      <c r="S166">
        <v>12</v>
      </c>
      <c r="T166">
        <v>13</v>
      </c>
      <c r="U166">
        <v>13</v>
      </c>
      <c r="V166">
        <v>13</v>
      </c>
      <c r="W166">
        <v>13</v>
      </c>
      <c r="X166">
        <v>13</v>
      </c>
      <c r="Y166">
        <v>14</v>
      </c>
      <c r="Z166">
        <v>14</v>
      </c>
      <c r="AA166">
        <v>14</v>
      </c>
      <c r="AB166">
        <v>14</v>
      </c>
      <c r="AC166">
        <v>14</v>
      </c>
      <c r="AD166">
        <v>15</v>
      </c>
      <c r="AE166">
        <v>15</v>
      </c>
      <c r="AF166">
        <v>15</v>
      </c>
      <c r="AG166">
        <v>15</v>
      </c>
      <c r="AH166">
        <v>15</v>
      </c>
      <c r="AI166">
        <v>16</v>
      </c>
      <c r="AJ166">
        <v>16</v>
      </c>
      <c r="AK166">
        <v>16</v>
      </c>
      <c r="AL166">
        <v>16</v>
      </c>
      <c r="AM166">
        <v>16</v>
      </c>
      <c r="AN166">
        <v>16</v>
      </c>
      <c r="AO166">
        <v>16</v>
      </c>
      <c r="AP166">
        <v>16</v>
      </c>
      <c r="AQ166">
        <v>16</v>
      </c>
    </row>
    <row r="167" spans="1:43">
      <c r="A167" t="s">
        <v>201</v>
      </c>
      <c r="B167" t="s">
        <v>202</v>
      </c>
      <c r="C167" t="s">
        <v>191</v>
      </c>
      <c r="D167" t="s">
        <v>192</v>
      </c>
      <c r="E167" t="s">
        <v>102</v>
      </c>
      <c r="F167" t="s">
        <v>103</v>
      </c>
      <c r="G167" t="s">
        <v>80</v>
      </c>
      <c r="H167" t="s">
        <v>81</v>
      </c>
      <c r="I167" s="2">
        <v>0</v>
      </c>
      <c r="J167" s="2">
        <v>1</v>
      </c>
      <c r="K167" s="2">
        <v>0</v>
      </c>
      <c r="L167" t="s">
        <v>82</v>
      </c>
      <c r="M167" t="s">
        <v>87</v>
      </c>
      <c r="N167" t="s">
        <v>88</v>
      </c>
      <c r="O167" t="s">
        <v>85</v>
      </c>
      <c r="P167" t="s">
        <v>86</v>
      </c>
      <c r="Q167">
        <v>12</v>
      </c>
      <c r="R167">
        <v>12</v>
      </c>
      <c r="S167">
        <v>12</v>
      </c>
      <c r="T167">
        <v>12</v>
      </c>
      <c r="U167">
        <v>12</v>
      </c>
      <c r="V167">
        <v>12</v>
      </c>
      <c r="W167">
        <v>12</v>
      </c>
      <c r="X167">
        <v>13</v>
      </c>
      <c r="Y167">
        <v>13</v>
      </c>
      <c r="Z167">
        <v>13</v>
      </c>
      <c r="AA167">
        <v>13</v>
      </c>
      <c r="AB167">
        <v>13</v>
      </c>
      <c r="AC167">
        <v>13</v>
      </c>
      <c r="AD167">
        <v>13</v>
      </c>
      <c r="AE167">
        <v>13</v>
      </c>
      <c r="AF167">
        <v>13</v>
      </c>
      <c r="AG167">
        <v>13</v>
      </c>
      <c r="AH167">
        <v>13</v>
      </c>
      <c r="AI167">
        <v>13</v>
      </c>
      <c r="AJ167">
        <v>14</v>
      </c>
      <c r="AK167">
        <v>14</v>
      </c>
      <c r="AL167">
        <v>14</v>
      </c>
      <c r="AM167">
        <v>14</v>
      </c>
      <c r="AN167">
        <v>14</v>
      </c>
      <c r="AO167">
        <v>14</v>
      </c>
      <c r="AP167">
        <v>14</v>
      </c>
      <c r="AQ167">
        <v>14</v>
      </c>
    </row>
    <row r="168" spans="1:43">
      <c r="A168" t="s">
        <v>201</v>
      </c>
      <c r="B168" t="s">
        <v>202</v>
      </c>
      <c r="C168" t="s">
        <v>191</v>
      </c>
      <c r="D168" t="s">
        <v>192</v>
      </c>
      <c r="E168" t="s">
        <v>102</v>
      </c>
      <c r="F168" t="s">
        <v>103</v>
      </c>
      <c r="G168" t="s">
        <v>80</v>
      </c>
      <c r="H168" t="s">
        <v>81</v>
      </c>
      <c r="I168" s="2">
        <v>0</v>
      </c>
      <c r="J168" s="2">
        <v>1</v>
      </c>
      <c r="K168" s="2">
        <v>0</v>
      </c>
      <c r="L168" t="s">
        <v>82</v>
      </c>
      <c r="M168" t="s">
        <v>89</v>
      </c>
      <c r="N168" t="s">
        <v>90</v>
      </c>
      <c r="O168" t="s">
        <v>85</v>
      </c>
      <c r="P168" t="s">
        <v>86</v>
      </c>
      <c r="Q168">
        <v>12</v>
      </c>
      <c r="R168">
        <v>12</v>
      </c>
      <c r="S168">
        <v>13</v>
      </c>
      <c r="T168">
        <v>13</v>
      </c>
      <c r="U168">
        <v>13</v>
      </c>
      <c r="V168">
        <v>14</v>
      </c>
      <c r="W168">
        <v>14</v>
      </c>
      <c r="X168">
        <v>14</v>
      </c>
      <c r="Y168">
        <v>14</v>
      </c>
      <c r="Z168">
        <v>15</v>
      </c>
      <c r="AA168">
        <v>15</v>
      </c>
      <c r="AB168">
        <v>15</v>
      </c>
      <c r="AC168">
        <v>15</v>
      </c>
      <c r="AD168">
        <v>16</v>
      </c>
      <c r="AE168">
        <v>16</v>
      </c>
      <c r="AF168">
        <v>16</v>
      </c>
      <c r="AG168">
        <v>16</v>
      </c>
      <c r="AH168">
        <v>16</v>
      </c>
      <c r="AI168">
        <v>16</v>
      </c>
      <c r="AJ168">
        <v>16</v>
      </c>
      <c r="AK168">
        <v>16</v>
      </c>
      <c r="AL168">
        <v>16</v>
      </c>
      <c r="AM168">
        <v>16</v>
      </c>
      <c r="AN168">
        <v>16</v>
      </c>
      <c r="AO168">
        <v>16</v>
      </c>
      <c r="AP168">
        <v>16</v>
      </c>
      <c r="AQ168">
        <v>16</v>
      </c>
    </row>
    <row r="169" spans="1:43">
      <c r="A169" t="s">
        <v>201</v>
      </c>
      <c r="B169" t="s">
        <v>202</v>
      </c>
      <c r="C169" t="s">
        <v>191</v>
      </c>
      <c r="D169" t="s">
        <v>192</v>
      </c>
      <c r="E169" t="s">
        <v>102</v>
      </c>
      <c r="F169" t="s">
        <v>103</v>
      </c>
      <c r="G169" t="s">
        <v>80</v>
      </c>
      <c r="H169" t="s">
        <v>81</v>
      </c>
      <c r="I169" s="2">
        <v>0</v>
      </c>
      <c r="J169" s="2">
        <v>1</v>
      </c>
      <c r="K169" s="2">
        <v>0</v>
      </c>
      <c r="L169" t="s">
        <v>82</v>
      </c>
      <c r="M169" t="s">
        <v>83</v>
      </c>
      <c r="N169" t="s">
        <v>91</v>
      </c>
      <c r="O169" t="s">
        <v>85</v>
      </c>
      <c r="P169" t="s">
        <v>86</v>
      </c>
      <c r="Q169">
        <v>12</v>
      </c>
      <c r="R169">
        <v>12</v>
      </c>
      <c r="S169">
        <v>12</v>
      </c>
      <c r="T169">
        <v>13</v>
      </c>
      <c r="U169">
        <v>13</v>
      </c>
      <c r="V169">
        <v>13</v>
      </c>
      <c r="W169">
        <v>13</v>
      </c>
      <c r="X169">
        <v>13</v>
      </c>
      <c r="Y169">
        <v>14</v>
      </c>
      <c r="Z169">
        <v>14</v>
      </c>
      <c r="AA169">
        <v>14</v>
      </c>
      <c r="AB169">
        <v>14</v>
      </c>
      <c r="AC169">
        <v>14</v>
      </c>
      <c r="AD169">
        <v>15</v>
      </c>
      <c r="AE169">
        <v>15</v>
      </c>
      <c r="AF169">
        <v>15</v>
      </c>
      <c r="AG169">
        <v>15</v>
      </c>
      <c r="AH169">
        <v>15</v>
      </c>
      <c r="AI169">
        <v>16</v>
      </c>
      <c r="AJ169">
        <v>16</v>
      </c>
      <c r="AK169">
        <v>16</v>
      </c>
      <c r="AL169">
        <v>16</v>
      </c>
      <c r="AM169">
        <v>16</v>
      </c>
      <c r="AN169">
        <v>16</v>
      </c>
      <c r="AO169">
        <v>16</v>
      </c>
      <c r="AP169">
        <v>16</v>
      </c>
      <c r="AQ169">
        <v>16</v>
      </c>
    </row>
    <row r="170" spans="1:43">
      <c r="A170" t="s">
        <v>203</v>
      </c>
      <c r="B170" t="s">
        <v>204</v>
      </c>
      <c r="C170" t="s">
        <v>205</v>
      </c>
      <c r="D170" t="s">
        <v>206</v>
      </c>
      <c r="E170" t="s">
        <v>102</v>
      </c>
      <c r="F170" t="s">
        <v>103</v>
      </c>
      <c r="G170" t="s">
        <v>80</v>
      </c>
      <c r="H170" t="s">
        <v>81</v>
      </c>
      <c r="I170" s="2">
        <v>0</v>
      </c>
      <c r="J170" s="2">
        <v>1</v>
      </c>
      <c r="K170" s="2">
        <v>0</v>
      </c>
      <c r="L170" t="s">
        <v>82</v>
      </c>
      <c r="M170" t="s">
        <v>83</v>
      </c>
      <c r="N170" t="s">
        <v>84</v>
      </c>
      <c r="O170" t="s">
        <v>85</v>
      </c>
      <c r="P170" t="s">
        <v>86</v>
      </c>
      <c r="Q170">
        <v>32</v>
      </c>
      <c r="R170">
        <v>32</v>
      </c>
      <c r="S170">
        <v>33</v>
      </c>
      <c r="T170">
        <v>34</v>
      </c>
      <c r="U170">
        <v>34</v>
      </c>
      <c r="V170">
        <v>35</v>
      </c>
      <c r="W170">
        <v>35</v>
      </c>
      <c r="X170">
        <v>36</v>
      </c>
      <c r="Y170">
        <v>36</v>
      </c>
      <c r="Z170">
        <v>37</v>
      </c>
      <c r="AA170">
        <v>37</v>
      </c>
      <c r="AB170">
        <v>38</v>
      </c>
      <c r="AC170">
        <v>38</v>
      </c>
      <c r="AD170">
        <v>39</v>
      </c>
      <c r="AE170">
        <v>39</v>
      </c>
      <c r="AF170">
        <v>40</v>
      </c>
      <c r="AG170">
        <v>40</v>
      </c>
      <c r="AH170">
        <v>41</v>
      </c>
      <c r="AI170">
        <v>41</v>
      </c>
      <c r="AJ170">
        <v>42</v>
      </c>
      <c r="AK170">
        <v>42</v>
      </c>
      <c r="AL170">
        <v>42</v>
      </c>
      <c r="AM170">
        <v>42</v>
      </c>
      <c r="AN170">
        <v>42</v>
      </c>
      <c r="AO170">
        <v>43</v>
      </c>
      <c r="AP170">
        <v>43</v>
      </c>
      <c r="AQ170">
        <v>43</v>
      </c>
    </row>
    <row r="171" spans="1:43">
      <c r="A171" t="s">
        <v>203</v>
      </c>
      <c r="B171" t="s">
        <v>204</v>
      </c>
      <c r="C171" t="s">
        <v>205</v>
      </c>
      <c r="D171" t="s">
        <v>206</v>
      </c>
      <c r="E171" t="s">
        <v>102</v>
      </c>
      <c r="F171" t="s">
        <v>103</v>
      </c>
      <c r="G171" t="s">
        <v>80</v>
      </c>
      <c r="H171" t="s">
        <v>81</v>
      </c>
      <c r="I171" s="2">
        <v>0</v>
      </c>
      <c r="J171" s="2">
        <v>1</v>
      </c>
      <c r="K171" s="2">
        <v>0</v>
      </c>
      <c r="L171" t="s">
        <v>82</v>
      </c>
      <c r="M171" t="s">
        <v>87</v>
      </c>
      <c r="N171" t="s">
        <v>88</v>
      </c>
      <c r="O171" t="s">
        <v>85</v>
      </c>
      <c r="P171" t="s">
        <v>86</v>
      </c>
      <c r="Q171">
        <v>32</v>
      </c>
      <c r="R171">
        <v>32</v>
      </c>
      <c r="S171">
        <v>32</v>
      </c>
      <c r="T171">
        <v>32</v>
      </c>
      <c r="U171">
        <v>33</v>
      </c>
      <c r="V171">
        <v>33</v>
      </c>
      <c r="W171">
        <v>33</v>
      </c>
      <c r="X171">
        <v>33</v>
      </c>
      <c r="Y171">
        <v>33</v>
      </c>
      <c r="Z171">
        <v>34</v>
      </c>
      <c r="AA171">
        <v>34</v>
      </c>
      <c r="AB171">
        <v>34</v>
      </c>
      <c r="AC171">
        <v>34</v>
      </c>
      <c r="AD171">
        <v>35</v>
      </c>
      <c r="AE171">
        <v>35</v>
      </c>
      <c r="AF171">
        <v>35</v>
      </c>
      <c r="AG171">
        <v>35</v>
      </c>
      <c r="AH171">
        <v>35</v>
      </c>
      <c r="AI171">
        <v>36</v>
      </c>
      <c r="AJ171">
        <v>36</v>
      </c>
      <c r="AK171">
        <v>36</v>
      </c>
      <c r="AL171">
        <v>36</v>
      </c>
      <c r="AM171">
        <v>36</v>
      </c>
      <c r="AN171">
        <v>37</v>
      </c>
      <c r="AO171">
        <v>37</v>
      </c>
      <c r="AP171">
        <v>37</v>
      </c>
      <c r="AQ171">
        <v>37</v>
      </c>
    </row>
    <row r="172" spans="1:43">
      <c r="A172" t="s">
        <v>203</v>
      </c>
      <c r="B172" t="s">
        <v>204</v>
      </c>
      <c r="C172" t="s">
        <v>205</v>
      </c>
      <c r="D172" t="s">
        <v>206</v>
      </c>
      <c r="E172" t="s">
        <v>102</v>
      </c>
      <c r="F172" t="s">
        <v>103</v>
      </c>
      <c r="G172" t="s">
        <v>80</v>
      </c>
      <c r="H172" t="s">
        <v>81</v>
      </c>
      <c r="I172" s="2">
        <v>0</v>
      </c>
      <c r="J172" s="2">
        <v>1</v>
      </c>
      <c r="K172" s="2">
        <v>0</v>
      </c>
      <c r="L172" t="s">
        <v>82</v>
      </c>
      <c r="M172" t="s">
        <v>89</v>
      </c>
      <c r="N172" t="s">
        <v>90</v>
      </c>
      <c r="O172" t="s">
        <v>85</v>
      </c>
      <c r="P172" t="s">
        <v>86</v>
      </c>
      <c r="Q172">
        <v>32</v>
      </c>
      <c r="R172">
        <v>33</v>
      </c>
      <c r="S172">
        <v>34</v>
      </c>
      <c r="T172">
        <v>35</v>
      </c>
      <c r="U172">
        <v>35</v>
      </c>
      <c r="V172">
        <v>36</v>
      </c>
      <c r="W172">
        <v>37</v>
      </c>
      <c r="X172">
        <v>38</v>
      </c>
      <c r="Y172">
        <v>38</v>
      </c>
      <c r="Z172">
        <v>39</v>
      </c>
      <c r="AA172">
        <v>40</v>
      </c>
      <c r="AB172">
        <v>40</v>
      </c>
      <c r="AC172">
        <v>41</v>
      </c>
      <c r="AD172">
        <v>42</v>
      </c>
      <c r="AE172">
        <v>42</v>
      </c>
      <c r="AF172">
        <v>42</v>
      </c>
      <c r="AG172">
        <v>42</v>
      </c>
      <c r="AH172">
        <v>42</v>
      </c>
      <c r="AI172">
        <v>42</v>
      </c>
      <c r="AJ172">
        <v>42</v>
      </c>
      <c r="AK172">
        <v>43</v>
      </c>
      <c r="AL172">
        <v>43</v>
      </c>
      <c r="AM172">
        <v>43</v>
      </c>
      <c r="AN172">
        <v>43</v>
      </c>
      <c r="AO172">
        <v>43</v>
      </c>
      <c r="AP172">
        <v>43</v>
      </c>
      <c r="AQ172">
        <v>43</v>
      </c>
    </row>
    <row r="173" spans="1:43">
      <c r="A173" t="s">
        <v>203</v>
      </c>
      <c r="B173" t="s">
        <v>204</v>
      </c>
      <c r="C173" t="s">
        <v>205</v>
      </c>
      <c r="D173" t="s">
        <v>206</v>
      </c>
      <c r="E173" t="s">
        <v>102</v>
      </c>
      <c r="F173" t="s">
        <v>103</v>
      </c>
      <c r="G173" t="s">
        <v>80</v>
      </c>
      <c r="H173" t="s">
        <v>81</v>
      </c>
      <c r="I173" s="2">
        <v>0</v>
      </c>
      <c r="J173" s="2">
        <v>1</v>
      </c>
      <c r="K173" s="2">
        <v>0</v>
      </c>
      <c r="L173" t="s">
        <v>82</v>
      </c>
      <c r="M173" t="s">
        <v>83</v>
      </c>
      <c r="N173" t="s">
        <v>91</v>
      </c>
      <c r="O173" t="s">
        <v>85</v>
      </c>
      <c r="P173" t="s">
        <v>86</v>
      </c>
      <c r="Q173">
        <v>32</v>
      </c>
      <c r="R173">
        <v>32</v>
      </c>
      <c r="S173">
        <v>33</v>
      </c>
      <c r="T173">
        <v>34</v>
      </c>
      <c r="U173">
        <v>34</v>
      </c>
      <c r="V173">
        <v>35</v>
      </c>
      <c r="W173">
        <v>35</v>
      </c>
      <c r="X173">
        <v>36</v>
      </c>
      <c r="Y173">
        <v>36</v>
      </c>
      <c r="Z173">
        <v>37</v>
      </c>
      <c r="AA173">
        <v>37</v>
      </c>
      <c r="AB173">
        <v>38</v>
      </c>
      <c r="AC173">
        <v>38</v>
      </c>
      <c r="AD173">
        <v>39</v>
      </c>
      <c r="AE173">
        <v>39</v>
      </c>
      <c r="AF173">
        <v>40</v>
      </c>
      <c r="AG173">
        <v>40</v>
      </c>
      <c r="AH173">
        <v>41</v>
      </c>
      <c r="AI173">
        <v>41</v>
      </c>
      <c r="AJ173">
        <v>42</v>
      </c>
      <c r="AK173">
        <v>42</v>
      </c>
      <c r="AL173">
        <v>42</v>
      </c>
      <c r="AM173">
        <v>42</v>
      </c>
      <c r="AN173">
        <v>42</v>
      </c>
      <c r="AO173">
        <v>43</v>
      </c>
      <c r="AP173">
        <v>43</v>
      </c>
      <c r="AQ173">
        <v>43</v>
      </c>
    </row>
    <row r="174" spans="1:43">
      <c r="A174" t="s">
        <v>207</v>
      </c>
      <c r="B174" t="s">
        <v>208</v>
      </c>
      <c r="C174" t="s">
        <v>187</v>
      </c>
      <c r="D174" t="s">
        <v>188</v>
      </c>
      <c r="E174" t="s">
        <v>102</v>
      </c>
      <c r="F174" t="s">
        <v>103</v>
      </c>
      <c r="G174" t="s">
        <v>80</v>
      </c>
      <c r="H174" t="s">
        <v>81</v>
      </c>
      <c r="I174" s="2">
        <v>0</v>
      </c>
      <c r="J174" s="2">
        <v>1</v>
      </c>
      <c r="K174" s="2">
        <v>0</v>
      </c>
      <c r="L174" t="s">
        <v>82</v>
      </c>
      <c r="M174" t="s">
        <v>83</v>
      </c>
      <c r="N174" t="s">
        <v>84</v>
      </c>
      <c r="O174" t="s">
        <v>85</v>
      </c>
      <c r="P174" t="s">
        <v>86</v>
      </c>
      <c r="Q174">
        <v>35</v>
      </c>
      <c r="R174">
        <v>36</v>
      </c>
      <c r="S174">
        <v>36</v>
      </c>
      <c r="T174">
        <v>37</v>
      </c>
      <c r="U174">
        <v>37</v>
      </c>
      <c r="V174">
        <v>38</v>
      </c>
      <c r="W174">
        <v>39</v>
      </c>
      <c r="X174">
        <v>39</v>
      </c>
      <c r="Y174">
        <v>40</v>
      </c>
      <c r="Z174">
        <v>40</v>
      </c>
      <c r="AA174">
        <v>41</v>
      </c>
      <c r="AB174">
        <v>41</v>
      </c>
      <c r="AC174">
        <v>42</v>
      </c>
      <c r="AD174">
        <v>42</v>
      </c>
      <c r="AE174">
        <v>43</v>
      </c>
      <c r="AF174">
        <v>44</v>
      </c>
      <c r="AG174">
        <v>44</v>
      </c>
      <c r="AH174">
        <v>45</v>
      </c>
      <c r="AI174">
        <v>45</v>
      </c>
      <c r="AJ174">
        <v>46</v>
      </c>
      <c r="AK174">
        <v>46</v>
      </c>
      <c r="AL174">
        <v>46</v>
      </c>
      <c r="AM174">
        <v>47</v>
      </c>
      <c r="AN174">
        <v>47</v>
      </c>
      <c r="AO174">
        <v>47</v>
      </c>
      <c r="AP174">
        <v>47</v>
      </c>
      <c r="AQ174">
        <v>47</v>
      </c>
    </row>
    <row r="175" spans="1:43">
      <c r="A175" t="s">
        <v>207</v>
      </c>
      <c r="B175" t="s">
        <v>208</v>
      </c>
      <c r="C175" t="s">
        <v>187</v>
      </c>
      <c r="D175" t="s">
        <v>188</v>
      </c>
      <c r="E175" t="s">
        <v>102</v>
      </c>
      <c r="F175" t="s">
        <v>103</v>
      </c>
      <c r="G175" t="s">
        <v>80</v>
      </c>
      <c r="H175" t="s">
        <v>81</v>
      </c>
      <c r="I175" s="2">
        <v>0</v>
      </c>
      <c r="J175" s="2">
        <v>1</v>
      </c>
      <c r="K175" s="2">
        <v>0</v>
      </c>
      <c r="L175" t="s">
        <v>82</v>
      </c>
      <c r="M175" t="s">
        <v>87</v>
      </c>
      <c r="N175" t="s">
        <v>88</v>
      </c>
      <c r="O175" t="s">
        <v>85</v>
      </c>
      <c r="P175" t="s">
        <v>86</v>
      </c>
      <c r="Q175">
        <v>35</v>
      </c>
      <c r="R175">
        <v>35</v>
      </c>
      <c r="S175">
        <v>35</v>
      </c>
      <c r="T175">
        <v>35</v>
      </c>
      <c r="U175">
        <v>36</v>
      </c>
      <c r="V175">
        <v>36</v>
      </c>
      <c r="W175">
        <v>36</v>
      </c>
      <c r="X175">
        <v>36</v>
      </c>
      <c r="Y175">
        <v>37</v>
      </c>
      <c r="Z175">
        <v>37</v>
      </c>
      <c r="AA175">
        <v>37</v>
      </c>
      <c r="AB175">
        <v>37</v>
      </c>
      <c r="AC175">
        <v>38</v>
      </c>
      <c r="AD175">
        <v>38</v>
      </c>
      <c r="AE175">
        <v>38</v>
      </c>
      <c r="AF175">
        <v>38</v>
      </c>
      <c r="AG175">
        <v>39</v>
      </c>
      <c r="AH175">
        <v>39</v>
      </c>
      <c r="AI175">
        <v>39</v>
      </c>
      <c r="AJ175">
        <v>39</v>
      </c>
      <c r="AK175">
        <v>40</v>
      </c>
      <c r="AL175">
        <v>40</v>
      </c>
      <c r="AM175">
        <v>40</v>
      </c>
      <c r="AN175">
        <v>40</v>
      </c>
      <c r="AO175">
        <v>40</v>
      </c>
      <c r="AP175">
        <v>41</v>
      </c>
      <c r="AQ175">
        <v>41</v>
      </c>
    </row>
    <row r="176" spans="1:43">
      <c r="A176" t="s">
        <v>207</v>
      </c>
      <c r="B176" t="s">
        <v>208</v>
      </c>
      <c r="C176" t="s">
        <v>187</v>
      </c>
      <c r="D176" t="s">
        <v>188</v>
      </c>
      <c r="E176" t="s">
        <v>102</v>
      </c>
      <c r="F176" t="s">
        <v>103</v>
      </c>
      <c r="G176" t="s">
        <v>80</v>
      </c>
      <c r="H176" t="s">
        <v>81</v>
      </c>
      <c r="I176" s="2">
        <v>0</v>
      </c>
      <c r="J176" s="2">
        <v>1</v>
      </c>
      <c r="K176" s="2">
        <v>0</v>
      </c>
      <c r="L176" t="s">
        <v>82</v>
      </c>
      <c r="M176" t="s">
        <v>89</v>
      </c>
      <c r="N176" t="s">
        <v>90</v>
      </c>
      <c r="O176" t="s">
        <v>85</v>
      </c>
      <c r="P176" t="s">
        <v>86</v>
      </c>
      <c r="Q176">
        <v>35</v>
      </c>
      <c r="R176">
        <v>36</v>
      </c>
      <c r="S176">
        <v>37</v>
      </c>
      <c r="T176">
        <v>38</v>
      </c>
      <c r="U176">
        <v>39</v>
      </c>
      <c r="V176">
        <v>40</v>
      </c>
      <c r="W176">
        <v>41</v>
      </c>
      <c r="X176">
        <v>41</v>
      </c>
      <c r="Y176">
        <v>42</v>
      </c>
      <c r="Z176">
        <v>43</v>
      </c>
      <c r="AA176">
        <v>43</v>
      </c>
      <c r="AB176">
        <v>44</v>
      </c>
      <c r="AC176">
        <v>45</v>
      </c>
      <c r="AD176">
        <v>46</v>
      </c>
      <c r="AE176">
        <v>46</v>
      </c>
      <c r="AF176">
        <v>46</v>
      </c>
      <c r="AG176">
        <v>46</v>
      </c>
      <c r="AH176">
        <v>46</v>
      </c>
      <c r="AI176">
        <v>46</v>
      </c>
      <c r="AJ176">
        <v>47</v>
      </c>
      <c r="AK176">
        <v>47</v>
      </c>
      <c r="AL176">
        <v>47</v>
      </c>
      <c r="AM176">
        <v>47</v>
      </c>
      <c r="AN176">
        <v>47</v>
      </c>
      <c r="AO176">
        <v>47</v>
      </c>
      <c r="AP176">
        <v>47</v>
      </c>
      <c r="AQ176">
        <v>47</v>
      </c>
    </row>
    <row r="177" spans="1:43">
      <c r="A177" t="s">
        <v>207</v>
      </c>
      <c r="B177" t="s">
        <v>208</v>
      </c>
      <c r="C177" t="s">
        <v>187</v>
      </c>
      <c r="D177" t="s">
        <v>188</v>
      </c>
      <c r="E177" t="s">
        <v>102</v>
      </c>
      <c r="F177" t="s">
        <v>103</v>
      </c>
      <c r="G177" t="s">
        <v>80</v>
      </c>
      <c r="H177" t="s">
        <v>81</v>
      </c>
      <c r="I177" s="2">
        <v>0</v>
      </c>
      <c r="J177" s="2">
        <v>1</v>
      </c>
      <c r="K177" s="2">
        <v>0</v>
      </c>
      <c r="L177" t="s">
        <v>82</v>
      </c>
      <c r="M177" t="s">
        <v>83</v>
      </c>
      <c r="N177" t="s">
        <v>91</v>
      </c>
      <c r="O177" t="s">
        <v>85</v>
      </c>
      <c r="P177" t="s">
        <v>86</v>
      </c>
      <c r="Q177">
        <v>35</v>
      </c>
      <c r="R177">
        <v>36</v>
      </c>
      <c r="S177">
        <v>36</v>
      </c>
      <c r="T177">
        <v>37</v>
      </c>
      <c r="U177">
        <v>37</v>
      </c>
      <c r="V177">
        <v>38</v>
      </c>
      <c r="W177">
        <v>39</v>
      </c>
      <c r="X177">
        <v>39</v>
      </c>
      <c r="Y177">
        <v>40</v>
      </c>
      <c r="Z177">
        <v>40</v>
      </c>
      <c r="AA177">
        <v>41</v>
      </c>
      <c r="AB177">
        <v>41</v>
      </c>
      <c r="AC177">
        <v>42</v>
      </c>
      <c r="AD177">
        <v>42</v>
      </c>
      <c r="AE177">
        <v>43</v>
      </c>
      <c r="AF177">
        <v>44</v>
      </c>
      <c r="AG177">
        <v>44</v>
      </c>
      <c r="AH177">
        <v>45</v>
      </c>
      <c r="AI177">
        <v>45</v>
      </c>
      <c r="AJ177">
        <v>46</v>
      </c>
      <c r="AK177">
        <v>46</v>
      </c>
      <c r="AL177">
        <v>46</v>
      </c>
      <c r="AM177">
        <v>47</v>
      </c>
      <c r="AN177">
        <v>47</v>
      </c>
      <c r="AO177">
        <v>47</v>
      </c>
      <c r="AP177">
        <v>47</v>
      </c>
      <c r="AQ177">
        <v>47</v>
      </c>
    </row>
    <row r="178" spans="1:43">
      <c r="A178" t="s">
        <v>209</v>
      </c>
      <c r="B178" t="s">
        <v>210</v>
      </c>
      <c r="C178" t="s">
        <v>205</v>
      </c>
      <c r="D178" t="s">
        <v>206</v>
      </c>
      <c r="E178" t="s">
        <v>102</v>
      </c>
      <c r="F178" t="s">
        <v>103</v>
      </c>
      <c r="G178" t="s">
        <v>80</v>
      </c>
      <c r="H178" t="s">
        <v>81</v>
      </c>
      <c r="I178" s="2">
        <v>0</v>
      </c>
      <c r="J178" s="2">
        <v>1</v>
      </c>
      <c r="K178" s="2">
        <v>0</v>
      </c>
      <c r="L178" t="s">
        <v>82</v>
      </c>
      <c r="M178" t="s">
        <v>83</v>
      </c>
      <c r="N178" t="s">
        <v>84</v>
      </c>
      <c r="O178" t="s">
        <v>85</v>
      </c>
      <c r="P178" t="s">
        <v>86</v>
      </c>
      <c r="Q178">
        <v>6</v>
      </c>
      <c r="R178">
        <v>6</v>
      </c>
      <c r="S178">
        <v>6</v>
      </c>
      <c r="T178">
        <v>6</v>
      </c>
      <c r="U178">
        <v>6</v>
      </c>
      <c r="V178">
        <v>6</v>
      </c>
      <c r="W178">
        <v>6</v>
      </c>
      <c r="X178">
        <v>6</v>
      </c>
      <c r="Y178">
        <v>7</v>
      </c>
      <c r="Z178">
        <v>7</v>
      </c>
      <c r="AA178">
        <v>7</v>
      </c>
      <c r="AB178">
        <v>7</v>
      </c>
      <c r="AC178">
        <v>7</v>
      </c>
      <c r="AD178">
        <v>7</v>
      </c>
      <c r="AE178">
        <v>7</v>
      </c>
      <c r="AF178">
        <v>7</v>
      </c>
      <c r="AG178">
        <v>7</v>
      </c>
      <c r="AH178">
        <v>7</v>
      </c>
      <c r="AI178">
        <v>7</v>
      </c>
      <c r="AJ178">
        <v>8</v>
      </c>
      <c r="AK178">
        <v>8</v>
      </c>
      <c r="AL178">
        <v>8</v>
      </c>
      <c r="AM178">
        <v>8</v>
      </c>
      <c r="AN178">
        <v>8</v>
      </c>
      <c r="AO178">
        <v>8</v>
      </c>
      <c r="AP178">
        <v>8</v>
      </c>
      <c r="AQ178">
        <v>8</v>
      </c>
    </row>
    <row r="179" spans="1:43">
      <c r="A179" t="s">
        <v>209</v>
      </c>
      <c r="B179" t="s">
        <v>210</v>
      </c>
      <c r="C179" t="s">
        <v>205</v>
      </c>
      <c r="D179" t="s">
        <v>206</v>
      </c>
      <c r="E179" t="s">
        <v>102</v>
      </c>
      <c r="F179" t="s">
        <v>103</v>
      </c>
      <c r="G179" t="s">
        <v>80</v>
      </c>
      <c r="H179" t="s">
        <v>81</v>
      </c>
      <c r="I179" s="2">
        <v>0</v>
      </c>
      <c r="J179" s="2">
        <v>1</v>
      </c>
      <c r="K179" s="2">
        <v>0</v>
      </c>
      <c r="L179" t="s">
        <v>82</v>
      </c>
      <c r="M179" t="s">
        <v>87</v>
      </c>
      <c r="N179" t="s">
        <v>88</v>
      </c>
      <c r="O179" t="s">
        <v>85</v>
      </c>
      <c r="P179" t="s">
        <v>86</v>
      </c>
      <c r="Q179">
        <v>6</v>
      </c>
      <c r="R179">
        <v>6</v>
      </c>
      <c r="S179">
        <v>6</v>
      </c>
      <c r="T179">
        <v>6</v>
      </c>
      <c r="U179">
        <v>6</v>
      </c>
      <c r="V179">
        <v>6</v>
      </c>
      <c r="W179">
        <v>6</v>
      </c>
      <c r="X179">
        <v>6</v>
      </c>
      <c r="Y179">
        <v>6</v>
      </c>
      <c r="Z179">
        <v>6</v>
      </c>
      <c r="AA179">
        <v>6</v>
      </c>
      <c r="AB179">
        <v>6</v>
      </c>
      <c r="AC179">
        <v>6</v>
      </c>
      <c r="AD179">
        <v>6</v>
      </c>
      <c r="AE179">
        <v>6</v>
      </c>
      <c r="AF179">
        <v>6</v>
      </c>
      <c r="AG179">
        <v>6</v>
      </c>
      <c r="AH179">
        <v>6</v>
      </c>
      <c r="AI179">
        <v>6</v>
      </c>
      <c r="AJ179">
        <v>7</v>
      </c>
      <c r="AK179">
        <v>7</v>
      </c>
      <c r="AL179">
        <v>7</v>
      </c>
      <c r="AM179">
        <v>7</v>
      </c>
      <c r="AN179">
        <v>7</v>
      </c>
      <c r="AO179">
        <v>7</v>
      </c>
      <c r="AP179">
        <v>7</v>
      </c>
      <c r="AQ179">
        <v>7</v>
      </c>
    </row>
    <row r="180" spans="1:43">
      <c r="A180" t="s">
        <v>209</v>
      </c>
      <c r="B180" t="s">
        <v>210</v>
      </c>
      <c r="C180" t="s">
        <v>205</v>
      </c>
      <c r="D180" t="s">
        <v>206</v>
      </c>
      <c r="E180" t="s">
        <v>102</v>
      </c>
      <c r="F180" t="s">
        <v>103</v>
      </c>
      <c r="G180" t="s">
        <v>80</v>
      </c>
      <c r="H180" t="s">
        <v>81</v>
      </c>
      <c r="I180" s="2">
        <v>0</v>
      </c>
      <c r="J180" s="2">
        <v>1</v>
      </c>
      <c r="K180" s="2">
        <v>0</v>
      </c>
      <c r="L180" t="s">
        <v>82</v>
      </c>
      <c r="M180" t="s">
        <v>89</v>
      </c>
      <c r="N180" t="s">
        <v>90</v>
      </c>
      <c r="O180" t="s">
        <v>85</v>
      </c>
      <c r="P180" t="s">
        <v>86</v>
      </c>
      <c r="Q180">
        <v>6</v>
      </c>
      <c r="R180">
        <v>6</v>
      </c>
      <c r="S180">
        <v>6</v>
      </c>
      <c r="T180">
        <v>6</v>
      </c>
      <c r="U180">
        <v>6</v>
      </c>
      <c r="V180">
        <v>7</v>
      </c>
      <c r="W180">
        <v>7</v>
      </c>
      <c r="X180">
        <v>7</v>
      </c>
      <c r="Y180">
        <v>7</v>
      </c>
      <c r="Z180">
        <v>7</v>
      </c>
      <c r="AA180">
        <v>7</v>
      </c>
      <c r="AB180">
        <v>7</v>
      </c>
      <c r="AC180">
        <v>7</v>
      </c>
      <c r="AD180">
        <v>8</v>
      </c>
      <c r="AE180">
        <v>8</v>
      </c>
      <c r="AF180">
        <v>8</v>
      </c>
      <c r="AG180">
        <v>8</v>
      </c>
      <c r="AH180">
        <v>8</v>
      </c>
      <c r="AI180">
        <v>8</v>
      </c>
      <c r="AJ180">
        <v>8</v>
      </c>
      <c r="AK180">
        <v>8</v>
      </c>
      <c r="AL180">
        <v>8</v>
      </c>
      <c r="AM180">
        <v>8</v>
      </c>
      <c r="AN180">
        <v>8</v>
      </c>
      <c r="AO180">
        <v>8</v>
      </c>
      <c r="AP180">
        <v>8</v>
      </c>
      <c r="AQ180">
        <v>8</v>
      </c>
    </row>
    <row r="181" spans="1:43">
      <c r="A181" t="s">
        <v>209</v>
      </c>
      <c r="B181" t="s">
        <v>210</v>
      </c>
      <c r="C181" t="s">
        <v>205</v>
      </c>
      <c r="D181" t="s">
        <v>206</v>
      </c>
      <c r="E181" t="s">
        <v>102</v>
      </c>
      <c r="F181" t="s">
        <v>103</v>
      </c>
      <c r="G181" t="s">
        <v>80</v>
      </c>
      <c r="H181" t="s">
        <v>81</v>
      </c>
      <c r="I181" s="2">
        <v>0</v>
      </c>
      <c r="J181" s="2">
        <v>1</v>
      </c>
      <c r="K181" s="2">
        <v>0</v>
      </c>
      <c r="L181" t="s">
        <v>82</v>
      </c>
      <c r="M181" t="s">
        <v>83</v>
      </c>
      <c r="N181" t="s">
        <v>91</v>
      </c>
      <c r="O181" t="s">
        <v>85</v>
      </c>
      <c r="P181" t="s">
        <v>86</v>
      </c>
      <c r="Q181">
        <v>6</v>
      </c>
      <c r="R181">
        <v>6</v>
      </c>
      <c r="S181">
        <v>6</v>
      </c>
      <c r="T181">
        <v>6</v>
      </c>
      <c r="U181">
        <v>6</v>
      </c>
      <c r="V181">
        <v>6</v>
      </c>
      <c r="W181">
        <v>6</v>
      </c>
      <c r="X181">
        <v>6</v>
      </c>
      <c r="Y181">
        <v>7</v>
      </c>
      <c r="Z181">
        <v>7</v>
      </c>
      <c r="AA181">
        <v>7</v>
      </c>
      <c r="AB181">
        <v>7</v>
      </c>
      <c r="AC181">
        <v>7</v>
      </c>
      <c r="AD181">
        <v>7</v>
      </c>
      <c r="AE181">
        <v>7</v>
      </c>
      <c r="AF181">
        <v>7</v>
      </c>
      <c r="AG181">
        <v>7</v>
      </c>
      <c r="AH181">
        <v>7</v>
      </c>
      <c r="AI181">
        <v>7</v>
      </c>
      <c r="AJ181">
        <v>8</v>
      </c>
      <c r="AK181">
        <v>8</v>
      </c>
      <c r="AL181">
        <v>8</v>
      </c>
      <c r="AM181">
        <v>8</v>
      </c>
      <c r="AN181">
        <v>8</v>
      </c>
      <c r="AO181">
        <v>8</v>
      </c>
      <c r="AP181">
        <v>8</v>
      </c>
      <c r="AQ181">
        <v>8</v>
      </c>
    </row>
    <row r="182" spans="1:43">
      <c r="A182" t="s">
        <v>211</v>
      </c>
      <c r="B182" t="s">
        <v>212</v>
      </c>
      <c r="C182" t="s">
        <v>187</v>
      </c>
      <c r="D182" t="s">
        <v>188</v>
      </c>
      <c r="E182" t="s">
        <v>102</v>
      </c>
      <c r="F182" t="s">
        <v>103</v>
      </c>
      <c r="G182" t="s">
        <v>80</v>
      </c>
      <c r="H182" t="s">
        <v>81</v>
      </c>
      <c r="I182" s="2">
        <v>0</v>
      </c>
      <c r="J182" s="2">
        <v>1</v>
      </c>
      <c r="K182" s="2">
        <v>0</v>
      </c>
      <c r="L182" t="s">
        <v>82</v>
      </c>
      <c r="M182" t="s">
        <v>83</v>
      </c>
      <c r="N182" t="s">
        <v>84</v>
      </c>
      <c r="O182" t="s">
        <v>85</v>
      </c>
      <c r="P182" t="s">
        <v>86</v>
      </c>
      <c r="Q182">
        <v>6</v>
      </c>
      <c r="R182">
        <v>6</v>
      </c>
      <c r="S182">
        <v>6</v>
      </c>
      <c r="T182">
        <v>6</v>
      </c>
      <c r="U182">
        <v>6</v>
      </c>
      <c r="V182">
        <v>6</v>
      </c>
      <c r="W182">
        <v>6</v>
      </c>
      <c r="X182">
        <v>7</v>
      </c>
      <c r="Y182">
        <v>7</v>
      </c>
      <c r="Z182">
        <v>7</v>
      </c>
      <c r="AA182">
        <v>7</v>
      </c>
      <c r="AB182">
        <v>7</v>
      </c>
      <c r="AC182">
        <v>7</v>
      </c>
      <c r="AD182">
        <v>7</v>
      </c>
      <c r="AE182">
        <v>7</v>
      </c>
      <c r="AF182">
        <v>7</v>
      </c>
      <c r="AG182">
        <v>7</v>
      </c>
      <c r="AH182">
        <v>7</v>
      </c>
      <c r="AI182">
        <v>8</v>
      </c>
      <c r="AJ182">
        <v>8</v>
      </c>
      <c r="AK182">
        <v>8</v>
      </c>
      <c r="AL182">
        <v>8</v>
      </c>
      <c r="AM182">
        <v>8</v>
      </c>
      <c r="AN182">
        <v>8</v>
      </c>
      <c r="AO182">
        <v>8</v>
      </c>
      <c r="AP182">
        <v>8</v>
      </c>
      <c r="AQ182">
        <v>8</v>
      </c>
    </row>
    <row r="183" spans="1:43">
      <c r="A183" t="s">
        <v>211</v>
      </c>
      <c r="B183" t="s">
        <v>212</v>
      </c>
      <c r="C183" t="s">
        <v>187</v>
      </c>
      <c r="D183" t="s">
        <v>188</v>
      </c>
      <c r="E183" t="s">
        <v>102</v>
      </c>
      <c r="F183" t="s">
        <v>103</v>
      </c>
      <c r="G183" t="s">
        <v>80</v>
      </c>
      <c r="H183" t="s">
        <v>81</v>
      </c>
      <c r="I183" s="2">
        <v>0</v>
      </c>
      <c r="J183" s="2">
        <v>1</v>
      </c>
      <c r="K183" s="2">
        <v>0</v>
      </c>
      <c r="L183" t="s">
        <v>82</v>
      </c>
      <c r="M183" t="s">
        <v>87</v>
      </c>
      <c r="N183" t="s">
        <v>88</v>
      </c>
      <c r="O183" t="s">
        <v>85</v>
      </c>
      <c r="P183" t="s">
        <v>86</v>
      </c>
      <c r="Q183">
        <v>6</v>
      </c>
      <c r="R183">
        <v>6</v>
      </c>
      <c r="S183">
        <v>6</v>
      </c>
      <c r="T183">
        <v>6</v>
      </c>
      <c r="U183">
        <v>6</v>
      </c>
      <c r="V183">
        <v>6</v>
      </c>
      <c r="W183">
        <v>6</v>
      </c>
      <c r="X183">
        <v>6</v>
      </c>
      <c r="Y183">
        <v>6</v>
      </c>
      <c r="Z183">
        <v>6</v>
      </c>
      <c r="AA183">
        <v>6</v>
      </c>
      <c r="AB183">
        <v>6</v>
      </c>
      <c r="AC183">
        <v>6</v>
      </c>
      <c r="AD183">
        <v>6</v>
      </c>
      <c r="AE183">
        <v>6</v>
      </c>
      <c r="AF183">
        <v>6</v>
      </c>
      <c r="AG183">
        <v>6</v>
      </c>
      <c r="AH183">
        <v>7</v>
      </c>
      <c r="AI183">
        <v>7</v>
      </c>
      <c r="AJ183">
        <v>7</v>
      </c>
      <c r="AK183">
        <v>7</v>
      </c>
      <c r="AL183">
        <v>7</v>
      </c>
      <c r="AM183">
        <v>7</v>
      </c>
      <c r="AN183">
        <v>7</v>
      </c>
      <c r="AO183">
        <v>7</v>
      </c>
      <c r="AP183">
        <v>7</v>
      </c>
      <c r="AQ183">
        <v>7</v>
      </c>
    </row>
    <row r="184" spans="1:43">
      <c r="A184" t="s">
        <v>211</v>
      </c>
      <c r="B184" t="s">
        <v>212</v>
      </c>
      <c r="C184" t="s">
        <v>187</v>
      </c>
      <c r="D184" t="s">
        <v>188</v>
      </c>
      <c r="E184" t="s">
        <v>102</v>
      </c>
      <c r="F184" t="s">
        <v>103</v>
      </c>
      <c r="G184" t="s">
        <v>80</v>
      </c>
      <c r="H184" t="s">
        <v>81</v>
      </c>
      <c r="I184" s="2">
        <v>0</v>
      </c>
      <c r="J184" s="2">
        <v>1</v>
      </c>
      <c r="K184" s="2">
        <v>0</v>
      </c>
      <c r="L184" t="s">
        <v>82</v>
      </c>
      <c r="M184" t="s">
        <v>89</v>
      </c>
      <c r="N184" t="s">
        <v>90</v>
      </c>
      <c r="O184" t="s">
        <v>85</v>
      </c>
      <c r="P184" t="s">
        <v>86</v>
      </c>
      <c r="Q184">
        <v>6</v>
      </c>
      <c r="R184">
        <v>6</v>
      </c>
      <c r="S184">
        <v>6</v>
      </c>
      <c r="T184">
        <v>6</v>
      </c>
      <c r="U184">
        <v>7</v>
      </c>
      <c r="V184">
        <v>7</v>
      </c>
      <c r="W184">
        <v>7</v>
      </c>
      <c r="X184">
        <v>7</v>
      </c>
      <c r="Y184">
        <v>7</v>
      </c>
      <c r="Z184">
        <v>7</v>
      </c>
      <c r="AA184">
        <v>7</v>
      </c>
      <c r="AB184">
        <v>7</v>
      </c>
      <c r="AC184">
        <v>8</v>
      </c>
      <c r="AD184">
        <v>8</v>
      </c>
      <c r="AE184">
        <v>8</v>
      </c>
      <c r="AF184">
        <v>8</v>
      </c>
      <c r="AG184">
        <v>8</v>
      </c>
      <c r="AH184">
        <v>8</v>
      </c>
      <c r="AI184">
        <v>8</v>
      </c>
      <c r="AJ184">
        <v>8</v>
      </c>
      <c r="AK184">
        <v>8</v>
      </c>
      <c r="AL184">
        <v>8</v>
      </c>
      <c r="AM184">
        <v>8</v>
      </c>
      <c r="AN184">
        <v>8</v>
      </c>
      <c r="AO184">
        <v>8</v>
      </c>
      <c r="AP184">
        <v>8</v>
      </c>
      <c r="AQ184">
        <v>8</v>
      </c>
    </row>
    <row r="185" spans="1:43">
      <c r="A185" t="s">
        <v>211</v>
      </c>
      <c r="B185" t="s">
        <v>212</v>
      </c>
      <c r="C185" t="s">
        <v>187</v>
      </c>
      <c r="D185" t="s">
        <v>188</v>
      </c>
      <c r="E185" t="s">
        <v>102</v>
      </c>
      <c r="F185" t="s">
        <v>103</v>
      </c>
      <c r="G185" t="s">
        <v>80</v>
      </c>
      <c r="H185" t="s">
        <v>81</v>
      </c>
      <c r="I185" s="2">
        <v>0</v>
      </c>
      <c r="J185" s="2">
        <v>1</v>
      </c>
      <c r="K185" s="2">
        <v>0</v>
      </c>
      <c r="L185" t="s">
        <v>82</v>
      </c>
      <c r="M185" t="s">
        <v>83</v>
      </c>
      <c r="N185" t="s">
        <v>91</v>
      </c>
      <c r="O185" t="s">
        <v>85</v>
      </c>
      <c r="P185" t="s">
        <v>86</v>
      </c>
      <c r="Q185">
        <v>6</v>
      </c>
      <c r="R185">
        <v>6</v>
      </c>
      <c r="S185">
        <v>6</v>
      </c>
      <c r="T185">
        <v>6</v>
      </c>
      <c r="U185">
        <v>6</v>
      </c>
      <c r="V185">
        <v>6</v>
      </c>
      <c r="W185">
        <v>6</v>
      </c>
      <c r="X185">
        <v>7</v>
      </c>
      <c r="Y185">
        <v>7</v>
      </c>
      <c r="Z185">
        <v>7</v>
      </c>
      <c r="AA185">
        <v>7</v>
      </c>
      <c r="AB185">
        <v>7</v>
      </c>
      <c r="AC185">
        <v>7</v>
      </c>
      <c r="AD185">
        <v>7</v>
      </c>
      <c r="AE185">
        <v>7</v>
      </c>
      <c r="AF185">
        <v>7</v>
      </c>
      <c r="AG185">
        <v>7</v>
      </c>
      <c r="AH185">
        <v>7</v>
      </c>
      <c r="AI185">
        <v>8</v>
      </c>
      <c r="AJ185">
        <v>8</v>
      </c>
      <c r="AK185">
        <v>8</v>
      </c>
      <c r="AL185">
        <v>8</v>
      </c>
      <c r="AM185">
        <v>8</v>
      </c>
      <c r="AN185">
        <v>8</v>
      </c>
      <c r="AO185">
        <v>8</v>
      </c>
      <c r="AP185">
        <v>8</v>
      </c>
      <c r="AQ185">
        <v>8</v>
      </c>
    </row>
    <row r="186" spans="1:43">
      <c r="A186" t="s">
        <v>213</v>
      </c>
      <c r="B186" t="s">
        <v>214</v>
      </c>
      <c r="C186" t="s">
        <v>215</v>
      </c>
      <c r="D186" t="s">
        <v>216</v>
      </c>
      <c r="E186" t="s">
        <v>102</v>
      </c>
      <c r="F186" t="s">
        <v>103</v>
      </c>
      <c r="G186" t="s">
        <v>80</v>
      </c>
      <c r="H186" t="s">
        <v>81</v>
      </c>
      <c r="I186" s="2">
        <v>1</v>
      </c>
      <c r="J186" s="2">
        <v>0</v>
      </c>
      <c r="K186" s="2">
        <v>0</v>
      </c>
      <c r="L186" t="s">
        <v>120</v>
      </c>
      <c r="M186" t="s">
        <v>83</v>
      </c>
      <c r="N186" t="s">
        <v>84</v>
      </c>
      <c r="O186" t="s">
        <v>85</v>
      </c>
      <c r="P186" t="s">
        <v>86</v>
      </c>
      <c r="Q186">
        <v>26</v>
      </c>
      <c r="R186">
        <v>27</v>
      </c>
      <c r="S186">
        <v>27</v>
      </c>
      <c r="T186">
        <v>28</v>
      </c>
      <c r="U186">
        <v>28</v>
      </c>
      <c r="V186">
        <v>29</v>
      </c>
      <c r="W186">
        <v>29</v>
      </c>
      <c r="X186">
        <v>29</v>
      </c>
      <c r="Y186">
        <v>30</v>
      </c>
      <c r="Z186">
        <v>30</v>
      </c>
      <c r="AA186">
        <v>31</v>
      </c>
      <c r="AB186">
        <v>31</v>
      </c>
      <c r="AC186">
        <v>31</v>
      </c>
      <c r="AD186">
        <v>32</v>
      </c>
      <c r="AE186">
        <v>32</v>
      </c>
      <c r="AF186">
        <v>33</v>
      </c>
      <c r="AG186">
        <v>33</v>
      </c>
      <c r="AH186">
        <v>33</v>
      </c>
      <c r="AI186">
        <v>34</v>
      </c>
      <c r="AJ186">
        <v>34</v>
      </c>
      <c r="AK186">
        <v>35</v>
      </c>
      <c r="AL186">
        <v>35</v>
      </c>
      <c r="AM186">
        <v>35</v>
      </c>
      <c r="AN186">
        <v>35</v>
      </c>
      <c r="AO186">
        <v>35</v>
      </c>
      <c r="AP186">
        <v>35</v>
      </c>
      <c r="AQ186">
        <v>35</v>
      </c>
    </row>
    <row r="187" spans="1:43">
      <c r="A187" t="s">
        <v>213</v>
      </c>
      <c r="B187" t="s">
        <v>214</v>
      </c>
      <c r="C187" t="s">
        <v>215</v>
      </c>
      <c r="D187" t="s">
        <v>216</v>
      </c>
      <c r="E187" t="s">
        <v>102</v>
      </c>
      <c r="F187" t="s">
        <v>103</v>
      </c>
      <c r="G187" t="s">
        <v>80</v>
      </c>
      <c r="H187" t="s">
        <v>81</v>
      </c>
      <c r="I187" s="2">
        <v>1</v>
      </c>
      <c r="J187" s="2">
        <v>0</v>
      </c>
      <c r="K187" s="2">
        <v>0</v>
      </c>
      <c r="L187" t="s">
        <v>120</v>
      </c>
      <c r="M187" t="s">
        <v>87</v>
      </c>
      <c r="N187" t="s">
        <v>88</v>
      </c>
      <c r="O187" t="s">
        <v>85</v>
      </c>
      <c r="P187" t="s">
        <v>86</v>
      </c>
      <c r="Q187">
        <v>26</v>
      </c>
      <c r="R187">
        <v>26</v>
      </c>
      <c r="S187">
        <v>27</v>
      </c>
      <c r="T187">
        <v>27</v>
      </c>
      <c r="U187">
        <v>27</v>
      </c>
      <c r="V187">
        <v>27</v>
      </c>
      <c r="W187">
        <v>27</v>
      </c>
      <c r="X187">
        <v>27</v>
      </c>
      <c r="Y187">
        <v>28</v>
      </c>
      <c r="Z187">
        <v>28</v>
      </c>
      <c r="AA187">
        <v>28</v>
      </c>
      <c r="AB187">
        <v>28</v>
      </c>
      <c r="AC187">
        <v>28</v>
      </c>
      <c r="AD187">
        <v>29</v>
      </c>
      <c r="AE187">
        <v>29</v>
      </c>
      <c r="AF187">
        <v>29</v>
      </c>
      <c r="AG187">
        <v>29</v>
      </c>
      <c r="AH187">
        <v>29</v>
      </c>
      <c r="AI187">
        <v>29</v>
      </c>
      <c r="AJ187">
        <v>30</v>
      </c>
      <c r="AK187">
        <v>30</v>
      </c>
      <c r="AL187">
        <v>30</v>
      </c>
      <c r="AM187">
        <v>30</v>
      </c>
      <c r="AN187">
        <v>30</v>
      </c>
      <c r="AO187">
        <v>31</v>
      </c>
      <c r="AP187">
        <v>31</v>
      </c>
      <c r="AQ187">
        <v>31</v>
      </c>
    </row>
    <row r="188" spans="1:43">
      <c r="A188" t="s">
        <v>213</v>
      </c>
      <c r="B188" t="s">
        <v>214</v>
      </c>
      <c r="C188" t="s">
        <v>215</v>
      </c>
      <c r="D188" t="s">
        <v>216</v>
      </c>
      <c r="E188" t="s">
        <v>102</v>
      </c>
      <c r="F188" t="s">
        <v>103</v>
      </c>
      <c r="G188" t="s">
        <v>80</v>
      </c>
      <c r="H188" t="s">
        <v>81</v>
      </c>
      <c r="I188" s="2">
        <v>1</v>
      </c>
      <c r="J188" s="2">
        <v>0</v>
      </c>
      <c r="K188" s="2">
        <v>0</v>
      </c>
      <c r="L188" t="s">
        <v>120</v>
      </c>
      <c r="M188" t="s">
        <v>89</v>
      </c>
      <c r="N188" t="s">
        <v>90</v>
      </c>
      <c r="O188" t="s">
        <v>85</v>
      </c>
      <c r="P188" t="s">
        <v>86</v>
      </c>
      <c r="Q188">
        <v>26</v>
      </c>
      <c r="R188">
        <v>26</v>
      </c>
      <c r="S188">
        <v>27</v>
      </c>
      <c r="T188">
        <v>28</v>
      </c>
      <c r="U188">
        <v>28</v>
      </c>
      <c r="V188">
        <v>29</v>
      </c>
      <c r="W188">
        <v>29</v>
      </c>
      <c r="X188">
        <v>30</v>
      </c>
      <c r="Y188">
        <v>31</v>
      </c>
      <c r="Z188">
        <v>31</v>
      </c>
      <c r="AA188">
        <v>32</v>
      </c>
      <c r="AB188">
        <v>32</v>
      </c>
      <c r="AC188">
        <v>33</v>
      </c>
      <c r="AD188">
        <v>33</v>
      </c>
      <c r="AE188">
        <v>33</v>
      </c>
      <c r="AF188">
        <v>34</v>
      </c>
      <c r="AG188">
        <v>34</v>
      </c>
      <c r="AH188">
        <v>34</v>
      </c>
      <c r="AI188">
        <v>34</v>
      </c>
      <c r="AJ188">
        <v>34</v>
      </c>
      <c r="AK188">
        <v>34</v>
      </c>
      <c r="AL188">
        <v>34</v>
      </c>
      <c r="AM188">
        <v>34</v>
      </c>
      <c r="AN188">
        <v>34</v>
      </c>
      <c r="AO188">
        <v>34</v>
      </c>
      <c r="AP188">
        <v>34</v>
      </c>
      <c r="AQ188">
        <v>34</v>
      </c>
    </row>
    <row r="189" spans="1:43">
      <c r="A189" t="s">
        <v>213</v>
      </c>
      <c r="B189" t="s">
        <v>214</v>
      </c>
      <c r="C189" t="s">
        <v>215</v>
      </c>
      <c r="D189" t="s">
        <v>216</v>
      </c>
      <c r="E189" t="s">
        <v>102</v>
      </c>
      <c r="F189" t="s">
        <v>103</v>
      </c>
      <c r="G189" t="s">
        <v>80</v>
      </c>
      <c r="H189" t="s">
        <v>81</v>
      </c>
      <c r="I189" s="2">
        <v>1</v>
      </c>
      <c r="J189" s="2">
        <v>0</v>
      </c>
      <c r="K189" s="2">
        <v>0</v>
      </c>
      <c r="L189" t="s">
        <v>120</v>
      </c>
      <c r="M189" t="s">
        <v>83</v>
      </c>
      <c r="N189" t="s">
        <v>91</v>
      </c>
      <c r="O189" t="s">
        <v>85</v>
      </c>
      <c r="P189" t="s">
        <v>86</v>
      </c>
      <c r="Q189">
        <v>26</v>
      </c>
      <c r="R189">
        <v>27</v>
      </c>
      <c r="S189">
        <v>27</v>
      </c>
      <c r="T189">
        <v>28</v>
      </c>
      <c r="U189">
        <v>28</v>
      </c>
      <c r="V189">
        <v>29</v>
      </c>
      <c r="W189">
        <v>29</v>
      </c>
      <c r="X189">
        <v>29</v>
      </c>
      <c r="Y189">
        <v>30</v>
      </c>
      <c r="Z189">
        <v>30</v>
      </c>
      <c r="AA189">
        <v>31</v>
      </c>
      <c r="AB189">
        <v>31</v>
      </c>
      <c r="AC189">
        <v>31</v>
      </c>
      <c r="AD189">
        <v>32</v>
      </c>
      <c r="AE189">
        <v>32</v>
      </c>
      <c r="AF189">
        <v>33</v>
      </c>
      <c r="AG189">
        <v>33</v>
      </c>
      <c r="AH189">
        <v>33</v>
      </c>
      <c r="AI189">
        <v>34</v>
      </c>
      <c r="AJ189">
        <v>34</v>
      </c>
      <c r="AK189">
        <v>35</v>
      </c>
      <c r="AL189">
        <v>35</v>
      </c>
      <c r="AM189">
        <v>35</v>
      </c>
      <c r="AN189">
        <v>35</v>
      </c>
      <c r="AO189">
        <v>35</v>
      </c>
      <c r="AP189">
        <v>35</v>
      </c>
      <c r="AQ189">
        <v>35</v>
      </c>
    </row>
    <row r="190" spans="1:43">
      <c r="A190" t="s">
        <v>217</v>
      </c>
      <c r="B190" t="s">
        <v>218</v>
      </c>
      <c r="C190" t="s">
        <v>219</v>
      </c>
      <c r="D190" t="s">
        <v>220</v>
      </c>
      <c r="E190" t="s">
        <v>102</v>
      </c>
      <c r="F190" t="s">
        <v>103</v>
      </c>
      <c r="G190" t="s">
        <v>80</v>
      </c>
      <c r="H190" t="s">
        <v>81</v>
      </c>
      <c r="I190" s="2">
        <v>0</v>
      </c>
      <c r="J190" s="2">
        <v>1</v>
      </c>
      <c r="K190" s="2">
        <v>0</v>
      </c>
      <c r="L190" t="s">
        <v>82</v>
      </c>
      <c r="M190" t="s">
        <v>83</v>
      </c>
      <c r="N190" t="s">
        <v>84</v>
      </c>
      <c r="O190" t="s">
        <v>85</v>
      </c>
      <c r="P190" t="s">
        <v>86</v>
      </c>
      <c r="Q190">
        <v>7</v>
      </c>
      <c r="R190">
        <v>7</v>
      </c>
      <c r="S190">
        <v>7</v>
      </c>
      <c r="T190">
        <v>7</v>
      </c>
      <c r="U190">
        <v>7</v>
      </c>
      <c r="V190">
        <v>7</v>
      </c>
      <c r="W190">
        <v>7</v>
      </c>
      <c r="X190">
        <v>7</v>
      </c>
      <c r="Y190">
        <v>7</v>
      </c>
      <c r="Z190">
        <v>8</v>
      </c>
      <c r="AA190">
        <v>8</v>
      </c>
      <c r="AB190">
        <v>8</v>
      </c>
      <c r="AC190">
        <v>8</v>
      </c>
      <c r="AD190">
        <v>8</v>
      </c>
      <c r="AE190">
        <v>8</v>
      </c>
      <c r="AF190">
        <v>8</v>
      </c>
      <c r="AG190">
        <v>8</v>
      </c>
      <c r="AH190">
        <v>8</v>
      </c>
      <c r="AI190">
        <v>8</v>
      </c>
      <c r="AJ190">
        <v>9</v>
      </c>
      <c r="AK190">
        <v>9</v>
      </c>
      <c r="AL190">
        <v>9</v>
      </c>
      <c r="AM190">
        <v>9</v>
      </c>
      <c r="AN190">
        <v>9</v>
      </c>
      <c r="AO190">
        <v>9</v>
      </c>
      <c r="AP190">
        <v>9</v>
      </c>
      <c r="AQ190">
        <v>9</v>
      </c>
    </row>
    <row r="191" spans="1:43">
      <c r="A191" t="s">
        <v>217</v>
      </c>
      <c r="B191" t="s">
        <v>218</v>
      </c>
      <c r="C191" t="s">
        <v>219</v>
      </c>
      <c r="D191" t="s">
        <v>220</v>
      </c>
      <c r="E191" t="s">
        <v>102</v>
      </c>
      <c r="F191" t="s">
        <v>103</v>
      </c>
      <c r="G191" t="s">
        <v>80</v>
      </c>
      <c r="H191" t="s">
        <v>81</v>
      </c>
      <c r="I191" s="2">
        <v>0</v>
      </c>
      <c r="J191" s="2">
        <v>1</v>
      </c>
      <c r="K191" s="2">
        <v>0</v>
      </c>
      <c r="L191" t="s">
        <v>82</v>
      </c>
      <c r="M191" t="s">
        <v>87</v>
      </c>
      <c r="N191" t="s">
        <v>88</v>
      </c>
      <c r="O191" t="s">
        <v>85</v>
      </c>
      <c r="P191" t="s">
        <v>86</v>
      </c>
      <c r="Q191">
        <v>7</v>
      </c>
      <c r="R191">
        <v>7</v>
      </c>
      <c r="S191">
        <v>7</v>
      </c>
      <c r="T191">
        <v>7</v>
      </c>
      <c r="U191">
        <v>7</v>
      </c>
      <c r="V191">
        <v>7</v>
      </c>
      <c r="W191">
        <v>7</v>
      </c>
      <c r="X191">
        <v>7</v>
      </c>
      <c r="Y191">
        <v>7</v>
      </c>
      <c r="Z191">
        <v>7</v>
      </c>
      <c r="AA191">
        <v>7</v>
      </c>
      <c r="AB191">
        <v>7</v>
      </c>
      <c r="AC191">
        <v>7</v>
      </c>
      <c r="AD191">
        <v>7</v>
      </c>
      <c r="AE191">
        <v>7</v>
      </c>
      <c r="AF191">
        <v>7</v>
      </c>
      <c r="AG191">
        <v>7</v>
      </c>
      <c r="AH191">
        <v>7</v>
      </c>
      <c r="AI191">
        <v>7</v>
      </c>
      <c r="AJ191">
        <v>7</v>
      </c>
      <c r="AK191">
        <v>7</v>
      </c>
      <c r="AL191">
        <v>7</v>
      </c>
      <c r="AM191">
        <v>8</v>
      </c>
      <c r="AN191">
        <v>8</v>
      </c>
      <c r="AO191">
        <v>8</v>
      </c>
      <c r="AP191">
        <v>8</v>
      </c>
      <c r="AQ191">
        <v>8</v>
      </c>
    </row>
    <row r="192" spans="1:43">
      <c r="A192" t="s">
        <v>217</v>
      </c>
      <c r="B192" t="s">
        <v>218</v>
      </c>
      <c r="C192" t="s">
        <v>219</v>
      </c>
      <c r="D192" t="s">
        <v>220</v>
      </c>
      <c r="E192" t="s">
        <v>102</v>
      </c>
      <c r="F192" t="s">
        <v>103</v>
      </c>
      <c r="G192" t="s">
        <v>80</v>
      </c>
      <c r="H192" t="s">
        <v>81</v>
      </c>
      <c r="I192" s="2">
        <v>0</v>
      </c>
      <c r="J192" s="2">
        <v>1</v>
      </c>
      <c r="K192" s="2">
        <v>0</v>
      </c>
      <c r="L192" t="s">
        <v>82</v>
      </c>
      <c r="M192" t="s">
        <v>89</v>
      </c>
      <c r="N192" t="s">
        <v>90</v>
      </c>
      <c r="O192" t="s">
        <v>85</v>
      </c>
      <c r="P192" t="s">
        <v>86</v>
      </c>
      <c r="Q192">
        <v>7</v>
      </c>
      <c r="R192">
        <v>7</v>
      </c>
      <c r="S192">
        <v>7</v>
      </c>
      <c r="T192">
        <v>7</v>
      </c>
      <c r="U192">
        <v>7</v>
      </c>
      <c r="V192">
        <v>7</v>
      </c>
      <c r="W192">
        <v>8</v>
      </c>
      <c r="X192">
        <v>8</v>
      </c>
      <c r="Y192">
        <v>8</v>
      </c>
      <c r="Z192">
        <v>8</v>
      </c>
      <c r="AA192">
        <v>8</v>
      </c>
      <c r="AB192">
        <v>8</v>
      </c>
      <c r="AC192">
        <v>8</v>
      </c>
      <c r="AD192">
        <v>9</v>
      </c>
      <c r="AE192">
        <v>9</v>
      </c>
      <c r="AF192">
        <v>9</v>
      </c>
      <c r="AG192">
        <v>9</v>
      </c>
      <c r="AH192">
        <v>9</v>
      </c>
      <c r="AI192">
        <v>9</v>
      </c>
      <c r="AJ192">
        <v>9</v>
      </c>
      <c r="AK192">
        <v>9</v>
      </c>
      <c r="AL192">
        <v>9</v>
      </c>
      <c r="AM192">
        <v>9</v>
      </c>
      <c r="AN192">
        <v>9</v>
      </c>
      <c r="AO192">
        <v>9</v>
      </c>
      <c r="AP192">
        <v>9</v>
      </c>
      <c r="AQ192">
        <v>9</v>
      </c>
    </row>
    <row r="193" spans="1:43">
      <c r="A193" t="s">
        <v>217</v>
      </c>
      <c r="B193" t="s">
        <v>218</v>
      </c>
      <c r="C193" t="s">
        <v>219</v>
      </c>
      <c r="D193" t="s">
        <v>220</v>
      </c>
      <c r="E193" t="s">
        <v>102</v>
      </c>
      <c r="F193" t="s">
        <v>103</v>
      </c>
      <c r="G193" t="s">
        <v>80</v>
      </c>
      <c r="H193" t="s">
        <v>81</v>
      </c>
      <c r="I193" s="2">
        <v>0</v>
      </c>
      <c r="J193" s="2">
        <v>1</v>
      </c>
      <c r="K193" s="2">
        <v>0</v>
      </c>
      <c r="L193" t="s">
        <v>82</v>
      </c>
      <c r="M193" t="s">
        <v>83</v>
      </c>
      <c r="N193" t="s">
        <v>91</v>
      </c>
      <c r="O193" t="s">
        <v>85</v>
      </c>
      <c r="P193" t="s">
        <v>86</v>
      </c>
      <c r="Q193">
        <v>7</v>
      </c>
      <c r="R193">
        <v>7</v>
      </c>
      <c r="S193">
        <v>7</v>
      </c>
      <c r="T193">
        <v>7</v>
      </c>
      <c r="U193">
        <v>7</v>
      </c>
      <c r="V193">
        <v>7</v>
      </c>
      <c r="W193">
        <v>7</v>
      </c>
      <c r="X193">
        <v>7</v>
      </c>
      <c r="Y193">
        <v>7</v>
      </c>
      <c r="Z193">
        <v>8</v>
      </c>
      <c r="AA193">
        <v>8</v>
      </c>
      <c r="AB193">
        <v>8</v>
      </c>
      <c r="AC193">
        <v>8</v>
      </c>
      <c r="AD193">
        <v>8</v>
      </c>
      <c r="AE193">
        <v>8</v>
      </c>
      <c r="AF193">
        <v>8</v>
      </c>
      <c r="AG193">
        <v>8</v>
      </c>
      <c r="AH193">
        <v>8</v>
      </c>
      <c r="AI193">
        <v>8</v>
      </c>
      <c r="AJ193">
        <v>9</v>
      </c>
      <c r="AK193">
        <v>9</v>
      </c>
      <c r="AL193">
        <v>9</v>
      </c>
      <c r="AM193">
        <v>9</v>
      </c>
      <c r="AN193">
        <v>9</v>
      </c>
      <c r="AO193">
        <v>9</v>
      </c>
      <c r="AP193">
        <v>9</v>
      </c>
      <c r="AQ193">
        <v>9</v>
      </c>
    </row>
    <row r="194" spans="1:43">
      <c r="A194" t="s">
        <v>221</v>
      </c>
      <c r="B194" t="s">
        <v>222</v>
      </c>
      <c r="C194" t="s">
        <v>219</v>
      </c>
      <c r="D194" t="s">
        <v>220</v>
      </c>
      <c r="E194" t="s">
        <v>102</v>
      </c>
      <c r="F194" t="s">
        <v>103</v>
      </c>
      <c r="G194" t="s">
        <v>80</v>
      </c>
      <c r="H194" t="s">
        <v>81</v>
      </c>
      <c r="I194" s="2">
        <v>0</v>
      </c>
      <c r="J194" s="2">
        <v>1</v>
      </c>
      <c r="K194" s="2">
        <v>0</v>
      </c>
      <c r="L194" t="s">
        <v>82</v>
      </c>
      <c r="M194" t="s">
        <v>83</v>
      </c>
      <c r="N194" t="s">
        <v>84</v>
      </c>
      <c r="O194" t="s">
        <v>85</v>
      </c>
      <c r="P194" t="s">
        <v>86</v>
      </c>
      <c r="Q194">
        <v>6</v>
      </c>
      <c r="R194">
        <v>6</v>
      </c>
      <c r="S194">
        <v>6</v>
      </c>
      <c r="T194">
        <v>6</v>
      </c>
      <c r="U194">
        <v>6</v>
      </c>
      <c r="V194">
        <v>6</v>
      </c>
      <c r="W194">
        <v>6</v>
      </c>
      <c r="X194">
        <v>6</v>
      </c>
      <c r="Y194">
        <v>7</v>
      </c>
      <c r="Z194">
        <v>7</v>
      </c>
      <c r="AA194">
        <v>7</v>
      </c>
      <c r="AB194">
        <v>7</v>
      </c>
      <c r="AC194">
        <v>7</v>
      </c>
      <c r="AD194">
        <v>7</v>
      </c>
      <c r="AE194">
        <v>7</v>
      </c>
      <c r="AF194">
        <v>7</v>
      </c>
      <c r="AG194">
        <v>7</v>
      </c>
      <c r="AH194">
        <v>7</v>
      </c>
      <c r="AI194">
        <v>7</v>
      </c>
      <c r="AJ194">
        <v>7</v>
      </c>
      <c r="AK194">
        <v>8</v>
      </c>
      <c r="AL194">
        <v>8</v>
      </c>
      <c r="AM194">
        <v>8</v>
      </c>
      <c r="AN194">
        <v>8</v>
      </c>
      <c r="AO194">
        <v>8</v>
      </c>
      <c r="AP194">
        <v>8</v>
      </c>
      <c r="AQ194">
        <v>8</v>
      </c>
    </row>
    <row r="195" spans="1:43">
      <c r="A195" t="s">
        <v>221</v>
      </c>
      <c r="B195" t="s">
        <v>222</v>
      </c>
      <c r="C195" t="s">
        <v>219</v>
      </c>
      <c r="D195" t="s">
        <v>220</v>
      </c>
      <c r="E195" t="s">
        <v>102</v>
      </c>
      <c r="F195" t="s">
        <v>103</v>
      </c>
      <c r="G195" t="s">
        <v>80</v>
      </c>
      <c r="H195" t="s">
        <v>81</v>
      </c>
      <c r="I195" s="2">
        <v>0</v>
      </c>
      <c r="J195" s="2">
        <v>1</v>
      </c>
      <c r="K195" s="2">
        <v>0</v>
      </c>
      <c r="L195" t="s">
        <v>82</v>
      </c>
      <c r="M195" t="s">
        <v>87</v>
      </c>
      <c r="N195" t="s">
        <v>88</v>
      </c>
      <c r="O195" t="s">
        <v>85</v>
      </c>
      <c r="P195" t="s">
        <v>86</v>
      </c>
      <c r="Q195">
        <v>6</v>
      </c>
      <c r="R195">
        <v>6</v>
      </c>
      <c r="S195">
        <v>6</v>
      </c>
      <c r="T195">
        <v>6</v>
      </c>
      <c r="U195">
        <v>6</v>
      </c>
      <c r="V195">
        <v>6</v>
      </c>
      <c r="W195">
        <v>6</v>
      </c>
      <c r="X195">
        <v>6</v>
      </c>
      <c r="Y195">
        <v>6</v>
      </c>
      <c r="Z195">
        <v>6</v>
      </c>
      <c r="AA195">
        <v>6</v>
      </c>
      <c r="AB195">
        <v>6</v>
      </c>
      <c r="AC195">
        <v>6</v>
      </c>
      <c r="AD195">
        <v>6</v>
      </c>
      <c r="AE195">
        <v>6</v>
      </c>
      <c r="AF195">
        <v>6</v>
      </c>
      <c r="AG195">
        <v>6</v>
      </c>
      <c r="AH195">
        <v>6</v>
      </c>
      <c r="AI195">
        <v>6</v>
      </c>
      <c r="AJ195">
        <v>6</v>
      </c>
      <c r="AK195">
        <v>6</v>
      </c>
      <c r="AL195">
        <v>7</v>
      </c>
      <c r="AM195">
        <v>7</v>
      </c>
      <c r="AN195">
        <v>7</v>
      </c>
      <c r="AO195">
        <v>7</v>
      </c>
      <c r="AP195">
        <v>7</v>
      </c>
      <c r="AQ195">
        <v>7</v>
      </c>
    </row>
    <row r="196" spans="1:43">
      <c r="A196" t="s">
        <v>221</v>
      </c>
      <c r="B196" t="s">
        <v>222</v>
      </c>
      <c r="C196" t="s">
        <v>219</v>
      </c>
      <c r="D196" t="s">
        <v>220</v>
      </c>
      <c r="E196" t="s">
        <v>102</v>
      </c>
      <c r="F196" t="s">
        <v>103</v>
      </c>
      <c r="G196" t="s">
        <v>80</v>
      </c>
      <c r="H196" t="s">
        <v>81</v>
      </c>
      <c r="I196" s="2">
        <v>0</v>
      </c>
      <c r="J196" s="2">
        <v>1</v>
      </c>
      <c r="K196" s="2">
        <v>0</v>
      </c>
      <c r="L196" t="s">
        <v>82</v>
      </c>
      <c r="M196" t="s">
        <v>89</v>
      </c>
      <c r="N196" t="s">
        <v>90</v>
      </c>
      <c r="O196" t="s">
        <v>85</v>
      </c>
      <c r="P196" t="s">
        <v>86</v>
      </c>
      <c r="Q196">
        <v>6</v>
      </c>
      <c r="R196">
        <v>6</v>
      </c>
      <c r="S196">
        <v>6</v>
      </c>
      <c r="T196">
        <v>6</v>
      </c>
      <c r="U196">
        <v>6</v>
      </c>
      <c r="V196">
        <v>7</v>
      </c>
      <c r="W196">
        <v>7</v>
      </c>
      <c r="X196">
        <v>7</v>
      </c>
      <c r="Y196">
        <v>7</v>
      </c>
      <c r="Z196">
        <v>7</v>
      </c>
      <c r="AA196">
        <v>7</v>
      </c>
      <c r="AB196">
        <v>7</v>
      </c>
      <c r="AC196">
        <v>7</v>
      </c>
      <c r="AD196">
        <v>7</v>
      </c>
      <c r="AE196">
        <v>8</v>
      </c>
      <c r="AF196">
        <v>8</v>
      </c>
      <c r="AG196">
        <v>8</v>
      </c>
      <c r="AH196">
        <v>8</v>
      </c>
      <c r="AI196">
        <v>8</v>
      </c>
      <c r="AJ196">
        <v>8</v>
      </c>
      <c r="AK196">
        <v>8</v>
      </c>
      <c r="AL196">
        <v>8</v>
      </c>
      <c r="AM196">
        <v>8</v>
      </c>
      <c r="AN196">
        <v>8</v>
      </c>
      <c r="AO196">
        <v>8</v>
      </c>
      <c r="AP196">
        <v>8</v>
      </c>
      <c r="AQ196">
        <v>8</v>
      </c>
    </row>
    <row r="197" spans="1:43">
      <c r="A197" t="s">
        <v>221</v>
      </c>
      <c r="B197" t="s">
        <v>222</v>
      </c>
      <c r="C197" t="s">
        <v>219</v>
      </c>
      <c r="D197" t="s">
        <v>220</v>
      </c>
      <c r="E197" t="s">
        <v>102</v>
      </c>
      <c r="F197" t="s">
        <v>103</v>
      </c>
      <c r="G197" t="s">
        <v>80</v>
      </c>
      <c r="H197" t="s">
        <v>81</v>
      </c>
      <c r="I197" s="2">
        <v>0</v>
      </c>
      <c r="J197" s="2">
        <v>1</v>
      </c>
      <c r="K197" s="2">
        <v>0</v>
      </c>
      <c r="L197" t="s">
        <v>82</v>
      </c>
      <c r="M197" t="s">
        <v>83</v>
      </c>
      <c r="N197" t="s">
        <v>91</v>
      </c>
      <c r="O197" t="s">
        <v>85</v>
      </c>
      <c r="P197" t="s">
        <v>86</v>
      </c>
      <c r="Q197">
        <v>6</v>
      </c>
      <c r="R197">
        <v>6</v>
      </c>
      <c r="S197">
        <v>6</v>
      </c>
      <c r="T197">
        <v>6</v>
      </c>
      <c r="U197">
        <v>6</v>
      </c>
      <c r="V197">
        <v>6</v>
      </c>
      <c r="W197">
        <v>6</v>
      </c>
      <c r="X197">
        <v>6</v>
      </c>
      <c r="Y197">
        <v>7</v>
      </c>
      <c r="Z197">
        <v>7</v>
      </c>
      <c r="AA197">
        <v>7</v>
      </c>
      <c r="AB197">
        <v>7</v>
      </c>
      <c r="AC197">
        <v>7</v>
      </c>
      <c r="AD197">
        <v>7</v>
      </c>
      <c r="AE197">
        <v>7</v>
      </c>
      <c r="AF197">
        <v>7</v>
      </c>
      <c r="AG197">
        <v>7</v>
      </c>
      <c r="AH197">
        <v>7</v>
      </c>
      <c r="AI197">
        <v>7</v>
      </c>
      <c r="AJ197">
        <v>7</v>
      </c>
      <c r="AK197">
        <v>8</v>
      </c>
      <c r="AL197">
        <v>8</v>
      </c>
      <c r="AM197">
        <v>8</v>
      </c>
      <c r="AN197">
        <v>8</v>
      </c>
      <c r="AO197">
        <v>8</v>
      </c>
      <c r="AP197">
        <v>8</v>
      </c>
      <c r="AQ197">
        <v>8</v>
      </c>
    </row>
    <row r="198" spans="1:43">
      <c r="A198" t="s">
        <v>223</v>
      </c>
      <c r="B198" t="s">
        <v>224</v>
      </c>
      <c r="C198" t="s">
        <v>219</v>
      </c>
      <c r="D198" t="s">
        <v>220</v>
      </c>
      <c r="E198" t="s">
        <v>102</v>
      </c>
      <c r="F198" t="s">
        <v>103</v>
      </c>
      <c r="G198" t="s">
        <v>80</v>
      </c>
      <c r="H198" t="s">
        <v>81</v>
      </c>
      <c r="I198" s="2">
        <v>1</v>
      </c>
      <c r="J198" s="2">
        <v>0</v>
      </c>
      <c r="K198" s="2">
        <v>0</v>
      </c>
      <c r="L198" t="s">
        <v>120</v>
      </c>
      <c r="M198" t="s">
        <v>83</v>
      </c>
      <c r="N198" t="s">
        <v>84</v>
      </c>
      <c r="O198" t="s">
        <v>85</v>
      </c>
      <c r="P198" t="s">
        <v>86</v>
      </c>
      <c r="Q198">
        <v>8</v>
      </c>
      <c r="R198">
        <v>9</v>
      </c>
      <c r="S198">
        <v>9</v>
      </c>
      <c r="T198">
        <v>9</v>
      </c>
      <c r="U198">
        <v>9</v>
      </c>
      <c r="V198">
        <v>9</v>
      </c>
      <c r="W198">
        <v>9</v>
      </c>
      <c r="X198">
        <v>9</v>
      </c>
      <c r="Y198">
        <v>10</v>
      </c>
      <c r="Z198">
        <v>10</v>
      </c>
      <c r="AA198">
        <v>10</v>
      </c>
      <c r="AB198">
        <v>10</v>
      </c>
      <c r="AC198">
        <v>10</v>
      </c>
      <c r="AD198">
        <v>10</v>
      </c>
      <c r="AE198">
        <v>10</v>
      </c>
      <c r="AF198">
        <v>10</v>
      </c>
      <c r="AG198">
        <v>11</v>
      </c>
      <c r="AH198">
        <v>11</v>
      </c>
      <c r="AI198">
        <v>11</v>
      </c>
      <c r="AJ198">
        <v>11</v>
      </c>
      <c r="AK198">
        <v>11</v>
      </c>
      <c r="AL198">
        <v>11</v>
      </c>
      <c r="AM198">
        <v>11</v>
      </c>
      <c r="AN198">
        <v>11</v>
      </c>
      <c r="AO198">
        <v>11</v>
      </c>
      <c r="AP198">
        <v>11</v>
      </c>
      <c r="AQ198">
        <v>11</v>
      </c>
    </row>
    <row r="199" spans="1:43">
      <c r="A199" t="s">
        <v>223</v>
      </c>
      <c r="B199" t="s">
        <v>224</v>
      </c>
      <c r="C199" t="s">
        <v>219</v>
      </c>
      <c r="D199" t="s">
        <v>220</v>
      </c>
      <c r="E199" t="s">
        <v>102</v>
      </c>
      <c r="F199" t="s">
        <v>103</v>
      </c>
      <c r="G199" t="s">
        <v>80</v>
      </c>
      <c r="H199" t="s">
        <v>81</v>
      </c>
      <c r="I199" s="2">
        <v>1</v>
      </c>
      <c r="J199" s="2">
        <v>0</v>
      </c>
      <c r="K199" s="2">
        <v>0</v>
      </c>
      <c r="L199" t="s">
        <v>120</v>
      </c>
      <c r="M199" t="s">
        <v>87</v>
      </c>
      <c r="N199" t="s">
        <v>88</v>
      </c>
      <c r="O199" t="s">
        <v>85</v>
      </c>
      <c r="P199" t="s">
        <v>86</v>
      </c>
      <c r="Q199">
        <v>8</v>
      </c>
      <c r="R199">
        <v>8</v>
      </c>
      <c r="S199">
        <v>8</v>
      </c>
      <c r="T199">
        <v>9</v>
      </c>
      <c r="U199">
        <v>9</v>
      </c>
      <c r="V199">
        <v>9</v>
      </c>
      <c r="W199">
        <v>9</v>
      </c>
      <c r="X199">
        <v>9</v>
      </c>
      <c r="Y199">
        <v>9</v>
      </c>
      <c r="Z199">
        <v>9</v>
      </c>
      <c r="AA199">
        <v>9</v>
      </c>
      <c r="AB199">
        <v>9</v>
      </c>
      <c r="AC199">
        <v>9</v>
      </c>
      <c r="AD199">
        <v>9</v>
      </c>
      <c r="AE199">
        <v>9</v>
      </c>
      <c r="AF199">
        <v>9</v>
      </c>
      <c r="AG199">
        <v>9</v>
      </c>
      <c r="AH199">
        <v>9</v>
      </c>
      <c r="AI199">
        <v>9</v>
      </c>
      <c r="AJ199">
        <v>9</v>
      </c>
      <c r="AK199">
        <v>10</v>
      </c>
      <c r="AL199">
        <v>10</v>
      </c>
      <c r="AM199">
        <v>10</v>
      </c>
      <c r="AN199">
        <v>10</v>
      </c>
      <c r="AO199">
        <v>10</v>
      </c>
      <c r="AP199">
        <v>10</v>
      </c>
      <c r="AQ199">
        <v>10</v>
      </c>
    </row>
    <row r="200" spans="1:43">
      <c r="A200" t="s">
        <v>223</v>
      </c>
      <c r="B200" t="s">
        <v>224</v>
      </c>
      <c r="C200" t="s">
        <v>219</v>
      </c>
      <c r="D200" t="s">
        <v>220</v>
      </c>
      <c r="E200" t="s">
        <v>102</v>
      </c>
      <c r="F200" t="s">
        <v>103</v>
      </c>
      <c r="G200" t="s">
        <v>80</v>
      </c>
      <c r="H200" t="s">
        <v>81</v>
      </c>
      <c r="I200" s="2">
        <v>1</v>
      </c>
      <c r="J200" s="2">
        <v>0</v>
      </c>
      <c r="K200" s="2">
        <v>0</v>
      </c>
      <c r="L200" t="s">
        <v>120</v>
      </c>
      <c r="M200" t="s">
        <v>89</v>
      </c>
      <c r="N200" t="s">
        <v>90</v>
      </c>
      <c r="O200" t="s">
        <v>85</v>
      </c>
      <c r="P200" t="s">
        <v>86</v>
      </c>
      <c r="Q200">
        <v>8</v>
      </c>
      <c r="R200">
        <v>8</v>
      </c>
      <c r="S200">
        <v>8</v>
      </c>
      <c r="T200">
        <v>8</v>
      </c>
      <c r="U200">
        <v>8</v>
      </c>
      <c r="V200">
        <v>9</v>
      </c>
      <c r="W200">
        <v>9</v>
      </c>
      <c r="X200">
        <v>9</v>
      </c>
      <c r="Y200">
        <v>9</v>
      </c>
      <c r="Z200">
        <v>9</v>
      </c>
      <c r="AA200">
        <v>9</v>
      </c>
      <c r="AB200">
        <v>10</v>
      </c>
      <c r="AC200">
        <v>10</v>
      </c>
      <c r="AD200">
        <v>10</v>
      </c>
      <c r="AE200">
        <v>10</v>
      </c>
      <c r="AF200">
        <v>10</v>
      </c>
      <c r="AG200">
        <v>10</v>
      </c>
      <c r="AH200">
        <v>10</v>
      </c>
      <c r="AI200">
        <v>10</v>
      </c>
      <c r="AJ200">
        <v>10</v>
      </c>
      <c r="AK200">
        <v>10</v>
      </c>
      <c r="AL200">
        <v>10</v>
      </c>
      <c r="AM200">
        <v>10</v>
      </c>
      <c r="AN200">
        <v>10</v>
      </c>
      <c r="AO200">
        <v>10</v>
      </c>
      <c r="AP200">
        <v>10</v>
      </c>
      <c r="AQ200">
        <v>10</v>
      </c>
    </row>
    <row r="201" spans="1:43">
      <c r="A201" t="s">
        <v>223</v>
      </c>
      <c r="B201" t="s">
        <v>224</v>
      </c>
      <c r="C201" t="s">
        <v>219</v>
      </c>
      <c r="D201" t="s">
        <v>220</v>
      </c>
      <c r="E201" t="s">
        <v>102</v>
      </c>
      <c r="F201" t="s">
        <v>103</v>
      </c>
      <c r="G201" t="s">
        <v>80</v>
      </c>
      <c r="H201" t="s">
        <v>81</v>
      </c>
      <c r="I201" s="2">
        <v>1</v>
      </c>
      <c r="J201" s="2">
        <v>0</v>
      </c>
      <c r="K201" s="2">
        <v>0</v>
      </c>
      <c r="L201" t="s">
        <v>120</v>
      </c>
      <c r="M201" t="s">
        <v>83</v>
      </c>
      <c r="N201" t="s">
        <v>91</v>
      </c>
      <c r="O201" t="s">
        <v>85</v>
      </c>
      <c r="P201" t="s">
        <v>86</v>
      </c>
      <c r="Q201">
        <v>8</v>
      </c>
      <c r="R201">
        <v>9</v>
      </c>
      <c r="S201">
        <v>9</v>
      </c>
      <c r="T201">
        <v>9</v>
      </c>
      <c r="U201">
        <v>9</v>
      </c>
      <c r="V201">
        <v>9</v>
      </c>
      <c r="W201">
        <v>9</v>
      </c>
      <c r="X201">
        <v>9</v>
      </c>
      <c r="Y201">
        <v>10</v>
      </c>
      <c r="Z201">
        <v>10</v>
      </c>
      <c r="AA201">
        <v>10</v>
      </c>
      <c r="AB201">
        <v>10</v>
      </c>
      <c r="AC201">
        <v>10</v>
      </c>
      <c r="AD201">
        <v>10</v>
      </c>
      <c r="AE201">
        <v>10</v>
      </c>
      <c r="AF201">
        <v>10</v>
      </c>
      <c r="AG201">
        <v>11</v>
      </c>
      <c r="AH201">
        <v>11</v>
      </c>
      <c r="AI201">
        <v>11</v>
      </c>
      <c r="AJ201">
        <v>11</v>
      </c>
      <c r="AK201">
        <v>11</v>
      </c>
      <c r="AL201">
        <v>11</v>
      </c>
      <c r="AM201">
        <v>11</v>
      </c>
      <c r="AN201">
        <v>11</v>
      </c>
      <c r="AO201">
        <v>11</v>
      </c>
      <c r="AP201">
        <v>11</v>
      </c>
      <c r="AQ201">
        <v>11</v>
      </c>
    </row>
    <row r="202" spans="1:43">
      <c r="A202" t="s">
        <v>225</v>
      </c>
      <c r="B202" t="s">
        <v>226</v>
      </c>
      <c r="C202" t="s">
        <v>227</v>
      </c>
      <c r="D202" t="s">
        <v>228</v>
      </c>
      <c r="E202" t="s">
        <v>102</v>
      </c>
      <c r="F202" t="s">
        <v>103</v>
      </c>
      <c r="G202" t="s">
        <v>80</v>
      </c>
      <c r="H202" t="s">
        <v>81</v>
      </c>
      <c r="I202" s="2">
        <v>0</v>
      </c>
      <c r="J202" s="2">
        <v>1</v>
      </c>
      <c r="K202" s="2">
        <v>0</v>
      </c>
      <c r="L202" t="s">
        <v>82</v>
      </c>
      <c r="M202" t="s">
        <v>83</v>
      </c>
      <c r="N202" t="s">
        <v>84</v>
      </c>
      <c r="O202" t="s">
        <v>85</v>
      </c>
      <c r="P202" t="s">
        <v>86</v>
      </c>
      <c r="Q202">
        <v>9</v>
      </c>
      <c r="R202">
        <v>9</v>
      </c>
      <c r="S202">
        <v>10</v>
      </c>
      <c r="T202">
        <v>10</v>
      </c>
      <c r="U202">
        <v>10</v>
      </c>
      <c r="V202">
        <v>10</v>
      </c>
      <c r="W202">
        <v>10</v>
      </c>
      <c r="X202">
        <v>10</v>
      </c>
      <c r="Y202">
        <v>10</v>
      </c>
      <c r="Z202">
        <v>11</v>
      </c>
      <c r="AA202">
        <v>11</v>
      </c>
      <c r="AB202">
        <v>11</v>
      </c>
      <c r="AC202">
        <v>11</v>
      </c>
      <c r="AD202">
        <v>11</v>
      </c>
      <c r="AE202">
        <v>11</v>
      </c>
      <c r="AF202">
        <v>11</v>
      </c>
      <c r="AG202">
        <v>12</v>
      </c>
      <c r="AH202">
        <v>12</v>
      </c>
      <c r="AI202">
        <v>12</v>
      </c>
      <c r="AJ202">
        <v>12</v>
      </c>
      <c r="AK202">
        <v>12</v>
      </c>
      <c r="AL202">
        <v>12</v>
      </c>
      <c r="AM202">
        <v>12</v>
      </c>
      <c r="AN202">
        <v>12</v>
      </c>
      <c r="AO202">
        <v>12</v>
      </c>
      <c r="AP202">
        <v>12</v>
      </c>
      <c r="AQ202">
        <v>12</v>
      </c>
    </row>
    <row r="203" spans="1:43">
      <c r="A203" t="s">
        <v>225</v>
      </c>
      <c r="B203" t="s">
        <v>226</v>
      </c>
      <c r="C203" t="s">
        <v>227</v>
      </c>
      <c r="D203" t="s">
        <v>228</v>
      </c>
      <c r="E203" t="s">
        <v>102</v>
      </c>
      <c r="F203" t="s">
        <v>103</v>
      </c>
      <c r="G203" t="s">
        <v>80</v>
      </c>
      <c r="H203" t="s">
        <v>81</v>
      </c>
      <c r="I203" s="2">
        <v>0</v>
      </c>
      <c r="J203" s="2">
        <v>1</v>
      </c>
      <c r="K203" s="2">
        <v>0</v>
      </c>
      <c r="L203" t="s">
        <v>82</v>
      </c>
      <c r="M203" t="s">
        <v>87</v>
      </c>
      <c r="N203" t="s">
        <v>88</v>
      </c>
      <c r="O203" t="s">
        <v>85</v>
      </c>
      <c r="P203" t="s">
        <v>86</v>
      </c>
      <c r="Q203">
        <v>9</v>
      </c>
      <c r="R203">
        <v>9</v>
      </c>
      <c r="S203">
        <v>9</v>
      </c>
      <c r="T203">
        <v>9</v>
      </c>
      <c r="U203">
        <v>9</v>
      </c>
      <c r="V203">
        <v>9</v>
      </c>
      <c r="W203">
        <v>10</v>
      </c>
      <c r="X203">
        <v>10</v>
      </c>
      <c r="Y203">
        <v>10</v>
      </c>
      <c r="Z203">
        <v>10</v>
      </c>
      <c r="AA203">
        <v>10</v>
      </c>
      <c r="AB203">
        <v>10</v>
      </c>
      <c r="AC203">
        <v>10</v>
      </c>
      <c r="AD203">
        <v>10</v>
      </c>
      <c r="AE203">
        <v>10</v>
      </c>
      <c r="AF203">
        <v>10</v>
      </c>
      <c r="AG203">
        <v>10</v>
      </c>
      <c r="AH203">
        <v>10</v>
      </c>
      <c r="AI203">
        <v>10</v>
      </c>
      <c r="AJ203">
        <v>10</v>
      </c>
      <c r="AK203">
        <v>10</v>
      </c>
      <c r="AL203">
        <v>10</v>
      </c>
      <c r="AM203">
        <v>11</v>
      </c>
      <c r="AN203">
        <v>11</v>
      </c>
      <c r="AO203">
        <v>11</v>
      </c>
      <c r="AP203">
        <v>11</v>
      </c>
      <c r="AQ203">
        <v>11</v>
      </c>
    </row>
    <row r="204" spans="1:43">
      <c r="A204" t="s">
        <v>225</v>
      </c>
      <c r="B204" t="s">
        <v>226</v>
      </c>
      <c r="C204" t="s">
        <v>227</v>
      </c>
      <c r="D204" t="s">
        <v>228</v>
      </c>
      <c r="E204" t="s">
        <v>102</v>
      </c>
      <c r="F204" t="s">
        <v>103</v>
      </c>
      <c r="G204" t="s">
        <v>80</v>
      </c>
      <c r="H204" t="s">
        <v>81</v>
      </c>
      <c r="I204" s="2">
        <v>0</v>
      </c>
      <c r="J204" s="2">
        <v>1</v>
      </c>
      <c r="K204" s="2">
        <v>0</v>
      </c>
      <c r="L204" t="s">
        <v>82</v>
      </c>
      <c r="M204" t="s">
        <v>89</v>
      </c>
      <c r="N204" t="s">
        <v>90</v>
      </c>
      <c r="O204" t="s">
        <v>85</v>
      </c>
      <c r="P204" t="s">
        <v>86</v>
      </c>
      <c r="Q204">
        <v>9</v>
      </c>
      <c r="R204">
        <v>10</v>
      </c>
      <c r="S204">
        <v>10</v>
      </c>
      <c r="T204">
        <v>10</v>
      </c>
      <c r="U204">
        <v>10</v>
      </c>
      <c r="V204">
        <v>10</v>
      </c>
      <c r="W204">
        <v>11</v>
      </c>
      <c r="X204">
        <v>11</v>
      </c>
      <c r="Y204">
        <v>11</v>
      </c>
      <c r="Z204">
        <v>11</v>
      </c>
      <c r="AA204">
        <v>11</v>
      </c>
      <c r="AB204">
        <v>12</v>
      </c>
      <c r="AC204">
        <v>12</v>
      </c>
      <c r="AD204">
        <v>12</v>
      </c>
      <c r="AE204">
        <v>12</v>
      </c>
      <c r="AF204">
        <v>12</v>
      </c>
      <c r="AG204">
        <v>12</v>
      </c>
      <c r="AH204">
        <v>12</v>
      </c>
      <c r="AI204">
        <v>12</v>
      </c>
      <c r="AJ204">
        <v>12</v>
      </c>
      <c r="AK204">
        <v>12</v>
      </c>
      <c r="AL204">
        <v>12</v>
      </c>
      <c r="AM204">
        <v>12</v>
      </c>
      <c r="AN204">
        <v>12</v>
      </c>
      <c r="AO204">
        <v>12</v>
      </c>
      <c r="AP204">
        <v>12</v>
      </c>
      <c r="AQ204">
        <v>12</v>
      </c>
    </row>
    <row r="205" spans="1:43">
      <c r="A205" t="s">
        <v>225</v>
      </c>
      <c r="B205" t="s">
        <v>226</v>
      </c>
      <c r="C205" t="s">
        <v>227</v>
      </c>
      <c r="D205" t="s">
        <v>228</v>
      </c>
      <c r="E205" t="s">
        <v>102</v>
      </c>
      <c r="F205" t="s">
        <v>103</v>
      </c>
      <c r="G205" t="s">
        <v>80</v>
      </c>
      <c r="H205" t="s">
        <v>81</v>
      </c>
      <c r="I205" s="2">
        <v>0</v>
      </c>
      <c r="J205" s="2">
        <v>1</v>
      </c>
      <c r="K205" s="2">
        <v>0</v>
      </c>
      <c r="L205" t="s">
        <v>82</v>
      </c>
      <c r="M205" t="s">
        <v>83</v>
      </c>
      <c r="N205" t="s">
        <v>91</v>
      </c>
      <c r="O205" t="s">
        <v>85</v>
      </c>
      <c r="P205" t="s">
        <v>86</v>
      </c>
      <c r="Q205">
        <v>9</v>
      </c>
      <c r="R205">
        <v>9</v>
      </c>
      <c r="S205">
        <v>10</v>
      </c>
      <c r="T205">
        <v>10</v>
      </c>
      <c r="U205">
        <v>10</v>
      </c>
      <c r="V205">
        <v>10</v>
      </c>
      <c r="W205">
        <v>10</v>
      </c>
      <c r="X205">
        <v>10</v>
      </c>
      <c r="Y205">
        <v>10</v>
      </c>
      <c r="Z205">
        <v>11</v>
      </c>
      <c r="AA205">
        <v>11</v>
      </c>
      <c r="AB205">
        <v>11</v>
      </c>
      <c r="AC205">
        <v>11</v>
      </c>
      <c r="AD205">
        <v>11</v>
      </c>
      <c r="AE205">
        <v>11</v>
      </c>
      <c r="AF205">
        <v>11</v>
      </c>
      <c r="AG205">
        <v>12</v>
      </c>
      <c r="AH205">
        <v>12</v>
      </c>
      <c r="AI205">
        <v>12</v>
      </c>
      <c r="AJ205">
        <v>12</v>
      </c>
      <c r="AK205">
        <v>12</v>
      </c>
      <c r="AL205">
        <v>12</v>
      </c>
      <c r="AM205">
        <v>12</v>
      </c>
      <c r="AN205">
        <v>12</v>
      </c>
      <c r="AO205">
        <v>12</v>
      </c>
      <c r="AP205">
        <v>12</v>
      </c>
      <c r="AQ205">
        <v>12</v>
      </c>
    </row>
    <row r="206" spans="1:43">
      <c r="A206" t="s">
        <v>229</v>
      </c>
      <c r="B206" t="s">
        <v>230</v>
      </c>
      <c r="C206" t="s">
        <v>219</v>
      </c>
      <c r="D206" t="s">
        <v>220</v>
      </c>
      <c r="E206" t="s">
        <v>102</v>
      </c>
      <c r="F206" t="s">
        <v>103</v>
      </c>
      <c r="G206" t="s">
        <v>80</v>
      </c>
      <c r="H206" t="s">
        <v>81</v>
      </c>
      <c r="I206" s="2">
        <v>0.93</v>
      </c>
      <c r="J206" s="2">
        <v>7.0000000000000007E-2</v>
      </c>
      <c r="K206" s="2">
        <v>0</v>
      </c>
      <c r="L206" t="s">
        <v>120</v>
      </c>
      <c r="M206" t="s">
        <v>83</v>
      </c>
      <c r="N206" t="s">
        <v>84</v>
      </c>
      <c r="O206" t="s">
        <v>85</v>
      </c>
      <c r="P206" t="s">
        <v>86</v>
      </c>
      <c r="Q206">
        <v>16</v>
      </c>
      <c r="R206">
        <v>16</v>
      </c>
      <c r="S206">
        <v>16</v>
      </c>
      <c r="T206">
        <v>17</v>
      </c>
      <c r="U206">
        <v>17</v>
      </c>
      <c r="V206">
        <v>17</v>
      </c>
      <c r="W206">
        <v>17</v>
      </c>
      <c r="X206">
        <v>18</v>
      </c>
      <c r="Y206">
        <v>18</v>
      </c>
      <c r="Z206">
        <v>18</v>
      </c>
      <c r="AA206">
        <v>18</v>
      </c>
      <c r="AB206">
        <v>19</v>
      </c>
      <c r="AC206">
        <v>19</v>
      </c>
      <c r="AD206">
        <v>19</v>
      </c>
      <c r="AE206">
        <v>19</v>
      </c>
      <c r="AF206">
        <v>20</v>
      </c>
      <c r="AG206">
        <v>20</v>
      </c>
      <c r="AH206">
        <v>20</v>
      </c>
      <c r="AI206">
        <v>20</v>
      </c>
      <c r="AJ206">
        <v>21</v>
      </c>
      <c r="AK206">
        <v>21</v>
      </c>
      <c r="AL206">
        <v>21</v>
      </c>
      <c r="AM206">
        <v>21</v>
      </c>
      <c r="AN206">
        <v>21</v>
      </c>
      <c r="AO206">
        <v>21</v>
      </c>
      <c r="AP206">
        <v>21</v>
      </c>
      <c r="AQ206">
        <v>21</v>
      </c>
    </row>
    <row r="207" spans="1:43">
      <c r="A207" t="s">
        <v>229</v>
      </c>
      <c r="B207" t="s">
        <v>230</v>
      </c>
      <c r="C207" t="s">
        <v>219</v>
      </c>
      <c r="D207" t="s">
        <v>220</v>
      </c>
      <c r="E207" t="s">
        <v>102</v>
      </c>
      <c r="F207" t="s">
        <v>103</v>
      </c>
      <c r="G207" t="s">
        <v>80</v>
      </c>
      <c r="H207" t="s">
        <v>81</v>
      </c>
      <c r="I207" s="2">
        <v>0.93</v>
      </c>
      <c r="J207" s="2">
        <v>7.0000000000000007E-2</v>
      </c>
      <c r="K207" s="2">
        <v>0</v>
      </c>
      <c r="L207" t="s">
        <v>120</v>
      </c>
      <c r="M207" t="s">
        <v>87</v>
      </c>
      <c r="N207" t="s">
        <v>88</v>
      </c>
      <c r="O207" t="s">
        <v>85</v>
      </c>
      <c r="P207" t="s">
        <v>86</v>
      </c>
      <c r="Q207">
        <v>16</v>
      </c>
      <c r="R207">
        <v>16</v>
      </c>
      <c r="S207">
        <v>16</v>
      </c>
      <c r="T207">
        <v>16</v>
      </c>
      <c r="U207">
        <v>16</v>
      </c>
      <c r="V207">
        <v>16</v>
      </c>
      <c r="W207">
        <v>16</v>
      </c>
      <c r="X207">
        <v>16</v>
      </c>
      <c r="Y207">
        <v>17</v>
      </c>
      <c r="Z207">
        <v>17</v>
      </c>
      <c r="AA207">
        <v>17</v>
      </c>
      <c r="AB207">
        <v>17</v>
      </c>
      <c r="AC207">
        <v>17</v>
      </c>
      <c r="AD207">
        <v>17</v>
      </c>
      <c r="AE207">
        <v>17</v>
      </c>
      <c r="AF207">
        <v>17</v>
      </c>
      <c r="AG207">
        <v>17</v>
      </c>
      <c r="AH207">
        <v>18</v>
      </c>
      <c r="AI207">
        <v>18</v>
      </c>
      <c r="AJ207">
        <v>18</v>
      </c>
      <c r="AK207">
        <v>18</v>
      </c>
      <c r="AL207">
        <v>18</v>
      </c>
      <c r="AM207">
        <v>18</v>
      </c>
      <c r="AN207">
        <v>18</v>
      </c>
      <c r="AO207">
        <v>18</v>
      </c>
      <c r="AP207">
        <v>18</v>
      </c>
      <c r="AQ207">
        <v>19</v>
      </c>
    </row>
    <row r="208" spans="1:43">
      <c r="A208" t="s">
        <v>229</v>
      </c>
      <c r="B208" t="s">
        <v>230</v>
      </c>
      <c r="C208" t="s">
        <v>219</v>
      </c>
      <c r="D208" t="s">
        <v>220</v>
      </c>
      <c r="E208" t="s">
        <v>102</v>
      </c>
      <c r="F208" t="s">
        <v>103</v>
      </c>
      <c r="G208" t="s">
        <v>80</v>
      </c>
      <c r="H208" t="s">
        <v>81</v>
      </c>
      <c r="I208" s="2">
        <v>0.93</v>
      </c>
      <c r="J208" s="2">
        <v>7.0000000000000007E-2</v>
      </c>
      <c r="K208" s="2">
        <v>0</v>
      </c>
      <c r="L208" t="s">
        <v>120</v>
      </c>
      <c r="M208" t="s">
        <v>89</v>
      </c>
      <c r="N208" t="s">
        <v>90</v>
      </c>
      <c r="O208" t="s">
        <v>85</v>
      </c>
      <c r="P208" t="s">
        <v>86</v>
      </c>
      <c r="Q208">
        <v>16</v>
      </c>
      <c r="R208">
        <v>16</v>
      </c>
      <c r="S208">
        <v>17</v>
      </c>
      <c r="T208">
        <v>17</v>
      </c>
      <c r="U208">
        <v>18</v>
      </c>
      <c r="V208">
        <v>18</v>
      </c>
      <c r="W208">
        <v>18</v>
      </c>
      <c r="X208">
        <v>19</v>
      </c>
      <c r="Y208">
        <v>19</v>
      </c>
      <c r="Z208">
        <v>19</v>
      </c>
      <c r="AA208">
        <v>20</v>
      </c>
      <c r="AB208">
        <v>20</v>
      </c>
      <c r="AC208">
        <v>20</v>
      </c>
      <c r="AD208">
        <v>20</v>
      </c>
      <c r="AE208">
        <v>21</v>
      </c>
      <c r="AF208">
        <v>21</v>
      </c>
      <c r="AG208">
        <v>21</v>
      </c>
      <c r="AH208">
        <v>21</v>
      </c>
      <c r="AI208">
        <v>21</v>
      </c>
      <c r="AJ208">
        <v>21</v>
      </c>
      <c r="AK208">
        <v>21</v>
      </c>
      <c r="AL208">
        <v>21</v>
      </c>
      <c r="AM208">
        <v>21</v>
      </c>
      <c r="AN208">
        <v>21</v>
      </c>
      <c r="AO208">
        <v>21</v>
      </c>
      <c r="AP208">
        <v>21</v>
      </c>
      <c r="AQ208">
        <v>21</v>
      </c>
    </row>
    <row r="209" spans="1:43">
      <c r="A209" t="s">
        <v>229</v>
      </c>
      <c r="B209" t="s">
        <v>230</v>
      </c>
      <c r="C209" t="s">
        <v>219</v>
      </c>
      <c r="D209" t="s">
        <v>220</v>
      </c>
      <c r="E209" t="s">
        <v>102</v>
      </c>
      <c r="F209" t="s">
        <v>103</v>
      </c>
      <c r="G209" t="s">
        <v>80</v>
      </c>
      <c r="H209" t="s">
        <v>81</v>
      </c>
      <c r="I209" s="2">
        <v>0.93</v>
      </c>
      <c r="J209" s="2">
        <v>7.0000000000000007E-2</v>
      </c>
      <c r="K209" s="2">
        <v>0</v>
      </c>
      <c r="L209" t="s">
        <v>120</v>
      </c>
      <c r="M209" t="s">
        <v>83</v>
      </c>
      <c r="N209" t="s">
        <v>91</v>
      </c>
      <c r="O209" t="s">
        <v>85</v>
      </c>
      <c r="P209" t="s">
        <v>86</v>
      </c>
      <c r="Q209">
        <v>16</v>
      </c>
      <c r="R209">
        <v>16</v>
      </c>
      <c r="S209">
        <v>16</v>
      </c>
      <c r="T209">
        <v>17</v>
      </c>
      <c r="U209">
        <v>17</v>
      </c>
      <c r="V209">
        <v>17</v>
      </c>
      <c r="W209">
        <v>17</v>
      </c>
      <c r="X209">
        <v>18</v>
      </c>
      <c r="Y209">
        <v>18</v>
      </c>
      <c r="Z209">
        <v>18</v>
      </c>
      <c r="AA209">
        <v>18</v>
      </c>
      <c r="AB209">
        <v>19</v>
      </c>
      <c r="AC209">
        <v>19</v>
      </c>
      <c r="AD209">
        <v>19</v>
      </c>
      <c r="AE209">
        <v>19</v>
      </c>
      <c r="AF209">
        <v>20</v>
      </c>
      <c r="AG209">
        <v>20</v>
      </c>
      <c r="AH209">
        <v>20</v>
      </c>
      <c r="AI209">
        <v>20</v>
      </c>
      <c r="AJ209">
        <v>21</v>
      </c>
      <c r="AK209">
        <v>21</v>
      </c>
      <c r="AL209">
        <v>21</v>
      </c>
      <c r="AM209">
        <v>21</v>
      </c>
      <c r="AN209">
        <v>21</v>
      </c>
      <c r="AO209">
        <v>21</v>
      </c>
      <c r="AP209">
        <v>21</v>
      </c>
      <c r="AQ209">
        <v>21</v>
      </c>
    </row>
    <row r="210" spans="1:43">
      <c r="A210" t="s">
        <v>231</v>
      </c>
      <c r="B210" t="s">
        <v>232</v>
      </c>
      <c r="C210" t="s">
        <v>118</v>
      </c>
      <c r="D210" t="s">
        <v>119</v>
      </c>
      <c r="E210" t="s">
        <v>102</v>
      </c>
      <c r="F210" t="s">
        <v>103</v>
      </c>
      <c r="G210" t="s">
        <v>80</v>
      </c>
      <c r="H210" t="s">
        <v>81</v>
      </c>
      <c r="I210" s="2">
        <v>1</v>
      </c>
      <c r="J210" s="2">
        <v>0</v>
      </c>
      <c r="K210" s="2">
        <v>0</v>
      </c>
      <c r="L210" t="s">
        <v>120</v>
      </c>
      <c r="M210" t="s">
        <v>83</v>
      </c>
      <c r="N210" t="s">
        <v>84</v>
      </c>
      <c r="O210" t="s">
        <v>85</v>
      </c>
      <c r="P210" t="s">
        <v>86</v>
      </c>
      <c r="Q210">
        <v>4</v>
      </c>
      <c r="R210">
        <v>4</v>
      </c>
      <c r="S210">
        <v>4</v>
      </c>
      <c r="T210">
        <v>4</v>
      </c>
      <c r="U210">
        <v>4</v>
      </c>
      <c r="V210">
        <v>4</v>
      </c>
      <c r="W210">
        <v>4</v>
      </c>
      <c r="X210">
        <v>4</v>
      </c>
      <c r="Y210">
        <v>4</v>
      </c>
      <c r="Z210">
        <v>4</v>
      </c>
      <c r="AA210">
        <v>4</v>
      </c>
      <c r="AB210">
        <v>4</v>
      </c>
      <c r="AC210">
        <v>4</v>
      </c>
      <c r="AD210">
        <v>4</v>
      </c>
      <c r="AE210">
        <v>4</v>
      </c>
      <c r="AF210">
        <v>4</v>
      </c>
      <c r="AG210">
        <v>4</v>
      </c>
      <c r="AH210">
        <v>5</v>
      </c>
      <c r="AI210">
        <v>5</v>
      </c>
      <c r="AJ210">
        <v>5</v>
      </c>
      <c r="AK210">
        <v>5</v>
      </c>
      <c r="AL210">
        <v>5</v>
      </c>
      <c r="AM210">
        <v>5</v>
      </c>
      <c r="AN210">
        <v>5</v>
      </c>
      <c r="AO210">
        <v>5</v>
      </c>
      <c r="AP210">
        <v>5</v>
      </c>
      <c r="AQ210">
        <v>5</v>
      </c>
    </row>
    <row r="211" spans="1:43">
      <c r="A211" t="s">
        <v>231</v>
      </c>
      <c r="B211" t="s">
        <v>232</v>
      </c>
      <c r="C211" t="s">
        <v>118</v>
      </c>
      <c r="D211" t="s">
        <v>119</v>
      </c>
      <c r="E211" t="s">
        <v>102</v>
      </c>
      <c r="F211" t="s">
        <v>103</v>
      </c>
      <c r="G211" t="s">
        <v>80</v>
      </c>
      <c r="H211" t="s">
        <v>81</v>
      </c>
      <c r="I211" s="2">
        <v>1</v>
      </c>
      <c r="J211" s="2">
        <v>0</v>
      </c>
      <c r="K211" s="2">
        <v>0</v>
      </c>
      <c r="L211" t="s">
        <v>120</v>
      </c>
      <c r="M211" t="s">
        <v>87</v>
      </c>
      <c r="N211" t="s">
        <v>88</v>
      </c>
      <c r="O211" t="s">
        <v>85</v>
      </c>
      <c r="P211" t="s">
        <v>86</v>
      </c>
      <c r="Q211">
        <v>4</v>
      </c>
      <c r="R211">
        <v>4</v>
      </c>
      <c r="S211">
        <v>4</v>
      </c>
      <c r="T211">
        <v>4</v>
      </c>
      <c r="U211">
        <v>4</v>
      </c>
      <c r="V211">
        <v>4</v>
      </c>
      <c r="W211">
        <v>4</v>
      </c>
      <c r="X211">
        <v>4</v>
      </c>
      <c r="Y211">
        <v>4</v>
      </c>
      <c r="Z211">
        <v>4</v>
      </c>
      <c r="AA211">
        <v>4</v>
      </c>
      <c r="AB211">
        <v>4</v>
      </c>
      <c r="AC211">
        <v>4</v>
      </c>
      <c r="AD211">
        <v>4</v>
      </c>
      <c r="AE211">
        <v>4</v>
      </c>
      <c r="AF211">
        <v>4</v>
      </c>
      <c r="AG211">
        <v>4</v>
      </c>
      <c r="AH211">
        <v>4</v>
      </c>
      <c r="AI211">
        <v>4</v>
      </c>
      <c r="AJ211">
        <v>4</v>
      </c>
      <c r="AK211">
        <v>4</v>
      </c>
      <c r="AL211">
        <v>4</v>
      </c>
      <c r="AM211">
        <v>4</v>
      </c>
      <c r="AN211">
        <v>4</v>
      </c>
      <c r="AO211">
        <v>4</v>
      </c>
      <c r="AP211">
        <v>4</v>
      </c>
      <c r="AQ211">
        <v>4</v>
      </c>
    </row>
    <row r="212" spans="1:43">
      <c r="A212" t="s">
        <v>231</v>
      </c>
      <c r="B212" t="s">
        <v>232</v>
      </c>
      <c r="C212" t="s">
        <v>118</v>
      </c>
      <c r="D212" t="s">
        <v>119</v>
      </c>
      <c r="E212" t="s">
        <v>102</v>
      </c>
      <c r="F212" t="s">
        <v>103</v>
      </c>
      <c r="G212" t="s">
        <v>80</v>
      </c>
      <c r="H212" t="s">
        <v>81</v>
      </c>
      <c r="I212" s="2">
        <v>1</v>
      </c>
      <c r="J212" s="2">
        <v>0</v>
      </c>
      <c r="K212" s="2">
        <v>0</v>
      </c>
      <c r="L212" t="s">
        <v>120</v>
      </c>
      <c r="M212" t="s">
        <v>89</v>
      </c>
      <c r="N212" t="s">
        <v>90</v>
      </c>
      <c r="O212" t="s">
        <v>85</v>
      </c>
      <c r="P212" t="s">
        <v>86</v>
      </c>
      <c r="Q212">
        <v>4</v>
      </c>
      <c r="R212">
        <v>4</v>
      </c>
      <c r="S212">
        <v>4</v>
      </c>
      <c r="T212">
        <v>4</v>
      </c>
      <c r="U212">
        <v>4</v>
      </c>
      <c r="V212">
        <v>4</v>
      </c>
      <c r="W212">
        <v>4</v>
      </c>
      <c r="X212">
        <v>4</v>
      </c>
      <c r="Y212">
        <v>4</v>
      </c>
      <c r="Z212">
        <v>4</v>
      </c>
      <c r="AA212">
        <v>4</v>
      </c>
      <c r="AB212">
        <v>4</v>
      </c>
      <c r="AC212">
        <v>5</v>
      </c>
      <c r="AD212">
        <v>5</v>
      </c>
      <c r="AE212">
        <v>5</v>
      </c>
      <c r="AF212">
        <v>5</v>
      </c>
      <c r="AG212">
        <v>5</v>
      </c>
      <c r="AH212">
        <v>5</v>
      </c>
      <c r="AI212">
        <v>5</v>
      </c>
      <c r="AJ212">
        <v>5</v>
      </c>
      <c r="AK212">
        <v>5</v>
      </c>
      <c r="AL212">
        <v>5</v>
      </c>
      <c r="AM212">
        <v>5</v>
      </c>
      <c r="AN212">
        <v>5</v>
      </c>
      <c r="AO212">
        <v>5</v>
      </c>
      <c r="AP212">
        <v>5</v>
      </c>
      <c r="AQ212">
        <v>5</v>
      </c>
    </row>
    <row r="213" spans="1:43">
      <c r="A213" t="s">
        <v>231</v>
      </c>
      <c r="B213" t="s">
        <v>232</v>
      </c>
      <c r="C213" t="s">
        <v>118</v>
      </c>
      <c r="D213" t="s">
        <v>119</v>
      </c>
      <c r="E213" t="s">
        <v>102</v>
      </c>
      <c r="F213" t="s">
        <v>103</v>
      </c>
      <c r="G213" t="s">
        <v>80</v>
      </c>
      <c r="H213" t="s">
        <v>81</v>
      </c>
      <c r="I213" s="2">
        <v>1</v>
      </c>
      <c r="J213" s="2">
        <v>0</v>
      </c>
      <c r="K213" s="2">
        <v>0</v>
      </c>
      <c r="L213" t="s">
        <v>120</v>
      </c>
      <c r="M213" t="s">
        <v>83</v>
      </c>
      <c r="N213" t="s">
        <v>91</v>
      </c>
      <c r="O213" t="s">
        <v>85</v>
      </c>
      <c r="P213" t="s">
        <v>86</v>
      </c>
      <c r="Q213">
        <v>4</v>
      </c>
      <c r="R213">
        <v>4</v>
      </c>
      <c r="S213">
        <v>4</v>
      </c>
      <c r="T213">
        <v>4</v>
      </c>
      <c r="U213">
        <v>4</v>
      </c>
      <c r="V213">
        <v>4</v>
      </c>
      <c r="W213">
        <v>4</v>
      </c>
      <c r="X213">
        <v>4</v>
      </c>
      <c r="Y213">
        <v>4</v>
      </c>
      <c r="Z213">
        <v>4</v>
      </c>
      <c r="AA213">
        <v>4</v>
      </c>
      <c r="AB213">
        <v>4</v>
      </c>
      <c r="AC213">
        <v>4</v>
      </c>
      <c r="AD213">
        <v>4</v>
      </c>
      <c r="AE213">
        <v>4</v>
      </c>
      <c r="AF213">
        <v>4</v>
      </c>
      <c r="AG213">
        <v>4</v>
      </c>
      <c r="AH213">
        <v>5</v>
      </c>
      <c r="AI213">
        <v>5</v>
      </c>
      <c r="AJ213">
        <v>5</v>
      </c>
      <c r="AK213">
        <v>5</v>
      </c>
      <c r="AL213">
        <v>5</v>
      </c>
      <c r="AM213">
        <v>5</v>
      </c>
      <c r="AN213">
        <v>5</v>
      </c>
      <c r="AO213">
        <v>5</v>
      </c>
      <c r="AP213">
        <v>5</v>
      </c>
      <c r="AQ213">
        <v>5</v>
      </c>
    </row>
    <row r="214" spans="1:43">
      <c r="A214" t="s">
        <v>233</v>
      </c>
      <c r="B214" t="s">
        <v>234</v>
      </c>
      <c r="C214" t="s">
        <v>167</v>
      </c>
      <c r="D214" t="s">
        <v>168</v>
      </c>
      <c r="E214" t="s">
        <v>102</v>
      </c>
      <c r="F214" t="s">
        <v>103</v>
      </c>
      <c r="G214" t="s">
        <v>80</v>
      </c>
      <c r="H214" t="s">
        <v>81</v>
      </c>
      <c r="I214" s="2">
        <v>1</v>
      </c>
      <c r="J214" s="2">
        <v>0</v>
      </c>
      <c r="K214" s="2">
        <v>0</v>
      </c>
      <c r="L214" t="s">
        <v>120</v>
      </c>
      <c r="M214" t="s">
        <v>83</v>
      </c>
      <c r="N214" t="s">
        <v>84</v>
      </c>
      <c r="O214" t="s">
        <v>85</v>
      </c>
      <c r="P214" t="s">
        <v>86</v>
      </c>
      <c r="Q214">
        <v>48</v>
      </c>
      <c r="R214">
        <v>49</v>
      </c>
      <c r="S214">
        <v>50</v>
      </c>
      <c r="T214">
        <v>51</v>
      </c>
      <c r="U214">
        <v>51</v>
      </c>
      <c r="V214">
        <v>52</v>
      </c>
      <c r="W214">
        <v>53</v>
      </c>
      <c r="X214">
        <v>54</v>
      </c>
      <c r="Y214">
        <v>55</v>
      </c>
      <c r="Z214">
        <v>55</v>
      </c>
      <c r="AA214">
        <v>56</v>
      </c>
      <c r="AB214">
        <v>57</v>
      </c>
      <c r="AC214">
        <v>58</v>
      </c>
      <c r="AD214">
        <v>58</v>
      </c>
      <c r="AE214">
        <v>59</v>
      </c>
      <c r="AF214">
        <v>60</v>
      </c>
      <c r="AG214">
        <v>60</v>
      </c>
      <c r="AH214">
        <v>61</v>
      </c>
      <c r="AI214">
        <v>62</v>
      </c>
      <c r="AJ214">
        <v>63</v>
      </c>
      <c r="AK214">
        <v>63</v>
      </c>
      <c r="AL214">
        <v>64</v>
      </c>
      <c r="AM214">
        <v>64</v>
      </c>
      <c r="AN214">
        <v>64</v>
      </c>
      <c r="AO214">
        <v>64</v>
      </c>
      <c r="AP214">
        <v>64</v>
      </c>
      <c r="AQ214">
        <v>64</v>
      </c>
    </row>
    <row r="215" spans="1:43">
      <c r="A215" t="s">
        <v>233</v>
      </c>
      <c r="B215" t="s">
        <v>234</v>
      </c>
      <c r="C215" t="s">
        <v>167</v>
      </c>
      <c r="D215" t="s">
        <v>168</v>
      </c>
      <c r="E215" t="s">
        <v>102</v>
      </c>
      <c r="F215" t="s">
        <v>103</v>
      </c>
      <c r="G215" t="s">
        <v>80</v>
      </c>
      <c r="H215" t="s">
        <v>81</v>
      </c>
      <c r="I215" s="2">
        <v>1</v>
      </c>
      <c r="J215" s="2">
        <v>0</v>
      </c>
      <c r="K215" s="2">
        <v>0</v>
      </c>
      <c r="L215" t="s">
        <v>120</v>
      </c>
      <c r="M215" t="s">
        <v>87</v>
      </c>
      <c r="N215" t="s">
        <v>88</v>
      </c>
      <c r="O215" t="s">
        <v>85</v>
      </c>
      <c r="P215" t="s">
        <v>86</v>
      </c>
      <c r="Q215">
        <v>48</v>
      </c>
      <c r="R215">
        <v>48</v>
      </c>
      <c r="S215">
        <v>48</v>
      </c>
      <c r="T215">
        <v>49</v>
      </c>
      <c r="U215">
        <v>49</v>
      </c>
      <c r="V215">
        <v>50</v>
      </c>
      <c r="W215">
        <v>50</v>
      </c>
      <c r="X215">
        <v>50</v>
      </c>
      <c r="Y215">
        <v>51</v>
      </c>
      <c r="Z215">
        <v>51</v>
      </c>
      <c r="AA215">
        <v>51</v>
      </c>
      <c r="AB215">
        <v>52</v>
      </c>
      <c r="AC215">
        <v>52</v>
      </c>
      <c r="AD215">
        <v>52</v>
      </c>
      <c r="AE215">
        <v>53</v>
      </c>
      <c r="AF215">
        <v>53</v>
      </c>
      <c r="AG215">
        <v>53</v>
      </c>
      <c r="AH215">
        <v>54</v>
      </c>
      <c r="AI215">
        <v>54</v>
      </c>
      <c r="AJ215">
        <v>54</v>
      </c>
      <c r="AK215">
        <v>55</v>
      </c>
      <c r="AL215">
        <v>55</v>
      </c>
      <c r="AM215">
        <v>55</v>
      </c>
      <c r="AN215">
        <v>56</v>
      </c>
      <c r="AO215">
        <v>56</v>
      </c>
      <c r="AP215">
        <v>56</v>
      </c>
      <c r="AQ215">
        <v>57</v>
      </c>
    </row>
    <row r="216" spans="1:43">
      <c r="A216" t="s">
        <v>233</v>
      </c>
      <c r="B216" t="s">
        <v>234</v>
      </c>
      <c r="C216" t="s">
        <v>167</v>
      </c>
      <c r="D216" t="s">
        <v>168</v>
      </c>
      <c r="E216" t="s">
        <v>102</v>
      </c>
      <c r="F216" t="s">
        <v>103</v>
      </c>
      <c r="G216" t="s">
        <v>80</v>
      </c>
      <c r="H216" t="s">
        <v>81</v>
      </c>
      <c r="I216" s="2">
        <v>1</v>
      </c>
      <c r="J216" s="2">
        <v>0</v>
      </c>
      <c r="K216" s="2">
        <v>0</v>
      </c>
      <c r="L216" t="s">
        <v>120</v>
      </c>
      <c r="M216" t="s">
        <v>89</v>
      </c>
      <c r="N216" t="s">
        <v>90</v>
      </c>
      <c r="O216" t="s">
        <v>85</v>
      </c>
      <c r="P216" t="s">
        <v>86</v>
      </c>
      <c r="Q216">
        <v>48</v>
      </c>
      <c r="R216">
        <v>49</v>
      </c>
      <c r="S216">
        <v>50</v>
      </c>
      <c r="T216">
        <v>51</v>
      </c>
      <c r="U216">
        <v>52</v>
      </c>
      <c r="V216">
        <v>54</v>
      </c>
      <c r="W216">
        <v>55</v>
      </c>
      <c r="X216">
        <v>56</v>
      </c>
      <c r="Y216">
        <v>57</v>
      </c>
      <c r="Z216">
        <v>58</v>
      </c>
      <c r="AA216">
        <v>58</v>
      </c>
      <c r="AB216">
        <v>59</v>
      </c>
      <c r="AC216">
        <v>60</v>
      </c>
      <c r="AD216">
        <v>61</v>
      </c>
      <c r="AE216">
        <v>62</v>
      </c>
      <c r="AF216">
        <v>62</v>
      </c>
      <c r="AG216">
        <v>62</v>
      </c>
      <c r="AH216">
        <v>63</v>
      </c>
      <c r="AI216">
        <v>63</v>
      </c>
      <c r="AJ216">
        <v>63</v>
      </c>
      <c r="AK216">
        <v>63</v>
      </c>
      <c r="AL216">
        <v>63</v>
      </c>
      <c r="AM216">
        <v>63</v>
      </c>
      <c r="AN216">
        <v>63</v>
      </c>
      <c r="AO216">
        <v>64</v>
      </c>
      <c r="AP216">
        <v>64</v>
      </c>
      <c r="AQ216">
        <v>64</v>
      </c>
    </row>
    <row r="217" spans="1:43">
      <c r="A217" t="s">
        <v>233</v>
      </c>
      <c r="B217" t="s">
        <v>234</v>
      </c>
      <c r="C217" t="s">
        <v>167</v>
      </c>
      <c r="D217" t="s">
        <v>168</v>
      </c>
      <c r="E217" t="s">
        <v>102</v>
      </c>
      <c r="F217" t="s">
        <v>103</v>
      </c>
      <c r="G217" t="s">
        <v>80</v>
      </c>
      <c r="H217" t="s">
        <v>81</v>
      </c>
      <c r="I217" s="2">
        <v>1</v>
      </c>
      <c r="J217" s="2">
        <v>0</v>
      </c>
      <c r="K217" s="2">
        <v>0</v>
      </c>
      <c r="L217" t="s">
        <v>120</v>
      </c>
      <c r="M217" t="s">
        <v>83</v>
      </c>
      <c r="N217" t="s">
        <v>91</v>
      </c>
      <c r="O217" t="s">
        <v>85</v>
      </c>
      <c r="P217" t="s">
        <v>86</v>
      </c>
      <c r="Q217">
        <v>48</v>
      </c>
      <c r="R217">
        <v>49</v>
      </c>
      <c r="S217">
        <v>50</v>
      </c>
      <c r="T217">
        <v>51</v>
      </c>
      <c r="U217">
        <v>51</v>
      </c>
      <c r="V217">
        <v>52</v>
      </c>
      <c r="W217">
        <v>53</v>
      </c>
      <c r="X217">
        <v>54</v>
      </c>
      <c r="Y217">
        <v>55</v>
      </c>
      <c r="Z217">
        <v>55</v>
      </c>
      <c r="AA217">
        <v>56</v>
      </c>
      <c r="AB217">
        <v>57</v>
      </c>
      <c r="AC217">
        <v>58</v>
      </c>
      <c r="AD217">
        <v>58</v>
      </c>
      <c r="AE217">
        <v>59</v>
      </c>
      <c r="AF217">
        <v>60</v>
      </c>
      <c r="AG217">
        <v>60</v>
      </c>
      <c r="AH217">
        <v>61</v>
      </c>
      <c r="AI217">
        <v>62</v>
      </c>
      <c r="AJ217">
        <v>63</v>
      </c>
      <c r="AK217">
        <v>63</v>
      </c>
      <c r="AL217">
        <v>64</v>
      </c>
      <c r="AM217">
        <v>64</v>
      </c>
      <c r="AN217">
        <v>64</v>
      </c>
      <c r="AO217">
        <v>64</v>
      </c>
      <c r="AP217">
        <v>64</v>
      </c>
      <c r="AQ217">
        <v>64</v>
      </c>
    </row>
    <row r="218" spans="1:43">
      <c r="A218" t="s">
        <v>235</v>
      </c>
      <c r="B218" t="s">
        <v>236</v>
      </c>
      <c r="C218" t="s">
        <v>167</v>
      </c>
      <c r="D218" t="s">
        <v>168</v>
      </c>
      <c r="E218" t="s">
        <v>102</v>
      </c>
      <c r="F218" t="s">
        <v>103</v>
      </c>
      <c r="G218" t="s">
        <v>80</v>
      </c>
      <c r="H218" t="s">
        <v>81</v>
      </c>
      <c r="I218" s="2">
        <v>1</v>
      </c>
      <c r="J218" s="2">
        <v>0</v>
      </c>
      <c r="K218" s="2">
        <v>0</v>
      </c>
      <c r="L218" t="s">
        <v>120</v>
      </c>
      <c r="M218" t="s">
        <v>83</v>
      </c>
      <c r="N218" t="s">
        <v>84</v>
      </c>
      <c r="O218" t="s">
        <v>85</v>
      </c>
      <c r="P218" t="s">
        <v>86</v>
      </c>
      <c r="Q218">
        <v>71</v>
      </c>
      <c r="R218">
        <v>72</v>
      </c>
      <c r="S218">
        <v>73</v>
      </c>
      <c r="T218">
        <v>74</v>
      </c>
      <c r="U218">
        <v>76</v>
      </c>
      <c r="V218">
        <v>77</v>
      </c>
      <c r="W218">
        <v>78</v>
      </c>
      <c r="X218">
        <v>79</v>
      </c>
      <c r="Y218">
        <v>80</v>
      </c>
      <c r="Z218">
        <v>81</v>
      </c>
      <c r="AA218">
        <v>82</v>
      </c>
      <c r="AB218">
        <v>83</v>
      </c>
      <c r="AC218">
        <v>85</v>
      </c>
      <c r="AD218">
        <v>86</v>
      </c>
      <c r="AE218">
        <v>87</v>
      </c>
      <c r="AF218">
        <v>88</v>
      </c>
      <c r="AG218">
        <v>89</v>
      </c>
      <c r="AH218">
        <v>90</v>
      </c>
      <c r="AI218">
        <v>91</v>
      </c>
      <c r="AJ218">
        <v>92</v>
      </c>
      <c r="AK218">
        <v>93</v>
      </c>
      <c r="AL218">
        <v>94</v>
      </c>
      <c r="AM218">
        <v>94</v>
      </c>
      <c r="AN218">
        <v>94</v>
      </c>
      <c r="AO218">
        <v>94</v>
      </c>
      <c r="AP218">
        <v>94</v>
      </c>
      <c r="AQ218">
        <v>95</v>
      </c>
    </row>
    <row r="219" spans="1:43">
      <c r="A219" t="s">
        <v>235</v>
      </c>
      <c r="B219" t="s">
        <v>236</v>
      </c>
      <c r="C219" t="s">
        <v>167</v>
      </c>
      <c r="D219" t="s">
        <v>168</v>
      </c>
      <c r="E219" t="s">
        <v>102</v>
      </c>
      <c r="F219" t="s">
        <v>103</v>
      </c>
      <c r="G219" t="s">
        <v>80</v>
      </c>
      <c r="H219" t="s">
        <v>81</v>
      </c>
      <c r="I219" s="2">
        <v>1</v>
      </c>
      <c r="J219" s="2">
        <v>0</v>
      </c>
      <c r="K219" s="2">
        <v>0</v>
      </c>
      <c r="L219" t="s">
        <v>120</v>
      </c>
      <c r="M219" t="s">
        <v>87</v>
      </c>
      <c r="N219" t="s">
        <v>88</v>
      </c>
      <c r="O219" t="s">
        <v>85</v>
      </c>
      <c r="P219" t="s">
        <v>86</v>
      </c>
      <c r="Q219">
        <v>71</v>
      </c>
      <c r="R219">
        <v>72</v>
      </c>
      <c r="S219">
        <v>72</v>
      </c>
      <c r="T219">
        <v>73</v>
      </c>
      <c r="U219">
        <v>73</v>
      </c>
      <c r="V219">
        <v>74</v>
      </c>
      <c r="W219">
        <v>74</v>
      </c>
      <c r="X219">
        <v>75</v>
      </c>
      <c r="Y219">
        <v>75</v>
      </c>
      <c r="Z219">
        <v>76</v>
      </c>
      <c r="AA219">
        <v>76</v>
      </c>
      <c r="AB219">
        <v>77</v>
      </c>
      <c r="AC219">
        <v>77</v>
      </c>
      <c r="AD219">
        <v>78</v>
      </c>
      <c r="AE219">
        <v>78</v>
      </c>
      <c r="AF219">
        <v>79</v>
      </c>
      <c r="AG219">
        <v>79</v>
      </c>
      <c r="AH219">
        <v>80</v>
      </c>
      <c r="AI219">
        <v>80</v>
      </c>
      <c r="AJ219">
        <v>81</v>
      </c>
      <c r="AK219">
        <v>81</v>
      </c>
      <c r="AL219">
        <v>81</v>
      </c>
      <c r="AM219">
        <v>82</v>
      </c>
      <c r="AN219">
        <v>82</v>
      </c>
      <c r="AO219">
        <v>83</v>
      </c>
      <c r="AP219">
        <v>83</v>
      </c>
      <c r="AQ219">
        <v>84</v>
      </c>
    </row>
    <row r="220" spans="1:43">
      <c r="A220" t="s">
        <v>235</v>
      </c>
      <c r="B220" t="s">
        <v>236</v>
      </c>
      <c r="C220" t="s">
        <v>167</v>
      </c>
      <c r="D220" t="s">
        <v>168</v>
      </c>
      <c r="E220" t="s">
        <v>102</v>
      </c>
      <c r="F220" t="s">
        <v>103</v>
      </c>
      <c r="G220" t="s">
        <v>80</v>
      </c>
      <c r="H220" t="s">
        <v>81</v>
      </c>
      <c r="I220" s="2">
        <v>1</v>
      </c>
      <c r="J220" s="2">
        <v>0</v>
      </c>
      <c r="K220" s="2">
        <v>0</v>
      </c>
      <c r="L220" t="s">
        <v>120</v>
      </c>
      <c r="M220" t="s">
        <v>89</v>
      </c>
      <c r="N220" t="s">
        <v>90</v>
      </c>
      <c r="O220" t="s">
        <v>85</v>
      </c>
      <c r="P220" t="s">
        <v>86</v>
      </c>
      <c r="Q220">
        <v>71</v>
      </c>
      <c r="R220">
        <v>72</v>
      </c>
      <c r="S220">
        <v>74</v>
      </c>
      <c r="T220">
        <v>76</v>
      </c>
      <c r="U220">
        <v>78</v>
      </c>
      <c r="V220">
        <v>79</v>
      </c>
      <c r="W220">
        <v>81</v>
      </c>
      <c r="X220">
        <v>82</v>
      </c>
      <c r="Y220">
        <v>84</v>
      </c>
      <c r="Z220">
        <v>85</v>
      </c>
      <c r="AA220">
        <v>86</v>
      </c>
      <c r="AB220">
        <v>88</v>
      </c>
      <c r="AC220">
        <v>89</v>
      </c>
      <c r="AD220">
        <v>91</v>
      </c>
      <c r="AE220">
        <v>92</v>
      </c>
      <c r="AF220">
        <v>92</v>
      </c>
      <c r="AG220">
        <v>92</v>
      </c>
      <c r="AH220">
        <v>92</v>
      </c>
      <c r="AI220">
        <v>93</v>
      </c>
      <c r="AJ220">
        <v>93</v>
      </c>
      <c r="AK220">
        <v>93</v>
      </c>
      <c r="AL220">
        <v>93</v>
      </c>
      <c r="AM220">
        <v>94</v>
      </c>
      <c r="AN220">
        <v>94</v>
      </c>
      <c r="AO220">
        <v>94</v>
      </c>
      <c r="AP220">
        <v>94</v>
      </c>
      <c r="AQ220">
        <v>94</v>
      </c>
    </row>
    <row r="221" spans="1:43">
      <c r="A221" t="s">
        <v>235</v>
      </c>
      <c r="B221" t="s">
        <v>236</v>
      </c>
      <c r="C221" t="s">
        <v>167</v>
      </c>
      <c r="D221" t="s">
        <v>168</v>
      </c>
      <c r="E221" t="s">
        <v>102</v>
      </c>
      <c r="F221" t="s">
        <v>103</v>
      </c>
      <c r="G221" t="s">
        <v>80</v>
      </c>
      <c r="H221" t="s">
        <v>81</v>
      </c>
      <c r="I221" s="2">
        <v>1</v>
      </c>
      <c r="J221" s="2">
        <v>0</v>
      </c>
      <c r="K221" s="2">
        <v>0</v>
      </c>
      <c r="L221" t="s">
        <v>120</v>
      </c>
      <c r="M221" t="s">
        <v>83</v>
      </c>
      <c r="N221" t="s">
        <v>91</v>
      </c>
      <c r="O221" t="s">
        <v>85</v>
      </c>
      <c r="P221" t="s">
        <v>86</v>
      </c>
      <c r="Q221">
        <v>71</v>
      </c>
      <c r="R221">
        <v>72</v>
      </c>
      <c r="S221">
        <v>73</v>
      </c>
      <c r="T221">
        <v>74</v>
      </c>
      <c r="U221">
        <v>76</v>
      </c>
      <c r="V221">
        <v>77</v>
      </c>
      <c r="W221">
        <v>78</v>
      </c>
      <c r="X221">
        <v>79</v>
      </c>
      <c r="Y221">
        <v>80</v>
      </c>
      <c r="Z221">
        <v>81</v>
      </c>
      <c r="AA221">
        <v>82</v>
      </c>
      <c r="AB221">
        <v>83</v>
      </c>
      <c r="AC221">
        <v>85</v>
      </c>
      <c r="AD221">
        <v>86</v>
      </c>
      <c r="AE221">
        <v>87</v>
      </c>
      <c r="AF221">
        <v>88</v>
      </c>
      <c r="AG221">
        <v>89</v>
      </c>
      <c r="AH221">
        <v>90</v>
      </c>
      <c r="AI221">
        <v>91</v>
      </c>
      <c r="AJ221">
        <v>92</v>
      </c>
      <c r="AK221">
        <v>93</v>
      </c>
      <c r="AL221">
        <v>94</v>
      </c>
      <c r="AM221">
        <v>94</v>
      </c>
      <c r="AN221">
        <v>94</v>
      </c>
      <c r="AO221">
        <v>94</v>
      </c>
      <c r="AP221">
        <v>94</v>
      </c>
      <c r="AQ221">
        <v>95</v>
      </c>
    </row>
    <row r="222" spans="1:43">
      <c r="A222" t="s">
        <v>237</v>
      </c>
      <c r="B222" t="s">
        <v>238</v>
      </c>
      <c r="C222" t="s">
        <v>167</v>
      </c>
      <c r="D222" t="s">
        <v>168</v>
      </c>
      <c r="E222" t="s">
        <v>102</v>
      </c>
      <c r="F222" t="s">
        <v>103</v>
      </c>
      <c r="G222" t="s">
        <v>80</v>
      </c>
      <c r="H222" t="s">
        <v>81</v>
      </c>
      <c r="I222" s="2">
        <v>1</v>
      </c>
      <c r="J222" s="2">
        <v>0</v>
      </c>
      <c r="K222" s="2">
        <v>0</v>
      </c>
      <c r="L222" t="s">
        <v>120</v>
      </c>
      <c r="M222" t="s">
        <v>83</v>
      </c>
      <c r="N222" t="s">
        <v>84</v>
      </c>
      <c r="O222" t="s">
        <v>85</v>
      </c>
      <c r="P222" t="s">
        <v>86</v>
      </c>
      <c r="Q222">
        <v>14</v>
      </c>
      <c r="R222">
        <v>14</v>
      </c>
      <c r="S222">
        <v>14</v>
      </c>
      <c r="T222">
        <v>15</v>
      </c>
      <c r="U222">
        <v>15</v>
      </c>
      <c r="V222">
        <v>15</v>
      </c>
      <c r="W222">
        <v>15</v>
      </c>
      <c r="X222">
        <v>15</v>
      </c>
      <c r="Y222">
        <v>16</v>
      </c>
      <c r="Z222">
        <v>16</v>
      </c>
      <c r="AA222">
        <v>16</v>
      </c>
      <c r="AB222">
        <v>16</v>
      </c>
      <c r="AC222">
        <v>17</v>
      </c>
      <c r="AD222">
        <v>17</v>
      </c>
      <c r="AE222">
        <v>17</v>
      </c>
      <c r="AF222">
        <v>17</v>
      </c>
      <c r="AG222">
        <v>17</v>
      </c>
      <c r="AH222">
        <v>18</v>
      </c>
      <c r="AI222">
        <v>18</v>
      </c>
      <c r="AJ222">
        <v>18</v>
      </c>
      <c r="AK222">
        <v>18</v>
      </c>
      <c r="AL222">
        <v>18</v>
      </c>
      <c r="AM222">
        <v>18</v>
      </c>
      <c r="AN222">
        <v>18</v>
      </c>
      <c r="AO222">
        <v>18</v>
      </c>
      <c r="AP222">
        <v>18</v>
      </c>
      <c r="AQ222">
        <v>19</v>
      </c>
    </row>
    <row r="223" spans="1:43">
      <c r="A223" t="s">
        <v>237</v>
      </c>
      <c r="B223" t="s">
        <v>238</v>
      </c>
      <c r="C223" t="s">
        <v>167</v>
      </c>
      <c r="D223" t="s">
        <v>168</v>
      </c>
      <c r="E223" t="s">
        <v>102</v>
      </c>
      <c r="F223" t="s">
        <v>103</v>
      </c>
      <c r="G223" t="s">
        <v>80</v>
      </c>
      <c r="H223" t="s">
        <v>81</v>
      </c>
      <c r="I223" s="2">
        <v>1</v>
      </c>
      <c r="J223" s="2">
        <v>0</v>
      </c>
      <c r="K223" s="2">
        <v>0</v>
      </c>
      <c r="L223" t="s">
        <v>120</v>
      </c>
      <c r="M223" t="s">
        <v>87</v>
      </c>
      <c r="N223" t="s">
        <v>88</v>
      </c>
      <c r="O223" t="s">
        <v>85</v>
      </c>
      <c r="P223" t="s">
        <v>86</v>
      </c>
      <c r="Q223">
        <v>14</v>
      </c>
      <c r="R223">
        <v>14</v>
      </c>
      <c r="S223">
        <v>14</v>
      </c>
      <c r="T223">
        <v>14</v>
      </c>
      <c r="U223">
        <v>14</v>
      </c>
      <c r="V223">
        <v>14</v>
      </c>
      <c r="W223">
        <v>14</v>
      </c>
      <c r="X223">
        <v>14</v>
      </c>
      <c r="Y223">
        <v>15</v>
      </c>
      <c r="Z223">
        <v>15</v>
      </c>
      <c r="AA223">
        <v>15</v>
      </c>
      <c r="AB223">
        <v>15</v>
      </c>
      <c r="AC223">
        <v>15</v>
      </c>
      <c r="AD223">
        <v>15</v>
      </c>
      <c r="AE223">
        <v>15</v>
      </c>
      <c r="AF223">
        <v>15</v>
      </c>
      <c r="AG223">
        <v>15</v>
      </c>
      <c r="AH223">
        <v>15</v>
      </c>
      <c r="AI223">
        <v>16</v>
      </c>
      <c r="AJ223">
        <v>16</v>
      </c>
      <c r="AK223">
        <v>16</v>
      </c>
      <c r="AL223">
        <v>16</v>
      </c>
      <c r="AM223">
        <v>16</v>
      </c>
      <c r="AN223">
        <v>16</v>
      </c>
      <c r="AO223">
        <v>16</v>
      </c>
      <c r="AP223">
        <v>16</v>
      </c>
      <c r="AQ223">
        <v>16</v>
      </c>
    </row>
    <row r="224" spans="1:43">
      <c r="A224" t="s">
        <v>237</v>
      </c>
      <c r="B224" t="s">
        <v>238</v>
      </c>
      <c r="C224" t="s">
        <v>167</v>
      </c>
      <c r="D224" t="s">
        <v>168</v>
      </c>
      <c r="E224" t="s">
        <v>102</v>
      </c>
      <c r="F224" t="s">
        <v>103</v>
      </c>
      <c r="G224" t="s">
        <v>80</v>
      </c>
      <c r="H224" t="s">
        <v>81</v>
      </c>
      <c r="I224" s="2">
        <v>1</v>
      </c>
      <c r="J224" s="2">
        <v>0</v>
      </c>
      <c r="K224" s="2">
        <v>0</v>
      </c>
      <c r="L224" t="s">
        <v>120</v>
      </c>
      <c r="M224" t="s">
        <v>89</v>
      </c>
      <c r="N224" t="s">
        <v>90</v>
      </c>
      <c r="O224" t="s">
        <v>85</v>
      </c>
      <c r="P224" t="s">
        <v>86</v>
      </c>
      <c r="Q224">
        <v>14</v>
      </c>
      <c r="R224">
        <v>14</v>
      </c>
      <c r="S224">
        <v>15</v>
      </c>
      <c r="T224">
        <v>15</v>
      </c>
      <c r="U224">
        <v>15</v>
      </c>
      <c r="V224">
        <v>16</v>
      </c>
      <c r="W224">
        <v>16</v>
      </c>
      <c r="X224">
        <v>16</v>
      </c>
      <c r="Y224">
        <v>17</v>
      </c>
      <c r="Z224">
        <v>17</v>
      </c>
      <c r="AA224">
        <v>17</v>
      </c>
      <c r="AB224">
        <v>17</v>
      </c>
      <c r="AC224">
        <v>18</v>
      </c>
      <c r="AD224">
        <v>18</v>
      </c>
      <c r="AE224">
        <v>18</v>
      </c>
      <c r="AF224">
        <v>18</v>
      </c>
      <c r="AG224">
        <v>18</v>
      </c>
      <c r="AH224">
        <v>18</v>
      </c>
      <c r="AI224">
        <v>18</v>
      </c>
      <c r="AJ224">
        <v>18</v>
      </c>
      <c r="AK224">
        <v>18</v>
      </c>
      <c r="AL224">
        <v>18</v>
      </c>
      <c r="AM224">
        <v>18</v>
      </c>
      <c r="AN224">
        <v>19</v>
      </c>
      <c r="AO224">
        <v>19</v>
      </c>
      <c r="AP224">
        <v>19</v>
      </c>
      <c r="AQ224">
        <v>19</v>
      </c>
    </row>
    <row r="225" spans="1:43">
      <c r="A225" t="s">
        <v>237</v>
      </c>
      <c r="B225" t="s">
        <v>238</v>
      </c>
      <c r="C225" t="s">
        <v>167</v>
      </c>
      <c r="D225" t="s">
        <v>168</v>
      </c>
      <c r="E225" t="s">
        <v>102</v>
      </c>
      <c r="F225" t="s">
        <v>103</v>
      </c>
      <c r="G225" t="s">
        <v>80</v>
      </c>
      <c r="H225" t="s">
        <v>81</v>
      </c>
      <c r="I225" s="2">
        <v>1</v>
      </c>
      <c r="J225" s="2">
        <v>0</v>
      </c>
      <c r="K225" s="2">
        <v>0</v>
      </c>
      <c r="L225" t="s">
        <v>120</v>
      </c>
      <c r="M225" t="s">
        <v>83</v>
      </c>
      <c r="N225" t="s">
        <v>91</v>
      </c>
      <c r="O225" t="s">
        <v>85</v>
      </c>
      <c r="P225" t="s">
        <v>86</v>
      </c>
      <c r="Q225">
        <v>14</v>
      </c>
      <c r="R225">
        <v>14</v>
      </c>
      <c r="S225">
        <v>14</v>
      </c>
      <c r="T225">
        <v>15</v>
      </c>
      <c r="U225">
        <v>15</v>
      </c>
      <c r="V225">
        <v>15</v>
      </c>
      <c r="W225">
        <v>15</v>
      </c>
      <c r="X225">
        <v>15</v>
      </c>
      <c r="Y225">
        <v>16</v>
      </c>
      <c r="Z225">
        <v>16</v>
      </c>
      <c r="AA225">
        <v>16</v>
      </c>
      <c r="AB225">
        <v>16</v>
      </c>
      <c r="AC225">
        <v>17</v>
      </c>
      <c r="AD225">
        <v>17</v>
      </c>
      <c r="AE225">
        <v>17</v>
      </c>
      <c r="AF225">
        <v>17</v>
      </c>
      <c r="AG225">
        <v>17</v>
      </c>
      <c r="AH225">
        <v>18</v>
      </c>
      <c r="AI225">
        <v>18</v>
      </c>
      <c r="AJ225">
        <v>18</v>
      </c>
      <c r="AK225">
        <v>18</v>
      </c>
      <c r="AL225">
        <v>18</v>
      </c>
      <c r="AM225">
        <v>18</v>
      </c>
      <c r="AN225">
        <v>18</v>
      </c>
      <c r="AO225">
        <v>18</v>
      </c>
      <c r="AP225">
        <v>18</v>
      </c>
      <c r="AQ225">
        <v>19</v>
      </c>
    </row>
    <row r="226" spans="1:43">
      <c r="A226" t="s">
        <v>239</v>
      </c>
      <c r="B226" t="s">
        <v>240</v>
      </c>
      <c r="C226" t="s">
        <v>241</v>
      </c>
      <c r="D226" t="s">
        <v>242</v>
      </c>
      <c r="E226" t="s">
        <v>102</v>
      </c>
      <c r="F226" t="s">
        <v>103</v>
      </c>
      <c r="G226" t="s">
        <v>80</v>
      </c>
      <c r="H226" t="s">
        <v>81</v>
      </c>
      <c r="I226" s="2">
        <v>1</v>
      </c>
      <c r="J226" s="2">
        <v>0</v>
      </c>
      <c r="K226" s="2">
        <v>0</v>
      </c>
      <c r="L226" t="s">
        <v>120</v>
      </c>
      <c r="M226" t="s">
        <v>83</v>
      </c>
      <c r="N226" t="s">
        <v>84</v>
      </c>
      <c r="O226" t="s">
        <v>85</v>
      </c>
      <c r="P226" t="s">
        <v>86</v>
      </c>
      <c r="Q226">
        <v>11</v>
      </c>
      <c r="R226">
        <v>11</v>
      </c>
      <c r="S226">
        <v>11</v>
      </c>
      <c r="T226">
        <v>11</v>
      </c>
      <c r="U226">
        <v>12</v>
      </c>
      <c r="V226">
        <v>12</v>
      </c>
      <c r="W226">
        <v>12</v>
      </c>
      <c r="X226">
        <v>12</v>
      </c>
      <c r="Y226">
        <v>12</v>
      </c>
      <c r="Z226">
        <v>12</v>
      </c>
      <c r="AA226">
        <v>13</v>
      </c>
      <c r="AB226">
        <v>13</v>
      </c>
      <c r="AC226">
        <v>13</v>
      </c>
      <c r="AD226">
        <v>13</v>
      </c>
      <c r="AE226">
        <v>13</v>
      </c>
      <c r="AF226">
        <v>13</v>
      </c>
      <c r="AG226">
        <v>14</v>
      </c>
      <c r="AH226">
        <v>14</v>
      </c>
      <c r="AI226">
        <v>14</v>
      </c>
      <c r="AJ226">
        <v>14</v>
      </c>
      <c r="AK226">
        <v>14</v>
      </c>
      <c r="AL226">
        <v>14</v>
      </c>
      <c r="AM226">
        <v>14</v>
      </c>
      <c r="AN226">
        <v>14</v>
      </c>
      <c r="AO226">
        <v>14</v>
      </c>
      <c r="AP226">
        <v>14</v>
      </c>
      <c r="AQ226">
        <v>15</v>
      </c>
    </row>
    <row r="227" spans="1:43">
      <c r="A227" t="s">
        <v>239</v>
      </c>
      <c r="B227" t="s">
        <v>240</v>
      </c>
      <c r="C227" t="s">
        <v>241</v>
      </c>
      <c r="D227" t="s">
        <v>242</v>
      </c>
      <c r="E227" t="s">
        <v>102</v>
      </c>
      <c r="F227" t="s">
        <v>103</v>
      </c>
      <c r="G227" t="s">
        <v>80</v>
      </c>
      <c r="H227" t="s">
        <v>81</v>
      </c>
      <c r="I227" s="2">
        <v>1</v>
      </c>
      <c r="J227" s="2">
        <v>0</v>
      </c>
      <c r="K227" s="2">
        <v>0</v>
      </c>
      <c r="L227" t="s">
        <v>120</v>
      </c>
      <c r="M227" t="s">
        <v>87</v>
      </c>
      <c r="N227" t="s">
        <v>88</v>
      </c>
      <c r="O227" t="s">
        <v>85</v>
      </c>
      <c r="P227" t="s">
        <v>86</v>
      </c>
      <c r="Q227">
        <v>11</v>
      </c>
      <c r="R227">
        <v>11</v>
      </c>
      <c r="S227">
        <v>11</v>
      </c>
      <c r="T227">
        <v>11</v>
      </c>
      <c r="U227">
        <v>11</v>
      </c>
      <c r="V227">
        <v>11</v>
      </c>
      <c r="W227">
        <v>11</v>
      </c>
      <c r="X227">
        <v>11</v>
      </c>
      <c r="Y227">
        <v>11</v>
      </c>
      <c r="Z227">
        <v>11</v>
      </c>
      <c r="AA227">
        <v>12</v>
      </c>
      <c r="AB227">
        <v>12</v>
      </c>
      <c r="AC227">
        <v>12</v>
      </c>
      <c r="AD227">
        <v>12</v>
      </c>
      <c r="AE227">
        <v>12</v>
      </c>
      <c r="AF227">
        <v>12</v>
      </c>
      <c r="AG227">
        <v>12</v>
      </c>
      <c r="AH227">
        <v>12</v>
      </c>
      <c r="AI227">
        <v>12</v>
      </c>
      <c r="AJ227">
        <v>12</v>
      </c>
      <c r="AK227">
        <v>12</v>
      </c>
      <c r="AL227">
        <v>12</v>
      </c>
      <c r="AM227">
        <v>12</v>
      </c>
      <c r="AN227">
        <v>13</v>
      </c>
      <c r="AO227">
        <v>13</v>
      </c>
      <c r="AP227">
        <v>13</v>
      </c>
      <c r="AQ227">
        <v>13</v>
      </c>
    </row>
    <row r="228" spans="1:43">
      <c r="A228" t="s">
        <v>239</v>
      </c>
      <c r="B228" t="s">
        <v>240</v>
      </c>
      <c r="C228" t="s">
        <v>241</v>
      </c>
      <c r="D228" t="s">
        <v>242</v>
      </c>
      <c r="E228" t="s">
        <v>102</v>
      </c>
      <c r="F228" t="s">
        <v>103</v>
      </c>
      <c r="G228" t="s">
        <v>80</v>
      </c>
      <c r="H228" t="s">
        <v>81</v>
      </c>
      <c r="I228" s="2">
        <v>1</v>
      </c>
      <c r="J228" s="2">
        <v>0</v>
      </c>
      <c r="K228" s="2">
        <v>0</v>
      </c>
      <c r="L228" t="s">
        <v>120</v>
      </c>
      <c r="M228" t="s">
        <v>89</v>
      </c>
      <c r="N228" t="s">
        <v>90</v>
      </c>
      <c r="O228" t="s">
        <v>85</v>
      </c>
      <c r="P228" t="s">
        <v>86</v>
      </c>
      <c r="Q228">
        <v>11</v>
      </c>
      <c r="R228">
        <v>11</v>
      </c>
      <c r="S228">
        <v>12</v>
      </c>
      <c r="T228">
        <v>12</v>
      </c>
      <c r="U228">
        <v>12</v>
      </c>
      <c r="V228">
        <v>12</v>
      </c>
      <c r="W228">
        <v>13</v>
      </c>
      <c r="X228">
        <v>13</v>
      </c>
      <c r="Y228">
        <v>13</v>
      </c>
      <c r="Z228">
        <v>13</v>
      </c>
      <c r="AA228">
        <v>13</v>
      </c>
      <c r="AB228">
        <v>14</v>
      </c>
      <c r="AC228">
        <v>14</v>
      </c>
      <c r="AD228">
        <v>14</v>
      </c>
      <c r="AE228">
        <v>14</v>
      </c>
      <c r="AF228">
        <v>14</v>
      </c>
      <c r="AG228">
        <v>14</v>
      </c>
      <c r="AH228">
        <v>14</v>
      </c>
      <c r="AI228">
        <v>14</v>
      </c>
      <c r="AJ228">
        <v>14</v>
      </c>
      <c r="AK228">
        <v>14</v>
      </c>
      <c r="AL228">
        <v>14</v>
      </c>
      <c r="AM228">
        <v>14</v>
      </c>
      <c r="AN228">
        <v>15</v>
      </c>
      <c r="AO228">
        <v>15</v>
      </c>
      <c r="AP228">
        <v>15</v>
      </c>
      <c r="AQ228">
        <v>15</v>
      </c>
    </row>
    <row r="229" spans="1:43">
      <c r="A229" t="s">
        <v>239</v>
      </c>
      <c r="B229" t="s">
        <v>240</v>
      </c>
      <c r="C229" t="s">
        <v>241</v>
      </c>
      <c r="D229" t="s">
        <v>242</v>
      </c>
      <c r="E229" t="s">
        <v>102</v>
      </c>
      <c r="F229" t="s">
        <v>103</v>
      </c>
      <c r="G229" t="s">
        <v>80</v>
      </c>
      <c r="H229" t="s">
        <v>81</v>
      </c>
      <c r="I229" s="2">
        <v>1</v>
      </c>
      <c r="J229" s="2">
        <v>0</v>
      </c>
      <c r="K229" s="2">
        <v>0</v>
      </c>
      <c r="L229" t="s">
        <v>120</v>
      </c>
      <c r="M229" t="s">
        <v>83</v>
      </c>
      <c r="N229" t="s">
        <v>91</v>
      </c>
      <c r="O229" t="s">
        <v>85</v>
      </c>
      <c r="P229" t="s">
        <v>86</v>
      </c>
      <c r="Q229">
        <v>11</v>
      </c>
      <c r="R229">
        <v>11</v>
      </c>
      <c r="S229">
        <v>11</v>
      </c>
      <c r="T229">
        <v>11</v>
      </c>
      <c r="U229">
        <v>12</v>
      </c>
      <c r="V229">
        <v>12</v>
      </c>
      <c r="W229">
        <v>12</v>
      </c>
      <c r="X229">
        <v>12</v>
      </c>
      <c r="Y229">
        <v>12</v>
      </c>
      <c r="Z229">
        <v>12</v>
      </c>
      <c r="AA229">
        <v>13</v>
      </c>
      <c r="AB229">
        <v>13</v>
      </c>
      <c r="AC229">
        <v>13</v>
      </c>
      <c r="AD229">
        <v>13</v>
      </c>
      <c r="AE229">
        <v>13</v>
      </c>
      <c r="AF229">
        <v>13</v>
      </c>
      <c r="AG229">
        <v>14</v>
      </c>
      <c r="AH229">
        <v>14</v>
      </c>
      <c r="AI229">
        <v>14</v>
      </c>
      <c r="AJ229">
        <v>14</v>
      </c>
      <c r="AK229">
        <v>14</v>
      </c>
      <c r="AL229">
        <v>14</v>
      </c>
      <c r="AM229">
        <v>14</v>
      </c>
      <c r="AN229">
        <v>14</v>
      </c>
      <c r="AO229">
        <v>14</v>
      </c>
      <c r="AP229">
        <v>14</v>
      </c>
      <c r="AQ229">
        <v>15</v>
      </c>
    </row>
    <row r="230" spans="1:43">
      <c r="A230" t="s">
        <v>243</v>
      </c>
      <c r="B230" t="s">
        <v>244</v>
      </c>
      <c r="C230" t="s">
        <v>167</v>
      </c>
      <c r="D230" t="s">
        <v>168</v>
      </c>
      <c r="E230" t="s">
        <v>102</v>
      </c>
      <c r="F230" t="s">
        <v>103</v>
      </c>
      <c r="G230" t="s">
        <v>80</v>
      </c>
      <c r="H230" t="s">
        <v>81</v>
      </c>
      <c r="I230" s="2">
        <v>1</v>
      </c>
      <c r="J230" s="2">
        <v>0</v>
      </c>
      <c r="K230" s="2">
        <v>0</v>
      </c>
      <c r="L230" t="s">
        <v>120</v>
      </c>
      <c r="M230" t="s">
        <v>83</v>
      </c>
      <c r="N230" t="s">
        <v>84</v>
      </c>
      <c r="O230" t="s">
        <v>85</v>
      </c>
      <c r="P230" t="s">
        <v>86</v>
      </c>
      <c r="Q230">
        <v>23</v>
      </c>
      <c r="R230">
        <v>24</v>
      </c>
      <c r="S230">
        <v>24</v>
      </c>
      <c r="T230">
        <v>24</v>
      </c>
      <c r="U230">
        <v>25</v>
      </c>
      <c r="V230">
        <v>25</v>
      </c>
      <c r="W230">
        <v>26</v>
      </c>
      <c r="X230">
        <v>26</v>
      </c>
      <c r="Y230">
        <v>26</v>
      </c>
      <c r="Z230">
        <v>27</v>
      </c>
      <c r="AA230">
        <v>27</v>
      </c>
      <c r="AB230">
        <v>27</v>
      </c>
      <c r="AC230">
        <v>28</v>
      </c>
      <c r="AD230">
        <v>28</v>
      </c>
      <c r="AE230">
        <v>29</v>
      </c>
      <c r="AF230">
        <v>29</v>
      </c>
      <c r="AG230">
        <v>29</v>
      </c>
      <c r="AH230">
        <v>30</v>
      </c>
      <c r="AI230">
        <v>30</v>
      </c>
      <c r="AJ230">
        <v>30</v>
      </c>
      <c r="AK230">
        <v>31</v>
      </c>
      <c r="AL230">
        <v>31</v>
      </c>
      <c r="AM230">
        <v>31</v>
      </c>
      <c r="AN230">
        <v>31</v>
      </c>
      <c r="AO230">
        <v>31</v>
      </c>
      <c r="AP230">
        <v>31</v>
      </c>
      <c r="AQ230">
        <v>31</v>
      </c>
    </row>
    <row r="231" spans="1:43">
      <c r="A231" t="s">
        <v>243</v>
      </c>
      <c r="B231" t="s">
        <v>244</v>
      </c>
      <c r="C231" t="s">
        <v>167</v>
      </c>
      <c r="D231" t="s">
        <v>168</v>
      </c>
      <c r="E231" t="s">
        <v>102</v>
      </c>
      <c r="F231" t="s">
        <v>103</v>
      </c>
      <c r="G231" t="s">
        <v>80</v>
      </c>
      <c r="H231" t="s">
        <v>81</v>
      </c>
      <c r="I231" s="2">
        <v>1</v>
      </c>
      <c r="J231" s="2">
        <v>0</v>
      </c>
      <c r="K231" s="2">
        <v>0</v>
      </c>
      <c r="L231" t="s">
        <v>120</v>
      </c>
      <c r="M231" t="s">
        <v>87</v>
      </c>
      <c r="N231" t="s">
        <v>88</v>
      </c>
      <c r="O231" t="s">
        <v>85</v>
      </c>
      <c r="P231" t="s">
        <v>86</v>
      </c>
      <c r="Q231">
        <v>23</v>
      </c>
      <c r="R231">
        <v>23</v>
      </c>
      <c r="S231">
        <v>23</v>
      </c>
      <c r="T231">
        <v>24</v>
      </c>
      <c r="U231">
        <v>24</v>
      </c>
      <c r="V231">
        <v>24</v>
      </c>
      <c r="W231">
        <v>24</v>
      </c>
      <c r="X231">
        <v>24</v>
      </c>
      <c r="Y231">
        <v>24</v>
      </c>
      <c r="Z231">
        <v>25</v>
      </c>
      <c r="AA231">
        <v>25</v>
      </c>
      <c r="AB231">
        <v>25</v>
      </c>
      <c r="AC231">
        <v>25</v>
      </c>
      <c r="AD231">
        <v>25</v>
      </c>
      <c r="AE231">
        <v>25</v>
      </c>
      <c r="AF231">
        <v>26</v>
      </c>
      <c r="AG231">
        <v>26</v>
      </c>
      <c r="AH231">
        <v>26</v>
      </c>
      <c r="AI231">
        <v>26</v>
      </c>
      <c r="AJ231">
        <v>26</v>
      </c>
      <c r="AK231">
        <v>26</v>
      </c>
      <c r="AL231">
        <v>27</v>
      </c>
      <c r="AM231">
        <v>27</v>
      </c>
      <c r="AN231">
        <v>27</v>
      </c>
      <c r="AO231">
        <v>27</v>
      </c>
      <c r="AP231">
        <v>27</v>
      </c>
      <c r="AQ231">
        <v>27</v>
      </c>
    </row>
    <row r="232" spans="1:43">
      <c r="A232" t="s">
        <v>243</v>
      </c>
      <c r="B232" t="s">
        <v>244</v>
      </c>
      <c r="C232" t="s">
        <v>167</v>
      </c>
      <c r="D232" t="s">
        <v>168</v>
      </c>
      <c r="E232" t="s">
        <v>102</v>
      </c>
      <c r="F232" t="s">
        <v>103</v>
      </c>
      <c r="G232" t="s">
        <v>80</v>
      </c>
      <c r="H232" t="s">
        <v>81</v>
      </c>
      <c r="I232" s="2">
        <v>1</v>
      </c>
      <c r="J232" s="2">
        <v>0</v>
      </c>
      <c r="K232" s="2">
        <v>0</v>
      </c>
      <c r="L232" t="s">
        <v>120</v>
      </c>
      <c r="M232" t="s">
        <v>89</v>
      </c>
      <c r="N232" t="s">
        <v>90</v>
      </c>
      <c r="O232" t="s">
        <v>85</v>
      </c>
      <c r="P232" t="s">
        <v>86</v>
      </c>
      <c r="Q232">
        <v>23</v>
      </c>
      <c r="R232">
        <v>23</v>
      </c>
      <c r="S232">
        <v>24</v>
      </c>
      <c r="T232">
        <v>24</v>
      </c>
      <c r="U232">
        <v>25</v>
      </c>
      <c r="V232">
        <v>25</v>
      </c>
      <c r="W232">
        <v>26</v>
      </c>
      <c r="X232">
        <v>26</v>
      </c>
      <c r="Y232">
        <v>27</v>
      </c>
      <c r="Z232">
        <v>27</v>
      </c>
      <c r="AA232">
        <v>28</v>
      </c>
      <c r="AB232">
        <v>28</v>
      </c>
      <c r="AC232">
        <v>29</v>
      </c>
      <c r="AD232">
        <v>29</v>
      </c>
      <c r="AE232">
        <v>29</v>
      </c>
      <c r="AF232">
        <v>30</v>
      </c>
      <c r="AG232">
        <v>30</v>
      </c>
      <c r="AH232">
        <v>30</v>
      </c>
      <c r="AI232">
        <v>30</v>
      </c>
      <c r="AJ232">
        <v>30</v>
      </c>
      <c r="AK232">
        <v>30</v>
      </c>
      <c r="AL232">
        <v>30</v>
      </c>
      <c r="AM232">
        <v>30</v>
      </c>
      <c r="AN232">
        <v>30</v>
      </c>
      <c r="AO232">
        <v>30</v>
      </c>
      <c r="AP232">
        <v>30</v>
      </c>
      <c r="AQ232">
        <v>30</v>
      </c>
    </row>
    <row r="233" spans="1:43">
      <c r="A233" t="s">
        <v>243</v>
      </c>
      <c r="B233" t="s">
        <v>244</v>
      </c>
      <c r="C233" t="s">
        <v>167</v>
      </c>
      <c r="D233" t="s">
        <v>168</v>
      </c>
      <c r="E233" t="s">
        <v>102</v>
      </c>
      <c r="F233" t="s">
        <v>103</v>
      </c>
      <c r="G233" t="s">
        <v>80</v>
      </c>
      <c r="H233" t="s">
        <v>81</v>
      </c>
      <c r="I233" s="2">
        <v>1</v>
      </c>
      <c r="J233" s="2">
        <v>0</v>
      </c>
      <c r="K233" s="2">
        <v>0</v>
      </c>
      <c r="L233" t="s">
        <v>120</v>
      </c>
      <c r="M233" t="s">
        <v>83</v>
      </c>
      <c r="N233" t="s">
        <v>91</v>
      </c>
      <c r="O233" t="s">
        <v>85</v>
      </c>
      <c r="P233" t="s">
        <v>86</v>
      </c>
      <c r="Q233">
        <v>23</v>
      </c>
      <c r="R233">
        <v>24</v>
      </c>
      <c r="S233">
        <v>24</v>
      </c>
      <c r="T233">
        <v>24</v>
      </c>
      <c r="U233">
        <v>25</v>
      </c>
      <c r="V233">
        <v>25</v>
      </c>
      <c r="W233">
        <v>26</v>
      </c>
      <c r="X233">
        <v>26</v>
      </c>
      <c r="Y233">
        <v>26</v>
      </c>
      <c r="Z233">
        <v>27</v>
      </c>
      <c r="AA233">
        <v>27</v>
      </c>
      <c r="AB233">
        <v>27</v>
      </c>
      <c r="AC233">
        <v>28</v>
      </c>
      <c r="AD233">
        <v>28</v>
      </c>
      <c r="AE233">
        <v>29</v>
      </c>
      <c r="AF233">
        <v>29</v>
      </c>
      <c r="AG233">
        <v>29</v>
      </c>
      <c r="AH233">
        <v>30</v>
      </c>
      <c r="AI233">
        <v>30</v>
      </c>
      <c r="AJ233">
        <v>30</v>
      </c>
      <c r="AK233">
        <v>31</v>
      </c>
      <c r="AL233">
        <v>31</v>
      </c>
      <c r="AM233">
        <v>31</v>
      </c>
      <c r="AN233">
        <v>31</v>
      </c>
      <c r="AO233">
        <v>31</v>
      </c>
      <c r="AP233">
        <v>31</v>
      </c>
      <c r="AQ233">
        <v>31</v>
      </c>
    </row>
    <row r="234" spans="1:43">
      <c r="A234" t="s">
        <v>245</v>
      </c>
      <c r="B234" t="s">
        <v>246</v>
      </c>
      <c r="C234" t="s">
        <v>247</v>
      </c>
      <c r="D234" t="s">
        <v>248</v>
      </c>
      <c r="E234" t="s">
        <v>102</v>
      </c>
      <c r="F234" t="s">
        <v>103</v>
      </c>
      <c r="G234" t="s">
        <v>80</v>
      </c>
      <c r="H234" t="s">
        <v>81</v>
      </c>
      <c r="I234" s="2">
        <v>1</v>
      </c>
      <c r="J234" s="2">
        <v>0</v>
      </c>
      <c r="K234" s="2">
        <v>0</v>
      </c>
      <c r="L234" t="s">
        <v>120</v>
      </c>
      <c r="M234" t="s">
        <v>83</v>
      </c>
      <c r="N234" t="s">
        <v>84</v>
      </c>
      <c r="O234" t="s">
        <v>85</v>
      </c>
      <c r="P234" t="s">
        <v>86</v>
      </c>
      <c r="Q234">
        <v>33</v>
      </c>
      <c r="R234">
        <v>33</v>
      </c>
      <c r="S234">
        <v>34</v>
      </c>
      <c r="T234">
        <v>35</v>
      </c>
      <c r="U234">
        <v>35</v>
      </c>
      <c r="V234">
        <v>36</v>
      </c>
      <c r="W234">
        <v>36</v>
      </c>
      <c r="X234">
        <v>37</v>
      </c>
      <c r="Y234">
        <v>37</v>
      </c>
      <c r="Z234">
        <v>38</v>
      </c>
      <c r="AA234">
        <v>38</v>
      </c>
      <c r="AB234">
        <v>39</v>
      </c>
      <c r="AC234">
        <v>39</v>
      </c>
      <c r="AD234">
        <v>40</v>
      </c>
      <c r="AE234">
        <v>40</v>
      </c>
      <c r="AF234">
        <v>41</v>
      </c>
      <c r="AG234">
        <v>41</v>
      </c>
      <c r="AH234">
        <v>42</v>
      </c>
      <c r="AI234">
        <v>42</v>
      </c>
      <c r="AJ234">
        <v>43</v>
      </c>
      <c r="AK234">
        <v>43</v>
      </c>
      <c r="AL234">
        <v>43</v>
      </c>
      <c r="AM234">
        <v>44</v>
      </c>
      <c r="AN234">
        <v>44</v>
      </c>
      <c r="AO234">
        <v>44</v>
      </c>
      <c r="AP234">
        <v>44</v>
      </c>
      <c r="AQ234">
        <v>44</v>
      </c>
    </row>
    <row r="235" spans="1:43">
      <c r="A235" t="s">
        <v>245</v>
      </c>
      <c r="B235" t="s">
        <v>246</v>
      </c>
      <c r="C235" t="s">
        <v>247</v>
      </c>
      <c r="D235" t="s">
        <v>248</v>
      </c>
      <c r="E235" t="s">
        <v>102</v>
      </c>
      <c r="F235" t="s">
        <v>103</v>
      </c>
      <c r="G235" t="s">
        <v>80</v>
      </c>
      <c r="H235" t="s">
        <v>81</v>
      </c>
      <c r="I235" s="2">
        <v>1</v>
      </c>
      <c r="J235" s="2">
        <v>0</v>
      </c>
      <c r="K235" s="2">
        <v>0</v>
      </c>
      <c r="L235" t="s">
        <v>120</v>
      </c>
      <c r="M235" t="s">
        <v>87</v>
      </c>
      <c r="N235" t="s">
        <v>88</v>
      </c>
      <c r="O235" t="s">
        <v>85</v>
      </c>
      <c r="P235" t="s">
        <v>86</v>
      </c>
      <c r="Q235">
        <v>33</v>
      </c>
      <c r="R235">
        <v>33</v>
      </c>
      <c r="S235">
        <v>33</v>
      </c>
      <c r="T235">
        <v>33</v>
      </c>
      <c r="U235">
        <v>34</v>
      </c>
      <c r="V235">
        <v>34</v>
      </c>
      <c r="W235">
        <v>34</v>
      </c>
      <c r="X235">
        <v>34</v>
      </c>
      <c r="Y235">
        <v>35</v>
      </c>
      <c r="Z235">
        <v>35</v>
      </c>
      <c r="AA235">
        <v>35</v>
      </c>
      <c r="AB235">
        <v>35</v>
      </c>
      <c r="AC235">
        <v>35</v>
      </c>
      <c r="AD235">
        <v>36</v>
      </c>
      <c r="AE235">
        <v>36</v>
      </c>
      <c r="AF235">
        <v>36</v>
      </c>
      <c r="AG235">
        <v>36</v>
      </c>
      <c r="AH235">
        <v>37</v>
      </c>
      <c r="AI235">
        <v>37</v>
      </c>
      <c r="AJ235">
        <v>37</v>
      </c>
      <c r="AK235">
        <v>37</v>
      </c>
      <c r="AL235">
        <v>37</v>
      </c>
      <c r="AM235">
        <v>38</v>
      </c>
      <c r="AN235">
        <v>38</v>
      </c>
      <c r="AO235">
        <v>38</v>
      </c>
      <c r="AP235">
        <v>38</v>
      </c>
      <c r="AQ235">
        <v>39</v>
      </c>
    </row>
    <row r="236" spans="1:43">
      <c r="A236" t="s">
        <v>245</v>
      </c>
      <c r="B236" t="s">
        <v>246</v>
      </c>
      <c r="C236" t="s">
        <v>247</v>
      </c>
      <c r="D236" t="s">
        <v>248</v>
      </c>
      <c r="E236" t="s">
        <v>102</v>
      </c>
      <c r="F236" t="s">
        <v>103</v>
      </c>
      <c r="G236" t="s">
        <v>80</v>
      </c>
      <c r="H236" t="s">
        <v>81</v>
      </c>
      <c r="I236" s="2">
        <v>1</v>
      </c>
      <c r="J236" s="2">
        <v>0</v>
      </c>
      <c r="K236" s="2">
        <v>0</v>
      </c>
      <c r="L236" t="s">
        <v>120</v>
      </c>
      <c r="M236" t="s">
        <v>89</v>
      </c>
      <c r="N236" t="s">
        <v>90</v>
      </c>
      <c r="O236" t="s">
        <v>85</v>
      </c>
      <c r="P236" t="s">
        <v>86</v>
      </c>
      <c r="Q236">
        <v>33</v>
      </c>
      <c r="R236">
        <v>34</v>
      </c>
      <c r="S236">
        <v>35</v>
      </c>
      <c r="T236">
        <v>36</v>
      </c>
      <c r="U236">
        <v>37</v>
      </c>
      <c r="V236">
        <v>37</v>
      </c>
      <c r="W236">
        <v>38</v>
      </c>
      <c r="X236">
        <v>39</v>
      </c>
      <c r="Y236">
        <v>39</v>
      </c>
      <c r="Z236">
        <v>40</v>
      </c>
      <c r="AA236">
        <v>41</v>
      </c>
      <c r="AB236">
        <v>41</v>
      </c>
      <c r="AC236">
        <v>42</v>
      </c>
      <c r="AD236">
        <v>43</v>
      </c>
      <c r="AE236">
        <v>43</v>
      </c>
      <c r="AF236">
        <v>43</v>
      </c>
      <c r="AG236">
        <v>43</v>
      </c>
      <c r="AH236">
        <v>43</v>
      </c>
      <c r="AI236">
        <v>43</v>
      </c>
      <c r="AJ236">
        <v>44</v>
      </c>
      <c r="AK236">
        <v>44</v>
      </c>
      <c r="AL236">
        <v>44</v>
      </c>
      <c r="AM236">
        <v>44</v>
      </c>
      <c r="AN236">
        <v>44</v>
      </c>
      <c r="AO236">
        <v>44</v>
      </c>
      <c r="AP236">
        <v>44</v>
      </c>
      <c r="AQ236">
        <v>44</v>
      </c>
    </row>
    <row r="237" spans="1:43">
      <c r="A237" t="s">
        <v>245</v>
      </c>
      <c r="B237" t="s">
        <v>246</v>
      </c>
      <c r="C237" t="s">
        <v>247</v>
      </c>
      <c r="D237" t="s">
        <v>248</v>
      </c>
      <c r="E237" t="s">
        <v>102</v>
      </c>
      <c r="F237" t="s">
        <v>103</v>
      </c>
      <c r="G237" t="s">
        <v>80</v>
      </c>
      <c r="H237" t="s">
        <v>81</v>
      </c>
      <c r="I237" s="2">
        <v>1</v>
      </c>
      <c r="J237" s="2">
        <v>0</v>
      </c>
      <c r="K237" s="2">
        <v>0</v>
      </c>
      <c r="L237" t="s">
        <v>120</v>
      </c>
      <c r="M237" t="s">
        <v>83</v>
      </c>
      <c r="N237" t="s">
        <v>91</v>
      </c>
      <c r="O237" t="s">
        <v>85</v>
      </c>
      <c r="P237" t="s">
        <v>86</v>
      </c>
      <c r="Q237">
        <v>33</v>
      </c>
      <c r="R237">
        <v>33</v>
      </c>
      <c r="S237">
        <v>34</v>
      </c>
      <c r="T237">
        <v>35</v>
      </c>
      <c r="U237">
        <v>35</v>
      </c>
      <c r="V237">
        <v>36</v>
      </c>
      <c r="W237">
        <v>36</v>
      </c>
      <c r="X237">
        <v>37</v>
      </c>
      <c r="Y237">
        <v>37</v>
      </c>
      <c r="Z237">
        <v>38</v>
      </c>
      <c r="AA237">
        <v>38</v>
      </c>
      <c r="AB237">
        <v>39</v>
      </c>
      <c r="AC237">
        <v>39</v>
      </c>
      <c r="AD237">
        <v>40</v>
      </c>
      <c r="AE237">
        <v>40</v>
      </c>
      <c r="AF237">
        <v>41</v>
      </c>
      <c r="AG237">
        <v>41</v>
      </c>
      <c r="AH237">
        <v>42</v>
      </c>
      <c r="AI237">
        <v>42</v>
      </c>
      <c r="AJ237">
        <v>43</v>
      </c>
      <c r="AK237">
        <v>43</v>
      </c>
      <c r="AL237">
        <v>43</v>
      </c>
      <c r="AM237">
        <v>44</v>
      </c>
      <c r="AN237">
        <v>44</v>
      </c>
      <c r="AO237">
        <v>44</v>
      </c>
      <c r="AP237">
        <v>44</v>
      </c>
      <c r="AQ237">
        <v>44</v>
      </c>
    </row>
    <row r="238" spans="1:43">
      <c r="A238" t="s">
        <v>249</v>
      </c>
      <c r="B238" t="s">
        <v>250</v>
      </c>
      <c r="C238" t="s">
        <v>251</v>
      </c>
      <c r="D238" t="s">
        <v>252</v>
      </c>
      <c r="E238" t="s">
        <v>102</v>
      </c>
      <c r="F238" t="s">
        <v>103</v>
      </c>
      <c r="G238" t="s">
        <v>80</v>
      </c>
      <c r="H238" t="s">
        <v>81</v>
      </c>
      <c r="I238" s="2">
        <v>0</v>
      </c>
      <c r="J238" s="2">
        <v>1</v>
      </c>
      <c r="K238" s="2">
        <v>0</v>
      </c>
      <c r="L238" t="s">
        <v>82</v>
      </c>
      <c r="M238" t="s">
        <v>83</v>
      </c>
      <c r="N238" t="s">
        <v>84</v>
      </c>
      <c r="O238" t="s">
        <v>85</v>
      </c>
      <c r="P238" t="s">
        <v>86</v>
      </c>
      <c r="Q238">
        <v>10</v>
      </c>
      <c r="R238">
        <v>11</v>
      </c>
      <c r="S238">
        <v>11</v>
      </c>
      <c r="T238">
        <v>11</v>
      </c>
      <c r="U238">
        <v>11</v>
      </c>
      <c r="V238">
        <v>11</v>
      </c>
      <c r="W238">
        <v>12</v>
      </c>
      <c r="X238">
        <v>12</v>
      </c>
      <c r="Y238">
        <v>12</v>
      </c>
      <c r="Z238">
        <v>12</v>
      </c>
      <c r="AA238">
        <v>12</v>
      </c>
      <c r="AB238">
        <v>12</v>
      </c>
      <c r="AC238">
        <v>13</v>
      </c>
      <c r="AD238">
        <v>13</v>
      </c>
      <c r="AE238">
        <v>13</v>
      </c>
      <c r="AF238">
        <v>13</v>
      </c>
      <c r="AG238">
        <v>13</v>
      </c>
      <c r="AH238">
        <v>13</v>
      </c>
      <c r="AI238">
        <v>14</v>
      </c>
      <c r="AJ238">
        <v>14</v>
      </c>
      <c r="AK238">
        <v>14</v>
      </c>
      <c r="AL238">
        <v>14</v>
      </c>
      <c r="AM238">
        <v>14</v>
      </c>
      <c r="AN238">
        <v>14</v>
      </c>
      <c r="AO238">
        <v>14</v>
      </c>
      <c r="AP238">
        <v>14</v>
      </c>
      <c r="AQ238">
        <v>14</v>
      </c>
    </row>
    <row r="239" spans="1:43">
      <c r="A239" t="s">
        <v>249</v>
      </c>
      <c r="B239" t="s">
        <v>250</v>
      </c>
      <c r="C239" t="s">
        <v>251</v>
      </c>
      <c r="D239" t="s">
        <v>252</v>
      </c>
      <c r="E239" t="s">
        <v>102</v>
      </c>
      <c r="F239" t="s">
        <v>103</v>
      </c>
      <c r="G239" t="s">
        <v>80</v>
      </c>
      <c r="H239" t="s">
        <v>81</v>
      </c>
      <c r="I239" s="2">
        <v>0</v>
      </c>
      <c r="J239" s="2">
        <v>1</v>
      </c>
      <c r="K239" s="2">
        <v>0</v>
      </c>
      <c r="L239" t="s">
        <v>82</v>
      </c>
      <c r="M239" t="s">
        <v>87</v>
      </c>
      <c r="N239" t="s">
        <v>88</v>
      </c>
      <c r="O239" t="s">
        <v>85</v>
      </c>
      <c r="P239" t="s">
        <v>86</v>
      </c>
      <c r="Q239">
        <v>10</v>
      </c>
      <c r="R239">
        <v>10</v>
      </c>
      <c r="S239">
        <v>11</v>
      </c>
      <c r="T239">
        <v>11</v>
      </c>
      <c r="U239">
        <v>11</v>
      </c>
      <c r="V239">
        <v>11</v>
      </c>
      <c r="W239">
        <v>11</v>
      </c>
      <c r="X239">
        <v>11</v>
      </c>
      <c r="Y239">
        <v>11</v>
      </c>
      <c r="Z239">
        <v>11</v>
      </c>
      <c r="AA239">
        <v>11</v>
      </c>
      <c r="AB239">
        <v>11</v>
      </c>
      <c r="AC239">
        <v>11</v>
      </c>
      <c r="AD239">
        <v>11</v>
      </c>
      <c r="AE239">
        <v>11</v>
      </c>
      <c r="AF239">
        <v>11</v>
      </c>
      <c r="AG239">
        <v>12</v>
      </c>
      <c r="AH239">
        <v>12</v>
      </c>
      <c r="AI239">
        <v>12</v>
      </c>
      <c r="AJ239">
        <v>12</v>
      </c>
      <c r="AK239">
        <v>12</v>
      </c>
      <c r="AL239">
        <v>12</v>
      </c>
      <c r="AM239">
        <v>12</v>
      </c>
      <c r="AN239">
        <v>12</v>
      </c>
      <c r="AO239">
        <v>12</v>
      </c>
      <c r="AP239">
        <v>12</v>
      </c>
      <c r="AQ239">
        <v>12</v>
      </c>
    </row>
    <row r="240" spans="1:43">
      <c r="A240" t="s">
        <v>249</v>
      </c>
      <c r="B240" t="s">
        <v>250</v>
      </c>
      <c r="C240" t="s">
        <v>251</v>
      </c>
      <c r="D240" t="s">
        <v>252</v>
      </c>
      <c r="E240" t="s">
        <v>102</v>
      </c>
      <c r="F240" t="s">
        <v>103</v>
      </c>
      <c r="G240" t="s">
        <v>80</v>
      </c>
      <c r="H240" t="s">
        <v>81</v>
      </c>
      <c r="I240" s="2">
        <v>0</v>
      </c>
      <c r="J240" s="2">
        <v>1</v>
      </c>
      <c r="K240" s="2">
        <v>0</v>
      </c>
      <c r="L240" t="s">
        <v>82</v>
      </c>
      <c r="M240" t="s">
        <v>89</v>
      </c>
      <c r="N240" t="s">
        <v>90</v>
      </c>
      <c r="O240" t="s">
        <v>85</v>
      </c>
      <c r="P240" t="s">
        <v>86</v>
      </c>
      <c r="Q240">
        <v>10</v>
      </c>
      <c r="R240">
        <v>10</v>
      </c>
      <c r="S240">
        <v>10</v>
      </c>
      <c r="T240">
        <v>10</v>
      </c>
      <c r="U240">
        <v>11</v>
      </c>
      <c r="V240">
        <v>11</v>
      </c>
      <c r="W240">
        <v>11</v>
      </c>
      <c r="X240">
        <v>11</v>
      </c>
      <c r="Y240">
        <v>12</v>
      </c>
      <c r="Z240">
        <v>12</v>
      </c>
      <c r="AA240">
        <v>12</v>
      </c>
      <c r="AB240">
        <v>12</v>
      </c>
      <c r="AC240">
        <v>12</v>
      </c>
      <c r="AD240">
        <v>13</v>
      </c>
      <c r="AE240">
        <v>13</v>
      </c>
      <c r="AF240">
        <v>13</v>
      </c>
      <c r="AG240">
        <v>13</v>
      </c>
      <c r="AH240">
        <v>13</v>
      </c>
      <c r="AI240">
        <v>13</v>
      </c>
      <c r="AJ240">
        <v>13</v>
      </c>
      <c r="AK240">
        <v>13</v>
      </c>
      <c r="AL240">
        <v>13</v>
      </c>
      <c r="AM240">
        <v>13</v>
      </c>
      <c r="AN240">
        <v>13</v>
      </c>
      <c r="AO240">
        <v>13</v>
      </c>
      <c r="AP240">
        <v>13</v>
      </c>
      <c r="AQ240">
        <v>13</v>
      </c>
    </row>
    <row r="241" spans="1:43">
      <c r="A241" t="s">
        <v>249</v>
      </c>
      <c r="B241" t="s">
        <v>250</v>
      </c>
      <c r="C241" t="s">
        <v>251</v>
      </c>
      <c r="D241" t="s">
        <v>252</v>
      </c>
      <c r="E241" t="s">
        <v>102</v>
      </c>
      <c r="F241" t="s">
        <v>103</v>
      </c>
      <c r="G241" t="s">
        <v>80</v>
      </c>
      <c r="H241" t="s">
        <v>81</v>
      </c>
      <c r="I241" s="2">
        <v>0</v>
      </c>
      <c r="J241" s="2">
        <v>1</v>
      </c>
      <c r="K241" s="2">
        <v>0</v>
      </c>
      <c r="L241" t="s">
        <v>82</v>
      </c>
      <c r="M241" t="s">
        <v>83</v>
      </c>
      <c r="N241" t="s">
        <v>91</v>
      </c>
      <c r="O241" t="s">
        <v>85</v>
      </c>
      <c r="P241" t="s">
        <v>86</v>
      </c>
      <c r="Q241">
        <v>10</v>
      </c>
      <c r="R241">
        <v>11</v>
      </c>
      <c r="S241">
        <v>11</v>
      </c>
      <c r="T241">
        <v>11</v>
      </c>
      <c r="U241">
        <v>11</v>
      </c>
      <c r="V241">
        <v>11</v>
      </c>
      <c r="W241">
        <v>12</v>
      </c>
      <c r="X241">
        <v>12</v>
      </c>
      <c r="Y241">
        <v>12</v>
      </c>
      <c r="Z241">
        <v>12</v>
      </c>
      <c r="AA241">
        <v>12</v>
      </c>
      <c r="AB241">
        <v>12</v>
      </c>
      <c r="AC241">
        <v>13</v>
      </c>
      <c r="AD241">
        <v>13</v>
      </c>
      <c r="AE241">
        <v>13</v>
      </c>
      <c r="AF241">
        <v>13</v>
      </c>
      <c r="AG241">
        <v>13</v>
      </c>
      <c r="AH241">
        <v>13</v>
      </c>
      <c r="AI241">
        <v>14</v>
      </c>
      <c r="AJ241">
        <v>14</v>
      </c>
      <c r="AK241">
        <v>14</v>
      </c>
      <c r="AL241">
        <v>14</v>
      </c>
      <c r="AM241">
        <v>14</v>
      </c>
      <c r="AN241">
        <v>14</v>
      </c>
      <c r="AO241">
        <v>14</v>
      </c>
      <c r="AP241">
        <v>14</v>
      </c>
      <c r="AQ241">
        <v>14</v>
      </c>
    </row>
    <row r="242" spans="1:43">
      <c r="A242" t="s">
        <v>253</v>
      </c>
      <c r="B242" t="s">
        <v>254</v>
      </c>
      <c r="C242" t="s">
        <v>251</v>
      </c>
      <c r="D242" t="s">
        <v>252</v>
      </c>
      <c r="E242" t="s">
        <v>102</v>
      </c>
      <c r="F242" t="s">
        <v>103</v>
      </c>
      <c r="G242" t="s">
        <v>80</v>
      </c>
      <c r="H242" t="s">
        <v>81</v>
      </c>
      <c r="I242" s="2">
        <v>0</v>
      </c>
      <c r="J242" s="2">
        <v>1</v>
      </c>
      <c r="K242" s="2">
        <v>0</v>
      </c>
      <c r="L242" t="s">
        <v>82</v>
      </c>
      <c r="M242" t="s">
        <v>83</v>
      </c>
      <c r="N242" t="s">
        <v>84</v>
      </c>
      <c r="O242" t="s">
        <v>85</v>
      </c>
      <c r="P242" t="s">
        <v>86</v>
      </c>
      <c r="Q242">
        <v>5</v>
      </c>
      <c r="R242">
        <v>5</v>
      </c>
      <c r="S242">
        <v>5</v>
      </c>
      <c r="T242">
        <v>5</v>
      </c>
      <c r="U242">
        <v>5</v>
      </c>
      <c r="V242">
        <v>5</v>
      </c>
      <c r="W242">
        <v>5</v>
      </c>
      <c r="X242">
        <v>5</v>
      </c>
      <c r="Y242">
        <v>6</v>
      </c>
      <c r="Z242">
        <v>6</v>
      </c>
      <c r="AA242">
        <v>6</v>
      </c>
      <c r="AB242">
        <v>6</v>
      </c>
      <c r="AC242">
        <v>6</v>
      </c>
      <c r="AD242">
        <v>6</v>
      </c>
      <c r="AE242">
        <v>6</v>
      </c>
      <c r="AF242">
        <v>6</v>
      </c>
      <c r="AG242">
        <v>6</v>
      </c>
      <c r="AH242">
        <v>6</v>
      </c>
      <c r="AI242">
        <v>6</v>
      </c>
      <c r="AJ242">
        <v>6</v>
      </c>
      <c r="AK242">
        <v>6</v>
      </c>
      <c r="AL242">
        <v>6</v>
      </c>
      <c r="AM242">
        <v>6</v>
      </c>
      <c r="AN242">
        <v>6</v>
      </c>
      <c r="AO242">
        <v>6</v>
      </c>
      <c r="AP242">
        <v>7</v>
      </c>
      <c r="AQ242">
        <v>7</v>
      </c>
    </row>
    <row r="243" spans="1:43">
      <c r="A243" t="s">
        <v>253</v>
      </c>
      <c r="B243" t="s">
        <v>254</v>
      </c>
      <c r="C243" t="s">
        <v>251</v>
      </c>
      <c r="D243" t="s">
        <v>252</v>
      </c>
      <c r="E243" t="s">
        <v>102</v>
      </c>
      <c r="F243" t="s">
        <v>103</v>
      </c>
      <c r="G243" t="s">
        <v>80</v>
      </c>
      <c r="H243" t="s">
        <v>81</v>
      </c>
      <c r="I243" s="2">
        <v>0</v>
      </c>
      <c r="J243" s="2">
        <v>1</v>
      </c>
      <c r="K243" s="2">
        <v>0</v>
      </c>
      <c r="L243" t="s">
        <v>82</v>
      </c>
      <c r="M243" t="s">
        <v>87</v>
      </c>
      <c r="N243" t="s">
        <v>88</v>
      </c>
      <c r="O243" t="s">
        <v>85</v>
      </c>
      <c r="P243" t="s">
        <v>86</v>
      </c>
      <c r="Q243">
        <v>5</v>
      </c>
      <c r="R243">
        <v>5</v>
      </c>
      <c r="S243">
        <v>5</v>
      </c>
      <c r="T243">
        <v>5</v>
      </c>
      <c r="U243">
        <v>5</v>
      </c>
      <c r="V243">
        <v>5</v>
      </c>
      <c r="W243">
        <v>5</v>
      </c>
      <c r="X243">
        <v>5</v>
      </c>
      <c r="Y243">
        <v>5</v>
      </c>
      <c r="Z243">
        <v>5</v>
      </c>
      <c r="AA243">
        <v>5</v>
      </c>
      <c r="AB243">
        <v>5</v>
      </c>
      <c r="AC243">
        <v>5</v>
      </c>
      <c r="AD243">
        <v>5</v>
      </c>
      <c r="AE243">
        <v>5</v>
      </c>
      <c r="AF243">
        <v>5</v>
      </c>
      <c r="AG243">
        <v>5</v>
      </c>
      <c r="AH243">
        <v>5</v>
      </c>
      <c r="AI243">
        <v>5</v>
      </c>
      <c r="AJ243">
        <v>5</v>
      </c>
      <c r="AK243">
        <v>5</v>
      </c>
      <c r="AL243">
        <v>6</v>
      </c>
      <c r="AM243">
        <v>6</v>
      </c>
      <c r="AN243">
        <v>6</v>
      </c>
      <c r="AO243">
        <v>6</v>
      </c>
      <c r="AP243">
        <v>6</v>
      </c>
      <c r="AQ243">
        <v>6</v>
      </c>
    </row>
    <row r="244" spans="1:43">
      <c r="A244" t="s">
        <v>253</v>
      </c>
      <c r="B244" t="s">
        <v>254</v>
      </c>
      <c r="C244" t="s">
        <v>251</v>
      </c>
      <c r="D244" t="s">
        <v>252</v>
      </c>
      <c r="E244" t="s">
        <v>102</v>
      </c>
      <c r="F244" t="s">
        <v>103</v>
      </c>
      <c r="G244" t="s">
        <v>80</v>
      </c>
      <c r="H244" t="s">
        <v>81</v>
      </c>
      <c r="I244" s="2">
        <v>0</v>
      </c>
      <c r="J244" s="2">
        <v>1</v>
      </c>
      <c r="K244" s="2">
        <v>0</v>
      </c>
      <c r="L244" t="s">
        <v>82</v>
      </c>
      <c r="M244" t="s">
        <v>89</v>
      </c>
      <c r="N244" t="s">
        <v>90</v>
      </c>
      <c r="O244" t="s">
        <v>85</v>
      </c>
      <c r="P244" t="s">
        <v>86</v>
      </c>
      <c r="Q244">
        <v>5</v>
      </c>
      <c r="R244">
        <v>5</v>
      </c>
      <c r="S244">
        <v>5</v>
      </c>
      <c r="T244">
        <v>5</v>
      </c>
      <c r="U244">
        <v>5</v>
      </c>
      <c r="V244">
        <v>6</v>
      </c>
      <c r="W244">
        <v>6</v>
      </c>
      <c r="X244">
        <v>6</v>
      </c>
      <c r="Y244">
        <v>6</v>
      </c>
      <c r="Z244">
        <v>6</v>
      </c>
      <c r="AA244">
        <v>6</v>
      </c>
      <c r="AB244">
        <v>6</v>
      </c>
      <c r="AC244">
        <v>6</v>
      </c>
      <c r="AD244">
        <v>6</v>
      </c>
      <c r="AE244">
        <v>6</v>
      </c>
      <c r="AF244">
        <v>6</v>
      </c>
      <c r="AG244">
        <v>6</v>
      </c>
      <c r="AH244">
        <v>6</v>
      </c>
      <c r="AI244">
        <v>6</v>
      </c>
      <c r="AJ244">
        <v>6</v>
      </c>
      <c r="AK244">
        <v>6</v>
      </c>
      <c r="AL244">
        <v>6</v>
      </c>
      <c r="AM244">
        <v>7</v>
      </c>
      <c r="AN244">
        <v>7</v>
      </c>
      <c r="AO244">
        <v>7</v>
      </c>
      <c r="AP244">
        <v>7</v>
      </c>
      <c r="AQ244">
        <v>7</v>
      </c>
    </row>
    <row r="245" spans="1:43">
      <c r="A245" t="s">
        <v>253</v>
      </c>
      <c r="B245" t="s">
        <v>254</v>
      </c>
      <c r="C245" t="s">
        <v>251</v>
      </c>
      <c r="D245" t="s">
        <v>252</v>
      </c>
      <c r="E245" t="s">
        <v>102</v>
      </c>
      <c r="F245" t="s">
        <v>103</v>
      </c>
      <c r="G245" t="s">
        <v>80</v>
      </c>
      <c r="H245" t="s">
        <v>81</v>
      </c>
      <c r="I245" s="2">
        <v>0</v>
      </c>
      <c r="J245" s="2">
        <v>1</v>
      </c>
      <c r="K245" s="2">
        <v>0</v>
      </c>
      <c r="L245" t="s">
        <v>82</v>
      </c>
      <c r="M245" t="s">
        <v>83</v>
      </c>
      <c r="N245" t="s">
        <v>91</v>
      </c>
      <c r="O245" t="s">
        <v>85</v>
      </c>
      <c r="P245" t="s">
        <v>86</v>
      </c>
      <c r="Q245">
        <v>5</v>
      </c>
      <c r="R245">
        <v>5</v>
      </c>
      <c r="S245">
        <v>5</v>
      </c>
      <c r="T245">
        <v>5</v>
      </c>
      <c r="U245">
        <v>5</v>
      </c>
      <c r="V245">
        <v>5</v>
      </c>
      <c r="W245">
        <v>5</v>
      </c>
      <c r="X245">
        <v>5</v>
      </c>
      <c r="Y245">
        <v>6</v>
      </c>
      <c r="Z245">
        <v>6</v>
      </c>
      <c r="AA245">
        <v>6</v>
      </c>
      <c r="AB245">
        <v>6</v>
      </c>
      <c r="AC245">
        <v>6</v>
      </c>
      <c r="AD245">
        <v>6</v>
      </c>
      <c r="AE245">
        <v>6</v>
      </c>
      <c r="AF245">
        <v>6</v>
      </c>
      <c r="AG245">
        <v>6</v>
      </c>
      <c r="AH245">
        <v>6</v>
      </c>
      <c r="AI245">
        <v>6</v>
      </c>
      <c r="AJ245">
        <v>6</v>
      </c>
      <c r="AK245">
        <v>6</v>
      </c>
      <c r="AL245">
        <v>6</v>
      </c>
      <c r="AM245">
        <v>6</v>
      </c>
      <c r="AN245">
        <v>6</v>
      </c>
      <c r="AO245">
        <v>6</v>
      </c>
      <c r="AP245">
        <v>7</v>
      </c>
      <c r="AQ245">
        <v>7</v>
      </c>
    </row>
    <row r="246" spans="1:43">
      <c r="A246" t="s">
        <v>255</v>
      </c>
      <c r="B246" t="s">
        <v>256</v>
      </c>
      <c r="C246" t="s">
        <v>100</v>
      </c>
      <c r="D246" t="s">
        <v>101</v>
      </c>
      <c r="E246" t="s">
        <v>102</v>
      </c>
      <c r="F246" t="s">
        <v>103</v>
      </c>
      <c r="G246" t="s">
        <v>80</v>
      </c>
      <c r="H246" t="s">
        <v>81</v>
      </c>
      <c r="I246" s="2">
        <v>0</v>
      </c>
      <c r="J246" s="2">
        <v>1</v>
      </c>
      <c r="K246" s="2">
        <v>0</v>
      </c>
      <c r="L246" t="s">
        <v>82</v>
      </c>
      <c r="M246" t="s">
        <v>83</v>
      </c>
      <c r="N246" t="s">
        <v>84</v>
      </c>
      <c r="O246" t="s">
        <v>85</v>
      </c>
      <c r="P246" t="s">
        <v>86</v>
      </c>
      <c r="Q246">
        <v>8</v>
      </c>
      <c r="R246">
        <v>8</v>
      </c>
      <c r="S246">
        <v>8</v>
      </c>
      <c r="T246">
        <v>8</v>
      </c>
      <c r="U246">
        <v>8</v>
      </c>
      <c r="V246">
        <v>9</v>
      </c>
      <c r="W246">
        <v>9</v>
      </c>
      <c r="X246">
        <v>9</v>
      </c>
      <c r="Y246">
        <v>9</v>
      </c>
      <c r="Z246">
        <v>9</v>
      </c>
      <c r="AA246">
        <v>9</v>
      </c>
      <c r="AB246">
        <v>9</v>
      </c>
      <c r="AC246">
        <v>9</v>
      </c>
      <c r="AD246">
        <v>10</v>
      </c>
      <c r="AE246">
        <v>10</v>
      </c>
      <c r="AF246">
        <v>10</v>
      </c>
      <c r="AG246">
        <v>10</v>
      </c>
      <c r="AH246">
        <v>10</v>
      </c>
      <c r="AI246">
        <v>10</v>
      </c>
      <c r="AJ246">
        <v>10</v>
      </c>
      <c r="AK246">
        <v>10</v>
      </c>
      <c r="AL246">
        <v>10</v>
      </c>
      <c r="AM246">
        <v>11</v>
      </c>
      <c r="AN246">
        <v>11</v>
      </c>
      <c r="AO246">
        <v>11</v>
      </c>
      <c r="AP246">
        <v>11</v>
      </c>
      <c r="AQ246">
        <v>11</v>
      </c>
    </row>
    <row r="247" spans="1:43">
      <c r="A247" t="s">
        <v>255</v>
      </c>
      <c r="B247" t="s">
        <v>256</v>
      </c>
      <c r="C247" t="s">
        <v>100</v>
      </c>
      <c r="D247" t="s">
        <v>101</v>
      </c>
      <c r="E247" t="s">
        <v>102</v>
      </c>
      <c r="F247" t="s">
        <v>103</v>
      </c>
      <c r="G247" t="s">
        <v>80</v>
      </c>
      <c r="H247" t="s">
        <v>81</v>
      </c>
      <c r="I247" s="2">
        <v>0</v>
      </c>
      <c r="J247" s="2">
        <v>1</v>
      </c>
      <c r="K247" s="2">
        <v>0</v>
      </c>
      <c r="L247" t="s">
        <v>82</v>
      </c>
      <c r="M247" t="s">
        <v>87</v>
      </c>
      <c r="N247" t="s">
        <v>88</v>
      </c>
      <c r="O247" t="s">
        <v>85</v>
      </c>
      <c r="P247" t="s">
        <v>86</v>
      </c>
      <c r="Q247">
        <v>8</v>
      </c>
      <c r="R247">
        <v>8</v>
      </c>
      <c r="S247">
        <v>8</v>
      </c>
      <c r="T247">
        <v>8</v>
      </c>
      <c r="U247">
        <v>8</v>
      </c>
      <c r="V247">
        <v>8</v>
      </c>
      <c r="W247">
        <v>8</v>
      </c>
      <c r="X247">
        <v>8</v>
      </c>
      <c r="Y247">
        <v>8</v>
      </c>
      <c r="Z247">
        <v>8</v>
      </c>
      <c r="AA247">
        <v>8</v>
      </c>
      <c r="AB247">
        <v>8</v>
      </c>
      <c r="AC247">
        <v>8</v>
      </c>
      <c r="AD247">
        <v>9</v>
      </c>
      <c r="AE247">
        <v>9</v>
      </c>
      <c r="AF247">
        <v>9</v>
      </c>
      <c r="AG247">
        <v>9</v>
      </c>
      <c r="AH247">
        <v>9</v>
      </c>
      <c r="AI247">
        <v>9</v>
      </c>
      <c r="AJ247">
        <v>9</v>
      </c>
      <c r="AK247">
        <v>9</v>
      </c>
      <c r="AL247">
        <v>9</v>
      </c>
      <c r="AM247">
        <v>9</v>
      </c>
      <c r="AN247">
        <v>9</v>
      </c>
      <c r="AO247">
        <v>9</v>
      </c>
      <c r="AP247">
        <v>9</v>
      </c>
      <c r="AQ247">
        <v>9</v>
      </c>
    </row>
    <row r="248" spans="1:43">
      <c r="A248" t="s">
        <v>255</v>
      </c>
      <c r="B248" t="s">
        <v>256</v>
      </c>
      <c r="C248" t="s">
        <v>100</v>
      </c>
      <c r="D248" t="s">
        <v>101</v>
      </c>
      <c r="E248" t="s">
        <v>102</v>
      </c>
      <c r="F248" t="s">
        <v>103</v>
      </c>
      <c r="G248" t="s">
        <v>80</v>
      </c>
      <c r="H248" t="s">
        <v>81</v>
      </c>
      <c r="I248" s="2">
        <v>0</v>
      </c>
      <c r="J248" s="2">
        <v>1</v>
      </c>
      <c r="K248" s="2">
        <v>0</v>
      </c>
      <c r="L248" t="s">
        <v>82</v>
      </c>
      <c r="M248" t="s">
        <v>89</v>
      </c>
      <c r="N248" t="s">
        <v>90</v>
      </c>
      <c r="O248" t="s">
        <v>85</v>
      </c>
      <c r="P248" t="s">
        <v>86</v>
      </c>
      <c r="Q248">
        <v>8</v>
      </c>
      <c r="R248">
        <v>8</v>
      </c>
      <c r="S248">
        <v>8</v>
      </c>
      <c r="T248">
        <v>9</v>
      </c>
      <c r="U248">
        <v>9</v>
      </c>
      <c r="V248">
        <v>9</v>
      </c>
      <c r="W248">
        <v>9</v>
      </c>
      <c r="X248">
        <v>9</v>
      </c>
      <c r="Y248">
        <v>9</v>
      </c>
      <c r="Z248">
        <v>10</v>
      </c>
      <c r="AA248">
        <v>10</v>
      </c>
      <c r="AB248">
        <v>10</v>
      </c>
      <c r="AC248">
        <v>10</v>
      </c>
      <c r="AD248">
        <v>10</v>
      </c>
      <c r="AE248">
        <v>10</v>
      </c>
      <c r="AF248">
        <v>10</v>
      </c>
      <c r="AG248">
        <v>10</v>
      </c>
      <c r="AH248">
        <v>10</v>
      </c>
      <c r="AI248">
        <v>10</v>
      </c>
      <c r="AJ248">
        <v>11</v>
      </c>
      <c r="AK248">
        <v>11</v>
      </c>
      <c r="AL248">
        <v>11</v>
      </c>
      <c r="AM248">
        <v>11</v>
      </c>
      <c r="AN248">
        <v>11</v>
      </c>
      <c r="AO248">
        <v>11</v>
      </c>
      <c r="AP248">
        <v>11</v>
      </c>
      <c r="AQ248">
        <v>11</v>
      </c>
    </row>
    <row r="249" spans="1:43">
      <c r="A249" t="s">
        <v>255</v>
      </c>
      <c r="B249" t="s">
        <v>256</v>
      </c>
      <c r="C249" t="s">
        <v>100</v>
      </c>
      <c r="D249" t="s">
        <v>101</v>
      </c>
      <c r="E249" t="s">
        <v>102</v>
      </c>
      <c r="F249" t="s">
        <v>103</v>
      </c>
      <c r="G249" t="s">
        <v>80</v>
      </c>
      <c r="H249" t="s">
        <v>81</v>
      </c>
      <c r="I249" s="2">
        <v>0</v>
      </c>
      <c r="J249" s="2">
        <v>1</v>
      </c>
      <c r="K249" s="2">
        <v>0</v>
      </c>
      <c r="L249" t="s">
        <v>82</v>
      </c>
      <c r="M249" t="s">
        <v>83</v>
      </c>
      <c r="N249" t="s">
        <v>91</v>
      </c>
      <c r="O249" t="s">
        <v>85</v>
      </c>
      <c r="P249" t="s">
        <v>86</v>
      </c>
      <c r="Q249">
        <v>8</v>
      </c>
      <c r="R249">
        <v>8</v>
      </c>
      <c r="S249">
        <v>8</v>
      </c>
      <c r="T249">
        <v>8</v>
      </c>
      <c r="U249">
        <v>8</v>
      </c>
      <c r="V249">
        <v>9</v>
      </c>
      <c r="W249">
        <v>9</v>
      </c>
      <c r="X249">
        <v>9</v>
      </c>
      <c r="Y249">
        <v>9</v>
      </c>
      <c r="Z249">
        <v>9</v>
      </c>
      <c r="AA249">
        <v>9</v>
      </c>
      <c r="AB249">
        <v>9</v>
      </c>
      <c r="AC249">
        <v>9</v>
      </c>
      <c r="AD249">
        <v>10</v>
      </c>
      <c r="AE249">
        <v>10</v>
      </c>
      <c r="AF249">
        <v>10</v>
      </c>
      <c r="AG249">
        <v>10</v>
      </c>
      <c r="AH249">
        <v>10</v>
      </c>
      <c r="AI249">
        <v>10</v>
      </c>
      <c r="AJ249">
        <v>10</v>
      </c>
      <c r="AK249">
        <v>10</v>
      </c>
      <c r="AL249">
        <v>10</v>
      </c>
      <c r="AM249">
        <v>11</v>
      </c>
      <c r="AN249">
        <v>11</v>
      </c>
      <c r="AO249">
        <v>11</v>
      </c>
      <c r="AP249">
        <v>11</v>
      </c>
      <c r="AQ249">
        <v>11</v>
      </c>
    </row>
    <row r="250" spans="1:43">
      <c r="A250" t="s">
        <v>257</v>
      </c>
      <c r="B250" t="s">
        <v>258</v>
      </c>
      <c r="C250" t="s">
        <v>251</v>
      </c>
      <c r="D250" t="s">
        <v>252</v>
      </c>
      <c r="E250" t="s">
        <v>102</v>
      </c>
      <c r="F250" t="s">
        <v>103</v>
      </c>
      <c r="G250" t="s">
        <v>80</v>
      </c>
      <c r="H250" t="s">
        <v>81</v>
      </c>
      <c r="I250" s="2">
        <v>0</v>
      </c>
      <c r="J250" s="2">
        <v>1</v>
      </c>
      <c r="K250" s="2">
        <v>0</v>
      </c>
      <c r="L250" t="s">
        <v>82</v>
      </c>
      <c r="M250" t="s">
        <v>83</v>
      </c>
      <c r="N250" t="s">
        <v>84</v>
      </c>
      <c r="O250" t="s">
        <v>85</v>
      </c>
      <c r="P250" t="s">
        <v>86</v>
      </c>
      <c r="Q250">
        <v>0</v>
      </c>
      <c r="R250">
        <v>0</v>
      </c>
      <c r="S250">
        <v>0</v>
      </c>
      <c r="T250">
        <v>0</v>
      </c>
      <c r="U250">
        <v>0</v>
      </c>
      <c r="V250">
        <v>0</v>
      </c>
      <c r="W250">
        <v>0</v>
      </c>
      <c r="X250">
        <v>0</v>
      </c>
      <c r="Y250">
        <v>0</v>
      </c>
      <c r="Z250">
        <v>0</v>
      </c>
      <c r="AA250">
        <v>0</v>
      </c>
      <c r="AB250">
        <v>0</v>
      </c>
      <c r="AC250">
        <v>0</v>
      </c>
      <c r="AD250">
        <v>0</v>
      </c>
      <c r="AE250">
        <v>0</v>
      </c>
      <c r="AF250">
        <v>0</v>
      </c>
      <c r="AG250">
        <v>0</v>
      </c>
      <c r="AH250">
        <v>0</v>
      </c>
      <c r="AI250">
        <v>0</v>
      </c>
      <c r="AJ250">
        <v>0</v>
      </c>
      <c r="AK250">
        <v>0</v>
      </c>
      <c r="AL250">
        <v>0</v>
      </c>
      <c r="AM250">
        <v>0</v>
      </c>
      <c r="AN250">
        <v>0</v>
      </c>
      <c r="AO250">
        <v>0</v>
      </c>
      <c r="AP250">
        <v>0</v>
      </c>
      <c r="AQ250">
        <v>0</v>
      </c>
    </row>
    <row r="251" spans="1:43">
      <c r="A251" t="s">
        <v>257</v>
      </c>
      <c r="B251" t="s">
        <v>258</v>
      </c>
      <c r="C251" t="s">
        <v>251</v>
      </c>
      <c r="D251" t="s">
        <v>252</v>
      </c>
      <c r="E251" t="s">
        <v>102</v>
      </c>
      <c r="F251" t="s">
        <v>103</v>
      </c>
      <c r="G251" t="s">
        <v>80</v>
      </c>
      <c r="H251" t="s">
        <v>81</v>
      </c>
      <c r="I251" s="2">
        <v>0</v>
      </c>
      <c r="J251" s="2">
        <v>1</v>
      </c>
      <c r="K251" s="2">
        <v>0</v>
      </c>
      <c r="L251" t="s">
        <v>82</v>
      </c>
      <c r="M251" t="s">
        <v>87</v>
      </c>
      <c r="N251" t="s">
        <v>88</v>
      </c>
      <c r="O251" t="s">
        <v>85</v>
      </c>
      <c r="P251" t="s">
        <v>86</v>
      </c>
      <c r="Q251">
        <v>0</v>
      </c>
      <c r="R251">
        <v>0</v>
      </c>
      <c r="S251">
        <v>0</v>
      </c>
      <c r="T251">
        <v>0</v>
      </c>
      <c r="U251">
        <v>0</v>
      </c>
      <c r="V251">
        <v>0</v>
      </c>
      <c r="W251">
        <v>0</v>
      </c>
      <c r="X251">
        <v>0</v>
      </c>
      <c r="Y251">
        <v>0</v>
      </c>
      <c r="Z251">
        <v>0</v>
      </c>
      <c r="AA251">
        <v>0</v>
      </c>
      <c r="AB251">
        <v>0</v>
      </c>
      <c r="AC251">
        <v>0</v>
      </c>
      <c r="AD251">
        <v>0</v>
      </c>
      <c r="AE251">
        <v>0</v>
      </c>
      <c r="AF251">
        <v>0</v>
      </c>
      <c r="AG251">
        <v>0</v>
      </c>
      <c r="AH251">
        <v>0</v>
      </c>
      <c r="AI251">
        <v>0</v>
      </c>
      <c r="AJ251">
        <v>0</v>
      </c>
      <c r="AK251">
        <v>0</v>
      </c>
      <c r="AL251">
        <v>0</v>
      </c>
      <c r="AM251">
        <v>0</v>
      </c>
      <c r="AN251">
        <v>0</v>
      </c>
      <c r="AO251">
        <v>0</v>
      </c>
      <c r="AP251">
        <v>0</v>
      </c>
      <c r="AQ251">
        <v>0</v>
      </c>
    </row>
    <row r="252" spans="1:43">
      <c r="A252" t="s">
        <v>257</v>
      </c>
      <c r="B252" t="s">
        <v>258</v>
      </c>
      <c r="C252" t="s">
        <v>251</v>
      </c>
      <c r="D252" t="s">
        <v>252</v>
      </c>
      <c r="E252" t="s">
        <v>102</v>
      </c>
      <c r="F252" t="s">
        <v>103</v>
      </c>
      <c r="G252" t="s">
        <v>80</v>
      </c>
      <c r="H252" t="s">
        <v>81</v>
      </c>
      <c r="I252" s="2">
        <v>0</v>
      </c>
      <c r="J252" s="2">
        <v>1</v>
      </c>
      <c r="K252" s="2">
        <v>0</v>
      </c>
      <c r="L252" t="s">
        <v>82</v>
      </c>
      <c r="M252" t="s">
        <v>89</v>
      </c>
      <c r="N252" t="s">
        <v>90</v>
      </c>
      <c r="O252" t="s">
        <v>85</v>
      </c>
      <c r="P252" t="s">
        <v>86</v>
      </c>
      <c r="Q252">
        <v>0</v>
      </c>
      <c r="R252">
        <v>0</v>
      </c>
      <c r="S252">
        <v>0</v>
      </c>
      <c r="T252">
        <v>0</v>
      </c>
      <c r="U252">
        <v>0</v>
      </c>
      <c r="V252">
        <v>0</v>
      </c>
      <c r="W252">
        <v>0</v>
      </c>
      <c r="X252">
        <v>0</v>
      </c>
      <c r="Y252">
        <v>0</v>
      </c>
      <c r="Z252">
        <v>0</v>
      </c>
      <c r="AA252">
        <v>0</v>
      </c>
      <c r="AB252">
        <v>0</v>
      </c>
      <c r="AC252">
        <v>0</v>
      </c>
      <c r="AD252">
        <v>0</v>
      </c>
      <c r="AE252">
        <v>0</v>
      </c>
      <c r="AF252">
        <v>0</v>
      </c>
      <c r="AG252">
        <v>0</v>
      </c>
      <c r="AH252">
        <v>0</v>
      </c>
      <c r="AI252">
        <v>0</v>
      </c>
      <c r="AJ252">
        <v>0</v>
      </c>
      <c r="AK252">
        <v>0</v>
      </c>
      <c r="AL252">
        <v>0</v>
      </c>
      <c r="AM252">
        <v>0</v>
      </c>
      <c r="AN252">
        <v>0</v>
      </c>
      <c r="AO252">
        <v>0</v>
      </c>
      <c r="AP252">
        <v>0</v>
      </c>
      <c r="AQ252">
        <v>0</v>
      </c>
    </row>
    <row r="253" spans="1:43">
      <c r="A253" t="s">
        <v>257</v>
      </c>
      <c r="B253" t="s">
        <v>258</v>
      </c>
      <c r="C253" t="s">
        <v>251</v>
      </c>
      <c r="D253" t="s">
        <v>252</v>
      </c>
      <c r="E253" t="s">
        <v>102</v>
      </c>
      <c r="F253" t="s">
        <v>103</v>
      </c>
      <c r="G253" t="s">
        <v>80</v>
      </c>
      <c r="H253" t="s">
        <v>81</v>
      </c>
      <c r="I253" s="2">
        <v>0</v>
      </c>
      <c r="J253" s="2">
        <v>1</v>
      </c>
      <c r="K253" s="2">
        <v>0</v>
      </c>
      <c r="L253" t="s">
        <v>82</v>
      </c>
      <c r="M253" t="s">
        <v>83</v>
      </c>
      <c r="N253" t="s">
        <v>91</v>
      </c>
      <c r="O253" t="s">
        <v>85</v>
      </c>
      <c r="P253" t="s">
        <v>86</v>
      </c>
      <c r="Q253">
        <v>0</v>
      </c>
      <c r="R253">
        <v>0</v>
      </c>
      <c r="S253">
        <v>0</v>
      </c>
      <c r="T253">
        <v>0</v>
      </c>
      <c r="U253">
        <v>0</v>
      </c>
      <c r="V253">
        <v>0</v>
      </c>
      <c r="W253">
        <v>0</v>
      </c>
      <c r="X253">
        <v>0</v>
      </c>
      <c r="Y253">
        <v>0</v>
      </c>
      <c r="Z253">
        <v>0</v>
      </c>
      <c r="AA253">
        <v>0</v>
      </c>
      <c r="AB253">
        <v>0</v>
      </c>
      <c r="AC253">
        <v>0</v>
      </c>
      <c r="AD253">
        <v>0</v>
      </c>
      <c r="AE253">
        <v>0</v>
      </c>
      <c r="AF253">
        <v>0</v>
      </c>
      <c r="AG253">
        <v>0</v>
      </c>
      <c r="AH253">
        <v>0</v>
      </c>
      <c r="AI253">
        <v>0</v>
      </c>
      <c r="AJ253">
        <v>0</v>
      </c>
      <c r="AK253">
        <v>0</v>
      </c>
      <c r="AL253">
        <v>0</v>
      </c>
      <c r="AM253">
        <v>0</v>
      </c>
      <c r="AN253">
        <v>0</v>
      </c>
      <c r="AO253">
        <v>0</v>
      </c>
      <c r="AP253">
        <v>0</v>
      </c>
      <c r="AQ253">
        <v>0</v>
      </c>
    </row>
    <row r="254" spans="1:43">
      <c r="A254" t="s">
        <v>259</v>
      </c>
      <c r="B254" t="s">
        <v>260</v>
      </c>
      <c r="C254" t="s">
        <v>251</v>
      </c>
      <c r="D254" t="s">
        <v>252</v>
      </c>
      <c r="E254" t="s">
        <v>102</v>
      </c>
      <c r="F254" t="s">
        <v>103</v>
      </c>
      <c r="G254" t="s">
        <v>80</v>
      </c>
      <c r="H254" t="s">
        <v>81</v>
      </c>
      <c r="I254" s="2">
        <v>0</v>
      </c>
      <c r="J254" s="2">
        <v>1</v>
      </c>
      <c r="K254" s="2">
        <v>0</v>
      </c>
      <c r="L254" t="s">
        <v>82</v>
      </c>
      <c r="M254" t="s">
        <v>83</v>
      </c>
      <c r="N254" t="s">
        <v>84</v>
      </c>
      <c r="O254" t="s">
        <v>85</v>
      </c>
      <c r="P254" t="s">
        <v>86</v>
      </c>
      <c r="Q254">
        <v>35</v>
      </c>
      <c r="R254">
        <v>36</v>
      </c>
      <c r="S254">
        <v>36</v>
      </c>
      <c r="T254">
        <v>37</v>
      </c>
      <c r="U254">
        <v>38</v>
      </c>
      <c r="V254">
        <v>38</v>
      </c>
      <c r="W254">
        <v>39</v>
      </c>
      <c r="X254">
        <v>39</v>
      </c>
      <c r="Y254">
        <v>40</v>
      </c>
      <c r="Z254">
        <v>40</v>
      </c>
      <c r="AA254">
        <v>41</v>
      </c>
      <c r="AB254">
        <v>42</v>
      </c>
      <c r="AC254">
        <v>42</v>
      </c>
      <c r="AD254">
        <v>43</v>
      </c>
      <c r="AE254">
        <v>43</v>
      </c>
      <c r="AF254">
        <v>44</v>
      </c>
      <c r="AG254">
        <v>44</v>
      </c>
      <c r="AH254">
        <v>45</v>
      </c>
      <c r="AI254">
        <v>45</v>
      </c>
      <c r="AJ254">
        <v>46</v>
      </c>
      <c r="AK254">
        <v>46</v>
      </c>
      <c r="AL254">
        <v>47</v>
      </c>
      <c r="AM254">
        <v>47</v>
      </c>
      <c r="AN254">
        <v>47</v>
      </c>
      <c r="AO254">
        <v>47</v>
      </c>
      <c r="AP254">
        <v>47</v>
      </c>
      <c r="AQ254">
        <v>47</v>
      </c>
    </row>
    <row r="255" spans="1:43">
      <c r="A255" t="s">
        <v>259</v>
      </c>
      <c r="B255" t="s">
        <v>260</v>
      </c>
      <c r="C255" t="s">
        <v>251</v>
      </c>
      <c r="D255" t="s">
        <v>252</v>
      </c>
      <c r="E255" t="s">
        <v>102</v>
      </c>
      <c r="F255" t="s">
        <v>103</v>
      </c>
      <c r="G255" t="s">
        <v>80</v>
      </c>
      <c r="H255" t="s">
        <v>81</v>
      </c>
      <c r="I255" s="2">
        <v>0</v>
      </c>
      <c r="J255" s="2">
        <v>1</v>
      </c>
      <c r="K255" s="2">
        <v>0</v>
      </c>
      <c r="L255" t="s">
        <v>82</v>
      </c>
      <c r="M255" t="s">
        <v>87</v>
      </c>
      <c r="N255" t="s">
        <v>88</v>
      </c>
      <c r="O255" t="s">
        <v>85</v>
      </c>
      <c r="P255" t="s">
        <v>86</v>
      </c>
      <c r="Q255">
        <v>35</v>
      </c>
      <c r="R255">
        <v>35</v>
      </c>
      <c r="S255">
        <v>35</v>
      </c>
      <c r="T255">
        <v>36</v>
      </c>
      <c r="U255">
        <v>36</v>
      </c>
      <c r="V255">
        <v>36</v>
      </c>
      <c r="W255">
        <v>36</v>
      </c>
      <c r="X255">
        <v>37</v>
      </c>
      <c r="Y255">
        <v>37</v>
      </c>
      <c r="Z255">
        <v>37</v>
      </c>
      <c r="AA255">
        <v>37</v>
      </c>
      <c r="AB255">
        <v>38</v>
      </c>
      <c r="AC255">
        <v>38</v>
      </c>
      <c r="AD255">
        <v>38</v>
      </c>
      <c r="AE255">
        <v>38</v>
      </c>
      <c r="AF255">
        <v>38</v>
      </c>
      <c r="AG255">
        <v>39</v>
      </c>
      <c r="AH255">
        <v>39</v>
      </c>
      <c r="AI255">
        <v>39</v>
      </c>
      <c r="AJ255">
        <v>39</v>
      </c>
      <c r="AK255">
        <v>40</v>
      </c>
      <c r="AL255">
        <v>40</v>
      </c>
      <c r="AM255">
        <v>40</v>
      </c>
      <c r="AN255">
        <v>40</v>
      </c>
      <c r="AO255">
        <v>41</v>
      </c>
      <c r="AP255">
        <v>41</v>
      </c>
      <c r="AQ255">
        <v>41</v>
      </c>
    </row>
    <row r="256" spans="1:43">
      <c r="A256" t="s">
        <v>259</v>
      </c>
      <c r="B256" t="s">
        <v>260</v>
      </c>
      <c r="C256" t="s">
        <v>251</v>
      </c>
      <c r="D256" t="s">
        <v>252</v>
      </c>
      <c r="E256" t="s">
        <v>102</v>
      </c>
      <c r="F256" t="s">
        <v>103</v>
      </c>
      <c r="G256" t="s">
        <v>80</v>
      </c>
      <c r="H256" t="s">
        <v>81</v>
      </c>
      <c r="I256" s="2">
        <v>0</v>
      </c>
      <c r="J256" s="2">
        <v>1</v>
      </c>
      <c r="K256" s="2">
        <v>0</v>
      </c>
      <c r="L256" t="s">
        <v>82</v>
      </c>
      <c r="M256" t="s">
        <v>89</v>
      </c>
      <c r="N256" t="s">
        <v>90</v>
      </c>
      <c r="O256" t="s">
        <v>85</v>
      </c>
      <c r="P256" t="s">
        <v>86</v>
      </c>
      <c r="Q256">
        <v>35</v>
      </c>
      <c r="R256">
        <v>35</v>
      </c>
      <c r="S256">
        <v>36</v>
      </c>
      <c r="T256">
        <v>37</v>
      </c>
      <c r="U256">
        <v>38</v>
      </c>
      <c r="V256">
        <v>39</v>
      </c>
      <c r="W256">
        <v>40</v>
      </c>
      <c r="X256">
        <v>40</v>
      </c>
      <c r="Y256">
        <v>41</v>
      </c>
      <c r="Z256">
        <v>42</v>
      </c>
      <c r="AA256">
        <v>43</v>
      </c>
      <c r="AB256">
        <v>43</v>
      </c>
      <c r="AC256">
        <v>44</v>
      </c>
      <c r="AD256">
        <v>45</v>
      </c>
      <c r="AE256">
        <v>45</v>
      </c>
      <c r="AF256">
        <v>45</v>
      </c>
      <c r="AG256">
        <v>45</v>
      </c>
      <c r="AH256">
        <v>46</v>
      </c>
      <c r="AI256">
        <v>46</v>
      </c>
      <c r="AJ256">
        <v>46</v>
      </c>
      <c r="AK256">
        <v>46</v>
      </c>
      <c r="AL256">
        <v>46</v>
      </c>
      <c r="AM256">
        <v>46</v>
      </c>
      <c r="AN256">
        <v>46</v>
      </c>
      <c r="AO256">
        <v>46</v>
      </c>
      <c r="AP256">
        <v>46</v>
      </c>
      <c r="AQ256">
        <v>46</v>
      </c>
    </row>
    <row r="257" spans="1:43">
      <c r="A257" t="s">
        <v>259</v>
      </c>
      <c r="B257" t="s">
        <v>260</v>
      </c>
      <c r="C257" t="s">
        <v>251</v>
      </c>
      <c r="D257" t="s">
        <v>252</v>
      </c>
      <c r="E257" t="s">
        <v>102</v>
      </c>
      <c r="F257" t="s">
        <v>103</v>
      </c>
      <c r="G257" t="s">
        <v>80</v>
      </c>
      <c r="H257" t="s">
        <v>81</v>
      </c>
      <c r="I257" s="2">
        <v>0</v>
      </c>
      <c r="J257" s="2">
        <v>1</v>
      </c>
      <c r="K257" s="2">
        <v>0</v>
      </c>
      <c r="L257" t="s">
        <v>82</v>
      </c>
      <c r="M257" t="s">
        <v>83</v>
      </c>
      <c r="N257" t="s">
        <v>91</v>
      </c>
      <c r="O257" t="s">
        <v>85</v>
      </c>
      <c r="P257" t="s">
        <v>86</v>
      </c>
      <c r="Q257">
        <v>35</v>
      </c>
      <c r="R257">
        <v>36</v>
      </c>
      <c r="S257">
        <v>36</v>
      </c>
      <c r="T257">
        <v>37</v>
      </c>
      <c r="U257">
        <v>38</v>
      </c>
      <c r="V257">
        <v>38</v>
      </c>
      <c r="W257">
        <v>39</v>
      </c>
      <c r="X257">
        <v>39</v>
      </c>
      <c r="Y257">
        <v>40</v>
      </c>
      <c r="Z257">
        <v>40</v>
      </c>
      <c r="AA257">
        <v>41</v>
      </c>
      <c r="AB257">
        <v>42</v>
      </c>
      <c r="AC257">
        <v>42</v>
      </c>
      <c r="AD257">
        <v>43</v>
      </c>
      <c r="AE257">
        <v>43</v>
      </c>
      <c r="AF257">
        <v>44</v>
      </c>
      <c r="AG257">
        <v>44</v>
      </c>
      <c r="AH257">
        <v>45</v>
      </c>
      <c r="AI257">
        <v>45</v>
      </c>
      <c r="AJ257">
        <v>46</v>
      </c>
      <c r="AK257">
        <v>46</v>
      </c>
      <c r="AL257">
        <v>47</v>
      </c>
      <c r="AM257">
        <v>47</v>
      </c>
      <c r="AN257">
        <v>47</v>
      </c>
      <c r="AO257">
        <v>47</v>
      </c>
      <c r="AP257">
        <v>47</v>
      </c>
      <c r="AQ257">
        <v>47</v>
      </c>
    </row>
    <row r="258" spans="1:43">
      <c r="A258" t="s">
        <v>261</v>
      </c>
      <c r="B258" t="s">
        <v>262</v>
      </c>
      <c r="C258" t="s">
        <v>251</v>
      </c>
      <c r="D258" t="s">
        <v>252</v>
      </c>
      <c r="E258" t="s">
        <v>102</v>
      </c>
      <c r="F258" t="s">
        <v>103</v>
      </c>
      <c r="G258" t="s">
        <v>80</v>
      </c>
      <c r="H258" t="s">
        <v>81</v>
      </c>
      <c r="I258" s="2">
        <v>0</v>
      </c>
      <c r="J258" s="2">
        <v>1</v>
      </c>
      <c r="K258" s="2">
        <v>0</v>
      </c>
      <c r="L258" t="s">
        <v>82</v>
      </c>
      <c r="M258" t="s">
        <v>83</v>
      </c>
      <c r="N258" t="s">
        <v>84</v>
      </c>
      <c r="O258" t="s">
        <v>85</v>
      </c>
      <c r="P258" t="s">
        <v>86</v>
      </c>
      <c r="Q258">
        <v>19</v>
      </c>
      <c r="R258">
        <v>19</v>
      </c>
      <c r="S258">
        <v>19</v>
      </c>
      <c r="T258">
        <v>20</v>
      </c>
      <c r="U258">
        <v>20</v>
      </c>
      <c r="V258">
        <v>20</v>
      </c>
      <c r="W258">
        <v>21</v>
      </c>
      <c r="X258">
        <v>21</v>
      </c>
      <c r="Y258">
        <v>21</v>
      </c>
      <c r="Z258">
        <v>22</v>
      </c>
      <c r="AA258">
        <v>22</v>
      </c>
      <c r="AB258">
        <v>22</v>
      </c>
      <c r="AC258">
        <v>23</v>
      </c>
      <c r="AD258">
        <v>23</v>
      </c>
      <c r="AE258">
        <v>23</v>
      </c>
      <c r="AF258">
        <v>23</v>
      </c>
      <c r="AG258">
        <v>24</v>
      </c>
      <c r="AH258">
        <v>24</v>
      </c>
      <c r="AI258">
        <v>24</v>
      </c>
      <c r="AJ258">
        <v>25</v>
      </c>
      <c r="AK258">
        <v>25</v>
      </c>
      <c r="AL258">
        <v>25</v>
      </c>
      <c r="AM258">
        <v>25</v>
      </c>
      <c r="AN258">
        <v>25</v>
      </c>
      <c r="AO258">
        <v>25</v>
      </c>
      <c r="AP258">
        <v>25</v>
      </c>
      <c r="AQ258">
        <v>25</v>
      </c>
    </row>
    <row r="259" spans="1:43">
      <c r="A259" t="s">
        <v>261</v>
      </c>
      <c r="B259" t="s">
        <v>262</v>
      </c>
      <c r="C259" t="s">
        <v>251</v>
      </c>
      <c r="D259" t="s">
        <v>252</v>
      </c>
      <c r="E259" t="s">
        <v>102</v>
      </c>
      <c r="F259" t="s">
        <v>103</v>
      </c>
      <c r="G259" t="s">
        <v>80</v>
      </c>
      <c r="H259" t="s">
        <v>81</v>
      </c>
      <c r="I259" s="2">
        <v>0</v>
      </c>
      <c r="J259" s="2">
        <v>1</v>
      </c>
      <c r="K259" s="2">
        <v>0</v>
      </c>
      <c r="L259" t="s">
        <v>82</v>
      </c>
      <c r="M259" t="s">
        <v>87</v>
      </c>
      <c r="N259" t="s">
        <v>88</v>
      </c>
      <c r="O259" t="s">
        <v>85</v>
      </c>
      <c r="P259" t="s">
        <v>86</v>
      </c>
      <c r="Q259">
        <v>19</v>
      </c>
      <c r="R259">
        <v>19</v>
      </c>
      <c r="S259">
        <v>19</v>
      </c>
      <c r="T259">
        <v>19</v>
      </c>
      <c r="U259">
        <v>19</v>
      </c>
      <c r="V259">
        <v>19</v>
      </c>
      <c r="W259">
        <v>19</v>
      </c>
      <c r="X259">
        <v>20</v>
      </c>
      <c r="Y259">
        <v>20</v>
      </c>
      <c r="Z259">
        <v>20</v>
      </c>
      <c r="AA259">
        <v>20</v>
      </c>
      <c r="AB259">
        <v>20</v>
      </c>
      <c r="AC259">
        <v>20</v>
      </c>
      <c r="AD259">
        <v>20</v>
      </c>
      <c r="AE259">
        <v>20</v>
      </c>
      <c r="AF259">
        <v>21</v>
      </c>
      <c r="AG259">
        <v>21</v>
      </c>
      <c r="AH259">
        <v>21</v>
      </c>
      <c r="AI259">
        <v>21</v>
      </c>
      <c r="AJ259">
        <v>21</v>
      </c>
      <c r="AK259">
        <v>21</v>
      </c>
      <c r="AL259">
        <v>21</v>
      </c>
      <c r="AM259">
        <v>21</v>
      </c>
      <c r="AN259">
        <v>22</v>
      </c>
      <c r="AO259">
        <v>22</v>
      </c>
      <c r="AP259">
        <v>22</v>
      </c>
      <c r="AQ259">
        <v>22</v>
      </c>
    </row>
    <row r="260" spans="1:43">
      <c r="A260" t="s">
        <v>261</v>
      </c>
      <c r="B260" t="s">
        <v>262</v>
      </c>
      <c r="C260" t="s">
        <v>251</v>
      </c>
      <c r="D260" t="s">
        <v>252</v>
      </c>
      <c r="E260" t="s">
        <v>102</v>
      </c>
      <c r="F260" t="s">
        <v>103</v>
      </c>
      <c r="G260" t="s">
        <v>80</v>
      </c>
      <c r="H260" t="s">
        <v>81</v>
      </c>
      <c r="I260" s="2">
        <v>0</v>
      </c>
      <c r="J260" s="2">
        <v>1</v>
      </c>
      <c r="K260" s="2">
        <v>0</v>
      </c>
      <c r="L260" t="s">
        <v>82</v>
      </c>
      <c r="M260" t="s">
        <v>89</v>
      </c>
      <c r="N260" t="s">
        <v>90</v>
      </c>
      <c r="O260" t="s">
        <v>85</v>
      </c>
      <c r="P260" t="s">
        <v>86</v>
      </c>
      <c r="Q260">
        <v>19</v>
      </c>
      <c r="R260">
        <v>19</v>
      </c>
      <c r="S260">
        <v>20</v>
      </c>
      <c r="T260">
        <v>20</v>
      </c>
      <c r="U260">
        <v>21</v>
      </c>
      <c r="V260">
        <v>21</v>
      </c>
      <c r="W260">
        <v>22</v>
      </c>
      <c r="X260">
        <v>22</v>
      </c>
      <c r="Y260">
        <v>23</v>
      </c>
      <c r="Z260">
        <v>23</v>
      </c>
      <c r="AA260">
        <v>23</v>
      </c>
      <c r="AB260">
        <v>24</v>
      </c>
      <c r="AC260">
        <v>24</v>
      </c>
      <c r="AD260">
        <v>24</v>
      </c>
      <c r="AE260">
        <v>25</v>
      </c>
      <c r="AF260">
        <v>25</v>
      </c>
      <c r="AG260">
        <v>25</v>
      </c>
      <c r="AH260">
        <v>25</v>
      </c>
      <c r="AI260">
        <v>25</v>
      </c>
      <c r="AJ260">
        <v>25</v>
      </c>
      <c r="AK260">
        <v>25</v>
      </c>
      <c r="AL260">
        <v>25</v>
      </c>
      <c r="AM260">
        <v>25</v>
      </c>
      <c r="AN260">
        <v>25</v>
      </c>
      <c r="AO260">
        <v>25</v>
      </c>
      <c r="AP260">
        <v>25</v>
      </c>
      <c r="AQ260">
        <v>25</v>
      </c>
    </row>
    <row r="261" spans="1:43">
      <c r="A261" t="s">
        <v>261</v>
      </c>
      <c r="B261" t="s">
        <v>262</v>
      </c>
      <c r="C261" t="s">
        <v>251</v>
      </c>
      <c r="D261" t="s">
        <v>252</v>
      </c>
      <c r="E261" t="s">
        <v>102</v>
      </c>
      <c r="F261" t="s">
        <v>103</v>
      </c>
      <c r="G261" t="s">
        <v>80</v>
      </c>
      <c r="H261" t="s">
        <v>81</v>
      </c>
      <c r="I261" s="2">
        <v>0</v>
      </c>
      <c r="J261" s="2">
        <v>1</v>
      </c>
      <c r="K261" s="2">
        <v>0</v>
      </c>
      <c r="L261" t="s">
        <v>82</v>
      </c>
      <c r="M261" t="s">
        <v>83</v>
      </c>
      <c r="N261" t="s">
        <v>91</v>
      </c>
      <c r="O261" t="s">
        <v>85</v>
      </c>
      <c r="P261" t="s">
        <v>86</v>
      </c>
      <c r="Q261">
        <v>19</v>
      </c>
      <c r="R261">
        <v>19</v>
      </c>
      <c r="S261">
        <v>19</v>
      </c>
      <c r="T261">
        <v>20</v>
      </c>
      <c r="U261">
        <v>20</v>
      </c>
      <c r="V261">
        <v>20</v>
      </c>
      <c r="W261">
        <v>21</v>
      </c>
      <c r="X261">
        <v>21</v>
      </c>
      <c r="Y261">
        <v>21</v>
      </c>
      <c r="Z261">
        <v>22</v>
      </c>
      <c r="AA261">
        <v>22</v>
      </c>
      <c r="AB261">
        <v>22</v>
      </c>
      <c r="AC261">
        <v>23</v>
      </c>
      <c r="AD261">
        <v>23</v>
      </c>
      <c r="AE261">
        <v>23</v>
      </c>
      <c r="AF261">
        <v>23</v>
      </c>
      <c r="AG261">
        <v>24</v>
      </c>
      <c r="AH261">
        <v>24</v>
      </c>
      <c r="AI261">
        <v>24</v>
      </c>
      <c r="AJ261">
        <v>25</v>
      </c>
      <c r="AK261">
        <v>25</v>
      </c>
      <c r="AL261">
        <v>25</v>
      </c>
      <c r="AM261">
        <v>25</v>
      </c>
      <c r="AN261">
        <v>25</v>
      </c>
      <c r="AO261">
        <v>25</v>
      </c>
      <c r="AP261">
        <v>25</v>
      </c>
      <c r="AQ261">
        <v>25</v>
      </c>
    </row>
    <row r="262" spans="1:43">
      <c r="A262" t="s">
        <v>263</v>
      </c>
      <c r="B262" t="s">
        <v>264</v>
      </c>
      <c r="C262" t="s">
        <v>191</v>
      </c>
      <c r="D262" t="s">
        <v>192</v>
      </c>
      <c r="E262" t="s">
        <v>102</v>
      </c>
      <c r="F262" t="s">
        <v>103</v>
      </c>
      <c r="G262" t="s">
        <v>80</v>
      </c>
      <c r="H262" t="s">
        <v>81</v>
      </c>
      <c r="I262" s="2">
        <v>0</v>
      </c>
      <c r="J262" s="2">
        <v>1</v>
      </c>
      <c r="K262" s="2">
        <v>0</v>
      </c>
      <c r="L262" t="s">
        <v>82</v>
      </c>
      <c r="M262" t="s">
        <v>83</v>
      </c>
      <c r="N262" t="s">
        <v>84</v>
      </c>
      <c r="O262" t="s">
        <v>85</v>
      </c>
      <c r="P262" t="s">
        <v>86</v>
      </c>
      <c r="Q262">
        <v>28</v>
      </c>
      <c r="R262">
        <v>28</v>
      </c>
      <c r="S262">
        <v>29</v>
      </c>
      <c r="T262">
        <v>29</v>
      </c>
      <c r="U262">
        <v>30</v>
      </c>
      <c r="V262">
        <v>30</v>
      </c>
      <c r="W262">
        <v>31</v>
      </c>
      <c r="X262">
        <v>31</v>
      </c>
      <c r="Y262">
        <v>32</v>
      </c>
      <c r="Z262">
        <v>32</v>
      </c>
      <c r="AA262">
        <v>32</v>
      </c>
      <c r="AB262">
        <v>33</v>
      </c>
      <c r="AC262">
        <v>33</v>
      </c>
      <c r="AD262">
        <v>34</v>
      </c>
      <c r="AE262">
        <v>34</v>
      </c>
      <c r="AF262">
        <v>35</v>
      </c>
      <c r="AG262">
        <v>35</v>
      </c>
      <c r="AH262">
        <v>35</v>
      </c>
      <c r="AI262">
        <v>36</v>
      </c>
      <c r="AJ262">
        <v>36</v>
      </c>
      <c r="AK262">
        <v>37</v>
      </c>
      <c r="AL262">
        <v>37</v>
      </c>
      <c r="AM262">
        <v>37</v>
      </c>
      <c r="AN262">
        <v>37</v>
      </c>
      <c r="AO262">
        <v>37</v>
      </c>
      <c r="AP262">
        <v>37</v>
      </c>
      <c r="AQ262">
        <v>37</v>
      </c>
    </row>
    <row r="263" spans="1:43">
      <c r="A263" t="s">
        <v>263</v>
      </c>
      <c r="B263" t="s">
        <v>264</v>
      </c>
      <c r="C263" t="s">
        <v>191</v>
      </c>
      <c r="D263" t="s">
        <v>192</v>
      </c>
      <c r="E263" t="s">
        <v>102</v>
      </c>
      <c r="F263" t="s">
        <v>103</v>
      </c>
      <c r="G263" t="s">
        <v>80</v>
      </c>
      <c r="H263" t="s">
        <v>81</v>
      </c>
      <c r="I263" s="2">
        <v>0</v>
      </c>
      <c r="J263" s="2">
        <v>1</v>
      </c>
      <c r="K263" s="2">
        <v>0</v>
      </c>
      <c r="L263" t="s">
        <v>82</v>
      </c>
      <c r="M263" t="s">
        <v>87</v>
      </c>
      <c r="N263" t="s">
        <v>88</v>
      </c>
      <c r="O263" t="s">
        <v>85</v>
      </c>
      <c r="P263" t="s">
        <v>86</v>
      </c>
      <c r="Q263">
        <v>28</v>
      </c>
      <c r="R263">
        <v>28</v>
      </c>
      <c r="S263">
        <v>28</v>
      </c>
      <c r="T263">
        <v>28</v>
      </c>
      <c r="U263">
        <v>28</v>
      </c>
      <c r="V263">
        <v>29</v>
      </c>
      <c r="W263">
        <v>29</v>
      </c>
      <c r="X263">
        <v>29</v>
      </c>
      <c r="Y263">
        <v>29</v>
      </c>
      <c r="Z263">
        <v>29</v>
      </c>
      <c r="AA263">
        <v>30</v>
      </c>
      <c r="AB263">
        <v>30</v>
      </c>
      <c r="AC263">
        <v>30</v>
      </c>
      <c r="AD263">
        <v>30</v>
      </c>
      <c r="AE263">
        <v>30</v>
      </c>
      <c r="AF263">
        <v>31</v>
      </c>
      <c r="AG263">
        <v>31</v>
      </c>
      <c r="AH263">
        <v>31</v>
      </c>
      <c r="AI263">
        <v>31</v>
      </c>
      <c r="AJ263">
        <v>31</v>
      </c>
      <c r="AK263">
        <v>31</v>
      </c>
      <c r="AL263">
        <v>32</v>
      </c>
      <c r="AM263">
        <v>32</v>
      </c>
      <c r="AN263">
        <v>32</v>
      </c>
      <c r="AO263">
        <v>32</v>
      </c>
      <c r="AP263">
        <v>32</v>
      </c>
      <c r="AQ263">
        <v>33</v>
      </c>
    </row>
    <row r="264" spans="1:43">
      <c r="A264" t="s">
        <v>263</v>
      </c>
      <c r="B264" t="s">
        <v>264</v>
      </c>
      <c r="C264" t="s">
        <v>191</v>
      </c>
      <c r="D264" t="s">
        <v>192</v>
      </c>
      <c r="E264" t="s">
        <v>102</v>
      </c>
      <c r="F264" t="s">
        <v>103</v>
      </c>
      <c r="G264" t="s">
        <v>80</v>
      </c>
      <c r="H264" t="s">
        <v>81</v>
      </c>
      <c r="I264" s="2">
        <v>0</v>
      </c>
      <c r="J264" s="2">
        <v>1</v>
      </c>
      <c r="K264" s="2">
        <v>0</v>
      </c>
      <c r="L264" t="s">
        <v>82</v>
      </c>
      <c r="M264" t="s">
        <v>89</v>
      </c>
      <c r="N264" t="s">
        <v>90</v>
      </c>
      <c r="O264" t="s">
        <v>85</v>
      </c>
      <c r="P264" t="s">
        <v>86</v>
      </c>
      <c r="Q264">
        <v>28</v>
      </c>
      <c r="R264">
        <v>29</v>
      </c>
      <c r="S264">
        <v>29</v>
      </c>
      <c r="T264">
        <v>30</v>
      </c>
      <c r="U264">
        <v>31</v>
      </c>
      <c r="V264">
        <v>32</v>
      </c>
      <c r="W264">
        <v>32</v>
      </c>
      <c r="X264">
        <v>33</v>
      </c>
      <c r="Y264">
        <v>33</v>
      </c>
      <c r="Z264">
        <v>34</v>
      </c>
      <c r="AA264">
        <v>34</v>
      </c>
      <c r="AB264">
        <v>35</v>
      </c>
      <c r="AC264">
        <v>36</v>
      </c>
      <c r="AD264">
        <v>36</v>
      </c>
      <c r="AE264">
        <v>37</v>
      </c>
      <c r="AF264">
        <v>37</v>
      </c>
      <c r="AG264">
        <v>37</v>
      </c>
      <c r="AH264">
        <v>37</v>
      </c>
      <c r="AI264">
        <v>37</v>
      </c>
      <c r="AJ264">
        <v>37</v>
      </c>
      <c r="AK264">
        <v>37</v>
      </c>
      <c r="AL264">
        <v>37</v>
      </c>
      <c r="AM264">
        <v>37</v>
      </c>
      <c r="AN264">
        <v>37</v>
      </c>
      <c r="AO264">
        <v>37</v>
      </c>
      <c r="AP264">
        <v>37</v>
      </c>
      <c r="AQ264">
        <v>38</v>
      </c>
    </row>
    <row r="265" spans="1:43">
      <c r="A265" t="s">
        <v>263</v>
      </c>
      <c r="B265" t="s">
        <v>264</v>
      </c>
      <c r="C265" t="s">
        <v>191</v>
      </c>
      <c r="D265" t="s">
        <v>192</v>
      </c>
      <c r="E265" t="s">
        <v>102</v>
      </c>
      <c r="F265" t="s">
        <v>103</v>
      </c>
      <c r="G265" t="s">
        <v>80</v>
      </c>
      <c r="H265" t="s">
        <v>81</v>
      </c>
      <c r="I265" s="2">
        <v>0</v>
      </c>
      <c r="J265" s="2">
        <v>1</v>
      </c>
      <c r="K265" s="2">
        <v>0</v>
      </c>
      <c r="L265" t="s">
        <v>82</v>
      </c>
      <c r="M265" t="s">
        <v>83</v>
      </c>
      <c r="N265" t="s">
        <v>91</v>
      </c>
      <c r="O265" t="s">
        <v>85</v>
      </c>
      <c r="P265" t="s">
        <v>86</v>
      </c>
      <c r="Q265">
        <v>28</v>
      </c>
      <c r="R265">
        <v>28</v>
      </c>
      <c r="S265">
        <v>29</v>
      </c>
      <c r="T265">
        <v>29</v>
      </c>
      <c r="U265">
        <v>30</v>
      </c>
      <c r="V265">
        <v>30</v>
      </c>
      <c r="W265">
        <v>31</v>
      </c>
      <c r="X265">
        <v>31</v>
      </c>
      <c r="Y265">
        <v>32</v>
      </c>
      <c r="Z265">
        <v>32</v>
      </c>
      <c r="AA265">
        <v>32</v>
      </c>
      <c r="AB265">
        <v>33</v>
      </c>
      <c r="AC265">
        <v>33</v>
      </c>
      <c r="AD265">
        <v>34</v>
      </c>
      <c r="AE265">
        <v>34</v>
      </c>
      <c r="AF265">
        <v>35</v>
      </c>
      <c r="AG265">
        <v>35</v>
      </c>
      <c r="AH265">
        <v>35</v>
      </c>
      <c r="AI265">
        <v>36</v>
      </c>
      <c r="AJ265">
        <v>36</v>
      </c>
      <c r="AK265">
        <v>37</v>
      </c>
      <c r="AL265">
        <v>37</v>
      </c>
      <c r="AM265">
        <v>37</v>
      </c>
      <c r="AN265">
        <v>37</v>
      </c>
      <c r="AO265">
        <v>37</v>
      </c>
      <c r="AP265">
        <v>37</v>
      </c>
      <c r="AQ265">
        <v>37</v>
      </c>
    </row>
    <row r="266" spans="1:43">
      <c r="A266" t="s">
        <v>265</v>
      </c>
      <c r="B266" t="s">
        <v>266</v>
      </c>
      <c r="C266" t="s">
        <v>227</v>
      </c>
      <c r="D266" t="s">
        <v>228</v>
      </c>
      <c r="E266" t="s">
        <v>102</v>
      </c>
      <c r="F266" t="s">
        <v>103</v>
      </c>
      <c r="G266" t="s">
        <v>80</v>
      </c>
      <c r="H266" t="s">
        <v>81</v>
      </c>
      <c r="I266" s="2">
        <v>0</v>
      </c>
      <c r="J266" s="2">
        <v>1</v>
      </c>
      <c r="K266" s="2">
        <v>0</v>
      </c>
      <c r="L266" t="s">
        <v>82</v>
      </c>
      <c r="M266" t="s">
        <v>83</v>
      </c>
      <c r="N266" t="s">
        <v>84</v>
      </c>
      <c r="O266" t="s">
        <v>85</v>
      </c>
      <c r="P266" t="s">
        <v>86</v>
      </c>
      <c r="Q266">
        <v>14</v>
      </c>
      <c r="R266">
        <v>15</v>
      </c>
      <c r="S266">
        <v>15</v>
      </c>
      <c r="T266">
        <v>15</v>
      </c>
      <c r="U266">
        <v>15</v>
      </c>
      <c r="V266">
        <v>16</v>
      </c>
      <c r="W266">
        <v>16</v>
      </c>
      <c r="X266">
        <v>16</v>
      </c>
      <c r="Y266">
        <v>16</v>
      </c>
      <c r="Z266">
        <v>17</v>
      </c>
      <c r="AA266">
        <v>17</v>
      </c>
      <c r="AB266">
        <v>17</v>
      </c>
      <c r="AC266">
        <v>17</v>
      </c>
      <c r="AD266">
        <v>17</v>
      </c>
      <c r="AE266">
        <v>18</v>
      </c>
      <c r="AF266">
        <v>18</v>
      </c>
      <c r="AG266">
        <v>18</v>
      </c>
      <c r="AH266">
        <v>18</v>
      </c>
      <c r="AI266">
        <v>19</v>
      </c>
      <c r="AJ266">
        <v>19</v>
      </c>
      <c r="AK266">
        <v>19</v>
      </c>
      <c r="AL266">
        <v>19</v>
      </c>
      <c r="AM266">
        <v>19</v>
      </c>
      <c r="AN266">
        <v>19</v>
      </c>
      <c r="AO266">
        <v>19</v>
      </c>
      <c r="AP266">
        <v>19</v>
      </c>
      <c r="AQ266">
        <v>19</v>
      </c>
    </row>
    <row r="267" spans="1:43">
      <c r="A267" t="s">
        <v>265</v>
      </c>
      <c r="B267" t="s">
        <v>266</v>
      </c>
      <c r="C267" t="s">
        <v>227</v>
      </c>
      <c r="D267" t="s">
        <v>228</v>
      </c>
      <c r="E267" t="s">
        <v>102</v>
      </c>
      <c r="F267" t="s">
        <v>103</v>
      </c>
      <c r="G267" t="s">
        <v>80</v>
      </c>
      <c r="H267" t="s">
        <v>81</v>
      </c>
      <c r="I267" s="2">
        <v>0</v>
      </c>
      <c r="J267" s="2">
        <v>1</v>
      </c>
      <c r="K267" s="2">
        <v>0</v>
      </c>
      <c r="L267" t="s">
        <v>82</v>
      </c>
      <c r="M267" t="s">
        <v>87</v>
      </c>
      <c r="N267" t="s">
        <v>88</v>
      </c>
      <c r="O267" t="s">
        <v>85</v>
      </c>
      <c r="P267" t="s">
        <v>86</v>
      </c>
      <c r="Q267">
        <v>14</v>
      </c>
      <c r="R267">
        <v>14</v>
      </c>
      <c r="S267">
        <v>14</v>
      </c>
      <c r="T267">
        <v>15</v>
      </c>
      <c r="U267">
        <v>15</v>
      </c>
      <c r="V267">
        <v>15</v>
      </c>
      <c r="W267">
        <v>15</v>
      </c>
      <c r="X267">
        <v>15</v>
      </c>
      <c r="Y267">
        <v>15</v>
      </c>
      <c r="Z267">
        <v>15</v>
      </c>
      <c r="AA267">
        <v>15</v>
      </c>
      <c r="AB267">
        <v>15</v>
      </c>
      <c r="AC267">
        <v>15</v>
      </c>
      <c r="AD267">
        <v>16</v>
      </c>
      <c r="AE267">
        <v>16</v>
      </c>
      <c r="AF267">
        <v>16</v>
      </c>
      <c r="AG267">
        <v>16</v>
      </c>
      <c r="AH267">
        <v>16</v>
      </c>
      <c r="AI267">
        <v>16</v>
      </c>
      <c r="AJ267">
        <v>16</v>
      </c>
      <c r="AK267">
        <v>16</v>
      </c>
      <c r="AL267">
        <v>16</v>
      </c>
      <c r="AM267">
        <v>16</v>
      </c>
      <c r="AN267">
        <v>17</v>
      </c>
      <c r="AO267">
        <v>17</v>
      </c>
      <c r="AP267">
        <v>17</v>
      </c>
      <c r="AQ267">
        <v>17</v>
      </c>
    </row>
    <row r="268" spans="1:43">
      <c r="A268" t="s">
        <v>265</v>
      </c>
      <c r="B268" t="s">
        <v>266</v>
      </c>
      <c r="C268" t="s">
        <v>227</v>
      </c>
      <c r="D268" t="s">
        <v>228</v>
      </c>
      <c r="E268" t="s">
        <v>102</v>
      </c>
      <c r="F268" t="s">
        <v>103</v>
      </c>
      <c r="G268" t="s">
        <v>80</v>
      </c>
      <c r="H268" t="s">
        <v>81</v>
      </c>
      <c r="I268" s="2">
        <v>0</v>
      </c>
      <c r="J268" s="2">
        <v>1</v>
      </c>
      <c r="K268" s="2">
        <v>0</v>
      </c>
      <c r="L268" t="s">
        <v>82</v>
      </c>
      <c r="M268" t="s">
        <v>89</v>
      </c>
      <c r="N268" t="s">
        <v>90</v>
      </c>
      <c r="O268" t="s">
        <v>85</v>
      </c>
      <c r="P268" t="s">
        <v>86</v>
      </c>
      <c r="Q268">
        <v>14</v>
      </c>
      <c r="R268">
        <v>14</v>
      </c>
      <c r="S268">
        <v>14</v>
      </c>
      <c r="T268">
        <v>15</v>
      </c>
      <c r="U268">
        <v>15</v>
      </c>
      <c r="V268">
        <v>15</v>
      </c>
      <c r="W268">
        <v>16</v>
      </c>
      <c r="X268">
        <v>16</v>
      </c>
      <c r="Y268">
        <v>16</v>
      </c>
      <c r="Z268">
        <v>17</v>
      </c>
      <c r="AA268">
        <v>17</v>
      </c>
      <c r="AB268">
        <v>17</v>
      </c>
      <c r="AC268">
        <v>17</v>
      </c>
      <c r="AD268">
        <v>18</v>
      </c>
      <c r="AE268">
        <v>18</v>
      </c>
      <c r="AF268">
        <v>18</v>
      </c>
      <c r="AG268">
        <v>18</v>
      </c>
      <c r="AH268">
        <v>18</v>
      </c>
      <c r="AI268">
        <v>18</v>
      </c>
      <c r="AJ268">
        <v>18</v>
      </c>
      <c r="AK268">
        <v>18</v>
      </c>
      <c r="AL268">
        <v>18</v>
      </c>
      <c r="AM268">
        <v>18</v>
      </c>
      <c r="AN268">
        <v>18</v>
      </c>
      <c r="AO268">
        <v>18</v>
      </c>
      <c r="AP268">
        <v>18</v>
      </c>
      <c r="AQ268">
        <v>18</v>
      </c>
    </row>
    <row r="269" spans="1:43">
      <c r="A269" t="s">
        <v>265</v>
      </c>
      <c r="B269" t="s">
        <v>266</v>
      </c>
      <c r="C269" t="s">
        <v>227</v>
      </c>
      <c r="D269" t="s">
        <v>228</v>
      </c>
      <c r="E269" t="s">
        <v>102</v>
      </c>
      <c r="F269" t="s">
        <v>103</v>
      </c>
      <c r="G269" t="s">
        <v>80</v>
      </c>
      <c r="H269" t="s">
        <v>81</v>
      </c>
      <c r="I269" s="2">
        <v>0</v>
      </c>
      <c r="J269" s="2">
        <v>1</v>
      </c>
      <c r="K269" s="2">
        <v>0</v>
      </c>
      <c r="L269" t="s">
        <v>82</v>
      </c>
      <c r="M269" t="s">
        <v>83</v>
      </c>
      <c r="N269" t="s">
        <v>91</v>
      </c>
      <c r="O269" t="s">
        <v>85</v>
      </c>
      <c r="P269" t="s">
        <v>86</v>
      </c>
      <c r="Q269">
        <v>14</v>
      </c>
      <c r="R269">
        <v>15</v>
      </c>
      <c r="S269">
        <v>15</v>
      </c>
      <c r="T269">
        <v>15</v>
      </c>
      <c r="U269">
        <v>15</v>
      </c>
      <c r="V269">
        <v>16</v>
      </c>
      <c r="W269">
        <v>16</v>
      </c>
      <c r="X269">
        <v>16</v>
      </c>
      <c r="Y269">
        <v>16</v>
      </c>
      <c r="Z269">
        <v>17</v>
      </c>
      <c r="AA269">
        <v>17</v>
      </c>
      <c r="AB269">
        <v>17</v>
      </c>
      <c r="AC269">
        <v>17</v>
      </c>
      <c r="AD269">
        <v>17</v>
      </c>
      <c r="AE269">
        <v>18</v>
      </c>
      <c r="AF269">
        <v>18</v>
      </c>
      <c r="AG269">
        <v>18</v>
      </c>
      <c r="AH269">
        <v>18</v>
      </c>
      <c r="AI269">
        <v>19</v>
      </c>
      <c r="AJ269">
        <v>19</v>
      </c>
      <c r="AK269">
        <v>19</v>
      </c>
      <c r="AL269">
        <v>19</v>
      </c>
      <c r="AM269">
        <v>19</v>
      </c>
      <c r="AN269">
        <v>19</v>
      </c>
      <c r="AO269">
        <v>19</v>
      </c>
      <c r="AP269">
        <v>19</v>
      </c>
      <c r="AQ269">
        <v>19</v>
      </c>
    </row>
    <row r="270" spans="1:43">
      <c r="A270" t="s">
        <v>267</v>
      </c>
      <c r="B270" t="s">
        <v>268</v>
      </c>
      <c r="C270" t="s">
        <v>227</v>
      </c>
      <c r="D270" t="s">
        <v>228</v>
      </c>
      <c r="E270" t="s">
        <v>102</v>
      </c>
      <c r="F270" t="s">
        <v>103</v>
      </c>
      <c r="G270" t="s">
        <v>80</v>
      </c>
      <c r="H270" t="s">
        <v>81</v>
      </c>
      <c r="I270" s="2">
        <v>0</v>
      </c>
      <c r="J270" s="2">
        <v>1</v>
      </c>
      <c r="K270" s="2">
        <v>0</v>
      </c>
      <c r="L270" t="s">
        <v>82</v>
      </c>
      <c r="M270" t="s">
        <v>83</v>
      </c>
      <c r="N270" t="s">
        <v>84</v>
      </c>
      <c r="O270" t="s">
        <v>85</v>
      </c>
      <c r="P270" t="s">
        <v>86</v>
      </c>
      <c r="Q270">
        <v>5</v>
      </c>
      <c r="R270">
        <v>5</v>
      </c>
      <c r="S270">
        <v>5</v>
      </c>
      <c r="T270">
        <v>5</v>
      </c>
      <c r="U270">
        <v>5</v>
      </c>
      <c r="V270">
        <v>5</v>
      </c>
      <c r="W270">
        <v>5</v>
      </c>
      <c r="X270">
        <v>5</v>
      </c>
      <c r="Y270">
        <v>6</v>
      </c>
      <c r="Z270">
        <v>6</v>
      </c>
      <c r="AA270">
        <v>6</v>
      </c>
      <c r="AB270">
        <v>6</v>
      </c>
      <c r="AC270">
        <v>6</v>
      </c>
      <c r="AD270">
        <v>6</v>
      </c>
      <c r="AE270">
        <v>6</v>
      </c>
      <c r="AF270">
        <v>6</v>
      </c>
      <c r="AG270">
        <v>6</v>
      </c>
      <c r="AH270">
        <v>6</v>
      </c>
      <c r="AI270">
        <v>6</v>
      </c>
      <c r="AJ270">
        <v>6</v>
      </c>
      <c r="AK270">
        <v>6</v>
      </c>
      <c r="AL270">
        <v>6</v>
      </c>
      <c r="AM270">
        <v>7</v>
      </c>
      <c r="AN270">
        <v>7</v>
      </c>
      <c r="AO270">
        <v>7</v>
      </c>
      <c r="AP270">
        <v>7</v>
      </c>
      <c r="AQ270">
        <v>7</v>
      </c>
    </row>
    <row r="271" spans="1:43">
      <c r="A271" t="s">
        <v>267</v>
      </c>
      <c r="B271" t="s">
        <v>268</v>
      </c>
      <c r="C271" t="s">
        <v>227</v>
      </c>
      <c r="D271" t="s">
        <v>228</v>
      </c>
      <c r="E271" t="s">
        <v>102</v>
      </c>
      <c r="F271" t="s">
        <v>103</v>
      </c>
      <c r="G271" t="s">
        <v>80</v>
      </c>
      <c r="H271" t="s">
        <v>81</v>
      </c>
      <c r="I271" s="2">
        <v>0</v>
      </c>
      <c r="J271" s="2">
        <v>1</v>
      </c>
      <c r="K271" s="2">
        <v>0</v>
      </c>
      <c r="L271" t="s">
        <v>82</v>
      </c>
      <c r="M271" t="s">
        <v>87</v>
      </c>
      <c r="N271" t="s">
        <v>88</v>
      </c>
      <c r="O271" t="s">
        <v>85</v>
      </c>
      <c r="P271" t="s">
        <v>86</v>
      </c>
      <c r="Q271">
        <v>5</v>
      </c>
      <c r="R271">
        <v>5</v>
      </c>
      <c r="S271">
        <v>5</v>
      </c>
      <c r="T271">
        <v>5</v>
      </c>
      <c r="U271">
        <v>5</v>
      </c>
      <c r="V271">
        <v>5</v>
      </c>
      <c r="W271">
        <v>5</v>
      </c>
      <c r="X271">
        <v>5</v>
      </c>
      <c r="Y271">
        <v>5</v>
      </c>
      <c r="Z271">
        <v>5</v>
      </c>
      <c r="AA271">
        <v>5</v>
      </c>
      <c r="AB271">
        <v>5</v>
      </c>
      <c r="AC271">
        <v>5</v>
      </c>
      <c r="AD271">
        <v>5</v>
      </c>
      <c r="AE271">
        <v>5</v>
      </c>
      <c r="AF271">
        <v>5</v>
      </c>
      <c r="AG271">
        <v>5</v>
      </c>
      <c r="AH271">
        <v>5</v>
      </c>
      <c r="AI271">
        <v>5</v>
      </c>
      <c r="AJ271">
        <v>5</v>
      </c>
      <c r="AK271">
        <v>6</v>
      </c>
      <c r="AL271">
        <v>6</v>
      </c>
      <c r="AM271">
        <v>6</v>
      </c>
      <c r="AN271">
        <v>6</v>
      </c>
      <c r="AO271">
        <v>6</v>
      </c>
      <c r="AP271">
        <v>6</v>
      </c>
      <c r="AQ271">
        <v>6</v>
      </c>
    </row>
    <row r="272" spans="1:43">
      <c r="A272" t="s">
        <v>267</v>
      </c>
      <c r="B272" t="s">
        <v>268</v>
      </c>
      <c r="C272" t="s">
        <v>227</v>
      </c>
      <c r="D272" t="s">
        <v>228</v>
      </c>
      <c r="E272" t="s">
        <v>102</v>
      </c>
      <c r="F272" t="s">
        <v>103</v>
      </c>
      <c r="G272" t="s">
        <v>80</v>
      </c>
      <c r="H272" t="s">
        <v>81</v>
      </c>
      <c r="I272" s="2">
        <v>0</v>
      </c>
      <c r="J272" s="2">
        <v>1</v>
      </c>
      <c r="K272" s="2">
        <v>0</v>
      </c>
      <c r="L272" t="s">
        <v>82</v>
      </c>
      <c r="M272" t="s">
        <v>89</v>
      </c>
      <c r="N272" t="s">
        <v>90</v>
      </c>
      <c r="O272" t="s">
        <v>85</v>
      </c>
      <c r="P272" t="s">
        <v>86</v>
      </c>
      <c r="Q272">
        <v>5</v>
      </c>
      <c r="R272">
        <v>5</v>
      </c>
      <c r="S272">
        <v>5</v>
      </c>
      <c r="T272">
        <v>5</v>
      </c>
      <c r="U272">
        <v>5</v>
      </c>
      <c r="V272">
        <v>6</v>
      </c>
      <c r="W272">
        <v>6</v>
      </c>
      <c r="X272">
        <v>6</v>
      </c>
      <c r="Y272">
        <v>6</v>
      </c>
      <c r="Z272">
        <v>6</v>
      </c>
      <c r="AA272">
        <v>6</v>
      </c>
      <c r="AB272">
        <v>6</v>
      </c>
      <c r="AC272">
        <v>6</v>
      </c>
      <c r="AD272">
        <v>6</v>
      </c>
      <c r="AE272">
        <v>6</v>
      </c>
      <c r="AF272">
        <v>6</v>
      </c>
      <c r="AG272">
        <v>6</v>
      </c>
      <c r="AH272">
        <v>6</v>
      </c>
      <c r="AI272">
        <v>6</v>
      </c>
      <c r="AJ272">
        <v>7</v>
      </c>
      <c r="AK272">
        <v>7</v>
      </c>
      <c r="AL272">
        <v>7</v>
      </c>
      <c r="AM272">
        <v>7</v>
      </c>
      <c r="AN272">
        <v>7</v>
      </c>
      <c r="AO272">
        <v>7</v>
      </c>
      <c r="AP272">
        <v>7</v>
      </c>
      <c r="AQ272">
        <v>7</v>
      </c>
    </row>
    <row r="273" spans="1:43">
      <c r="A273" t="s">
        <v>267</v>
      </c>
      <c r="B273" t="s">
        <v>268</v>
      </c>
      <c r="C273" t="s">
        <v>227</v>
      </c>
      <c r="D273" t="s">
        <v>228</v>
      </c>
      <c r="E273" t="s">
        <v>102</v>
      </c>
      <c r="F273" t="s">
        <v>103</v>
      </c>
      <c r="G273" t="s">
        <v>80</v>
      </c>
      <c r="H273" t="s">
        <v>81</v>
      </c>
      <c r="I273" s="2">
        <v>0</v>
      </c>
      <c r="J273" s="2">
        <v>1</v>
      </c>
      <c r="K273" s="2">
        <v>0</v>
      </c>
      <c r="L273" t="s">
        <v>82</v>
      </c>
      <c r="M273" t="s">
        <v>83</v>
      </c>
      <c r="N273" t="s">
        <v>91</v>
      </c>
      <c r="O273" t="s">
        <v>85</v>
      </c>
      <c r="P273" t="s">
        <v>86</v>
      </c>
      <c r="Q273">
        <v>5</v>
      </c>
      <c r="R273">
        <v>5</v>
      </c>
      <c r="S273">
        <v>5</v>
      </c>
      <c r="T273">
        <v>5</v>
      </c>
      <c r="U273">
        <v>5</v>
      </c>
      <c r="V273">
        <v>5</v>
      </c>
      <c r="W273">
        <v>5</v>
      </c>
      <c r="X273">
        <v>5</v>
      </c>
      <c r="Y273">
        <v>6</v>
      </c>
      <c r="Z273">
        <v>6</v>
      </c>
      <c r="AA273">
        <v>6</v>
      </c>
      <c r="AB273">
        <v>6</v>
      </c>
      <c r="AC273">
        <v>6</v>
      </c>
      <c r="AD273">
        <v>6</v>
      </c>
      <c r="AE273">
        <v>6</v>
      </c>
      <c r="AF273">
        <v>6</v>
      </c>
      <c r="AG273">
        <v>6</v>
      </c>
      <c r="AH273">
        <v>6</v>
      </c>
      <c r="AI273">
        <v>6</v>
      </c>
      <c r="AJ273">
        <v>6</v>
      </c>
      <c r="AK273">
        <v>6</v>
      </c>
      <c r="AL273">
        <v>6</v>
      </c>
      <c r="AM273">
        <v>7</v>
      </c>
      <c r="AN273">
        <v>7</v>
      </c>
      <c r="AO273">
        <v>7</v>
      </c>
      <c r="AP273">
        <v>7</v>
      </c>
      <c r="AQ273">
        <v>7</v>
      </c>
    </row>
    <row r="274" spans="1:43">
      <c r="A274" t="s">
        <v>269</v>
      </c>
      <c r="B274" t="s">
        <v>270</v>
      </c>
      <c r="C274" t="s">
        <v>227</v>
      </c>
      <c r="D274" t="s">
        <v>228</v>
      </c>
      <c r="E274" t="s">
        <v>102</v>
      </c>
      <c r="F274" t="s">
        <v>103</v>
      </c>
      <c r="G274" t="s">
        <v>80</v>
      </c>
      <c r="H274" t="s">
        <v>81</v>
      </c>
      <c r="I274" s="2">
        <v>0</v>
      </c>
      <c r="J274" s="2">
        <v>1</v>
      </c>
      <c r="K274" s="2">
        <v>0</v>
      </c>
      <c r="L274" t="s">
        <v>82</v>
      </c>
      <c r="M274" t="s">
        <v>83</v>
      </c>
      <c r="N274" t="s">
        <v>84</v>
      </c>
      <c r="O274" t="s">
        <v>85</v>
      </c>
      <c r="P274" t="s">
        <v>86</v>
      </c>
      <c r="Q274">
        <v>34</v>
      </c>
      <c r="R274">
        <v>34</v>
      </c>
      <c r="S274">
        <v>35</v>
      </c>
      <c r="T274">
        <v>35</v>
      </c>
      <c r="U274">
        <v>36</v>
      </c>
      <c r="V274">
        <v>37</v>
      </c>
      <c r="W274">
        <v>37</v>
      </c>
      <c r="X274">
        <v>38</v>
      </c>
      <c r="Y274">
        <v>38</v>
      </c>
      <c r="Z274">
        <v>39</v>
      </c>
      <c r="AA274">
        <v>39</v>
      </c>
      <c r="AB274">
        <v>40</v>
      </c>
      <c r="AC274">
        <v>40</v>
      </c>
      <c r="AD274">
        <v>41</v>
      </c>
      <c r="AE274">
        <v>41</v>
      </c>
      <c r="AF274">
        <v>42</v>
      </c>
      <c r="AG274">
        <v>42</v>
      </c>
      <c r="AH274">
        <v>43</v>
      </c>
      <c r="AI274">
        <v>43</v>
      </c>
      <c r="AJ274">
        <v>44</v>
      </c>
      <c r="AK274">
        <v>44</v>
      </c>
      <c r="AL274">
        <v>45</v>
      </c>
      <c r="AM274">
        <v>45</v>
      </c>
      <c r="AN274">
        <v>45</v>
      </c>
      <c r="AO274">
        <v>45</v>
      </c>
      <c r="AP274">
        <v>45</v>
      </c>
      <c r="AQ274">
        <v>45</v>
      </c>
    </row>
    <row r="275" spans="1:43">
      <c r="A275" t="s">
        <v>269</v>
      </c>
      <c r="B275" t="s">
        <v>270</v>
      </c>
      <c r="C275" t="s">
        <v>227</v>
      </c>
      <c r="D275" t="s">
        <v>228</v>
      </c>
      <c r="E275" t="s">
        <v>102</v>
      </c>
      <c r="F275" t="s">
        <v>103</v>
      </c>
      <c r="G275" t="s">
        <v>80</v>
      </c>
      <c r="H275" t="s">
        <v>81</v>
      </c>
      <c r="I275" s="2">
        <v>0</v>
      </c>
      <c r="J275" s="2">
        <v>1</v>
      </c>
      <c r="K275" s="2">
        <v>0</v>
      </c>
      <c r="L275" t="s">
        <v>82</v>
      </c>
      <c r="M275" t="s">
        <v>87</v>
      </c>
      <c r="N275" t="s">
        <v>88</v>
      </c>
      <c r="O275" t="s">
        <v>85</v>
      </c>
      <c r="P275" t="s">
        <v>86</v>
      </c>
      <c r="Q275">
        <v>34</v>
      </c>
      <c r="R275">
        <v>35</v>
      </c>
      <c r="S275">
        <v>35</v>
      </c>
      <c r="T275">
        <v>35</v>
      </c>
      <c r="U275">
        <v>35</v>
      </c>
      <c r="V275">
        <v>36</v>
      </c>
      <c r="W275">
        <v>36</v>
      </c>
      <c r="X275">
        <v>36</v>
      </c>
      <c r="Y275">
        <v>36</v>
      </c>
      <c r="Z275">
        <v>37</v>
      </c>
      <c r="AA275">
        <v>37</v>
      </c>
      <c r="AB275">
        <v>37</v>
      </c>
      <c r="AC275">
        <v>37</v>
      </c>
      <c r="AD275">
        <v>38</v>
      </c>
      <c r="AE275">
        <v>38</v>
      </c>
      <c r="AF275">
        <v>38</v>
      </c>
      <c r="AG275">
        <v>38</v>
      </c>
      <c r="AH275">
        <v>38</v>
      </c>
      <c r="AI275">
        <v>39</v>
      </c>
      <c r="AJ275">
        <v>39</v>
      </c>
      <c r="AK275">
        <v>39</v>
      </c>
      <c r="AL275">
        <v>39</v>
      </c>
      <c r="AM275">
        <v>40</v>
      </c>
      <c r="AN275">
        <v>40</v>
      </c>
      <c r="AO275">
        <v>40</v>
      </c>
      <c r="AP275">
        <v>40</v>
      </c>
      <c r="AQ275">
        <v>40</v>
      </c>
    </row>
    <row r="276" spans="1:43">
      <c r="A276" t="s">
        <v>269</v>
      </c>
      <c r="B276" t="s">
        <v>270</v>
      </c>
      <c r="C276" t="s">
        <v>227</v>
      </c>
      <c r="D276" t="s">
        <v>228</v>
      </c>
      <c r="E276" t="s">
        <v>102</v>
      </c>
      <c r="F276" t="s">
        <v>103</v>
      </c>
      <c r="G276" t="s">
        <v>80</v>
      </c>
      <c r="H276" t="s">
        <v>81</v>
      </c>
      <c r="I276" s="2">
        <v>0</v>
      </c>
      <c r="J276" s="2">
        <v>1</v>
      </c>
      <c r="K276" s="2">
        <v>0</v>
      </c>
      <c r="L276" t="s">
        <v>82</v>
      </c>
      <c r="M276" t="s">
        <v>89</v>
      </c>
      <c r="N276" t="s">
        <v>90</v>
      </c>
      <c r="O276" t="s">
        <v>85</v>
      </c>
      <c r="P276" t="s">
        <v>86</v>
      </c>
      <c r="Q276">
        <v>34</v>
      </c>
      <c r="R276">
        <v>35</v>
      </c>
      <c r="S276">
        <v>36</v>
      </c>
      <c r="T276">
        <v>37</v>
      </c>
      <c r="U276">
        <v>37</v>
      </c>
      <c r="V276">
        <v>38</v>
      </c>
      <c r="W276">
        <v>39</v>
      </c>
      <c r="X276">
        <v>40</v>
      </c>
      <c r="Y276">
        <v>40</v>
      </c>
      <c r="Z276">
        <v>41</v>
      </c>
      <c r="AA276">
        <v>42</v>
      </c>
      <c r="AB276">
        <v>42</v>
      </c>
      <c r="AC276">
        <v>43</v>
      </c>
      <c r="AD276">
        <v>44</v>
      </c>
      <c r="AE276">
        <v>44</v>
      </c>
      <c r="AF276">
        <v>44</v>
      </c>
      <c r="AG276">
        <v>45</v>
      </c>
      <c r="AH276">
        <v>45</v>
      </c>
      <c r="AI276">
        <v>45</v>
      </c>
      <c r="AJ276">
        <v>45</v>
      </c>
      <c r="AK276">
        <v>45</v>
      </c>
      <c r="AL276">
        <v>45</v>
      </c>
      <c r="AM276">
        <v>45</v>
      </c>
      <c r="AN276">
        <v>45</v>
      </c>
      <c r="AO276">
        <v>45</v>
      </c>
      <c r="AP276">
        <v>45</v>
      </c>
      <c r="AQ276">
        <v>45</v>
      </c>
    </row>
    <row r="277" spans="1:43">
      <c r="A277" t="s">
        <v>269</v>
      </c>
      <c r="B277" t="s">
        <v>270</v>
      </c>
      <c r="C277" t="s">
        <v>227</v>
      </c>
      <c r="D277" t="s">
        <v>228</v>
      </c>
      <c r="E277" t="s">
        <v>102</v>
      </c>
      <c r="F277" t="s">
        <v>103</v>
      </c>
      <c r="G277" t="s">
        <v>80</v>
      </c>
      <c r="H277" t="s">
        <v>81</v>
      </c>
      <c r="I277" s="2">
        <v>0</v>
      </c>
      <c r="J277" s="2">
        <v>1</v>
      </c>
      <c r="K277" s="2">
        <v>0</v>
      </c>
      <c r="L277" t="s">
        <v>82</v>
      </c>
      <c r="M277" t="s">
        <v>83</v>
      </c>
      <c r="N277" t="s">
        <v>91</v>
      </c>
      <c r="O277" t="s">
        <v>85</v>
      </c>
      <c r="P277" t="s">
        <v>86</v>
      </c>
      <c r="Q277">
        <v>34</v>
      </c>
      <c r="R277">
        <v>34</v>
      </c>
      <c r="S277">
        <v>35</v>
      </c>
      <c r="T277">
        <v>35</v>
      </c>
      <c r="U277">
        <v>36</v>
      </c>
      <c r="V277">
        <v>37</v>
      </c>
      <c r="W277">
        <v>37</v>
      </c>
      <c r="X277">
        <v>38</v>
      </c>
      <c r="Y277">
        <v>38</v>
      </c>
      <c r="Z277">
        <v>39</v>
      </c>
      <c r="AA277">
        <v>39</v>
      </c>
      <c r="AB277">
        <v>40</v>
      </c>
      <c r="AC277">
        <v>40</v>
      </c>
      <c r="AD277">
        <v>41</v>
      </c>
      <c r="AE277">
        <v>41</v>
      </c>
      <c r="AF277">
        <v>42</v>
      </c>
      <c r="AG277">
        <v>42</v>
      </c>
      <c r="AH277">
        <v>43</v>
      </c>
      <c r="AI277">
        <v>43</v>
      </c>
      <c r="AJ277">
        <v>44</v>
      </c>
      <c r="AK277">
        <v>44</v>
      </c>
      <c r="AL277">
        <v>45</v>
      </c>
      <c r="AM277">
        <v>45</v>
      </c>
      <c r="AN277">
        <v>45</v>
      </c>
      <c r="AO277">
        <v>45</v>
      </c>
      <c r="AP277">
        <v>45</v>
      </c>
      <c r="AQ277">
        <v>45</v>
      </c>
    </row>
    <row r="278" spans="1:43">
      <c r="A278" t="s">
        <v>271</v>
      </c>
      <c r="B278" t="s">
        <v>272</v>
      </c>
      <c r="C278" t="s">
        <v>227</v>
      </c>
      <c r="D278" t="s">
        <v>228</v>
      </c>
      <c r="E278" t="s">
        <v>102</v>
      </c>
      <c r="F278" t="s">
        <v>103</v>
      </c>
      <c r="G278" t="s">
        <v>80</v>
      </c>
      <c r="H278" t="s">
        <v>81</v>
      </c>
      <c r="I278" s="2">
        <v>0</v>
      </c>
      <c r="J278" s="2">
        <v>1</v>
      </c>
      <c r="K278" s="2">
        <v>0</v>
      </c>
      <c r="L278" t="s">
        <v>82</v>
      </c>
      <c r="M278" t="s">
        <v>83</v>
      </c>
      <c r="N278" t="s">
        <v>84</v>
      </c>
      <c r="O278" t="s">
        <v>85</v>
      </c>
      <c r="P278" t="s">
        <v>86</v>
      </c>
      <c r="Q278">
        <v>9</v>
      </c>
      <c r="R278">
        <v>9</v>
      </c>
      <c r="S278">
        <v>9</v>
      </c>
      <c r="T278">
        <v>9</v>
      </c>
      <c r="U278">
        <v>9</v>
      </c>
      <c r="V278">
        <v>9</v>
      </c>
      <c r="W278">
        <v>10</v>
      </c>
      <c r="X278">
        <v>10</v>
      </c>
      <c r="Y278">
        <v>10</v>
      </c>
      <c r="Z278">
        <v>10</v>
      </c>
      <c r="AA278">
        <v>10</v>
      </c>
      <c r="AB278">
        <v>10</v>
      </c>
      <c r="AC278">
        <v>10</v>
      </c>
      <c r="AD278">
        <v>11</v>
      </c>
      <c r="AE278">
        <v>11</v>
      </c>
      <c r="AF278">
        <v>11</v>
      </c>
      <c r="AG278">
        <v>11</v>
      </c>
      <c r="AH278">
        <v>11</v>
      </c>
      <c r="AI278">
        <v>11</v>
      </c>
      <c r="AJ278">
        <v>11</v>
      </c>
      <c r="AK278">
        <v>11</v>
      </c>
      <c r="AL278">
        <v>12</v>
      </c>
      <c r="AM278">
        <v>12</v>
      </c>
      <c r="AN278">
        <v>12</v>
      </c>
      <c r="AO278">
        <v>12</v>
      </c>
      <c r="AP278">
        <v>12</v>
      </c>
      <c r="AQ278">
        <v>12</v>
      </c>
    </row>
    <row r="279" spans="1:43">
      <c r="A279" t="s">
        <v>271</v>
      </c>
      <c r="B279" t="s">
        <v>272</v>
      </c>
      <c r="C279" t="s">
        <v>227</v>
      </c>
      <c r="D279" t="s">
        <v>228</v>
      </c>
      <c r="E279" t="s">
        <v>102</v>
      </c>
      <c r="F279" t="s">
        <v>103</v>
      </c>
      <c r="G279" t="s">
        <v>80</v>
      </c>
      <c r="H279" t="s">
        <v>81</v>
      </c>
      <c r="I279" s="2">
        <v>0</v>
      </c>
      <c r="J279" s="2">
        <v>1</v>
      </c>
      <c r="K279" s="2">
        <v>0</v>
      </c>
      <c r="L279" t="s">
        <v>82</v>
      </c>
      <c r="M279" t="s">
        <v>87</v>
      </c>
      <c r="N279" t="s">
        <v>88</v>
      </c>
      <c r="O279" t="s">
        <v>85</v>
      </c>
      <c r="P279" t="s">
        <v>86</v>
      </c>
      <c r="Q279">
        <v>9</v>
      </c>
      <c r="R279">
        <v>9</v>
      </c>
      <c r="S279">
        <v>9</v>
      </c>
      <c r="T279">
        <v>9</v>
      </c>
      <c r="U279">
        <v>9</v>
      </c>
      <c r="V279">
        <v>9</v>
      </c>
      <c r="W279">
        <v>9</v>
      </c>
      <c r="X279">
        <v>9</v>
      </c>
      <c r="Y279">
        <v>9</v>
      </c>
      <c r="Z279">
        <v>9</v>
      </c>
      <c r="AA279">
        <v>9</v>
      </c>
      <c r="AB279">
        <v>9</v>
      </c>
      <c r="AC279">
        <v>9</v>
      </c>
      <c r="AD279">
        <v>9</v>
      </c>
      <c r="AE279">
        <v>9</v>
      </c>
      <c r="AF279">
        <v>10</v>
      </c>
      <c r="AG279">
        <v>10</v>
      </c>
      <c r="AH279">
        <v>10</v>
      </c>
      <c r="AI279">
        <v>10</v>
      </c>
      <c r="AJ279">
        <v>10</v>
      </c>
      <c r="AK279">
        <v>10</v>
      </c>
      <c r="AL279">
        <v>10</v>
      </c>
      <c r="AM279">
        <v>10</v>
      </c>
      <c r="AN279">
        <v>10</v>
      </c>
      <c r="AO279">
        <v>10</v>
      </c>
      <c r="AP279">
        <v>10</v>
      </c>
      <c r="AQ279">
        <v>10</v>
      </c>
    </row>
    <row r="280" spans="1:43">
      <c r="A280" t="s">
        <v>271</v>
      </c>
      <c r="B280" t="s">
        <v>272</v>
      </c>
      <c r="C280" t="s">
        <v>227</v>
      </c>
      <c r="D280" t="s">
        <v>228</v>
      </c>
      <c r="E280" t="s">
        <v>102</v>
      </c>
      <c r="F280" t="s">
        <v>103</v>
      </c>
      <c r="G280" t="s">
        <v>80</v>
      </c>
      <c r="H280" t="s">
        <v>81</v>
      </c>
      <c r="I280" s="2">
        <v>0</v>
      </c>
      <c r="J280" s="2">
        <v>1</v>
      </c>
      <c r="K280" s="2">
        <v>0</v>
      </c>
      <c r="L280" t="s">
        <v>82</v>
      </c>
      <c r="M280" t="s">
        <v>89</v>
      </c>
      <c r="N280" t="s">
        <v>90</v>
      </c>
      <c r="O280" t="s">
        <v>85</v>
      </c>
      <c r="P280" t="s">
        <v>86</v>
      </c>
      <c r="Q280">
        <v>9</v>
      </c>
      <c r="R280">
        <v>9</v>
      </c>
      <c r="S280">
        <v>9</v>
      </c>
      <c r="T280">
        <v>9</v>
      </c>
      <c r="U280">
        <v>10</v>
      </c>
      <c r="V280">
        <v>10</v>
      </c>
      <c r="W280">
        <v>10</v>
      </c>
      <c r="X280">
        <v>10</v>
      </c>
      <c r="Y280">
        <v>10</v>
      </c>
      <c r="Z280">
        <v>11</v>
      </c>
      <c r="AA280">
        <v>11</v>
      </c>
      <c r="AB280">
        <v>11</v>
      </c>
      <c r="AC280">
        <v>11</v>
      </c>
      <c r="AD280">
        <v>11</v>
      </c>
      <c r="AE280">
        <v>11</v>
      </c>
      <c r="AF280">
        <v>11</v>
      </c>
      <c r="AG280">
        <v>11</v>
      </c>
      <c r="AH280">
        <v>12</v>
      </c>
      <c r="AI280">
        <v>12</v>
      </c>
      <c r="AJ280">
        <v>12</v>
      </c>
      <c r="AK280">
        <v>12</v>
      </c>
      <c r="AL280">
        <v>12</v>
      </c>
      <c r="AM280">
        <v>12</v>
      </c>
      <c r="AN280">
        <v>12</v>
      </c>
      <c r="AO280">
        <v>12</v>
      </c>
      <c r="AP280">
        <v>12</v>
      </c>
      <c r="AQ280">
        <v>12</v>
      </c>
    </row>
    <row r="281" spans="1:43">
      <c r="A281" t="s">
        <v>271</v>
      </c>
      <c r="B281" t="s">
        <v>272</v>
      </c>
      <c r="C281" t="s">
        <v>227</v>
      </c>
      <c r="D281" t="s">
        <v>228</v>
      </c>
      <c r="E281" t="s">
        <v>102</v>
      </c>
      <c r="F281" t="s">
        <v>103</v>
      </c>
      <c r="G281" t="s">
        <v>80</v>
      </c>
      <c r="H281" t="s">
        <v>81</v>
      </c>
      <c r="I281" s="2">
        <v>0</v>
      </c>
      <c r="J281" s="2">
        <v>1</v>
      </c>
      <c r="K281" s="2">
        <v>0</v>
      </c>
      <c r="L281" t="s">
        <v>82</v>
      </c>
      <c r="M281" t="s">
        <v>83</v>
      </c>
      <c r="N281" t="s">
        <v>91</v>
      </c>
      <c r="O281" t="s">
        <v>85</v>
      </c>
      <c r="P281" t="s">
        <v>86</v>
      </c>
      <c r="Q281">
        <v>9</v>
      </c>
      <c r="R281">
        <v>9</v>
      </c>
      <c r="S281">
        <v>9</v>
      </c>
      <c r="T281">
        <v>9</v>
      </c>
      <c r="U281">
        <v>9</v>
      </c>
      <c r="V281">
        <v>9</v>
      </c>
      <c r="W281">
        <v>10</v>
      </c>
      <c r="X281">
        <v>10</v>
      </c>
      <c r="Y281">
        <v>10</v>
      </c>
      <c r="Z281">
        <v>10</v>
      </c>
      <c r="AA281">
        <v>10</v>
      </c>
      <c r="AB281">
        <v>10</v>
      </c>
      <c r="AC281">
        <v>10</v>
      </c>
      <c r="AD281">
        <v>11</v>
      </c>
      <c r="AE281">
        <v>11</v>
      </c>
      <c r="AF281">
        <v>11</v>
      </c>
      <c r="AG281">
        <v>11</v>
      </c>
      <c r="AH281">
        <v>11</v>
      </c>
      <c r="AI281">
        <v>11</v>
      </c>
      <c r="AJ281">
        <v>11</v>
      </c>
      <c r="AK281">
        <v>11</v>
      </c>
      <c r="AL281">
        <v>12</v>
      </c>
      <c r="AM281">
        <v>12</v>
      </c>
      <c r="AN281">
        <v>12</v>
      </c>
      <c r="AO281">
        <v>12</v>
      </c>
      <c r="AP281">
        <v>12</v>
      </c>
      <c r="AQ281">
        <v>12</v>
      </c>
    </row>
    <row r="282" spans="1:43">
      <c r="A282" t="s">
        <v>273</v>
      </c>
      <c r="B282" t="s">
        <v>274</v>
      </c>
      <c r="C282" t="s">
        <v>141</v>
      </c>
      <c r="D282" t="s">
        <v>142</v>
      </c>
      <c r="E282" t="s">
        <v>102</v>
      </c>
      <c r="F282" t="s">
        <v>103</v>
      </c>
      <c r="G282" t="s">
        <v>80</v>
      </c>
      <c r="H282" t="s">
        <v>81</v>
      </c>
      <c r="I282" s="2">
        <v>0</v>
      </c>
      <c r="J282" s="2">
        <v>1</v>
      </c>
      <c r="K282" s="2">
        <v>0</v>
      </c>
      <c r="L282" t="s">
        <v>82</v>
      </c>
      <c r="M282" t="s">
        <v>83</v>
      </c>
      <c r="N282" t="s">
        <v>84</v>
      </c>
      <c r="O282" t="s">
        <v>85</v>
      </c>
      <c r="P282" t="s">
        <v>86</v>
      </c>
      <c r="Q282">
        <v>5</v>
      </c>
      <c r="R282">
        <v>5</v>
      </c>
      <c r="S282">
        <v>5</v>
      </c>
      <c r="T282">
        <v>5</v>
      </c>
      <c r="U282">
        <v>5</v>
      </c>
      <c r="V282">
        <v>5</v>
      </c>
      <c r="W282">
        <v>5</v>
      </c>
      <c r="X282">
        <v>5</v>
      </c>
      <c r="Y282">
        <v>5</v>
      </c>
      <c r="Z282">
        <v>5</v>
      </c>
      <c r="AA282">
        <v>5</v>
      </c>
      <c r="AB282">
        <v>5</v>
      </c>
      <c r="AC282">
        <v>6</v>
      </c>
      <c r="AD282">
        <v>6</v>
      </c>
      <c r="AE282">
        <v>6</v>
      </c>
      <c r="AF282">
        <v>6</v>
      </c>
      <c r="AG282">
        <v>6</v>
      </c>
      <c r="AH282">
        <v>6</v>
      </c>
      <c r="AI282">
        <v>6</v>
      </c>
      <c r="AJ282">
        <v>6</v>
      </c>
      <c r="AK282">
        <v>6</v>
      </c>
      <c r="AL282">
        <v>6</v>
      </c>
      <c r="AM282">
        <v>6</v>
      </c>
      <c r="AN282">
        <v>6</v>
      </c>
      <c r="AO282">
        <v>6</v>
      </c>
      <c r="AP282">
        <v>6</v>
      </c>
      <c r="AQ282">
        <v>6</v>
      </c>
    </row>
    <row r="283" spans="1:43">
      <c r="A283" t="s">
        <v>273</v>
      </c>
      <c r="B283" t="s">
        <v>274</v>
      </c>
      <c r="C283" t="s">
        <v>141</v>
      </c>
      <c r="D283" t="s">
        <v>142</v>
      </c>
      <c r="E283" t="s">
        <v>102</v>
      </c>
      <c r="F283" t="s">
        <v>103</v>
      </c>
      <c r="G283" t="s">
        <v>80</v>
      </c>
      <c r="H283" t="s">
        <v>81</v>
      </c>
      <c r="I283" s="2">
        <v>0</v>
      </c>
      <c r="J283" s="2">
        <v>1</v>
      </c>
      <c r="K283" s="2">
        <v>0</v>
      </c>
      <c r="L283" t="s">
        <v>82</v>
      </c>
      <c r="M283" t="s">
        <v>87</v>
      </c>
      <c r="N283" t="s">
        <v>88</v>
      </c>
      <c r="O283" t="s">
        <v>85</v>
      </c>
      <c r="P283" t="s">
        <v>86</v>
      </c>
      <c r="Q283">
        <v>5</v>
      </c>
      <c r="R283">
        <v>5</v>
      </c>
      <c r="S283">
        <v>5</v>
      </c>
      <c r="T283">
        <v>5</v>
      </c>
      <c r="U283">
        <v>5</v>
      </c>
      <c r="V283">
        <v>5</v>
      </c>
      <c r="W283">
        <v>5</v>
      </c>
      <c r="X283">
        <v>5</v>
      </c>
      <c r="Y283">
        <v>5</v>
      </c>
      <c r="Z283">
        <v>5</v>
      </c>
      <c r="AA283">
        <v>5</v>
      </c>
      <c r="AB283">
        <v>5</v>
      </c>
      <c r="AC283">
        <v>5</v>
      </c>
      <c r="AD283">
        <v>5</v>
      </c>
      <c r="AE283">
        <v>5</v>
      </c>
      <c r="AF283">
        <v>5</v>
      </c>
      <c r="AG283">
        <v>5</v>
      </c>
      <c r="AH283">
        <v>5</v>
      </c>
      <c r="AI283">
        <v>5</v>
      </c>
      <c r="AJ283">
        <v>5</v>
      </c>
      <c r="AK283">
        <v>5</v>
      </c>
      <c r="AL283">
        <v>5</v>
      </c>
      <c r="AM283">
        <v>5</v>
      </c>
      <c r="AN283">
        <v>5</v>
      </c>
      <c r="AO283">
        <v>5</v>
      </c>
      <c r="AP283">
        <v>5</v>
      </c>
      <c r="AQ283">
        <v>5</v>
      </c>
    </row>
    <row r="284" spans="1:43">
      <c r="A284" t="s">
        <v>273</v>
      </c>
      <c r="B284" t="s">
        <v>274</v>
      </c>
      <c r="C284" t="s">
        <v>141</v>
      </c>
      <c r="D284" t="s">
        <v>142</v>
      </c>
      <c r="E284" t="s">
        <v>102</v>
      </c>
      <c r="F284" t="s">
        <v>103</v>
      </c>
      <c r="G284" t="s">
        <v>80</v>
      </c>
      <c r="H284" t="s">
        <v>81</v>
      </c>
      <c r="I284" s="2">
        <v>0</v>
      </c>
      <c r="J284" s="2">
        <v>1</v>
      </c>
      <c r="K284" s="2">
        <v>0</v>
      </c>
      <c r="L284" t="s">
        <v>82</v>
      </c>
      <c r="M284" t="s">
        <v>89</v>
      </c>
      <c r="N284" t="s">
        <v>90</v>
      </c>
      <c r="O284" t="s">
        <v>85</v>
      </c>
      <c r="P284" t="s">
        <v>86</v>
      </c>
      <c r="Q284">
        <v>5</v>
      </c>
      <c r="R284">
        <v>5</v>
      </c>
      <c r="S284">
        <v>5</v>
      </c>
      <c r="T284">
        <v>5</v>
      </c>
      <c r="U284">
        <v>5</v>
      </c>
      <c r="V284">
        <v>5</v>
      </c>
      <c r="W284">
        <v>5</v>
      </c>
      <c r="X284">
        <v>5</v>
      </c>
      <c r="Y284">
        <v>6</v>
      </c>
      <c r="Z284">
        <v>6</v>
      </c>
      <c r="AA284">
        <v>6</v>
      </c>
      <c r="AB284">
        <v>6</v>
      </c>
      <c r="AC284">
        <v>6</v>
      </c>
      <c r="AD284">
        <v>6</v>
      </c>
      <c r="AE284">
        <v>6</v>
      </c>
      <c r="AF284">
        <v>6</v>
      </c>
      <c r="AG284">
        <v>6</v>
      </c>
      <c r="AH284">
        <v>6</v>
      </c>
      <c r="AI284">
        <v>6</v>
      </c>
      <c r="AJ284">
        <v>6</v>
      </c>
      <c r="AK284">
        <v>6</v>
      </c>
      <c r="AL284">
        <v>6</v>
      </c>
      <c r="AM284">
        <v>6</v>
      </c>
      <c r="AN284">
        <v>6</v>
      </c>
      <c r="AO284">
        <v>6</v>
      </c>
      <c r="AP284">
        <v>6</v>
      </c>
      <c r="AQ284">
        <v>6</v>
      </c>
    </row>
    <row r="285" spans="1:43">
      <c r="A285" t="s">
        <v>273</v>
      </c>
      <c r="B285" t="s">
        <v>274</v>
      </c>
      <c r="C285" t="s">
        <v>141</v>
      </c>
      <c r="D285" t="s">
        <v>142</v>
      </c>
      <c r="E285" t="s">
        <v>102</v>
      </c>
      <c r="F285" t="s">
        <v>103</v>
      </c>
      <c r="G285" t="s">
        <v>80</v>
      </c>
      <c r="H285" t="s">
        <v>81</v>
      </c>
      <c r="I285" s="2">
        <v>0</v>
      </c>
      <c r="J285" s="2">
        <v>1</v>
      </c>
      <c r="K285" s="2">
        <v>0</v>
      </c>
      <c r="L285" t="s">
        <v>82</v>
      </c>
      <c r="M285" t="s">
        <v>83</v>
      </c>
      <c r="N285" t="s">
        <v>91</v>
      </c>
      <c r="O285" t="s">
        <v>85</v>
      </c>
      <c r="P285" t="s">
        <v>86</v>
      </c>
      <c r="Q285">
        <v>5</v>
      </c>
      <c r="R285">
        <v>5</v>
      </c>
      <c r="S285">
        <v>5</v>
      </c>
      <c r="T285">
        <v>5</v>
      </c>
      <c r="U285">
        <v>5</v>
      </c>
      <c r="V285">
        <v>5</v>
      </c>
      <c r="W285">
        <v>5</v>
      </c>
      <c r="X285">
        <v>5</v>
      </c>
      <c r="Y285">
        <v>5</v>
      </c>
      <c r="Z285">
        <v>5</v>
      </c>
      <c r="AA285">
        <v>5</v>
      </c>
      <c r="AB285">
        <v>5</v>
      </c>
      <c r="AC285">
        <v>6</v>
      </c>
      <c r="AD285">
        <v>6</v>
      </c>
      <c r="AE285">
        <v>6</v>
      </c>
      <c r="AF285">
        <v>6</v>
      </c>
      <c r="AG285">
        <v>6</v>
      </c>
      <c r="AH285">
        <v>6</v>
      </c>
      <c r="AI285">
        <v>6</v>
      </c>
      <c r="AJ285">
        <v>6</v>
      </c>
      <c r="AK285">
        <v>6</v>
      </c>
      <c r="AL285">
        <v>6</v>
      </c>
      <c r="AM285">
        <v>6</v>
      </c>
      <c r="AN285">
        <v>6</v>
      </c>
      <c r="AO285">
        <v>6</v>
      </c>
      <c r="AP285">
        <v>6</v>
      </c>
      <c r="AQ285">
        <v>6</v>
      </c>
    </row>
    <row r="286" spans="1:43">
      <c r="A286" t="s">
        <v>275</v>
      </c>
      <c r="B286" t="s">
        <v>276</v>
      </c>
      <c r="C286" t="s">
        <v>247</v>
      </c>
      <c r="D286" t="s">
        <v>248</v>
      </c>
      <c r="E286" t="s">
        <v>102</v>
      </c>
      <c r="F286" t="s">
        <v>103</v>
      </c>
      <c r="G286" t="s">
        <v>80</v>
      </c>
      <c r="H286" t="s">
        <v>81</v>
      </c>
      <c r="I286" s="2">
        <v>1</v>
      </c>
      <c r="J286" s="2">
        <v>0</v>
      </c>
      <c r="K286" s="2">
        <v>0</v>
      </c>
      <c r="L286" t="s">
        <v>120</v>
      </c>
      <c r="M286" t="s">
        <v>83</v>
      </c>
      <c r="N286" t="s">
        <v>84</v>
      </c>
      <c r="O286" t="s">
        <v>85</v>
      </c>
      <c r="P286" t="s">
        <v>86</v>
      </c>
      <c r="Q286">
        <v>9</v>
      </c>
      <c r="R286">
        <v>9</v>
      </c>
      <c r="S286">
        <v>9</v>
      </c>
      <c r="T286">
        <v>9</v>
      </c>
      <c r="U286">
        <v>9</v>
      </c>
      <c r="V286">
        <v>9</v>
      </c>
      <c r="W286">
        <v>10</v>
      </c>
      <c r="X286">
        <v>10</v>
      </c>
      <c r="Y286">
        <v>10</v>
      </c>
      <c r="Z286">
        <v>10</v>
      </c>
      <c r="AA286">
        <v>10</v>
      </c>
      <c r="AB286">
        <v>10</v>
      </c>
      <c r="AC286">
        <v>10</v>
      </c>
      <c r="AD286">
        <v>11</v>
      </c>
      <c r="AE286">
        <v>11</v>
      </c>
      <c r="AF286">
        <v>11</v>
      </c>
      <c r="AG286">
        <v>11</v>
      </c>
      <c r="AH286">
        <v>11</v>
      </c>
      <c r="AI286">
        <v>11</v>
      </c>
      <c r="AJ286">
        <v>11</v>
      </c>
      <c r="AK286">
        <v>11</v>
      </c>
      <c r="AL286">
        <v>11</v>
      </c>
      <c r="AM286">
        <v>12</v>
      </c>
      <c r="AN286">
        <v>12</v>
      </c>
      <c r="AO286">
        <v>12</v>
      </c>
      <c r="AP286">
        <v>12</v>
      </c>
      <c r="AQ286">
        <v>12</v>
      </c>
    </row>
    <row r="287" spans="1:43">
      <c r="A287" t="s">
        <v>275</v>
      </c>
      <c r="B287" t="s">
        <v>276</v>
      </c>
      <c r="C287" t="s">
        <v>247</v>
      </c>
      <c r="D287" t="s">
        <v>248</v>
      </c>
      <c r="E287" t="s">
        <v>102</v>
      </c>
      <c r="F287" t="s">
        <v>103</v>
      </c>
      <c r="G287" t="s">
        <v>80</v>
      </c>
      <c r="H287" t="s">
        <v>81</v>
      </c>
      <c r="I287" s="2">
        <v>1</v>
      </c>
      <c r="J287" s="2">
        <v>0</v>
      </c>
      <c r="K287" s="2">
        <v>0</v>
      </c>
      <c r="L287" t="s">
        <v>120</v>
      </c>
      <c r="M287" t="s">
        <v>87</v>
      </c>
      <c r="N287" t="s">
        <v>88</v>
      </c>
      <c r="O287" t="s">
        <v>85</v>
      </c>
      <c r="P287" t="s">
        <v>86</v>
      </c>
      <c r="Q287">
        <v>9</v>
      </c>
      <c r="R287">
        <v>9</v>
      </c>
      <c r="S287">
        <v>9</v>
      </c>
      <c r="T287">
        <v>9</v>
      </c>
      <c r="U287">
        <v>9</v>
      </c>
      <c r="V287">
        <v>9</v>
      </c>
      <c r="W287">
        <v>9</v>
      </c>
      <c r="X287">
        <v>9</v>
      </c>
      <c r="Y287">
        <v>9</v>
      </c>
      <c r="Z287">
        <v>9</v>
      </c>
      <c r="AA287">
        <v>9</v>
      </c>
      <c r="AB287">
        <v>9</v>
      </c>
      <c r="AC287">
        <v>9</v>
      </c>
      <c r="AD287">
        <v>9</v>
      </c>
      <c r="AE287">
        <v>9</v>
      </c>
      <c r="AF287">
        <v>10</v>
      </c>
      <c r="AG287">
        <v>10</v>
      </c>
      <c r="AH287">
        <v>10</v>
      </c>
      <c r="AI287">
        <v>10</v>
      </c>
      <c r="AJ287">
        <v>10</v>
      </c>
      <c r="AK287">
        <v>10</v>
      </c>
      <c r="AL287">
        <v>10</v>
      </c>
      <c r="AM287">
        <v>10</v>
      </c>
      <c r="AN287">
        <v>10</v>
      </c>
      <c r="AO287">
        <v>10</v>
      </c>
      <c r="AP287">
        <v>10</v>
      </c>
      <c r="AQ287">
        <v>10</v>
      </c>
    </row>
    <row r="288" spans="1:43">
      <c r="A288" t="s">
        <v>275</v>
      </c>
      <c r="B288" t="s">
        <v>276</v>
      </c>
      <c r="C288" t="s">
        <v>247</v>
      </c>
      <c r="D288" t="s">
        <v>248</v>
      </c>
      <c r="E288" t="s">
        <v>102</v>
      </c>
      <c r="F288" t="s">
        <v>103</v>
      </c>
      <c r="G288" t="s">
        <v>80</v>
      </c>
      <c r="H288" t="s">
        <v>81</v>
      </c>
      <c r="I288" s="2">
        <v>1</v>
      </c>
      <c r="J288" s="2">
        <v>0</v>
      </c>
      <c r="K288" s="2">
        <v>0</v>
      </c>
      <c r="L288" t="s">
        <v>120</v>
      </c>
      <c r="M288" t="s">
        <v>89</v>
      </c>
      <c r="N288" t="s">
        <v>90</v>
      </c>
      <c r="O288" t="s">
        <v>85</v>
      </c>
      <c r="P288" t="s">
        <v>86</v>
      </c>
      <c r="Q288">
        <v>9</v>
      </c>
      <c r="R288">
        <v>9</v>
      </c>
      <c r="S288">
        <v>9</v>
      </c>
      <c r="T288">
        <v>9</v>
      </c>
      <c r="U288">
        <v>10</v>
      </c>
      <c r="V288">
        <v>10</v>
      </c>
      <c r="W288">
        <v>10</v>
      </c>
      <c r="X288">
        <v>10</v>
      </c>
      <c r="Y288">
        <v>10</v>
      </c>
      <c r="Z288">
        <v>11</v>
      </c>
      <c r="AA288">
        <v>11</v>
      </c>
      <c r="AB288">
        <v>11</v>
      </c>
      <c r="AC288">
        <v>11</v>
      </c>
      <c r="AD288">
        <v>11</v>
      </c>
      <c r="AE288">
        <v>11</v>
      </c>
      <c r="AF288">
        <v>11</v>
      </c>
      <c r="AG288">
        <v>11</v>
      </c>
      <c r="AH288">
        <v>11</v>
      </c>
      <c r="AI288">
        <v>11</v>
      </c>
      <c r="AJ288">
        <v>12</v>
      </c>
      <c r="AK288">
        <v>12</v>
      </c>
      <c r="AL288">
        <v>12</v>
      </c>
      <c r="AM288">
        <v>12</v>
      </c>
      <c r="AN288">
        <v>12</v>
      </c>
      <c r="AO288">
        <v>12</v>
      </c>
      <c r="AP288">
        <v>12</v>
      </c>
      <c r="AQ288">
        <v>12</v>
      </c>
    </row>
    <row r="289" spans="1:43">
      <c r="A289" t="s">
        <v>275</v>
      </c>
      <c r="B289" t="s">
        <v>276</v>
      </c>
      <c r="C289" t="s">
        <v>247</v>
      </c>
      <c r="D289" t="s">
        <v>248</v>
      </c>
      <c r="E289" t="s">
        <v>102</v>
      </c>
      <c r="F289" t="s">
        <v>103</v>
      </c>
      <c r="G289" t="s">
        <v>80</v>
      </c>
      <c r="H289" t="s">
        <v>81</v>
      </c>
      <c r="I289" s="2">
        <v>1</v>
      </c>
      <c r="J289" s="2">
        <v>0</v>
      </c>
      <c r="K289" s="2">
        <v>0</v>
      </c>
      <c r="L289" t="s">
        <v>120</v>
      </c>
      <c r="M289" t="s">
        <v>83</v>
      </c>
      <c r="N289" t="s">
        <v>91</v>
      </c>
      <c r="O289" t="s">
        <v>85</v>
      </c>
      <c r="P289" t="s">
        <v>86</v>
      </c>
      <c r="Q289">
        <v>9</v>
      </c>
      <c r="R289">
        <v>9</v>
      </c>
      <c r="S289">
        <v>9</v>
      </c>
      <c r="T289">
        <v>9</v>
      </c>
      <c r="U289">
        <v>9</v>
      </c>
      <c r="V289">
        <v>9</v>
      </c>
      <c r="W289">
        <v>10</v>
      </c>
      <c r="X289">
        <v>10</v>
      </c>
      <c r="Y289">
        <v>10</v>
      </c>
      <c r="Z289">
        <v>10</v>
      </c>
      <c r="AA289">
        <v>10</v>
      </c>
      <c r="AB289">
        <v>10</v>
      </c>
      <c r="AC289">
        <v>10</v>
      </c>
      <c r="AD289">
        <v>11</v>
      </c>
      <c r="AE289">
        <v>11</v>
      </c>
      <c r="AF289">
        <v>11</v>
      </c>
      <c r="AG289">
        <v>11</v>
      </c>
      <c r="AH289">
        <v>11</v>
      </c>
      <c r="AI289">
        <v>11</v>
      </c>
      <c r="AJ289">
        <v>11</v>
      </c>
      <c r="AK289">
        <v>11</v>
      </c>
      <c r="AL289">
        <v>11</v>
      </c>
      <c r="AM289">
        <v>12</v>
      </c>
      <c r="AN289">
        <v>12</v>
      </c>
      <c r="AO289">
        <v>12</v>
      </c>
      <c r="AP289">
        <v>12</v>
      </c>
      <c r="AQ289">
        <v>12</v>
      </c>
    </row>
    <row r="290" spans="1:43">
      <c r="A290" t="s">
        <v>277</v>
      </c>
      <c r="B290" t="s">
        <v>278</v>
      </c>
      <c r="C290" t="s">
        <v>125</v>
      </c>
      <c r="D290" t="s">
        <v>126</v>
      </c>
      <c r="E290" t="s">
        <v>102</v>
      </c>
      <c r="F290" t="s">
        <v>103</v>
      </c>
      <c r="G290" t="s">
        <v>80</v>
      </c>
      <c r="H290" t="s">
        <v>81</v>
      </c>
      <c r="I290" s="2">
        <v>1</v>
      </c>
      <c r="J290" s="2">
        <v>0</v>
      </c>
      <c r="K290" s="2">
        <v>0</v>
      </c>
      <c r="L290" t="s">
        <v>120</v>
      </c>
      <c r="M290" t="s">
        <v>83</v>
      </c>
      <c r="N290" t="s">
        <v>84</v>
      </c>
      <c r="O290" t="s">
        <v>85</v>
      </c>
      <c r="P290" t="s">
        <v>86</v>
      </c>
      <c r="Q290">
        <v>18</v>
      </c>
      <c r="R290">
        <v>18</v>
      </c>
      <c r="S290">
        <v>18</v>
      </c>
      <c r="T290">
        <v>19</v>
      </c>
      <c r="U290">
        <v>19</v>
      </c>
      <c r="V290">
        <v>19</v>
      </c>
      <c r="W290">
        <v>20</v>
      </c>
      <c r="X290">
        <v>20</v>
      </c>
      <c r="Y290">
        <v>20</v>
      </c>
      <c r="Z290">
        <v>20</v>
      </c>
      <c r="AA290">
        <v>21</v>
      </c>
      <c r="AB290">
        <v>21</v>
      </c>
      <c r="AC290">
        <v>21</v>
      </c>
      <c r="AD290">
        <v>21</v>
      </c>
      <c r="AE290">
        <v>22</v>
      </c>
      <c r="AF290">
        <v>22</v>
      </c>
      <c r="AG290">
        <v>22</v>
      </c>
      <c r="AH290">
        <v>22</v>
      </c>
      <c r="AI290">
        <v>23</v>
      </c>
      <c r="AJ290">
        <v>23</v>
      </c>
      <c r="AK290">
        <v>23</v>
      </c>
      <c r="AL290">
        <v>23</v>
      </c>
      <c r="AM290">
        <v>23</v>
      </c>
      <c r="AN290">
        <v>24</v>
      </c>
      <c r="AO290">
        <v>24</v>
      </c>
      <c r="AP290">
        <v>24</v>
      </c>
      <c r="AQ290">
        <v>24</v>
      </c>
    </row>
    <row r="291" spans="1:43">
      <c r="A291" t="s">
        <v>277</v>
      </c>
      <c r="B291" t="s">
        <v>278</v>
      </c>
      <c r="C291" t="s">
        <v>125</v>
      </c>
      <c r="D291" t="s">
        <v>126</v>
      </c>
      <c r="E291" t="s">
        <v>102</v>
      </c>
      <c r="F291" t="s">
        <v>103</v>
      </c>
      <c r="G291" t="s">
        <v>80</v>
      </c>
      <c r="H291" t="s">
        <v>81</v>
      </c>
      <c r="I291" s="2">
        <v>1</v>
      </c>
      <c r="J291" s="2">
        <v>0</v>
      </c>
      <c r="K291" s="2">
        <v>0</v>
      </c>
      <c r="L291" t="s">
        <v>120</v>
      </c>
      <c r="M291" t="s">
        <v>87</v>
      </c>
      <c r="N291" t="s">
        <v>88</v>
      </c>
      <c r="O291" t="s">
        <v>85</v>
      </c>
      <c r="P291" t="s">
        <v>86</v>
      </c>
      <c r="Q291">
        <v>18</v>
      </c>
      <c r="R291">
        <v>18</v>
      </c>
      <c r="S291">
        <v>18</v>
      </c>
      <c r="T291">
        <v>18</v>
      </c>
      <c r="U291">
        <v>18</v>
      </c>
      <c r="V291">
        <v>18</v>
      </c>
      <c r="W291">
        <v>18</v>
      </c>
      <c r="X291">
        <v>18</v>
      </c>
      <c r="Y291">
        <v>19</v>
      </c>
      <c r="Z291">
        <v>19</v>
      </c>
      <c r="AA291">
        <v>19</v>
      </c>
      <c r="AB291">
        <v>19</v>
      </c>
      <c r="AC291">
        <v>19</v>
      </c>
      <c r="AD291">
        <v>19</v>
      </c>
      <c r="AE291">
        <v>19</v>
      </c>
      <c r="AF291">
        <v>19</v>
      </c>
      <c r="AG291">
        <v>20</v>
      </c>
      <c r="AH291">
        <v>20</v>
      </c>
      <c r="AI291">
        <v>20</v>
      </c>
      <c r="AJ291">
        <v>20</v>
      </c>
      <c r="AK291">
        <v>20</v>
      </c>
      <c r="AL291">
        <v>20</v>
      </c>
      <c r="AM291">
        <v>20</v>
      </c>
      <c r="AN291">
        <v>20</v>
      </c>
      <c r="AO291">
        <v>21</v>
      </c>
      <c r="AP291">
        <v>21</v>
      </c>
      <c r="AQ291">
        <v>21</v>
      </c>
    </row>
    <row r="292" spans="1:43">
      <c r="A292" t="s">
        <v>277</v>
      </c>
      <c r="B292" t="s">
        <v>278</v>
      </c>
      <c r="C292" t="s">
        <v>125</v>
      </c>
      <c r="D292" t="s">
        <v>126</v>
      </c>
      <c r="E292" t="s">
        <v>102</v>
      </c>
      <c r="F292" t="s">
        <v>103</v>
      </c>
      <c r="G292" t="s">
        <v>80</v>
      </c>
      <c r="H292" t="s">
        <v>81</v>
      </c>
      <c r="I292" s="2">
        <v>1</v>
      </c>
      <c r="J292" s="2">
        <v>0</v>
      </c>
      <c r="K292" s="2">
        <v>0</v>
      </c>
      <c r="L292" t="s">
        <v>120</v>
      </c>
      <c r="M292" t="s">
        <v>89</v>
      </c>
      <c r="N292" t="s">
        <v>90</v>
      </c>
      <c r="O292" t="s">
        <v>85</v>
      </c>
      <c r="P292" t="s">
        <v>86</v>
      </c>
      <c r="Q292">
        <v>18</v>
      </c>
      <c r="R292">
        <v>18</v>
      </c>
      <c r="S292">
        <v>19</v>
      </c>
      <c r="T292">
        <v>19</v>
      </c>
      <c r="U292">
        <v>20</v>
      </c>
      <c r="V292">
        <v>20</v>
      </c>
      <c r="W292">
        <v>20</v>
      </c>
      <c r="X292">
        <v>21</v>
      </c>
      <c r="Y292">
        <v>21</v>
      </c>
      <c r="Z292">
        <v>22</v>
      </c>
      <c r="AA292">
        <v>22</v>
      </c>
      <c r="AB292">
        <v>22</v>
      </c>
      <c r="AC292">
        <v>23</v>
      </c>
      <c r="AD292">
        <v>23</v>
      </c>
      <c r="AE292">
        <v>23</v>
      </c>
      <c r="AF292">
        <v>23</v>
      </c>
      <c r="AG292">
        <v>23</v>
      </c>
      <c r="AH292">
        <v>23</v>
      </c>
      <c r="AI292">
        <v>23</v>
      </c>
      <c r="AJ292">
        <v>23</v>
      </c>
      <c r="AK292">
        <v>24</v>
      </c>
      <c r="AL292">
        <v>24</v>
      </c>
      <c r="AM292">
        <v>24</v>
      </c>
      <c r="AN292">
        <v>24</v>
      </c>
      <c r="AO292">
        <v>24</v>
      </c>
      <c r="AP292">
        <v>24</v>
      </c>
      <c r="AQ292">
        <v>24</v>
      </c>
    </row>
    <row r="293" spans="1:43">
      <c r="A293" t="s">
        <v>277</v>
      </c>
      <c r="B293" t="s">
        <v>278</v>
      </c>
      <c r="C293" t="s">
        <v>125</v>
      </c>
      <c r="D293" t="s">
        <v>126</v>
      </c>
      <c r="E293" t="s">
        <v>102</v>
      </c>
      <c r="F293" t="s">
        <v>103</v>
      </c>
      <c r="G293" t="s">
        <v>80</v>
      </c>
      <c r="H293" t="s">
        <v>81</v>
      </c>
      <c r="I293" s="2">
        <v>1</v>
      </c>
      <c r="J293" s="2">
        <v>0</v>
      </c>
      <c r="K293" s="2">
        <v>0</v>
      </c>
      <c r="L293" t="s">
        <v>120</v>
      </c>
      <c r="M293" t="s">
        <v>83</v>
      </c>
      <c r="N293" t="s">
        <v>91</v>
      </c>
      <c r="O293" t="s">
        <v>85</v>
      </c>
      <c r="P293" t="s">
        <v>86</v>
      </c>
      <c r="Q293">
        <v>18</v>
      </c>
      <c r="R293">
        <v>18</v>
      </c>
      <c r="S293">
        <v>18</v>
      </c>
      <c r="T293">
        <v>19</v>
      </c>
      <c r="U293">
        <v>19</v>
      </c>
      <c r="V293">
        <v>19</v>
      </c>
      <c r="W293">
        <v>20</v>
      </c>
      <c r="X293">
        <v>20</v>
      </c>
      <c r="Y293">
        <v>20</v>
      </c>
      <c r="Z293">
        <v>20</v>
      </c>
      <c r="AA293">
        <v>21</v>
      </c>
      <c r="AB293">
        <v>21</v>
      </c>
      <c r="AC293">
        <v>21</v>
      </c>
      <c r="AD293">
        <v>21</v>
      </c>
      <c r="AE293">
        <v>22</v>
      </c>
      <c r="AF293">
        <v>22</v>
      </c>
      <c r="AG293">
        <v>22</v>
      </c>
      <c r="AH293">
        <v>22</v>
      </c>
      <c r="AI293">
        <v>23</v>
      </c>
      <c r="AJ293">
        <v>23</v>
      </c>
      <c r="AK293">
        <v>23</v>
      </c>
      <c r="AL293">
        <v>23</v>
      </c>
      <c r="AM293">
        <v>23</v>
      </c>
      <c r="AN293">
        <v>24</v>
      </c>
      <c r="AO293">
        <v>24</v>
      </c>
      <c r="AP293">
        <v>24</v>
      </c>
      <c r="AQ293">
        <v>24</v>
      </c>
    </row>
    <row r="294" spans="1:43">
      <c r="A294" t="s">
        <v>279</v>
      </c>
      <c r="B294" t="s">
        <v>280</v>
      </c>
      <c r="C294" t="s">
        <v>247</v>
      </c>
      <c r="D294" t="s">
        <v>248</v>
      </c>
      <c r="E294" t="s">
        <v>102</v>
      </c>
      <c r="F294" t="s">
        <v>103</v>
      </c>
      <c r="G294" t="s">
        <v>80</v>
      </c>
      <c r="H294" t="s">
        <v>81</v>
      </c>
      <c r="I294" s="2">
        <v>0.6</v>
      </c>
      <c r="J294" s="2">
        <v>0.4</v>
      </c>
      <c r="K294" s="2">
        <v>0</v>
      </c>
      <c r="L294" t="s">
        <v>120</v>
      </c>
      <c r="M294" t="s">
        <v>83</v>
      </c>
      <c r="N294" t="s">
        <v>84</v>
      </c>
      <c r="O294" t="s">
        <v>85</v>
      </c>
      <c r="P294" t="s">
        <v>86</v>
      </c>
      <c r="Q294">
        <v>12</v>
      </c>
      <c r="R294">
        <v>12</v>
      </c>
      <c r="S294">
        <v>12</v>
      </c>
      <c r="T294">
        <v>12</v>
      </c>
      <c r="U294">
        <v>13</v>
      </c>
      <c r="V294">
        <v>13</v>
      </c>
      <c r="W294">
        <v>13</v>
      </c>
      <c r="X294">
        <v>13</v>
      </c>
      <c r="Y294">
        <v>13</v>
      </c>
      <c r="Z294">
        <v>14</v>
      </c>
      <c r="AA294">
        <v>14</v>
      </c>
      <c r="AB294">
        <v>14</v>
      </c>
      <c r="AC294">
        <v>14</v>
      </c>
      <c r="AD294">
        <v>14</v>
      </c>
      <c r="AE294">
        <v>14</v>
      </c>
      <c r="AF294">
        <v>15</v>
      </c>
      <c r="AG294">
        <v>15</v>
      </c>
      <c r="AH294">
        <v>15</v>
      </c>
      <c r="AI294">
        <v>15</v>
      </c>
      <c r="AJ294">
        <v>15</v>
      </c>
      <c r="AK294">
        <v>16</v>
      </c>
      <c r="AL294">
        <v>16</v>
      </c>
      <c r="AM294">
        <v>16</v>
      </c>
      <c r="AN294">
        <v>16</v>
      </c>
      <c r="AO294">
        <v>16</v>
      </c>
      <c r="AP294">
        <v>16</v>
      </c>
      <c r="AQ294">
        <v>16</v>
      </c>
    </row>
    <row r="295" spans="1:43">
      <c r="A295" t="s">
        <v>279</v>
      </c>
      <c r="B295" t="s">
        <v>280</v>
      </c>
      <c r="C295" t="s">
        <v>247</v>
      </c>
      <c r="D295" t="s">
        <v>248</v>
      </c>
      <c r="E295" t="s">
        <v>102</v>
      </c>
      <c r="F295" t="s">
        <v>103</v>
      </c>
      <c r="G295" t="s">
        <v>80</v>
      </c>
      <c r="H295" t="s">
        <v>81</v>
      </c>
      <c r="I295" s="2">
        <v>0.6</v>
      </c>
      <c r="J295" s="2">
        <v>0.4</v>
      </c>
      <c r="K295" s="2">
        <v>0</v>
      </c>
      <c r="L295" t="s">
        <v>120</v>
      </c>
      <c r="M295" t="s">
        <v>87</v>
      </c>
      <c r="N295" t="s">
        <v>88</v>
      </c>
      <c r="O295" t="s">
        <v>85</v>
      </c>
      <c r="P295" t="s">
        <v>86</v>
      </c>
      <c r="Q295">
        <v>12</v>
      </c>
      <c r="R295">
        <v>12</v>
      </c>
      <c r="S295">
        <v>12</v>
      </c>
      <c r="T295">
        <v>12</v>
      </c>
      <c r="U295">
        <v>12</v>
      </c>
      <c r="V295">
        <v>12</v>
      </c>
      <c r="W295">
        <v>12</v>
      </c>
      <c r="X295">
        <v>12</v>
      </c>
      <c r="Y295">
        <v>12</v>
      </c>
      <c r="Z295">
        <v>12</v>
      </c>
      <c r="AA295">
        <v>13</v>
      </c>
      <c r="AB295">
        <v>13</v>
      </c>
      <c r="AC295">
        <v>13</v>
      </c>
      <c r="AD295">
        <v>13</v>
      </c>
      <c r="AE295">
        <v>13</v>
      </c>
      <c r="AF295">
        <v>13</v>
      </c>
      <c r="AG295">
        <v>13</v>
      </c>
      <c r="AH295">
        <v>13</v>
      </c>
      <c r="AI295">
        <v>13</v>
      </c>
      <c r="AJ295">
        <v>13</v>
      </c>
      <c r="AK295">
        <v>13</v>
      </c>
      <c r="AL295">
        <v>13</v>
      </c>
      <c r="AM295">
        <v>14</v>
      </c>
      <c r="AN295">
        <v>14</v>
      </c>
      <c r="AO295">
        <v>14</v>
      </c>
      <c r="AP295">
        <v>14</v>
      </c>
      <c r="AQ295">
        <v>14</v>
      </c>
    </row>
    <row r="296" spans="1:43">
      <c r="A296" t="s">
        <v>279</v>
      </c>
      <c r="B296" t="s">
        <v>280</v>
      </c>
      <c r="C296" t="s">
        <v>247</v>
      </c>
      <c r="D296" t="s">
        <v>248</v>
      </c>
      <c r="E296" t="s">
        <v>102</v>
      </c>
      <c r="F296" t="s">
        <v>103</v>
      </c>
      <c r="G296" t="s">
        <v>80</v>
      </c>
      <c r="H296" t="s">
        <v>81</v>
      </c>
      <c r="I296" s="2">
        <v>0.6</v>
      </c>
      <c r="J296" s="2">
        <v>0.4</v>
      </c>
      <c r="K296" s="2">
        <v>0</v>
      </c>
      <c r="L296" t="s">
        <v>120</v>
      </c>
      <c r="M296" t="s">
        <v>89</v>
      </c>
      <c r="N296" t="s">
        <v>90</v>
      </c>
      <c r="O296" t="s">
        <v>85</v>
      </c>
      <c r="P296" t="s">
        <v>86</v>
      </c>
      <c r="Q296">
        <v>12</v>
      </c>
      <c r="R296">
        <v>12</v>
      </c>
      <c r="S296">
        <v>13</v>
      </c>
      <c r="T296">
        <v>13</v>
      </c>
      <c r="U296">
        <v>13</v>
      </c>
      <c r="V296">
        <v>13</v>
      </c>
      <c r="W296">
        <v>14</v>
      </c>
      <c r="X296">
        <v>14</v>
      </c>
      <c r="Y296">
        <v>14</v>
      </c>
      <c r="Z296">
        <v>14</v>
      </c>
      <c r="AA296">
        <v>15</v>
      </c>
      <c r="AB296">
        <v>15</v>
      </c>
      <c r="AC296">
        <v>15</v>
      </c>
      <c r="AD296">
        <v>15</v>
      </c>
      <c r="AE296">
        <v>15</v>
      </c>
      <c r="AF296">
        <v>15</v>
      </c>
      <c r="AG296">
        <v>16</v>
      </c>
      <c r="AH296">
        <v>16</v>
      </c>
      <c r="AI296">
        <v>16</v>
      </c>
      <c r="AJ296">
        <v>16</v>
      </c>
      <c r="AK296">
        <v>16</v>
      </c>
      <c r="AL296">
        <v>16</v>
      </c>
      <c r="AM296">
        <v>16</v>
      </c>
      <c r="AN296">
        <v>16</v>
      </c>
      <c r="AO296">
        <v>16</v>
      </c>
      <c r="AP296">
        <v>16</v>
      </c>
      <c r="AQ296">
        <v>16</v>
      </c>
    </row>
    <row r="297" spans="1:43">
      <c r="A297" t="s">
        <v>279</v>
      </c>
      <c r="B297" t="s">
        <v>280</v>
      </c>
      <c r="C297" t="s">
        <v>247</v>
      </c>
      <c r="D297" t="s">
        <v>248</v>
      </c>
      <c r="E297" t="s">
        <v>102</v>
      </c>
      <c r="F297" t="s">
        <v>103</v>
      </c>
      <c r="G297" t="s">
        <v>80</v>
      </c>
      <c r="H297" t="s">
        <v>81</v>
      </c>
      <c r="I297" s="2">
        <v>0.6</v>
      </c>
      <c r="J297" s="2">
        <v>0.4</v>
      </c>
      <c r="K297" s="2">
        <v>0</v>
      </c>
      <c r="L297" t="s">
        <v>120</v>
      </c>
      <c r="M297" t="s">
        <v>83</v>
      </c>
      <c r="N297" t="s">
        <v>91</v>
      </c>
      <c r="O297" t="s">
        <v>85</v>
      </c>
      <c r="P297" t="s">
        <v>86</v>
      </c>
      <c r="Q297">
        <v>12</v>
      </c>
      <c r="R297">
        <v>12</v>
      </c>
      <c r="S297">
        <v>12</v>
      </c>
      <c r="T297">
        <v>12</v>
      </c>
      <c r="U297">
        <v>13</v>
      </c>
      <c r="V297">
        <v>13</v>
      </c>
      <c r="W297">
        <v>13</v>
      </c>
      <c r="X297">
        <v>13</v>
      </c>
      <c r="Y297">
        <v>13</v>
      </c>
      <c r="Z297">
        <v>14</v>
      </c>
      <c r="AA297">
        <v>14</v>
      </c>
      <c r="AB297">
        <v>14</v>
      </c>
      <c r="AC297">
        <v>14</v>
      </c>
      <c r="AD297">
        <v>14</v>
      </c>
      <c r="AE297">
        <v>14</v>
      </c>
      <c r="AF297">
        <v>15</v>
      </c>
      <c r="AG297">
        <v>15</v>
      </c>
      <c r="AH297">
        <v>15</v>
      </c>
      <c r="AI297">
        <v>15</v>
      </c>
      <c r="AJ297">
        <v>15</v>
      </c>
      <c r="AK297">
        <v>16</v>
      </c>
      <c r="AL297">
        <v>16</v>
      </c>
      <c r="AM297">
        <v>16</v>
      </c>
      <c r="AN297">
        <v>16</v>
      </c>
      <c r="AO297">
        <v>16</v>
      </c>
      <c r="AP297">
        <v>16</v>
      </c>
      <c r="AQ297">
        <v>16</v>
      </c>
    </row>
    <row r="298" spans="1:43">
      <c r="A298" t="s">
        <v>281</v>
      </c>
      <c r="B298" t="s">
        <v>282</v>
      </c>
      <c r="C298" t="s">
        <v>247</v>
      </c>
      <c r="D298" t="s">
        <v>248</v>
      </c>
      <c r="E298" t="s">
        <v>102</v>
      </c>
      <c r="F298" t="s">
        <v>103</v>
      </c>
      <c r="G298" t="s">
        <v>80</v>
      </c>
      <c r="H298" t="s">
        <v>81</v>
      </c>
      <c r="I298" s="2">
        <v>1</v>
      </c>
      <c r="J298" s="2">
        <v>0</v>
      </c>
      <c r="K298" s="2">
        <v>0</v>
      </c>
      <c r="L298" t="s">
        <v>120</v>
      </c>
      <c r="M298" t="s">
        <v>83</v>
      </c>
      <c r="N298" t="s">
        <v>84</v>
      </c>
      <c r="O298" t="s">
        <v>85</v>
      </c>
      <c r="P298" t="s">
        <v>86</v>
      </c>
      <c r="Q298">
        <v>2</v>
      </c>
      <c r="R298">
        <v>2</v>
      </c>
      <c r="S298">
        <v>2</v>
      </c>
      <c r="T298">
        <v>2</v>
      </c>
      <c r="U298">
        <v>2</v>
      </c>
      <c r="V298">
        <v>3</v>
      </c>
      <c r="W298">
        <v>3</v>
      </c>
      <c r="X298">
        <v>3</v>
      </c>
      <c r="Y298">
        <v>3</v>
      </c>
      <c r="Z298">
        <v>3</v>
      </c>
      <c r="AA298">
        <v>3</v>
      </c>
      <c r="AB298">
        <v>3</v>
      </c>
      <c r="AC298">
        <v>3</v>
      </c>
      <c r="AD298">
        <v>3</v>
      </c>
      <c r="AE298">
        <v>3</v>
      </c>
      <c r="AF298">
        <v>3</v>
      </c>
      <c r="AG298">
        <v>3</v>
      </c>
      <c r="AH298">
        <v>3</v>
      </c>
      <c r="AI298">
        <v>3</v>
      </c>
      <c r="AJ298">
        <v>3</v>
      </c>
      <c r="AK298">
        <v>3</v>
      </c>
      <c r="AL298">
        <v>3</v>
      </c>
      <c r="AM298">
        <v>3</v>
      </c>
      <c r="AN298">
        <v>3</v>
      </c>
      <c r="AO298">
        <v>3</v>
      </c>
      <c r="AP298">
        <v>3</v>
      </c>
      <c r="AQ298">
        <v>3</v>
      </c>
    </row>
    <row r="299" spans="1:43">
      <c r="A299" t="s">
        <v>281</v>
      </c>
      <c r="B299" t="s">
        <v>282</v>
      </c>
      <c r="C299" t="s">
        <v>247</v>
      </c>
      <c r="D299" t="s">
        <v>248</v>
      </c>
      <c r="E299" t="s">
        <v>102</v>
      </c>
      <c r="F299" t="s">
        <v>103</v>
      </c>
      <c r="G299" t="s">
        <v>80</v>
      </c>
      <c r="H299" t="s">
        <v>81</v>
      </c>
      <c r="I299" s="2">
        <v>1</v>
      </c>
      <c r="J299" s="2">
        <v>0</v>
      </c>
      <c r="K299" s="2">
        <v>0</v>
      </c>
      <c r="L299" t="s">
        <v>120</v>
      </c>
      <c r="M299" t="s">
        <v>87</v>
      </c>
      <c r="N299" t="s">
        <v>88</v>
      </c>
      <c r="O299" t="s">
        <v>85</v>
      </c>
      <c r="P299" t="s">
        <v>86</v>
      </c>
      <c r="Q299">
        <v>2</v>
      </c>
      <c r="R299">
        <v>2</v>
      </c>
      <c r="S299">
        <v>2</v>
      </c>
      <c r="T299">
        <v>2</v>
      </c>
      <c r="U299">
        <v>2</v>
      </c>
      <c r="V299">
        <v>2</v>
      </c>
      <c r="W299">
        <v>2</v>
      </c>
      <c r="X299">
        <v>2</v>
      </c>
      <c r="Y299">
        <v>2</v>
      </c>
      <c r="Z299">
        <v>2</v>
      </c>
      <c r="AA299">
        <v>2</v>
      </c>
      <c r="AB299">
        <v>2</v>
      </c>
      <c r="AC299">
        <v>3</v>
      </c>
      <c r="AD299">
        <v>3</v>
      </c>
      <c r="AE299">
        <v>3</v>
      </c>
      <c r="AF299">
        <v>3</v>
      </c>
      <c r="AG299">
        <v>3</v>
      </c>
      <c r="AH299">
        <v>3</v>
      </c>
      <c r="AI299">
        <v>3</v>
      </c>
      <c r="AJ299">
        <v>3</v>
      </c>
      <c r="AK299">
        <v>3</v>
      </c>
      <c r="AL299">
        <v>3</v>
      </c>
      <c r="AM299">
        <v>3</v>
      </c>
      <c r="AN299">
        <v>3</v>
      </c>
      <c r="AO299">
        <v>3</v>
      </c>
      <c r="AP299">
        <v>3</v>
      </c>
      <c r="AQ299">
        <v>3</v>
      </c>
    </row>
    <row r="300" spans="1:43">
      <c r="A300" t="s">
        <v>281</v>
      </c>
      <c r="B300" t="s">
        <v>282</v>
      </c>
      <c r="C300" t="s">
        <v>247</v>
      </c>
      <c r="D300" t="s">
        <v>248</v>
      </c>
      <c r="E300" t="s">
        <v>102</v>
      </c>
      <c r="F300" t="s">
        <v>103</v>
      </c>
      <c r="G300" t="s">
        <v>80</v>
      </c>
      <c r="H300" t="s">
        <v>81</v>
      </c>
      <c r="I300" s="2">
        <v>1</v>
      </c>
      <c r="J300" s="2">
        <v>0</v>
      </c>
      <c r="K300" s="2">
        <v>0</v>
      </c>
      <c r="L300" t="s">
        <v>120</v>
      </c>
      <c r="M300" t="s">
        <v>89</v>
      </c>
      <c r="N300" t="s">
        <v>90</v>
      </c>
      <c r="O300" t="s">
        <v>85</v>
      </c>
      <c r="P300" t="s">
        <v>86</v>
      </c>
      <c r="Q300">
        <v>2</v>
      </c>
      <c r="R300">
        <v>2</v>
      </c>
      <c r="S300">
        <v>2</v>
      </c>
      <c r="T300">
        <v>3</v>
      </c>
      <c r="U300">
        <v>3</v>
      </c>
      <c r="V300">
        <v>3</v>
      </c>
      <c r="W300">
        <v>3</v>
      </c>
      <c r="X300">
        <v>3</v>
      </c>
      <c r="Y300">
        <v>3</v>
      </c>
      <c r="Z300">
        <v>3</v>
      </c>
      <c r="AA300">
        <v>3</v>
      </c>
      <c r="AB300">
        <v>3</v>
      </c>
      <c r="AC300">
        <v>3</v>
      </c>
      <c r="AD300">
        <v>3</v>
      </c>
      <c r="AE300">
        <v>3</v>
      </c>
      <c r="AF300">
        <v>3</v>
      </c>
      <c r="AG300">
        <v>3</v>
      </c>
      <c r="AH300">
        <v>3</v>
      </c>
      <c r="AI300">
        <v>3</v>
      </c>
      <c r="AJ300">
        <v>3</v>
      </c>
      <c r="AK300">
        <v>3</v>
      </c>
      <c r="AL300">
        <v>3</v>
      </c>
      <c r="AM300">
        <v>3</v>
      </c>
      <c r="AN300">
        <v>3</v>
      </c>
      <c r="AO300">
        <v>3</v>
      </c>
      <c r="AP300">
        <v>3</v>
      </c>
      <c r="AQ300">
        <v>3</v>
      </c>
    </row>
    <row r="301" spans="1:43">
      <c r="A301" t="s">
        <v>281</v>
      </c>
      <c r="B301" t="s">
        <v>282</v>
      </c>
      <c r="C301" t="s">
        <v>247</v>
      </c>
      <c r="D301" t="s">
        <v>248</v>
      </c>
      <c r="E301" t="s">
        <v>102</v>
      </c>
      <c r="F301" t="s">
        <v>103</v>
      </c>
      <c r="G301" t="s">
        <v>80</v>
      </c>
      <c r="H301" t="s">
        <v>81</v>
      </c>
      <c r="I301" s="2">
        <v>1</v>
      </c>
      <c r="J301" s="2">
        <v>0</v>
      </c>
      <c r="K301" s="2">
        <v>0</v>
      </c>
      <c r="L301" t="s">
        <v>120</v>
      </c>
      <c r="M301" t="s">
        <v>83</v>
      </c>
      <c r="N301" t="s">
        <v>91</v>
      </c>
      <c r="O301" t="s">
        <v>85</v>
      </c>
      <c r="P301" t="s">
        <v>86</v>
      </c>
      <c r="Q301">
        <v>2</v>
      </c>
      <c r="R301">
        <v>2</v>
      </c>
      <c r="S301">
        <v>2</v>
      </c>
      <c r="T301">
        <v>2</v>
      </c>
      <c r="U301">
        <v>2</v>
      </c>
      <c r="V301">
        <v>3</v>
      </c>
      <c r="W301">
        <v>3</v>
      </c>
      <c r="X301">
        <v>3</v>
      </c>
      <c r="Y301">
        <v>3</v>
      </c>
      <c r="Z301">
        <v>3</v>
      </c>
      <c r="AA301">
        <v>3</v>
      </c>
      <c r="AB301">
        <v>3</v>
      </c>
      <c r="AC301">
        <v>3</v>
      </c>
      <c r="AD301">
        <v>3</v>
      </c>
      <c r="AE301">
        <v>3</v>
      </c>
      <c r="AF301">
        <v>3</v>
      </c>
      <c r="AG301">
        <v>3</v>
      </c>
      <c r="AH301">
        <v>3</v>
      </c>
      <c r="AI301">
        <v>3</v>
      </c>
      <c r="AJ301">
        <v>3</v>
      </c>
      <c r="AK301">
        <v>3</v>
      </c>
      <c r="AL301">
        <v>3</v>
      </c>
      <c r="AM301">
        <v>3</v>
      </c>
      <c r="AN301">
        <v>3</v>
      </c>
      <c r="AO301">
        <v>3</v>
      </c>
      <c r="AP301">
        <v>3</v>
      </c>
      <c r="AQ301">
        <v>3</v>
      </c>
    </row>
    <row r="302" spans="1:43">
      <c r="A302" t="s">
        <v>283</v>
      </c>
      <c r="B302" t="s">
        <v>284</v>
      </c>
      <c r="C302" t="s">
        <v>247</v>
      </c>
      <c r="D302" t="s">
        <v>248</v>
      </c>
      <c r="E302" t="s">
        <v>102</v>
      </c>
      <c r="F302" t="s">
        <v>103</v>
      </c>
      <c r="G302" t="s">
        <v>80</v>
      </c>
      <c r="H302" t="s">
        <v>81</v>
      </c>
      <c r="I302" s="2">
        <v>1</v>
      </c>
      <c r="J302" s="2">
        <v>0</v>
      </c>
      <c r="K302" s="2">
        <v>0</v>
      </c>
      <c r="L302" t="s">
        <v>120</v>
      </c>
      <c r="M302" t="s">
        <v>83</v>
      </c>
      <c r="N302" t="s">
        <v>84</v>
      </c>
      <c r="O302" t="s">
        <v>85</v>
      </c>
      <c r="P302" t="s">
        <v>86</v>
      </c>
      <c r="Q302">
        <v>34</v>
      </c>
      <c r="R302">
        <v>34</v>
      </c>
      <c r="S302">
        <v>35</v>
      </c>
      <c r="T302">
        <v>35</v>
      </c>
      <c r="U302">
        <v>36</v>
      </c>
      <c r="V302">
        <v>37</v>
      </c>
      <c r="W302">
        <v>37</v>
      </c>
      <c r="X302">
        <v>38</v>
      </c>
      <c r="Y302">
        <v>38</v>
      </c>
      <c r="Z302">
        <v>39</v>
      </c>
      <c r="AA302">
        <v>39</v>
      </c>
      <c r="AB302">
        <v>40</v>
      </c>
      <c r="AC302">
        <v>40</v>
      </c>
      <c r="AD302">
        <v>41</v>
      </c>
      <c r="AE302">
        <v>41</v>
      </c>
      <c r="AF302">
        <v>42</v>
      </c>
      <c r="AG302">
        <v>42</v>
      </c>
      <c r="AH302">
        <v>43</v>
      </c>
      <c r="AI302">
        <v>43</v>
      </c>
      <c r="AJ302">
        <v>44</v>
      </c>
      <c r="AK302">
        <v>44</v>
      </c>
      <c r="AL302">
        <v>44</v>
      </c>
      <c r="AM302">
        <v>45</v>
      </c>
      <c r="AN302">
        <v>45</v>
      </c>
      <c r="AO302">
        <v>45</v>
      </c>
      <c r="AP302">
        <v>45</v>
      </c>
      <c r="AQ302">
        <v>45</v>
      </c>
    </row>
    <row r="303" spans="1:43">
      <c r="A303" t="s">
        <v>283</v>
      </c>
      <c r="B303" t="s">
        <v>284</v>
      </c>
      <c r="C303" t="s">
        <v>247</v>
      </c>
      <c r="D303" t="s">
        <v>248</v>
      </c>
      <c r="E303" t="s">
        <v>102</v>
      </c>
      <c r="F303" t="s">
        <v>103</v>
      </c>
      <c r="G303" t="s">
        <v>80</v>
      </c>
      <c r="H303" t="s">
        <v>81</v>
      </c>
      <c r="I303" s="2">
        <v>1</v>
      </c>
      <c r="J303" s="2">
        <v>0</v>
      </c>
      <c r="K303" s="2">
        <v>0</v>
      </c>
      <c r="L303" t="s">
        <v>120</v>
      </c>
      <c r="M303" t="s">
        <v>87</v>
      </c>
      <c r="N303" t="s">
        <v>88</v>
      </c>
      <c r="O303" t="s">
        <v>85</v>
      </c>
      <c r="P303" t="s">
        <v>86</v>
      </c>
      <c r="Q303">
        <v>34</v>
      </c>
      <c r="R303">
        <v>35</v>
      </c>
      <c r="S303">
        <v>35</v>
      </c>
      <c r="T303">
        <v>35</v>
      </c>
      <c r="U303">
        <v>35</v>
      </c>
      <c r="V303">
        <v>36</v>
      </c>
      <c r="W303">
        <v>36</v>
      </c>
      <c r="X303">
        <v>36</v>
      </c>
      <c r="Y303">
        <v>36</v>
      </c>
      <c r="Z303">
        <v>37</v>
      </c>
      <c r="AA303">
        <v>37</v>
      </c>
      <c r="AB303">
        <v>37</v>
      </c>
      <c r="AC303">
        <v>37</v>
      </c>
      <c r="AD303">
        <v>38</v>
      </c>
      <c r="AE303">
        <v>38</v>
      </c>
      <c r="AF303">
        <v>38</v>
      </c>
      <c r="AG303">
        <v>38</v>
      </c>
      <c r="AH303">
        <v>38</v>
      </c>
      <c r="AI303">
        <v>39</v>
      </c>
      <c r="AJ303">
        <v>39</v>
      </c>
      <c r="AK303">
        <v>39</v>
      </c>
      <c r="AL303">
        <v>39</v>
      </c>
      <c r="AM303">
        <v>40</v>
      </c>
      <c r="AN303">
        <v>40</v>
      </c>
      <c r="AO303">
        <v>40</v>
      </c>
      <c r="AP303">
        <v>40</v>
      </c>
      <c r="AQ303">
        <v>41</v>
      </c>
    </row>
    <row r="304" spans="1:43">
      <c r="A304" t="s">
        <v>283</v>
      </c>
      <c r="B304" t="s">
        <v>284</v>
      </c>
      <c r="C304" t="s">
        <v>247</v>
      </c>
      <c r="D304" t="s">
        <v>248</v>
      </c>
      <c r="E304" t="s">
        <v>102</v>
      </c>
      <c r="F304" t="s">
        <v>103</v>
      </c>
      <c r="G304" t="s">
        <v>80</v>
      </c>
      <c r="H304" t="s">
        <v>81</v>
      </c>
      <c r="I304" s="2">
        <v>1</v>
      </c>
      <c r="J304" s="2">
        <v>0</v>
      </c>
      <c r="K304" s="2">
        <v>0</v>
      </c>
      <c r="L304" t="s">
        <v>120</v>
      </c>
      <c r="M304" t="s">
        <v>89</v>
      </c>
      <c r="N304" t="s">
        <v>90</v>
      </c>
      <c r="O304" t="s">
        <v>85</v>
      </c>
      <c r="P304" t="s">
        <v>86</v>
      </c>
      <c r="Q304">
        <v>34</v>
      </c>
      <c r="R304">
        <v>35</v>
      </c>
      <c r="S304">
        <v>36</v>
      </c>
      <c r="T304">
        <v>37</v>
      </c>
      <c r="U304">
        <v>37</v>
      </c>
      <c r="V304">
        <v>38</v>
      </c>
      <c r="W304">
        <v>39</v>
      </c>
      <c r="X304">
        <v>40</v>
      </c>
      <c r="Y304">
        <v>40</v>
      </c>
      <c r="Z304">
        <v>41</v>
      </c>
      <c r="AA304">
        <v>42</v>
      </c>
      <c r="AB304">
        <v>42</v>
      </c>
      <c r="AC304">
        <v>43</v>
      </c>
      <c r="AD304">
        <v>44</v>
      </c>
      <c r="AE304">
        <v>44</v>
      </c>
      <c r="AF304">
        <v>44</v>
      </c>
      <c r="AG304">
        <v>44</v>
      </c>
      <c r="AH304">
        <v>44</v>
      </c>
      <c r="AI304">
        <v>45</v>
      </c>
      <c r="AJ304">
        <v>45</v>
      </c>
      <c r="AK304">
        <v>45</v>
      </c>
      <c r="AL304">
        <v>45</v>
      </c>
      <c r="AM304">
        <v>45</v>
      </c>
      <c r="AN304">
        <v>45</v>
      </c>
      <c r="AO304">
        <v>45</v>
      </c>
      <c r="AP304">
        <v>45</v>
      </c>
      <c r="AQ304">
        <v>45</v>
      </c>
    </row>
    <row r="305" spans="1:43">
      <c r="A305" t="s">
        <v>283</v>
      </c>
      <c r="B305" t="s">
        <v>284</v>
      </c>
      <c r="C305" t="s">
        <v>247</v>
      </c>
      <c r="D305" t="s">
        <v>248</v>
      </c>
      <c r="E305" t="s">
        <v>102</v>
      </c>
      <c r="F305" t="s">
        <v>103</v>
      </c>
      <c r="G305" t="s">
        <v>80</v>
      </c>
      <c r="H305" t="s">
        <v>81</v>
      </c>
      <c r="I305" s="2">
        <v>1</v>
      </c>
      <c r="J305" s="2">
        <v>0</v>
      </c>
      <c r="K305" s="2">
        <v>0</v>
      </c>
      <c r="L305" t="s">
        <v>120</v>
      </c>
      <c r="M305" t="s">
        <v>83</v>
      </c>
      <c r="N305" t="s">
        <v>91</v>
      </c>
      <c r="O305" t="s">
        <v>85</v>
      </c>
      <c r="P305" t="s">
        <v>86</v>
      </c>
      <c r="Q305">
        <v>34</v>
      </c>
      <c r="R305">
        <v>34</v>
      </c>
      <c r="S305">
        <v>35</v>
      </c>
      <c r="T305">
        <v>35</v>
      </c>
      <c r="U305">
        <v>36</v>
      </c>
      <c r="V305">
        <v>37</v>
      </c>
      <c r="W305">
        <v>37</v>
      </c>
      <c r="X305">
        <v>38</v>
      </c>
      <c r="Y305">
        <v>38</v>
      </c>
      <c r="Z305">
        <v>39</v>
      </c>
      <c r="AA305">
        <v>39</v>
      </c>
      <c r="AB305">
        <v>40</v>
      </c>
      <c r="AC305">
        <v>40</v>
      </c>
      <c r="AD305">
        <v>41</v>
      </c>
      <c r="AE305">
        <v>41</v>
      </c>
      <c r="AF305">
        <v>42</v>
      </c>
      <c r="AG305">
        <v>42</v>
      </c>
      <c r="AH305">
        <v>43</v>
      </c>
      <c r="AI305">
        <v>43</v>
      </c>
      <c r="AJ305">
        <v>44</v>
      </c>
      <c r="AK305">
        <v>44</v>
      </c>
      <c r="AL305">
        <v>44</v>
      </c>
      <c r="AM305">
        <v>45</v>
      </c>
      <c r="AN305">
        <v>45</v>
      </c>
      <c r="AO305">
        <v>45</v>
      </c>
      <c r="AP305">
        <v>45</v>
      </c>
      <c r="AQ305">
        <v>45</v>
      </c>
    </row>
    <row r="306" spans="1:43">
      <c r="A306" t="s">
        <v>285</v>
      </c>
      <c r="B306" t="s">
        <v>286</v>
      </c>
      <c r="C306" t="s">
        <v>247</v>
      </c>
      <c r="D306" t="s">
        <v>248</v>
      </c>
      <c r="E306" t="s">
        <v>102</v>
      </c>
      <c r="F306" t="s">
        <v>103</v>
      </c>
      <c r="G306" t="s">
        <v>80</v>
      </c>
      <c r="H306" t="s">
        <v>81</v>
      </c>
      <c r="I306" s="2">
        <v>1</v>
      </c>
      <c r="J306" s="2">
        <v>0</v>
      </c>
      <c r="K306" s="2">
        <v>0</v>
      </c>
      <c r="L306" t="s">
        <v>120</v>
      </c>
      <c r="M306" t="s">
        <v>83</v>
      </c>
      <c r="N306" t="s">
        <v>84</v>
      </c>
      <c r="O306" t="s">
        <v>85</v>
      </c>
      <c r="P306" t="s">
        <v>86</v>
      </c>
      <c r="Q306">
        <v>20</v>
      </c>
      <c r="R306">
        <v>20</v>
      </c>
      <c r="S306">
        <v>20</v>
      </c>
      <c r="T306">
        <v>21</v>
      </c>
      <c r="U306">
        <v>21</v>
      </c>
      <c r="V306">
        <v>21</v>
      </c>
      <c r="W306">
        <v>22</v>
      </c>
      <c r="X306">
        <v>22</v>
      </c>
      <c r="Y306">
        <v>22</v>
      </c>
      <c r="Z306">
        <v>22</v>
      </c>
      <c r="AA306">
        <v>23</v>
      </c>
      <c r="AB306">
        <v>23</v>
      </c>
      <c r="AC306">
        <v>23</v>
      </c>
      <c r="AD306">
        <v>24</v>
      </c>
      <c r="AE306">
        <v>24</v>
      </c>
      <c r="AF306">
        <v>24</v>
      </c>
      <c r="AG306">
        <v>25</v>
      </c>
      <c r="AH306">
        <v>25</v>
      </c>
      <c r="AI306">
        <v>25</v>
      </c>
      <c r="AJ306">
        <v>25</v>
      </c>
      <c r="AK306">
        <v>26</v>
      </c>
      <c r="AL306">
        <v>26</v>
      </c>
      <c r="AM306">
        <v>26</v>
      </c>
      <c r="AN306">
        <v>26</v>
      </c>
      <c r="AO306">
        <v>26</v>
      </c>
      <c r="AP306">
        <v>26</v>
      </c>
      <c r="AQ306">
        <v>26</v>
      </c>
    </row>
    <row r="307" spans="1:43">
      <c r="A307" t="s">
        <v>285</v>
      </c>
      <c r="B307" t="s">
        <v>286</v>
      </c>
      <c r="C307" t="s">
        <v>247</v>
      </c>
      <c r="D307" t="s">
        <v>248</v>
      </c>
      <c r="E307" t="s">
        <v>102</v>
      </c>
      <c r="F307" t="s">
        <v>103</v>
      </c>
      <c r="G307" t="s">
        <v>80</v>
      </c>
      <c r="H307" t="s">
        <v>81</v>
      </c>
      <c r="I307" s="2">
        <v>1</v>
      </c>
      <c r="J307" s="2">
        <v>0</v>
      </c>
      <c r="K307" s="2">
        <v>0</v>
      </c>
      <c r="L307" t="s">
        <v>120</v>
      </c>
      <c r="M307" t="s">
        <v>87</v>
      </c>
      <c r="N307" t="s">
        <v>88</v>
      </c>
      <c r="O307" t="s">
        <v>85</v>
      </c>
      <c r="P307" t="s">
        <v>86</v>
      </c>
      <c r="Q307">
        <v>20</v>
      </c>
      <c r="R307">
        <v>21</v>
      </c>
      <c r="S307">
        <v>21</v>
      </c>
      <c r="T307">
        <v>21</v>
      </c>
      <c r="U307">
        <v>21</v>
      </c>
      <c r="V307">
        <v>21</v>
      </c>
      <c r="W307">
        <v>21</v>
      </c>
      <c r="X307">
        <v>21</v>
      </c>
      <c r="Y307">
        <v>22</v>
      </c>
      <c r="Z307">
        <v>22</v>
      </c>
      <c r="AA307">
        <v>22</v>
      </c>
      <c r="AB307">
        <v>22</v>
      </c>
      <c r="AC307">
        <v>22</v>
      </c>
      <c r="AD307">
        <v>22</v>
      </c>
      <c r="AE307">
        <v>22</v>
      </c>
      <c r="AF307">
        <v>23</v>
      </c>
      <c r="AG307">
        <v>23</v>
      </c>
      <c r="AH307">
        <v>23</v>
      </c>
      <c r="AI307">
        <v>23</v>
      </c>
      <c r="AJ307">
        <v>23</v>
      </c>
      <c r="AK307">
        <v>23</v>
      </c>
      <c r="AL307">
        <v>23</v>
      </c>
      <c r="AM307">
        <v>23</v>
      </c>
      <c r="AN307">
        <v>24</v>
      </c>
      <c r="AO307">
        <v>24</v>
      </c>
      <c r="AP307">
        <v>24</v>
      </c>
      <c r="AQ307">
        <v>24</v>
      </c>
    </row>
    <row r="308" spans="1:43">
      <c r="A308" t="s">
        <v>285</v>
      </c>
      <c r="B308" t="s">
        <v>286</v>
      </c>
      <c r="C308" t="s">
        <v>247</v>
      </c>
      <c r="D308" t="s">
        <v>248</v>
      </c>
      <c r="E308" t="s">
        <v>102</v>
      </c>
      <c r="F308" t="s">
        <v>103</v>
      </c>
      <c r="G308" t="s">
        <v>80</v>
      </c>
      <c r="H308" t="s">
        <v>81</v>
      </c>
      <c r="I308" s="2">
        <v>1</v>
      </c>
      <c r="J308" s="2">
        <v>0</v>
      </c>
      <c r="K308" s="2">
        <v>0</v>
      </c>
      <c r="L308" t="s">
        <v>120</v>
      </c>
      <c r="M308" t="s">
        <v>89</v>
      </c>
      <c r="N308" t="s">
        <v>90</v>
      </c>
      <c r="O308" t="s">
        <v>85</v>
      </c>
      <c r="P308" t="s">
        <v>86</v>
      </c>
      <c r="Q308">
        <v>20</v>
      </c>
      <c r="R308">
        <v>20</v>
      </c>
      <c r="S308">
        <v>21</v>
      </c>
      <c r="T308">
        <v>21</v>
      </c>
      <c r="U308">
        <v>22</v>
      </c>
      <c r="V308">
        <v>22</v>
      </c>
      <c r="W308">
        <v>23</v>
      </c>
      <c r="X308">
        <v>23</v>
      </c>
      <c r="Y308">
        <v>23</v>
      </c>
      <c r="Z308">
        <v>24</v>
      </c>
      <c r="AA308">
        <v>24</v>
      </c>
      <c r="AB308">
        <v>25</v>
      </c>
      <c r="AC308">
        <v>25</v>
      </c>
      <c r="AD308">
        <v>25</v>
      </c>
      <c r="AE308">
        <v>26</v>
      </c>
      <c r="AF308">
        <v>26</v>
      </c>
      <c r="AG308">
        <v>26</v>
      </c>
      <c r="AH308">
        <v>26</v>
      </c>
      <c r="AI308">
        <v>26</v>
      </c>
      <c r="AJ308">
        <v>26</v>
      </c>
      <c r="AK308">
        <v>26</v>
      </c>
      <c r="AL308">
        <v>26</v>
      </c>
      <c r="AM308">
        <v>26</v>
      </c>
      <c r="AN308">
        <v>26</v>
      </c>
      <c r="AO308">
        <v>26</v>
      </c>
      <c r="AP308">
        <v>26</v>
      </c>
      <c r="AQ308">
        <v>26</v>
      </c>
    </row>
    <row r="309" spans="1:43">
      <c r="A309" t="s">
        <v>285</v>
      </c>
      <c r="B309" t="s">
        <v>286</v>
      </c>
      <c r="C309" t="s">
        <v>247</v>
      </c>
      <c r="D309" t="s">
        <v>248</v>
      </c>
      <c r="E309" t="s">
        <v>102</v>
      </c>
      <c r="F309" t="s">
        <v>103</v>
      </c>
      <c r="G309" t="s">
        <v>80</v>
      </c>
      <c r="H309" t="s">
        <v>81</v>
      </c>
      <c r="I309" s="2">
        <v>1</v>
      </c>
      <c r="J309" s="2">
        <v>0</v>
      </c>
      <c r="K309" s="2">
        <v>0</v>
      </c>
      <c r="L309" t="s">
        <v>120</v>
      </c>
      <c r="M309" t="s">
        <v>83</v>
      </c>
      <c r="N309" t="s">
        <v>91</v>
      </c>
      <c r="O309" t="s">
        <v>85</v>
      </c>
      <c r="P309" t="s">
        <v>86</v>
      </c>
      <c r="Q309">
        <v>20</v>
      </c>
      <c r="R309">
        <v>20</v>
      </c>
      <c r="S309">
        <v>20</v>
      </c>
      <c r="T309">
        <v>21</v>
      </c>
      <c r="U309">
        <v>21</v>
      </c>
      <c r="V309">
        <v>21</v>
      </c>
      <c r="W309">
        <v>22</v>
      </c>
      <c r="X309">
        <v>22</v>
      </c>
      <c r="Y309">
        <v>22</v>
      </c>
      <c r="Z309">
        <v>22</v>
      </c>
      <c r="AA309">
        <v>23</v>
      </c>
      <c r="AB309">
        <v>23</v>
      </c>
      <c r="AC309">
        <v>23</v>
      </c>
      <c r="AD309">
        <v>24</v>
      </c>
      <c r="AE309">
        <v>24</v>
      </c>
      <c r="AF309">
        <v>24</v>
      </c>
      <c r="AG309">
        <v>25</v>
      </c>
      <c r="AH309">
        <v>25</v>
      </c>
      <c r="AI309">
        <v>25</v>
      </c>
      <c r="AJ309">
        <v>25</v>
      </c>
      <c r="AK309">
        <v>26</v>
      </c>
      <c r="AL309">
        <v>26</v>
      </c>
      <c r="AM309">
        <v>26</v>
      </c>
      <c r="AN309">
        <v>26</v>
      </c>
      <c r="AO309">
        <v>26</v>
      </c>
      <c r="AP309">
        <v>26</v>
      </c>
      <c r="AQ309">
        <v>26</v>
      </c>
    </row>
    <row r="310" spans="1:43">
      <c r="A310" t="s">
        <v>287</v>
      </c>
      <c r="B310" t="s">
        <v>288</v>
      </c>
      <c r="C310" t="s">
        <v>118</v>
      </c>
      <c r="D310" t="s">
        <v>119</v>
      </c>
      <c r="E310" t="s">
        <v>102</v>
      </c>
      <c r="F310" t="s">
        <v>103</v>
      </c>
      <c r="G310" t="s">
        <v>80</v>
      </c>
      <c r="H310" t="s">
        <v>81</v>
      </c>
      <c r="I310" s="2">
        <v>1</v>
      </c>
      <c r="J310" s="2">
        <v>0</v>
      </c>
      <c r="K310" s="2">
        <v>0</v>
      </c>
      <c r="L310" t="s">
        <v>120</v>
      </c>
      <c r="M310" t="s">
        <v>83</v>
      </c>
      <c r="N310" t="s">
        <v>84</v>
      </c>
      <c r="O310" t="s">
        <v>85</v>
      </c>
      <c r="P310" t="s">
        <v>86</v>
      </c>
      <c r="Q310">
        <v>7</v>
      </c>
      <c r="R310">
        <v>7</v>
      </c>
      <c r="S310">
        <v>7</v>
      </c>
      <c r="T310">
        <v>7</v>
      </c>
      <c r="U310">
        <v>7</v>
      </c>
      <c r="V310">
        <v>7</v>
      </c>
      <c r="W310">
        <v>7</v>
      </c>
      <c r="X310">
        <v>7</v>
      </c>
      <c r="Y310">
        <v>7</v>
      </c>
      <c r="Z310">
        <v>8</v>
      </c>
      <c r="AA310">
        <v>8</v>
      </c>
      <c r="AB310">
        <v>8</v>
      </c>
      <c r="AC310">
        <v>8</v>
      </c>
      <c r="AD310">
        <v>8</v>
      </c>
      <c r="AE310">
        <v>8</v>
      </c>
      <c r="AF310">
        <v>8</v>
      </c>
      <c r="AG310">
        <v>8</v>
      </c>
      <c r="AH310">
        <v>8</v>
      </c>
      <c r="AI310">
        <v>8</v>
      </c>
      <c r="AJ310">
        <v>9</v>
      </c>
      <c r="AK310">
        <v>9</v>
      </c>
      <c r="AL310">
        <v>9</v>
      </c>
      <c r="AM310">
        <v>9</v>
      </c>
      <c r="AN310">
        <v>9</v>
      </c>
      <c r="AO310">
        <v>9</v>
      </c>
      <c r="AP310">
        <v>9</v>
      </c>
      <c r="AQ310">
        <v>9</v>
      </c>
    </row>
    <row r="311" spans="1:43">
      <c r="A311" t="s">
        <v>287</v>
      </c>
      <c r="B311" t="s">
        <v>288</v>
      </c>
      <c r="C311" t="s">
        <v>118</v>
      </c>
      <c r="D311" t="s">
        <v>119</v>
      </c>
      <c r="E311" t="s">
        <v>102</v>
      </c>
      <c r="F311" t="s">
        <v>103</v>
      </c>
      <c r="G311" t="s">
        <v>80</v>
      </c>
      <c r="H311" t="s">
        <v>81</v>
      </c>
      <c r="I311" s="2">
        <v>1</v>
      </c>
      <c r="J311" s="2">
        <v>0</v>
      </c>
      <c r="K311" s="2">
        <v>0</v>
      </c>
      <c r="L311" t="s">
        <v>120</v>
      </c>
      <c r="M311" t="s">
        <v>87</v>
      </c>
      <c r="N311" t="s">
        <v>88</v>
      </c>
      <c r="O311" t="s">
        <v>85</v>
      </c>
      <c r="P311" t="s">
        <v>86</v>
      </c>
      <c r="Q311">
        <v>7</v>
      </c>
      <c r="R311">
        <v>7</v>
      </c>
      <c r="S311">
        <v>7</v>
      </c>
      <c r="T311">
        <v>7</v>
      </c>
      <c r="U311">
        <v>7</v>
      </c>
      <c r="V311">
        <v>7</v>
      </c>
      <c r="W311">
        <v>7</v>
      </c>
      <c r="X311">
        <v>7</v>
      </c>
      <c r="Y311">
        <v>7</v>
      </c>
      <c r="Z311">
        <v>7</v>
      </c>
      <c r="AA311">
        <v>7</v>
      </c>
      <c r="AB311">
        <v>7</v>
      </c>
      <c r="AC311">
        <v>7</v>
      </c>
      <c r="AD311">
        <v>7</v>
      </c>
      <c r="AE311">
        <v>7</v>
      </c>
      <c r="AF311">
        <v>7</v>
      </c>
      <c r="AG311">
        <v>7</v>
      </c>
      <c r="AH311">
        <v>7</v>
      </c>
      <c r="AI311">
        <v>7</v>
      </c>
      <c r="AJ311">
        <v>7</v>
      </c>
      <c r="AK311">
        <v>7</v>
      </c>
      <c r="AL311">
        <v>7</v>
      </c>
      <c r="AM311">
        <v>8</v>
      </c>
      <c r="AN311">
        <v>8</v>
      </c>
      <c r="AO311">
        <v>8</v>
      </c>
      <c r="AP311">
        <v>8</v>
      </c>
      <c r="AQ311">
        <v>8</v>
      </c>
    </row>
    <row r="312" spans="1:43">
      <c r="A312" t="s">
        <v>287</v>
      </c>
      <c r="B312" t="s">
        <v>288</v>
      </c>
      <c r="C312" t="s">
        <v>118</v>
      </c>
      <c r="D312" t="s">
        <v>119</v>
      </c>
      <c r="E312" t="s">
        <v>102</v>
      </c>
      <c r="F312" t="s">
        <v>103</v>
      </c>
      <c r="G312" t="s">
        <v>80</v>
      </c>
      <c r="H312" t="s">
        <v>81</v>
      </c>
      <c r="I312" s="2">
        <v>1</v>
      </c>
      <c r="J312" s="2">
        <v>0</v>
      </c>
      <c r="K312" s="2">
        <v>0</v>
      </c>
      <c r="L312" t="s">
        <v>120</v>
      </c>
      <c r="M312" t="s">
        <v>89</v>
      </c>
      <c r="N312" t="s">
        <v>90</v>
      </c>
      <c r="O312" t="s">
        <v>85</v>
      </c>
      <c r="P312" t="s">
        <v>86</v>
      </c>
      <c r="Q312">
        <v>7</v>
      </c>
      <c r="R312">
        <v>7</v>
      </c>
      <c r="S312">
        <v>7</v>
      </c>
      <c r="T312">
        <v>7</v>
      </c>
      <c r="U312">
        <v>7</v>
      </c>
      <c r="V312">
        <v>7</v>
      </c>
      <c r="W312">
        <v>8</v>
      </c>
      <c r="X312">
        <v>8</v>
      </c>
      <c r="Y312">
        <v>8</v>
      </c>
      <c r="Z312">
        <v>8</v>
      </c>
      <c r="AA312">
        <v>8</v>
      </c>
      <c r="AB312">
        <v>8</v>
      </c>
      <c r="AC312">
        <v>8</v>
      </c>
      <c r="AD312">
        <v>9</v>
      </c>
      <c r="AE312">
        <v>9</v>
      </c>
      <c r="AF312">
        <v>9</v>
      </c>
      <c r="AG312">
        <v>9</v>
      </c>
      <c r="AH312">
        <v>9</v>
      </c>
      <c r="AI312">
        <v>9</v>
      </c>
      <c r="AJ312">
        <v>9</v>
      </c>
      <c r="AK312">
        <v>9</v>
      </c>
      <c r="AL312">
        <v>9</v>
      </c>
      <c r="AM312">
        <v>9</v>
      </c>
      <c r="AN312">
        <v>9</v>
      </c>
      <c r="AO312">
        <v>9</v>
      </c>
      <c r="AP312">
        <v>9</v>
      </c>
      <c r="AQ312">
        <v>9</v>
      </c>
    </row>
    <row r="313" spans="1:43">
      <c r="A313" t="s">
        <v>287</v>
      </c>
      <c r="B313" t="s">
        <v>288</v>
      </c>
      <c r="C313" t="s">
        <v>118</v>
      </c>
      <c r="D313" t="s">
        <v>119</v>
      </c>
      <c r="E313" t="s">
        <v>102</v>
      </c>
      <c r="F313" t="s">
        <v>103</v>
      </c>
      <c r="G313" t="s">
        <v>80</v>
      </c>
      <c r="H313" t="s">
        <v>81</v>
      </c>
      <c r="I313" s="2">
        <v>1</v>
      </c>
      <c r="J313" s="2">
        <v>0</v>
      </c>
      <c r="K313" s="2">
        <v>0</v>
      </c>
      <c r="L313" t="s">
        <v>120</v>
      </c>
      <c r="M313" t="s">
        <v>83</v>
      </c>
      <c r="N313" t="s">
        <v>91</v>
      </c>
      <c r="O313" t="s">
        <v>85</v>
      </c>
      <c r="P313" t="s">
        <v>86</v>
      </c>
      <c r="Q313">
        <v>7</v>
      </c>
      <c r="R313">
        <v>7</v>
      </c>
      <c r="S313">
        <v>7</v>
      </c>
      <c r="T313">
        <v>7</v>
      </c>
      <c r="U313">
        <v>7</v>
      </c>
      <c r="V313">
        <v>7</v>
      </c>
      <c r="W313">
        <v>7</v>
      </c>
      <c r="X313">
        <v>7</v>
      </c>
      <c r="Y313">
        <v>7</v>
      </c>
      <c r="Z313">
        <v>8</v>
      </c>
      <c r="AA313">
        <v>8</v>
      </c>
      <c r="AB313">
        <v>8</v>
      </c>
      <c r="AC313">
        <v>8</v>
      </c>
      <c r="AD313">
        <v>8</v>
      </c>
      <c r="AE313">
        <v>8</v>
      </c>
      <c r="AF313">
        <v>8</v>
      </c>
      <c r="AG313">
        <v>8</v>
      </c>
      <c r="AH313">
        <v>8</v>
      </c>
      <c r="AI313">
        <v>8</v>
      </c>
      <c r="AJ313">
        <v>9</v>
      </c>
      <c r="AK313">
        <v>9</v>
      </c>
      <c r="AL313">
        <v>9</v>
      </c>
      <c r="AM313">
        <v>9</v>
      </c>
      <c r="AN313">
        <v>9</v>
      </c>
      <c r="AO313">
        <v>9</v>
      </c>
      <c r="AP313">
        <v>9</v>
      </c>
      <c r="AQ313">
        <v>9</v>
      </c>
    </row>
    <row r="314" spans="1:43">
      <c r="A314" t="s">
        <v>289</v>
      </c>
      <c r="B314" t="s">
        <v>290</v>
      </c>
      <c r="C314" t="s">
        <v>118</v>
      </c>
      <c r="D314" t="s">
        <v>119</v>
      </c>
      <c r="E314" t="s">
        <v>102</v>
      </c>
      <c r="F314" t="s">
        <v>103</v>
      </c>
      <c r="G314" t="s">
        <v>80</v>
      </c>
      <c r="H314" t="s">
        <v>81</v>
      </c>
      <c r="I314" s="2">
        <v>1</v>
      </c>
      <c r="J314" s="2">
        <v>0</v>
      </c>
      <c r="K314" s="2">
        <v>0</v>
      </c>
      <c r="L314" t="s">
        <v>120</v>
      </c>
      <c r="M314" t="s">
        <v>83</v>
      </c>
      <c r="N314" t="s">
        <v>84</v>
      </c>
      <c r="O314" t="s">
        <v>85</v>
      </c>
      <c r="P314" t="s">
        <v>86</v>
      </c>
      <c r="Q314">
        <v>13</v>
      </c>
      <c r="R314">
        <v>14</v>
      </c>
      <c r="S314">
        <v>14</v>
      </c>
      <c r="T314">
        <v>14</v>
      </c>
      <c r="U314">
        <v>14</v>
      </c>
      <c r="V314">
        <v>15</v>
      </c>
      <c r="W314">
        <v>15</v>
      </c>
      <c r="X314">
        <v>15</v>
      </c>
      <c r="Y314">
        <v>15</v>
      </c>
      <c r="Z314">
        <v>15</v>
      </c>
      <c r="AA314">
        <v>16</v>
      </c>
      <c r="AB314">
        <v>16</v>
      </c>
      <c r="AC314">
        <v>16</v>
      </c>
      <c r="AD314">
        <v>16</v>
      </c>
      <c r="AE314">
        <v>16</v>
      </c>
      <c r="AF314">
        <v>17</v>
      </c>
      <c r="AG314">
        <v>17</v>
      </c>
      <c r="AH314">
        <v>17</v>
      </c>
      <c r="AI314">
        <v>17</v>
      </c>
      <c r="AJ314">
        <v>18</v>
      </c>
      <c r="AK314">
        <v>18</v>
      </c>
      <c r="AL314">
        <v>18</v>
      </c>
      <c r="AM314">
        <v>18</v>
      </c>
      <c r="AN314">
        <v>18</v>
      </c>
      <c r="AO314">
        <v>18</v>
      </c>
      <c r="AP314">
        <v>18</v>
      </c>
      <c r="AQ314">
        <v>18</v>
      </c>
    </row>
    <row r="315" spans="1:43">
      <c r="A315" t="s">
        <v>289</v>
      </c>
      <c r="B315" t="s">
        <v>290</v>
      </c>
      <c r="C315" t="s">
        <v>118</v>
      </c>
      <c r="D315" t="s">
        <v>119</v>
      </c>
      <c r="E315" t="s">
        <v>102</v>
      </c>
      <c r="F315" t="s">
        <v>103</v>
      </c>
      <c r="G315" t="s">
        <v>80</v>
      </c>
      <c r="H315" t="s">
        <v>81</v>
      </c>
      <c r="I315" s="2">
        <v>1</v>
      </c>
      <c r="J315" s="2">
        <v>0</v>
      </c>
      <c r="K315" s="2">
        <v>0</v>
      </c>
      <c r="L315" t="s">
        <v>120</v>
      </c>
      <c r="M315" t="s">
        <v>87</v>
      </c>
      <c r="N315" t="s">
        <v>88</v>
      </c>
      <c r="O315" t="s">
        <v>85</v>
      </c>
      <c r="P315" t="s">
        <v>86</v>
      </c>
      <c r="Q315">
        <v>13</v>
      </c>
      <c r="R315">
        <v>13</v>
      </c>
      <c r="S315">
        <v>14</v>
      </c>
      <c r="T315">
        <v>14</v>
      </c>
      <c r="U315">
        <v>14</v>
      </c>
      <c r="V315">
        <v>14</v>
      </c>
      <c r="W315">
        <v>14</v>
      </c>
      <c r="X315">
        <v>14</v>
      </c>
      <c r="Y315">
        <v>14</v>
      </c>
      <c r="Z315">
        <v>14</v>
      </c>
      <c r="AA315">
        <v>14</v>
      </c>
      <c r="AB315">
        <v>14</v>
      </c>
      <c r="AC315">
        <v>15</v>
      </c>
      <c r="AD315">
        <v>15</v>
      </c>
      <c r="AE315">
        <v>15</v>
      </c>
      <c r="AF315">
        <v>15</v>
      </c>
      <c r="AG315">
        <v>15</v>
      </c>
      <c r="AH315">
        <v>15</v>
      </c>
      <c r="AI315">
        <v>15</v>
      </c>
      <c r="AJ315">
        <v>15</v>
      </c>
      <c r="AK315">
        <v>15</v>
      </c>
      <c r="AL315">
        <v>15</v>
      </c>
      <c r="AM315">
        <v>15</v>
      </c>
      <c r="AN315">
        <v>16</v>
      </c>
      <c r="AO315">
        <v>16</v>
      </c>
      <c r="AP315">
        <v>16</v>
      </c>
      <c r="AQ315">
        <v>16</v>
      </c>
    </row>
    <row r="316" spans="1:43">
      <c r="A316" t="s">
        <v>289</v>
      </c>
      <c r="B316" t="s">
        <v>290</v>
      </c>
      <c r="C316" t="s">
        <v>118</v>
      </c>
      <c r="D316" t="s">
        <v>119</v>
      </c>
      <c r="E316" t="s">
        <v>102</v>
      </c>
      <c r="F316" t="s">
        <v>103</v>
      </c>
      <c r="G316" t="s">
        <v>80</v>
      </c>
      <c r="H316" t="s">
        <v>81</v>
      </c>
      <c r="I316" s="2">
        <v>1</v>
      </c>
      <c r="J316" s="2">
        <v>0</v>
      </c>
      <c r="K316" s="2">
        <v>0</v>
      </c>
      <c r="L316" t="s">
        <v>120</v>
      </c>
      <c r="M316" t="s">
        <v>89</v>
      </c>
      <c r="N316" t="s">
        <v>90</v>
      </c>
      <c r="O316" t="s">
        <v>85</v>
      </c>
      <c r="P316" t="s">
        <v>86</v>
      </c>
      <c r="Q316">
        <v>13</v>
      </c>
      <c r="R316">
        <v>13</v>
      </c>
      <c r="S316">
        <v>13</v>
      </c>
      <c r="T316">
        <v>14</v>
      </c>
      <c r="U316">
        <v>14</v>
      </c>
      <c r="V316">
        <v>14</v>
      </c>
      <c r="W316">
        <v>15</v>
      </c>
      <c r="X316">
        <v>15</v>
      </c>
      <c r="Y316">
        <v>15</v>
      </c>
      <c r="Z316">
        <v>15</v>
      </c>
      <c r="AA316">
        <v>16</v>
      </c>
      <c r="AB316">
        <v>16</v>
      </c>
      <c r="AC316">
        <v>16</v>
      </c>
      <c r="AD316">
        <v>16</v>
      </c>
      <c r="AE316">
        <v>17</v>
      </c>
      <c r="AF316">
        <v>17</v>
      </c>
      <c r="AG316">
        <v>17</v>
      </c>
      <c r="AH316">
        <v>17</v>
      </c>
      <c r="AI316">
        <v>17</v>
      </c>
      <c r="AJ316">
        <v>17</v>
      </c>
      <c r="AK316">
        <v>17</v>
      </c>
      <c r="AL316">
        <v>17</v>
      </c>
      <c r="AM316">
        <v>17</v>
      </c>
      <c r="AN316">
        <v>17</v>
      </c>
      <c r="AO316">
        <v>17</v>
      </c>
      <c r="AP316">
        <v>17</v>
      </c>
      <c r="AQ316">
        <v>17</v>
      </c>
    </row>
    <row r="317" spans="1:43">
      <c r="A317" t="s">
        <v>289</v>
      </c>
      <c r="B317" t="s">
        <v>290</v>
      </c>
      <c r="C317" t="s">
        <v>118</v>
      </c>
      <c r="D317" t="s">
        <v>119</v>
      </c>
      <c r="E317" t="s">
        <v>102</v>
      </c>
      <c r="F317" t="s">
        <v>103</v>
      </c>
      <c r="G317" t="s">
        <v>80</v>
      </c>
      <c r="H317" t="s">
        <v>81</v>
      </c>
      <c r="I317" s="2">
        <v>1</v>
      </c>
      <c r="J317" s="2">
        <v>0</v>
      </c>
      <c r="K317" s="2">
        <v>0</v>
      </c>
      <c r="L317" t="s">
        <v>120</v>
      </c>
      <c r="M317" t="s">
        <v>83</v>
      </c>
      <c r="N317" t="s">
        <v>91</v>
      </c>
      <c r="O317" t="s">
        <v>85</v>
      </c>
      <c r="P317" t="s">
        <v>86</v>
      </c>
      <c r="Q317">
        <v>13</v>
      </c>
      <c r="R317">
        <v>14</v>
      </c>
      <c r="S317">
        <v>14</v>
      </c>
      <c r="T317">
        <v>14</v>
      </c>
      <c r="U317">
        <v>14</v>
      </c>
      <c r="V317">
        <v>15</v>
      </c>
      <c r="W317">
        <v>15</v>
      </c>
      <c r="X317">
        <v>15</v>
      </c>
      <c r="Y317">
        <v>15</v>
      </c>
      <c r="Z317">
        <v>15</v>
      </c>
      <c r="AA317">
        <v>16</v>
      </c>
      <c r="AB317">
        <v>16</v>
      </c>
      <c r="AC317">
        <v>16</v>
      </c>
      <c r="AD317">
        <v>16</v>
      </c>
      <c r="AE317">
        <v>16</v>
      </c>
      <c r="AF317">
        <v>17</v>
      </c>
      <c r="AG317">
        <v>17</v>
      </c>
      <c r="AH317">
        <v>17</v>
      </c>
      <c r="AI317">
        <v>17</v>
      </c>
      <c r="AJ317">
        <v>18</v>
      </c>
      <c r="AK317">
        <v>18</v>
      </c>
      <c r="AL317">
        <v>18</v>
      </c>
      <c r="AM317">
        <v>18</v>
      </c>
      <c r="AN317">
        <v>18</v>
      </c>
      <c r="AO317">
        <v>18</v>
      </c>
      <c r="AP317">
        <v>18</v>
      </c>
      <c r="AQ317">
        <v>18</v>
      </c>
    </row>
    <row r="318" spans="1:43">
      <c r="A318" t="s">
        <v>291</v>
      </c>
      <c r="B318" t="s">
        <v>292</v>
      </c>
      <c r="C318" t="s">
        <v>118</v>
      </c>
      <c r="D318" t="s">
        <v>119</v>
      </c>
      <c r="E318" t="s">
        <v>102</v>
      </c>
      <c r="F318" t="s">
        <v>103</v>
      </c>
      <c r="G318" t="s">
        <v>80</v>
      </c>
      <c r="H318" t="s">
        <v>81</v>
      </c>
      <c r="I318" s="2">
        <v>1</v>
      </c>
      <c r="J318" s="2">
        <v>0</v>
      </c>
      <c r="K318" s="2">
        <v>0</v>
      </c>
      <c r="L318" t="s">
        <v>120</v>
      </c>
      <c r="M318" t="s">
        <v>83</v>
      </c>
      <c r="N318" t="s">
        <v>84</v>
      </c>
      <c r="O318" t="s">
        <v>85</v>
      </c>
      <c r="P318" t="s">
        <v>86</v>
      </c>
      <c r="Q318">
        <v>5</v>
      </c>
      <c r="R318">
        <v>5</v>
      </c>
      <c r="S318">
        <v>5</v>
      </c>
      <c r="T318">
        <v>5</v>
      </c>
      <c r="U318">
        <v>5</v>
      </c>
      <c r="V318">
        <v>5</v>
      </c>
      <c r="W318">
        <v>6</v>
      </c>
      <c r="X318">
        <v>6</v>
      </c>
      <c r="Y318">
        <v>6</v>
      </c>
      <c r="Z318">
        <v>6</v>
      </c>
      <c r="AA318">
        <v>6</v>
      </c>
      <c r="AB318">
        <v>6</v>
      </c>
      <c r="AC318">
        <v>6</v>
      </c>
      <c r="AD318">
        <v>6</v>
      </c>
      <c r="AE318">
        <v>6</v>
      </c>
      <c r="AF318">
        <v>6</v>
      </c>
      <c r="AG318">
        <v>6</v>
      </c>
      <c r="AH318">
        <v>6</v>
      </c>
      <c r="AI318">
        <v>6</v>
      </c>
      <c r="AJ318">
        <v>7</v>
      </c>
      <c r="AK318">
        <v>7</v>
      </c>
      <c r="AL318">
        <v>7</v>
      </c>
      <c r="AM318">
        <v>7</v>
      </c>
      <c r="AN318">
        <v>7</v>
      </c>
      <c r="AO318">
        <v>7</v>
      </c>
      <c r="AP318">
        <v>7</v>
      </c>
      <c r="AQ318">
        <v>7</v>
      </c>
    </row>
    <row r="319" spans="1:43">
      <c r="A319" t="s">
        <v>291</v>
      </c>
      <c r="B319" t="s">
        <v>292</v>
      </c>
      <c r="C319" t="s">
        <v>118</v>
      </c>
      <c r="D319" t="s">
        <v>119</v>
      </c>
      <c r="E319" t="s">
        <v>102</v>
      </c>
      <c r="F319" t="s">
        <v>103</v>
      </c>
      <c r="G319" t="s">
        <v>80</v>
      </c>
      <c r="H319" t="s">
        <v>81</v>
      </c>
      <c r="I319" s="2">
        <v>1</v>
      </c>
      <c r="J319" s="2">
        <v>0</v>
      </c>
      <c r="K319" s="2">
        <v>0</v>
      </c>
      <c r="L319" t="s">
        <v>120</v>
      </c>
      <c r="M319" t="s">
        <v>87</v>
      </c>
      <c r="N319" t="s">
        <v>88</v>
      </c>
      <c r="O319" t="s">
        <v>85</v>
      </c>
      <c r="P319" t="s">
        <v>86</v>
      </c>
      <c r="Q319">
        <v>5</v>
      </c>
      <c r="R319">
        <v>5</v>
      </c>
      <c r="S319">
        <v>5</v>
      </c>
      <c r="T319">
        <v>5</v>
      </c>
      <c r="U319">
        <v>5</v>
      </c>
      <c r="V319">
        <v>5</v>
      </c>
      <c r="W319">
        <v>5</v>
      </c>
      <c r="X319">
        <v>5</v>
      </c>
      <c r="Y319">
        <v>5</v>
      </c>
      <c r="Z319">
        <v>5</v>
      </c>
      <c r="AA319">
        <v>5</v>
      </c>
      <c r="AB319">
        <v>5</v>
      </c>
      <c r="AC319">
        <v>5</v>
      </c>
      <c r="AD319">
        <v>5</v>
      </c>
      <c r="AE319">
        <v>5</v>
      </c>
      <c r="AF319">
        <v>6</v>
      </c>
      <c r="AG319">
        <v>6</v>
      </c>
      <c r="AH319">
        <v>6</v>
      </c>
      <c r="AI319">
        <v>6</v>
      </c>
      <c r="AJ319">
        <v>6</v>
      </c>
      <c r="AK319">
        <v>6</v>
      </c>
      <c r="AL319">
        <v>6</v>
      </c>
      <c r="AM319">
        <v>6</v>
      </c>
      <c r="AN319">
        <v>6</v>
      </c>
      <c r="AO319">
        <v>6</v>
      </c>
      <c r="AP319">
        <v>6</v>
      </c>
      <c r="AQ319">
        <v>6</v>
      </c>
    </row>
    <row r="320" spans="1:43">
      <c r="A320" t="s">
        <v>291</v>
      </c>
      <c r="B320" t="s">
        <v>292</v>
      </c>
      <c r="C320" t="s">
        <v>118</v>
      </c>
      <c r="D320" t="s">
        <v>119</v>
      </c>
      <c r="E320" t="s">
        <v>102</v>
      </c>
      <c r="F320" t="s">
        <v>103</v>
      </c>
      <c r="G320" t="s">
        <v>80</v>
      </c>
      <c r="H320" t="s">
        <v>81</v>
      </c>
      <c r="I320" s="2">
        <v>1</v>
      </c>
      <c r="J320" s="2">
        <v>0</v>
      </c>
      <c r="K320" s="2">
        <v>0</v>
      </c>
      <c r="L320" t="s">
        <v>120</v>
      </c>
      <c r="M320" t="s">
        <v>89</v>
      </c>
      <c r="N320" t="s">
        <v>90</v>
      </c>
      <c r="O320" t="s">
        <v>85</v>
      </c>
      <c r="P320" t="s">
        <v>86</v>
      </c>
      <c r="Q320">
        <v>5</v>
      </c>
      <c r="R320">
        <v>5</v>
      </c>
      <c r="S320">
        <v>5</v>
      </c>
      <c r="T320">
        <v>5</v>
      </c>
      <c r="U320">
        <v>6</v>
      </c>
      <c r="V320">
        <v>6</v>
      </c>
      <c r="W320">
        <v>6</v>
      </c>
      <c r="X320">
        <v>6</v>
      </c>
      <c r="Y320">
        <v>6</v>
      </c>
      <c r="Z320">
        <v>6</v>
      </c>
      <c r="AA320">
        <v>6</v>
      </c>
      <c r="AB320">
        <v>6</v>
      </c>
      <c r="AC320">
        <v>6</v>
      </c>
      <c r="AD320">
        <v>7</v>
      </c>
      <c r="AE320">
        <v>7</v>
      </c>
      <c r="AF320">
        <v>7</v>
      </c>
      <c r="AG320">
        <v>7</v>
      </c>
      <c r="AH320">
        <v>7</v>
      </c>
      <c r="AI320">
        <v>7</v>
      </c>
      <c r="AJ320">
        <v>7</v>
      </c>
      <c r="AK320">
        <v>7</v>
      </c>
      <c r="AL320">
        <v>7</v>
      </c>
      <c r="AM320">
        <v>7</v>
      </c>
      <c r="AN320">
        <v>7</v>
      </c>
      <c r="AO320">
        <v>7</v>
      </c>
      <c r="AP320">
        <v>7</v>
      </c>
      <c r="AQ320">
        <v>7</v>
      </c>
    </row>
    <row r="321" spans="1:43">
      <c r="A321" t="s">
        <v>291</v>
      </c>
      <c r="B321" t="s">
        <v>292</v>
      </c>
      <c r="C321" t="s">
        <v>118</v>
      </c>
      <c r="D321" t="s">
        <v>119</v>
      </c>
      <c r="E321" t="s">
        <v>102</v>
      </c>
      <c r="F321" t="s">
        <v>103</v>
      </c>
      <c r="G321" t="s">
        <v>80</v>
      </c>
      <c r="H321" t="s">
        <v>81</v>
      </c>
      <c r="I321" s="2">
        <v>1</v>
      </c>
      <c r="J321" s="2">
        <v>0</v>
      </c>
      <c r="K321" s="2">
        <v>0</v>
      </c>
      <c r="L321" t="s">
        <v>120</v>
      </c>
      <c r="M321" t="s">
        <v>83</v>
      </c>
      <c r="N321" t="s">
        <v>91</v>
      </c>
      <c r="O321" t="s">
        <v>85</v>
      </c>
      <c r="P321" t="s">
        <v>86</v>
      </c>
      <c r="Q321">
        <v>5</v>
      </c>
      <c r="R321">
        <v>5</v>
      </c>
      <c r="S321">
        <v>5</v>
      </c>
      <c r="T321">
        <v>5</v>
      </c>
      <c r="U321">
        <v>5</v>
      </c>
      <c r="V321">
        <v>5</v>
      </c>
      <c r="W321">
        <v>6</v>
      </c>
      <c r="X321">
        <v>6</v>
      </c>
      <c r="Y321">
        <v>6</v>
      </c>
      <c r="Z321">
        <v>6</v>
      </c>
      <c r="AA321">
        <v>6</v>
      </c>
      <c r="AB321">
        <v>6</v>
      </c>
      <c r="AC321">
        <v>6</v>
      </c>
      <c r="AD321">
        <v>6</v>
      </c>
      <c r="AE321">
        <v>6</v>
      </c>
      <c r="AF321">
        <v>6</v>
      </c>
      <c r="AG321">
        <v>6</v>
      </c>
      <c r="AH321">
        <v>6</v>
      </c>
      <c r="AI321">
        <v>6</v>
      </c>
      <c r="AJ321">
        <v>7</v>
      </c>
      <c r="AK321">
        <v>7</v>
      </c>
      <c r="AL321">
        <v>7</v>
      </c>
      <c r="AM321">
        <v>7</v>
      </c>
      <c r="AN321">
        <v>7</v>
      </c>
      <c r="AO321">
        <v>7</v>
      </c>
      <c r="AP321">
        <v>7</v>
      </c>
      <c r="AQ321">
        <v>7</v>
      </c>
    </row>
    <row r="322" spans="1:43">
      <c r="A322" t="s">
        <v>293</v>
      </c>
      <c r="B322" t="s">
        <v>294</v>
      </c>
      <c r="C322" t="s">
        <v>215</v>
      </c>
      <c r="D322" t="s">
        <v>216</v>
      </c>
      <c r="E322" t="s">
        <v>102</v>
      </c>
      <c r="F322" t="s">
        <v>103</v>
      </c>
      <c r="G322" t="s">
        <v>80</v>
      </c>
      <c r="H322" t="s">
        <v>81</v>
      </c>
      <c r="I322" s="2">
        <v>1</v>
      </c>
      <c r="J322" s="2">
        <v>0</v>
      </c>
      <c r="K322" s="2">
        <v>0</v>
      </c>
      <c r="L322" t="s">
        <v>120</v>
      </c>
      <c r="M322" t="s">
        <v>83</v>
      </c>
      <c r="N322" t="s">
        <v>84</v>
      </c>
      <c r="O322" t="s">
        <v>85</v>
      </c>
      <c r="P322" t="s">
        <v>86</v>
      </c>
      <c r="Q322">
        <v>38</v>
      </c>
      <c r="R322">
        <v>39</v>
      </c>
      <c r="S322">
        <v>40</v>
      </c>
      <c r="T322">
        <v>40</v>
      </c>
      <c r="U322">
        <v>41</v>
      </c>
      <c r="V322">
        <v>42</v>
      </c>
      <c r="W322">
        <v>42</v>
      </c>
      <c r="X322">
        <v>43</v>
      </c>
      <c r="Y322">
        <v>44</v>
      </c>
      <c r="Z322">
        <v>44</v>
      </c>
      <c r="AA322">
        <v>45</v>
      </c>
      <c r="AB322">
        <v>45</v>
      </c>
      <c r="AC322">
        <v>46</v>
      </c>
      <c r="AD322">
        <v>46</v>
      </c>
      <c r="AE322">
        <v>47</v>
      </c>
      <c r="AF322">
        <v>48</v>
      </c>
      <c r="AG322">
        <v>48</v>
      </c>
      <c r="AH322">
        <v>49</v>
      </c>
      <c r="AI322">
        <v>49</v>
      </c>
      <c r="AJ322">
        <v>50</v>
      </c>
      <c r="AK322">
        <v>51</v>
      </c>
      <c r="AL322">
        <v>51</v>
      </c>
      <c r="AM322">
        <v>51</v>
      </c>
      <c r="AN322">
        <v>51</v>
      </c>
      <c r="AO322">
        <v>51</v>
      </c>
      <c r="AP322">
        <v>51</v>
      </c>
      <c r="AQ322">
        <v>51</v>
      </c>
    </row>
    <row r="323" spans="1:43">
      <c r="A323" t="s">
        <v>293</v>
      </c>
      <c r="B323" t="s">
        <v>294</v>
      </c>
      <c r="C323" t="s">
        <v>215</v>
      </c>
      <c r="D323" t="s">
        <v>216</v>
      </c>
      <c r="E323" t="s">
        <v>102</v>
      </c>
      <c r="F323" t="s">
        <v>103</v>
      </c>
      <c r="G323" t="s">
        <v>80</v>
      </c>
      <c r="H323" t="s">
        <v>81</v>
      </c>
      <c r="I323" s="2">
        <v>1</v>
      </c>
      <c r="J323" s="2">
        <v>0</v>
      </c>
      <c r="K323" s="2">
        <v>0</v>
      </c>
      <c r="L323" t="s">
        <v>120</v>
      </c>
      <c r="M323" t="s">
        <v>87</v>
      </c>
      <c r="N323" t="s">
        <v>88</v>
      </c>
      <c r="O323" t="s">
        <v>85</v>
      </c>
      <c r="P323" t="s">
        <v>86</v>
      </c>
      <c r="Q323">
        <v>38</v>
      </c>
      <c r="R323">
        <v>38</v>
      </c>
      <c r="S323">
        <v>39</v>
      </c>
      <c r="T323">
        <v>39</v>
      </c>
      <c r="U323">
        <v>39</v>
      </c>
      <c r="V323">
        <v>39</v>
      </c>
      <c r="W323">
        <v>40</v>
      </c>
      <c r="X323">
        <v>40</v>
      </c>
      <c r="Y323">
        <v>40</v>
      </c>
      <c r="Z323">
        <v>41</v>
      </c>
      <c r="AA323">
        <v>41</v>
      </c>
      <c r="AB323">
        <v>41</v>
      </c>
      <c r="AC323">
        <v>41</v>
      </c>
      <c r="AD323">
        <v>42</v>
      </c>
      <c r="AE323">
        <v>42</v>
      </c>
      <c r="AF323">
        <v>42</v>
      </c>
      <c r="AG323">
        <v>42</v>
      </c>
      <c r="AH323">
        <v>43</v>
      </c>
      <c r="AI323">
        <v>43</v>
      </c>
      <c r="AJ323">
        <v>43</v>
      </c>
      <c r="AK323">
        <v>44</v>
      </c>
      <c r="AL323">
        <v>44</v>
      </c>
      <c r="AM323">
        <v>44</v>
      </c>
      <c r="AN323">
        <v>44</v>
      </c>
      <c r="AO323">
        <v>45</v>
      </c>
      <c r="AP323">
        <v>45</v>
      </c>
      <c r="AQ323">
        <v>45</v>
      </c>
    </row>
    <row r="324" spans="1:43">
      <c r="A324" t="s">
        <v>293</v>
      </c>
      <c r="B324" t="s">
        <v>294</v>
      </c>
      <c r="C324" t="s">
        <v>215</v>
      </c>
      <c r="D324" t="s">
        <v>216</v>
      </c>
      <c r="E324" t="s">
        <v>102</v>
      </c>
      <c r="F324" t="s">
        <v>103</v>
      </c>
      <c r="G324" t="s">
        <v>80</v>
      </c>
      <c r="H324" t="s">
        <v>81</v>
      </c>
      <c r="I324" s="2">
        <v>1</v>
      </c>
      <c r="J324" s="2">
        <v>0</v>
      </c>
      <c r="K324" s="2">
        <v>0</v>
      </c>
      <c r="L324" t="s">
        <v>120</v>
      </c>
      <c r="M324" t="s">
        <v>89</v>
      </c>
      <c r="N324" t="s">
        <v>90</v>
      </c>
      <c r="O324" t="s">
        <v>85</v>
      </c>
      <c r="P324" t="s">
        <v>86</v>
      </c>
      <c r="Q324">
        <v>38</v>
      </c>
      <c r="R324">
        <v>39</v>
      </c>
      <c r="S324">
        <v>40</v>
      </c>
      <c r="T324">
        <v>41</v>
      </c>
      <c r="U324">
        <v>42</v>
      </c>
      <c r="V324">
        <v>42</v>
      </c>
      <c r="W324">
        <v>43</v>
      </c>
      <c r="X324">
        <v>44</v>
      </c>
      <c r="Y324">
        <v>45</v>
      </c>
      <c r="Z324">
        <v>46</v>
      </c>
      <c r="AA324">
        <v>46</v>
      </c>
      <c r="AB324">
        <v>47</v>
      </c>
      <c r="AC324">
        <v>48</v>
      </c>
      <c r="AD324">
        <v>49</v>
      </c>
      <c r="AE324">
        <v>49</v>
      </c>
      <c r="AF324">
        <v>49</v>
      </c>
      <c r="AG324">
        <v>50</v>
      </c>
      <c r="AH324">
        <v>50</v>
      </c>
      <c r="AI324">
        <v>50</v>
      </c>
      <c r="AJ324">
        <v>50</v>
      </c>
      <c r="AK324">
        <v>50</v>
      </c>
      <c r="AL324">
        <v>50</v>
      </c>
      <c r="AM324">
        <v>50</v>
      </c>
      <c r="AN324">
        <v>50</v>
      </c>
      <c r="AO324">
        <v>50</v>
      </c>
      <c r="AP324">
        <v>50</v>
      </c>
      <c r="AQ324">
        <v>51</v>
      </c>
    </row>
    <row r="325" spans="1:43">
      <c r="A325" t="s">
        <v>293</v>
      </c>
      <c r="B325" t="s">
        <v>294</v>
      </c>
      <c r="C325" t="s">
        <v>215</v>
      </c>
      <c r="D325" t="s">
        <v>216</v>
      </c>
      <c r="E325" t="s">
        <v>102</v>
      </c>
      <c r="F325" t="s">
        <v>103</v>
      </c>
      <c r="G325" t="s">
        <v>80</v>
      </c>
      <c r="H325" t="s">
        <v>81</v>
      </c>
      <c r="I325" s="2">
        <v>1</v>
      </c>
      <c r="J325" s="2">
        <v>0</v>
      </c>
      <c r="K325" s="2">
        <v>0</v>
      </c>
      <c r="L325" t="s">
        <v>120</v>
      </c>
      <c r="M325" t="s">
        <v>83</v>
      </c>
      <c r="N325" t="s">
        <v>91</v>
      </c>
      <c r="O325" t="s">
        <v>85</v>
      </c>
      <c r="P325" t="s">
        <v>86</v>
      </c>
      <c r="Q325">
        <v>38</v>
      </c>
      <c r="R325">
        <v>39</v>
      </c>
      <c r="S325">
        <v>40</v>
      </c>
      <c r="T325">
        <v>40</v>
      </c>
      <c r="U325">
        <v>41</v>
      </c>
      <c r="V325">
        <v>42</v>
      </c>
      <c r="W325">
        <v>42</v>
      </c>
      <c r="X325">
        <v>43</v>
      </c>
      <c r="Y325">
        <v>44</v>
      </c>
      <c r="Z325">
        <v>44</v>
      </c>
      <c r="AA325">
        <v>45</v>
      </c>
      <c r="AB325">
        <v>45</v>
      </c>
      <c r="AC325">
        <v>46</v>
      </c>
      <c r="AD325">
        <v>46</v>
      </c>
      <c r="AE325">
        <v>47</v>
      </c>
      <c r="AF325">
        <v>48</v>
      </c>
      <c r="AG325">
        <v>48</v>
      </c>
      <c r="AH325">
        <v>49</v>
      </c>
      <c r="AI325">
        <v>49</v>
      </c>
      <c r="AJ325">
        <v>50</v>
      </c>
      <c r="AK325">
        <v>51</v>
      </c>
      <c r="AL325">
        <v>51</v>
      </c>
      <c r="AM325">
        <v>51</v>
      </c>
      <c r="AN325">
        <v>51</v>
      </c>
      <c r="AO325">
        <v>51</v>
      </c>
      <c r="AP325">
        <v>51</v>
      </c>
      <c r="AQ325">
        <v>51</v>
      </c>
    </row>
    <row r="326" spans="1:43">
      <c r="A326" t="s">
        <v>295</v>
      </c>
      <c r="B326" t="s">
        <v>296</v>
      </c>
      <c r="C326" t="s">
        <v>215</v>
      </c>
      <c r="D326" t="s">
        <v>216</v>
      </c>
      <c r="E326" t="s">
        <v>102</v>
      </c>
      <c r="F326" t="s">
        <v>103</v>
      </c>
      <c r="G326" t="s">
        <v>80</v>
      </c>
      <c r="H326" t="s">
        <v>81</v>
      </c>
      <c r="I326" s="2">
        <v>1</v>
      </c>
      <c r="J326" s="2">
        <v>0</v>
      </c>
      <c r="K326" s="2">
        <v>0</v>
      </c>
      <c r="L326" t="s">
        <v>120</v>
      </c>
      <c r="M326" t="s">
        <v>83</v>
      </c>
      <c r="N326" t="s">
        <v>84</v>
      </c>
      <c r="O326" t="s">
        <v>85</v>
      </c>
      <c r="P326" t="s">
        <v>86</v>
      </c>
      <c r="Q326">
        <v>8</v>
      </c>
      <c r="R326">
        <v>8</v>
      </c>
      <c r="S326">
        <v>8</v>
      </c>
      <c r="T326">
        <v>8</v>
      </c>
      <c r="U326">
        <v>8</v>
      </c>
      <c r="V326">
        <v>8</v>
      </c>
      <c r="W326">
        <v>9</v>
      </c>
      <c r="X326">
        <v>9</v>
      </c>
      <c r="Y326">
        <v>9</v>
      </c>
      <c r="Z326">
        <v>9</v>
      </c>
      <c r="AA326">
        <v>9</v>
      </c>
      <c r="AB326">
        <v>9</v>
      </c>
      <c r="AC326">
        <v>9</v>
      </c>
      <c r="AD326">
        <v>9</v>
      </c>
      <c r="AE326">
        <v>10</v>
      </c>
      <c r="AF326">
        <v>10</v>
      </c>
      <c r="AG326">
        <v>10</v>
      </c>
      <c r="AH326">
        <v>10</v>
      </c>
      <c r="AI326">
        <v>10</v>
      </c>
      <c r="AJ326">
        <v>10</v>
      </c>
      <c r="AK326">
        <v>10</v>
      </c>
      <c r="AL326">
        <v>10</v>
      </c>
      <c r="AM326">
        <v>10</v>
      </c>
      <c r="AN326">
        <v>10</v>
      </c>
      <c r="AO326">
        <v>10</v>
      </c>
      <c r="AP326">
        <v>10</v>
      </c>
      <c r="AQ326">
        <v>10</v>
      </c>
    </row>
    <row r="327" spans="1:43">
      <c r="A327" t="s">
        <v>295</v>
      </c>
      <c r="B327" t="s">
        <v>296</v>
      </c>
      <c r="C327" t="s">
        <v>215</v>
      </c>
      <c r="D327" t="s">
        <v>216</v>
      </c>
      <c r="E327" t="s">
        <v>102</v>
      </c>
      <c r="F327" t="s">
        <v>103</v>
      </c>
      <c r="G327" t="s">
        <v>80</v>
      </c>
      <c r="H327" t="s">
        <v>81</v>
      </c>
      <c r="I327" s="2">
        <v>1</v>
      </c>
      <c r="J327" s="2">
        <v>0</v>
      </c>
      <c r="K327" s="2">
        <v>0</v>
      </c>
      <c r="L327" t="s">
        <v>120</v>
      </c>
      <c r="M327" t="s">
        <v>87</v>
      </c>
      <c r="N327" t="s">
        <v>88</v>
      </c>
      <c r="O327" t="s">
        <v>85</v>
      </c>
      <c r="P327" t="s">
        <v>86</v>
      </c>
      <c r="Q327">
        <v>8</v>
      </c>
      <c r="R327">
        <v>8</v>
      </c>
      <c r="S327">
        <v>8</v>
      </c>
      <c r="T327">
        <v>8</v>
      </c>
      <c r="U327">
        <v>8</v>
      </c>
      <c r="V327">
        <v>8</v>
      </c>
      <c r="W327">
        <v>8</v>
      </c>
      <c r="X327">
        <v>8</v>
      </c>
      <c r="Y327">
        <v>8</v>
      </c>
      <c r="Z327">
        <v>8</v>
      </c>
      <c r="AA327">
        <v>8</v>
      </c>
      <c r="AB327">
        <v>8</v>
      </c>
      <c r="AC327">
        <v>8</v>
      </c>
      <c r="AD327">
        <v>8</v>
      </c>
      <c r="AE327">
        <v>8</v>
      </c>
      <c r="AF327">
        <v>9</v>
      </c>
      <c r="AG327">
        <v>9</v>
      </c>
      <c r="AH327">
        <v>9</v>
      </c>
      <c r="AI327">
        <v>9</v>
      </c>
      <c r="AJ327">
        <v>9</v>
      </c>
      <c r="AK327">
        <v>9</v>
      </c>
      <c r="AL327">
        <v>9</v>
      </c>
      <c r="AM327">
        <v>9</v>
      </c>
      <c r="AN327">
        <v>9</v>
      </c>
      <c r="AO327">
        <v>9</v>
      </c>
      <c r="AP327">
        <v>9</v>
      </c>
      <c r="AQ327">
        <v>9</v>
      </c>
    </row>
    <row r="328" spans="1:43">
      <c r="A328" t="s">
        <v>295</v>
      </c>
      <c r="B328" t="s">
        <v>296</v>
      </c>
      <c r="C328" t="s">
        <v>215</v>
      </c>
      <c r="D328" t="s">
        <v>216</v>
      </c>
      <c r="E328" t="s">
        <v>102</v>
      </c>
      <c r="F328" t="s">
        <v>103</v>
      </c>
      <c r="G328" t="s">
        <v>80</v>
      </c>
      <c r="H328" t="s">
        <v>81</v>
      </c>
      <c r="I328" s="2">
        <v>1</v>
      </c>
      <c r="J328" s="2">
        <v>0</v>
      </c>
      <c r="K328" s="2">
        <v>0</v>
      </c>
      <c r="L328" t="s">
        <v>120</v>
      </c>
      <c r="M328" t="s">
        <v>89</v>
      </c>
      <c r="N328" t="s">
        <v>90</v>
      </c>
      <c r="O328" t="s">
        <v>85</v>
      </c>
      <c r="P328" t="s">
        <v>86</v>
      </c>
      <c r="Q328">
        <v>8</v>
      </c>
      <c r="R328">
        <v>8</v>
      </c>
      <c r="S328">
        <v>8</v>
      </c>
      <c r="T328">
        <v>8</v>
      </c>
      <c r="U328">
        <v>9</v>
      </c>
      <c r="V328">
        <v>9</v>
      </c>
      <c r="W328">
        <v>9</v>
      </c>
      <c r="X328">
        <v>9</v>
      </c>
      <c r="Y328">
        <v>9</v>
      </c>
      <c r="Z328">
        <v>9</v>
      </c>
      <c r="AA328">
        <v>10</v>
      </c>
      <c r="AB328">
        <v>10</v>
      </c>
      <c r="AC328">
        <v>10</v>
      </c>
      <c r="AD328">
        <v>10</v>
      </c>
      <c r="AE328">
        <v>10</v>
      </c>
      <c r="AF328">
        <v>10</v>
      </c>
      <c r="AG328">
        <v>10</v>
      </c>
      <c r="AH328">
        <v>10</v>
      </c>
      <c r="AI328">
        <v>10</v>
      </c>
      <c r="AJ328">
        <v>10</v>
      </c>
      <c r="AK328">
        <v>10</v>
      </c>
      <c r="AL328">
        <v>10</v>
      </c>
      <c r="AM328">
        <v>10</v>
      </c>
      <c r="AN328">
        <v>10</v>
      </c>
      <c r="AO328">
        <v>10</v>
      </c>
      <c r="AP328">
        <v>10</v>
      </c>
      <c r="AQ328">
        <v>10</v>
      </c>
    </row>
    <row r="329" spans="1:43">
      <c r="A329" t="s">
        <v>295</v>
      </c>
      <c r="B329" t="s">
        <v>296</v>
      </c>
      <c r="C329" t="s">
        <v>215</v>
      </c>
      <c r="D329" t="s">
        <v>216</v>
      </c>
      <c r="E329" t="s">
        <v>102</v>
      </c>
      <c r="F329" t="s">
        <v>103</v>
      </c>
      <c r="G329" t="s">
        <v>80</v>
      </c>
      <c r="H329" t="s">
        <v>81</v>
      </c>
      <c r="I329" s="2">
        <v>1</v>
      </c>
      <c r="J329" s="2">
        <v>0</v>
      </c>
      <c r="K329" s="2">
        <v>0</v>
      </c>
      <c r="L329" t="s">
        <v>120</v>
      </c>
      <c r="M329" t="s">
        <v>83</v>
      </c>
      <c r="N329" t="s">
        <v>91</v>
      </c>
      <c r="O329" t="s">
        <v>85</v>
      </c>
      <c r="P329" t="s">
        <v>86</v>
      </c>
      <c r="Q329">
        <v>8</v>
      </c>
      <c r="R329">
        <v>8</v>
      </c>
      <c r="S329">
        <v>8</v>
      </c>
      <c r="T329">
        <v>8</v>
      </c>
      <c r="U329">
        <v>8</v>
      </c>
      <c r="V329">
        <v>8</v>
      </c>
      <c r="W329">
        <v>9</v>
      </c>
      <c r="X329">
        <v>9</v>
      </c>
      <c r="Y329">
        <v>9</v>
      </c>
      <c r="Z329">
        <v>9</v>
      </c>
      <c r="AA329">
        <v>9</v>
      </c>
      <c r="AB329">
        <v>9</v>
      </c>
      <c r="AC329">
        <v>9</v>
      </c>
      <c r="AD329">
        <v>9</v>
      </c>
      <c r="AE329">
        <v>10</v>
      </c>
      <c r="AF329">
        <v>10</v>
      </c>
      <c r="AG329">
        <v>10</v>
      </c>
      <c r="AH329">
        <v>10</v>
      </c>
      <c r="AI329">
        <v>10</v>
      </c>
      <c r="AJ329">
        <v>10</v>
      </c>
      <c r="AK329">
        <v>10</v>
      </c>
      <c r="AL329">
        <v>10</v>
      </c>
      <c r="AM329">
        <v>10</v>
      </c>
      <c r="AN329">
        <v>10</v>
      </c>
      <c r="AO329">
        <v>10</v>
      </c>
      <c r="AP329">
        <v>10</v>
      </c>
      <c r="AQ329">
        <v>10</v>
      </c>
    </row>
    <row r="330" spans="1:43">
      <c r="A330" t="s">
        <v>297</v>
      </c>
      <c r="B330" t="s">
        <v>298</v>
      </c>
      <c r="C330" t="s">
        <v>215</v>
      </c>
      <c r="D330" t="s">
        <v>216</v>
      </c>
      <c r="E330" t="s">
        <v>102</v>
      </c>
      <c r="F330" t="s">
        <v>103</v>
      </c>
      <c r="G330" t="s">
        <v>80</v>
      </c>
      <c r="H330" t="s">
        <v>81</v>
      </c>
      <c r="I330" s="2">
        <v>1</v>
      </c>
      <c r="J330" s="2">
        <v>0</v>
      </c>
      <c r="K330" s="2">
        <v>0</v>
      </c>
      <c r="L330" t="s">
        <v>120</v>
      </c>
      <c r="M330" t="s">
        <v>83</v>
      </c>
      <c r="N330" t="s">
        <v>84</v>
      </c>
      <c r="O330" t="s">
        <v>85</v>
      </c>
      <c r="P330" t="s">
        <v>86</v>
      </c>
      <c r="Q330">
        <v>6</v>
      </c>
      <c r="R330">
        <v>6</v>
      </c>
      <c r="S330">
        <v>6</v>
      </c>
      <c r="T330">
        <v>6</v>
      </c>
      <c r="U330">
        <v>6</v>
      </c>
      <c r="V330">
        <v>6</v>
      </c>
      <c r="W330">
        <v>6</v>
      </c>
      <c r="X330">
        <v>6</v>
      </c>
      <c r="Y330">
        <v>6</v>
      </c>
      <c r="Z330">
        <v>6</v>
      </c>
      <c r="AA330">
        <v>7</v>
      </c>
      <c r="AB330">
        <v>7</v>
      </c>
      <c r="AC330">
        <v>7</v>
      </c>
      <c r="AD330">
        <v>7</v>
      </c>
      <c r="AE330">
        <v>7</v>
      </c>
      <c r="AF330">
        <v>7</v>
      </c>
      <c r="AG330">
        <v>7</v>
      </c>
      <c r="AH330">
        <v>7</v>
      </c>
      <c r="AI330">
        <v>7</v>
      </c>
      <c r="AJ330">
        <v>7</v>
      </c>
      <c r="AK330">
        <v>7</v>
      </c>
      <c r="AL330">
        <v>7</v>
      </c>
      <c r="AM330">
        <v>7</v>
      </c>
      <c r="AN330">
        <v>7</v>
      </c>
      <c r="AO330">
        <v>7</v>
      </c>
      <c r="AP330">
        <v>7</v>
      </c>
      <c r="AQ330">
        <v>7</v>
      </c>
    </row>
    <row r="331" spans="1:43">
      <c r="A331" t="s">
        <v>297</v>
      </c>
      <c r="B331" t="s">
        <v>298</v>
      </c>
      <c r="C331" t="s">
        <v>215</v>
      </c>
      <c r="D331" t="s">
        <v>216</v>
      </c>
      <c r="E331" t="s">
        <v>102</v>
      </c>
      <c r="F331" t="s">
        <v>103</v>
      </c>
      <c r="G331" t="s">
        <v>80</v>
      </c>
      <c r="H331" t="s">
        <v>81</v>
      </c>
      <c r="I331" s="2">
        <v>1</v>
      </c>
      <c r="J331" s="2">
        <v>0</v>
      </c>
      <c r="K331" s="2">
        <v>0</v>
      </c>
      <c r="L331" t="s">
        <v>120</v>
      </c>
      <c r="M331" t="s">
        <v>87</v>
      </c>
      <c r="N331" t="s">
        <v>88</v>
      </c>
      <c r="O331" t="s">
        <v>85</v>
      </c>
      <c r="P331" t="s">
        <v>86</v>
      </c>
      <c r="Q331">
        <v>6</v>
      </c>
      <c r="R331">
        <v>6</v>
      </c>
      <c r="S331">
        <v>6</v>
      </c>
      <c r="T331">
        <v>6</v>
      </c>
      <c r="U331">
        <v>6</v>
      </c>
      <c r="V331">
        <v>6</v>
      </c>
      <c r="W331">
        <v>6</v>
      </c>
      <c r="X331">
        <v>6</v>
      </c>
      <c r="Y331">
        <v>6</v>
      </c>
      <c r="Z331">
        <v>6</v>
      </c>
      <c r="AA331">
        <v>6</v>
      </c>
      <c r="AB331">
        <v>6</v>
      </c>
      <c r="AC331">
        <v>6</v>
      </c>
      <c r="AD331">
        <v>6</v>
      </c>
      <c r="AE331">
        <v>6</v>
      </c>
      <c r="AF331">
        <v>6</v>
      </c>
      <c r="AG331">
        <v>6</v>
      </c>
      <c r="AH331">
        <v>6</v>
      </c>
      <c r="AI331">
        <v>6</v>
      </c>
      <c r="AJ331">
        <v>6</v>
      </c>
      <c r="AK331">
        <v>6</v>
      </c>
      <c r="AL331">
        <v>6</v>
      </c>
      <c r="AM331">
        <v>6</v>
      </c>
      <c r="AN331">
        <v>6</v>
      </c>
      <c r="AO331">
        <v>6</v>
      </c>
      <c r="AP331">
        <v>7</v>
      </c>
      <c r="AQ331">
        <v>7</v>
      </c>
    </row>
    <row r="332" spans="1:43">
      <c r="A332" t="s">
        <v>297</v>
      </c>
      <c r="B332" t="s">
        <v>298</v>
      </c>
      <c r="C332" t="s">
        <v>215</v>
      </c>
      <c r="D332" t="s">
        <v>216</v>
      </c>
      <c r="E332" t="s">
        <v>102</v>
      </c>
      <c r="F332" t="s">
        <v>103</v>
      </c>
      <c r="G332" t="s">
        <v>80</v>
      </c>
      <c r="H332" t="s">
        <v>81</v>
      </c>
      <c r="I332" s="2">
        <v>1</v>
      </c>
      <c r="J332" s="2">
        <v>0</v>
      </c>
      <c r="K332" s="2">
        <v>0</v>
      </c>
      <c r="L332" t="s">
        <v>120</v>
      </c>
      <c r="M332" t="s">
        <v>89</v>
      </c>
      <c r="N332" t="s">
        <v>90</v>
      </c>
      <c r="O332" t="s">
        <v>85</v>
      </c>
      <c r="P332" t="s">
        <v>86</v>
      </c>
      <c r="Q332">
        <v>6</v>
      </c>
      <c r="R332">
        <v>6</v>
      </c>
      <c r="S332">
        <v>6</v>
      </c>
      <c r="T332">
        <v>6</v>
      </c>
      <c r="U332">
        <v>6</v>
      </c>
      <c r="V332">
        <v>6</v>
      </c>
      <c r="W332">
        <v>6</v>
      </c>
      <c r="X332">
        <v>7</v>
      </c>
      <c r="Y332">
        <v>7</v>
      </c>
      <c r="Z332">
        <v>7</v>
      </c>
      <c r="AA332">
        <v>7</v>
      </c>
      <c r="AB332">
        <v>7</v>
      </c>
      <c r="AC332">
        <v>7</v>
      </c>
      <c r="AD332">
        <v>7</v>
      </c>
      <c r="AE332">
        <v>7</v>
      </c>
      <c r="AF332">
        <v>7</v>
      </c>
      <c r="AG332">
        <v>7</v>
      </c>
      <c r="AH332">
        <v>7</v>
      </c>
      <c r="AI332">
        <v>7</v>
      </c>
      <c r="AJ332">
        <v>7</v>
      </c>
      <c r="AK332">
        <v>7</v>
      </c>
      <c r="AL332">
        <v>7</v>
      </c>
      <c r="AM332">
        <v>7</v>
      </c>
      <c r="AN332">
        <v>7</v>
      </c>
      <c r="AO332">
        <v>7</v>
      </c>
      <c r="AP332">
        <v>7</v>
      </c>
      <c r="AQ332">
        <v>8</v>
      </c>
    </row>
    <row r="333" spans="1:43">
      <c r="A333" t="s">
        <v>297</v>
      </c>
      <c r="B333" t="s">
        <v>298</v>
      </c>
      <c r="C333" t="s">
        <v>215</v>
      </c>
      <c r="D333" t="s">
        <v>216</v>
      </c>
      <c r="E333" t="s">
        <v>102</v>
      </c>
      <c r="F333" t="s">
        <v>103</v>
      </c>
      <c r="G333" t="s">
        <v>80</v>
      </c>
      <c r="H333" t="s">
        <v>81</v>
      </c>
      <c r="I333" s="2">
        <v>1</v>
      </c>
      <c r="J333" s="2">
        <v>0</v>
      </c>
      <c r="K333" s="2">
        <v>0</v>
      </c>
      <c r="L333" t="s">
        <v>120</v>
      </c>
      <c r="M333" t="s">
        <v>83</v>
      </c>
      <c r="N333" t="s">
        <v>91</v>
      </c>
      <c r="O333" t="s">
        <v>85</v>
      </c>
      <c r="P333" t="s">
        <v>86</v>
      </c>
      <c r="Q333">
        <v>6</v>
      </c>
      <c r="R333">
        <v>6</v>
      </c>
      <c r="S333">
        <v>6</v>
      </c>
      <c r="T333">
        <v>6</v>
      </c>
      <c r="U333">
        <v>6</v>
      </c>
      <c r="V333">
        <v>6</v>
      </c>
      <c r="W333">
        <v>6</v>
      </c>
      <c r="X333">
        <v>6</v>
      </c>
      <c r="Y333">
        <v>6</v>
      </c>
      <c r="Z333">
        <v>6</v>
      </c>
      <c r="AA333">
        <v>7</v>
      </c>
      <c r="AB333">
        <v>7</v>
      </c>
      <c r="AC333">
        <v>7</v>
      </c>
      <c r="AD333">
        <v>7</v>
      </c>
      <c r="AE333">
        <v>7</v>
      </c>
      <c r="AF333">
        <v>7</v>
      </c>
      <c r="AG333">
        <v>7</v>
      </c>
      <c r="AH333">
        <v>7</v>
      </c>
      <c r="AI333">
        <v>7</v>
      </c>
      <c r="AJ333">
        <v>7</v>
      </c>
      <c r="AK333">
        <v>7</v>
      </c>
      <c r="AL333">
        <v>7</v>
      </c>
      <c r="AM333">
        <v>7</v>
      </c>
      <c r="AN333">
        <v>7</v>
      </c>
      <c r="AO333">
        <v>7</v>
      </c>
      <c r="AP333">
        <v>7</v>
      </c>
      <c r="AQ333">
        <v>7</v>
      </c>
    </row>
    <row r="334" spans="1:43">
      <c r="A334" t="s">
        <v>299</v>
      </c>
      <c r="B334" t="s">
        <v>300</v>
      </c>
      <c r="C334" t="s">
        <v>215</v>
      </c>
      <c r="D334" t="s">
        <v>216</v>
      </c>
      <c r="E334" t="s">
        <v>102</v>
      </c>
      <c r="F334" t="s">
        <v>103</v>
      </c>
      <c r="G334" t="s">
        <v>80</v>
      </c>
      <c r="H334" t="s">
        <v>81</v>
      </c>
      <c r="I334" s="2">
        <v>1</v>
      </c>
      <c r="J334" s="2">
        <v>0</v>
      </c>
      <c r="K334" s="2">
        <v>0</v>
      </c>
      <c r="L334" t="s">
        <v>120</v>
      </c>
      <c r="M334" t="s">
        <v>83</v>
      </c>
      <c r="N334" t="s">
        <v>84</v>
      </c>
      <c r="O334" t="s">
        <v>85</v>
      </c>
      <c r="P334" t="s">
        <v>86</v>
      </c>
      <c r="Q334">
        <v>14</v>
      </c>
      <c r="R334">
        <v>14</v>
      </c>
      <c r="S334">
        <v>14</v>
      </c>
      <c r="T334">
        <v>15</v>
      </c>
      <c r="U334">
        <v>15</v>
      </c>
      <c r="V334">
        <v>15</v>
      </c>
      <c r="W334">
        <v>15</v>
      </c>
      <c r="X334">
        <v>15</v>
      </c>
      <c r="Y334">
        <v>16</v>
      </c>
      <c r="Z334">
        <v>16</v>
      </c>
      <c r="AA334">
        <v>16</v>
      </c>
      <c r="AB334">
        <v>16</v>
      </c>
      <c r="AC334">
        <v>17</v>
      </c>
      <c r="AD334">
        <v>17</v>
      </c>
      <c r="AE334">
        <v>17</v>
      </c>
      <c r="AF334">
        <v>17</v>
      </c>
      <c r="AG334">
        <v>17</v>
      </c>
      <c r="AH334">
        <v>18</v>
      </c>
      <c r="AI334">
        <v>18</v>
      </c>
      <c r="AJ334">
        <v>18</v>
      </c>
      <c r="AK334">
        <v>18</v>
      </c>
      <c r="AL334">
        <v>18</v>
      </c>
      <c r="AM334">
        <v>18</v>
      </c>
      <c r="AN334">
        <v>18</v>
      </c>
      <c r="AO334">
        <v>18</v>
      </c>
      <c r="AP334">
        <v>18</v>
      </c>
      <c r="AQ334">
        <v>19</v>
      </c>
    </row>
    <row r="335" spans="1:43">
      <c r="A335" t="s">
        <v>299</v>
      </c>
      <c r="B335" t="s">
        <v>300</v>
      </c>
      <c r="C335" t="s">
        <v>215</v>
      </c>
      <c r="D335" t="s">
        <v>216</v>
      </c>
      <c r="E335" t="s">
        <v>102</v>
      </c>
      <c r="F335" t="s">
        <v>103</v>
      </c>
      <c r="G335" t="s">
        <v>80</v>
      </c>
      <c r="H335" t="s">
        <v>81</v>
      </c>
      <c r="I335" s="2">
        <v>1</v>
      </c>
      <c r="J335" s="2">
        <v>0</v>
      </c>
      <c r="K335" s="2">
        <v>0</v>
      </c>
      <c r="L335" t="s">
        <v>120</v>
      </c>
      <c r="M335" t="s">
        <v>87</v>
      </c>
      <c r="N335" t="s">
        <v>88</v>
      </c>
      <c r="O335" t="s">
        <v>85</v>
      </c>
      <c r="P335" t="s">
        <v>86</v>
      </c>
      <c r="Q335">
        <v>14</v>
      </c>
      <c r="R335">
        <v>14</v>
      </c>
      <c r="S335">
        <v>14</v>
      </c>
      <c r="T335">
        <v>14</v>
      </c>
      <c r="U335">
        <v>14</v>
      </c>
      <c r="V335">
        <v>14</v>
      </c>
      <c r="W335">
        <v>14</v>
      </c>
      <c r="X335">
        <v>14</v>
      </c>
      <c r="Y335">
        <v>15</v>
      </c>
      <c r="Z335">
        <v>15</v>
      </c>
      <c r="AA335">
        <v>15</v>
      </c>
      <c r="AB335">
        <v>15</v>
      </c>
      <c r="AC335">
        <v>15</v>
      </c>
      <c r="AD335">
        <v>15</v>
      </c>
      <c r="AE335">
        <v>15</v>
      </c>
      <c r="AF335">
        <v>15</v>
      </c>
      <c r="AG335">
        <v>15</v>
      </c>
      <c r="AH335">
        <v>15</v>
      </c>
      <c r="AI335">
        <v>16</v>
      </c>
      <c r="AJ335">
        <v>16</v>
      </c>
      <c r="AK335">
        <v>16</v>
      </c>
      <c r="AL335">
        <v>16</v>
      </c>
      <c r="AM335">
        <v>16</v>
      </c>
      <c r="AN335">
        <v>16</v>
      </c>
      <c r="AO335">
        <v>16</v>
      </c>
      <c r="AP335">
        <v>16</v>
      </c>
      <c r="AQ335">
        <v>16</v>
      </c>
    </row>
    <row r="336" spans="1:43">
      <c r="A336" t="s">
        <v>299</v>
      </c>
      <c r="B336" t="s">
        <v>300</v>
      </c>
      <c r="C336" t="s">
        <v>215</v>
      </c>
      <c r="D336" t="s">
        <v>216</v>
      </c>
      <c r="E336" t="s">
        <v>102</v>
      </c>
      <c r="F336" t="s">
        <v>103</v>
      </c>
      <c r="G336" t="s">
        <v>80</v>
      </c>
      <c r="H336" t="s">
        <v>81</v>
      </c>
      <c r="I336" s="2">
        <v>1</v>
      </c>
      <c r="J336" s="2">
        <v>0</v>
      </c>
      <c r="K336" s="2">
        <v>0</v>
      </c>
      <c r="L336" t="s">
        <v>120</v>
      </c>
      <c r="M336" t="s">
        <v>89</v>
      </c>
      <c r="N336" t="s">
        <v>90</v>
      </c>
      <c r="O336" t="s">
        <v>85</v>
      </c>
      <c r="P336" t="s">
        <v>86</v>
      </c>
      <c r="Q336">
        <v>14</v>
      </c>
      <c r="R336">
        <v>14</v>
      </c>
      <c r="S336">
        <v>15</v>
      </c>
      <c r="T336">
        <v>15</v>
      </c>
      <c r="U336">
        <v>15</v>
      </c>
      <c r="V336">
        <v>16</v>
      </c>
      <c r="W336">
        <v>16</v>
      </c>
      <c r="X336">
        <v>16</v>
      </c>
      <c r="Y336">
        <v>17</v>
      </c>
      <c r="Z336">
        <v>17</v>
      </c>
      <c r="AA336">
        <v>17</v>
      </c>
      <c r="AB336">
        <v>17</v>
      </c>
      <c r="AC336">
        <v>18</v>
      </c>
      <c r="AD336">
        <v>18</v>
      </c>
      <c r="AE336">
        <v>18</v>
      </c>
      <c r="AF336">
        <v>18</v>
      </c>
      <c r="AG336">
        <v>18</v>
      </c>
      <c r="AH336">
        <v>18</v>
      </c>
      <c r="AI336">
        <v>18</v>
      </c>
      <c r="AJ336">
        <v>18</v>
      </c>
      <c r="AK336">
        <v>18</v>
      </c>
      <c r="AL336">
        <v>18</v>
      </c>
      <c r="AM336">
        <v>18</v>
      </c>
      <c r="AN336">
        <v>19</v>
      </c>
      <c r="AO336">
        <v>19</v>
      </c>
      <c r="AP336">
        <v>19</v>
      </c>
      <c r="AQ336">
        <v>19</v>
      </c>
    </row>
    <row r="337" spans="1:43">
      <c r="A337" t="s">
        <v>299</v>
      </c>
      <c r="B337" t="s">
        <v>300</v>
      </c>
      <c r="C337" t="s">
        <v>215</v>
      </c>
      <c r="D337" t="s">
        <v>216</v>
      </c>
      <c r="E337" t="s">
        <v>102</v>
      </c>
      <c r="F337" t="s">
        <v>103</v>
      </c>
      <c r="G337" t="s">
        <v>80</v>
      </c>
      <c r="H337" t="s">
        <v>81</v>
      </c>
      <c r="I337" s="2">
        <v>1</v>
      </c>
      <c r="J337" s="2">
        <v>0</v>
      </c>
      <c r="K337" s="2">
        <v>0</v>
      </c>
      <c r="L337" t="s">
        <v>120</v>
      </c>
      <c r="M337" t="s">
        <v>83</v>
      </c>
      <c r="N337" t="s">
        <v>91</v>
      </c>
      <c r="O337" t="s">
        <v>85</v>
      </c>
      <c r="P337" t="s">
        <v>86</v>
      </c>
      <c r="Q337">
        <v>14</v>
      </c>
      <c r="R337">
        <v>14</v>
      </c>
      <c r="S337">
        <v>14</v>
      </c>
      <c r="T337">
        <v>15</v>
      </c>
      <c r="U337">
        <v>15</v>
      </c>
      <c r="V337">
        <v>15</v>
      </c>
      <c r="W337">
        <v>15</v>
      </c>
      <c r="X337">
        <v>15</v>
      </c>
      <c r="Y337">
        <v>16</v>
      </c>
      <c r="Z337">
        <v>16</v>
      </c>
      <c r="AA337">
        <v>16</v>
      </c>
      <c r="AB337">
        <v>16</v>
      </c>
      <c r="AC337">
        <v>17</v>
      </c>
      <c r="AD337">
        <v>17</v>
      </c>
      <c r="AE337">
        <v>17</v>
      </c>
      <c r="AF337">
        <v>17</v>
      </c>
      <c r="AG337">
        <v>17</v>
      </c>
      <c r="AH337">
        <v>18</v>
      </c>
      <c r="AI337">
        <v>18</v>
      </c>
      <c r="AJ337">
        <v>18</v>
      </c>
      <c r="AK337">
        <v>18</v>
      </c>
      <c r="AL337">
        <v>18</v>
      </c>
      <c r="AM337">
        <v>18</v>
      </c>
      <c r="AN337">
        <v>18</v>
      </c>
      <c r="AO337">
        <v>18</v>
      </c>
      <c r="AP337">
        <v>18</v>
      </c>
      <c r="AQ337">
        <v>19</v>
      </c>
    </row>
    <row r="338" spans="1:43">
      <c r="A338" t="s">
        <v>301</v>
      </c>
      <c r="B338" t="s">
        <v>302</v>
      </c>
      <c r="C338" t="s">
        <v>303</v>
      </c>
      <c r="D338" t="s">
        <v>304</v>
      </c>
      <c r="E338" t="s">
        <v>102</v>
      </c>
      <c r="F338" t="s">
        <v>103</v>
      </c>
      <c r="G338" t="s">
        <v>80</v>
      </c>
      <c r="H338" t="s">
        <v>81</v>
      </c>
      <c r="I338" s="2">
        <v>0</v>
      </c>
      <c r="J338" s="2">
        <v>1</v>
      </c>
      <c r="K338" s="2">
        <v>0</v>
      </c>
      <c r="L338" t="s">
        <v>82</v>
      </c>
      <c r="M338" t="s">
        <v>83</v>
      </c>
      <c r="N338" t="s">
        <v>84</v>
      </c>
      <c r="O338" t="s">
        <v>85</v>
      </c>
      <c r="P338" t="s">
        <v>86</v>
      </c>
      <c r="Q338">
        <v>34</v>
      </c>
      <c r="R338">
        <v>34</v>
      </c>
      <c r="S338">
        <v>35</v>
      </c>
      <c r="T338">
        <v>35</v>
      </c>
      <c r="U338">
        <v>36</v>
      </c>
      <c r="V338">
        <v>36</v>
      </c>
      <c r="W338">
        <v>37</v>
      </c>
      <c r="X338">
        <v>38</v>
      </c>
      <c r="Y338">
        <v>38</v>
      </c>
      <c r="Z338">
        <v>39</v>
      </c>
      <c r="AA338">
        <v>39</v>
      </c>
      <c r="AB338">
        <v>40</v>
      </c>
      <c r="AC338">
        <v>40</v>
      </c>
      <c r="AD338">
        <v>41</v>
      </c>
      <c r="AE338">
        <v>41</v>
      </c>
      <c r="AF338">
        <v>42</v>
      </c>
      <c r="AG338">
        <v>42</v>
      </c>
      <c r="AH338">
        <v>43</v>
      </c>
      <c r="AI338">
        <v>43</v>
      </c>
      <c r="AJ338">
        <v>44</v>
      </c>
      <c r="AK338">
        <v>44</v>
      </c>
      <c r="AL338">
        <v>45</v>
      </c>
      <c r="AM338">
        <v>45</v>
      </c>
      <c r="AN338">
        <v>45</v>
      </c>
      <c r="AO338">
        <v>45</v>
      </c>
      <c r="AP338">
        <v>45</v>
      </c>
      <c r="AQ338">
        <v>45</v>
      </c>
    </row>
    <row r="339" spans="1:43">
      <c r="A339" t="s">
        <v>301</v>
      </c>
      <c r="B339" t="s">
        <v>302</v>
      </c>
      <c r="C339" t="s">
        <v>303</v>
      </c>
      <c r="D339" t="s">
        <v>304</v>
      </c>
      <c r="E339" t="s">
        <v>102</v>
      </c>
      <c r="F339" t="s">
        <v>103</v>
      </c>
      <c r="G339" t="s">
        <v>80</v>
      </c>
      <c r="H339" t="s">
        <v>81</v>
      </c>
      <c r="I339" s="2">
        <v>0</v>
      </c>
      <c r="J339" s="2">
        <v>1</v>
      </c>
      <c r="K339" s="2">
        <v>0</v>
      </c>
      <c r="L339" t="s">
        <v>82</v>
      </c>
      <c r="M339" t="s">
        <v>87</v>
      </c>
      <c r="N339" t="s">
        <v>88</v>
      </c>
      <c r="O339" t="s">
        <v>85</v>
      </c>
      <c r="P339" t="s">
        <v>86</v>
      </c>
      <c r="Q339">
        <v>34</v>
      </c>
      <c r="R339">
        <v>35</v>
      </c>
      <c r="S339">
        <v>35</v>
      </c>
      <c r="T339">
        <v>35</v>
      </c>
      <c r="U339">
        <v>35</v>
      </c>
      <c r="V339">
        <v>36</v>
      </c>
      <c r="W339">
        <v>36</v>
      </c>
      <c r="X339">
        <v>36</v>
      </c>
      <c r="Y339">
        <v>36</v>
      </c>
      <c r="Z339">
        <v>36</v>
      </c>
      <c r="AA339">
        <v>37</v>
      </c>
      <c r="AB339">
        <v>37</v>
      </c>
      <c r="AC339">
        <v>37</v>
      </c>
      <c r="AD339">
        <v>37</v>
      </c>
      <c r="AE339">
        <v>38</v>
      </c>
      <c r="AF339">
        <v>38</v>
      </c>
      <c r="AG339">
        <v>38</v>
      </c>
      <c r="AH339">
        <v>38</v>
      </c>
      <c r="AI339">
        <v>38</v>
      </c>
      <c r="AJ339">
        <v>39</v>
      </c>
      <c r="AK339">
        <v>39</v>
      </c>
      <c r="AL339">
        <v>39</v>
      </c>
      <c r="AM339">
        <v>39</v>
      </c>
      <c r="AN339">
        <v>39</v>
      </c>
      <c r="AO339">
        <v>40</v>
      </c>
      <c r="AP339">
        <v>40</v>
      </c>
      <c r="AQ339">
        <v>40</v>
      </c>
    </row>
    <row r="340" spans="1:43">
      <c r="A340" t="s">
        <v>301</v>
      </c>
      <c r="B340" t="s">
        <v>302</v>
      </c>
      <c r="C340" t="s">
        <v>303</v>
      </c>
      <c r="D340" t="s">
        <v>304</v>
      </c>
      <c r="E340" t="s">
        <v>102</v>
      </c>
      <c r="F340" t="s">
        <v>103</v>
      </c>
      <c r="G340" t="s">
        <v>80</v>
      </c>
      <c r="H340" t="s">
        <v>81</v>
      </c>
      <c r="I340" s="2">
        <v>0</v>
      </c>
      <c r="J340" s="2">
        <v>1</v>
      </c>
      <c r="K340" s="2">
        <v>0</v>
      </c>
      <c r="L340" t="s">
        <v>82</v>
      </c>
      <c r="M340" t="s">
        <v>89</v>
      </c>
      <c r="N340" t="s">
        <v>90</v>
      </c>
      <c r="O340" t="s">
        <v>85</v>
      </c>
      <c r="P340" t="s">
        <v>86</v>
      </c>
      <c r="Q340">
        <v>34</v>
      </c>
      <c r="R340">
        <v>35</v>
      </c>
      <c r="S340">
        <v>36</v>
      </c>
      <c r="T340">
        <v>37</v>
      </c>
      <c r="U340">
        <v>37</v>
      </c>
      <c r="V340">
        <v>38</v>
      </c>
      <c r="W340">
        <v>39</v>
      </c>
      <c r="X340">
        <v>40</v>
      </c>
      <c r="Y340">
        <v>40</v>
      </c>
      <c r="Z340">
        <v>41</v>
      </c>
      <c r="AA340">
        <v>42</v>
      </c>
      <c r="AB340">
        <v>42</v>
      </c>
      <c r="AC340">
        <v>43</v>
      </c>
      <c r="AD340">
        <v>44</v>
      </c>
      <c r="AE340">
        <v>44</v>
      </c>
      <c r="AF340">
        <v>44</v>
      </c>
      <c r="AG340">
        <v>44</v>
      </c>
      <c r="AH340">
        <v>45</v>
      </c>
      <c r="AI340">
        <v>45</v>
      </c>
      <c r="AJ340">
        <v>45</v>
      </c>
      <c r="AK340">
        <v>45</v>
      </c>
      <c r="AL340">
        <v>45</v>
      </c>
      <c r="AM340">
        <v>45</v>
      </c>
      <c r="AN340">
        <v>45</v>
      </c>
      <c r="AO340">
        <v>45</v>
      </c>
      <c r="AP340">
        <v>45</v>
      </c>
      <c r="AQ340">
        <v>45</v>
      </c>
    </row>
    <row r="341" spans="1:43">
      <c r="A341" t="s">
        <v>301</v>
      </c>
      <c r="B341" t="s">
        <v>302</v>
      </c>
      <c r="C341" t="s">
        <v>303</v>
      </c>
      <c r="D341" t="s">
        <v>304</v>
      </c>
      <c r="E341" t="s">
        <v>102</v>
      </c>
      <c r="F341" t="s">
        <v>103</v>
      </c>
      <c r="G341" t="s">
        <v>80</v>
      </c>
      <c r="H341" t="s">
        <v>81</v>
      </c>
      <c r="I341" s="2">
        <v>0</v>
      </c>
      <c r="J341" s="2">
        <v>1</v>
      </c>
      <c r="K341" s="2">
        <v>0</v>
      </c>
      <c r="L341" t="s">
        <v>82</v>
      </c>
      <c r="M341" t="s">
        <v>83</v>
      </c>
      <c r="N341" t="s">
        <v>91</v>
      </c>
      <c r="O341" t="s">
        <v>85</v>
      </c>
      <c r="P341" t="s">
        <v>86</v>
      </c>
      <c r="Q341">
        <v>34</v>
      </c>
      <c r="R341">
        <v>34</v>
      </c>
      <c r="S341">
        <v>35</v>
      </c>
      <c r="T341">
        <v>35</v>
      </c>
      <c r="U341">
        <v>36</v>
      </c>
      <c r="V341">
        <v>36</v>
      </c>
      <c r="W341">
        <v>37</v>
      </c>
      <c r="X341">
        <v>38</v>
      </c>
      <c r="Y341">
        <v>38</v>
      </c>
      <c r="Z341">
        <v>39</v>
      </c>
      <c r="AA341">
        <v>39</v>
      </c>
      <c r="AB341">
        <v>40</v>
      </c>
      <c r="AC341">
        <v>40</v>
      </c>
      <c r="AD341">
        <v>41</v>
      </c>
      <c r="AE341">
        <v>41</v>
      </c>
      <c r="AF341">
        <v>42</v>
      </c>
      <c r="AG341">
        <v>42</v>
      </c>
      <c r="AH341">
        <v>43</v>
      </c>
      <c r="AI341">
        <v>43</v>
      </c>
      <c r="AJ341">
        <v>44</v>
      </c>
      <c r="AK341">
        <v>44</v>
      </c>
      <c r="AL341">
        <v>45</v>
      </c>
      <c r="AM341">
        <v>45</v>
      </c>
      <c r="AN341">
        <v>45</v>
      </c>
      <c r="AO341">
        <v>45</v>
      </c>
      <c r="AP341">
        <v>45</v>
      </c>
      <c r="AQ341">
        <v>45</v>
      </c>
    </row>
    <row r="342" spans="1:43">
      <c r="A342" t="s">
        <v>305</v>
      </c>
      <c r="B342" t="s">
        <v>306</v>
      </c>
      <c r="C342" t="s">
        <v>303</v>
      </c>
      <c r="D342" t="s">
        <v>304</v>
      </c>
      <c r="E342" t="s">
        <v>102</v>
      </c>
      <c r="F342" t="s">
        <v>103</v>
      </c>
      <c r="G342" t="s">
        <v>80</v>
      </c>
      <c r="H342" t="s">
        <v>81</v>
      </c>
      <c r="I342" s="2">
        <v>0</v>
      </c>
      <c r="J342" s="2">
        <v>1</v>
      </c>
      <c r="K342" s="2">
        <v>0</v>
      </c>
      <c r="L342" t="s">
        <v>82</v>
      </c>
      <c r="M342" t="s">
        <v>83</v>
      </c>
      <c r="N342" t="s">
        <v>84</v>
      </c>
      <c r="O342" t="s">
        <v>85</v>
      </c>
      <c r="P342" t="s">
        <v>86</v>
      </c>
      <c r="Q342">
        <v>32</v>
      </c>
      <c r="R342">
        <v>32</v>
      </c>
      <c r="S342">
        <v>33</v>
      </c>
      <c r="T342">
        <v>33</v>
      </c>
      <c r="U342">
        <v>34</v>
      </c>
      <c r="V342">
        <v>34</v>
      </c>
      <c r="W342">
        <v>35</v>
      </c>
      <c r="X342">
        <v>35</v>
      </c>
      <c r="Y342">
        <v>36</v>
      </c>
      <c r="Z342">
        <v>36</v>
      </c>
      <c r="AA342">
        <v>37</v>
      </c>
      <c r="AB342">
        <v>37</v>
      </c>
      <c r="AC342">
        <v>38</v>
      </c>
      <c r="AD342">
        <v>38</v>
      </c>
      <c r="AE342">
        <v>39</v>
      </c>
      <c r="AF342">
        <v>39</v>
      </c>
      <c r="AG342">
        <v>40</v>
      </c>
      <c r="AH342">
        <v>40</v>
      </c>
      <c r="AI342">
        <v>41</v>
      </c>
      <c r="AJ342">
        <v>41</v>
      </c>
      <c r="AK342">
        <v>42</v>
      </c>
      <c r="AL342">
        <v>42</v>
      </c>
      <c r="AM342">
        <v>42</v>
      </c>
      <c r="AN342">
        <v>42</v>
      </c>
      <c r="AO342">
        <v>42</v>
      </c>
      <c r="AP342">
        <v>42</v>
      </c>
      <c r="AQ342">
        <v>42</v>
      </c>
    </row>
    <row r="343" spans="1:43">
      <c r="A343" t="s">
        <v>305</v>
      </c>
      <c r="B343" t="s">
        <v>306</v>
      </c>
      <c r="C343" t="s">
        <v>303</v>
      </c>
      <c r="D343" t="s">
        <v>304</v>
      </c>
      <c r="E343" t="s">
        <v>102</v>
      </c>
      <c r="F343" t="s">
        <v>103</v>
      </c>
      <c r="G343" t="s">
        <v>80</v>
      </c>
      <c r="H343" t="s">
        <v>81</v>
      </c>
      <c r="I343" s="2">
        <v>0</v>
      </c>
      <c r="J343" s="2">
        <v>1</v>
      </c>
      <c r="K343" s="2">
        <v>0</v>
      </c>
      <c r="L343" t="s">
        <v>82</v>
      </c>
      <c r="M343" t="s">
        <v>87</v>
      </c>
      <c r="N343" t="s">
        <v>88</v>
      </c>
      <c r="O343" t="s">
        <v>85</v>
      </c>
      <c r="P343" t="s">
        <v>86</v>
      </c>
      <c r="Q343">
        <v>32</v>
      </c>
      <c r="R343">
        <v>32</v>
      </c>
      <c r="S343">
        <v>32</v>
      </c>
      <c r="T343">
        <v>32</v>
      </c>
      <c r="U343">
        <v>32</v>
      </c>
      <c r="V343">
        <v>33</v>
      </c>
      <c r="W343">
        <v>33</v>
      </c>
      <c r="X343">
        <v>33</v>
      </c>
      <c r="Y343">
        <v>33</v>
      </c>
      <c r="Z343">
        <v>33</v>
      </c>
      <c r="AA343">
        <v>34</v>
      </c>
      <c r="AB343">
        <v>34</v>
      </c>
      <c r="AC343">
        <v>34</v>
      </c>
      <c r="AD343">
        <v>34</v>
      </c>
      <c r="AE343">
        <v>34</v>
      </c>
      <c r="AF343">
        <v>35</v>
      </c>
      <c r="AG343">
        <v>35</v>
      </c>
      <c r="AH343">
        <v>35</v>
      </c>
      <c r="AI343">
        <v>35</v>
      </c>
      <c r="AJ343">
        <v>35</v>
      </c>
      <c r="AK343">
        <v>36</v>
      </c>
      <c r="AL343">
        <v>36</v>
      </c>
      <c r="AM343">
        <v>36</v>
      </c>
      <c r="AN343">
        <v>36</v>
      </c>
      <c r="AO343">
        <v>36</v>
      </c>
      <c r="AP343">
        <v>37</v>
      </c>
      <c r="AQ343">
        <v>37</v>
      </c>
    </row>
    <row r="344" spans="1:43">
      <c r="A344" t="s">
        <v>305</v>
      </c>
      <c r="B344" t="s">
        <v>306</v>
      </c>
      <c r="C344" t="s">
        <v>303</v>
      </c>
      <c r="D344" t="s">
        <v>304</v>
      </c>
      <c r="E344" t="s">
        <v>102</v>
      </c>
      <c r="F344" t="s">
        <v>103</v>
      </c>
      <c r="G344" t="s">
        <v>80</v>
      </c>
      <c r="H344" t="s">
        <v>81</v>
      </c>
      <c r="I344" s="2">
        <v>0</v>
      </c>
      <c r="J344" s="2">
        <v>1</v>
      </c>
      <c r="K344" s="2">
        <v>0</v>
      </c>
      <c r="L344" t="s">
        <v>82</v>
      </c>
      <c r="M344" t="s">
        <v>89</v>
      </c>
      <c r="N344" t="s">
        <v>90</v>
      </c>
      <c r="O344" t="s">
        <v>85</v>
      </c>
      <c r="P344" t="s">
        <v>86</v>
      </c>
      <c r="Q344">
        <v>32</v>
      </c>
      <c r="R344">
        <v>33</v>
      </c>
      <c r="S344">
        <v>34</v>
      </c>
      <c r="T344">
        <v>34</v>
      </c>
      <c r="U344">
        <v>35</v>
      </c>
      <c r="V344">
        <v>36</v>
      </c>
      <c r="W344">
        <v>37</v>
      </c>
      <c r="X344">
        <v>37</v>
      </c>
      <c r="Y344">
        <v>38</v>
      </c>
      <c r="Z344">
        <v>39</v>
      </c>
      <c r="AA344">
        <v>39</v>
      </c>
      <c r="AB344">
        <v>40</v>
      </c>
      <c r="AC344">
        <v>41</v>
      </c>
      <c r="AD344">
        <v>41</v>
      </c>
      <c r="AE344">
        <v>42</v>
      </c>
      <c r="AF344">
        <v>42</v>
      </c>
      <c r="AG344">
        <v>42</v>
      </c>
      <c r="AH344">
        <v>42</v>
      </c>
      <c r="AI344">
        <v>42</v>
      </c>
      <c r="AJ344">
        <v>42</v>
      </c>
      <c r="AK344">
        <v>42</v>
      </c>
      <c r="AL344">
        <v>42</v>
      </c>
      <c r="AM344">
        <v>42</v>
      </c>
      <c r="AN344">
        <v>43</v>
      </c>
      <c r="AO344">
        <v>43</v>
      </c>
      <c r="AP344">
        <v>43</v>
      </c>
      <c r="AQ344">
        <v>43</v>
      </c>
    </row>
    <row r="345" spans="1:43">
      <c r="A345" t="s">
        <v>305</v>
      </c>
      <c r="B345" t="s">
        <v>306</v>
      </c>
      <c r="C345" t="s">
        <v>303</v>
      </c>
      <c r="D345" t="s">
        <v>304</v>
      </c>
      <c r="E345" t="s">
        <v>102</v>
      </c>
      <c r="F345" t="s">
        <v>103</v>
      </c>
      <c r="G345" t="s">
        <v>80</v>
      </c>
      <c r="H345" t="s">
        <v>81</v>
      </c>
      <c r="I345" s="2">
        <v>0</v>
      </c>
      <c r="J345" s="2">
        <v>1</v>
      </c>
      <c r="K345" s="2">
        <v>0</v>
      </c>
      <c r="L345" t="s">
        <v>82</v>
      </c>
      <c r="M345" t="s">
        <v>83</v>
      </c>
      <c r="N345" t="s">
        <v>91</v>
      </c>
      <c r="O345" t="s">
        <v>85</v>
      </c>
      <c r="P345" t="s">
        <v>86</v>
      </c>
      <c r="Q345">
        <v>32</v>
      </c>
      <c r="R345">
        <v>32</v>
      </c>
      <c r="S345">
        <v>33</v>
      </c>
      <c r="T345">
        <v>33</v>
      </c>
      <c r="U345">
        <v>34</v>
      </c>
      <c r="V345">
        <v>34</v>
      </c>
      <c r="W345">
        <v>35</v>
      </c>
      <c r="X345">
        <v>35</v>
      </c>
      <c r="Y345">
        <v>36</v>
      </c>
      <c r="Z345">
        <v>36</v>
      </c>
      <c r="AA345">
        <v>37</v>
      </c>
      <c r="AB345">
        <v>37</v>
      </c>
      <c r="AC345">
        <v>38</v>
      </c>
      <c r="AD345">
        <v>38</v>
      </c>
      <c r="AE345">
        <v>39</v>
      </c>
      <c r="AF345">
        <v>39</v>
      </c>
      <c r="AG345">
        <v>40</v>
      </c>
      <c r="AH345">
        <v>40</v>
      </c>
      <c r="AI345">
        <v>41</v>
      </c>
      <c r="AJ345">
        <v>41</v>
      </c>
      <c r="AK345">
        <v>42</v>
      </c>
      <c r="AL345">
        <v>42</v>
      </c>
      <c r="AM345">
        <v>42</v>
      </c>
      <c r="AN345">
        <v>42</v>
      </c>
      <c r="AO345">
        <v>42</v>
      </c>
      <c r="AP345">
        <v>42</v>
      </c>
      <c r="AQ345">
        <v>42</v>
      </c>
    </row>
    <row r="346" spans="1:43">
      <c r="A346" t="s">
        <v>307</v>
      </c>
      <c r="B346" t="s">
        <v>308</v>
      </c>
      <c r="C346" t="s">
        <v>303</v>
      </c>
      <c r="D346" t="s">
        <v>304</v>
      </c>
      <c r="E346" t="s">
        <v>102</v>
      </c>
      <c r="F346" t="s">
        <v>103</v>
      </c>
      <c r="G346" t="s">
        <v>80</v>
      </c>
      <c r="H346" t="s">
        <v>81</v>
      </c>
      <c r="I346" s="2">
        <v>0</v>
      </c>
      <c r="J346" s="2">
        <v>1</v>
      </c>
      <c r="K346" s="2">
        <v>0</v>
      </c>
      <c r="L346" t="s">
        <v>82</v>
      </c>
      <c r="M346" t="s">
        <v>83</v>
      </c>
      <c r="N346" t="s">
        <v>84</v>
      </c>
      <c r="O346" t="s">
        <v>85</v>
      </c>
      <c r="P346" t="s">
        <v>86</v>
      </c>
      <c r="Q346">
        <v>19</v>
      </c>
      <c r="R346">
        <v>19</v>
      </c>
      <c r="S346">
        <v>20</v>
      </c>
      <c r="T346">
        <v>20</v>
      </c>
      <c r="U346">
        <v>20</v>
      </c>
      <c r="V346">
        <v>20</v>
      </c>
      <c r="W346">
        <v>21</v>
      </c>
      <c r="X346">
        <v>21</v>
      </c>
      <c r="Y346">
        <v>21</v>
      </c>
      <c r="Z346">
        <v>22</v>
      </c>
      <c r="AA346">
        <v>22</v>
      </c>
      <c r="AB346">
        <v>22</v>
      </c>
      <c r="AC346">
        <v>23</v>
      </c>
      <c r="AD346">
        <v>23</v>
      </c>
      <c r="AE346">
        <v>23</v>
      </c>
      <c r="AF346">
        <v>23</v>
      </c>
      <c r="AG346">
        <v>24</v>
      </c>
      <c r="AH346">
        <v>24</v>
      </c>
      <c r="AI346">
        <v>24</v>
      </c>
      <c r="AJ346">
        <v>25</v>
      </c>
      <c r="AK346">
        <v>25</v>
      </c>
      <c r="AL346">
        <v>25</v>
      </c>
      <c r="AM346">
        <v>25</v>
      </c>
      <c r="AN346">
        <v>25</v>
      </c>
      <c r="AO346">
        <v>25</v>
      </c>
      <c r="AP346">
        <v>25</v>
      </c>
      <c r="AQ346">
        <v>25</v>
      </c>
    </row>
    <row r="347" spans="1:43">
      <c r="A347" t="s">
        <v>307</v>
      </c>
      <c r="B347" t="s">
        <v>308</v>
      </c>
      <c r="C347" t="s">
        <v>303</v>
      </c>
      <c r="D347" t="s">
        <v>304</v>
      </c>
      <c r="E347" t="s">
        <v>102</v>
      </c>
      <c r="F347" t="s">
        <v>103</v>
      </c>
      <c r="G347" t="s">
        <v>80</v>
      </c>
      <c r="H347" t="s">
        <v>81</v>
      </c>
      <c r="I347" s="2">
        <v>0</v>
      </c>
      <c r="J347" s="2">
        <v>1</v>
      </c>
      <c r="K347" s="2">
        <v>0</v>
      </c>
      <c r="L347" t="s">
        <v>82</v>
      </c>
      <c r="M347" t="s">
        <v>87</v>
      </c>
      <c r="N347" t="s">
        <v>88</v>
      </c>
      <c r="O347" t="s">
        <v>85</v>
      </c>
      <c r="P347" t="s">
        <v>86</v>
      </c>
      <c r="Q347">
        <v>19</v>
      </c>
      <c r="R347">
        <v>19</v>
      </c>
      <c r="S347">
        <v>19</v>
      </c>
      <c r="T347">
        <v>19</v>
      </c>
      <c r="U347">
        <v>19</v>
      </c>
      <c r="V347">
        <v>19</v>
      </c>
      <c r="W347">
        <v>20</v>
      </c>
      <c r="X347">
        <v>20</v>
      </c>
      <c r="Y347">
        <v>20</v>
      </c>
      <c r="Z347">
        <v>20</v>
      </c>
      <c r="AA347">
        <v>20</v>
      </c>
      <c r="AB347">
        <v>20</v>
      </c>
      <c r="AC347">
        <v>20</v>
      </c>
      <c r="AD347">
        <v>20</v>
      </c>
      <c r="AE347">
        <v>21</v>
      </c>
      <c r="AF347">
        <v>21</v>
      </c>
      <c r="AG347">
        <v>21</v>
      </c>
      <c r="AH347">
        <v>21</v>
      </c>
      <c r="AI347">
        <v>21</v>
      </c>
      <c r="AJ347">
        <v>21</v>
      </c>
      <c r="AK347">
        <v>21</v>
      </c>
      <c r="AL347">
        <v>21</v>
      </c>
      <c r="AM347">
        <v>21</v>
      </c>
      <c r="AN347">
        <v>22</v>
      </c>
      <c r="AO347">
        <v>22</v>
      </c>
      <c r="AP347">
        <v>22</v>
      </c>
      <c r="AQ347">
        <v>22</v>
      </c>
    </row>
    <row r="348" spans="1:43">
      <c r="A348" t="s">
        <v>307</v>
      </c>
      <c r="B348" t="s">
        <v>308</v>
      </c>
      <c r="C348" t="s">
        <v>303</v>
      </c>
      <c r="D348" t="s">
        <v>304</v>
      </c>
      <c r="E348" t="s">
        <v>102</v>
      </c>
      <c r="F348" t="s">
        <v>103</v>
      </c>
      <c r="G348" t="s">
        <v>80</v>
      </c>
      <c r="H348" t="s">
        <v>81</v>
      </c>
      <c r="I348" s="2">
        <v>0</v>
      </c>
      <c r="J348" s="2">
        <v>1</v>
      </c>
      <c r="K348" s="2">
        <v>0</v>
      </c>
      <c r="L348" t="s">
        <v>82</v>
      </c>
      <c r="M348" t="s">
        <v>89</v>
      </c>
      <c r="N348" t="s">
        <v>90</v>
      </c>
      <c r="O348" t="s">
        <v>85</v>
      </c>
      <c r="P348" t="s">
        <v>86</v>
      </c>
      <c r="Q348">
        <v>19</v>
      </c>
      <c r="R348">
        <v>20</v>
      </c>
      <c r="S348">
        <v>20</v>
      </c>
      <c r="T348">
        <v>21</v>
      </c>
      <c r="U348">
        <v>21</v>
      </c>
      <c r="V348">
        <v>21</v>
      </c>
      <c r="W348">
        <v>22</v>
      </c>
      <c r="X348">
        <v>22</v>
      </c>
      <c r="Y348">
        <v>23</v>
      </c>
      <c r="Z348">
        <v>23</v>
      </c>
      <c r="AA348">
        <v>23</v>
      </c>
      <c r="AB348">
        <v>24</v>
      </c>
      <c r="AC348">
        <v>24</v>
      </c>
      <c r="AD348">
        <v>25</v>
      </c>
      <c r="AE348">
        <v>25</v>
      </c>
      <c r="AF348">
        <v>25</v>
      </c>
      <c r="AG348">
        <v>25</v>
      </c>
      <c r="AH348">
        <v>25</v>
      </c>
      <c r="AI348">
        <v>25</v>
      </c>
      <c r="AJ348">
        <v>25</v>
      </c>
      <c r="AK348">
        <v>25</v>
      </c>
      <c r="AL348">
        <v>25</v>
      </c>
      <c r="AM348">
        <v>25</v>
      </c>
      <c r="AN348">
        <v>25</v>
      </c>
      <c r="AO348">
        <v>25</v>
      </c>
      <c r="AP348">
        <v>25</v>
      </c>
      <c r="AQ348">
        <v>25</v>
      </c>
    </row>
    <row r="349" spans="1:43">
      <c r="A349" t="s">
        <v>307</v>
      </c>
      <c r="B349" t="s">
        <v>308</v>
      </c>
      <c r="C349" t="s">
        <v>303</v>
      </c>
      <c r="D349" t="s">
        <v>304</v>
      </c>
      <c r="E349" t="s">
        <v>102</v>
      </c>
      <c r="F349" t="s">
        <v>103</v>
      </c>
      <c r="G349" t="s">
        <v>80</v>
      </c>
      <c r="H349" t="s">
        <v>81</v>
      </c>
      <c r="I349" s="2">
        <v>0</v>
      </c>
      <c r="J349" s="2">
        <v>1</v>
      </c>
      <c r="K349" s="2">
        <v>0</v>
      </c>
      <c r="L349" t="s">
        <v>82</v>
      </c>
      <c r="M349" t="s">
        <v>83</v>
      </c>
      <c r="N349" t="s">
        <v>91</v>
      </c>
      <c r="O349" t="s">
        <v>85</v>
      </c>
      <c r="P349" t="s">
        <v>86</v>
      </c>
      <c r="Q349">
        <v>19</v>
      </c>
      <c r="R349">
        <v>19</v>
      </c>
      <c r="S349">
        <v>20</v>
      </c>
      <c r="T349">
        <v>20</v>
      </c>
      <c r="U349">
        <v>20</v>
      </c>
      <c r="V349">
        <v>20</v>
      </c>
      <c r="W349">
        <v>21</v>
      </c>
      <c r="X349">
        <v>21</v>
      </c>
      <c r="Y349">
        <v>21</v>
      </c>
      <c r="Z349">
        <v>22</v>
      </c>
      <c r="AA349">
        <v>22</v>
      </c>
      <c r="AB349">
        <v>22</v>
      </c>
      <c r="AC349">
        <v>23</v>
      </c>
      <c r="AD349">
        <v>23</v>
      </c>
      <c r="AE349">
        <v>23</v>
      </c>
      <c r="AF349">
        <v>23</v>
      </c>
      <c r="AG349">
        <v>24</v>
      </c>
      <c r="AH349">
        <v>24</v>
      </c>
      <c r="AI349">
        <v>24</v>
      </c>
      <c r="AJ349">
        <v>25</v>
      </c>
      <c r="AK349">
        <v>25</v>
      </c>
      <c r="AL349">
        <v>25</v>
      </c>
      <c r="AM349">
        <v>25</v>
      </c>
      <c r="AN349">
        <v>25</v>
      </c>
      <c r="AO349">
        <v>25</v>
      </c>
      <c r="AP349">
        <v>25</v>
      </c>
      <c r="AQ349">
        <v>25</v>
      </c>
    </row>
    <row r="350" spans="1:43">
      <c r="A350" t="s">
        <v>309</v>
      </c>
      <c r="B350" t="s">
        <v>310</v>
      </c>
      <c r="C350" t="s">
        <v>219</v>
      </c>
      <c r="D350" t="s">
        <v>220</v>
      </c>
      <c r="E350" t="s">
        <v>102</v>
      </c>
      <c r="F350" t="s">
        <v>103</v>
      </c>
      <c r="G350" t="s">
        <v>80</v>
      </c>
      <c r="H350" t="s">
        <v>81</v>
      </c>
      <c r="I350" s="2">
        <v>0.43</v>
      </c>
      <c r="J350" s="2">
        <v>0.56999999999999995</v>
      </c>
      <c r="K350" s="2">
        <v>0</v>
      </c>
      <c r="L350" t="s">
        <v>82</v>
      </c>
      <c r="M350" t="s">
        <v>83</v>
      </c>
      <c r="N350" t="s">
        <v>84</v>
      </c>
      <c r="O350" t="s">
        <v>85</v>
      </c>
      <c r="P350" t="s">
        <v>86</v>
      </c>
      <c r="Q350">
        <v>38</v>
      </c>
      <c r="R350">
        <v>38</v>
      </c>
      <c r="S350">
        <v>39</v>
      </c>
      <c r="T350">
        <v>40</v>
      </c>
      <c r="U350">
        <v>40</v>
      </c>
      <c r="V350">
        <v>41</v>
      </c>
      <c r="W350">
        <v>42</v>
      </c>
      <c r="X350">
        <v>42</v>
      </c>
      <c r="Y350">
        <v>43</v>
      </c>
      <c r="Z350">
        <v>43</v>
      </c>
      <c r="AA350">
        <v>44</v>
      </c>
      <c r="AB350">
        <v>45</v>
      </c>
      <c r="AC350">
        <v>45</v>
      </c>
      <c r="AD350">
        <v>46</v>
      </c>
      <c r="AE350">
        <v>46</v>
      </c>
      <c r="AF350">
        <v>47</v>
      </c>
      <c r="AG350">
        <v>48</v>
      </c>
      <c r="AH350">
        <v>48</v>
      </c>
      <c r="AI350">
        <v>49</v>
      </c>
      <c r="AJ350">
        <v>49</v>
      </c>
      <c r="AK350">
        <v>50</v>
      </c>
      <c r="AL350">
        <v>50</v>
      </c>
      <c r="AM350">
        <v>50</v>
      </c>
      <c r="AN350">
        <v>50</v>
      </c>
      <c r="AO350">
        <v>50</v>
      </c>
      <c r="AP350">
        <v>51</v>
      </c>
      <c r="AQ350">
        <v>51</v>
      </c>
    </row>
    <row r="351" spans="1:43">
      <c r="A351" t="s">
        <v>309</v>
      </c>
      <c r="B351" t="s">
        <v>310</v>
      </c>
      <c r="C351" t="s">
        <v>219</v>
      </c>
      <c r="D351" t="s">
        <v>220</v>
      </c>
      <c r="E351" t="s">
        <v>102</v>
      </c>
      <c r="F351" t="s">
        <v>103</v>
      </c>
      <c r="G351" t="s">
        <v>80</v>
      </c>
      <c r="H351" t="s">
        <v>81</v>
      </c>
      <c r="I351" s="2">
        <v>0.43</v>
      </c>
      <c r="J351" s="2">
        <v>0.56999999999999995</v>
      </c>
      <c r="K351" s="2">
        <v>0</v>
      </c>
      <c r="L351" t="s">
        <v>82</v>
      </c>
      <c r="M351" t="s">
        <v>87</v>
      </c>
      <c r="N351" t="s">
        <v>88</v>
      </c>
      <c r="O351" t="s">
        <v>85</v>
      </c>
      <c r="P351" t="s">
        <v>86</v>
      </c>
      <c r="Q351">
        <v>38</v>
      </c>
      <c r="R351">
        <v>39</v>
      </c>
      <c r="S351">
        <v>39</v>
      </c>
      <c r="T351">
        <v>39</v>
      </c>
      <c r="U351">
        <v>40</v>
      </c>
      <c r="V351">
        <v>40</v>
      </c>
      <c r="W351">
        <v>40</v>
      </c>
      <c r="X351">
        <v>40</v>
      </c>
      <c r="Y351">
        <v>41</v>
      </c>
      <c r="Z351">
        <v>41</v>
      </c>
      <c r="AA351">
        <v>41</v>
      </c>
      <c r="AB351">
        <v>41</v>
      </c>
      <c r="AC351">
        <v>42</v>
      </c>
      <c r="AD351">
        <v>42</v>
      </c>
      <c r="AE351">
        <v>42</v>
      </c>
      <c r="AF351">
        <v>42</v>
      </c>
      <c r="AG351">
        <v>43</v>
      </c>
      <c r="AH351">
        <v>43</v>
      </c>
      <c r="AI351">
        <v>43</v>
      </c>
      <c r="AJ351">
        <v>43</v>
      </c>
      <c r="AK351">
        <v>44</v>
      </c>
      <c r="AL351">
        <v>44</v>
      </c>
      <c r="AM351">
        <v>44</v>
      </c>
      <c r="AN351">
        <v>44</v>
      </c>
      <c r="AO351">
        <v>45</v>
      </c>
      <c r="AP351">
        <v>45</v>
      </c>
      <c r="AQ351">
        <v>45</v>
      </c>
    </row>
    <row r="352" spans="1:43">
      <c r="A352" t="s">
        <v>309</v>
      </c>
      <c r="B352" t="s">
        <v>310</v>
      </c>
      <c r="C352" t="s">
        <v>219</v>
      </c>
      <c r="D352" t="s">
        <v>220</v>
      </c>
      <c r="E352" t="s">
        <v>102</v>
      </c>
      <c r="F352" t="s">
        <v>103</v>
      </c>
      <c r="G352" t="s">
        <v>80</v>
      </c>
      <c r="H352" t="s">
        <v>81</v>
      </c>
      <c r="I352" s="2">
        <v>0.43</v>
      </c>
      <c r="J352" s="2">
        <v>0.56999999999999995</v>
      </c>
      <c r="K352" s="2">
        <v>0</v>
      </c>
      <c r="L352" t="s">
        <v>82</v>
      </c>
      <c r="M352" t="s">
        <v>89</v>
      </c>
      <c r="N352" t="s">
        <v>90</v>
      </c>
      <c r="O352" t="s">
        <v>85</v>
      </c>
      <c r="P352" t="s">
        <v>86</v>
      </c>
      <c r="Q352">
        <v>38</v>
      </c>
      <c r="R352">
        <v>39</v>
      </c>
      <c r="S352">
        <v>40</v>
      </c>
      <c r="T352">
        <v>41</v>
      </c>
      <c r="U352">
        <v>42</v>
      </c>
      <c r="V352">
        <v>43</v>
      </c>
      <c r="W352">
        <v>44</v>
      </c>
      <c r="X352">
        <v>45</v>
      </c>
      <c r="Y352">
        <v>45</v>
      </c>
      <c r="Z352">
        <v>46</v>
      </c>
      <c r="AA352">
        <v>47</v>
      </c>
      <c r="AB352">
        <v>48</v>
      </c>
      <c r="AC352">
        <v>48</v>
      </c>
      <c r="AD352">
        <v>49</v>
      </c>
      <c r="AE352">
        <v>50</v>
      </c>
      <c r="AF352">
        <v>50</v>
      </c>
      <c r="AG352">
        <v>50</v>
      </c>
      <c r="AH352">
        <v>50</v>
      </c>
      <c r="AI352">
        <v>50</v>
      </c>
      <c r="AJ352">
        <v>50</v>
      </c>
      <c r="AK352">
        <v>50</v>
      </c>
      <c r="AL352">
        <v>51</v>
      </c>
      <c r="AM352">
        <v>51</v>
      </c>
      <c r="AN352">
        <v>51</v>
      </c>
      <c r="AO352">
        <v>51</v>
      </c>
      <c r="AP352">
        <v>51</v>
      </c>
      <c r="AQ352">
        <v>51</v>
      </c>
    </row>
    <row r="353" spans="1:43">
      <c r="A353" t="s">
        <v>309</v>
      </c>
      <c r="B353" t="s">
        <v>310</v>
      </c>
      <c r="C353" t="s">
        <v>219</v>
      </c>
      <c r="D353" t="s">
        <v>220</v>
      </c>
      <c r="E353" t="s">
        <v>102</v>
      </c>
      <c r="F353" t="s">
        <v>103</v>
      </c>
      <c r="G353" t="s">
        <v>80</v>
      </c>
      <c r="H353" t="s">
        <v>81</v>
      </c>
      <c r="I353" s="2">
        <v>0.43</v>
      </c>
      <c r="J353" s="2">
        <v>0.56999999999999995</v>
      </c>
      <c r="K353" s="2">
        <v>0</v>
      </c>
      <c r="L353" t="s">
        <v>82</v>
      </c>
      <c r="M353" t="s">
        <v>83</v>
      </c>
      <c r="N353" t="s">
        <v>91</v>
      </c>
      <c r="O353" t="s">
        <v>85</v>
      </c>
      <c r="P353" t="s">
        <v>86</v>
      </c>
      <c r="Q353">
        <v>38</v>
      </c>
      <c r="R353">
        <v>38</v>
      </c>
      <c r="S353">
        <v>39</v>
      </c>
      <c r="T353">
        <v>40</v>
      </c>
      <c r="U353">
        <v>40</v>
      </c>
      <c r="V353">
        <v>41</v>
      </c>
      <c r="W353">
        <v>42</v>
      </c>
      <c r="X353">
        <v>42</v>
      </c>
      <c r="Y353">
        <v>43</v>
      </c>
      <c r="Z353">
        <v>43</v>
      </c>
      <c r="AA353">
        <v>44</v>
      </c>
      <c r="AB353">
        <v>45</v>
      </c>
      <c r="AC353">
        <v>45</v>
      </c>
      <c r="AD353">
        <v>46</v>
      </c>
      <c r="AE353">
        <v>46</v>
      </c>
      <c r="AF353">
        <v>47</v>
      </c>
      <c r="AG353">
        <v>48</v>
      </c>
      <c r="AH353">
        <v>48</v>
      </c>
      <c r="AI353">
        <v>49</v>
      </c>
      <c r="AJ353">
        <v>49</v>
      </c>
      <c r="AK353">
        <v>50</v>
      </c>
      <c r="AL353">
        <v>50</v>
      </c>
      <c r="AM353">
        <v>50</v>
      </c>
      <c r="AN353">
        <v>50</v>
      </c>
      <c r="AO353">
        <v>50</v>
      </c>
      <c r="AP353">
        <v>51</v>
      </c>
      <c r="AQ353">
        <v>51</v>
      </c>
    </row>
    <row r="354" spans="1:43">
      <c r="A354" t="s">
        <v>311</v>
      </c>
      <c r="B354" t="s">
        <v>312</v>
      </c>
      <c r="C354" t="s">
        <v>303</v>
      </c>
      <c r="D354" t="s">
        <v>304</v>
      </c>
      <c r="E354" t="s">
        <v>102</v>
      </c>
      <c r="F354" t="s">
        <v>103</v>
      </c>
      <c r="G354" t="s">
        <v>80</v>
      </c>
      <c r="H354" t="s">
        <v>81</v>
      </c>
      <c r="I354" s="2">
        <v>0</v>
      </c>
      <c r="J354" s="2">
        <v>1</v>
      </c>
      <c r="K354" s="2">
        <v>0</v>
      </c>
      <c r="L354" t="s">
        <v>82</v>
      </c>
      <c r="M354" t="s">
        <v>83</v>
      </c>
      <c r="N354" t="s">
        <v>84</v>
      </c>
      <c r="O354" t="s">
        <v>85</v>
      </c>
      <c r="P354" t="s">
        <v>86</v>
      </c>
      <c r="Q354">
        <v>75</v>
      </c>
      <c r="R354">
        <v>77</v>
      </c>
      <c r="S354">
        <v>78</v>
      </c>
      <c r="T354">
        <v>79</v>
      </c>
      <c r="U354">
        <v>80</v>
      </c>
      <c r="V354">
        <v>82</v>
      </c>
      <c r="W354">
        <v>83</v>
      </c>
      <c r="X354">
        <v>84</v>
      </c>
      <c r="Y354">
        <v>85</v>
      </c>
      <c r="Z354">
        <v>86</v>
      </c>
      <c r="AA354">
        <v>88</v>
      </c>
      <c r="AB354">
        <v>89</v>
      </c>
      <c r="AC354">
        <v>90</v>
      </c>
      <c r="AD354">
        <v>91</v>
      </c>
      <c r="AE354">
        <v>92</v>
      </c>
      <c r="AF354">
        <v>93</v>
      </c>
      <c r="AG354">
        <v>95</v>
      </c>
      <c r="AH354">
        <v>96</v>
      </c>
      <c r="AI354">
        <v>97</v>
      </c>
      <c r="AJ354">
        <v>98</v>
      </c>
      <c r="AK354">
        <v>99</v>
      </c>
      <c r="AL354">
        <v>100</v>
      </c>
      <c r="AM354">
        <v>100</v>
      </c>
      <c r="AN354">
        <v>100</v>
      </c>
      <c r="AO354">
        <v>100</v>
      </c>
      <c r="AP354">
        <v>100</v>
      </c>
      <c r="AQ354">
        <v>101</v>
      </c>
    </row>
    <row r="355" spans="1:43">
      <c r="A355" t="s">
        <v>311</v>
      </c>
      <c r="B355" t="s">
        <v>312</v>
      </c>
      <c r="C355" t="s">
        <v>303</v>
      </c>
      <c r="D355" t="s">
        <v>304</v>
      </c>
      <c r="E355" t="s">
        <v>102</v>
      </c>
      <c r="F355" t="s">
        <v>103</v>
      </c>
      <c r="G355" t="s">
        <v>80</v>
      </c>
      <c r="H355" t="s">
        <v>81</v>
      </c>
      <c r="I355" s="2">
        <v>0</v>
      </c>
      <c r="J355" s="2">
        <v>1</v>
      </c>
      <c r="K355" s="2">
        <v>0</v>
      </c>
      <c r="L355" t="s">
        <v>82</v>
      </c>
      <c r="M355" t="s">
        <v>87</v>
      </c>
      <c r="N355" t="s">
        <v>88</v>
      </c>
      <c r="O355" t="s">
        <v>85</v>
      </c>
      <c r="P355" t="s">
        <v>86</v>
      </c>
      <c r="Q355">
        <v>75</v>
      </c>
      <c r="R355">
        <v>75</v>
      </c>
      <c r="S355">
        <v>76</v>
      </c>
      <c r="T355">
        <v>76</v>
      </c>
      <c r="U355">
        <v>77</v>
      </c>
      <c r="V355">
        <v>77</v>
      </c>
      <c r="W355">
        <v>78</v>
      </c>
      <c r="X355">
        <v>78</v>
      </c>
      <c r="Y355">
        <v>79</v>
      </c>
      <c r="Z355">
        <v>79</v>
      </c>
      <c r="AA355">
        <v>80</v>
      </c>
      <c r="AB355">
        <v>80</v>
      </c>
      <c r="AC355">
        <v>81</v>
      </c>
      <c r="AD355">
        <v>81</v>
      </c>
      <c r="AE355">
        <v>82</v>
      </c>
      <c r="AF355">
        <v>82</v>
      </c>
      <c r="AG355">
        <v>83</v>
      </c>
      <c r="AH355">
        <v>83</v>
      </c>
      <c r="AI355">
        <v>84</v>
      </c>
      <c r="AJ355">
        <v>84</v>
      </c>
      <c r="AK355">
        <v>85</v>
      </c>
      <c r="AL355">
        <v>85</v>
      </c>
      <c r="AM355">
        <v>86</v>
      </c>
      <c r="AN355">
        <v>86</v>
      </c>
      <c r="AO355">
        <v>86</v>
      </c>
      <c r="AP355">
        <v>87</v>
      </c>
      <c r="AQ355">
        <v>87</v>
      </c>
    </row>
    <row r="356" spans="1:43">
      <c r="A356" t="s">
        <v>311</v>
      </c>
      <c r="B356" t="s">
        <v>312</v>
      </c>
      <c r="C356" t="s">
        <v>303</v>
      </c>
      <c r="D356" t="s">
        <v>304</v>
      </c>
      <c r="E356" t="s">
        <v>102</v>
      </c>
      <c r="F356" t="s">
        <v>103</v>
      </c>
      <c r="G356" t="s">
        <v>80</v>
      </c>
      <c r="H356" t="s">
        <v>81</v>
      </c>
      <c r="I356" s="2">
        <v>0</v>
      </c>
      <c r="J356" s="2">
        <v>1</v>
      </c>
      <c r="K356" s="2">
        <v>0</v>
      </c>
      <c r="L356" t="s">
        <v>82</v>
      </c>
      <c r="M356" t="s">
        <v>89</v>
      </c>
      <c r="N356" t="s">
        <v>90</v>
      </c>
      <c r="O356" t="s">
        <v>85</v>
      </c>
      <c r="P356" t="s">
        <v>86</v>
      </c>
      <c r="Q356">
        <v>75</v>
      </c>
      <c r="R356">
        <v>77</v>
      </c>
      <c r="S356">
        <v>79</v>
      </c>
      <c r="T356">
        <v>81</v>
      </c>
      <c r="U356">
        <v>82</v>
      </c>
      <c r="V356">
        <v>84</v>
      </c>
      <c r="W356">
        <v>86</v>
      </c>
      <c r="X356">
        <v>88</v>
      </c>
      <c r="Y356">
        <v>89</v>
      </c>
      <c r="Z356">
        <v>91</v>
      </c>
      <c r="AA356">
        <v>92</v>
      </c>
      <c r="AB356">
        <v>94</v>
      </c>
      <c r="AC356">
        <v>95</v>
      </c>
      <c r="AD356">
        <v>97</v>
      </c>
      <c r="AE356">
        <v>98</v>
      </c>
      <c r="AF356">
        <v>98</v>
      </c>
      <c r="AG356">
        <v>98</v>
      </c>
      <c r="AH356">
        <v>99</v>
      </c>
      <c r="AI356">
        <v>99</v>
      </c>
      <c r="AJ356">
        <v>99</v>
      </c>
      <c r="AK356">
        <v>99</v>
      </c>
      <c r="AL356">
        <v>99</v>
      </c>
      <c r="AM356">
        <v>100</v>
      </c>
      <c r="AN356">
        <v>100</v>
      </c>
      <c r="AO356">
        <v>100</v>
      </c>
      <c r="AP356">
        <v>100</v>
      </c>
      <c r="AQ356">
        <v>100</v>
      </c>
    </row>
    <row r="357" spans="1:43">
      <c r="A357" t="s">
        <v>311</v>
      </c>
      <c r="B357" t="s">
        <v>312</v>
      </c>
      <c r="C357" t="s">
        <v>303</v>
      </c>
      <c r="D357" t="s">
        <v>304</v>
      </c>
      <c r="E357" t="s">
        <v>102</v>
      </c>
      <c r="F357" t="s">
        <v>103</v>
      </c>
      <c r="G357" t="s">
        <v>80</v>
      </c>
      <c r="H357" t="s">
        <v>81</v>
      </c>
      <c r="I357" s="2">
        <v>0</v>
      </c>
      <c r="J357" s="2">
        <v>1</v>
      </c>
      <c r="K357" s="2">
        <v>0</v>
      </c>
      <c r="L357" t="s">
        <v>82</v>
      </c>
      <c r="M357" t="s">
        <v>83</v>
      </c>
      <c r="N357" t="s">
        <v>91</v>
      </c>
      <c r="O357" t="s">
        <v>85</v>
      </c>
      <c r="P357" t="s">
        <v>86</v>
      </c>
      <c r="Q357">
        <v>75</v>
      </c>
      <c r="R357">
        <v>77</v>
      </c>
      <c r="S357">
        <v>78</v>
      </c>
      <c r="T357">
        <v>79</v>
      </c>
      <c r="U357">
        <v>80</v>
      </c>
      <c r="V357">
        <v>82</v>
      </c>
      <c r="W357">
        <v>83</v>
      </c>
      <c r="X357">
        <v>84</v>
      </c>
      <c r="Y357">
        <v>85</v>
      </c>
      <c r="Z357">
        <v>86</v>
      </c>
      <c r="AA357">
        <v>88</v>
      </c>
      <c r="AB357">
        <v>89</v>
      </c>
      <c r="AC357">
        <v>90</v>
      </c>
      <c r="AD357">
        <v>91</v>
      </c>
      <c r="AE357">
        <v>92</v>
      </c>
      <c r="AF357">
        <v>93</v>
      </c>
      <c r="AG357">
        <v>95</v>
      </c>
      <c r="AH357">
        <v>96</v>
      </c>
      <c r="AI357">
        <v>97</v>
      </c>
      <c r="AJ357">
        <v>98</v>
      </c>
      <c r="AK357">
        <v>99</v>
      </c>
      <c r="AL357">
        <v>100</v>
      </c>
      <c r="AM357">
        <v>100</v>
      </c>
      <c r="AN357">
        <v>100</v>
      </c>
      <c r="AO357">
        <v>100</v>
      </c>
      <c r="AP357">
        <v>100</v>
      </c>
      <c r="AQ357">
        <v>101</v>
      </c>
    </row>
    <row r="358" spans="1:43">
      <c r="A358" t="s">
        <v>313</v>
      </c>
      <c r="B358" t="s">
        <v>314</v>
      </c>
      <c r="C358" t="s">
        <v>135</v>
      </c>
      <c r="D358" t="s">
        <v>136</v>
      </c>
      <c r="E358" t="s">
        <v>102</v>
      </c>
      <c r="F358" t="s">
        <v>103</v>
      </c>
      <c r="G358" t="s">
        <v>80</v>
      </c>
      <c r="H358" t="s">
        <v>81</v>
      </c>
      <c r="I358" s="2">
        <v>1</v>
      </c>
      <c r="J358" s="2">
        <v>0</v>
      </c>
      <c r="K358" s="2">
        <v>0</v>
      </c>
      <c r="L358" t="s">
        <v>120</v>
      </c>
      <c r="M358" t="s">
        <v>83</v>
      </c>
      <c r="N358" t="s">
        <v>84</v>
      </c>
      <c r="O358" t="s">
        <v>85</v>
      </c>
      <c r="P358" t="s">
        <v>86</v>
      </c>
      <c r="Q358">
        <v>11</v>
      </c>
      <c r="R358">
        <v>11</v>
      </c>
      <c r="S358">
        <v>11</v>
      </c>
      <c r="T358">
        <v>12</v>
      </c>
      <c r="U358">
        <v>12</v>
      </c>
      <c r="V358">
        <v>12</v>
      </c>
      <c r="W358">
        <v>12</v>
      </c>
      <c r="X358">
        <v>12</v>
      </c>
      <c r="Y358">
        <v>13</v>
      </c>
      <c r="Z358">
        <v>13</v>
      </c>
      <c r="AA358">
        <v>13</v>
      </c>
      <c r="AB358">
        <v>13</v>
      </c>
      <c r="AC358">
        <v>13</v>
      </c>
      <c r="AD358">
        <v>13</v>
      </c>
      <c r="AE358">
        <v>14</v>
      </c>
      <c r="AF358">
        <v>14</v>
      </c>
      <c r="AG358">
        <v>14</v>
      </c>
      <c r="AH358">
        <v>14</v>
      </c>
      <c r="AI358">
        <v>14</v>
      </c>
      <c r="AJ358">
        <v>14</v>
      </c>
      <c r="AK358">
        <v>15</v>
      </c>
      <c r="AL358">
        <v>15</v>
      </c>
      <c r="AM358">
        <v>15</v>
      </c>
      <c r="AN358">
        <v>15</v>
      </c>
      <c r="AO358">
        <v>15</v>
      </c>
      <c r="AP358">
        <v>15</v>
      </c>
      <c r="AQ358">
        <v>15</v>
      </c>
    </row>
    <row r="359" spans="1:43">
      <c r="A359" t="s">
        <v>313</v>
      </c>
      <c r="B359" t="s">
        <v>314</v>
      </c>
      <c r="C359" t="s">
        <v>135</v>
      </c>
      <c r="D359" t="s">
        <v>136</v>
      </c>
      <c r="E359" t="s">
        <v>102</v>
      </c>
      <c r="F359" t="s">
        <v>103</v>
      </c>
      <c r="G359" t="s">
        <v>80</v>
      </c>
      <c r="H359" t="s">
        <v>81</v>
      </c>
      <c r="I359" s="2">
        <v>1</v>
      </c>
      <c r="J359" s="2">
        <v>0</v>
      </c>
      <c r="K359" s="2">
        <v>0</v>
      </c>
      <c r="L359" t="s">
        <v>120</v>
      </c>
      <c r="M359" t="s">
        <v>87</v>
      </c>
      <c r="N359" t="s">
        <v>88</v>
      </c>
      <c r="O359" t="s">
        <v>85</v>
      </c>
      <c r="P359" t="s">
        <v>86</v>
      </c>
      <c r="Q359">
        <v>11</v>
      </c>
      <c r="R359">
        <v>11</v>
      </c>
      <c r="S359">
        <v>11</v>
      </c>
      <c r="T359">
        <v>11</v>
      </c>
      <c r="U359">
        <v>11</v>
      </c>
      <c r="V359">
        <v>11</v>
      </c>
      <c r="W359">
        <v>11</v>
      </c>
      <c r="X359">
        <v>12</v>
      </c>
      <c r="Y359">
        <v>12</v>
      </c>
      <c r="Z359">
        <v>12</v>
      </c>
      <c r="AA359">
        <v>12</v>
      </c>
      <c r="AB359">
        <v>12</v>
      </c>
      <c r="AC359">
        <v>12</v>
      </c>
      <c r="AD359">
        <v>12</v>
      </c>
      <c r="AE359">
        <v>12</v>
      </c>
      <c r="AF359">
        <v>12</v>
      </c>
      <c r="AG359">
        <v>12</v>
      </c>
      <c r="AH359">
        <v>12</v>
      </c>
      <c r="AI359">
        <v>12</v>
      </c>
      <c r="AJ359">
        <v>12</v>
      </c>
      <c r="AK359">
        <v>12</v>
      </c>
      <c r="AL359">
        <v>12</v>
      </c>
      <c r="AM359">
        <v>13</v>
      </c>
      <c r="AN359">
        <v>13</v>
      </c>
      <c r="AO359">
        <v>13</v>
      </c>
      <c r="AP359">
        <v>13</v>
      </c>
      <c r="AQ359">
        <v>13</v>
      </c>
    </row>
    <row r="360" spans="1:43">
      <c r="A360" t="s">
        <v>313</v>
      </c>
      <c r="B360" t="s">
        <v>314</v>
      </c>
      <c r="C360" t="s">
        <v>135</v>
      </c>
      <c r="D360" t="s">
        <v>136</v>
      </c>
      <c r="E360" t="s">
        <v>102</v>
      </c>
      <c r="F360" t="s">
        <v>103</v>
      </c>
      <c r="G360" t="s">
        <v>80</v>
      </c>
      <c r="H360" t="s">
        <v>81</v>
      </c>
      <c r="I360" s="2">
        <v>1</v>
      </c>
      <c r="J360" s="2">
        <v>0</v>
      </c>
      <c r="K360" s="2">
        <v>0</v>
      </c>
      <c r="L360" t="s">
        <v>120</v>
      </c>
      <c r="M360" t="s">
        <v>89</v>
      </c>
      <c r="N360" t="s">
        <v>90</v>
      </c>
      <c r="O360" t="s">
        <v>85</v>
      </c>
      <c r="P360" t="s">
        <v>86</v>
      </c>
      <c r="Q360">
        <v>11</v>
      </c>
      <c r="R360">
        <v>11</v>
      </c>
      <c r="S360">
        <v>12</v>
      </c>
      <c r="T360">
        <v>12</v>
      </c>
      <c r="U360">
        <v>12</v>
      </c>
      <c r="V360">
        <v>13</v>
      </c>
      <c r="W360">
        <v>13</v>
      </c>
      <c r="X360">
        <v>13</v>
      </c>
      <c r="Y360">
        <v>13</v>
      </c>
      <c r="Z360">
        <v>13</v>
      </c>
      <c r="AA360">
        <v>14</v>
      </c>
      <c r="AB360">
        <v>14</v>
      </c>
      <c r="AC360">
        <v>14</v>
      </c>
      <c r="AD360">
        <v>14</v>
      </c>
      <c r="AE360">
        <v>14</v>
      </c>
      <c r="AF360">
        <v>15</v>
      </c>
      <c r="AG360">
        <v>15</v>
      </c>
      <c r="AH360">
        <v>15</v>
      </c>
      <c r="AI360">
        <v>15</v>
      </c>
      <c r="AJ360">
        <v>15</v>
      </c>
      <c r="AK360">
        <v>15</v>
      </c>
      <c r="AL360">
        <v>15</v>
      </c>
      <c r="AM360">
        <v>15</v>
      </c>
      <c r="AN360">
        <v>15</v>
      </c>
      <c r="AO360">
        <v>15</v>
      </c>
      <c r="AP360">
        <v>15</v>
      </c>
      <c r="AQ360">
        <v>15</v>
      </c>
    </row>
    <row r="361" spans="1:43">
      <c r="A361" t="s">
        <v>313</v>
      </c>
      <c r="B361" t="s">
        <v>314</v>
      </c>
      <c r="C361" t="s">
        <v>135</v>
      </c>
      <c r="D361" t="s">
        <v>136</v>
      </c>
      <c r="E361" t="s">
        <v>102</v>
      </c>
      <c r="F361" t="s">
        <v>103</v>
      </c>
      <c r="G361" t="s">
        <v>80</v>
      </c>
      <c r="H361" t="s">
        <v>81</v>
      </c>
      <c r="I361" s="2">
        <v>1</v>
      </c>
      <c r="J361" s="2">
        <v>0</v>
      </c>
      <c r="K361" s="2">
        <v>0</v>
      </c>
      <c r="L361" t="s">
        <v>120</v>
      </c>
      <c r="M361" t="s">
        <v>83</v>
      </c>
      <c r="N361" t="s">
        <v>91</v>
      </c>
      <c r="O361" t="s">
        <v>85</v>
      </c>
      <c r="P361" t="s">
        <v>86</v>
      </c>
      <c r="Q361">
        <v>11</v>
      </c>
      <c r="R361">
        <v>11</v>
      </c>
      <c r="S361">
        <v>11</v>
      </c>
      <c r="T361">
        <v>12</v>
      </c>
      <c r="U361">
        <v>12</v>
      </c>
      <c r="V361">
        <v>12</v>
      </c>
      <c r="W361">
        <v>12</v>
      </c>
      <c r="X361">
        <v>12</v>
      </c>
      <c r="Y361">
        <v>13</v>
      </c>
      <c r="Z361">
        <v>13</v>
      </c>
      <c r="AA361">
        <v>13</v>
      </c>
      <c r="AB361">
        <v>13</v>
      </c>
      <c r="AC361">
        <v>13</v>
      </c>
      <c r="AD361">
        <v>13</v>
      </c>
      <c r="AE361">
        <v>14</v>
      </c>
      <c r="AF361">
        <v>14</v>
      </c>
      <c r="AG361">
        <v>14</v>
      </c>
      <c r="AH361">
        <v>14</v>
      </c>
      <c r="AI361">
        <v>14</v>
      </c>
      <c r="AJ361">
        <v>14</v>
      </c>
      <c r="AK361">
        <v>15</v>
      </c>
      <c r="AL361">
        <v>15</v>
      </c>
      <c r="AM361">
        <v>15</v>
      </c>
      <c r="AN361">
        <v>15</v>
      </c>
      <c r="AO361">
        <v>15</v>
      </c>
      <c r="AP361">
        <v>15</v>
      </c>
      <c r="AQ361">
        <v>15</v>
      </c>
    </row>
    <row r="362" spans="1:43">
      <c r="A362" t="s">
        <v>315</v>
      </c>
      <c r="B362" t="s">
        <v>316</v>
      </c>
      <c r="C362" t="s">
        <v>135</v>
      </c>
      <c r="D362" t="s">
        <v>136</v>
      </c>
      <c r="E362" t="s">
        <v>102</v>
      </c>
      <c r="F362" t="s">
        <v>103</v>
      </c>
      <c r="G362" t="s">
        <v>80</v>
      </c>
      <c r="H362" t="s">
        <v>81</v>
      </c>
      <c r="I362" s="2">
        <v>1</v>
      </c>
      <c r="J362" s="2">
        <v>0</v>
      </c>
      <c r="K362" s="2">
        <v>0</v>
      </c>
      <c r="L362" t="s">
        <v>120</v>
      </c>
      <c r="M362" t="s">
        <v>83</v>
      </c>
      <c r="N362" t="s">
        <v>84</v>
      </c>
      <c r="O362" t="s">
        <v>85</v>
      </c>
      <c r="P362" t="s">
        <v>86</v>
      </c>
      <c r="Q362">
        <v>4</v>
      </c>
      <c r="R362">
        <v>4</v>
      </c>
      <c r="S362">
        <v>4</v>
      </c>
      <c r="T362">
        <v>4</v>
      </c>
      <c r="U362">
        <v>4</v>
      </c>
      <c r="V362">
        <v>4</v>
      </c>
      <c r="W362">
        <v>4</v>
      </c>
      <c r="X362">
        <v>4</v>
      </c>
      <c r="Y362">
        <v>4</v>
      </c>
      <c r="Z362">
        <v>4</v>
      </c>
      <c r="AA362">
        <v>4</v>
      </c>
      <c r="AB362">
        <v>4</v>
      </c>
      <c r="AC362">
        <v>4</v>
      </c>
      <c r="AD362">
        <v>4</v>
      </c>
      <c r="AE362">
        <v>4</v>
      </c>
      <c r="AF362">
        <v>4</v>
      </c>
      <c r="AG362">
        <v>5</v>
      </c>
      <c r="AH362">
        <v>5</v>
      </c>
      <c r="AI362">
        <v>5</v>
      </c>
      <c r="AJ362">
        <v>5</v>
      </c>
      <c r="AK362">
        <v>5</v>
      </c>
      <c r="AL362">
        <v>5</v>
      </c>
      <c r="AM362">
        <v>5</v>
      </c>
      <c r="AN362">
        <v>5</v>
      </c>
      <c r="AO362">
        <v>5</v>
      </c>
      <c r="AP362">
        <v>5</v>
      </c>
      <c r="AQ362">
        <v>5</v>
      </c>
    </row>
    <row r="363" spans="1:43">
      <c r="A363" t="s">
        <v>315</v>
      </c>
      <c r="B363" t="s">
        <v>316</v>
      </c>
      <c r="C363" t="s">
        <v>135</v>
      </c>
      <c r="D363" t="s">
        <v>136</v>
      </c>
      <c r="E363" t="s">
        <v>102</v>
      </c>
      <c r="F363" t="s">
        <v>103</v>
      </c>
      <c r="G363" t="s">
        <v>80</v>
      </c>
      <c r="H363" t="s">
        <v>81</v>
      </c>
      <c r="I363" s="2">
        <v>1</v>
      </c>
      <c r="J363" s="2">
        <v>0</v>
      </c>
      <c r="K363" s="2">
        <v>0</v>
      </c>
      <c r="L363" t="s">
        <v>120</v>
      </c>
      <c r="M363" t="s">
        <v>87</v>
      </c>
      <c r="N363" t="s">
        <v>88</v>
      </c>
      <c r="O363" t="s">
        <v>85</v>
      </c>
      <c r="P363" t="s">
        <v>86</v>
      </c>
      <c r="Q363">
        <v>4</v>
      </c>
      <c r="R363">
        <v>4</v>
      </c>
      <c r="S363">
        <v>4</v>
      </c>
      <c r="T363">
        <v>4</v>
      </c>
      <c r="U363">
        <v>4</v>
      </c>
      <c r="V363">
        <v>4</v>
      </c>
      <c r="W363">
        <v>4</v>
      </c>
      <c r="X363">
        <v>4</v>
      </c>
      <c r="Y363">
        <v>4</v>
      </c>
      <c r="Z363">
        <v>4</v>
      </c>
      <c r="AA363">
        <v>4</v>
      </c>
      <c r="AB363">
        <v>4</v>
      </c>
      <c r="AC363">
        <v>4</v>
      </c>
      <c r="AD363">
        <v>4</v>
      </c>
      <c r="AE363">
        <v>4</v>
      </c>
      <c r="AF363">
        <v>4</v>
      </c>
      <c r="AG363">
        <v>4</v>
      </c>
      <c r="AH363">
        <v>4</v>
      </c>
      <c r="AI363">
        <v>4</v>
      </c>
      <c r="AJ363">
        <v>4</v>
      </c>
      <c r="AK363">
        <v>4</v>
      </c>
      <c r="AL363">
        <v>4</v>
      </c>
      <c r="AM363">
        <v>4</v>
      </c>
      <c r="AN363">
        <v>4</v>
      </c>
      <c r="AO363">
        <v>4</v>
      </c>
      <c r="AP363">
        <v>4</v>
      </c>
      <c r="AQ363">
        <v>4</v>
      </c>
    </row>
    <row r="364" spans="1:43">
      <c r="A364" t="s">
        <v>315</v>
      </c>
      <c r="B364" t="s">
        <v>316</v>
      </c>
      <c r="C364" t="s">
        <v>135</v>
      </c>
      <c r="D364" t="s">
        <v>136</v>
      </c>
      <c r="E364" t="s">
        <v>102</v>
      </c>
      <c r="F364" t="s">
        <v>103</v>
      </c>
      <c r="G364" t="s">
        <v>80</v>
      </c>
      <c r="H364" t="s">
        <v>81</v>
      </c>
      <c r="I364" s="2">
        <v>1</v>
      </c>
      <c r="J364" s="2">
        <v>0</v>
      </c>
      <c r="K364" s="2">
        <v>0</v>
      </c>
      <c r="L364" t="s">
        <v>120</v>
      </c>
      <c r="M364" t="s">
        <v>89</v>
      </c>
      <c r="N364" t="s">
        <v>90</v>
      </c>
      <c r="O364" t="s">
        <v>85</v>
      </c>
      <c r="P364" t="s">
        <v>86</v>
      </c>
      <c r="Q364">
        <v>4</v>
      </c>
      <c r="R364">
        <v>4</v>
      </c>
      <c r="S364">
        <v>4</v>
      </c>
      <c r="T364">
        <v>4</v>
      </c>
      <c r="U364">
        <v>4</v>
      </c>
      <c r="V364">
        <v>4</v>
      </c>
      <c r="W364">
        <v>4</v>
      </c>
      <c r="X364">
        <v>4</v>
      </c>
      <c r="Y364">
        <v>4</v>
      </c>
      <c r="Z364">
        <v>4</v>
      </c>
      <c r="AA364">
        <v>4</v>
      </c>
      <c r="AB364">
        <v>5</v>
      </c>
      <c r="AC364">
        <v>5</v>
      </c>
      <c r="AD364">
        <v>5</v>
      </c>
      <c r="AE364">
        <v>5</v>
      </c>
      <c r="AF364">
        <v>5</v>
      </c>
      <c r="AG364">
        <v>5</v>
      </c>
      <c r="AH364">
        <v>5</v>
      </c>
      <c r="AI364">
        <v>5</v>
      </c>
      <c r="AJ364">
        <v>5</v>
      </c>
      <c r="AK364">
        <v>5</v>
      </c>
      <c r="AL364">
        <v>5</v>
      </c>
      <c r="AM364">
        <v>5</v>
      </c>
      <c r="AN364">
        <v>5</v>
      </c>
      <c r="AO364">
        <v>5</v>
      </c>
      <c r="AP364">
        <v>5</v>
      </c>
      <c r="AQ364">
        <v>5</v>
      </c>
    </row>
    <row r="365" spans="1:43">
      <c r="A365" t="s">
        <v>315</v>
      </c>
      <c r="B365" t="s">
        <v>316</v>
      </c>
      <c r="C365" t="s">
        <v>135</v>
      </c>
      <c r="D365" t="s">
        <v>136</v>
      </c>
      <c r="E365" t="s">
        <v>102</v>
      </c>
      <c r="F365" t="s">
        <v>103</v>
      </c>
      <c r="G365" t="s">
        <v>80</v>
      </c>
      <c r="H365" t="s">
        <v>81</v>
      </c>
      <c r="I365" s="2">
        <v>1</v>
      </c>
      <c r="J365" s="2">
        <v>0</v>
      </c>
      <c r="K365" s="2">
        <v>0</v>
      </c>
      <c r="L365" t="s">
        <v>120</v>
      </c>
      <c r="M365" t="s">
        <v>83</v>
      </c>
      <c r="N365" t="s">
        <v>91</v>
      </c>
      <c r="O365" t="s">
        <v>85</v>
      </c>
      <c r="P365" t="s">
        <v>86</v>
      </c>
      <c r="Q365">
        <v>4</v>
      </c>
      <c r="R365">
        <v>4</v>
      </c>
      <c r="S365">
        <v>4</v>
      </c>
      <c r="T365">
        <v>4</v>
      </c>
      <c r="U365">
        <v>4</v>
      </c>
      <c r="V365">
        <v>4</v>
      </c>
      <c r="W365">
        <v>4</v>
      </c>
      <c r="X365">
        <v>4</v>
      </c>
      <c r="Y365">
        <v>4</v>
      </c>
      <c r="Z365">
        <v>4</v>
      </c>
      <c r="AA365">
        <v>4</v>
      </c>
      <c r="AB365">
        <v>4</v>
      </c>
      <c r="AC365">
        <v>4</v>
      </c>
      <c r="AD365">
        <v>4</v>
      </c>
      <c r="AE365">
        <v>4</v>
      </c>
      <c r="AF365">
        <v>4</v>
      </c>
      <c r="AG365">
        <v>5</v>
      </c>
      <c r="AH365">
        <v>5</v>
      </c>
      <c r="AI365">
        <v>5</v>
      </c>
      <c r="AJ365">
        <v>5</v>
      </c>
      <c r="AK365">
        <v>5</v>
      </c>
      <c r="AL365">
        <v>5</v>
      </c>
      <c r="AM365">
        <v>5</v>
      </c>
      <c r="AN365">
        <v>5</v>
      </c>
      <c r="AO365">
        <v>5</v>
      </c>
      <c r="AP365">
        <v>5</v>
      </c>
      <c r="AQ365">
        <v>5</v>
      </c>
    </row>
    <row r="366" spans="1:43">
      <c r="A366" t="s">
        <v>317</v>
      </c>
      <c r="B366" t="s">
        <v>318</v>
      </c>
      <c r="C366" t="s">
        <v>135</v>
      </c>
      <c r="D366" t="s">
        <v>136</v>
      </c>
      <c r="E366" t="s">
        <v>102</v>
      </c>
      <c r="F366" t="s">
        <v>103</v>
      </c>
      <c r="G366" t="s">
        <v>80</v>
      </c>
      <c r="H366" t="s">
        <v>81</v>
      </c>
      <c r="I366" s="2">
        <v>1</v>
      </c>
      <c r="J366" s="2">
        <v>0</v>
      </c>
      <c r="K366" s="2">
        <v>0</v>
      </c>
      <c r="L366" t="s">
        <v>120</v>
      </c>
      <c r="M366" t="s">
        <v>83</v>
      </c>
      <c r="N366" t="s">
        <v>84</v>
      </c>
      <c r="O366" t="s">
        <v>85</v>
      </c>
      <c r="P366" t="s">
        <v>86</v>
      </c>
      <c r="Q366">
        <v>48</v>
      </c>
      <c r="R366">
        <v>49</v>
      </c>
      <c r="S366">
        <v>49</v>
      </c>
      <c r="T366">
        <v>50</v>
      </c>
      <c r="U366">
        <v>51</v>
      </c>
      <c r="V366">
        <v>52</v>
      </c>
      <c r="W366">
        <v>53</v>
      </c>
      <c r="X366">
        <v>53</v>
      </c>
      <c r="Y366">
        <v>54</v>
      </c>
      <c r="Z366">
        <v>55</v>
      </c>
      <c r="AA366">
        <v>56</v>
      </c>
      <c r="AB366">
        <v>56</v>
      </c>
      <c r="AC366">
        <v>57</v>
      </c>
      <c r="AD366">
        <v>58</v>
      </c>
      <c r="AE366">
        <v>58</v>
      </c>
      <c r="AF366">
        <v>59</v>
      </c>
      <c r="AG366">
        <v>60</v>
      </c>
      <c r="AH366">
        <v>61</v>
      </c>
      <c r="AI366">
        <v>61</v>
      </c>
      <c r="AJ366">
        <v>62</v>
      </c>
      <c r="AK366">
        <v>63</v>
      </c>
      <c r="AL366">
        <v>63</v>
      </c>
      <c r="AM366">
        <v>63</v>
      </c>
      <c r="AN366">
        <v>63</v>
      </c>
      <c r="AO366">
        <v>63</v>
      </c>
      <c r="AP366">
        <v>64</v>
      </c>
      <c r="AQ366">
        <v>64</v>
      </c>
    </row>
    <row r="367" spans="1:43">
      <c r="A367" t="s">
        <v>317</v>
      </c>
      <c r="B367" t="s">
        <v>318</v>
      </c>
      <c r="C367" t="s">
        <v>135</v>
      </c>
      <c r="D367" t="s">
        <v>136</v>
      </c>
      <c r="E367" t="s">
        <v>102</v>
      </c>
      <c r="F367" t="s">
        <v>103</v>
      </c>
      <c r="G367" t="s">
        <v>80</v>
      </c>
      <c r="H367" t="s">
        <v>81</v>
      </c>
      <c r="I367" s="2">
        <v>1</v>
      </c>
      <c r="J367" s="2">
        <v>0</v>
      </c>
      <c r="K367" s="2">
        <v>0</v>
      </c>
      <c r="L367" t="s">
        <v>120</v>
      </c>
      <c r="M367" t="s">
        <v>87</v>
      </c>
      <c r="N367" t="s">
        <v>88</v>
      </c>
      <c r="O367" t="s">
        <v>85</v>
      </c>
      <c r="P367" t="s">
        <v>86</v>
      </c>
      <c r="Q367">
        <v>48</v>
      </c>
      <c r="R367">
        <v>49</v>
      </c>
      <c r="S367">
        <v>49</v>
      </c>
      <c r="T367">
        <v>49</v>
      </c>
      <c r="U367">
        <v>50</v>
      </c>
      <c r="V367">
        <v>50</v>
      </c>
      <c r="W367">
        <v>50</v>
      </c>
      <c r="X367">
        <v>51</v>
      </c>
      <c r="Y367">
        <v>51</v>
      </c>
      <c r="Z367">
        <v>51</v>
      </c>
      <c r="AA367">
        <v>52</v>
      </c>
      <c r="AB367">
        <v>52</v>
      </c>
      <c r="AC367">
        <v>52</v>
      </c>
      <c r="AD367">
        <v>53</v>
      </c>
      <c r="AE367">
        <v>53</v>
      </c>
      <c r="AF367">
        <v>53</v>
      </c>
      <c r="AG367">
        <v>54</v>
      </c>
      <c r="AH367">
        <v>54</v>
      </c>
      <c r="AI367">
        <v>54</v>
      </c>
      <c r="AJ367">
        <v>55</v>
      </c>
      <c r="AK367">
        <v>55</v>
      </c>
      <c r="AL367">
        <v>55</v>
      </c>
      <c r="AM367">
        <v>55</v>
      </c>
      <c r="AN367">
        <v>56</v>
      </c>
      <c r="AO367">
        <v>56</v>
      </c>
      <c r="AP367">
        <v>56</v>
      </c>
      <c r="AQ367">
        <v>57</v>
      </c>
    </row>
    <row r="368" spans="1:43">
      <c r="A368" t="s">
        <v>317</v>
      </c>
      <c r="B368" t="s">
        <v>318</v>
      </c>
      <c r="C368" t="s">
        <v>135</v>
      </c>
      <c r="D368" t="s">
        <v>136</v>
      </c>
      <c r="E368" t="s">
        <v>102</v>
      </c>
      <c r="F368" t="s">
        <v>103</v>
      </c>
      <c r="G368" t="s">
        <v>80</v>
      </c>
      <c r="H368" t="s">
        <v>81</v>
      </c>
      <c r="I368" s="2">
        <v>1</v>
      </c>
      <c r="J368" s="2">
        <v>0</v>
      </c>
      <c r="K368" s="2">
        <v>0</v>
      </c>
      <c r="L368" t="s">
        <v>120</v>
      </c>
      <c r="M368" t="s">
        <v>89</v>
      </c>
      <c r="N368" t="s">
        <v>90</v>
      </c>
      <c r="O368" t="s">
        <v>85</v>
      </c>
      <c r="P368" t="s">
        <v>86</v>
      </c>
      <c r="Q368">
        <v>48</v>
      </c>
      <c r="R368">
        <v>50</v>
      </c>
      <c r="S368">
        <v>51</v>
      </c>
      <c r="T368">
        <v>52</v>
      </c>
      <c r="U368">
        <v>53</v>
      </c>
      <c r="V368">
        <v>54</v>
      </c>
      <c r="W368">
        <v>55</v>
      </c>
      <c r="X368">
        <v>56</v>
      </c>
      <c r="Y368">
        <v>57</v>
      </c>
      <c r="Z368">
        <v>58</v>
      </c>
      <c r="AA368">
        <v>59</v>
      </c>
      <c r="AB368">
        <v>60</v>
      </c>
      <c r="AC368">
        <v>61</v>
      </c>
      <c r="AD368">
        <v>62</v>
      </c>
      <c r="AE368">
        <v>63</v>
      </c>
      <c r="AF368">
        <v>63</v>
      </c>
      <c r="AG368">
        <v>63</v>
      </c>
      <c r="AH368">
        <v>63</v>
      </c>
      <c r="AI368">
        <v>63</v>
      </c>
      <c r="AJ368">
        <v>63</v>
      </c>
      <c r="AK368">
        <v>64</v>
      </c>
      <c r="AL368">
        <v>64</v>
      </c>
      <c r="AM368">
        <v>64</v>
      </c>
      <c r="AN368">
        <v>64</v>
      </c>
      <c r="AO368">
        <v>64</v>
      </c>
      <c r="AP368">
        <v>64</v>
      </c>
      <c r="AQ368">
        <v>64</v>
      </c>
    </row>
    <row r="369" spans="1:43">
      <c r="A369" t="s">
        <v>317</v>
      </c>
      <c r="B369" t="s">
        <v>318</v>
      </c>
      <c r="C369" t="s">
        <v>135</v>
      </c>
      <c r="D369" t="s">
        <v>136</v>
      </c>
      <c r="E369" t="s">
        <v>102</v>
      </c>
      <c r="F369" t="s">
        <v>103</v>
      </c>
      <c r="G369" t="s">
        <v>80</v>
      </c>
      <c r="H369" t="s">
        <v>81</v>
      </c>
      <c r="I369" s="2">
        <v>1</v>
      </c>
      <c r="J369" s="2">
        <v>0</v>
      </c>
      <c r="K369" s="2">
        <v>0</v>
      </c>
      <c r="L369" t="s">
        <v>120</v>
      </c>
      <c r="M369" t="s">
        <v>83</v>
      </c>
      <c r="N369" t="s">
        <v>91</v>
      </c>
      <c r="O369" t="s">
        <v>85</v>
      </c>
      <c r="P369" t="s">
        <v>86</v>
      </c>
      <c r="Q369">
        <v>48</v>
      </c>
      <c r="R369">
        <v>49</v>
      </c>
      <c r="S369">
        <v>49</v>
      </c>
      <c r="T369">
        <v>50</v>
      </c>
      <c r="U369">
        <v>51</v>
      </c>
      <c r="V369">
        <v>52</v>
      </c>
      <c r="W369">
        <v>53</v>
      </c>
      <c r="X369">
        <v>53</v>
      </c>
      <c r="Y369">
        <v>54</v>
      </c>
      <c r="Z369">
        <v>55</v>
      </c>
      <c r="AA369">
        <v>56</v>
      </c>
      <c r="AB369">
        <v>56</v>
      </c>
      <c r="AC369">
        <v>57</v>
      </c>
      <c r="AD369">
        <v>58</v>
      </c>
      <c r="AE369">
        <v>58</v>
      </c>
      <c r="AF369">
        <v>59</v>
      </c>
      <c r="AG369">
        <v>60</v>
      </c>
      <c r="AH369">
        <v>61</v>
      </c>
      <c r="AI369">
        <v>61</v>
      </c>
      <c r="AJ369">
        <v>62</v>
      </c>
      <c r="AK369">
        <v>63</v>
      </c>
      <c r="AL369">
        <v>63</v>
      </c>
      <c r="AM369">
        <v>63</v>
      </c>
      <c r="AN369">
        <v>63</v>
      </c>
      <c r="AO369">
        <v>63</v>
      </c>
      <c r="AP369">
        <v>64</v>
      </c>
      <c r="AQ369">
        <v>64</v>
      </c>
    </row>
    <row r="370" spans="1:43">
      <c r="A370" t="s">
        <v>319</v>
      </c>
      <c r="B370" t="s">
        <v>320</v>
      </c>
      <c r="C370" t="s">
        <v>241</v>
      </c>
      <c r="D370" t="s">
        <v>242</v>
      </c>
      <c r="E370" t="s">
        <v>102</v>
      </c>
      <c r="F370" t="s">
        <v>103</v>
      </c>
      <c r="G370" t="s">
        <v>80</v>
      </c>
      <c r="H370" t="s">
        <v>81</v>
      </c>
      <c r="I370" s="2">
        <v>1</v>
      </c>
      <c r="J370" s="2">
        <v>0</v>
      </c>
      <c r="K370" s="2">
        <v>0</v>
      </c>
      <c r="L370" t="s">
        <v>120</v>
      </c>
      <c r="M370" t="s">
        <v>83</v>
      </c>
      <c r="N370" t="s">
        <v>84</v>
      </c>
      <c r="O370" t="s">
        <v>85</v>
      </c>
      <c r="P370" t="s">
        <v>86</v>
      </c>
      <c r="Q370">
        <v>13</v>
      </c>
      <c r="R370">
        <v>14</v>
      </c>
      <c r="S370">
        <v>14</v>
      </c>
      <c r="T370">
        <v>14</v>
      </c>
      <c r="U370">
        <v>14</v>
      </c>
      <c r="V370">
        <v>15</v>
      </c>
      <c r="W370">
        <v>15</v>
      </c>
      <c r="X370">
        <v>15</v>
      </c>
      <c r="Y370">
        <v>15</v>
      </c>
      <c r="Z370">
        <v>15</v>
      </c>
      <c r="AA370">
        <v>16</v>
      </c>
      <c r="AB370">
        <v>16</v>
      </c>
      <c r="AC370">
        <v>16</v>
      </c>
      <c r="AD370">
        <v>16</v>
      </c>
      <c r="AE370">
        <v>16</v>
      </c>
      <c r="AF370">
        <v>17</v>
      </c>
      <c r="AG370">
        <v>17</v>
      </c>
      <c r="AH370">
        <v>17</v>
      </c>
      <c r="AI370">
        <v>17</v>
      </c>
      <c r="AJ370">
        <v>17</v>
      </c>
      <c r="AK370">
        <v>18</v>
      </c>
      <c r="AL370">
        <v>18</v>
      </c>
      <c r="AM370">
        <v>18</v>
      </c>
      <c r="AN370">
        <v>18</v>
      </c>
      <c r="AO370">
        <v>18</v>
      </c>
      <c r="AP370">
        <v>18</v>
      </c>
      <c r="AQ370">
        <v>18</v>
      </c>
    </row>
    <row r="371" spans="1:43">
      <c r="A371" t="s">
        <v>319</v>
      </c>
      <c r="B371" t="s">
        <v>320</v>
      </c>
      <c r="C371" t="s">
        <v>241</v>
      </c>
      <c r="D371" t="s">
        <v>242</v>
      </c>
      <c r="E371" t="s">
        <v>102</v>
      </c>
      <c r="F371" t="s">
        <v>103</v>
      </c>
      <c r="G371" t="s">
        <v>80</v>
      </c>
      <c r="H371" t="s">
        <v>81</v>
      </c>
      <c r="I371" s="2">
        <v>1</v>
      </c>
      <c r="J371" s="2">
        <v>0</v>
      </c>
      <c r="K371" s="2">
        <v>0</v>
      </c>
      <c r="L371" t="s">
        <v>120</v>
      </c>
      <c r="M371" t="s">
        <v>87</v>
      </c>
      <c r="N371" t="s">
        <v>88</v>
      </c>
      <c r="O371" t="s">
        <v>85</v>
      </c>
      <c r="P371" t="s">
        <v>86</v>
      </c>
      <c r="Q371">
        <v>13</v>
      </c>
      <c r="R371">
        <v>13</v>
      </c>
      <c r="S371">
        <v>14</v>
      </c>
      <c r="T371">
        <v>14</v>
      </c>
      <c r="U371">
        <v>14</v>
      </c>
      <c r="V371">
        <v>14</v>
      </c>
      <c r="W371">
        <v>14</v>
      </c>
      <c r="X371">
        <v>14</v>
      </c>
      <c r="Y371">
        <v>14</v>
      </c>
      <c r="Z371">
        <v>14</v>
      </c>
      <c r="AA371">
        <v>14</v>
      </c>
      <c r="AB371">
        <v>14</v>
      </c>
      <c r="AC371">
        <v>14</v>
      </c>
      <c r="AD371">
        <v>15</v>
      </c>
      <c r="AE371">
        <v>15</v>
      </c>
      <c r="AF371">
        <v>15</v>
      </c>
      <c r="AG371">
        <v>15</v>
      </c>
      <c r="AH371">
        <v>15</v>
      </c>
      <c r="AI371">
        <v>15</v>
      </c>
      <c r="AJ371">
        <v>15</v>
      </c>
      <c r="AK371">
        <v>15</v>
      </c>
      <c r="AL371">
        <v>15</v>
      </c>
      <c r="AM371">
        <v>15</v>
      </c>
      <c r="AN371">
        <v>15</v>
      </c>
      <c r="AO371">
        <v>16</v>
      </c>
      <c r="AP371">
        <v>16</v>
      </c>
      <c r="AQ371">
        <v>16</v>
      </c>
    </row>
    <row r="372" spans="1:43">
      <c r="A372" t="s">
        <v>319</v>
      </c>
      <c r="B372" t="s">
        <v>320</v>
      </c>
      <c r="C372" t="s">
        <v>241</v>
      </c>
      <c r="D372" t="s">
        <v>242</v>
      </c>
      <c r="E372" t="s">
        <v>102</v>
      </c>
      <c r="F372" t="s">
        <v>103</v>
      </c>
      <c r="G372" t="s">
        <v>80</v>
      </c>
      <c r="H372" t="s">
        <v>81</v>
      </c>
      <c r="I372" s="2">
        <v>1</v>
      </c>
      <c r="J372" s="2">
        <v>0</v>
      </c>
      <c r="K372" s="2">
        <v>0</v>
      </c>
      <c r="L372" t="s">
        <v>120</v>
      </c>
      <c r="M372" t="s">
        <v>89</v>
      </c>
      <c r="N372" t="s">
        <v>90</v>
      </c>
      <c r="O372" t="s">
        <v>85</v>
      </c>
      <c r="P372" t="s">
        <v>86</v>
      </c>
      <c r="Q372">
        <v>13</v>
      </c>
      <c r="R372">
        <v>13</v>
      </c>
      <c r="S372">
        <v>13</v>
      </c>
      <c r="T372">
        <v>14</v>
      </c>
      <c r="U372">
        <v>14</v>
      </c>
      <c r="V372">
        <v>14</v>
      </c>
      <c r="W372">
        <v>14</v>
      </c>
      <c r="X372">
        <v>15</v>
      </c>
      <c r="Y372">
        <v>15</v>
      </c>
      <c r="Z372">
        <v>15</v>
      </c>
      <c r="AA372">
        <v>16</v>
      </c>
      <c r="AB372">
        <v>16</v>
      </c>
      <c r="AC372">
        <v>16</v>
      </c>
      <c r="AD372">
        <v>16</v>
      </c>
      <c r="AE372">
        <v>17</v>
      </c>
      <c r="AF372">
        <v>17</v>
      </c>
      <c r="AG372">
        <v>17</v>
      </c>
      <c r="AH372">
        <v>17</v>
      </c>
      <c r="AI372">
        <v>17</v>
      </c>
      <c r="AJ372">
        <v>17</v>
      </c>
      <c r="AK372">
        <v>17</v>
      </c>
      <c r="AL372">
        <v>17</v>
      </c>
      <c r="AM372">
        <v>17</v>
      </c>
      <c r="AN372">
        <v>17</v>
      </c>
      <c r="AO372">
        <v>17</v>
      </c>
      <c r="AP372">
        <v>17</v>
      </c>
      <c r="AQ372">
        <v>17</v>
      </c>
    </row>
    <row r="373" spans="1:43">
      <c r="A373" t="s">
        <v>319</v>
      </c>
      <c r="B373" t="s">
        <v>320</v>
      </c>
      <c r="C373" t="s">
        <v>241</v>
      </c>
      <c r="D373" t="s">
        <v>242</v>
      </c>
      <c r="E373" t="s">
        <v>102</v>
      </c>
      <c r="F373" t="s">
        <v>103</v>
      </c>
      <c r="G373" t="s">
        <v>80</v>
      </c>
      <c r="H373" t="s">
        <v>81</v>
      </c>
      <c r="I373" s="2">
        <v>1</v>
      </c>
      <c r="J373" s="2">
        <v>0</v>
      </c>
      <c r="K373" s="2">
        <v>0</v>
      </c>
      <c r="L373" t="s">
        <v>120</v>
      </c>
      <c r="M373" t="s">
        <v>83</v>
      </c>
      <c r="N373" t="s">
        <v>91</v>
      </c>
      <c r="O373" t="s">
        <v>85</v>
      </c>
      <c r="P373" t="s">
        <v>86</v>
      </c>
      <c r="Q373">
        <v>13</v>
      </c>
      <c r="R373">
        <v>14</v>
      </c>
      <c r="S373">
        <v>14</v>
      </c>
      <c r="T373">
        <v>14</v>
      </c>
      <c r="U373">
        <v>14</v>
      </c>
      <c r="V373">
        <v>15</v>
      </c>
      <c r="W373">
        <v>15</v>
      </c>
      <c r="X373">
        <v>15</v>
      </c>
      <c r="Y373">
        <v>15</v>
      </c>
      <c r="Z373">
        <v>15</v>
      </c>
      <c r="AA373">
        <v>16</v>
      </c>
      <c r="AB373">
        <v>16</v>
      </c>
      <c r="AC373">
        <v>16</v>
      </c>
      <c r="AD373">
        <v>16</v>
      </c>
      <c r="AE373">
        <v>16</v>
      </c>
      <c r="AF373">
        <v>17</v>
      </c>
      <c r="AG373">
        <v>17</v>
      </c>
      <c r="AH373">
        <v>17</v>
      </c>
      <c r="AI373">
        <v>17</v>
      </c>
      <c r="AJ373">
        <v>17</v>
      </c>
      <c r="AK373">
        <v>18</v>
      </c>
      <c r="AL373">
        <v>18</v>
      </c>
      <c r="AM373">
        <v>18</v>
      </c>
      <c r="AN373">
        <v>18</v>
      </c>
      <c r="AO373">
        <v>18</v>
      </c>
      <c r="AP373">
        <v>18</v>
      </c>
      <c r="AQ373">
        <v>18</v>
      </c>
    </row>
    <row r="374" spans="1:43">
      <c r="A374" t="s">
        <v>321</v>
      </c>
      <c r="B374" t="s">
        <v>322</v>
      </c>
      <c r="C374" t="s">
        <v>241</v>
      </c>
      <c r="D374" t="s">
        <v>242</v>
      </c>
      <c r="E374" t="s">
        <v>102</v>
      </c>
      <c r="F374" t="s">
        <v>103</v>
      </c>
      <c r="G374" t="s">
        <v>80</v>
      </c>
      <c r="H374" t="s">
        <v>81</v>
      </c>
      <c r="I374" s="2">
        <v>1</v>
      </c>
      <c r="J374" s="2">
        <v>0</v>
      </c>
      <c r="K374" s="2">
        <v>0</v>
      </c>
      <c r="L374" t="s">
        <v>120</v>
      </c>
      <c r="M374" t="s">
        <v>83</v>
      </c>
      <c r="N374" t="s">
        <v>84</v>
      </c>
      <c r="O374" t="s">
        <v>85</v>
      </c>
      <c r="P374" t="s">
        <v>86</v>
      </c>
      <c r="Q374">
        <v>14</v>
      </c>
      <c r="R374">
        <v>14</v>
      </c>
      <c r="S374">
        <v>14</v>
      </c>
      <c r="T374">
        <v>14</v>
      </c>
      <c r="U374">
        <v>14</v>
      </c>
      <c r="V374">
        <v>15</v>
      </c>
      <c r="W374">
        <v>15</v>
      </c>
      <c r="X374">
        <v>15</v>
      </c>
      <c r="Y374">
        <v>15</v>
      </c>
      <c r="Z374">
        <v>16</v>
      </c>
      <c r="AA374">
        <v>16</v>
      </c>
      <c r="AB374">
        <v>16</v>
      </c>
      <c r="AC374">
        <v>16</v>
      </c>
      <c r="AD374">
        <v>16</v>
      </c>
      <c r="AE374">
        <v>17</v>
      </c>
      <c r="AF374">
        <v>17</v>
      </c>
      <c r="AG374">
        <v>17</v>
      </c>
      <c r="AH374">
        <v>17</v>
      </c>
      <c r="AI374">
        <v>17</v>
      </c>
      <c r="AJ374">
        <v>18</v>
      </c>
      <c r="AK374">
        <v>18</v>
      </c>
      <c r="AL374">
        <v>18</v>
      </c>
      <c r="AM374">
        <v>18</v>
      </c>
      <c r="AN374">
        <v>18</v>
      </c>
      <c r="AO374">
        <v>18</v>
      </c>
      <c r="AP374">
        <v>18</v>
      </c>
      <c r="AQ374">
        <v>18</v>
      </c>
    </row>
    <row r="375" spans="1:43">
      <c r="A375" t="s">
        <v>321</v>
      </c>
      <c r="B375" t="s">
        <v>322</v>
      </c>
      <c r="C375" t="s">
        <v>241</v>
      </c>
      <c r="D375" t="s">
        <v>242</v>
      </c>
      <c r="E375" t="s">
        <v>102</v>
      </c>
      <c r="F375" t="s">
        <v>103</v>
      </c>
      <c r="G375" t="s">
        <v>80</v>
      </c>
      <c r="H375" t="s">
        <v>81</v>
      </c>
      <c r="I375" s="2">
        <v>1</v>
      </c>
      <c r="J375" s="2">
        <v>0</v>
      </c>
      <c r="K375" s="2">
        <v>0</v>
      </c>
      <c r="L375" t="s">
        <v>120</v>
      </c>
      <c r="M375" t="s">
        <v>87</v>
      </c>
      <c r="N375" t="s">
        <v>88</v>
      </c>
      <c r="O375" t="s">
        <v>85</v>
      </c>
      <c r="P375" t="s">
        <v>86</v>
      </c>
      <c r="Q375">
        <v>14</v>
      </c>
      <c r="R375">
        <v>15</v>
      </c>
      <c r="S375">
        <v>15</v>
      </c>
      <c r="T375">
        <v>15</v>
      </c>
      <c r="U375">
        <v>15</v>
      </c>
      <c r="V375">
        <v>15</v>
      </c>
      <c r="W375">
        <v>15</v>
      </c>
      <c r="X375">
        <v>15</v>
      </c>
      <c r="Y375">
        <v>15</v>
      </c>
      <c r="Z375">
        <v>15</v>
      </c>
      <c r="AA375">
        <v>15</v>
      </c>
      <c r="AB375">
        <v>15</v>
      </c>
      <c r="AC375">
        <v>16</v>
      </c>
      <c r="AD375">
        <v>16</v>
      </c>
      <c r="AE375">
        <v>16</v>
      </c>
      <c r="AF375">
        <v>16</v>
      </c>
      <c r="AG375">
        <v>16</v>
      </c>
      <c r="AH375">
        <v>16</v>
      </c>
      <c r="AI375">
        <v>16</v>
      </c>
      <c r="AJ375">
        <v>16</v>
      </c>
      <c r="AK375">
        <v>16</v>
      </c>
      <c r="AL375">
        <v>16</v>
      </c>
      <c r="AM375">
        <v>16</v>
      </c>
      <c r="AN375">
        <v>17</v>
      </c>
      <c r="AO375">
        <v>17</v>
      </c>
      <c r="AP375">
        <v>17</v>
      </c>
      <c r="AQ375">
        <v>17</v>
      </c>
    </row>
    <row r="376" spans="1:43">
      <c r="A376" t="s">
        <v>321</v>
      </c>
      <c r="B376" t="s">
        <v>322</v>
      </c>
      <c r="C376" t="s">
        <v>241</v>
      </c>
      <c r="D376" t="s">
        <v>242</v>
      </c>
      <c r="E376" t="s">
        <v>102</v>
      </c>
      <c r="F376" t="s">
        <v>103</v>
      </c>
      <c r="G376" t="s">
        <v>80</v>
      </c>
      <c r="H376" t="s">
        <v>81</v>
      </c>
      <c r="I376" s="2">
        <v>1</v>
      </c>
      <c r="J376" s="2">
        <v>0</v>
      </c>
      <c r="K376" s="2">
        <v>0</v>
      </c>
      <c r="L376" t="s">
        <v>120</v>
      </c>
      <c r="M376" t="s">
        <v>89</v>
      </c>
      <c r="N376" t="s">
        <v>90</v>
      </c>
      <c r="O376" t="s">
        <v>85</v>
      </c>
      <c r="P376" t="s">
        <v>86</v>
      </c>
      <c r="Q376">
        <v>14</v>
      </c>
      <c r="R376">
        <v>14</v>
      </c>
      <c r="S376">
        <v>14</v>
      </c>
      <c r="T376">
        <v>15</v>
      </c>
      <c r="U376">
        <v>15</v>
      </c>
      <c r="V376">
        <v>15</v>
      </c>
      <c r="W376">
        <v>16</v>
      </c>
      <c r="X376">
        <v>16</v>
      </c>
      <c r="Y376">
        <v>16</v>
      </c>
      <c r="Z376">
        <v>16</v>
      </c>
      <c r="AA376">
        <v>17</v>
      </c>
      <c r="AB376">
        <v>17</v>
      </c>
      <c r="AC376">
        <v>17</v>
      </c>
      <c r="AD376">
        <v>17</v>
      </c>
      <c r="AE376">
        <v>18</v>
      </c>
      <c r="AF376">
        <v>18</v>
      </c>
      <c r="AG376">
        <v>18</v>
      </c>
      <c r="AH376">
        <v>18</v>
      </c>
      <c r="AI376">
        <v>18</v>
      </c>
      <c r="AJ376">
        <v>18</v>
      </c>
      <c r="AK376">
        <v>18</v>
      </c>
      <c r="AL376">
        <v>18</v>
      </c>
      <c r="AM376">
        <v>18</v>
      </c>
      <c r="AN376">
        <v>18</v>
      </c>
      <c r="AO376">
        <v>18</v>
      </c>
      <c r="AP376">
        <v>18</v>
      </c>
      <c r="AQ376">
        <v>18</v>
      </c>
    </row>
    <row r="377" spans="1:43">
      <c r="A377" t="s">
        <v>321</v>
      </c>
      <c r="B377" t="s">
        <v>322</v>
      </c>
      <c r="C377" t="s">
        <v>241</v>
      </c>
      <c r="D377" t="s">
        <v>242</v>
      </c>
      <c r="E377" t="s">
        <v>102</v>
      </c>
      <c r="F377" t="s">
        <v>103</v>
      </c>
      <c r="G377" t="s">
        <v>80</v>
      </c>
      <c r="H377" t="s">
        <v>81</v>
      </c>
      <c r="I377" s="2">
        <v>1</v>
      </c>
      <c r="J377" s="2">
        <v>0</v>
      </c>
      <c r="K377" s="2">
        <v>0</v>
      </c>
      <c r="L377" t="s">
        <v>120</v>
      </c>
      <c r="M377" t="s">
        <v>83</v>
      </c>
      <c r="N377" t="s">
        <v>91</v>
      </c>
      <c r="O377" t="s">
        <v>85</v>
      </c>
      <c r="P377" t="s">
        <v>86</v>
      </c>
      <c r="Q377">
        <v>14</v>
      </c>
      <c r="R377">
        <v>14</v>
      </c>
      <c r="S377">
        <v>14</v>
      </c>
      <c r="T377">
        <v>14</v>
      </c>
      <c r="U377">
        <v>14</v>
      </c>
      <c r="V377">
        <v>15</v>
      </c>
      <c r="W377">
        <v>15</v>
      </c>
      <c r="X377">
        <v>15</v>
      </c>
      <c r="Y377">
        <v>15</v>
      </c>
      <c r="Z377">
        <v>16</v>
      </c>
      <c r="AA377">
        <v>16</v>
      </c>
      <c r="AB377">
        <v>16</v>
      </c>
      <c r="AC377">
        <v>16</v>
      </c>
      <c r="AD377">
        <v>16</v>
      </c>
      <c r="AE377">
        <v>17</v>
      </c>
      <c r="AF377">
        <v>17</v>
      </c>
      <c r="AG377">
        <v>17</v>
      </c>
      <c r="AH377">
        <v>17</v>
      </c>
      <c r="AI377">
        <v>17</v>
      </c>
      <c r="AJ377">
        <v>18</v>
      </c>
      <c r="AK377">
        <v>18</v>
      </c>
      <c r="AL377">
        <v>18</v>
      </c>
      <c r="AM377">
        <v>18</v>
      </c>
      <c r="AN377">
        <v>18</v>
      </c>
      <c r="AO377">
        <v>18</v>
      </c>
      <c r="AP377">
        <v>18</v>
      </c>
      <c r="AQ377">
        <v>18</v>
      </c>
    </row>
    <row r="378" spans="1:43">
      <c r="A378" t="s">
        <v>323</v>
      </c>
      <c r="B378" t="s">
        <v>324</v>
      </c>
      <c r="C378" t="s">
        <v>247</v>
      </c>
      <c r="D378" t="s">
        <v>248</v>
      </c>
      <c r="E378" t="s">
        <v>102</v>
      </c>
      <c r="F378" t="s">
        <v>103</v>
      </c>
      <c r="G378" t="s">
        <v>80</v>
      </c>
      <c r="H378" t="s">
        <v>81</v>
      </c>
      <c r="I378" s="2">
        <v>1</v>
      </c>
      <c r="J378" s="2">
        <v>0</v>
      </c>
      <c r="K378" s="2">
        <v>0</v>
      </c>
      <c r="L378" t="s">
        <v>120</v>
      </c>
      <c r="M378" t="s">
        <v>83</v>
      </c>
      <c r="N378" t="s">
        <v>84</v>
      </c>
      <c r="O378" t="s">
        <v>85</v>
      </c>
      <c r="P378" t="s">
        <v>86</v>
      </c>
      <c r="Q378">
        <v>39</v>
      </c>
      <c r="R378">
        <v>40</v>
      </c>
      <c r="S378">
        <v>41</v>
      </c>
      <c r="T378">
        <v>41</v>
      </c>
      <c r="U378">
        <v>42</v>
      </c>
      <c r="V378">
        <v>43</v>
      </c>
      <c r="W378">
        <v>43</v>
      </c>
      <c r="X378">
        <v>44</v>
      </c>
      <c r="Y378">
        <v>44</v>
      </c>
      <c r="Z378">
        <v>45</v>
      </c>
      <c r="AA378">
        <v>46</v>
      </c>
      <c r="AB378">
        <v>46</v>
      </c>
      <c r="AC378">
        <v>47</v>
      </c>
      <c r="AD378">
        <v>47</v>
      </c>
      <c r="AE378">
        <v>48</v>
      </c>
      <c r="AF378">
        <v>49</v>
      </c>
      <c r="AG378">
        <v>49</v>
      </c>
      <c r="AH378">
        <v>50</v>
      </c>
      <c r="AI378">
        <v>50</v>
      </c>
      <c r="AJ378">
        <v>51</v>
      </c>
      <c r="AK378">
        <v>51</v>
      </c>
      <c r="AL378">
        <v>52</v>
      </c>
      <c r="AM378">
        <v>52</v>
      </c>
      <c r="AN378">
        <v>52</v>
      </c>
      <c r="AO378">
        <v>52</v>
      </c>
      <c r="AP378">
        <v>52</v>
      </c>
      <c r="AQ378">
        <v>52</v>
      </c>
    </row>
    <row r="379" spans="1:43">
      <c r="A379" t="s">
        <v>323</v>
      </c>
      <c r="B379" t="s">
        <v>324</v>
      </c>
      <c r="C379" t="s">
        <v>247</v>
      </c>
      <c r="D379" t="s">
        <v>248</v>
      </c>
      <c r="E379" t="s">
        <v>102</v>
      </c>
      <c r="F379" t="s">
        <v>103</v>
      </c>
      <c r="G379" t="s">
        <v>80</v>
      </c>
      <c r="H379" t="s">
        <v>81</v>
      </c>
      <c r="I379" s="2">
        <v>1</v>
      </c>
      <c r="J379" s="2">
        <v>0</v>
      </c>
      <c r="K379" s="2">
        <v>0</v>
      </c>
      <c r="L379" t="s">
        <v>120</v>
      </c>
      <c r="M379" t="s">
        <v>87</v>
      </c>
      <c r="N379" t="s">
        <v>88</v>
      </c>
      <c r="O379" t="s">
        <v>85</v>
      </c>
      <c r="P379" t="s">
        <v>86</v>
      </c>
      <c r="Q379">
        <v>39</v>
      </c>
      <c r="R379">
        <v>39</v>
      </c>
      <c r="S379">
        <v>39</v>
      </c>
      <c r="T379">
        <v>40</v>
      </c>
      <c r="U379">
        <v>40</v>
      </c>
      <c r="V379">
        <v>40</v>
      </c>
      <c r="W379">
        <v>41</v>
      </c>
      <c r="X379">
        <v>41</v>
      </c>
      <c r="Y379">
        <v>41</v>
      </c>
      <c r="Z379">
        <v>41</v>
      </c>
      <c r="AA379">
        <v>42</v>
      </c>
      <c r="AB379">
        <v>42</v>
      </c>
      <c r="AC379">
        <v>42</v>
      </c>
      <c r="AD379">
        <v>43</v>
      </c>
      <c r="AE379">
        <v>43</v>
      </c>
      <c r="AF379">
        <v>43</v>
      </c>
      <c r="AG379">
        <v>43</v>
      </c>
      <c r="AH379">
        <v>44</v>
      </c>
      <c r="AI379">
        <v>44</v>
      </c>
      <c r="AJ379">
        <v>44</v>
      </c>
      <c r="AK379">
        <v>44</v>
      </c>
      <c r="AL379">
        <v>45</v>
      </c>
      <c r="AM379">
        <v>45</v>
      </c>
      <c r="AN379">
        <v>45</v>
      </c>
      <c r="AO379">
        <v>45</v>
      </c>
      <c r="AP379">
        <v>46</v>
      </c>
      <c r="AQ379">
        <v>46</v>
      </c>
    </row>
    <row r="380" spans="1:43">
      <c r="A380" t="s">
        <v>323</v>
      </c>
      <c r="B380" t="s">
        <v>324</v>
      </c>
      <c r="C380" t="s">
        <v>247</v>
      </c>
      <c r="D380" t="s">
        <v>248</v>
      </c>
      <c r="E380" t="s">
        <v>102</v>
      </c>
      <c r="F380" t="s">
        <v>103</v>
      </c>
      <c r="G380" t="s">
        <v>80</v>
      </c>
      <c r="H380" t="s">
        <v>81</v>
      </c>
      <c r="I380" s="2">
        <v>1</v>
      </c>
      <c r="J380" s="2">
        <v>0</v>
      </c>
      <c r="K380" s="2">
        <v>0</v>
      </c>
      <c r="L380" t="s">
        <v>120</v>
      </c>
      <c r="M380" t="s">
        <v>89</v>
      </c>
      <c r="N380" t="s">
        <v>90</v>
      </c>
      <c r="O380" t="s">
        <v>85</v>
      </c>
      <c r="P380" t="s">
        <v>86</v>
      </c>
      <c r="Q380">
        <v>39</v>
      </c>
      <c r="R380">
        <v>40</v>
      </c>
      <c r="S380">
        <v>41</v>
      </c>
      <c r="T380">
        <v>42</v>
      </c>
      <c r="U380">
        <v>43</v>
      </c>
      <c r="V380">
        <v>43</v>
      </c>
      <c r="W380">
        <v>44</v>
      </c>
      <c r="X380">
        <v>45</v>
      </c>
      <c r="Y380">
        <v>46</v>
      </c>
      <c r="Z380">
        <v>47</v>
      </c>
      <c r="AA380">
        <v>47</v>
      </c>
      <c r="AB380">
        <v>48</v>
      </c>
      <c r="AC380">
        <v>49</v>
      </c>
      <c r="AD380">
        <v>50</v>
      </c>
      <c r="AE380">
        <v>50</v>
      </c>
      <c r="AF380">
        <v>50</v>
      </c>
      <c r="AG380">
        <v>51</v>
      </c>
      <c r="AH380">
        <v>51</v>
      </c>
      <c r="AI380">
        <v>51</v>
      </c>
      <c r="AJ380">
        <v>51</v>
      </c>
      <c r="AK380">
        <v>51</v>
      </c>
      <c r="AL380">
        <v>51</v>
      </c>
      <c r="AM380">
        <v>51</v>
      </c>
      <c r="AN380">
        <v>51</v>
      </c>
      <c r="AO380">
        <v>52</v>
      </c>
      <c r="AP380">
        <v>52</v>
      </c>
      <c r="AQ380">
        <v>52</v>
      </c>
    </row>
    <row r="381" spans="1:43">
      <c r="A381" t="s">
        <v>323</v>
      </c>
      <c r="B381" t="s">
        <v>324</v>
      </c>
      <c r="C381" t="s">
        <v>247</v>
      </c>
      <c r="D381" t="s">
        <v>248</v>
      </c>
      <c r="E381" t="s">
        <v>102</v>
      </c>
      <c r="F381" t="s">
        <v>103</v>
      </c>
      <c r="G381" t="s">
        <v>80</v>
      </c>
      <c r="H381" t="s">
        <v>81</v>
      </c>
      <c r="I381" s="2">
        <v>1</v>
      </c>
      <c r="J381" s="2">
        <v>0</v>
      </c>
      <c r="K381" s="2">
        <v>0</v>
      </c>
      <c r="L381" t="s">
        <v>120</v>
      </c>
      <c r="M381" t="s">
        <v>83</v>
      </c>
      <c r="N381" t="s">
        <v>91</v>
      </c>
      <c r="O381" t="s">
        <v>85</v>
      </c>
      <c r="P381" t="s">
        <v>86</v>
      </c>
      <c r="Q381">
        <v>39</v>
      </c>
      <c r="R381">
        <v>40</v>
      </c>
      <c r="S381">
        <v>41</v>
      </c>
      <c r="T381">
        <v>41</v>
      </c>
      <c r="U381">
        <v>42</v>
      </c>
      <c r="V381">
        <v>43</v>
      </c>
      <c r="W381">
        <v>43</v>
      </c>
      <c r="X381">
        <v>44</v>
      </c>
      <c r="Y381">
        <v>44</v>
      </c>
      <c r="Z381">
        <v>45</v>
      </c>
      <c r="AA381">
        <v>46</v>
      </c>
      <c r="AB381">
        <v>46</v>
      </c>
      <c r="AC381">
        <v>47</v>
      </c>
      <c r="AD381">
        <v>47</v>
      </c>
      <c r="AE381">
        <v>48</v>
      </c>
      <c r="AF381">
        <v>49</v>
      </c>
      <c r="AG381">
        <v>49</v>
      </c>
      <c r="AH381">
        <v>50</v>
      </c>
      <c r="AI381">
        <v>50</v>
      </c>
      <c r="AJ381">
        <v>51</v>
      </c>
      <c r="AK381">
        <v>51</v>
      </c>
      <c r="AL381">
        <v>52</v>
      </c>
      <c r="AM381">
        <v>52</v>
      </c>
      <c r="AN381">
        <v>52</v>
      </c>
      <c r="AO381">
        <v>52</v>
      </c>
      <c r="AP381">
        <v>52</v>
      </c>
      <c r="AQ381">
        <v>52</v>
      </c>
    </row>
    <row r="382" spans="1:43">
      <c r="A382" t="s">
        <v>325</v>
      </c>
      <c r="B382" t="s">
        <v>326</v>
      </c>
      <c r="C382" t="s">
        <v>327</v>
      </c>
      <c r="D382" t="s">
        <v>328</v>
      </c>
      <c r="E382" t="s">
        <v>102</v>
      </c>
      <c r="F382" t="s">
        <v>103</v>
      </c>
      <c r="G382" t="s">
        <v>80</v>
      </c>
      <c r="H382" t="s">
        <v>81</v>
      </c>
      <c r="I382" s="2">
        <v>1</v>
      </c>
      <c r="J382" s="2">
        <v>0</v>
      </c>
      <c r="K382" s="2">
        <v>0</v>
      </c>
      <c r="L382" t="s">
        <v>120</v>
      </c>
      <c r="M382" t="s">
        <v>83</v>
      </c>
      <c r="N382" t="s">
        <v>84</v>
      </c>
      <c r="O382" t="s">
        <v>85</v>
      </c>
      <c r="P382" t="s">
        <v>86</v>
      </c>
      <c r="Q382">
        <v>10</v>
      </c>
      <c r="R382">
        <v>10</v>
      </c>
      <c r="S382">
        <v>10</v>
      </c>
      <c r="T382">
        <v>10</v>
      </c>
      <c r="U382">
        <v>10</v>
      </c>
      <c r="V382">
        <v>10</v>
      </c>
      <c r="W382">
        <v>11</v>
      </c>
      <c r="X382">
        <v>11</v>
      </c>
      <c r="Y382">
        <v>11</v>
      </c>
      <c r="Z382">
        <v>11</v>
      </c>
      <c r="AA382">
        <v>11</v>
      </c>
      <c r="AB382">
        <v>11</v>
      </c>
      <c r="AC382">
        <v>11</v>
      </c>
      <c r="AD382">
        <v>12</v>
      </c>
      <c r="AE382">
        <v>12</v>
      </c>
      <c r="AF382">
        <v>12</v>
      </c>
      <c r="AG382">
        <v>12</v>
      </c>
      <c r="AH382">
        <v>12</v>
      </c>
      <c r="AI382">
        <v>12</v>
      </c>
      <c r="AJ382">
        <v>12</v>
      </c>
      <c r="AK382">
        <v>13</v>
      </c>
      <c r="AL382">
        <v>13</v>
      </c>
      <c r="AM382">
        <v>13</v>
      </c>
      <c r="AN382">
        <v>13</v>
      </c>
      <c r="AO382">
        <v>13</v>
      </c>
      <c r="AP382">
        <v>13</v>
      </c>
      <c r="AQ382">
        <v>13</v>
      </c>
    </row>
    <row r="383" spans="1:43">
      <c r="A383" t="s">
        <v>325</v>
      </c>
      <c r="B383" t="s">
        <v>326</v>
      </c>
      <c r="C383" t="s">
        <v>327</v>
      </c>
      <c r="D383" t="s">
        <v>328</v>
      </c>
      <c r="E383" t="s">
        <v>102</v>
      </c>
      <c r="F383" t="s">
        <v>103</v>
      </c>
      <c r="G383" t="s">
        <v>80</v>
      </c>
      <c r="H383" t="s">
        <v>81</v>
      </c>
      <c r="I383" s="2">
        <v>1</v>
      </c>
      <c r="J383" s="2">
        <v>0</v>
      </c>
      <c r="K383" s="2">
        <v>0</v>
      </c>
      <c r="L383" t="s">
        <v>120</v>
      </c>
      <c r="M383" t="s">
        <v>87</v>
      </c>
      <c r="N383" t="s">
        <v>88</v>
      </c>
      <c r="O383" t="s">
        <v>85</v>
      </c>
      <c r="P383" t="s">
        <v>86</v>
      </c>
      <c r="Q383">
        <v>10</v>
      </c>
      <c r="R383">
        <v>10</v>
      </c>
      <c r="S383">
        <v>10</v>
      </c>
      <c r="T383">
        <v>10</v>
      </c>
      <c r="U383">
        <v>10</v>
      </c>
      <c r="V383">
        <v>10</v>
      </c>
      <c r="W383">
        <v>10</v>
      </c>
      <c r="X383">
        <v>10</v>
      </c>
      <c r="Y383">
        <v>10</v>
      </c>
      <c r="Z383">
        <v>10</v>
      </c>
      <c r="AA383">
        <v>10</v>
      </c>
      <c r="AB383">
        <v>10</v>
      </c>
      <c r="AC383">
        <v>10</v>
      </c>
      <c r="AD383">
        <v>10</v>
      </c>
      <c r="AE383">
        <v>10</v>
      </c>
      <c r="AF383">
        <v>11</v>
      </c>
      <c r="AG383">
        <v>11</v>
      </c>
      <c r="AH383">
        <v>11</v>
      </c>
      <c r="AI383">
        <v>11</v>
      </c>
      <c r="AJ383">
        <v>11</v>
      </c>
      <c r="AK383">
        <v>11</v>
      </c>
      <c r="AL383">
        <v>11</v>
      </c>
      <c r="AM383">
        <v>11</v>
      </c>
      <c r="AN383">
        <v>11</v>
      </c>
      <c r="AO383">
        <v>11</v>
      </c>
      <c r="AP383">
        <v>11</v>
      </c>
      <c r="AQ383">
        <v>11</v>
      </c>
    </row>
    <row r="384" spans="1:43">
      <c r="A384" t="s">
        <v>325</v>
      </c>
      <c r="B384" t="s">
        <v>326</v>
      </c>
      <c r="C384" t="s">
        <v>327</v>
      </c>
      <c r="D384" t="s">
        <v>328</v>
      </c>
      <c r="E384" t="s">
        <v>102</v>
      </c>
      <c r="F384" t="s">
        <v>103</v>
      </c>
      <c r="G384" t="s">
        <v>80</v>
      </c>
      <c r="H384" t="s">
        <v>81</v>
      </c>
      <c r="I384" s="2">
        <v>1</v>
      </c>
      <c r="J384" s="2">
        <v>0</v>
      </c>
      <c r="K384" s="2">
        <v>0</v>
      </c>
      <c r="L384" t="s">
        <v>120</v>
      </c>
      <c r="M384" t="s">
        <v>89</v>
      </c>
      <c r="N384" t="s">
        <v>90</v>
      </c>
      <c r="O384" t="s">
        <v>85</v>
      </c>
      <c r="P384" t="s">
        <v>86</v>
      </c>
      <c r="Q384">
        <v>10</v>
      </c>
      <c r="R384">
        <v>10</v>
      </c>
      <c r="S384">
        <v>10</v>
      </c>
      <c r="T384">
        <v>10</v>
      </c>
      <c r="U384">
        <v>11</v>
      </c>
      <c r="V384">
        <v>11</v>
      </c>
      <c r="W384">
        <v>11</v>
      </c>
      <c r="X384">
        <v>11</v>
      </c>
      <c r="Y384">
        <v>11</v>
      </c>
      <c r="Z384">
        <v>12</v>
      </c>
      <c r="AA384">
        <v>12</v>
      </c>
      <c r="AB384">
        <v>12</v>
      </c>
      <c r="AC384">
        <v>12</v>
      </c>
      <c r="AD384">
        <v>12</v>
      </c>
      <c r="AE384">
        <v>13</v>
      </c>
      <c r="AF384">
        <v>13</v>
      </c>
      <c r="AG384">
        <v>13</v>
      </c>
      <c r="AH384">
        <v>13</v>
      </c>
      <c r="AI384">
        <v>13</v>
      </c>
      <c r="AJ384">
        <v>13</v>
      </c>
      <c r="AK384">
        <v>13</v>
      </c>
      <c r="AL384">
        <v>13</v>
      </c>
      <c r="AM384">
        <v>13</v>
      </c>
      <c r="AN384">
        <v>13</v>
      </c>
      <c r="AO384">
        <v>13</v>
      </c>
      <c r="AP384">
        <v>13</v>
      </c>
      <c r="AQ384">
        <v>13</v>
      </c>
    </row>
    <row r="385" spans="1:43">
      <c r="A385" t="s">
        <v>325</v>
      </c>
      <c r="B385" t="s">
        <v>326</v>
      </c>
      <c r="C385" t="s">
        <v>327</v>
      </c>
      <c r="D385" t="s">
        <v>328</v>
      </c>
      <c r="E385" t="s">
        <v>102</v>
      </c>
      <c r="F385" t="s">
        <v>103</v>
      </c>
      <c r="G385" t="s">
        <v>80</v>
      </c>
      <c r="H385" t="s">
        <v>81</v>
      </c>
      <c r="I385" s="2">
        <v>1</v>
      </c>
      <c r="J385" s="2">
        <v>0</v>
      </c>
      <c r="K385" s="2">
        <v>0</v>
      </c>
      <c r="L385" t="s">
        <v>120</v>
      </c>
      <c r="M385" t="s">
        <v>83</v>
      </c>
      <c r="N385" t="s">
        <v>91</v>
      </c>
      <c r="O385" t="s">
        <v>85</v>
      </c>
      <c r="P385" t="s">
        <v>86</v>
      </c>
      <c r="Q385">
        <v>10</v>
      </c>
      <c r="R385">
        <v>10</v>
      </c>
      <c r="S385">
        <v>10</v>
      </c>
      <c r="T385">
        <v>10</v>
      </c>
      <c r="U385">
        <v>10</v>
      </c>
      <c r="V385">
        <v>10</v>
      </c>
      <c r="W385">
        <v>11</v>
      </c>
      <c r="X385">
        <v>11</v>
      </c>
      <c r="Y385">
        <v>11</v>
      </c>
      <c r="Z385">
        <v>11</v>
      </c>
      <c r="AA385">
        <v>11</v>
      </c>
      <c r="AB385">
        <v>11</v>
      </c>
      <c r="AC385">
        <v>11</v>
      </c>
      <c r="AD385">
        <v>12</v>
      </c>
      <c r="AE385">
        <v>12</v>
      </c>
      <c r="AF385">
        <v>12</v>
      </c>
      <c r="AG385">
        <v>12</v>
      </c>
      <c r="AH385">
        <v>12</v>
      </c>
      <c r="AI385">
        <v>12</v>
      </c>
      <c r="AJ385">
        <v>12</v>
      </c>
      <c r="AK385">
        <v>13</v>
      </c>
      <c r="AL385">
        <v>13</v>
      </c>
      <c r="AM385">
        <v>13</v>
      </c>
      <c r="AN385">
        <v>13</v>
      </c>
      <c r="AO385">
        <v>13</v>
      </c>
      <c r="AP385">
        <v>13</v>
      </c>
      <c r="AQ385">
        <v>13</v>
      </c>
    </row>
    <row r="386" spans="1:43">
      <c r="A386" t="s">
        <v>329</v>
      </c>
      <c r="B386" t="s">
        <v>330</v>
      </c>
      <c r="C386" t="s">
        <v>327</v>
      </c>
      <c r="D386" t="s">
        <v>328</v>
      </c>
      <c r="E386" t="s">
        <v>102</v>
      </c>
      <c r="F386" t="s">
        <v>103</v>
      </c>
      <c r="G386" t="s">
        <v>80</v>
      </c>
      <c r="H386" t="s">
        <v>81</v>
      </c>
      <c r="I386" s="2">
        <v>1</v>
      </c>
      <c r="J386" s="2">
        <v>0</v>
      </c>
      <c r="K386" s="2">
        <v>0</v>
      </c>
      <c r="L386" t="s">
        <v>120</v>
      </c>
      <c r="M386" t="s">
        <v>83</v>
      </c>
      <c r="N386" t="s">
        <v>84</v>
      </c>
      <c r="O386" t="s">
        <v>85</v>
      </c>
      <c r="P386" t="s">
        <v>86</v>
      </c>
      <c r="Q386">
        <v>38</v>
      </c>
      <c r="R386">
        <v>39</v>
      </c>
      <c r="S386">
        <v>40</v>
      </c>
      <c r="T386">
        <v>40</v>
      </c>
      <c r="U386">
        <v>41</v>
      </c>
      <c r="V386">
        <v>41</v>
      </c>
      <c r="W386">
        <v>42</v>
      </c>
      <c r="X386">
        <v>43</v>
      </c>
      <c r="Y386">
        <v>43</v>
      </c>
      <c r="Z386">
        <v>44</v>
      </c>
      <c r="AA386">
        <v>44</v>
      </c>
      <c r="AB386">
        <v>45</v>
      </c>
      <c r="AC386">
        <v>46</v>
      </c>
      <c r="AD386">
        <v>46</v>
      </c>
      <c r="AE386">
        <v>47</v>
      </c>
      <c r="AF386">
        <v>47</v>
      </c>
      <c r="AG386">
        <v>48</v>
      </c>
      <c r="AH386">
        <v>49</v>
      </c>
      <c r="AI386">
        <v>49</v>
      </c>
      <c r="AJ386">
        <v>50</v>
      </c>
      <c r="AK386">
        <v>50</v>
      </c>
      <c r="AL386">
        <v>51</v>
      </c>
      <c r="AM386">
        <v>51</v>
      </c>
      <c r="AN386">
        <v>51</v>
      </c>
      <c r="AO386">
        <v>51</v>
      </c>
      <c r="AP386">
        <v>51</v>
      </c>
      <c r="AQ386">
        <v>51</v>
      </c>
    </row>
    <row r="387" spans="1:43">
      <c r="A387" t="s">
        <v>329</v>
      </c>
      <c r="B387" t="s">
        <v>330</v>
      </c>
      <c r="C387" t="s">
        <v>327</v>
      </c>
      <c r="D387" t="s">
        <v>328</v>
      </c>
      <c r="E387" t="s">
        <v>102</v>
      </c>
      <c r="F387" t="s">
        <v>103</v>
      </c>
      <c r="G387" t="s">
        <v>80</v>
      </c>
      <c r="H387" t="s">
        <v>81</v>
      </c>
      <c r="I387" s="2">
        <v>1</v>
      </c>
      <c r="J387" s="2">
        <v>0</v>
      </c>
      <c r="K387" s="2">
        <v>0</v>
      </c>
      <c r="L387" t="s">
        <v>120</v>
      </c>
      <c r="M387" t="s">
        <v>87</v>
      </c>
      <c r="N387" t="s">
        <v>88</v>
      </c>
      <c r="O387" t="s">
        <v>85</v>
      </c>
      <c r="P387" t="s">
        <v>86</v>
      </c>
      <c r="Q387">
        <v>38</v>
      </c>
      <c r="R387">
        <v>38</v>
      </c>
      <c r="S387">
        <v>38</v>
      </c>
      <c r="T387">
        <v>39</v>
      </c>
      <c r="U387">
        <v>39</v>
      </c>
      <c r="V387">
        <v>39</v>
      </c>
      <c r="W387">
        <v>40</v>
      </c>
      <c r="X387">
        <v>40</v>
      </c>
      <c r="Y387">
        <v>40</v>
      </c>
      <c r="Z387">
        <v>40</v>
      </c>
      <c r="AA387">
        <v>41</v>
      </c>
      <c r="AB387">
        <v>41</v>
      </c>
      <c r="AC387">
        <v>41</v>
      </c>
      <c r="AD387">
        <v>41</v>
      </c>
      <c r="AE387">
        <v>42</v>
      </c>
      <c r="AF387">
        <v>42</v>
      </c>
      <c r="AG387">
        <v>42</v>
      </c>
      <c r="AH387">
        <v>42</v>
      </c>
      <c r="AI387">
        <v>43</v>
      </c>
      <c r="AJ387">
        <v>43</v>
      </c>
      <c r="AK387">
        <v>43</v>
      </c>
      <c r="AL387">
        <v>44</v>
      </c>
      <c r="AM387">
        <v>44</v>
      </c>
      <c r="AN387">
        <v>44</v>
      </c>
      <c r="AO387">
        <v>44</v>
      </c>
      <c r="AP387">
        <v>45</v>
      </c>
      <c r="AQ387">
        <v>45</v>
      </c>
    </row>
    <row r="388" spans="1:43">
      <c r="A388" t="s">
        <v>329</v>
      </c>
      <c r="B388" t="s">
        <v>330</v>
      </c>
      <c r="C388" t="s">
        <v>327</v>
      </c>
      <c r="D388" t="s">
        <v>328</v>
      </c>
      <c r="E388" t="s">
        <v>102</v>
      </c>
      <c r="F388" t="s">
        <v>103</v>
      </c>
      <c r="G388" t="s">
        <v>80</v>
      </c>
      <c r="H388" t="s">
        <v>81</v>
      </c>
      <c r="I388" s="2">
        <v>1</v>
      </c>
      <c r="J388" s="2">
        <v>0</v>
      </c>
      <c r="K388" s="2">
        <v>0</v>
      </c>
      <c r="L388" t="s">
        <v>120</v>
      </c>
      <c r="M388" t="s">
        <v>89</v>
      </c>
      <c r="N388" t="s">
        <v>90</v>
      </c>
      <c r="O388" t="s">
        <v>85</v>
      </c>
      <c r="P388" t="s">
        <v>86</v>
      </c>
      <c r="Q388">
        <v>38</v>
      </c>
      <c r="R388">
        <v>39</v>
      </c>
      <c r="S388">
        <v>40</v>
      </c>
      <c r="T388">
        <v>41</v>
      </c>
      <c r="U388">
        <v>41</v>
      </c>
      <c r="V388">
        <v>42</v>
      </c>
      <c r="W388">
        <v>43</v>
      </c>
      <c r="X388">
        <v>44</v>
      </c>
      <c r="Y388">
        <v>45</v>
      </c>
      <c r="Z388">
        <v>45</v>
      </c>
      <c r="AA388">
        <v>46</v>
      </c>
      <c r="AB388">
        <v>47</v>
      </c>
      <c r="AC388">
        <v>48</v>
      </c>
      <c r="AD388">
        <v>49</v>
      </c>
      <c r="AE388">
        <v>49</v>
      </c>
      <c r="AF388">
        <v>49</v>
      </c>
      <c r="AG388">
        <v>49</v>
      </c>
      <c r="AH388">
        <v>49</v>
      </c>
      <c r="AI388">
        <v>50</v>
      </c>
      <c r="AJ388">
        <v>50</v>
      </c>
      <c r="AK388">
        <v>50</v>
      </c>
      <c r="AL388">
        <v>50</v>
      </c>
      <c r="AM388">
        <v>50</v>
      </c>
      <c r="AN388">
        <v>50</v>
      </c>
      <c r="AO388">
        <v>50</v>
      </c>
      <c r="AP388">
        <v>50</v>
      </c>
      <c r="AQ388">
        <v>50</v>
      </c>
    </row>
    <row r="389" spans="1:43">
      <c r="A389" t="s">
        <v>329</v>
      </c>
      <c r="B389" t="s">
        <v>330</v>
      </c>
      <c r="C389" t="s">
        <v>327</v>
      </c>
      <c r="D389" t="s">
        <v>328</v>
      </c>
      <c r="E389" t="s">
        <v>102</v>
      </c>
      <c r="F389" t="s">
        <v>103</v>
      </c>
      <c r="G389" t="s">
        <v>80</v>
      </c>
      <c r="H389" t="s">
        <v>81</v>
      </c>
      <c r="I389" s="2">
        <v>1</v>
      </c>
      <c r="J389" s="2">
        <v>0</v>
      </c>
      <c r="K389" s="2">
        <v>0</v>
      </c>
      <c r="L389" t="s">
        <v>120</v>
      </c>
      <c r="M389" t="s">
        <v>83</v>
      </c>
      <c r="N389" t="s">
        <v>91</v>
      </c>
      <c r="O389" t="s">
        <v>85</v>
      </c>
      <c r="P389" t="s">
        <v>86</v>
      </c>
      <c r="Q389">
        <v>38</v>
      </c>
      <c r="R389">
        <v>39</v>
      </c>
      <c r="S389">
        <v>40</v>
      </c>
      <c r="T389">
        <v>40</v>
      </c>
      <c r="U389">
        <v>41</v>
      </c>
      <c r="V389">
        <v>41</v>
      </c>
      <c r="W389">
        <v>42</v>
      </c>
      <c r="X389">
        <v>43</v>
      </c>
      <c r="Y389">
        <v>43</v>
      </c>
      <c r="Z389">
        <v>44</v>
      </c>
      <c r="AA389">
        <v>44</v>
      </c>
      <c r="AB389">
        <v>45</v>
      </c>
      <c r="AC389">
        <v>46</v>
      </c>
      <c r="AD389">
        <v>46</v>
      </c>
      <c r="AE389">
        <v>47</v>
      </c>
      <c r="AF389">
        <v>47</v>
      </c>
      <c r="AG389">
        <v>48</v>
      </c>
      <c r="AH389">
        <v>49</v>
      </c>
      <c r="AI389">
        <v>49</v>
      </c>
      <c r="AJ389">
        <v>50</v>
      </c>
      <c r="AK389">
        <v>50</v>
      </c>
      <c r="AL389">
        <v>51</v>
      </c>
      <c r="AM389">
        <v>51</v>
      </c>
      <c r="AN389">
        <v>51</v>
      </c>
      <c r="AO389">
        <v>51</v>
      </c>
      <c r="AP389">
        <v>51</v>
      </c>
      <c r="AQ389">
        <v>51</v>
      </c>
    </row>
    <row r="390" spans="1:43">
      <c r="A390" t="s">
        <v>331</v>
      </c>
      <c r="B390" t="s">
        <v>332</v>
      </c>
      <c r="C390" t="s">
        <v>327</v>
      </c>
      <c r="D390" t="s">
        <v>328</v>
      </c>
      <c r="E390" t="s">
        <v>102</v>
      </c>
      <c r="F390" t="s">
        <v>103</v>
      </c>
      <c r="G390" t="s">
        <v>80</v>
      </c>
      <c r="H390" t="s">
        <v>81</v>
      </c>
      <c r="I390" s="2">
        <v>1</v>
      </c>
      <c r="J390" s="2">
        <v>0</v>
      </c>
      <c r="K390" s="2">
        <v>0</v>
      </c>
      <c r="L390" t="s">
        <v>120</v>
      </c>
      <c r="M390" t="s">
        <v>83</v>
      </c>
      <c r="N390" t="s">
        <v>84</v>
      </c>
      <c r="O390" t="s">
        <v>85</v>
      </c>
      <c r="P390" t="s">
        <v>86</v>
      </c>
      <c r="Q390">
        <v>50</v>
      </c>
      <c r="R390">
        <v>51</v>
      </c>
      <c r="S390">
        <v>52</v>
      </c>
      <c r="T390">
        <v>52</v>
      </c>
      <c r="U390">
        <v>53</v>
      </c>
      <c r="V390">
        <v>54</v>
      </c>
      <c r="W390">
        <v>55</v>
      </c>
      <c r="X390">
        <v>56</v>
      </c>
      <c r="Y390">
        <v>56</v>
      </c>
      <c r="Z390">
        <v>57</v>
      </c>
      <c r="AA390">
        <v>58</v>
      </c>
      <c r="AB390">
        <v>59</v>
      </c>
      <c r="AC390">
        <v>60</v>
      </c>
      <c r="AD390">
        <v>60</v>
      </c>
      <c r="AE390">
        <v>61</v>
      </c>
      <c r="AF390">
        <v>62</v>
      </c>
      <c r="AG390">
        <v>63</v>
      </c>
      <c r="AH390">
        <v>63</v>
      </c>
      <c r="AI390">
        <v>64</v>
      </c>
      <c r="AJ390">
        <v>65</v>
      </c>
      <c r="AK390">
        <v>66</v>
      </c>
      <c r="AL390">
        <v>66</v>
      </c>
      <c r="AM390">
        <v>66</v>
      </c>
      <c r="AN390">
        <v>66</v>
      </c>
      <c r="AO390">
        <v>66</v>
      </c>
      <c r="AP390">
        <v>66</v>
      </c>
      <c r="AQ390">
        <v>67</v>
      </c>
    </row>
    <row r="391" spans="1:43">
      <c r="A391" t="s">
        <v>331</v>
      </c>
      <c r="B391" t="s">
        <v>332</v>
      </c>
      <c r="C391" t="s">
        <v>327</v>
      </c>
      <c r="D391" t="s">
        <v>328</v>
      </c>
      <c r="E391" t="s">
        <v>102</v>
      </c>
      <c r="F391" t="s">
        <v>103</v>
      </c>
      <c r="G391" t="s">
        <v>80</v>
      </c>
      <c r="H391" t="s">
        <v>81</v>
      </c>
      <c r="I391" s="2">
        <v>1</v>
      </c>
      <c r="J391" s="2">
        <v>0</v>
      </c>
      <c r="K391" s="2">
        <v>0</v>
      </c>
      <c r="L391" t="s">
        <v>120</v>
      </c>
      <c r="M391" t="s">
        <v>87</v>
      </c>
      <c r="N391" t="s">
        <v>88</v>
      </c>
      <c r="O391" t="s">
        <v>85</v>
      </c>
      <c r="P391" t="s">
        <v>86</v>
      </c>
      <c r="Q391">
        <v>50</v>
      </c>
      <c r="R391">
        <v>51</v>
      </c>
      <c r="S391">
        <v>51</v>
      </c>
      <c r="T391">
        <v>52</v>
      </c>
      <c r="U391">
        <v>52</v>
      </c>
      <c r="V391">
        <v>52</v>
      </c>
      <c r="W391">
        <v>53</v>
      </c>
      <c r="X391">
        <v>53</v>
      </c>
      <c r="Y391">
        <v>53</v>
      </c>
      <c r="Z391">
        <v>54</v>
      </c>
      <c r="AA391">
        <v>54</v>
      </c>
      <c r="AB391">
        <v>54</v>
      </c>
      <c r="AC391">
        <v>55</v>
      </c>
      <c r="AD391">
        <v>55</v>
      </c>
      <c r="AE391">
        <v>55</v>
      </c>
      <c r="AF391">
        <v>56</v>
      </c>
      <c r="AG391">
        <v>56</v>
      </c>
      <c r="AH391">
        <v>56</v>
      </c>
      <c r="AI391">
        <v>57</v>
      </c>
      <c r="AJ391">
        <v>57</v>
      </c>
      <c r="AK391">
        <v>57</v>
      </c>
      <c r="AL391">
        <v>58</v>
      </c>
      <c r="AM391">
        <v>58</v>
      </c>
      <c r="AN391">
        <v>58</v>
      </c>
      <c r="AO391">
        <v>59</v>
      </c>
      <c r="AP391">
        <v>59</v>
      </c>
      <c r="AQ391">
        <v>59</v>
      </c>
    </row>
    <row r="392" spans="1:43">
      <c r="A392" t="s">
        <v>331</v>
      </c>
      <c r="B392" t="s">
        <v>332</v>
      </c>
      <c r="C392" t="s">
        <v>327</v>
      </c>
      <c r="D392" t="s">
        <v>328</v>
      </c>
      <c r="E392" t="s">
        <v>102</v>
      </c>
      <c r="F392" t="s">
        <v>103</v>
      </c>
      <c r="G392" t="s">
        <v>80</v>
      </c>
      <c r="H392" t="s">
        <v>81</v>
      </c>
      <c r="I392" s="2">
        <v>1</v>
      </c>
      <c r="J392" s="2">
        <v>0</v>
      </c>
      <c r="K392" s="2">
        <v>0</v>
      </c>
      <c r="L392" t="s">
        <v>120</v>
      </c>
      <c r="M392" t="s">
        <v>89</v>
      </c>
      <c r="N392" t="s">
        <v>90</v>
      </c>
      <c r="O392" t="s">
        <v>85</v>
      </c>
      <c r="P392" t="s">
        <v>86</v>
      </c>
      <c r="Q392">
        <v>50</v>
      </c>
      <c r="R392">
        <v>52</v>
      </c>
      <c r="S392">
        <v>53</v>
      </c>
      <c r="T392">
        <v>54</v>
      </c>
      <c r="U392">
        <v>55</v>
      </c>
      <c r="V392">
        <v>56</v>
      </c>
      <c r="W392">
        <v>57</v>
      </c>
      <c r="X392">
        <v>59</v>
      </c>
      <c r="Y392">
        <v>60</v>
      </c>
      <c r="Z392">
        <v>61</v>
      </c>
      <c r="AA392">
        <v>62</v>
      </c>
      <c r="AB392">
        <v>63</v>
      </c>
      <c r="AC392">
        <v>64</v>
      </c>
      <c r="AD392">
        <v>65</v>
      </c>
      <c r="AE392">
        <v>65</v>
      </c>
      <c r="AF392">
        <v>65</v>
      </c>
      <c r="AG392">
        <v>66</v>
      </c>
      <c r="AH392">
        <v>66</v>
      </c>
      <c r="AI392">
        <v>66</v>
      </c>
      <c r="AJ392">
        <v>66</v>
      </c>
      <c r="AK392">
        <v>66</v>
      </c>
      <c r="AL392">
        <v>66</v>
      </c>
      <c r="AM392">
        <v>66</v>
      </c>
      <c r="AN392">
        <v>67</v>
      </c>
      <c r="AO392">
        <v>67</v>
      </c>
      <c r="AP392">
        <v>67</v>
      </c>
      <c r="AQ392">
        <v>67</v>
      </c>
    </row>
    <row r="393" spans="1:43">
      <c r="A393" t="s">
        <v>331</v>
      </c>
      <c r="B393" t="s">
        <v>332</v>
      </c>
      <c r="C393" t="s">
        <v>327</v>
      </c>
      <c r="D393" t="s">
        <v>328</v>
      </c>
      <c r="E393" t="s">
        <v>102</v>
      </c>
      <c r="F393" t="s">
        <v>103</v>
      </c>
      <c r="G393" t="s">
        <v>80</v>
      </c>
      <c r="H393" t="s">
        <v>81</v>
      </c>
      <c r="I393" s="2">
        <v>1</v>
      </c>
      <c r="J393" s="2">
        <v>0</v>
      </c>
      <c r="K393" s="2">
        <v>0</v>
      </c>
      <c r="L393" t="s">
        <v>120</v>
      </c>
      <c r="M393" t="s">
        <v>83</v>
      </c>
      <c r="N393" t="s">
        <v>91</v>
      </c>
      <c r="O393" t="s">
        <v>85</v>
      </c>
      <c r="P393" t="s">
        <v>86</v>
      </c>
      <c r="Q393">
        <v>50</v>
      </c>
      <c r="R393">
        <v>51</v>
      </c>
      <c r="S393">
        <v>52</v>
      </c>
      <c r="T393">
        <v>52</v>
      </c>
      <c r="U393">
        <v>53</v>
      </c>
      <c r="V393">
        <v>54</v>
      </c>
      <c r="W393">
        <v>55</v>
      </c>
      <c r="X393">
        <v>56</v>
      </c>
      <c r="Y393">
        <v>56</v>
      </c>
      <c r="Z393">
        <v>57</v>
      </c>
      <c r="AA393">
        <v>58</v>
      </c>
      <c r="AB393">
        <v>59</v>
      </c>
      <c r="AC393">
        <v>60</v>
      </c>
      <c r="AD393">
        <v>60</v>
      </c>
      <c r="AE393">
        <v>61</v>
      </c>
      <c r="AF393">
        <v>62</v>
      </c>
      <c r="AG393">
        <v>63</v>
      </c>
      <c r="AH393">
        <v>63</v>
      </c>
      <c r="AI393">
        <v>64</v>
      </c>
      <c r="AJ393">
        <v>65</v>
      </c>
      <c r="AK393">
        <v>66</v>
      </c>
      <c r="AL393">
        <v>66</v>
      </c>
      <c r="AM393">
        <v>66</v>
      </c>
      <c r="AN393">
        <v>66</v>
      </c>
      <c r="AO393">
        <v>66</v>
      </c>
      <c r="AP393">
        <v>66</v>
      </c>
      <c r="AQ393">
        <v>67</v>
      </c>
    </row>
    <row r="394" spans="1:43">
      <c r="A394" t="s">
        <v>333</v>
      </c>
      <c r="B394" t="s">
        <v>334</v>
      </c>
      <c r="C394" t="s">
        <v>327</v>
      </c>
      <c r="D394" t="s">
        <v>328</v>
      </c>
      <c r="E394" t="s">
        <v>102</v>
      </c>
      <c r="F394" t="s">
        <v>103</v>
      </c>
      <c r="G394" t="s">
        <v>80</v>
      </c>
      <c r="H394" t="s">
        <v>81</v>
      </c>
      <c r="I394" s="2">
        <v>1</v>
      </c>
      <c r="J394" s="2">
        <v>0</v>
      </c>
      <c r="K394" s="2">
        <v>0</v>
      </c>
      <c r="L394" t="s">
        <v>120</v>
      </c>
      <c r="M394" t="s">
        <v>83</v>
      </c>
      <c r="N394" t="s">
        <v>84</v>
      </c>
      <c r="O394" t="s">
        <v>85</v>
      </c>
      <c r="P394" t="s">
        <v>86</v>
      </c>
      <c r="Q394">
        <v>68</v>
      </c>
      <c r="R394">
        <v>70</v>
      </c>
      <c r="S394">
        <v>71</v>
      </c>
      <c r="T394">
        <v>72</v>
      </c>
      <c r="U394">
        <v>73</v>
      </c>
      <c r="V394">
        <v>74</v>
      </c>
      <c r="W394">
        <v>75</v>
      </c>
      <c r="X394">
        <v>76</v>
      </c>
      <c r="Y394">
        <v>77</v>
      </c>
      <c r="Z394">
        <v>79</v>
      </c>
      <c r="AA394">
        <v>80</v>
      </c>
      <c r="AB394">
        <v>81</v>
      </c>
      <c r="AC394">
        <v>82</v>
      </c>
      <c r="AD394">
        <v>83</v>
      </c>
      <c r="AE394">
        <v>84</v>
      </c>
      <c r="AF394">
        <v>85</v>
      </c>
      <c r="AG394">
        <v>86</v>
      </c>
      <c r="AH394">
        <v>87</v>
      </c>
      <c r="AI394">
        <v>88</v>
      </c>
      <c r="AJ394">
        <v>89</v>
      </c>
      <c r="AK394">
        <v>90</v>
      </c>
      <c r="AL394">
        <v>90</v>
      </c>
      <c r="AM394">
        <v>91</v>
      </c>
      <c r="AN394">
        <v>91</v>
      </c>
      <c r="AO394">
        <v>91</v>
      </c>
      <c r="AP394">
        <v>91</v>
      </c>
      <c r="AQ394">
        <v>91</v>
      </c>
    </row>
    <row r="395" spans="1:43">
      <c r="A395" t="s">
        <v>333</v>
      </c>
      <c r="B395" t="s">
        <v>334</v>
      </c>
      <c r="C395" t="s">
        <v>327</v>
      </c>
      <c r="D395" t="s">
        <v>328</v>
      </c>
      <c r="E395" t="s">
        <v>102</v>
      </c>
      <c r="F395" t="s">
        <v>103</v>
      </c>
      <c r="G395" t="s">
        <v>80</v>
      </c>
      <c r="H395" t="s">
        <v>81</v>
      </c>
      <c r="I395" s="2">
        <v>1</v>
      </c>
      <c r="J395" s="2">
        <v>0</v>
      </c>
      <c r="K395" s="2">
        <v>0</v>
      </c>
      <c r="L395" t="s">
        <v>120</v>
      </c>
      <c r="M395" t="s">
        <v>87</v>
      </c>
      <c r="N395" t="s">
        <v>88</v>
      </c>
      <c r="O395" t="s">
        <v>85</v>
      </c>
      <c r="P395" t="s">
        <v>86</v>
      </c>
      <c r="Q395">
        <v>68</v>
      </c>
      <c r="R395">
        <v>68</v>
      </c>
      <c r="S395">
        <v>69</v>
      </c>
      <c r="T395">
        <v>69</v>
      </c>
      <c r="U395">
        <v>70</v>
      </c>
      <c r="V395">
        <v>70</v>
      </c>
      <c r="W395">
        <v>71</v>
      </c>
      <c r="X395">
        <v>71</v>
      </c>
      <c r="Y395">
        <v>72</v>
      </c>
      <c r="Z395">
        <v>72</v>
      </c>
      <c r="AA395">
        <v>73</v>
      </c>
      <c r="AB395">
        <v>73</v>
      </c>
      <c r="AC395">
        <v>74</v>
      </c>
      <c r="AD395">
        <v>74</v>
      </c>
      <c r="AE395">
        <v>75</v>
      </c>
      <c r="AF395">
        <v>75</v>
      </c>
      <c r="AG395">
        <v>75</v>
      </c>
      <c r="AH395">
        <v>76</v>
      </c>
      <c r="AI395">
        <v>76</v>
      </c>
      <c r="AJ395">
        <v>77</v>
      </c>
      <c r="AK395">
        <v>77</v>
      </c>
      <c r="AL395">
        <v>78</v>
      </c>
      <c r="AM395">
        <v>78</v>
      </c>
      <c r="AN395">
        <v>79</v>
      </c>
      <c r="AO395">
        <v>79</v>
      </c>
      <c r="AP395">
        <v>80</v>
      </c>
      <c r="AQ395">
        <v>80</v>
      </c>
    </row>
    <row r="396" spans="1:43">
      <c r="A396" t="s">
        <v>333</v>
      </c>
      <c r="B396" t="s">
        <v>334</v>
      </c>
      <c r="C396" t="s">
        <v>327</v>
      </c>
      <c r="D396" t="s">
        <v>328</v>
      </c>
      <c r="E396" t="s">
        <v>102</v>
      </c>
      <c r="F396" t="s">
        <v>103</v>
      </c>
      <c r="G396" t="s">
        <v>80</v>
      </c>
      <c r="H396" t="s">
        <v>81</v>
      </c>
      <c r="I396" s="2">
        <v>1</v>
      </c>
      <c r="J396" s="2">
        <v>0</v>
      </c>
      <c r="K396" s="2">
        <v>0</v>
      </c>
      <c r="L396" t="s">
        <v>120</v>
      </c>
      <c r="M396" t="s">
        <v>89</v>
      </c>
      <c r="N396" t="s">
        <v>90</v>
      </c>
      <c r="O396" t="s">
        <v>85</v>
      </c>
      <c r="P396" t="s">
        <v>86</v>
      </c>
      <c r="Q396">
        <v>68</v>
      </c>
      <c r="R396">
        <v>70</v>
      </c>
      <c r="S396">
        <v>72</v>
      </c>
      <c r="T396">
        <v>73</v>
      </c>
      <c r="U396">
        <v>75</v>
      </c>
      <c r="V396">
        <v>76</v>
      </c>
      <c r="W396">
        <v>78</v>
      </c>
      <c r="X396">
        <v>79</v>
      </c>
      <c r="Y396">
        <v>81</v>
      </c>
      <c r="Z396">
        <v>82</v>
      </c>
      <c r="AA396">
        <v>83</v>
      </c>
      <c r="AB396">
        <v>85</v>
      </c>
      <c r="AC396">
        <v>86</v>
      </c>
      <c r="AD396">
        <v>88</v>
      </c>
      <c r="AE396">
        <v>88</v>
      </c>
      <c r="AF396">
        <v>89</v>
      </c>
      <c r="AG396">
        <v>89</v>
      </c>
      <c r="AH396">
        <v>89</v>
      </c>
      <c r="AI396">
        <v>89</v>
      </c>
      <c r="AJ396">
        <v>90</v>
      </c>
      <c r="AK396">
        <v>90</v>
      </c>
      <c r="AL396">
        <v>90</v>
      </c>
      <c r="AM396">
        <v>90</v>
      </c>
      <c r="AN396">
        <v>90</v>
      </c>
      <c r="AO396">
        <v>91</v>
      </c>
      <c r="AP396">
        <v>91</v>
      </c>
      <c r="AQ396">
        <v>91</v>
      </c>
    </row>
    <row r="397" spans="1:43">
      <c r="A397" t="s">
        <v>333</v>
      </c>
      <c r="B397" t="s">
        <v>334</v>
      </c>
      <c r="C397" t="s">
        <v>327</v>
      </c>
      <c r="D397" t="s">
        <v>328</v>
      </c>
      <c r="E397" t="s">
        <v>102</v>
      </c>
      <c r="F397" t="s">
        <v>103</v>
      </c>
      <c r="G397" t="s">
        <v>80</v>
      </c>
      <c r="H397" t="s">
        <v>81</v>
      </c>
      <c r="I397" s="2">
        <v>1</v>
      </c>
      <c r="J397" s="2">
        <v>0</v>
      </c>
      <c r="K397" s="2">
        <v>0</v>
      </c>
      <c r="L397" t="s">
        <v>120</v>
      </c>
      <c r="M397" t="s">
        <v>83</v>
      </c>
      <c r="N397" t="s">
        <v>91</v>
      </c>
      <c r="O397" t="s">
        <v>85</v>
      </c>
      <c r="P397" t="s">
        <v>86</v>
      </c>
      <c r="Q397">
        <v>68</v>
      </c>
      <c r="R397">
        <v>70</v>
      </c>
      <c r="S397">
        <v>71</v>
      </c>
      <c r="T397">
        <v>72</v>
      </c>
      <c r="U397">
        <v>73</v>
      </c>
      <c r="V397">
        <v>74</v>
      </c>
      <c r="W397">
        <v>75</v>
      </c>
      <c r="X397">
        <v>76</v>
      </c>
      <c r="Y397">
        <v>77</v>
      </c>
      <c r="Z397">
        <v>79</v>
      </c>
      <c r="AA397">
        <v>80</v>
      </c>
      <c r="AB397">
        <v>81</v>
      </c>
      <c r="AC397">
        <v>82</v>
      </c>
      <c r="AD397">
        <v>83</v>
      </c>
      <c r="AE397">
        <v>84</v>
      </c>
      <c r="AF397">
        <v>85</v>
      </c>
      <c r="AG397">
        <v>86</v>
      </c>
      <c r="AH397">
        <v>87</v>
      </c>
      <c r="AI397">
        <v>88</v>
      </c>
      <c r="AJ397">
        <v>89</v>
      </c>
      <c r="AK397">
        <v>90</v>
      </c>
      <c r="AL397">
        <v>90</v>
      </c>
      <c r="AM397">
        <v>91</v>
      </c>
      <c r="AN397">
        <v>91</v>
      </c>
      <c r="AO397">
        <v>91</v>
      </c>
      <c r="AP397">
        <v>91</v>
      </c>
      <c r="AQ397">
        <v>91</v>
      </c>
    </row>
    <row r="398" spans="1:43">
      <c r="A398" t="s">
        <v>335</v>
      </c>
      <c r="B398" t="s">
        <v>336</v>
      </c>
      <c r="C398" t="s">
        <v>175</v>
      </c>
      <c r="D398" t="s">
        <v>176</v>
      </c>
      <c r="E398" t="s">
        <v>102</v>
      </c>
      <c r="F398" t="s">
        <v>103</v>
      </c>
      <c r="G398" t="s">
        <v>80</v>
      </c>
      <c r="H398" t="s">
        <v>81</v>
      </c>
      <c r="I398" s="2">
        <v>1</v>
      </c>
      <c r="J398" s="2">
        <v>0</v>
      </c>
      <c r="K398" s="2">
        <v>0</v>
      </c>
      <c r="L398" t="s">
        <v>120</v>
      </c>
      <c r="M398" t="s">
        <v>83</v>
      </c>
      <c r="N398" t="s">
        <v>84</v>
      </c>
      <c r="O398" t="s">
        <v>85</v>
      </c>
      <c r="P398" t="s">
        <v>86</v>
      </c>
      <c r="Q398">
        <v>16</v>
      </c>
      <c r="R398">
        <v>16</v>
      </c>
      <c r="S398">
        <v>17</v>
      </c>
      <c r="T398">
        <v>17</v>
      </c>
      <c r="U398">
        <v>17</v>
      </c>
      <c r="V398">
        <v>18</v>
      </c>
      <c r="W398">
        <v>18</v>
      </c>
      <c r="X398">
        <v>18</v>
      </c>
      <c r="Y398">
        <v>18</v>
      </c>
      <c r="Z398">
        <v>19</v>
      </c>
      <c r="AA398">
        <v>19</v>
      </c>
      <c r="AB398">
        <v>19</v>
      </c>
      <c r="AC398">
        <v>19</v>
      </c>
      <c r="AD398">
        <v>20</v>
      </c>
      <c r="AE398">
        <v>20</v>
      </c>
      <c r="AF398">
        <v>20</v>
      </c>
      <c r="AG398">
        <v>20</v>
      </c>
      <c r="AH398">
        <v>21</v>
      </c>
      <c r="AI398">
        <v>21</v>
      </c>
      <c r="AJ398">
        <v>21</v>
      </c>
      <c r="AK398">
        <v>21</v>
      </c>
      <c r="AL398">
        <v>21</v>
      </c>
      <c r="AM398">
        <v>21</v>
      </c>
      <c r="AN398">
        <v>21</v>
      </c>
      <c r="AO398">
        <v>22</v>
      </c>
      <c r="AP398">
        <v>22</v>
      </c>
      <c r="AQ398">
        <v>22</v>
      </c>
    </row>
    <row r="399" spans="1:43">
      <c r="A399" t="s">
        <v>335</v>
      </c>
      <c r="B399" t="s">
        <v>336</v>
      </c>
      <c r="C399" t="s">
        <v>175</v>
      </c>
      <c r="D399" t="s">
        <v>176</v>
      </c>
      <c r="E399" t="s">
        <v>102</v>
      </c>
      <c r="F399" t="s">
        <v>103</v>
      </c>
      <c r="G399" t="s">
        <v>80</v>
      </c>
      <c r="H399" t="s">
        <v>81</v>
      </c>
      <c r="I399" s="2">
        <v>1</v>
      </c>
      <c r="J399" s="2">
        <v>0</v>
      </c>
      <c r="K399" s="2">
        <v>0</v>
      </c>
      <c r="L399" t="s">
        <v>120</v>
      </c>
      <c r="M399" t="s">
        <v>87</v>
      </c>
      <c r="N399" t="s">
        <v>88</v>
      </c>
      <c r="O399" t="s">
        <v>85</v>
      </c>
      <c r="P399" t="s">
        <v>86</v>
      </c>
      <c r="Q399">
        <v>16</v>
      </c>
      <c r="R399">
        <v>16</v>
      </c>
      <c r="S399">
        <v>16</v>
      </c>
      <c r="T399">
        <v>16</v>
      </c>
      <c r="U399">
        <v>17</v>
      </c>
      <c r="V399">
        <v>17</v>
      </c>
      <c r="W399">
        <v>17</v>
      </c>
      <c r="X399">
        <v>17</v>
      </c>
      <c r="Y399">
        <v>17</v>
      </c>
      <c r="Z399">
        <v>17</v>
      </c>
      <c r="AA399">
        <v>17</v>
      </c>
      <c r="AB399">
        <v>17</v>
      </c>
      <c r="AC399">
        <v>17</v>
      </c>
      <c r="AD399">
        <v>18</v>
      </c>
      <c r="AE399">
        <v>18</v>
      </c>
      <c r="AF399">
        <v>18</v>
      </c>
      <c r="AG399">
        <v>18</v>
      </c>
      <c r="AH399">
        <v>18</v>
      </c>
      <c r="AI399">
        <v>18</v>
      </c>
      <c r="AJ399">
        <v>18</v>
      </c>
      <c r="AK399">
        <v>18</v>
      </c>
      <c r="AL399">
        <v>18</v>
      </c>
      <c r="AM399">
        <v>18</v>
      </c>
      <c r="AN399">
        <v>19</v>
      </c>
      <c r="AO399">
        <v>19</v>
      </c>
      <c r="AP399">
        <v>19</v>
      </c>
      <c r="AQ399">
        <v>19</v>
      </c>
    </row>
    <row r="400" spans="1:43">
      <c r="A400" t="s">
        <v>335</v>
      </c>
      <c r="B400" t="s">
        <v>336</v>
      </c>
      <c r="C400" t="s">
        <v>175</v>
      </c>
      <c r="D400" t="s">
        <v>176</v>
      </c>
      <c r="E400" t="s">
        <v>102</v>
      </c>
      <c r="F400" t="s">
        <v>103</v>
      </c>
      <c r="G400" t="s">
        <v>80</v>
      </c>
      <c r="H400" t="s">
        <v>81</v>
      </c>
      <c r="I400" s="2">
        <v>1</v>
      </c>
      <c r="J400" s="2">
        <v>0</v>
      </c>
      <c r="K400" s="2">
        <v>0</v>
      </c>
      <c r="L400" t="s">
        <v>120</v>
      </c>
      <c r="M400" t="s">
        <v>89</v>
      </c>
      <c r="N400" t="s">
        <v>90</v>
      </c>
      <c r="O400" t="s">
        <v>85</v>
      </c>
      <c r="P400" t="s">
        <v>86</v>
      </c>
      <c r="Q400">
        <v>16</v>
      </c>
      <c r="R400">
        <v>17</v>
      </c>
      <c r="S400">
        <v>17</v>
      </c>
      <c r="T400">
        <v>18</v>
      </c>
      <c r="U400">
        <v>18</v>
      </c>
      <c r="V400">
        <v>18</v>
      </c>
      <c r="W400">
        <v>19</v>
      </c>
      <c r="X400">
        <v>19</v>
      </c>
      <c r="Y400">
        <v>19</v>
      </c>
      <c r="Z400">
        <v>20</v>
      </c>
      <c r="AA400">
        <v>20</v>
      </c>
      <c r="AB400">
        <v>20</v>
      </c>
      <c r="AC400">
        <v>21</v>
      </c>
      <c r="AD400">
        <v>21</v>
      </c>
      <c r="AE400">
        <v>21</v>
      </c>
      <c r="AF400">
        <v>21</v>
      </c>
      <c r="AG400">
        <v>21</v>
      </c>
      <c r="AH400">
        <v>21</v>
      </c>
      <c r="AI400">
        <v>21</v>
      </c>
      <c r="AJ400">
        <v>21</v>
      </c>
      <c r="AK400">
        <v>22</v>
      </c>
      <c r="AL400">
        <v>22</v>
      </c>
      <c r="AM400">
        <v>22</v>
      </c>
      <c r="AN400">
        <v>22</v>
      </c>
      <c r="AO400">
        <v>22</v>
      </c>
      <c r="AP400">
        <v>22</v>
      </c>
      <c r="AQ400">
        <v>22</v>
      </c>
    </row>
    <row r="401" spans="1:43">
      <c r="A401" t="s">
        <v>335</v>
      </c>
      <c r="B401" t="s">
        <v>336</v>
      </c>
      <c r="C401" t="s">
        <v>175</v>
      </c>
      <c r="D401" t="s">
        <v>176</v>
      </c>
      <c r="E401" t="s">
        <v>102</v>
      </c>
      <c r="F401" t="s">
        <v>103</v>
      </c>
      <c r="G401" t="s">
        <v>80</v>
      </c>
      <c r="H401" t="s">
        <v>81</v>
      </c>
      <c r="I401" s="2">
        <v>1</v>
      </c>
      <c r="J401" s="2">
        <v>0</v>
      </c>
      <c r="K401" s="2">
        <v>0</v>
      </c>
      <c r="L401" t="s">
        <v>120</v>
      </c>
      <c r="M401" t="s">
        <v>83</v>
      </c>
      <c r="N401" t="s">
        <v>91</v>
      </c>
      <c r="O401" t="s">
        <v>85</v>
      </c>
      <c r="P401" t="s">
        <v>86</v>
      </c>
      <c r="Q401">
        <v>16</v>
      </c>
      <c r="R401">
        <v>16</v>
      </c>
      <c r="S401">
        <v>17</v>
      </c>
      <c r="T401">
        <v>17</v>
      </c>
      <c r="U401">
        <v>17</v>
      </c>
      <c r="V401">
        <v>18</v>
      </c>
      <c r="W401">
        <v>18</v>
      </c>
      <c r="X401">
        <v>18</v>
      </c>
      <c r="Y401">
        <v>18</v>
      </c>
      <c r="Z401">
        <v>19</v>
      </c>
      <c r="AA401">
        <v>19</v>
      </c>
      <c r="AB401">
        <v>19</v>
      </c>
      <c r="AC401">
        <v>19</v>
      </c>
      <c r="AD401">
        <v>20</v>
      </c>
      <c r="AE401">
        <v>20</v>
      </c>
      <c r="AF401">
        <v>20</v>
      </c>
      <c r="AG401">
        <v>20</v>
      </c>
      <c r="AH401">
        <v>21</v>
      </c>
      <c r="AI401">
        <v>21</v>
      </c>
      <c r="AJ401">
        <v>21</v>
      </c>
      <c r="AK401">
        <v>21</v>
      </c>
      <c r="AL401">
        <v>21</v>
      </c>
      <c r="AM401">
        <v>21</v>
      </c>
      <c r="AN401">
        <v>21</v>
      </c>
      <c r="AO401">
        <v>22</v>
      </c>
      <c r="AP401">
        <v>22</v>
      </c>
      <c r="AQ401">
        <v>22</v>
      </c>
    </row>
    <row r="402" spans="1:43">
      <c r="A402" t="s">
        <v>337</v>
      </c>
      <c r="B402" t="s">
        <v>338</v>
      </c>
      <c r="C402" t="s">
        <v>175</v>
      </c>
      <c r="D402" t="s">
        <v>176</v>
      </c>
      <c r="E402" t="s">
        <v>102</v>
      </c>
      <c r="F402" t="s">
        <v>103</v>
      </c>
      <c r="G402" t="s">
        <v>80</v>
      </c>
      <c r="H402" t="s">
        <v>81</v>
      </c>
      <c r="I402" s="2">
        <v>1</v>
      </c>
      <c r="J402" s="2">
        <v>0</v>
      </c>
      <c r="K402" s="2">
        <v>0</v>
      </c>
      <c r="L402" t="s">
        <v>120</v>
      </c>
      <c r="M402" t="s">
        <v>83</v>
      </c>
      <c r="N402" t="s">
        <v>84</v>
      </c>
      <c r="O402" t="s">
        <v>85</v>
      </c>
      <c r="P402" t="s">
        <v>86</v>
      </c>
      <c r="Q402">
        <v>23</v>
      </c>
      <c r="R402">
        <v>23</v>
      </c>
      <c r="S402">
        <v>24</v>
      </c>
      <c r="T402">
        <v>24</v>
      </c>
      <c r="U402">
        <v>25</v>
      </c>
      <c r="V402">
        <v>25</v>
      </c>
      <c r="W402">
        <v>25</v>
      </c>
      <c r="X402">
        <v>26</v>
      </c>
      <c r="Y402">
        <v>26</v>
      </c>
      <c r="Z402">
        <v>26</v>
      </c>
      <c r="AA402">
        <v>27</v>
      </c>
      <c r="AB402">
        <v>27</v>
      </c>
      <c r="AC402">
        <v>28</v>
      </c>
      <c r="AD402">
        <v>28</v>
      </c>
      <c r="AE402">
        <v>28</v>
      </c>
      <c r="AF402">
        <v>29</v>
      </c>
      <c r="AG402">
        <v>29</v>
      </c>
      <c r="AH402">
        <v>29</v>
      </c>
      <c r="AI402">
        <v>30</v>
      </c>
      <c r="AJ402">
        <v>30</v>
      </c>
      <c r="AK402">
        <v>30</v>
      </c>
      <c r="AL402">
        <v>30</v>
      </c>
      <c r="AM402">
        <v>31</v>
      </c>
      <c r="AN402">
        <v>31</v>
      </c>
      <c r="AO402">
        <v>31</v>
      </c>
      <c r="AP402">
        <v>31</v>
      </c>
      <c r="AQ402">
        <v>31</v>
      </c>
    </row>
    <row r="403" spans="1:43">
      <c r="A403" t="s">
        <v>337</v>
      </c>
      <c r="B403" t="s">
        <v>338</v>
      </c>
      <c r="C403" t="s">
        <v>175</v>
      </c>
      <c r="D403" t="s">
        <v>176</v>
      </c>
      <c r="E403" t="s">
        <v>102</v>
      </c>
      <c r="F403" t="s">
        <v>103</v>
      </c>
      <c r="G403" t="s">
        <v>80</v>
      </c>
      <c r="H403" t="s">
        <v>81</v>
      </c>
      <c r="I403" s="2">
        <v>1</v>
      </c>
      <c r="J403" s="2">
        <v>0</v>
      </c>
      <c r="K403" s="2">
        <v>0</v>
      </c>
      <c r="L403" t="s">
        <v>120</v>
      </c>
      <c r="M403" t="s">
        <v>87</v>
      </c>
      <c r="N403" t="s">
        <v>88</v>
      </c>
      <c r="O403" t="s">
        <v>85</v>
      </c>
      <c r="P403" t="s">
        <v>86</v>
      </c>
      <c r="Q403">
        <v>23</v>
      </c>
      <c r="R403">
        <v>23</v>
      </c>
      <c r="S403">
        <v>23</v>
      </c>
      <c r="T403">
        <v>23</v>
      </c>
      <c r="U403">
        <v>24</v>
      </c>
      <c r="V403">
        <v>24</v>
      </c>
      <c r="W403">
        <v>24</v>
      </c>
      <c r="X403">
        <v>24</v>
      </c>
      <c r="Y403">
        <v>24</v>
      </c>
      <c r="Z403">
        <v>24</v>
      </c>
      <c r="AA403">
        <v>24</v>
      </c>
      <c r="AB403">
        <v>25</v>
      </c>
      <c r="AC403">
        <v>25</v>
      </c>
      <c r="AD403">
        <v>25</v>
      </c>
      <c r="AE403">
        <v>25</v>
      </c>
      <c r="AF403">
        <v>25</v>
      </c>
      <c r="AG403">
        <v>25</v>
      </c>
      <c r="AH403">
        <v>26</v>
      </c>
      <c r="AI403">
        <v>26</v>
      </c>
      <c r="AJ403">
        <v>26</v>
      </c>
      <c r="AK403">
        <v>26</v>
      </c>
      <c r="AL403">
        <v>26</v>
      </c>
      <c r="AM403">
        <v>26</v>
      </c>
      <c r="AN403">
        <v>26</v>
      </c>
      <c r="AO403">
        <v>27</v>
      </c>
      <c r="AP403">
        <v>27</v>
      </c>
      <c r="AQ403">
        <v>27</v>
      </c>
    </row>
    <row r="404" spans="1:43">
      <c r="A404" t="s">
        <v>337</v>
      </c>
      <c r="B404" t="s">
        <v>338</v>
      </c>
      <c r="C404" t="s">
        <v>175</v>
      </c>
      <c r="D404" t="s">
        <v>176</v>
      </c>
      <c r="E404" t="s">
        <v>102</v>
      </c>
      <c r="F404" t="s">
        <v>103</v>
      </c>
      <c r="G404" t="s">
        <v>80</v>
      </c>
      <c r="H404" t="s">
        <v>81</v>
      </c>
      <c r="I404" s="2">
        <v>1</v>
      </c>
      <c r="J404" s="2">
        <v>0</v>
      </c>
      <c r="K404" s="2">
        <v>0</v>
      </c>
      <c r="L404" t="s">
        <v>120</v>
      </c>
      <c r="M404" t="s">
        <v>89</v>
      </c>
      <c r="N404" t="s">
        <v>90</v>
      </c>
      <c r="O404" t="s">
        <v>85</v>
      </c>
      <c r="P404" t="s">
        <v>86</v>
      </c>
      <c r="Q404">
        <v>23</v>
      </c>
      <c r="R404">
        <v>24</v>
      </c>
      <c r="S404">
        <v>24</v>
      </c>
      <c r="T404">
        <v>25</v>
      </c>
      <c r="U404">
        <v>26</v>
      </c>
      <c r="V404">
        <v>26</v>
      </c>
      <c r="W404">
        <v>27</v>
      </c>
      <c r="X404">
        <v>27</v>
      </c>
      <c r="Y404">
        <v>28</v>
      </c>
      <c r="Z404">
        <v>28</v>
      </c>
      <c r="AA404">
        <v>28</v>
      </c>
      <c r="AB404">
        <v>29</v>
      </c>
      <c r="AC404">
        <v>29</v>
      </c>
      <c r="AD404">
        <v>30</v>
      </c>
      <c r="AE404">
        <v>30</v>
      </c>
      <c r="AF404">
        <v>30</v>
      </c>
      <c r="AG404">
        <v>30</v>
      </c>
      <c r="AH404">
        <v>30</v>
      </c>
      <c r="AI404">
        <v>30</v>
      </c>
      <c r="AJ404">
        <v>31</v>
      </c>
      <c r="AK404">
        <v>31</v>
      </c>
      <c r="AL404">
        <v>31</v>
      </c>
      <c r="AM404">
        <v>31</v>
      </c>
      <c r="AN404">
        <v>31</v>
      </c>
      <c r="AO404">
        <v>31</v>
      </c>
      <c r="AP404">
        <v>31</v>
      </c>
      <c r="AQ404">
        <v>31</v>
      </c>
    </row>
    <row r="405" spans="1:43">
      <c r="A405" t="s">
        <v>337</v>
      </c>
      <c r="B405" t="s">
        <v>338</v>
      </c>
      <c r="C405" t="s">
        <v>175</v>
      </c>
      <c r="D405" t="s">
        <v>176</v>
      </c>
      <c r="E405" t="s">
        <v>102</v>
      </c>
      <c r="F405" t="s">
        <v>103</v>
      </c>
      <c r="G405" t="s">
        <v>80</v>
      </c>
      <c r="H405" t="s">
        <v>81</v>
      </c>
      <c r="I405" s="2">
        <v>1</v>
      </c>
      <c r="J405" s="2">
        <v>0</v>
      </c>
      <c r="K405" s="2">
        <v>0</v>
      </c>
      <c r="L405" t="s">
        <v>120</v>
      </c>
      <c r="M405" t="s">
        <v>83</v>
      </c>
      <c r="N405" t="s">
        <v>91</v>
      </c>
      <c r="O405" t="s">
        <v>85</v>
      </c>
      <c r="P405" t="s">
        <v>86</v>
      </c>
      <c r="Q405">
        <v>23</v>
      </c>
      <c r="R405">
        <v>23</v>
      </c>
      <c r="S405">
        <v>24</v>
      </c>
      <c r="T405">
        <v>24</v>
      </c>
      <c r="U405">
        <v>25</v>
      </c>
      <c r="V405">
        <v>25</v>
      </c>
      <c r="W405">
        <v>25</v>
      </c>
      <c r="X405">
        <v>26</v>
      </c>
      <c r="Y405">
        <v>26</v>
      </c>
      <c r="Z405">
        <v>26</v>
      </c>
      <c r="AA405">
        <v>27</v>
      </c>
      <c r="AB405">
        <v>27</v>
      </c>
      <c r="AC405">
        <v>28</v>
      </c>
      <c r="AD405">
        <v>28</v>
      </c>
      <c r="AE405">
        <v>28</v>
      </c>
      <c r="AF405">
        <v>29</v>
      </c>
      <c r="AG405">
        <v>29</v>
      </c>
      <c r="AH405">
        <v>29</v>
      </c>
      <c r="AI405">
        <v>30</v>
      </c>
      <c r="AJ405">
        <v>30</v>
      </c>
      <c r="AK405">
        <v>30</v>
      </c>
      <c r="AL405">
        <v>30</v>
      </c>
      <c r="AM405">
        <v>31</v>
      </c>
      <c r="AN405">
        <v>31</v>
      </c>
      <c r="AO405">
        <v>31</v>
      </c>
      <c r="AP405">
        <v>31</v>
      </c>
      <c r="AQ405">
        <v>31</v>
      </c>
    </row>
    <row r="406" spans="1:43">
      <c r="A406" t="s">
        <v>339</v>
      </c>
      <c r="B406" t="s">
        <v>340</v>
      </c>
      <c r="C406" t="s">
        <v>161</v>
      </c>
      <c r="D406" t="s">
        <v>162</v>
      </c>
      <c r="E406" t="s">
        <v>102</v>
      </c>
      <c r="F406" t="s">
        <v>103</v>
      </c>
      <c r="G406" t="s">
        <v>80</v>
      </c>
      <c r="H406" t="s">
        <v>81</v>
      </c>
      <c r="I406" s="2">
        <v>1</v>
      </c>
      <c r="J406" s="2">
        <v>0</v>
      </c>
      <c r="K406" s="2">
        <v>0</v>
      </c>
      <c r="L406" t="s">
        <v>120</v>
      </c>
      <c r="M406" t="s">
        <v>83</v>
      </c>
      <c r="N406" t="s">
        <v>84</v>
      </c>
      <c r="O406" t="s">
        <v>85</v>
      </c>
      <c r="P406" t="s">
        <v>86</v>
      </c>
      <c r="Q406">
        <v>15</v>
      </c>
      <c r="R406">
        <v>16</v>
      </c>
      <c r="S406">
        <v>16</v>
      </c>
      <c r="T406">
        <v>16</v>
      </c>
      <c r="U406">
        <v>16</v>
      </c>
      <c r="V406">
        <v>17</v>
      </c>
      <c r="W406">
        <v>17</v>
      </c>
      <c r="X406">
        <v>17</v>
      </c>
      <c r="Y406">
        <v>17</v>
      </c>
      <c r="Z406">
        <v>18</v>
      </c>
      <c r="AA406">
        <v>18</v>
      </c>
      <c r="AB406">
        <v>18</v>
      </c>
      <c r="AC406">
        <v>18</v>
      </c>
      <c r="AD406">
        <v>19</v>
      </c>
      <c r="AE406">
        <v>19</v>
      </c>
      <c r="AF406">
        <v>19</v>
      </c>
      <c r="AG406">
        <v>19</v>
      </c>
      <c r="AH406">
        <v>19</v>
      </c>
      <c r="AI406">
        <v>20</v>
      </c>
      <c r="AJ406">
        <v>20</v>
      </c>
      <c r="AK406">
        <v>20</v>
      </c>
      <c r="AL406">
        <v>20</v>
      </c>
      <c r="AM406">
        <v>20</v>
      </c>
      <c r="AN406">
        <v>20</v>
      </c>
      <c r="AO406">
        <v>20</v>
      </c>
      <c r="AP406">
        <v>20</v>
      </c>
      <c r="AQ406">
        <v>20</v>
      </c>
    </row>
    <row r="407" spans="1:43">
      <c r="A407" t="s">
        <v>339</v>
      </c>
      <c r="B407" t="s">
        <v>340</v>
      </c>
      <c r="C407" t="s">
        <v>161</v>
      </c>
      <c r="D407" t="s">
        <v>162</v>
      </c>
      <c r="E407" t="s">
        <v>102</v>
      </c>
      <c r="F407" t="s">
        <v>103</v>
      </c>
      <c r="G407" t="s">
        <v>80</v>
      </c>
      <c r="H407" t="s">
        <v>81</v>
      </c>
      <c r="I407" s="2">
        <v>1</v>
      </c>
      <c r="J407" s="2">
        <v>0</v>
      </c>
      <c r="K407" s="2">
        <v>0</v>
      </c>
      <c r="L407" t="s">
        <v>120</v>
      </c>
      <c r="M407" t="s">
        <v>87</v>
      </c>
      <c r="N407" t="s">
        <v>88</v>
      </c>
      <c r="O407" t="s">
        <v>85</v>
      </c>
      <c r="P407" t="s">
        <v>86</v>
      </c>
      <c r="Q407">
        <v>15</v>
      </c>
      <c r="R407">
        <v>15</v>
      </c>
      <c r="S407">
        <v>15</v>
      </c>
      <c r="T407">
        <v>16</v>
      </c>
      <c r="U407">
        <v>16</v>
      </c>
      <c r="V407">
        <v>16</v>
      </c>
      <c r="W407">
        <v>16</v>
      </c>
      <c r="X407">
        <v>16</v>
      </c>
      <c r="Y407">
        <v>16</v>
      </c>
      <c r="Z407">
        <v>16</v>
      </c>
      <c r="AA407">
        <v>16</v>
      </c>
      <c r="AB407">
        <v>16</v>
      </c>
      <c r="AC407">
        <v>17</v>
      </c>
      <c r="AD407">
        <v>17</v>
      </c>
      <c r="AE407">
        <v>17</v>
      </c>
      <c r="AF407">
        <v>17</v>
      </c>
      <c r="AG407">
        <v>17</v>
      </c>
      <c r="AH407">
        <v>17</v>
      </c>
      <c r="AI407">
        <v>17</v>
      </c>
      <c r="AJ407">
        <v>17</v>
      </c>
      <c r="AK407">
        <v>17</v>
      </c>
      <c r="AL407">
        <v>17</v>
      </c>
      <c r="AM407">
        <v>17</v>
      </c>
      <c r="AN407">
        <v>18</v>
      </c>
      <c r="AO407">
        <v>18</v>
      </c>
      <c r="AP407">
        <v>18</v>
      </c>
      <c r="AQ407">
        <v>18</v>
      </c>
    </row>
    <row r="408" spans="1:43">
      <c r="A408" t="s">
        <v>339</v>
      </c>
      <c r="B408" t="s">
        <v>340</v>
      </c>
      <c r="C408" t="s">
        <v>161</v>
      </c>
      <c r="D408" t="s">
        <v>162</v>
      </c>
      <c r="E408" t="s">
        <v>102</v>
      </c>
      <c r="F408" t="s">
        <v>103</v>
      </c>
      <c r="G408" t="s">
        <v>80</v>
      </c>
      <c r="H408" t="s">
        <v>81</v>
      </c>
      <c r="I408" s="2">
        <v>1</v>
      </c>
      <c r="J408" s="2">
        <v>0</v>
      </c>
      <c r="K408" s="2">
        <v>0</v>
      </c>
      <c r="L408" t="s">
        <v>120</v>
      </c>
      <c r="M408" t="s">
        <v>89</v>
      </c>
      <c r="N408" t="s">
        <v>90</v>
      </c>
      <c r="O408" t="s">
        <v>85</v>
      </c>
      <c r="P408" t="s">
        <v>86</v>
      </c>
      <c r="Q408">
        <v>15</v>
      </c>
      <c r="R408">
        <v>15</v>
      </c>
      <c r="S408">
        <v>15</v>
      </c>
      <c r="T408">
        <v>16</v>
      </c>
      <c r="U408">
        <v>16</v>
      </c>
      <c r="V408">
        <v>16</v>
      </c>
      <c r="W408">
        <v>17</v>
      </c>
      <c r="X408">
        <v>17</v>
      </c>
      <c r="Y408">
        <v>17</v>
      </c>
      <c r="Z408">
        <v>18</v>
      </c>
      <c r="AA408">
        <v>18</v>
      </c>
      <c r="AB408">
        <v>18</v>
      </c>
      <c r="AC408">
        <v>19</v>
      </c>
      <c r="AD408">
        <v>19</v>
      </c>
      <c r="AE408">
        <v>19</v>
      </c>
      <c r="AF408">
        <v>19</v>
      </c>
      <c r="AG408">
        <v>19</v>
      </c>
      <c r="AH408">
        <v>19</v>
      </c>
      <c r="AI408">
        <v>19</v>
      </c>
      <c r="AJ408">
        <v>19</v>
      </c>
      <c r="AK408">
        <v>19</v>
      </c>
      <c r="AL408">
        <v>19</v>
      </c>
      <c r="AM408">
        <v>20</v>
      </c>
      <c r="AN408">
        <v>20</v>
      </c>
      <c r="AO408">
        <v>20</v>
      </c>
      <c r="AP408">
        <v>20</v>
      </c>
      <c r="AQ408">
        <v>20</v>
      </c>
    </row>
    <row r="409" spans="1:43">
      <c r="A409" t="s">
        <v>339</v>
      </c>
      <c r="B409" t="s">
        <v>340</v>
      </c>
      <c r="C409" t="s">
        <v>161</v>
      </c>
      <c r="D409" t="s">
        <v>162</v>
      </c>
      <c r="E409" t="s">
        <v>102</v>
      </c>
      <c r="F409" t="s">
        <v>103</v>
      </c>
      <c r="G409" t="s">
        <v>80</v>
      </c>
      <c r="H409" t="s">
        <v>81</v>
      </c>
      <c r="I409" s="2">
        <v>1</v>
      </c>
      <c r="J409" s="2">
        <v>0</v>
      </c>
      <c r="K409" s="2">
        <v>0</v>
      </c>
      <c r="L409" t="s">
        <v>120</v>
      </c>
      <c r="M409" t="s">
        <v>83</v>
      </c>
      <c r="N409" t="s">
        <v>91</v>
      </c>
      <c r="O409" t="s">
        <v>85</v>
      </c>
      <c r="P409" t="s">
        <v>86</v>
      </c>
      <c r="Q409">
        <v>15</v>
      </c>
      <c r="R409">
        <v>16</v>
      </c>
      <c r="S409">
        <v>16</v>
      </c>
      <c r="T409">
        <v>16</v>
      </c>
      <c r="U409">
        <v>16</v>
      </c>
      <c r="V409">
        <v>17</v>
      </c>
      <c r="W409">
        <v>17</v>
      </c>
      <c r="X409">
        <v>17</v>
      </c>
      <c r="Y409">
        <v>17</v>
      </c>
      <c r="Z409">
        <v>18</v>
      </c>
      <c r="AA409">
        <v>18</v>
      </c>
      <c r="AB409">
        <v>18</v>
      </c>
      <c r="AC409">
        <v>18</v>
      </c>
      <c r="AD409">
        <v>19</v>
      </c>
      <c r="AE409">
        <v>19</v>
      </c>
      <c r="AF409">
        <v>19</v>
      </c>
      <c r="AG409">
        <v>19</v>
      </c>
      <c r="AH409">
        <v>19</v>
      </c>
      <c r="AI409">
        <v>20</v>
      </c>
      <c r="AJ409">
        <v>20</v>
      </c>
      <c r="AK409">
        <v>20</v>
      </c>
      <c r="AL409">
        <v>20</v>
      </c>
      <c r="AM409">
        <v>20</v>
      </c>
      <c r="AN409">
        <v>20</v>
      </c>
      <c r="AO409">
        <v>20</v>
      </c>
      <c r="AP409">
        <v>20</v>
      </c>
      <c r="AQ409">
        <v>20</v>
      </c>
    </row>
    <row r="410" spans="1:43">
      <c r="A410" t="s">
        <v>341</v>
      </c>
      <c r="B410" t="s">
        <v>342</v>
      </c>
      <c r="C410" t="s">
        <v>161</v>
      </c>
      <c r="D410" t="s">
        <v>162</v>
      </c>
      <c r="E410" t="s">
        <v>102</v>
      </c>
      <c r="F410" t="s">
        <v>103</v>
      </c>
      <c r="G410" t="s">
        <v>80</v>
      </c>
      <c r="H410" t="s">
        <v>81</v>
      </c>
      <c r="I410" s="2">
        <v>1</v>
      </c>
      <c r="J410" s="2">
        <v>0</v>
      </c>
      <c r="K410" s="2">
        <v>0</v>
      </c>
      <c r="L410" t="s">
        <v>120</v>
      </c>
      <c r="M410" t="s">
        <v>83</v>
      </c>
      <c r="N410" t="s">
        <v>84</v>
      </c>
      <c r="O410" t="s">
        <v>85</v>
      </c>
      <c r="P410" t="s">
        <v>86</v>
      </c>
      <c r="Q410">
        <v>41</v>
      </c>
      <c r="R410">
        <v>42</v>
      </c>
      <c r="S410">
        <v>43</v>
      </c>
      <c r="T410">
        <v>43</v>
      </c>
      <c r="U410">
        <v>44</v>
      </c>
      <c r="V410">
        <v>45</v>
      </c>
      <c r="W410">
        <v>45</v>
      </c>
      <c r="X410">
        <v>46</v>
      </c>
      <c r="Y410">
        <v>47</v>
      </c>
      <c r="Z410">
        <v>47</v>
      </c>
      <c r="AA410">
        <v>48</v>
      </c>
      <c r="AB410">
        <v>48</v>
      </c>
      <c r="AC410">
        <v>49</v>
      </c>
      <c r="AD410">
        <v>50</v>
      </c>
      <c r="AE410">
        <v>50</v>
      </c>
      <c r="AF410">
        <v>51</v>
      </c>
      <c r="AG410">
        <v>52</v>
      </c>
      <c r="AH410">
        <v>52</v>
      </c>
      <c r="AI410">
        <v>53</v>
      </c>
      <c r="AJ410">
        <v>53</v>
      </c>
      <c r="AK410">
        <v>54</v>
      </c>
      <c r="AL410">
        <v>54</v>
      </c>
      <c r="AM410">
        <v>54</v>
      </c>
      <c r="AN410">
        <v>55</v>
      </c>
      <c r="AO410">
        <v>55</v>
      </c>
      <c r="AP410">
        <v>55</v>
      </c>
      <c r="AQ410">
        <v>55</v>
      </c>
    </row>
    <row r="411" spans="1:43">
      <c r="A411" t="s">
        <v>341</v>
      </c>
      <c r="B411" t="s">
        <v>342</v>
      </c>
      <c r="C411" t="s">
        <v>161</v>
      </c>
      <c r="D411" t="s">
        <v>162</v>
      </c>
      <c r="E411" t="s">
        <v>102</v>
      </c>
      <c r="F411" t="s">
        <v>103</v>
      </c>
      <c r="G411" t="s">
        <v>80</v>
      </c>
      <c r="H411" t="s">
        <v>81</v>
      </c>
      <c r="I411" s="2">
        <v>1</v>
      </c>
      <c r="J411" s="2">
        <v>0</v>
      </c>
      <c r="K411" s="2">
        <v>0</v>
      </c>
      <c r="L411" t="s">
        <v>120</v>
      </c>
      <c r="M411" t="s">
        <v>87</v>
      </c>
      <c r="N411" t="s">
        <v>88</v>
      </c>
      <c r="O411" t="s">
        <v>85</v>
      </c>
      <c r="P411" t="s">
        <v>86</v>
      </c>
      <c r="Q411">
        <v>41</v>
      </c>
      <c r="R411">
        <v>41</v>
      </c>
      <c r="S411">
        <v>41</v>
      </c>
      <c r="T411">
        <v>42</v>
      </c>
      <c r="U411">
        <v>42</v>
      </c>
      <c r="V411">
        <v>42</v>
      </c>
      <c r="W411">
        <v>43</v>
      </c>
      <c r="X411">
        <v>43</v>
      </c>
      <c r="Y411">
        <v>43</v>
      </c>
      <c r="Z411">
        <v>43</v>
      </c>
      <c r="AA411">
        <v>44</v>
      </c>
      <c r="AB411">
        <v>44</v>
      </c>
      <c r="AC411">
        <v>44</v>
      </c>
      <c r="AD411">
        <v>44</v>
      </c>
      <c r="AE411">
        <v>45</v>
      </c>
      <c r="AF411">
        <v>45</v>
      </c>
      <c r="AG411">
        <v>45</v>
      </c>
      <c r="AH411">
        <v>45</v>
      </c>
      <c r="AI411">
        <v>46</v>
      </c>
      <c r="AJ411">
        <v>46</v>
      </c>
      <c r="AK411">
        <v>46</v>
      </c>
      <c r="AL411">
        <v>47</v>
      </c>
      <c r="AM411">
        <v>47</v>
      </c>
      <c r="AN411">
        <v>47</v>
      </c>
      <c r="AO411">
        <v>47</v>
      </c>
      <c r="AP411">
        <v>48</v>
      </c>
      <c r="AQ411">
        <v>48</v>
      </c>
    </row>
    <row r="412" spans="1:43">
      <c r="A412" t="s">
        <v>341</v>
      </c>
      <c r="B412" t="s">
        <v>342</v>
      </c>
      <c r="C412" t="s">
        <v>161</v>
      </c>
      <c r="D412" t="s">
        <v>162</v>
      </c>
      <c r="E412" t="s">
        <v>102</v>
      </c>
      <c r="F412" t="s">
        <v>103</v>
      </c>
      <c r="G412" t="s">
        <v>80</v>
      </c>
      <c r="H412" t="s">
        <v>81</v>
      </c>
      <c r="I412" s="2">
        <v>1</v>
      </c>
      <c r="J412" s="2">
        <v>0</v>
      </c>
      <c r="K412" s="2">
        <v>0</v>
      </c>
      <c r="L412" t="s">
        <v>120</v>
      </c>
      <c r="M412" t="s">
        <v>89</v>
      </c>
      <c r="N412" t="s">
        <v>90</v>
      </c>
      <c r="O412" t="s">
        <v>85</v>
      </c>
      <c r="P412" t="s">
        <v>86</v>
      </c>
      <c r="Q412">
        <v>41</v>
      </c>
      <c r="R412">
        <v>42</v>
      </c>
      <c r="S412">
        <v>43</v>
      </c>
      <c r="T412">
        <v>44</v>
      </c>
      <c r="U412">
        <v>45</v>
      </c>
      <c r="V412">
        <v>46</v>
      </c>
      <c r="W412">
        <v>46</v>
      </c>
      <c r="X412">
        <v>47</v>
      </c>
      <c r="Y412">
        <v>48</v>
      </c>
      <c r="Z412">
        <v>49</v>
      </c>
      <c r="AA412">
        <v>50</v>
      </c>
      <c r="AB412">
        <v>51</v>
      </c>
      <c r="AC412">
        <v>52</v>
      </c>
      <c r="AD412">
        <v>52</v>
      </c>
      <c r="AE412">
        <v>53</v>
      </c>
      <c r="AF412">
        <v>53</v>
      </c>
      <c r="AG412">
        <v>53</v>
      </c>
      <c r="AH412">
        <v>53</v>
      </c>
      <c r="AI412">
        <v>53</v>
      </c>
      <c r="AJ412">
        <v>54</v>
      </c>
      <c r="AK412">
        <v>54</v>
      </c>
      <c r="AL412">
        <v>54</v>
      </c>
      <c r="AM412">
        <v>54</v>
      </c>
      <c r="AN412">
        <v>54</v>
      </c>
      <c r="AO412">
        <v>54</v>
      </c>
      <c r="AP412">
        <v>54</v>
      </c>
      <c r="AQ412">
        <v>54</v>
      </c>
    </row>
    <row r="413" spans="1:43">
      <c r="A413" t="s">
        <v>341</v>
      </c>
      <c r="B413" t="s">
        <v>342</v>
      </c>
      <c r="C413" t="s">
        <v>161</v>
      </c>
      <c r="D413" t="s">
        <v>162</v>
      </c>
      <c r="E413" t="s">
        <v>102</v>
      </c>
      <c r="F413" t="s">
        <v>103</v>
      </c>
      <c r="G413" t="s">
        <v>80</v>
      </c>
      <c r="H413" t="s">
        <v>81</v>
      </c>
      <c r="I413" s="2">
        <v>1</v>
      </c>
      <c r="J413" s="2">
        <v>0</v>
      </c>
      <c r="K413" s="2">
        <v>0</v>
      </c>
      <c r="L413" t="s">
        <v>120</v>
      </c>
      <c r="M413" t="s">
        <v>83</v>
      </c>
      <c r="N413" t="s">
        <v>91</v>
      </c>
      <c r="O413" t="s">
        <v>85</v>
      </c>
      <c r="P413" t="s">
        <v>86</v>
      </c>
      <c r="Q413">
        <v>41</v>
      </c>
      <c r="R413">
        <v>42</v>
      </c>
      <c r="S413">
        <v>43</v>
      </c>
      <c r="T413">
        <v>43</v>
      </c>
      <c r="U413">
        <v>44</v>
      </c>
      <c r="V413">
        <v>45</v>
      </c>
      <c r="W413">
        <v>45</v>
      </c>
      <c r="X413">
        <v>46</v>
      </c>
      <c r="Y413">
        <v>47</v>
      </c>
      <c r="Z413">
        <v>47</v>
      </c>
      <c r="AA413">
        <v>48</v>
      </c>
      <c r="AB413">
        <v>48</v>
      </c>
      <c r="AC413">
        <v>49</v>
      </c>
      <c r="AD413">
        <v>50</v>
      </c>
      <c r="AE413">
        <v>50</v>
      </c>
      <c r="AF413">
        <v>51</v>
      </c>
      <c r="AG413">
        <v>52</v>
      </c>
      <c r="AH413">
        <v>52</v>
      </c>
      <c r="AI413">
        <v>53</v>
      </c>
      <c r="AJ413">
        <v>53</v>
      </c>
      <c r="AK413">
        <v>54</v>
      </c>
      <c r="AL413">
        <v>54</v>
      </c>
      <c r="AM413">
        <v>54</v>
      </c>
      <c r="AN413">
        <v>55</v>
      </c>
      <c r="AO413">
        <v>55</v>
      </c>
      <c r="AP413">
        <v>55</v>
      </c>
      <c r="AQ413">
        <v>55</v>
      </c>
    </row>
    <row r="414" spans="1:43">
      <c r="A414" t="s">
        <v>343</v>
      </c>
      <c r="B414" t="s">
        <v>344</v>
      </c>
      <c r="C414" t="s">
        <v>161</v>
      </c>
      <c r="D414" t="s">
        <v>162</v>
      </c>
      <c r="E414" t="s">
        <v>102</v>
      </c>
      <c r="F414" t="s">
        <v>103</v>
      </c>
      <c r="G414" t="s">
        <v>80</v>
      </c>
      <c r="H414" t="s">
        <v>81</v>
      </c>
      <c r="I414" s="2">
        <v>1</v>
      </c>
      <c r="J414" s="2">
        <v>0</v>
      </c>
      <c r="K414" s="2">
        <v>0</v>
      </c>
      <c r="L414" t="s">
        <v>120</v>
      </c>
      <c r="M414" t="s">
        <v>83</v>
      </c>
      <c r="N414" t="s">
        <v>84</v>
      </c>
      <c r="O414" t="s">
        <v>85</v>
      </c>
      <c r="P414" t="s">
        <v>86</v>
      </c>
      <c r="Q414">
        <v>43</v>
      </c>
      <c r="R414">
        <v>43</v>
      </c>
      <c r="S414">
        <v>44</v>
      </c>
      <c r="T414">
        <v>45</v>
      </c>
      <c r="U414">
        <v>45</v>
      </c>
      <c r="V414">
        <v>46</v>
      </c>
      <c r="W414">
        <v>47</v>
      </c>
      <c r="X414">
        <v>47</v>
      </c>
      <c r="Y414">
        <v>48</v>
      </c>
      <c r="Z414">
        <v>49</v>
      </c>
      <c r="AA414">
        <v>49</v>
      </c>
      <c r="AB414">
        <v>50</v>
      </c>
      <c r="AC414">
        <v>51</v>
      </c>
      <c r="AD414">
        <v>51</v>
      </c>
      <c r="AE414">
        <v>52</v>
      </c>
      <c r="AF414">
        <v>52</v>
      </c>
      <c r="AG414">
        <v>53</v>
      </c>
      <c r="AH414">
        <v>54</v>
      </c>
      <c r="AI414">
        <v>54</v>
      </c>
      <c r="AJ414">
        <v>55</v>
      </c>
      <c r="AK414">
        <v>56</v>
      </c>
      <c r="AL414">
        <v>56</v>
      </c>
      <c r="AM414">
        <v>56</v>
      </c>
      <c r="AN414">
        <v>56</v>
      </c>
      <c r="AO414">
        <v>56</v>
      </c>
      <c r="AP414">
        <v>56</v>
      </c>
      <c r="AQ414">
        <v>57</v>
      </c>
    </row>
    <row r="415" spans="1:43">
      <c r="A415" t="s">
        <v>343</v>
      </c>
      <c r="B415" t="s">
        <v>344</v>
      </c>
      <c r="C415" t="s">
        <v>161</v>
      </c>
      <c r="D415" t="s">
        <v>162</v>
      </c>
      <c r="E415" t="s">
        <v>102</v>
      </c>
      <c r="F415" t="s">
        <v>103</v>
      </c>
      <c r="G415" t="s">
        <v>80</v>
      </c>
      <c r="H415" t="s">
        <v>81</v>
      </c>
      <c r="I415" s="2">
        <v>1</v>
      </c>
      <c r="J415" s="2">
        <v>0</v>
      </c>
      <c r="K415" s="2">
        <v>0</v>
      </c>
      <c r="L415" t="s">
        <v>120</v>
      </c>
      <c r="M415" t="s">
        <v>87</v>
      </c>
      <c r="N415" t="s">
        <v>88</v>
      </c>
      <c r="O415" t="s">
        <v>85</v>
      </c>
      <c r="P415" t="s">
        <v>86</v>
      </c>
      <c r="Q415">
        <v>43</v>
      </c>
      <c r="R415">
        <v>43</v>
      </c>
      <c r="S415">
        <v>44</v>
      </c>
      <c r="T415">
        <v>44</v>
      </c>
      <c r="U415">
        <v>44</v>
      </c>
      <c r="V415">
        <v>45</v>
      </c>
      <c r="W415">
        <v>45</v>
      </c>
      <c r="X415">
        <v>45</v>
      </c>
      <c r="Y415">
        <v>45</v>
      </c>
      <c r="Z415">
        <v>46</v>
      </c>
      <c r="AA415">
        <v>46</v>
      </c>
      <c r="AB415">
        <v>46</v>
      </c>
      <c r="AC415">
        <v>47</v>
      </c>
      <c r="AD415">
        <v>47</v>
      </c>
      <c r="AE415">
        <v>47</v>
      </c>
      <c r="AF415">
        <v>47</v>
      </c>
      <c r="AG415">
        <v>48</v>
      </c>
      <c r="AH415">
        <v>48</v>
      </c>
      <c r="AI415">
        <v>48</v>
      </c>
      <c r="AJ415">
        <v>48</v>
      </c>
      <c r="AK415">
        <v>49</v>
      </c>
      <c r="AL415">
        <v>49</v>
      </c>
      <c r="AM415">
        <v>49</v>
      </c>
      <c r="AN415">
        <v>49</v>
      </c>
      <c r="AO415">
        <v>50</v>
      </c>
      <c r="AP415">
        <v>50</v>
      </c>
      <c r="AQ415">
        <v>50</v>
      </c>
    </row>
    <row r="416" spans="1:43">
      <c r="A416" t="s">
        <v>343</v>
      </c>
      <c r="B416" t="s">
        <v>344</v>
      </c>
      <c r="C416" t="s">
        <v>161</v>
      </c>
      <c r="D416" t="s">
        <v>162</v>
      </c>
      <c r="E416" t="s">
        <v>102</v>
      </c>
      <c r="F416" t="s">
        <v>103</v>
      </c>
      <c r="G416" t="s">
        <v>80</v>
      </c>
      <c r="H416" t="s">
        <v>81</v>
      </c>
      <c r="I416" s="2">
        <v>1</v>
      </c>
      <c r="J416" s="2">
        <v>0</v>
      </c>
      <c r="K416" s="2">
        <v>0</v>
      </c>
      <c r="L416" t="s">
        <v>120</v>
      </c>
      <c r="M416" t="s">
        <v>89</v>
      </c>
      <c r="N416" t="s">
        <v>90</v>
      </c>
      <c r="O416" t="s">
        <v>85</v>
      </c>
      <c r="P416" t="s">
        <v>86</v>
      </c>
      <c r="Q416">
        <v>43</v>
      </c>
      <c r="R416">
        <v>44</v>
      </c>
      <c r="S416">
        <v>45</v>
      </c>
      <c r="T416">
        <v>46</v>
      </c>
      <c r="U416">
        <v>47</v>
      </c>
      <c r="V416">
        <v>48</v>
      </c>
      <c r="W416">
        <v>49</v>
      </c>
      <c r="X416">
        <v>50</v>
      </c>
      <c r="Y416">
        <v>51</v>
      </c>
      <c r="Z416">
        <v>52</v>
      </c>
      <c r="AA416">
        <v>52</v>
      </c>
      <c r="AB416">
        <v>53</v>
      </c>
      <c r="AC416">
        <v>54</v>
      </c>
      <c r="AD416">
        <v>55</v>
      </c>
      <c r="AE416">
        <v>56</v>
      </c>
      <c r="AF416">
        <v>56</v>
      </c>
      <c r="AG416">
        <v>56</v>
      </c>
      <c r="AH416">
        <v>56</v>
      </c>
      <c r="AI416">
        <v>56</v>
      </c>
      <c r="AJ416">
        <v>56</v>
      </c>
      <c r="AK416">
        <v>56</v>
      </c>
      <c r="AL416">
        <v>56</v>
      </c>
      <c r="AM416">
        <v>57</v>
      </c>
      <c r="AN416">
        <v>57</v>
      </c>
      <c r="AO416">
        <v>57</v>
      </c>
      <c r="AP416">
        <v>57</v>
      </c>
      <c r="AQ416">
        <v>57</v>
      </c>
    </row>
    <row r="417" spans="1:43">
      <c r="A417" t="s">
        <v>343</v>
      </c>
      <c r="B417" t="s">
        <v>344</v>
      </c>
      <c r="C417" t="s">
        <v>161</v>
      </c>
      <c r="D417" t="s">
        <v>162</v>
      </c>
      <c r="E417" t="s">
        <v>102</v>
      </c>
      <c r="F417" t="s">
        <v>103</v>
      </c>
      <c r="G417" t="s">
        <v>80</v>
      </c>
      <c r="H417" t="s">
        <v>81</v>
      </c>
      <c r="I417" s="2">
        <v>1</v>
      </c>
      <c r="J417" s="2">
        <v>0</v>
      </c>
      <c r="K417" s="2">
        <v>0</v>
      </c>
      <c r="L417" t="s">
        <v>120</v>
      </c>
      <c r="M417" t="s">
        <v>83</v>
      </c>
      <c r="N417" t="s">
        <v>91</v>
      </c>
      <c r="O417" t="s">
        <v>85</v>
      </c>
      <c r="P417" t="s">
        <v>86</v>
      </c>
      <c r="Q417">
        <v>43</v>
      </c>
      <c r="R417">
        <v>43</v>
      </c>
      <c r="S417">
        <v>44</v>
      </c>
      <c r="T417">
        <v>45</v>
      </c>
      <c r="U417">
        <v>45</v>
      </c>
      <c r="V417">
        <v>46</v>
      </c>
      <c r="W417">
        <v>47</v>
      </c>
      <c r="X417">
        <v>47</v>
      </c>
      <c r="Y417">
        <v>48</v>
      </c>
      <c r="Z417">
        <v>49</v>
      </c>
      <c r="AA417">
        <v>49</v>
      </c>
      <c r="AB417">
        <v>50</v>
      </c>
      <c r="AC417">
        <v>51</v>
      </c>
      <c r="AD417">
        <v>51</v>
      </c>
      <c r="AE417">
        <v>52</v>
      </c>
      <c r="AF417">
        <v>52</v>
      </c>
      <c r="AG417">
        <v>53</v>
      </c>
      <c r="AH417">
        <v>54</v>
      </c>
      <c r="AI417">
        <v>54</v>
      </c>
      <c r="AJ417">
        <v>55</v>
      </c>
      <c r="AK417">
        <v>56</v>
      </c>
      <c r="AL417">
        <v>56</v>
      </c>
      <c r="AM417">
        <v>56</v>
      </c>
      <c r="AN417">
        <v>56</v>
      </c>
      <c r="AO417">
        <v>56</v>
      </c>
      <c r="AP417">
        <v>56</v>
      </c>
      <c r="AQ417">
        <v>57</v>
      </c>
    </row>
    <row r="418" spans="1:43">
      <c r="A418" t="s">
        <v>345</v>
      </c>
      <c r="B418" t="s">
        <v>346</v>
      </c>
      <c r="C418" t="s">
        <v>161</v>
      </c>
      <c r="D418" t="s">
        <v>162</v>
      </c>
      <c r="E418" t="s">
        <v>102</v>
      </c>
      <c r="F418" t="s">
        <v>103</v>
      </c>
      <c r="G418" t="s">
        <v>80</v>
      </c>
      <c r="H418" t="s">
        <v>81</v>
      </c>
      <c r="I418" s="2">
        <v>1</v>
      </c>
      <c r="J418" s="2">
        <v>0</v>
      </c>
      <c r="K418" s="2">
        <v>0</v>
      </c>
      <c r="L418" t="s">
        <v>120</v>
      </c>
      <c r="M418" t="s">
        <v>83</v>
      </c>
      <c r="N418" t="s">
        <v>84</v>
      </c>
      <c r="O418" t="s">
        <v>85</v>
      </c>
      <c r="P418" t="s">
        <v>86</v>
      </c>
      <c r="Q418">
        <v>57</v>
      </c>
      <c r="R418">
        <v>58</v>
      </c>
      <c r="S418">
        <v>59</v>
      </c>
      <c r="T418">
        <v>60</v>
      </c>
      <c r="U418">
        <v>61</v>
      </c>
      <c r="V418">
        <v>62</v>
      </c>
      <c r="W418">
        <v>63</v>
      </c>
      <c r="X418">
        <v>64</v>
      </c>
      <c r="Y418">
        <v>65</v>
      </c>
      <c r="Z418">
        <v>66</v>
      </c>
      <c r="AA418">
        <v>66</v>
      </c>
      <c r="AB418">
        <v>67</v>
      </c>
      <c r="AC418">
        <v>68</v>
      </c>
      <c r="AD418">
        <v>69</v>
      </c>
      <c r="AE418">
        <v>70</v>
      </c>
      <c r="AF418">
        <v>71</v>
      </c>
      <c r="AG418">
        <v>72</v>
      </c>
      <c r="AH418">
        <v>72</v>
      </c>
      <c r="AI418">
        <v>73</v>
      </c>
      <c r="AJ418">
        <v>74</v>
      </c>
      <c r="AK418">
        <v>75</v>
      </c>
      <c r="AL418">
        <v>75</v>
      </c>
      <c r="AM418">
        <v>76</v>
      </c>
      <c r="AN418">
        <v>76</v>
      </c>
      <c r="AO418">
        <v>76</v>
      </c>
      <c r="AP418">
        <v>76</v>
      </c>
      <c r="AQ418">
        <v>76</v>
      </c>
    </row>
    <row r="419" spans="1:43">
      <c r="A419" t="s">
        <v>345</v>
      </c>
      <c r="B419" t="s">
        <v>346</v>
      </c>
      <c r="C419" t="s">
        <v>161</v>
      </c>
      <c r="D419" t="s">
        <v>162</v>
      </c>
      <c r="E419" t="s">
        <v>102</v>
      </c>
      <c r="F419" t="s">
        <v>103</v>
      </c>
      <c r="G419" t="s">
        <v>80</v>
      </c>
      <c r="H419" t="s">
        <v>81</v>
      </c>
      <c r="I419" s="2">
        <v>1</v>
      </c>
      <c r="J419" s="2">
        <v>0</v>
      </c>
      <c r="K419" s="2">
        <v>0</v>
      </c>
      <c r="L419" t="s">
        <v>120</v>
      </c>
      <c r="M419" t="s">
        <v>87</v>
      </c>
      <c r="N419" t="s">
        <v>88</v>
      </c>
      <c r="O419" t="s">
        <v>85</v>
      </c>
      <c r="P419" t="s">
        <v>86</v>
      </c>
      <c r="Q419">
        <v>57</v>
      </c>
      <c r="R419">
        <v>57</v>
      </c>
      <c r="S419">
        <v>58</v>
      </c>
      <c r="T419">
        <v>58</v>
      </c>
      <c r="U419">
        <v>58</v>
      </c>
      <c r="V419">
        <v>59</v>
      </c>
      <c r="W419">
        <v>59</v>
      </c>
      <c r="X419">
        <v>59</v>
      </c>
      <c r="Y419">
        <v>60</v>
      </c>
      <c r="Z419">
        <v>60</v>
      </c>
      <c r="AA419">
        <v>61</v>
      </c>
      <c r="AB419">
        <v>61</v>
      </c>
      <c r="AC419">
        <v>61</v>
      </c>
      <c r="AD419">
        <v>62</v>
      </c>
      <c r="AE419">
        <v>62</v>
      </c>
      <c r="AF419">
        <v>62</v>
      </c>
      <c r="AG419">
        <v>63</v>
      </c>
      <c r="AH419">
        <v>63</v>
      </c>
      <c r="AI419">
        <v>64</v>
      </c>
      <c r="AJ419">
        <v>64</v>
      </c>
      <c r="AK419">
        <v>64</v>
      </c>
      <c r="AL419">
        <v>65</v>
      </c>
      <c r="AM419">
        <v>65</v>
      </c>
      <c r="AN419">
        <v>65</v>
      </c>
      <c r="AO419">
        <v>66</v>
      </c>
      <c r="AP419">
        <v>66</v>
      </c>
      <c r="AQ419">
        <v>66</v>
      </c>
    </row>
    <row r="420" spans="1:43">
      <c r="A420" t="s">
        <v>345</v>
      </c>
      <c r="B420" t="s">
        <v>346</v>
      </c>
      <c r="C420" t="s">
        <v>161</v>
      </c>
      <c r="D420" t="s">
        <v>162</v>
      </c>
      <c r="E420" t="s">
        <v>102</v>
      </c>
      <c r="F420" t="s">
        <v>103</v>
      </c>
      <c r="G420" t="s">
        <v>80</v>
      </c>
      <c r="H420" t="s">
        <v>81</v>
      </c>
      <c r="I420" s="2">
        <v>1</v>
      </c>
      <c r="J420" s="2">
        <v>0</v>
      </c>
      <c r="K420" s="2">
        <v>0</v>
      </c>
      <c r="L420" t="s">
        <v>120</v>
      </c>
      <c r="M420" t="s">
        <v>89</v>
      </c>
      <c r="N420" t="s">
        <v>90</v>
      </c>
      <c r="O420" t="s">
        <v>85</v>
      </c>
      <c r="P420" t="s">
        <v>86</v>
      </c>
      <c r="Q420">
        <v>57</v>
      </c>
      <c r="R420">
        <v>58</v>
      </c>
      <c r="S420">
        <v>60</v>
      </c>
      <c r="T420">
        <v>61</v>
      </c>
      <c r="U420">
        <v>62</v>
      </c>
      <c r="V420">
        <v>64</v>
      </c>
      <c r="W420">
        <v>65</v>
      </c>
      <c r="X420">
        <v>66</v>
      </c>
      <c r="Y420">
        <v>67</v>
      </c>
      <c r="Z420">
        <v>68</v>
      </c>
      <c r="AA420">
        <v>70</v>
      </c>
      <c r="AB420">
        <v>71</v>
      </c>
      <c r="AC420">
        <v>72</v>
      </c>
      <c r="AD420">
        <v>73</v>
      </c>
      <c r="AE420">
        <v>74</v>
      </c>
      <c r="AF420">
        <v>74</v>
      </c>
      <c r="AG420">
        <v>74</v>
      </c>
      <c r="AH420">
        <v>74</v>
      </c>
      <c r="AI420">
        <v>75</v>
      </c>
      <c r="AJ420">
        <v>75</v>
      </c>
      <c r="AK420">
        <v>75</v>
      </c>
      <c r="AL420">
        <v>75</v>
      </c>
      <c r="AM420">
        <v>75</v>
      </c>
      <c r="AN420">
        <v>75</v>
      </c>
      <c r="AO420">
        <v>75</v>
      </c>
      <c r="AP420">
        <v>76</v>
      </c>
      <c r="AQ420">
        <v>76</v>
      </c>
    </row>
    <row r="421" spans="1:43">
      <c r="A421" t="s">
        <v>345</v>
      </c>
      <c r="B421" t="s">
        <v>346</v>
      </c>
      <c r="C421" t="s">
        <v>161</v>
      </c>
      <c r="D421" t="s">
        <v>162</v>
      </c>
      <c r="E421" t="s">
        <v>102</v>
      </c>
      <c r="F421" t="s">
        <v>103</v>
      </c>
      <c r="G421" t="s">
        <v>80</v>
      </c>
      <c r="H421" t="s">
        <v>81</v>
      </c>
      <c r="I421" s="2">
        <v>1</v>
      </c>
      <c r="J421" s="2">
        <v>0</v>
      </c>
      <c r="K421" s="2">
        <v>0</v>
      </c>
      <c r="L421" t="s">
        <v>120</v>
      </c>
      <c r="M421" t="s">
        <v>83</v>
      </c>
      <c r="N421" t="s">
        <v>91</v>
      </c>
      <c r="O421" t="s">
        <v>85</v>
      </c>
      <c r="P421" t="s">
        <v>86</v>
      </c>
      <c r="Q421">
        <v>57</v>
      </c>
      <c r="R421">
        <v>58</v>
      </c>
      <c r="S421">
        <v>59</v>
      </c>
      <c r="T421">
        <v>60</v>
      </c>
      <c r="U421">
        <v>61</v>
      </c>
      <c r="V421">
        <v>62</v>
      </c>
      <c r="W421">
        <v>63</v>
      </c>
      <c r="X421">
        <v>64</v>
      </c>
      <c r="Y421">
        <v>65</v>
      </c>
      <c r="Z421">
        <v>66</v>
      </c>
      <c r="AA421">
        <v>66</v>
      </c>
      <c r="AB421">
        <v>67</v>
      </c>
      <c r="AC421">
        <v>68</v>
      </c>
      <c r="AD421">
        <v>69</v>
      </c>
      <c r="AE421">
        <v>70</v>
      </c>
      <c r="AF421">
        <v>71</v>
      </c>
      <c r="AG421">
        <v>72</v>
      </c>
      <c r="AH421">
        <v>72</v>
      </c>
      <c r="AI421">
        <v>73</v>
      </c>
      <c r="AJ421">
        <v>74</v>
      </c>
      <c r="AK421">
        <v>75</v>
      </c>
      <c r="AL421">
        <v>75</v>
      </c>
      <c r="AM421">
        <v>76</v>
      </c>
      <c r="AN421">
        <v>76</v>
      </c>
      <c r="AO421">
        <v>76</v>
      </c>
      <c r="AP421">
        <v>76</v>
      </c>
      <c r="AQ421">
        <v>76</v>
      </c>
    </row>
    <row r="422" spans="1:43">
      <c r="A422" t="s">
        <v>347</v>
      </c>
      <c r="B422" t="s">
        <v>348</v>
      </c>
      <c r="C422" t="s">
        <v>241</v>
      </c>
      <c r="D422" t="s">
        <v>242</v>
      </c>
      <c r="E422" t="s">
        <v>102</v>
      </c>
      <c r="F422" t="s">
        <v>103</v>
      </c>
      <c r="G422" t="s">
        <v>80</v>
      </c>
      <c r="H422" t="s">
        <v>81</v>
      </c>
      <c r="I422" s="2">
        <v>1</v>
      </c>
      <c r="J422" s="2">
        <v>0</v>
      </c>
      <c r="K422" s="2">
        <v>0</v>
      </c>
      <c r="L422" t="s">
        <v>120</v>
      </c>
      <c r="M422" t="s">
        <v>83</v>
      </c>
      <c r="N422" t="s">
        <v>84</v>
      </c>
      <c r="O422" t="s">
        <v>85</v>
      </c>
      <c r="P422" t="s">
        <v>86</v>
      </c>
      <c r="Q422">
        <v>37</v>
      </c>
      <c r="R422">
        <v>38</v>
      </c>
      <c r="S422">
        <v>38</v>
      </c>
      <c r="T422">
        <v>39</v>
      </c>
      <c r="U422">
        <v>40</v>
      </c>
      <c r="V422">
        <v>40</v>
      </c>
      <c r="W422">
        <v>41</v>
      </c>
      <c r="X422">
        <v>41</v>
      </c>
      <c r="Y422">
        <v>42</v>
      </c>
      <c r="Z422">
        <v>42</v>
      </c>
      <c r="AA422">
        <v>43</v>
      </c>
      <c r="AB422">
        <v>44</v>
      </c>
      <c r="AC422">
        <v>44</v>
      </c>
      <c r="AD422">
        <v>45</v>
      </c>
      <c r="AE422">
        <v>45</v>
      </c>
      <c r="AF422">
        <v>46</v>
      </c>
      <c r="AG422">
        <v>46</v>
      </c>
      <c r="AH422">
        <v>47</v>
      </c>
      <c r="AI422">
        <v>48</v>
      </c>
      <c r="AJ422">
        <v>48</v>
      </c>
      <c r="AK422">
        <v>49</v>
      </c>
      <c r="AL422">
        <v>49</v>
      </c>
      <c r="AM422">
        <v>49</v>
      </c>
      <c r="AN422">
        <v>49</v>
      </c>
      <c r="AO422">
        <v>49</v>
      </c>
      <c r="AP422">
        <v>49</v>
      </c>
      <c r="AQ422">
        <v>49</v>
      </c>
    </row>
    <row r="423" spans="1:43">
      <c r="A423" t="s">
        <v>347</v>
      </c>
      <c r="B423" t="s">
        <v>348</v>
      </c>
      <c r="C423" t="s">
        <v>241</v>
      </c>
      <c r="D423" t="s">
        <v>242</v>
      </c>
      <c r="E423" t="s">
        <v>102</v>
      </c>
      <c r="F423" t="s">
        <v>103</v>
      </c>
      <c r="G423" t="s">
        <v>80</v>
      </c>
      <c r="H423" t="s">
        <v>81</v>
      </c>
      <c r="I423" s="2">
        <v>1</v>
      </c>
      <c r="J423" s="2">
        <v>0</v>
      </c>
      <c r="K423" s="2">
        <v>0</v>
      </c>
      <c r="L423" t="s">
        <v>120</v>
      </c>
      <c r="M423" t="s">
        <v>87</v>
      </c>
      <c r="N423" t="s">
        <v>88</v>
      </c>
      <c r="O423" t="s">
        <v>85</v>
      </c>
      <c r="P423" t="s">
        <v>86</v>
      </c>
      <c r="Q423">
        <v>37</v>
      </c>
      <c r="R423">
        <v>37</v>
      </c>
      <c r="S423">
        <v>37</v>
      </c>
      <c r="T423">
        <v>38</v>
      </c>
      <c r="U423">
        <v>38</v>
      </c>
      <c r="V423">
        <v>38</v>
      </c>
      <c r="W423">
        <v>38</v>
      </c>
      <c r="X423">
        <v>39</v>
      </c>
      <c r="Y423">
        <v>39</v>
      </c>
      <c r="Z423">
        <v>39</v>
      </c>
      <c r="AA423">
        <v>39</v>
      </c>
      <c r="AB423">
        <v>40</v>
      </c>
      <c r="AC423">
        <v>40</v>
      </c>
      <c r="AD423">
        <v>40</v>
      </c>
      <c r="AE423">
        <v>40</v>
      </c>
      <c r="AF423">
        <v>40</v>
      </c>
      <c r="AG423">
        <v>41</v>
      </c>
      <c r="AH423">
        <v>41</v>
      </c>
      <c r="AI423">
        <v>41</v>
      </c>
      <c r="AJ423">
        <v>41</v>
      </c>
      <c r="AK423">
        <v>42</v>
      </c>
      <c r="AL423">
        <v>42</v>
      </c>
      <c r="AM423">
        <v>42</v>
      </c>
      <c r="AN423">
        <v>42</v>
      </c>
      <c r="AO423">
        <v>43</v>
      </c>
      <c r="AP423">
        <v>43</v>
      </c>
      <c r="AQ423">
        <v>43</v>
      </c>
    </row>
    <row r="424" spans="1:43">
      <c r="A424" t="s">
        <v>347</v>
      </c>
      <c r="B424" t="s">
        <v>348</v>
      </c>
      <c r="C424" t="s">
        <v>241</v>
      </c>
      <c r="D424" t="s">
        <v>242</v>
      </c>
      <c r="E424" t="s">
        <v>102</v>
      </c>
      <c r="F424" t="s">
        <v>103</v>
      </c>
      <c r="G424" t="s">
        <v>80</v>
      </c>
      <c r="H424" t="s">
        <v>81</v>
      </c>
      <c r="I424" s="2">
        <v>1</v>
      </c>
      <c r="J424" s="2">
        <v>0</v>
      </c>
      <c r="K424" s="2">
        <v>0</v>
      </c>
      <c r="L424" t="s">
        <v>120</v>
      </c>
      <c r="M424" t="s">
        <v>89</v>
      </c>
      <c r="N424" t="s">
        <v>90</v>
      </c>
      <c r="O424" t="s">
        <v>85</v>
      </c>
      <c r="P424" t="s">
        <v>86</v>
      </c>
      <c r="Q424">
        <v>37</v>
      </c>
      <c r="R424">
        <v>38</v>
      </c>
      <c r="S424">
        <v>39</v>
      </c>
      <c r="T424">
        <v>40</v>
      </c>
      <c r="U424">
        <v>41</v>
      </c>
      <c r="V424">
        <v>42</v>
      </c>
      <c r="W424">
        <v>43</v>
      </c>
      <c r="X424">
        <v>44</v>
      </c>
      <c r="Y424">
        <v>44</v>
      </c>
      <c r="Z424">
        <v>45</v>
      </c>
      <c r="AA424">
        <v>46</v>
      </c>
      <c r="AB424">
        <v>47</v>
      </c>
      <c r="AC424">
        <v>47</v>
      </c>
      <c r="AD424">
        <v>48</v>
      </c>
      <c r="AE424">
        <v>49</v>
      </c>
      <c r="AF424">
        <v>49</v>
      </c>
      <c r="AG424">
        <v>49</v>
      </c>
      <c r="AH424">
        <v>49</v>
      </c>
      <c r="AI424">
        <v>49</v>
      </c>
      <c r="AJ424">
        <v>49</v>
      </c>
      <c r="AK424">
        <v>49</v>
      </c>
      <c r="AL424">
        <v>49</v>
      </c>
      <c r="AM424">
        <v>49</v>
      </c>
      <c r="AN424">
        <v>50</v>
      </c>
      <c r="AO424">
        <v>50</v>
      </c>
      <c r="AP424">
        <v>50</v>
      </c>
      <c r="AQ424">
        <v>50</v>
      </c>
    </row>
    <row r="425" spans="1:43">
      <c r="A425" t="s">
        <v>347</v>
      </c>
      <c r="B425" t="s">
        <v>348</v>
      </c>
      <c r="C425" t="s">
        <v>241</v>
      </c>
      <c r="D425" t="s">
        <v>242</v>
      </c>
      <c r="E425" t="s">
        <v>102</v>
      </c>
      <c r="F425" t="s">
        <v>103</v>
      </c>
      <c r="G425" t="s">
        <v>80</v>
      </c>
      <c r="H425" t="s">
        <v>81</v>
      </c>
      <c r="I425" s="2">
        <v>1</v>
      </c>
      <c r="J425" s="2">
        <v>0</v>
      </c>
      <c r="K425" s="2">
        <v>0</v>
      </c>
      <c r="L425" t="s">
        <v>120</v>
      </c>
      <c r="M425" t="s">
        <v>83</v>
      </c>
      <c r="N425" t="s">
        <v>91</v>
      </c>
      <c r="O425" t="s">
        <v>85</v>
      </c>
      <c r="P425" t="s">
        <v>86</v>
      </c>
      <c r="Q425">
        <v>37</v>
      </c>
      <c r="R425">
        <v>38</v>
      </c>
      <c r="S425">
        <v>38</v>
      </c>
      <c r="T425">
        <v>39</v>
      </c>
      <c r="U425">
        <v>40</v>
      </c>
      <c r="V425">
        <v>40</v>
      </c>
      <c r="W425">
        <v>41</v>
      </c>
      <c r="X425">
        <v>41</v>
      </c>
      <c r="Y425">
        <v>42</v>
      </c>
      <c r="Z425">
        <v>42</v>
      </c>
      <c r="AA425">
        <v>43</v>
      </c>
      <c r="AB425">
        <v>44</v>
      </c>
      <c r="AC425">
        <v>44</v>
      </c>
      <c r="AD425">
        <v>45</v>
      </c>
      <c r="AE425">
        <v>45</v>
      </c>
      <c r="AF425">
        <v>46</v>
      </c>
      <c r="AG425">
        <v>46</v>
      </c>
      <c r="AH425">
        <v>47</v>
      </c>
      <c r="AI425">
        <v>48</v>
      </c>
      <c r="AJ425">
        <v>48</v>
      </c>
      <c r="AK425">
        <v>49</v>
      </c>
      <c r="AL425">
        <v>49</v>
      </c>
      <c r="AM425">
        <v>49</v>
      </c>
      <c r="AN425">
        <v>49</v>
      </c>
      <c r="AO425">
        <v>49</v>
      </c>
      <c r="AP425">
        <v>49</v>
      </c>
      <c r="AQ425">
        <v>49</v>
      </c>
    </row>
    <row r="426" spans="1:43">
      <c r="A426" t="s">
        <v>349</v>
      </c>
      <c r="B426" t="s">
        <v>350</v>
      </c>
      <c r="C426" t="s">
        <v>351</v>
      </c>
      <c r="D426" t="s">
        <v>352</v>
      </c>
      <c r="E426" t="s">
        <v>353</v>
      </c>
      <c r="F426" t="s">
        <v>354</v>
      </c>
      <c r="G426" t="s">
        <v>80</v>
      </c>
      <c r="H426" t="s">
        <v>81</v>
      </c>
      <c r="I426" s="2">
        <v>1</v>
      </c>
      <c r="J426" s="2">
        <v>0</v>
      </c>
      <c r="K426" s="2">
        <v>0</v>
      </c>
      <c r="L426" t="s">
        <v>120</v>
      </c>
      <c r="M426" t="s">
        <v>83</v>
      </c>
      <c r="N426" t="s">
        <v>84</v>
      </c>
      <c r="O426" t="s">
        <v>85</v>
      </c>
      <c r="P426" t="s">
        <v>86</v>
      </c>
      <c r="Q426">
        <v>12</v>
      </c>
      <c r="R426">
        <v>12</v>
      </c>
      <c r="S426">
        <v>12</v>
      </c>
      <c r="T426">
        <v>13</v>
      </c>
      <c r="U426">
        <v>13</v>
      </c>
      <c r="V426">
        <v>13</v>
      </c>
      <c r="W426">
        <v>13</v>
      </c>
      <c r="X426">
        <v>13</v>
      </c>
      <c r="Y426">
        <v>13</v>
      </c>
      <c r="Z426">
        <v>13</v>
      </c>
      <c r="AA426">
        <v>13</v>
      </c>
      <c r="AB426">
        <v>14</v>
      </c>
      <c r="AC426">
        <v>14</v>
      </c>
      <c r="AD426">
        <v>14</v>
      </c>
      <c r="AE426">
        <v>14</v>
      </c>
      <c r="AF426">
        <v>14</v>
      </c>
      <c r="AG426">
        <v>14</v>
      </c>
      <c r="AH426">
        <v>14</v>
      </c>
      <c r="AI426">
        <v>14</v>
      </c>
      <c r="AJ426">
        <v>14</v>
      </c>
      <c r="AK426">
        <v>15</v>
      </c>
      <c r="AL426">
        <v>15</v>
      </c>
      <c r="AM426">
        <v>15</v>
      </c>
      <c r="AN426">
        <v>15</v>
      </c>
      <c r="AO426">
        <v>14</v>
      </c>
      <c r="AP426">
        <v>14</v>
      </c>
      <c r="AQ426">
        <v>14</v>
      </c>
    </row>
    <row r="427" spans="1:43">
      <c r="A427" t="s">
        <v>349</v>
      </c>
      <c r="B427" t="s">
        <v>350</v>
      </c>
      <c r="C427" t="s">
        <v>351</v>
      </c>
      <c r="D427" t="s">
        <v>352</v>
      </c>
      <c r="E427" t="s">
        <v>353</v>
      </c>
      <c r="F427" t="s">
        <v>354</v>
      </c>
      <c r="G427" t="s">
        <v>80</v>
      </c>
      <c r="H427" t="s">
        <v>81</v>
      </c>
      <c r="I427" s="2">
        <v>1</v>
      </c>
      <c r="J427" s="2">
        <v>0</v>
      </c>
      <c r="K427" s="2">
        <v>0</v>
      </c>
      <c r="L427" t="s">
        <v>120</v>
      </c>
      <c r="M427" t="s">
        <v>87</v>
      </c>
      <c r="N427" t="s">
        <v>88</v>
      </c>
      <c r="O427" t="s">
        <v>85</v>
      </c>
      <c r="P427" t="s">
        <v>86</v>
      </c>
      <c r="Q427">
        <v>12</v>
      </c>
      <c r="R427">
        <v>12</v>
      </c>
      <c r="S427">
        <v>12</v>
      </c>
      <c r="T427">
        <v>12</v>
      </c>
      <c r="U427">
        <v>12</v>
      </c>
      <c r="V427">
        <v>12</v>
      </c>
      <c r="W427">
        <v>12</v>
      </c>
      <c r="X427">
        <v>12</v>
      </c>
      <c r="Y427">
        <v>12</v>
      </c>
      <c r="Z427">
        <v>12</v>
      </c>
      <c r="AA427">
        <v>12</v>
      </c>
      <c r="AB427">
        <v>12</v>
      </c>
      <c r="AC427">
        <v>12</v>
      </c>
      <c r="AD427">
        <v>12</v>
      </c>
      <c r="AE427">
        <v>12</v>
      </c>
      <c r="AF427">
        <v>12</v>
      </c>
      <c r="AG427">
        <v>12</v>
      </c>
      <c r="AH427">
        <v>12</v>
      </c>
      <c r="AI427">
        <v>12</v>
      </c>
      <c r="AJ427">
        <v>12</v>
      </c>
      <c r="AK427">
        <v>12</v>
      </c>
      <c r="AL427">
        <v>12</v>
      </c>
      <c r="AM427">
        <v>12</v>
      </c>
      <c r="AN427">
        <v>12</v>
      </c>
      <c r="AO427">
        <v>13</v>
      </c>
      <c r="AP427">
        <v>13</v>
      </c>
      <c r="AQ427">
        <v>13</v>
      </c>
    </row>
    <row r="428" spans="1:43">
      <c r="A428" t="s">
        <v>349</v>
      </c>
      <c r="B428" t="s">
        <v>350</v>
      </c>
      <c r="C428" t="s">
        <v>351</v>
      </c>
      <c r="D428" t="s">
        <v>352</v>
      </c>
      <c r="E428" t="s">
        <v>353</v>
      </c>
      <c r="F428" t="s">
        <v>354</v>
      </c>
      <c r="G428" t="s">
        <v>80</v>
      </c>
      <c r="H428" t="s">
        <v>81</v>
      </c>
      <c r="I428" s="2">
        <v>1</v>
      </c>
      <c r="J428" s="2">
        <v>0</v>
      </c>
      <c r="K428" s="2">
        <v>0</v>
      </c>
      <c r="L428" t="s">
        <v>120</v>
      </c>
      <c r="M428" t="s">
        <v>89</v>
      </c>
      <c r="N428" t="s">
        <v>90</v>
      </c>
      <c r="O428" t="s">
        <v>85</v>
      </c>
      <c r="P428" t="s">
        <v>86</v>
      </c>
      <c r="Q428">
        <v>12</v>
      </c>
      <c r="R428">
        <v>13</v>
      </c>
      <c r="S428">
        <v>13</v>
      </c>
      <c r="T428">
        <v>13</v>
      </c>
      <c r="U428">
        <v>13</v>
      </c>
      <c r="V428">
        <v>13</v>
      </c>
      <c r="W428">
        <v>14</v>
      </c>
      <c r="X428">
        <v>14</v>
      </c>
      <c r="Y428">
        <v>14</v>
      </c>
      <c r="Z428">
        <v>14</v>
      </c>
      <c r="AA428">
        <v>14</v>
      </c>
      <c r="AB428">
        <v>15</v>
      </c>
      <c r="AC428">
        <v>15</v>
      </c>
      <c r="AD428">
        <v>15</v>
      </c>
      <c r="AE428">
        <v>15</v>
      </c>
      <c r="AF428">
        <v>15</v>
      </c>
      <c r="AG428">
        <v>15</v>
      </c>
      <c r="AH428">
        <v>15</v>
      </c>
      <c r="AI428">
        <v>15</v>
      </c>
      <c r="AJ428">
        <v>15</v>
      </c>
      <c r="AK428">
        <v>15</v>
      </c>
      <c r="AL428">
        <v>15</v>
      </c>
      <c r="AM428">
        <v>15</v>
      </c>
      <c r="AN428">
        <v>15</v>
      </c>
      <c r="AO428">
        <v>15</v>
      </c>
      <c r="AP428">
        <v>15</v>
      </c>
      <c r="AQ428">
        <v>15</v>
      </c>
    </row>
    <row r="429" spans="1:43">
      <c r="A429" t="s">
        <v>349</v>
      </c>
      <c r="B429" t="s">
        <v>350</v>
      </c>
      <c r="C429" t="s">
        <v>351</v>
      </c>
      <c r="D429" t="s">
        <v>352</v>
      </c>
      <c r="E429" t="s">
        <v>353</v>
      </c>
      <c r="F429" t="s">
        <v>354</v>
      </c>
      <c r="G429" t="s">
        <v>80</v>
      </c>
      <c r="H429" t="s">
        <v>81</v>
      </c>
      <c r="I429" s="2">
        <v>1</v>
      </c>
      <c r="J429" s="2">
        <v>0</v>
      </c>
      <c r="K429" s="2">
        <v>0</v>
      </c>
      <c r="L429" t="s">
        <v>120</v>
      </c>
      <c r="M429" t="s">
        <v>83</v>
      </c>
      <c r="N429" t="s">
        <v>91</v>
      </c>
      <c r="O429" t="s">
        <v>85</v>
      </c>
      <c r="P429" t="s">
        <v>86</v>
      </c>
      <c r="Q429">
        <v>12</v>
      </c>
      <c r="R429">
        <v>12</v>
      </c>
      <c r="S429">
        <v>12</v>
      </c>
      <c r="T429">
        <v>13</v>
      </c>
      <c r="U429">
        <v>13</v>
      </c>
      <c r="V429">
        <v>13</v>
      </c>
      <c r="W429">
        <v>13</v>
      </c>
      <c r="X429">
        <v>13</v>
      </c>
      <c r="Y429">
        <v>13</v>
      </c>
      <c r="Z429">
        <v>13</v>
      </c>
      <c r="AA429">
        <v>13</v>
      </c>
      <c r="AB429">
        <v>14</v>
      </c>
      <c r="AC429">
        <v>14</v>
      </c>
      <c r="AD429">
        <v>14</v>
      </c>
      <c r="AE429">
        <v>14</v>
      </c>
      <c r="AF429">
        <v>14</v>
      </c>
      <c r="AG429">
        <v>14</v>
      </c>
      <c r="AH429">
        <v>14</v>
      </c>
      <c r="AI429">
        <v>14</v>
      </c>
      <c r="AJ429">
        <v>14</v>
      </c>
      <c r="AK429">
        <v>15</v>
      </c>
      <c r="AL429">
        <v>15</v>
      </c>
      <c r="AM429">
        <v>15</v>
      </c>
      <c r="AN429">
        <v>15</v>
      </c>
      <c r="AO429">
        <v>14</v>
      </c>
      <c r="AP429">
        <v>14</v>
      </c>
      <c r="AQ429">
        <v>14</v>
      </c>
    </row>
    <row r="430" spans="1:43">
      <c r="A430" t="s">
        <v>355</v>
      </c>
      <c r="B430" t="s">
        <v>356</v>
      </c>
      <c r="C430" t="s">
        <v>351</v>
      </c>
      <c r="D430" t="s">
        <v>352</v>
      </c>
      <c r="E430" t="s">
        <v>353</v>
      </c>
      <c r="F430" t="s">
        <v>354</v>
      </c>
      <c r="G430" t="s">
        <v>80</v>
      </c>
      <c r="H430" t="s">
        <v>81</v>
      </c>
      <c r="I430" s="2">
        <v>1</v>
      </c>
      <c r="J430" s="2">
        <v>0</v>
      </c>
      <c r="K430" s="2">
        <v>0</v>
      </c>
      <c r="L430" t="s">
        <v>120</v>
      </c>
      <c r="M430" t="s">
        <v>83</v>
      </c>
      <c r="N430" t="s">
        <v>84</v>
      </c>
      <c r="O430" t="s">
        <v>85</v>
      </c>
      <c r="P430" t="s">
        <v>86</v>
      </c>
      <c r="Q430">
        <v>31</v>
      </c>
      <c r="R430">
        <v>32</v>
      </c>
      <c r="S430">
        <v>32</v>
      </c>
      <c r="T430">
        <v>32</v>
      </c>
      <c r="U430">
        <v>33</v>
      </c>
      <c r="V430">
        <v>33</v>
      </c>
      <c r="W430">
        <v>33</v>
      </c>
      <c r="X430">
        <v>34</v>
      </c>
      <c r="Y430">
        <v>34</v>
      </c>
      <c r="Z430">
        <v>34</v>
      </c>
      <c r="AA430">
        <v>35</v>
      </c>
      <c r="AB430">
        <v>35</v>
      </c>
      <c r="AC430">
        <v>35</v>
      </c>
      <c r="AD430">
        <v>36</v>
      </c>
      <c r="AE430">
        <v>36</v>
      </c>
      <c r="AF430">
        <v>36</v>
      </c>
      <c r="AG430">
        <v>36</v>
      </c>
      <c r="AH430">
        <v>37</v>
      </c>
      <c r="AI430">
        <v>37</v>
      </c>
      <c r="AJ430">
        <v>37</v>
      </c>
      <c r="AK430">
        <v>37</v>
      </c>
      <c r="AL430">
        <v>37</v>
      </c>
      <c r="AM430">
        <v>37</v>
      </c>
      <c r="AN430">
        <v>37</v>
      </c>
      <c r="AO430">
        <v>37</v>
      </c>
      <c r="AP430">
        <v>37</v>
      </c>
      <c r="AQ430">
        <v>37</v>
      </c>
    </row>
    <row r="431" spans="1:43">
      <c r="A431" t="s">
        <v>355</v>
      </c>
      <c r="B431" t="s">
        <v>356</v>
      </c>
      <c r="C431" t="s">
        <v>351</v>
      </c>
      <c r="D431" t="s">
        <v>352</v>
      </c>
      <c r="E431" t="s">
        <v>353</v>
      </c>
      <c r="F431" t="s">
        <v>354</v>
      </c>
      <c r="G431" t="s">
        <v>80</v>
      </c>
      <c r="H431" t="s">
        <v>81</v>
      </c>
      <c r="I431" s="2">
        <v>1</v>
      </c>
      <c r="J431" s="2">
        <v>0</v>
      </c>
      <c r="K431" s="2">
        <v>0</v>
      </c>
      <c r="L431" t="s">
        <v>120</v>
      </c>
      <c r="M431" t="s">
        <v>87</v>
      </c>
      <c r="N431" t="s">
        <v>88</v>
      </c>
      <c r="O431" t="s">
        <v>85</v>
      </c>
      <c r="P431" t="s">
        <v>86</v>
      </c>
      <c r="Q431">
        <v>31</v>
      </c>
      <c r="R431">
        <v>31</v>
      </c>
      <c r="S431">
        <v>31</v>
      </c>
      <c r="T431">
        <v>31</v>
      </c>
      <c r="U431">
        <v>31</v>
      </c>
      <c r="V431">
        <v>31</v>
      </c>
      <c r="W431">
        <v>31</v>
      </c>
      <c r="X431">
        <v>31</v>
      </c>
      <c r="Y431">
        <v>31</v>
      </c>
      <c r="Z431">
        <v>32</v>
      </c>
      <c r="AA431">
        <v>32</v>
      </c>
      <c r="AB431">
        <v>32</v>
      </c>
      <c r="AC431">
        <v>32</v>
      </c>
      <c r="AD431">
        <v>32</v>
      </c>
      <c r="AE431">
        <v>32</v>
      </c>
      <c r="AF431">
        <v>32</v>
      </c>
      <c r="AG431">
        <v>32</v>
      </c>
      <c r="AH431">
        <v>32</v>
      </c>
      <c r="AI431">
        <v>32</v>
      </c>
      <c r="AJ431">
        <v>32</v>
      </c>
      <c r="AK431">
        <v>32</v>
      </c>
      <c r="AL431">
        <v>32</v>
      </c>
      <c r="AM431">
        <v>32</v>
      </c>
      <c r="AN431">
        <v>32</v>
      </c>
      <c r="AO431">
        <v>32</v>
      </c>
      <c r="AP431">
        <v>32</v>
      </c>
      <c r="AQ431">
        <v>32</v>
      </c>
    </row>
    <row r="432" spans="1:43">
      <c r="A432" t="s">
        <v>355</v>
      </c>
      <c r="B432" t="s">
        <v>356</v>
      </c>
      <c r="C432" t="s">
        <v>351</v>
      </c>
      <c r="D432" t="s">
        <v>352</v>
      </c>
      <c r="E432" t="s">
        <v>353</v>
      </c>
      <c r="F432" t="s">
        <v>354</v>
      </c>
      <c r="G432" t="s">
        <v>80</v>
      </c>
      <c r="H432" t="s">
        <v>81</v>
      </c>
      <c r="I432" s="2">
        <v>1</v>
      </c>
      <c r="J432" s="2">
        <v>0</v>
      </c>
      <c r="K432" s="2">
        <v>0</v>
      </c>
      <c r="L432" t="s">
        <v>120</v>
      </c>
      <c r="M432" t="s">
        <v>89</v>
      </c>
      <c r="N432" t="s">
        <v>90</v>
      </c>
      <c r="O432" t="s">
        <v>85</v>
      </c>
      <c r="P432" t="s">
        <v>86</v>
      </c>
      <c r="Q432">
        <v>31</v>
      </c>
      <c r="R432">
        <v>31</v>
      </c>
      <c r="S432">
        <v>32</v>
      </c>
      <c r="T432">
        <v>32</v>
      </c>
      <c r="U432">
        <v>33</v>
      </c>
      <c r="V432">
        <v>34</v>
      </c>
      <c r="W432">
        <v>34</v>
      </c>
      <c r="X432">
        <v>35</v>
      </c>
      <c r="Y432">
        <v>35</v>
      </c>
      <c r="Z432">
        <v>35</v>
      </c>
      <c r="AA432">
        <v>36</v>
      </c>
      <c r="AB432">
        <v>36</v>
      </c>
      <c r="AC432">
        <v>37</v>
      </c>
      <c r="AD432">
        <v>37</v>
      </c>
      <c r="AE432">
        <v>37</v>
      </c>
      <c r="AF432">
        <v>37</v>
      </c>
      <c r="AG432">
        <v>37</v>
      </c>
      <c r="AH432">
        <v>37</v>
      </c>
      <c r="AI432">
        <v>37</v>
      </c>
      <c r="AJ432">
        <v>37</v>
      </c>
      <c r="AK432">
        <v>37</v>
      </c>
      <c r="AL432">
        <v>37</v>
      </c>
      <c r="AM432">
        <v>37</v>
      </c>
      <c r="AN432">
        <v>37</v>
      </c>
      <c r="AO432">
        <v>37</v>
      </c>
      <c r="AP432">
        <v>36</v>
      </c>
      <c r="AQ432">
        <v>36</v>
      </c>
    </row>
    <row r="433" spans="1:43">
      <c r="A433" t="s">
        <v>355</v>
      </c>
      <c r="B433" t="s">
        <v>356</v>
      </c>
      <c r="C433" t="s">
        <v>351</v>
      </c>
      <c r="D433" t="s">
        <v>352</v>
      </c>
      <c r="E433" t="s">
        <v>353</v>
      </c>
      <c r="F433" t="s">
        <v>354</v>
      </c>
      <c r="G433" t="s">
        <v>80</v>
      </c>
      <c r="H433" t="s">
        <v>81</v>
      </c>
      <c r="I433" s="2">
        <v>1</v>
      </c>
      <c r="J433" s="2">
        <v>0</v>
      </c>
      <c r="K433" s="2">
        <v>0</v>
      </c>
      <c r="L433" t="s">
        <v>120</v>
      </c>
      <c r="M433" t="s">
        <v>83</v>
      </c>
      <c r="N433" t="s">
        <v>91</v>
      </c>
      <c r="O433" t="s">
        <v>85</v>
      </c>
      <c r="P433" t="s">
        <v>86</v>
      </c>
      <c r="Q433">
        <v>31</v>
      </c>
      <c r="R433">
        <v>32</v>
      </c>
      <c r="S433">
        <v>32</v>
      </c>
      <c r="T433">
        <v>32</v>
      </c>
      <c r="U433">
        <v>33</v>
      </c>
      <c r="V433">
        <v>33</v>
      </c>
      <c r="W433">
        <v>33</v>
      </c>
      <c r="X433">
        <v>34</v>
      </c>
      <c r="Y433">
        <v>34</v>
      </c>
      <c r="Z433">
        <v>34</v>
      </c>
      <c r="AA433">
        <v>35</v>
      </c>
      <c r="AB433">
        <v>35</v>
      </c>
      <c r="AC433">
        <v>35</v>
      </c>
      <c r="AD433">
        <v>36</v>
      </c>
      <c r="AE433">
        <v>36</v>
      </c>
      <c r="AF433">
        <v>36</v>
      </c>
      <c r="AG433">
        <v>36</v>
      </c>
      <c r="AH433">
        <v>37</v>
      </c>
      <c r="AI433">
        <v>37</v>
      </c>
      <c r="AJ433">
        <v>37</v>
      </c>
      <c r="AK433">
        <v>37</v>
      </c>
      <c r="AL433">
        <v>37</v>
      </c>
      <c r="AM433">
        <v>37</v>
      </c>
      <c r="AN433">
        <v>37</v>
      </c>
      <c r="AO433">
        <v>37</v>
      </c>
      <c r="AP433">
        <v>37</v>
      </c>
      <c r="AQ433">
        <v>37</v>
      </c>
    </row>
    <row r="434" spans="1:43">
      <c r="A434" t="s">
        <v>357</v>
      </c>
      <c r="B434" t="s">
        <v>358</v>
      </c>
      <c r="C434" t="s">
        <v>359</v>
      </c>
      <c r="D434" t="s">
        <v>360</v>
      </c>
      <c r="E434" t="s">
        <v>353</v>
      </c>
      <c r="F434" t="s">
        <v>354</v>
      </c>
      <c r="G434" t="s">
        <v>80</v>
      </c>
      <c r="H434" t="s">
        <v>81</v>
      </c>
      <c r="I434" s="2">
        <v>1</v>
      </c>
      <c r="J434" s="2">
        <v>0</v>
      </c>
      <c r="K434" s="2">
        <v>0</v>
      </c>
      <c r="L434" t="s">
        <v>120</v>
      </c>
      <c r="M434" t="s">
        <v>83</v>
      </c>
      <c r="N434" t="s">
        <v>84</v>
      </c>
      <c r="O434" t="s">
        <v>85</v>
      </c>
      <c r="P434" t="s">
        <v>86</v>
      </c>
      <c r="Q434">
        <v>7</v>
      </c>
      <c r="R434">
        <v>7</v>
      </c>
      <c r="S434">
        <v>7</v>
      </c>
      <c r="T434">
        <v>7</v>
      </c>
      <c r="U434">
        <v>8</v>
      </c>
      <c r="V434">
        <v>8</v>
      </c>
      <c r="W434">
        <v>8</v>
      </c>
      <c r="X434">
        <v>8</v>
      </c>
      <c r="Y434">
        <v>8</v>
      </c>
      <c r="Z434">
        <v>8</v>
      </c>
      <c r="AA434">
        <v>8</v>
      </c>
      <c r="AB434">
        <v>8</v>
      </c>
      <c r="AC434">
        <v>8</v>
      </c>
      <c r="AD434">
        <v>8</v>
      </c>
      <c r="AE434">
        <v>8</v>
      </c>
      <c r="AF434">
        <v>8</v>
      </c>
      <c r="AG434">
        <v>8</v>
      </c>
      <c r="AH434">
        <v>8</v>
      </c>
      <c r="AI434">
        <v>9</v>
      </c>
      <c r="AJ434">
        <v>9</v>
      </c>
      <c r="AK434">
        <v>9</v>
      </c>
      <c r="AL434">
        <v>9</v>
      </c>
      <c r="AM434">
        <v>9</v>
      </c>
      <c r="AN434">
        <v>9</v>
      </c>
      <c r="AO434">
        <v>9</v>
      </c>
      <c r="AP434">
        <v>9</v>
      </c>
      <c r="AQ434">
        <v>9</v>
      </c>
    </row>
    <row r="435" spans="1:43">
      <c r="A435" t="s">
        <v>357</v>
      </c>
      <c r="B435" t="s">
        <v>358</v>
      </c>
      <c r="C435" t="s">
        <v>359</v>
      </c>
      <c r="D435" t="s">
        <v>360</v>
      </c>
      <c r="E435" t="s">
        <v>353</v>
      </c>
      <c r="F435" t="s">
        <v>354</v>
      </c>
      <c r="G435" t="s">
        <v>80</v>
      </c>
      <c r="H435" t="s">
        <v>81</v>
      </c>
      <c r="I435" s="2">
        <v>1</v>
      </c>
      <c r="J435" s="2">
        <v>0</v>
      </c>
      <c r="K435" s="2">
        <v>0</v>
      </c>
      <c r="L435" t="s">
        <v>120</v>
      </c>
      <c r="M435" t="s">
        <v>87</v>
      </c>
      <c r="N435" t="s">
        <v>88</v>
      </c>
      <c r="O435" t="s">
        <v>85</v>
      </c>
      <c r="P435" t="s">
        <v>86</v>
      </c>
      <c r="Q435">
        <v>7</v>
      </c>
      <c r="R435">
        <v>7</v>
      </c>
      <c r="S435">
        <v>7</v>
      </c>
      <c r="T435">
        <v>7</v>
      </c>
      <c r="U435">
        <v>7</v>
      </c>
      <c r="V435">
        <v>7</v>
      </c>
      <c r="W435">
        <v>7</v>
      </c>
      <c r="X435">
        <v>7</v>
      </c>
      <c r="Y435">
        <v>7</v>
      </c>
      <c r="Z435">
        <v>7</v>
      </c>
      <c r="AA435">
        <v>7</v>
      </c>
      <c r="AB435">
        <v>7</v>
      </c>
      <c r="AC435">
        <v>7</v>
      </c>
      <c r="AD435">
        <v>7</v>
      </c>
      <c r="AE435">
        <v>7</v>
      </c>
      <c r="AF435">
        <v>7</v>
      </c>
      <c r="AG435">
        <v>7</v>
      </c>
      <c r="AH435">
        <v>7</v>
      </c>
      <c r="AI435">
        <v>7</v>
      </c>
      <c r="AJ435">
        <v>7</v>
      </c>
      <c r="AK435">
        <v>7</v>
      </c>
      <c r="AL435">
        <v>7</v>
      </c>
      <c r="AM435">
        <v>7</v>
      </c>
      <c r="AN435">
        <v>7</v>
      </c>
      <c r="AO435">
        <v>7</v>
      </c>
      <c r="AP435">
        <v>7</v>
      </c>
      <c r="AQ435">
        <v>7</v>
      </c>
    </row>
    <row r="436" spans="1:43">
      <c r="A436" t="s">
        <v>357</v>
      </c>
      <c r="B436" t="s">
        <v>358</v>
      </c>
      <c r="C436" t="s">
        <v>359</v>
      </c>
      <c r="D436" t="s">
        <v>360</v>
      </c>
      <c r="E436" t="s">
        <v>353</v>
      </c>
      <c r="F436" t="s">
        <v>354</v>
      </c>
      <c r="G436" t="s">
        <v>80</v>
      </c>
      <c r="H436" t="s">
        <v>81</v>
      </c>
      <c r="I436" s="2">
        <v>1</v>
      </c>
      <c r="J436" s="2">
        <v>0</v>
      </c>
      <c r="K436" s="2">
        <v>0</v>
      </c>
      <c r="L436" t="s">
        <v>120</v>
      </c>
      <c r="M436" t="s">
        <v>89</v>
      </c>
      <c r="N436" t="s">
        <v>90</v>
      </c>
      <c r="O436" t="s">
        <v>85</v>
      </c>
      <c r="P436" t="s">
        <v>86</v>
      </c>
      <c r="Q436">
        <v>7</v>
      </c>
      <c r="R436">
        <v>7</v>
      </c>
      <c r="S436">
        <v>8</v>
      </c>
      <c r="T436">
        <v>8</v>
      </c>
      <c r="U436">
        <v>8</v>
      </c>
      <c r="V436">
        <v>8</v>
      </c>
      <c r="W436">
        <v>8</v>
      </c>
      <c r="X436">
        <v>8</v>
      </c>
      <c r="Y436">
        <v>8</v>
      </c>
      <c r="Z436">
        <v>8</v>
      </c>
      <c r="AA436">
        <v>9</v>
      </c>
      <c r="AB436">
        <v>9</v>
      </c>
      <c r="AC436">
        <v>9</v>
      </c>
      <c r="AD436">
        <v>9</v>
      </c>
      <c r="AE436">
        <v>9</v>
      </c>
      <c r="AF436">
        <v>9</v>
      </c>
      <c r="AG436">
        <v>9</v>
      </c>
      <c r="AH436">
        <v>9</v>
      </c>
      <c r="AI436">
        <v>9</v>
      </c>
      <c r="AJ436">
        <v>9</v>
      </c>
      <c r="AK436">
        <v>9</v>
      </c>
      <c r="AL436">
        <v>9</v>
      </c>
      <c r="AM436">
        <v>9</v>
      </c>
      <c r="AN436">
        <v>9</v>
      </c>
      <c r="AO436">
        <v>9</v>
      </c>
      <c r="AP436">
        <v>9</v>
      </c>
      <c r="AQ436">
        <v>9</v>
      </c>
    </row>
    <row r="437" spans="1:43">
      <c r="A437" t="s">
        <v>357</v>
      </c>
      <c r="B437" t="s">
        <v>358</v>
      </c>
      <c r="C437" t="s">
        <v>359</v>
      </c>
      <c r="D437" t="s">
        <v>360</v>
      </c>
      <c r="E437" t="s">
        <v>353</v>
      </c>
      <c r="F437" t="s">
        <v>354</v>
      </c>
      <c r="G437" t="s">
        <v>80</v>
      </c>
      <c r="H437" t="s">
        <v>81</v>
      </c>
      <c r="I437" s="2">
        <v>1</v>
      </c>
      <c r="J437" s="2">
        <v>0</v>
      </c>
      <c r="K437" s="2">
        <v>0</v>
      </c>
      <c r="L437" t="s">
        <v>120</v>
      </c>
      <c r="M437" t="s">
        <v>83</v>
      </c>
      <c r="N437" t="s">
        <v>91</v>
      </c>
      <c r="O437" t="s">
        <v>85</v>
      </c>
      <c r="P437" t="s">
        <v>86</v>
      </c>
      <c r="Q437">
        <v>7</v>
      </c>
      <c r="R437">
        <v>7</v>
      </c>
      <c r="S437">
        <v>7</v>
      </c>
      <c r="T437">
        <v>7</v>
      </c>
      <c r="U437">
        <v>8</v>
      </c>
      <c r="V437">
        <v>8</v>
      </c>
      <c r="W437">
        <v>8</v>
      </c>
      <c r="X437">
        <v>8</v>
      </c>
      <c r="Y437">
        <v>8</v>
      </c>
      <c r="Z437">
        <v>8</v>
      </c>
      <c r="AA437">
        <v>8</v>
      </c>
      <c r="AB437">
        <v>8</v>
      </c>
      <c r="AC437">
        <v>8</v>
      </c>
      <c r="AD437">
        <v>8</v>
      </c>
      <c r="AE437">
        <v>8</v>
      </c>
      <c r="AF437">
        <v>8</v>
      </c>
      <c r="AG437">
        <v>8</v>
      </c>
      <c r="AH437">
        <v>8</v>
      </c>
      <c r="AI437">
        <v>9</v>
      </c>
      <c r="AJ437">
        <v>9</v>
      </c>
      <c r="AK437">
        <v>9</v>
      </c>
      <c r="AL437">
        <v>9</v>
      </c>
      <c r="AM437">
        <v>9</v>
      </c>
      <c r="AN437">
        <v>9</v>
      </c>
      <c r="AO437">
        <v>9</v>
      </c>
      <c r="AP437">
        <v>9</v>
      </c>
      <c r="AQ437">
        <v>9</v>
      </c>
    </row>
    <row r="438" spans="1:43">
      <c r="A438" t="s">
        <v>361</v>
      </c>
      <c r="B438" t="s">
        <v>362</v>
      </c>
      <c r="C438" t="s">
        <v>359</v>
      </c>
      <c r="D438" t="s">
        <v>360</v>
      </c>
      <c r="E438" t="s">
        <v>353</v>
      </c>
      <c r="F438" t="s">
        <v>354</v>
      </c>
      <c r="G438" t="s">
        <v>80</v>
      </c>
      <c r="H438" t="s">
        <v>81</v>
      </c>
      <c r="I438" s="2">
        <v>1</v>
      </c>
      <c r="J438" s="2">
        <v>0</v>
      </c>
      <c r="K438" s="2">
        <v>0</v>
      </c>
      <c r="L438" t="s">
        <v>120</v>
      </c>
      <c r="M438" t="s">
        <v>83</v>
      </c>
      <c r="N438" t="s">
        <v>84</v>
      </c>
      <c r="O438" t="s">
        <v>85</v>
      </c>
      <c r="P438" t="s">
        <v>86</v>
      </c>
      <c r="Q438">
        <v>16</v>
      </c>
      <c r="R438">
        <v>17</v>
      </c>
      <c r="S438">
        <v>17</v>
      </c>
      <c r="T438">
        <v>17</v>
      </c>
      <c r="U438">
        <v>17</v>
      </c>
      <c r="V438">
        <v>17</v>
      </c>
      <c r="W438">
        <v>17</v>
      </c>
      <c r="X438">
        <v>18</v>
      </c>
      <c r="Y438">
        <v>18</v>
      </c>
      <c r="Z438">
        <v>18</v>
      </c>
      <c r="AA438">
        <v>18</v>
      </c>
      <c r="AB438">
        <v>18</v>
      </c>
      <c r="AC438">
        <v>18</v>
      </c>
      <c r="AD438">
        <v>18</v>
      </c>
      <c r="AE438">
        <v>19</v>
      </c>
      <c r="AF438">
        <v>19</v>
      </c>
      <c r="AG438">
        <v>19</v>
      </c>
      <c r="AH438">
        <v>19</v>
      </c>
      <c r="AI438">
        <v>19</v>
      </c>
      <c r="AJ438">
        <v>19</v>
      </c>
      <c r="AK438">
        <v>19</v>
      </c>
      <c r="AL438">
        <v>19</v>
      </c>
      <c r="AM438">
        <v>19</v>
      </c>
      <c r="AN438">
        <v>19</v>
      </c>
      <c r="AO438">
        <v>19</v>
      </c>
      <c r="AP438">
        <v>19</v>
      </c>
      <c r="AQ438">
        <v>19</v>
      </c>
    </row>
    <row r="439" spans="1:43">
      <c r="A439" t="s">
        <v>361</v>
      </c>
      <c r="B439" t="s">
        <v>362</v>
      </c>
      <c r="C439" t="s">
        <v>359</v>
      </c>
      <c r="D439" t="s">
        <v>360</v>
      </c>
      <c r="E439" t="s">
        <v>353</v>
      </c>
      <c r="F439" t="s">
        <v>354</v>
      </c>
      <c r="G439" t="s">
        <v>80</v>
      </c>
      <c r="H439" t="s">
        <v>81</v>
      </c>
      <c r="I439" s="2">
        <v>1</v>
      </c>
      <c r="J439" s="2">
        <v>0</v>
      </c>
      <c r="K439" s="2">
        <v>0</v>
      </c>
      <c r="L439" t="s">
        <v>120</v>
      </c>
      <c r="M439" t="s">
        <v>87</v>
      </c>
      <c r="N439" t="s">
        <v>88</v>
      </c>
      <c r="O439" t="s">
        <v>85</v>
      </c>
      <c r="P439" t="s">
        <v>86</v>
      </c>
      <c r="Q439">
        <v>16</v>
      </c>
      <c r="R439">
        <v>16</v>
      </c>
      <c r="S439">
        <v>16</v>
      </c>
      <c r="T439">
        <v>16</v>
      </c>
      <c r="U439">
        <v>16</v>
      </c>
      <c r="V439">
        <v>16</v>
      </c>
      <c r="W439">
        <v>16</v>
      </c>
      <c r="X439">
        <v>16</v>
      </c>
      <c r="Y439">
        <v>16</v>
      </c>
      <c r="Z439">
        <v>16</v>
      </c>
      <c r="AA439">
        <v>16</v>
      </c>
      <c r="AB439">
        <v>16</v>
      </c>
      <c r="AC439">
        <v>16</v>
      </c>
      <c r="AD439">
        <v>17</v>
      </c>
      <c r="AE439">
        <v>17</v>
      </c>
      <c r="AF439">
        <v>17</v>
      </c>
      <c r="AG439">
        <v>17</v>
      </c>
      <c r="AH439">
        <v>17</v>
      </c>
      <c r="AI439">
        <v>17</v>
      </c>
      <c r="AJ439">
        <v>17</v>
      </c>
      <c r="AK439">
        <v>17</v>
      </c>
      <c r="AL439">
        <v>17</v>
      </c>
      <c r="AM439">
        <v>17</v>
      </c>
      <c r="AN439">
        <v>17</v>
      </c>
      <c r="AO439">
        <v>17</v>
      </c>
      <c r="AP439">
        <v>17</v>
      </c>
      <c r="AQ439">
        <v>17</v>
      </c>
    </row>
    <row r="440" spans="1:43">
      <c r="A440" t="s">
        <v>361</v>
      </c>
      <c r="B440" t="s">
        <v>362</v>
      </c>
      <c r="C440" t="s">
        <v>359</v>
      </c>
      <c r="D440" t="s">
        <v>360</v>
      </c>
      <c r="E440" t="s">
        <v>353</v>
      </c>
      <c r="F440" t="s">
        <v>354</v>
      </c>
      <c r="G440" t="s">
        <v>80</v>
      </c>
      <c r="H440" t="s">
        <v>81</v>
      </c>
      <c r="I440" s="2">
        <v>1</v>
      </c>
      <c r="J440" s="2">
        <v>0</v>
      </c>
      <c r="K440" s="2">
        <v>0</v>
      </c>
      <c r="L440" t="s">
        <v>120</v>
      </c>
      <c r="M440" t="s">
        <v>89</v>
      </c>
      <c r="N440" t="s">
        <v>90</v>
      </c>
      <c r="O440" t="s">
        <v>85</v>
      </c>
      <c r="P440" t="s">
        <v>86</v>
      </c>
      <c r="Q440">
        <v>16</v>
      </c>
      <c r="R440">
        <v>17</v>
      </c>
      <c r="S440">
        <v>17</v>
      </c>
      <c r="T440">
        <v>17</v>
      </c>
      <c r="U440">
        <v>18</v>
      </c>
      <c r="V440">
        <v>18</v>
      </c>
      <c r="W440">
        <v>18</v>
      </c>
      <c r="X440">
        <v>19</v>
      </c>
      <c r="Y440">
        <v>19</v>
      </c>
      <c r="Z440">
        <v>19</v>
      </c>
      <c r="AA440">
        <v>19</v>
      </c>
      <c r="AB440">
        <v>19</v>
      </c>
      <c r="AC440">
        <v>20</v>
      </c>
      <c r="AD440">
        <v>20</v>
      </c>
      <c r="AE440">
        <v>20</v>
      </c>
      <c r="AF440">
        <v>20</v>
      </c>
      <c r="AG440">
        <v>20</v>
      </c>
      <c r="AH440">
        <v>20</v>
      </c>
      <c r="AI440">
        <v>20</v>
      </c>
      <c r="AJ440">
        <v>20</v>
      </c>
      <c r="AK440">
        <v>20</v>
      </c>
      <c r="AL440">
        <v>20</v>
      </c>
      <c r="AM440">
        <v>20</v>
      </c>
      <c r="AN440">
        <v>20</v>
      </c>
      <c r="AO440">
        <v>19</v>
      </c>
      <c r="AP440">
        <v>19</v>
      </c>
      <c r="AQ440">
        <v>19</v>
      </c>
    </row>
    <row r="441" spans="1:43">
      <c r="A441" t="s">
        <v>361</v>
      </c>
      <c r="B441" t="s">
        <v>362</v>
      </c>
      <c r="C441" t="s">
        <v>359</v>
      </c>
      <c r="D441" t="s">
        <v>360</v>
      </c>
      <c r="E441" t="s">
        <v>353</v>
      </c>
      <c r="F441" t="s">
        <v>354</v>
      </c>
      <c r="G441" t="s">
        <v>80</v>
      </c>
      <c r="H441" t="s">
        <v>81</v>
      </c>
      <c r="I441" s="2">
        <v>1</v>
      </c>
      <c r="J441" s="2">
        <v>0</v>
      </c>
      <c r="K441" s="2">
        <v>0</v>
      </c>
      <c r="L441" t="s">
        <v>120</v>
      </c>
      <c r="M441" t="s">
        <v>83</v>
      </c>
      <c r="N441" t="s">
        <v>91</v>
      </c>
      <c r="O441" t="s">
        <v>85</v>
      </c>
      <c r="P441" t="s">
        <v>86</v>
      </c>
      <c r="Q441">
        <v>16</v>
      </c>
      <c r="R441">
        <v>17</v>
      </c>
      <c r="S441">
        <v>17</v>
      </c>
      <c r="T441">
        <v>17</v>
      </c>
      <c r="U441">
        <v>17</v>
      </c>
      <c r="V441">
        <v>17</v>
      </c>
      <c r="W441">
        <v>17</v>
      </c>
      <c r="X441">
        <v>18</v>
      </c>
      <c r="Y441">
        <v>18</v>
      </c>
      <c r="Z441">
        <v>18</v>
      </c>
      <c r="AA441">
        <v>18</v>
      </c>
      <c r="AB441">
        <v>18</v>
      </c>
      <c r="AC441">
        <v>18</v>
      </c>
      <c r="AD441">
        <v>18</v>
      </c>
      <c r="AE441">
        <v>19</v>
      </c>
      <c r="AF441">
        <v>19</v>
      </c>
      <c r="AG441">
        <v>19</v>
      </c>
      <c r="AH441">
        <v>19</v>
      </c>
      <c r="AI441">
        <v>19</v>
      </c>
      <c r="AJ441">
        <v>19</v>
      </c>
      <c r="AK441">
        <v>19</v>
      </c>
      <c r="AL441">
        <v>19</v>
      </c>
      <c r="AM441">
        <v>19</v>
      </c>
      <c r="AN441">
        <v>19</v>
      </c>
      <c r="AO441">
        <v>19</v>
      </c>
      <c r="AP441">
        <v>19</v>
      </c>
      <c r="AQ441">
        <v>19</v>
      </c>
    </row>
    <row r="442" spans="1:43">
      <c r="A442" t="s">
        <v>363</v>
      </c>
      <c r="B442" t="s">
        <v>364</v>
      </c>
      <c r="C442" t="s">
        <v>351</v>
      </c>
      <c r="D442" t="s">
        <v>352</v>
      </c>
      <c r="E442" t="s">
        <v>353</v>
      </c>
      <c r="F442" t="s">
        <v>354</v>
      </c>
      <c r="G442" t="s">
        <v>80</v>
      </c>
      <c r="H442" t="s">
        <v>81</v>
      </c>
      <c r="I442" s="2">
        <v>1</v>
      </c>
      <c r="J442" s="2">
        <v>0</v>
      </c>
      <c r="K442" s="2">
        <v>0</v>
      </c>
      <c r="L442" t="s">
        <v>120</v>
      </c>
      <c r="M442" t="s">
        <v>83</v>
      </c>
      <c r="N442" t="s">
        <v>84</v>
      </c>
      <c r="O442" t="s">
        <v>85</v>
      </c>
      <c r="P442" t="s">
        <v>86</v>
      </c>
      <c r="Q442">
        <v>7</v>
      </c>
      <c r="R442">
        <v>7</v>
      </c>
      <c r="S442">
        <v>7</v>
      </c>
      <c r="T442">
        <v>7</v>
      </c>
      <c r="U442">
        <v>7</v>
      </c>
      <c r="V442">
        <v>7</v>
      </c>
      <c r="W442">
        <v>7</v>
      </c>
      <c r="X442">
        <v>7</v>
      </c>
      <c r="Y442">
        <v>7</v>
      </c>
      <c r="Z442">
        <v>7</v>
      </c>
      <c r="AA442">
        <v>7</v>
      </c>
      <c r="AB442">
        <v>7</v>
      </c>
      <c r="AC442">
        <v>7</v>
      </c>
      <c r="AD442">
        <v>7</v>
      </c>
      <c r="AE442">
        <v>8</v>
      </c>
      <c r="AF442">
        <v>8</v>
      </c>
      <c r="AG442">
        <v>8</v>
      </c>
      <c r="AH442">
        <v>8</v>
      </c>
      <c r="AI442">
        <v>8</v>
      </c>
      <c r="AJ442">
        <v>8</v>
      </c>
      <c r="AK442">
        <v>8</v>
      </c>
      <c r="AL442">
        <v>8</v>
      </c>
      <c r="AM442">
        <v>8</v>
      </c>
      <c r="AN442">
        <v>8</v>
      </c>
      <c r="AO442">
        <v>8</v>
      </c>
      <c r="AP442">
        <v>8</v>
      </c>
      <c r="AQ442">
        <v>8</v>
      </c>
    </row>
    <row r="443" spans="1:43">
      <c r="A443" t="s">
        <v>363</v>
      </c>
      <c r="B443" t="s">
        <v>364</v>
      </c>
      <c r="C443" t="s">
        <v>351</v>
      </c>
      <c r="D443" t="s">
        <v>352</v>
      </c>
      <c r="E443" t="s">
        <v>353</v>
      </c>
      <c r="F443" t="s">
        <v>354</v>
      </c>
      <c r="G443" t="s">
        <v>80</v>
      </c>
      <c r="H443" t="s">
        <v>81</v>
      </c>
      <c r="I443" s="2">
        <v>1</v>
      </c>
      <c r="J443" s="2">
        <v>0</v>
      </c>
      <c r="K443" s="2">
        <v>0</v>
      </c>
      <c r="L443" t="s">
        <v>120</v>
      </c>
      <c r="M443" t="s">
        <v>87</v>
      </c>
      <c r="N443" t="s">
        <v>88</v>
      </c>
      <c r="O443" t="s">
        <v>85</v>
      </c>
      <c r="P443" t="s">
        <v>86</v>
      </c>
      <c r="Q443">
        <v>7</v>
      </c>
      <c r="R443">
        <v>7</v>
      </c>
      <c r="S443">
        <v>7</v>
      </c>
      <c r="T443">
        <v>7</v>
      </c>
      <c r="U443">
        <v>7</v>
      </c>
      <c r="V443">
        <v>7</v>
      </c>
      <c r="W443">
        <v>7</v>
      </c>
      <c r="X443">
        <v>7</v>
      </c>
      <c r="Y443">
        <v>7</v>
      </c>
      <c r="Z443">
        <v>7</v>
      </c>
      <c r="AA443">
        <v>7</v>
      </c>
      <c r="AB443">
        <v>7</v>
      </c>
      <c r="AC443">
        <v>7</v>
      </c>
      <c r="AD443">
        <v>7</v>
      </c>
      <c r="AE443">
        <v>7</v>
      </c>
      <c r="AF443">
        <v>7</v>
      </c>
      <c r="AG443">
        <v>7</v>
      </c>
      <c r="AH443">
        <v>7</v>
      </c>
      <c r="AI443">
        <v>7</v>
      </c>
      <c r="AJ443">
        <v>7</v>
      </c>
      <c r="AK443">
        <v>7</v>
      </c>
      <c r="AL443">
        <v>7</v>
      </c>
      <c r="AM443">
        <v>7</v>
      </c>
      <c r="AN443">
        <v>7</v>
      </c>
      <c r="AO443">
        <v>7</v>
      </c>
      <c r="AP443">
        <v>7</v>
      </c>
      <c r="AQ443">
        <v>7</v>
      </c>
    </row>
    <row r="444" spans="1:43">
      <c r="A444" t="s">
        <v>363</v>
      </c>
      <c r="B444" t="s">
        <v>364</v>
      </c>
      <c r="C444" t="s">
        <v>351</v>
      </c>
      <c r="D444" t="s">
        <v>352</v>
      </c>
      <c r="E444" t="s">
        <v>353</v>
      </c>
      <c r="F444" t="s">
        <v>354</v>
      </c>
      <c r="G444" t="s">
        <v>80</v>
      </c>
      <c r="H444" t="s">
        <v>81</v>
      </c>
      <c r="I444" s="2">
        <v>1</v>
      </c>
      <c r="J444" s="2">
        <v>0</v>
      </c>
      <c r="K444" s="2">
        <v>0</v>
      </c>
      <c r="L444" t="s">
        <v>120</v>
      </c>
      <c r="M444" t="s">
        <v>89</v>
      </c>
      <c r="N444" t="s">
        <v>90</v>
      </c>
      <c r="O444" t="s">
        <v>85</v>
      </c>
      <c r="P444" t="s">
        <v>86</v>
      </c>
      <c r="Q444">
        <v>7</v>
      </c>
      <c r="R444">
        <v>7</v>
      </c>
      <c r="S444">
        <v>7</v>
      </c>
      <c r="T444">
        <v>7</v>
      </c>
      <c r="U444">
        <v>7</v>
      </c>
      <c r="V444">
        <v>7</v>
      </c>
      <c r="W444">
        <v>7</v>
      </c>
      <c r="X444">
        <v>7</v>
      </c>
      <c r="Y444">
        <v>8</v>
      </c>
      <c r="Z444">
        <v>8</v>
      </c>
      <c r="AA444">
        <v>8</v>
      </c>
      <c r="AB444">
        <v>8</v>
      </c>
      <c r="AC444">
        <v>8</v>
      </c>
      <c r="AD444">
        <v>8</v>
      </c>
      <c r="AE444">
        <v>8</v>
      </c>
      <c r="AF444">
        <v>8</v>
      </c>
      <c r="AG444">
        <v>8</v>
      </c>
      <c r="AH444">
        <v>8</v>
      </c>
      <c r="AI444">
        <v>8</v>
      </c>
      <c r="AJ444">
        <v>8</v>
      </c>
      <c r="AK444">
        <v>8</v>
      </c>
      <c r="AL444">
        <v>8</v>
      </c>
      <c r="AM444">
        <v>8</v>
      </c>
      <c r="AN444">
        <v>8</v>
      </c>
      <c r="AO444">
        <v>8</v>
      </c>
      <c r="AP444">
        <v>8</v>
      </c>
      <c r="AQ444">
        <v>8</v>
      </c>
    </row>
    <row r="445" spans="1:43">
      <c r="A445" t="s">
        <v>363</v>
      </c>
      <c r="B445" t="s">
        <v>364</v>
      </c>
      <c r="C445" t="s">
        <v>351</v>
      </c>
      <c r="D445" t="s">
        <v>352</v>
      </c>
      <c r="E445" t="s">
        <v>353</v>
      </c>
      <c r="F445" t="s">
        <v>354</v>
      </c>
      <c r="G445" t="s">
        <v>80</v>
      </c>
      <c r="H445" t="s">
        <v>81</v>
      </c>
      <c r="I445" s="2">
        <v>1</v>
      </c>
      <c r="J445" s="2">
        <v>0</v>
      </c>
      <c r="K445" s="2">
        <v>0</v>
      </c>
      <c r="L445" t="s">
        <v>120</v>
      </c>
      <c r="M445" t="s">
        <v>83</v>
      </c>
      <c r="N445" t="s">
        <v>91</v>
      </c>
      <c r="O445" t="s">
        <v>85</v>
      </c>
      <c r="P445" t="s">
        <v>86</v>
      </c>
      <c r="Q445">
        <v>7</v>
      </c>
      <c r="R445">
        <v>7</v>
      </c>
      <c r="S445">
        <v>7</v>
      </c>
      <c r="T445">
        <v>7</v>
      </c>
      <c r="U445">
        <v>7</v>
      </c>
      <c r="V445">
        <v>7</v>
      </c>
      <c r="W445">
        <v>7</v>
      </c>
      <c r="X445">
        <v>7</v>
      </c>
      <c r="Y445">
        <v>7</v>
      </c>
      <c r="Z445">
        <v>7</v>
      </c>
      <c r="AA445">
        <v>7</v>
      </c>
      <c r="AB445">
        <v>7</v>
      </c>
      <c r="AC445">
        <v>7</v>
      </c>
      <c r="AD445">
        <v>7</v>
      </c>
      <c r="AE445">
        <v>8</v>
      </c>
      <c r="AF445">
        <v>8</v>
      </c>
      <c r="AG445">
        <v>8</v>
      </c>
      <c r="AH445">
        <v>8</v>
      </c>
      <c r="AI445">
        <v>8</v>
      </c>
      <c r="AJ445">
        <v>8</v>
      </c>
      <c r="AK445">
        <v>8</v>
      </c>
      <c r="AL445">
        <v>8</v>
      </c>
      <c r="AM445">
        <v>8</v>
      </c>
      <c r="AN445">
        <v>8</v>
      </c>
      <c r="AO445">
        <v>8</v>
      </c>
      <c r="AP445">
        <v>8</v>
      </c>
      <c r="AQ445">
        <v>8</v>
      </c>
    </row>
    <row r="446" spans="1:43">
      <c r="A446" t="s">
        <v>365</v>
      </c>
      <c r="B446" t="s">
        <v>366</v>
      </c>
      <c r="C446" t="s">
        <v>351</v>
      </c>
      <c r="D446" t="s">
        <v>352</v>
      </c>
      <c r="E446" t="s">
        <v>353</v>
      </c>
      <c r="F446" t="s">
        <v>354</v>
      </c>
      <c r="G446" t="s">
        <v>80</v>
      </c>
      <c r="H446" t="s">
        <v>81</v>
      </c>
      <c r="I446" s="2">
        <v>1</v>
      </c>
      <c r="J446" s="2">
        <v>0</v>
      </c>
      <c r="K446" s="2">
        <v>0</v>
      </c>
      <c r="L446" t="s">
        <v>120</v>
      </c>
      <c r="M446" t="s">
        <v>83</v>
      </c>
      <c r="N446" t="s">
        <v>84</v>
      </c>
      <c r="O446" t="s">
        <v>85</v>
      </c>
      <c r="P446" t="s">
        <v>86</v>
      </c>
      <c r="Q446">
        <v>7</v>
      </c>
      <c r="R446">
        <v>7</v>
      </c>
      <c r="S446">
        <v>7</v>
      </c>
      <c r="T446">
        <v>7</v>
      </c>
      <c r="U446">
        <v>7</v>
      </c>
      <c r="V446">
        <v>7</v>
      </c>
      <c r="W446">
        <v>7</v>
      </c>
      <c r="X446">
        <v>7</v>
      </c>
      <c r="Y446">
        <v>8</v>
      </c>
      <c r="Z446">
        <v>8</v>
      </c>
      <c r="AA446">
        <v>8</v>
      </c>
      <c r="AB446">
        <v>8</v>
      </c>
      <c r="AC446">
        <v>8</v>
      </c>
      <c r="AD446">
        <v>8</v>
      </c>
      <c r="AE446">
        <v>8</v>
      </c>
      <c r="AF446">
        <v>8</v>
      </c>
      <c r="AG446">
        <v>8</v>
      </c>
      <c r="AH446">
        <v>8</v>
      </c>
      <c r="AI446">
        <v>8</v>
      </c>
      <c r="AJ446">
        <v>8</v>
      </c>
      <c r="AK446">
        <v>8</v>
      </c>
      <c r="AL446">
        <v>8</v>
      </c>
      <c r="AM446">
        <v>8</v>
      </c>
      <c r="AN446">
        <v>8</v>
      </c>
      <c r="AO446">
        <v>8</v>
      </c>
      <c r="AP446">
        <v>8</v>
      </c>
      <c r="AQ446">
        <v>8</v>
      </c>
    </row>
    <row r="447" spans="1:43">
      <c r="A447" t="s">
        <v>365</v>
      </c>
      <c r="B447" t="s">
        <v>366</v>
      </c>
      <c r="C447" t="s">
        <v>351</v>
      </c>
      <c r="D447" t="s">
        <v>352</v>
      </c>
      <c r="E447" t="s">
        <v>353</v>
      </c>
      <c r="F447" t="s">
        <v>354</v>
      </c>
      <c r="G447" t="s">
        <v>80</v>
      </c>
      <c r="H447" t="s">
        <v>81</v>
      </c>
      <c r="I447" s="2">
        <v>1</v>
      </c>
      <c r="J447" s="2">
        <v>0</v>
      </c>
      <c r="K447" s="2">
        <v>0</v>
      </c>
      <c r="L447" t="s">
        <v>120</v>
      </c>
      <c r="M447" t="s">
        <v>87</v>
      </c>
      <c r="N447" t="s">
        <v>88</v>
      </c>
      <c r="O447" t="s">
        <v>85</v>
      </c>
      <c r="P447" t="s">
        <v>86</v>
      </c>
      <c r="Q447">
        <v>7</v>
      </c>
      <c r="R447">
        <v>7</v>
      </c>
      <c r="S447">
        <v>7</v>
      </c>
      <c r="T447">
        <v>7</v>
      </c>
      <c r="U447">
        <v>7</v>
      </c>
      <c r="V447">
        <v>7</v>
      </c>
      <c r="W447">
        <v>7</v>
      </c>
      <c r="X447">
        <v>7</v>
      </c>
      <c r="Y447">
        <v>7</v>
      </c>
      <c r="Z447">
        <v>7</v>
      </c>
      <c r="AA447">
        <v>7</v>
      </c>
      <c r="AB447">
        <v>7</v>
      </c>
      <c r="AC447">
        <v>7</v>
      </c>
      <c r="AD447">
        <v>7</v>
      </c>
      <c r="AE447">
        <v>7</v>
      </c>
      <c r="AF447">
        <v>7</v>
      </c>
      <c r="AG447">
        <v>7</v>
      </c>
      <c r="AH447">
        <v>7</v>
      </c>
      <c r="AI447">
        <v>7</v>
      </c>
      <c r="AJ447">
        <v>7</v>
      </c>
      <c r="AK447">
        <v>7</v>
      </c>
      <c r="AL447">
        <v>7</v>
      </c>
      <c r="AM447">
        <v>7</v>
      </c>
      <c r="AN447">
        <v>7</v>
      </c>
      <c r="AO447">
        <v>7</v>
      </c>
      <c r="AP447">
        <v>7</v>
      </c>
      <c r="AQ447">
        <v>7</v>
      </c>
    </row>
    <row r="448" spans="1:43">
      <c r="A448" t="s">
        <v>365</v>
      </c>
      <c r="B448" t="s">
        <v>366</v>
      </c>
      <c r="C448" t="s">
        <v>351</v>
      </c>
      <c r="D448" t="s">
        <v>352</v>
      </c>
      <c r="E448" t="s">
        <v>353</v>
      </c>
      <c r="F448" t="s">
        <v>354</v>
      </c>
      <c r="G448" t="s">
        <v>80</v>
      </c>
      <c r="H448" t="s">
        <v>81</v>
      </c>
      <c r="I448" s="2">
        <v>1</v>
      </c>
      <c r="J448" s="2">
        <v>0</v>
      </c>
      <c r="K448" s="2">
        <v>0</v>
      </c>
      <c r="L448" t="s">
        <v>120</v>
      </c>
      <c r="M448" t="s">
        <v>89</v>
      </c>
      <c r="N448" t="s">
        <v>90</v>
      </c>
      <c r="O448" t="s">
        <v>85</v>
      </c>
      <c r="P448" t="s">
        <v>86</v>
      </c>
      <c r="Q448">
        <v>7</v>
      </c>
      <c r="R448">
        <v>7</v>
      </c>
      <c r="S448">
        <v>7</v>
      </c>
      <c r="T448">
        <v>7</v>
      </c>
      <c r="U448">
        <v>8</v>
      </c>
      <c r="V448">
        <v>8</v>
      </c>
      <c r="W448">
        <v>8</v>
      </c>
      <c r="X448">
        <v>8</v>
      </c>
      <c r="Y448">
        <v>8</v>
      </c>
      <c r="Z448">
        <v>8</v>
      </c>
      <c r="AA448">
        <v>8</v>
      </c>
      <c r="AB448">
        <v>8</v>
      </c>
      <c r="AC448">
        <v>8</v>
      </c>
      <c r="AD448">
        <v>8</v>
      </c>
      <c r="AE448">
        <v>8</v>
      </c>
      <c r="AF448">
        <v>8</v>
      </c>
      <c r="AG448">
        <v>8</v>
      </c>
      <c r="AH448">
        <v>8</v>
      </c>
      <c r="AI448">
        <v>8</v>
      </c>
      <c r="AJ448">
        <v>8</v>
      </c>
      <c r="AK448">
        <v>8</v>
      </c>
      <c r="AL448">
        <v>8</v>
      </c>
      <c r="AM448">
        <v>8</v>
      </c>
      <c r="AN448">
        <v>8</v>
      </c>
      <c r="AO448">
        <v>8</v>
      </c>
      <c r="AP448">
        <v>8</v>
      </c>
      <c r="AQ448">
        <v>8</v>
      </c>
    </row>
    <row r="449" spans="1:43">
      <c r="A449" t="s">
        <v>365</v>
      </c>
      <c r="B449" t="s">
        <v>366</v>
      </c>
      <c r="C449" t="s">
        <v>351</v>
      </c>
      <c r="D449" t="s">
        <v>352</v>
      </c>
      <c r="E449" t="s">
        <v>353</v>
      </c>
      <c r="F449" t="s">
        <v>354</v>
      </c>
      <c r="G449" t="s">
        <v>80</v>
      </c>
      <c r="H449" t="s">
        <v>81</v>
      </c>
      <c r="I449" s="2">
        <v>1</v>
      </c>
      <c r="J449" s="2">
        <v>0</v>
      </c>
      <c r="K449" s="2">
        <v>0</v>
      </c>
      <c r="L449" t="s">
        <v>120</v>
      </c>
      <c r="M449" t="s">
        <v>83</v>
      </c>
      <c r="N449" t="s">
        <v>91</v>
      </c>
      <c r="O449" t="s">
        <v>85</v>
      </c>
      <c r="P449" t="s">
        <v>86</v>
      </c>
      <c r="Q449">
        <v>7</v>
      </c>
      <c r="R449">
        <v>7</v>
      </c>
      <c r="S449">
        <v>7</v>
      </c>
      <c r="T449">
        <v>7</v>
      </c>
      <c r="U449">
        <v>7</v>
      </c>
      <c r="V449">
        <v>7</v>
      </c>
      <c r="W449">
        <v>7</v>
      </c>
      <c r="X449">
        <v>7</v>
      </c>
      <c r="Y449">
        <v>8</v>
      </c>
      <c r="Z449">
        <v>8</v>
      </c>
      <c r="AA449">
        <v>8</v>
      </c>
      <c r="AB449">
        <v>8</v>
      </c>
      <c r="AC449">
        <v>8</v>
      </c>
      <c r="AD449">
        <v>8</v>
      </c>
      <c r="AE449">
        <v>8</v>
      </c>
      <c r="AF449">
        <v>8</v>
      </c>
      <c r="AG449">
        <v>8</v>
      </c>
      <c r="AH449">
        <v>8</v>
      </c>
      <c r="AI449">
        <v>8</v>
      </c>
      <c r="AJ449">
        <v>8</v>
      </c>
      <c r="AK449">
        <v>8</v>
      </c>
      <c r="AL449">
        <v>8</v>
      </c>
      <c r="AM449">
        <v>8</v>
      </c>
      <c r="AN449">
        <v>8</v>
      </c>
      <c r="AO449">
        <v>8</v>
      </c>
      <c r="AP449">
        <v>8</v>
      </c>
      <c r="AQ449">
        <v>8</v>
      </c>
    </row>
    <row r="450" spans="1:43">
      <c r="A450" t="s">
        <v>367</v>
      </c>
      <c r="B450" t="s">
        <v>368</v>
      </c>
      <c r="C450" t="s">
        <v>359</v>
      </c>
      <c r="D450" t="s">
        <v>360</v>
      </c>
      <c r="E450" t="s">
        <v>353</v>
      </c>
      <c r="F450" t="s">
        <v>354</v>
      </c>
      <c r="G450" t="s">
        <v>80</v>
      </c>
      <c r="H450" t="s">
        <v>81</v>
      </c>
      <c r="I450" s="2">
        <v>1</v>
      </c>
      <c r="J450" s="2">
        <v>0</v>
      </c>
      <c r="K450" s="2">
        <v>0</v>
      </c>
      <c r="L450" t="s">
        <v>120</v>
      </c>
      <c r="M450" t="s">
        <v>83</v>
      </c>
      <c r="N450" t="s">
        <v>84</v>
      </c>
      <c r="O450" t="s">
        <v>85</v>
      </c>
      <c r="P450" t="s">
        <v>86</v>
      </c>
      <c r="Q450">
        <v>16</v>
      </c>
      <c r="R450">
        <v>16</v>
      </c>
      <c r="S450">
        <v>16</v>
      </c>
      <c r="T450">
        <v>16</v>
      </c>
      <c r="U450">
        <v>16</v>
      </c>
      <c r="V450">
        <v>16</v>
      </c>
      <c r="W450">
        <v>17</v>
      </c>
      <c r="X450">
        <v>17</v>
      </c>
      <c r="Y450">
        <v>17</v>
      </c>
      <c r="Z450">
        <v>17</v>
      </c>
      <c r="AA450">
        <v>17</v>
      </c>
      <c r="AB450">
        <v>17</v>
      </c>
      <c r="AC450">
        <v>18</v>
      </c>
      <c r="AD450">
        <v>18</v>
      </c>
      <c r="AE450">
        <v>18</v>
      </c>
      <c r="AF450">
        <v>18</v>
      </c>
      <c r="AG450">
        <v>18</v>
      </c>
      <c r="AH450">
        <v>18</v>
      </c>
      <c r="AI450">
        <v>18</v>
      </c>
      <c r="AJ450">
        <v>18</v>
      </c>
      <c r="AK450">
        <v>19</v>
      </c>
      <c r="AL450">
        <v>19</v>
      </c>
      <c r="AM450">
        <v>19</v>
      </c>
      <c r="AN450">
        <v>19</v>
      </c>
      <c r="AO450">
        <v>18</v>
      </c>
      <c r="AP450">
        <v>18</v>
      </c>
      <c r="AQ450">
        <v>18</v>
      </c>
    </row>
    <row r="451" spans="1:43">
      <c r="A451" t="s">
        <v>367</v>
      </c>
      <c r="B451" t="s">
        <v>368</v>
      </c>
      <c r="C451" t="s">
        <v>359</v>
      </c>
      <c r="D451" t="s">
        <v>360</v>
      </c>
      <c r="E451" t="s">
        <v>353</v>
      </c>
      <c r="F451" t="s">
        <v>354</v>
      </c>
      <c r="G451" t="s">
        <v>80</v>
      </c>
      <c r="H451" t="s">
        <v>81</v>
      </c>
      <c r="I451" s="2">
        <v>1</v>
      </c>
      <c r="J451" s="2">
        <v>0</v>
      </c>
      <c r="K451" s="2">
        <v>0</v>
      </c>
      <c r="L451" t="s">
        <v>120</v>
      </c>
      <c r="M451" t="s">
        <v>87</v>
      </c>
      <c r="N451" t="s">
        <v>88</v>
      </c>
      <c r="O451" t="s">
        <v>85</v>
      </c>
      <c r="P451" t="s">
        <v>86</v>
      </c>
      <c r="Q451">
        <v>16</v>
      </c>
      <c r="R451">
        <v>16</v>
      </c>
      <c r="S451">
        <v>17</v>
      </c>
      <c r="T451">
        <v>17</v>
      </c>
      <c r="U451">
        <v>17</v>
      </c>
      <c r="V451">
        <v>17</v>
      </c>
      <c r="W451">
        <v>17</v>
      </c>
      <c r="X451">
        <v>17</v>
      </c>
      <c r="Y451">
        <v>17</v>
      </c>
      <c r="Z451">
        <v>17</v>
      </c>
      <c r="AA451">
        <v>17</v>
      </c>
      <c r="AB451">
        <v>17</v>
      </c>
      <c r="AC451">
        <v>17</v>
      </c>
      <c r="AD451">
        <v>17</v>
      </c>
      <c r="AE451">
        <v>17</v>
      </c>
      <c r="AF451">
        <v>17</v>
      </c>
      <c r="AG451">
        <v>17</v>
      </c>
      <c r="AH451">
        <v>17</v>
      </c>
      <c r="AI451">
        <v>17</v>
      </c>
      <c r="AJ451">
        <v>17</v>
      </c>
      <c r="AK451">
        <v>17</v>
      </c>
      <c r="AL451">
        <v>17</v>
      </c>
      <c r="AM451">
        <v>17</v>
      </c>
      <c r="AN451">
        <v>17</v>
      </c>
      <c r="AO451">
        <v>17</v>
      </c>
      <c r="AP451">
        <v>17</v>
      </c>
      <c r="AQ451">
        <v>17</v>
      </c>
    </row>
    <row r="452" spans="1:43">
      <c r="A452" t="s">
        <v>367</v>
      </c>
      <c r="B452" t="s">
        <v>368</v>
      </c>
      <c r="C452" t="s">
        <v>359</v>
      </c>
      <c r="D452" t="s">
        <v>360</v>
      </c>
      <c r="E452" t="s">
        <v>353</v>
      </c>
      <c r="F452" t="s">
        <v>354</v>
      </c>
      <c r="G452" t="s">
        <v>80</v>
      </c>
      <c r="H452" t="s">
        <v>81</v>
      </c>
      <c r="I452" s="2">
        <v>1</v>
      </c>
      <c r="J452" s="2">
        <v>0</v>
      </c>
      <c r="K452" s="2">
        <v>0</v>
      </c>
      <c r="L452" t="s">
        <v>120</v>
      </c>
      <c r="M452" t="s">
        <v>89</v>
      </c>
      <c r="N452" t="s">
        <v>90</v>
      </c>
      <c r="O452" t="s">
        <v>85</v>
      </c>
      <c r="P452" t="s">
        <v>86</v>
      </c>
      <c r="Q452">
        <v>16</v>
      </c>
      <c r="R452">
        <v>16</v>
      </c>
      <c r="S452">
        <v>16</v>
      </c>
      <c r="T452">
        <v>17</v>
      </c>
      <c r="U452">
        <v>17</v>
      </c>
      <c r="V452">
        <v>17</v>
      </c>
      <c r="W452">
        <v>17</v>
      </c>
      <c r="X452">
        <v>18</v>
      </c>
      <c r="Y452">
        <v>18</v>
      </c>
      <c r="Z452">
        <v>18</v>
      </c>
      <c r="AA452">
        <v>18</v>
      </c>
      <c r="AB452">
        <v>19</v>
      </c>
      <c r="AC452">
        <v>19</v>
      </c>
      <c r="AD452">
        <v>19</v>
      </c>
      <c r="AE452">
        <v>19</v>
      </c>
      <c r="AF452">
        <v>19</v>
      </c>
      <c r="AG452">
        <v>19</v>
      </c>
      <c r="AH452">
        <v>19</v>
      </c>
      <c r="AI452">
        <v>19</v>
      </c>
      <c r="AJ452">
        <v>19</v>
      </c>
      <c r="AK452">
        <v>19</v>
      </c>
      <c r="AL452">
        <v>19</v>
      </c>
      <c r="AM452">
        <v>19</v>
      </c>
      <c r="AN452">
        <v>19</v>
      </c>
      <c r="AO452">
        <v>19</v>
      </c>
      <c r="AP452">
        <v>19</v>
      </c>
      <c r="AQ452">
        <v>19</v>
      </c>
    </row>
    <row r="453" spans="1:43">
      <c r="A453" t="s">
        <v>367</v>
      </c>
      <c r="B453" t="s">
        <v>368</v>
      </c>
      <c r="C453" t="s">
        <v>359</v>
      </c>
      <c r="D453" t="s">
        <v>360</v>
      </c>
      <c r="E453" t="s">
        <v>353</v>
      </c>
      <c r="F453" t="s">
        <v>354</v>
      </c>
      <c r="G453" t="s">
        <v>80</v>
      </c>
      <c r="H453" t="s">
        <v>81</v>
      </c>
      <c r="I453" s="2">
        <v>1</v>
      </c>
      <c r="J453" s="2">
        <v>0</v>
      </c>
      <c r="K453" s="2">
        <v>0</v>
      </c>
      <c r="L453" t="s">
        <v>120</v>
      </c>
      <c r="M453" t="s">
        <v>83</v>
      </c>
      <c r="N453" t="s">
        <v>91</v>
      </c>
      <c r="O453" t="s">
        <v>85</v>
      </c>
      <c r="P453" t="s">
        <v>86</v>
      </c>
      <c r="Q453">
        <v>16</v>
      </c>
      <c r="R453">
        <v>16</v>
      </c>
      <c r="S453">
        <v>16</v>
      </c>
      <c r="T453">
        <v>16</v>
      </c>
      <c r="U453">
        <v>16</v>
      </c>
      <c r="V453">
        <v>16</v>
      </c>
      <c r="W453">
        <v>17</v>
      </c>
      <c r="X453">
        <v>17</v>
      </c>
      <c r="Y453">
        <v>17</v>
      </c>
      <c r="Z453">
        <v>17</v>
      </c>
      <c r="AA453">
        <v>17</v>
      </c>
      <c r="AB453">
        <v>17</v>
      </c>
      <c r="AC453">
        <v>18</v>
      </c>
      <c r="AD453">
        <v>18</v>
      </c>
      <c r="AE453">
        <v>18</v>
      </c>
      <c r="AF453">
        <v>18</v>
      </c>
      <c r="AG453">
        <v>18</v>
      </c>
      <c r="AH453">
        <v>18</v>
      </c>
      <c r="AI453">
        <v>18</v>
      </c>
      <c r="AJ453">
        <v>18</v>
      </c>
      <c r="AK453">
        <v>19</v>
      </c>
      <c r="AL453">
        <v>19</v>
      </c>
      <c r="AM453">
        <v>19</v>
      </c>
      <c r="AN453">
        <v>19</v>
      </c>
      <c r="AO453">
        <v>18</v>
      </c>
      <c r="AP453">
        <v>18</v>
      </c>
      <c r="AQ453">
        <v>18</v>
      </c>
    </row>
    <row r="454" spans="1:43">
      <c r="A454" t="s">
        <v>369</v>
      </c>
      <c r="B454" t="s">
        <v>370</v>
      </c>
      <c r="C454" t="s">
        <v>351</v>
      </c>
      <c r="D454" t="s">
        <v>352</v>
      </c>
      <c r="E454" t="s">
        <v>353</v>
      </c>
      <c r="F454" t="s">
        <v>354</v>
      </c>
      <c r="G454" t="s">
        <v>80</v>
      </c>
      <c r="H454" t="s">
        <v>81</v>
      </c>
      <c r="I454" s="2">
        <v>1</v>
      </c>
      <c r="J454" s="2">
        <v>0</v>
      </c>
      <c r="K454" s="2">
        <v>0</v>
      </c>
      <c r="L454" t="s">
        <v>120</v>
      </c>
      <c r="M454" t="s">
        <v>83</v>
      </c>
      <c r="N454" t="s">
        <v>84</v>
      </c>
      <c r="O454" t="s">
        <v>85</v>
      </c>
      <c r="P454" t="s">
        <v>86</v>
      </c>
      <c r="Q454">
        <v>1</v>
      </c>
      <c r="R454">
        <v>1</v>
      </c>
      <c r="S454">
        <v>1</v>
      </c>
      <c r="T454">
        <v>1</v>
      </c>
      <c r="U454">
        <v>1</v>
      </c>
      <c r="V454">
        <v>1</v>
      </c>
      <c r="W454">
        <v>1</v>
      </c>
      <c r="X454">
        <v>1</v>
      </c>
      <c r="Y454">
        <v>1</v>
      </c>
      <c r="Z454">
        <v>1</v>
      </c>
      <c r="AA454">
        <v>1</v>
      </c>
      <c r="AB454">
        <v>1</v>
      </c>
      <c r="AC454">
        <v>1</v>
      </c>
      <c r="AD454">
        <v>1</v>
      </c>
      <c r="AE454">
        <v>1</v>
      </c>
      <c r="AF454">
        <v>1</v>
      </c>
      <c r="AG454">
        <v>1</v>
      </c>
      <c r="AH454">
        <v>1</v>
      </c>
      <c r="AI454">
        <v>1</v>
      </c>
      <c r="AJ454">
        <v>1</v>
      </c>
      <c r="AK454">
        <v>1</v>
      </c>
      <c r="AL454">
        <v>1</v>
      </c>
      <c r="AM454">
        <v>1</v>
      </c>
      <c r="AN454">
        <v>1</v>
      </c>
      <c r="AO454">
        <v>1</v>
      </c>
      <c r="AP454">
        <v>1</v>
      </c>
      <c r="AQ454">
        <v>1</v>
      </c>
    </row>
    <row r="455" spans="1:43">
      <c r="A455" t="s">
        <v>369</v>
      </c>
      <c r="B455" t="s">
        <v>370</v>
      </c>
      <c r="C455" t="s">
        <v>351</v>
      </c>
      <c r="D455" t="s">
        <v>352</v>
      </c>
      <c r="E455" t="s">
        <v>353</v>
      </c>
      <c r="F455" t="s">
        <v>354</v>
      </c>
      <c r="G455" t="s">
        <v>80</v>
      </c>
      <c r="H455" t="s">
        <v>81</v>
      </c>
      <c r="I455" s="2">
        <v>1</v>
      </c>
      <c r="J455" s="2">
        <v>0</v>
      </c>
      <c r="K455" s="2">
        <v>0</v>
      </c>
      <c r="L455" t="s">
        <v>120</v>
      </c>
      <c r="M455" t="s">
        <v>87</v>
      </c>
      <c r="N455" t="s">
        <v>88</v>
      </c>
      <c r="O455" t="s">
        <v>85</v>
      </c>
      <c r="P455" t="s">
        <v>86</v>
      </c>
      <c r="Q455">
        <v>1</v>
      </c>
      <c r="R455">
        <v>1</v>
      </c>
      <c r="S455">
        <v>1</v>
      </c>
      <c r="T455">
        <v>1</v>
      </c>
      <c r="U455">
        <v>1</v>
      </c>
      <c r="V455">
        <v>1</v>
      </c>
      <c r="W455">
        <v>1</v>
      </c>
      <c r="X455">
        <v>1</v>
      </c>
      <c r="Y455">
        <v>1</v>
      </c>
      <c r="Z455">
        <v>1</v>
      </c>
      <c r="AA455">
        <v>1</v>
      </c>
      <c r="AB455">
        <v>1</v>
      </c>
      <c r="AC455">
        <v>1</v>
      </c>
      <c r="AD455">
        <v>1</v>
      </c>
      <c r="AE455">
        <v>1</v>
      </c>
      <c r="AF455">
        <v>1</v>
      </c>
      <c r="AG455">
        <v>1</v>
      </c>
      <c r="AH455">
        <v>1</v>
      </c>
      <c r="AI455">
        <v>1</v>
      </c>
      <c r="AJ455">
        <v>1</v>
      </c>
      <c r="AK455">
        <v>1</v>
      </c>
      <c r="AL455">
        <v>1</v>
      </c>
      <c r="AM455">
        <v>1</v>
      </c>
      <c r="AN455">
        <v>1</v>
      </c>
      <c r="AO455">
        <v>1</v>
      </c>
      <c r="AP455">
        <v>1</v>
      </c>
      <c r="AQ455">
        <v>1</v>
      </c>
    </row>
    <row r="456" spans="1:43">
      <c r="A456" t="s">
        <v>369</v>
      </c>
      <c r="B456" t="s">
        <v>370</v>
      </c>
      <c r="C456" t="s">
        <v>351</v>
      </c>
      <c r="D456" t="s">
        <v>352</v>
      </c>
      <c r="E456" t="s">
        <v>353</v>
      </c>
      <c r="F456" t="s">
        <v>354</v>
      </c>
      <c r="G456" t="s">
        <v>80</v>
      </c>
      <c r="H456" t="s">
        <v>81</v>
      </c>
      <c r="I456" s="2">
        <v>1</v>
      </c>
      <c r="J456" s="2">
        <v>0</v>
      </c>
      <c r="K456" s="2">
        <v>0</v>
      </c>
      <c r="L456" t="s">
        <v>120</v>
      </c>
      <c r="M456" t="s">
        <v>89</v>
      </c>
      <c r="N456" t="s">
        <v>90</v>
      </c>
      <c r="O456" t="s">
        <v>85</v>
      </c>
      <c r="P456" t="s">
        <v>86</v>
      </c>
      <c r="Q456">
        <v>1</v>
      </c>
      <c r="R456">
        <v>1</v>
      </c>
      <c r="S456">
        <v>1</v>
      </c>
      <c r="T456">
        <v>1</v>
      </c>
      <c r="U456">
        <v>1</v>
      </c>
      <c r="V456">
        <v>1</v>
      </c>
      <c r="W456">
        <v>1</v>
      </c>
      <c r="X456">
        <v>1</v>
      </c>
      <c r="Y456">
        <v>1</v>
      </c>
      <c r="Z456">
        <v>1</v>
      </c>
      <c r="AA456">
        <v>1</v>
      </c>
      <c r="AB456">
        <v>1</v>
      </c>
      <c r="AC456">
        <v>1</v>
      </c>
      <c r="AD456">
        <v>1</v>
      </c>
      <c r="AE456">
        <v>1</v>
      </c>
      <c r="AF456">
        <v>1</v>
      </c>
      <c r="AG456">
        <v>1</v>
      </c>
      <c r="AH456">
        <v>1</v>
      </c>
      <c r="AI456">
        <v>1</v>
      </c>
      <c r="AJ456">
        <v>1</v>
      </c>
      <c r="AK456">
        <v>1</v>
      </c>
      <c r="AL456">
        <v>1</v>
      </c>
      <c r="AM456">
        <v>1</v>
      </c>
      <c r="AN456">
        <v>1</v>
      </c>
      <c r="AO456">
        <v>1</v>
      </c>
      <c r="AP456">
        <v>1</v>
      </c>
      <c r="AQ456">
        <v>1</v>
      </c>
    </row>
    <row r="457" spans="1:43">
      <c r="A457" t="s">
        <v>369</v>
      </c>
      <c r="B457" t="s">
        <v>370</v>
      </c>
      <c r="C457" t="s">
        <v>351</v>
      </c>
      <c r="D457" t="s">
        <v>352</v>
      </c>
      <c r="E457" t="s">
        <v>353</v>
      </c>
      <c r="F457" t="s">
        <v>354</v>
      </c>
      <c r="G457" t="s">
        <v>80</v>
      </c>
      <c r="H457" t="s">
        <v>81</v>
      </c>
      <c r="I457" s="2">
        <v>1</v>
      </c>
      <c r="J457" s="2">
        <v>0</v>
      </c>
      <c r="K457" s="2">
        <v>0</v>
      </c>
      <c r="L457" t="s">
        <v>120</v>
      </c>
      <c r="M457" t="s">
        <v>83</v>
      </c>
      <c r="N457" t="s">
        <v>91</v>
      </c>
      <c r="O457" t="s">
        <v>85</v>
      </c>
      <c r="P457" t="s">
        <v>86</v>
      </c>
      <c r="Q457">
        <v>1</v>
      </c>
      <c r="R457">
        <v>1</v>
      </c>
      <c r="S457">
        <v>1</v>
      </c>
      <c r="T457">
        <v>1</v>
      </c>
      <c r="U457">
        <v>1</v>
      </c>
      <c r="V457">
        <v>1</v>
      </c>
      <c r="W457">
        <v>1</v>
      </c>
      <c r="X457">
        <v>1</v>
      </c>
      <c r="Y457">
        <v>1</v>
      </c>
      <c r="Z457">
        <v>1</v>
      </c>
      <c r="AA457">
        <v>1</v>
      </c>
      <c r="AB457">
        <v>1</v>
      </c>
      <c r="AC457">
        <v>1</v>
      </c>
      <c r="AD457">
        <v>1</v>
      </c>
      <c r="AE457">
        <v>1</v>
      </c>
      <c r="AF457">
        <v>1</v>
      </c>
      <c r="AG457">
        <v>1</v>
      </c>
      <c r="AH457">
        <v>1</v>
      </c>
      <c r="AI457">
        <v>1</v>
      </c>
      <c r="AJ457">
        <v>1</v>
      </c>
      <c r="AK457">
        <v>1</v>
      </c>
      <c r="AL457">
        <v>1</v>
      </c>
      <c r="AM457">
        <v>1</v>
      </c>
      <c r="AN457">
        <v>1</v>
      </c>
      <c r="AO457">
        <v>1</v>
      </c>
      <c r="AP457">
        <v>1</v>
      </c>
      <c r="AQ457">
        <v>1</v>
      </c>
    </row>
    <row r="458" spans="1:43">
      <c r="A458" t="s">
        <v>371</v>
      </c>
      <c r="B458" t="s">
        <v>372</v>
      </c>
      <c r="C458" t="s">
        <v>359</v>
      </c>
      <c r="D458" t="s">
        <v>360</v>
      </c>
      <c r="E458" t="s">
        <v>353</v>
      </c>
      <c r="F458" t="s">
        <v>354</v>
      </c>
      <c r="G458" t="s">
        <v>80</v>
      </c>
      <c r="H458" t="s">
        <v>81</v>
      </c>
      <c r="I458" s="2">
        <v>1</v>
      </c>
      <c r="J458" s="2">
        <v>0</v>
      </c>
      <c r="K458" s="2">
        <v>0</v>
      </c>
      <c r="L458" t="s">
        <v>120</v>
      </c>
      <c r="M458" t="s">
        <v>83</v>
      </c>
      <c r="N458" t="s">
        <v>84</v>
      </c>
      <c r="O458" t="s">
        <v>85</v>
      </c>
      <c r="P458" t="s">
        <v>86</v>
      </c>
      <c r="Q458">
        <v>26</v>
      </c>
      <c r="R458">
        <v>26</v>
      </c>
      <c r="S458">
        <v>26</v>
      </c>
      <c r="T458">
        <v>27</v>
      </c>
      <c r="U458">
        <v>27</v>
      </c>
      <c r="V458">
        <v>27</v>
      </c>
      <c r="W458">
        <v>27</v>
      </c>
      <c r="X458">
        <v>28</v>
      </c>
      <c r="Y458">
        <v>28</v>
      </c>
      <c r="Z458">
        <v>28</v>
      </c>
      <c r="AA458">
        <v>28</v>
      </c>
      <c r="AB458">
        <v>29</v>
      </c>
      <c r="AC458">
        <v>29</v>
      </c>
      <c r="AD458">
        <v>29</v>
      </c>
      <c r="AE458">
        <v>29</v>
      </c>
      <c r="AF458">
        <v>30</v>
      </c>
      <c r="AG458">
        <v>30</v>
      </c>
      <c r="AH458">
        <v>30</v>
      </c>
      <c r="AI458">
        <v>30</v>
      </c>
      <c r="AJ458">
        <v>30</v>
      </c>
      <c r="AK458">
        <v>31</v>
      </c>
      <c r="AL458">
        <v>31</v>
      </c>
      <c r="AM458">
        <v>31</v>
      </c>
      <c r="AN458">
        <v>31</v>
      </c>
      <c r="AO458">
        <v>30</v>
      </c>
      <c r="AP458">
        <v>30</v>
      </c>
      <c r="AQ458">
        <v>30</v>
      </c>
    </row>
    <row r="459" spans="1:43">
      <c r="A459" t="s">
        <v>371</v>
      </c>
      <c r="B459" t="s">
        <v>372</v>
      </c>
      <c r="C459" t="s">
        <v>359</v>
      </c>
      <c r="D459" t="s">
        <v>360</v>
      </c>
      <c r="E459" t="s">
        <v>353</v>
      </c>
      <c r="F459" t="s">
        <v>354</v>
      </c>
      <c r="G459" t="s">
        <v>80</v>
      </c>
      <c r="H459" t="s">
        <v>81</v>
      </c>
      <c r="I459" s="2">
        <v>1</v>
      </c>
      <c r="J459" s="2">
        <v>0</v>
      </c>
      <c r="K459" s="2">
        <v>0</v>
      </c>
      <c r="L459" t="s">
        <v>120</v>
      </c>
      <c r="M459" t="s">
        <v>87</v>
      </c>
      <c r="N459" t="s">
        <v>88</v>
      </c>
      <c r="O459" t="s">
        <v>85</v>
      </c>
      <c r="P459" t="s">
        <v>86</v>
      </c>
      <c r="Q459">
        <v>26</v>
      </c>
      <c r="R459">
        <v>27</v>
      </c>
      <c r="S459">
        <v>27</v>
      </c>
      <c r="T459">
        <v>27</v>
      </c>
      <c r="U459">
        <v>27</v>
      </c>
      <c r="V459">
        <v>27</v>
      </c>
      <c r="W459">
        <v>27</v>
      </c>
      <c r="X459">
        <v>27</v>
      </c>
      <c r="Y459">
        <v>27</v>
      </c>
      <c r="Z459">
        <v>27</v>
      </c>
      <c r="AA459">
        <v>27</v>
      </c>
      <c r="AB459">
        <v>27</v>
      </c>
      <c r="AC459">
        <v>27</v>
      </c>
      <c r="AD459">
        <v>27</v>
      </c>
      <c r="AE459">
        <v>27</v>
      </c>
      <c r="AF459">
        <v>27</v>
      </c>
      <c r="AG459">
        <v>27</v>
      </c>
      <c r="AH459">
        <v>27</v>
      </c>
      <c r="AI459">
        <v>27</v>
      </c>
      <c r="AJ459">
        <v>27</v>
      </c>
      <c r="AK459">
        <v>27</v>
      </c>
      <c r="AL459">
        <v>27</v>
      </c>
      <c r="AM459">
        <v>27</v>
      </c>
      <c r="AN459">
        <v>27</v>
      </c>
      <c r="AO459">
        <v>27</v>
      </c>
      <c r="AP459">
        <v>27</v>
      </c>
      <c r="AQ459">
        <v>27</v>
      </c>
    </row>
    <row r="460" spans="1:43">
      <c r="A460" t="s">
        <v>371</v>
      </c>
      <c r="B460" t="s">
        <v>372</v>
      </c>
      <c r="C460" t="s">
        <v>359</v>
      </c>
      <c r="D460" t="s">
        <v>360</v>
      </c>
      <c r="E460" t="s">
        <v>353</v>
      </c>
      <c r="F460" t="s">
        <v>354</v>
      </c>
      <c r="G460" t="s">
        <v>80</v>
      </c>
      <c r="H460" t="s">
        <v>81</v>
      </c>
      <c r="I460" s="2">
        <v>1</v>
      </c>
      <c r="J460" s="2">
        <v>0</v>
      </c>
      <c r="K460" s="2">
        <v>0</v>
      </c>
      <c r="L460" t="s">
        <v>120</v>
      </c>
      <c r="M460" t="s">
        <v>89</v>
      </c>
      <c r="N460" t="s">
        <v>90</v>
      </c>
      <c r="O460" t="s">
        <v>85</v>
      </c>
      <c r="P460" t="s">
        <v>86</v>
      </c>
      <c r="Q460">
        <v>26</v>
      </c>
      <c r="R460">
        <v>26</v>
      </c>
      <c r="S460">
        <v>27</v>
      </c>
      <c r="T460">
        <v>27</v>
      </c>
      <c r="U460">
        <v>28</v>
      </c>
      <c r="V460">
        <v>28</v>
      </c>
      <c r="W460">
        <v>29</v>
      </c>
      <c r="X460">
        <v>29</v>
      </c>
      <c r="Y460">
        <v>30</v>
      </c>
      <c r="Z460">
        <v>30</v>
      </c>
      <c r="AA460">
        <v>30</v>
      </c>
      <c r="AB460">
        <v>31</v>
      </c>
      <c r="AC460">
        <v>31</v>
      </c>
      <c r="AD460">
        <v>31</v>
      </c>
      <c r="AE460">
        <v>31</v>
      </c>
      <c r="AF460">
        <v>31</v>
      </c>
      <c r="AG460">
        <v>31</v>
      </c>
      <c r="AH460">
        <v>31</v>
      </c>
      <c r="AI460">
        <v>31</v>
      </c>
      <c r="AJ460">
        <v>31</v>
      </c>
      <c r="AK460">
        <v>31</v>
      </c>
      <c r="AL460">
        <v>31</v>
      </c>
      <c r="AM460">
        <v>31</v>
      </c>
      <c r="AN460">
        <v>31</v>
      </c>
      <c r="AO460">
        <v>31</v>
      </c>
      <c r="AP460">
        <v>31</v>
      </c>
      <c r="AQ460">
        <v>31</v>
      </c>
    </row>
    <row r="461" spans="1:43">
      <c r="A461" t="s">
        <v>371</v>
      </c>
      <c r="B461" t="s">
        <v>372</v>
      </c>
      <c r="C461" t="s">
        <v>359</v>
      </c>
      <c r="D461" t="s">
        <v>360</v>
      </c>
      <c r="E461" t="s">
        <v>353</v>
      </c>
      <c r="F461" t="s">
        <v>354</v>
      </c>
      <c r="G461" t="s">
        <v>80</v>
      </c>
      <c r="H461" t="s">
        <v>81</v>
      </c>
      <c r="I461" s="2">
        <v>1</v>
      </c>
      <c r="J461" s="2">
        <v>0</v>
      </c>
      <c r="K461" s="2">
        <v>0</v>
      </c>
      <c r="L461" t="s">
        <v>120</v>
      </c>
      <c r="M461" t="s">
        <v>83</v>
      </c>
      <c r="N461" t="s">
        <v>91</v>
      </c>
      <c r="O461" t="s">
        <v>85</v>
      </c>
      <c r="P461" t="s">
        <v>86</v>
      </c>
      <c r="Q461">
        <v>26</v>
      </c>
      <c r="R461">
        <v>26</v>
      </c>
      <c r="S461">
        <v>26</v>
      </c>
      <c r="T461">
        <v>27</v>
      </c>
      <c r="U461">
        <v>27</v>
      </c>
      <c r="V461">
        <v>27</v>
      </c>
      <c r="W461">
        <v>27</v>
      </c>
      <c r="X461">
        <v>28</v>
      </c>
      <c r="Y461">
        <v>28</v>
      </c>
      <c r="Z461">
        <v>28</v>
      </c>
      <c r="AA461">
        <v>28</v>
      </c>
      <c r="AB461">
        <v>29</v>
      </c>
      <c r="AC461">
        <v>29</v>
      </c>
      <c r="AD461">
        <v>29</v>
      </c>
      <c r="AE461">
        <v>29</v>
      </c>
      <c r="AF461">
        <v>30</v>
      </c>
      <c r="AG461">
        <v>30</v>
      </c>
      <c r="AH461">
        <v>30</v>
      </c>
      <c r="AI461">
        <v>30</v>
      </c>
      <c r="AJ461">
        <v>30</v>
      </c>
      <c r="AK461">
        <v>31</v>
      </c>
      <c r="AL461">
        <v>31</v>
      </c>
      <c r="AM461">
        <v>31</v>
      </c>
      <c r="AN461">
        <v>31</v>
      </c>
      <c r="AO461">
        <v>30</v>
      </c>
      <c r="AP461">
        <v>30</v>
      </c>
      <c r="AQ461">
        <v>30</v>
      </c>
    </row>
    <row r="462" spans="1:43">
      <c r="A462" t="s">
        <v>373</v>
      </c>
      <c r="B462" t="s">
        <v>374</v>
      </c>
      <c r="C462" t="s">
        <v>359</v>
      </c>
      <c r="D462" t="s">
        <v>360</v>
      </c>
      <c r="E462" t="s">
        <v>353</v>
      </c>
      <c r="F462" t="s">
        <v>354</v>
      </c>
      <c r="G462" t="s">
        <v>80</v>
      </c>
      <c r="H462" t="s">
        <v>81</v>
      </c>
      <c r="I462" s="2">
        <v>1</v>
      </c>
      <c r="J462" s="2">
        <v>0</v>
      </c>
      <c r="K462" s="2">
        <v>0</v>
      </c>
      <c r="L462" t="s">
        <v>120</v>
      </c>
      <c r="M462" t="s">
        <v>83</v>
      </c>
      <c r="N462" t="s">
        <v>84</v>
      </c>
      <c r="O462" t="s">
        <v>85</v>
      </c>
      <c r="P462" t="s">
        <v>86</v>
      </c>
      <c r="Q462">
        <v>52</v>
      </c>
      <c r="R462">
        <v>52</v>
      </c>
      <c r="S462">
        <v>53</v>
      </c>
      <c r="T462">
        <v>53</v>
      </c>
      <c r="U462">
        <v>54</v>
      </c>
      <c r="V462">
        <v>55</v>
      </c>
      <c r="W462">
        <v>55</v>
      </c>
      <c r="X462">
        <v>56</v>
      </c>
      <c r="Y462">
        <v>56</v>
      </c>
      <c r="Z462">
        <v>57</v>
      </c>
      <c r="AA462">
        <v>57</v>
      </c>
      <c r="AB462">
        <v>58</v>
      </c>
      <c r="AC462">
        <v>58</v>
      </c>
      <c r="AD462">
        <v>59</v>
      </c>
      <c r="AE462">
        <v>59</v>
      </c>
      <c r="AF462">
        <v>59</v>
      </c>
      <c r="AG462">
        <v>60</v>
      </c>
      <c r="AH462">
        <v>60</v>
      </c>
      <c r="AI462">
        <v>61</v>
      </c>
      <c r="AJ462">
        <v>61</v>
      </c>
      <c r="AK462">
        <v>62</v>
      </c>
      <c r="AL462">
        <v>62</v>
      </c>
      <c r="AM462">
        <v>62</v>
      </c>
      <c r="AN462">
        <v>61</v>
      </c>
      <c r="AO462">
        <v>61</v>
      </c>
      <c r="AP462">
        <v>61</v>
      </c>
      <c r="AQ462">
        <v>61</v>
      </c>
    </row>
    <row r="463" spans="1:43">
      <c r="A463" t="s">
        <v>373</v>
      </c>
      <c r="B463" t="s">
        <v>374</v>
      </c>
      <c r="C463" t="s">
        <v>359</v>
      </c>
      <c r="D463" t="s">
        <v>360</v>
      </c>
      <c r="E463" t="s">
        <v>353</v>
      </c>
      <c r="F463" t="s">
        <v>354</v>
      </c>
      <c r="G463" t="s">
        <v>80</v>
      </c>
      <c r="H463" t="s">
        <v>81</v>
      </c>
      <c r="I463" s="2">
        <v>1</v>
      </c>
      <c r="J463" s="2">
        <v>0</v>
      </c>
      <c r="K463" s="2">
        <v>0</v>
      </c>
      <c r="L463" t="s">
        <v>120</v>
      </c>
      <c r="M463" t="s">
        <v>87</v>
      </c>
      <c r="N463" t="s">
        <v>88</v>
      </c>
      <c r="O463" t="s">
        <v>85</v>
      </c>
      <c r="P463" t="s">
        <v>86</v>
      </c>
      <c r="Q463">
        <v>52</v>
      </c>
      <c r="R463">
        <v>52</v>
      </c>
      <c r="S463">
        <v>52</v>
      </c>
      <c r="T463">
        <v>53</v>
      </c>
      <c r="U463">
        <v>53</v>
      </c>
      <c r="V463">
        <v>53</v>
      </c>
      <c r="W463">
        <v>53</v>
      </c>
      <c r="X463">
        <v>53</v>
      </c>
      <c r="Y463">
        <v>53</v>
      </c>
      <c r="Z463">
        <v>53</v>
      </c>
      <c r="AA463">
        <v>53</v>
      </c>
      <c r="AB463">
        <v>53</v>
      </c>
      <c r="AC463">
        <v>53</v>
      </c>
      <c r="AD463">
        <v>53</v>
      </c>
      <c r="AE463">
        <v>53</v>
      </c>
      <c r="AF463">
        <v>53</v>
      </c>
      <c r="AG463">
        <v>54</v>
      </c>
      <c r="AH463">
        <v>54</v>
      </c>
      <c r="AI463">
        <v>54</v>
      </c>
      <c r="AJ463">
        <v>54</v>
      </c>
      <c r="AK463">
        <v>54</v>
      </c>
      <c r="AL463">
        <v>54</v>
      </c>
      <c r="AM463">
        <v>54</v>
      </c>
      <c r="AN463">
        <v>54</v>
      </c>
      <c r="AO463">
        <v>54</v>
      </c>
      <c r="AP463">
        <v>54</v>
      </c>
      <c r="AQ463">
        <v>54</v>
      </c>
    </row>
    <row r="464" spans="1:43">
      <c r="A464" t="s">
        <v>373</v>
      </c>
      <c r="B464" t="s">
        <v>374</v>
      </c>
      <c r="C464" t="s">
        <v>359</v>
      </c>
      <c r="D464" t="s">
        <v>360</v>
      </c>
      <c r="E464" t="s">
        <v>353</v>
      </c>
      <c r="F464" t="s">
        <v>354</v>
      </c>
      <c r="G464" t="s">
        <v>80</v>
      </c>
      <c r="H464" t="s">
        <v>81</v>
      </c>
      <c r="I464" s="2">
        <v>1</v>
      </c>
      <c r="J464" s="2">
        <v>0</v>
      </c>
      <c r="K464" s="2">
        <v>0</v>
      </c>
      <c r="L464" t="s">
        <v>120</v>
      </c>
      <c r="M464" t="s">
        <v>89</v>
      </c>
      <c r="N464" t="s">
        <v>90</v>
      </c>
      <c r="O464" t="s">
        <v>85</v>
      </c>
      <c r="P464" t="s">
        <v>86</v>
      </c>
      <c r="Q464">
        <v>52</v>
      </c>
      <c r="R464">
        <v>53</v>
      </c>
      <c r="S464">
        <v>54</v>
      </c>
      <c r="T464">
        <v>55</v>
      </c>
      <c r="U464">
        <v>56</v>
      </c>
      <c r="V464">
        <v>57</v>
      </c>
      <c r="W464">
        <v>58</v>
      </c>
      <c r="X464">
        <v>59</v>
      </c>
      <c r="Y464">
        <v>59</v>
      </c>
      <c r="Z464">
        <v>60</v>
      </c>
      <c r="AA464">
        <v>61</v>
      </c>
      <c r="AB464">
        <v>61</v>
      </c>
      <c r="AC464">
        <v>62</v>
      </c>
      <c r="AD464">
        <v>63</v>
      </c>
      <c r="AE464">
        <v>63</v>
      </c>
      <c r="AF464">
        <v>63</v>
      </c>
      <c r="AG464">
        <v>63</v>
      </c>
      <c r="AH464">
        <v>63</v>
      </c>
      <c r="AI464">
        <v>63</v>
      </c>
      <c r="AJ464">
        <v>63</v>
      </c>
      <c r="AK464">
        <v>62</v>
      </c>
      <c r="AL464">
        <v>62</v>
      </c>
      <c r="AM464">
        <v>62</v>
      </c>
      <c r="AN464">
        <v>62</v>
      </c>
      <c r="AO464">
        <v>62</v>
      </c>
      <c r="AP464">
        <v>62</v>
      </c>
      <c r="AQ464">
        <v>62</v>
      </c>
    </row>
    <row r="465" spans="1:43">
      <c r="A465" t="s">
        <v>373</v>
      </c>
      <c r="B465" t="s">
        <v>374</v>
      </c>
      <c r="C465" t="s">
        <v>359</v>
      </c>
      <c r="D465" t="s">
        <v>360</v>
      </c>
      <c r="E465" t="s">
        <v>353</v>
      </c>
      <c r="F465" t="s">
        <v>354</v>
      </c>
      <c r="G465" t="s">
        <v>80</v>
      </c>
      <c r="H465" t="s">
        <v>81</v>
      </c>
      <c r="I465" s="2">
        <v>1</v>
      </c>
      <c r="J465" s="2">
        <v>0</v>
      </c>
      <c r="K465" s="2">
        <v>0</v>
      </c>
      <c r="L465" t="s">
        <v>120</v>
      </c>
      <c r="M465" t="s">
        <v>83</v>
      </c>
      <c r="N465" t="s">
        <v>91</v>
      </c>
      <c r="O465" t="s">
        <v>85</v>
      </c>
      <c r="P465" t="s">
        <v>86</v>
      </c>
      <c r="Q465">
        <v>52</v>
      </c>
      <c r="R465">
        <v>52</v>
      </c>
      <c r="S465">
        <v>53</v>
      </c>
      <c r="T465">
        <v>53</v>
      </c>
      <c r="U465">
        <v>54</v>
      </c>
      <c r="V465">
        <v>55</v>
      </c>
      <c r="W465">
        <v>55</v>
      </c>
      <c r="X465">
        <v>56</v>
      </c>
      <c r="Y465">
        <v>56</v>
      </c>
      <c r="Z465">
        <v>57</v>
      </c>
      <c r="AA465">
        <v>57</v>
      </c>
      <c r="AB465">
        <v>58</v>
      </c>
      <c r="AC465">
        <v>58</v>
      </c>
      <c r="AD465">
        <v>59</v>
      </c>
      <c r="AE465">
        <v>59</v>
      </c>
      <c r="AF465">
        <v>59</v>
      </c>
      <c r="AG465">
        <v>60</v>
      </c>
      <c r="AH465">
        <v>60</v>
      </c>
      <c r="AI465">
        <v>61</v>
      </c>
      <c r="AJ465">
        <v>61</v>
      </c>
      <c r="AK465">
        <v>62</v>
      </c>
      <c r="AL465">
        <v>62</v>
      </c>
      <c r="AM465">
        <v>62</v>
      </c>
      <c r="AN465">
        <v>61</v>
      </c>
      <c r="AO465">
        <v>61</v>
      </c>
      <c r="AP465">
        <v>61</v>
      </c>
      <c r="AQ465">
        <v>61</v>
      </c>
    </row>
    <row r="466" spans="1:43">
      <c r="A466" t="s">
        <v>375</v>
      </c>
      <c r="B466" t="s">
        <v>376</v>
      </c>
      <c r="C466" t="s">
        <v>377</v>
      </c>
      <c r="D466" t="s">
        <v>378</v>
      </c>
      <c r="E466" t="s">
        <v>353</v>
      </c>
      <c r="F466" t="s">
        <v>354</v>
      </c>
      <c r="G466" t="s">
        <v>80</v>
      </c>
      <c r="H466" t="s">
        <v>81</v>
      </c>
      <c r="I466" s="2">
        <v>1</v>
      </c>
      <c r="J466" s="2">
        <v>0</v>
      </c>
      <c r="K466" s="2">
        <v>0</v>
      </c>
      <c r="L466" t="s">
        <v>120</v>
      </c>
      <c r="M466" t="s">
        <v>83</v>
      </c>
      <c r="N466" t="s">
        <v>84</v>
      </c>
      <c r="O466" t="s">
        <v>85</v>
      </c>
      <c r="P466" t="s">
        <v>86</v>
      </c>
      <c r="Q466">
        <v>35</v>
      </c>
      <c r="R466">
        <v>35</v>
      </c>
      <c r="S466">
        <v>35</v>
      </c>
      <c r="T466">
        <v>36</v>
      </c>
      <c r="U466">
        <v>36</v>
      </c>
      <c r="V466">
        <v>37</v>
      </c>
      <c r="W466">
        <v>37</v>
      </c>
      <c r="X466">
        <v>37</v>
      </c>
      <c r="Y466">
        <v>38</v>
      </c>
      <c r="Z466">
        <v>38</v>
      </c>
      <c r="AA466">
        <v>38</v>
      </c>
      <c r="AB466">
        <v>39</v>
      </c>
      <c r="AC466">
        <v>39</v>
      </c>
      <c r="AD466">
        <v>39</v>
      </c>
      <c r="AE466">
        <v>40</v>
      </c>
      <c r="AF466">
        <v>40</v>
      </c>
      <c r="AG466">
        <v>40</v>
      </c>
      <c r="AH466">
        <v>40</v>
      </c>
      <c r="AI466">
        <v>41</v>
      </c>
      <c r="AJ466">
        <v>41</v>
      </c>
      <c r="AK466">
        <v>41</v>
      </c>
      <c r="AL466">
        <v>41</v>
      </c>
      <c r="AM466">
        <v>41</v>
      </c>
      <c r="AN466">
        <v>41</v>
      </c>
      <c r="AO466">
        <v>41</v>
      </c>
      <c r="AP466">
        <v>41</v>
      </c>
      <c r="AQ466">
        <v>41</v>
      </c>
    </row>
    <row r="467" spans="1:43">
      <c r="A467" t="s">
        <v>375</v>
      </c>
      <c r="B467" t="s">
        <v>376</v>
      </c>
      <c r="C467" t="s">
        <v>377</v>
      </c>
      <c r="D467" t="s">
        <v>378</v>
      </c>
      <c r="E467" t="s">
        <v>353</v>
      </c>
      <c r="F467" t="s">
        <v>354</v>
      </c>
      <c r="G467" t="s">
        <v>80</v>
      </c>
      <c r="H467" t="s">
        <v>81</v>
      </c>
      <c r="I467" s="2">
        <v>1</v>
      </c>
      <c r="J467" s="2">
        <v>0</v>
      </c>
      <c r="K467" s="2">
        <v>0</v>
      </c>
      <c r="L467" t="s">
        <v>120</v>
      </c>
      <c r="M467" t="s">
        <v>87</v>
      </c>
      <c r="N467" t="s">
        <v>88</v>
      </c>
      <c r="O467" t="s">
        <v>85</v>
      </c>
      <c r="P467" t="s">
        <v>86</v>
      </c>
      <c r="Q467">
        <v>35</v>
      </c>
      <c r="R467">
        <v>35</v>
      </c>
      <c r="S467">
        <v>35</v>
      </c>
      <c r="T467">
        <v>36</v>
      </c>
      <c r="U467">
        <v>36</v>
      </c>
      <c r="V467">
        <v>36</v>
      </c>
      <c r="W467">
        <v>36</v>
      </c>
      <c r="X467">
        <v>36</v>
      </c>
      <c r="Y467">
        <v>36</v>
      </c>
      <c r="Z467">
        <v>36</v>
      </c>
      <c r="AA467">
        <v>36</v>
      </c>
      <c r="AB467">
        <v>36</v>
      </c>
      <c r="AC467">
        <v>36</v>
      </c>
      <c r="AD467">
        <v>36</v>
      </c>
      <c r="AE467">
        <v>36</v>
      </c>
      <c r="AF467">
        <v>36</v>
      </c>
      <c r="AG467">
        <v>36</v>
      </c>
      <c r="AH467">
        <v>36</v>
      </c>
      <c r="AI467">
        <v>36</v>
      </c>
      <c r="AJ467">
        <v>36</v>
      </c>
      <c r="AK467">
        <v>36</v>
      </c>
      <c r="AL467">
        <v>36</v>
      </c>
      <c r="AM467">
        <v>36</v>
      </c>
      <c r="AN467">
        <v>36</v>
      </c>
      <c r="AO467">
        <v>36</v>
      </c>
      <c r="AP467">
        <v>36</v>
      </c>
      <c r="AQ467">
        <v>36</v>
      </c>
    </row>
    <row r="468" spans="1:43">
      <c r="A468" t="s">
        <v>375</v>
      </c>
      <c r="B468" t="s">
        <v>376</v>
      </c>
      <c r="C468" t="s">
        <v>377</v>
      </c>
      <c r="D468" t="s">
        <v>378</v>
      </c>
      <c r="E468" t="s">
        <v>353</v>
      </c>
      <c r="F468" t="s">
        <v>354</v>
      </c>
      <c r="G468" t="s">
        <v>80</v>
      </c>
      <c r="H468" t="s">
        <v>81</v>
      </c>
      <c r="I468" s="2">
        <v>1</v>
      </c>
      <c r="J468" s="2">
        <v>0</v>
      </c>
      <c r="K468" s="2">
        <v>0</v>
      </c>
      <c r="L468" t="s">
        <v>120</v>
      </c>
      <c r="M468" t="s">
        <v>89</v>
      </c>
      <c r="N468" t="s">
        <v>90</v>
      </c>
      <c r="O468" t="s">
        <v>85</v>
      </c>
      <c r="P468" t="s">
        <v>86</v>
      </c>
      <c r="Q468">
        <v>35</v>
      </c>
      <c r="R468">
        <v>36</v>
      </c>
      <c r="S468">
        <v>36</v>
      </c>
      <c r="T468">
        <v>37</v>
      </c>
      <c r="U468">
        <v>38</v>
      </c>
      <c r="V468">
        <v>38</v>
      </c>
      <c r="W468">
        <v>39</v>
      </c>
      <c r="X468">
        <v>39</v>
      </c>
      <c r="Y468">
        <v>40</v>
      </c>
      <c r="Z468">
        <v>40</v>
      </c>
      <c r="AA468">
        <v>41</v>
      </c>
      <c r="AB468">
        <v>41</v>
      </c>
      <c r="AC468">
        <v>42</v>
      </c>
      <c r="AD468">
        <v>42</v>
      </c>
      <c r="AE468">
        <v>42</v>
      </c>
      <c r="AF468">
        <v>42</v>
      </c>
      <c r="AG468">
        <v>42</v>
      </c>
      <c r="AH468">
        <v>42</v>
      </c>
      <c r="AI468">
        <v>42</v>
      </c>
      <c r="AJ468">
        <v>42</v>
      </c>
      <c r="AK468">
        <v>42</v>
      </c>
      <c r="AL468">
        <v>42</v>
      </c>
      <c r="AM468">
        <v>42</v>
      </c>
      <c r="AN468">
        <v>41</v>
      </c>
      <c r="AO468">
        <v>41</v>
      </c>
      <c r="AP468">
        <v>41</v>
      </c>
      <c r="AQ468">
        <v>41</v>
      </c>
    </row>
    <row r="469" spans="1:43">
      <c r="A469" t="s">
        <v>375</v>
      </c>
      <c r="B469" t="s">
        <v>376</v>
      </c>
      <c r="C469" t="s">
        <v>377</v>
      </c>
      <c r="D469" t="s">
        <v>378</v>
      </c>
      <c r="E469" t="s">
        <v>353</v>
      </c>
      <c r="F469" t="s">
        <v>354</v>
      </c>
      <c r="G469" t="s">
        <v>80</v>
      </c>
      <c r="H469" t="s">
        <v>81</v>
      </c>
      <c r="I469" s="2">
        <v>1</v>
      </c>
      <c r="J469" s="2">
        <v>0</v>
      </c>
      <c r="K469" s="2">
        <v>0</v>
      </c>
      <c r="L469" t="s">
        <v>120</v>
      </c>
      <c r="M469" t="s">
        <v>83</v>
      </c>
      <c r="N469" t="s">
        <v>91</v>
      </c>
      <c r="O469" t="s">
        <v>85</v>
      </c>
      <c r="P469" t="s">
        <v>86</v>
      </c>
      <c r="Q469">
        <v>35</v>
      </c>
      <c r="R469">
        <v>35</v>
      </c>
      <c r="S469">
        <v>35</v>
      </c>
      <c r="T469">
        <v>36</v>
      </c>
      <c r="U469">
        <v>36</v>
      </c>
      <c r="V469">
        <v>37</v>
      </c>
      <c r="W469">
        <v>37</v>
      </c>
      <c r="X469">
        <v>37</v>
      </c>
      <c r="Y469">
        <v>38</v>
      </c>
      <c r="Z469">
        <v>38</v>
      </c>
      <c r="AA469">
        <v>38</v>
      </c>
      <c r="AB469">
        <v>39</v>
      </c>
      <c r="AC469">
        <v>39</v>
      </c>
      <c r="AD469">
        <v>39</v>
      </c>
      <c r="AE469">
        <v>40</v>
      </c>
      <c r="AF469">
        <v>40</v>
      </c>
      <c r="AG469">
        <v>40</v>
      </c>
      <c r="AH469">
        <v>40</v>
      </c>
      <c r="AI469">
        <v>41</v>
      </c>
      <c r="AJ469">
        <v>41</v>
      </c>
      <c r="AK469">
        <v>41</v>
      </c>
      <c r="AL469">
        <v>41</v>
      </c>
      <c r="AM469">
        <v>41</v>
      </c>
      <c r="AN469">
        <v>41</v>
      </c>
      <c r="AO469">
        <v>41</v>
      </c>
      <c r="AP469">
        <v>41</v>
      </c>
      <c r="AQ469">
        <v>41</v>
      </c>
    </row>
    <row r="470" spans="1:43">
      <c r="A470" t="s">
        <v>379</v>
      </c>
      <c r="B470" t="s">
        <v>380</v>
      </c>
      <c r="C470" t="s">
        <v>381</v>
      </c>
      <c r="D470" t="s">
        <v>382</v>
      </c>
      <c r="E470" t="s">
        <v>353</v>
      </c>
      <c r="F470" t="s">
        <v>354</v>
      </c>
      <c r="G470" t="s">
        <v>80</v>
      </c>
      <c r="H470" t="s">
        <v>81</v>
      </c>
      <c r="I470" s="2">
        <v>1</v>
      </c>
      <c r="J470" s="2">
        <v>0</v>
      </c>
      <c r="K470" s="2">
        <v>0</v>
      </c>
      <c r="L470" t="s">
        <v>120</v>
      </c>
      <c r="M470" t="s">
        <v>83</v>
      </c>
      <c r="N470" t="s">
        <v>84</v>
      </c>
      <c r="O470" t="s">
        <v>85</v>
      </c>
      <c r="P470" t="s">
        <v>86</v>
      </c>
      <c r="Q470">
        <v>18</v>
      </c>
      <c r="R470">
        <v>18</v>
      </c>
      <c r="S470">
        <v>19</v>
      </c>
      <c r="T470">
        <v>19</v>
      </c>
      <c r="U470">
        <v>19</v>
      </c>
      <c r="V470">
        <v>19</v>
      </c>
      <c r="W470">
        <v>19</v>
      </c>
      <c r="X470">
        <v>20</v>
      </c>
      <c r="Y470">
        <v>20</v>
      </c>
      <c r="Z470">
        <v>20</v>
      </c>
      <c r="AA470">
        <v>20</v>
      </c>
      <c r="AB470">
        <v>20</v>
      </c>
      <c r="AC470">
        <v>21</v>
      </c>
      <c r="AD470">
        <v>21</v>
      </c>
      <c r="AE470">
        <v>21</v>
      </c>
      <c r="AF470">
        <v>21</v>
      </c>
      <c r="AG470">
        <v>21</v>
      </c>
      <c r="AH470">
        <v>21</v>
      </c>
      <c r="AI470">
        <v>21</v>
      </c>
      <c r="AJ470">
        <v>22</v>
      </c>
      <c r="AK470">
        <v>22</v>
      </c>
      <c r="AL470">
        <v>22</v>
      </c>
      <c r="AM470">
        <v>22</v>
      </c>
      <c r="AN470">
        <v>22</v>
      </c>
      <c r="AO470">
        <v>22</v>
      </c>
      <c r="AP470">
        <v>22</v>
      </c>
      <c r="AQ470">
        <v>22</v>
      </c>
    </row>
    <row r="471" spans="1:43">
      <c r="A471" t="s">
        <v>379</v>
      </c>
      <c r="B471" t="s">
        <v>380</v>
      </c>
      <c r="C471" t="s">
        <v>381</v>
      </c>
      <c r="D471" t="s">
        <v>382</v>
      </c>
      <c r="E471" t="s">
        <v>353</v>
      </c>
      <c r="F471" t="s">
        <v>354</v>
      </c>
      <c r="G471" t="s">
        <v>80</v>
      </c>
      <c r="H471" t="s">
        <v>81</v>
      </c>
      <c r="I471" s="2">
        <v>1</v>
      </c>
      <c r="J471" s="2">
        <v>0</v>
      </c>
      <c r="K471" s="2">
        <v>0</v>
      </c>
      <c r="L471" t="s">
        <v>120</v>
      </c>
      <c r="M471" t="s">
        <v>87</v>
      </c>
      <c r="N471" t="s">
        <v>88</v>
      </c>
      <c r="O471" t="s">
        <v>85</v>
      </c>
      <c r="P471" t="s">
        <v>86</v>
      </c>
      <c r="Q471">
        <v>18</v>
      </c>
      <c r="R471">
        <v>18</v>
      </c>
      <c r="S471">
        <v>18</v>
      </c>
      <c r="T471">
        <v>18</v>
      </c>
      <c r="U471">
        <v>18</v>
      </c>
      <c r="V471">
        <v>18</v>
      </c>
      <c r="W471">
        <v>18</v>
      </c>
      <c r="X471">
        <v>18</v>
      </c>
      <c r="Y471">
        <v>18</v>
      </c>
      <c r="Z471">
        <v>18</v>
      </c>
      <c r="AA471">
        <v>18</v>
      </c>
      <c r="AB471">
        <v>18</v>
      </c>
      <c r="AC471">
        <v>18</v>
      </c>
      <c r="AD471">
        <v>19</v>
      </c>
      <c r="AE471">
        <v>19</v>
      </c>
      <c r="AF471">
        <v>19</v>
      </c>
      <c r="AG471">
        <v>19</v>
      </c>
      <c r="AH471">
        <v>19</v>
      </c>
      <c r="AI471">
        <v>19</v>
      </c>
      <c r="AJ471">
        <v>19</v>
      </c>
      <c r="AK471">
        <v>19</v>
      </c>
      <c r="AL471">
        <v>19</v>
      </c>
      <c r="AM471">
        <v>19</v>
      </c>
      <c r="AN471">
        <v>19</v>
      </c>
      <c r="AO471">
        <v>19</v>
      </c>
      <c r="AP471">
        <v>19</v>
      </c>
      <c r="AQ471">
        <v>19</v>
      </c>
    </row>
    <row r="472" spans="1:43">
      <c r="A472" t="s">
        <v>379</v>
      </c>
      <c r="B472" t="s">
        <v>380</v>
      </c>
      <c r="C472" t="s">
        <v>381</v>
      </c>
      <c r="D472" t="s">
        <v>382</v>
      </c>
      <c r="E472" t="s">
        <v>353</v>
      </c>
      <c r="F472" t="s">
        <v>354</v>
      </c>
      <c r="G472" t="s">
        <v>80</v>
      </c>
      <c r="H472" t="s">
        <v>81</v>
      </c>
      <c r="I472" s="2">
        <v>1</v>
      </c>
      <c r="J472" s="2">
        <v>0</v>
      </c>
      <c r="K472" s="2">
        <v>0</v>
      </c>
      <c r="L472" t="s">
        <v>120</v>
      </c>
      <c r="M472" t="s">
        <v>89</v>
      </c>
      <c r="N472" t="s">
        <v>90</v>
      </c>
      <c r="O472" t="s">
        <v>85</v>
      </c>
      <c r="P472" t="s">
        <v>86</v>
      </c>
      <c r="Q472">
        <v>18</v>
      </c>
      <c r="R472">
        <v>19</v>
      </c>
      <c r="S472">
        <v>19</v>
      </c>
      <c r="T472">
        <v>19</v>
      </c>
      <c r="U472">
        <v>20</v>
      </c>
      <c r="V472">
        <v>20</v>
      </c>
      <c r="W472">
        <v>20</v>
      </c>
      <c r="X472">
        <v>21</v>
      </c>
      <c r="Y472">
        <v>21</v>
      </c>
      <c r="Z472">
        <v>21</v>
      </c>
      <c r="AA472">
        <v>21</v>
      </c>
      <c r="AB472">
        <v>22</v>
      </c>
      <c r="AC472">
        <v>22</v>
      </c>
      <c r="AD472">
        <v>22</v>
      </c>
      <c r="AE472">
        <v>22</v>
      </c>
      <c r="AF472">
        <v>22</v>
      </c>
      <c r="AG472">
        <v>22</v>
      </c>
      <c r="AH472">
        <v>22</v>
      </c>
      <c r="AI472">
        <v>22</v>
      </c>
      <c r="AJ472">
        <v>22</v>
      </c>
      <c r="AK472">
        <v>22</v>
      </c>
      <c r="AL472">
        <v>22</v>
      </c>
      <c r="AM472">
        <v>22</v>
      </c>
      <c r="AN472">
        <v>22</v>
      </c>
      <c r="AO472">
        <v>22</v>
      </c>
      <c r="AP472">
        <v>22</v>
      </c>
      <c r="AQ472">
        <v>22</v>
      </c>
    </row>
    <row r="473" spans="1:43">
      <c r="A473" t="s">
        <v>379</v>
      </c>
      <c r="B473" t="s">
        <v>380</v>
      </c>
      <c r="C473" t="s">
        <v>381</v>
      </c>
      <c r="D473" t="s">
        <v>382</v>
      </c>
      <c r="E473" t="s">
        <v>353</v>
      </c>
      <c r="F473" t="s">
        <v>354</v>
      </c>
      <c r="G473" t="s">
        <v>80</v>
      </c>
      <c r="H473" t="s">
        <v>81</v>
      </c>
      <c r="I473" s="2">
        <v>1</v>
      </c>
      <c r="J473" s="2">
        <v>0</v>
      </c>
      <c r="K473" s="2">
        <v>0</v>
      </c>
      <c r="L473" t="s">
        <v>120</v>
      </c>
      <c r="M473" t="s">
        <v>83</v>
      </c>
      <c r="N473" t="s">
        <v>91</v>
      </c>
      <c r="O473" t="s">
        <v>85</v>
      </c>
      <c r="P473" t="s">
        <v>86</v>
      </c>
      <c r="Q473">
        <v>18</v>
      </c>
      <c r="R473">
        <v>18</v>
      </c>
      <c r="S473">
        <v>19</v>
      </c>
      <c r="T473">
        <v>19</v>
      </c>
      <c r="U473">
        <v>19</v>
      </c>
      <c r="V473">
        <v>19</v>
      </c>
      <c r="W473">
        <v>19</v>
      </c>
      <c r="X473">
        <v>20</v>
      </c>
      <c r="Y473">
        <v>20</v>
      </c>
      <c r="Z473">
        <v>20</v>
      </c>
      <c r="AA473">
        <v>20</v>
      </c>
      <c r="AB473">
        <v>20</v>
      </c>
      <c r="AC473">
        <v>21</v>
      </c>
      <c r="AD473">
        <v>21</v>
      </c>
      <c r="AE473">
        <v>21</v>
      </c>
      <c r="AF473">
        <v>21</v>
      </c>
      <c r="AG473">
        <v>21</v>
      </c>
      <c r="AH473">
        <v>21</v>
      </c>
      <c r="AI473">
        <v>21</v>
      </c>
      <c r="AJ473">
        <v>22</v>
      </c>
      <c r="AK473">
        <v>22</v>
      </c>
      <c r="AL473">
        <v>22</v>
      </c>
      <c r="AM473">
        <v>22</v>
      </c>
      <c r="AN473">
        <v>22</v>
      </c>
      <c r="AO473">
        <v>22</v>
      </c>
      <c r="AP473">
        <v>22</v>
      </c>
      <c r="AQ473">
        <v>22</v>
      </c>
    </row>
    <row r="474" spans="1:43">
      <c r="A474" t="s">
        <v>383</v>
      </c>
      <c r="B474" t="s">
        <v>384</v>
      </c>
      <c r="C474" t="s">
        <v>381</v>
      </c>
      <c r="D474" t="s">
        <v>382</v>
      </c>
      <c r="E474" t="s">
        <v>353</v>
      </c>
      <c r="F474" t="s">
        <v>354</v>
      </c>
      <c r="G474" t="s">
        <v>80</v>
      </c>
      <c r="H474" t="s">
        <v>81</v>
      </c>
      <c r="I474" s="2">
        <v>1</v>
      </c>
      <c r="J474" s="2">
        <v>0</v>
      </c>
      <c r="K474" s="2">
        <v>0</v>
      </c>
      <c r="L474" t="s">
        <v>120</v>
      </c>
      <c r="M474" t="s">
        <v>83</v>
      </c>
      <c r="N474" t="s">
        <v>84</v>
      </c>
      <c r="O474" t="s">
        <v>85</v>
      </c>
      <c r="P474" t="s">
        <v>86</v>
      </c>
      <c r="Q474">
        <v>3</v>
      </c>
      <c r="R474">
        <v>3</v>
      </c>
      <c r="S474">
        <v>4</v>
      </c>
      <c r="T474">
        <v>4</v>
      </c>
      <c r="U474">
        <v>4</v>
      </c>
      <c r="V474">
        <v>4</v>
      </c>
      <c r="W474">
        <v>4</v>
      </c>
      <c r="X474">
        <v>4</v>
      </c>
      <c r="Y474">
        <v>4</v>
      </c>
      <c r="Z474">
        <v>4</v>
      </c>
      <c r="AA474">
        <v>4</v>
      </c>
      <c r="AB474">
        <v>4</v>
      </c>
      <c r="AC474">
        <v>4</v>
      </c>
      <c r="AD474">
        <v>4</v>
      </c>
      <c r="AE474">
        <v>4</v>
      </c>
      <c r="AF474">
        <v>4</v>
      </c>
      <c r="AG474">
        <v>4</v>
      </c>
      <c r="AH474">
        <v>4</v>
      </c>
      <c r="AI474">
        <v>4</v>
      </c>
      <c r="AJ474">
        <v>4</v>
      </c>
      <c r="AK474">
        <v>4</v>
      </c>
      <c r="AL474">
        <v>4</v>
      </c>
      <c r="AM474">
        <v>4</v>
      </c>
      <c r="AN474">
        <v>4</v>
      </c>
      <c r="AO474">
        <v>4</v>
      </c>
      <c r="AP474">
        <v>4</v>
      </c>
      <c r="AQ474">
        <v>4</v>
      </c>
    </row>
    <row r="475" spans="1:43">
      <c r="A475" t="s">
        <v>383</v>
      </c>
      <c r="B475" t="s">
        <v>384</v>
      </c>
      <c r="C475" t="s">
        <v>381</v>
      </c>
      <c r="D475" t="s">
        <v>382</v>
      </c>
      <c r="E475" t="s">
        <v>353</v>
      </c>
      <c r="F475" t="s">
        <v>354</v>
      </c>
      <c r="G475" t="s">
        <v>80</v>
      </c>
      <c r="H475" t="s">
        <v>81</v>
      </c>
      <c r="I475" s="2">
        <v>1</v>
      </c>
      <c r="J475" s="2">
        <v>0</v>
      </c>
      <c r="K475" s="2">
        <v>0</v>
      </c>
      <c r="L475" t="s">
        <v>120</v>
      </c>
      <c r="M475" t="s">
        <v>87</v>
      </c>
      <c r="N475" t="s">
        <v>88</v>
      </c>
      <c r="O475" t="s">
        <v>85</v>
      </c>
      <c r="P475" t="s">
        <v>86</v>
      </c>
      <c r="Q475">
        <v>3</v>
      </c>
      <c r="R475">
        <v>3</v>
      </c>
      <c r="S475">
        <v>3</v>
      </c>
      <c r="T475">
        <v>3</v>
      </c>
      <c r="U475">
        <v>3</v>
      </c>
      <c r="V475">
        <v>3</v>
      </c>
      <c r="W475">
        <v>3</v>
      </c>
      <c r="X475">
        <v>3</v>
      </c>
      <c r="Y475">
        <v>3</v>
      </c>
      <c r="Z475">
        <v>3</v>
      </c>
      <c r="AA475">
        <v>3</v>
      </c>
      <c r="AB475">
        <v>4</v>
      </c>
      <c r="AC475">
        <v>4</v>
      </c>
      <c r="AD475">
        <v>4</v>
      </c>
      <c r="AE475">
        <v>4</v>
      </c>
      <c r="AF475">
        <v>4</v>
      </c>
      <c r="AG475">
        <v>4</v>
      </c>
      <c r="AH475">
        <v>4</v>
      </c>
      <c r="AI475">
        <v>4</v>
      </c>
      <c r="AJ475">
        <v>4</v>
      </c>
      <c r="AK475">
        <v>4</v>
      </c>
      <c r="AL475">
        <v>4</v>
      </c>
      <c r="AM475">
        <v>4</v>
      </c>
      <c r="AN475">
        <v>4</v>
      </c>
      <c r="AO475">
        <v>4</v>
      </c>
      <c r="AP475">
        <v>4</v>
      </c>
      <c r="AQ475">
        <v>4</v>
      </c>
    </row>
    <row r="476" spans="1:43">
      <c r="A476" t="s">
        <v>383</v>
      </c>
      <c r="B476" t="s">
        <v>384</v>
      </c>
      <c r="C476" t="s">
        <v>381</v>
      </c>
      <c r="D476" t="s">
        <v>382</v>
      </c>
      <c r="E476" t="s">
        <v>353</v>
      </c>
      <c r="F476" t="s">
        <v>354</v>
      </c>
      <c r="G476" t="s">
        <v>80</v>
      </c>
      <c r="H476" t="s">
        <v>81</v>
      </c>
      <c r="I476" s="2">
        <v>1</v>
      </c>
      <c r="J476" s="2">
        <v>0</v>
      </c>
      <c r="K476" s="2">
        <v>0</v>
      </c>
      <c r="L476" t="s">
        <v>120</v>
      </c>
      <c r="M476" t="s">
        <v>89</v>
      </c>
      <c r="N476" t="s">
        <v>90</v>
      </c>
      <c r="O476" t="s">
        <v>85</v>
      </c>
      <c r="P476" t="s">
        <v>86</v>
      </c>
      <c r="Q476">
        <v>3</v>
      </c>
      <c r="R476">
        <v>4</v>
      </c>
      <c r="S476">
        <v>4</v>
      </c>
      <c r="T476">
        <v>4</v>
      </c>
      <c r="U476">
        <v>4</v>
      </c>
      <c r="V476">
        <v>4</v>
      </c>
      <c r="W476">
        <v>4</v>
      </c>
      <c r="X476">
        <v>4</v>
      </c>
      <c r="Y476">
        <v>4</v>
      </c>
      <c r="Z476">
        <v>4</v>
      </c>
      <c r="AA476">
        <v>4</v>
      </c>
      <c r="AB476">
        <v>4</v>
      </c>
      <c r="AC476">
        <v>4</v>
      </c>
      <c r="AD476">
        <v>4</v>
      </c>
      <c r="AE476">
        <v>4</v>
      </c>
      <c r="AF476">
        <v>4</v>
      </c>
      <c r="AG476">
        <v>4</v>
      </c>
      <c r="AH476">
        <v>4</v>
      </c>
      <c r="AI476">
        <v>4</v>
      </c>
      <c r="AJ476">
        <v>4</v>
      </c>
      <c r="AK476">
        <v>4</v>
      </c>
      <c r="AL476">
        <v>4</v>
      </c>
      <c r="AM476">
        <v>4</v>
      </c>
      <c r="AN476">
        <v>4</v>
      </c>
      <c r="AO476">
        <v>4</v>
      </c>
      <c r="AP476">
        <v>4</v>
      </c>
      <c r="AQ476">
        <v>4</v>
      </c>
    </row>
    <row r="477" spans="1:43">
      <c r="A477" t="s">
        <v>383</v>
      </c>
      <c r="B477" t="s">
        <v>384</v>
      </c>
      <c r="C477" t="s">
        <v>381</v>
      </c>
      <c r="D477" t="s">
        <v>382</v>
      </c>
      <c r="E477" t="s">
        <v>353</v>
      </c>
      <c r="F477" t="s">
        <v>354</v>
      </c>
      <c r="G477" t="s">
        <v>80</v>
      </c>
      <c r="H477" t="s">
        <v>81</v>
      </c>
      <c r="I477" s="2">
        <v>1</v>
      </c>
      <c r="J477" s="2">
        <v>0</v>
      </c>
      <c r="K477" s="2">
        <v>0</v>
      </c>
      <c r="L477" t="s">
        <v>120</v>
      </c>
      <c r="M477" t="s">
        <v>83</v>
      </c>
      <c r="N477" t="s">
        <v>91</v>
      </c>
      <c r="O477" t="s">
        <v>85</v>
      </c>
      <c r="P477" t="s">
        <v>86</v>
      </c>
      <c r="Q477">
        <v>3</v>
      </c>
      <c r="R477">
        <v>3</v>
      </c>
      <c r="S477">
        <v>4</v>
      </c>
      <c r="T477">
        <v>4</v>
      </c>
      <c r="U477">
        <v>4</v>
      </c>
      <c r="V477">
        <v>4</v>
      </c>
      <c r="W477">
        <v>4</v>
      </c>
      <c r="X477">
        <v>4</v>
      </c>
      <c r="Y477">
        <v>4</v>
      </c>
      <c r="Z477">
        <v>4</v>
      </c>
      <c r="AA477">
        <v>4</v>
      </c>
      <c r="AB477">
        <v>4</v>
      </c>
      <c r="AC477">
        <v>4</v>
      </c>
      <c r="AD477">
        <v>4</v>
      </c>
      <c r="AE477">
        <v>4</v>
      </c>
      <c r="AF477">
        <v>4</v>
      </c>
      <c r="AG477">
        <v>4</v>
      </c>
      <c r="AH477">
        <v>4</v>
      </c>
      <c r="AI477">
        <v>4</v>
      </c>
      <c r="AJ477">
        <v>4</v>
      </c>
      <c r="AK477">
        <v>4</v>
      </c>
      <c r="AL477">
        <v>4</v>
      </c>
      <c r="AM477">
        <v>4</v>
      </c>
      <c r="AN477">
        <v>4</v>
      </c>
      <c r="AO477">
        <v>4</v>
      </c>
      <c r="AP477">
        <v>4</v>
      </c>
      <c r="AQ477">
        <v>4</v>
      </c>
    </row>
    <row r="478" spans="1:43">
      <c r="A478" t="s">
        <v>385</v>
      </c>
      <c r="B478" t="s">
        <v>386</v>
      </c>
      <c r="C478" t="s">
        <v>381</v>
      </c>
      <c r="D478" t="s">
        <v>382</v>
      </c>
      <c r="E478" t="s">
        <v>353</v>
      </c>
      <c r="F478" t="s">
        <v>354</v>
      </c>
      <c r="G478" t="s">
        <v>80</v>
      </c>
      <c r="H478" t="s">
        <v>81</v>
      </c>
      <c r="I478" s="2">
        <v>1</v>
      </c>
      <c r="J478" s="2">
        <v>0</v>
      </c>
      <c r="K478" s="2">
        <v>0</v>
      </c>
      <c r="L478" t="s">
        <v>120</v>
      </c>
      <c r="M478" t="s">
        <v>83</v>
      </c>
      <c r="N478" t="s">
        <v>84</v>
      </c>
      <c r="O478" t="s">
        <v>85</v>
      </c>
      <c r="P478" t="s">
        <v>86</v>
      </c>
      <c r="Q478">
        <v>80</v>
      </c>
      <c r="R478">
        <v>81</v>
      </c>
      <c r="S478">
        <v>82</v>
      </c>
      <c r="T478">
        <v>83</v>
      </c>
      <c r="U478">
        <v>84</v>
      </c>
      <c r="V478">
        <v>85</v>
      </c>
      <c r="W478">
        <v>86</v>
      </c>
      <c r="X478">
        <v>87</v>
      </c>
      <c r="Y478">
        <v>87</v>
      </c>
      <c r="Z478">
        <v>88</v>
      </c>
      <c r="AA478">
        <v>89</v>
      </c>
      <c r="AB478">
        <v>90</v>
      </c>
      <c r="AC478">
        <v>91</v>
      </c>
      <c r="AD478">
        <v>91</v>
      </c>
      <c r="AE478">
        <v>92</v>
      </c>
      <c r="AF478">
        <v>93</v>
      </c>
      <c r="AG478">
        <v>94</v>
      </c>
      <c r="AH478">
        <v>94</v>
      </c>
      <c r="AI478">
        <v>95</v>
      </c>
      <c r="AJ478">
        <v>96</v>
      </c>
      <c r="AK478">
        <v>96</v>
      </c>
      <c r="AL478">
        <v>97</v>
      </c>
      <c r="AM478">
        <v>96</v>
      </c>
      <c r="AN478">
        <v>96</v>
      </c>
      <c r="AO478">
        <v>96</v>
      </c>
      <c r="AP478">
        <v>96</v>
      </c>
      <c r="AQ478">
        <v>96</v>
      </c>
    </row>
    <row r="479" spans="1:43">
      <c r="A479" t="s">
        <v>385</v>
      </c>
      <c r="B479" t="s">
        <v>386</v>
      </c>
      <c r="C479" t="s">
        <v>381</v>
      </c>
      <c r="D479" t="s">
        <v>382</v>
      </c>
      <c r="E479" t="s">
        <v>353</v>
      </c>
      <c r="F479" t="s">
        <v>354</v>
      </c>
      <c r="G479" t="s">
        <v>80</v>
      </c>
      <c r="H479" t="s">
        <v>81</v>
      </c>
      <c r="I479" s="2">
        <v>1</v>
      </c>
      <c r="J479" s="2">
        <v>0</v>
      </c>
      <c r="K479" s="2">
        <v>0</v>
      </c>
      <c r="L479" t="s">
        <v>120</v>
      </c>
      <c r="M479" t="s">
        <v>87</v>
      </c>
      <c r="N479" t="s">
        <v>88</v>
      </c>
      <c r="O479" t="s">
        <v>85</v>
      </c>
      <c r="P479" t="s">
        <v>86</v>
      </c>
      <c r="Q479">
        <v>80</v>
      </c>
      <c r="R479">
        <v>80</v>
      </c>
      <c r="S479">
        <v>81</v>
      </c>
      <c r="T479">
        <v>81</v>
      </c>
      <c r="U479">
        <v>81</v>
      </c>
      <c r="V479">
        <v>81</v>
      </c>
      <c r="W479">
        <v>82</v>
      </c>
      <c r="X479">
        <v>82</v>
      </c>
      <c r="Y479">
        <v>82</v>
      </c>
      <c r="Z479">
        <v>82</v>
      </c>
      <c r="AA479">
        <v>82</v>
      </c>
      <c r="AB479">
        <v>83</v>
      </c>
      <c r="AC479">
        <v>83</v>
      </c>
      <c r="AD479">
        <v>83</v>
      </c>
      <c r="AE479">
        <v>83</v>
      </c>
      <c r="AF479">
        <v>83</v>
      </c>
      <c r="AG479">
        <v>83</v>
      </c>
      <c r="AH479">
        <v>83</v>
      </c>
      <c r="AI479">
        <v>84</v>
      </c>
      <c r="AJ479">
        <v>84</v>
      </c>
      <c r="AK479">
        <v>84</v>
      </c>
      <c r="AL479">
        <v>84</v>
      </c>
      <c r="AM479">
        <v>84</v>
      </c>
      <c r="AN479">
        <v>84</v>
      </c>
      <c r="AO479">
        <v>84</v>
      </c>
      <c r="AP479">
        <v>85</v>
      </c>
      <c r="AQ479">
        <v>85</v>
      </c>
    </row>
    <row r="480" spans="1:43">
      <c r="A480" t="s">
        <v>385</v>
      </c>
      <c r="B480" t="s">
        <v>386</v>
      </c>
      <c r="C480" t="s">
        <v>381</v>
      </c>
      <c r="D480" t="s">
        <v>382</v>
      </c>
      <c r="E480" t="s">
        <v>353</v>
      </c>
      <c r="F480" t="s">
        <v>354</v>
      </c>
      <c r="G480" t="s">
        <v>80</v>
      </c>
      <c r="H480" t="s">
        <v>81</v>
      </c>
      <c r="I480" s="2">
        <v>1</v>
      </c>
      <c r="J480" s="2">
        <v>0</v>
      </c>
      <c r="K480" s="2">
        <v>0</v>
      </c>
      <c r="L480" t="s">
        <v>120</v>
      </c>
      <c r="M480" t="s">
        <v>89</v>
      </c>
      <c r="N480" t="s">
        <v>90</v>
      </c>
      <c r="O480" t="s">
        <v>85</v>
      </c>
      <c r="P480" t="s">
        <v>86</v>
      </c>
      <c r="Q480">
        <v>80</v>
      </c>
      <c r="R480">
        <v>81</v>
      </c>
      <c r="S480">
        <v>83</v>
      </c>
      <c r="T480">
        <v>85</v>
      </c>
      <c r="U480">
        <v>86</v>
      </c>
      <c r="V480">
        <v>88</v>
      </c>
      <c r="W480">
        <v>89</v>
      </c>
      <c r="X480">
        <v>90</v>
      </c>
      <c r="Y480">
        <v>91</v>
      </c>
      <c r="Z480">
        <v>92</v>
      </c>
      <c r="AA480">
        <v>93</v>
      </c>
      <c r="AB480">
        <v>95</v>
      </c>
      <c r="AC480">
        <v>96</v>
      </c>
      <c r="AD480">
        <v>97</v>
      </c>
      <c r="AE480">
        <v>97</v>
      </c>
      <c r="AF480">
        <v>97</v>
      </c>
      <c r="AG480">
        <v>97</v>
      </c>
      <c r="AH480">
        <v>97</v>
      </c>
      <c r="AI480">
        <v>97</v>
      </c>
      <c r="AJ480">
        <v>97</v>
      </c>
      <c r="AK480">
        <v>97</v>
      </c>
      <c r="AL480">
        <v>97</v>
      </c>
      <c r="AM480">
        <v>97</v>
      </c>
      <c r="AN480">
        <v>97</v>
      </c>
      <c r="AO480">
        <v>97</v>
      </c>
      <c r="AP480">
        <v>96</v>
      </c>
      <c r="AQ480">
        <v>96</v>
      </c>
    </row>
    <row r="481" spans="1:43">
      <c r="A481" t="s">
        <v>385</v>
      </c>
      <c r="B481" t="s">
        <v>386</v>
      </c>
      <c r="C481" t="s">
        <v>381</v>
      </c>
      <c r="D481" t="s">
        <v>382</v>
      </c>
      <c r="E481" t="s">
        <v>353</v>
      </c>
      <c r="F481" t="s">
        <v>354</v>
      </c>
      <c r="G481" t="s">
        <v>80</v>
      </c>
      <c r="H481" t="s">
        <v>81</v>
      </c>
      <c r="I481" s="2">
        <v>1</v>
      </c>
      <c r="J481" s="2">
        <v>0</v>
      </c>
      <c r="K481" s="2">
        <v>0</v>
      </c>
      <c r="L481" t="s">
        <v>120</v>
      </c>
      <c r="M481" t="s">
        <v>83</v>
      </c>
      <c r="N481" t="s">
        <v>91</v>
      </c>
      <c r="O481" t="s">
        <v>85</v>
      </c>
      <c r="P481" t="s">
        <v>86</v>
      </c>
      <c r="Q481">
        <v>80</v>
      </c>
      <c r="R481">
        <v>81</v>
      </c>
      <c r="S481">
        <v>82</v>
      </c>
      <c r="T481">
        <v>83</v>
      </c>
      <c r="U481">
        <v>84</v>
      </c>
      <c r="V481">
        <v>85</v>
      </c>
      <c r="W481">
        <v>86</v>
      </c>
      <c r="X481">
        <v>87</v>
      </c>
      <c r="Y481">
        <v>87</v>
      </c>
      <c r="Z481">
        <v>88</v>
      </c>
      <c r="AA481">
        <v>89</v>
      </c>
      <c r="AB481">
        <v>90</v>
      </c>
      <c r="AC481">
        <v>91</v>
      </c>
      <c r="AD481">
        <v>91</v>
      </c>
      <c r="AE481">
        <v>92</v>
      </c>
      <c r="AF481">
        <v>93</v>
      </c>
      <c r="AG481">
        <v>94</v>
      </c>
      <c r="AH481">
        <v>94</v>
      </c>
      <c r="AI481">
        <v>95</v>
      </c>
      <c r="AJ481">
        <v>96</v>
      </c>
      <c r="AK481">
        <v>96</v>
      </c>
      <c r="AL481">
        <v>97</v>
      </c>
      <c r="AM481">
        <v>96</v>
      </c>
      <c r="AN481">
        <v>96</v>
      </c>
      <c r="AO481">
        <v>96</v>
      </c>
      <c r="AP481">
        <v>96</v>
      </c>
      <c r="AQ481">
        <v>96</v>
      </c>
    </row>
    <row r="482" spans="1:43">
      <c r="A482" t="s">
        <v>387</v>
      </c>
      <c r="B482" t="s">
        <v>388</v>
      </c>
      <c r="C482" t="s">
        <v>389</v>
      </c>
      <c r="D482" t="s">
        <v>390</v>
      </c>
      <c r="E482" t="s">
        <v>353</v>
      </c>
      <c r="F482" t="s">
        <v>354</v>
      </c>
      <c r="G482" t="s">
        <v>80</v>
      </c>
      <c r="H482" t="s">
        <v>81</v>
      </c>
      <c r="I482" s="2">
        <v>1</v>
      </c>
      <c r="J482" s="2">
        <v>0</v>
      </c>
      <c r="K482" s="2">
        <v>0</v>
      </c>
      <c r="L482" t="s">
        <v>120</v>
      </c>
      <c r="M482" t="s">
        <v>83</v>
      </c>
      <c r="N482" t="s">
        <v>84</v>
      </c>
      <c r="O482" t="s">
        <v>85</v>
      </c>
      <c r="P482" t="s">
        <v>86</v>
      </c>
      <c r="Q482">
        <v>14</v>
      </c>
      <c r="R482">
        <v>15</v>
      </c>
      <c r="S482">
        <v>15</v>
      </c>
      <c r="T482">
        <v>15</v>
      </c>
      <c r="U482">
        <v>15</v>
      </c>
      <c r="V482">
        <v>15</v>
      </c>
      <c r="W482">
        <v>15</v>
      </c>
      <c r="X482">
        <v>16</v>
      </c>
      <c r="Y482">
        <v>16</v>
      </c>
      <c r="Z482">
        <v>16</v>
      </c>
      <c r="AA482">
        <v>16</v>
      </c>
      <c r="AB482">
        <v>16</v>
      </c>
      <c r="AC482">
        <v>16</v>
      </c>
      <c r="AD482">
        <v>16</v>
      </c>
      <c r="AE482">
        <v>16</v>
      </c>
      <c r="AF482">
        <v>17</v>
      </c>
      <c r="AG482">
        <v>17</v>
      </c>
      <c r="AH482">
        <v>17</v>
      </c>
      <c r="AI482">
        <v>17</v>
      </c>
      <c r="AJ482">
        <v>17</v>
      </c>
      <c r="AK482">
        <v>17</v>
      </c>
      <c r="AL482">
        <v>17</v>
      </c>
      <c r="AM482">
        <v>17</v>
      </c>
      <c r="AN482">
        <v>17</v>
      </c>
      <c r="AO482">
        <v>17</v>
      </c>
      <c r="AP482">
        <v>17</v>
      </c>
      <c r="AQ482">
        <v>17</v>
      </c>
    </row>
    <row r="483" spans="1:43">
      <c r="A483" t="s">
        <v>387</v>
      </c>
      <c r="B483" t="s">
        <v>388</v>
      </c>
      <c r="C483" t="s">
        <v>389</v>
      </c>
      <c r="D483" t="s">
        <v>390</v>
      </c>
      <c r="E483" t="s">
        <v>353</v>
      </c>
      <c r="F483" t="s">
        <v>354</v>
      </c>
      <c r="G483" t="s">
        <v>80</v>
      </c>
      <c r="H483" t="s">
        <v>81</v>
      </c>
      <c r="I483" s="2">
        <v>1</v>
      </c>
      <c r="J483" s="2">
        <v>0</v>
      </c>
      <c r="K483" s="2">
        <v>0</v>
      </c>
      <c r="L483" t="s">
        <v>120</v>
      </c>
      <c r="M483" t="s">
        <v>87</v>
      </c>
      <c r="N483" t="s">
        <v>88</v>
      </c>
      <c r="O483" t="s">
        <v>85</v>
      </c>
      <c r="P483" t="s">
        <v>86</v>
      </c>
      <c r="Q483">
        <v>14</v>
      </c>
      <c r="R483">
        <v>14</v>
      </c>
      <c r="S483">
        <v>14</v>
      </c>
      <c r="T483">
        <v>14</v>
      </c>
      <c r="U483">
        <v>14</v>
      </c>
      <c r="V483">
        <v>14</v>
      </c>
      <c r="W483">
        <v>14</v>
      </c>
      <c r="X483">
        <v>14</v>
      </c>
      <c r="Y483">
        <v>14</v>
      </c>
      <c r="Z483">
        <v>15</v>
      </c>
      <c r="AA483">
        <v>15</v>
      </c>
      <c r="AB483">
        <v>15</v>
      </c>
      <c r="AC483">
        <v>15</v>
      </c>
      <c r="AD483">
        <v>15</v>
      </c>
      <c r="AE483">
        <v>15</v>
      </c>
      <c r="AF483">
        <v>15</v>
      </c>
      <c r="AG483">
        <v>15</v>
      </c>
      <c r="AH483">
        <v>15</v>
      </c>
      <c r="AI483">
        <v>15</v>
      </c>
      <c r="AJ483">
        <v>15</v>
      </c>
      <c r="AK483">
        <v>15</v>
      </c>
      <c r="AL483">
        <v>15</v>
      </c>
      <c r="AM483">
        <v>15</v>
      </c>
      <c r="AN483">
        <v>15</v>
      </c>
      <c r="AO483">
        <v>15</v>
      </c>
      <c r="AP483">
        <v>15</v>
      </c>
      <c r="AQ483">
        <v>15</v>
      </c>
    </row>
    <row r="484" spans="1:43">
      <c r="A484" t="s">
        <v>387</v>
      </c>
      <c r="B484" t="s">
        <v>388</v>
      </c>
      <c r="C484" t="s">
        <v>389</v>
      </c>
      <c r="D484" t="s">
        <v>390</v>
      </c>
      <c r="E484" t="s">
        <v>353</v>
      </c>
      <c r="F484" t="s">
        <v>354</v>
      </c>
      <c r="G484" t="s">
        <v>80</v>
      </c>
      <c r="H484" t="s">
        <v>81</v>
      </c>
      <c r="I484" s="2">
        <v>1</v>
      </c>
      <c r="J484" s="2">
        <v>0</v>
      </c>
      <c r="K484" s="2">
        <v>0</v>
      </c>
      <c r="L484" t="s">
        <v>120</v>
      </c>
      <c r="M484" t="s">
        <v>89</v>
      </c>
      <c r="N484" t="s">
        <v>90</v>
      </c>
      <c r="O484" t="s">
        <v>85</v>
      </c>
      <c r="P484" t="s">
        <v>86</v>
      </c>
      <c r="Q484">
        <v>14</v>
      </c>
      <c r="R484">
        <v>14</v>
      </c>
      <c r="S484">
        <v>14</v>
      </c>
      <c r="T484">
        <v>14</v>
      </c>
      <c r="U484">
        <v>15</v>
      </c>
      <c r="V484">
        <v>15</v>
      </c>
      <c r="W484">
        <v>15</v>
      </c>
      <c r="X484">
        <v>15</v>
      </c>
      <c r="Y484">
        <v>16</v>
      </c>
      <c r="Z484">
        <v>16</v>
      </c>
      <c r="AA484">
        <v>16</v>
      </c>
      <c r="AB484">
        <v>16</v>
      </c>
      <c r="AC484">
        <v>16</v>
      </c>
      <c r="AD484">
        <v>17</v>
      </c>
      <c r="AE484">
        <v>17</v>
      </c>
      <c r="AF484">
        <v>17</v>
      </c>
      <c r="AG484">
        <v>17</v>
      </c>
      <c r="AH484">
        <v>17</v>
      </c>
      <c r="AI484">
        <v>17</v>
      </c>
      <c r="AJ484">
        <v>16</v>
      </c>
      <c r="AK484">
        <v>16</v>
      </c>
      <c r="AL484">
        <v>16</v>
      </c>
      <c r="AM484">
        <v>16</v>
      </c>
      <c r="AN484">
        <v>16</v>
      </c>
      <c r="AO484">
        <v>16</v>
      </c>
      <c r="AP484">
        <v>16</v>
      </c>
      <c r="AQ484">
        <v>16</v>
      </c>
    </row>
    <row r="485" spans="1:43">
      <c r="A485" t="s">
        <v>387</v>
      </c>
      <c r="B485" t="s">
        <v>388</v>
      </c>
      <c r="C485" t="s">
        <v>389</v>
      </c>
      <c r="D485" t="s">
        <v>390</v>
      </c>
      <c r="E485" t="s">
        <v>353</v>
      </c>
      <c r="F485" t="s">
        <v>354</v>
      </c>
      <c r="G485" t="s">
        <v>80</v>
      </c>
      <c r="H485" t="s">
        <v>81</v>
      </c>
      <c r="I485" s="2">
        <v>1</v>
      </c>
      <c r="J485" s="2">
        <v>0</v>
      </c>
      <c r="K485" s="2">
        <v>0</v>
      </c>
      <c r="L485" t="s">
        <v>120</v>
      </c>
      <c r="M485" t="s">
        <v>83</v>
      </c>
      <c r="N485" t="s">
        <v>91</v>
      </c>
      <c r="O485" t="s">
        <v>85</v>
      </c>
      <c r="P485" t="s">
        <v>86</v>
      </c>
      <c r="Q485">
        <v>14</v>
      </c>
      <c r="R485">
        <v>15</v>
      </c>
      <c r="S485">
        <v>15</v>
      </c>
      <c r="T485">
        <v>15</v>
      </c>
      <c r="U485">
        <v>15</v>
      </c>
      <c r="V485">
        <v>15</v>
      </c>
      <c r="W485">
        <v>15</v>
      </c>
      <c r="X485">
        <v>16</v>
      </c>
      <c r="Y485">
        <v>16</v>
      </c>
      <c r="Z485">
        <v>16</v>
      </c>
      <c r="AA485">
        <v>16</v>
      </c>
      <c r="AB485">
        <v>16</v>
      </c>
      <c r="AC485">
        <v>16</v>
      </c>
      <c r="AD485">
        <v>16</v>
      </c>
      <c r="AE485">
        <v>16</v>
      </c>
      <c r="AF485">
        <v>17</v>
      </c>
      <c r="AG485">
        <v>17</v>
      </c>
      <c r="AH485">
        <v>17</v>
      </c>
      <c r="AI485">
        <v>17</v>
      </c>
      <c r="AJ485">
        <v>17</v>
      </c>
      <c r="AK485">
        <v>17</v>
      </c>
      <c r="AL485">
        <v>17</v>
      </c>
      <c r="AM485">
        <v>17</v>
      </c>
      <c r="AN485">
        <v>17</v>
      </c>
      <c r="AO485">
        <v>17</v>
      </c>
      <c r="AP485">
        <v>17</v>
      </c>
      <c r="AQ485">
        <v>17</v>
      </c>
    </row>
    <row r="486" spans="1:43">
      <c r="A486" t="s">
        <v>391</v>
      </c>
      <c r="B486" t="s">
        <v>392</v>
      </c>
      <c r="C486" t="s">
        <v>381</v>
      </c>
      <c r="D486" t="s">
        <v>382</v>
      </c>
      <c r="E486" t="s">
        <v>353</v>
      </c>
      <c r="F486" t="s">
        <v>354</v>
      </c>
      <c r="G486" t="s">
        <v>80</v>
      </c>
      <c r="H486" t="s">
        <v>81</v>
      </c>
      <c r="I486" s="2">
        <v>1</v>
      </c>
      <c r="J486" s="2">
        <v>0</v>
      </c>
      <c r="K486" s="2">
        <v>0</v>
      </c>
      <c r="L486" t="s">
        <v>120</v>
      </c>
      <c r="M486" t="s">
        <v>83</v>
      </c>
      <c r="N486" t="s">
        <v>84</v>
      </c>
      <c r="O486" t="s">
        <v>85</v>
      </c>
      <c r="P486" t="s">
        <v>86</v>
      </c>
      <c r="Q486">
        <v>14</v>
      </c>
      <c r="R486">
        <v>14</v>
      </c>
      <c r="S486">
        <v>14</v>
      </c>
      <c r="T486">
        <v>14</v>
      </c>
      <c r="U486">
        <v>14</v>
      </c>
      <c r="V486">
        <v>14</v>
      </c>
      <c r="W486">
        <v>14</v>
      </c>
      <c r="X486">
        <v>15</v>
      </c>
      <c r="Y486">
        <v>15</v>
      </c>
      <c r="Z486">
        <v>15</v>
      </c>
      <c r="AA486">
        <v>15</v>
      </c>
      <c r="AB486">
        <v>15</v>
      </c>
      <c r="AC486">
        <v>15</v>
      </c>
      <c r="AD486">
        <v>15</v>
      </c>
      <c r="AE486">
        <v>15</v>
      </c>
      <c r="AF486">
        <v>16</v>
      </c>
      <c r="AG486">
        <v>16</v>
      </c>
      <c r="AH486">
        <v>16</v>
      </c>
      <c r="AI486">
        <v>16</v>
      </c>
      <c r="AJ486">
        <v>16</v>
      </c>
      <c r="AK486">
        <v>16</v>
      </c>
      <c r="AL486">
        <v>16</v>
      </c>
      <c r="AM486">
        <v>16</v>
      </c>
      <c r="AN486">
        <v>16</v>
      </c>
      <c r="AO486">
        <v>16</v>
      </c>
      <c r="AP486">
        <v>16</v>
      </c>
      <c r="AQ486">
        <v>16</v>
      </c>
    </row>
    <row r="487" spans="1:43">
      <c r="A487" t="s">
        <v>391</v>
      </c>
      <c r="B487" t="s">
        <v>392</v>
      </c>
      <c r="C487" t="s">
        <v>381</v>
      </c>
      <c r="D487" t="s">
        <v>382</v>
      </c>
      <c r="E487" t="s">
        <v>353</v>
      </c>
      <c r="F487" t="s">
        <v>354</v>
      </c>
      <c r="G487" t="s">
        <v>80</v>
      </c>
      <c r="H487" t="s">
        <v>81</v>
      </c>
      <c r="I487" s="2">
        <v>1</v>
      </c>
      <c r="J487" s="2">
        <v>0</v>
      </c>
      <c r="K487" s="2">
        <v>0</v>
      </c>
      <c r="L487" t="s">
        <v>120</v>
      </c>
      <c r="M487" t="s">
        <v>87</v>
      </c>
      <c r="N487" t="s">
        <v>88</v>
      </c>
      <c r="O487" t="s">
        <v>85</v>
      </c>
      <c r="P487" t="s">
        <v>86</v>
      </c>
      <c r="Q487">
        <v>14</v>
      </c>
      <c r="R487">
        <v>14</v>
      </c>
      <c r="S487">
        <v>14</v>
      </c>
      <c r="T487">
        <v>14</v>
      </c>
      <c r="U487">
        <v>14</v>
      </c>
      <c r="V487">
        <v>15</v>
      </c>
      <c r="W487">
        <v>15</v>
      </c>
      <c r="X487">
        <v>15</v>
      </c>
      <c r="Y487">
        <v>15</v>
      </c>
      <c r="Z487">
        <v>15</v>
      </c>
      <c r="AA487">
        <v>15</v>
      </c>
      <c r="AB487">
        <v>15</v>
      </c>
      <c r="AC487">
        <v>15</v>
      </c>
      <c r="AD487">
        <v>15</v>
      </c>
      <c r="AE487">
        <v>15</v>
      </c>
      <c r="AF487">
        <v>15</v>
      </c>
      <c r="AG487">
        <v>15</v>
      </c>
      <c r="AH487">
        <v>15</v>
      </c>
      <c r="AI487">
        <v>15</v>
      </c>
      <c r="AJ487">
        <v>15</v>
      </c>
      <c r="AK487">
        <v>15</v>
      </c>
      <c r="AL487">
        <v>15</v>
      </c>
      <c r="AM487">
        <v>15</v>
      </c>
      <c r="AN487">
        <v>15</v>
      </c>
      <c r="AO487">
        <v>15</v>
      </c>
      <c r="AP487">
        <v>15</v>
      </c>
      <c r="AQ487">
        <v>15</v>
      </c>
    </row>
    <row r="488" spans="1:43">
      <c r="A488" t="s">
        <v>391</v>
      </c>
      <c r="B488" t="s">
        <v>392</v>
      </c>
      <c r="C488" t="s">
        <v>381</v>
      </c>
      <c r="D488" t="s">
        <v>382</v>
      </c>
      <c r="E488" t="s">
        <v>353</v>
      </c>
      <c r="F488" t="s">
        <v>354</v>
      </c>
      <c r="G488" t="s">
        <v>80</v>
      </c>
      <c r="H488" t="s">
        <v>81</v>
      </c>
      <c r="I488" s="2">
        <v>1</v>
      </c>
      <c r="J488" s="2">
        <v>0</v>
      </c>
      <c r="K488" s="2">
        <v>0</v>
      </c>
      <c r="L488" t="s">
        <v>120</v>
      </c>
      <c r="M488" t="s">
        <v>89</v>
      </c>
      <c r="N488" t="s">
        <v>90</v>
      </c>
      <c r="O488" t="s">
        <v>85</v>
      </c>
      <c r="P488" t="s">
        <v>86</v>
      </c>
      <c r="Q488">
        <v>14</v>
      </c>
      <c r="R488">
        <v>14</v>
      </c>
      <c r="S488">
        <v>14</v>
      </c>
      <c r="T488">
        <v>14</v>
      </c>
      <c r="U488">
        <v>15</v>
      </c>
      <c r="V488">
        <v>15</v>
      </c>
      <c r="W488">
        <v>15</v>
      </c>
      <c r="X488">
        <v>15</v>
      </c>
      <c r="Y488">
        <v>16</v>
      </c>
      <c r="Z488">
        <v>16</v>
      </c>
      <c r="AA488">
        <v>16</v>
      </c>
      <c r="AB488">
        <v>16</v>
      </c>
      <c r="AC488">
        <v>16</v>
      </c>
      <c r="AD488">
        <v>16</v>
      </c>
      <c r="AE488">
        <v>17</v>
      </c>
      <c r="AF488">
        <v>16</v>
      </c>
      <c r="AG488">
        <v>16</v>
      </c>
      <c r="AH488">
        <v>16</v>
      </c>
      <c r="AI488">
        <v>16</v>
      </c>
      <c r="AJ488">
        <v>16</v>
      </c>
      <c r="AK488">
        <v>16</v>
      </c>
      <c r="AL488">
        <v>16</v>
      </c>
      <c r="AM488">
        <v>16</v>
      </c>
      <c r="AN488">
        <v>16</v>
      </c>
      <c r="AO488">
        <v>16</v>
      </c>
      <c r="AP488">
        <v>16</v>
      </c>
      <c r="AQ488">
        <v>16</v>
      </c>
    </row>
    <row r="489" spans="1:43">
      <c r="A489" t="s">
        <v>391</v>
      </c>
      <c r="B489" t="s">
        <v>392</v>
      </c>
      <c r="C489" t="s">
        <v>381</v>
      </c>
      <c r="D489" t="s">
        <v>382</v>
      </c>
      <c r="E489" t="s">
        <v>353</v>
      </c>
      <c r="F489" t="s">
        <v>354</v>
      </c>
      <c r="G489" t="s">
        <v>80</v>
      </c>
      <c r="H489" t="s">
        <v>81</v>
      </c>
      <c r="I489" s="2">
        <v>1</v>
      </c>
      <c r="J489" s="2">
        <v>0</v>
      </c>
      <c r="K489" s="2">
        <v>0</v>
      </c>
      <c r="L489" t="s">
        <v>120</v>
      </c>
      <c r="M489" t="s">
        <v>83</v>
      </c>
      <c r="N489" t="s">
        <v>91</v>
      </c>
      <c r="O489" t="s">
        <v>85</v>
      </c>
      <c r="P489" t="s">
        <v>86</v>
      </c>
      <c r="Q489">
        <v>14</v>
      </c>
      <c r="R489">
        <v>14</v>
      </c>
      <c r="S489">
        <v>14</v>
      </c>
      <c r="T489">
        <v>14</v>
      </c>
      <c r="U489">
        <v>14</v>
      </c>
      <c r="V489">
        <v>14</v>
      </c>
      <c r="W489">
        <v>14</v>
      </c>
      <c r="X489">
        <v>15</v>
      </c>
      <c r="Y489">
        <v>15</v>
      </c>
      <c r="Z489">
        <v>15</v>
      </c>
      <c r="AA489">
        <v>15</v>
      </c>
      <c r="AB489">
        <v>15</v>
      </c>
      <c r="AC489">
        <v>15</v>
      </c>
      <c r="AD489">
        <v>15</v>
      </c>
      <c r="AE489">
        <v>15</v>
      </c>
      <c r="AF489">
        <v>16</v>
      </c>
      <c r="AG489">
        <v>16</v>
      </c>
      <c r="AH489">
        <v>16</v>
      </c>
      <c r="AI489">
        <v>16</v>
      </c>
      <c r="AJ489">
        <v>16</v>
      </c>
      <c r="AK489">
        <v>16</v>
      </c>
      <c r="AL489">
        <v>16</v>
      </c>
      <c r="AM489">
        <v>16</v>
      </c>
      <c r="AN489">
        <v>16</v>
      </c>
      <c r="AO489">
        <v>16</v>
      </c>
      <c r="AP489">
        <v>16</v>
      </c>
      <c r="AQ489">
        <v>16</v>
      </c>
    </row>
    <row r="490" spans="1:43">
      <c r="A490" t="s">
        <v>393</v>
      </c>
      <c r="B490" t="s">
        <v>394</v>
      </c>
      <c r="C490" t="s">
        <v>389</v>
      </c>
      <c r="D490" t="s">
        <v>390</v>
      </c>
      <c r="E490" t="s">
        <v>353</v>
      </c>
      <c r="F490" t="s">
        <v>354</v>
      </c>
      <c r="G490" t="s">
        <v>80</v>
      </c>
      <c r="H490" t="s">
        <v>81</v>
      </c>
      <c r="I490" s="2">
        <v>1</v>
      </c>
      <c r="J490" s="2">
        <v>0</v>
      </c>
      <c r="K490" s="2">
        <v>0</v>
      </c>
      <c r="L490" t="s">
        <v>120</v>
      </c>
      <c r="M490" t="s">
        <v>83</v>
      </c>
      <c r="N490" t="s">
        <v>84</v>
      </c>
      <c r="O490" t="s">
        <v>85</v>
      </c>
      <c r="P490" t="s">
        <v>86</v>
      </c>
      <c r="Q490">
        <v>22</v>
      </c>
      <c r="R490">
        <v>22</v>
      </c>
      <c r="S490">
        <v>23</v>
      </c>
      <c r="T490">
        <v>23</v>
      </c>
      <c r="U490">
        <v>23</v>
      </c>
      <c r="V490">
        <v>23</v>
      </c>
      <c r="W490">
        <v>24</v>
      </c>
      <c r="X490">
        <v>24</v>
      </c>
      <c r="Y490">
        <v>24</v>
      </c>
      <c r="Z490">
        <v>24</v>
      </c>
      <c r="AA490">
        <v>24</v>
      </c>
      <c r="AB490">
        <v>25</v>
      </c>
      <c r="AC490">
        <v>25</v>
      </c>
      <c r="AD490">
        <v>25</v>
      </c>
      <c r="AE490">
        <v>25</v>
      </c>
      <c r="AF490">
        <v>25</v>
      </c>
      <c r="AG490">
        <v>26</v>
      </c>
      <c r="AH490">
        <v>26</v>
      </c>
      <c r="AI490">
        <v>26</v>
      </c>
      <c r="AJ490">
        <v>26</v>
      </c>
      <c r="AK490">
        <v>26</v>
      </c>
      <c r="AL490">
        <v>26</v>
      </c>
      <c r="AM490">
        <v>26</v>
      </c>
      <c r="AN490">
        <v>26</v>
      </c>
      <c r="AO490">
        <v>26</v>
      </c>
      <c r="AP490">
        <v>26</v>
      </c>
      <c r="AQ490">
        <v>26</v>
      </c>
    </row>
    <row r="491" spans="1:43">
      <c r="A491" t="s">
        <v>393</v>
      </c>
      <c r="B491" t="s">
        <v>394</v>
      </c>
      <c r="C491" t="s">
        <v>389</v>
      </c>
      <c r="D491" t="s">
        <v>390</v>
      </c>
      <c r="E491" t="s">
        <v>353</v>
      </c>
      <c r="F491" t="s">
        <v>354</v>
      </c>
      <c r="G491" t="s">
        <v>80</v>
      </c>
      <c r="H491" t="s">
        <v>81</v>
      </c>
      <c r="I491" s="2">
        <v>1</v>
      </c>
      <c r="J491" s="2">
        <v>0</v>
      </c>
      <c r="K491" s="2">
        <v>0</v>
      </c>
      <c r="L491" t="s">
        <v>120</v>
      </c>
      <c r="M491" t="s">
        <v>87</v>
      </c>
      <c r="N491" t="s">
        <v>88</v>
      </c>
      <c r="O491" t="s">
        <v>85</v>
      </c>
      <c r="P491" t="s">
        <v>86</v>
      </c>
      <c r="Q491">
        <v>22</v>
      </c>
      <c r="R491">
        <v>22</v>
      </c>
      <c r="S491">
        <v>22</v>
      </c>
      <c r="T491">
        <v>22</v>
      </c>
      <c r="U491">
        <v>22</v>
      </c>
      <c r="V491">
        <v>22</v>
      </c>
      <c r="W491">
        <v>22</v>
      </c>
      <c r="X491">
        <v>22</v>
      </c>
      <c r="Y491">
        <v>22</v>
      </c>
      <c r="Z491">
        <v>22</v>
      </c>
      <c r="AA491">
        <v>22</v>
      </c>
      <c r="AB491">
        <v>22</v>
      </c>
      <c r="AC491">
        <v>22</v>
      </c>
      <c r="AD491">
        <v>22</v>
      </c>
      <c r="AE491">
        <v>22</v>
      </c>
      <c r="AF491">
        <v>22</v>
      </c>
      <c r="AG491">
        <v>22</v>
      </c>
      <c r="AH491">
        <v>23</v>
      </c>
      <c r="AI491">
        <v>23</v>
      </c>
      <c r="AJ491">
        <v>23</v>
      </c>
      <c r="AK491">
        <v>23</v>
      </c>
      <c r="AL491">
        <v>23</v>
      </c>
      <c r="AM491">
        <v>23</v>
      </c>
      <c r="AN491">
        <v>23</v>
      </c>
      <c r="AO491">
        <v>23</v>
      </c>
      <c r="AP491">
        <v>23</v>
      </c>
      <c r="AQ491">
        <v>23</v>
      </c>
    </row>
    <row r="492" spans="1:43">
      <c r="A492" t="s">
        <v>393</v>
      </c>
      <c r="B492" t="s">
        <v>394</v>
      </c>
      <c r="C492" t="s">
        <v>389</v>
      </c>
      <c r="D492" t="s">
        <v>390</v>
      </c>
      <c r="E492" t="s">
        <v>353</v>
      </c>
      <c r="F492" t="s">
        <v>354</v>
      </c>
      <c r="G492" t="s">
        <v>80</v>
      </c>
      <c r="H492" t="s">
        <v>81</v>
      </c>
      <c r="I492" s="2">
        <v>1</v>
      </c>
      <c r="J492" s="2">
        <v>0</v>
      </c>
      <c r="K492" s="2">
        <v>0</v>
      </c>
      <c r="L492" t="s">
        <v>120</v>
      </c>
      <c r="M492" t="s">
        <v>89</v>
      </c>
      <c r="N492" t="s">
        <v>90</v>
      </c>
      <c r="O492" t="s">
        <v>85</v>
      </c>
      <c r="P492" t="s">
        <v>86</v>
      </c>
      <c r="Q492">
        <v>22</v>
      </c>
      <c r="R492">
        <v>23</v>
      </c>
      <c r="S492">
        <v>23</v>
      </c>
      <c r="T492">
        <v>24</v>
      </c>
      <c r="U492">
        <v>24</v>
      </c>
      <c r="V492">
        <v>24</v>
      </c>
      <c r="W492">
        <v>25</v>
      </c>
      <c r="X492">
        <v>25</v>
      </c>
      <c r="Y492">
        <v>25</v>
      </c>
      <c r="Z492">
        <v>26</v>
      </c>
      <c r="AA492">
        <v>26</v>
      </c>
      <c r="AB492">
        <v>26</v>
      </c>
      <c r="AC492">
        <v>27</v>
      </c>
      <c r="AD492">
        <v>27</v>
      </c>
      <c r="AE492">
        <v>27</v>
      </c>
      <c r="AF492">
        <v>27</v>
      </c>
      <c r="AG492">
        <v>27</v>
      </c>
      <c r="AH492">
        <v>27</v>
      </c>
      <c r="AI492">
        <v>27</v>
      </c>
      <c r="AJ492">
        <v>27</v>
      </c>
      <c r="AK492">
        <v>27</v>
      </c>
      <c r="AL492">
        <v>27</v>
      </c>
      <c r="AM492">
        <v>27</v>
      </c>
      <c r="AN492">
        <v>27</v>
      </c>
      <c r="AO492">
        <v>27</v>
      </c>
      <c r="AP492">
        <v>26</v>
      </c>
      <c r="AQ492">
        <v>26</v>
      </c>
    </row>
    <row r="493" spans="1:43">
      <c r="A493" t="s">
        <v>393</v>
      </c>
      <c r="B493" t="s">
        <v>394</v>
      </c>
      <c r="C493" t="s">
        <v>389</v>
      </c>
      <c r="D493" t="s">
        <v>390</v>
      </c>
      <c r="E493" t="s">
        <v>353</v>
      </c>
      <c r="F493" t="s">
        <v>354</v>
      </c>
      <c r="G493" t="s">
        <v>80</v>
      </c>
      <c r="H493" t="s">
        <v>81</v>
      </c>
      <c r="I493" s="2">
        <v>1</v>
      </c>
      <c r="J493" s="2">
        <v>0</v>
      </c>
      <c r="K493" s="2">
        <v>0</v>
      </c>
      <c r="L493" t="s">
        <v>120</v>
      </c>
      <c r="M493" t="s">
        <v>83</v>
      </c>
      <c r="N493" t="s">
        <v>91</v>
      </c>
      <c r="O493" t="s">
        <v>85</v>
      </c>
      <c r="P493" t="s">
        <v>86</v>
      </c>
      <c r="Q493">
        <v>22</v>
      </c>
      <c r="R493">
        <v>22</v>
      </c>
      <c r="S493">
        <v>23</v>
      </c>
      <c r="T493">
        <v>23</v>
      </c>
      <c r="U493">
        <v>23</v>
      </c>
      <c r="V493">
        <v>23</v>
      </c>
      <c r="W493">
        <v>24</v>
      </c>
      <c r="X493">
        <v>24</v>
      </c>
      <c r="Y493">
        <v>24</v>
      </c>
      <c r="Z493">
        <v>24</v>
      </c>
      <c r="AA493">
        <v>24</v>
      </c>
      <c r="AB493">
        <v>25</v>
      </c>
      <c r="AC493">
        <v>25</v>
      </c>
      <c r="AD493">
        <v>25</v>
      </c>
      <c r="AE493">
        <v>25</v>
      </c>
      <c r="AF493">
        <v>25</v>
      </c>
      <c r="AG493">
        <v>26</v>
      </c>
      <c r="AH493">
        <v>26</v>
      </c>
      <c r="AI493">
        <v>26</v>
      </c>
      <c r="AJ493">
        <v>26</v>
      </c>
      <c r="AK493">
        <v>26</v>
      </c>
      <c r="AL493">
        <v>26</v>
      </c>
      <c r="AM493">
        <v>26</v>
      </c>
      <c r="AN493">
        <v>26</v>
      </c>
      <c r="AO493">
        <v>26</v>
      </c>
      <c r="AP493">
        <v>26</v>
      </c>
      <c r="AQ493">
        <v>26</v>
      </c>
    </row>
    <row r="494" spans="1:43">
      <c r="A494" t="s">
        <v>395</v>
      </c>
      <c r="B494" t="s">
        <v>396</v>
      </c>
      <c r="C494" t="s">
        <v>389</v>
      </c>
      <c r="D494" t="s">
        <v>390</v>
      </c>
      <c r="E494" t="s">
        <v>353</v>
      </c>
      <c r="F494" t="s">
        <v>354</v>
      </c>
      <c r="G494" t="s">
        <v>80</v>
      </c>
      <c r="H494" t="s">
        <v>81</v>
      </c>
      <c r="I494" s="2">
        <v>1</v>
      </c>
      <c r="J494" s="2">
        <v>0</v>
      </c>
      <c r="K494" s="2">
        <v>0</v>
      </c>
      <c r="L494" t="s">
        <v>120</v>
      </c>
      <c r="M494" t="s">
        <v>83</v>
      </c>
      <c r="N494" t="s">
        <v>84</v>
      </c>
      <c r="O494" t="s">
        <v>85</v>
      </c>
      <c r="P494" t="s">
        <v>86</v>
      </c>
      <c r="Q494">
        <v>6</v>
      </c>
      <c r="R494">
        <v>6</v>
      </c>
      <c r="S494">
        <v>6</v>
      </c>
      <c r="T494">
        <v>6</v>
      </c>
      <c r="U494">
        <v>6</v>
      </c>
      <c r="V494">
        <v>6</v>
      </c>
      <c r="W494">
        <v>6</v>
      </c>
      <c r="X494">
        <v>6</v>
      </c>
      <c r="Y494">
        <v>6</v>
      </c>
      <c r="Z494">
        <v>6</v>
      </c>
      <c r="AA494">
        <v>6</v>
      </c>
      <c r="AB494">
        <v>6</v>
      </c>
      <c r="AC494">
        <v>6</v>
      </c>
      <c r="AD494">
        <v>6</v>
      </c>
      <c r="AE494">
        <v>6</v>
      </c>
      <c r="AF494">
        <v>7</v>
      </c>
      <c r="AG494">
        <v>7</v>
      </c>
      <c r="AH494">
        <v>7</v>
      </c>
      <c r="AI494">
        <v>7</v>
      </c>
      <c r="AJ494">
        <v>7</v>
      </c>
      <c r="AK494">
        <v>7</v>
      </c>
      <c r="AL494">
        <v>7</v>
      </c>
      <c r="AM494">
        <v>7</v>
      </c>
      <c r="AN494">
        <v>7</v>
      </c>
      <c r="AO494">
        <v>7</v>
      </c>
      <c r="AP494">
        <v>7</v>
      </c>
      <c r="AQ494">
        <v>7</v>
      </c>
    </row>
    <row r="495" spans="1:43">
      <c r="A495" t="s">
        <v>395</v>
      </c>
      <c r="B495" t="s">
        <v>396</v>
      </c>
      <c r="C495" t="s">
        <v>389</v>
      </c>
      <c r="D495" t="s">
        <v>390</v>
      </c>
      <c r="E495" t="s">
        <v>353</v>
      </c>
      <c r="F495" t="s">
        <v>354</v>
      </c>
      <c r="G495" t="s">
        <v>80</v>
      </c>
      <c r="H495" t="s">
        <v>81</v>
      </c>
      <c r="I495" s="2">
        <v>1</v>
      </c>
      <c r="J495" s="2">
        <v>0</v>
      </c>
      <c r="K495" s="2">
        <v>0</v>
      </c>
      <c r="L495" t="s">
        <v>120</v>
      </c>
      <c r="M495" t="s">
        <v>87</v>
      </c>
      <c r="N495" t="s">
        <v>88</v>
      </c>
      <c r="O495" t="s">
        <v>85</v>
      </c>
      <c r="P495" t="s">
        <v>86</v>
      </c>
      <c r="Q495">
        <v>6</v>
      </c>
      <c r="R495">
        <v>6</v>
      </c>
      <c r="S495">
        <v>6</v>
      </c>
      <c r="T495">
        <v>6</v>
      </c>
      <c r="U495">
        <v>6</v>
      </c>
      <c r="V495">
        <v>6</v>
      </c>
      <c r="W495">
        <v>6</v>
      </c>
      <c r="X495">
        <v>6</v>
      </c>
      <c r="Y495">
        <v>6</v>
      </c>
      <c r="Z495">
        <v>6</v>
      </c>
      <c r="AA495">
        <v>6</v>
      </c>
      <c r="AB495">
        <v>6</v>
      </c>
      <c r="AC495">
        <v>6</v>
      </c>
      <c r="AD495">
        <v>6</v>
      </c>
      <c r="AE495">
        <v>6</v>
      </c>
      <c r="AF495">
        <v>6</v>
      </c>
      <c r="AG495">
        <v>6</v>
      </c>
      <c r="AH495">
        <v>6</v>
      </c>
      <c r="AI495">
        <v>6</v>
      </c>
      <c r="AJ495">
        <v>6</v>
      </c>
      <c r="AK495">
        <v>6</v>
      </c>
      <c r="AL495">
        <v>6</v>
      </c>
      <c r="AM495">
        <v>6</v>
      </c>
      <c r="AN495">
        <v>6</v>
      </c>
      <c r="AO495">
        <v>6</v>
      </c>
      <c r="AP495">
        <v>6</v>
      </c>
      <c r="AQ495">
        <v>6</v>
      </c>
    </row>
    <row r="496" spans="1:43">
      <c r="A496" t="s">
        <v>395</v>
      </c>
      <c r="B496" t="s">
        <v>396</v>
      </c>
      <c r="C496" t="s">
        <v>389</v>
      </c>
      <c r="D496" t="s">
        <v>390</v>
      </c>
      <c r="E496" t="s">
        <v>353</v>
      </c>
      <c r="F496" t="s">
        <v>354</v>
      </c>
      <c r="G496" t="s">
        <v>80</v>
      </c>
      <c r="H496" t="s">
        <v>81</v>
      </c>
      <c r="I496" s="2">
        <v>1</v>
      </c>
      <c r="J496" s="2">
        <v>0</v>
      </c>
      <c r="K496" s="2">
        <v>0</v>
      </c>
      <c r="L496" t="s">
        <v>120</v>
      </c>
      <c r="M496" t="s">
        <v>89</v>
      </c>
      <c r="N496" t="s">
        <v>90</v>
      </c>
      <c r="O496" t="s">
        <v>85</v>
      </c>
      <c r="P496" t="s">
        <v>86</v>
      </c>
      <c r="Q496">
        <v>6</v>
      </c>
      <c r="R496">
        <v>6</v>
      </c>
      <c r="S496">
        <v>6</v>
      </c>
      <c r="T496">
        <v>6</v>
      </c>
      <c r="U496">
        <v>6</v>
      </c>
      <c r="V496">
        <v>6</v>
      </c>
      <c r="W496">
        <v>6</v>
      </c>
      <c r="X496">
        <v>6</v>
      </c>
      <c r="Y496">
        <v>7</v>
      </c>
      <c r="Z496">
        <v>7</v>
      </c>
      <c r="AA496">
        <v>7</v>
      </c>
      <c r="AB496">
        <v>7</v>
      </c>
      <c r="AC496">
        <v>7</v>
      </c>
      <c r="AD496">
        <v>7</v>
      </c>
      <c r="AE496">
        <v>7</v>
      </c>
      <c r="AF496">
        <v>7</v>
      </c>
      <c r="AG496">
        <v>7</v>
      </c>
      <c r="AH496">
        <v>7</v>
      </c>
      <c r="AI496">
        <v>7</v>
      </c>
      <c r="AJ496">
        <v>7</v>
      </c>
      <c r="AK496">
        <v>7</v>
      </c>
      <c r="AL496">
        <v>7</v>
      </c>
      <c r="AM496">
        <v>7</v>
      </c>
      <c r="AN496">
        <v>7</v>
      </c>
      <c r="AO496">
        <v>7</v>
      </c>
      <c r="AP496">
        <v>7</v>
      </c>
      <c r="AQ496">
        <v>7</v>
      </c>
    </row>
    <row r="497" spans="1:43">
      <c r="A497" t="s">
        <v>395</v>
      </c>
      <c r="B497" t="s">
        <v>396</v>
      </c>
      <c r="C497" t="s">
        <v>389</v>
      </c>
      <c r="D497" t="s">
        <v>390</v>
      </c>
      <c r="E497" t="s">
        <v>353</v>
      </c>
      <c r="F497" t="s">
        <v>354</v>
      </c>
      <c r="G497" t="s">
        <v>80</v>
      </c>
      <c r="H497" t="s">
        <v>81</v>
      </c>
      <c r="I497" s="2">
        <v>1</v>
      </c>
      <c r="J497" s="2">
        <v>0</v>
      </c>
      <c r="K497" s="2">
        <v>0</v>
      </c>
      <c r="L497" t="s">
        <v>120</v>
      </c>
      <c r="M497" t="s">
        <v>83</v>
      </c>
      <c r="N497" t="s">
        <v>91</v>
      </c>
      <c r="O497" t="s">
        <v>85</v>
      </c>
      <c r="P497" t="s">
        <v>86</v>
      </c>
      <c r="Q497">
        <v>6</v>
      </c>
      <c r="R497">
        <v>6</v>
      </c>
      <c r="S497">
        <v>6</v>
      </c>
      <c r="T497">
        <v>6</v>
      </c>
      <c r="U497">
        <v>6</v>
      </c>
      <c r="V497">
        <v>6</v>
      </c>
      <c r="W497">
        <v>6</v>
      </c>
      <c r="X497">
        <v>6</v>
      </c>
      <c r="Y497">
        <v>6</v>
      </c>
      <c r="Z497">
        <v>6</v>
      </c>
      <c r="AA497">
        <v>6</v>
      </c>
      <c r="AB497">
        <v>6</v>
      </c>
      <c r="AC497">
        <v>6</v>
      </c>
      <c r="AD497">
        <v>6</v>
      </c>
      <c r="AE497">
        <v>6</v>
      </c>
      <c r="AF497">
        <v>7</v>
      </c>
      <c r="AG497">
        <v>7</v>
      </c>
      <c r="AH497">
        <v>7</v>
      </c>
      <c r="AI497">
        <v>7</v>
      </c>
      <c r="AJ497">
        <v>7</v>
      </c>
      <c r="AK497">
        <v>7</v>
      </c>
      <c r="AL497">
        <v>7</v>
      </c>
      <c r="AM497">
        <v>7</v>
      </c>
      <c r="AN497">
        <v>7</v>
      </c>
      <c r="AO497">
        <v>7</v>
      </c>
      <c r="AP497">
        <v>7</v>
      </c>
      <c r="AQ497">
        <v>7</v>
      </c>
    </row>
    <row r="498" spans="1:43">
      <c r="A498" t="s">
        <v>397</v>
      </c>
      <c r="B498" t="s">
        <v>398</v>
      </c>
      <c r="C498" t="s">
        <v>381</v>
      </c>
      <c r="D498" t="s">
        <v>382</v>
      </c>
      <c r="E498" t="s">
        <v>353</v>
      </c>
      <c r="F498" t="s">
        <v>354</v>
      </c>
      <c r="G498" t="s">
        <v>80</v>
      </c>
      <c r="H498" t="s">
        <v>81</v>
      </c>
      <c r="I498" s="2">
        <v>1</v>
      </c>
      <c r="J498" s="2">
        <v>0</v>
      </c>
      <c r="K498" s="2">
        <v>0</v>
      </c>
      <c r="L498" t="s">
        <v>120</v>
      </c>
      <c r="M498" t="s">
        <v>83</v>
      </c>
      <c r="N498" t="s">
        <v>84</v>
      </c>
      <c r="O498" t="s">
        <v>85</v>
      </c>
      <c r="P498" t="s">
        <v>86</v>
      </c>
      <c r="Q498">
        <v>25</v>
      </c>
      <c r="R498">
        <v>26</v>
      </c>
      <c r="S498">
        <v>26</v>
      </c>
      <c r="T498">
        <v>26</v>
      </c>
      <c r="U498">
        <v>27</v>
      </c>
      <c r="V498">
        <v>27</v>
      </c>
      <c r="W498">
        <v>27</v>
      </c>
      <c r="X498">
        <v>27</v>
      </c>
      <c r="Y498">
        <v>28</v>
      </c>
      <c r="Z498">
        <v>28</v>
      </c>
      <c r="AA498">
        <v>28</v>
      </c>
      <c r="AB498">
        <v>28</v>
      </c>
      <c r="AC498">
        <v>29</v>
      </c>
      <c r="AD498">
        <v>29</v>
      </c>
      <c r="AE498">
        <v>29</v>
      </c>
      <c r="AF498">
        <v>29</v>
      </c>
      <c r="AG498">
        <v>30</v>
      </c>
      <c r="AH498">
        <v>30</v>
      </c>
      <c r="AI498">
        <v>30</v>
      </c>
      <c r="AJ498">
        <v>30</v>
      </c>
      <c r="AK498">
        <v>30</v>
      </c>
      <c r="AL498">
        <v>30</v>
      </c>
      <c r="AM498">
        <v>30</v>
      </c>
      <c r="AN498">
        <v>30</v>
      </c>
      <c r="AO498">
        <v>30</v>
      </c>
      <c r="AP498">
        <v>30</v>
      </c>
      <c r="AQ498">
        <v>30</v>
      </c>
    </row>
    <row r="499" spans="1:43">
      <c r="A499" t="s">
        <v>397</v>
      </c>
      <c r="B499" t="s">
        <v>398</v>
      </c>
      <c r="C499" t="s">
        <v>381</v>
      </c>
      <c r="D499" t="s">
        <v>382</v>
      </c>
      <c r="E499" t="s">
        <v>353</v>
      </c>
      <c r="F499" t="s">
        <v>354</v>
      </c>
      <c r="G499" t="s">
        <v>80</v>
      </c>
      <c r="H499" t="s">
        <v>81</v>
      </c>
      <c r="I499" s="2">
        <v>1</v>
      </c>
      <c r="J499" s="2">
        <v>0</v>
      </c>
      <c r="K499" s="2">
        <v>0</v>
      </c>
      <c r="L499" t="s">
        <v>120</v>
      </c>
      <c r="M499" t="s">
        <v>87</v>
      </c>
      <c r="N499" t="s">
        <v>88</v>
      </c>
      <c r="O499" t="s">
        <v>85</v>
      </c>
      <c r="P499" t="s">
        <v>86</v>
      </c>
      <c r="Q499">
        <v>25</v>
      </c>
      <c r="R499">
        <v>25</v>
      </c>
      <c r="S499">
        <v>25</v>
      </c>
      <c r="T499">
        <v>25</v>
      </c>
      <c r="U499">
        <v>25</v>
      </c>
      <c r="V499">
        <v>25</v>
      </c>
      <c r="W499">
        <v>25</v>
      </c>
      <c r="X499">
        <v>26</v>
      </c>
      <c r="Y499">
        <v>26</v>
      </c>
      <c r="Z499">
        <v>26</v>
      </c>
      <c r="AA499">
        <v>26</v>
      </c>
      <c r="AB499">
        <v>26</v>
      </c>
      <c r="AC499">
        <v>26</v>
      </c>
      <c r="AD499">
        <v>26</v>
      </c>
      <c r="AE499">
        <v>26</v>
      </c>
      <c r="AF499">
        <v>26</v>
      </c>
      <c r="AG499">
        <v>26</v>
      </c>
      <c r="AH499">
        <v>26</v>
      </c>
      <c r="AI499">
        <v>26</v>
      </c>
      <c r="AJ499">
        <v>26</v>
      </c>
      <c r="AK499">
        <v>26</v>
      </c>
      <c r="AL499">
        <v>26</v>
      </c>
      <c r="AM499">
        <v>26</v>
      </c>
      <c r="AN499">
        <v>26</v>
      </c>
      <c r="AO499">
        <v>26</v>
      </c>
      <c r="AP499">
        <v>26</v>
      </c>
      <c r="AQ499">
        <v>26</v>
      </c>
    </row>
    <row r="500" spans="1:43">
      <c r="A500" t="s">
        <v>397</v>
      </c>
      <c r="B500" t="s">
        <v>398</v>
      </c>
      <c r="C500" t="s">
        <v>381</v>
      </c>
      <c r="D500" t="s">
        <v>382</v>
      </c>
      <c r="E500" t="s">
        <v>353</v>
      </c>
      <c r="F500" t="s">
        <v>354</v>
      </c>
      <c r="G500" t="s">
        <v>80</v>
      </c>
      <c r="H500" t="s">
        <v>81</v>
      </c>
      <c r="I500" s="2">
        <v>1</v>
      </c>
      <c r="J500" s="2">
        <v>0</v>
      </c>
      <c r="K500" s="2">
        <v>0</v>
      </c>
      <c r="L500" t="s">
        <v>120</v>
      </c>
      <c r="M500" t="s">
        <v>89</v>
      </c>
      <c r="N500" t="s">
        <v>90</v>
      </c>
      <c r="O500" t="s">
        <v>85</v>
      </c>
      <c r="P500" t="s">
        <v>86</v>
      </c>
      <c r="Q500">
        <v>25</v>
      </c>
      <c r="R500">
        <v>25</v>
      </c>
      <c r="S500">
        <v>26</v>
      </c>
      <c r="T500">
        <v>26</v>
      </c>
      <c r="U500">
        <v>27</v>
      </c>
      <c r="V500">
        <v>27</v>
      </c>
      <c r="W500">
        <v>27</v>
      </c>
      <c r="X500">
        <v>28</v>
      </c>
      <c r="Y500">
        <v>28</v>
      </c>
      <c r="Z500">
        <v>29</v>
      </c>
      <c r="AA500">
        <v>29</v>
      </c>
      <c r="AB500">
        <v>29</v>
      </c>
      <c r="AC500">
        <v>30</v>
      </c>
      <c r="AD500">
        <v>30</v>
      </c>
      <c r="AE500">
        <v>30</v>
      </c>
      <c r="AF500">
        <v>30</v>
      </c>
      <c r="AG500">
        <v>30</v>
      </c>
      <c r="AH500">
        <v>30</v>
      </c>
      <c r="AI500">
        <v>30</v>
      </c>
      <c r="AJ500">
        <v>30</v>
      </c>
      <c r="AK500">
        <v>30</v>
      </c>
      <c r="AL500">
        <v>30</v>
      </c>
      <c r="AM500">
        <v>30</v>
      </c>
      <c r="AN500">
        <v>30</v>
      </c>
      <c r="AO500">
        <v>30</v>
      </c>
      <c r="AP500">
        <v>29</v>
      </c>
      <c r="AQ500">
        <v>29</v>
      </c>
    </row>
    <row r="501" spans="1:43">
      <c r="A501" t="s">
        <v>397</v>
      </c>
      <c r="B501" t="s">
        <v>398</v>
      </c>
      <c r="C501" t="s">
        <v>381</v>
      </c>
      <c r="D501" t="s">
        <v>382</v>
      </c>
      <c r="E501" t="s">
        <v>353</v>
      </c>
      <c r="F501" t="s">
        <v>354</v>
      </c>
      <c r="G501" t="s">
        <v>80</v>
      </c>
      <c r="H501" t="s">
        <v>81</v>
      </c>
      <c r="I501" s="2">
        <v>1</v>
      </c>
      <c r="J501" s="2">
        <v>0</v>
      </c>
      <c r="K501" s="2">
        <v>0</v>
      </c>
      <c r="L501" t="s">
        <v>120</v>
      </c>
      <c r="M501" t="s">
        <v>83</v>
      </c>
      <c r="N501" t="s">
        <v>91</v>
      </c>
      <c r="O501" t="s">
        <v>85</v>
      </c>
      <c r="P501" t="s">
        <v>86</v>
      </c>
      <c r="Q501">
        <v>25</v>
      </c>
      <c r="R501">
        <v>26</v>
      </c>
      <c r="S501">
        <v>26</v>
      </c>
      <c r="T501">
        <v>26</v>
      </c>
      <c r="U501">
        <v>27</v>
      </c>
      <c r="V501">
        <v>27</v>
      </c>
      <c r="W501">
        <v>27</v>
      </c>
      <c r="X501">
        <v>27</v>
      </c>
      <c r="Y501">
        <v>28</v>
      </c>
      <c r="Z501">
        <v>28</v>
      </c>
      <c r="AA501">
        <v>28</v>
      </c>
      <c r="AB501">
        <v>28</v>
      </c>
      <c r="AC501">
        <v>29</v>
      </c>
      <c r="AD501">
        <v>29</v>
      </c>
      <c r="AE501">
        <v>29</v>
      </c>
      <c r="AF501">
        <v>29</v>
      </c>
      <c r="AG501">
        <v>30</v>
      </c>
      <c r="AH501">
        <v>30</v>
      </c>
      <c r="AI501">
        <v>30</v>
      </c>
      <c r="AJ501">
        <v>30</v>
      </c>
      <c r="AK501">
        <v>30</v>
      </c>
      <c r="AL501">
        <v>30</v>
      </c>
      <c r="AM501">
        <v>30</v>
      </c>
      <c r="AN501">
        <v>30</v>
      </c>
      <c r="AO501">
        <v>30</v>
      </c>
      <c r="AP501">
        <v>30</v>
      </c>
      <c r="AQ501">
        <v>30</v>
      </c>
    </row>
    <row r="502" spans="1:43">
      <c r="A502" t="s">
        <v>399</v>
      </c>
      <c r="B502" t="s">
        <v>400</v>
      </c>
      <c r="C502" t="s">
        <v>401</v>
      </c>
      <c r="D502" t="s">
        <v>402</v>
      </c>
      <c r="E502" t="s">
        <v>353</v>
      </c>
      <c r="F502" t="s">
        <v>354</v>
      </c>
      <c r="G502" t="s">
        <v>80</v>
      </c>
      <c r="H502" t="s">
        <v>81</v>
      </c>
      <c r="I502" s="2">
        <v>1</v>
      </c>
      <c r="J502" s="2">
        <v>0</v>
      </c>
      <c r="K502" s="2">
        <v>0</v>
      </c>
      <c r="L502" t="s">
        <v>120</v>
      </c>
      <c r="M502" t="s">
        <v>83</v>
      </c>
      <c r="N502" t="s">
        <v>84</v>
      </c>
      <c r="O502" t="s">
        <v>85</v>
      </c>
      <c r="P502" t="s">
        <v>86</v>
      </c>
      <c r="Q502">
        <v>21</v>
      </c>
      <c r="R502">
        <v>21</v>
      </c>
      <c r="S502">
        <v>22</v>
      </c>
      <c r="T502">
        <v>22</v>
      </c>
      <c r="U502">
        <v>22</v>
      </c>
      <c r="V502">
        <v>22</v>
      </c>
      <c r="W502">
        <v>23</v>
      </c>
      <c r="X502">
        <v>23</v>
      </c>
      <c r="Y502">
        <v>23</v>
      </c>
      <c r="Z502">
        <v>23</v>
      </c>
      <c r="AA502">
        <v>23</v>
      </c>
      <c r="AB502">
        <v>24</v>
      </c>
      <c r="AC502">
        <v>24</v>
      </c>
      <c r="AD502">
        <v>24</v>
      </c>
      <c r="AE502">
        <v>24</v>
      </c>
      <c r="AF502">
        <v>24</v>
      </c>
      <c r="AG502">
        <v>25</v>
      </c>
      <c r="AH502">
        <v>25</v>
      </c>
      <c r="AI502">
        <v>25</v>
      </c>
      <c r="AJ502">
        <v>25</v>
      </c>
      <c r="AK502">
        <v>25</v>
      </c>
      <c r="AL502">
        <v>25</v>
      </c>
      <c r="AM502">
        <v>25</v>
      </c>
      <c r="AN502">
        <v>25</v>
      </c>
      <c r="AO502">
        <v>25</v>
      </c>
      <c r="AP502">
        <v>25</v>
      </c>
      <c r="AQ502">
        <v>25</v>
      </c>
    </row>
    <row r="503" spans="1:43">
      <c r="A503" t="s">
        <v>399</v>
      </c>
      <c r="B503" t="s">
        <v>400</v>
      </c>
      <c r="C503" t="s">
        <v>401</v>
      </c>
      <c r="D503" t="s">
        <v>402</v>
      </c>
      <c r="E503" t="s">
        <v>353</v>
      </c>
      <c r="F503" t="s">
        <v>354</v>
      </c>
      <c r="G503" t="s">
        <v>80</v>
      </c>
      <c r="H503" t="s">
        <v>81</v>
      </c>
      <c r="I503" s="2">
        <v>1</v>
      </c>
      <c r="J503" s="2">
        <v>0</v>
      </c>
      <c r="K503" s="2">
        <v>0</v>
      </c>
      <c r="L503" t="s">
        <v>120</v>
      </c>
      <c r="M503" t="s">
        <v>87</v>
      </c>
      <c r="N503" t="s">
        <v>88</v>
      </c>
      <c r="O503" t="s">
        <v>85</v>
      </c>
      <c r="P503" t="s">
        <v>86</v>
      </c>
      <c r="Q503">
        <v>21</v>
      </c>
      <c r="R503">
        <v>21</v>
      </c>
      <c r="S503">
        <v>21</v>
      </c>
      <c r="T503">
        <v>21</v>
      </c>
      <c r="U503">
        <v>21</v>
      </c>
      <c r="V503">
        <v>21</v>
      </c>
      <c r="W503">
        <v>21</v>
      </c>
      <c r="X503">
        <v>21</v>
      </c>
      <c r="Y503">
        <v>21</v>
      </c>
      <c r="Z503">
        <v>21</v>
      </c>
      <c r="AA503">
        <v>21</v>
      </c>
      <c r="AB503">
        <v>21</v>
      </c>
      <c r="AC503">
        <v>21</v>
      </c>
      <c r="AD503">
        <v>21</v>
      </c>
      <c r="AE503">
        <v>21</v>
      </c>
      <c r="AF503">
        <v>22</v>
      </c>
      <c r="AG503">
        <v>22</v>
      </c>
      <c r="AH503">
        <v>22</v>
      </c>
      <c r="AI503">
        <v>22</v>
      </c>
      <c r="AJ503">
        <v>22</v>
      </c>
      <c r="AK503">
        <v>22</v>
      </c>
      <c r="AL503">
        <v>22</v>
      </c>
      <c r="AM503">
        <v>22</v>
      </c>
      <c r="AN503">
        <v>22</v>
      </c>
      <c r="AO503">
        <v>22</v>
      </c>
      <c r="AP503">
        <v>22</v>
      </c>
      <c r="AQ503">
        <v>22</v>
      </c>
    </row>
    <row r="504" spans="1:43">
      <c r="A504" t="s">
        <v>399</v>
      </c>
      <c r="B504" t="s">
        <v>400</v>
      </c>
      <c r="C504" t="s">
        <v>401</v>
      </c>
      <c r="D504" t="s">
        <v>402</v>
      </c>
      <c r="E504" t="s">
        <v>353</v>
      </c>
      <c r="F504" t="s">
        <v>354</v>
      </c>
      <c r="G504" t="s">
        <v>80</v>
      </c>
      <c r="H504" t="s">
        <v>81</v>
      </c>
      <c r="I504" s="2">
        <v>1</v>
      </c>
      <c r="J504" s="2">
        <v>0</v>
      </c>
      <c r="K504" s="2">
        <v>0</v>
      </c>
      <c r="L504" t="s">
        <v>120</v>
      </c>
      <c r="M504" t="s">
        <v>89</v>
      </c>
      <c r="N504" t="s">
        <v>90</v>
      </c>
      <c r="O504" t="s">
        <v>85</v>
      </c>
      <c r="P504" t="s">
        <v>86</v>
      </c>
      <c r="Q504">
        <v>21</v>
      </c>
      <c r="R504">
        <v>22</v>
      </c>
      <c r="S504">
        <v>22</v>
      </c>
      <c r="T504">
        <v>23</v>
      </c>
      <c r="U504">
        <v>23</v>
      </c>
      <c r="V504">
        <v>23</v>
      </c>
      <c r="W504">
        <v>24</v>
      </c>
      <c r="X504">
        <v>24</v>
      </c>
      <c r="Y504">
        <v>24</v>
      </c>
      <c r="Z504">
        <v>25</v>
      </c>
      <c r="AA504">
        <v>25</v>
      </c>
      <c r="AB504">
        <v>25</v>
      </c>
      <c r="AC504">
        <v>26</v>
      </c>
      <c r="AD504">
        <v>26</v>
      </c>
      <c r="AE504">
        <v>26</v>
      </c>
      <c r="AF504">
        <v>26</v>
      </c>
      <c r="AG504">
        <v>26</v>
      </c>
      <c r="AH504">
        <v>26</v>
      </c>
      <c r="AI504">
        <v>26</v>
      </c>
      <c r="AJ504">
        <v>26</v>
      </c>
      <c r="AK504">
        <v>26</v>
      </c>
      <c r="AL504">
        <v>26</v>
      </c>
      <c r="AM504">
        <v>26</v>
      </c>
      <c r="AN504">
        <v>25</v>
      </c>
      <c r="AO504">
        <v>25</v>
      </c>
      <c r="AP504">
        <v>25</v>
      </c>
      <c r="AQ504">
        <v>25</v>
      </c>
    </row>
    <row r="505" spans="1:43">
      <c r="A505" t="s">
        <v>399</v>
      </c>
      <c r="B505" t="s">
        <v>400</v>
      </c>
      <c r="C505" t="s">
        <v>401</v>
      </c>
      <c r="D505" t="s">
        <v>402</v>
      </c>
      <c r="E505" t="s">
        <v>353</v>
      </c>
      <c r="F505" t="s">
        <v>354</v>
      </c>
      <c r="G505" t="s">
        <v>80</v>
      </c>
      <c r="H505" t="s">
        <v>81</v>
      </c>
      <c r="I505" s="2">
        <v>1</v>
      </c>
      <c r="J505" s="2">
        <v>0</v>
      </c>
      <c r="K505" s="2">
        <v>0</v>
      </c>
      <c r="L505" t="s">
        <v>120</v>
      </c>
      <c r="M505" t="s">
        <v>83</v>
      </c>
      <c r="N505" t="s">
        <v>91</v>
      </c>
      <c r="O505" t="s">
        <v>85</v>
      </c>
      <c r="P505" t="s">
        <v>86</v>
      </c>
      <c r="Q505">
        <v>21</v>
      </c>
      <c r="R505">
        <v>21</v>
      </c>
      <c r="S505">
        <v>22</v>
      </c>
      <c r="T505">
        <v>22</v>
      </c>
      <c r="U505">
        <v>22</v>
      </c>
      <c r="V505">
        <v>22</v>
      </c>
      <c r="W505">
        <v>23</v>
      </c>
      <c r="X505">
        <v>23</v>
      </c>
      <c r="Y505">
        <v>23</v>
      </c>
      <c r="Z505">
        <v>23</v>
      </c>
      <c r="AA505">
        <v>23</v>
      </c>
      <c r="AB505">
        <v>24</v>
      </c>
      <c r="AC505">
        <v>24</v>
      </c>
      <c r="AD505">
        <v>24</v>
      </c>
      <c r="AE505">
        <v>24</v>
      </c>
      <c r="AF505">
        <v>24</v>
      </c>
      <c r="AG505">
        <v>25</v>
      </c>
      <c r="AH505">
        <v>25</v>
      </c>
      <c r="AI505">
        <v>25</v>
      </c>
      <c r="AJ505">
        <v>25</v>
      </c>
      <c r="AK505">
        <v>25</v>
      </c>
      <c r="AL505">
        <v>25</v>
      </c>
      <c r="AM505">
        <v>25</v>
      </c>
      <c r="AN505">
        <v>25</v>
      </c>
      <c r="AO505">
        <v>25</v>
      </c>
      <c r="AP505">
        <v>25</v>
      </c>
      <c r="AQ505">
        <v>25</v>
      </c>
    </row>
    <row r="506" spans="1:43">
      <c r="A506" t="s">
        <v>403</v>
      </c>
      <c r="B506" t="s">
        <v>404</v>
      </c>
      <c r="C506" t="s">
        <v>401</v>
      </c>
      <c r="D506" t="s">
        <v>402</v>
      </c>
      <c r="E506" t="s">
        <v>353</v>
      </c>
      <c r="F506" t="s">
        <v>354</v>
      </c>
      <c r="G506" t="s">
        <v>80</v>
      </c>
      <c r="H506" t="s">
        <v>81</v>
      </c>
      <c r="I506" s="2">
        <v>1</v>
      </c>
      <c r="J506" s="2">
        <v>0</v>
      </c>
      <c r="K506" s="2">
        <v>0</v>
      </c>
      <c r="L506" t="s">
        <v>120</v>
      </c>
      <c r="M506" t="s">
        <v>83</v>
      </c>
      <c r="N506" t="s">
        <v>84</v>
      </c>
      <c r="O506" t="s">
        <v>85</v>
      </c>
      <c r="P506" t="s">
        <v>86</v>
      </c>
      <c r="Q506">
        <v>36</v>
      </c>
      <c r="R506">
        <v>37</v>
      </c>
      <c r="S506">
        <v>37</v>
      </c>
      <c r="T506">
        <v>38</v>
      </c>
      <c r="U506">
        <v>38</v>
      </c>
      <c r="V506">
        <v>38</v>
      </c>
      <c r="W506">
        <v>39</v>
      </c>
      <c r="X506">
        <v>39</v>
      </c>
      <c r="Y506">
        <v>39</v>
      </c>
      <c r="Z506">
        <v>40</v>
      </c>
      <c r="AA506">
        <v>40</v>
      </c>
      <c r="AB506">
        <v>40</v>
      </c>
      <c r="AC506">
        <v>41</v>
      </c>
      <c r="AD506">
        <v>41</v>
      </c>
      <c r="AE506">
        <v>41</v>
      </c>
      <c r="AF506">
        <v>42</v>
      </c>
      <c r="AG506">
        <v>42</v>
      </c>
      <c r="AH506">
        <v>42</v>
      </c>
      <c r="AI506">
        <v>43</v>
      </c>
      <c r="AJ506">
        <v>43</v>
      </c>
      <c r="AK506">
        <v>43</v>
      </c>
      <c r="AL506">
        <v>43</v>
      </c>
      <c r="AM506">
        <v>43</v>
      </c>
      <c r="AN506">
        <v>43</v>
      </c>
      <c r="AO506">
        <v>43</v>
      </c>
      <c r="AP506">
        <v>43</v>
      </c>
      <c r="AQ506">
        <v>42</v>
      </c>
    </row>
    <row r="507" spans="1:43">
      <c r="A507" t="s">
        <v>403</v>
      </c>
      <c r="B507" t="s">
        <v>404</v>
      </c>
      <c r="C507" t="s">
        <v>401</v>
      </c>
      <c r="D507" t="s">
        <v>402</v>
      </c>
      <c r="E507" t="s">
        <v>353</v>
      </c>
      <c r="F507" t="s">
        <v>354</v>
      </c>
      <c r="G507" t="s">
        <v>80</v>
      </c>
      <c r="H507" t="s">
        <v>81</v>
      </c>
      <c r="I507" s="2">
        <v>1</v>
      </c>
      <c r="J507" s="2">
        <v>0</v>
      </c>
      <c r="K507" s="2">
        <v>0</v>
      </c>
      <c r="L507" t="s">
        <v>120</v>
      </c>
      <c r="M507" t="s">
        <v>87</v>
      </c>
      <c r="N507" t="s">
        <v>88</v>
      </c>
      <c r="O507" t="s">
        <v>85</v>
      </c>
      <c r="P507" t="s">
        <v>86</v>
      </c>
      <c r="Q507">
        <v>36</v>
      </c>
      <c r="R507">
        <v>36</v>
      </c>
      <c r="S507">
        <v>36</v>
      </c>
      <c r="T507">
        <v>36</v>
      </c>
      <c r="U507">
        <v>36</v>
      </c>
      <c r="V507">
        <v>36</v>
      </c>
      <c r="W507">
        <v>36</v>
      </c>
      <c r="X507">
        <v>36</v>
      </c>
      <c r="Y507">
        <v>37</v>
      </c>
      <c r="Z507">
        <v>37</v>
      </c>
      <c r="AA507">
        <v>37</v>
      </c>
      <c r="AB507">
        <v>37</v>
      </c>
      <c r="AC507">
        <v>37</v>
      </c>
      <c r="AD507">
        <v>37</v>
      </c>
      <c r="AE507">
        <v>37</v>
      </c>
      <c r="AF507">
        <v>37</v>
      </c>
      <c r="AG507">
        <v>37</v>
      </c>
      <c r="AH507">
        <v>37</v>
      </c>
      <c r="AI507">
        <v>37</v>
      </c>
      <c r="AJ507">
        <v>37</v>
      </c>
      <c r="AK507">
        <v>37</v>
      </c>
      <c r="AL507">
        <v>37</v>
      </c>
      <c r="AM507">
        <v>37</v>
      </c>
      <c r="AN507">
        <v>37</v>
      </c>
      <c r="AO507">
        <v>37</v>
      </c>
      <c r="AP507">
        <v>37</v>
      </c>
      <c r="AQ507">
        <v>37</v>
      </c>
    </row>
    <row r="508" spans="1:43">
      <c r="A508" t="s">
        <v>403</v>
      </c>
      <c r="B508" t="s">
        <v>404</v>
      </c>
      <c r="C508" t="s">
        <v>401</v>
      </c>
      <c r="D508" t="s">
        <v>402</v>
      </c>
      <c r="E508" t="s">
        <v>353</v>
      </c>
      <c r="F508" t="s">
        <v>354</v>
      </c>
      <c r="G508" t="s">
        <v>80</v>
      </c>
      <c r="H508" t="s">
        <v>81</v>
      </c>
      <c r="I508" s="2">
        <v>1</v>
      </c>
      <c r="J508" s="2">
        <v>0</v>
      </c>
      <c r="K508" s="2">
        <v>0</v>
      </c>
      <c r="L508" t="s">
        <v>120</v>
      </c>
      <c r="M508" t="s">
        <v>89</v>
      </c>
      <c r="N508" t="s">
        <v>90</v>
      </c>
      <c r="O508" t="s">
        <v>85</v>
      </c>
      <c r="P508" t="s">
        <v>86</v>
      </c>
      <c r="Q508">
        <v>36</v>
      </c>
      <c r="R508">
        <v>36</v>
      </c>
      <c r="S508">
        <v>37</v>
      </c>
      <c r="T508">
        <v>38</v>
      </c>
      <c r="U508">
        <v>39</v>
      </c>
      <c r="V508">
        <v>39</v>
      </c>
      <c r="W508">
        <v>40</v>
      </c>
      <c r="X508">
        <v>40</v>
      </c>
      <c r="Y508">
        <v>41</v>
      </c>
      <c r="Z508">
        <v>41</v>
      </c>
      <c r="AA508">
        <v>42</v>
      </c>
      <c r="AB508">
        <v>42</v>
      </c>
      <c r="AC508">
        <v>43</v>
      </c>
      <c r="AD508">
        <v>43</v>
      </c>
      <c r="AE508">
        <v>43</v>
      </c>
      <c r="AF508">
        <v>43</v>
      </c>
      <c r="AG508">
        <v>43</v>
      </c>
      <c r="AH508">
        <v>43</v>
      </c>
      <c r="AI508">
        <v>43</v>
      </c>
      <c r="AJ508">
        <v>43</v>
      </c>
      <c r="AK508">
        <v>43</v>
      </c>
      <c r="AL508">
        <v>42</v>
      </c>
      <c r="AM508">
        <v>42</v>
      </c>
      <c r="AN508">
        <v>42</v>
      </c>
      <c r="AO508">
        <v>42</v>
      </c>
      <c r="AP508">
        <v>42</v>
      </c>
      <c r="AQ508">
        <v>42</v>
      </c>
    </row>
    <row r="509" spans="1:43">
      <c r="A509" t="s">
        <v>403</v>
      </c>
      <c r="B509" t="s">
        <v>404</v>
      </c>
      <c r="C509" t="s">
        <v>401</v>
      </c>
      <c r="D509" t="s">
        <v>402</v>
      </c>
      <c r="E509" t="s">
        <v>353</v>
      </c>
      <c r="F509" t="s">
        <v>354</v>
      </c>
      <c r="G509" t="s">
        <v>80</v>
      </c>
      <c r="H509" t="s">
        <v>81</v>
      </c>
      <c r="I509" s="2">
        <v>1</v>
      </c>
      <c r="J509" s="2">
        <v>0</v>
      </c>
      <c r="K509" s="2">
        <v>0</v>
      </c>
      <c r="L509" t="s">
        <v>120</v>
      </c>
      <c r="M509" t="s">
        <v>83</v>
      </c>
      <c r="N509" t="s">
        <v>91</v>
      </c>
      <c r="O509" t="s">
        <v>85</v>
      </c>
      <c r="P509" t="s">
        <v>86</v>
      </c>
      <c r="Q509">
        <v>36</v>
      </c>
      <c r="R509">
        <v>37</v>
      </c>
      <c r="S509">
        <v>37</v>
      </c>
      <c r="T509">
        <v>38</v>
      </c>
      <c r="U509">
        <v>38</v>
      </c>
      <c r="V509">
        <v>38</v>
      </c>
      <c r="W509">
        <v>39</v>
      </c>
      <c r="X509">
        <v>39</v>
      </c>
      <c r="Y509">
        <v>39</v>
      </c>
      <c r="Z509">
        <v>40</v>
      </c>
      <c r="AA509">
        <v>40</v>
      </c>
      <c r="AB509">
        <v>40</v>
      </c>
      <c r="AC509">
        <v>41</v>
      </c>
      <c r="AD509">
        <v>41</v>
      </c>
      <c r="AE509">
        <v>41</v>
      </c>
      <c r="AF509">
        <v>42</v>
      </c>
      <c r="AG509">
        <v>42</v>
      </c>
      <c r="AH509">
        <v>42</v>
      </c>
      <c r="AI509">
        <v>43</v>
      </c>
      <c r="AJ509">
        <v>43</v>
      </c>
      <c r="AK509">
        <v>43</v>
      </c>
      <c r="AL509">
        <v>43</v>
      </c>
      <c r="AM509">
        <v>43</v>
      </c>
      <c r="AN509">
        <v>43</v>
      </c>
      <c r="AO509">
        <v>43</v>
      </c>
      <c r="AP509">
        <v>43</v>
      </c>
      <c r="AQ509">
        <v>42</v>
      </c>
    </row>
    <row r="510" spans="1:43">
      <c r="A510" t="s">
        <v>405</v>
      </c>
      <c r="B510" t="s">
        <v>406</v>
      </c>
      <c r="C510" t="s">
        <v>407</v>
      </c>
      <c r="D510" t="s">
        <v>408</v>
      </c>
      <c r="E510" t="s">
        <v>353</v>
      </c>
      <c r="F510" t="s">
        <v>354</v>
      </c>
      <c r="G510" t="s">
        <v>80</v>
      </c>
      <c r="H510" t="s">
        <v>81</v>
      </c>
      <c r="I510" s="2">
        <v>1</v>
      </c>
      <c r="J510" s="2">
        <v>0</v>
      </c>
      <c r="K510" s="2">
        <v>0</v>
      </c>
      <c r="L510" t="s">
        <v>120</v>
      </c>
      <c r="M510" t="s">
        <v>83</v>
      </c>
      <c r="N510" t="s">
        <v>84</v>
      </c>
      <c r="O510" t="s">
        <v>85</v>
      </c>
      <c r="P510" t="s">
        <v>86</v>
      </c>
      <c r="Q510">
        <v>30</v>
      </c>
      <c r="R510">
        <v>30</v>
      </c>
      <c r="S510">
        <v>30</v>
      </c>
      <c r="T510">
        <v>31</v>
      </c>
      <c r="U510">
        <v>31</v>
      </c>
      <c r="V510">
        <v>31</v>
      </c>
      <c r="W510">
        <v>32</v>
      </c>
      <c r="X510">
        <v>32</v>
      </c>
      <c r="Y510">
        <v>32</v>
      </c>
      <c r="Z510">
        <v>32</v>
      </c>
      <c r="AA510">
        <v>33</v>
      </c>
      <c r="AB510">
        <v>33</v>
      </c>
      <c r="AC510">
        <v>33</v>
      </c>
      <c r="AD510">
        <v>33</v>
      </c>
      <c r="AE510">
        <v>34</v>
      </c>
      <c r="AF510">
        <v>34</v>
      </c>
      <c r="AG510">
        <v>34</v>
      </c>
      <c r="AH510">
        <v>34</v>
      </c>
      <c r="AI510">
        <v>35</v>
      </c>
      <c r="AJ510">
        <v>35</v>
      </c>
      <c r="AK510">
        <v>35</v>
      </c>
      <c r="AL510">
        <v>35</v>
      </c>
      <c r="AM510">
        <v>35</v>
      </c>
      <c r="AN510">
        <v>35</v>
      </c>
      <c r="AO510">
        <v>35</v>
      </c>
      <c r="AP510">
        <v>35</v>
      </c>
      <c r="AQ510">
        <v>35</v>
      </c>
    </row>
    <row r="511" spans="1:43">
      <c r="A511" t="s">
        <v>405</v>
      </c>
      <c r="B511" t="s">
        <v>406</v>
      </c>
      <c r="C511" t="s">
        <v>407</v>
      </c>
      <c r="D511" t="s">
        <v>408</v>
      </c>
      <c r="E511" t="s">
        <v>353</v>
      </c>
      <c r="F511" t="s">
        <v>354</v>
      </c>
      <c r="G511" t="s">
        <v>80</v>
      </c>
      <c r="H511" t="s">
        <v>81</v>
      </c>
      <c r="I511" s="2">
        <v>1</v>
      </c>
      <c r="J511" s="2">
        <v>0</v>
      </c>
      <c r="K511" s="2">
        <v>0</v>
      </c>
      <c r="L511" t="s">
        <v>120</v>
      </c>
      <c r="M511" t="s">
        <v>87</v>
      </c>
      <c r="N511" t="s">
        <v>88</v>
      </c>
      <c r="O511" t="s">
        <v>85</v>
      </c>
      <c r="P511" t="s">
        <v>86</v>
      </c>
      <c r="Q511">
        <v>30</v>
      </c>
      <c r="R511">
        <v>30</v>
      </c>
      <c r="S511">
        <v>30</v>
      </c>
      <c r="T511">
        <v>31</v>
      </c>
      <c r="U511">
        <v>31</v>
      </c>
      <c r="V511">
        <v>31</v>
      </c>
      <c r="W511">
        <v>31</v>
      </c>
      <c r="X511">
        <v>31</v>
      </c>
      <c r="Y511">
        <v>31</v>
      </c>
      <c r="Z511">
        <v>31</v>
      </c>
      <c r="AA511">
        <v>31</v>
      </c>
      <c r="AB511">
        <v>31</v>
      </c>
      <c r="AC511">
        <v>31</v>
      </c>
      <c r="AD511">
        <v>31</v>
      </c>
      <c r="AE511">
        <v>31</v>
      </c>
      <c r="AF511">
        <v>31</v>
      </c>
      <c r="AG511">
        <v>31</v>
      </c>
      <c r="AH511">
        <v>31</v>
      </c>
      <c r="AI511">
        <v>31</v>
      </c>
      <c r="AJ511">
        <v>31</v>
      </c>
      <c r="AK511">
        <v>31</v>
      </c>
      <c r="AL511">
        <v>31</v>
      </c>
      <c r="AM511">
        <v>31</v>
      </c>
      <c r="AN511">
        <v>31</v>
      </c>
      <c r="AO511">
        <v>31</v>
      </c>
      <c r="AP511">
        <v>31</v>
      </c>
      <c r="AQ511">
        <v>31</v>
      </c>
    </row>
    <row r="512" spans="1:43">
      <c r="A512" t="s">
        <v>405</v>
      </c>
      <c r="B512" t="s">
        <v>406</v>
      </c>
      <c r="C512" t="s">
        <v>407</v>
      </c>
      <c r="D512" t="s">
        <v>408</v>
      </c>
      <c r="E512" t="s">
        <v>353</v>
      </c>
      <c r="F512" t="s">
        <v>354</v>
      </c>
      <c r="G512" t="s">
        <v>80</v>
      </c>
      <c r="H512" t="s">
        <v>81</v>
      </c>
      <c r="I512" s="2">
        <v>1</v>
      </c>
      <c r="J512" s="2">
        <v>0</v>
      </c>
      <c r="K512" s="2">
        <v>0</v>
      </c>
      <c r="L512" t="s">
        <v>120</v>
      </c>
      <c r="M512" t="s">
        <v>89</v>
      </c>
      <c r="N512" t="s">
        <v>90</v>
      </c>
      <c r="O512" t="s">
        <v>85</v>
      </c>
      <c r="P512" t="s">
        <v>86</v>
      </c>
      <c r="Q512">
        <v>30</v>
      </c>
      <c r="R512">
        <v>31</v>
      </c>
      <c r="S512">
        <v>31</v>
      </c>
      <c r="T512">
        <v>32</v>
      </c>
      <c r="U512">
        <v>32</v>
      </c>
      <c r="V512">
        <v>33</v>
      </c>
      <c r="W512">
        <v>33</v>
      </c>
      <c r="X512">
        <v>34</v>
      </c>
      <c r="Y512">
        <v>34</v>
      </c>
      <c r="Z512">
        <v>34</v>
      </c>
      <c r="AA512">
        <v>35</v>
      </c>
      <c r="AB512">
        <v>35</v>
      </c>
      <c r="AC512">
        <v>36</v>
      </c>
      <c r="AD512">
        <v>36</v>
      </c>
      <c r="AE512">
        <v>36</v>
      </c>
      <c r="AF512">
        <v>36</v>
      </c>
      <c r="AG512">
        <v>36</v>
      </c>
      <c r="AH512">
        <v>36</v>
      </c>
      <c r="AI512">
        <v>36</v>
      </c>
      <c r="AJ512">
        <v>36</v>
      </c>
      <c r="AK512">
        <v>36</v>
      </c>
      <c r="AL512">
        <v>35</v>
      </c>
      <c r="AM512">
        <v>35</v>
      </c>
      <c r="AN512">
        <v>35</v>
      </c>
      <c r="AO512">
        <v>35</v>
      </c>
      <c r="AP512">
        <v>35</v>
      </c>
      <c r="AQ512">
        <v>35</v>
      </c>
    </row>
    <row r="513" spans="1:43">
      <c r="A513" t="s">
        <v>405</v>
      </c>
      <c r="B513" t="s">
        <v>406</v>
      </c>
      <c r="C513" t="s">
        <v>407</v>
      </c>
      <c r="D513" t="s">
        <v>408</v>
      </c>
      <c r="E513" t="s">
        <v>353</v>
      </c>
      <c r="F513" t="s">
        <v>354</v>
      </c>
      <c r="G513" t="s">
        <v>80</v>
      </c>
      <c r="H513" t="s">
        <v>81</v>
      </c>
      <c r="I513" s="2">
        <v>1</v>
      </c>
      <c r="J513" s="2">
        <v>0</v>
      </c>
      <c r="K513" s="2">
        <v>0</v>
      </c>
      <c r="L513" t="s">
        <v>120</v>
      </c>
      <c r="M513" t="s">
        <v>83</v>
      </c>
      <c r="N513" t="s">
        <v>91</v>
      </c>
      <c r="O513" t="s">
        <v>85</v>
      </c>
      <c r="P513" t="s">
        <v>86</v>
      </c>
      <c r="Q513">
        <v>30</v>
      </c>
      <c r="R513">
        <v>30</v>
      </c>
      <c r="S513">
        <v>30</v>
      </c>
      <c r="T513">
        <v>31</v>
      </c>
      <c r="U513">
        <v>31</v>
      </c>
      <c r="V513">
        <v>31</v>
      </c>
      <c r="W513">
        <v>32</v>
      </c>
      <c r="X513">
        <v>32</v>
      </c>
      <c r="Y513">
        <v>32</v>
      </c>
      <c r="Z513">
        <v>32</v>
      </c>
      <c r="AA513">
        <v>33</v>
      </c>
      <c r="AB513">
        <v>33</v>
      </c>
      <c r="AC513">
        <v>33</v>
      </c>
      <c r="AD513">
        <v>33</v>
      </c>
      <c r="AE513">
        <v>34</v>
      </c>
      <c r="AF513">
        <v>34</v>
      </c>
      <c r="AG513">
        <v>34</v>
      </c>
      <c r="AH513">
        <v>34</v>
      </c>
      <c r="AI513">
        <v>35</v>
      </c>
      <c r="AJ513">
        <v>35</v>
      </c>
      <c r="AK513">
        <v>35</v>
      </c>
      <c r="AL513">
        <v>35</v>
      </c>
      <c r="AM513">
        <v>35</v>
      </c>
      <c r="AN513">
        <v>35</v>
      </c>
      <c r="AO513">
        <v>35</v>
      </c>
      <c r="AP513">
        <v>35</v>
      </c>
      <c r="AQ513">
        <v>35</v>
      </c>
    </row>
    <row r="514" spans="1:43">
      <c r="A514" t="s">
        <v>409</v>
      </c>
      <c r="B514" t="s">
        <v>410</v>
      </c>
      <c r="C514" t="s">
        <v>411</v>
      </c>
      <c r="D514" t="s">
        <v>412</v>
      </c>
      <c r="E514" t="s">
        <v>353</v>
      </c>
      <c r="F514" t="s">
        <v>354</v>
      </c>
      <c r="G514" t="s">
        <v>80</v>
      </c>
      <c r="H514" t="s">
        <v>81</v>
      </c>
      <c r="I514" s="2">
        <v>1</v>
      </c>
      <c r="J514" s="2">
        <v>0</v>
      </c>
      <c r="K514" s="2">
        <v>0</v>
      </c>
      <c r="L514" t="s">
        <v>120</v>
      </c>
      <c r="M514" t="s">
        <v>83</v>
      </c>
      <c r="N514" t="s">
        <v>84</v>
      </c>
      <c r="O514" t="s">
        <v>85</v>
      </c>
      <c r="P514" t="s">
        <v>86</v>
      </c>
      <c r="Q514">
        <v>21</v>
      </c>
      <c r="R514">
        <v>21</v>
      </c>
      <c r="S514">
        <v>22</v>
      </c>
      <c r="T514">
        <v>22</v>
      </c>
      <c r="U514">
        <v>22</v>
      </c>
      <c r="V514">
        <v>22</v>
      </c>
      <c r="W514">
        <v>23</v>
      </c>
      <c r="X514">
        <v>23</v>
      </c>
      <c r="Y514">
        <v>23</v>
      </c>
      <c r="Z514">
        <v>23</v>
      </c>
      <c r="AA514">
        <v>23</v>
      </c>
      <c r="AB514">
        <v>24</v>
      </c>
      <c r="AC514">
        <v>24</v>
      </c>
      <c r="AD514">
        <v>24</v>
      </c>
      <c r="AE514">
        <v>24</v>
      </c>
      <c r="AF514">
        <v>24</v>
      </c>
      <c r="AG514">
        <v>25</v>
      </c>
      <c r="AH514">
        <v>25</v>
      </c>
      <c r="AI514">
        <v>25</v>
      </c>
      <c r="AJ514">
        <v>25</v>
      </c>
      <c r="AK514">
        <v>25</v>
      </c>
      <c r="AL514">
        <v>25</v>
      </c>
      <c r="AM514">
        <v>25</v>
      </c>
      <c r="AN514">
        <v>25</v>
      </c>
      <c r="AO514">
        <v>25</v>
      </c>
      <c r="AP514">
        <v>25</v>
      </c>
      <c r="AQ514">
        <v>25</v>
      </c>
    </row>
    <row r="515" spans="1:43">
      <c r="A515" t="s">
        <v>409</v>
      </c>
      <c r="B515" t="s">
        <v>410</v>
      </c>
      <c r="C515" t="s">
        <v>411</v>
      </c>
      <c r="D515" t="s">
        <v>412</v>
      </c>
      <c r="E515" t="s">
        <v>353</v>
      </c>
      <c r="F515" t="s">
        <v>354</v>
      </c>
      <c r="G515" t="s">
        <v>80</v>
      </c>
      <c r="H515" t="s">
        <v>81</v>
      </c>
      <c r="I515" s="2">
        <v>1</v>
      </c>
      <c r="J515" s="2">
        <v>0</v>
      </c>
      <c r="K515" s="2">
        <v>0</v>
      </c>
      <c r="L515" t="s">
        <v>120</v>
      </c>
      <c r="M515" t="s">
        <v>87</v>
      </c>
      <c r="N515" t="s">
        <v>88</v>
      </c>
      <c r="O515" t="s">
        <v>85</v>
      </c>
      <c r="P515" t="s">
        <v>86</v>
      </c>
      <c r="Q515">
        <v>21</v>
      </c>
      <c r="R515">
        <v>21</v>
      </c>
      <c r="S515">
        <v>21</v>
      </c>
      <c r="T515">
        <v>21</v>
      </c>
      <c r="U515">
        <v>21</v>
      </c>
      <c r="V515">
        <v>21</v>
      </c>
      <c r="W515">
        <v>21</v>
      </c>
      <c r="X515">
        <v>21</v>
      </c>
      <c r="Y515">
        <v>21</v>
      </c>
      <c r="Z515">
        <v>21</v>
      </c>
      <c r="AA515">
        <v>21</v>
      </c>
      <c r="AB515">
        <v>21</v>
      </c>
      <c r="AC515">
        <v>21</v>
      </c>
      <c r="AD515">
        <v>21</v>
      </c>
      <c r="AE515">
        <v>21</v>
      </c>
      <c r="AF515">
        <v>21</v>
      </c>
      <c r="AG515">
        <v>21</v>
      </c>
      <c r="AH515">
        <v>21</v>
      </c>
      <c r="AI515">
        <v>21</v>
      </c>
      <c r="AJ515">
        <v>21</v>
      </c>
      <c r="AK515">
        <v>22</v>
      </c>
      <c r="AL515">
        <v>22</v>
      </c>
      <c r="AM515">
        <v>22</v>
      </c>
      <c r="AN515">
        <v>22</v>
      </c>
      <c r="AO515">
        <v>22</v>
      </c>
      <c r="AP515">
        <v>22</v>
      </c>
      <c r="AQ515">
        <v>22</v>
      </c>
    </row>
    <row r="516" spans="1:43">
      <c r="A516" t="s">
        <v>409</v>
      </c>
      <c r="B516" t="s">
        <v>410</v>
      </c>
      <c r="C516" t="s">
        <v>411</v>
      </c>
      <c r="D516" t="s">
        <v>412</v>
      </c>
      <c r="E516" t="s">
        <v>353</v>
      </c>
      <c r="F516" t="s">
        <v>354</v>
      </c>
      <c r="G516" t="s">
        <v>80</v>
      </c>
      <c r="H516" t="s">
        <v>81</v>
      </c>
      <c r="I516" s="2">
        <v>1</v>
      </c>
      <c r="J516" s="2">
        <v>0</v>
      </c>
      <c r="K516" s="2">
        <v>0</v>
      </c>
      <c r="L516" t="s">
        <v>120</v>
      </c>
      <c r="M516" t="s">
        <v>89</v>
      </c>
      <c r="N516" t="s">
        <v>90</v>
      </c>
      <c r="O516" t="s">
        <v>85</v>
      </c>
      <c r="P516" t="s">
        <v>86</v>
      </c>
      <c r="Q516">
        <v>21</v>
      </c>
      <c r="R516">
        <v>22</v>
      </c>
      <c r="S516">
        <v>22</v>
      </c>
      <c r="T516">
        <v>23</v>
      </c>
      <c r="U516">
        <v>23</v>
      </c>
      <c r="V516">
        <v>23</v>
      </c>
      <c r="W516">
        <v>24</v>
      </c>
      <c r="X516">
        <v>24</v>
      </c>
      <c r="Y516">
        <v>24</v>
      </c>
      <c r="Z516">
        <v>25</v>
      </c>
      <c r="AA516">
        <v>25</v>
      </c>
      <c r="AB516">
        <v>25</v>
      </c>
      <c r="AC516">
        <v>25</v>
      </c>
      <c r="AD516">
        <v>26</v>
      </c>
      <c r="AE516">
        <v>26</v>
      </c>
      <c r="AF516">
        <v>26</v>
      </c>
      <c r="AG516">
        <v>26</v>
      </c>
      <c r="AH516">
        <v>26</v>
      </c>
      <c r="AI516">
        <v>26</v>
      </c>
      <c r="AJ516">
        <v>26</v>
      </c>
      <c r="AK516">
        <v>26</v>
      </c>
      <c r="AL516">
        <v>25</v>
      </c>
      <c r="AM516">
        <v>25</v>
      </c>
      <c r="AN516">
        <v>25</v>
      </c>
      <c r="AO516">
        <v>25</v>
      </c>
      <c r="AP516">
        <v>25</v>
      </c>
      <c r="AQ516">
        <v>25</v>
      </c>
    </row>
    <row r="517" spans="1:43">
      <c r="A517" t="s">
        <v>409</v>
      </c>
      <c r="B517" t="s">
        <v>410</v>
      </c>
      <c r="C517" t="s">
        <v>411</v>
      </c>
      <c r="D517" t="s">
        <v>412</v>
      </c>
      <c r="E517" t="s">
        <v>353</v>
      </c>
      <c r="F517" t="s">
        <v>354</v>
      </c>
      <c r="G517" t="s">
        <v>80</v>
      </c>
      <c r="H517" t="s">
        <v>81</v>
      </c>
      <c r="I517" s="2">
        <v>1</v>
      </c>
      <c r="J517" s="2">
        <v>0</v>
      </c>
      <c r="K517" s="2">
        <v>0</v>
      </c>
      <c r="L517" t="s">
        <v>120</v>
      </c>
      <c r="M517" t="s">
        <v>83</v>
      </c>
      <c r="N517" t="s">
        <v>91</v>
      </c>
      <c r="O517" t="s">
        <v>85</v>
      </c>
      <c r="P517" t="s">
        <v>86</v>
      </c>
      <c r="Q517">
        <v>21</v>
      </c>
      <c r="R517">
        <v>21</v>
      </c>
      <c r="S517">
        <v>22</v>
      </c>
      <c r="T517">
        <v>22</v>
      </c>
      <c r="U517">
        <v>22</v>
      </c>
      <c r="V517">
        <v>22</v>
      </c>
      <c r="W517">
        <v>23</v>
      </c>
      <c r="X517">
        <v>23</v>
      </c>
      <c r="Y517">
        <v>23</v>
      </c>
      <c r="Z517">
        <v>23</v>
      </c>
      <c r="AA517">
        <v>23</v>
      </c>
      <c r="AB517">
        <v>24</v>
      </c>
      <c r="AC517">
        <v>24</v>
      </c>
      <c r="AD517">
        <v>24</v>
      </c>
      <c r="AE517">
        <v>24</v>
      </c>
      <c r="AF517">
        <v>24</v>
      </c>
      <c r="AG517">
        <v>25</v>
      </c>
      <c r="AH517">
        <v>25</v>
      </c>
      <c r="AI517">
        <v>25</v>
      </c>
      <c r="AJ517">
        <v>25</v>
      </c>
      <c r="AK517">
        <v>25</v>
      </c>
      <c r="AL517">
        <v>25</v>
      </c>
      <c r="AM517">
        <v>25</v>
      </c>
      <c r="AN517">
        <v>25</v>
      </c>
      <c r="AO517">
        <v>25</v>
      </c>
      <c r="AP517">
        <v>25</v>
      </c>
      <c r="AQ517">
        <v>25</v>
      </c>
    </row>
    <row r="518" spans="1:43">
      <c r="A518" t="s">
        <v>413</v>
      </c>
      <c r="B518" t="s">
        <v>414</v>
      </c>
      <c r="C518" t="s">
        <v>407</v>
      </c>
      <c r="D518" t="s">
        <v>408</v>
      </c>
      <c r="E518" t="s">
        <v>353</v>
      </c>
      <c r="F518" t="s">
        <v>354</v>
      </c>
      <c r="G518" t="s">
        <v>80</v>
      </c>
      <c r="H518" t="s">
        <v>81</v>
      </c>
      <c r="I518" s="2">
        <v>1</v>
      </c>
      <c r="J518" s="2">
        <v>0</v>
      </c>
      <c r="K518" s="2">
        <v>0</v>
      </c>
      <c r="L518" t="s">
        <v>120</v>
      </c>
      <c r="M518" t="s">
        <v>83</v>
      </c>
      <c r="N518" t="s">
        <v>84</v>
      </c>
      <c r="O518" t="s">
        <v>85</v>
      </c>
      <c r="P518" t="s">
        <v>86</v>
      </c>
      <c r="Q518">
        <v>19</v>
      </c>
      <c r="R518">
        <v>20</v>
      </c>
      <c r="S518">
        <v>20</v>
      </c>
      <c r="T518">
        <v>20</v>
      </c>
      <c r="U518">
        <v>20</v>
      </c>
      <c r="V518">
        <v>21</v>
      </c>
      <c r="W518">
        <v>21</v>
      </c>
      <c r="X518">
        <v>21</v>
      </c>
      <c r="Y518">
        <v>21</v>
      </c>
      <c r="Z518">
        <v>21</v>
      </c>
      <c r="AA518">
        <v>21</v>
      </c>
      <c r="AB518">
        <v>22</v>
      </c>
      <c r="AC518">
        <v>22</v>
      </c>
      <c r="AD518">
        <v>22</v>
      </c>
      <c r="AE518">
        <v>22</v>
      </c>
      <c r="AF518">
        <v>22</v>
      </c>
      <c r="AG518">
        <v>22</v>
      </c>
      <c r="AH518">
        <v>23</v>
      </c>
      <c r="AI518">
        <v>23</v>
      </c>
      <c r="AJ518">
        <v>23</v>
      </c>
      <c r="AK518">
        <v>23</v>
      </c>
      <c r="AL518">
        <v>23</v>
      </c>
      <c r="AM518">
        <v>23</v>
      </c>
      <c r="AN518">
        <v>23</v>
      </c>
      <c r="AO518">
        <v>23</v>
      </c>
      <c r="AP518">
        <v>23</v>
      </c>
      <c r="AQ518">
        <v>23</v>
      </c>
    </row>
    <row r="519" spans="1:43">
      <c r="A519" t="s">
        <v>413</v>
      </c>
      <c r="B519" t="s">
        <v>414</v>
      </c>
      <c r="C519" t="s">
        <v>407</v>
      </c>
      <c r="D519" t="s">
        <v>408</v>
      </c>
      <c r="E519" t="s">
        <v>353</v>
      </c>
      <c r="F519" t="s">
        <v>354</v>
      </c>
      <c r="G519" t="s">
        <v>80</v>
      </c>
      <c r="H519" t="s">
        <v>81</v>
      </c>
      <c r="I519" s="2">
        <v>1</v>
      </c>
      <c r="J519" s="2">
        <v>0</v>
      </c>
      <c r="K519" s="2">
        <v>0</v>
      </c>
      <c r="L519" t="s">
        <v>120</v>
      </c>
      <c r="M519" t="s">
        <v>87</v>
      </c>
      <c r="N519" t="s">
        <v>88</v>
      </c>
      <c r="O519" t="s">
        <v>85</v>
      </c>
      <c r="P519" t="s">
        <v>86</v>
      </c>
      <c r="Q519">
        <v>19</v>
      </c>
      <c r="R519">
        <v>19</v>
      </c>
      <c r="S519">
        <v>19</v>
      </c>
      <c r="T519">
        <v>19</v>
      </c>
      <c r="U519">
        <v>19</v>
      </c>
      <c r="V519">
        <v>19</v>
      </c>
      <c r="W519">
        <v>19</v>
      </c>
      <c r="X519">
        <v>19</v>
      </c>
      <c r="Y519">
        <v>20</v>
      </c>
      <c r="Z519">
        <v>20</v>
      </c>
      <c r="AA519">
        <v>20</v>
      </c>
      <c r="AB519">
        <v>20</v>
      </c>
      <c r="AC519">
        <v>20</v>
      </c>
      <c r="AD519">
        <v>20</v>
      </c>
      <c r="AE519">
        <v>20</v>
      </c>
      <c r="AF519">
        <v>20</v>
      </c>
      <c r="AG519">
        <v>20</v>
      </c>
      <c r="AH519">
        <v>20</v>
      </c>
      <c r="AI519">
        <v>20</v>
      </c>
      <c r="AJ519">
        <v>20</v>
      </c>
      <c r="AK519">
        <v>20</v>
      </c>
      <c r="AL519">
        <v>20</v>
      </c>
      <c r="AM519">
        <v>20</v>
      </c>
      <c r="AN519">
        <v>20</v>
      </c>
      <c r="AO519">
        <v>20</v>
      </c>
      <c r="AP519">
        <v>20</v>
      </c>
      <c r="AQ519">
        <v>20</v>
      </c>
    </row>
    <row r="520" spans="1:43">
      <c r="A520" t="s">
        <v>413</v>
      </c>
      <c r="B520" t="s">
        <v>414</v>
      </c>
      <c r="C520" t="s">
        <v>407</v>
      </c>
      <c r="D520" t="s">
        <v>408</v>
      </c>
      <c r="E520" t="s">
        <v>353</v>
      </c>
      <c r="F520" t="s">
        <v>354</v>
      </c>
      <c r="G520" t="s">
        <v>80</v>
      </c>
      <c r="H520" t="s">
        <v>81</v>
      </c>
      <c r="I520" s="2">
        <v>1</v>
      </c>
      <c r="J520" s="2">
        <v>0</v>
      </c>
      <c r="K520" s="2">
        <v>0</v>
      </c>
      <c r="L520" t="s">
        <v>120</v>
      </c>
      <c r="M520" t="s">
        <v>89</v>
      </c>
      <c r="N520" t="s">
        <v>90</v>
      </c>
      <c r="O520" t="s">
        <v>85</v>
      </c>
      <c r="P520" t="s">
        <v>86</v>
      </c>
      <c r="Q520">
        <v>19</v>
      </c>
      <c r="R520">
        <v>19</v>
      </c>
      <c r="S520">
        <v>19</v>
      </c>
      <c r="T520">
        <v>20</v>
      </c>
      <c r="U520">
        <v>20</v>
      </c>
      <c r="V520">
        <v>20</v>
      </c>
      <c r="W520">
        <v>21</v>
      </c>
      <c r="X520">
        <v>21</v>
      </c>
      <c r="Y520">
        <v>21</v>
      </c>
      <c r="Z520">
        <v>22</v>
      </c>
      <c r="AA520">
        <v>22</v>
      </c>
      <c r="AB520">
        <v>22</v>
      </c>
      <c r="AC520">
        <v>22</v>
      </c>
      <c r="AD520">
        <v>23</v>
      </c>
      <c r="AE520">
        <v>23</v>
      </c>
      <c r="AF520">
        <v>23</v>
      </c>
      <c r="AG520">
        <v>23</v>
      </c>
      <c r="AH520">
        <v>23</v>
      </c>
      <c r="AI520">
        <v>22</v>
      </c>
      <c r="AJ520">
        <v>22</v>
      </c>
      <c r="AK520">
        <v>22</v>
      </c>
      <c r="AL520">
        <v>22</v>
      </c>
      <c r="AM520">
        <v>22</v>
      </c>
      <c r="AN520">
        <v>22</v>
      </c>
      <c r="AO520">
        <v>22</v>
      </c>
      <c r="AP520">
        <v>22</v>
      </c>
      <c r="AQ520">
        <v>22</v>
      </c>
    </row>
    <row r="521" spans="1:43">
      <c r="A521" t="s">
        <v>413</v>
      </c>
      <c r="B521" t="s">
        <v>414</v>
      </c>
      <c r="C521" t="s">
        <v>407</v>
      </c>
      <c r="D521" t="s">
        <v>408</v>
      </c>
      <c r="E521" t="s">
        <v>353</v>
      </c>
      <c r="F521" t="s">
        <v>354</v>
      </c>
      <c r="G521" t="s">
        <v>80</v>
      </c>
      <c r="H521" t="s">
        <v>81</v>
      </c>
      <c r="I521" s="2">
        <v>1</v>
      </c>
      <c r="J521" s="2">
        <v>0</v>
      </c>
      <c r="K521" s="2">
        <v>0</v>
      </c>
      <c r="L521" t="s">
        <v>120</v>
      </c>
      <c r="M521" t="s">
        <v>83</v>
      </c>
      <c r="N521" t="s">
        <v>91</v>
      </c>
      <c r="O521" t="s">
        <v>85</v>
      </c>
      <c r="P521" t="s">
        <v>86</v>
      </c>
      <c r="Q521">
        <v>19</v>
      </c>
      <c r="R521">
        <v>20</v>
      </c>
      <c r="S521">
        <v>20</v>
      </c>
      <c r="T521">
        <v>20</v>
      </c>
      <c r="U521">
        <v>20</v>
      </c>
      <c r="V521">
        <v>21</v>
      </c>
      <c r="W521">
        <v>21</v>
      </c>
      <c r="X521">
        <v>21</v>
      </c>
      <c r="Y521">
        <v>21</v>
      </c>
      <c r="Z521">
        <v>21</v>
      </c>
      <c r="AA521">
        <v>21</v>
      </c>
      <c r="AB521">
        <v>22</v>
      </c>
      <c r="AC521">
        <v>22</v>
      </c>
      <c r="AD521">
        <v>22</v>
      </c>
      <c r="AE521">
        <v>22</v>
      </c>
      <c r="AF521">
        <v>22</v>
      </c>
      <c r="AG521">
        <v>22</v>
      </c>
      <c r="AH521">
        <v>23</v>
      </c>
      <c r="AI521">
        <v>23</v>
      </c>
      <c r="AJ521">
        <v>23</v>
      </c>
      <c r="AK521">
        <v>23</v>
      </c>
      <c r="AL521">
        <v>23</v>
      </c>
      <c r="AM521">
        <v>23</v>
      </c>
      <c r="AN521">
        <v>23</v>
      </c>
      <c r="AO521">
        <v>23</v>
      </c>
      <c r="AP521">
        <v>23</v>
      </c>
      <c r="AQ521">
        <v>23</v>
      </c>
    </row>
    <row r="522" spans="1:43">
      <c r="A522" t="s">
        <v>415</v>
      </c>
      <c r="B522" t="s">
        <v>416</v>
      </c>
      <c r="C522" t="s">
        <v>407</v>
      </c>
      <c r="D522" t="s">
        <v>408</v>
      </c>
      <c r="E522" t="s">
        <v>353</v>
      </c>
      <c r="F522" t="s">
        <v>354</v>
      </c>
      <c r="G522" t="s">
        <v>80</v>
      </c>
      <c r="H522" t="s">
        <v>81</v>
      </c>
      <c r="I522" s="2">
        <v>1</v>
      </c>
      <c r="J522" s="2">
        <v>0</v>
      </c>
      <c r="K522" s="2">
        <v>0</v>
      </c>
      <c r="L522" t="s">
        <v>120</v>
      </c>
      <c r="M522" t="s">
        <v>83</v>
      </c>
      <c r="N522" t="s">
        <v>84</v>
      </c>
      <c r="O522" t="s">
        <v>85</v>
      </c>
      <c r="P522" t="s">
        <v>86</v>
      </c>
      <c r="Q522">
        <v>71</v>
      </c>
      <c r="R522">
        <v>72</v>
      </c>
      <c r="S522">
        <v>73</v>
      </c>
      <c r="T522">
        <v>74</v>
      </c>
      <c r="U522">
        <v>74</v>
      </c>
      <c r="V522">
        <v>75</v>
      </c>
      <c r="W522">
        <v>76</v>
      </c>
      <c r="X522">
        <v>77</v>
      </c>
      <c r="Y522">
        <v>77</v>
      </c>
      <c r="Z522">
        <v>78</v>
      </c>
      <c r="AA522">
        <v>79</v>
      </c>
      <c r="AB522">
        <v>79</v>
      </c>
      <c r="AC522">
        <v>80</v>
      </c>
      <c r="AD522">
        <v>81</v>
      </c>
      <c r="AE522">
        <v>81</v>
      </c>
      <c r="AF522">
        <v>82</v>
      </c>
      <c r="AG522">
        <v>82</v>
      </c>
      <c r="AH522">
        <v>83</v>
      </c>
      <c r="AI522">
        <v>83</v>
      </c>
      <c r="AJ522">
        <v>84</v>
      </c>
      <c r="AK522">
        <v>85</v>
      </c>
      <c r="AL522">
        <v>85</v>
      </c>
      <c r="AM522">
        <v>84</v>
      </c>
      <c r="AN522">
        <v>84</v>
      </c>
      <c r="AO522">
        <v>84</v>
      </c>
      <c r="AP522">
        <v>84</v>
      </c>
      <c r="AQ522">
        <v>83</v>
      </c>
    </row>
    <row r="523" spans="1:43">
      <c r="A523" t="s">
        <v>415</v>
      </c>
      <c r="B523" t="s">
        <v>416</v>
      </c>
      <c r="C523" t="s">
        <v>407</v>
      </c>
      <c r="D523" t="s">
        <v>408</v>
      </c>
      <c r="E523" t="s">
        <v>353</v>
      </c>
      <c r="F523" t="s">
        <v>354</v>
      </c>
      <c r="G523" t="s">
        <v>80</v>
      </c>
      <c r="H523" t="s">
        <v>81</v>
      </c>
      <c r="I523" s="2">
        <v>1</v>
      </c>
      <c r="J523" s="2">
        <v>0</v>
      </c>
      <c r="K523" s="2">
        <v>0</v>
      </c>
      <c r="L523" t="s">
        <v>120</v>
      </c>
      <c r="M523" t="s">
        <v>87</v>
      </c>
      <c r="N523" t="s">
        <v>88</v>
      </c>
      <c r="O523" t="s">
        <v>85</v>
      </c>
      <c r="P523" t="s">
        <v>86</v>
      </c>
      <c r="Q523">
        <v>71</v>
      </c>
      <c r="R523">
        <v>71</v>
      </c>
      <c r="S523">
        <v>71</v>
      </c>
      <c r="T523">
        <v>71</v>
      </c>
      <c r="U523">
        <v>71</v>
      </c>
      <c r="V523">
        <v>71</v>
      </c>
      <c r="W523">
        <v>71</v>
      </c>
      <c r="X523">
        <v>71</v>
      </c>
      <c r="Y523">
        <v>71</v>
      </c>
      <c r="Z523">
        <v>72</v>
      </c>
      <c r="AA523">
        <v>72</v>
      </c>
      <c r="AB523">
        <v>72</v>
      </c>
      <c r="AC523">
        <v>72</v>
      </c>
      <c r="AD523">
        <v>72</v>
      </c>
      <c r="AE523">
        <v>72</v>
      </c>
      <c r="AF523">
        <v>72</v>
      </c>
      <c r="AG523">
        <v>72</v>
      </c>
      <c r="AH523">
        <v>72</v>
      </c>
      <c r="AI523">
        <v>72</v>
      </c>
      <c r="AJ523">
        <v>72</v>
      </c>
      <c r="AK523">
        <v>72</v>
      </c>
      <c r="AL523">
        <v>72</v>
      </c>
      <c r="AM523">
        <v>72</v>
      </c>
      <c r="AN523">
        <v>72</v>
      </c>
      <c r="AO523">
        <v>72</v>
      </c>
      <c r="AP523">
        <v>72</v>
      </c>
      <c r="AQ523">
        <v>72</v>
      </c>
    </row>
    <row r="524" spans="1:43">
      <c r="A524" t="s">
        <v>415</v>
      </c>
      <c r="B524" t="s">
        <v>416</v>
      </c>
      <c r="C524" t="s">
        <v>407</v>
      </c>
      <c r="D524" t="s">
        <v>408</v>
      </c>
      <c r="E524" t="s">
        <v>353</v>
      </c>
      <c r="F524" t="s">
        <v>354</v>
      </c>
      <c r="G524" t="s">
        <v>80</v>
      </c>
      <c r="H524" t="s">
        <v>81</v>
      </c>
      <c r="I524" s="2">
        <v>1</v>
      </c>
      <c r="J524" s="2">
        <v>0</v>
      </c>
      <c r="K524" s="2">
        <v>0</v>
      </c>
      <c r="L524" t="s">
        <v>120</v>
      </c>
      <c r="M524" t="s">
        <v>89</v>
      </c>
      <c r="N524" t="s">
        <v>90</v>
      </c>
      <c r="O524" t="s">
        <v>85</v>
      </c>
      <c r="P524" t="s">
        <v>86</v>
      </c>
      <c r="Q524">
        <v>71</v>
      </c>
      <c r="R524">
        <v>72</v>
      </c>
      <c r="S524">
        <v>74</v>
      </c>
      <c r="T524">
        <v>75</v>
      </c>
      <c r="U524">
        <v>76</v>
      </c>
      <c r="V524">
        <v>78</v>
      </c>
      <c r="W524">
        <v>79</v>
      </c>
      <c r="X524">
        <v>80</v>
      </c>
      <c r="Y524">
        <v>81</v>
      </c>
      <c r="Z524">
        <v>82</v>
      </c>
      <c r="AA524">
        <v>83</v>
      </c>
      <c r="AB524">
        <v>84</v>
      </c>
      <c r="AC524">
        <v>85</v>
      </c>
      <c r="AD524">
        <v>86</v>
      </c>
      <c r="AE524">
        <v>86</v>
      </c>
      <c r="AF524">
        <v>86</v>
      </c>
      <c r="AG524">
        <v>86</v>
      </c>
      <c r="AH524">
        <v>85</v>
      </c>
      <c r="AI524">
        <v>85</v>
      </c>
      <c r="AJ524">
        <v>85</v>
      </c>
      <c r="AK524">
        <v>85</v>
      </c>
      <c r="AL524">
        <v>84</v>
      </c>
      <c r="AM524">
        <v>84</v>
      </c>
      <c r="AN524">
        <v>84</v>
      </c>
      <c r="AO524">
        <v>83</v>
      </c>
      <c r="AP524">
        <v>83</v>
      </c>
      <c r="AQ524">
        <v>83</v>
      </c>
    </row>
    <row r="525" spans="1:43">
      <c r="A525" t="s">
        <v>415</v>
      </c>
      <c r="B525" t="s">
        <v>416</v>
      </c>
      <c r="C525" t="s">
        <v>407</v>
      </c>
      <c r="D525" t="s">
        <v>408</v>
      </c>
      <c r="E525" t="s">
        <v>353</v>
      </c>
      <c r="F525" t="s">
        <v>354</v>
      </c>
      <c r="G525" t="s">
        <v>80</v>
      </c>
      <c r="H525" t="s">
        <v>81</v>
      </c>
      <c r="I525" s="2">
        <v>1</v>
      </c>
      <c r="J525" s="2">
        <v>0</v>
      </c>
      <c r="K525" s="2">
        <v>0</v>
      </c>
      <c r="L525" t="s">
        <v>120</v>
      </c>
      <c r="M525" t="s">
        <v>83</v>
      </c>
      <c r="N525" t="s">
        <v>91</v>
      </c>
      <c r="O525" t="s">
        <v>85</v>
      </c>
      <c r="P525" t="s">
        <v>86</v>
      </c>
      <c r="Q525">
        <v>71</v>
      </c>
      <c r="R525">
        <v>72</v>
      </c>
      <c r="S525">
        <v>73</v>
      </c>
      <c r="T525">
        <v>74</v>
      </c>
      <c r="U525">
        <v>74</v>
      </c>
      <c r="V525">
        <v>75</v>
      </c>
      <c r="W525">
        <v>76</v>
      </c>
      <c r="X525">
        <v>77</v>
      </c>
      <c r="Y525">
        <v>77</v>
      </c>
      <c r="Z525">
        <v>78</v>
      </c>
      <c r="AA525">
        <v>79</v>
      </c>
      <c r="AB525">
        <v>79</v>
      </c>
      <c r="AC525">
        <v>80</v>
      </c>
      <c r="AD525">
        <v>81</v>
      </c>
      <c r="AE525">
        <v>81</v>
      </c>
      <c r="AF525">
        <v>82</v>
      </c>
      <c r="AG525">
        <v>82</v>
      </c>
      <c r="AH525">
        <v>83</v>
      </c>
      <c r="AI525">
        <v>83</v>
      </c>
      <c r="AJ525">
        <v>84</v>
      </c>
      <c r="AK525">
        <v>85</v>
      </c>
      <c r="AL525">
        <v>85</v>
      </c>
      <c r="AM525">
        <v>84</v>
      </c>
      <c r="AN525">
        <v>84</v>
      </c>
      <c r="AO525">
        <v>84</v>
      </c>
      <c r="AP525">
        <v>84</v>
      </c>
      <c r="AQ525">
        <v>83</v>
      </c>
    </row>
    <row r="526" spans="1:43">
      <c r="A526" t="s">
        <v>417</v>
      </c>
      <c r="B526" t="s">
        <v>418</v>
      </c>
      <c r="C526" t="s">
        <v>419</v>
      </c>
      <c r="D526" t="s">
        <v>420</v>
      </c>
      <c r="E526" t="s">
        <v>353</v>
      </c>
      <c r="F526" t="s">
        <v>354</v>
      </c>
      <c r="G526" t="s">
        <v>80</v>
      </c>
      <c r="H526" t="s">
        <v>81</v>
      </c>
      <c r="I526" s="2">
        <v>1</v>
      </c>
      <c r="J526" s="2">
        <v>0</v>
      </c>
      <c r="K526" s="2">
        <v>0</v>
      </c>
      <c r="L526" t="s">
        <v>120</v>
      </c>
      <c r="M526" t="s">
        <v>83</v>
      </c>
      <c r="N526" t="s">
        <v>84</v>
      </c>
      <c r="O526" t="s">
        <v>85</v>
      </c>
      <c r="P526" t="s">
        <v>86</v>
      </c>
      <c r="Q526">
        <v>78</v>
      </c>
      <c r="R526">
        <v>79</v>
      </c>
      <c r="S526">
        <v>80</v>
      </c>
      <c r="T526">
        <v>81</v>
      </c>
      <c r="U526">
        <v>82</v>
      </c>
      <c r="V526">
        <v>83</v>
      </c>
      <c r="W526">
        <v>84</v>
      </c>
      <c r="X526">
        <v>84</v>
      </c>
      <c r="Y526">
        <v>85</v>
      </c>
      <c r="Z526">
        <v>86</v>
      </c>
      <c r="AA526">
        <v>87</v>
      </c>
      <c r="AB526">
        <v>87</v>
      </c>
      <c r="AC526">
        <v>88</v>
      </c>
      <c r="AD526">
        <v>89</v>
      </c>
      <c r="AE526">
        <v>90</v>
      </c>
      <c r="AF526">
        <v>90</v>
      </c>
      <c r="AG526">
        <v>91</v>
      </c>
      <c r="AH526">
        <v>92</v>
      </c>
      <c r="AI526">
        <v>92</v>
      </c>
      <c r="AJ526">
        <v>93</v>
      </c>
      <c r="AK526">
        <v>94</v>
      </c>
      <c r="AL526">
        <v>94</v>
      </c>
      <c r="AM526">
        <v>94</v>
      </c>
      <c r="AN526">
        <v>94</v>
      </c>
      <c r="AO526">
        <v>93</v>
      </c>
      <c r="AP526">
        <v>93</v>
      </c>
      <c r="AQ526">
        <v>93</v>
      </c>
    </row>
    <row r="527" spans="1:43">
      <c r="A527" t="s">
        <v>417</v>
      </c>
      <c r="B527" t="s">
        <v>418</v>
      </c>
      <c r="C527" t="s">
        <v>419</v>
      </c>
      <c r="D527" t="s">
        <v>420</v>
      </c>
      <c r="E527" t="s">
        <v>353</v>
      </c>
      <c r="F527" t="s">
        <v>354</v>
      </c>
      <c r="G527" t="s">
        <v>80</v>
      </c>
      <c r="H527" t="s">
        <v>81</v>
      </c>
      <c r="I527" s="2">
        <v>1</v>
      </c>
      <c r="J527" s="2">
        <v>0</v>
      </c>
      <c r="K527" s="2">
        <v>0</v>
      </c>
      <c r="L527" t="s">
        <v>120</v>
      </c>
      <c r="M527" t="s">
        <v>87</v>
      </c>
      <c r="N527" t="s">
        <v>88</v>
      </c>
      <c r="O527" t="s">
        <v>85</v>
      </c>
      <c r="P527" t="s">
        <v>86</v>
      </c>
      <c r="Q527">
        <v>78</v>
      </c>
      <c r="R527">
        <v>78</v>
      </c>
      <c r="S527">
        <v>78</v>
      </c>
      <c r="T527">
        <v>78</v>
      </c>
      <c r="U527">
        <v>78</v>
      </c>
      <c r="V527">
        <v>78</v>
      </c>
      <c r="W527">
        <v>79</v>
      </c>
      <c r="X527">
        <v>79</v>
      </c>
      <c r="Y527">
        <v>79</v>
      </c>
      <c r="Z527">
        <v>79</v>
      </c>
      <c r="AA527">
        <v>79</v>
      </c>
      <c r="AB527">
        <v>79</v>
      </c>
      <c r="AC527">
        <v>79</v>
      </c>
      <c r="AD527">
        <v>79</v>
      </c>
      <c r="AE527">
        <v>79</v>
      </c>
      <c r="AF527">
        <v>80</v>
      </c>
      <c r="AG527">
        <v>80</v>
      </c>
      <c r="AH527">
        <v>80</v>
      </c>
      <c r="AI527">
        <v>80</v>
      </c>
      <c r="AJ527">
        <v>80</v>
      </c>
      <c r="AK527">
        <v>80</v>
      </c>
      <c r="AL527">
        <v>80</v>
      </c>
      <c r="AM527">
        <v>80</v>
      </c>
      <c r="AN527">
        <v>80</v>
      </c>
      <c r="AO527">
        <v>80</v>
      </c>
      <c r="AP527">
        <v>80</v>
      </c>
      <c r="AQ527">
        <v>80</v>
      </c>
    </row>
    <row r="528" spans="1:43">
      <c r="A528" t="s">
        <v>417</v>
      </c>
      <c r="B528" t="s">
        <v>418</v>
      </c>
      <c r="C528" t="s">
        <v>419</v>
      </c>
      <c r="D528" t="s">
        <v>420</v>
      </c>
      <c r="E528" t="s">
        <v>353</v>
      </c>
      <c r="F528" t="s">
        <v>354</v>
      </c>
      <c r="G528" t="s">
        <v>80</v>
      </c>
      <c r="H528" t="s">
        <v>81</v>
      </c>
      <c r="I528" s="2">
        <v>1</v>
      </c>
      <c r="J528" s="2">
        <v>0</v>
      </c>
      <c r="K528" s="2">
        <v>0</v>
      </c>
      <c r="L528" t="s">
        <v>120</v>
      </c>
      <c r="M528" t="s">
        <v>89</v>
      </c>
      <c r="N528" t="s">
        <v>90</v>
      </c>
      <c r="O528" t="s">
        <v>85</v>
      </c>
      <c r="P528" t="s">
        <v>86</v>
      </c>
      <c r="Q528">
        <v>78</v>
      </c>
      <c r="R528">
        <v>80</v>
      </c>
      <c r="S528">
        <v>81</v>
      </c>
      <c r="T528">
        <v>83</v>
      </c>
      <c r="U528">
        <v>84</v>
      </c>
      <c r="V528">
        <v>85</v>
      </c>
      <c r="W528">
        <v>87</v>
      </c>
      <c r="X528">
        <v>88</v>
      </c>
      <c r="Y528">
        <v>89</v>
      </c>
      <c r="Z528">
        <v>90</v>
      </c>
      <c r="AA528">
        <v>91</v>
      </c>
      <c r="AB528">
        <v>92</v>
      </c>
      <c r="AC528">
        <v>94</v>
      </c>
      <c r="AD528">
        <v>95</v>
      </c>
      <c r="AE528">
        <v>95</v>
      </c>
      <c r="AF528">
        <v>95</v>
      </c>
      <c r="AG528">
        <v>95</v>
      </c>
      <c r="AH528">
        <v>95</v>
      </c>
      <c r="AI528">
        <v>95</v>
      </c>
      <c r="AJ528">
        <v>94</v>
      </c>
      <c r="AK528">
        <v>94</v>
      </c>
      <c r="AL528">
        <v>94</v>
      </c>
      <c r="AM528">
        <v>94</v>
      </c>
      <c r="AN528">
        <v>94</v>
      </c>
      <c r="AO528">
        <v>93</v>
      </c>
      <c r="AP528">
        <v>93</v>
      </c>
      <c r="AQ528">
        <v>93</v>
      </c>
    </row>
    <row r="529" spans="1:43">
      <c r="A529" t="s">
        <v>417</v>
      </c>
      <c r="B529" t="s">
        <v>418</v>
      </c>
      <c r="C529" t="s">
        <v>419</v>
      </c>
      <c r="D529" t="s">
        <v>420</v>
      </c>
      <c r="E529" t="s">
        <v>353</v>
      </c>
      <c r="F529" t="s">
        <v>354</v>
      </c>
      <c r="G529" t="s">
        <v>80</v>
      </c>
      <c r="H529" t="s">
        <v>81</v>
      </c>
      <c r="I529" s="2">
        <v>1</v>
      </c>
      <c r="J529" s="2">
        <v>0</v>
      </c>
      <c r="K529" s="2">
        <v>0</v>
      </c>
      <c r="L529" t="s">
        <v>120</v>
      </c>
      <c r="M529" t="s">
        <v>83</v>
      </c>
      <c r="N529" t="s">
        <v>91</v>
      </c>
      <c r="O529" t="s">
        <v>85</v>
      </c>
      <c r="P529" t="s">
        <v>86</v>
      </c>
      <c r="Q529">
        <v>78</v>
      </c>
      <c r="R529">
        <v>79</v>
      </c>
      <c r="S529">
        <v>80</v>
      </c>
      <c r="T529">
        <v>81</v>
      </c>
      <c r="U529">
        <v>82</v>
      </c>
      <c r="V529">
        <v>83</v>
      </c>
      <c r="W529">
        <v>84</v>
      </c>
      <c r="X529">
        <v>84</v>
      </c>
      <c r="Y529">
        <v>85</v>
      </c>
      <c r="Z529">
        <v>86</v>
      </c>
      <c r="AA529">
        <v>87</v>
      </c>
      <c r="AB529">
        <v>87</v>
      </c>
      <c r="AC529">
        <v>88</v>
      </c>
      <c r="AD529">
        <v>89</v>
      </c>
      <c r="AE529">
        <v>90</v>
      </c>
      <c r="AF529">
        <v>90</v>
      </c>
      <c r="AG529">
        <v>91</v>
      </c>
      <c r="AH529">
        <v>92</v>
      </c>
      <c r="AI529">
        <v>92</v>
      </c>
      <c r="AJ529">
        <v>93</v>
      </c>
      <c r="AK529">
        <v>94</v>
      </c>
      <c r="AL529">
        <v>94</v>
      </c>
      <c r="AM529">
        <v>94</v>
      </c>
      <c r="AN529">
        <v>94</v>
      </c>
      <c r="AO529">
        <v>93</v>
      </c>
      <c r="AP529">
        <v>93</v>
      </c>
      <c r="AQ529">
        <v>93</v>
      </c>
    </row>
    <row r="530" spans="1:43">
      <c r="A530" t="s">
        <v>421</v>
      </c>
      <c r="B530" t="s">
        <v>422</v>
      </c>
      <c r="C530" t="s">
        <v>411</v>
      </c>
      <c r="D530" t="s">
        <v>412</v>
      </c>
      <c r="E530" t="s">
        <v>353</v>
      </c>
      <c r="F530" t="s">
        <v>354</v>
      </c>
      <c r="G530" t="s">
        <v>80</v>
      </c>
      <c r="H530" t="s">
        <v>81</v>
      </c>
      <c r="I530" s="2">
        <v>1</v>
      </c>
      <c r="J530" s="2">
        <v>0</v>
      </c>
      <c r="K530" s="2">
        <v>0</v>
      </c>
      <c r="L530" t="s">
        <v>120</v>
      </c>
      <c r="M530" t="s">
        <v>83</v>
      </c>
      <c r="N530" t="s">
        <v>84</v>
      </c>
      <c r="O530" t="s">
        <v>85</v>
      </c>
      <c r="P530" t="s">
        <v>86</v>
      </c>
      <c r="Q530">
        <v>19</v>
      </c>
      <c r="R530">
        <v>19</v>
      </c>
      <c r="S530">
        <v>20</v>
      </c>
      <c r="T530">
        <v>20</v>
      </c>
      <c r="U530">
        <v>20</v>
      </c>
      <c r="V530">
        <v>20</v>
      </c>
      <c r="W530">
        <v>20</v>
      </c>
      <c r="X530">
        <v>21</v>
      </c>
      <c r="Y530">
        <v>21</v>
      </c>
      <c r="Z530">
        <v>21</v>
      </c>
      <c r="AA530">
        <v>21</v>
      </c>
      <c r="AB530">
        <v>21</v>
      </c>
      <c r="AC530">
        <v>22</v>
      </c>
      <c r="AD530">
        <v>22</v>
      </c>
      <c r="AE530">
        <v>22</v>
      </c>
      <c r="AF530">
        <v>22</v>
      </c>
      <c r="AG530">
        <v>22</v>
      </c>
      <c r="AH530">
        <v>22</v>
      </c>
      <c r="AI530">
        <v>23</v>
      </c>
      <c r="AJ530">
        <v>23</v>
      </c>
      <c r="AK530">
        <v>23</v>
      </c>
      <c r="AL530">
        <v>23</v>
      </c>
      <c r="AM530">
        <v>23</v>
      </c>
      <c r="AN530">
        <v>23</v>
      </c>
      <c r="AO530">
        <v>23</v>
      </c>
      <c r="AP530">
        <v>23</v>
      </c>
      <c r="AQ530">
        <v>23</v>
      </c>
    </row>
    <row r="531" spans="1:43">
      <c r="A531" t="s">
        <v>421</v>
      </c>
      <c r="B531" t="s">
        <v>422</v>
      </c>
      <c r="C531" t="s">
        <v>411</v>
      </c>
      <c r="D531" t="s">
        <v>412</v>
      </c>
      <c r="E531" t="s">
        <v>353</v>
      </c>
      <c r="F531" t="s">
        <v>354</v>
      </c>
      <c r="G531" t="s">
        <v>80</v>
      </c>
      <c r="H531" t="s">
        <v>81</v>
      </c>
      <c r="I531" s="2">
        <v>1</v>
      </c>
      <c r="J531" s="2">
        <v>0</v>
      </c>
      <c r="K531" s="2">
        <v>0</v>
      </c>
      <c r="L531" t="s">
        <v>120</v>
      </c>
      <c r="M531" t="s">
        <v>87</v>
      </c>
      <c r="N531" t="s">
        <v>88</v>
      </c>
      <c r="O531" t="s">
        <v>85</v>
      </c>
      <c r="P531" t="s">
        <v>86</v>
      </c>
      <c r="Q531">
        <v>19</v>
      </c>
      <c r="R531">
        <v>19</v>
      </c>
      <c r="S531">
        <v>19</v>
      </c>
      <c r="T531">
        <v>19</v>
      </c>
      <c r="U531">
        <v>19</v>
      </c>
      <c r="V531">
        <v>19</v>
      </c>
      <c r="W531">
        <v>19</v>
      </c>
      <c r="X531">
        <v>19</v>
      </c>
      <c r="Y531">
        <v>19</v>
      </c>
      <c r="Z531">
        <v>19</v>
      </c>
      <c r="AA531">
        <v>19</v>
      </c>
      <c r="AB531">
        <v>19</v>
      </c>
      <c r="AC531">
        <v>19</v>
      </c>
      <c r="AD531">
        <v>19</v>
      </c>
      <c r="AE531">
        <v>19</v>
      </c>
      <c r="AF531">
        <v>19</v>
      </c>
      <c r="AG531">
        <v>20</v>
      </c>
      <c r="AH531">
        <v>20</v>
      </c>
      <c r="AI531">
        <v>20</v>
      </c>
      <c r="AJ531">
        <v>20</v>
      </c>
      <c r="AK531">
        <v>20</v>
      </c>
      <c r="AL531">
        <v>20</v>
      </c>
      <c r="AM531">
        <v>20</v>
      </c>
      <c r="AN531">
        <v>20</v>
      </c>
      <c r="AO531">
        <v>20</v>
      </c>
      <c r="AP531">
        <v>20</v>
      </c>
      <c r="AQ531">
        <v>20</v>
      </c>
    </row>
    <row r="532" spans="1:43">
      <c r="A532" t="s">
        <v>421</v>
      </c>
      <c r="B532" t="s">
        <v>422</v>
      </c>
      <c r="C532" t="s">
        <v>411</v>
      </c>
      <c r="D532" t="s">
        <v>412</v>
      </c>
      <c r="E532" t="s">
        <v>353</v>
      </c>
      <c r="F532" t="s">
        <v>354</v>
      </c>
      <c r="G532" t="s">
        <v>80</v>
      </c>
      <c r="H532" t="s">
        <v>81</v>
      </c>
      <c r="I532" s="2">
        <v>1</v>
      </c>
      <c r="J532" s="2">
        <v>0</v>
      </c>
      <c r="K532" s="2">
        <v>0</v>
      </c>
      <c r="L532" t="s">
        <v>120</v>
      </c>
      <c r="M532" t="s">
        <v>89</v>
      </c>
      <c r="N532" t="s">
        <v>90</v>
      </c>
      <c r="O532" t="s">
        <v>85</v>
      </c>
      <c r="P532" t="s">
        <v>86</v>
      </c>
      <c r="Q532">
        <v>19</v>
      </c>
      <c r="R532">
        <v>20</v>
      </c>
      <c r="S532">
        <v>20</v>
      </c>
      <c r="T532">
        <v>20</v>
      </c>
      <c r="U532">
        <v>21</v>
      </c>
      <c r="V532">
        <v>21</v>
      </c>
      <c r="W532">
        <v>21</v>
      </c>
      <c r="X532">
        <v>22</v>
      </c>
      <c r="Y532">
        <v>22</v>
      </c>
      <c r="Z532">
        <v>22</v>
      </c>
      <c r="AA532">
        <v>23</v>
      </c>
      <c r="AB532">
        <v>23</v>
      </c>
      <c r="AC532">
        <v>23</v>
      </c>
      <c r="AD532">
        <v>23</v>
      </c>
      <c r="AE532">
        <v>24</v>
      </c>
      <c r="AF532">
        <v>23</v>
      </c>
      <c r="AG532">
        <v>23</v>
      </c>
      <c r="AH532">
        <v>23</v>
      </c>
      <c r="AI532">
        <v>23</v>
      </c>
      <c r="AJ532">
        <v>23</v>
      </c>
      <c r="AK532">
        <v>23</v>
      </c>
      <c r="AL532">
        <v>23</v>
      </c>
      <c r="AM532">
        <v>23</v>
      </c>
      <c r="AN532">
        <v>23</v>
      </c>
      <c r="AO532">
        <v>23</v>
      </c>
      <c r="AP532">
        <v>23</v>
      </c>
      <c r="AQ532">
        <v>23</v>
      </c>
    </row>
    <row r="533" spans="1:43">
      <c r="A533" t="s">
        <v>421</v>
      </c>
      <c r="B533" t="s">
        <v>422</v>
      </c>
      <c r="C533" t="s">
        <v>411</v>
      </c>
      <c r="D533" t="s">
        <v>412</v>
      </c>
      <c r="E533" t="s">
        <v>353</v>
      </c>
      <c r="F533" t="s">
        <v>354</v>
      </c>
      <c r="G533" t="s">
        <v>80</v>
      </c>
      <c r="H533" t="s">
        <v>81</v>
      </c>
      <c r="I533" s="2">
        <v>1</v>
      </c>
      <c r="J533" s="2">
        <v>0</v>
      </c>
      <c r="K533" s="2">
        <v>0</v>
      </c>
      <c r="L533" t="s">
        <v>120</v>
      </c>
      <c r="M533" t="s">
        <v>83</v>
      </c>
      <c r="N533" t="s">
        <v>91</v>
      </c>
      <c r="O533" t="s">
        <v>85</v>
      </c>
      <c r="P533" t="s">
        <v>86</v>
      </c>
      <c r="Q533">
        <v>19</v>
      </c>
      <c r="R533">
        <v>19</v>
      </c>
      <c r="S533">
        <v>20</v>
      </c>
      <c r="T533">
        <v>20</v>
      </c>
      <c r="U533">
        <v>20</v>
      </c>
      <c r="V533">
        <v>20</v>
      </c>
      <c r="W533">
        <v>20</v>
      </c>
      <c r="X533">
        <v>21</v>
      </c>
      <c r="Y533">
        <v>21</v>
      </c>
      <c r="Z533">
        <v>21</v>
      </c>
      <c r="AA533">
        <v>21</v>
      </c>
      <c r="AB533">
        <v>21</v>
      </c>
      <c r="AC533">
        <v>22</v>
      </c>
      <c r="AD533">
        <v>22</v>
      </c>
      <c r="AE533">
        <v>22</v>
      </c>
      <c r="AF533">
        <v>22</v>
      </c>
      <c r="AG533">
        <v>22</v>
      </c>
      <c r="AH533">
        <v>22</v>
      </c>
      <c r="AI533">
        <v>23</v>
      </c>
      <c r="AJ533">
        <v>23</v>
      </c>
      <c r="AK533">
        <v>23</v>
      </c>
      <c r="AL533">
        <v>23</v>
      </c>
      <c r="AM533">
        <v>23</v>
      </c>
      <c r="AN533">
        <v>23</v>
      </c>
      <c r="AO533">
        <v>23</v>
      </c>
      <c r="AP533">
        <v>23</v>
      </c>
      <c r="AQ533">
        <v>23</v>
      </c>
    </row>
    <row r="534" spans="1:43">
      <c r="A534" t="s">
        <v>423</v>
      </c>
      <c r="B534" t="s">
        <v>424</v>
      </c>
      <c r="C534" t="s">
        <v>407</v>
      </c>
      <c r="D534" t="s">
        <v>408</v>
      </c>
      <c r="E534" t="s">
        <v>353</v>
      </c>
      <c r="F534" t="s">
        <v>354</v>
      </c>
      <c r="G534" t="s">
        <v>80</v>
      </c>
      <c r="H534" t="s">
        <v>81</v>
      </c>
      <c r="I534" s="2">
        <v>1</v>
      </c>
      <c r="J534" s="2">
        <v>0</v>
      </c>
      <c r="K534" s="2">
        <v>0</v>
      </c>
      <c r="L534" t="s">
        <v>120</v>
      </c>
      <c r="M534" t="s">
        <v>83</v>
      </c>
      <c r="N534" t="s">
        <v>84</v>
      </c>
      <c r="O534" t="s">
        <v>85</v>
      </c>
      <c r="P534" t="s">
        <v>86</v>
      </c>
      <c r="Q534">
        <v>39</v>
      </c>
      <c r="R534">
        <v>39</v>
      </c>
      <c r="S534">
        <v>40</v>
      </c>
      <c r="T534">
        <v>40</v>
      </c>
      <c r="U534">
        <v>41</v>
      </c>
      <c r="V534">
        <v>41</v>
      </c>
      <c r="W534">
        <v>41</v>
      </c>
      <c r="X534">
        <v>42</v>
      </c>
      <c r="Y534">
        <v>42</v>
      </c>
      <c r="Z534">
        <v>42</v>
      </c>
      <c r="AA534">
        <v>43</v>
      </c>
      <c r="AB534">
        <v>43</v>
      </c>
      <c r="AC534">
        <v>44</v>
      </c>
      <c r="AD534">
        <v>44</v>
      </c>
      <c r="AE534">
        <v>44</v>
      </c>
      <c r="AF534">
        <v>45</v>
      </c>
      <c r="AG534">
        <v>45</v>
      </c>
      <c r="AH534">
        <v>45</v>
      </c>
      <c r="AI534">
        <v>46</v>
      </c>
      <c r="AJ534">
        <v>46</v>
      </c>
      <c r="AK534">
        <v>46</v>
      </c>
      <c r="AL534">
        <v>46</v>
      </c>
      <c r="AM534">
        <v>46</v>
      </c>
      <c r="AN534">
        <v>46</v>
      </c>
      <c r="AO534">
        <v>46</v>
      </c>
      <c r="AP534">
        <v>46</v>
      </c>
      <c r="AQ534">
        <v>46</v>
      </c>
    </row>
    <row r="535" spans="1:43">
      <c r="A535" t="s">
        <v>423</v>
      </c>
      <c r="B535" t="s">
        <v>424</v>
      </c>
      <c r="C535" t="s">
        <v>407</v>
      </c>
      <c r="D535" t="s">
        <v>408</v>
      </c>
      <c r="E535" t="s">
        <v>353</v>
      </c>
      <c r="F535" t="s">
        <v>354</v>
      </c>
      <c r="G535" t="s">
        <v>80</v>
      </c>
      <c r="H535" t="s">
        <v>81</v>
      </c>
      <c r="I535" s="2">
        <v>1</v>
      </c>
      <c r="J535" s="2">
        <v>0</v>
      </c>
      <c r="K535" s="2">
        <v>0</v>
      </c>
      <c r="L535" t="s">
        <v>120</v>
      </c>
      <c r="M535" t="s">
        <v>87</v>
      </c>
      <c r="N535" t="s">
        <v>88</v>
      </c>
      <c r="O535" t="s">
        <v>85</v>
      </c>
      <c r="P535" t="s">
        <v>86</v>
      </c>
      <c r="Q535">
        <v>39</v>
      </c>
      <c r="R535">
        <v>40</v>
      </c>
      <c r="S535">
        <v>40</v>
      </c>
      <c r="T535">
        <v>40</v>
      </c>
      <c r="U535">
        <v>40</v>
      </c>
      <c r="V535">
        <v>40</v>
      </c>
      <c r="W535">
        <v>40</v>
      </c>
      <c r="X535">
        <v>40</v>
      </c>
      <c r="Y535">
        <v>40</v>
      </c>
      <c r="Z535">
        <v>40</v>
      </c>
      <c r="AA535">
        <v>40</v>
      </c>
      <c r="AB535">
        <v>40</v>
      </c>
      <c r="AC535">
        <v>40</v>
      </c>
      <c r="AD535">
        <v>40</v>
      </c>
      <c r="AE535">
        <v>40</v>
      </c>
      <c r="AF535">
        <v>40</v>
      </c>
      <c r="AG535">
        <v>40</v>
      </c>
      <c r="AH535">
        <v>40</v>
      </c>
      <c r="AI535">
        <v>40</v>
      </c>
      <c r="AJ535">
        <v>40</v>
      </c>
      <c r="AK535">
        <v>40</v>
      </c>
      <c r="AL535">
        <v>40</v>
      </c>
      <c r="AM535">
        <v>40</v>
      </c>
      <c r="AN535">
        <v>40</v>
      </c>
      <c r="AO535">
        <v>40</v>
      </c>
      <c r="AP535">
        <v>40</v>
      </c>
      <c r="AQ535">
        <v>41</v>
      </c>
    </row>
    <row r="536" spans="1:43">
      <c r="A536" t="s">
        <v>423</v>
      </c>
      <c r="B536" t="s">
        <v>424</v>
      </c>
      <c r="C536" t="s">
        <v>407</v>
      </c>
      <c r="D536" t="s">
        <v>408</v>
      </c>
      <c r="E536" t="s">
        <v>353</v>
      </c>
      <c r="F536" t="s">
        <v>354</v>
      </c>
      <c r="G536" t="s">
        <v>80</v>
      </c>
      <c r="H536" t="s">
        <v>81</v>
      </c>
      <c r="I536" s="2">
        <v>1</v>
      </c>
      <c r="J536" s="2">
        <v>0</v>
      </c>
      <c r="K536" s="2">
        <v>0</v>
      </c>
      <c r="L536" t="s">
        <v>120</v>
      </c>
      <c r="M536" t="s">
        <v>89</v>
      </c>
      <c r="N536" t="s">
        <v>90</v>
      </c>
      <c r="O536" t="s">
        <v>85</v>
      </c>
      <c r="P536" t="s">
        <v>86</v>
      </c>
      <c r="Q536">
        <v>39</v>
      </c>
      <c r="R536">
        <v>40</v>
      </c>
      <c r="S536">
        <v>41</v>
      </c>
      <c r="T536">
        <v>41</v>
      </c>
      <c r="U536">
        <v>42</v>
      </c>
      <c r="V536">
        <v>43</v>
      </c>
      <c r="W536">
        <v>43</v>
      </c>
      <c r="X536">
        <v>44</v>
      </c>
      <c r="Y536">
        <v>45</v>
      </c>
      <c r="Z536">
        <v>45</v>
      </c>
      <c r="AA536">
        <v>46</v>
      </c>
      <c r="AB536">
        <v>46</v>
      </c>
      <c r="AC536">
        <v>47</v>
      </c>
      <c r="AD536">
        <v>47</v>
      </c>
      <c r="AE536">
        <v>48</v>
      </c>
      <c r="AF536">
        <v>47</v>
      </c>
      <c r="AG536">
        <v>47</v>
      </c>
      <c r="AH536">
        <v>47</v>
      </c>
      <c r="AI536">
        <v>47</v>
      </c>
      <c r="AJ536">
        <v>47</v>
      </c>
      <c r="AK536">
        <v>47</v>
      </c>
      <c r="AL536">
        <v>47</v>
      </c>
      <c r="AM536">
        <v>46</v>
      </c>
      <c r="AN536">
        <v>46</v>
      </c>
      <c r="AO536">
        <v>46</v>
      </c>
      <c r="AP536">
        <v>46</v>
      </c>
      <c r="AQ536">
        <v>46</v>
      </c>
    </row>
    <row r="537" spans="1:43">
      <c r="A537" t="s">
        <v>423</v>
      </c>
      <c r="B537" t="s">
        <v>424</v>
      </c>
      <c r="C537" t="s">
        <v>407</v>
      </c>
      <c r="D537" t="s">
        <v>408</v>
      </c>
      <c r="E537" t="s">
        <v>353</v>
      </c>
      <c r="F537" t="s">
        <v>354</v>
      </c>
      <c r="G537" t="s">
        <v>80</v>
      </c>
      <c r="H537" t="s">
        <v>81</v>
      </c>
      <c r="I537" s="2">
        <v>1</v>
      </c>
      <c r="J537" s="2">
        <v>0</v>
      </c>
      <c r="K537" s="2">
        <v>0</v>
      </c>
      <c r="L537" t="s">
        <v>120</v>
      </c>
      <c r="M537" t="s">
        <v>83</v>
      </c>
      <c r="N537" t="s">
        <v>91</v>
      </c>
      <c r="O537" t="s">
        <v>85</v>
      </c>
      <c r="P537" t="s">
        <v>86</v>
      </c>
      <c r="Q537">
        <v>39</v>
      </c>
      <c r="R537">
        <v>39</v>
      </c>
      <c r="S537">
        <v>40</v>
      </c>
      <c r="T537">
        <v>40</v>
      </c>
      <c r="U537">
        <v>41</v>
      </c>
      <c r="V537">
        <v>41</v>
      </c>
      <c r="W537">
        <v>41</v>
      </c>
      <c r="X537">
        <v>42</v>
      </c>
      <c r="Y537">
        <v>42</v>
      </c>
      <c r="Z537">
        <v>42</v>
      </c>
      <c r="AA537">
        <v>43</v>
      </c>
      <c r="AB537">
        <v>43</v>
      </c>
      <c r="AC537">
        <v>44</v>
      </c>
      <c r="AD537">
        <v>44</v>
      </c>
      <c r="AE537">
        <v>44</v>
      </c>
      <c r="AF537">
        <v>45</v>
      </c>
      <c r="AG537">
        <v>45</v>
      </c>
      <c r="AH537">
        <v>45</v>
      </c>
      <c r="AI537">
        <v>46</v>
      </c>
      <c r="AJ537">
        <v>46</v>
      </c>
      <c r="AK537">
        <v>46</v>
      </c>
      <c r="AL537">
        <v>46</v>
      </c>
      <c r="AM537">
        <v>46</v>
      </c>
      <c r="AN537">
        <v>46</v>
      </c>
      <c r="AO537">
        <v>46</v>
      </c>
      <c r="AP537">
        <v>46</v>
      </c>
      <c r="AQ537">
        <v>46</v>
      </c>
    </row>
    <row r="538" spans="1:43">
      <c r="A538" t="s">
        <v>425</v>
      </c>
      <c r="B538" t="s">
        <v>426</v>
      </c>
      <c r="C538" t="s">
        <v>401</v>
      </c>
      <c r="D538" t="s">
        <v>402</v>
      </c>
      <c r="E538" t="s">
        <v>353</v>
      </c>
      <c r="F538" t="s">
        <v>354</v>
      </c>
      <c r="G538" t="s">
        <v>80</v>
      </c>
      <c r="H538" t="s">
        <v>81</v>
      </c>
      <c r="I538" s="2">
        <v>1</v>
      </c>
      <c r="J538" s="2">
        <v>0</v>
      </c>
      <c r="K538" s="2">
        <v>0</v>
      </c>
      <c r="L538" t="s">
        <v>120</v>
      </c>
      <c r="M538" t="s">
        <v>83</v>
      </c>
      <c r="N538" t="s">
        <v>84</v>
      </c>
      <c r="O538" t="s">
        <v>85</v>
      </c>
      <c r="P538" t="s">
        <v>86</v>
      </c>
      <c r="Q538">
        <v>141</v>
      </c>
      <c r="R538">
        <v>143</v>
      </c>
      <c r="S538">
        <v>144</v>
      </c>
      <c r="T538">
        <v>146</v>
      </c>
      <c r="U538">
        <v>147</v>
      </c>
      <c r="V538">
        <v>149</v>
      </c>
      <c r="W538">
        <v>151</v>
      </c>
      <c r="X538">
        <v>152</v>
      </c>
      <c r="Y538">
        <v>153</v>
      </c>
      <c r="Z538">
        <v>155</v>
      </c>
      <c r="AA538">
        <v>156</v>
      </c>
      <c r="AB538">
        <v>158</v>
      </c>
      <c r="AC538">
        <v>159</v>
      </c>
      <c r="AD538">
        <v>160</v>
      </c>
      <c r="AE538">
        <v>161</v>
      </c>
      <c r="AF538">
        <v>163</v>
      </c>
      <c r="AG538">
        <v>164</v>
      </c>
      <c r="AH538">
        <v>165</v>
      </c>
      <c r="AI538">
        <v>166</v>
      </c>
      <c r="AJ538">
        <v>168</v>
      </c>
      <c r="AK538">
        <v>169</v>
      </c>
      <c r="AL538">
        <v>169</v>
      </c>
      <c r="AM538">
        <v>169</v>
      </c>
      <c r="AN538">
        <v>168</v>
      </c>
      <c r="AO538">
        <v>168</v>
      </c>
      <c r="AP538">
        <v>168</v>
      </c>
      <c r="AQ538">
        <v>167</v>
      </c>
    </row>
    <row r="539" spans="1:43">
      <c r="A539" t="s">
        <v>425</v>
      </c>
      <c r="B539" t="s">
        <v>426</v>
      </c>
      <c r="C539" t="s">
        <v>401</v>
      </c>
      <c r="D539" t="s">
        <v>402</v>
      </c>
      <c r="E539" t="s">
        <v>353</v>
      </c>
      <c r="F539" t="s">
        <v>354</v>
      </c>
      <c r="G539" t="s">
        <v>80</v>
      </c>
      <c r="H539" t="s">
        <v>81</v>
      </c>
      <c r="I539" s="2">
        <v>1</v>
      </c>
      <c r="J539" s="2">
        <v>0</v>
      </c>
      <c r="K539" s="2">
        <v>0</v>
      </c>
      <c r="L539" t="s">
        <v>120</v>
      </c>
      <c r="M539" t="s">
        <v>87</v>
      </c>
      <c r="N539" t="s">
        <v>88</v>
      </c>
      <c r="O539" t="s">
        <v>85</v>
      </c>
      <c r="P539" t="s">
        <v>86</v>
      </c>
      <c r="Q539">
        <v>141</v>
      </c>
      <c r="R539">
        <v>141</v>
      </c>
      <c r="S539">
        <v>141</v>
      </c>
      <c r="T539">
        <v>142</v>
      </c>
      <c r="U539">
        <v>142</v>
      </c>
      <c r="V539">
        <v>142</v>
      </c>
      <c r="W539">
        <v>142</v>
      </c>
      <c r="X539">
        <v>143</v>
      </c>
      <c r="Y539">
        <v>143</v>
      </c>
      <c r="Z539">
        <v>143</v>
      </c>
      <c r="AA539">
        <v>143</v>
      </c>
      <c r="AB539">
        <v>144</v>
      </c>
      <c r="AC539">
        <v>144</v>
      </c>
      <c r="AD539">
        <v>144</v>
      </c>
      <c r="AE539">
        <v>144</v>
      </c>
      <c r="AF539">
        <v>144</v>
      </c>
      <c r="AG539">
        <v>145</v>
      </c>
      <c r="AH539">
        <v>145</v>
      </c>
      <c r="AI539">
        <v>145</v>
      </c>
      <c r="AJ539">
        <v>145</v>
      </c>
      <c r="AK539">
        <v>145</v>
      </c>
      <c r="AL539">
        <v>145</v>
      </c>
      <c r="AM539">
        <v>146</v>
      </c>
      <c r="AN539">
        <v>146</v>
      </c>
      <c r="AO539">
        <v>146</v>
      </c>
      <c r="AP539">
        <v>146</v>
      </c>
      <c r="AQ539">
        <v>146</v>
      </c>
    </row>
    <row r="540" spans="1:43">
      <c r="A540" t="s">
        <v>425</v>
      </c>
      <c r="B540" t="s">
        <v>426</v>
      </c>
      <c r="C540" t="s">
        <v>401</v>
      </c>
      <c r="D540" t="s">
        <v>402</v>
      </c>
      <c r="E540" t="s">
        <v>353</v>
      </c>
      <c r="F540" t="s">
        <v>354</v>
      </c>
      <c r="G540" t="s">
        <v>80</v>
      </c>
      <c r="H540" t="s">
        <v>81</v>
      </c>
      <c r="I540" s="2">
        <v>1</v>
      </c>
      <c r="J540" s="2">
        <v>0</v>
      </c>
      <c r="K540" s="2">
        <v>0</v>
      </c>
      <c r="L540" t="s">
        <v>120</v>
      </c>
      <c r="M540" t="s">
        <v>89</v>
      </c>
      <c r="N540" t="s">
        <v>90</v>
      </c>
      <c r="O540" t="s">
        <v>85</v>
      </c>
      <c r="P540" t="s">
        <v>86</v>
      </c>
      <c r="Q540">
        <v>141</v>
      </c>
      <c r="R540">
        <v>144</v>
      </c>
      <c r="S540">
        <v>147</v>
      </c>
      <c r="T540">
        <v>150</v>
      </c>
      <c r="U540">
        <v>152</v>
      </c>
      <c r="V540">
        <v>155</v>
      </c>
      <c r="W540">
        <v>157</v>
      </c>
      <c r="X540">
        <v>159</v>
      </c>
      <c r="Y540">
        <v>161</v>
      </c>
      <c r="Z540">
        <v>163</v>
      </c>
      <c r="AA540">
        <v>165</v>
      </c>
      <c r="AB540">
        <v>167</v>
      </c>
      <c r="AC540">
        <v>169</v>
      </c>
      <c r="AD540">
        <v>171</v>
      </c>
      <c r="AE540">
        <v>172</v>
      </c>
      <c r="AF540">
        <v>172</v>
      </c>
      <c r="AG540">
        <v>172</v>
      </c>
      <c r="AH540">
        <v>171</v>
      </c>
      <c r="AI540">
        <v>171</v>
      </c>
      <c r="AJ540">
        <v>171</v>
      </c>
      <c r="AK540">
        <v>170</v>
      </c>
      <c r="AL540">
        <v>170</v>
      </c>
      <c r="AM540">
        <v>170</v>
      </c>
      <c r="AN540">
        <v>169</v>
      </c>
      <c r="AO540">
        <v>169</v>
      </c>
      <c r="AP540">
        <v>169</v>
      </c>
      <c r="AQ540">
        <v>168</v>
      </c>
    </row>
    <row r="541" spans="1:43">
      <c r="A541" t="s">
        <v>425</v>
      </c>
      <c r="B541" t="s">
        <v>426</v>
      </c>
      <c r="C541" t="s">
        <v>401</v>
      </c>
      <c r="D541" t="s">
        <v>402</v>
      </c>
      <c r="E541" t="s">
        <v>353</v>
      </c>
      <c r="F541" t="s">
        <v>354</v>
      </c>
      <c r="G541" t="s">
        <v>80</v>
      </c>
      <c r="H541" t="s">
        <v>81</v>
      </c>
      <c r="I541" s="2">
        <v>1</v>
      </c>
      <c r="J541" s="2">
        <v>0</v>
      </c>
      <c r="K541" s="2">
        <v>0</v>
      </c>
      <c r="L541" t="s">
        <v>120</v>
      </c>
      <c r="M541" t="s">
        <v>83</v>
      </c>
      <c r="N541" t="s">
        <v>91</v>
      </c>
      <c r="O541" t="s">
        <v>85</v>
      </c>
      <c r="P541" t="s">
        <v>86</v>
      </c>
      <c r="Q541">
        <v>141</v>
      </c>
      <c r="R541">
        <v>143</v>
      </c>
      <c r="S541">
        <v>144</v>
      </c>
      <c r="T541">
        <v>146</v>
      </c>
      <c r="U541">
        <v>147</v>
      </c>
      <c r="V541">
        <v>149</v>
      </c>
      <c r="W541">
        <v>151</v>
      </c>
      <c r="X541">
        <v>152</v>
      </c>
      <c r="Y541">
        <v>153</v>
      </c>
      <c r="Z541">
        <v>155</v>
      </c>
      <c r="AA541">
        <v>156</v>
      </c>
      <c r="AB541">
        <v>158</v>
      </c>
      <c r="AC541">
        <v>159</v>
      </c>
      <c r="AD541">
        <v>160</v>
      </c>
      <c r="AE541">
        <v>161</v>
      </c>
      <c r="AF541">
        <v>163</v>
      </c>
      <c r="AG541">
        <v>164</v>
      </c>
      <c r="AH541">
        <v>165</v>
      </c>
      <c r="AI541">
        <v>166</v>
      </c>
      <c r="AJ541">
        <v>168</v>
      </c>
      <c r="AK541">
        <v>169</v>
      </c>
      <c r="AL541">
        <v>169</v>
      </c>
      <c r="AM541">
        <v>169</v>
      </c>
      <c r="AN541">
        <v>168</v>
      </c>
      <c r="AO541">
        <v>168</v>
      </c>
      <c r="AP541">
        <v>168</v>
      </c>
      <c r="AQ541">
        <v>167</v>
      </c>
    </row>
    <row r="542" spans="1:43">
      <c r="A542" t="s">
        <v>427</v>
      </c>
      <c r="B542" t="s">
        <v>428</v>
      </c>
      <c r="C542" t="s">
        <v>429</v>
      </c>
      <c r="D542" t="s">
        <v>430</v>
      </c>
      <c r="E542" t="s">
        <v>353</v>
      </c>
      <c r="F542" t="s">
        <v>354</v>
      </c>
      <c r="G542" t="s">
        <v>80</v>
      </c>
      <c r="H542" t="s">
        <v>81</v>
      </c>
      <c r="I542" s="2">
        <v>1</v>
      </c>
      <c r="J542" s="2">
        <v>0</v>
      </c>
      <c r="K542" s="2">
        <v>0</v>
      </c>
      <c r="L542" t="s">
        <v>120</v>
      </c>
      <c r="M542" t="s">
        <v>83</v>
      </c>
      <c r="N542" t="s">
        <v>84</v>
      </c>
      <c r="O542" t="s">
        <v>85</v>
      </c>
      <c r="P542" t="s">
        <v>86</v>
      </c>
      <c r="Q542">
        <v>17</v>
      </c>
      <c r="R542">
        <v>17</v>
      </c>
      <c r="S542">
        <v>18</v>
      </c>
      <c r="T542">
        <v>18</v>
      </c>
      <c r="U542">
        <v>18</v>
      </c>
      <c r="V542">
        <v>18</v>
      </c>
      <c r="W542">
        <v>18</v>
      </c>
      <c r="X542">
        <v>19</v>
      </c>
      <c r="Y542">
        <v>19</v>
      </c>
      <c r="Z542">
        <v>19</v>
      </c>
      <c r="AA542">
        <v>19</v>
      </c>
      <c r="AB542">
        <v>19</v>
      </c>
      <c r="AC542">
        <v>19</v>
      </c>
      <c r="AD542">
        <v>20</v>
      </c>
      <c r="AE542">
        <v>20</v>
      </c>
      <c r="AF542">
        <v>20</v>
      </c>
      <c r="AG542">
        <v>20</v>
      </c>
      <c r="AH542">
        <v>20</v>
      </c>
      <c r="AI542">
        <v>20</v>
      </c>
      <c r="AJ542">
        <v>21</v>
      </c>
      <c r="AK542">
        <v>21</v>
      </c>
      <c r="AL542">
        <v>21</v>
      </c>
      <c r="AM542">
        <v>21</v>
      </c>
      <c r="AN542">
        <v>21</v>
      </c>
      <c r="AO542">
        <v>21</v>
      </c>
      <c r="AP542">
        <v>21</v>
      </c>
      <c r="AQ542">
        <v>20</v>
      </c>
    </row>
    <row r="543" spans="1:43">
      <c r="A543" t="s">
        <v>427</v>
      </c>
      <c r="B543" t="s">
        <v>428</v>
      </c>
      <c r="C543" t="s">
        <v>429</v>
      </c>
      <c r="D543" t="s">
        <v>430</v>
      </c>
      <c r="E543" t="s">
        <v>353</v>
      </c>
      <c r="F543" t="s">
        <v>354</v>
      </c>
      <c r="G543" t="s">
        <v>80</v>
      </c>
      <c r="H543" t="s">
        <v>81</v>
      </c>
      <c r="I543" s="2">
        <v>1</v>
      </c>
      <c r="J543" s="2">
        <v>0</v>
      </c>
      <c r="K543" s="2">
        <v>0</v>
      </c>
      <c r="L543" t="s">
        <v>120</v>
      </c>
      <c r="M543" t="s">
        <v>87</v>
      </c>
      <c r="N543" t="s">
        <v>88</v>
      </c>
      <c r="O543" t="s">
        <v>85</v>
      </c>
      <c r="P543" t="s">
        <v>86</v>
      </c>
      <c r="Q543">
        <v>17</v>
      </c>
      <c r="R543">
        <v>17</v>
      </c>
      <c r="S543">
        <v>17</v>
      </c>
      <c r="T543">
        <v>17</v>
      </c>
      <c r="U543">
        <v>17</v>
      </c>
      <c r="V543">
        <v>17</v>
      </c>
      <c r="W543">
        <v>17</v>
      </c>
      <c r="X543">
        <v>17</v>
      </c>
      <c r="Y543">
        <v>17</v>
      </c>
      <c r="Z543">
        <v>17</v>
      </c>
      <c r="AA543">
        <v>17</v>
      </c>
      <c r="AB543">
        <v>17</v>
      </c>
      <c r="AC543">
        <v>17</v>
      </c>
      <c r="AD543">
        <v>18</v>
      </c>
      <c r="AE543">
        <v>18</v>
      </c>
      <c r="AF543">
        <v>18</v>
      </c>
      <c r="AG543">
        <v>18</v>
      </c>
      <c r="AH543">
        <v>18</v>
      </c>
      <c r="AI543">
        <v>18</v>
      </c>
      <c r="AJ543">
        <v>18</v>
      </c>
      <c r="AK543">
        <v>18</v>
      </c>
      <c r="AL543">
        <v>18</v>
      </c>
      <c r="AM543">
        <v>18</v>
      </c>
      <c r="AN543">
        <v>18</v>
      </c>
      <c r="AO543">
        <v>18</v>
      </c>
      <c r="AP543">
        <v>18</v>
      </c>
      <c r="AQ543">
        <v>18</v>
      </c>
    </row>
    <row r="544" spans="1:43">
      <c r="A544" t="s">
        <v>427</v>
      </c>
      <c r="B544" t="s">
        <v>428</v>
      </c>
      <c r="C544" t="s">
        <v>429</v>
      </c>
      <c r="D544" t="s">
        <v>430</v>
      </c>
      <c r="E544" t="s">
        <v>353</v>
      </c>
      <c r="F544" t="s">
        <v>354</v>
      </c>
      <c r="G544" t="s">
        <v>80</v>
      </c>
      <c r="H544" t="s">
        <v>81</v>
      </c>
      <c r="I544" s="2">
        <v>1</v>
      </c>
      <c r="J544" s="2">
        <v>0</v>
      </c>
      <c r="K544" s="2">
        <v>0</v>
      </c>
      <c r="L544" t="s">
        <v>120</v>
      </c>
      <c r="M544" t="s">
        <v>89</v>
      </c>
      <c r="N544" t="s">
        <v>90</v>
      </c>
      <c r="O544" t="s">
        <v>85</v>
      </c>
      <c r="P544" t="s">
        <v>86</v>
      </c>
      <c r="Q544">
        <v>17</v>
      </c>
      <c r="R544">
        <v>18</v>
      </c>
      <c r="S544">
        <v>18</v>
      </c>
      <c r="T544">
        <v>18</v>
      </c>
      <c r="U544">
        <v>19</v>
      </c>
      <c r="V544">
        <v>19</v>
      </c>
      <c r="W544">
        <v>19</v>
      </c>
      <c r="X544">
        <v>20</v>
      </c>
      <c r="Y544">
        <v>20</v>
      </c>
      <c r="Z544">
        <v>20</v>
      </c>
      <c r="AA544">
        <v>20</v>
      </c>
      <c r="AB544">
        <v>21</v>
      </c>
      <c r="AC544">
        <v>21</v>
      </c>
      <c r="AD544">
        <v>21</v>
      </c>
      <c r="AE544">
        <v>21</v>
      </c>
      <c r="AF544">
        <v>21</v>
      </c>
      <c r="AG544">
        <v>21</v>
      </c>
      <c r="AH544">
        <v>21</v>
      </c>
      <c r="AI544">
        <v>21</v>
      </c>
      <c r="AJ544">
        <v>21</v>
      </c>
      <c r="AK544">
        <v>21</v>
      </c>
      <c r="AL544">
        <v>21</v>
      </c>
      <c r="AM544">
        <v>21</v>
      </c>
      <c r="AN544">
        <v>21</v>
      </c>
      <c r="AO544">
        <v>21</v>
      </c>
      <c r="AP544">
        <v>21</v>
      </c>
      <c r="AQ544">
        <v>21</v>
      </c>
    </row>
    <row r="545" spans="1:43">
      <c r="A545" t="s">
        <v>427</v>
      </c>
      <c r="B545" t="s">
        <v>428</v>
      </c>
      <c r="C545" t="s">
        <v>429</v>
      </c>
      <c r="D545" t="s">
        <v>430</v>
      </c>
      <c r="E545" t="s">
        <v>353</v>
      </c>
      <c r="F545" t="s">
        <v>354</v>
      </c>
      <c r="G545" t="s">
        <v>80</v>
      </c>
      <c r="H545" t="s">
        <v>81</v>
      </c>
      <c r="I545" s="2">
        <v>1</v>
      </c>
      <c r="J545" s="2">
        <v>0</v>
      </c>
      <c r="K545" s="2">
        <v>0</v>
      </c>
      <c r="L545" t="s">
        <v>120</v>
      </c>
      <c r="M545" t="s">
        <v>83</v>
      </c>
      <c r="N545" t="s">
        <v>91</v>
      </c>
      <c r="O545" t="s">
        <v>85</v>
      </c>
      <c r="P545" t="s">
        <v>86</v>
      </c>
      <c r="Q545">
        <v>17</v>
      </c>
      <c r="R545">
        <v>17</v>
      </c>
      <c r="S545">
        <v>18</v>
      </c>
      <c r="T545">
        <v>18</v>
      </c>
      <c r="U545">
        <v>18</v>
      </c>
      <c r="V545">
        <v>18</v>
      </c>
      <c r="W545">
        <v>18</v>
      </c>
      <c r="X545">
        <v>19</v>
      </c>
      <c r="Y545">
        <v>19</v>
      </c>
      <c r="Z545">
        <v>19</v>
      </c>
      <c r="AA545">
        <v>19</v>
      </c>
      <c r="AB545">
        <v>19</v>
      </c>
      <c r="AC545">
        <v>19</v>
      </c>
      <c r="AD545">
        <v>20</v>
      </c>
      <c r="AE545">
        <v>20</v>
      </c>
      <c r="AF545">
        <v>20</v>
      </c>
      <c r="AG545">
        <v>20</v>
      </c>
      <c r="AH545">
        <v>20</v>
      </c>
      <c r="AI545">
        <v>20</v>
      </c>
      <c r="AJ545">
        <v>21</v>
      </c>
      <c r="AK545">
        <v>21</v>
      </c>
      <c r="AL545">
        <v>21</v>
      </c>
      <c r="AM545">
        <v>21</v>
      </c>
      <c r="AN545">
        <v>21</v>
      </c>
      <c r="AO545">
        <v>21</v>
      </c>
      <c r="AP545">
        <v>21</v>
      </c>
      <c r="AQ545">
        <v>20</v>
      </c>
    </row>
    <row r="546" spans="1:43">
      <c r="A546" t="s">
        <v>431</v>
      </c>
      <c r="B546" t="s">
        <v>432</v>
      </c>
      <c r="C546" t="s">
        <v>401</v>
      </c>
      <c r="D546" t="s">
        <v>402</v>
      </c>
      <c r="E546" t="s">
        <v>353</v>
      </c>
      <c r="F546" t="s">
        <v>354</v>
      </c>
      <c r="G546" t="s">
        <v>80</v>
      </c>
      <c r="H546" t="s">
        <v>81</v>
      </c>
      <c r="I546" s="2">
        <v>1</v>
      </c>
      <c r="J546" s="2">
        <v>0</v>
      </c>
      <c r="K546" s="2">
        <v>0</v>
      </c>
      <c r="L546" t="s">
        <v>120</v>
      </c>
      <c r="M546" t="s">
        <v>83</v>
      </c>
      <c r="N546" t="s">
        <v>84</v>
      </c>
      <c r="O546" t="s">
        <v>85</v>
      </c>
      <c r="P546" t="s">
        <v>86</v>
      </c>
      <c r="Q546">
        <v>39</v>
      </c>
      <c r="R546">
        <v>40</v>
      </c>
      <c r="S546">
        <v>40</v>
      </c>
      <c r="T546">
        <v>41</v>
      </c>
      <c r="U546">
        <v>41</v>
      </c>
      <c r="V546">
        <v>41</v>
      </c>
      <c r="W546">
        <v>42</v>
      </c>
      <c r="X546">
        <v>42</v>
      </c>
      <c r="Y546">
        <v>43</v>
      </c>
      <c r="Z546">
        <v>43</v>
      </c>
      <c r="AA546">
        <v>43</v>
      </c>
      <c r="AB546">
        <v>44</v>
      </c>
      <c r="AC546">
        <v>44</v>
      </c>
      <c r="AD546">
        <v>44</v>
      </c>
      <c r="AE546">
        <v>45</v>
      </c>
      <c r="AF546">
        <v>45</v>
      </c>
      <c r="AG546">
        <v>45</v>
      </c>
      <c r="AH546">
        <v>46</v>
      </c>
      <c r="AI546">
        <v>46</v>
      </c>
      <c r="AJ546">
        <v>46</v>
      </c>
      <c r="AK546">
        <v>47</v>
      </c>
      <c r="AL546">
        <v>47</v>
      </c>
      <c r="AM546">
        <v>47</v>
      </c>
      <c r="AN546">
        <v>47</v>
      </c>
      <c r="AO546">
        <v>47</v>
      </c>
      <c r="AP546">
        <v>46</v>
      </c>
      <c r="AQ546">
        <v>46</v>
      </c>
    </row>
    <row r="547" spans="1:43">
      <c r="A547" t="s">
        <v>431</v>
      </c>
      <c r="B547" t="s">
        <v>432</v>
      </c>
      <c r="C547" t="s">
        <v>401</v>
      </c>
      <c r="D547" t="s">
        <v>402</v>
      </c>
      <c r="E547" t="s">
        <v>353</v>
      </c>
      <c r="F547" t="s">
        <v>354</v>
      </c>
      <c r="G547" t="s">
        <v>80</v>
      </c>
      <c r="H547" t="s">
        <v>81</v>
      </c>
      <c r="I547" s="2">
        <v>1</v>
      </c>
      <c r="J547" s="2">
        <v>0</v>
      </c>
      <c r="K547" s="2">
        <v>0</v>
      </c>
      <c r="L547" t="s">
        <v>120</v>
      </c>
      <c r="M547" t="s">
        <v>87</v>
      </c>
      <c r="N547" t="s">
        <v>88</v>
      </c>
      <c r="O547" t="s">
        <v>85</v>
      </c>
      <c r="P547" t="s">
        <v>86</v>
      </c>
      <c r="Q547">
        <v>39</v>
      </c>
      <c r="R547">
        <v>39</v>
      </c>
      <c r="S547">
        <v>39</v>
      </c>
      <c r="T547">
        <v>39</v>
      </c>
      <c r="U547">
        <v>39</v>
      </c>
      <c r="V547">
        <v>39</v>
      </c>
      <c r="W547">
        <v>39</v>
      </c>
      <c r="X547">
        <v>39</v>
      </c>
      <c r="Y547">
        <v>39</v>
      </c>
      <c r="Z547">
        <v>39</v>
      </c>
      <c r="AA547">
        <v>40</v>
      </c>
      <c r="AB547">
        <v>40</v>
      </c>
      <c r="AC547">
        <v>40</v>
      </c>
      <c r="AD547">
        <v>40</v>
      </c>
      <c r="AE547">
        <v>40</v>
      </c>
      <c r="AF547">
        <v>40</v>
      </c>
      <c r="AG547">
        <v>40</v>
      </c>
      <c r="AH547">
        <v>40</v>
      </c>
      <c r="AI547">
        <v>40</v>
      </c>
      <c r="AJ547">
        <v>40</v>
      </c>
      <c r="AK547">
        <v>40</v>
      </c>
      <c r="AL547">
        <v>40</v>
      </c>
      <c r="AM547">
        <v>40</v>
      </c>
      <c r="AN547">
        <v>40</v>
      </c>
      <c r="AO547">
        <v>40</v>
      </c>
      <c r="AP547">
        <v>40</v>
      </c>
      <c r="AQ547">
        <v>40</v>
      </c>
    </row>
    <row r="548" spans="1:43">
      <c r="A548" t="s">
        <v>431</v>
      </c>
      <c r="B548" t="s">
        <v>432</v>
      </c>
      <c r="C548" t="s">
        <v>401</v>
      </c>
      <c r="D548" t="s">
        <v>402</v>
      </c>
      <c r="E548" t="s">
        <v>353</v>
      </c>
      <c r="F548" t="s">
        <v>354</v>
      </c>
      <c r="G548" t="s">
        <v>80</v>
      </c>
      <c r="H548" t="s">
        <v>81</v>
      </c>
      <c r="I548" s="2">
        <v>1</v>
      </c>
      <c r="J548" s="2">
        <v>0</v>
      </c>
      <c r="K548" s="2">
        <v>0</v>
      </c>
      <c r="L548" t="s">
        <v>120</v>
      </c>
      <c r="M548" t="s">
        <v>89</v>
      </c>
      <c r="N548" t="s">
        <v>90</v>
      </c>
      <c r="O548" t="s">
        <v>85</v>
      </c>
      <c r="P548" t="s">
        <v>86</v>
      </c>
      <c r="Q548">
        <v>39</v>
      </c>
      <c r="R548">
        <v>39</v>
      </c>
      <c r="S548">
        <v>40</v>
      </c>
      <c r="T548">
        <v>41</v>
      </c>
      <c r="U548">
        <v>42</v>
      </c>
      <c r="V548">
        <v>42</v>
      </c>
      <c r="W548">
        <v>43</v>
      </c>
      <c r="X548">
        <v>43</v>
      </c>
      <c r="Y548">
        <v>44</v>
      </c>
      <c r="Z548">
        <v>45</v>
      </c>
      <c r="AA548">
        <v>45</v>
      </c>
      <c r="AB548">
        <v>46</v>
      </c>
      <c r="AC548">
        <v>46</v>
      </c>
      <c r="AD548">
        <v>47</v>
      </c>
      <c r="AE548">
        <v>47</v>
      </c>
      <c r="AF548">
        <v>47</v>
      </c>
      <c r="AG548">
        <v>47</v>
      </c>
      <c r="AH548">
        <v>47</v>
      </c>
      <c r="AI548">
        <v>47</v>
      </c>
      <c r="AJ548">
        <v>47</v>
      </c>
      <c r="AK548">
        <v>46</v>
      </c>
      <c r="AL548">
        <v>46</v>
      </c>
      <c r="AM548">
        <v>46</v>
      </c>
      <c r="AN548">
        <v>46</v>
      </c>
      <c r="AO548">
        <v>46</v>
      </c>
      <c r="AP548">
        <v>46</v>
      </c>
      <c r="AQ548">
        <v>46</v>
      </c>
    </row>
    <row r="549" spans="1:43">
      <c r="A549" t="s">
        <v>431</v>
      </c>
      <c r="B549" t="s">
        <v>432</v>
      </c>
      <c r="C549" t="s">
        <v>401</v>
      </c>
      <c r="D549" t="s">
        <v>402</v>
      </c>
      <c r="E549" t="s">
        <v>353</v>
      </c>
      <c r="F549" t="s">
        <v>354</v>
      </c>
      <c r="G549" t="s">
        <v>80</v>
      </c>
      <c r="H549" t="s">
        <v>81</v>
      </c>
      <c r="I549" s="2">
        <v>1</v>
      </c>
      <c r="J549" s="2">
        <v>0</v>
      </c>
      <c r="K549" s="2">
        <v>0</v>
      </c>
      <c r="L549" t="s">
        <v>120</v>
      </c>
      <c r="M549" t="s">
        <v>83</v>
      </c>
      <c r="N549" t="s">
        <v>91</v>
      </c>
      <c r="O549" t="s">
        <v>85</v>
      </c>
      <c r="P549" t="s">
        <v>86</v>
      </c>
      <c r="Q549">
        <v>39</v>
      </c>
      <c r="R549">
        <v>40</v>
      </c>
      <c r="S549">
        <v>40</v>
      </c>
      <c r="T549">
        <v>41</v>
      </c>
      <c r="U549">
        <v>41</v>
      </c>
      <c r="V549">
        <v>41</v>
      </c>
      <c r="W549">
        <v>42</v>
      </c>
      <c r="X549">
        <v>42</v>
      </c>
      <c r="Y549">
        <v>43</v>
      </c>
      <c r="Z549">
        <v>43</v>
      </c>
      <c r="AA549">
        <v>43</v>
      </c>
      <c r="AB549">
        <v>44</v>
      </c>
      <c r="AC549">
        <v>44</v>
      </c>
      <c r="AD549">
        <v>44</v>
      </c>
      <c r="AE549">
        <v>45</v>
      </c>
      <c r="AF549">
        <v>45</v>
      </c>
      <c r="AG549">
        <v>45</v>
      </c>
      <c r="AH549">
        <v>46</v>
      </c>
      <c r="AI549">
        <v>46</v>
      </c>
      <c r="AJ549">
        <v>46</v>
      </c>
      <c r="AK549">
        <v>47</v>
      </c>
      <c r="AL549">
        <v>47</v>
      </c>
      <c r="AM549">
        <v>47</v>
      </c>
      <c r="AN549">
        <v>47</v>
      </c>
      <c r="AO549">
        <v>47</v>
      </c>
      <c r="AP549">
        <v>46</v>
      </c>
      <c r="AQ549">
        <v>46</v>
      </c>
    </row>
    <row r="550" spans="1:43">
      <c r="A550" t="s">
        <v>433</v>
      </c>
      <c r="B550" t="s">
        <v>434</v>
      </c>
      <c r="C550" t="s">
        <v>435</v>
      </c>
      <c r="D550" t="s">
        <v>436</v>
      </c>
      <c r="E550" t="s">
        <v>353</v>
      </c>
      <c r="F550" t="s">
        <v>354</v>
      </c>
      <c r="G550" t="s">
        <v>80</v>
      </c>
      <c r="H550" t="s">
        <v>81</v>
      </c>
      <c r="I550" s="2">
        <v>1</v>
      </c>
      <c r="J550" s="2">
        <v>0</v>
      </c>
      <c r="K550" s="2">
        <v>0</v>
      </c>
      <c r="L550" t="s">
        <v>120</v>
      </c>
      <c r="M550" t="s">
        <v>83</v>
      </c>
      <c r="N550" t="s">
        <v>84</v>
      </c>
      <c r="O550" t="s">
        <v>85</v>
      </c>
      <c r="P550" t="s">
        <v>86</v>
      </c>
      <c r="Q550">
        <v>8</v>
      </c>
      <c r="R550">
        <v>8</v>
      </c>
      <c r="S550">
        <v>8</v>
      </c>
      <c r="T550">
        <v>8</v>
      </c>
      <c r="U550">
        <v>8</v>
      </c>
      <c r="V550">
        <v>8</v>
      </c>
      <c r="W550">
        <v>8</v>
      </c>
      <c r="X550">
        <v>8</v>
      </c>
      <c r="Y550">
        <v>8</v>
      </c>
      <c r="Z550">
        <v>8</v>
      </c>
      <c r="AA550">
        <v>8</v>
      </c>
      <c r="AB550">
        <v>9</v>
      </c>
      <c r="AC550">
        <v>9</v>
      </c>
      <c r="AD550">
        <v>9</v>
      </c>
      <c r="AE550">
        <v>9</v>
      </c>
      <c r="AF550">
        <v>9</v>
      </c>
      <c r="AG550">
        <v>9</v>
      </c>
      <c r="AH550">
        <v>9</v>
      </c>
      <c r="AI550">
        <v>9</v>
      </c>
      <c r="AJ550">
        <v>9</v>
      </c>
      <c r="AK550">
        <v>9</v>
      </c>
      <c r="AL550">
        <v>9</v>
      </c>
      <c r="AM550">
        <v>9</v>
      </c>
      <c r="AN550">
        <v>9</v>
      </c>
      <c r="AO550">
        <v>9</v>
      </c>
      <c r="AP550">
        <v>9</v>
      </c>
      <c r="AQ550">
        <v>9</v>
      </c>
    </row>
    <row r="551" spans="1:43">
      <c r="A551" t="s">
        <v>433</v>
      </c>
      <c r="B551" t="s">
        <v>434</v>
      </c>
      <c r="C551" t="s">
        <v>435</v>
      </c>
      <c r="D551" t="s">
        <v>436</v>
      </c>
      <c r="E551" t="s">
        <v>353</v>
      </c>
      <c r="F551" t="s">
        <v>354</v>
      </c>
      <c r="G551" t="s">
        <v>80</v>
      </c>
      <c r="H551" t="s">
        <v>81</v>
      </c>
      <c r="I551" s="2">
        <v>1</v>
      </c>
      <c r="J551" s="2">
        <v>0</v>
      </c>
      <c r="K551" s="2">
        <v>0</v>
      </c>
      <c r="L551" t="s">
        <v>120</v>
      </c>
      <c r="M551" t="s">
        <v>87</v>
      </c>
      <c r="N551" t="s">
        <v>88</v>
      </c>
      <c r="O551" t="s">
        <v>85</v>
      </c>
      <c r="P551" t="s">
        <v>86</v>
      </c>
      <c r="Q551">
        <v>8</v>
      </c>
      <c r="R551">
        <v>8</v>
      </c>
      <c r="S551">
        <v>8</v>
      </c>
      <c r="T551">
        <v>8</v>
      </c>
      <c r="U551">
        <v>8</v>
      </c>
      <c r="V551">
        <v>8</v>
      </c>
      <c r="W551">
        <v>8</v>
      </c>
      <c r="X551">
        <v>8</v>
      </c>
      <c r="Y551">
        <v>8</v>
      </c>
      <c r="Z551">
        <v>8</v>
      </c>
      <c r="AA551">
        <v>8</v>
      </c>
      <c r="AB551">
        <v>8</v>
      </c>
      <c r="AC551">
        <v>8</v>
      </c>
      <c r="AD551">
        <v>8</v>
      </c>
      <c r="AE551">
        <v>8</v>
      </c>
      <c r="AF551">
        <v>8</v>
      </c>
      <c r="AG551">
        <v>8</v>
      </c>
      <c r="AH551">
        <v>8</v>
      </c>
      <c r="AI551">
        <v>8</v>
      </c>
      <c r="AJ551">
        <v>8</v>
      </c>
      <c r="AK551">
        <v>8</v>
      </c>
      <c r="AL551">
        <v>8</v>
      </c>
      <c r="AM551">
        <v>8</v>
      </c>
      <c r="AN551">
        <v>8</v>
      </c>
      <c r="AO551">
        <v>8</v>
      </c>
      <c r="AP551">
        <v>8</v>
      </c>
      <c r="AQ551">
        <v>8</v>
      </c>
    </row>
    <row r="552" spans="1:43">
      <c r="A552" t="s">
        <v>433</v>
      </c>
      <c r="B552" t="s">
        <v>434</v>
      </c>
      <c r="C552" t="s">
        <v>435</v>
      </c>
      <c r="D552" t="s">
        <v>436</v>
      </c>
      <c r="E552" t="s">
        <v>353</v>
      </c>
      <c r="F552" t="s">
        <v>354</v>
      </c>
      <c r="G552" t="s">
        <v>80</v>
      </c>
      <c r="H552" t="s">
        <v>81</v>
      </c>
      <c r="I552" s="2">
        <v>1</v>
      </c>
      <c r="J552" s="2">
        <v>0</v>
      </c>
      <c r="K552" s="2">
        <v>0</v>
      </c>
      <c r="L552" t="s">
        <v>120</v>
      </c>
      <c r="M552" t="s">
        <v>89</v>
      </c>
      <c r="N552" t="s">
        <v>90</v>
      </c>
      <c r="O552" t="s">
        <v>85</v>
      </c>
      <c r="P552" t="s">
        <v>86</v>
      </c>
      <c r="Q552">
        <v>8</v>
      </c>
      <c r="R552">
        <v>8</v>
      </c>
      <c r="S552">
        <v>8</v>
      </c>
      <c r="T552">
        <v>8</v>
      </c>
      <c r="U552">
        <v>8</v>
      </c>
      <c r="V552">
        <v>8</v>
      </c>
      <c r="W552">
        <v>9</v>
      </c>
      <c r="X552">
        <v>9</v>
      </c>
      <c r="Y552">
        <v>9</v>
      </c>
      <c r="Z552">
        <v>9</v>
      </c>
      <c r="AA552">
        <v>9</v>
      </c>
      <c r="AB552">
        <v>9</v>
      </c>
      <c r="AC552">
        <v>9</v>
      </c>
      <c r="AD552">
        <v>9</v>
      </c>
      <c r="AE552">
        <v>9</v>
      </c>
      <c r="AF552">
        <v>9</v>
      </c>
      <c r="AG552">
        <v>9</v>
      </c>
      <c r="AH552">
        <v>9</v>
      </c>
      <c r="AI552">
        <v>9</v>
      </c>
      <c r="AJ552">
        <v>9</v>
      </c>
      <c r="AK552">
        <v>9</v>
      </c>
      <c r="AL552">
        <v>9</v>
      </c>
      <c r="AM552">
        <v>9</v>
      </c>
      <c r="AN552">
        <v>9</v>
      </c>
      <c r="AO552">
        <v>9</v>
      </c>
      <c r="AP552">
        <v>9</v>
      </c>
      <c r="AQ552">
        <v>9</v>
      </c>
    </row>
    <row r="553" spans="1:43">
      <c r="A553" t="s">
        <v>433</v>
      </c>
      <c r="B553" t="s">
        <v>434</v>
      </c>
      <c r="C553" t="s">
        <v>435</v>
      </c>
      <c r="D553" t="s">
        <v>436</v>
      </c>
      <c r="E553" t="s">
        <v>353</v>
      </c>
      <c r="F553" t="s">
        <v>354</v>
      </c>
      <c r="G553" t="s">
        <v>80</v>
      </c>
      <c r="H553" t="s">
        <v>81</v>
      </c>
      <c r="I553" s="2">
        <v>1</v>
      </c>
      <c r="J553" s="2">
        <v>0</v>
      </c>
      <c r="K553" s="2">
        <v>0</v>
      </c>
      <c r="L553" t="s">
        <v>120</v>
      </c>
      <c r="M553" t="s">
        <v>83</v>
      </c>
      <c r="N553" t="s">
        <v>91</v>
      </c>
      <c r="O553" t="s">
        <v>85</v>
      </c>
      <c r="P553" t="s">
        <v>86</v>
      </c>
      <c r="Q553">
        <v>8</v>
      </c>
      <c r="R553">
        <v>8</v>
      </c>
      <c r="S553">
        <v>8</v>
      </c>
      <c r="T553">
        <v>8</v>
      </c>
      <c r="U553">
        <v>8</v>
      </c>
      <c r="V553">
        <v>8</v>
      </c>
      <c r="W553">
        <v>8</v>
      </c>
      <c r="X553">
        <v>8</v>
      </c>
      <c r="Y553">
        <v>8</v>
      </c>
      <c r="Z553">
        <v>8</v>
      </c>
      <c r="AA553">
        <v>8</v>
      </c>
      <c r="AB553">
        <v>9</v>
      </c>
      <c r="AC553">
        <v>9</v>
      </c>
      <c r="AD553">
        <v>9</v>
      </c>
      <c r="AE553">
        <v>9</v>
      </c>
      <c r="AF553">
        <v>9</v>
      </c>
      <c r="AG553">
        <v>9</v>
      </c>
      <c r="AH553">
        <v>9</v>
      </c>
      <c r="AI553">
        <v>9</v>
      </c>
      <c r="AJ553">
        <v>9</v>
      </c>
      <c r="AK553">
        <v>9</v>
      </c>
      <c r="AL553">
        <v>9</v>
      </c>
      <c r="AM553">
        <v>9</v>
      </c>
      <c r="AN553">
        <v>9</v>
      </c>
      <c r="AO553">
        <v>9</v>
      </c>
      <c r="AP553">
        <v>9</v>
      </c>
      <c r="AQ553">
        <v>9</v>
      </c>
    </row>
    <row r="554" spans="1:43">
      <c r="A554" t="s">
        <v>437</v>
      </c>
      <c r="B554" t="s">
        <v>438</v>
      </c>
      <c r="C554" t="s">
        <v>439</v>
      </c>
      <c r="D554" t="s">
        <v>440</v>
      </c>
      <c r="E554" t="s">
        <v>353</v>
      </c>
      <c r="F554" t="s">
        <v>354</v>
      </c>
      <c r="G554" t="s">
        <v>80</v>
      </c>
      <c r="H554" t="s">
        <v>81</v>
      </c>
      <c r="I554" s="2">
        <v>1</v>
      </c>
      <c r="J554" s="2">
        <v>0</v>
      </c>
      <c r="K554" s="2">
        <v>0</v>
      </c>
      <c r="L554" t="s">
        <v>120</v>
      </c>
      <c r="M554" t="s">
        <v>83</v>
      </c>
      <c r="N554" t="s">
        <v>84</v>
      </c>
      <c r="O554" t="s">
        <v>85</v>
      </c>
      <c r="P554" t="s">
        <v>86</v>
      </c>
      <c r="Q554">
        <v>48</v>
      </c>
      <c r="R554">
        <v>49</v>
      </c>
      <c r="S554">
        <v>49</v>
      </c>
      <c r="T554">
        <v>50</v>
      </c>
      <c r="U554">
        <v>51</v>
      </c>
      <c r="V554">
        <v>51</v>
      </c>
      <c r="W554">
        <v>52</v>
      </c>
      <c r="X554">
        <v>52</v>
      </c>
      <c r="Y554">
        <v>53</v>
      </c>
      <c r="Z554">
        <v>53</v>
      </c>
      <c r="AA554">
        <v>54</v>
      </c>
      <c r="AB554">
        <v>54</v>
      </c>
      <c r="AC554">
        <v>55</v>
      </c>
      <c r="AD554">
        <v>55</v>
      </c>
      <c r="AE554">
        <v>56</v>
      </c>
      <c r="AF554">
        <v>56</v>
      </c>
      <c r="AG554">
        <v>56</v>
      </c>
      <c r="AH554">
        <v>57</v>
      </c>
      <c r="AI554">
        <v>57</v>
      </c>
      <c r="AJ554">
        <v>58</v>
      </c>
      <c r="AK554">
        <v>58</v>
      </c>
      <c r="AL554">
        <v>58</v>
      </c>
      <c r="AM554">
        <v>58</v>
      </c>
      <c r="AN554">
        <v>58</v>
      </c>
      <c r="AO554">
        <v>58</v>
      </c>
      <c r="AP554">
        <v>58</v>
      </c>
      <c r="AQ554">
        <v>58</v>
      </c>
    </row>
    <row r="555" spans="1:43">
      <c r="A555" t="s">
        <v>437</v>
      </c>
      <c r="B555" t="s">
        <v>438</v>
      </c>
      <c r="C555" t="s">
        <v>439</v>
      </c>
      <c r="D555" t="s">
        <v>440</v>
      </c>
      <c r="E555" t="s">
        <v>353</v>
      </c>
      <c r="F555" t="s">
        <v>354</v>
      </c>
      <c r="G555" t="s">
        <v>80</v>
      </c>
      <c r="H555" t="s">
        <v>81</v>
      </c>
      <c r="I555" s="2">
        <v>1</v>
      </c>
      <c r="J555" s="2">
        <v>0</v>
      </c>
      <c r="K555" s="2">
        <v>0</v>
      </c>
      <c r="L555" t="s">
        <v>120</v>
      </c>
      <c r="M555" t="s">
        <v>87</v>
      </c>
      <c r="N555" t="s">
        <v>88</v>
      </c>
      <c r="O555" t="s">
        <v>85</v>
      </c>
      <c r="P555" t="s">
        <v>86</v>
      </c>
      <c r="Q555">
        <v>48</v>
      </c>
      <c r="R555">
        <v>48</v>
      </c>
      <c r="S555">
        <v>48</v>
      </c>
      <c r="T555">
        <v>48</v>
      </c>
      <c r="U555">
        <v>48</v>
      </c>
      <c r="V555">
        <v>48</v>
      </c>
      <c r="W555">
        <v>49</v>
      </c>
      <c r="X555">
        <v>49</v>
      </c>
      <c r="Y555">
        <v>49</v>
      </c>
      <c r="Z555">
        <v>49</v>
      </c>
      <c r="AA555">
        <v>49</v>
      </c>
      <c r="AB555">
        <v>49</v>
      </c>
      <c r="AC555">
        <v>49</v>
      </c>
      <c r="AD555">
        <v>49</v>
      </c>
      <c r="AE555">
        <v>49</v>
      </c>
      <c r="AF555">
        <v>49</v>
      </c>
      <c r="AG555">
        <v>49</v>
      </c>
      <c r="AH555">
        <v>50</v>
      </c>
      <c r="AI555">
        <v>50</v>
      </c>
      <c r="AJ555">
        <v>50</v>
      </c>
      <c r="AK555">
        <v>50</v>
      </c>
      <c r="AL555">
        <v>50</v>
      </c>
      <c r="AM555">
        <v>50</v>
      </c>
      <c r="AN555">
        <v>50</v>
      </c>
      <c r="AO555">
        <v>50</v>
      </c>
      <c r="AP555">
        <v>50</v>
      </c>
      <c r="AQ555">
        <v>50</v>
      </c>
    </row>
    <row r="556" spans="1:43">
      <c r="A556" t="s">
        <v>437</v>
      </c>
      <c r="B556" t="s">
        <v>438</v>
      </c>
      <c r="C556" t="s">
        <v>439</v>
      </c>
      <c r="D556" t="s">
        <v>440</v>
      </c>
      <c r="E556" t="s">
        <v>353</v>
      </c>
      <c r="F556" t="s">
        <v>354</v>
      </c>
      <c r="G556" t="s">
        <v>80</v>
      </c>
      <c r="H556" t="s">
        <v>81</v>
      </c>
      <c r="I556" s="2">
        <v>1</v>
      </c>
      <c r="J556" s="2">
        <v>0</v>
      </c>
      <c r="K556" s="2">
        <v>0</v>
      </c>
      <c r="L556" t="s">
        <v>120</v>
      </c>
      <c r="M556" t="s">
        <v>89</v>
      </c>
      <c r="N556" t="s">
        <v>90</v>
      </c>
      <c r="O556" t="s">
        <v>85</v>
      </c>
      <c r="P556" t="s">
        <v>86</v>
      </c>
      <c r="Q556">
        <v>48</v>
      </c>
      <c r="R556">
        <v>49</v>
      </c>
      <c r="S556">
        <v>50</v>
      </c>
      <c r="T556">
        <v>51</v>
      </c>
      <c r="U556">
        <v>52</v>
      </c>
      <c r="V556">
        <v>52</v>
      </c>
      <c r="W556">
        <v>53</v>
      </c>
      <c r="X556">
        <v>54</v>
      </c>
      <c r="Y556">
        <v>55</v>
      </c>
      <c r="Z556">
        <v>55</v>
      </c>
      <c r="AA556">
        <v>56</v>
      </c>
      <c r="AB556">
        <v>57</v>
      </c>
      <c r="AC556">
        <v>58</v>
      </c>
      <c r="AD556">
        <v>58</v>
      </c>
      <c r="AE556">
        <v>59</v>
      </c>
      <c r="AF556">
        <v>58</v>
      </c>
      <c r="AG556">
        <v>58</v>
      </c>
      <c r="AH556">
        <v>58</v>
      </c>
      <c r="AI556">
        <v>58</v>
      </c>
      <c r="AJ556">
        <v>58</v>
      </c>
      <c r="AK556">
        <v>58</v>
      </c>
      <c r="AL556">
        <v>58</v>
      </c>
      <c r="AM556">
        <v>58</v>
      </c>
      <c r="AN556">
        <v>58</v>
      </c>
      <c r="AO556">
        <v>58</v>
      </c>
      <c r="AP556">
        <v>58</v>
      </c>
      <c r="AQ556">
        <v>58</v>
      </c>
    </row>
    <row r="557" spans="1:43">
      <c r="A557" t="s">
        <v>437</v>
      </c>
      <c r="B557" t="s">
        <v>438</v>
      </c>
      <c r="C557" t="s">
        <v>439</v>
      </c>
      <c r="D557" t="s">
        <v>440</v>
      </c>
      <c r="E557" t="s">
        <v>353</v>
      </c>
      <c r="F557" t="s">
        <v>354</v>
      </c>
      <c r="G557" t="s">
        <v>80</v>
      </c>
      <c r="H557" t="s">
        <v>81</v>
      </c>
      <c r="I557" s="2">
        <v>1</v>
      </c>
      <c r="J557" s="2">
        <v>0</v>
      </c>
      <c r="K557" s="2">
        <v>0</v>
      </c>
      <c r="L557" t="s">
        <v>120</v>
      </c>
      <c r="M557" t="s">
        <v>83</v>
      </c>
      <c r="N557" t="s">
        <v>91</v>
      </c>
      <c r="O557" t="s">
        <v>85</v>
      </c>
      <c r="P557" t="s">
        <v>86</v>
      </c>
      <c r="Q557">
        <v>48</v>
      </c>
      <c r="R557">
        <v>49</v>
      </c>
      <c r="S557">
        <v>49</v>
      </c>
      <c r="T557">
        <v>50</v>
      </c>
      <c r="U557">
        <v>51</v>
      </c>
      <c r="V557">
        <v>51</v>
      </c>
      <c r="W557">
        <v>52</v>
      </c>
      <c r="X557">
        <v>52</v>
      </c>
      <c r="Y557">
        <v>53</v>
      </c>
      <c r="Z557">
        <v>53</v>
      </c>
      <c r="AA557">
        <v>54</v>
      </c>
      <c r="AB557">
        <v>54</v>
      </c>
      <c r="AC557">
        <v>55</v>
      </c>
      <c r="AD557">
        <v>55</v>
      </c>
      <c r="AE557">
        <v>56</v>
      </c>
      <c r="AF557">
        <v>56</v>
      </c>
      <c r="AG557">
        <v>56</v>
      </c>
      <c r="AH557">
        <v>57</v>
      </c>
      <c r="AI557">
        <v>57</v>
      </c>
      <c r="AJ557">
        <v>58</v>
      </c>
      <c r="AK557">
        <v>58</v>
      </c>
      <c r="AL557">
        <v>58</v>
      </c>
      <c r="AM557">
        <v>58</v>
      </c>
      <c r="AN557">
        <v>58</v>
      </c>
      <c r="AO557">
        <v>58</v>
      </c>
      <c r="AP557">
        <v>58</v>
      </c>
      <c r="AQ557">
        <v>58</v>
      </c>
    </row>
    <row r="558" spans="1:43">
      <c r="A558" t="s">
        <v>441</v>
      </c>
      <c r="B558" t="s">
        <v>442</v>
      </c>
      <c r="C558" t="s">
        <v>377</v>
      </c>
      <c r="D558" t="s">
        <v>378</v>
      </c>
      <c r="E558" t="s">
        <v>353</v>
      </c>
      <c r="F558" t="s">
        <v>354</v>
      </c>
      <c r="G558" t="s">
        <v>80</v>
      </c>
      <c r="H558" t="s">
        <v>81</v>
      </c>
      <c r="I558" s="2">
        <v>1</v>
      </c>
      <c r="J558" s="2">
        <v>0</v>
      </c>
      <c r="K558" s="2">
        <v>0</v>
      </c>
      <c r="L558" t="s">
        <v>120</v>
      </c>
      <c r="M558" t="s">
        <v>83</v>
      </c>
      <c r="N558" t="s">
        <v>84</v>
      </c>
      <c r="O558" t="s">
        <v>85</v>
      </c>
      <c r="P558" t="s">
        <v>86</v>
      </c>
      <c r="Q558">
        <v>33</v>
      </c>
      <c r="R558">
        <v>34</v>
      </c>
      <c r="S558">
        <v>34</v>
      </c>
      <c r="T558">
        <v>35</v>
      </c>
      <c r="U558">
        <v>35</v>
      </c>
      <c r="V558">
        <v>35</v>
      </c>
      <c r="W558">
        <v>36</v>
      </c>
      <c r="X558">
        <v>36</v>
      </c>
      <c r="Y558">
        <v>36</v>
      </c>
      <c r="Z558">
        <v>37</v>
      </c>
      <c r="AA558">
        <v>37</v>
      </c>
      <c r="AB558">
        <v>37</v>
      </c>
      <c r="AC558">
        <v>37</v>
      </c>
      <c r="AD558">
        <v>38</v>
      </c>
      <c r="AE558">
        <v>38</v>
      </c>
      <c r="AF558">
        <v>38</v>
      </c>
      <c r="AG558">
        <v>39</v>
      </c>
      <c r="AH558">
        <v>39</v>
      </c>
      <c r="AI558">
        <v>39</v>
      </c>
      <c r="AJ558">
        <v>39</v>
      </c>
      <c r="AK558">
        <v>40</v>
      </c>
      <c r="AL558">
        <v>40</v>
      </c>
      <c r="AM558">
        <v>40</v>
      </c>
      <c r="AN558">
        <v>40</v>
      </c>
      <c r="AO558">
        <v>39</v>
      </c>
      <c r="AP558">
        <v>39</v>
      </c>
      <c r="AQ558">
        <v>39</v>
      </c>
    </row>
    <row r="559" spans="1:43">
      <c r="A559" t="s">
        <v>441</v>
      </c>
      <c r="B559" t="s">
        <v>442</v>
      </c>
      <c r="C559" t="s">
        <v>377</v>
      </c>
      <c r="D559" t="s">
        <v>378</v>
      </c>
      <c r="E559" t="s">
        <v>353</v>
      </c>
      <c r="F559" t="s">
        <v>354</v>
      </c>
      <c r="G559" t="s">
        <v>80</v>
      </c>
      <c r="H559" t="s">
        <v>81</v>
      </c>
      <c r="I559" s="2">
        <v>1</v>
      </c>
      <c r="J559" s="2">
        <v>0</v>
      </c>
      <c r="K559" s="2">
        <v>0</v>
      </c>
      <c r="L559" t="s">
        <v>120</v>
      </c>
      <c r="M559" t="s">
        <v>87</v>
      </c>
      <c r="N559" t="s">
        <v>88</v>
      </c>
      <c r="O559" t="s">
        <v>85</v>
      </c>
      <c r="P559" t="s">
        <v>86</v>
      </c>
      <c r="Q559">
        <v>33</v>
      </c>
      <c r="R559">
        <v>33</v>
      </c>
      <c r="S559">
        <v>33</v>
      </c>
      <c r="T559">
        <v>33</v>
      </c>
      <c r="U559">
        <v>33</v>
      </c>
      <c r="V559">
        <v>33</v>
      </c>
      <c r="W559">
        <v>33</v>
      </c>
      <c r="X559">
        <v>33</v>
      </c>
      <c r="Y559">
        <v>34</v>
      </c>
      <c r="Z559">
        <v>34</v>
      </c>
      <c r="AA559">
        <v>34</v>
      </c>
      <c r="AB559">
        <v>34</v>
      </c>
      <c r="AC559">
        <v>34</v>
      </c>
      <c r="AD559">
        <v>34</v>
      </c>
      <c r="AE559">
        <v>34</v>
      </c>
      <c r="AF559">
        <v>34</v>
      </c>
      <c r="AG559">
        <v>34</v>
      </c>
      <c r="AH559">
        <v>34</v>
      </c>
      <c r="AI559">
        <v>34</v>
      </c>
      <c r="AJ559">
        <v>34</v>
      </c>
      <c r="AK559">
        <v>34</v>
      </c>
      <c r="AL559">
        <v>34</v>
      </c>
      <c r="AM559">
        <v>34</v>
      </c>
      <c r="AN559">
        <v>34</v>
      </c>
      <c r="AO559">
        <v>34</v>
      </c>
      <c r="AP559">
        <v>34</v>
      </c>
      <c r="AQ559">
        <v>34</v>
      </c>
    </row>
    <row r="560" spans="1:43">
      <c r="A560" t="s">
        <v>441</v>
      </c>
      <c r="B560" t="s">
        <v>442</v>
      </c>
      <c r="C560" t="s">
        <v>377</v>
      </c>
      <c r="D560" t="s">
        <v>378</v>
      </c>
      <c r="E560" t="s">
        <v>353</v>
      </c>
      <c r="F560" t="s">
        <v>354</v>
      </c>
      <c r="G560" t="s">
        <v>80</v>
      </c>
      <c r="H560" t="s">
        <v>81</v>
      </c>
      <c r="I560" s="2">
        <v>1</v>
      </c>
      <c r="J560" s="2">
        <v>0</v>
      </c>
      <c r="K560" s="2">
        <v>0</v>
      </c>
      <c r="L560" t="s">
        <v>120</v>
      </c>
      <c r="M560" t="s">
        <v>89</v>
      </c>
      <c r="N560" t="s">
        <v>90</v>
      </c>
      <c r="O560" t="s">
        <v>85</v>
      </c>
      <c r="P560" t="s">
        <v>86</v>
      </c>
      <c r="Q560">
        <v>33</v>
      </c>
      <c r="R560">
        <v>33</v>
      </c>
      <c r="S560">
        <v>34</v>
      </c>
      <c r="T560">
        <v>35</v>
      </c>
      <c r="U560">
        <v>35</v>
      </c>
      <c r="V560">
        <v>36</v>
      </c>
      <c r="W560">
        <v>36</v>
      </c>
      <c r="X560">
        <v>37</v>
      </c>
      <c r="Y560">
        <v>37</v>
      </c>
      <c r="Z560">
        <v>38</v>
      </c>
      <c r="AA560">
        <v>38</v>
      </c>
      <c r="AB560">
        <v>39</v>
      </c>
      <c r="AC560">
        <v>39</v>
      </c>
      <c r="AD560">
        <v>40</v>
      </c>
      <c r="AE560">
        <v>40</v>
      </c>
      <c r="AF560">
        <v>40</v>
      </c>
      <c r="AG560">
        <v>40</v>
      </c>
      <c r="AH560">
        <v>40</v>
      </c>
      <c r="AI560">
        <v>39</v>
      </c>
      <c r="AJ560">
        <v>39</v>
      </c>
      <c r="AK560">
        <v>39</v>
      </c>
      <c r="AL560">
        <v>39</v>
      </c>
      <c r="AM560">
        <v>39</v>
      </c>
      <c r="AN560">
        <v>39</v>
      </c>
      <c r="AO560">
        <v>39</v>
      </c>
      <c r="AP560">
        <v>39</v>
      </c>
      <c r="AQ560">
        <v>39</v>
      </c>
    </row>
    <row r="561" spans="1:43">
      <c r="A561" t="s">
        <v>441</v>
      </c>
      <c r="B561" t="s">
        <v>442</v>
      </c>
      <c r="C561" t="s">
        <v>377</v>
      </c>
      <c r="D561" t="s">
        <v>378</v>
      </c>
      <c r="E561" t="s">
        <v>353</v>
      </c>
      <c r="F561" t="s">
        <v>354</v>
      </c>
      <c r="G561" t="s">
        <v>80</v>
      </c>
      <c r="H561" t="s">
        <v>81</v>
      </c>
      <c r="I561" s="2">
        <v>1</v>
      </c>
      <c r="J561" s="2">
        <v>0</v>
      </c>
      <c r="K561" s="2">
        <v>0</v>
      </c>
      <c r="L561" t="s">
        <v>120</v>
      </c>
      <c r="M561" t="s">
        <v>83</v>
      </c>
      <c r="N561" t="s">
        <v>91</v>
      </c>
      <c r="O561" t="s">
        <v>85</v>
      </c>
      <c r="P561" t="s">
        <v>86</v>
      </c>
      <c r="Q561">
        <v>33</v>
      </c>
      <c r="R561">
        <v>34</v>
      </c>
      <c r="S561">
        <v>34</v>
      </c>
      <c r="T561">
        <v>35</v>
      </c>
      <c r="U561">
        <v>35</v>
      </c>
      <c r="V561">
        <v>35</v>
      </c>
      <c r="W561">
        <v>36</v>
      </c>
      <c r="X561">
        <v>36</v>
      </c>
      <c r="Y561">
        <v>36</v>
      </c>
      <c r="Z561">
        <v>37</v>
      </c>
      <c r="AA561">
        <v>37</v>
      </c>
      <c r="AB561">
        <v>37</v>
      </c>
      <c r="AC561">
        <v>37</v>
      </c>
      <c r="AD561">
        <v>38</v>
      </c>
      <c r="AE561">
        <v>38</v>
      </c>
      <c r="AF561">
        <v>38</v>
      </c>
      <c r="AG561">
        <v>39</v>
      </c>
      <c r="AH561">
        <v>39</v>
      </c>
      <c r="AI561">
        <v>39</v>
      </c>
      <c r="AJ561">
        <v>39</v>
      </c>
      <c r="AK561">
        <v>40</v>
      </c>
      <c r="AL561">
        <v>40</v>
      </c>
      <c r="AM561">
        <v>40</v>
      </c>
      <c r="AN561">
        <v>40</v>
      </c>
      <c r="AO561">
        <v>39</v>
      </c>
      <c r="AP561">
        <v>39</v>
      </c>
      <c r="AQ561">
        <v>39</v>
      </c>
    </row>
    <row r="562" spans="1:43">
      <c r="A562" t="s">
        <v>443</v>
      </c>
      <c r="B562" t="s">
        <v>444</v>
      </c>
      <c r="C562" t="s">
        <v>377</v>
      </c>
      <c r="D562" t="s">
        <v>378</v>
      </c>
      <c r="E562" t="s">
        <v>353</v>
      </c>
      <c r="F562" t="s">
        <v>354</v>
      </c>
      <c r="G562" t="s">
        <v>80</v>
      </c>
      <c r="H562" t="s">
        <v>81</v>
      </c>
      <c r="I562" s="2">
        <v>1</v>
      </c>
      <c r="J562" s="2">
        <v>0</v>
      </c>
      <c r="K562" s="2">
        <v>0</v>
      </c>
      <c r="L562" t="s">
        <v>120</v>
      </c>
      <c r="M562" t="s">
        <v>83</v>
      </c>
      <c r="N562" t="s">
        <v>84</v>
      </c>
      <c r="O562" t="s">
        <v>85</v>
      </c>
      <c r="P562" t="s">
        <v>86</v>
      </c>
      <c r="Q562">
        <v>23</v>
      </c>
      <c r="R562">
        <v>23</v>
      </c>
      <c r="S562">
        <v>24</v>
      </c>
      <c r="T562">
        <v>24</v>
      </c>
      <c r="U562">
        <v>24</v>
      </c>
      <c r="V562">
        <v>24</v>
      </c>
      <c r="W562">
        <v>25</v>
      </c>
      <c r="X562">
        <v>25</v>
      </c>
      <c r="Y562">
        <v>25</v>
      </c>
      <c r="Z562">
        <v>25</v>
      </c>
      <c r="AA562">
        <v>25</v>
      </c>
      <c r="AB562">
        <v>26</v>
      </c>
      <c r="AC562">
        <v>26</v>
      </c>
      <c r="AD562">
        <v>26</v>
      </c>
      <c r="AE562">
        <v>26</v>
      </c>
      <c r="AF562">
        <v>26</v>
      </c>
      <c r="AG562">
        <v>27</v>
      </c>
      <c r="AH562">
        <v>27</v>
      </c>
      <c r="AI562">
        <v>27</v>
      </c>
      <c r="AJ562">
        <v>27</v>
      </c>
      <c r="AK562">
        <v>27</v>
      </c>
      <c r="AL562">
        <v>27</v>
      </c>
      <c r="AM562">
        <v>27</v>
      </c>
      <c r="AN562">
        <v>27</v>
      </c>
      <c r="AO562">
        <v>27</v>
      </c>
      <c r="AP562">
        <v>27</v>
      </c>
      <c r="AQ562">
        <v>27</v>
      </c>
    </row>
    <row r="563" spans="1:43">
      <c r="A563" t="s">
        <v>443</v>
      </c>
      <c r="B563" t="s">
        <v>444</v>
      </c>
      <c r="C563" t="s">
        <v>377</v>
      </c>
      <c r="D563" t="s">
        <v>378</v>
      </c>
      <c r="E563" t="s">
        <v>353</v>
      </c>
      <c r="F563" t="s">
        <v>354</v>
      </c>
      <c r="G563" t="s">
        <v>80</v>
      </c>
      <c r="H563" t="s">
        <v>81</v>
      </c>
      <c r="I563" s="2">
        <v>1</v>
      </c>
      <c r="J563" s="2">
        <v>0</v>
      </c>
      <c r="K563" s="2">
        <v>0</v>
      </c>
      <c r="L563" t="s">
        <v>120</v>
      </c>
      <c r="M563" t="s">
        <v>87</v>
      </c>
      <c r="N563" t="s">
        <v>88</v>
      </c>
      <c r="O563" t="s">
        <v>85</v>
      </c>
      <c r="P563" t="s">
        <v>86</v>
      </c>
      <c r="Q563">
        <v>23</v>
      </c>
      <c r="R563">
        <v>23</v>
      </c>
      <c r="S563">
        <v>23</v>
      </c>
      <c r="T563">
        <v>23</v>
      </c>
      <c r="U563">
        <v>23</v>
      </c>
      <c r="V563">
        <v>23</v>
      </c>
      <c r="W563">
        <v>23</v>
      </c>
      <c r="X563">
        <v>23</v>
      </c>
      <c r="Y563">
        <v>23</v>
      </c>
      <c r="Z563">
        <v>23</v>
      </c>
      <c r="AA563">
        <v>23</v>
      </c>
      <c r="AB563">
        <v>23</v>
      </c>
      <c r="AC563">
        <v>23</v>
      </c>
      <c r="AD563">
        <v>23</v>
      </c>
      <c r="AE563">
        <v>23</v>
      </c>
      <c r="AF563">
        <v>23</v>
      </c>
      <c r="AG563">
        <v>23</v>
      </c>
      <c r="AH563">
        <v>23</v>
      </c>
      <c r="AI563">
        <v>23</v>
      </c>
      <c r="AJ563">
        <v>23</v>
      </c>
      <c r="AK563">
        <v>23</v>
      </c>
      <c r="AL563">
        <v>23</v>
      </c>
      <c r="AM563">
        <v>23</v>
      </c>
      <c r="AN563">
        <v>23</v>
      </c>
      <c r="AO563">
        <v>23</v>
      </c>
      <c r="AP563">
        <v>23</v>
      </c>
      <c r="AQ563">
        <v>23</v>
      </c>
    </row>
    <row r="564" spans="1:43">
      <c r="A564" t="s">
        <v>443</v>
      </c>
      <c r="B564" t="s">
        <v>444</v>
      </c>
      <c r="C564" t="s">
        <v>377</v>
      </c>
      <c r="D564" t="s">
        <v>378</v>
      </c>
      <c r="E564" t="s">
        <v>353</v>
      </c>
      <c r="F564" t="s">
        <v>354</v>
      </c>
      <c r="G564" t="s">
        <v>80</v>
      </c>
      <c r="H564" t="s">
        <v>81</v>
      </c>
      <c r="I564" s="2">
        <v>1</v>
      </c>
      <c r="J564" s="2">
        <v>0</v>
      </c>
      <c r="K564" s="2">
        <v>0</v>
      </c>
      <c r="L564" t="s">
        <v>120</v>
      </c>
      <c r="M564" t="s">
        <v>89</v>
      </c>
      <c r="N564" t="s">
        <v>90</v>
      </c>
      <c r="O564" t="s">
        <v>85</v>
      </c>
      <c r="P564" t="s">
        <v>86</v>
      </c>
      <c r="Q564">
        <v>23</v>
      </c>
      <c r="R564">
        <v>24</v>
      </c>
      <c r="S564">
        <v>24</v>
      </c>
      <c r="T564">
        <v>25</v>
      </c>
      <c r="U564">
        <v>25</v>
      </c>
      <c r="V564">
        <v>25</v>
      </c>
      <c r="W564">
        <v>26</v>
      </c>
      <c r="X564">
        <v>26</v>
      </c>
      <c r="Y564">
        <v>26</v>
      </c>
      <c r="Z564">
        <v>27</v>
      </c>
      <c r="AA564">
        <v>27</v>
      </c>
      <c r="AB564">
        <v>27</v>
      </c>
      <c r="AC564">
        <v>28</v>
      </c>
      <c r="AD564">
        <v>28</v>
      </c>
      <c r="AE564">
        <v>28</v>
      </c>
      <c r="AF564">
        <v>28</v>
      </c>
      <c r="AG564">
        <v>28</v>
      </c>
      <c r="AH564">
        <v>28</v>
      </c>
      <c r="AI564">
        <v>28</v>
      </c>
      <c r="AJ564">
        <v>28</v>
      </c>
      <c r="AK564">
        <v>28</v>
      </c>
      <c r="AL564">
        <v>28</v>
      </c>
      <c r="AM564">
        <v>28</v>
      </c>
      <c r="AN564">
        <v>27</v>
      </c>
      <c r="AO564">
        <v>27</v>
      </c>
      <c r="AP564">
        <v>27</v>
      </c>
      <c r="AQ564">
        <v>27</v>
      </c>
    </row>
    <row r="565" spans="1:43">
      <c r="A565" t="s">
        <v>443</v>
      </c>
      <c r="B565" t="s">
        <v>444</v>
      </c>
      <c r="C565" t="s">
        <v>377</v>
      </c>
      <c r="D565" t="s">
        <v>378</v>
      </c>
      <c r="E565" t="s">
        <v>353</v>
      </c>
      <c r="F565" t="s">
        <v>354</v>
      </c>
      <c r="G565" t="s">
        <v>80</v>
      </c>
      <c r="H565" t="s">
        <v>81</v>
      </c>
      <c r="I565" s="2">
        <v>1</v>
      </c>
      <c r="J565" s="2">
        <v>0</v>
      </c>
      <c r="K565" s="2">
        <v>0</v>
      </c>
      <c r="L565" t="s">
        <v>120</v>
      </c>
      <c r="M565" t="s">
        <v>83</v>
      </c>
      <c r="N565" t="s">
        <v>91</v>
      </c>
      <c r="O565" t="s">
        <v>85</v>
      </c>
      <c r="P565" t="s">
        <v>86</v>
      </c>
      <c r="Q565">
        <v>23</v>
      </c>
      <c r="R565">
        <v>23</v>
      </c>
      <c r="S565">
        <v>24</v>
      </c>
      <c r="T565">
        <v>24</v>
      </c>
      <c r="U565">
        <v>24</v>
      </c>
      <c r="V565">
        <v>24</v>
      </c>
      <c r="W565">
        <v>25</v>
      </c>
      <c r="X565">
        <v>25</v>
      </c>
      <c r="Y565">
        <v>25</v>
      </c>
      <c r="Z565">
        <v>25</v>
      </c>
      <c r="AA565">
        <v>25</v>
      </c>
      <c r="AB565">
        <v>26</v>
      </c>
      <c r="AC565">
        <v>26</v>
      </c>
      <c r="AD565">
        <v>26</v>
      </c>
      <c r="AE565">
        <v>26</v>
      </c>
      <c r="AF565">
        <v>26</v>
      </c>
      <c r="AG565">
        <v>27</v>
      </c>
      <c r="AH565">
        <v>27</v>
      </c>
      <c r="AI565">
        <v>27</v>
      </c>
      <c r="AJ565">
        <v>27</v>
      </c>
      <c r="AK565">
        <v>27</v>
      </c>
      <c r="AL565">
        <v>27</v>
      </c>
      <c r="AM565">
        <v>27</v>
      </c>
      <c r="AN565">
        <v>27</v>
      </c>
      <c r="AO565">
        <v>27</v>
      </c>
      <c r="AP565">
        <v>27</v>
      </c>
      <c r="AQ565">
        <v>27</v>
      </c>
    </row>
    <row r="566" spans="1:43">
      <c r="A566" t="s">
        <v>445</v>
      </c>
      <c r="B566" t="s">
        <v>446</v>
      </c>
      <c r="C566" t="s">
        <v>377</v>
      </c>
      <c r="D566" t="s">
        <v>378</v>
      </c>
      <c r="E566" t="s">
        <v>353</v>
      </c>
      <c r="F566" t="s">
        <v>354</v>
      </c>
      <c r="G566" t="s">
        <v>80</v>
      </c>
      <c r="H566" t="s">
        <v>81</v>
      </c>
      <c r="I566" s="2">
        <v>1</v>
      </c>
      <c r="J566" s="2">
        <v>0</v>
      </c>
      <c r="K566" s="2">
        <v>0</v>
      </c>
      <c r="L566" t="s">
        <v>120</v>
      </c>
      <c r="M566" t="s">
        <v>83</v>
      </c>
      <c r="N566" t="s">
        <v>84</v>
      </c>
      <c r="O566" t="s">
        <v>85</v>
      </c>
      <c r="P566" t="s">
        <v>86</v>
      </c>
      <c r="Q566">
        <v>8</v>
      </c>
      <c r="R566">
        <v>8</v>
      </c>
      <c r="S566">
        <v>8</v>
      </c>
      <c r="T566">
        <v>8</v>
      </c>
      <c r="U566">
        <v>8</v>
      </c>
      <c r="V566">
        <v>8</v>
      </c>
      <c r="W566">
        <v>8</v>
      </c>
      <c r="X566">
        <v>8</v>
      </c>
      <c r="Y566">
        <v>8</v>
      </c>
      <c r="Z566">
        <v>9</v>
      </c>
      <c r="AA566">
        <v>9</v>
      </c>
      <c r="AB566">
        <v>9</v>
      </c>
      <c r="AC566">
        <v>9</v>
      </c>
      <c r="AD566">
        <v>9</v>
      </c>
      <c r="AE566">
        <v>9</v>
      </c>
      <c r="AF566">
        <v>9</v>
      </c>
      <c r="AG566">
        <v>9</v>
      </c>
      <c r="AH566">
        <v>9</v>
      </c>
      <c r="AI566">
        <v>9</v>
      </c>
      <c r="AJ566">
        <v>9</v>
      </c>
      <c r="AK566">
        <v>9</v>
      </c>
      <c r="AL566">
        <v>9</v>
      </c>
      <c r="AM566">
        <v>9</v>
      </c>
      <c r="AN566">
        <v>9</v>
      </c>
      <c r="AO566">
        <v>9</v>
      </c>
      <c r="AP566">
        <v>9</v>
      </c>
      <c r="AQ566">
        <v>9</v>
      </c>
    </row>
    <row r="567" spans="1:43">
      <c r="A567" t="s">
        <v>445</v>
      </c>
      <c r="B567" t="s">
        <v>446</v>
      </c>
      <c r="C567" t="s">
        <v>377</v>
      </c>
      <c r="D567" t="s">
        <v>378</v>
      </c>
      <c r="E567" t="s">
        <v>353</v>
      </c>
      <c r="F567" t="s">
        <v>354</v>
      </c>
      <c r="G567" t="s">
        <v>80</v>
      </c>
      <c r="H567" t="s">
        <v>81</v>
      </c>
      <c r="I567" s="2">
        <v>1</v>
      </c>
      <c r="J567" s="2">
        <v>0</v>
      </c>
      <c r="K567" s="2">
        <v>0</v>
      </c>
      <c r="L567" t="s">
        <v>120</v>
      </c>
      <c r="M567" t="s">
        <v>87</v>
      </c>
      <c r="N567" t="s">
        <v>88</v>
      </c>
      <c r="O567" t="s">
        <v>85</v>
      </c>
      <c r="P567" t="s">
        <v>86</v>
      </c>
      <c r="Q567">
        <v>8</v>
      </c>
      <c r="R567">
        <v>8</v>
      </c>
      <c r="S567">
        <v>8</v>
      </c>
      <c r="T567">
        <v>8</v>
      </c>
      <c r="U567">
        <v>8</v>
      </c>
      <c r="V567">
        <v>8</v>
      </c>
      <c r="W567">
        <v>8</v>
      </c>
      <c r="X567">
        <v>8</v>
      </c>
      <c r="Y567">
        <v>8</v>
      </c>
      <c r="Z567">
        <v>8</v>
      </c>
      <c r="AA567">
        <v>8</v>
      </c>
      <c r="AB567">
        <v>8</v>
      </c>
      <c r="AC567">
        <v>8</v>
      </c>
      <c r="AD567">
        <v>8</v>
      </c>
      <c r="AE567">
        <v>8</v>
      </c>
      <c r="AF567">
        <v>8</v>
      </c>
      <c r="AG567">
        <v>8</v>
      </c>
      <c r="AH567">
        <v>8</v>
      </c>
      <c r="AI567">
        <v>8</v>
      </c>
      <c r="AJ567">
        <v>8</v>
      </c>
      <c r="AK567">
        <v>8</v>
      </c>
      <c r="AL567">
        <v>8</v>
      </c>
      <c r="AM567">
        <v>8</v>
      </c>
      <c r="AN567">
        <v>8</v>
      </c>
      <c r="AO567">
        <v>8</v>
      </c>
      <c r="AP567">
        <v>8</v>
      </c>
      <c r="AQ567">
        <v>8</v>
      </c>
    </row>
    <row r="568" spans="1:43">
      <c r="A568" t="s">
        <v>445</v>
      </c>
      <c r="B568" t="s">
        <v>446</v>
      </c>
      <c r="C568" t="s">
        <v>377</v>
      </c>
      <c r="D568" t="s">
        <v>378</v>
      </c>
      <c r="E568" t="s">
        <v>353</v>
      </c>
      <c r="F568" t="s">
        <v>354</v>
      </c>
      <c r="G568" t="s">
        <v>80</v>
      </c>
      <c r="H568" t="s">
        <v>81</v>
      </c>
      <c r="I568" s="2">
        <v>1</v>
      </c>
      <c r="J568" s="2">
        <v>0</v>
      </c>
      <c r="K568" s="2">
        <v>0</v>
      </c>
      <c r="L568" t="s">
        <v>120</v>
      </c>
      <c r="M568" t="s">
        <v>89</v>
      </c>
      <c r="N568" t="s">
        <v>90</v>
      </c>
      <c r="O568" t="s">
        <v>85</v>
      </c>
      <c r="P568" t="s">
        <v>86</v>
      </c>
      <c r="Q568">
        <v>8</v>
      </c>
      <c r="R568">
        <v>8</v>
      </c>
      <c r="S568">
        <v>8</v>
      </c>
      <c r="T568">
        <v>8</v>
      </c>
      <c r="U568">
        <v>8</v>
      </c>
      <c r="V568">
        <v>9</v>
      </c>
      <c r="W568">
        <v>9</v>
      </c>
      <c r="X568">
        <v>9</v>
      </c>
      <c r="Y568">
        <v>9</v>
      </c>
      <c r="Z568">
        <v>9</v>
      </c>
      <c r="AA568">
        <v>9</v>
      </c>
      <c r="AB568">
        <v>9</v>
      </c>
      <c r="AC568">
        <v>9</v>
      </c>
      <c r="AD568">
        <v>9</v>
      </c>
      <c r="AE568">
        <v>10</v>
      </c>
      <c r="AF568">
        <v>10</v>
      </c>
      <c r="AG568">
        <v>9</v>
      </c>
      <c r="AH568">
        <v>9</v>
      </c>
      <c r="AI568">
        <v>9</v>
      </c>
      <c r="AJ568">
        <v>9</v>
      </c>
      <c r="AK568">
        <v>9</v>
      </c>
      <c r="AL568">
        <v>9</v>
      </c>
      <c r="AM568">
        <v>9</v>
      </c>
      <c r="AN568">
        <v>9</v>
      </c>
      <c r="AO568">
        <v>9</v>
      </c>
      <c r="AP568">
        <v>9</v>
      </c>
      <c r="AQ568">
        <v>9</v>
      </c>
    </row>
    <row r="569" spans="1:43">
      <c r="A569" t="s">
        <v>445</v>
      </c>
      <c r="B569" t="s">
        <v>446</v>
      </c>
      <c r="C569" t="s">
        <v>377</v>
      </c>
      <c r="D569" t="s">
        <v>378</v>
      </c>
      <c r="E569" t="s">
        <v>353</v>
      </c>
      <c r="F569" t="s">
        <v>354</v>
      </c>
      <c r="G569" t="s">
        <v>80</v>
      </c>
      <c r="H569" t="s">
        <v>81</v>
      </c>
      <c r="I569" s="2">
        <v>1</v>
      </c>
      <c r="J569" s="2">
        <v>0</v>
      </c>
      <c r="K569" s="2">
        <v>0</v>
      </c>
      <c r="L569" t="s">
        <v>120</v>
      </c>
      <c r="M569" t="s">
        <v>83</v>
      </c>
      <c r="N569" t="s">
        <v>91</v>
      </c>
      <c r="O569" t="s">
        <v>85</v>
      </c>
      <c r="P569" t="s">
        <v>86</v>
      </c>
      <c r="Q569">
        <v>8</v>
      </c>
      <c r="R569">
        <v>8</v>
      </c>
      <c r="S569">
        <v>8</v>
      </c>
      <c r="T569">
        <v>8</v>
      </c>
      <c r="U569">
        <v>8</v>
      </c>
      <c r="V569">
        <v>8</v>
      </c>
      <c r="W569">
        <v>8</v>
      </c>
      <c r="X569">
        <v>8</v>
      </c>
      <c r="Y569">
        <v>8</v>
      </c>
      <c r="Z569">
        <v>9</v>
      </c>
      <c r="AA569">
        <v>9</v>
      </c>
      <c r="AB569">
        <v>9</v>
      </c>
      <c r="AC569">
        <v>9</v>
      </c>
      <c r="AD569">
        <v>9</v>
      </c>
      <c r="AE569">
        <v>9</v>
      </c>
      <c r="AF569">
        <v>9</v>
      </c>
      <c r="AG569">
        <v>9</v>
      </c>
      <c r="AH569">
        <v>9</v>
      </c>
      <c r="AI569">
        <v>9</v>
      </c>
      <c r="AJ569">
        <v>9</v>
      </c>
      <c r="AK569">
        <v>9</v>
      </c>
      <c r="AL569">
        <v>9</v>
      </c>
      <c r="AM569">
        <v>9</v>
      </c>
      <c r="AN569">
        <v>9</v>
      </c>
      <c r="AO569">
        <v>9</v>
      </c>
      <c r="AP569">
        <v>9</v>
      </c>
      <c r="AQ569">
        <v>9</v>
      </c>
    </row>
    <row r="570" spans="1:43">
      <c r="A570" t="s">
        <v>447</v>
      </c>
      <c r="B570" t="s">
        <v>448</v>
      </c>
      <c r="C570" t="s">
        <v>377</v>
      </c>
      <c r="D570" t="s">
        <v>378</v>
      </c>
      <c r="E570" t="s">
        <v>353</v>
      </c>
      <c r="F570" t="s">
        <v>354</v>
      </c>
      <c r="G570" t="s">
        <v>80</v>
      </c>
      <c r="H570" t="s">
        <v>81</v>
      </c>
      <c r="I570" s="2">
        <v>1</v>
      </c>
      <c r="J570" s="2">
        <v>0</v>
      </c>
      <c r="K570" s="2">
        <v>0</v>
      </c>
      <c r="L570" t="s">
        <v>120</v>
      </c>
      <c r="M570" t="s">
        <v>83</v>
      </c>
      <c r="N570" t="s">
        <v>84</v>
      </c>
      <c r="O570" t="s">
        <v>85</v>
      </c>
      <c r="P570" t="s">
        <v>86</v>
      </c>
      <c r="Q570">
        <v>12</v>
      </c>
      <c r="R570">
        <v>12</v>
      </c>
      <c r="S570">
        <v>12</v>
      </c>
      <c r="T570">
        <v>13</v>
      </c>
      <c r="U570">
        <v>13</v>
      </c>
      <c r="V570">
        <v>13</v>
      </c>
      <c r="W570">
        <v>13</v>
      </c>
      <c r="X570">
        <v>13</v>
      </c>
      <c r="Y570">
        <v>13</v>
      </c>
      <c r="Z570">
        <v>13</v>
      </c>
      <c r="AA570">
        <v>13</v>
      </c>
      <c r="AB570">
        <v>14</v>
      </c>
      <c r="AC570">
        <v>14</v>
      </c>
      <c r="AD570">
        <v>14</v>
      </c>
      <c r="AE570">
        <v>14</v>
      </c>
      <c r="AF570">
        <v>14</v>
      </c>
      <c r="AG570">
        <v>14</v>
      </c>
      <c r="AH570">
        <v>14</v>
      </c>
      <c r="AI570">
        <v>14</v>
      </c>
      <c r="AJ570">
        <v>14</v>
      </c>
      <c r="AK570">
        <v>15</v>
      </c>
      <c r="AL570">
        <v>15</v>
      </c>
      <c r="AM570">
        <v>14</v>
      </c>
      <c r="AN570">
        <v>14</v>
      </c>
      <c r="AO570">
        <v>14</v>
      </c>
      <c r="AP570">
        <v>14</v>
      </c>
      <c r="AQ570">
        <v>14</v>
      </c>
    </row>
    <row r="571" spans="1:43">
      <c r="A571" t="s">
        <v>447</v>
      </c>
      <c r="B571" t="s">
        <v>448</v>
      </c>
      <c r="C571" t="s">
        <v>377</v>
      </c>
      <c r="D571" t="s">
        <v>378</v>
      </c>
      <c r="E571" t="s">
        <v>353</v>
      </c>
      <c r="F571" t="s">
        <v>354</v>
      </c>
      <c r="G571" t="s">
        <v>80</v>
      </c>
      <c r="H571" t="s">
        <v>81</v>
      </c>
      <c r="I571" s="2">
        <v>1</v>
      </c>
      <c r="J571" s="2">
        <v>0</v>
      </c>
      <c r="K571" s="2">
        <v>0</v>
      </c>
      <c r="L571" t="s">
        <v>120</v>
      </c>
      <c r="M571" t="s">
        <v>87</v>
      </c>
      <c r="N571" t="s">
        <v>88</v>
      </c>
      <c r="O571" t="s">
        <v>85</v>
      </c>
      <c r="P571" t="s">
        <v>86</v>
      </c>
      <c r="Q571">
        <v>12</v>
      </c>
      <c r="R571">
        <v>12</v>
      </c>
      <c r="S571">
        <v>12</v>
      </c>
      <c r="T571">
        <v>12</v>
      </c>
      <c r="U571">
        <v>12</v>
      </c>
      <c r="V571">
        <v>12</v>
      </c>
      <c r="W571">
        <v>12</v>
      </c>
      <c r="X571">
        <v>12</v>
      </c>
      <c r="Y571">
        <v>12</v>
      </c>
      <c r="Z571">
        <v>12</v>
      </c>
      <c r="AA571">
        <v>12</v>
      </c>
      <c r="AB571">
        <v>12</v>
      </c>
      <c r="AC571">
        <v>12</v>
      </c>
      <c r="AD571">
        <v>12</v>
      </c>
      <c r="AE571">
        <v>12</v>
      </c>
      <c r="AF571">
        <v>12</v>
      </c>
      <c r="AG571">
        <v>12</v>
      </c>
      <c r="AH571">
        <v>12</v>
      </c>
      <c r="AI571">
        <v>12</v>
      </c>
      <c r="AJ571">
        <v>12</v>
      </c>
      <c r="AK571">
        <v>12</v>
      </c>
      <c r="AL571">
        <v>12</v>
      </c>
      <c r="AM571">
        <v>12</v>
      </c>
      <c r="AN571">
        <v>12</v>
      </c>
      <c r="AO571">
        <v>12</v>
      </c>
      <c r="AP571">
        <v>12</v>
      </c>
      <c r="AQ571">
        <v>12</v>
      </c>
    </row>
    <row r="572" spans="1:43">
      <c r="A572" t="s">
        <v>447</v>
      </c>
      <c r="B572" t="s">
        <v>448</v>
      </c>
      <c r="C572" t="s">
        <v>377</v>
      </c>
      <c r="D572" t="s">
        <v>378</v>
      </c>
      <c r="E572" t="s">
        <v>353</v>
      </c>
      <c r="F572" t="s">
        <v>354</v>
      </c>
      <c r="G572" t="s">
        <v>80</v>
      </c>
      <c r="H572" t="s">
        <v>81</v>
      </c>
      <c r="I572" s="2">
        <v>1</v>
      </c>
      <c r="J572" s="2">
        <v>0</v>
      </c>
      <c r="K572" s="2">
        <v>0</v>
      </c>
      <c r="L572" t="s">
        <v>120</v>
      </c>
      <c r="M572" t="s">
        <v>89</v>
      </c>
      <c r="N572" t="s">
        <v>90</v>
      </c>
      <c r="O572" t="s">
        <v>85</v>
      </c>
      <c r="P572" t="s">
        <v>86</v>
      </c>
      <c r="Q572">
        <v>12</v>
      </c>
      <c r="R572">
        <v>13</v>
      </c>
      <c r="S572">
        <v>13</v>
      </c>
      <c r="T572">
        <v>13</v>
      </c>
      <c r="U572">
        <v>13</v>
      </c>
      <c r="V572">
        <v>13</v>
      </c>
      <c r="W572">
        <v>14</v>
      </c>
      <c r="X572">
        <v>14</v>
      </c>
      <c r="Y572">
        <v>14</v>
      </c>
      <c r="Z572">
        <v>14</v>
      </c>
      <c r="AA572">
        <v>14</v>
      </c>
      <c r="AB572">
        <v>14</v>
      </c>
      <c r="AC572">
        <v>15</v>
      </c>
      <c r="AD572">
        <v>15</v>
      </c>
      <c r="AE572">
        <v>15</v>
      </c>
      <c r="AF572">
        <v>15</v>
      </c>
      <c r="AG572">
        <v>15</v>
      </c>
      <c r="AH572">
        <v>15</v>
      </c>
      <c r="AI572">
        <v>15</v>
      </c>
      <c r="AJ572">
        <v>15</v>
      </c>
      <c r="AK572">
        <v>15</v>
      </c>
      <c r="AL572">
        <v>15</v>
      </c>
      <c r="AM572">
        <v>15</v>
      </c>
      <c r="AN572">
        <v>15</v>
      </c>
      <c r="AO572">
        <v>15</v>
      </c>
      <c r="AP572">
        <v>14</v>
      </c>
      <c r="AQ572">
        <v>14</v>
      </c>
    </row>
    <row r="573" spans="1:43">
      <c r="A573" t="s">
        <v>447</v>
      </c>
      <c r="B573" t="s">
        <v>448</v>
      </c>
      <c r="C573" t="s">
        <v>377</v>
      </c>
      <c r="D573" t="s">
        <v>378</v>
      </c>
      <c r="E573" t="s">
        <v>353</v>
      </c>
      <c r="F573" t="s">
        <v>354</v>
      </c>
      <c r="G573" t="s">
        <v>80</v>
      </c>
      <c r="H573" t="s">
        <v>81</v>
      </c>
      <c r="I573" s="2">
        <v>1</v>
      </c>
      <c r="J573" s="2">
        <v>0</v>
      </c>
      <c r="K573" s="2">
        <v>0</v>
      </c>
      <c r="L573" t="s">
        <v>120</v>
      </c>
      <c r="M573" t="s">
        <v>83</v>
      </c>
      <c r="N573" t="s">
        <v>91</v>
      </c>
      <c r="O573" t="s">
        <v>85</v>
      </c>
      <c r="P573" t="s">
        <v>86</v>
      </c>
      <c r="Q573">
        <v>12</v>
      </c>
      <c r="R573">
        <v>12</v>
      </c>
      <c r="S573">
        <v>12</v>
      </c>
      <c r="T573">
        <v>13</v>
      </c>
      <c r="U573">
        <v>13</v>
      </c>
      <c r="V573">
        <v>13</v>
      </c>
      <c r="W573">
        <v>13</v>
      </c>
      <c r="X573">
        <v>13</v>
      </c>
      <c r="Y573">
        <v>13</v>
      </c>
      <c r="Z573">
        <v>13</v>
      </c>
      <c r="AA573">
        <v>13</v>
      </c>
      <c r="AB573">
        <v>14</v>
      </c>
      <c r="AC573">
        <v>14</v>
      </c>
      <c r="AD573">
        <v>14</v>
      </c>
      <c r="AE573">
        <v>14</v>
      </c>
      <c r="AF573">
        <v>14</v>
      </c>
      <c r="AG573">
        <v>14</v>
      </c>
      <c r="AH573">
        <v>14</v>
      </c>
      <c r="AI573">
        <v>14</v>
      </c>
      <c r="AJ573">
        <v>14</v>
      </c>
      <c r="AK573">
        <v>15</v>
      </c>
      <c r="AL573">
        <v>15</v>
      </c>
      <c r="AM573">
        <v>14</v>
      </c>
      <c r="AN573">
        <v>14</v>
      </c>
      <c r="AO573">
        <v>14</v>
      </c>
      <c r="AP573">
        <v>14</v>
      </c>
      <c r="AQ573">
        <v>14</v>
      </c>
    </row>
    <row r="574" spans="1:43">
      <c r="A574" t="s">
        <v>449</v>
      </c>
      <c r="B574" t="s">
        <v>450</v>
      </c>
      <c r="C574" t="s">
        <v>451</v>
      </c>
      <c r="D574" t="s">
        <v>452</v>
      </c>
      <c r="E574" t="s">
        <v>353</v>
      </c>
      <c r="F574" t="s">
        <v>354</v>
      </c>
      <c r="G574" t="s">
        <v>80</v>
      </c>
      <c r="H574" t="s">
        <v>81</v>
      </c>
      <c r="I574" s="2">
        <v>1</v>
      </c>
      <c r="J574" s="2">
        <v>0</v>
      </c>
      <c r="K574" s="2">
        <v>0</v>
      </c>
      <c r="L574" t="s">
        <v>120</v>
      </c>
      <c r="M574" t="s">
        <v>83</v>
      </c>
      <c r="N574" t="s">
        <v>84</v>
      </c>
      <c r="O574" t="s">
        <v>85</v>
      </c>
      <c r="P574" t="s">
        <v>86</v>
      </c>
      <c r="Q574">
        <v>17</v>
      </c>
      <c r="R574">
        <v>17</v>
      </c>
      <c r="S574">
        <v>18</v>
      </c>
      <c r="T574">
        <v>18</v>
      </c>
      <c r="U574">
        <v>18</v>
      </c>
      <c r="V574">
        <v>18</v>
      </c>
      <c r="W574">
        <v>18</v>
      </c>
      <c r="X574">
        <v>18</v>
      </c>
      <c r="Y574">
        <v>19</v>
      </c>
      <c r="Z574">
        <v>19</v>
      </c>
      <c r="AA574">
        <v>19</v>
      </c>
      <c r="AB574">
        <v>19</v>
      </c>
      <c r="AC574">
        <v>19</v>
      </c>
      <c r="AD574">
        <v>19</v>
      </c>
      <c r="AE574">
        <v>20</v>
      </c>
      <c r="AF574">
        <v>20</v>
      </c>
      <c r="AG574">
        <v>20</v>
      </c>
      <c r="AH574">
        <v>20</v>
      </c>
      <c r="AI574">
        <v>20</v>
      </c>
      <c r="AJ574">
        <v>20</v>
      </c>
      <c r="AK574">
        <v>20</v>
      </c>
      <c r="AL574">
        <v>20</v>
      </c>
      <c r="AM574">
        <v>20</v>
      </c>
      <c r="AN574">
        <v>20</v>
      </c>
      <c r="AO574">
        <v>20</v>
      </c>
      <c r="AP574">
        <v>20</v>
      </c>
      <c r="AQ574">
        <v>20</v>
      </c>
    </row>
    <row r="575" spans="1:43">
      <c r="A575" t="s">
        <v>449</v>
      </c>
      <c r="B575" t="s">
        <v>450</v>
      </c>
      <c r="C575" t="s">
        <v>451</v>
      </c>
      <c r="D575" t="s">
        <v>452</v>
      </c>
      <c r="E575" t="s">
        <v>353</v>
      </c>
      <c r="F575" t="s">
        <v>354</v>
      </c>
      <c r="G575" t="s">
        <v>80</v>
      </c>
      <c r="H575" t="s">
        <v>81</v>
      </c>
      <c r="I575" s="2">
        <v>1</v>
      </c>
      <c r="J575" s="2">
        <v>0</v>
      </c>
      <c r="K575" s="2">
        <v>0</v>
      </c>
      <c r="L575" t="s">
        <v>120</v>
      </c>
      <c r="M575" t="s">
        <v>87</v>
      </c>
      <c r="N575" t="s">
        <v>88</v>
      </c>
      <c r="O575" t="s">
        <v>85</v>
      </c>
      <c r="P575" t="s">
        <v>86</v>
      </c>
      <c r="Q575">
        <v>17</v>
      </c>
      <c r="R575">
        <v>17</v>
      </c>
      <c r="S575">
        <v>17</v>
      </c>
      <c r="T575">
        <v>17</v>
      </c>
      <c r="U575">
        <v>17</v>
      </c>
      <c r="V575">
        <v>17</v>
      </c>
      <c r="W575">
        <v>17</v>
      </c>
      <c r="X575">
        <v>17</v>
      </c>
      <c r="Y575">
        <v>17</v>
      </c>
      <c r="Z575">
        <v>17</v>
      </c>
      <c r="AA575">
        <v>17</v>
      </c>
      <c r="AB575">
        <v>17</v>
      </c>
      <c r="AC575">
        <v>17</v>
      </c>
      <c r="AD575">
        <v>17</v>
      </c>
      <c r="AE575">
        <v>17</v>
      </c>
      <c r="AF575">
        <v>17</v>
      </c>
      <c r="AG575">
        <v>17</v>
      </c>
      <c r="AH575">
        <v>17</v>
      </c>
      <c r="AI575">
        <v>17</v>
      </c>
      <c r="AJ575">
        <v>17</v>
      </c>
      <c r="AK575">
        <v>17</v>
      </c>
      <c r="AL575">
        <v>17</v>
      </c>
      <c r="AM575">
        <v>17</v>
      </c>
      <c r="AN575">
        <v>17</v>
      </c>
      <c r="AO575">
        <v>17</v>
      </c>
      <c r="AP575">
        <v>18</v>
      </c>
      <c r="AQ575">
        <v>18</v>
      </c>
    </row>
    <row r="576" spans="1:43">
      <c r="A576" t="s">
        <v>449</v>
      </c>
      <c r="B576" t="s">
        <v>450</v>
      </c>
      <c r="C576" t="s">
        <v>451</v>
      </c>
      <c r="D576" t="s">
        <v>452</v>
      </c>
      <c r="E576" t="s">
        <v>353</v>
      </c>
      <c r="F576" t="s">
        <v>354</v>
      </c>
      <c r="G576" t="s">
        <v>80</v>
      </c>
      <c r="H576" t="s">
        <v>81</v>
      </c>
      <c r="I576" s="2">
        <v>1</v>
      </c>
      <c r="J576" s="2">
        <v>0</v>
      </c>
      <c r="K576" s="2">
        <v>0</v>
      </c>
      <c r="L576" t="s">
        <v>120</v>
      </c>
      <c r="M576" t="s">
        <v>89</v>
      </c>
      <c r="N576" t="s">
        <v>90</v>
      </c>
      <c r="O576" t="s">
        <v>85</v>
      </c>
      <c r="P576" t="s">
        <v>86</v>
      </c>
      <c r="Q576">
        <v>17</v>
      </c>
      <c r="R576">
        <v>18</v>
      </c>
      <c r="S576">
        <v>18</v>
      </c>
      <c r="T576">
        <v>18</v>
      </c>
      <c r="U576">
        <v>19</v>
      </c>
      <c r="V576">
        <v>19</v>
      </c>
      <c r="W576">
        <v>19</v>
      </c>
      <c r="X576">
        <v>19</v>
      </c>
      <c r="Y576">
        <v>20</v>
      </c>
      <c r="Z576">
        <v>20</v>
      </c>
      <c r="AA576">
        <v>20</v>
      </c>
      <c r="AB576">
        <v>20</v>
      </c>
      <c r="AC576">
        <v>21</v>
      </c>
      <c r="AD576">
        <v>21</v>
      </c>
      <c r="AE576">
        <v>21</v>
      </c>
      <c r="AF576">
        <v>21</v>
      </c>
      <c r="AG576">
        <v>21</v>
      </c>
      <c r="AH576">
        <v>21</v>
      </c>
      <c r="AI576">
        <v>21</v>
      </c>
      <c r="AJ576">
        <v>21</v>
      </c>
      <c r="AK576">
        <v>21</v>
      </c>
      <c r="AL576">
        <v>21</v>
      </c>
      <c r="AM576">
        <v>20</v>
      </c>
      <c r="AN576">
        <v>20</v>
      </c>
      <c r="AO576">
        <v>20</v>
      </c>
      <c r="AP576">
        <v>20</v>
      </c>
      <c r="AQ576">
        <v>20</v>
      </c>
    </row>
    <row r="577" spans="1:43">
      <c r="A577" t="s">
        <v>449</v>
      </c>
      <c r="B577" t="s">
        <v>450</v>
      </c>
      <c r="C577" t="s">
        <v>451</v>
      </c>
      <c r="D577" t="s">
        <v>452</v>
      </c>
      <c r="E577" t="s">
        <v>353</v>
      </c>
      <c r="F577" t="s">
        <v>354</v>
      </c>
      <c r="G577" t="s">
        <v>80</v>
      </c>
      <c r="H577" t="s">
        <v>81</v>
      </c>
      <c r="I577" s="2">
        <v>1</v>
      </c>
      <c r="J577" s="2">
        <v>0</v>
      </c>
      <c r="K577" s="2">
        <v>0</v>
      </c>
      <c r="L577" t="s">
        <v>120</v>
      </c>
      <c r="M577" t="s">
        <v>83</v>
      </c>
      <c r="N577" t="s">
        <v>91</v>
      </c>
      <c r="O577" t="s">
        <v>85</v>
      </c>
      <c r="P577" t="s">
        <v>86</v>
      </c>
      <c r="Q577">
        <v>17</v>
      </c>
      <c r="R577">
        <v>17</v>
      </c>
      <c r="S577">
        <v>18</v>
      </c>
      <c r="T577">
        <v>18</v>
      </c>
      <c r="U577">
        <v>18</v>
      </c>
      <c r="V577">
        <v>18</v>
      </c>
      <c r="W577">
        <v>18</v>
      </c>
      <c r="X577">
        <v>18</v>
      </c>
      <c r="Y577">
        <v>19</v>
      </c>
      <c r="Z577">
        <v>19</v>
      </c>
      <c r="AA577">
        <v>19</v>
      </c>
      <c r="AB577">
        <v>19</v>
      </c>
      <c r="AC577">
        <v>19</v>
      </c>
      <c r="AD577">
        <v>19</v>
      </c>
      <c r="AE577">
        <v>20</v>
      </c>
      <c r="AF577">
        <v>20</v>
      </c>
      <c r="AG577">
        <v>20</v>
      </c>
      <c r="AH577">
        <v>20</v>
      </c>
      <c r="AI577">
        <v>20</v>
      </c>
      <c r="AJ577">
        <v>20</v>
      </c>
      <c r="AK577">
        <v>20</v>
      </c>
      <c r="AL577">
        <v>20</v>
      </c>
      <c r="AM577">
        <v>20</v>
      </c>
      <c r="AN577">
        <v>20</v>
      </c>
      <c r="AO577">
        <v>20</v>
      </c>
      <c r="AP577">
        <v>20</v>
      </c>
      <c r="AQ577">
        <v>20</v>
      </c>
    </row>
    <row r="578" spans="1:43">
      <c r="A578" t="s">
        <v>453</v>
      </c>
      <c r="B578" t="s">
        <v>454</v>
      </c>
      <c r="C578" t="s">
        <v>451</v>
      </c>
      <c r="D578" t="s">
        <v>452</v>
      </c>
      <c r="E578" t="s">
        <v>353</v>
      </c>
      <c r="F578" t="s">
        <v>354</v>
      </c>
      <c r="G578" t="s">
        <v>80</v>
      </c>
      <c r="H578" t="s">
        <v>81</v>
      </c>
      <c r="I578" s="2">
        <v>1</v>
      </c>
      <c r="J578" s="2">
        <v>0</v>
      </c>
      <c r="K578" s="2">
        <v>0</v>
      </c>
      <c r="L578" t="s">
        <v>120</v>
      </c>
      <c r="M578" t="s">
        <v>83</v>
      </c>
      <c r="N578" t="s">
        <v>84</v>
      </c>
      <c r="O578" t="s">
        <v>85</v>
      </c>
      <c r="P578" t="s">
        <v>86</v>
      </c>
      <c r="Q578">
        <v>39</v>
      </c>
      <c r="R578">
        <v>39</v>
      </c>
      <c r="S578">
        <v>40</v>
      </c>
      <c r="T578">
        <v>40</v>
      </c>
      <c r="U578">
        <v>41</v>
      </c>
      <c r="V578">
        <v>41</v>
      </c>
      <c r="W578">
        <v>41</v>
      </c>
      <c r="X578">
        <v>42</v>
      </c>
      <c r="Y578">
        <v>42</v>
      </c>
      <c r="Z578">
        <v>42</v>
      </c>
      <c r="AA578">
        <v>43</v>
      </c>
      <c r="AB578">
        <v>43</v>
      </c>
      <c r="AC578">
        <v>43</v>
      </c>
      <c r="AD578">
        <v>44</v>
      </c>
      <c r="AE578">
        <v>44</v>
      </c>
      <c r="AF578">
        <v>44</v>
      </c>
      <c r="AG578">
        <v>45</v>
      </c>
      <c r="AH578">
        <v>45</v>
      </c>
      <c r="AI578">
        <v>45</v>
      </c>
      <c r="AJ578">
        <v>46</v>
      </c>
      <c r="AK578">
        <v>46</v>
      </c>
      <c r="AL578">
        <v>46</v>
      </c>
      <c r="AM578">
        <v>46</v>
      </c>
      <c r="AN578">
        <v>46</v>
      </c>
      <c r="AO578">
        <v>46</v>
      </c>
      <c r="AP578">
        <v>45</v>
      </c>
      <c r="AQ578">
        <v>45</v>
      </c>
    </row>
    <row r="579" spans="1:43">
      <c r="A579" t="s">
        <v>453</v>
      </c>
      <c r="B579" t="s">
        <v>454</v>
      </c>
      <c r="C579" t="s">
        <v>451</v>
      </c>
      <c r="D579" t="s">
        <v>452</v>
      </c>
      <c r="E579" t="s">
        <v>353</v>
      </c>
      <c r="F579" t="s">
        <v>354</v>
      </c>
      <c r="G579" t="s">
        <v>80</v>
      </c>
      <c r="H579" t="s">
        <v>81</v>
      </c>
      <c r="I579" s="2">
        <v>1</v>
      </c>
      <c r="J579" s="2">
        <v>0</v>
      </c>
      <c r="K579" s="2">
        <v>0</v>
      </c>
      <c r="L579" t="s">
        <v>120</v>
      </c>
      <c r="M579" t="s">
        <v>87</v>
      </c>
      <c r="N579" t="s">
        <v>88</v>
      </c>
      <c r="O579" t="s">
        <v>85</v>
      </c>
      <c r="P579" t="s">
        <v>86</v>
      </c>
      <c r="Q579">
        <v>39</v>
      </c>
      <c r="R579">
        <v>39</v>
      </c>
      <c r="S579">
        <v>39</v>
      </c>
      <c r="T579">
        <v>39</v>
      </c>
      <c r="U579">
        <v>39</v>
      </c>
      <c r="V579">
        <v>39</v>
      </c>
      <c r="W579">
        <v>39</v>
      </c>
      <c r="X579">
        <v>39</v>
      </c>
      <c r="Y579">
        <v>39</v>
      </c>
      <c r="Z579">
        <v>39</v>
      </c>
      <c r="AA579">
        <v>39</v>
      </c>
      <c r="AB579">
        <v>39</v>
      </c>
      <c r="AC579">
        <v>39</v>
      </c>
      <c r="AD579">
        <v>39</v>
      </c>
      <c r="AE579">
        <v>39</v>
      </c>
      <c r="AF579">
        <v>39</v>
      </c>
      <c r="AG579">
        <v>39</v>
      </c>
      <c r="AH579">
        <v>39</v>
      </c>
      <c r="AI579">
        <v>39</v>
      </c>
      <c r="AJ579">
        <v>39</v>
      </c>
      <c r="AK579">
        <v>39</v>
      </c>
      <c r="AL579">
        <v>39</v>
      </c>
      <c r="AM579">
        <v>39</v>
      </c>
      <c r="AN579">
        <v>39</v>
      </c>
      <c r="AO579">
        <v>39</v>
      </c>
      <c r="AP579">
        <v>39</v>
      </c>
      <c r="AQ579">
        <v>39</v>
      </c>
    </row>
    <row r="580" spans="1:43">
      <c r="A580" t="s">
        <v>453</v>
      </c>
      <c r="B580" t="s">
        <v>454</v>
      </c>
      <c r="C580" t="s">
        <v>451</v>
      </c>
      <c r="D580" t="s">
        <v>452</v>
      </c>
      <c r="E580" t="s">
        <v>353</v>
      </c>
      <c r="F580" t="s">
        <v>354</v>
      </c>
      <c r="G580" t="s">
        <v>80</v>
      </c>
      <c r="H580" t="s">
        <v>81</v>
      </c>
      <c r="I580" s="2">
        <v>1</v>
      </c>
      <c r="J580" s="2">
        <v>0</v>
      </c>
      <c r="K580" s="2">
        <v>0</v>
      </c>
      <c r="L580" t="s">
        <v>120</v>
      </c>
      <c r="M580" t="s">
        <v>89</v>
      </c>
      <c r="N580" t="s">
        <v>90</v>
      </c>
      <c r="O580" t="s">
        <v>85</v>
      </c>
      <c r="P580" t="s">
        <v>86</v>
      </c>
      <c r="Q580">
        <v>39</v>
      </c>
      <c r="R580">
        <v>40</v>
      </c>
      <c r="S580">
        <v>41</v>
      </c>
      <c r="T580">
        <v>41</v>
      </c>
      <c r="U580">
        <v>42</v>
      </c>
      <c r="V580">
        <v>43</v>
      </c>
      <c r="W580">
        <v>43</v>
      </c>
      <c r="X580">
        <v>44</v>
      </c>
      <c r="Y580">
        <v>45</v>
      </c>
      <c r="Z580">
        <v>45</v>
      </c>
      <c r="AA580">
        <v>46</v>
      </c>
      <c r="AB580">
        <v>46</v>
      </c>
      <c r="AC580">
        <v>47</v>
      </c>
      <c r="AD580">
        <v>47</v>
      </c>
      <c r="AE580">
        <v>47</v>
      </c>
      <c r="AF580">
        <v>47</v>
      </c>
      <c r="AG580">
        <v>47</v>
      </c>
      <c r="AH580">
        <v>47</v>
      </c>
      <c r="AI580">
        <v>47</v>
      </c>
      <c r="AJ580">
        <v>47</v>
      </c>
      <c r="AK580">
        <v>46</v>
      </c>
      <c r="AL580">
        <v>46</v>
      </c>
      <c r="AM580">
        <v>46</v>
      </c>
      <c r="AN580">
        <v>46</v>
      </c>
      <c r="AO580">
        <v>46</v>
      </c>
      <c r="AP580">
        <v>46</v>
      </c>
      <c r="AQ580">
        <v>46</v>
      </c>
    </row>
    <row r="581" spans="1:43">
      <c r="A581" t="s">
        <v>453</v>
      </c>
      <c r="B581" t="s">
        <v>454</v>
      </c>
      <c r="C581" t="s">
        <v>451</v>
      </c>
      <c r="D581" t="s">
        <v>452</v>
      </c>
      <c r="E581" t="s">
        <v>353</v>
      </c>
      <c r="F581" t="s">
        <v>354</v>
      </c>
      <c r="G581" t="s">
        <v>80</v>
      </c>
      <c r="H581" t="s">
        <v>81</v>
      </c>
      <c r="I581" s="2">
        <v>1</v>
      </c>
      <c r="J581" s="2">
        <v>0</v>
      </c>
      <c r="K581" s="2">
        <v>0</v>
      </c>
      <c r="L581" t="s">
        <v>120</v>
      </c>
      <c r="M581" t="s">
        <v>83</v>
      </c>
      <c r="N581" t="s">
        <v>91</v>
      </c>
      <c r="O581" t="s">
        <v>85</v>
      </c>
      <c r="P581" t="s">
        <v>86</v>
      </c>
      <c r="Q581">
        <v>39</v>
      </c>
      <c r="R581">
        <v>39</v>
      </c>
      <c r="S581">
        <v>40</v>
      </c>
      <c r="T581">
        <v>40</v>
      </c>
      <c r="U581">
        <v>41</v>
      </c>
      <c r="V581">
        <v>41</v>
      </c>
      <c r="W581">
        <v>41</v>
      </c>
      <c r="X581">
        <v>42</v>
      </c>
      <c r="Y581">
        <v>42</v>
      </c>
      <c r="Z581">
        <v>42</v>
      </c>
      <c r="AA581">
        <v>43</v>
      </c>
      <c r="AB581">
        <v>43</v>
      </c>
      <c r="AC581">
        <v>43</v>
      </c>
      <c r="AD581">
        <v>44</v>
      </c>
      <c r="AE581">
        <v>44</v>
      </c>
      <c r="AF581">
        <v>44</v>
      </c>
      <c r="AG581">
        <v>45</v>
      </c>
      <c r="AH581">
        <v>45</v>
      </c>
      <c r="AI581">
        <v>45</v>
      </c>
      <c r="AJ581">
        <v>46</v>
      </c>
      <c r="AK581">
        <v>46</v>
      </c>
      <c r="AL581">
        <v>46</v>
      </c>
      <c r="AM581">
        <v>46</v>
      </c>
      <c r="AN581">
        <v>46</v>
      </c>
      <c r="AO581">
        <v>46</v>
      </c>
      <c r="AP581">
        <v>45</v>
      </c>
      <c r="AQ581">
        <v>45</v>
      </c>
    </row>
    <row r="582" spans="1:43">
      <c r="A582" t="s">
        <v>455</v>
      </c>
      <c r="B582" t="s">
        <v>456</v>
      </c>
      <c r="C582" t="s">
        <v>457</v>
      </c>
      <c r="D582" t="s">
        <v>458</v>
      </c>
      <c r="E582" t="s">
        <v>353</v>
      </c>
      <c r="F582" t="s">
        <v>354</v>
      </c>
      <c r="G582" t="s">
        <v>80</v>
      </c>
      <c r="H582" t="s">
        <v>81</v>
      </c>
      <c r="I582" s="2">
        <v>1</v>
      </c>
      <c r="J582" s="2">
        <v>0</v>
      </c>
      <c r="K582" s="2">
        <v>0</v>
      </c>
      <c r="L582" t="s">
        <v>120</v>
      </c>
      <c r="M582" t="s">
        <v>83</v>
      </c>
      <c r="N582" t="s">
        <v>84</v>
      </c>
      <c r="O582" t="s">
        <v>85</v>
      </c>
      <c r="P582" t="s">
        <v>86</v>
      </c>
      <c r="Q582">
        <v>50</v>
      </c>
      <c r="R582">
        <v>51</v>
      </c>
      <c r="S582">
        <v>51</v>
      </c>
      <c r="T582">
        <v>52</v>
      </c>
      <c r="U582">
        <v>52</v>
      </c>
      <c r="V582">
        <v>53</v>
      </c>
      <c r="W582">
        <v>54</v>
      </c>
      <c r="X582">
        <v>54</v>
      </c>
      <c r="Y582">
        <v>54</v>
      </c>
      <c r="Z582">
        <v>55</v>
      </c>
      <c r="AA582">
        <v>55</v>
      </c>
      <c r="AB582">
        <v>56</v>
      </c>
      <c r="AC582">
        <v>56</v>
      </c>
      <c r="AD582">
        <v>57</v>
      </c>
      <c r="AE582">
        <v>57</v>
      </c>
      <c r="AF582">
        <v>57</v>
      </c>
      <c r="AG582">
        <v>58</v>
      </c>
      <c r="AH582">
        <v>58</v>
      </c>
      <c r="AI582">
        <v>59</v>
      </c>
      <c r="AJ582">
        <v>59</v>
      </c>
      <c r="AK582">
        <v>59</v>
      </c>
      <c r="AL582">
        <v>59</v>
      </c>
      <c r="AM582">
        <v>59</v>
      </c>
      <c r="AN582">
        <v>59</v>
      </c>
      <c r="AO582">
        <v>59</v>
      </c>
      <c r="AP582">
        <v>59</v>
      </c>
      <c r="AQ582">
        <v>59</v>
      </c>
    </row>
    <row r="583" spans="1:43">
      <c r="A583" t="s">
        <v>455</v>
      </c>
      <c r="B583" t="s">
        <v>456</v>
      </c>
      <c r="C583" t="s">
        <v>457</v>
      </c>
      <c r="D583" t="s">
        <v>458</v>
      </c>
      <c r="E583" t="s">
        <v>353</v>
      </c>
      <c r="F583" t="s">
        <v>354</v>
      </c>
      <c r="G583" t="s">
        <v>80</v>
      </c>
      <c r="H583" t="s">
        <v>81</v>
      </c>
      <c r="I583" s="2">
        <v>1</v>
      </c>
      <c r="J583" s="2">
        <v>0</v>
      </c>
      <c r="K583" s="2">
        <v>0</v>
      </c>
      <c r="L583" t="s">
        <v>120</v>
      </c>
      <c r="M583" t="s">
        <v>87</v>
      </c>
      <c r="N583" t="s">
        <v>88</v>
      </c>
      <c r="O583" t="s">
        <v>85</v>
      </c>
      <c r="P583" t="s">
        <v>86</v>
      </c>
      <c r="Q583">
        <v>50</v>
      </c>
      <c r="R583">
        <v>50</v>
      </c>
      <c r="S583">
        <v>50</v>
      </c>
      <c r="T583">
        <v>50</v>
      </c>
      <c r="U583">
        <v>50</v>
      </c>
      <c r="V583">
        <v>50</v>
      </c>
      <c r="W583">
        <v>50</v>
      </c>
      <c r="X583">
        <v>50</v>
      </c>
      <c r="Y583">
        <v>50</v>
      </c>
      <c r="Z583">
        <v>50</v>
      </c>
      <c r="AA583">
        <v>51</v>
      </c>
      <c r="AB583">
        <v>51</v>
      </c>
      <c r="AC583">
        <v>51</v>
      </c>
      <c r="AD583">
        <v>51</v>
      </c>
      <c r="AE583">
        <v>51</v>
      </c>
      <c r="AF583">
        <v>51</v>
      </c>
      <c r="AG583">
        <v>51</v>
      </c>
      <c r="AH583">
        <v>51</v>
      </c>
      <c r="AI583">
        <v>51</v>
      </c>
      <c r="AJ583">
        <v>51</v>
      </c>
      <c r="AK583">
        <v>51</v>
      </c>
      <c r="AL583">
        <v>51</v>
      </c>
      <c r="AM583">
        <v>51</v>
      </c>
      <c r="AN583">
        <v>51</v>
      </c>
      <c r="AO583">
        <v>51</v>
      </c>
      <c r="AP583">
        <v>51</v>
      </c>
      <c r="AQ583">
        <v>51</v>
      </c>
    </row>
    <row r="584" spans="1:43">
      <c r="A584" t="s">
        <v>455</v>
      </c>
      <c r="B584" t="s">
        <v>456</v>
      </c>
      <c r="C584" t="s">
        <v>457</v>
      </c>
      <c r="D584" t="s">
        <v>458</v>
      </c>
      <c r="E584" t="s">
        <v>353</v>
      </c>
      <c r="F584" t="s">
        <v>354</v>
      </c>
      <c r="G584" t="s">
        <v>80</v>
      </c>
      <c r="H584" t="s">
        <v>81</v>
      </c>
      <c r="I584" s="2">
        <v>1</v>
      </c>
      <c r="J584" s="2">
        <v>0</v>
      </c>
      <c r="K584" s="2">
        <v>0</v>
      </c>
      <c r="L584" t="s">
        <v>120</v>
      </c>
      <c r="M584" t="s">
        <v>89</v>
      </c>
      <c r="N584" t="s">
        <v>90</v>
      </c>
      <c r="O584" t="s">
        <v>85</v>
      </c>
      <c r="P584" t="s">
        <v>86</v>
      </c>
      <c r="Q584">
        <v>50</v>
      </c>
      <c r="R584">
        <v>51</v>
      </c>
      <c r="S584">
        <v>52</v>
      </c>
      <c r="T584">
        <v>53</v>
      </c>
      <c r="U584">
        <v>53</v>
      </c>
      <c r="V584">
        <v>54</v>
      </c>
      <c r="W584">
        <v>55</v>
      </c>
      <c r="X584">
        <v>56</v>
      </c>
      <c r="Y584">
        <v>56</v>
      </c>
      <c r="Z584">
        <v>57</v>
      </c>
      <c r="AA584">
        <v>58</v>
      </c>
      <c r="AB584">
        <v>58</v>
      </c>
      <c r="AC584">
        <v>59</v>
      </c>
      <c r="AD584">
        <v>60</v>
      </c>
      <c r="AE584">
        <v>60</v>
      </c>
      <c r="AF584">
        <v>60</v>
      </c>
      <c r="AG584">
        <v>60</v>
      </c>
      <c r="AH584">
        <v>60</v>
      </c>
      <c r="AI584">
        <v>59</v>
      </c>
      <c r="AJ584">
        <v>59</v>
      </c>
      <c r="AK584">
        <v>59</v>
      </c>
      <c r="AL584">
        <v>59</v>
      </c>
      <c r="AM584">
        <v>59</v>
      </c>
      <c r="AN584">
        <v>59</v>
      </c>
      <c r="AO584">
        <v>58</v>
      </c>
      <c r="AP584">
        <v>58</v>
      </c>
      <c r="AQ584">
        <v>58</v>
      </c>
    </row>
    <row r="585" spans="1:43">
      <c r="A585" t="s">
        <v>455</v>
      </c>
      <c r="B585" t="s">
        <v>456</v>
      </c>
      <c r="C585" t="s">
        <v>457</v>
      </c>
      <c r="D585" t="s">
        <v>458</v>
      </c>
      <c r="E585" t="s">
        <v>353</v>
      </c>
      <c r="F585" t="s">
        <v>354</v>
      </c>
      <c r="G585" t="s">
        <v>80</v>
      </c>
      <c r="H585" t="s">
        <v>81</v>
      </c>
      <c r="I585" s="2">
        <v>1</v>
      </c>
      <c r="J585" s="2">
        <v>0</v>
      </c>
      <c r="K585" s="2">
        <v>0</v>
      </c>
      <c r="L585" t="s">
        <v>120</v>
      </c>
      <c r="M585" t="s">
        <v>83</v>
      </c>
      <c r="N585" t="s">
        <v>91</v>
      </c>
      <c r="O585" t="s">
        <v>85</v>
      </c>
      <c r="P585" t="s">
        <v>86</v>
      </c>
      <c r="Q585">
        <v>50</v>
      </c>
      <c r="R585">
        <v>51</v>
      </c>
      <c r="S585">
        <v>51</v>
      </c>
      <c r="T585">
        <v>52</v>
      </c>
      <c r="U585">
        <v>52</v>
      </c>
      <c r="V585">
        <v>53</v>
      </c>
      <c r="W585">
        <v>54</v>
      </c>
      <c r="X585">
        <v>54</v>
      </c>
      <c r="Y585">
        <v>54</v>
      </c>
      <c r="Z585">
        <v>55</v>
      </c>
      <c r="AA585">
        <v>55</v>
      </c>
      <c r="AB585">
        <v>56</v>
      </c>
      <c r="AC585">
        <v>56</v>
      </c>
      <c r="AD585">
        <v>57</v>
      </c>
      <c r="AE585">
        <v>57</v>
      </c>
      <c r="AF585">
        <v>57</v>
      </c>
      <c r="AG585">
        <v>58</v>
      </c>
      <c r="AH585">
        <v>58</v>
      </c>
      <c r="AI585">
        <v>59</v>
      </c>
      <c r="AJ585">
        <v>59</v>
      </c>
      <c r="AK585">
        <v>59</v>
      </c>
      <c r="AL585">
        <v>59</v>
      </c>
      <c r="AM585">
        <v>59</v>
      </c>
      <c r="AN585">
        <v>59</v>
      </c>
      <c r="AO585">
        <v>59</v>
      </c>
      <c r="AP585">
        <v>59</v>
      </c>
      <c r="AQ585">
        <v>59</v>
      </c>
    </row>
    <row r="586" spans="1:43">
      <c r="A586" t="s">
        <v>459</v>
      </c>
      <c r="B586" t="s">
        <v>460</v>
      </c>
      <c r="C586" t="s">
        <v>457</v>
      </c>
      <c r="D586" t="s">
        <v>458</v>
      </c>
      <c r="E586" t="s">
        <v>353</v>
      </c>
      <c r="F586" t="s">
        <v>354</v>
      </c>
      <c r="G586" t="s">
        <v>80</v>
      </c>
      <c r="H586" t="s">
        <v>81</v>
      </c>
      <c r="I586" s="2">
        <v>1</v>
      </c>
      <c r="J586" s="2">
        <v>0</v>
      </c>
      <c r="K586" s="2">
        <v>0</v>
      </c>
      <c r="L586" t="s">
        <v>120</v>
      </c>
      <c r="M586" t="s">
        <v>83</v>
      </c>
      <c r="N586" t="s">
        <v>84</v>
      </c>
      <c r="O586" t="s">
        <v>85</v>
      </c>
      <c r="P586" t="s">
        <v>86</v>
      </c>
      <c r="Q586">
        <v>4</v>
      </c>
      <c r="R586">
        <v>4</v>
      </c>
      <c r="S586">
        <v>4</v>
      </c>
      <c r="T586">
        <v>4</v>
      </c>
      <c r="U586">
        <v>4</v>
      </c>
      <c r="V586">
        <v>4</v>
      </c>
      <c r="W586">
        <v>4</v>
      </c>
      <c r="X586">
        <v>4</v>
      </c>
      <c r="Y586">
        <v>4</v>
      </c>
      <c r="Z586">
        <v>4</v>
      </c>
      <c r="AA586">
        <v>4</v>
      </c>
      <c r="AB586">
        <v>4</v>
      </c>
      <c r="AC586">
        <v>4</v>
      </c>
      <c r="AD586">
        <v>4</v>
      </c>
      <c r="AE586">
        <v>4</v>
      </c>
      <c r="AF586">
        <v>4</v>
      </c>
      <c r="AG586">
        <v>4</v>
      </c>
      <c r="AH586">
        <v>4</v>
      </c>
      <c r="AI586">
        <v>4</v>
      </c>
      <c r="AJ586">
        <v>4</v>
      </c>
      <c r="AK586">
        <v>4</v>
      </c>
      <c r="AL586">
        <v>4</v>
      </c>
      <c r="AM586">
        <v>4</v>
      </c>
      <c r="AN586">
        <v>4</v>
      </c>
      <c r="AO586">
        <v>4</v>
      </c>
      <c r="AP586">
        <v>4</v>
      </c>
      <c r="AQ586">
        <v>4</v>
      </c>
    </row>
    <row r="587" spans="1:43">
      <c r="A587" t="s">
        <v>459</v>
      </c>
      <c r="B587" t="s">
        <v>460</v>
      </c>
      <c r="C587" t="s">
        <v>457</v>
      </c>
      <c r="D587" t="s">
        <v>458</v>
      </c>
      <c r="E587" t="s">
        <v>353</v>
      </c>
      <c r="F587" t="s">
        <v>354</v>
      </c>
      <c r="G587" t="s">
        <v>80</v>
      </c>
      <c r="H587" t="s">
        <v>81</v>
      </c>
      <c r="I587" s="2">
        <v>1</v>
      </c>
      <c r="J587" s="2">
        <v>0</v>
      </c>
      <c r="K587" s="2">
        <v>0</v>
      </c>
      <c r="L587" t="s">
        <v>120</v>
      </c>
      <c r="M587" t="s">
        <v>87</v>
      </c>
      <c r="N587" t="s">
        <v>88</v>
      </c>
      <c r="O587" t="s">
        <v>85</v>
      </c>
      <c r="P587" t="s">
        <v>86</v>
      </c>
      <c r="Q587">
        <v>4</v>
      </c>
      <c r="R587">
        <v>4</v>
      </c>
      <c r="S587">
        <v>4</v>
      </c>
      <c r="T587">
        <v>4</v>
      </c>
      <c r="U587">
        <v>4</v>
      </c>
      <c r="V587">
        <v>4</v>
      </c>
      <c r="W587">
        <v>4</v>
      </c>
      <c r="X587">
        <v>4</v>
      </c>
      <c r="Y587">
        <v>4</v>
      </c>
      <c r="Z587">
        <v>4</v>
      </c>
      <c r="AA587">
        <v>4</v>
      </c>
      <c r="AB587">
        <v>4</v>
      </c>
      <c r="AC587">
        <v>4</v>
      </c>
      <c r="AD587">
        <v>4</v>
      </c>
      <c r="AE587">
        <v>4</v>
      </c>
      <c r="AF587">
        <v>4</v>
      </c>
      <c r="AG587">
        <v>4</v>
      </c>
      <c r="AH587">
        <v>4</v>
      </c>
      <c r="AI587">
        <v>4</v>
      </c>
      <c r="AJ587">
        <v>4</v>
      </c>
      <c r="AK587">
        <v>4</v>
      </c>
      <c r="AL587">
        <v>4</v>
      </c>
      <c r="AM587">
        <v>4</v>
      </c>
      <c r="AN587">
        <v>4</v>
      </c>
      <c r="AO587">
        <v>4</v>
      </c>
      <c r="AP587">
        <v>4</v>
      </c>
      <c r="AQ587">
        <v>4</v>
      </c>
    </row>
    <row r="588" spans="1:43">
      <c r="A588" t="s">
        <v>459</v>
      </c>
      <c r="B588" t="s">
        <v>460</v>
      </c>
      <c r="C588" t="s">
        <v>457</v>
      </c>
      <c r="D588" t="s">
        <v>458</v>
      </c>
      <c r="E588" t="s">
        <v>353</v>
      </c>
      <c r="F588" t="s">
        <v>354</v>
      </c>
      <c r="G588" t="s">
        <v>80</v>
      </c>
      <c r="H588" t="s">
        <v>81</v>
      </c>
      <c r="I588" s="2">
        <v>1</v>
      </c>
      <c r="J588" s="2">
        <v>0</v>
      </c>
      <c r="K588" s="2">
        <v>0</v>
      </c>
      <c r="L588" t="s">
        <v>120</v>
      </c>
      <c r="M588" t="s">
        <v>89</v>
      </c>
      <c r="N588" t="s">
        <v>90</v>
      </c>
      <c r="O588" t="s">
        <v>85</v>
      </c>
      <c r="P588" t="s">
        <v>86</v>
      </c>
      <c r="Q588">
        <v>4</v>
      </c>
      <c r="R588">
        <v>4</v>
      </c>
      <c r="S588">
        <v>4</v>
      </c>
      <c r="T588">
        <v>4</v>
      </c>
      <c r="U588">
        <v>4</v>
      </c>
      <c r="V588">
        <v>4</v>
      </c>
      <c r="W588">
        <v>4</v>
      </c>
      <c r="X588">
        <v>4</v>
      </c>
      <c r="Y588">
        <v>4</v>
      </c>
      <c r="Z588">
        <v>4</v>
      </c>
      <c r="AA588">
        <v>4</v>
      </c>
      <c r="AB588">
        <v>4</v>
      </c>
      <c r="AC588">
        <v>5</v>
      </c>
      <c r="AD588">
        <v>5</v>
      </c>
      <c r="AE588">
        <v>5</v>
      </c>
      <c r="AF588">
        <v>5</v>
      </c>
      <c r="AG588">
        <v>5</v>
      </c>
      <c r="AH588">
        <v>5</v>
      </c>
      <c r="AI588">
        <v>5</v>
      </c>
      <c r="AJ588">
        <v>5</v>
      </c>
      <c r="AK588">
        <v>5</v>
      </c>
      <c r="AL588">
        <v>4</v>
      </c>
      <c r="AM588">
        <v>4</v>
      </c>
      <c r="AN588">
        <v>4</v>
      </c>
      <c r="AO588">
        <v>4</v>
      </c>
      <c r="AP588">
        <v>4</v>
      </c>
      <c r="AQ588">
        <v>4</v>
      </c>
    </row>
    <row r="589" spans="1:43">
      <c r="A589" t="s">
        <v>459</v>
      </c>
      <c r="B589" t="s">
        <v>460</v>
      </c>
      <c r="C589" t="s">
        <v>457</v>
      </c>
      <c r="D589" t="s">
        <v>458</v>
      </c>
      <c r="E589" t="s">
        <v>353</v>
      </c>
      <c r="F589" t="s">
        <v>354</v>
      </c>
      <c r="G589" t="s">
        <v>80</v>
      </c>
      <c r="H589" t="s">
        <v>81</v>
      </c>
      <c r="I589" s="2">
        <v>1</v>
      </c>
      <c r="J589" s="2">
        <v>0</v>
      </c>
      <c r="K589" s="2">
        <v>0</v>
      </c>
      <c r="L589" t="s">
        <v>120</v>
      </c>
      <c r="M589" t="s">
        <v>83</v>
      </c>
      <c r="N589" t="s">
        <v>91</v>
      </c>
      <c r="O589" t="s">
        <v>85</v>
      </c>
      <c r="P589" t="s">
        <v>86</v>
      </c>
      <c r="Q589">
        <v>4</v>
      </c>
      <c r="R589">
        <v>4</v>
      </c>
      <c r="S589">
        <v>4</v>
      </c>
      <c r="T589">
        <v>4</v>
      </c>
      <c r="U589">
        <v>4</v>
      </c>
      <c r="V589">
        <v>4</v>
      </c>
      <c r="W589">
        <v>4</v>
      </c>
      <c r="X589">
        <v>4</v>
      </c>
      <c r="Y589">
        <v>4</v>
      </c>
      <c r="Z589">
        <v>4</v>
      </c>
      <c r="AA589">
        <v>4</v>
      </c>
      <c r="AB589">
        <v>4</v>
      </c>
      <c r="AC589">
        <v>4</v>
      </c>
      <c r="AD589">
        <v>4</v>
      </c>
      <c r="AE589">
        <v>4</v>
      </c>
      <c r="AF589">
        <v>4</v>
      </c>
      <c r="AG589">
        <v>4</v>
      </c>
      <c r="AH589">
        <v>4</v>
      </c>
      <c r="AI589">
        <v>4</v>
      </c>
      <c r="AJ589">
        <v>4</v>
      </c>
      <c r="AK589">
        <v>4</v>
      </c>
      <c r="AL589">
        <v>4</v>
      </c>
      <c r="AM589">
        <v>4</v>
      </c>
      <c r="AN589">
        <v>4</v>
      </c>
      <c r="AO589">
        <v>4</v>
      </c>
      <c r="AP589">
        <v>4</v>
      </c>
      <c r="AQ589">
        <v>4</v>
      </c>
    </row>
    <row r="590" spans="1:43">
      <c r="A590" t="s">
        <v>461</v>
      </c>
      <c r="B590" t="s">
        <v>462</v>
      </c>
      <c r="C590" t="s">
        <v>457</v>
      </c>
      <c r="D590" t="s">
        <v>458</v>
      </c>
      <c r="E590" t="s">
        <v>353</v>
      </c>
      <c r="F590" t="s">
        <v>354</v>
      </c>
      <c r="G590" t="s">
        <v>80</v>
      </c>
      <c r="H590" t="s">
        <v>81</v>
      </c>
      <c r="I590" s="2">
        <v>1</v>
      </c>
      <c r="J590" s="2">
        <v>0</v>
      </c>
      <c r="K590" s="2">
        <v>0</v>
      </c>
      <c r="L590" t="s">
        <v>120</v>
      </c>
      <c r="M590" t="s">
        <v>83</v>
      </c>
      <c r="N590" t="s">
        <v>84</v>
      </c>
      <c r="O590" t="s">
        <v>85</v>
      </c>
      <c r="P590" t="s">
        <v>86</v>
      </c>
      <c r="Q590">
        <v>15</v>
      </c>
      <c r="R590">
        <v>15</v>
      </c>
      <c r="S590">
        <v>15</v>
      </c>
      <c r="T590">
        <v>16</v>
      </c>
      <c r="U590">
        <v>16</v>
      </c>
      <c r="V590">
        <v>16</v>
      </c>
      <c r="W590">
        <v>16</v>
      </c>
      <c r="X590">
        <v>16</v>
      </c>
      <c r="Y590">
        <v>16</v>
      </c>
      <c r="Z590">
        <v>17</v>
      </c>
      <c r="AA590">
        <v>17</v>
      </c>
      <c r="AB590">
        <v>17</v>
      </c>
      <c r="AC590">
        <v>17</v>
      </c>
      <c r="AD590">
        <v>17</v>
      </c>
      <c r="AE590">
        <v>17</v>
      </c>
      <c r="AF590">
        <v>17</v>
      </c>
      <c r="AG590">
        <v>17</v>
      </c>
      <c r="AH590">
        <v>18</v>
      </c>
      <c r="AI590">
        <v>18</v>
      </c>
      <c r="AJ590">
        <v>18</v>
      </c>
      <c r="AK590">
        <v>18</v>
      </c>
      <c r="AL590">
        <v>18</v>
      </c>
      <c r="AM590">
        <v>18</v>
      </c>
      <c r="AN590">
        <v>18</v>
      </c>
      <c r="AO590">
        <v>18</v>
      </c>
      <c r="AP590">
        <v>18</v>
      </c>
      <c r="AQ590">
        <v>18</v>
      </c>
    </row>
    <row r="591" spans="1:43">
      <c r="A591" t="s">
        <v>461</v>
      </c>
      <c r="B591" t="s">
        <v>462</v>
      </c>
      <c r="C591" t="s">
        <v>457</v>
      </c>
      <c r="D591" t="s">
        <v>458</v>
      </c>
      <c r="E591" t="s">
        <v>353</v>
      </c>
      <c r="F591" t="s">
        <v>354</v>
      </c>
      <c r="G591" t="s">
        <v>80</v>
      </c>
      <c r="H591" t="s">
        <v>81</v>
      </c>
      <c r="I591" s="2">
        <v>1</v>
      </c>
      <c r="J591" s="2">
        <v>0</v>
      </c>
      <c r="K591" s="2">
        <v>0</v>
      </c>
      <c r="L591" t="s">
        <v>120</v>
      </c>
      <c r="M591" t="s">
        <v>87</v>
      </c>
      <c r="N591" t="s">
        <v>88</v>
      </c>
      <c r="O591" t="s">
        <v>85</v>
      </c>
      <c r="P591" t="s">
        <v>86</v>
      </c>
      <c r="Q591">
        <v>15</v>
      </c>
      <c r="R591">
        <v>15</v>
      </c>
      <c r="S591">
        <v>15</v>
      </c>
      <c r="T591">
        <v>15</v>
      </c>
      <c r="U591">
        <v>15</v>
      </c>
      <c r="V591">
        <v>15</v>
      </c>
      <c r="W591">
        <v>15</v>
      </c>
      <c r="X591">
        <v>15</v>
      </c>
      <c r="Y591">
        <v>15</v>
      </c>
      <c r="Z591">
        <v>15</v>
      </c>
      <c r="AA591">
        <v>15</v>
      </c>
      <c r="AB591">
        <v>15</v>
      </c>
      <c r="AC591">
        <v>15</v>
      </c>
      <c r="AD591">
        <v>15</v>
      </c>
      <c r="AE591">
        <v>15</v>
      </c>
      <c r="AF591">
        <v>15</v>
      </c>
      <c r="AG591">
        <v>15</v>
      </c>
      <c r="AH591">
        <v>15</v>
      </c>
      <c r="AI591">
        <v>15</v>
      </c>
      <c r="AJ591">
        <v>15</v>
      </c>
      <c r="AK591">
        <v>15</v>
      </c>
      <c r="AL591">
        <v>15</v>
      </c>
      <c r="AM591">
        <v>15</v>
      </c>
      <c r="AN591">
        <v>15</v>
      </c>
      <c r="AO591">
        <v>15</v>
      </c>
      <c r="AP591">
        <v>15</v>
      </c>
      <c r="AQ591">
        <v>15</v>
      </c>
    </row>
    <row r="592" spans="1:43">
      <c r="A592" t="s">
        <v>461</v>
      </c>
      <c r="B592" t="s">
        <v>462</v>
      </c>
      <c r="C592" t="s">
        <v>457</v>
      </c>
      <c r="D592" t="s">
        <v>458</v>
      </c>
      <c r="E592" t="s">
        <v>353</v>
      </c>
      <c r="F592" t="s">
        <v>354</v>
      </c>
      <c r="G592" t="s">
        <v>80</v>
      </c>
      <c r="H592" t="s">
        <v>81</v>
      </c>
      <c r="I592" s="2">
        <v>1</v>
      </c>
      <c r="J592" s="2">
        <v>0</v>
      </c>
      <c r="K592" s="2">
        <v>0</v>
      </c>
      <c r="L592" t="s">
        <v>120</v>
      </c>
      <c r="M592" t="s">
        <v>89</v>
      </c>
      <c r="N592" t="s">
        <v>90</v>
      </c>
      <c r="O592" t="s">
        <v>85</v>
      </c>
      <c r="P592" t="s">
        <v>86</v>
      </c>
      <c r="Q592">
        <v>15</v>
      </c>
      <c r="R592">
        <v>16</v>
      </c>
      <c r="S592">
        <v>16</v>
      </c>
      <c r="T592">
        <v>16</v>
      </c>
      <c r="U592">
        <v>16</v>
      </c>
      <c r="V592">
        <v>17</v>
      </c>
      <c r="W592">
        <v>17</v>
      </c>
      <c r="X592">
        <v>17</v>
      </c>
      <c r="Y592">
        <v>17</v>
      </c>
      <c r="Z592">
        <v>18</v>
      </c>
      <c r="AA592">
        <v>18</v>
      </c>
      <c r="AB592">
        <v>18</v>
      </c>
      <c r="AC592">
        <v>18</v>
      </c>
      <c r="AD592">
        <v>18</v>
      </c>
      <c r="AE592">
        <v>18</v>
      </c>
      <c r="AF592">
        <v>18</v>
      </c>
      <c r="AG592">
        <v>18</v>
      </c>
      <c r="AH592">
        <v>18</v>
      </c>
      <c r="AI592">
        <v>18</v>
      </c>
      <c r="AJ592">
        <v>18</v>
      </c>
      <c r="AK592">
        <v>18</v>
      </c>
      <c r="AL592">
        <v>18</v>
      </c>
      <c r="AM592">
        <v>18</v>
      </c>
      <c r="AN592">
        <v>18</v>
      </c>
      <c r="AO592">
        <v>18</v>
      </c>
      <c r="AP592">
        <v>18</v>
      </c>
      <c r="AQ592">
        <v>18</v>
      </c>
    </row>
    <row r="593" spans="1:43">
      <c r="A593" t="s">
        <v>461</v>
      </c>
      <c r="B593" t="s">
        <v>462</v>
      </c>
      <c r="C593" t="s">
        <v>457</v>
      </c>
      <c r="D593" t="s">
        <v>458</v>
      </c>
      <c r="E593" t="s">
        <v>353</v>
      </c>
      <c r="F593" t="s">
        <v>354</v>
      </c>
      <c r="G593" t="s">
        <v>80</v>
      </c>
      <c r="H593" t="s">
        <v>81</v>
      </c>
      <c r="I593" s="2">
        <v>1</v>
      </c>
      <c r="J593" s="2">
        <v>0</v>
      </c>
      <c r="K593" s="2">
        <v>0</v>
      </c>
      <c r="L593" t="s">
        <v>120</v>
      </c>
      <c r="M593" t="s">
        <v>83</v>
      </c>
      <c r="N593" t="s">
        <v>91</v>
      </c>
      <c r="O593" t="s">
        <v>85</v>
      </c>
      <c r="P593" t="s">
        <v>86</v>
      </c>
      <c r="Q593">
        <v>15</v>
      </c>
      <c r="R593">
        <v>15</v>
      </c>
      <c r="S593">
        <v>15</v>
      </c>
      <c r="T593">
        <v>16</v>
      </c>
      <c r="U593">
        <v>16</v>
      </c>
      <c r="V593">
        <v>16</v>
      </c>
      <c r="W593">
        <v>16</v>
      </c>
      <c r="X593">
        <v>16</v>
      </c>
      <c r="Y593">
        <v>16</v>
      </c>
      <c r="Z593">
        <v>17</v>
      </c>
      <c r="AA593">
        <v>17</v>
      </c>
      <c r="AB593">
        <v>17</v>
      </c>
      <c r="AC593">
        <v>17</v>
      </c>
      <c r="AD593">
        <v>17</v>
      </c>
      <c r="AE593">
        <v>17</v>
      </c>
      <c r="AF593">
        <v>17</v>
      </c>
      <c r="AG593">
        <v>17</v>
      </c>
      <c r="AH593">
        <v>18</v>
      </c>
      <c r="AI593">
        <v>18</v>
      </c>
      <c r="AJ593">
        <v>18</v>
      </c>
      <c r="AK593">
        <v>18</v>
      </c>
      <c r="AL593">
        <v>18</v>
      </c>
      <c r="AM593">
        <v>18</v>
      </c>
      <c r="AN593">
        <v>18</v>
      </c>
      <c r="AO593">
        <v>18</v>
      </c>
      <c r="AP593">
        <v>18</v>
      </c>
      <c r="AQ593">
        <v>18</v>
      </c>
    </row>
    <row r="594" spans="1:43">
      <c r="A594" t="s">
        <v>463</v>
      </c>
      <c r="B594" t="s">
        <v>464</v>
      </c>
      <c r="C594" t="s">
        <v>457</v>
      </c>
      <c r="D594" t="s">
        <v>458</v>
      </c>
      <c r="E594" t="s">
        <v>353</v>
      </c>
      <c r="F594" t="s">
        <v>354</v>
      </c>
      <c r="G594" t="s">
        <v>80</v>
      </c>
      <c r="H594" t="s">
        <v>81</v>
      </c>
      <c r="I594" s="2">
        <v>1</v>
      </c>
      <c r="J594" s="2">
        <v>0</v>
      </c>
      <c r="K594" s="2">
        <v>0</v>
      </c>
      <c r="L594" t="s">
        <v>120</v>
      </c>
      <c r="M594" t="s">
        <v>83</v>
      </c>
      <c r="N594" t="s">
        <v>84</v>
      </c>
      <c r="O594" t="s">
        <v>85</v>
      </c>
      <c r="P594" t="s">
        <v>86</v>
      </c>
      <c r="Q594">
        <v>81</v>
      </c>
      <c r="R594">
        <v>82</v>
      </c>
      <c r="S594">
        <v>83</v>
      </c>
      <c r="T594">
        <v>83</v>
      </c>
      <c r="U594">
        <v>84</v>
      </c>
      <c r="V594">
        <v>85</v>
      </c>
      <c r="W594">
        <v>86</v>
      </c>
      <c r="X594">
        <v>87</v>
      </c>
      <c r="Y594">
        <v>88</v>
      </c>
      <c r="Z594">
        <v>88</v>
      </c>
      <c r="AA594">
        <v>89</v>
      </c>
      <c r="AB594">
        <v>90</v>
      </c>
      <c r="AC594">
        <v>90</v>
      </c>
      <c r="AD594">
        <v>91</v>
      </c>
      <c r="AE594">
        <v>92</v>
      </c>
      <c r="AF594">
        <v>92</v>
      </c>
      <c r="AG594">
        <v>93</v>
      </c>
      <c r="AH594">
        <v>94</v>
      </c>
      <c r="AI594">
        <v>94</v>
      </c>
      <c r="AJ594">
        <v>95</v>
      </c>
      <c r="AK594">
        <v>96</v>
      </c>
      <c r="AL594">
        <v>96</v>
      </c>
      <c r="AM594">
        <v>95</v>
      </c>
      <c r="AN594">
        <v>95</v>
      </c>
      <c r="AO594">
        <v>95</v>
      </c>
      <c r="AP594">
        <v>95</v>
      </c>
      <c r="AQ594">
        <v>94</v>
      </c>
    </row>
    <row r="595" spans="1:43">
      <c r="A595" t="s">
        <v>463</v>
      </c>
      <c r="B595" t="s">
        <v>464</v>
      </c>
      <c r="C595" t="s">
        <v>457</v>
      </c>
      <c r="D595" t="s">
        <v>458</v>
      </c>
      <c r="E595" t="s">
        <v>353</v>
      </c>
      <c r="F595" t="s">
        <v>354</v>
      </c>
      <c r="G595" t="s">
        <v>80</v>
      </c>
      <c r="H595" t="s">
        <v>81</v>
      </c>
      <c r="I595" s="2">
        <v>1</v>
      </c>
      <c r="J595" s="2">
        <v>0</v>
      </c>
      <c r="K595" s="2">
        <v>0</v>
      </c>
      <c r="L595" t="s">
        <v>120</v>
      </c>
      <c r="M595" t="s">
        <v>87</v>
      </c>
      <c r="N595" t="s">
        <v>88</v>
      </c>
      <c r="O595" t="s">
        <v>85</v>
      </c>
      <c r="P595" t="s">
        <v>86</v>
      </c>
      <c r="Q595">
        <v>81</v>
      </c>
      <c r="R595">
        <v>81</v>
      </c>
      <c r="S595">
        <v>81</v>
      </c>
      <c r="T595">
        <v>81</v>
      </c>
      <c r="U595">
        <v>82</v>
      </c>
      <c r="V595">
        <v>82</v>
      </c>
      <c r="W595">
        <v>82</v>
      </c>
      <c r="X595">
        <v>82</v>
      </c>
      <c r="Y595">
        <v>82</v>
      </c>
      <c r="Z595">
        <v>82</v>
      </c>
      <c r="AA595">
        <v>82</v>
      </c>
      <c r="AB595">
        <v>82</v>
      </c>
      <c r="AC595">
        <v>83</v>
      </c>
      <c r="AD595">
        <v>83</v>
      </c>
      <c r="AE595">
        <v>83</v>
      </c>
      <c r="AF595">
        <v>83</v>
      </c>
      <c r="AG595">
        <v>83</v>
      </c>
      <c r="AH595">
        <v>83</v>
      </c>
      <c r="AI595">
        <v>83</v>
      </c>
      <c r="AJ595">
        <v>83</v>
      </c>
      <c r="AK595">
        <v>83</v>
      </c>
      <c r="AL595">
        <v>83</v>
      </c>
      <c r="AM595">
        <v>83</v>
      </c>
      <c r="AN595">
        <v>83</v>
      </c>
      <c r="AO595">
        <v>83</v>
      </c>
      <c r="AP595">
        <v>83</v>
      </c>
      <c r="AQ595">
        <v>83</v>
      </c>
    </row>
    <row r="596" spans="1:43">
      <c r="A596" t="s">
        <v>463</v>
      </c>
      <c r="B596" t="s">
        <v>464</v>
      </c>
      <c r="C596" t="s">
        <v>457</v>
      </c>
      <c r="D596" t="s">
        <v>458</v>
      </c>
      <c r="E596" t="s">
        <v>353</v>
      </c>
      <c r="F596" t="s">
        <v>354</v>
      </c>
      <c r="G596" t="s">
        <v>80</v>
      </c>
      <c r="H596" t="s">
        <v>81</v>
      </c>
      <c r="I596" s="2">
        <v>1</v>
      </c>
      <c r="J596" s="2">
        <v>0</v>
      </c>
      <c r="K596" s="2">
        <v>0</v>
      </c>
      <c r="L596" t="s">
        <v>120</v>
      </c>
      <c r="M596" t="s">
        <v>89</v>
      </c>
      <c r="N596" t="s">
        <v>90</v>
      </c>
      <c r="O596" t="s">
        <v>85</v>
      </c>
      <c r="P596" t="s">
        <v>86</v>
      </c>
      <c r="Q596">
        <v>81</v>
      </c>
      <c r="R596">
        <v>83</v>
      </c>
      <c r="S596">
        <v>85</v>
      </c>
      <c r="T596">
        <v>86</v>
      </c>
      <c r="U596">
        <v>88</v>
      </c>
      <c r="V596">
        <v>89</v>
      </c>
      <c r="W596">
        <v>90</v>
      </c>
      <c r="X596">
        <v>91</v>
      </c>
      <c r="Y596">
        <v>92</v>
      </c>
      <c r="Z596">
        <v>94</v>
      </c>
      <c r="AA596">
        <v>95</v>
      </c>
      <c r="AB596">
        <v>96</v>
      </c>
      <c r="AC596">
        <v>97</v>
      </c>
      <c r="AD596">
        <v>98</v>
      </c>
      <c r="AE596">
        <v>98</v>
      </c>
      <c r="AF596">
        <v>98</v>
      </c>
      <c r="AG596">
        <v>98</v>
      </c>
      <c r="AH596">
        <v>97</v>
      </c>
      <c r="AI596">
        <v>97</v>
      </c>
      <c r="AJ596">
        <v>97</v>
      </c>
      <c r="AK596">
        <v>97</v>
      </c>
      <c r="AL596">
        <v>96</v>
      </c>
      <c r="AM596">
        <v>96</v>
      </c>
      <c r="AN596">
        <v>96</v>
      </c>
      <c r="AO596">
        <v>95</v>
      </c>
      <c r="AP596">
        <v>95</v>
      </c>
      <c r="AQ596">
        <v>95</v>
      </c>
    </row>
    <row r="597" spans="1:43">
      <c r="A597" t="s">
        <v>463</v>
      </c>
      <c r="B597" t="s">
        <v>464</v>
      </c>
      <c r="C597" t="s">
        <v>457</v>
      </c>
      <c r="D597" t="s">
        <v>458</v>
      </c>
      <c r="E597" t="s">
        <v>353</v>
      </c>
      <c r="F597" t="s">
        <v>354</v>
      </c>
      <c r="G597" t="s">
        <v>80</v>
      </c>
      <c r="H597" t="s">
        <v>81</v>
      </c>
      <c r="I597" s="2">
        <v>1</v>
      </c>
      <c r="J597" s="2">
        <v>0</v>
      </c>
      <c r="K597" s="2">
        <v>0</v>
      </c>
      <c r="L597" t="s">
        <v>120</v>
      </c>
      <c r="M597" t="s">
        <v>83</v>
      </c>
      <c r="N597" t="s">
        <v>91</v>
      </c>
      <c r="O597" t="s">
        <v>85</v>
      </c>
      <c r="P597" t="s">
        <v>86</v>
      </c>
      <c r="Q597">
        <v>81</v>
      </c>
      <c r="R597">
        <v>82</v>
      </c>
      <c r="S597">
        <v>83</v>
      </c>
      <c r="T597">
        <v>83</v>
      </c>
      <c r="U597">
        <v>84</v>
      </c>
      <c r="V597">
        <v>85</v>
      </c>
      <c r="W597">
        <v>86</v>
      </c>
      <c r="X597">
        <v>87</v>
      </c>
      <c r="Y597">
        <v>88</v>
      </c>
      <c r="Z597">
        <v>88</v>
      </c>
      <c r="AA597">
        <v>89</v>
      </c>
      <c r="AB597">
        <v>90</v>
      </c>
      <c r="AC597">
        <v>90</v>
      </c>
      <c r="AD597">
        <v>91</v>
      </c>
      <c r="AE597">
        <v>92</v>
      </c>
      <c r="AF597">
        <v>92</v>
      </c>
      <c r="AG597">
        <v>93</v>
      </c>
      <c r="AH597">
        <v>94</v>
      </c>
      <c r="AI597">
        <v>94</v>
      </c>
      <c r="AJ597">
        <v>95</v>
      </c>
      <c r="AK597">
        <v>96</v>
      </c>
      <c r="AL597">
        <v>96</v>
      </c>
      <c r="AM597">
        <v>95</v>
      </c>
      <c r="AN597">
        <v>95</v>
      </c>
      <c r="AO597">
        <v>95</v>
      </c>
      <c r="AP597">
        <v>95</v>
      </c>
      <c r="AQ597">
        <v>94</v>
      </c>
    </row>
    <row r="598" spans="1:43">
      <c r="A598" t="s">
        <v>465</v>
      </c>
      <c r="B598" t="s">
        <v>466</v>
      </c>
      <c r="C598" t="s">
        <v>457</v>
      </c>
      <c r="D598" t="s">
        <v>458</v>
      </c>
      <c r="E598" t="s">
        <v>353</v>
      </c>
      <c r="F598" t="s">
        <v>354</v>
      </c>
      <c r="G598" t="s">
        <v>80</v>
      </c>
      <c r="H598" t="s">
        <v>81</v>
      </c>
      <c r="I598" s="2">
        <v>1</v>
      </c>
      <c r="J598" s="2">
        <v>0</v>
      </c>
      <c r="K598" s="2">
        <v>0</v>
      </c>
      <c r="L598" t="s">
        <v>120</v>
      </c>
      <c r="M598" t="s">
        <v>83</v>
      </c>
      <c r="N598" t="s">
        <v>84</v>
      </c>
      <c r="O598" t="s">
        <v>85</v>
      </c>
      <c r="P598" t="s">
        <v>86</v>
      </c>
      <c r="Q598">
        <v>19</v>
      </c>
      <c r="R598">
        <v>20</v>
      </c>
      <c r="S598">
        <v>20</v>
      </c>
      <c r="T598">
        <v>20</v>
      </c>
      <c r="U598">
        <v>20</v>
      </c>
      <c r="V598">
        <v>21</v>
      </c>
      <c r="W598">
        <v>21</v>
      </c>
      <c r="X598">
        <v>21</v>
      </c>
      <c r="Y598">
        <v>21</v>
      </c>
      <c r="Z598">
        <v>21</v>
      </c>
      <c r="AA598">
        <v>22</v>
      </c>
      <c r="AB598">
        <v>22</v>
      </c>
      <c r="AC598">
        <v>22</v>
      </c>
      <c r="AD598">
        <v>22</v>
      </c>
      <c r="AE598">
        <v>22</v>
      </c>
      <c r="AF598">
        <v>22</v>
      </c>
      <c r="AG598">
        <v>23</v>
      </c>
      <c r="AH598">
        <v>23</v>
      </c>
      <c r="AI598">
        <v>23</v>
      </c>
      <c r="AJ598">
        <v>23</v>
      </c>
      <c r="AK598">
        <v>23</v>
      </c>
      <c r="AL598">
        <v>23</v>
      </c>
      <c r="AM598">
        <v>23</v>
      </c>
      <c r="AN598">
        <v>23</v>
      </c>
      <c r="AO598">
        <v>23</v>
      </c>
      <c r="AP598">
        <v>23</v>
      </c>
      <c r="AQ598">
        <v>23</v>
      </c>
    </row>
    <row r="599" spans="1:43">
      <c r="A599" t="s">
        <v>465</v>
      </c>
      <c r="B599" t="s">
        <v>466</v>
      </c>
      <c r="C599" t="s">
        <v>457</v>
      </c>
      <c r="D599" t="s">
        <v>458</v>
      </c>
      <c r="E599" t="s">
        <v>353</v>
      </c>
      <c r="F599" t="s">
        <v>354</v>
      </c>
      <c r="G599" t="s">
        <v>80</v>
      </c>
      <c r="H599" t="s">
        <v>81</v>
      </c>
      <c r="I599" s="2">
        <v>1</v>
      </c>
      <c r="J599" s="2">
        <v>0</v>
      </c>
      <c r="K599" s="2">
        <v>0</v>
      </c>
      <c r="L599" t="s">
        <v>120</v>
      </c>
      <c r="M599" t="s">
        <v>87</v>
      </c>
      <c r="N599" t="s">
        <v>88</v>
      </c>
      <c r="O599" t="s">
        <v>85</v>
      </c>
      <c r="P599" t="s">
        <v>86</v>
      </c>
      <c r="Q599">
        <v>19</v>
      </c>
      <c r="R599">
        <v>19</v>
      </c>
      <c r="S599">
        <v>19</v>
      </c>
      <c r="T599">
        <v>19</v>
      </c>
      <c r="U599">
        <v>19</v>
      </c>
      <c r="V599">
        <v>20</v>
      </c>
      <c r="W599">
        <v>20</v>
      </c>
      <c r="X599">
        <v>20</v>
      </c>
      <c r="Y599">
        <v>20</v>
      </c>
      <c r="Z599">
        <v>20</v>
      </c>
      <c r="AA599">
        <v>20</v>
      </c>
      <c r="AB599">
        <v>20</v>
      </c>
      <c r="AC599">
        <v>20</v>
      </c>
      <c r="AD599">
        <v>20</v>
      </c>
      <c r="AE599">
        <v>20</v>
      </c>
      <c r="AF599">
        <v>20</v>
      </c>
      <c r="AG599">
        <v>20</v>
      </c>
      <c r="AH599">
        <v>20</v>
      </c>
      <c r="AI599">
        <v>20</v>
      </c>
      <c r="AJ599">
        <v>20</v>
      </c>
      <c r="AK599">
        <v>20</v>
      </c>
      <c r="AL599">
        <v>20</v>
      </c>
      <c r="AM599">
        <v>20</v>
      </c>
      <c r="AN599">
        <v>20</v>
      </c>
      <c r="AO599">
        <v>20</v>
      </c>
      <c r="AP599">
        <v>20</v>
      </c>
      <c r="AQ599">
        <v>20</v>
      </c>
    </row>
    <row r="600" spans="1:43">
      <c r="A600" t="s">
        <v>465</v>
      </c>
      <c r="B600" t="s">
        <v>466</v>
      </c>
      <c r="C600" t="s">
        <v>457</v>
      </c>
      <c r="D600" t="s">
        <v>458</v>
      </c>
      <c r="E600" t="s">
        <v>353</v>
      </c>
      <c r="F600" t="s">
        <v>354</v>
      </c>
      <c r="G600" t="s">
        <v>80</v>
      </c>
      <c r="H600" t="s">
        <v>81</v>
      </c>
      <c r="I600" s="2">
        <v>1</v>
      </c>
      <c r="J600" s="2">
        <v>0</v>
      </c>
      <c r="K600" s="2">
        <v>0</v>
      </c>
      <c r="L600" t="s">
        <v>120</v>
      </c>
      <c r="M600" t="s">
        <v>89</v>
      </c>
      <c r="N600" t="s">
        <v>90</v>
      </c>
      <c r="O600" t="s">
        <v>85</v>
      </c>
      <c r="P600" t="s">
        <v>86</v>
      </c>
      <c r="Q600">
        <v>19</v>
      </c>
      <c r="R600">
        <v>19</v>
      </c>
      <c r="S600">
        <v>19</v>
      </c>
      <c r="T600">
        <v>20</v>
      </c>
      <c r="U600">
        <v>20</v>
      </c>
      <c r="V600">
        <v>20</v>
      </c>
      <c r="W600">
        <v>21</v>
      </c>
      <c r="X600">
        <v>21</v>
      </c>
      <c r="Y600">
        <v>21</v>
      </c>
      <c r="Z600">
        <v>22</v>
      </c>
      <c r="AA600">
        <v>22</v>
      </c>
      <c r="AB600">
        <v>22</v>
      </c>
      <c r="AC600">
        <v>22</v>
      </c>
      <c r="AD600">
        <v>23</v>
      </c>
      <c r="AE600">
        <v>23</v>
      </c>
      <c r="AF600">
        <v>23</v>
      </c>
      <c r="AG600">
        <v>23</v>
      </c>
      <c r="AH600">
        <v>23</v>
      </c>
      <c r="AI600">
        <v>23</v>
      </c>
      <c r="AJ600">
        <v>23</v>
      </c>
      <c r="AK600">
        <v>23</v>
      </c>
      <c r="AL600">
        <v>22</v>
      </c>
      <c r="AM600">
        <v>22</v>
      </c>
      <c r="AN600">
        <v>22</v>
      </c>
      <c r="AO600">
        <v>22</v>
      </c>
      <c r="AP600">
        <v>22</v>
      </c>
      <c r="AQ600">
        <v>22</v>
      </c>
    </row>
    <row r="601" spans="1:43">
      <c r="A601" t="s">
        <v>465</v>
      </c>
      <c r="B601" t="s">
        <v>466</v>
      </c>
      <c r="C601" t="s">
        <v>457</v>
      </c>
      <c r="D601" t="s">
        <v>458</v>
      </c>
      <c r="E601" t="s">
        <v>353</v>
      </c>
      <c r="F601" t="s">
        <v>354</v>
      </c>
      <c r="G601" t="s">
        <v>80</v>
      </c>
      <c r="H601" t="s">
        <v>81</v>
      </c>
      <c r="I601" s="2">
        <v>1</v>
      </c>
      <c r="J601" s="2">
        <v>0</v>
      </c>
      <c r="K601" s="2">
        <v>0</v>
      </c>
      <c r="L601" t="s">
        <v>120</v>
      </c>
      <c r="M601" t="s">
        <v>83</v>
      </c>
      <c r="N601" t="s">
        <v>91</v>
      </c>
      <c r="O601" t="s">
        <v>85</v>
      </c>
      <c r="P601" t="s">
        <v>86</v>
      </c>
      <c r="Q601">
        <v>19</v>
      </c>
      <c r="R601">
        <v>20</v>
      </c>
      <c r="S601">
        <v>20</v>
      </c>
      <c r="T601">
        <v>20</v>
      </c>
      <c r="U601">
        <v>20</v>
      </c>
      <c r="V601">
        <v>21</v>
      </c>
      <c r="W601">
        <v>21</v>
      </c>
      <c r="X601">
        <v>21</v>
      </c>
      <c r="Y601">
        <v>21</v>
      </c>
      <c r="Z601">
        <v>21</v>
      </c>
      <c r="AA601">
        <v>22</v>
      </c>
      <c r="AB601">
        <v>22</v>
      </c>
      <c r="AC601">
        <v>22</v>
      </c>
      <c r="AD601">
        <v>22</v>
      </c>
      <c r="AE601">
        <v>22</v>
      </c>
      <c r="AF601">
        <v>22</v>
      </c>
      <c r="AG601">
        <v>23</v>
      </c>
      <c r="AH601">
        <v>23</v>
      </c>
      <c r="AI601">
        <v>23</v>
      </c>
      <c r="AJ601">
        <v>23</v>
      </c>
      <c r="AK601">
        <v>23</v>
      </c>
      <c r="AL601">
        <v>23</v>
      </c>
      <c r="AM601">
        <v>23</v>
      </c>
      <c r="AN601">
        <v>23</v>
      </c>
      <c r="AO601">
        <v>23</v>
      </c>
      <c r="AP601">
        <v>23</v>
      </c>
      <c r="AQ601">
        <v>23</v>
      </c>
    </row>
    <row r="602" spans="1:43">
      <c r="A602" t="s">
        <v>467</v>
      </c>
      <c r="B602" t="s">
        <v>468</v>
      </c>
      <c r="C602" t="s">
        <v>451</v>
      </c>
      <c r="D602" t="s">
        <v>452</v>
      </c>
      <c r="E602" t="s">
        <v>353</v>
      </c>
      <c r="F602" t="s">
        <v>354</v>
      </c>
      <c r="G602" t="s">
        <v>80</v>
      </c>
      <c r="H602" t="s">
        <v>81</v>
      </c>
      <c r="I602" s="2">
        <v>1</v>
      </c>
      <c r="J602" s="2">
        <v>0</v>
      </c>
      <c r="K602" s="2">
        <v>0</v>
      </c>
      <c r="L602" t="s">
        <v>120</v>
      </c>
      <c r="M602" t="s">
        <v>83</v>
      </c>
      <c r="N602" t="s">
        <v>84</v>
      </c>
      <c r="O602" t="s">
        <v>85</v>
      </c>
      <c r="P602" t="s">
        <v>86</v>
      </c>
      <c r="Q602">
        <v>52</v>
      </c>
      <c r="R602">
        <v>53</v>
      </c>
      <c r="S602">
        <v>53</v>
      </c>
      <c r="T602">
        <v>54</v>
      </c>
      <c r="U602">
        <v>54</v>
      </c>
      <c r="V602">
        <v>55</v>
      </c>
      <c r="W602">
        <v>55</v>
      </c>
      <c r="X602">
        <v>56</v>
      </c>
      <c r="Y602">
        <v>56</v>
      </c>
      <c r="Z602">
        <v>57</v>
      </c>
      <c r="AA602">
        <v>57</v>
      </c>
      <c r="AB602">
        <v>58</v>
      </c>
      <c r="AC602">
        <v>58</v>
      </c>
      <c r="AD602">
        <v>59</v>
      </c>
      <c r="AE602">
        <v>59</v>
      </c>
      <c r="AF602">
        <v>59</v>
      </c>
      <c r="AG602">
        <v>60</v>
      </c>
      <c r="AH602">
        <v>60</v>
      </c>
      <c r="AI602">
        <v>61</v>
      </c>
      <c r="AJ602">
        <v>61</v>
      </c>
      <c r="AK602">
        <v>62</v>
      </c>
      <c r="AL602">
        <v>62</v>
      </c>
      <c r="AM602">
        <v>61</v>
      </c>
      <c r="AN602">
        <v>61</v>
      </c>
      <c r="AO602">
        <v>61</v>
      </c>
      <c r="AP602">
        <v>61</v>
      </c>
      <c r="AQ602">
        <v>61</v>
      </c>
    </row>
    <row r="603" spans="1:43">
      <c r="A603" t="s">
        <v>467</v>
      </c>
      <c r="B603" t="s">
        <v>468</v>
      </c>
      <c r="C603" t="s">
        <v>451</v>
      </c>
      <c r="D603" t="s">
        <v>452</v>
      </c>
      <c r="E603" t="s">
        <v>353</v>
      </c>
      <c r="F603" t="s">
        <v>354</v>
      </c>
      <c r="G603" t="s">
        <v>80</v>
      </c>
      <c r="H603" t="s">
        <v>81</v>
      </c>
      <c r="I603" s="2">
        <v>1</v>
      </c>
      <c r="J603" s="2">
        <v>0</v>
      </c>
      <c r="K603" s="2">
        <v>0</v>
      </c>
      <c r="L603" t="s">
        <v>120</v>
      </c>
      <c r="M603" t="s">
        <v>87</v>
      </c>
      <c r="N603" t="s">
        <v>88</v>
      </c>
      <c r="O603" t="s">
        <v>85</v>
      </c>
      <c r="P603" t="s">
        <v>86</v>
      </c>
      <c r="Q603">
        <v>52</v>
      </c>
      <c r="R603">
        <v>52</v>
      </c>
      <c r="S603">
        <v>52</v>
      </c>
      <c r="T603">
        <v>52</v>
      </c>
      <c r="U603">
        <v>52</v>
      </c>
      <c r="V603">
        <v>52</v>
      </c>
      <c r="W603">
        <v>52</v>
      </c>
      <c r="X603">
        <v>52</v>
      </c>
      <c r="Y603">
        <v>52</v>
      </c>
      <c r="Z603">
        <v>52</v>
      </c>
      <c r="AA603">
        <v>52</v>
      </c>
      <c r="AB603">
        <v>52</v>
      </c>
      <c r="AC603">
        <v>52</v>
      </c>
      <c r="AD603">
        <v>52</v>
      </c>
      <c r="AE603">
        <v>52</v>
      </c>
      <c r="AF603">
        <v>52</v>
      </c>
      <c r="AG603">
        <v>53</v>
      </c>
      <c r="AH603">
        <v>53</v>
      </c>
      <c r="AI603">
        <v>53</v>
      </c>
      <c r="AJ603">
        <v>53</v>
      </c>
      <c r="AK603">
        <v>53</v>
      </c>
      <c r="AL603">
        <v>53</v>
      </c>
      <c r="AM603">
        <v>53</v>
      </c>
      <c r="AN603">
        <v>53</v>
      </c>
      <c r="AO603">
        <v>53</v>
      </c>
      <c r="AP603">
        <v>53</v>
      </c>
      <c r="AQ603">
        <v>53</v>
      </c>
    </row>
    <row r="604" spans="1:43">
      <c r="A604" t="s">
        <v>467</v>
      </c>
      <c r="B604" t="s">
        <v>468</v>
      </c>
      <c r="C604" t="s">
        <v>451</v>
      </c>
      <c r="D604" t="s">
        <v>452</v>
      </c>
      <c r="E604" t="s">
        <v>353</v>
      </c>
      <c r="F604" t="s">
        <v>354</v>
      </c>
      <c r="G604" t="s">
        <v>80</v>
      </c>
      <c r="H604" t="s">
        <v>81</v>
      </c>
      <c r="I604" s="2">
        <v>1</v>
      </c>
      <c r="J604" s="2">
        <v>0</v>
      </c>
      <c r="K604" s="2">
        <v>0</v>
      </c>
      <c r="L604" t="s">
        <v>120</v>
      </c>
      <c r="M604" t="s">
        <v>89</v>
      </c>
      <c r="N604" t="s">
        <v>90</v>
      </c>
      <c r="O604" t="s">
        <v>85</v>
      </c>
      <c r="P604" t="s">
        <v>86</v>
      </c>
      <c r="Q604">
        <v>52</v>
      </c>
      <c r="R604">
        <v>54</v>
      </c>
      <c r="S604">
        <v>54</v>
      </c>
      <c r="T604">
        <v>55</v>
      </c>
      <c r="U604">
        <v>56</v>
      </c>
      <c r="V604">
        <v>57</v>
      </c>
      <c r="W604">
        <v>58</v>
      </c>
      <c r="X604">
        <v>59</v>
      </c>
      <c r="Y604">
        <v>60</v>
      </c>
      <c r="Z604">
        <v>60</v>
      </c>
      <c r="AA604">
        <v>61</v>
      </c>
      <c r="AB604">
        <v>62</v>
      </c>
      <c r="AC604">
        <v>62</v>
      </c>
      <c r="AD604">
        <v>63</v>
      </c>
      <c r="AE604">
        <v>63</v>
      </c>
      <c r="AF604">
        <v>63</v>
      </c>
      <c r="AG604">
        <v>63</v>
      </c>
      <c r="AH604">
        <v>63</v>
      </c>
      <c r="AI604">
        <v>63</v>
      </c>
      <c r="AJ604">
        <v>62</v>
      </c>
      <c r="AK604">
        <v>62</v>
      </c>
      <c r="AL604">
        <v>62</v>
      </c>
      <c r="AM604">
        <v>62</v>
      </c>
      <c r="AN604">
        <v>62</v>
      </c>
      <c r="AO604">
        <v>61</v>
      </c>
      <c r="AP604">
        <v>61</v>
      </c>
      <c r="AQ604">
        <v>61</v>
      </c>
    </row>
    <row r="605" spans="1:43">
      <c r="A605" t="s">
        <v>467</v>
      </c>
      <c r="B605" t="s">
        <v>468</v>
      </c>
      <c r="C605" t="s">
        <v>451</v>
      </c>
      <c r="D605" t="s">
        <v>452</v>
      </c>
      <c r="E605" t="s">
        <v>353</v>
      </c>
      <c r="F605" t="s">
        <v>354</v>
      </c>
      <c r="G605" t="s">
        <v>80</v>
      </c>
      <c r="H605" t="s">
        <v>81</v>
      </c>
      <c r="I605" s="2">
        <v>1</v>
      </c>
      <c r="J605" s="2">
        <v>0</v>
      </c>
      <c r="K605" s="2">
        <v>0</v>
      </c>
      <c r="L605" t="s">
        <v>120</v>
      </c>
      <c r="M605" t="s">
        <v>83</v>
      </c>
      <c r="N605" t="s">
        <v>91</v>
      </c>
      <c r="O605" t="s">
        <v>85</v>
      </c>
      <c r="P605" t="s">
        <v>86</v>
      </c>
      <c r="Q605">
        <v>52</v>
      </c>
      <c r="R605">
        <v>53</v>
      </c>
      <c r="S605">
        <v>53</v>
      </c>
      <c r="T605">
        <v>54</v>
      </c>
      <c r="U605">
        <v>54</v>
      </c>
      <c r="V605">
        <v>55</v>
      </c>
      <c r="W605">
        <v>55</v>
      </c>
      <c r="X605">
        <v>56</v>
      </c>
      <c r="Y605">
        <v>56</v>
      </c>
      <c r="Z605">
        <v>57</v>
      </c>
      <c r="AA605">
        <v>57</v>
      </c>
      <c r="AB605">
        <v>58</v>
      </c>
      <c r="AC605">
        <v>58</v>
      </c>
      <c r="AD605">
        <v>59</v>
      </c>
      <c r="AE605">
        <v>59</v>
      </c>
      <c r="AF605">
        <v>59</v>
      </c>
      <c r="AG605">
        <v>60</v>
      </c>
      <c r="AH605">
        <v>60</v>
      </c>
      <c r="AI605">
        <v>61</v>
      </c>
      <c r="AJ605">
        <v>61</v>
      </c>
      <c r="AK605">
        <v>62</v>
      </c>
      <c r="AL605">
        <v>62</v>
      </c>
      <c r="AM605">
        <v>61</v>
      </c>
      <c r="AN605">
        <v>61</v>
      </c>
      <c r="AO605">
        <v>61</v>
      </c>
      <c r="AP605">
        <v>61</v>
      </c>
      <c r="AQ605">
        <v>61</v>
      </c>
    </row>
    <row r="606" spans="1:43">
      <c r="A606" t="s">
        <v>469</v>
      </c>
      <c r="B606" t="s">
        <v>470</v>
      </c>
      <c r="C606" t="s">
        <v>451</v>
      </c>
      <c r="D606" t="s">
        <v>452</v>
      </c>
      <c r="E606" t="s">
        <v>353</v>
      </c>
      <c r="F606" t="s">
        <v>354</v>
      </c>
      <c r="G606" t="s">
        <v>80</v>
      </c>
      <c r="H606" t="s">
        <v>81</v>
      </c>
      <c r="I606" s="2">
        <v>1</v>
      </c>
      <c r="J606" s="2">
        <v>0</v>
      </c>
      <c r="K606" s="2">
        <v>0</v>
      </c>
      <c r="L606" t="s">
        <v>120</v>
      </c>
      <c r="M606" t="s">
        <v>83</v>
      </c>
      <c r="N606" t="s">
        <v>84</v>
      </c>
      <c r="O606" t="s">
        <v>85</v>
      </c>
      <c r="P606" t="s">
        <v>86</v>
      </c>
      <c r="Q606">
        <v>27</v>
      </c>
      <c r="R606">
        <v>27</v>
      </c>
      <c r="S606">
        <v>28</v>
      </c>
      <c r="T606">
        <v>28</v>
      </c>
      <c r="U606">
        <v>28</v>
      </c>
      <c r="V606">
        <v>29</v>
      </c>
      <c r="W606">
        <v>29</v>
      </c>
      <c r="X606">
        <v>29</v>
      </c>
      <c r="Y606">
        <v>29</v>
      </c>
      <c r="Z606">
        <v>30</v>
      </c>
      <c r="AA606">
        <v>30</v>
      </c>
      <c r="AB606">
        <v>30</v>
      </c>
      <c r="AC606">
        <v>30</v>
      </c>
      <c r="AD606">
        <v>31</v>
      </c>
      <c r="AE606">
        <v>31</v>
      </c>
      <c r="AF606">
        <v>31</v>
      </c>
      <c r="AG606">
        <v>31</v>
      </c>
      <c r="AH606">
        <v>32</v>
      </c>
      <c r="AI606">
        <v>32</v>
      </c>
      <c r="AJ606">
        <v>32</v>
      </c>
      <c r="AK606">
        <v>32</v>
      </c>
      <c r="AL606">
        <v>32</v>
      </c>
      <c r="AM606">
        <v>32</v>
      </c>
      <c r="AN606">
        <v>32</v>
      </c>
      <c r="AO606">
        <v>32</v>
      </c>
      <c r="AP606">
        <v>32</v>
      </c>
      <c r="AQ606">
        <v>32</v>
      </c>
    </row>
    <row r="607" spans="1:43">
      <c r="A607" t="s">
        <v>469</v>
      </c>
      <c r="B607" t="s">
        <v>470</v>
      </c>
      <c r="C607" t="s">
        <v>451</v>
      </c>
      <c r="D607" t="s">
        <v>452</v>
      </c>
      <c r="E607" t="s">
        <v>353</v>
      </c>
      <c r="F607" t="s">
        <v>354</v>
      </c>
      <c r="G607" t="s">
        <v>80</v>
      </c>
      <c r="H607" t="s">
        <v>81</v>
      </c>
      <c r="I607" s="2">
        <v>1</v>
      </c>
      <c r="J607" s="2">
        <v>0</v>
      </c>
      <c r="K607" s="2">
        <v>0</v>
      </c>
      <c r="L607" t="s">
        <v>120</v>
      </c>
      <c r="M607" t="s">
        <v>87</v>
      </c>
      <c r="N607" t="s">
        <v>88</v>
      </c>
      <c r="O607" t="s">
        <v>85</v>
      </c>
      <c r="P607" t="s">
        <v>86</v>
      </c>
      <c r="Q607">
        <v>27</v>
      </c>
      <c r="R607">
        <v>27</v>
      </c>
      <c r="S607">
        <v>27</v>
      </c>
      <c r="T607">
        <v>27</v>
      </c>
      <c r="U607">
        <v>27</v>
      </c>
      <c r="V607">
        <v>27</v>
      </c>
      <c r="W607">
        <v>27</v>
      </c>
      <c r="X607">
        <v>27</v>
      </c>
      <c r="Y607">
        <v>27</v>
      </c>
      <c r="Z607">
        <v>27</v>
      </c>
      <c r="AA607">
        <v>27</v>
      </c>
      <c r="AB607">
        <v>27</v>
      </c>
      <c r="AC607">
        <v>27</v>
      </c>
      <c r="AD607">
        <v>27</v>
      </c>
      <c r="AE607">
        <v>27</v>
      </c>
      <c r="AF607">
        <v>28</v>
      </c>
      <c r="AG607">
        <v>28</v>
      </c>
      <c r="AH607">
        <v>28</v>
      </c>
      <c r="AI607">
        <v>28</v>
      </c>
      <c r="AJ607">
        <v>28</v>
      </c>
      <c r="AK607">
        <v>28</v>
      </c>
      <c r="AL607">
        <v>28</v>
      </c>
      <c r="AM607">
        <v>28</v>
      </c>
      <c r="AN607">
        <v>28</v>
      </c>
      <c r="AO607">
        <v>28</v>
      </c>
      <c r="AP607">
        <v>28</v>
      </c>
      <c r="AQ607">
        <v>28</v>
      </c>
    </row>
    <row r="608" spans="1:43">
      <c r="A608" t="s">
        <v>469</v>
      </c>
      <c r="B608" t="s">
        <v>470</v>
      </c>
      <c r="C608" t="s">
        <v>451</v>
      </c>
      <c r="D608" t="s">
        <v>452</v>
      </c>
      <c r="E608" t="s">
        <v>353</v>
      </c>
      <c r="F608" t="s">
        <v>354</v>
      </c>
      <c r="G608" t="s">
        <v>80</v>
      </c>
      <c r="H608" t="s">
        <v>81</v>
      </c>
      <c r="I608" s="2">
        <v>1</v>
      </c>
      <c r="J608" s="2">
        <v>0</v>
      </c>
      <c r="K608" s="2">
        <v>0</v>
      </c>
      <c r="L608" t="s">
        <v>120</v>
      </c>
      <c r="M608" t="s">
        <v>89</v>
      </c>
      <c r="N608" t="s">
        <v>90</v>
      </c>
      <c r="O608" t="s">
        <v>85</v>
      </c>
      <c r="P608" t="s">
        <v>86</v>
      </c>
      <c r="Q608">
        <v>27</v>
      </c>
      <c r="R608">
        <v>28</v>
      </c>
      <c r="S608">
        <v>28</v>
      </c>
      <c r="T608">
        <v>29</v>
      </c>
      <c r="U608">
        <v>30</v>
      </c>
      <c r="V608">
        <v>30</v>
      </c>
      <c r="W608">
        <v>30</v>
      </c>
      <c r="X608">
        <v>31</v>
      </c>
      <c r="Y608">
        <v>31</v>
      </c>
      <c r="Z608">
        <v>32</v>
      </c>
      <c r="AA608">
        <v>32</v>
      </c>
      <c r="AB608">
        <v>32</v>
      </c>
      <c r="AC608">
        <v>33</v>
      </c>
      <c r="AD608">
        <v>33</v>
      </c>
      <c r="AE608">
        <v>33</v>
      </c>
      <c r="AF608">
        <v>33</v>
      </c>
      <c r="AG608">
        <v>33</v>
      </c>
      <c r="AH608">
        <v>33</v>
      </c>
      <c r="AI608">
        <v>33</v>
      </c>
      <c r="AJ608">
        <v>33</v>
      </c>
      <c r="AK608">
        <v>33</v>
      </c>
      <c r="AL608">
        <v>33</v>
      </c>
      <c r="AM608">
        <v>32</v>
      </c>
      <c r="AN608">
        <v>32</v>
      </c>
      <c r="AO608">
        <v>32</v>
      </c>
      <c r="AP608">
        <v>32</v>
      </c>
      <c r="AQ608">
        <v>32</v>
      </c>
    </row>
    <row r="609" spans="1:43">
      <c r="A609" t="s">
        <v>469</v>
      </c>
      <c r="B609" t="s">
        <v>470</v>
      </c>
      <c r="C609" t="s">
        <v>451</v>
      </c>
      <c r="D609" t="s">
        <v>452</v>
      </c>
      <c r="E609" t="s">
        <v>353</v>
      </c>
      <c r="F609" t="s">
        <v>354</v>
      </c>
      <c r="G609" t="s">
        <v>80</v>
      </c>
      <c r="H609" t="s">
        <v>81</v>
      </c>
      <c r="I609" s="2">
        <v>1</v>
      </c>
      <c r="J609" s="2">
        <v>0</v>
      </c>
      <c r="K609" s="2">
        <v>0</v>
      </c>
      <c r="L609" t="s">
        <v>120</v>
      </c>
      <c r="M609" t="s">
        <v>83</v>
      </c>
      <c r="N609" t="s">
        <v>91</v>
      </c>
      <c r="O609" t="s">
        <v>85</v>
      </c>
      <c r="P609" t="s">
        <v>86</v>
      </c>
      <c r="Q609">
        <v>27</v>
      </c>
      <c r="R609">
        <v>27</v>
      </c>
      <c r="S609">
        <v>28</v>
      </c>
      <c r="T609">
        <v>28</v>
      </c>
      <c r="U609">
        <v>28</v>
      </c>
      <c r="V609">
        <v>29</v>
      </c>
      <c r="W609">
        <v>29</v>
      </c>
      <c r="X609">
        <v>29</v>
      </c>
      <c r="Y609">
        <v>29</v>
      </c>
      <c r="Z609">
        <v>30</v>
      </c>
      <c r="AA609">
        <v>30</v>
      </c>
      <c r="AB609">
        <v>30</v>
      </c>
      <c r="AC609">
        <v>30</v>
      </c>
      <c r="AD609">
        <v>31</v>
      </c>
      <c r="AE609">
        <v>31</v>
      </c>
      <c r="AF609">
        <v>31</v>
      </c>
      <c r="AG609">
        <v>31</v>
      </c>
      <c r="AH609">
        <v>32</v>
      </c>
      <c r="AI609">
        <v>32</v>
      </c>
      <c r="AJ609">
        <v>32</v>
      </c>
      <c r="AK609">
        <v>32</v>
      </c>
      <c r="AL609">
        <v>32</v>
      </c>
      <c r="AM609">
        <v>32</v>
      </c>
      <c r="AN609">
        <v>32</v>
      </c>
      <c r="AO609">
        <v>32</v>
      </c>
      <c r="AP609">
        <v>32</v>
      </c>
      <c r="AQ609">
        <v>32</v>
      </c>
    </row>
    <row r="610" spans="1:43">
      <c r="A610" t="s">
        <v>471</v>
      </c>
      <c r="B610" t="s">
        <v>472</v>
      </c>
      <c r="C610" t="s">
        <v>451</v>
      </c>
      <c r="D610" t="s">
        <v>452</v>
      </c>
      <c r="E610" t="s">
        <v>353</v>
      </c>
      <c r="F610" t="s">
        <v>354</v>
      </c>
      <c r="G610" t="s">
        <v>80</v>
      </c>
      <c r="H610" t="s">
        <v>81</v>
      </c>
      <c r="I610" s="2">
        <v>1</v>
      </c>
      <c r="J610" s="2">
        <v>0</v>
      </c>
      <c r="K610" s="2">
        <v>0</v>
      </c>
      <c r="L610" t="s">
        <v>120</v>
      </c>
      <c r="M610" t="s">
        <v>83</v>
      </c>
      <c r="N610" t="s">
        <v>84</v>
      </c>
      <c r="O610" t="s">
        <v>85</v>
      </c>
      <c r="P610" t="s">
        <v>86</v>
      </c>
      <c r="Q610">
        <v>19</v>
      </c>
      <c r="R610">
        <v>20</v>
      </c>
      <c r="S610">
        <v>20</v>
      </c>
      <c r="T610">
        <v>20</v>
      </c>
      <c r="U610">
        <v>20</v>
      </c>
      <c r="V610">
        <v>20</v>
      </c>
      <c r="W610">
        <v>21</v>
      </c>
      <c r="X610">
        <v>21</v>
      </c>
      <c r="Y610">
        <v>21</v>
      </c>
      <c r="Z610">
        <v>21</v>
      </c>
      <c r="AA610">
        <v>21</v>
      </c>
      <c r="AB610">
        <v>21</v>
      </c>
      <c r="AC610">
        <v>22</v>
      </c>
      <c r="AD610">
        <v>22</v>
      </c>
      <c r="AE610">
        <v>22</v>
      </c>
      <c r="AF610">
        <v>22</v>
      </c>
      <c r="AG610">
        <v>22</v>
      </c>
      <c r="AH610">
        <v>22</v>
      </c>
      <c r="AI610">
        <v>23</v>
      </c>
      <c r="AJ610">
        <v>23</v>
      </c>
      <c r="AK610">
        <v>23</v>
      </c>
      <c r="AL610">
        <v>23</v>
      </c>
      <c r="AM610">
        <v>23</v>
      </c>
      <c r="AN610">
        <v>23</v>
      </c>
      <c r="AO610">
        <v>23</v>
      </c>
      <c r="AP610">
        <v>23</v>
      </c>
      <c r="AQ610">
        <v>23</v>
      </c>
    </row>
    <row r="611" spans="1:43">
      <c r="A611" t="s">
        <v>471</v>
      </c>
      <c r="B611" t="s">
        <v>472</v>
      </c>
      <c r="C611" t="s">
        <v>451</v>
      </c>
      <c r="D611" t="s">
        <v>452</v>
      </c>
      <c r="E611" t="s">
        <v>353</v>
      </c>
      <c r="F611" t="s">
        <v>354</v>
      </c>
      <c r="G611" t="s">
        <v>80</v>
      </c>
      <c r="H611" t="s">
        <v>81</v>
      </c>
      <c r="I611" s="2">
        <v>1</v>
      </c>
      <c r="J611" s="2">
        <v>0</v>
      </c>
      <c r="K611" s="2">
        <v>0</v>
      </c>
      <c r="L611" t="s">
        <v>120</v>
      </c>
      <c r="M611" t="s">
        <v>87</v>
      </c>
      <c r="N611" t="s">
        <v>88</v>
      </c>
      <c r="O611" t="s">
        <v>85</v>
      </c>
      <c r="P611" t="s">
        <v>86</v>
      </c>
      <c r="Q611">
        <v>19</v>
      </c>
      <c r="R611">
        <v>19</v>
      </c>
      <c r="S611">
        <v>19</v>
      </c>
      <c r="T611">
        <v>19</v>
      </c>
      <c r="U611">
        <v>19</v>
      </c>
      <c r="V611">
        <v>19</v>
      </c>
      <c r="W611">
        <v>19</v>
      </c>
      <c r="X611">
        <v>19</v>
      </c>
      <c r="Y611">
        <v>19</v>
      </c>
      <c r="Z611">
        <v>19</v>
      </c>
      <c r="AA611">
        <v>19</v>
      </c>
      <c r="AB611">
        <v>19</v>
      </c>
      <c r="AC611">
        <v>20</v>
      </c>
      <c r="AD611">
        <v>20</v>
      </c>
      <c r="AE611">
        <v>20</v>
      </c>
      <c r="AF611">
        <v>20</v>
      </c>
      <c r="AG611">
        <v>20</v>
      </c>
      <c r="AH611">
        <v>20</v>
      </c>
      <c r="AI611">
        <v>20</v>
      </c>
      <c r="AJ611">
        <v>20</v>
      </c>
      <c r="AK611">
        <v>20</v>
      </c>
      <c r="AL611">
        <v>20</v>
      </c>
      <c r="AM611">
        <v>20</v>
      </c>
      <c r="AN611">
        <v>20</v>
      </c>
      <c r="AO611">
        <v>20</v>
      </c>
      <c r="AP611">
        <v>20</v>
      </c>
      <c r="AQ611">
        <v>20</v>
      </c>
    </row>
    <row r="612" spans="1:43">
      <c r="A612" t="s">
        <v>471</v>
      </c>
      <c r="B612" t="s">
        <v>472</v>
      </c>
      <c r="C612" t="s">
        <v>451</v>
      </c>
      <c r="D612" t="s">
        <v>452</v>
      </c>
      <c r="E612" t="s">
        <v>353</v>
      </c>
      <c r="F612" t="s">
        <v>354</v>
      </c>
      <c r="G612" t="s">
        <v>80</v>
      </c>
      <c r="H612" t="s">
        <v>81</v>
      </c>
      <c r="I612" s="2">
        <v>1</v>
      </c>
      <c r="J612" s="2">
        <v>0</v>
      </c>
      <c r="K612" s="2">
        <v>0</v>
      </c>
      <c r="L612" t="s">
        <v>120</v>
      </c>
      <c r="M612" t="s">
        <v>89</v>
      </c>
      <c r="N612" t="s">
        <v>90</v>
      </c>
      <c r="O612" t="s">
        <v>85</v>
      </c>
      <c r="P612" t="s">
        <v>86</v>
      </c>
      <c r="Q612">
        <v>19</v>
      </c>
      <c r="R612">
        <v>19</v>
      </c>
      <c r="S612">
        <v>19</v>
      </c>
      <c r="T612">
        <v>20</v>
      </c>
      <c r="U612">
        <v>20</v>
      </c>
      <c r="V612">
        <v>20</v>
      </c>
      <c r="W612">
        <v>21</v>
      </c>
      <c r="X612">
        <v>21</v>
      </c>
      <c r="Y612">
        <v>21</v>
      </c>
      <c r="Z612">
        <v>21</v>
      </c>
      <c r="AA612">
        <v>22</v>
      </c>
      <c r="AB612">
        <v>22</v>
      </c>
      <c r="AC612">
        <v>22</v>
      </c>
      <c r="AD612">
        <v>22</v>
      </c>
      <c r="AE612">
        <v>23</v>
      </c>
      <c r="AF612">
        <v>22</v>
      </c>
      <c r="AG612">
        <v>22</v>
      </c>
      <c r="AH612">
        <v>22</v>
      </c>
      <c r="AI612">
        <v>22</v>
      </c>
      <c r="AJ612">
        <v>22</v>
      </c>
      <c r="AK612">
        <v>22</v>
      </c>
      <c r="AL612">
        <v>22</v>
      </c>
      <c r="AM612">
        <v>22</v>
      </c>
      <c r="AN612">
        <v>22</v>
      </c>
      <c r="AO612">
        <v>22</v>
      </c>
      <c r="AP612">
        <v>22</v>
      </c>
      <c r="AQ612">
        <v>22</v>
      </c>
    </row>
    <row r="613" spans="1:43">
      <c r="A613" t="s">
        <v>471</v>
      </c>
      <c r="B613" t="s">
        <v>472</v>
      </c>
      <c r="C613" t="s">
        <v>451</v>
      </c>
      <c r="D613" t="s">
        <v>452</v>
      </c>
      <c r="E613" t="s">
        <v>353</v>
      </c>
      <c r="F613" t="s">
        <v>354</v>
      </c>
      <c r="G613" t="s">
        <v>80</v>
      </c>
      <c r="H613" t="s">
        <v>81</v>
      </c>
      <c r="I613" s="2">
        <v>1</v>
      </c>
      <c r="J613" s="2">
        <v>0</v>
      </c>
      <c r="K613" s="2">
        <v>0</v>
      </c>
      <c r="L613" t="s">
        <v>120</v>
      </c>
      <c r="M613" t="s">
        <v>83</v>
      </c>
      <c r="N613" t="s">
        <v>91</v>
      </c>
      <c r="O613" t="s">
        <v>85</v>
      </c>
      <c r="P613" t="s">
        <v>86</v>
      </c>
      <c r="Q613">
        <v>19</v>
      </c>
      <c r="R613">
        <v>20</v>
      </c>
      <c r="S613">
        <v>20</v>
      </c>
      <c r="T613">
        <v>20</v>
      </c>
      <c r="U613">
        <v>20</v>
      </c>
      <c r="V613">
        <v>20</v>
      </c>
      <c r="W613">
        <v>21</v>
      </c>
      <c r="X613">
        <v>21</v>
      </c>
      <c r="Y613">
        <v>21</v>
      </c>
      <c r="Z613">
        <v>21</v>
      </c>
      <c r="AA613">
        <v>21</v>
      </c>
      <c r="AB613">
        <v>21</v>
      </c>
      <c r="AC613">
        <v>22</v>
      </c>
      <c r="AD613">
        <v>22</v>
      </c>
      <c r="AE613">
        <v>22</v>
      </c>
      <c r="AF613">
        <v>22</v>
      </c>
      <c r="AG613">
        <v>22</v>
      </c>
      <c r="AH613">
        <v>22</v>
      </c>
      <c r="AI613">
        <v>23</v>
      </c>
      <c r="AJ613">
        <v>23</v>
      </c>
      <c r="AK613">
        <v>23</v>
      </c>
      <c r="AL613">
        <v>23</v>
      </c>
      <c r="AM613">
        <v>23</v>
      </c>
      <c r="AN613">
        <v>23</v>
      </c>
      <c r="AO613">
        <v>23</v>
      </c>
      <c r="AP613">
        <v>23</v>
      </c>
      <c r="AQ613">
        <v>23</v>
      </c>
    </row>
    <row r="614" spans="1:43">
      <c r="A614" t="s">
        <v>473</v>
      </c>
      <c r="B614" t="s">
        <v>474</v>
      </c>
      <c r="C614" t="s">
        <v>475</v>
      </c>
      <c r="D614" t="s">
        <v>476</v>
      </c>
      <c r="E614" t="s">
        <v>353</v>
      </c>
      <c r="F614" t="s">
        <v>354</v>
      </c>
      <c r="G614" t="s">
        <v>80</v>
      </c>
      <c r="H614" t="s">
        <v>81</v>
      </c>
      <c r="I614" s="2">
        <v>1</v>
      </c>
      <c r="J614" s="2">
        <v>0</v>
      </c>
      <c r="K614" s="2">
        <v>0</v>
      </c>
      <c r="L614" t="s">
        <v>120</v>
      </c>
      <c r="M614" t="s">
        <v>83</v>
      </c>
      <c r="N614" t="s">
        <v>84</v>
      </c>
      <c r="O614" t="s">
        <v>85</v>
      </c>
      <c r="P614" t="s">
        <v>86</v>
      </c>
      <c r="Q614">
        <v>15</v>
      </c>
      <c r="R614">
        <v>15</v>
      </c>
      <c r="S614">
        <v>15</v>
      </c>
      <c r="T614">
        <v>16</v>
      </c>
      <c r="U614">
        <v>16</v>
      </c>
      <c r="V614">
        <v>16</v>
      </c>
      <c r="W614">
        <v>16</v>
      </c>
      <c r="X614">
        <v>16</v>
      </c>
      <c r="Y614">
        <v>16</v>
      </c>
      <c r="Z614">
        <v>16</v>
      </c>
      <c r="AA614">
        <v>17</v>
      </c>
      <c r="AB614">
        <v>17</v>
      </c>
      <c r="AC614">
        <v>17</v>
      </c>
      <c r="AD614">
        <v>17</v>
      </c>
      <c r="AE614">
        <v>17</v>
      </c>
      <c r="AF614">
        <v>17</v>
      </c>
      <c r="AG614">
        <v>17</v>
      </c>
      <c r="AH614">
        <v>17</v>
      </c>
      <c r="AI614">
        <v>18</v>
      </c>
      <c r="AJ614">
        <v>18</v>
      </c>
      <c r="AK614">
        <v>18</v>
      </c>
      <c r="AL614">
        <v>18</v>
      </c>
      <c r="AM614">
        <v>18</v>
      </c>
      <c r="AN614">
        <v>18</v>
      </c>
      <c r="AO614">
        <v>18</v>
      </c>
      <c r="AP614">
        <v>18</v>
      </c>
      <c r="AQ614">
        <v>17</v>
      </c>
    </row>
    <row r="615" spans="1:43">
      <c r="A615" t="s">
        <v>473</v>
      </c>
      <c r="B615" t="s">
        <v>474</v>
      </c>
      <c r="C615" t="s">
        <v>475</v>
      </c>
      <c r="D615" t="s">
        <v>476</v>
      </c>
      <c r="E615" t="s">
        <v>353</v>
      </c>
      <c r="F615" t="s">
        <v>354</v>
      </c>
      <c r="G615" t="s">
        <v>80</v>
      </c>
      <c r="H615" t="s">
        <v>81</v>
      </c>
      <c r="I615" s="2">
        <v>1</v>
      </c>
      <c r="J615" s="2">
        <v>0</v>
      </c>
      <c r="K615" s="2">
        <v>0</v>
      </c>
      <c r="L615" t="s">
        <v>120</v>
      </c>
      <c r="M615" t="s">
        <v>87</v>
      </c>
      <c r="N615" t="s">
        <v>88</v>
      </c>
      <c r="O615" t="s">
        <v>85</v>
      </c>
      <c r="P615" t="s">
        <v>86</v>
      </c>
      <c r="Q615">
        <v>15</v>
      </c>
      <c r="R615">
        <v>15</v>
      </c>
      <c r="S615">
        <v>15</v>
      </c>
      <c r="T615">
        <v>15</v>
      </c>
      <c r="U615">
        <v>15</v>
      </c>
      <c r="V615">
        <v>15</v>
      </c>
      <c r="W615">
        <v>15</v>
      </c>
      <c r="X615">
        <v>15</v>
      </c>
      <c r="Y615">
        <v>15</v>
      </c>
      <c r="Z615">
        <v>15</v>
      </c>
      <c r="AA615">
        <v>15</v>
      </c>
      <c r="AB615">
        <v>15</v>
      </c>
      <c r="AC615">
        <v>15</v>
      </c>
      <c r="AD615">
        <v>15</v>
      </c>
      <c r="AE615">
        <v>15</v>
      </c>
      <c r="AF615">
        <v>15</v>
      </c>
      <c r="AG615">
        <v>15</v>
      </c>
      <c r="AH615">
        <v>15</v>
      </c>
      <c r="AI615">
        <v>15</v>
      </c>
      <c r="AJ615">
        <v>15</v>
      </c>
      <c r="AK615">
        <v>15</v>
      </c>
      <c r="AL615">
        <v>15</v>
      </c>
      <c r="AM615">
        <v>15</v>
      </c>
      <c r="AN615">
        <v>15</v>
      </c>
      <c r="AO615">
        <v>15</v>
      </c>
      <c r="AP615">
        <v>15</v>
      </c>
      <c r="AQ615">
        <v>15</v>
      </c>
    </row>
    <row r="616" spans="1:43">
      <c r="A616" t="s">
        <v>473</v>
      </c>
      <c r="B616" t="s">
        <v>474</v>
      </c>
      <c r="C616" t="s">
        <v>475</v>
      </c>
      <c r="D616" t="s">
        <v>476</v>
      </c>
      <c r="E616" t="s">
        <v>353</v>
      </c>
      <c r="F616" t="s">
        <v>354</v>
      </c>
      <c r="G616" t="s">
        <v>80</v>
      </c>
      <c r="H616" t="s">
        <v>81</v>
      </c>
      <c r="I616" s="2">
        <v>1</v>
      </c>
      <c r="J616" s="2">
        <v>0</v>
      </c>
      <c r="K616" s="2">
        <v>0</v>
      </c>
      <c r="L616" t="s">
        <v>120</v>
      </c>
      <c r="M616" t="s">
        <v>89</v>
      </c>
      <c r="N616" t="s">
        <v>90</v>
      </c>
      <c r="O616" t="s">
        <v>85</v>
      </c>
      <c r="P616" t="s">
        <v>86</v>
      </c>
      <c r="Q616">
        <v>15</v>
      </c>
      <c r="R616">
        <v>16</v>
      </c>
      <c r="S616">
        <v>16</v>
      </c>
      <c r="T616">
        <v>16</v>
      </c>
      <c r="U616">
        <v>16</v>
      </c>
      <c r="V616">
        <v>17</v>
      </c>
      <c r="W616">
        <v>17</v>
      </c>
      <c r="X616">
        <v>17</v>
      </c>
      <c r="Y616">
        <v>17</v>
      </c>
      <c r="Z616">
        <v>17</v>
      </c>
      <c r="AA616">
        <v>18</v>
      </c>
      <c r="AB616">
        <v>18</v>
      </c>
      <c r="AC616">
        <v>18</v>
      </c>
      <c r="AD616">
        <v>18</v>
      </c>
      <c r="AE616">
        <v>18</v>
      </c>
      <c r="AF616">
        <v>18</v>
      </c>
      <c r="AG616">
        <v>18</v>
      </c>
      <c r="AH616">
        <v>18</v>
      </c>
      <c r="AI616">
        <v>18</v>
      </c>
      <c r="AJ616">
        <v>18</v>
      </c>
      <c r="AK616">
        <v>18</v>
      </c>
      <c r="AL616">
        <v>18</v>
      </c>
      <c r="AM616">
        <v>18</v>
      </c>
      <c r="AN616">
        <v>18</v>
      </c>
      <c r="AO616">
        <v>18</v>
      </c>
      <c r="AP616">
        <v>18</v>
      </c>
      <c r="AQ616">
        <v>18</v>
      </c>
    </row>
    <row r="617" spans="1:43">
      <c r="A617" t="s">
        <v>473</v>
      </c>
      <c r="B617" t="s">
        <v>474</v>
      </c>
      <c r="C617" t="s">
        <v>475</v>
      </c>
      <c r="D617" t="s">
        <v>476</v>
      </c>
      <c r="E617" t="s">
        <v>353</v>
      </c>
      <c r="F617" t="s">
        <v>354</v>
      </c>
      <c r="G617" t="s">
        <v>80</v>
      </c>
      <c r="H617" t="s">
        <v>81</v>
      </c>
      <c r="I617" s="2">
        <v>1</v>
      </c>
      <c r="J617" s="2">
        <v>0</v>
      </c>
      <c r="K617" s="2">
        <v>0</v>
      </c>
      <c r="L617" t="s">
        <v>120</v>
      </c>
      <c r="M617" t="s">
        <v>83</v>
      </c>
      <c r="N617" t="s">
        <v>91</v>
      </c>
      <c r="O617" t="s">
        <v>85</v>
      </c>
      <c r="P617" t="s">
        <v>86</v>
      </c>
      <c r="Q617">
        <v>15</v>
      </c>
      <c r="R617">
        <v>15</v>
      </c>
      <c r="S617">
        <v>15</v>
      </c>
      <c r="T617">
        <v>16</v>
      </c>
      <c r="U617">
        <v>16</v>
      </c>
      <c r="V617">
        <v>16</v>
      </c>
      <c r="W617">
        <v>16</v>
      </c>
      <c r="X617">
        <v>16</v>
      </c>
      <c r="Y617">
        <v>16</v>
      </c>
      <c r="Z617">
        <v>16</v>
      </c>
      <c r="AA617">
        <v>17</v>
      </c>
      <c r="AB617">
        <v>17</v>
      </c>
      <c r="AC617">
        <v>17</v>
      </c>
      <c r="AD617">
        <v>17</v>
      </c>
      <c r="AE617">
        <v>17</v>
      </c>
      <c r="AF617">
        <v>17</v>
      </c>
      <c r="AG617">
        <v>17</v>
      </c>
      <c r="AH617">
        <v>17</v>
      </c>
      <c r="AI617">
        <v>18</v>
      </c>
      <c r="AJ617">
        <v>18</v>
      </c>
      <c r="AK617">
        <v>18</v>
      </c>
      <c r="AL617">
        <v>18</v>
      </c>
      <c r="AM617">
        <v>18</v>
      </c>
      <c r="AN617">
        <v>18</v>
      </c>
      <c r="AO617">
        <v>18</v>
      </c>
      <c r="AP617">
        <v>18</v>
      </c>
      <c r="AQ617">
        <v>17</v>
      </c>
    </row>
    <row r="618" spans="1:43">
      <c r="A618" t="s">
        <v>477</v>
      </c>
      <c r="B618" t="s">
        <v>478</v>
      </c>
      <c r="C618" t="s">
        <v>479</v>
      </c>
      <c r="D618" t="s">
        <v>480</v>
      </c>
      <c r="E618" t="s">
        <v>353</v>
      </c>
      <c r="F618" t="s">
        <v>354</v>
      </c>
      <c r="G618" t="s">
        <v>80</v>
      </c>
      <c r="H618" t="s">
        <v>81</v>
      </c>
      <c r="I618" s="2">
        <v>1</v>
      </c>
      <c r="J618" s="2">
        <v>0</v>
      </c>
      <c r="K618" s="2">
        <v>0</v>
      </c>
      <c r="L618" t="s">
        <v>120</v>
      </c>
      <c r="M618" t="s">
        <v>83</v>
      </c>
      <c r="N618" t="s">
        <v>84</v>
      </c>
      <c r="O618" t="s">
        <v>85</v>
      </c>
      <c r="P618" t="s">
        <v>86</v>
      </c>
      <c r="Q618">
        <v>7</v>
      </c>
      <c r="R618">
        <v>7</v>
      </c>
      <c r="S618">
        <v>7</v>
      </c>
      <c r="T618">
        <v>7</v>
      </c>
      <c r="U618">
        <v>7</v>
      </c>
      <c r="V618">
        <v>7</v>
      </c>
      <c r="W618">
        <v>7</v>
      </c>
      <c r="X618">
        <v>7</v>
      </c>
      <c r="Y618">
        <v>7</v>
      </c>
      <c r="Z618">
        <v>7</v>
      </c>
      <c r="AA618">
        <v>7</v>
      </c>
      <c r="AB618">
        <v>7</v>
      </c>
      <c r="AC618">
        <v>7</v>
      </c>
      <c r="AD618">
        <v>7</v>
      </c>
      <c r="AE618">
        <v>8</v>
      </c>
      <c r="AF618">
        <v>8</v>
      </c>
      <c r="AG618">
        <v>8</v>
      </c>
      <c r="AH618">
        <v>8</v>
      </c>
      <c r="AI618">
        <v>8</v>
      </c>
      <c r="AJ618">
        <v>8</v>
      </c>
      <c r="AK618">
        <v>8</v>
      </c>
      <c r="AL618">
        <v>8</v>
      </c>
      <c r="AM618">
        <v>8</v>
      </c>
      <c r="AN618">
        <v>8</v>
      </c>
      <c r="AO618">
        <v>8</v>
      </c>
      <c r="AP618">
        <v>8</v>
      </c>
      <c r="AQ618">
        <v>8</v>
      </c>
    </row>
    <row r="619" spans="1:43">
      <c r="A619" t="s">
        <v>477</v>
      </c>
      <c r="B619" t="s">
        <v>478</v>
      </c>
      <c r="C619" t="s">
        <v>479</v>
      </c>
      <c r="D619" t="s">
        <v>480</v>
      </c>
      <c r="E619" t="s">
        <v>353</v>
      </c>
      <c r="F619" t="s">
        <v>354</v>
      </c>
      <c r="G619" t="s">
        <v>80</v>
      </c>
      <c r="H619" t="s">
        <v>81</v>
      </c>
      <c r="I619" s="2">
        <v>1</v>
      </c>
      <c r="J619" s="2">
        <v>0</v>
      </c>
      <c r="K619" s="2">
        <v>0</v>
      </c>
      <c r="L619" t="s">
        <v>120</v>
      </c>
      <c r="M619" t="s">
        <v>87</v>
      </c>
      <c r="N619" t="s">
        <v>88</v>
      </c>
      <c r="O619" t="s">
        <v>85</v>
      </c>
      <c r="P619" t="s">
        <v>86</v>
      </c>
      <c r="Q619">
        <v>7</v>
      </c>
      <c r="R619">
        <v>7</v>
      </c>
      <c r="S619">
        <v>7</v>
      </c>
      <c r="T619">
        <v>7</v>
      </c>
      <c r="U619">
        <v>7</v>
      </c>
      <c r="V619">
        <v>7</v>
      </c>
      <c r="W619">
        <v>7</v>
      </c>
      <c r="X619">
        <v>7</v>
      </c>
      <c r="Y619">
        <v>7</v>
      </c>
      <c r="Z619">
        <v>7</v>
      </c>
      <c r="AA619">
        <v>7</v>
      </c>
      <c r="AB619">
        <v>7</v>
      </c>
      <c r="AC619">
        <v>7</v>
      </c>
      <c r="AD619">
        <v>7</v>
      </c>
      <c r="AE619">
        <v>7</v>
      </c>
      <c r="AF619">
        <v>7</v>
      </c>
      <c r="AG619">
        <v>7</v>
      </c>
      <c r="AH619">
        <v>7</v>
      </c>
      <c r="AI619">
        <v>7</v>
      </c>
      <c r="AJ619">
        <v>7</v>
      </c>
      <c r="AK619">
        <v>7</v>
      </c>
      <c r="AL619">
        <v>7</v>
      </c>
      <c r="AM619">
        <v>7</v>
      </c>
      <c r="AN619">
        <v>7</v>
      </c>
      <c r="AO619">
        <v>7</v>
      </c>
      <c r="AP619">
        <v>7</v>
      </c>
      <c r="AQ619">
        <v>7</v>
      </c>
    </row>
    <row r="620" spans="1:43">
      <c r="A620" t="s">
        <v>477</v>
      </c>
      <c r="B620" t="s">
        <v>478</v>
      </c>
      <c r="C620" t="s">
        <v>479</v>
      </c>
      <c r="D620" t="s">
        <v>480</v>
      </c>
      <c r="E620" t="s">
        <v>353</v>
      </c>
      <c r="F620" t="s">
        <v>354</v>
      </c>
      <c r="G620" t="s">
        <v>80</v>
      </c>
      <c r="H620" t="s">
        <v>81</v>
      </c>
      <c r="I620" s="2">
        <v>1</v>
      </c>
      <c r="J620" s="2">
        <v>0</v>
      </c>
      <c r="K620" s="2">
        <v>0</v>
      </c>
      <c r="L620" t="s">
        <v>120</v>
      </c>
      <c r="M620" t="s">
        <v>89</v>
      </c>
      <c r="N620" t="s">
        <v>90</v>
      </c>
      <c r="O620" t="s">
        <v>85</v>
      </c>
      <c r="P620" t="s">
        <v>86</v>
      </c>
      <c r="Q620">
        <v>7</v>
      </c>
      <c r="R620">
        <v>7</v>
      </c>
      <c r="S620">
        <v>7</v>
      </c>
      <c r="T620">
        <v>7</v>
      </c>
      <c r="U620">
        <v>7</v>
      </c>
      <c r="V620">
        <v>7</v>
      </c>
      <c r="W620">
        <v>7</v>
      </c>
      <c r="X620">
        <v>7</v>
      </c>
      <c r="Y620">
        <v>8</v>
      </c>
      <c r="Z620">
        <v>8</v>
      </c>
      <c r="AA620">
        <v>8</v>
      </c>
      <c r="AB620">
        <v>8</v>
      </c>
      <c r="AC620">
        <v>8</v>
      </c>
      <c r="AD620">
        <v>8</v>
      </c>
      <c r="AE620">
        <v>8</v>
      </c>
      <c r="AF620">
        <v>8</v>
      </c>
      <c r="AG620">
        <v>8</v>
      </c>
      <c r="AH620">
        <v>8</v>
      </c>
      <c r="AI620">
        <v>8</v>
      </c>
      <c r="AJ620">
        <v>8</v>
      </c>
      <c r="AK620">
        <v>8</v>
      </c>
      <c r="AL620">
        <v>8</v>
      </c>
      <c r="AM620">
        <v>8</v>
      </c>
      <c r="AN620">
        <v>8</v>
      </c>
      <c r="AO620">
        <v>8</v>
      </c>
      <c r="AP620">
        <v>8</v>
      </c>
      <c r="AQ620">
        <v>8</v>
      </c>
    </row>
    <row r="621" spans="1:43">
      <c r="A621" t="s">
        <v>477</v>
      </c>
      <c r="B621" t="s">
        <v>478</v>
      </c>
      <c r="C621" t="s">
        <v>479</v>
      </c>
      <c r="D621" t="s">
        <v>480</v>
      </c>
      <c r="E621" t="s">
        <v>353</v>
      </c>
      <c r="F621" t="s">
        <v>354</v>
      </c>
      <c r="G621" t="s">
        <v>80</v>
      </c>
      <c r="H621" t="s">
        <v>81</v>
      </c>
      <c r="I621" s="2">
        <v>1</v>
      </c>
      <c r="J621" s="2">
        <v>0</v>
      </c>
      <c r="K621" s="2">
        <v>0</v>
      </c>
      <c r="L621" t="s">
        <v>120</v>
      </c>
      <c r="M621" t="s">
        <v>83</v>
      </c>
      <c r="N621" t="s">
        <v>91</v>
      </c>
      <c r="O621" t="s">
        <v>85</v>
      </c>
      <c r="P621" t="s">
        <v>86</v>
      </c>
      <c r="Q621">
        <v>7</v>
      </c>
      <c r="R621">
        <v>7</v>
      </c>
      <c r="S621">
        <v>7</v>
      </c>
      <c r="T621">
        <v>7</v>
      </c>
      <c r="U621">
        <v>7</v>
      </c>
      <c r="V621">
        <v>7</v>
      </c>
      <c r="W621">
        <v>7</v>
      </c>
      <c r="X621">
        <v>7</v>
      </c>
      <c r="Y621">
        <v>7</v>
      </c>
      <c r="Z621">
        <v>7</v>
      </c>
      <c r="AA621">
        <v>7</v>
      </c>
      <c r="AB621">
        <v>7</v>
      </c>
      <c r="AC621">
        <v>7</v>
      </c>
      <c r="AD621">
        <v>7</v>
      </c>
      <c r="AE621">
        <v>8</v>
      </c>
      <c r="AF621">
        <v>8</v>
      </c>
      <c r="AG621">
        <v>8</v>
      </c>
      <c r="AH621">
        <v>8</v>
      </c>
      <c r="AI621">
        <v>8</v>
      </c>
      <c r="AJ621">
        <v>8</v>
      </c>
      <c r="AK621">
        <v>8</v>
      </c>
      <c r="AL621">
        <v>8</v>
      </c>
      <c r="AM621">
        <v>8</v>
      </c>
      <c r="AN621">
        <v>8</v>
      </c>
      <c r="AO621">
        <v>8</v>
      </c>
      <c r="AP621">
        <v>8</v>
      </c>
      <c r="AQ621">
        <v>8</v>
      </c>
    </row>
    <row r="622" spans="1:43">
      <c r="A622" t="s">
        <v>481</v>
      </c>
      <c r="B622" t="s">
        <v>482</v>
      </c>
      <c r="C622" t="s">
        <v>475</v>
      </c>
      <c r="D622" t="s">
        <v>476</v>
      </c>
      <c r="E622" t="s">
        <v>353</v>
      </c>
      <c r="F622" t="s">
        <v>354</v>
      </c>
      <c r="G622" t="s">
        <v>80</v>
      </c>
      <c r="H622" t="s">
        <v>81</v>
      </c>
      <c r="I622" s="2">
        <v>1</v>
      </c>
      <c r="J622" s="2">
        <v>0</v>
      </c>
      <c r="K622" s="2">
        <v>0</v>
      </c>
      <c r="L622" t="s">
        <v>120</v>
      </c>
      <c r="M622" t="s">
        <v>83</v>
      </c>
      <c r="N622" t="s">
        <v>84</v>
      </c>
      <c r="O622" t="s">
        <v>85</v>
      </c>
      <c r="P622" t="s">
        <v>86</v>
      </c>
      <c r="Q622">
        <v>16</v>
      </c>
      <c r="R622">
        <v>16</v>
      </c>
      <c r="S622">
        <v>16</v>
      </c>
      <c r="T622">
        <v>16</v>
      </c>
      <c r="U622">
        <v>16</v>
      </c>
      <c r="V622">
        <v>16</v>
      </c>
      <c r="W622">
        <v>17</v>
      </c>
      <c r="X622">
        <v>17</v>
      </c>
      <c r="Y622">
        <v>17</v>
      </c>
      <c r="Z622">
        <v>17</v>
      </c>
      <c r="AA622">
        <v>17</v>
      </c>
      <c r="AB622">
        <v>17</v>
      </c>
      <c r="AC622">
        <v>17</v>
      </c>
      <c r="AD622">
        <v>18</v>
      </c>
      <c r="AE622">
        <v>18</v>
      </c>
      <c r="AF622">
        <v>18</v>
      </c>
      <c r="AG622">
        <v>18</v>
      </c>
      <c r="AH622">
        <v>18</v>
      </c>
      <c r="AI622">
        <v>18</v>
      </c>
      <c r="AJ622">
        <v>18</v>
      </c>
      <c r="AK622">
        <v>18</v>
      </c>
      <c r="AL622">
        <v>18</v>
      </c>
      <c r="AM622">
        <v>18</v>
      </c>
      <c r="AN622">
        <v>18</v>
      </c>
      <c r="AO622">
        <v>18</v>
      </c>
      <c r="AP622">
        <v>18</v>
      </c>
      <c r="AQ622">
        <v>18</v>
      </c>
    </row>
    <row r="623" spans="1:43">
      <c r="A623" t="s">
        <v>481</v>
      </c>
      <c r="B623" t="s">
        <v>482</v>
      </c>
      <c r="C623" t="s">
        <v>475</v>
      </c>
      <c r="D623" t="s">
        <v>476</v>
      </c>
      <c r="E623" t="s">
        <v>353</v>
      </c>
      <c r="F623" t="s">
        <v>354</v>
      </c>
      <c r="G623" t="s">
        <v>80</v>
      </c>
      <c r="H623" t="s">
        <v>81</v>
      </c>
      <c r="I623" s="2">
        <v>1</v>
      </c>
      <c r="J623" s="2">
        <v>0</v>
      </c>
      <c r="K623" s="2">
        <v>0</v>
      </c>
      <c r="L623" t="s">
        <v>120</v>
      </c>
      <c r="M623" t="s">
        <v>87</v>
      </c>
      <c r="N623" t="s">
        <v>88</v>
      </c>
      <c r="O623" t="s">
        <v>85</v>
      </c>
      <c r="P623" t="s">
        <v>86</v>
      </c>
      <c r="Q623">
        <v>16</v>
      </c>
      <c r="R623">
        <v>16</v>
      </c>
      <c r="S623">
        <v>16</v>
      </c>
      <c r="T623">
        <v>16</v>
      </c>
      <c r="U623">
        <v>16</v>
      </c>
      <c r="V623">
        <v>16</v>
      </c>
      <c r="W623">
        <v>16</v>
      </c>
      <c r="X623">
        <v>16</v>
      </c>
      <c r="Y623">
        <v>16</v>
      </c>
      <c r="Z623">
        <v>16</v>
      </c>
      <c r="AA623">
        <v>16</v>
      </c>
      <c r="AB623">
        <v>16</v>
      </c>
      <c r="AC623">
        <v>16</v>
      </c>
      <c r="AD623">
        <v>16</v>
      </c>
      <c r="AE623">
        <v>16</v>
      </c>
      <c r="AF623">
        <v>16</v>
      </c>
      <c r="AG623">
        <v>16</v>
      </c>
      <c r="AH623">
        <v>16</v>
      </c>
      <c r="AI623">
        <v>16</v>
      </c>
      <c r="AJ623">
        <v>16</v>
      </c>
      <c r="AK623">
        <v>16</v>
      </c>
      <c r="AL623">
        <v>16</v>
      </c>
      <c r="AM623">
        <v>16</v>
      </c>
      <c r="AN623">
        <v>16</v>
      </c>
      <c r="AO623">
        <v>16</v>
      </c>
      <c r="AP623">
        <v>16</v>
      </c>
      <c r="AQ623">
        <v>16</v>
      </c>
    </row>
    <row r="624" spans="1:43">
      <c r="A624" t="s">
        <v>481</v>
      </c>
      <c r="B624" t="s">
        <v>482</v>
      </c>
      <c r="C624" t="s">
        <v>475</v>
      </c>
      <c r="D624" t="s">
        <v>476</v>
      </c>
      <c r="E624" t="s">
        <v>353</v>
      </c>
      <c r="F624" t="s">
        <v>354</v>
      </c>
      <c r="G624" t="s">
        <v>80</v>
      </c>
      <c r="H624" t="s">
        <v>81</v>
      </c>
      <c r="I624" s="2">
        <v>1</v>
      </c>
      <c r="J624" s="2">
        <v>0</v>
      </c>
      <c r="K624" s="2">
        <v>0</v>
      </c>
      <c r="L624" t="s">
        <v>120</v>
      </c>
      <c r="M624" t="s">
        <v>89</v>
      </c>
      <c r="N624" t="s">
        <v>90</v>
      </c>
      <c r="O624" t="s">
        <v>85</v>
      </c>
      <c r="P624" t="s">
        <v>86</v>
      </c>
      <c r="Q624">
        <v>16</v>
      </c>
      <c r="R624">
        <v>16</v>
      </c>
      <c r="S624">
        <v>16</v>
      </c>
      <c r="T624">
        <v>17</v>
      </c>
      <c r="U624">
        <v>17</v>
      </c>
      <c r="V624">
        <v>17</v>
      </c>
      <c r="W624">
        <v>17</v>
      </c>
      <c r="X624">
        <v>18</v>
      </c>
      <c r="Y624">
        <v>18</v>
      </c>
      <c r="Z624">
        <v>18</v>
      </c>
      <c r="AA624">
        <v>18</v>
      </c>
      <c r="AB624">
        <v>19</v>
      </c>
      <c r="AC624">
        <v>19</v>
      </c>
      <c r="AD624">
        <v>19</v>
      </c>
      <c r="AE624">
        <v>19</v>
      </c>
      <c r="AF624">
        <v>19</v>
      </c>
      <c r="AG624">
        <v>19</v>
      </c>
      <c r="AH624">
        <v>19</v>
      </c>
      <c r="AI624">
        <v>19</v>
      </c>
      <c r="AJ624">
        <v>19</v>
      </c>
      <c r="AK624">
        <v>19</v>
      </c>
      <c r="AL624">
        <v>19</v>
      </c>
      <c r="AM624">
        <v>19</v>
      </c>
      <c r="AN624">
        <v>18</v>
      </c>
      <c r="AO624">
        <v>18</v>
      </c>
      <c r="AP624">
        <v>18</v>
      </c>
      <c r="AQ624">
        <v>18</v>
      </c>
    </row>
    <row r="625" spans="1:43">
      <c r="A625" t="s">
        <v>481</v>
      </c>
      <c r="B625" t="s">
        <v>482</v>
      </c>
      <c r="C625" t="s">
        <v>475</v>
      </c>
      <c r="D625" t="s">
        <v>476</v>
      </c>
      <c r="E625" t="s">
        <v>353</v>
      </c>
      <c r="F625" t="s">
        <v>354</v>
      </c>
      <c r="G625" t="s">
        <v>80</v>
      </c>
      <c r="H625" t="s">
        <v>81</v>
      </c>
      <c r="I625" s="2">
        <v>1</v>
      </c>
      <c r="J625" s="2">
        <v>0</v>
      </c>
      <c r="K625" s="2">
        <v>0</v>
      </c>
      <c r="L625" t="s">
        <v>120</v>
      </c>
      <c r="M625" t="s">
        <v>83</v>
      </c>
      <c r="N625" t="s">
        <v>91</v>
      </c>
      <c r="O625" t="s">
        <v>85</v>
      </c>
      <c r="P625" t="s">
        <v>86</v>
      </c>
      <c r="Q625">
        <v>16</v>
      </c>
      <c r="R625">
        <v>16</v>
      </c>
      <c r="S625">
        <v>16</v>
      </c>
      <c r="T625">
        <v>16</v>
      </c>
      <c r="U625">
        <v>16</v>
      </c>
      <c r="V625">
        <v>16</v>
      </c>
      <c r="W625">
        <v>17</v>
      </c>
      <c r="X625">
        <v>17</v>
      </c>
      <c r="Y625">
        <v>17</v>
      </c>
      <c r="Z625">
        <v>17</v>
      </c>
      <c r="AA625">
        <v>17</v>
      </c>
      <c r="AB625">
        <v>17</v>
      </c>
      <c r="AC625">
        <v>17</v>
      </c>
      <c r="AD625">
        <v>18</v>
      </c>
      <c r="AE625">
        <v>18</v>
      </c>
      <c r="AF625">
        <v>18</v>
      </c>
      <c r="AG625">
        <v>18</v>
      </c>
      <c r="AH625">
        <v>18</v>
      </c>
      <c r="AI625">
        <v>18</v>
      </c>
      <c r="AJ625">
        <v>18</v>
      </c>
      <c r="AK625">
        <v>18</v>
      </c>
      <c r="AL625">
        <v>18</v>
      </c>
      <c r="AM625">
        <v>18</v>
      </c>
      <c r="AN625">
        <v>18</v>
      </c>
      <c r="AO625">
        <v>18</v>
      </c>
      <c r="AP625">
        <v>18</v>
      </c>
      <c r="AQ625">
        <v>18</v>
      </c>
    </row>
    <row r="626" spans="1:43">
      <c r="A626" t="s">
        <v>483</v>
      </c>
      <c r="B626" t="s">
        <v>484</v>
      </c>
      <c r="C626" t="s">
        <v>475</v>
      </c>
      <c r="D626" t="s">
        <v>476</v>
      </c>
      <c r="E626" t="s">
        <v>353</v>
      </c>
      <c r="F626" t="s">
        <v>354</v>
      </c>
      <c r="G626" t="s">
        <v>80</v>
      </c>
      <c r="H626" t="s">
        <v>81</v>
      </c>
      <c r="I626" s="2">
        <v>1</v>
      </c>
      <c r="J626" s="2">
        <v>0</v>
      </c>
      <c r="K626" s="2">
        <v>0</v>
      </c>
      <c r="L626" t="s">
        <v>120</v>
      </c>
      <c r="M626" t="s">
        <v>83</v>
      </c>
      <c r="N626" t="s">
        <v>84</v>
      </c>
      <c r="O626" t="s">
        <v>85</v>
      </c>
      <c r="P626" t="s">
        <v>86</v>
      </c>
      <c r="Q626">
        <v>45</v>
      </c>
      <c r="R626">
        <v>45</v>
      </c>
      <c r="S626">
        <v>46</v>
      </c>
      <c r="T626">
        <v>46</v>
      </c>
      <c r="U626">
        <v>47</v>
      </c>
      <c r="V626">
        <v>47</v>
      </c>
      <c r="W626">
        <v>48</v>
      </c>
      <c r="X626">
        <v>48</v>
      </c>
      <c r="Y626">
        <v>49</v>
      </c>
      <c r="Z626">
        <v>49</v>
      </c>
      <c r="AA626">
        <v>49</v>
      </c>
      <c r="AB626">
        <v>50</v>
      </c>
      <c r="AC626">
        <v>50</v>
      </c>
      <c r="AD626">
        <v>51</v>
      </c>
      <c r="AE626">
        <v>51</v>
      </c>
      <c r="AF626">
        <v>51</v>
      </c>
      <c r="AG626">
        <v>52</v>
      </c>
      <c r="AH626">
        <v>52</v>
      </c>
      <c r="AI626">
        <v>52</v>
      </c>
      <c r="AJ626">
        <v>53</v>
      </c>
      <c r="AK626">
        <v>53</v>
      </c>
      <c r="AL626">
        <v>53</v>
      </c>
      <c r="AM626">
        <v>53</v>
      </c>
      <c r="AN626">
        <v>53</v>
      </c>
      <c r="AO626">
        <v>52</v>
      </c>
      <c r="AP626">
        <v>52</v>
      </c>
      <c r="AQ626">
        <v>52</v>
      </c>
    </row>
    <row r="627" spans="1:43">
      <c r="A627" t="s">
        <v>483</v>
      </c>
      <c r="B627" t="s">
        <v>484</v>
      </c>
      <c r="C627" t="s">
        <v>475</v>
      </c>
      <c r="D627" t="s">
        <v>476</v>
      </c>
      <c r="E627" t="s">
        <v>353</v>
      </c>
      <c r="F627" t="s">
        <v>354</v>
      </c>
      <c r="G627" t="s">
        <v>80</v>
      </c>
      <c r="H627" t="s">
        <v>81</v>
      </c>
      <c r="I627" s="2">
        <v>1</v>
      </c>
      <c r="J627" s="2">
        <v>0</v>
      </c>
      <c r="K627" s="2">
        <v>0</v>
      </c>
      <c r="L627" t="s">
        <v>120</v>
      </c>
      <c r="M627" t="s">
        <v>87</v>
      </c>
      <c r="N627" t="s">
        <v>88</v>
      </c>
      <c r="O627" t="s">
        <v>85</v>
      </c>
      <c r="P627" t="s">
        <v>86</v>
      </c>
      <c r="Q627">
        <v>45</v>
      </c>
      <c r="R627">
        <v>45</v>
      </c>
      <c r="S627">
        <v>45</v>
      </c>
      <c r="T627">
        <v>45</v>
      </c>
      <c r="U627">
        <v>45</v>
      </c>
      <c r="V627">
        <v>45</v>
      </c>
      <c r="W627">
        <v>45</v>
      </c>
      <c r="X627">
        <v>45</v>
      </c>
      <c r="Y627">
        <v>45</v>
      </c>
      <c r="Z627">
        <v>45</v>
      </c>
      <c r="AA627">
        <v>45</v>
      </c>
      <c r="AB627">
        <v>45</v>
      </c>
      <c r="AC627">
        <v>45</v>
      </c>
      <c r="AD627">
        <v>45</v>
      </c>
      <c r="AE627">
        <v>45</v>
      </c>
      <c r="AF627">
        <v>45</v>
      </c>
      <c r="AG627">
        <v>45</v>
      </c>
      <c r="AH627">
        <v>45</v>
      </c>
      <c r="AI627">
        <v>45</v>
      </c>
      <c r="AJ627">
        <v>45</v>
      </c>
      <c r="AK627">
        <v>45</v>
      </c>
      <c r="AL627">
        <v>45</v>
      </c>
      <c r="AM627">
        <v>45</v>
      </c>
      <c r="AN627">
        <v>45</v>
      </c>
      <c r="AO627">
        <v>45</v>
      </c>
      <c r="AP627">
        <v>45</v>
      </c>
      <c r="AQ627">
        <v>45</v>
      </c>
    </row>
    <row r="628" spans="1:43">
      <c r="A628" t="s">
        <v>483</v>
      </c>
      <c r="B628" t="s">
        <v>484</v>
      </c>
      <c r="C628" t="s">
        <v>475</v>
      </c>
      <c r="D628" t="s">
        <v>476</v>
      </c>
      <c r="E628" t="s">
        <v>353</v>
      </c>
      <c r="F628" t="s">
        <v>354</v>
      </c>
      <c r="G628" t="s">
        <v>80</v>
      </c>
      <c r="H628" t="s">
        <v>81</v>
      </c>
      <c r="I628" s="2">
        <v>1</v>
      </c>
      <c r="J628" s="2">
        <v>0</v>
      </c>
      <c r="K628" s="2">
        <v>0</v>
      </c>
      <c r="L628" t="s">
        <v>120</v>
      </c>
      <c r="M628" t="s">
        <v>89</v>
      </c>
      <c r="N628" t="s">
        <v>90</v>
      </c>
      <c r="O628" t="s">
        <v>85</v>
      </c>
      <c r="P628" t="s">
        <v>86</v>
      </c>
      <c r="Q628">
        <v>45</v>
      </c>
      <c r="R628">
        <v>46</v>
      </c>
      <c r="S628">
        <v>47</v>
      </c>
      <c r="T628">
        <v>48</v>
      </c>
      <c r="U628">
        <v>49</v>
      </c>
      <c r="V628">
        <v>49</v>
      </c>
      <c r="W628">
        <v>50</v>
      </c>
      <c r="X628">
        <v>51</v>
      </c>
      <c r="Y628">
        <v>51</v>
      </c>
      <c r="Z628">
        <v>52</v>
      </c>
      <c r="AA628">
        <v>53</v>
      </c>
      <c r="AB628">
        <v>53</v>
      </c>
      <c r="AC628">
        <v>54</v>
      </c>
      <c r="AD628">
        <v>54</v>
      </c>
      <c r="AE628">
        <v>55</v>
      </c>
      <c r="AF628">
        <v>54</v>
      </c>
      <c r="AG628">
        <v>54</v>
      </c>
      <c r="AH628">
        <v>54</v>
      </c>
      <c r="AI628">
        <v>54</v>
      </c>
      <c r="AJ628">
        <v>54</v>
      </c>
      <c r="AK628">
        <v>53</v>
      </c>
      <c r="AL628">
        <v>53</v>
      </c>
      <c r="AM628">
        <v>53</v>
      </c>
      <c r="AN628">
        <v>53</v>
      </c>
      <c r="AO628">
        <v>53</v>
      </c>
      <c r="AP628">
        <v>52</v>
      </c>
      <c r="AQ628">
        <v>52</v>
      </c>
    </row>
    <row r="629" spans="1:43">
      <c r="A629" t="s">
        <v>483</v>
      </c>
      <c r="B629" t="s">
        <v>484</v>
      </c>
      <c r="C629" t="s">
        <v>475</v>
      </c>
      <c r="D629" t="s">
        <v>476</v>
      </c>
      <c r="E629" t="s">
        <v>353</v>
      </c>
      <c r="F629" t="s">
        <v>354</v>
      </c>
      <c r="G629" t="s">
        <v>80</v>
      </c>
      <c r="H629" t="s">
        <v>81</v>
      </c>
      <c r="I629" s="2">
        <v>1</v>
      </c>
      <c r="J629" s="2">
        <v>0</v>
      </c>
      <c r="K629" s="2">
        <v>0</v>
      </c>
      <c r="L629" t="s">
        <v>120</v>
      </c>
      <c r="M629" t="s">
        <v>83</v>
      </c>
      <c r="N629" t="s">
        <v>91</v>
      </c>
      <c r="O629" t="s">
        <v>85</v>
      </c>
      <c r="P629" t="s">
        <v>86</v>
      </c>
      <c r="Q629">
        <v>45</v>
      </c>
      <c r="R629">
        <v>45</v>
      </c>
      <c r="S629">
        <v>46</v>
      </c>
      <c r="T629">
        <v>46</v>
      </c>
      <c r="U629">
        <v>47</v>
      </c>
      <c r="V629">
        <v>47</v>
      </c>
      <c r="W629">
        <v>48</v>
      </c>
      <c r="X629">
        <v>48</v>
      </c>
      <c r="Y629">
        <v>49</v>
      </c>
      <c r="Z629">
        <v>49</v>
      </c>
      <c r="AA629">
        <v>49</v>
      </c>
      <c r="AB629">
        <v>50</v>
      </c>
      <c r="AC629">
        <v>50</v>
      </c>
      <c r="AD629">
        <v>51</v>
      </c>
      <c r="AE629">
        <v>51</v>
      </c>
      <c r="AF629">
        <v>51</v>
      </c>
      <c r="AG629">
        <v>52</v>
      </c>
      <c r="AH629">
        <v>52</v>
      </c>
      <c r="AI629">
        <v>52</v>
      </c>
      <c r="AJ629">
        <v>53</v>
      </c>
      <c r="AK629">
        <v>53</v>
      </c>
      <c r="AL629">
        <v>53</v>
      </c>
      <c r="AM629">
        <v>53</v>
      </c>
      <c r="AN629">
        <v>53</v>
      </c>
      <c r="AO629">
        <v>52</v>
      </c>
      <c r="AP629">
        <v>52</v>
      </c>
      <c r="AQ629">
        <v>52</v>
      </c>
    </row>
    <row r="630" spans="1:43">
      <c r="A630" t="s">
        <v>485</v>
      </c>
      <c r="B630" t="s">
        <v>486</v>
      </c>
      <c r="C630" t="s">
        <v>487</v>
      </c>
      <c r="D630" t="s">
        <v>488</v>
      </c>
      <c r="E630" t="s">
        <v>353</v>
      </c>
      <c r="F630" t="s">
        <v>354</v>
      </c>
      <c r="G630" t="s">
        <v>80</v>
      </c>
      <c r="H630" t="s">
        <v>81</v>
      </c>
      <c r="I630" s="2">
        <v>1</v>
      </c>
      <c r="J630" s="2">
        <v>0</v>
      </c>
      <c r="K630" s="2">
        <v>0</v>
      </c>
      <c r="L630" t="s">
        <v>120</v>
      </c>
      <c r="M630" t="s">
        <v>83</v>
      </c>
      <c r="N630" t="s">
        <v>84</v>
      </c>
      <c r="O630" t="s">
        <v>85</v>
      </c>
      <c r="P630" t="s">
        <v>86</v>
      </c>
      <c r="Q630">
        <v>51</v>
      </c>
      <c r="R630">
        <v>52</v>
      </c>
      <c r="S630">
        <v>52</v>
      </c>
      <c r="T630">
        <v>53</v>
      </c>
      <c r="U630">
        <v>53</v>
      </c>
      <c r="V630">
        <v>54</v>
      </c>
      <c r="W630">
        <v>55</v>
      </c>
      <c r="X630">
        <v>55</v>
      </c>
      <c r="Y630">
        <v>56</v>
      </c>
      <c r="Z630">
        <v>56</v>
      </c>
      <c r="AA630">
        <v>56</v>
      </c>
      <c r="AB630">
        <v>57</v>
      </c>
      <c r="AC630">
        <v>57</v>
      </c>
      <c r="AD630">
        <v>58</v>
      </c>
      <c r="AE630">
        <v>58</v>
      </c>
      <c r="AF630">
        <v>59</v>
      </c>
      <c r="AG630">
        <v>59</v>
      </c>
      <c r="AH630">
        <v>60</v>
      </c>
      <c r="AI630">
        <v>60</v>
      </c>
      <c r="AJ630">
        <v>60</v>
      </c>
      <c r="AK630">
        <v>61</v>
      </c>
      <c r="AL630">
        <v>61</v>
      </c>
      <c r="AM630">
        <v>61</v>
      </c>
      <c r="AN630">
        <v>60</v>
      </c>
      <c r="AO630">
        <v>60</v>
      </c>
      <c r="AP630">
        <v>60</v>
      </c>
      <c r="AQ630">
        <v>60</v>
      </c>
    </row>
    <row r="631" spans="1:43">
      <c r="A631" t="s">
        <v>485</v>
      </c>
      <c r="B631" t="s">
        <v>486</v>
      </c>
      <c r="C631" t="s">
        <v>487</v>
      </c>
      <c r="D631" t="s">
        <v>488</v>
      </c>
      <c r="E631" t="s">
        <v>353</v>
      </c>
      <c r="F631" t="s">
        <v>354</v>
      </c>
      <c r="G631" t="s">
        <v>80</v>
      </c>
      <c r="H631" t="s">
        <v>81</v>
      </c>
      <c r="I631" s="2">
        <v>1</v>
      </c>
      <c r="J631" s="2">
        <v>0</v>
      </c>
      <c r="K631" s="2">
        <v>0</v>
      </c>
      <c r="L631" t="s">
        <v>120</v>
      </c>
      <c r="M631" t="s">
        <v>87</v>
      </c>
      <c r="N631" t="s">
        <v>88</v>
      </c>
      <c r="O631" t="s">
        <v>85</v>
      </c>
      <c r="P631" t="s">
        <v>86</v>
      </c>
      <c r="Q631">
        <v>51</v>
      </c>
      <c r="R631">
        <v>51</v>
      </c>
      <c r="S631">
        <v>51</v>
      </c>
      <c r="T631">
        <v>51</v>
      </c>
      <c r="U631">
        <v>51</v>
      </c>
      <c r="V631">
        <v>51</v>
      </c>
      <c r="W631">
        <v>51</v>
      </c>
      <c r="X631">
        <v>51</v>
      </c>
      <c r="Y631">
        <v>51</v>
      </c>
      <c r="Z631">
        <v>51</v>
      </c>
      <c r="AA631">
        <v>51</v>
      </c>
      <c r="AB631">
        <v>52</v>
      </c>
      <c r="AC631">
        <v>52</v>
      </c>
      <c r="AD631">
        <v>52</v>
      </c>
      <c r="AE631">
        <v>52</v>
      </c>
      <c r="AF631">
        <v>52</v>
      </c>
      <c r="AG631">
        <v>52</v>
      </c>
      <c r="AH631">
        <v>52</v>
      </c>
      <c r="AI631">
        <v>52</v>
      </c>
      <c r="AJ631">
        <v>52</v>
      </c>
      <c r="AK631">
        <v>52</v>
      </c>
      <c r="AL631">
        <v>52</v>
      </c>
      <c r="AM631">
        <v>52</v>
      </c>
      <c r="AN631">
        <v>52</v>
      </c>
      <c r="AO631">
        <v>52</v>
      </c>
      <c r="AP631">
        <v>52</v>
      </c>
      <c r="AQ631">
        <v>52</v>
      </c>
    </row>
    <row r="632" spans="1:43">
      <c r="A632" t="s">
        <v>485</v>
      </c>
      <c r="B632" t="s">
        <v>486</v>
      </c>
      <c r="C632" t="s">
        <v>487</v>
      </c>
      <c r="D632" t="s">
        <v>488</v>
      </c>
      <c r="E632" t="s">
        <v>353</v>
      </c>
      <c r="F632" t="s">
        <v>354</v>
      </c>
      <c r="G632" t="s">
        <v>80</v>
      </c>
      <c r="H632" t="s">
        <v>81</v>
      </c>
      <c r="I632" s="2">
        <v>1</v>
      </c>
      <c r="J632" s="2">
        <v>0</v>
      </c>
      <c r="K632" s="2">
        <v>0</v>
      </c>
      <c r="L632" t="s">
        <v>120</v>
      </c>
      <c r="M632" t="s">
        <v>89</v>
      </c>
      <c r="N632" t="s">
        <v>90</v>
      </c>
      <c r="O632" t="s">
        <v>85</v>
      </c>
      <c r="P632" t="s">
        <v>86</v>
      </c>
      <c r="Q632">
        <v>51</v>
      </c>
      <c r="R632">
        <v>52</v>
      </c>
      <c r="S632">
        <v>53</v>
      </c>
      <c r="T632">
        <v>54</v>
      </c>
      <c r="U632">
        <v>55</v>
      </c>
      <c r="V632">
        <v>55</v>
      </c>
      <c r="W632">
        <v>56</v>
      </c>
      <c r="X632">
        <v>57</v>
      </c>
      <c r="Y632">
        <v>58</v>
      </c>
      <c r="Z632">
        <v>58</v>
      </c>
      <c r="AA632">
        <v>59</v>
      </c>
      <c r="AB632">
        <v>60</v>
      </c>
      <c r="AC632">
        <v>61</v>
      </c>
      <c r="AD632">
        <v>61</v>
      </c>
      <c r="AE632">
        <v>62</v>
      </c>
      <c r="AF632">
        <v>61</v>
      </c>
      <c r="AG632">
        <v>61</v>
      </c>
      <c r="AH632">
        <v>61</v>
      </c>
      <c r="AI632">
        <v>61</v>
      </c>
      <c r="AJ632">
        <v>61</v>
      </c>
      <c r="AK632">
        <v>61</v>
      </c>
      <c r="AL632">
        <v>60</v>
      </c>
      <c r="AM632">
        <v>60</v>
      </c>
      <c r="AN632">
        <v>60</v>
      </c>
      <c r="AO632">
        <v>60</v>
      </c>
      <c r="AP632">
        <v>60</v>
      </c>
      <c r="AQ632">
        <v>59</v>
      </c>
    </row>
    <row r="633" spans="1:43">
      <c r="A633" t="s">
        <v>485</v>
      </c>
      <c r="B633" t="s">
        <v>486</v>
      </c>
      <c r="C633" t="s">
        <v>487</v>
      </c>
      <c r="D633" t="s">
        <v>488</v>
      </c>
      <c r="E633" t="s">
        <v>353</v>
      </c>
      <c r="F633" t="s">
        <v>354</v>
      </c>
      <c r="G633" t="s">
        <v>80</v>
      </c>
      <c r="H633" t="s">
        <v>81</v>
      </c>
      <c r="I633" s="2">
        <v>1</v>
      </c>
      <c r="J633" s="2">
        <v>0</v>
      </c>
      <c r="K633" s="2">
        <v>0</v>
      </c>
      <c r="L633" t="s">
        <v>120</v>
      </c>
      <c r="M633" t="s">
        <v>83</v>
      </c>
      <c r="N633" t="s">
        <v>91</v>
      </c>
      <c r="O633" t="s">
        <v>85</v>
      </c>
      <c r="P633" t="s">
        <v>86</v>
      </c>
      <c r="Q633">
        <v>51</v>
      </c>
      <c r="R633">
        <v>52</v>
      </c>
      <c r="S633">
        <v>52</v>
      </c>
      <c r="T633">
        <v>53</v>
      </c>
      <c r="U633">
        <v>53</v>
      </c>
      <c r="V633">
        <v>54</v>
      </c>
      <c r="W633">
        <v>55</v>
      </c>
      <c r="X633">
        <v>55</v>
      </c>
      <c r="Y633">
        <v>56</v>
      </c>
      <c r="Z633">
        <v>56</v>
      </c>
      <c r="AA633">
        <v>56</v>
      </c>
      <c r="AB633">
        <v>57</v>
      </c>
      <c r="AC633">
        <v>57</v>
      </c>
      <c r="AD633">
        <v>58</v>
      </c>
      <c r="AE633">
        <v>58</v>
      </c>
      <c r="AF633">
        <v>59</v>
      </c>
      <c r="AG633">
        <v>59</v>
      </c>
      <c r="AH633">
        <v>60</v>
      </c>
      <c r="AI633">
        <v>60</v>
      </c>
      <c r="AJ633">
        <v>60</v>
      </c>
      <c r="AK633">
        <v>61</v>
      </c>
      <c r="AL633">
        <v>61</v>
      </c>
      <c r="AM633">
        <v>61</v>
      </c>
      <c r="AN633">
        <v>60</v>
      </c>
      <c r="AO633">
        <v>60</v>
      </c>
      <c r="AP633">
        <v>60</v>
      </c>
      <c r="AQ633">
        <v>60</v>
      </c>
    </row>
    <row r="634" spans="1:43">
      <c r="A634" t="s">
        <v>489</v>
      </c>
      <c r="B634" t="s">
        <v>490</v>
      </c>
      <c r="C634" t="s">
        <v>487</v>
      </c>
      <c r="D634" t="s">
        <v>488</v>
      </c>
      <c r="E634" t="s">
        <v>353</v>
      </c>
      <c r="F634" t="s">
        <v>354</v>
      </c>
      <c r="G634" t="s">
        <v>80</v>
      </c>
      <c r="H634" t="s">
        <v>81</v>
      </c>
      <c r="I634" s="2">
        <v>1</v>
      </c>
      <c r="J634" s="2">
        <v>0</v>
      </c>
      <c r="K634" s="2">
        <v>0</v>
      </c>
      <c r="L634" t="s">
        <v>120</v>
      </c>
      <c r="M634" t="s">
        <v>83</v>
      </c>
      <c r="N634" t="s">
        <v>84</v>
      </c>
      <c r="O634" t="s">
        <v>85</v>
      </c>
      <c r="P634" t="s">
        <v>86</v>
      </c>
      <c r="Q634">
        <v>81</v>
      </c>
      <c r="R634">
        <v>82</v>
      </c>
      <c r="S634">
        <v>83</v>
      </c>
      <c r="T634">
        <v>84</v>
      </c>
      <c r="U634">
        <v>85</v>
      </c>
      <c r="V634">
        <v>85</v>
      </c>
      <c r="W634">
        <v>86</v>
      </c>
      <c r="X634">
        <v>87</v>
      </c>
      <c r="Y634">
        <v>88</v>
      </c>
      <c r="Z634">
        <v>89</v>
      </c>
      <c r="AA634">
        <v>89</v>
      </c>
      <c r="AB634">
        <v>90</v>
      </c>
      <c r="AC634">
        <v>91</v>
      </c>
      <c r="AD634">
        <v>92</v>
      </c>
      <c r="AE634">
        <v>92</v>
      </c>
      <c r="AF634">
        <v>93</v>
      </c>
      <c r="AG634">
        <v>94</v>
      </c>
      <c r="AH634">
        <v>94</v>
      </c>
      <c r="AI634">
        <v>95</v>
      </c>
      <c r="AJ634">
        <v>96</v>
      </c>
      <c r="AK634">
        <v>96</v>
      </c>
      <c r="AL634">
        <v>96</v>
      </c>
      <c r="AM634">
        <v>96</v>
      </c>
      <c r="AN634">
        <v>96</v>
      </c>
      <c r="AO634">
        <v>96</v>
      </c>
      <c r="AP634">
        <v>95</v>
      </c>
      <c r="AQ634">
        <v>95</v>
      </c>
    </row>
    <row r="635" spans="1:43">
      <c r="A635" t="s">
        <v>489</v>
      </c>
      <c r="B635" t="s">
        <v>490</v>
      </c>
      <c r="C635" t="s">
        <v>487</v>
      </c>
      <c r="D635" t="s">
        <v>488</v>
      </c>
      <c r="E635" t="s">
        <v>353</v>
      </c>
      <c r="F635" t="s">
        <v>354</v>
      </c>
      <c r="G635" t="s">
        <v>80</v>
      </c>
      <c r="H635" t="s">
        <v>81</v>
      </c>
      <c r="I635" s="2">
        <v>1</v>
      </c>
      <c r="J635" s="2">
        <v>0</v>
      </c>
      <c r="K635" s="2">
        <v>0</v>
      </c>
      <c r="L635" t="s">
        <v>120</v>
      </c>
      <c r="M635" t="s">
        <v>87</v>
      </c>
      <c r="N635" t="s">
        <v>88</v>
      </c>
      <c r="O635" t="s">
        <v>85</v>
      </c>
      <c r="P635" t="s">
        <v>86</v>
      </c>
      <c r="Q635">
        <v>81</v>
      </c>
      <c r="R635">
        <v>81</v>
      </c>
      <c r="S635">
        <v>82</v>
      </c>
      <c r="T635">
        <v>82</v>
      </c>
      <c r="U635">
        <v>82</v>
      </c>
      <c r="V635">
        <v>82</v>
      </c>
      <c r="W635">
        <v>82</v>
      </c>
      <c r="X635">
        <v>82</v>
      </c>
      <c r="Y635">
        <v>82</v>
      </c>
      <c r="Z635">
        <v>82</v>
      </c>
      <c r="AA635">
        <v>82</v>
      </c>
      <c r="AB635">
        <v>83</v>
      </c>
      <c r="AC635">
        <v>83</v>
      </c>
      <c r="AD635">
        <v>83</v>
      </c>
      <c r="AE635">
        <v>83</v>
      </c>
      <c r="AF635">
        <v>83</v>
      </c>
      <c r="AG635">
        <v>83</v>
      </c>
      <c r="AH635">
        <v>83</v>
      </c>
      <c r="AI635">
        <v>83</v>
      </c>
      <c r="AJ635">
        <v>83</v>
      </c>
      <c r="AK635">
        <v>83</v>
      </c>
      <c r="AL635">
        <v>83</v>
      </c>
      <c r="AM635">
        <v>83</v>
      </c>
      <c r="AN635">
        <v>83</v>
      </c>
      <c r="AO635">
        <v>83</v>
      </c>
      <c r="AP635">
        <v>83</v>
      </c>
      <c r="AQ635">
        <v>83</v>
      </c>
    </row>
    <row r="636" spans="1:43">
      <c r="A636" t="s">
        <v>489</v>
      </c>
      <c r="B636" t="s">
        <v>490</v>
      </c>
      <c r="C636" t="s">
        <v>487</v>
      </c>
      <c r="D636" t="s">
        <v>488</v>
      </c>
      <c r="E636" t="s">
        <v>353</v>
      </c>
      <c r="F636" t="s">
        <v>354</v>
      </c>
      <c r="G636" t="s">
        <v>80</v>
      </c>
      <c r="H636" t="s">
        <v>81</v>
      </c>
      <c r="I636" s="2">
        <v>1</v>
      </c>
      <c r="J636" s="2">
        <v>0</v>
      </c>
      <c r="K636" s="2">
        <v>0</v>
      </c>
      <c r="L636" t="s">
        <v>120</v>
      </c>
      <c r="M636" t="s">
        <v>89</v>
      </c>
      <c r="N636" t="s">
        <v>90</v>
      </c>
      <c r="O636" t="s">
        <v>85</v>
      </c>
      <c r="P636" t="s">
        <v>86</v>
      </c>
      <c r="Q636">
        <v>81</v>
      </c>
      <c r="R636">
        <v>82</v>
      </c>
      <c r="S636">
        <v>84</v>
      </c>
      <c r="T636">
        <v>85</v>
      </c>
      <c r="U636">
        <v>87</v>
      </c>
      <c r="V636">
        <v>88</v>
      </c>
      <c r="W636">
        <v>90</v>
      </c>
      <c r="X636">
        <v>91</v>
      </c>
      <c r="Y636">
        <v>92</v>
      </c>
      <c r="Z636">
        <v>93</v>
      </c>
      <c r="AA636">
        <v>94</v>
      </c>
      <c r="AB636">
        <v>95</v>
      </c>
      <c r="AC636">
        <v>96</v>
      </c>
      <c r="AD636">
        <v>97</v>
      </c>
      <c r="AE636">
        <v>98</v>
      </c>
      <c r="AF636">
        <v>98</v>
      </c>
      <c r="AG636">
        <v>97</v>
      </c>
      <c r="AH636">
        <v>97</v>
      </c>
      <c r="AI636">
        <v>97</v>
      </c>
      <c r="AJ636">
        <v>97</v>
      </c>
      <c r="AK636">
        <v>96</v>
      </c>
      <c r="AL636">
        <v>96</v>
      </c>
      <c r="AM636">
        <v>96</v>
      </c>
      <c r="AN636">
        <v>96</v>
      </c>
      <c r="AO636">
        <v>95</v>
      </c>
      <c r="AP636">
        <v>95</v>
      </c>
      <c r="AQ636">
        <v>95</v>
      </c>
    </row>
    <row r="637" spans="1:43">
      <c r="A637" t="s">
        <v>489</v>
      </c>
      <c r="B637" t="s">
        <v>490</v>
      </c>
      <c r="C637" t="s">
        <v>487</v>
      </c>
      <c r="D637" t="s">
        <v>488</v>
      </c>
      <c r="E637" t="s">
        <v>353</v>
      </c>
      <c r="F637" t="s">
        <v>354</v>
      </c>
      <c r="G637" t="s">
        <v>80</v>
      </c>
      <c r="H637" t="s">
        <v>81</v>
      </c>
      <c r="I637" s="2">
        <v>1</v>
      </c>
      <c r="J637" s="2">
        <v>0</v>
      </c>
      <c r="K637" s="2">
        <v>0</v>
      </c>
      <c r="L637" t="s">
        <v>120</v>
      </c>
      <c r="M637" t="s">
        <v>83</v>
      </c>
      <c r="N637" t="s">
        <v>91</v>
      </c>
      <c r="O637" t="s">
        <v>85</v>
      </c>
      <c r="P637" t="s">
        <v>86</v>
      </c>
      <c r="Q637">
        <v>81</v>
      </c>
      <c r="R637">
        <v>82</v>
      </c>
      <c r="S637">
        <v>83</v>
      </c>
      <c r="T637">
        <v>84</v>
      </c>
      <c r="U637">
        <v>85</v>
      </c>
      <c r="V637">
        <v>85</v>
      </c>
      <c r="W637">
        <v>86</v>
      </c>
      <c r="X637">
        <v>87</v>
      </c>
      <c r="Y637">
        <v>88</v>
      </c>
      <c r="Z637">
        <v>89</v>
      </c>
      <c r="AA637">
        <v>89</v>
      </c>
      <c r="AB637">
        <v>90</v>
      </c>
      <c r="AC637">
        <v>91</v>
      </c>
      <c r="AD637">
        <v>92</v>
      </c>
      <c r="AE637">
        <v>92</v>
      </c>
      <c r="AF637">
        <v>93</v>
      </c>
      <c r="AG637">
        <v>94</v>
      </c>
      <c r="AH637">
        <v>94</v>
      </c>
      <c r="AI637">
        <v>95</v>
      </c>
      <c r="AJ637">
        <v>96</v>
      </c>
      <c r="AK637">
        <v>96</v>
      </c>
      <c r="AL637">
        <v>96</v>
      </c>
      <c r="AM637">
        <v>96</v>
      </c>
      <c r="AN637">
        <v>96</v>
      </c>
      <c r="AO637">
        <v>96</v>
      </c>
      <c r="AP637">
        <v>95</v>
      </c>
      <c r="AQ637">
        <v>95</v>
      </c>
    </row>
    <row r="638" spans="1:43">
      <c r="A638" t="s">
        <v>491</v>
      </c>
      <c r="B638" t="s">
        <v>492</v>
      </c>
      <c r="C638" t="s">
        <v>475</v>
      </c>
      <c r="D638" t="s">
        <v>476</v>
      </c>
      <c r="E638" t="s">
        <v>353</v>
      </c>
      <c r="F638" t="s">
        <v>354</v>
      </c>
      <c r="G638" t="s">
        <v>80</v>
      </c>
      <c r="H638" t="s">
        <v>81</v>
      </c>
      <c r="I638" s="2">
        <v>1</v>
      </c>
      <c r="J638" s="2">
        <v>0</v>
      </c>
      <c r="K638" s="2">
        <v>0</v>
      </c>
      <c r="L638" t="s">
        <v>120</v>
      </c>
      <c r="M638" t="s">
        <v>83</v>
      </c>
      <c r="N638" t="s">
        <v>84</v>
      </c>
      <c r="O638" t="s">
        <v>85</v>
      </c>
      <c r="P638" t="s">
        <v>86</v>
      </c>
      <c r="Q638">
        <v>4</v>
      </c>
      <c r="R638">
        <v>4</v>
      </c>
      <c r="S638">
        <v>4</v>
      </c>
      <c r="T638">
        <v>4</v>
      </c>
      <c r="U638">
        <v>4</v>
      </c>
      <c r="V638">
        <v>4</v>
      </c>
      <c r="W638">
        <v>4</v>
      </c>
      <c r="X638">
        <v>4</v>
      </c>
      <c r="Y638">
        <v>4</v>
      </c>
      <c r="Z638">
        <v>4</v>
      </c>
      <c r="AA638">
        <v>5</v>
      </c>
      <c r="AB638">
        <v>5</v>
      </c>
      <c r="AC638">
        <v>5</v>
      </c>
      <c r="AD638">
        <v>5</v>
      </c>
      <c r="AE638">
        <v>5</v>
      </c>
      <c r="AF638">
        <v>5</v>
      </c>
      <c r="AG638">
        <v>5</v>
      </c>
      <c r="AH638">
        <v>5</v>
      </c>
      <c r="AI638">
        <v>5</v>
      </c>
      <c r="AJ638">
        <v>5</v>
      </c>
      <c r="AK638">
        <v>5</v>
      </c>
      <c r="AL638">
        <v>5</v>
      </c>
      <c r="AM638">
        <v>5</v>
      </c>
      <c r="AN638">
        <v>5</v>
      </c>
      <c r="AO638">
        <v>5</v>
      </c>
      <c r="AP638">
        <v>5</v>
      </c>
      <c r="AQ638">
        <v>5</v>
      </c>
    </row>
    <row r="639" spans="1:43">
      <c r="A639" t="s">
        <v>491</v>
      </c>
      <c r="B639" t="s">
        <v>492</v>
      </c>
      <c r="C639" t="s">
        <v>475</v>
      </c>
      <c r="D639" t="s">
        <v>476</v>
      </c>
      <c r="E639" t="s">
        <v>353</v>
      </c>
      <c r="F639" t="s">
        <v>354</v>
      </c>
      <c r="G639" t="s">
        <v>80</v>
      </c>
      <c r="H639" t="s">
        <v>81</v>
      </c>
      <c r="I639" s="2">
        <v>1</v>
      </c>
      <c r="J639" s="2">
        <v>0</v>
      </c>
      <c r="K639" s="2">
        <v>0</v>
      </c>
      <c r="L639" t="s">
        <v>120</v>
      </c>
      <c r="M639" t="s">
        <v>87</v>
      </c>
      <c r="N639" t="s">
        <v>88</v>
      </c>
      <c r="O639" t="s">
        <v>85</v>
      </c>
      <c r="P639" t="s">
        <v>86</v>
      </c>
      <c r="Q639">
        <v>4</v>
      </c>
      <c r="R639">
        <v>4</v>
      </c>
      <c r="S639">
        <v>4</v>
      </c>
      <c r="T639">
        <v>4</v>
      </c>
      <c r="U639">
        <v>4</v>
      </c>
      <c r="V639">
        <v>4</v>
      </c>
      <c r="W639">
        <v>4</v>
      </c>
      <c r="X639">
        <v>4</v>
      </c>
      <c r="Y639">
        <v>4</v>
      </c>
      <c r="Z639">
        <v>4</v>
      </c>
      <c r="AA639">
        <v>4</v>
      </c>
      <c r="AB639">
        <v>4</v>
      </c>
      <c r="AC639">
        <v>4</v>
      </c>
      <c r="AD639">
        <v>4</v>
      </c>
      <c r="AE639">
        <v>4</v>
      </c>
      <c r="AF639">
        <v>4</v>
      </c>
      <c r="AG639">
        <v>4</v>
      </c>
      <c r="AH639">
        <v>4</v>
      </c>
      <c r="AI639">
        <v>4</v>
      </c>
      <c r="AJ639">
        <v>4</v>
      </c>
      <c r="AK639">
        <v>4</v>
      </c>
      <c r="AL639">
        <v>4</v>
      </c>
      <c r="AM639">
        <v>4</v>
      </c>
      <c r="AN639">
        <v>4</v>
      </c>
      <c r="AO639">
        <v>4</v>
      </c>
      <c r="AP639">
        <v>4</v>
      </c>
      <c r="AQ639">
        <v>4</v>
      </c>
    </row>
    <row r="640" spans="1:43">
      <c r="A640" t="s">
        <v>491</v>
      </c>
      <c r="B640" t="s">
        <v>492</v>
      </c>
      <c r="C640" t="s">
        <v>475</v>
      </c>
      <c r="D640" t="s">
        <v>476</v>
      </c>
      <c r="E640" t="s">
        <v>353</v>
      </c>
      <c r="F640" t="s">
        <v>354</v>
      </c>
      <c r="G640" t="s">
        <v>80</v>
      </c>
      <c r="H640" t="s">
        <v>81</v>
      </c>
      <c r="I640" s="2">
        <v>1</v>
      </c>
      <c r="J640" s="2">
        <v>0</v>
      </c>
      <c r="K640" s="2">
        <v>0</v>
      </c>
      <c r="L640" t="s">
        <v>120</v>
      </c>
      <c r="M640" t="s">
        <v>89</v>
      </c>
      <c r="N640" t="s">
        <v>90</v>
      </c>
      <c r="O640" t="s">
        <v>85</v>
      </c>
      <c r="P640" t="s">
        <v>86</v>
      </c>
      <c r="Q640">
        <v>4</v>
      </c>
      <c r="R640">
        <v>4</v>
      </c>
      <c r="S640">
        <v>4</v>
      </c>
      <c r="T640">
        <v>4</v>
      </c>
      <c r="U640">
        <v>4</v>
      </c>
      <c r="V640">
        <v>5</v>
      </c>
      <c r="W640">
        <v>5</v>
      </c>
      <c r="X640">
        <v>5</v>
      </c>
      <c r="Y640">
        <v>5</v>
      </c>
      <c r="Z640">
        <v>5</v>
      </c>
      <c r="AA640">
        <v>5</v>
      </c>
      <c r="AB640">
        <v>5</v>
      </c>
      <c r="AC640">
        <v>5</v>
      </c>
      <c r="AD640">
        <v>5</v>
      </c>
      <c r="AE640">
        <v>5</v>
      </c>
      <c r="AF640">
        <v>5</v>
      </c>
      <c r="AG640">
        <v>5</v>
      </c>
      <c r="AH640">
        <v>5</v>
      </c>
      <c r="AI640">
        <v>5</v>
      </c>
      <c r="AJ640">
        <v>5</v>
      </c>
      <c r="AK640">
        <v>5</v>
      </c>
      <c r="AL640">
        <v>5</v>
      </c>
      <c r="AM640">
        <v>5</v>
      </c>
      <c r="AN640">
        <v>5</v>
      </c>
      <c r="AO640">
        <v>5</v>
      </c>
      <c r="AP640">
        <v>5</v>
      </c>
      <c r="AQ640">
        <v>5</v>
      </c>
    </row>
    <row r="641" spans="1:43">
      <c r="A641" t="s">
        <v>491</v>
      </c>
      <c r="B641" t="s">
        <v>492</v>
      </c>
      <c r="C641" t="s">
        <v>475</v>
      </c>
      <c r="D641" t="s">
        <v>476</v>
      </c>
      <c r="E641" t="s">
        <v>353</v>
      </c>
      <c r="F641" t="s">
        <v>354</v>
      </c>
      <c r="G641" t="s">
        <v>80</v>
      </c>
      <c r="H641" t="s">
        <v>81</v>
      </c>
      <c r="I641" s="2">
        <v>1</v>
      </c>
      <c r="J641" s="2">
        <v>0</v>
      </c>
      <c r="K641" s="2">
        <v>0</v>
      </c>
      <c r="L641" t="s">
        <v>120</v>
      </c>
      <c r="M641" t="s">
        <v>83</v>
      </c>
      <c r="N641" t="s">
        <v>91</v>
      </c>
      <c r="O641" t="s">
        <v>85</v>
      </c>
      <c r="P641" t="s">
        <v>86</v>
      </c>
      <c r="Q641">
        <v>4</v>
      </c>
      <c r="R641">
        <v>4</v>
      </c>
      <c r="S641">
        <v>4</v>
      </c>
      <c r="T641">
        <v>4</v>
      </c>
      <c r="U641">
        <v>4</v>
      </c>
      <c r="V641">
        <v>4</v>
      </c>
      <c r="W641">
        <v>4</v>
      </c>
      <c r="X641">
        <v>4</v>
      </c>
      <c r="Y641">
        <v>4</v>
      </c>
      <c r="Z641">
        <v>4</v>
      </c>
      <c r="AA641">
        <v>5</v>
      </c>
      <c r="AB641">
        <v>5</v>
      </c>
      <c r="AC641">
        <v>5</v>
      </c>
      <c r="AD641">
        <v>5</v>
      </c>
      <c r="AE641">
        <v>5</v>
      </c>
      <c r="AF641">
        <v>5</v>
      </c>
      <c r="AG641">
        <v>5</v>
      </c>
      <c r="AH641">
        <v>5</v>
      </c>
      <c r="AI641">
        <v>5</v>
      </c>
      <c r="AJ641">
        <v>5</v>
      </c>
      <c r="AK641">
        <v>5</v>
      </c>
      <c r="AL641">
        <v>5</v>
      </c>
      <c r="AM641">
        <v>5</v>
      </c>
      <c r="AN641">
        <v>5</v>
      </c>
      <c r="AO641">
        <v>5</v>
      </c>
      <c r="AP641">
        <v>5</v>
      </c>
      <c r="AQ641">
        <v>5</v>
      </c>
    </row>
    <row r="642" spans="1:43">
      <c r="A642" t="s">
        <v>493</v>
      </c>
      <c r="B642" t="s">
        <v>494</v>
      </c>
      <c r="C642" t="s">
        <v>487</v>
      </c>
      <c r="D642" t="s">
        <v>488</v>
      </c>
      <c r="E642" t="s">
        <v>353</v>
      </c>
      <c r="F642" t="s">
        <v>354</v>
      </c>
      <c r="G642" t="s">
        <v>80</v>
      </c>
      <c r="H642" t="s">
        <v>81</v>
      </c>
      <c r="I642" s="2">
        <v>1</v>
      </c>
      <c r="J642" s="2">
        <v>0</v>
      </c>
      <c r="K642" s="2">
        <v>0</v>
      </c>
      <c r="L642" t="s">
        <v>120</v>
      </c>
      <c r="M642" t="s">
        <v>83</v>
      </c>
      <c r="N642" t="s">
        <v>84</v>
      </c>
      <c r="O642" t="s">
        <v>85</v>
      </c>
      <c r="P642" t="s">
        <v>86</v>
      </c>
      <c r="Q642">
        <v>6</v>
      </c>
      <c r="R642">
        <v>6</v>
      </c>
      <c r="S642">
        <v>6</v>
      </c>
      <c r="T642">
        <v>6</v>
      </c>
      <c r="U642">
        <v>6</v>
      </c>
      <c r="V642">
        <v>6</v>
      </c>
      <c r="W642">
        <v>6</v>
      </c>
      <c r="X642">
        <v>6</v>
      </c>
      <c r="Y642">
        <v>6</v>
      </c>
      <c r="Z642">
        <v>6</v>
      </c>
      <c r="AA642">
        <v>6</v>
      </c>
      <c r="AB642">
        <v>6</v>
      </c>
      <c r="AC642">
        <v>6</v>
      </c>
      <c r="AD642">
        <v>6</v>
      </c>
      <c r="AE642">
        <v>6</v>
      </c>
      <c r="AF642">
        <v>7</v>
      </c>
      <c r="AG642">
        <v>7</v>
      </c>
      <c r="AH642">
        <v>7</v>
      </c>
      <c r="AI642">
        <v>7</v>
      </c>
      <c r="AJ642">
        <v>7</v>
      </c>
      <c r="AK642">
        <v>7</v>
      </c>
      <c r="AL642">
        <v>7</v>
      </c>
      <c r="AM642">
        <v>7</v>
      </c>
      <c r="AN642">
        <v>7</v>
      </c>
      <c r="AO642">
        <v>7</v>
      </c>
      <c r="AP642">
        <v>7</v>
      </c>
      <c r="AQ642">
        <v>7</v>
      </c>
    </row>
    <row r="643" spans="1:43">
      <c r="A643" t="s">
        <v>493</v>
      </c>
      <c r="B643" t="s">
        <v>494</v>
      </c>
      <c r="C643" t="s">
        <v>487</v>
      </c>
      <c r="D643" t="s">
        <v>488</v>
      </c>
      <c r="E643" t="s">
        <v>353</v>
      </c>
      <c r="F643" t="s">
        <v>354</v>
      </c>
      <c r="G643" t="s">
        <v>80</v>
      </c>
      <c r="H643" t="s">
        <v>81</v>
      </c>
      <c r="I643" s="2">
        <v>1</v>
      </c>
      <c r="J643" s="2">
        <v>0</v>
      </c>
      <c r="K643" s="2">
        <v>0</v>
      </c>
      <c r="L643" t="s">
        <v>120</v>
      </c>
      <c r="M643" t="s">
        <v>87</v>
      </c>
      <c r="N643" t="s">
        <v>88</v>
      </c>
      <c r="O643" t="s">
        <v>85</v>
      </c>
      <c r="P643" t="s">
        <v>86</v>
      </c>
      <c r="Q643">
        <v>6</v>
      </c>
      <c r="R643">
        <v>6</v>
      </c>
      <c r="S643">
        <v>6</v>
      </c>
      <c r="T643">
        <v>6</v>
      </c>
      <c r="U643">
        <v>6</v>
      </c>
      <c r="V643">
        <v>6</v>
      </c>
      <c r="W643">
        <v>6</v>
      </c>
      <c r="X643">
        <v>6</v>
      </c>
      <c r="Y643">
        <v>6</v>
      </c>
      <c r="Z643">
        <v>6</v>
      </c>
      <c r="AA643">
        <v>6</v>
      </c>
      <c r="AB643">
        <v>6</v>
      </c>
      <c r="AC643">
        <v>6</v>
      </c>
      <c r="AD643">
        <v>6</v>
      </c>
      <c r="AE643">
        <v>6</v>
      </c>
      <c r="AF643">
        <v>6</v>
      </c>
      <c r="AG643">
        <v>6</v>
      </c>
      <c r="AH643">
        <v>6</v>
      </c>
      <c r="AI643">
        <v>6</v>
      </c>
      <c r="AJ643">
        <v>6</v>
      </c>
      <c r="AK643">
        <v>6</v>
      </c>
      <c r="AL643">
        <v>6</v>
      </c>
      <c r="AM643">
        <v>6</v>
      </c>
      <c r="AN643">
        <v>6</v>
      </c>
      <c r="AO643">
        <v>6</v>
      </c>
      <c r="AP643">
        <v>6</v>
      </c>
      <c r="AQ643">
        <v>6</v>
      </c>
    </row>
    <row r="644" spans="1:43">
      <c r="A644" t="s">
        <v>493</v>
      </c>
      <c r="B644" t="s">
        <v>494</v>
      </c>
      <c r="C644" t="s">
        <v>487</v>
      </c>
      <c r="D644" t="s">
        <v>488</v>
      </c>
      <c r="E644" t="s">
        <v>353</v>
      </c>
      <c r="F644" t="s">
        <v>354</v>
      </c>
      <c r="G644" t="s">
        <v>80</v>
      </c>
      <c r="H644" t="s">
        <v>81</v>
      </c>
      <c r="I644" s="2">
        <v>1</v>
      </c>
      <c r="J644" s="2">
        <v>0</v>
      </c>
      <c r="K644" s="2">
        <v>0</v>
      </c>
      <c r="L644" t="s">
        <v>120</v>
      </c>
      <c r="M644" t="s">
        <v>89</v>
      </c>
      <c r="N644" t="s">
        <v>90</v>
      </c>
      <c r="O644" t="s">
        <v>85</v>
      </c>
      <c r="P644" t="s">
        <v>86</v>
      </c>
      <c r="Q644">
        <v>6</v>
      </c>
      <c r="R644">
        <v>6</v>
      </c>
      <c r="S644">
        <v>6</v>
      </c>
      <c r="T644">
        <v>6</v>
      </c>
      <c r="U644">
        <v>6</v>
      </c>
      <c r="V644">
        <v>6</v>
      </c>
      <c r="W644">
        <v>6</v>
      </c>
      <c r="X644">
        <v>6</v>
      </c>
      <c r="Y644">
        <v>7</v>
      </c>
      <c r="Z644">
        <v>7</v>
      </c>
      <c r="AA644">
        <v>7</v>
      </c>
      <c r="AB644">
        <v>7</v>
      </c>
      <c r="AC644">
        <v>7</v>
      </c>
      <c r="AD644">
        <v>7</v>
      </c>
      <c r="AE644">
        <v>7</v>
      </c>
      <c r="AF644">
        <v>7</v>
      </c>
      <c r="AG644">
        <v>7</v>
      </c>
      <c r="AH644">
        <v>7</v>
      </c>
      <c r="AI644">
        <v>7</v>
      </c>
      <c r="AJ644">
        <v>7</v>
      </c>
      <c r="AK644">
        <v>7</v>
      </c>
      <c r="AL644">
        <v>7</v>
      </c>
      <c r="AM644">
        <v>7</v>
      </c>
      <c r="AN644">
        <v>7</v>
      </c>
      <c r="AO644">
        <v>7</v>
      </c>
      <c r="AP644">
        <v>7</v>
      </c>
      <c r="AQ644">
        <v>7</v>
      </c>
    </row>
    <row r="645" spans="1:43">
      <c r="A645" t="s">
        <v>493</v>
      </c>
      <c r="B645" t="s">
        <v>494</v>
      </c>
      <c r="C645" t="s">
        <v>487</v>
      </c>
      <c r="D645" t="s">
        <v>488</v>
      </c>
      <c r="E645" t="s">
        <v>353</v>
      </c>
      <c r="F645" t="s">
        <v>354</v>
      </c>
      <c r="G645" t="s">
        <v>80</v>
      </c>
      <c r="H645" t="s">
        <v>81</v>
      </c>
      <c r="I645" s="2">
        <v>1</v>
      </c>
      <c r="J645" s="2">
        <v>0</v>
      </c>
      <c r="K645" s="2">
        <v>0</v>
      </c>
      <c r="L645" t="s">
        <v>120</v>
      </c>
      <c r="M645" t="s">
        <v>83</v>
      </c>
      <c r="N645" t="s">
        <v>91</v>
      </c>
      <c r="O645" t="s">
        <v>85</v>
      </c>
      <c r="P645" t="s">
        <v>86</v>
      </c>
      <c r="Q645">
        <v>6</v>
      </c>
      <c r="R645">
        <v>6</v>
      </c>
      <c r="S645">
        <v>6</v>
      </c>
      <c r="T645">
        <v>6</v>
      </c>
      <c r="U645">
        <v>6</v>
      </c>
      <c r="V645">
        <v>6</v>
      </c>
      <c r="W645">
        <v>6</v>
      </c>
      <c r="X645">
        <v>6</v>
      </c>
      <c r="Y645">
        <v>6</v>
      </c>
      <c r="Z645">
        <v>6</v>
      </c>
      <c r="AA645">
        <v>6</v>
      </c>
      <c r="AB645">
        <v>6</v>
      </c>
      <c r="AC645">
        <v>6</v>
      </c>
      <c r="AD645">
        <v>6</v>
      </c>
      <c r="AE645">
        <v>6</v>
      </c>
      <c r="AF645">
        <v>7</v>
      </c>
      <c r="AG645">
        <v>7</v>
      </c>
      <c r="AH645">
        <v>7</v>
      </c>
      <c r="AI645">
        <v>7</v>
      </c>
      <c r="AJ645">
        <v>7</v>
      </c>
      <c r="AK645">
        <v>7</v>
      </c>
      <c r="AL645">
        <v>7</v>
      </c>
      <c r="AM645">
        <v>7</v>
      </c>
      <c r="AN645">
        <v>7</v>
      </c>
      <c r="AO645">
        <v>7</v>
      </c>
      <c r="AP645">
        <v>7</v>
      </c>
      <c r="AQ645">
        <v>7</v>
      </c>
    </row>
    <row r="646" spans="1:43">
      <c r="A646" t="s">
        <v>495</v>
      </c>
      <c r="B646" t="s">
        <v>496</v>
      </c>
      <c r="C646" t="s">
        <v>487</v>
      </c>
      <c r="D646" t="s">
        <v>488</v>
      </c>
      <c r="E646" t="s">
        <v>353</v>
      </c>
      <c r="F646" t="s">
        <v>354</v>
      </c>
      <c r="G646" t="s">
        <v>80</v>
      </c>
      <c r="H646" t="s">
        <v>81</v>
      </c>
      <c r="I646" s="2">
        <v>1</v>
      </c>
      <c r="J646" s="2">
        <v>0</v>
      </c>
      <c r="K646" s="2">
        <v>0</v>
      </c>
      <c r="L646" t="s">
        <v>120</v>
      </c>
      <c r="M646" t="s">
        <v>83</v>
      </c>
      <c r="N646" t="s">
        <v>84</v>
      </c>
      <c r="O646" t="s">
        <v>85</v>
      </c>
      <c r="P646" t="s">
        <v>86</v>
      </c>
      <c r="Q646">
        <v>33</v>
      </c>
      <c r="R646">
        <v>34</v>
      </c>
      <c r="S646">
        <v>34</v>
      </c>
      <c r="T646">
        <v>34</v>
      </c>
      <c r="U646">
        <v>35</v>
      </c>
      <c r="V646">
        <v>35</v>
      </c>
      <c r="W646">
        <v>35</v>
      </c>
      <c r="X646">
        <v>36</v>
      </c>
      <c r="Y646">
        <v>36</v>
      </c>
      <c r="Z646">
        <v>36</v>
      </c>
      <c r="AA646">
        <v>37</v>
      </c>
      <c r="AB646">
        <v>37</v>
      </c>
      <c r="AC646">
        <v>37</v>
      </c>
      <c r="AD646">
        <v>38</v>
      </c>
      <c r="AE646">
        <v>38</v>
      </c>
      <c r="AF646">
        <v>38</v>
      </c>
      <c r="AG646">
        <v>39</v>
      </c>
      <c r="AH646">
        <v>39</v>
      </c>
      <c r="AI646">
        <v>39</v>
      </c>
      <c r="AJ646">
        <v>39</v>
      </c>
      <c r="AK646">
        <v>40</v>
      </c>
      <c r="AL646">
        <v>40</v>
      </c>
      <c r="AM646">
        <v>40</v>
      </c>
      <c r="AN646">
        <v>39</v>
      </c>
      <c r="AO646">
        <v>39</v>
      </c>
      <c r="AP646">
        <v>39</v>
      </c>
      <c r="AQ646">
        <v>39</v>
      </c>
    </row>
    <row r="647" spans="1:43">
      <c r="A647" t="s">
        <v>495</v>
      </c>
      <c r="B647" t="s">
        <v>496</v>
      </c>
      <c r="C647" t="s">
        <v>487</v>
      </c>
      <c r="D647" t="s">
        <v>488</v>
      </c>
      <c r="E647" t="s">
        <v>353</v>
      </c>
      <c r="F647" t="s">
        <v>354</v>
      </c>
      <c r="G647" t="s">
        <v>80</v>
      </c>
      <c r="H647" t="s">
        <v>81</v>
      </c>
      <c r="I647" s="2">
        <v>1</v>
      </c>
      <c r="J647" s="2">
        <v>0</v>
      </c>
      <c r="K647" s="2">
        <v>0</v>
      </c>
      <c r="L647" t="s">
        <v>120</v>
      </c>
      <c r="M647" t="s">
        <v>87</v>
      </c>
      <c r="N647" t="s">
        <v>88</v>
      </c>
      <c r="O647" t="s">
        <v>85</v>
      </c>
      <c r="P647" t="s">
        <v>86</v>
      </c>
      <c r="Q647">
        <v>33</v>
      </c>
      <c r="R647">
        <v>33</v>
      </c>
      <c r="S647">
        <v>33</v>
      </c>
      <c r="T647">
        <v>33</v>
      </c>
      <c r="U647">
        <v>33</v>
      </c>
      <c r="V647">
        <v>33</v>
      </c>
      <c r="W647">
        <v>33</v>
      </c>
      <c r="X647">
        <v>33</v>
      </c>
      <c r="Y647">
        <v>33</v>
      </c>
      <c r="Z647">
        <v>33</v>
      </c>
      <c r="AA647">
        <v>33</v>
      </c>
      <c r="AB647">
        <v>34</v>
      </c>
      <c r="AC647">
        <v>34</v>
      </c>
      <c r="AD647">
        <v>34</v>
      </c>
      <c r="AE647">
        <v>34</v>
      </c>
      <c r="AF647">
        <v>34</v>
      </c>
      <c r="AG647">
        <v>34</v>
      </c>
      <c r="AH647">
        <v>34</v>
      </c>
      <c r="AI647">
        <v>34</v>
      </c>
      <c r="AJ647">
        <v>34</v>
      </c>
      <c r="AK647">
        <v>34</v>
      </c>
      <c r="AL647">
        <v>34</v>
      </c>
      <c r="AM647">
        <v>34</v>
      </c>
      <c r="AN647">
        <v>34</v>
      </c>
      <c r="AO647">
        <v>34</v>
      </c>
      <c r="AP647">
        <v>34</v>
      </c>
      <c r="AQ647">
        <v>34</v>
      </c>
    </row>
    <row r="648" spans="1:43">
      <c r="A648" t="s">
        <v>495</v>
      </c>
      <c r="B648" t="s">
        <v>496</v>
      </c>
      <c r="C648" t="s">
        <v>487</v>
      </c>
      <c r="D648" t="s">
        <v>488</v>
      </c>
      <c r="E648" t="s">
        <v>353</v>
      </c>
      <c r="F648" t="s">
        <v>354</v>
      </c>
      <c r="G648" t="s">
        <v>80</v>
      </c>
      <c r="H648" t="s">
        <v>81</v>
      </c>
      <c r="I648" s="2">
        <v>1</v>
      </c>
      <c r="J648" s="2">
        <v>0</v>
      </c>
      <c r="K648" s="2">
        <v>0</v>
      </c>
      <c r="L648" t="s">
        <v>120</v>
      </c>
      <c r="M648" t="s">
        <v>89</v>
      </c>
      <c r="N648" t="s">
        <v>90</v>
      </c>
      <c r="O648" t="s">
        <v>85</v>
      </c>
      <c r="P648" t="s">
        <v>86</v>
      </c>
      <c r="Q648">
        <v>33</v>
      </c>
      <c r="R648">
        <v>33</v>
      </c>
      <c r="S648">
        <v>34</v>
      </c>
      <c r="T648">
        <v>34</v>
      </c>
      <c r="U648">
        <v>35</v>
      </c>
      <c r="V648">
        <v>36</v>
      </c>
      <c r="W648">
        <v>36</v>
      </c>
      <c r="X648">
        <v>37</v>
      </c>
      <c r="Y648">
        <v>37</v>
      </c>
      <c r="Z648">
        <v>38</v>
      </c>
      <c r="AA648">
        <v>38</v>
      </c>
      <c r="AB648">
        <v>39</v>
      </c>
      <c r="AC648">
        <v>39</v>
      </c>
      <c r="AD648">
        <v>39</v>
      </c>
      <c r="AE648">
        <v>40</v>
      </c>
      <c r="AF648">
        <v>40</v>
      </c>
      <c r="AG648">
        <v>39</v>
      </c>
      <c r="AH648">
        <v>39</v>
      </c>
      <c r="AI648">
        <v>39</v>
      </c>
      <c r="AJ648">
        <v>39</v>
      </c>
      <c r="AK648">
        <v>39</v>
      </c>
      <c r="AL648">
        <v>39</v>
      </c>
      <c r="AM648">
        <v>39</v>
      </c>
      <c r="AN648">
        <v>39</v>
      </c>
      <c r="AO648">
        <v>39</v>
      </c>
      <c r="AP648">
        <v>39</v>
      </c>
      <c r="AQ648">
        <v>39</v>
      </c>
    </row>
    <row r="649" spans="1:43">
      <c r="A649" t="s">
        <v>495</v>
      </c>
      <c r="B649" t="s">
        <v>496</v>
      </c>
      <c r="C649" t="s">
        <v>487</v>
      </c>
      <c r="D649" t="s">
        <v>488</v>
      </c>
      <c r="E649" t="s">
        <v>353</v>
      </c>
      <c r="F649" t="s">
        <v>354</v>
      </c>
      <c r="G649" t="s">
        <v>80</v>
      </c>
      <c r="H649" t="s">
        <v>81</v>
      </c>
      <c r="I649" s="2">
        <v>1</v>
      </c>
      <c r="J649" s="2">
        <v>0</v>
      </c>
      <c r="K649" s="2">
        <v>0</v>
      </c>
      <c r="L649" t="s">
        <v>120</v>
      </c>
      <c r="M649" t="s">
        <v>83</v>
      </c>
      <c r="N649" t="s">
        <v>91</v>
      </c>
      <c r="O649" t="s">
        <v>85</v>
      </c>
      <c r="P649" t="s">
        <v>86</v>
      </c>
      <c r="Q649">
        <v>33</v>
      </c>
      <c r="R649">
        <v>34</v>
      </c>
      <c r="S649">
        <v>34</v>
      </c>
      <c r="T649">
        <v>34</v>
      </c>
      <c r="U649">
        <v>35</v>
      </c>
      <c r="V649">
        <v>35</v>
      </c>
      <c r="W649">
        <v>35</v>
      </c>
      <c r="X649">
        <v>36</v>
      </c>
      <c r="Y649">
        <v>36</v>
      </c>
      <c r="Z649">
        <v>36</v>
      </c>
      <c r="AA649">
        <v>37</v>
      </c>
      <c r="AB649">
        <v>37</v>
      </c>
      <c r="AC649">
        <v>37</v>
      </c>
      <c r="AD649">
        <v>38</v>
      </c>
      <c r="AE649">
        <v>38</v>
      </c>
      <c r="AF649">
        <v>38</v>
      </c>
      <c r="AG649">
        <v>39</v>
      </c>
      <c r="AH649">
        <v>39</v>
      </c>
      <c r="AI649">
        <v>39</v>
      </c>
      <c r="AJ649">
        <v>39</v>
      </c>
      <c r="AK649">
        <v>40</v>
      </c>
      <c r="AL649">
        <v>40</v>
      </c>
      <c r="AM649">
        <v>40</v>
      </c>
      <c r="AN649">
        <v>39</v>
      </c>
      <c r="AO649">
        <v>39</v>
      </c>
      <c r="AP649">
        <v>39</v>
      </c>
      <c r="AQ649">
        <v>39</v>
      </c>
    </row>
    <row r="650" spans="1:43">
      <c r="A650" t="s">
        <v>497</v>
      </c>
      <c r="B650" t="s">
        <v>498</v>
      </c>
      <c r="C650" t="s">
        <v>487</v>
      </c>
      <c r="D650" t="s">
        <v>488</v>
      </c>
      <c r="E650" t="s">
        <v>353</v>
      </c>
      <c r="F650" t="s">
        <v>354</v>
      </c>
      <c r="G650" t="s">
        <v>80</v>
      </c>
      <c r="H650" t="s">
        <v>81</v>
      </c>
      <c r="I650" s="2">
        <v>1</v>
      </c>
      <c r="J650" s="2">
        <v>0</v>
      </c>
      <c r="K650" s="2">
        <v>0</v>
      </c>
      <c r="L650" t="s">
        <v>120</v>
      </c>
      <c r="M650" t="s">
        <v>83</v>
      </c>
      <c r="N650" t="s">
        <v>84</v>
      </c>
      <c r="O650" t="s">
        <v>85</v>
      </c>
      <c r="P650" t="s">
        <v>86</v>
      </c>
      <c r="Q650">
        <v>17</v>
      </c>
      <c r="R650">
        <v>17</v>
      </c>
      <c r="S650">
        <v>17</v>
      </c>
      <c r="T650">
        <v>17</v>
      </c>
      <c r="U650">
        <v>18</v>
      </c>
      <c r="V650">
        <v>18</v>
      </c>
      <c r="W650">
        <v>18</v>
      </c>
      <c r="X650">
        <v>18</v>
      </c>
      <c r="Y650">
        <v>18</v>
      </c>
      <c r="Z650">
        <v>18</v>
      </c>
      <c r="AA650">
        <v>19</v>
      </c>
      <c r="AB650">
        <v>19</v>
      </c>
      <c r="AC650">
        <v>19</v>
      </c>
      <c r="AD650">
        <v>19</v>
      </c>
      <c r="AE650">
        <v>19</v>
      </c>
      <c r="AF650">
        <v>19</v>
      </c>
      <c r="AG650">
        <v>19</v>
      </c>
      <c r="AH650">
        <v>20</v>
      </c>
      <c r="AI650">
        <v>20</v>
      </c>
      <c r="AJ650">
        <v>20</v>
      </c>
      <c r="AK650">
        <v>20</v>
      </c>
      <c r="AL650">
        <v>20</v>
      </c>
      <c r="AM650">
        <v>20</v>
      </c>
      <c r="AN650">
        <v>20</v>
      </c>
      <c r="AO650">
        <v>20</v>
      </c>
      <c r="AP650">
        <v>20</v>
      </c>
      <c r="AQ650">
        <v>20</v>
      </c>
    </row>
    <row r="651" spans="1:43">
      <c r="A651" t="s">
        <v>497</v>
      </c>
      <c r="B651" t="s">
        <v>498</v>
      </c>
      <c r="C651" t="s">
        <v>487</v>
      </c>
      <c r="D651" t="s">
        <v>488</v>
      </c>
      <c r="E651" t="s">
        <v>353</v>
      </c>
      <c r="F651" t="s">
        <v>354</v>
      </c>
      <c r="G651" t="s">
        <v>80</v>
      </c>
      <c r="H651" t="s">
        <v>81</v>
      </c>
      <c r="I651" s="2">
        <v>1</v>
      </c>
      <c r="J651" s="2">
        <v>0</v>
      </c>
      <c r="K651" s="2">
        <v>0</v>
      </c>
      <c r="L651" t="s">
        <v>120</v>
      </c>
      <c r="M651" t="s">
        <v>87</v>
      </c>
      <c r="N651" t="s">
        <v>88</v>
      </c>
      <c r="O651" t="s">
        <v>85</v>
      </c>
      <c r="P651" t="s">
        <v>86</v>
      </c>
      <c r="Q651">
        <v>17</v>
      </c>
      <c r="R651">
        <v>17</v>
      </c>
      <c r="S651">
        <v>17</v>
      </c>
      <c r="T651">
        <v>17</v>
      </c>
      <c r="U651">
        <v>17</v>
      </c>
      <c r="V651">
        <v>17</v>
      </c>
      <c r="W651">
        <v>17</v>
      </c>
      <c r="X651">
        <v>17</v>
      </c>
      <c r="Y651">
        <v>17</v>
      </c>
      <c r="Z651">
        <v>17</v>
      </c>
      <c r="AA651">
        <v>17</v>
      </c>
      <c r="AB651">
        <v>17</v>
      </c>
      <c r="AC651">
        <v>17</v>
      </c>
      <c r="AD651">
        <v>17</v>
      </c>
      <c r="AE651">
        <v>17</v>
      </c>
      <c r="AF651">
        <v>17</v>
      </c>
      <c r="AG651">
        <v>17</v>
      </c>
      <c r="AH651">
        <v>17</v>
      </c>
      <c r="AI651">
        <v>17</v>
      </c>
      <c r="AJ651">
        <v>17</v>
      </c>
      <c r="AK651">
        <v>17</v>
      </c>
      <c r="AL651">
        <v>17</v>
      </c>
      <c r="AM651">
        <v>17</v>
      </c>
      <c r="AN651">
        <v>17</v>
      </c>
      <c r="AO651">
        <v>17</v>
      </c>
      <c r="AP651">
        <v>17</v>
      </c>
      <c r="AQ651">
        <v>17</v>
      </c>
    </row>
    <row r="652" spans="1:43">
      <c r="A652" t="s">
        <v>497</v>
      </c>
      <c r="B652" t="s">
        <v>498</v>
      </c>
      <c r="C652" t="s">
        <v>487</v>
      </c>
      <c r="D652" t="s">
        <v>488</v>
      </c>
      <c r="E652" t="s">
        <v>353</v>
      </c>
      <c r="F652" t="s">
        <v>354</v>
      </c>
      <c r="G652" t="s">
        <v>80</v>
      </c>
      <c r="H652" t="s">
        <v>81</v>
      </c>
      <c r="I652" s="2">
        <v>1</v>
      </c>
      <c r="J652" s="2">
        <v>0</v>
      </c>
      <c r="K652" s="2">
        <v>0</v>
      </c>
      <c r="L652" t="s">
        <v>120</v>
      </c>
      <c r="M652" t="s">
        <v>89</v>
      </c>
      <c r="N652" t="s">
        <v>90</v>
      </c>
      <c r="O652" t="s">
        <v>85</v>
      </c>
      <c r="P652" t="s">
        <v>86</v>
      </c>
      <c r="Q652">
        <v>17</v>
      </c>
      <c r="R652">
        <v>17</v>
      </c>
      <c r="S652">
        <v>18</v>
      </c>
      <c r="T652">
        <v>18</v>
      </c>
      <c r="U652">
        <v>18</v>
      </c>
      <c r="V652">
        <v>19</v>
      </c>
      <c r="W652">
        <v>19</v>
      </c>
      <c r="X652">
        <v>19</v>
      </c>
      <c r="Y652">
        <v>19</v>
      </c>
      <c r="Z652">
        <v>20</v>
      </c>
      <c r="AA652">
        <v>20</v>
      </c>
      <c r="AB652">
        <v>20</v>
      </c>
      <c r="AC652">
        <v>20</v>
      </c>
      <c r="AD652">
        <v>20</v>
      </c>
      <c r="AE652">
        <v>21</v>
      </c>
      <c r="AF652">
        <v>21</v>
      </c>
      <c r="AG652">
        <v>20</v>
      </c>
      <c r="AH652">
        <v>20</v>
      </c>
      <c r="AI652">
        <v>20</v>
      </c>
      <c r="AJ652">
        <v>20</v>
      </c>
      <c r="AK652">
        <v>20</v>
      </c>
      <c r="AL652">
        <v>20</v>
      </c>
      <c r="AM652">
        <v>20</v>
      </c>
      <c r="AN652">
        <v>20</v>
      </c>
      <c r="AO652">
        <v>20</v>
      </c>
      <c r="AP652">
        <v>20</v>
      </c>
      <c r="AQ652">
        <v>20</v>
      </c>
    </row>
    <row r="653" spans="1:43">
      <c r="A653" t="s">
        <v>497</v>
      </c>
      <c r="B653" t="s">
        <v>498</v>
      </c>
      <c r="C653" t="s">
        <v>487</v>
      </c>
      <c r="D653" t="s">
        <v>488</v>
      </c>
      <c r="E653" t="s">
        <v>353</v>
      </c>
      <c r="F653" t="s">
        <v>354</v>
      </c>
      <c r="G653" t="s">
        <v>80</v>
      </c>
      <c r="H653" t="s">
        <v>81</v>
      </c>
      <c r="I653" s="2">
        <v>1</v>
      </c>
      <c r="J653" s="2">
        <v>0</v>
      </c>
      <c r="K653" s="2">
        <v>0</v>
      </c>
      <c r="L653" t="s">
        <v>120</v>
      </c>
      <c r="M653" t="s">
        <v>83</v>
      </c>
      <c r="N653" t="s">
        <v>91</v>
      </c>
      <c r="O653" t="s">
        <v>85</v>
      </c>
      <c r="P653" t="s">
        <v>86</v>
      </c>
      <c r="Q653">
        <v>17</v>
      </c>
      <c r="R653">
        <v>17</v>
      </c>
      <c r="S653">
        <v>17</v>
      </c>
      <c r="T653">
        <v>17</v>
      </c>
      <c r="U653">
        <v>18</v>
      </c>
      <c r="V653">
        <v>18</v>
      </c>
      <c r="W653">
        <v>18</v>
      </c>
      <c r="X653">
        <v>18</v>
      </c>
      <c r="Y653">
        <v>18</v>
      </c>
      <c r="Z653">
        <v>18</v>
      </c>
      <c r="AA653">
        <v>19</v>
      </c>
      <c r="AB653">
        <v>19</v>
      </c>
      <c r="AC653">
        <v>19</v>
      </c>
      <c r="AD653">
        <v>19</v>
      </c>
      <c r="AE653">
        <v>19</v>
      </c>
      <c r="AF653">
        <v>19</v>
      </c>
      <c r="AG653">
        <v>19</v>
      </c>
      <c r="AH653">
        <v>20</v>
      </c>
      <c r="AI653">
        <v>20</v>
      </c>
      <c r="AJ653">
        <v>20</v>
      </c>
      <c r="AK653">
        <v>20</v>
      </c>
      <c r="AL653">
        <v>20</v>
      </c>
      <c r="AM653">
        <v>20</v>
      </c>
      <c r="AN653">
        <v>20</v>
      </c>
      <c r="AO653">
        <v>20</v>
      </c>
      <c r="AP653">
        <v>20</v>
      </c>
      <c r="AQ653">
        <v>20</v>
      </c>
    </row>
    <row r="654" spans="1:43">
      <c r="A654" t="s">
        <v>499</v>
      </c>
      <c r="B654" t="s">
        <v>500</v>
      </c>
      <c r="C654" t="s">
        <v>501</v>
      </c>
      <c r="D654" t="s">
        <v>502</v>
      </c>
      <c r="E654" t="s">
        <v>353</v>
      </c>
      <c r="F654" t="s">
        <v>354</v>
      </c>
      <c r="G654" t="s">
        <v>80</v>
      </c>
      <c r="H654" t="s">
        <v>81</v>
      </c>
      <c r="I654" s="2">
        <v>1</v>
      </c>
      <c r="J654" s="2">
        <v>0</v>
      </c>
      <c r="K654" s="2">
        <v>0</v>
      </c>
      <c r="L654" t="s">
        <v>120</v>
      </c>
      <c r="M654" t="s">
        <v>83</v>
      </c>
      <c r="N654" t="s">
        <v>84</v>
      </c>
      <c r="O654" t="s">
        <v>85</v>
      </c>
      <c r="P654" t="s">
        <v>86</v>
      </c>
      <c r="Q654">
        <v>21</v>
      </c>
      <c r="R654">
        <v>21</v>
      </c>
      <c r="S654">
        <v>21</v>
      </c>
      <c r="T654">
        <v>22</v>
      </c>
      <c r="U654">
        <v>22</v>
      </c>
      <c r="V654">
        <v>22</v>
      </c>
      <c r="W654">
        <v>22</v>
      </c>
      <c r="X654">
        <v>22</v>
      </c>
      <c r="Y654">
        <v>23</v>
      </c>
      <c r="Z654">
        <v>23</v>
      </c>
      <c r="AA654">
        <v>23</v>
      </c>
      <c r="AB654">
        <v>23</v>
      </c>
      <c r="AC654">
        <v>23</v>
      </c>
      <c r="AD654">
        <v>24</v>
      </c>
      <c r="AE654">
        <v>24</v>
      </c>
      <c r="AF654">
        <v>24</v>
      </c>
      <c r="AG654">
        <v>24</v>
      </c>
      <c r="AH654">
        <v>24</v>
      </c>
      <c r="AI654">
        <v>24</v>
      </c>
      <c r="AJ654">
        <v>25</v>
      </c>
      <c r="AK654">
        <v>25</v>
      </c>
      <c r="AL654">
        <v>25</v>
      </c>
      <c r="AM654">
        <v>25</v>
      </c>
      <c r="AN654">
        <v>25</v>
      </c>
      <c r="AO654">
        <v>25</v>
      </c>
      <c r="AP654">
        <v>24</v>
      </c>
      <c r="AQ654">
        <v>24</v>
      </c>
    </row>
    <row r="655" spans="1:43">
      <c r="A655" t="s">
        <v>499</v>
      </c>
      <c r="B655" t="s">
        <v>500</v>
      </c>
      <c r="C655" t="s">
        <v>501</v>
      </c>
      <c r="D655" t="s">
        <v>502</v>
      </c>
      <c r="E655" t="s">
        <v>353</v>
      </c>
      <c r="F655" t="s">
        <v>354</v>
      </c>
      <c r="G655" t="s">
        <v>80</v>
      </c>
      <c r="H655" t="s">
        <v>81</v>
      </c>
      <c r="I655" s="2">
        <v>1</v>
      </c>
      <c r="J655" s="2">
        <v>0</v>
      </c>
      <c r="K655" s="2">
        <v>0</v>
      </c>
      <c r="L655" t="s">
        <v>120</v>
      </c>
      <c r="M655" t="s">
        <v>87</v>
      </c>
      <c r="N655" t="s">
        <v>88</v>
      </c>
      <c r="O655" t="s">
        <v>85</v>
      </c>
      <c r="P655" t="s">
        <v>86</v>
      </c>
      <c r="Q655">
        <v>21</v>
      </c>
      <c r="R655">
        <v>21</v>
      </c>
      <c r="S655">
        <v>21</v>
      </c>
      <c r="T655">
        <v>21</v>
      </c>
      <c r="U655">
        <v>21</v>
      </c>
      <c r="V655">
        <v>21</v>
      </c>
      <c r="W655">
        <v>21</v>
      </c>
      <c r="X655">
        <v>21</v>
      </c>
      <c r="Y655">
        <v>21</v>
      </c>
      <c r="Z655">
        <v>21</v>
      </c>
      <c r="AA655">
        <v>21</v>
      </c>
      <c r="AB655">
        <v>21</v>
      </c>
      <c r="AC655">
        <v>21</v>
      </c>
      <c r="AD655">
        <v>21</v>
      </c>
      <c r="AE655">
        <v>21</v>
      </c>
      <c r="AF655">
        <v>21</v>
      </c>
      <c r="AG655">
        <v>21</v>
      </c>
      <c r="AH655">
        <v>21</v>
      </c>
      <c r="AI655">
        <v>21</v>
      </c>
      <c r="AJ655">
        <v>21</v>
      </c>
      <c r="AK655">
        <v>21</v>
      </c>
      <c r="AL655">
        <v>21</v>
      </c>
      <c r="AM655">
        <v>21</v>
      </c>
      <c r="AN655">
        <v>21</v>
      </c>
      <c r="AO655">
        <v>21</v>
      </c>
      <c r="AP655">
        <v>21</v>
      </c>
      <c r="AQ655">
        <v>21</v>
      </c>
    </row>
    <row r="656" spans="1:43">
      <c r="A656" t="s">
        <v>499</v>
      </c>
      <c r="B656" t="s">
        <v>500</v>
      </c>
      <c r="C656" t="s">
        <v>501</v>
      </c>
      <c r="D656" t="s">
        <v>502</v>
      </c>
      <c r="E656" t="s">
        <v>353</v>
      </c>
      <c r="F656" t="s">
        <v>354</v>
      </c>
      <c r="G656" t="s">
        <v>80</v>
      </c>
      <c r="H656" t="s">
        <v>81</v>
      </c>
      <c r="I656" s="2">
        <v>1</v>
      </c>
      <c r="J656" s="2">
        <v>0</v>
      </c>
      <c r="K656" s="2">
        <v>0</v>
      </c>
      <c r="L656" t="s">
        <v>120</v>
      </c>
      <c r="M656" t="s">
        <v>89</v>
      </c>
      <c r="N656" t="s">
        <v>90</v>
      </c>
      <c r="O656" t="s">
        <v>85</v>
      </c>
      <c r="P656" t="s">
        <v>86</v>
      </c>
      <c r="Q656">
        <v>21</v>
      </c>
      <c r="R656">
        <v>21</v>
      </c>
      <c r="S656">
        <v>22</v>
      </c>
      <c r="T656">
        <v>22</v>
      </c>
      <c r="U656">
        <v>23</v>
      </c>
      <c r="V656">
        <v>23</v>
      </c>
      <c r="W656">
        <v>23</v>
      </c>
      <c r="X656">
        <v>24</v>
      </c>
      <c r="Y656">
        <v>24</v>
      </c>
      <c r="Z656">
        <v>24</v>
      </c>
      <c r="AA656">
        <v>24</v>
      </c>
      <c r="AB656">
        <v>25</v>
      </c>
      <c r="AC656">
        <v>25</v>
      </c>
      <c r="AD656">
        <v>25</v>
      </c>
      <c r="AE656">
        <v>25</v>
      </c>
      <c r="AF656">
        <v>25</v>
      </c>
      <c r="AG656">
        <v>25</v>
      </c>
      <c r="AH656">
        <v>25</v>
      </c>
      <c r="AI656">
        <v>25</v>
      </c>
      <c r="AJ656">
        <v>25</v>
      </c>
      <c r="AK656">
        <v>25</v>
      </c>
      <c r="AL656">
        <v>25</v>
      </c>
      <c r="AM656">
        <v>25</v>
      </c>
      <c r="AN656">
        <v>25</v>
      </c>
      <c r="AO656">
        <v>25</v>
      </c>
      <c r="AP656">
        <v>25</v>
      </c>
      <c r="AQ656">
        <v>25</v>
      </c>
    </row>
    <row r="657" spans="1:43">
      <c r="A657" t="s">
        <v>499</v>
      </c>
      <c r="B657" t="s">
        <v>500</v>
      </c>
      <c r="C657" t="s">
        <v>501</v>
      </c>
      <c r="D657" t="s">
        <v>502</v>
      </c>
      <c r="E657" t="s">
        <v>353</v>
      </c>
      <c r="F657" t="s">
        <v>354</v>
      </c>
      <c r="G657" t="s">
        <v>80</v>
      </c>
      <c r="H657" t="s">
        <v>81</v>
      </c>
      <c r="I657" s="2">
        <v>1</v>
      </c>
      <c r="J657" s="2">
        <v>0</v>
      </c>
      <c r="K657" s="2">
        <v>0</v>
      </c>
      <c r="L657" t="s">
        <v>120</v>
      </c>
      <c r="M657" t="s">
        <v>83</v>
      </c>
      <c r="N657" t="s">
        <v>91</v>
      </c>
      <c r="O657" t="s">
        <v>85</v>
      </c>
      <c r="P657" t="s">
        <v>86</v>
      </c>
      <c r="Q657">
        <v>21</v>
      </c>
      <c r="R657">
        <v>21</v>
      </c>
      <c r="S657">
        <v>21</v>
      </c>
      <c r="T657">
        <v>22</v>
      </c>
      <c r="U657">
        <v>22</v>
      </c>
      <c r="V657">
        <v>22</v>
      </c>
      <c r="W657">
        <v>22</v>
      </c>
      <c r="X657">
        <v>22</v>
      </c>
      <c r="Y657">
        <v>23</v>
      </c>
      <c r="Z657">
        <v>23</v>
      </c>
      <c r="AA657">
        <v>23</v>
      </c>
      <c r="AB657">
        <v>23</v>
      </c>
      <c r="AC657">
        <v>23</v>
      </c>
      <c r="AD657">
        <v>24</v>
      </c>
      <c r="AE657">
        <v>24</v>
      </c>
      <c r="AF657">
        <v>24</v>
      </c>
      <c r="AG657">
        <v>24</v>
      </c>
      <c r="AH657">
        <v>24</v>
      </c>
      <c r="AI657">
        <v>24</v>
      </c>
      <c r="AJ657">
        <v>25</v>
      </c>
      <c r="AK657">
        <v>25</v>
      </c>
      <c r="AL657">
        <v>25</v>
      </c>
      <c r="AM657">
        <v>25</v>
      </c>
      <c r="AN657">
        <v>25</v>
      </c>
      <c r="AO657">
        <v>25</v>
      </c>
      <c r="AP657">
        <v>24</v>
      </c>
      <c r="AQ657">
        <v>24</v>
      </c>
    </row>
    <row r="658" spans="1:43">
      <c r="A658" t="s">
        <v>503</v>
      </c>
      <c r="B658" t="s">
        <v>504</v>
      </c>
      <c r="C658" t="s">
        <v>505</v>
      </c>
      <c r="D658" t="s">
        <v>506</v>
      </c>
      <c r="E658" t="s">
        <v>353</v>
      </c>
      <c r="F658" t="s">
        <v>354</v>
      </c>
      <c r="G658" t="s">
        <v>80</v>
      </c>
      <c r="H658" t="s">
        <v>81</v>
      </c>
      <c r="I658" s="2">
        <v>1</v>
      </c>
      <c r="J658" s="2">
        <v>0</v>
      </c>
      <c r="K658" s="2">
        <v>0</v>
      </c>
      <c r="L658" t="s">
        <v>120</v>
      </c>
      <c r="M658" t="s">
        <v>83</v>
      </c>
      <c r="N658" t="s">
        <v>84</v>
      </c>
      <c r="O658" t="s">
        <v>85</v>
      </c>
      <c r="P658" t="s">
        <v>86</v>
      </c>
      <c r="Q658">
        <v>27</v>
      </c>
      <c r="R658">
        <v>28</v>
      </c>
      <c r="S658">
        <v>28</v>
      </c>
      <c r="T658">
        <v>28</v>
      </c>
      <c r="U658">
        <v>28</v>
      </c>
      <c r="V658">
        <v>29</v>
      </c>
      <c r="W658">
        <v>29</v>
      </c>
      <c r="X658">
        <v>29</v>
      </c>
      <c r="Y658">
        <v>30</v>
      </c>
      <c r="Z658">
        <v>30</v>
      </c>
      <c r="AA658">
        <v>30</v>
      </c>
      <c r="AB658">
        <v>30</v>
      </c>
      <c r="AC658">
        <v>31</v>
      </c>
      <c r="AD658">
        <v>31</v>
      </c>
      <c r="AE658">
        <v>31</v>
      </c>
      <c r="AF658">
        <v>31</v>
      </c>
      <c r="AG658">
        <v>32</v>
      </c>
      <c r="AH658">
        <v>32</v>
      </c>
      <c r="AI658">
        <v>32</v>
      </c>
      <c r="AJ658">
        <v>32</v>
      </c>
      <c r="AK658">
        <v>32</v>
      </c>
      <c r="AL658">
        <v>32</v>
      </c>
      <c r="AM658">
        <v>32</v>
      </c>
      <c r="AN658">
        <v>32</v>
      </c>
      <c r="AO658">
        <v>32</v>
      </c>
      <c r="AP658">
        <v>32</v>
      </c>
      <c r="AQ658">
        <v>32</v>
      </c>
    </row>
    <row r="659" spans="1:43">
      <c r="A659" t="s">
        <v>503</v>
      </c>
      <c r="B659" t="s">
        <v>504</v>
      </c>
      <c r="C659" t="s">
        <v>505</v>
      </c>
      <c r="D659" t="s">
        <v>506</v>
      </c>
      <c r="E659" t="s">
        <v>353</v>
      </c>
      <c r="F659" t="s">
        <v>354</v>
      </c>
      <c r="G659" t="s">
        <v>80</v>
      </c>
      <c r="H659" t="s">
        <v>81</v>
      </c>
      <c r="I659" s="2">
        <v>1</v>
      </c>
      <c r="J659" s="2">
        <v>0</v>
      </c>
      <c r="K659" s="2">
        <v>0</v>
      </c>
      <c r="L659" t="s">
        <v>120</v>
      </c>
      <c r="M659" t="s">
        <v>87</v>
      </c>
      <c r="N659" t="s">
        <v>88</v>
      </c>
      <c r="O659" t="s">
        <v>85</v>
      </c>
      <c r="P659" t="s">
        <v>86</v>
      </c>
      <c r="Q659">
        <v>27</v>
      </c>
      <c r="R659">
        <v>27</v>
      </c>
      <c r="S659">
        <v>27</v>
      </c>
      <c r="T659">
        <v>27</v>
      </c>
      <c r="U659">
        <v>27</v>
      </c>
      <c r="V659">
        <v>27</v>
      </c>
      <c r="W659">
        <v>27</v>
      </c>
      <c r="X659">
        <v>27</v>
      </c>
      <c r="Y659">
        <v>27</v>
      </c>
      <c r="Z659">
        <v>27</v>
      </c>
      <c r="AA659">
        <v>27</v>
      </c>
      <c r="AB659">
        <v>28</v>
      </c>
      <c r="AC659">
        <v>28</v>
      </c>
      <c r="AD659">
        <v>28</v>
      </c>
      <c r="AE659">
        <v>28</v>
      </c>
      <c r="AF659">
        <v>28</v>
      </c>
      <c r="AG659">
        <v>28</v>
      </c>
      <c r="AH659">
        <v>28</v>
      </c>
      <c r="AI659">
        <v>28</v>
      </c>
      <c r="AJ659">
        <v>28</v>
      </c>
      <c r="AK659">
        <v>28</v>
      </c>
      <c r="AL659">
        <v>28</v>
      </c>
      <c r="AM659">
        <v>28</v>
      </c>
      <c r="AN659">
        <v>28</v>
      </c>
      <c r="AO659">
        <v>28</v>
      </c>
      <c r="AP659">
        <v>28</v>
      </c>
      <c r="AQ659">
        <v>28</v>
      </c>
    </row>
    <row r="660" spans="1:43">
      <c r="A660" t="s">
        <v>503</v>
      </c>
      <c r="B660" t="s">
        <v>504</v>
      </c>
      <c r="C660" t="s">
        <v>505</v>
      </c>
      <c r="D660" t="s">
        <v>506</v>
      </c>
      <c r="E660" t="s">
        <v>353</v>
      </c>
      <c r="F660" t="s">
        <v>354</v>
      </c>
      <c r="G660" t="s">
        <v>80</v>
      </c>
      <c r="H660" t="s">
        <v>81</v>
      </c>
      <c r="I660" s="2">
        <v>1</v>
      </c>
      <c r="J660" s="2">
        <v>0</v>
      </c>
      <c r="K660" s="2">
        <v>0</v>
      </c>
      <c r="L660" t="s">
        <v>120</v>
      </c>
      <c r="M660" t="s">
        <v>89</v>
      </c>
      <c r="N660" t="s">
        <v>90</v>
      </c>
      <c r="O660" t="s">
        <v>85</v>
      </c>
      <c r="P660" t="s">
        <v>86</v>
      </c>
      <c r="Q660">
        <v>27</v>
      </c>
      <c r="R660">
        <v>28</v>
      </c>
      <c r="S660">
        <v>29</v>
      </c>
      <c r="T660">
        <v>29</v>
      </c>
      <c r="U660">
        <v>30</v>
      </c>
      <c r="V660">
        <v>30</v>
      </c>
      <c r="W660">
        <v>30</v>
      </c>
      <c r="X660">
        <v>31</v>
      </c>
      <c r="Y660">
        <v>31</v>
      </c>
      <c r="Z660">
        <v>32</v>
      </c>
      <c r="AA660">
        <v>32</v>
      </c>
      <c r="AB660">
        <v>32</v>
      </c>
      <c r="AC660">
        <v>33</v>
      </c>
      <c r="AD660">
        <v>33</v>
      </c>
      <c r="AE660">
        <v>33</v>
      </c>
      <c r="AF660">
        <v>33</v>
      </c>
      <c r="AG660">
        <v>33</v>
      </c>
      <c r="AH660">
        <v>33</v>
      </c>
      <c r="AI660">
        <v>33</v>
      </c>
      <c r="AJ660">
        <v>33</v>
      </c>
      <c r="AK660">
        <v>33</v>
      </c>
      <c r="AL660">
        <v>33</v>
      </c>
      <c r="AM660">
        <v>33</v>
      </c>
      <c r="AN660">
        <v>33</v>
      </c>
      <c r="AO660">
        <v>33</v>
      </c>
      <c r="AP660">
        <v>32</v>
      </c>
      <c r="AQ660">
        <v>32</v>
      </c>
    </row>
    <row r="661" spans="1:43">
      <c r="A661" t="s">
        <v>503</v>
      </c>
      <c r="B661" t="s">
        <v>504</v>
      </c>
      <c r="C661" t="s">
        <v>505</v>
      </c>
      <c r="D661" t="s">
        <v>506</v>
      </c>
      <c r="E661" t="s">
        <v>353</v>
      </c>
      <c r="F661" t="s">
        <v>354</v>
      </c>
      <c r="G661" t="s">
        <v>80</v>
      </c>
      <c r="H661" t="s">
        <v>81</v>
      </c>
      <c r="I661" s="2">
        <v>1</v>
      </c>
      <c r="J661" s="2">
        <v>0</v>
      </c>
      <c r="K661" s="2">
        <v>0</v>
      </c>
      <c r="L661" t="s">
        <v>120</v>
      </c>
      <c r="M661" t="s">
        <v>83</v>
      </c>
      <c r="N661" t="s">
        <v>91</v>
      </c>
      <c r="O661" t="s">
        <v>85</v>
      </c>
      <c r="P661" t="s">
        <v>86</v>
      </c>
      <c r="Q661">
        <v>27</v>
      </c>
      <c r="R661">
        <v>28</v>
      </c>
      <c r="S661">
        <v>28</v>
      </c>
      <c r="T661">
        <v>28</v>
      </c>
      <c r="U661">
        <v>28</v>
      </c>
      <c r="V661">
        <v>29</v>
      </c>
      <c r="W661">
        <v>29</v>
      </c>
      <c r="X661">
        <v>29</v>
      </c>
      <c r="Y661">
        <v>30</v>
      </c>
      <c r="Z661">
        <v>30</v>
      </c>
      <c r="AA661">
        <v>30</v>
      </c>
      <c r="AB661">
        <v>30</v>
      </c>
      <c r="AC661">
        <v>31</v>
      </c>
      <c r="AD661">
        <v>31</v>
      </c>
      <c r="AE661">
        <v>31</v>
      </c>
      <c r="AF661">
        <v>31</v>
      </c>
      <c r="AG661">
        <v>32</v>
      </c>
      <c r="AH661">
        <v>32</v>
      </c>
      <c r="AI661">
        <v>32</v>
      </c>
      <c r="AJ661">
        <v>32</v>
      </c>
      <c r="AK661">
        <v>32</v>
      </c>
      <c r="AL661">
        <v>32</v>
      </c>
      <c r="AM661">
        <v>32</v>
      </c>
      <c r="AN661">
        <v>32</v>
      </c>
      <c r="AO661">
        <v>32</v>
      </c>
      <c r="AP661">
        <v>32</v>
      </c>
      <c r="AQ661">
        <v>32</v>
      </c>
    </row>
    <row r="662" spans="1:43">
      <c r="A662" t="s">
        <v>507</v>
      </c>
      <c r="B662" t="s">
        <v>508</v>
      </c>
      <c r="C662" t="s">
        <v>501</v>
      </c>
      <c r="D662" t="s">
        <v>502</v>
      </c>
      <c r="E662" t="s">
        <v>353</v>
      </c>
      <c r="F662" t="s">
        <v>354</v>
      </c>
      <c r="G662" t="s">
        <v>80</v>
      </c>
      <c r="H662" t="s">
        <v>81</v>
      </c>
      <c r="I662" s="2">
        <v>1</v>
      </c>
      <c r="J662" s="2">
        <v>0</v>
      </c>
      <c r="K662" s="2">
        <v>0</v>
      </c>
      <c r="L662" t="s">
        <v>120</v>
      </c>
      <c r="M662" t="s">
        <v>83</v>
      </c>
      <c r="N662" t="s">
        <v>84</v>
      </c>
      <c r="O662" t="s">
        <v>85</v>
      </c>
      <c r="P662" t="s">
        <v>86</v>
      </c>
      <c r="Q662">
        <v>51</v>
      </c>
      <c r="R662">
        <v>52</v>
      </c>
      <c r="S662">
        <v>52</v>
      </c>
      <c r="T662">
        <v>53</v>
      </c>
      <c r="U662">
        <v>53</v>
      </c>
      <c r="V662">
        <v>54</v>
      </c>
      <c r="W662">
        <v>54</v>
      </c>
      <c r="X662">
        <v>55</v>
      </c>
      <c r="Y662">
        <v>55</v>
      </c>
      <c r="Z662">
        <v>56</v>
      </c>
      <c r="AA662">
        <v>56</v>
      </c>
      <c r="AB662">
        <v>57</v>
      </c>
      <c r="AC662">
        <v>57</v>
      </c>
      <c r="AD662">
        <v>58</v>
      </c>
      <c r="AE662">
        <v>58</v>
      </c>
      <c r="AF662">
        <v>59</v>
      </c>
      <c r="AG662">
        <v>59</v>
      </c>
      <c r="AH662">
        <v>59</v>
      </c>
      <c r="AI662">
        <v>60</v>
      </c>
      <c r="AJ662">
        <v>60</v>
      </c>
      <c r="AK662">
        <v>61</v>
      </c>
      <c r="AL662">
        <v>61</v>
      </c>
      <c r="AM662">
        <v>61</v>
      </c>
      <c r="AN662">
        <v>60</v>
      </c>
      <c r="AO662">
        <v>60</v>
      </c>
      <c r="AP662">
        <v>60</v>
      </c>
      <c r="AQ662">
        <v>60</v>
      </c>
    </row>
    <row r="663" spans="1:43">
      <c r="A663" t="s">
        <v>507</v>
      </c>
      <c r="B663" t="s">
        <v>508</v>
      </c>
      <c r="C663" t="s">
        <v>501</v>
      </c>
      <c r="D663" t="s">
        <v>502</v>
      </c>
      <c r="E663" t="s">
        <v>353</v>
      </c>
      <c r="F663" t="s">
        <v>354</v>
      </c>
      <c r="G663" t="s">
        <v>80</v>
      </c>
      <c r="H663" t="s">
        <v>81</v>
      </c>
      <c r="I663" s="2">
        <v>1</v>
      </c>
      <c r="J663" s="2">
        <v>0</v>
      </c>
      <c r="K663" s="2">
        <v>0</v>
      </c>
      <c r="L663" t="s">
        <v>120</v>
      </c>
      <c r="M663" t="s">
        <v>87</v>
      </c>
      <c r="N663" t="s">
        <v>88</v>
      </c>
      <c r="O663" t="s">
        <v>85</v>
      </c>
      <c r="P663" t="s">
        <v>86</v>
      </c>
      <c r="Q663">
        <v>51</v>
      </c>
      <c r="R663">
        <v>52</v>
      </c>
      <c r="S663">
        <v>52</v>
      </c>
      <c r="T663">
        <v>52</v>
      </c>
      <c r="U663">
        <v>52</v>
      </c>
      <c r="V663">
        <v>52</v>
      </c>
      <c r="W663">
        <v>52</v>
      </c>
      <c r="X663">
        <v>52</v>
      </c>
      <c r="Y663">
        <v>52</v>
      </c>
      <c r="Z663">
        <v>52</v>
      </c>
      <c r="AA663">
        <v>52</v>
      </c>
      <c r="AB663">
        <v>52</v>
      </c>
      <c r="AC663">
        <v>53</v>
      </c>
      <c r="AD663">
        <v>53</v>
      </c>
      <c r="AE663">
        <v>53</v>
      </c>
      <c r="AF663">
        <v>53</v>
      </c>
      <c r="AG663">
        <v>53</v>
      </c>
      <c r="AH663">
        <v>53</v>
      </c>
      <c r="AI663">
        <v>53</v>
      </c>
      <c r="AJ663">
        <v>53</v>
      </c>
      <c r="AK663">
        <v>53</v>
      </c>
      <c r="AL663">
        <v>53</v>
      </c>
      <c r="AM663">
        <v>53</v>
      </c>
      <c r="AN663">
        <v>53</v>
      </c>
      <c r="AO663">
        <v>53</v>
      </c>
      <c r="AP663">
        <v>53</v>
      </c>
      <c r="AQ663">
        <v>53</v>
      </c>
    </row>
    <row r="664" spans="1:43">
      <c r="A664" t="s">
        <v>507</v>
      </c>
      <c r="B664" t="s">
        <v>508</v>
      </c>
      <c r="C664" t="s">
        <v>501</v>
      </c>
      <c r="D664" t="s">
        <v>502</v>
      </c>
      <c r="E664" t="s">
        <v>353</v>
      </c>
      <c r="F664" t="s">
        <v>354</v>
      </c>
      <c r="G664" t="s">
        <v>80</v>
      </c>
      <c r="H664" t="s">
        <v>81</v>
      </c>
      <c r="I664" s="2">
        <v>1</v>
      </c>
      <c r="J664" s="2">
        <v>0</v>
      </c>
      <c r="K664" s="2">
        <v>0</v>
      </c>
      <c r="L664" t="s">
        <v>120</v>
      </c>
      <c r="M664" t="s">
        <v>89</v>
      </c>
      <c r="N664" t="s">
        <v>90</v>
      </c>
      <c r="O664" t="s">
        <v>85</v>
      </c>
      <c r="P664" t="s">
        <v>86</v>
      </c>
      <c r="Q664">
        <v>51</v>
      </c>
      <c r="R664">
        <v>52</v>
      </c>
      <c r="S664">
        <v>53</v>
      </c>
      <c r="T664">
        <v>54</v>
      </c>
      <c r="U664">
        <v>55</v>
      </c>
      <c r="V664">
        <v>56</v>
      </c>
      <c r="W664">
        <v>57</v>
      </c>
      <c r="X664">
        <v>58</v>
      </c>
      <c r="Y664">
        <v>59</v>
      </c>
      <c r="Z664">
        <v>59</v>
      </c>
      <c r="AA664">
        <v>60</v>
      </c>
      <c r="AB664">
        <v>61</v>
      </c>
      <c r="AC664">
        <v>61</v>
      </c>
      <c r="AD664">
        <v>62</v>
      </c>
      <c r="AE664">
        <v>62</v>
      </c>
      <c r="AF664">
        <v>62</v>
      </c>
      <c r="AG664">
        <v>62</v>
      </c>
      <c r="AH664">
        <v>62</v>
      </c>
      <c r="AI664">
        <v>62</v>
      </c>
      <c r="AJ664">
        <v>62</v>
      </c>
      <c r="AK664">
        <v>61</v>
      </c>
      <c r="AL664">
        <v>61</v>
      </c>
      <c r="AM664">
        <v>61</v>
      </c>
      <c r="AN664">
        <v>61</v>
      </c>
      <c r="AO664">
        <v>61</v>
      </c>
      <c r="AP664">
        <v>61</v>
      </c>
      <c r="AQ664">
        <v>61</v>
      </c>
    </row>
    <row r="665" spans="1:43">
      <c r="A665" t="s">
        <v>507</v>
      </c>
      <c r="B665" t="s">
        <v>508</v>
      </c>
      <c r="C665" t="s">
        <v>501</v>
      </c>
      <c r="D665" t="s">
        <v>502</v>
      </c>
      <c r="E665" t="s">
        <v>353</v>
      </c>
      <c r="F665" t="s">
        <v>354</v>
      </c>
      <c r="G665" t="s">
        <v>80</v>
      </c>
      <c r="H665" t="s">
        <v>81</v>
      </c>
      <c r="I665" s="2">
        <v>1</v>
      </c>
      <c r="J665" s="2">
        <v>0</v>
      </c>
      <c r="K665" s="2">
        <v>0</v>
      </c>
      <c r="L665" t="s">
        <v>120</v>
      </c>
      <c r="M665" t="s">
        <v>83</v>
      </c>
      <c r="N665" t="s">
        <v>91</v>
      </c>
      <c r="O665" t="s">
        <v>85</v>
      </c>
      <c r="P665" t="s">
        <v>86</v>
      </c>
      <c r="Q665">
        <v>51</v>
      </c>
      <c r="R665">
        <v>52</v>
      </c>
      <c r="S665">
        <v>52</v>
      </c>
      <c r="T665">
        <v>53</v>
      </c>
      <c r="U665">
        <v>53</v>
      </c>
      <c r="V665">
        <v>54</v>
      </c>
      <c r="W665">
        <v>54</v>
      </c>
      <c r="X665">
        <v>55</v>
      </c>
      <c r="Y665">
        <v>55</v>
      </c>
      <c r="Z665">
        <v>56</v>
      </c>
      <c r="AA665">
        <v>56</v>
      </c>
      <c r="AB665">
        <v>57</v>
      </c>
      <c r="AC665">
        <v>57</v>
      </c>
      <c r="AD665">
        <v>58</v>
      </c>
      <c r="AE665">
        <v>58</v>
      </c>
      <c r="AF665">
        <v>59</v>
      </c>
      <c r="AG665">
        <v>59</v>
      </c>
      <c r="AH665">
        <v>59</v>
      </c>
      <c r="AI665">
        <v>60</v>
      </c>
      <c r="AJ665">
        <v>60</v>
      </c>
      <c r="AK665">
        <v>61</v>
      </c>
      <c r="AL665">
        <v>61</v>
      </c>
      <c r="AM665">
        <v>61</v>
      </c>
      <c r="AN665">
        <v>60</v>
      </c>
      <c r="AO665">
        <v>60</v>
      </c>
      <c r="AP665">
        <v>60</v>
      </c>
      <c r="AQ665">
        <v>60</v>
      </c>
    </row>
    <row r="666" spans="1:43">
      <c r="A666" t="s">
        <v>509</v>
      </c>
      <c r="B666" t="s">
        <v>510</v>
      </c>
      <c r="C666" t="s">
        <v>505</v>
      </c>
      <c r="D666" t="s">
        <v>506</v>
      </c>
      <c r="E666" t="s">
        <v>353</v>
      </c>
      <c r="F666" t="s">
        <v>354</v>
      </c>
      <c r="G666" t="s">
        <v>80</v>
      </c>
      <c r="H666" t="s">
        <v>81</v>
      </c>
      <c r="I666" s="2">
        <v>1</v>
      </c>
      <c r="J666" s="2">
        <v>0</v>
      </c>
      <c r="K666" s="2">
        <v>0</v>
      </c>
      <c r="L666" t="s">
        <v>120</v>
      </c>
      <c r="M666" t="s">
        <v>83</v>
      </c>
      <c r="N666" t="s">
        <v>84</v>
      </c>
      <c r="O666" t="s">
        <v>85</v>
      </c>
      <c r="P666" t="s">
        <v>86</v>
      </c>
      <c r="Q666">
        <v>42</v>
      </c>
      <c r="R666">
        <v>42</v>
      </c>
      <c r="S666">
        <v>43</v>
      </c>
      <c r="T666">
        <v>43</v>
      </c>
      <c r="U666">
        <v>44</v>
      </c>
      <c r="V666">
        <v>44</v>
      </c>
      <c r="W666">
        <v>44</v>
      </c>
      <c r="X666">
        <v>45</v>
      </c>
      <c r="Y666">
        <v>45</v>
      </c>
      <c r="Z666">
        <v>46</v>
      </c>
      <c r="AA666">
        <v>46</v>
      </c>
      <c r="AB666">
        <v>46</v>
      </c>
      <c r="AC666">
        <v>47</v>
      </c>
      <c r="AD666">
        <v>47</v>
      </c>
      <c r="AE666">
        <v>47</v>
      </c>
      <c r="AF666">
        <v>48</v>
      </c>
      <c r="AG666">
        <v>48</v>
      </c>
      <c r="AH666">
        <v>48</v>
      </c>
      <c r="AI666">
        <v>49</v>
      </c>
      <c r="AJ666">
        <v>49</v>
      </c>
      <c r="AK666">
        <v>49</v>
      </c>
      <c r="AL666">
        <v>50</v>
      </c>
      <c r="AM666">
        <v>49</v>
      </c>
      <c r="AN666">
        <v>49</v>
      </c>
      <c r="AO666">
        <v>49</v>
      </c>
      <c r="AP666">
        <v>49</v>
      </c>
      <c r="AQ666">
        <v>49</v>
      </c>
    </row>
    <row r="667" spans="1:43">
      <c r="A667" t="s">
        <v>509</v>
      </c>
      <c r="B667" t="s">
        <v>510</v>
      </c>
      <c r="C667" t="s">
        <v>505</v>
      </c>
      <c r="D667" t="s">
        <v>506</v>
      </c>
      <c r="E667" t="s">
        <v>353</v>
      </c>
      <c r="F667" t="s">
        <v>354</v>
      </c>
      <c r="G667" t="s">
        <v>80</v>
      </c>
      <c r="H667" t="s">
        <v>81</v>
      </c>
      <c r="I667" s="2">
        <v>1</v>
      </c>
      <c r="J667" s="2">
        <v>0</v>
      </c>
      <c r="K667" s="2">
        <v>0</v>
      </c>
      <c r="L667" t="s">
        <v>120</v>
      </c>
      <c r="M667" t="s">
        <v>87</v>
      </c>
      <c r="N667" t="s">
        <v>88</v>
      </c>
      <c r="O667" t="s">
        <v>85</v>
      </c>
      <c r="P667" t="s">
        <v>86</v>
      </c>
      <c r="Q667">
        <v>42</v>
      </c>
      <c r="R667">
        <v>42</v>
      </c>
      <c r="S667">
        <v>42</v>
      </c>
      <c r="T667">
        <v>43</v>
      </c>
      <c r="U667">
        <v>43</v>
      </c>
      <c r="V667">
        <v>43</v>
      </c>
      <c r="W667">
        <v>43</v>
      </c>
      <c r="X667">
        <v>43</v>
      </c>
      <c r="Y667">
        <v>43</v>
      </c>
      <c r="Z667">
        <v>43</v>
      </c>
      <c r="AA667">
        <v>43</v>
      </c>
      <c r="AB667">
        <v>43</v>
      </c>
      <c r="AC667">
        <v>43</v>
      </c>
      <c r="AD667">
        <v>43</v>
      </c>
      <c r="AE667">
        <v>43</v>
      </c>
      <c r="AF667">
        <v>43</v>
      </c>
      <c r="AG667">
        <v>43</v>
      </c>
      <c r="AH667">
        <v>43</v>
      </c>
      <c r="AI667">
        <v>43</v>
      </c>
      <c r="AJ667">
        <v>43</v>
      </c>
      <c r="AK667">
        <v>43</v>
      </c>
      <c r="AL667">
        <v>44</v>
      </c>
      <c r="AM667">
        <v>44</v>
      </c>
      <c r="AN667">
        <v>44</v>
      </c>
      <c r="AO667">
        <v>44</v>
      </c>
      <c r="AP667">
        <v>44</v>
      </c>
      <c r="AQ667">
        <v>44</v>
      </c>
    </row>
    <row r="668" spans="1:43">
      <c r="A668" t="s">
        <v>509</v>
      </c>
      <c r="B668" t="s">
        <v>510</v>
      </c>
      <c r="C668" t="s">
        <v>505</v>
      </c>
      <c r="D668" t="s">
        <v>506</v>
      </c>
      <c r="E668" t="s">
        <v>353</v>
      </c>
      <c r="F668" t="s">
        <v>354</v>
      </c>
      <c r="G668" t="s">
        <v>80</v>
      </c>
      <c r="H668" t="s">
        <v>81</v>
      </c>
      <c r="I668" s="2">
        <v>1</v>
      </c>
      <c r="J668" s="2">
        <v>0</v>
      </c>
      <c r="K668" s="2">
        <v>0</v>
      </c>
      <c r="L668" t="s">
        <v>120</v>
      </c>
      <c r="M668" t="s">
        <v>89</v>
      </c>
      <c r="N668" t="s">
        <v>90</v>
      </c>
      <c r="O668" t="s">
        <v>85</v>
      </c>
      <c r="P668" t="s">
        <v>86</v>
      </c>
      <c r="Q668">
        <v>42</v>
      </c>
      <c r="R668">
        <v>43</v>
      </c>
      <c r="S668">
        <v>44</v>
      </c>
      <c r="T668">
        <v>44</v>
      </c>
      <c r="U668">
        <v>45</v>
      </c>
      <c r="V668">
        <v>46</v>
      </c>
      <c r="W668">
        <v>47</v>
      </c>
      <c r="X668">
        <v>47</v>
      </c>
      <c r="Y668">
        <v>48</v>
      </c>
      <c r="Z668">
        <v>48</v>
      </c>
      <c r="AA668">
        <v>49</v>
      </c>
      <c r="AB668">
        <v>49</v>
      </c>
      <c r="AC668">
        <v>50</v>
      </c>
      <c r="AD668">
        <v>50</v>
      </c>
      <c r="AE668">
        <v>51</v>
      </c>
      <c r="AF668">
        <v>51</v>
      </c>
      <c r="AG668">
        <v>51</v>
      </c>
      <c r="AH668">
        <v>50</v>
      </c>
      <c r="AI668">
        <v>50</v>
      </c>
      <c r="AJ668">
        <v>50</v>
      </c>
      <c r="AK668">
        <v>50</v>
      </c>
      <c r="AL668">
        <v>50</v>
      </c>
      <c r="AM668">
        <v>50</v>
      </c>
      <c r="AN668">
        <v>50</v>
      </c>
      <c r="AO668">
        <v>50</v>
      </c>
      <c r="AP668">
        <v>49</v>
      </c>
      <c r="AQ668">
        <v>49</v>
      </c>
    </row>
    <row r="669" spans="1:43">
      <c r="A669" t="s">
        <v>509</v>
      </c>
      <c r="B669" t="s">
        <v>510</v>
      </c>
      <c r="C669" t="s">
        <v>505</v>
      </c>
      <c r="D669" t="s">
        <v>506</v>
      </c>
      <c r="E669" t="s">
        <v>353</v>
      </c>
      <c r="F669" t="s">
        <v>354</v>
      </c>
      <c r="G669" t="s">
        <v>80</v>
      </c>
      <c r="H669" t="s">
        <v>81</v>
      </c>
      <c r="I669" s="2">
        <v>1</v>
      </c>
      <c r="J669" s="2">
        <v>0</v>
      </c>
      <c r="K669" s="2">
        <v>0</v>
      </c>
      <c r="L669" t="s">
        <v>120</v>
      </c>
      <c r="M669" t="s">
        <v>83</v>
      </c>
      <c r="N669" t="s">
        <v>91</v>
      </c>
      <c r="O669" t="s">
        <v>85</v>
      </c>
      <c r="P669" t="s">
        <v>86</v>
      </c>
      <c r="Q669">
        <v>42</v>
      </c>
      <c r="R669">
        <v>42</v>
      </c>
      <c r="S669">
        <v>43</v>
      </c>
      <c r="T669">
        <v>43</v>
      </c>
      <c r="U669">
        <v>44</v>
      </c>
      <c r="V669">
        <v>44</v>
      </c>
      <c r="W669">
        <v>44</v>
      </c>
      <c r="X669">
        <v>45</v>
      </c>
      <c r="Y669">
        <v>45</v>
      </c>
      <c r="Z669">
        <v>46</v>
      </c>
      <c r="AA669">
        <v>46</v>
      </c>
      <c r="AB669">
        <v>46</v>
      </c>
      <c r="AC669">
        <v>47</v>
      </c>
      <c r="AD669">
        <v>47</v>
      </c>
      <c r="AE669">
        <v>47</v>
      </c>
      <c r="AF669">
        <v>48</v>
      </c>
      <c r="AG669">
        <v>48</v>
      </c>
      <c r="AH669">
        <v>48</v>
      </c>
      <c r="AI669">
        <v>49</v>
      </c>
      <c r="AJ669">
        <v>49</v>
      </c>
      <c r="AK669">
        <v>49</v>
      </c>
      <c r="AL669">
        <v>50</v>
      </c>
      <c r="AM669">
        <v>49</v>
      </c>
      <c r="AN669">
        <v>49</v>
      </c>
      <c r="AO669">
        <v>49</v>
      </c>
      <c r="AP669">
        <v>49</v>
      </c>
      <c r="AQ669">
        <v>49</v>
      </c>
    </row>
    <row r="670" spans="1:43">
      <c r="A670" t="s">
        <v>511</v>
      </c>
      <c r="B670" t="s">
        <v>512</v>
      </c>
      <c r="C670" t="s">
        <v>505</v>
      </c>
      <c r="D670" t="s">
        <v>506</v>
      </c>
      <c r="E670" t="s">
        <v>353</v>
      </c>
      <c r="F670" t="s">
        <v>354</v>
      </c>
      <c r="G670" t="s">
        <v>80</v>
      </c>
      <c r="H670" t="s">
        <v>81</v>
      </c>
      <c r="I670" s="2">
        <v>1</v>
      </c>
      <c r="J670" s="2">
        <v>0</v>
      </c>
      <c r="K670" s="2">
        <v>0</v>
      </c>
      <c r="L670" t="s">
        <v>120</v>
      </c>
      <c r="M670" t="s">
        <v>83</v>
      </c>
      <c r="N670" t="s">
        <v>84</v>
      </c>
      <c r="O670" t="s">
        <v>85</v>
      </c>
      <c r="P670" t="s">
        <v>86</v>
      </c>
      <c r="Q670">
        <v>6</v>
      </c>
      <c r="R670">
        <v>6</v>
      </c>
      <c r="S670">
        <v>6</v>
      </c>
      <c r="T670">
        <v>6</v>
      </c>
      <c r="U670">
        <v>6</v>
      </c>
      <c r="V670">
        <v>6</v>
      </c>
      <c r="W670">
        <v>6</v>
      </c>
      <c r="X670">
        <v>6</v>
      </c>
      <c r="Y670">
        <v>6</v>
      </c>
      <c r="Z670">
        <v>6</v>
      </c>
      <c r="AA670">
        <v>6</v>
      </c>
      <c r="AB670">
        <v>6</v>
      </c>
      <c r="AC670">
        <v>6</v>
      </c>
      <c r="AD670">
        <v>6</v>
      </c>
      <c r="AE670">
        <v>7</v>
      </c>
      <c r="AF670">
        <v>7</v>
      </c>
      <c r="AG670">
        <v>7</v>
      </c>
      <c r="AH670">
        <v>7</v>
      </c>
      <c r="AI670">
        <v>7</v>
      </c>
      <c r="AJ670">
        <v>7</v>
      </c>
      <c r="AK670">
        <v>7</v>
      </c>
      <c r="AL670">
        <v>7</v>
      </c>
      <c r="AM670">
        <v>7</v>
      </c>
      <c r="AN670">
        <v>7</v>
      </c>
      <c r="AO670">
        <v>7</v>
      </c>
      <c r="AP670">
        <v>7</v>
      </c>
      <c r="AQ670">
        <v>7</v>
      </c>
    </row>
    <row r="671" spans="1:43">
      <c r="A671" t="s">
        <v>511</v>
      </c>
      <c r="B671" t="s">
        <v>512</v>
      </c>
      <c r="C671" t="s">
        <v>505</v>
      </c>
      <c r="D671" t="s">
        <v>506</v>
      </c>
      <c r="E671" t="s">
        <v>353</v>
      </c>
      <c r="F671" t="s">
        <v>354</v>
      </c>
      <c r="G671" t="s">
        <v>80</v>
      </c>
      <c r="H671" t="s">
        <v>81</v>
      </c>
      <c r="I671" s="2">
        <v>1</v>
      </c>
      <c r="J671" s="2">
        <v>0</v>
      </c>
      <c r="K671" s="2">
        <v>0</v>
      </c>
      <c r="L671" t="s">
        <v>120</v>
      </c>
      <c r="M671" t="s">
        <v>87</v>
      </c>
      <c r="N671" t="s">
        <v>88</v>
      </c>
      <c r="O671" t="s">
        <v>85</v>
      </c>
      <c r="P671" t="s">
        <v>86</v>
      </c>
      <c r="Q671">
        <v>6</v>
      </c>
      <c r="R671">
        <v>6</v>
      </c>
      <c r="S671">
        <v>6</v>
      </c>
      <c r="T671">
        <v>6</v>
      </c>
      <c r="U671">
        <v>6</v>
      </c>
      <c r="V671">
        <v>6</v>
      </c>
      <c r="W671">
        <v>6</v>
      </c>
      <c r="X671">
        <v>6</v>
      </c>
      <c r="Y671">
        <v>6</v>
      </c>
      <c r="Z671">
        <v>6</v>
      </c>
      <c r="AA671">
        <v>6</v>
      </c>
      <c r="AB671">
        <v>6</v>
      </c>
      <c r="AC671">
        <v>6</v>
      </c>
      <c r="AD671">
        <v>6</v>
      </c>
      <c r="AE671">
        <v>6</v>
      </c>
      <c r="AF671">
        <v>6</v>
      </c>
      <c r="AG671">
        <v>6</v>
      </c>
      <c r="AH671">
        <v>6</v>
      </c>
      <c r="AI671">
        <v>6</v>
      </c>
      <c r="AJ671">
        <v>6</v>
      </c>
      <c r="AK671">
        <v>6</v>
      </c>
      <c r="AL671">
        <v>6</v>
      </c>
      <c r="AM671">
        <v>6</v>
      </c>
      <c r="AN671">
        <v>6</v>
      </c>
      <c r="AO671">
        <v>6</v>
      </c>
      <c r="AP671">
        <v>6</v>
      </c>
      <c r="AQ671">
        <v>6</v>
      </c>
    </row>
    <row r="672" spans="1:43">
      <c r="A672" t="s">
        <v>511</v>
      </c>
      <c r="B672" t="s">
        <v>512</v>
      </c>
      <c r="C672" t="s">
        <v>505</v>
      </c>
      <c r="D672" t="s">
        <v>506</v>
      </c>
      <c r="E672" t="s">
        <v>353</v>
      </c>
      <c r="F672" t="s">
        <v>354</v>
      </c>
      <c r="G672" t="s">
        <v>80</v>
      </c>
      <c r="H672" t="s">
        <v>81</v>
      </c>
      <c r="I672" s="2">
        <v>1</v>
      </c>
      <c r="J672" s="2">
        <v>0</v>
      </c>
      <c r="K672" s="2">
        <v>0</v>
      </c>
      <c r="L672" t="s">
        <v>120</v>
      </c>
      <c r="M672" t="s">
        <v>89</v>
      </c>
      <c r="N672" t="s">
        <v>90</v>
      </c>
      <c r="O672" t="s">
        <v>85</v>
      </c>
      <c r="P672" t="s">
        <v>86</v>
      </c>
      <c r="Q672">
        <v>6</v>
      </c>
      <c r="R672">
        <v>6</v>
      </c>
      <c r="S672">
        <v>6</v>
      </c>
      <c r="T672">
        <v>6</v>
      </c>
      <c r="U672">
        <v>6</v>
      </c>
      <c r="V672">
        <v>6</v>
      </c>
      <c r="W672">
        <v>6</v>
      </c>
      <c r="X672">
        <v>6</v>
      </c>
      <c r="Y672">
        <v>7</v>
      </c>
      <c r="Z672">
        <v>7</v>
      </c>
      <c r="AA672">
        <v>7</v>
      </c>
      <c r="AB672">
        <v>7</v>
      </c>
      <c r="AC672">
        <v>7</v>
      </c>
      <c r="AD672">
        <v>7</v>
      </c>
      <c r="AE672">
        <v>7</v>
      </c>
      <c r="AF672">
        <v>7</v>
      </c>
      <c r="AG672">
        <v>7</v>
      </c>
      <c r="AH672">
        <v>7</v>
      </c>
      <c r="AI672">
        <v>7</v>
      </c>
      <c r="AJ672">
        <v>7</v>
      </c>
      <c r="AK672">
        <v>7</v>
      </c>
      <c r="AL672">
        <v>7</v>
      </c>
      <c r="AM672">
        <v>7</v>
      </c>
      <c r="AN672">
        <v>7</v>
      </c>
      <c r="AO672">
        <v>7</v>
      </c>
      <c r="AP672">
        <v>7</v>
      </c>
      <c r="AQ672">
        <v>7</v>
      </c>
    </row>
    <row r="673" spans="1:43">
      <c r="A673" t="s">
        <v>511</v>
      </c>
      <c r="B673" t="s">
        <v>512</v>
      </c>
      <c r="C673" t="s">
        <v>505</v>
      </c>
      <c r="D673" t="s">
        <v>506</v>
      </c>
      <c r="E673" t="s">
        <v>353</v>
      </c>
      <c r="F673" t="s">
        <v>354</v>
      </c>
      <c r="G673" t="s">
        <v>80</v>
      </c>
      <c r="H673" t="s">
        <v>81</v>
      </c>
      <c r="I673" s="2">
        <v>1</v>
      </c>
      <c r="J673" s="2">
        <v>0</v>
      </c>
      <c r="K673" s="2">
        <v>0</v>
      </c>
      <c r="L673" t="s">
        <v>120</v>
      </c>
      <c r="M673" t="s">
        <v>83</v>
      </c>
      <c r="N673" t="s">
        <v>91</v>
      </c>
      <c r="O673" t="s">
        <v>85</v>
      </c>
      <c r="P673" t="s">
        <v>86</v>
      </c>
      <c r="Q673">
        <v>6</v>
      </c>
      <c r="R673">
        <v>6</v>
      </c>
      <c r="S673">
        <v>6</v>
      </c>
      <c r="T673">
        <v>6</v>
      </c>
      <c r="U673">
        <v>6</v>
      </c>
      <c r="V673">
        <v>6</v>
      </c>
      <c r="W673">
        <v>6</v>
      </c>
      <c r="X673">
        <v>6</v>
      </c>
      <c r="Y673">
        <v>6</v>
      </c>
      <c r="Z673">
        <v>6</v>
      </c>
      <c r="AA673">
        <v>6</v>
      </c>
      <c r="AB673">
        <v>6</v>
      </c>
      <c r="AC673">
        <v>6</v>
      </c>
      <c r="AD673">
        <v>6</v>
      </c>
      <c r="AE673">
        <v>7</v>
      </c>
      <c r="AF673">
        <v>7</v>
      </c>
      <c r="AG673">
        <v>7</v>
      </c>
      <c r="AH673">
        <v>7</v>
      </c>
      <c r="AI673">
        <v>7</v>
      </c>
      <c r="AJ673">
        <v>7</v>
      </c>
      <c r="AK673">
        <v>7</v>
      </c>
      <c r="AL673">
        <v>7</v>
      </c>
      <c r="AM673">
        <v>7</v>
      </c>
      <c r="AN673">
        <v>7</v>
      </c>
      <c r="AO673">
        <v>7</v>
      </c>
      <c r="AP673">
        <v>7</v>
      </c>
      <c r="AQ673">
        <v>7</v>
      </c>
    </row>
    <row r="674" spans="1:43">
      <c r="A674" t="s">
        <v>513</v>
      </c>
      <c r="B674" t="s">
        <v>514</v>
      </c>
      <c r="C674" t="s">
        <v>505</v>
      </c>
      <c r="D674" t="s">
        <v>506</v>
      </c>
      <c r="E674" t="s">
        <v>353</v>
      </c>
      <c r="F674" t="s">
        <v>354</v>
      </c>
      <c r="G674" t="s">
        <v>80</v>
      </c>
      <c r="H674" t="s">
        <v>81</v>
      </c>
      <c r="I674" s="2">
        <v>1</v>
      </c>
      <c r="J674" s="2">
        <v>0</v>
      </c>
      <c r="K674" s="2">
        <v>0</v>
      </c>
      <c r="L674" t="s">
        <v>120</v>
      </c>
      <c r="M674" t="s">
        <v>83</v>
      </c>
      <c r="N674" t="s">
        <v>84</v>
      </c>
      <c r="O674" t="s">
        <v>85</v>
      </c>
      <c r="P674" t="s">
        <v>86</v>
      </c>
      <c r="Q674">
        <v>57</v>
      </c>
      <c r="R674">
        <v>57</v>
      </c>
      <c r="S674">
        <v>58</v>
      </c>
      <c r="T674">
        <v>58</v>
      </c>
      <c r="U674">
        <v>59</v>
      </c>
      <c r="V674">
        <v>60</v>
      </c>
      <c r="W674">
        <v>60</v>
      </c>
      <c r="X674">
        <v>61</v>
      </c>
      <c r="Y674">
        <v>61</v>
      </c>
      <c r="Z674">
        <v>62</v>
      </c>
      <c r="AA674">
        <v>63</v>
      </c>
      <c r="AB674">
        <v>63</v>
      </c>
      <c r="AC674">
        <v>64</v>
      </c>
      <c r="AD674">
        <v>64</v>
      </c>
      <c r="AE674">
        <v>65</v>
      </c>
      <c r="AF674">
        <v>65</v>
      </c>
      <c r="AG674">
        <v>66</v>
      </c>
      <c r="AH674">
        <v>66</v>
      </c>
      <c r="AI674">
        <v>66</v>
      </c>
      <c r="AJ674">
        <v>67</v>
      </c>
      <c r="AK674">
        <v>67</v>
      </c>
      <c r="AL674">
        <v>67</v>
      </c>
      <c r="AM674">
        <v>67</v>
      </c>
      <c r="AN674">
        <v>67</v>
      </c>
      <c r="AO674">
        <v>67</v>
      </c>
      <c r="AP674">
        <v>67</v>
      </c>
      <c r="AQ674">
        <v>67</v>
      </c>
    </row>
    <row r="675" spans="1:43">
      <c r="A675" t="s">
        <v>513</v>
      </c>
      <c r="B675" t="s">
        <v>514</v>
      </c>
      <c r="C675" t="s">
        <v>505</v>
      </c>
      <c r="D675" t="s">
        <v>506</v>
      </c>
      <c r="E675" t="s">
        <v>353</v>
      </c>
      <c r="F675" t="s">
        <v>354</v>
      </c>
      <c r="G675" t="s">
        <v>80</v>
      </c>
      <c r="H675" t="s">
        <v>81</v>
      </c>
      <c r="I675" s="2">
        <v>1</v>
      </c>
      <c r="J675" s="2">
        <v>0</v>
      </c>
      <c r="K675" s="2">
        <v>0</v>
      </c>
      <c r="L675" t="s">
        <v>120</v>
      </c>
      <c r="M675" t="s">
        <v>87</v>
      </c>
      <c r="N675" t="s">
        <v>88</v>
      </c>
      <c r="O675" t="s">
        <v>85</v>
      </c>
      <c r="P675" t="s">
        <v>86</v>
      </c>
      <c r="Q675">
        <v>57</v>
      </c>
      <c r="R675">
        <v>57</v>
      </c>
      <c r="S675">
        <v>57</v>
      </c>
      <c r="T675">
        <v>57</v>
      </c>
      <c r="U675">
        <v>57</v>
      </c>
      <c r="V675">
        <v>58</v>
      </c>
      <c r="W675">
        <v>58</v>
      </c>
      <c r="X675">
        <v>58</v>
      </c>
      <c r="Y675">
        <v>58</v>
      </c>
      <c r="Z675">
        <v>58</v>
      </c>
      <c r="AA675">
        <v>58</v>
      </c>
      <c r="AB675">
        <v>58</v>
      </c>
      <c r="AC675">
        <v>58</v>
      </c>
      <c r="AD675">
        <v>58</v>
      </c>
      <c r="AE675">
        <v>58</v>
      </c>
      <c r="AF675">
        <v>58</v>
      </c>
      <c r="AG675">
        <v>59</v>
      </c>
      <c r="AH675">
        <v>59</v>
      </c>
      <c r="AI675">
        <v>59</v>
      </c>
      <c r="AJ675">
        <v>59</v>
      </c>
      <c r="AK675">
        <v>59</v>
      </c>
      <c r="AL675">
        <v>59</v>
      </c>
      <c r="AM675">
        <v>59</v>
      </c>
      <c r="AN675">
        <v>59</v>
      </c>
      <c r="AO675">
        <v>59</v>
      </c>
      <c r="AP675">
        <v>59</v>
      </c>
      <c r="AQ675">
        <v>59</v>
      </c>
    </row>
    <row r="676" spans="1:43">
      <c r="A676" t="s">
        <v>513</v>
      </c>
      <c r="B676" t="s">
        <v>514</v>
      </c>
      <c r="C676" t="s">
        <v>505</v>
      </c>
      <c r="D676" t="s">
        <v>506</v>
      </c>
      <c r="E676" t="s">
        <v>353</v>
      </c>
      <c r="F676" t="s">
        <v>354</v>
      </c>
      <c r="G676" t="s">
        <v>80</v>
      </c>
      <c r="H676" t="s">
        <v>81</v>
      </c>
      <c r="I676" s="2">
        <v>1</v>
      </c>
      <c r="J676" s="2">
        <v>0</v>
      </c>
      <c r="K676" s="2">
        <v>0</v>
      </c>
      <c r="L676" t="s">
        <v>120</v>
      </c>
      <c r="M676" t="s">
        <v>89</v>
      </c>
      <c r="N676" t="s">
        <v>90</v>
      </c>
      <c r="O676" t="s">
        <v>85</v>
      </c>
      <c r="P676" t="s">
        <v>86</v>
      </c>
      <c r="Q676">
        <v>57</v>
      </c>
      <c r="R676">
        <v>58</v>
      </c>
      <c r="S676">
        <v>59</v>
      </c>
      <c r="T676">
        <v>60</v>
      </c>
      <c r="U676">
        <v>61</v>
      </c>
      <c r="V676">
        <v>62</v>
      </c>
      <c r="W676">
        <v>63</v>
      </c>
      <c r="X676">
        <v>64</v>
      </c>
      <c r="Y676">
        <v>65</v>
      </c>
      <c r="Z676">
        <v>66</v>
      </c>
      <c r="AA676">
        <v>66</v>
      </c>
      <c r="AB676">
        <v>67</v>
      </c>
      <c r="AC676">
        <v>68</v>
      </c>
      <c r="AD676">
        <v>69</v>
      </c>
      <c r="AE676">
        <v>69</v>
      </c>
      <c r="AF676">
        <v>69</v>
      </c>
      <c r="AG676">
        <v>69</v>
      </c>
      <c r="AH676">
        <v>69</v>
      </c>
      <c r="AI676">
        <v>69</v>
      </c>
      <c r="AJ676">
        <v>68</v>
      </c>
      <c r="AK676">
        <v>68</v>
      </c>
      <c r="AL676">
        <v>68</v>
      </c>
      <c r="AM676">
        <v>68</v>
      </c>
      <c r="AN676">
        <v>68</v>
      </c>
      <c r="AO676">
        <v>68</v>
      </c>
      <c r="AP676">
        <v>67</v>
      </c>
      <c r="AQ676">
        <v>67</v>
      </c>
    </row>
    <row r="677" spans="1:43">
      <c r="A677" t="s">
        <v>513</v>
      </c>
      <c r="B677" t="s">
        <v>514</v>
      </c>
      <c r="C677" t="s">
        <v>505</v>
      </c>
      <c r="D677" t="s">
        <v>506</v>
      </c>
      <c r="E677" t="s">
        <v>353</v>
      </c>
      <c r="F677" t="s">
        <v>354</v>
      </c>
      <c r="G677" t="s">
        <v>80</v>
      </c>
      <c r="H677" t="s">
        <v>81</v>
      </c>
      <c r="I677" s="2">
        <v>1</v>
      </c>
      <c r="J677" s="2">
        <v>0</v>
      </c>
      <c r="K677" s="2">
        <v>0</v>
      </c>
      <c r="L677" t="s">
        <v>120</v>
      </c>
      <c r="M677" t="s">
        <v>83</v>
      </c>
      <c r="N677" t="s">
        <v>91</v>
      </c>
      <c r="O677" t="s">
        <v>85</v>
      </c>
      <c r="P677" t="s">
        <v>86</v>
      </c>
      <c r="Q677">
        <v>57</v>
      </c>
      <c r="R677">
        <v>57</v>
      </c>
      <c r="S677">
        <v>58</v>
      </c>
      <c r="T677">
        <v>58</v>
      </c>
      <c r="U677">
        <v>59</v>
      </c>
      <c r="V677">
        <v>60</v>
      </c>
      <c r="W677">
        <v>60</v>
      </c>
      <c r="X677">
        <v>61</v>
      </c>
      <c r="Y677">
        <v>61</v>
      </c>
      <c r="Z677">
        <v>62</v>
      </c>
      <c r="AA677">
        <v>63</v>
      </c>
      <c r="AB677">
        <v>63</v>
      </c>
      <c r="AC677">
        <v>64</v>
      </c>
      <c r="AD677">
        <v>64</v>
      </c>
      <c r="AE677">
        <v>65</v>
      </c>
      <c r="AF677">
        <v>65</v>
      </c>
      <c r="AG677">
        <v>66</v>
      </c>
      <c r="AH677">
        <v>66</v>
      </c>
      <c r="AI677">
        <v>66</v>
      </c>
      <c r="AJ677">
        <v>67</v>
      </c>
      <c r="AK677">
        <v>67</v>
      </c>
      <c r="AL677">
        <v>67</v>
      </c>
      <c r="AM677">
        <v>67</v>
      </c>
      <c r="AN677">
        <v>67</v>
      </c>
      <c r="AO677">
        <v>67</v>
      </c>
      <c r="AP677">
        <v>67</v>
      </c>
      <c r="AQ677">
        <v>67</v>
      </c>
    </row>
    <row r="678" spans="1:43">
      <c r="A678" t="s">
        <v>515</v>
      </c>
      <c r="B678" t="s">
        <v>516</v>
      </c>
      <c r="C678" t="s">
        <v>505</v>
      </c>
      <c r="D678" t="s">
        <v>506</v>
      </c>
      <c r="E678" t="s">
        <v>353</v>
      </c>
      <c r="F678" t="s">
        <v>354</v>
      </c>
      <c r="G678" t="s">
        <v>80</v>
      </c>
      <c r="H678" t="s">
        <v>81</v>
      </c>
      <c r="I678" s="2">
        <v>1</v>
      </c>
      <c r="J678" s="2">
        <v>0</v>
      </c>
      <c r="K678" s="2">
        <v>0</v>
      </c>
      <c r="L678" t="s">
        <v>120</v>
      </c>
      <c r="M678" t="s">
        <v>83</v>
      </c>
      <c r="N678" t="s">
        <v>84</v>
      </c>
      <c r="O678" t="s">
        <v>85</v>
      </c>
      <c r="P678" t="s">
        <v>86</v>
      </c>
      <c r="Q678">
        <v>30</v>
      </c>
      <c r="R678">
        <v>30</v>
      </c>
      <c r="S678">
        <v>31</v>
      </c>
      <c r="T678">
        <v>31</v>
      </c>
      <c r="U678">
        <v>31</v>
      </c>
      <c r="V678">
        <v>32</v>
      </c>
      <c r="W678">
        <v>32</v>
      </c>
      <c r="X678">
        <v>32</v>
      </c>
      <c r="Y678">
        <v>33</v>
      </c>
      <c r="Z678">
        <v>33</v>
      </c>
      <c r="AA678">
        <v>33</v>
      </c>
      <c r="AB678">
        <v>33</v>
      </c>
      <c r="AC678">
        <v>34</v>
      </c>
      <c r="AD678">
        <v>34</v>
      </c>
      <c r="AE678">
        <v>34</v>
      </c>
      <c r="AF678">
        <v>35</v>
      </c>
      <c r="AG678">
        <v>35</v>
      </c>
      <c r="AH678">
        <v>35</v>
      </c>
      <c r="AI678">
        <v>35</v>
      </c>
      <c r="AJ678">
        <v>36</v>
      </c>
      <c r="AK678">
        <v>36</v>
      </c>
      <c r="AL678">
        <v>36</v>
      </c>
      <c r="AM678">
        <v>36</v>
      </c>
      <c r="AN678">
        <v>36</v>
      </c>
      <c r="AO678">
        <v>36</v>
      </c>
      <c r="AP678">
        <v>35</v>
      </c>
      <c r="AQ678">
        <v>35</v>
      </c>
    </row>
    <row r="679" spans="1:43">
      <c r="A679" t="s">
        <v>515</v>
      </c>
      <c r="B679" t="s">
        <v>516</v>
      </c>
      <c r="C679" t="s">
        <v>505</v>
      </c>
      <c r="D679" t="s">
        <v>506</v>
      </c>
      <c r="E679" t="s">
        <v>353</v>
      </c>
      <c r="F679" t="s">
        <v>354</v>
      </c>
      <c r="G679" t="s">
        <v>80</v>
      </c>
      <c r="H679" t="s">
        <v>81</v>
      </c>
      <c r="I679" s="2">
        <v>1</v>
      </c>
      <c r="J679" s="2">
        <v>0</v>
      </c>
      <c r="K679" s="2">
        <v>0</v>
      </c>
      <c r="L679" t="s">
        <v>120</v>
      </c>
      <c r="M679" t="s">
        <v>87</v>
      </c>
      <c r="N679" t="s">
        <v>88</v>
      </c>
      <c r="O679" t="s">
        <v>85</v>
      </c>
      <c r="P679" t="s">
        <v>86</v>
      </c>
      <c r="Q679">
        <v>30</v>
      </c>
      <c r="R679">
        <v>30</v>
      </c>
      <c r="S679">
        <v>30</v>
      </c>
      <c r="T679">
        <v>30</v>
      </c>
      <c r="U679">
        <v>30</v>
      </c>
      <c r="V679">
        <v>30</v>
      </c>
      <c r="W679">
        <v>30</v>
      </c>
      <c r="X679">
        <v>30</v>
      </c>
      <c r="Y679">
        <v>30</v>
      </c>
      <c r="Z679">
        <v>30</v>
      </c>
      <c r="AA679">
        <v>30</v>
      </c>
      <c r="AB679">
        <v>30</v>
      </c>
      <c r="AC679">
        <v>30</v>
      </c>
      <c r="AD679">
        <v>30</v>
      </c>
      <c r="AE679">
        <v>30</v>
      </c>
      <c r="AF679">
        <v>30</v>
      </c>
      <c r="AG679">
        <v>31</v>
      </c>
      <c r="AH679">
        <v>31</v>
      </c>
      <c r="AI679">
        <v>31</v>
      </c>
      <c r="AJ679">
        <v>31</v>
      </c>
      <c r="AK679">
        <v>31</v>
      </c>
      <c r="AL679">
        <v>31</v>
      </c>
      <c r="AM679">
        <v>31</v>
      </c>
      <c r="AN679">
        <v>31</v>
      </c>
      <c r="AO679">
        <v>31</v>
      </c>
      <c r="AP679">
        <v>31</v>
      </c>
      <c r="AQ679">
        <v>31</v>
      </c>
    </row>
    <row r="680" spans="1:43">
      <c r="A680" t="s">
        <v>515</v>
      </c>
      <c r="B680" t="s">
        <v>516</v>
      </c>
      <c r="C680" t="s">
        <v>505</v>
      </c>
      <c r="D680" t="s">
        <v>506</v>
      </c>
      <c r="E680" t="s">
        <v>353</v>
      </c>
      <c r="F680" t="s">
        <v>354</v>
      </c>
      <c r="G680" t="s">
        <v>80</v>
      </c>
      <c r="H680" t="s">
        <v>81</v>
      </c>
      <c r="I680" s="2">
        <v>1</v>
      </c>
      <c r="J680" s="2">
        <v>0</v>
      </c>
      <c r="K680" s="2">
        <v>0</v>
      </c>
      <c r="L680" t="s">
        <v>120</v>
      </c>
      <c r="M680" t="s">
        <v>89</v>
      </c>
      <c r="N680" t="s">
        <v>90</v>
      </c>
      <c r="O680" t="s">
        <v>85</v>
      </c>
      <c r="P680" t="s">
        <v>86</v>
      </c>
      <c r="Q680">
        <v>30</v>
      </c>
      <c r="R680">
        <v>31</v>
      </c>
      <c r="S680">
        <v>32</v>
      </c>
      <c r="T680">
        <v>32</v>
      </c>
      <c r="U680">
        <v>33</v>
      </c>
      <c r="V680">
        <v>33</v>
      </c>
      <c r="W680">
        <v>34</v>
      </c>
      <c r="X680">
        <v>34</v>
      </c>
      <c r="Y680">
        <v>34</v>
      </c>
      <c r="Z680">
        <v>35</v>
      </c>
      <c r="AA680">
        <v>35</v>
      </c>
      <c r="AB680">
        <v>36</v>
      </c>
      <c r="AC680">
        <v>36</v>
      </c>
      <c r="AD680">
        <v>37</v>
      </c>
      <c r="AE680">
        <v>37</v>
      </c>
      <c r="AF680">
        <v>37</v>
      </c>
      <c r="AG680">
        <v>37</v>
      </c>
      <c r="AH680">
        <v>36</v>
      </c>
      <c r="AI680">
        <v>36</v>
      </c>
      <c r="AJ680">
        <v>36</v>
      </c>
      <c r="AK680">
        <v>36</v>
      </c>
      <c r="AL680">
        <v>36</v>
      </c>
      <c r="AM680">
        <v>36</v>
      </c>
      <c r="AN680">
        <v>36</v>
      </c>
      <c r="AO680">
        <v>36</v>
      </c>
      <c r="AP680">
        <v>36</v>
      </c>
      <c r="AQ680">
        <v>36</v>
      </c>
    </row>
    <row r="681" spans="1:43">
      <c r="A681" t="s">
        <v>515</v>
      </c>
      <c r="B681" t="s">
        <v>516</v>
      </c>
      <c r="C681" t="s">
        <v>505</v>
      </c>
      <c r="D681" t="s">
        <v>506</v>
      </c>
      <c r="E681" t="s">
        <v>353</v>
      </c>
      <c r="F681" t="s">
        <v>354</v>
      </c>
      <c r="G681" t="s">
        <v>80</v>
      </c>
      <c r="H681" t="s">
        <v>81</v>
      </c>
      <c r="I681" s="2">
        <v>1</v>
      </c>
      <c r="J681" s="2">
        <v>0</v>
      </c>
      <c r="K681" s="2">
        <v>0</v>
      </c>
      <c r="L681" t="s">
        <v>120</v>
      </c>
      <c r="M681" t="s">
        <v>83</v>
      </c>
      <c r="N681" t="s">
        <v>91</v>
      </c>
      <c r="O681" t="s">
        <v>85</v>
      </c>
      <c r="P681" t="s">
        <v>86</v>
      </c>
      <c r="Q681">
        <v>30</v>
      </c>
      <c r="R681">
        <v>30</v>
      </c>
      <c r="S681">
        <v>31</v>
      </c>
      <c r="T681">
        <v>31</v>
      </c>
      <c r="U681">
        <v>31</v>
      </c>
      <c r="V681">
        <v>32</v>
      </c>
      <c r="W681">
        <v>32</v>
      </c>
      <c r="X681">
        <v>32</v>
      </c>
      <c r="Y681">
        <v>33</v>
      </c>
      <c r="Z681">
        <v>33</v>
      </c>
      <c r="AA681">
        <v>33</v>
      </c>
      <c r="AB681">
        <v>33</v>
      </c>
      <c r="AC681">
        <v>34</v>
      </c>
      <c r="AD681">
        <v>34</v>
      </c>
      <c r="AE681">
        <v>34</v>
      </c>
      <c r="AF681">
        <v>35</v>
      </c>
      <c r="AG681">
        <v>35</v>
      </c>
      <c r="AH681">
        <v>35</v>
      </c>
      <c r="AI681">
        <v>35</v>
      </c>
      <c r="AJ681">
        <v>36</v>
      </c>
      <c r="AK681">
        <v>36</v>
      </c>
      <c r="AL681">
        <v>36</v>
      </c>
      <c r="AM681">
        <v>36</v>
      </c>
      <c r="AN681">
        <v>36</v>
      </c>
      <c r="AO681">
        <v>36</v>
      </c>
      <c r="AP681">
        <v>35</v>
      </c>
      <c r="AQ681">
        <v>35</v>
      </c>
    </row>
    <row r="682" spans="1:43">
      <c r="A682" t="s">
        <v>517</v>
      </c>
      <c r="B682" t="s">
        <v>518</v>
      </c>
      <c r="C682" t="s">
        <v>519</v>
      </c>
      <c r="D682" t="s">
        <v>520</v>
      </c>
      <c r="E682" t="s">
        <v>353</v>
      </c>
      <c r="F682" t="s">
        <v>354</v>
      </c>
      <c r="G682" t="s">
        <v>80</v>
      </c>
      <c r="H682" t="s">
        <v>81</v>
      </c>
      <c r="I682" s="2">
        <v>1</v>
      </c>
      <c r="J682" s="2">
        <v>0</v>
      </c>
      <c r="K682" s="2">
        <v>0</v>
      </c>
      <c r="L682" t="s">
        <v>120</v>
      </c>
      <c r="M682" t="s">
        <v>83</v>
      </c>
      <c r="N682" t="s">
        <v>84</v>
      </c>
      <c r="O682" t="s">
        <v>85</v>
      </c>
      <c r="P682" t="s">
        <v>86</v>
      </c>
      <c r="Q682">
        <v>41</v>
      </c>
      <c r="R682">
        <v>41</v>
      </c>
      <c r="S682">
        <v>42</v>
      </c>
      <c r="T682">
        <v>42</v>
      </c>
      <c r="U682">
        <v>43</v>
      </c>
      <c r="V682">
        <v>43</v>
      </c>
      <c r="W682">
        <v>44</v>
      </c>
      <c r="X682">
        <v>44</v>
      </c>
      <c r="Y682">
        <v>44</v>
      </c>
      <c r="Z682">
        <v>45</v>
      </c>
      <c r="AA682">
        <v>45</v>
      </c>
      <c r="AB682">
        <v>45</v>
      </c>
      <c r="AC682">
        <v>46</v>
      </c>
      <c r="AD682">
        <v>46</v>
      </c>
      <c r="AE682">
        <v>46</v>
      </c>
      <c r="AF682">
        <v>47</v>
      </c>
      <c r="AG682">
        <v>47</v>
      </c>
      <c r="AH682">
        <v>47</v>
      </c>
      <c r="AI682">
        <v>48</v>
      </c>
      <c r="AJ682">
        <v>48</v>
      </c>
      <c r="AK682">
        <v>48</v>
      </c>
      <c r="AL682">
        <v>48</v>
      </c>
      <c r="AM682">
        <v>48</v>
      </c>
      <c r="AN682">
        <v>48</v>
      </c>
      <c r="AO682">
        <v>48</v>
      </c>
      <c r="AP682">
        <v>48</v>
      </c>
      <c r="AQ682">
        <v>48</v>
      </c>
    </row>
    <row r="683" spans="1:43">
      <c r="A683" t="s">
        <v>517</v>
      </c>
      <c r="B683" t="s">
        <v>518</v>
      </c>
      <c r="C683" t="s">
        <v>519</v>
      </c>
      <c r="D683" t="s">
        <v>520</v>
      </c>
      <c r="E683" t="s">
        <v>353</v>
      </c>
      <c r="F683" t="s">
        <v>354</v>
      </c>
      <c r="G683" t="s">
        <v>80</v>
      </c>
      <c r="H683" t="s">
        <v>81</v>
      </c>
      <c r="I683" s="2">
        <v>1</v>
      </c>
      <c r="J683" s="2">
        <v>0</v>
      </c>
      <c r="K683" s="2">
        <v>0</v>
      </c>
      <c r="L683" t="s">
        <v>120</v>
      </c>
      <c r="M683" t="s">
        <v>87</v>
      </c>
      <c r="N683" t="s">
        <v>88</v>
      </c>
      <c r="O683" t="s">
        <v>85</v>
      </c>
      <c r="P683" t="s">
        <v>86</v>
      </c>
      <c r="Q683">
        <v>41</v>
      </c>
      <c r="R683">
        <v>41</v>
      </c>
      <c r="S683">
        <v>41</v>
      </c>
      <c r="T683">
        <v>41</v>
      </c>
      <c r="U683">
        <v>41</v>
      </c>
      <c r="V683">
        <v>41</v>
      </c>
      <c r="W683">
        <v>41</v>
      </c>
      <c r="X683">
        <v>41</v>
      </c>
      <c r="Y683">
        <v>41</v>
      </c>
      <c r="Z683">
        <v>41</v>
      </c>
      <c r="AA683">
        <v>41</v>
      </c>
      <c r="AB683">
        <v>41</v>
      </c>
      <c r="AC683">
        <v>41</v>
      </c>
      <c r="AD683">
        <v>41</v>
      </c>
      <c r="AE683">
        <v>41</v>
      </c>
      <c r="AF683">
        <v>41</v>
      </c>
      <c r="AG683">
        <v>41</v>
      </c>
      <c r="AH683">
        <v>41</v>
      </c>
      <c r="AI683">
        <v>41</v>
      </c>
      <c r="AJ683">
        <v>41</v>
      </c>
      <c r="AK683">
        <v>41</v>
      </c>
      <c r="AL683">
        <v>42</v>
      </c>
      <c r="AM683">
        <v>42</v>
      </c>
      <c r="AN683">
        <v>42</v>
      </c>
      <c r="AO683">
        <v>42</v>
      </c>
      <c r="AP683">
        <v>42</v>
      </c>
      <c r="AQ683">
        <v>42</v>
      </c>
    </row>
    <row r="684" spans="1:43">
      <c r="A684" t="s">
        <v>517</v>
      </c>
      <c r="B684" t="s">
        <v>518</v>
      </c>
      <c r="C684" t="s">
        <v>519</v>
      </c>
      <c r="D684" t="s">
        <v>520</v>
      </c>
      <c r="E684" t="s">
        <v>353</v>
      </c>
      <c r="F684" t="s">
        <v>354</v>
      </c>
      <c r="G684" t="s">
        <v>80</v>
      </c>
      <c r="H684" t="s">
        <v>81</v>
      </c>
      <c r="I684" s="2">
        <v>1</v>
      </c>
      <c r="J684" s="2">
        <v>0</v>
      </c>
      <c r="K684" s="2">
        <v>0</v>
      </c>
      <c r="L684" t="s">
        <v>120</v>
      </c>
      <c r="M684" t="s">
        <v>89</v>
      </c>
      <c r="N684" t="s">
        <v>90</v>
      </c>
      <c r="O684" t="s">
        <v>85</v>
      </c>
      <c r="P684" t="s">
        <v>86</v>
      </c>
      <c r="Q684">
        <v>41</v>
      </c>
      <c r="R684">
        <v>42</v>
      </c>
      <c r="S684">
        <v>43</v>
      </c>
      <c r="T684">
        <v>44</v>
      </c>
      <c r="U684">
        <v>44</v>
      </c>
      <c r="V684">
        <v>45</v>
      </c>
      <c r="W684">
        <v>46</v>
      </c>
      <c r="X684">
        <v>46</v>
      </c>
      <c r="Y684">
        <v>47</v>
      </c>
      <c r="Z684">
        <v>47</v>
      </c>
      <c r="AA684">
        <v>48</v>
      </c>
      <c r="AB684">
        <v>48</v>
      </c>
      <c r="AC684">
        <v>49</v>
      </c>
      <c r="AD684">
        <v>49</v>
      </c>
      <c r="AE684">
        <v>50</v>
      </c>
      <c r="AF684">
        <v>50</v>
      </c>
      <c r="AG684">
        <v>49</v>
      </c>
      <c r="AH684">
        <v>49</v>
      </c>
      <c r="AI684">
        <v>49</v>
      </c>
      <c r="AJ684">
        <v>49</v>
      </c>
      <c r="AK684">
        <v>49</v>
      </c>
      <c r="AL684">
        <v>49</v>
      </c>
      <c r="AM684">
        <v>48</v>
      </c>
      <c r="AN684">
        <v>48</v>
      </c>
      <c r="AO684">
        <v>48</v>
      </c>
      <c r="AP684">
        <v>48</v>
      </c>
      <c r="AQ684">
        <v>48</v>
      </c>
    </row>
    <row r="685" spans="1:43">
      <c r="A685" t="s">
        <v>517</v>
      </c>
      <c r="B685" t="s">
        <v>518</v>
      </c>
      <c r="C685" t="s">
        <v>519</v>
      </c>
      <c r="D685" t="s">
        <v>520</v>
      </c>
      <c r="E685" t="s">
        <v>353</v>
      </c>
      <c r="F685" t="s">
        <v>354</v>
      </c>
      <c r="G685" t="s">
        <v>80</v>
      </c>
      <c r="H685" t="s">
        <v>81</v>
      </c>
      <c r="I685" s="2">
        <v>1</v>
      </c>
      <c r="J685" s="2">
        <v>0</v>
      </c>
      <c r="K685" s="2">
        <v>0</v>
      </c>
      <c r="L685" t="s">
        <v>120</v>
      </c>
      <c r="M685" t="s">
        <v>83</v>
      </c>
      <c r="N685" t="s">
        <v>91</v>
      </c>
      <c r="O685" t="s">
        <v>85</v>
      </c>
      <c r="P685" t="s">
        <v>86</v>
      </c>
      <c r="Q685">
        <v>41</v>
      </c>
      <c r="R685">
        <v>41</v>
      </c>
      <c r="S685">
        <v>42</v>
      </c>
      <c r="T685">
        <v>42</v>
      </c>
      <c r="U685">
        <v>43</v>
      </c>
      <c r="V685">
        <v>43</v>
      </c>
      <c r="W685">
        <v>44</v>
      </c>
      <c r="X685">
        <v>44</v>
      </c>
      <c r="Y685">
        <v>44</v>
      </c>
      <c r="Z685">
        <v>45</v>
      </c>
      <c r="AA685">
        <v>45</v>
      </c>
      <c r="AB685">
        <v>45</v>
      </c>
      <c r="AC685">
        <v>46</v>
      </c>
      <c r="AD685">
        <v>46</v>
      </c>
      <c r="AE685">
        <v>46</v>
      </c>
      <c r="AF685">
        <v>47</v>
      </c>
      <c r="AG685">
        <v>47</v>
      </c>
      <c r="AH685">
        <v>47</v>
      </c>
      <c r="AI685">
        <v>48</v>
      </c>
      <c r="AJ685">
        <v>48</v>
      </c>
      <c r="AK685">
        <v>48</v>
      </c>
      <c r="AL685">
        <v>48</v>
      </c>
      <c r="AM685">
        <v>48</v>
      </c>
      <c r="AN685">
        <v>48</v>
      </c>
      <c r="AO685">
        <v>48</v>
      </c>
      <c r="AP685">
        <v>48</v>
      </c>
      <c r="AQ685">
        <v>48</v>
      </c>
    </row>
    <row r="686" spans="1:43">
      <c r="A686" t="s">
        <v>521</v>
      </c>
      <c r="B686" t="s">
        <v>522</v>
      </c>
      <c r="C686" t="s">
        <v>501</v>
      </c>
      <c r="D686" t="s">
        <v>502</v>
      </c>
      <c r="E686" t="s">
        <v>353</v>
      </c>
      <c r="F686" t="s">
        <v>354</v>
      </c>
      <c r="G686" t="s">
        <v>80</v>
      </c>
      <c r="H686" t="s">
        <v>81</v>
      </c>
      <c r="I686" s="2">
        <v>1</v>
      </c>
      <c r="J686" s="2">
        <v>0</v>
      </c>
      <c r="K686" s="2">
        <v>0</v>
      </c>
      <c r="L686" t="s">
        <v>120</v>
      </c>
      <c r="M686" t="s">
        <v>83</v>
      </c>
      <c r="N686" t="s">
        <v>84</v>
      </c>
      <c r="O686" t="s">
        <v>85</v>
      </c>
      <c r="P686" t="s">
        <v>86</v>
      </c>
      <c r="Q686">
        <v>27</v>
      </c>
      <c r="R686">
        <v>27</v>
      </c>
      <c r="S686">
        <v>28</v>
      </c>
      <c r="T686">
        <v>28</v>
      </c>
      <c r="U686">
        <v>28</v>
      </c>
      <c r="V686">
        <v>28</v>
      </c>
      <c r="W686">
        <v>29</v>
      </c>
      <c r="X686">
        <v>29</v>
      </c>
      <c r="Y686">
        <v>29</v>
      </c>
      <c r="Z686">
        <v>30</v>
      </c>
      <c r="AA686">
        <v>30</v>
      </c>
      <c r="AB686">
        <v>30</v>
      </c>
      <c r="AC686">
        <v>30</v>
      </c>
      <c r="AD686">
        <v>31</v>
      </c>
      <c r="AE686">
        <v>31</v>
      </c>
      <c r="AF686">
        <v>31</v>
      </c>
      <c r="AG686">
        <v>31</v>
      </c>
      <c r="AH686">
        <v>31</v>
      </c>
      <c r="AI686">
        <v>32</v>
      </c>
      <c r="AJ686">
        <v>32</v>
      </c>
      <c r="AK686">
        <v>32</v>
      </c>
      <c r="AL686">
        <v>32</v>
      </c>
      <c r="AM686">
        <v>32</v>
      </c>
      <c r="AN686">
        <v>32</v>
      </c>
      <c r="AO686">
        <v>32</v>
      </c>
      <c r="AP686">
        <v>32</v>
      </c>
      <c r="AQ686">
        <v>32</v>
      </c>
    </row>
    <row r="687" spans="1:43">
      <c r="A687" t="s">
        <v>521</v>
      </c>
      <c r="B687" t="s">
        <v>522</v>
      </c>
      <c r="C687" t="s">
        <v>501</v>
      </c>
      <c r="D687" t="s">
        <v>502</v>
      </c>
      <c r="E687" t="s">
        <v>353</v>
      </c>
      <c r="F687" t="s">
        <v>354</v>
      </c>
      <c r="G687" t="s">
        <v>80</v>
      </c>
      <c r="H687" t="s">
        <v>81</v>
      </c>
      <c r="I687" s="2">
        <v>1</v>
      </c>
      <c r="J687" s="2">
        <v>0</v>
      </c>
      <c r="K687" s="2">
        <v>0</v>
      </c>
      <c r="L687" t="s">
        <v>120</v>
      </c>
      <c r="M687" t="s">
        <v>87</v>
      </c>
      <c r="N687" t="s">
        <v>88</v>
      </c>
      <c r="O687" t="s">
        <v>85</v>
      </c>
      <c r="P687" t="s">
        <v>86</v>
      </c>
      <c r="Q687">
        <v>27</v>
      </c>
      <c r="R687">
        <v>27</v>
      </c>
      <c r="S687">
        <v>27</v>
      </c>
      <c r="T687">
        <v>27</v>
      </c>
      <c r="U687">
        <v>27</v>
      </c>
      <c r="V687">
        <v>27</v>
      </c>
      <c r="W687">
        <v>27</v>
      </c>
      <c r="X687">
        <v>27</v>
      </c>
      <c r="Y687">
        <v>27</v>
      </c>
      <c r="Z687">
        <v>27</v>
      </c>
      <c r="AA687">
        <v>27</v>
      </c>
      <c r="AB687">
        <v>27</v>
      </c>
      <c r="AC687">
        <v>27</v>
      </c>
      <c r="AD687">
        <v>27</v>
      </c>
      <c r="AE687">
        <v>27</v>
      </c>
      <c r="AF687">
        <v>27</v>
      </c>
      <c r="AG687">
        <v>27</v>
      </c>
      <c r="AH687">
        <v>27</v>
      </c>
      <c r="AI687">
        <v>27</v>
      </c>
      <c r="AJ687">
        <v>28</v>
      </c>
      <c r="AK687">
        <v>28</v>
      </c>
      <c r="AL687">
        <v>28</v>
      </c>
      <c r="AM687">
        <v>28</v>
      </c>
      <c r="AN687">
        <v>28</v>
      </c>
      <c r="AO687">
        <v>28</v>
      </c>
      <c r="AP687">
        <v>28</v>
      </c>
      <c r="AQ687">
        <v>28</v>
      </c>
    </row>
    <row r="688" spans="1:43">
      <c r="A688" t="s">
        <v>521</v>
      </c>
      <c r="B688" t="s">
        <v>522</v>
      </c>
      <c r="C688" t="s">
        <v>501</v>
      </c>
      <c r="D688" t="s">
        <v>502</v>
      </c>
      <c r="E688" t="s">
        <v>353</v>
      </c>
      <c r="F688" t="s">
        <v>354</v>
      </c>
      <c r="G688" t="s">
        <v>80</v>
      </c>
      <c r="H688" t="s">
        <v>81</v>
      </c>
      <c r="I688" s="2">
        <v>1</v>
      </c>
      <c r="J688" s="2">
        <v>0</v>
      </c>
      <c r="K688" s="2">
        <v>0</v>
      </c>
      <c r="L688" t="s">
        <v>120</v>
      </c>
      <c r="M688" t="s">
        <v>89</v>
      </c>
      <c r="N688" t="s">
        <v>90</v>
      </c>
      <c r="O688" t="s">
        <v>85</v>
      </c>
      <c r="P688" t="s">
        <v>86</v>
      </c>
      <c r="Q688">
        <v>27</v>
      </c>
      <c r="R688">
        <v>28</v>
      </c>
      <c r="S688">
        <v>28</v>
      </c>
      <c r="T688">
        <v>29</v>
      </c>
      <c r="U688">
        <v>29</v>
      </c>
      <c r="V688">
        <v>30</v>
      </c>
      <c r="W688">
        <v>30</v>
      </c>
      <c r="X688">
        <v>31</v>
      </c>
      <c r="Y688">
        <v>31</v>
      </c>
      <c r="Z688">
        <v>31</v>
      </c>
      <c r="AA688">
        <v>32</v>
      </c>
      <c r="AB688">
        <v>32</v>
      </c>
      <c r="AC688">
        <v>32</v>
      </c>
      <c r="AD688">
        <v>33</v>
      </c>
      <c r="AE688">
        <v>33</v>
      </c>
      <c r="AF688">
        <v>33</v>
      </c>
      <c r="AG688">
        <v>33</v>
      </c>
      <c r="AH688">
        <v>33</v>
      </c>
      <c r="AI688">
        <v>33</v>
      </c>
      <c r="AJ688">
        <v>33</v>
      </c>
      <c r="AK688">
        <v>33</v>
      </c>
      <c r="AL688">
        <v>32</v>
      </c>
      <c r="AM688">
        <v>32</v>
      </c>
      <c r="AN688">
        <v>32</v>
      </c>
      <c r="AO688">
        <v>32</v>
      </c>
      <c r="AP688">
        <v>32</v>
      </c>
      <c r="AQ688">
        <v>32</v>
      </c>
    </row>
    <row r="689" spans="1:43">
      <c r="A689" t="s">
        <v>521</v>
      </c>
      <c r="B689" t="s">
        <v>522</v>
      </c>
      <c r="C689" t="s">
        <v>501</v>
      </c>
      <c r="D689" t="s">
        <v>502</v>
      </c>
      <c r="E689" t="s">
        <v>353</v>
      </c>
      <c r="F689" t="s">
        <v>354</v>
      </c>
      <c r="G689" t="s">
        <v>80</v>
      </c>
      <c r="H689" t="s">
        <v>81</v>
      </c>
      <c r="I689" s="2">
        <v>1</v>
      </c>
      <c r="J689" s="2">
        <v>0</v>
      </c>
      <c r="K689" s="2">
        <v>0</v>
      </c>
      <c r="L689" t="s">
        <v>120</v>
      </c>
      <c r="M689" t="s">
        <v>83</v>
      </c>
      <c r="N689" t="s">
        <v>91</v>
      </c>
      <c r="O689" t="s">
        <v>85</v>
      </c>
      <c r="P689" t="s">
        <v>86</v>
      </c>
      <c r="Q689">
        <v>27</v>
      </c>
      <c r="R689">
        <v>27</v>
      </c>
      <c r="S689">
        <v>28</v>
      </c>
      <c r="T689">
        <v>28</v>
      </c>
      <c r="U689">
        <v>28</v>
      </c>
      <c r="V689">
        <v>28</v>
      </c>
      <c r="W689">
        <v>29</v>
      </c>
      <c r="X689">
        <v>29</v>
      </c>
      <c r="Y689">
        <v>29</v>
      </c>
      <c r="Z689">
        <v>30</v>
      </c>
      <c r="AA689">
        <v>30</v>
      </c>
      <c r="AB689">
        <v>30</v>
      </c>
      <c r="AC689">
        <v>30</v>
      </c>
      <c r="AD689">
        <v>31</v>
      </c>
      <c r="AE689">
        <v>31</v>
      </c>
      <c r="AF689">
        <v>31</v>
      </c>
      <c r="AG689">
        <v>31</v>
      </c>
      <c r="AH689">
        <v>31</v>
      </c>
      <c r="AI689">
        <v>32</v>
      </c>
      <c r="AJ689">
        <v>32</v>
      </c>
      <c r="AK689">
        <v>32</v>
      </c>
      <c r="AL689">
        <v>32</v>
      </c>
      <c r="AM689">
        <v>32</v>
      </c>
      <c r="AN689">
        <v>32</v>
      </c>
      <c r="AO689">
        <v>32</v>
      </c>
      <c r="AP689">
        <v>32</v>
      </c>
      <c r="AQ689">
        <v>32</v>
      </c>
    </row>
    <row r="690" spans="1:43">
      <c r="A690" t="s">
        <v>523</v>
      </c>
      <c r="B690" t="s">
        <v>524</v>
      </c>
      <c r="C690" t="s">
        <v>505</v>
      </c>
      <c r="D690" t="s">
        <v>506</v>
      </c>
      <c r="E690" t="s">
        <v>353</v>
      </c>
      <c r="F690" t="s">
        <v>354</v>
      </c>
      <c r="G690" t="s">
        <v>80</v>
      </c>
      <c r="H690" t="s">
        <v>81</v>
      </c>
      <c r="I690" s="2">
        <v>1</v>
      </c>
      <c r="J690" s="2">
        <v>0</v>
      </c>
      <c r="K690" s="2">
        <v>0</v>
      </c>
      <c r="L690" t="s">
        <v>120</v>
      </c>
      <c r="M690" t="s">
        <v>83</v>
      </c>
      <c r="N690" t="s">
        <v>84</v>
      </c>
      <c r="O690" t="s">
        <v>85</v>
      </c>
      <c r="P690" t="s">
        <v>86</v>
      </c>
      <c r="Q690">
        <v>30</v>
      </c>
      <c r="R690">
        <v>30</v>
      </c>
      <c r="S690">
        <v>31</v>
      </c>
      <c r="T690">
        <v>31</v>
      </c>
      <c r="U690">
        <v>31</v>
      </c>
      <c r="V690">
        <v>32</v>
      </c>
      <c r="W690">
        <v>32</v>
      </c>
      <c r="X690">
        <v>32</v>
      </c>
      <c r="Y690">
        <v>33</v>
      </c>
      <c r="Z690">
        <v>33</v>
      </c>
      <c r="AA690">
        <v>33</v>
      </c>
      <c r="AB690">
        <v>34</v>
      </c>
      <c r="AC690">
        <v>34</v>
      </c>
      <c r="AD690">
        <v>34</v>
      </c>
      <c r="AE690">
        <v>34</v>
      </c>
      <c r="AF690">
        <v>35</v>
      </c>
      <c r="AG690">
        <v>35</v>
      </c>
      <c r="AH690">
        <v>35</v>
      </c>
      <c r="AI690">
        <v>35</v>
      </c>
      <c r="AJ690">
        <v>36</v>
      </c>
      <c r="AK690">
        <v>36</v>
      </c>
      <c r="AL690">
        <v>36</v>
      </c>
      <c r="AM690">
        <v>36</v>
      </c>
      <c r="AN690">
        <v>36</v>
      </c>
      <c r="AO690">
        <v>36</v>
      </c>
      <c r="AP690">
        <v>36</v>
      </c>
      <c r="AQ690">
        <v>36</v>
      </c>
    </row>
    <row r="691" spans="1:43">
      <c r="A691" t="s">
        <v>523</v>
      </c>
      <c r="B691" t="s">
        <v>524</v>
      </c>
      <c r="C691" t="s">
        <v>505</v>
      </c>
      <c r="D691" t="s">
        <v>506</v>
      </c>
      <c r="E691" t="s">
        <v>353</v>
      </c>
      <c r="F691" t="s">
        <v>354</v>
      </c>
      <c r="G691" t="s">
        <v>80</v>
      </c>
      <c r="H691" t="s">
        <v>81</v>
      </c>
      <c r="I691" s="2">
        <v>1</v>
      </c>
      <c r="J691" s="2">
        <v>0</v>
      </c>
      <c r="K691" s="2">
        <v>0</v>
      </c>
      <c r="L691" t="s">
        <v>120</v>
      </c>
      <c r="M691" t="s">
        <v>87</v>
      </c>
      <c r="N691" t="s">
        <v>88</v>
      </c>
      <c r="O691" t="s">
        <v>85</v>
      </c>
      <c r="P691" t="s">
        <v>86</v>
      </c>
      <c r="Q691">
        <v>30</v>
      </c>
      <c r="R691">
        <v>30</v>
      </c>
      <c r="S691">
        <v>30</v>
      </c>
      <c r="T691">
        <v>30</v>
      </c>
      <c r="U691">
        <v>30</v>
      </c>
      <c r="V691">
        <v>30</v>
      </c>
      <c r="W691">
        <v>30</v>
      </c>
      <c r="X691">
        <v>30</v>
      </c>
      <c r="Y691">
        <v>30</v>
      </c>
      <c r="Z691">
        <v>30</v>
      </c>
      <c r="AA691">
        <v>30</v>
      </c>
      <c r="AB691">
        <v>30</v>
      </c>
      <c r="AC691">
        <v>31</v>
      </c>
      <c r="AD691">
        <v>31</v>
      </c>
      <c r="AE691">
        <v>31</v>
      </c>
      <c r="AF691">
        <v>31</v>
      </c>
      <c r="AG691">
        <v>31</v>
      </c>
      <c r="AH691">
        <v>31</v>
      </c>
      <c r="AI691">
        <v>31</v>
      </c>
      <c r="AJ691">
        <v>31</v>
      </c>
      <c r="AK691">
        <v>31</v>
      </c>
      <c r="AL691">
        <v>31</v>
      </c>
      <c r="AM691">
        <v>31</v>
      </c>
      <c r="AN691">
        <v>31</v>
      </c>
      <c r="AO691">
        <v>31</v>
      </c>
      <c r="AP691">
        <v>31</v>
      </c>
      <c r="AQ691">
        <v>31</v>
      </c>
    </row>
    <row r="692" spans="1:43">
      <c r="A692" t="s">
        <v>523</v>
      </c>
      <c r="B692" t="s">
        <v>524</v>
      </c>
      <c r="C692" t="s">
        <v>505</v>
      </c>
      <c r="D692" t="s">
        <v>506</v>
      </c>
      <c r="E692" t="s">
        <v>353</v>
      </c>
      <c r="F692" t="s">
        <v>354</v>
      </c>
      <c r="G692" t="s">
        <v>80</v>
      </c>
      <c r="H692" t="s">
        <v>81</v>
      </c>
      <c r="I692" s="2">
        <v>1</v>
      </c>
      <c r="J692" s="2">
        <v>0</v>
      </c>
      <c r="K692" s="2">
        <v>0</v>
      </c>
      <c r="L692" t="s">
        <v>120</v>
      </c>
      <c r="M692" t="s">
        <v>89</v>
      </c>
      <c r="N692" t="s">
        <v>90</v>
      </c>
      <c r="O692" t="s">
        <v>85</v>
      </c>
      <c r="P692" t="s">
        <v>86</v>
      </c>
      <c r="Q692">
        <v>30</v>
      </c>
      <c r="R692">
        <v>31</v>
      </c>
      <c r="S692">
        <v>32</v>
      </c>
      <c r="T692">
        <v>32</v>
      </c>
      <c r="U692">
        <v>33</v>
      </c>
      <c r="V692">
        <v>33</v>
      </c>
      <c r="W692">
        <v>34</v>
      </c>
      <c r="X692">
        <v>34</v>
      </c>
      <c r="Y692">
        <v>35</v>
      </c>
      <c r="Z692">
        <v>35</v>
      </c>
      <c r="AA692">
        <v>35</v>
      </c>
      <c r="AB692">
        <v>36</v>
      </c>
      <c r="AC692">
        <v>36</v>
      </c>
      <c r="AD692">
        <v>37</v>
      </c>
      <c r="AE692">
        <v>37</v>
      </c>
      <c r="AF692">
        <v>37</v>
      </c>
      <c r="AG692">
        <v>37</v>
      </c>
      <c r="AH692">
        <v>37</v>
      </c>
      <c r="AI692">
        <v>37</v>
      </c>
      <c r="AJ692">
        <v>36</v>
      </c>
      <c r="AK692">
        <v>36</v>
      </c>
      <c r="AL692">
        <v>36</v>
      </c>
      <c r="AM692">
        <v>36</v>
      </c>
      <c r="AN692">
        <v>36</v>
      </c>
      <c r="AO692">
        <v>36</v>
      </c>
      <c r="AP692">
        <v>36</v>
      </c>
      <c r="AQ692">
        <v>36</v>
      </c>
    </row>
    <row r="693" spans="1:43">
      <c r="A693" t="s">
        <v>523</v>
      </c>
      <c r="B693" t="s">
        <v>524</v>
      </c>
      <c r="C693" t="s">
        <v>505</v>
      </c>
      <c r="D693" t="s">
        <v>506</v>
      </c>
      <c r="E693" t="s">
        <v>353</v>
      </c>
      <c r="F693" t="s">
        <v>354</v>
      </c>
      <c r="G693" t="s">
        <v>80</v>
      </c>
      <c r="H693" t="s">
        <v>81</v>
      </c>
      <c r="I693" s="2">
        <v>1</v>
      </c>
      <c r="J693" s="2">
        <v>0</v>
      </c>
      <c r="K693" s="2">
        <v>0</v>
      </c>
      <c r="L693" t="s">
        <v>120</v>
      </c>
      <c r="M693" t="s">
        <v>83</v>
      </c>
      <c r="N693" t="s">
        <v>91</v>
      </c>
      <c r="O693" t="s">
        <v>85</v>
      </c>
      <c r="P693" t="s">
        <v>86</v>
      </c>
      <c r="Q693">
        <v>30</v>
      </c>
      <c r="R693">
        <v>30</v>
      </c>
      <c r="S693">
        <v>31</v>
      </c>
      <c r="T693">
        <v>31</v>
      </c>
      <c r="U693">
        <v>31</v>
      </c>
      <c r="V693">
        <v>32</v>
      </c>
      <c r="W693">
        <v>32</v>
      </c>
      <c r="X693">
        <v>32</v>
      </c>
      <c r="Y693">
        <v>33</v>
      </c>
      <c r="Z693">
        <v>33</v>
      </c>
      <c r="AA693">
        <v>33</v>
      </c>
      <c r="AB693">
        <v>34</v>
      </c>
      <c r="AC693">
        <v>34</v>
      </c>
      <c r="AD693">
        <v>34</v>
      </c>
      <c r="AE693">
        <v>34</v>
      </c>
      <c r="AF693">
        <v>35</v>
      </c>
      <c r="AG693">
        <v>35</v>
      </c>
      <c r="AH693">
        <v>35</v>
      </c>
      <c r="AI693">
        <v>35</v>
      </c>
      <c r="AJ693">
        <v>36</v>
      </c>
      <c r="AK693">
        <v>36</v>
      </c>
      <c r="AL693">
        <v>36</v>
      </c>
      <c r="AM693">
        <v>36</v>
      </c>
      <c r="AN693">
        <v>36</v>
      </c>
      <c r="AO693">
        <v>36</v>
      </c>
      <c r="AP693">
        <v>36</v>
      </c>
      <c r="AQ693">
        <v>36</v>
      </c>
    </row>
    <row r="694" spans="1:43">
      <c r="A694" t="s">
        <v>525</v>
      </c>
      <c r="B694" t="s">
        <v>526</v>
      </c>
      <c r="C694" t="s">
        <v>527</v>
      </c>
      <c r="D694" t="s">
        <v>528</v>
      </c>
      <c r="E694" t="s">
        <v>353</v>
      </c>
      <c r="F694" t="s">
        <v>354</v>
      </c>
      <c r="G694" t="s">
        <v>80</v>
      </c>
      <c r="H694" t="s">
        <v>81</v>
      </c>
      <c r="I694" s="2">
        <v>1</v>
      </c>
      <c r="J694" s="2">
        <v>0</v>
      </c>
      <c r="K694" s="2">
        <v>0</v>
      </c>
      <c r="L694" t="s">
        <v>120</v>
      </c>
      <c r="M694" t="s">
        <v>83</v>
      </c>
      <c r="N694" t="s">
        <v>84</v>
      </c>
      <c r="O694" t="s">
        <v>85</v>
      </c>
      <c r="P694" t="s">
        <v>86</v>
      </c>
      <c r="Q694">
        <v>21</v>
      </c>
      <c r="R694">
        <v>22</v>
      </c>
      <c r="S694">
        <v>22</v>
      </c>
      <c r="T694">
        <v>22</v>
      </c>
      <c r="U694">
        <v>22</v>
      </c>
      <c r="V694">
        <v>23</v>
      </c>
      <c r="W694">
        <v>23</v>
      </c>
      <c r="X694">
        <v>23</v>
      </c>
      <c r="Y694">
        <v>23</v>
      </c>
      <c r="Z694">
        <v>23</v>
      </c>
      <c r="AA694">
        <v>24</v>
      </c>
      <c r="AB694">
        <v>24</v>
      </c>
      <c r="AC694">
        <v>24</v>
      </c>
      <c r="AD694">
        <v>24</v>
      </c>
      <c r="AE694">
        <v>24</v>
      </c>
      <c r="AF694">
        <v>25</v>
      </c>
      <c r="AG694">
        <v>25</v>
      </c>
      <c r="AH694">
        <v>25</v>
      </c>
      <c r="AI694">
        <v>25</v>
      </c>
      <c r="AJ694">
        <v>25</v>
      </c>
      <c r="AK694">
        <v>25</v>
      </c>
      <c r="AL694">
        <v>25</v>
      </c>
      <c r="AM694">
        <v>25</v>
      </c>
      <c r="AN694">
        <v>25</v>
      </c>
      <c r="AO694">
        <v>25</v>
      </c>
      <c r="AP694">
        <v>25</v>
      </c>
      <c r="AQ694">
        <v>25</v>
      </c>
    </row>
    <row r="695" spans="1:43">
      <c r="A695" t="s">
        <v>525</v>
      </c>
      <c r="B695" t="s">
        <v>526</v>
      </c>
      <c r="C695" t="s">
        <v>527</v>
      </c>
      <c r="D695" t="s">
        <v>528</v>
      </c>
      <c r="E695" t="s">
        <v>353</v>
      </c>
      <c r="F695" t="s">
        <v>354</v>
      </c>
      <c r="G695" t="s">
        <v>80</v>
      </c>
      <c r="H695" t="s">
        <v>81</v>
      </c>
      <c r="I695" s="2">
        <v>1</v>
      </c>
      <c r="J695" s="2">
        <v>0</v>
      </c>
      <c r="K695" s="2">
        <v>0</v>
      </c>
      <c r="L695" t="s">
        <v>120</v>
      </c>
      <c r="M695" t="s">
        <v>87</v>
      </c>
      <c r="N695" t="s">
        <v>88</v>
      </c>
      <c r="O695" t="s">
        <v>85</v>
      </c>
      <c r="P695" t="s">
        <v>86</v>
      </c>
      <c r="Q695">
        <v>21</v>
      </c>
      <c r="R695">
        <v>21</v>
      </c>
      <c r="S695">
        <v>21</v>
      </c>
      <c r="T695">
        <v>21</v>
      </c>
      <c r="U695">
        <v>21</v>
      </c>
      <c r="V695">
        <v>21</v>
      </c>
      <c r="W695">
        <v>21</v>
      </c>
      <c r="X695">
        <v>22</v>
      </c>
      <c r="Y695">
        <v>22</v>
      </c>
      <c r="Z695">
        <v>22</v>
      </c>
      <c r="AA695">
        <v>22</v>
      </c>
      <c r="AB695">
        <v>22</v>
      </c>
      <c r="AC695">
        <v>22</v>
      </c>
      <c r="AD695">
        <v>22</v>
      </c>
      <c r="AE695">
        <v>22</v>
      </c>
      <c r="AF695">
        <v>22</v>
      </c>
      <c r="AG695">
        <v>22</v>
      </c>
      <c r="AH695">
        <v>22</v>
      </c>
      <c r="AI695">
        <v>22</v>
      </c>
      <c r="AJ695">
        <v>22</v>
      </c>
      <c r="AK695">
        <v>22</v>
      </c>
      <c r="AL695">
        <v>22</v>
      </c>
      <c r="AM695">
        <v>22</v>
      </c>
      <c r="AN695">
        <v>22</v>
      </c>
      <c r="AO695">
        <v>22</v>
      </c>
      <c r="AP695">
        <v>22</v>
      </c>
      <c r="AQ695">
        <v>22</v>
      </c>
    </row>
    <row r="696" spans="1:43">
      <c r="A696" t="s">
        <v>525</v>
      </c>
      <c r="B696" t="s">
        <v>526</v>
      </c>
      <c r="C696" t="s">
        <v>527</v>
      </c>
      <c r="D696" t="s">
        <v>528</v>
      </c>
      <c r="E696" t="s">
        <v>353</v>
      </c>
      <c r="F696" t="s">
        <v>354</v>
      </c>
      <c r="G696" t="s">
        <v>80</v>
      </c>
      <c r="H696" t="s">
        <v>81</v>
      </c>
      <c r="I696" s="2">
        <v>1</v>
      </c>
      <c r="J696" s="2">
        <v>0</v>
      </c>
      <c r="K696" s="2">
        <v>0</v>
      </c>
      <c r="L696" t="s">
        <v>120</v>
      </c>
      <c r="M696" t="s">
        <v>89</v>
      </c>
      <c r="N696" t="s">
        <v>90</v>
      </c>
      <c r="O696" t="s">
        <v>85</v>
      </c>
      <c r="P696" t="s">
        <v>86</v>
      </c>
      <c r="Q696">
        <v>21</v>
      </c>
      <c r="R696">
        <v>21</v>
      </c>
      <c r="S696">
        <v>21</v>
      </c>
      <c r="T696">
        <v>22</v>
      </c>
      <c r="U696">
        <v>22</v>
      </c>
      <c r="V696">
        <v>23</v>
      </c>
      <c r="W696">
        <v>23</v>
      </c>
      <c r="X696">
        <v>23</v>
      </c>
      <c r="Y696">
        <v>24</v>
      </c>
      <c r="Z696">
        <v>24</v>
      </c>
      <c r="AA696">
        <v>24</v>
      </c>
      <c r="AB696">
        <v>24</v>
      </c>
      <c r="AC696">
        <v>25</v>
      </c>
      <c r="AD696">
        <v>25</v>
      </c>
      <c r="AE696">
        <v>25</v>
      </c>
      <c r="AF696">
        <v>25</v>
      </c>
      <c r="AG696">
        <v>25</v>
      </c>
      <c r="AH696">
        <v>25</v>
      </c>
      <c r="AI696">
        <v>25</v>
      </c>
      <c r="AJ696">
        <v>25</v>
      </c>
      <c r="AK696">
        <v>25</v>
      </c>
      <c r="AL696">
        <v>25</v>
      </c>
      <c r="AM696">
        <v>25</v>
      </c>
      <c r="AN696">
        <v>25</v>
      </c>
      <c r="AO696">
        <v>24</v>
      </c>
      <c r="AP696">
        <v>24</v>
      </c>
      <c r="AQ696">
        <v>24</v>
      </c>
    </row>
    <row r="697" spans="1:43">
      <c r="A697" t="s">
        <v>525</v>
      </c>
      <c r="B697" t="s">
        <v>526</v>
      </c>
      <c r="C697" t="s">
        <v>527</v>
      </c>
      <c r="D697" t="s">
        <v>528</v>
      </c>
      <c r="E697" t="s">
        <v>353</v>
      </c>
      <c r="F697" t="s">
        <v>354</v>
      </c>
      <c r="G697" t="s">
        <v>80</v>
      </c>
      <c r="H697" t="s">
        <v>81</v>
      </c>
      <c r="I697" s="2">
        <v>1</v>
      </c>
      <c r="J697" s="2">
        <v>0</v>
      </c>
      <c r="K697" s="2">
        <v>0</v>
      </c>
      <c r="L697" t="s">
        <v>120</v>
      </c>
      <c r="M697" t="s">
        <v>83</v>
      </c>
      <c r="N697" t="s">
        <v>91</v>
      </c>
      <c r="O697" t="s">
        <v>85</v>
      </c>
      <c r="P697" t="s">
        <v>86</v>
      </c>
      <c r="Q697">
        <v>21</v>
      </c>
      <c r="R697">
        <v>22</v>
      </c>
      <c r="S697">
        <v>22</v>
      </c>
      <c r="T697">
        <v>22</v>
      </c>
      <c r="U697">
        <v>22</v>
      </c>
      <c r="V697">
        <v>23</v>
      </c>
      <c r="W697">
        <v>23</v>
      </c>
      <c r="X697">
        <v>23</v>
      </c>
      <c r="Y697">
        <v>23</v>
      </c>
      <c r="Z697">
        <v>23</v>
      </c>
      <c r="AA697">
        <v>24</v>
      </c>
      <c r="AB697">
        <v>24</v>
      </c>
      <c r="AC697">
        <v>24</v>
      </c>
      <c r="AD697">
        <v>24</v>
      </c>
      <c r="AE697">
        <v>24</v>
      </c>
      <c r="AF697">
        <v>25</v>
      </c>
      <c r="AG697">
        <v>25</v>
      </c>
      <c r="AH697">
        <v>25</v>
      </c>
      <c r="AI697">
        <v>25</v>
      </c>
      <c r="AJ697">
        <v>25</v>
      </c>
      <c r="AK697">
        <v>25</v>
      </c>
      <c r="AL697">
        <v>25</v>
      </c>
      <c r="AM697">
        <v>25</v>
      </c>
      <c r="AN697">
        <v>25</v>
      </c>
      <c r="AO697">
        <v>25</v>
      </c>
      <c r="AP697">
        <v>25</v>
      </c>
      <c r="AQ697">
        <v>25</v>
      </c>
    </row>
    <row r="698" spans="1:43">
      <c r="A698" t="s">
        <v>529</v>
      </c>
      <c r="B698" t="s">
        <v>530</v>
      </c>
      <c r="C698" t="s">
        <v>527</v>
      </c>
      <c r="D698" t="s">
        <v>528</v>
      </c>
      <c r="E698" t="s">
        <v>353</v>
      </c>
      <c r="F698" t="s">
        <v>354</v>
      </c>
      <c r="G698" t="s">
        <v>80</v>
      </c>
      <c r="H698" t="s">
        <v>81</v>
      </c>
      <c r="I698" s="2">
        <v>1</v>
      </c>
      <c r="J698" s="2">
        <v>0</v>
      </c>
      <c r="K698" s="2">
        <v>0</v>
      </c>
      <c r="L698" t="s">
        <v>120</v>
      </c>
      <c r="M698" t="s">
        <v>83</v>
      </c>
      <c r="N698" t="s">
        <v>84</v>
      </c>
      <c r="O698" t="s">
        <v>85</v>
      </c>
      <c r="P698" t="s">
        <v>86</v>
      </c>
      <c r="Q698">
        <v>11</v>
      </c>
      <c r="R698">
        <v>11</v>
      </c>
      <c r="S698">
        <v>11</v>
      </c>
      <c r="T698">
        <v>11</v>
      </c>
      <c r="U698">
        <v>11</v>
      </c>
      <c r="V698">
        <v>12</v>
      </c>
      <c r="W698">
        <v>12</v>
      </c>
      <c r="X698">
        <v>12</v>
      </c>
      <c r="Y698">
        <v>12</v>
      </c>
      <c r="Z698">
        <v>12</v>
      </c>
      <c r="AA698">
        <v>12</v>
      </c>
      <c r="AB698">
        <v>12</v>
      </c>
      <c r="AC698">
        <v>12</v>
      </c>
      <c r="AD698">
        <v>12</v>
      </c>
      <c r="AE698">
        <v>13</v>
      </c>
      <c r="AF698">
        <v>13</v>
      </c>
      <c r="AG698">
        <v>13</v>
      </c>
      <c r="AH698">
        <v>13</v>
      </c>
      <c r="AI698">
        <v>13</v>
      </c>
      <c r="AJ698">
        <v>13</v>
      </c>
      <c r="AK698">
        <v>13</v>
      </c>
      <c r="AL698">
        <v>13</v>
      </c>
      <c r="AM698">
        <v>13</v>
      </c>
      <c r="AN698">
        <v>13</v>
      </c>
      <c r="AO698">
        <v>13</v>
      </c>
      <c r="AP698">
        <v>13</v>
      </c>
      <c r="AQ698">
        <v>13</v>
      </c>
    </row>
    <row r="699" spans="1:43">
      <c r="A699" t="s">
        <v>529</v>
      </c>
      <c r="B699" t="s">
        <v>530</v>
      </c>
      <c r="C699" t="s">
        <v>527</v>
      </c>
      <c r="D699" t="s">
        <v>528</v>
      </c>
      <c r="E699" t="s">
        <v>353</v>
      </c>
      <c r="F699" t="s">
        <v>354</v>
      </c>
      <c r="G699" t="s">
        <v>80</v>
      </c>
      <c r="H699" t="s">
        <v>81</v>
      </c>
      <c r="I699" s="2">
        <v>1</v>
      </c>
      <c r="J699" s="2">
        <v>0</v>
      </c>
      <c r="K699" s="2">
        <v>0</v>
      </c>
      <c r="L699" t="s">
        <v>120</v>
      </c>
      <c r="M699" t="s">
        <v>87</v>
      </c>
      <c r="N699" t="s">
        <v>88</v>
      </c>
      <c r="O699" t="s">
        <v>85</v>
      </c>
      <c r="P699" t="s">
        <v>86</v>
      </c>
      <c r="Q699">
        <v>11</v>
      </c>
      <c r="R699">
        <v>11</v>
      </c>
      <c r="S699">
        <v>11</v>
      </c>
      <c r="T699">
        <v>11</v>
      </c>
      <c r="U699">
        <v>11</v>
      </c>
      <c r="V699">
        <v>11</v>
      </c>
      <c r="W699">
        <v>11</v>
      </c>
      <c r="X699">
        <v>11</v>
      </c>
      <c r="Y699">
        <v>11</v>
      </c>
      <c r="Z699">
        <v>11</v>
      </c>
      <c r="AA699">
        <v>11</v>
      </c>
      <c r="AB699">
        <v>11</v>
      </c>
      <c r="AC699">
        <v>11</v>
      </c>
      <c r="AD699">
        <v>11</v>
      </c>
      <c r="AE699">
        <v>11</v>
      </c>
      <c r="AF699">
        <v>11</v>
      </c>
      <c r="AG699">
        <v>11</v>
      </c>
      <c r="AH699">
        <v>11</v>
      </c>
      <c r="AI699">
        <v>11</v>
      </c>
      <c r="AJ699">
        <v>11</v>
      </c>
      <c r="AK699">
        <v>11</v>
      </c>
      <c r="AL699">
        <v>11</v>
      </c>
      <c r="AM699">
        <v>11</v>
      </c>
      <c r="AN699">
        <v>11</v>
      </c>
      <c r="AO699">
        <v>11</v>
      </c>
      <c r="AP699">
        <v>11</v>
      </c>
      <c r="AQ699">
        <v>11</v>
      </c>
    </row>
    <row r="700" spans="1:43">
      <c r="A700" t="s">
        <v>529</v>
      </c>
      <c r="B700" t="s">
        <v>530</v>
      </c>
      <c r="C700" t="s">
        <v>527</v>
      </c>
      <c r="D700" t="s">
        <v>528</v>
      </c>
      <c r="E700" t="s">
        <v>353</v>
      </c>
      <c r="F700" t="s">
        <v>354</v>
      </c>
      <c r="G700" t="s">
        <v>80</v>
      </c>
      <c r="H700" t="s">
        <v>81</v>
      </c>
      <c r="I700" s="2">
        <v>1</v>
      </c>
      <c r="J700" s="2">
        <v>0</v>
      </c>
      <c r="K700" s="2">
        <v>0</v>
      </c>
      <c r="L700" t="s">
        <v>120</v>
      </c>
      <c r="M700" t="s">
        <v>89</v>
      </c>
      <c r="N700" t="s">
        <v>90</v>
      </c>
      <c r="O700" t="s">
        <v>85</v>
      </c>
      <c r="P700" t="s">
        <v>86</v>
      </c>
      <c r="Q700">
        <v>11</v>
      </c>
      <c r="R700">
        <v>11</v>
      </c>
      <c r="S700">
        <v>12</v>
      </c>
      <c r="T700">
        <v>12</v>
      </c>
      <c r="U700">
        <v>12</v>
      </c>
      <c r="V700">
        <v>12</v>
      </c>
      <c r="W700">
        <v>12</v>
      </c>
      <c r="X700">
        <v>12</v>
      </c>
      <c r="Y700">
        <v>13</v>
      </c>
      <c r="Z700">
        <v>13</v>
      </c>
      <c r="AA700">
        <v>13</v>
      </c>
      <c r="AB700">
        <v>13</v>
      </c>
      <c r="AC700">
        <v>13</v>
      </c>
      <c r="AD700">
        <v>13</v>
      </c>
      <c r="AE700">
        <v>13</v>
      </c>
      <c r="AF700">
        <v>13</v>
      </c>
      <c r="AG700">
        <v>13</v>
      </c>
      <c r="AH700">
        <v>13</v>
      </c>
      <c r="AI700">
        <v>13</v>
      </c>
      <c r="AJ700">
        <v>13</v>
      </c>
      <c r="AK700">
        <v>13</v>
      </c>
      <c r="AL700">
        <v>13</v>
      </c>
      <c r="AM700">
        <v>13</v>
      </c>
      <c r="AN700">
        <v>13</v>
      </c>
      <c r="AO700">
        <v>13</v>
      </c>
      <c r="AP700">
        <v>13</v>
      </c>
      <c r="AQ700">
        <v>13</v>
      </c>
    </row>
    <row r="701" spans="1:43">
      <c r="A701" t="s">
        <v>529</v>
      </c>
      <c r="B701" t="s">
        <v>530</v>
      </c>
      <c r="C701" t="s">
        <v>527</v>
      </c>
      <c r="D701" t="s">
        <v>528</v>
      </c>
      <c r="E701" t="s">
        <v>353</v>
      </c>
      <c r="F701" t="s">
        <v>354</v>
      </c>
      <c r="G701" t="s">
        <v>80</v>
      </c>
      <c r="H701" t="s">
        <v>81</v>
      </c>
      <c r="I701" s="2">
        <v>1</v>
      </c>
      <c r="J701" s="2">
        <v>0</v>
      </c>
      <c r="K701" s="2">
        <v>0</v>
      </c>
      <c r="L701" t="s">
        <v>120</v>
      </c>
      <c r="M701" t="s">
        <v>83</v>
      </c>
      <c r="N701" t="s">
        <v>91</v>
      </c>
      <c r="O701" t="s">
        <v>85</v>
      </c>
      <c r="P701" t="s">
        <v>86</v>
      </c>
      <c r="Q701">
        <v>11</v>
      </c>
      <c r="R701">
        <v>11</v>
      </c>
      <c r="S701">
        <v>11</v>
      </c>
      <c r="T701">
        <v>11</v>
      </c>
      <c r="U701">
        <v>11</v>
      </c>
      <c r="V701">
        <v>12</v>
      </c>
      <c r="W701">
        <v>12</v>
      </c>
      <c r="X701">
        <v>12</v>
      </c>
      <c r="Y701">
        <v>12</v>
      </c>
      <c r="Z701">
        <v>12</v>
      </c>
      <c r="AA701">
        <v>12</v>
      </c>
      <c r="AB701">
        <v>12</v>
      </c>
      <c r="AC701">
        <v>12</v>
      </c>
      <c r="AD701">
        <v>12</v>
      </c>
      <c r="AE701">
        <v>13</v>
      </c>
      <c r="AF701">
        <v>13</v>
      </c>
      <c r="AG701">
        <v>13</v>
      </c>
      <c r="AH701">
        <v>13</v>
      </c>
      <c r="AI701">
        <v>13</v>
      </c>
      <c r="AJ701">
        <v>13</v>
      </c>
      <c r="AK701">
        <v>13</v>
      </c>
      <c r="AL701">
        <v>13</v>
      </c>
      <c r="AM701">
        <v>13</v>
      </c>
      <c r="AN701">
        <v>13</v>
      </c>
      <c r="AO701">
        <v>13</v>
      </c>
      <c r="AP701">
        <v>13</v>
      </c>
      <c r="AQ701">
        <v>13</v>
      </c>
    </row>
    <row r="702" spans="1:43">
      <c r="A702" t="s">
        <v>531</v>
      </c>
      <c r="B702" t="s">
        <v>532</v>
      </c>
      <c r="C702" t="s">
        <v>527</v>
      </c>
      <c r="D702" t="s">
        <v>528</v>
      </c>
      <c r="E702" t="s">
        <v>353</v>
      </c>
      <c r="F702" t="s">
        <v>354</v>
      </c>
      <c r="G702" t="s">
        <v>80</v>
      </c>
      <c r="H702" t="s">
        <v>81</v>
      </c>
      <c r="I702" s="2">
        <v>1</v>
      </c>
      <c r="J702" s="2">
        <v>0</v>
      </c>
      <c r="K702" s="2">
        <v>0</v>
      </c>
      <c r="L702" t="s">
        <v>120</v>
      </c>
      <c r="M702" t="s">
        <v>83</v>
      </c>
      <c r="N702" t="s">
        <v>84</v>
      </c>
      <c r="O702" t="s">
        <v>85</v>
      </c>
      <c r="P702" t="s">
        <v>86</v>
      </c>
      <c r="Q702">
        <v>19</v>
      </c>
      <c r="R702">
        <v>19</v>
      </c>
      <c r="S702">
        <v>20</v>
      </c>
      <c r="T702">
        <v>20</v>
      </c>
      <c r="U702">
        <v>20</v>
      </c>
      <c r="V702">
        <v>20</v>
      </c>
      <c r="W702">
        <v>20</v>
      </c>
      <c r="X702">
        <v>21</v>
      </c>
      <c r="Y702">
        <v>21</v>
      </c>
      <c r="Z702">
        <v>21</v>
      </c>
      <c r="AA702">
        <v>21</v>
      </c>
      <c r="AB702">
        <v>21</v>
      </c>
      <c r="AC702">
        <v>22</v>
      </c>
      <c r="AD702">
        <v>22</v>
      </c>
      <c r="AE702">
        <v>22</v>
      </c>
      <c r="AF702">
        <v>22</v>
      </c>
      <c r="AG702">
        <v>22</v>
      </c>
      <c r="AH702">
        <v>22</v>
      </c>
      <c r="AI702">
        <v>23</v>
      </c>
      <c r="AJ702">
        <v>23</v>
      </c>
      <c r="AK702">
        <v>23</v>
      </c>
      <c r="AL702">
        <v>23</v>
      </c>
      <c r="AM702">
        <v>23</v>
      </c>
      <c r="AN702">
        <v>23</v>
      </c>
      <c r="AO702">
        <v>23</v>
      </c>
      <c r="AP702">
        <v>23</v>
      </c>
      <c r="AQ702">
        <v>22</v>
      </c>
    </row>
    <row r="703" spans="1:43">
      <c r="A703" t="s">
        <v>531</v>
      </c>
      <c r="B703" t="s">
        <v>532</v>
      </c>
      <c r="C703" t="s">
        <v>527</v>
      </c>
      <c r="D703" t="s">
        <v>528</v>
      </c>
      <c r="E703" t="s">
        <v>353</v>
      </c>
      <c r="F703" t="s">
        <v>354</v>
      </c>
      <c r="G703" t="s">
        <v>80</v>
      </c>
      <c r="H703" t="s">
        <v>81</v>
      </c>
      <c r="I703" s="2">
        <v>1</v>
      </c>
      <c r="J703" s="2">
        <v>0</v>
      </c>
      <c r="K703" s="2">
        <v>0</v>
      </c>
      <c r="L703" t="s">
        <v>120</v>
      </c>
      <c r="M703" t="s">
        <v>87</v>
      </c>
      <c r="N703" t="s">
        <v>88</v>
      </c>
      <c r="O703" t="s">
        <v>85</v>
      </c>
      <c r="P703" t="s">
        <v>86</v>
      </c>
      <c r="Q703">
        <v>19</v>
      </c>
      <c r="R703">
        <v>19</v>
      </c>
      <c r="S703">
        <v>19</v>
      </c>
      <c r="T703">
        <v>19</v>
      </c>
      <c r="U703">
        <v>19</v>
      </c>
      <c r="V703">
        <v>19</v>
      </c>
      <c r="W703">
        <v>19</v>
      </c>
      <c r="X703">
        <v>19</v>
      </c>
      <c r="Y703">
        <v>19</v>
      </c>
      <c r="Z703">
        <v>19</v>
      </c>
      <c r="AA703">
        <v>19</v>
      </c>
      <c r="AB703">
        <v>19</v>
      </c>
      <c r="AC703">
        <v>19</v>
      </c>
      <c r="AD703">
        <v>19</v>
      </c>
      <c r="AE703">
        <v>19</v>
      </c>
      <c r="AF703">
        <v>19</v>
      </c>
      <c r="AG703">
        <v>19</v>
      </c>
      <c r="AH703">
        <v>19</v>
      </c>
      <c r="AI703">
        <v>19</v>
      </c>
      <c r="AJ703">
        <v>19</v>
      </c>
      <c r="AK703">
        <v>20</v>
      </c>
      <c r="AL703">
        <v>20</v>
      </c>
      <c r="AM703">
        <v>20</v>
      </c>
      <c r="AN703">
        <v>20</v>
      </c>
      <c r="AO703">
        <v>20</v>
      </c>
      <c r="AP703">
        <v>20</v>
      </c>
      <c r="AQ703">
        <v>20</v>
      </c>
    </row>
    <row r="704" spans="1:43">
      <c r="A704" t="s">
        <v>531</v>
      </c>
      <c r="B704" t="s">
        <v>532</v>
      </c>
      <c r="C704" t="s">
        <v>527</v>
      </c>
      <c r="D704" t="s">
        <v>528</v>
      </c>
      <c r="E704" t="s">
        <v>353</v>
      </c>
      <c r="F704" t="s">
        <v>354</v>
      </c>
      <c r="G704" t="s">
        <v>80</v>
      </c>
      <c r="H704" t="s">
        <v>81</v>
      </c>
      <c r="I704" s="2">
        <v>1</v>
      </c>
      <c r="J704" s="2">
        <v>0</v>
      </c>
      <c r="K704" s="2">
        <v>0</v>
      </c>
      <c r="L704" t="s">
        <v>120</v>
      </c>
      <c r="M704" t="s">
        <v>89</v>
      </c>
      <c r="N704" t="s">
        <v>90</v>
      </c>
      <c r="O704" t="s">
        <v>85</v>
      </c>
      <c r="P704" t="s">
        <v>86</v>
      </c>
      <c r="Q704">
        <v>19</v>
      </c>
      <c r="R704">
        <v>20</v>
      </c>
      <c r="S704">
        <v>20</v>
      </c>
      <c r="T704">
        <v>21</v>
      </c>
      <c r="U704">
        <v>21</v>
      </c>
      <c r="V704">
        <v>21</v>
      </c>
      <c r="W704">
        <v>21</v>
      </c>
      <c r="X704">
        <v>22</v>
      </c>
      <c r="Y704">
        <v>22</v>
      </c>
      <c r="Z704">
        <v>22</v>
      </c>
      <c r="AA704">
        <v>23</v>
      </c>
      <c r="AB704">
        <v>23</v>
      </c>
      <c r="AC704">
        <v>23</v>
      </c>
      <c r="AD704">
        <v>23</v>
      </c>
      <c r="AE704">
        <v>23</v>
      </c>
      <c r="AF704">
        <v>23</v>
      </c>
      <c r="AG704">
        <v>23</v>
      </c>
      <c r="AH704">
        <v>23</v>
      </c>
      <c r="AI704">
        <v>23</v>
      </c>
      <c r="AJ704">
        <v>23</v>
      </c>
      <c r="AK704">
        <v>23</v>
      </c>
      <c r="AL704">
        <v>23</v>
      </c>
      <c r="AM704">
        <v>23</v>
      </c>
      <c r="AN704">
        <v>23</v>
      </c>
      <c r="AO704">
        <v>23</v>
      </c>
      <c r="AP704">
        <v>23</v>
      </c>
      <c r="AQ704">
        <v>23</v>
      </c>
    </row>
    <row r="705" spans="1:43">
      <c r="A705" t="s">
        <v>531</v>
      </c>
      <c r="B705" t="s">
        <v>532</v>
      </c>
      <c r="C705" t="s">
        <v>527</v>
      </c>
      <c r="D705" t="s">
        <v>528</v>
      </c>
      <c r="E705" t="s">
        <v>353</v>
      </c>
      <c r="F705" t="s">
        <v>354</v>
      </c>
      <c r="G705" t="s">
        <v>80</v>
      </c>
      <c r="H705" t="s">
        <v>81</v>
      </c>
      <c r="I705" s="2">
        <v>1</v>
      </c>
      <c r="J705" s="2">
        <v>0</v>
      </c>
      <c r="K705" s="2">
        <v>0</v>
      </c>
      <c r="L705" t="s">
        <v>120</v>
      </c>
      <c r="M705" t="s">
        <v>83</v>
      </c>
      <c r="N705" t="s">
        <v>91</v>
      </c>
      <c r="O705" t="s">
        <v>85</v>
      </c>
      <c r="P705" t="s">
        <v>86</v>
      </c>
      <c r="Q705">
        <v>19</v>
      </c>
      <c r="R705">
        <v>19</v>
      </c>
      <c r="S705">
        <v>20</v>
      </c>
      <c r="T705">
        <v>20</v>
      </c>
      <c r="U705">
        <v>20</v>
      </c>
      <c r="V705">
        <v>20</v>
      </c>
      <c r="W705">
        <v>20</v>
      </c>
      <c r="X705">
        <v>21</v>
      </c>
      <c r="Y705">
        <v>21</v>
      </c>
      <c r="Z705">
        <v>21</v>
      </c>
      <c r="AA705">
        <v>21</v>
      </c>
      <c r="AB705">
        <v>21</v>
      </c>
      <c r="AC705">
        <v>22</v>
      </c>
      <c r="AD705">
        <v>22</v>
      </c>
      <c r="AE705">
        <v>22</v>
      </c>
      <c r="AF705">
        <v>22</v>
      </c>
      <c r="AG705">
        <v>22</v>
      </c>
      <c r="AH705">
        <v>22</v>
      </c>
      <c r="AI705">
        <v>23</v>
      </c>
      <c r="AJ705">
        <v>23</v>
      </c>
      <c r="AK705">
        <v>23</v>
      </c>
      <c r="AL705">
        <v>23</v>
      </c>
      <c r="AM705">
        <v>23</v>
      </c>
      <c r="AN705">
        <v>23</v>
      </c>
      <c r="AO705">
        <v>23</v>
      </c>
      <c r="AP705">
        <v>23</v>
      </c>
      <c r="AQ705">
        <v>22</v>
      </c>
    </row>
    <row r="706" spans="1:43">
      <c r="A706" t="s">
        <v>533</v>
      </c>
      <c r="B706" t="s">
        <v>534</v>
      </c>
      <c r="C706" t="s">
        <v>527</v>
      </c>
      <c r="D706" t="s">
        <v>528</v>
      </c>
      <c r="E706" t="s">
        <v>353</v>
      </c>
      <c r="F706" t="s">
        <v>354</v>
      </c>
      <c r="G706" t="s">
        <v>80</v>
      </c>
      <c r="H706" t="s">
        <v>81</v>
      </c>
      <c r="I706" s="2">
        <v>1</v>
      </c>
      <c r="J706" s="2">
        <v>0</v>
      </c>
      <c r="K706" s="2">
        <v>0</v>
      </c>
      <c r="L706" t="s">
        <v>120</v>
      </c>
      <c r="M706" t="s">
        <v>83</v>
      </c>
      <c r="N706" t="s">
        <v>84</v>
      </c>
      <c r="O706" t="s">
        <v>85</v>
      </c>
      <c r="P706" t="s">
        <v>86</v>
      </c>
      <c r="Q706">
        <v>10</v>
      </c>
      <c r="R706">
        <v>10</v>
      </c>
      <c r="S706">
        <v>10</v>
      </c>
      <c r="T706">
        <v>11</v>
      </c>
      <c r="U706">
        <v>11</v>
      </c>
      <c r="V706">
        <v>11</v>
      </c>
      <c r="W706">
        <v>11</v>
      </c>
      <c r="X706">
        <v>11</v>
      </c>
      <c r="Y706">
        <v>11</v>
      </c>
      <c r="Z706">
        <v>11</v>
      </c>
      <c r="AA706">
        <v>11</v>
      </c>
      <c r="AB706">
        <v>11</v>
      </c>
      <c r="AC706">
        <v>11</v>
      </c>
      <c r="AD706">
        <v>12</v>
      </c>
      <c r="AE706">
        <v>12</v>
      </c>
      <c r="AF706">
        <v>12</v>
      </c>
      <c r="AG706">
        <v>12</v>
      </c>
      <c r="AH706">
        <v>12</v>
      </c>
      <c r="AI706">
        <v>12</v>
      </c>
      <c r="AJ706">
        <v>12</v>
      </c>
      <c r="AK706">
        <v>12</v>
      </c>
      <c r="AL706">
        <v>12</v>
      </c>
      <c r="AM706">
        <v>12</v>
      </c>
      <c r="AN706">
        <v>12</v>
      </c>
      <c r="AO706">
        <v>12</v>
      </c>
      <c r="AP706">
        <v>12</v>
      </c>
      <c r="AQ706">
        <v>12</v>
      </c>
    </row>
    <row r="707" spans="1:43">
      <c r="A707" t="s">
        <v>533</v>
      </c>
      <c r="B707" t="s">
        <v>534</v>
      </c>
      <c r="C707" t="s">
        <v>527</v>
      </c>
      <c r="D707" t="s">
        <v>528</v>
      </c>
      <c r="E707" t="s">
        <v>353</v>
      </c>
      <c r="F707" t="s">
        <v>354</v>
      </c>
      <c r="G707" t="s">
        <v>80</v>
      </c>
      <c r="H707" t="s">
        <v>81</v>
      </c>
      <c r="I707" s="2">
        <v>1</v>
      </c>
      <c r="J707" s="2">
        <v>0</v>
      </c>
      <c r="K707" s="2">
        <v>0</v>
      </c>
      <c r="L707" t="s">
        <v>120</v>
      </c>
      <c r="M707" t="s">
        <v>87</v>
      </c>
      <c r="N707" t="s">
        <v>88</v>
      </c>
      <c r="O707" t="s">
        <v>85</v>
      </c>
      <c r="P707" t="s">
        <v>86</v>
      </c>
      <c r="Q707">
        <v>10</v>
      </c>
      <c r="R707">
        <v>10</v>
      </c>
      <c r="S707">
        <v>10</v>
      </c>
      <c r="T707">
        <v>10</v>
      </c>
      <c r="U707">
        <v>10</v>
      </c>
      <c r="V707">
        <v>10</v>
      </c>
      <c r="W707">
        <v>10</v>
      </c>
      <c r="X707">
        <v>10</v>
      </c>
      <c r="Y707">
        <v>10</v>
      </c>
      <c r="Z707">
        <v>10</v>
      </c>
      <c r="AA707">
        <v>10</v>
      </c>
      <c r="AB707">
        <v>10</v>
      </c>
      <c r="AC707">
        <v>10</v>
      </c>
      <c r="AD707">
        <v>10</v>
      </c>
      <c r="AE707">
        <v>10</v>
      </c>
      <c r="AF707">
        <v>10</v>
      </c>
      <c r="AG707">
        <v>10</v>
      </c>
      <c r="AH707">
        <v>10</v>
      </c>
      <c r="AI707">
        <v>10</v>
      </c>
      <c r="AJ707">
        <v>10</v>
      </c>
      <c r="AK707">
        <v>10</v>
      </c>
      <c r="AL707">
        <v>10</v>
      </c>
      <c r="AM707">
        <v>10</v>
      </c>
      <c r="AN707">
        <v>10</v>
      </c>
      <c r="AO707">
        <v>10</v>
      </c>
      <c r="AP707">
        <v>10</v>
      </c>
      <c r="AQ707">
        <v>10</v>
      </c>
    </row>
    <row r="708" spans="1:43">
      <c r="A708" t="s">
        <v>533</v>
      </c>
      <c r="B708" t="s">
        <v>534</v>
      </c>
      <c r="C708" t="s">
        <v>527</v>
      </c>
      <c r="D708" t="s">
        <v>528</v>
      </c>
      <c r="E708" t="s">
        <v>353</v>
      </c>
      <c r="F708" t="s">
        <v>354</v>
      </c>
      <c r="G708" t="s">
        <v>80</v>
      </c>
      <c r="H708" t="s">
        <v>81</v>
      </c>
      <c r="I708" s="2">
        <v>1</v>
      </c>
      <c r="J708" s="2">
        <v>0</v>
      </c>
      <c r="K708" s="2">
        <v>0</v>
      </c>
      <c r="L708" t="s">
        <v>120</v>
      </c>
      <c r="M708" t="s">
        <v>89</v>
      </c>
      <c r="N708" t="s">
        <v>90</v>
      </c>
      <c r="O708" t="s">
        <v>85</v>
      </c>
      <c r="P708" t="s">
        <v>86</v>
      </c>
      <c r="Q708">
        <v>10</v>
      </c>
      <c r="R708">
        <v>10</v>
      </c>
      <c r="S708">
        <v>11</v>
      </c>
      <c r="T708">
        <v>11</v>
      </c>
      <c r="U708">
        <v>11</v>
      </c>
      <c r="V708">
        <v>11</v>
      </c>
      <c r="W708">
        <v>11</v>
      </c>
      <c r="X708">
        <v>12</v>
      </c>
      <c r="Y708">
        <v>12</v>
      </c>
      <c r="Z708">
        <v>12</v>
      </c>
      <c r="AA708">
        <v>12</v>
      </c>
      <c r="AB708">
        <v>12</v>
      </c>
      <c r="AC708">
        <v>12</v>
      </c>
      <c r="AD708">
        <v>12</v>
      </c>
      <c r="AE708">
        <v>12</v>
      </c>
      <c r="AF708">
        <v>12</v>
      </c>
      <c r="AG708">
        <v>12</v>
      </c>
      <c r="AH708">
        <v>12</v>
      </c>
      <c r="AI708">
        <v>12</v>
      </c>
      <c r="AJ708">
        <v>12</v>
      </c>
      <c r="AK708">
        <v>12</v>
      </c>
      <c r="AL708">
        <v>12</v>
      </c>
      <c r="AM708">
        <v>12</v>
      </c>
      <c r="AN708">
        <v>12</v>
      </c>
      <c r="AO708">
        <v>12</v>
      </c>
      <c r="AP708">
        <v>12</v>
      </c>
      <c r="AQ708">
        <v>12</v>
      </c>
    </row>
    <row r="709" spans="1:43">
      <c r="A709" t="s">
        <v>533</v>
      </c>
      <c r="B709" t="s">
        <v>534</v>
      </c>
      <c r="C709" t="s">
        <v>527</v>
      </c>
      <c r="D709" t="s">
        <v>528</v>
      </c>
      <c r="E709" t="s">
        <v>353</v>
      </c>
      <c r="F709" t="s">
        <v>354</v>
      </c>
      <c r="G709" t="s">
        <v>80</v>
      </c>
      <c r="H709" t="s">
        <v>81</v>
      </c>
      <c r="I709" s="2">
        <v>1</v>
      </c>
      <c r="J709" s="2">
        <v>0</v>
      </c>
      <c r="K709" s="2">
        <v>0</v>
      </c>
      <c r="L709" t="s">
        <v>120</v>
      </c>
      <c r="M709" t="s">
        <v>83</v>
      </c>
      <c r="N709" t="s">
        <v>91</v>
      </c>
      <c r="O709" t="s">
        <v>85</v>
      </c>
      <c r="P709" t="s">
        <v>86</v>
      </c>
      <c r="Q709">
        <v>10</v>
      </c>
      <c r="R709">
        <v>10</v>
      </c>
      <c r="S709">
        <v>10</v>
      </c>
      <c r="T709">
        <v>11</v>
      </c>
      <c r="U709">
        <v>11</v>
      </c>
      <c r="V709">
        <v>11</v>
      </c>
      <c r="W709">
        <v>11</v>
      </c>
      <c r="X709">
        <v>11</v>
      </c>
      <c r="Y709">
        <v>11</v>
      </c>
      <c r="Z709">
        <v>11</v>
      </c>
      <c r="AA709">
        <v>11</v>
      </c>
      <c r="AB709">
        <v>11</v>
      </c>
      <c r="AC709">
        <v>11</v>
      </c>
      <c r="AD709">
        <v>12</v>
      </c>
      <c r="AE709">
        <v>12</v>
      </c>
      <c r="AF709">
        <v>12</v>
      </c>
      <c r="AG709">
        <v>12</v>
      </c>
      <c r="AH709">
        <v>12</v>
      </c>
      <c r="AI709">
        <v>12</v>
      </c>
      <c r="AJ709">
        <v>12</v>
      </c>
      <c r="AK709">
        <v>12</v>
      </c>
      <c r="AL709">
        <v>12</v>
      </c>
      <c r="AM709">
        <v>12</v>
      </c>
      <c r="AN709">
        <v>12</v>
      </c>
      <c r="AO709">
        <v>12</v>
      </c>
      <c r="AP709">
        <v>12</v>
      </c>
      <c r="AQ709">
        <v>12</v>
      </c>
    </row>
    <row r="710" spans="1:43">
      <c r="A710" t="s">
        <v>535</v>
      </c>
      <c r="B710" t="s">
        <v>536</v>
      </c>
      <c r="C710" t="s">
        <v>527</v>
      </c>
      <c r="D710" t="s">
        <v>528</v>
      </c>
      <c r="E710" t="s">
        <v>353</v>
      </c>
      <c r="F710" t="s">
        <v>354</v>
      </c>
      <c r="G710" t="s">
        <v>80</v>
      </c>
      <c r="H710" t="s">
        <v>81</v>
      </c>
      <c r="I710" s="2">
        <v>1</v>
      </c>
      <c r="J710" s="2">
        <v>0</v>
      </c>
      <c r="K710" s="2">
        <v>0</v>
      </c>
      <c r="L710" t="s">
        <v>120</v>
      </c>
      <c r="M710" t="s">
        <v>83</v>
      </c>
      <c r="N710" t="s">
        <v>84</v>
      </c>
      <c r="O710" t="s">
        <v>85</v>
      </c>
      <c r="P710" t="s">
        <v>86</v>
      </c>
      <c r="Q710">
        <v>10</v>
      </c>
      <c r="R710">
        <v>11</v>
      </c>
      <c r="S710">
        <v>11</v>
      </c>
      <c r="T710">
        <v>11</v>
      </c>
      <c r="U710">
        <v>11</v>
      </c>
      <c r="V710">
        <v>11</v>
      </c>
      <c r="W710">
        <v>11</v>
      </c>
      <c r="X710">
        <v>11</v>
      </c>
      <c r="Y710">
        <v>11</v>
      </c>
      <c r="Z710">
        <v>11</v>
      </c>
      <c r="AA710">
        <v>12</v>
      </c>
      <c r="AB710">
        <v>12</v>
      </c>
      <c r="AC710">
        <v>12</v>
      </c>
      <c r="AD710">
        <v>12</v>
      </c>
      <c r="AE710">
        <v>12</v>
      </c>
      <c r="AF710">
        <v>12</v>
      </c>
      <c r="AG710">
        <v>12</v>
      </c>
      <c r="AH710">
        <v>12</v>
      </c>
      <c r="AI710">
        <v>12</v>
      </c>
      <c r="AJ710">
        <v>12</v>
      </c>
      <c r="AK710">
        <v>12</v>
      </c>
      <c r="AL710">
        <v>12</v>
      </c>
      <c r="AM710">
        <v>12</v>
      </c>
      <c r="AN710">
        <v>12</v>
      </c>
      <c r="AO710">
        <v>12</v>
      </c>
      <c r="AP710">
        <v>12</v>
      </c>
      <c r="AQ710">
        <v>12</v>
      </c>
    </row>
    <row r="711" spans="1:43">
      <c r="A711" t="s">
        <v>535</v>
      </c>
      <c r="B711" t="s">
        <v>536</v>
      </c>
      <c r="C711" t="s">
        <v>527</v>
      </c>
      <c r="D711" t="s">
        <v>528</v>
      </c>
      <c r="E711" t="s">
        <v>353</v>
      </c>
      <c r="F711" t="s">
        <v>354</v>
      </c>
      <c r="G711" t="s">
        <v>80</v>
      </c>
      <c r="H711" t="s">
        <v>81</v>
      </c>
      <c r="I711" s="2">
        <v>1</v>
      </c>
      <c r="J711" s="2">
        <v>0</v>
      </c>
      <c r="K711" s="2">
        <v>0</v>
      </c>
      <c r="L711" t="s">
        <v>120</v>
      </c>
      <c r="M711" t="s">
        <v>87</v>
      </c>
      <c r="N711" t="s">
        <v>88</v>
      </c>
      <c r="O711" t="s">
        <v>85</v>
      </c>
      <c r="P711" t="s">
        <v>86</v>
      </c>
      <c r="Q711">
        <v>10</v>
      </c>
      <c r="R711">
        <v>10</v>
      </c>
      <c r="S711">
        <v>10</v>
      </c>
      <c r="T711">
        <v>10</v>
      </c>
      <c r="U711">
        <v>10</v>
      </c>
      <c r="V711">
        <v>10</v>
      </c>
      <c r="W711">
        <v>10</v>
      </c>
      <c r="X711">
        <v>10</v>
      </c>
      <c r="Y711">
        <v>11</v>
      </c>
      <c r="Z711">
        <v>11</v>
      </c>
      <c r="AA711">
        <v>11</v>
      </c>
      <c r="AB711">
        <v>11</v>
      </c>
      <c r="AC711">
        <v>11</v>
      </c>
      <c r="AD711">
        <v>11</v>
      </c>
      <c r="AE711">
        <v>11</v>
      </c>
      <c r="AF711">
        <v>11</v>
      </c>
      <c r="AG711">
        <v>11</v>
      </c>
      <c r="AH711">
        <v>11</v>
      </c>
      <c r="AI711">
        <v>11</v>
      </c>
      <c r="AJ711">
        <v>11</v>
      </c>
      <c r="AK711">
        <v>11</v>
      </c>
      <c r="AL711">
        <v>11</v>
      </c>
      <c r="AM711">
        <v>11</v>
      </c>
      <c r="AN711">
        <v>11</v>
      </c>
      <c r="AO711">
        <v>11</v>
      </c>
      <c r="AP711">
        <v>11</v>
      </c>
      <c r="AQ711">
        <v>11</v>
      </c>
    </row>
    <row r="712" spans="1:43">
      <c r="A712" t="s">
        <v>535</v>
      </c>
      <c r="B712" t="s">
        <v>536</v>
      </c>
      <c r="C712" t="s">
        <v>527</v>
      </c>
      <c r="D712" t="s">
        <v>528</v>
      </c>
      <c r="E712" t="s">
        <v>353</v>
      </c>
      <c r="F712" t="s">
        <v>354</v>
      </c>
      <c r="G712" t="s">
        <v>80</v>
      </c>
      <c r="H712" t="s">
        <v>81</v>
      </c>
      <c r="I712" s="2">
        <v>1</v>
      </c>
      <c r="J712" s="2">
        <v>0</v>
      </c>
      <c r="K712" s="2">
        <v>0</v>
      </c>
      <c r="L712" t="s">
        <v>120</v>
      </c>
      <c r="M712" t="s">
        <v>89</v>
      </c>
      <c r="N712" t="s">
        <v>90</v>
      </c>
      <c r="O712" t="s">
        <v>85</v>
      </c>
      <c r="P712" t="s">
        <v>86</v>
      </c>
      <c r="Q712">
        <v>10</v>
      </c>
      <c r="R712">
        <v>10</v>
      </c>
      <c r="S712">
        <v>10</v>
      </c>
      <c r="T712">
        <v>10</v>
      </c>
      <c r="U712">
        <v>10</v>
      </c>
      <c r="V712">
        <v>11</v>
      </c>
      <c r="W712">
        <v>11</v>
      </c>
      <c r="X712">
        <v>11</v>
      </c>
      <c r="Y712">
        <v>11</v>
      </c>
      <c r="Z712">
        <v>11</v>
      </c>
      <c r="AA712">
        <v>11</v>
      </c>
      <c r="AB712">
        <v>11</v>
      </c>
      <c r="AC712">
        <v>12</v>
      </c>
      <c r="AD712">
        <v>12</v>
      </c>
      <c r="AE712">
        <v>12</v>
      </c>
      <c r="AF712">
        <v>12</v>
      </c>
      <c r="AG712">
        <v>12</v>
      </c>
      <c r="AH712">
        <v>12</v>
      </c>
      <c r="AI712">
        <v>12</v>
      </c>
      <c r="AJ712">
        <v>12</v>
      </c>
      <c r="AK712">
        <v>12</v>
      </c>
      <c r="AL712">
        <v>12</v>
      </c>
      <c r="AM712">
        <v>12</v>
      </c>
      <c r="AN712">
        <v>12</v>
      </c>
      <c r="AO712">
        <v>12</v>
      </c>
      <c r="AP712">
        <v>11</v>
      </c>
      <c r="AQ712">
        <v>11</v>
      </c>
    </row>
    <row r="713" spans="1:43">
      <c r="A713" t="s">
        <v>535</v>
      </c>
      <c r="B713" t="s">
        <v>536</v>
      </c>
      <c r="C713" t="s">
        <v>527</v>
      </c>
      <c r="D713" t="s">
        <v>528</v>
      </c>
      <c r="E713" t="s">
        <v>353</v>
      </c>
      <c r="F713" t="s">
        <v>354</v>
      </c>
      <c r="G713" t="s">
        <v>80</v>
      </c>
      <c r="H713" t="s">
        <v>81</v>
      </c>
      <c r="I713" s="2">
        <v>1</v>
      </c>
      <c r="J713" s="2">
        <v>0</v>
      </c>
      <c r="K713" s="2">
        <v>0</v>
      </c>
      <c r="L713" t="s">
        <v>120</v>
      </c>
      <c r="M713" t="s">
        <v>83</v>
      </c>
      <c r="N713" t="s">
        <v>91</v>
      </c>
      <c r="O713" t="s">
        <v>85</v>
      </c>
      <c r="P713" t="s">
        <v>86</v>
      </c>
      <c r="Q713">
        <v>10</v>
      </c>
      <c r="R713">
        <v>11</v>
      </c>
      <c r="S713">
        <v>11</v>
      </c>
      <c r="T713">
        <v>11</v>
      </c>
      <c r="U713">
        <v>11</v>
      </c>
      <c r="V713">
        <v>11</v>
      </c>
      <c r="W713">
        <v>11</v>
      </c>
      <c r="X713">
        <v>11</v>
      </c>
      <c r="Y713">
        <v>11</v>
      </c>
      <c r="Z713">
        <v>11</v>
      </c>
      <c r="AA713">
        <v>12</v>
      </c>
      <c r="AB713">
        <v>12</v>
      </c>
      <c r="AC713">
        <v>12</v>
      </c>
      <c r="AD713">
        <v>12</v>
      </c>
      <c r="AE713">
        <v>12</v>
      </c>
      <c r="AF713">
        <v>12</v>
      </c>
      <c r="AG713">
        <v>12</v>
      </c>
      <c r="AH713">
        <v>12</v>
      </c>
      <c r="AI713">
        <v>12</v>
      </c>
      <c r="AJ713">
        <v>12</v>
      </c>
      <c r="AK713">
        <v>12</v>
      </c>
      <c r="AL713">
        <v>12</v>
      </c>
      <c r="AM713">
        <v>12</v>
      </c>
      <c r="AN713">
        <v>12</v>
      </c>
      <c r="AO713">
        <v>12</v>
      </c>
      <c r="AP713">
        <v>12</v>
      </c>
      <c r="AQ713">
        <v>12</v>
      </c>
    </row>
    <row r="714" spans="1:43">
      <c r="A714" t="s">
        <v>537</v>
      </c>
      <c r="B714" t="s">
        <v>538</v>
      </c>
      <c r="C714" t="s">
        <v>527</v>
      </c>
      <c r="D714" t="s">
        <v>528</v>
      </c>
      <c r="E714" t="s">
        <v>353</v>
      </c>
      <c r="F714" t="s">
        <v>354</v>
      </c>
      <c r="G714" t="s">
        <v>80</v>
      </c>
      <c r="H714" t="s">
        <v>81</v>
      </c>
      <c r="I714" s="2">
        <v>1</v>
      </c>
      <c r="J714" s="2">
        <v>0</v>
      </c>
      <c r="K714" s="2">
        <v>0</v>
      </c>
      <c r="L714" t="s">
        <v>120</v>
      </c>
      <c r="M714" t="s">
        <v>83</v>
      </c>
      <c r="N714" t="s">
        <v>84</v>
      </c>
      <c r="O714" t="s">
        <v>85</v>
      </c>
      <c r="P714" t="s">
        <v>86</v>
      </c>
      <c r="Q714">
        <v>30</v>
      </c>
      <c r="R714">
        <v>31</v>
      </c>
      <c r="S714">
        <v>31</v>
      </c>
      <c r="T714">
        <v>31</v>
      </c>
      <c r="U714">
        <v>32</v>
      </c>
      <c r="V714">
        <v>32</v>
      </c>
      <c r="W714">
        <v>32</v>
      </c>
      <c r="X714">
        <v>33</v>
      </c>
      <c r="Y714">
        <v>33</v>
      </c>
      <c r="Z714">
        <v>33</v>
      </c>
      <c r="AA714">
        <v>33</v>
      </c>
      <c r="AB714">
        <v>34</v>
      </c>
      <c r="AC714">
        <v>34</v>
      </c>
      <c r="AD714">
        <v>34</v>
      </c>
      <c r="AE714">
        <v>34</v>
      </c>
      <c r="AF714">
        <v>35</v>
      </c>
      <c r="AG714">
        <v>35</v>
      </c>
      <c r="AH714">
        <v>35</v>
      </c>
      <c r="AI714">
        <v>35</v>
      </c>
      <c r="AJ714">
        <v>36</v>
      </c>
      <c r="AK714">
        <v>36</v>
      </c>
      <c r="AL714">
        <v>36</v>
      </c>
      <c r="AM714">
        <v>36</v>
      </c>
      <c r="AN714">
        <v>36</v>
      </c>
      <c r="AO714">
        <v>36</v>
      </c>
      <c r="AP714">
        <v>35</v>
      </c>
      <c r="AQ714">
        <v>35</v>
      </c>
    </row>
    <row r="715" spans="1:43">
      <c r="A715" t="s">
        <v>537</v>
      </c>
      <c r="B715" t="s">
        <v>538</v>
      </c>
      <c r="C715" t="s">
        <v>527</v>
      </c>
      <c r="D715" t="s">
        <v>528</v>
      </c>
      <c r="E715" t="s">
        <v>353</v>
      </c>
      <c r="F715" t="s">
        <v>354</v>
      </c>
      <c r="G715" t="s">
        <v>80</v>
      </c>
      <c r="H715" t="s">
        <v>81</v>
      </c>
      <c r="I715" s="2">
        <v>1</v>
      </c>
      <c r="J715" s="2">
        <v>0</v>
      </c>
      <c r="K715" s="2">
        <v>0</v>
      </c>
      <c r="L715" t="s">
        <v>120</v>
      </c>
      <c r="M715" t="s">
        <v>87</v>
      </c>
      <c r="N715" t="s">
        <v>88</v>
      </c>
      <c r="O715" t="s">
        <v>85</v>
      </c>
      <c r="P715" t="s">
        <v>86</v>
      </c>
      <c r="Q715">
        <v>30</v>
      </c>
      <c r="R715">
        <v>30</v>
      </c>
      <c r="S715">
        <v>30</v>
      </c>
      <c r="T715">
        <v>30</v>
      </c>
      <c r="U715">
        <v>30</v>
      </c>
      <c r="V715">
        <v>30</v>
      </c>
      <c r="W715">
        <v>30</v>
      </c>
      <c r="X715">
        <v>30</v>
      </c>
      <c r="Y715">
        <v>30</v>
      </c>
      <c r="Z715">
        <v>30</v>
      </c>
      <c r="AA715">
        <v>30</v>
      </c>
      <c r="AB715">
        <v>30</v>
      </c>
      <c r="AC715">
        <v>31</v>
      </c>
      <c r="AD715">
        <v>31</v>
      </c>
      <c r="AE715">
        <v>31</v>
      </c>
      <c r="AF715">
        <v>31</v>
      </c>
      <c r="AG715">
        <v>31</v>
      </c>
      <c r="AH715">
        <v>31</v>
      </c>
      <c r="AI715">
        <v>31</v>
      </c>
      <c r="AJ715">
        <v>31</v>
      </c>
      <c r="AK715">
        <v>31</v>
      </c>
      <c r="AL715">
        <v>31</v>
      </c>
      <c r="AM715">
        <v>31</v>
      </c>
      <c r="AN715">
        <v>31</v>
      </c>
      <c r="AO715">
        <v>31</v>
      </c>
      <c r="AP715">
        <v>31</v>
      </c>
      <c r="AQ715">
        <v>31</v>
      </c>
    </row>
    <row r="716" spans="1:43">
      <c r="A716" t="s">
        <v>537</v>
      </c>
      <c r="B716" t="s">
        <v>538</v>
      </c>
      <c r="C716" t="s">
        <v>527</v>
      </c>
      <c r="D716" t="s">
        <v>528</v>
      </c>
      <c r="E716" t="s">
        <v>353</v>
      </c>
      <c r="F716" t="s">
        <v>354</v>
      </c>
      <c r="G716" t="s">
        <v>80</v>
      </c>
      <c r="H716" t="s">
        <v>81</v>
      </c>
      <c r="I716" s="2">
        <v>1</v>
      </c>
      <c r="J716" s="2">
        <v>0</v>
      </c>
      <c r="K716" s="2">
        <v>0</v>
      </c>
      <c r="L716" t="s">
        <v>120</v>
      </c>
      <c r="M716" t="s">
        <v>89</v>
      </c>
      <c r="N716" t="s">
        <v>90</v>
      </c>
      <c r="O716" t="s">
        <v>85</v>
      </c>
      <c r="P716" t="s">
        <v>86</v>
      </c>
      <c r="Q716">
        <v>30</v>
      </c>
      <c r="R716">
        <v>30</v>
      </c>
      <c r="S716">
        <v>31</v>
      </c>
      <c r="T716">
        <v>31</v>
      </c>
      <c r="U716">
        <v>32</v>
      </c>
      <c r="V716">
        <v>32</v>
      </c>
      <c r="W716">
        <v>33</v>
      </c>
      <c r="X716">
        <v>33</v>
      </c>
      <c r="Y716">
        <v>34</v>
      </c>
      <c r="Z716">
        <v>34</v>
      </c>
      <c r="AA716">
        <v>35</v>
      </c>
      <c r="AB716">
        <v>35</v>
      </c>
      <c r="AC716">
        <v>35</v>
      </c>
      <c r="AD716">
        <v>36</v>
      </c>
      <c r="AE716">
        <v>36</v>
      </c>
      <c r="AF716">
        <v>36</v>
      </c>
      <c r="AG716">
        <v>36</v>
      </c>
      <c r="AH716">
        <v>36</v>
      </c>
      <c r="AI716">
        <v>36</v>
      </c>
      <c r="AJ716">
        <v>35</v>
      </c>
      <c r="AK716">
        <v>35</v>
      </c>
      <c r="AL716">
        <v>35</v>
      </c>
      <c r="AM716">
        <v>35</v>
      </c>
      <c r="AN716">
        <v>35</v>
      </c>
      <c r="AO716">
        <v>35</v>
      </c>
      <c r="AP716">
        <v>35</v>
      </c>
      <c r="AQ716">
        <v>35</v>
      </c>
    </row>
    <row r="717" spans="1:43">
      <c r="A717" t="s">
        <v>537</v>
      </c>
      <c r="B717" t="s">
        <v>538</v>
      </c>
      <c r="C717" t="s">
        <v>527</v>
      </c>
      <c r="D717" t="s">
        <v>528</v>
      </c>
      <c r="E717" t="s">
        <v>353</v>
      </c>
      <c r="F717" t="s">
        <v>354</v>
      </c>
      <c r="G717" t="s">
        <v>80</v>
      </c>
      <c r="H717" t="s">
        <v>81</v>
      </c>
      <c r="I717" s="2">
        <v>1</v>
      </c>
      <c r="J717" s="2">
        <v>0</v>
      </c>
      <c r="K717" s="2">
        <v>0</v>
      </c>
      <c r="L717" t="s">
        <v>120</v>
      </c>
      <c r="M717" t="s">
        <v>83</v>
      </c>
      <c r="N717" t="s">
        <v>91</v>
      </c>
      <c r="O717" t="s">
        <v>85</v>
      </c>
      <c r="P717" t="s">
        <v>86</v>
      </c>
      <c r="Q717">
        <v>30</v>
      </c>
      <c r="R717">
        <v>31</v>
      </c>
      <c r="S717">
        <v>31</v>
      </c>
      <c r="T717">
        <v>31</v>
      </c>
      <c r="U717">
        <v>32</v>
      </c>
      <c r="V717">
        <v>32</v>
      </c>
      <c r="W717">
        <v>32</v>
      </c>
      <c r="X717">
        <v>33</v>
      </c>
      <c r="Y717">
        <v>33</v>
      </c>
      <c r="Z717">
        <v>33</v>
      </c>
      <c r="AA717">
        <v>33</v>
      </c>
      <c r="AB717">
        <v>34</v>
      </c>
      <c r="AC717">
        <v>34</v>
      </c>
      <c r="AD717">
        <v>34</v>
      </c>
      <c r="AE717">
        <v>34</v>
      </c>
      <c r="AF717">
        <v>35</v>
      </c>
      <c r="AG717">
        <v>35</v>
      </c>
      <c r="AH717">
        <v>35</v>
      </c>
      <c r="AI717">
        <v>35</v>
      </c>
      <c r="AJ717">
        <v>36</v>
      </c>
      <c r="AK717">
        <v>36</v>
      </c>
      <c r="AL717">
        <v>36</v>
      </c>
      <c r="AM717">
        <v>36</v>
      </c>
      <c r="AN717">
        <v>36</v>
      </c>
      <c r="AO717">
        <v>36</v>
      </c>
      <c r="AP717">
        <v>35</v>
      </c>
      <c r="AQ717">
        <v>35</v>
      </c>
    </row>
    <row r="718" spans="1:43">
      <c r="A718" t="s">
        <v>539</v>
      </c>
      <c r="B718" t="s">
        <v>540</v>
      </c>
      <c r="C718" t="s">
        <v>541</v>
      </c>
      <c r="D718" t="s">
        <v>542</v>
      </c>
      <c r="E718" t="s">
        <v>353</v>
      </c>
      <c r="F718" t="s">
        <v>354</v>
      </c>
      <c r="G718" t="s">
        <v>80</v>
      </c>
      <c r="H718" t="s">
        <v>81</v>
      </c>
      <c r="I718" s="2">
        <v>1</v>
      </c>
      <c r="J718" s="2">
        <v>0</v>
      </c>
      <c r="K718" s="2">
        <v>0</v>
      </c>
      <c r="L718" t="s">
        <v>120</v>
      </c>
      <c r="M718" t="s">
        <v>83</v>
      </c>
      <c r="N718" t="s">
        <v>84</v>
      </c>
      <c r="O718" t="s">
        <v>85</v>
      </c>
      <c r="P718" t="s">
        <v>86</v>
      </c>
      <c r="Q718">
        <v>90</v>
      </c>
      <c r="R718">
        <v>91</v>
      </c>
      <c r="S718">
        <v>92</v>
      </c>
      <c r="T718">
        <v>93</v>
      </c>
      <c r="U718">
        <v>94</v>
      </c>
      <c r="V718">
        <v>95</v>
      </c>
      <c r="W718">
        <v>96</v>
      </c>
      <c r="X718">
        <v>97</v>
      </c>
      <c r="Y718">
        <v>98</v>
      </c>
      <c r="Z718">
        <v>98</v>
      </c>
      <c r="AA718">
        <v>99</v>
      </c>
      <c r="AB718">
        <v>100</v>
      </c>
      <c r="AC718">
        <v>101</v>
      </c>
      <c r="AD718">
        <v>102</v>
      </c>
      <c r="AE718">
        <v>103</v>
      </c>
      <c r="AF718">
        <v>103</v>
      </c>
      <c r="AG718">
        <v>104</v>
      </c>
      <c r="AH718">
        <v>105</v>
      </c>
      <c r="AI718">
        <v>106</v>
      </c>
      <c r="AJ718">
        <v>107</v>
      </c>
      <c r="AK718">
        <v>107</v>
      </c>
      <c r="AL718">
        <v>107</v>
      </c>
      <c r="AM718">
        <v>107</v>
      </c>
      <c r="AN718">
        <v>107</v>
      </c>
      <c r="AO718">
        <v>107</v>
      </c>
      <c r="AP718">
        <v>106</v>
      </c>
      <c r="AQ718">
        <v>106</v>
      </c>
    </row>
    <row r="719" spans="1:43">
      <c r="A719" t="s">
        <v>539</v>
      </c>
      <c r="B719" t="s">
        <v>540</v>
      </c>
      <c r="C719" t="s">
        <v>541</v>
      </c>
      <c r="D719" t="s">
        <v>542</v>
      </c>
      <c r="E719" t="s">
        <v>353</v>
      </c>
      <c r="F719" t="s">
        <v>354</v>
      </c>
      <c r="G719" t="s">
        <v>80</v>
      </c>
      <c r="H719" t="s">
        <v>81</v>
      </c>
      <c r="I719" s="2">
        <v>1</v>
      </c>
      <c r="J719" s="2">
        <v>0</v>
      </c>
      <c r="K719" s="2">
        <v>0</v>
      </c>
      <c r="L719" t="s">
        <v>120</v>
      </c>
      <c r="M719" t="s">
        <v>87</v>
      </c>
      <c r="N719" t="s">
        <v>88</v>
      </c>
      <c r="O719" t="s">
        <v>85</v>
      </c>
      <c r="P719" t="s">
        <v>86</v>
      </c>
      <c r="Q719">
        <v>90</v>
      </c>
      <c r="R719">
        <v>90</v>
      </c>
      <c r="S719">
        <v>90</v>
      </c>
      <c r="T719">
        <v>90</v>
      </c>
      <c r="U719">
        <v>91</v>
      </c>
      <c r="V719">
        <v>91</v>
      </c>
      <c r="W719">
        <v>91</v>
      </c>
      <c r="X719">
        <v>91</v>
      </c>
      <c r="Y719">
        <v>91</v>
      </c>
      <c r="Z719">
        <v>91</v>
      </c>
      <c r="AA719">
        <v>92</v>
      </c>
      <c r="AB719">
        <v>92</v>
      </c>
      <c r="AC719">
        <v>92</v>
      </c>
      <c r="AD719">
        <v>92</v>
      </c>
      <c r="AE719">
        <v>92</v>
      </c>
      <c r="AF719">
        <v>92</v>
      </c>
      <c r="AG719">
        <v>92</v>
      </c>
      <c r="AH719">
        <v>92</v>
      </c>
      <c r="AI719">
        <v>92</v>
      </c>
      <c r="AJ719">
        <v>93</v>
      </c>
      <c r="AK719">
        <v>93</v>
      </c>
      <c r="AL719">
        <v>93</v>
      </c>
      <c r="AM719">
        <v>93</v>
      </c>
      <c r="AN719">
        <v>93</v>
      </c>
      <c r="AO719">
        <v>93</v>
      </c>
      <c r="AP719">
        <v>93</v>
      </c>
      <c r="AQ719">
        <v>93</v>
      </c>
    </row>
    <row r="720" spans="1:43">
      <c r="A720" t="s">
        <v>539</v>
      </c>
      <c r="B720" t="s">
        <v>540</v>
      </c>
      <c r="C720" t="s">
        <v>541</v>
      </c>
      <c r="D720" t="s">
        <v>542</v>
      </c>
      <c r="E720" t="s">
        <v>353</v>
      </c>
      <c r="F720" t="s">
        <v>354</v>
      </c>
      <c r="G720" t="s">
        <v>80</v>
      </c>
      <c r="H720" t="s">
        <v>81</v>
      </c>
      <c r="I720" s="2">
        <v>1</v>
      </c>
      <c r="J720" s="2">
        <v>0</v>
      </c>
      <c r="K720" s="2">
        <v>0</v>
      </c>
      <c r="L720" t="s">
        <v>120</v>
      </c>
      <c r="M720" t="s">
        <v>89</v>
      </c>
      <c r="N720" t="s">
        <v>90</v>
      </c>
      <c r="O720" t="s">
        <v>85</v>
      </c>
      <c r="P720" t="s">
        <v>86</v>
      </c>
      <c r="Q720">
        <v>90</v>
      </c>
      <c r="R720">
        <v>91</v>
      </c>
      <c r="S720">
        <v>93</v>
      </c>
      <c r="T720">
        <v>95</v>
      </c>
      <c r="U720">
        <v>97</v>
      </c>
      <c r="V720">
        <v>98</v>
      </c>
      <c r="W720">
        <v>99</v>
      </c>
      <c r="X720">
        <v>101</v>
      </c>
      <c r="Y720">
        <v>102</v>
      </c>
      <c r="Z720">
        <v>104</v>
      </c>
      <c r="AA720">
        <v>105</v>
      </c>
      <c r="AB720">
        <v>106</v>
      </c>
      <c r="AC720">
        <v>107</v>
      </c>
      <c r="AD720">
        <v>108</v>
      </c>
      <c r="AE720">
        <v>109</v>
      </c>
      <c r="AF720">
        <v>109</v>
      </c>
      <c r="AG720">
        <v>109</v>
      </c>
      <c r="AH720">
        <v>108</v>
      </c>
      <c r="AI720">
        <v>108</v>
      </c>
      <c r="AJ720">
        <v>108</v>
      </c>
      <c r="AK720">
        <v>108</v>
      </c>
      <c r="AL720">
        <v>108</v>
      </c>
      <c r="AM720">
        <v>107</v>
      </c>
      <c r="AN720">
        <v>107</v>
      </c>
      <c r="AO720">
        <v>107</v>
      </c>
      <c r="AP720">
        <v>107</v>
      </c>
      <c r="AQ720">
        <v>106</v>
      </c>
    </row>
    <row r="721" spans="1:43">
      <c r="A721" t="s">
        <v>539</v>
      </c>
      <c r="B721" t="s">
        <v>540</v>
      </c>
      <c r="C721" t="s">
        <v>541</v>
      </c>
      <c r="D721" t="s">
        <v>542</v>
      </c>
      <c r="E721" t="s">
        <v>353</v>
      </c>
      <c r="F721" t="s">
        <v>354</v>
      </c>
      <c r="G721" t="s">
        <v>80</v>
      </c>
      <c r="H721" t="s">
        <v>81</v>
      </c>
      <c r="I721" s="2">
        <v>1</v>
      </c>
      <c r="J721" s="2">
        <v>0</v>
      </c>
      <c r="K721" s="2">
        <v>0</v>
      </c>
      <c r="L721" t="s">
        <v>120</v>
      </c>
      <c r="M721" t="s">
        <v>83</v>
      </c>
      <c r="N721" t="s">
        <v>91</v>
      </c>
      <c r="O721" t="s">
        <v>85</v>
      </c>
      <c r="P721" t="s">
        <v>86</v>
      </c>
      <c r="Q721">
        <v>90</v>
      </c>
      <c r="R721">
        <v>91</v>
      </c>
      <c r="S721">
        <v>92</v>
      </c>
      <c r="T721">
        <v>93</v>
      </c>
      <c r="U721">
        <v>94</v>
      </c>
      <c r="V721">
        <v>95</v>
      </c>
      <c r="W721">
        <v>96</v>
      </c>
      <c r="X721">
        <v>97</v>
      </c>
      <c r="Y721">
        <v>98</v>
      </c>
      <c r="Z721">
        <v>98</v>
      </c>
      <c r="AA721">
        <v>99</v>
      </c>
      <c r="AB721">
        <v>100</v>
      </c>
      <c r="AC721">
        <v>101</v>
      </c>
      <c r="AD721">
        <v>102</v>
      </c>
      <c r="AE721">
        <v>103</v>
      </c>
      <c r="AF721">
        <v>103</v>
      </c>
      <c r="AG721">
        <v>104</v>
      </c>
      <c r="AH721">
        <v>105</v>
      </c>
      <c r="AI721">
        <v>106</v>
      </c>
      <c r="AJ721">
        <v>107</v>
      </c>
      <c r="AK721">
        <v>107</v>
      </c>
      <c r="AL721">
        <v>107</v>
      </c>
      <c r="AM721">
        <v>107</v>
      </c>
      <c r="AN721">
        <v>107</v>
      </c>
      <c r="AO721">
        <v>107</v>
      </c>
      <c r="AP721">
        <v>106</v>
      </c>
      <c r="AQ721">
        <v>106</v>
      </c>
    </row>
    <row r="722" spans="1:43">
      <c r="A722" t="s">
        <v>543</v>
      </c>
      <c r="B722" t="s">
        <v>544</v>
      </c>
      <c r="C722" t="s">
        <v>541</v>
      </c>
      <c r="D722" t="s">
        <v>542</v>
      </c>
      <c r="E722" t="s">
        <v>353</v>
      </c>
      <c r="F722" t="s">
        <v>354</v>
      </c>
      <c r="G722" t="s">
        <v>80</v>
      </c>
      <c r="H722" t="s">
        <v>81</v>
      </c>
      <c r="I722" s="2">
        <v>1</v>
      </c>
      <c r="J722" s="2">
        <v>0</v>
      </c>
      <c r="K722" s="2">
        <v>0</v>
      </c>
      <c r="L722" t="s">
        <v>120</v>
      </c>
      <c r="M722" t="s">
        <v>83</v>
      </c>
      <c r="N722" t="s">
        <v>84</v>
      </c>
      <c r="O722" t="s">
        <v>85</v>
      </c>
      <c r="P722" t="s">
        <v>86</v>
      </c>
      <c r="Q722">
        <v>81</v>
      </c>
      <c r="R722">
        <v>82</v>
      </c>
      <c r="S722">
        <v>83</v>
      </c>
      <c r="T722">
        <v>84</v>
      </c>
      <c r="U722">
        <v>85</v>
      </c>
      <c r="V722">
        <v>86</v>
      </c>
      <c r="W722">
        <v>87</v>
      </c>
      <c r="X722">
        <v>88</v>
      </c>
      <c r="Y722">
        <v>89</v>
      </c>
      <c r="Z722">
        <v>89</v>
      </c>
      <c r="AA722">
        <v>90</v>
      </c>
      <c r="AB722">
        <v>91</v>
      </c>
      <c r="AC722">
        <v>92</v>
      </c>
      <c r="AD722">
        <v>93</v>
      </c>
      <c r="AE722">
        <v>93</v>
      </c>
      <c r="AF722">
        <v>94</v>
      </c>
      <c r="AG722">
        <v>95</v>
      </c>
      <c r="AH722">
        <v>96</v>
      </c>
      <c r="AI722">
        <v>96</v>
      </c>
      <c r="AJ722">
        <v>97</v>
      </c>
      <c r="AK722">
        <v>98</v>
      </c>
      <c r="AL722">
        <v>98</v>
      </c>
      <c r="AM722">
        <v>98</v>
      </c>
      <c r="AN722">
        <v>98</v>
      </c>
      <c r="AO722">
        <v>97</v>
      </c>
      <c r="AP722">
        <v>97</v>
      </c>
      <c r="AQ722">
        <v>97</v>
      </c>
    </row>
    <row r="723" spans="1:43">
      <c r="A723" t="s">
        <v>543</v>
      </c>
      <c r="B723" t="s">
        <v>544</v>
      </c>
      <c r="C723" t="s">
        <v>541</v>
      </c>
      <c r="D723" t="s">
        <v>542</v>
      </c>
      <c r="E723" t="s">
        <v>353</v>
      </c>
      <c r="F723" t="s">
        <v>354</v>
      </c>
      <c r="G723" t="s">
        <v>80</v>
      </c>
      <c r="H723" t="s">
        <v>81</v>
      </c>
      <c r="I723" s="2">
        <v>1</v>
      </c>
      <c r="J723" s="2">
        <v>0</v>
      </c>
      <c r="K723" s="2">
        <v>0</v>
      </c>
      <c r="L723" t="s">
        <v>120</v>
      </c>
      <c r="M723" t="s">
        <v>87</v>
      </c>
      <c r="N723" t="s">
        <v>88</v>
      </c>
      <c r="O723" t="s">
        <v>85</v>
      </c>
      <c r="P723" t="s">
        <v>86</v>
      </c>
      <c r="Q723">
        <v>81</v>
      </c>
      <c r="R723">
        <v>81</v>
      </c>
      <c r="S723">
        <v>81</v>
      </c>
      <c r="T723">
        <v>81</v>
      </c>
      <c r="U723">
        <v>81</v>
      </c>
      <c r="V723">
        <v>82</v>
      </c>
      <c r="W723">
        <v>82</v>
      </c>
      <c r="X723">
        <v>82</v>
      </c>
      <c r="Y723">
        <v>82</v>
      </c>
      <c r="Z723">
        <v>82</v>
      </c>
      <c r="AA723">
        <v>82</v>
      </c>
      <c r="AB723">
        <v>82</v>
      </c>
      <c r="AC723">
        <v>83</v>
      </c>
      <c r="AD723">
        <v>83</v>
      </c>
      <c r="AE723">
        <v>83</v>
      </c>
      <c r="AF723">
        <v>83</v>
      </c>
      <c r="AG723">
        <v>83</v>
      </c>
      <c r="AH723">
        <v>83</v>
      </c>
      <c r="AI723">
        <v>83</v>
      </c>
      <c r="AJ723">
        <v>83</v>
      </c>
      <c r="AK723">
        <v>83</v>
      </c>
      <c r="AL723">
        <v>84</v>
      </c>
      <c r="AM723">
        <v>84</v>
      </c>
      <c r="AN723">
        <v>84</v>
      </c>
      <c r="AO723">
        <v>84</v>
      </c>
      <c r="AP723">
        <v>84</v>
      </c>
      <c r="AQ723">
        <v>84</v>
      </c>
    </row>
    <row r="724" spans="1:43">
      <c r="A724" t="s">
        <v>543</v>
      </c>
      <c r="B724" t="s">
        <v>544</v>
      </c>
      <c r="C724" t="s">
        <v>541</v>
      </c>
      <c r="D724" t="s">
        <v>542</v>
      </c>
      <c r="E724" t="s">
        <v>353</v>
      </c>
      <c r="F724" t="s">
        <v>354</v>
      </c>
      <c r="G724" t="s">
        <v>80</v>
      </c>
      <c r="H724" t="s">
        <v>81</v>
      </c>
      <c r="I724" s="2">
        <v>1</v>
      </c>
      <c r="J724" s="2">
        <v>0</v>
      </c>
      <c r="K724" s="2">
        <v>0</v>
      </c>
      <c r="L724" t="s">
        <v>120</v>
      </c>
      <c r="M724" t="s">
        <v>89</v>
      </c>
      <c r="N724" t="s">
        <v>90</v>
      </c>
      <c r="O724" t="s">
        <v>85</v>
      </c>
      <c r="P724" t="s">
        <v>86</v>
      </c>
      <c r="Q724">
        <v>81</v>
      </c>
      <c r="R724">
        <v>83</v>
      </c>
      <c r="S724">
        <v>84</v>
      </c>
      <c r="T724">
        <v>86</v>
      </c>
      <c r="U724">
        <v>88</v>
      </c>
      <c r="V724">
        <v>89</v>
      </c>
      <c r="W724">
        <v>90</v>
      </c>
      <c r="X724">
        <v>92</v>
      </c>
      <c r="Y724">
        <v>93</v>
      </c>
      <c r="Z724">
        <v>94</v>
      </c>
      <c r="AA724">
        <v>95</v>
      </c>
      <c r="AB724">
        <v>96</v>
      </c>
      <c r="AC724">
        <v>98</v>
      </c>
      <c r="AD724">
        <v>99</v>
      </c>
      <c r="AE724">
        <v>99</v>
      </c>
      <c r="AF724">
        <v>99</v>
      </c>
      <c r="AG724">
        <v>99</v>
      </c>
      <c r="AH724">
        <v>99</v>
      </c>
      <c r="AI724">
        <v>99</v>
      </c>
      <c r="AJ724">
        <v>99</v>
      </c>
      <c r="AK724">
        <v>98</v>
      </c>
      <c r="AL724">
        <v>98</v>
      </c>
      <c r="AM724">
        <v>98</v>
      </c>
      <c r="AN724">
        <v>98</v>
      </c>
      <c r="AO724">
        <v>98</v>
      </c>
      <c r="AP724">
        <v>97</v>
      </c>
      <c r="AQ724">
        <v>97</v>
      </c>
    </row>
    <row r="725" spans="1:43">
      <c r="A725" t="s">
        <v>543</v>
      </c>
      <c r="B725" t="s">
        <v>544</v>
      </c>
      <c r="C725" t="s">
        <v>541</v>
      </c>
      <c r="D725" t="s">
        <v>542</v>
      </c>
      <c r="E725" t="s">
        <v>353</v>
      </c>
      <c r="F725" t="s">
        <v>354</v>
      </c>
      <c r="G725" t="s">
        <v>80</v>
      </c>
      <c r="H725" t="s">
        <v>81</v>
      </c>
      <c r="I725" s="2">
        <v>1</v>
      </c>
      <c r="J725" s="2">
        <v>0</v>
      </c>
      <c r="K725" s="2">
        <v>0</v>
      </c>
      <c r="L725" t="s">
        <v>120</v>
      </c>
      <c r="M725" t="s">
        <v>83</v>
      </c>
      <c r="N725" t="s">
        <v>91</v>
      </c>
      <c r="O725" t="s">
        <v>85</v>
      </c>
      <c r="P725" t="s">
        <v>86</v>
      </c>
      <c r="Q725">
        <v>81</v>
      </c>
      <c r="R725">
        <v>82</v>
      </c>
      <c r="S725">
        <v>83</v>
      </c>
      <c r="T725">
        <v>84</v>
      </c>
      <c r="U725">
        <v>85</v>
      </c>
      <c r="V725">
        <v>86</v>
      </c>
      <c r="W725">
        <v>87</v>
      </c>
      <c r="X725">
        <v>88</v>
      </c>
      <c r="Y725">
        <v>89</v>
      </c>
      <c r="Z725">
        <v>89</v>
      </c>
      <c r="AA725">
        <v>90</v>
      </c>
      <c r="AB725">
        <v>91</v>
      </c>
      <c r="AC725">
        <v>92</v>
      </c>
      <c r="AD725">
        <v>93</v>
      </c>
      <c r="AE725">
        <v>93</v>
      </c>
      <c r="AF725">
        <v>94</v>
      </c>
      <c r="AG725">
        <v>95</v>
      </c>
      <c r="AH725">
        <v>96</v>
      </c>
      <c r="AI725">
        <v>96</v>
      </c>
      <c r="AJ725">
        <v>97</v>
      </c>
      <c r="AK725">
        <v>98</v>
      </c>
      <c r="AL725">
        <v>98</v>
      </c>
      <c r="AM725">
        <v>98</v>
      </c>
      <c r="AN725">
        <v>98</v>
      </c>
      <c r="AO725">
        <v>97</v>
      </c>
      <c r="AP725">
        <v>97</v>
      </c>
      <c r="AQ725">
        <v>97</v>
      </c>
    </row>
    <row r="726" spans="1:43">
      <c r="A726" t="s">
        <v>545</v>
      </c>
      <c r="B726" t="s">
        <v>546</v>
      </c>
      <c r="C726" t="s">
        <v>541</v>
      </c>
      <c r="D726" t="s">
        <v>542</v>
      </c>
      <c r="E726" t="s">
        <v>353</v>
      </c>
      <c r="F726" t="s">
        <v>354</v>
      </c>
      <c r="G726" t="s">
        <v>80</v>
      </c>
      <c r="H726" t="s">
        <v>81</v>
      </c>
      <c r="I726" s="2">
        <v>1</v>
      </c>
      <c r="J726" s="2">
        <v>0</v>
      </c>
      <c r="K726" s="2">
        <v>0</v>
      </c>
      <c r="L726" t="s">
        <v>120</v>
      </c>
      <c r="M726" t="s">
        <v>83</v>
      </c>
      <c r="N726" t="s">
        <v>84</v>
      </c>
      <c r="O726" t="s">
        <v>85</v>
      </c>
      <c r="P726" t="s">
        <v>86</v>
      </c>
      <c r="Q726">
        <v>81</v>
      </c>
      <c r="R726">
        <v>82</v>
      </c>
      <c r="S726">
        <v>83</v>
      </c>
      <c r="T726">
        <v>84</v>
      </c>
      <c r="U726">
        <v>85</v>
      </c>
      <c r="V726">
        <v>86</v>
      </c>
      <c r="W726">
        <v>87</v>
      </c>
      <c r="X726">
        <v>88</v>
      </c>
      <c r="Y726">
        <v>88</v>
      </c>
      <c r="Z726">
        <v>89</v>
      </c>
      <c r="AA726">
        <v>90</v>
      </c>
      <c r="AB726">
        <v>91</v>
      </c>
      <c r="AC726">
        <v>92</v>
      </c>
      <c r="AD726">
        <v>92</v>
      </c>
      <c r="AE726">
        <v>93</v>
      </c>
      <c r="AF726">
        <v>94</v>
      </c>
      <c r="AG726">
        <v>95</v>
      </c>
      <c r="AH726">
        <v>95</v>
      </c>
      <c r="AI726">
        <v>96</v>
      </c>
      <c r="AJ726">
        <v>97</v>
      </c>
      <c r="AK726">
        <v>98</v>
      </c>
      <c r="AL726">
        <v>98</v>
      </c>
      <c r="AM726">
        <v>97</v>
      </c>
      <c r="AN726">
        <v>97</v>
      </c>
      <c r="AO726">
        <v>97</v>
      </c>
      <c r="AP726">
        <v>97</v>
      </c>
      <c r="AQ726">
        <v>97</v>
      </c>
    </row>
    <row r="727" spans="1:43">
      <c r="A727" t="s">
        <v>545</v>
      </c>
      <c r="B727" t="s">
        <v>546</v>
      </c>
      <c r="C727" t="s">
        <v>541</v>
      </c>
      <c r="D727" t="s">
        <v>542</v>
      </c>
      <c r="E727" t="s">
        <v>353</v>
      </c>
      <c r="F727" t="s">
        <v>354</v>
      </c>
      <c r="G727" t="s">
        <v>80</v>
      </c>
      <c r="H727" t="s">
        <v>81</v>
      </c>
      <c r="I727" s="2">
        <v>1</v>
      </c>
      <c r="J727" s="2">
        <v>0</v>
      </c>
      <c r="K727" s="2">
        <v>0</v>
      </c>
      <c r="L727" t="s">
        <v>120</v>
      </c>
      <c r="M727" t="s">
        <v>87</v>
      </c>
      <c r="N727" t="s">
        <v>88</v>
      </c>
      <c r="O727" t="s">
        <v>85</v>
      </c>
      <c r="P727" t="s">
        <v>86</v>
      </c>
      <c r="Q727">
        <v>81</v>
      </c>
      <c r="R727">
        <v>81</v>
      </c>
      <c r="S727">
        <v>81</v>
      </c>
      <c r="T727">
        <v>81</v>
      </c>
      <c r="U727">
        <v>81</v>
      </c>
      <c r="V727">
        <v>81</v>
      </c>
      <c r="W727">
        <v>82</v>
      </c>
      <c r="X727">
        <v>82</v>
      </c>
      <c r="Y727">
        <v>82</v>
      </c>
      <c r="Z727">
        <v>82</v>
      </c>
      <c r="AA727">
        <v>82</v>
      </c>
      <c r="AB727">
        <v>82</v>
      </c>
      <c r="AC727">
        <v>82</v>
      </c>
      <c r="AD727">
        <v>83</v>
      </c>
      <c r="AE727">
        <v>83</v>
      </c>
      <c r="AF727">
        <v>83</v>
      </c>
      <c r="AG727">
        <v>83</v>
      </c>
      <c r="AH727">
        <v>83</v>
      </c>
      <c r="AI727">
        <v>83</v>
      </c>
      <c r="AJ727">
        <v>83</v>
      </c>
      <c r="AK727">
        <v>83</v>
      </c>
      <c r="AL727">
        <v>83</v>
      </c>
      <c r="AM727">
        <v>83</v>
      </c>
      <c r="AN727">
        <v>83</v>
      </c>
      <c r="AO727">
        <v>83</v>
      </c>
      <c r="AP727">
        <v>84</v>
      </c>
      <c r="AQ727">
        <v>84</v>
      </c>
    </row>
    <row r="728" spans="1:43">
      <c r="A728" t="s">
        <v>545</v>
      </c>
      <c r="B728" t="s">
        <v>546</v>
      </c>
      <c r="C728" t="s">
        <v>541</v>
      </c>
      <c r="D728" t="s">
        <v>542</v>
      </c>
      <c r="E728" t="s">
        <v>353</v>
      </c>
      <c r="F728" t="s">
        <v>354</v>
      </c>
      <c r="G728" t="s">
        <v>80</v>
      </c>
      <c r="H728" t="s">
        <v>81</v>
      </c>
      <c r="I728" s="2">
        <v>1</v>
      </c>
      <c r="J728" s="2">
        <v>0</v>
      </c>
      <c r="K728" s="2">
        <v>0</v>
      </c>
      <c r="L728" t="s">
        <v>120</v>
      </c>
      <c r="M728" t="s">
        <v>89</v>
      </c>
      <c r="N728" t="s">
        <v>90</v>
      </c>
      <c r="O728" t="s">
        <v>85</v>
      </c>
      <c r="P728" t="s">
        <v>86</v>
      </c>
      <c r="Q728">
        <v>81</v>
      </c>
      <c r="R728">
        <v>83</v>
      </c>
      <c r="S728">
        <v>84</v>
      </c>
      <c r="T728">
        <v>86</v>
      </c>
      <c r="U728">
        <v>87</v>
      </c>
      <c r="V728">
        <v>89</v>
      </c>
      <c r="W728">
        <v>90</v>
      </c>
      <c r="X728">
        <v>91</v>
      </c>
      <c r="Y728">
        <v>93</v>
      </c>
      <c r="Z728">
        <v>94</v>
      </c>
      <c r="AA728">
        <v>95</v>
      </c>
      <c r="AB728">
        <v>96</v>
      </c>
      <c r="AC728">
        <v>97</v>
      </c>
      <c r="AD728">
        <v>98</v>
      </c>
      <c r="AE728">
        <v>99</v>
      </c>
      <c r="AF728">
        <v>99</v>
      </c>
      <c r="AG728">
        <v>99</v>
      </c>
      <c r="AH728">
        <v>98</v>
      </c>
      <c r="AI728">
        <v>98</v>
      </c>
      <c r="AJ728">
        <v>98</v>
      </c>
      <c r="AK728">
        <v>98</v>
      </c>
      <c r="AL728">
        <v>98</v>
      </c>
      <c r="AM728">
        <v>98</v>
      </c>
      <c r="AN728">
        <v>97</v>
      </c>
      <c r="AO728">
        <v>97</v>
      </c>
      <c r="AP728">
        <v>97</v>
      </c>
      <c r="AQ728">
        <v>97</v>
      </c>
    </row>
    <row r="729" spans="1:43">
      <c r="A729" t="s">
        <v>545</v>
      </c>
      <c r="B729" t="s">
        <v>546</v>
      </c>
      <c r="C729" t="s">
        <v>541</v>
      </c>
      <c r="D729" t="s">
        <v>542</v>
      </c>
      <c r="E729" t="s">
        <v>353</v>
      </c>
      <c r="F729" t="s">
        <v>354</v>
      </c>
      <c r="G729" t="s">
        <v>80</v>
      </c>
      <c r="H729" t="s">
        <v>81</v>
      </c>
      <c r="I729" s="2">
        <v>1</v>
      </c>
      <c r="J729" s="2">
        <v>0</v>
      </c>
      <c r="K729" s="2">
        <v>0</v>
      </c>
      <c r="L729" t="s">
        <v>120</v>
      </c>
      <c r="M729" t="s">
        <v>83</v>
      </c>
      <c r="N729" t="s">
        <v>91</v>
      </c>
      <c r="O729" t="s">
        <v>85</v>
      </c>
      <c r="P729" t="s">
        <v>86</v>
      </c>
      <c r="Q729">
        <v>81</v>
      </c>
      <c r="R729">
        <v>82</v>
      </c>
      <c r="S729">
        <v>83</v>
      </c>
      <c r="T729">
        <v>84</v>
      </c>
      <c r="U729">
        <v>85</v>
      </c>
      <c r="V729">
        <v>86</v>
      </c>
      <c r="W729">
        <v>87</v>
      </c>
      <c r="X729">
        <v>88</v>
      </c>
      <c r="Y729">
        <v>88</v>
      </c>
      <c r="Z729">
        <v>89</v>
      </c>
      <c r="AA729">
        <v>90</v>
      </c>
      <c r="AB729">
        <v>91</v>
      </c>
      <c r="AC729">
        <v>92</v>
      </c>
      <c r="AD729">
        <v>92</v>
      </c>
      <c r="AE729">
        <v>93</v>
      </c>
      <c r="AF729">
        <v>94</v>
      </c>
      <c r="AG729">
        <v>95</v>
      </c>
      <c r="AH729">
        <v>95</v>
      </c>
      <c r="AI729">
        <v>96</v>
      </c>
      <c r="AJ729">
        <v>97</v>
      </c>
      <c r="AK729">
        <v>98</v>
      </c>
      <c r="AL729">
        <v>98</v>
      </c>
      <c r="AM729">
        <v>97</v>
      </c>
      <c r="AN729">
        <v>97</v>
      </c>
      <c r="AO729">
        <v>97</v>
      </c>
      <c r="AP729">
        <v>97</v>
      </c>
      <c r="AQ729">
        <v>97</v>
      </c>
    </row>
    <row r="730" spans="1:43">
      <c r="A730" t="s">
        <v>547</v>
      </c>
      <c r="B730" t="s">
        <v>548</v>
      </c>
      <c r="C730" t="s">
        <v>549</v>
      </c>
      <c r="D730" t="s">
        <v>550</v>
      </c>
      <c r="E730" t="s">
        <v>353</v>
      </c>
      <c r="F730" t="s">
        <v>354</v>
      </c>
      <c r="G730" t="s">
        <v>80</v>
      </c>
      <c r="H730" t="s">
        <v>81</v>
      </c>
      <c r="I730" s="2">
        <v>1</v>
      </c>
      <c r="J730" s="2">
        <v>0</v>
      </c>
      <c r="K730" s="2">
        <v>0</v>
      </c>
      <c r="L730" t="s">
        <v>120</v>
      </c>
      <c r="M730" t="s">
        <v>83</v>
      </c>
      <c r="N730" t="s">
        <v>84</v>
      </c>
      <c r="O730" t="s">
        <v>85</v>
      </c>
      <c r="P730" t="s">
        <v>86</v>
      </c>
      <c r="Q730">
        <v>22</v>
      </c>
      <c r="R730">
        <v>22</v>
      </c>
      <c r="S730">
        <v>22</v>
      </c>
      <c r="T730">
        <v>23</v>
      </c>
      <c r="U730">
        <v>23</v>
      </c>
      <c r="V730">
        <v>23</v>
      </c>
      <c r="W730">
        <v>23</v>
      </c>
      <c r="X730">
        <v>24</v>
      </c>
      <c r="Y730">
        <v>24</v>
      </c>
      <c r="Z730">
        <v>24</v>
      </c>
      <c r="AA730">
        <v>24</v>
      </c>
      <c r="AB730">
        <v>24</v>
      </c>
      <c r="AC730">
        <v>25</v>
      </c>
      <c r="AD730">
        <v>25</v>
      </c>
      <c r="AE730">
        <v>25</v>
      </c>
      <c r="AF730">
        <v>25</v>
      </c>
      <c r="AG730">
        <v>25</v>
      </c>
      <c r="AH730">
        <v>26</v>
      </c>
      <c r="AI730">
        <v>26</v>
      </c>
      <c r="AJ730">
        <v>26</v>
      </c>
      <c r="AK730">
        <v>26</v>
      </c>
      <c r="AL730">
        <v>26</v>
      </c>
      <c r="AM730">
        <v>26</v>
      </c>
      <c r="AN730">
        <v>26</v>
      </c>
      <c r="AO730">
        <v>26</v>
      </c>
      <c r="AP730">
        <v>26</v>
      </c>
      <c r="AQ730">
        <v>26</v>
      </c>
    </row>
    <row r="731" spans="1:43">
      <c r="A731" t="s">
        <v>547</v>
      </c>
      <c r="B731" t="s">
        <v>548</v>
      </c>
      <c r="C731" t="s">
        <v>549</v>
      </c>
      <c r="D731" t="s">
        <v>550</v>
      </c>
      <c r="E731" t="s">
        <v>353</v>
      </c>
      <c r="F731" t="s">
        <v>354</v>
      </c>
      <c r="G731" t="s">
        <v>80</v>
      </c>
      <c r="H731" t="s">
        <v>81</v>
      </c>
      <c r="I731" s="2">
        <v>1</v>
      </c>
      <c r="J731" s="2">
        <v>0</v>
      </c>
      <c r="K731" s="2">
        <v>0</v>
      </c>
      <c r="L731" t="s">
        <v>120</v>
      </c>
      <c r="M731" t="s">
        <v>87</v>
      </c>
      <c r="N731" t="s">
        <v>88</v>
      </c>
      <c r="O731" t="s">
        <v>85</v>
      </c>
      <c r="P731" t="s">
        <v>86</v>
      </c>
      <c r="Q731">
        <v>22</v>
      </c>
      <c r="R731">
        <v>22</v>
      </c>
      <c r="S731">
        <v>22</v>
      </c>
      <c r="T731">
        <v>22</v>
      </c>
      <c r="U731">
        <v>22</v>
      </c>
      <c r="V731">
        <v>22</v>
      </c>
      <c r="W731">
        <v>22</v>
      </c>
      <c r="X731">
        <v>22</v>
      </c>
      <c r="Y731">
        <v>22</v>
      </c>
      <c r="Z731">
        <v>22</v>
      </c>
      <c r="AA731">
        <v>22</v>
      </c>
      <c r="AB731">
        <v>22</v>
      </c>
      <c r="AC731">
        <v>22</v>
      </c>
      <c r="AD731">
        <v>22</v>
      </c>
      <c r="AE731">
        <v>22</v>
      </c>
      <c r="AF731">
        <v>22</v>
      </c>
      <c r="AG731">
        <v>22</v>
      </c>
      <c r="AH731">
        <v>22</v>
      </c>
      <c r="AI731">
        <v>22</v>
      </c>
      <c r="AJ731">
        <v>22</v>
      </c>
      <c r="AK731">
        <v>22</v>
      </c>
      <c r="AL731">
        <v>22</v>
      </c>
      <c r="AM731">
        <v>22</v>
      </c>
      <c r="AN731">
        <v>22</v>
      </c>
      <c r="AO731">
        <v>22</v>
      </c>
      <c r="AP731">
        <v>22</v>
      </c>
      <c r="AQ731">
        <v>22</v>
      </c>
    </row>
    <row r="732" spans="1:43">
      <c r="A732" t="s">
        <v>547</v>
      </c>
      <c r="B732" t="s">
        <v>548</v>
      </c>
      <c r="C732" t="s">
        <v>549</v>
      </c>
      <c r="D732" t="s">
        <v>550</v>
      </c>
      <c r="E732" t="s">
        <v>353</v>
      </c>
      <c r="F732" t="s">
        <v>354</v>
      </c>
      <c r="G732" t="s">
        <v>80</v>
      </c>
      <c r="H732" t="s">
        <v>81</v>
      </c>
      <c r="I732" s="2">
        <v>1</v>
      </c>
      <c r="J732" s="2">
        <v>0</v>
      </c>
      <c r="K732" s="2">
        <v>0</v>
      </c>
      <c r="L732" t="s">
        <v>120</v>
      </c>
      <c r="M732" t="s">
        <v>89</v>
      </c>
      <c r="N732" t="s">
        <v>90</v>
      </c>
      <c r="O732" t="s">
        <v>85</v>
      </c>
      <c r="P732" t="s">
        <v>86</v>
      </c>
      <c r="Q732">
        <v>22</v>
      </c>
      <c r="R732">
        <v>23</v>
      </c>
      <c r="S732">
        <v>23</v>
      </c>
      <c r="T732">
        <v>23</v>
      </c>
      <c r="U732">
        <v>24</v>
      </c>
      <c r="V732">
        <v>24</v>
      </c>
      <c r="W732">
        <v>24</v>
      </c>
      <c r="X732">
        <v>25</v>
      </c>
      <c r="Y732">
        <v>25</v>
      </c>
      <c r="Z732">
        <v>25</v>
      </c>
      <c r="AA732">
        <v>26</v>
      </c>
      <c r="AB732">
        <v>26</v>
      </c>
      <c r="AC732">
        <v>26</v>
      </c>
      <c r="AD732">
        <v>27</v>
      </c>
      <c r="AE732">
        <v>27</v>
      </c>
      <c r="AF732">
        <v>27</v>
      </c>
      <c r="AG732">
        <v>27</v>
      </c>
      <c r="AH732">
        <v>27</v>
      </c>
      <c r="AI732">
        <v>26</v>
      </c>
      <c r="AJ732">
        <v>26</v>
      </c>
      <c r="AK732">
        <v>26</v>
      </c>
      <c r="AL732">
        <v>26</v>
      </c>
      <c r="AM732">
        <v>26</v>
      </c>
      <c r="AN732">
        <v>26</v>
      </c>
      <c r="AO732">
        <v>26</v>
      </c>
      <c r="AP732">
        <v>26</v>
      </c>
      <c r="AQ732">
        <v>26</v>
      </c>
    </row>
    <row r="733" spans="1:43">
      <c r="A733" t="s">
        <v>547</v>
      </c>
      <c r="B733" t="s">
        <v>548</v>
      </c>
      <c r="C733" t="s">
        <v>549</v>
      </c>
      <c r="D733" t="s">
        <v>550</v>
      </c>
      <c r="E733" t="s">
        <v>353</v>
      </c>
      <c r="F733" t="s">
        <v>354</v>
      </c>
      <c r="G733" t="s">
        <v>80</v>
      </c>
      <c r="H733" t="s">
        <v>81</v>
      </c>
      <c r="I733" s="2">
        <v>1</v>
      </c>
      <c r="J733" s="2">
        <v>0</v>
      </c>
      <c r="K733" s="2">
        <v>0</v>
      </c>
      <c r="L733" t="s">
        <v>120</v>
      </c>
      <c r="M733" t="s">
        <v>83</v>
      </c>
      <c r="N733" t="s">
        <v>91</v>
      </c>
      <c r="O733" t="s">
        <v>85</v>
      </c>
      <c r="P733" t="s">
        <v>86</v>
      </c>
      <c r="Q733">
        <v>22</v>
      </c>
      <c r="R733">
        <v>22</v>
      </c>
      <c r="S733">
        <v>22</v>
      </c>
      <c r="T733">
        <v>23</v>
      </c>
      <c r="U733">
        <v>23</v>
      </c>
      <c r="V733">
        <v>23</v>
      </c>
      <c r="W733">
        <v>23</v>
      </c>
      <c r="X733">
        <v>24</v>
      </c>
      <c r="Y733">
        <v>24</v>
      </c>
      <c r="Z733">
        <v>24</v>
      </c>
      <c r="AA733">
        <v>24</v>
      </c>
      <c r="AB733">
        <v>24</v>
      </c>
      <c r="AC733">
        <v>25</v>
      </c>
      <c r="AD733">
        <v>25</v>
      </c>
      <c r="AE733">
        <v>25</v>
      </c>
      <c r="AF733">
        <v>25</v>
      </c>
      <c r="AG733">
        <v>25</v>
      </c>
      <c r="AH733">
        <v>26</v>
      </c>
      <c r="AI733">
        <v>26</v>
      </c>
      <c r="AJ733">
        <v>26</v>
      </c>
      <c r="AK733">
        <v>26</v>
      </c>
      <c r="AL733">
        <v>26</v>
      </c>
      <c r="AM733">
        <v>26</v>
      </c>
      <c r="AN733">
        <v>26</v>
      </c>
      <c r="AO733">
        <v>26</v>
      </c>
      <c r="AP733">
        <v>26</v>
      </c>
      <c r="AQ733">
        <v>26</v>
      </c>
    </row>
    <row r="734" spans="1:43">
      <c r="A734" t="s">
        <v>551</v>
      </c>
      <c r="B734" t="s">
        <v>552</v>
      </c>
      <c r="C734" t="s">
        <v>553</v>
      </c>
      <c r="D734" t="s">
        <v>554</v>
      </c>
      <c r="E734" t="s">
        <v>353</v>
      </c>
      <c r="F734" t="s">
        <v>354</v>
      </c>
      <c r="G734" t="s">
        <v>80</v>
      </c>
      <c r="H734" t="s">
        <v>81</v>
      </c>
      <c r="I734" s="2">
        <v>1</v>
      </c>
      <c r="J734" s="2">
        <v>0</v>
      </c>
      <c r="K734" s="2">
        <v>0</v>
      </c>
      <c r="L734" t="s">
        <v>120</v>
      </c>
      <c r="M734" t="s">
        <v>83</v>
      </c>
      <c r="N734" t="s">
        <v>84</v>
      </c>
      <c r="O734" t="s">
        <v>85</v>
      </c>
      <c r="P734" t="s">
        <v>86</v>
      </c>
      <c r="Q734">
        <v>86</v>
      </c>
      <c r="R734">
        <v>87</v>
      </c>
      <c r="S734">
        <v>88</v>
      </c>
      <c r="T734">
        <v>89</v>
      </c>
      <c r="U734">
        <v>90</v>
      </c>
      <c r="V734">
        <v>91</v>
      </c>
      <c r="W734">
        <v>92</v>
      </c>
      <c r="X734">
        <v>92</v>
      </c>
      <c r="Y734">
        <v>93</v>
      </c>
      <c r="Z734">
        <v>94</v>
      </c>
      <c r="AA734">
        <v>95</v>
      </c>
      <c r="AB734">
        <v>96</v>
      </c>
      <c r="AC734">
        <v>96</v>
      </c>
      <c r="AD734">
        <v>97</v>
      </c>
      <c r="AE734">
        <v>98</v>
      </c>
      <c r="AF734">
        <v>99</v>
      </c>
      <c r="AG734">
        <v>99</v>
      </c>
      <c r="AH734">
        <v>100</v>
      </c>
      <c r="AI734">
        <v>101</v>
      </c>
      <c r="AJ734">
        <v>102</v>
      </c>
      <c r="AK734">
        <v>102</v>
      </c>
      <c r="AL734">
        <v>102</v>
      </c>
      <c r="AM734">
        <v>102</v>
      </c>
      <c r="AN734">
        <v>102</v>
      </c>
      <c r="AO734">
        <v>101</v>
      </c>
      <c r="AP734">
        <v>101</v>
      </c>
      <c r="AQ734">
        <v>101</v>
      </c>
    </row>
    <row r="735" spans="1:43">
      <c r="A735" t="s">
        <v>551</v>
      </c>
      <c r="B735" t="s">
        <v>552</v>
      </c>
      <c r="C735" t="s">
        <v>553</v>
      </c>
      <c r="D735" t="s">
        <v>554</v>
      </c>
      <c r="E735" t="s">
        <v>353</v>
      </c>
      <c r="F735" t="s">
        <v>354</v>
      </c>
      <c r="G735" t="s">
        <v>80</v>
      </c>
      <c r="H735" t="s">
        <v>81</v>
      </c>
      <c r="I735" s="2">
        <v>1</v>
      </c>
      <c r="J735" s="2">
        <v>0</v>
      </c>
      <c r="K735" s="2">
        <v>0</v>
      </c>
      <c r="L735" t="s">
        <v>120</v>
      </c>
      <c r="M735" t="s">
        <v>87</v>
      </c>
      <c r="N735" t="s">
        <v>88</v>
      </c>
      <c r="O735" t="s">
        <v>85</v>
      </c>
      <c r="P735" t="s">
        <v>86</v>
      </c>
      <c r="Q735">
        <v>86</v>
      </c>
      <c r="R735">
        <v>86</v>
      </c>
      <c r="S735">
        <v>87</v>
      </c>
      <c r="T735">
        <v>87</v>
      </c>
      <c r="U735">
        <v>87</v>
      </c>
      <c r="V735">
        <v>87</v>
      </c>
      <c r="W735">
        <v>87</v>
      </c>
      <c r="X735">
        <v>87</v>
      </c>
      <c r="Y735">
        <v>87</v>
      </c>
      <c r="Z735">
        <v>87</v>
      </c>
      <c r="AA735">
        <v>87</v>
      </c>
      <c r="AB735">
        <v>88</v>
      </c>
      <c r="AC735">
        <v>88</v>
      </c>
      <c r="AD735">
        <v>88</v>
      </c>
      <c r="AE735">
        <v>88</v>
      </c>
      <c r="AF735">
        <v>88</v>
      </c>
      <c r="AG735">
        <v>88</v>
      </c>
      <c r="AH735">
        <v>88</v>
      </c>
      <c r="AI735">
        <v>88</v>
      </c>
      <c r="AJ735">
        <v>88</v>
      </c>
      <c r="AK735">
        <v>88</v>
      </c>
      <c r="AL735">
        <v>88</v>
      </c>
      <c r="AM735">
        <v>88</v>
      </c>
      <c r="AN735">
        <v>88</v>
      </c>
      <c r="AO735">
        <v>88</v>
      </c>
      <c r="AP735">
        <v>88</v>
      </c>
      <c r="AQ735">
        <v>88</v>
      </c>
    </row>
    <row r="736" spans="1:43">
      <c r="A736" t="s">
        <v>551</v>
      </c>
      <c r="B736" t="s">
        <v>552</v>
      </c>
      <c r="C736" t="s">
        <v>553</v>
      </c>
      <c r="D736" t="s">
        <v>554</v>
      </c>
      <c r="E736" t="s">
        <v>353</v>
      </c>
      <c r="F736" t="s">
        <v>354</v>
      </c>
      <c r="G736" t="s">
        <v>80</v>
      </c>
      <c r="H736" t="s">
        <v>81</v>
      </c>
      <c r="I736" s="2">
        <v>1</v>
      </c>
      <c r="J736" s="2">
        <v>0</v>
      </c>
      <c r="K736" s="2">
        <v>0</v>
      </c>
      <c r="L736" t="s">
        <v>120</v>
      </c>
      <c r="M736" t="s">
        <v>89</v>
      </c>
      <c r="N736" t="s">
        <v>90</v>
      </c>
      <c r="O736" t="s">
        <v>85</v>
      </c>
      <c r="P736" t="s">
        <v>86</v>
      </c>
      <c r="Q736">
        <v>86</v>
      </c>
      <c r="R736">
        <v>88</v>
      </c>
      <c r="S736">
        <v>89</v>
      </c>
      <c r="T736">
        <v>91</v>
      </c>
      <c r="U736">
        <v>92</v>
      </c>
      <c r="V736">
        <v>94</v>
      </c>
      <c r="W736">
        <v>95</v>
      </c>
      <c r="X736">
        <v>96</v>
      </c>
      <c r="Y736">
        <v>98</v>
      </c>
      <c r="Z736">
        <v>99</v>
      </c>
      <c r="AA736">
        <v>100</v>
      </c>
      <c r="AB736">
        <v>101</v>
      </c>
      <c r="AC736">
        <v>102</v>
      </c>
      <c r="AD736">
        <v>104</v>
      </c>
      <c r="AE736">
        <v>104</v>
      </c>
      <c r="AF736">
        <v>104</v>
      </c>
      <c r="AG736">
        <v>104</v>
      </c>
      <c r="AH736">
        <v>103</v>
      </c>
      <c r="AI736">
        <v>103</v>
      </c>
      <c r="AJ736">
        <v>103</v>
      </c>
      <c r="AK736">
        <v>102</v>
      </c>
      <c r="AL736">
        <v>102</v>
      </c>
      <c r="AM736">
        <v>102</v>
      </c>
      <c r="AN736">
        <v>101</v>
      </c>
      <c r="AO736">
        <v>101</v>
      </c>
      <c r="AP736">
        <v>101</v>
      </c>
      <c r="AQ736">
        <v>100</v>
      </c>
    </row>
    <row r="737" spans="1:43">
      <c r="A737" t="s">
        <v>551</v>
      </c>
      <c r="B737" t="s">
        <v>552</v>
      </c>
      <c r="C737" t="s">
        <v>553</v>
      </c>
      <c r="D737" t="s">
        <v>554</v>
      </c>
      <c r="E737" t="s">
        <v>353</v>
      </c>
      <c r="F737" t="s">
        <v>354</v>
      </c>
      <c r="G737" t="s">
        <v>80</v>
      </c>
      <c r="H737" t="s">
        <v>81</v>
      </c>
      <c r="I737" s="2">
        <v>1</v>
      </c>
      <c r="J737" s="2">
        <v>0</v>
      </c>
      <c r="K737" s="2">
        <v>0</v>
      </c>
      <c r="L737" t="s">
        <v>120</v>
      </c>
      <c r="M737" t="s">
        <v>83</v>
      </c>
      <c r="N737" t="s">
        <v>91</v>
      </c>
      <c r="O737" t="s">
        <v>85</v>
      </c>
      <c r="P737" t="s">
        <v>86</v>
      </c>
      <c r="Q737">
        <v>86</v>
      </c>
      <c r="R737">
        <v>87</v>
      </c>
      <c r="S737">
        <v>88</v>
      </c>
      <c r="T737">
        <v>89</v>
      </c>
      <c r="U737">
        <v>90</v>
      </c>
      <c r="V737">
        <v>91</v>
      </c>
      <c r="W737">
        <v>92</v>
      </c>
      <c r="X737">
        <v>92</v>
      </c>
      <c r="Y737">
        <v>93</v>
      </c>
      <c r="Z737">
        <v>94</v>
      </c>
      <c r="AA737">
        <v>95</v>
      </c>
      <c r="AB737">
        <v>96</v>
      </c>
      <c r="AC737">
        <v>96</v>
      </c>
      <c r="AD737">
        <v>97</v>
      </c>
      <c r="AE737">
        <v>98</v>
      </c>
      <c r="AF737">
        <v>99</v>
      </c>
      <c r="AG737">
        <v>99</v>
      </c>
      <c r="AH737">
        <v>100</v>
      </c>
      <c r="AI737">
        <v>101</v>
      </c>
      <c r="AJ737">
        <v>102</v>
      </c>
      <c r="AK737">
        <v>102</v>
      </c>
      <c r="AL737">
        <v>102</v>
      </c>
      <c r="AM737">
        <v>102</v>
      </c>
      <c r="AN737">
        <v>102</v>
      </c>
      <c r="AO737">
        <v>101</v>
      </c>
      <c r="AP737">
        <v>101</v>
      </c>
      <c r="AQ737">
        <v>101</v>
      </c>
    </row>
    <row r="738" spans="1:43">
      <c r="A738" t="s">
        <v>555</v>
      </c>
      <c r="B738" t="s">
        <v>556</v>
      </c>
      <c r="C738" t="s">
        <v>557</v>
      </c>
      <c r="D738" t="s">
        <v>558</v>
      </c>
      <c r="E738" t="s">
        <v>353</v>
      </c>
      <c r="F738" t="s">
        <v>354</v>
      </c>
      <c r="G738" t="s">
        <v>80</v>
      </c>
      <c r="H738" t="s">
        <v>81</v>
      </c>
      <c r="I738" s="2">
        <v>1</v>
      </c>
      <c r="J738" s="2">
        <v>0</v>
      </c>
      <c r="K738" s="2">
        <v>0</v>
      </c>
      <c r="L738" t="s">
        <v>120</v>
      </c>
      <c r="M738" t="s">
        <v>83</v>
      </c>
      <c r="N738" t="s">
        <v>84</v>
      </c>
      <c r="O738" t="s">
        <v>85</v>
      </c>
      <c r="P738" t="s">
        <v>86</v>
      </c>
      <c r="Q738">
        <v>36</v>
      </c>
      <c r="R738">
        <v>37</v>
      </c>
      <c r="S738">
        <v>37</v>
      </c>
      <c r="T738">
        <v>37</v>
      </c>
      <c r="U738">
        <v>38</v>
      </c>
      <c r="V738">
        <v>38</v>
      </c>
      <c r="W738">
        <v>39</v>
      </c>
      <c r="X738">
        <v>39</v>
      </c>
      <c r="Y738">
        <v>39</v>
      </c>
      <c r="Z738">
        <v>40</v>
      </c>
      <c r="AA738">
        <v>40</v>
      </c>
      <c r="AB738">
        <v>40</v>
      </c>
      <c r="AC738">
        <v>41</v>
      </c>
      <c r="AD738">
        <v>41</v>
      </c>
      <c r="AE738">
        <v>41</v>
      </c>
      <c r="AF738">
        <v>42</v>
      </c>
      <c r="AG738">
        <v>42</v>
      </c>
      <c r="AH738">
        <v>42</v>
      </c>
      <c r="AI738">
        <v>43</v>
      </c>
      <c r="AJ738">
        <v>43</v>
      </c>
      <c r="AK738">
        <v>43</v>
      </c>
      <c r="AL738">
        <v>43</v>
      </c>
      <c r="AM738">
        <v>43</v>
      </c>
      <c r="AN738">
        <v>43</v>
      </c>
      <c r="AO738">
        <v>43</v>
      </c>
      <c r="AP738">
        <v>43</v>
      </c>
      <c r="AQ738">
        <v>43</v>
      </c>
    </row>
    <row r="739" spans="1:43">
      <c r="A739" t="s">
        <v>555</v>
      </c>
      <c r="B739" t="s">
        <v>556</v>
      </c>
      <c r="C739" t="s">
        <v>557</v>
      </c>
      <c r="D739" t="s">
        <v>558</v>
      </c>
      <c r="E739" t="s">
        <v>353</v>
      </c>
      <c r="F739" t="s">
        <v>354</v>
      </c>
      <c r="G739" t="s">
        <v>80</v>
      </c>
      <c r="H739" t="s">
        <v>81</v>
      </c>
      <c r="I739" s="2">
        <v>1</v>
      </c>
      <c r="J739" s="2">
        <v>0</v>
      </c>
      <c r="K739" s="2">
        <v>0</v>
      </c>
      <c r="L739" t="s">
        <v>120</v>
      </c>
      <c r="M739" t="s">
        <v>87</v>
      </c>
      <c r="N739" t="s">
        <v>88</v>
      </c>
      <c r="O739" t="s">
        <v>85</v>
      </c>
      <c r="P739" t="s">
        <v>86</v>
      </c>
      <c r="Q739">
        <v>36</v>
      </c>
      <c r="R739">
        <v>36</v>
      </c>
      <c r="S739">
        <v>36</v>
      </c>
      <c r="T739">
        <v>36</v>
      </c>
      <c r="U739">
        <v>36</v>
      </c>
      <c r="V739">
        <v>36</v>
      </c>
      <c r="W739">
        <v>36</v>
      </c>
      <c r="X739">
        <v>36</v>
      </c>
      <c r="Y739">
        <v>36</v>
      </c>
      <c r="Z739">
        <v>36</v>
      </c>
      <c r="AA739">
        <v>36</v>
      </c>
      <c r="AB739">
        <v>36</v>
      </c>
      <c r="AC739">
        <v>37</v>
      </c>
      <c r="AD739">
        <v>37</v>
      </c>
      <c r="AE739">
        <v>37</v>
      </c>
      <c r="AF739">
        <v>37</v>
      </c>
      <c r="AG739">
        <v>37</v>
      </c>
      <c r="AH739">
        <v>37</v>
      </c>
      <c r="AI739">
        <v>37</v>
      </c>
      <c r="AJ739">
        <v>37</v>
      </c>
      <c r="AK739">
        <v>37</v>
      </c>
      <c r="AL739">
        <v>37</v>
      </c>
      <c r="AM739">
        <v>37</v>
      </c>
      <c r="AN739">
        <v>37</v>
      </c>
      <c r="AO739">
        <v>37</v>
      </c>
      <c r="AP739">
        <v>37</v>
      </c>
      <c r="AQ739">
        <v>37</v>
      </c>
    </row>
    <row r="740" spans="1:43">
      <c r="A740" t="s">
        <v>555</v>
      </c>
      <c r="B740" t="s">
        <v>556</v>
      </c>
      <c r="C740" t="s">
        <v>557</v>
      </c>
      <c r="D740" t="s">
        <v>558</v>
      </c>
      <c r="E740" t="s">
        <v>353</v>
      </c>
      <c r="F740" t="s">
        <v>354</v>
      </c>
      <c r="G740" t="s">
        <v>80</v>
      </c>
      <c r="H740" t="s">
        <v>81</v>
      </c>
      <c r="I740" s="2">
        <v>1</v>
      </c>
      <c r="J740" s="2">
        <v>0</v>
      </c>
      <c r="K740" s="2">
        <v>0</v>
      </c>
      <c r="L740" t="s">
        <v>120</v>
      </c>
      <c r="M740" t="s">
        <v>89</v>
      </c>
      <c r="N740" t="s">
        <v>90</v>
      </c>
      <c r="O740" t="s">
        <v>85</v>
      </c>
      <c r="P740" t="s">
        <v>86</v>
      </c>
      <c r="Q740">
        <v>36</v>
      </c>
      <c r="R740">
        <v>37</v>
      </c>
      <c r="S740">
        <v>38</v>
      </c>
      <c r="T740">
        <v>39</v>
      </c>
      <c r="U740">
        <v>39</v>
      </c>
      <c r="V740">
        <v>40</v>
      </c>
      <c r="W740">
        <v>40</v>
      </c>
      <c r="X740">
        <v>41</v>
      </c>
      <c r="Y740">
        <v>42</v>
      </c>
      <c r="Z740">
        <v>42</v>
      </c>
      <c r="AA740">
        <v>43</v>
      </c>
      <c r="AB740">
        <v>43</v>
      </c>
      <c r="AC740">
        <v>44</v>
      </c>
      <c r="AD740">
        <v>44</v>
      </c>
      <c r="AE740">
        <v>44</v>
      </c>
      <c r="AF740">
        <v>44</v>
      </c>
      <c r="AG740">
        <v>44</v>
      </c>
      <c r="AH740">
        <v>44</v>
      </c>
      <c r="AI740">
        <v>44</v>
      </c>
      <c r="AJ740">
        <v>44</v>
      </c>
      <c r="AK740">
        <v>44</v>
      </c>
      <c r="AL740">
        <v>44</v>
      </c>
      <c r="AM740">
        <v>43</v>
      </c>
      <c r="AN740">
        <v>43</v>
      </c>
      <c r="AO740">
        <v>43</v>
      </c>
      <c r="AP740">
        <v>43</v>
      </c>
      <c r="AQ740">
        <v>43</v>
      </c>
    </row>
    <row r="741" spans="1:43">
      <c r="A741" t="s">
        <v>555</v>
      </c>
      <c r="B741" t="s">
        <v>556</v>
      </c>
      <c r="C741" t="s">
        <v>557</v>
      </c>
      <c r="D741" t="s">
        <v>558</v>
      </c>
      <c r="E741" t="s">
        <v>353</v>
      </c>
      <c r="F741" t="s">
        <v>354</v>
      </c>
      <c r="G741" t="s">
        <v>80</v>
      </c>
      <c r="H741" t="s">
        <v>81</v>
      </c>
      <c r="I741" s="2">
        <v>1</v>
      </c>
      <c r="J741" s="2">
        <v>0</v>
      </c>
      <c r="K741" s="2">
        <v>0</v>
      </c>
      <c r="L741" t="s">
        <v>120</v>
      </c>
      <c r="M741" t="s">
        <v>83</v>
      </c>
      <c r="N741" t="s">
        <v>91</v>
      </c>
      <c r="O741" t="s">
        <v>85</v>
      </c>
      <c r="P741" t="s">
        <v>86</v>
      </c>
      <c r="Q741">
        <v>36</v>
      </c>
      <c r="R741">
        <v>37</v>
      </c>
      <c r="S741">
        <v>37</v>
      </c>
      <c r="T741">
        <v>37</v>
      </c>
      <c r="U741">
        <v>38</v>
      </c>
      <c r="V741">
        <v>38</v>
      </c>
      <c r="W741">
        <v>39</v>
      </c>
      <c r="X741">
        <v>39</v>
      </c>
      <c r="Y741">
        <v>39</v>
      </c>
      <c r="Z741">
        <v>40</v>
      </c>
      <c r="AA741">
        <v>40</v>
      </c>
      <c r="AB741">
        <v>40</v>
      </c>
      <c r="AC741">
        <v>41</v>
      </c>
      <c r="AD741">
        <v>41</v>
      </c>
      <c r="AE741">
        <v>41</v>
      </c>
      <c r="AF741">
        <v>42</v>
      </c>
      <c r="AG741">
        <v>42</v>
      </c>
      <c r="AH741">
        <v>42</v>
      </c>
      <c r="AI741">
        <v>43</v>
      </c>
      <c r="AJ741">
        <v>43</v>
      </c>
      <c r="AK741">
        <v>43</v>
      </c>
      <c r="AL741">
        <v>43</v>
      </c>
      <c r="AM741">
        <v>43</v>
      </c>
      <c r="AN741">
        <v>43</v>
      </c>
      <c r="AO741">
        <v>43</v>
      </c>
      <c r="AP741">
        <v>43</v>
      </c>
      <c r="AQ741">
        <v>43</v>
      </c>
    </row>
    <row r="742" spans="1:43">
      <c r="A742" t="s">
        <v>559</v>
      </c>
      <c r="B742" t="s">
        <v>560</v>
      </c>
      <c r="C742" t="s">
        <v>561</v>
      </c>
      <c r="D742" t="s">
        <v>562</v>
      </c>
      <c r="E742" t="s">
        <v>353</v>
      </c>
      <c r="F742" t="s">
        <v>354</v>
      </c>
      <c r="G742" t="s">
        <v>80</v>
      </c>
      <c r="H742" t="s">
        <v>81</v>
      </c>
      <c r="I742" s="2">
        <v>1</v>
      </c>
      <c r="J742" s="2">
        <v>0</v>
      </c>
      <c r="K742" s="2">
        <v>0</v>
      </c>
      <c r="L742" t="s">
        <v>120</v>
      </c>
      <c r="M742" t="s">
        <v>83</v>
      </c>
      <c r="N742" t="s">
        <v>84</v>
      </c>
      <c r="O742" t="s">
        <v>85</v>
      </c>
      <c r="P742" t="s">
        <v>86</v>
      </c>
      <c r="Q742">
        <v>42</v>
      </c>
      <c r="R742">
        <v>43</v>
      </c>
      <c r="S742">
        <v>43</v>
      </c>
      <c r="T742">
        <v>44</v>
      </c>
      <c r="U742">
        <v>44</v>
      </c>
      <c r="V742">
        <v>45</v>
      </c>
      <c r="W742">
        <v>45</v>
      </c>
      <c r="X742">
        <v>45</v>
      </c>
      <c r="Y742">
        <v>46</v>
      </c>
      <c r="Z742">
        <v>46</v>
      </c>
      <c r="AA742">
        <v>47</v>
      </c>
      <c r="AB742">
        <v>47</v>
      </c>
      <c r="AC742">
        <v>47</v>
      </c>
      <c r="AD742">
        <v>48</v>
      </c>
      <c r="AE742">
        <v>48</v>
      </c>
      <c r="AF742">
        <v>48</v>
      </c>
      <c r="AG742">
        <v>49</v>
      </c>
      <c r="AH742">
        <v>49</v>
      </c>
      <c r="AI742">
        <v>49</v>
      </c>
      <c r="AJ742">
        <v>50</v>
      </c>
      <c r="AK742">
        <v>50</v>
      </c>
      <c r="AL742">
        <v>50</v>
      </c>
      <c r="AM742">
        <v>50</v>
      </c>
      <c r="AN742">
        <v>50</v>
      </c>
      <c r="AO742">
        <v>50</v>
      </c>
      <c r="AP742">
        <v>50</v>
      </c>
      <c r="AQ742">
        <v>49</v>
      </c>
    </row>
    <row r="743" spans="1:43">
      <c r="A743" t="s">
        <v>559</v>
      </c>
      <c r="B743" t="s">
        <v>560</v>
      </c>
      <c r="C743" t="s">
        <v>561</v>
      </c>
      <c r="D743" t="s">
        <v>562</v>
      </c>
      <c r="E743" t="s">
        <v>353</v>
      </c>
      <c r="F743" t="s">
        <v>354</v>
      </c>
      <c r="G743" t="s">
        <v>80</v>
      </c>
      <c r="H743" t="s">
        <v>81</v>
      </c>
      <c r="I743" s="2">
        <v>1</v>
      </c>
      <c r="J743" s="2">
        <v>0</v>
      </c>
      <c r="K743" s="2">
        <v>0</v>
      </c>
      <c r="L743" t="s">
        <v>120</v>
      </c>
      <c r="M743" t="s">
        <v>87</v>
      </c>
      <c r="N743" t="s">
        <v>88</v>
      </c>
      <c r="O743" t="s">
        <v>85</v>
      </c>
      <c r="P743" t="s">
        <v>86</v>
      </c>
      <c r="Q743">
        <v>42</v>
      </c>
      <c r="R743">
        <v>42</v>
      </c>
      <c r="S743">
        <v>42</v>
      </c>
      <c r="T743">
        <v>42</v>
      </c>
      <c r="U743">
        <v>42</v>
      </c>
      <c r="V743">
        <v>42</v>
      </c>
      <c r="W743">
        <v>42</v>
      </c>
      <c r="X743">
        <v>42</v>
      </c>
      <c r="Y743">
        <v>42</v>
      </c>
      <c r="Z743">
        <v>42</v>
      </c>
      <c r="AA743">
        <v>42</v>
      </c>
      <c r="AB743">
        <v>42</v>
      </c>
      <c r="AC743">
        <v>43</v>
      </c>
      <c r="AD743">
        <v>43</v>
      </c>
      <c r="AE743">
        <v>43</v>
      </c>
      <c r="AF743">
        <v>43</v>
      </c>
      <c r="AG743">
        <v>43</v>
      </c>
      <c r="AH743">
        <v>43</v>
      </c>
      <c r="AI743">
        <v>43</v>
      </c>
      <c r="AJ743">
        <v>43</v>
      </c>
      <c r="AK743">
        <v>43</v>
      </c>
      <c r="AL743">
        <v>43</v>
      </c>
      <c r="AM743">
        <v>43</v>
      </c>
      <c r="AN743">
        <v>43</v>
      </c>
      <c r="AO743">
        <v>43</v>
      </c>
      <c r="AP743">
        <v>43</v>
      </c>
      <c r="AQ743">
        <v>43</v>
      </c>
    </row>
    <row r="744" spans="1:43">
      <c r="A744" t="s">
        <v>559</v>
      </c>
      <c r="B744" t="s">
        <v>560</v>
      </c>
      <c r="C744" t="s">
        <v>561</v>
      </c>
      <c r="D744" t="s">
        <v>562</v>
      </c>
      <c r="E744" t="s">
        <v>353</v>
      </c>
      <c r="F744" t="s">
        <v>354</v>
      </c>
      <c r="G744" t="s">
        <v>80</v>
      </c>
      <c r="H744" t="s">
        <v>81</v>
      </c>
      <c r="I744" s="2">
        <v>1</v>
      </c>
      <c r="J744" s="2">
        <v>0</v>
      </c>
      <c r="K744" s="2">
        <v>0</v>
      </c>
      <c r="L744" t="s">
        <v>120</v>
      </c>
      <c r="M744" t="s">
        <v>89</v>
      </c>
      <c r="N744" t="s">
        <v>90</v>
      </c>
      <c r="O744" t="s">
        <v>85</v>
      </c>
      <c r="P744" t="s">
        <v>86</v>
      </c>
      <c r="Q744">
        <v>42</v>
      </c>
      <c r="R744">
        <v>42</v>
      </c>
      <c r="S744">
        <v>43</v>
      </c>
      <c r="T744">
        <v>44</v>
      </c>
      <c r="U744">
        <v>45</v>
      </c>
      <c r="V744">
        <v>45</v>
      </c>
      <c r="W744">
        <v>46</v>
      </c>
      <c r="X744">
        <v>47</v>
      </c>
      <c r="Y744">
        <v>47</v>
      </c>
      <c r="Z744">
        <v>48</v>
      </c>
      <c r="AA744">
        <v>49</v>
      </c>
      <c r="AB744">
        <v>49</v>
      </c>
      <c r="AC744">
        <v>50</v>
      </c>
      <c r="AD744">
        <v>50</v>
      </c>
      <c r="AE744">
        <v>51</v>
      </c>
      <c r="AF744">
        <v>50</v>
      </c>
      <c r="AG744">
        <v>50</v>
      </c>
      <c r="AH744">
        <v>50</v>
      </c>
      <c r="AI744">
        <v>50</v>
      </c>
      <c r="AJ744">
        <v>50</v>
      </c>
      <c r="AK744">
        <v>50</v>
      </c>
      <c r="AL744">
        <v>50</v>
      </c>
      <c r="AM744">
        <v>49</v>
      </c>
      <c r="AN744">
        <v>49</v>
      </c>
      <c r="AO744">
        <v>49</v>
      </c>
      <c r="AP744">
        <v>49</v>
      </c>
      <c r="AQ744">
        <v>49</v>
      </c>
    </row>
    <row r="745" spans="1:43">
      <c r="A745" t="s">
        <v>559</v>
      </c>
      <c r="B745" t="s">
        <v>560</v>
      </c>
      <c r="C745" t="s">
        <v>561</v>
      </c>
      <c r="D745" t="s">
        <v>562</v>
      </c>
      <c r="E745" t="s">
        <v>353</v>
      </c>
      <c r="F745" t="s">
        <v>354</v>
      </c>
      <c r="G745" t="s">
        <v>80</v>
      </c>
      <c r="H745" t="s">
        <v>81</v>
      </c>
      <c r="I745" s="2">
        <v>1</v>
      </c>
      <c r="J745" s="2">
        <v>0</v>
      </c>
      <c r="K745" s="2">
        <v>0</v>
      </c>
      <c r="L745" t="s">
        <v>120</v>
      </c>
      <c r="M745" t="s">
        <v>83</v>
      </c>
      <c r="N745" t="s">
        <v>91</v>
      </c>
      <c r="O745" t="s">
        <v>85</v>
      </c>
      <c r="P745" t="s">
        <v>86</v>
      </c>
      <c r="Q745">
        <v>42</v>
      </c>
      <c r="R745">
        <v>43</v>
      </c>
      <c r="S745">
        <v>43</v>
      </c>
      <c r="T745">
        <v>44</v>
      </c>
      <c r="U745">
        <v>44</v>
      </c>
      <c r="V745">
        <v>45</v>
      </c>
      <c r="W745">
        <v>45</v>
      </c>
      <c r="X745">
        <v>45</v>
      </c>
      <c r="Y745">
        <v>46</v>
      </c>
      <c r="Z745">
        <v>46</v>
      </c>
      <c r="AA745">
        <v>47</v>
      </c>
      <c r="AB745">
        <v>47</v>
      </c>
      <c r="AC745">
        <v>47</v>
      </c>
      <c r="AD745">
        <v>48</v>
      </c>
      <c r="AE745">
        <v>48</v>
      </c>
      <c r="AF745">
        <v>48</v>
      </c>
      <c r="AG745">
        <v>49</v>
      </c>
      <c r="AH745">
        <v>49</v>
      </c>
      <c r="AI745">
        <v>49</v>
      </c>
      <c r="AJ745">
        <v>50</v>
      </c>
      <c r="AK745">
        <v>50</v>
      </c>
      <c r="AL745">
        <v>50</v>
      </c>
      <c r="AM745">
        <v>50</v>
      </c>
      <c r="AN745">
        <v>50</v>
      </c>
      <c r="AO745">
        <v>50</v>
      </c>
      <c r="AP745">
        <v>50</v>
      </c>
      <c r="AQ745">
        <v>49</v>
      </c>
    </row>
    <row r="746" spans="1:43">
      <c r="A746" t="s">
        <v>563</v>
      </c>
      <c r="B746" t="s">
        <v>564</v>
      </c>
      <c r="C746" t="s">
        <v>561</v>
      </c>
      <c r="D746" t="s">
        <v>562</v>
      </c>
      <c r="E746" t="s">
        <v>353</v>
      </c>
      <c r="F746" t="s">
        <v>354</v>
      </c>
      <c r="G746" t="s">
        <v>80</v>
      </c>
      <c r="H746" t="s">
        <v>81</v>
      </c>
      <c r="I746" s="2">
        <v>1</v>
      </c>
      <c r="J746" s="2">
        <v>0</v>
      </c>
      <c r="K746" s="2">
        <v>0</v>
      </c>
      <c r="L746" t="s">
        <v>120</v>
      </c>
      <c r="M746" t="s">
        <v>83</v>
      </c>
      <c r="N746" t="s">
        <v>84</v>
      </c>
      <c r="O746" t="s">
        <v>85</v>
      </c>
      <c r="P746" t="s">
        <v>86</v>
      </c>
      <c r="Q746">
        <v>23</v>
      </c>
      <c r="R746">
        <v>24</v>
      </c>
      <c r="S746">
        <v>24</v>
      </c>
      <c r="T746">
        <v>24</v>
      </c>
      <c r="U746">
        <v>24</v>
      </c>
      <c r="V746">
        <v>25</v>
      </c>
      <c r="W746">
        <v>25</v>
      </c>
      <c r="X746">
        <v>25</v>
      </c>
      <c r="Y746">
        <v>25</v>
      </c>
      <c r="Z746">
        <v>26</v>
      </c>
      <c r="AA746">
        <v>26</v>
      </c>
      <c r="AB746">
        <v>26</v>
      </c>
      <c r="AC746">
        <v>26</v>
      </c>
      <c r="AD746">
        <v>26</v>
      </c>
      <c r="AE746">
        <v>27</v>
      </c>
      <c r="AF746">
        <v>27</v>
      </c>
      <c r="AG746">
        <v>27</v>
      </c>
      <c r="AH746">
        <v>27</v>
      </c>
      <c r="AI746">
        <v>27</v>
      </c>
      <c r="AJ746">
        <v>28</v>
      </c>
      <c r="AK746">
        <v>28</v>
      </c>
      <c r="AL746">
        <v>28</v>
      </c>
      <c r="AM746">
        <v>28</v>
      </c>
      <c r="AN746">
        <v>28</v>
      </c>
      <c r="AO746">
        <v>28</v>
      </c>
      <c r="AP746">
        <v>28</v>
      </c>
      <c r="AQ746">
        <v>27</v>
      </c>
    </row>
    <row r="747" spans="1:43">
      <c r="A747" t="s">
        <v>563</v>
      </c>
      <c r="B747" t="s">
        <v>564</v>
      </c>
      <c r="C747" t="s">
        <v>561</v>
      </c>
      <c r="D747" t="s">
        <v>562</v>
      </c>
      <c r="E747" t="s">
        <v>353</v>
      </c>
      <c r="F747" t="s">
        <v>354</v>
      </c>
      <c r="G747" t="s">
        <v>80</v>
      </c>
      <c r="H747" t="s">
        <v>81</v>
      </c>
      <c r="I747" s="2">
        <v>1</v>
      </c>
      <c r="J747" s="2">
        <v>0</v>
      </c>
      <c r="K747" s="2">
        <v>0</v>
      </c>
      <c r="L747" t="s">
        <v>120</v>
      </c>
      <c r="M747" t="s">
        <v>87</v>
      </c>
      <c r="N747" t="s">
        <v>88</v>
      </c>
      <c r="O747" t="s">
        <v>85</v>
      </c>
      <c r="P747" t="s">
        <v>86</v>
      </c>
      <c r="Q747">
        <v>23</v>
      </c>
      <c r="R747">
        <v>23</v>
      </c>
      <c r="S747">
        <v>23</v>
      </c>
      <c r="T747">
        <v>23</v>
      </c>
      <c r="U747">
        <v>23</v>
      </c>
      <c r="V747">
        <v>23</v>
      </c>
      <c r="W747">
        <v>23</v>
      </c>
      <c r="X747">
        <v>23</v>
      </c>
      <c r="Y747">
        <v>23</v>
      </c>
      <c r="Z747">
        <v>24</v>
      </c>
      <c r="AA747">
        <v>24</v>
      </c>
      <c r="AB747">
        <v>24</v>
      </c>
      <c r="AC747">
        <v>24</v>
      </c>
      <c r="AD747">
        <v>24</v>
      </c>
      <c r="AE747">
        <v>24</v>
      </c>
      <c r="AF747">
        <v>24</v>
      </c>
      <c r="AG747">
        <v>24</v>
      </c>
      <c r="AH747">
        <v>24</v>
      </c>
      <c r="AI747">
        <v>24</v>
      </c>
      <c r="AJ747">
        <v>24</v>
      </c>
      <c r="AK747">
        <v>24</v>
      </c>
      <c r="AL747">
        <v>24</v>
      </c>
      <c r="AM747">
        <v>24</v>
      </c>
      <c r="AN747">
        <v>24</v>
      </c>
      <c r="AO747">
        <v>24</v>
      </c>
      <c r="AP747">
        <v>24</v>
      </c>
      <c r="AQ747">
        <v>24</v>
      </c>
    </row>
    <row r="748" spans="1:43">
      <c r="A748" t="s">
        <v>563</v>
      </c>
      <c r="B748" t="s">
        <v>564</v>
      </c>
      <c r="C748" t="s">
        <v>561</v>
      </c>
      <c r="D748" t="s">
        <v>562</v>
      </c>
      <c r="E748" t="s">
        <v>353</v>
      </c>
      <c r="F748" t="s">
        <v>354</v>
      </c>
      <c r="G748" t="s">
        <v>80</v>
      </c>
      <c r="H748" t="s">
        <v>81</v>
      </c>
      <c r="I748" s="2">
        <v>1</v>
      </c>
      <c r="J748" s="2">
        <v>0</v>
      </c>
      <c r="K748" s="2">
        <v>0</v>
      </c>
      <c r="L748" t="s">
        <v>120</v>
      </c>
      <c r="M748" t="s">
        <v>89</v>
      </c>
      <c r="N748" t="s">
        <v>90</v>
      </c>
      <c r="O748" t="s">
        <v>85</v>
      </c>
      <c r="P748" t="s">
        <v>86</v>
      </c>
      <c r="Q748">
        <v>23</v>
      </c>
      <c r="R748">
        <v>23</v>
      </c>
      <c r="S748">
        <v>24</v>
      </c>
      <c r="T748">
        <v>24</v>
      </c>
      <c r="U748">
        <v>24</v>
      </c>
      <c r="V748">
        <v>25</v>
      </c>
      <c r="W748">
        <v>25</v>
      </c>
      <c r="X748">
        <v>26</v>
      </c>
      <c r="Y748">
        <v>26</v>
      </c>
      <c r="Z748">
        <v>26</v>
      </c>
      <c r="AA748">
        <v>26</v>
      </c>
      <c r="AB748">
        <v>27</v>
      </c>
      <c r="AC748">
        <v>27</v>
      </c>
      <c r="AD748">
        <v>27</v>
      </c>
      <c r="AE748">
        <v>28</v>
      </c>
      <c r="AF748">
        <v>28</v>
      </c>
      <c r="AG748">
        <v>27</v>
      </c>
      <c r="AH748">
        <v>27</v>
      </c>
      <c r="AI748">
        <v>27</v>
      </c>
      <c r="AJ748">
        <v>27</v>
      </c>
      <c r="AK748">
        <v>27</v>
      </c>
      <c r="AL748">
        <v>27</v>
      </c>
      <c r="AM748">
        <v>27</v>
      </c>
      <c r="AN748">
        <v>27</v>
      </c>
      <c r="AO748">
        <v>27</v>
      </c>
      <c r="AP748">
        <v>27</v>
      </c>
      <c r="AQ748">
        <v>27</v>
      </c>
    </row>
    <row r="749" spans="1:43">
      <c r="A749" t="s">
        <v>563</v>
      </c>
      <c r="B749" t="s">
        <v>564</v>
      </c>
      <c r="C749" t="s">
        <v>561</v>
      </c>
      <c r="D749" t="s">
        <v>562</v>
      </c>
      <c r="E749" t="s">
        <v>353</v>
      </c>
      <c r="F749" t="s">
        <v>354</v>
      </c>
      <c r="G749" t="s">
        <v>80</v>
      </c>
      <c r="H749" t="s">
        <v>81</v>
      </c>
      <c r="I749" s="2">
        <v>1</v>
      </c>
      <c r="J749" s="2">
        <v>0</v>
      </c>
      <c r="K749" s="2">
        <v>0</v>
      </c>
      <c r="L749" t="s">
        <v>120</v>
      </c>
      <c r="M749" t="s">
        <v>83</v>
      </c>
      <c r="N749" t="s">
        <v>91</v>
      </c>
      <c r="O749" t="s">
        <v>85</v>
      </c>
      <c r="P749" t="s">
        <v>86</v>
      </c>
      <c r="Q749">
        <v>23</v>
      </c>
      <c r="R749">
        <v>24</v>
      </c>
      <c r="S749">
        <v>24</v>
      </c>
      <c r="T749">
        <v>24</v>
      </c>
      <c r="U749">
        <v>24</v>
      </c>
      <c r="V749">
        <v>25</v>
      </c>
      <c r="W749">
        <v>25</v>
      </c>
      <c r="X749">
        <v>25</v>
      </c>
      <c r="Y749">
        <v>25</v>
      </c>
      <c r="Z749">
        <v>26</v>
      </c>
      <c r="AA749">
        <v>26</v>
      </c>
      <c r="AB749">
        <v>26</v>
      </c>
      <c r="AC749">
        <v>26</v>
      </c>
      <c r="AD749">
        <v>26</v>
      </c>
      <c r="AE749">
        <v>27</v>
      </c>
      <c r="AF749">
        <v>27</v>
      </c>
      <c r="AG749">
        <v>27</v>
      </c>
      <c r="AH749">
        <v>27</v>
      </c>
      <c r="AI749">
        <v>27</v>
      </c>
      <c r="AJ749">
        <v>28</v>
      </c>
      <c r="AK749">
        <v>28</v>
      </c>
      <c r="AL749">
        <v>28</v>
      </c>
      <c r="AM749">
        <v>28</v>
      </c>
      <c r="AN749">
        <v>28</v>
      </c>
      <c r="AO749">
        <v>28</v>
      </c>
      <c r="AP749">
        <v>28</v>
      </c>
      <c r="AQ749">
        <v>27</v>
      </c>
    </row>
    <row r="750" spans="1:43">
      <c r="A750" t="s">
        <v>565</v>
      </c>
      <c r="B750" t="s">
        <v>566</v>
      </c>
      <c r="C750" t="s">
        <v>553</v>
      </c>
      <c r="D750" t="s">
        <v>554</v>
      </c>
      <c r="E750" t="s">
        <v>353</v>
      </c>
      <c r="F750" t="s">
        <v>354</v>
      </c>
      <c r="G750" t="s">
        <v>80</v>
      </c>
      <c r="H750" t="s">
        <v>81</v>
      </c>
      <c r="I750" s="2">
        <v>1</v>
      </c>
      <c r="J750" s="2">
        <v>0</v>
      </c>
      <c r="K750" s="2">
        <v>0</v>
      </c>
      <c r="L750" t="s">
        <v>120</v>
      </c>
      <c r="M750" t="s">
        <v>83</v>
      </c>
      <c r="N750" t="s">
        <v>84</v>
      </c>
      <c r="O750" t="s">
        <v>85</v>
      </c>
      <c r="P750" t="s">
        <v>86</v>
      </c>
      <c r="Q750">
        <v>60</v>
      </c>
      <c r="R750">
        <v>61</v>
      </c>
      <c r="S750">
        <v>61</v>
      </c>
      <c r="T750">
        <v>62</v>
      </c>
      <c r="U750">
        <v>63</v>
      </c>
      <c r="V750">
        <v>63</v>
      </c>
      <c r="W750">
        <v>64</v>
      </c>
      <c r="X750">
        <v>64</v>
      </c>
      <c r="Y750">
        <v>65</v>
      </c>
      <c r="Z750">
        <v>66</v>
      </c>
      <c r="AA750">
        <v>66</v>
      </c>
      <c r="AB750">
        <v>67</v>
      </c>
      <c r="AC750">
        <v>67</v>
      </c>
      <c r="AD750">
        <v>68</v>
      </c>
      <c r="AE750">
        <v>68</v>
      </c>
      <c r="AF750">
        <v>69</v>
      </c>
      <c r="AG750">
        <v>69</v>
      </c>
      <c r="AH750">
        <v>70</v>
      </c>
      <c r="AI750">
        <v>70</v>
      </c>
      <c r="AJ750">
        <v>71</v>
      </c>
      <c r="AK750">
        <v>71</v>
      </c>
      <c r="AL750">
        <v>71</v>
      </c>
      <c r="AM750">
        <v>71</v>
      </c>
      <c r="AN750">
        <v>71</v>
      </c>
      <c r="AO750">
        <v>70</v>
      </c>
      <c r="AP750">
        <v>70</v>
      </c>
      <c r="AQ750">
        <v>70</v>
      </c>
    </row>
    <row r="751" spans="1:43">
      <c r="A751" t="s">
        <v>565</v>
      </c>
      <c r="B751" t="s">
        <v>566</v>
      </c>
      <c r="C751" t="s">
        <v>553</v>
      </c>
      <c r="D751" t="s">
        <v>554</v>
      </c>
      <c r="E751" t="s">
        <v>353</v>
      </c>
      <c r="F751" t="s">
        <v>354</v>
      </c>
      <c r="G751" t="s">
        <v>80</v>
      </c>
      <c r="H751" t="s">
        <v>81</v>
      </c>
      <c r="I751" s="2">
        <v>1</v>
      </c>
      <c r="J751" s="2">
        <v>0</v>
      </c>
      <c r="K751" s="2">
        <v>0</v>
      </c>
      <c r="L751" t="s">
        <v>120</v>
      </c>
      <c r="M751" t="s">
        <v>87</v>
      </c>
      <c r="N751" t="s">
        <v>88</v>
      </c>
      <c r="O751" t="s">
        <v>85</v>
      </c>
      <c r="P751" t="s">
        <v>86</v>
      </c>
      <c r="Q751">
        <v>60</v>
      </c>
      <c r="R751">
        <v>61</v>
      </c>
      <c r="S751">
        <v>61</v>
      </c>
      <c r="T751">
        <v>61</v>
      </c>
      <c r="U751">
        <v>61</v>
      </c>
      <c r="V751">
        <v>61</v>
      </c>
      <c r="W751">
        <v>61</v>
      </c>
      <c r="X751">
        <v>61</v>
      </c>
      <c r="Y751">
        <v>61</v>
      </c>
      <c r="Z751">
        <v>61</v>
      </c>
      <c r="AA751">
        <v>61</v>
      </c>
      <c r="AB751">
        <v>61</v>
      </c>
      <c r="AC751">
        <v>61</v>
      </c>
      <c r="AD751">
        <v>61</v>
      </c>
      <c r="AE751">
        <v>61</v>
      </c>
      <c r="AF751">
        <v>61</v>
      </c>
      <c r="AG751">
        <v>62</v>
      </c>
      <c r="AH751">
        <v>62</v>
      </c>
      <c r="AI751">
        <v>62</v>
      </c>
      <c r="AJ751">
        <v>62</v>
      </c>
      <c r="AK751">
        <v>62</v>
      </c>
      <c r="AL751">
        <v>62</v>
      </c>
      <c r="AM751">
        <v>62</v>
      </c>
      <c r="AN751">
        <v>62</v>
      </c>
      <c r="AO751">
        <v>62</v>
      </c>
      <c r="AP751">
        <v>62</v>
      </c>
      <c r="AQ751">
        <v>62</v>
      </c>
    </row>
    <row r="752" spans="1:43">
      <c r="A752" t="s">
        <v>565</v>
      </c>
      <c r="B752" t="s">
        <v>566</v>
      </c>
      <c r="C752" t="s">
        <v>553</v>
      </c>
      <c r="D752" t="s">
        <v>554</v>
      </c>
      <c r="E752" t="s">
        <v>353</v>
      </c>
      <c r="F752" t="s">
        <v>354</v>
      </c>
      <c r="G752" t="s">
        <v>80</v>
      </c>
      <c r="H752" t="s">
        <v>81</v>
      </c>
      <c r="I752" s="2">
        <v>1</v>
      </c>
      <c r="J752" s="2">
        <v>0</v>
      </c>
      <c r="K752" s="2">
        <v>0</v>
      </c>
      <c r="L752" t="s">
        <v>120</v>
      </c>
      <c r="M752" t="s">
        <v>89</v>
      </c>
      <c r="N752" t="s">
        <v>90</v>
      </c>
      <c r="O752" t="s">
        <v>85</v>
      </c>
      <c r="P752" t="s">
        <v>86</v>
      </c>
      <c r="Q752">
        <v>60</v>
      </c>
      <c r="R752">
        <v>61</v>
      </c>
      <c r="S752">
        <v>62</v>
      </c>
      <c r="T752">
        <v>63</v>
      </c>
      <c r="U752">
        <v>64</v>
      </c>
      <c r="V752">
        <v>65</v>
      </c>
      <c r="W752">
        <v>66</v>
      </c>
      <c r="X752">
        <v>67</v>
      </c>
      <c r="Y752">
        <v>68</v>
      </c>
      <c r="Z752">
        <v>69</v>
      </c>
      <c r="AA752">
        <v>69</v>
      </c>
      <c r="AB752">
        <v>70</v>
      </c>
      <c r="AC752">
        <v>71</v>
      </c>
      <c r="AD752">
        <v>72</v>
      </c>
      <c r="AE752">
        <v>72</v>
      </c>
      <c r="AF752">
        <v>72</v>
      </c>
      <c r="AG752">
        <v>72</v>
      </c>
      <c r="AH752">
        <v>72</v>
      </c>
      <c r="AI752">
        <v>71</v>
      </c>
      <c r="AJ752">
        <v>71</v>
      </c>
      <c r="AK752">
        <v>71</v>
      </c>
      <c r="AL752">
        <v>71</v>
      </c>
      <c r="AM752">
        <v>70</v>
      </c>
      <c r="AN752">
        <v>70</v>
      </c>
      <c r="AO752">
        <v>70</v>
      </c>
      <c r="AP752">
        <v>70</v>
      </c>
      <c r="AQ752">
        <v>69</v>
      </c>
    </row>
    <row r="753" spans="1:43">
      <c r="A753" t="s">
        <v>565</v>
      </c>
      <c r="B753" t="s">
        <v>566</v>
      </c>
      <c r="C753" t="s">
        <v>553</v>
      </c>
      <c r="D753" t="s">
        <v>554</v>
      </c>
      <c r="E753" t="s">
        <v>353</v>
      </c>
      <c r="F753" t="s">
        <v>354</v>
      </c>
      <c r="G753" t="s">
        <v>80</v>
      </c>
      <c r="H753" t="s">
        <v>81</v>
      </c>
      <c r="I753" s="2">
        <v>1</v>
      </c>
      <c r="J753" s="2">
        <v>0</v>
      </c>
      <c r="K753" s="2">
        <v>0</v>
      </c>
      <c r="L753" t="s">
        <v>120</v>
      </c>
      <c r="M753" t="s">
        <v>83</v>
      </c>
      <c r="N753" t="s">
        <v>91</v>
      </c>
      <c r="O753" t="s">
        <v>85</v>
      </c>
      <c r="P753" t="s">
        <v>86</v>
      </c>
      <c r="Q753">
        <v>60</v>
      </c>
      <c r="R753">
        <v>61</v>
      </c>
      <c r="S753">
        <v>61</v>
      </c>
      <c r="T753">
        <v>62</v>
      </c>
      <c r="U753">
        <v>63</v>
      </c>
      <c r="V753">
        <v>63</v>
      </c>
      <c r="W753">
        <v>64</v>
      </c>
      <c r="X753">
        <v>64</v>
      </c>
      <c r="Y753">
        <v>65</v>
      </c>
      <c r="Z753">
        <v>66</v>
      </c>
      <c r="AA753">
        <v>66</v>
      </c>
      <c r="AB753">
        <v>67</v>
      </c>
      <c r="AC753">
        <v>67</v>
      </c>
      <c r="AD753">
        <v>68</v>
      </c>
      <c r="AE753">
        <v>68</v>
      </c>
      <c r="AF753">
        <v>69</v>
      </c>
      <c r="AG753">
        <v>69</v>
      </c>
      <c r="AH753">
        <v>70</v>
      </c>
      <c r="AI753">
        <v>70</v>
      </c>
      <c r="AJ753">
        <v>71</v>
      </c>
      <c r="AK753">
        <v>71</v>
      </c>
      <c r="AL753">
        <v>71</v>
      </c>
      <c r="AM753">
        <v>71</v>
      </c>
      <c r="AN753">
        <v>71</v>
      </c>
      <c r="AO753">
        <v>70</v>
      </c>
      <c r="AP753">
        <v>70</v>
      </c>
      <c r="AQ753">
        <v>70</v>
      </c>
    </row>
    <row r="754" spans="1:43">
      <c r="A754" t="s">
        <v>567</v>
      </c>
      <c r="B754" t="s">
        <v>568</v>
      </c>
      <c r="C754" t="s">
        <v>553</v>
      </c>
      <c r="D754" t="s">
        <v>554</v>
      </c>
      <c r="E754" t="s">
        <v>353</v>
      </c>
      <c r="F754" t="s">
        <v>354</v>
      </c>
      <c r="G754" t="s">
        <v>80</v>
      </c>
      <c r="H754" t="s">
        <v>81</v>
      </c>
      <c r="I754" s="2">
        <v>1</v>
      </c>
      <c r="J754" s="2">
        <v>0</v>
      </c>
      <c r="K754" s="2">
        <v>0</v>
      </c>
      <c r="L754" t="s">
        <v>120</v>
      </c>
      <c r="M754" t="s">
        <v>83</v>
      </c>
      <c r="N754" t="s">
        <v>84</v>
      </c>
      <c r="O754" t="s">
        <v>85</v>
      </c>
      <c r="P754" t="s">
        <v>86</v>
      </c>
      <c r="Q754">
        <v>43</v>
      </c>
      <c r="R754">
        <v>44</v>
      </c>
      <c r="S754">
        <v>44</v>
      </c>
      <c r="T754">
        <v>45</v>
      </c>
      <c r="U754">
        <v>45</v>
      </c>
      <c r="V754">
        <v>46</v>
      </c>
      <c r="W754">
        <v>46</v>
      </c>
      <c r="X754">
        <v>46</v>
      </c>
      <c r="Y754">
        <v>47</v>
      </c>
      <c r="Z754">
        <v>47</v>
      </c>
      <c r="AA754">
        <v>48</v>
      </c>
      <c r="AB754">
        <v>48</v>
      </c>
      <c r="AC754">
        <v>48</v>
      </c>
      <c r="AD754">
        <v>49</v>
      </c>
      <c r="AE754">
        <v>49</v>
      </c>
      <c r="AF754">
        <v>50</v>
      </c>
      <c r="AG754">
        <v>50</v>
      </c>
      <c r="AH754">
        <v>50</v>
      </c>
      <c r="AI754">
        <v>51</v>
      </c>
      <c r="AJ754">
        <v>51</v>
      </c>
      <c r="AK754">
        <v>51</v>
      </c>
      <c r="AL754">
        <v>51</v>
      </c>
      <c r="AM754">
        <v>51</v>
      </c>
      <c r="AN754">
        <v>51</v>
      </c>
      <c r="AO754">
        <v>51</v>
      </c>
      <c r="AP754">
        <v>51</v>
      </c>
      <c r="AQ754">
        <v>50</v>
      </c>
    </row>
    <row r="755" spans="1:43">
      <c r="A755" t="s">
        <v>567</v>
      </c>
      <c r="B755" t="s">
        <v>568</v>
      </c>
      <c r="C755" t="s">
        <v>553</v>
      </c>
      <c r="D755" t="s">
        <v>554</v>
      </c>
      <c r="E755" t="s">
        <v>353</v>
      </c>
      <c r="F755" t="s">
        <v>354</v>
      </c>
      <c r="G755" t="s">
        <v>80</v>
      </c>
      <c r="H755" t="s">
        <v>81</v>
      </c>
      <c r="I755" s="2">
        <v>1</v>
      </c>
      <c r="J755" s="2">
        <v>0</v>
      </c>
      <c r="K755" s="2">
        <v>0</v>
      </c>
      <c r="L755" t="s">
        <v>120</v>
      </c>
      <c r="M755" t="s">
        <v>87</v>
      </c>
      <c r="N755" t="s">
        <v>88</v>
      </c>
      <c r="O755" t="s">
        <v>85</v>
      </c>
      <c r="P755" t="s">
        <v>86</v>
      </c>
      <c r="Q755">
        <v>43</v>
      </c>
      <c r="R755">
        <v>43</v>
      </c>
      <c r="S755">
        <v>43</v>
      </c>
      <c r="T755">
        <v>43</v>
      </c>
      <c r="U755">
        <v>43</v>
      </c>
      <c r="V755">
        <v>43</v>
      </c>
      <c r="W755">
        <v>43</v>
      </c>
      <c r="X755">
        <v>43</v>
      </c>
      <c r="Y755">
        <v>43</v>
      </c>
      <c r="Z755">
        <v>43</v>
      </c>
      <c r="AA755">
        <v>43</v>
      </c>
      <c r="AB755">
        <v>43</v>
      </c>
      <c r="AC755">
        <v>44</v>
      </c>
      <c r="AD755">
        <v>44</v>
      </c>
      <c r="AE755">
        <v>44</v>
      </c>
      <c r="AF755">
        <v>44</v>
      </c>
      <c r="AG755">
        <v>44</v>
      </c>
      <c r="AH755">
        <v>44</v>
      </c>
      <c r="AI755">
        <v>44</v>
      </c>
      <c r="AJ755">
        <v>44</v>
      </c>
      <c r="AK755">
        <v>44</v>
      </c>
      <c r="AL755">
        <v>44</v>
      </c>
      <c r="AM755">
        <v>44</v>
      </c>
      <c r="AN755">
        <v>44</v>
      </c>
      <c r="AO755">
        <v>44</v>
      </c>
      <c r="AP755">
        <v>44</v>
      </c>
      <c r="AQ755">
        <v>44</v>
      </c>
    </row>
    <row r="756" spans="1:43">
      <c r="A756" t="s">
        <v>567</v>
      </c>
      <c r="B756" t="s">
        <v>568</v>
      </c>
      <c r="C756" t="s">
        <v>553</v>
      </c>
      <c r="D756" t="s">
        <v>554</v>
      </c>
      <c r="E756" t="s">
        <v>353</v>
      </c>
      <c r="F756" t="s">
        <v>354</v>
      </c>
      <c r="G756" t="s">
        <v>80</v>
      </c>
      <c r="H756" t="s">
        <v>81</v>
      </c>
      <c r="I756" s="2">
        <v>1</v>
      </c>
      <c r="J756" s="2">
        <v>0</v>
      </c>
      <c r="K756" s="2">
        <v>0</v>
      </c>
      <c r="L756" t="s">
        <v>120</v>
      </c>
      <c r="M756" t="s">
        <v>89</v>
      </c>
      <c r="N756" t="s">
        <v>90</v>
      </c>
      <c r="O756" t="s">
        <v>85</v>
      </c>
      <c r="P756" t="s">
        <v>86</v>
      </c>
      <c r="Q756">
        <v>43</v>
      </c>
      <c r="R756">
        <v>44</v>
      </c>
      <c r="S756">
        <v>44</v>
      </c>
      <c r="T756">
        <v>45</v>
      </c>
      <c r="U756">
        <v>46</v>
      </c>
      <c r="V756">
        <v>47</v>
      </c>
      <c r="W756">
        <v>47</v>
      </c>
      <c r="X756">
        <v>48</v>
      </c>
      <c r="Y756">
        <v>49</v>
      </c>
      <c r="Z756">
        <v>49</v>
      </c>
      <c r="AA756">
        <v>50</v>
      </c>
      <c r="AB756">
        <v>50</v>
      </c>
      <c r="AC756">
        <v>51</v>
      </c>
      <c r="AD756">
        <v>52</v>
      </c>
      <c r="AE756">
        <v>52</v>
      </c>
      <c r="AF756">
        <v>52</v>
      </c>
      <c r="AG756">
        <v>52</v>
      </c>
      <c r="AH756">
        <v>51</v>
      </c>
      <c r="AI756">
        <v>51</v>
      </c>
      <c r="AJ756">
        <v>51</v>
      </c>
      <c r="AK756">
        <v>51</v>
      </c>
      <c r="AL756">
        <v>51</v>
      </c>
      <c r="AM756">
        <v>50</v>
      </c>
      <c r="AN756">
        <v>50</v>
      </c>
      <c r="AO756">
        <v>50</v>
      </c>
      <c r="AP756">
        <v>50</v>
      </c>
      <c r="AQ756">
        <v>50</v>
      </c>
    </row>
    <row r="757" spans="1:43">
      <c r="A757" t="s">
        <v>567</v>
      </c>
      <c r="B757" t="s">
        <v>568</v>
      </c>
      <c r="C757" t="s">
        <v>553</v>
      </c>
      <c r="D757" t="s">
        <v>554</v>
      </c>
      <c r="E757" t="s">
        <v>353</v>
      </c>
      <c r="F757" t="s">
        <v>354</v>
      </c>
      <c r="G757" t="s">
        <v>80</v>
      </c>
      <c r="H757" t="s">
        <v>81</v>
      </c>
      <c r="I757" s="2">
        <v>1</v>
      </c>
      <c r="J757" s="2">
        <v>0</v>
      </c>
      <c r="K757" s="2">
        <v>0</v>
      </c>
      <c r="L757" t="s">
        <v>120</v>
      </c>
      <c r="M757" t="s">
        <v>83</v>
      </c>
      <c r="N757" t="s">
        <v>91</v>
      </c>
      <c r="O757" t="s">
        <v>85</v>
      </c>
      <c r="P757" t="s">
        <v>86</v>
      </c>
      <c r="Q757">
        <v>43</v>
      </c>
      <c r="R757">
        <v>44</v>
      </c>
      <c r="S757">
        <v>44</v>
      </c>
      <c r="T757">
        <v>45</v>
      </c>
      <c r="U757">
        <v>45</v>
      </c>
      <c r="V757">
        <v>46</v>
      </c>
      <c r="W757">
        <v>46</v>
      </c>
      <c r="X757">
        <v>46</v>
      </c>
      <c r="Y757">
        <v>47</v>
      </c>
      <c r="Z757">
        <v>47</v>
      </c>
      <c r="AA757">
        <v>48</v>
      </c>
      <c r="AB757">
        <v>48</v>
      </c>
      <c r="AC757">
        <v>48</v>
      </c>
      <c r="AD757">
        <v>49</v>
      </c>
      <c r="AE757">
        <v>49</v>
      </c>
      <c r="AF757">
        <v>50</v>
      </c>
      <c r="AG757">
        <v>50</v>
      </c>
      <c r="AH757">
        <v>50</v>
      </c>
      <c r="AI757">
        <v>51</v>
      </c>
      <c r="AJ757">
        <v>51</v>
      </c>
      <c r="AK757">
        <v>51</v>
      </c>
      <c r="AL757">
        <v>51</v>
      </c>
      <c r="AM757">
        <v>51</v>
      </c>
      <c r="AN757">
        <v>51</v>
      </c>
      <c r="AO757">
        <v>51</v>
      </c>
      <c r="AP757">
        <v>51</v>
      </c>
      <c r="AQ757">
        <v>50</v>
      </c>
    </row>
    <row r="758" spans="1:43">
      <c r="A758" t="s">
        <v>569</v>
      </c>
      <c r="B758" t="s">
        <v>570</v>
      </c>
      <c r="C758" t="s">
        <v>553</v>
      </c>
      <c r="D758" t="s">
        <v>554</v>
      </c>
      <c r="E758" t="s">
        <v>353</v>
      </c>
      <c r="F758" t="s">
        <v>354</v>
      </c>
      <c r="G758" t="s">
        <v>80</v>
      </c>
      <c r="H758" t="s">
        <v>81</v>
      </c>
      <c r="I758" s="2">
        <v>1</v>
      </c>
      <c r="J758" s="2">
        <v>0</v>
      </c>
      <c r="K758" s="2">
        <v>0</v>
      </c>
      <c r="L758" t="s">
        <v>120</v>
      </c>
      <c r="M758" t="s">
        <v>83</v>
      </c>
      <c r="N758" t="s">
        <v>84</v>
      </c>
      <c r="O758" t="s">
        <v>85</v>
      </c>
      <c r="P758" t="s">
        <v>86</v>
      </c>
      <c r="Q758">
        <v>44</v>
      </c>
      <c r="R758">
        <v>44</v>
      </c>
      <c r="S758">
        <v>45</v>
      </c>
      <c r="T758">
        <v>45</v>
      </c>
      <c r="U758">
        <v>46</v>
      </c>
      <c r="V758">
        <v>46</v>
      </c>
      <c r="W758">
        <v>46</v>
      </c>
      <c r="X758">
        <v>47</v>
      </c>
      <c r="Y758">
        <v>47</v>
      </c>
      <c r="Z758">
        <v>48</v>
      </c>
      <c r="AA758">
        <v>48</v>
      </c>
      <c r="AB758">
        <v>48</v>
      </c>
      <c r="AC758">
        <v>49</v>
      </c>
      <c r="AD758">
        <v>49</v>
      </c>
      <c r="AE758">
        <v>50</v>
      </c>
      <c r="AF758">
        <v>50</v>
      </c>
      <c r="AG758">
        <v>50</v>
      </c>
      <c r="AH758">
        <v>51</v>
      </c>
      <c r="AI758">
        <v>51</v>
      </c>
      <c r="AJ758">
        <v>51</v>
      </c>
      <c r="AK758">
        <v>52</v>
      </c>
      <c r="AL758">
        <v>52</v>
      </c>
      <c r="AM758">
        <v>52</v>
      </c>
      <c r="AN758">
        <v>51</v>
      </c>
      <c r="AO758">
        <v>51</v>
      </c>
      <c r="AP758">
        <v>51</v>
      </c>
      <c r="AQ758">
        <v>51</v>
      </c>
    </row>
    <row r="759" spans="1:43">
      <c r="A759" t="s">
        <v>569</v>
      </c>
      <c r="B759" t="s">
        <v>570</v>
      </c>
      <c r="C759" t="s">
        <v>553</v>
      </c>
      <c r="D759" t="s">
        <v>554</v>
      </c>
      <c r="E759" t="s">
        <v>353</v>
      </c>
      <c r="F759" t="s">
        <v>354</v>
      </c>
      <c r="G759" t="s">
        <v>80</v>
      </c>
      <c r="H759" t="s">
        <v>81</v>
      </c>
      <c r="I759" s="2">
        <v>1</v>
      </c>
      <c r="J759" s="2">
        <v>0</v>
      </c>
      <c r="K759" s="2">
        <v>0</v>
      </c>
      <c r="L759" t="s">
        <v>120</v>
      </c>
      <c r="M759" t="s">
        <v>87</v>
      </c>
      <c r="N759" t="s">
        <v>88</v>
      </c>
      <c r="O759" t="s">
        <v>85</v>
      </c>
      <c r="P759" t="s">
        <v>86</v>
      </c>
      <c r="Q759">
        <v>44</v>
      </c>
      <c r="R759">
        <v>44</v>
      </c>
      <c r="S759">
        <v>44</v>
      </c>
      <c r="T759">
        <v>44</v>
      </c>
      <c r="U759">
        <v>45</v>
      </c>
      <c r="V759">
        <v>45</v>
      </c>
      <c r="W759">
        <v>45</v>
      </c>
      <c r="X759">
        <v>45</v>
      </c>
      <c r="Y759">
        <v>45</v>
      </c>
      <c r="Z759">
        <v>45</v>
      </c>
      <c r="AA759">
        <v>45</v>
      </c>
      <c r="AB759">
        <v>45</v>
      </c>
      <c r="AC759">
        <v>45</v>
      </c>
      <c r="AD759">
        <v>45</v>
      </c>
      <c r="AE759">
        <v>45</v>
      </c>
      <c r="AF759">
        <v>45</v>
      </c>
      <c r="AG759">
        <v>45</v>
      </c>
      <c r="AH759">
        <v>45</v>
      </c>
      <c r="AI759">
        <v>45</v>
      </c>
      <c r="AJ759">
        <v>45</v>
      </c>
      <c r="AK759">
        <v>45</v>
      </c>
      <c r="AL759">
        <v>45</v>
      </c>
      <c r="AM759">
        <v>45</v>
      </c>
      <c r="AN759">
        <v>45</v>
      </c>
      <c r="AO759">
        <v>45</v>
      </c>
      <c r="AP759">
        <v>45</v>
      </c>
      <c r="AQ759">
        <v>45</v>
      </c>
    </row>
    <row r="760" spans="1:43">
      <c r="A760" t="s">
        <v>569</v>
      </c>
      <c r="B760" t="s">
        <v>570</v>
      </c>
      <c r="C760" t="s">
        <v>553</v>
      </c>
      <c r="D760" t="s">
        <v>554</v>
      </c>
      <c r="E760" t="s">
        <v>353</v>
      </c>
      <c r="F760" t="s">
        <v>354</v>
      </c>
      <c r="G760" t="s">
        <v>80</v>
      </c>
      <c r="H760" t="s">
        <v>81</v>
      </c>
      <c r="I760" s="2">
        <v>1</v>
      </c>
      <c r="J760" s="2">
        <v>0</v>
      </c>
      <c r="K760" s="2">
        <v>0</v>
      </c>
      <c r="L760" t="s">
        <v>120</v>
      </c>
      <c r="M760" t="s">
        <v>89</v>
      </c>
      <c r="N760" t="s">
        <v>90</v>
      </c>
      <c r="O760" t="s">
        <v>85</v>
      </c>
      <c r="P760" t="s">
        <v>86</v>
      </c>
      <c r="Q760">
        <v>44</v>
      </c>
      <c r="R760">
        <v>45</v>
      </c>
      <c r="S760">
        <v>46</v>
      </c>
      <c r="T760">
        <v>47</v>
      </c>
      <c r="U760">
        <v>47</v>
      </c>
      <c r="V760">
        <v>48</v>
      </c>
      <c r="W760">
        <v>49</v>
      </c>
      <c r="X760">
        <v>49</v>
      </c>
      <c r="Y760">
        <v>50</v>
      </c>
      <c r="Z760">
        <v>51</v>
      </c>
      <c r="AA760">
        <v>51</v>
      </c>
      <c r="AB760">
        <v>52</v>
      </c>
      <c r="AC760">
        <v>52</v>
      </c>
      <c r="AD760">
        <v>53</v>
      </c>
      <c r="AE760">
        <v>53</v>
      </c>
      <c r="AF760">
        <v>53</v>
      </c>
      <c r="AG760">
        <v>53</v>
      </c>
      <c r="AH760">
        <v>53</v>
      </c>
      <c r="AI760">
        <v>53</v>
      </c>
      <c r="AJ760">
        <v>52</v>
      </c>
      <c r="AK760">
        <v>52</v>
      </c>
      <c r="AL760">
        <v>52</v>
      </c>
      <c r="AM760">
        <v>52</v>
      </c>
      <c r="AN760">
        <v>52</v>
      </c>
      <c r="AO760">
        <v>52</v>
      </c>
      <c r="AP760">
        <v>51</v>
      </c>
      <c r="AQ760">
        <v>51</v>
      </c>
    </row>
    <row r="761" spans="1:43">
      <c r="A761" t="s">
        <v>569</v>
      </c>
      <c r="B761" t="s">
        <v>570</v>
      </c>
      <c r="C761" t="s">
        <v>553</v>
      </c>
      <c r="D761" t="s">
        <v>554</v>
      </c>
      <c r="E761" t="s">
        <v>353</v>
      </c>
      <c r="F761" t="s">
        <v>354</v>
      </c>
      <c r="G761" t="s">
        <v>80</v>
      </c>
      <c r="H761" t="s">
        <v>81</v>
      </c>
      <c r="I761" s="2">
        <v>1</v>
      </c>
      <c r="J761" s="2">
        <v>0</v>
      </c>
      <c r="K761" s="2">
        <v>0</v>
      </c>
      <c r="L761" t="s">
        <v>120</v>
      </c>
      <c r="M761" t="s">
        <v>83</v>
      </c>
      <c r="N761" t="s">
        <v>91</v>
      </c>
      <c r="O761" t="s">
        <v>85</v>
      </c>
      <c r="P761" t="s">
        <v>86</v>
      </c>
      <c r="Q761">
        <v>44</v>
      </c>
      <c r="R761">
        <v>44</v>
      </c>
      <c r="S761">
        <v>45</v>
      </c>
      <c r="T761">
        <v>45</v>
      </c>
      <c r="U761">
        <v>46</v>
      </c>
      <c r="V761">
        <v>46</v>
      </c>
      <c r="W761">
        <v>46</v>
      </c>
      <c r="X761">
        <v>47</v>
      </c>
      <c r="Y761">
        <v>47</v>
      </c>
      <c r="Z761">
        <v>48</v>
      </c>
      <c r="AA761">
        <v>48</v>
      </c>
      <c r="AB761">
        <v>48</v>
      </c>
      <c r="AC761">
        <v>49</v>
      </c>
      <c r="AD761">
        <v>49</v>
      </c>
      <c r="AE761">
        <v>50</v>
      </c>
      <c r="AF761">
        <v>50</v>
      </c>
      <c r="AG761">
        <v>50</v>
      </c>
      <c r="AH761">
        <v>51</v>
      </c>
      <c r="AI761">
        <v>51</v>
      </c>
      <c r="AJ761">
        <v>51</v>
      </c>
      <c r="AK761">
        <v>52</v>
      </c>
      <c r="AL761">
        <v>52</v>
      </c>
      <c r="AM761">
        <v>52</v>
      </c>
      <c r="AN761">
        <v>51</v>
      </c>
      <c r="AO761">
        <v>51</v>
      </c>
      <c r="AP761">
        <v>51</v>
      </c>
      <c r="AQ761">
        <v>51</v>
      </c>
    </row>
    <row r="762" spans="1:43">
      <c r="A762" t="s">
        <v>571</v>
      </c>
      <c r="B762" t="s">
        <v>572</v>
      </c>
      <c r="C762" t="s">
        <v>553</v>
      </c>
      <c r="D762" t="s">
        <v>554</v>
      </c>
      <c r="E762" t="s">
        <v>353</v>
      </c>
      <c r="F762" t="s">
        <v>354</v>
      </c>
      <c r="G762" t="s">
        <v>80</v>
      </c>
      <c r="H762" t="s">
        <v>81</v>
      </c>
      <c r="I762" s="2">
        <v>1</v>
      </c>
      <c r="J762" s="2">
        <v>0</v>
      </c>
      <c r="K762" s="2">
        <v>0</v>
      </c>
      <c r="L762" t="s">
        <v>120</v>
      </c>
      <c r="M762" t="s">
        <v>83</v>
      </c>
      <c r="N762" t="s">
        <v>84</v>
      </c>
      <c r="O762" t="s">
        <v>85</v>
      </c>
      <c r="P762" t="s">
        <v>86</v>
      </c>
      <c r="Q762">
        <v>28</v>
      </c>
      <c r="R762">
        <v>28</v>
      </c>
      <c r="S762">
        <v>28</v>
      </c>
      <c r="T762">
        <v>29</v>
      </c>
      <c r="U762">
        <v>29</v>
      </c>
      <c r="V762">
        <v>29</v>
      </c>
      <c r="W762">
        <v>30</v>
      </c>
      <c r="X762">
        <v>30</v>
      </c>
      <c r="Y762">
        <v>30</v>
      </c>
      <c r="Z762">
        <v>30</v>
      </c>
      <c r="AA762">
        <v>31</v>
      </c>
      <c r="AB762">
        <v>31</v>
      </c>
      <c r="AC762">
        <v>31</v>
      </c>
      <c r="AD762">
        <v>31</v>
      </c>
      <c r="AE762">
        <v>32</v>
      </c>
      <c r="AF762">
        <v>32</v>
      </c>
      <c r="AG762">
        <v>32</v>
      </c>
      <c r="AH762">
        <v>32</v>
      </c>
      <c r="AI762">
        <v>33</v>
      </c>
      <c r="AJ762">
        <v>33</v>
      </c>
      <c r="AK762">
        <v>33</v>
      </c>
      <c r="AL762">
        <v>33</v>
      </c>
      <c r="AM762">
        <v>33</v>
      </c>
      <c r="AN762">
        <v>33</v>
      </c>
      <c r="AO762">
        <v>33</v>
      </c>
      <c r="AP762">
        <v>33</v>
      </c>
      <c r="AQ762">
        <v>32</v>
      </c>
    </row>
    <row r="763" spans="1:43">
      <c r="A763" t="s">
        <v>571</v>
      </c>
      <c r="B763" t="s">
        <v>572</v>
      </c>
      <c r="C763" t="s">
        <v>553</v>
      </c>
      <c r="D763" t="s">
        <v>554</v>
      </c>
      <c r="E763" t="s">
        <v>353</v>
      </c>
      <c r="F763" t="s">
        <v>354</v>
      </c>
      <c r="G763" t="s">
        <v>80</v>
      </c>
      <c r="H763" t="s">
        <v>81</v>
      </c>
      <c r="I763" s="2">
        <v>1</v>
      </c>
      <c r="J763" s="2">
        <v>0</v>
      </c>
      <c r="K763" s="2">
        <v>0</v>
      </c>
      <c r="L763" t="s">
        <v>120</v>
      </c>
      <c r="M763" t="s">
        <v>87</v>
      </c>
      <c r="N763" t="s">
        <v>88</v>
      </c>
      <c r="O763" t="s">
        <v>85</v>
      </c>
      <c r="P763" t="s">
        <v>86</v>
      </c>
      <c r="Q763">
        <v>28</v>
      </c>
      <c r="R763">
        <v>28</v>
      </c>
      <c r="S763">
        <v>28</v>
      </c>
      <c r="T763">
        <v>28</v>
      </c>
      <c r="U763">
        <v>28</v>
      </c>
      <c r="V763">
        <v>28</v>
      </c>
      <c r="W763">
        <v>28</v>
      </c>
      <c r="X763">
        <v>28</v>
      </c>
      <c r="Y763">
        <v>28</v>
      </c>
      <c r="Z763">
        <v>28</v>
      </c>
      <c r="AA763">
        <v>28</v>
      </c>
      <c r="AB763">
        <v>28</v>
      </c>
      <c r="AC763">
        <v>28</v>
      </c>
      <c r="AD763">
        <v>28</v>
      </c>
      <c r="AE763">
        <v>28</v>
      </c>
      <c r="AF763">
        <v>28</v>
      </c>
      <c r="AG763">
        <v>28</v>
      </c>
      <c r="AH763">
        <v>28</v>
      </c>
      <c r="AI763">
        <v>28</v>
      </c>
      <c r="AJ763">
        <v>28</v>
      </c>
      <c r="AK763">
        <v>28</v>
      </c>
      <c r="AL763">
        <v>28</v>
      </c>
      <c r="AM763">
        <v>28</v>
      </c>
      <c r="AN763">
        <v>28</v>
      </c>
      <c r="AO763">
        <v>28</v>
      </c>
      <c r="AP763">
        <v>28</v>
      </c>
      <c r="AQ763">
        <v>28</v>
      </c>
    </row>
    <row r="764" spans="1:43">
      <c r="A764" t="s">
        <v>571</v>
      </c>
      <c r="B764" t="s">
        <v>572</v>
      </c>
      <c r="C764" t="s">
        <v>553</v>
      </c>
      <c r="D764" t="s">
        <v>554</v>
      </c>
      <c r="E764" t="s">
        <v>353</v>
      </c>
      <c r="F764" t="s">
        <v>354</v>
      </c>
      <c r="G764" t="s">
        <v>80</v>
      </c>
      <c r="H764" t="s">
        <v>81</v>
      </c>
      <c r="I764" s="2">
        <v>1</v>
      </c>
      <c r="J764" s="2">
        <v>0</v>
      </c>
      <c r="K764" s="2">
        <v>0</v>
      </c>
      <c r="L764" t="s">
        <v>120</v>
      </c>
      <c r="M764" t="s">
        <v>89</v>
      </c>
      <c r="N764" t="s">
        <v>90</v>
      </c>
      <c r="O764" t="s">
        <v>85</v>
      </c>
      <c r="P764" t="s">
        <v>86</v>
      </c>
      <c r="Q764">
        <v>28</v>
      </c>
      <c r="R764">
        <v>29</v>
      </c>
      <c r="S764">
        <v>29</v>
      </c>
      <c r="T764">
        <v>30</v>
      </c>
      <c r="U764">
        <v>30</v>
      </c>
      <c r="V764">
        <v>31</v>
      </c>
      <c r="W764">
        <v>31</v>
      </c>
      <c r="X764">
        <v>31</v>
      </c>
      <c r="Y764">
        <v>32</v>
      </c>
      <c r="Z764">
        <v>32</v>
      </c>
      <c r="AA764">
        <v>33</v>
      </c>
      <c r="AB764">
        <v>33</v>
      </c>
      <c r="AC764">
        <v>33</v>
      </c>
      <c r="AD764">
        <v>34</v>
      </c>
      <c r="AE764">
        <v>34</v>
      </c>
      <c r="AF764">
        <v>34</v>
      </c>
      <c r="AG764">
        <v>34</v>
      </c>
      <c r="AH764">
        <v>34</v>
      </c>
      <c r="AI764">
        <v>34</v>
      </c>
      <c r="AJ764">
        <v>33</v>
      </c>
      <c r="AK764">
        <v>33</v>
      </c>
      <c r="AL764">
        <v>33</v>
      </c>
      <c r="AM764">
        <v>33</v>
      </c>
      <c r="AN764">
        <v>33</v>
      </c>
      <c r="AO764">
        <v>33</v>
      </c>
      <c r="AP764">
        <v>33</v>
      </c>
      <c r="AQ764">
        <v>33</v>
      </c>
    </row>
    <row r="765" spans="1:43">
      <c r="A765" t="s">
        <v>571</v>
      </c>
      <c r="B765" t="s">
        <v>572</v>
      </c>
      <c r="C765" t="s">
        <v>553</v>
      </c>
      <c r="D765" t="s">
        <v>554</v>
      </c>
      <c r="E765" t="s">
        <v>353</v>
      </c>
      <c r="F765" t="s">
        <v>354</v>
      </c>
      <c r="G765" t="s">
        <v>80</v>
      </c>
      <c r="H765" t="s">
        <v>81</v>
      </c>
      <c r="I765" s="2">
        <v>1</v>
      </c>
      <c r="J765" s="2">
        <v>0</v>
      </c>
      <c r="K765" s="2">
        <v>0</v>
      </c>
      <c r="L765" t="s">
        <v>120</v>
      </c>
      <c r="M765" t="s">
        <v>83</v>
      </c>
      <c r="N765" t="s">
        <v>91</v>
      </c>
      <c r="O765" t="s">
        <v>85</v>
      </c>
      <c r="P765" t="s">
        <v>86</v>
      </c>
      <c r="Q765">
        <v>28</v>
      </c>
      <c r="R765">
        <v>28</v>
      </c>
      <c r="S765">
        <v>28</v>
      </c>
      <c r="T765">
        <v>29</v>
      </c>
      <c r="U765">
        <v>29</v>
      </c>
      <c r="V765">
        <v>29</v>
      </c>
      <c r="W765">
        <v>30</v>
      </c>
      <c r="X765">
        <v>30</v>
      </c>
      <c r="Y765">
        <v>30</v>
      </c>
      <c r="Z765">
        <v>30</v>
      </c>
      <c r="AA765">
        <v>31</v>
      </c>
      <c r="AB765">
        <v>31</v>
      </c>
      <c r="AC765">
        <v>31</v>
      </c>
      <c r="AD765">
        <v>31</v>
      </c>
      <c r="AE765">
        <v>32</v>
      </c>
      <c r="AF765">
        <v>32</v>
      </c>
      <c r="AG765">
        <v>32</v>
      </c>
      <c r="AH765">
        <v>32</v>
      </c>
      <c r="AI765">
        <v>33</v>
      </c>
      <c r="AJ765">
        <v>33</v>
      </c>
      <c r="AK765">
        <v>33</v>
      </c>
      <c r="AL765">
        <v>33</v>
      </c>
      <c r="AM765">
        <v>33</v>
      </c>
      <c r="AN765">
        <v>33</v>
      </c>
      <c r="AO765">
        <v>33</v>
      </c>
      <c r="AP765">
        <v>33</v>
      </c>
      <c r="AQ765">
        <v>32</v>
      </c>
    </row>
    <row r="766" spans="1:43">
      <c r="A766" t="s">
        <v>573</v>
      </c>
      <c r="B766" t="s">
        <v>574</v>
      </c>
      <c r="C766" t="s">
        <v>561</v>
      </c>
      <c r="D766" t="s">
        <v>562</v>
      </c>
      <c r="E766" t="s">
        <v>353</v>
      </c>
      <c r="F766" t="s">
        <v>354</v>
      </c>
      <c r="G766" t="s">
        <v>80</v>
      </c>
      <c r="H766" t="s">
        <v>81</v>
      </c>
      <c r="I766" s="2">
        <v>1</v>
      </c>
      <c r="J766" s="2">
        <v>0</v>
      </c>
      <c r="K766" s="2">
        <v>0</v>
      </c>
      <c r="L766" t="s">
        <v>120</v>
      </c>
      <c r="M766" t="s">
        <v>83</v>
      </c>
      <c r="N766" t="s">
        <v>84</v>
      </c>
      <c r="O766" t="s">
        <v>85</v>
      </c>
      <c r="P766" t="s">
        <v>86</v>
      </c>
      <c r="Q766">
        <v>15</v>
      </c>
      <c r="R766">
        <v>15</v>
      </c>
      <c r="S766">
        <v>15</v>
      </c>
      <c r="T766">
        <v>15</v>
      </c>
      <c r="U766">
        <v>16</v>
      </c>
      <c r="V766">
        <v>16</v>
      </c>
      <c r="W766">
        <v>16</v>
      </c>
      <c r="X766">
        <v>16</v>
      </c>
      <c r="Y766">
        <v>16</v>
      </c>
      <c r="Z766">
        <v>16</v>
      </c>
      <c r="AA766">
        <v>17</v>
      </c>
      <c r="AB766">
        <v>17</v>
      </c>
      <c r="AC766">
        <v>17</v>
      </c>
      <c r="AD766">
        <v>17</v>
      </c>
      <c r="AE766">
        <v>17</v>
      </c>
      <c r="AF766">
        <v>17</v>
      </c>
      <c r="AG766">
        <v>17</v>
      </c>
      <c r="AH766">
        <v>17</v>
      </c>
      <c r="AI766">
        <v>18</v>
      </c>
      <c r="AJ766">
        <v>18</v>
      </c>
      <c r="AK766">
        <v>18</v>
      </c>
      <c r="AL766">
        <v>18</v>
      </c>
      <c r="AM766">
        <v>18</v>
      </c>
      <c r="AN766">
        <v>18</v>
      </c>
      <c r="AO766">
        <v>18</v>
      </c>
      <c r="AP766">
        <v>18</v>
      </c>
      <c r="AQ766">
        <v>18</v>
      </c>
    </row>
    <row r="767" spans="1:43">
      <c r="A767" t="s">
        <v>573</v>
      </c>
      <c r="B767" t="s">
        <v>574</v>
      </c>
      <c r="C767" t="s">
        <v>561</v>
      </c>
      <c r="D767" t="s">
        <v>562</v>
      </c>
      <c r="E767" t="s">
        <v>353</v>
      </c>
      <c r="F767" t="s">
        <v>354</v>
      </c>
      <c r="G767" t="s">
        <v>80</v>
      </c>
      <c r="H767" t="s">
        <v>81</v>
      </c>
      <c r="I767" s="2">
        <v>1</v>
      </c>
      <c r="J767" s="2">
        <v>0</v>
      </c>
      <c r="K767" s="2">
        <v>0</v>
      </c>
      <c r="L767" t="s">
        <v>120</v>
      </c>
      <c r="M767" t="s">
        <v>87</v>
      </c>
      <c r="N767" t="s">
        <v>88</v>
      </c>
      <c r="O767" t="s">
        <v>85</v>
      </c>
      <c r="P767" t="s">
        <v>86</v>
      </c>
      <c r="Q767">
        <v>15</v>
      </c>
      <c r="R767">
        <v>15</v>
      </c>
      <c r="S767">
        <v>15</v>
      </c>
      <c r="T767">
        <v>15</v>
      </c>
      <c r="U767">
        <v>15</v>
      </c>
      <c r="V767">
        <v>15</v>
      </c>
      <c r="W767">
        <v>15</v>
      </c>
      <c r="X767">
        <v>15</v>
      </c>
      <c r="Y767">
        <v>15</v>
      </c>
      <c r="Z767">
        <v>15</v>
      </c>
      <c r="AA767">
        <v>15</v>
      </c>
      <c r="AB767">
        <v>15</v>
      </c>
      <c r="AC767">
        <v>15</v>
      </c>
      <c r="AD767">
        <v>15</v>
      </c>
      <c r="AE767">
        <v>15</v>
      </c>
      <c r="AF767">
        <v>15</v>
      </c>
      <c r="AG767">
        <v>15</v>
      </c>
      <c r="AH767">
        <v>15</v>
      </c>
      <c r="AI767">
        <v>15</v>
      </c>
      <c r="AJ767">
        <v>15</v>
      </c>
      <c r="AK767">
        <v>15</v>
      </c>
      <c r="AL767">
        <v>15</v>
      </c>
      <c r="AM767">
        <v>15</v>
      </c>
      <c r="AN767">
        <v>15</v>
      </c>
      <c r="AO767">
        <v>15</v>
      </c>
      <c r="AP767">
        <v>15</v>
      </c>
      <c r="AQ767">
        <v>15</v>
      </c>
    </row>
    <row r="768" spans="1:43">
      <c r="A768" t="s">
        <v>573</v>
      </c>
      <c r="B768" t="s">
        <v>574</v>
      </c>
      <c r="C768" t="s">
        <v>561</v>
      </c>
      <c r="D768" t="s">
        <v>562</v>
      </c>
      <c r="E768" t="s">
        <v>353</v>
      </c>
      <c r="F768" t="s">
        <v>354</v>
      </c>
      <c r="G768" t="s">
        <v>80</v>
      </c>
      <c r="H768" t="s">
        <v>81</v>
      </c>
      <c r="I768" s="2">
        <v>1</v>
      </c>
      <c r="J768" s="2">
        <v>0</v>
      </c>
      <c r="K768" s="2">
        <v>0</v>
      </c>
      <c r="L768" t="s">
        <v>120</v>
      </c>
      <c r="M768" t="s">
        <v>89</v>
      </c>
      <c r="N768" t="s">
        <v>90</v>
      </c>
      <c r="O768" t="s">
        <v>85</v>
      </c>
      <c r="P768" t="s">
        <v>86</v>
      </c>
      <c r="Q768">
        <v>15</v>
      </c>
      <c r="R768">
        <v>15</v>
      </c>
      <c r="S768">
        <v>16</v>
      </c>
      <c r="T768">
        <v>16</v>
      </c>
      <c r="U768">
        <v>16</v>
      </c>
      <c r="V768">
        <v>17</v>
      </c>
      <c r="W768">
        <v>17</v>
      </c>
      <c r="X768">
        <v>17</v>
      </c>
      <c r="Y768">
        <v>17</v>
      </c>
      <c r="Z768">
        <v>17</v>
      </c>
      <c r="AA768">
        <v>18</v>
      </c>
      <c r="AB768">
        <v>18</v>
      </c>
      <c r="AC768">
        <v>18</v>
      </c>
      <c r="AD768">
        <v>18</v>
      </c>
      <c r="AE768">
        <v>18</v>
      </c>
      <c r="AF768">
        <v>18</v>
      </c>
      <c r="AG768">
        <v>18</v>
      </c>
      <c r="AH768">
        <v>18</v>
      </c>
      <c r="AI768">
        <v>18</v>
      </c>
      <c r="AJ768">
        <v>18</v>
      </c>
      <c r="AK768">
        <v>18</v>
      </c>
      <c r="AL768">
        <v>18</v>
      </c>
      <c r="AM768">
        <v>18</v>
      </c>
      <c r="AN768">
        <v>18</v>
      </c>
      <c r="AO768">
        <v>18</v>
      </c>
      <c r="AP768">
        <v>18</v>
      </c>
      <c r="AQ768">
        <v>18</v>
      </c>
    </row>
    <row r="769" spans="1:43">
      <c r="A769" t="s">
        <v>573</v>
      </c>
      <c r="B769" t="s">
        <v>574</v>
      </c>
      <c r="C769" t="s">
        <v>561</v>
      </c>
      <c r="D769" t="s">
        <v>562</v>
      </c>
      <c r="E769" t="s">
        <v>353</v>
      </c>
      <c r="F769" t="s">
        <v>354</v>
      </c>
      <c r="G769" t="s">
        <v>80</v>
      </c>
      <c r="H769" t="s">
        <v>81</v>
      </c>
      <c r="I769" s="2">
        <v>1</v>
      </c>
      <c r="J769" s="2">
        <v>0</v>
      </c>
      <c r="K769" s="2">
        <v>0</v>
      </c>
      <c r="L769" t="s">
        <v>120</v>
      </c>
      <c r="M769" t="s">
        <v>83</v>
      </c>
      <c r="N769" t="s">
        <v>91</v>
      </c>
      <c r="O769" t="s">
        <v>85</v>
      </c>
      <c r="P769" t="s">
        <v>86</v>
      </c>
      <c r="Q769">
        <v>15</v>
      </c>
      <c r="R769">
        <v>15</v>
      </c>
      <c r="S769">
        <v>15</v>
      </c>
      <c r="T769">
        <v>15</v>
      </c>
      <c r="U769">
        <v>16</v>
      </c>
      <c r="V769">
        <v>16</v>
      </c>
      <c r="W769">
        <v>16</v>
      </c>
      <c r="X769">
        <v>16</v>
      </c>
      <c r="Y769">
        <v>16</v>
      </c>
      <c r="Z769">
        <v>16</v>
      </c>
      <c r="AA769">
        <v>17</v>
      </c>
      <c r="AB769">
        <v>17</v>
      </c>
      <c r="AC769">
        <v>17</v>
      </c>
      <c r="AD769">
        <v>17</v>
      </c>
      <c r="AE769">
        <v>17</v>
      </c>
      <c r="AF769">
        <v>17</v>
      </c>
      <c r="AG769">
        <v>17</v>
      </c>
      <c r="AH769">
        <v>17</v>
      </c>
      <c r="AI769">
        <v>18</v>
      </c>
      <c r="AJ769">
        <v>18</v>
      </c>
      <c r="AK769">
        <v>18</v>
      </c>
      <c r="AL769">
        <v>18</v>
      </c>
      <c r="AM769">
        <v>18</v>
      </c>
      <c r="AN769">
        <v>18</v>
      </c>
      <c r="AO769">
        <v>18</v>
      </c>
      <c r="AP769">
        <v>18</v>
      </c>
      <c r="AQ769">
        <v>18</v>
      </c>
    </row>
    <row r="770" spans="1:43">
      <c r="A770" t="s">
        <v>575</v>
      </c>
      <c r="B770" t="s">
        <v>576</v>
      </c>
      <c r="C770" t="s">
        <v>577</v>
      </c>
      <c r="D770" t="s">
        <v>578</v>
      </c>
      <c r="E770" t="s">
        <v>353</v>
      </c>
      <c r="F770" t="s">
        <v>354</v>
      </c>
      <c r="G770" t="s">
        <v>80</v>
      </c>
      <c r="H770" t="s">
        <v>81</v>
      </c>
      <c r="I770" s="2">
        <v>1</v>
      </c>
      <c r="J770" s="2">
        <v>0</v>
      </c>
      <c r="K770" s="2">
        <v>0</v>
      </c>
      <c r="L770" t="s">
        <v>120</v>
      </c>
      <c r="M770" t="s">
        <v>83</v>
      </c>
      <c r="N770" t="s">
        <v>84</v>
      </c>
      <c r="O770" t="s">
        <v>85</v>
      </c>
      <c r="P770" t="s">
        <v>86</v>
      </c>
      <c r="Q770">
        <v>45</v>
      </c>
      <c r="R770">
        <v>46</v>
      </c>
      <c r="S770">
        <v>46</v>
      </c>
      <c r="T770">
        <v>47</v>
      </c>
      <c r="U770">
        <v>47</v>
      </c>
      <c r="V770">
        <v>48</v>
      </c>
      <c r="W770">
        <v>48</v>
      </c>
      <c r="X770">
        <v>49</v>
      </c>
      <c r="Y770">
        <v>49</v>
      </c>
      <c r="Z770">
        <v>50</v>
      </c>
      <c r="AA770">
        <v>50</v>
      </c>
      <c r="AB770">
        <v>50</v>
      </c>
      <c r="AC770">
        <v>51</v>
      </c>
      <c r="AD770">
        <v>51</v>
      </c>
      <c r="AE770">
        <v>52</v>
      </c>
      <c r="AF770">
        <v>52</v>
      </c>
      <c r="AG770">
        <v>52</v>
      </c>
      <c r="AH770">
        <v>53</v>
      </c>
      <c r="AI770">
        <v>53</v>
      </c>
      <c r="AJ770">
        <v>54</v>
      </c>
      <c r="AK770">
        <v>54</v>
      </c>
      <c r="AL770">
        <v>54</v>
      </c>
      <c r="AM770">
        <v>54</v>
      </c>
      <c r="AN770">
        <v>54</v>
      </c>
      <c r="AO770">
        <v>54</v>
      </c>
      <c r="AP770">
        <v>54</v>
      </c>
      <c r="AQ770">
        <v>53</v>
      </c>
    </row>
    <row r="771" spans="1:43">
      <c r="A771" t="s">
        <v>575</v>
      </c>
      <c r="B771" t="s">
        <v>576</v>
      </c>
      <c r="C771" t="s">
        <v>577</v>
      </c>
      <c r="D771" t="s">
        <v>578</v>
      </c>
      <c r="E771" t="s">
        <v>353</v>
      </c>
      <c r="F771" t="s">
        <v>354</v>
      </c>
      <c r="G771" t="s">
        <v>80</v>
      </c>
      <c r="H771" t="s">
        <v>81</v>
      </c>
      <c r="I771" s="2">
        <v>1</v>
      </c>
      <c r="J771" s="2">
        <v>0</v>
      </c>
      <c r="K771" s="2">
        <v>0</v>
      </c>
      <c r="L771" t="s">
        <v>120</v>
      </c>
      <c r="M771" t="s">
        <v>87</v>
      </c>
      <c r="N771" t="s">
        <v>88</v>
      </c>
      <c r="O771" t="s">
        <v>85</v>
      </c>
      <c r="P771" t="s">
        <v>86</v>
      </c>
      <c r="Q771">
        <v>45</v>
      </c>
      <c r="R771">
        <v>45</v>
      </c>
      <c r="S771">
        <v>45</v>
      </c>
      <c r="T771">
        <v>45</v>
      </c>
      <c r="U771">
        <v>45</v>
      </c>
      <c r="V771">
        <v>45</v>
      </c>
      <c r="W771">
        <v>45</v>
      </c>
      <c r="X771">
        <v>45</v>
      </c>
      <c r="Y771">
        <v>45</v>
      </c>
      <c r="Z771">
        <v>45</v>
      </c>
      <c r="AA771">
        <v>46</v>
      </c>
      <c r="AB771">
        <v>46</v>
      </c>
      <c r="AC771">
        <v>46</v>
      </c>
      <c r="AD771">
        <v>46</v>
      </c>
      <c r="AE771">
        <v>46</v>
      </c>
      <c r="AF771">
        <v>46</v>
      </c>
      <c r="AG771">
        <v>46</v>
      </c>
      <c r="AH771">
        <v>46</v>
      </c>
      <c r="AI771">
        <v>46</v>
      </c>
      <c r="AJ771">
        <v>46</v>
      </c>
      <c r="AK771">
        <v>46</v>
      </c>
      <c r="AL771">
        <v>46</v>
      </c>
      <c r="AM771">
        <v>46</v>
      </c>
      <c r="AN771">
        <v>46</v>
      </c>
      <c r="AO771">
        <v>46</v>
      </c>
      <c r="AP771">
        <v>46</v>
      </c>
      <c r="AQ771">
        <v>46</v>
      </c>
    </row>
    <row r="772" spans="1:43">
      <c r="A772" t="s">
        <v>575</v>
      </c>
      <c r="B772" t="s">
        <v>576</v>
      </c>
      <c r="C772" t="s">
        <v>577</v>
      </c>
      <c r="D772" t="s">
        <v>578</v>
      </c>
      <c r="E772" t="s">
        <v>353</v>
      </c>
      <c r="F772" t="s">
        <v>354</v>
      </c>
      <c r="G772" t="s">
        <v>80</v>
      </c>
      <c r="H772" t="s">
        <v>81</v>
      </c>
      <c r="I772" s="2">
        <v>1</v>
      </c>
      <c r="J772" s="2">
        <v>0</v>
      </c>
      <c r="K772" s="2">
        <v>0</v>
      </c>
      <c r="L772" t="s">
        <v>120</v>
      </c>
      <c r="M772" t="s">
        <v>89</v>
      </c>
      <c r="N772" t="s">
        <v>90</v>
      </c>
      <c r="O772" t="s">
        <v>85</v>
      </c>
      <c r="P772" t="s">
        <v>86</v>
      </c>
      <c r="Q772">
        <v>45</v>
      </c>
      <c r="R772">
        <v>45</v>
      </c>
      <c r="S772">
        <v>46</v>
      </c>
      <c r="T772">
        <v>47</v>
      </c>
      <c r="U772">
        <v>48</v>
      </c>
      <c r="V772">
        <v>49</v>
      </c>
      <c r="W772">
        <v>49</v>
      </c>
      <c r="X772">
        <v>50</v>
      </c>
      <c r="Y772">
        <v>51</v>
      </c>
      <c r="Z772">
        <v>51</v>
      </c>
      <c r="AA772">
        <v>52</v>
      </c>
      <c r="AB772">
        <v>53</v>
      </c>
      <c r="AC772">
        <v>53</v>
      </c>
      <c r="AD772">
        <v>54</v>
      </c>
      <c r="AE772">
        <v>54</v>
      </c>
      <c r="AF772">
        <v>54</v>
      </c>
      <c r="AG772">
        <v>54</v>
      </c>
      <c r="AH772">
        <v>54</v>
      </c>
      <c r="AI772">
        <v>54</v>
      </c>
      <c r="AJ772">
        <v>54</v>
      </c>
      <c r="AK772">
        <v>54</v>
      </c>
      <c r="AL772">
        <v>54</v>
      </c>
      <c r="AM772">
        <v>53</v>
      </c>
      <c r="AN772">
        <v>53</v>
      </c>
      <c r="AO772">
        <v>53</v>
      </c>
      <c r="AP772">
        <v>53</v>
      </c>
      <c r="AQ772">
        <v>53</v>
      </c>
    </row>
    <row r="773" spans="1:43">
      <c r="A773" t="s">
        <v>575</v>
      </c>
      <c r="B773" t="s">
        <v>576</v>
      </c>
      <c r="C773" t="s">
        <v>577</v>
      </c>
      <c r="D773" t="s">
        <v>578</v>
      </c>
      <c r="E773" t="s">
        <v>353</v>
      </c>
      <c r="F773" t="s">
        <v>354</v>
      </c>
      <c r="G773" t="s">
        <v>80</v>
      </c>
      <c r="H773" t="s">
        <v>81</v>
      </c>
      <c r="I773" s="2">
        <v>1</v>
      </c>
      <c r="J773" s="2">
        <v>0</v>
      </c>
      <c r="K773" s="2">
        <v>0</v>
      </c>
      <c r="L773" t="s">
        <v>120</v>
      </c>
      <c r="M773" t="s">
        <v>83</v>
      </c>
      <c r="N773" t="s">
        <v>91</v>
      </c>
      <c r="O773" t="s">
        <v>85</v>
      </c>
      <c r="P773" t="s">
        <v>86</v>
      </c>
      <c r="Q773">
        <v>45</v>
      </c>
      <c r="R773">
        <v>46</v>
      </c>
      <c r="S773">
        <v>46</v>
      </c>
      <c r="T773">
        <v>47</v>
      </c>
      <c r="U773">
        <v>47</v>
      </c>
      <c r="V773">
        <v>48</v>
      </c>
      <c r="W773">
        <v>48</v>
      </c>
      <c r="X773">
        <v>49</v>
      </c>
      <c r="Y773">
        <v>49</v>
      </c>
      <c r="Z773">
        <v>50</v>
      </c>
      <c r="AA773">
        <v>50</v>
      </c>
      <c r="AB773">
        <v>50</v>
      </c>
      <c r="AC773">
        <v>51</v>
      </c>
      <c r="AD773">
        <v>51</v>
      </c>
      <c r="AE773">
        <v>52</v>
      </c>
      <c r="AF773">
        <v>52</v>
      </c>
      <c r="AG773">
        <v>52</v>
      </c>
      <c r="AH773">
        <v>53</v>
      </c>
      <c r="AI773">
        <v>53</v>
      </c>
      <c r="AJ773">
        <v>54</v>
      </c>
      <c r="AK773">
        <v>54</v>
      </c>
      <c r="AL773">
        <v>54</v>
      </c>
      <c r="AM773">
        <v>54</v>
      </c>
      <c r="AN773">
        <v>54</v>
      </c>
      <c r="AO773">
        <v>54</v>
      </c>
      <c r="AP773">
        <v>54</v>
      </c>
      <c r="AQ773">
        <v>53</v>
      </c>
    </row>
    <row r="774" spans="1:43">
      <c r="A774" t="s">
        <v>579</v>
      </c>
      <c r="B774" t="s">
        <v>580</v>
      </c>
      <c r="C774" t="s">
        <v>519</v>
      </c>
      <c r="D774" t="s">
        <v>520</v>
      </c>
      <c r="E774" t="s">
        <v>353</v>
      </c>
      <c r="F774" t="s">
        <v>354</v>
      </c>
      <c r="G774" t="s">
        <v>80</v>
      </c>
      <c r="H774" t="s">
        <v>81</v>
      </c>
      <c r="I774" s="2">
        <v>0.92</v>
      </c>
      <c r="J774" s="2">
        <v>0.08</v>
      </c>
      <c r="K774" s="2">
        <v>0</v>
      </c>
      <c r="L774" t="s">
        <v>120</v>
      </c>
      <c r="M774" t="s">
        <v>83</v>
      </c>
      <c r="N774" t="s">
        <v>84</v>
      </c>
      <c r="O774" t="s">
        <v>85</v>
      </c>
      <c r="P774" t="s">
        <v>86</v>
      </c>
      <c r="Q774">
        <v>42</v>
      </c>
      <c r="R774">
        <v>42</v>
      </c>
      <c r="S774">
        <v>43</v>
      </c>
      <c r="T774">
        <v>43</v>
      </c>
      <c r="U774">
        <v>44</v>
      </c>
      <c r="V774">
        <v>44</v>
      </c>
      <c r="W774">
        <v>45</v>
      </c>
      <c r="X774">
        <v>45</v>
      </c>
      <c r="Y774">
        <v>45</v>
      </c>
      <c r="Z774">
        <v>46</v>
      </c>
      <c r="AA774">
        <v>46</v>
      </c>
      <c r="AB774">
        <v>47</v>
      </c>
      <c r="AC774">
        <v>47</v>
      </c>
      <c r="AD774">
        <v>47</v>
      </c>
      <c r="AE774">
        <v>48</v>
      </c>
      <c r="AF774">
        <v>48</v>
      </c>
      <c r="AG774">
        <v>48</v>
      </c>
      <c r="AH774">
        <v>49</v>
      </c>
      <c r="AI774">
        <v>49</v>
      </c>
      <c r="AJ774">
        <v>49</v>
      </c>
      <c r="AK774">
        <v>50</v>
      </c>
      <c r="AL774">
        <v>50</v>
      </c>
      <c r="AM774">
        <v>49</v>
      </c>
      <c r="AN774">
        <v>49</v>
      </c>
      <c r="AO774">
        <v>49</v>
      </c>
      <c r="AP774">
        <v>49</v>
      </c>
      <c r="AQ774">
        <v>49</v>
      </c>
    </row>
    <row r="775" spans="1:43">
      <c r="A775" t="s">
        <v>579</v>
      </c>
      <c r="B775" t="s">
        <v>580</v>
      </c>
      <c r="C775" t="s">
        <v>519</v>
      </c>
      <c r="D775" t="s">
        <v>520</v>
      </c>
      <c r="E775" t="s">
        <v>353</v>
      </c>
      <c r="F775" t="s">
        <v>354</v>
      </c>
      <c r="G775" t="s">
        <v>80</v>
      </c>
      <c r="H775" t="s">
        <v>81</v>
      </c>
      <c r="I775" s="2">
        <v>0.92</v>
      </c>
      <c r="J775" s="2">
        <v>0.08</v>
      </c>
      <c r="K775" s="2">
        <v>0</v>
      </c>
      <c r="L775" t="s">
        <v>120</v>
      </c>
      <c r="M775" t="s">
        <v>87</v>
      </c>
      <c r="N775" t="s">
        <v>88</v>
      </c>
      <c r="O775" t="s">
        <v>85</v>
      </c>
      <c r="P775" t="s">
        <v>86</v>
      </c>
      <c r="Q775">
        <v>42</v>
      </c>
      <c r="R775">
        <v>42</v>
      </c>
      <c r="S775">
        <v>42</v>
      </c>
      <c r="T775">
        <v>42</v>
      </c>
      <c r="U775">
        <v>42</v>
      </c>
      <c r="V775">
        <v>42</v>
      </c>
      <c r="W775">
        <v>42</v>
      </c>
      <c r="X775">
        <v>42</v>
      </c>
      <c r="Y775">
        <v>42</v>
      </c>
      <c r="Z775">
        <v>42</v>
      </c>
      <c r="AA775">
        <v>42</v>
      </c>
      <c r="AB775">
        <v>42</v>
      </c>
      <c r="AC775">
        <v>42</v>
      </c>
      <c r="AD775">
        <v>42</v>
      </c>
      <c r="AE775">
        <v>42</v>
      </c>
      <c r="AF775">
        <v>42</v>
      </c>
      <c r="AG775">
        <v>42</v>
      </c>
      <c r="AH775">
        <v>42</v>
      </c>
      <c r="AI775">
        <v>43</v>
      </c>
      <c r="AJ775">
        <v>43</v>
      </c>
      <c r="AK775">
        <v>43</v>
      </c>
      <c r="AL775">
        <v>43</v>
      </c>
      <c r="AM775">
        <v>43</v>
      </c>
      <c r="AN775">
        <v>43</v>
      </c>
      <c r="AO775">
        <v>43</v>
      </c>
      <c r="AP775">
        <v>43</v>
      </c>
      <c r="AQ775">
        <v>43</v>
      </c>
    </row>
    <row r="776" spans="1:43">
      <c r="A776" t="s">
        <v>579</v>
      </c>
      <c r="B776" t="s">
        <v>580</v>
      </c>
      <c r="C776" t="s">
        <v>519</v>
      </c>
      <c r="D776" t="s">
        <v>520</v>
      </c>
      <c r="E776" t="s">
        <v>353</v>
      </c>
      <c r="F776" t="s">
        <v>354</v>
      </c>
      <c r="G776" t="s">
        <v>80</v>
      </c>
      <c r="H776" t="s">
        <v>81</v>
      </c>
      <c r="I776" s="2">
        <v>0.92</v>
      </c>
      <c r="J776" s="2">
        <v>0.08</v>
      </c>
      <c r="K776" s="2">
        <v>0</v>
      </c>
      <c r="L776" t="s">
        <v>120</v>
      </c>
      <c r="M776" t="s">
        <v>89</v>
      </c>
      <c r="N776" t="s">
        <v>90</v>
      </c>
      <c r="O776" t="s">
        <v>85</v>
      </c>
      <c r="P776" t="s">
        <v>86</v>
      </c>
      <c r="Q776">
        <v>42</v>
      </c>
      <c r="R776">
        <v>43</v>
      </c>
      <c r="S776">
        <v>44</v>
      </c>
      <c r="T776">
        <v>45</v>
      </c>
      <c r="U776">
        <v>46</v>
      </c>
      <c r="V776">
        <v>46</v>
      </c>
      <c r="W776">
        <v>47</v>
      </c>
      <c r="X776">
        <v>47</v>
      </c>
      <c r="Y776">
        <v>48</v>
      </c>
      <c r="Z776">
        <v>49</v>
      </c>
      <c r="AA776">
        <v>49</v>
      </c>
      <c r="AB776">
        <v>50</v>
      </c>
      <c r="AC776">
        <v>50</v>
      </c>
      <c r="AD776">
        <v>51</v>
      </c>
      <c r="AE776">
        <v>51</v>
      </c>
      <c r="AF776">
        <v>51</v>
      </c>
      <c r="AG776">
        <v>51</v>
      </c>
      <c r="AH776">
        <v>51</v>
      </c>
      <c r="AI776">
        <v>50</v>
      </c>
      <c r="AJ776">
        <v>50</v>
      </c>
      <c r="AK776">
        <v>50</v>
      </c>
      <c r="AL776">
        <v>50</v>
      </c>
      <c r="AM776">
        <v>50</v>
      </c>
      <c r="AN776">
        <v>50</v>
      </c>
      <c r="AO776">
        <v>49</v>
      </c>
      <c r="AP776">
        <v>49</v>
      </c>
      <c r="AQ776">
        <v>49</v>
      </c>
    </row>
    <row r="777" spans="1:43">
      <c r="A777" t="s">
        <v>579</v>
      </c>
      <c r="B777" t="s">
        <v>580</v>
      </c>
      <c r="C777" t="s">
        <v>519</v>
      </c>
      <c r="D777" t="s">
        <v>520</v>
      </c>
      <c r="E777" t="s">
        <v>353</v>
      </c>
      <c r="F777" t="s">
        <v>354</v>
      </c>
      <c r="G777" t="s">
        <v>80</v>
      </c>
      <c r="H777" t="s">
        <v>81</v>
      </c>
      <c r="I777" s="2">
        <v>0.92</v>
      </c>
      <c r="J777" s="2">
        <v>0.08</v>
      </c>
      <c r="K777" s="2">
        <v>0</v>
      </c>
      <c r="L777" t="s">
        <v>120</v>
      </c>
      <c r="M777" t="s">
        <v>83</v>
      </c>
      <c r="N777" t="s">
        <v>91</v>
      </c>
      <c r="O777" t="s">
        <v>85</v>
      </c>
      <c r="P777" t="s">
        <v>86</v>
      </c>
      <c r="Q777">
        <v>42</v>
      </c>
      <c r="R777">
        <v>42</v>
      </c>
      <c r="S777">
        <v>43</v>
      </c>
      <c r="T777">
        <v>43</v>
      </c>
      <c r="U777">
        <v>44</v>
      </c>
      <c r="V777">
        <v>44</v>
      </c>
      <c r="W777">
        <v>45</v>
      </c>
      <c r="X777">
        <v>45</v>
      </c>
      <c r="Y777">
        <v>45</v>
      </c>
      <c r="Z777">
        <v>46</v>
      </c>
      <c r="AA777">
        <v>46</v>
      </c>
      <c r="AB777">
        <v>47</v>
      </c>
      <c r="AC777">
        <v>47</v>
      </c>
      <c r="AD777">
        <v>47</v>
      </c>
      <c r="AE777">
        <v>48</v>
      </c>
      <c r="AF777">
        <v>48</v>
      </c>
      <c r="AG777">
        <v>48</v>
      </c>
      <c r="AH777">
        <v>49</v>
      </c>
      <c r="AI777">
        <v>49</v>
      </c>
      <c r="AJ777">
        <v>49</v>
      </c>
      <c r="AK777">
        <v>50</v>
      </c>
      <c r="AL777">
        <v>50</v>
      </c>
      <c r="AM777">
        <v>49</v>
      </c>
      <c r="AN777">
        <v>49</v>
      </c>
      <c r="AO777">
        <v>49</v>
      </c>
      <c r="AP777">
        <v>49</v>
      </c>
      <c r="AQ777">
        <v>49</v>
      </c>
    </row>
    <row r="778" spans="1:43">
      <c r="A778" t="s">
        <v>581</v>
      </c>
      <c r="B778" t="s">
        <v>582</v>
      </c>
      <c r="C778" t="s">
        <v>519</v>
      </c>
      <c r="D778" t="s">
        <v>520</v>
      </c>
      <c r="E778" t="s">
        <v>353</v>
      </c>
      <c r="F778" t="s">
        <v>354</v>
      </c>
      <c r="G778" t="s">
        <v>80</v>
      </c>
      <c r="H778" t="s">
        <v>81</v>
      </c>
      <c r="I778" s="2">
        <v>1</v>
      </c>
      <c r="J778" s="2">
        <v>0</v>
      </c>
      <c r="K778" s="2">
        <v>0</v>
      </c>
      <c r="L778" t="s">
        <v>120</v>
      </c>
      <c r="M778" t="s">
        <v>83</v>
      </c>
      <c r="N778" t="s">
        <v>84</v>
      </c>
      <c r="O778" t="s">
        <v>85</v>
      </c>
      <c r="P778" t="s">
        <v>86</v>
      </c>
      <c r="Q778">
        <v>59</v>
      </c>
      <c r="R778">
        <v>60</v>
      </c>
      <c r="S778">
        <v>61</v>
      </c>
      <c r="T778">
        <v>61</v>
      </c>
      <c r="U778">
        <v>62</v>
      </c>
      <c r="V778">
        <v>63</v>
      </c>
      <c r="W778">
        <v>63</v>
      </c>
      <c r="X778">
        <v>64</v>
      </c>
      <c r="Y778">
        <v>64</v>
      </c>
      <c r="Z778">
        <v>65</v>
      </c>
      <c r="AA778">
        <v>66</v>
      </c>
      <c r="AB778">
        <v>66</v>
      </c>
      <c r="AC778">
        <v>67</v>
      </c>
      <c r="AD778">
        <v>67</v>
      </c>
      <c r="AE778">
        <v>68</v>
      </c>
      <c r="AF778">
        <v>68</v>
      </c>
      <c r="AG778">
        <v>69</v>
      </c>
      <c r="AH778">
        <v>69</v>
      </c>
      <c r="AI778">
        <v>70</v>
      </c>
      <c r="AJ778">
        <v>70</v>
      </c>
      <c r="AK778">
        <v>71</v>
      </c>
      <c r="AL778">
        <v>71</v>
      </c>
      <c r="AM778">
        <v>71</v>
      </c>
      <c r="AN778">
        <v>70</v>
      </c>
      <c r="AO778">
        <v>70</v>
      </c>
      <c r="AP778">
        <v>70</v>
      </c>
      <c r="AQ778">
        <v>70</v>
      </c>
    </row>
    <row r="779" spans="1:43">
      <c r="A779" t="s">
        <v>581</v>
      </c>
      <c r="B779" t="s">
        <v>582</v>
      </c>
      <c r="C779" t="s">
        <v>519</v>
      </c>
      <c r="D779" t="s">
        <v>520</v>
      </c>
      <c r="E779" t="s">
        <v>353</v>
      </c>
      <c r="F779" t="s">
        <v>354</v>
      </c>
      <c r="G779" t="s">
        <v>80</v>
      </c>
      <c r="H779" t="s">
        <v>81</v>
      </c>
      <c r="I779" s="2">
        <v>1</v>
      </c>
      <c r="J779" s="2">
        <v>0</v>
      </c>
      <c r="K779" s="2">
        <v>0</v>
      </c>
      <c r="L779" t="s">
        <v>120</v>
      </c>
      <c r="M779" t="s">
        <v>87</v>
      </c>
      <c r="N779" t="s">
        <v>88</v>
      </c>
      <c r="O779" t="s">
        <v>85</v>
      </c>
      <c r="P779" t="s">
        <v>86</v>
      </c>
      <c r="Q779">
        <v>59</v>
      </c>
      <c r="R779">
        <v>59</v>
      </c>
      <c r="S779">
        <v>59</v>
      </c>
      <c r="T779">
        <v>59</v>
      </c>
      <c r="U779">
        <v>59</v>
      </c>
      <c r="V779">
        <v>59</v>
      </c>
      <c r="W779">
        <v>59</v>
      </c>
      <c r="X779">
        <v>60</v>
      </c>
      <c r="Y779">
        <v>60</v>
      </c>
      <c r="Z779">
        <v>60</v>
      </c>
      <c r="AA779">
        <v>60</v>
      </c>
      <c r="AB779">
        <v>60</v>
      </c>
      <c r="AC779">
        <v>60</v>
      </c>
      <c r="AD779">
        <v>60</v>
      </c>
      <c r="AE779">
        <v>60</v>
      </c>
      <c r="AF779">
        <v>60</v>
      </c>
      <c r="AG779">
        <v>60</v>
      </c>
      <c r="AH779">
        <v>60</v>
      </c>
      <c r="AI779">
        <v>60</v>
      </c>
      <c r="AJ779">
        <v>61</v>
      </c>
      <c r="AK779">
        <v>61</v>
      </c>
      <c r="AL779">
        <v>61</v>
      </c>
      <c r="AM779">
        <v>61</v>
      </c>
      <c r="AN779">
        <v>61</v>
      </c>
      <c r="AO779">
        <v>61</v>
      </c>
      <c r="AP779">
        <v>61</v>
      </c>
      <c r="AQ779">
        <v>61</v>
      </c>
    </row>
    <row r="780" spans="1:43">
      <c r="A780" t="s">
        <v>581</v>
      </c>
      <c r="B780" t="s">
        <v>582</v>
      </c>
      <c r="C780" t="s">
        <v>519</v>
      </c>
      <c r="D780" t="s">
        <v>520</v>
      </c>
      <c r="E780" t="s">
        <v>353</v>
      </c>
      <c r="F780" t="s">
        <v>354</v>
      </c>
      <c r="G780" t="s">
        <v>80</v>
      </c>
      <c r="H780" t="s">
        <v>81</v>
      </c>
      <c r="I780" s="2">
        <v>1</v>
      </c>
      <c r="J780" s="2">
        <v>0</v>
      </c>
      <c r="K780" s="2">
        <v>0</v>
      </c>
      <c r="L780" t="s">
        <v>120</v>
      </c>
      <c r="M780" t="s">
        <v>89</v>
      </c>
      <c r="N780" t="s">
        <v>90</v>
      </c>
      <c r="O780" t="s">
        <v>85</v>
      </c>
      <c r="P780" t="s">
        <v>86</v>
      </c>
      <c r="Q780">
        <v>59</v>
      </c>
      <c r="R780">
        <v>60</v>
      </c>
      <c r="S780">
        <v>61</v>
      </c>
      <c r="T780">
        <v>62</v>
      </c>
      <c r="U780">
        <v>63</v>
      </c>
      <c r="V780">
        <v>64</v>
      </c>
      <c r="W780">
        <v>65</v>
      </c>
      <c r="X780">
        <v>66</v>
      </c>
      <c r="Y780">
        <v>67</v>
      </c>
      <c r="Z780">
        <v>68</v>
      </c>
      <c r="AA780">
        <v>69</v>
      </c>
      <c r="AB780">
        <v>70</v>
      </c>
      <c r="AC780">
        <v>70</v>
      </c>
      <c r="AD780">
        <v>71</v>
      </c>
      <c r="AE780">
        <v>72</v>
      </c>
      <c r="AF780">
        <v>71</v>
      </c>
      <c r="AG780">
        <v>71</v>
      </c>
      <c r="AH780">
        <v>71</v>
      </c>
      <c r="AI780">
        <v>71</v>
      </c>
      <c r="AJ780">
        <v>71</v>
      </c>
      <c r="AK780">
        <v>71</v>
      </c>
      <c r="AL780">
        <v>70</v>
      </c>
      <c r="AM780">
        <v>70</v>
      </c>
      <c r="AN780">
        <v>70</v>
      </c>
      <c r="AO780">
        <v>70</v>
      </c>
      <c r="AP780">
        <v>70</v>
      </c>
      <c r="AQ780">
        <v>70</v>
      </c>
    </row>
    <row r="781" spans="1:43">
      <c r="A781" t="s">
        <v>581</v>
      </c>
      <c r="B781" t="s">
        <v>582</v>
      </c>
      <c r="C781" t="s">
        <v>519</v>
      </c>
      <c r="D781" t="s">
        <v>520</v>
      </c>
      <c r="E781" t="s">
        <v>353</v>
      </c>
      <c r="F781" t="s">
        <v>354</v>
      </c>
      <c r="G781" t="s">
        <v>80</v>
      </c>
      <c r="H781" t="s">
        <v>81</v>
      </c>
      <c r="I781" s="2">
        <v>1</v>
      </c>
      <c r="J781" s="2">
        <v>0</v>
      </c>
      <c r="K781" s="2">
        <v>0</v>
      </c>
      <c r="L781" t="s">
        <v>120</v>
      </c>
      <c r="M781" t="s">
        <v>83</v>
      </c>
      <c r="N781" t="s">
        <v>91</v>
      </c>
      <c r="O781" t="s">
        <v>85</v>
      </c>
      <c r="P781" t="s">
        <v>86</v>
      </c>
      <c r="Q781">
        <v>59</v>
      </c>
      <c r="R781">
        <v>60</v>
      </c>
      <c r="S781">
        <v>61</v>
      </c>
      <c r="T781">
        <v>61</v>
      </c>
      <c r="U781">
        <v>62</v>
      </c>
      <c r="V781">
        <v>63</v>
      </c>
      <c r="W781">
        <v>63</v>
      </c>
      <c r="X781">
        <v>64</v>
      </c>
      <c r="Y781">
        <v>64</v>
      </c>
      <c r="Z781">
        <v>65</v>
      </c>
      <c r="AA781">
        <v>66</v>
      </c>
      <c r="AB781">
        <v>66</v>
      </c>
      <c r="AC781">
        <v>67</v>
      </c>
      <c r="AD781">
        <v>67</v>
      </c>
      <c r="AE781">
        <v>68</v>
      </c>
      <c r="AF781">
        <v>68</v>
      </c>
      <c r="AG781">
        <v>69</v>
      </c>
      <c r="AH781">
        <v>69</v>
      </c>
      <c r="AI781">
        <v>70</v>
      </c>
      <c r="AJ781">
        <v>70</v>
      </c>
      <c r="AK781">
        <v>71</v>
      </c>
      <c r="AL781">
        <v>71</v>
      </c>
      <c r="AM781">
        <v>71</v>
      </c>
      <c r="AN781">
        <v>70</v>
      </c>
      <c r="AO781">
        <v>70</v>
      </c>
      <c r="AP781">
        <v>70</v>
      </c>
      <c r="AQ781">
        <v>70</v>
      </c>
    </row>
    <row r="782" spans="1:43">
      <c r="A782" t="s">
        <v>583</v>
      </c>
      <c r="B782" t="s">
        <v>584</v>
      </c>
      <c r="C782" t="s">
        <v>519</v>
      </c>
      <c r="D782" t="s">
        <v>520</v>
      </c>
      <c r="E782" t="s">
        <v>353</v>
      </c>
      <c r="F782" t="s">
        <v>354</v>
      </c>
      <c r="G782" t="s">
        <v>80</v>
      </c>
      <c r="H782" t="s">
        <v>81</v>
      </c>
      <c r="I782" s="2">
        <v>1</v>
      </c>
      <c r="J782" s="2">
        <v>0</v>
      </c>
      <c r="K782" s="2">
        <v>0</v>
      </c>
      <c r="L782" t="s">
        <v>120</v>
      </c>
      <c r="M782" t="s">
        <v>83</v>
      </c>
      <c r="N782" t="s">
        <v>84</v>
      </c>
      <c r="O782" t="s">
        <v>85</v>
      </c>
      <c r="P782" t="s">
        <v>86</v>
      </c>
      <c r="Q782">
        <v>28</v>
      </c>
      <c r="R782">
        <v>28</v>
      </c>
      <c r="S782">
        <v>28</v>
      </c>
      <c r="T782">
        <v>29</v>
      </c>
      <c r="U782">
        <v>29</v>
      </c>
      <c r="V782">
        <v>29</v>
      </c>
      <c r="W782">
        <v>30</v>
      </c>
      <c r="X782">
        <v>30</v>
      </c>
      <c r="Y782">
        <v>30</v>
      </c>
      <c r="Z782">
        <v>30</v>
      </c>
      <c r="AA782">
        <v>31</v>
      </c>
      <c r="AB782">
        <v>31</v>
      </c>
      <c r="AC782">
        <v>31</v>
      </c>
      <c r="AD782">
        <v>31</v>
      </c>
      <c r="AE782">
        <v>32</v>
      </c>
      <c r="AF782">
        <v>32</v>
      </c>
      <c r="AG782">
        <v>32</v>
      </c>
      <c r="AH782">
        <v>32</v>
      </c>
      <c r="AI782">
        <v>32</v>
      </c>
      <c r="AJ782">
        <v>33</v>
      </c>
      <c r="AK782">
        <v>33</v>
      </c>
      <c r="AL782">
        <v>33</v>
      </c>
      <c r="AM782">
        <v>33</v>
      </c>
      <c r="AN782">
        <v>33</v>
      </c>
      <c r="AO782">
        <v>32</v>
      </c>
      <c r="AP782">
        <v>32</v>
      </c>
      <c r="AQ782">
        <v>32</v>
      </c>
    </row>
    <row r="783" spans="1:43">
      <c r="A783" t="s">
        <v>583</v>
      </c>
      <c r="B783" t="s">
        <v>584</v>
      </c>
      <c r="C783" t="s">
        <v>519</v>
      </c>
      <c r="D783" t="s">
        <v>520</v>
      </c>
      <c r="E783" t="s">
        <v>353</v>
      </c>
      <c r="F783" t="s">
        <v>354</v>
      </c>
      <c r="G783" t="s">
        <v>80</v>
      </c>
      <c r="H783" t="s">
        <v>81</v>
      </c>
      <c r="I783" s="2">
        <v>1</v>
      </c>
      <c r="J783" s="2">
        <v>0</v>
      </c>
      <c r="K783" s="2">
        <v>0</v>
      </c>
      <c r="L783" t="s">
        <v>120</v>
      </c>
      <c r="M783" t="s">
        <v>87</v>
      </c>
      <c r="N783" t="s">
        <v>88</v>
      </c>
      <c r="O783" t="s">
        <v>85</v>
      </c>
      <c r="P783" t="s">
        <v>86</v>
      </c>
      <c r="Q783">
        <v>28</v>
      </c>
      <c r="R783">
        <v>28</v>
      </c>
      <c r="S783">
        <v>28</v>
      </c>
      <c r="T783">
        <v>28</v>
      </c>
      <c r="U783">
        <v>28</v>
      </c>
      <c r="V783">
        <v>28</v>
      </c>
      <c r="W783">
        <v>28</v>
      </c>
      <c r="X783">
        <v>28</v>
      </c>
      <c r="Y783">
        <v>28</v>
      </c>
      <c r="Z783">
        <v>28</v>
      </c>
      <c r="AA783">
        <v>28</v>
      </c>
      <c r="AB783">
        <v>28</v>
      </c>
      <c r="AC783">
        <v>28</v>
      </c>
      <c r="AD783">
        <v>28</v>
      </c>
      <c r="AE783">
        <v>28</v>
      </c>
      <c r="AF783">
        <v>28</v>
      </c>
      <c r="AG783">
        <v>28</v>
      </c>
      <c r="AH783">
        <v>28</v>
      </c>
      <c r="AI783">
        <v>28</v>
      </c>
      <c r="AJ783">
        <v>28</v>
      </c>
      <c r="AK783">
        <v>28</v>
      </c>
      <c r="AL783">
        <v>28</v>
      </c>
      <c r="AM783">
        <v>28</v>
      </c>
      <c r="AN783">
        <v>28</v>
      </c>
      <c r="AO783">
        <v>28</v>
      </c>
      <c r="AP783">
        <v>28</v>
      </c>
      <c r="AQ783">
        <v>28</v>
      </c>
    </row>
    <row r="784" spans="1:43">
      <c r="A784" t="s">
        <v>583</v>
      </c>
      <c r="B784" t="s">
        <v>584</v>
      </c>
      <c r="C784" t="s">
        <v>519</v>
      </c>
      <c r="D784" t="s">
        <v>520</v>
      </c>
      <c r="E784" t="s">
        <v>353</v>
      </c>
      <c r="F784" t="s">
        <v>354</v>
      </c>
      <c r="G784" t="s">
        <v>80</v>
      </c>
      <c r="H784" t="s">
        <v>81</v>
      </c>
      <c r="I784" s="2">
        <v>1</v>
      </c>
      <c r="J784" s="2">
        <v>0</v>
      </c>
      <c r="K784" s="2">
        <v>0</v>
      </c>
      <c r="L784" t="s">
        <v>120</v>
      </c>
      <c r="M784" t="s">
        <v>89</v>
      </c>
      <c r="N784" t="s">
        <v>90</v>
      </c>
      <c r="O784" t="s">
        <v>85</v>
      </c>
      <c r="P784" t="s">
        <v>86</v>
      </c>
      <c r="Q784">
        <v>28</v>
      </c>
      <c r="R784">
        <v>29</v>
      </c>
      <c r="S784">
        <v>29</v>
      </c>
      <c r="T784">
        <v>30</v>
      </c>
      <c r="U784">
        <v>30</v>
      </c>
      <c r="V784">
        <v>31</v>
      </c>
      <c r="W784">
        <v>31</v>
      </c>
      <c r="X784">
        <v>31</v>
      </c>
      <c r="Y784">
        <v>32</v>
      </c>
      <c r="Z784">
        <v>32</v>
      </c>
      <c r="AA784">
        <v>32</v>
      </c>
      <c r="AB784">
        <v>33</v>
      </c>
      <c r="AC784">
        <v>33</v>
      </c>
      <c r="AD784">
        <v>34</v>
      </c>
      <c r="AE784">
        <v>34</v>
      </c>
      <c r="AF784">
        <v>34</v>
      </c>
      <c r="AG784">
        <v>34</v>
      </c>
      <c r="AH784">
        <v>33</v>
      </c>
      <c r="AI784">
        <v>33</v>
      </c>
      <c r="AJ784">
        <v>33</v>
      </c>
      <c r="AK784">
        <v>33</v>
      </c>
      <c r="AL784">
        <v>33</v>
      </c>
      <c r="AM784">
        <v>33</v>
      </c>
      <c r="AN784">
        <v>33</v>
      </c>
      <c r="AO784">
        <v>33</v>
      </c>
      <c r="AP784">
        <v>33</v>
      </c>
      <c r="AQ784">
        <v>32</v>
      </c>
    </row>
    <row r="785" spans="1:43">
      <c r="A785" t="s">
        <v>583</v>
      </c>
      <c r="B785" t="s">
        <v>584</v>
      </c>
      <c r="C785" t="s">
        <v>519</v>
      </c>
      <c r="D785" t="s">
        <v>520</v>
      </c>
      <c r="E785" t="s">
        <v>353</v>
      </c>
      <c r="F785" t="s">
        <v>354</v>
      </c>
      <c r="G785" t="s">
        <v>80</v>
      </c>
      <c r="H785" t="s">
        <v>81</v>
      </c>
      <c r="I785" s="2">
        <v>1</v>
      </c>
      <c r="J785" s="2">
        <v>0</v>
      </c>
      <c r="K785" s="2">
        <v>0</v>
      </c>
      <c r="L785" t="s">
        <v>120</v>
      </c>
      <c r="M785" t="s">
        <v>83</v>
      </c>
      <c r="N785" t="s">
        <v>91</v>
      </c>
      <c r="O785" t="s">
        <v>85</v>
      </c>
      <c r="P785" t="s">
        <v>86</v>
      </c>
      <c r="Q785">
        <v>28</v>
      </c>
      <c r="R785">
        <v>28</v>
      </c>
      <c r="S785">
        <v>28</v>
      </c>
      <c r="T785">
        <v>29</v>
      </c>
      <c r="U785">
        <v>29</v>
      </c>
      <c r="V785">
        <v>29</v>
      </c>
      <c r="W785">
        <v>30</v>
      </c>
      <c r="X785">
        <v>30</v>
      </c>
      <c r="Y785">
        <v>30</v>
      </c>
      <c r="Z785">
        <v>30</v>
      </c>
      <c r="AA785">
        <v>31</v>
      </c>
      <c r="AB785">
        <v>31</v>
      </c>
      <c r="AC785">
        <v>31</v>
      </c>
      <c r="AD785">
        <v>31</v>
      </c>
      <c r="AE785">
        <v>32</v>
      </c>
      <c r="AF785">
        <v>32</v>
      </c>
      <c r="AG785">
        <v>32</v>
      </c>
      <c r="AH785">
        <v>32</v>
      </c>
      <c r="AI785">
        <v>32</v>
      </c>
      <c r="AJ785">
        <v>33</v>
      </c>
      <c r="AK785">
        <v>33</v>
      </c>
      <c r="AL785">
        <v>33</v>
      </c>
      <c r="AM785">
        <v>33</v>
      </c>
      <c r="AN785">
        <v>33</v>
      </c>
      <c r="AO785">
        <v>32</v>
      </c>
      <c r="AP785">
        <v>32</v>
      </c>
      <c r="AQ785">
        <v>32</v>
      </c>
    </row>
    <row r="786" spans="1:43">
      <c r="A786" t="s">
        <v>585</v>
      </c>
      <c r="B786" t="s">
        <v>586</v>
      </c>
      <c r="C786" t="s">
        <v>577</v>
      </c>
      <c r="D786" t="s">
        <v>578</v>
      </c>
      <c r="E786" t="s">
        <v>353</v>
      </c>
      <c r="F786" t="s">
        <v>354</v>
      </c>
      <c r="G786" t="s">
        <v>80</v>
      </c>
      <c r="H786" t="s">
        <v>81</v>
      </c>
      <c r="I786" s="2">
        <v>1</v>
      </c>
      <c r="J786" s="2">
        <v>0</v>
      </c>
      <c r="K786" s="2">
        <v>0</v>
      </c>
      <c r="L786" t="s">
        <v>120</v>
      </c>
      <c r="M786" t="s">
        <v>83</v>
      </c>
      <c r="N786" t="s">
        <v>84</v>
      </c>
      <c r="O786" t="s">
        <v>85</v>
      </c>
      <c r="P786" t="s">
        <v>86</v>
      </c>
      <c r="Q786">
        <v>16</v>
      </c>
      <c r="R786">
        <v>16</v>
      </c>
      <c r="S786">
        <v>17</v>
      </c>
      <c r="T786">
        <v>17</v>
      </c>
      <c r="U786">
        <v>17</v>
      </c>
      <c r="V786">
        <v>17</v>
      </c>
      <c r="W786">
        <v>17</v>
      </c>
      <c r="X786">
        <v>18</v>
      </c>
      <c r="Y786">
        <v>18</v>
      </c>
      <c r="Z786">
        <v>18</v>
      </c>
      <c r="AA786">
        <v>18</v>
      </c>
      <c r="AB786">
        <v>18</v>
      </c>
      <c r="AC786">
        <v>18</v>
      </c>
      <c r="AD786">
        <v>18</v>
      </c>
      <c r="AE786">
        <v>19</v>
      </c>
      <c r="AF786">
        <v>19</v>
      </c>
      <c r="AG786">
        <v>19</v>
      </c>
      <c r="AH786">
        <v>19</v>
      </c>
      <c r="AI786">
        <v>19</v>
      </c>
      <c r="AJ786">
        <v>19</v>
      </c>
      <c r="AK786">
        <v>19</v>
      </c>
      <c r="AL786">
        <v>19</v>
      </c>
      <c r="AM786">
        <v>19</v>
      </c>
      <c r="AN786">
        <v>19</v>
      </c>
      <c r="AO786">
        <v>19</v>
      </c>
      <c r="AP786">
        <v>19</v>
      </c>
      <c r="AQ786">
        <v>19</v>
      </c>
    </row>
    <row r="787" spans="1:43">
      <c r="A787" t="s">
        <v>585</v>
      </c>
      <c r="B787" t="s">
        <v>586</v>
      </c>
      <c r="C787" t="s">
        <v>577</v>
      </c>
      <c r="D787" t="s">
        <v>578</v>
      </c>
      <c r="E787" t="s">
        <v>353</v>
      </c>
      <c r="F787" t="s">
        <v>354</v>
      </c>
      <c r="G787" t="s">
        <v>80</v>
      </c>
      <c r="H787" t="s">
        <v>81</v>
      </c>
      <c r="I787" s="2">
        <v>1</v>
      </c>
      <c r="J787" s="2">
        <v>0</v>
      </c>
      <c r="K787" s="2">
        <v>0</v>
      </c>
      <c r="L787" t="s">
        <v>120</v>
      </c>
      <c r="M787" t="s">
        <v>87</v>
      </c>
      <c r="N787" t="s">
        <v>88</v>
      </c>
      <c r="O787" t="s">
        <v>85</v>
      </c>
      <c r="P787" t="s">
        <v>86</v>
      </c>
      <c r="Q787">
        <v>16</v>
      </c>
      <c r="R787">
        <v>16</v>
      </c>
      <c r="S787">
        <v>16</v>
      </c>
      <c r="T787">
        <v>16</v>
      </c>
      <c r="U787">
        <v>16</v>
      </c>
      <c r="V787">
        <v>16</v>
      </c>
      <c r="W787">
        <v>16</v>
      </c>
      <c r="X787">
        <v>16</v>
      </c>
      <c r="Y787">
        <v>16</v>
      </c>
      <c r="Z787">
        <v>16</v>
      </c>
      <c r="AA787">
        <v>16</v>
      </c>
      <c r="AB787">
        <v>16</v>
      </c>
      <c r="AC787">
        <v>16</v>
      </c>
      <c r="AD787">
        <v>17</v>
      </c>
      <c r="AE787">
        <v>17</v>
      </c>
      <c r="AF787">
        <v>17</v>
      </c>
      <c r="AG787">
        <v>17</v>
      </c>
      <c r="AH787">
        <v>17</v>
      </c>
      <c r="AI787">
        <v>17</v>
      </c>
      <c r="AJ787">
        <v>17</v>
      </c>
      <c r="AK787">
        <v>17</v>
      </c>
      <c r="AL787">
        <v>17</v>
      </c>
      <c r="AM787">
        <v>17</v>
      </c>
      <c r="AN787">
        <v>17</v>
      </c>
      <c r="AO787">
        <v>17</v>
      </c>
      <c r="AP787">
        <v>17</v>
      </c>
      <c r="AQ787">
        <v>17</v>
      </c>
    </row>
    <row r="788" spans="1:43">
      <c r="A788" t="s">
        <v>585</v>
      </c>
      <c r="B788" t="s">
        <v>586</v>
      </c>
      <c r="C788" t="s">
        <v>577</v>
      </c>
      <c r="D788" t="s">
        <v>578</v>
      </c>
      <c r="E788" t="s">
        <v>353</v>
      </c>
      <c r="F788" t="s">
        <v>354</v>
      </c>
      <c r="G788" t="s">
        <v>80</v>
      </c>
      <c r="H788" t="s">
        <v>81</v>
      </c>
      <c r="I788" s="2">
        <v>1</v>
      </c>
      <c r="J788" s="2">
        <v>0</v>
      </c>
      <c r="K788" s="2">
        <v>0</v>
      </c>
      <c r="L788" t="s">
        <v>120</v>
      </c>
      <c r="M788" t="s">
        <v>89</v>
      </c>
      <c r="N788" t="s">
        <v>90</v>
      </c>
      <c r="O788" t="s">
        <v>85</v>
      </c>
      <c r="P788" t="s">
        <v>86</v>
      </c>
      <c r="Q788">
        <v>16</v>
      </c>
      <c r="R788">
        <v>17</v>
      </c>
      <c r="S788">
        <v>17</v>
      </c>
      <c r="T788">
        <v>17</v>
      </c>
      <c r="U788">
        <v>18</v>
      </c>
      <c r="V788">
        <v>18</v>
      </c>
      <c r="W788">
        <v>18</v>
      </c>
      <c r="X788">
        <v>18</v>
      </c>
      <c r="Y788">
        <v>19</v>
      </c>
      <c r="Z788">
        <v>19</v>
      </c>
      <c r="AA788">
        <v>19</v>
      </c>
      <c r="AB788">
        <v>19</v>
      </c>
      <c r="AC788">
        <v>20</v>
      </c>
      <c r="AD788">
        <v>20</v>
      </c>
      <c r="AE788">
        <v>20</v>
      </c>
      <c r="AF788">
        <v>20</v>
      </c>
      <c r="AG788">
        <v>20</v>
      </c>
      <c r="AH788">
        <v>20</v>
      </c>
      <c r="AI788">
        <v>20</v>
      </c>
      <c r="AJ788">
        <v>20</v>
      </c>
      <c r="AK788">
        <v>20</v>
      </c>
      <c r="AL788">
        <v>20</v>
      </c>
      <c r="AM788">
        <v>20</v>
      </c>
      <c r="AN788">
        <v>19</v>
      </c>
      <c r="AO788">
        <v>19</v>
      </c>
      <c r="AP788">
        <v>19</v>
      </c>
      <c r="AQ788">
        <v>19</v>
      </c>
    </row>
    <row r="789" spans="1:43">
      <c r="A789" t="s">
        <v>585</v>
      </c>
      <c r="B789" t="s">
        <v>586</v>
      </c>
      <c r="C789" t="s">
        <v>577</v>
      </c>
      <c r="D789" t="s">
        <v>578</v>
      </c>
      <c r="E789" t="s">
        <v>353</v>
      </c>
      <c r="F789" t="s">
        <v>354</v>
      </c>
      <c r="G789" t="s">
        <v>80</v>
      </c>
      <c r="H789" t="s">
        <v>81</v>
      </c>
      <c r="I789" s="2">
        <v>1</v>
      </c>
      <c r="J789" s="2">
        <v>0</v>
      </c>
      <c r="K789" s="2">
        <v>0</v>
      </c>
      <c r="L789" t="s">
        <v>120</v>
      </c>
      <c r="M789" t="s">
        <v>83</v>
      </c>
      <c r="N789" t="s">
        <v>91</v>
      </c>
      <c r="O789" t="s">
        <v>85</v>
      </c>
      <c r="P789" t="s">
        <v>86</v>
      </c>
      <c r="Q789">
        <v>16</v>
      </c>
      <c r="R789">
        <v>16</v>
      </c>
      <c r="S789">
        <v>17</v>
      </c>
      <c r="T789">
        <v>17</v>
      </c>
      <c r="U789">
        <v>17</v>
      </c>
      <c r="V789">
        <v>17</v>
      </c>
      <c r="W789">
        <v>17</v>
      </c>
      <c r="X789">
        <v>18</v>
      </c>
      <c r="Y789">
        <v>18</v>
      </c>
      <c r="Z789">
        <v>18</v>
      </c>
      <c r="AA789">
        <v>18</v>
      </c>
      <c r="AB789">
        <v>18</v>
      </c>
      <c r="AC789">
        <v>18</v>
      </c>
      <c r="AD789">
        <v>18</v>
      </c>
      <c r="AE789">
        <v>19</v>
      </c>
      <c r="AF789">
        <v>19</v>
      </c>
      <c r="AG789">
        <v>19</v>
      </c>
      <c r="AH789">
        <v>19</v>
      </c>
      <c r="AI789">
        <v>19</v>
      </c>
      <c r="AJ789">
        <v>19</v>
      </c>
      <c r="AK789">
        <v>19</v>
      </c>
      <c r="AL789">
        <v>19</v>
      </c>
      <c r="AM789">
        <v>19</v>
      </c>
      <c r="AN789">
        <v>19</v>
      </c>
      <c r="AO789">
        <v>19</v>
      </c>
      <c r="AP789">
        <v>19</v>
      </c>
      <c r="AQ789">
        <v>19</v>
      </c>
    </row>
    <row r="790" spans="1:43">
      <c r="A790" t="s">
        <v>587</v>
      </c>
      <c r="B790" t="s">
        <v>588</v>
      </c>
      <c r="C790" t="s">
        <v>519</v>
      </c>
      <c r="D790" t="s">
        <v>520</v>
      </c>
      <c r="E790" t="s">
        <v>353</v>
      </c>
      <c r="F790" t="s">
        <v>354</v>
      </c>
      <c r="G790" t="s">
        <v>80</v>
      </c>
      <c r="H790" t="s">
        <v>81</v>
      </c>
      <c r="I790" s="2">
        <v>1</v>
      </c>
      <c r="J790" s="2">
        <v>0</v>
      </c>
      <c r="K790" s="2">
        <v>0</v>
      </c>
      <c r="L790" t="s">
        <v>120</v>
      </c>
      <c r="M790" t="s">
        <v>83</v>
      </c>
      <c r="N790" t="s">
        <v>84</v>
      </c>
      <c r="O790" t="s">
        <v>85</v>
      </c>
      <c r="P790" t="s">
        <v>86</v>
      </c>
      <c r="Q790">
        <v>12</v>
      </c>
      <c r="R790">
        <v>12</v>
      </c>
      <c r="S790">
        <v>12</v>
      </c>
      <c r="T790">
        <v>12</v>
      </c>
      <c r="U790">
        <v>12</v>
      </c>
      <c r="V790">
        <v>12</v>
      </c>
      <c r="W790">
        <v>13</v>
      </c>
      <c r="X790">
        <v>13</v>
      </c>
      <c r="Y790">
        <v>13</v>
      </c>
      <c r="Z790">
        <v>13</v>
      </c>
      <c r="AA790">
        <v>13</v>
      </c>
      <c r="AB790">
        <v>13</v>
      </c>
      <c r="AC790">
        <v>13</v>
      </c>
      <c r="AD790">
        <v>13</v>
      </c>
      <c r="AE790">
        <v>13</v>
      </c>
      <c r="AF790">
        <v>13</v>
      </c>
      <c r="AG790">
        <v>14</v>
      </c>
      <c r="AH790">
        <v>14</v>
      </c>
      <c r="AI790">
        <v>14</v>
      </c>
      <c r="AJ790">
        <v>14</v>
      </c>
      <c r="AK790">
        <v>14</v>
      </c>
      <c r="AL790">
        <v>14</v>
      </c>
      <c r="AM790">
        <v>14</v>
      </c>
      <c r="AN790">
        <v>14</v>
      </c>
      <c r="AO790">
        <v>14</v>
      </c>
      <c r="AP790">
        <v>14</v>
      </c>
      <c r="AQ790">
        <v>14</v>
      </c>
    </row>
    <row r="791" spans="1:43">
      <c r="A791" t="s">
        <v>587</v>
      </c>
      <c r="B791" t="s">
        <v>588</v>
      </c>
      <c r="C791" t="s">
        <v>519</v>
      </c>
      <c r="D791" t="s">
        <v>520</v>
      </c>
      <c r="E791" t="s">
        <v>353</v>
      </c>
      <c r="F791" t="s">
        <v>354</v>
      </c>
      <c r="G791" t="s">
        <v>80</v>
      </c>
      <c r="H791" t="s">
        <v>81</v>
      </c>
      <c r="I791" s="2">
        <v>1</v>
      </c>
      <c r="J791" s="2">
        <v>0</v>
      </c>
      <c r="K791" s="2">
        <v>0</v>
      </c>
      <c r="L791" t="s">
        <v>120</v>
      </c>
      <c r="M791" t="s">
        <v>87</v>
      </c>
      <c r="N791" t="s">
        <v>88</v>
      </c>
      <c r="O791" t="s">
        <v>85</v>
      </c>
      <c r="P791" t="s">
        <v>86</v>
      </c>
      <c r="Q791">
        <v>12</v>
      </c>
      <c r="R791">
        <v>12</v>
      </c>
      <c r="S791">
        <v>12</v>
      </c>
      <c r="T791">
        <v>12</v>
      </c>
      <c r="U791">
        <v>12</v>
      </c>
      <c r="V791">
        <v>12</v>
      </c>
      <c r="W791">
        <v>12</v>
      </c>
      <c r="X791">
        <v>12</v>
      </c>
      <c r="Y791">
        <v>12</v>
      </c>
      <c r="Z791">
        <v>12</v>
      </c>
      <c r="AA791">
        <v>12</v>
      </c>
      <c r="AB791">
        <v>12</v>
      </c>
      <c r="AC791">
        <v>12</v>
      </c>
      <c r="AD791">
        <v>12</v>
      </c>
      <c r="AE791">
        <v>12</v>
      </c>
      <c r="AF791">
        <v>12</v>
      </c>
      <c r="AG791">
        <v>12</v>
      </c>
      <c r="AH791">
        <v>12</v>
      </c>
      <c r="AI791">
        <v>12</v>
      </c>
      <c r="AJ791">
        <v>12</v>
      </c>
      <c r="AK791">
        <v>12</v>
      </c>
      <c r="AL791">
        <v>12</v>
      </c>
      <c r="AM791">
        <v>12</v>
      </c>
      <c r="AN791">
        <v>12</v>
      </c>
      <c r="AO791">
        <v>12</v>
      </c>
      <c r="AP791">
        <v>12</v>
      </c>
      <c r="AQ791">
        <v>12</v>
      </c>
    </row>
    <row r="792" spans="1:43">
      <c r="A792" t="s">
        <v>587</v>
      </c>
      <c r="B792" t="s">
        <v>588</v>
      </c>
      <c r="C792" t="s">
        <v>519</v>
      </c>
      <c r="D792" t="s">
        <v>520</v>
      </c>
      <c r="E792" t="s">
        <v>353</v>
      </c>
      <c r="F792" t="s">
        <v>354</v>
      </c>
      <c r="G792" t="s">
        <v>80</v>
      </c>
      <c r="H792" t="s">
        <v>81</v>
      </c>
      <c r="I792" s="2">
        <v>1</v>
      </c>
      <c r="J792" s="2">
        <v>0</v>
      </c>
      <c r="K792" s="2">
        <v>0</v>
      </c>
      <c r="L792" t="s">
        <v>120</v>
      </c>
      <c r="M792" t="s">
        <v>89</v>
      </c>
      <c r="N792" t="s">
        <v>90</v>
      </c>
      <c r="O792" t="s">
        <v>85</v>
      </c>
      <c r="P792" t="s">
        <v>86</v>
      </c>
      <c r="Q792">
        <v>12</v>
      </c>
      <c r="R792">
        <v>12</v>
      </c>
      <c r="S792">
        <v>12</v>
      </c>
      <c r="T792">
        <v>13</v>
      </c>
      <c r="U792">
        <v>13</v>
      </c>
      <c r="V792">
        <v>13</v>
      </c>
      <c r="W792">
        <v>13</v>
      </c>
      <c r="X792">
        <v>13</v>
      </c>
      <c r="Y792">
        <v>13</v>
      </c>
      <c r="Z792">
        <v>14</v>
      </c>
      <c r="AA792">
        <v>14</v>
      </c>
      <c r="AB792">
        <v>14</v>
      </c>
      <c r="AC792">
        <v>14</v>
      </c>
      <c r="AD792">
        <v>14</v>
      </c>
      <c r="AE792">
        <v>14</v>
      </c>
      <c r="AF792">
        <v>14</v>
      </c>
      <c r="AG792">
        <v>14</v>
      </c>
      <c r="AH792">
        <v>14</v>
      </c>
      <c r="AI792">
        <v>14</v>
      </c>
      <c r="AJ792">
        <v>14</v>
      </c>
      <c r="AK792">
        <v>14</v>
      </c>
      <c r="AL792">
        <v>14</v>
      </c>
      <c r="AM792">
        <v>14</v>
      </c>
      <c r="AN792">
        <v>14</v>
      </c>
      <c r="AO792">
        <v>14</v>
      </c>
      <c r="AP792">
        <v>14</v>
      </c>
      <c r="AQ792">
        <v>14</v>
      </c>
    </row>
    <row r="793" spans="1:43">
      <c r="A793" t="s">
        <v>587</v>
      </c>
      <c r="B793" t="s">
        <v>588</v>
      </c>
      <c r="C793" t="s">
        <v>519</v>
      </c>
      <c r="D793" t="s">
        <v>520</v>
      </c>
      <c r="E793" t="s">
        <v>353</v>
      </c>
      <c r="F793" t="s">
        <v>354</v>
      </c>
      <c r="G793" t="s">
        <v>80</v>
      </c>
      <c r="H793" t="s">
        <v>81</v>
      </c>
      <c r="I793" s="2">
        <v>1</v>
      </c>
      <c r="J793" s="2">
        <v>0</v>
      </c>
      <c r="K793" s="2">
        <v>0</v>
      </c>
      <c r="L793" t="s">
        <v>120</v>
      </c>
      <c r="M793" t="s">
        <v>83</v>
      </c>
      <c r="N793" t="s">
        <v>91</v>
      </c>
      <c r="O793" t="s">
        <v>85</v>
      </c>
      <c r="P793" t="s">
        <v>86</v>
      </c>
      <c r="Q793">
        <v>12</v>
      </c>
      <c r="R793">
        <v>12</v>
      </c>
      <c r="S793">
        <v>12</v>
      </c>
      <c r="T793">
        <v>12</v>
      </c>
      <c r="U793">
        <v>12</v>
      </c>
      <c r="V793">
        <v>12</v>
      </c>
      <c r="W793">
        <v>13</v>
      </c>
      <c r="X793">
        <v>13</v>
      </c>
      <c r="Y793">
        <v>13</v>
      </c>
      <c r="Z793">
        <v>13</v>
      </c>
      <c r="AA793">
        <v>13</v>
      </c>
      <c r="AB793">
        <v>13</v>
      </c>
      <c r="AC793">
        <v>13</v>
      </c>
      <c r="AD793">
        <v>13</v>
      </c>
      <c r="AE793">
        <v>13</v>
      </c>
      <c r="AF793">
        <v>13</v>
      </c>
      <c r="AG793">
        <v>14</v>
      </c>
      <c r="AH793">
        <v>14</v>
      </c>
      <c r="AI793">
        <v>14</v>
      </c>
      <c r="AJ793">
        <v>14</v>
      </c>
      <c r="AK793">
        <v>14</v>
      </c>
      <c r="AL793">
        <v>14</v>
      </c>
      <c r="AM793">
        <v>14</v>
      </c>
      <c r="AN793">
        <v>14</v>
      </c>
      <c r="AO793">
        <v>14</v>
      </c>
      <c r="AP793">
        <v>14</v>
      </c>
      <c r="AQ793">
        <v>14</v>
      </c>
    </row>
    <row r="794" spans="1:43">
      <c r="A794" t="s">
        <v>589</v>
      </c>
      <c r="B794" t="s">
        <v>590</v>
      </c>
      <c r="C794" t="s">
        <v>577</v>
      </c>
      <c r="D794" t="s">
        <v>578</v>
      </c>
      <c r="E794" t="s">
        <v>353</v>
      </c>
      <c r="F794" t="s">
        <v>354</v>
      </c>
      <c r="G794" t="s">
        <v>80</v>
      </c>
      <c r="H794" t="s">
        <v>81</v>
      </c>
      <c r="I794" s="2">
        <v>1</v>
      </c>
      <c r="J794" s="2">
        <v>0</v>
      </c>
      <c r="K794" s="2">
        <v>0</v>
      </c>
      <c r="L794" t="s">
        <v>120</v>
      </c>
      <c r="M794" t="s">
        <v>83</v>
      </c>
      <c r="N794" t="s">
        <v>84</v>
      </c>
      <c r="O794" t="s">
        <v>85</v>
      </c>
      <c r="P794" t="s">
        <v>86</v>
      </c>
      <c r="Q794">
        <v>55</v>
      </c>
      <c r="R794">
        <v>56</v>
      </c>
      <c r="S794">
        <v>57</v>
      </c>
      <c r="T794">
        <v>57</v>
      </c>
      <c r="U794">
        <v>58</v>
      </c>
      <c r="V794">
        <v>58</v>
      </c>
      <c r="W794">
        <v>59</v>
      </c>
      <c r="X794">
        <v>60</v>
      </c>
      <c r="Y794">
        <v>60</v>
      </c>
      <c r="Z794">
        <v>61</v>
      </c>
      <c r="AA794">
        <v>61</v>
      </c>
      <c r="AB794">
        <v>62</v>
      </c>
      <c r="AC794">
        <v>62</v>
      </c>
      <c r="AD794">
        <v>63</v>
      </c>
      <c r="AE794">
        <v>63</v>
      </c>
      <c r="AF794">
        <v>64</v>
      </c>
      <c r="AG794">
        <v>64</v>
      </c>
      <c r="AH794">
        <v>65</v>
      </c>
      <c r="AI794">
        <v>65</v>
      </c>
      <c r="AJ794">
        <v>66</v>
      </c>
      <c r="AK794">
        <v>66</v>
      </c>
      <c r="AL794">
        <v>66</v>
      </c>
      <c r="AM794">
        <v>66</v>
      </c>
      <c r="AN794">
        <v>66</v>
      </c>
      <c r="AO794">
        <v>66</v>
      </c>
      <c r="AP794">
        <v>66</v>
      </c>
      <c r="AQ794">
        <v>66</v>
      </c>
    </row>
    <row r="795" spans="1:43">
      <c r="A795" t="s">
        <v>589</v>
      </c>
      <c r="B795" t="s">
        <v>590</v>
      </c>
      <c r="C795" t="s">
        <v>577</v>
      </c>
      <c r="D795" t="s">
        <v>578</v>
      </c>
      <c r="E795" t="s">
        <v>353</v>
      </c>
      <c r="F795" t="s">
        <v>354</v>
      </c>
      <c r="G795" t="s">
        <v>80</v>
      </c>
      <c r="H795" t="s">
        <v>81</v>
      </c>
      <c r="I795" s="2">
        <v>1</v>
      </c>
      <c r="J795" s="2">
        <v>0</v>
      </c>
      <c r="K795" s="2">
        <v>0</v>
      </c>
      <c r="L795" t="s">
        <v>120</v>
      </c>
      <c r="M795" t="s">
        <v>87</v>
      </c>
      <c r="N795" t="s">
        <v>88</v>
      </c>
      <c r="O795" t="s">
        <v>85</v>
      </c>
      <c r="P795" t="s">
        <v>86</v>
      </c>
      <c r="Q795">
        <v>55</v>
      </c>
      <c r="R795">
        <v>55</v>
      </c>
      <c r="S795">
        <v>55</v>
      </c>
      <c r="T795">
        <v>55</v>
      </c>
      <c r="U795">
        <v>55</v>
      </c>
      <c r="V795">
        <v>55</v>
      </c>
      <c r="W795">
        <v>56</v>
      </c>
      <c r="X795">
        <v>56</v>
      </c>
      <c r="Y795">
        <v>56</v>
      </c>
      <c r="Z795">
        <v>56</v>
      </c>
      <c r="AA795">
        <v>56</v>
      </c>
      <c r="AB795">
        <v>56</v>
      </c>
      <c r="AC795">
        <v>56</v>
      </c>
      <c r="AD795">
        <v>56</v>
      </c>
      <c r="AE795">
        <v>56</v>
      </c>
      <c r="AF795">
        <v>56</v>
      </c>
      <c r="AG795">
        <v>56</v>
      </c>
      <c r="AH795">
        <v>56</v>
      </c>
      <c r="AI795">
        <v>57</v>
      </c>
      <c r="AJ795">
        <v>57</v>
      </c>
      <c r="AK795">
        <v>57</v>
      </c>
      <c r="AL795">
        <v>57</v>
      </c>
      <c r="AM795">
        <v>57</v>
      </c>
      <c r="AN795">
        <v>57</v>
      </c>
      <c r="AO795">
        <v>57</v>
      </c>
      <c r="AP795">
        <v>57</v>
      </c>
      <c r="AQ795">
        <v>57</v>
      </c>
    </row>
    <row r="796" spans="1:43">
      <c r="A796" t="s">
        <v>589</v>
      </c>
      <c r="B796" t="s">
        <v>590</v>
      </c>
      <c r="C796" t="s">
        <v>577</v>
      </c>
      <c r="D796" t="s">
        <v>578</v>
      </c>
      <c r="E796" t="s">
        <v>353</v>
      </c>
      <c r="F796" t="s">
        <v>354</v>
      </c>
      <c r="G796" t="s">
        <v>80</v>
      </c>
      <c r="H796" t="s">
        <v>81</v>
      </c>
      <c r="I796" s="2">
        <v>1</v>
      </c>
      <c r="J796" s="2">
        <v>0</v>
      </c>
      <c r="K796" s="2">
        <v>0</v>
      </c>
      <c r="L796" t="s">
        <v>120</v>
      </c>
      <c r="M796" t="s">
        <v>89</v>
      </c>
      <c r="N796" t="s">
        <v>90</v>
      </c>
      <c r="O796" t="s">
        <v>85</v>
      </c>
      <c r="P796" t="s">
        <v>86</v>
      </c>
      <c r="Q796">
        <v>55</v>
      </c>
      <c r="R796">
        <v>56</v>
      </c>
      <c r="S796">
        <v>57</v>
      </c>
      <c r="T796">
        <v>58</v>
      </c>
      <c r="U796">
        <v>59</v>
      </c>
      <c r="V796">
        <v>60</v>
      </c>
      <c r="W796">
        <v>61</v>
      </c>
      <c r="X796">
        <v>62</v>
      </c>
      <c r="Y796">
        <v>63</v>
      </c>
      <c r="Z796">
        <v>63</v>
      </c>
      <c r="AA796">
        <v>64</v>
      </c>
      <c r="AB796">
        <v>65</v>
      </c>
      <c r="AC796">
        <v>66</v>
      </c>
      <c r="AD796">
        <v>66</v>
      </c>
      <c r="AE796">
        <v>67</v>
      </c>
      <c r="AF796">
        <v>67</v>
      </c>
      <c r="AG796">
        <v>67</v>
      </c>
      <c r="AH796">
        <v>66</v>
      </c>
      <c r="AI796">
        <v>66</v>
      </c>
      <c r="AJ796">
        <v>66</v>
      </c>
      <c r="AK796">
        <v>66</v>
      </c>
      <c r="AL796">
        <v>66</v>
      </c>
      <c r="AM796">
        <v>66</v>
      </c>
      <c r="AN796">
        <v>66</v>
      </c>
      <c r="AO796">
        <v>65</v>
      </c>
      <c r="AP796">
        <v>65</v>
      </c>
      <c r="AQ796">
        <v>65</v>
      </c>
    </row>
    <row r="797" spans="1:43">
      <c r="A797" t="s">
        <v>589</v>
      </c>
      <c r="B797" t="s">
        <v>590</v>
      </c>
      <c r="C797" t="s">
        <v>577</v>
      </c>
      <c r="D797" t="s">
        <v>578</v>
      </c>
      <c r="E797" t="s">
        <v>353</v>
      </c>
      <c r="F797" t="s">
        <v>354</v>
      </c>
      <c r="G797" t="s">
        <v>80</v>
      </c>
      <c r="H797" t="s">
        <v>81</v>
      </c>
      <c r="I797" s="2">
        <v>1</v>
      </c>
      <c r="J797" s="2">
        <v>0</v>
      </c>
      <c r="K797" s="2">
        <v>0</v>
      </c>
      <c r="L797" t="s">
        <v>120</v>
      </c>
      <c r="M797" t="s">
        <v>83</v>
      </c>
      <c r="N797" t="s">
        <v>91</v>
      </c>
      <c r="O797" t="s">
        <v>85</v>
      </c>
      <c r="P797" t="s">
        <v>86</v>
      </c>
      <c r="Q797">
        <v>55</v>
      </c>
      <c r="R797">
        <v>56</v>
      </c>
      <c r="S797">
        <v>57</v>
      </c>
      <c r="T797">
        <v>57</v>
      </c>
      <c r="U797">
        <v>58</v>
      </c>
      <c r="V797">
        <v>58</v>
      </c>
      <c r="W797">
        <v>59</v>
      </c>
      <c r="X797">
        <v>60</v>
      </c>
      <c r="Y797">
        <v>60</v>
      </c>
      <c r="Z797">
        <v>61</v>
      </c>
      <c r="AA797">
        <v>61</v>
      </c>
      <c r="AB797">
        <v>62</v>
      </c>
      <c r="AC797">
        <v>62</v>
      </c>
      <c r="AD797">
        <v>63</v>
      </c>
      <c r="AE797">
        <v>63</v>
      </c>
      <c r="AF797">
        <v>64</v>
      </c>
      <c r="AG797">
        <v>64</v>
      </c>
      <c r="AH797">
        <v>65</v>
      </c>
      <c r="AI797">
        <v>65</v>
      </c>
      <c r="AJ797">
        <v>66</v>
      </c>
      <c r="AK797">
        <v>66</v>
      </c>
      <c r="AL797">
        <v>66</v>
      </c>
      <c r="AM797">
        <v>66</v>
      </c>
      <c r="AN797">
        <v>66</v>
      </c>
      <c r="AO797">
        <v>66</v>
      </c>
      <c r="AP797">
        <v>66</v>
      </c>
      <c r="AQ797">
        <v>66</v>
      </c>
    </row>
    <row r="798" spans="1:43">
      <c r="A798" t="s">
        <v>591</v>
      </c>
      <c r="B798" t="s">
        <v>592</v>
      </c>
      <c r="C798" t="s">
        <v>577</v>
      </c>
      <c r="D798" t="s">
        <v>578</v>
      </c>
      <c r="E798" t="s">
        <v>353</v>
      </c>
      <c r="F798" t="s">
        <v>354</v>
      </c>
      <c r="G798" t="s">
        <v>80</v>
      </c>
      <c r="H798" t="s">
        <v>81</v>
      </c>
      <c r="I798" s="2">
        <v>1</v>
      </c>
      <c r="J798" s="2">
        <v>0</v>
      </c>
      <c r="K798" s="2">
        <v>0</v>
      </c>
      <c r="L798" t="s">
        <v>120</v>
      </c>
      <c r="M798" t="s">
        <v>83</v>
      </c>
      <c r="N798" t="s">
        <v>84</v>
      </c>
      <c r="O798" t="s">
        <v>85</v>
      </c>
      <c r="P798" t="s">
        <v>86</v>
      </c>
      <c r="Q798">
        <v>26</v>
      </c>
      <c r="R798">
        <v>27</v>
      </c>
      <c r="S798">
        <v>27</v>
      </c>
      <c r="T798">
        <v>27</v>
      </c>
      <c r="U798">
        <v>28</v>
      </c>
      <c r="V798">
        <v>28</v>
      </c>
      <c r="W798">
        <v>28</v>
      </c>
      <c r="X798">
        <v>28</v>
      </c>
      <c r="Y798">
        <v>29</v>
      </c>
      <c r="Z798">
        <v>29</v>
      </c>
      <c r="AA798">
        <v>29</v>
      </c>
      <c r="AB798">
        <v>29</v>
      </c>
      <c r="AC798">
        <v>30</v>
      </c>
      <c r="AD798">
        <v>30</v>
      </c>
      <c r="AE798">
        <v>30</v>
      </c>
      <c r="AF798">
        <v>30</v>
      </c>
      <c r="AG798">
        <v>31</v>
      </c>
      <c r="AH798">
        <v>31</v>
      </c>
      <c r="AI798">
        <v>31</v>
      </c>
      <c r="AJ798">
        <v>31</v>
      </c>
      <c r="AK798">
        <v>31</v>
      </c>
      <c r="AL798">
        <v>31</v>
      </c>
      <c r="AM798">
        <v>31</v>
      </c>
      <c r="AN798">
        <v>31</v>
      </c>
      <c r="AO798">
        <v>31</v>
      </c>
      <c r="AP798">
        <v>31</v>
      </c>
      <c r="AQ798">
        <v>31</v>
      </c>
    </row>
    <row r="799" spans="1:43">
      <c r="A799" t="s">
        <v>591</v>
      </c>
      <c r="B799" t="s">
        <v>592</v>
      </c>
      <c r="C799" t="s">
        <v>577</v>
      </c>
      <c r="D799" t="s">
        <v>578</v>
      </c>
      <c r="E799" t="s">
        <v>353</v>
      </c>
      <c r="F799" t="s">
        <v>354</v>
      </c>
      <c r="G799" t="s">
        <v>80</v>
      </c>
      <c r="H799" t="s">
        <v>81</v>
      </c>
      <c r="I799" s="2">
        <v>1</v>
      </c>
      <c r="J799" s="2">
        <v>0</v>
      </c>
      <c r="K799" s="2">
        <v>0</v>
      </c>
      <c r="L799" t="s">
        <v>120</v>
      </c>
      <c r="M799" t="s">
        <v>87</v>
      </c>
      <c r="N799" t="s">
        <v>88</v>
      </c>
      <c r="O799" t="s">
        <v>85</v>
      </c>
      <c r="P799" t="s">
        <v>86</v>
      </c>
      <c r="Q799">
        <v>26</v>
      </c>
      <c r="R799">
        <v>26</v>
      </c>
      <c r="S799">
        <v>26</v>
      </c>
      <c r="T799">
        <v>26</v>
      </c>
      <c r="U799">
        <v>26</v>
      </c>
      <c r="V799">
        <v>26</v>
      </c>
      <c r="W799">
        <v>26</v>
      </c>
      <c r="X799">
        <v>27</v>
      </c>
      <c r="Y799">
        <v>27</v>
      </c>
      <c r="Z799">
        <v>27</v>
      </c>
      <c r="AA799">
        <v>27</v>
      </c>
      <c r="AB799">
        <v>27</v>
      </c>
      <c r="AC799">
        <v>27</v>
      </c>
      <c r="AD799">
        <v>27</v>
      </c>
      <c r="AE799">
        <v>27</v>
      </c>
      <c r="AF799">
        <v>27</v>
      </c>
      <c r="AG799">
        <v>27</v>
      </c>
      <c r="AH799">
        <v>27</v>
      </c>
      <c r="AI799">
        <v>27</v>
      </c>
      <c r="AJ799">
        <v>27</v>
      </c>
      <c r="AK799">
        <v>27</v>
      </c>
      <c r="AL799">
        <v>27</v>
      </c>
      <c r="AM799">
        <v>27</v>
      </c>
      <c r="AN799">
        <v>27</v>
      </c>
      <c r="AO799">
        <v>27</v>
      </c>
      <c r="AP799">
        <v>27</v>
      </c>
      <c r="AQ799">
        <v>27</v>
      </c>
    </row>
    <row r="800" spans="1:43">
      <c r="A800" t="s">
        <v>591</v>
      </c>
      <c r="B800" t="s">
        <v>592</v>
      </c>
      <c r="C800" t="s">
        <v>577</v>
      </c>
      <c r="D800" t="s">
        <v>578</v>
      </c>
      <c r="E800" t="s">
        <v>353</v>
      </c>
      <c r="F800" t="s">
        <v>354</v>
      </c>
      <c r="G800" t="s">
        <v>80</v>
      </c>
      <c r="H800" t="s">
        <v>81</v>
      </c>
      <c r="I800" s="2">
        <v>1</v>
      </c>
      <c r="J800" s="2">
        <v>0</v>
      </c>
      <c r="K800" s="2">
        <v>0</v>
      </c>
      <c r="L800" t="s">
        <v>120</v>
      </c>
      <c r="M800" t="s">
        <v>89</v>
      </c>
      <c r="N800" t="s">
        <v>90</v>
      </c>
      <c r="O800" t="s">
        <v>85</v>
      </c>
      <c r="P800" t="s">
        <v>86</v>
      </c>
      <c r="Q800">
        <v>26</v>
      </c>
      <c r="R800">
        <v>26</v>
      </c>
      <c r="S800">
        <v>27</v>
      </c>
      <c r="T800">
        <v>27</v>
      </c>
      <c r="U800">
        <v>28</v>
      </c>
      <c r="V800">
        <v>28</v>
      </c>
      <c r="W800">
        <v>29</v>
      </c>
      <c r="X800">
        <v>29</v>
      </c>
      <c r="Y800">
        <v>29</v>
      </c>
      <c r="Z800">
        <v>30</v>
      </c>
      <c r="AA800">
        <v>30</v>
      </c>
      <c r="AB800">
        <v>30</v>
      </c>
      <c r="AC800">
        <v>31</v>
      </c>
      <c r="AD800">
        <v>31</v>
      </c>
      <c r="AE800">
        <v>31</v>
      </c>
      <c r="AF800">
        <v>31</v>
      </c>
      <c r="AG800">
        <v>31</v>
      </c>
      <c r="AH800">
        <v>31</v>
      </c>
      <c r="AI800">
        <v>31</v>
      </c>
      <c r="AJ800">
        <v>31</v>
      </c>
      <c r="AK800">
        <v>31</v>
      </c>
      <c r="AL800">
        <v>31</v>
      </c>
      <c r="AM800">
        <v>31</v>
      </c>
      <c r="AN800">
        <v>30</v>
      </c>
      <c r="AO800">
        <v>30</v>
      </c>
      <c r="AP800">
        <v>30</v>
      </c>
      <c r="AQ800">
        <v>30</v>
      </c>
    </row>
    <row r="801" spans="1:43">
      <c r="A801" t="s">
        <v>591</v>
      </c>
      <c r="B801" t="s">
        <v>592</v>
      </c>
      <c r="C801" t="s">
        <v>577</v>
      </c>
      <c r="D801" t="s">
        <v>578</v>
      </c>
      <c r="E801" t="s">
        <v>353</v>
      </c>
      <c r="F801" t="s">
        <v>354</v>
      </c>
      <c r="G801" t="s">
        <v>80</v>
      </c>
      <c r="H801" t="s">
        <v>81</v>
      </c>
      <c r="I801" s="2">
        <v>1</v>
      </c>
      <c r="J801" s="2">
        <v>0</v>
      </c>
      <c r="K801" s="2">
        <v>0</v>
      </c>
      <c r="L801" t="s">
        <v>120</v>
      </c>
      <c r="M801" t="s">
        <v>83</v>
      </c>
      <c r="N801" t="s">
        <v>91</v>
      </c>
      <c r="O801" t="s">
        <v>85</v>
      </c>
      <c r="P801" t="s">
        <v>86</v>
      </c>
      <c r="Q801">
        <v>26</v>
      </c>
      <c r="R801">
        <v>27</v>
      </c>
      <c r="S801">
        <v>27</v>
      </c>
      <c r="T801">
        <v>27</v>
      </c>
      <c r="U801">
        <v>28</v>
      </c>
      <c r="V801">
        <v>28</v>
      </c>
      <c r="W801">
        <v>28</v>
      </c>
      <c r="X801">
        <v>28</v>
      </c>
      <c r="Y801">
        <v>29</v>
      </c>
      <c r="Z801">
        <v>29</v>
      </c>
      <c r="AA801">
        <v>29</v>
      </c>
      <c r="AB801">
        <v>29</v>
      </c>
      <c r="AC801">
        <v>30</v>
      </c>
      <c r="AD801">
        <v>30</v>
      </c>
      <c r="AE801">
        <v>30</v>
      </c>
      <c r="AF801">
        <v>30</v>
      </c>
      <c r="AG801">
        <v>31</v>
      </c>
      <c r="AH801">
        <v>31</v>
      </c>
      <c r="AI801">
        <v>31</v>
      </c>
      <c r="AJ801">
        <v>31</v>
      </c>
      <c r="AK801">
        <v>31</v>
      </c>
      <c r="AL801">
        <v>31</v>
      </c>
      <c r="AM801">
        <v>31</v>
      </c>
      <c r="AN801">
        <v>31</v>
      </c>
      <c r="AO801">
        <v>31</v>
      </c>
      <c r="AP801">
        <v>31</v>
      </c>
      <c r="AQ801">
        <v>31</v>
      </c>
    </row>
    <row r="802" spans="1:43">
      <c r="A802" t="s">
        <v>593</v>
      </c>
      <c r="B802" t="s">
        <v>594</v>
      </c>
      <c r="C802" t="s">
        <v>519</v>
      </c>
      <c r="D802" t="s">
        <v>520</v>
      </c>
      <c r="E802" t="s">
        <v>353</v>
      </c>
      <c r="F802" t="s">
        <v>354</v>
      </c>
      <c r="G802" t="s">
        <v>80</v>
      </c>
      <c r="H802" t="s">
        <v>81</v>
      </c>
      <c r="I802" s="2">
        <v>1</v>
      </c>
      <c r="J802" s="2">
        <v>0</v>
      </c>
      <c r="K802" s="2">
        <v>0</v>
      </c>
      <c r="L802" t="s">
        <v>120</v>
      </c>
      <c r="M802" t="s">
        <v>83</v>
      </c>
      <c r="N802" t="s">
        <v>84</v>
      </c>
      <c r="O802" t="s">
        <v>85</v>
      </c>
      <c r="P802" t="s">
        <v>86</v>
      </c>
      <c r="Q802">
        <v>14</v>
      </c>
      <c r="R802">
        <v>14</v>
      </c>
      <c r="S802">
        <v>15</v>
      </c>
      <c r="T802">
        <v>15</v>
      </c>
      <c r="U802">
        <v>15</v>
      </c>
      <c r="V802">
        <v>15</v>
      </c>
      <c r="W802">
        <v>15</v>
      </c>
      <c r="X802">
        <v>15</v>
      </c>
      <c r="Y802">
        <v>16</v>
      </c>
      <c r="Z802">
        <v>16</v>
      </c>
      <c r="AA802">
        <v>16</v>
      </c>
      <c r="AB802">
        <v>16</v>
      </c>
      <c r="AC802">
        <v>16</v>
      </c>
      <c r="AD802">
        <v>16</v>
      </c>
      <c r="AE802">
        <v>16</v>
      </c>
      <c r="AF802">
        <v>16</v>
      </c>
      <c r="AG802">
        <v>17</v>
      </c>
      <c r="AH802">
        <v>17</v>
      </c>
      <c r="AI802">
        <v>17</v>
      </c>
      <c r="AJ802">
        <v>17</v>
      </c>
      <c r="AK802">
        <v>17</v>
      </c>
      <c r="AL802">
        <v>17</v>
      </c>
      <c r="AM802">
        <v>17</v>
      </c>
      <c r="AN802">
        <v>17</v>
      </c>
      <c r="AO802">
        <v>17</v>
      </c>
      <c r="AP802">
        <v>17</v>
      </c>
      <c r="AQ802">
        <v>17</v>
      </c>
    </row>
    <row r="803" spans="1:43">
      <c r="A803" t="s">
        <v>593</v>
      </c>
      <c r="B803" t="s">
        <v>594</v>
      </c>
      <c r="C803" t="s">
        <v>519</v>
      </c>
      <c r="D803" t="s">
        <v>520</v>
      </c>
      <c r="E803" t="s">
        <v>353</v>
      </c>
      <c r="F803" t="s">
        <v>354</v>
      </c>
      <c r="G803" t="s">
        <v>80</v>
      </c>
      <c r="H803" t="s">
        <v>81</v>
      </c>
      <c r="I803" s="2">
        <v>1</v>
      </c>
      <c r="J803" s="2">
        <v>0</v>
      </c>
      <c r="K803" s="2">
        <v>0</v>
      </c>
      <c r="L803" t="s">
        <v>120</v>
      </c>
      <c r="M803" t="s">
        <v>87</v>
      </c>
      <c r="N803" t="s">
        <v>88</v>
      </c>
      <c r="O803" t="s">
        <v>85</v>
      </c>
      <c r="P803" t="s">
        <v>86</v>
      </c>
      <c r="Q803">
        <v>14</v>
      </c>
      <c r="R803">
        <v>14</v>
      </c>
      <c r="S803">
        <v>14</v>
      </c>
      <c r="T803">
        <v>14</v>
      </c>
      <c r="U803">
        <v>14</v>
      </c>
      <c r="V803">
        <v>14</v>
      </c>
      <c r="W803">
        <v>14</v>
      </c>
      <c r="X803">
        <v>14</v>
      </c>
      <c r="Y803">
        <v>14</v>
      </c>
      <c r="Z803">
        <v>14</v>
      </c>
      <c r="AA803">
        <v>14</v>
      </c>
      <c r="AB803">
        <v>14</v>
      </c>
      <c r="AC803">
        <v>14</v>
      </c>
      <c r="AD803">
        <v>14</v>
      </c>
      <c r="AE803">
        <v>15</v>
      </c>
      <c r="AF803">
        <v>15</v>
      </c>
      <c r="AG803">
        <v>15</v>
      </c>
      <c r="AH803">
        <v>15</v>
      </c>
      <c r="AI803">
        <v>15</v>
      </c>
      <c r="AJ803">
        <v>15</v>
      </c>
      <c r="AK803">
        <v>15</v>
      </c>
      <c r="AL803">
        <v>15</v>
      </c>
      <c r="AM803">
        <v>15</v>
      </c>
      <c r="AN803">
        <v>15</v>
      </c>
      <c r="AO803">
        <v>15</v>
      </c>
      <c r="AP803">
        <v>15</v>
      </c>
      <c r="AQ803">
        <v>15</v>
      </c>
    </row>
    <row r="804" spans="1:43">
      <c r="A804" t="s">
        <v>593</v>
      </c>
      <c r="B804" t="s">
        <v>594</v>
      </c>
      <c r="C804" t="s">
        <v>519</v>
      </c>
      <c r="D804" t="s">
        <v>520</v>
      </c>
      <c r="E804" t="s">
        <v>353</v>
      </c>
      <c r="F804" t="s">
        <v>354</v>
      </c>
      <c r="G804" t="s">
        <v>80</v>
      </c>
      <c r="H804" t="s">
        <v>81</v>
      </c>
      <c r="I804" s="2">
        <v>1</v>
      </c>
      <c r="J804" s="2">
        <v>0</v>
      </c>
      <c r="K804" s="2">
        <v>0</v>
      </c>
      <c r="L804" t="s">
        <v>120</v>
      </c>
      <c r="M804" t="s">
        <v>89</v>
      </c>
      <c r="N804" t="s">
        <v>90</v>
      </c>
      <c r="O804" t="s">
        <v>85</v>
      </c>
      <c r="P804" t="s">
        <v>86</v>
      </c>
      <c r="Q804">
        <v>14</v>
      </c>
      <c r="R804">
        <v>15</v>
      </c>
      <c r="S804">
        <v>15</v>
      </c>
      <c r="T804">
        <v>15</v>
      </c>
      <c r="U804">
        <v>16</v>
      </c>
      <c r="V804">
        <v>16</v>
      </c>
      <c r="W804">
        <v>16</v>
      </c>
      <c r="X804">
        <v>16</v>
      </c>
      <c r="Y804">
        <v>16</v>
      </c>
      <c r="Z804">
        <v>17</v>
      </c>
      <c r="AA804">
        <v>17</v>
      </c>
      <c r="AB804">
        <v>17</v>
      </c>
      <c r="AC804">
        <v>17</v>
      </c>
      <c r="AD804">
        <v>17</v>
      </c>
      <c r="AE804">
        <v>17</v>
      </c>
      <c r="AF804">
        <v>17</v>
      </c>
      <c r="AG804">
        <v>17</v>
      </c>
      <c r="AH804">
        <v>17</v>
      </c>
      <c r="AI804">
        <v>17</v>
      </c>
      <c r="AJ804">
        <v>17</v>
      </c>
      <c r="AK804">
        <v>17</v>
      </c>
      <c r="AL804">
        <v>17</v>
      </c>
      <c r="AM804">
        <v>17</v>
      </c>
      <c r="AN804">
        <v>17</v>
      </c>
      <c r="AO804">
        <v>17</v>
      </c>
      <c r="AP804">
        <v>17</v>
      </c>
      <c r="AQ804">
        <v>17</v>
      </c>
    </row>
    <row r="805" spans="1:43">
      <c r="A805" t="s">
        <v>593</v>
      </c>
      <c r="B805" t="s">
        <v>594</v>
      </c>
      <c r="C805" t="s">
        <v>519</v>
      </c>
      <c r="D805" t="s">
        <v>520</v>
      </c>
      <c r="E805" t="s">
        <v>353</v>
      </c>
      <c r="F805" t="s">
        <v>354</v>
      </c>
      <c r="G805" t="s">
        <v>80</v>
      </c>
      <c r="H805" t="s">
        <v>81</v>
      </c>
      <c r="I805" s="2">
        <v>1</v>
      </c>
      <c r="J805" s="2">
        <v>0</v>
      </c>
      <c r="K805" s="2">
        <v>0</v>
      </c>
      <c r="L805" t="s">
        <v>120</v>
      </c>
      <c r="M805" t="s">
        <v>83</v>
      </c>
      <c r="N805" t="s">
        <v>91</v>
      </c>
      <c r="O805" t="s">
        <v>85</v>
      </c>
      <c r="P805" t="s">
        <v>86</v>
      </c>
      <c r="Q805">
        <v>14</v>
      </c>
      <c r="R805">
        <v>14</v>
      </c>
      <c r="S805">
        <v>15</v>
      </c>
      <c r="T805">
        <v>15</v>
      </c>
      <c r="U805">
        <v>15</v>
      </c>
      <c r="V805">
        <v>15</v>
      </c>
      <c r="W805">
        <v>15</v>
      </c>
      <c r="X805">
        <v>15</v>
      </c>
      <c r="Y805">
        <v>16</v>
      </c>
      <c r="Z805">
        <v>16</v>
      </c>
      <c r="AA805">
        <v>16</v>
      </c>
      <c r="AB805">
        <v>16</v>
      </c>
      <c r="AC805">
        <v>16</v>
      </c>
      <c r="AD805">
        <v>16</v>
      </c>
      <c r="AE805">
        <v>16</v>
      </c>
      <c r="AF805">
        <v>16</v>
      </c>
      <c r="AG805">
        <v>17</v>
      </c>
      <c r="AH805">
        <v>17</v>
      </c>
      <c r="AI805">
        <v>17</v>
      </c>
      <c r="AJ805">
        <v>17</v>
      </c>
      <c r="AK805">
        <v>17</v>
      </c>
      <c r="AL805">
        <v>17</v>
      </c>
      <c r="AM805">
        <v>17</v>
      </c>
      <c r="AN805">
        <v>17</v>
      </c>
      <c r="AO805">
        <v>17</v>
      </c>
      <c r="AP805">
        <v>17</v>
      </c>
      <c r="AQ805">
        <v>17</v>
      </c>
    </row>
    <row r="806" spans="1:43">
      <c r="A806" t="s">
        <v>595</v>
      </c>
      <c r="B806" t="s">
        <v>596</v>
      </c>
      <c r="C806" t="s">
        <v>401</v>
      </c>
      <c r="D806" t="s">
        <v>402</v>
      </c>
      <c r="E806" t="s">
        <v>353</v>
      </c>
      <c r="F806" t="s">
        <v>354</v>
      </c>
      <c r="G806" t="s">
        <v>80</v>
      </c>
      <c r="H806" t="s">
        <v>81</v>
      </c>
      <c r="I806" s="2">
        <v>1</v>
      </c>
      <c r="J806" s="2">
        <v>0</v>
      </c>
      <c r="K806" s="2">
        <v>0</v>
      </c>
      <c r="L806" t="s">
        <v>120</v>
      </c>
      <c r="M806" t="s">
        <v>83</v>
      </c>
      <c r="N806" t="s">
        <v>84</v>
      </c>
      <c r="O806" t="s">
        <v>85</v>
      </c>
      <c r="P806" t="s">
        <v>86</v>
      </c>
      <c r="Q806">
        <v>81</v>
      </c>
      <c r="R806">
        <v>82</v>
      </c>
      <c r="S806">
        <v>83</v>
      </c>
      <c r="T806">
        <v>83</v>
      </c>
      <c r="U806">
        <v>84</v>
      </c>
      <c r="V806">
        <v>85</v>
      </c>
      <c r="W806">
        <v>86</v>
      </c>
      <c r="X806">
        <v>87</v>
      </c>
      <c r="Y806">
        <v>88</v>
      </c>
      <c r="Z806">
        <v>88</v>
      </c>
      <c r="AA806">
        <v>89</v>
      </c>
      <c r="AB806">
        <v>90</v>
      </c>
      <c r="AC806">
        <v>91</v>
      </c>
      <c r="AD806">
        <v>91</v>
      </c>
      <c r="AE806">
        <v>92</v>
      </c>
      <c r="AF806">
        <v>93</v>
      </c>
      <c r="AG806">
        <v>93</v>
      </c>
      <c r="AH806">
        <v>94</v>
      </c>
      <c r="AI806">
        <v>95</v>
      </c>
      <c r="AJ806">
        <v>95</v>
      </c>
      <c r="AK806">
        <v>96</v>
      </c>
      <c r="AL806">
        <v>96</v>
      </c>
      <c r="AM806">
        <v>96</v>
      </c>
      <c r="AN806">
        <v>95</v>
      </c>
      <c r="AO806">
        <v>95</v>
      </c>
      <c r="AP806">
        <v>95</v>
      </c>
      <c r="AQ806">
        <v>95</v>
      </c>
    </row>
    <row r="807" spans="1:43">
      <c r="A807" t="s">
        <v>595</v>
      </c>
      <c r="B807" t="s">
        <v>596</v>
      </c>
      <c r="C807" t="s">
        <v>401</v>
      </c>
      <c r="D807" t="s">
        <v>402</v>
      </c>
      <c r="E807" t="s">
        <v>353</v>
      </c>
      <c r="F807" t="s">
        <v>354</v>
      </c>
      <c r="G807" t="s">
        <v>80</v>
      </c>
      <c r="H807" t="s">
        <v>81</v>
      </c>
      <c r="I807" s="2">
        <v>1</v>
      </c>
      <c r="J807" s="2">
        <v>0</v>
      </c>
      <c r="K807" s="2">
        <v>0</v>
      </c>
      <c r="L807" t="s">
        <v>120</v>
      </c>
      <c r="M807" t="s">
        <v>87</v>
      </c>
      <c r="N807" t="s">
        <v>88</v>
      </c>
      <c r="O807" t="s">
        <v>85</v>
      </c>
      <c r="P807" t="s">
        <v>86</v>
      </c>
      <c r="Q807">
        <v>81</v>
      </c>
      <c r="R807">
        <v>81</v>
      </c>
      <c r="S807">
        <v>81</v>
      </c>
      <c r="T807">
        <v>81</v>
      </c>
      <c r="U807">
        <v>82</v>
      </c>
      <c r="V807">
        <v>82</v>
      </c>
      <c r="W807">
        <v>82</v>
      </c>
      <c r="X807">
        <v>82</v>
      </c>
      <c r="Y807">
        <v>82</v>
      </c>
      <c r="Z807">
        <v>82</v>
      </c>
      <c r="AA807">
        <v>82</v>
      </c>
      <c r="AB807">
        <v>83</v>
      </c>
      <c r="AC807">
        <v>83</v>
      </c>
      <c r="AD807">
        <v>83</v>
      </c>
      <c r="AE807">
        <v>83</v>
      </c>
      <c r="AF807">
        <v>83</v>
      </c>
      <c r="AG807">
        <v>83</v>
      </c>
      <c r="AH807">
        <v>83</v>
      </c>
      <c r="AI807">
        <v>83</v>
      </c>
      <c r="AJ807">
        <v>83</v>
      </c>
      <c r="AK807">
        <v>83</v>
      </c>
      <c r="AL807">
        <v>83</v>
      </c>
      <c r="AM807">
        <v>84</v>
      </c>
      <c r="AN807">
        <v>84</v>
      </c>
      <c r="AO807">
        <v>84</v>
      </c>
      <c r="AP807">
        <v>84</v>
      </c>
      <c r="AQ807">
        <v>84</v>
      </c>
    </row>
    <row r="808" spans="1:43">
      <c r="A808" t="s">
        <v>595</v>
      </c>
      <c r="B808" t="s">
        <v>596</v>
      </c>
      <c r="C808" t="s">
        <v>401</v>
      </c>
      <c r="D808" t="s">
        <v>402</v>
      </c>
      <c r="E808" t="s">
        <v>353</v>
      </c>
      <c r="F808" t="s">
        <v>354</v>
      </c>
      <c r="G808" t="s">
        <v>80</v>
      </c>
      <c r="H808" t="s">
        <v>81</v>
      </c>
      <c r="I808" s="2">
        <v>1</v>
      </c>
      <c r="J808" s="2">
        <v>0</v>
      </c>
      <c r="K808" s="2">
        <v>0</v>
      </c>
      <c r="L808" t="s">
        <v>120</v>
      </c>
      <c r="M808" t="s">
        <v>89</v>
      </c>
      <c r="N808" t="s">
        <v>90</v>
      </c>
      <c r="O808" t="s">
        <v>85</v>
      </c>
      <c r="P808" t="s">
        <v>86</v>
      </c>
      <c r="Q808">
        <v>81</v>
      </c>
      <c r="R808">
        <v>83</v>
      </c>
      <c r="S808">
        <v>85</v>
      </c>
      <c r="T808">
        <v>86</v>
      </c>
      <c r="U808">
        <v>88</v>
      </c>
      <c r="V808">
        <v>89</v>
      </c>
      <c r="W808">
        <v>90</v>
      </c>
      <c r="X808">
        <v>91</v>
      </c>
      <c r="Y808">
        <v>92</v>
      </c>
      <c r="Z808">
        <v>94</v>
      </c>
      <c r="AA808">
        <v>95</v>
      </c>
      <c r="AB808">
        <v>96</v>
      </c>
      <c r="AC808">
        <v>97</v>
      </c>
      <c r="AD808">
        <v>98</v>
      </c>
      <c r="AE808">
        <v>98</v>
      </c>
      <c r="AF808">
        <v>98</v>
      </c>
      <c r="AG808">
        <v>98</v>
      </c>
      <c r="AH808">
        <v>98</v>
      </c>
      <c r="AI808">
        <v>97</v>
      </c>
      <c r="AJ808">
        <v>97</v>
      </c>
      <c r="AK808">
        <v>97</v>
      </c>
      <c r="AL808">
        <v>97</v>
      </c>
      <c r="AM808">
        <v>96</v>
      </c>
      <c r="AN808">
        <v>96</v>
      </c>
      <c r="AO808">
        <v>96</v>
      </c>
      <c r="AP808">
        <v>96</v>
      </c>
      <c r="AQ808">
        <v>95</v>
      </c>
    </row>
    <row r="809" spans="1:43">
      <c r="A809" t="s">
        <v>595</v>
      </c>
      <c r="B809" t="s">
        <v>596</v>
      </c>
      <c r="C809" t="s">
        <v>401</v>
      </c>
      <c r="D809" t="s">
        <v>402</v>
      </c>
      <c r="E809" t="s">
        <v>353</v>
      </c>
      <c r="F809" t="s">
        <v>354</v>
      </c>
      <c r="G809" t="s">
        <v>80</v>
      </c>
      <c r="H809" t="s">
        <v>81</v>
      </c>
      <c r="I809" s="2">
        <v>1</v>
      </c>
      <c r="J809" s="2">
        <v>0</v>
      </c>
      <c r="K809" s="2">
        <v>0</v>
      </c>
      <c r="L809" t="s">
        <v>120</v>
      </c>
      <c r="M809" t="s">
        <v>83</v>
      </c>
      <c r="N809" t="s">
        <v>91</v>
      </c>
      <c r="O809" t="s">
        <v>85</v>
      </c>
      <c r="P809" t="s">
        <v>86</v>
      </c>
      <c r="Q809">
        <v>81</v>
      </c>
      <c r="R809">
        <v>82</v>
      </c>
      <c r="S809">
        <v>83</v>
      </c>
      <c r="T809">
        <v>83</v>
      </c>
      <c r="U809">
        <v>84</v>
      </c>
      <c r="V809">
        <v>85</v>
      </c>
      <c r="W809">
        <v>86</v>
      </c>
      <c r="X809">
        <v>87</v>
      </c>
      <c r="Y809">
        <v>88</v>
      </c>
      <c r="Z809">
        <v>88</v>
      </c>
      <c r="AA809">
        <v>89</v>
      </c>
      <c r="AB809">
        <v>90</v>
      </c>
      <c r="AC809">
        <v>91</v>
      </c>
      <c r="AD809">
        <v>91</v>
      </c>
      <c r="AE809">
        <v>92</v>
      </c>
      <c r="AF809">
        <v>93</v>
      </c>
      <c r="AG809">
        <v>93</v>
      </c>
      <c r="AH809">
        <v>94</v>
      </c>
      <c r="AI809">
        <v>95</v>
      </c>
      <c r="AJ809">
        <v>95</v>
      </c>
      <c r="AK809">
        <v>96</v>
      </c>
      <c r="AL809">
        <v>96</v>
      </c>
      <c r="AM809">
        <v>96</v>
      </c>
      <c r="AN809">
        <v>95</v>
      </c>
      <c r="AO809">
        <v>95</v>
      </c>
      <c r="AP809">
        <v>95</v>
      </c>
      <c r="AQ809">
        <v>95</v>
      </c>
    </row>
    <row r="810" spans="1:43">
      <c r="A810" t="s">
        <v>597</v>
      </c>
      <c r="B810" t="s">
        <v>598</v>
      </c>
      <c r="C810" t="s">
        <v>429</v>
      </c>
      <c r="D810" t="s">
        <v>430</v>
      </c>
      <c r="E810" t="s">
        <v>353</v>
      </c>
      <c r="F810" t="s">
        <v>354</v>
      </c>
      <c r="G810" t="s">
        <v>80</v>
      </c>
      <c r="H810" t="s">
        <v>81</v>
      </c>
      <c r="I810" s="2">
        <v>1</v>
      </c>
      <c r="J810" s="2">
        <v>0</v>
      </c>
      <c r="K810" s="2">
        <v>0</v>
      </c>
      <c r="L810" t="s">
        <v>120</v>
      </c>
      <c r="M810" t="s">
        <v>83</v>
      </c>
      <c r="N810" t="s">
        <v>84</v>
      </c>
      <c r="O810" t="s">
        <v>85</v>
      </c>
      <c r="P810" t="s">
        <v>86</v>
      </c>
      <c r="Q810">
        <v>28</v>
      </c>
      <c r="R810">
        <v>28</v>
      </c>
      <c r="S810">
        <v>29</v>
      </c>
      <c r="T810">
        <v>29</v>
      </c>
      <c r="U810">
        <v>29</v>
      </c>
      <c r="V810">
        <v>29</v>
      </c>
      <c r="W810">
        <v>30</v>
      </c>
      <c r="X810">
        <v>30</v>
      </c>
      <c r="Y810">
        <v>30</v>
      </c>
      <c r="Z810">
        <v>31</v>
      </c>
      <c r="AA810">
        <v>31</v>
      </c>
      <c r="AB810">
        <v>31</v>
      </c>
      <c r="AC810">
        <v>31</v>
      </c>
      <c r="AD810">
        <v>32</v>
      </c>
      <c r="AE810">
        <v>32</v>
      </c>
      <c r="AF810">
        <v>32</v>
      </c>
      <c r="AG810">
        <v>32</v>
      </c>
      <c r="AH810">
        <v>33</v>
      </c>
      <c r="AI810">
        <v>33</v>
      </c>
      <c r="AJ810">
        <v>33</v>
      </c>
      <c r="AK810">
        <v>33</v>
      </c>
      <c r="AL810">
        <v>33</v>
      </c>
      <c r="AM810">
        <v>33</v>
      </c>
      <c r="AN810">
        <v>33</v>
      </c>
      <c r="AO810">
        <v>33</v>
      </c>
      <c r="AP810">
        <v>33</v>
      </c>
      <c r="AQ810">
        <v>33</v>
      </c>
    </row>
    <row r="811" spans="1:43">
      <c r="A811" t="s">
        <v>597</v>
      </c>
      <c r="B811" t="s">
        <v>598</v>
      </c>
      <c r="C811" t="s">
        <v>429</v>
      </c>
      <c r="D811" t="s">
        <v>430</v>
      </c>
      <c r="E811" t="s">
        <v>353</v>
      </c>
      <c r="F811" t="s">
        <v>354</v>
      </c>
      <c r="G811" t="s">
        <v>80</v>
      </c>
      <c r="H811" t="s">
        <v>81</v>
      </c>
      <c r="I811" s="2">
        <v>1</v>
      </c>
      <c r="J811" s="2">
        <v>0</v>
      </c>
      <c r="K811" s="2">
        <v>0</v>
      </c>
      <c r="L811" t="s">
        <v>120</v>
      </c>
      <c r="M811" t="s">
        <v>87</v>
      </c>
      <c r="N811" t="s">
        <v>88</v>
      </c>
      <c r="O811" t="s">
        <v>85</v>
      </c>
      <c r="P811" t="s">
        <v>86</v>
      </c>
      <c r="Q811">
        <v>28</v>
      </c>
      <c r="R811">
        <v>28</v>
      </c>
      <c r="S811">
        <v>28</v>
      </c>
      <c r="T811">
        <v>28</v>
      </c>
      <c r="U811">
        <v>28</v>
      </c>
      <c r="V811">
        <v>28</v>
      </c>
      <c r="W811">
        <v>28</v>
      </c>
      <c r="X811">
        <v>28</v>
      </c>
      <c r="Y811">
        <v>28</v>
      </c>
      <c r="Z811">
        <v>28</v>
      </c>
      <c r="AA811">
        <v>28</v>
      </c>
      <c r="AB811">
        <v>28</v>
      </c>
      <c r="AC811">
        <v>28</v>
      </c>
      <c r="AD811">
        <v>28</v>
      </c>
      <c r="AE811">
        <v>28</v>
      </c>
      <c r="AF811">
        <v>28</v>
      </c>
      <c r="AG811">
        <v>28</v>
      </c>
      <c r="AH811">
        <v>28</v>
      </c>
      <c r="AI811">
        <v>28</v>
      </c>
      <c r="AJ811">
        <v>28</v>
      </c>
      <c r="AK811">
        <v>28</v>
      </c>
      <c r="AL811">
        <v>28</v>
      </c>
      <c r="AM811">
        <v>28</v>
      </c>
      <c r="AN811">
        <v>28</v>
      </c>
      <c r="AO811">
        <v>28</v>
      </c>
      <c r="AP811">
        <v>29</v>
      </c>
      <c r="AQ811">
        <v>29</v>
      </c>
    </row>
    <row r="812" spans="1:43">
      <c r="A812" t="s">
        <v>597</v>
      </c>
      <c r="B812" t="s">
        <v>598</v>
      </c>
      <c r="C812" t="s">
        <v>429</v>
      </c>
      <c r="D812" t="s">
        <v>430</v>
      </c>
      <c r="E812" t="s">
        <v>353</v>
      </c>
      <c r="F812" t="s">
        <v>354</v>
      </c>
      <c r="G812" t="s">
        <v>80</v>
      </c>
      <c r="H812" t="s">
        <v>81</v>
      </c>
      <c r="I812" s="2">
        <v>1</v>
      </c>
      <c r="J812" s="2">
        <v>0</v>
      </c>
      <c r="K812" s="2">
        <v>0</v>
      </c>
      <c r="L812" t="s">
        <v>120</v>
      </c>
      <c r="M812" t="s">
        <v>89</v>
      </c>
      <c r="N812" t="s">
        <v>90</v>
      </c>
      <c r="O812" t="s">
        <v>85</v>
      </c>
      <c r="P812" t="s">
        <v>86</v>
      </c>
      <c r="Q812">
        <v>28</v>
      </c>
      <c r="R812">
        <v>29</v>
      </c>
      <c r="S812">
        <v>29</v>
      </c>
      <c r="T812">
        <v>30</v>
      </c>
      <c r="U812">
        <v>30</v>
      </c>
      <c r="V812">
        <v>31</v>
      </c>
      <c r="W812">
        <v>31</v>
      </c>
      <c r="X812">
        <v>32</v>
      </c>
      <c r="Y812">
        <v>32</v>
      </c>
      <c r="Z812">
        <v>32</v>
      </c>
      <c r="AA812">
        <v>33</v>
      </c>
      <c r="AB812">
        <v>33</v>
      </c>
      <c r="AC812">
        <v>34</v>
      </c>
      <c r="AD812">
        <v>34</v>
      </c>
      <c r="AE812">
        <v>34</v>
      </c>
      <c r="AF812">
        <v>34</v>
      </c>
      <c r="AG812">
        <v>34</v>
      </c>
      <c r="AH812">
        <v>34</v>
      </c>
      <c r="AI812">
        <v>34</v>
      </c>
      <c r="AJ812">
        <v>34</v>
      </c>
      <c r="AK812">
        <v>34</v>
      </c>
      <c r="AL812">
        <v>34</v>
      </c>
      <c r="AM812">
        <v>34</v>
      </c>
      <c r="AN812">
        <v>33</v>
      </c>
      <c r="AO812">
        <v>33</v>
      </c>
      <c r="AP812">
        <v>33</v>
      </c>
      <c r="AQ812">
        <v>33</v>
      </c>
    </row>
    <row r="813" spans="1:43">
      <c r="A813" t="s">
        <v>597</v>
      </c>
      <c r="B813" t="s">
        <v>598</v>
      </c>
      <c r="C813" t="s">
        <v>429</v>
      </c>
      <c r="D813" t="s">
        <v>430</v>
      </c>
      <c r="E813" t="s">
        <v>353</v>
      </c>
      <c r="F813" t="s">
        <v>354</v>
      </c>
      <c r="G813" t="s">
        <v>80</v>
      </c>
      <c r="H813" t="s">
        <v>81</v>
      </c>
      <c r="I813" s="2">
        <v>1</v>
      </c>
      <c r="J813" s="2">
        <v>0</v>
      </c>
      <c r="K813" s="2">
        <v>0</v>
      </c>
      <c r="L813" t="s">
        <v>120</v>
      </c>
      <c r="M813" t="s">
        <v>83</v>
      </c>
      <c r="N813" t="s">
        <v>91</v>
      </c>
      <c r="O813" t="s">
        <v>85</v>
      </c>
      <c r="P813" t="s">
        <v>86</v>
      </c>
      <c r="Q813">
        <v>28</v>
      </c>
      <c r="R813">
        <v>28</v>
      </c>
      <c r="S813">
        <v>29</v>
      </c>
      <c r="T813">
        <v>29</v>
      </c>
      <c r="U813">
        <v>29</v>
      </c>
      <c r="V813">
        <v>29</v>
      </c>
      <c r="W813">
        <v>30</v>
      </c>
      <c r="X813">
        <v>30</v>
      </c>
      <c r="Y813">
        <v>30</v>
      </c>
      <c r="Z813">
        <v>31</v>
      </c>
      <c r="AA813">
        <v>31</v>
      </c>
      <c r="AB813">
        <v>31</v>
      </c>
      <c r="AC813">
        <v>31</v>
      </c>
      <c r="AD813">
        <v>32</v>
      </c>
      <c r="AE813">
        <v>32</v>
      </c>
      <c r="AF813">
        <v>32</v>
      </c>
      <c r="AG813">
        <v>32</v>
      </c>
      <c r="AH813">
        <v>33</v>
      </c>
      <c r="AI813">
        <v>33</v>
      </c>
      <c r="AJ813">
        <v>33</v>
      </c>
      <c r="AK813">
        <v>33</v>
      </c>
      <c r="AL813">
        <v>33</v>
      </c>
      <c r="AM813">
        <v>33</v>
      </c>
      <c r="AN813">
        <v>33</v>
      </c>
      <c r="AO813">
        <v>33</v>
      </c>
      <c r="AP813">
        <v>33</v>
      </c>
      <c r="AQ813">
        <v>33</v>
      </c>
    </row>
    <row r="814" spans="1:43">
      <c r="A814" t="s">
        <v>599</v>
      </c>
      <c r="B814" t="s">
        <v>600</v>
      </c>
      <c r="C814" t="s">
        <v>577</v>
      </c>
      <c r="D814" t="s">
        <v>578</v>
      </c>
      <c r="E814" t="s">
        <v>353</v>
      </c>
      <c r="F814" t="s">
        <v>354</v>
      </c>
      <c r="G814" t="s">
        <v>80</v>
      </c>
      <c r="H814" t="s">
        <v>81</v>
      </c>
      <c r="I814" s="2">
        <v>1</v>
      </c>
      <c r="J814" s="2">
        <v>0</v>
      </c>
      <c r="K814" s="2">
        <v>0</v>
      </c>
      <c r="L814" t="s">
        <v>120</v>
      </c>
      <c r="M814" t="s">
        <v>83</v>
      </c>
      <c r="N814" t="s">
        <v>84</v>
      </c>
      <c r="O814" t="s">
        <v>85</v>
      </c>
      <c r="P814" t="s">
        <v>86</v>
      </c>
      <c r="Q814">
        <v>59</v>
      </c>
      <c r="R814">
        <v>59</v>
      </c>
      <c r="S814">
        <v>60</v>
      </c>
      <c r="T814">
        <v>61</v>
      </c>
      <c r="U814">
        <v>61</v>
      </c>
      <c r="V814">
        <v>62</v>
      </c>
      <c r="W814">
        <v>63</v>
      </c>
      <c r="X814">
        <v>63</v>
      </c>
      <c r="Y814">
        <v>64</v>
      </c>
      <c r="Z814">
        <v>65</v>
      </c>
      <c r="AA814">
        <v>65</v>
      </c>
      <c r="AB814">
        <v>66</v>
      </c>
      <c r="AC814">
        <v>66</v>
      </c>
      <c r="AD814">
        <v>67</v>
      </c>
      <c r="AE814">
        <v>67</v>
      </c>
      <c r="AF814">
        <v>68</v>
      </c>
      <c r="AG814">
        <v>68</v>
      </c>
      <c r="AH814">
        <v>69</v>
      </c>
      <c r="AI814">
        <v>70</v>
      </c>
      <c r="AJ814">
        <v>70</v>
      </c>
      <c r="AK814">
        <v>71</v>
      </c>
      <c r="AL814">
        <v>71</v>
      </c>
      <c r="AM814">
        <v>70</v>
      </c>
      <c r="AN814">
        <v>70</v>
      </c>
      <c r="AO814">
        <v>70</v>
      </c>
      <c r="AP814">
        <v>70</v>
      </c>
      <c r="AQ814">
        <v>70</v>
      </c>
    </row>
    <row r="815" spans="1:43">
      <c r="A815" t="s">
        <v>599</v>
      </c>
      <c r="B815" t="s">
        <v>600</v>
      </c>
      <c r="C815" t="s">
        <v>577</v>
      </c>
      <c r="D815" t="s">
        <v>578</v>
      </c>
      <c r="E815" t="s">
        <v>353</v>
      </c>
      <c r="F815" t="s">
        <v>354</v>
      </c>
      <c r="G815" t="s">
        <v>80</v>
      </c>
      <c r="H815" t="s">
        <v>81</v>
      </c>
      <c r="I815" s="2">
        <v>1</v>
      </c>
      <c r="J815" s="2">
        <v>0</v>
      </c>
      <c r="K815" s="2">
        <v>0</v>
      </c>
      <c r="L815" t="s">
        <v>120</v>
      </c>
      <c r="M815" t="s">
        <v>87</v>
      </c>
      <c r="N815" t="s">
        <v>88</v>
      </c>
      <c r="O815" t="s">
        <v>85</v>
      </c>
      <c r="P815" t="s">
        <v>86</v>
      </c>
      <c r="Q815">
        <v>59</v>
      </c>
      <c r="R815">
        <v>59</v>
      </c>
      <c r="S815">
        <v>59</v>
      </c>
      <c r="T815">
        <v>60</v>
      </c>
      <c r="U815">
        <v>60</v>
      </c>
      <c r="V815">
        <v>60</v>
      </c>
      <c r="W815">
        <v>60</v>
      </c>
      <c r="X815">
        <v>60</v>
      </c>
      <c r="Y815">
        <v>60</v>
      </c>
      <c r="Z815">
        <v>60</v>
      </c>
      <c r="AA815">
        <v>60</v>
      </c>
      <c r="AB815">
        <v>60</v>
      </c>
      <c r="AC815">
        <v>61</v>
      </c>
      <c r="AD815">
        <v>61</v>
      </c>
      <c r="AE815">
        <v>61</v>
      </c>
      <c r="AF815">
        <v>61</v>
      </c>
      <c r="AG815">
        <v>61</v>
      </c>
      <c r="AH815">
        <v>61</v>
      </c>
      <c r="AI815">
        <v>61</v>
      </c>
      <c r="AJ815">
        <v>61</v>
      </c>
      <c r="AK815">
        <v>61</v>
      </c>
      <c r="AL815">
        <v>61</v>
      </c>
      <c r="AM815">
        <v>61</v>
      </c>
      <c r="AN815">
        <v>61</v>
      </c>
      <c r="AO815">
        <v>61</v>
      </c>
      <c r="AP815">
        <v>61</v>
      </c>
      <c r="AQ815">
        <v>62</v>
      </c>
    </row>
    <row r="816" spans="1:43">
      <c r="A816" t="s">
        <v>599</v>
      </c>
      <c r="B816" t="s">
        <v>600</v>
      </c>
      <c r="C816" t="s">
        <v>577</v>
      </c>
      <c r="D816" t="s">
        <v>578</v>
      </c>
      <c r="E816" t="s">
        <v>353</v>
      </c>
      <c r="F816" t="s">
        <v>354</v>
      </c>
      <c r="G816" t="s">
        <v>80</v>
      </c>
      <c r="H816" t="s">
        <v>81</v>
      </c>
      <c r="I816" s="2">
        <v>1</v>
      </c>
      <c r="J816" s="2">
        <v>0</v>
      </c>
      <c r="K816" s="2">
        <v>0</v>
      </c>
      <c r="L816" t="s">
        <v>120</v>
      </c>
      <c r="M816" t="s">
        <v>89</v>
      </c>
      <c r="N816" t="s">
        <v>90</v>
      </c>
      <c r="O816" t="s">
        <v>85</v>
      </c>
      <c r="P816" t="s">
        <v>86</v>
      </c>
      <c r="Q816">
        <v>59</v>
      </c>
      <c r="R816">
        <v>60</v>
      </c>
      <c r="S816">
        <v>62</v>
      </c>
      <c r="T816">
        <v>63</v>
      </c>
      <c r="U816">
        <v>64</v>
      </c>
      <c r="V816">
        <v>65</v>
      </c>
      <c r="W816">
        <v>66</v>
      </c>
      <c r="X816">
        <v>67</v>
      </c>
      <c r="Y816">
        <v>68</v>
      </c>
      <c r="Z816">
        <v>69</v>
      </c>
      <c r="AA816">
        <v>69</v>
      </c>
      <c r="AB816">
        <v>70</v>
      </c>
      <c r="AC816">
        <v>71</v>
      </c>
      <c r="AD816">
        <v>72</v>
      </c>
      <c r="AE816">
        <v>72</v>
      </c>
      <c r="AF816">
        <v>72</v>
      </c>
      <c r="AG816">
        <v>72</v>
      </c>
      <c r="AH816">
        <v>72</v>
      </c>
      <c r="AI816">
        <v>72</v>
      </c>
      <c r="AJ816">
        <v>72</v>
      </c>
      <c r="AK816">
        <v>72</v>
      </c>
      <c r="AL816">
        <v>71</v>
      </c>
      <c r="AM816">
        <v>71</v>
      </c>
      <c r="AN816">
        <v>71</v>
      </c>
      <c r="AO816">
        <v>71</v>
      </c>
      <c r="AP816">
        <v>71</v>
      </c>
      <c r="AQ816">
        <v>71</v>
      </c>
    </row>
    <row r="817" spans="1:43">
      <c r="A817" t="s">
        <v>599</v>
      </c>
      <c r="B817" t="s">
        <v>600</v>
      </c>
      <c r="C817" t="s">
        <v>577</v>
      </c>
      <c r="D817" t="s">
        <v>578</v>
      </c>
      <c r="E817" t="s">
        <v>353</v>
      </c>
      <c r="F817" t="s">
        <v>354</v>
      </c>
      <c r="G817" t="s">
        <v>80</v>
      </c>
      <c r="H817" t="s">
        <v>81</v>
      </c>
      <c r="I817" s="2">
        <v>1</v>
      </c>
      <c r="J817" s="2">
        <v>0</v>
      </c>
      <c r="K817" s="2">
        <v>0</v>
      </c>
      <c r="L817" t="s">
        <v>120</v>
      </c>
      <c r="M817" t="s">
        <v>83</v>
      </c>
      <c r="N817" t="s">
        <v>91</v>
      </c>
      <c r="O817" t="s">
        <v>85</v>
      </c>
      <c r="P817" t="s">
        <v>86</v>
      </c>
      <c r="Q817">
        <v>59</v>
      </c>
      <c r="R817">
        <v>59</v>
      </c>
      <c r="S817">
        <v>60</v>
      </c>
      <c r="T817">
        <v>61</v>
      </c>
      <c r="U817">
        <v>61</v>
      </c>
      <c r="V817">
        <v>62</v>
      </c>
      <c r="W817">
        <v>63</v>
      </c>
      <c r="X817">
        <v>63</v>
      </c>
      <c r="Y817">
        <v>64</v>
      </c>
      <c r="Z817">
        <v>65</v>
      </c>
      <c r="AA817">
        <v>65</v>
      </c>
      <c r="AB817">
        <v>66</v>
      </c>
      <c r="AC817">
        <v>66</v>
      </c>
      <c r="AD817">
        <v>67</v>
      </c>
      <c r="AE817">
        <v>67</v>
      </c>
      <c r="AF817">
        <v>68</v>
      </c>
      <c r="AG817">
        <v>68</v>
      </c>
      <c r="AH817">
        <v>69</v>
      </c>
      <c r="AI817">
        <v>70</v>
      </c>
      <c r="AJ817">
        <v>70</v>
      </c>
      <c r="AK817">
        <v>71</v>
      </c>
      <c r="AL817">
        <v>71</v>
      </c>
      <c r="AM817">
        <v>70</v>
      </c>
      <c r="AN817">
        <v>70</v>
      </c>
      <c r="AO817">
        <v>70</v>
      </c>
      <c r="AP817">
        <v>70</v>
      </c>
      <c r="AQ817">
        <v>70</v>
      </c>
    </row>
    <row r="818" spans="1:43">
      <c r="A818" t="s">
        <v>601</v>
      </c>
      <c r="B818" t="s">
        <v>602</v>
      </c>
      <c r="C818" t="s">
        <v>577</v>
      </c>
      <c r="D818" t="s">
        <v>578</v>
      </c>
      <c r="E818" t="s">
        <v>353</v>
      </c>
      <c r="F818" t="s">
        <v>354</v>
      </c>
      <c r="G818" t="s">
        <v>80</v>
      </c>
      <c r="H818" t="s">
        <v>81</v>
      </c>
      <c r="I818" s="2">
        <v>1</v>
      </c>
      <c r="J818" s="2">
        <v>0</v>
      </c>
      <c r="K818" s="2">
        <v>0</v>
      </c>
      <c r="L818" t="s">
        <v>120</v>
      </c>
      <c r="M818" t="s">
        <v>83</v>
      </c>
      <c r="N818" t="s">
        <v>84</v>
      </c>
      <c r="O818" t="s">
        <v>85</v>
      </c>
      <c r="P818" t="s">
        <v>86</v>
      </c>
      <c r="Q818">
        <v>32</v>
      </c>
      <c r="R818">
        <v>32</v>
      </c>
      <c r="S818">
        <v>33</v>
      </c>
      <c r="T818">
        <v>33</v>
      </c>
      <c r="U818">
        <v>33</v>
      </c>
      <c r="V818">
        <v>34</v>
      </c>
      <c r="W818">
        <v>34</v>
      </c>
      <c r="X818">
        <v>35</v>
      </c>
      <c r="Y818">
        <v>35</v>
      </c>
      <c r="Z818">
        <v>35</v>
      </c>
      <c r="AA818">
        <v>36</v>
      </c>
      <c r="AB818">
        <v>36</v>
      </c>
      <c r="AC818">
        <v>36</v>
      </c>
      <c r="AD818">
        <v>36</v>
      </c>
      <c r="AE818">
        <v>37</v>
      </c>
      <c r="AF818">
        <v>37</v>
      </c>
      <c r="AG818">
        <v>37</v>
      </c>
      <c r="AH818">
        <v>38</v>
      </c>
      <c r="AI818">
        <v>38</v>
      </c>
      <c r="AJ818">
        <v>38</v>
      </c>
      <c r="AK818">
        <v>38</v>
      </c>
      <c r="AL818">
        <v>39</v>
      </c>
      <c r="AM818">
        <v>38</v>
      </c>
      <c r="AN818">
        <v>38</v>
      </c>
      <c r="AO818">
        <v>38</v>
      </c>
      <c r="AP818">
        <v>38</v>
      </c>
      <c r="AQ818">
        <v>38</v>
      </c>
    </row>
    <row r="819" spans="1:43">
      <c r="A819" t="s">
        <v>601</v>
      </c>
      <c r="B819" t="s">
        <v>602</v>
      </c>
      <c r="C819" t="s">
        <v>577</v>
      </c>
      <c r="D819" t="s">
        <v>578</v>
      </c>
      <c r="E819" t="s">
        <v>353</v>
      </c>
      <c r="F819" t="s">
        <v>354</v>
      </c>
      <c r="G819" t="s">
        <v>80</v>
      </c>
      <c r="H819" t="s">
        <v>81</v>
      </c>
      <c r="I819" s="2">
        <v>1</v>
      </c>
      <c r="J819" s="2">
        <v>0</v>
      </c>
      <c r="K819" s="2">
        <v>0</v>
      </c>
      <c r="L819" t="s">
        <v>120</v>
      </c>
      <c r="M819" t="s">
        <v>87</v>
      </c>
      <c r="N819" t="s">
        <v>88</v>
      </c>
      <c r="O819" t="s">
        <v>85</v>
      </c>
      <c r="P819" t="s">
        <v>86</v>
      </c>
      <c r="Q819">
        <v>32</v>
      </c>
      <c r="R819">
        <v>32</v>
      </c>
      <c r="S819">
        <v>32</v>
      </c>
      <c r="T819">
        <v>32</v>
      </c>
      <c r="U819">
        <v>32</v>
      </c>
      <c r="V819">
        <v>32</v>
      </c>
      <c r="W819">
        <v>32</v>
      </c>
      <c r="X819">
        <v>32</v>
      </c>
      <c r="Y819">
        <v>32</v>
      </c>
      <c r="Z819">
        <v>32</v>
      </c>
      <c r="AA819">
        <v>32</v>
      </c>
      <c r="AB819">
        <v>32</v>
      </c>
      <c r="AC819">
        <v>32</v>
      </c>
      <c r="AD819">
        <v>33</v>
      </c>
      <c r="AE819">
        <v>33</v>
      </c>
      <c r="AF819">
        <v>33</v>
      </c>
      <c r="AG819">
        <v>33</v>
      </c>
      <c r="AH819">
        <v>33</v>
      </c>
      <c r="AI819">
        <v>33</v>
      </c>
      <c r="AJ819">
        <v>33</v>
      </c>
      <c r="AK819">
        <v>33</v>
      </c>
      <c r="AL819">
        <v>33</v>
      </c>
      <c r="AM819">
        <v>33</v>
      </c>
      <c r="AN819">
        <v>33</v>
      </c>
      <c r="AO819">
        <v>33</v>
      </c>
      <c r="AP819">
        <v>33</v>
      </c>
      <c r="AQ819">
        <v>33</v>
      </c>
    </row>
    <row r="820" spans="1:43">
      <c r="A820" t="s">
        <v>601</v>
      </c>
      <c r="B820" t="s">
        <v>602</v>
      </c>
      <c r="C820" t="s">
        <v>577</v>
      </c>
      <c r="D820" t="s">
        <v>578</v>
      </c>
      <c r="E820" t="s">
        <v>353</v>
      </c>
      <c r="F820" t="s">
        <v>354</v>
      </c>
      <c r="G820" t="s">
        <v>80</v>
      </c>
      <c r="H820" t="s">
        <v>81</v>
      </c>
      <c r="I820" s="2">
        <v>1</v>
      </c>
      <c r="J820" s="2">
        <v>0</v>
      </c>
      <c r="K820" s="2">
        <v>0</v>
      </c>
      <c r="L820" t="s">
        <v>120</v>
      </c>
      <c r="M820" t="s">
        <v>89</v>
      </c>
      <c r="N820" t="s">
        <v>90</v>
      </c>
      <c r="O820" t="s">
        <v>85</v>
      </c>
      <c r="P820" t="s">
        <v>86</v>
      </c>
      <c r="Q820">
        <v>32</v>
      </c>
      <c r="R820">
        <v>33</v>
      </c>
      <c r="S820">
        <v>34</v>
      </c>
      <c r="T820">
        <v>34</v>
      </c>
      <c r="U820">
        <v>35</v>
      </c>
      <c r="V820">
        <v>35</v>
      </c>
      <c r="W820">
        <v>36</v>
      </c>
      <c r="X820">
        <v>36</v>
      </c>
      <c r="Y820">
        <v>37</v>
      </c>
      <c r="Z820">
        <v>37</v>
      </c>
      <c r="AA820">
        <v>38</v>
      </c>
      <c r="AB820">
        <v>38</v>
      </c>
      <c r="AC820">
        <v>39</v>
      </c>
      <c r="AD820">
        <v>39</v>
      </c>
      <c r="AE820">
        <v>39</v>
      </c>
      <c r="AF820">
        <v>39</v>
      </c>
      <c r="AG820">
        <v>39</v>
      </c>
      <c r="AH820">
        <v>39</v>
      </c>
      <c r="AI820">
        <v>39</v>
      </c>
      <c r="AJ820">
        <v>39</v>
      </c>
      <c r="AK820">
        <v>39</v>
      </c>
      <c r="AL820">
        <v>39</v>
      </c>
      <c r="AM820">
        <v>39</v>
      </c>
      <c r="AN820">
        <v>39</v>
      </c>
      <c r="AO820">
        <v>39</v>
      </c>
      <c r="AP820">
        <v>39</v>
      </c>
      <c r="AQ820">
        <v>39</v>
      </c>
    </row>
    <row r="821" spans="1:43">
      <c r="A821" t="s">
        <v>601</v>
      </c>
      <c r="B821" t="s">
        <v>602</v>
      </c>
      <c r="C821" t="s">
        <v>577</v>
      </c>
      <c r="D821" t="s">
        <v>578</v>
      </c>
      <c r="E821" t="s">
        <v>353</v>
      </c>
      <c r="F821" t="s">
        <v>354</v>
      </c>
      <c r="G821" t="s">
        <v>80</v>
      </c>
      <c r="H821" t="s">
        <v>81</v>
      </c>
      <c r="I821" s="2">
        <v>1</v>
      </c>
      <c r="J821" s="2">
        <v>0</v>
      </c>
      <c r="K821" s="2">
        <v>0</v>
      </c>
      <c r="L821" t="s">
        <v>120</v>
      </c>
      <c r="M821" t="s">
        <v>83</v>
      </c>
      <c r="N821" t="s">
        <v>91</v>
      </c>
      <c r="O821" t="s">
        <v>85</v>
      </c>
      <c r="P821" t="s">
        <v>86</v>
      </c>
      <c r="Q821">
        <v>32</v>
      </c>
      <c r="R821">
        <v>32</v>
      </c>
      <c r="S821">
        <v>33</v>
      </c>
      <c r="T821">
        <v>33</v>
      </c>
      <c r="U821">
        <v>33</v>
      </c>
      <c r="V821">
        <v>34</v>
      </c>
      <c r="W821">
        <v>34</v>
      </c>
      <c r="X821">
        <v>35</v>
      </c>
      <c r="Y821">
        <v>35</v>
      </c>
      <c r="Z821">
        <v>35</v>
      </c>
      <c r="AA821">
        <v>36</v>
      </c>
      <c r="AB821">
        <v>36</v>
      </c>
      <c r="AC821">
        <v>36</v>
      </c>
      <c r="AD821">
        <v>36</v>
      </c>
      <c r="AE821">
        <v>37</v>
      </c>
      <c r="AF821">
        <v>37</v>
      </c>
      <c r="AG821">
        <v>37</v>
      </c>
      <c r="AH821">
        <v>38</v>
      </c>
      <c r="AI821">
        <v>38</v>
      </c>
      <c r="AJ821">
        <v>38</v>
      </c>
      <c r="AK821">
        <v>38</v>
      </c>
      <c r="AL821">
        <v>39</v>
      </c>
      <c r="AM821">
        <v>38</v>
      </c>
      <c r="AN821">
        <v>38</v>
      </c>
      <c r="AO821">
        <v>38</v>
      </c>
      <c r="AP821">
        <v>38</v>
      </c>
      <c r="AQ821">
        <v>38</v>
      </c>
    </row>
    <row r="822" spans="1:43">
      <c r="A822" t="s">
        <v>603</v>
      </c>
      <c r="B822" t="s">
        <v>604</v>
      </c>
      <c r="C822" t="s">
        <v>429</v>
      </c>
      <c r="D822" t="s">
        <v>430</v>
      </c>
      <c r="E822" t="s">
        <v>353</v>
      </c>
      <c r="F822" t="s">
        <v>354</v>
      </c>
      <c r="G822" t="s">
        <v>80</v>
      </c>
      <c r="H822" t="s">
        <v>81</v>
      </c>
      <c r="I822" s="2">
        <v>1</v>
      </c>
      <c r="J822" s="2">
        <v>0</v>
      </c>
      <c r="K822" s="2">
        <v>0</v>
      </c>
      <c r="L822" t="s">
        <v>120</v>
      </c>
      <c r="M822" t="s">
        <v>83</v>
      </c>
      <c r="N822" t="s">
        <v>84</v>
      </c>
      <c r="O822" t="s">
        <v>85</v>
      </c>
      <c r="P822" t="s">
        <v>86</v>
      </c>
      <c r="Q822">
        <v>33</v>
      </c>
      <c r="R822">
        <v>33</v>
      </c>
      <c r="S822">
        <v>34</v>
      </c>
      <c r="T822">
        <v>34</v>
      </c>
      <c r="U822">
        <v>35</v>
      </c>
      <c r="V822">
        <v>35</v>
      </c>
      <c r="W822">
        <v>35</v>
      </c>
      <c r="X822">
        <v>36</v>
      </c>
      <c r="Y822">
        <v>36</v>
      </c>
      <c r="Z822">
        <v>36</v>
      </c>
      <c r="AA822">
        <v>36</v>
      </c>
      <c r="AB822">
        <v>37</v>
      </c>
      <c r="AC822">
        <v>37</v>
      </c>
      <c r="AD822">
        <v>37</v>
      </c>
      <c r="AE822">
        <v>38</v>
      </c>
      <c r="AF822">
        <v>38</v>
      </c>
      <c r="AG822">
        <v>38</v>
      </c>
      <c r="AH822">
        <v>39</v>
      </c>
      <c r="AI822">
        <v>39</v>
      </c>
      <c r="AJ822">
        <v>39</v>
      </c>
      <c r="AK822">
        <v>39</v>
      </c>
      <c r="AL822">
        <v>39</v>
      </c>
      <c r="AM822">
        <v>39</v>
      </c>
      <c r="AN822">
        <v>39</v>
      </c>
      <c r="AO822">
        <v>39</v>
      </c>
      <c r="AP822">
        <v>39</v>
      </c>
      <c r="AQ822">
        <v>39</v>
      </c>
    </row>
    <row r="823" spans="1:43">
      <c r="A823" t="s">
        <v>603</v>
      </c>
      <c r="B823" t="s">
        <v>604</v>
      </c>
      <c r="C823" t="s">
        <v>429</v>
      </c>
      <c r="D823" t="s">
        <v>430</v>
      </c>
      <c r="E823" t="s">
        <v>353</v>
      </c>
      <c r="F823" t="s">
        <v>354</v>
      </c>
      <c r="G823" t="s">
        <v>80</v>
      </c>
      <c r="H823" t="s">
        <v>81</v>
      </c>
      <c r="I823" s="2">
        <v>1</v>
      </c>
      <c r="J823" s="2">
        <v>0</v>
      </c>
      <c r="K823" s="2">
        <v>0</v>
      </c>
      <c r="L823" t="s">
        <v>120</v>
      </c>
      <c r="M823" t="s">
        <v>87</v>
      </c>
      <c r="N823" t="s">
        <v>88</v>
      </c>
      <c r="O823" t="s">
        <v>85</v>
      </c>
      <c r="P823" t="s">
        <v>86</v>
      </c>
      <c r="Q823">
        <v>33</v>
      </c>
      <c r="R823">
        <v>33</v>
      </c>
      <c r="S823">
        <v>33</v>
      </c>
      <c r="T823">
        <v>33</v>
      </c>
      <c r="U823">
        <v>33</v>
      </c>
      <c r="V823">
        <v>33</v>
      </c>
      <c r="W823">
        <v>33</v>
      </c>
      <c r="X823">
        <v>33</v>
      </c>
      <c r="Y823">
        <v>33</v>
      </c>
      <c r="Z823">
        <v>33</v>
      </c>
      <c r="AA823">
        <v>33</v>
      </c>
      <c r="AB823">
        <v>33</v>
      </c>
      <c r="AC823">
        <v>33</v>
      </c>
      <c r="AD823">
        <v>33</v>
      </c>
      <c r="AE823">
        <v>33</v>
      </c>
      <c r="AF823">
        <v>33</v>
      </c>
      <c r="AG823">
        <v>34</v>
      </c>
      <c r="AH823">
        <v>34</v>
      </c>
      <c r="AI823">
        <v>34</v>
      </c>
      <c r="AJ823">
        <v>34</v>
      </c>
      <c r="AK823">
        <v>34</v>
      </c>
      <c r="AL823">
        <v>34</v>
      </c>
      <c r="AM823">
        <v>34</v>
      </c>
      <c r="AN823">
        <v>34</v>
      </c>
      <c r="AO823">
        <v>34</v>
      </c>
      <c r="AP823">
        <v>34</v>
      </c>
      <c r="AQ823">
        <v>34</v>
      </c>
    </row>
    <row r="824" spans="1:43">
      <c r="A824" t="s">
        <v>603</v>
      </c>
      <c r="B824" t="s">
        <v>604</v>
      </c>
      <c r="C824" t="s">
        <v>429</v>
      </c>
      <c r="D824" t="s">
        <v>430</v>
      </c>
      <c r="E824" t="s">
        <v>353</v>
      </c>
      <c r="F824" t="s">
        <v>354</v>
      </c>
      <c r="G824" t="s">
        <v>80</v>
      </c>
      <c r="H824" t="s">
        <v>81</v>
      </c>
      <c r="I824" s="2">
        <v>1</v>
      </c>
      <c r="J824" s="2">
        <v>0</v>
      </c>
      <c r="K824" s="2">
        <v>0</v>
      </c>
      <c r="L824" t="s">
        <v>120</v>
      </c>
      <c r="M824" t="s">
        <v>89</v>
      </c>
      <c r="N824" t="s">
        <v>90</v>
      </c>
      <c r="O824" t="s">
        <v>85</v>
      </c>
      <c r="P824" t="s">
        <v>86</v>
      </c>
      <c r="Q824">
        <v>33</v>
      </c>
      <c r="R824">
        <v>34</v>
      </c>
      <c r="S824">
        <v>35</v>
      </c>
      <c r="T824">
        <v>35</v>
      </c>
      <c r="U824">
        <v>36</v>
      </c>
      <c r="V824">
        <v>36</v>
      </c>
      <c r="W824">
        <v>37</v>
      </c>
      <c r="X824">
        <v>37</v>
      </c>
      <c r="Y824">
        <v>38</v>
      </c>
      <c r="Z824">
        <v>38</v>
      </c>
      <c r="AA824">
        <v>39</v>
      </c>
      <c r="AB824">
        <v>39</v>
      </c>
      <c r="AC824">
        <v>40</v>
      </c>
      <c r="AD824">
        <v>40</v>
      </c>
      <c r="AE824">
        <v>40</v>
      </c>
      <c r="AF824">
        <v>40</v>
      </c>
      <c r="AG824">
        <v>40</v>
      </c>
      <c r="AH824">
        <v>40</v>
      </c>
      <c r="AI824">
        <v>40</v>
      </c>
      <c r="AJ824">
        <v>40</v>
      </c>
      <c r="AK824">
        <v>40</v>
      </c>
      <c r="AL824">
        <v>40</v>
      </c>
      <c r="AM824">
        <v>40</v>
      </c>
      <c r="AN824">
        <v>40</v>
      </c>
      <c r="AO824">
        <v>39</v>
      </c>
      <c r="AP824">
        <v>39</v>
      </c>
      <c r="AQ824">
        <v>39</v>
      </c>
    </row>
    <row r="825" spans="1:43">
      <c r="A825" t="s">
        <v>603</v>
      </c>
      <c r="B825" t="s">
        <v>604</v>
      </c>
      <c r="C825" t="s">
        <v>429</v>
      </c>
      <c r="D825" t="s">
        <v>430</v>
      </c>
      <c r="E825" t="s">
        <v>353</v>
      </c>
      <c r="F825" t="s">
        <v>354</v>
      </c>
      <c r="G825" t="s">
        <v>80</v>
      </c>
      <c r="H825" t="s">
        <v>81</v>
      </c>
      <c r="I825" s="2">
        <v>1</v>
      </c>
      <c r="J825" s="2">
        <v>0</v>
      </c>
      <c r="K825" s="2">
        <v>0</v>
      </c>
      <c r="L825" t="s">
        <v>120</v>
      </c>
      <c r="M825" t="s">
        <v>83</v>
      </c>
      <c r="N825" t="s">
        <v>91</v>
      </c>
      <c r="O825" t="s">
        <v>85</v>
      </c>
      <c r="P825" t="s">
        <v>86</v>
      </c>
      <c r="Q825">
        <v>33</v>
      </c>
      <c r="R825">
        <v>33</v>
      </c>
      <c r="S825">
        <v>34</v>
      </c>
      <c r="T825">
        <v>34</v>
      </c>
      <c r="U825">
        <v>35</v>
      </c>
      <c r="V825">
        <v>35</v>
      </c>
      <c r="W825">
        <v>35</v>
      </c>
      <c r="X825">
        <v>36</v>
      </c>
      <c r="Y825">
        <v>36</v>
      </c>
      <c r="Z825">
        <v>36</v>
      </c>
      <c r="AA825">
        <v>36</v>
      </c>
      <c r="AB825">
        <v>37</v>
      </c>
      <c r="AC825">
        <v>37</v>
      </c>
      <c r="AD825">
        <v>37</v>
      </c>
      <c r="AE825">
        <v>38</v>
      </c>
      <c r="AF825">
        <v>38</v>
      </c>
      <c r="AG825">
        <v>38</v>
      </c>
      <c r="AH825">
        <v>39</v>
      </c>
      <c r="AI825">
        <v>39</v>
      </c>
      <c r="AJ825">
        <v>39</v>
      </c>
      <c r="AK825">
        <v>39</v>
      </c>
      <c r="AL825">
        <v>39</v>
      </c>
      <c r="AM825">
        <v>39</v>
      </c>
      <c r="AN825">
        <v>39</v>
      </c>
      <c r="AO825">
        <v>39</v>
      </c>
      <c r="AP825">
        <v>39</v>
      </c>
      <c r="AQ825">
        <v>39</v>
      </c>
    </row>
    <row r="826" spans="1:43">
      <c r="A826" t="s">
        <v>605</v>
      </c>
      <c r="B826" t="s">
        <v>606</v>
      </c>
      <c r="C826" t="s">
        <v>429</v>
      </c>
      <c r="D826" t="s">
        <v>430</v>
      </c>
      <c r="E826" t="s">
        <v>353</v>
      </c>
      <c r="F826" t="s">
        <v>354</v>
      </c>
      <c r="G826" t="s">
        <v>80</v>
      </c>
      <c r="H826" t="s">
        <v>81</v>
      </c>
      <c r="I826" s="2">
        <v>1</v>
      </c>
      <c r="J826" s="2">
        <v>0</v>
      </c>
      <c r="K826" s="2">
        <v>0</v>
      </c>
      <c r="L826" t="s">
        <v>120</v>
      </c>
      <c r="M826" t="s">
        <v>83</v>
      </c>
      <c r="N826" t="s">
        <v>84</v>
      </c>
      <c r="O826" t="s">
        <v>85</v>
      </c>
      <c r="P826" t="s">
        <v>86</v>
      </c>
      <c r="Q826">
        <v>83</v>
      </c>
      <c r="R826">
        <v>84</v>
      </c>
      <c r="S826">
        <v>85</v>
      </c>
      <c r="T826">
        <v>86</v>
      </c>
      <c r="U826">
        <v>87</v>
      </c>
      <c r="V826">
        <v>88</v>
      </c>
      <c r="W826">
        <v>89</v>
      </c>
      <c r="X826">
        <v>90</v>
      </c>
      <c r="Y826">
        <v>91</v>
      </c>
      <c r="Z826">
        <v>91</v>
      </c>
      <c r="AA826">
        <v>92</v>
      </c>
      <c r="AB826">
        <v>93</v>
      </c>
      <c r="AC826">
        <v>94</v>
      </c>
      <c r="AD826">
        <v>95</v>
      </c>
      <c r="AE826">
        <v>95</v>
      </c>
      <c r="AF826">
        <v>96</v>
      </c>
      <c r="AG826">
        <v>97</v>
      </c>
      <c r="AH826">
        <v>97</v>
      </c>
      <c r="AI826">
        <v>98</v>
      </c>
      <c r="AJ826">
        <v>99</v>
      </c>
      <c r="AK826">
        <v>100</v>
      </c>
      <c r="AL826">
        <v>100</v>
      </c>
      <c r="AM826">
        <v>99</v>
      </c>
      <c r="AN826">
        <v>99</v>
      </c>
      <c r="AO826">
        <v>99</v>
      </c>
      <c r="AP826">
        <v>99</v>
      </c>
      <c r="AQ826">
        <v>98</v>
      </c>
    </row>
    <row r="827" spans="1:43">
      <c r="A827" t="s">
        <v>605</v>
      </c>
      <c r="B827" t="s">
        <v>606</v>
      </c>
      <c r="C827" t="s">
        <v>429</v>
      </c>
      <c r="D827" t="s">
        <v>430</v>
      </c>
      <c r="E827" t="s">
        <v>353</v>
      </c>
      <c r="F827" t="s">
        <v>354</v>
      </c>
      <c r="G827" t="s">
        <v>80</v>
      </c>
      <c r="H827" t="s">
        <v>81</v>
      </c>
      <c r="I827" s="2">
        <v>1</v>
      </c>
      <c r="J827" s="2">
        <v>0</v>
      </c>
      <c r="K827" s="2">
        <v>0</v>
      </c>
      <c r="L827" t="s">
        <v>120</v>
      </c>
      <c r="M827" t="s">
        <v>87</v>
      </c>
      <c r="N827" t="s">
        <v>88</v>
      </c>
      <c r="O827" t="s">
        <v>85</v>
      </c>
      <c r="P827" t="s">
        <v>86</v>
      </c>
      <c r="Q827">
        <v>83</v>
      </c>
      <c r="R827">
        <v>83</v>
      </c>
      <c r="S827">
        <v>83</v>
      </c>
      <c r="T827">
        <v>83</v>
      </c>
      <c r="U827">
        <v>83</v>
      </c>
      <c r="V827">
        <v>83</v>
      </c>
      <c r="W827">
        <v>84</v>
      </c>
      <c r="X827">
        <v>84</v>
      </c>
      <c r="Y827">
        <v>84</v>
      </c>
      <c r="Z827">
        <v>84</v>
      </c>
      <c r="AA827">
        <v>84</v>
      </c>
      <c r="AB827">
        <v>84</v>
      </c>
      <c r="AC827">
        <v>84</v>
      </c>
      <c r="AD827">
        <v>84</v>
      </c>
      <c r="AE827">
        <v>85</v>
      </c>
      <c r="AF827">
        <v>85</v>
      </c>
      <c r="AG827">
        <v>85</v>
      </c>
      <c r="AH827">
        <v>85</v>
      </c>
      <c r="AI827">
        <v>85</v>
      </c>
      <c r="AJ827">
        <v>85</v>
      </c>
      <c r="AK827">
        <v>85</v>
      </c>
      <c r="AL827">
        <v>85</v>
      </c>
      <c r="AM827">
        <v>85</v>
      </c>
      <c r="AN827">
        <v>85</v>
      </c>
      <c r="AO827">
        <v>85</v>
      </c>
      <c r="AP827">
        <v>85</v>
      </c>
      <c r="AQ827">
        <v>85</v>
      </c>
    </row>
    <row r="828" spans="1:43">
      <c r="A828" t="s">
        <v>605</v>
      </c>
      <c r="B828" t="s">
        <v>606</v>
      </c>
      <c r="C828" t="s">
        <v>429</v>
      </c>
      <c r="D828" t="s">
        <v>430</v>
      </c>
      <c r="E828" t="s">
        <v>353</v>
      </c>
      <c r="F828" t="s">
        <v>354</v>
      </c>
      <c r="G828" t="s">
        <v>80</v>
      </c>
      <c r="H828" t="s">
        <v>81</v>
      </c>
      <c r="I828" s="2">
        <v>1</v>
      </c>
      <c r="J828" s="2">
        <v>0</v>
      </c>
      <c r="K828" s="2">
        <v>0</v>
      </c>
      <c r="L828" t="s">
        <v>120</v>
      </c>
      <c r="M828" t="s">
        <v>89</v>
      </c>
      <c r="N828" t="s">
        <v>90</v>
      </c>
      <c r="O828" t="s">
        <v>85</v>
      </c>
      <c r="P828" t="s">
        <v>86</v>
      </c>
      <c r="Q828">
        <v>83</v>
      </c>
      <c r="R828">
        <v>85</v>
      </c>
      <c r="S828">
        <v>87</v>
      </c>
      <c r="T828">
        <v>88</v>
      </c>
      <c r="U828">
        <v>90</v>
      </c>
      <c r="V828">
        <v>91</v>
      </c>
      <c r="W828">
        <v>92</v>
      </c>
      <c r="X828">
        <v>94</v>
      </c>
      <c r="Y828">
        <v>95</v>
      </c>
      <c r="Z828">
        <v>96</v>
      </c>
      <c r="AA828">
        <v>97</v>
      </c>
      <c r="AB828">
        <v>98</v>
      </c>
      <c r="AC828">
        <v>100</v>
      </c>
      <c r="AD828">
        <v>101</v>
      </c>
      <c r="AE828">
        <v>101</v>
      </c>
      <c r="AF828">
        <v>101</v>
      </c>
      <c r="AG828">
        <v>101</v>
      </c>
      <c r="AH828">
        <v>101</v>
      </c>
      <c r="AI828">
        <v>100</v>
      </c>
      <c r="AJ828">
        <v>100</v>
      </c>
      <c r="AK828">
        <v>100</v>
      </c>
      <c r="AL828">
        <v>100</v>
      </c>
      <c r="AM828">
        <v>99</v>
      </c>
      <c r="AN828">
        <v>99</v>
      </c>
      <c r="AO828">
        <v>99</v>
      </c>
      <c r="AP828">
        <v>98</v>
      </c>
      <c r="AQ828">
        <v>98</v>
      </c>
    </row>
    <row r="829" spans="1:43">
      <c r="A829" t="s">
        <v>605</v>
      </c>
      <c r="B829" t="s">
        <v>606</v>
      </c>
      <c r="C829" t="s">
        <v>429</v>
      </c>
      <c r="D829" t="s">
        <v>430</v>
      </c>
      <c r="E829" t="s">
        <v>353</v>
      </c>
      <c r="F829" t="s">
        <v>354</v>
      </c>
      <c r="G829" t="s">
        <v>80</v>
      </c>
      <c r="H829" t="s">
        <v>81</v>
      </c>
      <c r="I829" s="2">
        <v>1</v>
      </c>
      <c r="J829" s="2">
        <v>0</v>
      </c>
      <c r="K829" s="2">
        <v>0</v>
      </c>
      <c r="L829" t="s">
        <v>120</v>
      </c>
      <c r="M829" t="s">
        <v>83</v>
      </c>
      <c r="N829" t="s">
        <v>91</v>
      </c>
      <c r="O829" t="s">
        <v>85</v>
      </c>
      <c r="P829" t="s">
        <v>86</v>
      </c>
      <c r="Q829">
        <v>83</v>
      </c>
      <c r="R829">
        <v>84</v>
      </c>
      <c r="S829">
        <v>85</v>
      </c>
      <c r="T829">
        <v>86</v>
      </c>
      <c r="U829">
        <v>87</v>
      </c>
      <c r="V829">
        <v>88</v>
      </c>
      <c r="W829">
        <v>89</v>
      </c>
      <c r="X829">
        <v>90</v>
      </c>
      <c r="Y829">
        <v>91</v>
      </c>
      <c r="Z829">
        <v>91</v>
      </c>
      <c r="AA829">
        <v>92</v>
      </c>
      <c r="AB829">
        <v>93</v>
      </c>
      <c r="AC829">
        <v>94</v>
      </c>
      <c r="AD829">
        <v>95</v>
      </c>
      <c r="AE829">
        <v>95</v>
      </c>
      <c r="AF829">
        <v>96</v>
      </c>
      <c r="AG829">
        <v>97</v>
      </c>
      <c r="AH829">
        <v>97</v>
      </c>
      <c r="AI829">
        <v>98</v>
      </c>
      <c r="AJ829">
        <v>99</v>
      </c>
      <c r="AK829">
        <v>100</v>
      </c>
      <c r="AL829">
        <v>100</v>
      </c>
      <c r="AM829">
        <v>99</v>
      </c>
      <c r="AN829">
        <v>99</v>
      </c>
      <c r="AO829">
        <v>99</v>
      </c>
      <c r="AP829">
        <v>99</v>
      </c>
      <c r="AQ829">
        <v>98</v>
      </c>
    </row>
    <row r="830" spans="1:43">
      <c r="A830" t="s">
        <v>607</v>
      </c>
      <c r="B830" t="s">
        <v>608</v>
      </c>
      <c r="C830" t="s">
        <v>429</v>
      </c>
      <c r="D830" t="s">
        <v>430</v>
      </c>
      <c r="E830" t="s">
        <v>353</v>
      </c>
      <c r="F830" t="s">
        <v>354</v>
      </c>
      <c r="G830" t="s">
        <v>80</v>
      </c>
      <c r="H830" t="s">
        <v>81</v>
      </c>
      <c r="I830" s="2">
        <v>1</v>
      </c>
      <c r="J830" s="2">
        <v>0</v>
      </c>
      <c r="K830" s="2">
        <v>0</v>
      </c>
      <c r="L830" t="s">
        <v>120</v>
      </c>
      <c r="M830" t="s">
        <v>83</v>
      </c>
      <c r="N830" t="s">
        <v>84</v>
      </c>
      <c r="O830" t="s">
        <v>85</v>
      </c>
      <c r="P830" t="s">
        <v>86</v>
      </c>
      <c r="Q830">
        <v>39</v>
      </c>
      <c r="R830">
        <v>39</v>
      </c>
      <c r="S830">
        <v>40</v>
      </c>
      <c r="T830">
        <v>40</v>
      </c>
      <c r="U830">
        <v>40</v>
      </c>
      <c r="V830">
        <v>41</v>
      </c>
      <c r="W830">
        <v>41</v>
      </c>
      <c r="X830">
        <v>42</v>
      </c>
      <c r="Y830">
        <v>42</v>
      </c>
      <c r="Z830">
        <v>42</v>
      </c>
      <c r="AA830">
        <v>43</v>
      </c>
      <c r="AB830">
        <v>43</v>
      </c>
      <c r="AC830">
        <v>43</v>
      </c>
      <c r="AD830">
        <v>44</v>
      </c>
      <c r="AE830">
        <v>44</v>
      </c>
      <c r="AF830">
        <v>45</v>
      </c>
      <c r="AG830">
        <v>45</v>
      </c>
      <c r="AH830">
        <v>45</v>
      </c>
      <c r="AI830">
        <v>46</v>
      </c>
      <c r="AJ830">
        <v>46</v>
      </c>
      <c r="AK830">
        <v>46</v>
      </c>
      <c r="AL830">
        <v>46</v>
      </c>
      <c r="AM830">
        <v>46</v>
      </c>
      <c r="AN830">
        <v>46</v>
      </c>
      <c r="AO830">
        <v>46</v>
      </c>
      <c r="AP830">
        <v>46</v>
      </c>
      <c r="AQ830">
        <v>46</v>
      </c>
    </row>
    <row r="831" spans="1:43">
      <c r="A831" t="s">
        <v>607</v>
      </c>
      <c r="B831" t="s">
        <v>608</v>
      </c>
      <c r="C831" t="s">
        <v>429</v>
      </c>
      <c r="D831" t="s">
        <v>430</v>
      </c>
      <c r="E831" t="s">
        <v>353</v>
      </c>
      <c r="F831" t="s">
        <v>354</v>
      </c>
      <c r="G831" t="s">
        <v>80</v>
      </c>
      <c r="H831" t="s">
        <v>81</v>
      </c>
      <c r="I831" s="2">
        <v>1</v>
      </c>
      <c r="J831" s="2">
        <v>0</v>
      </c>
      <c r="K831" s="2">
        <v>0</v>
      </c>
      <c r="L831" t="s">
        <v>120</v>
      </c>
      <c r="M831" t="s">
        <v>87</v>
      </c>
      <c r="N831" t="s">
        <v>88</v>
      </c>
      <c r="O831" t="s">
        <v>85</v>
      </c>
      <c r="P831" t="s">
        <v>86</v>
      </c>
      <c r="Q831">
        <v>39</v>
      </c>
      <c r="R831">
        <v>39</v>
      </c>
      <c r="S831">
        <v>40</v>
      </c>
      <c r="T831">
        <v>40</v>
      </c>
      <c r="U831">
        <v>40</v>
      </c>
      <c r="V831">
        <v>40</v>
      </c>
      <c r="W831">
        <v>40</v>
      </c>
      <c r="X831">
        <v>40</v>
      </c>
      <c r="Y831">
        <v>40</v>
      </c>
      <c r="Z831">
        <v>40</v>
      </c>
      <c r="AA831">
        <v>40</v>
      </c>
      <c r="AB831">
        <v>40</v>
      </c>
      <c r="AC831">
        <v>40</v>
      </c>
      <c r="AD831">
        <v>40</v>
      </c>
      <c r="AE831">
        <v>40</v>
      </c>
      <c r="AF831">
        <v>40</v>
      </c>
      <c r="AG831">
        <v>40</v>
      </c>
      <c r="AH831">
        <v>40</v>
      </c>
      <c r="AI831">
        <v>40</v>
      </c>
      <c r="AJ831">
        <v>40</v>
      </c>
      <c r="AK831">
        <v>40</v>
      </c>
      <c r="AL831">
        <v>40</v>
      </c>
      <c r="AM831">
        <v>40</v>
      </c>
      <c r="AN831">
        <v>40</v>
      </c>
      <c r="AO831">
        <v>40</v>
      </c>
      <c r="AP831">
        <v>41</v>
      </c>
      <c r="AQ831">
        <v>41</v>
      </c>
    </row>
    <row r="832" spans="1:43">
      <c r="A832" t="s">
        <v>607</v>
      </c>
      <c r="B832" t="s">
        <v>608</v>
      </c>
      <c r="C832" t="s">
        <v>429</v>
      </c>
      <c r="D832" t="s">
        <v>430</v>
      </c>
      <c r="E832" t="s">
        <v>353</v>
      </c>
      <c r="F832" t="s">
        <v>354</v>
      </c>
      <c r="G832" t="s">
        <v>80</v>
      </c>
      <c r="H832" t="s">
        <v>81</v>
      </c>
      <c r="I832" s="2">
        <v>1</v>
      </c>
      <c r="J832" s="2">
        <v>0</v>
      </c>
      <c r="K832" s="2">
        <v>0</v>
      </c>
      <c r="L832" t="s">
        <v>120</v>
      </c>
      <c r="M832" t="s">
        <v>89</v>
      </c>
      <c r="N832" t="s">
        <v>90</v>
      </c>
      <c r="O832" t="s">
        <v>85</v>
      </c>
      <c r="P832" t="s">
        <v>86</v>
      </c>
      <c r="Q832">
        <v>39</v>
      </c>
      <c r="R832">
        <v>40</v>
      </c>
      <c r="S832">
        <v>41</v>
      </c>
      <c r="T832">
        <v>41</v>
      </c>
      <c r="U832">
        <v>42</v>
      </c>
      <c r="V832">
        <v>43</v>
      </c>
      <c r="W832">
        <v>43</v>
      </c>
      <c r="X832">
        <v>44</v>
      </c>
      <c r="Y832">
        <v>44</v>
      </c>
      <c r="Z832">
        <v>45</v>
      </c>
      <c r="AA832">
        <v>46</v>
      </c>
      <c r="AB832">
        <v>46</v>
      </c>
      <c r="AC832">
        <v>47</v>
      </c>
      <c r="AD832">
        <v>47</v>
      </c>
      <c r="AE832">
        <v>47</v>
      </c>
      <c r="AF832">
        <v>47</v>
      </c>
      <c r="AG832">
        <v>47</v>
      </c>
      <c r="AH832">
        <v>47</v>
      </c>
      <c r="AI832">
        <v>47</v>
      </c>
      <c r="AJ832">
        <v>47</v>
      </c>
      <c r="AK832">
        <v>47</v>
      </c>
      <c r="AL832">
        <v>47</v>
      </c>
      <c r="AM832">
        <v>46</v>
      </c>
      <c r="AN832">
        <v>46</v>
      </c>
      <c r="AO832">
        <v>46</v>
      </c>
      <c r="AP832">
        <v>46</v>
      </c>
      <c r="AQ832">
        <v>46</v>
      </c>
    </row>
    <row r="833" spans="1:43">
      <c r="A833" t="s">
        <v>607</v>
      </c>
      <c r="B833" t="s">
        <v>608</v>
      </c>
      <c r="C833" t="s">
        <v>429</v>
      </c>
      <c r="D833" t="s">
        <v>430</v>
      </c>
      <c r="E833" t="s">
        <v>353</v>
      </c>
      <c r="F833" t="s">
        <v>354</v>
      </c>
      <c r="G833" t="s">
        <v>80</v>
      </c>
      <c r="H833" t="s">
        <v>81</v>
      </c>
      <c r="I833" s="2">
        <v>1</v>
      </c>
      <c r="J833" s="2">
        <v>0</v>
      </c>
      <c r="K833" s="2">
        <v>0</v>
      </c>
      <c r="L833" t="s">
        <v>120</v>
      </c>
      <c r="M833" t="s">
        <v>83</v>
      </c>
      <c r="N833" t="s">
        <v>91</v>
      </c>
      <c r="O833" t="s">
        <v>85</v>
      </c>
      <c r="P833" t="s">
        <v>86</v>
      </c>
      <c r="Q833">
        <v>39</v>
      </c>
      <c r="R833">
        <v>39</v>
      </c>
      <c r="S833">
        <v>40</v>
      </c>
      <c r="T833">
        <v>40</v>
      </c>
      <c r="U833">
        <v>40</v>
      </c>
      <c r="V833">
        <v>41</v>
      </c>
      <c r="W833">
        <v>41</v>
      </c>
      <c r="X833">
        <v>42</v>
      </c>
      <c r="Y833">
        <v>42</v>
      </c>
      <c r="Z833">
        <v>42</v>
      </c>
      <c r="AA833">
        <v>43</v>
      </c>
      <c r="AB833">
        <v>43</v>
      </c>
      <c r="AC833">
        <v>43</v>
      </c>
      <c r="AD833">
        <v>44</v>
      </c>
      <c r="AE833">
        <v>44</v>
      </c>
      <c r="AF833">
        <v>45</v>
      </c>
      <c r="AG833">
        <v>45</v>
      </c>
      <c r="AH833">
        <v>45</v>
      </c>
      <c r="AI833">
        <v>46</v>
      </c>
      <c r="AJ833">
        <v>46</v>
      </c>
      <c r="AK833">
        <v>46</v>
      </c>
      <c r="AL833">
        <v>46</v>
      </c>
      <c r="AM833">
        <v>46</v>
      </c>
      <c r="AN833">
        <v>46</v>
      </c>
      <c r="AO833">
        <v>46</v>
      </c>
      <c r="AP833">
        <v>46</v>
      </c>
      <c r="AQ833">
        <v>46</v>
      </c>
    </row>
    <row r="834" spans="1:43">
      <c r="A834" t="s">
        <v>609</v>
      </c>
      <c r="B834" t="s">
        <v>610</v>
      </c>
      <c r="C834" t="s">
        <v>419</v>
      </c>
      <c r="D834" t="s">
        <v>420</v>
      </c>
      <c r="E834" t="s">
        <v>353</v>
      </c>
      <c r="F834" t="s">
        <v>354</v>
      </c>
      <c r="G834" t="s">
        <v>80</v>
      </c>
      <c r="H834" t="s">
        <v>81</v>
      </c>
      <c r="I834" s="2">
        <v>1</v>
      </c>
      <c r="J834" s="2">
        <v>0</v>
      </c>
      <c r="K834" s="2">
        <v>0</v>
      </c>
      <c r="L834" t="s">
        <v>120</v>
      </c>
      <c r="M834" t="s">
        <v>83</v>
      </c>
      <c r="N834" t="s">
        <v>84</v>
      </c>
      <c r="O834" t="s">
        <v>85</v>
      </c>
      <c r="P834" t="s">
        <v>86</v>
      </c>
      <c r="Q834">
        <v>19</v>
      </c>
      <c r="R834">
        <v>19</v>
      </c>
      <c r="S834">
        <v>20</v>
      </c>
      <c r="T834">
        <v>20</v>
      </c>
      <c r="U834">
        <v>20</v>
      </c>
      <c r="V834">
        <v>20</v>
      </c>
      <c r="W834">
        <v>21</v>
      </c>
      <c r="X834">
        <v>21</v>
      </c>
      <c r="Y834">
        <v>21</v>
      </c>
      <c r="Z834">
        <v>21</v>
      </c>
      <c r="AA834">
        <v>21</v>
      </c>
      <c r="AB834">
        <v>21</v>
      </c>
      <c r="AC834">
        <v>22</v>
      </c>
      <c r="AD834">
        <v>22</v>
      </c>
      <c r="AE834">
        <v>22</v>
      </c>
      <c r="AF834">
        <v>22</v>
      </c>
      <c r="AG834">
        <v>22</v>
      </c>
      <c r="AH834">
        <v>23</v>
      </c>
      <c r="AI834">
        <v>23</v>
      </c>
      <c r="AJ834">
        <v>23</v>
      </c>
      <c r="AK834">
        <v>23</v>
      </c>
      <c r="AL834">
        <v>23</v>
      </c>
      <c r="AM834">
        <v>23</v>
      </c>
      <c r="AN834">
        <v>23</v>
      </c>
      <c r="AO834">
        <v>23</v>
      </c>
      <c r="AP834">
        <v>23</v>
      </c>
      <c r="AQ834">
        <v>23</v>
      </c>
    </row>
    <row r="835" spans="1:43">
      <c r="A835" t="s">
        <v>609</v>
      </c>
      <c r="B835" t="s">
        <v>610</v>
      </c>
      <c r="C835" t="s">
        <v>419</v>
      </c>
      <c r="D835" t="s">
        <v>420</v>
      </c>
      <c r="E835" t="s">
        <v>353</v>
      </c>
      <c r="F835" t="s">
        <v>354</v>
      </c>
      <c r="G835" t="s">
        <v>80</v>
      </c>
      <c r="H835" t="s">
        <v>81</v>
      </c>
      <c r="I835" s="2">
        <v>1</v>
      </c>
      <c r="J835" s="2">
        <v>0</v>
      </c>
      <c r="K835" s="2">
        <v>0</v>
      </c>
      <c r="L835" t="s">
        <v>120</v>
      </c>
      <c r="M835" t="s">
        <v>87</v>
      </c>
      <c r="N835" t="s">
        <v>88</v>
      </c>
      <c r="O835" t="s">
        <v>85</v>
      </c>
      <c r="P835" t="s">
        <v>86</v>
      </c>
      <c r="Q835">
        <v>19</v>
      </c>
      <c r="R835">
        <v>19</v>
      </c>
      <c r="S835">
        <v>19</v>
      </c>
      <c r="T835">
        <v>19</v>
      </c>
      <c r="U835">
        <v>19</v>
      </c>
      <c r="V835">
        <v>19</v>
      </c>
      <c r="W835">
        <v>19</v>
      </c>
      <c r="X835">
        <v>19</v>
      </c>
      <c r="Y835">
        <v>19</v>
      </c>
      <c r="Z835">
        <v>19</v>
      </c>
      <c r="AA835">
        <v>19</v>
      </c>
      <c r="AB835">
        <v>19</v>
      </c>
      <c r="AC835">
        <v>19</v>
      </c>
      <c r="AD835">
        <v>19</v>
      </c>
      <c r="AE835">
        <v>20</v>
      </c>
      <c r="AF835">
        <v>20</v>
      </c>
      <c r="AG835">
        <v>20</v>
      </c>
      <c r="AH835">
        <v>20</v>
      </c>
      <c r="AI835">
        <v>20</v>
      </c>
      <c r="AJ835">
        <v>20</v>
      </c>
      <c r="AK835">
        <v>20</v>
      </c>
      <c r="AL835">
        <v>20</v>
      </c>
      <c r="AM835">
        <v>20</v>
      </c>
      <c r="AN835">
        <v>20</v>
      </c>
      <c r="AO835">
        <v>20</v>
      </c>
      <c r="AP835">
        <v>20</v>
      </c>
      <c r="AQ835">
        <v>20</v>
      </c>
    </row>
    <row r="836" spans="1:43">
      <c r="A836" t="s">
        <v>609</v>
      </c>
      <c r="B836" t="s">
        <v>610</v>
      </c>
      <c r="C836" t="s">
        <v>419</v>
      </c>
      <c r="D836" t="s">
        <v>420</v>
      </c>
      <c r="E836" t="s">
        <v>353</v>
      </c>
      <c r="F836" t="s">
        <v>354</v>
      </c>
      <c r="G836" t="s">
        <v>80</v>
      </c>
      <c r="H836" t="s">
        <v>81</v>
      </c>
      <c r="I836" s="2">
        <v>1</v>
      </c>
      <c r="J836" s="2">
        <v>0</v>
      </c>
      <c r="K836" s="2">
        <v>0</v>
      </c>
      <c r="L836" t="s">
        <v>120</v>
      </c>
      <c r="M836" t="s">
        <v>89</v>
      </c>
      <c r="N836" t="s">
        <v>90</v>
      </c>
      <c r="O836" t="s">
        <v>85</v>
      </c>
      <c r="P836" t="s">
        <v>86</v>
      </c>
      <c r="Q836">
        <v>19</v>
      </c>
      <c r="R836">
        <v>20</v>
      </c>
      <c r="S836">
        <v>20</v>
      </c>
      <c r="T836">
        <v>21</v>
      </c>
      <c r="U836">
        <v>21</v>
      </c>
      <c r="V836">
        <v>21</v>
      </c>
      <c r="W836">
        <v>22</v>
      </c>
      <c r="X836">
        <v>22</v>
      </c>
      <c r="Y836">
        <v>22</v>
      </c>
      <c r="Z836">
        <v>22</v>
      </c>
      <c r="AA836">
        <v>23</v>
      </c>
      <c r="AB836">
        <v>23</v>
      </c>
      <c r="AC836">
        <v>23</v>
      </c>
      <c r="AD836">
        <v>23</v>
      </c>
      <c r="AE836">
        <v>24</v>
      </c>
      <c r="AF836">
        <v>24</v>
      </c>
      <c r="AG836">
        <v>24</v>
      </c>
      <c r="AH836">
        <v>23</v>
      </c>
      <c r="AI836">
        <v>23</v>
      </c>
      <c r="AJ836">
        <v>23</v>
      </c>
      <c r="AK836">
        <v>23</v>
      </c>
      <c r="AL836">
        <v>23</v>
      </c>
      <c r="AM836">
        <v>23</v>
      </c>
      <c r="AN836">
        <v>23</v>
      </c>
      <c r="AO836">
        <v>23</v>
      </c>
      <c r="AP836">
        <v>23</v>
      </c>
      <c r="AQ836">
        <v>23</v>
      </c>
    </row>
    <row r="837" spans="1:43">
      <c r="A837" t="s">
        <v>609</v>
      </c>
      <c r="B837" t="s">
        <v>610</v>
      </c>
      <c r="C837" t="s">
        <v>419</v>
      </c>
      <c r="D837" t="s">
        <v>420</v>
      </c>
      <c r="E837" t="s">
        <v>353</v>
      </c>
      <c r="F837" t="s">
        <v>354</v>
      </c>
      <c r="G837" t="s">
        <v>80</v>
      </c>
      <c r="H837" t="s">
        <v>81</v>
      </c>
      <c r="I837" s="2">
        <v>1</v>
      </c>
      <c r="J837" s="2">
        <v>0</v>
      </c>
      <c r="K837" s="2">
        <v>0</v>
      </c>
      <c r="L837" t="s">
        <v>120</v>
      </c>
      <c r="M837" t="s">
        <v>83</v>
      </c>
      <c r="N837" t="s">
        <v>91</v>
      </c>
      <c r="O837" t="s">
        <v>85</v>
      </c>
      <c r="P837" t="s">
        <v>86</v>
      </c>
      <c r="Q837">
        <v>19</v>
      </c>
      <c r="R837">
        <v>19</v>
      </c>
      <c r="S837">
        <v>20</v>
      </c>
      <c r="T837">
        <v>20</v>
      </c>
      <c r="U837">
        <v>20</v>
      </c>
      <c r="V837">
        <v>20</v>
      </c>
      <c r="W837">
        <v>21</v>
      </c>
      <c r="X837">
        <v>21</v>
      </c>
      <c r="Y837">
        <v>21</v>
      </c>
      <c r="Z837">
        <v>21</v>
      </c>
      <c r="AA837">
        <v>21</v>
      </c>
      <c r="AB837">
        <v>21</v>
      </c>
      <c r="AC837">
        <v>22</v>
      </c>
      <c r="AD837">
        <v>22</v>
      </c>
      <c r="AE837">
        <v>22</v>
      </c>
      <c r="AF837">
        <v>22</v>
      </c>
      <c r="AG837">
        <v>22</v>
      </c>
      <c r="AH837">
        <v>23</v>
      </c>
      <c r="AI837">
        <v>23</v>
      </c>
      <c r="AJ837">
        <v>23</v>
      </c>
      <c r="AK837">
        <v>23</v>
      </c>
      <c r="AL837">
        <v>23</v>
      </c>
      <c r="AM837">
        <v>23</v>
      </c>
      <c r="AN837">
        <v>23</v>
      </c>
      <c r="AO837">
        <v>23</v>
      </c>
      <c r="AP837">
        <v>23</v>
      </c>
      <c r="AQ837">
        <v>23</v>
      </c>
    </row>
    <row r="838" spans="1:43">
      <c r="A838" t="s">
        <v>611</v>
      </c>
      <c r="B838" t="s">
        <v>612</v>
      </c>
      <c r="C838" t="s">
        <v>411</v>
      </c>
      <c r="D838" t="s">
        <v>412</v>
      </c>
      <c r="E838" t="s">
        <v>353</v>
      </c>
      <c r="F838" t="s">
        <v>354</v>
      </c>
      <c r="G838" t="s">
        <v>80</v>
      </c>
      <c r="H838" t="s">
        <v>81</v>
      </c>
      <c r="I838" s="2">
        <v>1</v>
      </c>
      <c r="J838" s="2">
        <v>0</v>
      </c>
      <c r="K838" s="2">
        <v>0</v>
      </c>
      <c r="L838" t="s">
        <v>120</v>
      </c>
      <c r="M838" t="s">
        <v>83</v>
      </c>
      <c r="N838" t="s">
        <v>84</v>
      </c>
      <c r="O838" t="s">
        <v>85</v>
      </c>
      <c r="P838" t="s">
        <v>86</v>
      </c>
      <c r="Q838">
        <v>15</v>
      </c>
      <c r="R838">
        <v>16</v>
      </c>
      <c r="S838">
        <v>16</v>
      </c>
      <c r="T838">
        <v>16</v>
      </c>
      <c r="U838">
        <v>16</v>
      </c>
      <c r="V838">
        <v>16</v>
      </c>
      <c r="W838">
        <v>17</v>
      </c>
      <c r="X838">
        <v>17</v>
      </c>
      <c r="Y838">
        <v>17</v>
      </c>
      <c r="Z838">
        <v>17</v>
      </c>
      <c r="AA838">
        <v>17</v>
      </c>
      <c r="AB838">
        <v>17</v>
      </c>
      <c r="AC838">
        <v>17</v>
      </c>
      <c r="AD838">
        <v>18</v>
      </c>
      <c r="AE838">
        <v>18</v>
      </c>
      <c r="AF838">
        <v>18</v>
      </c>
      <c r="AG838">
        <v>18</v>
      </c>
      <c r="AH838">
        <v>18</v>
      </c>
      <c r="AI838">
        <v>18</v>
      </c>
      <c r="AJ838">
        <v>18</v>
      </c>
      <c r="AK838">
        <v>19</v>
      </c>
      <c r="AL838">
        <v>19</v>
      </c>
      <c r="AM838">
        <v>19</v>
      </c>
      <c r="AN838">
        <v>18</v>
      </c>
      <c r="AO838">
        <v>18</v>
      </c>
      <c r="AP838">
        <v>18</v>
      </c>
      <c r="AQ838">
        <v>18</v>
      </c>
    </row>
    <row r="839" spans="1:43">
      <c r="A839" t="s">
        <v>611</v>
      </c>
      <c r="B839" t="s">
        <v>612</v>
      </c>
      <c r="C839" t="s">
        <v>411</v>
      </c>
      <c r="D839" t="s">
        <v>412</v>
      </c>
      <c r="E839" t="s">
        <v>353</v>
      </c>
      <c r="F839" t="s">
        <v>354</v>
      </c>
      <c r="G839" t="s">
        <v>80</v>
      </c>
      <c r="H839" t="s">
        <v>81</v>
      </c>
      <c r="I839" s="2">
        <v>1</v>
      </c>
      <c r="J839" s="2">
        <v>0</v>
      </c>
      <c r="K839" s="2">
        <v>0</v>
      </c>
      <c r="L839" t="s">
        <v>120</v>
      </c>
      <c r="M839" t="s">
        <v>87</v>
      </c>
      <c r="N839" t="s">
        <v>88</v>
      </c>
      <c r="O839" t="s">
        <v>85</v>
      </c>
      <c r="P839" t="s">
        <v>86</v>
      </c>
      <c r="Q839">
        <v>15</v>
      </c>
      <c r="R839">
        <v>15</v>
      </c>
      <c r="S839">
        <v>15</v>
      </c>
      <c r="T839">
        <v>15</v>
      </c>
      <c r="U839">
        <v>15</v>
      </c>
      <c r="V839">
        <v>16</v>
      </c>
      <c r="W839">
        <v>16</v>
      </c>
      <c r="X839">
        <v>16</v>
      </c>
      <c r="Y839">
        <v>16</v>
      </c>
      <c r="Z839">
        <v>16</v>
      </c>
      <c r="AA839">
        <v>16</v>
      </c>
      <c r="AB839">
        <v>16</v>
      </c>
      <c r="AC839">
        <v>16</v>
      </c>
      <c r="AD839">
        <v>16</v>
      </c>
      <c r="AE839">
        <v>16</v>
      </c>
      <c r="AF839">
        <v>16</v>
      </c>
      <c r="AG839">
        <v>16</v>
      </c>
      <c r="AH839">
        <v>16</v>
      </c>
      <c r="AI839">
        <v>16</v>
      </c>
      <c r="AJ839">
        <v>16</v>
      </c>
      <c r="AK839">
        <v>16</v>
      </c>
      <c r="AL839">
        <v>16</v>
      </c>
      <c r="AM839">
        <v>16</v>
      </c>
      <c r="AN839">
        <v>16</v>
      </c>
      <c r="AO839">
        <v>16</v>
      </c>
      <c r="AP839">
        <v>16</v>
      </c>
      <c r="AQ839">
        <v>16</v>
      </c>
    </row>
    <row r="840" spans="1:43">
      <c r="A840" t="s">
        <v>611</v>
      </c>
      <c r="B840" t="s">
        <v>612</v>
      </c>
      <c r="C840" t="s">
        <v>411</v>
      </c>
      <c r="D840" t="s">
        <v>412</v>
      </c>
      <c r="E840" t="s">
        <v>353</v>
      </c>
      <c r="F840" t="s">
        <v>354</v>
      </c>
      <c r="G840" t="s">
        <v>80</v>
      </c>
      <c r="H840" t="s">
        <v>81</v>
      </c>
      <c r="I840" s="2">
        <v>1</v>
      </c>
      <c r="J840" s="2">
        <v>0</v>
      </c>
      <c r="K840" s="2">
        <v>0</v>
      </c>
      <c r="L840" t="s">
        <v>120</v>
      </c>
      <c r="M840" t="s">
        <v>89</v>
      </c>
      <c r="N840" t="s">
        <v>90</v>
      </c>
      <c r="O840" t="s">
        <v>85</v>
      </c>
      <c r="P840" t="s">
        <v>86</v>
      </c>
      <c r="Q840">
        <v>15</v>
      </c>
      <c r="R840">
        <v>15</v>
      </c>
      <c r="S840">
        <v>15</v>
      </c>
      <c r="T840">
        <v>16</v>
      </c>
      <c r="U840">
        <v>16</v>
      </c>
      <c r="V840">
        <v>16</v>
      </c>
      <c r="W840">
        <v>16</v>
      </c>
      <c r="X840">
        <v>17</v>
      </c>
      <c r="Y840">
        <v>17</v>
      </c>
      <c r="Z840">
        <v>17</v>
      </c>
      <c r="AA840">
        <v>17</v>
      </c>
      <c r="AB840">
        <v>17</v>
      </c>
      <c r="AC840">
        <v>18</v>
      </c>
      <c r="AD840">
        <v>18</v>
      </c>
      <c r="AE840">
        <v>18</v>
      </c>
      <c r="AF840">
        <v>18</v>
      </c>
      <c r="AG840">
        <v>18</v>
      </c>
      <c r="AH840">
        <v>18</v>
      </c>
      <c r="AI840">
        <v>18</v>
      </c>
      <c r="AJ840">
        <v>18</v>
      </c>
      <c r="AK840">
        <v>18</v>
      </c>
      <c r="AL840">
        <v>18</v>
      </c>
      <c r="AM840">
        <v>18</v>
      </c>
      <c r="AN840">
        <v>18</v>
      </c>
      <c r="AO840">
        <v>18</v>
      </c>
      <c r="AP840">
        <v>18</v>
      </c>
      <c r="AQ840">
        <v>18</v>
      </c>
    </row>
    <row r="841" spans="1:43">
      <c r="A841" t="s">
        <v>611</v>
      </c>
      <c r="B841" t="s">
        <v>612</v>
      </c>
      <c r="C841" t="s">
        <v>411</v>
      </c>
      <c r="D841" t="s">
        <v>412</v>
      </c>
      <c r="E841" t="s">
        <v>353</v>
      </c>
      <c r="F841" t="s">
        <v>354</v>
      </c>
      <c r="G841" t="s">
        <v>80</v>
      </c>
      <c r="H841" t="s">
        <v>81</v>
      </c>
      <c r="I841" s="2">
        <v>1</v>
      </c>
      <c r="J841" s="2">
        <v>0</v>
      </c>
      <c r="K841" s="2">
        <v>0</v>
      </c>
      <c r="L841" t="s">
        <v>120</v>
      </c>
      <c r="M841" t="s">
        <v>83</v>
      </c>
      <c r="N841" t="s">
        <v>91</v>
      </c>
      <c r="O841" t="s">
        <v>85</v>
      </c>
      <c r="P841" t="s">
        <v>86</v>
      </c>
      <c r="Q841">
        <v>15</v>
      </c>
      <c r="R841">
        <v>16</v>
      </c>
      <c r="S841">
        <v>16</v>
      </c>
      <c r="T841">
        <v>16</v>
      </c>
      <c r="U841">
        <v>16</v>
      </c>
      <c r="V841">
        <v>16</v>
      </c>
      <c r="W841">
        <v>17</v>
      </c>
      <c r="X841">
        <v>17</v>
      </c>
      <c r="Y841">
        <v>17</v>
      </c>
      <c r="Z841">
        <v>17</v>
      </c>
      <c r="AA841">
        <v>17</v>
      </c>
      <c r="AB841">
        <v>17</v>
      </c>
      <c r="AC841">
        <v>17</v>
      </c>
      <c r="AD841">
        <v>18</v>
      </c>
      <c r="AE841">
        <v>18</v>
      </c>
      <c r="AF841">
        <v>18</v>
      </c>
      <c r="AG841">
        <v>18</v>
      </c>
      <c r="AH841">
        <v>18</v>
      </c>
      <c r="AI841">
        <v>18</v>
      </c>
      <c r="AJ841">
        <v>18</v>
      </c>
      <c r="AK841">
        <v>19</v>
      </c>
      <c r="AL841">
        <v>19</v>
      </c>
      <c r="AM841">
        <v>19</v>
      </c>
      <c r="AN841">
        <v>18</v>
      </c>
      <c r="AO841">
        <v>18</v>
      </c>
      <c r="AP841">
        <v>18</v>
      </c>
      <c r="AQ841">
        <v>18</v>
      </c>
    </row>
    <row r="842" spans="1:43">
      <c r="A842" t="s">
        <v>613</v>
      </c>
      <c r="B842" t="s">
        <v>614</v>
      </c>
      <c r="C842" t="s">
        <v>419</v>
      </c>
      <c r="D842" t="s">
        <v>420</v>
      </c>
      <c r="E842" t="s">
        <v>353</v>
      </c>
      <c r="F842" t="s">
        <v>354</v>
      </c>
      <c r="G842" t="s">
        <v>80</v>
      </c>
      <c r="H842" t="s">
        <v>81</v>
      </c>
      <c r="I842" s="2">
        <v>1</v>
      </c>
      <c r="J842" s="2">
        <v>0</v>
      </c>
      <c r="K842" s="2">
        <v>0</v>
      </c>
      <c r="L842" t="s">
        <v>120</v>
      </c>
      <c r="M842" t="s">
        <v>83</v>
      </c>
      <c r="N842" t="s">
        <v>84</v>
      </c>
      <c r="O842" t="s">
        <v>85</v>
      </c>
      <c r="P842" t="s">
        <v>86</v>
      </c>
      <c r="Q842">
        <v>4199</v>
      </c>
      <c r="R842">
        <v>4247</v>
      </c>
      <c r="S842">
        <v>4295</v>
      </c>
      <c r="T842">
        <v>4342</v>
      </c>
      <c r="U842">
        <v>4389</v>
      </c>
      <c r="V842">
        <v>4436</v>
      </c>
      <c r="W842">
        <v>4481</v>
      </c>
      <c r="X842">
        <v>4525</v>
      </c>
      <c r="Y842">
        <v>4567</v>
      </c>
      <c r="Z842">
        <v>4608</v>
      </c>
      <c r="AA842">
        <v>4649</v>
      </c>
      <c r="AB842">
        <v>4689</v>
      </c>
      <c r="AC842">
        <v>4729</v>
      </c>
      <c r="AD842">
        <v>4768</v>
      </c>
      <c r="AE842">
        <v>4807</v>
      </c>
      <c r="AF842">
        <v>4845</v>
      </c>
      <c r="AG842">
        <v>4883</v>
      </c>
      <c r="AH842">
        <v>4920</v>
      </c>
      <c r="AI842">
        <v>4957</v>
      </c>
      <c r="AJ842">
        <v>4993</v>
      </c>
      <c r="AK842">
        <v>5029</v>
      </c>
      <c r="AL842">
        <v>5035</v>
      </c>
      <c r="AM842">
        <v>5025</v>
      </c>
      <c r="AN842">
        <v>5015</v>
      </c>
      <c r="AO842">
        <v>5005</v>
      </c>
      <c r="AP842">
        <v>4995</v>
      </c>
      <c r="AQ842">
        <v>4986</v>
      </c>
    </row>
    <row r="843" spans="1:43">
      <c r="A843" t="s">
        <v>613</v>
      </c>
      <c r="B843" t="s">
        <v>614</v>
      </c>
      <c r="C843" t="s">
        <v>419</v>
      </c>
      <c r="D843" t="s">
        <v>420</v>
      </c>
      <c r="E843" t="s">
        <v>353</v>
      </c>
      <c r="F843" t="s">
        <v>354</v>
      </c>
      <c r="G843" t="s">
        <v>80</v>
      </c>
      <c r="H843" t="s">
        <v>81</v>
      </c>
      <c r="I843" s="2">
        <v>1</v>
      </c>
      <c r="J843" s="2">
        <v>0</v>
      </c>
      <c r="K843" s="2">
        <v>0</v>
      </c>
      <c r="L843" t="s">
        <v>120</v>
      </c>
      <c r="M843" t="s">
        <v>87</v>
      </c>
      <c r="N843" t="s">
        <v>88</v>
      </c>
      <c r="O843" t="s">
        <v>85</v>
      </c>
      <c r="P843" t="s">
        <v>86</v>
      </c>
      <c r="Q843">
        <v>4199</v>
      </c>
      <c r="R843">
        <v>4208</v>
      </c>
      <c r="S843">
        <v>4216</v>
      </c>
      <c r="T843">
        <v>4225</v>
      </c>
      <c r="U843">
        <v>4233</v>
      </c>
      <c r="V843">
        <v>4241</v>
      </c>
      <c r="W843">
        <v>4249</v>
      </c>
      <c r="X843">
        <v>4256</v>
      </c>
      <c r="Y843">
        <v>4263</v>
      </c>
      <c r="Z843">
        <v>4270</v>
      </c>
      <c r="AA843">
        <v>4277</v>
      </c>
      <c r="AB843">
        <v>4283</v>
      </c>
      <c r="AC843">
        <v>4289</v>
      </c>
      <c r="AD843">
        <v>4295</v>
      </c>
      <c r="AE843">
        <v>4301</v>
      </c>
      <c r="AF843">
        <v>4306</v>
      </c>
      <c r="AG843">
        <v>4312</v>
      </c>
      <c r="AH843">
        <v>4317</v>
      </c>
      <c r="AI843">
        <v>4321</v>
      </c>
      <c r="AJ843">
        <v>4326</v>
      </c>
      <c r="AK843">
        <v>4330</v>
      </c>
      <c r="AL843">
        <v>4334</v>
      </c>
      <c r="AM843">
        <v>4338</v>
      </c>
      <c r="AN843">
        <v>4341</v>
      </c>
      <c r="AO843">
        <v>4345</v>
      </c>
      <c r="AP843">
        <v>4348</v>
      </c>
      <c r="AQ843">
        <v>4351</v>
      </c>
    </row>
    <row r="844" spans="1:43">
      <c r="A844" t="s">
        <v>613</v>
      </c>
      <c r="B844" t="s">
        <v>614</v>
      </c>
      <c r="C844" t="s">
        <v>419</v>
      </c>
      <c r="D844" t="s">
        <v>420</v>
      </c>
      <c r="E844" t="s">
        <v>353</v>
      </c>
      <c r="F844" t="s">
        <v>354</v>
      </c>
      <c r="G844" t="s">
        <v>80</v>
      </c>
      <c r="H844" t="s">
        <v>81</v>
      </c>
      <c r="I844" s="2">
        <v>1</v>
      </c>
      <c r="J844" s="2">
        <v>0</v>
      </c>
      <c r="K844" s="2">
        <v>0</v>
      </c>
      <c r="L844" t="s">
        <v>120</v>
      </c>
      <c r="M844" t="s">
        <v>89</v>
      </c>
      <c r="N844" t="s">
        <v>90</v>
      </c>
      <c r="O844" t="s">
        <v>85</v>
      </c>
      <c r="P844" t="s">
        <v>86</v>
      </c>
      <c r="Q844">
        <v>4199</v>
      </c>
      <c r="R844">
        <v>4284</v>
      </c>
      <c r="S844">
        <v>4366</v>
      </c>
      <c r="T844">
        <v>4447</v>
      </c>
      <c r="U844">
        <v>4524</v>
      </c>
      <c r="V844">
        <v>4595</v>
      </c>
      <c r="W844">
        <v>4664</v>
      </c>
      <c r="X844">
        <v>4730</v>
      </c>
      <c r="Y844">
        <v>4794</v>
      </c>
      <c r="Z844">
        <v>4855</v>
      </c>
      <c r="AA844">
        <v>4914</v>
      </c>
      <c r="AB844">
        <v>4970</v>
      </c>
      <c r="AC844">
        <v>5033</v>
      </c>
      <c r="AD844">
        <v>5089</v>
      </c>
      <c r="AE844">
        <v>5120</v>
      </c>
      <c r="AF844">
        <v>5112</v>
      </c>
      <c r="AG844">
        <v>5103</v>
      </c>
      <c r="AH844">
        <v>5094</v>
      </c>
      <c r="AI844">
        <v>5085</v>
      </c>
      <c r="AJ844">
        <v>5076</v>
      </c>
      <c r="AK844">
        <v>5066</v>
      </c>
      <c r="AL844">
        <v>5056</v>
      </c>
      <c r="AM844">
        <v>5045</v>
      </c>
      <c r="AN844">
        <v>5034</v>
      </c>
      <c r="AO844">
        <v>5023</v>
      </c>
      <c r="AP844">
        <v>5012</v>
      </c>
      <c r="AQ844">
        <v>5000</v>
      </c>
    </row>
    <row r="845" spans="1:43">
      <c r="A845" t="s">
        <v>613</v>
      </c>
      <c r="B845" t="s">
        <v>614</v>
      </c>
      <c r="C845" t="s">
        <v>419</v>
      </c>
      <c r="D845" t="s">
        <v>420</v>
      </c>
      <c r="E845" t="s">
        <v>353</v>
      </c>
      <c r="F845" t="s">
        <v>354</v>
      </c>
      <c r="G845" t="s">
        <v>80</v>
      </c>
      <c r="H845" t="s">
        <v>81</v>
      </c>
      <c r="I845" s="2">
        <v>1</v>
      </c>
      <c r="J845" s="2">
        <v>0</v>
      </c>
      <c r="K845" s="2">
        <v>0</v>
      </c>
      <c r="L845" t="s">
        <v>120</v>
      </c>
      <c r="M845" t="s">
        <v>83</v>
      </c>
      <c r="N845" t="s">
        <v>91</v>
      </c>
      <c r="O845" t="s">
        <v>85</v>
      </c>
      <c r="P845" t="s">
        <v>86</v>
      </c>
      <c r="Q845">
        <v>4199</v>
      </c>
      <c r="R845">
        <v>4247</v>
      </c>
      <c r="S845">
        <v>4295</v>
      </c>
      <c r="T845">
        <v>4342</v>
      </c>
      <c r="U845">
        <v>4389</v>
      </c>
      <c r="V845">
        <v>4436</v>
      </c>
      <c r="W845">
        <v>4481</v>
      </c>
      <c r="X845">
        <v>4525</v>
      </c>
      <c r="Y845">
        <v>4567</v>
      </c>
      <c r="Z845">
        <v>4608</v>
      </c>
      <c r="AA845">
        <v>4649</v>
      </c>
      <c r="AB845">
        <v>4689</v>
      </c>
      <c r="AC845">
        <v>4729</v>
      </c>
      <c r="AD845">
        <v>4768</v>
      </c>
      <c r="AE845">
        <v>4807</v>
      </c>
      <c r="AF845">
        <v>4845</v>
      </c>
      <c r="AG845">
        <v>4883</v>
      </c>
      <c r="AH845">
        <v>4920</v>
      </c>
      <c r="AI845">
        <v>4957</v>
      </c>
      <c r="AJ845">
        <v>4993</v>
      </c>
      <c r="AK845">
        <v>5029</v>
      </c>
      <c r="AL845">
        <v>5035</v>
      </c>
      <c r="AM845">
        <v>5025</v>
      </c>
      <c r="AN845">
        <v>5015</v>
      </c>
      <c r="AO845">
        <v>5005</v>
      </c>
      <c r="AP845">
        <v>4995</v>
      </c>
      <c r="AQ845">
        <v>4986</v>
      </c>
    </row>
    <row r="846" spans="1:43">
      <c r="A846" t="s">
        <v>615</v>
      </c>
      <c r="B846" t="s">
        <v>616</v>
      </c>
      <c r="C846" t="s">
        <v>411</v>
      </c>
      <c r="D846" t="s">
        <v>412</v>
      </c>
      <c r="E846" t="s">
        <v>353</v>
      </c>
      <c r="F846" t="s">
        <v>354</v>
      </c>
      <c r="G846" t="s">
        <v>80</v>
      </c>
      <c r="H846" t="s">
        <v>81</v>
      </c>
      <c r="I846" s="2">
        <v>1</v>
      </c>
      <c r="J846" s="2">
        <v>0</v>
      </c>
      <c r="K846" s="2">
        <v>0</v>
      </c>
      <c r="L846" t="s">
        <v>120</v>
      </c>
      <c r="M846" t="s">
        <v>83</v>
      </c>
      <c r="N846" t="s">
        <v>84</v>
      </c>
      <c r="O846" t="s">
        <v>85</v>
      </c>
      <c r="P846" t="s">
        <v>86</v>
      </c>
      <c r="Q846">
        <v>12</v>
      </c>
      <c r="R846">
        <v>12</v>
      </c>
      <c r="S846">
        <v>12</v>
      </c>
      <c r="T846">
        <v>12</v>
      </c>
      <c r="U846">
        <v>12</v>
      </c>
      <c r="V846">
        <v>12</v>
      </c>
      <c r="W846">
        <v>13</v>
      </c>
      <c r="X846">
        <v>13</v>
      </c>
      <c r="Y846">
        <v>13</v>
      </c>
      <c r="Z846">
        <v>13</v>
      </c>
      <c r="AA846">
        <v>13</v>
      </c>
      <c r="AB846">
        <v>13</v>
      </c>
      <c r="AC846">
        <v>13</v>
      </c>
      <c r="AD846">
        <v>13</v>
      </c>
      <c r="AE846">
        <v>13</v>
      </c>
      <c r="AF846">
        <v>14</v>
      </c>
      <c r="AG846">
        <v>14</v>
      </c>
      <c r="AH846">
        <v>14</v>
      </c>
      <c r="AI846">
        <v>14</v>
      </c>
      <c r="AJ846">
        <v>14</v>
      </c>
      <c r="AK846">
        <v>14</v>
      </c>
      <c r="AL846">
        <v>14</v>
      </c>
      <c r="AM846">
        <v>14</v>
      </c>
      <c r="AN846">
        <v>14</v>
      </c>
      <c r="AO846">
        <v>14</v>
      </c>
      <c r="AP846">
        <v>14</v>
      </c>
      <c r="AQ846">
        <v>14</v>
      </c>
    </row>
    <row r="847" spans="1:43">
      <c r="A847" t="s">
        <v>615</v>
      </c>
      <c r="B847" t="s">
        <v>616</v>
      </c>
      <c r="C847" t="s">
        <v>411</v>
      </c>
      <c r="D847" t="s">
        <v>412</v>
      </c>
      <c r="E847" t="s">
        <v>353</v>
      </c>
      <c r="F847" t="s">
        <v>354</v>
      </c>
      <c r="G847" t="s">
        <v>80</v>
      </c>
      <c r="H847" t="s">
        <v>81</v>
      </c>
      <c r="I847" s="2">
        <v>1</v>
      </c>
      <c r="J847" s="2">
        <v>0</v>
      </c>
      <c r="K847" s="2">
        <v>0</v>
      </c>
      <c r="L847" t="s">
        <v>120</v>
      </c>
      <c r="M847" t="s">
        <v>87</v>
      </c>
      <c r="N847" t="s">
        <v>88</v>
      </c>
      <c r="O847" t="s">
        <v>85</v>
      </c>
      <c r="P847" t="s">
        <v>86</v>
      </c>
      <c r="Q847">
        <v>12</v>
      </c>
      <c r="R847">
        <v>12</v>
      </c>
      <c r="S847">
        <v>12</v>
      </c>
      <c r="T847">
        <v>12</v>
      </c>
      <c r="U847">
        <v>12</v>
      </c>
      <c r="V847">
        <v>12</v>
      </c>
      <c r="W847">
        <v>12</v>
      </c>
      <c r="X847">
        <v>12</v>
      </c>
      <c r="Y847">
        <v>12</v>
      </c>
      <c r="Z847">
        <v>12</v>
      </c>
      <c r="AA847">
        <v>12</v>
      </c>
      <c r="AB847">
        <v>12</v>
      </c>
      <c r="AC847">
        <v>12</v>
      </c>
      <c r="AD847">
        <v>12</v>
      </c>
      <c r="AE847">
        <v>12</v>
      </c>
      <c r="AF847">
        <v>12</v>
      </c>
      <c r="AG847">
        <v>12</v>
      </c>
      <c r="AH847">
        <v>12</v>
      </c>
      <c r="AI847">
        <v>12</v>
      </c>
      <c r="AJ847">
        <v>12</v>
      </c>
      <c r="AK847">
        <v>12</v>
      </c>
      <c r="AL847">
        <v>12</v>
      </c>
      <c r="AM847">
        <v>12</v>
      </c>
      <c r="AN847">
        <v>12</v>
      </c>
      <c r="AO847">
        <v>12</v>
      </c>
      <c r="AP847">
        <v>12</v>
      </c>
      <c r="AQ847">
        <v>12</v>
      </c>
    </row>
    <row r="848" spans="1:43">
      <c r="A848" t="s">
        <v>615</v>
      </c>
      <c r="B848" t="s">
        <v>616</v>
      </c>
      <c r="C848" t="s">
        <v>411</v>
      </c>
      <c r="D848" t="s">
        <v>412</v>
      </c>
      <c r="E848" t="s">
        <v>353</v>
      </c>
      <c r="F848" t="s">
        <v>354</v>
      </c>
      <c r="G848" t="s">
        <v>80</v>
      </c>
      <c r="H848" t="s">
        <v>81</v>
      </c>
      <c r="I848" s="2">
        <v>1</v>
      </c>
      <c r="J848" s="2">
        <v>0</v>
      </c>
      <c r="K848" s="2">
        <v>0</v>
      </c>
      <c r="L848" t="s">
        <v>120</v>
      </c>
      <c r="M848" t="s">
        <v>89</v>
      </c>
      <c r="N848" t="s">
        <v>90</v>
      </c>
      <c r="O848" t="s">
        <v>85</v>
      </c>
      <c r="P848" t="s">
        <v>86</v>
      </c>
      <c r="Q848">
        <v>12</v>
      </c>
      <c r="R848">
        <v>12</v>
      </c>
      <c r="S848">
        <v>12</v>
      </c>
      <c r="T848">
        <v>13</v>
      </c>
      <c r="U848">
        <v>13</v>
      </c>
      <c r="V848">
        <v>13</v>
      </c>
      <c r="W848">
        <v>13</v>
      </c>
      <c r="X848">
        <v>13</v>
      </c>
      <c r="Y848">
        <v>13</v>
      </c>
      <c r="Z848">
        <v>14</v>
      </c>
      <c r="AA848">
        <v>14</v>
      </c>
      <c r="AB848">
        <v>14</v>
      </c>
      <c r="AC848">
        <v>14</v>
      </c>
      <c r="AD848">
        <v>14</v>
      </c>
      <c r="AE848">
        <v>14</v>
      </c>
      <c r="AF848">
        <v>14</v>
      </c>
      <c r="AG848">
        <v>14</v>
      </c>
      <c r="AH848">
        <v>14</v>
      </c>
      <c r="AI848">
        <v>14</v>
      </c>
      <c r="AJ848">
        <v>14</v>
      </c>
      <c r="AK848">
        <v>14</v>
      </c>
      <c r="AL848">
        <v>14</v>
      </c>
      <c r="AM848">
        <v>14</v>
      </c>
      <c r="AN848">
        <v>14</v>
      </c>
      <c r="AO848">
        <v>14</v>
      </c>
      <c r="AP848">
        <v>14</v>
      </c>
      <c r="AQ848">
        <v>14</v>
      </c>
    </row>
    <row r="849" spans="1:43">
      <c r="A849" t="s">
        <v>615</v>
      </c>
      <c r="B849" t="s">
        <v>616</v>
      </c>
      <c r="C849" t="s">
        <v>411</v>
      </c>
      <c r="D849" t="s">
        <v>412</v>
      </c>
      <c r="E849" t="s">
        <v>353</v>
      </c>
      <c r="F849" t="s">
        <v>354</v>
      </c>
      <c r="G849" t="s">
        <v>80</v>
      </c>
      <c r="H849" t="s">
        <v>81</v>
      </c>
      <c r="I849" s="2">
        <v>1</v>
      </c>
      <c r="J849" s="2">
        <v>0</v>
      </c>
      <c r="K849" s="2">
        <v>0</v>
      </c>
      <c r="L849" t="s">
        <v>120</v>
      </c>
      <c r="M849" t="s">
        <v>83</v>
      </c>
      <c r="N849" t="s">
        <v>91</v>
      </c>
      <c r="O849" t="s">
        <v>85</v>
      </c>
      <c r="P849" t="s">
        <v>86</v>
      </c>
      <c r="Q849">
        <v>12</v>
      </c>
      <c r="R849">
        <v>12</v>
      </c>
      <c r="S849">
        <v>12</v>
      </c>
      <c r="T849">
        <v>12</v>
      </c>
      <c r="U849">
        <v>12</v>
      </c>
      <c r="V849">
        <v>12</v>
      </c>
      <c r="W849">
        <v>13</v>
      </c>
      <c r="X849">
        <v>13</v>
      </c>
      <c r="Y849">
        <v>13</v>
      </c>
      <c r="Z849">
        <v>13</v>
      </c>
      <c r="AA849">
        <v>13</v>
      </c>
      <c r="AB849">
        <v>13</v>
      </c>
      <c r="AC849">
        <v>13</v>
      </c>
      <c r="AD849">
        <v>13</v>
      </c>
      <c r="AE849">
        <v>13</v>
      </c>
      <c r="AF849">
        <v>14</v>
      </c>
      <c r="AG849">
        <v>14</v>
      </c>
      <c r="AH849">
        <v>14</v>
      </c>
      <c r="AI849">
        <v>14</v>
      </c>
      <c r="AJ849">
        <v>14</v>
      </c>
      <c r="AK849">
        <v>14</v>
      </c>
      <c r="AL849">
        <v>14</v>
      </c>
      <c r="AM849">
        <v>14</v>
      </c>
      <c r="AN849">
        <v>14</v>
      </c>
      <c r="AO849">
        <v>14</v>
      </c>
      <c r="AP849">
        <v>14</v>
      </c>
      <c r="AQ849">
        <v>14</v>
      </c>
    </row>
    <row r="850" spans="1:43">
      <c r="A850" t="s">
        <v>617</v>
      </c>
      <c r="B850" t="s">
        <v>618</v>
      </c>
      <c r="C850" t="s">
        <v>429</v>
      </c>
      <c r="D850" t="s">
        <v>430</v>
      </c>
      <c r="E850" t="s">
        <v>353</v>
      </c>
      <c r="F850" t="s">
        <v>354</v>
      </c>
      <c r="G850" t="s">
        <v>80</v>
      </c>
      <c r="H850" t="s">
        <v>81</v>
      </c>
      <c r="I850" s="2">
        <v>1</v>
      </c>
      <c r="J850" s="2">
        <v>0</v>
      </c>
      <c r="K850" s="2">
        <v>0</v>
      </c>
      <c r="L850" t="s">
        <v>120</v>
      </c>
      <c r="M850" t="s">
        <v>83</v>
      </c>
      <c r="N850" t="s">
        <v>84</v>
      </c>
      <c r="O850" t="s">
        <v>85</v>
      </c>
      <c r="P850" t="s">
        <v>86</v>
      </c>
      <c r="Q850">
        <v>29</v>
      </c>
      <c r="R850">
        <v>29</v>
      </c>
      <c r="S850">
        <v>29</v>
      </c>
      <c r="T850">
        <v>30</v>
      </c>
      <c r="U850">
        <v>30</v>
      </c>
      <c r="V850">
        <v>30</v>
      </c>
      <c r="W850">
        <v>31</v>
      </c>
      <c r="X850">
        <v>31</v>
      </c>
      <c r="Y850">
        <v>31</v>
      </c>
      <c r="Z850">
        <v>31</v>
      </c>
      <c r="AA850">
        <v>32</v>
      </c>
      <c r="AB850">
        <v>32</v>
      </c>
      <c r="AC850">
        <v>32</v>
      </c>
      <c r="AD850">
        <v>33</v>
      </c>
      <c r="AE850">
        <v>33</v>
      </c>
      <c r="AF850">
        <v>33</v>
      </c>
      <c r="AG850">
        <v>33</v>
      </c>
      <c r="AH850">
        <v>34</v>
      </c>
      <c r="AI850">
        <v>34</v>
      </c>
      <c r="AJ850">
        <v>34</v>
      </c>
      <c r="AK850">
        <v>34</v>
      </c>
      <c r="AL850">
        <v>34</v>
      </c>
      <c r="AM850">
        <v>34</v>
      </c>
      <c r="AN850">
        <v>34</v>
      </c>
      <c r="AO850">
        <v>34</v>
      </c>
      <c r="AP850">
        <v>34</v>
      </c>
      <c r="AQ850">
        <v>34</v>
      </c>
    </row>
    <row r="851" spans="1:43">
      <c r="A851" t="s">
        <v>617</v>
      </c>
      <c r="B851" t="s">
        <v>618</v>
      </c>
      <c r="C851" t="s">
        <v>429</v>
      </c>
      <c r="D851" t="s">
        <v>430</v>
      </c>
      <c r="E851" t="s">
        <v>353</v>
      </c>
      <c r="F851" t="s">
        <v>354</v>
      </c>
      <c r="G851" t="s">
        <v>80</v>
      </c>
      <c r="H851" t="s">
        <v>81</v>
      </c>
      <c r="I851" s="2">
        <v>1</v>
      </c>
      <c r="J851" s="2">
        <v>0</v>
      </c>
      <c r="K851" s="2">
        <v>0</v>
      </c>
      <c r="L851" t="s">
        <v>120</v>
      </c>
      <c r="M851" t="s">
        <v>87</v>
      </c>
      <c r="N851" t="s">
        <v>88</v>
      </c>
      <c r="O851" t="s">
        <v>85</v>
      </c>
      <c r="P851" t="s">
        <v>86</v>
      </c>
      <c r="Q851">
        <v>29</v>
      </c>
      <c r="R851">
        <v>29</v>
      </c>
      <c r="S851">
        <v>29</v>
      </c>
      <c r="T851">
        <v>30</v>
      </c>
      <c r="U851">
        <v>30</v>
      </c>
      <c r="V851">
        <v>30</v>
      </c>
      <c r="W851">
        <v>30</v>
      </c>
      <c r="X851">
        <v>30</v>
      </c>
      <c r="Y851">
        <v>30</v>
      </c>
      <c r="Z851">
        <v>30</v>
      </c>
      <c r="AA851">
        <v>30</v>
      </c>
      <c r="AB851">
        <v>30</v>
      </c>
      <c r="AC851">
        <v>30</v>
      </c>
      <c r="AD851">
        <v>30</v>
      </c>
      <c r="AE851">
        <v>30</v>
      </c>
      <c r="AF851">
        <v>30</v>
      </c>
      <c r="AG851">
        <v>30</v>
      </c>
      <c r="AH851">
        <v>30</v>
      </c>
      <c r="AI851">
        <v>30</v>
      </c>
      <c r="AJ851">
        <v>30</v>
      </c>
      <c r="AK851">
        <v>30</v>
      </c>
      <c r="AL851">
        <v>30</v>
      </c>
      <c r="AM851">
        <v>30</v>
      </c>
      <c r="AN851">
        <v>30</v>
      </c>
      <c r="AO851">
        <v>30</v>
      </c>
      <c r="AP851">
        <v>30</v>
      </c>
      <c r="AQ851">
        <v>30</v>
      </c>
    </row>
    <row r="852" spans="1:43">
      <c r="A852" t="s">
        <v>617</v>
      </c>
      <c r="B852" t="s">
        <v>618</v>
      </c>
      <c r="C852" t="s">
        <v>429</v>
      </c>
      <c r="D852" t="s">
        <v>430</v>
      </c>
      <c r="E852" t="s">
        <v>353</v>
      </c>
      <c r="F852" t="s">
        <v>354</v>
      </c>
      <c r="G852" t="s">
        <v>80</v>
      </c>
      <c r="H852" t="s">
        <v>81</v>
      </c>
      <c r="I852" s="2">
        <v>1</v>
      </c>
      <c r="J852" s="2">
        <v>0</v>
      </c>
      <c r="K852" s="2">
        <v>0</v>
      </c>
      <c r="L852" t="s">
        <v>120</v>
      </c>
      <c r="M852" t="s">
        <v>89</v>
      </c>
      <c r="N852" t="s">
        <v>90</v>
      </c>
      <c r="O852" t="s">
        <v>85</v>
      </c>
      <c r="P852" t="s">
        <v>86</v>
      </c>
      <c r="Q852">
        <v>29</v>
      </c>
      <c r="R852">
        <v>29</v>
      </c>
      <c r="S852">
        <v>30</v>
      </c>
      <c r="T852">
        <v>31</v>
      </c>
      <c r="U852">
        <v>31</v>
      </c>
      <c r="V852">
        <v>32</v>
      </c>
      <c r="W852">
        <v>32</v>
      </c>
      <c r="X852">
        <v>33</v>
      </c>
      <c r="Y852">
        <v>33</v>
      </c>
      <c r="Z852">
        <v>33</v>
      </c>
      <c r="AA852">
        <v>34</v>
      </c>
      <c r="AB852">
        <v>34</v>
      </c>
      <c r="AC852">
        <v>35</v>
      </c>
      <c r="AD852">
        <v>35</v>
      </c>
      <c r="AE852">
        <v>35</v>
      </c>
      <c r="AF852">
        <v>35</v>
      </c>
      <c r="AG852">
        <v>35</v>
      </c>
      <c r="AH852">
        <v>35</v>
      </c>
      <c r="AI852">
        <v>35</v>
      </c>
      <c r="AJ852">
        <v>35</v>
      </c>
      <c r="AK852">
        <v>35</v>
      </c>
      <c r="AL852">
        <v>35</v>
      </c>
      <c r="AM852">
        <v>35</v>
      </c>
      <c r="AN852">
        <v>35</v>
      </c>
      <c r="AO852">
        <v>35</v>
      </c>
      <c r="AP852">
        <v>34</v>
      </c>
      <c r="AQ852">
        <v>34</v>
      </c>
    </row>
    <row r="853" spans="1:43">
      <c r="A853" t="s">
        <v>617</v>
      </c>
      <c r="B853" t="s">
        <v>618</v>
      </c>
      <c r="C853" t="s">
        <v>429</v>
      </c>
      <c r="D853" t="s">
        <v>430</v>
      </c>
      <c r="E853" t="s">
        <v>353</v>
      </c>
      <c r="F853" t="s">
        <v>354</v>
      </c>
      <c r="G853" t="s">
        <v>80</v>
      </c>
      <c r="H853" t="s">
        <v>81</v>
      </c>
      <c r="I853" s="2">
        <v>1</v>
      </c>
      <c r="J853" s="2">
        <v>0</v>
      </c>
      <c r="K853" s="2">
        <v>0</v>
      </c>
      <c r="L853" t="s">
        <v>120</v>
      </c>
      <c r="M853" t="s">
        <v>83</v>
      </c>
      <c r="N853" t="s">
        <v>91</v>
      </c>
      <c r="O853" t="s">
        <v>85</v>
      </c>
      <c r="P853" t="s">
        <v>86</v>
      </c>
      <c r="Q853">
        <v>29</v>
      </c>
      <c r="R853">
        <v>29</v>
      </c>
      <c r="S853">
        <v>29</v>
      </c>
      <c r="T853">
        <v>30</v>
      </c>
      <c r="U853">
        <v>30</v>
      </c>
      <c r="V853">
        <v>30</v>
      </c>
      <c r="W853">
        <v>31</v>
      </c>
      <c r="X853">
        <v>31</v>
      </c>
      <c r="Y853">
        <v>31</v>
      </c>
      <c r="Z853">
        <v>31</v>
      </c>
      <c r="AA853">
        <v>32</v>
      </c>
      <c r="AB853">
        <v>32</v>
      </c>
      <c r="AC853">
        <v>32</v>
      </c>
      <c r="AD853">
        <v>33</v>
      </c>
      <c r="AE853">
        <v>33</v>
      </c>
      <c r="AF853">
        <v>33</v>
      </c>
      <c r="AG853">
        <v>33</v>
      </c>
      <c r="AH853">
        <v>34</v>
      </c>
      <c r="AI853">
        <v>34</v>
      </c>
      <c r="AJ853">
        <v>34</v>
      </c>
      <c r="AK853">
        <v>34</v>
      </c>
      <c r="AL853">
        <v>34</v>
      </c>
      <c r="AM853">
        <v>34</v>
      </c>
      <c r="AN853">
        <v>34</v>
      </c>
      <c r="AO853">
        <v>34</v>
      </c>
      <c r="AP853">
        <v>34</v>
      </c>
      <c r="AQ853">
        <v>34</v>
      </c>
    </row>
    <row r="854" spans="1:43">
      <c r="A854" t="s">
        <v>619</v>
      </c>
      <c r="B854" t="s">
        <v>620</v>
      </c>
      <c r="C854" t="s">
        <v>541</v>
      </c>
      <c r="D854" t="s">
        <v>542</v>
      </c>
      <c r="E854" t="s">
        <v>353</v>
      </c>
      <c r="F854" t="s">
        <v>354</v>
      </c>
      <c r="G854" t="s">
        <v>80</v>
      </c>
      <c r="H854" t="s">
        <v>81</v>
      </c>
      <c r="I854" s="2">
        <v>1</v>
      </c>
      <c r="J854" s="2">
        <v>0</v>
      </c>
      <c r="K854" s="2">
        <v>0</v>
      </c>
      <c r="L854" t="s">
        <v>120</v>
      </c>
      <c r="M854" t="s">
        <v>83</v>
      </c>
      <c r="N854" t="s">
        <v>84</v>
      </c>
      <c r="O854" t="s">
        <v>85</v>
      </c>
      <c r="P854" t="s">
        <v>86</v>
      </c>
      <c r="Q854">
        <v>7</v>
      </c>
      <c r="R854">
        <v>7</v>
      </c>
      <c r="S854">
        <v>7</v>
      </c>
      <c r="T854">
        <v>7</v>
      </c>
      <c r="U854">
        <v>7</v>
      </c>
      <c r="V854">
        <v>7</v>
      </c>
      <c r="W854">
        <v>7</v>
      </c>
      <c r="X854">
        <v>7</v>
      </c>
      <c r="Y854">
        <v>7</v>
      </c>
      <c r="Z854">
        <v>7</v>
      </c>
      <c r="AA854">
        <v>7</v>
      </c>
      <c r="AB854">
        <v>7</v>
      </c>
      <c r="AC854">
        <v>7</v>
      </c>
      <c r="AD854">
        <v>7</v>
      </c>
      <c r="AE854">
        <v>7</v>
      </c>
      <c r="AF854">
        <v>7</v>
      </c>
      <c r="AG854">
        <v>8</v>
      </c>
      <c r="AH854">
        <v>8</v>
      </c>
      <c r="AI854">
        <v>8</v>
      </c>
      <c r="AJ854">
        <v>8</v>
      </c>
      <c r="AK854">
        <v>8</v>
      </c>
      <c r="AL854">
        <v>8</v>
      </c>
      <c r="AM854">
        <v>8</v>
      </c>
      <c r="AN854">
        <v>8</v>
      </c>
      <c r="AO854">
        <v>8</v>
      </c>
      <c r="AP854">
        <v>8</v>
      </c>
      <c r="AQ854">
        <v>8</v>
      </c>
    </row>
    <row r="855" spans="1:43">
      <c r="A855" t="s">
        <v>619</v>
      </c>
      <c r="B855" t="s">
        <v>620</v>
      </c>
      <c r="C855" t="s">
        <v>541</v>
      </c>
      <c r="D855" t="s">
        <v>542</v>
      </c>
      <c r="E855" t="s">
        <v>353</v>
      </c>
      <c r="F855" t="s">
        <v>354</v>
      </c>
      <c r="G855" t="s">
        <v>80</v>
      </c>
      <c r="H855" t="s">
        <v>81</v>
      </c>
      <c r="I855" s="2">
        <v>1</v>
      </c>
      <c r="J855" s="2">
        <v>0</v>
      </c>
      <c r="K855" s="2">
        <v>0</v>
      </c>
      <c r="L855" t="s">
        <v>120</v>
      </c>
      <c r="M855" t="s">
        <v>87</v>
      </c>
      <c r="N855" t="s">
        <v>88</v>
      </c>
      <c r="O855" t="s">
        <v>85</v>
      </c>
      <c r="P855" t="s">
        <v>86</v>
      </c>
      <c r="Q855">
        <v>7</v>
      </c>
      <c r="R855">
        <v>7</v>
      </c>
      <c r="S855">
        <v>7</v>
      </c>
      <c r="T855">
        <v>7</v>
      </c>
      <c r="U855">
        <v>7</v>
      </c>
      <c r="V855">
        <v>7</v>
      </c>
      <c r="W855">
        <v>8</v>
      </c>
      <c r="X855">
        <v>8</v>
      </c>
      <c r="Y855">
        <v>8</v>
      </c>
      <c r="Z855">
        <v>8</v>
      </c>
      <c r="AA855">
        <v>8</v>
      </c>
      <c r="AB855">
        <v>8</v>
      </c>
      <c r="AC855">
        <v>8</v>
      </c>
      <c r="AD855">
        <v>8</v>
      </c>
      <c r="AE855">
        <v>8</v>
      </c>
      <c r="AF855">
        <v>8</v>
      </c>
      <c r="AG855">
        <v>8</v>
      </c>
      <c r="AH855">
        <v>8</v>
      </c>
      <c r="AI855">
        <v>8</v>
      </c>
      <c r="AJ855">
        <v>8</v>
      </c>
      <c r="AK855">
        <v>8</v>
      </c>
      <c r="AL855">
        <v>8</v>
      </c>
      <c r="AM855">
        <v>8</v>
      </c>
      <c r="AN855">
        <v>8</v>
      </c>
      <c r="AO855">
        <v>8</v>
      </c>
      <c r="AP855">
        <v>8</v>
      </c>
      <c r="AQ855">
        <v>8</v>
      </c>
    </row>
    <row r="856" spans="1:43">
      <c r="A856" t="s">
        <v>619</v>
      </c>
      <c r="B856" t="s">
        <v>620</v>
      </c>
      <c r="C856" t="s">
        <v>541</v>
      </c>
      <c r="D856" t="s">
        <v>542</v>
      </c>
      <c r="E856" t="s">
        <v>353</v>
      </c>
      <c r="F856" t="s">
        <v>354</v>
      </c>
      <c r="G856" t="s">
        <v>80</v>
      </c>
      <c r="H856" t="s">
        <v>81</v>
      </c>
      <c r="I856" s="2">
        <v>1</v>
      </c>
      <c r="J856" s="2">
        <v>0</v>
      </c>
      <c r="K856" s="2">
        <v>0</v>
      </c>
      <c r="L856" t="s">
        <v>120</v>
      </c>
      <c r="M856" t="s">
        <v>89</v>
      </c>
      <c r="N856" t="s">
        <v>90</v>
      </c>
      <c r="O856" t="s">
        <v>85</v>
      </c>
      <c r="P856" t="s">
        <v>86</v>
      </c>
      <c r="Q856">
        <v>7</v>
      </c>
      <c r="R856">
        <v>7</v>
      </c>
      <c r="S856">
        <v>7</v>
      </c>
      <c r="T856">
        <v>7</v>
      </c>
      <c r="U856">
        <v>7</v>
      </c>
      <c r="V856">
        <v>7</v>
      </c>
      <c r="W856">
        <v>7</v>
      </c>
      <c r="X856">
        <v>7</v>
      </c>
      <c r="Y856">
        <v>7</v>
      </c>
      <c r="Z856">
        <v>8</v>
      </c>
      <c r="AA856">
        <v>8</v>
      </c>
      <c r="AB856">
        <v>8</v>
      </c>
      <c r="AC856">
        <v>8</v>
      </c>
      <c r="AD856">
        <v>8</v>
      </c>
      <c r="AE856">
        <v>8</v>
      </c>
      <c r="AF856">
        <v>8</v>
      </c>
      <c r="AG856">
        <v>8</v>
      </c>
      <c r="AH856">
        <v>8</v>
      </c>
      <c r="AI856">
        <v>8</v>
      </c>
      <c r="AJ856">
        <v>8</v>
      </c>
      <c r="AK856">
        <v>8</v>
      </c>
      <c r="AL856">
        <v>8</v>
      </c>
      <c r="AM856">
        <v>8</v>
      </c>
      <c r="AN856">
        <v>8</v>
      </c>
      <c r="AO856">
        <v>8</v>
      </c>
      <c r="AP856">
        <v>8</v>
      </c>
      <c r="AQ856">
        <v>8</v>
      </c>
    </row>
    <row r="857" spans="1:43">
      <c r="A857" t="s">
        <v>619</v>
      </c>
      <c r="B857" t="s">
        <v>620</v>
      </c>
      <c r="C857" t="s">
        <v>541</v>
      </c>
      <c r="D857" t="s">
        <v>542</v>
      </c>
      <c r="E857" t="s">
        <v>353</v>
      </c>
      <c r="F857" t="s">
        <v>354</v>
      </c>
      <c r="G857" t="s">
        <v>80</v>
      </c>
      <c r="H857" t="s">
        <v>81</v>
      </c>
      <c r="I857" s="2">
        <v>1</v>
      </c>
      <c r="J857" s="2">
        <v>0</v>
      </c>
      <c r="K857" s="2">
        <v>0</v>
      </c>
      <c r="L857" t="s">
        <v>120</v>
      </c>
      <c r="M857" t="s">
        <v>83</v>
      </c>
      <c r="N857" t="s">
        <v>91</v>
      </c>
      <c r="O857" t="s">
        <v>85</v>
      </c>
      <c r="P857" t="s">
        <v>86</v>
      </c>
      <c r="Q857">
        <v>7</v>
      </c>
      <c r="R857">
        <v>7</v>
      </c>
      <c r="S857">
        <v>7</v>
      </c>
      <c r="T857">
        <v>7</v>
      </c>
      <c r="U857">
        <v>7</v>
      </c>
      <c r="V857">
        <v>7</v>
      </c>
      <c r="W857">
        <v>7</v>
      </c>
      <c r="X857">
        <v>7</v>
      </c>
      <c r="Y857">
        <v>7</v>
      </c>
      <c r="Z857">
        <v>7</v>
      </c>
      <c r="AA857">
        <v>7</v>
      </c>
      <c r="AB857">
        <v>7</v>
      </c>
      <c r="AC857">
        <v>7</v>
      </c>
      <c r="AD857">
        <v>7</v>
      </c>
      <c r="AE857">
        <v>7</v>
      </c>
      <c r="AF857">
        <v>7</v>
      </c>
      <c r="AG857">
        <v>8</v>
      </c>
      <c r="AH857">
        <v>8</v>
      </c>
      <c r="AI857">
        <v>8</v>
      </c>
      <c r="AJ857">
        <v>8</v>
      </c>
      <c r="AK857">
        <v>8</v>
      </c>
      <c r="AL857">
        <v>8</v>
      </c>
      <c r="AM857">
        <v>8</v>
      </c>
      <c r="AN857">
        <v>8</v>
      </c>
      <c r="AO857">
        <v>8</v>
      </c>
      <c r="AP857">
        <v>8</v>
      </c>
      <c r="AQ857">
        <v>8</v>
      </c>
    </row>
    <row r="858" spans="1:43">
      <c r="A858" t="s">
        <v>621</v>
      </c>
      <c r="B858" t="s">
        <v>622</v>
      </c>
      <c r="C858" t="s">
        <v>541</v>
      </c>
      <c r="D858" t="s">
        <v>542</v>
      </c>
      <c r="E858" t="s">
        <v>353</v>
      </c>
      <c r="F858" t="s">
        <v>354</v>
      </c>
      <c r="G858" t="s">
        <v>80</v>
      </c>
      <c r="H858" t="s">
        <v>81</v>
      </c>
      <c r="I858" s="2">
        <v>1</v>
      </c>
      <c r="J858" s="2">
        <v>0</v>
      </c>
      <c r="K858" s="2">
        <v>0</v>
      </c>
      <c r="L858" t="s">
        <v>120</v>
      </c>
      <c r="M858" t="s">
        <v>83</v>
      </c>
      <c r="N858" t="s">
        <v>84</v>
      </c>
      <c r="O858" t="s">
        <v>85</v>
      </c>
      <c r="P858" t="s">
        <v>86</v>
      </c>
      <c r="Q858">
        <v>2</v>
      </c>
      <c r="R858">
        <v>2</v>
      </c>
      <c r="S858">
        <v>2</v>
      </c>
      <c r="T858">
        <v>2</v>
      </c>
      <c r="U858">
        <v>2</v>
      </c>
      <c r="V858">
        <v>2</v>
      </c>
      <c r="W858">
        <v>2</v>
      </c>
      <c r="X858">
        <v>2</v>
      </c>
      <c r="Y858">
        <v>2</v>
      </c>
      <c r="Z858">
        <v>2</v>
      </c>
      <c r="AA858">
        <v>2</v>
      </c>
      <c r="AB858">
        <v>2</v>
      </c>
      <c r="AC858">
        <v>2</v>
      </c>
      <c r="AD858">
        <v>2</v>
      </c>
      <c r="AE858">
        <v>2</v>
      </c>
      <c r="AF858">
        <v>2</v>
      </c>
      <c r="AG858">
        <v>2</v>
      </c>
      <c r="AH858">
        <v>2</v>
      </c>
      <c r="AI858">
        <v>2</v>
      </c>
      <c r="AJ858">
        <v>2</v>
      </c>
      <c r="AK858">
        <v>2</v>
      </c>
      <c r="AL858">
        <v>2</v>
      </c>
      <c r="AM858">
        <v>2</v>
      </c>
      <c r="AN858">
        <v>2</v>
      </c>
      <c r="AO858">
        <v>2</v>
      </c>
      <c r="AP858">
        <v>2</v>
      </c>
      <c r="AQ858">
        <v>2</v>
      </c>
    </row>
    <row r="859" spans="1:43">
      <c r="A859" t="s">
        <v>621</v>
      </c>
      <c r="B859" t="s">
        <v>622</v>
      </c>
      <c r="C859" t="s">
        <v>541</v>
      </c>
      <c r="D859" t="s">
        <v>542</v>
      </c>
      <c r="E859" t="s">
        <v>353</v>
      </c>
      <c r="F859" t="s">
        <v>354</v>
      </c>
      <c r="G859" t="s">
        <v>80</v>
      </c>
      <c r="H859" t="s">
        <v>81</v>
      </c>
      <c r="I859" s="2">
        <v>1</v>
      </c>
      <c r="J859" s="2">
        <v>0</v>
      </c>
      <c r="K859" s="2">
        <v>0</v>
      </c>
      <c r="L859" t="s">
        <v>120</v>
      </c>
      <c r="M859" t="s">
        <v>87</v>
      </c>
      <c r="N859" t="s">
        <v>88</v>
      </c>
      <c r="O859" t="s">
        <v>85</v>
      </c>
      <c r="P859" t="s">
        <v>86</v>
      </c>
      <c r="Q859">
        <v>2</v>
      </c>
      <c r="R859">
        <v>2</v>
      </c>
      <c r="S859">
        <v>2</v>
      </c>
      <c r="T859">
        <v>2</v>
      </c>
      <c r="U859">
        <v>2</v>
      </c>
      <c r="V859">
        <v>2</v>
      </c>
      <c r="W859">
        <v>2</v>
      </c>
      <c r="X859">
        <v>2</v>
      </c>
      <c r="Y859">
        <v>2</v>
      </c>
      <c r="Z859">
        <v>2</v>
      </c>
      <c r="AA859">
        <v>2</v>
      </c>
      <c r="AB859">
        <v>2</v>
      </c>
      <c r="AC859">
        <v>2</v>
      </c>
      <c r="AD859">
        <v>2</v>
      </c>
      <c r="AE859">
        <v>2</v>
      </c>
      <c r="AF859">
        <v>2</v>
      </c>
      <c r="AG859">
        <v>2</v>
      </c>
      <c r="AH859">
        <v>2</v>
      </c>
      <c r="AI859">
        <v>2</v>
      </c>
      <c r="AJ859">
        <v>2</v>
      </c>
      <c r="AK859">
        <v>2</v>
      </c>
      <c r="AL859">
        <v>2</v>
      </c>
      <c r="AM859">
        <v>2</v>
      </c>
      <c r="AN859">
        <v>2</v>
      </c>
      <c r="AO859">
        <v>2</v>
      </c>
      <c r="AP859">
        <v>2</v>
      </c>
      <c r="AQ859">
        <v>2</v>
      </c>
    </row>
    <row r="860" spans="1:43">
      <c r="A860" t="s">
        <v>621</v>
      </c>
      <c r="B860" t="s">
        <v>622</v>
      </c>
      <c r="C860" t="s">
        <v>541</v>
      </c>
      <c r="D860" t="s">
        <v>542</v>
      </c>
      <c r="E860" t="s">
        <v>353</v>
      </c>
      <c r="F860" t="s">
        <v>354</v>
      </c>
      <c r="G860" t="s">
        <v>80</v>
      </c>
      <c r="H860" t="s">
        <v>81</v>
      </c>
      <c r="I860" s="2">
        <v>1</v>
      </c>
      <c r="J860" s="2">
        <v>0</v>
      </c>
      <c r="K860" s="2">
        <v>0</v>
      </c>
      <c r="L860" t="s">
        <v>120</v>
      </c>
      <c r="M860" t="s">
        <v>89</v>
      </c>
      <c r="N860" t="s">
        <v>90</v>
      </c>
      <c r="O860" t="s">
        <v>85</v>
      </c>
      <c r="P860" t="s">
        <v>86</v>
      </c>
      <c r="Q860">
        <v>2</v>
      </c>
      <c r="R860">
        <v>2</v>
      </c>
      <c r="S860">
        <v>2</v>
      </c>
      <c r="T860">
        <v>2</v>
      </c>
      <c r="U860">
        <v>2</v>
      </c>
      <c r="V860">
        <v>2</v>
      </c>
      <c r="W860">
        <v>2</v>
      </c>
      <c r="X860">
        <v>2</v>
      </c>
      <c r="Y860">
        <v>2</v>
      </c>
      <c r="Z860">
        <v>2</v>
      </c>
      <c r="AA860">
        <v>2</v>
      </c>
      <c r="AB860">
        <v>2</v>
      </c>
      <c r="AC860">
        <v>2</v>
      </c>
      <c r="AD860">
        <v>2</v>
      </c>
      <c r="AE860">
        <v>2</v>
      </c>
      <c r="AF860">
        <v>2</v>
      </c>
      <c r="AG860">
        <v>2</v>
      </c>
      <c r="AH860">
        <v>2</v>
      </c>
      <c r="AI860">
        <v>2</v>
      </c>
      <c r="AJ860">
        <v>2</v>
      </c>
      <c r="AK860">
        <v>2</v>
      </c>
      <c r="AL860">
        <v>2</v>
      </c>
      <c r="AM860">
        <v>2</v>
      </c>
      <c r="AN860">
        <v>2</v>
      </c>
      <c r="AO860">
        <v>2</v>
      </c>
      <c r="AP860">
        <v>2</v>
      </c>
      <c r="AQ860">
        <v>2</v>
      </c>
    </row>
    <row r="861" spans="1:43">
      <c r="A861" t="s">
        <v>621</v>
      </c>
      <c r="B861" t="s">
        <v>622</v>
      </c>
      <c r="C861" t="s">
        <v>541</v>
      </c>
      <c r="D861" t="s">
        <v>542</v>
      </c>
      <c r="E861" t="s">
        <v>353</v>
      </c>
      <c r="F861" t="s">
        <v>354</v>
      </c>
      <c r="G861" t="s">
        <v>80</v>
      </c>
      <c r="H861" t="s">
        <v>81</v>
      </c>
      <c r="I861" s="2">
        <v>1</v>
      </c>
      <c r="J861" s="2">
        <v>0</v>
      </c>
      <c r="K861" s="2">
        <v>0</v>
      </c>
      <c r="L861" t="s">
        <v>120</v>
      </c>
      <c r="M861" t="s">
        <v>83</v>
      </c>
      <c r="N861" t="s">
        <v>91</v>
      </c>
      <c r="O861" t="s">
        <v>85</v>
      </c>
      <c r="P861" t="s">
        <v>86</v>
      </c>
      <c r="Q861">
        <v>2</v>
      </c>
      <c r="R861">
        <v>2</v>
      </c>
      <c r="S861">
        <v>2</v>
      </c>
      <c r="T861">
        <v>2</v>
      </c>
      <c r="U861">
        <v>2</v>
      </c>
      <c r="V861">
        <v>2</v>
      </c>
      <c r="W861">
        <v>2</v>
      </c>
      <c r="X861">
        <v>2</v>
      </c>
      <c r="Y861">
        <v>2</v>
      </c>
      <c r="Z861">
        <v>2</v>
      </c>
      <c r="AA861">
        <v>2</v>
      </c>
      <c r="AB861">
        <v>2</v>
      </c>
      <c r="AC861">
        <v>2</v>
      </c>
      <c r="AD861">
        <v>2</v>
      </c>
      <c r="AE861">
        <v>2</v>
      </c>
      <c r="AF861">
        <v>2</v>
      </c>
      <c r="AG861">
        <v>2</v>
      </c>
      <c r="AH861">
        <v>2</v>
      </c>
      <c r="AI861">
        <v>2</v>
      </c>
      <c r="AJ861">
        <v>2</v>
      </c>
      <c r="AK861">
        <v>2</v>
      </c>
      <c r="AL861">
        <v>2</v>
      </c>
      <c r="AM861">
        <v>2</v>
      </c>
      <c r="AN861">
        <v>2</v>
      </c>
      <c r="AO861">
        <v>2</v>
      </c>
      <c r="AP861">
        <v>2</v>
      </c>
      <c r="AQ861">
        <v>2</v>
      </c>
    </row>
    <row r="862" spans="1:43">
      <c r="A862" t="s">
        <v>623</v>
      </c>
      <c r="B862" t="s">
        <v>624</v>
      </c>
      <c r="C862" t="s">
        <v>625</v>
      </c>
      <c r="D862" t="s">
        <v>626</v>
      </c>
      <c r="E862" t="s">
        <v>353</v>
      </c>
      <c r="F862" t="s">
        <v>354</v>
      </c>
      <c r="G862" t="s">
        <v>80</v>
      </c>
      <c r="H862" t="s">
        <v>81</v>
      </c>
      <c r="I862" s="2">
        <v>1</v>
      </c>
      <c r="J862" s="2">
        <v>0</v>
      </c>
      <c r="K862" s="2">
        <v>0</v>
      </c>
      <c r="L862" t="s">
        <v>120</v>
      </c>
      <c r="M862" t="s">
        <v>83</v>
      </c>
      <c r="N862" t="s">
        <v>84</v>
      </c>
      <c r="O862" t="s">
        <v>85</v>
      </c>
      <c r="P862" t="s">
        <v>86</v>
      </c>
      <c r="Q862">
        <v>15</v>
      </c>
      <c r="R862">
        <v>15</v>
      </c>
      <c r="S862">
        <v>15</v>
      </c>
      <c r="T862">
        <v>15</v>
      </c>
      <c r="U862">
        <v>15</v>
      </c>
      <c r="V862">
        <v>15</v>
      </c>
      <c r="W862">
        <v>16</v>
      </c>
      <c r="X862">
        <v>16</v>
      </c>
      <c r="Y862">
        <v>16</v>
      </c>
      <c r="Z862">
        <v>16</v>
      </c>
      <c r="AA862">
        <v>16</v>
      </c>
      <c r="AB862">
        <v>16</v>
      </c>
      <c r="AC862">
        <v>16</v>
      </c>
      <c r="AD862">
        <v>17</v>
      </c>
      <c r="AE862">
        <v>17</v>
      </c>
      <c r="AF862">
        <v>17</v>
      </c>
      <c r="AG862">
        <v>17</v>
      </c>
      <c r="AH862">
        <v>17</v>
      </c>
      <c r="AI862">
        <v>17</v>
      </c>
      <c r="AJ862">
        <v>17</v>
      </c>
      <c r="AK862">
        <v>17</v>
      </c>
      <c r="AL862">
        <v>17</v>
      </c>
      <c r="AM862">
        <v>17</v>
      </c>
      <c r="AN862">
        <v>17</v>
      </c>
      <c r="AO862">
        <v>17</v>
      </c>
      <c r="AP862">
        <v>17</v>
      </c>
      <c r="AQ862">
        <v>17</v>
      </c>
    </row>
    <row r="863" spans="1:43">
      <c r="A863" t="s">
        <v>623</v>
      </c>
      <c r="B863" t="s">
        <v>624</v>
      </c>
      <c r="C863" t="s">
        <v>625</v>
      </c>
      <c r="D863" t="s">
        <v>626</v>
      </c>
      <c r="E863" t="s">
        <v>353</v>
      </c>
      <c r="F863" t="s">
        <v>354</v>
      </c>
      <c r="G863" t="s">
        <v>80</v>
      </c>
      <c r="H863" t="s">
        <v>81</v>
      </c>
      <c r="I863" s="2">
        <v>1</v>
      </c>
      <c r="J863" s="2">
        <v>0</v>
      </c>
      <c r="K863" s="2">
        <v>0</v>
      </c>
      <c r="L863" t="s">
        <v>120</v>
      </c>
      <c r="M863" t="s">
        <v>87</v>
      </c>
      <c r="N863" t="s">
        <v>88</v>
      </c>
      <c r="O863" t="s">
        <v>85</v>
      </c>
      <c r="P863" t="s">
        <v>86</v>
      </c>
      <c r="Q863">
        <v>15</v>
      </c>
      <c r="R863">
        <v>15</v>
      </c>
      <c r="S863">
        <v>15</v>
      </c>
      <c r="T863">
        <v>15</v>
      </c>
      <c r="U863">
        <v>15</v>
      </c>
      <c r="V863">
        <v>15</v>
      </c>
      <c r="W863">
        <v>15</v>
      </c>
      <c r="X863">
        <v>15</v>
      </c>
      <c r="Y863">
        <v>15</v>
      </c>
      <c r="Z863">
        <v>15</v>
      </c>
      <c r="AA863">
        <v>15</v>
      </c>
      <c r="AB863">
        <v>15</v>
      </c>
      <c r="AC863">
        <v>15</v>
      </c>
      <c r="AD863">
        <v>15</v>
      </c>
      <c r="AE863">
        <v>15</v>
      </c>
      <c r="AF863">
        <v>15</v>
      </c>
      <c r="AG863">
        <v>15</v>
      </c>
      <c r="AH863">
        <v>15</v>
      </c>
      <c r="AI863">
        <v>15</v>
      </c>
      <c r="AJ863">
        <v>15</v>
      </c>
      <c r="AK863">
        <v>15</v>
      </c>
      <c r="AL863">
        <v>15</v>
      </c>
      <c r="AM863">
        <v>15</v>
      </c>
      <c r="AN863">
        <v>15</v>
      </c>
      <c r="AO863">
        <v>15</v>
      </c>
      <c r="AP863">
        <v>15</v>
      </c>
      <c r="AQ863">
        <v>15</v>
      </c>
    </row>
    <row r="864" spans="1:43">
      <c r="A864" t="s">
        <v>623</v>
      </c>
      <c r="B864" t="s">
        <v>624</v>
      </c>
      <c r="C864" t="s">
        <v>625</v>
      </c>
      <c r="D864" t="s">
        <v>626</v>
      </c>
      <c r="E864" t="s">
        <v>353</v>
      </c>
      <c r="F864" t="s">
        <v>354</v>
      </c>
      <c r="G864" t="s">
        <v>80</v>
      </c>
      <c r="H864" t="s">
        <v>81</v>
      </c>
      <c r="I864" s="2">
        <v>1</v>
      </c>
      <c r="J864" s="2">
        <v>0</v>
      </c>
      <c r="K864" s="2">
        <v>0</v>
      </c>
      <c r="L864" t="s">
        <v>120</v>
      </c>
      <c r="M864" t="s">
        <v>89</v>
      </c>
      <c r="N864" t="s">
        <v>90</v>
      </c>
      <c r="O864" t="s">
        <v>85</v>
      </c>
      <c r="P864" t="s">
        <v>86</v>
      </c>
      <c r="Q864">
        <v>15</v>
      </c>
      <c r="R864">
        <v>15</v>
      </c>
      <c r="S864">
        <v>15</v>
      </c>
      <c r="T864">
        <v>16</v>
      </c>
      <c r="U864">
        <v>16</v>
      </c>
      <c r="V864">
        <v>16</v>
      </c>
      <c r="W864">
        <v>16</v>
      </c>
      <c r="X864">
        <v>17</v>
      </c>
      <c r="Y864">
        <v>17</v>
      </c>
      <c r="Z864">
        <v>17</v>
      </c>
      <c r="AA864">
        <v>17</v>
      </c>
      <c r="AB864">
        <v>17</v>
      </c>
      <c r="AC864">
        <v>18</v>
      </c>
      <c r="AD864">
        <v>18</v>
      </c>
      <c r="AE864">
        <v>18</v>
      </c>
      <c r="AF864">
        <v>18</v>
      </c>
      <c r="AG864">
        <v>18</v>
      </c>
      <c r="AH864">
        <v>18</v>
      </c>
      <c r="AI864">
        <v>18</v>
      </c>
      <c r="AJ864">
        <v>18</v>
      </c>
      <c r="AK864">
        <v>18</v>
      </c>
      <c r="AL864">
        <v>18</v>
      </c>
      <c r="AM864">
        <v>17</v>
      </c>
      <c r="AN864">
        <v>17</v>
      </c>
      <c r="AO864">
        <v>17</v>
      </c>
      <c r="AP864">
        <v>17</v>
      </c>
      <c r="AQ864">
        <v>17</v>
      </c>
    </row>
    <row r="865" spans="1:43">
      <c r="A865" t="s">
        <v>623</v>
      </c>
      <c r="B865" t="s">
        <v>624</v>
      </c>
      <c r="C865" t="s">
        <v>625</v>
      </c>
      <c r="D865" t="s">
        <v>626</v>
      </c>
      <c r="E865" t="s">
        <v>353</v>
      </c>
      <c r="F865" t="s">
        <v>354</v>
      </c>
      <c r="G865" t="s">
        <v>80</v>
      </c>
      <c r="H865" t="s">
        <v>81</v>
      </c>
      <c r="I865" s="2">
        <v>1</v>
      </c>
      <c r="J865" s="2">
        <v>0</v>
      </c>
      <c r="K865" s="2">
        <v>0</v>
      </c>
      <c r="L865" t="s">
        <v>120</v>
      </c>
      <c r="M865" t="s">
        <v>83</v>
      </c>
      <c r="N865" t="s">
        <v>91</v>
      </c>
      <c r="O865" t="s">
        <v>85</v>
      </c>
      <c r="P865" t="s">
        <v>86</v>
      </c>
      <c r="Q865">
        <v>15</v>
      </c>
      <c r="R865">
        <v>15</v>
      </c>
      <c r="S865">
        <v>15</v>
      </c>
      <c r="T865">
        <v>15</v>
      </c>
      <c r="U865">
        <v>15</v>
      </c>
      <c r="V865">
        <v>15</v>
      </c>
      <c r="W865">
        <v>16</v>
      </c>
      <c r="X865">
        <v>16</v>
      </c>
      <c r="Y865">
        <v>16</v>
      </c>
      <c r="Z865">
        <v>16</v>
      </c>
      <c r="AA865">
        <v>16</v>
      </c>
      <c r="AB865">
        <v>16</v>
      </c>
      <c r="AC865">
        <v>16</v>
      </c>
      <c r="AD865">
        <v>17</v>
      </c>
      <c r="AE865">
        <v>17</v>
      </c>
      <c r="AF865">
        <v>17</v>
      </c>
      <c r="AG865">
        <v>17</v>
      </c>
      <c r="AH865">
        <v>17</v>
      </c>
      <c r="AI865">
        <v>17</v>
      </c>
      <c r="AJ865">
        <v>17</v>
      </c>
      <c r="AK865">
        <v>17</v>
      </c>
      <c r="AL865">
        <v>17</v>
      </c>
      <c r="AM865">
        <v>17</v>
      </c>
      <c r="AN865">
        <v>17</v>
      </c>
      <c r="AO865">
        <v>17</v>
      </c>
      <c r="AP865">
        <v>17</v>
      </c>
      <c r="AQ865">
        <v>17</v>
      </c>
    </row>
    <row r="866" spans="1:43">
      <c r="A866" t="s">
        <v>627</v>
      </c>
      <c r="B866" t="s">
        <v>628</v>
      </c>
      <c r="C866" t="s">
        <v>549</v>
      </c>
      <c r="D866" t="s">
        <v>550</v>
      </c>
      <c r="E866" t="s">
        <v>353</v>
      </c>
      <c r="F866" t="s">
        <v>354</v>
      </c>
      <c r="G866" t="s">
        <v>80</v>
      </c>
      <c r="H866" t="s">
        <v>81</v>
      </c>
      <c r="I866" s="2">
        <v>1</v>
      </c>
      <c r="J866" s="2">
        <v>0</v>
      </c>
      <c r="K866" s="2">
        <v>0</v>
      </c>
      <c r="L866" t="s">
        <v>120</v>
      </c>
      <c r="M866" t="s">
        <v>83</v>
      </c>
      <c r="N866" t="s">
        <v>84</v>
      </c>
      <c r="O866" t="s">
        <v>85</v>
      </c>
      <c r="P866" t="s">
        <v>86</v>
      </c>
      <c r="Q866">
        <v>28</v>
      </c>
      <c r="R866">
        <v>29</v>
      </c>
      <c r="S866">
        <v>29</v>
      </c>
      <c r="T866">
        <v>29</v>
      </c>
      <c r="U866">
        <v>30</v>
      </c>
      <c r="V866">
        <v>30</v>
      </c>
      <c r="W866">
        <v>30</v>
      </c>
      <c r="X866">
        <v>31</v>
      </c>
      <c r="Y866">
        <v>31</v>
      </c>
      <c r="Z866">
        <v>31</v>
      </c>
      <c r="AA866">
        <v>31</v>
      </c>
      <c r="AB866">
        <v>32</v>
      </c>
      <c r="AC866">
        <v>32</v>
      </c>
      <c r="AD866">
        <v>32</v>
      </c>
      <c r="AE866">
        <v>32</v>
      </c>
      <c r="AF866">
        <v>33</v>
      </c>
      <c r="AG866">
        <v>33</v>
      </c>
      <c r="AH866">
        <v>33</v>
      </c>
      <c r="AI866">
        <v>33</v>
      </c>
      <c r="AJ866">
        <v>34</v>
      </c>
      <c r="AK866">
        <v>34</v>
      </c>
      <c r="AL866">
        <v>34</v>
      </c>
      <c r="AM866">
        <v>34</v>
      </c>
      <c r="AN866">
        <v>34</v>
      </c>
      <c r="AO866">
        <v>34</v>
      </c>
      <c r="AP866">
        <v>33</v>
      </c>
      <c r="AQ866">
        <v>33</v>
      </c>
    </row>
    <row r="867" spans="1:43">
      <c r="A867" t="s">
        <v>627</v>
      </c>
      <c r="B867" t="s">
        <v>628</v>
      </c>
      <c r="C867" t="s">
        <v>549</v>
      </c>
      <c r="D867" t="s">
        <v>550</v>
      </c>
      <c r="E867" t="s">
        <v>353</v>
      </c>
      <c r="F867" t="s">
        <v>354</v>
      </c>
      <c r="G867" t="s">
        <v>80</v>
      </c>
      <c r="H867" t="s">
        <v>81</v>
      </c>
      <c r="I867" s="2">
        <v>1</v>
      </c>
      <c r="J867" s="2">
        <v>0</v>
      </c>
      <c r="K867" s="2">
        <v>0</v>
      </c>
      <c r="L867" t="s">
        <v>120</v>
      </c>
      <c r="M867" t="s">
        <v>87</v>
      </c>
      <c r="N867" t="s">
        <v>88</v>
      </c>
      <c r="O867" t="s">
        <v>85</v>
      </c>
      <c r="P867" t="s">
        <v>86</v>
      </c>
      <c r="Q867">
        <v>28</v>
      </c>
      <c r="R867">
        <v>28</v>
      </c>
      <c r="S867">
        <v>28</v>
      </c>
      <c r="T867">
        <v>28</v>
      </c>
      <c r="U867">
        <v>28</v>
      </c>
      <c r="V867">
        <v>28</v>
      </c>
      <c r="W867">
        <v>28</v>
      </c>
      <c r="X867">
        <v>29</v>
      </c>
      <c r="Y867">
        <v>29</v>
      </c>
      <c r="Z867">
        <v>29</v>
      </c>
      <c r="AA867">
        <v>29</v>
      </c>
      <c r="AB867">
        <v>29</v>
      </c>
      <c r="AC867">
        <v>29</v>
      </c>
      <c r="AD867">
        <v>29</v>
      </c>
      <c r="AE867">
        <v>29</v>
      </c>
      <c r="AF867">
        <v>29</v>
      </c>
      <c r="AG867">
        <v>29</v>
      </c>
      <c r="AH867">
        <v>29</v>
      </c>
      <c r="AI867">
        <v>29</v>
      </c>
      <c r="AJ867">
        <v>29</v>
      </c>
      <c r="AK867">
        <v>29</v>
      </c>
      <c r="AL867">
        <v>29</v>
      </c>
      <c r="AM867">
        <v>29</v>
      </c>
      <c r="AN867">
        <v>29</v>
      </c>
      <c r="AO867">
        <v>29</v>
      </c>
      <c r="AP867">
        <v>29</v>
      </c>
      <c r="AQ867">
        <v>29</v>
      </c>
    </row>
    <row r="868" spans="1:43">
      <c r="A868" t="s">
        <v>627</v>
      </c>
      <c r="B868" t="s">
        <v>628</v>
      </c>
      <c r="C868" t="s">
        <v>549</v>
      </c>
      <c r="D868" t="s">
        <v>550</v>
      </c>
      <c r="E868" t="s">
        <v>353</v>
      </c>
      <c r="F868" t="s">
        <v>354</v>
      </c>
      <c r="G868" t="s">
        <v>80</v>
      </c>
      <c r="H868" t="s">
        <v>81</v>
      </c>
      <c r="I868" s="2">
        <v>1</v>
      </c>
      <c r="J868" s="2">
        <v>0</v>
      </c>
      <c r="K868" s="2">
        <v>0</v>
      </c>
      <c r="L868" t="s">
        <v>120</v>
      </c>
      <c r="M868" t="s">
        <v>89</v>
      </c>
      <c r="N868" t="s">
        <v>90</v>
      </c>
      <c r="O868" t="s">
        <v>85</v>
      </c>
      <c r="P868" t="s">
        <v>86</v>
      </c>
      <c r="Q868">
        <v>28</v>
      </c>
      <c r="R868">
        <v>28</v>
      </c>
      <c r="S868">
        <v>29</v>
      </c>
      <c r="T868">
        <v>29</v>
      </c>
      <c r="U868">
        <v>30</v>
      </c>
      <c r="V868">
        <v>30</v>
      </c>
      <c r="W868">
        <v>31</v>
      </c>
      <c r="X868">
        <v>31</v>
      </c>
      <c r="Y868">
        <v>32</v>
      </c>
      <c r="Z868">
        <v>32</v>
      </c>
      <c r="AA868">
        <v>32</v>
      </c>
      <c r="AB868">
        <v>33</v>
      </c>
      <c r="AC868">
        <v>33</v>
      </c>
      <c r="AD868">
        <v>34</v>
      </c>
      <c r="AE868">
        <v>34</v>
      </c>
      <c r="AF868">
        <v>34</v>
      </c>
      <c r="AG868">
        <v>34</v>
      </c>
      <c r="AH868">
        <v>33</v>
      </c>
      <c r="AI868">
        <v>33</v>
      </c>
      <c r="AJ868">
        <v>33</v>
      </c>
      <c r="AK868">
        <v>33</v>
      </c>
      <c r="AL868">
        <v>33</v>
      </c>
      <c r="AM868">
        <v>33</v>
      </c>
      <c r="AN868">
        <v>33</v>
      </c>
      <c r="AO868">
        <v>33</v>
      </c>
      <c r="AP868">
        <v>33</v>
      </c>
      <c r="AQ868">
        <v>33</v>
      </c>
    </row>
    <row r="869" spans="1:43">
      <c r="A869" t="s">
        <v>627</v>
      </c>
      <c r="B869" t="s">
        <v>628</v>
      </c>
      <c r="C869" t="s">
        <v>549</v>
      </c>
      <c r="D869" t="s">
        <v>550</v>
      </c>
      <c r="E869" t="s">
        <v>353</v>
      </c>
      <c r="F869" t="s">
        <v>354</v>
      </c>
      <c r="G869" t="s">
        <v>80</v>
      </c>
      <c r="H869" t="s">
        <v>81</v>
      </c>
      <c r="I869" s="2">
        <v>1</v>
      </c>
      <c r="J869" s="2">
        <v>0</v>
      </c>
      <c r="K869" s="2">
        <v>0</v>
      </c>
      <c r="L869" t="s">
        <v>120</v>
      </c>
      <c r="M869" t="s">
        <v>83</v>
      </c>
      <c r="N869" t="s">
        <v>91</v>
      </c>
      <c r="O869" t="s">
        <v>85</v>
      </c>
      <c r="P869" t="s">
        <v>86</v>
      </c>
      <c r="Q869">
        <v>28</v>
      </c>
      <c r="R869">
        <v>29</v>
      </c>
      <c r="S869">
        <v>29</v>
      </c>
      <c r="T869">
        <v>29</v>
      </c>
      <c r="U869">
        <v>30</v>
      </c>
      <c r="V869">
        <v>30</v>
      </c>
      <c r="W869">
        <v>30</v>
      </c>
      <c r="X869">
        <v>31</v>
      </c>
      <c r="Y869">
        <v>31</v>
      </c>
      <c r="Z869">
        <v>31</v>
      </c>
      <c r="AA869">
        <v>31</v>
      </c>
      <c r="AB869">
        <v>32</v>
      </c>
      <c r="AC869">
        <v>32</v>
      </c>
      <c r="AD869">
        <v>32</v>
      </c>
      <c r="AE869">
        <v>32</v>
      </c>
      <c r="AF869">
        <v>33</v>
      </c>
      <c r="AG869">
        <v>33</v>
      </c>
      <c r="AH869">
        <v>33</v>
      </c>
      <c r="AI869">
        <v>33</v>
      </c>
      <c r="AJ869">
        <v>34</v>
      </c>
      <c r="AK869">
        <v>34</v>
      </c>
      <c r="AL869">
        <v>34</v>
      </c>
      <c r="AM869">
        <v>34</v>
      </c>
      <c r="AN869">
        <v>34</v>
      </c>
      <c r="AO869">
        <v>34</v>
      </c>
      <c r="AP869">
        <v>33</v>
      </c>
      <c r="AQ869">
        <v>33</v>
      </c>
    </row>
    <row r="870" spans="1:43">
      <c r="A870" t="s">
        <v>629</v>
      </c>
      <c r="B870" t="s">
        <v>630</v>
      </c>
      <c r="C870" t="s">
        <v>549</v>
      </c>
      <c r="D870" t="s">
        <v>550</v>
      </c>
      <c r="E870" t="s">
        <v>353</v>
      </c>
      <c r="F870" t="s">
        <v>354</v>
      </c>
      <c r="G870" t="s">
        <v>80</v>
      </c>
      <c r="H870" t="s">
        <v>81</v>
      </c>
      <c r="I870" s="2">
        <v>1</v>
      </c>
      <c r="J870" s="2">
        <v>0</v>
      </c>
      <c r="K870" s="2">
        <v>0</v>
      </c>
      <c r="L870" t="s">
        <v>120</v>
      </c>
      <c r="M870" t="s">
        <v>83</v>
      </c>
      <c r="N870" t="s">
        <v>84</v>
      </c>
      <c r="O870" t="s">
        <v>85</v>
      </c>
      <c r="P870" t="s">
        <v>86</v>
      </c>
      <c r="Q870">
        <v>26</v>
      </c>
      <c r="R870">
        <v>26</v>
      </c>
      <c r="S870">
        <v>26</v>
      </c>
      <c r="T870">
        <v>27</v>
      </c>
      <c r="U870">
        <v>27</v>
      </c>
      <c r="V870">
        <v>27</v>
      </c>
      <c r="W870">
        <v>27</v>
      </c>
      <c r="X870">
        <v>28</v>
      </c>
      <c r="Y870">
        <v>28</v>
      </c>
      <c r="Z870">
        <v>28</v>
      </c>
      <c r="AA870">
        <v>28</v>
      </c>
      <c r="AB870">
        <v>29</v>
      </c>
      <c r="AC870">
        <v>29</v>
      </c>
      <c r="AD870">
        <v>29</v>
      </c>
      <c r="AE870">
        <v>29</v>
      </c>
      <c r="AF870">
        <v>29</v>
      </c>
      <c r="AG870">
        <v>30</v>
      </c>
      <c r="AH870">
        <v>30</v>
      </c>
      <c r="AI870">
        <v>30</v>
      </c>
      <c r="AJ870">
        <v>30</v>
      </c>
      <c r="AK870">
        <v>30</v>
      </c>
      <c r="AL870">
        <v>30</v>
      </c>
      <c r="AM870">
        <v>30</v>
      </c>
      <c r="AN870">
        <v>30</v>
      </c>
      <c r="AO870">
        <v>30</v>
      </c>
      <c r="AP870">
        <v>30</v>
      </c>
      <c r="AQ870">
        <v>30</v>
      </c>
    </row>
    <row r="871" spans="1:43">
      <c r="A871" t="s">
        <v>629</v>
      </c>
      <c r="B871" t="s">
        <v>630</v>
      </c>
      <c r="C871" t="s">
        <v>549</v>
      </c>
      <c r="D871" t="s">
        <v>550</v>
      </c>
      <c r="E871" t="s">
        <v>353</v>
      </c>
      <c r="F871" t="s">
        <v>354</v>
      </c>
      <c r="G871" t="s">
        <v>80</v>
      </c>
      <c r="H871" t="s">
        <v>81</v>
      </c>
      <c r="I871" s="2">
        <v>1</v>
      </c>
      <c r="J871" s="2">
        <v>0</v>
      </c>
      <c r="K871" s="2">
        <v>0</v>
      </c>
      <c r="L871" t="s">
        <v>120</v>
      </c>
      <c r="M871" t="s">
        <v>87</v>
      </c>
      <c r="N871" t="s">
        <v>88</v>
      </c>
      <c r="O871" t="s">
        <v>85</v>
      </c>
      <c r="P871" t="s">
        <v>86</v>
      </c>
      <c r="Q871">
        <v>26</v>
      </c>
      <c r="R871">
        <v>26</v>
      </c>
      <c r="S871">
        <v>27</v>
      </c>
      <c r="T871">
        <v>27</v>
      </c>
      <c r="U871">
        <v>27</v>
      </c>
      <c r="V871">
        <v>27</v>
      </c>
      <c r="W871">
        <v>27</v>
      </c>
      <c r="X871">
        <v>27</v>
      </c>
      <c r="Y871">
        <v>27</v>
      </c>
      <c r="Z871">
        <v>27</v>
      </c>
      <c r="AA871">
        <v>27</v>
      </c>
      <c r="AB871">
        <v>27</v>
      </c>
      <c r="AC871">
        <v>27</v>
      </c>
      <c r="AD871">
        <v>27</v>
      </c>
      <c r="AE871">
        <v>27</v>
      </c>
      <c r="AF871">
        <v>27</v>
      </c>
      <c r="AG871">
        <v>27</v>
      </c>
      <c r="AH871">
        <v>27</v>
      </c>
      <c r="AI871">
        <v>27</v>
      </c>
      <c r="AJ871">
        <v>27</v>
      </c>
      <c r="AK871">
        <v>27</v>
      </c>
      <c r="AL871">
        <v>27</v>
      </c>
      <c r="AM871">
        <v>27</v>
      </c>
      <c r="AN871">
        <v>27</v>
      </c>
      <c r="AO871">
        <v>27</v>
      </c>
      <c r="AP871">
        <v>27</v>
      </c>
      <c r="AQ871">
        <v>27</v>
      </c>
    </row>
    <row r="872" spans="1:43">
      <c r="A872" t="s">
        <v>629</v>
      </c>
      <c r="B872" t="s">
        <v>630</v>
      </c>
      <c r="C872" t="s">
        <v>549</v>
      </c>
      <c r="D872" t="s">
        <v>550</v>
      </c>
      <c r="E872" t="s">
        <v>353</v>
      </c>
      <c r="F872" t="s">
        <v>354</v>
      </c>
      <c r="G872" t="s">
        <v>80</v>
      </c>
      <c r="H872" t="s">
        <v>81</v>
      </c>
      <c r="I872" s="2">
        <v>1</v>
      </c>
      <c r="J872" s="2">
        <v>0</v>
      </c>
      <c r="K872" s="2">
        <v>0</v>
      </c>
      <c r="L872" t="s">
        <v>120</v>
      </c>
      <c r="M872" t="s">
        <v>89</v>
      </c>
      <c r="N872" t="s">
        <v>90</v>
      </c>
      <c r="O872" t="s">
        <v>85</v>
      </c>
      <c r="P872" t="s">
        <v>86</v>
      </c>
      <c r="Q872">
        <v>26</v>
      </c>
      <c r="R872">
        <v>26</v>
      </c>
      <c r="S872">
        <v>27</v>
      </c>
      <c r="T872">
        <v>27</v>
      </c>
      <c r="U872">
        <v>28</v>
      </c>
      <c r="V872">
        <v>28</v>
      </c>
      <c r="W872">
        <v>29</v>
      </c>
      <c r="X872">
        <v>29</v>
      </c>
      <c r="Y872">
        <v>29</v>
      </c>
      <c r="Z872">
        <v>30</v>
      </c>
      <c r="AA872">
        <v>30</v>
      </c>
      <c r="AB872">
        <v>30</v>
      </c>
      <c r="AC872">
        <v>31</v>
      </c>
      <c r="AD872">
        <v>31</v>
      </c>
      <c r="AE872">
        <v>31</v>
      </c>
      <c r="AF872">
        <v>31</v>
      </c>
      <c r="AG872">
        <v>31</v>
      </c>
      <c r="AH872">
        <v>31</v>
      </c>
      <c r="AI872">
        <v>31</v>
      </c>
      <c r="AJ872">
        <v>31</v>
      </c>
      <c r="AK872">
        <v>31</v>
      </c>
      <c r="AL872">
        <v>31</v>
      </c>
      <c r="AM872">
        <v>31</v>
      </c>
      <c r="AN872">
        <v>31</v>
      </c>
      <c r="AO872">
        <v>30</v>
      </c>
      <c r="AP872">
        <v>30</v>
      </c>
      <c r="AQ872">
        <v>30</v>
      </c>
    </row>
    <row r="873" spans="1:43">
      <c r="A873" t="s">
        <v>629</v>
      </c>
      <c r="B873" t="s">
        <v>630</v>
      </c>
      <c r="C873" t="s">
        <v>549</v>
      </c>
      <c r="D873" t="s">
        <v>550</v>
      </c>
      <c r="E873" t="s">
        <v>353</v>
      </c>
      <c r="F873" t="s">
        <v>354</v>
      </c>
      <c r="G873" t="s">
        <v>80</v>
      </c>
      <c r="H873" t="s">
        <v>81</v>
      </c>
      <c r="I873" s="2">
        <v>1</v>
      </c>
      <c r="J873" s="2">
        <v>0</v>
      </c>
      <c r="K873" s="2">
        <v>0</v>
      </c>
      <c r="L873" t="s">
        <v>120</v>
      </c>
      <c r="M873" t="s">
        <v>83</v>
      </c>
      <c r="N873" t="s">
        <v>91</v>
      </c>
      <c r="O873" t="s">
        <v>85</v>
      </c>
      <c r="P873" t="s">
        <v>86</v>
      </c>
      <c r="Q873">
        <v>26</v>
      </c>
      <c r="R873">
        <v>26</v>
      </c>
      <c r="S873">
        <v>26</v>
      </c>
      <c r="T873">
        <v>27</v>
      </c>
      <c r="U873">
        <v>27</v>
      </c>
      <c r="V873">
        <v>27</v>
      </c>
      <c r="W873">
        <v>27</v>
      </c>
      <c r="X873">
        <v>28</v>
      </c>
      <c r="Y873">
        <v>28</v>
      </c>
      <c r="Z873">
        <v>28</v>
      </c>
      <c r="AA873">
        <v>28</v>
      </c>
      <c r="AB873">
        <v>29</v>
      </c>
      <c r="AC873">
        <v>29</v>
      </c>
      <c r="AD873">
        <v>29</v>
      </c>
      <c r="AE873">
        <v>29</v>
      </c>
      <c r="AF873">
        <v>29</v>
      </c>
      <c r="AG873">
        <v>30</v>
      </c>
      <c r="AH873">
        <v>30</v>
      </c>
      <c r="AI873">
        <v>30</v>
      </c>
      <c r="AJ873">
        <v>30</v>
      </c>
      <c r="AK873">
        <v>30</v>
      </c>
      <c r="AL873">
        <v>30</v>
      </c>
      <c r="AM873">
        <v>30</v>
      </c>
      <c r="AN873">
        <v>30</v>
      </c>
      <c r="AO873">
        <v>30</v>
      </c>
      <c r="AP873">
        <v>30</v>
      </c>
      <c r="AQ873">
        <v>30</v>
      </c>
    </row>
    <row r="874" spans="1:43">
      <c r="A874" t="s">
        <v>631</v>
      </c>
      <c r="B874" t="s">
        <v>632</v>
      </c>
      <c r="C874" t="s">
        <v>549</v>
      </c>
      <c r="D874" t="s">
        <v>550</v>
      </c>
      <c r="E874" t="s">
        <v>353</v>
      </c>
      <c r="F874" t="s">
        <v>354</v>
      </c>
      <c r="G874" t="s">
        <v>80</v>
      </c>
      <c r="H874" t="s">
        <v>81</v>
      </c>
      <c r="I874" s="2">
        <v>1</v>
      </c>
      <c r="J874" s="2">
        <v>0</v>
      </c>
      <c r="K874" s="2">
        <v>0</v>
      </c>
      <c r="L874" t="s">
        <v>120</v>
      </c>
      <c r="M874" t="s">
        <v>83</v>
      </c>
      <c r="N874" t="s">
        <v>84</v>
      </c>
      <c r="O874" t="s">
        <v>85</v>
      </c>
      <c r="P874" t="s">
        <v>86</v>
      </c>
      <c r="Q874">
        <v>16</v>
      </c>
      <c r="R874">
        <v>17</v>
      </c>
      <c r="S874">
        <v>17</v>
      </c>
      <c r="T874">
        <v>17</v>
      </c>
      <c r="U874">
        <v>17</v>
      </c>
      <c r="V874">
        <v>17</v>
      </c>
      <c r="W874">
        <v>17</v>
      </c>
      <c r="X874">
        <v>18</v>
      </c>
      <c r="Y874">
        <v>18</v>
      </c>
      <c r="Z874">
        <v>18</v>
      </c>
      <c r="AA874">
        <v>18</v>
      </c>
      <c r="AB874">
        <v>18</v>
      </c>
      <c r="AC874">
        <v>18</v>
      </c>
      <c r="AD874">
        <v>19</v>
      </c>
      <c r="AE874">
        <v>19</v>
      </c>
      <c r="AF874">
        <v>19</v>
      </c>
      <c r="AG874">
        <v>19</v>
      </c>
      <c r="AH874">
        <v>19</v>
      </c>
      <c r="AI874">
        <v>19</v>
      </c>
      <c r="AJ874">
        <v>19</v>
      </c>
      <c r="AK874">
        <v>20</v>
      </c>
      <c r="AL874">
        <v>20</v>
      </c>
      <c r="AM874">
        <v>20</v>
      </c>
      <c r="AN874">
        <v>20</v>
      </c>
      <c r="AO874">
        <v>19</v>
      </c>
      <c r="AP874">
        <v>19</v>
      </c>
      <c r="AQ874">
        <v>19</v>
      </c>
    </row>
    <row r="875" spans="1:43">
      <c r="A875" t="s">
        <v>631</v>
      </c>
      <c r="B875" t="s">
        <v>632</v>
      </c>
      <c r="C875" t="s">
        <v>549</v>
      </c>
      <c r="D875" t="s">
        <v>550</v>
      </c>
      <c r="E875" t="s">
        <v>353</v>
      </c>
      <c r="F875" t="s">
        <v>354</v>
      </c>
      <c r="G875" t="s">
        <v>80</v>
      </c>
      <c r="H875" t="s">
        <v>81</v>
      </c>
      <c r="I875" s="2">
        <v>1</v>
      </c>
      <c r="J875" s="2">
        <v>0</v>
      </c>
      <c r="K875" s="2">
        <v>0</v>
      </c>
      <c r="L875" t="s">
        <v>120</v>
      </c>
      <c r="M875" t="s">
        <v>87</v>
      </c>
      <c r="N875" t="s">
        <v>88</v>
      </c>
      <c r="O875" t="s">
        <v>85</v>
      </c>
      <c r="P875" t="s">
        <v>86</v>
      </c>
      <c r="Q875">
        <v>16</v>
      </c>
      <c r="R875">
        <v>16</v>
      </c>
      <c r="S875">
        <v>16</v>
      </c>
      <c r="T875">
        <v>16</v>
      </c>
      <c r="U875">
        <v>16</v>
      </c>
      <c r="V875">
        <v>16</v>
      </c>
      <c r="W875">
        <v>16</v>
      </c>
      <c r="X875">
        <v>16</v>
      </c>
      <c r="Y875">
        <v>16</v>
      </c>
      <c r="Z875">
        <v>17</v>
      </c>
      <c r="AA875">
        <v>17</v>
      </c>
      <c r="AB875">
        <v>17</v>
      </c>
      <c r="AC875">
        <v>17</v>
      </c>
      <c r="AD875">
        <v>17</v>
      </c>
      <c r="AE875">
        <v>17</v>
      </c>
      <c r="AF875">
        <v>17</v>
      </c>
      <c r="AG875">
        <v>17</v>
      </c>
      <c r="AH875">
        <v>17</v>
      </c>
      <c r="AI875">
        <v>17</v>
      </c>
      <c r="AJ875">
        <v>17</v>
      </c>
      <c r="AK875">
        <v>17</v>
      </c>
      <c r="AL875">
        <v>17</v>
      </c>
      <c r="AM875">
        <v>17</v>
      </c>
      <c r="AN875">
        <v>17</v>
      </c>
      <c r="AO875">
        <v>17</v>
      </c>
      <c r="AP875">
        <v>17</v>
      </c>
      <c r="AQ875">
        <v>17</v>
      </c>
    </row>
    <row r="876" spans="1:43">
      <c r="A876" t="s">
        <v>631</v>
      </c>
      <c r="B876" t="s">
        <v>632</v>
      </c>
      <c r="C876" t="s">
        <v>549</v>
      </c>
      <c r="D876" t="s">
        <v>550</v>
      </c>
      <c r="E876" t="s">
        <v>353</v>
      </c>
      <c r="F876" t="s">
        <v>354</v>
      </c>
      <c r="G876" t="s">
        <v>80</v>
      </c>
      <c r="H876" t="s">
        <v>81</v>
      </c>
      <c r="I876" s="2">
        <v>1</v>
      </c>
      <c r="J876" s="2">
        <v>0</v>
      </c>
      <c r="K876" s="2">
        <v>0</v>
      </c>
      <c r="L876" t="s">
        <v>120</v>
      </c>
      <c r="M876" t="s">
        <v>89</v>
      </c>
      <c r="N876" t="s">
        <v>90</v>
      </c>
      <c r="O876" t="s">
        <v>85</v>
      </c>
      <c r="P876" t="s">
        <v>86</v>
      </c>
      <c r="Q876">
        <v>16</v>
      </c>
      <c r="R876">
        <v>16</v>
      </c>
      <c r="S876">
        <v>16</v>
      </c>
      <c r="T876">
        <v>17</v>
      </c>
      <c r="U876">
        <v>17</v>
      </c>
      <c r="V876">
        <v>17</v>
      </c>
      <c r="W876">
        <v>17</v>
      </c>
      <c r="X876">
        <v>18</v>
      </c>
      <c r="Y876">
        <v>18</v>
      </c>
      <c r="Z876">
        <v>18</v>
      </c>
      <c r="AA876">
        <v>18</v>
      </c>
      <c r="AB876">
        <v>19</v>
      </c>
      <c r="AC876">
        <v>19</v>
      </c>
      <c r="AD876">
        <v>19</v>
      </c>
      <c r="AE876">
        <v>19</v>
      </c>
      <c r="AF876">
        <v>19</v>
      </c>
      <c r="AG876">
        <v>19</v>
      </c>
      <c r="AH876">
        <v>19</v>
      </c>
      <c r="AI876">
        <v>19</v>
      </c>
      <c r="AJ876">
        <v>19</v>
      </c>
      <c r="AK876">
        <v>19</v>
      </c>
      <c r="AL876">
        <v>19</v>
      </c>
      <c r="AM876">
        <v>19</v>
      </c>
      <c r="AN876">
        <v>19</v>
      </c>
      <c r="AO876">
        <v>19</v>
      </c>
      <c r="AP876">
        <v>19</v>
      </c>
      <c r="AQ876">
        <v>19</v>
      </c>
    </row>
    <row r="877" spans="1:43">
      <c r="A877" t="s">
        <v>631</v>
      </c>
      <c r="B877" t="s">
        <v>632</v>
      </c>
      <c r="C877" t="s">
        <v>549</v>
      </c>
      <c r="D877" t="s">
        <v>550</v>
      </c>
      <c r="E877" t="s">
        <v>353</v>
      </c>
      <c r="F877" t="s">
        <v>354</v>
      </c>
      <c r="G877" t="s">
        <v>80</v>
      </c>
      <c r="H877" t="s">
        <v>81</v>
      </c>
      <c r="I877" s="2">
        <v>1</v>
      </c>
      <c r="J877" s="2">
        <v>0</v>
      </c>
      <c r="K877" s="2">
        <v>0</v>
      </c>
      <c r="L877" t="s">
        <v>120</v>
      </c>
      <c r="M877" t="s">
        <v>83</v>
      </c>
      <c r="N877" t="s">
        <v>91</v>
      </c>
      <c r="O877" t="s">
        <v>85</v>
      </c>
      <c r="P877" t="s">
        <v>86</v>
      </c>
      <c r="Q877">
        <v>16</v>
      </c>
      <c r="R877">
        <v>17</v>
      </c>
      <c r="S877">
        <v>17</v>
      </c>
      <c r="T877">
        <v>17</v>
      </c>
      <c r="U877">
        <v>17</v>
      </c>
      <c r="V877">
        <v>17</v>
      </c>
      <c r="W877">
        <v>17</v>
      </c>
      <c r="X877">
        <v>18</v>
      </c>
      <c r="Y877">
        <v>18</v>
      </c>
      <c r="Z877">
        <v>18</v>
      </c>
      <c r="AA877">
        <v>18</v>
      </c>
      <c r="AB877">
        <v>18</v>
      </c>
      <c r="AC877">
        <v>18</v>
      </c>
      <c r="AD877">
        <v>19</v>
      </c>
      <c r="AE877">
        <v>19</v>
      </c>
      <c r="AF877">
        <v>19</v>
      </c>
      <c r="AG877">
        <v>19</v>
      </c>
      <c r="AH877">
        <v>19</v>
      </c>
      <c r="AI877">
        <v>19</v>
      </c>
      <c r="AJ877">
        <v>19</v>
      </c>
      <c r="AK877">
        <v>20</v>
      </c>
      <c r="AL877">
        <v>20</v>
      </c>
      <c r="AM877">
        <v>20</v>
      </c>
      <c r="AN877">
        <v>20</v>
      </c>
      <c r="AO877">
        <v>19</v>
      </c>
      <c r="AP877">
        <v>19</v>
      </c>
      <c r="AQ877">
        <v>19</v>
      </c>
    </row>
    <row r="878" spans="1:43">
      <c r="A878" t="s">
        <v>633</v>
      </c>
      <c r="B878" t="s">
        <v>634</v>
      </c>
      <c r="C878" t="s">
        <v>549</v>
      </c>
      <c r="D878" t="s">
        <v>550</v>
      </c>
      <c r="E878" t="s">
        <v>353</v>
      </c>
      <c r="F878" t="s">
        <v>354</v>
      </c>
      <c r="G878" t="s">
        <v>80</v>
      </c>
      <c r="H878" t="s">
        <v>81</v>
      </c>
      <c r="I878" s="2">
        <v>1</v>
      </c>
      <c r="J878" s="2">
        <v>0</v>
      </c>
      <c r="K878" s="2">
        <v>0</v>
      </c>
      <c r="L878" t="s">
        <v>120</v>
      </c>
      <c r="M878" t="s">
        <v>83</v>
      </c>
      <c r="N878" t="s">
        <v>84</v>
      </c>
      <c r="O878" t="s">
        <v>85</v>
      </c>
      <c r="P878" t="s">
        <v>86</v>
      </c>
      <c r="Q878">
        <v>31</v>
      </c>
      <c r="R878">
        <v>32</v>
      </c>
      <c r="S878">
        <v>32</v>
      </c>
      <c r="T878">
        <v>32</v>
      </c>
      <c r="U878">
        <v>33</v>
      </c>
      <c r="V878">
        <v>33</v>
      </c>
      <c r="W878">
        <v>33</v>
      </c>
      <c r="X878">
        <v>34</v>
      </c>
      <c r="Y878">
        <v>34</v>
      </c>
      <c r="Z878">
        <v>34</v>
      </c>
      <c r="AA878">
        <v>35</v>
      </c>
      <c r="AB878">
        <v>35</v>
      </c>
      <c r="AC878">
        <v>35</v>
      </c>
      <c r="AD878">
        <v>36</v>
      </c>
      <c r="AE878">
        <v>36</v>
      </c>
      <c r="AF878">
        <v>36</v>
      </c>
      <c r="AG878">
        <v>36</v>
      </c>
      <c r="AH878">
        <v>37</v>
      </c>
      <c r="AI878">
        <v>37</v>
      </c>
      <c r="AJ878">
        <v>37</v>
      </c>
      <c r="AK878">
        <v>37</v>
      </c>
      <c r="AL878">
        <v>37</v>
      </c>
      <c r="AM878">
        <v>37</v>
      </c>
      <c r="AN878">
        <v>37</v>
      </c>
      <c r="AO878">
        <v>37</v>
      </c>
      <c r="AP878">
        <v>37</v>
      </c>
      <c r="AQ878">
        <v>37</v>
      </c>
    </row>
    <row r="879" spans="1:43">
      <c r="A879" t="s">
        <v>633</v>
      </c>
      <c r="B879" t="s">
        <v>634</v>
      </c>
      <c r="C879" t="s">
        <v>549</v>
      </c>
      <c r="D879" t="s">
        <v>550</v>
      </c>
      <c r="E879" t="s">
        <v>353</v>
      </c>
      <c r="F879" t="s">
        <v>354</v>
      </c>
      <c r="G879" t="s">
        <v>80</v>
      </c>
      <c r="H879" t="s">
        <v>81</v>
      </c>
      <c r="I879" s="2">
        <v>1</v>
      </c>
      <c r="J879" s="2">
        <v>0</v>
      </c>
      <c r="K879" s="2">
        <v>0</v>
      </c>
      <c r="L879" t="s">
        <v>120</v>
      </c>
      <c r="M879" t="s">
        <v>87</v>
      </c>
      <c r="N879" t="s">
        <v>88</v>
      </c>
      <c r="O879" t="s">
        <v>85</v>
      </c>
      <c r="P879" t="s">
        <v>86</v>
      </c>
      <c r="Q879">
        <v>31</v>
      </c>
      <c r="R879">
        <v>31</v>
      </c>
      <c r="S879">
        <v>31</v>
      </c>
      <c r="T879">
        <v>31</v>
      </c>
      <c r="U879">
        <v>31</v>
      </c>
      <c r="V879">
        <v>31</v>
      </c>
      <c r="W879">
        <v>31</v>
      </c>
      <c r="X879">
        <v>31</v>
      </c>
      <c r="Y879">
        <v>32</v>
      </c>
      <c r="Z879">
        <v>32</v>
      </c>
      <c r="AA879">
        <v>32</v>
      </c>
      <c r="AB879">
        <v>32</v>
      </c>
      <c r="AC879">
        <v>32</v>
      </c>
      <c r="AD879">
        <v>32</v>
      </c>
      <c r="AE879">
        <v>32</v>
      </c>
      <c r="AF879">
        <v>32</v>
      </c>
      <c r="AG879">
        <v>32</v>
      </c>
      <c r="AH879">
        <v>32</v>
      </c>
      <c r="AI879">
        <v>32</v>
      </c>
      <c r="AJ879">
        <v>32</v>
      </c>
      <c r="AK879">
        <v>32</v>
      </c>
      <c r="AL879">
        <v>32</v>
      </c>
      <c r="AM879">
        <v>32</v>
      </c>
      <c r="AN879">
        <v>32</v>
      </c>
      <c r="AO879">
        <v>32</v>
      </c>
      <c r="AP879">
        <v>32</v>
      </c>
      <c r="AQ879">
        <v>32</v>
      </c>
    </row>
    <row r="880" spans="1:43">
      <c r="A880" t="s">
        <v>633</v>
      </c>
      <c r="B880" t="s">
        <v>634</v>
      </c>
      <c r="C880" t="s">
        <v>549</v>
      </c>
      <c r="D880" t="s">
        <v>550</v>
      </c>
      <c r="E880" t="s">
        <v>353</v>
      </c>
      <c r="F880" t="s">
        <v>354</v>
      </c>
      <c r="G880" t="s">
        <v>80</v>
      </c>
      <c r="H880" t="s">
        <v>81</v>
      </c>
      <c r="I880" s="2">
        <v>1</v>
      </c>
      <c r="J880" s="2">
        <v>0</v>
      </c>
      <c r="K880" s="2">
        <v>0</v>
      </c>
      <c r="L880" t="s">
        <v>120</v>
      </c>
      <c r="M880" t="s">
        <v>89</v>
      </c>
      <c r="N880" t="s">
        <v>90</v>
      </c>
      <c r="O880" t="s">
        <v>85</v>
      </c>
      <c r="P880" t="s">
        <v>86</v>
      </c>
      <c r="Q880">
        <v>31</v>
      </c>
      <c r="R880">
        <v>31</v>
      </c>
      <c r="S880">
        <v>32</v>
      </c>
      <c r="T880">
        <v>33</v>
      </c>
      <c r="U880">
        <v>33</v>
      </c>
      <c r="V880">
        <v>34</v>
      </c>
      <c r="W880">
        <v>34</v>
      </c>
      <c r="X880">
        <v>35</v>
      </c>
      <c r="Y880">
        <v>35</v>
      </c>
      <c r="Z880">
        <v>35</v>
      </c>
      <c r="AA880">
        <v>36</v>
      </c>
      <c r="AB880">
        <v>36</v>
      </c>
      <c r="AC880">
        <v>37</v>
      </c>
      <c r="AD880">
        <v>37</v>
      </c>
      <c r="AE880">
        <v>37</v>
      </c>
      <c r="AF880">
        <v>37</v>
      </c>
      <c r="AG880">
        <v>37</v>
      </c>
      <c r="AH880">
        <v>37</v>
      </c>
      <c r="AI880">
        <v>37</v>
      </c>
      <c r="AJ880">
        <v>37</v>
      </c>
      <c r="AK880">
        <v>37</v>
      </c>
      <c r="AL880">
        <v>37</v>
      </c>
      <c r="AM880">
        <v>37</v>
      </c>
      <c r="AN880">
        <v>37</v>
      </c>
      <c r="AO880">
        <v>36</v>
      </c>
      <c r="AP880">
        <v>36</v>
      </c>
      <c r="AQ880">
        <v>36</v>
      </c>
    </row>
    <row r="881" spans="1:43">
      <c r="A881" t="s">
        <v>633</v>
      </c>
      <c r="B881" t="s">
        <v>634</v>
      </c>
      <c r="C881" t="s">
        <v>549</v>
      </c>
      <c r="D881" t="s">
        <v>550</v>
      </c>
      <c r="E881" t="s">
        <v>353</v>
      </c>
      <c r="F881" t="s">
        <v>354</v>
      </c>
      <c r="G881" t="s">
        <v>80</v>
      </c>
      <c r="H881" t="s">
        <v>81</v>
      </c>
      <c r="I881" s="2">
        <v>1</v>
      </c>
      <c r="J881" s="2">
        <v>0</v>
      </c>
      <c r="K881" s="2">
        <v>0</v>
      </c>
      <c r="L881" t="s">
        <v>120</v>
      </c>
      <c r="M881" t="s">
        <v>83</v>
      </c>
      <c r="N881" t="s">
        <v>91</v>
      </c>
      <c r="O881" t="s">
        <v>85</v>
      </c>
      <c r="P881" t="s">
        <v>86</v>
      </c>
      <c r="Q881">
        <v>31</v>
      </c>
      <c r="R881">
        <v>32</v>
      </c>
      <c r="S881">
        <v>32</v>
      </c>
      <c r="T881">
        <v>32</v>
      </c>
      <c r="U881">
        <v>33</v>
      </c>
      <c r="V881">
        <v>33</v>
      </c>
      <c r="W881">
        <v>33</v>
      </c>
      <c r="X881">
        <v>34</v>
      </c>
      <c r="Y881">
        <v>34</v>
      </c>
      <c r="Z881">
        <v>34</v>
      </c>
      <c r="AA881">
        <v>35</v>
      </c>
      <c r="AB881">
        <v>35</v>
      </c>
      <c r="AC881">
        <v>35</v>
      </c>
      <c r="AD881">
        <v>36</v>
      </c>
      <c r="AE881">
        <v>36</v>
      </c>
      <c r="AF881">
        <v>36</v>
      </c>
      <c r="AG881">
        <v>36</v>
      </c>
      <c r="AH881">
        <v>37</v>
      </c>
      <c r="AI881">
        <v>37</v>
      </c>
      <c r="AJ881">
        <v>37</v>
      </c>
      <c r="AK881">
        <v>37</v>
      </c>
      <c r="AL881">
        <v>37</v>
      </c>
      <c r="AM881">
        <v>37</v>
      </c>
      <c r="AN881">
        <v>37</v>
      </c>
      <c r="AO881">
        <v>37</v>
      </c>
      <c r="AP881">
        <v>37</v>
      </c>
      <c r="AQ881">
        <v>37</v>
      </c>
    </row>
    <row r="882" spans="1:43">
      <c r="A882" t="s">
        <v>635</v>
      </c>
      <c r="B882" t="s">
        <v>636</v>
      </c>
      <c r="C882" t="s">
        <v>549</v>
      </c>
      <c r="D882" t="s">
        <v>550</v>
      </c>
      <c r="E882" t="s">
        <v>353</v>
      </c>
      <c r="F882" t="s">
        <v>354</v>
      </c>
      <c r="G882" t="s">
        <v>80</v>
      </c>
      <c r="H882" t="s">
        <v>81</v>
      </c>
      <c r="I882" s="2">
        <v>1</v>
      </c>
      <c r="J882" s="2">
        <v>0</v>
      </c>
      <c r="K882" s="2">
        <v>0</v>
      </c>
      <c r="L882" t="s">
        <v>120</v>
      </c>
      <c r="M882" t="s">
        <v>83</v>
      </c>
      <c r="N882" t="s">
        <v>84</v>
      </c>
      <c r="O882" t="s">
        <v>85</v>
      </c>
      <c r="P882" t="s">
        <v>86</v>
      </c>
      <c r="Q882">
        <v>15</v>
      </c>
      <c r="R882">
        <v>15</v>
      </c>
      <c r="S882">
        <v>16</v>
      </c>
      <c r="T882">
        <v>16</v>
      </c>
      <c r="U882">
        <v>16</v>
      </c>
      <c r="V882">
        <v>16</v>
      </c>
      <c r="W882">
        <v>16</v>
      </c>
      <c r="X882">
        <v>16</v>
      </c>
      <c r="Y882">
        <v>17</v>
      </c>
      <c r="Z882">
        <v>17</v>
      </c>
      <c r="AA882">
        <v>17</v>
      </c>
      <c r="AB882">
        <v>17</v>
      </c>
      <c r="AC882">
        <v>17</v>
      </c>
      <c r="AD882">
        <v>17</v>
      </c>
      <c r="AE882">
        <v>17</v>
      </c>
      <c r="AF882">
        <v>18</v>
      </c>
      <c r="AG882">
        <v>18</v>
      </c>
      <c r="AH882">
        <v>18</v>
      </c>
      <c r="AI882">
        <v>18</v>
      </c>
      <c r="AJ882">
        <v>18</v>
      </c>
      <c r="AK882">
        <v>18</v>
      </c>
      <c r="AL882">
        <v>18</v>
      </c>
      <c r="AM882">
        <v>18</v>
      </c>
      <c r="AN882">
        <v>18</v>
      </c>
      <c r="AO882">
        <v>18</v>
      </c>
      <c r="AP882">
        <v>18</v>
      </c>
      <c r="AQ882">
        <v>18</v>
      </c>
    </row>
    <row r="883" spans="1:43">
      <c r="A883" t="s">
        <v>635</v>
      </c>
      <c r="B883" t="s">
        <v>636</v>
      </c>
      <c r="C883" t="s">
        <v>549</v>
      </c>
      <c r="D883" t="s">
        <v>550</v>
      </c>
      <c r="E883" t="s">
        <v>353</v>
      </c>
      <c r="F883" t="s">
        <v>354</v>
      </c>
      <c r="G883" t="s">
        <v>80</v>
      </c>
      <c r="H883" t="s">
        <v>81</v>
      </c>
      <c r="I883" s="2">
        <v>1</v>
      </c>
      <c r="J883" s="2">
        <v>0</v>
      </c>
      <c r="K883" s="2">
        <v>0</v>
      </c>
      <c r="L883" t="s">
        <v>120</v>
      </c>
      <c r="M883" t="s">
        <v>87</v>
      </c>
      <c r="N883" t="s">
        <v>88</v>
      </c>
      <c r="O883" t="s">
        <v>85</v>
      </c>
      <c r="P883" t="s">
        <v>86</v>
      </c>
      <c r="Q883">
        <v>15</v>
      </c>
      <c r="R883">
        <v>15</v>
      </c>
      <c r="S883">
        <v>15</v>
      </c>
      <c r="T883">
        <v>15</v>
      </c>
      <c r="U883">
        <v>15</v>
      </c>
      <c r="V883">
        <v>15</v>
      </c>
      <c r="W883">
        <v>15</v>
      </c>
      <c r="X883">
        <v>15</v>
      </c>
      <c r="Y883">
        <v>15</v>
      </c>
      <c r="Z883">
        <v>15</v>
      </c>
      <c r="AA883">
        <v>15</v>
      </c>
      <c r="AB883">
        <v>15</v>
      </c>
      <c r="AC883">
        <v>15</v>
      </c>
      <c r="AD883">
        <v>15</v>
      </c>
      <c r="AE883">
        <v>15</v>
      </c>
      <c r="AF883">
        <v>15</v>
      </c>
      <c r="AG883">
        <v>15</v>
      </c>
      <c r="AH883">
        <v>15</v>
      </c>
      <c r="AI883">
        <v>15</v>
      </c>
      <c r="AJ883">
        <v>16</v>
      </c>
      <c r="AK883">
        <v>16</v>
      </c>
      <c r="AL883">
        <v>16</v>
      </c>
      <c r="AM883">
        <v>16</v>
      </c>
      <c r="AN883">
        <v>16</v>
      </c>
      <c r="AO883">
        <v>16</v>
      </c>
      <c r="AP883">
        <v>16</v>
      </c>
      <c r="AQ883">
        <v>16</v>
      </c>
    </row>
    <row r="884" spans="1:43">
      <c r="A884" t="s">
        <v>635</v>
      </c>
      <c r="B884" t="s">
        <v>636</v>
      </c>
      <c r="C884" t="s">
        <v>549</v>
      </c>
      <c r="D884" t="s">
        <v>550</v>
      </c>
      <c r="E884" t="s">
        <v>353</v>
      </c>
      <c r="F884" t="s">
        <v>354</v>
      </c>
      <c r="G884" t="s">
        <v>80</v>
      </c>
      <c r="H884" t="s">
        <v>81</v>
      </c>
      <c r="I884" s="2">
        <v>1</v>
      </c>
      <c r="J884" s="2">
        <v>0</v>
      </c>
      <c r="K884" s="2">
        <v>0</v>
      </c>
      <c r="L884" t="s">
        <v>120</v>
      </c>
      <c r="M884" t="s">
        <v>89</v>
      </c>
      <c r="N884" t="s">
        <v>90</v>
      </c>
      <c r="O884" t="s">
        <v>85</v>
      </c>
      <c r="P884" t="s">
        <v>86</v>
      </c>
      <c r="Q884">
        <v>15</v>
      </c>
      <c r="R884">
        <v>16</v>
      </c>
      <c r="S884">
        <v>16</v>
      </c>
      <c r="T884">
        <v>16</v>
      </c>
      <c r="U884">
        <v>17</v>
      </c>
      <c r="V884">
        <v>17</v>
      </c>
      <c r="W884">
        <v>17</v>
      </c>
      <c r="X884">
        <v>17</v>
      </c>
      <c r="Y884">
        <v>18</v>
      </c>
      <c r="Z884">
        <v>18</v>
      </c>
      <c r="AA884">
        <v>18</v>
      </c>
      <c r="AB884">
        <v>18</v>
      </c>
      <c r="AC884">
        <v>18</v>
      </c>
      <c r="AD884">
        <v>19</v>
      </c>
      <c r="AE884">
        <v>19</v>
      </c>
      <c r="AF884">
        <v>19</v>
      </c>
      <c r="AG884">
        <v>19</v>
      </c>
      <c r="AH884">
        <v>19</v>
      </c>
      <c r="AI884">
        <v>18</v>
      </c>
      <c r="AJ884">
        <v>18</v>
      </c>
      <c r="AK884">
        <v>18</v>
      </c>
      <c r="AL884">
        <v>18</v>
      </c>
      <c r="AM884">
        <v>18</v>
      </c>
      <c r="AN884">
        <v>18</v>
      </c>
      <c r="AO884">
        <v>18</v>
      </c>
      <c r="AP884">
        <v>18</v>
      </c>
      <c r="AQ884">
        <v>18</v>
      </c>
    </row>
    <row r="885" spans="1:43">
      <c r="A885" t="s">
        <v>635</v>
      </c>
      <c r="B885" t="s">
        <v>636</v>
      </c>
      <c r="C885" t="s">
        <v>549</v>
      </c>
      <c r="D885" t="s">
        <v>550</v>
      </c>
      <c r="E885" t="s">
        <v>353</v>
      </c>
      <c r="F885" t="s">
        <v>354</v>
      </c>
      <c r="G885" t="s">
        <v>80</v>
      </c>
      <c r="H885" t="s">
        <v>81</v>
      </c>
      <c r="I885" s="2">
        <v>1</v>
      </c>
      <c r="J885" s="2">
        <v>0</v>
      </c>
      <c r="K885" s="2">
        <v>0</v>
      </c>
      <c r="L885" t="s">
        <v>120</v>
      </c>
      <c r="M885" t="s">
        <v>83</v>
      </c>
      <c r="N885" t="s">
        <v>91</v>
      </c>
      <c r="O885" t="s">
        <v>85</v>
      </c>
      <c r="P885" t="s">
        <v>86</v>
      </c>
      <c r="Q885">
        <v>15</v>
      </c>
      <c r="R885">
        <v>15</v>
      </c>
      <c r="S885">
        <v>16</v>
      </c>
      <c r="T885">
        <v>16</v>
      </c>
      <c r="U885">
        <v>16</v>
      </c>
      <c r="V885">
        <v>16</v>
      </c>
      <c r="W885">
        <v>16</v>
      </c>
      <c r="X885">
        <v>16</v>
      </c>
      <c r="Y885">
        <v>17</v>
      </c>
      <c r="Z885">
        <v>17</v>
      </c>
      <c r="AA885">
        <v>17</v>
      </c>
      <c r="AB885">
        <v>17</v>
      </c>
      <c r="AC885">
        <v>17</v>
      </c>
      <c r="AD885">
        <v>17</v>
      </c>
      <c r="AE885">
        <v>17</v>
      </c>
      <c r="AF885">
        <v>18</v>
      </c>
      <c r="AG885">
        <v>18</v>
      </c>
      <c r="AH885">
        <v>18</v>
      </c>
      <c r="AI885">
        <v>18</v>
      </c>
      <c r="AJ885">
        <v>18</v>
      </c>
      <c r="AK885">
        <v>18</v>
      </c>
      <c r="AL885">
        <v>18</v>
      </c>
      <c r="AM885">
        <v>18</v>
      </c>
      <c r="AN885">
        <v>18</v>
      </c>
      <c r="AO885">
        <v>18</v>
      </c>
      <c r="AP885">
        <v>18</v>
      </c>
      <c r="AQ885">
        <v>18</v>
      </c>
    </row>
    <row r="886" spans="1:43">
      <c r="A886" t="s">
        <v>637</v>
      </c>
      <c r="B886" t="s">
        <v>638</v>
      </c>
      <c r="C886" t="s">
        <v>389</v>
      </c>
      <c r="D886" t="s">
        <v>390</v>
      </c>
      <c r="E886" t="s">
        <v>353</v>
      </c>
      <c r="F886" t="s">
        <v>354</v>
      </c>
      <c r="G886" t="s">
        <v>80</v>
      </c>
      <c r="H886" t="s">
        <v>81</v>
      </c>
      <c r="I886" s="2">
        <v>1</v>
      </c>
      <c r="J886" s="2">
        <v>0</v>
      </c>
      <c r="K886" s="2">
        <v>0</v>
      </c>
      <c r="L886" t="s">
        <v>120</v>
      </c>
      <c r="M886" t="s">
        <v>83</v>
      </c>
      <c r="N886" t="s">
        <v>84</v>
      </c>
      <c r="O886" t="s">
        <v>85</v>
      </c>
      <c r="P886" t="s">
        <v>86</v>
      </c>
      <c r="Q886">
        <v>47</v>
      </c>
      <c r="R886">
        <v>48</v>
      </c>
      <c r="S886">
        <v>48</v>
      </c>
      <c r="T886">
        <v>49</v>
      </c>
      <c r="U886">
        <v>50</v>
      </c>
      <c r="V886">
        <v>50</v>
      </c>
      <c r="W886">
        <v>51</v>
      </c>
      <c r="X886">
        <v>51</v>
      </c>
      <c r="Y886">
        <v>52</v>
      </c>
      <c r="Z886">
        <v>52</v>
      </c>
      <c r="AA886">
        <v>52</v>
      </c>
      <c r="AB886">
        <v>53</v>
      </c>
      <c r="AC886">
        <v>53</v>
      </c>
      <c r="AD886">
        <v>54</v>
      </c>
      <c r="AE886">
        <v>54</v>
      </c>
      <c r="AF886">
        <v>55</v>
      </c>
      <c r="AG886">
        <v>55</v>
      </c>
      <c r="AH886">
        <v>56</v>
      </c>
      <c r="AI886">
        <v>56</v>
      </c>
      <c r="AJ886">
        <v>56</v>
      </c>
      <c r="AK886">
        <v>57</v>
      </c>
      <c r="AL886">
        <v>57</v>
      </c>
      <c r="AM886">
        <v>57</v>
      </c>
      <c r="AN886">
        <v>57</v>
      </c>
      <c r="AO886">
        <v>56</v>
      </c>
      <c r="AP886">
        <v>56</v>
      </c>
      <c r="AQ886">
        <v>56</v>
      </c>
    </row>
    <row r="887" spans="1:43">
      <c r="A887" t="s">
        <v>637</v>
      </c>
      <c r="B887" t="s">
        <v>638</v>
      </c>
      <c r="C887" t="s">
        <v>389</v>
      </c>
      <c r="D887" t="s">
        <v>390</v>
      </c>
      <c r="E887" t="s">
        <v>353</v>
      </c>
      <c r="F887" t="s">
        <v>354</v>
      </c>
      <c r="G887" t="s">
        <v>80</v>
      </c>
      <c r="H887" t="s">
        <v>81</v>
      </c>
      <c r="I887" s="2">
        <v>1</v>
      </c>
      <c r="J887" s="2">
        <v>0</v>
      </c>
      <c r="K887" s="2">
        <v>0</v>
      </c>
      <c r="L887" t="s">
        <v>120</v>
      </c>
      <c r="M887" t="s">
        <v>87</v>
      </c>
      <c r="N887" t="s">
        <v>88</v>
      </c>
      <c r="O887" t="s">
        <v>85</v>
      </c>
      <c r="P887" t="s">
        <v>86</v>
      </c>
      <c r="Q887">
        <v>47</v>
      </c>
      <c r="R887">
        <v>47</v>
      </c>
      <c r="S887">
        <v>47</v>
      </c>
      <c r="T887">
        <v>47</v>
      </c>
      <c r="U887">
        <v>47</v>
      </c>
      <c r="V887">
        <v>47</v>
      </c>
      <c r="W887">
        <v>48</v>
      </c>
      <c r="X887">
        <v>48</v>
      </c>
      <c r="Y887">
        <v>48</v>
      </c>
      <c r="Z887">
        <v>48</v>
      </c>
      <c r="AA887">
        <v>48</v>
      </c>
      <c r="AB887">
        <v>48</v>
      </c>
      <c r="AC887">
        <v>48</v>
      </c>
      <c r="AD887">
        <v>48</v>
      </c>
      <c r="AE887">
        <v>48</v>
      </c>
      <c r="AF887">
        <v>48</v>
      </c>
      <c r="AG887">
        <v>48</v>
      </c>
      <c r="AH887">
        <v>48</v>
      </c>
      <c r="AI887">
        <v>48</v>
      </c>
      <c r="AJ887">
        <v>48</v>
      </c>
      <c r="AK887">
        <v>48</v>
      </c>
      <c r="AL887">
        <v>48</v>
      </c>
      <c r="AM887">
        <v>48</v>
      </c>
      <c r="AN887">
        <v>48</v>
      </c>
      <c r="AO887">
        <v>48</v>
      </c>
      <c r="AP887">
        <v>49</v>
      </c>
      <c r="AQ887">
        <v>49</v>
      </c>
    </row>
    <row r="888" spans="1:43">
      <c r="A888" t="s">
        <v>637</v>
      </c>
      <c r="B888" t="s">
        <v>638</v>
      </c>
      <c r="C888" t="s">
        <v>389</v>
      </c>
      <c r="D888" t="s">
        <v>390</v>
      </c>
      <c r="E888" t="s">
        <v>353</v>
      </c>
      <c r="F888" t="s">
        <v>354</v>
      </c>
      <c r="G888" t="s">
        <v>80</v>
      </c>
      <c r="H888" t="s">
        <v>81</v>
      </c>
      <c r="I888" s="2">
        <v>1</v>
      </c>
      <c r="J888" s="2">
        <v>0</v>
      </c>
      <c r="K888" s="2">
        <v>0</v>
      </c>
      <c r="L888" t="s">
        <v>120</v>
      </c>
      <c r="M888" t="s">
        <v>89</v>
      </c>
      <c r="N888" t="s">
        <v>90</v>
      </c>
      <c r="O888" t="s">
        <v>85</v>
      </c>
      <c r="P888" t="s">
        <v>86</v>
      </c>
      <c r="Q888">
        <v>47</v>
      </c>
      <c r="R888">
        <v>48</v>
      </c>
      <c r="S888">
        <v>49</v>
      </c>
      <c r="T888">
        <v>50</v>
      </c>
      <c r="U888">
        <v>51</v>
      </c>
      <c r="V888">
        <v>51</v>
      </c>
      <c r="W888">
        <v>52</v>
      </c>
      <c r="X888">
        <v>53</v>
      </c>
      <c r="Y888">
        <v>54</v>
      </c>
      <c r="Z888">
        <v>54</v>
      </c>
      <c r="AA888">
        <v>55</v>
      </c>
      <c r="AB888">
        <v>56</v>
      </c>
      <c r="AC888">
        <v>56</v>
      </c>
      <c r="AD888">
        <v>57</v>
      </c>
      <c r="AE888">
        <v>57</v>
      </c>
      <c r="AF888">
        <v>57</v>
      </c>
      <c r="AG888">
        <v>57</v>
      </c>
      <c r="AH888">
        <v>57</v>
      </c>
      <c r="AI888">
        <v>57</v>
      </c>
      <c r="AJ888">
        <v>57</v>
      </c>
      <c r="AK888">
        <v>56</v>
      </c>
      <c r="AL888">
        <v>56</v>
      </c>
      <c r="AM888">
        <v>56</v>
      </c>
      <c r="AN888">
        <v>56</v>
      </c>
      <c r="AO888">
        <v>56</v>
      </c>
      <c r="AP888">
        <v>56</v>
      </c>
      <c r="AQ888">
        <v>56</v>
      </c>
    </row>
    <row r="889" spans="1:43">
      <c r="A889" t="s">
        <v>637</v>
      </c>
      <c r="B889" t="s">
        <v>638</v>
      </c>
      <c r="C889" t="s">
        <v>389</v>
      </c>
      <c r="D889" t="s">
        <v>390</v>
      </c>
      <c r="E889" t="s">
        <v>353</v>
      </c>
      <c r="F889" t="s">
        <v>354</v>
      </c>
      <c r="G889" t="s">
        <v>80</v>
      </c>
      <c r="H889" t="s">
        <v>81</v>
      </c>
      <c r="I889" s="2">
        <v>1</v>
      </c>
      <c r="J889" s="2">
        <v>0</v>
      </c>
      <c r="K889" s="2">
        <v>0</v>
      </c>
      <c r="L889" t="s">
        <v>120</v>
      </c>
      <c r="M889" t="s">
        <v>83</v>
      </c>
      <c r="N889" t="s">
        <v>91</v>
      </c>
      <c r="O889" t="s">
        <v>85</v>
      </c>
      <c r="P889" t="s">
        <v>86</v>
      </c>
      <c r="Q889">
        <v>47</v>
      </c>
      <c r="R889">
        <v>48</v>
      </c>
      <c r="S889">
        <v>48</v>
      </c>
      <c r="T889">
        <v>49</v>
      </c>
      <c r="U889">
        <v>50</v>
      </c>
      <c r="V889">
        <v>50</v>
      </c>
      <c r="W889">
        <v>51</v>
      </c>
      <c r="X889">
        <v>51</v>
      </c>
      <c r="Y889">
        <v>52</v>
      </c>
      <c r="Z889">
        <v>52</v>
      </c>
      <c r="AA889">
        <v>52</v>
      </c>
      <c r="AB889">
        <v>53</v>
      </c>
      <c r="AC889">
        <v>53</v>
      </c>
      <c r="AD889">
        <v>54</v>
      </c>
      <c r="AE889">
        <v>54</v>
      </c>
      <c r="AF889">
        <v>55</v>
      </c>
      <c r="AG889">
        <v>55</v>
      </c>
      <c r="AH889">
        <v>56</v>
      </c>
      <c r="AI889">
        <v>56</v>
      </c>
      <c r="AJ889">
        <v>56</v>
      </c>
      <c r="AK889">
        <v>57</v>
      </c>
      <c r="AL889">
        <v>57</v>
      </c>
      <c r="AM889">
        <v>57</v>
      </c>
      <c r="AN889">
        <v>57</v>
      </c>
      <c r="AO889">
        <v>56</v>
      </c>
      <c r="AP889">
        <v>56</v>
      </c>
      <c r="AQ889">
        <v>56</v>
      </c>
    </row>
    <row r="890" spans="1:43">
      <c r="A890" t="s">
        <v>639</v>
      </c>
      <c r="B890" t="s">
        <v>640</v>
      </c>
      <c r="C890" t="s">
        <v>389</v>
      </c>
      <c r="D890" t="s">
        <v>390</v>
      </c>
      <c r="E890" t="s">
        <v>353</v>
      </c>
      <c r="F890" t="s">
        <v>354</v>
      </c>
      <c r="G890" t="s">
        <v>80</v>
      </c>
      <c r="H890" t="s">
        <v>81</v>
      </c>
      <c r="I890" s="2">
        <v>1</v>
      </c>
      <c r="J890" s="2">
        <v>0</v>
      </c>
      <c r="K890" s="2">
        <v>0</v>
      </c>
      <c r="L890" t="s">
        <v>120</v>
      </c>
      <c r="M890" t="s">
        <v>83</v>
      </c>
      <c r="N890" t="s">
        <v>84</v>
      </c>
      <c r="O890" t="s">
        <v>85</v>
      </c>
      <c r="P890" t="s">
        <v>86</v>
      </c>
      <c r="Q890">
        <v>17</v>
      </c>
      <c r="R890">
        <v>17</v>
      </c>
      <c r="S890">
        <v>17</v>
      </c>
      <c r="T890">
        <v>17</v>
      </c>
      <c r="U890">
        <v>18</v>
      </c>
      <c r="V890">
        <v>18</v>
      </c>
      <c r="W890">
        <v>18</v>
      </c>
      <c r="X890">
        <v>18</v>
      </c>
      <c r="Y890">
        <v>18</v>
      </c>
      <c r="Z890">
        <v>18</v>
      </c>
      <c r="AA890">
        <v>19</v>
      </c>
      <c r="AB890">
        <v>19</v>
      </c>
      <c r="AC890">
        <v>19</v>
      </c>
      <c r="AD890">
        <v>19</v>
      </c>
      <c r="AE890">
        <v>19</v>
      </c>
      <c r="AF890">
        <v>19</v>
      </c>
      <c r="AG890">
        <v>19</v>
      </c>
      <c r="AH890">
        <v>20</v>
      </c>
      <c r="AI890">
        <v>20</v>
      </c>
      <c r="AJ890">
        <v>20</v>
      </c>
      <c r="AK890">
        <v>20</v>
      </c>
      <c r="AL890">
        <v>20</v>
      </c>
      <c r="AM890">
        <v>20</v>
      </c>
      <c r="AN890">
        <v>20</v>
      </c>
      <c r="AO890">
        <v>20</v>
      </c>
      <c r="AP890">
        <v>20</v>
      </c>
      <c r="AQ890">
        <v>20</v>
      </c>
    </row>
    <row r="891" spans="1:43">
      <c r="A891" t="s">
        <v>639</v>
      </c>
      <c r="B891" t="s">
        <v>640</v>
      </c>
      <c r="C891" t="s">
        <v>389</v>
      </c>
      <c r="D891" t="s">
        <v>390</v>
      </c>
      <c r="E891" t="s">
        <v>353</v>
      </c>
      <c r="F891" t="s">
        <v>354</v>
      </c>
      <c r="G891" t="s">
        <v>80</v>
      </c>
      <c r="H891" t="s">
        <v>81</v>
      </c>
      <c r="I891" s="2">
        <v>1</v>
      </c>
      <c r="J891" s="2">
        <v>0</v>
      </c>
      <c r="K891" s="2">
        <v>0</v>
      </c>
      <c r="L891" t="s">
        <v>120</v>
      </c>
      <c r="M891" t="s">
        <v>87</v>
      </c>
      <c r="N891" t="s">
        <v>88</v>
      </c>
      <c r="O891" t="s">
        <v>85</v>
      </c>
      <c r="P891" t="s">
        <v>86</v>
      </c>
      <c r="Q891">
        <v>17</v>
      </c>
      <c r="R891">
        <v>17</v>
      </c>
      <c r="S891">
        <v>17</v>
      </c>
      <c r="T891">
        <v>17</v>
      </c>
      <c r="U891">
        <v>17</v>
      </c>
      <c r="V891">
        <v>17</v>
      </c>
      <c r="W891">
        <v>17</v>
      </c>
      <c r="X891">
        <v>17</v>
      </c>
      <c r="Y891">
        <v>17</v>
      </c>
      <c r="Z891">
        <v>17</v>
      </c>
      <c r="AA891">
        <v>17</v>
      </c>
      <c r="AB891">
        <v>17</v>
      </c>
      <c r="AC891">
        <v>17</v>
      </c>
      <c r="AD891">
        <v>17</v>
      </c>
      <c r="AE891">
        <v>17</v>
      </c>
      <c r="AF891">
        <v>17</v>
      </c>
      <c r="AG891">
        <v>17</v>
      </c>
      <c r="AH891">
        <v>17</v>
      </c>
      <c r="AI891">
        <v>17</v>
      </c>
      <c r="AJ891">
        <v>17</v>
      </c>
      <c r="AK891">
        <v>17</v>
      </c>
      <c r="AL891">
        <v>17</v>
      </c>
      <c r="AM891">
        <v>17</v>
      </c>
      <c r="AN891">
        <v>17</v>
      </c>
      <c r="AO891">
        <v>17</v>
      </c>
      <c r="AP891">
        <v>17</v>
      </c>
      <c r="AQ891">
        <v>17</v>
      </c>
    </row>
    <row r="892" spans="1:43">
      <c r="A892" t="s">
        <v>639</v>
      </c>
      <c r="B892" t="s">
        <v>640</v>
      </c>
      <c r="C892" t="s">
        <v>389</v>
      </c>
      <c r="D892" t="s">
        <v>390</v>
      </c>
      <c r="E892" t="s">
        <v>353</v>
      </c>
      <c r="F892" t="s">
        <v>354</v>
      </c>
      <c r="G892" t="s">
        <v>80</v>
      </c>
      <c r="H892" t="s">
        <v>81</v>
      </c>
      <c r="I892" s="2">
        <v>1</v>
      </c>
      <c r="J892" s="2">
        <v>0</v>
      </c>
      <c r="K892" s="2">
        <v>0</v>
      </c>
      <c r="L892" t="s">
        <v>120</v>
      </c>
      <c r="M892" t="s">
        <v>89</v>
      </c>
      <c r="N892" t="s">
        <v>90</v>
      </c>
      <c r="O892" t="s">
        <v>85</v>
      </c>
      <c r="P892" t="s">
        <v>86</v>
      </c>
      <c r="Q892">
        <v>17</v>
      </c>
      <c r="R892">
        <v>17</v>
      </c>
      <c r="S892">
        <v>18</v>
      </c>
      <c r="T892">
        <v>18</v>
      </c>
      <c r="U892">
        <v>18</v>
      </c>
      <c r="V892">
        <v>19</v>
      </c>
      <c r="W892">
        <v>19</v>
      </c>
      <c r="X892">
        <v>19</v>
      </c>
      <c r="Y892">
        <v>19</v>
      </c>
      <c r="Z892">
        <v>20</v>
      </c>
      <c r="AA892">
        <v>20</v>
      </c>
      <c r="AB892">
        <v>20</v>
      </c>
      <c r="AC892">
        <v>20</v>
      </c>
      <c r="AD892">
        <v>20</v>
      </c>
      <c r="AE892">
        <v>21</v>
      </c>
      <c r="AF892">
        <v>20</v>
      </c>
      <c r="AG892">
        <v>20</v>
      </c>
      <c r="AH892">
        <v>20</v>
      </c>
      <c r="AI892">
        <v>20</v>
      </c>
      <c r="AJ892">
        <v>20</v>
      </c>
      <c r="AK892">
        <v>20</v>
      </c>
      <c r="AL892">
        <v>20</v>
      </c>
      <c r="AM892">
        <v>20</v>
      </c>
      <c r="AN892">
        <v>20</v>
      </c>
      <c r="AO892">
        <v>20</v>
      </c>
      <c r="AP892">
        <v>20</v>
      </c>
      <c r="AQ892">
        <v>20</v>
      </c>
    </row>
    <row r="893" spans="1:43">
      <c r="A893" t="s">
        <v>639</v>
      </c>
      <c r="B893" t="s">
        <v>640</v>
      </c>
      <c r="C893" t="s">
        <v>389</v>
      </c>
      <c r="D893" t="s">
        <v>390</v>
      </c>
      <c r="E893" t="s">
        <v>353</v>
      </c>
      <c r="F893" t="s">
        <v>354</v>
      </c>
      <c r="G893" t="s">
        <v>80</v>
      </c>
      <c r="H893" t="s">
        <v>81</v>
      </c>
      <c r="I893" s="2">
        <v>1</v>
      </c>
      <c r="J893" s="2">
        <v>0</v>
      </c>
      <c r="K893" s="2">
        <v>0</v>
      </c>
      <c r="L893" t="s">
        <v>120</v>
      </c>
      <c r="M893" t="s">
        <v>83</v>
      </c>
      <c r="N893" t="s">
        <v>91</v>
      </c>
      <c r="O893" t="s">
        <v>85</v>
      </c>
      <c r="P893" t="s">
        <v>86</v>
      </c>
      <c r="Q893">
        <v>17</v>
      </c>
      <c r="R893">
        <v>17</v>
      </c>
      <c r="S893">
        <v>17</v>
      </c>
      <c r="T893">
        <v>17</v>
      </c>
      <c r="U893">
        <v>18</v>
      </c>
      <c r="V893">
        <v>18</v>
      </c>
      <c r="W893">
        <v>18</v>
      </c>
      <c r="X893">
        <v>18</v>
      </c>
      <c r="Y893">
        <v>18</v>
      </c>
      <c r="Z893">
        <v>18</v>
      </c>
      <c r="AA893">
        <v>19</v>
      </c>
      <c r="AB893">
        <v>19</v>
      </c>
      <c r="AC893">
        <v>19</v>
      </c>
      <c r="AD893">
        <v>19</v>
      </c>
      <c r="AE893">
        <v>19</v>
      </c>
      <c r="AF893">
        <v>19</v>
      </c>
      <c r="AG893">
        <v>19</v>
      </c>
      <c r="AH893">
        <v>20</v>
      </c>
      <c r="AI893">
        <v>20</v>
      </c>
      <c r="AJ893">
        <v>20</v>
      </c>
      <c r="AK893">
        <v>20</v>
      </c>
      <c r="AL893">
        <v>20</v>
      </c>
      <c r="AM893">
        <v>20</v>
      </c>
      <c r="AN893">
        <v>20</v>
      </c>
      <c r="AO893">
        <v>20</v>
      </c>
      <c r="AP893">
        <v>20</v>
      </c>
      <c r="AQ893">
        <v>20</v>
      </c>
    </row>
    <row r="894" spans="1:43">
      <c r="A894" t="s">
        <v>641</v>
      </c>
      <c r="B894" t="s">
        <v>642</v>
      </c>
      <c r="C894" t="s">
        <v>643</v>
      </c>
      <c r="D894" t="s">
        <v>644</v>
      </c>
      <c r="E894" t="s">
        <v>353</v>
      </c>
      <c r="F894" t="s">
        <v>354</v>
      </c>
      <c r="G894" t="s">
        <v>80</v>
      </c>
      <c r="H894" t="s">
        <v>81</v>
      </c>
      <c r="I894" s="2">
        <v>1</v>
      </c>
      <c r="J894" s="2">
        <v>0</v>
      </c>
      <c r="K894" s="2">
        <v>0</v>
      </c>
      <c r="L894" t="s">
        <v>120</v>
      </c>
      <c r="M894" t="s">
        <v>83</v>
      </c>
      <c r="N894" t="s">
        <v>84</v>
      </c>
      <c r="O894" t="s">
        <v>85</v>
      </c>
      <c r="P894" t="s">
        <v>86</v>
      </c>
      <c r="Q894">
        <v>25</v>
      </c>
      <c r="R894">
        <v>26</v>
      </c>
      <c r="S894">
        <v>26</v>
      </c>
      <c r="T894">
        <v>26</v>
      </c>
      <c r="U894">
        <v>26</v>
      </c>
      <c r="V894">
        <v>27</v>
      </c>
      <c r="W894">
        <v>27</v>
      </c>
      <c r="X894">
        <v>27</v>
      </c>
      <c r="Y894">
        <v>27</v>
      </c>
      <c r="Z894">
        <v>28</v>
      </c>
      <c r="AA894">
        <v>28</v>
      </c>
      <c r="AB894">
        <v>28</v>
      </c>
      <c r="AC894">
        <v>28</v>
      </c>
      <c r="AD894">
        <v>29</v>
      </c>
      <c r="AE894">
        <v>29</v>
      </c>
      <c r="AF894">
        <v>29</v>
      </c>
      <c r="AG894">
        <v>29</v>
      </c>
      <c r="AH894">
        <v>29</v>
      </c>
      <c r="AI894">
        <v>30</v>
      </c>
      <c r="AJ894">
        <v>30</v>
      </c>
      <c r="AK894">
        <v>30</v>
      </c>
      <c r="AL894">
        <v>30</v>
      </c>
      <c r="AM894">
        <v>30</v>
      </c>
      <c r="AN894">
        <v>30</v>
      </c>
      <c r="AO894">
        <v>30</v>
      </c>
      <c r="AP894">
        <v>30</v>
      </c>
      <c r="AQ894">
        <v>30</v>
      </c>
    </row>
    <row r="895" spans="1:43">
      <c r="A895" t="s">
        <v>641</v>
      </c>
      <c r="B895" t="s">
        <v>642</v>
      </c>
      <c r="C895" t="s">
        <v>643</v>
      </c>
      <c r="D895" t="s">
        <v>644</v>
      </c>
      <c r="E895" t="s">
        <v>353</v>
      </c>
      <c r="F895" t="s">
        <v>354</v>
      </c>
      <c r="G895" t="s">
        <v>80</v>
      </c>
      <c r="H895" t="s">
        <v>81</v>
      </c>
      <c r="I895" s="2">
        <v>1</v>
      </c>
      <c r="J895" s="2">
        <v>0</v>
      </c>
      <c r="K895" s="2">
        <v>0</v>
      </c>
      <c r="L895" t="s">
        <v>120</v>
      </c>
      <c r="M895" t="s">
        <v>87</v>
      </c>
      <c r="N895" t="s">
        <v>88</v>
      </c>
      <c r="O895" t="s">
        <v>85</v>
      </c>
      <c r="P895" t="s">
        <v>86</v>
      </c>
      <c r="Q895">
        <v>25</v>
      </c>
      <c r="R895">
        <v>25</v>
      </c>
      <c r="S895">
        <v>25</v>
      </c>
      <c r="T895">
        <v>25</v>
      </c>
      <c r="U895">
        <v>25</v>
      </c>
      <c r="V895">
        <v>25</v>
      </c>
      <c r="W895">
        <v>25</v>
      </c>
      <c r="X895">
        <v>25</v>
      </c>
      <c r="Y895">
        <v>25</v>
      </c>
      <c r="Z895">
        <v>25</v>
      </c>
      <c r="AA895">
        <v>25</v>
      </c>
      <c r="AB895">
        <v>25</v>
      </c>
      <c r="AC895">
        <v>25</v>
      </c>
      <c r="AD895">
        <v>25</v>
      </c>
      <c r="AE895">
        <v>25</v>
      </c>
      <c r="AF895">
        <v>26</v>
      </c>
      <c r="AG895">
        <v>26</v>
      </c>
      <c r="AH895">
        <v>26</v>
      </c>
      <c r="AI895">
        <v>26</v>
      </c>
      <c r="AJ895">
        <v>26</v>
      </c>
      <c r="AK895">
        <v>26</v>
      </c>
      <c r="AL895">
        <v>26</v>
      </c>
      <c r="AM895">
        <v>26</v>
      </c>
      <c r="AN895">
        <v>26</v>
      </c>
      <c r="AO895">
        <v>26</v>
      </c>
      <c r="AP895">
        <v>26</v>
      </c>
      <c r="AQ895">
        <v>26</v>
      </c>
    </row>
    <row r="896" spans="1:43">
      <c r="A896" t="s">
        <v>641</v>
      </c>
      <c r="B896" t="s">
        <v>642</v>
      </c>
      <c r="C896" t="s">
        <v>643</v>
      </c>
      <c r="D896" t="s">
        <v>644</v>
      </c>
      <c r="E896" t="s">
        <v>353</v>
      </c>
      <c r="F896" t="s">
        <v>354</v>
      </c>
      <c r="G896" t="s">
        <v>80</v>
      </c>
      <c r="H896" t="s">
        <v>81</v>
      </c>
      <c r="I896" s="2">
        <v>1</v>
      </c>
      <c r="J896" s="2">
        <v>0</v>
      </c>
      <c r="K896" s="2">
        <v>0</v>
      </c>
      <c r="L896" t="s">
        <v>120</v>
      </c>
      <c r="M896" t="s">
        <v>89</v>
      </c>
      <c r="N896" t="s">
        <v>90</v>
      </c>
      <c r="O896" t="s">
        <v>85</v>
      </c>
      <c r="P896" t="s">
        <v>86</v>
      </c>
      <c r="Q896">
        <v>25</v>
      </c>
      <c r="R896">
        <v>26</v>
      </c>
      <c r="S896">
        <v>26</v>
      </c>
      <c r="T896">
        <v>27</v>
      </c>
      <c r="U896">
        <v>27</v>
      </c>
      <c r="V896">
        <v>28</v>
      </c>
      <c r="W896">
        <v>28</v>
      </c>
      <c r="X896">
        <v>29</v>
      </c>
      <c r="Y896">
        <v>29</v>
      </c>
      <c r="Z896">
        <v>29</v>
      </c>
      <c r="AA896">
        <v>30</v>
      </c>
      <c r="AB896">
        <v>30</v>
      </c>
      <c r="AC896">
        <v>30</v>
      </c>
      <c r="AD896">
        <v>31</v>
      </c>
      <c r="AE896">
        <v>31</v>
      </c>
      <c r="AF896">
        <v>31</v>
      </c>
      <c r="AG896">
        <v>31</v>
      </c>
      <c r="AH896">
        <v>31</v>
      </c>
      <c r="AI896">
        <v>31</v>
      </c>
      <c r="AJ896">
        <v>31</v>
      </c>
      <c r="AK896">
        <v>30</v>
      </c>
      <c r="AL896">
        <v>30</v>
      </c>
      <c r="AM896">
        <v>30</v>
      </c>
      <c r="AN896">
        <v>30</v>
      </c>
      <c r="AO896">
        <v>30</v>
      </c>
      <c r="AP896">
        <v>30</v>
      </c>
      <c r="AQ896">
        <v>30</v>
      </c>
    </row>
    <row r="897" spans="1:43">
      <c r="A897" t="s">
        <v>641</v>
      </c>
      <c r="B897" t="s">
        <v>642</v>
      </c>
      <c r="C897" t="s">
        <v>643</v>
      </c>
      <c r="D897" t="s">
        <v>644</v>
      </c>
      <c r="E897" t="s">
        <v>353</v>
      </c>
      <c r="F897" t="s">
        <v>354</v>
      </c>
      <c r="G897" t="s">
        <v>80</v>
      </c>
      <c r="H897" t="s">
        <v>81</v>
      </c>
      <c r="I897" s="2">
        <v>1</v>
      </c>
      <c r="J897" s="2">
        <v>0</v>
      </c>
      <c r="K897" s="2">
        <v>0</v>
      </c>
      <c r="L897" t="s">
        <v>120</v>
      </c>
      <c r="M897" t="s">
        <v>83</v>
      </c>
      <c r="N897" t="s">
        <v>91</v>
      </c>
      <c r="O897" t="s">
        <v>85</v>
      </c>
      <c r="P897" t="s">
        <v>86</v>
      </c>
      <c r="Q897">
        <v>25</v>
      </c>
      <c r="R897">
        <v>26</v>
      </c>
      <c r="S897">
        <v>26</v>
      </c>
      <c r="T897">
        <v>26</v>
      </c>
      <c r="U897">
        <v>26</v>
      </c>
      <c r="V897">
        <v>27</v>
      </c>
      <c r="W897">
        <v>27</v>
      </c>
      <c r="X897">
        <v>27</v>
      </c>
      <c r="Y897">
        <v>27</v>
      </c>
      <c r="Z897">
        <v>28</v>
      </c>
      <c r="AA897">
        <v>28</v>
      </c>
      <c r="AB897">
        <v>28</v>
      </c>
      <c r="AC897">
        <v>28</v>
      </c>
      <c r="AD897">
        <v>29</v>
      </c>
      <c r="AE897">
        <v>29</v>
      </c>
      <c r="AF897">
        <v>29</v>
      </c>
      <c r="AG897">
        <v>29</v>
      </c>
      <c r="AH897">
        <v>29</v>
      </c>
      <c r="AI897">
        <v>30</v>
      </c>
      <c r="AJ897">
        <v>30</v>
      </c>
      <c r="AK897">
        <v>30</v>
      </c>
      <c r="AL897">
        <v>30</v>
      </c>
      <c r="AM897">
        <v>30</v>
      </c>
      <c r="AN897">
        <v>30</v>
      </c>
      <c r="AO897">
        <v>30</v>
      </c>
      <c r="AP897">
        <v>30</v>
      </c>
      <c r="AQ897">
        <v>30</v>
      </c>
    </row>
    <row r="898" spans="1:43">
      <c r="A898" t="s">
        <v>645</v>
      </c>
      <c r="B898" t="s">
        <v>646</v>
      </c>
      <c r="C898" t="s">
        <v>647</v>
      </c>
      <c r="D898" t="s">
        <v>648</v>
      </c>
      <c r="E898" t="s">
        <v>353</v>
      </c>
      <c r="F898" t="s">
        <v>354</v>
      </c>
      <c r="G898" t="s">
        <v>80</v>
      </c>
      <c r="H898" t="s">
        <v>81</v>
      </c>
      <c r="I898" s="2">
        <v>1</v>
      </c>
      <c r="J898" s="2">
        <v>0</v>
      </c>
      <c r="K898" s="2">
        <v>0</v>
      </c>
      <c r="L898" t="s">
        <v>120</v>
      </c>
      <c r="M898" t="s">
        <v>83</v>
      </c>
      <c r="N898" t="s">
        <v>84</v>
      </c>
      <c r="O898" t="s">
        <v>85</v>
      </c>
      <c r="P898" t="s">
        <v>86</v>
      </c>
      <c r="Q898">
        <v>90</v>
      </c>
      <c r="R898">
        <v>92</v>
      </c>
      <c r="S898">
        <v>93</v>
      </c>
      <c r="T898">
        <v>94</v>
      </c>
      <c r="U898">
        <v>95</v>
      </c>
      <c r="V898">
        <v>96</v>
      </c>
      <c r="W898">
        <v>97</v>
      </c>
      <c r="X898">
        <v>98</v>
      </c>
      <c r="Y898">
        <v>98</v>
      </c>
      <c r="Z898">
        <v>99</v>
      </c>
      <c r="AA898">
        <v>100</v>
      </c>
      <c r="AB898">
        <v>101</v>
      </c>
      <c r="AC898">
        <v>102</v>
      </c>
      <c r="AD898">
        <v>103</v>
      </c>
      <c r="AE898">
        <v>104</v>
      </c>
      <c r="AF898">
        <v>105</v>
      </c>
      <c r="AG898">
        <v>105</v>
      </c>
      <c r="AH898">
        <v>106</v>
      </c>
      <c r="AI898">
        <v>107</v>
      </c>
      <c r="AJ898">
        <v>108</v>
      </c>
      <c r="AK898">
        <v>109</v>
      </c>
      <c r="AL898">
        <v>109</v>
      </c>
      <c r="AM898">
        <v>108</v>
      </c>
      <c r="AN898">
        <v>108</v>
      </c>
      <c r="AO898">
        <v>108</v>
      </c>
      <c r="AP898">
        <v>108</v>
      </c>
      <c r="AQ898">
        <v>108</v>
      </c>
    </row>
    <row r="899" spans="1:43">
      <c r="A899" t="s">
        <v>645</v>
      </c>
      <c r="B899" t="s">
        <v>646</v>
      </c>
      <c r="C899" t="s">
        <v>647</v>
      </c>
      <c r="D899" t="s">
        <v>648</v>
      </c>
      <c r="E899" t="s">
        <v>353</v>
      </c>
      <c r="F899" t="s">
        <v>354</v>
      </c>
      <c r="G899" t="s">
        <v>80</v>
      </c>
      <c r="H899" t="s">
        <v>81</v>
      </c>
      <c r="I899" s="2">
        <v>1</v>
      </c>
      <c r="J899" s="2">
        <v>0</v>
      </c>
      <c r="K899" s="2">
        <v>0</v>
      </c>
      <c r="L899" t="s">
        <v>120</v>
      </c>
      <c r="M899" t="s">
        <v>87</v>
      </c>
      <c r="N899" t="s">
        <v>88</v>
      </c>
      <c r="O899" t="s">
        <v>85</v>
      </c>
      <c r="P899" t="s">
        <v>86</v>
      </c>
      <c r="Q899">
        <v>90</v>
      </c>
      <c r="R899">
        <v>90</v>
      </c>
      <c r="S899">
        <v>90</v>
      </c>
      <c r="T899">
        <v>90</v>
      </c>
      <c r="U899">
        <v>90</v>
      </c>
      <c r="V899">
        <v>91</v>
      </c>
      <c r="W899">
        <v>91</v>
      </c>
      <c r="X899">
        <v>91</v>
      </c>
      <c r="Y899">
        <v>91</v>
      </c>
      <c r="Z899">
        <v>91</v>
      </c>
      <c r="AA899">
        <v>91</v>
      </c>
      <c r="AB899">
        <v>92</v>
      </c>
      <c r="AC899">
        <v>92</v>
      </c>
      <c r="AD899">
        <v>92</v>
      </c>
      <c r="AE899">
        <v>92</v>
      </c>
      <c r="AF899">
        <v>92</v>
      </c>
      <c r="AG899">
        <v>92</v>
      </c>
      <c r="AH899">
        <v>92</v>
      </c>
      <c r="AI899">
        <v>92</v>
      </c>
      <c r="AJ899">
        <v>93</v>
      </c>
      <c r="AK899">
        <v>93</v>
      </c>
      <c r="AL899">
        <v>93</v>
      </c>
      <c r="AM899">
        <v>93</v>
      </c>
      <c r="AN899">
        <v>93</v>
      </c>
      <c r="AO899">
        <v>93</v>
      </c>
      <c r="AP899">
        <v>93</v>
      </c>
      <c r="AQ899">
        <v>93</v>
      </c>
    </row>
    <row r="900" spans="1:43">
      <c r="A900" t="s">
        <v>645</v>
      </c>
      <c r="B900" t="s">
        <v>646</v>
      </c>
      <c r="C900" t="s">
        <v>647</v>
      </c>
      <c r="D900" t="s">
        <v>648</v>
      </c>
      <c r="E900" t="s">
        <v>353</v>
      </c>
      <c r="F900" t="s">
        <v>354</v>
      </c>
      <c r="G900" t="s">
        <v>80</v>
      </c>
      <c r="H900" t="s">
        <v>81</v>
      </c>
      <c r="I900" s="2">
        <v>1</v>
      </c>
      <c r="J900" s="2">
        <v>0</v>
      </c>
      <c r="K900" s="2">
        <v>0</v>
      </c>
      <c r="L900" t="s">
        <v>120</v>
      </c>
      <c r="M900" t="s">
        <v>89</v>
      </c>
      <c r="N900" t="s">
        <v>90</v>
      </c>
      <c r="O900" t="s">
        <v>85</v>
      </c>
      <c r="P900" t="s">
        <v>86</v>
      </c>
      <c r="Q900">
        <v>90</v>
      </c>
      <c r="R900">
        <v>92</v>
      </c>
      <c r="S900">
        <v>94</v>
      </c>
      <c r="T900">
        <v>96</v>
      </c>
      <c r="U900">
        <v>97</v>
      </c>
      <c r="V900">
        <v>99</v>
      </c>
      <c r="W900">
        <v>100</v>
      </c>
      <c r="X900">
        <v>102</v>
      </c>
      <c r="Y900">
        <v>103</v>
      </c>
      <c r="Z900">
        <v>105</v>
      </c>
      <c r="AA900">
        <v>106</v>
      </c>
      <c r="AB900">
        <v>107</v>
      </c>
      <c r="AC900">
        <v>108</v>
      </c>
      <c r="AD900">
        <v>110</v>
      </c>
      <c r="AE900">
        <v>110</v>
      </c>
      <c r="AF900">
        <v>110</v>
      </c>
      <c r="AG900">
        <v>110</v>
      </c>
      <c r="AH900">
        <v>110</v>
      </c>
      <c r="AI900">
        <v>110</v>
      </c>
      <c r="AJ900">
        <v>109</v>
      </c>
      <c r="AK900">
        <v>109</v>
      </c>
      <c r="AL900">
        <v>109</v>
      </c>
      <c r="AM900">
        <v>109</v>
      </c>
      <c r="AN900">
        <v>108</v>
      </c>
      <c r="AO900">
        <v>108</v>
      </c>
      <c r="AP900">
        <v>108</v>
      </c>
      <c r="AQ900">
        <v>108</v>
      </c>
    </row>
    <row r="901" spans="1:43">
      <c r="A901" t="s">
        <v>645</v>
      </c>
      <c r="B901" t="s">
        <v>646</v>
      </c>
      <c r="C901" t="s">
        <v>647</v>
      </c>
      <c r="D901" t="s">
        <v>648</v>
      </c>
      <c r="E901" t="s">
        <v>353</v>
      </c>
      <c r="F901" t="s">
        <v>354</v>
      </c>
      <c r="G901" t="s">
        <v>80</v>
      </c>
      <c r="H901" t="s">
        <v>81</v>
      </c>
      <c r="I901" s="2">
        <v>1</v>
      </c>
      <c r="J901" s="2">
        <v>0</v>
      </c>
      <c r="K901" s="2">
        <v>0</v>
      </c>
      <c r="L901" t="s">
        <v>120</v>
      </c>
      <c r="M901" t="s">
        <v>83</v>
      </c>
      <c r="N901" t="s">
        <v>91</v>
      </c>
      <c r="O901" t="s">
        <v>85</v>
      </c>
      <c r="P901" t="s">
        <v>86</v>
      </c>
      <c r="Q901">
        <v>90</v>
      </c>
      <c r="R901">
        <v>92</v>
      </c>
      <c r="S901">
        <v>93</v>
      </c>
      <c r="T901">
        <v>94</v>
      </c>
      <c r="U901">
        <v>95</v>
      </c>
      <c r="V901">
        <v>96</v>
      </c>
      <c r="W901">
        <v>97</v>
      </c>
      <c r="X901">
        <v>98</v>
      </c>
      <c r="Y901">
        <v>98</v>
      </c>
      <c r="Z901">
        <v>99</v>
      </c>
      <c r="AA901">
        <v>100</v>
      </c>
      <c r="AB901">
        <v>101</v>
      </c>
      <c r="AC901">
        <v>102</v>
      </c>
      <c r="AD901">
        <v>103</v>
      </c>
      <c r="AE901">
        <v>104</v>
      </c>
      <c r="AF901">
        <v>105</v>
      </c>
      <c r="AG901">
        <v>105</v>
      </c>
      <c r="AH901">
        <v>106</v>
      </c>
      <c r="AI901">
        <v>107</v>
      </c>
      <c r="AJ901">
        <v>108</v>
      </c>
      <c r="AK901">
        <v>109</v>
      </c>
      <c r="AL901">
        <v>109</v>
      </c>
      <c r="AM901">
        <v>108</v>
      </c>
      <c r="AN901">
        <v>108</v>
      </c>
      <c r="AO901">
        <v>108</v>
      </c>
      <c r="AP901">
        <v>108</v>
      </c>
      <c r="AQ901">
        <v>108</v>
      </c>
    </row>
    <row r="902" spans="1:43">
      <c r="A902" t="s">
        <v>649</v>
      </c>
      <c r="B902" t="s">
        <v>650</v>
      </c>
      <c r="C902" t="s">
        <v>643</v>
      </c>
      <c r="D902" t="s">
        <v>644</v>
      </c>
      <c r="E902" t="s">
        <v>353</v>
      </c>
      <c r="F902" t="s">
        <v>354</v>
      </c>
      <c r="G902" t="s">
        <v>80</v>
      </c>
      <c r="H902" t="s">
        <v>81</v>
      </c>
      <c r="I902" s="2">
        <v>1</v>
      </c>
      <c r="J902" s="2">
        <v>0</v>
      </c>
      <c r="K902" s="2">
        <v>0</v>
      </c>
      <c r="L902" t="s">
        <v>120</v>
      </c>
      <c r="M902" t="s">
        <v>83</v>
      </c>
      <c r="N902" t="s">
        <v>84</v>
      </c>
      <c r="O902" t="s">
        <v>85</v>
      </c>
      <c r="P902" t="s">
        <v>86</v>
      </c>
      <c r="Q902">
        <v>22</v>
      </c>
      <c r="R902">
        <v>22</v>
      </c>
      <c r="S902">
        <v>23</v>
      </c>
      <c r="T902">
        <v>23</v>
      </c>
      <c r="U902">
        <v>23</v>
      </c>
      <c r="V902">
        <v>23</v>
      </c>
      <c r="W902">
        <v>24</v>
      </c>
      <c r="X902">
        <v>24</v>
      </c>
      <c r="Y902">
        <v>24</v>
      </c>
      <c r="Z902">
        <v>24</v>
      </c>
      <c r="AA902">
        <v>25</v>
      </c>
      <c r="AB902">
        <v>25</v>
      </c>
      <c r="AC902">
        <v>25</v>
      </c>
      <c r="AD902">
        <v>25</v>
      </c>
      <c r="AE902">
        <v>25</v>
      </c>
      <c r="AF902">
        <v>26</v>
      </c>
      <c r="AG902">
        <v>26</v>
      </c>
      <c r="AH902">
        <v>26</v>
      </c>
      <c r="AI902">
        <v>26</v>
      </c>
      <c r="AJ902">
        <v>26</v>
      </c>
      <c r="AK902">
        <v>26</v>
      </c>
      <c r="AL902">
        <v>26</v>
      </c>
      <c r="AM902">
        <v>26</v>
      </c>
      <c r="AN902">
        <v>26</v>
      </c>
      <c r="AO902">
        <v>26</v>
      </c>
      <c r="AP902">
        <v>26</v>
      </c>
      <c r="AQ902">
        <v>26</v>
      </c>
    </row>
    <row r="903" spans="1:43">
      <c r="A903" t="s">
        <v>649</v>
      </c>
      <c r="B903" t="s">
        <v>650</v>
      </c>
      <c r="C903" t="s">
        <v>643</v>
      </c>
      <c r="D903" t="s">
        <v>644</v>
      </c>
      <c r="E903" t="s">
        <v>353</v>
      </c>
      <c r="F903" t="s">
        <v>354</v>
      </c>
      <c r="G903" t="s">
        <v>80</v>
      </c>
      <c r="H903" t="s">
        <v>81</v>
      </c>
      <c r="I903" s="2">
        <v>1</v>
      </c>
      <c r="J903" s="2">
        <v>0</v>
      </c>
      <c r="K903" s="2">
        <v>0</v>
      </c>
      <c r="L903" t="s">
        <v>120</v>
      </c>
      <c r="M903" t="s">
        <v>87</v>
      </c>
      <c r="N903" t="s">
        <v>88</v>
      </c>
      <c r="O903" t="s">
        <v>85</v>
      </c>
      <c r="P903" t="s">
        <v>86</v>
      </c>
      <c r="Q903">
        <v>22</v>
      </c>
      <c r="R903">
        <v>22</v>
      </c>
      <c r="S903">
        <v>22</v>
      </c>
      <c r="T903">
        <v>22</v>
      </c>
      <c r="U903">
        <v>22</v>
      </c>
      <c r="V903">
        <v>22</v>
      </c>
      <c r="W903">
        <v>22</v>
      </c>
      <c r="X903">
        <v>22</v>
      </c>
      <c r="Y903">
        <v>22</v>
      </c>
      <c r="Z903">
        <v>22</v>
      </c>
      <c r="AA903">
        <v>22</v>
      </c>
      <c r="AB903">
        <v>22</v>
      </c>
      <c r="AC903">
        <v>22</v>
      </c>
      <c r="AD903">
        <v>22</v>
      </c>
      <c r="AE903">
        <v>22</v>
      </c>
      <c r="AF903">
        <v>22</v>
      </c>
      <c r="AG903">
        <v>22</v>
      </c>
      <c r="AH903">
        <v>22</v>
      </c>
      <c r="AI903">
        <v>23</v>
      </c>
      <c r="AJ903">
        <v>23</v>
      </c>
      <c r="AK903">
        <v>23</v>
      </c>
      <c r="AL903">
        <v>23</v>
      </c>
      <c r="AM903">
        <v>23</v>
      </c>
      <c r="AN903">
        <v>23</v>
      </c>
      <c r="AO903">
        <v>23</v>
      </c>
      <c r="AP903">
        <v>23</v>
      </c>
      <c r="AQ903">
        <v>23</v>
      </c>
    </row>
    <row r="904" spans="1:43">
      <c r="A904" t="s">
        <v>649</v>
      </c>
      <c r="B904" t="s">
        <v>650</v>
      </c>
      <c r="C904" t="s">
        <v>643</v>
      </c>
      <c r="D904" t="s">
        <v>644</v>
      </c>
      <c r="E904" t="s">
        <v>353</v>
      </c>
      <c r="F904" t="s">
        <v>354</v>
      </c>
      <c r="G904" t="s">
        <v>80</v>
      </c>
      <c r="H904" t="s">
        <v>81</v>
      </c>
      <c r="I904" s="2">
        <v>1</v>
      </c>
      <c r="J904" s="2">
        <v>0</v>
      </c>
      <c r="K904" s="2">
        <v>0</v>
      </c>
      <c r="L904" t="s">
        <v>120</v>
      </c>
      <c r="M904" t="s">
        <v>89</v>
      </c>
      <c r="N904" t="s">
        <v>90</v>
      </c>
      <c r="O904" t="s">
        <v>85</v>
      </c>
      <c r="P904" t="s">
        <v>86</v>
      </c>
      <c r="Q904">
        <v>22</v>
      </c>
      <c r="R904">
        <v>23</v>
      </c>
      <c r="S904">
        <v>23</v>
      </c>
      <c r="T904">
        <v>24</v>
      </c>
      <c r="U904">
        <v>24</v>
      </c>
      <c r="V904">
        <v>24</v>
      </c>
      <c r="W904">
        <v>25</v>
      </c>
      <c r="X904">
        <v>25</v>
      </c>
      <c r="Y904">
        <v>26</v>
      </c>
      <c r="Z904">
        <v>26</v>
      </c>
      <c r="AA904">
        <v>26</v>
      </c>
      <c r="AB904">
        <v>26</v>
      </c>
      <c r="AC904">
        <v>27</v>
      </c>
      <c r="AD904">
        <v>27</v>
      </c>
      <c r="AE904">
        <v>27</v>
      </c>
      <c r="AF904">
        <v>27</v>
      </c>
      <c r="AG904">
        <v>27</v>
      </c>
      <c r="AH904">
        <v>27</v>
      </c>
      <c r="AI904">
        <v>27</v>
      </c>
      <c r="AJ904">
        <v>27</v>
      </c>
      <c r="AK904">
        <v>27</v>
      </c>
      <c r="AL904">
        <v>27</v>
      </c>
      <c r="AM904">
        <v>27</v>
      </c>
      <c r="AN904">
        <v>27</v>
      </c>
      <c r="AO904">
        <v>26</v>
      </c>
      <c r="AP904">
        <v>26</v>
      </c>
      <c r="AQ904">
        <v>26</v>
      </c>
    </row>
    <row r="905" spans="1:43">
      <c r="A905" t="s">
        <v>649</v>
      </c>
      <c r="B905" t="s">
        <v>650</v>
      </c>
      <c r="C905" t="s">
        <v>643</v>
      </c>
      <c r="D905" t="s">
        <v>644</v>
      </c>
      <c r="E905" t="s">
        <v>353</v>
      </c>
      <c r="F905" t="s">
        <v>354</v>
      </c>
      <c r="G905" t="s">
        <v>80</v>
      </c>
      <c r="H905" t="s">
        <v>81</v>
      </c>
      <c r="I905" s="2">
        <v>1</v>
      </c>
      <c r="J905" s="2">
        <v>0</v>
      </c>
      <c r="K905" s="2">
        <v>0</v>
      </c>
      <c r="L905" t="s">
        <v>120</v>
      </c>
      <c r="M905" t="s">
        <v>83</v>
      </c>
      <c r="N905" t="s">
        <v>91</v>
      </c>
      <c r="O905" t="s">
        <v>85</v>
      </c>
      <c r="P905" t="s">
        <v>86</v>
      </c>
      <c r="Q905">
        <v>22</v>
      </c>
      <c r="R905">
        <v>22</v>
      </c>
      <c r="S905">
        <v>23</v>
      </c>
      <c r="T905">
        <v>23</v>
      </c>
      <c r="U905">
        <v>23</v>
      </c>
      <c r="V905">
        <v>23</v>
      </c>
      <c r="W905">
        <v>24</v>
      </c>
      <c r="X905">
        <v>24</v>
      </c>
      <c r="Y905">
        <v>24</v>
      </c>
      <c r="Z905">
        <v>24</v>
      </c>
      <c r="AA905">
        <v>25</v>
      </c>
      <c r="AB905">
        <v>25</v>
      </c>
      <c r="AC905">
        <v>25</v>
      </c>
      <c r="AD905">
        <v>25</v>
      </c>
      <c r="AE905">
        <v>25</v>
      </c>
      <c r="AF905">
        <v>26</v>
      </c>
      <c r="AG905">
        <v>26</v>
      </c>
      <c r="AH905">
        <v>26</v>
      </c>
      <c r="AI905">
        <v>26</v>
      </c>
      <c r="AJ905">
        <v>26</v>
      </c>
      <c r="AK905">
        <v>26</v>
      </c>
      <c r="AL905">
        <v>26</v>
      </c>
      <c r="AM905">
        <v>26</v>
      </c>
      <c r="AN905">
        <v>26</v>
      </c>
      <c r="AO905">
        <v>26</v>
      </c>
      <c r="AP905">
        <v>26</v>
      </c>
      <c r="AQ905">
        <v>26</v>
      </c>
    </row>
    <row r="906" spans="1:43">
      <c r="A906" t="s">
        <v>651</v>
      </c>
      <c r="B906" t="s">
        <v>652</v>
      </c>
      <c r="C906" t="s">
        <v>653</v>
      </c>
      <c r="D906" t="s">
        <v>654</v>
      </c>
      <c r="E906" t="s">
        <v>353</v>
      </c>
      <c r="F906" t="s">
        <v>354</v>
      </c>
      <c r="G906" t="s">
        <v>80</v>
      </c>
      <c r="H906" t="s">
        <v>81</v>
      </c>
      <c r="I906" s="2">
        <v>1</v>
      </c>
      <c r="J906" s="2">
        <v>0</v>
      </c>
      <c r="K906" s="2">
        <v>0</v>
      </c>
      <c r="L906" t="s">
        <v>120</v>
      </c>
      <c r="M906" t="s">
        <v>83</v>
      </c>
      <c r="N906" t="s">
        <v>84</v>
      </c>
      <c r="O906" t="s">
        <v>85</v>
      </c>
      <c r="P906" t="s">
        <v>86</v>
      </c>
      <c r="Q906">
        <v>52</v>
      </c>
      <c r="R906">
        <v>53</v>
      </c>
      <c r="S906">
        <v>54</v>
      </c>
      <c r="T906">
        <v>54</v>
      </c>
      <c r="U906">
        <v>55</v>
      </c>
      <c r="V906">
        <v>55</v>
      </c>
      <c r="W906">
        <v>56</v>
      </c>
      <c r="X906">
        <v>56</v>
      </c>
      <c r="Y906">
        <v>57</v>
      </c>
      <c r="Z906">
        <v>57</v>
      </c>
      <c r="AA906">
        <v>58</v>
      </c>
      <c r="AB906">
        <v>58</v>
      </c>
      <c r="AC906">
        <v>59</v>
      </c>
      <c r="AD906">
        <v>59</v>
      </c>
      <c r="AE906">
        <v>60</v>
      </c>
      <c r="AF906">
        <v>60</v>
      </c>
      <c r="AG906">
        <v>61</v>
      </c>
      <c r="AH906">
        <v>61</v>
      </c>
      <c r="AI906">
        <v>61</v>
      </c>
      <c r="AJ906">
        <v>62</v>
      </c>
      <c r="AK906">
        <v>62</v>
      </c>
      <c r="AL906">
        <v>62</v>
      </c>
      <c r="AM906">
        <v>62</v>
      </c>
      <c r="AN906">
        <v>62</v>
      </c>
      <c r="AO906">
        <v>62</v>
      </c>
      <c r="AP906">
        <v>61</v>
      </c>
      <c r="AQ906">
        <v>61</v>
      </c>
    </row>
    <row r="907" spans="1:43">
      <c r="A907" t="s">
        <v>651</v>
      </c>
      <c r="B907" t="s">
        <v>652</v>
      </c>
      <c r="C907" t="s">
        <v>653</v>
      </c>
      <c r="D907" t="s">
        <v>654</v>
      </c>
      <c r="E907" t="s">
        <v>353</v>
      </c>
      <c r="F907" t="s">
        <v>354</v>
      </c>
      <c r="G907" t="s">
        <v>80</v>
      </c>
      <c r="H907" t="s">
        <v>81</v>
      </c>
      <c r="I907" s="2">
        <v>1</v>
      </c>
      <c r="J907" s="2">
        <v>0</v>
      </c>
      <c r="K907" s="2">
        <v>0</v>
      </c>
      <c r="L907" t="s">
        <v>120</v>
      </c>
      <c r="M907" t="s">
        <v>87</v>
      </c>
      <c r="N907" t="s">
        <v>88</v>
      </c>
      <c r="O907" t="s">
        <v>85</v>
      </c>
      <c r="P907" t="s">
        <v>86</v>
      </c>
      <c r="Q907">
        <v>52</v>
      </c>
      <c r="R907">
        <v>52</v>
      </c>
      <c r="S907">
        <v>52</v>
      </c>
      <c r="T907">
        <v>52</v>
      </c>
      <c r="U907">
        <v>52</v>
      </c>
      <c r="V907">
        <v>52</v>
      </c>
      <c r="W907">
        <v>53</v>
      </c>
      <c r="X907">
        <v>53</v>
      </c>
      <c r="Y907">
        <v>53</v>
      </c>
      <c r="Z907">
        <v>53</v>
      </c>
      <c r="AA907">
        <v>53</v>
      </c>
      <c r="AB907">
        <v>53</v>
      </c>
      <c r="AC907">
        <v>53</v>
      </c>
      <c r="AD907">
        <v>53</v>
      </c>
      <c r="AE907">
        <v>53</v>
      </c>
      <c r="AF907">
        <v>53</v>
      </c>
      <c r="AG907">
        <v>53</v>
      </c>
      <c r="AH907">
        <v>53</v>
      </c>
      <c r="AI907">
        <v>53</v>
      </c>
      <c r="AJ907">
        <v>53</v>
      </c>
      <c r="AK907">
        <v>53</v>
      </c>
      <c r="AL907">
        <v>53</v>
      </c>
      <c r="AM907">
        <v>53</v>
      </c>
      <c r="AN907">
        <v>53</v>
      </c>
      <c r="AO907">
        <v>53</v>
      </c>
      <c r="AP907">
        <v>53</v>
      </c>
      <c r="AQ907">
        <v>53</v>
      </c>
    </row>
    <row r="908" spans="1:43">
      <c r="A908" t="s">
        <v>651</v>
      </c>
      <c r="B908" t="s">
        <v>652</v>
      </c>
      <c r="C908" t="s">
        <v>653</v>
      </c>
      <c r="D908" t="s">
        <v>654</v>
      </c>
      <c r="E908" t="s">
        <v>353</v>
      </c>
      <c r="F908" t="s">
        <v>354</v>
      </c>
      <c r="G908" t="s">
        <v>80</v>
      </c>
      <c r="H908" t="s">
        <v>81</v>
      </c>
      <c r="I908" s="2">
        <v>1</v>
      </c>
      <c r="J908" s="2">
        <v>0</v>
      </c>
      <c r="K908" s="2">
        <v>0</v>
      </c>
      <c r="L908" t="s">
        <v>120</v>
      </c>
      <c r="M908" t="s">
        <v>89</v>
      </c>
      <c r="N908" t="s">
        <v>90</v>
      </c>
      <c r="O908" t="s">
        <v>85</v>
      </c>
      <c r="P908" t="s">
        <v>86</v>
      </c>
      <c r="Q908">
        <v>52</v>
      </c>
      <c r="R908">
        <v>53</v>
      </c>
      <c r="S908">
        <v>54</v>
      </c>
      <c r="T908">
        <v>55</v>
      </c>
      <c r="U908">
        <v>56</v>
      </c>
      <c r="V908">
        <v>57</v>
      </c>
      <c r="W908">
        <v>58</v>
      </c>
      <c r="X908">
        <v>58</v>
      </c>
      <c r="Y908">
        <v>59</v>
      </c>
      <c r="Z908">
        <v>60</v>
      </c>
      <c r="AA908">
        <v>61</v>
      </c>
      <c r="AB908">
        <v>61</v>
      </c>
      <c r="AC908">
        <v>62</v>
      </c>
      <c r="AD908">
        <v>63</v>
      </c>
      <c r="AE908">
        <v>63</v>
      </c>
      <c r="AF908">
        <v>63</v>
      </c>
      <c r="AG908">
        <v>63</v>
      </c>
      <c r="AH908">
        <v>62</v>
      </c>
      <c r="AI908">
        <v>62</v>
      </c>
      <c r="AJ908">
        <v>62</v>
      </c>
      <c r="AK908">
        <v>62</v>
      </c>
      <c r="AL908">
        <v>62</v>
      </c>
      <c r="AM908">
        <v>61</v>
      </c>
      <c r="AN908">
        <v>61</v>
      </c>
      <c r="AO908">
        <v>61</v>
      </c>
      <c r="AP908">
        <v>61</v>
      </c>
      <c r="AQ908">
        <v>61</v>
      </c>
    </row>
    <row r="909" spans="1:43">
      <c r="A909" t="s">
        <v>651</v>
      </c>
      <c r="B909" t="s">
        <v>652</v>
      </c>
      <c r="C909" t="s">
        <v>653</v>
      </c>
      <c r="D909" t="s">
        <v>654</v>
      </c>
      <c r="E909" t="s">
        <v>353</v>
      </c>
      <c r="F909" t="s">
        <v>354</v>
      </c>
      <c r="G909" t="s">
        <v>80</v>
      </c>
      <c r="H909" t="s">
        <v>81</v>
      </c>
      <c r="I909" s="2">
        <v>1</v>
      </c>
      <c r="J909" s="2">
        <v>0</v>
      </c>
      <c r="K909" s="2">
        <v>0</v>
      </c>
      <c r="L909" t="s">
        <v>120</v>
      </c>
      <c r="M909" t="s">
        <v>83</v>
      </c>
      <c r="N909" t="s">
        <v>91</v>
      </c>
      <c r="O909" t="s">
        <v>85</v>
      </c>
      <c r="P909" t="s">
        <v>86</v>
      </c>
      <c r="Q909">
        <v>52</v>
      </c>
      <c r="R909">
        <v>53</v>
      </c>
      <c r="S909">
        <v>54</v>
      </c>
      <c r="T909">
        <v>54</v>
      </c>
      <c r="U909">
        <v>55</v>
      </c>
      <c r="V909">
        <v>55</v>
      </c>
      <c r="W909">
        <v>56</v>
      </c>
      <c r="X909">
        <v>56</v>
      </c>
      <c r="Y909">
        <v>57</v>
      </c>
      <c r="Z909">
        <v>57</v>
      </c>
      <c r="AA909">
        <v>58</v>
      </c>
      <c r="AB909">
        <v>58</v>
      </c>
      <c r="AC909">
        <v>59</v>
      </c>
      <c r="AD909">
        <v>59</v>
      </c>
      <c r="AE909">
        <v>60</v>
      </c>
      <c r="AF909">
        <v>60</v>
      </c>
      <c r="AG909">
        <v>61</v>
      </c>
      <c r="AH909">
        <v>61</v>
      </c>
      <c r="AI909">
        <v>61</v>
      </c>
      <c r="AJ909">
        <v>62</v>
      </c>
      <c r="AK909">
        <v>62</v>
      </c>
      <c r="AL909">
        <v>62</v>
      </c>
      <c r="AM909">
        <v>62</v>
      </c>
      <c r="AN909">
        <v>62</v>
      </c>
      <c r="AO909">
        <v>62</v>
      </c>
      <c r="AP909">
        <v>61</v>
      </c>
      <c r="AQ909">
        <v>61</v>
      </c>
    </row>
    <row r="910" spans="1:43">
      <c r="A910" t="s">
        <v>655</v>
      </c>
      <c r="B910" t="s">
        <v>656</v>
      </c>
      <c r="C910" t="s">
        <v>653</v>
      </c>
      <c r="D910" t="s">
        <v>654</v>
      </c>
      <c r="E910" t="s">
        <v>353</v>
      </c>
      <c r="F910" t="s">
        <v>354</v>
      </c>
      <c r="G910" t="s">
        <v>80</v>
      </c>
      <c r="H910" t="s">
        <v>81</v>
      </c>
      <c r="I910" s="2">
        <v>1</v>
      </c>
      <c r="J910" s="2">
        <v>0</v>
      </c>
      <c r="K910" s="2">
        <v>0</v>
      </c>
      <c r="L910" t="s">
        <v>120</v>
      </c>
      <c r="M910" t="s">
        <v>83</v>
      </c>
      <c r="N910" t="s">
        <v>84</v>
      </c>
      <c r="O910" t="s">
        <v>85</v>
      </c>
      <c r="P910" t="s">
        <v>86</v>
      </c>
      <c r="Q910">
        <v>33</v>
      </c>
      <c r="R910">
        <v>33</v>
      </c>
      <c r="S910">
        <v>34</v>
      </c>
      <c r="T910">
        <v>34</v>
      </c>
      <c r="U910">
        <v>34</v>
      </c>
      <c r="V910">
        <v>35</v>
      </c>
      <c r="W910">
        <v>35</v>
      </c>
      <c r="X910">
        <v>35</v>
      </c>
      <c r="Y910">
        <v>36</v>
      </c>
      <c r="Z910">
        <v>36</v>
      </c>
      <c r="AA910">
        <v>36</v>
      </c>
      <c r="AB910">
        <v>37</v>
      </c>
      <c r="AC910">
        <v>37</v>
      </c>
      <c r="AD910">
        <v>37</v>
      </c>
      <c r="AE910">
        <v>37</v>
      </c>
      <c r="AF910">
        <v>38</v>
      </c>
      <c r="AG910">
        <v>38</v>
      </c>
      <c r="AH910">
        <v>38</v>
      </c>
      <c r="AI910">
        <v>38</v>
      </c>
      <c r="AJ910">
        <v>39</v>
      </c>
      <c r="AK910">
        <v>39</v>
      </c>
      <c r="AL910">
        <v>39</v>
      </c>
      <c r="AM910">
        <v>39</v>
      </c>
      <c r="AN910">
        <v>39</v>
      </c>
      <c r="AO910">
        <v>39</v>
      </c>
      <c r="AP910">
        <v>39</v>
      </c>
      <c r="AQ910">
        <v>38</v>
      </c>
    </row>
    <row r="911" spans="1:43">
      <c r="A911" t="s">
        <v>655</v>
      </c>
      <c r="B911" t="s">
        <v>656</v>
      </c>
      <c r="C911" t="s">
        <v>653</v>
      </c>
      <c r="D911" t="s">
        <v>654</v>
      </c>
      <c r="E911" t="s">
        <v>353</v>
      </c>
      <c r="F911" t="s">
        <v>354</v>
      </c>
      <c r="G911" t="s">
        <v>80</v>
      </c>
      <c r="H911" t="s">
        <v>81</v>
      </c>
      <c r="I911" s="2">
        <v>1</v>
      </c>
      <c r="J911" s="2">
        <v>0</v>
      </c>
      <c r="K911" s="2">
        <v>0</v>
      </c>
      <c r="L911" t="s">
        <v>120</v>
      </c>
      <c r="M911" t="s">
        <v>87</v>
      </c>
      <c r="N911" t="s">
        <v>88</v>
      </c>
      <c r="O911" t="s">
        <v>85</v>
      </c>
      <c r="P911" t="s">
        <v>86</v>
      </c>
      <c r="Q911">
        <v>33</v>
      </c>
      <c r="R911">
        <v>33</v>
      </c>
      <c r="S911">
        <v>33</v>
      </c>
      <c r="T911">
        <v>33</v>
      </c>
      <c r="U911">
        <v>33</v>
      </c>
      <c r="V911">
        <v>33</v>
      </c>
      <c r="W911">
        <v>33</v>
      </c>
      <c r="X911">
        <v>33</v>
      </c>
      <c r="Y911">
        <v>33</v>
      </c>
      <c r="Z911">
        <v>33</v>
      </c>
      <c r="AA911">
        <v>33</v>
      </c>
      <c r="AB911">
        <v>33</v>
      </c>
      <c r="AC911">
        <v>33</v>
      </c>
      <c r="AD911">
        <v>33</v>
      </c>
      <c r="AE911">
        <v>33</v>
      </c>
      <c r="AF911">
        <v>33</v>
      </c>
      <c r="AG911">
        <v>33</v>
      </c>
      <c r="AH911">
        <v>33</v>
      </c>
      <c r="AI911">
        <v>33</v>
      </c>
      <c r="AJ911">
        <v>33</v>
      </c>
      <c r="AK911">
        <v>33</v>
      </c>
      <c r="AL911">
        <v>33</v>
      </c>
      <c r="AM911">
        <v>33</v>
      </c>
      <c r="AN911">
        <v>33</v>
      </c>
      <c r="AO911">
        <v>33</v>
      </c>
      <c r="AP911">
        <v>33</v>
      </c>
      <c r="AQ911">
        <v>33</v>
      </c>
    </row>
    <row r="912" spans="1:43">
      <c r="A912" t="s">
        <v>655</v>
      </c>
      <c r="B912" t="s">
        <v>656</v>
      </c>
      <c r="C912" t="s">
        <v>653</v>
      </c>
      <c r="D912" t="s">
        <v>654</v>
      </c>
      <c r="E912" t="s">
        <v>353</v>
      </c>
      <c r="F912" t="s">
        <v>354</v>
      </c>
      <c r="G912" t="s">
        <v>80</v>
      </c>
      <c r="H912" t="s">
        <v>81</v>
      </c>
      <c r="I912" s="2">
        <v>1</v>
      </c>
      <c r="J912" s="2">
        <v>0</v>
      </c>
      <c r="K912" s="2">
        <v>0</v>
      </c>
      <c r="L912" t="s">
        <v>120</v>
      </c>
      <c r="M912" t="s">
        <v>89</v>
      </c>
      <c r="N912" t="s">
        <v>90</v>
      </c>
      <c r="O912" t="s">
        <v>85</v>
      </c>
      <c r="P912" t="s">
        <v>86</v>
      </c>
      <c r="Q912">
        <v>33</v>
      </c>
      <c r="R912">
        <v>34</v>
      </c>
      <c r="S912">
        <v>34</v>
      </c>
      <c r="T912">
        <v>35</v>
      </c>
      <c r="U912">
        <v>36</v>
      </c>
      <c r="V912">
        <v>36</v>
      </c>
      <c r="W912">
        <v>37</v>
      </c>
      <c r="X912">
        <v>37</v>
      </c>
      <c r="Y912">
        <v>38</v>
      </c>
      <c r="Z912">
        <v>38</v>
      </c>
      <c r="AA912">
        <v>39</v>
      </c>
      <c r="AB912">
        <v>39</v>
      </c>
      <c r="AC912">
        <v>39</v>
      </c>
      <c r="AD912">
        <v>40</v>
      </c>
      <c r="AE912">
        <v>40</v>
      </c>
      <c r="AF912">
        <v>40</v>
      </c>
      <c r="AG912">
        <v>40</v>
      </c>
      <c r="AH912">
        <v>40</v>
      </c>
      <c r="AI912">
        <v>40</v>
      </c>
      <c r="AJ912">
        <v>39</v>
      </c>
      <c r="AK912">
        <v>39</v>
      </c>
      <c r="AL912">
        <v>39</v>
      </c>
      <c r="AM912">
        <v>39</v>
      </c>
      <c r="AN912">
        <v>39</v>
      </c>
      <c r="AO912">
        <v>39</v>
      </c>
      <c r="AP912">
        <v>39</v>
      </c>
      <c r="AQ912">
        <v>39</v>
      </c>
    </row>
    <row r="913" spans="1:43">
      <c r="A913" t="s">
        <v>655</v>
      </c>
      <c r="B913" t="s">
        <v>656</v>
      </c>
      <c r="C913" t="s">
        <v>653</v>
      </c>
      <c r="D913" t="s">
        <v>654</v>
      </c>
      <c r="E913" t="s">
        <v>353</v>
      </c>
      <c r="F913" t="s">
        <v>354</v>
      </c>
      <c r="G913" t="s">
        <v>80</v>
      </c>
      <c r="H913" t="s">
        <v>81</v>
      </c>
      <c r="I913" s="2">
        <v>1</v>
      </c>
      <c r="J913" s="2">
        <v>0</v>
      </c>
      <c r="K913" s="2">
        <v>0</v>
      </c>
      <c r="L913" t="s">
        <v>120</v>
      </c>
      <c r="M913" t="s">
        <v>83</v>
      </c>
      <c r="N913" t="s">
        <v>91</v>
      </c>
      <c r="O913" t="s">
        <v>85</v>
      </c>
      <c r="P913" t="s">
        <v>86</v>
      </c>
      <c r="Q913">
        <v>33</v>
      </c>
      <c r="R913">
        <v>33</v>
      </c>
      <c r="S913">
        <v>34</v>
      </c>
      <c r="T913">
        <v>34</v>
      </c>
      <c r="U913">
        <v>34</v>
      </c>
      <c r="V913">
        <v>35</v>
      </c>
      <c r="W913">
        <v>35</v>
      </c>
      <c r="X913">
        <v>35</v>
      </c>
      <c r="Y913">
        <v>36</v>
      </c>
      <c r="Z913">
        <v>36</v>
      </c>
      <c r="AA913">
        <v>36</v>
      </c>
      <c r="AB913">
        <v>37</v>
      </c>
      <c r="AC913">
        <v>37</v>
      </c>
      <c r="AD913">
        <v>37</v>
      </c>
      <c r="AE913">
        <v>37</v>
      </c>
      <c r="AF913">
        <v>38</v>
      </c>
      <c r="AG913">
        <v>38</v>
      </c>
      <c r="AH913">
        <v>38</v>
      </c>
      <c r="AI913">
        <v>38</v>
      </c>
      <c r="AJ913">
        <v>39</v>
      </c>
      <c r="AK913">
        <v>39</v>
      </c>
      <c r="AL913">
        <v>39</v>
      </c>
      <c r="AM913">
        <v>39</v>
      </c>
      <c r="AN913">
        <v>39</v>
      </c>
      <c r="AO913">
        <v>39</v>
      </c>
      <c r="AP913">
        <v>39</v>
      </c>
      <c r="AQ913">
        <v>38</v>
      </c>
    </row>
    <row r="914" spans="1:43">
      <c r="A914" t="s">
        <v>657</v>
      </c>
      <c r="B914" t="s">
        <v>658</v>
      </c>
      <c r="C914" t="s">
        <v>653</v>
      </c>
      <c r="D914" t="s">
        <v>654</v>
      </c>
      <c r="E914" t="s">
        <v>353</v>
      </c>
      <c r="F914" t="s">
        <v>354</v>
      </c>
      <c r="G914" t="s">
        <v>80</v>
      </c>
      <c r="H914" t="s">
        <v>81</v>
      </c>
      <c r="I914" s="2">
        <v>1</v>
      </c>
      <c r="J914" s="2">
        <v>0</v>
      </c>
      <c r="K914" s="2">
        <v>0</v>
      </c>
      <c r="L914" t="s">
        <v>120</v>
      </c>
      <c r="M914" t="s">
        <v>83</v>
      </c>
      <c r="N914" t="s">
        <v>84</v>
      </c>
      <c r="O914" t="s">
        <v>85</v>
      </c>
      <c r="P914" t="s">
        <v>86</v>
      </c>
      <c r="Q914">
        <v>9</v>
      </c>
      <c r="R914">
        <v>9</v>
      </c>
      <c r="S914">
        <v>9</v>
      </c>
      <c r="T914">
        <v>9</v>
      </c>
      <c r="U914">
        <v>9</v>
      </c>
      <c r="V914">
        <v>9</v>
      </c>
      <c r="W914">
        <v>9</v>
      </c>
      <c r="X914">
        <v>9</v>
      </c>
      <c r="Y914">
        <v>10</v>
      </c>
      <c r="Z914">
        <v>10</v>
      </c>
      <c r="AA914">
        <v>10</v>
      </c>
      <c r="AB914">
        <v>10</v>
      </c>
      <c r="AC914">
        <v>10</v>
      </c>
      <c r="AD914">
        <v>10</v>
      </c>
      <c r="AE914">
        <v>10</v>
      </c>
      <c r="AF914">
        <v>10</v>
      </c>
      <c r="AG914">
        <v>10</v>
      </c>
      <c r="AH914">
        <v>10</v>
      </c>
      <c r="AI914">
        <v>10</v>
      </c>
      <c r="AJ914">
        <v>10</v>
      </c>
      <c r="AK914">
        <v>10</v>
      </c>
      <c r="AL914">
        <v>10</v>
      </c>
      <c r="AM914">
        <v>10</v>
      </c>
      <c r="AN914">
        <v>10</v>
      </c>
      <c r="AO914">
        <v>10</v>
      </c>
      <c r="AP914">
        <v>10</v>
      </c>
      <c r="AQ914">
        <v>10</v>
      </c>
    </row>
    <row r="915" spans="1:43">
      <c r="A915" t="s">
        <v>657</v>
      </c>
      <c r="B915" t="s">
        <v>658</v>
      </c>
      <c r="C915" t="s">
        <v>653</v>
      </c>
      <c r="D915" t="s">
        <v>654</v>
      </c>
      <c r="E915" t="s">
        <v>353</v>
      </c>
      <c r="F915" t="s">
        <v>354</v>
      </c>
      <c r="G915" t="s">
        <v>80</v>
      </c>
      <c r="H915" t="s">
        <v>81</v>
      </c>
      <c r="I915" s="2">
        <v>1</v>
      </c>
      <c r="J915" s="2">
        <v>0</v>
      </c>
      <c r="K915" s="2">
        <v>0</v>
      </c>
      <c r="L915" t="s">
        <v>120</v>
      </c>
      <c r="M915" t="s">
        <v>87</v>
      </c>
      <c r="N915" t="s">
        <v>88</v>
      </c>
      <c r="O915" t="s">
        <v>85</v>
      </c>
      <c r="P915" t="s">
        <v>86</v>
      </c>
      <c r="Q915">
        <v>9</v>
      </c>
      <c r="R915">
        <v>9</v>
      </c>
      <c r="S915">
        <v>9</v>
      </c>
      <c r="T915">
        <v>9</v>
      </c>
      <c r="U915">
        <v>9</v>
      </c>
      <c r="V915">
        <v>9</v>
      </c>
      <c r="W915">
        <v>9</v>
      </c>
      <c r="X915">
        <v>9</v>
      </c>
      <c r="Y915">
        <v>9</v>
      </c>
      <c r="Z915">
        <v>9</v>
      </c>
      <c r="AA915">
        <v>9</v>
      </c>
      <c r="AB915">
        <v>9</v>
      </c>
      <c r="AC915">
        <v>9</v>
      </c>
      <c r="AD915">
        <v>9</v>
      </c>
      <c r="AE915">
        <v>9</v>
      </c>
      <c r="AF915">
        <v>9</v>
      </c>
      <c r="AG915">
        <v>9</v>
      </c>
      <c r="AH915">
        <v>9</v>
      </c>
      <c r="AI915">
        <v>9</v>
      </c>
      <c r="AJ915">
        <v>9</v>
      </c>
      <c r="AK915">
        <v>9</v>
      </c>
      <c r="AL915">
        <v>9</v>
      </c>
      <c r="AM915">
        <v>9</v>
      </c>
      <c r="AN915">
        <v>9</v>
      </c>
      <c r="AO915">
        <v>9</v>
      </c>
      <c r="AP915">
        <v>9</v>
      </c>
      <c r="AQ915">
        <v>9</v>
      </c>
    </row>
    <row r="916" spans="1:43">
      <c r="A916" t="s">
        <v>657</v>
      </c>
      <c r="B916" t="s">
        <v>658</v>
      </c>
      <c r="C916" t="s">
        <v>653</v>
      </c>
      <c r="D916" t="s">
        <v>654</v>
      </c>
      <c r="E916" t="s">
        <v>353</v>
      </c>
      <c r="F916" t="s">
        <v>354</v>
      </c>
      <c r="G916" t="s">
        <v>80</v>
      </c>
      <c r="H916" t="s">
        <v>81</v>
      </c>
      <c r="I916" s="2">
        <v>1</v>
      </c>
      <c r="J916" s="2">
        <v>0</v>
      </c>
      <c r="K916" s="2">
        <v>0</v>
      </c>
      <c r="L916" t="s">
        <v>120</v>
      </c>
      <c r="M916" t="s">
        <v>89</v>
      </c>
      <c r="N916" t="s">
        <v>90</v>
      </c>
      <c r="O916" t="s">
        <v>85</v>
      </c>
      <c r="P916" t="s">
        <v>86</v>
      </c>
      <c r="Q916">
        <v>9</v>
      </c>
      <c r="R916">
        <v>9</v>
      </c>
      <c r="S916">
        <v>9</v>
      </c>
      <c r="T916">
        <v>9</v>
      </c>
      <c r="U916">
        <v>10</v>
      </c>
      <c r="V916">
        <v>10</v>
      </c>
      <c r="W916">
        <v>10</v>
      </c>
      <c r="X916">
        <v>10</v>
      </c>
      <c r="Y916">
        <v>10</v>
      </c>
      <c r="Z916">
        <v>10</v>
      </c>
      <c r="AA916">
        <v>10</v>
      </c>
      <c r="AB916">
        <v>10</v>
      </c>
      <c r="AC916">
        <v>11</v>
      </c>
      <c r="AD916">
        <v>11</v>
      </c>
      <c r="AE916">
        <v>11</v>
      </c>
      <c r="AF916">
        <v>11</v>
      </c>
      <c r="AG916">
        <v>11</v>
      </c>
      <c r="AH916">
        <v>11</v>
      </c>
      <c r="AI916">
        <v>11</v>
      </c>
      <c r="AJ916">
        <v>11</v>
      </c>
      <c r="AK916">
        <v>11</v>
      </c>
      <c r="AL916">
        <v>10</v>
      </c>
      <c r="AM916">
        <v>10</v>
      </c>
      <c r="AN916">
        <v>10</v>
      </c>
      <c r="AO916">
        <v>10</v>
      </c>
      <c r="AP916">
        <v>10</v>
      </c>
      <c r="AQ916">
        <v>10</v>
      </c>
    </row>
    <row r="917" spans="1:43">
      <c r="A917" t="s">
        <v>657</v>
      </c>
      <c r="B917" t="s">
        <v>658</v>
      </c>
      <c r="C917" t="s">
        <v>653</v>
      </c>
      <c r="D917" t="s">
        <v>654</v>
      </c>
      <c r="E917" t="s">
        <v>353</v>
      </c>
      <c r="F917" t="s">
        <v>354</v>
      </c>
      <c r="G917" t="s">
        <v>80</v>
      </c>
      <c r="H917" t="s">
        <v>81</v>
      </c>
      <c r="I917" s="2">
        <v>1</v>
      </c>
      <c r="J917" s="2">
        <v>0</v>
      </c>
      <c r="K917" s="2">
        <v>0</v>
      </c>
      <c r="L917" t="s">
        <v>120</v>
      </c>
      <c r="M917" t="s">
        <v>83</v>
      </c>
      <c r="N917" t="s">
        <v>91</v>
      </c>
      <c r="O917" t="s">
        <v>85</v>
      </c>
      <c r="P917" t="s">
        <v>86</v>
      </c>
      <c r="Q917">
        <v>9</v>
      </c>
      <c r="R917">
        <v>9</v>
      </c>
      <c r="S917">
        <v>9</v>
      </c>
      <c r="T917">
        <v>9</v>
      </c>
      <c r="U917">
        <v>9</v>
      </c>
      <c r="V917">
        <v>9</v>
      </c>
      <c r="W917">
        <v>9</v>
      </c>
      <c r="X917">
        <v>9</v>
      </c>
      <c r="Y917">
        <v>10</v>
      </c>
      <c r="Z917">
        <v>10</v>
      </c>
      <c r="AA917">
        <v>10</v>
      </c>
      <c r="AB917">
        <v>10</v>
      </c>
      <c r="AC917">
        <v>10</v>
      </c>
      <c r="AD917">
        <v>10</v>
      </c>
      <c r="AE917">
        <v>10</v>
      </c>
      <c r="AF917">
        <v>10</v>
      </c>
      <c r="AG917">
        <v>10</v>
      </c>
      <c r="AH917">
        <v>10</v>
      </c>
      <c r="AI917">
        <v>10</v>
      </c>
      <c r="AJ917">
        <v>10</v>
      </c>
      <c r="AK917">
        <v>10</v>
      </c>
      <c r="AL917">
        <v>10</v>
      </c>
      <c r="AM917">
        <v>10</v>
      </c>
      <c r="AN917">
        <v>10</v>
      </c>
      <c r="AO917">
        <v>10</v>
      </c>
      <c r="AP917">
        <v>10</v>
      </c>
      <c r="AQ917">
        <v>10</v>
      </c>
    </row>
    <row r="918" spans="1:43">
      <c r="A918" t="s">
        <v>659</v>
      </c>
      <c r="B918" t="s">
        <v>660</v>
      </c>
      <c r="C918" t="s">
        <v>647</v>
      </c>
      <c r="D918" t="s">
        <v>648</v>
      </c>
      <c r="E918" t="s">
        <v>353</v>
      </c>
      <c r="F918" t="s">
        <v>354</v>
      </c>
      <c r="G918" t="s">
        <v>80</v>
      </c>
      <c r="H918" t="s">
        <v>81</v>
      </c>
      <c r="I918" s="2">
        <v>1</v>
      </c>
      <c r="J918" s="2">
        <v>0</v>
      </c>
      <c r="K918" s="2">
        <v>0</v>
      </c>
      <c r="L918" t="s">
        <v>120</v>
      </c>
      <c r="M918" t="s">
        <v>83</v>
      </c>
      <c r="N918" t="s">
        <v>84</v>
      </c>
      <c r="O918" t="s">
        <v>85</v>
      </c>
      <c r="P918" t="s">
        <v>86</v>
      </c>
      <c r="Q918">
        <v>26</v>
      </c>
      <c r="R918">
        <v>27</v>
      </c>
      <c r="S918">
        <v>27</v>
      </c>
      <c r="T918">
        <v>27</v>
      </c>
      <c r="U918">
        <v>27</v>
      </c>
      <c r="V918">
        <v>28</v>
      </c>
      <c r="W918">
        <v>28</v>
      </c>
      <c r="X918">
        <v>28</v>
      </c>
      <c r="Y918">
        <v>28</v>
      </c>
      <c r="Z918">
        <v>29</v>
      </c>
      <c r="AA918">
        <v>29</v>
      </c>
      <c r="AB918">
        <v>29</v>
      </c>
      <c r="AC918">
        <v>29</v>
      </c>
      <c r="AD918">
        <v>30</v>
      </c>
      <c r="AE918">
        <v>30</v>
      </c>
      <c r="AF918">
        <v>30</v>
      </c>
      <c r="AG918">
        <v>30</v>
      </c>
      <c r="AH918">
        <v>31</v>
      </c>
      <c r="AI918">
        <v>31</v>
      </c>
      <c r="AJ918">
        <v>31</v>
      </c>
      <c r="AK918">
        <v>31</v>
      </c>
      <c r="AL918">
        <v>31</v>
      </c>
      <c r="AM918">
        <v>31</v>
      </c>
      <c r="AN918">
        <v>31</v>
      </c>
      <c r="AO918">
        <v>31</v>
      </c>
      <c r="AP918">
        <v>31</v>
      </c>
      <c r="AQ918">
        <v>31</v>
      </c>
    </row>
    <row r="919" spans="1:43">
      <c r="A919" t="s">
        <v>659</v>
      </c>
      <c r="B919" t="s">
        <v>660</v>
      </c>
      <c r="C919" t="s">
        <v>647</v>
      </c>
      <c r="D919" t="s">
        <v>648</v>
      </c>
      <c r="E919" t="s">
        <v>353</v>
      </c>
      <c r="F919" t="s">
        <v>354</v>
      </c>
      <c r="G919" t="s">
        <v>80</v>
      </c>
      <c r="H919" t="s">
        <v>81</v>
      </c>
      <c r="I919" s="2">
        <v>1</v>
      </c>
      <c r="J919" s="2">
        <v>0</v>
      </c>
      <c r="K919" s="2">
        <v>0</v>
      </c>
      <c r="L919" t="s">
        <v>120</v>
      </c>
      <c r="M919" t="s">
        <v>87</v>
      </c>
      <c r="N919" t="s">
        <v>88</v>
      </c>
      <c r="O919" t="s">
        <v>85</v>
      </c>
      <c r="P919" t="s">
        <v>86</v>
      </c>
      <c r="Q919">
        <v>26</v>
      </c>
      <c r="R919">
        <v>26</v>
      </c>
      <c r="S919">
        <v>26</v>
      </c>
      <c r="T919">
        <v>26</v>
      </c>
      <c r="U919">
        <v>26</v>
      </c>
      <c r="V919">
        <v>26</v>
      </c>
      <c r="W919">
        <v>26</v>
      </c>
      <c r="X919">
        <v>26</v>
      </c>
      <c r="Y919">
        <v>26</v>
      </c>
      <c r="Z919">
        <v>26</v>
      </c>
      <c r="AA919">
        <v>26</v>
      </c>
      <c r="AB919">
        <v>26</v>
      </c>
      <c r="AC919">
        <v>26</v>
      </c>
      <c r="AD919">
        <v>26</v>
      </c>
      <c r="AE919">
        <v>26</v>
      </c>
      <c r="AF919">
        <v>27</v>
      </c>
      <c r="AG919">
        <v>27</v>
      </c>
      <c r="AH919">
        <v>27</v>
      </c>
      <c r="AI919">
        <v>27</v>
      </c>
      <c r="AJ919">
        <v>27</v>
      </c>
      <c r="AK919">
        <v>27</v>
      </c>
      <c r="AL919">
        <v>27</v>
      </c>
      <c r="AM919">
        <v>27</v>
      </c>
      <c r="AN919">
        <v>27</v>
      </c>
      <c r="AO919">
        <v>27</v>
      </c>
      <c r="AP919">
        <v>27</v>
      </c>
      <c r="AQ919">
        <v>27</v>
      </c>
    </row>
    <row r="920" spans="1:43">
      <c r="A920" t="s">
        <v>659</v>
      </c>
      <c r="B920" t="s">
        <v>660</v>
      </c>
      <c r="C920" t="s">
        <v>647</v>
      </c>
      <c r="D920" t="s">
        <v>648</v>
      </c>
      <c r="E920" t="s">
        <v>353</v>
      </c>
      <c r="F920" t="s">
        <v>354</v>
      </c>
      <c r="G920" t="s">
        <v>80</v>
      </c>
      <c r="H920" t="s">
        <v>81</v>
      </c>
      <c r="I920" s="2">
        <v>1</v>
      </c>
      <c r="J920" s="2">
        <v>0</v>
      </c>
      <c r="K920" s="2">
        <v>0</v>
      </c>
      <c r="L920" t="s">
        <v>120</v>
      </c>
      <c r="M920" t="s">
        <v>89</v>
      </c>
      <c r="N920" t="s">
        <v>90</v>
      </c>
      <c r="O920" t="s">
        <v>85</v>
      </c>
      <c r="P920" t="s">
        <v>86</v>
      </c>
      <c r="Q920">
        <v>26</v>
      </c>
      <c r="R920">
        <v>27</v>
      </c>
      <c r="S920">
        <v>27</v>
      </c>
      <c r="T920">
        <v>28</v>
      </c>
      <c r="U920">
        <v>28</v>
      </c>
      <c r="V920">
        <v>29</v>
      </c>
      <c r="W920">
        <v>29</v>
      </c>
      <c r="X920">
        <v>30</v>
      </c>
      <c r="Y920">
        <v>30</v>
      </c>
      <c r="Z920">
        <v>30</v>
      </c>
      <c r="AA920">
        <v>31</v>
      </c>
      <c r="AB920">
        <v>31</v>
      </c>
      <c r="AC920">
        <v>32</v>
      </c>
      <c r="AD920">
        <v>32</v>
      </c>
      <c r="AE920">
        <v>32</v>
      </c>
      <c r="AF920">
        <v>32</v>
      </c>
      <c r="AG920">
        <v>32</v>
      </c>
      <c r="AH920">
        <v>32</v>
      </c>
      <c r="AI920">
        <v>32</v>
      </c>
      <c r="AJ920">
        <v>32</v>
      </c>
      <c r="AK920">
        <v>32</v>
      </c>
      <c r="AL920">
        <v>31</v>
      </c>
      <c r="AM920">
        <v>31</v>
      </c>
      <c r="AN920">
        <v>31</v>
      </c>
      <c r="AO920">
        <v>31</v>
      </c>
      <c r="AP920">
        <v>31</v>
      </c>
      <c r="AQ920">
        <v>31</v>
      </c>
    </row>
    <row r="921" spans="1:43">
      <c r="A921" t="s">
        <v>659</v>
      </c>
      <c r="B921" t="s">
        <v>660</v>
      </c>
      <c r="C921" t="s">
        <v>647</v>
      </c>
      <c r="D921" t="s">
        <v>648</v>
      </c>
      <c r="E921" t="s">
        <v>353</v>
      </c>
      <c r="F921" t="s">
        <v>354</v>
      </c>
      <c r="G921" t="s">
        <v>80</v>
      </c>
      <c r="H921" t="s">
        <v>81</v>
      </c>
      <c r="I921" s="2">
        <v>1</v>
      </c>
      <c r="J921" s="2">
        <v>0</v>
      </c>
      <c r="K921" s="2">
        <v>0</v>
      </c>
      <c r="L921" t="s">
        <v>120</v>
      </c>
      <c r="M921" t="s">
        <v>83</v>
      </c>
      <c r="N921" t="s">
        <v>91</v>
      </c>
      <c r="O921" t="s">
        <v>85</v>
      </c>
      <c r="P921" t="s">
        <v>86</v>
      </c>
      <c r="Q921">
        <v>26</v>
      </c>
      <c r="R921">
        <v>27</v>
      </c>
      <c r="S921">
        <v>27</v>
      </c>
      <c r="T921">
        <v>27</v>
      </c>
      <c r="U921">
        <v>27</v>
      </c>
      <c r="V921">
        <v>28</v>
      </c>
      <c r="W921">
        <v>28</v>
      </c>
      <c r="X921">
        <v>28</v>
      </c>
      <c r="Y921">
        <v>28</v>
      </c>
      <c r="Z921">
        <v>29</v>
      </c>
      <c r="AA921">
        <v>29</v>
      </c>
      <c r="AB921">
        <v>29</v>
      </c>
      <c r="AC921">
        <v>29</v>
      </c>
      <c r="AD921">
        <v>30</v>
      </c>
      <c r="AE921">
        <v>30</v>
      </c>
      <c r="AF921">
        <v>30</v>
      </c>
      <c r="AG921">
        <v>30</v>
      </c>
      <c r="AH921">
        <v>31</v>
      </c>
      <c r="AI921">
        <v>31</v>
      </c>
      <c r="AJ921">
        <v>31</v>
      </c>
      <c r="AK921">
        <v>31</v>
      </c>
      <c r="AL921">
        <v>31</v>
      </c>
      <c r="AM921">
        <v>31</v>
      </c>
      <c r="AN921">
        <v>31</v>
      </c>
      <c r="AO921">
        <v>31</v>
      </c>
      <c r="AP921">
        <v>31</v>
      </c>
      <c r="AQ921">
        <v>31</v>
      </c>
    </row>
    <row r="922" spans="1:43">
      <c r="A922" t="s">
        <v>661</v>
      </c>
      <c r="B922" t="s">
        <v>662</v>
      </c>
      <c r="C922" t="s">
        <v>647</v>
      </c>
      <c r="D922" t="s">
        <v>648</v>
      </c>
      <c r="E922" t="s">
        <v>353</v>
      </c>
      <c r="F922" t="s">
        <v>354</v>
      </c>
      <c r="G922" t="s">
        <v>80</v>
      </c>
      <c r="H922" t="s">
        <v>81</v>
      </c>
      <c r="I922" s="2">
        <v>1</v>
      </c>
      <c r="J922" s="2">
        <v>0</v>
      </c>
      <c r="K922" s="2">
        <v>0</v>
      </c>
      <c r="L922" t="s">
        <v>120</v>
      </c>
      <c r="M922" t="s">
        <v>83</v>
      </c>
      <c r="N922" t="s">
        <v>84</v>
      </c>
      <c r="O922" t="s">
        <v>85</v>
      </c>
      <c r="P922" t="s">
        <v>86</v>
      </c>
      <c r="Q922">
        <v>116</v>
      </c>
      <c r="R922">
        <v>117</v>
      </c>
      <c r="S922">
        <v>118</v>
      </c>
      <c r="T922">
        <v>120</v>
      </c>
      <c r="U922">
        <v>121</v>
      </c>
      <c r="V922">
        <v>122</v>
      </c>
      <c r="W922">
        <v>123</v>
      </c>
      <c r="X922">
        <v>125</v>
      </c>
      <c r="Y922">
        <v>126</v>
      </c>
      <c r="Z922">
        <v>127</v>
      </c>
      <c r="AA922">
        <v>128</v>
      </c>
      <c r="AB922">
        <v>129</v>
      </c>
      <c r="AC922">
        <v>130</v>
      </c>
      <c r="AD922">
        <v>131</v>
      </c>
      <c r="AE922">
        <v>132</v>
      </c>
      <c r="AF922">
        <v>133</v>
      </c>
      <c r="AG922">
        <v>134</v>
      </c>
      <c r="AH922">
        <v>135</v>
      </c>
      <c r="AI922">
        <v>136</v>
      </c>
      <c r="AJ922">
        <v>137</v>
      </c>
      <c r="AK922">
        <v>138</v>
      </c>
      <c r="AL922">
        <v>138</v>
      </c>
      <c r="AM922">
        <v>137</v>
      </c>
      <c r="AN922">
        <v>137</v>
      </c>
      <c r="AO922">
        <v>137</v>
      </c>
      <c r="AP922">
        <v>136</v>
      </c>
      <c r="AQ922">
        <v>136</v>
      </c>
    </row>
    <row r="923" spans="1:43">
      <c r="A923" t="s">
        <v>661</v>
      </c>
      <c r="B923" t="s">
        <v>662</v>
      </c>
      <c r="C923" t="s">
        <v>647</v>
      </c>
      <c r="D923" t="s">
        <v>648</v>
      </c>
      <c r="E923" t="s">
        <v>353</v>
      </c>
      <c r="F923" t="s">
        <v>354</v>
      </c>
      <c r="G923" t="s">
        <v>80</v>
      </c>
      <c r="H923" t="s">
        <v>81</v>
      </c>
      <c r="I923" s="2">
        <v>1</v>
      </c>
      <c r="J923" s="2">
        <v>0</v>
      </c>
      <c r="K923" s="2">
        <v>0</v>
      </c>
      <c r="L923" t="s">
        <v>120</v>
      </c>
      <c r="M923" t="s">
        <v>87</v>
      </c>
      <c r="N923" t="s">
        <v>88</v>
      </c>
      <c r="O923" t="s">
        <v>85</v>
      </c>
      <c r="P923" t="s">
        <v>86</v>
      </c>
      <c r="Q923">
        <v>116</v>
      </c>
      <c r="R923">
        <v>116</v>
      </c>
      <c r="S923">
        <v>116</v>
      </c>
      <c r="T923">
        <v>116</v>
      </c>
      <c r="U923">
        <v>117</v>
      </c>
      <c r="V923">
        <v>117</v>
      </c>
      <c r="W923">
        <v>117</v>
      </c>
      <c r="X923">
        <v>117</v>
      </c>
      <c r="Y923">
        <v>117</v>
      </c>
      <c r="Z923">
        <v>117</v>
      </c>
      <c r="AA923">
        <v>118</v>
      </c>
      <c r="AB923">
        <v>118</v>
      </c>
      <c r="AC923">
        <v>118</v>
      </c>
      <c r="AD923">
        <v>118</v>
      </c>
      <c r="AE923">
        <v>118</v>
      </c>
      <c r="AF923">
        <v>118</v>
      </c>
      <c r="AG923">
        <v>118</v>
      </c>
      <c r="AH923">
        <v>118</v>
      </c>
      <c r="AI923">
        <v>119</v>
      </c>
      <c r="AJ923">
        <v>119</v>
      </c>
      <c r="AK923">
        <v>119</v>
      </c>
      <c r="AL923">
        <v>119</v>
      </c>
      <c r="AM923">
        <v>119</v>
      </c>
      <c r="AN923">
        <v>119</v>
      </c>
      <c r="AO923">
        <v>119</v>
      </c>
      <c r="AP923">
        <v>119</v>
      </c>
      <c r="AQ923">
        <v>119</v>
      </c>
    </row>
    <row r="924" spans="1:43">
      <c r="A924" t="s">
        <v>661</v>
      </c>
      <c r="B924" t="s">
        <v>662</v>
      </c>
      <c r="C924" t="s">
        <v>647</v>
      </c>
      <c r="D924" t="s">
        <v>648</v>
      </c>
      <c r="E924" t="s">
        <v>353</v>
      </c>
      <c r="F924" t="s">
        <v>354</v>
      </c>
      <c r="G924" t="s">
        <v>80</v>
      </c>
      <c r="H924" t="s">
        <v>81</v>
      </c>
      <c r="I924" s="2">
        <v>1</v>
      </c>
      <c r="J924" s="2">
        <v>0</v>
      </c>
      <c r="K924" s="2">
        <v>0</v>
      </c>
      <c r="L924" t="s">
        <v>120</v>
      </c>
      <c r="M924" t="s">
        <v>89</v>
      </c>
      <c r="N924" t="s">
        <v>90</v>
      </c>
      <c r="O924" t="s">
        <v>85</v>
      </c>
      <c r="P924" t="s">
        <v>86</v>
      </c>
      <c r="Q924">
        <v>116</v>
      </c>
      <c r="R924">
        <v>118</v>
      </c>
      <c r="S924">
        <v>120</v>
      </c>
      <c r="T924">
        <v>123</v>
      </c>
      <c r="U924">
        <v>125</v>
      </c>
      <c r="V924">
        <v>127</v>
      </c>
      <c r="W924">
        <v>129</v>
      </c>
      <c r="X924">
        <v>130</v>
      </c>
      <c r="Y924">
        <v>132</v>
      </c>
      <c r="Z924">
        <v>134</v>
      </c>
      <c r="AA924">
        <v>135</v>
      </c>
      <c r="AB924">
        <v>137</v>
      </c>
      <c r="AC924">
        <v>138</v>
      </c>
      <c r="AD924">
        <v>140</v>
      </c>
      <c r="AE924">
        <v>141</v>
      </c>
      <c r="AF924">
        <v>140</v>
      </c>
      <c r="AG924">
        <v>140</v>
      </c>
      <c r="AH924">
        <v>139</v>
      </c>
      <c r="AI924">
        <v>139</v>
      </c>
      <c r="AJ924">
        <v>139</v>
      </c>
      <c r="AK924">
        <v>138</v>
      </c>
      <c r="AL924">
        <v>138</v>
      </c>
      <c r="AM924">
        <v>138</v>
      </c>
      <c r="AN924">
        <v>137</v>
      </c>
      <c r="AO924">
        <v>137</v>
      </c>
      <c r="AP924">
        <v>136</v>
      </c>
      <c r="AQ924">
        <v>136</v>
      </c>
    </row>
    <row r="925" spans="1:43">
      <c r="A925" t="s">
        <v>661</v>
      </c>
      <c r="B925" t="s">
        <v>662</v>
      </c>
      <c r="C925" t="s">
        <v>647</v>
      </c>
      <c r="D925" t="s">
        <v>648</v>
      </c>
      <c r="E925" t="s">
        <v>353</v>
      </c>
      <c r="F925" t="s">
        <v>354</v>
      </c>
      <c r="G925" t="s">
        <v>80</v>
      </c>
      <c r="H925" t="s">
        <v>81</v>
      </c>
      <c r="I925" s="2">
        <v>1</v>
      </c>
      <c r="J925" s="2">
        <v>0</v>
      </c>
      <c r="K925" s="2">
        <v>0</v>
      </c>
      <c r="L925" t="s">
        <v>120</v>
      </c>
      <c r="M925" t="s">
        <v>83</v>
      </c>
      <c r="N925" t="s">
        <v>91</v>
      </c>
      <c r="O925" t="s">
        <v>85</v>
      </c>
      <c r="P925" t="s">
        <v>86</v>
      </c>
      <c r="Q925">
        <v>116</v>
      </c>
      <c r="R925">
        <v>117</v>
      </c>
      <c r="S925">
        <v>118</v>
      </c>
      <c r="T925">
        <v>120</v>
      </c>
      <c r="U925">
        <v>121</v>
      </c>
      <c r="V925">
        <v>122</v>
      </c>
      <c r="W925">
        <v>123</v>
      </c>
      <c r="X925">
        <v>125</v>
      </c>
      <c r="Y925">
        <v>126</v>
      </c>
      <c r="Z925">
        <v>127</v>
      </c>
      <c r="AA925">
        <v>128</v>
      </c>
      <c r="AB925">
        <v>129</v>
      </c>
      <c r="AC925">
        <v>130</v>
      </c>
      <c r="AD925">
        <v>131</v>
      </c>
      <c r="AE925">
        <v>132</v>
      </c>
      <c r="AF925">
        <v>133</v>
      </c>
      <c r="AG925">
        <v>134</v>
      </c>
      <c r="AH925">
        <v>135</v>
      </c>
      <c r="AI925">
        <v>136</v>
      </c>
      <c r="AJ925">
        <v>137</v>
      </c>
      <c r="AK925">
        <v>138</v>
      </c>
      <c r="AL925">
        <v>138</v>
      </c>
      <c r="AM925">
        <v>137</v>
      </c>
      <c r="AN925">
        <v>137</v>
      </c>
      <c r="AO925">
        <v>137</v>
      </c>
      <c r="AP925">
        <v>136</v>
      </c>
      <c r="AQ925">
        <v>136</v>
      </c>
    </row>
    <row r="926" spans="1:43">
      <c r="A926" t="s">
        <v>663</v>
      </c>
      <c r="B926" t="s">
        <v>664</v>
      </c>
      <c r="C926" t="s">
        <v>647</v>
      </c>
      <c r="D926" t="s">
        <v>648</v>
      </c>
      <c r="E926" t="s">
        <v>353</v>
      </c>
      <c r="F926" t="s">
        <v>354</v>
      </c>
      <c r="G926" t="s">
        <v>80</v>
      </c>
      <c r="H926" t="s">
        <v>81</v>
      </c>
      <c r="I926" s="2">
        <v>1</v>
      </c>
      <c r="J926" s="2">
        <v>0</v>
      </c>
      <c r="K926" s="2">
        <v>0</v>
      </c>
      <c r="L926" t="s">
        <v>120</v>
      </c>
      <c r="M926" t="s">
        <v>83</v>
      </c>
      <c r="N926" t="s">
        <v>84</v>
      </c>
      <c r="O926" t="s">
        <v>85</v>
      </c>
      <c r="P926" t="s">
        <v>86</v>
      </c>
      <c r="Q926">
        <v>21</v>
      </c>
      <c r="R926">
        <v>21</v>
      </c>
      <c r="S926">
        <v>21</v>
      </c>
      <c r="T926">
        <v>21</v>
      </c>
      <c r="U926">
        <v>21</v>
      </c>
      <c r="V926">
        <v>22</v>
      </c>
      <c r="W926">
        <v>22</v>
      </c>
      <c r="X926">
        <v>22</v>
      </c>
      <c r="Y926">
        <v>22</v>
      </c>
      <c r="Z926">
        <v>22</v>
      </c>
      <c r="AA926">
        <v>23</v>
      </c>
      <c r="AB926">
        <v>23</v>
      </c>
      <c r="AC926">
        <v>23</v>
      </c>
      <c r="AD926">
        <v>23</v>
      </c>
      <c r="AE926">
        <v>23</v>
      </c>
      <c r="AF926">
        <v>24</v>
      </c>
      <c r="AG926">
        <v>24</v>
      </c>
      <c r="AH926">
        <v>24</v>
      </c>
      <c r="AI926">
        <v>24</v>
      </c>
      <c r="AJ926">
        <v>24</v>
      </c>
      <c r="AK926">
        <v>24</v>
      </c>
      <c r="AL926">
        <v>24</v>
      </c>
      <c r="AM926">
        <v>24</v>
      </c>
      <c r="AN926">
        <v>24</v>
      </c>
      <c r="AO926">
        <v>24</v>
      </c>
      <c r="AP926">
        <v>24</v>
      </c>
      <c r="AQ926">
        <v>24</v>
      </c>
    </row>
    <row r="927" spans="1:43">
      <c r="A927" t="s">
        <v>663</v>
      </c>
      <c r="B927" t="s">
        <v>664</v>
      </c>
      <c r="C927" t="s">
        <v>647</v>
      </c>
      <c r="D927" t="s">
        <v>648</v>
      </c>
      <c r="E927" t="s">
        <v>353</v>
      </c>
      <c r="F927" t="s">
        <v>354</v>
      </c>
      <c r="G927" t="s">
        <v>80</v>
      </c>
      <c r="H927" t="s">
        <v>81</v>
      </c>
      <c r="I927" s="2">
        <v>1</v>
      </c>
      <c r="J927" s="2">
        <v>0</v>
      </c>
      <c r="K927" s="2">
        <v>0</v>
      </c>
      <c r="L927" t="s">
        <v>120</v>
      </c>
      <c r="M927" t="s">
        <v>87</v>
      </c>
      <c r="N927" t="s">
        <v>88</v>
      </c>
      <c r="O927" t="s">
        <v>85</v>
      </c>
      <c r="P927" t="s">
        <v>86</v>
      </c>
      <c r="Q927">
        <v>21</v>
      </c>
      <c r="R927">
        <v>21</v>
      </c>
      <c r="S927">
        <v>21</v>
      </c>
      <c r="T927">
        <v>21</v>
      </c>
      <c r="U927">
        <v>22</v>
      </c>
      <c r="V927">
        <v>22</v>
      </c>
      <c r="W927">
        <v>22</v>
      </c>
      <c r="X927">
        <v>22</v>
      </c>
      <c r="Y927">
        <v>22</v>
      </c>
      <c r="Z927">
        <v>22</v>
      </c>
      <c r="AA927">
        <v>22</v>
      </c>
      <c r="AB927">
        <v>22</v>
      </c>
      <c r="AC927">
        <v>22</v>
      </c>
      <c r="AD927">
        <v>22</v>
      </c>
      <c r="AE927">
        <v>22</v>
      </c>
      <c r="AF927">
        <v>22</v>
      </c>
      <c r="AG927">
        <v>22</v>
      </c>
      <c r="AH927">
        <v>22</v>
      </c>
      <c r="AI927">
        <v>22</v>
      </c>
      <c r="AJ927">
        <v>22</v>
      </c>
      <c r="AK927">
        <v>22</v>
      </c>
      <c r="AL927">
        <v>22</v>
      </c>
      <c r="AM927">
        <v>22</v>
      </c>
      <c r="AN927">
        <v>22</v>
      </c>
      <c r="AO927">
        <v>22</v>
      </c>
      <c r="AP927">
        <v>22</v>
      </c>
      <c r="AQ927">
        <v>22</v>
      </c>
    </row>
    <row r="928" spans="1:43">
      <c r="A928" t="s">
        <v>663</v>
      </c>
      <c r="B928" t="s">
        <v>664</v>
      </c>
      <c r="C928" t="s">
        <v>647</v>
      </c>
      <c r="D928" t="s">
        <v>648</v>
      </c>
      <c r="E928" t="s">
        <v>353</v>
      </c>
      <c r="F928" t="s">
        <v>354</v>
      </c>
      <c r="G928" t="s">
        <v>80</v>
      </c>
      <c r="H928" t="s">
        <v>81</v>
      </c>
      <c r="I928" s="2">
        <v>1</v>
      </c>
      <c r="J928" s="2">
        <v>0</v>
      </c>
      <c r="K928" s="2">
        <v>0</v>
      </c>
      <c r="L928" t="s">
        <v>120</v>
      </c>
      <c r="M928" t="s">
        <v>89</v>
      </c>
      <c r="N928" t="s">
        <v>90</v>
      </c>
      <c r="O928" t="s">
        <v>85</v>
      </c>
      <c r="P928" t="s">
        <v>86</v>
      </c>
      <c r="Q928">
        <v>21</v>
      </c>
      <c r="R928">
        <v>21</v>
      </c>
      <c r="S928">
        <v>22</v>
      </c>
      <c r="T928">
        <v>22</v>
      </c>
      <c r="U928">
        <v>22</v>
      </c>
      <c r="V928">
        <v>23</v>
      </c>
      <c r="W928">
        <v>23</v>
      </c>
      <c r="X928">
        <v>23</v>
      </c>
      <c r="Y928">
        <v>24</v>
      </c>
      <c r="Z928">
        <v>24</v>
      </c>
      <c r="AA928">
        <v>24</v>
      </c>
      <c r="AB928">
        <v>24</v>
      </c>
      <c r="AC928">
        <v>25</v>
      </c>
      <c r="AD928">
        <v>25</v>
      </c>
      <c r="AE928">
        <v>25</v>
      </c>
      <c r="AF928">
        <v>25</v>
      </c>
      <c r="AG928">
        <v>25</v>
      </c>
      <c r="AH928">
        <v>25</v>
      </c>
      <c r="AI928">
        <v>25</v>
      </c>
      <c r="AJ928">
        <v>25</v>
      </c>
      <c r="AK928">
        <v>25</v>
      </c>
      <c r="AL928">
        <v>25</v>
      </c>
      <c r="AM928">
        <v>24</v>
      </c>
      <c r="AN928">
        <v>24</v>
      </c>
      <c r="AO928">
        <v>24</v>
      </c>
      <c r="AP928">
        <v>24</v>
      </c>
      <c r="AQ928">
        <v>24</v>
      </c>
    </row>
    <row r="929" spans="1:43">
      <c r="A929" t="s">
        <v>663</v>
      </c>
      <c r="B929" t="s">
        <v>664</v>
      </c>
      <c r="C929" t="s">
        <v>647</v>
      </c>
      <c r="D929" t="s">
        <v>648</v>
      </c>
      <c r="E929" t="s">
        <v>353</v>
      </c>
      <c r="F929" t="s">
        <v>354</v>
      </c>
      <c r="G929" t="s">
        <v>80</v>
      </c>
      <c r="H929" t="s">
        <v>81</v>
      </c>
      <c r="I929" s="2">
        <v>1</v>
      </c>
      <c r="J929" s="2">
        <v>0</v>
      </c>
      <c r="K929" s="2">
        <v>0</v>
      </c>
      <c r="L929" t="s">
        <v>120</v>
      </c>
      <c r="M929" t="s">
        <v>83</v>
      </c>
      <c r="N929" t="s">
        <v>91</v>
      </c>
      <c r="O929" t="s">
        <v>85</v>
      </c>
      <c r="P929" t="s">
        <v>86</v>
      </c>
      <c r="Q929">
        <v>21</v>
      </c>
      <c r="R929">
        <v>21</v>
      </c>
      <c r="S929">
        <v>21</v>
      </c>
      <c r="T929">
        <v>21</v>
      </c>
      <c r="U929">
        <v>21</v>
      </c>
      <c r="V929">
        <v>22</v>
      </c>
      <c r="W929">
        <v>22</v>
      </c>
      <c r="X929">
        <v>22</v>
      </c>
      <c r="Y929">
        <v>22</v>
      </c>
      <c r="Z929">
        <v>22</v>
      </c>
      <c r="AA929">
        <v>23</v>
      </c>
      <c r="AB929">
        <v>23</v>
      </c>
      <c r="AC929">
        <v>23</v>
      </c>
      <c r="AD929">
        <v>23</v>
      </c>
      <c r="AE929">
        <v>23</v>
      </c>
      <c r="AF929">
        <v>24</v>
      </c>
      <c r="AG929">
        <v>24</v>
      </c>
      <c r="AH929">
        <v>24</v>
      </c>
      <c r="AI929">
        <v>24</v>
      </c>
      <c r="AJ929">
        <v>24</v>
      </c>
      <c r="AK929">
        <v>24</v>
      </c>
      <c r="AL929">
        <v>24</v>
      </c>
      <c r="AM929">
        <v>24</v>
      </c>
      <c r="AN929">
        <v>24</v>
      </c>
      <c r="AO929">
        <v>24</v>
      </c>
      <c r="AP929">
        <v>24</v>
      </c>
      <c r="AQ929">
        <v>24</v>
      </c>
    </row>
    <row r="930" spans="1:43">
      <c r="A930" t="s">
        <v>665</v>
      </c>
      <c r="B930" t="s">
        <v>666</v>
      </c>
      <c r="C930" t="s">
        <v>647</v>
      </c>
      <c r="D930" t="s">
        <v>648</v>
      </c>
      <c r="E930" t="s">
        <v>353</v>
      </c>
      <c r="F930" t="s">
        <v>354</v>
      </c>
      <c r="G930" t="s">
        <v>80</v>
      </c>
      <c r="H930" t="s">
        <v>81</v>
      </c>
      <c r="I930" s="2">
        <v>1</v>
      </c>
      <c r="J930" s="2">
        <v>0</v>
      </c>
      <c r="K930" s="2">
        <v>0</v>
      </c>
      <c r="L930" t="s">
        <v>120</v>
      </c>
      <c r="M930" t="s">
        <v>83</v>
      </c>
      <c r="N930" t="s">
        <v>84</v>
      </c>
      <c r="O930" t="s">
        <v>85</v>
      </c>
      <c r="P930" t="s">
        <v>86</v>
      </c>
      <c r="Q930">
        <v>127</v>
      </c>
      <c r="R930">
        <v>128</v>
      </c>
      <c r="S930">
        <v>129</v>
      </c>
      <c r="T930">
        <v>131</v>
      </c>
      <c r="U930">
        <v>132</v>
      </c>
      <c r="V930">
        <v>134</v>
      </c>
      <c r="W930">
        <v>135</v>
      </c>
      <c r="X930">
        <v>136</v>
      </c>
      <c r="Y930">
        <v>137</v>
      </c>
      <c r="Z930">
        <v>139</v>
      </c>
      <c r="AA930">
        <v>140</v>
      </c>
      <c r="AB930">
        <v>141</v>
      </c>
      <c r="AC930">
        <v>142</v>
      </c>
      <c r="AD930">
        <v>143</v>
      </c>
      <c r="AE930">
        <v>144</v>
      </c>
      <c r="AF930">
        <v>146</v>
      </c>
      <c r="AG930">
        <v>147</v>
      </c>
      <c r="AH930">
        <v>148</v>
      </c>
      <c r="AI930">
        <v>149</v>
      </c>
      <c r="AJ930">
        <v>150</v>
      </c>
      <c r="AK930">
        <v>151</v>
      </c>
      <c r="AL930">
        <v>151</v>
      </c>
      <c r="AM930">
        <v>151</v>
      </c>
      <c r="AN930">
        <v>150</v>
      </c>
      <c r="AO930">
        <v>150</v>
      </c>
      <c r="AP930">
        <v>149</v>
      </c>
      <c r="AQ930">
        <v>149</v>
      </c>
    </row>
    <row r="931" spans="1:43">
      <c r="A931" t="s">
        <v>665</v>
      </c>
      <c r="B931" t="s">
        <v>666</v>
      </c>
      <c r="C931" t="s">
        <v>647</v>
      </c>
      <c r="D931" t="s">
        <v>648</v>
      </c>
      <c r="E931" t="s">
        <v>353</v>
      </c>
      <c r="F931" t="s">
        <v>354</v>
      </c>
      <c r="G931" t="s">
        <v>80</v>
      </c>
      <c r="H931" t="s">
        <v>81</v>
      </c>
      <c r="I931" s="2">
        <v>1</v>
      </c>
      <c r="J931" s="2">
        <v>0</v>
      </c>
      <c r="K931" s="2">
        <v>0</v>
      </c>
      <c r="L931" t="s">
        <v>120</v>
      </c>
      <c r="M931" t="s">
        <v>87</v>
      </c>
      <c r="N931" t="s">
        <v>88</v>
      </c>
      <c r="O931" t="s">
        <v>85</v>
      </c>
      <c r="P931" t="s">
        <v>86</v>
      </c>
      <c r="Q931">
        <v>127</v>
      </c>
      <c r="R931">
        <v>128</v>
      </c>
      <c r="S931">
        <v>128</v>
      </c>
      <c r="T931">
        <v>128</v>
      </c>
      <c r="U931">
        <v>128</v>
      </c>
      <c r="V931">
        <v>129</v>
      </c>
      <c r="W931">
        <v>129</v>
      </c>
      <c r="X931">
        <v>129</v>
      </c>
      <c r="Y931">
        <v>129</v>
      </c>
      <c r="Z931">
        <v>129</v>
      </c>
      <c r="AA931">
        <v>129</v>
      </c>
      <c r="AB931">
        <v>130</v>
      </c>
      <c r="AC931">
        <v>130</v>
      </c>
      <c r="AD931">
        <v>130</v>
      </c>
      <c r="AE931">
        <v>130</v>
      </c>
      <c r="AF931">
        <v>130</v>
      </c>
      <c r="AG931">
        <v>130</v>
      </c>
      <c r="AH931">
        <v>130</v>
      </c>
      <c r="AI931">
        <v>130</v>
      </c>
      <c r="AJ931">
        <v>131</v>
      </c>
      <c r="AK931">
        <v>131</v>
      </c>
      <c r="AL931">
        <v>131</v>
      </c>
      <c r="AM931">
        <v>131</v>
      </c>
      <c r="AN931">
        <v>131</v>
      </c>
      <c r="AO931">
        <v>131</v>
      </c>
      <c r="AP931">
        <v>131</v>
      </c>
      <c r="AQ931">
        <v>131</v>
      </c>
    </row>
    <row r="932" spans="1:43">
      <c r="A932" t="s">
        <v>665</v>
      </c>
      <c r="B932" t="s">
        <v>666</v>
      </c>
      <c r="C932" t="s">
        <v>647</v>
      </c>
      <c r="D932" t="s">
        <v>648</v>
      </c>
      <c r="E932" t="s">
        <v>353</v>
      </c>
      <c r="F932" t="s">
        <v>354</v>
      </c>
      <c r="G932" t="s">
        <v>80</v>
      </c>
      <c r="H932" t="s">
        <v>81</v>
      </c>
      <c r="I932" s="2">
        <v>1</v>
      </c>
      <c r="J932" s="2">
        <v>0</v>
      </c>
      <c r="K932" s="2">
        <v>0</v>
      </c>
      <c r="L932" t="s">
        <v>120</v>
      </c>
      <c r="M932" t="s">
        <v>89</v>
      </c>
      <c r="N932" t="s">
        <v>90</v>
      </c>
      <c r="O932" t="s">
        <v>85</v>
      </c>
      <c r="P932" t="s">
        <v>86</v>
      </c>
      <c r="Q932">
        <v>127</v>
      </c>
      <c r="R932">
        <v>129</v>
      </c>
      <c r="S932">
        <v>132</v>
      </c>
      <c r="T932">
        <v>134</v>
      </c>
      <c r="U932">
        <v>136</v>
      </c>
      <c r="V932">
        <v>139</v>
      </c>
      <c r="W932">
        <v>141</v>
      </c>
      <c r="X932">
        <v>143</v>
      </c>
      <c r="Y932">
        <v>144</v>
      </c>
      <c r="Z932">
        <v>146</v>
      </c>
      <c r="AA932">
        <v>148</v>
      </c>
      <c r="AB932">
        <v>150</v>
      </c>
      <c r="AC932">
        <v>152</v>
      </c>
      <c r="AD932">
        <v>153</v>
      </c>
      <c r="AE932">
        <v>154</v>
      </c>
      <c r="AF932">
        <v>154</v>
      </c>
      <c r="AG932">
        <v>153</v>
      </c>
      <c r="AH932">
        <v>153</v>
      </c>
      <c r="AI932">
        <v>153</v>
      </c>
      <c r="AJ932">
        <v>152</v>
      </c>
      <c r="AK932">
        <v>152</v>
      </c>
      <c r="AL932">
        <v>151</v>
      </c>
      <c r="AM932">
        <v>151</v>
      </c>
      <c r="AN932">
        <v>150</v>
      </c>
      <c r="AO932">
        <v>150</v>
      </c>
      <c r="AP932">
        <v>150</v>
      </c>
      <c r="AQ932">
        <v>149</v>
      </c>
    </row>
    <row r="933" spans="1:43">
      <c r="A933" t="s">
        <v>665</v>
      </c>
      <c r="B933" t="s">
        <v>666</v>
      </c>
      <c r="C933" t="s">
        <v>647</v>
      </c>
      <c r="D933" t="s">
        <v>648</v>
      </c>
      <c r="E933" t="s">
        <v>353</v>
      </c>
      <c r="F933" t="s">
        <v>354</v>
      </c>
      <c r="G933" t="s">
        <v>80</v>
      </c>
      <c r="H933" t="s">
        <v>81</v>
      </c>
      <c r="I933" s="2">
        <v>1</v>
      </c>
      <c r="J933" s="2">
        <v>0</v>
      </c>
      <c r="K933" s="2">
        <v>0</v>
      </c>
      <c r="L933" t="s">
        <v>120</v>
      </c>
      <c r="M933" t="s">
        <v>83</v>
      </c>
      <c r="N933" t="s">
        <v>91</v>
      </c>
      <c r="O933" t="s">
        <v>85</v>
      </c>
      <c r="P933" t="s">
        <v>86</v>
      </c>
      <c r="Q933">
        <v>127</v>
      </c>
      <c r="R933">
        <v>128</v>
      </c>
      <c r="S933">
        <v>129</v>
      </c>
      <c r="T933">
        <v>131</v>
      </c>
      <c r="U933">
        <v>132</v>
      </c>
      <c r="V933">
        <v>134</v>
      </c>
      <c r="W933">
        <v>135</v>
      </c>
      <c r="X933">
        <v>136</v>
      </c>
      <c r="Y933">
        <v>137</v>
      </c>
      <c r="Z933">
        <v>139</v>
      </c>
      <c r="AA933">
        <v>140</v>
      </c>
      <c r="AB933">
        <v>141</v>
      </c>
      <c r="AC933">
        <v>142</v>
      </c>
      <c r="AD933">
        <v>143</v>
      </c>
      <c r="AE933">
        <v>144</v>
      </c>
      <c r="AF933">
        <v>146</v>
      </c>
      <c r="AG933">
        <v>147</v>
      </c>
      <c r="AH933">
        <v>148</v>
      </c>
      <c r="AI933">
        <v>149</v>
      </c>
      <c r="AJ933">
        <v>150</v>
      </c>
      <c r="AK933">
        <v>151</v>
      </c>
      <c r="AL933">
        <v>151</v>
      </c>
      <c r="AM933">
        <v>151</v>
      </c>
      <c r="AN933">
        <v>150</v>
      </c>
      <c r="AO933">
        <v>150</v>
      </c>
      <c r="AP933">
        <v>149</v>
      </c>
      <c r="AQ933">
        <v>149</v>
      </c>
    </row>
    <row r="934" spans="1:43">
      <c r="A934" t="s">
        <v>667</v>
      </c>
      <c r="B934" t="s">
        <v>668</v>
      </c>
      <c r="C934" t="s">
        <v>479</v>
      </c>
      <c r="D934" t="s">
        <v>480</v>
      </c>
      <c r="E934" t="s">
        <v>353</v>
      </c>
      <c r="F934" t="s">
        <v>354</v>
      </c>
      <c r="G934" t="s">
        <v>80</v>
      </c>
      <c r="H934" t="s">
        <v>81</v>
      </c>
      <c r="I934" s="2">
        <v>1</v>
      </c>
      <c r="J934" s="2">
        <v>0</v>
      </c>
      <c r="K934" s="2">
        <v>0</v>
      </c>
      <c r="L934" t="s">
        <v>120</v>
      </c>
      <c r="M934" t="s">
        <v>83</v>
      </c>
      <c r="N934" t="s">
        <v>84</v>
      </c>
      <c r="O934" t="s">
        <v>85</v>
      </c>
      <c r="P934" t="s">
        <v>86</v>
      </c>
      <c r="Q934">
        <v>10</v>
      </c>
      <c r="R934">
        <v>10</v>
      </c>
      <c r="S934">
        <v>10</v>
      </c>
      <c r="T934">
        <v>10</v>
      </c>
      <c r="U934">
        <v>10</v>
      </c>
      <c r="V934">
        <v>10</v>
      </c>
      <c r="W934">
        <v>10</v>
      </c>
      <c r="X934">
        <v>10</v>
      </c>
      <c r="Y934">
        <v>11</v>
      </c>
      <c r="Z934">
        <v>11</v>
      </c>
      <c r="AA934">
        <v>11</v>
      </c>
      <c r="AB934">
        <v>11</v>
      </c>
      <c r="AC934">
        <v>11</v>
      </c>
      <c r="AD934">
        <v>11</v>
      </c>
      <c r="AE934">
        <v>11</v>
      </c>
      <c r="AF934">
        <v>11</v>
      </c>
      <c r="AG934">
        <v>11</v>
      </c>
      <c r="AH934">
        <v>11</v>
      </c>
      <c r="AI934">
        <v>11</v>
      </c>
      <c r="AJ934">
        <v>12</v>
      </c>
      <c r="AK934">
        <v>12</v>
      </c>
      <c r="AL934">
        <v>12</v>
      </c>
      <c r="AM934">
        <v>12</v>
      </c>
      <c r="AN934">
        <v>12</v>
      </c>
      <c r="AO934">
        <v>12</v>
      </c>
      <c r="AP934">
        <v>12</v>
      </c>
      <c r="AQ934">
        <v>12</v>
      </c>
    </row>
    <row r="935" spans="1:43">
      <c r="A935" t="s">
        <v>667</v>
      </c>
      <c r="B935" t="s">
        <v>668</v>
      </c>
      <c r="C935" t="s">
        <v>479</v>
      </c>
      <c r="D935" t="s">
        <v>480</v>
      </c>
      <c r="E935" t="s">
        <v>353</v>
      </c>
      <c r="F935" t="s">
        <v>354</v>
      </c>
      <c r="G935" t="s">
        <v>80</v>
      </c>
      <c r="H935" t="s">
        <v>81</v>
      </c>
      <c r="I935" s="2">
        <v>1</v>
      </c>
      <c r="J935" s="2">
        <v>0</v>
      </c>
      <c r="K935" s="2">
        <v>0</v>
      </c>
      <c r="L935" t="s">
        <v>120</v>
      </c>
      <c r="M935" t="s">
        <v>87</v>
      </c>
      <c r="N935" t="s">
        <v>88</v>
      </c>
      <c r="O935" t="s">
        <v>85</v>
      </c>
      <c r="P935" t="s">
        <v>86</v>
      </c>
      <c r="Q935">
        <v>10</v>
      </c>
      <c r="R935">
        <v>10</v>
      </c>
      <c r="S935">
        <v>10</v>
      </c>
      <c r="T935">
        <v>10</v>
      </c>
      <c r="U935">
        <v>10</v>
      </c>
      <c r="V935">
        <v>10</v>
      </c>
      <c r="W935">
        <v>10</v>
      </c>
      <c r="X935">
        <v>10</v>
      </c>
      <c r="Y935">
        <v>10</v>
      </c>
      <c r="Z935">
        <v>10</v>
      </c>
      <c r="AA935">
        <v>10</v>
      </c>
      <c r="AB935">
        <v>10</v>
      </c>
      <c r="AC935">
        <v>10</v>
      </c>
      <c r="AD935">
        <v>10</v>
      </c>
      <c r="AE935">
        <v>10</v>
      </c>
      <c r="AF935">
        <v>10</v>
      </c>
      <c r="AG935">
        <v>10</v>
      </c>
      <c r="AH935">
        <v>10</v>
      </c>
      <c r="AI935">
        <v>10</v>
      </c>
      <c r="AJ935">
        <v>10</v>
      </c>
      <c r="AK935">
        <v>10</v>
      </c>
      <c r="AL935">
        <v>10</v>
      </c>
      <c r="AM935">
        <v>10</v>
      </c>
      <c r="AN935">
        <v>10</v>
      </c>
      <c r="AO935">
        <v>10</v>
      </c>
      <c r="AP935">
        <v>10</v>
      </c>
      <c r="AQ935">
        <v>10</v>
      </c>
    </row>
    <row r="936" spans="1:43">
      <c r="A936" t="s">
        <v>667</v>
      </c>
      <c r="B936" t="s">
        <v>668</v>
      </c>
      <c r="C936" t="s">
        <v>479</v>
      </c>
      <c r="D936" t="s">
        <v>480</v>
      </c>
      <c r="E936" t="s">
        <v>353</v>
      </c>
      <c r="F936" t="s">
        <v>354</v>
      </c>
      <c r="G936" t="s">
        <v>80</v>
      </c>
      <c r="H936" t="s">
        <v>81</v>
      </c>
      <c r="I936" s="2">
        <v>1</v>
      </c>
      <c r="J936" s="2">
        <v>0</v>
      </c>
      <c r="K936" s="2">
        <v>0</v>
      </c>
      <c r="L936" t="s">
        <v>120</v>
      </c>
      <c r="M936" t="s">
        <v>89</v>
      </c>
      <c r="N936" t="s">
        <v>90</v>
      </c>
      <c r="O936" t="s">
        <v>85</v>
      </c>
      <c r="P936" t="s">
        <v>86</v>
      </c>
      <c r="Q936">
        <v>10</v>
      </c>
      <c r="R936">
        <v>10</v>
      </c>
      <c r="S936">
        <v>10</v>
      </c>
      <c r="T936">
        <v>10</v>
      </c>
      <c r="U936">
        <v>11</v>
      </c>
      <c r="V936">
        <v>11</v>
      </c>
      <c r="W936">
        <v>11</v>
      </c>
      <c r="X936">
        <v>11</v>
      </c>
      <c r="Y936">
        <v>11</v>
      </c>
      <c r="Z936">
        <v>11</v>
      </c>
      <c r="AA936">
        <v>11</v>
      </c>
      <c r="AB936">
        <v>12</v>
      </c>
      <c r="AC936">
        <v>12</v>
      </c>
      <c r="AD936">
        <v>12</v>
      </c>
      <c r="AE936">
        <v>12</v>
      </c>
      <c r="AF936">
        <v>12</v>
      </c>
      <c r="AG936">
        <v>12</v>
      </c>
      <c r="AH936">
        <v>12</v>
      </c>
      <c r="AI936">
        <v>12</v>
      </c>
      <c r="AJ936">
        <v>12</v>
      </c>
      <c r="AK936">
        <v>12</v>
      </c>
      <c r="AL936">
        <v>12</v>
      </c>
      <c r="AM936">
        <v>12</v>
      </c>
      <c r="AN936">
        <v>12</v>
      </c>
      <c r="AO936">
        <v>12</v>
      </c>
      <c r="AP936">
        <v>12</v>
      </c>
      <c r="AQ936">
        <v>12</v>
      </c>
    </row>
    <row r="937" spans="1:43">
      <c r="A937" t="s">
        <v>667</v>
      </c>
      <c r="B937" t="s">
        <v>668</v>
      </c>
      <c r="C937" t="s">
        <v>479</v>
      </c>
      <c r="D937" t="s">
        <v>480</v>
      </c>
      <c r="E937" t="s">
        <v>353</v>
      </c>
      <c r="F937" t="s">
        <v>354</v>
      </c>
      <c r="G937" t="s">
        <v>80</v>
      </c>
      <c r="H937" t="s">
        <v>81</v>
      </c>
      <c r="I937" s="2">
        <v>1</v>
      </c>
      <c r="J937" s="2">
        <v>0</v>
      </c>
      <c r="K937" s="2">
        <v>0</v>
      </c>
      <c r="L937" t="s">
        <v>120</v>
      </c>
      <c r="M937" t="s">
        <v>83</v>
      </c>
      <c r="N937" t="s">
        <v>91</v>
      </c>
      <c r="O937" t="s">
        <v>85</v>
      </c>
      <c r="P937" t="s">
        <v>86</v>
      </c>
      <c r="Q937">
        <v>10</v>
      </c>
      <c r="R937">
        <v>10</v>
      </c>
      <c r="S937">
        <v>10</v>
      </c>
      <c r="T937">
        <v>10</v>
      </c>
      <c r="U937">
        <v>10</v>
      </c>
      <c r="V937">
        <v>10</v>
      </c>
      <c r="W937">
        <v>10</v>
      </c>
      <c r="X937">
        <v>10</v>
      </c>
      <c r="Y937">
        <v>11</v>
      </c>
      <c r="Z937">
        <v>11</v>
      </c>
      <c r="AA937">
        <v>11</v>
      </c>
      <c r="AB937">
        <v>11</v>
      </c>
      <c r="AC937">
        <v>11</v>
      </c>
      <c r="AD937">
        <v>11</v>
      </c>
      <c r="AE937">
        <v>11</v>
      </c>
      <c r="AF937">
        <v>11</v>
      </c>
      <c r="AG937">
        <v>11</v>
      </c>
      <c r="AH937">
        <v>11</v>
      </c>
      <c r="AI937">
        <v>11</v>
      </c>
      <c r="AJ937">
        <v>12</v>
      </c>
      <c r="AK937">
        <v>12</v>
      </c>
      <c r="AL937">
        <v>12</v>
      </c>
      <c r="AM937">
        <v>12</v>
      </c>
      <c r="AN937">
        <v>12</v>
      </c>
      <c r="AO937">
        <v>12</v>
      </c>
      <c r="AP937">
        <v>12</v>
      </c>
      <c r="AQ937">
        <v>12</v>
      </c>
    </row>
    <row r="938" spans="1:43">
      <c r="A938" t="s">
        <v>669</v>
      </c>
      <c r="B938" t="s">
        <v>670</v>
      </c>
      <c r="C938" t="s">
        <v>479</v>
      </c>
      <c r="D938" t="s">
        <v>480</v>
      </c>
      <c r="E938" t="s">
        <v>353</v>
      </c>
      <c r="F938" t="s">
        <v>354</v>
      </c>
      <c r="G938" t="s">
        <v>80</v>
      </c>
      <c r="H938" t="s">
        <v>81</v>
      </c>
      <c r="I938" s="2">
        <v>1</v>
      </c>
      <c r="J938" s="2">
        <v>0</v>
      </c>
      <c r="K938" s="2">
        <v>0</v>
      </c>
      <c r="L938" t="s">
        <v>120</v>
      </c>
      <c r="M938" t="s">
        <v>83</v>
      </c>
      <c r="N938" t="s">
        <v>84</v>
      </c>
      <c r="O938" t="s">
        <v>85</v>
      </c>
      <c r="P938" t="s">
        <v>86</v>
      </c>
      <c r="Q938">
        <v>20</v>
      </c>
      <c r="R938">
        <v>20</v>
      </c>
      <c r="S938">
        <v>20</v>
      </c>
      <c r="T938">
        <v>20</v>
      </c>
      <c r="U938">
        <v>20</v>
      </c>
      <c r="V938">
        <v>21</v>
      </c>
      <c r="W938">
        <v>21</v>
      </c>
      <c r="X938">
        <v>21</v>
      </c>
      <c r="Y938">
        <v>21</v>
      </c>
      <c r="Z938">
        <v>22</v>
      </c>
      <c r="AA938">
        <v>22</v>
      </c>
      <c r="AB938">
        <v>22</v>
      </c>
      <c r="AC938">
        <v>22</v>
      </c>
      <c r="AD938">
        <v>22</v>
      </c>
      <c r="AE938">
        <v>22</v>
      </c>
      <c r="AF938">
        <v>23</v>
      </c>
      <c r="AG938">
        <v>23</v>
      </c>
      <c r="AH938">
        <v>23</v>
      </c>
      <c r="AI938">
        <v>23</v>
      </c>
      <c r="AJ938">
        <v>23</v>
      </c>
      <c r="AK938">
        <v>24</v>
      </c>
      <c r="AL938">
        <v>24</v>
      </c>
      <c r="AM938">
        <v>24</v>
      </c>
      <c r="AN938">
        <v>23</v>
      </c>
      <c r="AO938">
        <v>23</v>
      </c>
      <c r="AP938">
        <v>23</v>
      </c>
      <c r="AQ938">
        <v>23</v>
      </c>
    </row>
    <row r="939" spans="1:43">
      <c r="A939" t="s">
        <v>669</v>
      </c>
      <c r="B939" t="s">
        <v>670</v>
      </c>
      <c r="C939" t="s">
        <v>479</v>
      </c>
      <c r="D939" t="s">
        <v>480</v>
      </c>
      <c r="E939" t="s">
        <v>353</v>
      </c>
      <c r="F939" t="s">
        <v>354</v>
      </c>
      <c r="G939" t="s">
        <v>80</v>
      </c>
      <c r="H939" t="s">
        <v>81</v>
      </c>
      <c r="I939" s="2">
        <v>1</v>
      </c>
      <c r="J939" s="2">
        <v>0</v>
      </c>
      <c r="K939" s="2">
        <v>0</v>
      </c>
      <c r="L939" t="s">
        <v>120</v>
      </c>
      <c r="M939" t="s">
        <v>87</v>
      </c>
      <c r="N939" t="s">
        <v>88</v>
      </c>
      <c r="O939" t="s">
        <v>85</v>
      </c>
      <c r="P939" t="s">
        <v>86</v>
      </c>
      <c r="Q939">
        <v>20</v>
      </c>
      <c r="R939">
        <v>20</v>
      </c>
      <c r="S939">
        <v>20</v>
      </c>
      <c r="T939">
        <v>21</v>
      </c>
      <c r="U939">
        <v>21</v>
      </c>
      <c r="V939">
        <v>21</v>
      </c>
      <c r="W939">
        <v>21</v>
      </c>
      <c r="X939">
        <v>21</v>
      </c>
      <c r="Y939">
        <v>21</v>
      </c>
      <c r="Z939">
        <v>21</v>
      </c>
      <c r="AA939">
        <v>21</v>
      </c>
      <c r="AB939">
        <v>21</v>
      </c>
      <c r="AC939">
        <v>21</v>
      </c>
      <c r="AD939">
        <v>21</v>
      </c>
      <c r="AE939">
        <v>21</v>
      </c>
      <c r="AF939">
        <v>21</v>
      </c>
      <c r="AG939">
        <v>21</v>
      </c>
      <c r="AH939">
        <v>21</v>
      </c>
      <c r="AI939">
        <v>21</v>
      </c>
      <c r="AJ939">
        <v>21</v>
      </c>
      <c r="AK939">
        <v>21</v>
      </c>
      <c r="AL939">
        <v>21</v>
      </c>
      <c r="AM939">
        <v>21</v>
      </c>
      <c r="AN939">
        <v>21</v>
      </c>
      <c r="AO939">
        <v>21</v>
      </c>
      <c r="AP939">
        <v>21</v>
      </c>
      <c r="AQ939">
        <v>21</v>
      </c>
    </row>
    <row r="940" spans="1:43">
      <c r="A940" t="s">
        <v>669</v>
      </c>
      <c r="B940" t="s">
        <v>670</v>
      </c>
      <c r="C940" t="s">
        <v>479</v>
      </c>
      <c r="D940" t="s">
        <v>480</v>
      </c>
      <c r="E940" t="s">
        <v>353</v>
      </c>
      <c r="F940" t="s">
        <v>354</v>
      </c>
      <c r="G940" t="s">
        <v>80</v>
      </c>
      <c r="H940" t="s">
        <v>81</v>
      </c>
      <c r="I940" s="2">
        <v>1</v>
      </c>
      <c r="J940" s="2">
        <v>0</v>
      </c>
      <c r="K940" s="2">
        <v>0</v>
      </c>
      <c r="L940" t="s">
        <v>120</v>
      </c>
      <c r="M940" t="s">
        <v>89</v>
      </c>
      <c r="N940" t="s">
        <v>90</v>
      </c>
      <c r="O940" t="s">
        <v>85</v>
      </c>
      <c r="P940" t="s">
        <v>86</v>
      </c>
      <c r="Q940">
        <v>20</v>
      </c>
      <c r="R940">
        <v>20</v>
      </c>
      <c r="S940">
        <v>21</v>
      </c>
      <c r="T940">
        <v>21</v>
      </c>
      <c r="U940">
        <v>21</v>
      </c>
      <c r="V940">
        <v>22</v>
      </c>
      <c r="W940">
        <v>22</v>
      </c>
      <c r="X940">
        <v>22</v>
      </c>
      <c r="Y940">
        <v>23</v>
      </c>
      <c r="Z940">
        <v>23</v>
      </c>
      <c r="AA940">
        <v>23</v>
      </c>
      <c r="AB940">
        <v>23</v>
      </c>
      <c r="AC940">
        <v>24</v>
      </c>
      <c r="AD940">
        <v>24</v>
      </c>
      <c r="AE940">
        <v>24</v>
      </c>
      <c r="AF940">
        <v>24</v>
      </c>
      <c r="AG940">
        <v>24</v>
      </c>
      <c r="AH940">
        <v>24</v>
      </c>
      <c r="AI940">
        <v>24</v>
      </c>
      <c r="AJ940">
        <v>24</v>
      </c>
      <c r="AK940">
        <v>24</v>
      </c>
      <c r="AL940">
        <v>24</v>
      </c>
      <c r="AM940">
        <v>24</v>
      </c>
      <c r="AN940">
        <v>24</v>
      </c>
      <c r="AO940">
        <v>24</v>
      </c>
      <c r="AP940">
        <v>24</v>
      </c>
      <c r="AQ940">
        <v>24</v>
      </c>
    </row>
    <row r="941" spans="1:43">
      <c r="A941" t="s">
        <v>669</v>
      </c>
      <c r="B941" t="s">
        <v>670</v>
      </c>
      <c r="C941" t="s">
        <v>479</v>
      </c>
      <c r="D941" t="s">
        <v>480</v>
      </c>
      <c r="E941" t="s">
        <v>353</v>
      </c>
      <c r="F941" t="s">
        <v>354</v>
      </c>
      <c r="G941" t="s">
        <v>80</v>
      </c>
      <c r="H941" t="s">
        <v>81</v>
      </c>
      <c r="I941" s="2">
        <v>1</v>
      </c>
      <c r="J941" s="2">
        <v>0</v>
      </c>
      <c r="K941" s="2">
        <v>0</v>
      </c>
      <c r="L941" t="s">
        <v>120</v>
      </c>
      <c r="M941" t="s">
        <v>83</v>
      </c>
      <c r="N941" t="s">
        <v>91</v>
      </c>
      <c r="O941" t="s">
        <v>85</v>
      </c>
      <c r="P941" t="s">
        <v>86</v>
      </c>
      <c r="Q941">
        <v>20</v>
      </c>
      <c r="R941">
        <v>20</v>
      </c>
      <c r="S941">
        <v>20</v>
      </c>
      <c r="T941">
        <v>20</v>
      </c>
      <c r="U941">
        <v>20</v>
      </c>
      <c r="V941">
        <v>21</v>
      </c>
      <c r="W941">
        <v>21</v>
      </c>
      <c r="X941">
        <v>21</v>
      </c>
      <c r="Y941">
        <v>21</v>
      </c>
      <c r="Z941">
        <v>22</v>
      </c>
      <c r="AA941">
        <v>22</v>
      </c>
      <c r="AB941">
        <v>22</v>
      </c>
      <c r="AC941">
        <v>22</v>
      </c>
      <c r="AD941">
        <v>22</v>
      </c>
      <c r="AE941">
        <v>22</v>
      </c>
      <c r="AF941">
        <v>23</v>
      </c>
      <c r="AG941">
        <v>23</v>
      </c>
      <c r="AH941">
        <v>23</v>
      </c>
      <c r="AI941">
        <v>23</v>
      </c>
      <c r="AJ941">
        <v>23</v>
      </c>
      <c r="AK941">
        <v>24</v>
      </c>
      <c r="AL941">
        <v>24</v>
      </c>
      <c r="AM941">
        <v>24</v>
      </c>
      <c r="AN941">
        <v>23</v>
      </c>
      <c r="AO941">
        <v>23</v>
      </c>
      <c r="AP941">
        <v>23</v>
      </c>
      <c r="AQ941">
        <v>23</v>
      </c>
    </row>
    <row r="942" spans="1:43">
      <c r="A942" t="s">
        <v>671</v>
      </c>
      <c r="B942" t="s">
        <v>672</v>
      </c>
      <c r="C942" t="s">
        <v>673</v>
      </c>
      <c r="D942" t="s">
        <v>674</v>
      </c>
      <c r="E942" t="s">
        <v>353</v>
      </c>
      <c r="F942" t="s">
        <v>354</v>
      </c>
      <c r="G942" t="s">
        <v>80</v>
      </c>
      <c r="H942" t="s">
        <v>81</v>
      </c>
      <c r="I942" s="2">
        <v>1</v>
      </c>
      <c r="J942" s="2">
        <v>0</v>
      </c>
      <c r="K942" s="2">
        <v>0</v>
      </c>
      <c r="L942" t="s">
        <v>120</v>
      </c>
      <c r="M942" t="s">
        <v>83</v>
      </c>
      <c r="N942" t="s">
        <v>84</v>
      </c>
      <c r="O942" t="s">
        <v>85</v>
      </c>
      <c r="P942" t="s">
        <v>86</v>
      </c>
      <c r="Q942">
        <v>64</v>
      </c>
      <c r="R942">
        <v>65</v>
      </c>
      <c r="S942">
        <v>66</v>
      </c>
      <c r="T942">
        <v>66</v>
      </c>
      <c r="U942">
        <v>67</v>
      </c>
      <c r="V942">
        <v>68</v>
      </c>
      <c r="W942">
        <v>68</v>
      </c>
      <c r="X942">
        <v>69</v>
      </c>
      <c r="Y942">
        <v>70</v>
      </c>
      <c r="Z942">
        <v>70</v>
      </c>
      <c r="AA942">
        <v>71</v>
      </c>
      <c r="AB942">
        <v>71</v>
      </c>
      <c r="AC942">
        <v>72</v>
      </c>
      <c r="AD942">
        <v>73</v>
      </c>
      <c r="AE942">
        <v>73</v>
      </c>
      <c r="AF942">
        <v>74</v>
      </c>
      <c r="AG942">
        <v>74</v>
      </c>
      <c r="AH942">
        <v>75</v>
      </c>
      <c r="AI942">
        <v>75</v>
      </c>
      <c r="AJ942">
        <v>76</v>
      </c>
      <c r="AK942">
        <v>76</v>
      </c>
      <c r="AL942">
        <v>76</v>
      </c>
      <c r="AM942">
        <v>76</v>
      </c>
      <c r="AN942">
        <v>76</v>
      </c>
      <c r="AO942">
        <v>76</v>
      </c>
      <c r="AP942">
        <v>75</v>
      </c>
      <c r="AQ942">
        <v>75</v>
      </c>
    </row>
    <row r="943" spans="1:43">
      <c r="A943" t="s">
        <v>671</v>
      </c>
      <c r="B943" t="s">
        <v>672</v>
      </c>
      <c r="C943" t="s">
        <v>673</v>
      </c>
      <c r="D943" t="s">
        <v>674</v>
      </c>
      <c r="E943" t="s">
        <v>353</v>
      </c>
      <c r="F943" t="s">
        <v>354</v>
      </c>
      <c r="G943" t="s">
        <v>80</v>
      </c>
      <c r="H943" t="s">
        <v>81</v>
      </c>
      <c r="I943" s="2">
        <v>1</v>
      </c>
      <c r="J943" s="2">
        <v>0</v>
      </c>
      <c r="K943" s="2">
        <v>0</v>
      </c>
      <c r="L943" t="s">
        <v>120</v>
      </c>
      <c r="M943" t="s">
        <v>87</v>
      </c>
      <c r="N943" t="s">
        <v>88</v>
      </c>
      <c r="O943" t="s">
        <v>85</v>
      </c>
      <c r="P943" t="s">
        <v>86</v>
      </c>
      <c r="Q943">
        <v>64</v>
      </c>
      <c r="R943">
        <v>64</v>
      </c>
      <c r="S943">
        <v>64</v>
      </c>
      <c r="T943">
        <v>64</v>
      </c>
      <c r="U943">
        <v>64</v>
      </c>
      <c r="V943">
        <v>64</v>
      </c>
      <c r="W943">
        <v>64</v>
      </c>
      <c r="X943">
        <v>64</v>
      </c>
      <c r="Y943">
        <v>64</v>
      </c>
      <c r="Z943">
        <v>65</v>
      </c>
      <c r="AA943">
        <v>65</v>
      </c>
      <c r="AB943">
        <v>65</v>
      </c>
      <c r="AC943">
        <v>65</v>
      </c>
      <c r="AD943">
        <v>65</v>
      </c>
      <c r="AE943">
        <v>65</v>
      </c>
      <c r="AF943">
        <v>65</v>
      </c>
      <c r="AG943">
        <v>65</v>
      </c>
      <c r="AH943">
        <v>65</v>
      </c>
      <c r="AI943">
        <v>65</v>
      </c>
      <c r="AJ943">
        <v>65</v>
      </c>
      <c r="AK943">
        <v>65</v>
      </c>
      <c r="AL943">
        <v>65</v>
      </c>
      <c r="AM943">
        <v>65</v>
      </c>
      <c r="AN943">
        <v>65</v>
      </c>
      <c r="AO943">
        <v>65</v>
      </c>
      <c r="AP943">
        <v>65</v>
      </c>
      <c r="AQ943">
        <v>65</v>
      </c>
    </row>
    <row r="944" spans="1:43">
      <c r="A944" t="s">
        <v>671</v>
      </c>
      <c r="B944" t="s">
        <v>672</v>
      </c>
      <c r="C944" t="s">
        <v>673</v>
      </c>
      <c r="D944" t="s">
        <v>674</v>
      </c>
      <c r="E944" t="s">
        <v>353</v>
      </c>
      <c r="F944" t="s">
        <v>354</v>
      </c>
      <c r="G944" t="s">
        <v>80</v>
      </c>
      <c r="H944" t="s">
        <v>81</v>
      </c>
      <c r="I944" s="2">
        <v>1</v>
      </c>
      <c r="J944" s="2">
        <v>0</v>
      </c>
      <c r="K944" s="2">
        <v>0</v>
      </c>
      <c r="L944" t="s">
        <v>120</v>
      </c>
      <c r="M944" t="s">
        <v>89</v>
      </c>
      <c r="N944" t="s">
        <v>90</v>
      </c>
      <c r="O944" t="s">
        <v>85</v>
      </c>
      <c r="P944" t="s">
        <v>86</v>
      </c>
      <c r="Q944">
        <v>64</v>
      </c>
      <c r="R944">
        <v>65</v>
      </c>
      <c r="S944">
        <v>66</v>
      </c>
      <c r="T944">
        <v>68</v>
      </c>
      <c r="U944">
        <v>69</v>
      </c>
      <c r="V944">
        <v>70</v>
      </c>
      <c r="W944">
        <v>71</v>
      </c>
      <c r="X944">
        <v>72</v>
      </c>
      <c r="Y944">
        <v>73</v>
      </c>
      <c r="Z944">
        <v>74</v>
      </c>
      <c r="AA944">
        <v>74</v>
      </c>
      <c r="AB944">
        <v>75</v>
      </c>
      <c r="AC944">
        <v>76</v>
      </c>
      <c r="AD944">
        <v>77</v>
      </c>
      <c r="AE944">
        <v>77</v>
      </c>
      <c r="AF944">
        <v>77</v>
      </c>
      <c r="AG944">
        <v>77</v>
      </c>
      <c r="AH944">
        <v>77</v>
      </c>
      <c r="AI944">
        <v>77</v>
      </c>
      <c r="AJ944">
        <v>76</v>
      </c>
      <c r="AK944">
        <v>76</v>
      </c>
      <c r="AL944">
        <v>76</v>
      </c>
      <c r="AM944">
        <v>76</v>
      </c>
      <c r="AN944">
        <v>76</v>
      </c>
      <c r="AO944">
        <v>75</v>
      </c>
      <c r="AP944">
        <v>75</v>
      </c>
      <c r="AQ944">
        <v>75</v>
      </c>
    </row>
    <row r="945" spans="1:43">
      <c r="A945" t="s">
        <v>671</v>
      </c>
      <c r="B945" t="s">
        <v>672</v>
      </c>
      <c r="C945" t="s">
        <v>673</v>
      </c>
      <c r="D945" t="s">
        <v>674</v>
      </c>
      <c r="E945" t="s">
        <v>353</v>
      </c>
      <c r="F945" t="s">
        <v>354</v>
      </c>
      <c r="G945" t="s">
        <v>80</v>
      </c>
      <c r="H945" t="s">
        <v>81</v>
      </c>
      <c r="I945" s="2">
        <v>1</v>
      </c>
      <c r="J945" s="2">
        <v>0</v>
      </c>
      <c r="K945" s="2">
        <v>0</v>
      </c>
      <c r="L945" t="s">
        <v>120</v>
      </c>
      <c r="M945" t="s">
        <v>83</v>
      </c>
      <c r="N945" t="s">
        <v>91</v>
      </c>
      <c r="O945" t="s">
        <v>85</v>
      </c>
      <c r="P945" t="s">
        <v>86</v>
      </c>
      <c r="Q945">
        <v>64</v>
      </c>
      <c r="R945">
        <v>65</v>
      </c>
      <c r="S945">
        <v>66</v>
      </c>
      <c r="T945">
        <v>66</v>
      </c>
      <c r="U945">
        <v>67</v>
      </c>
      <c r="V945">
        <v>68</v>
      </c>
      <c r="W945">
        <v>68</v>
      </c>
      <c r="X945">
        <v>69</v>
      </c>
      <c r="Y945">
        <v>70</v>
      </c>
      <c r="Z945">
        <v>70</v>
      </c>
      <c r="AA945">
        <v>71</v>
      </c>
      <c r="AB945">
        <v>71</v>
      </c>
      <c r="AC945">
        <v>72</v>
      </c>
      <c r="AD945">
        <v>73</v>
      </c>
      <c r="AE945">
        <v>73</v>
      </c>
      <c r="AF945">
        <v>74</v>
      </c>
      <c r="AG945">
        <v>74</v>
      </c>
      <c r="AH945">
        <v>75</v>
      </c>
      <c r="AI945">
        <v>75</v>
      </c>
      <c r="AJ945">
        <v>76</v>
      </c>
      <c r="AK945">
        <v>76</v>
      </c>
      <c r="AL945">
        <v>76</v>
      </c>
      <c r="AM945">
        <v>76</v>
      </c>
      <c r="AN945">
        <v>76</v>
      </c>
      <c r="AO945">
        <v>76</v>
      </c>
      <c r="AP945">
        <v>75</v>
      </c>
      <c r="AQ945">
        <v>75</v>
      </c>
    </row>
    <row r="946" spans="1:43">
      <c r="A946" t="s">
        <v>675</v>
      </c>
      <c r="B946" t="s">
        <v>676</v>
      </c>
      <c r="C946" t="s">
        <v>673</v>
      </c>
      <c r="D946" t="s">
        <v>674</v>
      </c>
      <c r="E946" t="s">
        <v>353</v>
      </c>
      <c r="F946" t="s">
        <v>354</v>
      </c>
      <c r="G946" t="s">
        <v>80</v>
      </c>
      <c r="H946" t="s">
        <v>81</v>
      </c>
      <c r="I946" s="2">
        <v>1</v>
      </c>
      <c r="J946" s="2">
        <v>0</v>
      </c>
      <c r="K946" s="2">
        <v>0</v>
      </c>
      <c r="L946" t="s">
        <v>120</v>
      </c>
      <c r="M946" t="s">
        <v>83</v>
      </c>
      <c r="N946" t="s">
        <v>84</v>
      </c>
      <c r="O946" t="s">
        <v>85</v>
      </c>
      <c r="P946" t="s">
        <v>86</v>
      </c>
      <c r="Q946">
        <v>25</v>
      </c>
      <c r="R946">
        <v>26</v>
      </c>
      <c r="S946">
        <v>26</v>
      </c>
      <c r="T946">
        <v>26</v>
      </c>
      <c r="U946">
        <v>26</v>
      </c>
      <c r="V946">
        <v>27</v>
      </c>
      <c r="W946">
        <v>27</v>
      </c>
      <c r="X946">
        <v>27</v>
      </c>
      <c r="Y946">
        <v>27</v>
      </c>
      <c r="Z946">
        <v>28</v>
      </c>
      <c r="AA946">
        <v>28</v>
      </c>
      <c r="AB946">
        <v>28</v>
      </c>
      <c r="AC946">
        <v>28</v>
      </c>
      <c r="AD946">
        <v>29</v>
      </c>
      <c r="AE946">
        <v>29</v>
      </c>
      <c r="AF946">
        <v>29</v>
      </c>
      <c r="AG946">
        <v>29</v>
      </c>
      <c r="AH946">
        <v>29</v>
      </c>
      <c r="AI946">
        <v>30</v>
      </c>
      <c r="AJ946">
        <v>30</v>
      </c>
      <c r="AK946">
        <v>30</v>
      </c>
      <c r="AL946">
        <v>30</v>
      </c>
      <c r="AM946">
        <v>30</v>
      </c>
      <c r="AN946">
        <v>30</v>
      </c>
      <c r="AO946">
        <v>30</v>
      </c>
      <c r="AP946">
        <v>30</v>
      </c>
      <c r="AQ946">
        <v>29</v>
      </c>
    </row>
    <row r="947" spans="1:43">
      <c r="A947" t="s">
        <v>675</v>
      </c>
      <c r="B947" t="s">
        <v>676</v>
      </c>
      <c r="C947" t="s">
        <v>673</v>
      </c>
      <c r="D947" t="s">
        <v>674</v>
      </c>
      <c r="E947" t="s">
        <v>353</v>
      </c>
      <c r="F947" t="s">
        <v>354</v>
      </c>
      <c r="G947" t="s">
        <v>80</v>
      </c>
      <c r="H947" t="s">
        <v>81</v>
      </c>
      <c r="I947" s="2">
        <v>1</v>
      </c>
      <c r="J947" s="2">
        <v>0</v>
      </c>
      <c r="K947" s="2">
        <v>0</v>
      </c>
      <c r="L947" t="s">
        <v>120</v>
      </c>
      <c r="M947" t="s">
        <v>87</v>
      </c>
      <c r="N947" t="s">
        <v>88</v>
      </c>
      <c r="O947" t="s">
        <v>85</v>
      </c>
      <c r="P947" t="s">
        <v>86</v>
      </c>
      <c r="Q947">
        <v>25</v>
      </c>
      <c r="R947">
        <v>25</v>
      </c>
      <c r="S947">
        <v>25</v>
      </c>
      <c r="T947">
        <v>25</v>
      </c>
      <c r="U947">
        <v>25</v>
      </c>
      <c r="V947">
        <v>25</v>
      </c>
      <c r="W947">
        <v>25</v>
      </c>
      <c r="X947">
        <v>25</v>
      </c>
      <c r="Y947">
        <v>25</v>
      </c>
      <c r="Z947">
        <v>25</v>
      </c>
      <c r="AA947">
        <v>25</v>
      </c>
      <c r="AB947">
        <v>25</v>
      </c>
      <c r="AC947">
        <v>25</v>
      </c>
      <c r="AD947">
        <v>25</v>
      </c>
      <c r="AE947">
        <v>26</v>
      </c>
      <c r="AF947">
        <v>26</v>
      </c>
      <c r="AG947">
        <v>26</v>
      </c>
      <c r="AH947">
        <v>26</v>
      </c>
      <c r="AI947">
        <v>26</v>
      </c>
      <c r="AJ947">
        <v>26</v>
      </c>
      <c r="AK947">
        <v>26</v>
      </c>
      <c r="AL947">
        <v>26</v>
      </c>
      <c r="AM947">
        <v>26</v>
      </c>
      <c r="AN947">
        <v>26</v>
      </c>
      <c r="AO947">
        <v>26</v>
      </c>
      <c r="AP947">
        <v>26</v>
      </c>
      <c r="AQ947">
        <v>26</v>
      </c>
    </row>
    <row r="948" spans="1:43">
      <c r="A948" t="s">
        <v>675</v>
      </c>
      <c r="B948" t="s">
        <v>676</v>
      </c>
      <c r="C948" t="s">
        <v>673</v>
      </c>
      <c r="D948" t="s">
        <v>674</v>
      </c>
      <c r="E948" t="s">
        <v>353</v>
      </c>
      <c r="F948" t="s">
        <v>354</v>
      </c>
      <c r="G948" t="s">
        <v>80</v>
      </c>
      <c r="H948" t="s">
        <v>81</v>
      </c>
      <c r="I948" s="2">
        <v>1</v>
      </c>
      <c r="J948" s="2">
        <v>0</v>
      </c>
      <c r="K948" s="2">
        <v>0</v>
      </c>
      <c r="L948" t="s">
        <v>120</v>
      </c>
      <c r="M948" t="s">
        <v>89</v>
      </c>
      <c r="N948" t="s">
        <v>90</v>
      </c>
      <c r="O948" t="s">
        <v>85</v>
      </c>
      <c r="P948" t="s">
        <v>86</v>
      </c>
      <c r="Q948">
        <v>25</v>
      </c>
      <c r="R948">
        <v>25</v>
      </c>
      <c r="S948">
        <v>26</v>
      </c>
      <c r="T948">
        <v>26</v>
      </c>
      <c r="U948">
        <v>26</v>
      </c>
      <c r="V948">
        <v>27</v>
      </c>
      <c r="W948">
        <v>27</v>
      </c>
      <c r="X948">
        <v>28</v>
      </c>
      <c r="Y948">
        <v>28</v>
      </c>
      <c r="Z948">
        <v>28</v>
      </c>
      <c r="AA948">
        <v>29</v>
      </c>
      <c r="AB948">
        <v>29</v>
      </c>
      <c r="AC948">
        <v>29</v>
      </c>
      <c r="AD948">
        <v>30</v>
      </c>
      <c r="AE948">
        <v>30</v>
      </c>
      <c r="AF948">
        <v>30</v>
      </c>
      <c r="AG948">
        <v>30</v>
      </c>
      <c r="AH948">
        <v>30</v>
      </c>
      <c r="AI948">
        <v>29</v>
      </c>
      <c r="AJ948">
        <v>29</v>
      </c>
      <c r="AK948">
        <v>29</v>
      </c>
      <c r="AL948">
        <v>29</v>
      </c>
      <c r="AM948">
        <v>29</v>
      </c>
      <c r="AN948">
        <v>29</v>
      </c>
      <c r="AO948">
        <v>29</v>
      </c>
      <c r="AP948">
        <v>29</v>
      </c>
      <c r="AQ948">
        <v>29</v>
      </c>
    </row>
    <row r="949" spans="1:43">
      <c r="A949" t="s">
        <v>675</v>
      </c>
      <c r="B949" t="s">
        <v>676</v>
      </c>
      <c r="C949" t="s">
        <v>673</v>
      </c>
      <c r="D949" t="s">
        <v>674</v>
      </c>
      <c r="E949" t="s">
        <v>353</v>
      </c>
      <c r="F949" t="s">
        <v>354</v>
      </c>
      <c r="G949" t="s">
        <v>80</v>
      </c>
      <c r="H949" t="s">
        <v>81</v>
      </c>
      <c r="I949" s="2">
        <v>1</v>
      </c>
      <c r="J949" s="2">
        <v>0</v>
      </c>
      <c r="K949" s="2">
        <v>0</v>
      </c>
      <c r="L949" t="s">
        <v>120</v>
      </c>
      <c r="M949" t="s">
        <v>83</v>
      </c>
      <c r="N949" t="s">
        <v>91</v>
      </c>
      <c r="O949" t="s">
        <v>85</v>
      </c>
      <c r="P949" t="s">
        <v>86</v>
      </c>
      <c r="Q949">
        <v>25</v>
      </c>
      <c r="R949">
        <v>26</v>
      </c>
      <c r="S949">
        <v>26</v>
      </c>
      <c r="T949">
        <v>26</v>
      </c>
      <c r="U949">
        <v>26</v>
      </c>
      <c r="V949">
        <v>27</v>
      </c>
      <c r="W949">
        <v>27</v>
      </c>
      <c r="X949">
        <v>27</v>
      </c>
      <c r="Y949">
        <v>27</v>
      </c>
      <c r="Z949">
        <v>28</v>
      </c>
      <c r="AA949">
        <v>28</v>
      </c>
      <c r="AB949">
        <v>28</v>
      </c>
      <c r="AC949">
        <v>28</v>
      </c>
      <c r="AD949">
        <v>29</v>
      </c>
      <c r="AE949">
        <v>29</v>
      </c>
      <c r="AF949">
        <v>29</v>
      </c>
      <c r="AG949">
        <v>29</v>
      </c>
      <c r="AH949">
        <v>29</v>
      </c>
      <c r="AI949">
        <v>30</v>
      </c>
      <c r="AJ949">
        <v>30</v>
      </c>
      <c r="AK949">
        <v>30</v>
      </c>
      <c r="AL949">
        <v>30</v>
      </c>
      <c r="AM949">
        <v>30</v>
      </c>
      <c r="AN949">
        <v>30</v>
      </c>
      <c r="AO949">
        <v>30</v>
      </c>
      <c r="AP949">
        <v>30</v>
      </c>
      <c r="AQ949">
        <v>29</v>
      </c>
    </row>
    <row r="950" spans="1:43">
      <c r="A950" t="s">
        <v>677</v>
      </c>
      <c r="B950" t="s">
        <v>678</v>
      </c>
      <c r="C950" t="s">
        <v>673</v>
      </c>
      <c r="D950" t="s">
        <v>674</v>
      </c>
      <c r="E950" t="s">
        <v>353</v>
      </c>
      <c r="F950" t="s">
        <v>354</v>
      </c>
      <c r="G950" t="s">
        <v>80</v>
      </c>
      <c r="H950" t="s">
        <v>81</v>
      </c>
      <c r="I950" s="2">
        <v>1</v>
      </c>
      <c r="J950" s="2">
        <v>0</v>
      </c>
      <c r="K950" s="2">
        <v>0</v>
      </c>
      <c r="L950" t="s">
        <v>120</v>
      </c>
      <c r="M950" t="s">
        <v>83</v>
      </c>
      <c r="N950" t="s">
        <v>84</v>
      </c>
      <c r="O950" t="s">
        <v>85</v>
      </c>
      <c r="P950" t="s">
        <v>86</v>
      </c>
      <c r="Q950">
        <v>132</v>
      </c>
      <c r="R950">
        <v>134</v>
      </c>
      <c r="S950">
        <v>135</v>
      </c>
      <c r="T950">
        <v>137</v>
      </c>
      <c r="U950">
        <v>138</v>
      </c>
      <c r="V950">
        <v>140</v>
      </c>
      <c r="W950">
        <v>141</v>
      </c>
      <c r="X950">
        <v>143</v>
      </c>
      <c r="Y950">
        <v>144</v>
      </c>
      <c r="Z950">
        <v>145</v>
      </c>
      <c r="AA950">
        <v>147</v>
      </c>
      <c r="AB950">
        <v>148</v>
      </c>
      <c r="AC950">
        <v>149</v>
      </c>
      <c r="AD950">
        <v>150</v>
      </c>
      <c r="AE950">
        <v>152</v>
      </c>
      <c r="AF950">
        <v>153</v>
      </c>
      <c r="AG950">
        <v>154</v>
      </c>
      <c r="AH950">
        <v>155</v>
      </c>
      <c r="AI950">
        <v>156</v>
      </c>
      <c r="AJ950">
        <v>157</v>
      </c>
      <c r="AK950">
        <v>159</v>
      </c>
      <c r="AL950">
        <v>159</v>
      </c>
      <c r="AM950">
        <v>158</v>
      </c>
      <c r="AN950">
        <v>158</v>
      </c>
      <c r="AO950">
        <v>158</v>
      </c>
      <c r="AP950">
        <v>157</v>
      </c>
      <c r="AQ950">
        <v>157</v>
      </c>
    </row>
    <row r="951" spans="1:43">
      <c r="A951" t="s">
        <v>677</v>
      </c>
      <c r="B951" t="s">
        <v>678</v>
      </c>
      <c r="C951" t="s">
        <v>673</v>
      </c>
      <c r="D951" t="s">
        <v>674</v>
      </c>
      <c r="E951" t="s">
        <v>353</v>
      </c>
      <c r="F951" t="s">
        <v>354</v>
      </c>
      <c r="G951" t="s">
        <v>80</v>
      </c>
      <c r="H951" t="s">
        <v>81</v>
      </c>
      <c r="I951" s="2">
        <v>1</v>
      </c>
      <c r="J951" s="2">
        <v>0</v>
      </c>
      <c r="K951" s="2">
        <v>0</v>
      </c>
      <c r="L951" t="s">
        <v>120</v>
      </c>
      <c r="M951" t="s">
        <v>87</v>
      </c>
      <c r="N951" t="s">
        <v>88</v>
      </c>
      <c r="O951" t="s">
        <v>85</v>
      </c>
      <c r="P951" t="s">
        <v>86</v>
      </c>
      <c r="Q951">
        <v>132</v>
      </c>
      <c r="R951">
        <v>132</v>
      </c>
      <c r="S951">
        <v>133</v>
      </c>
      <c r="T951">
        <v>133</v>
      </c>
      <c r="U951">
        <v>133</v>
      </c>
      <c r="V951">
        <v>133</v>
      </c>
      <c r="W951">
        <v>134</v>
      </c>
      <c r="X951">
        <v>134</v>
      </c>
      <c r="Y951">
        <v>134</v>
      </c>
      <c r="Z951">
        <v>134</v>
      </c>
      <c r="AA951">
        <v>135</v>
      </c>
      <c r="AB951">
        <v>135</v>
      </c>
      <c r="AC951">
        <v>135</v>
      </c>
      <c r="AD951">
        <v>135</v>
      </c>
      <c r="AE951">
        <v>135</v>
      </c>
      <c r="AF951">
        <v>135</v>
      </c>
      <c r="AG951">
        <v>136</v>
      </c>
      <c r="AH951">
        <v>136</v>
      </c>
      <c r="AI951">
        <v>136</v>
      </c>
      <c r="AJ951">
        <v>136</v>
      </c>
      <c r="AK951">
        <v>136</v>
      </c>
      <c r="AL951">
        <v>136</v>
      </c>
      <c r="AM951">
        <v>136</v>
      </c>
      <c r="AN951">
        <v>136</v>
      </c>
      <c r="AO951">
        <v>137</v>
      </c>
      <c r="AP951">
        <v>137</v>
      </c>
      <c r="AQ951">
        <v>137</v>
      </c>
    </row>
    <row r="952" spans="1:43">
      <c r="A952" t="s">
        <v>677</v>
      </c>
      <c r="B952" t="s">
        <v>678</v>
      </c>
      <c r="C952" t="s">
        <v>673</v>
      </c>
      <c r="D952" t="s">
        <v>674</v>
      </c>
      <c r="E952" t="s">
        <v>353</v>
      </c>
      <c r="F952" t="s">
        <v>354</v>
      </c>
      <c r="G952" t="s">
        <v>80</v>
      </c>
      <c r="H952" t="s">
        <v>81</v>
      </c>
      <c r="I952" s="2">
        <v>1</v>
      </c>
      <c r="J952" s="2">
        <v>0</v>
      </c>
      <c r="K952" s="2">
        <v>0</v>
      </c>
      <c r="L952" t="s">
        <v>120</v>
      </c>
      <c r="M952" t="s">
        <v>89</v>
      </c>
      <c r="N952" t="s">
        <v>90</v>
      </c>
      <c r="O952" t="s">
        <v>85</v>
      </c>
      <c r="P952" t="s">
        <v>86</v>
      </c>
      <c r="Q952">
        <v>132</v>
      </c>
      <c r="R952">
        <v>134</v>
      </c>
      <c r="S952">
        <v>137</v>
      </c>
      <c r="T952">
        <v>139</v>
      </c>
      <c r="U952">
        <v>142</v>
      </c>
      <c r="V952">
        <v>144</v>
      </c>
      <c r="W952">
        <v>146</v>
      </c>
      <c r="X952">
        <v>148</v>
      </c>
      <c r="Y952">
        <v>150</v>
      </c>
      <c r="Z952">
        <v>152</v>
      </c>
      <c r="AA952">
        <v>154</v>
      </c>
      <c r="AB952">
        <v>156</v>
      </c>
      <c r="AC952">
        <v>158</v>
      </c>
      <c r="AD952">
        <v>160</v>
      </c>
      <c r="AE952">
        <v>161</v>
      </c>
      <c r="AF952">
        <v>160</v>
      </c>
      <c r="AG952">
        <v>160</v>
      </c>
      <c r="AH952">
        <v>160</v>
      </c>
      <c r="AI952">
        <v>160</v>
      </c>
      <c r="AJ952">
        <v>159</v>
      </c>
      <c r="AK952">
        <v>159</v>
      </c>
      <c r="AL952">
        <v>158</v>
      </c>
      <c r="AM952">
        <v>158</v>
      </c>
      <c r="AN952">
        <v>158</v>
      </c>
      <c r="AO952">
        <v>157</v>
      </c>
      <c r="AP952">
        <v>157</v>
      </c>
      <c r="AQ952">
        <v>157</v>
      </c>
    </row>
    <row r="953" spans="1:43">
      <c r="A953" t="s">
        <v>677</v>
      </c>
      <c r="B953" t="s">
        <v>678</v>
      </c>
      <c r="C953" t="s">
        <v>673</v>
      </c>
      <c r="D953" t="s">
        <v>674</v>
      </c>
      <c r="E953" t="s">
        <v>353</v>
      </c>
      <c r="F953" t="s">
        <v>354</v>
      </c>
      <c r="G953" t="s">
        <v>80</v>
      </c>
      <c r="H953" t="s">
        <v>81</v>
      </c>
      <c r="I953" s="2">
        <v>1</v>
      </c>
      <c r="J953" s="2">
        <v>0</v>
      </c>
      <c r="K953" s="2">
        <v>0</v>
      </c>
      <c r="L953" t="s">
        <v>120</v>
      </c>
      <c r="M953" t="s">
        <v>83</v>
      </c>
      <c r="N953" t="s">
        <v>91</v>
      </c>
      <c r="O953" t="s">
        <v>85</v>
      </c>
      <c r="P953" t="s">
        <v>86</v>
      </c>
      <c r="Q953">
        <v>132</v>
      </c>
      <c r="R953">
        <v>134</v>
      </c>
      <c r="S953">
        <v>135</v>
      </c>
      <c r="T953">
        <v>137</v>
      </c>
      <c r="U953">
        <v>138</v>
      </c>
      <c r="V953">
        <v>140</v>
      </c>
      <c r="W953">
        <v>141</v>
      </c>
      <c r="X953">
        <v>143</v>
      </c>
      <c r="Y953">
        <v>144</v>
      </c>
      <c r="Z953">
        <v>145</v>
      </c>
      <c r="AA953">
        <v>147</v>
      </c>
      <c r="AB953">
        <v>148</v>
      </c>
      <c r="AC953">
        <v>149</v>
      </c>
      <c r="AD953">
        <v>150</v>
      </c>
      <c r="AE953">
        <v>152</v>
      </c>
      <c r="AF953">
        <v>153</v>
      </c>
      <c r="AG953">
        <v>154</v>
      </c>
      <c r="AH953">
        <v>155</v>
      </c>
      <c r="AI953">
        <v>156</v>
      </c>
      <c r="AJ953">
        <v>157</v>
      </c>
      <c r="AK953">
        <v>159</v>
      </c>
      <c r="AL953">
        <v>159</v>
      </c>
      <c r="AM953">
        <v>158</v>
      </c>
      <c r="AN953">
        <v>158</v>
      </c>
      <c r="AO953">
        <v>158</v>
      </c>
      <c r="AP953">
        <v>157</v>
      </c>
      <c r="AQ953">
        <v>157</v>
      </c>
    </row>
    <row r="954" spans="1:43">
      <c r="A954" t="s">
        <v>679</v>
      </c>
      <c r="B954" t="s">
        <v>680</v>
      </c>
      <c r="C954" t="s">
        <v>479</v>
      </c>
      <c r="D954" t="s">
        <v>480</v>
      </c>
      <c r="E954" t="s">
        <v>353</v>
      </c>
      <c r="F954" t="s">
        <v>354</v>
      </c>
      <c r="G954" t="s">
        <v>80</v>
      </c>
      <c r="H954" t="s">
        <v>81</v>
      </c>
      <c r="I954" s="2">
        <v>1</v>
      </c>
      <c r="J954" s="2">
        <v>0</v>
      </c>
      <c r="K954" s="2">
        <v>0</v>
      </c>
      <c r="L954" t="s">
        <v>120</v>
      </c>
      <c r="M954" t="s">
        <v>83</v>
      </c>
      <c r="N954" t="s">
        <v>84</v>
      </c>
      <c r="O954" t="s">
        <v>85</v>
      </c>
      <c r="P954" t="s">
        <v>86</v>
      </c>
      <c r="Q954">
        <v>49</v>
      </c>
      <c r="R954">
        <v>49</v>
      </c>
      <c r="S954">
        <v>50</v>
      </c>
      <c r="T954">
        <v>50</v>
      </c>
      <c r="U954">
        <v>51</v>
      </c>
      <c r="V954">
        <v>51</v>
      </c>
      <c r="W954">
        <v>52</v>
      </c>
      <c r="X954">
        <v>52</v>
      </c>
      <c r="Y954">
        <v>53</v>
      </c>
      <c r="Z954">
        <v>53</v>
      </c>
      <c r="AA954">
        <v>54</v>
      </c>
      <c r="AB954">
        <v>54</v>
      </c>
      <c r="AC954">
        <v>55</v>
      </c>
      <c r="AD954">
        <v>55</v>
      </c>
      <c r="AE954">
        <v>56</v>
      </c>
      <c r="AF954">
        <v>56</v>
      </c>
      <c r="AG954">
        <v>56</v>
      </c>
      <c r="AH954">
        <v>57</v>
      </c>
      <c r="AI954">
        <v>57</v>
      </c>
      <c r="AJ954">
        <v>58</v>
      </c>
      <c r="AK954">
        <v>58</v>
      </c>
      <c r="AL954">
        <v>58</v>
      </c>
      <c r="AM954">
        <v>58</v>
      </c>
      <c r="AN954">
        <v>58</v>
      </c>
      <c r="AO954">
        <v>58</v>
      </c>
      <c r="AP954">
        <v>58</v>
      </c>
      <c r="AQ954">
        <v>57</v>
      </c>
    </row>
    <row r="955" spans="1:43">
      <c r="A955" t="s">
        <v>679</v>
      </c>
      <c r="B955" t="s">
        <v>680</v>
      </c>
      <c r="C955" t="s">
        <v>479</v>
      </c>
      <c r="D955" t="s">
        <v>480</v>
      </c>
      <c r="E955" t="s">
        <v>353</v>
      </c>
      <c r="F955" t="s">
        <v>354</v>
      </c>
      <c r="G955" t="s">
        <v>80</v>
      </c>
      <c r="H955" t="s">
        <v>81</v>
      </c>
      <c r="I955" s="2">
        <v>1</v>
      </c>
      <c r="J955" s="2">
        <v>0</v>
      </c>
      <c r="K955" s="2">
        <v>0</v>
      </c>
      <c r="L955" t="s">
        <v>120</v>
      </c>
      <c r="M955" t="s">
        <v>87</v>
      </c>
      <c r="N955" t="s">
        <v>88</v>
      </c>
      <c r="O955" t="s">
        <v>85</v>
      </c>
      <c r="P955" t="s">
        <v>86</v>
      </c>
      <c r="Q955">
        <v>49</v>
      </c>
      <c r="R955">
        <v>49</v>
      </c>
      <c r="S955">
        <v>49</v>
      </c>
      <c r="T955">
        <v>49</v>
      </c>
      <c r="U955">
        <v>49</v>
      </c>
      <c r="V955">
        <v>50</v>
      </c>
      <c r="W955">
        <v>50</v>
      </c>
      <c r="X955">
        <v>50</v>
      </c>
      <c r="Y955">
        <v>50</v>
      </c>
      <c r="Z955">
        <v>50</v>
      </c>
      <c r="AA955">
        <v>50</v>
      </c>
      <c r="AB955">
        <v>50</v>
      </c>
      <c r="AC955">
        <v>50</v>
      </c>
      <c r="AD955">
        <v>50</v>
      </c>
      <c r="AE955">
        <v>50</v>
      </c>
      <c r="AF955">
        <v>50</v>
      </c>
      <c r="AG955">
        <v>50</v>
      </c>
      <c r="AH955">
        <v>50</v>
      </c>
      <c r="AI955">
        <v>50</v>
      </c>
      <c r="AJ955">
        <v>50</v>
      </c>
      <c r="AK955">
        <v>51</v>
      </c>
      <c r="AL955">
        <v>51</v>
      </c>
      <c r="AM955">
        <v>51</v>
      </c>
      <c r="AN955">
        <v>51</v>
      </c>
      <c r="AO955">
        <v>51</v>
      </c>
      <c r="AP955">
        <v>51</v>
      </c>
      <c r="AQ955">
        <v>51</v>
      </c>
    </row>
    <row r="956" spans="1:43">
      <c r="A956" t="s">
        <v>679</v>
      </c>
      <c r="B956" t="s">
        <v>680</v>
      </c>
      <c r="C956" t="s">
        <v>479</v>
      </c>
      <c r="D956" t="s">
        <v>480</v>
      </c>
      <c r="E956" t="s">
        <v>353</v>
      </c>
      <c r="F956" t="s">
        <v>354</v>
      </c>
      <c r="G956" t="s">
        <v>80</v>
      </c>
      <c r="H956" t="s">
        <v>81</v>
      </c>
      <c r="I956" s="2">
        <v>1</v>
      </c>
      <c r="J956" s="2">
        <v>0</v>
      </c>
      <c r="K956" s="2">
        <v>0</v>
      </c>
      <c r="L956" t="s">
        <v>120</v>
      </c>
      <c r="M956" t="s">
        <v>89</v>
      </c>
      <c r="N956" t="s">
        <v>90</v>
      </c>
      <c r="O956" t="s">
        <v>85</v>
      </c>
      <c r="P956" t="s">
        <v>86</v>
      </c>
      <c r="Q956">
        <v>49</v>
      </c>
      <c r="R956">
        <v>50</v>
      </c>
      <c r="S956">
        <v>51</v>
      </c>
      <c r="T956">
        <v>52</v>
      </c>
      <c r="U956">
        <v>53</v>
      </c>
      <c r="V956">
        <v>54</v>
      </c>
      <c r="W956">
        <v>54</v>
      </c>
      <c r="X956">
        <v>55</v>
      </c>
      <c r="Y956">
        <v>56</v>
      </c>
      <c r="Z956">
        <v>57</v>
      </c>
      <c r="AA956">
        <v>57</v>
      </c>
      <c r="AB956">
        <v>58</v>
      </c>
      <c r="AC956">
        <v>59</v>
      </c>
      <c r="AD956">
        <v>59</v>
      </c>
      <c r="AE956">
        <v>60</v>
      </c>
      <c r="AF956">
        <v>59</v>
      </c>
      <c r="AG956">
        <v>59</v>
      </c>
      <c r="AH956">
        <v>59</v>
      </c>
      <c r="AI956">
        <v>59</v>
      </c>
      <c r="AJ956">
        <v>59</v>
      </c>
      <c r="AK956">
        <v>59</v>
      </c>
      <c r="AL956">
        <v>59</v>
      </c>
      <c r="AM956">
        <v>59</v>
      </c>
      <c r="AN956">
        <v>58</v>
      </c>
      <c r="AO956">
        <v>58</v>
      </c>
      <c r="AP956">
        <v>58</v>
      </c>
      <c r="AQ956">
        <v>58</v>
      </c>
    </row>
    <row r="957" spans="1:43">
      <c r="A957" t="s">
        <v>679</v>
      </c>
      <c r="B957" t="s">
        <v>680</v>
      </c>
      <c r="C957" t="s">
        <v>479</v>
      </c>
      <c r="D957" t="s">
        <v>480</v>
      </c>
      <c r="E957" t="s">
        <v>353</v>
      </c>
      <c r="F957" t="s">
        <v>354</v>
      </c>
      <c r="G957" t="s">
        <v>80</v>
      </c>
      <c r="H957" t="s">
        <v>81</v>
      </c>
      <c r="I957" s="2">
        <v>1</v>
      </c>
      <c r="J957" s="2">
        <v>0</v>
      </c>
      <c r="K957" s="2">
        <v>0</v>
      </c>
      <c r="L957" t="s">
        <v>120</v>
      </c>
      <c r="M957" t="s">
        <v>83</v>
      </c>
      <c r="N957" t="s">
        <v>91</v>
      </c>
      <c r="O957" t="s">
        <v>85</v>
      </c>
      <c r="P957" t="s">
        <v>86</v>
      </c>
      <c r="Q957">
        <v>49</v>
      </c>
      <c r="R957">
        <v>49</v>
      </c>
      <c r="S957">
        <v>50</v>
      </c>
      <c r="T957">
        <v>50</v>
      </c>
      <c r="U957">
        <v>51</v>
      </c>
      <c r="V957">
        <v>51</v>
      </c>
      <c r="W957">
        <v>52</v>
      </c>
      <c r="X957">
        <v>52</v>
      </c>
      <c r="Y957">
        <v>53</v>
      </c>
      <c r="Z957">
        <v>53</v>
      </c>
      <c r="AA957">
        <v>54</v>
      </c>
      <c r="AB957">
        <v>54</v>
      </c>
      <c r="AC957">
        <v>55</v>
      </c>
      <c r="AD957">
        <v>55</v>
      </c>
      <c r="AE957">
        <v>56</v>
      </c>
      <c r="AF957">
        <v>56</v>
      </c>
      <c r="AG957">
        <v>56</v>
      </c>
      <c r="AH957">
        <v>57</v>
      </c>
      <c r="AI957">
        <v>57</v>
      </c>
      <c r="AJ957">
        <v>58</v>
      </c>
      <c r="AK957">
        <v>58</v>
      </c>
      <c r="AL957">
        <v>58</v>
      </c>
      <c r="AM957">
        <v>58</v>
      </c>
      <c r="AN957">
        <v>58</v>
      </c>
      <c r="AO957">
        <v>58</v>
      </c>
      <c r="AP957">
        <v>58</v>
      </c>
      <c r="AQ957">
        <v>57</v>
      </c>
    </row>
    <row r="958" spans="1:43">
      <c r="A958" t="s">
        <v>681</v>
      </c>
      <c r="B958" t="s">
        <v>682</v>
      </c>
      <c r="C958" t="s">
        <v>479</v>
      </c>
      <c r="D958" t="s">
        <v>480</v>
      </c>
      <c r="E958" t="s">
        <v>353</v>
      </c>
      <c r="F958" t="s">
        <v>354</v>
      </c>
      <c r="G958" t="s">
        <v>80</v>
      </c>
      <c r="H958" t="s">
        <v>81</v>
      </c>
      <c r="I958" s="2">
        <v>1</v>
      </c>
      <c r="J958" s="2">
        <v>0</v>
      </c>
      <c r="K958" s="2">
        <v>0</v>
      </c>
      <c r="L958" t="s">
        <v>120</v>
      </c>
      <c r="M958" t="s">
        <v>83</v>
      </c>
      <c r="N958" t="s">
        <v>84</v>
      </c>
      <c r="O958" t="s">
        <v>85</v>
      </c>
      <c r="P958" t="s">
        <v>86</v>
      </c>
      <c r="Q958">
        <v>26</v>
      </c>
      <c r="R958">
        <v>26</v>
      </c>
      <c r="S958">
        <v>26</v>
      </c>
      <c r="T958">
        <v>27</v>
      </c>
      <c r="U958">
        <v>27</v>
      </c>
      <c r="V958">
        <v>27</v>
      </c>
      <c r="W958">
        <v>28</v>
      </c>
      <c r="X958">
        <v>28</v>
      </c>
      <c r="Y958">
        <v>28</v>
      </c>
      <c r="Z958">
        <v>28</v>
      </c>
      <c r="AA958">
        <v>29</v>
      </c>
      <c r="AB958">
        <v>29</v>
      </c>
      <c r="AC958">
        <v>29</v>
      </c>
      <c r="AD958">
        <v>29</v>
      </c>
      <c r="AE958">
        <v>30</v>
      </c>
      <c r="AF958">
        <v>30</v>
      </c>
      <c r="AG958">
        <v>30</v>
      </c>
      <c r="AH958">
        <v>30</v>
      </c>
      <c r="AI958">
        <v>30</v>
      </c>
      <c r="AJ958">
        <v>31</v>
      </c>
      <c r="AK958">
        <v>31</v>
      </c>
      <c r="AL958">
        <v>31</v>
      </c>
      <c r="AM958">
        <v>31</v>
      </c>
      <c r="AN958">
        <v>31</v>
      </c>
      <c r="AO958">
        <v>31</v>
      </c>
      <c r="AP958">
        <v>31</v>
      </c>
      <c r="AQ958">
        <v>31</v>
      </c>
    </row>
    <row r="959" spans="1:43">
      <c r="A959" t="s">
        <v>681</v>
      </c>
      <c r="B959" t="s">
        <v>682</v>
      </c>
      <c r="C959" t="s">
        <v>479</v>
      </c>
      <c r="D959" t="s">
        <v>480</v>
      </c>
      <c r="E959" t="s">
        <v>353</v>
      </c>
      <c r="F959" t="s">
        <v>354</v>
      </c>
      <c r="G959" t="s">
        <v>80</v>
      </c>
      <c r="H959" t="s">
        <v>81</v>
      </c>
      <c r="I959" s="2">
        <v>1</v>
      </c>
      <c r="J959" s="2">
        <v>0</v>
      </c>
      <c r="K959" s="2">
        <v>0</v>
      </c>
      <c r="L959" t="s">
        <v>120</v>
      </c>
      <c r="M959" t="s">
        <v>87</v>
      </c>
      <c r="N959" t="s">
        <v>88</v>
      </c>
      <c r="O959" t="s">
        <v>85</v>
      </c>
      <c r="P959" t="s">
        <v>86</v>
      </c>
      <c r="Q959">
        <v>26</v>
      </c>
      <c r="R959">
        <v>26</v>
      </c>
      <c r="S959">
        <v>26</v>
      </c>
      <c r="T959">
        <v>26</v>
      </c>
      <c r="U959">
        <v>26</v>
      </c>
      <c r="V959">
        <v>26</v>
      </c>
      <c r="W959">
        <v>26</v>
      </c>
      <c r="X959">
        <v>26</v>
      </c>
      <c r="Y959">
        <v>26</v>
      </c>
      <c r="Z959">
        <v>26</v>
      </c>
      <c r="AA959">
        <v>26</v>
      </c>
      <c r="AB959">
        <v>26</v>
      </c>
      <c r="AC959">
        <v>26</v>
      </c>
      <c r="AD959">
        <v>26</v>
      </c>
      <c r="AE959">
        <v>26</v>
      </c>
      <c r="AF959">
        <v>26</v>
      </c>
      <c r="AG959">
        <v>26</v>
      </c>
      <c r="AH959">
        <v>26</v>
      </c>
      <c r="AI959">
        <v>26</v>
      </c>
      <c r="AJ959">
        <v>26</v>
      </c>
      <c r="AK959">
        <v>26</v>
      </c>
      <c r="AL959">
        <v>26</v>
      </c>
      <c r="AM959">
        <v>26</v>
      </c>
      <c r="AN959">
        <v>26</v>
      </c>
      <c r="AO959">
        <v>26</v>
      </c>
      <c r="AP959">
        <v>26</v>
      </c>
      <c r="AQ959">
        <v>26</v>
      </c>
    </row>
    <row r="960" spans="1:43">
      <c r="A960" t="s">
        <v>681</v>
      </c>
      <c r="B960" t="s">
        <v>682</v>
      </c>
      <c r="C960" t="s">
        <v>479</v>
      </c>
      <c r="D960" t="s">
        <v>480</v>
      </c>
      <c r="E960" t="s">
        <v>353</v>
      </c>
      <c r="F960" t="s">
        <v>354</v>
      </c>
      <c r="G960" t="s">
        <v>80</v>
      </c>
      <c r="H960" t="s">
        <v>81</v>
      </c>
      <c r="I960" s="2">
        <v>1</v>
      </c>
      <c r="J960" s="2">
        <v>0</v>
      </c>
      <c r="K960" s="2">
        <v>0</v>
      </c>
      <c r="L960" t="s">
        <v>120</v>
      </c>
      <c r="M960" t="s">
        <v>89</v>
      </c>
      <c r="N960" t="s">
        <v>90</v>
      </c>
      <c r="O960" t="s">
        <v>85</v>
      </c>
      <c r="P960" t="s">
        <v>86</v>
      </c>
      <c r="Q960">
        <v>26</v>
      </c>
      <c r="R960">
        <v>27</v>
      </c>
      <c r="S960">
        <v>27</v>
      </c>
      <c r="T960">
        <v>28</v>
      </c>
      <c r="U960">
        <v>28</v>
      </c>
      <c r="V960">
        <v>28</v>
      </c>
      <c r="W960">
        <v>29</v>
      </c>
      <c r="X960">
        <v>29</v>
      </c>
      <c r="Y960">
        <v>30</v>
      </c>
      <c r="Z960">
        <v>30</v>
      </c>
      <c r="AA960">
        <v>30</v>
      </c>
      <c r="AB960">
        <v>31</v>
      </c>
      <c r="AC960">
        <v>31</v>
      </c>
      <c r="AD960">
        <v>31</v>
      </c>
      <c r="AE960">
        <v>32</v>
      </c>
      <c r="AF960">
        <v>32</v>
      </c>
      <c r="AG960">
        <v>32</v>
      </c>
      <c r="AH960">
        <v>32</v>
      </c>
      <c r="AI960">
        <v>31</v>
      </c>
      <c r="AJ960">
        <v>31</v>
      </c>
      <c r="AK960">
        <v>31</v>
      </c>
      <c r="AL960">
        <v>31</v>
      </c>
      <c r="AM960">
        <v>31</v>
      </c>
      <c r="AN960">
        <v>31</v>
      </c>
      <c r="AO960">
        <v>31</v>
      </c>
      <c r="AP960">
        <v>31</v>
      </c>
      <c r="AQ960">
        <v>31</v>
      </c>
    </row>
    <row r="961" spans="1:43">
      <c r="A961" t="s">
        <v>681</v>
      </c>
      <c r="B961" t="s">
        <v>682</v>
      </c>
      <c r="C961" t="s">
        <v>479</v>
      </c>
      <c r="D961" t="s">
        <v>480</v>
      </c>
      <c r="E961" t="s">
        <v>353</v>
      </c>
      <c r="F961" t="s">
        <v>354</v>
      </c>
      <c r="G961" t="s">
        <v>80</v>
      </c>
      <c r="H961" t="s">
        <v>81</v>
      </c>
      <c r="I961" s="2">
        <v>1</v>
      </c>
      <c r="J961" s="2">
        <v>0</v>
      </c>
      <c r="K961" s="2">
        <v>0</v>
      </c>
      <c r="L961" t="s">
        <v>120</v>
      </c>
      <c r="M961" t="s">
        <v>83</v>
      </c>
      <c r="N961" t="s">
        <v>91</v>
      </c>
      <c r="O961" t="s">
        <v>85</v>
      </c>
      <c r="P961" t="s">
        <v>86</v>
      </c>
      <c r="Q961">
        <v>26</v>
      </c>
      <c r="R961">
        <v>26</v>
      </c>
      <c r="S961">
        <v>26</v>
      </c>
      <c r="T961">
        <v>27</v>
      </c>
      <c r="U961">
        <v>27</v>
      </c>
      <c r="V961">
        <v>27</v>
      </c>
      <c r="W961">
        <v>28</v>
      </c>
      <c r="X961">
        <v>28</v>
      </c>
      <c r="Y961">
        <v>28</v>
      </c>
      <c r="Z961">
        <v>28</v>
      </c>
      <c r="AA961">
        <v>29</v>
      </c>
      <c r="AB961">
        <v>29</v>
      </c>
      <c r="AC961">
        <v>29</v>
      </c>
      <c r="AD961">
        <v>29</v>
      </c>
      <c r="AE961">
        <v>30</v>
      </c>
      <c r="AF961">
        <v>30</v>
      </c>
      <c r="AG961">
        <v>30</v>
      </c>
      <c r="AH961">
        <v>30</v>
      </c>
      <c r="AI961">
        <v>30</v>
      </c>
      <c r="AJ961">
        <v>31</v>
      </c>
      <c r="AK961">
        <v>31</v>
      </c>
      <c r="AL961">
        <v>31</v>
      </c>
      <c r="AM961">
        <v>31</v>
      </c>
      <c r="AN961">
        <v>31</v>
      </c>
      <c r="AO961">
        <v>31</v>
      </c>
      <c r="AP961">
        <v>31</v>
      </c>
      <c r="AQ961">
        <v>31</v>
      </c>
    </row>
    <row r="962" spans="1:43">
      <c r="A962" t="s">
        <v>683</v>
      </c>
      <c r="B962" t="s">
        <v>684</v>
      </c>
      <c r="C962" t="s">
        <v>625</v>
      </c>
      <c r="D962" t="s">
        <v>626</v>
      </c>
      <c r="E962" t="s">
        <v>353</v>
      </c>
      <c r="F962" t="s">
        <v>354</v>
      </c>
      <c r="G962" t="s">
        <v>80</v>
      </c>
      <c r="H962" t="s">
        <v>81</v>
      </c>
      <c r="I962" s="2">
        <v>1</v>
      </c>
      <c r="J962" s="2">
        <v>0</v>
      </c>
      <c r="K962" s="2">
        <v>0</v>
      </c>
      <c r="L962" t="s">
        <v>120</v>
      </c>
      <c r="M962" t="s">
        <v>83</v>
      </c>
      <c r="N962" t="s">
        <v>84</v>
      </c>
      <c r="O962" t="s">
        <v>85</v>
      </c>
      <c r="P962" t="s">
        <v>86</v>
      </c>
      <c r="Q962">
        <v>22</v>
      </c>
      <c r="R962">
        <v>22</v>
      </c>
      <c r="S962">
        <v>23</v>
      </c>
      <c r="T962">
        <v>23</v>
      </c>
      <c r="U962">
        <v>23</v>
      </c>
      <c r="V962">
        <v>23</v>
      </c>
      <c r="W962">
        <v>24</v>
      </c>
      <c r="X962">
        <v>24</v>
      </c>
      <c r="Y962">
        <v>24</v>
      </c>
      <c r="Z962">
        <v>24</v>
      </c>
      <c r="AA962">
        <v>24</v>
      </c>
      <c r="AB962">
        <v>25</v>
      </c>
      <c r="AC962">
        <v>25</v>
      </c>
      <c r="AD962">
        <v>25</v>
      </c>
      <c r="AE962">
        <v>25</v>
      </c>
      <c r="AF962">
        <v>25</v>
      </c>
      <c r="AG962">
        <v>26</v>
      </c>
      <c r="AH962">
        <v>26</v>
      </c>
      <c r="AI962">
        <v>26</v>
      </c>
      <c r="AJ962">
        <v>26</v>
      </c>
      <c r="AK962">
        <v>26</v>
      </c>
      <c r="AL962">
        <v>26</v>
      </c>
      <c r="AM962">
        <v>26</v>
      </c>
      <c r="AN962">
        <v>26</v>
      </c>
      <c r="AO962">
        <v>26</v>
      </c>
      <c r="AP962">
        <v>26</v>
      </c>
      <c r="AQ962">
        <v>26</v>
      </c>
    </row>
    <row r="963" spans="1:43">
      <c r="A963" t="s">
        <v>683</v>
      </c>
      <c r="B963" t="s">
        <v>684</v>
      </c>
      <c r="C963" t="s">
        <v>625</v>
      </c>
      <c r="D963" t="s">
        <v>626</v>
      </c>
      <c r="E963" t="s">
        <v>353</v>
      </c>
      <c r="F963" t="s">
        <v>354</v>
      </c>
      <c r="G963" t="s">
        <v>80</v>
      </c>
      <c r="H963" t="s">
        <v>81</v>
      </c>
      <c r="I963" s="2">
        <v>1</v>
      </c>
      <c r="J963" s="2">
        <v>0</v>
      </c>
      <c r="K963" s="2">
        <v>0</v>
      </c>
      <c r="L963" t="s">
        <v>120</v>
      </c>
      <c r="M963" t="s">
        <v>87</v>
      </c>
      <c r="N963" t="s">
        <v>88</v>
      </c>
      <c r="O963" t="s">
        <v>85</v>
      </c>
      <c r="P963" t="s">
        <v>86</v>
      </c>
      <c r="Q963">
        <v>22</v>
      </c>
      <c r="R963">
        <v>22</v>
      </c>
      <c r="S963">
        <v>22</v>
      </c>
      <c r="T963">
        <v>22</v>
      </c>
      <c r="U963">
        <v>22</v>
      </c>
      <c r="V963">
        <v>22</v>
      </c>
      <c r="W963">
        <v>22</v>
      </c>
      <c r="X963">
        <v>22</v>
      </c>
      <c r="Y963">
        <v>22</v>
      </c>
      <c r="Z963">
        <v>22</v>
      </c>
      <c r="AA963">
        <v>22</v>
      </c>
      <c r="AB963">
        <v>22</v>
      </c>
      <c r="AC963">
        <v>22</v>
      </c>
      <c r="AD963">
        <v>22</v>
      </c>
      <c r="AE963">
        <v>22</v>
      </c>
      <c r="AF963">
        <v>22</v>
      </c>
      <c r="AG963">
        <v>22</v>
      </c>
      <c r="AH963">
        <v>22</v>
      </c>
      <c r="AI963">
        <v>22</v>
      </c>
      <c r="AJ963">
        <v>22</v>
      </c>
      <c r="AK963">
        <v>22</v>
      </c>
      <c r="AL963">
        <v>22</v>
      </c>
      <c r="AM963">
        <v>22</v>
      </c>
      <c r="AN963">
        <v>22</v>
      </c>
      <c r="AO963">
        <v>22</v>
      </c>
      <c r="AP963">
        <v>22</v>
      </c>
      <c r="AQ963">
        <v>22</v>
      </c>
    </row>
    <row r="964" spans="1:43">
      <c r="A964" t="s">
        <v>683</v>
      </c>
      <c r="B964" t="s">
        <v>684</v>
      </c>
      <c r="C964" t="s">
        <v>625</v>
      </c>
      <c r="D964" t="s">
        <v>626</v>
      </c>
      <c r="E964" t="s">
        <v>353</v>
      </c>
      <c r="F964" t="s">
        <v>354</v>
      </c>
      <c r="G964" t="s">
        <v>80</v>
      </c>
      <c r="H964" t="s">
        <v>81</v>
      </c>
      <c r="I964" s="2">
        <v>1</v>
      </c>
      <c r="J964" s="2">
        <v>0</v>
      </c>
      <c r="K964" s="2">
        <v>0</v>
      </c>
      <c r="L964" t="s">
        <v>120</v>
      </c>
      <c r="M964" t="s">
        <v>89</v>
      </c>
      <c r="N964" t="s">
        <v>90</v>
      </c>
      <c r="O964" t="s">
        <v>85</v>
      </c>
      <c r="P964" t="s">
        <v>86</v>
      </c>
      <c r="Q964">
        <v>22</v>
      </c>
      <c r="R964">
        <v>23</v>
      </c>
      <c r="S964">
        <v>23</v>
      </c>
      <c r="T964">
        <v>24</v>
      </c>
      <c r="U964">
        <v>24</v>
      </c>
      <c r="V964">
        <v>24</v>
      </c>
      <c r="W964">
        <v>25</v>
      </c>
      <c r="X964">
        <v>25</v>
      </c>
      <c r="Y964">
        <v>25</v>
      </c>
      <c r="Z964">
        <v>26</v>
      </c>
      <c r="AA964">
        <v>26</v>
      </c>
      <c r="AB964">
        <v>26</v>
      </c>
      <c r="AC964">
        <v>27</v>
      </c>
      <c r="AD964">
        <v>27</v>
      </c>
      <c r="AE964">
        <v>27</v>
      </c>
      <c r="AF964">
        <v>27</v>
      </c>
      <c r="AG964">
        <v>27</v>
      </c>
      <c r="AH964">
        <v>27</v>
      </c>
      <c r="AI964">
        <v>27</v>
      </c>
      <c r="AJ964">
        <v>26</v>
      </c>
      <c r="AK964">
        <v>26</v>
      </c>
      <c r="AL964">
        <v>26</v>
      </c>
      <c r="AM964">
        <v>26</v>
      </c>
      <c r="AN964">
        <v>26</v>
      </c>
      <c r="AO964">
        <v>26</v>
      </c>
      <c r="AP964">
        <v>26</v>
      </c>
      <c r="AQ964">
        <v>26</v>
      </c>
    </row>
    <row r="965" spans="1:43">
      <c r="A965" t="s">
        <v>683</v>
      </c>
      <c r="B965" t="s">
        <v>684</v>
      </c>
      <c r="C965" t="s">
        <v>625</v>
      </c>
      <c r="D965" t="s">
        <v>626</v>
      </c>
      <c r="E965" t="s">
        <v>353</v>
      </c>
      <c r="F965" t="s">
        <v>354</v>
      </c>
      <c r="G965" t="s">
        <v>80</v>
      </c>
      <c r="H965" t="s">
        <v>81</v>
      </c>
      <c r="I965" s="2">
        <v>1</v>
      </c>
      <c r="J965" s="2">
        <v>0</v>
      </c>
      <c r="K965" s="2">
        <v>0</v>
      </c>
      <c r="L965" t="s">
        <v>120</v>
      </c>
      <c r="M965" t="s">
        <v>83</v>
      </c>
      <c r="N965" t="s">
        <v>91</v>
      </c>
      <c r="O965" t="s">
        <v>85</v>
      </c>
      <c r="P965" t="s">
        <v>86</v>
      </c>
      <c r="Q965">
        <v>22</v>
      </c>
      <c r="R965">
        <v>22</v>
      </c>
      <c r="S965">
        <v>23</v>
      </c>
      <c r="T965">
        <v>23</v>
      </c>
      <c r="U965">
        <v>23</v>
      </c>
      <c r="V965">
        <v>23</v>
      </c>
      <c r="W965">
        <v>24</v>
      </c>
      <c r="X965">
        <v>24</v>
      </c>
      <c r="Y965">
        <v>24</v>
      </c>
      <c r="Z965">
        <v>24</v>
      </c>
      <c r="AA965">
        <v>24</v>
      </c>
      <c r="AB965">
        <v>25</v>
      </c>
      <c r="AC965">
        <v>25</v>
      </c>
      <c r="AD965">
        <v>25</v>
      </c>
      <c r="AE965">
        <v>25</v>
      </c>
      <c r="AF965">
        <v>25</v>
      </c>
      <c r="AG965">
        <v>26</v>
      </c>
      <c r="AH965">
        <v>26</v>
      </c>
      <c r="AI965">
        <v>26</v>
      </c>
      <c r="AJ965">
        <v>26</v>
      </c>
      <c r="AK965">
        <v>26</v>
      </c>
      <c r="AL965">
        <v>26</v>
      </c>
      <c r="AM965">
        <v>26</v>
      </c>
      <c r="AN965">
        <v>26</v>
      </c>
      <c r="AO965">
        <v>26</v>
      </c>
      <c r="AP965">
        <v>26</v>
      </c>
      <c r="AQ965">
        <v>26</v>
      </c>
    </row>
    <row r="966" spans="1:43">
      <c r="A966" t="s">
        <v>685</v>
      </c>
      <c r="B966" t="s">
        <v>686</v>
      </c>
      <c r="C966" t="s">
        <v>673</v>
      </c>
      <c r="D966" t="s">
        <v>674</v>
      </c>
      <c r="E966" t="s">
        <v>353</v>
      </c>
      <c r="F966" t="s">
        <v>354</v>
      </c>
      <c r="G966" t="s">
        <v>80</v>
      </c>
      <c r="H966" t="s">
        <v>81</v>
      </c>
      <c r="I966" s="2">
        <v>1</v>
      </c>
      <c r="J966" s="2">
        <v>0</v>
      </c>
      <c r="K966" s="2">
        <v>0</v>
      </c>
      <c r="L966" t="s">
        <v>120</v>
      </c>
      <c r="M966" t="s">
        <v>83</v>
      </c>
      <c r="N966" t="s">
        <v>84</v>
      </c>
      <c r="O966" t="s">
        <v>85</v>
      </c>
      <c r="P966" t="s">
        <v>86</v>
      </c>
      <c r="Q966">
        <v>30</v>
      </c>
      <c r="R966">
        <v>30</v>
      </c>
      <c r="S966">
        <v>30</v>
      </c>
      <c r="T966">
        <v>31</v>
      </c>
      <c r="U966">
        <v>31</v>
      </c>
      <c r="V966">
        <v>31</v>
      </c>
      <c r="W966">
        <v>32</v>
      </c>
      <c r="X966">
        <v>32</v>
      </c>
      <c r="Y966">
        <v>32</v>
      </c>
      <c r="Z966">
        <v>32</v>
      </c>
      <c r="AA966">
        <v>33</v>
      </c>
      <c r="AB966">
        <v>33</v>
      </c>
      <c r="AC966">
        <v>33</v>
      </c>
      <c r="AD966">
        <v>33</v>
      </c>
      <c r="AE966">
        <v>34</v>
      </c>
      <c r="AF966">
        <v>34</v>
      </c>
      <c r="AG966">
        <v>34</v>
      </c>
      <c r="AH966">
        <v>34</v>
      </c>
      <c r="AI966">
        <v>35</v>
      </c>
      <c r="AJ966">
        <v>35</v>
      </c>
      <c r="AK966">
        <v>35</v>
      </c>
      <c r="AL966">
        <v>35</v>
      </c>
      <c r="AM966">
        <v>35</v>
      </c>
      <c r="AN966">
        <v>35</v>
      </c>
      <c r="AO966">
        <v>35</v>
      </c>
      <c r="AP966">
        <v>35</v>
      </c>
      <c r="AQ966">
        <v>35</v>
      </c>
    </row>
    <row r="967" spans="1:43">
      <c r="A967" t="s">
        <v>685</v>
      </c>
      <c r="B967" t="s">
        <v>686</v>
      </c>
      <c r="C967" t="s">
        <v>673</v>
      </c>
      <c r="D967" t="s">
        <v>674</v>
      </c>
      <c r="E967" t="s">
        <v>353</v>
      </c>
      <c r="F967" t="s">
        <v>354</v>
      </c>
      <c r="G967" t="s">
        <v>80</v>
      </c>
      <c r="H967" t="s">
        <v>81</v>
      </c>
      <c r="I967" s="2">
        <v>1</v>
      </c>
      <c r="J967" s="2">
        <v>0</v>
      </c>
      <c r="K967" s="2">
        <v>0</v>
      </c>
      <c r="L967" t="s">
        <v>120</v>
      </c>
      <c r="M967" t="s">
        <v>87</v>
      </c>
      <c r="N967" t="s">
        <v>88</v>
      </c>
      <c r="O967" t="s">
        <v>85</v>
      </c>
      <c r="P967" t="s">
        <v>86</v>
      </c>
      <c r="Q967">
        <v>30</v>
      </c>
      <c r="R967">
        <v>30</v>
      </c>
      <c r="S967">
        <v>30</v>
      </c>
      <c r="T967">
        <v>31</v>
      </c>
      <c r="U967">
        <v>31</v>
      </c>
      <c r="V967">
        <v>31</v>
      </c>
      <c r="W967">
        <v>31</v>
      </c>
      <c r="X967">
        <v>31</v>
      </c>
      <c r="Y967">
        <v>31</v>
      </c>
      <c r="Z967">
        <v>31</v>
      </c>
      <c r="AA967">
        <v>31</v>
      </c>
      <c r="AB967">
        <v>31</v>
      </c>
      <c r="AC967">
        <v>31</v>
      </c>
      <c r="AD967">
        <v>31</v>
      </c>
      <c r="AE967">
        <v>31</v>
      </c>
      <c r="AF967">
        <v>31</v>
      </c>
      <c r="AG967">
        <v>31</v>
      </c>
      <c r="AH967">
        <v>31</v>
      </c>
      <c r="AI967">
        <v>31</v>
      </c>
      <c r="AJ967">
        <v>31</v>
      </c>
      <c r="AK967">
        <v>31</v>
      </c>
      <c r="AL967">
        <v>31</v>
      </c>
      <c r="AM967">
        <v>31</v>
      </c>
      <c r="AN967">
        <v>31</v>
      </c>
      <c r="AO967">
        <v>31</v>
      </c>
      <c r="AP967">
        <v>31</v>
      </c>
      <c r="AQ967">
        <v>31</v>
      </c>
    </row>
    <row r="968" spans="1:43">
      <c r="A968" t="s">
        <v>685</v>
      </c>
      <c r="B968" t="s">
        <v>686</v>
      </c>
      <c r="C968" t="s">
        <v>673</v>
      </c>
      <c r="D968" t="s">
        <v>674</v>
      </c>
      <c r="E968" t="s">
        <v>353</v>
      </c>
      <c r="F968" t="s">
        <v>354</v>
      </c>
      <c r="G968" t="s">
        <v>80</v>
      </c>
      <c r="H968" t="s">
        <v>81</v>
      </c>
      <c r="I968" s="2">
        <v>1</v>
      </c>
      <c r="J968" s="2">
        <v>0</v>
      </c>
      <c r="K968" s="2">
        <v>0</v>
      </c>
      <c r="L968" t="s">
        <v>120</v>
      </c>
      <c r="M968" t="s">
        <v>89</v>
      </c>
      <c r="N968" t="s">
        <v>90</v>
      </c>
      <c r="O968" t="s">
        <v>85</v>
      </c>
      <c r="P968" t="s">
        <v>86</v>
      </c>
      <c r="Q968">
        <v>30</v>
      </c>
      <c r="R968">
        <v>30</v>
      </c>
      <c r="S968">
        <v>31</v>
      </c>
      <c r="T968">
        <v>32</v>
      </c>
      <c r="U968">
        <v>32</v>
      </c>
      <c r="V968">
        <v>33</v>
      </c>
      <c r="W968">
        <v>33</v>
      </c>
      <c r="X968">
        <v>34</v>
      </c>
      <c r="Y968">
        <v>34</v>
      </c>
      <c r="Z968">
        <v>34</v>
      </c>
      <c r="AA968">
        <v>35</v>
      </c>
      <c r="AB968">
        <v>35</v>
      </c>
      <c r="AC968">
        <v>36</v>
      </c>
      <c r="AD968">
        <v>36</v>
      </c>
      <c r="AE968">
        <v>36</v>
      </c>
      <c r="AF968">
        <v>36</v>
      </c>
      <c r="AG968">
        <v>36</v>
      </c>
      <c r="AH968">
        <v>36</v>
      </c>
      <c r="AI968">
        <v>36</v>
      </c>
      <c r="AJ968">
        <v>36</v>
      </c>
      <c r="AK968">
        <v>36</v>
      </c>
      <c r="AL968">
        <v>35</v>
      </c>
      <c r="AM968">
        <v>35</v>
      </c>
      <c r="AN968">
        <v>35</v>
      </c>
      <c r="AO968">
        <v>35</v>
      </c>
      <c r="AP968">
        <v>35</v>
      </c>
      <c r="AQ968">
        <v>35</v>
      </c>
    </row>
    <row r="969" spans="1:43">
      <c r="A969" t="s">
        <v>685</v>
      </c>
      <c r="B969" t="s">
        <v>686</v>
      </c>
      <c r="C969" t="s">
        <v>673</v>
      </c>
      <c r="D969" t="s">
        <v>674</v>
      </c>
      <c r="E969" t="s">
        <v>353</v>
      </c>
      <c r="F969" t="s">
        <v>354</v>
      </c>
      <c r="G969" t="s">
        <v>80</v>
      </c>
      <c r="H969" t="s">
        <v>81</v>
      </c>
      <c r="I969" s="2">
        <v>1</v>
      </c>
      <c r="J969" s="2">
        <v>0</v>
      </c>
      <c r="K969" s="2">
        <v>0</v>
      </c>
      <c r="L969" t="s">
        <v>120</v>
      </c>
      <c r="M969" t="s">
        <v>83</v>
      </c>
      <c r="N969" t="s">
        <v>91</v>
      </c>
      <c r="O969" t="s">
        <v>85</v>
      </c>
      <c r="P969" t="s">
        <v>86</v>
      </c>
      <c r="Q969">
        <v>30</v>
      </c>
      <c r="R969">
        <v>30</v>
      </c>
      <c r="S969">
        <v>30</v>
      </c>
      <c r="T969">
        <v>31</v>
      </c>
      <c r="U969">
        <v>31</v>
      </c>
      <c r="V969">
        <v>31</v>
      </c>
      <c r="W969">
        <v>32</v>
      </c>
      <c r="X969">
        <v>32</v>
      </c>
      <c r="Y969">
        <v>32</v>
      </c>
      <c r="Z969">
        <v>32</v>
      </c>
      <c r="AA969">
        <v>33</v>
      </c>
      <c r="AB969">
        <v>33</v>
      </c>
      <c r="AC969">
        <v>33</v>
      </c>
      <c r="AD969">
        <v>33</v>
      </c>
      <c r="AE969">
        <v>34</v>
      </c>
      <c r="AF969">
        <v>34</v>
      </c>
      <c r="AG969">
        <v>34</v>
      </c>
      <c r="AH969">
        <v>34</v>
      </c>
      <c r="AI969">
        <v>35</v>
      </c>
      <c r="AJ969">
        <v>35</v>
      </c>
      <c r="AK969">
        <v>35</v>
      </c>
      <c r="AL969">
        <v>35</v>
      </c>
      <c r="AM969">
        <v>35</v>
      </c>
      <c r="AN969">
        <v>35</v>
      </c>
      <c r="AO969">
        <v>35</v>
      </c>
      <c r="AP969">
        <v>35</v>
      </c>
      <c r="AQ969">
        <v>35</v>
      </c>
    </row>
    <row r="970" spans="1:43">
      <c r="A970" t="s">
        <v>687</v>
      </c>
      <c r="B970" t="s">
        <v>688</v>
      </c>
      <c r="C970" t="s">
        <v>689</v>
      </c>
      <c r="D970" t="s">
        <v>690</v>
      </c>
      <c r="E970" t="s">
        <v>353</v>
      </c>
      <c r="F970" t="s">
        <v>354</v>
      </c>
      <c r="G970" t="s">
        <v>80</v>
      </c>
      <c r="H970" t="s">
        <v>81</v>
      </c>
      <c r="I970" s="2">
        <v>1</v>
      </c>
      <c r="J970" s="2">
        <v>0</v>
      </c>
      <c r="K970" s="2">
        <v>0</v>
      </c>
      <c r="L970" t="s">
        <v>120</v>
      </c>
      <c r="M970" t="s">
        <v>83</v>
      </c>
      <c r="N970" t="s">
        <v>84</v>
      </c>
      <c r="O970" t="s">
        <v>85</v>
      </c>
      <c r="P970" t="s">
        <v>86</v>
      </c>
      <c r="Q970">
        <v>22</v>
      </c>
      <c r="R970">
        <v>22</v>
      </c>
      <c r="S970">
        <v>22</v>
      </c>
      <c r="T970">
        <v>22</v>
      </c>
      <c r="U970">
        <v>23</v>
      </c>
      <c r="V970">
        <v>23</v>
      </c>
      <c r="W970">
        <v>23</v>
      </c>
      <c r="X970">
        <v>23</v>
      </c>
      <c r="Y970">
        <v>24</v>
      </c>
      <c r="Z970">
        <v>24</v>
      </c>
      <c r="AA970">
        <v>24</v>
      </c>
      <c r="AB970">
        <v>24</v>
      </c>
      <c r="AC970">
        <v>24</v>
      </c>
      <c r="AD970">
        <v>25</v>
      </c>
      <c r="AE970">
        <v>25</v>
      </c>
      <c r="AF970">
        <v>25</v>
      </c>
      <c r="AG970">
        <v>25</v>
      </c>
      <c r="AH970">
        <v>25</v>
      </c>
      <c r="AI970">
        <v>25</v>
      </c>
      <c r="AJ970">
        <v>26</v>
      </c>
      <c r="AK970">
        <v>26</v>
      </c>
      <c r="AL970">
        <v>26</v>
      </c>
      <c r="AM970">
        <v>26</v>
      </c>
      <c r="AN970">
        <v>26</v>
      </c>
      <c r="AO970">
        <v>26</v>
      </c>
      <c r="AP970">
        <v>25</v>
      </c>
      <c r="AQ970">
        <v>25</v>
      </c>
    </row>
    <row r="971" spans="1:43">
      <c r="A971" t="s">
        <v>687</v>
      </c>
      <c r="B971" t="s">
        <v>688</v>
      </c>
      <c r="C971" t="s">
        <v>689</v>
      </c>
      <c r="D971" t="s">
        <v>690</v>
      </c>
      <c r="E971" t="s">
        <v>353</v>
      </c>
      <c r="F971" t="s">
        <v>354</v>
      </c>
      <c r="G971" t="s">
        <v>80</v>
      </c>
      <c r="H971" t="s">
        <v>81</v>
      </c>
      <c r="I971" s="2">
        <v>1</v>
      </c>
      <c r="J971" s="2">
        <v>0</v>
      </c>
      <c r="K971" s="2">
        <v>0</v>
      </c>
      <c r="L971" t="s">
        <v>120</v>
      </c>
      <c r="M971" t="s">
        <v>87</v>
      </c>
      <c r="N971" t="s">
        <v>88</v>
      </c>
      <c r="O971" t="s">
        <v>85</v>
      </c>
      <c r="P971" t="s">
        <v>86</v>
      </c>
      <c r="Q971">
        <v>22</v>
      </c>
      <c r="R971">
        <v>22</v>
      </c>
      <c r="S971">
        <v>22</v>
      </c>
      <c r="T971">
        <v>22</v>
      </c>
      <c r="U971">
        <v>22</v>
      </c>
      <c r="V971">
        <v>22</v>
      </c>
      <c r="W971">
        <v>22</v>
      </c>
      <c r="X971">
        <v>22</v>
      </c>
      <c r="Y971">
        <v>22</v>
      </c>
      <c r="Z971">
        <v>22</v>
      </c>
      <c r="AA971">
        <v>22</v>
      </c>
      <c r="AB971">
        <v>22</v>
      </c>
      <c r="AC971">
        <v>22</v>
      </c>
      <c r="AD971">
        <v>22</v>
      </c>
      <c r="AE971">
        <v>22</v>
      </c>
      <c r="AF971">
        <v>22</v>
      </c>
      <c r="AG971">
        <v>22</v>
      </c>
      <c r="AH971">
        <v>22</v>
      </c>
      <c r="AI971">
        <v>22</v>
      </c>
      <c r="AJ971">
        <v>22</v>
      </c>
      <c r="AK971">
        <v>22</v>
      </c>
      <c r="AL971">
        <v>22</v>
      </c>
      <c r="AM971">
        <v>22</v>
      </c>
      <c r="AN971">
        <v>22</v>
      </c>
      <c r="AO971">
        <v>22</v>
      </c>
      <c r="AP971">
        <v>22</v>
      </c>
      <c r="AQ971">
        <v>22</v>
      </c>
    </row>
    <row r="972" spans="1:43">
      <c r="A972" t="s">
        <v>687</v>
      </c>
      <c r="B972" t="s">
        <v>688</v>
      </c>
      <c r="C972" t="s">
        <v>689</v>
      </c>
      <c r="D972" t="s">
        <v>690</v>
      </c>
      <c r="E972" t="s">
        <v>353</v>
      </c>
      <c r="F972" t="s">
        <v>354</v>
      </c>
      <c r="G972" t="s">
        <v>80</v>
      </c>
      <c r="H972" t="s">
        <v>81</v>
      </c>
      <c r="I972" s="2">
        <v>1</v>
      </c>
      <c r="J972" s="2">
        <v>0</v>
      </c>
      <c r="K972" s="2">
        <v>0</v>
      </c>
      <c r="L972" t="s">
        <v>120</v>
      </c>
      <c r="M972" t="s">
        <v>89</v>
      </c>
      <c r="N972" t="s">
        <v>90</v>
      </c>
      <c r="O972" t="s">
        <v>85</v>
      </c>
      <c r="P972" t="s">
        <v>86</v>
      </c>
      <c r="Q972">
        <v>22</v>
      </c>
      <c r="R972">
        <v>22</v>
      </c>
      <c r="S972">
        <v>23</v>
      </c>
      <c r="T972">
        <v>23</v>
      </c>
      <c r="U972">
        <v>24</v>
      </c>
      <c r="V972">
        <v>24</v>
      </c>
      <c r="W972">
        <v>24</v>
      </c>
      <c r="X972">
        <v>25</v>
      </c>
      <c r="Y972">
        <v>25</v>
      </c>
      <c r="Z972">
        <v>25</v>
      </c>
      <c r="AA972">
        <v>25</v>
      </c>
      <c r="AB972">
        <v>26</v>
      </c>
      <c r="AC972">
        <v>26</v>
      </c>
      <c r="AD972">
        <v>26</v>
      </c>
      <c r="AE972">
        <v>26</v>
      </c>
      <c r="AF972">
        <v>26</v>
      </c>
      <c r="AG972">
        <v>26</v>
      </c>
      <c r="AH972">
        <v>26</v>
      </c>
      <c r="AI972">
        <v>26</v>
      </c>
      <c r="AJ972">
        <v>26</v>
      </c>
      <c r="AK972">
        <v>26</v>
      </c>
      <c r="AL972">
        <v>26</v>
      </c>
      <c r="AM972">
        <v>26</v>
      </c>
      <c r="AN972">
        <v>26</v>
      </c>
      <c r="AO972">
        <v>26</v>
      </c>
      <c r="AP972">
        <v>26</v>
      </c>
      <c r="AQ972">
        <v>26</v>
      </c>
    </row>
    <row r="973" spans="1:43">
      <c r="A973" t="s">
        <v>687</v>
      </c>
      <c r="B973" t="s">
        <v>688</v>
      </c>
      <c r="C973" t="s">
        <v>689</v>
      </c>
      <c r="D973" t="s">
        <v>690</v>
      </c>
      <c r="E973" t="s">
        <v>353</v>
      </c>
      <c r="F973" t="s">
        <v>354</v>
      </c>
      <c r="G973" t="s">
        <v>80</v>
      </c>
      <c r="H973" t="s">
        <v>81</v>
      </c>
      <c r="I973" s="2">
        <v>1</v>
      </c>
      <c r="J973" s="2">
        <v>0</v>
      </c>
      <c r="K973" s="2">
        <v>0</v>
      </c>
      <c r="L973" t="s">
        <v>120</v>
      </c>
      <c r="M973" t="s">
        <v>83</v>
      </c>
      <c r="N973" t="s">
        <v>91</v>
      </c>
      <c r="O973" t="s">
        <v>85</v>
      </c>
      <c r="P973" t="s">
        <v>86</v>
      </c>
      <c r="Q973">
        <v>22</v>
      </c>
      <c r="R973">
        <v>22</v>
      </c>
      <c r="S973">
        <v>22</v>
      </c>
      <c r="T973">
        <v>22</v>
      </c>
      <c r="U973">
        <v>23</v>
      </c>
      <c r="V973">
        <v>23</v>
      </c>
      <c r="W973">
        <v>23</v>
      </c>
      <c r="X973">
        <v>23</v>
      </c>
      <c r="Y973">
        <v>24</v>
      </c>
      <c r="Z973">
        <v>24</v>
      </c>
      <c r="AA973">
        <v>24</v>
      </c>
      <c r="AB973">
        <v>24</v>
      </c>
      <c r="AC973">
        <v>24</v>
      </c>
      <c r="AD973">
        <v>25</v>
      </c>
      <c r="AE973">
        <v>25</v>
      </c>
      <c r="AF973">
        <v>25</v>
      </c>
      <c r="AG973">
        <v>25</v>
      </c>
      <c r="AH973">
        <v>25</v>
      </c>
      <c r="AI973">
        <v>25</v>
      </c>
      <c r="AJ973">
        <v>26</v>
      </c>
      <c r="AK973">
        <v>26</v>
      </c>
      <c r="AL973">
        <v>26</v>
      </c>
      <c r="AM973">
        <v>26</v>
      </c>
      <c r="AN973">
        <v>26</v>
      </c>
      <c r="AO973">
        <v>26</v>
      </c>
      <c r="AP973">
        <v>25</v>
      </c>
      <c r="AQ973">
        <v>25</v>
      </c>
    </row>
    <row r="974" spans="1:43">
      <c r="A974" t="s">
        <v>691</v>
      </c>
      <c r="B974" t="s">
        <v>692</v>
      </c>
      <c r="C974" t="s">
        <v>693</v>
      </c>
      <c r="D974" t="s">
        <v>694</v>
      </c>
      <c r="E974" t="s">
        <v>353</v>
      </c>
      <c r="F974" t="s">
        <v>354</v>
      </c>
      <c r="G974" t="s">
        <v>80</v>
      </c>
      <c r="H974" t="s">
        <v>81</v>
      </c>
      <c r="I974" s="2">
        <v>1</v>
      </c>
      <c r="J974" s="2">
        <v>0</v>
      </c>
      <c r="K974" s="2">
        <v>0</v>
      </c>
      <c r="L974" t="s">
        <v>120</v>
      </c>
      <c r="M974" t="s">
        <v>83</v>
      </c>
      <c r="N974" t="s">
        <v>84</v>
      </c>
      <c r="O974" t="s">
        <v>85</v>
      </c>
      <c r="P974" t="s">
        <v>86</v>
      </c>
      <c r="Q974">
        <v>40</v>
      </c>
      <c r="R974">
        <v>41</v>
      </c>
      <c r="S974">
        <v>41</v>
      </c>
      <c r="T974">
        <v>42</v>
      </c>
      <c r="U974">
        <v>42</v>
      </c>
      <c r="V974">
        <v>43</v>
      </c>
      <c r="W974">
        <v>43</v>
      </c>
      <c r="X974">
        <v>43</v>
      </c>
      <c r="Y974">
        <v>44</v>
      </c>
      <c r="Z974">
        <v>44</v>
      </c>
      <c r="AA974">
        <v>44</v>
      </c>
      <c r="AB974">
        <v>45</v>
      </c>
      <c r="AC974">
        <v>45</v>
      </c>
      <c r="AD974">
        <v>46</v>
      </c>
      <c r="AE974">
        <v>46</v>
      </c>
      <c r="AF974">
        <v>46</v>
      </c>
      <c r="AG974">
        <v>47</v>
      </c>
      <c r="AH974">
        <v>47</v>
      </c>
      <c r="AI974">
        <v>47</v>
      </c>
      <c r="AJ974">
        <v>47</v>
      </c>
      <c r="AK974">
        <v>48</v>
      </c>
      <c r="AL974">
        <v>48</v>
      </c>
      <c r="AM974">
        <v>48</v>
      </c>
      <c r="AN974">
        <v>47</v>
      </c>
      <c r="AO974">
        <v>47</v>
      </c>
      <c r="AP974">
        <v>47</v>
      </c>
      <c r="AQ974">
        <v>47</v>
      </c>
    </row>
    <row r="975" spans="1:43">
      <c r="A975" t="s">
        <v>691</v>
      </c>
      <c r="B975" t="s">
        <v>692</v>
      </c>
      <c r="C975" t="s">
        <v>693</v>
      </c>
      <c r="D975" t="s">
        <v>694</v>
      </c>
      <c r="E975" t="s">
        <v>353</v>
      </c>
      <c r="F975" t="s">
        <v>354</v>
      </c>
      <c r="G975" t="s">
        <v>80</v>
      </c>
      <c r="H975" t="s">
        <v>81</v>
      </c>
      <c r="I975" s="2">
        <v>1</v>
      </c>
      <c r="J975" s="2">
        <v>0</v>
      </c>
      <c r="K975" s="2">
        <v>0</v>
      </c>
      <c r="L975" t="s">
        <v>120</v>
      </c>
      <c r="M975" t="s">
        <v>87</v>
      </c>
      <c r="N975" t="s">
        <v>88</v>
      </c>
      <c r="O975" t="s">
        <v>85</v>
      </c>
      <c r="P975" t="s">
        <v>86</v>
      </c>
      <c r="Q975">
        <v>40</v>
      </c>
      <c r="R975">
        <v>40</v>
      </c>
      <c r="S975">
        <v>40</v>
      </c>
      <c r="T975">
        <v>40</v>
      </c>
      <c r="U975">
        <v>40</v>
      </c>
      <c r="V975">
        <v>40</v>
      </c>
      <c r="W975">
        <v>40</v>
      </c>
      <c r="X975">
        <v>40</v>
      </c>
      <c r="Y975">
        <v>40</v>
      </c>
      <c r="Z975">
        <v>41</v>
      </c>
      <c r="AA975">
        <v>41</v>
      </c>
      <c r="AB975">
        <v>41</v>
      </c>
      <c r="AC975">
        <v>41</v>
      </c>
      <c r="AD975">
        <v>41</v>
      </c>
      <c r="AE975">
        <v>41</v>
      </c>
      <c r="AF975">
        <v>41</v>
      </c>
      <c r="AG975">
        <v>41</v>
      </c>
      <c r="AH975">
        <v>41</v>
      </c>
      <c r="AI975">
        <v>41</v>
      </c>
      <c r="AJ975">
        <v>41</v>
      </c>
      <c r="AK975">
        <v>41</v>
      </c>
      <c r="AL975">
        <v>41</v>
      </c>
      <c r="AM975">
        <v>41</v>
      </c>
      <c r="AN975">
        <v>41</v>
      </c>
      <c r="AO975">
        <v>41</v>
      </c>
      <c r="AP975">
        <v>41</v>
      </c>
      <c r="AQ975">
        <v>41</v>
      </c>
    </row>
    <row r="976" spans="1:43">
      <c r="A976" t="s">
        <v>691</v>
      </c>
      <c r="B976" t="s">
        <v>692</v>
      </c>
      <c r="C976" t="s">
        <v>693</v>
      </c>
      <c r="D976" t="s">
        <v>694</v>
      </c>
      <c r="E976" t="s">
        <v>353</v>
      </c>
      <c r="F976" t="s">
        <v>354</v>
      </c>
      <c r="G976" t="s">
        <v>80</v>
      </c>
      <c r="H976" t="s">
        <v>81</v>
      </c>
      <c r="I976" s="2">
        <v>1</v>
      </c>
      <c r="J976" s="2">
        <v>0</v>
      </c>
      <c r="K976" s="2">
        <v>0</v>
      </c>
      <c r="L976" t="s">
        <v>120</v>
      </c>
      <c r="M976" t="s">
        <v>89</v>
      </c>
      <c r="N976" t="s">
        <v>90</v>
      </c>
      <c r="O976" t="s">
        <v>85</v>
      </c>
      <c r="P976" t="s">
        <v>86</v>
      </c>
      <c r="Q976">
        <v>40</v>
      </c>
      <c r="R976">
        <v>41</v>
      </c>
      <c r="S976">
        <v>41</v>
      </c>
      <c r="T976">
        <v>42</v>
      </c>
      <c r="U976">
        <v>43</v>
      </c>
      <c r="V976">
        <v>43</v>
      </c>
      <c r="W976">
        <v>44</v>
      </c>
      <c r="X976">
        <v>45</v>
      </c>
      <c r="Y976">
        <v>45</v>
      </c>
      <c r="Z976">
        <v>46</v>
      </c>
      <c r="AA976">
        <v>46</v>
      </c>
      <c r="AB976">
        <v>47</v>
      </c>
      <c r="AC976">
        <v>47</v>
      </c>
      <c r="AD976">
        <v>48</v>
      </c>
      <c r="AE976">
        <v>48</v>
      </c>
      <c r="AF976">
        <v>48</v>
      </c>
      <c r="AG976">
        <v>48</v>
      </c>
      <c r="AH976">
        <v>48</v>
      </c>
      <c r="AI976">
        <v>48</v>
      </c>
      <c r="AJ976">
        <v>47</v>
      </c>
      <c r="AK976">
        <v>47</v>
      </c>
      <c r="AL976">
        <v>47</v>
      </c>
      <c r="AM976">
        <v>47</v>
      </c>
      <c r="AN976">
        <v>47</v>
      </c>
      <c r="AO976">
        <v>47</v>
      </c>
      <c r="AP976">
        <v>46</v>
      </c>
      <c r="AQ976">
        <v>46</v>
      </c>
    </row>
    <row r="977" spans="1:43">
      <c r="A977" t="s">
        <v>691</v>
      </c>
      <c r="B977" t="s">
        <v>692</v>
      </c>
      <c r="C977" t="s">
        <v>693</v>
      </c>
      <c r="D977" t="s">
        <v>694</v>
      </c>
      <c r="E977" t="s">
        <v>353</v>
      </c>
      <c r="F977" t="s">
        <v>354</v>
      </c>
      <c r="G977" t="s">
        <v>80</v>
      </c>
      <c r="H977" t="s">
        <v>81</v>
      </c>
      <c r="I977" s="2">
        <v>1</v>
      </c>
      <c r="J977" s="2">
        <v>0</v>
      </c>
      <c r="K977" s="2">
        <v>0</v>
      </c>
      <c r="L977" t="s">
        <v>120</v>
      </c>
      <c r="M977" t="s">
        <v>83</v>
      </c>
      <c r="N977" t="s">
        <v>91</v>
      </c>
      <c r="O977" t="s">
        <v>85</v>
      </c>
      <c r="P977" t="s">
        <v>86</v>
      </c>
      <c r="Q977">
        <v>40</v>
      </c>
      <c r="R977">
        <v>41</v>
      </c>
      <c r="S977">
        <v>41</v>
      </c>
      <c r="T977">
        <v>42</v>
      </c>
      <c r="U977">
        <v>42</v>
      </c>
      <c r="V977">
        <v>43</v>
      </c>
      <c r="W977">
        <v>43</v>
      </c>
      <c r="X977">
        <v>43</v>
      </c>
      <c r="Y977">
        <v>44</v>
      </c>
      <c r="Z977">
        <v>44</v>
      </c>
      <c r="AA977">
        <v>44</v>
      </c>
      <c r="AB977">
        <v>45</v>
      </c>
      <c r="AC977">
        <v>45</v>
      </c>
      <c r="AD977">
        <v>46</v>
      </c>
      <c r="AE977">
        <v>46</v>
      </c>
      <c r="AF977">
        <v>46</v>
      </c>
      <c r="AG977">
        <v>47</v>
      </c>
      <c r="AH977">
        <v>47</v>
      </c>
      <c r="AI977">
        <v>47</v>
      </c>
      <c r="AJ977">
        <v>47</v>
      </c>
      <c r="AK977">
        <v>48</v>
      </c>
      <c r="AL977">
        <v>48</v>
      </c>
      <c r="AM977">
        <v>48</v>
      </c>
      <c r="AN977">
        <v>47</v>
      </c>
      <c r="AO977">
        <v>47</v>
      </c>
      <c r="AP977">
        <v>47</v>
      </c>
      <c r="AQ977">
        <v>47</v>
      </c>
    </row>
    <row r="978" spans="1:43">
      <c r="A978" t="s">
        <v>695</v>
      </c>
      <c r="B978" t="s">
        <v>696</v>
      </c>
      <c r="C978" t="s">
        <v>689</v>
      </c>
      <c r="D978" t="s">
        <v>690</v>
      </c>
      <c r="E978" t="s">
        <v>353</v>
      </c>
      <c r="F978" t="s">
        <v>354</v>
      </c>
      <c r="G978" t="s">
        <v>80</v>
      </c>
      <c r="H978" t="s">
        <v>81</v>
      </c>
      <c r="I978" s="2">
        <v>1</v>
      </c>
      <c r="J978" s="2">
        <v>0</v>
      </c>
      <c r="K978" s="2">
        <v>0</v>
      </c>
      <c r="L978" t="s">
        <v>120</v>
      </c>
      <c r="M978" t="s">
        <v>83</v>
      </c>
      <c r="N978" t="s">
        <v>84</v>
      </c>
      <c r="O978" t="s">
        <v>85</v>
      </c>
      <c r="P978" t="s">
        <v>86</v>
      </c>
      <c r="Q978">
        <v>56</v>
      </c>
      <c r="R978">
        <v>57</v>
      </c>
      <c r="S978">
        <v>58</v>
      </c>
      <c r="T978">
        <v>58</v>
      </c>
      <c r="U978">
        <v>59</v>
      </c>
      <c r="V978">
        <v>60</v>
      </c>
      <c r="W978">
        <v>60</v>
      </c>
      <c r="X978">
        <v>61</v>
      </c>
      <c r="Y978">
        <v>61</v>
      </c>
      <c r="Z978">
        <v>62</v>
      </c>
      <c r="AA978">
        <v>62</v>
      </c>
      <c r="AB978">
        <v>63</v>
      </c>
      <c r="AC978">
        <v>63</v>
      </c>
      <c r="AD978">
        <v>64</v>
      </c>
      <c r="AE978">
        <v>64</v>
      </c>
      <c r="AF978">
        <v>65</v>
      </c>
      <c r="AG978">
        <v>65</v>
      </c>
      <c r="AH978">
        <v>66</v>
      </c>
      <c r="AI978">
        <v>66</v>
      </c>
      <c r="AJ978">
        <v>67</v>
      </c>
      <c r="AK978">
        <v>67</v>
      </c>
      <c r="AL978">
        <v>67</v>
      </c>
      <c r="AM978">
        <v>67</v>
      </c>
      <c r="AN978">
        <v>67</v>
      </c>
      <c r="AO978">
        <v>67</v>
      </c>
      <c r="AP978">
        <v>66</v>
      </c>
      <c r="AQ978">
        <v>66</v>
      </c>
    </row>
    <row r="979" spans="1:43">
      <c r="A979" t="s">
        <v>695</v>
      </c>
      <c r="B979" t="s">
        <v>696</v>
      </c>
      <c r="C979" t="s">
        <v>689</v>
      </c>
      <c r="D979" t="s">
        <v>690</v>
      </c>
      <c r="E979" t="s">
        <v>353</v>
      </c>
      <c r="F979" t="s">
        <v>354</v>
      </c>
      <c r="G979" t="s">
        <v>80</v>
      </c>
      <c r="H979" t="s">
        <v>81</v>
      </c>
      <c r="I979" s="2">
        <v>1</v>
      </c>
      <c r="J979" s="2">
        <v>0</v>
      </c>
      <c r="K979" s="2">
        <v>0</v>
      </c>
      <c r="L979" t="s">
        <v>120</v>
      </c>
      <c r="M979" t="s">
        <v>87</v>
      </c>
      <c r="N979" t="s">
        <v>88</v>
      </c>
      <c r="O979" t="s">
        <v>85</v>
      </c>
      <c r="P979" t="s">
        <v>86</v>
      </c>
      <c r="Q979">
        <v>56</v>
      </c>
      <c r="R979">
        <v>56</v>
      </c>
      <c r="S979">
        <v>56</v>
      </c>
      <c r="T979">
        <v>56</v>
      </c>
      <c r="U979">
        <v>56</v>
      </c>
      <c r="V979">
        <v>56</v>
      </c>
      <c r="W979">
        <v>56</v>
      </c>
      <c r="X979">
        <v>57</v>
      </c>
      <c r="Y979">
        <v>57</v>
      </c>
      <c r="Z979">
        <v>57</v>
      </c>
      <c r="AA979">
        <v>57</v>
      </c>
      <c r="AB979">
        <v>57</v>
      </c>
      <c r="AC979">
        <v>57</v>
      </c>
      <c r="AD979">
        <v>57</v>
      </c>
      <c r="AE979">
        <v>57</v>
      </c>
      <c r="AF979">
        <v>57</v>
      </c>
      <c r="AG979">
        <v>57</v>
      </c>
      <c r="AH979">
        <v>57</v>
      </c>
      <c r="AI979">
        <v>57</v>
      </c>
      <c r="AJ979">
        <v>57</v>
      </c>
      <c r="AK979">
        <v>57</v>
      </c>
      <c r="AL979">
        <v>57</v>
      </c>
      <c r="AM979">
        <v>57</v>
      </c>
      <c r="AN979">
        <v>57</v>
      </c>
      <c r="AO979">
        <v>57</v>
      </c>
      <c r="AP979">
        <v>58</v>
      </c>
      <c r="AQ979">
        <v>58</v>
      </c>
    </row>
    <row r="980" spans="1:43">
      <c r="A980" t="s">
        <v>695</v>
      </c>
      <c r="B980" t="s">
        <v>696</v>
      </c>
      <c r="C980" t="s">
        <v>689</v>
      </c>
      <c r="D980" t="s">
        <v>690</v>
      </c>
      <c r="E980" t="s">
        <v>353</v>
      </c>
      <c r="F980" t="s">
        <v>354</v>
      </c>
      <c r="G980" t="s">
        <v>80</v>
      </c>
      <c r="H980" t="s">
        <v>81</v>
      </c>
      <c r="I980" s="2">
        <v>1</v>
      </c>
      <c r="J980" s="2">
        <v>0</v>
      </c>
      <c r="K980" s="2">
        <v>0</v>
      </c>
      <c r="L980" t="s">
        <v>120</v>
      </c>
      <c r="M980" t="s">
        <v>89</v>
      </c>
      <c r="N980" t="s">
        <v>90</v>
      </c>
      <c r="O980" t="s">
        <v>85</v>
      </c>
      <c r="P980" t="s">
        <v>86</v>
      </c>
      <c r="Q980">
        <v>56</v>
      </c>
      <c r="R980">
        <v>57</v>
      </c>
      <c r="S980">
        <v>58</v>
      </c>
      <c r="T980">
        <v>59</v>
      </c>
      <c r="U980">
        <v>60</v>
      </c>
      <c r="V980">
        <v>61</v>
      </c>
      <c r="W980">
        <v>62</v>
      </c>
      <c r="X980">
        <v>63</v>
      </c>
      <c r="Y980">
        <v>64</v>
      </c>
      <c r="Z980">
        <v>64</v>
      </c>
      <c r="AA980">
        <v>65</v>
      </c>
      <c r="AB980">
        <v>66</v>
      </c>
      <c r="AC980">
        <v>67</v>
      </c>
      <c r="AD980">
        <v>68</v>
      </c>
      <c r="AE980">
        <v>68</v>
      </c>
      <c r="AF980">
        <v>68</v>
      </c>
      <c r="AG980">
        <v>68</v>
      </c>
      <c r="AH980">
        <v>67</v>
      </c>
      <c r="AI980">
        <v>67</v>
      </c>
      <c r="AJ980">
        <v>67</v>
      </c>
      <c r="AK980">
        <v>67</v>
      </c>
      <c r="AL980">
        <v>67</v>
      </c>
      <c r="AM980">
        <v>67</v>
      </c>
      <c r="AN980">
        <v>66</v>
      </c>
      <c r="AO980">
        <v>66</v>
      </c>
      <c r="AP980">
        <v>66</v>
      </c>
      <c r="AQ980">
        <v>66</v>
      </c>
    </row>
    <row r="981" spans="1:43">
      <c r="A981" t="s">
        <v>695</v>
      </c>
      <c r="B981" t="s">
        <v>696</v>
      </c>
      <c r="C981" t="s">
        <v>689</v>
      </c>
      <c r="D981" t="s">
        <v>690</v>
      </c>
      <c r="E981" t="s">
        <v>353</v>
      </c>
      <c r="F981" t="s">
        <v>354</v>
      </c>
      <c r="G981" t="s">
        <v>80</v>
      </c>
      <c r="H981" t="s">
        <v>81</v>
      </c>
      <c r="I981" s="2">
        <v>1</v>
      </c>
      <c r="J981" s="2">
        <v>0</v>
      </c>
      <c r="K981" s="2">
        <v>0</v>
      </c>
      <c r="L981" t="s">
        <v>120</v>
      </c>
      <c r="M981" t="s">
        <v>83</v>
      </c>
      <c r="N981" t="s">
        <v>91</v>
      </c>
      <c r="O981" t="s">
        <v>85</v>
      </c>
      <c r="P981" t="s">
        <v>86</v>
      </c>
      <c r="Q981">
        <v>56</v>
      </c>
      <c r="R981">
        <v>57</v>
      </c>
      <c r="S981">
        <v>58</v>
      </c>
      <c r="T981">
        <v>58</v>
      </c>
      <c r="U981">
        <v>59</v>
      </c>
      <c r="V981">
        <v>60</v>
      </c>
      <c r="W981">
        <v>60</v>
      </c>
      <c r="X981">
        <v>61</v>
      </c>
      <c r="Y981">
        <v>61</v>
      </c>
      <c r="Z981">
        <v>62</v>
      </c>
      <c r="AA981">
        <v>62</v>
      </c>
      <c r="AB981">
        <v>63</v>
      </c>
      <c r="AC981">
        <v>63</v>
      </c>
      <c r="AD981">
        <v>64</v>
      </c>
      <c r="AE981">
        <v>64</v>
      </c>
      <c r="AF981">
        <v>65</v>
      </c>
      <c r="AG981">
        <v>65</v>
      </c>
      <c r="AH981">
        <v>66</v>
      </c>
      <c r="AI981">
        <v>66</v>
      </c>
      <c r="AJ981">
        <v>67</v>
      </c>
      <c r="AK981">
        <v>67</v>
      </c>
      <c r="AL981">
        <v>67</v>
      </c>
      <c r="AM981">
        <v>67</v>
      </c>
      <c r="AN981">
        <v>67</v>
      </c>
      <c r="AO981">
        <v>67</v>
      </c>
      <c r="AP981">
        <v>66</v>
      </c>
      <c r="AQ981">
        <v>66</v>
      </c>
    </row>
    <row r="982" spans="1:43">
      <c r="A982" t="s">
        <v>697</v>
      </c>
      <c r="B982" t="s">
        <v>698</v>
      </c>
      <c r="C982" t="s">
        <v>693</v>
      </c>
      <c r="D982" t="s">
        <v>694</v>
      </c>
      <c r="E982" t="s">
        <v>353</v>
      </c>
      <c r="F982" t="s">
        <v>354</v>
      </c>
      <c r="G982" t="s">
        <v>80</v>
      </c>
      <c r="H982" t="s">
        <v>81</v>
      </c>
      <c r="I982" s="2">
        <v>1</v>
      </c>
      <c r="J982" s="2">
        <v>0</v>
      </c>
      <c r="K982" s="2">
        <v>0</v>
      </c>
      <c r="L982" t="s">
        <v>120</v>
      </c>
      <c r="M982" t="s">
        <v>83</v>
      </c>
      <c r="N982" t="s">
        <v>84</v>
      </c>
      <c r="O982" t="s">
        <v>85</v>
      </c>
      <c r="P982" t="s">
        <v>86</v>
      </c>
      <c r="Q982">
        <v>128</v>
      </c>
      <c r="R982">
        <v>129</v>
      </c>
      <c r="S982">
        <v>131</v>
      </c>
      <c r="T982">
        <v>132</v>
      </c>
      <c r="U982">
        <v>134</v>
      </c>
      <c r="V982">
        <v>135</v>
      </c>
      <c r="W982">
        <v>136</v>
      </c>
      <c r="X982">
        <v>137</v>
      </c>
      <c r="Y982">
        <v>139</v>
      </c>
      <c r="Z982">
        <v>140</v>
      </c>
      <c r="AA982">
        <v>141</v>
      </c>
      <c r="AB982">
        <v>142</v>
      </c>
      <c r="AC982">
        <v>143</v>
      </c>
      <c r="AD982">
        <v>144</v>
      </c>
      <c r="AE982">
        <v>145</v>
      </c>
      <c r="AF982">
        <v>146</v>
      </c>
      <c r="AG982">
        <v>147</v>
      </c>
      <c r="AH982">
        <v>148</v>
      </c>
      <c r="AI982">
        <v>149</v>
      </c>
      <c r="AJ982">
        <v>150</v>
      </c>
      <c r="AK982">
        <v>151</v>
      </c>
      <c r="AL982">
        <v>151</v>
      </c>
      <c r="AM982">
        <v>151</v>
      </c>
      <c r="AN982">
        <v>150</v>
      </c>
      <c r="AO982">
        <v>150</v>
      </c>
      <c r="AP982">
        <v>149</v>
      </c>
      <c r="AQ982">
        <v>149</v>
      </c>
    </row>
    <row r="983" spans="1:43">
      <c r="A983" t="s">
        <v>697</v>
      </c>
      <c r="B983" t="s">
        <v>698</v>
      </c>
      <c r="C983" t="s">
        <v>693</v>
      </c>
      <c r="D983" t="s">
        <v>694</v>
      </c>
      <c r="E983" t="s">
        <v>353</v>
      </c>
      <c r="F983" t="s">
        <v>354</v>
      </c>
      <c r="G983" t="s">
        <v>80</v>
      </c>
      <c r="H983" t="s">
        <v>81</v>
      </c>
      <c r="I983" s="2">
        <v>1</v>
      </c>
      <c r="J983" s="2">
        <v>0</v>
      </c>
      <c r="K983" s="2">
        <v>0</v>
      </c>
      <c r="L983" t="s">
        <v>120</v>
      </c>
      <c r="M983" t="s">
        <v>87</v>
      </c>
      <c r="N983" t="s">
        <v>88</v>
      </c>
      <c r="O983" t="s">
        <v>85</v>
      </c>
      <c r="P983" t="s">
        <v>86</v>
      </c>
      <c r="Q983">
        <v>128</v>
      </c>
      <c r="R983">
        <v>128</v>
      </c>
      <c r="S983">
        <v>128</v>
      </c>
      <c r="T983">
        <v>128</v>
      </c>
      <c r="U983">
        <v>129</v>
      </c>
      <c r="V983">
        <v>129</v>
      </c>
      <c r="W983">
        <v>129</v>
      </c>
      <c r="X983">
        <v>129</v>
      </c>
      <c r="Y983">
        <v>129</v>
      </c>
      <c r="Z983">
        <v>129</v>
      </c>
      <c r="AA983">
        <v>129</v>
      </c>
      <c r="AB983">
        <v>130</v>
      </c>
      <c r="AC983">
        <v>130</v>
      </c>
      <c r="AD983">
        <v>130</v>
      </c>
      <c r="AE983">
        <v>130</v>
      </c>
      <c r="AF983">
        <v>130</v>
      </c>
      <c r="AG983">
        <v>130</v>
      </c>
      <c r="AH983">
        <v>130</v>
      </c>
      <c r="AI983">
        <v>130</v>
      </c>
      <c r="AJ983">
        <v>130</v>
      </c>
      <c r="AK983">
        <v>130</v>
      </c>
      <c r="AL983">
        <v>130</v>
      </c>
      <c r="AM983">
        <v>130</v>
      </c>
      <c r="AN983">
        <v>130</v>
      </c>
      <c r="AO983">
        <v>130</v>
      </c>
      <c r="AP983">
        <v>130</v>
      </c>
      <c r="AQ983">
        <v>130</v>
      </c>
    </row>
    <row r="984" spans="1:43">
      <c r="A984" t="s">
        <v>697</v>
      </c>
      <c r="B984" t="s">
        <v>698</v>
      </c>
      <c r="C984" t="s">
        <v>693</v>
      </c>
      <c r="D984" t="s">
        <v>694</v>
      </c>
      <c r="E984" t="s">
        <v>353</v>
      </c>
      <c r="F984" t="s">
        <v>354</v>
      </c>
      <c r="G984" t="s">
        <v>80</v>
      </c>
      <c r="H984" t="s">
        <v>81</v>
      </c>
      <c r="I984" s="2">
        <v>1</v>
      </c>
      <c r="J984" s="2">
        <v>0</v>
      </c>
      <c r="K984" s="2">
        <v>0</v>
      </c>
      <c r="L984" t="s">
        <v>120</v>
      </c>
      <c r="M984" t="s">
        <v>89</v>
      </c>
      <c r="N984" t="s">
        <v>90</v>
      </c>
      <c r="O984" t="s">
        <v>85</v>
      </c>
      <c r="P984" t="s">
        <v>86</v>
      </c>
      <c r="Q984">
        <v>128</v>
      </c>
      <c r="R984">
        <v>131</v>
      </c>
      <c r="S984">
        <v>133</v>
      </c>
      <c r="T984">
        <v>136</v>
      </c>
      <c r="U984">
        <v>138</v>
      </c>
      <c r="V984">
        <v>140</v>
      </c>
      <c r="W984">
        <v>142</v>
      </c>
      <c r="X984">
        <v>144</v>
      </c>
      <c r="Y984">
        <v>146</v>
      </c>
      <c r="Z984">
        <v>147</v>
      </c>
      <c r="AA984">
        <v>149</v>
      </c>
      <c r="AB984">
        <v>151</v>
      </c>
      <c r="AC984">
        <v>152</v>
      </c>
      <c r="AD984">
        <v>154</v>
      </c>
      <c r="AE984">
        <v>155</v>
      </c>
      <c r="AF984">
        <v>154</v>
      </c>
      <c r="AG984">
        <v>154</v>
      </c>
      <c r="AH984">
        <v>153</v>
      </c>
      <c r="AI984">
        <v>153</v>
      </c>
      <c r="AJ984">
        <v>152</v>
      </c>
      <c r="AK984">
        <v>152</v>
      </c>
      <c r="AL984">
        <v>151</v>
      </c>
      <c r="AM984">
        <v>151</v>
      </c>
      <c r="AN984">
        <v>150</v>
      </c>
      <c r="AO984">
        <v>150</v>
      </c>
      <c r="AP984">
        <v>149</v>
      </c>
      <c r="AQ984">
        <v>148</v>
      </c>
    </row>
    <row r="985" spans="1:43">
      <c r="A985" t="s">
        <v>697</v>
      </c>
      <c r="B985" t="s">
        <v>698</v>
      </c>
      <c r="C985" t="s">
        <v>693</v>
      </c>
      <c r="D985" t="s">
        <v>694</v>
      </c>
      <c r="E985" t="s">
        <v>353</v>
      </c>
      <c r="F985" t="s">
        <v>354</v>
      </c>
      <c r="G985" t="s">
        <v>80</v>
      </c>
      <c r="H985" t="s">
        <v>81</v>
      </c>
      <c r="I985" s="2">
        <v>1</v>
      </c>
      <c r="J985" s="2">
        <v>0</v>
      </c>
      <c r="K985" s="2">
        <v>0</v>
      </c>
      <c r="L985" t="s">
        <v>120</v>
      </c>
      <c r="M985" t="s">
        <v>83</v>
      </c>
      <c r="N985" t="s">
        <v>91</v>
      </c>
      <c r="O985" t="s">
        <v>85</v>
      </c>
      <c r="P985" t="s">
        <v>86</v>
      </c>
      <c r="Q985">
        <v>128</v>
      </c>
      <c r="R985">
        <v>129</v>
      </c>
      <c r="S985">
        <v>131</v>
      </c>
      <c r="T985">
        <v>132</v>
      </c>
      <c r="U985">
        <v>134</v>
      </c>
      <c r="V985">
        <v>135</v>
      </c>
      <c r="W985">
        <v>136</v>
      </c>
      <c r="X985">
        <v>137</v>
      </c>
      <c r="Y985">
        <v>139</v>
      </c>
      <c r="Z985">
        <v>140</v>
      </c>
      <c r="AA985">
        <v>141</v>
      </c>
      <c r="AB985">
        <v>142</v>
      </c>
      <c r="AC985">
        <v>143</v>
      </c>
      <c r="AD985">
        <v>144</v>
      </c>
      <c r="AE985">
        <v>145</v>
      </c>
      <c r="AF985">
        <v>146</v>
      </c>
      <c r="AG985">
        <v>147</v>
      </c>
      <c r="AH985">
        <v>148</v>
      </c>
      <c r="AI985">
        <v>149</v>
      </c>
      <c r="AJ985">
        <v>150</v>
      </c>
      <c r="AK985">
        <v>151</v>
      </c>
      <c r="AL985">
        <v>151</v>
      </c>
      <c r="AM985">
        <v>151</v>
      </c>
      <c r="AN985">
        <v>150</v>
      </c>
      <c r="AO985">
        <v>150</v>
      </c>
      <c r="AP985">
        <v>149</v>
      </c>
      <c r="AQ985">
        <v>149</v>
      </c>
    </row>
    <row r="986" spans="1:43">
      <c r="A986" t="s">
        <v>699</v>
      </c>
      <c r="B986" t="s">
        <v>700</v>
      </c>
      <c r="C986" t="s">
        <v>561</v>
      </c>
      <c r="D986" t="s">
        <v>562</v>
      </c>
      <c r="E986" t="s">
        <v>353</v>
      </c>
      <c r="F986" t="s">
        <v>354</v>
      </c>
      <c r="G986" t="s">
        <v>80</v>
      </c>
      <c r="H986" t="s">
        <v>81</v>
      </c>
      <c r="I986" s="2">
        <v>1</v>
      </c>
      <c r="J986" s="2">
        <v>0</v>
      </c>
      <c r="K986" s="2">
        <v>0</v>
      </c>
      <c r="L986" t="s">
        <v>120</v>
      </c>
      <c r="M986" t="s">
        <v>83</v>
      </c>
      <c r="N986" t="s">
        <v>84</v>
      </c>
      <c r="O986" t="s">
        <v>85</v>
      </c>
      <c r="P986" t="s">
        <v>86</v>
      </c>
      <c r="Q986">
        <v>15</v>
      </c>
      <c r="R986">
        <v>15</v>
      </c>
      <c r="S986">
        <v>15</v>
      </c>
      <c r="T986">
        <v>15</v>
      </c>
      <c r="U986">
        <v>16</v>
      </c>
      <c r="V986">
        <v>16</v>
      </c>
      <c r="W986">
        <v>16</v>
      </c>
      <c r="X986">
        <v>16</v>
      </c>
      <c r="Y986">
        <v>16</v>
      </c>
      <c r="Z986">
        <v>16</v>
      </c>
      <c r="AA986">
        <v>17</v>
      </c>
      <c r="AB986">
        <v>17</v>
      </c>
      <c r="AC986">
        <v>17</v>
      </c>
      <c r="AD986">
        <v>17</v>
      </c>
      <c r="AE986">
        <v>17</v>
      </c>
      <c r="AF986">
        <v>17</v>
      </c>
      <c r="AG986">
        <v>17</v>
      </c>
      <c r="AH986">
        <v>17</v>
      </c>
      <c r="AI986">
        <v>18</v>
      </c>
      <c r="AJ986">
        <v>18</v>
      </c>
      <c r="AK986">
        <v>18</v>
      </c>
      <c r="AL986">
        <v>18</v>
      </c>
      <c r="AM986">
        <v>18</v>
      </c>
      <c r="AN986">
        <v>18</v>
      </c>
      <c r="AO986">
        <v>18</v>
      </c>
      <c r="AP986">
        <v>18</v>
      </c>
      <c r="AQ986">
        <v>18</v>
      </c>
    </row>
    <row r="987" spans="1:43">
      <c r="A987" t="s">
        <v>699</v>
      </c>
      <c r="B987" t="s">
        <v>700</v>
      </c>
      <c r="C987" t="s">
        <v>561</v>
      </c>
      <c r="D987" t="s">
        <v>562</v>
      </c>
      <c r="E987" t="s">
        <v>353</v>
      </c>
      <c r="F987" t="s">
        <v>354</v>
      </c>
      <c r="G987" t="s">
        <v>80</v>
      </c>
      <c r="H987" t="s">
        <v>81</v>
      </c>
      <c r="I987" s="2">
        <v>1</v>
      </c>
      <c r="J987" s="2">
        <v>0</v>
      </c>
      <c r="K987" s="2">
        <v>0</v>
      </c>
      <c r="L987" t="s">
        <v>120</v>
      </c>
      <c r="M987" t="s">
        <v>87</v>
      </c>
      <c r="N987" t="s">
        <v>88</v>
      </c>
      <c r="O987" t="s">
        <v>85</v>
      </c>
      <c r="P987" t="s">
        <v>86</v>
      </c>
      <c r="Q987">
        <v>15</v>
      </c>
      <c r="R987">
        <v>15</v>
      </c>
      <c r="S987">
        <v>15</v>
      </c>
      <c r="T987">
        <v>15</v>
      </c>
      <c r="U987">
        <v>15</v>
      </c>
      <c r="V987">
        <v>15</v>
      </c>
      <c r="W987">
        <v>15</v>
      </c>
      <c r="X987">
        <v>15</v>
      </c>
      <c r="Y987">
        <v>15</v>
      </c>
      <c r="Z987">
        <v>15</v>
      </c>
      <c r="AA987">
        <v>15</v>
      </c>
      <c r="AB987">
        <v>15</v>
      </c>
      <c r="AC987">
        <v>15</v>
      </c>
      <c r="AD987">
        <v>15</v>
      </c>
      <c r="AE987">
        <v>15</v>
      </c>
      <c r="AF987">
        <v>15</v>
      </c>
      <c r="AG987">
        <v>15</v>
      </c>
      <c r="AH987">
        <v>15</v>
      </c>
      <c r="AI987">
        <v>15</v>
      </c>
      <c r="AJ987">
        <v>15</v>
      </c>
      <c r="AK987">
        <v>15</v>
      </c>
      <c r="AL987">
        <v>15</v>
      </c>
      <c r="AM987">
        <v>15</v>
      </c>
      <c r="AN987">
        <v>15</v>
      </c>
      <c r="AO987">
        <v>15</v>
      </c>
      <c r="AP987">
        <v>15</v>
      </c>
      <c r="AQ987">
        <v>15</v>
      </c>
    </row>
    <row r="988" spans="1:43">
      <c r="A988" t="s">
        <v>699</v>
      </c>
      <c r="B988" t="s">
        <v>700</v>
      </c>
      <c r="C988" t="s">
        <v>561</v>
      </c>
      <c r="D988" t="s">
        <v>562</v>
      </c>
      <c r="E988" t="s">
        <v>353</v>
      </c>
      <c r="F988" t="s">
        <v>354</v>
      </c>
      <c r="G988" t="s">
        <v>80</v>
      </c>
      <c r="H988" t="s">
        <v>81</v>
      </c>
      <c r="I988" s="2">
        <v>1</v>
      </c>
      <c r="J988" s="2">
        <v>0</v>
      </c>
      <c r="K988" s="2">
        <v>0</v>
      </c>
      <c r="L988" t="s">
        <v>120</v>
      </c>
      <c r="M988" t="s">
        <v>89</v>
      </c>
      <c r="N988" t="s">
        <v>90</v>
      </c>
      <c r="O988" t="s">
        <v>85</v>
      </c>
      <c r="P988" t="s">
        <v>86</v>
      </c>
      <c r="Q988">
        <v>15</v>
      </c>
      <c r="R988">
        <v>15</v>
      </c>
      <c r="S988">
        <v>16</v>
      </c>
      <c r="T988">
        <v>16</v>
      </c>
      <c r="U988">
        <v>16</v>
      </c>
      <c r="V988">
        <v>17</v>
      </c>
      <c r="W988">
        <v>17</v>
      </c>
      <c r="X988">
        <v>17</v>
      </c>
      <c r="Y988">
        <v>17</v>
      </c>
      <c r="Z988">
        <v>17</v>
      </c>
      <c r="AA988">
        <v>18</v>
      </c>
      <c r="AB988">
        <v>18</v>
      </c>
      <c r="AC988">
        <v>18</v>
      </c>
      <c r="AD988">
        <v>18</v>
      </c>
      <c r="AE988">
        <v>18</v>
      </c>
      <c r="AF988">
        <v>18</v>
      </c>
      <c r="AG988">
        <v>18</v>
      </c>
      <c r="AH988">
        <v>18</v>
      </c>
      <c r="AI988">
        <v>18</v>
      </c>
      <c r="AJ988">
        <v>18</v>
      </c>
      <c r="AK988">
        <v>18</v>
      </c>
      <c r="AL988">
        <v>18</v>
      </c>
      <c r="AM988">
        <v>18</v>
      </c>
      <c r="AN988">
        <v>18</v>
      </c>
      <c r="AO988">
        <v>18</v>
      </c>
      <c r="AP988">
        <v>18</v>
      </c>
      <c r="AQ988">
        <v>18</v>
      </c>
    </row>
    <row r="989" spans="1:43">
      <c r="A989" t="s">
        <v>699</v>
      </c>
      <c r="B989" t="s">
        <v>700</v>
      </c>
      <c r="C989" t="s">
        <v>561</v>
      </c>
      <c r="D989" t="s">
        <v>562</v>
      </c>
      <c r="E989" t="s">
        <v>353</v>
      </c>
      <c r="F989" t="s">
        <v>354</v>
      </c>
      <c r="G989" t="s">
        <v>80</v>
      </c>
      <c r="H989" t="s">
        <v>81</v>
      </c>
      <c r="I989" s="2">
        <v>1</v>
      </c>
      <c r="J989" s="2">
        <v>0</v>
      </c>
      <c r="K989" s="2">
        <v>0</v>
      </c>
      <c r="L989" t="s">
        <v>120</v>
      </c>
      <c r="M989" t="s">
        <v>83</v>
      </c>
      <c r="N989" t="s">
        <v>91</v>
      </c>
      <c r="O989" t="s">
        <v>85</v>
      </c>
      <c r="P989" t="s">
        <v>86</v>
      </c>
      <c r="Q989">
        <v>15</v>
      </c>
      <c r="R989">
        <v>15</v>
      </c>
      <c r="S989">
        <v>15</v>
      </c>
      <c r="T989">
        <v>15</v>
      </c>
      <c r="U989">
        <v>16</v>
      </c>
      <c r="V989">
        <v>16</v>
      </c>
      <c r="W989">
        <v>16</v>
      </c>
      <c r="X989">
        <v>16</v>
      </c>
      <c r="Y989">
        <v>16</v>
      </c>
      <c r="Z989">
        <v>16</v>
      </c>
      <c r="AA989">
        <v>17</v>
      </c>
      <c r="AB989">
        <v>17</v>
      </c>
      <c r="AC989">
        <v>17</v>
      </c>
      <c r="AD989">
        <v>17</v>
      </c>
      <c r="AE989">
        <v>17</v>
      </c>
      <c r="AF989">
        <v>17</v>
      </c>
      <c r="AG989">
        <v>17</v>
      </c>
      <c r="AH989">
        <v>17</v>
      </c>
      <c r="AI989">
        <v>18</v>
      </c>
      <c r="AJ989">
        <v>18</v>
      </c>
      <c r="AK989">
        <v>18</v>
      </c>
      <c r="AL989">
        <v>18</v>
      </c>
      <c r="AM989">
        <v>18</v>
      </c>
      <c r="AN989">
        <v>18</v>
      </c>
      <c r="AO989">
        <v>18</v>
      </c>
      <c r="AP989">
        <v>18</v>
      </c>
      <c r="AQ989">
        <v>18</v>
      </c>
    </row>
    <row r="990" spans="1:43">
      <c r="A990" t="s">
        <v>701</v>
      </c>
      <c r="B990" t="s">
        <v>702</v>
      </c>
      <c r="C990" t="s">
        <v>561</v>
      </c>
      <c r="D990" t="s">
        <v>562</v>
      </c>
      <c r="E990" t="s">
        <v>353</v>
      </c>
      <c r="F990" t="s">
        <v>354</v>
      </c>
      <c r="G990" t="s">
        <v>80</v>
      </c>
      <c r="H990" t="s">
        <v>81</v>
      </c>
      <c r="I990" s="2">
        <v>1</v>
      </c>
      <c r="J990" s="2">
        <v>0</v>
      </c>
      <c r="K990" s="2">
        <v>0</v>
      </c>
      <c r="L990" t="s">
        <v>120</v>
      </c>
      <c r="M990" t="s">
        <v>83</v>
      </c>
      <c r="N990" t="s">
        <v>84</v>
      </c>
      <c r="O990" t="s">
        <v>85</v>
      </c>
      <c r="P990" t="s">
        <v>86</v>
      </c>
      <c r="Q990">
        <v>22</v>
      </c>
      <c r="R990">
        <v>23</v>
      </c>
      <c r="S990">
        <v>23</v>
      </c>
      <c r="T990">
        <v>23</v>
      </c>
      <c r="U990">
        <v>23</v>
      </c>
      <c r="V990">
        <v>24</v>
      </c>
      <c r="W990">
        <v>24</v>
      </c>
      <c r="X990">
        <v>24</v>
      </c>
      <c r="Y990">
        <v>24</v>
      </c>
      <c r="Z990">
        <v>24</v>
      </c>
      <c r="AA990">
        <v>25</v>
      </c>
      <c r="AB990">
        <v>25</v>
      </c>
      <c r="AC990">
        <v>25</v>
      </c>
      <c r="AD990">
        <v>25</v>
      </c>
      <c r="AE990">
        <v>25</v>
      </c>
      <c r="AF990">
        <v>26</v>
      </c>
      <c r="AG990">
        <v>26</v>
      </c>
      <c r="AH990">
        <v>26</v>
      </c>
      <c r="AI990">
        <v>26</v>
      </c>
      <c r="AJ990">
        <v>26</v>
      </c>
      <c r="AK990">
        <v>26</v>
      </c>
      <c r="AL990">
        <v>26</v>
      </c>
      <c r="AM990">
        <v>26</v>
      </c>
      <c r="AN990">
        <v>26</v>
      </c>
      <c r="AO990">
        <v>26</v>
      </c>
      <c r="AP990">
        <v>26</v>
      </c>
      <c r="AQ990">
        <v>26</v>
      </c>
    </row>
    <row r="991" spans="1:43">
      <c r="A991" t="s">
        <v>701</v>
      </c>
      <c r="B991" t="s">
        <v>702</v>
      </c>
      <c r="C991" t="s">
        <v>561</v>
      </c>
      <c r="D991" t="s">
        <v>562</v>
      </c>
      <c r="E991" t="s">
        <v>353</v>
      </c>
      <c r="F991" t="s">
        <v>354</v>
      </c>
      <c r="G991" t="s">
        <v>80</v>
      </c>
      <c r="H991" t="s">
        <v>81</v>
      </c>
      <c r="I991" s="2">
        <v>1</v>
      </c>
      <c r="J991" s="2">
        <v>0</v>
      </c>
      <c r="K991" s="2">
        <v>0</v>
      </c>
      <c r="L991" t="s">
        <v>120</v>
      </c>
      <c r="M991" t="s">
        <v>87</v>
      </c>
      <c r="N991" t="s">
        <v>88</v>
      </c>
      <c r="O991" t="s">
        <v>85</v>
      </c>
      <c r="P991" t="s">
        <v>86</v>
      </c>
      <c r="Q991">
        <v>22</v>
      </c>
      <c r="R991">
        <v>22</v>
      </c>
      <c r="S991">
        <v>22</v>
      </c>
      <c r="T991">
        <v>22</v>
      </c>
      <c r="U991">
        <v>22</v>
      </c>
      <c r="V991">
        <v>22</v>
      </c>
      <c r="W991">
        <v>22</v>
      </c>
      <c r="X991">
        <v>22</v>
      </c>
      <c r="Y991">
        <v>22</v>
      </c>
      <c r="Z991">
        <v>22</v>
      </c>
      <c r="AA991">
        <v>22</v>
      </c>
      <c r="AB991">
        <v>22</v>
      </c>
      <c r="AC991">
        <v>23</v>
      </c>
      <c r="AD991">
        <v>23</v>
      </c>
      <c r="AE991">
        <v>23</v>
      </c>
      <c r="AF991">
        <v>23</v>
      </c>
      <c r="AG991">
        <v>23</v>
      </c>
      <c r="AH991">
        <v>23</v>
      </c>
      <c r="AI991">
        <v>23</v>
      </c>
      <c r="AJ991">
        <v>23</v>
      </c>
      <c r="AK991">
        <v>23</v>
      </c>
      <c r="AL991">
        <v>23</v>
      </c>
      <c r="AM991">
        <v>23</v>
      </c>
      <c r="AN991">
        <v>23</v>
      </c>
      <c r="AO991">
        <v>23</v>
      </c>
      <c r="AP991">
        <v>23</v>
      </c>
      <c r="AQ991">
        <v>23</v>
      </c>
    </row>
    <row r="992" spans="1:43">
      <c r="A992" t="s">
        <v>701</v>
      </c>
      <c r="B992" t="s">
        <v>702</v>
      </c>
      <c r="C992" t="s">
        <v>561</v>
      </c>
      <c r="D992" t="s">
        <v>562</v>
      </c>
      <c r="E992" t="s">
        <v>353</v>
      </c>
      <c r="F992" t="s">
        <v>354</v>
      </c>
      <c r="G992" t="s">
        <v>80</v>
      </c>
      <c r="H992" t="s">
        <v>81</v>
      </c>
      <c r="I992" s="2">
        <v>1</v>
      </c>
      <c r="J992" s="2">
        <v>0</v>
      </c>
      <c r="K992" s="2">
        <v>0</v>
      </c>
      <c r="L992" t="s">
        <v>120</v>
      </c>
      <c r="M992" t="s">
        <v>89</v>
      </c>
      <c r="N992" t="s">
        <v>90</v>
      </c>
      <c r="O992" t="s">
        <v>85</v>
      </c>
      <c r="P992" t="s">
        <v>86</v>
      </c>
      <c r="Q992">
        <v>22</v>
      </c>
      <c r="R992">
        <v>22</v>
      </c>
      <c r="S992">
        <v>22</v>
      </c>
      <c r="T992">
        <v>23</v>
      </c>
      <c r="U992">
        <v>23</v>
      </c>
      <c r="V992">
        <v>24</v>
      </c>
      <c r="W992">
        <v>24</v>
      </c>
      <c r="X992">
        <v>24</v>
      </c>
      <c r="Y992">
        <v>25</v>
      </c>
      <c r="Z992">
        <v>25</v>
      </c>
      <c r="AA992">
        <v>25</v>
      </c>
      <c r="AB992">
        <v>25</v>
      </c>
      <c r="AC992">
        <v>26</v>
      </c>
      <c r="AD992">
        <v>26</v>
      </c>
      <c r="AE992">
        <v>26</v>
      </c>
      <c r="AF992">
        <v>26</v>
      </c>
      <c r="AG992">
        <v>26</v>
      </c>
      <c r="AH992">
        <v>26</v>
      </c>
      <c r="AI992">
        <v>26</v>
      </c>
      <c r="AJ992">
        <v>26</v>
      </c>
      <c r="AK992">
        <v>26</v>
      </c>
      <c r="AL992">
        <v>26</v>
      </c>
      <c r="AM992">
        <v>26</v>
      </c>
      <c r="AN992">
        <v>25</v>
      </c>
      <c r="AO992">
        <v>25</v>
      </c>
      <c r="AP992">
        <v>25</v>
      </c>
      <c r="AQ992">
        <v>25</v>
      </c>
    </row>
    <row r="993" spans="1:43">
      <c r="A993" t="s">
        <v>701</v>
      </c>
      <c r="B993" t="s">
        <v>702</v>
      </c>
      <c r="C993" t="s">
        <v>561</v>
      </c>
      <c r="D993" t="s">
        <v>562</v>
      </c>
      <c r="E993" t="s">
        <v>353</v>
      </c>
      <c r="F993" t="s">
        <v>354</v>
      </c>
      <c r="G993" t="s">
        <v>80</v>
      </c>
      <c r="H993" t="s">
        <v>81</v>
      </c>
      <c r="I993" s="2">
        <v>1</v>
      </c>
      <c r="J993" s="2">
        <v>0</v>
      </c>
      <c r="K993" s="2">
        <v>0</v>
      </c>
      <c r="L993" t="s">
        <v>120</v>
      </c>
      <c r="M993" t="s">
        <v>83</v>
      </c>
      <c r="N993" t="s">
        <v>91</v>
      </c>
      <c r="O993" t="s">
        <v>85</v>
      </c>
      <c r="P993" t="s">
        <v>86</v>
      </c>
      <c r="Q993">
        <v>22</v>
      </c>
      <c r="R993">
        <v>23</v>
      </c>
      <c r="S993">
        <v>23</v>
      </c>
      <c r="T993">
        <v>23</v>
      </c>
      <c r="U993">
        <v>23</v>
      </c>
      <c r="V993">
        <v>24</v>
      </c>
      <c r="W993">
        <v>24</v>
      </c>
      <c r="X993">
        <v>24</v>
      </c>
      <c r="Y993">
        <v>24</v>
      </c>
      <c r="Z993">
        <v>24</v>
      </c>
      <c r="AA993">
        <v>25</v>
      </c>
      <c r="AB993">
        <v>25</v>
      </c>
      <c r="AC993">
        <v>25</v>
      </c>
      <c r="AD993">
        <v>25</v>
      </c>
      <c r="AE993">
        <v>25</v>
      </c>
      <c r="AF993">
        <v>26</v>
      </c>
      <c r="AG993">
        <v>26</v>
      </c>
      <c r="AH993">
        <v>26</v>
      </c>
      <c r="AI993">
        <v>26</v>
      </c>
      <c r="AJ993">
        <v>26</v>
      </c>
      <c r="AK993">
        <v>26</v>
      </c>
      <c r="AL993">
        <v>26</v>
      </c>
      <c r="AM993">
        <v>26</v>
      </c>
      <c r="AN993">
        <v>26</v>
      </c>
      <c r="AO993">
        <v>26</v>
      </c>
      <c r="AP993">
        <v>26</v>
      </c>
      <c r="AQ993">
        <v>26</v>
      </c>
    </row>
    <row r="994" spans="1:43">
      <c r="A994" t="s">
        <v>703</v>
      </c>
      <c r="B994" t="s">
        <v>704</v>
      </c>
      <c r="C994" t="s">
        <v>689</v>
      </c>
      <c r="D994" t="s">
        <v>690</v>
      </c>
      <c r="E994" t="s">
        <v>353</v>
      </c>
      <c r="F994" t="s">
        <v>354</v>
      </c>
      <c r="G994" t="s">
        <v>80</v>
      </c>
      <c r="H994" t="s">
        <v>81</v>
      </c>
      <c r="I994" s="2">
        <v>1</v>
      </c>
      <c r="J994" s="2">
        <v>0</v>
      </c>
      <c r="K994" s="2">
        <v>0</v>
      </c>
      <c r="L994" t="s">
        <v>120</v>
      </c>
      <c r="M994" t="s">
        <v>83</v>
      </c>
      <c r="N994" t="s">
        <v>84</v>
      </c>
      <c r="O994" t="s">
        <v>85</v>
      </c>
      <c r="P994" t="s">
        <v>86</v>
      </c>
      <c r="Q994">
        <v>26</v>
      </c>
      <c r="R994">
        <v>26</v>
      </c>
      <c r="S994">
        <v>27</v>
      </c>
      <c r="T994">
        <v>27</v>
      </c>
      <c r="U994">
        <v>27</v>
      </c>
      <c r="V994">
        <v>28</v>
      </c>
      <c r="W994">
        <v>28</v>
      </c>
      <c r="X994">
        <v>28</v>
      </c>
      <c r="Y994">
        <v>28</v>
      </c>
      <c r="Z994">
        <v>28</v>
      </c>
      <c r="AA994">
        <v>29</v>
      </c>
      <c r="AB994">
        <v>29</v>
      </c>
      <c r="AC994">
        <v>29</v>
      </c>
      <c r="AD994">
        <v>29</v>
      </c>
      <c r="AE994">
        <v>30</v>
      </c>
      <c r="AF994">
        <v>30</v>
      </c>
      <c r="AG994">
        <v>30</v>
      </c>
      <c r="AH994">
        <v>30</v>
      </c>
      <c r="AI994">
        <v>30</v>
      </c>
      <c r="AJ994">
        <v>31</v>
      </c>
      <c r="AK994">
        <v>31</v>
      </c>
      <c r="AL994">
        <v>31</v>
      </c>
      <c r="AM994">
        <v>31</v>
      </c>
      <c r="AN994">
        <v>31</v>
      </c>
      <c r="AO994">
        <v>31</v>
      </c>
      <c r="AP994">
        <v>30</v>
      </c>
      <c r="AQ994">
        <v>30</v>
      </c>
    </row>
    <row r="995" spans="1:43">
      <c r="A995" t="s">
        <v>703</v>
      </c>
      <c r="B995" t="s">
        <v>704</v>
      </c>
      <c r="C995" t="s">
        <v>689</v>
      </c>
      <c r="D995" t="s">
        <v>690</v>
      </c>
      <c r="E995" t="s">
        <v>353</v>
      </c>
      <c r="F995" t="s">
        <v>354</v>
      </c>
      <c r="G995" t="s">
        <v>80</v>
      </c>
      <c r="H995" t="s">
        <v>81</v>
      </c>
      <c r="I995" s="2">
        <v>1</v>
      </c>
      <c r="J995" s="2">
        <v>0</v>
      </c>
      <c r="K995" s="2">
        <v>0</v>
      </c>
      <c r="L995" t="s">
        <v>120</v>
      </c>
      <c r="M995" t="s">
        <v>87</v>
      </c>
      <c r="N995" t="s">
        <v>88</v>
      </c>
      <c r="O995" t="s">
        <v>85</v>
      </c>
      <c r="P995" t="s">
        <v>86</v>
      </c>
      <c r="Q995">
        <v>26</v>
      </c>
      <c r="R995">
        <v>26</v>
      </c>
      <c r="S995">
        <v>26</v>
      </c>
      <c r="T995">
        <v>26</v>
      </c>
      <c r="U995">
        <v>26</v>
      </c>
      <c r="V995">
        <v>26</v>
      </c>
      <c r="W995">
        <v>26</v>
      </c>
      <c r="X995">
        <v>26</v>
      </c>
      <c r="Y995">
        <v>26</v>
      </c>
      <c r="Z995">
        <v>26</v>
      </c>
      <c r="AA995">
        <v>26</v>
      </c>
      <c r="AB995">
        <v>26</v>
      </c>
      <c r="AC995">
        <v>26</v>
      </c>
      <c r="AD995">
        <v>26</v>
      </c>
      <c r="AE995">
        <v>26</v>
      </c>
      <c r="AF995">
        <v>26</v>
      </c>
      <c r="AG995">
        <v>26</v>
      </c>
      <c r="AH995">
        <v>26</v>
      </c>
      <c r="AI995">
        <v>26</v>
      </c>
      <c r="AJ995">
        <v>26</v>
      </c>
      <c r="AK995">
        <v>26</v>
      </c>
      <c r="AL995">
        <v>26</v>
      </c>
      <c r="AM995">
        <v>26</v>
      </c>
      <c r="AN995">
        <v>26</v>
      </c>
      <c r="AO995">
        <v>26</v>
      </c>
      <c r="AP995">
        <v>26</v>
      </c>
      <c r="AQ995">
        <v>26</v>
      </c>
    </row>
    <row r="996" spans="1:43">
      <c r="A996" t="s">
        <v>703</v>
      </c>
      <c r="B996" t="s">
        <v>704</v>
      </c>
      <c r="C996" t="s">
        <v>689</v>
      </c>
      <c r="D996" t="s">
        <v>690</v>
      </c>
      <c r="E996" t="s">
        <v>353</v>
      </c>
      <c r="F996" t="s">
        <v>354</v>
      </c>
      <c r="G996" t="s">
        <v>80</v>
      </c>
      <c r="H996" t="s">
        <v>81</v>
      </c>
      <c r="I996" s="2">
        <v>1</v>
      </c>
      <c r="J996" s="2">
        <v>0</v>
      </c>
      <c r="K996" s="2">
        <v>0</v>
      </c>
      <c r="L996" t="s">
        <v>120</v>
      </c>
      <c r="M996" t="s">
        <v>89</v>
      </c>
      <c r="N996" t="s">
        <v>90</v>
      </c>
      <c r="O996" t="s">
        <v>85</v>
      </c>
      <c r="P996" t="s">
        <v>86</v>
      </c>
      <c r="Q996">
        <v>26</v>
      </c>
      <c r="R996">
        <v>27</v>
      </c>
      <c r="S996">
        <v>27</v>
      </c>
      <c r="T996">
        <v>28</v>
      </c>
      <c r="U996">
        <v>28</v>
      </c>
      <c r="V996">
        <v>29</v>
      </c>
      <c r="W996">
        <v>29</v>
      </c>
      <c r="X996">
        <v>30</v>
      </c>
      <c r="Y996">
        <v>30</v>
      </c>
      <c r="Z996">
        <v>30</v>
      </c>
      <c r="AA996">
        <v>31</v>
      </c>
      <c r="AB996">
        <v>31</v>
      </c>
      <c r="AC996">
        <v>31</v>
      </c>
      <c r="AD996">
        <v>32</v>
      </c>
      <c r="AE996">
        <v>32</v>
      </c>
      <c r="AF996">
        <v>32</v>
      </c>
      <c r="AG996">
        <v>32</v>
      </c>
      <c r="AH996">
        <v>31</v>
      </c>
      <c r="AI996">
        <v>31</v>
      </c>
      <c r="AJ996">
        <v>31</v>
      </c>
      <c r="AK996">
        <v>31</v>
      </c>
      <c r="AL996">
        <v>31</v>
      </c>
      <c r="AM996">
        <v>31</v>
      </c>
      <c r="AN996">
        <v>31</v>
      </c>
      <c r="AO996">
        <v>31</v>
      </c>
      <c r="AP996">
        <v>31</v>
      </c>
      <c r="AQ996">
        <v>30</v>
      </c>
    </row>
    <row r="997" spans="1:43">
      <c r="A997" t="s">
        <v>703</v>
      </c>
      <c r="B997" t="s">
        <v>704</v>
      </c>
      <c r="C997" t="s">
        <v>689</v>
      </c>
      <c r="D997" t="s">
        <v>690</v>
      </c>
      <c r="E997" t="s">
        <v>353</v>
      </c>
      <c r="F997" t="s">
        <v>354</v>
      </c>
      <c r="G997" t="s">
        <v>80</v>
      </c>
      <c r="H997" t="s">
        <v>81</v>
      </c>
      <c r="I997" s="2">
        <v>1</v>
      </c>
      <c r="J997" s="2">
        <v>0</v>
      </c>
      <c r="K997" s="2">
        <v>0</v>
      </c>
      <c r="L997" t="s">
        <v>120</v>
      </c>
      <c r="M997" t="s">
        <v>83</v>
      </c>
      <c r="N997" t="s">
        <v>91</v>
      </c>
      <c r="O997" t="s">
        <v>85</v>
      </c>
      <c r="P997" t="s">
        <v>86</v>
      </c>
      <c r="Q997">
        <v>26</v>
      </c>
      <c r="R997">
        <v>26</v>
      </c>
      <c r="S997">
        <v>27</v>
      </c>
      <c r="T997">
        <v>27</v>
      </c>
      <c r="U997">
        <v>27</v>
      </c>
      <c r="V997">
        <v>28</v>
      </c>
      <c r="W997">
        <v>28</v>
      </c>
      <c r="X997">
        <v>28</v>
      </c>
      <c r="Y997">
        <v>28</v>
      </c>
      <c r="Z997">
        <v>28</v>
      </c>
      <c r="AA997">
        <v>29</v>
      </c>
      <c r="AB997">
        <v>29</v>
      </c>
      <c r="AC997">
        <v>29</v>
      </c>
      <c r="AD997">
        <v>29</v>
      </c>
      <c r="AE997">
        <v>30</v>
      </c>
      <c r="AF997">
        <v>30</v>
      </c>
      <c r="AG997">
        <v>30</v>
      </c>
      <c r="AH997">
        <v>30</v>
      </c>
      <c r="AI997">
        <v>30</v>
      </c>
      <c r="AJ997">
        <v>31</v>
      </c>
      <c r="AK997">
        <v>31</v>
      </c>
      <c r="AL997">
        <v>31</v>
      </c>
      <c r="AM997">
        <v>31</v>
      </c>
      <c r="AN997">
        <v>31</v>
      </c>
      <c r="AO997">
        <v>31</v>
      </c>
      <c r="AP997">
        <v>30</v>
      </c>
      <c r="AQ997">
        <v>30</v>
      </c>
    </row>
    <row r="998" spans="1:43">
      <c r="A998" t="s">
        <v>705</v>
      </c>
      <c r="B998" t="s">
        <v>706</v>
      </c>
      <c r="C998" t="s">
        <v>693</v>
      </c>
      <c r="D998" t="s">
        <v>694</v>
      </c>
      <c r="E998" t="s">
        <v>353</v>
      </c>
      <c r="F998" t="s">
        <v>354</v>
      </c>
      <c r="G998" t="s">
        <v>80</v>
      </c>
      <c r="H998" t="s">
        <v>81</v>
      </c>
      <c r="I998" s="2">
        <v>1</v>
      </c>
      <c r="J998" s="2">
        <v>0</v>
      </c>
      <c r="K998" s="2">
        <v>0</v>
      </c>
      <c r="L998" t="s">
        <v>120</v>
      </c>
      <c r="M998" t="s">
        <v>83</v>
      </c>
      <c r="N998" t="s">
        <v>84</v>
      </c>
      <c r="O998" t="s">
        <v>85</v>
      </c>
      <c r="P998" t="s">
        <v>86</v>
      </c>
      <c r="Q998">
        <v>9</v>
      </c>
      <c r="R998">
        <v>9</v>
      </c>
      <c r="S998">
        <v>9</v>
      </c>
      <c r="T998">
        <v>9</v>
      </c>
      <c r="U998">
        <v>9</v>
      </c>
      <c r="V998">
        <v>9</v>
      </c>
      <c r="W998">
        <v>10</v>
      </c>
      <c r="X998">
        <v>10</v>
      </c>
      <c r="Y998">
        <v>10</v>
      </c>
      <c r="Z998">
        <v>10</v>
      </c>
      <c r="AA998">
        <v>10</v>
      </c>
      <c r="AB998">
        <v>10</v>
      </c>
      <c r="AC998">
        <v>10</v>
      </c>
      <c r="AD998">
        <v>10</v>
      </c>
      <c r="AE998">
        <v>10</v>
      </c>
      <c r="AF998">
        <v>10</v>
      </c>
      <c r="AG998">
        <v>10</v>
      </c>
      <c r="AH998">
        <v>10</v>
      </c>
      <c r="AI998">
        <v>10</v>
      </c>
      <c r="AJ998">
        <v>11</v>
      </c>
      <c r="AK998">
        <v>11</v>
      </c>
      <c r="AL998">
        <v>11</v>
      </c>
      <c r="AM998">
        <v>11</v>
      </c>
      <c r="AN998">
        <v>11</v>
      </c>
      <c r="AO998">
        <v>10</v>
      </c>
      <c r="AP998">
        <v>10</v>
      </c>
      <c r="AQ998">
        <v>10</v>
      </c>
    </row>
    <row r="999" spans="1:43">
      <c r="A999" t="s">
        <v>705</v>
      </c>
      <c r="B999" t="s">
        <v>706</v>
      </c>
      <c r="C999" t="s">
        <v>693</v>
      </c>
      <c r="D999" t="s">
        <v>694</v>
      </c>
      <c r="E999" t="s">
        <v>353</v>
      </c>
      <c r="F999" t="s">
        <v>354</v>
      </c>
      <c r="G999" t="s">
        <v>80</v>
      </c>
      <c r="H999" t="s">
        <v>81</v>
      </c>
      <c r="I999" s="2">
        <v>1</v>
      </c>
      <c r="J999" s="2">
        <v>0</v>
      </c>
      <c r="K999" s="2">
        <v>0</v>
      </c>
      <c r="L999" t="s">
        <v>120</v>
      </c>
      <c r="M999" t="s">
        <v>87</v>
      </c>
      <c r="N999" t="s">
        <v>88</v>
      </c>
      <c r="O999" t="s">
        <v>85</v>
      </c>
      <c r="P999" t="s">
        <v>86</v>
      </c>
      <c r="Q999">
        <v>9</v>
      </c>
      <c r="R999">
        <v>9</v>
      </c>
      <c r="S999">
        <v>9</v>
      </c>
      <c r="T999">
        <v>9</v>
      </c>
      <c r="U999">
        <v>9</v>
      </c>
      <c r="V999">
        <v>9</v>
      </c>
      <c r="W999">
        <v>9</v>
      </c>
      <c r="X999">
        <v>9</v>
      </c>
      <c r="Y999">
        <v>9</v>
      </c>
      <c r="Z999">
        <v>9</v>
      </c>
      <c r="AA999">
        <v>9</v>
      </c>
      <c r="AB999">
        <v>9</v>
      </c>
      <c r="AC999">
        <v>9</v>
      </c>
      <c r="AD999">
        <v>9</v>
      </c>
      <c r="AE999">
        <v>9</v>
      </c>
      <c r="AF999">
        <v>9</v>
      </c>
      <c r="AG999">
        <v>9</v>
      </c>
      <c r="AH999">
        <v>9</v>
      </c>
      <c r="AI999">
        <v>9</v>
      </c>
      <c r="AJ999">
        <v>9</v>
      </c>
      <c r="AK999">
        <v>9</v>
      </c>
      <c r="AL999">
        <v>9</v>
      </c>
      <c r="AM999">
        <v>9</v>
      </c>
      <c r="AN999">
        <v>9</v>
      </c>
      <c r="AO999">
        <v>9</v>
      </c>
      <c r="AP999">
        <v>9</v>
      </c>
      <c r="AQ999">
        <v>9</v>
      </c>
    </row>
    <row r="1000" spans="1:43">
      <c r="A1000" t="s">
        <v>705</v>
      </c>
      <c r="B1000" t="s">
        <v>706</v>
      </c>
      <c r="C1000" t="s">
        <v>693</v>
      </c>
      <c r="D1000" t="s">
        <v>694</v>
      </c>
      <c r="E1000" t="s">
        <v>353</v>
      </c>
      <c r="F1000" t="s">
        <v>354</v>
      </c>
      <c r="G1000" t="s">
        <v>80</v>
      </c>
      <c r="H1000" t="s">
        <v>81</v>
      </c>
      <c r="I1000" s="2">
        <v>1</v>
      </c>
      <c r="J1000" s="2">
        <v>0</v>
      </c>
      <c r="K1000" s="2">
        <v>0</v>
      </c>
      <c r="L1000" t="s">
        <v>120</v>
      </c>
      <c r="M1000" t="s">
        <v>89</v>
      </c>
      <c r="N1000" t="s">
        <v>90</v>
      </c>
      <c r="O1000" t="s">
        <v>85</v>
      </c>
      <c r="P1000" t="s">
        <v>86</v>
      </c>
      <c r="Q1000">
        <v>9</v>
      </c>
      <c r="R1000">
        <v>9</v>
      </c>
      <c r="S1000">
        <v>9</v>
      </c>
      <c r="T1000">
        <v>10</v>
      </c>
      <c r="U1000">
        <v>10</v>
      </c>
      <c r="V1000">
        <v>10</v>
      </c>
      <c r="W1000">
        <v>10</v>
      </c>
      <c r="X1000">
        <v>10</v>
      </c>
      <c r="Y1000">
        <v>10</v>
      </c>
      <c r="Z1000">
        <v>10</v>
      </c>
      <c r="AA1000">
        <v>11</v>
      </c>
      <c r="AB1000">
        <v>11</v>
      </c>
      <c r="AC1000">
        <v>11</v>
      </c>
      <c r="AD1000">
        <v>11</v>
      </c>
      <c r="AE1000">
        <v>11</v>
      </c>
      <c r="AF1000">
        <v>11</v>
      </c>
      <c r="AG1000">
        <v>11</v>
      </c>
      <c r="AH1000">
        <v>11</v>
      </c>
      <c r="AI1000">
        <v>11</v>
      </c>
      <c r="AJ1000">
        <v>11</v>
      </c>
      <c r="AK1000">
        <v>11</v>
      </c>
      <c r="AL1000">
        <v>11</v>
      </c>
      <c r="AM1000">
        <v>11</v>
      </c>
      <c r="AN1000">
        <v>11</v>
      </c>
      <c r="AO1000">
        <v>11</v>
      </c>
      <c r="AP1000">
        <v>11</v>
      </c>
      <c r="AQ1000">
        <v>10</v>
      </c>
    </row>
    <row r="1001" spans="1:43">
      <c r="A1001" t="s">
        <v>705</v>
      </c>
      <c r="B1001" t="s">
        <v>706</v>
      </c>
      <c r="C1001" t="s">
        <v>693</v>
      </c>
      <c r="D1001" t="s">
        <v>694</v>
      </c>
      <c r="E1001" t="s">
        <v>353</v>
      </c>
      <c r="F1001" t="s">
        <v>354</v>
      </c>
      <c r="G1001" t="s">
        <v>80</v>
      </c>
      <c r="H1001" t="s">
        <v>81</v>
      </c>
      <c r="I1001" s="2">
        <v>1</v>
      </c>
      <c r="J1001" s="2">
        <v>0</v>
      </c>
      <c r="K1001" s="2">
        <v>0</v>
      </c>
      <c r="L1001" t="s">
        <v>120</v>
      </c>
      <c r="M1001" t="s">
        <v>83</v>
      </c>
      <c r="N1001" t="s">
        <v>91</v>
      </c>
      <c r="O1001" t="s">
        <v>85</v>
      </c>
      <c r="P1001" t="s">
        <v>86</v>
      </c>
      <c r="Q1001">
        <v>9</v>
      </c>
      <c r="R1001">
        <v>9</v>
      </c>
      <c r="S1001">
        <v>9</v>
      </c>
      <c r="T1001">
        <v>9</v>
      </c>
      <c r="U1001">
        <v>9</v>
      </c>
      <c r="V1001">
        <v>9</v>
      </c>
      <c r="W1001">
        <v>10</v>
      </c>
      <c r="X1001">
        <v>10</v>
      </c>
      <c r="Y1001">
        <v>10</v>
      </c>
      <c r="Z1001">
        <v>10</v>
      </c>
      <c r="AA1001">
        <v>10</v>
      </c>
      <c r="AB1001">
        <v>10</v>
      </c>
      <c r="AC1001">
        <v>10</v>
      </c>
      <c r="AD1001">
        <v>10</v>
      </c>
      <c r="AE1001">
        <v>10</v>
      </c>
      <c r="AF1001">
        <v>10</v>
      </c>
      <c r="AG1001">
        <v>10</v>
      </c>
      <c r="AH1001">
        <v>10</v>
      </c>
      <c r="AI1001">
        <v>10</v>
      </c>
      <c r="AJ1001">
        <v>11</v>
      </c>
      <c r="AK1001">
        <v>11</v>
      </c>
      <c r="AL1001">
        <v>11</v>
      </c>
      <c r="AM1001">
        <v>11</v>
      </c>
      <c r="AN1001">
        <v>11</v>
      </c>
      <c r="AO1001">
        <v>10</v>
      </c>
      <c r="AP1001">
        <v>10</v>
      </c>
      <c r="AQ1001">
        <v>10</v>
      </c>
    </row>
    <row r="1002" spans="1:43">
      <c r="A1002" t="s">
        <v>707</v>
      </c>
      <c r="B1002" t="s">
        <v>708</v>
      </c>
      <c r="C1002" t="s">
        <v>693</v>
      </c>
      <c r="D1002" t="s">
        <v>694</v>
      </c>
      <c r="E1002" t="s">
        <v>353</v>
      </c>
      <c r="F1002" t="s">
        <v>354</v>
      </c>
      <c r="G1002" t="s">
        <v>80</v>
      </c>
      <c r="H1002" t="s">
        <v>81</v>
      </c>
      <c r="I1002" s="2">
        <v>1</v>
      </c>
      <c r="J1002" s="2">
        <v>0</v>
      </c>
      <c r="K1002" s="2">
        <v>0</v>
      </c>
      <c r="L1002" t="s">
        <v>120</v>
      </c>
      <c r="M1002" t="s">
        <v>83</v>
      </c>
      <c r="N1002" t="s">
        <v>84</v>
      </c>
      <c r="O1002" t="s">
        <v>85</v>
      </c>
      <c r="P1002" t="s">
        <v>86</v>
      </c>
      <c r="Q1002">
        <v>62</v>
      </c>
      <c r="R1002">
        <v>63</v>
      </c>
      <c r="S1002">
        <v>63</v>
      </c>
      <c r="T1002">
        <v>64</v>
      </c>
      <c r="U1002">
        <v>65</v>
      </c>
      <c r="V1002">
        <v>65</v>
      </c>
      <c r="W1002">
        <v>66</v>
      </c>
      <c r="X1002">
        <v>67</v>
      </c>
      <c r="Y1002">
        <v>67</v>
      </c>
      <c r="Z1002">
        <v>68</v>
      </c>
      <c r="AA1002">
        <v>68</v>
      </c>
      <c r="AB1002">
        <v>69</v>
      </c>
      <c r="AC1002">
        <v>70</v>
      </c>
      <c r="AD1002">
        <v>70</v>
      </c>
      <c r="AE1002">
        <v>71</v>
      </c>
      <c r="AF1002">
        <v>71</v>
      </c>
      <c r="AG1002">
        <v>72</v>
      </c>
      <c r="AH1002">
        <v>72</v>
      </c>
      <c r="AI1002">
        <v>73</v>
      </c>
      <c r="AJ1002">
        <v>73</v>
      </c>
      <c r="AK1002">
        <v>74</v>
      </c>
      <c r="AL1002">
        <v>74</v>
      </c>
      <c r="AM1002">
        <v>74</v>
      </c>
      <c r="AN1002">
        <v>73</v>
      </c>
      <c r="AO1002">
        <v>73</v>
      </c>
      <c r="AP1002">
        <v>73</v>
      </c>
      <c r="AQ1002">
        <v>73</v>
      </c>
    </row>
    <row r="1003" spans="1:43">
      <c r="A1003" t="s">
        <v>707</v>
      </c>
      <c r="B1003" t="s">
        <v>708</v>
      </c>
      <c r="C1003" t="s">
        <v>693</v>
      </c>
      <c r="D1003" t="s">
        <v>694</v>
      </c>
      <c r="E1003" t="s">
        <v>353</v>
      </c>
      <c r="F1003" t="s">
        <v>354</v>
      </c>
      <c r="G1003" t="s">
        <v>80</v>
      </c>
      <c r="H1003" t="s">
        <v>81</v>
      </c>
      <c r="I1003" s="2">
        <v>1</v>
      </c>
      <c r="J1003" s="2">
        <v>0</v>
      </c>
      <c r="K1003" s="2">
        <v>0</v>
      </c>
      <c r="L1003" t="s">
        <v>120</v>
      </c>
      <c r="M1003" t="s">
        <v>87</v>
      </c>
      <c r="N1003" t="s">
        <v>88</v>
      </c>
      <c r="O1003" t="s">
        <v>85</v>
      </c>
      <c r="P1003" t="s">
        <v>86</v>
      </c>
      <c r="Q1003">
        <v>62</v>
      </c>
      <c r="R1003">
        <v>62</v>
      </c>
      <c r="S1003">
        <v>63</v>
      </c>
      <c r="T1003">
        <v>63</v>
      </c>
      <c r="U1003">
        <v>63</v>
      </c>
      <c r="V1003">
        <v>63</v>
      </c>
      <c r="W1003">
        <v>63</v>
      </c>
      <c r="X1003">
        <v>63</v>
      </c>
      <c r="Y1003">
        <v>63</v>
      </c>
      <c r="Z1003">
        <v>63</v>
      </c>
      <c r="AA1003">
        <v>63</v>
      </c>
      <c r="AB1003">
        <v>63</v>
      </c>
      <c r="AC1003">
        <v>63</v>
      </c>
      <c r="AD1003">
        <v>64</v>
      </c>
      <c r="AE1003">
        <v>64</v>
      </c>
      <c r="AF1003">
        <v>64</v>
      </c>
      <c r="AG1003">
        <v>64</v>
      </c>
      <c r="AH1003">
        <v>64</v>
      </c>
      <c r="AI1003">
        <v>64</v>
      </c>
      <c r="AJ1003">
        <v>64</v>
      </c>
      <c r="AK1003">
        <v>64</v>
      </c>
      <c r="AL1003">
        <v>64</v>
      </c>
      <c r="AM1003">
        <v>64</v>
      </c>
      <c r="AN1003">
        <v>64</v>
      </c>
      <c r="AO1003">
        <v>64</v>
      </c>
      <c r="AP1003">
        <v>64</v>
      </c>
      <c r="AQ1003">
        <v>64</v>
      </c>
    </row>
    <row r="1004" spans="1:43">
      <c r="A1004" t="s">
        <v>707</v>
      </c>
      <c r="B1004" t="s">
        <v>708</v>
      </c>
      <c r="C1004" t="s">
        <v>693</v>
      </c>
      <c r="D1004" t="s">
        <v>694</v>
      </c>
      <c r="E1004" t="s">
        <v>353</v>
      </c>
      <c r="F1004" t="s">
        <v>354</v>
      </c>
      <c r="G1004" t="s">
        <v>80</v>
      </c>
      <c r="H1004" t="s">
        <v>81</v>
      </c>
      <c r="I1004" s="2">
        <v>1</v>
      </c>
      <c r="J1004" s="2">
        <v>0</v>
      </c>
      <c r="K1004" s="2">
        <v>0</v>
      </c>
      <c r="L1004" t="s">
        <v>120</v>
      </c>
      <c r="M1004" t="s">
        <v>89</v>
      </c>
      <c r="N1004" t="s">
        <v>90</v>
      </c>
      <c r="O1004" t="s">
        <v>85</v>
      </c>
      <c r="P1004" t="s">
        <v>86</v>
      </c>
      <c r="Q1004">
        <v>62</v>
      </c>
      <c r="R1004">
        <v>64</v>
      </c>
      <c r="S1004">
        <v>65</v>
      </c>
      <c r="T1004">
        <v>66</v>
      </c>
      <c r="U1004">
        <v>67</v>
      </c>
      <c r="V1004">
        <v>68</v>
      </c>
      <c r="W1004">
        <v>69</v>
      </c>
      <c r="X1004">
        <v>70</v>
      </c>
      <c r="Y1004">
        <v>71</v>
      </c>
      <c r="Z1004">
        <v>72</v>
      </c>
      <c r="AA1004">
        <v>73</v>
      </c>
      <c r="AB1004">
        <v>74</v>
      </c>
      <c r="AC1004">
        <v>75</v>
      </c>
      <c r="AD1004">
        <v>75</v>
      </c>
      <c r="AE1004">
        <v>76</v>
      </c>
      <c r="AF1004">
        <v>76</v>
      </c>
      <c r="AG1004">
        <v>75</v>
      </c>
      <c r="AH1004">
        <v>75</v>
      </c>
      <c r="AI1004">
        <v>75</v>
      </c>
      <c r="AJ1004">
        <v>75</v>
      </c>
      <c r="AK1004">
        <v>75</v>
      </c>
      <c r="AL1004">
        <v>75</v>
      </c>
      <c r="AM1004">
        <v>74</v>
      </c>
      <c r="AN1004">
        <v>74</v>
      </c>
      <c r="AO1004">
        <v>74</v>
      </c>
      <c r="AP1004">
        <v>74</v>
      </c>
      <c r="AQ1004">
        <v>73</v>
      </c>
    </row>
    <row r="1005" spans="1:43">
      <c r="A1005" t="s">
        <v>707</v>
      </c>
      <c r="B1005" t="s">
        <v>708</v>
      </c>
      <c r="C1005" t="s">
        <v>693</v>
      </c>
      <c r="D1005" t="s">
        <v>694</v>
      </c>
      <c r="E1005" t="s">
        <v>353</v>
      </c>
      <c r="F1005" t="s">
        <v>354</v>
      </c>
      <c r="G1005" t="s">
        <v>80</v>
      </c>
      <c r="H1005" t="s">
        <v>81</v>
      </c>
      <c r="I1005" s="2">
        <v>1</v>
      </c>
      <c r="J1005" s="2">
        <v>0</v>
      </c>
      <c r="K1005" s="2">
        <v>0</v>
      </c>
      <c r="L1005" t="s">
        <v>120</v>
      </c>
      <c r="M1005" t="s">
        <v>83</v>
      </c>
      <c r="N1005" t="s">
        <v>91</v>
      </c>
      <c r="O1005" t="s">
        <v>85</v>
      </c>
      <c r="P1005" t="s">
        <v>86</v>
      </c>
      <c r="Q1005">
        <v>62</v>
      </c>
      <c r="R1005">
        <v>63</v>
      </c>
      <c r="S1005">
        <v>63</v>
      </c>
      <c r="T1005">
        <v>64</v>
      </c>
      <c r="U1005">
        <v>65</v>
      </c>
      <c r="V1005">
        <v>65</v>
      </c>
      <c r="W1005">
        <v>66</v>
      </c>
      <c r="X1005">
        <v>67</v>
      </c>
      <c r="Y1005">
        <v>67</v>
      </c>
      <c r="Z1005">
        <v>68</v>
      </c>
      <c r="AA1005">
        <v>68</v>
      </c>
      <c r="AB1005">
        <v>69</v>
      </c>
      <c r="AC1005">
        <v>70</v>
      </c>
      <c r="AD1005">
        <v>70</v>
      </c>
      <c r="AE1005">
        <v>71</v>
      </c>
      <c r="AF1005">
        <v>71</v>
      </c>
      <c r="AG1005">
        <v>72</v>
      </c>
      <c r="AH1005">
        <v>72</v>
      </c>
      <c r="AI1005">
        <v>73</v>
      </c>
      <c r="AJ1005">
        <v>73</v>
      </c>
      <c r="AK1005">
        <v>74</v>
      </c>
      <c r="AL1005">
        <v>74</v>
      </c>
      <c r="AM1005">
        <v>74</v>
      </c>
      <c r="AN1005">
        <v>73</v>
      </c>
      <c r="AO1005">
        <v>73</v>
      </c>
      <c r="AP1005">
        <v>73</v>
      </c>
      <c r="AQ1005">
        <v>73</v>
      </c>
    </row>
    <row r="1006" spans="1:43">
      <c r="A1006" t="s">
        <v>709</v>
      </c>
      <c r="B1006" t="s">
        <v>710</v>
      </c>
      <c r="C1006" t="s">
        <v>711</v>
      </c>
      <c r="D1006" t="s">
        <v>712</v>
      </c>
      <c r="E1006" t="s">
        <v>353</v>
      </c>
      <c r="F1006" t="s">
        <v>354</v>
      </c>
      <c r="G1006" t="s">
        <v>80</v>
      </c>
      <c r="H1006" t="s">
        <v>81</v>
      </c>
      <c r="I1006" s="2">
        <v>1</v>
      </c>
      <c r="J1006" s="2">
        <v>0</v>
      </c>
      <c r="K1006" s="2">
        <v>0</v>
      </c>
      <c r="L1006" t="s">
        <v>120</v>
      </c>
      <c r="M1006" t="s">
        <v>83</v>
      </c>
      <c r="N1006" t="s">
        <v>84</v>
      </c>
      <c r="O1006" t="s">
        <v>85</v>
      </c>
      <c r="P1006" t="s">
        <v>86</v>
      </c>
      <c r="Q1006">
        <v>45</v>
      </c>
      <c r="R1006">
        <v>45</v>
      </c>
      <c r="S1006">
        <v>46</v>
      </c>
      <c r="T1006">
        <v>46</v>
      </c>
      <c r="U1006">
        <v>47</v>
      </c>
      <c r="V1006">
        <v>47</v>
      </c>
      <c r="W1006">
        <v>48</v>
      </c>
      <c r="X1006">
        <v>48</v>
      </c>
      <c r="Y1006">
        <v>49</v>
      </c>
      <c r="Z1006">
        <v>49</v>
      </c>
      <c r="AA1006">
        <v>50</v>
      </c>
      <c r="AB1006">
        <v>50</v>
      </c>
      <c r="AC1006">
        <v>50</v>
      </c>
      <c r="AD1006">
        <v>51</v>
      </c>
      <c r="AE1006">
        <v>51</v>
      </c>
      <c r="AF1006">
        <v>52</v>
      </c>
      <c r="AG1006">
        <v>52</v>
      </c>
      <c r="AH1006">
        <v>52</v>
      </c>
      <c r="AI1006">
        <v>53</v>
      </c>
      <c r="AJ1006">
        <v>53</v>
      </c>
      <c r="AK1006">
        <v>53</v>
      </c>
      <c r="AL1006">
        <v>53</v>
      </c>
      <c r="AM1006">
        <v>53</v>
      </c>
      <c r="AN1006">
        <v>53</v>
      </c>
      <c r="AO1006">
        <v>53</v>
      </c>
      <c r="AP1006">
        <v>53</v>
      </c>
      <c r="AQ1006">
        <v>53</v>
      </c>
    </row>
    <row r="1007" spans="1:43">
      <c r="A1007" t="s">
        <v>709</v>
      </c>
      <c r="B1007" t="s">
        <v>710</v>
      </c>
      <c r="C1007" t="s">
        <v>711</v>
      </c>
      <c r="D1007" t="s">
        <v>712</v>
      </c>
      <c r="E1007" t="s">
        <v>353</v>
      </c>
      <c r="F1007" t="s">
        <v>354</v>
      </c>
      <c r="G1007" t="s">
        <v>80</v>
      </c>
      <c r="H1007" t="s">
        <v>81</v>
      </c>
      <c r="I1007" s="2">
        <v>1</v>
      </c>
      <c r="J1007" s="2">
        <v>0</v>
      </c>
      <c r="K1007" s="2">
        <v>0</v>
      </c>
      <c r="L1007" t="s">
        <v>120</v>
      </c>
      <c r="M1007" t="s">
        <v>87</v>
      </c>
      <c r="N1007" t="s">
        <v>88</v>
      </c>
      <c r="O1007" t="s">
        <v>85</v>
      </c>
      <c r="P1007" t="s">
        <v>86</v>
      </c>
      <c r="Q1007">
        <v>45</v>
      </c>
      <c r="R1007">
        <v>45</v>
      </c>
      <c r="S1007">
        <v>45</v>
      </c>
      <c r="T1007">
        <v>45</v>
      </c>
      <c r="U1007">
        <v>45</v>
      </c>
      <c r="V1007">
        <v>45</v>
      </c>
      <c r="W1007">
        <v>45</v>
      </c>
      <c r="X1007">
        <v>45</v>
      </c>
      <c r="Y1007">
        <v>45</v>
      </c>
      <c r="Z1007">
        <v>45</v>
      </c>
      <c r="AA1007">
        <v>45</v>
      </c>
      <c r="AB1007">
        <v>45</v>
      </c>
      <c r="AC1007">
        <v>45</v>
      </c>
      <c r="AD1007">
        <v>45</v>
      </c>
      <c r="AE1007">
        <v>45</v>
      </c>
      <c r="AF1007">
        <v>45</v>
      </c>
      <c r="AG1007">
        <v>45</v>
      </c>
      <c r="AH1007">
        <v>45</v>
      </c>
      <c r="AI1007">
        <v>46</v>
      </c>
      <c r="AJ1007">
        <v>46</v>
      </c>
      <c r="AK1007">
        <v>46</v>
      </c>
      <c r="AL1007">
        <v>46</v>
      </c>
      <c r="AM1007">
        <v>46</v>
      </c>
      <c r="AN1007">
        <v>46</v>
      </c>
      <c r="AO1007">
        <v>46</v>
      </c>
      <c r="AP1007">
        <v>46</v>
      </c>
      <c r="AQ1007">
        <v>46</v>
      </c>
    </row>
    <row r="1008" spans="1:43">
      <c r="A1008" t="s">
        <v>709</v>
      </c>
      <c r="B1008" t="s">
        <v>710</v>
      </c>
      <c r="C1008" t="s">
        <v>711</v>
      </c>
      <c r="D1008" t="s">
        <v>712</v>
      </c>
      <c r="E1008" t="s">
        <v>353</v>
      </c>
      <c r="F1008" t="s">
        <v>354</v>
      </c>
      <c r="G1008" t="s">
        <v>80</v>
      </c>
      <c r="H1008" t="s">
        <v>81</v>
      </c>
      <c r="I1008" s="2">
        <v>1</v>
      </c>
      <c r="J1008" s="2">
        <v>0</v>
      </c>
      <c r="K1008" s="2">
        <v>0</v>
      </c>
      <c r="L1008" t="s">
        <v>120</v>
      </c>
      <c r="M1008" t="s">
        <v>89</v>
      </c>
      <c r="N1008" t="s">
        <v>90</v>
      </c>
      <c r="O1008" t="s">
        <v>85</v>
      </c>
      <c r="P1008" t="s">
        <v>86</v>
      </c>
      <c r="Q1008">
        <v>45</v>
      </c>
      <c r="R1008">
        <v>46</v>
      </c>
      <c r="S1008">
        <v>47</v>
      </c>
      <c r="T1008">
        <v>48</v>
      </c>
      <c r="U1008">
        <v>49</v>
      </c>
      <c r="V1008">
        <v>49</v>
      </c>
      <c r="W1008">
        <v>50</v>
      </c>
      <c r="X1008">
        <v>51</v>
      </c>
      <c r="Y1008">
        <v>52</v>
      </c>
      <c r="Z1008">
        <v>52</v>
      </c>
      <c r="AA1008">
        <v>53</v>
      </c>
      <c r="AB1008">
        <v>53</v>
      </c>
      <c r="AC1008">
        <v>54</v>
      </c>
      <c r="AD1008">
        <v>55</v>
      </c>
      <c r="AE1008">
        <v>55</v>
      </c>
      <c r="AF1008">
        <v>55</v>
      </c>
      <c r="AG1008">
        <v>55</v>
      </c>
      <c r="AH1008">
        <v>54</v>
      </c>
      <c r="AI1008">
        <v>54</v>
      </c>
      <c r="AJ1008">
        <v>54</v>
      </c>
      <c r="AK1008">
        <v>54</v>
      </c>
      <c r="AL1008">
        <v>54</v>
      </c>
      <c r="AM1008">
        <v>54</v>
      </c>
      <c r="AN1008">
        <v>54</v>
      </c>
      <c r="AO1008">
        <v>53</v>
      </c>
      <c r="AP1008">
        <v>53</v>
      </c>
      <c r="AQ1008">
        <v>53</v>
      </c>
    </row>
    <row r="1009" spans="1:43">
      <c r="A1009" t="s">
        <v>709</v>
      </c>
      <c r="B1009" t="s">
        <v>710</v>
      </c>
      <c r="C1009" t="s">
        <v>711</v>
      </c>
      <c r="D1009" t="s">
        <v>712</v>
      </c>
      <c r="E1009" t="s">
        <v>353</v>
      </c>
      <c r="F1009" t="s">
        <v>354</v>
      </c>
      <c r="G1009" t="s">
        <v>80</v>
      </c>
      <c r="H1009" t="s">
        <v>81</v>
      </c>
      <c r="I1009" s="2">
        <v>1</v>
      </c>
      <c r="J1009" s="2">
        <v>0</v>
      </c>
      <c r="K1009" s="2">
        <v>0</v>
      </c>
      <c r="L1009" t="s">
        <v>120</v>
      </c>
      <c r="M1009" t="s">
        <v>83</v>
      </c>
      <c r="N1009" t="s">
        <v>91</v>
      </c>
      <c r="O1009" t="s">
        <v>85</v>
      </c>
      <c r="P1009" t="s">
        <v>86</v>
      </c>
      <c r="Q1009">
        <v>45</v>
      </c>
      <c r="R1009">
        <v>45</v>
      </c>
      <c r="S1009">
        <v>46</v>
      </c>
      <c r="T1009">
        <v>46</v>
      </c>
      <c r="U1009">
        <v>47</v>
      </c>
      <c r="V1009">
        <v>47</v>
      </c>
      <c r="W1009">
        <v>48</v>
      </c>
      <c r="X1009">
        <v>48</v>
      </c>
      <c r="Y1009">
        <v>49</v>
      </c>
      <c r="Z1009">
        <v>49</v>
      </c>
      <c r="AA1009">
        <v>50</v>
      </c>
      <c r="AB1009">
        <v>50</v>
      </c>
      <c r="AC1009">
        <v>50</v>
      </c>
      <c r="AD1009">
        <v>51</v>
      </c>
      <c r="AE1009">
        <v>51</v>
      </c>
      <c r="AF1009">
        <v>52</v>
      </c>
      <c r="AG1009">
        <v>52</v>
      </c>
      <c r="AH1009">
        <v>52</v>
      </c>
      <c r="AI1009">
        <v>53</v>
      </c>
      <c r="AJ1009">
        <v>53</v>
      </c>
      <c r="AK1009">
        <v>53</v>
      </c>
      <c r="AL1009">
        <v>53</v>
      </c>
      <c r="AM1009">
        <v>53</v>
      </c>
      <c r="AN1009">
        <v>53</v>
      </c>
      <c r="AO1009">
        <v>53</v>
      </c>
      <c r="AP1009">
        <v>53</v>
      </c>
      <c r="AQ1009">
        <v>53</v>
      </c>
    </row>
    <row r="1010" spans="1:43">
      <c r="A1010" t="s">
        <v>713</v>
      </c>
      <c r="B1010" t="s">
        <v>714</v>
      </c>
      <c r="C1010" t="s">
        <v>711</v>
      </c>
      <c r="D1010" t="s">
        <v>712</v>
      </c>
      <c r="E1010" t="s">
        <v>353</v>
      </c>
      <c r="F1010" t="s">
        <v>354</v>
      </c>
      <c r="G1010" t="s">
        <v>80</v>
      </c>
      <c r="H1010" t="s">
        <v>81</v>
      </c>
      <c r="I1010" s="2">
        <v>1</v>
      </c>
      <c r="J1010" s="2">
        <v>0</v>
      </c>
      <c r="K1010" s="2">
        <v>0</v>
      </c>
      <c r="L1010" t="s">
        <v>120</v>
      </c>
      <c r="M1010" t="s">
        <v>83</v>
      </c>
      <c r="N1010" t="s">
        <v>84</v>
      </c>
      <c r="O1010" t="s">
        <v>85</v>
      </c>
      <c r="P1010" t="s">
        <v>86</v>
      </c>
      <c r="Q1010">
        <v>19</v>
      </c>
      <c r="R1010">
        <v>19</v>
      </c>
      <c r="S1010">
        <v>19</v>
      </c>
      <c r="T1010">
        <v>19</v>
      </c>
      <c r="U1010">
        <v>20</v>
      </c>
      <c r="V1010">
        <v>20</v>
      </c>
      <c r="W1010">
        <v>20</v>
      </c>
      <c r="X1010">
        <v>20</v>
      </c>
      <c r="Y1010">
        <v>20</v>
      </c>
      <c r="Z1010">
        <v>21</v>
      </c>
      <c r="AA1010">
        <v>21</v>
      </c>
      <c r="AB1010">
        <v>21</v>
      </c>
      <c r="AC1010">
        <v>21</v>
      </c>
      <c r="AD1010">
        <v>21</v>
      </c>
      <c r="AE1010">
        <v>21</v>
      </c>
      <c r="AF1010">
        <v>22</v>
      </c>
      <c r="AG1010">
        <v>22</v>
      </c>
      <c r="AH1010">
        <v>22</v>
      </c>
      <c r="AI1010">
        <v>22</v>
      </c>
      <c r="AJ1010">
        <v>22</v>
      </c>
      <c r="AK1010">
        <v>22</v>
      </c>
      <c r="AL1010">
        <v>22</v>
      </c>
      <c r="AM1010">
        <v>22</v>
      </c>
      <c r="AN1010">
        <v>22</v>
      </c>
      <c r="AO1010">
        <v>22</v>
      </c>
      <c r="AP1010">
        <v>22</v>
      </c>
      <c r="AQ1010">
        <v>22</v>
      </c>
    </row>
    <row r="1011" spans="1:43">
      <c r="A1011" t="s">
        <v>713</v>
      </c>
      <c r="B1011" t="s">
        <v>714</v>
      </c>
      <c r="C1011" t="s">
        <v>711</v>
      </c>
      <c r="D1011" t="s">
        <v>712</v>
      </c>
      <c r="E1011" t="s">
        <v>353</v>
      </c>
      <c r="F1011" t="s">
        <v>354</v>
      </c>
      <c r="G1011" t="s">
        <v>80</v>
      </c>
      <c r="H1011" t="s">
        <v>81</v>
      </c>
      <c r="I1011" s="2">
        <v>1</v>
      </c>
      <c r="J1011" s="2">
        <v>0</v>
      </c>
      <c r="K1011" s="2">
        <v>0</v>
      </c>
      <c r="L1011" t="s">
        <v>120</v>
      </c>
      <c r="M1011" t="s">
        <v>87</v>
      </c>
      <c r="N1011" t="s">
        <v>88</v>
      </c>
      <c r="O1011" t="s">
        <v>85</v>
      </c>
      <c r="P1011" t="s">
        <v>86</v>
      </c>
      <c r="Q1011">
        <v>19</v>
      </c>
      <c r="R1011">
        <v>19</v>
      </c>
      <c r="S1011">
        <v>19</v>
      </c>
      <c r="T1011">
        <v>19</v>
      </c>
      <c r="U1011">
        <v>19</v>
      </c>
      <c r="V1011">
        <v>19</v>
      </c>
      <c r="W1011">
        <v>19</v>
      </c>
      <c r="X1011">
        <v>19</v>
      </c>
      <c r="Y1011">
        <v>19</v>
      </c>
      <c r="Z1011">
        <v>19</v>
      </c>
      <c r="AA1011">
        <v>19</v>
      </c>
      <c r="AB1011">
        <v>19</v>
      </c>
      <c r="AC1011">
        <v>19</v>
      </c>
      <c r="AD1011">
        <v>19</v>
      </c>
      <c r="AE1011">
        <v>19</v>
      </c>
      <c r="AF1011">
        <v>19</v>
      </c>
      <c r="AG1011">
        <v>19</v>
      </c>
      <c r="AH1011">
        <v>19</v>
      </c>
      <c r="AI1011">
        <v>19</v>
      </c>
      <c r="AJ1011">
        <v>19</v>
      </c>
      <c r="AK1011">
        <v>19</v>
      </c>
      <c r="AL1011">
        <v>19</v>
      </c>
      <c r="AM1011">
        <v>19</v>
      </c>
      <c r="AN1011">
        <v>19</v>
      </c>
      <c r="AO1011">
        <v>19</v>
      </c>
      <c r="AP1011">
        <v>19</v>
      </c>
      <c r="AQ1011">
        <v>19</v>
      </c>
    </row>
    <row r="1012" spans="1:43">
      <c r="A1012" t="s">
        <v>713</v>
      </c>
      <c r="B1012" t="s">
        <v>714</v>
      </c>
      <c r="C1012" t="s">
        <v>711</v>
      </c>
      <c r="D1012" t="s">
        <v>712</v>
      </c>
      <c r="E1012" t="s">
        <v>353</v>
      </c>
      <c r="F1012" t="s">
        <v>354</v>
      </c>
      <c r="G1012" t="s">
        <v>80</v>
      </c>
      <c r="H1012" t="s">
        <v>81</v>
      </c>
      <c r="I1012" s="2">
        <v>1</v>
      </c>
      <c r="J1012" s="2">
        <v>0</v>
      </c>
      <c r="K1012" s="2">
        <v>0</v>
      </c>
      <c r="L1012" t="s">
        <v>120</v>
      </c>
      <c r="M1012" t="s">
        <v>89</v>
      </c>
      <c r="N1012" t="s">
        <v>90</v>
      </c>
      <c r="O1012" t="s">
        <v>85</v>
      </c>
      <c r="P1012" t="s">
        <v>86</v>
      </c>
      <c r="Q1012">
        <v>19</v>
      </c>
      <c r="R1012">
        <v>19</v>
      </c>
      <c r="S1012">
        <v>20</v>
      </c>
      <c r="T1012">
        <v>20</v>
      </c>
      <c r="U1012">
        <v>20</v>
      </c>
      <c r="V1012">
        <v>21</v>
      </c>
      <c r="W1012">
        <v>21</v>
      </c>
      <c r="X1012">
        <v>21</v>
      </c>
      <c r="Y1012">
        <v>22</v>
      </c>
      <c r="Z1012">
        <v>22</v>
      </c>
      <c r="AA1012">
        <v>22</v>
      </c>
      <c r="AB1012">
        <v>22</v>
      </c>
      <c r="AC1012">
        <v>23</v>
      </c>
      <c r="AD1012">
        <v>23</v>
      </c>
      <c r="AE1012">
        <v>23</v>
      </c>
      <c r="AF1012">
        <v>23</v>
      </c>
      <c r="AG1012">
        <v>23</v>
      </c>
      <c r="AH1012">
        <v>23</v>
      </c>
      <c r="AI1012">
        <v>23</v>
      </c>
      <c r="AJ1012">
        <v>23</v>
      </c>
      <c r="AK1012">
        <v>23</v>
      </c>
      <c r="AL1012">
        <v>23</v>
      </c>
      <c r="AM1012">
        <v>22</v>
      </c>
      <c r="AN1012">
        <v>22</v>
      </c>
      <c r="AO1012">
        <v>22</v>
      </c>
      <c r="AP1012">
        <v>22</v>
      </c>
      <c r="AQ1012">
        <v>22</v>
      </c>
    </row>
    <row r="1013" spans="1:43">
      <c r="A1013" t="s">
        <v>713</v>
      </c>
      <c r="B1013" t="s">
        <v>714</v>
      </c>
      <c r="C1013" t="s">
        <v>711</v>
      </c>
      <c r="D1013" t="s">
        <v>712</v>
      </c>
      <c r="E1013" t="s">
        <v>353</v>
      </c>
      <c r="F1013" t="s">
        <v>354</v>
      </c>
      <c r="G1013" t="s">
        <v>80</v>
      </c>
      <c r="H1013" t="s">
        <v>81</v>
      </c>
      <c r="I1013" s="2">
        <v>1</v>
      </c>
      <c r="J1013" s="2">
        <v>0</v>
      </c>
      <c r="K1013" s="2">
        <v>0</v>
      </c>
      <c r="L1013" t="s">
        <v>120</v>
      </c>
      <c r="M1013" t="s">
        <v>83</v>
      </c>
      <c r="N1013" t="s">
        <v>91</v>
      </c>
      <c r="O1013" t="s">
        <v>85</v>
      </c>
      <c r="P1013" t="s">
        <v>86</v>
      </c>
      <c r="Q1013">
        <v>19</v>
      </c>
      <c r="R1013">
        <v>19</v>
      </c>
      <c r="S1013">
        <v>19</v>
      </c>
      <c r="T1013">
        <v>19</v>
      </c>
      <c r="U1013">
        <v>20</v>
      </c>
      <c r="V1013">
        <v>20</v>
      </c>
      <c r="W1013">
        <v>20</v>
      </c>
      <c r="X1013">
        <v>20</v>
      </c>
      <c r="Y1013">
        <v>20</v>
      </c>
      <c r="Z1013">
        <v>21</v>
      </c>
      <c r="AA1013">
        <v>21</v>
      </c>
      <c r="AB1013">
        <v>21</v>
      </c>
      <c r="AC1013">
        <v>21</v>
      </c>
      <c r="AD1013">
        <v>21</v>
      </c>
      <c r="AE1013">
        <v>21</v>
      </c>
      <c r="AF1013">
        <v>22</v>
      </c>
      <c r="AG1013">
        <v>22</v>
      </c>
      <c r="AH1013">
        <v>22</v>
      </c>
      <c r="AI1013">
        <v>22</v>
      </c>
      <c r="AJ1013">
        <v>22</v>
      </c>
      <c r="AK1013">
        <v>22</v>
      </c>
      <c r="AL1013">
        <v>22</v>
      </c>
      <c r="AM1013">
        <v>22</v>
      </c>
      <c r="AN1013">
        <v>22</v>
      </c>
      <c r="AO1013">
        <v>22</v>
      </c>
      <c r="AP1013">
        <v>22</v>
      </c>
      <c r="AQ1013">
        <v>22</v>
      </c>
    </row>
    <row r="1014" spans="1:43">
      <c r="A1014" t="s">
        <v>715</v>
      </c>
      <c r="B1014" t="s">
        <v>716</v>
      </c>
      <c r="C1014" t="s">
        <v>717</v>
      </c>
      <c r="D1014" t="s">
        <v>718</v>
      </c>
      <c r="E1014" t="s">
        <v>353</v>
      </c>
      <c r="F1014" t="s">
        <v>354</v>
      </c>
      <c r="G1014" t="s">
        <v>80</v>
      </c>
      <c r="H1014" t="s">
        <v>81</v>
      </c>
      <c r="I1014" s="2">
        <v>1</v>
      </c>
      <c r="J1014" s="2">
        <v>0</v>
      </c>
      <c r="K1014" s="2">
        <v>0</v>
      </c>
      <c r="L1014" t="s">
        <v>120</v>
      </c>
      <c r="M1014" t="s">
        <v>83</v>
      </c>
      <c r="N1014" t="s">
        <v>84</v>
      </c>
      <c r="O1014" t="s">
        <v>85</v>
      </c>
      <c r="P1014" t="s">
        <v>86</v>
      </c>
      <c r="Q1014">
        <v>9</v>
      </c>
      <c r="R1014">
        <v>9</v>
      </c>
      <c r="S1014">
        <v>9</v>
      </c>
      <c r="T1014">
        <v>9</v>
      </c>
      <c r="U1014">
        <v>9</v>
      </c>
      <c r="V1014">
        <v>9</v>
      </c>
      <c r="W1014">
        <v>9</v>
      </c>
      <c r="X1014">
        <v>9</v>
      </c>
      <c r="Y1014">
        <v>9</v>
      </c>
      <c r="Z1014">
        <v>9</v>
      </c>
      <c r="AA1014">
        <v>9</v>
      </c>
      <c r="AB1014">
        <v>9</v>
      </c>
      <c r="AC1014">
        <v>10</v>
      </c>
      <c r="AD1014">
        <v>10</v>
      </c>
      <c r="AE1014">
        <v>10</v>
      </c>
      <c r="AF1014">
        <v>10</v>
      </c>
      <c r="AG1014">
        <v>10</v>
      </c>
      <c r="AH1014">
        <v>10</v>
      </c>
      <c r="AI1014">
        <v>10</v>
      </c>
      <c r="AJ1014">
        <v>10</v>
      </c>
      <c r="AK1014">
        <v>10</v>
      </c>
      <c r="AL1014">
        <v>10</v>
      </c>
      <c r="AM1014">
        <v>10</v>
      </c>
      <c r="AN1014">
        <v>10</v>
      </c>
      <c r="AO1014">
        <v>10</v>
      </c>
      <c r="AP1014">
        <v>10</v>
      </c>
      <c r="AQ1014">
        <v>10</v>
      </c>
    </row>
    <row r="1015" spans="1:43">
      <c r="A1015" t="s">
        <v>715</v>
      </c>
      <c r="B1015" t="s">
        <v>716</v>
      </c>
      <c r="C1015" t="s">
        <v>717</v>
      </c>
      <c r="D1015" t="s">
        <v>718</v>
      </c>
      <c r="E1015" t="s">
        <v>353</v>
      </c>
      <c r="F1015" t="s">
        <v>354</v>
      </c>
      <c r="G1015" t="s">
        <v>80</v>
      </c>
      <c r="H1015" t="s">
        <v>81</v>
      </c>
      <c r="I1015" s="2">
        <v>1</v>
      </c>
      <c r="J1015" s="2">
        <v>0</v>
      </c>
      <c r="K1015" s="2">
        <v>0</v>
      </c>
      <c r="L1015" t="s">
        <v>120</v>
      </c>
      <c r="M1015" t="s">
        <v>87</v>
      </c>
      <c r="N1015" t="s">
        <v>88</v>
      </c>
      <c r="O1015" t="s">
        <v>85</v>
      </c>
      <c r="P1015" t="s">
        <v>86</v>
      </c>
      <c r="Q1015">
        <v>9</v>
      </c>
      <c r="R1015">
        <v>9</v>
      </c>
      <c r="S1015">
        <v>9</v>
      </c>
      <c r="T1015">
        <v>10</v>
      </c>
      <c r="U1015">
        <v>10</v>
      </c>
      <c r="V1015">
        <v>10</v>
      </c>
      <c r="W1015">
        <v>10</v>
      </c>
      <c r="X1015">
        <v>10</v>
      </c>
      <c r="Y1015">
        <v>10</v>
      </c>
      <c r="Z1015">
        <v>10</v>
      </c>
      <c r="AA1015">
        <v>10</v>
      </c>
      <c r="AB1015">
        <v>10</v>
      </c>
      <c r="AC1015">
        <v>10</v>
      </c>
      <c r="AD1015">
        <v>10</v>
      </c>
      <c r="AE1015">
        <v>10</v>
      </c>
      <c r="AF1015">
        <v>10</v>
      </c>
      <c r="AG1015">
        <v>10</v>
      </c>
      <c r="AH1015">
        <v>10</v>
      </c>
      <c r="AI1015">
        <v>10</v>
      </c>
      <c r="AJ1015">
        <v>10</v>
      </c>
      <c r="AK1015">
        <v>10</v>
      </c>
      <c r="AL1015">
        <v>10</v>
      </c>
      <c r="AM1015">
        <v>10</v>
      </c>
      <c r="AN1015">
        <v>10</v>
      </c>
      <c r="AO1015">
        <v>10</v>
      </c>
      <c r="AP1015">
        <v>10</v>
      </c>
      <c r="AQ1015">
        <v>10</v>
      </c>
    </row>
    <row r="1016" spans="1:43">
      <c r="A1016" t="s">
        <v>715</v>
      </c>
      <c r="B1016" t="s">
        <v>716</v>
      </c>
      <c r="C1016" t="s">
        <v>717</v>
      </c>
      <c r="D1016" t="s">
        <v>718</v>
      </c>
      <c r="E1016" t="s">
        <v>353</v>
      </c>
      <c r="F1016" t="s">
        <v>354</v>
      </c>
      <c r="G1016" t="s">
        <v>80</v>
      </c>
      <c r="H1016" t="s">
        <v>81</v>
      </c>
      <c r="I1016" s="2">
        <v>1</v>
      </c>
      <c r="J1016" s="2">
        <v>0</v>
      </c>
      <c r="K1016" s="2">
        <v>0</v>
      </c>
      <c r="L1016" t="s">
        <v>120</v>
      </c>
      <c r="M1016" t="s">
        <v>89</v>
      </c>
      <c r="N1016" t="s">
        <v>90</v>
      </c>
      <c r="O1016" t="s">
        <v>85</v>
      </c>
      <c r="P1016" t="s">
        <v>86</v>
      </c>
      <c r="Q1016">
        <v>9</v>
      </c>
      <c r="R1016">
        <v>9</v>
      </c>
      <c r="S1016">
        <v>9</v>
      </c>
      <c r="T1016">
        <v>9</v>
      </c>
      <c r="U1016">
        <v>9</v>
      </c>
      <c r="V1016">
        <v>9</v>
      </c>
      <c r="W1016">
        <v>10</v>
      </c>
      <c r="X1016">
        <v>10</v>
      </c>
      <c r="Y1016">
        <v>10</v>
      </c>
      <c r="Z1016">
        <v>10</v>
      </c>
      <c r="AA1016">
        <v>10</v>
      </c>
      <c r="AB1016">
        <v>10</v>
      </c>
      <c r="AC1016">
        <v>10</v>
      </c>
      <c r="AD1016">
        <v>10</v>
      </c>
      <c r="AE1016">
        <v>10</v>
      </c>
      <c r="AF1016">
        <v>10</v>
      </c>
      <c r="AG1016">
        <v>10</v>
      </c>
      <c r="AH1016">
        <v>10</v>
      </c>
      <c r="AI1016">
        <v>10</v>
      </c>
      <c r="AJ1016">
        <v>10</v>
      </c>
      <c r="AK1016">
        <v>10</v>
      </c>
      <c r="AL1016">
        <v>10</v>
      </c>
      <c r="AM1016">
        <v>10</v>
      </c>
      <c r="AN1016">
        <v>10</v>
      </c>
      <c r="AO1016">
        <v>10</v>
      </c>
      <c r="AP1016">
        <v>10</v>
      </c>
      <c r="AQ1016">
        <v>10</v>
      </c>
    </row>
    <row r="1017" spans="1:43">
      <c r="A1017" t="s">
        <v>715</v>
      </c>
      <c r="B1017" t="s">
        <v>716</v>
      </c>
      <c r="C1017" t="s">
        <v>717</v>
      </c>
      <c r="D1017" t="s">
        <v>718</v>
      </c>
      <c r="E1017" t="s">
        <v>353</v>
      </c>
      <c r="F1017" t="s">
        <v>354</v>
      </c>
      <c r="G1017" t="s">
        <v>80</v>
      </c>
      <c r="H1017" t="s">
        <v>81</v>
      </c>
      <c r="I1017" s="2">
        <v>1</v>
      </c>
      <c r="J1017" s="2">
        <v>0</v>
      </c>
      <c r="K1017" s="2">
        <v>0</v>
      </c>
      <c r="L1017" t="s">
        <v>120</v>
      </c>
      <c r="M1017" t="s">
        <v>83</v>
      </c>
      <c r="N1017" t="s">
        <v>91</v>
      </c>
      <c r="O1017" t="s">
        <v>85</v>
      </c>
      <c r="P1017" t="s">
        <v>86</v>
      </c>
      <c r="Q1017">
        <v>9</v>
      </c>
      <c r="R1017">
        <v>9</v>
      </c>
      <c r="S1017">
        <v>9</v>
      </c>
      <c r="T1017">
        <v>9</v>
      </c>
      <c r="U1017">
        <v>9</v>
      </c>
      <c r="V1017">
        <v>9</v>
      </c>
      <c r="W1017">
        <v>9</v>
      </c>
      <c r="X1017">
        <v>9</v>
      </c>
      <c r="Y1017">
        <v>9</v>
      </c>
      <c r="Z1017">
        <v>9</v>
      </c>
      <c r="AA1017">
        <v>9</v>
      </c>
      <c r="AB1017">
        <v>9</v>
      </c>
      <c r="AC1017">
        <v>10</v>
      </c>
      <c r="AD1017">
        <v>10</v>
      </c>
      <c r="AE1017">
        <v>10</v>
      </c>
      <c r="AF1017">
        <v>10</v>
      </c>
      <c r="AG1017">
        <v>10</v>
      </c>
      <c r="AH1017">
        <v>10</v>
      </c>
      <c r="AI1017">
        <v>10</v>
      </c>
      <c r="AJ1017">
        <v>10</v>
      </c>
      <c r="AK1017">
        <v>10</v>
      </c>
      <c r="AL1017">
        <v>10</v>
      </c>
      <c r="AM1017">
        <v>10</v>
      </c>
      <c r="AN1017">
        <v>10</v>
      </c>
      <c r="AO1017">
        <v>10</v>
      </c>
      <c r="AP1017">
        <v>10</v>
      </c>
      <c r="AQ1017">
        <v>10</v>
      </c>
    </row>
    <row r="1018" spans="1:43">
      <c r="A1018" t="s">
        <v>719</v>
      </c>
      <c r="B1018" t="s">
        <v>720</v>
      </c>
      <c r="C1018" t="s">
        <v>717</v>
      </c>
      <c r="D1018" t="s">
        <v>718</v>
      </c>
      <c r="E1018" t="s">
        <v>353</v>
      </c>
      <c r="F1018" t="s">
        <v>354</v>
      </c>
      <c r="G1018" t="s">
        <v>80</v>
      </c>
      <c r="H1018" t="s">
        <v>81</v>
      </c>
      <c r="I1018" s="2">
        <v>1</v>
      </c>
      <c r="J1018" s="2">
        <v>0</v>
      </c>
      <c r="K1018" s="2">
        <v>0</v>
      </c>
      <c r="L1018" t="s">
        <v>120</v>
      </c>
      <c r="M1018" t="s">
        <v>83</v>
      </c>
      <c r="N1018" t="s">
        <v>84</v>
      </c>
      <c r="O1018" t="s">
        <v>85</v>
      </c>
      <c r="P1018" t="s">
        <v>86</v>
      </c>
      <c r="Q1018">
        <v>80</v>
      </c>
      <c r="R1018">
        <v>80</v>
      </c>
      <c r="S1018">
        <v>81</v>
      </c>
      <c r="T1018">
        <v>82</v>
      </c>
      <c r="U1018">
        <v>83</v>
      </c>
      <c r="V1018">
        <v>84</v>
      </c>
      <c r="W1018">
        <v>85</v>
      </c>
      <c r="X1018">
        <v>85</v>
      </c>
      <c r="Y1018">
        <v>86</v>
      </c>
      <c r="Z1018">
        <v>87</v>
      </c>
      <c r="AA1018">
        <v>88</v>
      </c>
      <c r="AB1018">
        <v>88</v>
      </c>
      <c r="AC1018">
        <v>89</v>
      </c>
      <c r="AD1018">
        <v>90</v>
      </c>
      <c r="AE1018">
        <v>90</v>
      </c>
      <c r="AF1018">
        <v>91</v>
      </c>
      <c r="AG1018">
        <v>92</v>
      </c>
      <c r="AH1018">
        <v>92</v>
      </c>
      <c r="AI1018">
        <v>93</v>
      </c>
      <c r="AJ1018">
        <v>94</v>
      </c>
      <c r="AK1018">
        <v>94</v>
      </c>
      <c r="AL1018">
        <v>94</v>
      </c>
      <c r="AM1018">
        <v>94</v>
      </c>
      <c r="AN1018">
        <v>94</v>
      </c>
      <c r="AO1018">
        <v>93</v>
      </c>
      <c r="AP1018">
        <v>93</v>
      </c>
      <c r="AQ1018">
        <v>93</v>
      </c>
    </row>
    <row r="1019" spans="1:43">
      <c r="A1019" t="s">
        <v>719</v>
      </c>
      <c r="B1019" t="s">
        <v>720</v>
      </c>
      <c r="C1019" t="s">
        <v>717</v>
      </c>
      <c r="D1019" t="s">
        <v>718</v>
      </c>
      <c r="E1019" t="s">
        <v>353</v>
      </c>
      <c r="F1019" t="s">
        <v>354</v>
      </c>
      <c r="G1019" t="s">
        <v>80</v>
      </c>
      <c r="H1019" t="s">
        <v>81</v>
      </c>
      <c r="I1019" s="2">
        <v>1</v>
      </c>
      <c r="J1019" s="2">
        <v>0</v>
      </c>
      <c r="K1019" s="2">
        <v>0</v>
      </c>
      <c r="L1019" t="s">
        <v>120</v>
      </c>
      <c r="M1019" t="s">
        <v>87</v>
      </c>
      <c r="N1019" t="s">
        <v>88</v>
      </c>
      <c r="O1019" t="s">
        <v>85</v>
      </c>
      <c r="P1019" t="s">
        <v>86</v>
      </c>
      <c r="Q1019">
        <v>80</v>
      </c>
      <c r="R1019">
        <v>80</v>
      </c>
      <c r="S1019">
        <v>80</v>
      </c>
      <c r="T1019">
        <v>80</v>
      </c>
      <c r="U1019">
        <v>80</v>
      </c>
      <c r="V1019">
        <v>80</v>
      </c>
      <c r="W1019">
        <v>81</v>
      </c>
      <c r="X1019">
        <v>81</v>
      </c>
      <c r="Y1019">
        <v>81</v>
      </c>
      <c r="Z1019">
        <v>81</v>
      </c>
      <c r="AA1019">
        <v>81</v>
      </c>
      <c r="AB1019">
        <v>81</v>
      </c>
      <c r="AC1019">
        <v>81</v>
      </c>
      <c r="AD1019">
        <v>81</v>
      </c>
      <c r="AE1019">
        <v>81</v>
      </c>
      <c r="AF1019">
        <v>81</v>
      </c>
      <c r="AG1019">
        <v>81</v>
      </c>
      <c r="AH1019">
        <v>81</v>
      </c>
      <c r="AI1019">
        <v>81</v>
      </c>
      <c r="AJ1019">
        <v>82</v>
      </c>
      <c r="AK1019">
        <v>82</v>
      </c>
      <c r="AL1019">
        <v>82</v>
      </c>
      <c r="AM1019">
        <v>82</v>
      </c>
      <c r="AN1019">
        <v>82</v>
      </c>
      <c r="AO1019">
        <v>82</v>
      </c>
      <c r="AP1019">
        <v>82</v>
      </c>
      <c r="AQ1019">
        <v>82</v>
      </c>
    </row>
    <row r="1020" spans="1:43">
      <c r="A1020" t="s">
        <v>719</v>
      </c>
      <c r="B1020" t="s">
        <v>720</v>
      </c>
      <c r="C1020" t="s">
        <v>717</v>
      </c>
      <c r="D1020" t="s">
        <v>718</v>
      </c>
      <c r="E1020" t="s">
        <v>353</v>
      </c>
      <c r="F1020" t="s">
        <v>354</v>
      </c>
      <c r="G1020" t="s">
        <v>80</v>
      </c>
      <c r="H1020" t="s">
        <v>81</v>
      </c>
      <c r="I1020" s="2">
        <v>1</v>
      </c>
      <c r="J1020" s="2">
        <v>0</v>
      </c>
      <c r="K1020" s="2">
        <v>0</v>
      </c>
      <c r="L1020" t="s">
        <v>120</v>
      </c>
      <c r="M1020" t="s">
        <v>89</v>
      </c>
      <c r="N1020" t="s">
        <v>90</v>
      </c>
      <c r="O1020" t="s">
        <v>85</v>
      </c>
      <c r="P1020" t="s">
        <v>86</v>
      </c>
      <c r="Q1020">
        <v>80</v>
      </c>
      <c r="R1020">
        <v>82</v>
      </c>
      <c r="S1020">
        <v>83</v>
      </c>
      <c r="T1020">
        <v>85</v>
      </c>
      <c r="U1020">
        <v>86</v>
      </c>
      <c r="V1020">
        <v>88</v>
      </c>
      <c r="W1020">
        <v>89</v>
      </c>
      <c r="X1020">
        <v>90</v>
      </c>
      <c r="Y1020">
        <v>91</v>
      </c>
      <c r="Z1020">
        <v>92</v>
      </c>
      <c r="AA1020">
        <v>93</v>
      </c>
      <c r="AB1020">
        <v>94</v>
      </c>
      <c r="AC1020">
        <v>95</v>
      </c>
      <c r="AD1020">
        <v>96</v>
      </c>
      <c r="AE1020">
        <v>97</v>
      </c>
      <c r="AF1020">
        <v>96</v>
      </c>
      <c r="AG1020">
        <v>96</v>
      </c>
      <c r="AH1020">
        <v>96</v>
      </c>
      <c r="AI1020">
        <v>96</v>
      </c>
      <c r="AJ1020">
        <v>95</v>
      </c>
      <c r="AK1020">
        <v>95</v>
      </c>
      <c r="AL1020">
        <v>95</v>
      </c>
      <c r="AM1020">
        <v>95</v>
      </c>
      <c r="AN1020">
        <v>94</v>
      </c>
      <c r="AO1020">
        <v>94</v>
      </c>
      <c r="AP1020">
        <v>94</v>
      </c>
      <c r="AQ1020">
        <v>93</v>
      </c>
    </row>
    <row r="1021" spans="1:43">
      <c r="A1021" t="s">
        <v>719</v>
      </c>
      <c r="B1021" t="s">
        <v>720</v>
      </c>
      <c r="C1021" t="s">
        <v>717</v>
      </c>
      <c r="D1021" t="s">
        <v>718</v>
      </c>
      <c r="E1021" t="s">
        <v>353</v>
      </c>
      <c r="F1021" t="s">
        <v>354</v>
      </c>
      <c r="G1021" t="s">
        <v>80</v>
      </c>
      <c r="H1021" t="s">
        <v>81</v>
      </c>
      <c r="I1021" s="2">
        <v>1</v>
      </c>
      <c r="J1021" s="2">
        <v>0</v>
      </c>
      <c r="K1021" s="2">
        <v>0</v>
      </c>
      <c r="L1021" t="s">
        <v>120</v>
      </c>
      <c r="M1021" t="s">
        <v>83</v>
      </c>
      <c r="N1021" t="s">
        <v>91</v>
      </c>
      <c r="O1021" t="s">
        <v>85</v>
      </c>
      <c r="P1021" t="s">
        <v>86</v>
      </c>
      <c r="Q1021">
        <v>80</v>
      </c>
      <c r="R1021">
        <v>80</v>
      </c>
      <c r="S1021">
        <v>81</v>
      </c>
      <c r="T1021">
        <v>82</v>
      </c>
      <c r="U1021">
        <v>83</v>
      </c>
      <c r="V1021">
        <v>84</v>
      </c>
      <c r="W1021">
        <v>85</v>
      </c>
      <c r="X1021">
        <v>85</v>
      </c>
      <c r="Y1021">
        <v>86</v>
      </c>
      <c r="Z1021">
        <v>87</v>
      </c>
      <c r="AA1021">
        <v>88</v>
      </c>
      <c r="AB1021">
        <v>88</v>
      </c>
      <c r="AC1021">
        <v>89</v>
      </c>
      <c r="AD1021">
        <v>90</v>
      </c>
      <c r="AE1021">
        <v>90</v>
      </c>
      <c r="AF1021">
        <v>91</v>
      </c>
      <c r="AG1021">
        <v>92</v>
      </c>
      <c r="AH1021">
        <v>92</v>
      </c>
      <c r="AI1021">
        <v>93</v>
      </c>
      <c r="AJ1021">
        <v>94</v>
      </c>
      <c r="AK1021">
        <v>94</v>
      </c>
      <c r="AL1021">
        <v>94</v>
      </c>
      <c r="AM1021">
        <v>94</v>
      </c>
      <c r="AN1021">
        <v>94</v>
      </c>
      <c r="AO1021">
        <v>93</v>
      </c>
      <c r="AP1021">
        <v>93</v>
      </c>
      <c r="AQ1021">
        <v>93</v>
      </c>
    </row>
    <row r="1022" spans="1:43">
      <c r="A1022" t="s">
        <v>721</v>
      </c>
      <c r="B1022" t="s">
        <v>722</v>
      </c>
      <c r="C1022" t="s">
        <v>717</v>
      </c>
      <c r="D1022" t="s">
        <v>718</v>
      </c>
      <c r="E1022" t="s">
        <v>353</v>
      </c>
      <c r="F1022" t="s">
        <v>354</v>
      </c>
      <c r="G1022" t="s">
        <v>80</v>
      </c>
      <c r="H1022" t="s">
        <v>81</v>
      </c>
      <c r="I1022" s="2">
        <v>1</v>
      </c>
      <c r="J1022" s="2">
        <v>0</v>
      </c>
      <c r="K1022" s="2">
        <v>0</v>
      </c>
      <c r="L1022" t="s">
        <v>120</v>
      </c>
      <c r="M1022" t="s">
        <v>83</v>
      </c>
      <c r="N1022" t="s">
        <v>84</v>
      </c>
      <c r="O1022" t="s">
        <v>85</v>
      </c>
      <c r="P1022" t="s">
        <v>86</v>
      </c>
      <c r="Q1022">
        <v>29</v>
      </c>
      <c r="R1022">
        <v>30</v>
      </c>
      <c r="S1022">
        <v>30</v>
      </c>
      <c r="T1022">
        <v>30</v>
      </c>
      <c r="U1022">
        <v>31</v>
      </c>
      <c r="V1022">
        <v>31</v>
      </c>
      <c r="W1022">
        <v>31</v>
      </c>
      <c r="X1022">
        <v>32</v>
      </c>
      <c r="Y1022">
        <v>32</v>
      </c>
      <c r="Z1022">
        <v>32</v>
      </c>
      <c r="AA1022">
        <v>32</v>
      </c>
      <c r="AB1022">
        <v>33</v>
      </c>
      <c r="AC1022">
        <v>33</v>
      </c>
      <c r="AD1022">
        <v>33</v>
      </c>
      <c r="AE1022">
        <v>33</v>
      </c>
      <c r="AF1022">
        <v>34</v>
      </c>
      <c r="AG1022">
        <v>34</v>
      </c>
      <c r="AH1022">
        <v>34</v>
      </c>
      <c r="AI1022">
        <v>34</v>
      </c>
      <c r="AJ1022">
        <v>35</v>
      </c>
      <c r="AK1022">
        <v>35</v>
      </c>
      <c r="AL1022">
        <v>35</v>
      </c>
      <c r="AM1022">
        <v>35</v>
      </c>
      <c r="AN1022">
        <v>35</v>
      </c>
      <c r="AO1022">
        <v>34</v>
      </c>
      <c r="AP1022">
        <v>34</v>
      </c>
      <c r="AQ1022">
        <v>34</v>
      </c>
    </row>
    <row r="1023" spans="1:43">
      <c r="A1023" t="s">
        <v>721</v>
      </c>
      <c r="B1023" t="s">
        <v>722</v>
      </c>
      <c r="C1023" t="s">
        <v>717</v>
      </c>
      <c r="D1023" t="s">
        <v>718</v>
      </c>
      <c r="E1023" t="s">
        <v>353</v>
      </c>
      <c r="F1023" t="s">
        <v>354</v>
      </c>
      <c r="G1023" t="s">
        <v>80</v>
      </c>
      <c r="H1023" t="s">
        <v>81</v>
      </c>
      <c r="I1023" s="2">
        <v>1</v>
      </c>
      <c r="J1023" s="2">
        <v>0</v>
      </c>
      <c r="K1023" s="2">
        <v>0</v>
      </c>
      <c r="L1023" t="s">
        <v>120</v>
      </c>
      <c r="M1023" t="s">
        <v>87</v>
      </c>
      <c r="N1023" t="s">
        <v>88</v>
      </c>
      <c r="O1023" t="s">
        <v>85</v>
      </c>
      <c r="P1023" t="s">
        <v>86</v>
      </c>
      <c r="Q1023">
        <v>29</v>
      </c>
      <c r="R1023">
        <v>29</v>
      </c>
      <c r="S1023">
        <v>29</v>
      </c>
      <c r="T1023">
        <v>29</v>
      </c>
      <c r="U1023">
        <v>29</v>
      </c>
      <c r="V1023">
        <v>29</v>
      </c>
      <c r="W1023">
        <v>29</v>
      </c>
      <c r="X1023">
        <v>29</v>
      </c>
      <c r="Y1023">
        <v>29</v>
      </c>
      <c r="Z1023">
        <v>29</v>
      </c>
      <c r="AA1023">
        <v>30</v>
      </c>
      <c r="AB1023">
        <v>30</v>
      </c>
      <c r="AC1023">
        <v>30</v>
      </c>
      <c r="AD1023">
        <v>30</v>
      </c>
      <c r="AE1023">
        <v>30</v>
      </c>
      <c r="AF1023">
        <v>30</v>
      </c>
      <c r="AG1023">
        <v>30</v>
      </c>
      <c r="AH1023">
        <v>30</v>
      </c>
      <c r="AI1023">
        <v>30</v>
      </c>
      <c r="AJ1023">
        <v>30</v>
      </c>
      <c r="AK1023">
        <v>30</v>
      </c>
      <c r="AL1023">
        <v>30</v>
      </c>
      <c r="AM1023">
        <v>30</v>
      </c>
      <c r="AN1023">
        <v>30</v>
      </c>
      <c r="AO1023">
        <v>30</v>
      </c>
      <c r="AP1023">
        <v>30</v>
      </c>
      <c r="AQ1023">
        <v>30</v>
      </c>
    </row>
    <row r="1024" spans="1:43">
      <c r="A1024" t="s">
        <v>721</v>
      </c>
      <c r="B1024" t="s">
        <v>722</v>
      </c>
      <c r="C1024" t="s">
        <v>717</v>
      </c>
      <c r="D1024" t="s">
        <v>718</v>
      </c>
      <c r="E1024" t="s">
        <v>353</v>
      </c>
      <c r="F1024" t="s">
        <v>354</v>
      </c>
      <c r="G1024" t="s">
        <v>80</v>
      </c>
      <c r="H1024" t="s">
        <v>81</v>
      </c>
      <c r="I1024" s="2">
        <v>1</v>
      </c>
      <c r="J1024" s="2">
        <v>0</v>
      </c>
      <c r="K1024" s="2">
        <v>0</v>
      </c>
      <c r="L1024" t="s">
        <v>120</v>
      </c>
      <c r="M1024" t="s">
        <v>89</v>
      </c>
      <c r="N1024" t="s">
        <v>90</v>
      </c>
      <c r="O1024" t="s">
        <v>85</v>
      </c>
      <c r="P1024" t="s">
        <v>86</v>
      </c>
      <c r="Q1024">
        <v>29</v>
      </c>
      <c r="R1024">
        <v>29</v>
      </c>
      <c r="S1024">
        <v>30</v>
      </c>
      <c r="T1024">
        <v>30</v>
      </c>
      <c r="U1024">
        <v>31</v>
      </c>
      <c r="V1024">
        <v>31</v>
      </c>
      <c r="W1024">
        <v>32</v>
      </c>
      <c r="X1024">
        <v>32</v>
      </c>
      <c r="Y1024">
        <v>33</v>
      </c>
      <c r="Z1024">
        <v>33</v>
      </c>
      <c r="AA1024">
        <v>33</v>
      </c>
      <c r="AB1024">
        <v>34</v>
      </c>
      <c r="AC1024">
        <v>34</v>
      </c>
      <c r="AD1024">
        <v>35</v>
      </c>
      <c r="AE1024">
        <v>35</v>
      </c>
      <c r="AF1024">
        <v>35</v>
      </c>
      <c r="AG1024">
        <v>35</v>
      </c>
      <c r="AH1024">
        <v>34</v>
      </c>
      <c r="AI1024">
        <v>34</v>
      </c>
      <c r="AJ1024">
        <v>34</v>
      </c>
      <c r="AK1024">
        <v>34</v>
      </c>
      <c r="AL1024">
        <v>34</v>
      </c>
      <c r="AM1024">
        <v>34</v>
      </c>
      <c r="AN1024">
        <v>34</v>
      </c>
      <c r="AO1024">
        <v>34</v>
      </c>
      <c r="AP1024">
        <v>34</v>
      </c>
      <c r="AQ1024">
        <v>33</v>
      </c>
    </row>
    <row r="1025" spans="1:43">
      <c r="A1025" t="s">
        <v>721</v>
      </c>
      <c r="B1025" t="s">
        <v>722</v>
      </c>
      <c r="C1025" t="s">
        <v>717</v>
      </c>
      <c r="D1025" t="s">
        <v>718</v>
      </c>
      <c r="E1025" t="s">
        <v>353</v>
      </c>
      <c r="F1025" t="s">
        <v>354</v>
      </c>
      <c r="G1025" t="s">
        <v>80</v>
      </c>
      <c r="H1025" t="s">
        <v>81</v>
      </c>
      <c r="I1025" s="2">
        <v>1</v>
      </c>
      <c r="J1025" s="2">
        <v>0</v>
      </c>
      <c r="K1025" s="2">
        <v>0</v>
      </c>
      <c r="L1025" t="s">
        <v>120</v>
      </c>
      <c r="M1025" t="s">
        <v>83</v>
      </c>
      <c r="N1025" t="s">
        <v>91</v>
      </c>
      <c r="O1025" t="s">
        <v>85</v>
      </c>
      <c r="P1025" t="s">
        <v>86</v>
      </c>
      <c r="Q1025">
        <v>29</v>
      </c>
      <c r="R1025">
        <v>30</v>
      </c>
      <c r="S1025">
        <v>30</v>
      </c>
      <c r="T1025">
        <v>30</v>
      </c>
      <c r="U1025">
        <v>31</v>
      </c>
      <c r="V1025">
        <v>31</v>
      </c>
      <c r="W1025">
        <v>31</v>
      </c>
      <c r="X1025">
        <v>32</v>
      </c>
      <c r="Y1025">
        <v>32</v>
      </c>
      <c r="Z1025">
        <v>32</v>
      </c>
      <c r="AA1025">
        <v>32</v>
      </c>
      <c r="AB1025">
        <v>33</v>
      </c>
      <c r="AC1025">
        <v>33</v>
      </c>
      <c r="AD1025">
        <v>33</v>
      </c>
      <c r="AE1025">
        <v>33</v>
      </c>
      <c r="AF1025">
        <v>34</v>
      </c>
      <c r="AG1025">
        <v>34</v>
      </c>
      <c r="AH1025">
        <v>34</v>
      </c>
      <c r="AI1025">
        <v>34</v>
      </c>
      <c r="AJ1025">
        <v>35</v>
      </c>
      <c r="AK1025">
        <v>35</v>
      </c>
      <c r="AL1025">
        <v>35</v>
      </c>
      <c r="AM1025">
        <v>35</v>
      </c>
      <c r="AN1025">
        <v>35</v>
      </c>
      <c r="AO1025">
        <v>34</v>
      </c>
      <c r="AP1025">
        <v>34</v>
      </c>
      <c r="AQ1025">
        <v>34</v>
      </c>
    </row>
    <row r="1026" spans="1:43">
      <c r="A1026" t="s">
        <v>723</v>
      </c>
      <c r="B1026" t="s">
        <v>724</v>
      </c>
      <c r="C1026" t="s">
        <v>717</v>
      </c>
      <c r="D1026" t="s">
        <v>718</v>
      </c>
      <c r="E1026" t="s">
        <v>353</v>
      </c>
      <c r="F1026" t="s">
        <v>354</v>
      </c>
      <c r="G1026" t="s">
        <v>80</v>
      </c>
      <c r="H1026" t="s">
        <v>81</v>
      </c>
      <c r="I1026" s="2">
        <v>1</v>
      </c>
      <c r="J1026" s="2">
        <v>0</v>
      </c>
      <c r="K1026" s="2">
        <v>0</v>
      </c>
      <c r="L1026" t="s">
        <v>120</v>
      </c>
      <c r="M1026" t="s">
        <v>83</v>
      </c>
      <c r="N1026" t="s">
        <v>84</v>
      </c>
      <c r="O1026" t="s">
        <v>85</v>
      </c>
      <c r="P1026" t="s">
        <v>86</v>
      </c>
      <c r="Q1026">
        <v>20</v>
      </c>
      <c r="R1026">
        <v>20</v>
      </c>
      <c r="S1026">
        <v>20</v>
      </c>
      <c r="T1026">
        <v>20</v>
      </c>
      <c r="U1026">
        <v>21</v>
      </c>
      <c r="V1026">
        <v>21</v>
      </c>
      <c r="W1026">
        <v>21</v>
      </c>
      <c r="X1026">
        <v>21</v>
      </c>
      <c r="Y1026">
        <v>21</v>
      </c>
      <c r="Z1026">
        <v>22</v>
      </c>
      <c r="AA1026">
        <v>22</v>
      </c>
      <c r="AB1026">
        <v>22</v>
      </c>
      <c r="AC1026">
        <v>22</v>
      </c>
      <c r="AD1026">
        <v>22</v>
      </c>
      <c r="AE1026">
        <v>22</v>
      </c>
      <c r="AF1026">
        <v>23</v>
      </c>
      <c r="AG1026">
        <v>23</v>
      </c>
      <c r="AH1026">
        <v>23</v>
      </c>
      <c r="AI1026">
        <v>23</v>
      </c>
      <c r="AJ1026">
        <v>23</v>
      </c>
      <c r="AK1026">
        <v>23</v>
      </c>
      <c r="AL1026">
        <v>23</v>
      </c>
      <c r="AM1026">
        <v>23</v>
      </c>
      <c r="AN1026">
        <v>23</v>
      </c>
      <c r="AO1026">
        <v>23</v>
      </c>
      <c r="AP1026">
        <v>23</v>
      </c>
      <c r="AQ1026">
        <v>23</v>
      </c>
    </row>
    <row r="1027" spans="1:43">
      <c r="A1027" t="s">
        <v>723</v>
      </c>
      <c r="B1027" t="s">
        <v>724</v>
      </c>
      <c r="C1027" t="s">
        <v>717</v>
      </c>
      <c r="D1027" t="s">
        <v>718</v>
      </c>
      <c r="E1027" t="s">
        <v>353</v>
      </c>
      <c r="F1027" t="s">
        <v>354</v>
      </c>
      <c r="G1027" t="s">
        <v>80</v>
      </c>
      <c r="H1027" t="s">
        <v>81</v>
      </c>
      <c r="I1027" s="2">
        <v>1</v>
      </c>
      <c r="J1027" s="2">
        <v>0</v>
      </c>
      <c r="K1027" s="2">
        <v>0</v>
      </c>
      <c r="L1027" t="s">
        <v>120</v>
      </c>
      <c r="M1027" t="s">
        <v>87</v>
      </c>
      <c r="N1027" t="s">
        <v>88</v>
      </c>
      <c r="O1027" t="s">
        <v>85</v>
      </c>
      <c r="P1027" t="s">
        <v>86</v>
      </c>
      <c r="Q1027">
        <v>20</v>
      </c>
      <c r="R1027">
        <v>20</v>
      </c>
      <c r="S1027">
        <v>20</v>
      </c>
      <c r="T1027">
        <v>20</v>
      </c>
      <c r="U1027">
        <v>20</v>
      </c>
      <c r="V1027">
        <v>20</v>
      </c>
      <c r="W1027">
        <v>20</v>
      </c>
      <c r="X1027">
        <v>20</v>
      </c>
      <c r="Y1027">
        <v>20</v>
      </c>
      <c r="Z1027">
        <v>20</v>
      </c>
      <c r="AA1027">
        <v>20</v>
      </c>
      <c r="AB1027">
        <v>20</v>
      </c>
      <c r="AC1027">
        <v>20</v>
      </c>
      <c r="AD1027">
        <v>20</v>
      </c>
      <c r="AE1027">
        <v>20</v>
      </c>
      <c r="AF1027">
        <v>20</v>
      </c>
      <c r="AG1027">
        <v>20</v>
      </c>
      <c r="AH1027">
        <v>20</v>
      </c>
      <c r="AI1027">
        <v>20</v>
      </c>
      <c r="AJ1027">
        <v>20</v>
      </c>
      <c r="AK1027">
        <v>20</v>
      </c>
      <c r="AL1027">
        <v>20</v>
      </c>
      <c r="AM1027">
        <v>20</v>
      </c>
      <c r="AN1027">
        <v>20</v>
      </c>
      <c r="AO1027">
        <v>20</v>
      </c>
      <c r="AP1027">
        <v>20</v>
      </c>
      <c r="AQ1027">
        <v>20</v>
      </c>
    </row>
    <row r="1028" spans="1:43">
      <c r="A1028" t="s">
        <v>723</v>
      </c>
      <c r="B1028" t="s">
        <v>724</v>
      </c>
      <c r="C1028" t="s">
        <v>717</v>
      </c>
      <c r="D1028" t="s">
        <v>718</v>
      </c>
      <c r="E1028" t="s">
        <v>353</v>
      </c>
      <c r="F1028" t="s">
        <v>354</v>
      </c>
      <c r="G1028" t="s">
        <v>80</v>
      </c>
      <c r="H1028" t="s">
        <v>81</v>
      </c>
      <c r="I1028" s="2">
        <v>1</v>
      </c>
      <c r="J1028" s="2">
        <v>0</v>
      </c>
      <c r="K1028" s="2">
        <v>0</v>
      </c>
      <c r="L1028" t="s">
        <v>120</v>
      </c>
      <c r="M1028" t="s">
        <v>89</v>
      </c>
      <c r="N1028" t="s">
        <v>90</v>
      </c>
      <c r="O1028" t="s">
        <v>85</v>
      </c>
      <c r="P1028" t="s">
        <v>86</v>
      </c>
      <c r="Q1028">
        <v>20</v>
      </c>
      <c r="R1028">
        <v>20</v>
      </c>
      <c r="S1028">
        <v>21</v>
      </c>
      <c r="T1028">
        <v>21</v>
      </c>
      <c r="U1028">
        <v>21</v>
      </c>
      <c r="V1028">
        <v>22</v>
      </c>
      <c r="W1028">
        <v>22</v>
      </c>
      <c r="X1028">
        <v>22</v>
      </c>
      <c r="Y1028">
        <v>23</v>
      </c>
      <c r="Z1028">
        <v>23</v>
      </c>
      <c r="AA1028">
        <v>23</v>
      </c>
      <c r="AB1028">
        <v>23</v>
      </c>
      <c r="AC1028">
        <v>24</v>
      </c>
      <c r="AD1028">
        <v>24</v>
      </c>
      <c r="AE1028">
        <v>24</v>
      </c>
      <c r="AF1028">
        <v>24</v>
      </c>
      <c r="AG1028">
        <v>24</v>
      </c>
      <c r="AH1028">
        <v>24</v>
      </c>
      <c r="AI1028">
        <v>24</v>
      </c>
      <c r="AJ1028">
        <v>24</v>
      </c>
      <c r="AK1028">
        <v>24</v>
      </c>
      <c r="AL1028">
        <v>24</v>
      </c>
      <c r="AM1028">
        <v>24</v>
      </c>
      <c r="AN1028">
        <v>23</v>
      </c>
      <c r="AO1028">
        <v>23</v>
      </c>
      <c r="AP1028">
        <v>23</v>
      </c>
      <c r="AQ1028">
        <v>23</v>
      </c>
    </row>
    <row r="1029" spans="1:43">
      <c r="A1029" t="s">
        <v>723</v>
      </c>
      <c r="B1029" t="s">
        <v>724</v>
      </c>
      <c r="C1029" t="s">
        <v>717</v>
      </c>
      <c r="D1029" t="s">
        <v>718</v>
      </c>
      <c r="E1029" t="s">
        <v>353</v>
      </c>
      <c r="F1029" t="s">
        <v>354</v>
      </c>
      <c r="G1029" t="s">
        <v>80</v>
      </c>
      <c r="H1029" t="s">
        <v>81</v>
      </c>
      <c r="I1029" s="2">
        <v>1</v>
      </c>
      <c r="J1029" s="2">
        <v>0</v>
      </c>
      <c r="K1029" s="2">
        <v>0</v>
      </c>
      <c r="L1029" t="s">
        <v>120</v>
      </c>
      <c r="M1029" t="s">
        <v>83</v>
      </c>
      <c r="N1029" t="s">
        <v>91</v>
      </c>
      <c r="O1029" t="s">
        <v>85</v>
      </c>
      <c r="P1029" t="s">
        <v>86</v>
      </c>
      <c r="Q1029">
        <v>20</v>
      </c>
      <c r="R1029">
        <v>20</v>
      </c>
      <c r="S1029">
        <v>20</v>
      </c>
      <c r="T1029">
        <v>20</v>
      </c>
      <c r="U1029">
        <v>21</v>
      </c>
      <c r="V1029">
        <v>21</v>
      </c>
      <c r="W1029">
        <v>21</v>
      </c>
      <c r="X1029">
        <v>21</v>
      </c>
      <c r="Y1029">
        <v>21</v>
      </c>
      <c r="Z1029">
        <v>22</v>
      </c>
      <c r="AA1029">
        <v>22</v>
      </c>
      <c r="AB1029">
        <v>22</v>
      </c>
      <c r="AC1029">
        <v>22</v>
      </c>
      <c r="AD1029">
        <v>22</v>
      </c>
      <c r="AE1029">
        <v>22</v>
      </c>
      <c r="AF1029">
        <v>23</v>
      </c>
      <c r="AG1029">
        <v>23</v>
      </c>
      <c r="AH1029">
        <v>23</v>
      </c>
      <c r="AI1029">
        <v>23</v>
      </c>
      <c r="AJ1029">
        <v>23</v>
      </c>
      <c r="AK1029">
        <v>23</v>
      </c>
      <c r="AL1029">
        <v>23</v>
      </c>
      <c r="AM1029">
        <v>23</v>
      </c>
      <c r="AN1029">
        <v>23</v>
      </c>
      <c r="AO1029">
        <v>23</v>
      </c>
      <c r="AP1029">
        <v>23</v>
      </c>
      <c r="AQ1029">
        <v>23</v>
      </c>
    </row>
    <row r="1030" spans="1:43">
      <c r="A1030" t="s">
        <v>725</v>
      </c>
      <c r="B1030" t="s">
        <v>726</v>
      </c>
      <c r="C1030" t="s">
        <v>727</v>
      </c>
      <c r="D1030" t="s">
        <v>728</v>
      </c>
      <c r="E1030" t="s">
        <v>353</v>
      </c>
      <c r="F1030" t="s">
        <v>354</v>
      </c>
      <c r="G1030" t="s">
        <v>80</v>
      </c>
      <c r="H1030" t="s">
        <v>81</v>
      </c>
      <c r="I1030" s="2">
        <v>1</v>
      </c>
      <c r="J1030" s="2">
        <v>0</v>
      </c>
      <c r="K1030" s="2">
        <v>0</v>
      </c>
      <c r="L1030" t="s">
        <v>120</v>
      </c>
      <c r="M1030" t="s">
        <v>83</v>
      </c>
      <c r="N1030" t="s">
        <v>84</v>
      </c>
      <c r="O1030" t="s">
        <v>85</v>
      </c>
      <c r="P1030" t="s">
        <v>86</v>
      </c>
      <c r="Q1030">
        <v>9</v>
      </c>
      <c r="R1030">
        <v>9</v>
      </c>
      <c r="S1030">
        <v>9</v>
      </c>
      <c r="T1030">
        <v>10</v>
      </c>
      <c r="U1030">
        <v>10</v>
      </c>
      <c r="V1030">
        <v>10</v>
      </c>
      <c r="W1030">
        <v>10</v>
      </c>
      <c r="X1030">
        <v>10</v>
      </c>
      <c r="Y1030">
        <v>10</v>
      </c>
      <c r="Z1030">
        <v>10</v>
      </c>
      <c r="AA1030">
        <v>10</v>
      </c>
      <c r="AB1030">
        <v>10</v>
      </c>
      <c r="AC1030">
        <v>10</v>
      </c>
      <c r="AD1030">
        <v>10</v>
      </c>
      <c r="AE1030">
        <v>11</v>
      </c>
      <c r="AF1030">
        <v>11</v>
      </c>
      <c r="AG1030">
        <v>11</v>
      </c>
      <c r="AH1030">
        <v>11</v>
      </c>
      <c r="AI1030">
        <v>11</v>
      </c>
      <c r="AJ1030">
        <v>11</v>
      </c>
      <c r="AK1030">
        <v>11</v>
      </c>
      <c r="AL1030">
        <v>11</v>
      </c>
      <c r="AM1030">
        <v>11</v>
      </c>
      <c r="AN1030">
        <v>11</v>
      </c>
      <c r="AO1030">
        <v>11</v>
      </c>
      <c r="AP1030">
        <v>11</v>
      </c>
      <c r="AQ1030">
        <v>11</v>
      </c>
    </row>
    <row r="1031" spans="1:43">
      <c r="A1031" t="s">
        <v>725</v>
      </c>
      <c r="B1031" t="s">
        <v>726</v>
      </c>
      <c r="C1031" t="s">
        <v>727</v>
      </c>
      <c r="D1031" t="s">
        <v>728</v>
      </c>
      <c r="E1031" t="s">
        <v>353</v>
      </c>
      <c r="F1031" t="s">
        <v>354</v>
      </c>
      <c r="G1031" t="s">
        <v>80</v>
      </c>
      <c r="H1031" t="s">
        <v>81</v>
      </c>
      <c r="I1031" s="2">
        <v>1</v>
      </c>
      <c r="J1031" s="2">
        <v>0</v>
      </c>
      <c r="K1031" s="2">
        <v>0</v>
      </c>
      <c r="L1031" t="s">
        <v>120</v>
      </c>
      <c r="M1031" t="s">
        <v>87</v>
      </c>
      <c r="N1031" t="s">
        <v>88</v>
      </c>
      <c r="O1031" t="s">
        <v>85</v>
      </c>
      <c r="P1031" t="s">
        <v>86</v>
      </c>
      <c r="Q1031">
        <v>9</v>
      </c>
      <c r="R1031">
        <v>9</v>
      </c>
      <c r="S1031">
        <v>9</v>
      </c>
      <c r="T1031">
        <v>9</v>
      </c>
      <c r="U1031">
        <v>9</v>
      </c>
      <c r="V1031">
        <v>9</v>
      </c>
      <c r="W1031">
        <v>9</v>
      </c>
      <c r="X1031">
        <v>9</v>
      </c>
      <c r="Y1031">
        <v>9</v>
      </c>
      <c r="Z1031">
        <v>9</v>
      </c>
      <c r="AA1031">
        <v>9</v>
      </c>
      <c r="AB1031">
        <v>9</v>
      </c>
      <c r="AC1031">
        <v>9</v>
      </c>
      <c r="AD1031">
        <v>9</v>
      </c>
      <c r="AE1031">
        <v>9</v>
      </c>
      <c r="AF1031">
        <v>9</v>
      </c>
      <c r="AG1031">
        <v>9</v>
      </c>
      <c r="AH1031">
        <v>9</v>
      </c>
      <c r="AI1031">
        <v>9</v>
      </c>
      <c r="AJ1031">
        <v>9</v>
      </c>
      <c r="AK1031">
        <v>9</v>
      </c>
      <c r="AL1031">
        <v>9</v>
      </c>
      <c r="AM1031">
        <v>9</v>
      </c>
      <c r="AN1031">
        <v>9</v>
      </c>
      <c r="AO1031">
        <v>9</v>
      </c>
      <c r="AP1031">
        <v>9</v>
      </c>
      <c r="AQ1031">
        <v>9</v>
      </c>
    </row>
    <row r="1032" spans="1:43">
      <c r="A1032" t="s">
        <v>725</v>
      </c>
      <c r="B1032" t="s">
        <v>726</v>
      </c>
      <c r="C1032" t="s">
        <v>727</v>
      </c>
      <c r="D1032" t="s">
        <v>728</v>
      </c>
      <c r="E1032" t="s">
        <v>353</v>
      </c>
      <c r="F1032" t="s">
        <v>354</v>
      </c>
      <c r="G1032" t="s">
        <v>80</v>
      </c>
      <c r="H1032" t="s">
        <v>81</v>
      </c>
      <c r="I1032" s="2">
        <v>1</v>
      </c>
      <c r="J1032" s="2">
        <v>0</v>
      </c>
      <c r="K1032" s="2">
        <v>0</v>
      </c>
      <c r="L1032" t="s">
        <v>120</v>
      </c>
      <c r="M1032" t="s">
        <v>89</v>
      </c>
      <c r="N1032" t="s">
        <v>90</v>
      </c>
      <c r="O1032" t="s">
        <v>85</v>
      </c>
      <c r="P1032" t="s">
        <v>86</v>
      </c>
      <c r="Q1032">
        <v>9</v>
      </c>
      <c r="R1032">
        <v>10</v>
      </c>
      <c r="S1032">
        <v>10</v>
      </c>
      <c r="T1032">
        <v>10</v>
      </c>
      <c r="U1032">
        <v>10</v>
      </c>
      <c r="V1032">
        <v>10</v>
      </c>
      <c r="W1032">
        <v>10</v>
      </c>
      <c r="X1032">
        <v>11</v>
      </c>
      <c r="Y1032">
        <v>11</v>
      </c>
      <c r="Z1032">
        <v>11</v>
      </c>
      <c r="AA1032">
        <v>11</v>
      </c>
      <c r="AB1032">
        <v>11</v>
      </c>
      <c r="AC1032">
        <v>11</v>
      </c>
      <c r="AD1032">
        <v>11</v>
      </c>
      <c r="AE1032">
        <v>11</v>
      </c>
      <c r="AF1032">
        <v>11</v>
      </c>
      <c r="AG1032">
        <v>11</v>
      </c>
      <c r="AH1032">
        <v>11</v>
      </c>
      <c r="AI1032">
        <v>11</v>
      </c>
      <c r="AJ1032">
        <v>11</v>
      </c>
      <c r="AK1032">
        <v>11</v>
      </c>
      <c r="AL1032">
        <v>11</v>
      </c>
      <c r="AM1032">
        <v>11</v>
      </c>
      <c r="AN1032">
        <v>11</v>
      </c>
      <c r="AO1032">
        <v>11</v>
      </c>
      <c r="AP1032">
        <v>11</v>
      </c>
      <c r="AQ1032">
        <v>11</v>
      </c>
    </row>
    <row r="1033" spans="1:43">
      <c r="A1033" t="s">
        <v>725</v>
      </c>
      <c r="B1033" t="s">
        <v>726</v>
      </c>
      <c r="C1033" t="s">
        <v>727</v>
      </c>
      <c r="D1033" t="s">
        <v>728</v>
      </c>
      <c r="E1033" t="s">
        <v>353</v>
      </c>
      <c r="F1033" t="s">
        <v>354</v>
      </c>
      <c r="G1033" t="s">
        <v>80</v>
      </c>
      <c r="H1033" t="s">
        <v>81</v>
      </c>
      <c r="I1033" s="2">
        <v>1</v>
      </c>
      <c r="J1033" s="2">
        <v>0</v>
      </c>
      <c r="K1033" s="2">
        <v>0</v>
      </c>
      <c r="L1033" t="s">
        <v>120</v>
      </c>
      <c r="M1033" t="s">
        <v>83</v>
      </c>
      <c r="N1033" t="s">
        <v>91</v>
      </c>
      <c r="O1033" t="s">
        <v>85</v>
      </c>
      <c r="P1033" t="s">
        <v>86</v>
      </c>
      <c r="Q1033">
        <v>9</v>
      </c>
      <c r="R1033">
        <v>9</v>
      </c>
      <c r="S1033">
        <v>9</v>
      </c>
      <c r="T1033">
        <v>10</v>
      </c>
      <c r="U1033">
        <v>10</v>
      </c>
      <c r="V1033">
        <v>10</v>
      </c>
      <c r="W1033">
        <v>10</v>
      </c>
      <c r="X1033">
        <v>10</v>
      </c>
      <c r="Y1033">
        <v>10</v>
      </c>
      <c r="Z1033">
        <v>10</v>
      </c>
      <c r="AA1033">
        <v>10</v>
      </c>
      <c r="AB1033">
        <v>10</v>
      </c>
      <c r="AC1033">
        <v>10</v>
      </c>
      <c r="AD1033">
        <v>10</v>
      </c>
      <c r="AE1033">
        <v>11</v>
      </c>
      <c r="AF1033">
        <v>11</v>
      </c>
      <c r="AG1033">
        <v>11</v>
      </c>
      <c r="AH1033">
        <v>11</v>
      </c>
      <c r="AI1033">
        <v>11</v>
      </c>
      <c r="AJ1033">
        <v>11</v>
      </c>
      <c r="AK1033">
        <v>11</v>
      </c>
      <c r="AL1033">
        <v>11</v>
      </c>
      <c r="AM1033">
        <v>11</v>
      </c>
      <c r="AN1033">
        <v>11</v>
      </c>
      <c r="AO1033">
        <v>11</v>
      </c>
      <c r="AP1033">
        <v>11</v>
      </c>
      <c r="AQ1033">
        <v>11</v>
      </c>
    </row>
    <row r="1034" spans="1:43">
      <c r="A1034" t="s">
        <v>729</v>
      </c>
      <c r="B1034" t="s">
        <v>730</v>
      </c>
      <c r="C1034" t="s">
        <v>727</v>
      </c>
      <c r="D1034" t="s">
        <v>728</v>
      </c>
      <c r="E1034" t="s">
        <v>353</v>
      </c>
      <c r="F1034" t="s">
        <v>354</v>
      </c>
      <c r="G1034" t="s">
        <v>80</v>
      </c>
      <c r="H1034" t="s">
        <v>81</v>
      </c>
      <c r="I1034" s="2">
        <v>1</v>
      </c>
      <c r="J1034" s="2">
        <v>0</v>
      </c>
      <c r="K1034" s="2">
        <v>0</v>
      </c>
      <c r="L1034" t="s">
        <v>120</v>
      </c>
      <c r="M1034" t="s">
        <v>83</v>
      </c>
      <c r="N1034" t="s">
        <v>84</v>
      </c>
      <c r="O1034" t="s">
        <v>85</v>
      </c>
      <c r="P1034" t="s">
        <v>86</v>
      </c>
      <c r="Q1034">
        <v>24</v>
      </c>
      <c r="R1034">
        <v>24</v>
      </c>
      <c r="S1034">
        <v>25</v>
      </c>
      <c r="T1034">
        <v>25</v>
      </c>
      <c r="U1034">
        <v>25</v>
      </c>
      <c r="V1034">
        <v>26</v>
      </c>
      <c r="W1034">
        <v>26</v>
      </c>
      <c r="X1034">
        <v>26</v>
      </c>
      <c r="Y1034">
        <v>26</v>
      </c>
      <c r="Z1034">
        <v>26</v>
      </c>
      <c r="AA1034">
        <v>27</v>
      </c>
      <c r="AB1034">
        <v>27</v>
      </c>
      <c r="AC1034">
        <v>27</v>
      </c>
      <c r="AD1034">
        <v>27</v>
      </c>
      <c r="AE1034">
        <v>28</v>
      </c>
      <c r="AF1034">
        <v>28</v>
      </c>
      <c r="AG1034">
        <v>28</v>
      </c>
      <c r="AH1034">
        <v>28</v>
      </c>
      <c r="AI1034">
        <v>28</v>
      </c>
      <c r="AJ1034">
        <v>29</v>
      </c>
      <c r="AK1034">
        <v>29</v>
      </c>
      <c r="AL1034">
        <v>29</v>
      </c>
      <c r="AM1034">
        <v>29</v>
      </c>
      <c r="AN1034">
        <v>29</v>
      </c>
      <c r="AO1034">
        <v>29</v>
      </c>
      <c r="AP1034">
        <v>29</v>
      </c>
      <c r="AQ1034">
        <v>29</v>
      </c>
    </row>
    <row r="1035" spans="1:43">
      <c r="A1035" t="s">
        <v>729</v>
      </c>
      <c r="B1035" t="s">
        <v>730</v>
      </c>
      <c r="C1035" t="s">
        <v>727</v>
      </c>
      <c r="D1035" t="s">
        <v>728</v>
      </c>
      <c r="E1035" t="s">
        <v>353</v>
      </c>
      <c r="F1035" t="s">
        <v>354</v>
      </c>
      <c r="G1035" t="s">
        <v>80</v>
      </c>
      <c r="H1035" t="s">
        <v>81</v>
      </c>
      <c r="I1035" s="2">
        <v>1</v>
      </c>
      <c r="J1035" s="2">
        <v>0</v>
      </c>
      <c r="K1035" s="2">
        <v>0</v>
      </c>
      <c r="L1035" t="s">
        <v>120</v>
      </c>
      <c r="M1035" t="s">
        <v>87</v>
      </c>
      <c r="N1035" t="s">
        <v>88</v>
      </c>
      <c r="O1035" t="s">
        <v>85</v>
      </c>
      <c r="P1035" t="s">
        <v>86</v>
      </c>
      <c r="Q1035">
        <v>24</v>
      </c>
      <c r="R1035">
        <v>24</v>
      </c>
      <c r="S1035">
        <v>24</v>
      </c>
      <c r="T1035">
        <v>24</v>
      </c>
      <c r="U1035">
        <v>24</v>
      </c>
      <c r="V1035">
        <v>24</v>
      </c>
      <c r="W1035">
        <v>24</v>
      </c>
      <c r="X1035">
        <v>24</v>
      </c>
      <c r="Y1035">
        <v>24</v>
      </c>
      <c r="Z1035">
        <v>24</v>
      </c>
      <c r="AA1035">
        <v>24</v>
      </c>
      <c r="AB1035">
        <v>24</v>
      </c>
      <c r="AC1035">
        <v>24</v>
      </c>
      <c r="AD1035">
        <v>24</v>
      </c>
      <c r="AE1035">
        <v>24</v>
      </c>
      <c r="AF1035">
        <v>24</v>
      </c>
      <c r="AG1035">
        <v>25</v>
      </c>
      <c r="AH1035">
        <v>25</v>
      </c>
      <c r="AI1035">
        <v>25</v>
      </c>
      <c r="AJ1035">
        <v>25</v>
      </c>
      <c r="AK1035">
        <v>25</v>
      </c>
      <c r="AL1035">
        <v>25</v>
      </c>
      <c r="AM1035">
        <v>25</v>
      </c>
      <c r="AN1035">
        <v>25</v>
      </c>
      <c r="AO1035">
        <v>25</v>
      </c>
      <c r="AP1035">
        <v>25</v>
      </c>
      <c r="AQ1035">
        <v>25</v>
      </c>
    </row>
    <row r="1036" spans="1:43">
      <c r="A1036" t="s">
        <v>729</v>
      </c>
      <c r="B1036" t="s">
        <v>730</v>
      </c>
      <c r="C1036" t="s">
        <v>727</v>
      </c>
      <c r="D1036" t="s">
        <v>728</v>
      </c>
      <c r="E1036" t="s">
        <v>353</v>
      </c>
      <c r="F1036" t="s">
        <v>354</v>
      </c>
      <c r="G1036" t="s">
        <v>80</v>
      </c>
      <c r="H1036" t="s">
        <v>81</v>
      </c>
      <c r="I1036" s="2">
        <v>1</v>
      </c>
      <c r="J1036" s="2">
        <v>0</v>
      </c>
      <c r="K1036" s="2">
        <v>0</v>
      </c>
      <c r="L1036" t="s">
        <v>120</v>
      </c>
      <c r="M1036" t="s">
        <v>89</v>
      </c>
      <c r="N1036" t="s">
        <v>90</v>
      </c>
      <c r="O1036" t="s">
        <v>85</v>
      </c>
      <c r="P1036" t="s">
        <v>86</v>
      </c>
      <c r="Q1036">
        <v>24</v>
      </c>
      <c r="R1036">
        <v>25</v>
      </c>
      <c r="S1036">
        <v>25</v>
      </c>
      <c r="T1036">
        <v>26</v>
      </c>
      <c r="U1036">
        <v>26</v>
      </c>
      <c r="V1036">
        <v>27</v>
      </c>
      <c r="W1036">
        <v>27</v>
      </c>
      <c r="X1036">
        <v>27</v>
      </c>
      <c r="Y1036">
        <v>28</v>
      </c>
      <c r="Z1036">
        <v>28</v>
      </c>
      <c r="AA1036">
        <v>28</v>
      </c>
      <c r="AB1036">
        <v>29</v>
      </c>
      <c r="AC1036">
        <v>29</v>
      </c>
      <c r="AD1036">
        <v>29</v>
      </c>
      <c r="AE1036">
        <v>30</v>
      </c>
      <c r="AF1036">
        <v>30</v>
      </c>
      <c r="AG1036">
        <v>30</v>
      </c>
      <c r="AH1036">
        <v>29</v>
      </c>
      <c r="AI1036">
        <v>29</v>
      </c>
      <c r="AJ1036">
        <v>29</v>
      </c>
      <c r="AK1036">
        <v>29</v>
      </c>
      <c r="AL1036">
        <v>29</v>
      </c>
      <c r="AM1036">
        <v>29</v>
      </c>
      <c r="AN1036">
        <v>29</v>
      </c>
      <c r="AO1036">
        <v>29</v>
      </c>
      <c r="AP1036">
        <v>29</v>
      </c>
      <c r="AQ1036">
        <v>29</v>
      </c>
    </row>
    <row r="1037" spans="1:43">
      <c r="A1037" t="s">
        <v>729</v>
      </c>
      <c r="B1037" t="s">
        <v>730</v>
      </c>
      <c r="C1037" t="s">
        <v>727</v>
      </c>
      <c r="D1037" t="s">
        <v>728</v>
      </c>
      <c r="E1037" t="s">
        <v>353</v>
      </c>
      <c r="F1037" t="s">
        <v>354</v>
      </c>
      <c r="G1037" t="s">
        <v>80</v>
      </c>
      <c r="H1037" t="s">
        <v>81</v>
      </c>
      <c r="I1037" s="2">
        <v>1</v>
      </c>
      <c r="J1037" s="2">
        <v>0</v>
      </c>
      <c r="K1037" s="2">
        <v>0</v>
      </c>
      <c r="L1037" t="s">
        <v>120</v>
      </c>
      <c r="M1037" t="s">
        <v>83</v>
      </c>
      <c r="N1037" t="s">
        <v>91</v>
      </c>
      <c r="O1037" t="s">
        <v>85</v>
      </c>
      <c r="P1037" t="s">
        <v>86</v>
      </c>
      <c r="Q1037">
        <v>24</v>
      </c>
      <c r="R1037">
        <v>24</v>
      </c>
      <c r="S1037">
        <v>25</v>
      </c>
      <c r="T1037">
        <v>25</v>
      </c>
      <c r="U1037">
        <v>25</v>
      </c>
      <c r="V1037">
        <v>26</v>
      </c>
      <c r="W1037">
        <v>26</v>
      </c>
      <c r="X1037">
        <v>26</v>
      </c>
      <c r="Y1037">
        <v>26</v>
      </c>
      <c r="Z1037">
        <v>26</v>
      </c>
      <c r="AA1037">
        <v>27</v>
      </c>
      <c r="AB1037">
        <v>27</v>
      </c>
      <c r="AC1037">
        <v>27</v>
      </c>
      <c r="AD1037">
        <v>27</v>
      </c>
      <c r="AE1037">
        <v>28</v>
      </c>
      <c r="AF1037">
        <v>28</v>
      </c>
      <c r="AG1037">
        <v>28</v>
      </c>
      <c r="AH1037">
        <v>28</v>
      </c>
      <c r="AI1037">
        <v>28</v>
      </c>
      <c r="AJ1037">
        <v>29</v>
      </c>
      <c r="AK1037">
        <v>29</v>
      </c>
      <c r="AL1037">
        <v>29</v>
      </c>
      <c r="AM1037">
        <v>29</v>
      </c>
      <c r="AN1037">
        <v>29</v>
      </c>
      <c r="AO1037">
        <v>29</v>
      </c>
      <c r="AP1037">
        <v>29</v>
      </c>
      <c r="AQ1037">
        <v>29</v>
      </c>
    </row>
    <row r="1038" spans="1:43">
      <c r="A1038" t="s">
        <v>731</v>
      </c>
      <c r="B1038" t="s">
        <v>732</v>
      </c>
      <c r="C1038" t="s">
        <v>727</v>
      </c>
      <c r="D1038" t="s">
        <v>728</v>
      </c>
      <c r="E1038" t="s">
        <v>353</v>
      </c>
      <c r="F1038" t="s">
        <v>354</v>
      </c>
      <c r="G1038" t="s">
        <v>80</v>
      </c>
      <c r="H1038" t="s">
        <v>81</v>
      </c>
      <c r="I1038" s="2">
        <v>1</v>
      </c>
      <c r="J1038" s="2">
        <v>0</v>
      </c>
      <c r="K1038" s="2">
        <v>0</v>
      </c>
      <c r="L1038" t="s">
        <v>120</v>
      </c>
      <c r="M1038" t="s">
        <v>83</v>
      </c>
      <c r="N1038" t="s">
        <v>84</v>
      </c>
      <c r="O1038" t="s">
        <v>85</v>
      </c>
      <c r="P1038" t="s">
        <v>86</v>
      </c>
      <c r="Q1038">
        <v>66</v>
      </c>
      <c r="R1038">
        <v>66</v>
      </c>
      <c r="S1038">
        <v>67</v>
      </c>
      <c r="T1038">
        <v>68</v>
      </c>
      <c r="U1038">
        <v>69</v>
      </c>
      <c r="V1038">
        <v>69</v>
      </c>
      <c r="W1038">
        <v>70</v>
      </c>
      <c r="X1038">
        <v>71</v>
      </c>
      <c r="Y1038">
        <v>71</v>
      </c>
      <c r="Z1038">
        <v>72</v>
      </c>
      <c r="AA1038">
        <v>73</v>
      </c>
      <c r="AB1038">
        <v>73</v>
      </c>
      <c r="AC1038">
        <v>74</v>
      </c>
      <c r="AD1038">
        <v>74</v>
      </c>
      <c r="AE1038">
        <v>75</v>
      </c>
      <c r="AF1038">
        <v>76</v>
      </c>
      <c r="AG1038">
        <v>76</v>
      </c>
      <c r="AH1038">
        <v>77</v>
      </c>
      <c r="AI1038">
        <v>77</v>
      </c>
      <c r="AJ1038">
        <v>78</v>
      </c>
      <c r="AK1038">
        <v>78</v>
      </c>
      <c r="AL1038">
        <v>78</v>
      </c>
      <c r="AM1038">
        <v>78</v>
      </c>
      <c r="AN1038">
        <v>78</v>
      </c>
      <c r="AO1038">
        <v>78</v>
      </c>
      <c r="AP1038">
        <v>78</v>
      </c>
      <c r="AQ1038">
        <v>78</v>
      </c>
    </row>
    <row r="1039" spans="1:43">
      <c r="A1039" t="s">
        <v>731</v>
      </c>
      <c r="B1039" t="s">
        <v>732</v>
      </c>
      <c r="C1039" t="s">
        <v>727</v>
      </c>
      <c r="D1039" t="s">
        <v>728</v>
      </c>
      <c r="E1039" t="s">
        <v>353</v>
      </c>
      <c r="F1039" t="s">
        <v>354</v>
      </c>
      <c r="G1039" t="s">
        <v>80</v>
      </c>
      <c r="H1039" t="s">
        <v>81</v>
      </c>
      <c r="I1039" s="2">
        <v>1</v>
      </c>
      <c r="J1039" s="2">
        <v>0</v>
      </c>
      <c r="K1039" s="2">
        <v>0</v>
      </c>
      <c r="L1039" t="s">
        <v>120</v>
      </c>
      <c r="M1039" t="s">
        <v>87</v>
      </c>
      <c r="N1039" t="s">
        <v>88</v>
      </c>
      <c r="O1039" t="s">
        <v>85</v>
      </c>
      <c r="P1039" t="s">
        <v>86</v>
      </c>
      <c r="Q1039">
        <v>66</v>
      </c>
      <c r="R1039">
        <v>66</v>
      </c>
      <c r="S1039">
        <v>66</v>
      </c>
      <c r="T1039">
        <v>66</v>
      </c>
      <c r="U1039">
        <v>67</v>
      </c>
      <c r="V1039">
        <v>67</v>
      </c>
      <c r="W1039">
        <v>67</v>
      </c>
      <c r="X1039">
        <v>67</v>
      </c>
      <c r="Y1039">
        <v>67</v>
      </c>
      <c r="Z1039">
        <v>67</v>
      </c>
      <c r="AA1039">
        <v>67</v>
      </c>
      <c r="AB1039">
        <v>67</v>
      </c>
      <c r="AC1039">
        <v>67</v>
      </c>
      <c r="AD1039">
        <v>67</v>
      </c>
      <c r="AE1039">
        <v>67</v>
      </c>
      <c r="AF1039">
        <v>68</v>
      </c>
      <c r="AG1039">
        <v>68</v>
      </c>
      <c r="AH1039">
        <v>68</v>
      </c>
      <c r="AI1039">
        <v>68</v>
      </c>
      <c r="AJ1039">
        <v>68</v>
      </c>
      <c r="AK1039">
        <v>68</v>
      </c>
      <c r="AL1039">
        <v>68</v>
      </c>
      <c r="AM1039">
        <v>68</v>
      </c>
      <c r="AN1039">
        <v>68</v>
      </c>
      <c r="AO1039">
        <v>68</v>
      </c>
      <c r="AP1039">
        <v>68</v>
      </c>
      <c r="AQ1039">
        <v>68</v>
      </c>
    </row>
    <row r="1040" spans="1:43">
      <c r="A1040" t="s">
        <v>731</v>
      </c>
      <c r="B1040" t="s">
        <v>732</v>
      </c>
      <c r="C1040" t="s">
        <v>727</v>
      </c>
      <c r="D1040" t="s">
        <v>728</v>
      </c>
      <c r="E1040" t="s">
        <v>353</v>
      </c>
      <c r="F1040" t="s">
        <v>354</v>
      </c>
      <c r="G1040" t="s">
        <v>80</v>
      </c>
      <c r="H1040" t="s">
        <v>81</v>
      </c>
      <c r="I1040" s="2">
        <v>1</v>
      </c>
      <c r="J1040" s="2">
        <v>0</v>
      </c>
      <c r="K1040" s="2">
        <v>0</v>
      </c>
      <c r="L1040" t="s">
        <v>120</v>
      </c>
      <c r="M1040" t="s">
        <v>89</v>
      </c>
      <c r="N1040" t="s">
        <v>90</v>
      </c>
      <c r="O1040" t="s">
        <v>85</v>
      </c>
      <c r="P1040" t="s">
        <v>86</v>
      </c>
      <c r="Q1040">
        <v>66</v>
      </c>
      <c r="R1040">
        <v>68</v>
      </c>
      <c r="S1040">
        <v>69</v>
      </c>
      <c r="T1040">
        <v>70</v>
      </c>
      <c r="U1040">
        <v>71</v>
      </c>
      <c r="V1040">
        <v>72</v>
      </c>
      <c r="W1040">
        <v>73</v>
      </c>
      <c r="X1040">
        <v>74</v>
      </c>
      <c r="Y1040">
        <v>75</v>
      </c>
      <c r="Z1040">
        <v>76</v>
      </c>
      <c r="AA1040">
        <v>77</v>
      </c>
      <c r="AB1040">
        <v>78</v>
      </c>
      <c r="AC1040">
        <v>79</v>
      </c>
      <c r="AD1040">
        <v>80</v>
      </c>
      <c r="AE1040">
        <v>81</v>
      </c>
      <c r="AF1040">
        <v>80</v>
      </c>
      <c r="AG1040">
        <v>80</v>
      </c>
      <c r="AH1040">
        <v>80</v>
      </c>
      <c r="AI1040">
        <v>80</v>
      </c>
      <c r="AJ1040">
        <v>80</v>
      </c>
      <c r="AK1040">
        <v>79</v>
      </c>
      <c r="AL1040">
        <v>79</v>
      </c>
      <c r="AM1040">
        <v>79</v>
      </c>
      <c r="AN1040">
        <v>79</v>
      </c>
      <c r="AO1040">
        <v>79</v>
      </c>
      <c r="AP1040">
        <v>78</v>
      </c>
      <c r="AQ1040">
        <v>78</v>
      </c>
    </row>
    <row r="1041" spans="1:43">
      <c r="A1041" t="s">
        <v>731</v>
      </c>
      <c r="B1041" t="s">
        <v>732</v>
      </c>
      <c r="C1041" t="s">
        <v>727</v>
      </c>
      <c r="D1041" t="s">
        <v>728</v>
      </c>
      <c r="E1041" t="s">
        <v>353</v>
      </c>
      <c r="F1041" t="s">
        <v>354</v>
      </c>
      <c r="G1041" t="s">
        <v>80</v>
      </c>
      <c r="H1041" t="s">
        <v>81</v>
      </c>
      <c r="I1041" s="2">
        <v>1</v>
      </c>
      <c r="J1041" s="2">
        <v>0</v>
      </c>
      <c r="K1041" s="2">
        <v>0</v>
      </c>
      <c r="L1041" t="s">
        <v>120</v>
      </c>
      <c r="M1041" t="s">
        <v>83</v>
      </c>
      <c r="N1041" t="s">
        <v>91</v>
      </c>
      <c r="O1041" t="s">
        <v>85</v>
      </c>
      <c r="P1041" t="s">
        <v>86</v>
      </c>
      <c r="Q1041">
        <v>66</v>
      </c>
      <c r="R1041">
        <v>66</v>
      </c>
      <c r="S1041">
        <v>67</v>
      </c>
      <c r="T1041">
        <v>68</v>
      </c>
      <c r="U1041">
        <v>69</v>
      </c>
      <c r="V1041">
        <v>69</v>
      </c>
      <c r="W1041">
        <v>70</v>
      </c>
      <c r="X1041">
        <v>71</v>
      </c>
      <c r="Y1041">
        <v>71</v>
      </c>
      <c r="Z1041">
        <v>72</v>
      </c>
      <c r="AA1041">
        <v>73</v>
      </c>
      <c r="AB1041">
        <v>73</v>
      </c>
      <c r="AC1041">
        <v>74</v>
      </c>
      <c r="AD1041">
        <v>74</v>
      </c>
      <c r="AE1041">
        <v>75</v>
      </c>
      <c r="AF1041">
        <v>76</v>
      </c>
      <c r="AG1041">
        <v>76</v>
      </c>
      <c r="AH1041">
        <v>77</v>
      </c>
      <c r="AI1041">
        <v>77</v>
      </c>
      <c r="AJ1041">
        <v>78</v>
      </c>
      <c r="AK1041">
        <v>78</v>
      </c>
      <c r="AL1041">
        <v>78</v>
      </c>
      <c r="AM1041">
        <v>78</v>
      </c>
      <c r="AN1041">
        <v>78</v>
      </c>
      <c r="AO1041">
        <v>78</v>
      </c>
      <c r="AP1041">
        <v>78</v>
      </c>
      <c r="AQ1041">
        <v>78</v>
      </c>
    </row>
    <row r="1042" spans="1:43">
      <c r="A1042" t="s">
        <v>733</v>
      </c>
      <c r="B1042" t="s">
        <v>734</v>
      </c>
      <c r="C1042" t="s">
        <v>711</v>
      </c>
      <c r="D1042" t="s">
        <v>712</v>
      </c>
      <c r="E1042" t="s">
        <v>353</v>
      </c>
      <c r="F1042" t="s">
        <v>354</v>
      </c>
      <c r="G1042" t="s">
        <v>80</v>
      </c>
      <c r="H1042" t="s">
        <v>81</v>
      </c>
      <c r="I1042" s="2">
        <v>1</v>
      </c>
      <c r="J1042" s="2">
        <v>0</v>
      </c>
      <c r="K1042" s="2">
        <v>0</v>
      </c>
      <c r="L1042" t="s">
        <v>120</v>
      </c>
      <c r="M1042" t="s">
        <v>83</v>
      </c>
      <c r="N1042" t="s">
        <v>84</v>
      </c>
      <c r="O1042" t="s">
        <v>85</v>
      </c>
      <c r="P1042" t="s">
        <v>86</v>
      </c>
      <c r="Q1042">
        <v>28</v>
      </c>
      <c r="R1042">
        <v>29</v>
      </c>
      <c r="S1042">
        <v>29</v>
      </c>
      <c r="T1042">
        <v>29</v>
      </c>
      <c r="U1042">
        <v>30</v>
      </c>
      <c r="V1042">
        <v>30</v>
      </c>
      <c r="W1042">
        <v>30</v>
      </c>
      <c r="X1042">
        <v>31</v>
      </c>
      <c r="Y1042">
        <v>31</v>
      </c>
      <c r="Z1042">
        <v>31</v>
      </c>
      <c r="AA1042">
        <v>31</v>
      </c>
      <c r="AB1042">
        <v>32</v>
      </c>
      <c r="AC1042">
        <v>32</v>
      </c>
      <c r="AD1042">
        <v>32</v>
      </c>
      <c r="AE1042">
        <v>32</v>
      </c>
      <c r="AF1042">
        <v>33</v>
      </c>
      <c r="AG1042">
        <v>33</v>
      </c>
      <c r="AH1042">
        <v>33</v>
      </c>
      <c r="AI1042">
        <v>33</v>
      </c>
      <c r="AJ1042">
        <v>34</v>
      </c>
      <c r="AK1042">
        <v>34</v>
      </c>
      <c r="AL1042">
        <v>34</v>
      </c>
      <c r="AM1042">
        <v>34</v>
      </c>
      <c r="AN1042">
        <v>34</v>
      </c>
      <c r="AO1042">
        <v>33</v>
      </c>
      <c r="AP1042">
        <v>33</v>
      </c>
      <c r="AQ1042">
        <v>33</v>
      </c>
    </row>
    <row r="1043" spans="1:43">
      <c r="A1043" t="s">
        <v>733</v>
      </c>
      <c r="B1043" t="s">
        <v>734</v>
      </c>
      <c r="C1043" t="s">
        <v>711</v>
      </c>
      <c r="D1043" t="s">
        <v>712</v>
      </c>
      <c r="E1043" t="s">
        <v>353</v>
      </c>
      <c r="F1043" t="s">
        <v>354</v>
      </c>
      <c r="G1043" t="s">
        <v>80</v>
      </c>
      <c r="H1043" t="s">
        <v>81</v>
      </c>
      <c r="I1043" s="2">
        <v>1</v>
      </c>
      <c r="J1043" s="2">
        <v>0</v>
      </c>
      <c r="K1043" s="2">
        <v>0</v>
      </c>
      <c r="L1043" t="s">
        <v>120</v>
      </c>
      <c r="M1043" t="s">
        <v>87</v>
      </c>
      <c r="N1043" t="s">
        <v>88</v>
      </c>
      <c r="O1043" t="s">
        <v>85</v>
      </c>
      <c r="P1043" t="s">
        <v>86</v>
      </c>
      <c r="Q1043">
        <v>28</v>
      </c>
      <c r="R1043">
        <v>28</v>
      </c>
      <c r="S1043">
        <v>28</v>
      </c>
      <c r="T1043">
        <v>28</v>
      </c>
      <c r="U1043">
        <v>28</v>
      </c>
      <c r="V1043">
        <v>28</v>
      </c>
      <c r="W1043">
        <v>28</v>
      </c>
      <c r="X1043">
        <v>28</v>
      </c>
      <c r="Y1043">
        <v>28</v>
      </c>
      <c r="Z1043">
        <v>29</v>
      </c>
      <c r="AA1043">
        <v>29</v>
      </c>
      <c r="AB1043">
        <v>29</v>
      </c>
      <c r="AC1043">
        <v>29</v>
      </c>
      <c r="AD1043">
        <v>29</v>
      </c>
      <c r="AE1043">
        <v>29</v>
      </c>
      <c r="AF1043">
        <v>29</v>
      </c>
      <c r="AG1043">
        <v>29</v>
      </c>
      <c r="AH1043">
        <v>29</v>
      </c>
      <c r="AI1043">
        <v>29</v>
      </c>
      <c r="AJ1043">
        <v>29</v>
      </c>
      <c r="AK1043">
        <v>29</v>
      </c>
      <c r="AL1043">
        <v>29</v>
      </c>
      <c r="AM1043">
        <v>29</v>
      </c>
      <c r="AN1043">
        <v>29</v>
      </c>
      <c r="AO1043">
        <v>29</v>
      </c>
      <c r="AP1043">
        <v>29</v>
      </c>
      <c r="AQ1043">
        <v>29</v>
      </c>
    </row>
    <row r="1044" spans="1:43">
      <c r="A1044" t="s">
        <v>733</v>
      </c>
      <c r="B1044" t="s">
        <v>734</v>
      </c>
      <c r="C1044" t="s">
        <v>711</v>
      </c>
      <c r="D1044" t="s">
        <v>712</v>
      </c>
      <c r="E1044" t="s">
        <v>353</v>
      </c>
      <c r="F1044" t="s">
        <v>354</v>
      </c>
      <c r="G1044" t="s">
        <v>80</v>
      </c>
      <c r="H1044" t="s">
        <v>81</v>
      </c>
      <c r="I1044" s="2">
        <v>1</v>
      </c>
      <c r="J1044" s="2">
        <v>0</v>
      </c>
      <c r="K1044" s="2">
        <v>0</v>
      </c>
      <c r="L1044" t="s">
        <v>120</v>
      </c>
      <c r="M1044" t="s">
        <v>89</v>
      </c>
      <c r="N1044" t="s">
        <v>90</v>
      </c>
      <c r="O1044" t="s">
        <v>85</v>
      </c>
      <c r="P1044" t="s">
        <v>86</v>
      </c>
      <c r="Q1044">
        <v>28</v>
      </c>
      <c r="R1044">
        <v>28</v>
      </c>
      <c r="S1044">
        <v>29</v>
      </c>
      <c r="T1044">
        <v>29</v>
      </c>
      <c r="U1044">
        <v>30</v>
      </c>
      <c r="V1044">
        <v>30</v>
      </c>
      <c r="W1044">
        <v>31</v>
      </c>
      <c r="X1044">
        <v>31</v>
      </c>
      <c r="Y1044">
        <v>32</v>
      </c>
      <c r="Z1044">
        <v>32</v>
      </c>
      <c r="AA1044">
        <v>32</v>
      </c>
      <c r="AB1044">
        <v>33</v>
      </c>
      <c r="AC1044">
        <v>33</v>
      </c>
      <c r="AD1044">
        <v>34</v>
      </c>
      <c r="AE1044">
        <v>34</v>
      </c>
      <c r="AF1044">
        <v>34</v>
      </c>
      <c r="AG1044">
        <v>34</v>
      </c>
      <c r="AH1044">
        <v>33</v>
      </c>
      <c r="AI1044">
        <v>33</v>
      </c>
      <c r="AJ1044">
        <v>33</v>
      </c>
      <c r="AK1044">
        <v>33</v>
      </c>
      <c r="AL1044">
        <v>33</v>
      </c>
      <c r="AM1044">
        <v>33</v>
      </c>
      <c r="AN1044">
        <v>33</v>
      </c>
      <c r="AO1044">
        <v>33</v>
      </c>
      <c r="AP1044">
        <v>33</v>
      </c>
      <c r="AQ1044">
        <v>33</v>
      </c>
    </row>
    <row r="1045" spans="1:43">
      <c r="A1045" t="s">
        <v>733</v>
      </c>
      <c r="B1045" t="s">
        <v>734</v>
      </c>
      <c r="C1045" t="s">
        <v>711</v>
      </c>
      <c r="D1045" t="s">
        <v>712</v>
      </c>
      <c r="E1045" t="s">
        <v>353</v>
      </c>
      <c r="F1045" t="s">
        <v>354</v>
      </c>
      <c r="G1045" t="s">
        <v>80</v>
      </c>
      <c r="H1045" t="s">
        <v>81</v>
      </c>
      <c r="I1045" s="2">
        <v>1</v>
      </c>
      <c r="J1045" s="2">
        <v>0</v>
      </c>
      <c r="K1045" s="2">
        <v>0</v>
      </c>
      <c r="L1045" t="s">
        <v>120</v>
      </c>
      <c r="M1045" t="s">
        <v>83</v>
      </c>
      <c r="N1045" t="s">
        <v>91</v>
      </c>
      <c r="O1045" t="s">
        <v>85</v>
      </c>
      <c r="P1045" t="s">
        <v>86</v>
      </c>
      <c r="Q1045">
        <v>28</v>
      </c>
      <c r="R1045">
        <v>29</v>
      </c>
      <c r="S1045">
        <v>29</v>
      </c>
      <c r="T1045">
        <v>29</v>
      </c>
      <c r="U1045">
        <v>30</v>
      </c>
      <c r="V1045">
        <v>30</v>
      </c>
      <c r="W1045">
        <v>30</v>
      </c>
      <c r="X1045">
        <v>31</v>
      </c>
      <c r="Y1045">
        <v>31</v>
      </c>
      <c r="Z1045">
        <v>31</v>
      </c>
      <c r="AA1045">
        <v>31</v>
      </c>
      <c r="AB1045">
        <v>32</v>
      </c>
      <c r="AC1045">
        <v>32</v>
      </c>
      <c r="AD1045">
        <v>32</v>
      </c>
      <c r="AE1045">
        <v>32</v>
      </c>
      <c r="AF1045">
        <v>33</v>
      </c>
      <c r="AG1045">
        <v>33</v>
      </c>
      <c r="AH1045">
        <v>33</v>
      </c>
      <c r="AI1045">
        <v>33</v>
      </c>
      <c r="AJ1045">
        <v>34</v>
      </c>
      <c r="AK1045">
        <v>34</v>
      </c>
      <c r="AL1045">
        <v>34</v>
      </c>
      <c r="AM1045">
        <v>34</v>
      </c>
      <c r="AN1045">
        <v>34</v>
      </c>
      <c r="AO1045">
        <v>33</v>
      </c>
      <c r="AP1045">
        <v>33</v>
      </c>
      <c r="AQ1045">
        <v>33</v>
      </c>
    </row>
    <row r="1046" spans="1:43">
      <c r="A1046" t="s">
        <v>735</v>
      </c>
      <c r="B1046" t="s">
        <v>736</v>
      </c>
      <c r="C1046" t="s">
        <v>737</v>
      </c>
      <c r="D1046" t="s">
        <v>738</v>
      </c>
      <c r="E1046" t="s">
        <v>353</v>
      </c>
      <c r="F1046" t="s">
        <v>354</v>
      </c>
      <c r="G1046" t="s">
        <v>80</v>
      </c>
      <c r="H1046" t="s">
        <v>81</v>
      </c>
      <c r="I1046" s="2">
        <v>1</v>
      </c>
      <c r="J1046" s="2">
        <v>0</v>
      </c>
      <c r="K1046" s="2">
        <v>0</v>
      </c>
      <c r="L1046" t="s">
        <v>120</v>
      </c>
      <c r="M1046" t="s">
        <v>83</v>
      </c>
      <c r="N1046" t="s">
        <v>84</v>
      </c>
      <c r="O1046" t="s">
        <v>85</v>
      </c>
      <c r="P1046" t="s">
        <v>86</v>
      </c>
      <c r="Q1046">
        <v>28</v>
      </c>
      <c r="R1046">
        <v>28</v>
      </c>
      <c r="S1046">
        <v>28</v>
      </c>
      <c r="T1046">
        <v>29</v>
      </c>
      <c r="U1046">
        <v>29</v>
      </c>
      <c r="V1046">
        <v>29</v>
      </c>
      <c r="W1046">
        <v>30</v>
      </c>
      <c r="X1046">
        <v>30</v>
      </c>
      <c r="Y1046">
        <v>30</v>
      </c>
      <c r="Z1046">
        <v>30</v>
      </c>
      <c r="AA1046">
        <v>31</v>
      </c>
      <c r="AB1046">
        <v>31</v>
      </c>
      <c r="AC1046">
        <v>31</v>
      </c>
      <c r="AD1046">
        <v>31</v>
      </c>
      <c r="AE1046">
        <v>32</v>
      </c>
      <c r="AF1046">
        <v>32</v>
      </c>
      <c r="AG1046">
        <v>32</v>
      </c>
      <c r="AH1046">
        <v>32</v>
      </c>
      <c r="AI1046">
        <v>32</v>
      </c>
      <c r="AJ1046">
        <v>33</v>
      </c>
      <c r="AK1046">
        <v>33</v>
      </c>
      <c r="AL1046">
        <v>33</v>
      </c>
      <c r="AM1046">
        <v>33</v>
      </c>
      <c r="AN1046">
        <v>33</v>
      </c>
      <c r="AO1046">
        <v>33</v>
      </c>
      <c r="AP1046">
        <v>32</v>
      </c>
      <c r="AQ1046">
        <v>32</v>
      </c>
    </row>
    <row r="1047" spans="1:43">
      <c r="A1047" t="s">
        <v>735</v>
      </c>
      <c r="B1047" t="s">
        <v>736</v>
      </c>
      <c r="C1047" t="s">
        <v>737</v>
      </c>
      <c r="D1047" t="s">
        <v>738</v>
      </c>
      <c r="E1047" t="s">
        <v>353</v>
      </c>
      <c r="F1047" t="s">
        <v>354</v>
      </c>
      <c r="G1047" t="s">
        <v>80</v>
      </c>
      <c r="H1047" t="s">
        <v>81</v>
      </c>
      <c r="I1047" s="2">
        <v>1</v>
      </c>
      <c r="J1047" s="2">
        <v>0</v>
      </c>
      <c r="K1047" s="2">
        <v>0</v>
      </c>
      <c r="L1047" t="s">
        <v>120</v>
      </c>
      <c r="M1047" t="s">
        <v>87</v>
      </c>
      <c r="N1047" t="s">
        <v>88</v>
      </c>
      <c r="O1047" t="s">
        <v>85</v>
      </c>
      <c r="P1047" t="s">
        <v>86</v>
      </c>
      <c r="Q1047">
        <v>28</v>
      </c>
      <c r="R1047">
        <v>28</v>
      </c>
      <c r="S1047">
        <v>28</v>
      </c>
      <c r="T1047">
        <v>28</v>
      </c>
      <c r="U1047">
        <v>28</v>
      </c>
      <c r="V1047">
        <v>28</v>
      </c>
      <c r="W1047">
        <v>28</v>
      </c>
      <c r="X1047">
        <v>28</v>
      </c>
      <c r="Y1047">
        <v>28</v>
      </c>
      <c r="Z1047">
        <v>28</v>
      </c>
      <c r="AA1047">
        <v>28</v>
      </c>
      <c r="AB1047">
        <v>28</v>
      </c>
      <c r="AC1047">
        <v>28</v>
      </c>
      <c r="AD1047">
        <v>28</v>
      </c>
      <c r="AE1047">
        <v>28</v>
      </c>
      <c r="AF1047">
        <v>28</v>
      </c>
      <c r="AG1047">
        <v>28</v>
      </c>
      <c r="AH1047">
        <v>28</v>
      </c>
      <c r="AI1047">
        <v>28</v>
      </c>
      <c r="AJ1047">
        <v>28</v>
      </c>
      <c r="AK1047">
        <v>28</v>
      </c>
      <c r="AL1047">
        <v>28</v>
      </c>
      <c r="AM1047">
        <v>28</v>
      </c>
      <c r="AN1047">
        <v>28</v>
      </c>
      <c r="AO1047">
        <v>28</v>
      </c>
      <c r="AP1047">
        <v>28</v>
      </c>
      <c r="AQ1047">
        <v>28</v>
      </c>
    </row>
    <row r="1048" spans="1:43">
      <c r="A1048" t="s">
        <v>735</v>
      </c>
      <c r="B1048" t="s">
        <v>736</v>
      </c>
      <c r="C1048" t="s">
        <v>737</v>
      </c>
      <c r="D1048" t="s">
        <v>738</v>
      </c>
      <c r="E1048" t="s">
        <v>353</v>
      </c>
      <c r="F1048" t="s">
        <v>354</v>
      </c>
      <c r="G1048" t="s">
        <v>80</v>
      </c>
      <c r="H1048" t="s">
        <v>81</v>
      </c>
      <c r="I1048" s="2">
        <v>1</v>
      </c>
      <c r="J1048" s="2">
        <v>0</v>
      </c>
      <c r="K1048" s="2">
        <v>0</v>
      </c>
      <c r="L1048" t="s">
        <v>120</v>
      </c>
      <c r="M1048" t="s">
        <v>89</v>
      </c>
      <c r="N1048" t="s">
        <v>90</v>
      </c>
      <c r="O1048" t="s">
        <v>85</v>
      </c>
      <c r="P1048" t="s">
        <v>86</v>
      </c>
      <c r="Q1048">
        <v>28</v>
      </c>
      <c r="R1048">
        <v>29</v>
      </c>
      <c r="S1048">
        <v>29</v>
      </c>
      <c r="T1048">
        <v>30</v>
      </c>
      <c r="U1048">
        <v>30</v>
      </c>
      <c r="V1048">
        <v>31</v>
      </c>
      <c r="W1048">
        <v>31</v>
      </c>
      <c r="X1048">
        <v>31</v>
      </c>
      <c r="Y1048">
        <v>32</v>
      </c>
      <c r="Z1048">
        <v>32</v>
      </c>
      <c r="AA1048">
        <v>33</v>
      </c>
      <c r="AB1048">
        <v>33</v>
      </c>
      <c r="AC1048">
        <v>33</v>
      </c>
      <c r="AD1048">
        <v>34</v>
      </c>
      <c r="AE1048">
        <v>34</v>
      </c>
      <c r="AF1048">
        <v>34</v>
      </c>
      <c r="AG1048">
        <v>34</v>
      </c>
      <c r="AH1048">
        <v>34</v>
      </c>
      <c r="AI1048">
        <v>33</v>
      </c>
      <c r="AJ1048">
        <v>33</v>
      </c>
      <c r="AK1048">
        <v>33</v>
      </c>
      <c r="AL1048">
        <v>33</v>
      </c>
      <c r="AM1048">
        <v>33</v>
      </c>
      <c r="AN1048">
        <v>33</v>
      </c>
      <c r="AO1048">
        <v>33</v>
      </c>
      <c r="AP1048">
        <v>33</v>
      </c>
      <c r="AQ1048">
        <v>32</v>
      </c>
    </row>
    <row r="1049" spans="1:43">
      <c r="A1049" t="s">
        <v>735</v>
      </c>
      <c r="B1049" t="s">
        <v>736</v>
      </c>
      <c r="C1049" t="s">
        <v>737</v>
      </c>
      <c r="D1049" t="s">
        <v>738</v>
      </c>
      <c r="E1049" t="s">
        <v>353</v>
      </c>
      <c r="F1049" t="s">
        <v>354</v>
      </c>
      <c r="G1049" t="s">
        <v>80</v>
      </c>
      <c r="H1049" t="s">
        <v>81</v>
      </c>
      <c r="I1049" s="2">
        <v>1</v>
      </c>
      <c r="J1049" s="2">
        <v>0</v>
      </c>
      <c r="K1049" s="2">
        <v>0</v>
      </c>
      <c r="L1049" t="s">
        <v>120</v>
      </c>
      <c r="M1049" t="s">
        <v>83</v>
      </c>
      <c r="N1049" t="s">
        <v>91</v>
      </c>
      <c r="O1049" t="s">
        <v>85</v>
      </c>
      <c r="P1049" t="s">
        <v>86</v>
      </c>
      <c r="Q1049">
        <v>28</v>
      </c>
      <c r="R1049">
        <v>28</v>
      </c>
      <c r="S1049">
        <v>28</v>
      </c>
      <c r="T1049">
        <v>29</v>
      </c>
      <c r="U1049">
        <v>29</v>
      </c>
      <c r="V1049">
        <v>29</v>
      </c>
      <c r="W1049">
        <v>30</v>
      </c>
      <c r="X1049">
        <v>30</v>
      </c>
      <c r="Y1049">
        <v>30</v>
      </c>
      <c r="Z1049">
        <v>30</v>
      </c>
      <c r="AA1049">
        <v>31</v>
      </c>
      <c r="AB1049">
        <v>31</v>
      </c>
      <c r="AC1049">
        <v>31</v>
      </c>
      <c r="AD1049">
        <v>31</v>
      </c>
      <c r="AE1049">
        <v>32</v>
      </c>
      <c r="AF1049">
        <v>32</v>
      </c>
      <c r="AG1049">
        <v>32</v>
      </c>
      <c r="AH1049">
        <v>32</v>
      </c>
      <c r="AI1049">
        <v>32</v>
      </c>
      <c r="AJ1049">
        <v>33</v>
      </c>
      <c r="AK1049">
        <v>33</v>
      </c>
      <c r="AL1049">
        <v>33</v>
      </c>
      <c r="AM1049">
        <v>33</v>
      </c>
      <c r="AN1049">
        <v>33</v>
      </c>
      <c r="AO1049">
        <v>33</v>
      </c>
      <c r="AP1049">
        <v>32</v>
      </c>
      <c r="AQ1049">
        <v>32</v>
      </c>
    </row>
    <row r="1050" spans="1:43">
      <c r="A1050" t="s">
        <v>739</v>
      </c>
      <c r="B1050" t="s">
        <v>740</v>
      </c>
      <c r="C1050" t="s">
        <v>741</v>
      </c>
      <c r="D1050" t="s">
        <v>742</v>
      </c>
      <c r="E1050" t="s">
        <v>353</v>
      </c>
      <c r="F1050" t="s">
        <v>354</v>
      </c>
      <c r="G1050" t="s">
        <v>80</v>
      </c>
      <c r="H1050" t="s">
        <v>81</v>
      </c>
      <c r="I1050" s="2">
        <v>1</v>
      </c>
      <c r="J1050" s="2">
        <v>0</v>
      </c>
      <c r="K1050" s="2">
        <v>0</v>
      </c>
      <c r="L1050" t="s">
        <v>120</v>
      </c>
      <c r="M1050" t="s">
        <v>83</v>
      </c>
      <c r="N1050" t="s">
        <v>84</v>
      </c>
      <c r="O1050" t="s">
        <v>85</v>
      </c>
      <c r="P1050" t="s">
        <v>86</v>
      </c>
      <c r="Q1050">
        <v>15</v>
      </c>
      <c r="R1050">
        <v>15</v>
      </c>
      <c r="S1050">
        <v>15</v>
      </c>
      <c r="T1050">
        <v>15</v>
      </c>
      <c r="U1050">
        <v>15</v>
      </c>
      <c r="V1050">
        <v>16</v>
      </c>
      <c r="W1050">
        <v>16</v>
      </c>
      <c r="X1050">
        <v>16</v>
      </c>
      <c r="Y1050">
        <v>16</v>
      </c>
      <c r="Z1050">
        <v>16</v>
      </c>
      <c r="AA1050">
        <v>16</v>
      </c>
      <c r="AB1050">
        <v>16</v>
      </c>
      <c r="AC1050">
        <v>17</v>
      </c>
      <c r="AD1050">
        <v>17</v>
      </c>
      <c r="AE1050">
        <v>17</v>
      </c>
      <c r="AF1050">
        <v>17</v>
      </c>
      <c r="AG1050">
        <v>17</v>
      </c>
      <c r="AH1050">
        <v>17</v>
      </c>
      <c r="AI1050">
        <v>17</v>
      </c>
      <c r="AJ1050">
        <v>17</v>
      </c>
      <c r="AK1050">
        <v>18</v>
      </c>
      <c r="AL1050">
        <v>18</v>
      </c>
      <c r="AM1050">
        <v>17</v>
      </c>
      <c r="AN1050">
        <v>17</v>
      </c>
      <c r="AO1050">
        <v>17</v>
      </c>
      <c r="AP1050">
        <v>17</v>
      </c>
      <c r="AQ1050">
        <v>17</v>
      </c>
    </row>
    <row r="1051" spans="1:43">
      <c r="A1051" t="s">
        <v>739</v>
      </c>
      <c r="B1051" t="s">
        <v>740</v>
      </c>
      <c r="C1051" t="s">
        <v>741</v>
      </c>
      <c r="D1051" t="s">
        <v>742</v>
      </c>
      <c r="E1051" t="s">
        <v>353</v>
      </c>
      <c r="F1051" t="s">
        <v>354</v>
      </c>
      <c r="G1051" t="s">
        <v>80</v>
      </c>
      <c r="H1051" t="s">
        <v>81</v>
      </c>
      <c r="I1051" s="2">
        <v>1</v>
      </c>
      <c r="J1051" s="2">
        <v>0</v>
      </c>
      <c r="K1051" s="2">
        <v>0</v>
      </c>
      <c r="L1051" t="s">
        <v>120</v>
      </c>
      <c r="M1051" t="s">
        <v>87</v>
      </c>
      <c r="N1051" t="s">
        <v>88</v>
      </c>
      <c r="O1051" t="s">
        <v>85</v>
      </c>
      <c r="P1051" t="s">
        <v>86</v>
      </c>
      <c r="Q1051">
        <v>15</v>
      </c>
      <c r="R1051">
        <v>15</v>
      </c>
      <c r="S1051">
        <v>15</v>
      </c>
      <c r="T1051">
        <v>15</v>
      </c>
      <c r="U1051">
        <v>15</v>
      </c>
      <c r="V1051">
        <v>15</v>
      </c>
      <c r="W1051">
        <v>15</v>
      </c>
      <c r="X1051">
        <v>15</v>
      </c>
      <c r="Y1051">
        <v>15</v>
      </c>
      <c r="Z1051">
        <v>15</v>
      </c>
      <c r="AA1051">
        <v>15</v>
      </c>
      <c r="AB1051">
        <v>15</v>
      </c>
      <c r="AC1051">
        <v>15</v>
      </c>
      <c r="AD1051">
        <v>15</v>
      </c>
      <c r="AE1051">
        <v>15</v>
      </c>
      <c r="AF1051">
        <v>15</v>
      </c>
      <c r="AG1051">
        <v>15</v>
      </c>
      <c r="AH1051">
        <v>15</v>
      </c>
      <c r="AI1051">
        <v>15</v>
      </c>
      <c r="AJ1051">
        <v>15</v>
      </c>
      <c r="AK1051">
        <v>15</v>
      </c>
      <c r="AL1051">
        <v>15</v>
      </c>
      <c r="AM1051">
        <v>15</v>
      </c>
      <c r="AN1051">
        <v>15</v>
      </c>
      <c r="AO1051">
        <v>15</v>
      </c>
      <c r="AP1051">
        <v>15</v>
      </c>
      <c r="AQ1051">
        <v>15</v>
      </c>
    </row>
    <row r="1052" spans="1:43">
      <c r="A1052" t="s">
        <v>739</v>
      </c>
      <c r="B1052" t="s">
        <v>740</v>
      </c>
      <c r="C1052" t="s">
        <v>741</v>
      </c>
      <c r="D1052" t="s">
        <v>742</v>
      </c>
      <c r="E1052" t="s">
        <v>353</v>
      </c>
      <c r="F1052" t="s">
        <v>354</v>
      </c>
      <c r="G1052" t="s">
        <v>80</v>
      </c>
      <c r="H1052" t="s">
        <v>81</v>
      </c>
      <c r="I1052" s="2">
        <v>1</v>
      </c>
      <c r="J1052" s="2">
        <v>0</v>
      </c>
      <c r="K1052" s="2">
        <v>0</v>
      </c>
      <c r="L1052" t="s">
        <v>120</v>
      </c>
      <c r="M1052" t="s">
        <v>89</v>
      </c>
      <c r="N1052" t="s">
        <v>90</v>
      </c>
      <c r="O1052" t="s">
        <v>85</v>
      </c>
      <c r="P1052" t="s">
        <v>86</v>
      </c>
      <c r="Q1052">
        <v>15</v>
      </c>
      <c r="R1052">
        <v>15</v>
      </c>
      <c r="S1052">
        <v>16</v>
      </c>
      <c r="T1052">
        <v>16</v>
      </c>
      <c r="U1052">
        <v>16</v>
      </c>
      <c r="V1052">
        <v>16</v>
      </c>
      <c r="W1052">
        <v>17</v>
      </c>
      <c r="X1052">
        <v>17</v>
      </c>
      <c r="Y1052">
        <v>17</v>
      </c>
      <c r="Z1052">
        <v>17</v>
      </c>
      <c r="AA1052">
        <v>17</v>
      </c>
      <c r="AB1052">
        <v>18</v>
      </c>
      <c r="AC1052">
        <v>18</v>
      </c>
      <c r="AD1052">
        <v>18</v>
      </c>
      <c r="AE1052">
        <v>18</v>
      </c>
      <c r="AF1052">
        <v>18</v>
      </c>
      <c r="AG1052">
        <v>18</v>
      </c>
      <c r="AH1052">
        <v>18</v>
      </c>
      <c r="AI1052">
        <v>18</v>
      </c>
      <c r="AJ1052">
        <v>18</v>
      </c>
      <c r="AK1052">
        <v>18</v>
      </c>
      <c r="AL1052">
        <v>18</v>
      </c>
      <c r="AM1052">
        <v>18</v>
      </c>
      <c r="AN1052">
        <v>17</v>
      </c>
      <c r="AO1052">
        <v>17</v>
      </c>
      <c r="AP1052">
        <v>17</v>
      </c>
      <c r="AQ1052">
        <v>17</v>
      </c>
    </row>
    <row r="1053" spans="1:43">
      <c r="A1053" t="s">
        <v>739</v>
      </c>
      <c r="B1053" t="s">
        <v>740</v>
      </c>
      <c r="C1053" t="s">
        <v>741</v>
      </c>
      <c r="D1053" t="s">
        <v>742</v>
      </c>
      <c r="E1053" t="s">
        <v>353</v>
      </c>
      <c r="F1053" t="s">
        <v>354</v>
      </c>
      <c r="G1053" t="s">
        <v>80</v>
      </c>
      <c r="H1053" t="s">
        <v>81</v>
      </c>
      <c r="I1053" s="2">
        <v>1</v>
      </c>
      <c r="J1053" s="2">
        <v>0</v>
      </c>
      <c r="K1053" s="2">
        <v>0</v>
      </c>
      <c r="L1053" t="s">
        <v>120</v>
      </c>
      <c r="M1053" t="s">
        <v>83</v>
      </c>
      <c r="N1053" t="s">
        <v>91</v>
      </c>
      <c r="O1053" t="s">
        <v>85</v>
      </c>
      <c r="P1053" t="s">
        <v>86</v>
      </c>
      <c r="Q1053">
        <v>15</v>
      </c>
      <c r="R1053">
        <v>15</v>
      </c>
      <c r="S1053">
        <v>15</v>
      </c>
      <c r="T1053">
        <v>15</v>
      </c>
      <c r="U1053">
        <v>15</v>
      </c>
      <c r="V1053">
        <v>16</v>
      </c>
      <c r="W1053">
        <v>16</v>
      </c>
      <c r="X1053">
        <v>16</v>
      </c>
      <c r="Y1053">
        <v>16</v>
      </c>
      <c r="Z1053">
        <v>16</v>
      </c>
      <c r="AA1053">
        <v>16</v>
      </c>
      <c r="AB1053">
        <v>16</v>
      </c>
      <c r="AC1053">
        <v>17</v>
      </c>
      <c r="AD1053">
        <v>17</v>
      </c>
      <c r="AE1053">
        <v>17</v>
      </c>
      <c r="AF1053">
        <v>17</v>
      </c>
      <c r="AG1053">
        <v>17</v>
      </c>
      <c r="AH1053">
        <v>17</v>
      </c>
      <c r="AI1053">
        <v>17</v>
      </c>
      <c r="AJ1053">
        <v>17</v>
      </c>
      <c r="AK1053">
        <v>18</v>
      </c>
      <c r="AL1053">
        <v>18</v>
      </c>
      <c r="AM1053">
        <v>17</v>
      </c>
      <c r="AN1053">
        <v>17</v>
      </c>
      <c r="AO1053">
        <v>17</v>
      </c>
      <c r="AP1053">
        <v>17</v>
      </c>
      <c r="AQ1053">
        <v>17</v>
      </c>
    </row>
    <row r="1054" spans="1:43">
      <c r="A1054" t="s">
        <v>743</v>
      </c>
      <c r="B1054" t="s">
        <v>744</v>
      </c>
      <c r="C1054" t="s">
        <v>737</v>
      </c>
      <c r="D1054" t="s">
        <v>738</v>
      </c>
      <c r="E1054" t="s">
        <v>353</v>
      </c>
      <c r="F1054" t="s">
        <v>354</v>
      </c>
      <c r="G1054" t="s">
        <v>80</v>
      </c>
      <c r="H1054" t="s">
        <v>81</v>
      </c>
      <c r="I1054" s="2">
        <v>1</v>
      </c>
      <c r="J1054" s="2">
        <v>0</v>
      </c>
      <c r="K1054" s="2">
        <v>0</v>
      </c>
      <c r="L1054" t="s">
        <v>120</v>
      </c>
      <c r="M1054" t="s">
        <v>83</v>
      </c>
      <c r="N1054" t="s">
        <v>84</v>
      </c>
      <c r="O1054" t="s">
        <v>85</v>
      </c>
      <c r="P1054" t="s">
        <v>86</v>
      </c>
      <c r="Q1054">
        <v>52</v>
      </c>
      <c r="R1054">
        <v>53</v>
      </c>
      <c r="S1054">
        <v>54</v>
      </c>
      <c r="T1054">
        <v>54</v>
      </c>
      <c r="U1054">
        <v>55</v>
      </c>
      <c r="V1054">
        <v>55</v>
      </c>
      <c r="W1054">
        <v>56</v>
      </c>
      <c r="X1054">
        <v>56</v>
      </c>
      <c r="Y1054">
        <v>57</v>
      </c>
      <c r="Z1054">
        <v>57</v>
      </c>
      <c r="AA1054">
        <v>58</v>
      </c>
      <c r="AB1054">
        <v>58</v>
      </c>
      <c r="AC1054">
        <v>59</v>
      </c>
      <c r="AD1054">
        <v>59</v>
      </c>
      <c r="AE1054">
        <v>59</v>
      </c>
      <c r="AF1054">
        <v>60</v>
      </c>
      <c r="AG1054">
        <v>60</v>
      </c>
      <c r="AH1054">
        <v>61</v>
      </c>
      <c r="AI1054">
        <v>61</v>
      </c>
      <c r="AJ1054">
        <v>62</v>
      </c>
      <c r="AK1054">
        <v>62</v>
      </c>
      <c r="AL1054">
        <v>62</v>
      </c>
      <c r="AM1054">
        <v>62</v>
      </c>
      <c r="AN1054">
        <v>62</v>
      </c>
      <c r="AO1054">
        <v>61</v>
      </c>
      <c r="AP1054">
        <v>61</v>
      </c>
      <c r="AQ1054">
        <v>61</v>
      </c>
    </row>
    <row r="1055" spans="1:43">
      <c r="A1055" t="s">
        <v>743</v>
      </c>
      <c r="B1055" t="s">
        <v>744</v>
      </c>
      <c r="C1055" t="s">
        <v>737</v>
      </c>
      <c r="D1055" t="s">
        <v>738</v>
      </c>
      <c r="E1055" t="s">
        <v>353</v>
      </c>
      <c r="F1055" t="s">
        <v>354</v>
      </c>
      <c r="G1055" t="s">
        <v>80</v>
      </c>
      <c r="H1055" t="s">
        <v>81</v>
      </c>
      <c r="I1055" s="2">
        <v>1</v>
      </c>
      <c r="J1055" s="2">
        <v>0</v>
      </c>
      <c r="K1055" s="2">
        <v>0</v>
      </c>
      <c r="L1055" t="s">
        <v>120</v>
      </c>
      <c r="M1055" t="s">
        <v>87</v>
      </c>
      <c r="N1055" t="s">
        <v>88</v>
      </c>
      <c r="O1055" t="s">
        <v>85</v>
      </c>
      <c r="P1055" t="s">
        <v>86</v>
      </c>
      <c r="Q1055">
        <v>52</v>
      </c>
      <c r="R1055">
        <v>52</v>
      </c>
      <c r="S1055">
        <v>52</v>
      </c>
      <c r="T1055">
        <v>52</v>
      </c>
      <c r="U1055">
        <v>52</v>
      </c>
      <c r="V1055">
        <v>52</v>
      </c>
      <c r="W1055">
        <v>52</v>
      </c>
      <c r="X1055">
        <v>52</v>
      </c>
      <c r="Y1055">
        <v>53</v>
      </c>
      <c r="Z1055">
        <v>53</v>
      </c>
      <c r="AA1055">
        <v>53</v>
      </c>
      <c r="AB1055">
        <v>53</v>
      </c>
      <c r="AC1055">
        <v>53</v>
      </c>
      <c r="AD1055">
        <v>53</v>
      </c>
      <c r="AE1055">
        <v>53</v>
      </c>
      <c r="AF1055">
        <v>53</v>
      </c>
      <c r="AG1055">
        <v>53</v>
      </c>
      <c r="AH1055">
        <v>53</v>
      </c>
      <c r="AI1055">
        <v>53</v>
      </c>
      <c r="AJ1055">
        <v>53</v>
      </c>
      <c r="AK1055">
        <v>53</v>
      </c>
      <c r="AL1055">
        <v>53</v>
      </c>
      <c r="AM1055">
        <v>53</v>
      </c>
      <c r="AN1055">
        <v>53</v>
      </c>
      <c r="AO1055">
        <v>53</v>
      </c>
      <c r="AP1055">
        <v>53</v>
      </c>
      <c r="AQ1055">
        <v>53</v>
      </c>
    </row>
    <row r="1056" spans="1:43">
      <c r="A1056" t="s">
        <v>743</v>
      </c>
      <c r="B1056" t="s">
        <v>744</v>
      </c>
      <c r="C1056" t="s">
        <v>737</v>
      </c>
      <c r="D1056" t="s">
        <v>738</v>
      </c>
      <c r="E1056" t="s">
        <v>353</v>
      </c>
      <c r="F1056" t="s">
        <v>354</v>
      </c>
      <c r="G1056" t="s">
        <v>80</v>
      </c>
      <c r="H1056" t="s">
        <v>81</v>
      </c>
      <c r="I1056" s="2">
        <v>1</v>
      </c>
      <c r="J1056" s="2">
        <v>0</v>
      </c>
      <c r="K1056" s="2">
        <v>0</v>
      </c>
      <c r="L1056" t="s">
        <v>120</v>
      </c>
      <c r="M1056" t="s">
        <v>89</v>
      </c>
      <c r="N1056" t="s">
        <v>90</v>
      </c>
      <c r="O1056" t="s">
        <v>85</v>
      </c>
      <c r="P1056" t="s">
        <v>86</v>
      </c>
      <c r="Q1056">
        <v>52</v>
      </c>
      <c r="R1056">
        <v>53</v>
      </c>
      <c r="S1056">
        <v>54</v>
      </c>
      <c r="T1056">
        <v>55</v>
      </c>
      <c r="U1056">
        <v>56</v>
      </c>
      <c r="V1056">
        <v>57</v>
      </c>
      <c r="W1056">
        <v>57</v>
      </c>
      <c r="X1056">
        <v>58</v>
      </c>
      <c r="Y1056">
        <v>59</v>
      </c>
      <c r="Z1056">
        <v>60</v>
      </c>
      <c r="AA1056">
        <v>60</v>
      </c>
      <c r="AB1056">
        <v>61</v>
      </c>
      <c r="AC1056">
        <v>62</v>
      </c>
      <c r="AD1056">
        <v>62</v>
      </c>
      <c r="AE1056">
        <v>63</v>
      </c>
      <c r="AF1056">
        <v>62</v>
      </c>
      <c r="AG1056">
        <v>62</v>
      </c>
      <c r="AH1056">
        <v>62</v>
      </c>
      <c r="AI1056">
        <v>62</v>
      </c>
      <c r="AJ1056">
        <v>62</v>
      </c>
      <c r="AK1056">
        <v>62</v>
      </c>
      <c r="AL1056">
        <v>61</v>
      </c>
      <c r="AM1056">
        <v>61</v>
      </c>
      <c r="AN1056">
        <v>61</v>
      </c>
      <c r="AO1056">
        <v>61</v>
      </c>
      <c r="AP1056">
        <v>60</v>
      </c>
      <c r="AQ1056">
        <v>60</v>
      </c>
    </row>
    <row r="1057" spans="1:43">
      <c r="A1057" t="s">
        <v>743</v>
      </c>
      <c r="B1057" t="s">
        <v>744</v>
      </c>
      <c r="C1057" t="s">
        <v>737</v>
      </c>
      <c r="D1057" t="s">
        <v>738</v>
      </c>
      <c r="E1057" t="s">
        <v>353</v>
      </c>
      <c r="F1057" t="s">
        <v>354</v>
      </c>
      <c r="G1057" t="s">
        <v>80</v>
      </c>
      <c r="H1057" t="s">
        <v>81</v>
      </c>
      <c r="I1057" s="2">
        <v>1</v>
      </c>
      <c r="J1057" s="2">
        <v>0</v>
      </c>
      <c r="K1057" s="2">
        <v>0</v>
      </c>
      <c r="L1057" t="s">
        <v>120</v>
      </c>
      <c r="M1057" t="s">
        <v>83</v>
      </c>
      <c r="N1057" t="s">
        <v>91</v>
      </c>
      <c r="O1057" t="s">
        <v>85</v>
      </c>
      <c r="P1057" t="s">
        <v>86</v>
      </c>
      <c r="Q1057">
        <v>52</v>
      </c>
      <c r="R1057">
        <v>53</v>
      </c>
      <c r="S1057">
        <v>54</v>
      </c>
      <c r="T1057">
        <v>54</v>
      </c>
      <c r="U1057">
        <v>55</v>
      </c>
      <c r="V1057">
        <v>55</v>
      </c>
      <c r="W1057">
        <v>56</v>
      </c>
      <c r="X1057">
        <v>56</v>
      </c>
      <c r="Y1057">
        <v>57</v>
      </c>
      <c r="Z1057">
        <v>57</v>
      </c>
      <c r="AA1057">
        <v>58</v>
      </c>
      <c r="AB1057">
        <v>58</v>
      </c>
      <c r="AC1057">
        <v>59</v>
      </c>
      <c r="AD1057">
        <v>59</v>
      </c>
      <c r="AE1057">
        <v>59</v>
      </c>
      <c r="AF1057">
        <v>60</v>
      </c>
      <c r="AG1057">
        <v>60</v>
      </c>
      <c r="AH1057">
        <v>61</v>
      </c>
      <c r="AI1057">
        <v>61</v>
      </c>
      <c r="AJ1057">
        <v>62</v>
      </c>
      <c r="AK1057">
        <v>62</v>
      </c>
      <c r="AL1057">
        <v>62</v>
      </c>
      <c r="AM1057">
        <v>62</v>
      </c>
      <c r="AN1057">
        <v>62</v>
      </c>
      <c r="AO1057">
        <v>61</v>
      </c>
      <c r="AP1057">
        <v>61</v>
      </c>
      <c r="AQ1057">
        <v>61</v>
      </c>
    </row>
    <row r="1058" spans="1:43">
      <c r="A1058" t="s">
        <v>745</v>
      </c>
      <c r="B1058" t="s">
        <v>746</v>
      </c>
      <c r="C1058" t="s">
        <v>741</v>
      </c>
      <c r="D1058" t="s">
        <v>742</v>
      </c>
      <c r="E1058" t="s">
        <v>353</v>
      </c>
      <c r="F1058" t="s">
        <v>354</v>
      </c>
      <c r="G1058" t="s">
        <v>80</v>
      </c>
      <c r="H1058" t="s">
        <v>81</v>
      </c>
      <c r="I1058" s="2">
        <v>1</v>
      </c>
      <c r="J1058" s="2">
        <v>0</v>
      </c>
      <c r="K1058" s="2">
        <v>0</v>
      </c>
      <c r="L1058" t="s">
        <v>120</v>
      </c>
      <c r="M1058" t="s">
        <v>83</v>
      </c>
      <c r="N1058" t="s">
        <v>84</v>
      </c>
      <c r="O1058" t="s">
        <v>85</v>
      </c>
      <c r="P1058" t="s">
        <v>86</v>
      </c>
      <c r="Q1058">
        <v>7</v>
      </c>
      <c r="R1058">
        <v>7</v>
      </c>
      <c r="S1058">
        <v>7</v>
      </c>
      <c r="T1058">
        <v>7</v>
      </c>
      <c r="U1058">
        <v>7</v>
      </c>
      <c r="V1058">
        <v>7</v>
      </c>
      <c r="W1058">
        <v>7</v>
      </c>
      <c r="X1058">
        <v>7</v>
      </c>
      <c r="Y1058">
        <v>7</v>
      </c>
      <c r="Z1058">
        <v>7</v>
      </c>
      <c r="AA1058">
        <v>7</v>
      </c>
      <c r="AB1058">
        <v>7</v>
      </c>
      <c r="AC1058">
        <v>7</v>
      </c>
      <c r="AD1058">
        <v>7</v>
      </c>
      <c r="AE1058">
        <v>7</v>
      </c>
      <c r="AF1058">
        <v>7</v>
      </c>
      <c r="AG1058">
        <v>7</v>
      </c>
      <c r="AH1058">
        <v>8</v>
      </c>
      <c r="AI1058">
        <v>8</v>
      </c>
      <c r="AJ1058">
        <v>8</v>
      </c>
      <c r="AK1058">
        <v>8</v>
      </c>
      <c r="AL1058">
        <v>8</v>
      </c>
      <c r="AM1058">
        <v>8</v>
      </c>
      <c r="AN1058">
        <v>8</v>
      </c>
      <c r="AO1058">
        <v>8</v>
      </c>
      <c r="AP1058">
        <v>8</v>
      </c>
      <c r="AQ1058">
        <v>8</v>
      </c>
    </row>
    <row r="1059" spans="1:43">
      <c r="A1059" t="s">
        <v>745</v>
      </c>
      <c r="B1059" t="s">
        <v>746</v>
      </c>
      <c r="C1059" t="s">
        <v>741</v>
      </c>
      <c r="D1059" t="s">
        <v>742</v>
      </c>
      <c r="E1059" t="s">
        <v>353</v>
      </c>
      <c r="F1059" t="s">
        <v>354</v>
      </c>
      <c r="G1059" t="s">
        <v>80</v>
      </c>
      <c r="H1059" t="s">
        <v>81</v>
      </c>
      <c r="I1059" s="2">
        <v>1</v>
      </c>
      <c r="J1059" s="2">
        <v>0</v>
      </c>
      <c r="K1059" s="2">
        <v>0</v>
      </c>
      <c r="L1059" t="s">
        <v>120</v>
      </c>
      <c r="M1059" t="s">
        <v>87</v>
      </c>
      <c r="N1059" t="s">
        <v>88</v>
      </c>
      <c r="O1059" t="s">
        <v>85</v>
      </c>
      <c r="P1059" t="s">
        <v>86</v>
      </c>
      <c r="Q1059">
        <v>7</v>
      </c>
      <c r="R1059">
        <v>7</v>
      </c>
      <c r="S1059">
        <v>7</v>
      </c>
      <c r="T1059">
        <v>7</v>
      </c>
      <c r="U1059">
        <v>7</v>
      </c>
      <c r="V1059">
        <v>7</v>
      </c>
      <c r="W1059">
        <v>7</v>
      </c>
      <c r="X1059">
        <v>8</v>
      </c>
      <c r="Y1059">
        <v>8</v>
      </c>
      <c r="Z1059">
        <v>8</v>
      </c>
      <c r="AA1059">
        <v>8</v>
      </c>
      <c r="AB1059">
        <v>8</v>
      </c>
      <c r="AC1059">
        <v>8</v>
      </c>
      <c r="AD1059">
        <v>8</v>
      </c>
      <c r="AE1059">
        <v>8</v>
      </c>
      <c r="AF1059">
        <v>8</v>
      </c>
      <c r="AG1059">
        <v>8</v>
      </c>
      <c r="AH1059">
        <v>8</v>
      </c>
      <c r="AI1059">
        <v>8</v>
      </c>
      <c r="AJ1059">
        <v>8</v>
      </c>
      <c r="AK1059">
        <v>8</v>
      </c>
      <c r="AL1059">
        <v>8</v>
      </c>
      <c r="AM1059">
        <v>8</v>
      </c>
      <c r="AN1059">
        <v>8</v>
      </c>
      <c r="AO1059">
        <v>8</v>
      </c>
      <c r="AP1059">
        <v>8</v>
      </c>
      <c r="AQ1059">
        <v>8</v>
      </c>
    </row>
    <row r="1060" spans="1:43">
      <c r="A1060" t="s">
        <v>745</v>
      </c>
      <c r="B1060" t="s">
        <v>746</v>
      </c>
      <c r="C1060" t="s">
        <v>741</v>
      </c>
      <c r="D1060" t="s">
        <v>742</v>
      </c>
      <c r="E1060" t="s">
        <v>353</v>
      </c>
      <c r="F1060" t="s">
        <v>354</v>
      </c>
      <c r="G1060" t="s">
        <v>80</v>
      </c>
      <c r="H1060" t="s">
        <v>81</v>
      </c>
      <c r="I1060" s="2">
        <v>1</v>
      </c>
      <c r="J1060" s="2">
        <v>0</v>
      </c>
      <c r="K1060" s="2">
        <v>0</v>
      </c>
      <c r="L1060" t="s">
        <v>120</v>
      </c>
      <c r="M1060" t="s">
        <v>89</v>
      </c>
      <c r="N1060" t="s">
        <v>90</v>
      </c>
      <c r="O1060" t="s">
        <v>85</v>
      </c>
      <c r="P1060" t="s">
        <v>86</v>
      </c>
      <c r="Q1060">
        <v>7</v>
      </c>
      <c r="R1060">
        <v>7</v>
      </c>
      <c r="S1060">
        <v>7</v>
      </c>
      <c r="T1060">
        <v>7</v>
      </c>
      <c r="U1060">
        <v>7</v>
      </c>
      <c r="V1060">
        <v>7</v>
      </c>
      <c r="W1060">
        <v>7</v>
      </c>
      <c r="X1060">
        <v>7</v>
      </c>
      <c r="Y1060">
        <v>7</v>
      </c>
      <c r="Z1060">
        <v>8</v>
      </c>
      <c r="AA1060">
        <v>8</v>
      </c>
      <c r="AB1060">
        <v>8</v>
      </c>
      <c r="AC1060">
        <v>8</v>
      </c>
      <c r="AD1060">
        <v>8</v>
      </c>
      <c r="AE1060">
        <v>8</v>
      </c>
      <c r="AF1060">
        <v>8</v>
      </c>
      <c r="AG1060">
        <v>8</v>
      </c>
      <c r="AH1060">
        <v>8</v>
      </c>
      <c r="AI1060">
        <v>8</v>
      </c>
      <c r="AJ1060">
        <v>8</v>
      </c>
      <c r="AK1060">
        <v>8</v>
      </c>
      <c r="AL1060">
        <v>8</v>
      </c>
      <c r="AM1060">
        <v>8</v>
      </c>
      <c r="AN1060">
        <v>8</v>
      </c>
      <c r="AO1060">
        <v>8</v>
      </c>
      <c r="AP1060">
        <v>8</v>
      </c>
      <c r="AQ1060">
        <v>8</v>
      </c>
    </row>
    <row r="1061" spans="1:43">
      <c r="A1061" t="s">
        <v>745</v>
      </c>
      <c r="B1061" t="s">
        <v>746</v>
      </c>
      <c r="C1061" t="s">
        <v>741</v>
      </c>
      <c r="D1061" t="s">
        <v>742</v>
      </c>
      <c r="E1061" t="s">
        <v>353</v>
      </c>
      <c r="F1061" t="s">
        <v>354</v>
      </c>
      <c r="G1061" t="s">
        <v>80</v>
      </c>
      <c r="H1061" t="s">
        <v>81</v>
      </c>
      <c r="I1061" s="2">
        <v>1</v>
      </c>
      <c r="J1061" s="2">
        <v>0</v>
      </c>
      <c r="K1061" s="2">
        <v>0</v>
      </c>
      <c r="L1061" t="s">
        <v>120</v>
      </c>
      <c r="M1061" t="s">
        <v>83</v>
      </c>
      <c r="N1061" t="s">
        <v>91</v>
      </c>
      <c r="O1061" t="s">
        <v>85</v>
      </c>
      <c r="P1061" t="s">
        <v>86</v>
      </c>
      <c r="Q1061">
        <v>7</v>
      </c>
      <c r="R1061">
        <v>7</v>
      </c>
      <c r="S1061">
        <v>7</v>
      </c>
      <c r="T1061">
        <v>7</v>
      </c>
      <c r="U1061">
        <v>7</v>
      </c>
      <c r="V1061">
        <v>7</v>
      </c>
      <c r="W1061">
        <v>7</v>
      </c>
      <c r="X1061">
        <v>7</v>
      </c>
      <c r="Y1061">
        <v>7</v>
      </c>
      <c r="Z1061">
        <v>7</v>
      </c>
      <c r="AA1061">
        <v>7</v>
      </c>
      <c r="AB1061">
        <v>7</v>
      </c>
      <c r="AC1061">
        <v>7</v>
      </c>
      <c r="AD1061">
        <v>7</v>
      </c>
      <c r="AE1061">
        <v>7</v>
      </c>
      <c r="AF1061">
        <v>7</v>
      </c>
      <c r="AG1061">
        <v>7</v>
      </c>
      <c r="AH1061">
        <v>8</v>
      </c>
      <c r="AI1061">
        <v>8</v>
      </c>
      <c r="AJ1061">
        <v>8</v>
      </c>
      <c r="AK1061">
        <v>8</v>
      </c>
      <c r="AL1061">
        <v>8</v>
      </c>
      <c r="AM1061">
        <v>8</v>
      </c>
      <c r="AN1061">
        <v>8</v>
      </c>
      <c r="AO1061">
        <v>8</v>
      </c>
      <c r="AP1061">
        <v>8</v>
      </c>
      <c r="AQ1061">
        <v>8</v>
      </c>
    </row>
    <row r="1062" spans="1:43">
      <c r="A1062" t="s">
        <v>747</v>
      </c>
      <c r="B1062" t="s">
        <v>748</v>
      </c>
      <c r="C1062" t="s">
        <v>625</v>
      </c>
      <c r="D1062" t="s">
        <v>626</v>
      </c>
      <c r="E1062" t="s">
        <v>353</v>
      </c>
      <c r="F1062" t="s">
        <v>354</v>
      </c>
      <c r="G1062" t="s">
        <v>80</v>
      </c>
      <c r="H1062" t="s">
        <v>81</v>
      </c>
      <c r="I1062" s="2">
        <v>1</v>
      </c>
      <c r="J1062" s="2">
        <v>0</v>
      </c>
      <c r="K1062" s="2">
        <v>0</v>
      </c>
      <c r="L1062" t="s">
        <v>120</v>
      </c>
      <c r="M1062" t="s">
        <v>83</v>
      </c>
      <c r="N1062" t="s">
        <v>84</v>
      </c>
      <c r="O1062" t="s">
        <v>85</v>
      </c>
      <c r="P1062" t="s">
        <v>86</v>
      </c>
      <c r="Q1062">
        <v>25</v>
      </c>
      <c r="R1062">
        <v>26</v>
      </c>
      <c r="S1062">
        <v>26</v>
      </c>
      <c r="T1062">
        <v>26</v>
      </c>
      <c r="U1062">
        <v>26</v>
      </c>
      <c r="V1062">
        <v>27</v>
      </c>
      <c r="W1062">
        <v>27</v>
      </c>
      <c r="X1062">
        <v>27</v>
      </c>
      <c r="Y1062">
        <v>27</v>
      </c>
      <c r="Z1062">
        <v>28</v>
      </c>
      <c r="AA1062">
        <v>28</v>
      </c>
      <c r="AB1062">
        <v>28</v>
      </c>
      <c r="AC1062">
        <v>28</v>
      </c>
      <c r="AD1062">
        <v>29</v>
      </c>
      <c r="AE1062">
        <v>29</v>
      </c>
      <c r="AF1062">
        <v>29</v>
      </c>
      <c r="AG1062">
        <v>29</v>
      </c>
      <c r="AH1062">
        <v>29</v>
      </c>
      <c r="AI1062">
        <v>30</v>
      </c>
      <c r="AJ1062">
        <v>30</v>
      </c>
      <c r="AK1062">
        <v>30</v>
      </c>
      <c r="AL1062">
        <v>30</v>
      </c>
      <c r="AM1062">
        <v>30</v>
      </c>
      <c r="AN1062">
        <v>30</v>
      </c>
      <c r="AO1062">
        <v>30</v>
      </c>
      <c r="AP1062">
        <v>29</v>
      </c>
      <c r="AQ1062">
        <v>29</v>
      </c>
    </row>
    <row r="1063" spans="1:43">
      <c r="A1063" t="s">
        <v>747</v>
      </c>
      <c r="B1063" t="s">
        <v>748</v>
      </c>
      <c r="C1063" t="s">
        <v>625</v>
      </c>
      <c r="D1063" t="s">
        <v>626</v>
      </c>
      <c r="E1063" t="s">
        <v>353</v>
      </c>
      <c r="F1063" t="s">
        <v>354</v>
      </c>
      <c r="G1063" t="s">
        <v>80</v>
      </c>
      <c r="H1063" t="s">
        <v>81</v>
      </c>
      <c r="I1063" s="2">
        <v>1</v>
      </c>
      <c r="J1063" s="2">
        <v>0</v>
      </c>
      <c r="K1063" s="2">
        <v>0</v>
      </c>
      <c r="L1063" t="s">
        <v>120</v>
      </c>
      <c r="M1063" t="s">
        <v>87</v>
      </c>
      <c r="N1063" t="s">
        <v>88</v>
      </c>
      <c r="O1063" t="s">
        <v>85</v>
      </c>
      <c r="P1063" t="s">
        <v>86</v>
      </c>
      <c r="Q1063">
        <v>25</v>
      </c>
      <c r="R1063">
        <v>25</v>
      </c>
      <c r="S1063">
        <v>25</v>
      </c>
      <c r="T1063">
        <v>25</v>
      </c>
      <c r="U1063">
        <v>25</v>
      </c>
      <c r="V1063">
        <v>25</v>
      </c>
      <c r="W1063">
        <v>25</v>
      </c>
      <c r="X1063">
        <v>25</v>
      </c>
      <c r="Y1063">
        <v>25</v>
      </c>
      <c r="Z1063">
        <v>25</v>
      </c>
      <c r="AA1063">
        <v>25</v>
      </c>
      <c r="AB1063">
        <v>25</v>
      </c>
      <c r="AC1063">
        <v>25</v>
      </c>
      <c r="AD1063">
        <v>25</v>
      </c>
      <c r="AE1063">
        <v>26</v>
      </c>
      <c r="AF1063">
        <v>26</v>
      </c>
      <c r="AG1063">
        <v>26</v>
      </c>
      <c r="AH1063">
        <v>26</v>
      </c>
      <c r="AI1063">
        <v>26</v>
      </c>
      <c r="AJ1063">
        <v>26</v>
      </c>
      <c r="AK1063">
        <v>26</v>
      </c>
      <c r="AL1063">
        <v>26</v>
      </c>
      <c r="AM1063">
        <v>26</v>
      </c>
      <c r="AN1063">
        <v>26</v>
      </c>
      <c r="AO1063">
        <v>26</v>
      </c>
      <c r="AP1063">
        <v>26</v>
      </c>
      <c r="AQ1063">
        <v>26</v>
      </c>
    </row>
    <row r="1064" spans="1:43">
      <c r="A1064" t="s">
        <v>747</v>
      </c>
      <c r="B1064" t="s">
        <v>748</v>
      </c>
      <c r="C1064" t="s">
        <v>625</v>
      </c>
      <c r="D1064" t="s">
        <v>626</v>
      </c>
      <c r="E1064" t="s">
        <v>353</v>
      </c>
      <c r="F1064" t="s">
        <v>354</v>
      </c>
      <c r="G1064" t="s">
        <v>80</v>
      </c>
      <c r="H1064" t="s">
        <v>81</v>
      </c>
      <c r="I1064" s="2">
        <v>1</v>
      </c>
      <c r="J1064" s="2">
        <v>0</v>
      </c>
      <c r="K1064" s="2">
        <v>0</v>
      </c>
      <c r="L1064" t="s">
        <v>120</v>
      </c>
      <c r="M1064" t="s">
        <v>89</v>
      </c>
      <c r="N1064" t="s">
        <v>90</v>
      </c>
      <c r="O1064" t="s">
        <v>85</v>
      </c>
      <c r="P1064" t="s">
        <v>86</v>
      </c>
      <c r="Q1064">
        <v>25</v>
      </c>
      <c r="R1064">
        <v>25</v>
      </c>
      <c r="S1064">
        <v>26</v>
      </c>
      <c r="T1064">
        <v>26</v>
      </c>
      <c r="U1064">
        <v>27</v>
      </c>
      <c r="V1064">
        <v>27</v>
      </c>
      <c r="W1064">
        <v>27</v>
      </c>
      <c r="X1064">
        <v>28</v>
      </c>
      <c r="Y1064">
        <v>28</v>
      </c>
      <c r="Z1064">
        <v>28</v>
      </c>
      <c r="AA1064">
        <v>29</v>
      </c>
      <c r="AB1064">
        <v>29</v>
      </c>
      <c r="AC1064">
        <v>29</v>
      </c>
      <c r="AD1064">
        <v>30</v>
      </c>
      <c r="AE1064">
        <v>30</v>
      </c>
      <c r="AF1064">
        <v>30</v>
      </c>
      <c r="AG1064">
        <v>30</v>
      </c>
      <c r="AH1064">
        <v>29</v>
      </c>
      <c r="AI1064">
        <v>29</v>
      </c>
      <c r="AJ1064">
        <v>29</v>
      </c>
      <c r="AK1064">
        <v>29</v>
      </c>
      <c r="AL1064">
        <v>29</v>
      </c>
      <c r="AM1064">
        <v>29</v>
      </c>
      <c r="AN1064">
        <v>29</v>
      </c>
      <c r="AO1064">
        <v>29</v>
      </c>
      <c r="AP1064">
        <v>29</v>
      </c>
      <c r="AQ1064">
        <v>28</v>
      </c>
    </row>
    <row r="1065" spans="1:43">
      <c r="A1065" t="s">
        <v>747</v>
      </c>
      <c r="B1065" t="s">
        <v>748</v>
      </c>
      <c r="C1065" t="s">
        <v>625</v>
      </c>
      <c r="D1065" t="s">
        <v>626</v>
      </c>
      <c r="E1065" t="s">
        <v>353</v>
      </c>
      <c r="F1065" t="s">
        <v>354</v>
      </c>
      <c r="G1065" t="s">
        <v>80</v>
      </c>
      <c r="H1065" t="s">
        <v>81</v>
      </c>
      <c r="I1065" s="2">
        <v>1</v>
      </c>
      <c r="J1065" s="2">
        <v>0</v>
      </c>
      <c r="K1065" s="2">
        <v>0</v>
      </c>
      <c r="L1065" t="s">
        <v>120</v>
      </c>
      <c r="M1065" t="s">
        <v>83</v>
      </c>
      <c r="N1065" t="s">
        <v>91</v>
      </c>
      <c r="O1065" t="s">
        <v>85</v>
      </c>
      <c r="P1065" t="s">
        <v>86</v>
      </c>
      <c r="Q1065">
        <v>25</v>
      </c>
      <c r="R1065">
        <v>26</v>
      </c>
      <c r="S1065">
        <v>26</v>
      </c>
      <c r="T1065">
        <v>26</v>
      </c>
      <c r="U1065">
        <v>26</v>
      </c>
      <c r="V1065">
        <v>27</v>
      </c>
      <c r="W1065">
        <v>27</v>
      </c>
      <c r="X1065">
        <v>27</v>
      </c>
      <c r="Y1065">
        <v>27</v>
      </c>
      <c r="Z1065">
        <v>28</v>
      </c>
      <c r="AA1065">
        <v>28</v>
      </c>
      <c r="AB1065">
        <v>28</v>
      </c>
      <c r="AC1065">
        <v>28</v>
      </c>
      <c r="AD1065">
        <v>29</v>
      </c>
      <c r="AE1065">
        <v>29</v>
      </c>
      <c r="AF1065">
        <v>29</v>
      </c>
      <c r="AG1065">
        <v>29</v>
      </c>
      <c r="AH1065">
        <v>29</v>
      </c>
      <c r="AI1065">
        <v>30</v>
      </c>
      <c r="AJ1065">
        <v>30</v>
      </c>
      <c r="AK1065">
        <v>30</v>
      </c>
      <c r="AL1065">
        <v>30</v>
      </c>
      <c r="AM1065">
        <v>30</v>
      </c>
      <c r="AN1065">
        <v>30</v>
      </c>
      <c r="AO1065">
        <v>30</v>
      </c>
      <c r="AP1065">
        <v>29</v>
      </c>
      <c r="AQ1065">
        <v>29</v>
      </c>
    </row>
    <row r="1066" spans="1:43">
      <c r="A1066" t="s">
        <v>749</v>
      </c>
      <c r="B1066" t="s">
        <v>750</v>
      </c>
      <c r="C1066" t="s">
        <v>625</v>
      </c>
      <c r="D1066" t="s">
        <v>626</v>
      </c>
      <c r="E1066" t="s">
        <v>353</v>
      </c>
      <c r="F1066" t="s">
        <v>354</v>
      </c>
      <c r="G1066" t="s">
        <v>80</v>
      </c>
      <c r="H1066" t="s">
        <v>81</v>
      </c>
      <c r="I1066" s="2">
        <v>1</v>
      </c>
      <c r="J1066" s="2">
        <v>0</v>
      </c>
      <c r="K1066" s="2">
        <v>0</v>
      </c>
      <c r="L1066" t="s">
        <v>120</v>
      </c>
      <c r="M1066" t="s">
        <v>83</v>
      </c>
      <c r="N1066" t="s">
        <v>84</v>
      </c>
      <c r="O1066" t="s">
        <v>85</v>
      </c>
      <c r="P1066" t="s">
        <v>86</v>
      </c>
      <c r="Q1066">
        <v>12</v>
      </c>
      <c r="R1066">
        <v>13</v>
      </c>
      <c r="S1066">
        <v>13</v>
      </c>
      <c r="T1066">
        <v>13</v>
      </c>
      <c r="U1066">
        <v>13</v>
      </c>
      <c r="V1066">
        <v>13</v>
      </c>
      <c r="W1066">
        <v>13</v>
      </c>
      <c r="X1066">
        <v>13</v>
      </c>
      <c r="Y1066">
        <v>13</v>
      </c>
      <c r="Z1066">
        <v>14</v>
      </c>
      <c r="AA1066">
        <v>14</v>
      </c>
      <c r="AB1066">
        <v>14</v>
      </c>
      <c r="AC1066">
        <v>14</v>
      </c>
      <c r="AD1066">
        <v>14</v>
      </c>
      <c r="AE1066">
        <v>14</v>
      </c>
      <c r="AF1066">
        <v>14</v>
      </c>
      <c r="AG1066">
        <v>14</v>
      </c>
      <c r="AH1066">
        <v>14</v>
      </c>
      <c r="AI1066">
        <v>15</v>
      </c>
      <c r="AJ1066">
        <v>15</v>
      </c>
      <c r="AK1066">
        <v>15</v>
      </c>
      <c r="AL1066">
        <v>15</v>
      </c>
      <c r="AM1066">
        <v>15</v>
      </c>
      <c r="AN1066">
        <v>15</v>
      </c>
      <c r="AO1066">
        <v>15</v>
      </c>
      <c r="AP1066">
        <v>14</v>
      </c>
      <c r="AQ1066">
        <v>14</v>
      </c>
    </row>
    <row r="1067" spans="1:43">
      <c r="A1067" t="s">
        <v>749</v>
      </c>
      <c r="B1067" t="s">
        <v>750</v>
      </c>
      <c r="C1067" t="s">
        <v>625</v>
      </c>
      <c r="D1067" t="s">
        <v>626</v>
      </c>
      <c r="E1067" t="s">
        <v>353</v>
      </c>
      <c r="F1067" t="s">
        <v>354</v>
      </c>
      <c r="G1067" t="s">
        <v>80</v>
      </c>
      <c r="H1067" t="s">
        <v>81</v>
      </c>
      <c r="I1067" s="2">
        <v>1</v>
      </c>
      <c r="J1067" s="2">
        <v>0</v>
      </c>
      <c r="K1067" s="2">
        <v>0</v>
      </c>
      <c r="L1067" t="s">
        <v>120</v>
      </c>
      <c r="M1067" t="s">
        <v>87</v>
      </c>
      <c r="N1067" t="s">
        <v>88</v>
      </c>
      <c r="O1067" t="s">
        <v>85</v>
      </c>
      <c r="P1067" t="s">
        <v>86</v>
      </c>
      <c r="Q1067">
        <v>12</v>
      </c>
      <c r="R1067">
        <v>12</v>
      </c>
      <c r="S1067">
        <v>12</v>
      </c>
      <c r="T1067">
        <v>12</v>
      </c>
      <c r="U1067">
        <v>12</v>
      </c>
      <c r="V1067">
        <v>12</v>
      </c>
      <c r="W1067">
        <v>12</v>
      </c>
      <c r="X1067">
        <v>12</v>
      </c>
      <c r="Y1067">
        <v>12</v>
      </c>
      <c r="Z1067">
        <v>12</v>
      </c>
      <c r="AA1067">
        <v>13</v>
      </c>
      <c r="AB1067">
        <v>13</v>
      </c>
      <c r="AC1067">
        <v>13</v>
      </c>
      <c r="AD1067">
        <v>13</v>
      </c>
      <c r="AE1067">
        <v>13</v>
      </c>
      <c r="AF1067">
        <v>13</v>
      </c>
      <c r="AG1067">
        <v>13</v>
      </c>
      <c r="AH1067">
        <v>13</v>
      </c>
      <c r="AI1067">
        <v>13</v>
      </c>
      <c r="AJ1067">
        <v>13</v>
      </c>
      <c r="AK1067">
        <v>13</v>
      </c>
      <c r="AL1067">
        <v>13</v>
      </c>
      <c r="AM1067">
        <v>13</v>
      </c>
      <c r="AN1067">
        <v>13</v>
      </c>
      <c r="AO1067">
        <v>13</v>
      </c>
      <c r="AP1067">
        <v>13</v>
      </c>
      <c r="AQ1067">
        <v>13</v>
      </c>
    </row>
    <row r="1068" spans="1:43">
      <c r="A1068" t="s">
        <v>749</v>
      </c>
      <c r="B1068" t="s">
        <v>750</v>
      </c>
      <c r="C1068" t="s">
        <v>625</v>
      </c>
      <c r="D1068" t="s">
        <v>626</v>
      </c>
      <c r="E1068" t="s">
        <v>353</v>
      </c>
      <c r="F1068" t="s">
        <v>354</v>
      </c>
      <c r="G1068" t="s">
        <v>80</v>
      </c>
      <c r="H1068" t="s">
        <v>81</v>
      </c>
      <c r="I1068" s="2">
        <v>1</v>
      </c>
      <c r="J1068" s="2">
        <v>0</v>
      </c>
      <c r="K1068" s="2">
        <v>0</v>
      </c>
      <c r="L1068" t="s">
        <v>120</v>
      </c>
      <c r="M1068" t="s">
        <v>89</v>
      </c>
      <c r="N1068" t="s">
        <v>90</v>
      </c>
      <c r="O1068" t="s">
        <v>85</v>
      </c>
      <c r="P1068" t="s">
        <v>86</v>
      </c>
      <c r="Q1068">
        <v>12</v>
      </c>
      <c r="R1068">
        <v>12</v>
      </c>
      <c r="S1068">
        <v>12</v>
      </c>
      <c r="T1068">
        <v>12</v>
      </c>
      <c r="U1068">
        <v>13</v>
      </c>
      <c r="V1068">
        <v>13</v>
      </c>
      <c r="W1068">
        <v>13</v>
      </c>
      <c r="X1068">
        <v>13</v>
      </c>
      <c r="Y1068">
        <v>13</v>
      </c>
      <c r="Z1068">
        <v>13</v>
      </c>
      <c r="AA1068">
        <v>14</v>
      </c>
      <c r="AB1068">
        <v>14</v>
      </c>
      <c r="AC1068">
        <v>14</v>
      </c>
      <c r="AD1068">
        <v>14</v>
      </c>
      <c r="AE1068">
        <v>14</v>
      </c>
      <c r="AF1068">
        <v>14</v>
      </c>
      <c r="AG1068">
        <v>14</v>
      </c>
      <c r="AH1068">
        <v>14</v>
      </c>
      <c r="AI1068">
        <v>14</v>
      </c>
      <c r="AJ1068">
        <v>14</v>
      </c>
      <c r="AK1068">
        <v>14</v>
      </c>
      <c r="AL1068">
        <v>14</v>
      </c>
      <c r="AM1068">
        <v>14</v>
      </c>
      <c r="AN1068">
        <v>14</v>
      </c>
      <c r="AO1068">
        <v>14</v>
      </c>
      <c r="AP1068">
        <v>14</v>
      </c>
      <c r="AQ1068">
        <v>13</v>
      </c>
    </row>
    <row r="1069" spans="1:43">
      <c r="A1069" t="s">
        <v>749</v>
      </c>
      <c r="B1069" t="s">
        <v>750</v>
      </c>
      <c r="C1069" t="s">
        <v>625</v>
      </c>
      <c r="D1069" t="s">
        <v>626</v>
      </c>
      <c r="E1069" t="s">
        <v>353</v>
      </c>
      <c r="F1069" t="s">
        <v>354</v>
      </c>
      <c r="G1069" t="s">
        <v>80</v>
      </c>
      <c r="H1069" t="s">
        <v>81</v>
      </c>
      <c r="I1069" s="2">
        <v>1</v>
      </c>
      <c r="J1069" s="2">
        <v>0</v>
      </c>
      <c r="K1069" s="2">
        <v>0</v>
      </c>
      <c r="L1069" t="s">
        <v>120</v>
      </c>
      <c r="M1069" t="s">
        <v>83</v>
      </c>
      <c r="N1069" t="s">
        <v>91</v>
      </c>
      <c r="O1069" t="s">
        <v>85</v>
      </c>
      <c r="P1069" t="s">
        <v>86</v>
      </c>
      <c r="Q1069">
        <v>12</v>
      </c>
      <c r="R1069">
        <v>13</v>
      </c>
      <c r="S1069">
        <v>13</v>
      </c>
      <c r="T1069">
        <v>13</v>
      </c>
      <c r="U1069">
        <v>13</v>
      </c>
      <c r="V1069">
        <v>13</v>
      </c>
      <c r="W1069">
        <v>13</v>
      </c>
      <c r="X1069">
        <v>13</v>
      </c>
      <c r="Y1069">
        <v>13</v>
      </c>
      <c r="Z1069">
        <v>14</v>
      </c>
      <c r="AA1069">
        <v>14</v>
      </c>
      <c r="AB1069">
        <v>14</v>
      </c>
      <c r="AC1069">
        <v>14</v>
      </c>
      <c r="AD1069">
        <v>14</v>
      </c>
      <c r="AE1069">
        <v>14</v>
      </c>
      <c r="AF1069">
        <v>14</v>
      </c>
      <c r="AG1069">
        <v>14</v>
      </c>
      <c r="AH1069">
        <v>14</v>
      </c>
      <c r="AI1069">
        <v>15</v>
      </c>
      <c r="AJ1069">
        <v>15</v>
      </c>
      <c r="AK1069">
        <v>15</v>
      </c>
      <c r="AL1069">
        <v>15</v>
      </c>
      <c r="AM1069">
        <v>15</v>
      </c>
      <c r="AN1069">
        <v>15</v>
      </c>
      <c r="AO1069">
        <v>15</v>
      </c>
      <c r="AP1069">
        <v>14</v>
      </c>
      <c r="AQ1069">
        <v>14</v>
      </c>
    </row>
    <row r="1070" spans="1:43">
      <c r="A1070" t="s">
        <v>751</v>
      </c>
      <c r="B1070" t="s">
        <v>752</v>
      </c>
      <c r="C1070" t="s">
        <v>727</v>
      </c>
      <c r="D1070" t="s">
        <v>728</v>
      </c>
      <c r="E1070" t="s">
        <v>353</v>
      </c>
      <c r="F1070" t="s">
        <v>354</v>
      </c>
      <c r="G1070" t="s">
        <v>80</v>
      </c>
      <c r="H1070" t="s">
        <v>81</v>
      </c>
      <c r="I1070" s="2">
        <v>1</v>
      </c>
      <c r="J1070" s="2">
        <v>0</v>
      </c>
      <c r="K1070" s="2">
        <v>0</v>
      </c>
      <c r="L1070" t="s">
        <v>120</v>
      </c>
      <c r="M1070" t="s">
        <v>83</v>
      </c>
      <c r="N1070" t="s">
        <v>84</v>
      </c>
      <c r="O1070" t="s">
        <v>85</v>
      </c>
      <c r="P1070" t="s">
        <v>86</v>
      </c>
      <c r="Q1070">
        <v>39</v>
      </c>
      <c r="R1070">
        <v>40</v>
      </c>
      <c r="S1070">
        <v>40</v>
      </c>
      <c r="T1070">
        <v>41</v>
      </c>
      <c r="U1070">
        <v>41</v>
      </c>
      <c r="V1070">
        <v>41</v>
      </c>
      <c r="W1070">
        <v>42</v>
      </c>
      <c r="X1070">
        <v>42</v>
      </c>
      <c r="Y1070">
        <v>43</v>
      </c>
      <c r="Z1070">
        <v>43</v>
      </c>
      <c r="AA1070">
        <v>43</v>
      </c>
      <c r="AB1070">
        <v>44</v>
      </c>
      <c r="AC1070">
        <v>44</v>
      </c>
      <c r="AD1070">
        <v>44</v>
      </c>
      <c r="AE1070">
        <v>45</v>
      </c>
      <c r="AF1070">
        <v>45</v>
      </c>
      <c r="AG1070">
        <v>45</v>
      </c>
      <c r="AH1070">
        <v>46</v>
      </c>
      <c r="AI1070">
        <v>46</v>
      </c>
      <c r="AJ1070">
        <v>46</v>
      </c>
      <c r="AK1070">
        <v>47</v>
      </c>
      <c r="AL1070">
        <v>47</v>
      </c>
      <c r="AM1070">
        <v>47</v>
      </c>
      <c r="AN1070">
        <v>46</v>
      </c>
      <c r="AO1070">
        <v>46</v>
      </c>
      <c r="AP1070">
        <v>46</v>
      </c>
      <c r="AQ1070">
        <v>46</v>
      </c>
    </row>
    <row r="1071" spans="1:43">
      <c r="A1071" t="s">
        <v>751</v>
      </c>
      <c r="B1071" t="s">
        <v>752</v>
      </c>
      <c r="C1071" t="s">
        <v>727</v>
      </c>
      <c r="D1071" t="s">
        <v>728</v>
      </c>
      <c r="E1071" t="s">
        <v>353</v>
      </c>
      <c r="F1071" t="s">
        <v>354</v>
      </c>
      <c r="G1071" t="s">
        <v>80</v>
      </c>
      <c r="H1071" t="s">
        <v>81</v>
      </c>
      <c r="I1071" s="2">
        <v>1</v>
      </c>
      <c r="J1071" s="2">
        <v>0</v>
      </c>
      <c r="K1071" s="2">
        <v>0</v>
      </c>
      <c r="L1071" t="s">
        <v>120</v>
      </c>
      <c r="M1071" t="s">
        <v>87</v>
      </c>
      <c r="N1071" t="s">
        <v>88</v>
      </c>
      <c r="O1071" t="s">
        <v>85</v>
      </c>
      <c r="P1071" t="s">
        <v>86</v>
      </c>
      <c r="Q1071">
        <v>39</v>
      </c>
      <c r="R1071">
        <v>39</v>
      </c>
      <c r="S1071">
        <v>39</v>
      </c>
      <c r="T1071">
        <v>39</v>
      </c>
      <c r="U1071">
        <v>39</v>
      </c>
      <c r="V1071">
        <v>39</v>
      </c>
      <c r="W1071">
        <v>39</v>
      </c>
      <c r="X1071">
        <v>39</v>
      </c>
      <c r="Y1071">
        <v>39</v>
      </c>
      <c r="Z1071">
        <v>39</v>
      </c>
      <c r="AA1071">
        <v>39</v>
      </c>
      <c r="AB1071">
        <v>40</v>
      </c>
      <c r="AC1071">
        <v>40</v>
      </c>
      <c r="AD1071">
        <v>40</v>
      </c>
      <c r="AE1071">
        <v>40</v>
      </c>
      <c r="AF1071">
        <v>40</v>
      </c>
      <c r="AG1071">
        <v>40</v>
      </c>
      <c r="AH1071">
        <v>40</v>
      </c>
      <c r="AI1071">
        <v>40</v>
      </c>
      <c r="AJ1071">
        <v>40</v>
      </c>
      <c r="AK1071">
        <v>40</v>
      </c>
      <c r="AL1071">
        <v>40</v>
      </c>
      <c r="AM1071">
        <v>40</v>
      </c>
      <c r="AN1071">
        <v>40</v>
      </c>
      <c r="AO1071">
        <v>40</v>
      </c>
      <c r="AP1071">
        <v>40</v>
      </c>
      <c r="AQ1071">
        <v>40</v>
      </c>
    </row>
    <row r="1072" spans="1:43">
      <c r="A1072" t="s">
        <v>751</v>
      </c>
      <c r="B1072" t="s">
        <v>752</v>
      </c>
      <c r="C1072" t="s">
        <v>727</v>
      </c>
      <c r="D1072" t="s">
        <v>728</v>
      </c>
      <c r="E1072" t="s">
        <v>353</v>
      </c>
      <c r="F1072" t="s">
        <v>354</v>
      </c>
      <c r="G1072" t="s">
        <v>80</v>
      </c>
      <c r="H1072" t="s">
        <v>81</v>
      </c>
      <c r="I1072" s="2">
        <v>1</v>
      </c>
      <c r="J1072" s="2">
        <v>0</v>
      </c>
      <c r="K1072" s="2">
        <v>0</v>
      </c>
      <c r="L1072" t="s">
        <v>120</v>
      </c>
      <c r="M1072" t="s">
        <v>89</v>
      </c>
      <c r="N1072" t="s">
        <v>90</v>
      </c>
      <c r="O1072" t="s">
        <v>85</v>
      </c>
      <c r="P1072" t="s">
        <v>86</v>
      </c>
      <c r="Q1072">
        <v>39</v>
      </c>
      <c r="R1072">
        <v>39</v>
      </c>
      <c r="S1072">
        <v>40</v>
      </c>
      <c r="T1072">
        <v>41</v>
      </c>
      <c r="U1072">
        <v>42</v>
      </c>
      <c r="V1072">
        <v>42</v>
      </c>
      <c r="W1072">
        <v>43</v>
      </c>
      <c r="X1072">
        <v>43</v>
      </c>
      <c r="Y1072">
        <v>44</v>
      </c>
      <c r="Z1072">
        <v>45</v>
      </c>
      <c r="AA1072">
        <v>45</v>
      </c>
      <c r="AB1072">
        <v>46</v>
      </c>
      <c r="AC1072">
        <v>46</v>
      </c>
      <c r="AD1072">
        <v>47</v>
      </c>
      <c r="AE1072">
        <v>47</v>
      </c>
      <c r="AF1072">
        <v>47</v>
      </c>
      <c r="AG1072">
        <v>47</v>
      </c>
      <c r="AH1072">
        <v>47</v>
      </c>
      <c r="AI1072">
        <v>47</v>
      </c>
      <c r="AJ1072">
        <v>46</v>
      </c>
      <c r="AK1072">
        <v>46</v>
      </c>
      <c r="AL1072">
        <v>46</v>
      </c>
      <c r="AM1072">
        <v>46</v>
      </c>
      <c r="AN1072">
        <v>46</v>
      </c>
      <c r="AO1072">
        <v>46</v>
      </c>
      <c r="AP1072">
        <v>46</v>
      </c>
      <c r="AQ1072">
        <v>45</v>
      </c>
    </row>
    <row r="1073" spans="1:43">
      <c r="A1073" t="s">
        <v>751</v>
      </c>
      <c r="B1073" t="s">
        <v>752</v>
      </c>
      <c r="C1073" t="s">
        <v>727</v>
      </c>
      <c r="D1073" t="s">
        <v>728</v>
      </c>
      <c r="E1073" t="s">
        <v>353</v>
      </c>
      <c r="F1073" t="s">
        <v>354</v>
      </c>
      <c r="G1073" t="s">
        <v>80</v>
      </c>
      <c r="H1073" t="s">
        <v>81</v>
      </c>
      <c r="I1073" s="2">
        <v>1</v>
      </c>
      <c r="J1073" s="2">
        <v>0</v>
      </c>
      <c r="K1073" s="2">
        <v>0</v>
      </c>
      <c r="L1073" t="s">
        <v>120</v>
      </c>
      <c r="M1073" t="s">
        <v>83</v>
      </c>
      <c r="N1073" t="s">
        <v>91</v>
      </c>
      <c r="O1073" t="s">
        <v>85</v>
      </c>
      <c r="P1073" t="s">
        <v>86</v>
      </c>
      <c r="Q1073">
        <v>39</v>
      </c>
      <c r="R1073">
        <v>40</v>
      </c>
      <c r="S1073">
        <v>40</v>
      </c>
      <c r="T1073">
        <v>41</v>
      </c>
      <c r="U1073">
        <v>41</v>
      </c>
      <c r="V1073">
        <v>41</v>
      </c>
      <c r="W1073">
        <v>42</v>
      </c>
      <c r="X1073">
        <v>42</v>
      </c>
      <c r="Y1073">
        <v>43</v>
      </c>
      <c r="Z1073">
        <v>43</v>
      </c>
      <c r="AA1073">
        <v>43</v>
      </c>
      <c r="AB1073">
        <v>44</v>
      </c>
      <c r="AC1073">
        <v>44</v>
      </c>
      <c r="AD1073">
        <v>44</v>
      </c>
      <c r="AE1073">
        <v>45</v>
      </c>
      <c r="AF1073">
        <v>45</v>
      </c>
      <c r="AG1073">
        <v>45</v>
      </c>
      <c r="AH1073">
        <v>46</v>
      </c>
      <c r="AI1073">
        <v>46</v>
      </c>
      <c r="AJ1073">
        <v>46</v>
      </c>
      <c r="AK1073">
        <v>47</v>
      </c>
      <c r="AL1073">
        <v>47</v>
      </c>
      <c r="AM1073">
        <v>47</v>
      </c>
      <c r="AN1073">
        <v>46</v>
      </c>
      <c r="AO1073">
        <v>46</v>
      </c>
      <c r="AP1073">
        <v>46</v>
      </c>
      <c r="AQ1073">
        <v>46</v>
      </c>
    </row>
    <row r="1074" spans="1:43">
      <c r="A1074" t="s">
        <v>753</v>
      </c>
      <c r="B1074" t="s">
        <v>754</v>
      </c>
      <c r="C1074" t="s">
        <v>727</v>
      </c>
      <c r="D1074" t="s">
        <v>728</v>
      </c>
      <c r="E1074" t="s">
        <v>353</v>
      </c>
      <c r="F1074" t="s">
        <v>354</v>
      </c>
      <c r="G1074" t="s">
        <v>80</v>
      </c>
      <c r="H1074" t="s">
        <v>81</v>
      </c>
      <c r="I1074" s="2">
        <v>1</v>
      </c>
      <c r="J1074" s="2">
        <v>0</v>
      </c>
      <c r="K1074" s="2">
        <v>0</v>
      </c>
      <c r="L1074" t="s">
        <v>120</v>
      </c>
      <c r="M1074" t="s">
        <v>83</v>
      </c>
      <c r="N1074" t="s">
        <v>84</v>
      </c>
      <c r="O1074" t="s">
        <v>85</v>
      </c>
      <c r="P1074" t="s">
        <v>86</v>
      </c>
      <c r="Q1074">
        <v>57</v>
      </c>
      <c r="R1074">
        <v>58</v>
      </c>
      <c r="S1074">
        <v>59</v>
      </c>
      <c r="T1074">
        <v>59</v>
      </c>
      <c r="U1074">
        <v>60</v>
      </c>
      <c r="V1074">
        <v>60</v>
      </c>
      <c r="W1074">
        <v>61</v>
      </c>
      <c r="X1074">
        <v>62</v>
      </c>
      <c r="Y1074">
        <v>62</v>
      </c>
      <c r="Z1074">
        <v>63</v>
      </c>
      <c r="AA1074">
        <v>63</v>
      </c>
      <c r="AB1074">
        <v>64</v>
      </c>
      <c r="AC1074">
        <v>64</v>
      </c>
      <c r="AD1074">
        <v>65</v>
      </c>
      <c r="AE1074">
        <v>65</v>
      </c>
      <c r="AF1074">
        <v>66</v>
      </c>
      <c r="AG1074">
        <v>66</v>
      </c>
      <c r="AH1074">
        <v>67</v>
      </c>
      <c r="AI1074">
        <v>67</v>
      </c>
      <c r="AJ1074">
        <v>68</v>
      </c>
      <c r="AK1074">
        <v>68</v>
      </c>
      <c r="AL1074">
        <v>68</v>
      </c>
      <c r="AM1074">
        <v>68</v>
      </c>
      <c r="AN1074">
        <v>68</v>
      </c>
      <c r="AO1074">
        <v>68</v>
      </c>
      <c r="AP1074">
        <v>68</v>
      </c>
      <c r="AQ1074">
        <v>67</v>
      </c>
    </row>
    <row r="1075" spans="1:43">
      <c r="A1075" t="s">
        <v>753</v>
      </c>
      <c r="B1075" t="s">
        <v>754</v>
      </c>
      <c r="C1075" t="s">
        <v>727</v>
      </c>
      <c r="D1075" t="s">
        <v>728</v>
      </c>
      <c r="E1075" t="s">
        <v>353</v>
      </c>
      <c r="F1075" t="s">
        <v>354</v>
      </c>
      <c r="G1075" t="s">
        <v>80</v>
      </c>
      <c r="H1075" t="s">
        <v>81</v>
      </c>
      <c r="I1075" s="2">
        <v>1</v>
      </c>
      <c r="J1075" s="2">
        <v>0</v>
      </c>
      <c r="K1075" s="2">
        <v>0</v>
      </c>
      <c r="L1075" t="s">
        <v>120</v>
      </c>
      <c r="M1075" t="s">
        <v>87</v>
      </c>
      <c r="N1075" t="s">
        <v>88</v>
      </c>
      <c r="O1075" t="s">
        <v>85</v>
      </c>
      <c r="P1075" t="s">
        <v>86</v>
      </c>
      <c r="Q1075">
        <v>57</v>
      </c>
      <c r="R1075">
        <v>57</v>
      </c>
      <c r="S1075">
        <v>57</v>
      </c>
      <c r="T1075">
        <v>57</v>
      </c>
      <c r="U1075">
        <v>57</v>
      </c>
      <c r="V1075">
        <v>57</v>
      </c>
      <c r="W1075">
        <v>57</v>
      </c>
      <c r="X1075">
        <v>57</v>
      </c>
      <c r="Y1075">
        <v>58</v>
      </c>
      <c r="Z1075">
        <v>58</v>
      </c>
      <c r="AA1075">
        <v>58</v>
      </c>
      <c r="AB1075">
        <v>58</v>
      </c>
      <c r="AC1075">
        <v>58</v>
      </c>
      <c r="AD1075">
        <v>58</v>
      </c>
      <c r="AE1075">
        <v>58</v>
      </c>
      <c r="AF1075">
        <v>58</v>
      </c>
      <c r="AG1075">
        <v>58</v>
      </c>
      <c r="AH1075">
        <v>58</v>
      </c>
      <c r="AI1075">
        <v>58</v>
      </c>
      <c r="AJ1075">
        <v>58</v>
      </c>
      <c r="AK1075">
        <v>58</v>
      </c>
      <c r="AL1075">
        <v>58</v>
      </c>
      <c r="AM1075">
        <v>58</v>
      </c>
      <c r="AN1075">
        <v>58</v>
      </c>
      <c r="AO1075">
        <v>58</v>
      </c>
      <c r="AP1075">
        <v>58</v>
      </c>
      <c r="AQ1075">
        <v>58</v>
      </c>
    </row>
    <row r="1076" spans="1:43">
      <c r="A1076" t="s">
        <v>753</v>
      </c>
      <c r="B1076" t="s">
        <v>754</v>
      </c>
      <c r="C1076" t="s">
        <v>727</v>
      </c>
      <c r="D1076" t="s">
        <v>728</v>
      </c>
      <c r="E1076" t="s">
        <v>353</v>
      </c>
      <c r="F1076" t="s">
        <v>354</v>
      </c>
      <c r="G1076" t="s">
        <v>80</v>
      </c>
      <c r="H1076" t="s">
        <v>81</v>
      </c>
      <c r="I1076" s="2">
        <v>1</v>
      </c>
      <c r="J1076" s="2">
        <v>0</v>
      </c>
      <c r="K1076" s="2">
        <v>0</v>
      </c>
      <c r="L1076" t="s">
        <v>120</v>
      </c>
      <c r="M1076" t="s">
        <v>89</v>
      </c>
      <c r="N1076" t="s">
        <v>90</v>
      </c>
      <c r="O1076" t="s">
        <v>85</v>
      </c>
      <c r="P1076" t="s">
        <v>86</v>
      </c>
      <c r="Q1076">
        <v>57</v>
      </c>
      <c r="R1076">
        <v>58</v>
      </c>
      <c r="S1076">
        <v>59</v>
      </c>
      <c r="T1076">
        <v>60</v>
      </c>
      <c r="U1076">
        <v>61</v>
      </c>
      <c r="V1076">
        <v>62</v>
      </c>
      <c r="W1076">
        <v>63</v>
      </c>
      <c r="X1076">
        <v>64</v>
      </c>
      <c r="Y1076">
        <v>65</v>
      </c>
      <c r="Z1076">
        <v>66</v>
      </c>
      <c r="AA1076">
        <v>66</v>
      </c>
      <c r="AB1076">
        <v>67</v>
      </c>
      <c r="AC1076">
        <v>68</v>
      </c>
      <c r="AD1076">
        <v>69</v>
      </c>
      <c r="AE1076">
        <v>69</v>
      </c>
      <c r="AF1076">
        <v>69</v>
      </c>
      <c r="AG1076">
        <v>69</v>
      </c>
      <c r="AH1076">
        <v>69</v>
      </c>
      <c r="AI1076">
        <v>69</v>
      </c>
      <c r="AJ1076">
        <v>68</v>
      </c>
      <c r="AK1076">
        <v>68</v>
      </c>
      <c r="AL1076">
        <v>68</v>
      </c>
      <c r="AM1076">
        <v>68</v>
      </c>
      <c r="AN1076">
        <v>68</v>
      </c>
      <c r="AO1076">
        <v>67</v>
      </c>
      <c r="AP1076">
        <v>67</v>
      </c>
      <c r="AQ1076">
        <v>67</v>
      </c>
    </row>
    <row r="1077" spans="1:43">
      <c r="A1077" t="s">
        <v>753</v>
      </c>
      <c r="B1077" t="s">
        <v>754</v>
      </c>
      <c r="C1077" t="s">
        <v>727</v>
      </c>
      <c r="D1077" t="s">
        <v>728</v>
      </c>
      <c r="E1077" t="s">
        <v>353</v>
      </c>
      <c r="F1077" t="s">
        <v>354</v>
      </c>
      <c r="G1077" t="s">
        <v>80</v>
      </c>
      <c r="H1077" t="s">
        <v>81</v>
      </c>
      <c r="I1077" s="2">
        <v>1</v>
      </c>
      <c r="J1077" s="2">
        <v>0</v>
      </c>
      <c r="K1077" s="2">
        <v>0</v>
      </c>
      <c r="L1077" t="s">
        <v>120</v>
      </c>
      <c r="M1077" t="s">
        <v>83</v>
      </c>
      <c r="N1077" t="s">
        <v>91</v>
      </c>
      <c r="O1077" t="s">
        <v>85</v>
      </c>
      <c r="P1077" t="s">
        <v>86</v>
      </c>
      <c r="Q1077">
        <v>57</v>
      </c>
      <c r="R1077">
        <v>58</v>
      </c>
      <c r="S1077">
        <v>59</v>
      </c>
      <c r="T1077">
        <v>59</v>
      </c>
      <c r="U1077">
        <v>60</v>
      </c>
      <c r="V1077">
        <v>60</v>
      </c>
      <c r="W1077">
        <v>61</v>
      </c>
      <c r="X1077">
        <v>62</v>
      </c>
      <c r="Y1077">
        <v>62</v>
      </c>
      <c r="Z1077">
        <v>63</v>
      </c>
      <c r="AA1077">
        <v>63</v>
      </c>
      <c r="AB1077">
        <v>64</v>
      </c>
      <c r="AC1077">
        <v>64</v>
      </c>
      <c r="AD1077">
        <v>65</v>
      </c>
      <c r="AE1077">
        <v>65</v>
      </c>
      <c r="AF1077">
        <v>66</v>
      </c>
      <c r="AG1077">
        <v>66</v>
      </c>
      <c r="AH1077">
        <v>67</v>
      </c>
      <c r="AI1077">
        <v>67</v>
      </c>
      <c r="AJ1077">
        <v>68</v>
      </c>
      <c r="AK1077">
        <v>68</v>
      </c>
      <c r="AL1077">
        <v>68</v>
      </c>
      <c r="AM1077">
        <v>68</v>
      </c>
      <c r="AN1077">
        <v>68</v>
      </c>
      <c r="AO1077">
        <v>68</v>
      </c>
      <c r="AP1077">
        <v>68</v>
      </c>
      <c r="AQ1077">
        <v>67</v>
      </c>
    </row>
    <row r="1078" spans="1:43">
      <c r="A1078" t="s">
        <v>755</v>
      </c>
      <c r="B1078" t="s">
        <v>756</v>
      </c>
      <c r="C1078" t="s">
        <v>737</v>
      </c>
      <c r="D1078" t="s">
        <v>738</v>
      </c>
      <c r="E1078" t="s">
        <v>353</v>
      </c>
      <c r="F1078" t="s">
        <v>354</v>
      </c>
      <c r="G1078" t="s">
        <v>80</v>
      </c>
      <c r="H1078" t="s">
        <v>81</v>
      </c>
      <c r="I1078" s="2">
        <v>1</v>
      </c>
      <c r="J1078" s="2">
        <v>0</v>
      </c>
      <c r="K1078" s="2">
        <v>0</v>
      </c>
      <c r="L1078" t="s">
        <v>120</v>
      </c>
      <c r="M1078" t="s">
        <v>83</v>
      </c>
      <c r="N1078" t="s">
        <v>84</v>
      </c>
      <c r="O1078" t="s">
        <v>85</v>
      </c>
      <c r="P1078" t="s">
        <v>86</v>
      </c>
      <c r="Q1078">
        <v>11</v>
      </c>
      <c r="R1078">
        <v>11</v>
      </c>
      <c r="S1078">
        <v>11</v>
      </c>
      <c r="T1078">
        <v>11</v>
      </c>
      <c r="U1078">
        <v>11</v>
      </c>
      <c r="V1078">
        <v>12</v>
      </c>
      <c r="W1078">
        <v>12</v>
      </c>
      <c r="X1078">
        <v>12</v>
      </c>
      <c r="Y1078">
        <v>12</v>
      </c>
      <c r="Z1078">
        <v>12</v>
      </c>
      <c r="AA1078">
        <v>12</v>
      </c>
      <c r="AB1078">
        <v>12</v>
      </c>
      <c r="AC1078">
        <v>12</v>
      </c>
      <c r="AD1078">
        <v>12</v>
      </c>
      <c r="AE1078">
        <v>12</v>
      </c>
      <c r="AF1078">
        <v>12</v>
      </c>
      <c r="AG1078">
        <v>13</v>
      </c>
      <c r="AH1078">
        <v>13</v>
      </c>
      <c r="AI1078">
        <v>13</v>
      </c>
      <c r="AJ1078">
        <v>13</v>
      </c>
      <c r="AK1078">
        <v>13</v>
      </c>
      <c r="AL1078">
        <v>13</v>
      </c>
      <c r="AM1078">
        <v>13</v>
      </c>
      <c r="AN1078">
        <v>13</v>
      </c>
      <c r="AO1078">
        <v>13</v>
      </c>
      <c r="AP1078">
        <v>13</v>
      </c>
      <c r="AQ1078">
        <v>13</v>
      </c>
    </row>
    <row r="1079" spans="1:43">
      <c r="A1079" t="s">
        <v>755</v>
      </c>
      <c r="B1079" t="s">
        <v>756</v>
      </c>
      <c r="C1079" t="s">
        <v>737</v>
      </c>
      <c r="D1079" t="s">
        <v>738</v>
      </c>
      <c r="E1079" t="s">
        <v>353</v>
      </c>
      <c r="F1079" t="s">
        <v>354</v>
      </c>
      <c r="G1079" t="s">
        <v>80</v>
      </c>
      <c r="H1079" t="s">
        <v>81</v>
      </c>
      <c r="I1079" s="2">
        <v>1</v>
      </c>
      <c r="J1079" s="2">
        <v>0</v>
      </c>
      <c r="K1079" s="2">
        <v>0</v>
      </c>
      <c r="L1079" t="s">
        <v>120</v>
      </c>
      <c r="M1079" t="s">
        <v>87</v>
      </c>
      <c r="N1079" t="s">
        <v>88</v>
      </c>
      <c r="O1079" t="s">
        <v>85</v>
      </c>
      <c r="P1079" t="s">
        <v>86</v>
      </c>
      <c r="Q1079">
        <v>11</v>
      </c>
      <c r="R1079">
        <v>11</v>
      </c>
      <c r="S1079">
        <v>11</v>
      </c>
      <c r="T1079">
        <v>11</v>
      </c>
      <c r="U1079">
        <v>11</v>
      </c>
      <c r="V1079">
        <v>11</v>
      </c>
      <c r="W1079">
        <v>11</v>
      </c>
      <c r="X1079">
        <v>11</v>
      </c>
      <c r="Y1079">
        <v>11</v>
      </c>
      <c r="Z1079">
        <v>11</v>
      </c>
      <c r="AA1079">
        <v>11</v>
      </c>
      <c r="AB1079">
        <v>11</v>
      </c>
      <c r="AC1079">
        <v>11</v>
      </c>
      <c r="AD1079">
        <v>11</v>
      </c>
      <c r="AE1079">
        <v>11</v>
      </c>
      <c r="AF1079">
        <v>11</v>
      </c>
      <c r="AG1079">
        <v>11</v>
      </c>
      <c r="AH1079">
        <v>11</v>
      </c>
      <c r="AI1079">
        <v>11</v>
      </c>
      <c r="AJ1079">
        <v>11</v>
      </c>
      <c r="AK1079">
        <v>11</v>
      </c>
      <c r="AL1079">
        <v>11</v>
      </c>
      <c r="AM1079">
        <v>11</v>
      </c>
      <c r="AN1079">
        <v>11</v>
      </c>
      <c r="AO1079">
        <v>11</v>
      </c>
      <c r="AP1079">
        <v>11</v>
      </c>
      <c r="AQ1079">
        <v>11</v>
      </c>
    </row>
    <row r="1080" spans="1:43">
      <c r="A1080" t="s">
        <v>755</v>
      </c>
      <c r="B1080" t="s">
        <v>756</v>
      </c>
      <c r="C1080" t="s">
        <v>737</v>
      </c>
      <c r="D1080" t="s">
        <v>738</v>
      </c>
      <c r="E1080" t="s">
        <v>353</v>
      </c>
      <c r="F1080" t="s">
        <v>354</v>
      </c>
      <c r="G1080" t="s">
        <v>80</v>
      </c>
      <c r="H1080" t="s">
        <v>81</v>
      </c>
      <c r="I1080" s="2">
        <v>1</v>
      </c>
      <c r="J1080" s="2">
        <v>0</v>
      </c>
      <c r="K1080" s="2">
        <v>0</v>
      </c>
      <c r="L1080" t="s">
        <v>120</v>
      </c>
      <c r="M1080" t="s">
        <v>89</v>
      </c>
      <c r="N1080" t="s">
        <v>90</v>
      </c>
      <c r="O1080" t="s">
        <v>85</v>
      </c>
      <c r="P1080" t="s">
        <v>86</v>
      </c>
      <c r="Q1080">
        <v>11</v>
      </c>
      <c r="R1080">
        <v>11</v>
      </c>
      <c r="S1080">
        <v>11</v>
      </c>
      <c r="T1080">
        <v>12</v>
      </c>
      <c r="U1080">
        <v>12</v>
      </c>
      <c r="V1080">
        <v>12</v>
      </c>
      <c r="W1080">
        <v>12</v>
      </c>
      <c r="X1080">
        <v>12</v>
      </c>
      <c r="Y1080">
        <v>13</v>
      </c>
      <c r="Z1080">
        <v>13</v>
      </c>
      <c r="AA1080">
        <v>13</v>
      </c>
      <c r="AB1080">
        <v>13</v>
      </c>
      <c r="AC1080">
        <v>13</v>
      </c>
      <c r="AD1080">
        <v>13</v>
      </c>
      <c r="AE1080">
        <v>13</v>
      </c>
      <c r="AF1080">
        <v>13</v>
      </c>
      <c r="AG1080">
        <v>13</v>
      </c>
      <c r="AH1080">
        <v>13</v>
      </c>
      <c r="AI1080">
        <v>13</v>
      </c>
      <c r="AJ1080">
        <v>13</v>
      </c>
      <c r="AK1080">
        <v>13</v>
      </c>
      <c r="AL1080">
        <v>13</v>
      </c>
      <c r="AM1080">
        <v>13</v>
      </c>
      <c r="AN1080">
        <v>13</v>
      </c>
      <c r="AO1080">
        <v>13</v>
      </c>
      <c r="AP1080">
        <v>13</v>
      </c>
      <c r="AQ1080">
        <v>13</v>
      </c>
    </row>
    <row r="1081" spans="1:43">
      <c r="A1081" t="s">
        <v>755</v>
      </c>
      <c r="B1081" t="s">
        <v>756</v>
      </c>
      <c r="C1081" t="s">
        <v>737</v>
      </c>
      <c r="D1081" t="s">
        <v>738</v>
      </c>
      <c r="E1081" t="s">
        <v>353</v>
      </c>
      <c r="F1081" t="s">
        <v>354</v>
      </c>
      <c r="G1081" t="s">
        <v>80</v>
      </c>
      <c r="H1081" t="s">
        <v>81</v>
      </c>
      <c r="I1081" s="2">
        <v>1</v>
      </c>
      <c r="J1081" s="2">
        <v>0</v>
      </c>
      <c r="K1081" s="2">
        <v>0</v>
      </c>
      <c r="L1081" t="s">
        <v>120</v>
      </c>
      <c r="M1081" t="s">
        <v>83</v>
      </c>
      <c r="N1081" t="s">
        <v>91</v>
      </c>
      <c r="O1081" t="s">
        <v>85</v>
      </c>
      <c r="P1081" t="s">
        <v>86</v>
      </c>
      <c r="Q1081">
        <v>11</v>
      </c>
      <c r="R1081">
        <v>11</v>
      </c>
      <c r="S1081">
        <v>11</v>
      </c>
      <c r="T1081">
        <v>11</v>
      </c>
      <c r="U1081">
        <v>11</v>
      </c>
      <c r="V1081">
        <v>12</v>
      </c>
      <c r="W1081">
        <v>12</v>
      </c>
      <c r="X1081">
        <v>12</v>
      </c>
      <c r="Y1081">
        <v>12</v>
      </c>
      <c r="Z1081">
        <v>12</v>
      </c>
      <c r="AA1081">
        <v>12</v>
      </c>
      <c r="AB1081">
        <v>12</v>
      </c>
      <c r="AC1081">
        <v>12</v>
      </c>
      <c r="AD1081">
        <v>12</v>
      </c>
      <c r="AE1081">
        <v>12</v>
      </c>
      <c r="AF1081">
        <v>12</v>
      </c>
      <c r="AG1081">
        <v>13</v>
      </c>
      <c r="AH1081">
        <v>13</v>
      </c>
      <c r="AI1081">
        <v>13</v>
      </c>
      <c r="AJ1081">
        <v>13</v>
      </c>
      <c r="AK1081">
        <v>13</v>
      </c>
      <c r="AL1081">
        <v>13</v>
      </c>
      <c r="AM1081">
        <v>13</v>
      </c>
      <c r="AN1081">
        <v>13</v>
      </c>
      <c r="AO1081">
        <v>13</v>
      </c>
      <c r="AP1081">
        <v>13</v>
      </c>
      <c r="AQ1081">
        <v>13</v>
      </c>
    </row>
    <row r="1082" spans="1:43">
      <c r="A1082" t="s">
        <v>757</v>
      </c>
      <c r="B1082" t="s">
        <v>758</v>
      </c>
      <c r="C1082" t="s">
        <v>737</v>
      </c>
      <c r="D1082" t="s">
        <v>738</v>
      </c>
      <c r="E1082" t="s">
        <v>353</v>
      </c>
      <c r="F1082" t="s">
        <v>354</v>
      </c>
      <c r="G1082" t="s">
        <v>80</v>
      </c>
      <c r="H1082" t="s">
        <v>81</v>
      </c>
      <c r="I1082" s="2">
        <v>1</v>
      </c>
      <c r="J1082" s="2">
        <v>0</v>
      </c>
      <c r="K1082" s="2">
        <v>0</v>
      </c>
      <c r="L1082" t="s">
        <v>120</v>
      </c>
      <c r="M1082" t="s">
        <v>83</v>
      </c>
      <c r="N1082" t="s">
        <v>84</v>
      </c>
      <c r="O1082" t="s">
        <v>85</v>
      </c>
      <c r="P1082" t="s">
        <v>86</v>
      </c>
      <c r="Q1082">
        <v>36</v>
      </c>
      <c r="R1082">
        <v>37</v>
      </c>
      <c r="S1082">
        <v>37</v>
      </c>
      <c r="T1082">
        <v>37</v>
      </c>
      <c r="U1082">
        <v>38</v>
      </c>
      <c r="V1082">
        <v>38</v>
      </c>
      <c r="W1082">
        <v>38</v>
      </c>
      <c r="X1082">
        <v>39</v>
      </c>
      <c r="Y1082">
        <v>39</v>
      </c>
      <c r="Z1082">
        <v>40</v>
      </c>
      <c r="AA1082">
        <v>40</v>
      </c>
      <c r="AB1082">
        <v>40</v>
      </c>
      <c r="AC1082">
        <v>40</v>
      </c>
      <c r="AD1082">
        <v>41</v>
      </c>
      <c r="AE1082">
        <v>41</v>
      </c>
      <c r="AF1082">
        <v>41</v>
      </c>
      <c r="AG1082">
        <v>42</v>
      </c>
      <c r="AH1082">
        <v>42</v>
      </c>
      <c r="AI1082">
        <v>42</v>
      </c>
      <c r="AJ1082">
        <v>43</v>
      </c>
      <c r="AK1082">
        <v>43</v>
      </c>
      <c r="AL1082">
        <v>43</v>
      </c>
      <c r="AM1082">
        <v>43</v>
      </c>
      <c r="AN1082">
        <v>43</v>
      </c>
      <c r="AO1082">
        <v>42</v>
      </c>
      <c r="AP1082">
        <v>42</v>
      </c>
      <c r="AQ1082">
        <v>42</v>
      </c>
    </row>
    <row r="1083" spans="1:43">
      <c r="A1083" t="s">
        <v>757</v>
      </c>
      <c r="B1083" t="s">
        <v>758</v>
      </c>
      <c r="C1083" t="s">
        <v>737</v>
      </c>
      <c r="D1083" t="s">
        <v>738</v>
      </c>
      <c r="E1083" t="s">
        <v>353</v>
      </c>
      <c r="F1083" t="s">
        <v>354</v>
      </c>
      <c r="G1083" t="s">
        <v>80</v>
      </c>
      <c r="H1083" t="s">
        <v>81</v>
      </c>
      <c r="I1083" s="2">
        <v>1</v>
      </c>
      <c r="J1083" s="2">
        <v>0</v>
      </c>
      <c r="K1083" s="2">
        <v>0</v>
      </c>
      <c r="L1083" t="s">
        <v>120</v>
      </c>
      <c r="M1083" t="s">
        <v>87</v>
      </c>
      <c r="N1083" t="s">
        <v>88</v>
      </c>
      <c r="O1083" t="s">
        <v>85</v>
      </c>
      <c r="P1083" t="s">
        <v>86</v>
      </c>
      <c r="Q1083">
        <v>36</v>
      </c>
      <c r="R1083">
        <v>36</v>
      </c>
      <c r="S1083">
        <v>36</v>
      </c>
      <c r="T1083">
        <v>36</v>
      </c>
      <c r="U1083">
        <v>36</v>
      </c>
      <c r="V1083">
        <v>36</v>
      </c>
      <c r="W1083">
        <v>36</v>
      </c>
      <c r="X1083">
        <v>36</v>
      </c>
      <c r="Y1083">
        <v>36</v>
      </c>
      <c r="Z1083">
        <v>36</v>
      </c>
      <c r="AA1083">
        <v>36</v>
      </c>
      <c r="AB1083">
        <v>36</v>
      </c>
      <c r="AC1083">
        <v>36</v>
      </c>
      <c r="AD1083">
        <v>36</v>
      </c>
      <c r="AE1083">
        <v>36</v>
      </c>
      <c r="AF1083">
        <v>37</v>
      </c>
      <c r="AG1083">
        <v>37</v>
      </c>
      <c r="AH1083">
        <v>37</v>
      </c>
      <c r="AI1083">
        <v>37</v>
      </c>
      <c r="AJ1083">
        <v>37</v>
      </c>
      <c r="AK1083">
        <v>37</v>
      </c>
      <c r="AL1083">
        <v>37</v>
      </c>
      <c r="AM1083">
        <v>37</v>
      </c>
      <c r="AN1083">
        <v>37</v>
      </c>
      <c r="AO1083">
        <v>37</v>
      </c>
      <c r="AP1083">
        <v>37</v>
      </c>
      <c r="AQ1083">
        <v>37</v>
      </c>
    </row>
    <row r="1084" spans="1:43">
      <c r="A1084" t="s">
        <v>757</v>
      </c>
      <c r="B1084" t="s">
        <v>758</v>
      </c>
      <c r="C1084" t="s">
        <v>737</v>
      </c>
      <c r="D1084" t="s">
        <v>738</v>
      </c>
      <c r="E1084" t="s">
        <v>353</v>
      </c>
      <c r="F1084" t="s">
        <v>354</v>
      </c>
      <c r="G1084" t="s">
        <v>80</v>
      </c>
      <c r="H1084" t="s">
        <v>81</v>
      </c>
      <c r="I1084" s="2">
        <v>1</v>
      </c>
      <c r="J1084" s="2">
        <v>0</v>
      </c>
      <c r="K1084" s="2">
        <v>0</v>
      </c>
      <c r="L1084" t="s">
        <v>120</v>
      </c>
      <c r="M1084" t="s">
        <v>89</v>
      </c>
      <c r="N1084" t="s">
        <v>90</v>
      </c>
      <c r="O1084" t="s">
        <v>85</v>
      </c>
      <c r="P1084" t="s">
        <v>86</v>
      </c>
      <c r="Q1084">
        <v>36</v>
      </c>
      <c r="R1084">
        <v>37</v>
      </c>
      <c r="S1084">
        <v>38</v>
      </c>
      <c r="T1084">
        <v>39</v>
      </c>
      <c r="U1084">
        <v>39</v>
      </c>
      <c r="V1084">
        <v>40</v>
      </c>
      <c r="W1084">
        <v>40</v>
      </c>
      <c r="X1084">
        <v>41</v>
      </c>
      <c r="Y1084">
        <v>41</v>
      </c>
      <c r="Z1084">
        <v>42</v>
      </c>
      <c r="AA1084">
        <v>42</v>
      </c>
      <c r="AB1084">
        <v>43</v>
      </c>
      <c r="AC1084">
        <v>43</v>
      </c>
      <c r="AD1084">
        <v>44</v>
      </c>
      <c r="AE1084">
        <v>44</v>
      </c>
      <c r="AF1084">
        <v>44</v>
      </c>
      <c r="AG1084">
        <v>44</v>
      </c>
      <c r="AH1084">
        <v>44</v>
      </c>
      <c r="AI1084">
        <v>44</v>
      </c>
      <c r="AJ1084">
        <v>43</v>
      </c>
      <c r="AK1084">
        <v>43</v>
      </c>
      <c r="AL1084">
        <v>43</v>
      </c>
      <c r="AM1084">
        <v>43</v>
      </c>
      <c r="AN1084">
        <v>43</v>
      </c>
      <c r="AO1084">
        <v>43</v>
      </c>
      <c r="AP1084">
        <v>43</v>
      </c>
      <c r="AQ1084">
        <v>43</v>
      </c>
    </row>
    <row r="1085" spans="1:43">
      <c r="A1085" t="s">
        <v>757</v>
      </c>
      <c r="B1085" t="s">
        <v>758</v>
      </c>
      <c r="C1085" t="s">
        <v>737</v>
      </c>
      <c r="D1085" t="s">
        <v>738</v>
      </c>
      <c r="E1085" t="s">
        <v>353</v>
      </c>
      <c r="F1085" t="s">
        <v>354</v>
      </c>
      <c r="G1085" t="s">
        <v>80</v>
      </c>
      <c r="H1085" t="s">
        <v>81</v>
      </c>
      <c r="I1085" s="2">
        <v>1</v>
      </c>
      <c r="J1085" s="2">
        <v>0</v>
      </c>
      <c r="K1085" s="2">
        <v>0</v>
      </c>
      <c r="L1085" t="s">
        <v>120</v>
      </c>
      <c r="M1085" t="s">
        <v>83</v>
      </c>
      <c r="N1085" t="s">
        <v>91</v>
      </c>
      <c r="O1085" t="s">
        <v>85</v>
      </c>
      <c r="P1085" t="s">
        <v>86</v>
      </c>
      <c r="Q1085">
        <v>36</v>
      </c>
      <c r="R1085">
        <v>37</v>
      </c>
      <c r="S1085">
        <v>37</v>
      </c>
      <c r="T1085">
        <v>37</v>
      </c>
      <c r="U1085">
        <v>38</v>
      </c>
      <c r="V1085">
        <v>38</v>
      </c>
      <c r="W1085">
        <v>38</v>
      </c>
      <c r="X1085">
        <v>39</v>
      </c>
      <c r="Y1085">
        <v>39</v>
      </c>
      <c r="Z1085">
        <v>40</v>
      </c>
      <c r="AA1085">
        <v>40</v>
      </c>
      <c r="AB1085">
        <v>40</v>
      </c>
      <c r="AC1085">
        <v>40</v>
      </c>
      <c r="AD1085">
        <v>41</v>
      </c>
      <c r="AE1085">
        <v>41</v>
      </c>
      <c r="AF1085">
        <v>41</v>
      </c>
      <c r="AG1085">
        <v>42</v>
      </c>
      <c r="AH1085">
        <v>42</v>
      </c>
      <c r="AI1085">
        <v>42</v>
      </c>
      <c r="AJ1085">
        <v>43</v>
      </c>
      <c r="AK1085">
        <v>43</v>
      </c>
      <c r="AL1085">
        <v>43</v>
      </c>
      <c r="AM1085">
        <v>43</v>
      </c>
      <c r="AN1085">
        <v>43</v>
      </c>
      <c r="AO1085">
        <v>42</v>
      </c>
      <c r="AP1085">
        <v>42</v>
      </c>
      <c r="AQ1085">
        <v>42</v>
      </c>
    </row>
    <row r="1086" spans="1:43">
      <c r="A1086" t="s">
        <v>759</v>
      </c>
      <c r="B1086" t="s">
        <v>760</v>
      </c>
      <c r="C1086" t="s">
        <v>761</v>
      </c>
      <c r="D1086" t="s">
        <v>762</v>
      </c>
      <c r="E1086" t="s">
        <v>353</v>
      </c>
      <c r="F1086" t="s">
        <v>354</v>
      </c>
      <c r="G1086" t="s">
        <v>80</v>
      </c>
      <c r="H1086" t="s">
        <v>81</v>
      </c>
      <c r="I1086" s="2">
        <v>1</v>
      </c>
      <c r="J1086" s="2">
        <v>0</v>
      </c>
      <c r="K1086" s="2">
        <v>0</v>
      </c>
      <c r="L1086" t="s">
        <v>120</v>
      </c>
      <c r="M1086" t="s">
        <v>83</v>
      </c>
      <c r="N1086" t="s">
        <v>84</v>
      </c>
      <c r="O1086" t="s">
        <v>85</v>
      </c>
      <c r="P1086" t="s">
        <v>86</v>
      </c>
      <c r="Q1086">
        <v>11</v>
      </c>
      <c r="R1086">
        <v>11</v>
      </c>
      <c r="S1086">
        <v>11</v>
      </c>
      <c r="T1086">
        <v>11</v>
      </c>
      <c r="U1086">
        <v>11</v>
      </c>
      <c r="V1086">
        <v>11</v>
      </c>
      <c r="W1086">
        <v>11</v>
      </c>
      <c r="X1086">
        <v>12</v>
      </c>
      <c r="Y1086">
        <v>12</v>
      </c>
      <c r="Z1086">
        <v>12</v>
      </c>
      <c r="AA1086">
        <v>12</v>
      </c>
      <c r="AB1086">
        <v>12</v>
      </c>
      <c r="AC1086">
        <v>12</v>
      </c>
      <c r="AD1086">
        <v>12</v>
      </c>
      <c r="AE1086">
        <v>12</v>
      </c>
      <c r="AF1086">
        <v>12</v>
      </c>
      <c r="AG1086">
        <v>12</v>
      </c>
      <c r="AH1086">
        <v>12</v>
      </c>
      <c r="AI1086">
        <v>12</v>
      </c>
      <c r="AJ1086">
        <v>13</v>
      </c>
      <c r="AK1086">
        <v>13</v>
      </c>
      <c r="AL1086">
        <v>13</v>
      </c>
      <c r="AM1086">
        <v>13</v>
      </c>
      <c r="AN1086">
        <v>13</v>
      </c>
      <c r="AO1086">
        <v>12</v>
      </c>
      <c r="AP1086">
        <v>12</v>
      </c>
      <c r="AQ1086">
        <v>12</v>
      </c>
    </row>
    <row r="1087" spans="1:43">
      <c r="A1087" t="s">
        <v>759</v>
      </c>
      <c r="B1087" t="s">
        <v>760</v>
      </c>
      <c r="C1087" t="s">
        <v>761</v>
      </c>
      <c r="D1087" t="s">
        <v>762</v>
      </c>
      <c r="E1087" t="s">
        <v>353</v>
      </c>
      <c r="F1087" t="s">
        <v>354</v>
      </c>
      <c r="G1087" t="s">
        <v>80</v>
      </c>
      <c r="H1087" t="s">
        <v>81</v>
      </c>
      <c r="I1087" s="2">
        <v>1</v>
      </c>
      <c r="J1087" s="2">
        <v>0</v>
      </c>
      <c r="K1087" s="2">
        <v>0</v>
      </c>
      <c r="L1087" t="s">
        <v>120</v>
      </c>
      <c r="M1087" t="s">
        <v>87</v>
      </c>
      <c r="N1087" t="s">
        <v>88</v>
      </c>
      <c r="O1087" t="s">
        <v>85</v>
      </c>
      <c r="P1087" t="s">
        <v>86</v>
      </c>
      <c r="Q1087">
        <v>11</v>
      </c>
      <c r="R1087">
        <v>11</v>
      </c>
      <c r="S1087">
        <v>11</v>
      </c>
      <c r="T1087">
        <v>11</v>
      </c>
      <c r="U1087">
        <v>11</v>
      </c>
      <c r="V1087">
        <v>11</v>
      </c>
      <c r="W1087">
        <v>11</v>
      </c>
      <c r="X1087">
        <v>11</v>
      </c>
      <c r="Y1087">
        <v>11</v>
      </c>
      <c r="Z1087">
        <v>11</v>
      </c>
      <c r="AA1087">
        <v>11</v>
      </c>
      <c r="AB1087">
        <v>11</v>
      </c>
      <c r="AC1087">
        <v>11</v>
      </c>
      <c r="AD1087">
        <v>11</v>
      </c>
      <c r="AE1087">
        <v>11</v>
      </c>
      <c r="AF1087">
        <v>11</v>
      </c>
      <c r="AG1087">
        <v>11</v>
      </c>
      <c r="AH1087">
        <v>11</v>
      </c>
      <c r="AI1087">
        <v>11</v>
      </c>
      <c r="AJ1087">
        <v>11</v>
      </c>
      <c r="AK1087">
        <v>11</v>
      </c>
      <c r="AL1087">
        <v>11</v>
      </c>
      <c r="AM1087">
        <v>11</v>
      </c>
      <c r="AN1087">
        <v>11</v>
      </c>
      <c r="AO1087">
        <v>11</v>
      </c>
      <c r="AP1087">
        <v>11</v>
      </c>
      <c r="AQ1087">
        <v>11</v>
      </c>
    </row>
    <row r="1088" spans="1:43">
      <c r="A1088" t="s">
        <v>759</v>
      </c>
      <c r="B1088" t="s">
        <v>760</v>
      </c>
      <c r="C1088" t="s">
        <v>761</v>
      </c>
      <c r="D1088" t="s">
        <v>762</v>
      </c>
      <c r="E1088" t="s">
        <v>353</v>
      </c>
      <c r="F1088" t="s">
        <v>354</v>
      </c>
      <c r="G1088" t="s">
        <v>80</v>
      </c>
      <c r="H1088" t="s">
        <v>81</v>
      </c>
      <c r="I1088" s="2">
        <v>1</v>
      </c>
      <c r="J1088" s="2">
        <v>0</v>
      </c>
      <c r="K1088" s="2">
        <v>0</v>
      </c>
      <c r="L1088" t="s">
        <v>120</v>
      </c>
      <c r="M1088" t="s">
        <v>89</v>
      </c>
      <c r="N1088" t="s">
        <v>90</v>
      </c>
      <c r="O1088" t="s">
        <v>85</v>
      </c>
      <c r="P1088" t="s">
        <v>86</v>
      </c>
      <c r="Q1088">
        <v>11</v>
      </c>
      <c r="R1088">
        <v>11</v>
      </c>
      <c r="S1088">
        <v>11</v>
      </c>
      <c r="T1088">
        <v>11</v>
      </c>
      <c r="U1088">
        <v>12</v>
      </c>
      <c r="V1088">
        <v>12</v>
      </c>
      <c r="W1088">
        <v>12</v>
      </c>
      <c r="X1088">
        <v>12</v>
      </c>
      <c r="Y1088">
        <v>12</v>
      </c>
      <c r="Z1088">
        <v>12</v>
      </c>
      <c r="AA1088">
        <v>13</v>
      </c>
      <c r="AB1088">
        <v>13</v>
      </c>
      <c r="AC1088">
        <v>13</v>
      </c>
      <c r="AD1088">
        <v>13</v>
      </c>
      <c r="AE1088">
        <v>13</v>
      </c>
      <c r="AF1088">
        <v>13</v>
      </c>
      <c r="AG1088">
        <v>13</v>
      </c>
      <c r="AH1088">
        <v>13</v>
      </c>
      <c r="AI1088">
        <v>13</v>
      </c>
      <c r="AJ1088">
        <v>13</v>
      </c>
      <c r="AK1088">
        <v>13</v>
      </c>
      <c r="AL1088">
        <v>13</v>
      </c>
      <c r="AM1088">
        <v>13</v>
      </c>
      <c r="AN1088">
        <v>13</v>
      </c>
      <c r="AO1088">
        <v>13</v>
      </c>
      <c r="AP1088">
        <v>12</v>
      </c>
      <c r="AQ1088">
        <v>12</v>
      </c>
    </row>
    <row r="1089" spans="1:43">
      <c r="A1089" t="s">
        <v>759</v>
      </c>
      <c r="B1089" t="s">
        <v>760</v>
      </c>
      <c r="C1089" t="s">
        <v>761</v>
      </c>
      <c r="D1089" t="s">
        <v>762</v>
      </c>
      <c r="E1089" t="s">
        <v>353</v>
      </c>
      <c r="F1089" t="s">
        <v>354</v>
      </c>
      <c r="G1089" t="s">
        <v>80</v>
      </c>
      <c r="H1089" t="s">
        <v>81</v>
      </c>
      <c r="I1089" s="2">
        <v>1</v>
      </c>
      <c r="J1089" s="2">
        <v>0</v>
      </c>
      <c r="K1089" s="2">
        <v>0</v>
      </c>
      <c r="L1089" t="s">
        <v>120</v>
      </c>
      <c r="M1089" t="s">
        <v>83</v>
      </c>
      <c r="N1089" t="s">
        <v>91</v>
      </c>
      <c r="O1089" t="s">
        <v>85</v>
      </c>
      <c r="P1089" t="s">
        <v>86</v>
      </c>
      <c r="Q1089">
        <v>11</v>
      </c>
      <c r="R1089">
        <v>11</v>
      </c>
      <c r="S1089">
        <v>11</v>
      </c>
      <c r="T1089">
        <v>11</v>
      </c>
      <c r="U1089">
        <v>11</v>
      </c>
      <c r="V1089">
        <v>11</v>
      </c>
      <c r="W1089">
        <v>11</v>
      </c>
      <c r="X1089">
        <v>12</v>
      </c>
      <c r="Y1089">
        <v>12</v>
      </c>
      <c r="Z1089">
        <v>12</v>
      </c>
      <c r="AA1089">
        <v>12</v>
      </c>
      <c r="AB1089">
        <v>12</v>
      </c>
      <c r="AC1089">
        <v>12</v>
      </c>
      <c r="AD1089">
        <v>12</v>
      </c>
      <c r="AE1089">
        <v>12</v>
      </c>
      <c r="AF1089">
        <v>12</v>
      </c>
      <c r="AG1089">
        <v>12</v>
      </c>
      <c r="AH1089">
        <v>12</v>
      </c>
      <c r="AI1089">
        <v>12</v>
      </c>
      <c r="AJ1089">
        <v>13</v>
      </c>
      <c r="AK1089">
        <v>13</v>
      </c>
      <c r="AL1089">
        <v>13</v>
      </c>
      <c r="AM1089">
        <v>13</v>
      </c>
      <c r="AN1089">
        <v>13</v>
      </c>
      <c r="AO1089">
        <v>12</v>
      </c>
      <c r="AP1089">
        <v>12</v>
      </c>
      <c r="AQ1089">
        <v>12</v>
      </c>
    </row>
    <row r="1090" spans="1:43">
      <c r="A1090" t="s">
        <v>763</v>
      </c>
      <c r="B1090" t="s">
        <v>764</v>
      </c>
      <c r="C1090" t="s">
        <v>625</v>
      </c>
      <c r="D1090" t="s">
        <v>626</v>
      </c>
      <c r="E1090" t="s">
        <v>353</v>
      </c>
      <c r="F1090" t="s">
        <v>354</v>
      </c>
      <c r="G1090" t="s">
        <v>80</v>
      </c>
      <c r="H1090" t="s">
        <v>81</v>
      </c>
      <c r="I1090" s="2">
        <v>1</v>
      </c>
      <c r="J1090" s="2">
        <v>0</v>
      </c>
      <c r="K1090" s="2">
        <v>0</v>
      </c>
      <c r="L1090" t="s">
        <v>120</v>
      </c>
      <c r="M1090" t="s">
        <v>83</v>
      </c>
      <c r="N1090" t="s">
        <v>84</v>
      </c>
      <c r="O1090" t="s">
        <v>85</v>
      </c>
      <c r="P1090" t="s">
        <v>86</v>
      </c>
      <c r="Q1090">
        <v>11</v>
      </c>
      <c r="R1090">
        <v>11</v>
      </c>
      <c r="S1090">
        <v>11</v>
      </c>
      <c r="T1090">
        <v>11</v>
      </c>
      <c r="U1090">
        <v>11</v>
      </c>
      <c r="V1090">
        <v>11</v>
      </c>
      <c r="W1090">
        <v>11</v>
      </c>
      <c r="X1090">
        <v>11</v>
      </c>
      <c r="Y1090">
        <v>11</v>
      </c>
      <c r="Z1090">
        <v>12</v>
      </c>
      <c r="AA1090">
        <v>12</v>
      </c>
      <c r="AB1090">
        <v>12</v>
      </c>
      <c r="AC1090">
        <v>12</v>
      </c>
      <c r="AD1090">
        <v>12</v>
      </c>
      <c r="AE1090">
        <v>12</v>
      </c>
      <c r="AF1090">
        <v>12</v>
      </c>
      <c r="AG1090">
        <v>12</v>
      </c>
      <c r="AH1090">
        <v>12</v>
      </c>
      <c r="AI1090">
        <v>12</v>
      </c>
      <c r="AJ1090">
        <v>12</v>
      </c>
      <c r="AK1090">
        <v>12</v>
      </c>
      <c r="AL1090">
        <v>12</v>
      </c>
      <c r="AM1090">
        <v>12</v>
      </c>
      <c r="AN1090">
        <v>12</v>
      </c>
      <c r="AO1090">
        <v>12</v>
      </c>
      <c r="AP1090">
        <v>12</v>
      </c>
      <c r="AQ1090">
        <v>12</v>
      </c>
    </row>
    <row r="1091" spans="1:43">
      <c r="A1091" t="s">
        <v>763</v>
      </c>
      <c r="B1091" t="s">
        <v>764</v>
      </c>
      <c r="C1091" t="s">
        <v>625</v>
      </c>
      <c r="D1091" t="s">
        <v>626</v>
      </c>
      <c r="E1091" t="s">
        <v>353</v>
      </c>
      <c r="F1091" t="s">
        <v>354</v>
      </c>
      <c r="G1091" t="s">
        <v>80</v>
      </c>
      <c r="H1091" t="s">
        <v>81</v>
      </c>
      <c r="I1091" s="2">
        <v>1</v>
      </c>
      <c r="J1091" s="2">
        <v>0</v>
      </c>
      <c r="K1091" s="2">
        <v>0</v>
      </c>
      <c r="L1091" t="s">
        <v>120</v>
      </c>
      <c r="M1091" t="s">
        <v>87</v>
      </c>
      <c r="N1091" t="s">
        <v>88</v>
      </c>
      <c r="O1091" t="s">
        <v>85</v>
      </c>
      <c r="P1091" t="s">
        <v>86</v>
      </c>
      <c r="Q1091">
        <v>11</v>
      </c>
      <c r="R1091">
        <v>12</v>
      </c>
      <c r="S1091">
        <v>12</v>
      </c>
      <c r="T1091">
        <v>12</v>
      </c>
      <c r="U1091">
        <v>12</v>
      </c>
      <c r="V1091">
        <v>12</v>
      </c>
      <c r="W1091">
        <v>12</v>
      </c>
      <c r="X1091">
        <v>12</v>
      </c>
      <c r="Y1091">
        <v>12</v>
      </c>
      <c r="Z1091">
        <v>12</v>
      </c>
      <c r="AA1091">
        <v>12</v>
      </c>
      <c r="AB1091">
        <v>12</v>
      </c>
      <c r="AC1091">
        <v>12</v>
      </c>
      <c r="AD1091">
        <v>12</v>
      </c>
      <c r="AE1091">
        <v>12</v>
      </c>
      <c r="AF1091">
        <v>12</v>
      </c>
      <c r="AG1091">
        <v>12</v>
      </c>
      <c r="AH1091">
        <v>12</v>
      </c>
      <c r="AI1091">
        <v>12</v>
      </c>
      <c r="AJ1091">
        <v>12</v>
      </c>
      <c r="AK1091">
        <v>12</v>
      </c>
      <c r="AL1091">
        <v>12</v>
      </c>
      <c r="AM1091">
        <v>12</v>
      </c>
      <c r="AN1091">
        <v>12</v>
      </c>
      <c r="AO1091">
        <v>12</v>
      </c>
      <c r="AP1091">
        <v>12</v>
      </c>
      <c r="AQ1091">
        <v>12</v>
      </c>
    </row>
    <row r="1092" spans="1:43">
      <c r="A1092" t="s">
        <v>763</v>
      </c>
      <c r="B1092" t="s">
        <v>764</v>
      </c>
      <c r="C1092" t="s">
        <v>625</v>
      </c>
      <c r="D1092" t="s">
        <v>626</v>
      </c>
      <c r="E1092" t="s">
        <v>353</v>
      </c>
      <c r="F1092" t="s">
        <v>354</v>
      </c>
      <c r="G1092" t="s">
        <v>80</v>
      </c>
      <c r="H1092" t="s">
        <v>81</v>
      </c>
      <c r="I1092" s="2">
        <v>1</v>
      </c>
      <c r="J1092" s="2">
        <v>0</v>
      </c>
      <c r="K1092" s="2">
        <v>0</v>
      </c>
      <c r="L1092" t="s">
        <v>120</v>
      </c>
      <c r="M1092" t="s">
        <v>89</v>
      </c>
      <c r="N1092" t="s">
        <v>90</v>
      </c>
      <c r="O1092" t="s">
        <v>85</v>
      </c>
      <c r="P1092" t="s">
        <v>86</v>
      </c>
      <c r="Q1092">
        <v>11</v>
      </c>
      <c r="R1092">
        <v>11</v>
      </c>
      <c r="S1092">
        <v>11</v>
      </c>
      <c r="T1092">
        <v>11</v>
      </c>
      <c r="U1092">
        <v>11</v>
      </c>
      <c r="V1092">
        <v>12</v>
      </c>
      <c r="W1092">
        <v>12</v>
      </c>
      <c r="X1092">
        <v>12</v>
      </c>
      <c r="Y1092">
        <v>12</v>
      </c>
      <c r="Z1092">
        <v>12</v>
      </c>
      <c r="AA1092">
        <v>12</v>
      </c>
      <c r="AB1092">
        <v>12</v>
      </c>
      <c r="AC1092">
        <v>13</v>
      </c>
      <c r="AD1092">
        <v>13</v>
      </c>
      <c r="AE1092">
        <v>13</v>
      </c>
      <c r="AF1092">
        <v>13</v>
      </c>
      <c r="AG1092">
        <v>13</v>
      </c>
      <c r="AH1092">
        <v>13</v>
      </c>
      <c r="AI1092">
        <v>13</v>
      </c>
      <c r="AJ1092">
        <v>13</v>
      </c>
      <c r="AK1092">
        <v>13</v>
      </c>
      <c r="AL1092">
        <v>13</v>
      </c>
      <c r="AM1092">
        <v>12</v>
      </c>
      <c r="AN1092">
        <v>12</v>
      </c>
      <c r="AO1092">
        <v>12</v>
      </c>
      <c r="AP1092">
        <v>12</v>
      </c>
      <c r="AQ1092">
        <v>12</v>
      </c>
    </row>
    <row r="1093" spans="1:43">
      <c r="A1093" t="s">
        <v>763</v>
      </c>
      <c r="B1093" t="s">
        <v>764</v>
      </c>
      <c r="C1093" t="s">
        <v>625</v>
      </c>
      <c r="D1093" t="s">
        <v>626</v>
      </c>
      <c r="E1093" t="s">
        <v>353</v>
      </c>
      <c r="F1093" t="s">
        <v>354</v>
      </c>
      <c r="G1093" t="s">
        <v>80</v>
      </c>
      <c r="H1093" t="s">
        <v>81</v>
      </c>
      <c r="I1093" s="2">
        <v>1</v>
      </c>
      <c r="J1093" s="2">
        <v>0</v>
      </c>
      <c r="K1093" s="2">
        <v>0</v>
      </c>
      <c r="L1093" t="s">
        <v>120</v>
      </c>
      <c r="M1093" t="s">
        <v>83</v>
      </c>
      <c r="N1093" t="s">
        <v>91</v>
      </c>
      <c r="O1093" t="s">
        <v>85</v>
      </c>
      <c r="P1093" t="s">
        <v>86</v>
      </c>
      <c r="Q1093">
        <v>11</v>
      </c>
      <c r="R1093">
        <v>11</v>
      </c>
      <c r="S1093">
        <v>11</v>
      </c>
      <c r="T1093">
        <v>11</v>
      </c>
      <c r="U1093">
        <v>11</v>
      </c>
      <c r="V1093">
        <v>11</v>
      </c>
      <c r="W1093">
        <v>11</v>
      </c>
      <c r="X1093">
        <v>11</v>
      </c>
      <c r="Y1093">
        <v>11</v>
      </c>
      <c r="Z1093">
        <v>12</v>
      </c>
      <c r="AA1093">
        <v>12</v>
      </c>
      <c r="AB1093">
        <v>12</v>
      </c>
      <c r="AC1093">
        <v>12</v>
      </c>
      <c r="AD1093">
        <v>12</v>
      </c>
      <c r="AE1093">
        <v>12</v>
      </c>
      <c r="AF1093">
        <v>12</v>
      </c>
      <c r="AG1093">
        <v>12</v>
      </c>
      <c r="AH1093">
        <v>12</v>
      </c>
      <c r="AI1093">
        <v>12</v>
      </c>
      <c r="AJ1093">
        <v>12</v>
      </c>
      <c r="AK1093">
        <v>12</v>
      </c>
      <c r="AL1093">
        <v>12</v>
      </c>
      <c r="AM1093">
        <v>12</v>
      </c>
      <c r="AN1093">
        <v>12</v>
      </c>
      <c r="AO1093">
        <v>12</v>
      </c>
      <c r="AP1093">
        <v>12</v>
      </c>
      <c r="AQ1093">
        <v>12</v>
      </c>
    </row>
    <row r="1094" spans="1:43">
      <c r="A1094" t="s">
        <v>765</v>
      </c>
      <c r="B1094" t="s">
        <v>766</v>
      </c>
      <c r="C1094" t="s">
        <v>761</v>
      </c>
      <c r="D1094" t="s">
        <v>762</v>
      </c>
      <c r="E1094" t="s">
        <v>353</v>
      </c>
      <c r="F1094" t="s">
        <v>354</v>
      </c>
      <c r="G1094" t="s">
        <v>80</v>
      </c>
      <c r="H1094" t="s">
        <v>81</v>
      </c>
      <c r="I1094" s="2">
        <v>1</v>
      </c>
      <c r="J1094" s="2">
        <v>0</v>
      </c>
      <c r="K1094" s="2">
        <v>0</v>
      </c>
      <c r="L1094" t="s">
        <v>120</v>
      </c>
      <c r="M1094" t="s">
        <v>83</v>
      </c>
      <c r="N1094" t="s">
        <v>84</v>
      </c>
      <c r="O1094" t="s">
        <v>85</v>
      </c>
      <c r="P1094" t="s">
        <v>86</v>
      </c>
      <c r="Q1094">
        <v>31</v>
      </c>
      <c r="R1094">
        <v>32</v>
      </c>
      <c r="S1094">
        <v>32</v>
      </c>
      <c r="T1094">
        <v>32</v>
      </c>
      <c r="U1094">
        <v>33</v>
      </c>
      <c r="V1094">
        <v>33</v>
      </c>
      <c r="W1094">
        <v>33</v>
      </c>
      <c r="X1094">
        <v>34</v>
      </c>
      <c r="Y1094">
        <v>34</v>
      </c>
      <c r="Z1094">
        <v>34</v>
      </c>
      <c r="AA1094">
        <v>35</v>
      </c>
      <c r="AB1094">
        <v>35</v>
      </c>
      <c r="AC1094">
        <v>35</v>
      </c>
      <c r="AD1094">
        <v>35</v>
      </c>
      <c r="AE1094">
        <v>36</v>
      </c>
      <c r="AF1094">
        <v>36</v>
      </c>
      <c r="AG1094">
        <v>36</v>
      </c>
      <c r="AH1094">
        <v>36</v>
      </c>
      <c r="AI1094">
        <v>37</v>
      </c>
      <c r="AJ1094">
        <v>37</v>
      </c>
      <c r="AK1094">
        <v>37</v>
      </c>
      <c r="AL1094">
        <v>37</v>
      </c>
      <c r="AM1094">
        <v>37</v>
      </c>
      <c r="AN1094">
        <v>37</v>
      </c>
      <c r="AO1094">
        <v>37</v>
      </c>
      <c r="AP1094">
        <v>36</v>
      </c>
      <c r="AQ1094">
        <v>36</v>
      </c>
    </row>
    <row r="1095" spans="1:43">
      <c r="A1095" t="s">
        <v>765</v>
      </c>
      <c r="B1095" t="s">
        <v>766</v>
      </c>
      <c r="C1095" t="s">
        <v>761</v>
      </c>
      <c r="D1095" t="s">
        <v>762</v>
      </c>
      <c r="E1095" t="s">
        <v>353</v>
      </c>
      <c r="F1095" t="s">
        <v>354</v>
      </c>
      <c r="G1095" t="s">
        <v>80</v>
      </c>
      <c r="H1095" t="s">
        <v>81</v>
      </c>
      <c r="I1095" s="2">
        <v>1</v>
      </c>
      <c r="J1095" s="2">
        <v>0</v>
      </c>
      <c r="K1095" s="2">
        <v>0</v>
      </c>
      <c r="L1095" t="s">
        <v>120</v>
      </c>
      <c r="M1095" t="s">
        <v>87</v>
      </c>
      <c r="N1095" t="s">
        <v>88</v>
      </c>
      <c r="O1095" t="s">
        <v>85</v>
      </c>
      <c r="P1095" t="s">
        <v>86</v>
      </c>
      <c r="Q1095">
        <v>31</v>
      </c>
      <c r="R1095">
        <v>31</v>
      </c>
      <c r="S1095">
        <v>31</v>
      </c>
      <c r="T1095">
        <v>31</v>
      </c>
      <c r="U1095">
        <v>31</v>
      </c>
      <c r="V1095">
        <v>31</v>
      </c>
      <c r="W1095">
        <v>31</v>
      </c>
      <c r="X1095">
        <v>31</v>
      </c>
      <c r="Y1095">
        <v>31</v>
      </c>
      <c r="Z1095">
        <v>31</v>
      </c>
      <c r="AA1095">
        <v>32</v>
      </c>
      <c r="AB1095">
        <v>32</v>
      </c>
      <c r="AC1095">
        <v>32</v>
      </c>
      <c r="AD1095">
        <v>32</v>
      </c>
      <c r="AE1095">
        <v>32</v>
      </c>
      <c r="AF1095">
        <v>32</v>
      </c>
      <c r="AG1095">
        <v>32</v>
      </c>
      <c r="AH1095">
        <v>32</v>
      </c>
      <c r="AI1095">
        <v>32</v>
      </c>
      <c r="AJ1095">
        <v>32</v>
      </c>
      <c r="AK1095">
        <v>32</v>
      </c>
      <c r="AL1095">
        <v>32</v>
      </c>
      <c r="AM1095">
        <v>32</v>
      </c>
      <c r="AN1095">
        <v>32</v>
      </c>
      <c r="AO1095">
        <v>32</v>
      </c>
      <c r="AP1095">
        <v>32</v>
      </c>
      <c r="AQ1095">
        <v>32</v>
      </c>
    </row>
    <row r="1096" spans="1:43">
      <c r="A1096" t="s">
        <v>765</v>
      </c>
      <c r="B1096" t="s">
        <v>766</v>
      </c>
      <c r="C1096" t="s">
        <v>761</v>
      </c>
      <c r="D1096" t="s">
        <v>762</v>
      </c>
      <c r="E1096" t="s">
        <v>353</v>
      </c>
      <c r="F1096" t="s">
        <v>354</v>
      </c>
      <c r="G1096" t="s">
        <v>80</v>
      </c>
      <c r="H1096" t="s">
        <v>81</v>
      </c>
      <c r="I1096" s="2">
        <v>1</v>
      </c>
      <c r="J1096" s="2">
        <v>0</v>
      </c>
      <c r="K1096" s="2">
        <v>0</v>
      </c>
      <c r="L1096" t="s">
        <v>120</v>
      </c>
      <c r="M1096" t="s">
        <v>89</v>
      </c>
      <c r="N1096" t="s">
        <v>90</v>
      </c>
      <c r="O1096" t="s">
        <v>85</v>
      </c>
      <c r="P1096" t="s">
        <v>86</v>
      </c>
      <c r="Q1096">
        <v>31</v>
      </c>
      <c r="R1096">
        <v>31</v>
      </c>
      <c r="S1096">
        <v>32</v>
      </c>
      <c r="T1096">
        <v>33</v>
      </c>
      <c r="U1096">
        <v>33</v>
      </c>
      <c r="V1096">
        <v>34</v>
      </c>
      <c r="W1096">
        <v>34</v>
      </c>
      <c r="X1096">
        <v>34</v>
      </c>
      <c r="Y1096">
        <v>35</v>
      </c>
      <c r="Z1096">
        <v>35</v>
      </c>
      <c r="AA1096">
        <v>36</v>
      </c>
      <c r="AB1096">
        <v>36</v>
      </c>
      <c r="AC1096">
        <v>37</v>
      </c>
      <c r="AD1096">
        <v>37</v>
      </c>
      <c r="AE1096">
        <v>37</v>
      </c>
      <c r="AF1096">
        <v>37</v>
      </c>
      <c r="AG1096">
        <v>37</v>
      </c>
      <c r="AH1096">
        <v>37</v>
      </c>
      <c r="AI1096">
        <v>37</v>
      </c>
      <c r="AJ1096">
        <v>36</v>
      </c>
      <c r="AK1096">
        <v>36</v>
      </c>
      <c r="AL1096">
        <v>36</v>
      </c>
      <c r="AM1096">
        <v>36</v>
      </c>
      <c r="AN1096">
        <v>36</v>
      </c>
      <c r="AO1096">
        <v>36</v>
      </c>
      <c r="AP1096">
        <v>36</v>
      </c>
      <c r="AQ1096">
        <v>35</v>
      </c>
    </row>
    <row r="1097" spans="1:43">
      <c r="A1097" t="s">
        <v>765</v>
      </c>
      <c r="B1097" t="s">
        <v>766</v>
      </c>
      <c r="C1097" t="s">
        <v>761</v>
      </c>
      <c r="D1097" t="s">
        <v>762</v>
      </c>
      <c r="E1097" t="s">
        <v>353</v>
      </c>
      <c r="F1097" t="s">
        <v>354</v>
      </c>
      <c r="G1097" t="s">
        <v>80</v>
      </c>
      <c r="H1097" t="s">
        <v>81</v>
      </c>
      <c r="I1097" s="2">
        <v>1</v>
      </c>
      <c r="J1097" s="2">
        <v>0</v>
      </c>
      <c r="K1097" s="2">
        <v>0</v>
      </c>
      <c r="L1097" t="s">
        <v>120</v>
      </c>
      <c r="M1097" t="s">
        <v>83</v>
      </c>
      <c r="N1097" t="s">
        <v>91</v>
      </c>
      <c r="O1097" t="s">
        <v>85</v>
      </c>
      <c r="P1097" t="s">
        <v>86</v>
      </c>
      <c r="Q1097">
        <v>31</v>
      </c>
      <c r="R1097">
        <v>32</v>
      </c>
      <c r="S1097">
        <v>32</v>
      </c>
      <c r="T1097">
        <v>32</v>
      </c>
      <c r="U1097">
        <v>33</v>
      </c>
      <c r="V1097">
        <v>33</v>
      </c>
      <c r="W1097">
        <v>33</v>
      </c>
      <c r="X1097">
        <v>34</v>
      </c>
      <c r="Y1097">
        <v>34</v>
      </c>
      <c r="Z1097">
        <v>34</v>
      </c>
      <c r="AA1097">
        <v>35</v>
      </c>
      <c r="AB1097">
        <v>35</v>
      </c>
      <c r="AC1097">
        <v>35</v>
      </c>
      <c r="AD1097">
        <v>35</v>
      </c>
      <c r="AE1097">
        <v>36</v>
      </c>
      <c r="AF1097">
        <v>36</v>
      </c>
      <c r="AG1097">
        <v>36</v>
      </c>
      <c r="AH1097">
        <v>36</v>
      </c>
      <c r="AI1097">
        <v>37</v>
      </c>
      <c r="AJ1097">
        <v>37</v>
      </c>
      <c r="AK1097">
        <v>37</v>
      </c>
      <c r="AL1097">
        <v>37</v>
      </c>
      <c r="AM1097">
        <v>37</v>
      </c>
      <c r="AN1097">
        <v>37</v>
      </c>
      <c r="AO1097">
        <v>37</v>
      </c>
      <c r="AP1097">
        <v>36</v>
      </c>
      <c r="AQ1097">
        <v>36</v>
      </c>
    </row>
    <row r="1098" spans="1:43">
      <c r="A1098" t="s">
        <v>767</v>
      </c>
      <c r="B1098" t="s">
        <v>768</v>
      </c>
      <c r="C1098" t="s">
        <v>761</v>
      </c>
      <c r="D1098" t="s">
        <v>762</v>
      </c>
      <c r="E1098" t="s">
        <v>353</v>
      </c>
      <c r="F1098" t="s">
        <v>354</v>
      </c>
      <c r="G1098" t="s">
        <v>80</v>
      </c>
      <c r="H1098" t="s">
        <v>81</v>
      </c>
      <c r="I1098" s="2">
        <v>1</v>
      </c>
      <c r="J1098" s="2">
        <v>0</v>
      </c>
      <c r="K1098" s="2">
        <v>0</v>
      </c>
      <c r="L1098" t="s">
        <v>120</v>
      </c>
      <c r="M1098" t="s">
        <v>83</v>
      </c>
      <c r="N1098" t="s">
        <v>84</v>
      </c>
      <c r="O1098" t="s">
        <v>85</v>
      </c>
      <c r="P1098" t="s">
        <v>86</v>
      </c>
      <c r="Q1098">
        <v>14</v>
      </c>
      <c r="R1098">
        <v>14</v>
      </c>
      <c r="S1098">
        <v>14</v>
      </c>
      <c r="T1098">
        <v>14</v>
      </c>
      <c r="U1098">
        <v>14</v>
      </c>
      <c r="V1098">
        <v>14</v>
      </c>
      <c r="W1098">
        <v>15</v>
      </c>
      <c r="X1098">
        <v>15</v>
      </c>
      <c r="Y1098">
        <v>15</v>
      </c>
      <c r="Z1098">
        <v>15</v>
      </c>
      <c r="AA1098">
        <v>15</v>
      </c>
      <c r="AB1098">
        <v>15</v>
      </c>
      <c r="AC1098">
        <v>15</v>
      </c>
      <c r="AD1098">
        <v>15</v>
      </c>
      <c r="AE1098">
        <v>16</v>
      </c>
      <c r="AF1098">
        <v>16</v>
      </c>
      <c r="AG1098">
        <v>16</v>
      </c>
      <c r="AH1098">
        <v>16</v>
      </c>
      <c r="AI1098">
        <v>16</v>
      </c>
      <c r="AJ1098">
        <v>16</v>
      </c>
      <c r="AK1098">
        <v>16</v>
      </c>
      <c r="AL1098">
        <v>16</v>
      </c>
      <c r="AM1098">
        <v>16</v>
      </c>
      <c r="AN1098">
        <v>16</v>
      </c>
      <c r="AO1098">
        <v>16</v>
      </c>
      <c r="AP1098">
        <v>16</v>
      </c>
      <c r="AQ1098">
        <v>16</v>
      </c>
    </row>
    <row r="1099" spans="1:43">
      <c r="A1099" t="s">
        <v>767</v>
      </c>
      <c r="B1099" t="s">
        <v>768</v>
      </c>
      <c r="C1099" t="s">
        <v>761</v>
      </c>
      <c r="D1099" t="s">
        <v>762</v>
      </c>
      <c r="E1099" t="s">
        <v>353</v>
      </c>
      <c r="F1099" t="s">
        <v>354</v>
      </c>
      <c r="G1099" t="s">
        <v>80</v>
      </c>
      <c r="H1099" t="s">
        <v>81</v>
      </c>
      <c r="I1099" s="2">
        <v>1</v>
      </c>
      <c r="J1099" s="2">
        <v>0</v>
      </c>
      <c r="K1099" s="2">
        <v>0</v>
      </c>
      <c r="L1099" t="s">
        <v>120</v>
      </c>
      <c r="M1099" t="s">
        <v>87</v>
      </c>
      <c r="N1099" t="s">
        <v>88</v>
      </c>
      <c r="O1099" t="s">
        <v>85</v>
      </c>
      <c r="P1099" t="s">
        <v>86</v>
      </c>
      <c r="Q1099">
        <v>14</v>
      </c>
      <c r="R1099">
        <v>14</v>
      </c>
      <c r="S1099">
        <v>14</v>
      </c>
      <c r="T1099">
        <v>14</v>
      </c>
      <c r="U1099">
        <v>14</v>
      </c>
      <c r="V1099">
        <v>14</v>
      </c>
      <c r="W1099">
        <v>14</v>
      </c>
      <c r="X1099">
        <v>14</v>
      </c>
      <c r="Y1099">
        <v>14</v>
      </c>
      <c r="Z1099">
        <v>14</v>
      </c>
      <c r="AA1099">
        <v>14</v>
      </c>
      <c r="AB1099">
        <v>14</v>
      </c>
      <c r="AC1099">
        <v>14</v>
      </c>
      <c r="AD1099">
        <v>14</v>
      </c>
      <c r="AE1099">
        <v>14</v>
      </c>
      <c r="AF1099">
        <v>14</v>
      </c>
      <c r="AG1099">
        <v>14</v>
      </c>
      <c r="AH1099">
        <v>14</v>
      </c>
      <c r="AI1099">
        <v>14</v>
      </c>
      <c r="AJ1099">
        <v>14</v>
      </c>
      <c r="AK1099">
        <v>14</v>
      </c>
      <c r="AL1099">
        <v>14</v>
      </c>
      <c r="AM1099">
        <v>14</v>
      </c>
      <c r="AN1099">
        <v>14</v>
      </c>
      <c r="AO1099">
        <v>14</v>
      </c>
      <c r="AP1099">
        <v>14</v>
      </c>
      <c r="AQ1099">
        <v>14</v>
      </c>
    </row>
    <row r="1100" spans="1:43">
      <c r="A1100" t="s">
        <v>767</v>
      </c>
      <c r="B1100" t="s">
        <v>768</v>
      </c>
      <c r="C1100" t="s">
        <v>761</v>
      </c>
      <c r="D1100" t="s">
        <v>762</v>
      </c>
      <c r="E1100" t="s">
        <v>353</v>
      </c>
      <c r="F1100" t="s">
        <v>354</v>
      </c>
      <c r="G1100" t="s">
        <v>80</v>
      </c>
      <c r="H1100" t="s">
        <v>81</v>
      </c>
      <c r="I1100" s="2">
        <v>1</v>
      </c>
      <c r="J1100" s="2">
        <v>0</v>
      </c>
      <c r="K1100" s="2">
        <v>0</v>
      </c>
      <c r="L1100" t="s">
        <v>120</v>
      </c>
      <c r="M1100" t="s">
        <v>89</v>
      </c>
      <c r="N1100" t="s">
        <v>90</v>
      </c>
      <c r="O1100" t="s">
        <v>85</v>
      </c>
      <c r="P1100" t="s">
        <v>86</v>
      </c>
      <c r="Q1100">
        <v>14</v>
      </c>
      <c r="R1100">
        <v>14</v>
      </c>
      <c r="S1100">
        <v>14</v>
      </c>
      <c r="T1100">
        <v>15</v>
      </c>
      <c r="U1100">
        <v>15</v>
      </c>
      <c r="V1100">
        <v>15</v>
      </c>
      <c r="W1100">
        <v>15</v>
      </c>
      <c r="X1100">
        <v>16</v>
      </c>
      <c r="Y1100">
        <v>16</v>
      </c>
      <c r="Z1100">
        <v>16</v>
      </c>
      <c r="AA1100">
        <v>16</v>
      </c>
      <c r="AB1100">
        <v>16</v>
      </c>
      <c r="AC1100">
        <v>16</v>
      </c>
      <c r="AD1100">
        <v>17</v>
      </c>
      <c r="AE1100">
        <v>17</v>
      </c>
      <c r="AF1100">
        <v>17</v>
      </c>
      <c r="AG1100">
        <v>17</v>
      </c>
      <c r="AH1100">
        <v>16</v>
      </c>
      <c r="AI1100">
        <v>16</v>
      </c>
      <c r="AJ1100">
        <v>16</v>
      </c>
      <c r="AK1100">
        <v>16</v>
      </c>
      <c r="AL1100">
        <v>16</v>
      </c>
      <c r="AM1100">
        <v>16</v>
      </c>
      <c r="AN1100">
        <v>16</v>
      </c>
      <c r="AO1100">
        <v>16</v>
      </c>
      <c r="AP1100">
        <v>16</v>
      </c>
      <c r="AQ1100">
        <v>16</v>
      </c>
    </row>
    <row r="1101" spans="1:43">
      <c r="A1101" t="s">
        <v>767</v>
      </c>
      <c r="B1101" t="s">
        <v>768</v>
      </c>
      <c r="C1101" t="s">
        <v>761</v>
      </c>
      <c r="D1101" t="s">
        <v>762</v>
      </c>
      <c r="E1101" t="s">
        <v>353</v>
      </c>
      <c r="F1101" t="s">
        <v>354</v>
      </c>
      <c r="G1101" t="s">
        <v>80</v>
      </c>
      <c r="H1101" t="s">
        <v>81</v>
      </c>
      <c r="I1101" s="2">
        <v>1</v>
      </c>
      <c r="J1101" s="2">
        <v>0</v>
      </c>
      <c r="K1101" s="2">
        <v>0</v>
      </c>
      <c r="L1101" t="s">
        <v>120</v>
      </c>
      <c r="M1101" t="s">
        <v>83</v>
      </c>
      <c r="N1101" t="s">
        <v>91</v>
      </c>
      <c r="O1101" t="s">
        <v>85</v>
      </c>
      <c r="P1101" t="s">
        <v>86</v>
      </c>
      <c r="Q1101">
        <v>14</v>
      </c>
      <c r="R1101">
        <v>14</v>
      </c>
      <c r="S1101">
        <v>14</v>
      </c>
      <c r="T1101">
        <v>14</v>
      </c>
      <c r="U1101">
        <v>14</v>
      </c>
      <c r="V1101">
        <v>14</v>
      </c>
      <c r="W1101">
        <v>15</v>
      </c>
      <c r="X1101">
        <v>15</v>
      </c>
      <c r="Y1101">
        <v>15</v>
      </c>
      <c r="Z1101">
        <v>15</v>
      </c>
      <c r="AA1101">
        <v>15</v>
      </c>
      <c r="AB1101">
        <v>15</v>
      </c>
      <c r="AC1101">
        <v>15</v>
      </c>
      <c r="AD1101">
        <v>15</v>
      </c>
      <c r="AE1101">
        <v>16</v>
      </c>
      <c r="AF1101">
        <v>16</v>
      </c>
      <c r="AG1101">
        <v>16</v>
      </c>
      <c r="AH1101">
        <v>16</v>
      </c>
      <c r="AI1101">
        <v>16</v>
      </c>
      <c r="AJ1101">
        <v>16</v>
      </c>
      <c r="AK1101">
        <v>16</v>
      </c>
      <c r="AL1101">
        <v>16</v>
      </c>
      <c r="AM1101">
        <v>16</v>
      </c>
      <c r="AN1101">
        <v>16</v>
      </c>
      <c r="AO1101">
        <v>16</v>
      </c>
      <c r="AP1101">
        <v>16</v>
      </c>
      <c r="AQ1101">
        <v>16</v>
      </c>
    </row>
    <row r="1102" spans="1:43">
      <c r="A1102" t="s">
        <v>769</v>
      </c>
      <c r="B1102" t="s">
        <v>770</v>
      </c>
      <c r="C1102" t="s">
        <v>761</v>
      </c>
      <c r="D1102" t="s">
        <v>762</v>
      </c>
      <c r="E1102" t="s">
        <v>353</v>
      </c>
      <c r="F1102" t="s">
        <v>354</v>
      </c>
      <c r="G1102" t="s">
        <v>80</v>
      </c>
      <c r="H1102" t="s">
        <v>81</v>
      </c>
      <c r="I1102" s="2">
        <v>1</v>
      </c>
      <c r="J1102" s="2">
        <v>0</v>
      </c>
      <c r="K1102" s="2">
        <v>0</v>
      </c>
      <c r="L1102" t="s">
        <v>120</v>
      </c>
      <c r="M1102" t="s">
        <v>83</v>
      </c>
      <c r="N1102" t="s">
        <v>84</v>
      </c>
      <c r="O1102" t="s">
        <v>85</v>
      </c>
      <c r="P1102" t="s">
        <v>86</v>
      </c>
      <c r="Q1102">
        <v>15</v>
      </c>
      <c r="R1102">
        <v>15</v>
      </c>
      <c r="S1102">
        <v>16</v>
      </c>
      <c r="T1102">
        <v>16</v>
      </c>
      <c r="U1102">
        <v>16</v>
      </c>
      <c r="V1102">
        <v>16</v>
      </c>
      <c r="W1102">
        <v>16</v>
      </c>
      <c r="X1102">
        <v>16</v>
      </c>
      <c r="Y1102">
        <v>16</v>
      </c>
      <c r="Z1102">
        <v>17</v>
      </c>
      <c r="AA1102">
        <v>17</v>
      </c>
      <c r="AB1102">
        <v>17</v>
      </c>
      <c r="AC1102">
        <v>17</v>
      </c>
      <c r="AD1102">
        <v>17</v>
      </c>
      <c r="AE1102">
        <v>17</v>
      </c>
      <c r="AF1102">
        <v>17</v>
      </c>
      <c r="AG1102">
        <v>17</v>
      </c>
      <c r="AH1102">
        <v>18</v>
      </c>
      <c r="AI1102">
        <v>18</v>
      </c>
      <c r="AJ1102">
        <v>18</v>
      </c>
      <c r="AK1102">
        <v>18</v>
      </c>
      <c r="AL1102">
        <v>18</v>
      </c>
      <c r="AM1102">
        <v>18</v>
      </c>
      <c r="AN1102">
        <v>18</v>
      </c>
      <c r="AO1102">
        <v>18</v>
      </c>
      <c r="AP1102">
        <v>18</v>
      </c>
      <c r="AQ1102">
        <v>18</v>
      </c>
    </row>
    <row r="1103" spans="1:43">
      <c r="A1103" t="s">
        <v>769</v>
      </c>
      <c r="B1103" t="s">
        <v>770</v>
      </c>
      <c r="C1103" t="s">
        <v>761</v>
      </c>
      <c r="D1103" t="s">
        <v>762</v>
      </c>
      <c r="E1103" t="s">
        <v>353</v>
      </c>
      <c r="F1103" t="s">
        <v>354</v>
      </c>
      <c r="G1103" t="s">
        <v>80</v>
      </c>
      <c r="H1103" t="s">
        <v>81</v>
      </c>
      <c r="I1103" s="2">
        <v>1</v>
      </c>
      <c r="J1103" s="2">
        <v>0</v>
      </c>
      <c r="K1103" s="2">
        <v>0</v>
      </c>
      <c r="L1103" t="s">
        <v>120</v>
      </c>
      <c r="M1103" t="s">
        <v>87</v>
      </c>
      <c r="N1103" t="s">
        <v>88</v>
      </c>
      <c r="O1103" t="s">
        <v>85</v>
      </c>
      <c r="P1103" t="s">
        <v>86</v>
      </c>
      <c r="Q1103">
        <v>15</v>
      </c>
      <c r="R1103">
        <v>15</v>
      </c>
      <c r="S1103">
        <v>15</v>
      </c>
      <c r="T1103">
        <v>15</v>
      </c>
      <c r="U1103">
        <v>15</v>
      </c>
      <c r="V1103">
        <v>15</v>
      </c>
      <c r="W1103">
        <v>15</v>
      </c>
      <c r="X1103">
        <v>15</v>
      </c>
      <c r="Y1103">
        <v>15</v>
      </c>
      <c r="Z1103">
        <v>15</v>
      </c>
      <c r="AA1103">
        <v>15</v>
      </c>
      <c r="AB1103">
        <v>15</v>
      </c>
      <c r="AC1103">
        <v>15</v>
      </c>
      <c r="AD1103">
        <v>15</v>
      </c>
      <c r="AE1103">
        <v>15</v>
      </c>
      <c r="AF1103">
        <v>15</v>
      </c>
      <c r="AG1103">
        <v>15</v>
      </c>
      <c r="AH1103">
        <v>15</v>
      </c>
      <c r="AI1103">
        <v>15</v>
      </c>
      <c r="AJ1103">
        <v>15</v>
      </c>
      <c r="AK1103">
        <v>15</v>
      </c>
      <c r="AL1103">
        <v>15</v>
      </c>
      <c r="AM1103">
        <v>15</v>
      </c>
      <c r="AN1103">
        <v>15</v>
      </c>
      <c r="AO1103">
        <v>15</v>
      </c>
      <c r="AP1103">
        <v>15</v>
      </c>
      <c r="AQ1103">
        <v>15</v>
      </c>
    </row>
    <row r="1104" spans="1:43">
      <c r="A1104" t="s">
        <v>769</v>
      </c>
      <c r="B1104" t="s">
        <v>770</v>
      </c>
      <c r="C1104" t="s">
        <v>761</v>
      </c>
      <c r="D1104" t="s">
        <v>762</v>
      </c>
      <c r="E1104" t="s">
        <v>353</v>
      </c>
      <c r="F1104" t="s">
        <v>354</v>
      </c>
      <c r="G1104" t="s">
        <v>80</v>
      </c>
      <c r="H1104" t="s">
        <v>81</v>
      </c>
      <c r="I1104" s="2">
        <v>1</v>
      </c>
      <c r="J1104" s="2">
        <v>0</v>
      </c>
      <c r="K1104" s="2">
        <v>0</v>
      </c>
      <c r="L1104" t="s">
        <v>120</v>
      </c>
      <c r="M1104" t="s">
        <v>89</v>
      </c>
      <c r="N1104" t="s">
        <v>90</v>
      </c>
      <c r="O1104" t="s">
        <v>85</v>
      </c>
      <c r="P1104" t="s">
        <v>86</v>
      </c>
      <c r="Q1104">
        <v>15</v>
      </c>
      <c r="R1104">
        <v>16</v>
      </c>
      <c r="S1104">
        <v>16</v>
      </c>
      <c r="T1104">
        <v>16</v>
      </c>
      <c r="U1104">
        <v>17</v>
      </c>
      <c r="V1104">
        <v>17</v>
      </c>
      <c r="W1104">
        <v>17</v>
      </c>
      <c r="X1104">
        <v>17</v>
      </c>
      <c r="Y1104">
        <v>17</v>
      </c>
      <c r="Z1104">
        <v>18</v>
      </c>
      <c r="AA1104">
        <v>18</v>
      </c>
      <c r="AB1104">
        <v>18</v>
      </c>
      <c r="AC1104">
        <v>18</v>
      </c>
      <c r="AD1104">
        <v>18</v>
      </c>
      <c r="AE1104">
        <v>18</v>
      </c>
      <c r="AF1104">
        <v>18</v>
      </c>
      <c r="AG1104">
        <v>18</v>
      </c>
      <c r="AH1104">
        <v>18</v>
      </c>
      <c r="AI1104">
        <v>18</v>
      </c>
      <c r="AJ1104">
        <v>18</v>
      </c>
      <c r="AK1104">
        <v>18</v>
      </c>
      <c r="AL1104">
        <v>18</v>
      </c>
      <c r="AM1104">
        <v>18</v>
      </c>
      <c r="AN1104">
        <v>18</v>
      </c>
      <c r="AO1104">
        <v>18</v>
      </c>
      <c r="AP1104">
        <v>18</v>
      </c>
      <c r="AQ1104">
        <v>18</v>
      </c>
    </row>
    <row r="1105" spans="1:43">
      <c r="A1105" t="s">
        <v>769</v>
      </c>
      <c r="B1105" t="s">
        <v>770</v>
      </c>
      <c r="C1105" t="s">
        <v>761</v>
      </c>
      <c r="D1105" t="s">
        <v>762</v>
      </c>
      <c r="E1105" t="s">
        <v>353</v>
      </c>
      <c r="F1105" t="s">
        <v>354</v>
      </c>
      <c r="G1105" t="s">
        <v>80</v>
      </c>
      <c r="H1105" t="s">
        <v>81</v>
      </c>
      <c r="I1105" s="2">
        <v>1</v>
      </c>
      <c r="J1105" s="2">
        <v>0</v>
      </c>
      <c r="K1105" s="2">
        <v>0</v>
      </c>
      <c r="L1105" t="s">
        <v>120</v>
      </c>
      <c r="M1105" t="s">
        <v>83</v>
      </c>
      <c r="N1105" t="s">
        <v>91</v>
      </c>
      <c r="O1105" t="s">
        <v>85</v>
      </c>
      <c r="P1105" t="s">
        <v>86</v>
      </c>
      <c r="Q1105">
        <v>15</v>
      </c>
      <c r="R1105">
        <v>15</v>
      </c>
      <c r="S1105">
        <v>16</v>
      </c>
      <c r="T1105">
        <v>16</v>
      </c>
      <c r="U1105">
        <v>16</v>
      </c>
      <c r="V1105">
        <v>16</v>
      </c>
      <c r="W1105">
        <v>16</v>
      </c>
      <c r="X1105">
        <v>16</v>
      </c>
      <c r="Y1105">
        <v>16</v>
      </c>
      <c r="Z1105">
        <v>17</v>
      </c>
      <c r="AA1105">
        <v>17</v>
      </c>
      <c r="AB1105">
        <v>17</v>
      </c>
      <c r="AC1105">
        <v>17</v>
      </c>
      <c r="AD1105">
        <v>17</v>
      </c>
      <c r="AE1105">
        <v>17</v>
      </c>
      <c r="AF1105">
        <v>17</v>
      </c>
      <c r="AG1105">
        <v>17</v>
      </c>
      <c r="AH1105">
        <v>18</v>
      </c>
      <c r="AI1105">
        <v>18</v>
      </c>
      <c r="AJ1105">
        <v>18</v>
      </c>
      <c r="AK1105">
        <v>18</v>
      </c>
      <c r="AL1105">
        <v>18</v>
      </c>
      <c r="AM1105">
        <v>18</v>
      </c>
      <c r="AN1105">
        <v>18</v>
      </c>
      <c r="AO1105">
        <v>18</v>
      </c>
      <c r="AP1105">
        <v>18</v>
      </c>
      <c r="AQ1105">
        <v>18</v>
      </c>
    </row>
    <row r="1106" spans="1:43">
      <c r="A1106" t="s">
        <v>771</v>
      </c>
      <c r="B1106" t="s">
        <v>772</v>
      </c>
      <c r="C1106" t="s">
        <v>625</v>
      </c>
      <c r="D1106" t="s">
        <v>626</v>
      </c>
      <c r="E1106" t="s">
        <v>353</v>
      </c>
      <c r="F1106" t="s">
        <v>354</v>
      </c>
      <c r="G1106" t="s">
        <v>80</v>
      </c>
      <c r="H1106" t="s">
        <v>81</v>
      </c>
      <c r="I1106" s="2">
        <v>1</v>
      </c>
      <c r="J1106" s="2">
        <v>0</v>
      </c>
      <c r="K1106" s="2">
        <v>0</v>
      </c>
      <c r="L1106" t="s">
        <v>120</v>
      </c>
      <c r="M1106" t="s">
        <v>83</v>
      </c>
      <c r="N1106" t="s">
        <v>84</v>
      </c>
      <c r="O1106" t="s">
        <v>85</v>
      </c>
      <c r="P1106" t="s">
        <v>86</v>
      </c>
      <c r="Q1106">
        <v>27</v>
      </c>
      <c r="R1106">
        <v>28</v>
      </c>
      <c r="S1106">
        <v>28</v>
      </c>
      <c r="T1106">
        <v>28</v>
      </c>
      <c r="U1106">
        <v>29</v>
      </c>
      <c r="V1106">
        <v>29</v>
      </c>
      <c r="W1106">
        <v>29</v>
      </c>
      <c r="X1106">
        <v>29</v>
      </c>
      <c r="Y1106">
        <v>30</v>
      </c>
      <c r="Z1106">
        <v>30</v>
      </c>
      <c r="AA1106">
        <v>30</v>
      </c>
      <c r="AB1106">
        <v>30</v>
      </c>
      <c r="AC1106">
        <v>31</v>
      </c>
      <c r="AD1106">
        <v>31</v>
      </c>
      <c r="AE1106">
        <v>31</v>
      </c>
      <c r="AF1106">
        <v>31</v>
      </c>
      <c r="AG1106">
        <v>31</v>
      </c>
      <c r="AH1106">
        <v>32</v>
      </c>
      <c r="AI1106">
        <v>32</v>
      </c>
      <c r="AJ1106">
        <v>32</v>
      </c>
      <c r="AK1106">
        <v>32</v>
      </c>
      <c r="AL1106">
        <v>32</v>
      </c>
      <c r="AM1106">
        <v>32</v>
      </c>
      <c r="AN1106">
        <v>32</v>
      </c>
      <c r="AO1106">
        <v>32</v>
      </c>
      <c r="AP1106">
        <v>32</v>
      </c>
      <c r="AQ1106">
        <v>32</v>
      </c>
    </row>
    <row r="1107" spans="1:43">
      <c r="A1107" t="s">
        <v>771</v>
      </c>
      <c r="B1107" t="s">
        <v>772</v>
      </c>
      <c r="C1107" t="s">
        <v>625</v>
      </c>
      <c r="D1107" t="s">
        <v>626</v>
      </c>
      <c r="E1107" t="s">
        <v>353</v>
      </c>
      <c r="F1107" t="s">
        <v>354</v>
      </c>
      <c r="G1107" t="s">
        <v>80</v>
      </c>
      <c r="H1107" t="s">
        <v>81</v>
      </c>
      <c r="I1107" s="2">
        <v>1</v>
      </c>
      <c r="J1107" s="2">
        <v>0</v>
      </c>
      <c r="K1107" s="2">
        <v>0</v>
      </c>
      <c r="L1107" t="s">
        <v>120</v>
      </c>
      <c r="M1107" t="s">
        <v>87</v>
      </c>
      <c r="N1107" t="s">
        <v>88</v>
      </c>
      <c r="O1107" t="s">
        <v>85</v>
      </c>
      <c r="P1107" t="s">
        <v>86</v>
      </c>
      <c r="Q1107">
        <v>27</v>
      </c>
      <c r="R1107">
        <v>27</v>
      </c>
      <c r="S1107">
        <v>27</v>
      </c>
      <c r="T1107">
        <v>27</v>
      </c>
      <c r="U1107">
        <v>27</v>
      </c>
      <c r="V1107">
        <v>27</v>
      </c>
      <c r="W1107">
        <v>27</v>
      </c>
      <c r="X1107">
        <v>27</v>
      </c>
      <c r="Y1107">
        <v>27</v>
      </c>
      <c r="Z1107">
        <v>27</v>
      </c>
      <c r="AA1107">
        <v>28</v>
      </c>
      <c r="AB1107">
        <v>28</v>
      </c>
      <c r="AC1107">
        <v>28</v>
      </c>
      <c r="AD1107">
        <v>28</v>
      </c>
      <c r="AE1107">
        <v>28</v>
      </c>
      <c r="AF1107">
        <v>28</v>
      </c>
      <c r="AG1107">
        <v>28</v>
      </c>
      <c r="AH1107">
        <v>28</v>
      </c>
      <c r="AI1107">
        <v>28</v>
      </c>
      <c r="AJ1107">
        <v>28</v>
      </c>
      <c r="AK1107">
        <v>28</v>
      </c>
      <c r="AL1107">
        <v>28</v>
      </c>
      <c r="AM1107">
        <v>28</v>
      </c>
      <c r="AN1107">
        <v>28</v>
      </c>
      <c r="AO1107">
        <v>28</v>
      </c>
      <c r="AP1107">
        <v>28</v>
      </c>
      <c r="AQ1107">
        <v>28</v>
      </c>
    </row>
    <row r="1108" spans="1:43">
      <c r="A1108" t="s">
        <v>771</v>
      </c>
      <c r="B1108" t="s">
        <v>772</v>
      </c>
      <c r="C1108" t="s">
        <v>625</v>
      </c>
      <c r="D1108" t="s">
        <v>626</v>
      </c>
      <c r="E1108" t="s">
        <v>353</v>
      </c>
      <c r="F1108" t="s">
        <v>354</v>
      </c>
      <c r="G1108" t="s">
        <v>80</v>
      </c>
      <c r="H1108" t="s">
        <v>81</v>
      </c>
      <c r="I1108" s="2">
        <v>1</v>
      </c>
      <c r="J1108" s="2">
        <v>0</v>
      </c>
      <c r="K1108" s="2">
        <v>0</v>
      </c>
      <c r="L1108" t="s">
        <v>120</v>
      </c>
      <c r="M1108" t="s">
        <v>89</v>
      </c>
      <c r="N1108" t="s">
        <v>90</v>
      </c>
      <c r="O1108" t="s">
        <v>85</v>
      </c>
      <c r="P1108" t="s">
        <v>86</v>
      </c>
      <c r="Q1108">
        <v>27</v>
      </c>
      <c r="R1108">
        <v>27</v>
      </c>
      <c r="S1108">
        <v>28</v>
      </c>
      <c r="T1108">
        <v>28</v>
      </c>
      <c r="U1108">
        <v>29</v>
      </c>
      <c r="V1108">
        <v>29</v>
      </c>
      <c r="W1108">
        <v>30</v>
      </c>
      <c r="X1108">
        <v>30</v>
      </c>
      <c r="Y1108">
        <v>30</v>
      </c>
      <c r="Z1108">
        <v>31</v>
      </c>
      <c r="AA1108">
        <v>31</v>
      </c>
      <c r="AB1108">
        <v>31</v>
      </c>
      <c r="AC1108">
        <v>32</v>
      </c>
      <c r="AD1108">
        <v>32</v>
      </c>
      <c r="AE1108">
        <v>32</v>
      </c>
      <c r="AF1108">
        <v>32</v>
      </c>
      <c r="AG1108">
        <v>32</v>
      </c>
      <c r="AH1108">
        <v>32</v>
      </c>
      <c r="AI1108">
        <v>32</v>
      </c>
      <c r="AJ1108">
        <v>32</v>
      </c>
      <c r="AK1108">
        <v>32</v>
      </c>
      <c r="AL1108">
        <v>31</v>
      </c>
      <c r="AM1108">
        <v>31</v>
      </c>
      <c r="AN1108">
        <v>31</v>
      </c>
      <c r="AO1108">
        <v>31</v>
      </c>
      <c r="AP1108">
        <v>31</v>
      </c>
      <c r="AQ1108">
        <v>31</v>
      </c>
    </row>
    <row r="1109" spans="1:43">
      <c r="A1109" t="s">
        <v>771</v>
      </c>
      <c r="B1109" t="s">
        <v>772</v>
      </c>
      <c r="C1109" t="s">
        <v>625</v>
      </c>
      <c r="D1109" t="s">
        <v>626</v>
      </c>
      <c r="E1109" t="s">
        <v>353</v>
      </c>
      <c r="F1109" t="s">
        <v>354</v>
      </c>
      <c r="G1109" t="s">
        <v>80</v>
      </c>
      <c r="H1109" t="s">
        <v>81</v>
      </c>
      <c r="I1109" s="2">
        <v>1</v>
      </c>
      <c r="J1109" s="2">
        <v>0</v>
      </c>
      <c r="K1109" s="2">
        <v>0</v>
      </c>
      <c r="L1109" t="s">
        <v>120</v>
      </c>
      <c r="M1109" t="s">
        <v>83</v>
      </c>
      <c r="N1109" t="s">
        <v>91</v>
      </c>
      <c r="O1109" t="s">
        <v>85</v>
      </c>
      <c r="P1109" t="s">
        <v>86</v>
      </c>
      <c r="Q1109">
        <v>27</v>
      </c>
      <c r="R1109">
        <v>28</v>
      </c>
      <c r="S1109">
        <v>28</v>
      </c>
      <c r="T1109">
        <v>28</v>
      </c>
      <c r="U1109">
        <v>29</v>
      </c>
      <c r="V1109">
        <v>29</v>
      </c>
      <c r="W1109">
        <v>29</v>
      </c>
      <c r="X1109">
        <v>29</v>
      </c>
      <c r="Y1109">
        <v>30</v>
      </c>
      <c r="Z1109">
        <v>30</v>
      </c>
      <c r="AA1109">
        <v>30</v>
      </c>
      <c r="AB1109">
        <v>30</v>
      </c>
      <c r="AC1109">
        <v>31</v>
      </c>
      <c r="AD1109">
        <v>31</v>
      </c>
      <c r="AE1109">
        <v>31</v>
      </c>
      <c r="AF1109">
        <v>31</v>
      </c>
      <c r="AG1109">
        <v>31</v>
      </c>
      <c r="AH1109">
        <v>32</v>
      </c>
      <c r="AI1109">
        <v>32</v>
      </c>
      <c r="AJ1109">
        <v>32</v>
      </c>
      <c r="AK1109">
        <v>32</v>
      </c>
      <c r="AL1109">
        <v>32</v>
      </c>
      <c r="AM1109">
        <v>32</v>
      </c>
      <c r="AN1109">
        <v>32</v>
      </c>
      <c r="AO1109">
        <v>32</v>
      </c>
      <c r="AP1109">
        <v>32</v>
      </c>
      <c r="AQ1109">
        <v>32</v>
      </c>
    </row>
    <row r="1110" spans="1:43">
      <c r="A1110" t="s">
        <v>773</v>
      </c>
      <c r="B1110" t="s">
        <v>774</v>
      </c>
      <c r="C1110" t="s">
        <v>761</v>
      </c>
      <c r="D1110" t="s">
        <v>762</v>
      </c>
      <c r="E1110" t="s">
        <v>353</v>
      </c>
      <c r="F1110" t="s">
        <v>354</v>
      </c>
      <c r="G1110" t="s">
        <v>80</v>
      </c>
      <c r="H1110" t="s">
        <v>81</v>
      </c>
      <c r="I1110" s="2">
        <v>1</v>
      </c>
      <c r="J1110" s="2">
        <v>0</v>
      </c>
      <c r="K1110" s="2">
        <v>0</v>
      </c>
      <c r="L1110" t="s">
        <v>120</v>
      </c>
      <c r="M1110" t="s">
        <v>83</v>
      </c>
      <c r="N1110" t="s">
        <v>84</v>
      </c>
      <c r="O1110" t="s">
        <v>85</v>
      </c>
      <c r="P1110" t="s">
        <v>86</v>
      </c>
      <c r="Q1110">
        <v>3</v>
      </c>
      <c r="R1110">
        <v>3</v>
      </c>
      <c r="S1110">
        <v>3</v>
      </c>
      <c r="T1110">
        <v>3</v>
      </c>
      <c r="U1110">
        <v>3</v>
      </c>
      <c r="V1110">
        <v>3</v>
      </c>
      <c r="W1110">
        <v>3</v>
      </c>
      <c r="X1110">
        <v>3</v>
      </c>
      <c r="Y1110">
        <v>3</v>
      </c>
      <c r="Z1110">
        <v>3</v>
      </c>
      <c r="AA1110">
        <v>3</v>
      </c>
      <c r="AB1110">
        <v>3</v>
      </c>
      <c r="AC1110">
        <v>3</v>
      </c>
      <c r="AD1110">
        <v>3</v>
      </c>
      <c r="AE1110">
        <v>3</v>
      </c>
      <c r="AF1110">
        <v>3</v>
      </c>
      <c r="AG1110">
        <v>3</v>
      </c>
      <c r="AH1110">
        <v>3</v>
      </c>
      <c r="AI1110">
        <v>3</v>
      </c>
      <c r="AJ1110">
        <v>3</v>
      </c>
      <c r="AK1110">
        <v>3</v>
      </c>
      <c r="AL1110">
        <v>3</v>
      </c>
      <c r="AM1110">
        <v>3</v>
      </c>
      <c r="AN1110">
        <v>3</v>
      </c>
      <c r="AO1110">
        <v>3</v>
      </c>
      <c r="AP1110">
        <v>3</v>
      </c>
      <c r="AQ1110">
        <v>3</v>
      </c>
    </row>
    <row r="1111" spans="1:43">
      <c r="A1111" t="s">
        <v>773</v>
      </c>
      <c r="B1111" t="s">
        <v>774</v>
      </c>
      <c r="C1111" t="s">
        <v>761</v>
      </c>
      <c r="D1111" t="s">
        <v>762</v>
      </c>
      <c r="E1111" t="s">
        <v>353</v>
      </c>
      <c r="F1111" t="s">
        <v>354</v>
      </c>
      <c r="G1111" t="s">
        <v>80</v>
      </c>
      <c r="H1111" t="s">
        <v>81</v>
      </c>
      <c r="I1111" s="2">
        <v>1</v>
      </c>
      <c r="J1111" s="2">
        <v>0</v>
      </c>
      <c r="K1111" s="2">
        <v>0</v>
      </c>
      <c r="L1111" t="s">
        <v>120</v>
      </c>
      <c r="M1111" t="s">
        <v>87</v>
      </c>
      <c r="N1111" t="s">
        <v>88</v>
      </c>
      <c r="O1111" t="s">
        <v>85</v>
      </c>
      <c r="P1111" t="s">
        <v>86</v>
      </c>
      <c r="Q1111">
        <v>3</v>
      </c>
      <c r="R1111">
        <v>3</v>
      </c>
      <c r="S1111">
        <v>3</v>
      </c>
      <c r="T1111">
        <v>3</v>
      </c>
      <c r="U1111">
        <v>3</v>
      </c>
      <c r="V1111">
        <v>3</v>
      </c>
      <c r="W1111">
        <v>3</v>
      </c>
      <c r="X1111">
        <v>3</v>
      </c>
      <c r="Y1111">
        <v>3</v>
      </c>
      <c r="Z1111">
        <v>3</v>
      </c>
      <c r="AA1111">
        <v>3</v>
      </c>
      <c r="AB1111">
        <v>3</v>
      </c>
      <c r="AC1111">
        <v>3</v>
      </c>
      <c r="AD1111">
        <v>3</v>
      </c>
      <c r="AE1111">
        <v>3</v>
      </c>
      <c r="AF1111">
        <v>3</v>
      </c>
      <c r="AG1111">
        <v>3</v>
      </c>
      <c r="AH1111">
        <v>3</v>
      </c>
      <c r="AI1111">
        <v>3</v>
      </c>
      <c r="AJ1111">
        <v>3</v>
      </c>
      <c r="AK1111">
        <v>3</v>
      </c>
      <c r="AL1111">
        <v>3</v>
      </c>
      <c r="AM1111">
        <v>3</v>
      </c>
      <c r="AN1111">
        <v>3</v>
      </c>
      <c r="AO1111">
        <v>3</v>
      </c>
      <c r="AP1111">
        <v>3</v>
      </c>
      <c r="AQ1111">
        <v>3</v>
      </c>
    </row>
    <row r="1112" spans="1:43">
      <c r="A1112" t="s">
        <v>773</v>
      </c>
      <c r="B1112" t="s">
        <v>774</v>
      </c>
      <c r="C1112" t="s">
        <v>761</v>
      </c>
      <c r="D1112" t="s">
        <v>762</v>
      </c>
      <c r="E1112" t="s">
        <v>353</v>
      </c>
      <c r="F1112" t="s">
        <v>354</v>
      </c>
      <c r="G1112" t="s">
        <v>80</v>
      </c>
      <c r="H1112" t="s">
        <v>81</v>
      </c>
      <c r="I1112" s="2">
        <v>1</v>
      </c>
      <c r="J1112" s="2">
        <v>0</v>
      </c>
      <c r="K1112" s="2">
        <v>0</v>
      </c>
      <c r="L1112" t="s">
        <v>120</v>
      </c>
      <c r="M1112" t="s">
        <v>89</v>
      </c>
      <c r="N1112" t="s">
        <v>90</v>
      </c>
      <c r="O1112" t="s">
        <v>85</v>
      </c>
      <c r="P1112" t="s">
        <v>86</v>
      </c>
      <c r="Q1112">
        <v>3</v>
      </c>
      <c r="R1112">
        <v>3</v>
      </c>
      <c r="S1112">
        <v>3</v>
      </c>
      <c r="T1112">
        <v>3</v>
      </c>
      <c r="U1112">
        <v>3</v>
      </c>
      <c r="V1112">
        <v>3</v>
      </c>
      <c r="W1112">
        <v>3</v>
      </c>
      <c r="X1112">
        <v>3</v>
      </c>
      <c r="Y1112">
        <v>3</v>
      </c>
      <c r="Z1112">
        <v>3</v>
      </c>
      <c r="AA1112">
        <v>3</v>
      </c>
      <c r="AB1112">
        <v>3</v>
      </c>
      <c r="AC1112">
        <v>3</v>
      </c>
      <c r="AD1112">
        <v>3</v>
      </c>
      <c r="AE1112">
        <v>3</v>
      </c>
      <c r="AF1112">
        <v>3</v>
      </c>
      <c r="AG1112">
        <v>3</v>
      </c>
      <c r="AH1112">
        <v>3</v>
      </c>
      <c r="AI1112">
        <v>3</v>
      </c>
      <c r="AJ1112">
        <v>3</v>
      </c>
      <c r="AK1112">
        <v>3</v>
      </c>
      <c r="AL1112">
        <v>3</v>
      </c>
      <c r="AM1112">
        <v>3</v>
      </c>
      <c r="AN1112">
        <v>3</v>
      </c>
      <c r="AO1112">
        <v>3</v>
      </c>
      <c r="AP1112">
        <v>3</v>
      </c>
      <c r="AQ1112">
        <v>3</v>
      </c>
    </row>
    <row r="1113" spans="1:43">
      <c r="A1113" t="s">
        <v>773</v>
      </c>
      <c r="B1113" t="s">
        <v>774</v>
      </c>
      <c r="C1113" t="s">
        <v>761</v>
      </c>
      <c r="D1113" t="s">
        <v>762</v>
      </c>
      <c r="E1113" t="s">
        <v>353</v>
      </c>
      <c r="F1113" t="s">
        <v>354</v>
      </c>
      <c r="G1113" t="s">
        <v>80</v>
      </c>
      <c r="H1113" t="s">
        <v>81</v>
      </c>
      <c r="I1113" s="2">
        <v>1</v>
      </c>
      <c r="J1113" s="2">
        <v>0</v>
      </c>
      <c r="K1113" s="2">
        <v>0</v>
      </c>
      <c r="L1113" t="s">
        <v>120</v>
      </c>
      <c r="M1113" t="s">
        <v>83</v>
      </c>
      <c r="N1113" t="s">
        <v>91</v>
      </c>
      <c r="O1113" t="s">
        <v>85</v>
      </c>
      <c r="P1113" t="s">
        <v>86</v>
      </c>
      <c r="Q1113">
        <v>3</v>
      </c>
      <c r="R1113">
        <v>3</v>
      </c>
      <c r="S1113">
        <v>3</v>
      </c>
      <c r="T1113">
        <v>3</v>
      </c>
      <c r="U1113">
        <v>3</v>
      </c>
      <c r="V1113">
        <v>3</v>
      </c>
      <c r="W1113">
        <v>3</v>
      </c>
      <c r="X1113">
        <v>3</v>
      </c>
      <c r="Y1113">
        <v>3</v>
      </c>
      <c r="Z1113">
        <v>3</v>
      </c>
      <c r="AA1113">
        <v>3</v>
      </c>
      <c r="AB1113">
        <v>3</v>
      </c>
      <c r="AC1113">
        <v>3</v>
      </c>
      <c r="AD1113">
        <v>3</v>
      </c>
      <c r="AE1113">
        <v>3</v>
      </c>
      <c r="AF1113">
        <v>3</v>
      </c>
      <c r="AG1113">
        <v>3</v>
      </c>
      <c r="AH1113">
        <v>3</v>
      </c>
      <c r="AI1113">
        <v>3</v>
      </c>
      <c r="AJ1113">
        <v>3</v>
      </c>
      <c r="AK1113">
        <v>3</v>
      </c>
      <c r="AL1113">
        <v>3</v>
      </c>
      <c r="AM1113">
        <v>3</v>
      </c>
      <c r="AN1113">
        <v>3</v>
      </c>
      <c r="AO1113">
        <v>3</v>
      </c>
      <c r="AP1113">
        <v>3</v>
      </c>
      <c r="AQ1113">
        <v>3</v>
      </c>
    </row>
    <row r="1114" spans="1:43">
      <c r="A1114" t="s">
        <v>775</v>
      </c>
      <c r="B1114" t="s">
        <v>776</v>
      </c>
      <c r="C1114" t="s">
        <v>673</v>
      </c>
      <c r="D1114" t="s">
        <v>674</v>
      </c>
      <c r="E1114" t="s">
        <v>353</v>
      </c>
      <c r="F1114" t="s">
        <v>354</v>
      </c>
      <c r="G1114" t="s">
        <v>80</v>
      </c>
      <c r="H1114" t="s">
        <v>81</v>
      </c>
      <c r="I1114" s="2">
        <v>1</v>
      </c>
      <c r="J1114" s="2">
        <v>0</v>
      </c>
      <c r="K1114" s="2">
        <v>0</v>
      </c>
      <c r="L1114" t="s">
        <v>120</v>
      </c>
      <c r="M1114" t="s">
        <v>83</v>
      </c>
      <c r="N1114" t="s">
        <v>84</v>
      </c>
      <c r="O1114" t="s">
        <v>85</v>
      </c>
      <c r="P1114" t="s">
        <v>86</v>
      </c>
      <c r="Q1114">
        <v>22</v>
      </c>
      <c r="R1114">
        <v>22</v>
      </c>
      <c r="S1114">
        <v>22</v>
      </c>
      <c r="T1114">
        <v>22</v>
      </c>
      <c r="U1114">
        <v>23</v>
      </c>
      <c r="V1114">
        <v>23</v>
      </c>
      <c r="W1114">
        <v>23</v>
      </c>
      <c r="X1114">
        <v>23</v>
      </c>
      <c r="Y1114">
        <v>24</v>
      </c>
      <c r="Z1114">
        <v>24</v>
      </c>
      <c r="AA1114">
        <v>24</v>
      </c>
      <c r="AB1114">
        <v>24</v>
      </c>
      <c r="AC1114">
        <v>24</v>
      </c>
      <c r="AD1114">
        <v>25</v>
      </c>
      <c r="AE1114">
        <v>25</v>
      </c>
      <c r="AF1114">
        <v>25</v>
      </c>
      <c r="AG1114">
        <v>25</v>
      </c>
      <c r="AH1114">
        <v>25</v>
      </c>
      <c r="AI1114">
        <v>25</v>
      </c>
      <c r="AJ1114">
        <v>26</v>
      </c>
      <c r="AK1114">
        <v>26</v>
      </c>
      <c r="AL1114">
        <v>26</v>
      </c>
      <c r="AM1114">
        <v>26</v>
      </c>
      <c r="AN1114">
        <v>25</v>
      </c>
      <c r="AO1114">
        <v>25</v>
      </c>
      <c r="AP1114">
        <v>25</v>
      </c>
      <c r="AQ1114">
        <v>25</v>
      </c>
    </row>
    <row r="1115" spans="1:43">
      <c r="A1115" t="s">
        <v>775</v>
      </c>
      <c r="B1115" t="s">
        <v>776</v>
      </c>
      <c r="C1115" t="s">
        <v>673</v>
      </c>
      <c r="D1115" t="s">
        <v>674</v>
      </c>
      <c r="E1115" t="s">
        <v>353</v>
      </c>
      <c r="F1115" t="s">
        <v>354</v>
      </c>
      <c r="G1115" t="s">
        <v>80</v>
      </c>
      <c r="H1115" t="s">
        <v>81</v>
      </c>
      <c r="I1115" s="2">
        <v>1</v>
      </c>
      <c r="J1115" s="2">
        <v>0</v>
      </c>
      <c r="K1115" s="2">
        <v>0</v>
      </c>
      <c r="L1115" t="s">
        <v>120</v>
      </c>
      <c r="M1115" t="s">
        <v>87</v>
      </c>
      <c r="N1115" t="s">
        <v>88</v>
      </c>
      <c r="O1115" t="s">
        <v>85</v>
      </c>
      <c r="P1115" t="s">
        <v>86</v>
      </c>
      <c r="Q1115">
        <v>22</v>
      </c>
      <c r="R1115">
        <v>22</v>
      </c>
      <c r="S1115">
        <v>22</v>
      </c>
      <c r="T1115">
        <v>22</v>
      </c>
      <c r="U1115">
        <v>22</v>
      </c>
      <c r="V1115">
        <v>22</v>
      </c>
      <c r="W1115">
        <v>22</v>
      </c>
      <c r="X1115">
        <v>22</v>
      </c>
      <c r="Y1115">
        <v>22</v>
      </c>
      <c r="Z1115">
        <v>22</v>
      </c>
      <c r="AA1115">
        <v>22</v>
      </c>
      <c r="AB1115">
        <v>22</v>
      </c>
      <c r="AC1115">
        <v>22</v>
      </c>
      <c r="AD1115">
        <v>22</v>
      </c>
      <c r="AE1115">
        <v>22</v>
      </c>
      <c r="AF1115">
        <v>22</v>
      </c>
      <c r="AG1115">
        <v>22</v>
      </c>
      <c r="AH1115">
        <v>22</v>
      </c>
      <c r="AI1115">
        <v>22</v>
      </c>
      <c r="AJ1115">
        <v>22</v>
      </c>
      <c r="AK1115">
        <v>22</v>
      </c>
      <c r="AL1115">
        <v>22</v>
      </c>
      <c r="AM1115">
        <v>22</v>
      </c>
      <c r="AN1115">
        <v>22</v>
      </c>
      <c r="AO1115">
        <v>22</v>
      </c>
      <c r="AP1115">
        <v>22</v>
      </c>
      <c r="AQ1115">
        <v>22</v>
      </c>
    </row>
    <row r="1116" spans="1:43">
      <c r="A1116" t="s">
        <v>775</v>
      </c>
      <c r="B1116" t="s">
        <v>776</v>
      </c>
      <c r="C1116" t="s">
        <v>673</v>
      </c>
      <c r="D1116" t="s">
        <v>674</v>
      </c>
      <c r="E1116" t="s">
        <v>353</v>
      </c>
      <c r="F1116" t="s">
        <v>354</v>
      </c>
      <c r="G1116" t="s">
        <v>80</v>
      </c>
      <c r="H1116" t="s">
        <v>81</v>
      </c>
      <c r="I1116" s="2">
        <v>1</v>
      </c>
      <c r="J1116" s="2">
        <v>0</v>
      </c>
      <c r="K1116" s="2">
        <v>0</v>
      </c>
      <c r="L1116" t="s">
        <v>120</v>
      </c>
      <c r="M1116" t="s">
        <v>89</v>
      </c>
      <c r="N1116" t="s">
        <v>90</v>
      </c>
      <c r="O1116" t="s">
        <v>85</v>
      </c>
      <c r="P1116" t="s">
        <v>86</v>
      </c>
      <c r="Q1116">
        <v>22</v>
      </c>
      <c r="R1116">
        <v>22</v>
      </c>
      <c r="S1116">
        <v>23</v>
      </c>
      <c r="T1116">
        <v>23</v>
      </c>
      <c r="U1116">
        <v>24</v>
      </c>
      <c r="V1116">
        <v>24</v>
      </c>
      <c r="W1116">
        <v>24</v>
      </c>
      <c r="X1116">
        <v>25</v>
      </c>
      <c r="Y1116">
        <v>25</v>
      </c>
      <c r="Z1116">
        <v>25</v>
      </c>
      <c r="AA1116">
        <v>25</v>
      </c>
      <c r="AB1116">
        <v>26</v>
      </c>
      <c r="AC1116">
        <v>26</v>
      </c>
      <c r="AD1116">
        <v>26</v>
      </c>
      <c r="AE1116">
        <v>26</v>
      </c>
      <c r="AF1116">
        <v>26</v>
      </c>
      <c r="AG1116">
        <v>26</v>
      </c>
      <c r="AH1116">
        <v>26</v>
      </c>
      <c r="AI1116">
        <v>26</v>
      </c>
      <c r="AJ1116">
        <v>26</v>
      </c>
      <c r="AK1116">
        <v>26</v>
      </c>
      <c r="AL1116">
        <v>26</v>
      </c>
      <c r="AM1116">
        <v>26</v>
      </c>
      <c r="AN1116">
        <v>26</v>
      </c>
      <c r="AO1116">
        <v>26</v>
      </c>
      <c r="AP1116">
        <v>25</v>
      </c>
      <c r="AQ1116">
        <v>25</v>
      </c>
    </row>
    <row r="1117" spans="1:43">
      <c r="A1117" t="s">
        <v>775</v>
      </c>
      <c r="B1117" t="s">
        <v>776</v>
      </c>
      <c r="C1117" t="s">
        <v>673</v>
      </c>
      <c r="D1117" t="s">
        <v>674</v>
      </c>
      <c r="E1117" t="s">
        <v>353</v>
      </c>
      <c r="F1117" t="s">
        <v>354</v>
      </c>
      <c r="G1117" t="s">
        <v>80</v>
      </c>
      <c r="H1117" t="s">
        <v>81</v>
      </c>
      <c r="I1117" s="2">
        <v>1</v>
      </c>
      <c r="J1117" s="2">
        <v>0</v>
      </c>
      <c r="K1117" s="2">
        <v>0</v>
      </c>
      <c r="L1117" t="s">
        <v>120</v>
      </c>
      <c r="M1117" t="s">
        <v>83</v>
      </c>
      <c r="N1117" t="s">
        <v>91</v>
      </c>
      <c r="O1117" t="s">
        <v>85</v>
      </c>
      <c r="P1117" t="s">
        <v>86</v>
      </c>
      <c r="Q1117">
        <v>22</v>
      </c>
      <c r="R1117">
        <v>22</v>
      </c>
      <c r="S1117">
        <v>22</v>
      </c>
      <c r="T1117">
        <v>22</v>
      </c>
      <c r="U1117">
        <v>23</v>
      </c>
      <c r="V1117">
        <v>23</v>
      </c>
      <c r="W1117">
        <v>23</v>
      </c>
      <c r="X1117">
        <v>23</v>
      </c>
      <c r="Y1117">
        <v>24</v>
      </c>
      <c r="Z1117">
        <v>24</v>
      </c>
      <c r="AA1117">
        <v>24</v>
      </c>
      <c r="AB1117">
        <v>24</v>
      </c>
      <c r="AC1117">
        <v>24</v>
      </c>
      <c r="AD1117">
        <v>25</v>
      </c>
      <c r="AE1117">
        <v>25</v>
      </c>
      <c r="AF1117">
        <v>25</v>
      </c>
      <c r="AG1117">
        <v>25</v>
      </c>
      <c r="AH1117">
        <v>25</v>
      </c>
      <c r="AI1117">
        <v>25</v>
      </c>
      <c r="AJ1117">
        <v>26</v>
      </c>
      <c r="AK1117">
        <v>26</v>
      </c>
      <c r="AL1117">
        <v>26</v>
      </c>
      <c r="AM1117">
        <v>26</v>
      </c>
      <c r="AN1117">
        <v>25</v>
      </c>
      <c r="AO1117">
        <v>25</v>
      </c>
      <c r="AP1117">
        <v>25</v>
      </c>
      <c r="AQ1117">
        <v>25</v>
      </c>
    </row>
    <row r="1118" spans="1:43">
      <c r="A1118" t="s">
        <v>777</v>
      </c>
      <c r="B1118" t="s">
        <v>778</v>
      </c>
      <c r="C1118" t="s">
        <v>673</v>
      </c>
      <c r="D1118" t="s">
        <v>674</v>
      </c>
      <c r="E1118" t="s">
        <v>353</v>
      </c>
      <c r="F1118" t="s">
        <v>354</v>
      </c>
      <c r="G1118" t="s">
        <v>80</v>
      </c>
      <c r="H1118" t="s">
        <v>81</v>
      </c>
      <c r="I1118" s="2">
        <v>1</v>
      </c>
      <c r="J1118" s="2">
        <v>0</v>
      </c>
      <c r="K1118" s="2">
        <v>0</v>
      </c>
      <c r="L1118" t="s">
        <v>120</v>
      </c>
      <c r="M1118" t="s">
        <v>83</v>
      </c>
      <c r="N1118" t="s">
        <v>84</v>
      </c>
      <c r="O1118" t="s">
        <v>85</v>
      </c>
      <c r="P1118" t="s">
        <v>86</v>
      </c>
      <c r="Q1118">
        <v>50</v>
      </c>
      <c r="R1118">
        <v>50</v>
      </c>
      <c r="S1118">
        <v>51</v>
      </c>
      <c r="T1118">
        <v>51</v>
      </c>
      <c r="U1118">
        <v>52</v>
      </c>
      <c r="V1118">
        <v>52</v>
      </c>
      <c r="W1118">
        <v>53</v>
      </c>
      <c r="X1118">
        <v>53</v>
      </c>
      <c r="Y1118">
        <v>54</v>
      </c>
      <c r="Z1118">
        <v>54</v>
      </c>
      <c r="AA1118">
        <v>55</v>
      </c>
      <c r="AB1118">
        <v>55</v>
      </c>
      <c r="AC1118">
        <v>56</v>
      </c>
      <c r="AD1118">
        <v>56</v>
      </c>
      <c r="AE1118">
        <v>57</v>
      </c>
      <c r="AF1118">
        <v>57</v>
      </c>
      <c r="AG1118">
        <v>57</v>
      </c>
      <c r="AH1118">
        <v>58</v>
      </c>
      <c r="AI1118">
        <v>58</v>
      </c>
      <c r="AJ1118">
        <v>59</v>
      </c>
      <c r="AK1118">
        <v>59</v>
      </c>
      <c r="AL1118">
        <v>59</v>
      </c>
      <c r="AM1118">
        <v>59</v>
      </c>
      <c r="AN1118">
        <v>59</v>
      </c>
      <c r="AO1118">
        <v>58</v>
      </c>
      <c r="AP1118">
        <v>58</v>
      </c>
      <c r="AQ1118">
        <v>58</v>
      </c>
    </row>
    <row r="1119" spans="1:43">
      <c r="A1119" t="s">
        <v>777</v>
      </c>
      <c r="B1119" t="s">
        <v>778</v>
      </c>
      <c r="C1119" t="s">
        <v>673</v>
      </c>
      <c r="D1119" t="s">
        <v>674</v>
      </c>
      <c r="E1119" t="s">
        <v>353</v>
      </c>
      <c r="F1119" t="s">
        <v>354</v>
      </c>
      <c r="G1119" t="s">
        <v>80</v>
      </c>
      <c r="H1119" t="s">
        <v>81</v>
      </c>
      <c r="I1119" s="2">
        <v>1</v>
      </c>
      <c r="J1119" s="2">
        <v>0</v>
      </c>
      <c r="K1119" s="2">
        <v>0</v>
      </c>
      <c r="L1119" t="s">
        <v>120</v>
      </c>
      <c r="M1119" t="s">
        <v>87</v>
      </c>
      <c r="N1119" t="s">
        <v>88</v>
      </c>
      <c r="O1119" t="s">
        <v>85</v>
      </c>
      <c r="P1119" t="s">
        <v>86</v>
      </c>
      <c r="Q1119">
        <v>50</v>
      </c>
      <c r="R1119">
        <v>50</v>
      </c>
      <c r="S1119">
        <v>50</v>
      </c>
      <c r="T1119">
        <v>50</v>
      </c>
      <c r="U1119">
        <v>51</v>
      </c>
      <c r="V1119">
        <v>51</v>
      </c>
      <c r="W1119">
        <v>51</v>
      </c>
      <c r="X1119">
        <v>51</v>
      </c>
      <c r="Y1119">
        <v>51</v>
      </c>
      <c r="Z1119">
        <v>51</v>
      </c>
      <c r="AA1119">
        <v>51</v>
      </c>
      <c r="AB1119">
        <v>51</v>
      </c>
      <c r="AC1119">
        <v>51</v>
      </c>
      <c r="AD1119">
        <v>51</v>
      </c>
      <c r="AE1119">
        <v>51</v>
      </c>
      <c r="AF1119">
        <v>51</v>
      </c>
      <c r="AG1119">
        <v>51</v>
      </c>
      <c r="AH1119">
        <v>51</v>
      </c>
      <c r="AI1119">
        <v>51</v>
      </c>
      <c r="AJ1119">
        <v>51</v>
      </c>
      <c r="AK1119">
        <v>51</v>
      </c>
      <c r="AL1119">
        <v>51</v>
      </c>
      <c r="AM1119">
        <v>51</v>
      </c>
      <c r="AN1119">
        <v>51</v>
      </c>
      <c r="AO1119">
        <v>51</v>
      </c>
      <c r="AP1119">
        <v>52</v>
      </c>
      <c r="AQ1119">
        <v>52</v>
      </c>
    </row>
    <row r="1120" spans="1:43">
      <c r="A1120" t="s">
        <v>777</v>
      </c>
      <c r="B1120" t="s">
        <v>778</v>
      </c>
      <c r="C1120" t="s">
        <v>673</v>
      </c>
      <c r="D1120" t="s">
        <v>674</v>
      </c>
      <c r="E1120" t="s">
        <v>353</v>
      </c>
      <c r="F1120" t="s">
        <v>354</v>
      </c>
      <c r="G1120" t="s">
        <v>80</v>
      </c>
      <c r="H1120" t="s">
        <v>81</v>
      </c>
      <c r="I1120" s="2">
        <v>1</v>
      </c>
      <c r="J1120" s="2">
        <v>0</v>
      </c>
      <c r="K1120" s="2">
        <v>0</v>
      </c>
      <c r="L1120" t="s">
        <v>120</v>
      </c>
      <c r="M1120" t="s">
        <v>89</v>
      </c>
      <c r="N1120" t="s">
        <v>90</v>
      </c>
      <c r="O1120" t="s">
        <v>85</v>
      </c>
      <c r="P1120" t="s">
        <v>86</v>
      </c>
      <c r="Q1120">
        <v>50</v>
      </c>
      <c r="R1120">
        <v>51</v>
      </c>
      <c r="S1120">
        <v>52</v>
      </c>
      <c r="T1120">
        <v>53</v>
      </c>
      <c r="U1120">
        <v>54</v>
      </c>
      <c r="V1120">
        <v>55</v>
      </c>
      <c r="W1120">
        <v>55</v>
      </c>
      <c r="X1120">
        <v>56</v>
      </c>
      <c r="Y1120">
        <v>57</v>
      </c>
      <c r="Z1120">
        <v>58</v>
      </c>
      <c r="AA1120">
        <v>58</v>
      </c>
      <c r="AB1120">
        <v>59</v>
      </c>
      <c r="AC1120">
        <v>60</v>
      </c>
      <c r="AD1120">
        <v>60</v>
      </c>
      <c r="AE1120">
        <v>61</v>
      </c>
      <c r="AF1120">
        <v>60</v>
      </c>
      <c r="AG1120">
        <v>60</v>
      </c>
      <c r="AH1120">
        <v>60</v>
      </c>
      <c r="AI1120">
        <v>60</v>
      </c>
      <c r="AJ1120">
        <v>60</v>
      </c>
      <c r="AK1120">
        <v>60</v>
      </c>
      <c r="AL1120">
        <v>59</v>
      </c>
      <c r="AM1120">
        <v>59</v>
      </c>
      <c r="AN1120">
        <v>59</v>
      </c>
      <c r="AO1120">
        <v>59</v>
      </c>
      <c r="AP1120">
        <v>59</v>
      </c>
      <c r="AQ1120">
        <v>59</v>
      </c>
    </row>
    <row r="1121" spans="1:43">
      <c r="A1121" t="s">
        <v>777</v>
      </c>
      <c r="B1121" t="s">
        <v>778</v>
      </c>
      <c r="C1121" t="s">
        <v>673</v>
      </c>
      <c r="D1121" t="s">
        <v>674</v>
      </c>
      <c r="E1121" t="s">
        <v>353</v>
      </c>
      <c r="F1121" t="s">
        <v>354</v>
      </c>
      <c r="G1121" t="s">
        <v>80</v>
      </c>
      <c r="H1121" t="s">
        <v>81</v>
      </c>
      <c r="I1121" s="2">
        <v>1</v>
      </c>
      <c r="J1121" s="2">
        <v>0</v>
      </c>
      <c r="K1121" s="2">
        <v>0</v>
      </c>
      <c r="L1121" t="s">
        <v>120</v>
      </c>
      <c r="M1121" t="s">
        <v>83</v>
      </c>
      <c r="N1121" t="s">
        <v>91</v>
      </c>
      <c r="O1121" t="s">
        <v>85</v>
      </c>
      <c r="P1121" t="s">
        <v>86</v>
      </c>
      <c r="Q1121">
        <v>50</v>
      </c>
      <c r="R1121">
        <v>50</v>
      </c>
      <c r="S1121">
        <v>51</v>
      </c>
      <c r="T1121">
        <v>51</v>
      </c>
      <c r="U1121">
        <v>52</v>
      </c>
      <c r="V1121">
        <v>52</v>
      </c>
      <c r="W1121">
        <v>53</v>
      </c>
      <c r="X1121">
        <v>53</v>
      </c>
      <c r="Y1121">
        <v>54</v>
      </c>
      <c r="Z1121">
        <v>54</v>
      </c>
      <c r="AA1121">
        <v>55</v>
      </c>
      <c r="AB1121">
        <v>55</v>
      </c>
      <c r="AC1121">
        <v>56</v>
      </c>
      <c r="AD1121">
        <v>56</v>
      </c>
      <c r="AE1121">
        <v>57</v>
      </c>
      <c r="AF1121">
        <v>57</v>
      </c>
      <c r="AG1121">
        <v>57</v>
      </c>
      <c r="AH1121">
        <v>58</v>
      </c>
      <c r="AI1121">
        <v>58</v>
      </c>
      <c r="AJ1121">
        <v>59</v>
      </c>
      <c r="AK1121">
        <v>59</v>
      </c>
      <c r="AL1121">
        <v>59</v>
      </c>
      <c r="AM1121">
        <v>59</v>
      </c>
      <c r="AN1121">
        <v>59</v>
      </c>
      <c r="AO1121">
        <v>58</v>
      </c>
      <c r="AP1121">
        <v>58</v>
      </c>
      <c r="AQ1121">
        <v>58</v>
      </c>
    </row>
    <row r="1122" spans="1:43">
      <c r="A1122" t="s">
        <v>779</v>
      </c>
      <c r="B1122" t="s">
        <v>780</v>
      </c>
      <c r="C1122" t="s">
        <v>761</v>
      </c>
      <c r="D1122" t="s">
        <v>762</v>
      </c>
      <c r="E1122" t="s">
        <v>353</v>
      </c>
      <c r="F1122" t="s">
        <v>354</v>
      </c>
      <c r="G1122" t="s">
        <v>80</v>
      </c>
      <c r="H1122" t="s">
        <v>81</v>
      </c>
      <c r="I1122" s="2">
        <v>1</v>
      </c>
      <c r="J1122" s="2">
        <v>0</v>
      </c>
      <c r="K1122" s="2">
        <v>0</v>
      </c>
      <c r="L1122" t="s">
        <v>120</v>
      </c>
      <c r="M1122" t="s">
        <v>83</v>
      </c>
      <c r="N1122" t="s">
        <v>84</v>
      </c>
      <c r="O1122" t="s">
        <v>85</v>
      </c>
      <c r="P1122" t="s">
        <v>86</v>
      </c>
      <c r="Q1122">
        <v>32</v>
      </c>
      <c r="R1122">
        <v>33</v>
      </c>
      <c r="S1122">
        <v>33</v>
      </c>
      <c r="T1122">
        <v>33</v>
      </c>
      <c r="U1122">
        <v>34</v>
      </c>
      <c r="V1122">
        <v>34</v>
      </c>
      <c r="W1122">
        <v>34</v>
      </c>
      <c r="X1122">
        <v>35</v>
      </c>
      <c r="Y1122">
        <v>35</v>
      </c>
      <c r="Z1122">
        <v>35</v>
      </c>
      <c r="AA1122">
        <v>36</v>
      </c>
      <c r="AB1122">
        <v>36</v>
      </c>
      <c r="AC1122">
        <v>36</v>
      </c>
      <c r="AD1122">
        <v>36</v>
      </c>
      <c r="AE1122">
        <v>37</v>
      </c>
      <c r="AF1122">
        <v>37</v>
      </c>
      <c r="AG1122">
        <v>37</v>
      </c>
      <c r="AH1122">
        <v>37</v>
      </c>
      <c r="AI1122">
        <v>38</v>
      </c>
      <c r="AJ1122">
        <v>38</v>
      </c>
      <c r="AK1122">
        <v>38</v>
      </c>
      <c r="AL1122">
        <v>38</v>
      </c>
      <c r="AM1122">
        <v>38</v>
      </c>
      <c r="AN1122">
        <v>38</v>
      </c>
      <c r="AO1122">
        <v>38</v>
      </c>
      <c r="AP1122">
        <v>37</v>
      </c>
      <c r="AQ1122">
        <v>37</v>
      </c>
    </row>
    <row r="1123" spans="1:43">
      <c r="A1123" t="s">
        <v>779</v>
      </c>
      <c r="B1123" t="s">
        <v>780</v>
      </c>
      <c r="C1123" t="s">
        <v>761</v>
      </c>
      <c r="D1123" t="s">
        <v>762</v>
      </c>
      <c r="E1123" t="s">
        <v>353</v>
      </c>
      <c r="F1123" t="s">
        <v>354</v>
      </c>
      <c r="G1123" t="s">
        <v>80</v>
      </c>
      <c r="H1123" t="s">
        <v>81</v>
      </c>
      <c r="I1123" s="2">
        <v>1</v>
      </c>
      <c r="J1123" s="2">
        <v>0</v>
      </c>
      <c r="K1123" s="2">
        <v>0</v>
      </c>
      <c r="L1123" t="s">
        <v>120</v>
      </c>
      <c r="M1123" t="s">
        <v>87</v>
      </c>
      <c r="N1123" t="s">
        <v>88</v>
      </c>
      <c r="O1123" t="s">
        <v>85</v>
      </c>
      <c r="P1123" t="s">
        <v>86</v>
      </c>
      <c r="Q1123">
        <v>32</v>
      </c>
      <c r="R1123">
        <v>32</v>
      </c>
      <c r="S1123">
        <v>32</v>
      </c>
      <c r="T1123">
        <v>32</v>
      </c>
      <c r="U1123">
        <v>32</v>
      </c>
      <c r="V1123">
        <v>32</v>
      </c>
      <c r="W1123">
        <v>32</v>
      </c>
      <c r="X1123">
        <v>32</v>
      </c>
      <c r="Y1123">
        <v>32</v>
      </c>
      <c r="Z1123">
        <v>32</v>
      </c>
      <c r="AA1123">
        <v>32</v>
      </c>
      <c r="AB1123">
        <v>32</v>
      </c>
      <c r="AC1123">
        <v>32</v>
      </c>
      <c r="AD1123">
        <v>32</v>
      </c>
      <c r="AE1123">
        <v>33</v>
      </c>
      <c r="AF1123">
        <v>33</v>
      </c>
      <c r="AG1123">
        <v>33</v>
      </c>
      <c r="AH1123">
        <v>33</v>
      </c>
      <c r="AI1123">
        <v>33</v>
      </c>
      <c r="AJ1123">
        <v>33</v>
      </c>
      <c r="AK1123">
        <v>33</v>
      </c>
      <c r="AL1123">
        <v>33</v>
      </c>
      <c r="AM1123">
        <v>33</v>
      </c>
      <c r="AN1123">
        <v>33</v>
      </c>
      <c r="AO1123">
        <v>33</v>
      </c>
      <c r="AP1123">
        <v>33</v>
      </c>
      <c r="AQ1123">
        <v>33</v>
      </c>
    </row>
    <row r="1124" spans="1:43">
      <c r="A1124" t="s">
        <v>779</v>
      </c>
      <c r="B1124" t="s">
        <v>780</v>
      </c>
      <c r="C1124" t="s">
        <v>761</v>
      </c>
      <c r="D1124" t="s">
        <v>762</v>
      </c>
      <c r="E1124" t="s">
        <v>353</v>
      </c>
      <c r="F1124" t="s">
        <v>354</v>
      </c>
      <c r="G1124" t="s">
        <v>80</v>
      </c>
      <c r="H1124" t="s">
        <v>81</v>
      </c>
      <c r="I1124" s="2">
        <v>1</v>
      </c>
      <c r="J1124" s="2">
        <v>0</v>
      </c>
      <c r="K1124" s="2">
        <v>0</v>
      </c>
      <c r="L1124" t="s">
        <v>120</v>
      </c>
      <c r="M1124" t="s">
        <v>89</v>
      </c>
      <c r="N1124" t="s">
        <v>90</v>
      </c>
      <c r="O1124" t="s">
        <v>85</v>
      </c>
      <c r="P1124" t="s">
        <v>86</v>
      </c>
      <c r="Q1124">
        <v>32</v>
      </c>
      <c r="R1124">
        <v>32</v>
      </c>
      <c r="S1124">
        <v>33</v>
      </c>
      <c r="T1124">
        <v>33</v>
      </c>
      <c r="U1124">
        <v>34</v>
      </c>
      <c r="V1124">
        <v>35</v>
      </c>
      <c r="W1124">
        <v>35</v>
      </c>
      <c r="X1124">
        <v>35</v>
      </c>
      <c r="Y1124">
        <v>36</v>
      </c>
      <c r="Z1124">
        <v>36</v>
      </c>
      <c r="AA1124">
        <v>37</v>
      </c>
      <c r="AB1124">
        <v>37</v>
      </c>
      <c r="AC1124">
        <v>38</v>
      </c>
      <c r="AD1124">
        <v>38</v>
      </c>
      <c r="AE1124">
        <v>38</v>
      </c>
      <c r="AF1124">
        <v>38</v>
      </c>
      <c r="AG1124">
        <v>38</v>
      </c>
      <c r="AH1124">
        <v>38</v>
      </c>
      <c r="AI1124">
        <v>38</v>
      </c>
      <c r="AJ1124">
        <v>38</v>
      </c>
      <c r="AK1124">
        <v>37</v>
      </c>
      <c r="AL1124">
        <v>37</v>
      </c>
      <c r="AM1124">
        <v>37</v>
      </c>
      <c r="AN1124">
        <v>37</v>
      </c>
      <c r="AO1124">
        <v>37</v>
      </c>
      <c r="AP1124">
        <v>37</v>
      </c>
      <c r="AQ1124">
        <v>37</v>
      </c>
    </row>
    <row r="1125" spans="1:43">
      <c r="A1125" t="s">
        <v>779</v>
      </c>
      <c r="B1125" t="s">
        <v>780</v>
      </c>
      <c r="C1125" t="s">
        <v>761</v>
      </c>
      <c r="D1125" t="s">
        <v>762</v>
      </c>
      <c r="E1125" t="s">
        <v>353</v>
      </c>
      <c r="F1125" t="s">
        <v>354</v>
      </c>
      <c r="G1125" t="s">
        <v>80</v>
      </c>
      <c r="H1125" t="s">
        <v>81</v>
      </c>
      <c r="I1125" s="2">
        <v>1</v>
      </c>
      <c r="J1125" s="2">
        <v>0</v>
      </c>
      <c r="K1125" s="2">
        <v>0</v>
      </c>
      <c r="L1125" t="s">
        <v>120</v>
      </c>
      <c r="M1125" t="s">
        <v>83</v>
      </c>
      <c r="N1125" t="s">
        <v>91</v>
      </c>
      <c r="O1125" t="s">
        <v>85</v>
      </c>
      <c r="P1125" t="s">
        <v>86</v>
      </c>
      <c r="Q1125">
        <v>32</v>
      </c>
      <c r="R1125">
        <v>33</v>
      </c>
      <c r="S1125">
        <v>33</v>
      </c>
      <c r="T1125">
        <v>33</v>
      </c>
      <c r="U1125">
        <v>34</v>
      </c>
      <c r="V1125">
        <v>34</v>
      </c>
      <c r="W1125">
        <v>34</v>
      </c>
      <c r="X1125">
        <v>35</v>
      </c>
      <c r="Y1125">
        <v>35</v>
      </c>
      <c r="Z1125">
        <v>35</v>
      </c>
      <c r="AA1125">
        <v>36</v>
      </c>
      <c r="AB1125">
        <v>36</v>
      </c>
      <c r="AC1125">
        <v>36</v>
      </c>
      <c r="AD1125">
        <v>36</v>
      </c>
      <c r="AE1125">
        <v>37</v>
      </c>
      <c r="AF1125">
        <v>37</v>
      </c>
      <c r="AG1125">
        <v>37</v>
      </c>
      <c r="AH1125">
        <v>37</v>
      </c>
      <c r="AI1125">
        <v>38</v>
      </c>
      <c r="AJ1125">
        <v>38</v>
      </c>
      <c r="AK1125">
        <v>38</v>
      </c>
      <c r="AL1125">
        <v>38</v>
      </c>
      <c r="AM1125">
        <v>38</v>
      </c>
      <c r="AN1125">
        <v>38</v>
      </c>
      <c r="AO1125">
        <v>38</v>
      </c>
      <c r="AP1125">
        <v>37</v>
      </c>
      <c r="AQ1125">
        <v>37</v>
      </c>
    </row>
    <row r="1126" spans="1:43">
      <c r="A1126" t="s">
        <v>781</v>
      </c>
      <c r="B1126" t="s">
        <v>782</v>
      </c>
      <c r="C1126" t="s">
        <v>557</v>
      </c>
      <c r="D1126" t="s">
        <v>558</v>
      </c>
      <c r="E1126" t="s">
        <v>353</v>
      </c>
      <c r="F1126" t="s">
        <v>354</v>
      </c>
      <c r="G1126" t="s">
        <v>80</v>
      </c>
      <c r="H1126" t="s">
        <v>81</v>
      </c>
      <c r="I1126" s="2">
        <v>1</v>
      </c>
      <c r="J1126" s="2">
        <v>0</v>
      </c>
      <c r="K1126" s="2">
        <v>0</v>
      </c>
      <c r="L1126" t="s">
        <v>120</v>
      </c>
      <c r="M1126" t="s">
        <v>83</v>
      </c>
      <c r="N1126" t="s">
        <v>84</v>
      </c>
      <c r="O1126" t="s">
        <v>85</v>
      </c>
      <c r="P1126" t="s">
        <v>86</v>
      </c>
      <c r="Q1126">
        <v>47</v>
      </c>
      <c r="R1126">
        <v>47</v>
      </c>
      <c r="S1126">
        <v>48</v>
      </c>
      <c r="T1126">
        <v>48</v>
      </c>
      <c r="U1126">
        <v>49</v>
      </c>
      <c r="V1126">
        <v>49</v>
      </c>
      <c r="W1126">
        <v>50</v>
      </c>
      <c r="X1126">
        <v>50</v>
      </c>
      <c r="Y1126">
        <v>51</v>
      </c>
      <c r="Z1126">
        <v>51</v>
      </c>
      <c r="AA1126">
        <v>52</v>
      </c>
      <c r="AB1126">
        <v>52</v>
      </c>
      <c r="AC1126">
        <v>53</v>
      </c>
      <c r="AD1126">
        <v>53</v>
      </c>
      <c r="AE1126">
        <v>53</v>
      </c>
      <c r="AF1126">
        <v>54</v>
      </c>
      <c r="AG1126">
        <v>54</v>
      </c>
      <c r="AH1126">
        <v>55</v>
      </c>
      <c r="AI1126">
        <v>55</v>
      </c>
      <c r="AJ1126">
        <v>55</v>
      </c>
      <c r="AK1126">
        <v>56</v>
      </c>
      <c r="AL1126">
        <v>56</v>
      </c>
      <c r="AM1126">
        <v>56</v>
      </c>
      <c r="AN1126">
        <v>56</v>
      </c>
      <c r="AO1126">
        <v>55</v>
      </c>
      <c r="AP1126">
        <v>55</v>
      </c>
      <c r="AQ1126">
        <v>55</v>
      </c>
    </row>
    <row r="1127" spans="1:43">
      <c r="A1127" t="s">
        <v>781</v>
      </c>
      <c r="B1127" t="s">
        <v>782</v>
      </c>
      <c r="C1127" t="s">
        <v>557</v>
      </c>
      <c r="D1127" t="s">
        <v>558</v>
      </c>
      <c r="E1127" t="s">
        <v>353</v>
      </c>
      <c r="F1127" t="s">
        <v>354</v>
      </c>
      <c r="G1127" t="s">
        <v>80</v>
      </c>
      <c r="H1127" t="s">
        <v>81</v>
      </c>
      <c r="I1127" s="2">
        <v>1</v>
      </c>
      <c r="J1127" s="2">
        <v>0</v>
      </c>
      <c r="K1127" s="2">
        <v>0</v>
      </c>
      <c r="L1127" t="s">
        <v>120</v>
      </c>
      <c r="M1127" t="s">
        <v>87</v>
      </c>
      <c r="N1127" t="s">
        <v>88</v>
      </c>
      <c r="O1127" t="s">
        <v>85</v>
      </c>
      <c r="P1127" t="s">
        <v>86</v>
      </c>
      <c r="Q1127">
        <v>47</v>
      </c>
      <c r="R1127">
        <v>47</v>
      </c>
      <c r="S1127">
        <v>48</v>
      </c>
      <c r="T1127">
        <v>48</v>
      </c>
      <c r="U1127">
        <v>48</v>
      </c>
      <c r="V1127">
        <v>48</v>
      </c>
      <c r="W1127">
        <v>48</v>
      </c>
      <c r="X1127">
        <v>48</v>
      </c>
      <c r="Y1127">
        <v>48</v>
      </c>
      <c r="Z1127">
        <v>48</v>
      </c>
      <c r="AA1127">
        <v>48</v>
      </c>
      <c r="AB1127">
        <v>48</v>
      </c>
      <c r="AC1127">
        <v>48</v>
      </c>
      <c r="AD1127">
        <v>48</v>
      </c>
      <c r="AE1127">
        <v>48</v>
      </c>
      <c r="AF1127">
        <v>48</v>
      </c>
      <c r="AG1127">
        <v>48</v>
      </c>
      <c r="AH1127">
        <v>49</v>
      </c>
      <c r="AI1127">
        <v>49</v>
      </c>
      <c r="AJ1127">
        <v>49</v>
      </c>
      <c r="AK1127">
        <v>49</v>
      </c>
      <c r="AL1127">
        <v>49</v>
      </c>
      <c r="AM1127">
        <v>49</v>
      </c>
      <c r="AN1127">
        <v>49</v>
      </c>
      <c r="AO1127">
        <v>49</v>
      </c>
      <c r="AP1127">
        <v>49</v>
      </c>
      <c r="AQ1127">
        <v>49</v>
      </c>
    </row>
    <row r="1128" spans="1:43">
      <c r="A1128" t="s">
        <v>781</v>
      </c>
      <c r="B1128" t="s">
        <v>782</v>
      </c>
      <c r="C1128" t="s">
        <v>557</v>
      </c>
      <c r="D1128" t="s">
        <v>558</v>
      </c>
      <c r="E1128" t="s">
        <v>353</v>
      </c>
      <c r="F1128" t="s">
        <v>354</v>
      </c>
      <c r="G1128" t="s">
        <v>80</v>
      </c>
      <c r="H1128" t="s">
        <v>81</v>
      </c>
      <c r="I1128" s="2">
        <v>1</v>
      </c>
      <c r="J1128" s="2">
        <v>0</v>
      </c>
      <c r="K1128" s="2">
        <v>0</v>
      </c>
      <c r="L1128" t="s">
        <v>120</v>
      </c>
      <c r="M1128" t="s">
        <v>89</v>
      </c>
      <c r="N1128" t="s">
        <v>90</v>
      </c>
      <c r="O1128" t="s">
        <v>85</v>
      </c>
      <c r="P1128" t="s">
        <v>86</v>
      </c>
      <c r="Q1128">
        <v>47</v>
      </c>
      <c r="R1128">
        <v>48</v>
      </c>
      <c r="S1128">
        <v>49</v>
      </c>
      <c r="T1128">
        <v>50</v>
      </c>
      <c r="U1128">
        <v>51</v>
      </c>
      <c r="V1128">
        <v>52</v>
      </c>
      <c r="W1128">
        <v>52</v>
      </c>
      <c r="X1128">
        <v>53</v>
      </c>
      <c r="Y1128">
        <v>54</v>
      </c>
      <c r="Z1128">
        <v>54</v>
      </c>
      <c r="AA1128">
        <v>55</v>
      </c>
      <c r="AB1128">
        <v>56</v>
      </c>
      <c r="AC1128">
        <v>56</v>
      </c>
      <c r="AD1128">
        <v>57</v>
      </c>
      <c r="AE1128">
        <v>57</v>
      </c>
      <c r="AF1128">
        <v>57</v>
      </c>
      <c r="AG1128">
        <v>57</v>
      </c>
      <c r="AH1128">
        <v>57</v>
      </c>
      <c r="AI1128">
        <v>57</v>
      </c>
      <c r="AJ1128">
        <v>57</v>
      </c>
      <c r="AK1128">
        <v>57</v>
      </c>
      <c r="AL1128">
        <v>56</v>
      </c>
      <c r="AM1128">
        <v>56</v>
      </c>
      <c r="AN1128">
        <v>56</v>
      </c>
      <c r="AO1128">
        <v>56</v>
      </c>
      <c r="AP1128">
        <v>56</v>
      </c>
      <c r="AQ1128">
        <v>56</v>
      </c>
    </row>
    <row r="1129" spans="1:43">
      <c r="A1129" t="s">
        <v>781</v>
      </c>
      <c r="B1129" t="s">
        <v>782</v>
      </c>
      <c r="C1129" t="s">
        <v>557</v>
      </c>
      <c r="D1129" t="s">
        <v>558</v>
      </c>
      <c r="E1129" t="s">
        <v>353</v>
      </c>
      <c r="F1129" t="s">
        <v>354</v>
      </c>
      <c r="G1129" t="s">
        <v>80</v>
      </c>
      <c r="H1129" t="s">
        <v>81</v>
      </c>
      <c r="I1129" s="2">
        <v>1</v>
      </c>
      <c r="J1129" s="2">
        <v>0</v>
      </c>
      <c r="K1129" s="2">
        <v>0</v>
      </c>
      <c r="L1129" t="s">
        <v>120</v>
      </c>
      <c r="M1129" t="s">
        <v>83</v>
      </c>
      <c r="N1129" t="s">
        <v>91</v>
      </c>
      <c r="O1129" t="s">
        <v>85</v>
      </c>
      <c r="P1129" t="s">
        <v>86</v>
      </c>
      <c r="Q1129">
        <v>47</v>
      </c>
      <c r="R1129">
        <v>47</v>
      </c>
      <c r="S1129">
        <v>48</v>
      </c>
      <c r="T1129">
        <v>48</v>
      </c>
      <c r="U1129">
        <v>49</v>
      </c>
      <c r="V1129">
        <v>49</v>
      </c>
      <c r="W1129">
        <v>50</v>
      </c>
      <c r="X1129">
        <v>50</v>
      </c>
      <c r="Y1129">
        <v>51</v>
      </c>
      <c r="Z1129">
        <v>51</v>
      </c>
      <c r="AA1129">
        <v>52</v>
      </c>
      <c r="AB1129">
        <v>52</v>
      </c>
      <c r="AC1129">
        <v>53</v>
      </c>
      <c r="AD1129">
        <v>53</v>
      </c>
      <c r="AE1129">
        <v>53</v>
      </c>
      <c r="AF1129">
        <v>54</v>
      </c>
      <c r="AG1129">
        <v>54</v>
      </c>
      <c r="AH1129">
        <v>55</v>
      </c>
      <c r="AI1129">
        <v>55</v>
      </c>
      <c r="AJ1129">
        <v>55</v>
      </c>
      <c r="AK1129">
        <v>56</v>
      </c>
      <c r="AL1129">
        <v>56</v>
      </c>
      <c r="AM1129">
        <v>56</v>
      </c>
      <c r="AN1129">
        <v>56</v>
      </c>
      <c r="AO1129">
        <v>55</v>
      </c>
      <c r="AP1129">
        <v>55</v>
      </c>
      <c r="AQ1129">
        <v>55</v>
      </c>
    </row>
    <row r="1130" spans="1:43">
      <c r="A1130" t="s">
        <v>783</v>
      </c>
      <c r="B1130" t="s">
        <v>784</v>
      </c>
      <c r="C1130" t="s">
        <v>557</v>
      </c>
      <c r="D1130" t="s">
        <v>558</v>
      </c>
      <c r="E1130" t="s">
        <v>353</v>
      </c>
      <c r="F1130" t="s">
        <v>354</v>
      </c>
      <c r="G1130" t="s">
        <v>80</v>
      </c>
      <c r="H1130" t="s">
        <v>81</v>
      </c>
      <c r="I1130" s="2">
        <v>1</v>
      </c>
      <c r="J1130" s="2">
        <v>0</v>
      </c>
      <c r="K1130" s="2">
        <v>0</v>
      </c>
      <c r="L1130" t="s">
        <v>120</v>
      </c>
      <c r="M1130" t="s">
        <v>83</v>
      </c>
      <c r="N1130" t="s">
        <v>84</v>
      </c>
      <c r="O1130" t="s">
        <v>85</v>
      </c>
      <c r="P1130" t="s">
        <v>86</v>
      </c>
      <c r="Q1130">
        <v>118</v>
      </c>
      <c r="R1130">
        <v>119</v>
      </c>
      <c r="S1130">
        <v>120</v>
      </c>
      <c r="T1130">
        <v>122</v>
      </c>
      <c r="U1130">
        <v>123</v>
      </c>
      <c r="V1130">
        <v>124</v>
      </c>
      <c r="W1130">
        <v>126</v>
      </c>
      <c r="X1130">
        <v>127</v>
      </c>
      <c r="Y1130">
        <v>128</v>
      </c>
      <c r="Z1130">
        <v>129</v>
      </c>
      <c r="AA1130">
        <v>130</v>
      </c>
      <c r="AB1130">
        <v>131</v>
      </c>
      <c r="AC1130">
        <v>132</v>
      </c>
      <c r="AD1130">
        <v>133</v>
      </c>
      <c r="AE1130">
        <v>134</v>
      </c>
      <c r="AF1130">
        <v>135</v>
      </c>
      <c r="AG1130">
        <v>136</v>
      </c>
      <c r="AH1130">
        <v>137</v>
      </c>
      <c r="AI1130">
        <v>138</v>
      </c>
      <c r="AJ1130">
        <v>139</v>
      </c>
      <c r="AK1130">
        <v>140</v>
      </c>
      <c r="AL1130">
        <v>140</v>
      </c>
      <c r="AM1130">
        <v>140</v>
      </c>
      <c r="AN1130">
        <v>139</v>
      </c>
      <c r="AO1130">
        <v>139</v>
      </c>
      <c r="AP1130">
        <v>139</v>
      </c>
      <c r="AQ1130">
        <v>138</v>
      </c>
    </row>
    <row r="1131" spans="1:43">
      <c r="A1131" t="s">
        <v>783</v>
      </c>
      <c r="B1131" t="s">
        <v>784</v>
      </c>
      <c r="C1131" t="s">
        <v>557</v>
      </c>
      <c r="D1131" t="s">
        <v>558</v>
      </c>
      <c r="E1131" t="s">
        <v>353</v>
      </c>
      <c r="F1131" t="s">
        <v>354</v>
      </c>
      <c r="G1131" t="s">
        <v>80</v>
      </c>
      <c r="H1131" t="s">
        <v>81</v>
      </c>
      <c r="I1131" s="2">
        <v>1</v>
      </c>
      <c r="J1131" s="2">
        <v>0</v>
      </c>
      <c r="K1131" s="2">
        <v>0</v>
      </c>
      <c r="L1131" t="s">
        <v>120</v>
      </c>
      <c r="M1131" t="s">
        <v>87</v>
      </c>
      <c r="N1131" t="s">
        <v>88</v>
      </c>
      <c r="O1131" t="s">
        <v>85</v>
      </c>
      <c r="P1131" t="s">
        <v>86</v>
      </c>
      <c r="Q1131">
        <v>118</v>
      </c>
      <c r="R1131">
        <v>118</v>
      </c>
      <c r="S1131">
        <v>118</v>
      </c>
      <c r="T1131">
        <v>118</v>
      </c>
      <c r="U1131">
        <v>119</v>
      </c>
      <c r="V1131">
        <v>119</v>
      </c>
      <c r="W1131">
        <v>119</v>
      </c>
      <c r="X1131">
        <v>119</v>
      </c>
      <c r="Y1131">
        <v>119</v>
      </c>
      <c r="Z1131">
        <v>119</v>
      </c>
      <c r="AA1131">
        <v>120</v>
      </c>
      <c r="AB1131">
        <v>120</v>
      </c>
      <c r="AC1131">
        <v>120</v>
      </c>
      <c r="AD1131">
        <v>120</v>
      </c>
      <c r="AE1131">
        <v>120</v>
      </c>
      <c r="AF1131">
        <v>120</v>
      </c>
      <c r="AG1131">
        <v>120</v>
      </c>
      <c r="AH1131">
        <v>120</v>
      </c>
      <c r="AI1131">
        <v>120</v>
      </c>
      <c r="AJ1131">
        <v>121</v>
      </c>
      <c r="AK1131">
        <v>121</v>
      </c>
      <c r="AL1131">
        <v>121</v>
      </c>
      <c r="AM1131">
        <v>121</v>
      </c>
      <c r="AN1131">
        <v>121</v>
      </c>
      <c r="AO1131">
        <v>121</v>
      </c>
      <c r="AP1131">
        <v>121</v>
      </c>
      <c r="AQ1131">
        <v>121</v>
      </c>
    </row>
    <row r="1132" spans="1:43">
      <c r="A1132" t="s">
        <v>783</v>
      </c>
      <c r="B1132" t="s">
        <v>784</v>
      </c>
      <c r="C1132" t="s">
        <v>557</v>
      </c>
      <c r="D1132" t="s">
        <v>558</v>
      </c>
      <c r="E1132" t="s">
        <v>353</v>
      </c>
      <c r="F1132" t="s">
        <v>354</v>
      </c>
      <c r="G1132" t="s">
        <v>80</v>
      </c>
      <c r="H1132" t="s">
        <v>81</v>
      </c>
      <c r="I1132" s="2">
        <v>1</v>
      </c>
      <c r="J1132" s="2">
        <v>0</v>
      </c>
      <c r="K1132" s="2">
        <v>0</v>
      </c>
      <c r="L1132" t="s">
        <v>120</v>
      </c>
      <c r="M1132" t="s">
        <v>89</v>
      </c>
      <c r="N1132" t="s">
        <v>90</v>
      </c>
      <c r="O1132" t="s">
        <v>85</v>
      </c>
      <c r="P1132" t="s">
        <v>86</v>
      </c>
      <c r="Q1132">
        <v>118</v>
      </c>
      <c r="R1132">
        <v>120</v>
      </c>
      <c r="S1132">
        <v>122</v>
      </c>
      <c r="T1132">
        <v>125</v>
      </c>
      <c r="U1132">
        <v>127</v>
      </c>
      <c r="V1132">
        <v>129</v>
      </c>
      <c r="W1132">
        <v>131</v>
      </c>
      <c r="X1132">
        <v>132</v>
      </c>
      <c r="Y1132">
        <v>134</v>
      </c>
      <c r="Z1132">
        <v>136</v>
      </c>
      <c r="AA1132">
        <v>137</v>
      </c>
      <c r="AB1132">
        <v>139</v>
      </c>
      <c r="AC1132">
        <v>141</v>
      </c>
      <c r="AD1132">
        <v>142</v>
      </c>
      <c r="AE1132">
        <v>143</v>
      </c>
      <c r="AF1132">
        <v>143</v>
      </c>
      <c r="AG1132">
        <v>142</v>
      </c>
      <c r="AH1132">
        <v>142</v>
      </c>
      <c r="AI1132">
        <v>141</v>
      </c>
      <c r="AJ1132">
        <v>141</v>
      </c>
      <c r="AK1132">
        <v>141</v>
      </c>
      <c r="AL1132">
        <v>140</v>
      </c>
      <c r="AM1132">
        <v>140</v>
      </c>
      <c r="AN1132">
        <v>139</v>
      </c>
      <c r="AO1132">
        <v>139</v>
      </c>
      <c r="AP1132">
        <v>139</v>
      </c>
      <c r="AQ1132">
        <v>138</v>
      </c>
    </row>
    <row r="1133" spans="1:43">
      <c r="A1133" t="s">
        <v>783</v>
      </c>
      <c r="B1133" t="s">
        <v>784</v>
      </c>
      <c r="C1133" t="s">
        <v>557</v>
      </c>
      <c r="D1133" t="s">
        <v>558</v>
      </c>
      <c r="E1133" t="s">
        <v>353</v>
      </c>
      <c r="F1133" t="s">
        <v>354</v>
      </c>
      <c r="G1133" t="s">
        <v>80</v>
      </c>
      <c r="H1133" t="s">
        <v>81</v>
      </c>
      <c r="I1133" s="2">
        <v>1</v>
      </c>
      <c r="J1133" s="2">
        <v>0</v>
      </c>
      <c r="K1133" s="2">
        <v>0</v>
      </c>
      <c r="L1133" t="s">
        <v>120</v>
      </c>
      <c r="M1133" t="s">
        <v>83</v>
      </c>
      <c r="N1133" t="s">
        <v>91</v>
      </c>
      <c r="O1133" t="s">
        <v>85</v>
      </c>
      <c r="P1133" t="s">
        <v>86</v>
      </c>
      <c r="Q1133">
        <v>118</v>
      </c>
      <c r="R1133">
        <v>119</v>
      </c>
      <c r="S1133">
        <v>120</v>
      </c>
      <c r="T1133">
        <v>122</v>
      </c>
      <c r="U1133">
        <v>123</v>
      </c>
      <c r="V1133">
        <v>124</v>
      </c>
      <c r="W1133">
        <v>126</v>
      </c>
      <c r="X1133">
        <v>127</v>
      </c>
      <c r="Y1133">
        <v>128</v>
      </c>
      <c r="Z1133">
        <v>129</v>
      </c>
      <c r="AA1133">
        <v>130</v>
      </c>
      <c r="AB1133">
        <v>131</v>
      </c>
      <c r="AC1133">
        <v>132</v>
      </c>
      <c r="AD1133">
        <v>133</v>
      </c>
      <c r="AE1133">
        <v>134</v>
      </c>
      <c r="AF1133">
        <v>135</v>
      </c>
      <c r="AG1133">
        <v>136</v>
      </c>
      <c r="AH1133">
        <v>137</v>
      </c>
      <c r="AI1133">
        <v>138</v>
      </c>
      <c r="AJ1133">
        <v>139</v>
      </c>
      <c r="AK1133">
        <v>140</v>
      </c>
      <c r="AL1133">
        <v>140</v>
      </c>
      <c r="AM1133">
        <v>140</v>
      </c>
      <c r="AN1133">
        <v>139</v>
      </c>
      <c r="AO1133">
        <v>139</v>
      </c>
      <c r="AP1133">
        <v>139</v>
      </c>
      <c r="AQ1133">
        <v>138</v>
      </c>
    </row>
    <row r="1134" spans="1:43">
      <c r="A1134" t="s">
        <v>785</v>
      </c>
      <c r="B1134" t="s">
        <v>786</v>
      </c>
      <c r="C1134" t="s">
        <v>501</v>
      </c>
      <c r="D1134" t="s">
        <v>502</v>
      </c>
      <c r="E1134" t="s">
        <v>353</v>
      </c>
      <c r="F1134" t="s">
        <v>354</v>
      </c>
      <c r="G1134" t="s">
        <v>80</v>
      </c>
      <c r="H1134" t="s">
        <v>81</v>
      </c>
      <c r="I1134" s="2">
        <v>1</v>
      </c>
      <c r="J1134" s="2">
        <v>0</v>
      </c>
      <c r="K1134" s="2">
        <v>0</v>
      </c>
      <c r="L1134" t="s">
        <v>120</v>
      </c>
      <c r="M1134" t="s">
        <v>83</v>
      </c>
      <c r="N1134" t="s">
        <v>84</v>
      </c>
      <c r="O1134" t="s">
        <v>85</v>
      </c>
      <c r="P1134" t="s">
        <v>86</v>
      </c>
      <c r="Q1134">
        <v>27</v>
      </c>
      <c r="R1134">
        <v>28</v>
      </c>
      <c r="S1134">
        <v>28</v>
      </c>
      <c r="T1134">
        <v>28</v>
      </c>
      <c r="U1134">
        <v>29</v>
      </c>
      <c r="V1134">
        <v>29</v>
      </c>
      <c r="W1134">
        <v>29</v>
      </c>
      <c r="X1134">
        <v>30</v>
      </c>
      <c r="Y1134">
        <v>30</v>
      </c>
      <c r="Z1134">
        <v>30</v>
      </c>
      <c r="AA1134">
        <v>30</v>
      </c>
      <c r="AB1134">
        <v>31</v>
      </c>
      <c r="AC1134">
        <v>31</v>
      </c>
      <c r="AD1134">
        <v>31</v>
      </c>
      <c r="AE1134">
        <v>31</v>
      </c>
      <c r="AF1134">
        <v>32</v>
      </c>
      <c r="AG1134">
        <v>32</v>
      </c>
      <c r="AH1134">
        <v>32</v>
      </c>
      <c r="AI1134">
        <v>32</v>
      </c>
      <c r="AJ1134">
        <v>33</v>
      </c>
      <c r="AK1134">
        <v>33</v>
      </c>
      <c r="AL1134">
        <v>33</v>
      </c>
      <c r="AM1134">
        <v>33</v>
      </c>
      <c r="AN1134">
        <v>33</v>
      </c>
      <c r="AO1134">
        <v>33</v>
      </c>
      <c r="AP1134">
        <v>32</v>
      </c>
      <c r="AQ1134">
        <v>32</v>
      </c>
    </row>
    <row r="1135" spans="1:43">
      <c r="A1135" t="s">
        <v>785</v>
      </c>
      <c r="B1135" t="s">
        <v>786</v>
      </c>
      <c r="C1135" t="s">
        <v>501</v>
      </c>
      <c r="D1135" t="s">
        <v>502</v>
      </c>
      <c r="E1135" t="s">
        <v>353</v>
      </c>
      <c r="F1135" t="s">
        <v>354</v>
      </c>
      <c r="G1135" t="s">
        <v>80</v>
      </c>
      <c r="H1135" t="s">
        <v>81</v>
      </c>
      <c r="I1135" s="2">
        <v>1</v>
      </c>
      <c r="J1135" s="2">
        <v>0</v>
      </c>
      <c r="K1135" s="2">
        <v>0</v>
      </c>
      <c r="L1135" t="s">
        <v>120</v>
      </c>
      <c r="M1135" t="s">
        <v>87</v>
      </c>
      <c r="N1135" t="s">
        <v>88</v>
      </c>
      <c r="O1135" t="s">
        <v>85</v>
      </c>
      <c r="P1135" t="s">
        <v>86</v>
      </c>
      <c r="Q1135">
        <v>27</v>
      </c>
      <c r="R1135">
        <v>27</v>
      </c>
      <c r="S1135">
        <v>27</v>
      </c>
      <c r="T1135">
        <v>27</v>
      </c>
      <c r="U1135">
        <v>27</v>
      </c>
      <c r="V1135">
        <v>27</v>
      </c>
      <c r="W1135">
        <v>27</v>
      </c>
      <c r="X1135">
        <v>28</v>
      </c>
      <c r="Y1135">
        <v>28</v>
      </c>
      <c r="Z1135">
        <v>28</v>
      </c>
      <c r="AA1135">
        <v>28</v>
      </c>
      <c r="AB1135">
        <v>28</v>
      </c>
      <c r="AC1135">
        <v>28</v>
      </c>
      <c r="AD1135">
        <v>28</v>
      </c>
      <c r="AE1135">
        <v>28</v>
      </c>
      <c r="AF1135">
        <v>28</v>
      </c>
      <c r="AG1135">
        <v>28</v>
      </c>
      <c r="AH1135">
        <v>28</v>
      </c>
      <c r="AI1135">
        <v>28</v>
      </c>
      <c r="AJ1135">
        <v>28</v>
      </c>
      <c r="AK1135">
        <v>28</v>
      </c>
      <c r="AL1135">
        <v>28</v>
      </c>
      <c r="AM1135">
        <v>28</v>
      </c>
      <c r="AN1135">
        <v>28</v>
      </c>
      <c r="AO1135">
        <v>28</v>
      </c>
      <c r="AP1135">
        <v>28</v>
      </c>
      <c r="AQ1135">
        <v>28</v>
      </c>
    </row>
    <row r="1136" spans="1:43">
      <c r="A1136" t="s">
        <v>785</v>
      </c>
      <c r="B1136" t="s">
        <v>786</v>
      </c>
      <c r="C1136" t="s">
        <v>501</v>
      </c>
      <c r="D1136" t="s">
        <v>502</v>
      </c>
      <c r="E1136" t="s">
        <v>353</v>
      </c>
      <c r="F1136" t="s">
        <v>354</v>
      </c>
      <c r="G1136" t="s">
        <v>80</v>
      </c>
      <c r="H1136" t="s">
        <v>81</v>
      </c>
      <c r="I1136" s="2">
        <v>1</v>
      </c>
      <c r="J1136" s="2">
        <v>0</v>
      </c>
      <c r="K1136" s="2">
        <v>0</v>
      </c>
      <c r="L1136" t="s">
        <v>120</v>
      </c>
      <c r="M1136" t="s">
        <v>89</v>
      </c>
      <c r="N1136" t="s">
        <v>90</v>
      </c>
      <c r="O1136" t="s">
        <v>85</v>
      </c>
      <c r="P1136" t="s">
        <v>86</v>
      </c>
      <c r="Q1136">
        <v>27</v>
      </c>
      <c r="R1136">
        <v>27</v>
      </c>
      <c r="S1136">
        <v>28</v>
      </c>
      <c r="T1136">
        <v>28</v>
      </c>
      <c r="U1136">
        <v>29</v>
      </c>
      <c r="V1136">
        <v>29</v>
      </c>
      <c r="W1136">
        <v>30</v>
      </c>
      <c r="X1136">
        <v>30</v>
      </c>
      <c r="Y1136">
        <v>31</v>
      </c>
      <c r="Z1136">
        <v>31</v>
      </c>
      <c r="AA1136">
        <v>31</v>
      </c>
      <c r="AB1136">
        <v>32</v>
      </c>
      <c r="AC1136">
        <v>32</v>
      </c>
      <c r="AD1136">
        <v>32</v>
      </c>
      <c r="AE1136">
        <v>33</v>
      </c>
      <c r="AF1136">
        <v>33</v>
      </c>
      <c r="AG1136">
        <v>32</v>
      </c>
      <c r="AH1136">
        <v>32</v>
      </c>
      <c r="AI1136">
        <v>32</v>
      </c>
      <c r="AJ1136">
        <v>32</v>
      </c>
      <c r="AK1136">
        <v>32</v>
      </c>
      <c r="AL1136">
        <v>32</v>
      </c>
      <c r="AM1136">
        <v>32</v>
      </c>
      <c r="AN1136">
        <v>32</v>
      </c>
      <c r="AO1136">
        <v>32</v>
      </c>
      <c r="AP1136">
        <v>32</v>
      </c>
      <c r="AQ1136">
        <v>32</v>
      </c>
    </row>
    <row r="1137" spans="1:43">
      <c r="A1137" t="s">
        <v>785</v>
      </c>
      <c r="B1137" t="s">
        <v>786</v>
      </c>
      <c r="C1137" t="s">
        <v>501</v>
      </c>
      <c r="D1137" t="s">
        <v>502</v>
      </c>
      <c r="E1137" t="s">
        <v>353</v>
      </c>
      <c r="F1137" t="s">
        <v>354</v>
      </c>
      <c r="G1137" t="s">
        <v>80</v>
      </c>
      <c r="H1137" t="s">
        <v>81</v>
      </c>
      <c r="I1137" s="2">
        <v>1</v>
      </c>
      <c r="J1137" s="2">
        <v>0</v>
      </c>
      <c r="K1137" s="2">
        <v>0</v>
      </c>
      <c r="L1137" t="s">
        <v>120</v>
      </c>
      <c r="M1137" t="s">
        <v>83</v>
      </c>
      <c r="N1137" t="s">
        <v>91</v>
      </c>
      <c r="O1137" t="s">
        <v>85</v>
      </c>
      <c r="P1137" t="s">
        <v>86</v>
      </c>
      <c r="Q1137">
        <v>27</v>
      </c>
      <c r="R1137">
        <v>28</v>
      </c>
      <c r="S1137">
        <v>28</v>
      </c>
      <c r="T1137">
        <v>28</v>
      </c>
      <c r="U1137">
        <v>29</v>
      </c>
      <c r="V1137">
        <v>29</v>
      </c>
      <c r="W1137">
        <v>29</v>
      </c>
      <c r="X1137">
        <v>30</v>
      </c>
      <c r="Y1137">
        <v>30</v>
      </c>
      <c r="Z1137">
        <v>30</v>
      </c>
      <c r="AA1137">
        <v>30</v>
      </c>
      <c r="AB1137">
        <v>31</v>
      </c>
      <c r="AC1137">
        <v>31</v>
      </c>
      <c r="AD1137">
        <v>31</v>
      </c>
      <c r="AE1137">
        <v>31</v>
      </c>
      <c r="AF1137">
        <v>32</v>
      </c>
      <c r="AG1137">
        <v>32</v>
      </c>
      <c r="AH1137">
        <v>32</v>
      </c>
      <c r="AI1137">
        <v>32</v>
      </c>
      <c r="AJ1137">
        <v>33</v>
      </c>
      <c r="AK1137">
        <v>33</v>
      </c>
      <c r="AL1137">
        <v>33</v>
      </c>
      <c r="AM1137">
        <v>33</v>
      </c>
      <c r="AN1137">
        <v>33</v>
      </c>
      <c r="AO1137">
        <v>33</v>
      </c>
      <c r="AP1137">
        <v>32</v>
      </c>
      <c r="AQ1137">
        <v>32</v>
      </c>
    </row>
    <row r="1138" spans="1:43">
      <c r="A1138" t="s">
        <v>787</v>
      </c>
      <c r="B1138" t="s">
        <v>788</v>
      </c>
      <c r="C1138" t="s">
        <v>557</v>
      </c>
      <c r="D1138" t="s">
        <v>558</v>
      </c>
      <c r="E1138" t="s">
        <v>353</v>
      </c>
      <c r="F1138" t="s">
        <v>354</v>
      </c>
      <c r="G1138" t="s">
        <v>80</v>
      </c>
      <c r="H1138" t="s">
        <v>81</v>
      </c>
      <c r="I1138" s="2">
        <v>1</v>
      </c>
      <c r="J1138" s="2">
        <v>0</v>
      </c>
      <c r="K1138" s="2">
        <v>0</v>
      </c>
      <c r="L1138" t="s">
        <v>120</v>
      </c>
      <c r="M1138" t="s">
        <v>83</v>
      </c>
      <c r="N1138" t="s">
        <v>84</v>
      </c>
      <c r="O1138" t="s">
        <v>85</v>
      </c>
      <c r="P1138" t="s">
        <v>86</v>
      </c>
      <c r="Q1138">
        <v>47</v>
      </c>
      <c r="R1138">
        <v>48</v>
      </c>
      <c r="S1138">
        <v>48</v>
      </c>
      <c r="T1138">
        <v>49</v>
      </c>
      <c r="U1138">
        <v>49</v>
      </c>
      <c r="V1138">
        <v>50</v>
      </c>
      <c r="W1138">
        <v>50</v>
      </c>
      <c r="X1138">
        <v>51</v>
      </c>
      <c r="Y1138">
        <v>51</v>
      </c>
      <c r="Z1138">
        <v>51</v>
      </c>
      <c r="AA1138">
        <v>52</v>
      </c>
      <c r="AB1138">
        <v>52</v>
      </c>
      <c r="AC1138">
        <v>53</v>
      </c>
      <c r="AD1138">
        <v>53</v>
      </c>
      <c r="AE1138">
        <v>54</v>
      </c>
      <c r="AF1138">
        <v>54</v>
      </c>
      <c r="AG1138">
        <v>54</v>
      </c>
      <c r="AH1138">
        <v>55</v>
      </c>
      <c r="AI1138">
        <v>55</v>
      </c>
      <c r="AJ1138">
        <v>56</v>
      </c>
      <c r="AK1138">
        <v>56</v>
      </c>
      <c r="AL1138">
        <v>56</v>
      </c>
      <c r="AM1138">
        <v>56</v>
      </c>
      <c r="AN1138">
        <v>56</v>
      </c>
      <c r="AO1138">
        <v>56</v>
      </c>
      <c r="AP1138">
        <v>55</v>
      </c>
      <c r="AQ1138">
        <v>55</v>
      </c>
    </row>
    <row r="1139" spans="1:43">
      <c r="A1139" t="s">
        <v>787</v>
      </c>
      <c r="B1139" t="s">
        <v>788</v>
      </c>
      <c r="C1139" t="s">
        <v>557</v>
      </c>
      <c r="D1139" t="s">
        <v>558</v>
      </c>
      <c r="E1139" t="s">
        <v>353</v>
      </c>
      <c r="F1139" t="s">
        <v>354</v>
      </c>
      <c r="G1139" t="s">
        <v>80</v>
      </c>
      <c r="H1139" t="s">
        <v>81</v>
      </c>
      <c r="I1139" s="2">
        <v>1</v>
      </c>
      <c r="J1139" s="2">
        <v>0</v>
      </c>
      <c r="K1139" s="2">
        <v>0</v>
      </c>
      <c r="L1139" t="s">
        <v>120</v>
      </c>
      <c r="M1139" t="s">
        <v>87</v>
      </c>
      <c r="N1139" t="s">
        <v>88</v>
      </c>
      <c r="O1139" t="s">
        <v>85</v>
      </c>
      <c r="P1139" t="s">
        <v>86</v>
      </c>
      <c r="Q1139">
        <v>47</v>
      </c>
      <c r="R1139">
        <v>47</v>
      </c>
      <c r="S1139">
        <v>47</v>
      </c>
      <c r="T1139">
        <v>47</v>
      </c>
      <c r="U1139">
        <v>47</v>
      </c>
      <c r="V1139">
        <v>47</v>
      </c>
      <c r="W1139">
        <v>47</v>
      </c>
      <c r="X1139">
        <v>47</v>
      </c>
      <c r="Y1139">
        <v>47</v>
      </c>
      <c r="Z1139">
        <v>47</v>
      </c>
      <c r="AA1139">
        <v>47</v>
      </c>
      <c r="AB1139">
        <v>47</v>
      </c>
      <c r="AC1139">
        <v>47</v>
      </c>
      <c r="AD1139">
        <v>48</v>
      </c>
      <c r="AE1139">
        <v>48</v>
      </c>
      <c r="AF1139">
        <v>48</v>
      </c>
      <c r="AG1139">
        <v>48</v>
      </c>
      <c r="AH1139">
        <v>48</v>
      </c>
      <c r="AI1139">
        <v>48</v>
      </c>
      <c r="AJ1139">
        <v>48</v>
      </c>
      <c r="AK1139">
        <v>48</v>
      </c>
      <c r="AL1139">
        <v>48</v>
      </c>
      <c r="AM1139">
        <v>48</v>
      </c>
      <c r="AN1139">
        <v>48</v>
      </c>
      <c r="AO1139">
        <v>48</v>
      </c>
      <c r="AP1139">
        <v>48</v>
      </c>
      <c r="AQ1139">
        <v>48</v>
      </c>
    </row>
    <row r="1140" spans="1:43">
      <c r="A1140" t="s">
        <v>787</v>
      </c>
      <c r="B1140" t="s">
        <v>788</v>
      </c>
      <c r="C1140" t="s">
        <v>557</v>
      </c>
      <c r="D1140" t="s">
        <v>558</v>
      </c>
      <c r="E1140" t="s">
        <v>353</v>
      </c>
      <c r="F1140" t="s">
        <v>354</v>
      </c>
      <c r="G1140" t="s">
        <v>80</v>
      </c>
      <c r="H1140" t="s">
        <v>81</v>
      </c>
      <c r="I1140" s="2">
        <v>1</v>
      </c>
      <c r="J1140" s="2">
        <v>0</v>
      </c>
      <c r="K1140" s="2">
        <v>0</v>
      </c>
      <c r="L1140" t="s">
        <v>120</v>
      </c>
      <c r="M1140" t="s">
        <v>89</v>
      </c>
      <c r="N1140" t="s">
        <v>90</v>
      </c>
      <c r="O1140" t="s">
        <v>85</v>
      </c>
      <c r="P1140" t="s">
        <v>86</v>
      </c>
      <c r="Q1140">
        <v>47</v>
      </c>
      <c r="R1140">
        <v>48</v>
      </c>
      <c r="S1140">
        <v>49</v>
      </c>
      <c r="T1140">
        <v>50</v>
      </c>
      <c r="U1140">
        <v>51</v>
      </c>
      <c r="V1140">
        <v>52</v>
      </c>
      <c r="W1140">
        <v>53</v>
      </c>
      <c r="X1140">
        <v>53</v>
      </c>
      <c r="Y1140">
        <v>54</v>
      </c>
      <c r="Z1140">
        <v>55</v>
      </c>
      <c r="AA1140">
        <v>55</v>
      </c>
      <c r="AB1140">
        <v>56</v>
      </c>
      <c r="AC1140">
        <v>57</v>
      </c>
      <c r="AD1140">
        <v>57</v>
      </c>
      <c r="AE1140">
        <v>58</v>
      </c>
      <c r="AF1140">
        <v>57</v>
      </c>
      <c r="AG1140">
        <v>57</v>
      </c>
      <c r="AH1140">
        <v>57</v>
      </c>
      <c r="AI1140">
        <v>57</v>
      </c>
      <c r="AJ1140">
        <v>57</v>
      </c>
      <c r="AK1140">
        <v>57</v>
      </c>
      <c r="AL1140">
        <v>57</v>
      </c>
      <c r="AM1140">
        <v>56</v>
      </c>
      <c r="AN1140">
        <v>56</v>
      </c>
      <c r="AO1140">
        <v>56</v>
      </c>
      <c r="AP1140">
        <v>56</v>
      </c>
      <c r="AQ1140">
        <v>56</v>
      </c>
    </row>
    <row r="1141" spans="1:43">
      <c r="A1141" t="s">
        <v>787</v>
      </c>
      <c r="B1141" t="s">
        <v>788</v>
      </c>
      <c r="C1141" t="s">
        <v>557</v>
      </c>
      <c r="D1141" t="s">
        <v>558</v>
      </c>
      <c r="E1141" t="s">
        <v>353</v>
      </c>
      <c r="F1141" t="s">
        <v>354</v>
      </c>
      <c r="G1141" t="s">
        <v>80</v>
      </c>
      <c r="H1141" t="s">
        <v>81</v>
      </c>
      <c r="I1141" s="2">
        <v>1</v>
      </c>
      <c r="J1141" s="2">
        <v>0</v>
      </c>
      <c r="K1141" s="2">
        <v>0</v>
      </c>
      <c r="L1141" t="s">
        <v>120</v>
      </c>
      <c r="M1141" t="s">
        <v>83</v>
      </c>
      <c r="N1141" t="s">
        <v>91</v>
      </c>
      <c r="O1141" t="s">
        <v>85</v>
      </c>
      <c r="P1141" t="s">
        <v>86</v>
      </c>
      <c r="Q1141">
        <v>47</v>
      </c>
      <c r="R1141">
        <v>48</v>
      </c>
      <c r="S1141">
        <v>48</v>
      </c>
      <c r="T1141">
        <v>49</v>
      </c>
      <c r="U1141">
        <v>49</v>
      </c>
      <c r="V1141">
        <v>50</v>
      </c>
      <c r="W1141">
        <v>50</v>
      </c>
      <c r="X1141">
        <v>51</v>
      </c>
      <c r="Y1141">
        <v>51</v>
      </c>
      <c r="Z1141">
        <v>51</v>
      </c>
      <c r="AA1141">
        <v>52</v>
      </c>
      <c r="AB1141">
        <v>52</v>
      </c>
      <c r="AC1141">
        <v>53</v>
      </c>
      <c r="AD1141">
        <v>53</v>
      </c>
      <c r="AE1141">
        <v>54</v>
      </c>
      <c r="AF1141">
        <v>54</v>
      </c>
      <c r="AG1141">
        <v>54</v>
      </c>
      <c r="AH1141">
        <v>55</v>
      </c>
      <c r="AI1141">
        <v>55</v>
      </c>
      <c r="AJ1141">
        <v>56</v>
      </c>
      <c r="AK1141">
        <v>56</v>
      </c>
      <c r="AL1141">
        <v>56</v>
      </c>
      <c r="AM1141">
        <v>56</v>
      </c>
      <c r="AN1141">
        <v>56</v>
      </c>
      <c r="AO1141">
        <v>56</v>
      </c>
      <c r="AP1141">
        <v>55</v>
      </c>
      <c r="AQ1141">
        <v>55</v>
      </c>
    </row>
    <row r="1142" spans="1:43">
      <c r="A1142" t="s">
        <v>789</v>
      </c>
      <c r="B1142" t="s">
        <v>790</v>
      </c>
      <c r="C1142" t="s">
        <v>791</v>
      </c>
      <c r="D1142" t="s">
        <v>792</v>
      </c>
      <c r="E1142" t="s">
        <v>353</v>
      </c>
      <c r="F1142" t="s">
        <v>354</v>
      </c>
      <c r="G1142" t="s">
        <v>80</v>
      </c>
      <c r="H1142" t="s">
        <v>81</v>
      </c>
      <c r="I1142" s="2">
        <v>1</v>
      </c>
      <c r="J1142" s="2">
        <v>0</v>
      </c>
      <c r="K1142" s="2">
        <v>0</v>
      </c>
      <c r="L1142" t="s">
        <v>120</v>
      </c>
      <c r="M1142" t="s">
        <v>83</v>
      </c>
      <c r="N1142" t="s">
        <v>84</v>
      </c>
      <c r="O1142" t="s">
        <v>85</v>
      </c>
      <c r="P1142" t="s">
        <v>86</v>
      </c>
      <c r="Q1142">
        <v>122</v>
      </c>
      <c r="R1142">
        <v>123</v>
      </c>
      <c r="S1142">
        <v>124</v>
      </c>
      <c r="T1142">
        <v>126</v>
      </c>
      <c r="U1142">
        <v>127</v>
      </c>
      <c r="V1142">
        <v>128</v>
      </c>
      <c r="W1142">
        <v>129</v>
      </c>
      <c r="X1142">
        <v>131</v>
      </c>
      <c r="Y1142">
        <v>132</v>
      </c>
      <c r="Z1142">
        <v>133</v>
      </c>
      <c r="AA1142">
        <v>134</v>
      </c>
      <c r="AB1142">
        <v>135</v>
      </c>
      <c r="AC1142">
        <v>136</v>
      </c>
      <c r="AD1142">
        <v>137</v>
      </c>
      <c r="AE1142">
        <v>138</v>
      </c>
      <c r="AF1142">
        <v>139</v>
      </c>
      <c r="AG1142">
        <v>140</v>
      </c>
      <c r="AH1142">
        <v>141</v>
      </c>
      <c r="AI1142">
        <v>142</v>
      </c>
      <c r="AJ1142">
        <v>143</v>
      </c>
      <c r="AK1142">
        <v>144</v>
      </c>
      <c r="AL1142">
        <v>144</v>
      </c>
      <c r="AM1142">
        <v>144</v>
      </c>
      <c r="AN1142">
        <v>143</v>
      </c>
      <c r="AO1142">
        <v>143</v>
      </c>
      <c r="AP1142">
        <v>142</v>
      </c>
      <c r="AQ1142">
        <v>142</v>
      </c>
    </row>
    <row r="1143" spans="1:43">
      <c r="A1143" t="s">
        <v>789</v>
      </c>
      <c r="B1143" t="s">
        <v>790</v>
      </c>
      <c r="C1143" t="s">
        <v>791</v>
      </c>
      <c r="D1143" t="s">
        <v>792</v>
      </c>
      <c r="E1143" t="s">
        <v>353</v>
      </c>
      <c r="F1143" t="s">
        <v>354</v>
      </c>
      <c r="G1143" t="s">
        <v>80</v>
      </c>
      <c r="H1143" t="s">
        <v>81</v>
      </c>
      <c r="I1143" s="2">
        <v>1</v>
      </c>
      <c r="J1143" s="2">
        <v>0</v>
      </c>
      <c r="K1143" s="2">
        <v>0</v>
      </c>
      <c r="L1143" t="s">
        <v>120</v>
      </c>
      <c r="M1143" t="s">
        <v>87</v>
      </c>
      <c r="N1143" t="s">
        <v>88</v>
      </c>
      <c r="O1143" t="s">
        <v>85</v>
      </c>
      <c r="P1143" t="s">
        <v>86</v>
      </c>
      <c r="Q1143">
        <v>122</v>
      </c>
      <c r="R1143">
        <v>123</v>
      </c>
      <c r="S1143">
        <v>123</v>
      </c>
      <c r="T1143">
        <v>123</v>
      </c>
      <c r="U1143">
        <v>123</v>
      </c>
      <c r="V1143">
        <v>123</v>
      </c>
      <c r="W1143">
        <v>124</v>
      </c>
      <c r="X1143">
        <v>124</v>
      </c>
      <c r="Y1143">
        <v>124</v>
      </c>
      <c r="Z1143">
        <v>124</v>
      </c>
      <c r="AA1143">
        <v>124</v>
      </c>
      <c r="AB1143">
        <v>124</v>
      </c>
      <c r="AC1143">
        <v>125</v>
      </c>
      <c r="AD1143">
        <v>125</v>
      </c>
      <c r="AE1143">
        <v>125</v>
      </c>
      <c r="AF1143">
        <v>125</v>
      </c>
      <c r="AG1143">
        <v>125</v>
      </c>
      <c r="AH1143">
        <v>125</v>
      </c>
      <c r="AI1143">
        <v>125</v>
      </c>
      <c r="AJ1143">
        <v>125</v>
      </c>
      <c r="AK1143">
        <v>125</v>
      </c>
      <c r="AL1143">
        <v>125</v>
      </c>
      <c r="AM1143">
        <v>125</v>
      </c>
      <c r="AN1143">
        <v>125</v>
      </c>
      <c r="AO1143">
        <v>125</v>
      </c>
      <c r="AP1143">
        <v>125</v>
      </c>
      <c r="AQ1143">
        <v>126</v>
      </c>
    </row>
    <row r="1144" spans="1:43">
      <c r="A1144" t="s">
        <v>789</v>
      </c>
      <c r="B1144" t="s">
        <v>790</v>
      </c>
      <c r="C1144" t="s">
        <v>791</v>
      </c>
      <c r="D1144" t="s">
        <v>792</v>
      </c>
      <c r="E1144" t="s">
        <v>353</v>
      </c>
      <c r="F1144" t="s">
        <v>354</v>
      </c>
      <c r="G1144" t="s">
        <v>80</v>
      </c>
      <c r="H1144" t="s">
        <v>81</v>
      </c>
      <c r="I1144" s="2">
        <v>1</v>
      </c>
      <c r="J1144" s="2">
        <v>0</v>
      </c>
      <c r="K1144" s="2">
        <v>0</v>
      </c>
      <c r="L1144" t="s">
        <v>120</v>
      </c>
      <c r="M1144" t="s">
        <v>89</v>
      </c>
      <c r="N1144" t="s">
        <v>90</v>
      </c>
      <c r="O1144" t="s">
        <v>85</v>
      </c>
      <c r="P1144" t="s">
        <v>86</v>
      </c>
      <c r="Q1144">
        <v>122</v>
      </c>
      <c r="R1144">
        <v>124</v>
      </c>
      <c r="S1144">
        <v>126</v>
      </c>
      <c r="T1144">
        <v>129</v>
      </c>
      <c r="U1144">
        <v>131</v>
      </c>
      <c r="V1144">
        <v>133</v>
      </c>
      <c r="W1144">
        <v>135</v>
      </c>
      <c r="X1144">
        <v>137</v>
      </c>
      <c r="Y1144">
        <v>138</v>
      </c>
      <c r="Z1144">
        <v>140</v>
      </c>
      <c r="AA1144">
        <v>142</v>
      </c>
      <c r="AB1144">
        <v>143</v>
      </c>
      <c r="AC1144">
        <v>145</v>
      </c>
      <c r="AD1144">
        <v>146</v>
      </c>
      <c r="AE1144">
        <v>147</v>
      </c>
      <c r="AF1144">
        <v>147</v>
      </c>
      <c r="AG1144">
        <v>146</v>
      </c>
      <c r="AH1144">
        <v>146</v>
      </c>
      <c r="AI1144">
        <v>146</v>
      </c>
      <c r="AJ1144">
        <v>145</v>
      </c>
      <c r="AK1144">
        <v>145</v>
      </c>
      <c r="AL1144">
        <v>144</v>
      </c>
      <c r="AM1144">
        <v>144</v>
      </c>
      <c r="AN1144">
        <v>143</v>
      </c>
      <c r="AO1144">
        <v>143</v>
      </c>
      <c r="AP1144">
        <v>142</v>
      </c>
      <c r="AQ1144">
        <v>142</v>
      </c>
    </row>
    <row r="1145" spans="1:43">
      <c r="A1145" t="s">
        <v>789</v>
      </c>
      <c r="B1145" t="s">
        <v>790</v>
      </c>
      <c r="C1145" t="s">
        <v>791</v>
      </c>
      <c r="D1145" t="s">
        <v>792</v>
      </c>
      <c r="E1145" t="s">
        <v>353</v>
      </c>
      <c r="F1145" t="s">
        <v>354</v>
      </c>
      <c r="G1145" t="s">
        <v>80</v>
      </c>
      <c r="H1145" t="s">
        <v>81</v>
      </c>
      <c r="I1145" s="2">
        <v>1</v>
      </c>
      <c r="J1145" s="2">
        <v>0</v>
      </c>
      <c r="K1145" s="2">
        <v>0</v>
      </c>
      <c r="L1145" t="s">
        <v>120</v>
      </c>
      <c r="M1145" t="s">
        <v>83</v>
      </c>
      <c r="N1145" t="s">
        <v>91</v>
      </c>
      <c r="O1145" t="s">
        <v>85</v>
      </c>
      <c r="P1145" t="s">
        <v>86</v>
      </c>
      <c r="Q1145">
        <v>122</v>
      </c>
      <c r="R1145">
        <v>123</v>
      </c>
      <c r="S1145">
        <v>124</v>
      </c>
      <c r="T1145">
        <v>126</v>
      </c>
      <c r="U1145">
        <v>127</v>
      </c>
      <c r="V1145">
        <v>128</v>
      </c>
      <c r="W1145">
        <v>129</v>
      </c>
      <c r="X1145">
        <v>131</v>
      </c>
      <c r="Y1145">
        <v>132</v>
      </c>
      <c r="Z1145">
        <v>133</v>
      </c>
      <c r="AA1145">
        <v>134</v>
      </c>
      <c r="AB1145">
        <v>135</v>
      </c>
      <c r="AC1145">
        <v>136</v>
      </c>
      <c r="AD1145">
        <v>137</v>
      </c>
      <c r="AE1145">
        <v>138</v>
      </c>
      <c r="AF1145">
        <v>139</v>
      </c>
      <c r="AG1145">
        <v>140</v>
      </c>
      <c r="AH1145">
        <v>141</v>
      </c>
      <c r="AI1145">
        <v>142</v>
      </c>
      <c r="AJ1145">
        <v>143</v>
      </c>
      <c r="AK1145">
        <v>144</v>
      </c>
      <c r="AL1145">
        <v>144</v>
      </c>
      <c r="AM1145">
        <v>144</v>
      </c>
      <c r="AN1145">
        <v>143</v>
      </c>
      <c r="AO1145">
        <v>143</v>
      </c>
      <c r="AP1145">
        <v>142</v>
      </c>
      <c r="AQ1145">
        <v>142</v>
      </c>
    </row>
    <row r="1146" spans="1:43">
      <c r="A1146" t="s">
        <v>793</v>
      </c>
      <c r="B1146" t="s">
        <v>794</v>
      </c>
      <c r="C1146" t="s">
        <v>791</v>
      </c>
      <c r="D1146" t="s">
        <v>792</v>
      </c>
      <c r="E1146" t="s">
        <v>353</v>
      </c>
      <c r="F1146" t="s">
        <v>354</v>
      </c>
      <c r="G1146" t="s">
        <v>80</v>
      </c>
      <c r="H1146" t="s">
        <v>81</v>
      </c>
      <c r="I1146" s="2">
        <v>1</v>
      </c>
      <c r="J1146" s="2">
        <v>0</v>
      </c>
      <c r="K1146" s="2">
        <v>0</v>
      </c>
      <c r="L1146" t="s">
        <v>120</v>
      </c>
      <c r="M1146" t="s">
        <v>83</v>
      </c>
      <c r="N1146" t="s">
        <v>84</v>
      </c>
      <c r="O1146" t="s">
        <v>85</v>
      </c>
      <c r="P1146" t="s">
        <v>86</v>
      </c>
      <c r="Q1146">
        <v>24</v>
      </c>
      <c r="R1146">
        <v>24</v>
      </c>
      <c r="S1146">
        <v>24</v>
      </c>
      <c r="T1146">
        <v>25</v>
      </c>
      <c r="U1146">
        <v>25</v>
      </c>
      <c r="V1146">
        <v>25</v>
      </c>
      <c r="W1146">
        <v>25</v>
      </c>
      <c r="X1146">
        <v>26</v>
      </c>
      <c r="Y1146">
        <v>26</v>
      </c>
      <c r="Z1146">
        <v>26</v>
      </c>
      <c r="AA1146">
        <v>26</v>
      </c>
      <c r="AB1146">
        <v>26</v>
      </c>
      <c r="AC1146">
        <v>27</v>
      </c>
      <c r="AD1146">
        <v>27</v>
      </c>
      <c r="AE1146">
        <v>27</v>
      </c>
      <c r="AF1146">
        <v>27</v>
      </c>
      <c r="AG1146">
        <v>27</v>
      </c>
      <c r="AH1146">
        <v>28</v>
      </c>
      <c r="AI1146">
        <v>28</v>
      </c>
      <c r="AJ1146">
        <v>28</v>
      </c>
      <c r="AK1146">
        <v>28</v>
      </c>
      <c r="AL1146">
        <v>28</v>
      </c>
      <c r="AM1146">
        <v>28</v>
      </c>
      <c r="AN1146">
        <v>28</v>
      </c>
      <c r="AO1146">
        <v>28</v>
      </c>
      <c r="AP1146">
        <v>28</v>
      </c>
      <c r="AQ1146">
        <v>28</v>
      </c>
    </row>
    <row r="1147" spans="1:43">
      <c r="A1147" t="s">
        <v>793</v>
      </c>
      <c r="B1147" t="s">
        <v>794</v>
      </c>
      <c r="C1147" t="s">
        <v>791</v>
      </c>
      <c r="D1147" t="s">
        <v>792</v>
      </c>
      <c r="E1147" t="s">
        <v>353</v>
      </c>
      <c r="F1147" t="s">
        <v>354</v>
      </c>
      <c r="G1147" t="s">
        <v>80</v>
      </c>
      <c r="H1147" t="s">
        <v>81</v>
      </c>
      <c r="I1147" s="2">
        <v>1</v>
      </c>
      <c r="J1147" s="2">
        <v>0</v>
      </c>
      <c r="K1147" s="2">
        <v>0</v>
      </c>
      <c r="L1147" t="s">
        <v>120</v>
      </c>
      <c r="M1147" t="s">
        <v>87</v>
      </c>
      <c r="N1147" t="s">
        <v>88</v>
      </c>
      <c r="O1147" t="s">
        <v>85</v>
      </c>
      <c r="P1147" t="s">
        <v>86</v>
      </c>
      <c r="Q1147">
        <v>24</v>
      </c>
      <c r="R1147">
        <v>24</v>
      </c>
      <c r="S1147">
        <v>24</v>
      </c>
      <c r="T1147">
        <v>24</v>
      </c>
      <c r="U1147">
        <v>24</v>
      </c>
      <c r="V1147">
        <v>24</v>
      </c>
      <c r="W1147">
        <v>24</v>
      </c>
      <c r="X1147">
        <v>24</v>
      </c>
      <c r="Y1147">
        <v>24</v>
      </c>
      <c r="Z1147">
        <v>24</v>
      </c>
      <c r="AA1147">
        <v>24</v>
      </c>
      <c r="AB1147">
        <v>24</v>
      </c>
      <c r="AC1147">
        <v>24</v>
      </c>
      <c r="AD1147">
        <v>24</v>
      </c>
      <c r="AE1147">
        <v>24</v>
      </c>
      <c r="AF1147">
        <v>24</v>
      </c>
      <c r="AG1147">
        <v>24</v>
      </c>
      <c r="AH1147">
        <v>24</v>
      </c>
      <c r="AI1147">
        <v>24</v>
      </c>
      <c r="AJ1147">
        <v>24</v>
      </c>
      <c r="AK1147">
        <v>24</v>
      </c>
      <c r="AL1147">
        <v>24</v>
      </c>
      <c r="AM1147">
        <v>24</v>
      </c>
      <c r="AN1147">
        <v>24</v>
      </c>
      <c r="AO1147">
        <v>24</v>
      </c>
      <c r="AP1147">
        <v>24</v>
      </c>
      <c r="AQ1147">
        <v>24</v>
      </c>
    </row>
    <row r="1148" spans="1:43">
      <c r="A1148" t="s">
        <v>793</v>
      </c>
      <c r="B1148" t="s">
        <v>794</v>
      </c>
      <c r="C1148" t="s">
        <v>791</v>
      </c>
      <c r="D1148" t="s">
        <v>792</v>
      </c>
      <c r="E1148" t="s">
        <v>353</v>
      </c>
      <c r="F1148" t="s">
        <v>354</v>
      </c>
      <c r="G1148" t="s">
        <v>80</v>
      </c>
      <c r="H1148" t="s">
        <v>81</v>
      </c>
      <c r="I1148" s="2">
        <v>1</v>
      </c>
      <c r="J1148" s="2">
        <v>0</v>
      </c>
      <c r="K1148" s="2">
        <v>0</v>
      </c>
      <c r="L1148" t="s">
        <v>120</v>
      </c>
      <c r="M1148" t="s">
        <v>89</v>
      </c>
      <c r="N1148" t="s">
        <v>90</v>
      </c>
      <c r="O1148" t="s">
        <v>85</v>
      </c>
      <c r="P1148" t="s">
        <v>86</v>
      </c>
      <c r="Q1148">
        <v>24</v>
      </c>
      <c r="R1148">
        <v>24</v>
      </c>
      <c r="S1148">
        <v>25</v>
      </c>
      <c r="T1148">
        <v>25</v>
      </c>
      <c r="U1148">
        <v>26</v>
      </c>
      <c r="V1148">
        <v>26</v>
      </c>
      <c r="W1148">
        <v>27</v>
      </c>
      <c r="X1148">
        <v>27</v>
      </c>
      <c r="Y1148">
        <v>27</v>
      </c>
      <c r="Z1148">
        <v>28</v>
      </c>
      <c r="AA1148">
        <v>28</v>
      </c>
      <c r="AB1148">
        <v>28</v>
      </c>
      <c r="AC1148">
        <v>28</v>
      </c>
      <c r="AD1148">
        <v>29</v>
      </c>
      <c r="AE1148">
        <v>29</v>
      </c>
      <c r="AF1148">
        <v>29</v>
      </c>
      <c r="AG1148">
        <v>29</v>
      </c>
      <c r="AH1148">
        <v>29</v>
      </c>
      <c r="AI1148">
        <v>29</v>
      </c>
      <c r="AJ1148">
        <v>28</v>
      </c>
      <c r="AK1148">
        <v>28</v>
      </c>
      <c r="AL1148">
        <v>28</v>
      </c>
      <c r="AM1148">
        <v>28</v>
      </c>
      <c r="AN1148">
        <v>28</v>
      </c>
      <c r="AO1148">
        <v>28</v>
      </c>
      <c r="AP1148">
        <v>28</v>
      </c>
      <c r="AQ1148">
        <v>28</v>
      </c>
    </row>
    <row r="1149" spans="1:43">
      <c r="A1149" t="s">
        <v>793</v>
      </c>
      <c r="B1149" t="s">
        <v>794</v>
      </c>
      <c r="C1149" t="s">
        <v>791</v>
      </c>
      <c r="D1149" t="s">
        <v>792</v>
      </c>
      <c r="E1149" t="s">
        <v>353</v>
      </c>
      <c r="F1149" t="s">
        <v>354</v>
      </c>
      <c r="G1149" t="s">
        <v>80</v>
      </c>
      <c r="H1149" t="s">
        <v>81</v>
      </c>
      <c r="I1149" s="2">
        <v>1</v>
      </c>
      <c r="J1149" s="2">
        <v>0</v>
      </c>
      <c r="K1149" s="2">
        <v>0</v>
      </c>
      <c r="L1149" t="s">
        <v>120</v>
      </c>
      <c r="M1149" t="s">
        <v>83</v>
      </c>
      <c r="N1149" t="s">
        <v>91</v>
      </c>
      <c r="O1149" t="s">
        <v>85</v>
      </c>
      <c r="P1149" t="s">
        <v>86</v>
      </c>
      <c r="Q1149">
        <v>24</v>
      </c>
      <c r="R1149">
        <v>24</v>
      </c>
      <c r="S1149">
        <v>24</v>
      </c>
      <c r="T1149">
        <v>25</v>
      </c>
      <c r="U1149">
        <v>25</v>
      </c>
      <c r="V1149">
        <v>25</v>
      </c>
      <c r="W1149">
        <v>25</v>
      </c>
      <c r="X1149">
        <v>26</v>
      </c>
      <c r="Y1149">
        <v>26</v>
      </c>
      <c r="Z1149">
        <v>26</v>
      </c>
      <c r="AA1149">
        <v>26</v>
      </c>
      <c r="AB1149">
        <v>26</v>
      </c>
      <c r="AC1149">
        <v>27</v>
      </c>
      <c r="AD1149">
        <v>27</v>
      </c>
      <c r="AE1149">
        <v>27</v>
      </c>
      <c r="AF1149">
        <v>27</v>
      </c>
      <c r="AG1149">
        <v>27</v>
      </c>
      <c r="AH1149">
        <v>28</v>
      </c>
      <c r="AI1149">
        <v>28</v>
      </c>
      <c r="AJ1149">
        <v>28</v>
      </c>
      <c r="AK1149">
        <v>28</v>
      </c>
      <c r="AL1149">
        <v>28</v>
      </c>
      <c r="AM1149">
        <v>28</v>
      </c>
      <c r="AN1149">
        <v>28</v>
      </c>
      <c r="AO1149">
        <v>28</v>
      </c>
      <c r="AP1149">
        <v>28</v>
      </c>
      <c r="AQ1149">
        <v>28</v>
      </c>
    </row>
    <row r="1150" spans="1:43">
      <c r="A1150" t="s">
        <v>795</v>
      </c>
      <c r="B1150" t="s">
        <v>796</v>
      </c>
      <c r="C1150" t="s">
        <v>741</v>
      </c>
      <c r="D1150" t="s">
        <v>742</v>
      </c>
      <c r="E1150" t="s">
        <v>353</v>
      </c>
      <c r="F1150" t="s">
        <v>354</v>
      </c>
      <c r="G1150" t="s">
        <v>80</v>
      </c>
      <c r="H1150" t="s">
        <v>81</v>
      </c>
      <c r="I1150" s="2">
        <v>1</v>
      </c>
      <c r="J1150" s="2">
        <v>0</v>
      </c>
      <c r="K1150" s="2">
        <v>0</v>
      </c>
      <c r="L1150" t="s">
        <v>120</v>
      </c>
      <c r="M1150" t="s">
        <v>83</v>
      </c>
      <c r="N1150" t="s">
        <v>84</v>
      </c>
      <c r="O1150" t="s">
        <v>85</v>
      </c>
      <c r="P1150" t="s">
        <v>86</v>
      </c>
      <c r="Q1150">
        <v>9</v>
      </c>
      <c r="R1150">
        <v>9</v>
      </c>
      <c r="S1150">
        <v>9</v>
      </c>
      <c r="T1150">
        <v>9</v>
      </c>
      <c r="U1150">
        <v>9</v>
      </c>
      <c r="V1150">
        <v>9</v>
      </c>
      <c r="W1150">
        <v>9</v>
      </c>
      <c r="X1150">
        <v>9</v>
      </c>
      <c r="Y1150">
        <v>9</v>
      </c>
      <c r="Z1150">
        <v>10</v>
      </c>
      <c r="AA1150">
        <v>10</v>
      </c>
      <c r="AB1150">
        <v>10</v>
      </c>
      <c r="AC1150">
        <v>10</v>
      </c>
      <c r="AD1150">
        <v>10</v>
      </c>
      <c r="AE1150">
        <v>10</v>
      </c>
      <c r="AF1150">
        <v>10</v>
      </c>
      <c r="AG1150">
        <v>10</v>
      </c>
      <c r="AH1150">
        <v>10</v>
      </c>
      <c r="AI1150">
        <v>10</v>
      </c>
      <c r="AJ1150">
        <v>10</v>
      </c>
      <c r="AK1150">
        <v>10</v>
      </c>
      <c r="AL1150">
        <v>10</v>
      </c>
      <c r="AM1150">
        <v>10</v>
      </c>
      <c r="AN1150">
        <v>10</v>
      </c>
      <c r="AO1150">
        <v>10</v>
      </c>
      <c r="AP1150">
        <v>10</v>
      </c>
      <c r="AQ1150">
        <v>10</v>
      </c>
    </row>
    <row r="1151" spans="1:43">
      <c r="A1151" t="s">
        <v>795</v>
      </c>
      <c r="B1151" t="s">
        <v>796</v>
      </c>
      <c r="C1151" t="s">
        <v>741</v>
      </c>
      <c r="D1151" t="s">
        <v>742</v>
      </c>
      <c r="E1151" t="s">
        <v>353</v>
      </c>
      <c r="F1151" t="s">
        <v>354</v>
      </c>
      <c r="G1151" t="s">
        <v>80</v>
      </c>
      <c r="H1151" t="s">
        <v>81</v>
      </c>
      <c r="I1151" s="2">
        <v>1</v>
      </c>
      <c r="J1151" s="2">
        <v>0</v>
      </c>
      <c r="K1151" s="2">
        <v>0</v>
      </c>
      <c r="L1151" t="s">
        <v>120</v>
      </c>
      <c r="M1151" t="s">
        <v>87</v>
      </c>
      <c r="N1151" t="s">
        <v>88</v>
      </c>
      <c r="O1151" t="s">
        <v>85</v>
      </c>
      <c r="P1151" t="s">
        <v>86</v>
      </c>
      <c r="Q1151">
        <v>9</v>
      </c>
      <c r="R1151">
        <v>9</v>
      </c>
      <c r="S1151">
        <v>9</v>
      </c>
      <c r="T1151">
        <v>9</v>
      </c>
      <c r="U1151">
        <v>9</v>
      </c>
      <c r="V1151">
        <v>9</v>
      </c>
      <c r="W1151">
        <v>9</v>
      </c>
      <c r="X1151">
        <v>9</v>
      </c>
      <c r="Y1151">
        <v>9</v>
      </c>
      <c r="Z1151">
        <v>9</v>
      </c>
      <c r="AA1151">
        <v>9</v>
      </c>
      <c r="AB1151">
        <v>9</v>
      </c>
      <c r="AC1151">
        <v>9</v>
      </c>
      <c r="AD1151">
        <v>9</v>
      </c>
      <c r="AE1151">
        <v>9</v>
      </c>
      <c r="AF1151">
        <v>9</v>
      </c>
      <c r="AG1151">
        <v>9</v>
      </c>
      <c r="AH1151">
        <v>9</v>
      </c>
      <c r="AI1151">
        <v>9</v>
      </c>
      <c r="AJ1151">
        <v>9</v>
      </c>
      <c r="AK1151">
        <v>9</v>
      </c>
      <c r="AL1151">
        <v>9</v>
      </c>
      <c r="AM1151">
        <v>9</v>
      </c>
      <c r="AN1151">
        <v>9</v>
      </c>
      <c r="AO1151">
        <v>9</v>
      </c>
      <c r="AP1151">
        <v>9</v>
      </c>
      <c r="AQ1151">
        <v>9</v>
      </c>
    </row>
    <row r="1152" spans="1:43">
      <c r="A1152" t="s">
        <v>795</v>
      </c>
      <c r="B1152" t="s">
        <v>796</v>
      </c>
      <c r="C1152" t="s">
        <v>741</v>
      </c>
      <c r="D1152" t="s">
        <v>742</v>
      </c>
      <c r="E1152" t="s">
        <v>353</v>
      </c>
      <c r="F1152" t="s">
        <v>354</v>
      </c>
      <c r="G1152" t="s">
        <v>80</v>
      </c>
      <c r="H1152" t="s">
        <v>81</v>
      </c>
      <c r="I1152" s="2">
        <v>1</v>
      </c>
      <c r="J1152" s="2">
        <v>0</v>
      </c>
      <c r="K1152" s="2">
        <v>0</v>
      </c>
      <c r="L1152" t="s">
        <v>120</v>
      </c>
      <c r="M1152" t="s">
        <v>89</v>
      </c>
      <c r="N1152" t="s">
        <v>90</v>
      </c>
      <c r="O1152" t="s">
        <v>85</v>
      </c>
      <c r="P1152" t="s">
        <v>86</v>
      </c>
      <c r="Q1152">
        <v>9</v>
      </c>
      <c r="R1152">
        <v>9</v>
      </c>
      <c r="S1152">
        <v>9</v>
      </c>
      <c r="T1152">
        <v>9</v>
      </c>
      <c r="U1152">
        <v>9</v>
      </c>
      <c r="V1152">
        <v>10</v>
      </c>
      <c r="W1152">
        <v>10</v>
      </c>
      <c r="X1152">
        <v>10</v>
      </c>
      <c r="Y1152">
        <v>10</v>
      </c>
      <c r="Z1152">
        <v>10</v>
      </c>
      <c r="AA1152">
        <v>10</v>
      </c>
      <c r="AB1152">
        <v>10</v>
      </c>
      <c r="AC1152">
        <v>10</v>
      </c>
      <c r="AD1152">
        <v>11</v>
      </c>
      <c r="AE1152">
        <v>11</v>
      </c>
      <c r="AF1152">
        <v>11</v>
      </c>
      <c r="AG1152">
        <v>11</v>
      </c>
      <c r="AH1152">
        <v>11</v>
      </c>
      <c r="AI1152">
        <v>11</v>
      </c>
      <c r="AJ1152">
        <v>11</v>
      </c>
      <c r="AK1152">
        <v>10</v>
      </c>
      <c r="AL1152">
        <v>10</v>
      </c>
      <c r="AM1152">
        <v>10</v>
      </c>
      <c r="AN1152">
        <v>10</v>
      </c>
      <c r="AO1152">
        <v>10</v>
      </c>
      <c r="AP1152">
        <v>10</v>
      </c>
      <c r="AQ1152">
        <v>10</v>
      </c>
    </row>
    <row r="1153" spans="1:43">
      <c r="A1153" t="s">
        <v>795</v>
      </c>
      <c r="B1153" t="s">
        <v>796</v>
      </c>
      <c r="C1153" t="s">
        <v>741</v>
      </c>
      <c r="D1153" t="s">
        <v>742</v>
      </c>
      <c r="E1153" t="s">
        <v>353</v>
      </c>
      <c r="F1153" t="s">
        <v>354</v>
      </c>
      <c r="G1153" t="s">
        <v>80</v>
      </c>
      <c r="H1153" t="s">
        <v>81</v>
      </c>
      <c r="I1153" s="2">
        <v>1</v>
      </c>
      <c r="J1153" s="2">
        <v>0</v>
      </c>
      <c r="K1153" s="2">
        <v>0</v>
      </c>
      <c r="L1153" t="s">
        <v>120</v>
      </c>
      <c r="M1153" t="s">
        <v>83</v>
      </c>
      <c r="N1153" t="s">
        <v>91</v>
      </c>
      <c r="O1153" t="s">
        <v>85</v>
      </c>
      <c r="P1153" t="s">
        <v>86</v>
      </c>
      <c r="Q1153">
        <v>9</v>
      </c>
      <c r="R1153">
        <v>9</v>
      </c>
      <c r="S1153">
        <v>9</v>
      </c>
      <c r="T1153">
        <v>9</v>
      </c>
      <c r="U1153">
        <v>9</v>
      </c>
      <c r="V1153">
        <v>9</v>
      </c>
      <c r="W1153">
        <v>9</v>
      </c>
      <c r="X1153">
        <v>9</v>
      </c>
      <c r="Y1153">
        <v>9</v>
      </c>
      <c r="Z1153">
        <v>10</v>
      </c>
      <c r="AA1153">
        <v>10</v>
      </c>
      <c r="AB1153">
        <v>10</v>
      </c>
      <c r="AC1153">
        <v>10</v>
      </c>
      <c r="AD1153">
        <v>10</v>
      </c>
      <c r="AE1153">
        <v>10</v>
      </c>
      <c r="AF1153">
        <v>10</v>
      </c>
      <c r="AG1153">
        <v>10</v>
      </c>
      <c r="AH1153">
        <v>10</v>
      </c>
      <c r="AI1153">
        <v>10</v>
      </c>
      <c r="AJ1153">
        <v>10</v>
      </c>
      <c r="AK1153">
        <v>10</v>
      </c>
      <c r="AL1153">
        <v>10</v>
      </c>
      <c r="AM1153">
        <v>10</v>
      </c>
      <c r="AN1153">
        <v>10</v>
      </c>
      <c r="AO1153">
        <v>10</v>
      </c>
      <c r="AP1153">
        <v>10</v>
      </c>
      <c r="AQ1153">
        <v>10</v>
      </c>
    </row>
    <row r="1154" spans="1:43">
      <c r="A1154" t="s">
        <v>797</v>
      </c>
      <c r="B1154" t="s">
        <v>798</v>
      </c>
      <c r="C1154" t="s">
        <v>791</v>
      </c>
      <c r="D1154" t="s">
        <v>792</v>
      </c>
      <c r="E1154" t="s">
        <v>353</v>
      </c>
      <c r="F1154" t="s">
        <v>354</v>
      </c>
      <c r="G1154" t="s">
        <v>80</v>
      </c>
      <c r="H1154" t="s">
        <v>81</v>
      </c>
      <c r="I1154" s="2">
        <v>1</v>
      </c>
      <c r="J1154" s="2">
        <v>0</v>
      </c>
      <c r="K1154" s="2">
        <v>0</v>
      </c>
      <c r="L1154" t="s">
        <v>120</v>
      </c>
      <c r="M1154" t="s">
        <v>83</v>
      </c>
      <c r="N1154" t="s">
        <v>84</v>
      </c>
      <c r="O1154" t="s">
        <v>85</v>
      </c>
      <c r="P1154" t="s">
        <v>86</v>
      </c>
      <c r="Q1154">
        <v>32</v>
      </c>
      <c r="R1154">
        <v>32</v>
      </c>
      <c r="S1154">
        <v>32</v>
      </c>
      <c r="T1154">
        <v>33</v>
      </c>
      <c r="U1154">
        <v>33</v>
      </c>
      <c r="V1154">
        <v>33</v>
      </c>
      <c r="W1154">
        <v>34</v>
      </c>
      <c r="X1154">
        <v>34</v>
      </c>
      <c r="Y1154">
        <v>34</v>
      </c>
      <c r="Z1154">
        <v>35</v>
      </c>
      <c r="AA1154">
        <v>35</v>
      </c>
      <c r="AB1154">
        <v>35</v>
      </c>
      <c r="AC1154">
        <v>35</v>
      </c>
      <c r="AD1154">
        <v>36</v>
      </c>
      <c r="AE1154">
        <v>36</v>
      </c>
      <c r="AF1154">
        <v>36</v>
      </c>
      <c r="AG1154">
        <v>36</v>
      </c>
      <c r="AH1154">
        <v>37</v>
      </c>
      <c r="AI1154">
        <v>37</v>
      </c>
      <c r="AJ1154">
        <v>37</v>
      </c>
      <c r="AK1154">
        <v>37</v>
      </c>
      <c r="AL1154">
        <v>37</v>
      </c>
      <c r="AM1154">
        <v>37</v>
      </c>
      <c r="AN1154">
        <v>37</v>
      </c>
      <c r="AO1154">
        <v>37</v>
      </c>
      <c r="AP1154">
        <v>37</v>
      </c>
      <c r="AQ1154">
        <v>37</v>
      </c>
    </row>
    <row r="1155" spans="1:43">
      <c r="A1155" t="s">
        <v>797</v>
      </c>
      <c r="B1155" t="s">
        <v>798</v>
      </c>
      <c r="C1155" t="s">
        <v>791</v>
      </c>
      <c r="D1155" t="s">
        <v>792</v>
      </c>
      <c r="E1155" t="s">
        <v>353</v>
      </c>
      <c r="F1155" t="s">
        <v>354</v>
      </c>
      <c r="G1155" t="s">
        <v>80</v>
      </c>
      <c r="H1155" t="s">
        <v>81</v>
      </c>
      <c r="I1155" s="2">
        <v>1</v>
      </c>
      <c r="J1155" s="2">
        <v>0</v>
      </c>
      <c r="K1155" s="2">
        <v>0</v>
      </c>
      <c r="L1155" t="s">
        <v>120</v>
      </c>
      <c r="M1155" t="s">
        <v>87</v>
      </c>
      <c r="N1155" t="s">
        <v>88</v>
      </c>
      <c r="O1155" t="s">
        <v>85</v>
      </c>
      <c r="P1155" t="s">
        <v>86</v>
      </c>
      <c r="Q1155">
        <v>32</v>
      </c>
      <c r="R1155">
        <v>32</v>
      </c>
      <c r="S1155">
        <v>32</v>
      </c>
      <c r="T1155">
        <v>33</v>
      </c>
      <c r="U1155">
        <v>33</v>
      </c>
      <c r="V1155">
        <v>33</v>
      </c>
      <c r="W1155">
        <v>33</v>
      </c>
      <c r="X1155">
        <v>33</v>
      </c>
      <c r="Y1155">
        <v>33</v>
      </c>
      <c r="Z1155">
        <v>33</v>
      </c>
      <c r="AA1155">
        <v>33</v>
      </c>
      <c r="AB1155">
        <v>33</v>
      </c>
      <c r="AC1155">
        <v>33</v>
      </c>
      <c r="AD1155">
        <v>33</v>
      </c>
      <c r="AE1155">
        <v>33</v>
      </c>
      <c r="AF1155">
        <v>33</v>
      </c>
      <c r="AG1155">
        <v>33</v>
      </c>
      <c r="AH1155">
        <v>33</v>
      </c>
      <c r="AI1155">
        <v>33</v>
      </c>
      <c r="AJ1155">
        <v>33</v>
      </c>
      <c r="AK1155">
        <v>33</v>
      </c>
      <c r="AL1155">
        <v>33</v>
      </c>
      <c r="AM1155">
        <v>33</v>
      </c>
      <c r="AN1155">
        <v>33</v>
      </c>
      <c r="AO1155">
        <v>33</v>
      </c>
      <c r="AP1155">
        <v>33</v>
      </c>
      <c r="AQ1155">
        <v>33</v>
      </c>
    </row>
    <row r="1156" spans="1:43">
      <c r="A1156" t="s">
        <v>797</v>
      </c>
      <c r="B1156" t="s">
        <v>798</v>
      </c>
      <c r="C1156" t="s">
        <v>791</v>
      </c>
      <c r="D1156" t="s">
        <v>792</v>
      </c>
      <c r="E1156" t="s">
        <v>353</v>
      </c>
      <c r="F1156" t="s">
        <v>354</v>
      </c>
      <c r="G1156" t="s">
        <v>80</v>
      </c>
      <c r="H1156" t="s">
        <v>81</v>
      </c>
      <c r="I1156" s="2">
        <v>1</v>
      </c>
      <c r="J1156" s="2">
        <v>0</v>
      </c>
      <c r="K1156" s="2">
        <v>0</v>
      </c>
      <c r="L1156" t="s">
        <v>120</v>
      </c>
      <c r="M1156" t="s">
        <v>89</v>
      </c>
      <c r="N1156" t="s">
        <v>90</v>
      </c>
      <c r="O1156" t="s">
        <v>85</v>
      </c>
      <c r="P1156" t="s">
        <v>86</v>
      </c>
      <c r="Q1156">
        <v>32</v>
      </c>
      <c r="R1156">
        <v>33</v>
      </c>
      <c r="S1156">
        <v>33</v>
      </c>
      <c r="T1156">
        <v>34</v>
      </c>
      <c r="U1156">
        <v>34</v>
      </c>
      <c r="V1156">
        <v>35</v>
      </c>
      <c r="W1156">
        <v>35</v>
      </c>
      <c r="X1156">
        <v>36</v>
      </c>
      <c r="Y1156">
        <v>36</v>
      </c>
      <c r="Z1156">
        <v>37</v>
      </c>
      <c r="AA1156">
        <v>37</v>
      </c>
      <c r="AB1156">
        <v>37</v>
      </c>
      <c r="AC1156">
        <v>38</v>
      </c>
      <c r="AD1156">
        <v>38</v>
      </c>
      <c r="AE1156">
        <v>39</v>
      </c>
      <c r="AF1156">
        <v>38</v>
      </c>
      <c r="AG1156">
        <v>38</v>
      </c>
      <c r="AH1156">
        <v>38</v>
      </c>
      <c r="AI1156">
        <v>38</v>
      </c>
      <c r="AJ1156">
        <v>38</v>
      </c>
      <c r="AK1156">
        <v>38</v>
      </c>
      <c r="AL1156">
        <v>38</v>
      </c>
      <c r="AM1156">
        <v>38</v>
      </c>
      <c r="AN1156">
        <v>37</v>
      </c>
      <c r="AO1156">
        <v>37</v>
      </c>
      <c r="AP1156">
        <v>37</v>
      </c>
      <c r="AQ1156">
        <v>37</v>
      </c>
    </row>
    <row r="1157" spans="1:43">
      <c r="A1157" t="s">
        <v>797</v>
      </c>
      <c r="B1157" t="s">
        <v>798</v>
      </c>
      <c r="C1157" t="s">
        <v>791</v>
      </c>
      <c r="D1157" t="s">
        <v>792</v>
      </c>
      <c r="E1157" t="s">
        <v>353</v>
      </c>
      <c r="F1157" t="s">
        <v>354</v>
      </c>
      <c r="G1157" t="s">
        <v>80</v>
      </c>
      <c r="H1157" t="s">
        <v>81</v>
      </c>
      <c r="I1157" s="2">
        <v>1</v>
      </c>
      <c r="J1157" s="2">
        <v>0</v>
      </c>
      <c r="K1157" s="2">
        <v>0</v>
      </c>
      <c r="L1157" t="s">
        <v>120</v>
      </c>
      <c r="M1157" t="s">
        <v>83</v>
      </c>
      <c r="N1157" t="s">
        <v>91</v>
      </c>
      <c r="O1157" t="s">
        <v>85</v>
      </c>
      <c r="P1157" t="s">
        <v>86</v>
      </c>
      <c r="Q1157">
        <v>32</v>
      </c>
      <c r="R1157">
        <v>32</v>
      </c>
      <c r="S1157">
        <v>32</v>
      </c>
      <c r="T1157">
        <v>33</v>
      </c>
      <c r="U1157">
        <v>33</v>
      </c>
      <c r="V1157">
        <v>33</v>
      </c>
      <c r="W1157">
        <v>34</v>
      </c>
      <c r="X1157">
        <v>34</v>
      </c>
      <c r="Y1157">
        <v>34</v>
      </c>
      <c r="Z1157">
        <v>35</v>
      </c>
      <c r="AA1157">
        <v>35</v>
      </c>
      <c r="AB1157">
        <v>35</v>
      </c>
      <c r="AC1157">
        <v>35</v>
      </c>
      <c r="AD1157">
        <v>36</v>
      </c>
      <c r="AE1157">
        <v>36</v>
      </c>
      <c r="AF1157">
        <v>36</v>
      </c>
      <c r="AG1157">
        <v>36</v>
      </c>
      <c r="AH1157">
        <v>37</v>
      </c>
      <c r="AI1157">
        <v>37</v>
      </c>
      <c r="AJ1157">
        <v>37</v>
      </c>
      <c r="AK1157">
        <v>37</v>
      </c>
      <c r="AL1157">
        <v>37</v>
      </c>
      <c r="AM1157">
        <v>37</v>
      </c>
      <c r="AN1157">
        <v>37</v>
      </c>
      <c r="AO1157">
        <v>37</v>
      </c>
      <c r="AP1157">
        <v>37</v>
      </c>
      <c r="AQ1157">
        <v>37</v>
      </c>
    </row>
    <row r="1158" spans="1:43">
      <c r="A1158" t="s">
        <v>799</v>
      </c>
      <c r="B1158" t="s">
        <v>800</v>
      </c>
      <c r="C1158" t="s">
        <v>741</v>
      </c>
      <c r="D1158" t="s">
        <v>742</v>
      </c>
      <c r="E1158" t="s">
        <v>353</v>
      </c>
      <c r="F1158" t="s">
        <v>354</v>
      </c>
      <c r="G1158" t="s">
        <v>80</v>
      </c>
      <c r="H1158" t="s">
        <v>81</v>
      </c>
      <c r="I1158" s="2">
        <v>1</v>
      </c>
      <c r="J1158" s="2">
        <v>0</v>
      </c>
      <c r="K1158" s="2">
        <v>0</v>
      </c>
      <c r="L1158" t="s">
        <v>120</v>
      </c>
      <c r="M1158" t="s">
        <v>83</v>
      </c>
      <c r="N1158" t="s">
        <v>84</v>
      </c>
      <c r="O1158" t="s">
        <v>85</v>
      </c>
      <c r="P1158" t="s">
        <v>86</v>
      </c>
      <c r="Q1158">
        <v>22</v>
      </c>
      <c r="R1158">
        <v>22</v>
      </c>
      <c r="S1158">
        <v>22</v>
      </c>
      <c r="T1158">
        <v>22</v>
      </c>
      <c r="U1158">
        <v>23</v>
      </c>
      <c r="V1158">
        <v>23</v>
      </c>
      <c r="W1158">
        <v>23</v>
      </c>
      <c r="X1158">
        <v>23</v>
      </c>
      <c r="Y1158">
        <v>24</v>
      </c>
      <c r="Z1158">
        <v>24</v>
      </c>
      <c r="AA1158">
        <v>24</v>
      </c>
      <c r="AB1158">
        <v>24</v>
      </c>
      <c r="AC1158">
        <v>24</v>
      </c>
      <c r="AD1158">
        <v>25</v>
      </c>
      <c r="AE1158">
        <v>25</v>
      </c>
      <c r="AF1158">
        <v>25</v>
      </c>
      <c r="AG1158">
        <v>25</v>
      </c>
      <c r="AH1158">
        <v>25</v>
      </c>
      <c r="AI1158">
        <v>26</v>
      </c>
      <c r="AJ1158">
        <v>26</v>
      </c>
      <c r="AK1158">
        <v>26</v>
      </c>
      <c r="AL1158">
        <v>26</v>
      </c>
      <c r="AM1158">
        <v>26</v>
      </c>
      <c r="AN1158">
        <v>26</v>
      </c>
      <c r="AO1158">
        <v>26</v>
      </c>
      <c r="AP1158">
        <v>26</v>
      </c>
      <c r="AQ1158">
        <v>25</v>
      </c>
    </row>
    <row r="1159" spans="1:43">
      <c r="A1159" t="s">
        <v>799</v>
      </c>
      <c r="B1159" t="s">
        <v>800</v>
      </c>
      <c r="C1159" t="s">
        <v>741</v>
      </c>
      <c r="D1159" t="s">
        <v>742</v>
      </c>
      <c r="E1159" t="s">
        <v>353</v>
      </c>
      <c r="F1159" t="s">
        <v>354</v>
      </c>
      <c r="G1159" t="s">
        <v>80</v>
      </c>
      <c r="H1159" t="s">
        <v>81</v>
      </c>
      <c r="I1159" s="2">
        <v>1</v>
      </c>
      <c r="J1159" s="2">
        <v>0</v>
      </c>
      <c r="K1159" s="2">
        <v>0</v>
      </c>
      <c r="L1159" t="s">
        <v>120</v>
      </c>
      <c r="M1159" t="s">
        <v>87</v>
      </c>
      <c r="N1159" t="s">
        <v>88</v>
      </c>
      <c r="O1159" t="s">
        <v>85</v>
      </c>
      <c r="P1159" t="s">
        <v>86</v>
      </c>
      <c r="Q1159">
        <v>22</v>
      </c>
      <c r="R1159">
        <v>22</v>
      </c>
      <c r="S1159">
        <v>22</v>
      </c>
      <c r="T1159">
        <v>22</v>
      </c>
      <c r="U1159">
        <v>22</v>
      </c>
      <c r="V1159">
        <v>22</v>
      </c>
      <c r="W1159">
        <v>22</v>
      </c>
      <c r="X1159">
        <v>22</v>
      </c>
      <c r="Y1159">
        <v>22</v>
      </c>
      <c r="Z1159">
        <v>22</v>
      </c>
      <c r="AA1159">
        <v>22</v>
      </c>
      <c r="AB1159">
        <v>22</v>
      </c>
      <c r="AC1159">
        <v>22</v>
      </c>
      <c r="AD1159">
        <v>22</v>
      </c>
      <c r="AE1159">
        <v>22</v>
      </c>
      <c r="AF1159">
        <v>22</v>
      </c>
      <c r="AG1159">
        <v>22</v>
      </c>
      <c r="AH1159">
        <v>22</v>
      </c>
      <c r="AI1159">
        <v>22</v>
      </c>
      <c r="AJ1159">
        <v>22</v>
      </c>
      <c r="AK1159">
        <v>22</v>
      </c>
      <c r="AL1159">
        <v>22</v>
      </c>
      <c r="AM1159">
        <v>22</v>
      </c>
      <c r="AN1159">
        <v>22</v>
      </c>
      <c r="AO1159">
        <v>22</v>
      </c>
      <c r="AP1159">
        <v>22</v>
      </c>
      <c r="AQ1159">
        <v>22</v>
      </c>
    </row>
    <row r="1160" spans="1:43">
      <c r="A1160" t="s">
        <v>799</v>
      </c>
      <c r="B1160" t="s">
        <v>800</v>
      </c>
      <c r="C1160" t="s">
        <v>741</v>
      </c>
      <c r="D1160" t="s">
        <v>742</v>
      </c>
      <c r="E1160" t="s">
        <v>353</v>
      </c>
      <c r="F1160" t="s">
        <v>354</v>
      </c>
      <c r="G1160" t="s">
        <v>80</v>
      </c>
      <c r="H1160" t="s">
        <v>81</v>
      </c>
      <c r="I1160" s="2">
        <v>1</v>
      </c>
      <c r="J1160" s="2">
        <v>0</v>
      </c>
      <c r="K1160" s="2">
        <v>0</v>
      </c>
      <c r="L1160" t="s">
        <v>120</v>
      </c>
      <c r="M1160" t="s">
        <v>89</v>
      </c>
      <c r="N1160" t="s">
        <v>90</v>
      </c>
      <c r="O1160" t="s">
        <v>85</v>
      </c>
      <c r="P1160" t="s">
        <v>86</v>
      </c>
      <c r="Q1160">
        <v>22</v>
      </c>
      <c r="R1160">
        <v>22</v>
      </c>
      <c r="S1160">
        <v>23</v>
      </c>
      <c r="T1160">
        <v>23</v>
      </c>
      <c r="U1160">
        <v>24</v>
      </c>
      <c r="V1160">
        <v>24</v>
      </c>
      <c r="W1160">
        <v>24</v>
      </c>
      <c r="X1160">
        <v>25</v>
      </c>
      <c r="Y1160">
        <v>25</v>
      </c>
      <c r="Z1160">
        <v>25</v>
      </c>
      <c r="AA1160">
        <v>26</v>
      </c>
      <c r="AB1160">
        <v>26</v>
      </c>
      <c r="AC1160">
        <v>26</v>
      </c>
      <c r="AD1160">
        <v>26</v>
      </c>
      <c r="AE1160">
        <v>27</v>
      </c>
      <c r="AF1160">
        <v>27</v>
      </c>
      <c r="AG1160">
        <v>26</v>
      </c>
      <c r="AH1160">
        <v>26</v>
      </c>
      <c r="AI1160">
        <v>26</v>
      </c>
      <c r="AJ1160">
        <v>26</v>
      </c>
      <c r="AK1160">
        <v>26</v>
      </c>
      <c r="AL1160">
        <v>26</v>
      </c>
      <c r="AM1160">
        <v>26</v>
      </c>
      <c r="AN1160">
        <v>26</v>
      </c>
      <c r="AO1160">
        <v>26</v>
      </c>
      <c r="AP1160">
        <v>26</v>
      </c>
      <c r="AQ1160">
        <v>26</v>
      </c>
    </row>
    <row r="1161" spans="1:43">
      <c r="A1161" t="s">
        <v>799</v>
      </c>
      <c r="B1161" t="s">
        <v>800</v>
      </c>
      <c r="C1161" t="s">
        <v>741</v>
      </c>
      <c r="D1161" t="s">
        <v>742</v>
      </c>
      <c r="E1161" t="s">
        <v>353</v>
      </c>
      <c r="F1161" t="s">
        <v>354</v>
      </c>
      <c r="G1161" t="s">
        <v>80</v>
      </c>
      <c r="H1161" t="s">
        <v>81</v>
      </c>
      <c r="I1161" s="2">
        <v>1</v>
      </c>
      <c r="J1161" s="2">
        <v>0</v>
      </c>
      <c r="K1161" s="2">
        <v>0</v>
      </c>
      <c r="L1161" t="s">
        <v>120</v>
      </c>
      <c r="M1161" t="s">
        <v>83</v>
      </c>
      <c r="N1161" t="s">
        <v>91</v>
      </c>
      <c r="O1161" t="s">
        <v>85</v>
      </c>
      <c r="P1161" t="s">
        <v>86</v>
      </c>
      <c r="Q1161">
        <v>22</v>
      </c>
      <c r="R1161">
        <v>22</v>
      </c>
      <c r="S1161">
        <v>22</v>
      </c>
      <c r="T1161">
        <v>22</v>
      </c>
      <c r="U1161">
        <v>23</v>
      </c>
      <c r="V1161">
        <v>23</v>
      </c>
      <c r="W1161">
        <v>23</v>
      </c>
      <c r="X1161">
        <v>23</v>
      </c>
      <c r="Y1161">
        <v>24</v>
      </c>
      <c r="Z1161">
        <v>24</v>
      </c>
      <c r="AA1161">
        <v>24</v>
      </c>
      <c r="AB1161">
        <v>24</v>
      </c>
      <c r="AC1161">
        <v>24</v>
      </c>
      <c r="AD1161">
        <v>25</v>
      </c>
      <c r="AE1161">
        <v>25</v>
      </c>
      <c r="AF1161">
        <v>25</v>
      </c>
      <c r="AG1161">
        <v>25</v>
      </c>
      <c r="AH1161">
        <v>25</v>
      </c>
      <c r="AI1161">
        <v>26</v>
      </c>
      <c r="AJ1161">
        <v>26</v>
      </c>
      <c r="AK1161">
        <v>26</v>
      </c>
      <c r="AL1161">
        <v>26</v>
      </c>
      <c r="AM1161">
        <v>26</v>
      </c>
      <c r="AN1161">
        <v>26</v>
      </c>
      <c r="AO1161">
        <v>26</v>
      </c>
      <c r="AP1161">
        <v>26</v>
      </c>
      <c r="AQ1161">
        <v>25</v>
      </c>
    </row>
    <row r="1162" spans="1:43">
      <c r="A1162" t="s">
        <v>801</v>
      </c>
      <c r="B1162" t="s">
        <v>802</v>
      </c>
      <c r="C1162" t="s">
        <v>741</v>
      </c>
      <c r="D1162" t="s">
        <v>742</v>
      </c>
      <c r="E1162" t="s">
        <v>353</v>
      </c>
      <c r="F1162" t="s">
        <v>354</v>
      </c>
      <c r="G1162" t="s">
        <v>80</v>
      </c>
      <c r="H1162" t="s">
        <v>81</v>
      </c>
      <c r="I1162" s="2">
        <v>1</v>
      </c>
      <c r="J1162" s="2">
        <v>0</v>
      </c>
      <c r="K1162" s="2">
        <v>0</v>
      </c>
      <c r="L1162" t="s">
        <v>120</v>
      </c>
      <c r="M1162" t="s">
        <v>83</v>
      </c>
      <c r="N1162" t="s">
        <v>84</v>
      </c>
      <c r="O1162" t="s">
        <v>85</v>
      </c>
      <c r="P1162" t="s">
        <v>86</v>
      </c>
      <c r="Q1162">
        <v>18</v>
      </c>
      <c r="R1162">
        <v>18</v>
      </c>
      <c r="S1162">
        <v>19</v>
      </c>
      <c r="T1162">
        <v>19</v>
      </c>
      <c r="U1162">
        <v>19</v>
      </c>
      <c r="V1162">
        <v>19</v>
      </c>
      <c r="W1162">
        <v>19</v>
      </c>
      <c r="X1162">
        <v>20</v>
      </c>
      <c r="Y1162">
        <v>20</v>
      </c>
      <c r="Z1162">
        <v>20</v>
      </c>
      <c r="AA1162">
        <v>20</v>
      </c>
      <c r="AB1162">
        <v>20</v>
      </c>
      <c r="AC1162">
        <v>20</v>
      </c>
      <c r="AD1162">
        <v>21</v>
      </c>
      <c r="AE1162">
        <v>21</v>
      </c>
      <c r="AF1162">
        <v>21</v>
      </c>
      <c r="AG1162">
        <v>21</v>
      </c>
      <c r="AH1162">
        <v>21</v>
      </c>
      <c r="AI1162">
        <v>21</v>
      </c>
      <c r="AJ1162">
        <v>22</v>
      </c>
      <c r="AK1162">
        <v>22</v>
      </c>
      <c r="AL1162">
        <v>22</v>
      </c>
      <c r="AM1162">
        <v>22</v>
      </c>
      <c r="AN1162">
        <v>22</v>
      </c>
      <c r="AO1162">
        <v>21</v>
      </c>
      <c r="AP1162">
        <v>21</v>
      </c>
      <c r="AQ1162">
        <v>21</v>
      </c>
    </row>
    <row r="1163" spans="1:43">
      <c r="A1163" t="s">
        <v>801</v>
      </c>
      <c r="B1163" t="s">
        <v>802</v>
      </c>
      <c r="C1163" t="s">
        <v>741</v>
      </c>
      <c r="D1163" t="s">
        <v>742</v>
      </c>
      <c r="E1163" t="s">
        <v>353</v>
      </c>
      <c r="F1163" t="s">
        <v>354</v>
      </c>
      <c r="G1163" t="s">
        <v>80</v>
      </c>
      <c r="H1163" t="s">
        <v>81</v>
      </c>
      <c r="I1163" s="2">
        <v>1</v>
      </c>
      <c r="J1163" s="2">
        <v>0</v>
      </c>
      <c r="K1163" s="2">
        <v>0</v>
      </c>
      <c r="L1163" t="s">
        <v>120</v>
      </c>
      <c r="M1163" t="s">
        <v>87</v>
      </c>
      <c r="N1163" t="s">
        <v>88</v>
      </c>
      <c r="O1163" t="s">
        <v>85</v>
      </c>
      <c r="P1163" t="s">
        <v>86</v>
      </c>
      <c r="Q1163">
        <v>18</v>
      </c>
      <c r="R1163">
        <v>18</v>
      </c>
      <c r="S1163">
        <v>18</v>
      </c>
      <c r="T1163">
        <v>18</v>
      </c>
      <c r="U1163">
        <v>18</v>
      </c>
      <c r="V1163">
        <v>18</v>
      </c>
      <c r="W1163">
        <v>18</v>
      </c>
      <c r="X1163">
        <v>18</v>
      </c>
      <c r="Y1163">
        <v>18</v>
      </c>
      <c r="Z1163">
        <v>18</v>
      </c>
      <c r="AA1163">
        <v>18</v>
      </c>
      <c r="AB1163">
        <v>18</v>
      </c>
      <c r="AC1163">
        <v>18</v>
      </c>
      <c r="AD1163">
        <v>18</v>
      </c>
      <c r="AE1163">
        <v>18</v>
      </c>
      <c r="AF1163">
        <v>18</v>
      </c>
      <c r="AG1163">
        <v>18</v>
      </c>
      <c r="AH1163">
        <v>18</v>
      </c>
      <c r="AI1163">
        <v>18</v>
      </c>
      <c r="AJ1163">
        <v>18</v>
      </c>
      <c r="AK1163">
        <v>19</v>
      </c>
      <c r="AL1163">
        <v>19</v>
      </c>
      <c r="AM1163">
        <v>19</v>
      </c>
      <c r="AN1163">
        <v>19</v>
      </c>
      <c r="AO1163">
        <v>19</v>
      </c>
      <c r="AP1163">
        <v>19</v>
      </c>
      <c r="AQ1163">
        <v>19</v>
      </c>
    </row>
    <row r="1164" spans="1:43">
      <c r="A1164" t="s">
        <v>801</v>
      </c>
      <c r="B1164" t="s">
        <v>802</v>
      </c>
      <c r="C1164" t="s">
        <v>741</v>
      </c>
      <c r="D1164" t="s">
        <v>742</v>
      </c>
      <c r="E1164" t="s">
        <v>353</v>
      </c>
      <c r="F1164" t="s">
        <v>354</v>
      </c>
      <c r="G1164" t="s">
        <v>80</v>
      </c>
      <c r="H1164" t="s">
        <v>81</v>
      </c>
      <c r="I1164" s="2">
        <v>1</v>
      </c>
      <c r="J1164" s="2">
        <v>0</v>
      </c>
      <c r="K1164" s="2">
        <v>0</v>
      </c>
      <c r="L1164" t="s">
        <v>120</v>
      </c>
      <c r="M1164" t="s">
        <v>89</v>
      </c>
      <c r="N1164" t="s">
        <v>90</v>
      </c>
      <c r="O1164" t="s">
        <v>85</v>
      </c>
      <c r="P1164" t="s">
        <v>86</v>
      </c>
      <c r="Q1164">
        <v>18</v>
      </c>
      <c r="R1164">
        <v>19</v>
      </c>
      <c r="S1164">
        <v>19</v>
      </c>
      <c r="T1164">
        <v>19</v>
      </c>
      <c r="U1164">
        <v>20</v>
      </c>
      <c r="V1164">
        <v>20</v>
      </c>
      <c r="W1164">
        <v>20</v>
      </c>
      <c r="X1164">
        <v>21</v>
      </c>
      <c r="Y1164">
        <v>21</v>
      </c>
      <c r="Z1164">
        <v>21</v>
      </c>
      <c r="AA1164">
        <v>21</v>
      </c>
      <c r="AB1164">
        <v>22</v>
      </c>
      <c r="AC1164">
        <v>22</v>
      </c>
      <c r="AD1164">
        <v>22</v>
      </c>
      <c r="AE1164">
        <v>22</v>
      </c>
      <c r="AF1164">
        <v>22</v>
      </c>
      <c r="AG1164">
        <v>22</v>
      </c>
      <c r="AH1164">
        <v>22</v>
      </c>
      <c r="AI1164">
        <v>22</v>
      </c>
      <c r="AJ1164">
        <v>22</v>
      </c>
      <c r="AK1164">
        <v>22</v>
      </c>
      <c r="AL1164">
        <v>22</v>
      </c>
      <c r="AM1164">
        <v>22</v>
      </c>
      <c r="AN1164">
        <v>22</v>
      </c>
      <c r="AO1164">
        <v>22</v>
      </c>
      <c r="AP1164">
        <v>22</v>
      </c>
      <c r="AQ1164">
        <v>22</v>
      </c>
    </row>
    <row r="1165" spans="1:43">
      <c r="A1165" t="s">
        <v>801</v>
      </c>
      <c r="B1165" t="s">
        <v>802</v>
      </c>
      <c r="C1165" t="s">
        <v>741</v>
      </c>
      <c r="D1165" t="s">
        <v>742</v>
      </c>
      <c r="E1165" t="s">
        <v>353</v>
      </c>
      <c r="F1165" t="s">
        <v>354</v>
      </c>
      <c r="G1165" t="s">
        <v>80</v>
      </c>
      <c r="H1165" t="s">
        <v>81</v>
      </c>
      <c r="I1165" s="2">
        <v>1</v>
      </c>
      <c r="J1165" s="2">
        <v>0</v>
      </c>
      <c r="K1165" s="2">
        <v>0</v>
      </c>
      <c r="L1165" t="s">
        <v>120</v>
      </c>
      <c r="M1165" t="s">
        <v>83</v>
      </c>
      <c r="N1165" t="s">
        <v>91</v>
      </c>
      <c r="O1165" t="s">
        <v>85</v>
      </c>
      <c r="P1165" t="s">
        <v>86</v>
      </c>
      <c r="Q1165">
        <v>18</v>
      </c>
      <c r="R1165">
        <v>18</v>
      </c>
      <c r="S1165">
        <v>19</v>
      </c>
      <c r="T1165">
        <v>19</v>
      </c>
      <c r="U1165">
        <v>19</v>
      </c>
      <c r="V1165">
        <v>19</v>
      </c>
      <c r="W1165">
        <v>19</v>
      </c>
      <c r="X1165">
        <v>20</v>
      </c>
      <c r="Y1165">
        <v>20</v>
      </c>
      <c r="Z1165">
        <v>20</v>
      </c>
      <c r="AA1165">
        <v>20</v>
      </c>
      <c r="AB1165">
        <v>20</v>
      </c>
      <c r="AC1165">
        <v>20</v>
      </c>
      <c r="AD1165">
        <v>21</v>
      </c>
      <c r="AE1165">
        <v>21</v>
      </c>
      <c r="AF1165">
        <v>21</v>
      </c>
      <c r="AG1165">
        <v>21</v>
      </c>
      <c r="AH1165">
        <v>21</v>
      </c>
      <c r="AI1165">
        <v>21</v>
      </c>
      <c r="AJ1165">
        <v>22</v>
      </c>
      <c r="AK1165">
        <v>22</v>
      </c>
      <c r="AL1165">
        <v>22</v>
      </c>
      <c r="AM1165">
        <v>22</v>
      </c>
      <c r="AN1165">
        <v>22</v>
      </c>
      <c r="AO1165">
        <v>21</v>
      </c>
      <c r="AP1165">
        <v>21</v>
      </c>
      <c r="AQ1165">
        <v>21</v>
      </c>
    </row>
    <row r="1166" spans="1:43">
      <c r="A1166" t="s">
        <v>803</v>
      </c>
      <c r="B1166" t="s">
        <v>804</v>
      </c>
      <c r="C1166" t="s">
        <v>439</v>
      </c>
      <c r="D1166" t="s">
        <v>440</v>
      </c>
      <c r="E1166" t="s">
        <v>353</v>
      </c>
      <c r="F1166" t="s">
        <v>354</v>
      </c>
      <c r="G1166" t="s">
        <v>80</v>
      </c>
      <c r="H1166" t="s">
        <v>81</v>
      </c>
      <c r="I1166" s="2">
        <v>0.46</v>
      </c>
      <c r="J1166" s="2">
        <v>0</v>
      </c>
      <c r="K1166" s="2">
        <v>0</v>
      </c>
      <c r="L1166" t="s">
        <v>120</v>
      </c>
      <c r="M1166" t="s">
        <v>83</v>
      </c>
      <c r="N1166" t="s">
        <v>84</v>
      </c>
      <c r="O1166" t="s">
        <v>85</v>
      </c>
      <c r="P1166" t="s">
        <v>86</v>
      </c>
      <c r="Q1166">
        <v>18</v>
      </c>
      <c r="R1166">
        <v>18</v>
      </c>
      <c r="S1166">
        <v>18</v>
      </c>
      <c r="T1166">
        <v>19</v>
      </c>
      <c r="U1166">
        <v>19</v>
      </c>
      <c r="V1166">
        <v>19</v>
      </c>
      <c r="W1166">
        <v>19</v>
      </c>
      <c r="X1166">
        <v>19</v>
      </c>
      <c r="Y1166">
        <v>20</v>
      </c>
      <c r="Z1166">
        <v>20</v>
      </c>
      <c r="AA1166">
        <v>20</v>
      </c>
      <c r="AB1166">
        <v>20</v>
      </c>
      <c r="AC1166">
        <v>20</v>
      </c>
      <c r="AD1166">
        <v>20</v>
      </c>
      <c r="AE1166">
        <v>21</v>
      </c>
      <c r="AF1166">
        <v>21</v>
      </c>
      <c r="AG1166">
        <v>21</v>
      </c>
      <c r="AH1166">
        <v>21</v>
      </c>
      <c r="AI1166">
        <v>21</v>
      </c>
      <c r="AJ1166">
        <v>21</v>
      </c>
      <c r="AK1166">
        <v>21</v>
      </c>
      <c r="AL1166">
        <v>21</v>
      </c>
      <c r="AM1166">
        <v>21</v>
      </c>
      <c r="AN1166">
        <v>21</v>
      </c>
      <c r="AO1166">
        <v>21</v>
      </c>
      <c r="AP1166">
        <v>21</v>
      </c>
      <c r="AQ1166">
        <v>21</v>
      </c>
    </row>
    <row r="1167" spans="1:43">
      <c r="A1167" t="s">
        <v>803</v>
      </c>
      <c r="B1167" t="s">
        <v>804</v>
      </c>
      <c r="C1167" t="s">
        <v>439</v>
      </c>
      <c r="D1167" t="s">
        <v>440</v>
      </c>
      <c r="E1167" t="s">
        <v>353</v>
      </c>
      <c r="F1167" t="s">
        <v>354</v>
      </c>
      <c r="G1167" t="s">
        <v>80</v>
      </c>
      <c r="H1167" t="s">
        <v>81</v>
      </c>
      <c r="I1167" s="2">
        <v>0.46</v>
      </c>
      <c r="J1167" s="2">
        <v>0</v>
      </c>
      <c r="K1167" s="2">
        <v>0</v>
      </c>
      <c r="L1167" t="s">
        <v>120</v>
      </c>
      <c r="M1167" t="s">
        <v>87</v>
      </c>
      <c r="N1167" t="s">
        <v>88</v>
      </c>
      <c r="O1167" t="s">
        <v>85</v>
      </c>
      <c r="P1167" t="s">
        <v>86</v>
      </c>
      <c r="Q1167">
        <v>18</v>
      </c>
      <c r="R1167">
        <v>18</v>
      </c>
      <c r="S1167">
        <v>18</v>
      </c>
      <c r="T1167">
        <v>18</v>
      </c>
      <c r="U1167">
        <v>18</v>
      </c>
      <c r="V1167">
        <v>18</v>
      </c>
      <c r="W1167">
        <v>18</v>
      </c>
      <c r="X1167">
        <v>18</v>
      </c>
      <c r="Y1167">
        <v>18</v>
      </c>
      <c r="Z1167">
        <v>18</v>
      </c>
      <c r="AA1167">
        <v>18</v>
      </c>
      <c r="AB1167">
        <v>18</v>
      </c>
      <c r="AC1167">
        <v>18</v>
      </c>
      <c r="AD1167">
        <v>18</v>
      </c>
      <c r="AE1167">
        <v>18</v>
      </c>
      <c r="AF1167">
        <v>18</v>
      </c>
      <c r="AG1167">
        <v>18</v>
      </c>
      <c r="AH1167">
        <v>18</v>
      </c>
      <c r="AI1167">
        <v>18</v>
      </c>
      <c r="AJ1167">
        <v>18</v>
      </c>
      <c r="AK1167">
        <v>18</v>
      </c>
      <c r="AL1167">
        <v>18</v>
      </c>
      <c r="AM1167">
        <v>18</v>
      </c>
      <c r="AN1167">
        <v>18</v>
      </c>
      <c r="AO1167">
        <v>18</v>
      </c>
      <c r="AP1167">
        <v>18</v>
      </c>
      <c r="AQ1167">
        <v>18</v>
      </c>
    </row>
    <row r="1168" spans="1:43">
      <c r="A1168" t="s">
        <v>803</v>
      </c>
      <c r="B1168" t="s">
        <v>804</v>
      </c>
      <c r="C1168" t="s">
        <v>439</v>
      </c>
      <c r="D1168" t="s">
        <v>440</v>
      </c>
      <c r="E1168" t="s">
        <v>353</v>
      </c>
      <c r="F1168" t="s">
        <v>354</v>
      </c>
      <c r="G1168" t="s">
        <v>80</v>
      </c>
      <c r="H1168" t="s">
        <v>81</v>
      </c>
      <c r="I1168" s="2">
        <v>0.46</v>
      </c>
      <c r="J1168" s="2">
        <v>0</v>
      </c>
      <c r="K1168" s="2">
        <v>0</v>
      </c>
      <c r="L1168" t="s">
        <v>120</v>
      </c>
      <c r="M1168" t="s">
        <v>89</v>
      </c>
      <c r="N1168" t="s">
        <v>90</v>
      </c>
      <c r="O1168" t="s">
        <v>85</v>
      </c>
      <c r="P1168" t="s">
        <v>86</v>
      </c>
      <c r="Q1168">
        <v>18</v>
      </c>
      <c r="R1168">
        <v>19</v>
      </c>
      <c r="S1168">
        <v>19</v>
      </c>
      <c r="T1168">
        <v>19</v>
      </c>
      <c r="U1168">
        <v>20</v>
      </c>
      <c r="V1168">
        <v>20</v>
      </c>
      <c r="W1168">
        <v>20</v>
      </c>
      <c r="X1168">
        <v>20</v>
      </c>
      <c r="Y1168">
        <v>21</v>
      </c>
      <c r="Z1168">
        <v>21</v>
      </c>
      <c r="AA1168">
        <v>21</v>
      </c>
      <c r="AB1168">
        <v>21</v>
      </c>
      <c r="AC1168">
        <v>22</v>
      </c>
      <c r="AD1168">
        <v>22</v>
      </c>
      <c r="AE1168">
        <v>22</v>
      </c>
      <c r="AF1168">
        <v>22</v>
      </c>
      <c r="AG1168">
        <v>22</v>
      </c>
      <c r="AH1168">
        <v>22</v>
      </c>
      <c r="AI1168">
        <v>22</v>
      </c>
      <c r="AJ1168">
        <v>22</v>
      </c>
      <c r="AK1168">
        <v>22</v>
      </c>
      <c r="AL1168">
        <v>22</v>
      </c>
      <c r="AM1168">
        <v>22</v>
      </c>
      <c r="AN1168">
        <v>22</v>
      </c>
      <c r="AO1168">
        <v>21</v>
      </c>
      <c r="AP1168">
        <v>21</v>
      </c>
      <c r="AQ1168">
        <v>21</v>
      </c>
    </row>
    <row r="1169" spans="1:43">
      <c r="A1169" t="s">
        <v>803</v>
      </c>
      <c r="B1169" t="s">
        <v>804</v>
      </c>
      <c r="C1169" t="s">
        <v>439</v>
      </c>
      <c r="D1169" t="s">
        <v>440</v>
      </c>
      <c r="E1169" t="s">
        <v>353</v>
      </c>
      <c r="F1169" t="s">
        <v>354</v>
      </c>
      <c r="G1169" t="s">
        <v>80</v>
      </c>
      <c r="H1169" t="s">
        <v>81</v>
      </c>
      <c r="I1169" s="2">
        <v>0.46</v>
      </c>
      <c r="J1169" s="2">
        <v>0</v>
      </c>
      <c r="K1169" s="2">
        <v>0</v>
      </c>
      <c r="L1169" t="s">
        <v>120</v>
      </c>
      <c r="M1169" t="s">
        <v>83</v>
      </c>
      <c r="N1169" t="s">
        <v>91</v>
      </c>
      <c r="O1169" t="s">
        <v>85</v>
      </c>
      <c r="P1169" t="s">
        <v>86</v>
      </c>
      <c r="Q1169">
        <v>18</v>
      </c>
      <c r="R1169">
        <v>18</v>
      </c>
      <c r="S1169">
        <v>18</v>
      </c>
      <c r="T1169">
        <v>19</v>
      </c>
      <c r="U1169">
        <v>19</v>
      </c>
      <c r="V1169">
        <v>19</v>
      </c>
      <c r="W1169">
        <v>19</v>
      </c>
      <c r="X1169">
        <v>19</v>
      </c>
      <c r="Y1169">
        <v>20</v>
      </c>
      <c r="Z1169">
        <v>20</v>
      </c>
      <c r="AA1169">
        <v>20</v>
      </c>
      <c r="AB1169">
        <v>20</v>
      </c>
      <c r="AC1169">
        <v>20</v>
      </c>
      <c r="AD1169">
        <v>20</v>
      </c>
      <c r="AE1169">
        <v>21</v>
      </c>
      <c r="AF1169">
        <v>21</v>
      </c>
      <c r="AG1169">
        <v>21</v>
      </c>
      <c r="AH1169">
        <v>21</v>
      </c>
      <c r="AI1169">
        <v>21</v>
      </c>
      <c r="AJ1169">
        <v>21</v>
      </c>
      <c r="AK1169">
        <v>21</v>
      </c>
      <c r="AL1169">
        <v>21</v>
      </c>
      <c r="AM1169">
        <v>21</v>
      </c>
      <c r="AN1169">
        <v>21</v>
      </c>
      <c r="AO1169">
        <v>21</v>
      </c>
      <c r="AP1169">
        <v>21</v>
      </c>
      <c r="AQ1169">
        <v>21</v>
      </c>
    </row>
    <row r="1170" spans="1:43">
      <c r="A1170" t="s">
        <v>805</v>
      </c>
      <c r="B1170" t="s">
        <v>806</v>
      </c>
      <c r="C1170" t="s">
        <v>439</v>
      </c>
      <c r="D1170" t="s">
        <v>440</v>
      </c>
      <c r="E1170" t="s">
        <v>353</v>
      </c>
      <c r="F1170" t="s">
        <v>354</v>
      </c>
      <c r="G1170" t="s">
        <v>80</v>
      </c>
      <c r="H1170" t="s">
        <v>81</v>
      </c>
      <c r="I1170" s="2">
        <v>1</v>
      </c>
      <c r="J1170" s="2">
        <v>0</v>
      </c>
      <c r="K1170" s="2">
        <v>0</v>
      </c>
      <c r="L1170" t="s">
        <v>120</v>
      </c>
      <c r="M1170" t="s">
        <v>83</v>
      </c>
      <c r="N1170" t="s">
        <v>84</v>
      </c>
      <c r="O1170" t="s">
        <v>85</v>
      </c>
      <c r="P1170" t="s">
        <v>86</v>
      </c>
      <c r="Q1170">
        <v>48</v>
      </c>
      <c r="R1170">
        <v>48</v>
      </c>
      <c r="S1170">
        <v>49</v>
      </c>
      <c r="T1170">
        <v>49</v>
      </c>
      <c r="U1170">
        <v>50</v>
      </c>
      <c r="V1170">
        <v>50</v>
      </c>
      <c r="W1170">
        <v>51</v>
      </c>
      <c r="X1170">
        <v>52</v>
      </c>
      <c r="Y1170">
        <v>52</v>
      </c>
      <c r="Z1170">
        <v>53</v>
      </c>
      <c r="AA1170">
        <v>53</v>
      </c>
      <c r="AB1170">
        <v>54</v>
      </c>
      <c r="AC1170">
        <v>54</v>
      </c>
      <c r="AD1170">
        <v>55</v>
      </c>
      <c r="AE1170">
        <v>55</v>
      </c>
      <c r="AF1170">
        <v>56</v>
      </c>
      <c r="AG1170">
        <v>56</v>
      </c>
      <c r="AH1170">
        <v>57</v>
      </c>
      <c r="AI1170">
        <v>57</v>
      </c>
      <c r="AJ1170">
        <v>58</v>
      </c>
      <c r="AK1170">
        <v>58</v>
      </c>
      <c r="AL1170">
        <v>58</v>
      </c>
      <c r="AM1170">
        <v>58</v>
      </c>
      <c r="AN1170">
        <v>58</v>
      </c>
      <c r="AO1170">
        <v>58</v>
      </c>
      <c r="AP1170">
        <v>58</v>
      </c>
      <c r="AQ1170">
        <v>58</v>
      </c>
    </row>
    <row r="1171" spans="1:43">
      <c r="A1171" t="s">
        <v>805</v>
      </c>
      <c r="B1171" t="s">
        <v>806</v>
      </c>
      <c r="C1171" t="s">
        <v>439</v>
      </c>
      <c r="D1171" t="s">
        <v>440</v>
      </c>
      <c r="E1171" t="s">
        <v>353</v>
      </c>
      <c r="F1171" t="s">
        <v>354</v>
      </c>
      <c r="G1171" t="s">
        <v>80</v>
      </c>
      <c r="H1171" t="s">
        <v>81</v>
      </c>
      <c r="I1171" s="2">
        <v>1</v>
      </c>
      <c r="J1171" s="2">
        <v>0</v>
      </c>
      <c r="K1171" s="2">
        <v>0</v>
      </c>
      <c r="L1171" t="s">
        <v>120</v>
      </c>
      <c r="M1171" t="s">
        <v>87</v>
      </c>
      <c r="N1171" t="s">
        <v>88</v>
      </c>
      <c r="O1171" t="s">
        <v>85</v>
      </c>
      <c r="P1171" t="s">
        <v>86</v>
      </c>
      <c r="Q1171">
        <v>48</v>
      </c>
      <c r="R1171">
        <v>48</v>
      </c>
      <c r="S1171">
        <v>48</v>
      </c>
      <c r="T1171">
        <v>49</v>
      </c>
      <c r="U1171">
        <v>49</v>
      </c>
      <c r="V1171">
        <v>49</v>
      </c>
      <c r="W1171">
        <v>49</v>
      </c>
      <c r="X1171">
        <v>49</v>
      </c>
      <c r="Y1171">
        <v>49</v>
      </c>
      <c r="Z1171">
        <v>49</v>
      </c>
      <c r="AA1171">
        <v>49</v>
      </c>
      <c r="AB1171">
        <v>50</v>
      </c>
      <c r="AC1171">
        <v>50</v>
      </c>
      <c r="AD1171">
        <v>50</v>
      </c>
      <c r="AE1171">
        <v>50</v>
      </c>
      <c r="AF1171">
        <v>50</v>
      </c>
      <c r="AG1171">
        <v>50</v>
      </c>
      <c r="AH1171">
        <v>50</v>
      </c>
      <c r="AI1171">
        <v>50</v>
      </c>
      <c r="AJ1171">
        <v>50</v>
      </c>
      <c r="AK1171">
        <v>50</v>
      </c>
      <c r="AL1171">
        <v>51</v>
      </c>
      <c r="AM1171">
        <v>51</v>
      </c>
      <c r="AN1171">
        <v>51</v>
      </c>
      <c r="AO1171">
        <v>51</v>
      </c>
      <c r="AP1171">
        <v>51</v>
      </c>
      <c r="AQ1171">
        <v>51</v>
      </c>
    </row>
    <row r="1172" spans="1:43">
      <c r="A1172" t="s">
        <v>805</v>
      </c>
      <c r="B1172" t="s">
        <v>806</v>
      </c>
      <c r="C1172" t="s">
        <v>439</v>
      </c>
      <c r="D1172" t="s">
        <v>440</v>
      </c>
      <c r="E1172" t="s">
        <v>353</v>
      </c>
      <c r="F1172" t="s">
        <v>354</v>
      </c>
      <c r="G1172" t="s">
        <v>80</v>
      </c>
      <c r="H1172" t="s">
        <v>81</v>
      </c>
      <c r="I1172" s="2">
        <v>1</v>
      </c>
      <c r="J1172" s="2">
        <v>0</v>
      </c>
      <c r="K1172" s="2">
        <v>0</v>
      </c>
      <c r="L1172" t="s">
        <v>120</v>
      </c>
      <c r="M1172" t="s">
        <v>89</v>
      </c>
      <c r="N1172" t="s">
        <v>90</v>
      </c>
      <c r="O1172" t="s">
        <v>85</v>
      </c>
      <c r="P1172" t="s">
        <v>86</v>
      </c>
      <c r="Q1172">
        <v>48</v>
      </c>
      <c r="R1172">
        <v>49</v>
      </c>
      <c r="S1172">
        <v>50</v>
      </c>
      <c r="T1172">
        <v>51</v>
      </c>
      <c r="U1172">
        <v>52</v>
      </c>
      <c r="V1172">
        <v>53</v>
      </c>
      <c r="W1172">
        <v>54</v>
      </c>
      <c r="X1172">
        <v>54</v>
      </c>
      <c r="Y1172">
        <v>55</v>
      </c>
      <c r="Z1172">
        <v>56</v>
      </c>
      <c r="AA1172">
        <v>57</v>
      </c>
      <c r="AB1172">
        <v>57</v>
      </c>
      <c r="AC1172">
        <v>58</v>
      </c>
      <c r="AD1172">
        <v>59</v>
      </c>
      <c r="AE1172">
        <v>59</v>
      </c>
      <c r="AF1172">
        <v>59</v>
      </c>
      <c r="AG1172">
        <v>59</v>
      </c>
      <c r="AH1172">
        <v>59</v>
      </c>
      <c r="AI1172">
        <v>59</v>
      </c>
      <c r="AJ1172">
        <v>59</v>
      </c>
      <c r="AK1172">
        <v>59</v>
      </c>
      <c r="AL1172">
        <v>59</v>
      </c>
      <c r="AM1172">
        <v>59</v>
      </c>
      <c r="AN1172">
        <v>59</v>
      </c>
      <c r="AO1172">
        <v>59</v>
      </c>
      <c r="AP1172">
        <v>59</v>
      </c>
      <c r="AQ1172">
        <v>59</v>
      </c>
    </row>
    <row r="1173" spans="1:43">
      <c r="A1173" t="s">
        <v>805</v>
      </c>
      <c r="B1173" t="s">
        <v>806</v>
      </c>
      <c r="C1173" t="s">
        <v>439</v>
      </c>
      <c r="D1173" t="s">
        <v>440</v>
      </c>
      <c r="E1173" t="s">
        <v>353</v>
      </c>
      <c r="F1173" t="s">
        <v>354</v>
      </c>
      <c r="G1173" t="s">
        <v>80</v>
      </c>
      <c r="H1173" t="s">
        <v>81</v>
      </c>
      <c r="I1173" s="2">
        <v>1</v>
      </c>
      <c r="J1173" s="2">
        <v>0</v>
      </c>
      <c r="K1173" s="2">
        <v>0</v>
      </c>
      <c r="L1173" t="s">
        <v>120</v>
      </c>
      <c r="M1173" t="s">
        <v>83</v>
      </c>
      <c r="N1173" t="s">
        <v>91</v>
      </c>
      <c r="O1173" t="s">
        <v>85</v>
      </c>
      <c r="P1173" t="s">
        <v>86</v>
      </c>
      <c r="Q1173">
        <v>48</v>
      </c>
      <c r="R1173">
        <v>48</v>
      </c>
      <c r="S1173">
        <v>49</v>
      </c>
      <c r="T1173">
        <v>49</v>
      </c>
      <c r="U1173">
        <v>50</v>
      </c>
      <c r="V1173">
        <v>50</v>
      </c>
      <c r="W1173">
        <v>51</v>
      </c>
      <c r="X1173">
        <v>52</v>
      </c>
      <c r="Y1173">
        <v>52</v>
      </c>
      <c r="Z1173">
        <v>53</v>
      </c>
      <c r="AA1173">
        <v>53</v>
      </c>
      <c r="AB1173">
        <v>54</v>
      </c>
      <c r="AC1173">
        <v>54</v>
      </c>
      <c r="AD1173">
        <v>55</v>
      </c>
      <c r="AE1173">
        <v>55</v>
      </c>
      <c r="AF1173">
        <v>56</v>
      </c>
      <c r="AG1173">
        <v>56</v>
      </c>
      <c r="AH1173">
        <v>57</v>
      </c>
      <c r="AI1173">
        <v>57</v>
      </c>
      <c r="AJ1173">
        <v>58</v>
      </c>
      <c r="AK1173">
        <v>58</v>
      </c>
      <c r="AL1173">
        <v>58</v>
      </c>
      <c r="AM1173">
        <v>58</v>
      </c>
      <c r="AN1173">
        <v>58</v>
      </c>
      <c r="AO1173">
        <v>58</v>
      </c>
      <c r="AP1173">
        <v>58</v>
      </c>
      <c r="AQ1173">
        <v>58</v>
      </c>
    </row>
    <row r="1174" spans="1:43">
      <c r="A1174" t="s">
        <v>807</v>
      </c>
      <c r="B1174" t="s">
        <v>808</v>
      </c>
      <c r="C1174" t="s">
        <v>419</v>
      </c>
      <c r="D1174" t="s">
        <v>420</v>
      </c>
      <c r="E1174" t="s">
        <v>353</v>
      </c>
      <c r="F1174" t="s">
        <v>354</v>
      </c>
      <c r="G1174" t="s">
        <v>80</v>
      </c>
      <c r="H1174" t="s">
        <v>81</v>
      </c>
      <c r="I1174" s="2">
        <v>1</v>
      </c>
      <c r="J1174" s="2">
        <v>0</v>
      </c>
      <c r="K1174" s="2">
        <v>0</v>
      </c>
      <c r="L1174" t="s">
        <v>120</v>
      </c>
      <c r="M1174" t="s">
        <v>83</v>
      </c>
      <c r="N1174" t="s">
        <v>84</v>
      </c>
      <c r="O1174" t="s">
        <v>85</v>
      </c>
      <c r="P1174" t="s">
        <v>86</v>
      </c>
      <c r="Q1174">
        <v>55</v>
      </c>
      <c r="R1174">
        <v>56</v>
      </c>
      <c r="S1174">
        <v>56</v>
      </c>
      <c r="T1174">
        <v>57</v>
      </c>
      <c r="U1174">
        <v>58</v>
      </c>
      <c r="V1174">
        <v>58</v>
      </c>
      <c r="W1174">
        <v>59</v>
      </c>
      <c r="X1174">
        <v>60</v>
      </c>
      <c r="Y1174">
        <v>60</v>
      </c>
      <c r="Z1174">
        <v>61</v>
      </c>
      <c r="AA1174">
        <v>61</v>
      </c>
      <c r="AB1174">
        <v>62</v>
      </c>
      <c r="AC1174">
        <v>63</v>
      </c>
      <c r="AD1174">
        <v>63</v>
      </c>
      <c r="AE1174">
        <v>64</v>
      </c>
      <c r="AF1174">
        <v>64</v>
      </c>
      <c r="AG1174">
        <v>65</v>
      </c>
      <c r="AH1174">
        <v>65</v>
      </c>
      <c r="AI1174">
        <v>66</v>
      </c>
      <c r="AJ1174">
        <v>66</v>
      </c>
      <c r="AK1174">
        <v>67</v>
      </c>
      <c r="AL1174">
        <v>67</v>
      </c>
      <c r="AM1174">
        <v>67</v>
      </c>
      <c r="AN1174">
        <v>67</v>
      </c>
      <c r="AO1174">
        <v>67</v>
      </c>
      <c r="AP1174">
        <v>67</v>
      </c>
      <c r="AQ1174">
        <v>67</v>
      </c>
    </row>
    <row r="1175" spans="1:43">
      <c r="A1175" t="s">
        <v>807</v>
      </c>
      <c r="B1175" t="s">
        <v>808</v>
      </c>
      <c r="C1175" t="s">
        <v>419</v>
      </c>
      <c r="D1175" t="s">
        <v>420</v>
      </c>
      <c r="E1175" t="s">
        <v>353</v>
      </c>
      <c r="F1175" t="s">
        <v>354</v>
      </c>
      <c r="G1175" t="s">
        <v>80</v>
      </c>
      <c r="H1175" t="s">
        <v>81</v>
      </c>
      <c r="I1175" s="2">
        <v>1</v>
      </c>
      <c r="J1175" s="2">
        <v>0</v>
      </c>
      <c r="K1175" s="2">
        <v>0</v>
      </c>
      <c r="L1175" t="s">
        <v>120</v>
      </c>
      <c r="M1175" t="s">
        <v>87</v>
      </c>
      <c r="N1175" t="s">
        <v>88</v>
      </c>
      <c r="O1175" t="s">
        <v>85</v>
      </c>
      <c r="P1175" t="s">
        <v>86</v>
      </c>
      <c r="Q1175">
        <v>55</v>
      </c>
      <c r="R1175">
        <v>56</v>
      </c>
      <c r="S1175">
        <v>56</v>
      </c>
      <c r="T1175">
        <v>56</v>
      </c>
      <c r="U1175">
        <v>56</v>
      </c>
      <c r="V1175">
        <v>56</v>
      </c>
      <c r="W1175">
        <v>56</v>
      </c>
      <c r="X1175">
        <v>56</v>
      </c>
      <c r="Y1175">
        <v>57</v>
      </c>
      <c r="Z1175">
        <v>57</v>
      </c>
      <c r="AA1175">
        <v>57</v>
      </c>
      <c r="AB1175">
        <v>57</v>
      </c>
      <c r="AC1175">
        <v>57</v>
      </c>
      <c r="AD1175">
        <v>57</v>
      </c>
      <c r="AE1175">
        <v>57</v>
      </c>
      <c r="AF1175">
        <v>58</v>
      </c>
      <c r="AG1175">
        <v>58</v>
      </c>
      <c r="AH1175">
        <v>58</v>
      </c>
      <c r="AI1175">
        <v>58</v>
      </c>
      <c r="AJ1175">
        <v>58</v>
      </c>
      <c r="AK1175">
        <v>58</v>
      </c>
      <c r="AL1175">
        <v>58</v>
      </c>
      <c r="AM1175">
        <v>58</v>
      </c>
      <c r="AN1175">
        <v>58</v>
      </c>
      <c r="AO1175">
        <v>59</v>
      </c>
      <c r="AP1175">
        <v>59</v>
      </c>
      <c r="AQ1175">
        <v>59</v>
      </c>
    </row>
    <row r="1176" spans="1:43">
      <c r="A1176" t="s">
        <v>807</v>
      </c>
      <c r="B1176" t="s">
        <v>808</v>
      </c>
      <c r="C1176" t="s">
        <v>419</v>
      </c>
      <c r="D1176" t="s">
        <v>420</v>
      </c>
      <c r="E1176" t="s">
        <v>353</v>
      </c>
      <c r="F1176" t="s">
        <v>354</v>
      </c>
      <c r="G1176" t="s">
        <v>80</v>
      </c>
      <c r="H1176" t="s">
        <v>81</v>
      </c>
      <c r="I1176" s="2">
        <v>1</v>
      </c>
      <c r="J1176" s="2">
        <v>0</v>
      </c>
      <c r="K1176" s="2">
        <v>0</v>
      </c>
      <c r="L1176" t="s">
        <v>120</v>
      </c>
      <c r="M1176" t="s">
        <v>89</v>
      </c>
      <c r="N1176" t="s">
        <v>90</v>
      </c>
      <c r="O1176" t="s">
        <v>85</v>
      </c>
      <c r="P1176" t="s">
        <v>86</v>
      </c>
      <c r="Q1176">
        <v>55</v>
      </c>
      <c r="R1176">
        <v>57</v>
      </c>
      <c r="S1176">
        <v>58</v>
      </c>
      <c r="T1176">
        <v>59</v>
      </c>
      <c r="U1176">
        <v>60</v>
      </c>
      <c r="V1176">
        <v>61</v>
      </c>
      <c r="W1176">
        <v>62</v>
      </c>
      <c r="X1176">
        <v>63</v>
      </c>
      <c r="Y1176">
        <v>64</v>
      </c>
      <c r="Z1176">
        <v>65</v>
      </c>
      <c r="AA1176">
        <v>65</v>
      </c>
      <c r="AB1176">
        <v>66</v>
      </c>
      <c r="AC1176">
        <v>67</v>
      </c>
      <c r="AD1176">
        <v>68</v>
      </c>
      <c r="AE1176">
        <v>68</v>
      </c>
      <c r="AF1176">
        <v>68</v>
      </c>
      <c r="AG1176">
        <v>68</v>
      </c>
      <c r="AH1176">
        <v>68</v>
      </c>
      <c r="AI1176">
        <v>68</v>
      </c>
      <c r="AJ1176">
        <v>68</v>
      </c>
      <c r="AK1176">
        <v>68</v>
      </c>
      <c r="AL1176">
        <v>68</v>
      </c>
      <c r="AM1176">
        <v>68</v>
      </c>
      <c r="AN1176">
        <v>68</v>
      </c>
      <c r="AO1176">
        <v>68</v>
      </c>
      <c r="AP1176">
        <v>68</v>
      </c>
      <c r="AQ1176">
        <v>68</v>
      </c>
    </row>
    <row r="1177" spans="1:43">
      <c r="A1177" t="s">
        <v>807</v>
      </c>
      <c r="B1177" t="s">
        <v>808</v>
      </c>
      <c r="C1177" t="s">
        <v>419</v>
      </c>
      <c r="D1177" t="s">
        <v>420</v>
      </c>
      <c r="E1177" t="s">
        <v>353</v>
      </c>
      <c r="F1177" t="s">
        <v>354</v>
      </c>
      <c r="G1177" t="s">
        <v>80</v>
      </c>
      <c r="H1177" t="s">
        <v>81</v>
      </c>
      <c r="I1177" s="2">
        <v>1</v>
      </c>
      <c r="J1177" s="2">
        <v>0</v>
      </c>
      <c r="K1177" s="2">
        <v>0</v>
      </c>
      <c r="L1177" t="s">
        <v>120</v>
      </c>
      <c r="M1177" t="s">
        <v>83</v>
      </c>
      <c r="N1177" t="s">
        <v>91</v>
      </c>
      <c r="O1177" t="s">
        <v>85</v>
      </c>
      <c r="P1177" t="s">
        <v>86</v>
      </c>
      <c r="Q1177">
        <v>55</v>
      </c>
      <c r="R1177">
        <v>56</v>
      </c>
      <c r="S1177">
        <v>56</v>
      </c>
      <c r="T1177">
        <v>57</v>
      </c>
      <c r="U1177">
        <v>58</v>
      </c>
      <c r="V1177">
        <v>58</v>
      </c>
      <c r="W1177">
        <v>59</v>
      </c>
      <c r="X1177">
        <v>60</v>
      </c>
      <c r="Y1177">
        <v>60</v>
      </c>
      <c r="Z1177">
        <v>61</v>
      </c>
      <c r="AA1177">
        <v>61</v>
      </c>
      <c r="AB1177">
        <v>62</v>
      </c>
      <c r="AC1177">
        <v>63</v>
      </c>
      <c r="AD1177">
        <v>63</v>
      </c>
      <c r="AE1177">
        <v>64</v>
      </c>
      <c r="AF1177">
        <v>64</v>
      </c>
      <c r="AG1177">
        <v>65</v>
      </c>
      <c r="AH1177">
        <v>65</v>
      </c>
      <c r="AI1177">
        <v>66</v>
      </c>
      <c r="AJ1177">
        <v>66</v>
      </c>
      <c r="AK1177">
        <v>67</v>
      </c>
      <c r="AL1177">
        <v>67</v>
      </c>
      <c r="AM1177">
        <v>67</v>
      </c>
      <c r="AN1177">
        <v>67</v>
      </c>
      <c r="AO1177">
        <v>67</v>
      </c>
      <c r="AP1177">
        <v>67</v>
      </c>
      <c r="AQ1177">
        <v>67</v>
      </c>
    </row>
    <row r="1178" spans="1:43">
      <c r="A1178" t="s">
        <v>809</v>
      </c>
      <c r="B1178" t="s">
        <v>810</v>
      </c>
      <c r="C1178" t="s">
        <v>439</v>
      </c>
      <c r="D1178" t="s">
        <v>440</v>
      </c>
      <c r="E1178" t="s">
        <v>353</v>
      </c>
      <c r="F1178" t="s">
        <v>354</v>
      </c>
      <c r="G1178" t="s">
        <v>80</v>
      </c>
      <c r="H1178" t="s">
        <v>81</v>
      </c>
      <c r="I1178" s="2">
        <v>1</v>
      </c>
      <c r="J1178" s="2">
        <v>0</v>
      </c>
      <c r="K1178" s="2">
        <v>0</v>
      </c>
      <c r="L1178" t="s">
        <v>120</v>
      </c>
      <c r="M1178" t="s">
        <v>83</v>
      </c>
      <c r="N1178" t="s">
        <v>84</v>
      </c>
      <c r="O1178" t="s">
        <v>85</v>
      </c>
      <c r="P1178" t="s">
        <v>86</v>
      </c>
      <c r="Q1178">
        <v>4</v>
      </c>
      <c r="R1178">
        <v>4</v>
      </c>
      <c r="S1178">
        <v>5</v>
      </c>
      <c r="T1178">
        <v>5</v>
      </c>
      <c r="U1178">
        <v>5</v>
      </c>
      <c r="V1178">
        <v>5</v>
      </c>
      <c r="W1178">
        <v>5</v>
      </c>
      <c r="X1178">
        <v>5</v>
      </c>
      <c r="Y1178">
        <v>5</v>
      </c>
      <c r="Z1178">
        <v>5</v>
      </c>
      <c r="AA1178">
        <v>5</v>
      </c>
      <c r="AB1178">
        <v>5</v>
      </c>
      <c r="AC1178">
        <v>5</v>
      </c>
      <c r="AD1178">
        <v>5</v>
      </c>
      <c r="AE1178">
        <v>5</v>
      </c>
      <c r="AF1178">
        <v>5</v>
      </c>
      <c r="AG1178">
        <v>5</v>
      </c>
      <c r="AH1178">
        <v>5</v>
      </c>
      <c r="AI1178">
        <v>5</v>
      </c>
      <c r="AJ1178">
        <v>5</v>
      </c>
      <c r="AK1178">
        <v>5</v>
      </c>
      <c r="AL1178">
        <v>5</v>
      </c>
      <c r="AM1178">
        <v>5</v>
      </c>
      <c r="AN1178">
        <v>5</v>
      </c>
      <c r="AO1178">
        <v>5</v>
      </c>
      <c r="AP1178">
        <v>5</v>
      </c>
      <c r="AQ1178">
        <v>5</v>
      </c>
    </row>
    <row r="1179" spans="1:43">
      <c r="A1179" t="s">
        <v>809</v>
      </c>
      <c r="B1179" t="s">
        <v>810</v>
      </c>
      <c r="C1179" t="s">
        <v>439</v>
      </c>
      <c r="D1179" t="s">
        <v>440</v>
      </c>
      <c r="E1179" t="s">
        <v>353</v>
      </c>
      <c r="F1179" t="s">
        <v>354</v>
      </c>
      <c r="G1179" t="s">
        <v>80</v>
      </c>
      <c r="H1179" t="s">
        <v>81</v>
      </c>
      <c r="I1179" s="2">
        <v>1</v>
      </c>
      <c r="J1179" s="2">
        <v>0</v>
      </c>
      <c r="K1179" s="2">
        <v>0</v>
      </c>
      <c r="L1179" t="s">
        <v>120</v>
      </c>
      <c r="M1179" t="s">
        <v>87</v>
      </c>
      <c r="N1179" t="s">
        <v>88</v>
      </c>
      <c r="O1179" t="s">
        <v>85</v>
      </c>
      <c r="P1179" t="s">
        <v>86</v>
      </c>
      <c r="Q1179">
        <v>4</v>
      </c>
      <c r="R1179">
        <v>4</v>
      </c>
      <c r="S1179">
        <v>4</v>
      </c>
      <c r="T1179">
        <v>4</v>
      </c>
      <c r="U1179">
        <v>4</v>
      </c>
      <c r="V1179">
        <v>4</v>
      </c>
      <c r="W1179">
        <v>4</v>
      </c>
      <c r="X1179">
        <v>4</v>
      </c>
      <c r="Y1179">
        <v>4</v>
      </c>
      <c r="Z1179">
        <v>4</v>
      </c>
      <c r="AA1179">
        <v>4</v>
      </c>
      <c r="AB1179">
        <v>4</v>
      </c>
      <c r="AC1179">
        <v>4</v>
      </c>
      <c r="AD1179">
        <v>4</v>
      </c>
      <c r="AE1179">
        <v>4</v>
      </c>
      <c r="AF1179">
        <v>4</v>
      </c>
      <c r="AG1179">
        <v>4</v>
      </c>
      <c r="AH1179">
        <v>4</v>
      </c>
      <c r="AI1179">
        <v>4</v>
      </c>
      <c r="AJ1179">
        <v>4</v>
      </c>
      <c r="AK1179">
        <v>4</v>
      </c>
      <c r="AL1179">
        <v>4</v>
      </c>
      <c r="AM1179">
        <v>4</v>
      </c>
      <c r="AN1179">
        <v>5</v>
      </c>
      <c r="AO1179">
        <v>5</v>
      </c>
      <c r="AP1179">
        <v>5</v>
      </c>
      <c r="AQ1179">
        <v>5</v>
      </c>
    </row>
    <row r="1180" spans="1:43">
      <c r="A1180" t="s">
        <v>809</v>
      </c>
      <c r="B1180" t="s">
        <v>810</v>
      </c>
      <c r="C1180" t="s">
        <v>439</v>
      </c>
      <c r="D1180" t="s">
        <v>440</v>
      </c>
      <c r="E1180" t="s">
        <v>353</v>
      </c>
      <c r="F1180" t="s">
        <v>354</v>
      </c>
      <c r="G1180" t="s">
        <v>80</v>
      </c>
      <c r="H1180" t="s">
        <v>81</v>
      </c>
      <c r="I1180" s="2">
        <v>1</v>
      </c>
      <c r="J1180" s="2">
        <v>0</v>
      </c>
      <c r="K1180" s="2">
        <v>0</v>
      </c>
      <c r="L1180" t="s">
        <v>120</v>
      </c>
      <c r="M1180" t="s">
        <v>89</v>
      </c>
      <c r="N1180" t="s">
        <v>90</v>
      </c>
      <c r="O1180" t="s">
        <v>85</v>
      </c>
      <c r="P1180" t="s">
        <v>86</v>
      </c>
      <c r="Q1180">
        <v>4</v>
      </c>
      <c r="R1180">
        <v>5</v>
      </c>
      <c r="S1180">
        <v>5</v>
      </c>
      <c r="T1180">
        <v>5</v>
      </c>
      <c r="U1180">
        <v>5</v>
      </c>
      <c r="V1180">
        <v>5</v>
      </c>
      <c r="W1180">
        <v>5</v>
      </c>
      <c r="X1180">
        <v>5</v>
      </c>
      <c r="Y1180">
        <v>5</v>
      </c>
      <c r="Z1180">
        <v>5</v>
      </c>
      <c r="AA1180">
        <v>5</v>
      </c>
      <c r="AB1180">
        <v>5</v>
      </c>
      <c r="AC1180">
        <v>5</v>
      </c>
      <c r="AD1180">
        <v>5</v>
      </c>
      <c r="AE1180">
        <v>5</v>
      </c>
      <c r="AF1180">
        <v>5</v>
      </c>
      <c r="AG1180">
        <v>5</v>
      </c>
      <c r="AH1180">
        <v>5</v>
      </c>
      <c r="AI1180">
        <v>5</v>
      </c>
      <c r="AJ1180">
        <v>5</v>
      </c>
      <c r="AK1180">
        <v>5</v>
      </c>
      <c r="AL1180">
        <v>5</v>
      </c>
      <c r="AM1180">
        <v>5</v>
      </c>
      <c r="AN1180">
        <v>5</v>
      </c>
      <c r="AO1180">
        <v>5</v>
      </c>
      <c r="AP1180">
        <v>5</v>
      </c>
      <c r="AQ1180">
        <v>5</v>
      </c>
    </row>
    <row r="1181" spans="1:43">
      <c r="A1181" t="s">
        <v>809</v>
      </c>
      <c r="B1181" t="s">
        <v>810</v>
      </c>
      <c r="C1181" t="s">
        <v>439</v>
      </c>
      <c r="D1181" t="s">
        <v>440</v>
      </c>
      <c r="E1181" t="s">
        <v>353</v>
      </c>
      <c r="F1181" t="s">
        <v>354</v>
      </c>
      <c r="G1181" t="s">
        <v>80</v>
      </c>
      <c r="H1181" t="s">
        <v>81</v>
      </c>
      <c r="I1181" s="2">
        <v>1</v>
      </c>
      <c r="J1181" s="2">
        <v>0</v>
      </c>
      <c r="K1181" s="2">
        <v>0</v>
      </c>
      <c r="L1181" t="s">
        <v>120</v>
      </c>
      <c r="M1181" t="s">
        <v>83</v>
      </c>
      <c r="N1181" t="s">
        <v>91</v>
      </c>
      <c r="O1181" t="s">
        <v>85</v>
      </c>
      <c r="P1181" t="s">
        <v>86</v>
      </c>
      <c r="Q1181">
        <v>4</v>
      </c>
      <c r="R1181">
        <v>4</v>
      </c>
      <c r="S1181">
        <v>5</v>
      </c>
      <c r="T1181">
        <v>5</v>
      </c>
      <c r="U1181">
        <v>5</v>
      </c>
      <c r="V1181">
        <v>5</v>
      </c>
      <c r="W1181">
        <v>5</v>
      </c>
      <c r="X1181">
        <v>5</v>
      </c>
      <c r="Y1181">
        <v>5</v>
      </c>
      <c r="Z1181">
        <v>5</v>
      </c>
      <c r="AA1181">
        <v>5</v>
      </c>
      <c r="AB1181">
        <v>5</v>
      </c>
      <c r="AC1181">
        <v>5</v>
      </c>
      <c r="AD1181">
        <v>5</v>
      </c>
      <c r="AE1181">
        <v>5</v>
      </c>
      <c r="AF1181">
        <v>5</v>
      </c>
      <c r="AG1181">
        <v>5</v>
      </c>
      <c r="AH1181">
        <v>5</v>
      </c>
      <c r="AI1181">
        <v>5</v>
      </c>
      <c r="AJ1181">
        <v>5</v>
      </c>
      <c r="AK1181">
        <v>5</v>
      </c>
      <c r="AL1181">
        <v>5</v>
      </c>
      <c r="AM1181">
        <v>5</v>
      </c>
      <c r="AN1181">
        <v>5</v>
      </c>
      <c r="AO1181">
        <v>5</v>
      </c>
      <c r="AP1181">
        <v>5</v>
      </c>
      <c r="AQ1181">
        <v>5</v>
      </c>
    </row>
    <row r="1182" spans="1:43">
      <c r="A1182" t="s">
        <v>811</v>
      </c>
      <c r="B1182" t="s">
        <v>812</v>
      </c>
      <c r="C1182" t="s">
        <v>653</v>
      </c>
      <c r="D1182" t="s">
        <v>654</v>
      </c>
      <c r="E1182" t="s">
        <v>353</v>
      </c>
      <c r="F1182" t="s">
        <v>354</v>
      </c>
      <c r="G1182" t="s">
        <v>80</v>
      </c>
      <c r="H1182" t="s">
        <v>81</v>
      </c>
      <c r="I1182" s="2">
        <v>1</v>
      </c>
      <c r="J1182" s="2">
        <v>0</v>
      </c>
      <c r="K1182" s="2">
        <v>0</v>
      </c>
      <c r="L1182" t="s">
        <v>120</v>
      </c>
      <c r="M1182" t="s">
        <v>83</v>
      </c>
      <c r="N1182" t="s">
        <v>84</v>
      </c>
      <c r="O1182" t="s">
        <v>85</v>
      </c>
      <c r="P1182" t="s">
        <v>86</v>
      </c>
      <c r="Q1182">
        <v>29</v>
      </c>
      <c r="R1182">
        <v>29</v>
      </c>
      <c r="S1182">
        <v>29</v>
      </c>
      <c r="T1182">
        <v>30</v>
      </c>
      <c r="U1182">
        <v>30</v>
      </c>
      <c r="V1182">
        <v>30</v>
      </c>
      <c r="W1182">
        <v>31</v>
      </c>
      <c r="X1182">
        <v>31</v>
      </c>
      <c r="Y1182">
        <v>31</v>
      </c>
      <c r="Z1182">
        <v>32</v>
      </c>
      <c r="AA1182">
        <v>32</v>
      </c>
      <c r="AB1182">
        <v>32</v>
      </c>
      <c r="AC1182">
        <v>32</v>
      </c>
      <c r="AD1182">
        <v>33</v>
      </c>
      <c r="AE1182">
        <v>33</v>
      </c>
      <c r="AF1182">
        <v>33</v>
      </c>
      <c r="AG1182">
        <v>33</v>
      </c>
      <c r="AH1182">
        <v>34</v>
      </c>
      <c r="AI1182">
        <v>34</v>
      </c>
      <c r="AJ1182">
        <v>34</v>
      </c>
      <c r="AK1182">
        <v>34</v>
      </c>
      <c r="AL1182">
        <v>34</v>
      </c>
      <c r="AM1182">
        <v>34</v>
      </c>
      <c r="AN1182">
        <v>34</v>
      </c>
      <c r="AO1182">
        <v>34</v>
      </c>
      <c r="AP1182">
        <v>34</v>
      </c>
      <c r="AQ1182">
        <v>34</v>
      </c>
    </row>
    <row r="1183" spans="1:43">
      <c r="A1183" t="s">
        <v>811</v>
      </c>
      <c r="B1183" t="s">
        <v>812</v>
      </c>
      <c r="C1183" t="s">
        <v>653</v>
      </c>
      <c r="D1183" t="s">
        <v>654</v>
      </c>
      <c r="E1183" t="s">
        <v>353</v>
      </c>
      <c r="F1183" t="s">
        <v>354</v>
      </c>
      <c r="G1183" t="s">
        <v>80</v>
      </c>
      <c r="H1183" t="s">
        <v>81</v>
      </c>
      <c r="I1183" s="2">
        <v>1</v>
      </c>
      <c r="J1183" s="2">
        <v>0</v>
      </c>
      <c r="K1183" s="2">
        <v>0</v>
      </c>
      <c r="L1183" t="s">
        <v>120</v>
      </c>
      <c r="M1183" t="s">
        <v>87</v>
      </c>
      <c r="N1183" t="s">
        <v>88</v>
      </c>
      <c r="O1183" t="s">
        <v>85</v>
      </c>
      <c r="P1183" t="s">
        <v>86</v>
      </c>
      <c r="Q1183">
        <v>29</v>
      </c>
      <c r="R1183">
        <v>30</v>
      </c>
      <c r="S1183">
        <v>30</v>
      </c>
      <c r="T1183">
        <v>30</v>
      </c>
      <c r="U1183">
        <v>30</v>
      </c>
      <c r="V1183">
        <v>30</v>
      </c>
      <c r="W1183">
        <v>30</v>
      </c>
      <c r="X1183">
        <v>30</v>
      </c>
      <c r="Y1183">
        <v>30</v>
      </c>
      <c r="Z1183">
        <v>30</v>
      </c>
      <c r="AA1183">
        <v>30</v>
      </c>
      <c r="AB1183">
        <v>30</v>
      </c>
      <c r="AC1183">
        <v>30</v>
      </c>
      <c r="AD1183">
        <v>30</v>
      </c>
      <c r="AE1183">
        <v>30</v>
      </c>
      <c r="AF1183">
        <v>30</v>
      </c>
      <c r="AG1183">
        <v>30</v>
      </c>
      <c r="AH1183">
        <v>30</v>
      </c>
      <c r="AI1183">
        <v>30</v>
      </c>
      <c r="AJ1183">
        <v>30</v>
      </c>
      <c r="AK1183">
        <v>30</v>
      </c>
      <c r="AL1183">
        <v>30</v>
      </c>
      <c r="AM1183">
        <v>31</v>
      </c>
      <c r="AN1183">
        <v>31</v>
      </c>
      <c r="AO1183">
        <v>31</v>
      </c>
      <c r="AP1183">
        <v>31</v>
      </c>
      <c r="AQ1183">
        <v>31</v>
      </c>
    </row>
    <row r="1184" spans="1:43">
      <c r="A1184" t="s">
        <v>811</v>
      </c>
      <c r="B1184" t="s">
        <v>812</v>
      </c>
      <c r="C1184" t="s">
        <v>653</v>
      </c>
      <c r="D1184" t="s">
        <v>654</v>
      </c>
      <c r="E1184" t="s">
        <v>353</v>
      </c>
      <c r="F1184" t="s">
        <v>354</v>
      </c>
      <c r="G1184" t="s">
        <v>80</v>
      </c>
      <c r="H1184" t="s">
        <v>81</v>
      </c>
      <c r="I1184" s="2">
        <v>1</v>
      </c>
      <c r="J1184" s="2">
        <v>0</v>
      </c>
      <c r="K1184" s="2">
        <v>0</v>
      </c>
      <c r="L1184" t="s">
        <v>120</v>
      </c>
      <c r="M1184" t="s">
        <v>89</v>
      </c>
      <c r="N1184" t="s">
        <v>90</v>
      </c>
      <c r="O1184" t="s">
        <v>85</v>
      </c>
      <c r="P1184" t="s">
        <v>86</v>
      </c>
      <c r="Q1184">
        <v>29</v>
      </c>
      <c r="R1184">
        <v>30</v>
      </c>
      <c r="S1184">
        <v>30</v>
      </c>
      <c r="T1184">
        <v>31</v>
      </c>
      <c r="U1184">
        <v>31</v>
      </c>
      <c r="V1184">
        <v>32</v>
      </c>
      <c r="W1184">
        <v>32</v>
      </c>
      <c r="X1184">
        <v>33</v>
      </c>
      <c r="Y1184">
        <v>33</v>
      </c>
      <c r="Z1184">
        <v>33</v>
      </c>
      <c r="AA1184">
        <v>34</v>
      </c>
      <c r="AB1184">
        <v>34</v>
      </c>
      <c r="AC1184">
        <v>35</v>
      </c>
      <c r="AD1184">
        <v>35</v>
      </c>
      <c r="AE1184">
        <v>35</v>
      </c>
      <c r="AF1184">
        <v>35</v>
      </c>
      <c r="AG1184">
        <v>35</v>
      </c>
      <c r="AH1184">
        <v>35</v>
      </c>
      <c r="AI1184">
        <v>35</v>
      </c>
      <c r="AJ1184">
        <v>35</v>
      </c>
      <c r="AK1184">
        <v>35</v>
      </c>
      <c r="AL1184">
        <v>35</v>
      </c>
      <c r="AM1184">
        <v>35</v>
      </c>
      <c r="AN1184">
        <v>35</v>
      </c>
      <c r="AO1184">
        <v>35</v>
      </c>
      <c r="AP1184">
        <v>35</v>
      </c>
      <c r="AQ1184">
        <v>34</v>
      </c>
    </row>
    <row r="1185" spans="1:43">
      <c r="A1185" t="s">
        <v>811</v>
      </c>
      <c r="B1185" t="s">
        <v>812</v>
      </c>
      <c r="C1185" t="s">
        <v>653</v>
      </c>
      <c r="D1185" t="s">
        <v>654</v>
      </c>
      <c r="E1185" t="s">
        <v>353</v>
      </c>
      <c r="F1185" t="s">
        <v>354</v>
      </c>
      <c r="G1185" t="s">
        <v>80</v>
      </c>
      <c r="H1185" t="s">
        <v>81</v>
      </c>
      <c r="I1185" s="2">
        <v>1</v>
      </c>
      <c r="J1185" s="2">
        <v>0</v>
      </c>
      <c r="K1185" s="2">
        <v>0</v>
      </c>
      <c r="L1185" t="s">
        <v>120</v>
      </c>
      <c r="M1185" t="s">
        <v>83</v>
      </c>
      <c r="N1185" t="s">
        <v>91</v>
      </c>
      <c r="O1185" t="s">
        <v>85</v>
      </c>
      <c r="P1185" t="s">
        <v>86</v>
      </c>
      <c r="Q1185">
        <v>29</v>
      </c>
      <c r="R1185">
        <v>29</v>
      </c>
      <c r="S1185">
        <v>29</v>
      </c>
      <c r="T1185">
        <v>30</v>
      </c>
      <c r="U1185">
        <v>30</v>
      </c>
      <c r="V1185">
        <v>30</v>
      </c>
      <c r="W1185">
        <v>31</v>
      </c>
      <c r="X1185">
        <v>31</v>
      </c>
      <c r="Y1185">
        <v>31</v>
      </c>
      <c r="Z1185">
        <v>32</v>
      </c>
      <c r="AA1185">
        <v>32</v>
      </c>
      <c r="AB1185">
        <v>32</v>
      </c>
      <c r="AC1185">
        <v>32</v>
      </c>
      <c r="AD1185">
        <v>33</v>
      </c>
      <c r="AE1185">
        <v>33</v>
      </c>
      <c r="AF1185">
        <v>33</v>
      </c>
      <c r="AG1185">
        <v>33</v>
      </c>
      <c r="AH1185">
        <v>34</v>
      </c>
      <c r="AI1185">
        <v>34</v>
      </c>
      <c r="AJ1185">
        <v>34</v>
      </c>
      <c r="AK1185">
        <v>34</v>
      </c>
      <c r="AL1185">
        <v>34</v>
      </c>
      <c r="AM1185">
        <v>34</v>
      </c>
      <c r="AN1185">
        <v>34</v>
      </c>
      <c r="AO1185">
        <v>34</v>
      </c>
      <c r="AP1185">
        <v>34</v>
      </c>
      <c r="AQ1185">
        <v>34</v>
      </c>
    </row>
    <row r="1186" spans="1:43">
      <c r="A1186" t="s">
        <v>813</v>
      </c>
      <c r="B1186" t="s">
        <v>814</v>
      </c>
      <c r="C1186" t="s">
        <v>643</v>
      </c>
      <c r="D1186" t="s">
        <v>644</v>
      </c>
      <c r="E1186" t="s">
        <v>353</v>
      </c>
      <c r="F1186" t="s">
        <v>354</v>
      </c>
      <c r="G1186" t="s">
        <v>80</v>
      </c>
      <c r="H1186" t="s">
        <v>81</v>
      </c>
      <c r="I1186" s="2">
        <v>1</v>
      </c>
      <c r="J1186" s="2">
        <v>0</v>
      </c>
      <c r="K1186" s="2">
        <v>0</v>
      </c>
      <c r="L1186" t="s">
        <v>120</v>
      </c>
      <c r="M1186" t="s">
        <v>83</v>
      </c>
      <c r="N1186" t="s">
        <v>84</v>
      </c>
      <c r="O1186" t="s">
        <v>85</v>
      </c>
      <c r="P1186" t="s">
        <v>86</v>
      </c>
      <c r="Q1186">
        <v>46</v>
      </c>
      <c r="R1186">
        <v>47</v>
      </c>
      <c r="S1186">
        <v>47</v>
      </c>
      <c r="T1186">
        <v>48</v>
      </c>
      <c r="U1186">
        <v>48</v>
      </c>
      <c r="V1186">
        <v>49</v>
      </c>
      <c r="W1186">
        <v>50</v>
      </c>
      <c r="X1186">
        <v>50</v>
      </c>
      <c r="Y1186">
        <v>51</v>
      </c>
      <c r="Z1186">
        <v>51</v>
      </c>
      <c r="AA1186">
        <v>52</v>
      </c>
      <c r="AB1186">
        <v>52</v>
      </c>
      <c r="AC1186">
        <v>53</v>
      </c>
      <c r="AD1186">
        <v>53</v>
      </c>
      <c r="AE1186">
        <v>54</v>
      </c>
      <c r="AF1186">
        <v>54</v>
      </c>
      <c r="AG1186">
        <v>55</v>
      </c>
      <c r="AH1186">
        <v>55</v>
      </c>
      <c r="AI1186">
        <v>55</v>
      </c>
      <c r="AJ1186">
        <v>56</v>
      </c>
      <c r="AK1186">
        <v>56</v>
      </c>
      <c r="AL1186">
        <v>57</v>
      </c>
      <c r="AM1186">
        <v>57</v>
      </c>
      <c r="AN1186">
        <v>57</v>
      </c>
      <c r="AO1186">
        <v>57</v>
      </c>
      <c r="AP1186">
        <v>57</v>
      </c>
      <c r="AQ1186">
        <v>57</v>
      </c>
    </row>
    <row r="1187" spans="1:43">
      <c r="A1187" t="s">
        <v>813</v>
      </c>
      <c r="B1187" t="s">
        <v>814</v>
      </c>
      <c r="C1187" t="s">
        <v>643</v>
      </c>
      <c r="D1187" t="s">
        <v>644</v>
      </c>
      <c r="E1187" t="s">
        <v>353</v>
      </c>
      <c r="F1187" t="s">
        <v>354</v>
      </c>
      <c r="G1187" t="s">
        <v>80</v>
      </c>
      <c r="H1187" t="s">
        <v>81</v>
      </c>
      <c r="I1187" s="2">
        <v>1</v>
      </c>
      <c r="J1187" s="2">
        <v>0</v>
      </c>
      <c r="K1187" s="2">
        <v>0</v>
      </c>
      <c r="L1187" t="s">
        <v>120</v>
      </c>
      <c r="M1187" t="s">
        <v>87</v>
      </c>
      <c r="N1187" t="s">
        <v>88</v>
      </c>
      <c r="O1187" t="s">
        <v>85</v>
      </c>
      <c r="P1187" t="s">
        <v>86</v>
      </c>
      <c r="Q1187">
        <v>46</v>
      </c>
      <c r="R1187">
        <v>46</v>
      </c>
      <c r="S1187">
        <v>46</v>
      </c>
      <c r="T1187">
        <v>46</v>
      </c>
      <c r="U1187">
        <v>46</v>
      </c>
      <c r="V1187">
        <v>46</v>
      </c>
      <c r="W1187">
        <v>47</v>
      </c>
      <c r="X1187">
        <v>47</v>
      </c>
      <c r="Y1187">
        <v>47</v>
      </c>
      <c r="Z1187">
        <v>47</v>
      </c>
      <c r="AA1187">
        <v>47</v>
      </c>
      <c r="AB1187">
        <v>47</v>
      </c>
      <c r="AC1187">
        <v>47</v>
      </c>
      <c r="AD1187">
        <v>47</v>
      </c>
      <c r="AE1187">
        <v>47</v>
      </c>
      <c r="AF1187">
        <v>48</v>
      </c>
      <c r="AG1187">
        <v>48</v>
      </c>
      <c r="AH1187">
        <v>48</v>
      </c>
      <c r="AI1187">
        <v>48</v>
      </c>
      <c r="AJ1187">
        <v>48</v>
      </c>
      <c r="AK1187">
        <v>48</v>
      </c>
      <c r="AL1187">
        <v>48</v>
      </c>
      <c r="AM1187">
        <v>48</v>
      </c>
      <c r="AN1187">
        <v>48</v>
      </c>
      <c r="AO1187">
        <v>48</v>
      </c>
      <c r="AP1187">
        <v>49</v>
      </c>
      <c r="AQ1187">
        <v>49</v>
      </c>
    </row>
    <row r="1188" spans="1:43">
      <c r="A1188" t="s">
        <v>813</v>
      </c>
      <c r="B1188" t="s">
        <v>814</v>
      </c>
      <c r="C1188" t="s">
        <v>643</v>
      </c>
      <c r="D1188" t="s">
        <v>644</v>
      </c>
      <c r="E1188" t="s">
        <v>353</v>
      </c>
      <c r="F1188" t="s">
        <v>354</v>
      </c>
      <c r="G1188" t="s">
        <v>80</v>
      </c>
      <c r="H1188" t="s">
        <v>81</v>
      </c>
      <c r="I1188" s="2">
        <v>1</v>
      </c>
      <c r="J1188" s="2">
        <v>0</v>
      </c>
      <c r="K1188" s="2">
        <v>0</v>
      </c>
      <c r="L1188" t="s">
        <v>120</v>
      </c>
      <c r="M1188" t="s">
        <v>89</v>
      </c>
      <c r="N1188" t="s">
        <v>90</v>
      </c>
      <c r="O1188" t="s">
        <v>85</v>
      </c>
      <c r="P1188" t="s">
        <v>86</v>
      </c>
      <c r="Q1188">
        <v>46</v>
      </c>
      <c r="R1188">
        <v>47</v>
      </c>
      <c r="S1188">
        <v>47</v>
      </c>
      <c r="T1188">
        <v>48</v>
      </c>
      <c r="U1188">
        <v>49</v>
      </c>
      <c r="V1188">
        <v>50</v>
      </c>
      <c r="W1188">
        <v>51</v>
      </c>
      <c r="X1188">
        <v>52</v>
      </c>
      <c r="Y1188">
        <v>53</v>
      </c>
      <c r="Z1188">
        <v>53</v>
      </c>
      <c r="AA1188">
        <v>54</v>
      </c>
      <c r="AB1188">
        <v>55</v>
      </c>
      <c r="AC1188">
        <v>55</v>
      </c>
      <c r="AD1188">
        <v>56</v>
      </c>
      <c r="AE1188">
        <v>57</v>
      </c>
      <c r="AF1188">
        <v>57</v>
      </c>
      <c r="AG1188">
        <v>57</v>
      </c>
      <c r="AH1188">
        <v>57</v>
      </c>
      <c r="AI1188">
        <v>57</v>
      </c>
      <c r="AJ1188">
        <v>57</v>
      </c>
      <c r="AK1188">
        <v>57</v>
      </c>
      <c r="AL1188">
        <v>57</v>
      </c>
      <c r="AM1188">
        <v>57</v>
      </c>
      <c r="AN1188">
        <v>57</v>
      </c>
      <c r="AO1188">
        <v>57</v>
      </c>
      <c r="AP1188">
        <v>57</v>
      </c>
      <c r="AQ1188">
        <v>56</v>
      </c>
    </row>
    <row r="1189" spans="1:43">
      <c r="A1189" t="s">
        <v>813</v>
      </c>
      <c r="B1189" t="s">
        <v>814</v>
      </c>
      <c r="C1189" t="s">
        <v>643</v>
      </c>
      <c r="D1189" t="s">
        <v>644</v>
      </c>
      <c r="E1189" t="s">
        <v>353</v>
      </c>
      <c r="F1189" t="s">
        <v>354</v>
      </c>
      <c r="G1189" t="s">
        <v>80</v>
      </c>
      <c r="H1189" t="s">
        <v>81</v>
      </c>
      <c r="I1189" s="2">
        <v>1</v>
      </c>
      <c r="J1189" s="2">
        <v>0</v>
      </c>
      <c r="K1189" s="2">
        <v>0</v>
      </c>
      <c r="L1189" t="s">
        <v>120</v>
      </c>
      <c r="M1189" t="s">
        <v>83</v>
      </c>
      <c r="N1189" t="s">
        <v>91</v>
      </c>
      <c r="O1189" t="s">
        <v>85</v>
      </c>
      <c r="P1189" t="s">
        <v>86</v>
      </c>
      <c r="Q1189">
        <v>46</v>
      </c>
      <c r="R1189">
        <v>47</v>
      </c>
      <c r="S1189">
        <v>47</v>
      </c>
      <c r="T1189">
        <v>48</v>
      </c>
      <c r="U1189">
        <v>48</v>
      </c>
      <c r="V1189">
        <v>49</v>
      </c>
      <c r="W1189">
        <v>50</v>
      </c>
      <c r="X1189">
        <v>50</v>
      </c>
      <c r="Y1189">
        <v>51</v>
      </c>
      <c r="Z1189">
        <v>51</v>
      </c>
      <c r="AA1189">
        <v>52</v>
      </c>
      <c r="AB1189">
        <v>52</v>
      </c>
      <c r="AC1189">
        <v>53</v>
      </c>
      <c r="AD1189">
        <v>53</v>
      </c>
      <c r="AE1189">
        <v>54</v>
      </c>
      <c r="AF1189">
        <v>54</v>
      </c>
      <c r="AG1189">
        <v>55</v>
      </c>
      <c r="AH1189">
        <v>55</v>
      </c>
      <c r="AI1189">
        <v>55</v>
      </c>
      <c r="AJ1189">
        <v>56</v>
      </c>
      <c r="AK1189">
        <v>56</v>
      </c>
      <c r="AL1189">
        <v>57</v>
      </c>
      <c r="AM1189">
        <v>57</v>
      </c>
      <c r="AN1189">
        <v>57</v>
      </c>
      <c r="AO1189">
        <v>57</v>
      </c>
      <c r="AP1189">
        <v>57</v>
      </c>
      <c r="AQ1189">
        <v>57</v>
      </c>
    </row>
    <row r="1190" spans="1:43">
      <c r="A1190" t="s">
        <v>815</v>
      </c>
      <c r="B1190" t="s">
        <v>816</v>
      </c>
      <c r="C1190" t="s">
        <v>643</v>
      </c>
      <c r="D1190" t="s">
        <v>644</v>
      </c>
      <c r="E1190" t="s">
        <v>353</v>
      </c>
      <c r="F1190" t="s">
        <v>354</v>
      </c>
      <c r="G1190" t="s">
        <v>80</v>
      </c>
      <c r="H1190" t="s">
        <v>81</v>
      </c>
      <c r="I1190" s="2">
        <v>1</v>
      </c>
      <c r="J1190" s="2">
        <v>0</v>
      </c>
      <c r="K1190" s="2">
        <v>0</v>
      </c>
      <c r="L1190" t="s">
        <v>120</v>
      </c>
      <c r="M1190" t="s">
        <v>83</v>
      </c>
      <c r="N1190" t="s">
        <v>84</v>
      </c>
      <c r="O1190" t="s">
        <v>85</v>
      </c>
      <c r="P1190" t="s">
        <v>86</v>
      </c>
      <c r="Q1190">
        <v>13</v>
      </c>
      <c r="R1190">
        <v>13</v>
      </c>
      <c r="S1190">
        <v>13</v>
      </c>
      <c r="T1190">
        <v>14</v>
      </c>
      <c r="U1190">
        <v>14</v>
      </c>
      <c r="V1190">
        <v>14</v>
      </c>
      <c r="W1190">
        <v>14</v>
      </c>
      <c r="X1190">
        <v>14</v>
      </c>
      <c r="Y1190">
        <v>14</v>
      </c>
      <c r="Z1190">
        <v>14</v>
      </c>
      <c r="AA1190">
        <v>14</v>
      </c>
      <c r="AB1190">
        <v>15</v>
      </c>
      <c r="AC1190">
        <v>15</v>
      </c>
      <c r="AD1190">
        <v>15</v>
      </c>
      <c r="AE1190">
        <v>15</v>
      </c>
      <c r="AF1190">
        <v>15</v>
      </c>
      <c r="AG1190">
        <v>15</v>
      </c>
      <c r="AH1190">
        <v>15</v>
      </c>
      <c r="AI1190">
        <v>15</v>
      </c>
      <c r="AJ1190">
        <v>15</v>
      </c>
      <c r="AK1190">
        <v>16</v>
      </c>
      <c r="AL1190">
        <v>16</v>
      </c>
      <c r="AM1190">
        <v>16</v>
      </c>
      <c r="AN1190">
        <v>16</v>
      </c>
      <c r="AO1190">
        <v>15</v>
      </c>
      <c r="AP1190">
        <v>15</v>
      </c>
      <c r="AQ1190">
        <v>15</v>
      </c>
    </row>
    <row r="1191" spans="1:43">
      <c r="A1191" t="s">
        <v>815</v>
      </c>
      <c r="B1191" t="s">
        <v>816</v>
      </c>
      <c r="C1191" t="s">
        <v>643</v>
      </c>
      <c r="D1191" t="s">
        <v>644</v>
      </c>
      <c r="E1191" t="s">
        <v>353</v>
      </c>
      <c r="F1191" t="s">
        <v>354</v>
      </c>
      <c r="G1191" t="s">
        <v>80</v>
      </c>
      <c r="H1191" t="s">
        <v>81</v>
      </c>
      <c r="I1191" s="2">
        <v>1</v>
      </c>
      <c r="J1191" s="2">
        <v>0</v>
      </c>
      <c r="K1191" s="2">
        <v>0</v>
      </c>
      <c r="L1191" t="s">
        <v>120</v>
      </c>
      <c r="M1191" t="s">
        <v>87</v>
      </c>
      <c r="N1191" t="s">
        <v>88</v>
      </c>
      <c r="O1191" t="s">
        <v>85</v>
      </c>
      <c r="P1191" t="s">
        <v>86</v>
      </c>
      <c r="Q1191">
        <v>13</v>
      </c>
      <c r="R1191">
        <v>13</v>
      </c>
      <c r="S1191">
        <v>13</v>
      </c>
      <c r="T1191">
        <v>13</v>
      </c>
      <c r="U1191">
        <v>13</v>
      </c>
      <c r="V1191">
        <v>13</v>
      </c>
      <c r="W1191">
        <v>13</v>
      </c>
      <c r="X1191">
        <v>13</v>
      </c>
      <c r="Y1191">
        <v>13</v>
      </c>
      <c r="Z1191">
        <v>13</v>
      </c>
      <c r="AA1191">
        <v>13</v>
      </c>
      <c r="AB1191">
        <v>13</v>
      </c>
      <c r="AC1191">
        <v>13</v>
      </c>
      <c r="AD1191">
        <v>13</v>
      </c>
      <c r="AE1191">
        <v>13</v>
      </c>
      <c r="AF1191">
        <v>13</v>
      </c>
      <c r="AG1191">
        <v>13</v>
      </c>
      <c r="AH1191">
        <v>13</v>
      </c>
      <c r="AI1191">
        <v>13</v>
      </c>
      <c r="AJ1191">
        <v>13</v>
      </c>
      <c r="AK1191">
        <v>13</v>
      </c>
      <c r="AL1191">
        <v>13</v>
      </c>
      <c r="AM1191">
        <v>13</v>
      </c>
      <c r="AN1191">
        <v>13</v>
      </c>
      <c r="AO1191">
        <v>13</v>
      </c>
      <c r="AP1191">
        <v>13</v>
      </c>
      <c r="AQ1191">
        <v>13</v>
      </c>
    </row>
    <row r="1192" spans="1:43">
      <c r="A1192" t="s">
        <v>815</v>
      </c>
      <c r="B1192" t="s">
        <v>816</v>
      </c>
      <c r="C1192" t="s">
        <v>643</v>
      </c>
      <c r="D1192" t="s">
        <v>644</v>
      </c>
      <c r="E1192" t="s">
        <v>353</v>
      </c>
      <c r="F1192" t="s">
        <v>354</v>
      </c>
      <c r="G1192" t="s">
        <v>80</v>
      </c>
      <c r="H1192" t="s">
        <v>81</v>
      </c>
      <c r="I1192" s="2">
        <v>1</v>
      </c>
      <c r="J1192" s="2">
        <v>0</v>
      </c>
      <c r="K1192" s="2">
        <v>0</v>
      </c>
      <c r="L1192" t="s">
        <v>120</v>
      </c>
      <c r="M1192" t="s">
        <v>89</v>
      </c>
      <c r="N1192" t="s">
        <v>90</v>
      </c>
      <c r="O1192" t="s">
        <v>85</v>
      </c>
      <c r="P1192" t="s">
        <v>86</v>
      </c>
      <c r="Q1192">
        <v>13</v>
      </c>
      <c r="R1192">
        <v>13</v>
      </c>
      <c r="S1192">
        <v>14</v>
      </c>
      <c r="T1192">
        <v>14</v>
      </c>
      <c r="U1192">
        <v>14</v>
      </c>
      <c r="V1192">
        <v>14</v>
      </c>
      <c r="W1192">
        <v>15</v>
      </c>
      <c r="X1192">
        <v>15</v>
      </c>
      <c r="Y1192">
        <v>15</v>
      </c>
      <c r="Z1192">
        <v>15</v>
      </c>
      <c r="AA1192">
        <v>15</v>
      </c>
      <c r="AB1192">
        <v>16</v>
      </c>
      <c r="AC1192">
        <v>16</v>
      </c>
      <c r="AD1192">
        <v>16</v>
      </c>
      <c r="AE1192">
        <v>16</v>
      </c>
      <c r="AF1192">
        <v>16</v>
      </c>
      <c r="AG1192">
        <v>16</v>
      </c>
      <c r="AH1192">
        <v>16</v>
      </c>
      <c r="AI1192">
        <v>16</v>
      </c>
      <c r="AJ1192">
        <v>16</v>
      </c>
      <c r="AK1192">
        <v>16</v>
      </c>
      <c r="AL1192">
        <v>16</v>
      </c>
      <c r="AM1192">
        <v>16</v>
      </c>
      <c r="AN1192">
        <v>16</v>
      </c>
      <c r="AO1192">
        <v>16</v>
      </c>
      <c r="AP1192">
        <v>16</v>
      </c>
      <c r="AQ1192">
        <v>16</v>
      </c>
    </row>
    <row r="1193" spans="1:43">
      <c r="A1193" t="s">
        <v>815</v>
      </c>
      <c r="B1193" t="s">
        <v>816</v>
      </c>
      <c r="C1193" t="s">
        <v>643</v>
      </c>
      <c r="D1193" t="s">
        <v>644</v>
      </c>
      <c r="E1193" t="s">
        <v>353</v>
      </c>
      <c r="F1193" t="s">
        <v>354</v>
      </c>
      <c r="G1193" t="s">
        <v>80</v>
      </c>
      <c r="H1193" t="s">
        <v>81</v>
      </c>
      <c r="I1193" s="2">
        <v>1</v>
      </c>
      <c r="J1193" s="2">
        <v>0</v>
      </c>
      <c r="K1193" s="2">
        <v>0</v>
      </c>
      <c r="L1193" t="s">
        <v>120</v>
      </c>
      <c r="M1193" t="s">
        <v>83</v>
      </c>
      <c r="N1193" t="s">
        <v>91</v>
      </c>
      <c r="O1193" t="s">
        <v>85</v>
      </c>
      <c r="P1193" t="s">
        <v>86</v>
      </c>
      <c r="Q1193">
        <v>13</v>
      </c>
      <c r="R1193">
        <v>13</v>
      </c>
      <c r="S1193">
        <v>13</v>
      </c>
      <c r="T1193">
        <v>14</v>
      </c>
      <c r="U1193">
        <v>14</v>
      </c>
      <c r="V1193">
        <v>14</v>
      </c>
      <c r="W1193">
        <v>14</v>
      </c>
      <c r="X1193">
        <v>14</v>
      </c>
      <c r="Y1193">
        <v>14</v>
      </c>
      <c r="Z1193">
        <v>14</v>
      </c>
      <c r="AA1193">
        <v>14</v>
      </c>
      <c r="AB1193">
        <v>15</v>
      </c>
      <c r="AC1193">
        <v>15</v>
      </c>
      <c r="AD1193">
        <v>15</v>
      </c>
      <c r="AE1193">
        <v>15</v>
      </c>
      <c r="AF1193">
        <v>15</v>
      </c>
      <c r="AG1193">
        <v>15</v>
      </c>
      <c r="AH1193">
        <v>15</v>
      </c>
      <c r="AI1193">
        <v>15</v>
      </c>
      <c r="AJ1193">
        <v>15</v>
      </c>
      <c r="AK1193">
        <v>16</v>
      </c>
      <c r="AL1193">
        <v>16</v>
      </c>
      <c r="AM1193">
        <v>16</v>
      </c>
      <c r="AN1193">
        <v>16</v>
      </c>
      <c r="AO1193">
        <v>15</v>
      </c>
      <c r="AP1193">
        <v>15</v>
      </c>
      <c r="AQ1193">
        <v>15</v>
      </c>
    </row>
    <row r="1194" spans="1:43">
      <c r="A1194" t="s">
        <v>817</v>
      </c>
      <c r="B1194" t="s">
        <v>818</v>
      </c>
      <c r="C1194" t="s">
        <v>439</v>
      </c>
      <c r="D1194" t="s">
        <v>440</v>
      </c>
      <c r="E1194" t="s">
        <v>353</v>
      </c>
      <c r="F1194" t="s">
        <v>354</v>
      </c>
      <c r="G1194" t="s">
        <v>80</v>
      </c>
      <c r="H1194" t="s">
        <v>81</v>
      </c>
      <c r="I1194" s="2">
        <v>1</v>
      </c>
      <c r="J1194" s="2">
        <v>0</v>
      </c>
      <c r="K1194" s="2">
        <v>0</v>
      </c>
      <c r="L1194" t="s">
        <v>120</v>
      </c>
      <c r="M1194" t="s">
        <v>83</v>
      </c>
      <c r="N1194" t="s">
        <v>84</v>
      </c>
      <c r="O1194" t="s">
        <v>85</v>
      </c>
      <c r="P1194" t="s">
        <v>86</v>
      </c>
      <c r="Q1194">
        <v>20</v>
      </c>
      <c r="R1194">
        <v>20</v>
      </c>
      <c r="S1194">
        <v>20</v>
      </c>
      <c r="T1194">
        <v>21</v>
      </c>
      <c r="U1194">
        <v>21</v>
      </c>
      <c r="V1194">
        <v>21</v>
      </c>
      <c r="W1194">
        <v>21</v>
      </c>
      <c r="X1194">
        <v>21</v>
      </c>
      <c r="Y1194">
        <v>22</v>
      </c>
      <c r="Z1194">
        <v>22</v>
      </c>
      <c r="AA1194">
        <v>22</v>
      </c>
      <c r="AB1194">
        <v>22</v>
      </c>
      <c r="AC1194">
        <v>22</v>
      </c>
      <c r="AD1194">
        <v>23</v>
      </c>
      <c r="AE1194">
        <v>23</v>
      </c>
      <c r="AF1194">
        <v>23</v>
      </c>
      <c r="AG1194">
        <v>23</v>
      </c>
      <c r="AH1194">
        <v>23</v>
      </c>
      <c r="AI1194">
        <v>23</v>
      </c>
      <c r="AJ1194">
        <v>24</v>
      </c>
      <c r="AK1194">
        <v>24</v>
      </c>
      <c r="AL1194">
        <v>24</v>
      </c>
      <c r="AM1194">
        <v>24</v>
      </c>
      <c r="AN1194">
        <v>24</v>
      </c>
      <c r="AO1194">
        <v>24</v>
      </c>
      <c r="AP1194">
        <v>23</v>
      </c>
      <c r="AQ1194">
        <v>23</v>
      </c>
    </row>
    <row r="1195" spans="1:43">
      <c r="A1195" t="s">
        <v>817</v>
      </c>
      <c r="B1195" t="s">
        <v>818</v>
      </c>
      <c r="C1195" t="s">
        <v>439</v>
      </c>
      <c r="D1195" t="s">
        <v>440</v>
      </c>
      <c r="E1195" t="s">
        <v>353</v>
      </c>
      <c r="F1195" t="s">
        <v>354</v>
      </c>
      <c r="G1195" t="s">
        <v>80</v>
      </c>
      <c r="H1195" t="s">
        <v>81</v>
      </c>
      <c r="I1195" s="2">
        <v>1</v>
      </c>
      <c r="J1195" s="2">
        <v>0</v>
      </c>
      <c r="K1195" s="2">
        <v>0</v>
      </c>
      <c r="L1195" t="s">
        <v>120</v>
      </c>
      <c r="M1195" t="s">
        <v>87</v>
      </c>
      <c r="N1195" t="s">
        <v>88</v>
      </c>
      <c r="O1195" t="s">
        <v>85</v>
      </c>
      <c r="P1195" t="s">
        <v>86</v>
      </c>
      <c r="Q1195">
        <v>20</v>
      </c>
      <c r="R1195">
        <v>20</v>
      </c>
      <c r="S1195">
        <v>20</v>
      </c>
      <c r="T1195">
        <v>20</v>
      </c>
      <c r="U1195">
        <v>20</v>
      </c>
      <c r="V1195">
        <v>20</v>
      </c>
      <c r="W1195">
        <v>20</v>
      </c>
      <c r="X1195">
        <v>20</v>
      </c>
      <c r="Y1195">
        <v>20</v>
      </c>
      <c r="Z1195">
        <v>20</v>
      </c>
      <c r="AA1195">
        <v>20</v>
      </c>
      <c r="AB1195">
        <v>20</v>
      </c>
      <c r="AC1195">
        <v>20</v>
      </c>
      <c r="AD1195">
        <v>20</v>
      </c>
      <c r="AE1195">
        <v>20</v>
      </c>
      <c r="AF1195">
        <v>20</v>
      </c>
      <c r="AG1195">
        <v>20</v>
      </c>
      <c r="AH1195">
        <v>20</v>
      </c>
      <c r="AI1195">
        <v>20</v>
      </c>
      <c r="AJ1195">
        <v>20</v>
      </c>
      <c r="AK1195">
        <v>20</v>
      </c>
      <c r="AL1195">
        <v>20</v>
      </c>
      <c r="AM1195">
        <v>20</v>
      </c>
      <c r="AN1195">
        <v>20</v>
      </c>
      <c r="AO1195">
        <v>20</v>
      </c>
      <c r="AP1195">
        <v>20</v>
      </c>
      <c r="AQ1195">
        <v>20</v>
      </c>
    </row>
    <row r="1196" spans="1:43">
      <c r="A1196" t="s">
        <v>817</v>
      </c>
      <c r="B1196" t="s">
        <v>818</v>
      </c>
      <c r="C1196" t="s">
        <v>439</v>
      </c>
      <c r="D1196" t="s">
        <v>440</v>
      </c>
      <c r="E1196" t="s">
        <v>353</v>
      </c>
      <c r="F1196" t="s">
        <v>354</v>
      </c>
      <c r="G1196" t="s">
        <v>80</v>
      </c>
      <c r="H1196" t="s">
        <v>81</v>
      </c>
      <c r="I1196" s="2">
        <v>1</v>
      </c>
      <c r="J1196" s="2">
        <v>0</v>
      </c>
      <c r="K1196" s="2">
        <v>0</v>
      </c>
      <c r="L1196" t="s">
        <v>120</v>
      </c>
      <c r="M1196" t="s">
        <v>89</v>
      </c>
      <c r="N1196" t="s">
        <v>90</v>
      </c>
      <c r="O1196" t="s">
        <v>85</v>
      </c>
      <c r="P1196" t="s">
        <v>86</v>
      </c>
      <c r="Q1196">
        <v>20</v>
      </c>
      <c r="R1196">
        <v>20</v>
      </c>
      <c r="S1196">
        <v>21</v>
      </c>
      <c r="T1196">
        <v>21</v>
      </c>
      <c r="U1196">
        <v>22</v>
      </c>
      <c r="V1196">
        <v>22</v>
      </c>
      <c r="W1196">
        <v>22</v>
      </c>
      <c r="X1196">
        <v>23</v>
      </c>
      <c r="Y1196">
        <v>23</v>
      </c>
      <c r="Z1196">
        <v>23</v>
      </c>
      <c r="AA1196">
        <v>23</v>
      </c>
      <c r="AB1196">
        <v>24</v>
      </c>
      <c r="AC1196">
        <v>24</v>
      </c>
      <c r="AD1196">
        <v>24</v>
      </c>
      <c r="AE1196">
        <v>24</v>
      </c>
      <c r="AF1196">
        <v>24</v>
      </c>
      <c r="AG1196">
        <v>24</v>
      </c>
      <c r="AH1196">
        <v>24</v>
      </c>
      <c r="AI1196">
        <v>24</v>
      </c>
      <c r="AJ1196">
        <v>24</v>
      </c>
      <c r="AK1196">
        <v>24</v>
      </c>
      <c r="AL1196">
        <v>24</v>
      </c>
      <c r="AM1196">
        <v>24</v>
      </c>
      <c r="AN1196">
        <v>24</v>
      </c>
      <c r="AO1196">
        <v>24</v>
      </c>
      <c r="AP1196">
        <v>24</v>
      </c>
      <c r="AQ1196">
        <v>24</v>
      </c>
    </row>
    <row r="1197" spans="1:43">
      <c r="A1197" t="s">
        <v>817</v>
      </c>
      <c r="B1197" t="s">
        <v>818</v>
      </c>
      <c r="C1197" t="s">
        <v>439</v>
      </c>
      <c r="D1197" t="s">
        <v>440</v>
      </c>
      <c r="E1197" t="s">
        <v>353</v>
      </c>
      <c r="F1197" t="s">
        <v>354</v>
      </c>
      <c r="G1197" t="s">
        <v>80</v>
      </c>
      <c r="H1197" t="s">
        <v>81</v>
      </c>
      <c r="I1197" s="2">
        <v>1</v>
      </c>
      <c r="J1197" s="2">
        <v>0</v>
      </c>
      <c r="K1197" s="2">
        <v>0</v>
      </c>
      <c r="L1197" t="s">
        <v>120</v>
      </c>
      <c r="M1197" t="s">
        <v>83</v>
      </c>
      <c r="N1197" t="s">
        <v>91</v>
      </c>
      <c r="O1197" t="s">
        <v>85</v>
      </c>
      <c r="P1197" t="s">
        <v>86</v>
      </c>
      <c r="Q1197">
        <v>20</v>
      </c>
      <c r="R1197">
        <v>20</v>
      </c>
      <c r="S1197">
        <v>20</v>
      </c>
      <c r="T1197">
        <v>21</v>
      </c>
      <c r="U1197">
        <v>21</v>
      </c>
      <c r="V1197">
        <v>21</v>
      </c>
      <c r="W1197">
        <v>21</v>
      </c>
      <c r="X1197">
        <v>21</v>
      </c>
      <c r="Y1197">
        <v>22</v>
      </c>
      <c r="Z1197">
        <v>22</v>
      </c>
      <c r="AA1197">
        <v>22</v>
      </c>
      <c r="AB1197">
        <v>22</v>
      </c>
      <c r="AC1197">
        <v>22</v>
      </c>
      <c r="AD1197">
        <v>23</v>
      </c>
      <c r="AE1197">
        <v>23</v>
      </c>
      <c r="AF1197">
        <v>23</v>
      </c>
      <c r="AG1197">
        <v>23</v>
      </c>
      <c r="AH1197">
        <v>23</v>
      </c>
      <c r="AI1197">
        <v>23</v>
      </c>
      <c r="AJ1197">
        <v>24</v>
      </c>
      <c r="AK1197">
        <v>24</v>
      </c>
      <c r="AL1197">
        <v>24</v>
      </c>
      <c r="AM1197">
        <v>24</v>
      </c>
      <c r="AN1197">
        <v>24</v>
      </c>
      <c r="AO1197">
        <v>24</v>
      </c>
      <c r="AP1197">
        <v>23</v>
      </c>
      <c r="AQ1197">
        <v>23</v>
      </c>
    </row>
    <row r="1198" spans="1:43">
      <c r="A1198" t="s">
        <v>819</v>
      </c>
      <c r="B1198" t="s">
        <v>820</v>
      </c>
      <c r="C1198" t="s">
        <v>439</v>
      </c>
      <c r="D1198" t="s">
        <v>440</v>
      </c>
      <c r="E1198" t="s">
        <v>353</v>
      </c>
      <c r="F1198" t="s">
        <v>354</v>
      </c>
      <c r="G1198" t="s">
        <v>80</v>
      </c>
      <c r="H1198" t="s">
        <v>81</v>
      </c>
      <c r="I1198" s="2">
        <v>1</v>
      </c>
      <c r="J1198" s="2">
        <v>0</v>
      </c>
      <c r="K1198" s="2">
        <v>0</v>
      </c>
      <c r="L1198" t="s">
        <v>120</v>
      </c>
      <c r="M1198" t="s">
        <v>83</v>
      </c>
      <c r="N1198" t="s">
        <v>84</v>
      </c>
      <c r="O1198" t="s">
        <v>85</v>
      </c>
      <c r="P1198" t="s">
        <v>86</v>
      </c>
      <c r="Q1198">
        <v>45</v>
      </c>
      <c r="R1198">
        <v>45</v>
      </c>
      <c r="S1198">
        <v>46</v>
      </c>
      <c r="T1198">
        <v>46</v>
      </c>
      <c r="U1198">
        <v>47</v>
      </c>
      <c r="V1198">
        <v>47</v>
      </c>
      <c r="W1198">
        <v>48</v>
      </c>
      <c r="X1198">
        <v>48</v>
      </c>
      <c r="Y1198">
        <v>49</v>
      </c>
      <c r="Z1198">
        <v>49</v>
      </c>
      <c r="AA1198">
        <v>50</v>
      </c>
      <c r="AB1198">
        <v>50</v>
      </c>
      <c r="AC1198">
        <v>51</v>
      </c>
      <c r="AD1198">
        <v>51</v>
      </c>
      <c r="AE1198">
        <v>51</v>
      </c>
      <c r="AF1198">
        <v>52</v>
      </c>
      <c r="AG1198">
        <v>52</v>
      </c>
      <c r="AH1198">
        <v>53</v>
      </c>
      <c r="AI1198">
        <v>53</v>
      </c>
      <c r="AJ1198">
        <v>53</v>
      </c>
      <c r="AK1198">
        <v>54</v>
      </c>
      <c r="AL1198">
        <v>54</v>
      </c>
      <c r="AM1198">
        <v>54</v>
      </c>
      <c r="AN1198">
        <v>54</v>
      </c>
      <c r="AO1198">
        <v>54</v>
      </c>
      <c r="AP1198">
        <v>54</v>
      </c>
      <c r="AQ1198">
        <v>53</v>
      </c>
    </row>
    <row r="1199" spans="1:43">
      <c r="A1199" t="s">
        <v>819</v>
      </c>
      <c r="B1199" t="s">
        <v>820</v>
      </c>
      <c r="C1199" t="s">
        <v>439</v>
      </c>
      <c r="D1199" t="s">
        <v>440</v>
      </c>
      <c r="E1199" t="s">
        <v>353</v>
      </c>
      <c r="F1199" t="s">
        <v>354</v>
      </c>
      <c r="G1199" t="s">
        <v>80</v>
      </c>
      <c r="H1199" t="s">
        <v>81</v>
      </c>
      <c r="I1199" s="2">
        <v>1</v>
      </c>
      <c r="J1199" s="2">
        <v>0</v>
      </c>
      <c r="K1199" s="2">
        <v>0</v>
      </c>
      <c r="L1199" t="s">
        <v>120</v>
      </c>
      <c r="M1199" t="s">
        <v>87</v>
      </c>
      <c r="N1199" t="s">
        <v>88</v>
      </c>
      <c r="O1199" t="s">
        <v>85</v>
      </c>
      <c r="P1199" t="s">
        <v>86</v>
      </c>
      <c r="Q1199">
        <v>45</v>
      </c>
      <c r="R1199">
        <v>45</v>
      </c>
      <c r="S1199">
        <v>46</v>
      </c>
      <c r="T1199">
        <v>46</v>
      </c>
      <c r="U1199">
        <v>46</v>
      </c>
      <c r="V1199">
        <v>46</v>
      </c>
      <c r="W1199">
        <v>46</v>
      </c>
      <c r="X1199">
        <v>46</v>
      </c>
      <c r="Y1199">
        <v>46</v>
      </c>
      <c r="Z1199">
        <v>46</v>
      </c>
      <c r="AA1199">
        <v>46</v>
      </c>
      <c r="AB1199">
        <v>46</v>
      </c>
      <c r="AC1199">
        <v>46</v>
      </c>
      <c r="AD1199">
        <v>47</v>
      </c>
      <c r="AE1199">
        <v>47</v>
      </c>
      <c r="AF1199">
        <v>47</v>
      </c>
      <c r="AG1199">
        <v>47</v>
      </c>
      <c r="AH1199">
        <v>47</v>
      </c>
      <c r="AI1199">
        <v>47</v>
      </c>
      <c r="AJ1199">
        <v>47</v>
      </c>
      <c r="AK1199">
        <v>47</v>
      </c>
      <c r="AL1199">
        <v>47</v>
      </c>
      <c r="AM1199">
        <v>47</v>
      </c>
      <c r="AN1199">
        <v>47</v>
      </c>
      <c r="AO1199">
        <v>47</v>
      </c>
      <c r="AP1199">
        <v>47</v>
      </c>
      <c r="AQ1199">
        <v>47</v>
      </c>
    </row>
    <row r="1200" spans="1:43">
      <c r="A1200" t="s">
        <v>819</v>
      </c>
      <c r="B1200" t="s">
        <v>820</v>
      </c>
      <c r="C1200" t="s">
        <v>439</v>
      </c>
      <c r="D1200" t="s">
        <v>440</v>
      </c>
      <c r="E1200" t="s">
        <v>353</v>
      </c>
      <c r="F1200" t="s">
        <v>354</v>
      </c>
      <c r="G1200" t="s">
        <v>80</v>
      </c>
      <c r="H1200" t="s">
        <v>81</v>
      </c>
      <c r="I1200" s="2">
        <v>1</v>
      </c>
      <c r="J1200" s="2">
        <v>0</v>
      </c>
      <c r="K1200" s="2">
        <v>0</v>
      </c>
      <c r="L1200" t="s">
        <v>120</v>
      </c>
      <c r="M1200" t="s">
        <v>89</v>
      </c>
      <c r="N1200" t="s">
        <v>90</v>
      </c>
      <c r="O1200" t="s">
        <v>85</v>
      </c>
      <c r="P1200" t="s">
        <v>86</v>
      </c>
      <c r="Q1200">
        <v>45</v>
      </c>
      <c r="R1200">
        <v>46</v>
      </c>
      <c r="S1200">
        <v>47</v>
      </c>
      <c r="T1200">
        <v>48</v>
      </c>
      <c r="U1200">
        <v>49</v>
      </c>
      <c r="V1200">
        <v>49</v>
      </c>
      <c r="W1200">
        <v>50</v>
      </c>
      <c r="X1200">
        <v>51</v>
      </c>
      <c r="Y1200">
        <v>52</v>
      </c>
      <c r="Z1200">
        <v>52</v>
      </c>
      <c r="AA1200">
        <v>53</v>
      </c>
      <c r="AB1200">
        <v>53</v>
      </c>
      <c r="AC1200">
        <v>54</v>
      </c>
      <c r="AD1200">
        <v>55</v>
      </c>
      <c r="AE1200">
        <v>55</v>
      </c>
      <c r="AF1200">
        <v>55</v>
      </c>
      <c r="AG1200">
        <v>55</v>
      </c>
      <c r="AH1200">
        <v>55</v>
      </c>
      <c r="AI1200">
        <v>55</v>
      </c>
      <c r="AJ1200">
        <v>55</v>
      </c>
      <c r="AK1200">
        <v>55</v>
      </c>
      <c r="AL1200">
        <v>55</v>
      </c>
      <c r="AM1200">
        <v>54</v>
      </c>
      <c r="AN1200">
        <v>54</v>
      </c>
      <c r="AO1200">
        <v>54</v>
      </c>
      <c r="AP1200">
        <v>54</v>
      </c>
      <c r="AQ1200">
        <v>54</v>
      </c>
    </row>
    <row r="1201" spans="1:43">
      <c r="A1201" t="s">
        <v>819</v>
      </c>
      <c r="B1201" t="s">
        <v>820</v>
      </c>
      <c r="C1201" t="s">
        <v>439</v>
      </c>
      <c r="D1201" t="s">
        <v>440</v>
      </c>
      <c r="E1201" t="s">
        <v>353</v>
      </c>
      <c r="F1201" t="s">
        <v>354</v>
      </c>
      <c r="G1201" t="s">
        <v>80</v>
      </c>
      <c r="H1201" t="s">
        <v>81</v>
      </c>
      <c r="I1201" s="2">
        <v>1</v>
      </c>
      <c r="J1201" s="2">
        <v>0</v>
      </c>
      <c r="K1201" s="2">
        <v>0</v>
      </c>
      <c r="L1201" t="s">
        <v>120</v>
      </c>
      <c r="M1201" t="s">
        <v>83</v>
      </c>
      <c r="N1201" t="s">
        <v>91</v>
      </c>
      <c r="O1201" t="s">
        <v>85</v>
      </c>
      <c r="P1201" t="s">
        <v>86</v>
      </c>
      <c r="Q1201">
        <v>45</v>
      </c>
      <c r="R1201">
        <v>45</v>
      </c>
      <c r="S1201">
        <v>46</v>
      </c>
      <c r="T1201">
        <v>46</v>
      </c>
      <c r="U1201">
        <v>47</v>
      </c>
      <c r="V1201">
        <v>47</v>
      </c>
      <c r="W1201">
        <v>48</v>
      </c>
      <c r="X1201">
        <v>48</v>
      </c>
      <c r="Y1201">
        <v>49</v>
      </c>
      <c r="Z1201">
        <v>49</v>
      </c>
      <c r="AA1201">
        <v>50</v>
      </c>
      <c r="AB1201">
        <v>50</v>
      </c>
      <c r="AC1201">
        <v>51</v>
      </c>
      <c r="AD1201">
        <v>51</v>
      </c>
      <c r="AE1201">
        <v>51</v>
      </c>
      <c r="AF1201">
        <v>52</v>
      </c>
      <c r="AG1201">
        <v>52</v>
      </c>
      <c r="AH1201">
        <v>53</v>
      </c>
      <c r="AI1201">
        <v>53</v>
      </c>
      <c r="AJ1201">
        <v>53</v>
      </c>
      <c r="AK1201">
        <v>54</v>
      </c>
      <c r="AL1201">
        <v>54</v>
      </c>
      <c r="AM1201">
        <v>54</v>
      </c>
      <c r="AN1201">
        <v>54</v>
      </c>
      <c r="AO1201">
        <v>54</v>
      </c>
      <c r="AP1201">
        <v>54</v>
      </c>
      <c r="AQ1201">
        <v>53</v>
      </c>
    </row>
    <row r="1202" spans="1:43">
      <c r="A1202" t="s">
        <v>821</v>
      </c>
      <c r="B1202" t="s">
        <v>822</v>
      </c>
      <c r="C1202" t="s">
        <v>647</v>
      </c>
      <c r="D1202" t="s">
        <v>648</v>
      </c>
      <c r="E1202" t="s">
        <v>353</v>
      </c>
      <c r="F1202" t="s">
        <v>354</v>
      </c>
      <c r="G1202" t="s">
        <v>80</v>
      </c>
      <c r="H1202" t="s">
        <v>81</v>
      </c>
      <c r="I1202" s="2">
        <v>1</v>
      </c>
      <c r="J1202" s="2">
        <v>0</v>
      </c>
      <c r="K1202" s="2">
        <v>0</v>
      </c>
      <c r="L1202" t="s">
        <v>120</v>
      </c>
      <c r="M1202" t="s">
        <v>83</v>
      </c>
      <c r="N1202" t="s">
        <v>84</v>
      </c>
      <c r="O1202" t="s">
        <v>85</v>
      </c>
      <c r="P1202" t="s">
        <v>86</v>
      </c>
      <c r="Q1202">
        <v>55</v>
      </c>
      <c r="R1202">
        <v>56</v>
      </c>
      <c r="S1202">
        <v>57</v>
      </c>
      <c r="T1202">
        <v>57</v>
      </c>
      <c r="U1202">
        <v>58</v>
      </c>
      <c r="V1202">
        <v>59</v>
      </c>
      <c r="W1202">
        <v>59</v>
      </c>
      <c r="X1202">
        <v>60</v>
      </c>
      <c r="Y1202">
        <v>61</v>
      </c>
      <c r="Z1202">
        <v>61</v>
      </c>
      <c r="AA1202">
        <v>62</v>
      </c>
      <c r="AB1202">
        <v>63</v>
      </c>
      <c r="AC1202">
        <v>63</v>
      </c>
      <c r="AD1202">
        <v>64</v>
      </c>
      <c r="AE1202">
        <v>64</v>
      </c>
      <c r="AF1202">
        <v>65</v>
      </c>
      <c r="AG1202">
        <v>66</v>
      </c>
      <c r="AH1202">
        <v>66</v>
      </c>
      <c r="AI1202">
        <v>67</v>
      </c>
      <c r="AJ1202">
        <v>67</v>
      </c>
      <c r="AK1202">
        <v>68</v>
      </c>
      <c r="AL1202">
        <v>68</v>
      </c>
      <c r="AM1202">
        <v>68</v>
      </c>
      <c r="AN1202">
        <v>68</v>
      </c>
      <c r="AO1202">
        <v>68</v>
      </c>
      <c r="AP1202">
        <v>68</v>
      </c>
      <c r="AQ1202">
        <v>68</v>
      </c>
    </row>
    <row r="1203" spans="1:43">
      <c r="A1203" t="s">
        <v>821</v>
      </c>
      <c r="B1203" t="s">
        <v>822</v>
      </c>
      <c r="C1203" t="s">
        <v>647</v>
      </c>
      <c r="D1203" t="s">
        <v>648</v>
      </c>
      <c r="E1203" t="s">
        <v>353</v>
      </c>
      <c r="F1203" t="s">
        <v>354</v>
      </c>
      <c r="G1203" t="s">
        <v>80</v>
      </c>
      <c r="H1203" t="s">
        <v>81</v>
      </c>
      <c r="I1203" s="2">
        <v>1</v>
      </c>
      <c r="J1203" s="2">
        <v>0</v>
      </c>
      <c r="K1203" s="2">
        <v>0</v>
      </c>
      <c r="L1203" t="s">
        <v>120</v>
      </c>
      <c r="M1203" t="s">
        <v>87</v>
      </c>
      <c r="N1203" t="s">
        <v>88</v>
      </c>
      <c r="O1203" t="s">
        <v>85</v>
      </c>
      <c r="P1203" t="s">
        <v>86</v>
      </c>
      <c r="Q1203">
        <v>55</v>
      </c>
      <c r="R1203">
        <v>55</v>
      </c>
      <c r="S1203">
        <v>55</v>
      </c>
      <c r="T1203">
        <v>55</v>
      </c>
      <c r="U1203">
        <v>56</v>
      </c>
      <c r="V1203">
        <v>56</v>
      </c>
      <c r="W1203">
        <v>56</v>
      </c>
      <c r="X1203">
        <v>56</v>
      </c>
      <c r="Y1203">
        <v>56</v>
      </c>
      <c r="Z1203">
        <v>56</v>
      </c>
      <c r="AA1203">
        <v>56</v>
      </c>
      <c r="AB1203">
        <v>57</v>
      </c>
      <c r="AC1203">
        <v>57</v>
      </c>
      <c r="AD1203">
        <v>57</v>
      </c>
      <c r="AE1203">
        <v>57</v>
      </c>
      <c r="AF1203">
        <v>57</v>
      </c>
      <c r="AG1203">
        <v>57</v>
      </c>
      <c r="AH1203">
        <v>57</v>
      </c>
      <c r="AI1203">
        <v>58</v>
      </c>
      <c r="AJ1203">
        <v>58</v>
      </c>
      <c r="AK1203">
        <v>58</v>
      </c>
      <c r="AL1203">
        <v>58</v>
      </c>
      <c r="AM1203">
        <v>58</v>
      </c>
      <c r="AN1203">
        <v>58</v>
      </c>
      <c r="AO1203">
        <v>58</v>
      </c>
      <c r="AP1203">
        <v>58</v>
      </c>
      <c r="AQ1203">
        <v>58</v>
      </c>
    </row>
    <row r="1204" spans="1:43">
      <c r="A1204" t="s">
        <v>821</v>
      </c>
      <c r="B1204" t="s">
        <v>822</v>
      </c>
      <c r="C1204" t="s">
        <v>647</v>
      </c>
      <c r="D1204" t="s">
        <v>648</v>
      </c>
      <c r="E1204" t="s">
        <v>353</v>
      </c>
      <c r="F1204" t="s">
        <v>354</v>
      </c>
      <c r="G1204" t="s">
        <v>80</v>
      </c>
      <c r="H1204" t="s">
        <v>81</v>
      </c>
      <c r="I1204" s="2">
        <v>1</v>
      </c>
      <c r="J1204" s="2">
        <v>0</v>
      </c>
      <c r="K1204" s="2">
        <v>0</v>
      </c>
      <c r="L1204" t="s">
        <v>120</v>
      </c>
      <c r="M1204" t="s">
        <v>89</v>
      </c>
      <c r="N1204" t="s">
        <v>90</v>
      </c>
      <c r="O1204" t="s">
        <v>85</v>
      </c>
      <c r="P1204" t="s">
        <v>86</v>
      </c>
      <c r="Q1204">
        <v>55</v>
      </c>
      <c r="R1204">
        <v>56</v>
      </c>
      <c r="S1204">
        <v>57</v>
      </c>
      <c r="T1204">
        <v>58</v>
      </c>
      <c r="U1204">
        <v>59</v>
      </c>
      <c r="V1204">
        <v>60</v>
      </c>
      <c r="W1204">
        <v>61</v>
      </c>
      <c r="X1204">
        <v>62</v>
      </c>
      <c r="Y1204">
        <v>63</v>
      </c>
      <c r="Z1204">
        <v>64</v>
      </c>
      <c r="AA1204">
        <v>65</v>
      </c>
      <c r="AB1204">
        <v>66</v>
      </c>
      <c r="AC1204">
        <v>67</v>
      </c>
      <c r="AD1204">
        <v>68</v>
      </c>
      <c r="AE1204">
        <v>68</v>
      </c>
      <c r="AF1204">
        <v>68</v>
      </c>
      <c r="AG1204">
        <v>68</v>
      </c>
      <c r="AH1204">
        <v>68</v>
      </c>
      <c r="AI1204">
        <v>68</v>
      </c>
      <c r="AJ1204">
        <v>68</v>
      </c>
      <c r="AK1204">
        <v>68</v>
      </c>
      <c r="AL1204">
        <v>68</v>
      </c>
      <c r="AM1204">
        <v>68</v>
      </c>
      <c r="AN1204">
        <v>68</v>
      </c>
      <c r="AO1204">
        <v>68</v>
      </c>
      <c r="AP1204">
        <v>68</v>
      </c>
      <c r="AQ1204">
        <v>68</v>
      </c>
    </row>
    <row r="1205" spans="1:43">
      <c r="A1205" t="s">
        <v>821</v>
      </c>
      <c r="B1205" t="s">
        <v>822</v>
      </c>
      <c r="C1205" t="s">
        <v>647</v>
      </c>
      <c r="D1205" t="s">
        <v>648</v>
      </c>
      <c r="E1205" t="s">
        <v>353</v>
      </c>
      <c r="F1205" t="s">
        <v>354</v>
      </c>
      <c r="G1205" t="s">
        <v>80</v>
      </c>
      <c r="H1205" t="s">
        <v>81</v>
      </c>
      <c r="I1205" s="2">
        <v>1</v>
      </c>
      <c r="J1205" s="2">
        <v>0</v>
      </c>
      <c r="K1205" s="2">
        <v>0</v>
      </c>
      <c r="L1205" t="s">
        <v>120</v>
      </c>
      <c r="M1205" t="s">
        <v>83</v>
      </c>
      <c r="N1205" t="s">
        <v>91</v>
      </c>
      <c r="O1205" t="s">
        <v>85</v>
      </c>
      <c r="P1205" t="s">
        <v>86</v>
      </c>
      <c r="Q1205">
        <v>55</v>
      </c>
      <c r="R1205">
        <v>56</v>
      </c>
      <c r="S1205">
        <v>57</v>
      </c>
      <c r="T1205">
        <v>57</v>
      </c>
      <c r="U1205">
        <v>58</v>
      </c>
      <c r="V1205">
        <v>59</v>
      </c>
      <c r="W1205">
        <v>59</v>
      </c>
      <c r="X1205">
        <v>60</v>
      </c>
      <c r="Y1205">
        <v>61</v>
      </c>
      <c r="Z1205">
        <v>61</v>
      </c>
      <c r="AA1205">
        <v>62</v>
      </c>
      <c r="AB1205">
        <v>63</v>
      </c>
      <c r="AC1205">
        <v>63</v>
      </c>
      <c r="AD1205">
        <v>64</v>
      </c>
      <c r="AE1205">
        <v>64</v>
      </c>
      <c r="AF1205">
        <v>65</v>
      </c>
      <c r="AG1205">
        <v>66</v>
      </c>
      <c r="AH1205">
        <v>66</v>
      </c>
      <c r="AI1205">
        <v>67</v>
      </c>
      <c r="AJ1205">
        <v>67</v>
      </c>
      <c r="AK1205">
        <v>68</v>
      </c>
      <c r="AL1205">
        <v>68</v>
      </c>
      <c r="AM1205">
        <v>68</v>
      </c>
      <c r="AN1205">
        <v>68</v>
      </c>
      <c r="AO1205">
        <v>68</v>
      </c>
      <c r="AP1205">
        <v>68</v>
      </c>
      <c r="AQ1205">
        <v>68</v>
      </c>
    </row>
    <row r="1206" spans="1:43">
      <c r="A1206" t="s">
        <v>823</v>
      </c>
      <c r="B1206" t="s">
        <v>824</v>
      </c>
      <c r="C1206" t="s">
        <v>451</v>
      </c>
      <c r="D1206" t="s">
        <v>452</v>
      </c>
      <c r="E1206" t="s">
        <v>353</v>
      </c>
      <c r="F1206" t="s">
        <v>354</v>
      </c>
      <c r="G1206" t="s">
        <v>80</v>
      </c>
      <c r="H1206" t="s">
        <v>81</v>
      </c>
      <c r="I1206" s="2">
        <v>1</v>
      </c>
      <c r="J1206" s="2">
        <v>0</v>
      </c>
      <c r="K1206" s="2">
        <v>0</v>
      </c>
      <c r="L1206" t="s">
        <v>120</v>
      </c>
      <c r="M1206" t="s">
        <v>83</v>
      </c>
      <c r="N1206" t="s">
        <v>84</v>
      </c>
      <c r="O1206" t="s">
        <v>85</v>
      </c>
      <c r="P1206" t="s">
        <v>86</v>
      </c>
      <c r="Q1206">
        <v>6</v>
      </c>
      <c r="R1206">
        <v>7</v>
      </c>
      <c r="S1206">
        <v>7</v>
      </c>
      <c r="T1206">
        <v>7</v>
      </c>
      <c r="U1206">
        <v>7</v>
      </c>
      <c r="V1206">
        <v>7</v>
      </c>
      <c r="W1206">
        <v>7</v>
      </c>
      <c r="X1206">
        <v>7</v>
      </c>
      <c r="Y1206">
        <v>7</v>
      </c>
      <c r="Z1206">
        <v>7</v>
      </c>
      <c r="AA1206">
        <v>7</v>
      </c>
      <c r="AB1206">
        <v>7</v>
      </c>
      <c r="AC1206">
        <v>7</v>
      </c>
      <c r="AD1206">
        <v>7</v>
      </c>
      <c r="AE1206">
        <v>7</v>
      </c>
      <c r="AF1206">
        <v>7</v>
      </c>
      <c r="AG1206">
        <v>8</v>
      </c>
      <c r="AH1206">
        <v>8</v>
      </c>
      <c r="AI1206">
        <v>8</v>
      </c>
      <c r="AJ1206">
        <v>8</v>
      </c>
      <c r="AK1206">
        <v>8</v>
      </c>
      <c r="AL1206">
        <v>8</v>
      </c>
      <c r="AM1206">
        <v>8</v>
      </c>
      <c r="AN1206">
        <v>8</v>
      </c>
      <c r="AO1206">
        <v>8</v>
      </c>
      <c r="AP1206">
        <v>8</v>
      </c>
      <c r="AQ1206">
        <v>8</v>
      </c>
    </row>
    <row r="1207" spans="1:43">
      <c r="A1207" t="s">
        <v>823</v>
      </c>
      <c r="B1207" t="s">
        <v>824</v>
      </c>
      <c r="C1207" t="s">
        <v>451</v>
      </c>
      <c r="D1207" t="s">
        <v>452</v>
      </c>
      <c r="E1207" t="s">
        <v>353</v>
      </c>
      <c r="F1207" t="s">
        <v>354</v>
      </c>
      <c r="G1207" t="s">
        <v>80</v>
      </c>
      <c r="H1207" t="s">
        <v>81</v>
      </c>
      <c r="I1207" s="2">
        <v>1</v>
      </c>
      <c r="J1207" s="2">
        <v>0</v>
      </c>
      <c r="K1207" s="2">
        <v>0</v>
      </c>
      <c r="L1207" t="s">
        <v>120</v>
      </c>
      <c r="M1207" t="s">
        <v>87</v>
      </c>
      <c r="N1207" t="s">
        <v>88</v>
      </c>
      <c r="O1207" t="s">
        <v>85</v>
      </c>
      <c r="P1207" t="s">
        <v>86</v>
      </c>
      <c r="Q1207">
        <v>6</v>
      </c>
      <c r="R1207">
        <v>6</v>
      </c>
      <c r="S1207">
        <v>6</v>
      </c>
      <c r="T1207">
        <v>6</v>
      </c>
      <c r="U1207">
        <v>6</v>
      </c>
      <c r="V1207">
        <v>6</v>
      </c>
      <c r="W1207">
        <v>6</v>
      </c>
      <c r="X1207">
        <v>7</v>
      </c>
      <c r="Y1207">
        <v>7</v>
      </c>
      <c r="Z1207">
        <v>7</v>
      </c>
      <c r="AA1207">
        <v>7</v>
      </c>
      <c r="AB1207">
        <v>7</v>
      </c>
      <c r="AC1207">
        <v>7</v>
      </c>
      <c r="AD1207">
        <v>7</v>
      </c>
      <c r="AE1207">
        <v>7</v>
      </c>
      <c r="AF1207">
        <v>7</v>
      </c>
      <c r="AG1207">
        <v>7</v>
      </c>
      <c r="AH1207">
        <v>7</v>
      </c>
      <c r="AI1207">
        <v>7</v>
      </c>
      <c r="AJ1207">
        <v>7</v>
      </c>
      <c r="AK1207">
        <v>7</v>
      </c>
      <c r="AL1207">
        <v>7</v>
      </c>
      <c r="AM1207">
        <v>7</v>
      </c>
      <c r="AN1207">
        <v>7</v>
      </c>
      <c r="AO1207">
        <v>7</v>
      </c>
      <c r="AP1207">
        <v>7</v>
      </c>
      <c r="AQ1207">
        <v>7</v>
      </c>
    </row>
    <row r="1208" spans="1:43">
      <c r="A1208" t="s">
        <v>823</v>
      </c>
      <c r="B1208" t="s">
        <v>824</v>
      </c>
      <c r="C1208" t="s">
        <v>451</v>
      </c>
      <c r="D1208" t="s">
        <v>452</v>
      </c>
      <c r="E1208" t="s">
        <v>353</v>
      </c>
      <c r="F1208" t="s">
        <v>354</v>
      </c>
      <c r="G1208" t="s">
        <v>80</v>
      </c>
      <c r="H1208" t="s">
        <v>81</v>
      </c>
      <c r="I1208" s="2">
        <v>1</v>
      </c>
      <c r="J1208" s="2">
        <v>0</v>
      </c>
      <c r="K1208" s="2">
        <v>0</v>
      </c>
      <c r="L1208" t="s">
        <v>120</v>
      </c>
      <c r="M1208" t="s">
        <v>89</v>
      </c>
      <c r="N1208" t="s">
        <v>90</v>
      </c>
      <c r="O1208" t="s">
        <v>85</v>
      </c>
      <c r="P1208" t="s">
        <v>86</v>
      </c>
      <c r="Q1208">
        <v>6</v>
      </c>
      <c r="R1208">
        <v>6</v>
      </c>
      <c r="S1208">
        <v>6</v>
      </c>
      <c r="T1208">
        <v>6</v>
      </c>
      <c r="U1208">
        <v>6</v>
      </c>
      <c r="V1208">
        <v>6</v>
      </c>
      <c r="W1208">
        <v>6</v>
      </c>
      <c r="X1208">
        <v>6</v>
      </c>
      <c r="Y1208">
        <v>6</v>
      </c>
      <c r="Z1208">
        <v>7</v>
      </c>
      <c r="AA1208">
        <v>7</v>
      </c>
      <c r="AB1208">
        <v>7</v>
      </c>
      <c r="AC1208">
        <v>7</v>
      </c>
      <c r="AD1208">
        <v>7</v>
      </c>
      <c r="AE1208">
        <v>7</v>
      </c>
      <c r="AF1208">
        <v>7</v>
      </c>
      <c r="AG1208">
        <v>7</v>
      </c>
      <c r="AH1208">
        <v>7</v>
      </c>
      <c r="AI1208">
        <v>7</v>
      </c>
      <c r="AJ1208">
        <v>7</v>
      </c>
      <c r="AK1208">
        <v>7</v>
      </c>
      <c r="AL1208">
        <v>7</v>
      </c>
      <c r="AM1208">
        <v>7</v>
      </c>
      <c r="AN1208">
        <v>7</v>
      </c>
      <c r="AO1208">
        <v>7</v>
      </c>
      <c r="AP1208">
        <v>7</v>
      </c>
      <c r="AQ1208">
        <v>7</v>
      </c>
    </row>
    <row r="1209" spans="1:43">
      <c r="A1209" t="s">
        <v>823</v>
      </c>
      <c r="B1209" t="s">
        <v>824</v>
      </c>
      <c r="C1209" t="s">
        <v>451</v>
      </c>
      <c r="D1209" t="s">
        <v>452</v>
      </c>
      <c r="E1209" t="s">
        <v>353</v>
      </c>
      <c r="F1209" t="s">
        <v>354</v>
      </c>
      <c r="G1209" t="s">
        <v>80</v>
      </c>
      <c r="H1209" t="s">
        <v>81</v>
      </c>
      <c r="I1209" s="2">
        <v>1</v>
      </c>
      <c r="J1209" s="2">
        <v>0</v>
      </c>
      <c r="K1209" s="2">
        <v>0</v>
      </c>
      <c r="L1209" t="s">
        <v>120</v>
      </c>
      <c r="M1209" t="s">
        <v>83</v>
      </c>
      <c r="N1209" t="s">
        <v>91</v>
      </c>
      <c r="O1209" t="s">
        <v>85</v>
      </c>
      <c r="P1209" t="s">
        <v>86</v>
      </c>
      <c r="Q1209">
        <v>6</v>
      </c>
      <c r="R1209">
        <v>7</v>
      </c>
      <c r="S1209">
        <v>7</v>
      </c>
      <c r="T1209">
        <v>7</v>
      </c>
      <c r="U1209">
        <v>7</v>
      </c>
      <c r="V1209">
        <v>7</v>
      </c>
      <c r="W1209">
        <v>7</v>
      </c>
      <c r="X1209">
        <v>7</v>
      </c>
      <c r="Y1209">
        <v>7</v>
      </c>
      <c r="Z1209">
        <v>7</v>
      </c>
      <c r="AA1209">
        <v>7</v>
      </c>
      <c r="AB1209">
        <v>7</v>
      </c>
      <c r="AC1209">
        <v>7</v>
      </c>
      <c r="AD1209">
        <v>7</v>
      </c>
      <c r="AE1209">
        <v>7</v>
      </c>
      <c r="AF1209">
        <v>7</v>
      </c>
      <c r="AG1209">
        <v>8</v>
      </c>
      <c r="AH1209">
        <v>8</v>
      </c>
      <c r="AI1209">
        <v>8</v>
      </c>
      <c r="AJ1209">
        <v>8</v>
      </c>
      <c r="AK1209">
        <v>8</v>
      </c>
      <c r="AL1209">
        <v>8</v>
      </c>
      <c r="AM1209">
        <v>8</v>
      </c>
      <c r="AN1209">
        <v>8</v>
      </c>
      <c r="AO1209">
        <v>8</v>
      </c>
      <c r="AP1209">
        <v>8</v>
      </c>
      <c r="AQ1209">
        <v>8</v>
      </c>
    </row>
    <row r="1210" spans="1:43">
      <c r="A1210" t="s">
        <v>825</v>
      </c>
      <c r="B1210" t="s">
        <v>826</v>
      </c>
      <c r="C1210" t="s">
        <v>501</v>
      </c>
      <c r="D1210" t="s">
        <v>502</v>
      </c>
      <c r="E1210" t="s">
        <v>353</v>
      </c>
      <c r="F1210" t="s">
        <v>354</v>
      </c>
      <c r="G1210" t="s">
        <v>80</v>
      </c>
      <c r="H1210" t="s">
        <v>81</v>
      </c>
      <c r="I1210" s="2">
        <v>1</v>
      </c>
      <c r="J1210" s="2">
        <v>0</v>
      </c>
      <c r="K1210" s="2">
        <v>0</v>
      </c>
      <c r="L1210" t="s">
        <v>120</v>
      </c>
      <c r="M1210" t="s">
        <v>83</v>
      </c>
      <c r="N1210" t="s">
        <v>84</v>
      </c>
      <c r="O1210" t="s">
        <v>85</v>
      </c>
      <c r="P1210" t="s">
        <v>86</v>
      </c>
      <c r="Q1210">
        <v>47</v>
      </c>
      <c r="R1210">
        <v>47</v>
      </c>
      <c r="S1210">
        <v>48</v>
      </c>
      <c r="T1210">
        <v>48</v>
      </c>
      <c r="U1210">
        <v>49</v>
      </c>
      <c r="V1210">
        <v>49</v>
      </c>
      <c r="W1210">
        <v>50</v>
      </c>
      <c r="X1210">
        <v>50</v>
      </c>
      <c r="Y1210">
        <v>51</v>
      </c>
      <c r="Z1210">
        <v>51</v>
      </c>
      <c r="AA1210">
        <v>52</v>
      </c>
      <c r="AB1210">
        <v>52</v>
      </c>
      <c r="AC1210">
        <v>52</v>
      </c>
      <c r="AD1210">
        <v>53</v>
      </c>
      <c r="AE1210">
        <v>53</v>
      </c>
      <c r="AF1210">
        <v>54</v>
      </c>
      <c r="AG1210">
        <v>54</v>
      </c>
      <c r="AH1210">
        <v>54</v>
      </c>
      <c r="AI1210">
        <v>55</v>
      </c>
      <c r="AJ1210">
        <v>55</v>
      </c>
      <c r="AK1210">
        <v>56</v>
      </c>
      <c r="AL1210">
        <v>56</v>
      </c>
      <c r="AM1210">
        <v>56</v>
      </c>
      <c r="AN1210">
        <v>55</v>
      </c>
      <c r="AO1210">
        <v>55</v>
      </c>
      <c r="AP1210">
        <v>55</v>
      </c>
      <c r="AQ1210">
        <v>55</v>
      </c>
    </row>
    <row r="1211" spans="1:43">
      <c r="A1211" t="s">
        <v>825</v>
      </c>
      <c r="B1211" t="s">
        <v>826</v>
      </c>
      <c r="C1211" t="s">
        <v>501</v>
      </c>
      <c r="D1211" t="s">
        <v>502</v>
      </c>
      <c r="E1211" t="s">
        <v>353</v>
      </c>
      <c r="F1211" t="s">
        <v>354</v>
      </c>
      <c r="G1211" t="s">
        <v>80</v>
      </c>
      <c r="H1211" t="s">
        <v>81</v>
      </c>
      <c r="I1211" s="2">
        <v>1</v>
      </c>
      <c r="J1211" s="2">
        <v>0</v>
      </c>
      <c r="K1211" s="2">
        <v>0</v>
      </c>
      <c r="L1211" t="s">
        <v>120</v>
      </c>
      <c r="M1211" t="s">
        <v>87</v>
      </c>
      <c r="N1211" t="s">
        <v>88</v>
      </c>
      <c r="O1211" t="s">
        <v>85</v>
      </c>
      <c r="P1211" t="s">
        <v>86</v>
      </c>
      <c r="Q1211">
        <v>47</v>
      </c>
      <c r="R1211">
        <v>47</v>
      </c>
      <c r="S1211">
        <v>47</v>
      </c>
      <c r="T1211">
        <v>48</v>
      </c>
      <c r="U1211">
        <v>48</v>
      </c>
      <c r="V1211">
        <v>48</v>
      </c>
      <c r="W1211">
        <v>48</v>
      </c>
      <c r="X1211">
        <v>48</v>
      </c>
      <c r="Y1211">
        <v>48</v>
      </c>
      <c r="Z1211">
        <v>48</v>
      </c>
      <c r="AA1211">
        <v>48</v>
      </c>
      <c r="AB1211">
        <v>48</v>
      </c>
      <c r="AC1211">
        <v>48</v>
      </c>
      <c r="AD1211">
        <v>48</v>
      </c>
      <c r="AE1211">
        <v>48</v>
      </c>
      <c r="AF1211">
        <v>48</v>
      </c>
      <c r="AG1211">
        <v>48</v>
      </c>
      <c r="AH1211">
        <v>48</v>
      </c>
      <c r="AI1211">
        <v>48</v>
      </c>
      <c r="AJ1211">
        <v>48</v>
      </c>
      <c r="AK1211">
        <v>48</v>
      </c>
      <c r="AL1211">
        <v>48</v>
      </c>
      <c r="AM1211">
        <v>48</v>
      </c>
      <c r="AN1211">
        <v>48</v>
      </c>
      <c r="AO1211">
        <v>49</v>
      </c>
      <c r="AP1211">
        <v>49</v>
      </c>
      <c r="AQ1211">
        <v>49</v>
      </c>
    </row>
    <row r="1212" spans="1:43">
      <c r="A1212" t="s">
        <v>825</v>
      </c>
      <c r="B1212" t="s">
        <v>826</v>
      </c>
      <c r="C1212" t="s">
        <v>501</v>
      </c>
      <c r="D1212" t="s">
        <v>502</v>
      </c>
      <c r="E1212" t="s">
        <v>353</v>
      </c>
      <c r="F1212" t="s">
        <v>354</v>
      </c>
      <c r="G1212" t="s">
        <v>80</v>
      </c>
      <c r="H1212" t="s">
        <v>81</v>
      </c>
      <c r="I1212" s="2">
        <v>1</v>
      </c>
      <c r="J1212" s="2">
        <v>0</v>
      </c>
      <c r="K1212" s="2">
        <v>0</v>
      </c>
      <c r="L1212" t="s">
        <v>120</v>
      </c>
      <c r="M1212" t="s">
        <v>89</v>
      </c>
      <c r="N1212" t="s">
        <v>90</v>
      </c>
      <c r="O1212" t="s">
        <v>85</v>
      </c>
      <c r="P1212" t="s">
        <v>86</v>
      </c>
      <c r="Q1212">
        <v>47</v>
      </c>
      <c r="R1212">
        <v>48</v>
      </c>
      <c r="S1212">
        <v>49</v>
      </c>
      <c r="T1212">
        <v>50</v>
      </c>
      <c r="U1212">
        <v>51</v>
      </c>
      <c r="V1212">
        <v>51</v>
      </c>
      <c r="W1212">
        <v>52</v>
      </c>
      <c r="X1212">
        <v>53</v>
      </c>
      <c r="Y1212">
        <v>54</v>
      </c>
      <c r="Z1212">
        <v>54</v>
      </c>
      <c r="AA1212">
        <v>55</v>
      </c>
      <c r="AB1212">
        <v>56</v>
      </c>
      <c r="AC1212">
        <v>56</v>
      </c>
      <c r="AD1212">
        <v>57</v>
      </c>
      <c r="AE1212">
        <v>57</v>
      </c>
      <c r="AF1212">
        <v>57</v>
      </c>
      <c r="AG1212">
        <v>57</v>
      </c>
      <c r="AH1212">
        <v>57</v>
      </c>
      <c r="AI1212">
        <v>57</v>
      </c>
      <c r="AJ1212">
        <v>56</v>
      </c>
      <c r="AK1212">
        <v>56</v>
      </c>
      <c r="AL1212">
        <v>56</v>
      </c>
      <c r="AM1212">
        <v>56</v>
      </c>
      <c r="AN1212">
        <v>56</v>
      </c>
      <c r="AO1212">
        <v>56</v>
      </c>
      <c r="AP1212">
        <v>56</v>
      </c>
      <c r="AQ1212">
        <v>55</v>
      </c>
    </row>
    <row r="1213" spans="1:43">
      <c r="A1213" t="s">
        <v>825</v>
      </c>
      <c r="B1213" t="s">
        <v>826</v>
      </c>
      <c r="C1213" t="s">
        <v>501</v>
      </c>
      <c r="D1213" t="s">
        <v>502</v>
      </c>
      <c r="E1213" t="s">
        <v>353</v>
      </c>
      <c r="F1213" t="s">
        <v>354</v>
      </c>
      <c r="G1213" t="s">
        <v>80</v>
      </c>
      <c r="H1213" t="s">
        <v>81</v>
      </c>
      <c r="I1213" s="2">
        <v>1</v>
      </c>
      <c r="J1213" s="2">
        <v>0</v>
      </c>
      <c r="K1213" s="2">
        <v>0</v>
      </c>
      <c r="L1213" t="s">
        <v>120</v>
      </c>
      <c r="M1213" t="s">
        <v>83</v>
      </c>
      <c r="N1213" t="s">
        <v>91</v>
      </c>
      <c r="O1213" t="s">
        <v>85</v>
      </c>
      <c r="P1213" t="s">
        <v>86</v>
      </c>
      <c r="Q1213">
        <v>47</v>
      </c>
      <c r="R1213">
        <v>47</v>
      </c>
      <c r="S1213">
        <v>48</v>
      </c>
      <c r="T1213">
        <v>48</v>
      </c>
      <c r="U1213">
        <v>49</v>
      </c>
      <c r="V1213">
        <v>49</v>
      </c>
      <c r="W1213">
        <v>50</v>
      </c>
      <c r="X1213">
        <v>50</v>
      </c>
      <c r="Y1213">
        <v>51</v>
      </c>
      <c r="Z1213">
        <v>51</v>
      </c>
      <c r="AA1213">
        <v>52</v>
      </c>
      <c r="AB1213">
        <v>52</v>
      </c>
      <c r="AC1213">
        <v>52</v>
      </c>
      <c r="AD1213">
        <v>53</v>
      </c>
      <c r="AE1213">
        <v>53</v>
      </c>
      <c r="AF1213">
        <v>54</v>
      </c>
      <c r="AG1213">
        <v>54</v>
      </c>
      <c r="AH1213">
        <v>54</v>
      </c>
      <c r="AI1213">
        <v>55</v>
      </c>
      <c r="AJ1213">
        <v>55</v>
      </c>
      <c r="AK1213">
        <v>56</v>
      </c>
      <c r="AL1213">
        <v>56</v>
      </c>
      <c r="AM1213">
        <v>56</v>
      </c>
      <c r="AN1213">
        <v>55</v>
      </c>
      <c r="AO1213">
        <v>55</v>
      </c>
      <c r="AP1213">
        <v>55</v>
      </c>
      <c r="AQ1213">
        <v>55</v>
      </c>
    </row>
    <row r="1214" spans="1:43">
      <c r="A1214" t="s">
        <v>827</v>
      </c>
      <c r="B1214" t="s">
        <v>828</v>
      </c>
      <c r="C1214" t="s">
        <v>791</v>
      </c>
      <c r="D1214" t="s">
        <v>792</v>
      </c>
      <c r="E1214" t="s">
        <v>353</v>
      </c>
      <c r="F1214" t="s">
        <v>354</v>
      </c>
      <c r="G1214" t="s">
        <v>80</v>
      </c>
      <c r="H1214" t="s">
        <v>81</v>
      </c>
      <c r="I1214" s="2">
        <v>1</v>
      </c>
      <c r="J1214" s="2">
        <v>0</v>
      </c>
      <c r="K1214" s="2">
        <v>0</v>
      </c>
      <c r="L1214" t="s">
        <v>120</v>
      </c>
      <c r="M1214" t="s">
        <v>83</v>
      </c>
      <c r="N1214" t="s">
        <v>84</v>
      </c>
      <c r="O1214" t="s">
        <v>85</v>
      </c>
      <c r="P1214" t="s">
        <v>86</v>
      </c>
      <c r="Q1214">
        <v>40</v>
      </c>
      <c r="R1214">
        <v>40</v>
      </c>
      <c r="S1214">
        <v>41</v>
      </c>
      <c r="T1214">
        <v>41</v>
      </c>
      <c r="U1214">
        <v>41</v>
      </c>
      <c r="V1214">
        <v>42</v>
      </c>
      <c r="W1214">
        <v>42</v>
      </c>
      <c r="X1214">
        <v>43</v>
      </c>
      <c r="Y1214">
        <v>43</v>
      </c>
      <c r="Z1214">
        <v>43</v>
      </c>
      <c r="AA1214">
        <v>44</v>
      </c>
      <c r="AB1214">
        <v>44</v>
      </c>
      <c r="AC1214">
        <v>45</v>
      </c>
      <c r="AD1214">
        <v>45</v>
      </c>
      <c r="AE1214">
        <v>45</v>
      </c>
      <c r="AF1214">
        <v>46</v>
      </c>
      <c r="AG1214">
        <v>46</v>
      </c>
      <c r="AH1214">
        <v>46</v>
      </c>
      <c r="AI1214">
        <v>47</v>
      </c>
      <c r="AJ1214">
        <v>47</v>
      </c>
      <c r="AK1214">
        <v>47</v>
      </c>
      <c r="AL1214">
        <v>47</v>
      </c>
      <c r="AM1214">
        <v>47</v>
      </c>
      <c r="AN1214">
        <v>47</v>
      </c>
      <c r="AO1214">
        <v>47</v>
      </c>
      <c r="AP1214">
        <v>47</v>
      </c>
      <c r="AQ1214">
        <v>47</v>
      </c>
    </row>
    <row r="1215" spans="1:43">
      <c r="A1215" t="s">
        <v>827</v>
      </c>
      <c r="B1215" t="s">
        <v>828</v>
      </c>
      <c r="C1215" t="s">
        <v>791</v>
      </c>
      <c r="D1215" t="s">
        <v>792</v>
      </c>
      <c r="E1215" t="s">
        <v>353</v>
      </c>
      <c r="F1215" t="s">
        <v>354</v>
      </c>
      <c r="G1215" t="s">
        <v>80</v>
      </c>
      <c r="H1215" t="s">
        <v>81</v>
      </c>
      <c r="I1215" s="2">
        <v>1</v>
      </c>
      <c r="J1215" s="2">
        <v>0</v>
      </c>
      <c r="K1215" s="2">
        <v>0</v>
      </c>
      <c r="L1215" t="s">
        <v>120</v>
      </c>
      <c r="M1215" t="s">
        <v>87</v>
      </c>
      <c r="N1215" t="s">
        <v>88</v>
      </c>
      <c r="O1215" t="s">
        <v>85</v>
      </c>
      <c r="P1215" t="s">
        <v>86</v>
      </c>
      <c r="Q1215">
        <v>40</v>
      </c>
      <c r="R1215">
        <v>40</v>
      </c>
      <c r="S1215">
        <v>40</v>
      </c>
      <c r="T1215">
        <v>40</v>
      </c>
      <c r="U1215">
        <v>41</v>
      </c>
      <c r="V1215">
        <v>41</v>
      </c>
      <c r="W1215">
        <v>41</v>
      </c>
      <c r="X1215">
        <v>41</v>
      </c>
      <c r="Y1215">
        <v>41</v>
      </c>
      <c r="Z1215">
        <v>41</v>
      </c>
      <c r="AA1215">
        <v>41</v>
      </c>
      <c r="AB1215">
        <v>41</v>
      </c>
      <c r="AC1215">
        <v>41</v>
      </c>
      <c r="AD1215">
        <v>41</v>
      </c>
      <c r="AE1215">
        <v>41</v>
      </c>
      <c r="AF1215">
        <v>41</v>
      </c>
      <c r="AG1215">
        <v>41</v>
      </c>
      <c r="AH1215">
        <v>41</v>
      </c>
      <c r="AI1215">
        <v>41</v>
      </c>
      <c r="AJ1215">
        <v>41</v>
      </c>
      <c r="AK1215">
        <v>41</v>
      </c>
      <c r="AL1215">
        <v>41</v>
      </c>
      <c r="AM1215">
        <v>41</v>
      </c>
      <c r="AN1215">
        <v>41</v>
      </c>
      <c r="AO1215">
        <v>41</v>
      </c>
      <c r="AP1215">
        <v>41</v>
      </c>
      <c r="AQ1215">
        <v>41</v>
      </c>
    </row>
    <row r="1216" spans="1:43">
      <c r="A1216" t="s">
        <v>827</v>
      </c>
      <c r="B1216" t="s">
        <v>828</v>
      </c>
      <c r="C1216" t="s">
        <v>791</v>
      </c>
      <c r="D1216" t="s">
        <v>792</v>
      </c>
      <c r="E1216" t="s">
        <v>353</v>
      </c>
      <c r="F1216" t="s">
        <v>354</v>
      </c>
      <c r="G1216" t="s">
        <v>80</v>
      </c>
      <c r="H1216" t="s">
        <v>81</v>
      </c>
      <c r="I1216" s="2">
        <v>1</v>
      </c>
      <c r="J1216" s="2">
        <v>0</v>
      </c>
      <c r="K1216" s="2">
        <v>0</v>
      </c>
      <c r="L1216" t="s">
        <v>120</v>
      </c>
      <c r="M1216" t="s">
        <v>89</v>
      </c>
      <c r="N1216" t="s">
        <v>90</v>
      </c>
      <c r="O1216" t="s">
        <v>85</v>
      </c>
      <c r="P1216" t="s">
        <v>86</v>
      </c>
      <c r="Q1216">
        <v>40</v>
      </c>
      <c r="R1216">
        <v>41</v>
      </c>
      <c r="S1216">
        <v>42</v>
      </c>
      <c r="T1216">
        <v>42</v>
      </c>
      <c r="U1216">
        <v>43</v>
      </c>
      <c r="V1216">
        <v>44</v>
      </c>
      <c r="W1216">
        <v>44</v>
      </c>
      <c r="X1216">
        <v>45</v>
      </c>
      <c r="Y1216">
        <v>46</v>
      </c>
      <c r="Z1216">
        <v>46</v>
      </c>
      <c r="AA1216">
        <v>47</v>
      </c>
      <c r="AB1216">
        <v>47</v>
      </c>
      <c r="AC1216">
        <v>48</v>
      </c>
      <c r="AD1216">
        <v>48</v>
      </c>
      <c r="AE1216">
        <v>49</v>
      </c>
      <c r="AF1216">
        <v>48</v>
      </c>
      <c r="AG1216">
        <v>48</v>
      </c>
      <c r="AH1216">
        <v>48</v>
      </c>
      <c r="AI1216">
        <v>48</v>
      </c>
      <c r="AJ1216">
        <v>48</v>
      </c>
      <c r="AK1216">
        <v>48</v>
      </c>
      <c r="AL1216">
        <v>48</v>
      </c>
      <c r="AM1216">
        <v>48</v>
      </c>
      <c r="AN1216">
        <v>47</v>
      </c>
      <c r="AO1216">
        <v>47</v>
      </c>
      <c r="AP1216">
        <v>47</v>
      </c>
      <c r="AQ1216">
        <v>47</v>
      </c>
    </row>
    <row r="1217" spans="1:43">
      <c r="A1217" t="s">
        <v>827</v>
      </c>
      <c r="B1217" t="s">
        <v>828</v>
      </c>
      <c r="C1217" t="s">
        <v>791</v>
      </c>
      <c r="D1217" t="s">
        <v>792</v>
      </c>
      <c r="E1217" t="s">
        <v>353</v>
      </c>
      <c r="F1217" t="s">
        <v>354</v>
      </c>
      <c r="G1217" t="s">
        <v>80</v>
      </c>
      <c r="H1217" t="s">
        <v>81</v>
      </c>
      <c r="I1217" s="2">
        <v>1</v>
      </c>
      <c r="J1217" s="2">
        <v>0</v>
      </c>
      <c r="K1217" s="2">
        <v>0</v>
      </c>
      <c r="L1217" t="s">
        <v>120</v>
      </c>
      <c r="M1217" t="s">
        <v>83</v>
      </c>
      <c r="N1217" t="s">
        <v>91</v>
      </c>
      <c r="O1217" t="s">
        <v>85</v>
      </c>
      <c r="P1217" t="s">
        <v>86</v>
      </c>
      <c r="Q1217">
        <v>40</v>
      </c>
      <c r="R1217">
        <v>40</v>
      </c>
      <c r="S1217">
        <v>41</v>
      </c>
      <c r="T1217">
        <v>41</v>
      </c>
      <c r="U1217">
        <v>41</v>
      </c>
      <c r="V1217">
        <v>42</v>
      </c>
      <c r="W1217">
        <v>42</v>
      </c>
      <c r="X1217">
        <v>43</v>
      </c>
      <c r="Y1217">
        <v>43</v>
      </c>
      <c r="Z1217">
        <v>43</v>
      </c>
      <c r="AA1217">
        <v>44</v>
      </c>
      <c r="AB1217">
        <v>44</v>
      </c>
      <c r="AC1217">
        <v>45</v>
      </c>
      <c r="AD1217">
        <v>45</v>
      </c>
      <c r="AE1217">
        <v>45</v>
      </c>
      <c r="AF1217">
        <v>46</v>
      </c>
      <c r="AG1217">
        <v>46</v>
      </c>
      <c r="AH1217">
        <v>46</v>
      </c>
      <c r="AI1217">
        <v>47</v>
      </c>
      <c r="AJ1217">
        <v>47</v>
      </c>
      <c r="AK1217">
        <v>47</v>
      </c>
      <c r="AL1217">
        <v>47</v>
      </c>
      <c r="AM1217">
        <v>47</v>
      </c>
      <c r="AN1217">
        <v>47</v>
      </c>
      <c r="AO1217">
        <v>47</v>
      </c>
      <c r="AP1217">
        <v>47</v>
      </c>
      <c r="AQ1217">
        <v>47</v>
      </c>
    </row>
    <row r="1218" spans="1:43">
      <c r="A1218" t="s">
        <v>829</v>
      </c>
      <c r="B1218" t="s">
        <v>830</v>
      </c>
      <c r="C1218" t="s">
        <v>791</v>
      </c>
      <c r="D1218" t="s">
        <v>792</v>
      </c>
      <c r="E1218" t="s">
        <v>353</v>
      </c>
      <c r="F1218" t="s">
        <v>354</v>
      </c>
      <c r="G1218" t="s">
        <v>80</v>
      </c>
      <c r="H1218" t="s">
        <v>81</v>
      </c>
      <c r="I1218" s="2">
        <v>1</v>
      </c>
      <c r="J1218" s="2">
        <v>0</v>
      </c>
      <c r="K1218" s="2">
        <v>0</v>
      </c>
      <c r="L1218" t="s">
        <v>120</v>
      </c>
      <c r="M1218" t="s">
        <v>83</v>
      </c>
      <c r="N1218" t="s">
        <v>84</v>
      </c>
      <c r="O1218" t="s">
        <v>85</v>
      </c>
      <c r="P1218" t="s">
        <v>86</v>
      </c>
      <c r="Q1218">
        <v>14</v>
      </c>
      <c r="R1218">
        <v>15</v>
      </c>
      <c r="S1218">
        <v>15</v>
      </c>
      <c r="T1218">
        <v>15</v>
      </c>
      <c r="U1218">
        <v>15</v>
      </c>
      <c r="V1218">
        <v>15</v>
      </c>
      <c r="W1218">
        <v>15</v>
      </c>
      <c r="X1218">
        <v>15</v>
      </c>
      <c r="Y1218">
        <v>16</v>
      </c>
      <c r="Z1218">
        <v>16</v>
      </c>
      <c r="AA1218">
        <v>16</v>
      </c>
      <c r="AB1218">
        <v>16</v>
      </c>
      <c r="AC1218">
        <v>16</v>
      </c>
      <c r="AD1218">
        <v>16</v>
      </c>
      <c r="AE1218">
        <v>16</v>
      </c>
      <c r="AF1218">
        <v>17</v>
      </c>
      <c r="AG1218">
        <v>17</v>
      </c>
      <c r="AH1218">
        <v>17</v>
      </c>
      <c r="AI1218">
        <v>17</v>
      </c>
      <c r="AJ1218">
        <v>17</v>
      </c>
      <c r="AK1218">
        <v>17</v>
      </c>
      <c r="AL1218">
        <v>17</v>
      </c>
      <c r="AM1218">
        <v>17</v>
      </c>
      <c r="AN1218">
        <v>17</v>
      </c>
      <c r="AO1218">
        <v>17</v>
      </c>
      <c r="AP1218">
        <v>17</v>
      </c>
      <c r="AQ1218">
        <v>17</v>
      </c>
    </row>
    <row r="1219" spans="1:43">
      <c r="A1219" t="s">
        <v>829</v>
      </c>
      <c r="B1219" t="s">
        <v>830</v>
      </c>
      <c r="C1219" t="s">
        <v>791</v>
      </c>
      <c r="D1219" t="s">
        <v>792</v>
      </c>
      <c r="E1219" t="s">
        <v>353</v>
      </c>
      <c r="F1219" t="s">
        <v>354</v>
      </c>
      <c r="G1219" t="s">
        <v>80</v>
      </c>
      <c r="H1219" t="s">
        <v>81</v>
      </c>
      <c r="I1219" s="2">
        <v>1</v>
      </c>
      <c r="J1219" s="2">
        <v>0</v>
      </c>
      <c r="K1219" s="2">
        <v>0</v>
      </c>
      <c r="L1219" t="s">
        <v>120</v>
      </c>
      <c r="M1219" t="s">
        <v>87</v>
      </c>
      <c r="N1219" t="s">
        <v>88</v>
      </c>
      <c r="O1219" t="s">
        <v>85</v>
      </c>
      <c r="P1219" t="s">
        <v>86</v>
      </c>
      <c r="Q1219">
        <v>14</v>
      </c>
      <c r="R1219">
        <v>14</v>
      </c>
      <c r="S1219">
        <v>14</v>
      </c>
      <c r="T1219">
        <v>14</v>
      </c>
      <c r="U1219">
        <v>14</v>
      </c>
      <c r="V1219">
        <v>14</v>
      </c>
      <c r="W1219">
        <v>14</v>
      </c>
      <c r="X1219">
        <v>14</v>
      </c>
      <c r="Y1219">
        <v>14</v>
      </c>
      <c r="Z1219">
        <v>14</v>
      </c>
      <c r="AA1219">
        <v>14</v>
      </c>
      <c r="AB1219">
        <v>15</v>
      </c>
      <c r="AC1219">
        <v>15</v>
      </c>
      <c r="AD1219">
        <v>15</v>
      </c>
      <c r="AE1219">
        <v>15</v>
      </c>
      <c r="AF1219">
        <v>15</v>
      </c>
      <c r="AG1219">
        <v>15</v>
      </c>
      <c r="AH1219">
        <v>15</v>
      </c>
      <c r="AI1219">
        <v>15</v>
      </c>
      <c r="AJ1219">
        <v>15</v>
      </c>
      <c r="AK1219">
        <v>15</v>
      </c>
      <c r="AL1219">
        <v>15</v>
      </c>
      <c r="AM1219">
        <v>15</v>
      </c>
      <c r="AN1219">
        <v>15</v>
      </c>
      <c r="AO1219">
        <v>15</v>
      </c>
      <c r="AP1219">
        <v>15</v>
      </c>
      <c r="AQ1219">
        <v>15</v>
      </c>
    </row>
    <row r="1220" spans="1:43">
      <c r="A1220" t="s">
        <v>829</v>
      </c>
      <c r="B1220" t="s">
        <v>830</v>
      </c>
      <c r="C1220" t="s">
        <v>791</v>
      </c>
      <c r="D1220" t="s">
        <v>792</v>
      </c>
      <c r="E1220" t="s">
        <v>353</v>
      </c>
      <c r="F1220" t="s">
        <v>354</v>
      </c>
      <c r="G1220" t="s">
        <v>80</v>
      </c>
      <c r="H1220" t="s">
        <v>81</v>
      </c>
      <c r="I1220" s="2">
        <v>1</v>
      </c>
      <c r="J1220" s="2">
        <v>0</v>
      </c>
      <c r="K1220" s="2">
        <v>0</v>
      </c>
      <c r="L1220" t="s">
        <v>120</v>
      </c>
      <c r="M1220" t="s">
        <v>89</v>
      </c>
      <c r="N1220" t="s">
        <v>90</v>
      </c>
      <c r="O1220" t="s">
        <v>85</v>
      </c>
      <c r="P1220" t="s">
        <v>86</v>
      </c>
      <c r="Q1220">
        <v>14</v>
      </c>
      <c r="R1220">
        <v>14</v>
      </c>
      <c r="S1220">
        <v>14</v>
      </c>
      <c r="T1220">
        <v>14</v>
      </c>
      <c r="U1220">
        <v>15</v>
      </c>
      <c r="V1220">
        <v>15</v>
      </c>
      <c r="W1220">
        <v>15</v>
      </c>
      <c r="X1220">
        <v>15</v>
      </c>
      <c r="Y1220">
        <v>16</v>
      </c>
      <c r="Z1220">
        <v>16</v>
      </c>
      <c r="AA1220">
        <v>16</v>
      </c>
      <c r="AB1220">
        <v>16</v>
      </c>
      <c r="AC1220">
        <v>16</v>
      </c>
      <c r="AD1220">
        <v>17</v>
      </c>
      <c r="AE1220">
        <v>17</v>
      </c>
      <c r="AF1220">
        <v>17</v>
      </c>
      <c r="AG1220">
        <v>17</v>
      </c>
      <c r="AH1220">
        <v>17</v>
      </c>
      <c r="AI1220">
        <v>16</v>
      </c>
      <c r="AJ1220">
        <v>16</v>
      </c>
      <c r="AK1220">
        <v>16</v>
      </c>
      <c r="AL1220">
        <v>16</v>
      </c>
      <c r="AM1220">
        <v>16</v>
      </c>
      <c r="AN1220">
        <v>16</v>
      </c>
      <c r="AO1220">
        <v>16</v>
      </c>
      <c r="AP1220">
        <v>16</v>
      </c>
      <c r="AQ1220">
        <v>16</v>
      </c>
    </row>
    <row r="1221" spans="1:43">
      <c r="A1221" t="s">
        <v>829</v>
      </c>
      <c r="B1221" t="s">
        <v>830</v>
      </c>
      <c r="C1221" t="s">
        <v>791</v>
      </c>
      <c r="D1221" t="s">
        <v>792</v>
      </c>
      <c r="E1221" t="s">
        <v>353</v>
      </c>
      <c r="F1221" t="s">
        <v>354</v>
      </c>
      <c r="G1221" t="s">
        <v>80</v>
      </c>
      <c r="H1221" t="s">
        <v>81</v>
      </c>
      <c r="I1221" s="2">
        <v>1</v>
      </c>
      <c r="J1221" s="2">
        <v>0</v>
      </c>
      <c r="K1221" s="2">
        <v>0</v>
      </c>
      <c r="L1221" t="s">
        <v>120</v>
      </c>
      <c r="M1221" t="s">
        <v>83</v>
      </c>
      <c r="N1221" t="s">
        <v>91</v>
      </c>
      <c r="O1221" t="s">
        <v>85</v>
      </c>
      <c r="P1221" t="s">
        <v>86</v>
      </c>
      <c r="Q1221">
        <v>14</v>
      </c>
      <c r="R1221">
        <v>15</v>
      </c>
      <c r="S1221">
        <v>15</v>
      </c>
      <c r="T1221">
        <v>15</v>
      </c>
      <c r="U1221">
        <v>15</v>
      </c>
      <c r="V1221">
        <v>15</v>
      </c>
      <c r="W1221">
        <v>15</v>
      </c>
      <c r="X1221">
        <v>15</v>
      </c>
      <c r="Y1221">
        <v>16</v>
      </c>
      <c r="Z1221">
        <v>16</v>
      </c>
      <c r="AA1221">
        <v>16</v>
      </c>
      <c r="AB1221">
        <v>16</v>
      </c>
      <c r="AC1221">
        <v>16</v>
      </c>
      <c r="AD1221">
        <v>16</v>
      </c>
      <c r="AE1221">
        <v>16</v>
      </c>
      <c r="AF1221">
        <v>17</v>
      </c>
      <c r="AG1221">
        <v>17</v>
      </c>
      <c r="AH1221">
        <v>17</v>
      </c>
      <c r="AI1221">
        <v>17</v>
      </c>
      <c r="AJ1221">
        <v>17</v>
      </c>
      <c r="AK1221">
        <v>17</v>
      </c>
      <c r="AL1221">
        <v>17</v>
      </c>
      <c r="AM1221">
        <v>17</v>
      </c>
      <c r="AN1221">
        <v>17</v>
      </c>
      <c r="AO1221">
        <v>17</v>
      </c>
      <c r="AP1221">
        <v>17</v>
      </c>
      <c r="AQ1221">
        <v>17</v>
      </c>
    </row>
    <row r="1222" spans="1:43">
      <c r="A1222" t="s">
        <v>831</v>
      </c>
      <c r="B1222" t="s">
        <v>832</v>
      </c>
      <c r="C1222" t="s">
        <v>501</v>
      </c>
      <c r="D1222" t="s">
        <v>502</v>
      </c>
      <c r="E1222" t="s">
        <v>353</v>
      </c>
      <c r="F1222" t="s">
        <v>354</v>
      </c>
      <c r="G1222" t="s">
        <v>80</v>
      </c>
      <c r="H1222" t="s">
        <v>81</v>
      </c>
      <c r="I1222" s="2">
        <v>1</v>
      </c>
      <c r="J1222" s="2">
        <v>0</v>
      </c>
      <c r="K1222" s="2">
        <v>0</v>
      </c>
      <c r="L1222" t="s">
        <v>120</v>
      </c>
      <c r="M1222" t="s">
        <v>83</v>
      </c>
      <c r="N1222" t="s">
        <v>84</v>
      </c>
      <c r="O1222" t="s">
        <v>85</v>
      </c>
      <c r="P1222" t="s">
        <v>86</v>
      </c>
      <c r="Q1222">
        <v>12</v>
      </c>
      <c r="R1222">
        <v>12</v>
      </c>
      <c r="S1222">
        <v>12</v>
      </c>
      <c r="T1222">
        <v>12</v>
      </c>
      <c r="U1222">
        <v>12</v>
      </c>
      <c r="V1222">
        <v>12</v>
      </c>
      <c r="W1222">
        <v>12</v>
      </c>
      <c r="X1222">
        <v>12</v>
      </c>
      <c r="Y1222">
        <v>13</v>
      </c>
      <c r="Z1222">
        <v>13</v>
      </c>
      <c r="AA1222">
        <v>13</v>
      </c>
      <c r="AB1222">
        <v>13</v>
      </c>
      <c r="AC1222">
        <v>13</v>
      </c>
      <c r="AD1222">
        <v>13</v>
      </c>
      <c r="AE1222">
        <v>13</v>
      </c>
      <c r="AF1222">
        <v>13</v>
      </c>
      <c r="AG1222">
        <v>13</v>
      </c>
      <c r="AH1222">
        <v>13</v>
      </c>
      <c r="AI1222">
        <v>14</v>
      </c>
      <c r="AJ1222">
        <v>14</v>
      </c>
      <c r="AK1222">
        <v>14</v>
      </c>
      <c r="AL1222">
        <v>14</v>
      </c>
      <c r="AM1222">
        <v>14</v>
      </c>
      <c r="AN1222">
        <v>14</v>
      </c>
      <c r="AO1222">
        <v>14</v>
      </c>
      <c r="AP1222">
        <v>14</v>
      </c>
      <c r="AQ1222">
        <v>14</v>
      </c>
    </row>
    <row r="1223" spans="1:43">
      <c r="A1223" t="s">
        <v>831</v>
      </c>
      <c r="B1223" t="s">
        <v>832</v>
      </c>
      <c r="C1223" t="s">
        <v>501</v>
      </c>
      <c r="D1223" t="s">
        <v>502</v>
      </c>
      <c r="E1223" t="s">
        <v>353</v>
      </c>
      <c r="F1223" t="s">
        <v>354</v>
      </c>
      <c r="G1223" t="s">
        <v>80</v>
      </c>
      <c r="H1223" t="s">
        <v>81</v>
      </c>
      <c r="I1223" s="2">
        <v>1</v>
      </c>
      <c r="J1223" s="2">
        <v>0</v>
      </c>
      <c r="K1223" s="2">
        <v>0</v>
      </c>
      <c r="L1223" t="s">
        <v>120</v>
      </c>
      <c r="M1223" t="s">
        <v>87</v>
      </c>
      <c r="N1223" t="s">
        <v>88</v>
      </c>
      <c r="O1223" t="s">
        <v>85</v>
      </c>
      <c r="P1223" t="s">
        <v>86</v>
      </c>
      <c r="Q1223">
        <v>12</v>
      </c>
      <c r="R1223">
        <v>12</v>
      </c>
      <c r="S1223">
        <v>12</v>
      </c>
      <c r="T1223">
        <v>12</v>
      </c>
      <c r="U1223">
        <v>13</v>
      </c>
      <c r="V1223">
        <v>13</v>
      </c>
      <c r="W1223">
        <v>13</v>
      </c>
      <c r="X1223">
        <v>13</v>
      </c>
      <c r="Y1223">
        <v>13</v>
      </c>
      <c r="Z1223">
        <v>13</v>
      </c>
      <c r="AA1223">
        <v>13</v>
      </c>
      <c r="AB1223">
        <v>13</v>
      </c>
      <c r="AC1223">
        <v>13</v>
      </c>
      <c r="AD1223">
        <v>13</v>
      </c>
      <c r="AE1223">
        <v>13</v>
      </c>
      <c r="AF1223">
        <v>13</v>
      </c>
      <c r="AG1223">
        <v>13</v>
      </c>
      <c r="AH1223">
        <v>13</v>
      </c>
      <c r="AI1223">
        <v>13</v>
      </c>
      <c r="AJ1223">
        <v>13</v>
      </c>
      <c r="AK1223">
        <v>13</v>
      </c>
      <c r="AL1223">
        <v>13</v>
      </c>
      <c r="AM1223">
        <v>13</v>
      </c>
      <c r="AN1223">
        <v>13</v>
      </c>
      <c r="AO1223">
        <v>13</v>
      </c>
      <c r="AP1223">
        <v>13</v>
      </c>
      <c r="AQ1223">
        <v>13</v>
      </c>
    </row>
    <row r="1224" spans="1:43">
      <c r="A1224" t="s">
        <v>831</v>
      </c>
      <c r="B1224" t="s">
        <v>832</v>
      </c>
      <c r="C1224" t="s">
        <v>501</v>
      </c>
      <c r="D1224" t="s">
        <v>502</v>
      </c>
      <c r="E1224" t="s">
        <v>353</v>
      </c>
      <c r="F1224" t="s">
        <v>354</v>
      </c>
      <c r="G1224" t="s">
        <v>80</v>
      </c>
      <c r="H1224" t="s">
        <v>81</v>
      </c>
      <c r="I1224" s="2">
        <v>1</v>
      </c>
      <c r="J1224" s="2">
        <v>0</v>
      </c>
      <c r="K1224" s="2">
        <v>0</v>
      </c>
      <c r="L1224" t="s">
        <v>120</v>
      </c>
      <c r="M1224" t="s">
        <v>89</v>
      </c>
      <c r="N1224" t="s">
        <v>90</v>
      </c>
      <c r="O1224" t="s">
        <v>85</v>
      </c>
      <c r="P1224" t="s">
        <v>86</v>
      </c>
      <c r="Q1224">
        <v>12</v>
      </c>
      <c r="R1224">
        <v>12</v>
      </c>
      <c r="S1224">
        <v>12</v>
      </c>
      <c r="T1224">
        <v>12</v>
      </c>
      <c r="U1224">
        <v>13</v>
      </c>
      <c r="V1224">
        <v>13</v>
      </c>
      <c r="W1224">
        <v>13</v>
      </c>
      <c r="X1224">
        <v>13</v>
      </c>
      <c r="Y1224">
        <v>13</v>
      </c>
      <c r="Z1224">
        <v>13</v>
      </c>
      <c r="AA1224">
        <v>14</v>
      </c>
      <c r="AB1224">
        <v>14</v>
      </c>
      <c r="AC1224">
        <v>14</v>
      </c>
      <c r="AD1224">
        <v>14</v>
      </c>
      <c r="AE1224">
        <v>14</v>
      </c>
      <c r="AF1224">
        <v>14</v>
      </c>
      <c r="AG1224">
        <v>14</v>
      </c>
      <c r="AH1224">
        <v>14</v>
      </c>
      <c r="AI1224">
        <v>14</v>
      </c>
      <c r="AJ1224">
        <v>14</v>
      </c>
      <c r="AK1224">
        <v>14</v>
      </c>
      <c r="AL1224">
        <v>14</v>
      </c>
      <c r="AM1224">
        <v>14</v>
      </c>
      <c r="AN1224">
        <v>14</v>
      </c>
      <c r="AO1224">
        <v>14</v>
      </c>
      <c r="AP1224">
        <v>14</v>
      </c>
      <c r="AQ1224">
        <v>14</v>
      </c>
    </row>
    <row r="1225" spans="1:43">
      <c r="A1225" t="s">
        <v>831</v>
      </c>
      <c r="B1225" t="s">
        <v>832</v>
      </c>
      <c r="C1225" t="s">
        <v>501</v>
      </c>
      <c r="D1225" t="s">
        <v>502</v>
      </c>
      <c r="E1225" t="s">
        <v>353</v>
      </c>
      <c r="F1225" t="s">
        <v>354</v>
      </c>
      <c r="G1225" t="s">
        <v>80</v>
      </c>
      <c r="H1225" t="s">
        <v>81</v>
      </c>
      <c r="I1225" s="2">
        <v>1</v>
      </c>
      <c r="J1225" s="2">
        <v>0</v>
      </c>
      <c r="K1225" s="2">
        <v>0</v>
      </c>
      <c r="L1225" t="s">
        <v>120</v>
      </c>
      <c r="M1225" t="s">
        <v>83</v>
      </c>
      <c r="N1225" t="s">
        <v>91</v>
      </c>
      <c r="O1225" t="s">
        <v>85</v>
      </c>
      <c r="P1225" t="s">
        <v>86</v>
      </c>
      <c r="Q1225">
        <v>12</v>
      </c>
      <c r="R1225">
        <v>12</v>
      </c>
      <c r="S1225">
        <v>12</v>
      </c>
      <c r="T1225">
        <v>12</v>
      </c>
      <c r="U1225">
        <v>12</v>
      </c>
      <c r="V1225">
        <v>12</v>
      </c>
      <c r="W1225">
        <v>12</v>
      </c>
      <c r="X1225">
        <v>12</v>
      </c>
      <c r="Y1225">
        <v>13</v>
      </c>
      <c r="Z1225">
        <v>13</v>
      </c>
      <c r="AA1225">
        <v>13</v>
      </c>
      <c r="AB1225">
        <v>13</v>
      </c>
      <c r="AC1225">
        <v>13</v>
      </c>
      <c r="AD1225">
        <v>13</v>
      </c>
      <c r="AE1225">
        <v>13</v>
      </c>
      <c r="AF1225">
        <v>13</v>
      </c>
      <c r="AG1225">
        <v>13</v>
      </c>
      <c r="AH1225">
        <v>13</v>
      </c>
      <c r="AI1225">
        <v>14</v>
      </c>
      <c r="AJ1225">
        <v>14</v>
      </c>
      <c r="AK1225">
        <v>14</v>
      </c>
      <c r="AL1225">
        <v>14</v>
      </c>
      <c r="AM1225">
        <v>14</v>
      </c>
      <c r="AN1225">
        <v>14</v>
      </c>
      <c r="AO1225">
        <v>14</v>
      </c>
      <c r="AP1225">
        <v>14</v>
      </c>
      <c r="AQ1225">
        <v>14</v>
      </c>
    </row>
    <row r="1226" spans="1:43">
      <c r="A1226" t="s">
        <v>833</v>
      </c>
      <c r="B1226" t="s">
        <v>834</v>
      </c>
      <c r="C1226" t="s">
        <v>711</v>
      </c>
      <c r="D1226" t="s">
        <v>712</v>
      </c>
      <c r="E1226" t="s">
        <v>353</v>
      </c>
      <c r="F1226" t="s">
        <v>354</v>
      </c>
      <c r="G1226" t="s">
        <v>80</v>
      </c>
      <c r="H1226" t="s">
        <v>81</v>
      </c>
      <c r="I1226" s="2">
        <v>1</v>
      </c>
      <c r="J1226" s="2">
        <v>0</v>
      </c>
      <c r="K1226" s="2">
        <v>0</v>
      </c>
      <c r="L1226" t="s">
        <v>120</v>
      </c>
      <c r="M1226" t="s">
        <v>83</v>
      </c>
      <c r="N1226" t="s">
        <v>84</v>
      </c>
      <c r="O1226" t="s">
        <v>85</v>
      </c>
      <c r="P1226" t="s">
        <v>86</v>
      </c>
      <c r="Q1226">
        <v>34</v>
      </c>
      <c r="R1226">
        <v>34</v>
      </c>
      <c r="S1226">
        <v>35</v>
      </c>
      <c r="T1226">
        <v>35</v>
      </c>
      <c r="U1226">
        <v>35</v>
      </c>
      <c r="V1226">
        <v>36</v>
      </c>
      <c r="W1226">
        <v>36</v>
      </c>
      <c r="X1226">
        <v>37</v>
      </c>
      <c r="Y1226">
        <v>37</v>
      </c>
      <c r="Z1226">
        <v>37</v>
      </c>
      <c r="AA1226">
        <v>38</v>
      </c>
      <c r="AB1226">
        <v>38</v>
      </c>
      <c r="AC1226">
        <v>38</v>
      </c>
      <c r="AD1226">
        <v>39</v>
      </c>
      <c r="AE1226">
        <v>39</v>
      </c>
      <c r="AF1226">
        <v>39</v>
      </c>
      <c r="AG1226">
        <v>39</v>
      </c>
      <c r="AH1226">
        <v>40</v>
      </c>
      <c r="AI1226">
        <v>40</v>
      </c>
      <c r="AJ1226">
        <v>40</v>
      </c>
      <c r="AK1226">
        <v>41</v>
      </c>
      <c r="AL1226">
        <v>41</v>
      </c>
      <c r="AM1226">
        <v>41</v>
      </c>
      <c r="AN1226">
        <v>41</v>
      </c>
      <c r="AO1226">
        <v>40</v>
      </c>
      <c r="AP1226">
        <v>40</v>
      </c>
      <c r="AQ1226">
        <v>40</v>
      </c>
    </row>
    <row r="1227" spans="1:43">
      <c r="A1227" t="s">
        <v>833</v>
      </c>
      <c r="B1227" t="s">
        <v>834</v>
      </c>
      <c r="C1227" t="s">
        <v>711</v>
      </c>
      <c r="D1227" t="s">
        <v>712</v>
      </c>
      <c r="E1227" t="s">
        <v>353</v>
      </c>
      <c r="F1227" t="s">
        <v>354</v>
      </c>
      <c r="G1227" t="s">
        <v>80</v>
      </c>
      <c r="H1227" t="s">
        <v>81</v>
      </c>
      <c r="I1227" s="2">
        <v>1</v>
      </c>
      <c r="J1227" s="2">
        <v>0</v>
      </c>
      <c r="K1227" s="2">
        <v>0</v>
      </c>
      <c r="L1227" t="s">
        <v>120</v>
      </c>
      <c r="M1227" t="s">
        <v>87</v>
      </c>
      <c r="N1227" t="s">
        <v>88</v>
      </c>
      <c r="O1227" t="s">
        <v>85</v>
      </c>
      <c r="P1227" t="s">
        <v>86</v>
      </c>
      <c r="Q1227">
        <v>34</v>
      </c>
      <c r="R1227">
        <v>34</v>
      </c>
      <c r="S1227">
        <v>34</v>
      </c>
      <c r="T1227">
        <v>34</v>
      </c>
      <c r="U1227">
        <v>34</v>
      </c>
      <c r="V1227">
        <v>34</v>
      </c>
      <c r="W1227">
        <v>34</v>
      </c>
      <c r="X1227">
        <v>34</v>
      </c>
      <c r="Y1227">
        <v>34</v>
      </c>
      <c r="Z1227">
        <v>34</v>
      </c>
      <c r="AA1227">
        <v>34</v>
      </c>
      <c r="AB1227">
        <v>34</v>
      </c>
      <c r="AC1227">
        <v>34</v>
      </c>
      <c r="AD1227">
        <v>34</v>
      </c>
      <c r="AE1227">
        <v>35</v>
      </c>
      <c r="AF1227">
        <v>35</v>
      </c>
      <c r="AG1227">
        <v>35</v>
      </c>
      <c r="AH1227">
        <v>35</v>
      </c>
      <c r="AI1227">
        <v>35</v>
      </c>
      <c r="AJ1227">
        <v>35</v>
      </c>
      <c r="AK1227">
        <v>35</v>
      </c>
      <c r="AL1227">
        <v>35</v>
      </c>
      <c r="AM1227">
        <v>35</v>
      </c>
      <c r="AN1227">
        <v>35</v>
      </c>
      <c r="AO1227">
        <v>35</v>
      </c>
      <c r="AP1227">
        <v>35</v>
      </c>
      <c r="AQ1227">
        <v>35</v>
      </c>
    </row>
    <row r="1228" spans="1:43">
      <c r="A1228" t="s">
        <v>833</v>
      </c>
      <c r="B1228" t="s">
        <v>834</v>
      </c>
      <c r="C1228" t="s">
        <v>711</v>
      </c>
      <c r="D1228" t="s">
        <v>712</v>
      </c>
      <c r="E1228" t="s">
        <v>353</v>
      </c>
      <c r="F1228" t="s">
        <v>354</v>
      </c>
      <c r="G1228" t="s">
        <v>80</v>
      </c>
      <c r="H1228" t="s">
        <v>81</v>
      </c>
      <c r="I1228" s="2">
        <v>1</v>
      </c>
      <c r="J1228" s="2">
        <v>0</v>
      </c>
      <c r="K1228" s="2">
        <v>0</v>
      </c>
      <c r="L1228" t="s">
        <v>120</v>
      </c>
      <c r="M1228" t="s">
        <v>89</v>
      </c>
      <c r="N1228" t="s">
        <v>90</v>
      </c>
      <c r="O1228" t="s">
        <v>85</v>
      </c>
      <c r="P1228" t="s">
        <v>86</v>
      </c>
      <c r="Q1228">
        <v>34</v>
      </c>
      <c r="R1228">
        <v>35</v>
      </c>
      <c r="S1228">
        <v>36</v>
      </c>
      <c r="T1228">
        <v>36</v>
      </c>
      <c r="U1228">
        <v>37</v>
      </c>
      <c r="V1228">
        <v>37</v>
      </c>
      <c r="W1228">
        <v>38</v>
      </c>
      <c r="X1228">
        <v>38</v>
      </c>
      <c r="Y1228">
        <v>39</v>
      </c>
      <c r="Z1228">
        <v>39</v>
      </c>
      <c r="AA1228">
        <v>40</v>
      </c>
      <c r="AB1228">
        <v>40</v>
      </c>
      <c r="AC1228">
        <v>41</v>
      </c>
      <c r="AD1228">
        <v>41</v>
      </c>
      <c r="AE1228">
        <v>42</v>
      </c>
      <c r="AF1228">
        <v>42</v>
      </c>
      <c r="AG1228">
        <v>41</v>
      </c>
      <c r="AH1228">
        <v>41</v>
      </c>
      <c r="AI1228">
        <v>41</v>
      </c>
      <c r="AJ1228">
        <v>41</v>
      </c>
      <c r="AK1228">
        <v>41</v>
      </c>
      <c r="AL1228">
        <v>41</v>
      </c>
      <c r="AM1228">
        <v>41</v>
      </c>
      <c r="AN1228">
        <v>41</v>
      </c>
      <c r="AO1228">
        <v>41</v>
      </c>
      <c r="AP1228">
        <v>41</v>
      </c>
      <c r="AQ1228">
        <v>41</v>
      </c>
    </row>
    <row r="1229" spans="1:43">
      <c r="A1229" t="s">
        <v>833</v>
      </c>
      <c r="B1229" t="s">
        <v>834</v>
      </c>
      <c r="C1229" t="s">
        <v>711</v>
      </c>
      <c r="D1229" t="s">
        <v>712</v>
      </c>
      <c r="E1229" t="s">
        <v>353</v>
      </c>
      <c r="F1229" t="s">
        <v>354</v>
      </c>
      <c r="G1229" t="s">
        <v>80</v>
      </c>
      <c r="H1229" t="s">
        <v>81</v>
      </c>
      <c r="I1229" s="2">
        <v>1</v>
      </c>
      <c r="J1229" s="2">
        <v>0</v>
      </c>
      <c r="K1229" s="2">
        <v>0</v>
      </c>
      <c r="L1229" t="s">
        <v>120</v>
      </c>
      <c r="M1229" t="s">
        <v>83</v>
      </c>
      <c r="N1229" t="s">
        <v>91</v>
      </c>
      <c r="O1229" t="s">
        <v>85</v>
      </c>
      <c r="P1229" t="s">
        <v>86</v>
      </c>
      <c r="Q1229">
        <v>34</v>
      </c>
      <c r="R1229">
        <v>34</v>
      </c>
      <c r="S1229">
        <v>35</v>
      </c>
      <c r="T1229">
        <v>35</v>
      </c>
      <c r="U1229">
        <v>35</v>
      </c>
      <c r="V1229">
        <v>36</v>
      </c>
      <c r="W1229">
        <v>36</v>
      </c>
      <c r="X1229">
        <v>37</v>
      </c>
      <c r="Y1229">
        <v>37</v>
      </c>
      <c r="Z1229">
        <v>37</v>
      </c>
      <c r="AA1229">
        <v>38</v>
      </c>
      <c r="AB1229">
        <v>38</v>
      </c>
      <c r="AC1229">
        <v>38</v>
      </c>
      <c r="AD1229">
        <v>39</v>
      </c>
      <c r="AE1229">
        <v>39</v>
      </c>
      <c r="AF1229">
        <v>39</v>
      </c>
      <c r="AG1229">
        <v>39</v>
      </c>
      <c r="AH1229">
        <v>40</v>
      </c>
      <c r="AI1229">
        <v>40</v>
      </c>
      <c r="AJ1229">
        <v>40</v>
      </c>
      <c r="AK1229">
        <v>41</v>
      </c>
      <c r="AL1229">
        <v>41</v>
      </c>
      <c r="AM1229">
        <v>41</v>
      </c>
      <c r="AN1229">
        <v>41</v>
      </c>
      <c r="AO1229">
        <v>40</v>
      </c>
      <c r="AP1229">
        <v>40</v>
      </c>
      <c r="AQ1229">
        <v>40</v>
      </c>
    </row>
    <row r="1230" spans="1:43">
      <c r="A1230" t="s">
        <v>835</v>
      </c>
      <c r="B1230" t="s">
        <v>836</v>
      </c>
      <c r="C1230" t="s">
        <v>737</v>
      </c>
      <c r="D1230" t="s">
        <v>738</v>
      </c>
      <c r="E1230" t="s">
        <v>353</v>
      </c>
      <c r="F1230" t="s">
        <v>354</v>
      </c>
      <c r="G1230" t="s">
        <v>80</v>
      </c>
      <c r="H1230" t="s">
        <v>81</v>
      </c>
      <c r="I1230" s="2">
        <v>1</v>
      </c>
      <c r="J1230" s="2">
        <v>0</v>
      </c>
      <c r="K1230" s="2">
        <v>0</v>
      </c>
      <c r="L1230" t="s">
        <v>120</v>
      </c>
      <c r="M1230" t="s">
        <v>83</v>
      </c>
      <c r="N1230" t="s">
        <v>84</v>
      </c>
      <c r="O1230" t="s">
        <v>85</v>
      </c>
      <c r="P1230" t="s">
        <v>86</v>
      </c>
      <c r="Q1230">
        <v>44</v>
      </c>
      <c r="R1230">
        <v>44</v>
      </c>
      <c r="S1230">
        <v>45</v>
      </c>
      <c r="T1230">
        <v>45</v>
      </c>
      <c r="U1230">
        <v>46</v>
      </c>
      <c r="V1230">
        <v>46</v>
      </c>
      <c r="W1230">
        <v>46</v>
      </c>
      <c r="X1230">
        <v>47</v>
      </c>
      <c r="Y1230">
        <v>47</v>
      </c>
      <c r="Z1230">
        <v>48</v>
      </c>
      <c r="AA1230">
        <v>48</v>
      </c>
      <c r="AB1230">
        <v>48</v>
      </c>
      <c r="AC1230">
        <v>49</v>
      </c>
      <c r="AD1230">
        <v>49</v>
      </c>
      <c r="AE1230">
        <v>50</v>
      </c>
      <c r="AF1230">
        <v>50</v>
      </c>
      <c r="AG1230">
        <v>50</v>
      </c>
      <c r="AH1230">
        <v>51</v>
      </c>
      <c r="AI1230">
        <v>51</v>
      </c>
      <c r="AJ1230">
        <v>51</v>
      </c>
      <c r="AK1230">
        <v>52</v>
      </c>
      <c r="AL1230">
        <v>52</v>
      </c>
      <c r="AM1230">
        <v>51</v>
      </c>
      <c r="AN1230">
        <v>51</v>
      </c>
      <c r="AO1230">
        <v>51</v>
      </c>
      <c r="AP1230">
        <v>51</v>
      </c>
      <c r="AQ1230">
        <v>51</v>
      </c>
    </row>
    <row r="1231" spans="1:43">
      <c r="A1231" t="s">
        <v>835</v>
      </c>
      <c r="B1231" t="s">
        <v>836</v>
      </c>
      <c r="C1231" t="s">
        <v>737</v>
      </c>
      <c r="D1231" t="s">
        <v>738</v>
      </c>
      <c r="E1231" t="s">
        <v>353</v>
      </c>
      <c r="F1231" t="s">
        <v>354</v>
      </c>
      <c r="G1231" t="s">
        <v>80</v>
      </c>
      <c r="H1231" t="s">
        <v>81</v>
      </c>
      <c r="I1231" s="2">
        <v>1</v>
      </c>
      <c r="J1231" s="2">
        <v>0</v>
      </c>
      <c r="K1231" s="2">
        <v>0</v>
      </c>
      <c r="L1231" t="s">
        <v>120</v>
      </c>
      <c r="M1231" t="s">
        <v>87</v>
      </c>
      <c r="N1231" t="s">
        <v>88</v>
      </c>
      <c r="O1231" t="s">
        <v>85</v>
      </c>
      <c r="P1231" t="s">
        <v>86</v>
      </c>
      <c r="Q1231">
        <v>44</v>
      </c>
      <c r="R1231">
        <v>44</v>
      </c>
      <c r="S1231">
        <v>44</v>
      </c>
      <c r="T1231">
        <v>44</v>
      </c>
      <c r="U1231">
        <v>44</v>
      </c>
      <c r="V1231">
        <v>45</v>
      </c>
      <c r="W1231">
        <v>45</v>
      </c>
      <c r="X1231">
        <v>45</v>
      </c>
      <c r="Y1231">
        <v>45</v>
      </c>
      <c r="Z1231">
        <v>45</v>
      </c>
      <c r="AA1231">
        <v>45</v>
      </c>
      <c r="AB1231">
        <v>45</v>
      </c>
      <c r="AC1231">
        <v>45</v>
      </c>
      <c r="AD1231">
        <v>45</v>
      </c>
      <c r="AE1231">
        <v>45</v>
      </c>
      <c r="AF1231">
        <v>45</v>
      </c>
      <c r="AG1231">
        <v>45</v>
      </c>
      <c r="AH1231">
        <v>45</v>
      </c>
      <c r="AI1231">
        <v>45</v>
      </c>
      <c r="AJ1231">
        <v>45</v>
      </c>
      <c r="AK1231">
        <v>45</v>
      </c>
      <c r="AL1231">
        <v>45</v>
      </c>
      <c r="AM1231">
        <v>45</v>
      </c>
      <c r="AN1231">
        <v>45</v>
      </c>
      <c r="AO1231">
        <v>45</v>
      </c>
      <c r="AP1231">
        <v>45</v>
      </c>
      <c r="AQ1231">
        <v>45</v>
      </c>
    </row>
    <row r="1232" spans="1:43">
      <c r="A1232" t="s">
        <v>835</v>
      </c>
      <c r="B1232" t="s">
        <v>836</v>
      </c>
      <c r="C1232" t="s">
        <v>737</v>
      </c>
      <c r="D1232" t="s">
        <v>738</v>
      </c>
      <c r="E1232" t="s">
        <v>353</v>
      </c>
      <c r="F1232" t="s">
        <v>354</v>
      </c>
      <c r="G1232" t="s">
        <v>80</v>
      </c>
      <c r="H1232" t="s">
        <v>81</v>
      </c>
      <c r="I1232" s="2">
        <v>1</v>
      </c>
      <c r="J1232" s="2">
        <v>0</v>
      </c>
      <c r="K1232" s="2">
        <v>0</v>
      </c>
      <c r="L1232" t="s">
        <v>120</v>
      </c>
      <c r="M1232" t="s">
        <v>89</v>
      </c>
      <c r="N1232" t="s">
        <v>90</v>
      </c>
      <c r="O1232" t="s">
        <v>85</v>
      </c>
      <c r="P1232" t="s">
        <v>86</v>
      </c>
      <c r="Q1232">
        <v>44</v>
      </c>
      <c r="R1232">
        <v>45</v>
      </c>
      <c r="S1232">
        <v>46</v>
      </c>
      <c r="T1232">
        <v>47</v>
      </c>
      <c r="U1232">
        <v>47</v>
      </c>
      <c r="V1232">
        <v>48</v>
      </c>
      <c r="W1232">
        <v>49</v>
      </c>
      <c r="X1232">
        <v>49</v>
      </c>
      <c r="Y1232">
        <v>50</v>
      </c>
      <c r="Z1232">
        <v>51</v>
      </c>
      <c r="AA1232">
        <v>51</v>
      </c>
      <c r="AB1232">
        <v>52</v>
      </c>
      <c r="AC1232">
        <v>52</v>
      </c>
      <c r="AD1232">
        <v>53</v>
      </c>
      <c r="AE1232">
        <v>53</v>
      </c>
      <c r="AF1232">
        <v>53</v>
      </c>
      <c r="AG1232">
        <v>53</v>
      </c>
      <c r="AH1232">
        <v>53</v>
      </c>
      <c r="AI1232">
        <v>52</v>
      </c>
      <c r="AJ1232">
        <v>52</v>
      </c>
      <c r="AK1232">
        <v>52</v>
      </c>
      <c r="AL1232">
        <v>52</v>
      </c>
      <c r="AM1232">
        <v>52</v>
      </c>
      <c r="AN1232">
        <v>52</v>
      </c>
      <c r="AO1232">
        <v>52</v>
      </c>
      <c r="AP1232">
        <v>51</v>
      </c>
      <c r="AQ1232">
        <v>51</v>
      </c>
    </row>
    <row r="1233" spans="1:43">
      <c r="A1233" t="s">
        <v>835</v>
      </c>
      <c r="B1233" t="s">
        <v>836</v>
      </c>
      <c r="C1233" t="s">
        <v>737</v>
      </c>
      <c r="D1233" t="s">
        <v>738</v>
      </c>
      <c r="E1233" t="s">
        <v>353</v>
      </c>
      <c r="F1233" t="s">
        <v>354</v>
      </c>
      <c r="G1233" t="s">
        <v>80</v>
      </c>
      <c r="H1233" t="s">
        <v>81</v>
      </c>
      <c r="I1233" s="2">
        <v>1</v>
      </c>
      <c r="J1233" s="2">
        <v>0</v>
      </c>
      <c r="K1233" s="2">
        <v>0</v>
      </c>
      <c r="L1233" t="s">
        <v>120</v>
      </c>
      <c r="M1233" t="s">
        <v>83</v>
      </c>
      <c r="N1233" t="s">
        <v>91</v>
      </c>
      <c r="O1233" t="s">
        <v>85</v>
      </c>
      <c r="P1233" t="s">
        <v>86</v>
      </c>
      <c r="Q1233">
        <v>44</v>
      </c>
      <c r="R1233">
        <v>44</v>
      </c>
      <c r="S1233">
        <v>45</v>
      </c>
      <c r="T1233">
        <v>45</v>
      </c>
      <c r="U1233">
        <v>46</v>
      </c>
      <c r="V1233">
        <v>46</v>
      </c>
      <c r="W1233">
        <v>46</v>
      </c>
      <c r="X1233">
        <v>47</v>
      </c>
      <c r="Y1233">
        <v>47</v>
      </c>
      <c r="Z1233">
        <v>48</v>
      </c>
      <c r="AA1233">
        <v>48</v>
      </c>
      <c r="AB1233">
        <v>48</v>
      </c>
      <c r="AC1233">
        <v>49</v>
      </c>
      <c r="AD1233">
        <v>49</v>
      </c>
      <c r="AE1233">
        <v>50</v>
      </c>
      <c r="AF1233">
        <v>50</v>
      </c>
      <c r="AG1233">
        <v>50</v>
      </c>
      <c r="AH1233">
        <v>51</v>
      </c>
      <c r="AI1233">
        <v>51</v>
      </c>
      <c r="AJ1233">
        <v>51</v>
      </c>
      <c r="AK1233">
        <v>52</v>
      </c>
      <c r="AL1233">
        <v>52</v>
      </c>
      <c r="AM1233">
        <v>51</v>
      </c>
      <c r="AN1233">
        <v>51</v>
      </c>
      <c r="AO1233">
        <v>51</v>
      </c>
      <c r="AP1233">
        <v>51</v>
      </c>
      <c r="AQ1233">
        <v>51</v>
      </c>
    </row>
    <row r="1234" spans="1:43">
      <c r="A1234" t="s">
        <v>837</v>
      </c>
      <c r="B1234" t="s">
        <v>838</v>
      </c>
      <c r="C1234" t="s">
        <v>711</v>
      </c>
      <c r="D1234" t="s">
        <v>712</v>
      </c>
      <c r="E1234" t="s">
        <v>353</v>
      </c>
      <c r="F1234" t="s">
        <v>354</v>
      </c>
      <c r="G1234" t="s">
        <v>80</v>
      </c>
      <c r="H1234" t="s">
        <v>81</v>
      </c>
      <c r="I1234" s="2">
        <v>1</v>
      </c>
      <c r="J1234" s="2">
        <v>0</v>
      </c>
      <c r="K1234" s="2">
        <v>0</v>
      </c>
      <c r="L1234" t="s">
        <v>120</v>
      </c>
      <c r="M1234" t="s">
        <v>83</v>
      </c>
      <c r="N1234" t="s">
        <v>84</v>
      </c>
      <c r="O1234" t="s">
        <v>85</v>
      </c>
      <c r="P1234" t="s">
        <v>86</v>
      </c>
      <c r="Q1234">
        <v>28</v>
      </c>
      <c r="R1234">
        <v>29</v>
      </c>
      <c r="S1234">
        <v>29</v>
      </c>
      <c r="T1234">
        <v>29</v>
      </c>
      <c r="U1234">
        <v>30</v>
      </c>
      <c r="V1234">
        <v>30</v>
      </c>
      <c r="W1234">
        <v>30</v>
      </c>
      <c r="X1234">
        <v>31</v>
      </c>
      <c r="Y1234">
        <v>31</v>
      </c>
      <c r="Z1234">
        <v>31</v>
      </c>
      <c r="AA1234">
        <v>31</v>
      </c>
      <c r="AB1234">
        <v>32</v>
      </c>
      <c r="AC1234">
        <v>32</v>
      </c>
      <c r="AD1234">
        <v>32</v>
      </c>
      <c r="AE1234">
        <v>32</v>
      </c>
      <c r="AF1234">
        <v>33</v>
      </c>
      <c r="AG1234">
        <v>33</v>
      </c>
      <c r="AH1234">
        <v>33</v>
      </c>
      <c r="AI1234">
        <v>33</v>
      </c>
      <c r="AJ1234">
        <v>34</v>
      </c>
      <c r="AK1234">
        <v>34</v>
      </c>
      <c r="AL1234">
        <v>34</v>
      </c>
      <c r="AM1234">
        <v>34</v>
      </c>
      <c r="AN1234">
        <v>34</v>
      </c>
      <c r="AO1234">
        <v>34</v>
      </c>
      <c r="AP1234">
        <v>34</v>
      </c>
      <c r="AQ1234">
        <v>34</v>
      </c>
    </row>
    <row r="1235" spans="1:43">
      <c r="A1235" t="s">
        <v>837</v>
      </c>
      <c r="B1235" t="s">
        <v>838</v>
      </c>
      <c r="C1235" t="s">
        <v>711</v>
      </c>
      <c r="D1235" t="s">
        <v>712</v>
      </c>
      <c r="E1235" t="s">
        <v>353</v>
      </c>
      <c r="F1235" t="s">
        <v>354</v>
      </c>
      <c r="G1235" t="s">
        <v>80</v>
      </c>
      <c r="H1235" t="s">
        <v>81</v>
      </c>
      <c r="I1235" s="2">
        <v>1</v>
      </c>
      <c r="J1235" s="2">
        <v>0</v>
      </c>
      <c r="K1235" s="2">
        <v>0</v>
      </c>
      <c r="L1235" t="s">
        <v>120</v>
      </c>
      <c r="M1235" t="s">
        <v>87</v>
      </c>
      <c r="N1235" t="s">
        <v>88</v>
      </c>
      <c r="O1235" t="s">
        <v>85</v>
      </c>
      <c r="P1235" t="s">
        <v>86</v>
      </c>
      <c r="Q1235">
        <v>28</v>
      </c>
      <c r="R1235">
        <v>28</v>
      </c>
      <c r="S1235">
        <v>28</v>
      </c>
      <c r="T1235">
        <v>28</v>
      </c>
      <c r="U1235">
        <v>28</v>
      </c>
      <c r="V1235">
        <v>28</v>
      </c>
      <c r="W1235">
        <v>28</v>
      </c>
      <c r="X1235">
        <v>28</v>
      </c>
      <c r="Y1235">
        <v>29</v>
      </c>
      <c r="Z1235">
        <v>29</v>
      </c>
      <c r="AA1235">
        <v>29</v>
      </c>
      <c r="AB1235">
        <v>29</v>
      </c>
      <c r="AC1235">
        <v>29</v>
      </c>
      <c r="AD1235">
        <v>29</v>
      </c>
      <c r="AE1235">
        <v>29</v>
      </c>
      <c r="AF1235">
        <v>29</v>
      </c>
      <c r="AG1235">
        <v>29</v>
      </c>
      <c r="AH1235">
        <v>29</v>
      </c>
      <c r="AI1235">
        <v>29</v>
      </c>
      <c r="AJ1235">
        <v>29</v>
      </c>
      <c r="AK1235">
        <v>29</v>
      </c>
      <c r="AL1235">
        <v>29</v>
      </c>
      <c r="AM1235">
        <v>29</v>
      </c>
      <c r="AN1235">
        <v>29</v>
      </c>
      <c r="AO1235">
        <v>29</v>
      </c>
      <c r="AP1235">
        <v>29</v>
      </c>
      <c r="AQ1235">
        <v>29</v>
      </c>
    </row>
    <row r="1236" spans="1:43">
      <c r="A1236" t="s">
        <v>837</v>
      </c>
      <c r="B1236" t="s">
        <v>838</v>
      </c>
      <c r="C1236" t="s">
        <v>711</v>
      </c>
      <c r="D1236" t="s">
        <v>712</v>
      </c>
      <c r="E1236" t="s">
        <v>353</v>
      </c>
      <c r="F1236" t="s">
        <v>354</v>
      </c>
      <c r="G1236" t="s">
        <v>80</v>
      </c>
      <c r="H1236" t="s">
        <v>81</v>
      </c>
      <c r="I1236" s="2">
        <v>1</v>
      </c>
      <c r="J1236" s="2">
        <v>0</v>
      </c>
      <c r="K1236" s="2">
        <v>0</v>
      </c>
      <c r="L1236" t="s">
        <v>120</v>
      </c>
      <c r="M1236" t="s">
        <v>89</v>
      </c>
      <c r="N1236" t="s">
        <v>90</v>
      </c>
      <c r="O1236" t="s">
        <v>85</v>
      </c>
      <c r="P1236" t="s">
        <v>86</v>
      </c>
      <c r="Q1236">
        <v>28</v>
      </c>
      <c r="R1236">
        <v>28</v>
      </c>
      <c r="S1236">
        <v>29</v>
      </c>
      <c r="T1236">
        <v>29</v>
      </c>
      <c r="U1236">
        <v>30</v>
      </c>
      <c r="V1236">
        <v>30</v>
      </c>
      <c r="W1236">
        <v>31</v>
      </c>
      <c r="X1236">
        <v>31</v>
      </c>
      <c r="Y1236">
        <v>32</v>
      </c>
      <c r="Z1236">
        <v>32</v>
      </c>
      <c r="AA1236">
        <v>32</v>
      </c>
      <c r="AB1236">
        <v>33</v>
      </c>
      <c r="AC1236">
        <v>33</v>
      </c>
      <c r="AD1236">
        <v>34</v>
      </c>
      <c r="AE1236">
        <v>34</v>
      </c>
      <c r="AF1236">
        <v>34</v>
      </c>
      <c r="AG1236">
        <v>34</v>
      </c>
      <c r="AH1236">
        <v>34</v>
      </c>
      <c r="AI1236">
        <v>34</v>
      </c>
      <c r="AJ1236">
        <v>34</v>
      </c>
      <c r="AK1236">
        <v>34</v>
      </c>
      <c r="AL1236">
        <v>33</v>
      </c>
      <c r="AM1236">
        <v>33</v>
      </c>
      <c r="AN1236">
        <v>33</v>
      </c>
      <c r="AO1236">
        <v>33</v>
      </c>
      <c r="AP1236">
        <v>33</v>
      </c>
      <c r="AQ1236">
        <v>33</v>
      </c>
    </row>
    <row r="1237" spans="1:43">
      <c r="A1237" t="s">
        <v>837</v>
      </c>
      <c r="B1237" t="s">
        <v>838</v>
      </c>
      <c r="C1237" t="s">
        <v>711</v>
      </c>
      <c r="D1237" t="s">
        <v>712</v>
      </c>
      <c r="E1237" t="s">
        <v>353</v>
      </c>
      <c r="F1237" t="s">
        <v>354</v>
      </c>
      <c r="G1237" t="s">
        <v>80</v>
      </c>
      <c r="H1237" t="s">
        <v>81</v>
      </c>
      <c r="I1237" s="2">
        <v>1</v>
      </c>
      <c r="J1237" s="2">
        <v>0</v>
      </c>
      <c r="K1237" s="2">
        <v>0</v>
      </c>
      <c r="L1237" t="s">
        <v>120</v>
      </c>
      <c r="M1237" t="s">
        <v>83</v>
      </c>
      <c r="N1237" t="s">
        <v>91</v>
      </c>
      <c r="O1237" t="s">
        <v>85</v>
      </c>
      <c r="P1237" t="s">
        <v>86</v>
      </c>
      <c r="Q1237">
        <v>28</v>
      </c>
      <c r="R1237">
        <v>29</v>
      </c>
      <c r="S1237">
        <v>29</v>
      </c>
      <c r="T1237">
        <v>29</v>
      </c>
      <c r="U1237">
        <v>30</v>
      </c>
      <c r="V1237">
        <v>30</v>
      </c>
      <c r="W1237">
        <v>30</v>
      </c>
      <c r="X1237">
        <v>31</v>
      </c>
      <c r="Y1237">
        <v>31</v>
      </c>
      <c r="Z1237">
        <v>31</v>
      </c>
      <c r="AA1237">
        <v>31</v>
      </c>
      <c r="AB1237">
        <v>32</v>
      </c>
      <c r="AC1237">
        <v>32</v>
      </c>
      <c r="AD1237">
        <v>32</v>
      </c>
      <c r="AE1237">
        <v>32</v>
      </c>
      <c r="AF1237">
        <v>33</v>
      </c>
      <c r="AG1237">
        <v>33</v>
      </c>
      <c r="AH1237">
        <v>33</v>
      </c>
      <c r="AI1237">
        <v>33</v>
      </c>
      <c r="AJ1237">
        <v>34</v>
      </c>
      <c r="AK1237">
        <v>34</v>
      </c>
      <c r="AL1237">
        <v>34</v>
      </c>
      <c r="AM1237">
        <v>34</v>
      </c>
      <c r="AN1237">
        <v>34</v>
      </c>
      <c r="AO1237">
        <v>34</v>
      </c>
      <c r="AP1237">
        <v>34</v>
      </c>
      <c r="AQ1237">
        <v>34</v>
      </c>
    </row>
    <row r="1238" spans="1:43">
      <c r="A1238" t="s">
        <v>839</v>
      </c>
      <c r="B1238" t="s">
        <v>840</v>
      </c>
      <c r="C1238" t="s">
        <v>791</v>
      </c>
      <c r="D1238" t="s">
        <v>792</v>
      </c>
      <c r="E1238" t="s">
        <v>353</v>
      </c>
      <c r="F1238" t="s">
        <v>354</v>
      </c>
      <c r="G1238" t="s">
        <v>80</v>
      </c>
      <c r="H1238" t="s">
        <v>81</v>
      </c>
      <c r="I1238" s="2">
        <v>1</v>
      </c>
      <c r="J1238" s="2">
        <v>0</v>
      </c>
      <c r="K1238" s="2">
        <v>0</v>
      </c>
      <c r="L1238" t="s">
        <v>120</v>
      </c>
      <c r="M1238" t="s">
        <v>83</v>
      </c>
      <c r="N1238" t="s">
        <v>84</v>
      </c>
      <c r="O1238" t="s">
        <v>85</v>
      </c>
      <c r="P1238" t="s">
        <v>86</v>
      </c>
      <c r="Q1238">
        <v>128</v>
      </c>
      <c r="R1238">
        <v>129</v>
      </c>
      <c r="S1238">
        <v>131</v>
      </c>
      <c r="T1238">
        <v>132</v>
      </c>
      <c r="U1238">
        <v>134</v>
      </c>
      <c r="V1238">
        <v>135</v>
      </c>
      <c r="W1238">
        <v>137</v>
      </c>
      <c r="X1238">
        <v>138</v>
      </c>
      <c r="Y1238">
        <v>139</v>
      </c>
      <c r="Z1238">
        <v>140</v>
      </c>
      <c r="AA1238">
        <v>142</v>
      </c>
      <c r="AB1238">
        <v>143</v>
      </c>
      <c r="AC1238">
        <v>144</v>
      </c>
      <c r="AD1238">
        <v>145</v>
      </c>
      <c r="AE1238">
        <v>147</v>
      </c>
      <c r="AF1238">
        <v>148</v>
      </c>
      <c r="AG1238">
        <v>149</v>
      </c>
      <c r="AH1238">
        <v>150</v>
      </c>
      <c r="AI1238">
        <v>151</v>
      </c>
      <c r="AJ1238">
        <v>152</v>
      </c>
      <c r="AK1238">
        <v>153</v>
      </c>
      <c r="AL1238">
        <v>154</v>
      </c>
      <c r="AM1238">
        <v>153</v>
      </c>
      <c r="AN1238">
        <v>153</v>
      </c>
      <c r="AO1238">
        <v>153</v>
      </c>
      <c r="AP1238">
        <v>152</v>
      </c>
      <c r="AQ1238">
        <v>152</v>
      </c>
    </row>
    <row r="1239" spans="1:43">
      <c r="A1239" t="s">
        <v>839</v>
      </c>
      <c r="B1239" t="s">
        <v>840</v>
      </c>
      <c r="C1239" t="s">
        <v>791</v>
      </c>
      <c r="D1239" t="s">
        <v>792</v>
      </c>
      <c r="E1239" t="s">
        <v>353</v>
      </c>
      <c r="F1239" t="s">
        <v>354</v>
      </c>
      <c r="G1239" t="s">
        <v>80</v>
      </c>
      <c r="H1239" t="s">
        <v>81</v>
      </c>
      <c r="I1239" s="2">
        <v>1</v>
      </c>
      <c r="J1239" s="2">
        <v>0</v>
      </c>
      <c r="K1239" s="2">
        <v>0</v>
      </c>
      <c r="L1239" t="s">
        <v>120</v>
      </c>
      <c r="M1239" t="s">
        <v>87</v>
      </c>
      <c r="N1239" t="s">
        <v>88</v>
      </c>
      <c r="O1239" t="s">
        <v>85</v>
      </c>
      <c r="P1239" t="s">
        <v>86</v>
      </c>
      <c r="Q1239">
        <v>128</v>
      </c>
      <c r="R1239">
        <v>128</v>
      </c>
      <c r="S1239">
        <v>128</v>
      </c>
      <c r="T1239">
        <v>128</v>
      </c>
      <c r="U1239">
        <v>129</v>
      </c>
      <c r="V1239">
        <v>129</v>
      </c>
      <c r="W1239">
        <v>129</v>
      </c>
      <c r="X1239">
        <v>130</v>
      </c>
      <c r="Y1239">
        <v>130</v>
      </c>
      <c r="Z1239">
        <v>130</v>
      </c>
      <c r="AA1239">
        <v>130</v>
      </c>
      <c r="AB1239">
        <v>130</v>
      </c>
      <c r="AC1239">
        <v>131</v>
      </c>
      <c r="AD1239">
        <v>131</v>
      </c>
      <c r="AE1239">
        <v>131</v>
      </c>
      <c r="AF1239">
        <v>131</v>
      </c>
      <c r="AG1239">
        <v>132</v>
      </c>
      <c r="AH1239">
        <v>132</v>
      </c>
      <c r="AI1239">
        <v>132</v>
      </c>
      <c r="AJ1239">
        <v>132</v>
      </c>
      <c r="AK1239">
        <v>132</v>
      </c>
      <c r="AL1239">
        <v>132</v>
      </c>
      <c r="AM1239">
        <v>133</v>
      </c>
      <c r="AN1239">
        <v>133</v>
      </c>
      <c r="AO1239">
        <v>133</v>
      </c>
      <c r="AP1239">
        <v>133</v>
      </c>
      <c r="AQ1239">
        <v>133</v>
      </c>
    </row>
    <row r="1240" spans="1:43">
      <c r="A1240" t="s">
        <v>839</v>
      </c>
      <c r="B1240" t="s">
        <v>840</v>
      </c>
      <c r="C1240" t="s">
        <v>791</v>
      </c>
      <c r="D1240" t="s">
        <v>792</v>
      </c>
      <c r="E1240" t="s">
        <v>353</v>
      </c>
      <c r="F1240" t="s">
        <v>354</v>
      </c>
      <c r="G1240" t="s">
        <v>80</v>
      </c>
      <c r="H1240" t="s">
        <v>81</v>
      </c>
      <c r="I1240" s="2">
        <v>1</v>
      </c>
      <c r="J1240" s="2">
        <v>0</v>
      </c>
      <c r="K1240" s="2">
        <v>0</v>
      </c>
      <c r="L1240" t="s">
        <v>120</v>
      </c>
      <c r="M1240" t="s">
        <v>89</v>
      </c>
      <c r="N1240" t="s">
        <v>90</v>
      </c>
      <c r="O1240" t="s">
        <v>85</v>
      </c>
      <c r="P1240" t="s">
        <v>86</v>
      </c>
      <c r="Q1240">
        <v>128</v>
      </c>
      <c r="R1240">
        <v>131</v>
      </c>
      <c r="S1240">
        <v>133</v>
      </c>
      <c r="T1240">
        <v>136</v>
      </c>
      <c r="U1240">
        <v>138</v>
      </c>
      <c r="V1240">
        <v>140</v>
      </c>
      <c r="W1240">
        <v>142</v>
      </c>
      <c r="X1240">
        <v>144</v>
      </c>
      <c r="Y1240">
        <v>146</v>
      </c>
      <c r="Z1240">
        <v>148</v>
      </c>
      <c r="AA1240">
        <v>150</v>
      </c>
      <c r="AB1240">
        <v>151</v>
      </c>
      <c r="AC1240">
        <v>153</v>
      </c>
      <c r="AD1240">
        <v>155</v>
      </c>
      <c r="AE1240">
        <v>156</v>
      </c>
      <c r="AF1240">
        <v>156</v>
      </c>
      <c r="AG1240">
        <v>156</v>
      </c>
      <c r="AH1240">
        <v>155</v>
      </c>
      <c r="AI1240">
        <v>155</v>
      </c>
      <c r="AJ1240">
        <v>155</v>
      </c>
      <c r="AK1240">
        <v>155</v>
      </c>
      <c r="AL1240">
        <v>154</v>
      </c>
      <c r="AM1240">
        <v>154</v>
      </c>
      <c r="AN1240">
        <v>154</v>
      </c>
      <c r="AO1240">
        <v>153</v>
      </c>
      <c r="AP1240">
        <v>153</v>
      </c>
      <c r="AQ1240">
        <v>153</v>
      </c>
    </row>
    <row r="1241" spans="1:43">
      <c r="A1241" t="s">
        <v>839</v>
      </c>
      <c r="B1241" t="s">
        <v>840</v>
      </c>
      <c r="C1241" t="s">
        <v>791</v>
      </c>
      <c r="D1241" t="s">
        <v>792</v>
      </c>
      <c r="E1241" t="s">
        <v>353</v>
      </c>
      <c r="F1241" t="s">
        <v>354</v>
      </c>
      <c r="G1241" t="s">
        <v>80</v>
      </c>
      <c r="H1241" t="s">
        <v>81</v>
      </c>
      <c r="I1241" s="2">
        <v>1</v>
      </c>
      <c r="J1241" s="2">
        <v>0</v>
      </c>
      <c r="K1241" s="2">
        <v>0</v>
      </c>
      <c r="L1241" t="s">
        <v>120</v>
      </c>
      <c r="M1241" t="s">
        <v>83</v>
      </c>
      <c r="N1241" t="s">
        <v>91</v>
      </c>
      <c r="O1241" t="s">
        <v>85</v>
      </c>
      <c r="P1241" t="s">
        <v>86</v>
      </c>
      <c r="Q1241">
        <v>128</v>
      </c>
      <c r="R1241">
        <v>129</v>
      </c>
      <c r="S1241">
        <v>131</v>
      </c>
      <c r="T1241">
        <v>132</v>
      </c>
      <c r="U1241">
        <v>134</v>
      </c>
      <c r="V1241">
        <v>135</v>
      </c>
      <c r="W1241">
        <v>137</v>
      </c>
      <c r="X1241">
        <v>138</v>
      </c>
      <c r="Y1241">
        <v>139</v>
      </c>
      <c r="Z1241">
        <v>140</v>
      </c>
      <c r="AA1241">
        <v>142</v>
      </c>
      <c r="AB1241">
        <v>143</v>
      </c>
      <c r="AC1241">
        <v>144</v>
      </c>
      <c r="AD1241">
        <v>145</v>
      </c>
      <c r="AE1241">
        <v>147</v>
      </c>
      <c r="AF1241">
        <v>148</v>
      </c>
      <c r="AG1241">
        <v>149</v>
      </c>
      <c r="AH1241">
        <v>150</v>
      </c>
      <c r="AI1241">
        <v>151</v>
      </c>
      <c r="AJ1241">
        <v>152</v>
      </c>
      <c r="AK1241">
        <v>153</v>
      </c>
      <c r="AL1241">
        <v>154</v>
      </c>
      <c r="AM1241">
        <v>153</v>
      </c>
      <c r="AN1241">
        <v>153</v>
      </c>
      <c r="AO1241">
        <v>153</v>
      </c>
      <c r="AP1241">
        <v>152</v>
      </c>
      <c r="AQ1241">
        <v>152</v>
      </c>
    </row>
    <row r="1242" spans="1:43">
      <c r="A1242" t="s">
        <v>841</v>
      </c>
      <c r="B1242" t="s">
        <v>842</v>
      </c>
      <c r="C1242" t="s">
        <v>457</v>
      </c>
      <c r="D1242" t="s">
        <v>458</v>
      </c>
      <c r="E1242" t="s">
        <v>353</v>
      </c>
      <c r="F1242" t="s">
        <v>354</v>
      </c>
      <c r="G1242" t="s">
        <v>80</v>
      </c>
      <c r="H1242" t="s">
        <v>81</v>
      </c>
      <c r="I1242" s="2">
        <v>1</v>
      </c>
      <c r="J1242" s="2">
        <v>0</v>
      </c>
      <c r="K1242" s="2">
        <v>0</v>
      </c>
      <c r="L1242" t="s">
        <v>120</v>
      </c>
      <c r="M1242" t="s">
        <v>83</v>
      </c>
      <c r="N1242" t="s">
        <v>84</v>
      </c>
      <c r="O1242" t="s">
        <v>85</v>
      </c>
      <c r="P1242" t="s">
        <v>86</v>
      </c>
      <c r="Q1242">
        <v>49</v>
      </c>
      <c r="R1242">
        <v>50</v>
      </c>
      <c r="S1242">
        <v>50</v>
      </c>
      <c r="T1242">
        <v>51</v>
      </c>
      <c r="U1242">
        <v>51</v>
      </c>
      <c r="V1242">
        <v>52</v>
      </c>
      <c r="W1242">
        <v>52</v>
      </c>
      <c r="X1242">
        <v>53</v>
      </c>
      <c r="Y1242">
        <v>53</v>
      </c>
      <c r="Z1242">
        <v>54</v>
      </c>
      <c r="AA1242">
        <v>54</v>
      </c>
      <c r="AB1242">
        <v>55</v>
      </c>
      <c r="AC1242">
        <v>55</v>
      </c>
      <c r="AD1242">
        <v>56</v>
      </c>
      <c r="AE1242">
        <v>56</v>
      </c>
      <c r="AF1242">
        <v>57</v>
      </c>
      <c r="AG1242">
        <v>57</v>
      </c>
      <c r="AH1242">
        <v>58</v>
      </c>
      <c r="AI1242">
        <v>58</v>
      </c>
      <c r="AJ1242">
        <v>58</v>
      </c>
      <c r="AK1242">
        <v>59</v>
      </c>
      <c r="AL1242">
        <v>59</v>
      </c>
      <c r="AM1242">
        <v>59</v>
      </c>
      <c r="AN1242">
        <v>59</v>
      </c>
      <c r="AO1242">
        <v>59</v>
      </c>
      <c r="AP1242">
        <v>59</v>
      </c>
      <c r="AQ1242">
        <v>58</v>
      </c>
    </row>
    <row r="1243" spans="1:43">
      <c r="A1243" t="s">
        <v>841</v>
      </c>
      <c r="B1243" t="s">
        <v>842</v>
      </c>
      <c r="C1243" t="s">
        <v>457</v>
      </c>
      <c r="D1243" t="s">
        <v>458</v>
      </c>
      <c r="E1243" t="s">
        <v>353</v>
      </c>
      <c r="F1243" t="s">
        <v>354</v>
      </c>
      <c r="G1243" t="s">
        <v>80</v>
      </c>
      <c r="H1243" t="s">
        <v>81</v>
      </c>
      <c r="I1243" s="2">
        <v>1</v>
      </c>
      <c r="J1243" s="2">
        <v>0</v>
      </c>
      <c r="K1243" s="2">
        <v>0</v>
      </c>
      <c r="L1243" t="s">
        <v>120</v>
      </c>
      <c r="M1243" t="s">
        <v>87</v>
      </c>
      <c r="N1243" t="s">
        <v>88</v>
      </c>
      <c r="O1243" t="s">
        <v>85</v>
      </c>
      <c r="P1243" t="s">
        <v>86</v>
      </c>
      <c r="Q1243">
        <v>49</v>
      </c>
      <c r="R1243">
        <v>49</v>
      </c>
      <c r="S1243">
        <v>49</v>
      </c>
      <c r="T1243">
        <v>49</v>
      </c>
      <c r="U1243">
        <v>49</v>
      </c>
      <c r="V1243">
        <v>49</v>
      </c>
      <c r="W1243">
        <v>49</v>
      </c>
      <c r="X1243">
        <v>49</v>
      </c>
      <c r="Y1243">
        <v>49</v>
      </c>
      <c r="Z1243">
        <v>49</v>
      </c>
      <c r="AA1243">
        <v>50</v>
      </c>
      <c r="AB1243">
        <v>50</v>
      </c>
      <c r="AC1243">
        <v>50</v>
      </c>
      <c r="AD1243">
        <v>50</v>
      </c>
      <c r="AE1243">
        <v>50</v>
      </c>
      <c r="AF1243">
        <v>50</v>
      </c>
      <c r="AG1243">
        <v>50</v>
      </c>
      <c r="AH1243">
        <v>50</v>
      </c>
      <c r="AI1243">
        <v>50</v>
      </c>
      <c r="AJ1243">
        <v>50</v>
      </c>
      <c r="AK1243">
        <v>50</v>
      </c>
      <c r="AL1243">
        <v>50</v>
      </c>
      <c r="AM1243">
        <v>50</v>
      </c>
      <c r="AN1243">
        <v>51</v>
      </c>
      <c r="AO1243">
        <v>51</v>
      </c>
      <c r="AP1243">
        <v>51</v>
      </c>
      <c r="AQ1243">
        <v>51</v>
      </c>
    </row>
    <row r="1244" spans="1:43">
      <c r="A1244" t="s">
        <v>841</v>
      </c>
      <c r="B1244" t="s">
        <v>842</v>
      </c>
      <c r="C1244" t="s">
        <v>457</v>
      </c>
      <c r="D1244" t="s">
        <v>458</v>
      </c>
      <c r="E1244" t="s">
        <v>353</v>
      </c>
      <c r="F1244" t="s">
        <v>354</v>
      </c>
      <c r="G1244" t="s">
        <v>80</v>
      </c>
      <c r="H1244" t="s">
        <v>81</v>
      </c>
      <c r="I1244" s="2">
        <v>1</v>
      </c>
      <c r="J1244" s="2">
        <v>0</v>
      </c>
      <c r="K1244" s="2">
        <v>0</v>
      </c>
      <c r="L1244" t="s">
        <v>120</v>
      </c>
      <c r="M1244" t="s">
        <v>89</v>
      </c>
      <c r="N1244" t="s">
        <v>90</v>
      </c>
      <c r="O1244" t="s">
        <v>85</v>
      </c>
      <c r="P1244" t="s">
        <v>86</v>
      </c>
      <c r="Q1244">
        <v>49</v>
      </c>
      <c r="R1244">
        <v>50</v>
      </c>
      <c r="S1244">
        <v>51</v>
      </c>
      <c r="T1244">
        <v>52</v>
      </c>
      <c r="U1244">
        <v>53</v>
      </c>
      <c r="V1244">
        <v>54</v>
      </c>
      <c r="W1244">
        <v>55</v>
      </c>
      <c r="X1244">
        <v>56</v>
      </c>
      <c r="Y1244">
        <v>56</v>
      </c>
      <c r="Z1244">
        <v>57</v>
      </c>
      <c r="AA1244">
        <v>58</v>
      </c>
      <c r="AB1244">
        <v>58</v>
      </c>
      <c r="AC1244">
        <v>59</v>
      </c>
      <c r="AD1244">
        <v>60</v>
      </c>
      <c r="AE1244">
        <v>60</v>
      </c>
      <c r="AF1244">
        <v>60</v>
      </c>
      <c r="AG1244">
        <v>60</v>
      </c>
      <c r="AH1244">
        <v>60</v>
      </c>
      <c r="AI1244">
        <v>60</v>
      </c>
      <c r="AJ1244">
        <v>60</v>
      </c>
      <c r="AK1244">
        <v>60</v>
      </c>
      <c r="AL1244">
        <v>60</v>
      </c>
      <c r="AM1244">
        <v>60</v>
      </c>
      <c r="AN1244">
        <v>59</v>
      </c>
      <c r="AO1244">
        <v>59</v>
      </c>
      <c r="AP1244">
        <v>59</v>
      </c>
      <c r="AQ1244">
        <v>59</v>
      </c>
    </row>
    <row r="1245" spans="1:43">
      <c r="A1245" t="s">
        <v>841</v>
      </c>
      <c r="B1245" t="s">
        <v>842</v>
      </c>
      <c r="C1245" t="s">
        <v>457</v>
      </c>
      <c r="D1245" t="s">
        <v>458</v>
      </c>
      <c r="E1245" t="s">
        <v>353</v>
      </c>
      <c r="F1245" t="s">
        <v>354</v>
      </c>
      <c r="G1245" t="s">
        <v>80</v>
      </c>
      <c r="H1245" t="s">
        <v>81</v>
      </c>
      <c r="I1245" s="2">
        <v>1</v>
      </c>
      <c r="J1245" s="2">
        <v>0</v>
      </c>
      <c r="K1245" s="2">
        <v>0</v>
      </c>
      <c r="L1245" t="s">
        <v>120</v>
      </c>
      <c r="M1245" t="s">
        <v>83</v>
      </c>
      <c r="N1245" t="s">
        <v>91</v>
      </c>
      <c r="O1245" t="s">
        <v>85</v>
      </c>
      <c r="P1245" t="s">
        <v>86</v>
      </c>
      <c r="Q1245">
        <v>49</v>
      </c>
      <c r="R1245">
        <v>50</v>
      </c>
      <c r="S1245">
        <v>50</v>
      </c>
      <c r="T1245">
        <v>51</v>
      </c>
      <c r="U1245">
        <v>51</v>
      </c>
      <c r="V1245">
        <v>52</v>
      </c>
      <c r="W1245">
        <v>52</v>
      </c>
      <c r="X1245">
        <v>53</v>
      </c>
      <c r="Y1245">
        <v>53</v>
      </c>
      <c r="Z1245">
        <v>54</v>
      </c>
      <c r="AA1245">
        <v>54</v>
      </c>
      <c r="AB1245">
        <v>55</v>
      </c>
      <c r="AC1245">
        <v>55</v>
      </c>
      <c r="AD1245">
        <v>56</v>
      </c>
      <c r="AE1245">
        <v>56</v>
      </c>
      <c r="AF1245">
        <v>57</v>
      </c>
      <c r="AG1245">
        <v>57</v>
      </c>
      <c r="AH1245">
        <v>58</v>
      </c>
      <c r="AI1245">
        <v>58</v>
      </c>
      <c r="AJ1245">
        <v>58</v>
      </c>
      <c r="AK1245">
        <v>59</v>
      </c>
      <c r="AL1245">
        <v>59</v>
      </c>
      <c r="AM1245">
        <v>59</v>
      </c>
      <c r="AN1245">
        <v>59</v>
      </c>
      <c r="AO1245">
        <v>59</v>
      </c>
      <c r="AP1245">
        <v>59</v>
      </c>
      <c r="AQ1245">
        <v>58</v>
      </c>
    </row>
    <row r="1246" spans="1:43">
      <c r="A1246" t="s">
        <v>843</v>
      </c>
      <c r="B1246" t="s">
        <v>844</v>
      </c>
      <c r="C1246" t="s">
        <v>845</v>
      </c>
      <c r="D1246" t="s">
        <v>846</v>
      </c>
      <c r="E1246" t="s">
        <v>847</v>
      </c>
      <c r="F1246" t="s">
        <v>848</v>
      </c>
      <c r="G1246" t="s">
        <v>80</v>
      </c>
      <c r="H1246" t="s">
        <v>81</v>
      </c>
      <c r="I1246" s="2">
        <v>0</v>
      </c>
      <c r="J1246" s="2">
        <v>1</v>
      </c>
      <c r="K1246" s="2">
        <v>0</v>
      </c>
      <c r="L1246" t="s">
        <v>82</v>
      </c>
      <c r="M1246" t="s">
        <v>83</v>
      </c>
      <c r="N1246" t="s">
        <v>84</v>
      </c>
      <c r="O1246" t="s">
        <v>85</v>
      </c>
      <c r="P1246" t="s">
        <v>86</v>
      </c>
      <c r="Q1246">
        <v>20</v>
      </c>
      <c r="R1246">
        <v>20</v>
      </c>
      <c r="S1246">
        <v>21</v>
      </c>
      <c r="T1246">
        <v>21</v>
      </c>
      <c r="U1246">
        <v>21</v>
      </c>
      <c r="V1246">
        <v>21</v>
      </c>
      <c r="W1246">
        <v>21</v>
      </c>
      <c r="X1246">
        <v>21</v>
      </c>
      <c r="Y1246">
        <v>21</v>
      </c>
      <c r="Z1246">
        <v>21</v>
      </c>
      <c r="AA1246">
        <v>21</v>
      </c>
      <c r="AB1246">
        <v>21</v>
      </c>
      <c r="AC1246">
        <v>21</v>
      </c>
      <c r="AD1246">
        <v>21</v>
      </c>
      <c r="AE1246">
        <v>21</v>
      </c>
      <c r="AF1246">
        <v>21</v>
      </c>
      <c r="AG1246">
        <v>22</v>
      </c>
      <c r="AH1246">
        <v>22</v>
      </c>
      <c r="AI1246">
        <v>22</v>
      </c>
      <c r="AJ1246">
        <v>22</v>
      </c>
      <c r="AK1246">
        <v>22</v>
      </c>
      <c r="AL1246">
        <v>22</v>
      </c>
      <c r="AM1246">
        <v>21</v>
      </c>
      <c r="AN1246">
        <v>21</v>
      </c>
      <c r="AO1246">
        <v>21</v>
      </c>
      <c r="AP1246">
        <v>21</v>
      </c>
      <c r="AQ1246">
        <v>21</v>
      </c>
    </row>
    <row r="1247" spans="1:43">
      <c r="A1247" t="s">
        <v>843</v>
      </c>
      <c r="B1247" t="s">
        <v>844</v>
      </c>
      <c r="C1247" t="s">
        <v>845</v>
      </c>
      <c r="D1247" t="s">
        <v>846</v>
      </c>
      <c r="E1247" t="s">
        <v>847</v>
      </c>
      <c r="F1247" t="s">
        <v>848</v>
      </c>
      <c r="G1247" t="s">
        <v>80</v>
      </c>
      <c r="H1247" t="s">
        <v>81</v>
      </c>
      <c r="I1247" s="2">
        <v>0</v>
      </c>
      <c r="J1247" s="2">
        <v>1</v>
      </c>
      <c r="K1247" s="2">
        <v>0</v>
      </c>
      <c r="L1247" t="s">
        <v>82</v>
      </c>
      <c r="M1247" t="s">
        <v>87</v>
      </c>
      <c r="N1247" t="s">
        <v>88</v>
      </c>
      <c r="O1247" t="s">
        <v>85</v>
      </c>
      <c r="P1247" t="s">
        <v>86</v>
      </c>
      <c r="Q1247">
        <v>20</v>
      </c>
      <c r="R1247">
        <v>20</v>
      </c>
      <c r="S1247">
        <v>20</v>
      </c>
      <c r="T1247">
        <v>20</v>
      </c>
      <c r="U1247">
        <v>20</v>
      </c>
      <c r="V1247">
        <v>20</v>
      </c>
      <c r="W1247">
        <v>20</v>
      </c>
      <c r="X1247">
        <v>20</v>
      </c>
      <c r="Y1247">
        <v>19</v>
      </c>
      <c r="Z1247">
        <v>19</v>
      </c>
      <c r="AA1247">
        <v>19</v>
      </c>
      <c r="AB1247">
        <v>19</v>
      </c>
      <c r="AC1247">
        <v>19</v>
      </c>
      <c r="AD1247">
        <v>19</v>
      </c>
      <c r="AE1247">
        <v>19</v>
      </c>
      <c r="AF1247">
        <v>19</v>
      </c>
      <c r="AG1247">
        <v>19</v>
      </c>
      <c r="AH1247">
        <v>19</v>
      </c>
      <c r="AI1247">
        <v>19</v>
      </c>
      <c r="AJ1247">
        <v>19</v>
      </c>
      <c r="AK1247">
        <v>19</v>
      </c>
      <c r="AL1247">
        <v>18</v>
      </c>
      <c r="AM1247">
        <v>18</v>
      </c>
      <c r="AN1247">
        <v>18</v>
      </c>
      <c r="AO1247">
        <v>18</v>
      </c>
      <c r="AP1247">
        <v>18</v>
      </c>
      <c r="AQ1247">
        <v>18</v>
      </c>
    </row>
    <row r="1248" spans="1:43">
      <c r="A1248" t="s">
        <v>843</v>
      </c>
      <c r="B1248" t="s">
        <v>844</v>
      </c>
      <c r="C1248" t="s">
        <v>845</v>
      </c>
      <c r="D1248" t="s">
        <v>846</v>
      </c>
      <c r="E1248" t="s">
        <v>847</v>
      </c>
      <c r="F1248" t="s">
        <v>848</v>
      </c>
      <c r="G1248" t="s">
        <v>80</v>
      </c>
      <c r="H1248" t="s">
        <v>81</v>
      </c>
      <c r="I1248" s="2">
        <v>0</v>
      </c>
      <c r="J1248" s="2">
        <v>1</v>
      </c>
      <c r="K1248" s="2">
        <v>0</v>
      </c>
      <c r="L1248" t="s">
        <v>82</v>
      </c>
      <c r="M1248" t="s">
        <v>89</v>
      </c>
      <c r="N1248" t="s">
        <v>90</v>
      </c>
      <c r="O1248" t="s">
        <v>85</v>
      </c>
      <c r="P1248" t="s">
        <v>86</v>
      </c>
      <c r="Q1248">
        <v>20</v>
      </c>
      <c r="R1248">
        <v>20</v>
      </c>
      <c r="S1248">
        <v>20</v>
      </c>
      <c r="T1248">
        <v>20</v>
      </c>
      <c r="U1248">
        <v>21</v>
      </c>
      <c r="V1248">
        <v>21</v>
      </c>
      <c r="W1248">
        <v>21</v>
      </c>
      <c r="X1248">
        <v>21</v>
      </c>
      <c r="Y1248">
        <v>21</v>
      </c>
      <c r="Z1248">
        <v>21</v>
      </c>
      <c r="AA1248">
        <v>22</v>
      </c>
      <c r="AB1248">
        <v>22</v>
      </c>
      <c r="AC1248">
        <v>22</v>
      </c>
      <c r="AD1248">
        <v>22</v>
      </c>
      <c r="AE1248">
        <v>22</v>
      </c>
      <c r="AF1248">
        <v>22</v>
      </c>
      <c r="AG1248">
        <v>22</v>
      </c>
      <c r="AH1248">
        <v>21</v>
      </c>
      <c r="AI1248">
        <v>21</v>
      </c>
      <c r="AJ1248">
        <v>21</v>
      </c>
      <c r="AK1248">
        <v>21</v>
      </c>
      <c r="AL1248">
        <v>21</v>
      </c>
      <c r="AM1248">
        <v>21</v>
      </c>
      <c r="AN1248">
        <v>21</v>
      </c>
      <c r="AO1248">
        <v>20</v>
      </c>
      <c r="AP1248">
        <v>20</v>
      </c>
      <c r="AQ1248">
        <v>20</v>
      </c>
    </row>
    <row r="1249" spans="1:43">
      <c r="A1249" t="s">
        <v>843</v>
      </c>
      <c r="B1249" t="s">
        <v>844</v>
      </c>
      <c r="C1249" t="s">
        <v>845</v>
      </c>
      <c r="D1249" t="s">
        <v>846</v>
      </c>
      <c r="E1249" t="s">
        <v>847</v>
      </c>
      <c r="F1249" t="s">
        <v>848</v>
      </c>
      <c r="G1249" t="s">
        <v>80</v>
      </c>
      <c r="H1249" t="s">
        <v>81</v>
      </c>
      <c r="I1249" s="2">
        <v>0</v>
      </c>
      <c r="J1249" s="2">
        <v>1</v>
      </c>
      <c r="K1249" s="2">
        <v>0</v>
      </c>
      <c r="L1249" t="s">
        <v>82</v>
      </c>
      <c r="M1249" t="s">
        <v>83</v>
      </c>
      <c r="N1249" t="s">
        <v>91</v>
      </c>
      <c r="O1249" t="s">
        <v>85</v>
      </c>
      <c r="P1249" t="s">
        <v>86</v>
      </c>
      <c r="Q1249">
        <v>20</v>
      </c>
      <c r="R1249">
        <v>20</v>
      </c>
      <c r="S1249">
        <v>21</v>
      </c>
      <c r="T1249">
        <v>21</v>
      </c>
      <c r="U1249">
        <v>21</v>
      </c>
      <c r="V1249">
        <v>21</v>
      </c>
      <c r="W1249">
        <v>21</v>
      </c>
      <c r="X1249">
        <v>21</v>
      </c>
      <c r="Y1249">
        <v>21</v>
      </c>
      <c r="Z1249">
        <v>21</v>
      </c>
      <c r="AA1249">
        <v>21</v>
      </c>
      <c r="AB1249">
        <v>21</v>
      </c>
      <c r="AC1249">
        <v>21</v>
      </c>
      <c r="AD1249">
        <v>21</v>
      </c>
      <c r="AE1249">
        <v>21</v>
      </c>
      <c r="AF1249">
        <v>21</v>
      </c>
      <c r="AG1249">
        <v>22</v>
      </c>
      <c r="AH1249">
        <v>22</v>
      </c>
      <c r="AI1249">
        <v>22</v>
      </c>
      <c r="AJ1249">
        <v>22</v>
      </c>
      <c r="AK1249">
        <v>22</v>
      </c>
      <c r="AL1249">
        <v>22</v>
      </c>
      <c r="AM1249">
        <v>21</v>
      </c>
      <c r="AN1249">
        <v>21</v>
      </c>
      <c r="AO1249">
        <v>21</v>
      </c>
      <c r="AP1249">
        <v>21</v>
      </c>
      <c r="AQ1249">
        <v>21</v>
      </c>
    </row>
    <row r="1250" spans="1:43">
      <c r="A1250" t="s">
        <v>849</v>
      </c>
      <c r="B1250" t="s">
        <v>850</v>
      </c>
      <c r="C1250" t="s">
        <v>845</v>
      </c>
      <c r="D1250" t="s">
        <v>846</v>
      </c>
      <c r="E1250" t="s">
        <v>847</v>
      </c>
      <c r="F1250" t="s">
        <v>848</v>
      </c>
      <c r="G1250" t="s">
        <v>80</v>
      </c>
      <c r="H1250" t="s">
        <v>81</v>
      </c>
      <c r="I1250" s="2">
        <v>0</v>
      </c>
      <c r="J1250" s="2">
        <v>1</v>
      </c>
      <c r="K1250" s="2">
        <v>0</v>
      </c>
      <c r="L1250" t="s">
        <v>82</v>
      </c>
      <c r="M1250" t="s">
        <v>83</v>
      </c>
      <c r="N1250" t="s">
        <v>84</v>
      </c>
      <c r="O1250" t="s">
        <v>85</v>
      </c>
      <c r="P1250" t="s">
        <v>86</v>
      </c>
      <c r="Q1250">
        <v>16</v>
      </c>
      <c r="R1250">
        <v>16</v>
      </c>
      <c r="S1250">
        <v>16</v>
      </c>
      <c r="T1250">
        <v>16</v>
      </c>
      <c r="U1250">
        <v>16</v>
      </c>
      <c r="V1250">
        <v>16</v>
      </c>
      <c r="W1250">
        <v>16</v>
      </c>
      <c r="X1250">
        <v>16</v>
      </c>
      <c r="Y1250">
        <v>16</v>
      </c>
      <c r="Z1250">
        <v>16</v>
      </c>
      <c r="AA1250">
        <v>16</v>
      </c>
      <c r="AB1250">
        <v>16</v>
      </c>
      <c r="AC1250">
        <v>16</v>
      </c>
      <c r="AD1250">
        <v>16</v>
      </c>
      <c r="AE1250">
        <v>16</v>
      </c>
      <c r="AF1250">
        <v>16</v>
      </c>
      <c r="AG1250">
        <v>16</v>
      </c>
      <c r="AH1250">
        <v>16</v>
      </c>
      <c r="AI1250">
        <v>17</v>
      </c>
      <c r="AJ1250">
        <v>17</v>
      </c>
      <c r="AK1250">
        <v>17</v>
      </c>
      <c r="AL1250">
        <v>17</v>
      </c>
      <c r="AM1250">
        <v>16</v>
      </c>
      <c r="AN1250">
        <v>16</v>
      </c>
      <c r="AO1250">
        <v>16</v>
      </c>
      <c r="AP1250">
        <v>16</v>
      </c>
      <c r="AQ1250">
        <v>16</v>
      </c>
    </row>
    <row r="1251" spans="1:43">
      <c r="A1251" t="s">
        <v>849</v>
      </c>
      <c r="B1251" t="s">
        <v>850</v>
      </c>
      <c r="C1251" t="s">
        <v>845</v>
      </c>
      <c r="D1251" t="s">
        <v>846</v>
      </c>
      <c r="E1251" t="s">
        <v>847</v>
      </c>
      <c r="F1251" t="s">
        <v>848</v>
      </c>
      <c r="G1251" t="s">
        <v>80</v>
      </c>
      <c r="H1251" t="s">
        <v>81</v>
      </c>
      <c r="I1251" s="2">
        <v>0</v>
      </c>
      <c r="J1251" s="2">
        <v>1</v>
      </c>
      <c r="K1251" s="2">
        <v>0</v>
      </c>
      <c r="L1251" t="s">
        <v>82</v>
      </c>
      <c r="M1251" t="s">
        <v>87</v>
      </c>
      <c r="N1251" t="s">
        <v>88</v>
      </c>
      <c r="O1251" t="s">
        <v>85</v>
      </c>
      <c r="P1251" t="s">
        <v>86</v>
      </c>
      <c r="Q1251">
        <v>16</v>
      </c>
      <c r="R1251">
        <v>16</v>
      </c>
      <c r="S1251">
        <v>16</v>
      </c>
      <c r="T1251">
        <v>16</v>
      </c>
      <c r="U1251">
        <v>16</v>
      </c>
      <c r="V1251">
        <v>16</v>
      </c>
      <c r="W1251">
        <v>16</v>
      </c>
      <c r="X1251">
        <v>16</v>
      </c>
      <c r="Y1251">
        <v>16</v>
      </c>
      <c r="Z1251">
        <v>16</v>
      </c>
      <c r="AA1251">
        <v>16</v>
      </c>
      <c r="AB1251">
        <v>16</v>
      </c>
      <c r="AC1251">
        <v>16</v>
      </c>
      <c r="AD1251">
        <v>16</v>
      </c>
      <c r="AE1251">
        <v>15</v>
      </c>
      <c r="AF1251">
        <v>15</v>
      </c>
      <c r="AG1251">
        <v>15</v>
      </c>
      <c r="AH1251">
        <v>15</v>
      </c>
      <c r="AI1251">
        <v>15</v>
      </c>
      <c r="AJ1251">
        <v>15</v>
      </c>
      <c r="AK1251">
        <v>15</v>
      </c>
      <c r="AL1251">
        <v>15</v>
      </c>
      <c r="AM1251">
        <v>15</v>
      </c>
      <c r="AN1251">
        <v>15</v>
      </c>
      <c r="AO1251">
        <v>15</v>
      </c>
      <c r="AP1251">
        <v>15</v>
      </c>
      <c r="AQ1251">
        <v>15</v>
      </c>
    </row>
    <row r="1252" spans="1:43">
      <c r="A1252" t="s">
        <v>849</v>
      </c>
      <c r="B1252" t="s">
        <v>850</v>
      </c>
      <c r="C1252" t="s">
        <v>845</v>
      </c>
      <c r="D1252" t="s">
        <v>846</v>
      </c>
      <c r="E1252" t="s">
        <v>847</v>
      </c>
      <c r="F1252" t="s">
        <v>848</v>
      </c>
      <c r="G1252" t="s">
        <v>80</v>
      </c>
      <c r="H1252" t="s">
        <v>81</v>
      </c>
      <c r="I1252" s="2">
        <v>0</v>
      </c>
      <c r="J1252" s="2">
        <v>1</v>
      </c>
      <c r="K1252" s="2">
        <v>0</v>
      </c>
      <c r="L1252" t="s">
        <v>82</v>
      </c>
      <c r="M1252" t="s">
        <v>89</v>
      </c>
      <c r="N1252" t="s">
        <v>90</v>
      </c>
      <c r="O1252" t="s">
        <v>85</v>
      </c>
      <c r="P1252" t="s">
        <v>86</v>
      </c>
      <c r="Q1252">
        <v>16</v>
      </c>
      <c r="R1252">
        <v>16</v>
      </c>
      <c r="S1252">
        <v>16</v>
      </c>
      <c r="T1252">
        <v>16</v>
      </c>
      <c r="U1252">
        <v>16</v>
      </c>
      <c r="V1252">
        <v>17</v>
      </c>
      <c r="W1252">
        <v>17</v>
      </c>
      <c r="X1252">
        <v>17</v>
      </c>
      <c r="Y1252">
        <v>17</v>
      </c>
      <c r="Z1252">
        <v>17</v>
      </c>
      <c r="AA1252">
        <v>17</v>
      </c>
      <c r="AB1252">
        <v>17</v>
      </c>
      <c r="AC1252">
        <v>17</v>
      </c>
      <c r="AD1252">
        <v>18</v>
      </c>
      <c r="AE1252">
        <v>18</v>
      </c>
      <c r="AF1252">
        <v>17</v>
      </c>
      <c r="AG1252">
        <v>17</v>
      </c>
      <c r="AH1252">
        <v>17</v>
      </c>
      <c r="AI1252">
        <v>17</v>
      </c>
      <c r="AJ1252">
        <v>17</v>
      </c>
      <c r="AK1252">
        <v>17</v>
      </c>
      <c r="AL1252">
        <v>17</v>
      </c>
      <c r="AM1252">
        <v>17</v>
      </c>
      <c r="AN1252">
        <v>17</v>
      </c>
      <c r="AO1252">
        <v>16</v>
      </c>
      <c r="AP1252">
        <v>16</v>
      </c>
      <c r="AQ1252">
        <v>16</v>
      </c>
    </row>
    <row r="1253" spans="1:43">
      <c r="A1253" t="s">
        <v>849</v>
      </c>
      <c r="B1253" t="s">
        <v>850</v>
      </c>
      <c r="C1253" t="s">
        <v>845</v>
      </c>
      <c r="D1253" t="s">
        <v>846</v>
      </c>
      <c r="E1253" t="s">
        <v>847</v>
      </c>
      <c r="F1253" t="s">
        <v>848</v>
      </c>
      <c r="G1253" t="s">
        <v>80</v>
      </c>
      <c r="H1253" t="s">
        <v>81</v>
      </c>
      <c r="I1253" s="2">
        <v>0</v>
      </c>
      <c r="J1253" s="2">
        <v>1</v>
      </c>
      <c r="K1253" s="2">
        <v>0</v>
      </c>
      <c r="L1253" t="s">
        <v>82</v>
      </c>
      <c r="M1253" t="s">
        <v>83</v>
      </c>
      <c r="N1253" t="s">
        <v>91</v>
      </c>
      <c r="O1253" t="s">
        <v>85</v>
      </c>
      <c r="P1253" t="s">
        <v>86</v>
      </c>
      <c r="Q1253">
        <v>16</v>
      </c>
      <c r="R1253">
        <v>16</v>
      </c>
      <c r="S1253">
        <v>16</v>
      </c>
      <c r="T1253">
        <v>16</v>
      </c>
      <c r="U1253">
        <v>16</v>
      </c>
      <c r="V1253">
        <v>16</v>
      </c>
      <c r="W1253">
        <v>16</v>
      </c>
      <c r="X1253">
        <v>16</v>
      </c>
      <c r="Y1253">
        <v>16</v>
      </c>
      <c r="Z1253">
        <v>16</v>
      </c>
      <c r="AA1253">
        <v>16</v>
      </c>
      <c r="AB1253">
        <v>16</v>
      </c>
      <c r="AC1253">
        <v>16</v>
      </c>
      <c r="AD1253">
        <v>16</v>
      </c>
      <c r="AE1253">
        <v>16</v>
      </c>
      <c r="AF1253">
        <v>16</v>
      </c>
      <c r="AG1253">
        <v>16</v>
      </c>
      <c r="AH1253">
        <v>16</v>
      </c>
      <c r="AI1253">
        <v>17</v>
      </c>
      <c r="AJ1253">
        <v>17</v>
      </c>
      <c r="AK1253">
        <v>17</v>
      </c>
      <c r="AL1253">
        <v>17</v>
      </c>
      <c r="AM1253">
        <v>16</v>
      </c>
      <c r="AN1253">
        <v>16</v>
      </c>
      <c r="AO1253">
        <v>16</v>
      </c>
      <c r="AP1253">
        <v>16</v>
      </c>
      <c r="AQ1253">
        <v>16</v>
      </c>
    </row>
    <row r="1254" spans="1:43">
      <c r="A1254" t="s">
        <v>851</v>
      </c>
      <c r="B1254" t="s">
        <v>852</v>
      </c>
      <c r="C1254" t="s">
        <v>853</v>
      </c>
      <c r="D1254" t="s">
        <v>854</v>
      </c>
      <c r="E1254" t="s">
        <v>847</v>
      </c>
      <c r="F1254" t="s">
        <v>848</v>
      </c>
      <c r="G1254" t="s">
        <v>80</v>
      </c>
      <c r="H1254" t="s">
        <v>81</v>
      </c>
      <c r="I1254" s="2">
        <v>0</v>
      </c>
      <c r="J1254" s="2">
        <v>1</v>
      </c>
      <c r="K1254" s="2">
        <v>0</v>
      </c>
      <c r="L1254" t="s">
        <v>82</v>
      </c>
      <c r="M1254" t="s">
        <v>83</v>
      </c>
      <c r="N1254" t="s">
        <v>84</v>
      </c>
      <c r="O1254" t="s">
        <v>85</v>
      </c>
      <c r="P1254" t="s">
        <v>86</v>
      </c>
      <c r="Q1254">
        <v>17</v>
      </c>
      <c r="R1254">
        <v>17</v>
      </c>
      <c r="S1254">
        <v>17</v>
      </c>
      <c r="T1254">
        <v>17</v>
      </c>
      <c r="U1254">
        <v>17</v>
      </c>
      <c r="V1254">
        <v>17</v>
      </c>
      <c r="W1254">
        <v>17</v>
      </c>
      <c r="X1254">
        <v>17</v>
      </c>
      <c r="Y1254">
        <v>17</v>
      </c>
      <c r="Z1254">
        <v>17</v>
      </c>
      <c r="AA1254">
        <v>17</v>
      </c>
      <c r="AB1254">
        <v>18</v>
      </c>
      <c r="AC1254">
        <v>18</v>
      </c>
      <c r="AD1254">
        <v>18</v>
      </c>
      <c r="AE1254">
        <v>18</v>
      </c>
      <c r="AF1254">
        <v>18</v>
      </c>
      <c r="AG1254">
        <v>18</v>
      </c>
      <c r="AH1254">
        <v>18</v>
      </c>
      <c r="AI1254">
        <v>18</v>
      </c>
      <c r="AJ1254">
        <v>18</v>
      </c>
      <c r="AK1254">
        <v>18</v>
      </c>
      <c r="AL1254">
        <v>18</v>
      </c>
      <c r="AM1254">
        <v>18</v>
      </c>
      <c r="AN1254">
        <v>18</v>
      </c>
      <c r="AO1254">
        <v>17</v>
      </c>
      <c r="AP1254">
        <v>17</v>
      </c>
      <c r="AQ1254">
        <v>17</v>
      </c>
    </row>
    <row r="1255" spans="1:43">
      <c r="A1255" t="s">
        <v>851</v>
      </c>
      <c r="B1255" t="s">
        <v>852</v>
      </c>
      <c r="C1255" t="s">
        <v>853</v>
      </c>
      <c r="D1255" t="s">
        <v>854</v>
      </c>
      <c r="E1255" t="s">
        <v>847</v>
      </c>
      <c r="F1255" t="s">
        <v>848</v>
      </c>
      <c r="G1255" t="s">
        <v>80</v>
      </c>
      <c r="H1255" t="s">
        <v>81</v>
      </c>
      <c r="I1255" s="2">
        <v>0</v>
      </c>
      <c r="J1255" s="2">
        <v>1</v>
      </c>
      <c r="K1255" s="2">
        <v>0</v>
      </c>
      <c r="L1255" t="s">
        <v>82</v>
      </c>
      <c r="M1255" t="s">
        <v>87</v>
      </c>
      <c r="N1255" t="s">
        <v>88</v>
      </c>
      <c r="O1255" t="s">
        <v>85</v>
      </c>
      <c r="P1255" t="s">
        <v>86</v>
      </c>
      <c r="Q1255">
        <v>17</v>
      </c>
      <c r="R1255">
        <v>17</v>
      </c>
      <c r="S1255">
        <v>16</v>
      </c>
      <c r="T1255">
        <v>16</v>
      </c>
      <c r="U1255">
        <v>16</v>
      </c>
      <c r="V1255">
        <v>16</v>
      </c>
      <c r="W1255">
        <v>16</v>
      </c>
      <c r="X1255">
        <v>16</v>
      </c>
      <c r="Y1255">
        <v>16</v>
      </c>
      <c r="Z1255">
        <v>16</v>
      </c>
      <c r="AA1255">
        <v>16</v>
      </c>
      <c r="AB1255">
        <v>16</v>
      </c>
      <c r="AC1255">
        <v>16</v>
      </c>
      <c r="AD1255">
        <v>16</v>
      </c>
      <c r="AE1255">
        <v>16</v>
      </c>
      <c r="AF1255">
        <v>16</v>
      </c>
      <c r="AG1255">
        <v>16</v>
      </c>
      <c r="AH1255">
        <v>15</v>
      </c>
      <c r="AI1255">
        <v>15</v>
      </c>
      <c r="AJ1255">
        <v>15</v>
      </c>
      <c r="AK1255">
        <v>15</v>
      </c>
      <c r="AL1255">
        <v>15</v>
      </c>
      <c r="AM1255">
        <v>15</v>
      </c>
      <c r="AN1255">
        <v>15</v>
      </c>
      <c r="AO1255">
        <v>15</v>
      </c>
      <c r="AP1255">
        <v>15</v>
      </c>
      <c r="AQ1255">
        <v>15</v>
      </c>
    </row>
    <row r="1256" spans="1:43">
      <c r="A1256" t="s">
        <v>851</v>
      </c>
      <c r="B1256" t="s">
        <v>852</v>
      </c>
      <c r="C1256" t="s">
        <v>853</v>
      </c>
      <c r="D1256" t="s">
        <v>854</v>
      </c>
      <c r="E1256" t="s">
        <v>847</v>
      </c>
      <c r="F1256" t="s">
        <v>848</v>
      </c>
      <c r="G1256" t="s">
        <v>80</v>
      </c>
      <c r="H1256" t="s">
        <v>81</v>
      </c>
      <c r="I1256" s="2">
        <v>0</v>
      </c>
      <c r="J1256" s="2">
        <v>1</v>
      </c>
      <c r="K1256" s="2">
        <v>0</v>
      </c>
      <c r="L1256" t="s">
        <v>82</v>
      </c>
      <c r="M1256" t="s">
        <v>89</v>
      </c>
      <c r="N1256" t="s">
        <v>90</v>
      </c>
      <c r="O1256" t="s">
        <v>85</v>
      </c>
      <c r="P1256" t="s">
        <v>86</v>
      </c>
      <c r="Q1256">
        <v>17</v>
      </c>
      <c r="R1256">
        <v>17</v>
      </c>
      <c r="S1256">
        <v>17</v>
      </c>
      <c r="T1256">
        <v>18</v>
      </c>
      <c r="U1256">
        <v>18</v>
      </c>
      <c r="V1256">
        <v>18</v>
      </c>
      <c r="W1256">
        <v>18</v>
      </c>
      <c r="X1256">
        <v>18</v>
      </c>
      <c r="Y1256">
        <v>18</v>
      </c>
      <c r="Z1256">
        <v>19</v>
      </c>
      <c r="AA1256">
        <v>19</v>
      </c>
      <c r="AB1256">
        <v>19</v>
      </c>
      <c r="AC1256">
        <v>19</v>
      </c>
      <c r="AD1256">
        <v>19</v>
      </c>
      <c r="AE1256">
        <v>19</v>
      </c>
      <c r="AF1256">
        <v>19</v>
      </c>
      <c r="AG1256">
        <v>19</v>
      </c>
      <c r="AH1256">
        <v>19</v>
      </c>
      <c r="AI1256">
        <v>18</v>
      </c>
      <c r="AJ1256">
        <v>18</v>
      </c>
      <c r="AK1256">
        <v>18</v>
      </c>
      <c r="AL1256">
        <v>18</v>
      </c>
      <c r="AM1256">
        <v>18</v>
      </c>
      <c r="AN1256">
        <v>18</v>
      </c>
      <c r="AO1256">
        <v>18</v>
      </c>
      <c r="AP1256">
        <v>18</v>
      </c>
      <c r="AQ1256">
        <v>17</v>
      </c>
    </row>
    <row r="1257" spans="1:43">
      <c r="A1257" t="s">
        <v>851</v>
      </c>
      <c r="B1257" t="s">
        <v>852</v>
      </c>
      <c r="C1257" t="s">
        <v>853</v>
      </c>
      <c r="D1257" t="s">
        <v>854</v>
      </c>
      <c r="E1257" t="s">
        <v>847</v>
      </c>
      <c r="F1257" t="s">
        <v>848</v>
      </c>
      <c r="G1257" t="s">
        <v>80</v>
      </c>
      <c r="H1257" t="s">
        <v>81</v>
      </c>
      <c r="I1257" s="2">
        <v>0</v>
      </c>
      <c r="J1257" s="2">
        <v>1</v>
      </c>
      <c r="K1257" s="2">
        <v>0</v>
      </c>
      <c r="L1257" t="s">
        <v>82</v>
      </c>
      <c r="M1257" t="s">
        <v>83</v>
      </c>
      <c r="N1257" t="s">
        <v>91</v>
      </c>
      <c r="O1257" t="s">
        <v>85</v>
      </c>
      <c r="P1257" t="s">
        <v>86</v>
      </c>
      <c r="Q1257">
        <v>17</v>
      </c>
      <c r="R1257">
        <v>17</v>
      </c>
      <c r="S1257">
        <v>17</v>
      </c>
      <c r="T1257">
        <v>17</v>
      </c>
      <c r="U1257">
        <v>17</v>
      </c>
      <c r="V1257">
        <v>17</v>
      </c>
      <c r="W1257">
        <v>17</v>
      </c>
      <c r="X1257">
        <v>17</v>
      </c>
      <c r="Y1257">
        <v>17</v>
      </c>
      <c r="Z1257">
        <v>17</v>
      </c>
      <c r="AA1257">
        <v>17</v>
      </c>
      <c r="AB1257">
        <v>18</v>
      </c>
      <c r="AC1257">
        <v>18</v>
      </c>
      <c r="AD1257">
        <v>18</v>
      </c>
      <c r="AE1257">
        <v>18</v>
      </c>
      <c r="AF1257">
        <v>18</v>
      </c>
      <c r="AG1257">
        <v>18</v>
      </c>
      <c r="AH1257">
        <v>18</v>
      </c>
      <c r="AI1257">
        <v>18</v>
      </c>
      <c r="AJ1257">
        <v>18</v>
      </c>
      <c r="AK1257">
        <v>18</v>
      </c>
      <c r="AL1257">
        <v>18</v>
      </c>
      <c r="AM1257">
        <v>18</v>
      </c>
      <c r="AN1257">
        <v>18</v>
      </c>
      <c r="AO1257">
        <v>17</v>
      </c>
      <c r="AP1257">
        <v>17</v>
      </c>
      <c r="AQ1257">
        <v>17</v>
      </c>
    </row>
    <row r="1258" spans="1:43">
      <c r="A1258" t="s">
        <v>855</v>
      </c>
      <c r="B1258" t="s">
        <v>856</v>
      </c>
      <c r="C1258" t="s">
        <v>853</v>
      </c>
      <c r="D1258" t="s">
        <v>854</v>
      </c>
      <c r="E1258" t="s">
        <v>847</v>
      </c>
      <c r="F1258" t="s">
        <v>848</v>
      </c>
      <c r="G1258" t="s">
        <v>80</v>
      </c>
      <c r="H1258" t="s">
        <v>81</v>
      </c>
      <c r="I1258" s="2">
        <v>0</v>
      </c>
      <c r="J1258" s="2">
        <v>1</v>
      </c>
      <c r="K1258" s="2">
        <v>0</v>
      </c>
      <c r="L1258" t="s">
        <v>82</v>
      </c>
      <c r="M1258" t="s">
        <v>83</v>
      </c>
      <c r="N1258" t="s">
        <v>84</v>
      </c>
      <c r="O1258" t="s">
        <v>85</v>
      </c>
      <c r="P1258" t="s">
        <v>86</v>
      </c>
      <c r="Q1258">
        <v>28</v>
      </c>
      <c r="R1258">
        <v>28</v>
      </c>
      <c r="S1258">
        <v>28</v>
      </c>
      <c r="T1258">
        <v>29</v>
      </c>
      <c r="U1258">
        <v>29</v>
      </c>
      <c r="V1258">
        <v>29</v>
      </c>
      <c r="W1258">
        <v>29</v>
      </c>
      <c r="X1258">
        <v>29</v>
      </c>
      <c r="Y1258">
        <v>29</v>
      </c>
      <c r="Z1258">
        <v>29</v>
      </c>
      <c r="AA1258">
        <v>29</v>
      </c>
      <c r="AB1258">
        <v>29</v>
      </c>
      <c r="AC1258">
        <v>30</v>
      </c>
      <c r="AD1258">
        <v>30</v>
      </c>
      <c r="AE1258">
        <v>30</v>
      </c>
      <c r="AF1258">
        <v>30</v>
      </c>
      <c r="AG1258">
        <v>30</v>
      </c>
      <c r="AH1258">
        <v>30</v>
      </c>
      <c r="AI1258">
        <v>30</v>
      </c>
      <c r="AJ1258">
        <v>30</v>
      </c>
      <c r="AK1258">
        <v>30</v>
      </c>
      <c r="AL1258">
        <v>30</v>
      </c>
      <c r="AM1258">
        <v>30</v>
      </c>
      <c r="AN1258">
        <v>30</v>
      </c>
      <c r="AO1258">
        <v>29</v>
      </c>
      <c r="AP1258">
        <v>29</v>
      </c>
      <c r="AQ1258">
        <v>29</v>
      </c>
    </row>
    <row r="1259" spans="1:43">
      <c r="A1259" t="s">
        <v>855</v>
      </c>
      <c r="B1259" t="s">
        <v>856</v>
      </c>
      <c r="C1259" t="s">
        <v>853</v>
      </c>
      <c r="D1259" t="s">
        <v>854</v>
      </c>
      <c r="E1259" t="s">
        <v>847</v>
      </c>
      <c r="F1259" t="s">
        <v>848</v>
      </c>
      <c r="G1259" t="s">
        <v>80</v>
      </c>
      <c r="H1259" t="s">
        <v>81</v>
      </c>
      <c r="I1259" s="2">
        <v>0</v>
      </c>
      <c r="J1259" s="2">
        <v>1</v>
      </c>
      <c r="K1259" s="2">
        <v>0</v>
      </c>
      <c r="L1259" t="s">
        <v>82</v>
      </c>
      <c r="M1259" t="s">
        <v>87</v>
      </c>
      <c r="N1259" t="s">
        <v>88</v>
      </c>
      <c r="O1259" t="s">
        <v>85</v>
      </c>
      <c r="P1259" t="s">
        <v>86</v>
      </c>
      <c r="Q1259">
        <v>28</v>
      </c>
      <c r="R1259">
        <v>28</v>
      </c>
      <c r="S1259">
        <v>28</v>
      </c>
      <c r="T1259">
        <v>27</v>
      </c>
      <c r="U1259">
        <v>27</v>
      </c>
      <c r="V1259">
        <v>27</v>
      </c>
      <c r="W1259">
        <v>27</v>
      </c>
      <c r="X1259">
        <v>27</v>
      </c>
      <c r="Y1259">
        <v>27</v>
      </c>
      <c r="Z1259">
        <v>27</v>
      </c>
      <c r="AA1259">
        <v>27</v>
      </c>
      <c r="AB1259">
        <v>27</v>
      </c>
      <c r="AC1259">
        <v>26</v>
      </c>
      <c r="AD1259">
        <v>26</v>
      </c>
      <c r="AE1259">
        <v>26</v>
      </c>
      <c r="AF1259">
        <v>26</v>
      </c>
      <c r="AG1259">
        <v>26</v>
      </c>
      <c r="AH1259">
        <v>26</v>
      </c>
      <c r="AI1259">
        <v>26</v>
      </c>
      <c r="AJ1259">
        <v>26</v>
      </c>
      <c r="AK1259">
        <v>26</v>
      </c>
      <c r="AL1259">
        <v>26</v>
      </c>
      <c r="AM1259">
        <v>26</v>
      </c>
      <c r="AN1259">
        <v>25</v>
      </c>
      <c r="AO1259">
        <v>25</v>
      </c>
      <c r="AP1259">
        <v>25</v>
      </c>
      <c r="AQ1259">
        <v>25</v>
      </c>
    </row>
    <row r="1260" spans="1:43">
      <c r="A1260" t="s">
        <v>855</v>
      </c>
      <c r="B1260" t="s">
        <v>856</v>
      </c>
      <c r="C1260" t="s">
        <v>853</v>
      </c>
      <c r="D1260" t="s">
        <v>854</v>
      </c>
      <c r="E1260" t="s">
        <v>847</v>
      </c>
      <c r="F1260" t="s">
        <v>848</v>
      </c>
      <c r="G1260" t="s">
        <v>80</v>
      </c>
      <c r="H1260" t="s">
        <v>81</v>
      </c>
      <c r="I1260" s="2">
        <v>0</v>
      </c>
      <c r="J1260" s="2">
        <v>1</v>
      </c>
      <c r="K1260" s="2">
        <v>0</v>
      </c>
      <c r="L1260" t="s">
        <v>82</v>
      </c>
      <c r="M1260" t="s">
        <v>89</v>
      </c>
      <c r="N1260" t="s">
        <v>90</v>
      </c>
      <c r="O1260" t="s">
        <v>85</v>
      </c>
      <c r="P1260" t="s">
        <v>86</v>
      </c>
      <c r="Q1260">
        <v>28</v>
      </c>
      <c r="R1260">
        <v>29</v>
      </c>
      <c r="S1260">
        <v>29</v>
      </c>
      <c r="T1260">
        <v>29</v>
      </c>
      <c r="U1260">
        <v>30</v>
      </c>
      <c r="V1260">
        <v>30</v>
      </c>
      <c r="W1260">
        <v>30</v>
      </c>
      <c r="X1260">
        <v>31</v>
      </c>
      <c r="Y1260">
        <v>31</v>
      </c>
      <c r="Z1260">
        <v>31</v>
      </c>
      <c r="AA1260">
        <v>31</v>
      </c>
      <c r="AB1260">
        <v>31</v>
      </c>
      <c r="AC1260">
        <v>32</v>
      </c>
      <c r="AD1260">
        <v>32</v>
      </c>
      <c r="AE1260">
        <v>32</v>
      </c>
      <c r="AF1260">
        <v>32</v>
      </c>
      <c r="AG1260">
        <v>31</v>
      </c>
      <c r="AH1260">
        <v>31</v>
      </c>
      <c r="AI1260">
        <v>31</v>
      </c>
      <c r="AJ1260">
        <v>31</v>
      </c>
      <c r="AK1260">
        <v>31</v>
      </c>
      <c r="AL1260">
        <v>30</v>
      </c>
      <c r="AM1260">
        <v>30</v>
      </c>
      <c r="AN1260">
        <v>30</v>
      </c>
      <c r="AO1260">
        <v>30</v>
      </c>
      <c r="AP1260">
        <v>30</v>
      </c>
      <c r="AQ1260">
        <v>29</v>
      </c>
    </row>
    <row r="1261" spans="1:43">
      <c r="A1261" t="s">
        <v>855</v>
      </c>
      <c r="B1261" t="s">
        <v>856</v>
      </c>
      <c r="C1261" t="s">
        <v>853</v>
      </c>
      <c r="D1261" t="s">
        <v>854</v>
      </c>
      <c r="E1261" t="s">
        <v>847</v>
      </c>
      <c r="F1261" t="s">
        <v>848</v>
      </c>
      <c r="G1261" t="s">
        <v>80</v>
      </c>
      <c r="H1261" t="s">
        <v>81</v>
      </c>
      <c r="I1261" s="2">
        <v>0</v>
      </c>
      <c r="J1261" s="2">
        <v>1</v>
      </c>
      <c r="K1261" s="2">
        <v>0</v>
      </c>
      <c r="L1261" t="s">
        <v>82</v>
      </c>
      <c r="M1261" t="s">
        <v>83</v>
      </c>
      <c r="N1261" t="s">
        <v>91</v>
      </c>
      <c r="O1261" t="s">
        <v>85</v>
      </c>
      <c r="P1261" t="s">
        <v>86</v>
      </c>
      <c r="Q1261">
        <v>28</v>
      </c>
      <c r="R1261">
        <v>28</v>
      </c>
      <c r="S1261">
        <v>28</v>
      </c>
      <c r="T1261">
        <v>29</v>
      </c>
      <c r="U1261">
        <v>29</v>
      </c>
      <c r="V1261">
        <v>29</v>
      </c>
      <c r="W1261">
        <v>29</v>
      </c>
      <c r="X1261">
        <v>29</v>
      </c>
      <c r="Y1261">
        <v>29</v>
      </c>
      <c r="Z1261">
        <v>29</v>
      </c>
      <c r="AA1261">
        <v>29</v>
      </c>
      <c r="AB1261">
        <v>29</v>
      </c>
      <c r="AC1261">
        <v>30</v>
      </c>
      <c r="AD1261">
        <v>30</v>
      </c>
      <c r="AE1261">
        <v>30</v>
      </c>
      <c r="AF1261">
        <v>30</v>
      </c>
      <c r="AG1261">
        <v>30</v>
      </c>
      <c r="AH1261">
        <v>30</v>
      </c>
      <c r="AI1261">
        <v>30</v>
      </c>
      <c r="AJ1261">
        <v>30</v>
      </c>
      <c r="AK1261">
        <v>30</v>
      </c>
      <c r="AL1261">
        <v>30</v>
      </c>
      <c r="AM1261">
        <v>30</v>
      </c>
      <c r="AN1261">
        <v>30</v>
      </c>
      <c r="AO1261">
        <v>29</v>
      </c>
      <c r="AP1261">
        <v>29</v>
      </c>
      <c r="AQ1261">
        <v>29</v>
      </c>
    </row>
    <row r="1262" spans="1:43">
      <c r="A1262" t="s">
        <v>857</v>
      </c>
      <c r="B1262" t="s">
        <v>858</v>
      </c>
      <c r="C1262" t="s">
        <v>853</v>
      </c>
      <c r="D1262" t="s">
        <v>854</v>
      </c>
      <c r="E1262" t="s">
        <v>847</v>
      </c>
      <c r="F1262" t="s">
        <v>848</v>
      </c>
      <c r="G1262" t="s">
        <v>80</v>
      </c>
      <c r="H1262" t="s">
        <v>81</v>
      </c>
      <c r="I1262" s="2">
        <v>0</v>
      </c>
      <c r="J1262" s="2">
        <v>1</v>
      </c>
      <c r="K1262" s="2">
        <v>0</v>
      </c>
      <c r="L1262" t="s">
        <v>82</v>
      </c>
      <c r="M1262" t="s">
        <v>83</v>
      </c>
      <c r="N1262" t="s">
        <v>84</v>
      </c>
      <c r="O1262" t="s">
        <v>85</v>
      </c>
      <c r="P1262" t="s">
        <v>86</v>
      </c>
      <c r="Q1262">
        <v>28</v>
      </c>
      <c r="R1262">
        <v>28</v>
      </c>
      <c r="S1262">
        <v>28</v>
      </c>
      <c r="T1262">
        <v>28</v>
      </c>
      <c r="U1262">
        <v>28</v>
      </c>
      <c r="V1262">
        <v>28</v>
      </c>
      <c r="W1262">
        <v>29</v>
      </c>
      <c r="X1262">
        <v>29</v>
      </c>
      <c r="Y1262">
        <v>29</v>
      </c>
      <c r="Z1262">
        <v>29</v>
      </c>
      <c r="AA1262">
        <v>29</v>
      </c>
      <c r="AB1262">
        <v>29</v>
      </c>
      <c r="AC1262">
        <v>29</v>
      </c>
      <c r="AD1262">
        <v>30</v>
      </c>
      <c r="AE1262">
        <v>30</v>
      </c>
      <c r="AF1262">
        <v>30</v>
      </c>
      <c r="AG1262">
        <v>30</v>
      </c>
      <c r="AH1262">
        <v>30</v>
      </c>
      <c r="AI1262">
        <v>30</v>
      </c>
      <c r="AJ1262">
        <v>30</v>
      </c>
      <c r="AK1262">
        <v>30</v>
      </c>
      <c r="AL1262">
        <v>30</v>
      </c>
      <c r="AM1262">
        <v>30</v>
      </c>
      <c r="AN1262">
        <v>30</v>
      </c>
      <c r="AO1262">
        <v>30</v>
      </c>
      <c r="AP1262">
        <v>30</v>
      </c>
      <c r="AQ1262">
        <v>29</v>
      </c>
    </row>
    <row r="1263" spans="1:43">
      <c r="A1263" t="s">
        <v>857</v>
      </c>
      <c r="B1263" t="s">
        <v>858</v>
      </c>
      <c r="C1263" t="s">
        <v>853</v>
      </c>
      <c r="D1263" t="s">
        <v>854</v>
      </c>
      <c r="E1263" t="s">
        <v>847</v>
      </c>
      <c r="F1263" t="s">
        <v>848</v>
      </c>
      <c r="G1263" t="s">
        <v>80</v>
      </c>
      <c r="H1263" t="s">
        <v>81</v>
      </c>
      <c r="I1263" s="2">
        <v>0</v>
      </c>
      <c r="J1263" s="2">
        <v>1</v>
      </c>
      <c r="K1263" s="2">
        <v>0</v>
      </c>
      <c r="L1263" t="s">
        <v>82</v>
      </c>
      <c r="M1263" t="s">
        <v>87</v>
      </c>
      <c r="N1263" t="s">
        <v>88</v>
      </c>
      <c r="O1263" t="s">
        <v>85</v>
      </c>
      <c r="P1263" t="s">
        <v>86</v>
      </c>
      <c r="Q1263">
        <v>28</v>
      </c>
      <c r="R1263">
        <v>28</v>
      </c>
      <c r="S1263">
        <v>28</v>
      </c>
      <c r="T1263">
        <v>28</v>
      </c>
      <c r="U1263">
        <v>28</v>
      </c>
      <c r="V1263">
        <v>28</v>
      </c>
      <c r="W1263">
        <v>28</v>
      </c>
      <c r="X1263">
        <v>28</v>
      </c>
      <c r="Y1263">
        <v>28</v>
      </c>
      <c r="Z1263">
        <v>28</v>
      </c>
      <c r="AA1263">
        <v>28</v>
      </c>
      <c r="AB1263">
        <v>27</v>
      </c>
      <c r="AC1263">
        <v>27</v>
      </c>
      <c r="AD1263">
        <v>27</v>
      </c>
      <c r="AE1263">
        <v>27</v>
      </c>
      <c r="AF1263">
        <v>27</v>
      </c>
      <c r="AG1263">
        <v>27</v>
      </c>
      <c r="AH1263">
        <v>27</v>
      </c>
      <c r="AI1263">
        <v>27</v>
      </c>
      <c r="AJ1263">
        <v>27</v>
      </c>
      <c r="AK1263">
        <v>27</v>
      </c>
      <c r="AL1263">
        <v>27</v>
      </c>
      <c r="AM1263">
        <v>27</v>
      </c>
      <c r="AN1263">
        <v>27</v>
      </c>
      <c r="AO1263">
        <v>27</v>
      </c>
      <c r="AP1263">
        <v>26</v>
      </c>
      <c r="AQ1263">
        <v>26</v>
      </c>
    </row>
    <row r="1264" spans="1:43">
      <c r="A1264" t="s">
        <v>857</v>
      </c>
      <c r="B1264" t="s">
        <v>858</v>
      </c>
      <c r="C1264" t="s">
        <v>853</v>
      </c>
      <c r="D1264" t="s">
        <v>854</v>
      </c>
      <c r="E1264" t="s">
        <v>847</v>
      </c>
      <c r="F1264" t="s">
        <v>848</v>
      </c>
      <c r="G1264" t="s">
        <v>80</v>
      </c>
      <c r="H1264" t="s">
        <v>81</v>
      </c>
      <c r="I1264" s="2">
        <v>0</v>
      </c>
      <c r="J1264" s="2">
        <v>1</v>
      </c>
      <c r="K1264" s="2">
        <v>0</v>
      </c>
      <c r="L1264" t="s">
        <v>82</v>
      </c>
      <c r="M1264" t="s">
        <v>89</v>
      </c>
      <c r="N1264" t="s">
        <v>90</v>
      </c>
      <c r="O1264" t="s">
        <v>85</v>
      </c>
      <c r="P1264" t="s">
        <v>86</v>
      </c>
      <c r="Q1264">
        <v>28</v>
      </c>
      <c r="R1264">
        <v>28</v>
      </c>
      <c r="S1264">
        <v>29</v>
      </c>
      <c r="T1264">
        <v>29</v>
      </c>
      <c r="U1264">
        <v>29</v>
      </c>
      <c r="V1264">
        <v>30</v>
      </c>
      <c r="W1264">
        <v>30</v>
      </c>
      <c r="X1264">
        <v>30</v>
      </c>
      <c r="Y1264">
        <v>31</v>
      </c>
      <c r="Z1264">
        <v>31</v>
      </c>
      <c r="AA1264">
        <v>31</v>
      </c>
      <c r="AB1264">
        <v>31</v>
      </c>
      <c r="AC1264">
        <v>31</v>
      </c>
      <c r="AD1264">
        <v>32</v>
      </c>
      <c r="AE1264">
        <v>32</v>
      </c>
      <c r="AF1264">
        <v>32</v>
      </c>
      <c r="AG1264">
        <v>31</v>
      </c>
      <c r="AH1264">
        <v>31</v>
      </c>
      <c r="AI1264">
        <v>31</v>
      </c>
      <c r="AJ1264">
        <v>31</v>
      </c>
      <c r="AK1264">
        <v>31</v>
      </c>
      <c r="AL1264">
        <v>31</v>
      </c>
      <c r="AM1264">
        <v>31</v>
      </c>
      <c r="AN1264">
        <v>30</v>
      </c>
      <c r="AO1264">
        <v>30</v>
      </c>
      <c r="AP1264">
        <v>30</v>
      </c>
      <c r="AQ1264">
        <v>30</v>
      </c>
    </row>
    <row r="1265" spans="1:43">
      <c r="A1265" t="s">
        <v>857</v>
      </c>
      <c r="B1265" t="s">
        <v>858</v>
      </c>
      <c r="C1265" t="s">
        <v>853</v>
      </c>
      <c r="D1265" t="s">
        <v>854</v>
      </c>
      <c r="E1265" t="s">
        <v>847</v>
      </c>
      <c r="F1265" t="s">
        <v>848</v>
      </c>
      <c r="G1265" t="s">
        <v>80</v>
      </c>
      <c r="H1265" t="s">
        <v>81</v>
      </c>
      <c r="I1265" s="2">
        <v>0</v>
      </c>
      <c r="J1265" s="2">
        <v>1</v>
      </c>
      <c r="K1265" s="2">
        <v>0</v>
      </c>
      <c r="L1265" t="s">
        <v>82</v>
      </c>
      <c r="M1265" t="s">
        <v>83</v>
      </c>
      <c r="N1265" t="s">
        <v>91</v>
      </c>
      <c r="O1265" t="s">
        <v>85</v>
      </c>
      <c r="P1265" t="s">
        <v>86</v>
      </c>
      <c r="Q1265">
        <v>28</v>
      </c>
      <c r="R1265">
        <v>28</v>
      </c>
      <c r="S1265">
        <v>28</v>
      </c>
      <c r="T1265">
        <v>28</v>
      </c>
      <c r="U1265">
        <v>28</v>
      </c>
      <c r="V1265">
        <v>28</v>
      </c>
      <c r="W1265">
        <v>29</v>
      </c>
      <c r="X1265">
        <v>29</v>
      </c>
      <c r="Y1265">
        <v>29</v>
      </c>
      <c r="Z1265">
        <v>29</v>
      </c>
      <c r="AA1265">
        <v>29</v>
      </c>
      <c r="AB1265">
        <v>29</v>
      </c>
      <c r="AC1265">
        <v>29</v>
      </c>
      <c r="AD1265">
        <v>30</v>
      </c>
      <c r="AE1265">
        <v>30</v>
      </c>
      <c r="AF1265">
        <v>30</v>
      </c>
      <c r="AG1265">
        <v>30</v>
      </c>
      <c r="AH1265">
        <v>30</v>
      </c>
      <c r="AI1265">
        <v>30</v>
      </c>
      <c r="AJ1265">
        <v>30</v>
      </c>
      <c r="AK1265">
        <v>30</v>
      </c>
      <c r="AL1265">
        <v>30</v>
      </c>
      <c r="AM1265">
        <v>30</v>
      </c>
      <c r="AN1265">
        <v>30</v>
      </c>
      <c r="AO1265">
        <v>30</v>
      </c>
      <c r="AP1265">
        <v>30</v>
      </c>
      <c r="AQ1265">
        <v>29</v>
      </c>
    </row>
    <row r="1266" spans="1:43">
      <c r="A1266" t="s">
        <v>859</v>
      </c>
      <c r="B1266" t="s">
        <v>860</v>
      </c>
      <c r="C1266" t="s">
        <v>853</v>
      </c>
      <c r="D1266" t="s">
        <v>854</v>
      </c>
      <c r="E1266" t="s">
        <v>847</v>
      </c>
      <c r="F1266" t="s">
        <v>848</v>
      </c>
      <c r="G1266" t="s">
        <v>80</v>
      </c>
      <c r="H1266" t="s">
        <v>81</v>
      </c>
      <c r="I1266" s="2">
        <v>0</v>
      </c>
      <c r="J1266" s="2">
        <v>1</v>
      </c>
      <c r="K1266" s="2">
        <v>0</v>
      </c>
      <c r="L1266" t="s">
        <v>82</v>
      </c>
      <c r="M1266" t="s">
        <v>83</v>
      </c>
      <c r="N1266" t="s">
        <v>84</v>
      </c>
      <c r="O1266" t="s">
        <v>85</v>
      </c>
      <c r="P1266" t="s">
        <v>86</v>
      </c>
      <c r="Q1266">
        <v>13</v>
      </c>
      <c r="R1266">
        <v>13</v>
      </c>
      <c r="S1266">
        <v>13</v>
      </c>
      <c r="T1266">
        <v>13</v>
      </c>
      <c r="U1266">
        <v>13</v>
      </c>
      <c r="V1266">
        <v>13</v>
      </c>
      <c r="W1266">
        <v>13</v>
      </c>
      <c r="X1266">
        <v>13</v>
      </c>
      <c r="Y1266">
        <v>13</v>
      </c>
      <c r="Z1266">
        <v>13</v>
      </c>
      <c r="AA1266">
        <v>13</v>
      </c>
      <c r="AB1266">
        <v>13</v>
      </c>
      <c r="AC1266">
        <v>13</v>
      </c>
      <c r="AD1266">
        <v>13</v>
      </c>
      <c r="AE1266">
        <v>13</v>
      </c>
      <c r="AF1266">
        <v>13</v>
      </c>
      <c r="AG1266">
        <v>14</v>
      </c>
      <c r="AH1266">
        <v>14</v>
      </c>
      <c r="AI1266">
        <v>14</v>
      </c>
      <c r="AJ1266">
        <v>14</v>
      </c>
      <c r="AK1266">
        <v>14</v>
      </c>
      <c r="AL1266">
        <v>14</v>
      </c>
      <c r="AM1266">
        <v>13</v>
      </c>
      <c r="AN1266">
        <v>13</v>
      </c>
      <c r="AO1266">
        <v>13</v>
      </c>
      <c r="AP1266">
        <v>13</v>
      </c>
      <c r="AQ1266">
        <v>13</v>
      </c>
    </row>
    <row r="1267" spans="1:43">
      <c r="A1267" t="s">
        <v>859</v>
      </c>
      <c r="B1267" t="s">
        <v>860</v>
      </c>
      <c r="C1267" t="s">
        <v>853</v>
      </c>
      <c r="D1267" t="s">
        <v>854</v>
      </c>
      <c r="E1267" t="s">
        <v>847</v>
      </c>
      <c r="F1267" t="s">
        <v>848</v>
      </c>
      <c r="G1267" t="s">
        <v>80</v>
      </c>
      <c r="H1267" t="s">
        <v>81</v>
      </c>
      <c r="I1267" s="2">
        <v>0</v>
      </c>
      <c r="J1267" s="2">
        <v>1</v>
      </c>
      <c r="K1267" s="2">
        <v>0</v>
      </c>
      <c r="L1267" t="s">
        <v>82</v>
      </c>
      <c r="M1267" t="s">
        <v>87</v>
      </c>
      <c r="N1267" t="s">
        <v>88</v>
      </c>
      <c r="O1267" t="s">
        <v>85</v>
      </c>
      <c r="P1267" t="s">
        <v>86</v>
      </c>
      <c r="Q1267">
        <v>13</v>
      </c>
      <c r="R1267">
        <v>13</v>
      </c>
      <c r="S1267">
        <v>13</v>
      </c>
      <c r="T1267">
        <v>12</v>
      </c>
      <c r="U1267">
        <v>12</v>
      </c>
      <c r="V1267">
        <v>12</v>
      </c>
      <c r="W1267">
        <v>12</v>
      </c>
      <c r="X1267">
        <v>12</v>
      </c>
      <c r="Y1267">
        <v>12</v>
      </c>
      <c r="Z1267">
        <v>12</v>
      </c>
      <c r="AA1267">
        <v>12</v>
      </c>
      <c r="AB1267">
        <v>12</v>
      </c>
      <c r="AC1267">
        <v>12</v>
      </c>
      <c r="AD1267">
        <v>12</v>
      </c>
      <c r="AE1267">
        <v>12</v>
      </c>
      <c r="AF1267">
        <v>12</v>
      </c>
      <c r="AG1267">
        <v>12</v>
      </c>
      <c r="AH1267">
        <v>12</v>
      </c>
      <c r="AI1267">
        <v>12</v>
      </c>
      <c r="AJ1267">
        <v>12</v>
      </c>
      <c r="AK1267">
        <v>12</v>
      </c>
      <c r="AL1267">
        <v>12</v>
      </c>
      <c r="AM1267">
        <v>12</v>
      </c>
      <c r="AN1267">
        <v>12</v>
      </c>
      <c r="AO1267">
        <v>12</v>
      </c>
      <c r="AP1267">
        <v>11</v>
      </c>
      <c r="AQ1267">
        <v>11</v>
      </c>
    </row>
    <row r="1268" spans="1:43">
      <c r="A1268" t="s">
        <v>859</v>
      </c>
      <c r="B1268" t="s">
        <v>860</v>
      </c>
      <c r="C1268" t="s">
        <v>853</v>
      </c>
      <c r="D1268" t="s">
        <v>854</v>
      </c>
      <c r="E1268" t="s">
        <v>847</v>
      </c>
      <c r="F1268" t="s">
        <v>848</v>
      </c>
      <c r="G1268" t="s">
        <v>80</v>
      </c>
      <c r="H1268" t="s">
        <v>81</v>
      </c>
      <c r="I1268" s="2">
        <v>0</v>
      </c>
      <c r="J1268" s="2">
        <v>1</v>
      </c>
      <c r="K1268" s="2">
        <v>0</v>
      </c>
      <c r="L1268" t="s">
        <v>82</v>
      </c>
      <c r="M1268" t="s">
        <v>89</v>
      </c>
      <c r="N1268" t="s">
        <v>90</v>
      </c>
      <c r="O1268" t="s">
        <v>85</v>
      </c>
      <c r="P1268" t="s">
        <v>86</v>
      </c>
      <c r="Q1268">
        <v>13</v>
      </c>
      <c r="R1268">
        <v>13</v>
      </c>
      <c r="S1268">
        <v>13</v>
      </c>
      <c r="T1268">
        <v>13</v>
      </c>
      <c r="U1268">
        <v>13</v>
      </c>
      <c r="V1268">
        <v>14</v>
      </c>
      <c r="W1268">
        <v>14</v>
      </c>
      <c r="X1268">
        <v>14</v>
      </c>
      <c r="Y1268">
        <v>14</v>
      </c>
      <c r="Z1268">
        <v>14</v>
      </c>
      <c r="AA1268">
        <v>14</v>
      </c>
      <c r="AB1268">
        <v>14</v>
      </c>
      <c r="AC1268">
        <v>14</v>
      </c>
      <c r="AD1268">
        <v>14</v>
      </c>
      <c r="AE1268">
        <v>14</v>
      </c>
      <c r="AF1268">
        <v>14</v>
      </c>
      <c r="AG1268">
        <v>14</v>
      </c>
      <c r="AH1268">
        <v>14</v>
      </c>
      <c r="AI1268">
        <v>14</v>
      </c>
      <c r="AJ1268">
        <v>14</v>
      </c>
      <c r="AK1268">
        <v>14</v>
      </c>
      <c r="AL1268">
        <v>14</v>
      </c>
      <c r="AM1268">
        <v>14</v>
      </c>
      <c r="AN1268">
        <v>14</v>
      </c>
      <c r="AO1268">
        <v>13</v>
      </c>
      <c r="AP1268">
        <v>13</v>
      </c>
      <c r="AQ1268">
        <v>13</v>
      </c>
    </row>
    <row r="1269" spans="1:43">
      <c r="A1269" t="s">
        <v>859</v>
      </c>
      <c r="B1269" t="s">
        <v>860</v>
      </c>
      <c r="C1269" t="s">
        <v>853</v>
      </c>
      <c r="D1269" t="s">
        <v>854</v>
      </c>
      <c r="E1269" t="s">
        <v>847</v>
      </c>
      <c r="F1269" t="s">
        <v>848</v>
      </c>
      <c r="G1269" t="s">
        <v>80</v>
      </c>
      <c r="H1269" t="s">
        <v>81</v>
      </c>
      <c r="I1269" s="2">
        <v>0</v>
      </c>
      <c r="J1269" s="2">
        <v>1</v>
      </c>
      <c r="K1269" s="2">
        <v>0</v>
      </c>
      <c r="L1269" t="s">
        <v>82</v>
      </c>
      <c r="M1269" t="s">
        <v>83</v>
      </c>
      <c r="N1269" t="s">
        <v>91</v>
      </c>
      <c r="O1269" t="s">
        <v>85</v>
      </c>
      <c r="P1269" t="s">
        <v>86</v>
      </c>
      <c r="Q1269">
        <v>13</v>
      </c>
      <c r="R1269">
        <v>13</v>
      </c>
      <c r="S1269">
        <v>13</v>
      </c>
      <c r="T1269">
        <v>13</v>
      </c>
      <c r="U1269">
        <v>13</v>
      </c>
      <c r="V1269">
        <v>13</v>
      </c>
      <c r="W1269">
        <v>13</v>
      </c>
      <c r="X1269">
        <v>13</v>
      </c>
      <c r="Y1269">
        <v>13</v>
      </c>
      <c r="Z1269">
        <v>13</v>
      </c>
      <c r="AA1269">
        <v>13</v>
      </c>
      <c r="AB1269">
        <v>13</v>
      </c>
      <c r="AC1269">
        <v>13</v>
      </c>
      <c r="AD1269">
        <v>13</v>
      </c>
      <c r="AE1269">
        <v>13</v>
      </c>
      <c r="AF1269">
        <v>13</v>
      </c>
      <c r="AG1269">
        <v>14</v>
      </c>
      <c r="AH1269">
        <v>14</v>
      </c>
      <c r="AI1269">
        <v>14</v>
      </c>
      <c r="AJ1269">
        <v>14</v>
      </c>
      <c r="AK1269">
        <v>14</v>
      </c>
      <c r="AL1269">
        <v>14</v>
      </c>
      <c r="AM1269">
        <v>13</v>
      </c>
      <c r="AN1269">
        <v>13</v>
      </c>
      <c r="AO1269">
        <v>13</v>
      </c>
      <c r="AP1269">
        <v>13</v>
      </c>
      <c r="AQ1269">
        <v>13</v>
      </c>
    </row>
    <row r="1270" spans="1:43">
      <c r="A1270" t="s">
        <v>861</v>
      </c>
      <c r="B1270" t="s">
        <v>862</v>
      </c>
      <c r="C1270" t="s">
        <v>853</v>
      </c>
      <c r="D1270" t="s">
        <v>854</v>
      </c>
      <c r="E1270" t="s">
        <v>847</v>
      </c>
      <c r="F1270" t="s">
        <v>848</v>
      </c>
      <c r="G1270" t="s">
        <v>80</v>
      </c>
      <c r="H1270" t="s">
        <v>81</v>
      </c>
      <c r="I1270" s="2">
        <v>0</v>
      </c>
      <c r="J1270" s="2">
        <v>1</v>
      </c>
      <c r="K1270" s="2">
        <v>0</v>
      </c>
      <c r="L1270" t="s">
        <v>82</v>
      </c>
      <c r="M1270" t="s">
        <v>83</v>
      </c>
      <c r="N1270" t="s">
        <v>84</v>
      </c>
      <c r="O1270" t="s">
        <v>85</v>
      </c>
      <c r="P1270" t="s">
        <v>86</v>
      </c>
      <c r="Q1270">
        <v>12</v>
      </c>
      <c r="R1270">
        <v>12</v>
      </c>
      <c r="S1270">
        <v>12</v>
      </c>
      <c r="T1270">
        <v>12</v>
      </c>
      <c r="U1270">
        <v>13</v>
      </c>
      <c r="V1270">
        <v>13</v>
      </c>
      <c r="W1270">
        <v>13</v>
      </c>
      <c r="X1270">
        <v>13</v>
      </c>
      <c r="Y1270">
        <v>13</v>
      </c>
      <c r="Z1270">
        <v>13</v>
      </c>
      <c r="AA1270">
        <v>13</v>
      </c>
      <c r="AB1270">
        <v>13</v>
      </c>
      <c r="AC1270">
        <v>13</v>
      </c>
      <c r="AD1270">
        <v>13</v>
      </c>
      <c r="AE1270">
        <v>13</v>
      </c>
      <c r="AF1270">
        <v>13</v>
      </c>
      <c r="AG1270">
        <v>13</v>
      </c>
      <c r="AH1270">
        <v>13</v>
      </c>
      <c r="AI1270">
        <v>13</v>
      </c>
      <c r="AJ1270">
        <v>13</v>
      </c>
      <c r="AK1270">
        <v>13</v>
      </c>
      <c r="AL1270">
        <v>13</v>
      </c>
      <c r="AM1270">
        <v>13</v>
      </c>
      <c r="AN1270">
        <v>13</v>
      </c>
      <c r="AO1270">
        <v>13</v>
      </c>
      <c r="AP1270">
        <v>13</v>
      </c>
      <c r="AQ1270">
        <v>13</v>
      </c>
    </row>
    <row r="1271" spans="1:43">
      <c r="A1271" t="s">
        <v>861</v>
      </c>
      <c r="B1271" t="s">
        <v>862</v>
      </c>
      <c r="C1271" t="s">
        <v>853</v>
      </c>
      <c r="D1271" t="s">
        <v>854</v>
      </c>
      <c r="E1271" t="s">
        <v>847</v>
      </c>
      <c r="F1271" t="s">
        <v>848</v>
      </c>
      <c r="G1271" t="s">
        <v>80</v>
      </c>
      <c r="H1271" t="s">
        <v>81</v>
      </c>
      <c r="I1271" s="2">
        <v>0</v>
      </c>
      <c r="J1271" s="2">
        <v>1</v>
      </c>
      <c r="K1271" s="2">
        <v>0</v>
      </c>
      <c r="L1271" t="s">
        <v>82</v>
      </c>
      <c r="M1271" t="s">
        <v>87</v>
      </c>
      <c r="N1271" t="s">
        <v>88</v>
      </c>
      <c r="O1271" t="s">
        <v>85</v>
      </c>
      <c r="P1271" t="s">
        <v>86</v>
      </c>
      <c r="Q1271">
        <v>12</v>
      </c>
      <c r="R1271">
        <v>12</v>
      </c>
      <c r="S1271">
        <v>12</v>
      </c>
      <c r="T1271">
        <v>12</v>
      </c>
      <c r="U1271">
        <v>12</v>
      </c>
      <c r="V1271">
        <v>12</v>
      </c>
      <c r="W1271">
        <v>12</v>
      </c>
      <c r="X1271">
        <v>12</v>
      </c>
      <c r="Y1271">
        <v>12</v>
      </c>
      <c r="Z1271">
        <v>12</v>
      </c>
      <c r="AA1271">
        <v>12</v>
      </c>
      <c r="AB1271">
        <v>12</v>
      </c>
      <c r="AC1271">
        <v>12</v>
      </c>
      <c r="AD1271">
        <v>12</v>
      </c>
      <c r="AE1271">
        <v>12</v>
      </c>
      <c r="AF1271">
        <v>12</v>
      </c>
      <c r="AG1271">
        <v>12</v>
      </c>
      <c r="AH1271">
        <v>12</v>
      </c>
      <c r="AI1271">
        <v>11</v>
      </c>
      <c r="AJ1271">
        <v>11</v>
      </c>
      <c r="AK1271">
        <v>11</v>
      </c>
      <c r="AL1271">
        <v>11</v>
      </c>
      <c r="AM1271">
        <v>11</v>
      </c>
      <c r="AN1271">
        <v>11</v>
      </c>
      <c r="AO1271">
        <v>11</v>
      </c>
      <c r="AP1271">
        <v>11</v>
      </c>
      <c r="AQ1271">
        <v>11</v>
      </c>
    </row>
    <row r="1272" spans="1:43">
      <c r="A1272" t="s">
        <v>861</v>
      </c>
      <c r="B1272" t="s">
        <v>862</v>
      </c>
      <c r="C1272" t="s">
        <v>853</v>
      </c>
      <c r="D1272" t="s">
        <v>854</v>
      </c>
      <c r="E1272" t="s">
        <v>847</v>
      </c>
      <c r="F1272" t="s">
        <v>848</v>
      </c>
      <c r="G1272" t="s">
        <v>80</v>
      </c>
      <c r="H1272" t="s">
        <v>81</v>
      </c>
      <c r="I1272" s="2">
        <v>0</v>
      </c>
      <c r="J1272" s="2">
        <v>1</v>
      </c>
      <c r="K1272" s="2">
        <v>0</v>
      </c>
      <c r="L1272" t="s">
        <v>82</v>
      </c>
      <c r="M1272" t="s">
        <v>89</v>
      </c>
      <c r="N1272" t="s">
        <v>90</v>
      </c>
      <c r="O1272" t="s">
        <v>85</v>
      </c>
      <c r="P1272" t="s">
        <v>86</v>
      </c>
      <c r="Q1272">
        <v>12</v>
      </c>
      <c r="R1272">
        <v>13</v>
      </c>
      <c r="S1272">
        <v>13</v>
      </c>
      <c r="T1272">
        <v>13</v>
      </c>
      <c r="U1272">
        <v>13</v>
      </c>
      <c r="V1272">
        <v>13</v>
      </c>
      <c r="W1272">
        <v>13</v>
      </c>
      <c r="X1272">
        <v>13</v>
      </c>
      <c r="Y1272">
        <v>14</v>
      </c>
      <c r="Z1272">
        <v>14</v>
      </c>
      <c r="AA1272">
        <v>14</v>
      </c>
      <c r="AB1272">
        <v>14</v>
      </c>
      <c r="AC1272">
        <v>14</v>
      </c>
      <c r="AD1272">
        <v>14</v>
      </c>
      <c r="AE1272">
        <v>14</v>
      </c>
      <c r="AF1272">
        <v>14</v>
      </c>
      <c r="AG1272">
        <v>14</v>
      </c>
      <c r="AH1272">
        <v>14</v>
      </c>
      <c r="AI1272">
        <v>14</v>
      </c>
      <c r="AJ1272">
        <v>14</v>
      </c>
      <c r="AK1272">
        <v>14</v>
      </c>
      <c r="AL1272">
        <v>14</v>
      </c>
      <c r="AM1272">
        <v>13</v>
      </c>
      <c r="AN1272">
        <v>13</v>
      </c>
      <c r="AO1272">
        <v>13</v>
      </c>
      <c r="AP1272">
        <v>13</v>
      </c>
      <c r="AQ1272">
        <v>13</v>
      </c>
    </row>
    <row r="1273" spans="1:43">
      <c r="A1273" t="s">
        <v>861</v>
      </c>
      <c r="B1273" t="s">
        <v>862</v>
      </c>
      <c r="C1273" t="s">
        <v>853</v>
      </c>
      <c r="D1273" t="s">
        <v>854</v>
      </c>
      <c r="E1273" t="s">
        <v>847</v>
      </c>
      <c r="F1273" t="s">
        <v>848</v>
      </c>
      <c r="G1273" t="s">
        <v>80</v>
      </c>
      <c r="H1273" t="s">
        <v>81</v>
      </c>
      <c r="I1273" s="2">
        <v>0</v>
      </c>
      <c r="J1273" s="2">
        <v>1</v>
      </c>
      <c r="K1273" s="2">
        <v>0</v>
      </c>
      <c r="L1273" t="s">
        <v>82</v>
      </c>
      <c r="M1273" t="s">
        <v>83</v>
      </c>
      <c r="N1273" t="s">
        <v>91</v>
      </c>
      <c r="O1273" t="s">
        <v>85</v>
      </c>
      <c r="P1273" t="s">
        <v>86</v>
      </c>
      <c r="Q1273">
        <v>12</v>
      </c>
      <c r="R1273">
        <v>12</v>
      </c>
      <c r="S1273">
        <v>12</v>
      </c>
      <c r="T1273">
        <v>12</v>
      </c>
      <c r="U1273">
        <v>13</v>
      </c>
      <c r="V1273">
        <v>13</v>
      </c>
      <c r="W1273">
        <v>13</v>
      </c>
      <c r="X1273">
        <v>13</v>
      </c>
      <c r="Y1273">
        <v>13</v>
      </c>
      <c r="Z1273">
        <v>13</v>
      </c>
      <c r="AA1273">
        <v>13</v>
      </c>
      <c r="AB1273">
        <v>13</v>
      </c>
      <c r="AC1273">
        <v>13</v>
      </c>
      <c r="AD1273">
        <v>13</v>
      </c>
      <c r="AE1273">
        <v>13</v>
      </c>
      <c r="AF1273">
        <v>13</v>
      </c>
      <c r="AG1273">
        <v>13</v>
      </c>
      <c r="AH1273">
        <v>13</v>
      </c>
      <c r="AI1273">
        <v>13</v>
      </c>
      <c r="AJ1273">
        <v>13</v>
      </c>
      <c r="AK1273">
        <v>13</v>
      </c>
      <c r="AL1273">
        <v>13</v>
      </c>
      <c r="AM1273">
        <v>13</v>
      </c>
      <c r="AN1273">
        <v>13</v>
      </c>
      <c r="AO1273">
        <v>13</v>
      </c>
      <c r="AP1273">
        <v>13</v>
      </c>
      <c r="AQ1273">
        <v>13</v>
      </c>
    </row>
    <row r="1274" spans="1:43">
      <c r="A1274" t="s">
        <v>863</v>
      </c>
      <c r="B1274" t="s">
        <v>864</v>
      </c>
      <c r="C1274" t="s">
        <v>865</v>
      </c>
      <c r="D1274" t="s">
        <v>866</v>
      </c>
      <c r="E1274" t="s">
        <v>847</v>
      </c>
      <c r="F1274" t="s">
        <v>848</v>
      </c>
      <c r="G1274" t="s">
        <v>80</v>
      </c>
      <c r="H1274" t="s">
        <v>81</v>
      </c>
      <c r="I1274" s="2">
        <v>0</v>
      </c>
      <c r="J1274" s="2">
        <v>1</v>
      </c>
      <c r="K1274" s="2">
        <v>0</v>
      </c>
      <c r="L1274" t="s">
        <v>82</v>
      </c>
      <c r="M1274" t="s">
        <v>83</v>
      </c>
      <c r="N1274" t="s">
        <v>84</v>
      </c>
      <c r="O1274" t="s">
        <v>85</v>
      </c>
      <c r="P1274" t="s">
        <v>86</v>
      </c>
      <c r="Q1274">
        <v>8</v>
      </c>
      <c r="R1274">
        <v>8</v>
      </c>
      <c r="S1274">
        <v>8</v>
      </c>
      <c r="T1274">
        <v>8</v>
      </c>
      <c r="U1274">
        <v>8</v>
      </c>
      <c r="V1274">
        <v>9</v>
      </c>
      <c r="W1274">
        <v>9</v>
      </c>
      <c r="X1274">
        <v>9</v>
      </c>
      <c r="Y1274">
        <v>9</v>
      </c>
      <c r="Z1274">
        <v>9</v>
      </c>
      <c r="AA1274">
        <v>9</v>
      </c>
      <c r="AB1274">
        <v>9</v>
      </c>
      <c r="AC1274">
        <v>9</v>
      </c>
      <c r="AD1274">
        <v>9</v>
      </c>
      <c r="AE1274">
        <v>9</v>
      </c>
      <c r="AF1274">
        <v>9</v>
      </c>
      <c r="AG1274">
        <v>9</v>
      </c>
      <c r="AH1274">
        <v>9</v>
      </c>
      <c r="AI1274">
        <v>9</v>
      </c>
      <c r="AJ1274">
        <v>9</v>
      </c>
      <c r="AK1274">
        <v>9</v>
      </c>
      <c r="AL1274">
        <v>9</v>
      </c>
      <c r="AM1274">
        <v>9</v>
      </c>
      <c r="AN1274">
        <v>9</v>
      </c>
      <c r="AO1274">
        <v>9</v>
      </c>
      <c r="AP1274">
        <v>9</v>
      </c>
      <c r="AQ1274">
        <v>9</v>
      </c>
    </row>
    <row r="1275" spans="1:43">
      <c r="A1275" t="s">
        <v>863</v>
      </c>
      <c r="B1275" t="s">
        <v>864</v>
      </c>
      <c r="C1275" t="s">
        <v>865</v>
      </c>
      <c r="D1275" t="s">
        <v>866</v>
      </c>
      <c r="E1275" t="s">
        <v>847</v>
      </c>
      <c r="F1275" t="s">
        <v>848</v>
      </c>
      <c r="G1275" t="s">
        <v>80</v>
      </c>
      <c r="H1275" t="s">
        <v>81</v>
      </c>
      <c r="I1275" s="2">
        <v>0</v>
      </c>
      <c r="J1275" s="2">
        <v>1</v>
      </c>
      <c r="K1275" s="2">
        <v>0</v>
      </c>
      <c r="L1275" t="s">
        <v>82</v>
      </c>
      <c r="M1275" t="s">
        <v>87</v>
      </c>
      <c r="N1275" t="s">
        <v>88</v>
      </c>
      <c r="O1275" t="s">
        <v>85</v>
      </c>
      <c r="P1275" t="s">
        <v>86</v>
      </c>
      <c r="Q1275">
        <v>8</v>
      </c>
      <c r="R1275">
        <v>8</v>
      </c>
      <c r="S1275">
        <v>8</v>
      </c>
      <c r="T1275">
        <v>8</v>
      </c>
      <c r="U1275">
        <v>8</v>
      </c>
      <c r="V1275">
        <v>8</v>
      </c>
      <c r="W1275">
        <v>8</v>
      </c>
      <c r="X1275">
        <v>8</v>
      </c>
      <c r="Y1275">
        <v>8</v>
      </c>
      <c r="Z1275">
        <v>8</v>
      </c>
      <c r="AA1275">
        <v>8</v>
      </c>
      <c r="AB1275">
        <v>8</v>
      </c>
      <c r="AC1275">
        <v>8</v>
      </c>
      <c r="AD1275">
        <v>8</v>
      </c>
      <c r="AE1275">
        <v>8</v>
      </c>
      <c r="AF1275">
        <v>8</v>
      </c>
      <c r="AG1275">
        <v>8</v>
      </c>
      <c r="AH1275">
        <v>8</v>
      </c>
      <c r="AI1275">
        <v>8</v>
      </c>
      <c r="AJ1275">
        <v>8</v>
      </c>
      <c r="AK1275">
        <v>8</v>
      </c>
      <c r="AL1275">
        <v>8</v>
      </c>
      <c r="AM1275">
        <v>8</v>
      </c>
      <c r="AN1275">
        <v>8</v>
      </c>
      <c r="AO1275">
        <v>8</v>
      </c>
      <c r="AP1275">
        <v>8</v>
      </c>
      <c r="AQ1275">
        <v>7</v>
      </c>
    </row>
    <row r="1276" spans="1:43">
      <c r="A1276" t="s">
        <v>863</v>
      </c>
      <c r="B1276" t="s">
        <v>864</v>
      </c>
      <c r="C1276" t="s">
        <v>865</v>
      </c>
      <c r="D1276" t="s">
        <v>866</v>
      </c>
      <c r="E1276" t="s">
        <v>847</v>
      </c>
      <c r="F1276" t="s">
        <v>848</v>
      </c>
      <c r="G1276" t="s">
        <v>80</v>
      </c>
      <c r="H1276" t="s">
        <v>81</v>
      </c>
      <c r="I1276" s="2">
        <v>0</v>
      </c>
      <c r="J1276" s="2">
        <v>1</v>
      </c>
      <c r="K1276" s="2">
        <v>0</v>
      </c>
      <c r="L1276" t="s">
        <v>82</v>
      </c>
      <c r="M1276" t="s">
        <v>89</v>
      </c>
      <c r="N1276" t="s">
        <v>90</v>
      </c>
      <c r="O1276" t="s">
        <v>85</v>
      </c>
      <c r="P1276" t="s">
        <v>86</v>
      </c>
      <c r="Q1276">
        <v>8</v>
      </c>
      <c r="R1276">
        <v>8</v>
      </c>
      <c r="S1276">
        <v>9</v>
      </c>
      <c r="T1276">
        <v>9</v>
      </c>
      <c r="U1276">
        <v>9</v>
      </c>
      <c r="V1276">
        <v>9</v>
      </c>
      <c r="W1276">
        <v>9</v>
      </c>
      <c r="X1276">
        <v>9</v>
      </c>
      <c r="Y1276">
        <v>9</v>
      </c>
      <c r="Z1276">
        <v>9</v>
      </c>
      <c r="AA1276">
        <v>9</v>
      </c>
      <c r="AB1276">
        <v>9</v>
      </c>
      <c r="AC1276">
        <v>9</v>
      </c>
      <c r="AD1276">
        <v>9</v>
      </c>
      <c r="AE1276">
        <v>9</v>
      </c>
      <c r="AF1276">
        <v>9</v>
      </c>
      <c r="AG1276">
        <v>9</v>
      </c>
      <c r="AH1276">
        <v>9</v>
      </c>
      <c r="AI1276">
        <v>9</v>
      </c>
      <c r="AJ1276">
        <v>9</v>
      </c>
      <c r="AK1276">
        <v>9</v>
      </c>
      <c r="AL1276">
        <v>9</v>
      </c>
      <c r="AM1276">
        <v>9</v>
      </c>
      <c r="AN1276">
        <v>9</v>
      </c>
      <c r="AO1276">
        <v>9</v>
      </c>
      <c r="AP1276">
        <v>9</v>
      </c>
      <c r="AQ1276">
        <v>9</v>
      </c>
    </row>
    <row r="1277" spans="1:43">
      <c r="A1277" t="s">
        <v>863</v>
      </c>
      <c r="B1277" t="s">
        <v>864</v>
      </c>
      <c r="C1277" t="s">
        <v>865</v>
      </c>
      <c r="D1277" t="s">
        <v>866</v>
      </c>
      <c r="E1277" t="s">
        <v>847</v>
      </c>
      <c r="F1277" t="s">
        <v>848</v>
      </c>
      <c r="G1277" t="s">
        <v>80</v>
      </c>
      <c r="H1277" t="s">
        <v>81</v>
      </c>
      <c r="I1277" s="2">
        <v>0</v>
      </c>
      <c r="J1277" s="2">
        <v>1</v>
      </c>
      <c r="K1277" s="2">
        <v>0</v>
      </c>
      <c r="L1277" t="s">
        <v>82</v>
      </c>
      <c r="M1277" t="s">
        <v>83</v>
      </c>
      <c r="N1277" t="s">
        <v>91</v>
      </c>
      <c r="O1277" t="s">
        <v>85</v>
      </c>
      <c r="P1277" t="s">
        <v>86</v>
      </c>
      <c r="Q1277">
        <v>8</v>
      </c>
      <c r="R1277">
        <v>8</v>
      </c>
      <c r="S1277">
        <v>8</v>
      </c>
      <c r="T1277">
        <v>8</v>
      </c>
      <c r="U1277">
        <v>8</v>
      </c>
      <c r="V1277">
        <v>9</v>
      </c>
      <c r="W1277">
        <v>9</v>
      </c>
      <c r="X1277">
        <v>9</v>
      </c>
      <c r="Y1277">
        <v>9</v>
      </c>
      <c r="Z1277">
        <v>9</v>
      </c>
      <c r="AA1277">
        <v>9</v>
      </c>
      <c r="AB1277">
        <v>9</v>
      </c>
      <c r="AC1277">
        <v>9</v>
      </c>
      <c r="AD1277">
        <v>9</v>
      </c>
      <c r="AE1277">
        <v>9</v>
      </c>
      <c r="AF1277">
        <v>9</v>
      </c>
      <c r="AG1277">
        <v>9</v>
      </c>
      <c r="AH1277">
        <v>9</v>
      </c>
      <c r="AI1277">
        <v>9</v>
      </c>
      <c r="AJ1277">
        <v>9</v>
      </c>
      <c r="AK1277">
        <v>9</v>
      </c>
      <c r="AL1277">
        <v>9</v>
      </c>
      <c r="AM1277">
        <v>9</v>
      </c>
      <c r="AN1277">
        <v>9</v>
      </c>
      <c r="AO1277">
        <v>9</v>
      </c>
      <c r="AP1277">
        <v>9</v>
      </c>
      <c r="AQ1277">
        <v>9</v>
      </c>
    </row>
    <row r="1278" spans="1:43">
      <c r="A1278" t="s">
        <v>867</v>
      </c>
      <c r="B1278" t="s">
        <v>868</v>
      </c>
      <c r="C1278" t="s">
        <v>869</v>
      </c>
      <c r="D1278" t="s">
        <v>870</v>
      </c>
      <c r="E1278" t="s">
        <v>847</v>
      </c>
      <c r="F1278" t="s">
        <v>848</v>
      </c>
      <c r="G1278" t="s">
        <v>80</v>
      </c>
      <c r="H1278" t="s">
        <v>81</v>
      </c>
      <c r="I1278" s="2">
        <v>0</v>
      </c>
      <c r="J1278" s="2">
        <v>1</v>
      </c>
      <c r="K1278" s="2">
        <v>0</v>
      </c>
      <c r="L1278" t="s">
        <v>82</v>
      </c>
      <c r="M1278" t="s">
        <v>83</v>
      </c>
      <c r="N1278" t="s">
        <v>84</v>
      </c>
      <c r="O1278" t="s">
        <v>85</v>
      </c>
      <c r="P1278" t="s">
        <v>86</v>
      </c>
      <c r="Q1278">
        <v>83</v>
      </c>
      <c r="R1278">
        <v>84</v>
      </c>
      <c r="S1278">
        <v>84</v>
      </c>
      <c r="T1278">
        <v>85</v>
      </c>
      <c r="U1278">
        <v>86</v>
      </c>
      <c r="V1278">
        <v>86</v>
      </c>
      <c r="W1278">
        <v>87</v>
      </c>
      <c r="X1278">
        <v>87</v>
      </c>
      <c r="Y1278">
        <v>88</v>
      </c>
      <c r="Z1278">
        <v>88</v>
      </c>
      <c r="AA1278">
        <v>89</v>
      </c>
      <c r="AB1278">
        <v>89</v>
      </c>
      <c r="AC1278">
        <v>89</v>
      </c>
      <c r="AD1278">
        <v>90</v>
      </c>
      <c r="AE1278">
        <v>90</v>
      </c>
      <c r="AF1278">
        <v>90</v>
      </c>
      <c r="AG1278">
        <v>91</v>
      </c>
      <c r="AH1278">
        <v>91</v>
      </c>
      <c r="AI1278">
        <v>91</v>
      </c>
      <c r="AJ1278">
        <v>92</v>
      </c>
      <c r="AK1278">
        <v>92</v>
      </c>
      <c r="AL1278">
        <v>92</v>
      </c>
      <c r="AM1278">
        <v>91</v>
      </c>
      <c r="AN1278">
        <v>91</v>
      </c>
      <c r="AO1278">
        <v>91</v>
      </c>
      <c r="AP1278">
        <v>90</v>
      </c>
      <c r="AQ1278">
        <v>90</v>
      </c>
    </row>
    <row r="1279" spans="1:43">
      <c r="A1279" t="s">
        <v>867</v>
      </c>
      <c r="B1279" t="s">
        <v>868</v>
      </c>
      <c r="C1279" t="s">
        <v>869</v>
      </c>
      <c r="D1279" t="s">
        <v>870</v>
      </c>
      <c r="E1279" t="s">
        <v>847</v>
      </c>
      <c r="F1279" t="s">
        <v>848</v>
      </c>
      <c r="G1279" t="s">
        <v>80</v>
      </c>
      <c r="H1279" t="s">
        <v>81</v>
      </c>
      <c r="I1279" s="2">
        <v>0</v>
      </c>
      <c r="J1279" s="2">
        <v>1</v>
      </c>
      <c r="K1279" s="2">
        <v>0</v>
      </c>
      <c r="L1279" t="s">
        <v>82</v>
      </c>
      <c r="M1279" t="s">
        <v>87</v>
      </c>
      <c r="N1279" t="s">
        <v>88</v>
      </c>
      <c r="O1279" t="s">
        <v>85</v>
      </c>
      <c r="P1279" t="s">
        <v>86</v>
      </c>
      <c r="Q1279">
        <v>83</v>
      </c>
      <c r="R1279">
        <v>82</v>
      </c>
      <c r="S1279">
        <v>82</v>
      </c>
      <c r="T1279">
        <v>82</v>
      </c>
      <c r="U1279">
        <v>82</v>
      </c>
      <c r="V1279">
        <v>82</v>
      </c>
      <c r="W1279">
        <v>81</v>
      </c>
      <c r="X1279">
        <v>81</v>
      </c>
      <c r="Y1279">
        <v>81</v>
      </c>
      <c r="Z1279">
        <v>81</v>
      </c>
      <c r="AA1279">
        <v>81</v>
      </c>
      <c r="AB1279">
        <v>80</v>
      </c>
      <c r="AC1279">
        <v>80</v>
      </c>
      <c r="AD1279">
        <v>80</v>
      </c>
      <c r="AE1279">
        <v>80</v>
      </c>
      <c r="AF1279">
        <v>80</v>
      </c>
      <c r="AG1279">
        <v>80</v>
      </c>
      <c r="AH1279">
        <v>80</v>
      </c>
      <c r="AI1279">
        <v>79</v>
      </c>
      <c r="AJ1279">
        <v>79</v>
      </c>
      <c r="AK1279">
        <v>79</v>
      </c>
      <c r="AL1279">
        <v>79</v>
      </c>
      <c r="AM1279">
        <v>79</v>
      </c>
      <c r="AN1279">
        <v>79</v>
      </c>
      <c r="AO1279">
        <v>79</v>
      </c>
      <c r="AP1279">
        <v>79</v>
      </c>
      <c r="AQ1279">
        <v>78</v>
      </c>
    </row>
    <row r="1280" spans="1:43">
      <c r="A1280" t="s">
        <v>867</v>
      </c>
      <c r="B1280" t="s">
        <v>868</v>
      </c>
      <c r="C1280" t="s">
        <v>869</v>
      </c>
      <c r="D1280" t="s">
        <v>870</v>
      </c>
      <c r="E1280" t="s">
        <v>847</v>
      </c>
      <c r="F1280" t="s">
        <v>848</v>
      </c>
      <c r="G1280" t="s">
        <v>80</v>
      </c>
      <c r="H1280" t="s">
        <v>81</v>
      </c>
      <c r="I1280" s="2">
        <v>0</v>
      </c>
      <c r="J1280" s="2">
        <v>1</v>
      </c>
      <c r="K1280" s="2">
        <v>0</v>
      </c>
      <c r="L1280" t="s">
        <v>82</v>
      </c>
      <c r="M1280" t="s">
        <v>89</v>
      </c>
      <c r="N1280" t="s">
        <v>90</v>
      </c>
      <c r="O1280" t="s">
        <v>85</v>
      </c>
      <c r="P1280" t="s">
        <v>86</v>
      </c>
      <c r="Q1280">
        <v>83</v>
      </c>
      <c r="R1280">
        <v>84</v>
      </c>
      <c r="S1280">
        <v>86</v>
      </c>
      <c r="T1280">
        <v>87</v>
      </c>
      <c r="U1280">
        <v>88</v>
      </c>
      <c r="V1280">
        <v>89</v>
      </c>
      <c r="W1280">
        <v>90</v>
      </c>
      <c r="X1280">
        <v>91</v>
      </c>
      <c r="Y1280">
        <v>92</v>
      </c>
      <c r="Z1280">
        <v>92</v>
      </c>
      <c r="AA1280">
        <v>93</v>
      </c>
      <c r="AB1280">
        <v>94</v>
      </c>
      <c r="AC1280">
        <v>94</v>
      </c>
      <c r="AD1280">
        <v>95</v>
      </c>
      <c r="AE1280">
        <v>95</v>
      </c>
      <c r="AF1280">
        <v>95</v>
      </c>
      <c r="AG1280">
        <v>94</v>
      </c>
      <c r="AH1280">
        <v>94</v>
      </c>
      <c r="AI1280">
        <v>93</v>
      </c>
      <c r="AJ1280">
        <v>93</v>
      </c>
      <c r="AK1280">
        <v>92</v>
      </c>
      <c r="AL1280">
        <v>92</v>
      </c>
      <c r="AM1280">
        <v>92</v>
      </c>
      <c r="AN1280">
        <v>91</v>
      </c>
      <c r="AO1280">
        <v>91</v>
      </c>
      <c r="AP1280">
        <v>90</v>
      </c>
      <c r="AQ1280">
        <v>90</v>
      </c>
    </row>
    <row r="1281" spans="1:43">
      <c r="A1281" t="s">
        <v>867</v>
      </c>
      <c r="B1281" t="s">
        <v>868</v>
      </c>
      <c r="C1281" t="s">
        <v>869</v>
      </c>
      <c r="D1281" t="s">
        <v>870</v>
      </c>
      <c r="E1281" t="s">
        <v>847</v>
      </c>
      <c r="F1281" t="s">
        <v>848</v>
      </c>
      <c r="G1281" t="s">
        <v>80</v>
      </c>
      <c r="H1281" t="s">
        <v>81</v>
      </c>
      <c r="I1281" s="2">
        <v>0</v>
      </c>
      <c r="J1281" s="2">
        <v>1</v>
      </c>
      <c r="K1281" s="2">
        <v>0</v>
      </c>
      <c r="L1281" t="s">
        <v>82</v>
      </c>
      <c r="M1281" t="s">
        <v>83</v>
      </c>
      <c r="N1281" t="s">
        <v>91</v>
      </c>
      <c r="O1281" t="s">
        <v>85</v>
      </c>
      <c r="P1281" t="s">
        <v>86</v>
      </c>
      <c r="Q1281">
        <v>83</v>
      </c>
      <c r="R1281">
        <v>84</v>
      </c>
      <c r="S1281">
        <v>84</v>
      </c>
      <c r="T1281">
        <v>85</v>
      </c>
      <c r="U1281">
        <v>86</v>
      </c>
      <c r="V1281">
        <v>86</v>
      </c>
      <c r="W1281">
        <v>87</v>
      </c>
      <c r="X1281">
        <v>87</v>
      </c>
      <c r="Y1281">
        <v>88</v>
      </c>
      <c r="Z1281">
        <v>88</v>
      </c>
      <c r="AA1281">
        <v>89</v>
      </c>
      <c r="AB1281">
        <v>89</v>
      </c>
      <c r="AC1281">
        <v>89</v>
      </c>
      <c r="AD1281">
        <v>90</v>
      </c>
      <c r="AE1281">
        <v>90</v>
      </c>
      <c r="AF1281">
        <v>90</v>
      </c>
      <c r="AG1281">
        <v>91</v>
      </c>
      <c r="AH1281">
        <v>91</v>
      </c>
      <c r="AI1281">
        <v>91</v>
      </c>
      <c r="AJ1281">
        <v>92</v>
      </c>
      <c r="AK1281">
        <v>92</v>
      </c>
      <c r="AL1281">
        <v>92</v>
      </c>
      <c r="AM1281">
        <v>91</v>
      </c>
      <c r="AN1281">
        <v>91</v>
      </c>
      <c r="AO1281">
        <v>91</v>
      </c>
      <c r="AP1281">
        <v>90</v>
      </c>
      <c r="AQ1281">
        <v>90</v>
      </c>
    </row>
    <row r="1282" spans="1:43">
      <c r="A1282" t="s">
        <v>871</v>
      </c>
      <c r="B1282" t="s">
        <v>872</v>
      </c>
      <c r="C1282" t="s">
        <v>873</v>
      </c>
      <c r="D1282" t="s">
        <v>874</v>
      </c>
      <c r="E1282" t="s">
        <v>847</v>
      </c>
      <c r="F1282" t="s">
        <v>848</v>
      </c>
      <c r="G1282" t="s">
        <v>80</v>
      </c>
      <c r="H1282" t="s">
        <v>81</v>
      </c>
      <c r="I1282" s="2">
        <v>0</v>
      </c>
      <c r="J1282" s="2">
        <v>1</v>
      </c>
      <c r="K1282" s="2">
        <v>0</v>
      </c>
      <c r="L1282" t="s">
        <v>82</v>
      </c>
      <c r="M1282" t="s">
        <v>83</v>
      </c>
      <c r="N1282" t="s">
        <v>84</v>
      </c>
      <c r="O1282" t="s">
        <v>85</v>
      </c>
      <c r="P1282" t="s">
        <v>86</v>
      </c>
      <c r="Q1282">
        <v>13</v>
      </c>
      <c r="R1282">
        <v>13</v>
      </c>
      <c r="S1282">
        <v>13</v>
      </c>
      <c r="T1282">
        <v>13</v>
      </c>
      <c r="U1282">
        <v>13</v>
      </c>
      <c r="V1282">
        <v>13</v>
      </c>
      <c r="W1282">
        <v>13</v>
      </c>
      <c r="X1282">
        <v>13</v>
      </c>
      <c r="Y1282">
        <v>13</v>
      </c>
      <c r="Z1282">
        <v>13</v>
      </c>
      <c r="AA1282">
        <v>13</v>
      </c>
      <c r="AB1282">
        <v>14</v>
      </c>
      <c r="AC1282">
        <v>14</v>
      </c>
      <c r="AD1282">
        <v>14</v>
      </c>
      <c r="AE1282">
        <v>14</v>
      </c>
      <c r="AF1282">
        <v>14</v>
      </c>
      <c r="AG1282">
        <v>14</v>
      </c>
      <c r="AH1282">
        <v>14</v>
      </c>
      <c r="AI1282">
        <v>14</v>
      </c>
      <c r="AJ1282">
        <v>14</v>
      </c>
      <c r="AK1282">
        <v>14</v>
      </c>
      <c r="AL1282">
        <v>14</v>
      </c>
      <c r="AM1282">
        <v>14</v>
      </c>
      <c r="AN1282">
        <v>14</v>
      </c>
      <c r="AO1282">
        <v>14</v>
      </c>
      <c r="AP1282">
        <v>14</v>
      </c>
      <c r="AQ1282">
        <v>14</v>
      </c>
    </row>
    <row r="1283" spans="1:43">
      <c r="A1283" t="s">
        <v>871</v>
      </c>
      <c r="B1283" t="s">
        <v>872</v>
      </c>
      <c r="C1283" t="s">
        <v>873</v>
      </c>
      <c r="D1283" t="s">
        <v>874</v>
      </c>
      <c r="E1283" t="s">
        <v>847</v>
      </c>
      <c r="F1283" t="s">
        <v>848</v>
      </c>
      <c r="G1283" t="s">
        <v>80</v>
      </c>
      <c r="H1283" t="s">
        <v>81</v>
      </c>
      <c r="I1283" s="2">
        <v>0</v>
      </c>
      <c r="J1283" s="2">
        <v>1</v>
      </c>
      <c r="K1283" s="2">
        <v>0</v>
      </c>
      <c r="L1283" t="s">
        <v>82</v>
      </c>
      <c r="M1283" t="s">
        <v>87</v>
      </c>
      <c r="N1283" t="s">
        <v>88</v>
      </c>
      <c r="O1283" t="s">
        <v>85</v>
      </c>
      <c r="P1283" t="s">
        <v>86</v>
      </c>
      <c r="Q1283">
        <v>13</v>
      </c>
      <c r="R1283">
        <v>13</v>
      </c>
      <c r="S1283">
        <v>12</v>
      </c>
      <c r="T1283">
        <v>12</v>
      </c>
      <c r="U1283">
        <v>12</v>
      </c>
      <c r="V1283">
        <v>12</v>
      </c>
      <c r="W1283">
        <v>12</v>
      </c>
      <c r="X1283">
        <v>12</v>
      </c>
      <c r="Y1283">
        <v>12</v>
      </c>
      <c r="Z1283">
        <v>12</v>
      </c>
      <c r="AA1283">
        <v>12</v>
      </c>
      <c r="AB1283">
        <v>12</v>
      </c>
      <c r="AC1283">
        <v>12</v>
      </c>
      <c r="AD1283">
        <v>12</v>
      </c>
      <c r="AE1283">
        <v>12</v>
      </c>
      <c r="AF1283">
        <v>12</v>
      </c>
      <c r="AG1283">
        <v>12</v>
      </c>
      <c r="AH1283">
        <v>12</v>
      </c>
      <c r="AI1283">
        <v>12</v>
      </c>
      <c r="AJ1283">
        <v>12</v>
      </c>
      <c r="AK1283">
        <v>12</v>
      </c>
      <c r="AL1283">
        <v>12</v>
      </c>
      <c r="AM1283">
        <v>12</v>
      </c>
      <c r="AN1283">
        <v>12</v>
      </c>
      <c r="AO1283">
        <v>12</v>
      </c>
      <c r="AP1283">
        <v>12</v>
      </c>
      <c r="AQ1283">
        <v>12</v>
      </c>
    </row>
    <row r="1284" spans="1:43">
      <c r="A1284" t="s">
        <v>871</v>
      </c>
      <c r="B1284" t="s">
        <v>872</v>
      </c>
      <c r="C1284" t="s">
        <v>873</v>
      </c>
      <c r="D1284" t="s">
        <v>874</v>
      </c>
      <c r="E1284" t="s">
        <v>847</v>
      </c>
      <c r="F1284" t="s">
        <v>848</v>
      </c>
      <c r="G1284" t="s">
        <v>80</v>
      </c>
      <c r="H1284" t="s">
        <v>81</v>
      </c>
      <c r="I1284" s="2">
        <v>0</v>
      </c>
      <c r="J1284" s="2">
        <v>1</v>
      </c>
      <c r="K1284" s="2">
        <v>0</v>
      </c>
      <c r="L1284" t="s">
        <v>82</v>
      </c>
      <c r="M1284" t="s">
        <v>89</v>
      </c>
      <c r="N1284" t="s">
        <v>90</v>
      </c>
      <c r="O1284" t="s">
        <v>85</v>
      </c>
      <c r="P1284" t="s">
        <v>86</v>
      </c>
      <c r="Q1284">
        <v>13</v>
      </c>
      <c r="R1284">
        <v>13</v>
      </c>
      <c r="S1284">
        <v>13</v>
      </c>
      <c r="T1284">
        <v>13</v>
      </c>
      <c r="U1284">
        <v>14</v>
      </c>
      <c r="V1284">
        <v>14</v>
      </c>
      <c r="W1284">
        <v>14</v>
      </c>
      <c r="X1284">
        <v>14</v>
      </c>
      <c r="Y1284">
        <v>14</v>
      </c>
      <c r="Z1284">
        <v>14</v>
      </c>
      <c r="AA1284">
        <v>14</v>
      </c>
      <c r="AB1284">
        <v>14</v>
      </c>
      <c r="AC1284">
        <v>14</v>
      </c>
      <c r="AD1284">
        <v>15</v>
      </c>
      <c r="AE1284">
        <v>15</v>
      </c>
      <c r="AF1284">
        <v>14</v>
      </c>
      <c r="AG1284">
        <v>14</v>
      </c>
      <c r="AH1284">
        <v>14</v>
      </c>
      <c r="AI1284">
        <v>14</v>
      </c>
      <c r="AJ1284">
        <v>14</v>
      </c>
      <c r="AK1284">
        <v>14</v>
      </c>
      <c r="AL1284">
        <v>14</v>
      </c>
      <c r="AM1284">
        <v>14</v>
      </c>
      <c r="AN1284">
        <v>14</v>
      </c>
      <c r="AO1284">
        <v>14</v>
      </c>
      <c r="AP1284">
        <v>14</v>
      </c>
      <c r="AQ1284">
        <v>14</v>
      </c>
    </row>
    <row r="1285" spans="1:43">
      <c r="A1285" t="s">
        <v>871</v>
      </c>
      <c r="B1285" t="s">
        <v>872</v>
      </c>
      <c r="C1285" t="s">
        <v>873</v>
      </c>
      <c r="D1285" t="s">
        <v>874</v>
      </c>
      <c r="E1285" t="s">
        <v>847</v>
      </c>
      <c r="F1285" t="s">
        <v>848</v>
      </c>
      <c r="G1285" t="s">
        <v>80</v>
      </c>
      <c r="H1285" t="s">
        <v>81</v>
      </c>
      <c r="I1285" s="2">
        <v>0</v>
      </c>
      <c r="J1285" s="2">
        <v>1</v>
      </c>
      <c r="K1285" s="2">
        <v>0</v>
      </c>
      <c r="L1285" t="s">
        <v>82</v>
      </c>
      <c r="M1285" t="s">
        <v>83</v>
      </c>
      <c r="N1285" t="s">
        <v>91</v>
      </c>
      <c r="O1285" t="s">
        <v>85</v>
      </c>
      <c r="P1285" t="s">
        <v>86</v>
      </c>
      <c r="Q1285">
        <v>13</v>
      </c>
      <c r="R1285">
        <v>13</v>
      </c>
      <c r="S1285">
        <v>13</v>
      </c>
      <c r="T1285">
        <v>13</v>
      </c>
      <c r="U1285">
        <v>13</v>
      </c>
      <c r="V1285">
        <v>13</v>
      </c>
      <c r="W1285">
        <v>13</v>
      </c>
      <c r="X1285">
        <v>13</v>
      </c>
      <c r="Y1285">
        <v>13</v>
      </c>
      <c r="Z1285">
        <v>13</v>
      </c>
      <c r="AA1285">
        <v>13</v>
      </c>
      <c r="AB1285">
        <v>14</v>
      </c>
      <c r="AC1285">
        <v>14</v>
      </c>
      <c r="AD1285">
        <v>14</v>
      </c>
      <c r="AE1285">
        <v>14</v>
      </c>
      <c r="AF1285">
        <v>14</v>
      </c>
      <c r="AG1285">
        <v>14</v>
      </c>
      <c r="AH1285">
        <v>14</v>
      </c>
      <c r="AI1285">
        <v>14</v>
      </c>
      <c r="AJ1285">
        <v>14</v>
      </c>
      <c r="AK1285">
        <v>14</v>
      </c>
      <c r="AL1285">
        <v>14</v>
      </c>
      <c r="AM1285">
        <v>14</v>
      </c>
      <c r="AN1285">
        <v>14</v>
      </c>
      <c r="AO1285">
        <v>14</v>
      </c>
      <c r="AP1285">
        <v>14</v>
      </c>
      <c r="AQ1285">
        <v>14</v>
      </c>
    </row>
    <row r="1286" spans="1:43">
      <c r="A1286" t="s">
        <v>875</v>
      </c>
      <c r="B1286" t="s">
        <v>876</v>
      </c>
      <c r="C1286" t="s">
        <v>869</v>
      </c>
      <c r="D1286" t="s">
        <v>870</v>
      </c>
      <c r="E1286" t="s">
        <v>847</v>
      </c>
      <c r="F1286" t="s">
        <v>848</v>
      </c>
      <c r="G1286" t="s">
        <v>80</v>
      </c>
      <c r="H1286" t="s">
        <v>81</v>
      </c>
      <c r="I1286" s="2">
        <v>0</v>
      </c>
      <c r="J1286" s="2">
        <v>1</v>
      </c>
      <c r="K1286" s="2">
        <v>0</v>
      </c>
      <c r="L1286" t="s">
        <v>82</v>
      </c>
      <c r="M1286" t="s">
        <v>83</v>
      </c>
      <c r="N1286" t="s">
        <v>84</v>
      </c>
      <c r="O1286" t="s">
        <v>85</v>
      </c>
      <c r="P1286" t="s">
        <v>86</v>
      </c>
      <c r="Q1286">
        <v>33</v>
      </c>
      <c r="R1286">
        <v>33</v>
      </c>
      <c r="S1286">
        <v>33</v>
      </c>
      <c r="T1286">
        <v>33</v>
      </c>
      <c r="U1286">
        <v>33</v>
      </c>
      <c r="V1286">
        <v>34</v>
      </c>
      <c r="W1286">
        <v>34</v>
      </c>
      <c r="X1286">
        <v>34</v>
      </c>
      <c r="Y1286">
        <v>34</v>
      </c>
      <c r="Z1286">
        <v>34</v>
      </c>
      <c r="AA1286">
        <v>34</v>
      </c>
      <c r="AB1286">
        <v>34</v>
      </c>
      <c r="AC1286">
        <v>34</v>
      </c>
      <c r="AD1286">
        <v>34</v>
      </c>
      <c r="AE1286">
        <v>34</v>
      </c>
      <c r="AF1286">
        <v>34</v>
      </c>
      <c r="AG1286">
        <v>35</v>
      </c>
      <c r="AH1286">
        <v>35</v>
      </c>
      <c r="AI1286">
        <v>35</v>
      </c>
      <c r="AJ1286">
        <v>35</v>
      </c>
      <c r="AK1286">
        <v>35</v>
      </c>
      <c r="AL1286">
        <v>35</v>
      </c>
      <c r="AM1286">
        <v>34</v>
      </c>
      <c r="AN1286">
        <v>34</v>
      </c>
      <c r="AO1286">
        <v>34</v>
      </c>
      <c r="AP1286">
        <v>34</v>
      </c>
      <c r="AQ1286">
        <v>33</v>
      </c>
    </row>
    <row r="1287" spans="1:43">
      <c r="A1287" t="s">
        <v>875</v>
      </c>
      <c r="B1287" t="s">
        <v>876</v>
      </c>
      <c r="C1287" t="s">
        <v>869</v>
      </c>
      <c r="D1287" t="s">
        <v>870</v>
      </c>
      <c r="E1287" t="s">
        <v>847</v>
      </c>
      <c r="F1287" t="s">
        <v>848</v>
      </c>
      <c r="G1287" t="s">
        <v>80</v>
      </c>
      <c r="H1287" t="s">
        <v>81</v>
      </c>
      <c r="I1287" s="2">
        <v>0</v>
      </c>
      <c r="J1287" s="2">
        <v>1</v>
      </c>
      <c r="K1287" s="2">
        <v>0</v>
      </c>
      <c r="L1287" t="s">
        <v>82</v>
      </c>
      <c r="M1287" t="s">
        <v>87</v>
      </c>
      <c r="N1287" t="s">
        <v>88</v>
      </c>
      <c r="O1287" t="s">
        <v>85</v>
      </c>
      <c r="P1287" t="s">
        <v>86</v>
      </c>
      <c r="Q1287">
        <v>33</v>
      </c>
      <c r="R1287">
        <v>32</v>
      </c>
      <c r="S1287">
        <v>32</v>
      </c>
      <c r="T1287">
        <v>32</v>
      </c>
      <c r="U1287">
        <v>32</v>
      </c>
      <c r="V1287">
        <v>32</v>
      </c>
      <c r="W1287">
        <v>32</v>
      </c>
      <c r="X1287">
        <v>31</v>
      </c>
      <c r="Y1287">
        <v>31</v>
      </c>
      <c r="Z1287">
        <v>31</v>
      </c>
      <c r="AA1287">
        <v>31</v>
      </c>
      <c r="AB1287">
        <v>31</v>
      </c>
      <c r="AC1287">
        <v>31</v>
      </c>
      <c r="AD1287">
        <v>31</v>
      </c>
      <c r="AE1287">
        <v>30</v>
      </c>
      <c r="AF1287">
        <v>30</v>
      </c>
      <c r="AG1287">
        <v>30</v>
      </c>
      <c r="AH1287">
        <v>30</v>
      </c>
      <c r="AI1287">
        <v>30</v>
      </c>
      <c r="AJ1287">
        <v>30</v>
      </c>
      <c r="AK1287">
        <v>30</v>
      </c>
      <c r="AL1287">
        <v>30</v>
      </c>
      <c r="AM1287">
        <v>29</v>
      </c>
      <c r="AN1287">
        <v>29</v>
      </c>
      <c r="AO1287">
        <v>29</v>
      </c>
      <c r="AP1287">
        <v>29</v>
      </c>
      <c r="AQ1287">
        <v>29</v>
      </c>
    </row>
    <row r="1288" spans="1:43">
      <c r="A1288" t="s">
        <v>875</v>
      </c>
      <c r="B1288" t="s">
        <v>876</v>
      </c>
      <c r="C1288" t="s">
        <v>869</v>
      </c>
      <c r="D1288" t="s">
        <v>870</v>
      </c>
      <c r="E1288" t="s">
        <v>847</v>
      </c>
      <c r="F1288" t="s">
        <v>848</v>
      </c>
      <c r="G1288" t="s">
        <v>80</v>
      </c>
      <c r="H1288" t="s">
        <v>81</v>
      </c>
      <c r="I1288" s="2">
        <v>0</v>
      </c>
      <c r="J1288" s="2">
        <v>1</v>
      </c>
      <c r="K1288" s="2">
        <v>0</v>
      </c>
      <c r="L1288" t="s">
        <v>82</v>
      </c>
      <c r="M1288" t="s">
        <v>89</v>
      </c>
      <c r="N1288" t="s">
        <v>90</v>
      </c>
      <c r="O1288" t="s">
        <v>85</v>
      </c>
      <c r="P1288" t="s">
        <v>86</v>
      </c>
      <c r="Q1288">
        <v>33</v>
      </c>
      <c r="R1288">
        <v>34</v>
      </c>
      <c r="S1288">
        <v>34</v>
      </c>
      <c r="T1288">
        <v>34</v>
      </c>
      <c r="U1288">
        <v>35</v>
      </c>
      <c r="V1288">
        <v>35</v>
      </c>
      <c r="W1288">
        <v>35</v>
      </c>
      <c r="X1288">
        <v>36</v>
      </c>
      <c r="Y1288">
        <v>36</v>
      </c>
      <c r="Z1288">
        <v>36</v>
      </c>
      <c r="AA1288">
        <v>36</v>
      </c>
      <c r="AB1288">
        <v>36</v>
      </c>
      <c r="AC1288">
        <v>37</v>
      </c>
      <c r="AD1288">
        <v>37</v>
      </c>
      <c r="AE1288">
        <v>37</v>
      </c>
      <c r="AF1288">
        <v>37</v>
      </c>
      <c r="AG1288">
        <v>36</v>
      </c>
      <c r="AH1288">
        <v>36</v>
      </c>
      <c r="AI1288">
        <v>36</v>
      </c>
      <c r="AJ1288">
        <v>35</v>
      </c>
      <c r="AK1288">
        <v>35</v>
      </c>
      <c r="AL1288">
        <v>35</v>
      </c>
      <c r="AM1288">
        <v>35</v>
      </c>
      <c r="AN1288">
        <v>34</v>
      </c>
      <c r="AO1288">
        <v>34</v>
      </c>
      <c r="AP1288">
        <v>34</v>
      </c>
      <c r="AQ1288">
        <v>34</v>
      </c>
    </row>
    <row r="1289" spans="1:43">
      <c r="A1289" t="s">
        <v>875</v>
      </c>
      <c r="B1289" t="s">
        <v>876</v>
      </c>
      <c r="C1289" t="s">
        <v>869</v>
      </c>
      <c r="D1289" t="s">
        <v>870</v>
      </c>
      <c r="E1289" t="s">
        <v>847</v>
      </c>
      <c r="F1289" t="s">
        <v>848</v>
      </c>
      <c r="G1289" t="s">
        <v>80</v>
      </c>
      <c r="H1289" t="s">
        <v>81</v>
      </c>
      <c r="I1289" s="2">
        <v>0</v>
      </c>
      <c r="J1289" s="2">
        <v>1</v>
      </c>
      <c r="K1289" s="2">
        <v>0</v>
      </c>
      <c r="L1289" t="s">
        <v>82</v>
      </c>
      <c r="M1289" t="s">
        <v>83</v>
      </c>
      <c r="N1289" t="s">
        <v>91</v>
      </c>
      <c r="O1289" t="s">
        <v>85</v>
      </c>
      <c r="P1289" t="s">
        <v>86</v>
      </c>
      <c r="Q1289">
        <v>33</v>
      </c>
      <c r="R1289">
        <v>33</v>
      </c>
      <c r="S1289">
        <v>33</v>
      </c>
      <c r="T1289">
        <v>33</v>
      </c>
      <c r="U1289">
        <v>33</v>
      </c>
      <c r="V1289">
        <v>34</v>
      </c>
      <c r="W1289">
        <v>34</v>
      </c>
      <c r="X1289">
        <v>34</v>
      </c>
      <c r="Y1289">
        <v>34</v>
      </c>
      <c r="Z1289">
        <v>34</v>
      </c>
      <c r="AA1289">
        <v>34</v>
      </c>
      <c r="AB1289">
        <v>34</v>
      </c>
      <c r="AC1289">
        <v>34</v>
      </c>
      <c r="AD1289">
        <v>34</v>
      </c>
      <c r="AE1289">
        <v>34</v>
      </c>
      <c r="AF1289">
        <v>34</v>
      </c>
      <c r="AG1289">
        <v>35</v>
      </c>
      <c r="AH1289">
        <v>35</v>
      </c>
      <c r="AI1289">
        <v>35</v>
      </c>
      <c r="AJ1289">
        <v>35</v>
      </c>
      <c r="AK1289">
        <v>35</v>
      </c>
      <c r="AL1289">
        <v>35</v>
      </c>
      <c r="AM1289">
        <v>34</v>
      </c>
      <c r="AN1289">
        <v>34</v>
      </c>
      <c r="AO1289">
        <v>34</v>
      </c>
      <c r="AP1289">
        <v>34</v>
      </c>
      <c r="AQ1289">
        <v>33</v>
      </c>
    </row>
    <row r="1290" spans="1:43">
      <c r="A1290" t="s">
        <v>877</v>
      </c>
      <c r="B1290" t="s">
        <v>878</v>
      </c>
      <c r="C1290" t="s">
        <v>869</v>
      </c>
      <c r="D1290" t="s">
        <v>870</v>
      </c>
      <c r="E1290" t="s">
        <v>847</v>
      </c>
      <c r="F1290" t="s">
        <v>848</v>
      </c>
      <c r="G1290" t="s">
        <v>80</v>
      </c>
      <c r="H1290" t="s">
        <v>81</v>
      </c>
      <c r="I1290" s="2">
        <v>0</v>
      </c>
      <c r="J1290" s="2">
        <v>1</v>
      </c>
      <c r="K1290" s="2">
        <v>0</v>
      </c>
      <c r="L1290" t="s">
        <v>82</v>
      </c>
      <c r="M1290" t="s">
        <v>83</v>
      </c>
      <c r="N1290" t="s">
        <v>84</v>
      </c>
      <c r="O1290" t="s">
        <v>85</v>
      </c>
      <c r="P1290" t="s">
        <v>86</v>
      </c>
      <c r="Q1290">
        <v>38</v>
      </c>
      <c r="R1290">
        <v>38</v>
      </c>
      <c r="S1290">
        <v>39</v>
      </c>
      <c r="T1290">
        <v>39</v>
      </c>
      <c r="U1290">
        <v>39</v>
      </c>
      <c r="V1290">
        <v>39</v>
      </c>
      <c r="W1290">
        <v>40</v>
      </c>
      <c r="X1290">
        <v>40</v>
      </c>
      <c r="Y1290">
        <v>40</v>
      </c>
      <c r="Z1290">
        <v>40</v>
      </c>
      <c r="AA1290">
        <v>41</v>
      </c>
      <c r="AB1290">
        <v>41</v>
      </c>
      <c r="AC1290">
        <v>41</v>
      </c>
      <c r="AD1290">
        <v>41</v>
      </c>
      <c r="AE1290">
        <v>41</v>
      </c>
      <c r="AF1290">
        <v>41</v>
      </c>
      <c r="AG1290">
        <v>42</v>
      </c>
      <c r="AH1290">
        <v>42</v>
      </c>
      <c r="AI1290">
        <v>42</v>
      </c>
      <c r="AJ1290">
        <v>42</v>
      </c>
      <c r="AK1290">
        <v>42</v>
      </c>
      <c r="AL1290">
        <v>42</v>
      </c>
      <c r="AM1290">
        <v>42</v>
      </c>
      <c r="AN1290">
        <v>42</v>
      </c>
      <c r="AO1290">
        <v>42</v>
      </c>
      <c r="AP1290">
        <v>41</v>
      </c>
      <c r="AQ1290">
        <v>41</v>
      </c>
    </row>
    <row r="1291" spans="1:43">
      <c r="A1291" t="s">
        <v>877</v>
      </c>
      <c r="B1291" t="s">
        <v>878</v>
      </c>
      <c r="C1291" t="s">
        <v>869</v>
      </c>
      <c r="D1291" t="s">
        <v>870</v>
      </c>
      <c r="E1291" t="s">
        <v>847</v>
      </c>
      <c r="F1291" t="s">
        <v>848</v>
      </c>
      <c r="G1291" t="s">
        <v>80</v>
      </c>
      <c r="H1291" t="s">
        <v>81</v>
      </c>
      <c r="I1291" s="2">
        <v>0</v>
      </c>
      <c r="J1291" s="2">
        <v>1</v>
      </c>
      <c r="K1291" s="2">
        <v>0</v>
      </c>
      <c r="L1291" t="s">
        <v>82</v>
      </c>
      <c r="M1291" t="s">
        <v>87</v>
      </c>
      <c r="N1291" t="s">
        <v>88</v>
      </c>
      <c r="O1291" t="s">
        <v>85</v>
      </c>
      <c r="P1291" t="s">
        <v>86</v>
      </c>
      <c r="Q1291">
        <v>38</v>
      </c>
      <c r="R1291">
        <v>38</v>
      </c>
      <c r="S1291">
        <v>38</v>
      </c>
      <c r="T1291">
        <v>38</v>
      </c>
      <c r="U1291">
        <v>37</v>
      </c>
      <c r="V1291">
        <v>37</v>
      </c>
      <c r="W1291">
        <v>37</v>
      </c>
      <c r="X1291">
        <v>37</v>
      </c>
      <c r="Y1291">
        <v>37</v>
      </c>
      <c r="Z1291">
        <v>37</v>
      </c>
      <c r="AA1291">
        <v>37</v>
      </c>
      <c r="AB1291">
        <v>37</v>
      </c>
      <c r="AC1291">
        <v>37</v>
      </c>
      <c r="AD1291">
        <v>37</v>
      </c>
      <c r="AE1291">
        <v>37</v>
      </c>
      <c r="AF1291">
        <v>37</v>
      </c>
      <c r="AG1291">
        <v>36</v>
      </c>
      <c r="AH1291">
        <v>36</v>
      </c>
      <c r="AI1291">
        <v>36</v>
      </c>
      <c r="AJ1291">
        <v>36</v>
      </c>
      <c r="AK1291">
        <v>36</v>
      </c>
      <c r="AL1291">
        <v>36</v>
      </c>
      <c r="AM1291">
        <v>36</v>
      </c>
      <c r="AN1291">
        <v>36</v>
      </c>
      <c r="AO1291">
        <v>36</v>
      </c>
      <c r="AP1291">
        <v>36</v>
      </c>
      <c r="AQ1291">
        <v>36</v>
      </c>
    </row>
    <row r="1292" spans="1:43">
      <c r="A1292" t="s">
        <v>877</v>
      </c>
      <c r="B1292" t="s">
        <v>878</v>
      </c>
      <c r="C1292" t="s">
        <v>869</v>
      </c>
      <c r="D1292" t="s">
        <v>870</v>
      </c>
      <c r="E1292" t="s">
        <v>847</v>
      </c>
      <c r="F1292" t="s">
        <v>848</v>
      </c>
      <c r="G1292" t="s">
        <v>80</v>
      </c>
      <c r="H1292" t="s">
        <v>81</v>
      </c>
      <c r="I1292" s="2">
        <v>0</v>
      </c>
      <c r="J1292" s="2">
        <v>1</v>
      </c>
      <c r="K1292" s="2">
        <v>0</v>
      </c>
      <c r="L1292" t="s">
        <v>82</v>
      </c>
      <c r="M1292" t="s">
        <v>89</v>
      </c>
      <c r="N1292" t="s">
        <v>90</v>
      </c>
      <c r="O1292" t="s">
        <v>85</v>
      </c>
      <c r="P1292" t="s">
        <v>86</v>
      </c>
      <c r="Q1292">
        <v>38</v>
      </c>
      <c r="R1292">
        <v>38</v>
      </c>
      <c r="S1292">
        <v>39</v>
      </c>
      <c r="T1292">
        <v>39</v>
      </c>
      <c r="U1292">
        <v>40</v>
      </c>
      <c r="V1292">
        <v>40</v>
      </c>
      <c r="W1292">
        <v>41</v>
      </c>
      <c r="X1292">
        <v>41</v>
      </c>
      <c r="Y1292">
        <v>41</v>
      </c>
      <c r="Z1292">
        <v>42</v>
      </c>
      <c r="AA1292">
        <v>42</v>
      </c>
      <c r="AB1292">
        <v>42</v>
      </c>
      <c r="AC1292">
        <v>43</v>
      </c>
      <c r="AD1292">
        <v>43</v>
      </c>
      <c r="AE1292">
        <v>43</v>
      </c>
      <c r="AF1292">
        <v>43</v>
      </c>
      <c r="AG1292">
        <v>43</v>
      </c>
      <c r="AH1292">
        <v>42</v>
      </c>
      <c r="AI1292">
        <v>42</v>
      </c>
      <c r="AJ1292">
        <v>42</v>
      </c>
      <c r="AK1292">
        <v>42</v>
      </c>
      <c r="AL1292">
        <v>42</v>
      </c>
      <c r="AM1292">
        <v>41</v>
      </c>
      <c r="AN1292">
        <v>41</v>
      </c>
      <c r="AO1292">
        <v>41</v>
      </c>
      <c r="AP1292">
        <v>41</v>
      </c>
      <c r="AQ1292">
        <v>41</v>
      </c>
    </row>
    <row r="1293" spans="1:43">
      <c r="A1293" t="s">
        <v>877</v>
      </c>
      <c r="B1293" t="s">
        <v>878</v>
      </c>
      <c r="C1293" t="s">
        <v>869</v>
      </c>
      <c r="D1293" t="s">
        <v>870</v>
      </c>
      <c r="E1293" t="s">
        <v>847</v>
      </c>
      <c r="F1293" t="s">
        <v>848</v>
      </c>
      <c r="G1293" t="s">
        <v>80</v>
      </c>
      <c r="H1293" t="s">
        <v>81</v>
      </c>
      <c r="I1293" s="2">
        <v>0</v>
      </c>
      <c r="J1293" s="2">
        <v>1</v>
      </c>
      <c r="K1293" s="2">
        <v>0</v>
      </c>
      <c r="L1293" t="s">
        <v>82</v>
      </c>
      <c r="M1293" t="s">
        <v>83</v>
      </c>
      <c r="N1293" t="s">
        <v>91</v>
      </c>
      <c r="O1293" t="s">
        <v>85</v>
      </c>
      <c r="P1293" t="s">
        <v>86</v>
      </c>
      <c r="Q1293">
        <v>38</v>
      </c>
      <c r="R1293">
        <v>38</v>
      </c>
      <c r="S1293">
        <v>39</v>
      </c>
      <c r="T1293">
        <v>39</v>
      </c>
      <c r="U1293">
        <v>39</v>
      </c>
      <c r="V1293">
        <v>39</v>
      </c>
      <c r="W1293">
        <v>40</v>
      </c>
      <c r="X1293">
        <v>40</v>
      </c>
      <c r="Y1293">
        <v>40</v>
      </c>
      <c r="Z1293">
        <v>40</v>
      </c>
      <c r="AA1293">
        <v>41</v>
      </c>
      <c r="AB1293">
        <v>41</v>
      </c>
      <c r="AC1293">
        <v>41</v>
      </c>
      <c r="AD1293">
        <v>41</v>
      </c>
      <c r="AE1293">
        <v>41</v>
      </c>
      <c r="AF1293">
        <v>41</v>
      </c>
      <c r="AG1293">
        <v>42</v>
      </c>
      <c r="AH1293">
        <v>42</v>
      </c>
      <c r="AI1293">
        <v>42</v>
      </c>
      <c r="AJ1293">
        <v>42</v>
      </c>
      <c r="AK1293">
        <v>42</v>
      </c>
      <c r="AL1293">
        <v>42</v>
      </c>
      <c r="AM1293">
        <v>42</v>
      </c>
      <c r="AN1293">
        <v>42</v>
      </c>
      <c r="AO1293">
        <v>42</v>
      </c>
      <c r="AP1293">
        <v>41</v>
      </c>
      <c r="AQ1293">
        <v>41</v>
      </c>
    </row>
    <row r="1294" spans="1:43">
      <c r="A1294" t="s">
        <v>879</v>
      </c>
      <c r="B1294" t="s">
        <v>880</v>
      </c>
      <c r="C1294" t="s">
        <v>869</v>
      </c>
      <c r="D1294" t="s">
        <v>870</v>
      </c>
      <c r="E1294" t="s">
        <v>847</v>
      </c>
      <c r="F1294" t="s">
        <v>848</v>
      </c>
      <c r="G1294" t="s">
        <v>80</v>
      </c>
      <c r="H1294" t="s">
        <v>81</v>
      </c>
      <c r="I1294" s="2">
        <v>0</v>
      </c>
      <c r="J1294" s="2">
        <v>1</v>
      </c>
      <c r="K1294" s="2">
        <v>0</v>
      </c>
      <c r="L1294" t="s">
        <v>82</v>
      </c>
      <c r="M1294" t="s">
        <v>83</v>
      </c>
      <c r="N1294" t="s">
        <v>84</v>
      </c>
      <c r="O1294" t="s">
        <v>85</v>
      </c>
      <c r="P1294" t="s">
        <v>86</v>
      </c>
      <c r="Q1294">
        <v>15</v>
      </c>
      <c r="R1294">
        <v>15</v>
      </c>
      <c r="S1294">
        <v>16</v>
      </c>
      <c r="T1294">
        <v>16</v>
      </c>
      <c r="U1294">
        <v>16</v>
      </c>
      <c r="V1294">
        <v>16</v>
      </c>
      <c r="W1294">
        <v>16</v>
      </c>
      <c r="X1294">
        <v>16</v>
      </c>
      <c r="Y1294">
        <v>16</v>
      </c>
      <c r="Z1294">
        <v>16</v>
      </c>
      <c r="AA1294">
        <v>16</v>
      </c>
      <c r="AB1294">
        <v>16</v>
      </c>
      <c r="AC1294">
        <v>16</v>
      </c>
      <c r="AD1294">
        <v>17</v>
      </c>
      <c r="AE1294">
        <v>17</v>
      </c>
      <c r="AF1294">
        <v>17</v>
      </c>
      <c r="AG1294">
        <v>17</v>
      </c>
      <c r="AH1294">
        <v>17</v>
      </c>
      <c r="AI1294">
        <v>17</v>
      </c>
      <c r="AJ1294">
        <v>17</v>
      </c>
      <c r="AK1294">
        <v>17</v>
      </c>
      <c r="AL1294">
        <v>17</v>
      </c>
      <c r="AM1294">
        <v>17</v>
      </c>
      <c r="AN1294">
        <v>17</v>
      </c>
      <c r="AO1294">
        <v>17</v>
      </c>
      <c r="AP1294">
        <v>17</v>
      </c>
      <c r="AQ1294">
        <v>17</v>
      </c>
    </row>
    <row r="1295" spans="1:43">
      <c r="A1295" t="s">
        <v>879</v>
      </c>
      <c r="B1295" t="s">
        <v>880</v>
      </c>
      <c r="C1295" t="s">
        <v>869</v>
      </c>
      <c r="D1295" t="s">
        <v>870</v>
      </c>
      <c r="E1295" t="s">
        <v>847</v>
      </c>
      <c r="F1295" t="s">
        <v>848</v>
      </c>
      <c r="G1295" t="s">
        <v>80</v>
      </c>
      <c r="H1295" t="s">
        <v>81</v>
      </c>
      <c r="I1295" s="2">
        <v>0</v>
      </c>
      <c r="J1295" s="2">
        <v>1</v>
      </c>
      <c r="K1295" s="2">
        <v>0</v>
      </c>
      <c r="L1295" t="s">
        <v>82</v>
      </c>
      <c r="M1295" t="s">
        <v>87</v>
      </c>
      <c r="N1295" t="s">
        <v>88</v>
      </c>
      <c r="O1295" t="s">
        <v>85</v>
      </c>
      <c r="P1295" t="s">
        <v>86</v>
      </c>
      <c r="Q1295">
        <v>15</v>
      </c>
      <c r="R1295">
        <v>15</v>
      </c>
      <c r="S1295">
        <v>15</v>
      </c>
      <c r="T1295">
        <v>15</v>
      </c>
      <c r="U1295">
        <v>15</v>
      </c>
      <c r="V1295">
        <v>15</v>
      </c>
      <c r="W1295">
        <v>15</v>
      </c>
      <c r="X1295">
        <v>15</v>
      </c>
      <c r="Y1295">
        <v>15</v>
      </c>
      <c r="Z1295">
        <v>15</v>
      </c>
      <c r="AA1295">
        <v>15</v>
      </c>
      <c r="AB1295">
        <v>15</v>
      </c>
      <c r="AC1295">
        <v>15</v>
      </c>
      <c r="AD1295">
        <v>15</v>
      </c>
      <c r="AE1295">
        <v>15</v>
      </c>
      <c r="AF1295">
        <v>15</v>
      </c>
      <c r="AG1295">
        <v>15</v>
      </c>
      <c r="AH1295">
        <v>15</v>
      </c>
      <c r="AI1295">
        <v>15</v>
      </c>
      <c r="AJ1295">
        <v>15</v>
      </c>
      <c r="AK1295">
        <v>15</v>
      </c>
      <c r="AL1295">
        <v>15</v>
      </c>
      <c r="AM1295">
        <v>15</v>
      </c>
      <c r="AN1295">
        <v>15</v>
      </c>
      <c r="AO1295">
        <v>14</v>
      </c>
      <c r="AP1295">
        <v>14</v>
      </c>
      <c r="AQ1295">
        <v>14</v>
      </c>
    </row>
    <row r="1296" spans="1:43">
      <c r="A1296" t="s">
        <v>879</v>
      </c>
      <c r="B1296" t="s">
        <v>880</v>
      </c>
      <c r="C1296" t="s">
        <v>869</v>
      </c>
      <c r="D1296" t="s">
        <v>870</v>
      </c>
      <c r="E1296" t="s">
        <v>847</v>
      </c>
      <c r="F1296" t="s">
        <v>848</v>
      </c>
      <c r="G1296" t="s">
        <v>80</v>
      </c>
      <c r="H1296" t="s">
        <v>81</v>
      </c>
      <c r="I1296" s="2">
        <v>0</v>
      </c>
      <c r="J1296" s="2">
        <v>1</v>
      </c>
      <c r="K1296" s="2">
        <v>0</v>
      </c>
      <c r="L1296" t="s">
        <v>82</v>
      </c>
      <c r="M1296" t="s">
        <v>89</v>
      </c>
      <c r="N1296" t="s">
        <v>90</v>
      </c>
      <c r="O1296" t="s">
        <v>85</v>
      </c>
      <c r="P1296" t="s">
        <v>86</v>
      </c>
      <c r="Q1296">
        <v>15</v>
      </c>
      <c r="R1296">
        <v>15</v>
      </c>
      <c r="S1296">
        <v>15</v>
      </c>
      <c r="T1296">
        <v>15</v>
      </c>
      <c r="U1296">
        <v>15</v>
      </c>
      <c r="V1296">
        <v>16</v>
      </c>
      <c r="W1296">
        <v>16</v>
      </c>
      <c r="X1296">
        <v>16</v>
      </c>
      <c r="Y1296">
        <v>16</v>
      </c>
      <c r="Z1296">
        <v>16</v>
      </c>
      <c r="AA1296">
        <v>16</v>
      </c>
      <c r="AB1296">
        <v>16</v>
      </c>
      <c r="AC1296">
        <v>17</v>
      </c>
      <c r="AD1296">
        <v>17</v>
      </c>
      <c r="AE1296">
        <v>17</v>
      </c>
      <c r="AF1296">
        <v>17</v>
      </c>
      <c r="AG1296">
        <v>17</v>
      </c>
      <c r="AH1296">
        <v>16</v>
      </c>
      <c r="AI1296">
        <v>16</v>
      </c>
      <c r="AJ1296">
        <v>16</v>
      </c>
      <c r="AK1296">
        <v>16</v>
      </c>
      <c r="AL1296">
        <v>16</v>
      </c>
      <c r="AM1296">
        <v>16</v>
      </c>
      <c r="AN1296">
        <v>16</v>
      </c>
      <c r="AO1296">
        <v>16</v>
      </c>
      <c r="AP1296">
        <v>16</v>
      </c>
      <c r="AQ1296">
        <v>16</v>
      </c>
    </row>
    <row r="1297" spans="1:43">
      <c r="A1297" t="s">
        <v>879</v>
      </c>
      <c r="B1297" t="s">
        <v>880</v>
      </c>
      <c r="C1297" t="s">
        <v>869</v>
      </c>
      <c r="D1297" t="s">
        <v>870</v>
      </c>
      <c r="E1297" t="s">
        <v>847</v>
      </c>
      <c r="F1297" t="s">
        <v>848</v>
      </c>
      <c r="G1297" t="s">
        <v>80</v>
      </c>
      <c r="H1297" t="s">
        <v>81</v>
      </c>
      <c r="I1297" s="2">
        <v>0</v>
      </c>
      <c r="J1297" s="2">
        <v>1</v>
      </c>
      <c r="K1297" s="2">
        <v>0</v>
      </c>
      <c r="L1297" t="s">
        <v>82</v>
      </c>
      <c r="M1297" t="s">
        <v>83</v>
      </c>
      <c r="N1297" t="s">
        <v>91</v>
      </c>
      <c r="O1297" t="s">
        <v>85</v>
      </c>
      <c r="P1297" t="s">
        <v>86</v>
      </c>
      <c r="Q1297">
        <v>15</v>
      </c>
      <c r="R1297">
        <v>15</v>
      </c>
      <c r="S1297">
        <v>16</v>
      </c>
      <c r="T1297">
        <v>16</v>
      </c>
      <c r="U1297">
        <v>16</v>
      </c>
      <c r="V1297">
        <v>16</v>
      </c>
      <c r="W1297">
        <v>16</v>
      </c>
      <c r="X1297">
        <v>16</v>
      </c>
      <c r="Y1297">
        <v>16</v>
      </c>
      <c r="Z1297">
        <v>16</v>
      </c>
      <c r="AA1297">
        <v>16</v>
      </c>
      <c r="AB1297">
        <v>16</v>
      </c>
      <c r="AC1297">
        <v>16</v>
      </c>
      <c r="AD1297">
        <v>17</v>
      </c>
      <c r="AE1297">
        <v>17</v>
      </c>
      <c r="AF1297">
        <v>17</v>
      </c>
      <c r="AG1297">
        <v>17</v>
      </c>
      <c r="AH1297">
        <v>17</v>
      </c>
      <c r="AI1297">
        <v>17</v>
      </c>
      <c r="AJ1297">
        <v>17</v>
      </c>
      <c r="AK1297">
        <v>17</v>
      </c>
      <c r="AL1297">
        <v>17</v>
      </c>
      <c r="AM1297">
        <v>17</v>
      </c>
      <c r="AN1297">
        <v>17</v>
      </c>
      <c r="AO1297">
        <v>17</v>
      </c>
      <c r="AP1297">
        <v>17</v>
      </c>
      <c r="AQ1297">
        <v>17</v>
      </c>
    </row>
    <row r="1298" spans="1:43">
      <c r="A1298" t="s">
        <v>881</v>
      </c>
      <c r="B1298" t="s">
        <v>882</v>
      </c>
      <c r="C1298" t="s">
        <v>869</v>
      </c>
      <c r="D1298" t="s">
        <v>870</v>
      </c>
      <c r="E1298" t="s">
        <v>847</v>
      </c>
      <c r="F1298" t="s">
        <v>848</v>
      </c>
      <c r="G1298" t="s">
        <v>80</v>
      </c>
      <c r="H1298" t="s">
        <v>81</v>
      </c>
      <c r="I1298" s="2">
        <v>0</v>
      </c>
      <c r="J1298" s="2">
        <v>1</v>
      </c>
      <c r="K1298" s="2">
        <v>0</v>
      </c>
      <c r="L1298" t="s">
        <v>82</v>
      </c>
      <c r="M1298" t="s">
        <v>83</v>
      </c>
      <c r="N1298" t="s">
        <v>84</v>
      </c>
      <c r="O1298" t="s">
        <v>85</v>
      </c>
      <c r="P1298" t="s">
        <v>86</v>
      </c>
      <c r="Q1298">
        <v>10</v>
      </c>
      <c r="R1298">
        <v>10</v>
      </c>
      <c r="S1298">
        <v>10</v>
      </c>
      <c r="T1298">
        <v>10</v>
      </c>
      <c r="U1298">
        <v>10</v>
      </c>
      <c r="V1298">
        <v>10</v>
      </c>
      <c r="W1298">
        <v>10</v>
      </c>
      <c r="X1298">
        <v>10</v>
      </c>
      <c r="Y1298">
        <v>10</v>
      </c>
      <c r="Z1298">
        <v>10</v>
      </c>
      <c r="AA1298">
        <v>10</v>
      </c>
      <c r="AB1298">
        <v>10</v>
      </c>
      <c r="AC1298">
        <v>10</v>
      </c>
      <c r="AD1298">
        <v>10</v>
      </c>
      <c r="AE1298">
        <v>10</v>
      </c>
      <c r="AF1298">
        <v>10</v>
      </c>
      <c r="AG1298">
        <v>10</v>
      </c>
      <c r="AH1298">
        <v>10</v>
      </c>
      <c r="AI1298">
        <v>10</v>
      </c>
      <c r="AJ1298">
        <v>10</v>
      </c>
      <c r="AK1298">
        <v>10</v>
      </c>
      <c r="AL1298">
        <v>10</v>
      </c>
      <c r="AM1298">
        <v>10</v>
      </c>
      <c r="AN1298">
        <v>10</v>
      </c>
      <c r="AO1298">
        <v>10</v>
      </c>
      <c r="AP1298">
        <v>10</v>
      </c>
      <c r="AQ1298">
        <v>10</v>
      </c>
    </row>
    <row r="1299" spans="1:43">
      <c r="A1299" t="s">
        <v>881</v>
      </c>
      <c r="B1299" t="s">
        <v>882</v>
      </c>
      <c r="C1299" t="s">
        <v>869</v>
      </c>
      <c r="D1299" t="s">
        <v>870</v>
      </c>
      <c r="E1299" t="s">
        <v>847</v>
      </c>
      <c r="F1299" t="s">
        <v>848</v>
      </c>
      <c r="G1299" t="s">
        <v>80</v>
      </c>
      <c r="H1299" t="s">
        <v>81</v>
      </c>
      <c r="I1299" s="2">
        <v>0</v>
      </c>
      <c r="J1299" s="2">
        <v>1</v>
      </c>
      <c r="K1299" s="2">
        <v>0</v>
      </c>
      <c r="L1299" t="s">
        <v>82</v>
      </c>
      <c r="M1299" t="s">
        <v>87</v>
      </c>
      <c r="N1299" t="s">
        <v>88</v>
      </c>
      <c r="O1299" t="s">
        <v>85</v>
      </c>
      <c r="P1299" t="s">
        <v>86</v>
      </c>
      <c r="Q1299">
        <v>10</v>
      </c>
      <c r="R1299">
        <v>10</v>
      </c>
      <c r="S1299">
        <v>10</v>
      </c>
      <c r="T1299">
        <v>10</v>
      </c>
      <c r="U1299">
        <v>10</v>
      </c>
      <c r="V1299">
        <v>10</v>
      </c>
      <c r="W1299">
        <v>10</v>
      </c>
      <c r="X1299">
        <v>10</v>
      </c>
      <c r="Y1299">
        <v>9</v>
      </c>
      <c r="Z1299">
        <v>9</v>
      </c>
      <c r="AA1299">
        <v>9</v>
      </c>
      <c r="AB1299">
        <v>9</v>
      </c>
      <c r="AC1299">
        <v>9</v>
      </c>
      <c r="AD1299">
        <v>9</v>
      </c>
      <c r="AE1299">
        <v>9</v>
      </c>
      <c r="AF1299">
        <v>9</v>
      </c>
      <c r="AG1299">
        <v>9</v>
      </c>
      <c r="AH1299">
        <v>9</v>
      </c>
      <c r="AI1299">
        <v>9</v>
      </c>
      <c r="AJ1299">
        <v>9</v>
      </c>
      <c r="AK1299">
        <v>9</v>
      </c>
      <c r="AL1299">
        <v>9</v>
      </c>
      <c r="AM1299">
        <v>9</v>
      </c>
      <c r="AN1299">
        <v>9</v>
      </c>
      <c r="AO1299">
        <v>9</v>
      </c>
      <c r="AP1299">
        <v>9</v>
      </c>
      <c r="AQ1299">
        <v>9</v>
      </c>
    </row>
    <row r="1300" spans="1:43">
      <c r="A1300" t="s">
        <v>881</v>
      </c>
      <c r="B1300" t="s">
        <v>882</v>
      </c>
      <c r="C1300" t="s">
        <v>869</v>
      </c>
      <c r="D1300" t="s">
        <v>870</v>
      </c>
      <c r="E1300" t="s">
        <v>847</v>
      </c>
      <c r="F1300" t="s">
        <v>848</v>
      </c>
      <c r="G1300" t="s">
        <v>80</v>
      </c>
      <c r="H1300" t="s">
        <v>81</v>
      </c>
      <c r="I1300" s="2">
        <v>0</v>
      </c>
      <c r="J1300" s="2">
        <v>1</v>
      </c>
      <c r="K1300" s="2">
        <v>0</v>
      </c>
      <c r="L1300" t="s">
        <v>82</v>
      </c>
      <c r="M1300" t="s">
        <v>89</v>
      </c>
      <c r="N1300" t="s">
        <v>90</v>
      </c>
      <c r="O1300" t="s">
        <v>85</v>
      </c>
      <c r="P1300" t="s">
        <v>86</v>
      </c>
      <c r="Q1300">
        <v>10</v>
      </c>
      <c r="R1300">
        <v>10</v>
      </c>
      <c r="S1300">
        <v>10</v>
      </c>
      <c r="T1300">
        <v>10</v>
      </c>
      <c r="U1300">
        <v>10</v>
      </c>
      <c r="V1300">
        <v>11</v>
      </c>
      <c r="W1300">
        <v>11</v>
      </c>
      <c r="X1300">
        <v>11</v>
      </c>
      <c r="Y1300">
        <v>11</v>
      </c>
      <c r="Z1300">
        <v>11</v>
      </c>
      <c r="AA1300">
        <v>11</v>
      </c>
      <c r="AB1300">
        <v>11</v>
      </c>
      <c r="AC1300">
        <v>11</v>
      </c>
      <c r="AD1300">
        <v>11</v>
      </c>
      <c r="AE1300">
        <v>11</v>
      </c>
      <c r="AF1300">
        <v>11</v>
      </c>
      <c r="AG1300">
        <v>11</v>
      </c>
      <c r="AH1300">
        <v>11</v>
      </c>
      <c r="AI1300">
        <v>11</v>
      </c>
      <c r="AJ1300">
        <v>11</v>
      </c>
      <c r="AK1300">
        <v>11</v>
      </c>
      <c r="AL1300">
        <v>11</v>
      </c>
      <c r="AM1300">
        <v>10</v>
      </c>
      <c r="AN1300">
        <v>10</v>
      </c>
      <c r="AO1300">
        <v>10</v>
      </c>
      <c r="AP1300">
        <v>10</v>
      </c>
      <c r="AQ1300">
        <v>10</v>
      </c>
    </row>
    <row r="1301" spans="1:43">
      <c r="A1301" t="s">
        <v>881</v>
      </c>
      <c r="B1301" t="s">
        <v>882</v>
      </c>
      <c r="C1301" t="s">
        <v>869</v>
      </c>
      <c r="D1301" t="s">
        <v>870</v>
      </c>
      <c r="E1301" t="s">
        <v>847</v>
      </c>
      <c r="F1301" t="s">
        <v>848</v>
      </c>
      <c r="G1301" t="s">
        <v>80</v>
      </c>
      <c r="H1301" t="s">
        <v>81</v>
      </c>
      <c r="I1301" s="2">
        <v>0</v>
      </c>
      <c r="J1301" s="2">
        <v>1</v>
      </c>
      <c r="K1301" s="2">
        <v>0</v>
      </c>
      <c r="L1301" t="s">
        <v>82</v>
      </c>
      <c r="M1301" t="s">
        <v>83</v>
      </c>
      <c r="N1301" t="s">
        <v>91</v>
      </c>
      <c r="O1301" t="s">
        <v>85</v>
      </c>
      <c r="P1301" t="s">
        <v>86</v>
      </c>
      <c r="Q1301">
        <v>10</v>
      </c>
      <c r="R1301">
        <v>10</v>
      </c>
      <c r="S1301">
        <v>10</v>
      </c>
      <c r="T1301">
        <v>10</v>
      </c>
      <c r="U1301">
        <v>10</v>
      </c>
      <c r="V1301">
        <v>10</v>
      </c>
      <c r="W1301">
        <v>10</v>
      </c>
      <c r="X1301">
        <v>10</v>
      </c>
      <c r="Y1301">
        <v>10</v>
      </c>
      <c r="Z1301">
        <v>10</v>
      </c>
      <c r="AA1301">
        <v>10</v>
      </c>
      <c r="AB1301">
        <v>10</v>
      </c>
      <c r="AC1301">
        <v>10</v>
      </c>
      <c r="AD1301">
        <v>10</v>
      </c>
      <c r="AE1301">
        <v>10</v>
      </c>
      <c r="AF1301">
        <v>10</v>
      </c>
      <c r="AG1301">
        <v>10</v>
      </c>
      <c r="AH1301">
        <v>10</v>
      </c>
      <c r="AI1301">
        <v>10</v>
      </c>
      <c r="AJ1301">
        <v>10</v>
      </c>
      <c r="AK1301">
        <v>10</v>
      </c>
      <c r="AL1301">
        <v>10</v>
      </c>
      <c r="AM1301">
        <v>10</v>
      </c>
      <c r="AN1301">
        <v>10</v>
      </c>
      <c r="AO1301">
        <v>10</v>
      </c>
      <c r="AP1301">
        <v>10</v>
      </c>
      <c r="AQ1301">
        <v>10</v>
      </c>
    </row>
    <row r="1302" spans="1:43">
      <c r="A1302" t="s">
        <v>883</v>
      </c>
      <c r="B1302" t="s">
        <v>884</v>
      </c>
      <c r="C1302" t="s">
        <v>885</v>
      </c>
      <c r="D1302" t="s">
        <v>886</v>
      </c>
      <c r="E1302" t="s">
        <v>847</v>
      </c>
      <c r="F1302" t="s">
        <v>848</v>
      </c>
      <c r="G1302" t="s">
        <v>80</v>
      </c>
      <c r="H1302" t="s">
        <v>81</v>
      </c>
      <c r="I1302" s="2">
        <v>0</v>
      </c>
      <c r="J1302" s="2">
        <v>1</v>
      </c>
      <c r="K1302" s="2">
        <v>0</v>
      </c>
      <c r="L1302" t="s">
        <v>82</v>
      </c>
      <c r="M1302" t="s">
        <v>83</v>
      </c>
      <c r="N1302" t="s">
        <v>84</v>
      </c>
      <c r="O1302" t="s">
        <v>85</v>
      </c>
      <c r="P1302" t="s">
        <v>86</v>
      </c>
      <c r="Q1302">
        <v>8</v>
      </c>
      <c r="R1302">
        <v>8</v>
      </c>
      <c r="S1302">
        <v>8</v>
      </c>
      <c r="T1302">
        <v>8</v>
      </c>
      <c r="U1302">
        <v>8</v>
      </c>
      <c r="V1302">
        <v>9</v>
      </c>
      <c r="W1302">
        <v>9</v>
      </c>
      <c r="X1302">
        <v>9</v>
      </c>
      <c r="Y1302">
        <v>9</v>
      </c>
      <c r="Z1302">
        <v>9</v>
      </c>
      <c r="AA1302">
        <v>9</v>
      </c>
      <c r="AB1302">
        <v>9</v>
      </c>
      <c r="AC1302">
        <v>9</v>
      </c>
      <c r="AD1302">
        <v>9</v>
      </c>
      <c r="AE1302">
        <v>9</v>
      </c>
      <c r="AF1302">
        <v>9</v>
      </c>
      <c r="AG1302">
        <v>9</v>
      </c>
      <c r="AH1302">
        <v>9</v>
      </c>
      <c r="AI1302">
        <v>9</v>
      </c>
      <c r="AJ1302">
        <v>9</v>
      </c>
      <c r="AK1302">
        <v>9</v>
      </c>
      <c r="AL1302">
        <v>9</v>
      </c>
      <c r="AM1302">
        <v>9</v>
      </c>
      <c r="AN1302">
        <v>9</v>
      </c>
      <c r="AO1302">
        <v>9</v>
      </c>
      <c r="AP1302">
        <v>9</v>
      </c>
      <c r="AQ1302">
        <v>9</v>
      </c>
    </row>
    <row r="1303" spans="1:43">
      <c r="A1303" t="s">
        <v>883</v>
      </c>
      <c r="B1303" t="s">
        <v>884</v>
      </c>
      <c r="C1303" t="s">
        <v>885</v>
      </c>
      <c r="D1303" t="s">
        <v>886</v>
      </c>
      <c r="E1303" t="s">
        <v>847</v>
      </c>
      <c r="F1303" t="s">
        <v>848</v>
      </c>
      <c r="G1303" t="s">
        <v>80</v>
      </c>
      <c r="H1303" t="s">
        <v>81</v>
      </c>
      <c r="I1303" s="2">
        <v>0</v>
      </c>
      <c r="J1303" s="2">
        <v>1</v>
      </c>
      <c r="K1303" s="2">
        <v>0</v>
      </c>
      <c r="L1303" t="s">
        <v>82</v>
      </c>
      <c r="M1303" t="s">
        <v>87</v>
      </c>
      <c r="N1303" t="s">
        <v>88</v>
      </c>
      <c r="O1303" t="s">
        <v>85</v>
      </c>
      <c r="P1303" t="s">
        <v>86</v>
      </c>
      <c r="Q1303">
        <v>8</v>
      </c>
      <c r="R1303">
        <v>8</v>
      </c>
      <c r="S1303">
        <v>8</v>
      </c>
      <c r="T1303">
        <v>8</v>
      </c>
      <c r="U1303">
        <v>8</v>
      </c>
      <c r="V1303">
        <v>8</v>
      </c>
      <c r="W1303">
        <v>8</v>
      </c>
      <c r="X1303">
        <v>8</v>
      </c>
      <c r="Y1303">
        <v>8</v>
      </c>
      <c r="Z1303">
        <v>8</v>
      </c>
      <c r="AA1303">
        <v>8</v>
      </c>
      <c r="AB1303">
        <v>8</v>
      </c>
      <c r="AC1303">
        <v>8</v>
      </c>
      <c r="AD1303">
        <v>8</v>
      </c>
      <c r="AE1303">
        <v>8</v>
      </c>
      <c r="AF1303">
        <v>8</v>
      </c>
      <c r="AG1303">
        <v>8</v>
      </c>
      <c r="AH1303">
        <v>8</v>
      </c>
      <c r="AI1303">
        <v>8</v>
      </c>
      <c r="AJ1303">
        <v>8</v>
      </c>
      <c r="AK1303">
        <v>8</v>
      </c>
      <c r="AL1303">
        <v>8</v>
      </c>
      <c r="AM1303">
        <v>8</v>
      </c>
      <c r="AN1303">
        <v>8</v>
      </c>
      <c r="AO1303">
        <v>8</v>
      </c>
      <c r="AP1303">
        <v>7</v>
      </c>
      <c r="AQ1303">
        <v>7</v>
      </c>
    </row>
    <row r="1304" spans="1:43">
      <c r="A1304" t="s">
        <v>883</v>
      </c>
      <c r="B1304" t="s">
        <v>884</v>
      </c>
      <c r="C1304" t="s">
        <v>885</v>
      </c>
      <c r="D1304" t="s">
        <v>886</v>
      </c>
      <c r="E1304" t="s">
        <v>847</v>
      </c>
      <c r="F1304" t="s">
        <v>848</v>
      </c>
      <c r="G1304" t="s">
        <v>80</v>
      </c>
      <c r="H1304" t="s">
        <v>81</v>
      </c>
      <c r="I1304" s="2">
        <v>0</v>
      </c>
      <c r="J1304" s="2">
        <v>1</v>
      </c>
      <c r="K1304" s="2">
        <v>0</v>
      </c>
      <c r="L1304" t="s">
        <v>82</v>
      </c>
      <c r="M1304" t="s">
        <v>89</v>
      </c>
      <c r="N1304" t="s">
        <v>90</v>
      </c>
      <c r="O1304" t="s">
        <v>85</v>
      </c>
      <c r="P1304" t="s">
        <v>86</v>
      </c>
      <c r="Q1304">
        <v>8</v>
      </c>
      <c r="R1304">
        <v>9</v>
      </c>
      <c r="S1304">
        <v>9</v>
      </c>
      <c r="T1304">
        <v>9</v>
      </c>
      <c r="U1304">
        <v>9</v>
      </c>
      <c r="V1304">
        <v>9</v>
      </c>
      <c r="W1304">
        <v>9</v>
      </c>
      <c r="X1304">
        <v>9</v>
      </c>
      <c r="Y1304">
        <v>9</v>
      </c>
      <c r="Z1304">
        <v>9</v>
      </c>
      <c r="AA1304">
        <v>9</v>
      </c>
      <c r="AB1304">
        <v>9</v>
      </c>
      <c r="AC1304">
        <v>9</v>
      </c>
      <c r="AD1304">
        <v>9</v>
      </c>
      <c r="AE1304">
        <v>9</v>
      </c>
      <c r="AF1304">
        <v>9</v>
      </c>
      <c r="AG1304">
        <v>9</v>
      </c>
      <c r="AH1304">
        <v>9</v>
      </c>
      <c r="AI1304">
        <v>9</v>
      </c>
      <c r="AJ1304">
        <v>9</v>
      </c>
      <c r="AK1304">
        <v>9</v>
      </c>
      <c r="AL1304">
        <v>9</v>
      </c>
      <c r="AM1304">
        <v>9</v>
      </c>
      <c r="AN1304">
        <v>9</v>
      </c>
      <c r="AO1304">
        <v>9</v>
      </c>
      <c r="AP1304">
        <v>9</v>
      </c>
      <c r="AQ1304">
        <v>9</v>
      </c>
    </row>
    <row r="1305" spans="1:43">
      <c r="A1305" t="s">
        <v>883</v>
      </c>
      <c r="B1305" t="s">
        <v>884</v>
      </c>
      <c r="C1305" t="s">
        <v>885</v>
      </c>
      <c r="D1305" t="s">
        <v>886</v>
      </c>
      <c r="E1305" t="s">
        <v>847</v>
      </c>
      <c r="F1305" t="s">
        <v>848</v>
      </c>
      <c r="G1305" t="s">
        <v>80</v>
      </c>
      <c r="H1305" t="s">
        <v>81</v>
      </c>
      <c r="I1305" s="2">
        <v>0</v>
      </c>
      <c r="J1305" s="2">
        <v>1</v>
      </c>
      <c r="K1305" s="2">
        <v>0</v>
      </c>
      <c r="L1305" t="s">
        <v>82</v>
      </c>
      <c r="M1305" t="s">
        <v>83</v>
      </c>
      <c r="N1305" t="s">
        <v>91</v>
      </c>
      <c r="O1305" t="s">
        <v>85</v>
      </c>
      <c r="P1305" t="s">
        <v>86</v>
      </c>
      <c r="Q1305">
        <v>8</v>
      </c>
      <c r="R1305">
        <v>8</v>
      </c>
      <c r="S1305">
        <v>8</v>
      </c>
      <c r="T1305">
        <v>8</v>
      </c>
      <c r="U1305">
        <v>8</v>
      </c>
      <c r="V1305">
        <v>9</v>
      </c>
      <c r="W1305">
        <v>9</v>
      </c>
      <c r="X1305">
        <v>9</v>
      </c>
      <c r="Y1305">
        <v>9</v>
      </c>
      <c r="Z1305">
        <v>9</v>
      </c>
      <c r="AA1305">
        <v>9</v>
      </c>
      <c r="AB1305">
        <v>9</v>
      </c>
      <c r="AC1305">
        <v>9</v>
      </c>
      <c r="AD1305">
        <v>9</v>
      </c>
      <c r="AE1305">
        <v>9</v>
      </c>
      <c r="AF1305">
        <v>9</v>
      </c>
      <c r="AG1305">
        <v>9</v>
      </c>
      <c r="AH1305">
        <v>9</v>
      </c>
      <c r="AI1305">
        <v>9</v>
      </c>
      <c r="AJ1305">
        <v>9</v>
      </c>
      <c r="AK1305">
        <v>9</v>
      </c>
      <c r="AL1305">
        <v>9</v>
      </c>
      <c r="AM1305">
        <v>9</v>
      </c>
      <c r="AN1305">
        <v>9</v>
      </c>
      <c r="AO1305">
        <v>9</v>
      </c>
      <c r="AP1305">
        <v>9</v>
      </c>
      <c r="AQ1305">
        <v>9</v>
      </c>
    </row>
    <row r="1306" spans="1:43">
      <c r="A1306" t="s">
        <v>887</v>
      </c>
      <c r="B1306" t="s">
        <v>888</v>
      </c>
      <c r="C1306" t="s">
        <v>889</v>
      </c>
      <c r="D1306" t="s">
        <v>890</v>
      </c>
      <c r="E1306" t="s">
        <v>847</v>
      </c>
      <c r="F1306" t="s">
        <v>848</v>
      </c>
      <c r="G1306" t="s">
        <v>80</v>
      </c>
      <c r="H1306" t="s">
        <v>81</v>
      </c>
      <c r="I1306" s="2">
        <v>0</v>
      </c>
      <c r="J1306" s="2">
        <v>1</v>
      </c>
      <c r="K1306" s="2">
        <v>0</v>
      </c>
      <c r="L1306" t="s">
        <v>82</v>
      </c>
      <c r="M1306" t="s">
        <v>83</v>
      </c>
      <c r="N1306" t="s">
        <v>84</v>
      </c>
      <c r="O1306" t="s">
        <v>85</v>
      </c>
      <c r="P1306" t="s">
        <v>86</v>
      </c>
      <c r="Q1306">
        <v>10</v>
      </c>
      <c r="R1306">
        <v>10</v>
      </c>
      <c r="S1306">
        <v>10</v>
      </c>
      <c r="T1306">
        <v>10</v>
      </c>
      <c r="U1306">
        <v>10</v>
      </c>
      <c r="V1306">
        <v>10</v>
      </c>
      <c r="W1306">
        <v>10</v>
      </c>
      <c r="X1306">
        <v>10</v>
      </c>
      <c r="Y1306">
        <v>10</v>
      </c>
      <c r="Z1306">
        <v>10</v>
      </c>
      <c r="AA1306">
        <v>10</v>
      </c>
      <c r="AB1306">
        <v>10</v>
      </c>
      <c r="AC1306">
        <v>10</v>
      </c>
      <c r="AD1306">
        <v>10</v>
      </c>
      <c r="AE1306">
        <v>10</v>
      </c>
      <c r="AF1306">
        <v>10</v>
      </c>
      <c r="AG1306">
        <v>10</v>
      </c>
      <c r="AH1306">
        <v>10</v>
      </c>
      <c r="AI1306">
        <v>10</v>
      </c>
      <c r="AJ1306">
        <v>10</v>
      </c>
      <c r="AK1306">
        <v>10</v>
      </c>
      <c r="AL1306">
        <v>10</v>
      </c>
      <c r="AM1306">
        <v>10</v>
      </c>
      <c r="AN1306">
        <v>10</v>
      </c>
      <c r="AO1306">
        <v>10</v>
      </c>
      <c r="AP1306">
        <v>10</v>
      </c>
      <c r="AQ1306">
        <v>10</v>
      </c>
    </row>
    <row r="1307" spans="1:43">
      <c r="A1307" t="s">
        <v>887</v>
      </c>
      <c r="B1307" t="s">
        <v>888</v>
      </c>
      <c r="C1307" t="s">
        <v>889</v>
      </c>
      <c r="D1307" t="s">
        <v>890</v>
      </c>
      <c r="E1307" t="s">
        <v>847</v>
      </c>
      <c r="F1307" t="s">
        <v>848</v>
      </c>
      <c r="G1307" t="s">
        <v>80</v>
      </c>
      <c r="H1307" t="s">
        <v>81</v>
      </c>
      <c r="I1307" s="2">
        <v>0</v>
      </c>
      <c r="J1307" s="2">
        <v>1</v>
      </c>
      <c r="K1307" s="2">
        <v>0</v>
      </c>
      <c r="L1307" t="s">
        <v>82</v>
      </c>
      <c r="M1307" t="s">
        <v>87</v>
      </c>
      <c r="N1307" t="s">
        <v>88</v>
      </c>
      <c r="O1307" t="s">
        <v>85</v>
      </c>
      <c r="P1307" t="s">
        <v>86</v>
      </c>
      <c r="Q1307">
        <v>10</v>
      </c>
      <c r="R1307">
        <v>10</v>
      </c>
      <c r="S1307">
        <v>10</v>
      </c>
      <c r="T1307">
        <v>10</v>
      </c>
      <c r="U1307">
        <v>9</v>
      </c>
      <c r="V1307">
        <v>9</v>
      </c>
      <c r="W1307">
        <v>9</v>
      </c>
      <c r="X1307">
        <v>9</v>
      </c>
      <c r="Y1307">
        <v>9</v>
      </c>
      <c r="Z1307">
        <v>9</v>
      </c>
      <c r="AA1307">
        <v>9</v>
      </c>
      <c r="AB1307">
        <v>9</v>
      </c>
      <c r="AC1307">
        <v>9</v>
      </c>
      <c r="AD1307">
        <v>9</v>
      </c>
      <c r="AE1307">
        <v>9</v>
      </c>
      <c r="AF1307">
        <v>9</v>
      </c>
      <c r="AG1307">
        <v>9</v>
      </c>
      <c r="AH1307">
        <v>9</v>
      </c>
      <c r="AI1307">
        <v>9</v>
      </c>
      <c r="AJ1307">
        <v>9</v>
      </c>
      <c r="AK1307">
        <v>9</v>
      </c>
      <c r="AL1307">
        <v>9</v>
      </c>
      <c r="AM1307">
        <v>9</v>
      </c>
      <c r="AN1307">
        <v>9</v>
      </c>
      <c r="AO1307">
        <v>9</v>
      </c>
      <c r="AP1307">
        <v>9</v>
      </c>
      <c r="AQ1307">
        <v>9</v>
      </c>
    </row>
    <row r="1308" spans="1:43">
      <c r="A1308" t="s">
        <v>887</v>
      </c>
      <c r="B1308" t="s">
        <v>888</v>
      </c>
      <c r="C1308" t="s">
        <v>889</v>
      </c>
      <c r="D1308" t="s">
        <v>890</v>
      </c>
      <c r="E1308" t="s">
        <v>847</v>
      </c>
      <c r="F1308" t="s">
        <v>848</v>
      </c>
      <c r="G1308" t="s">
        <v>80</v>
      </c>
      <c r="H1308" t="s">
        <v>81</v>
      </c>
      <c r="I1308" s="2">
        <v>0</v>
      </c>
      <c r="J1308" s="2">
        <v>1</v>
      </c>
      <c r="K1308" s="2">
        <v>0</v>
      </c>
      <c r="L1308" t="s">
        <v>82</v>
      </c>
      <c r="M1308" t="s">
        <v>89</v>
      </c>
      <c r="N1308" t="s">
        <v>90</v>
      </c>
      <c r="O1308" t="s">
        <v>85</v>
      </c>
      <c r="P1308" t="s">
        <v>86</v>
      </c>
      <c r="Q1308">
        <v>10</v>
      </c>
      <c r="R1308">
        <v>10</v>
      </c>
      <c r="S1308">
        <v>10</v>
      </c>
      <c r="T1308">
        <v>10</v>
      </c>
      <c r="U1308">
        <v>10</v>
      </c>
      <c r="V1308">
        <v>10</v>
      </c>
      <c r="W1308">
        <v>10</v>
      </c>
      <c r="X1308">
        <v>11</v>
      </c>
      <c r="Y1308">
        <v>11</v>
      </c>
      <c r="Z1308">
        <v>11</v>
      </c>
      <c r="AA1308">
        <v>11</v>
      </c>
      <c r="AB1308">
        <v>11</v>
      </c>
      <c r="AC1308">
        <v>11</v>
      </c>
      <c r="AD1308">
        <v>11</v>
      </c>
      <c r="AE1308">
        <v>11</v>
      </c>
      <c r="AF1308">
        <v>11</v>
      </c>
      <c r="AG1308">
        <v>11</v>
      </c>
      <c r="AH1308">
        <v>11</v>
      </c>
      <c r="AI1308">
        <v>11</v>
      </c>
      <c r="AJ1308">
        <v>11</v>
      </c>
      <c r="AK1308">
        <v>11</v>
      </c>
      <c r="AL1308">
        <v>10</v>
      </c>
      <c r="AM1308">
        <v>10</v>
      </c>
      <c r="AN1308">
        <v>10</v>
      </c>
      <c r="AO1308">
        <v>10</v>
      </c>
      <c r="AP1308">
        <v>10</v>
      </c>
      <c r="AQ1308">
        <v>10</v>
      </c>
    </row>
    <row r="1309" spans="1:43">
      <c r="A1309" t="s">
        <v>887</v>
      </c>
      <c r="B1309" t="s">
        <v>888</v>
      </c>
      <c r="C1309" t="s">
        <v>889</v>
      </c>
      <c r="D1309" t="s">
        <v>890</v>
      </c>
      <c r="E1309" t="s">
        <v>847</v>
      </c>
      <c r="F1309" t="s">
        <v>848</v>
      </c>
      <c r="G1309" t="s">
        <v>80</v>
      </c>
      <c r="H1309" t="s">
        <v>81</v>
      </c>
      <c r="I1309" s="2">
        <v>0</v>
      </c>
      <c r="J1309" s="2">
        <v>1</v>
      </c>
      <c r="K1309" s="2">
        <v>0</v>
      </c>
      <c r="L1309" t="s">
        <v>82</v>
      </c>
      <c r="M1309" t="s">
        <v>83</v>
      </c>
      <c r="N1309" t="s">
        <v>91</v>
      </c>
      <c r="O1309" t="s">
        <v>85</v>
      </c>
      <c r="P1309" t="s">
        <v>86</v>
      </c>
      <c r="Q1309">
        <v>10</v>
      </c>
      <c r="R1309">
        <v>10</v>
      </c>
      <c r="S1309">
        <v>10</v>
      </c>
      <c r="T1309">
        <v>10</v>
      </c>
      <c r="U1309">
        <v>10</v>
      </c>
      <c r="V1309">
        <v>10</v>
      </c>
      <c r="W1309">
        <v>10</v>
      </c>
      <c r="X1309">
        <v>10</v>
      </c>
      <c r="Y1309">
        <v>10</v>
      </c>
      <c r="Z1309">
        <v>10</v>
      </c>
      <c r="AA1309">
        <v>10</v>
      </c>
      <c r="AB1309">
        <v>10</v>
      </c>
      <c r="AC1309">
        <v>10</v>
      </c>
      <c r="AD1309">
        <v>10</v>
      </c>
      <c r="AE1309">
        <v>10</v>
      </c>
      <c r="AF1309">
        <v>10</v>
      </c>
      <c r="AG1309">
        <v>10</v>
      </c>
      <c r="AH1309">
        <v>10</v>
      </c>
      <c r="AI1309">
        <v>10</v>
      </c>
      <c r="AJ1309">
        <v>10</v>
      </c>
      <c r="AK1309">
        <v>10</v>
      </c>
      <c r="AL1309">
        <v>10</v>
      </c>
      <c r="AM1309">
        <v>10</v>
      </c>
      <c r="AN1309">
        <v>10</v>
      </c>
      <c r="AO1309">
        <v>10</v>
      </c>
      <c r="AP1309">
        <v>10</v>
      </c>
      <c r="AQ1309">
        <v>10</v>
      </c>
    </row>
    <row r="1310" spans="1:43">
      <c r="A1310" t="s">
        <v>891</v>
      </c>
      <c r="B1310" t="s">
        <v>892</v>
      </c>
      <c r="C1310" t="s">
        <v>893</v>
      </c>
      <c r="D1310" t="s">
        <v>894</v>
      </c>
      <c r="E1310" t="s">
        <v>847</v>
      </c>
      <c r="F1310" t="s">
        <v>848</v>
      </c>
      <c r="G1310" t="s">
        <v>80</v>
      </c>
      <c r="H1310" t="s">
        <v>81</v>
      </c>
      <c r="I1310" s="2">
        <v>0</v>
      </c>
      <c r="J1310" s="2">
        <v>1</v>
      </c>
      <c r="K1310" s="2">
        <v>0</v>
      </c>
      <c r="L1310" t="s">
        <v>82</v>
      </c>
      <c r="M1310" t="s">
        <v>83</v>
      </c>
      <c r="N1310" t="s">
        <v>84</v>
      </c>
      <c r="O1310" t="s">
        <v>85</v>
      </c>
      <c r="P1310" t="s">
        <v>86</v>
      </c>
      <c r="Q1310">
        <v>22</v>
      </c>
      <c r="R1310">
        <v>22</v>
      </c>
      <c r="S1310">
        <v>22</v>
      </c>
      <c r="T1310">
        <v>22</v>
      </c>
      <c r="U1310">
        <v>22</v>
      </c>
      <c r="V1310">
        <v>22</v>
      </c>
      <c r="W1310">
        <v>23</v>
      </c>
      <c r="X1310">
        <v>23</v>
      </c>
      <c r="Y1310">
        <v>23</v>
      </c>
      <c r="Z1310">
        <v>23</v>
      </c>
      <c r="AA1310">
        <v>23</v>
      </c>
      <c r="AB1310">
        <v>23</v>
      </c>
      <c r="AC1310">
        <v>23</v>
      </c>
      <c r="AD1310">
        <v>23</v>
      </c>
      <c r="AE1310">
        <v>23</v>
      </c>
      <c r="AF1310">
        <v>23</v>
      </c>
      <c r="AG1310">
        <v>23</v>
      </c>
      <c r="AH1310">
        <v>23</v>
      </c>
      <c r="AI1310">
        <v>23</v>
      </c>
      <c r="AJ1310">
        <v>23</v>
      </c>
      <c r="AK1310">
        <v>23</v>
      </c>
      <c r="AL1310">
        <v>23</v>
      </c>
      <c r="AM1310">
        <v>23</v>
      </c>
      <c r="AN1310">
        <v>23</v>
      </c>
      <c r="AO1310">
        <v>23</v>
      </c>
      <c r="AP1310">
        <v>23</v>
      </c>
      <c r="AQ1310">
        <v>23</v>
      </c>
    </row>
    <row r="1311" spans="1:43">
      <c r="A1311" t="s">
        <v>891</v>
      </c>
      <c r="B1311" t="s">
        <v>892</v>
      </c>
      <c r="C1311" t="s">
        <v>893</v>
      </c>
      <c r="D1311" t="s">
        <v>894</v>
      </c>
      <c r="E1311" t="s">
        <v>847</v>
      </c>
      <c r="F1311" t="s">
        <v>848</v>
      </c>
      <c r="G1311" t="s">
        <v>80</v>
      </c>
      <c r="H1311" t="s">
        <v>81</v>
      </c>
      <c r="I1311" s="2">
        <v>0</v>
      </c>
      <c r="J1311" s="2">
        <v>1</v>
      </c>
      <c r="K1311" s="2">
        <v>0</v>
      </c>
      <c r="L1311" t="s">
        <v>82</v>
      </c>
      <c r="M1311" t="s">
        <v>87</v>
      </c>
      <c r="N1311" t="s">
        <v>88</v>
      </c>
      <c r="O1311" t="s">
        <v>85</v>
      </c>
      <c r="P1311" t="s">
        <v>86</v>
      </c>
      <c r="Q1311">
        <v>22</v>
      </c>
      <c r="R1311">
        <v>22</v>
      </c>
      <c r="S1311">
        <v>22</v>
      </c>
      <c r="T1311">
        <v>21</v>
      </c>
      <c r="U1311">
        <v>21</v>
      </c>
      <c r="V1311">
        <v>21</v>
      </c>
      <c r="W1311">
        <v>21</v>
      </c>
      <c r="X1311">
        <v>21</v>
      </c>
      <c r="Y1311">
        <v>21</v>
      </c>
      <c r="Z1311">
        <v>21</v>
      </c>
      <c r="AA1311">
        <v>21</v>
      </c>
      <c r="AB1311">
        <v>21</v>
      </c>
      <c r="AC1311">
        <v>21</v>
      </c>
      <c r="AD1311">
        <v>21</v>
      </c>
      <c r="AE1311">
        <v>21</v>
      </c>
      <c r="AF1311">
        <v>20</v>
      </c>
      <c r="AG1311">
        <v>20</v>
      </c>
      <c r="AH1311">
        <v>20</v>
      </c>
      <c r="AI1311">
        <v>20</v>
      </c>
      <c r="AJ1311">
        <v>20</v>
      </c>
      <c r="AK1311">
        <v>20</v>
      </c>
      <c r="AL1311">
        <v>20</v>
      </c>
      <c r="AM1311">
        <v>20</v>
      </c>
      <c r="AN1311">
        <v>20</v>
      </c>
      <c r="AO1311">
        <v>20</v>
      </c>
      <c r="AP1311">
        <v>20</v>
      </c>
      <c r="AQ1311">
        <v>20</v>
      </c>
    </row>
    <row r="1312" spans="1:43">
      <c r="A1312" t="s">
        <v>891</v>
      </c>
      <c r="B1312" t="s">
        <v>892</v>
      </c>
      <c r="C1312" t="s">
        <v>893</v>
      </c>
      <c r="D1312" t="s">
        <v>894</v>
      </c>
      <c r="E1312" t="s">
        <v>847</v>
      </c>
      <c r="F1312" t="s">
        <v>848</v>
      </c>
      <c r="G1312" t="s">
        <v>80</v>
      </c>
      <c r="H1312" t="s">
        <v>81</v>
      </c>
      <c r="I1312" s="2">
        <v>0</v>
      </c>
      <c r="J1312" s="2">
        <v>1</v>
      </c>
      <c r="K1312" s="2">
        <v>0</v>
      </c>
      <c r="L1312" t="s">
        <v>82</v>
      </c>
      <c r="M1312" t="s">
        <v>89</v>
      </c>
      <c r="N1312" t="s">
        <v>90</v>
      </c>
      <c r="O1312" t="s">
        <v>85</v>
      </c>
      <c r="P1312" t="s">
        <v>86</v>
      </c>
      <c r="Q1312">
        <v>22</v>
      </c>
      <c r="R1312">
        <v>22</v>
      </c>
      <c r="S1312">
        <v>23</v>
      </c>
      <c r="T1312">
        <v>23</v>
      </c>
      <c r="U1312">
        <v>23</v>
      </c>
      <c r="V1312">
        <v>24</v>
      </c>
      <c r="W1312">
        <v>24</v>
      </c>
      <c r="X1312">
        <v>24</v>
      </c>
      <c r="Y1312">
        <v>24</v>
      </c>
      <c r="Z1312">
        <v>24</v>
      </c>
      <c r="AA1312">
        <v>24</v>
      </c>
      <c r="AB1312">
        <v>25</v>
      </c>
      <c r="AC1312">
        <v>25</v>
      </c>
      <c r="AD1312">
        <v>25</v>
      </c>
      <c r="AE1312">
        <v>25</v>
      </c>
      <c r="AF1312">
        <v>25</v>
      </c>
      <c r="AG1312">
        <v>24</v>
      </c>
      <c r="AH1312">
        <v>24</v>
      </c>
      <c r="AI1312">
        <v>24</v>
      </c>
      <c r="AJ1312">
        <v>24</v>
      </c>
      <c r="AK1312">
        <v>24</v>
      </c>
      <c r="AL1312">
        <v>24</v>
      </c>
      <c r="AM1312">
        <v>23</v>
      </c>
      <c r="AN1312">
        <v>23</v>
      </c>
      <c r="AO1312">
        <v>23</v>
      </c>
      <c r="AP1312">
        <v>23</v>
      </c>
      <c r="AQ1312">
        <v>23</v>
      </c>
    </row>
    <row r="1313" spans="1:43">
      <c r="A1313" t="s">
        <v>891</v>
      </c>
      <c r="B1313" t="s">
        <v>892</v>
      </c>
      <c r="C1313" t="s">
        <v>893</v>
      </c>
      <c r="D1313" t="s">
        <v>894</v>
      </c>
      <c r="E1313" t="s">
        <v>847</v>
      </c>
      <c r="F1313" t="s">
        <v>848</v>
      </c>
      <c r="G1313" t="s">
        <v>80</v>
      </c>
      <c r="H1313" t="s">
        <v>81</v>
      </c>
      <c r="I1313" s="2">
        <v>0</v>
      </c>
      <c r="J1313" s="2">
        <v>1</v>
      </c>
      <c r="K1313" s="2">
        <v>0</v>
      </c>
      <c r="L1313" t="s">
        <v>82</v>
      </c>
      <c r="M1313" t="s">
        <v>83</v>
      </c>
      <c r="N1313" t="s">
        <v>91</v>
      </c>
      <c r="O1313" t="s">
        <v>85</v>
      </c>
      <c r="P1313" t="s">
        <v>86</v>
      </c>
      <c r="Q1313">
        <v>22</v>
      </c>
      <c r="R1313">
        <v>22</v>
      </c>
      <c r="S1313">
        <v>22</v>
      </c>
      <c r="T1313">
        <v>22</v>
      </c>
      <c r="U1313">
        <v>22</v>
      </c>
      <c r="V1313">
        <v>22</v>
      </c>
      <c r="W1313">
        <v>23</v>
      </c>
      <c r="X1313">
        <v>23</v>
      </c>
      <c r="Y1313">
        <v>23</v>
      </c>
      <c r="Z1313">
        <v>23</v>
      </c>
      <c r="AA1313">
        <v>23</v>
      </c>
      <c r="AB1313">
        <v>23</v>
      </c>
      <c r="AC1313">
        <v>23</v>
      </c>
      <c r="AD1313">
        <v>23</v>
      </c>
      <c r="AE1313">
        <v>23</v>
      </c>
      <c r="AF1313">
        <v>23</v>
      </c>
      <c r="AG1313">
        <v>23</v>
      </c>
      <c r="AH1313">
        <v>23</v>
      </c>
      <c r="AI1313">
        <v>23</v>
      </c>
      <c r="AJ1313">
        <v>23</v>
      </c>
      <c r="AK1313">
        <v>23</v>
      </c>
      <c r="AL1313">
        <v>23</v>
      </c>
      <c r="AM1313">
        <v>23</v>
      </c>
      <c r="AN1313">
        <v>23</v>
      </c>
      <c r="AO1313">
        <v>23</v>
      </c>
      <c r="AP1313">
        <v>23</v>
      </c>
      <c r="AQ1313">
        <v>23</v>
      </c>
    </row>
    <row r="1314" spans="1:43">
      <c r="A1314" t="s">
        <v>895</v>
      </c>
      <c r="B1314" t="s">
        <v>896</v>
      </c>
      <c r="C1314" t="s">
        <v>893</v>
      </c>
      <c r="D1314" t="s">
        <v>894</v>
      </c>
      <c r="E1314" t="s">
        <v>847</v>
      </c>
      <c r="F1314" t="s">
        <v>848</v>
      </c>
      <c r="G1314" t="s">
        <v>80</v>
      </c>
      <c r="H1314" t="s">
        <v>81</v>
      </c>
      <c r="I1314" s="2">
        <v>0</v>
      </c>
      <c r="J1314" s="2">
        <v>1</v>
      </c>
      <c r="K1314" s="2">
        <v>0</v>
      </c>
      <c r="L1314" t="s">
        <v>82</v>
      </c>
      <c r="M1314" t="s">
        <v>83</v>
      </c>
      <c r="N1314" t="s">
        <v>84</v>
      </c>
      <c r="O1314" t="s">
        <v>85</v>
      </c>
      <c r="P1314" t="s">
        <v>86</v>
      </c>
      <c r="Q1314">
        <v>3</v>
      </c>
      <c r="R1314">
        <v>3</v>
      </c>
      <c r="S1314">
        <v>3</v>
      </c>
      <c r="T1314">
        <v>3</v>
      </c>
      <c r="U1314">
        <v>3</v>
      </c>
      <c r="V1314">
        <v>3</v>
      </c>
      <c r="W1314">
        <v>3</v>
      </c>
      <c r="X1314">
        <v>3</v>
      </c>
      <c r="Y1314">
        <v>3</v>
      </c>
      <c r="Z1314">
        <v>3</v>
      </c>
      <c r="AA1314">
        <v>3</v>
      </c>
      <c r="AB1314">
        <v>3</v>
      </c>
      <c r="AC1314">
        <v>3</v>
      </c>
      <c r="AD1314">
        <v>3</v>
      </c>
      <c r="AE1314">
        <v>3</v>
      </c>
      <c r="AF1314">
        <v>3</v>
      </c>
      <c r="AG1314">
        <v>3</v>
      </c>
      <c r="AH1314">
        <v>3</v>
      </c>
      <c r="AI1314">
        <v>3</v>
      </c>
      <c r="AJ1314">
        <v>3</v>
      </c>
      <c r="AK1314">
        <v>3</v>
      </c>
      <c r="AL1314">
        <v>3</v>
      </c>
      <c r="AM1314">
        <v>3</v>
      </c>
      <c r="AN1314">
        <v>3</v>
      </c>
      <c r="AO1314">
        <v>3</v>
      </c>
      <c r="AP1314">
        <v>3</v>
      </c>
      <c r="AQ1314">
        <v>3</v>
      </c>
    </row>
    <row r="1315" spans="1:43">
      <c r="A1315" t="s">
        <v>895</v>
      </c>
      <c r="B1315" t="s">
        <v>896</v>
      </c>
      <c r="C1315" t="s">
        <v>893</v>
      </c>
      <c r="D1315" t="s">
        <v>894</v>
      </c>
      <c r="E1315" t="s">
        <v>847</v>
      </c>
      <c r="F1315" t="s">
        <v>848</v>
      </c>
      <c r="G1315" t="s">
        <v>80</v>
      </c>
      <c r="H1315" t="s">
        <v>81</v>
      </c>
      <c r="I1315" s="2">
        <v>0</v>
      </c>
      <c r="J1315" s="2">
        <v>1</v>
      </c>
      <c r="K1315" s="2">
        <v>0</v>
      </c>
      <c r="L1315" t="s">
        <v>82</v>
      </c>
      <c r="M1315" t="s">
        <v>87</v>
      </c>
      <c r="N1315" t="s">
        <v>88</v>
      </c>
      <c r="O1315" t="s">
        <v>85</v>
      </c>
      <c r="P1315" t="s">
        <v>86</v>
      </c>
      <c r="Q1315">
        <v>3</v>
      </c>
      <c r="R1315">
        <v>3</v>
      </c>
      <c r="S1315">
        <v>3</v>
      </c>
      <c r="T1315">
        <v>3</v>
      </c>
      <c r="U1315">
        <v>3</v>
      </c>
      <c r="V1315">
        <v>3</v>
      </c>
      <c r="W1315">
        <v>3</v>
      </c>
      <c r="X1315">
        <v>3</v>
      </c>
      <c r="Y1315">
        <v>3</v>
      </c>
      <c r="Z1315">
        <v>3</v>
      </c>
      <c r="AA1315">
        <v>3</v>
      </c>
      <c r="AB1315">
        <v>3</v>
      </c>
      <c r="AC1315">
        <v>3</v>
      </c>
      <c r="AD1315">
        <v>3</v>
      </c>
      <c r="AE1315">
        <v>3</v>
      </c>
      <c r="AF1315">
        <v>3</v>
      </c>
      <c r="AG1315">
        <v>3</v>
      </c>
      <c r="AH1315">
        <v>3</v>
      </c>
      <c r="AI1315">
        <v>3</v>
      </c>
      <c r="AJ1315">
        <v>3</v>
      </c>
      <c r="AK1315">
        <v>3</v>
      </c>
      <c r="AL1315">
        <v>3</v>
      </c>
      <c r="AM1315">
        <v>2</v>
      </c>
      <c r="AN1315">
        <v>2</v>
      </c>
      <c r="AO1315">
        <v>2</v>
      </c>
      <c r="AP1315">
        <v>2</v>
      </c>
      <c r="AQ1315">
        <v>2</v>
      </c>
    </row>
    <row r="1316" spans="1:43">
      <c r="A1316" t="s">
        <v>895</v>
      </c>
      <c r="B1316" t="s">
        <v>896</v>
      </c>
      <c r="C1316" t="s">
        <v>893</v>
      </c>
      <c r="D1316" t="s">
        <v>894</v>
      </c>
      <c r="E1316" t="s">
        <v>847</v>
      </c>
      <c r="F1316" t="s">
        <v>848</v>
      </c>
      <c r="G1316" t="s">
        <v>80</v>
      </c>
      <c r="H1316" t="s">
        <v>81</v>
      </c>
      <c r="I1316" s="2">
        <v>0</v>
      </c>
      <c r="J1316" s="2">
        <v>1</v>
      </c>
      <c r="K1316" s="2">
        <v>0</v>
      </c>
      <c r="L1316" t="s">
        <v>82</v>
      </c>
      <c r="M1316" t="s">
        <v>89</v>
      </c>
      <c r="N1316" t="s">
        <v>90</v>
      </c>
      <c r="O1316" t="s">
        <v>85</v>
      </c>
      <c r="P1316" t="s">
        <v>86</v>
      </c>
      <c r="Q1316">
        <v>3</v>
      </c>
      <c r="R1316">
        <v>3</v>
      </c>
      <c r="S1316">
        <v>3</v>
      </c>
      <c r="T1316">
        <v>3</v>
      </c>
      <c r="U1316">
        <v>3</v>
      </c>
      <c r="V1316">
        <v>3</v>
      </c>
      <c r="W1316">
        <v>3</v>
      </c>
      <c r="X1316">
        <v>3</v>
      </c>
      <c r="Y1316">
        <v>3</v>
      </c>
      <c r="Z1316">
        <v>3</v>
      </c>
      <c r="AA1316">
        <v>3</v>
      </c>
      <c r="AB1316">
        <v>3</v>
      </c>
      <c r="AC1316">
        <v>3</v>
      </c>
      <c r="AD1316">
        <v>3</v>
      </c>
      <c r="AE1316">
        <v>3</v>
      </c>
      <c r="AF1316">
        <v>3</v>
      </c>
      <c r="AG1316">
        <v>3</v>
      </c>
      <c r="AH1316">
        <v>3</v>
      </c>
      <c r="AI1316">
        <v>3</v>
      </c>
      <c r="AJ1316">
        <v>3</v>
      </c>
      <c r="AK1316">
        <v>3</v>
      </c>
      <c r="AL1316">
        <v>3</v>
      </c>
      <c r="AM1316">
        <v>3</v>
      </c>
      <c r="AN1316">
        <v>3</v>
      </c>
      <c r="AO1316">
        <v>3</v>
      </c>
      <c r="AP1316">
        <v>3</v>
      </c>
      <c r="AQ1316">
        <v>3</v>
      </c>
    </row>
    <row r="1317" spans="1:43">
      <c r="A1317" t="s">
        <v>895</v>
      </c>
      <c r="B1317" t="s">
        <v>896</v>
      </c>
      <c r="C1317" t="s">
        <v>893</v>
      </c>
      <c r="D1317" t="s">
        <v>894</v>
      </c>
      <c r="E1317" t="s">
        <v>847</v>
      </c>
      <c r="F1317" t="s">
        <v>848</v>
      </c>
      <c r="G1317" t="s">
        <v>80</v>
      </c>
      <c r="H1317" t="s">
        <v>81</v>
      </c>
      <c r="I1317" s="2">
        <v>0</v>
      </c>
      <c r="J1317" s="2">
        <v>1</v>
      </c>
      <c r="K1317" s="2">
        <v>0</v>
      </c>
      <c r="L1317" t="s">
        <v>82</v>
      </c>
      <c r="M1317" t="s">
        <v>83</v>
      </c>
      <c r="N1317" t="s">
        <v>91</v>
      </c>
      <c r="O1317" t="s">
        <v>85</v>
      </c>
      <c r="P1317" t="s">
        <v>86</v>
      </c>
      <c r="Q1317">
        <v>3</v>
      </c>
      <c r="R1317">
        <v>3</v>
      </c>
      <c r="S1317">
        <v>3</v>
      </c>
      <c r="T1317">
        <v>3</v>
      </c>
      <c r="U1317">
        <v>3</v>
      </c>
      <c r="V1317">
        <v>3</v>
      </c>
      <c r="W1317">
        <v>3</v>
      </c>
      <c r="X1317">
        <v>3</v>
      </c>
      <c r="Y1317">
        <v>3</v>
      </c>
      <c r="Z1317">
        <v>3</v>
      </c>
      <c r="AA1317">
        <v>3</v>
      </c>
      <c r="AB1317">
        <v>3</v>
      </c>
      <c r="AC1317">
        <v>3</v>
      </c>
      <c r="AD1317">
        <v>3</v>
      </c>
      <c r="AE1317">
        <v>3</v>
      </c>
      <c r="AF1317">
        <v>3</v>
      </c>
      <c r="AG1317">
        <v>3</v>
      </c>
      <c r="AH1317">
        <v>3</v>
      </c>
      <c r="AI1317">
        <v>3</v>
      </c>
      <c r="AJ1317">
        <v>3</v>
      </c>
      <c r="AK1317">
        <v>3</v>
      </c>
      <c r="AL1317">
        <v>3</v>
      </c>
      <c r="AM1317">
        <v>3</v>
      </c>
      <c r="AN1317">
        <v>3</v>
      </c>
      <c r="AO1317">
        <v>3</v>
      </c>
      <c r="AP1317">
        <v>3</v>
      </c>
      <c r="AQ1317">
        <v>3</v>
      </c>
    </row>
    <row r="1318" spans="1:43">
      <c r="A1318" t="s">
        <v>897</v>
      </c>
      <c r="B1318" t="s">
        <v>898</v>
      </c>
      <c r="C1318" t="s">
        <v>893</v>
      </c>
      <c r="D1318" t="s">
        <v>894</v>
      </c>
      <c r="E1318" t="s">
        <v>847</v>
      </c>
      <c r="F1318" t="s">
        <v>848</v>
      </c>
      <c r="G1318" t="s">
        <v>80</v>
      </c>
      <c r="H1318" t="s">
        <v>81</v>
      </c>
      <c r="I1318" s="2">
        <v>0</v>
      </c>
      <c r="J1318" s="2">
        <v>1</v>
      </c>
      <c r="K1318" s="2">
        <v>0</v>
      </c>
      <c r="L1318" t="s">
        <v>82</v>
      </c>
      <c r="M1318" t="s">
        <v>83</v>
      </c>
      <c r="N1318" t="s">
        <v>84</v>
      </c>
      <c r="O1318" t="s">
        <v>85</v>
      </c>
      <c r="P1318" t="s">
        <v>86</v>
      </c>
      <c r="Q1318">
        <v>3</v>
      </c>
      <c r="R1318">
        <v>3</v>
      </c>
      <c r="S1318">
        <v>3</v>
      </c>
      <c r="T1318">
        <v>3</v>
      </c>
      <c r="U1318">
        <v>3</v>
      </c>
      <c r="V1318">
        <v>3</v>
      </c>
      <c r="W1318">
        <v>3</v>
      </c>
      <c r="X1318">
        <v>3</v>
      </c>
      <c r="Y1318">
        <v>3</v>
      </c>
      <c r="Z1318">
        <v>3</v>
      </c>
      <c r="AA1318">
        <v>3</v>
      </c>
      <c r="AB1318">
        <v>3</v>
      </c>
      <c r="AC1318">
        <v>3</v>
      </c>
      <c r="AD1318">
        <v>3</v>
      </c>
      <c r="AE1318">
        <v>3</v>
      </c>
      <c r="AF1318">
        <v>3</v>
      </c>
      <c r="AG1318">
        <v>3</v>
      </c>
      <c r="AH1318">
        <v>3</v>
      </c>
      <c r="AI1318">
        <v>3</v>
      </c>
      <c r="AJ1318">
        <v>3</v>
      </c>
      <c r="AK1318">
        <v>3</v>
      </c>
      <c r="AL1318">
        <v>3</v>
      </c>
      <c r="AM1318">
        <v>3</v>
      </c>
      <c r="AN1318">
        <v>3</v>
      </c>
      <c r="AO1318">
        <v>3</v>
      </c>
      <c r="AP1318">
        <v>3</v>
      </c>
      <c r="AQ1318">
        <v>3</v>
      </c>
    </row>
    <row r="1319" spans="1:43">
      <c r="A1319" t="s">
        <v>897</v>
      </c>
      <c r="B1319" t="s">
        <v>898</v>
      </c>
      <c r="C1319" t="s">
        <v>893</v>
      </c>
      <c r="D1319" t="s">
        <v>894</v>
      </c>
      <c r="E1319" t="s">
        <v>847</v>
      </c>
      <c r="F1319" t="s">
        <v>848</v>
      </c>
      <c r="G1319" t="s">
        <v>80</v>
      </c>
      <c r="H1319" t="s">
        <v>81</v>
      </c>
      <c r="I1319" s="2">
        <v>0</v>
      </c>
      <c r="J1319" s="2">
        <v>1</v>
      </c>
      <c r="K1319" s="2">
        <v>0</v>
      </c>
      <c r="L1319" t="s">
        <v>82</v>
      </c>
      <c r="M1319" t="s">
        <v>87</v>
      </c>
      <c r="N1319" t="s">
        <v>88</v>
      </c>
      <c r="O1319" t="s">
        <v>85</v>
      </c>
      <c r="P1319" t="s">
        <v>86</v>
      </c>
      <c r="Q1319">
        <v>3</v>
      </c>
      <c r="R1319">
        <v>3</v>
      </c>
      <c r="S1319">
        <v>3</v>
      </c>
      <c r="T1319">
        <v>3</v>
      </c>
      <c r="U1319">
        <v>3</v>
      </c>
      <c r="V1319">
        <v>3</v>
      </c>
      <c r="W1319">
        <v>3</v>
      </c>
      <c r="X1319">
        <v>3</v>
      </c>
      <c r="Y1319">
        <v>3</v>
      </c>
      <c r="Z1319">
        <v>3</v>
      </c>
      <c r="AA1319">
        <v>3</v>
      </c>
      <c r="AB1319">
        <v>3</v>
      </c>
      <c r="AC1319">
        <v>3</v>
      </c>
      <c r="AD1319">
        <v>3</v>
      </c>
      <c r="AE1319">
        <v>3</v>
      </c>
      <c r="AF1319">
        <v>3</v>
      </c>
      <c r="AG1319">
        <v>3</v>
      </c>
      <c r="AH1319">
        <v>3</v>
      </c>
      <c r="AI1319">
        <v>3</v>
      </c>
      <c r="AJ1319">
        <v>3</v>
      </c>
      <c r="AK1319">
        <v>3</v>
      </c>
      <c r="AL1319">
        <v>3</v>
      </c>
      <c r="AM1319">
        <v>2</v>
      </c>
      <c r="AN1319">
        <v>2</v>
      </c>
      <c r="AO1319">
        <v>2</v>
      </c>
      <c r="AP1319">
        <v>2</v>
      </c>
      <c r="AQ1319">
        <v>2</v>
      </c>
    </row>
    <row r="1320" spans="1:43">
      <c r="A1320" t="s">
        <v>897</v>
      </c>
      <c r="B1320" t="s">
        <v>898</v>
      </c>
      <c r="C1320" t="s">
        <v>893</v>
      </c>
      <c r="D1320" t="s">
        <v>894</v>
      </c>
      <c r="E1320" t="s">
        <v>847</v>
      </c>
      <c r="F1320" t="s">
        <v>848</v>
      </c>
      <c r="G1320" t="s">
        <v>80</v>
      </c>
      <c r="H1320" t="s">
        <v>81</v>
      </c>
      <c r="I1320" s="2">
        <v>0</v>
      </c>
      <c r="J1320" s="2">
        <v>1</v>
      </c>
      <c r="K1320" s="2">
        <v>0</v>
      </c>
      <c r="L1320" t="s">
        <v>82</v>
      </c>
      <c r="M1320" t="s">
        <v>89</v>
      </c>
      <c r="N1320" t="s">
        <v>90</v>
      </c>
      <c r="O1320" t="s">
        <v>85</v>
      </c>
      <c r="P1320" t="s">
        <v>86</v>
      </c>
      <c r="Q1320">
        <v>3</v>
      </c>
      <c r="R1320">
        <v>3</v>
      </c>
      <c r="S1320">
        <v>3</v>
      </c>
      <c r="T1320">
        <v>3</v>
      </c>
      <c r="U1320">
        <v>3</v>
      </c>
      <c r="V1320">
        <v>3</v>
      </c>
      <c r="W1320">
        <v>3</v>
      </c>
      <c r="X1320">
        <v>3</v>
      </c>
      <c r="Y1320">
        <v>3</v>
      </c>
      <c r="Z1320">
        <v>3</v>
      </c>
      <c r="AA1320">
        <v>3</v>
      </c>
      <c r="AB1320">
        <v>3</v>
      </c>
      <c r="AC1320">
        <v>3</v>
      </c>
      <c r="AD1320">
        <v>3</v>
      </c>
      <c r="AE1320">
        <v>3</v>
      </c>
      <c r="AF1320">
        <v>3</v>
      </c>
      <c r="AG1320">
        <v>3</v>
      </c>
      <c r="AH1320">
        <v>3</v>
      </c>
      <c r="AI1320">
        <v>3</v>
      </c>
      <c r="AJ1320">
        <v>3</v>
      </c>
      <c r="AK1320">
        <v>3</v>
      </c>
      <c r="AL1320">
        <v>3</v>
      </c>
      <c r="AM1320">
        <v>3</v>
      </c>
      <c r="AN1320">
        <v>3</v>
      </c>
      <c r="AO1320">
        <v>3</v>
      </c>
      <c r="AP1320">
        <v>3</v>
      </c>
      <c r="AQ1320">
        <v>3</v>
      </c>
    </row>
    <row r="1321" spans="1:43">
      <c r="A1321" t="s">
        <v>897</v>
      </c>
      <c r="B1321" t="s">
        <v>898</v>
      </c>
      <c r="C1321" t="s">
        <v>893</v>
      </c>
      <c r="D1321" t="s">
        <v>894</v>
      </c>
      <c r="E1321" t="s">
        <v>847</v>
      </c>
      <c r="F1321" t="s">
        <v>848</v>
      </c>
      <c r="G1321" t="s">
        <v>80</v>
      </c>
      <c r="H1321" t="s">
        <v>81</v>
      </c>
      <c r="I1321" s="2">
        <v>0</v>
      </c>
      <c r="J1321" s="2">
        <v>1</v>
      </c>
      <c r="K1321" s="2">
        <v>0</v>
      </c>
      <c r="L1321" t="s">
        <v>82</v>
      </c>
      <c r="M1321" t="s">
        <v>83</v>
      </c>
      <c r="N1321" t="s">
        <v>91</v>
      </c>
      <c r="O1321" t="s">
        <v>85</v>
      </c>
      <c r="P1321" t="s">
        <v>86</v>
      </c>
      <c r="Q1321">
        <v>3</v>
      </c>
      <c r="R1321">
        <v>3</v>
      </c>
      <c r="S1321">
        <v>3</v>
      </c>
      <c r="T1321">
        <v>3</v>
      </c>
      <c r="U1321">
        <v>3</v>
      </c>
      <c r="V1321">
        <v>3</v>
      </c>
      <c r="W1321">
        <v>3</v>
      </c>
      <c r="X1321">
        <v>3</v>
      </c>
      <c r="Y1321">
        <v>3</v>
      </c>
      <c r="Z1321">
        <v>3</v>
      </c>
      <c r="AA1321">
        <v>3</v>
      </c>
      <c r="AB1321">
        <v>3</v>
      </c>
      <c r="AC1321">
        <v>3</v>
      </c>
      <c r="AD1321">
        <v>3</v>
      </c>
      <c r="AE1321">
        <v>3</v>
      </c>
      <c r="AF1321">
        <v>3</v>
      </c>
      <c r="AG1321">
        <v>3</v>
      </c>
      <c r="AH1321">
        <v>3</v>
      </c>
      <c r="AI1321">
        <v>3</v>
      </c>
      <c r="AJ1321">
        <v>3</v>
      </c>
      <c r="AK1321">
        <v>3</v>
      </c>
      <c r="AL1321">
        <v>3</v>
      </c>
      <c r="AM1321">
        <v>3</v>
      </c>
      <c r="AN1321">
        <v>3</v>
      </c>
      <c r="AO1321">
        <v>3</v>
      </c>
      <c r="AP1321">
        <v>3</v>
      </c>
      <c r="AQ1321">
        <v>3</v>
      </c>
    </row>
    <row r="1322" spans="1:43">
      <c r="A1322" t="s">
        <v>899</v>
      </c>
      <c r="B1322" t="s">
        <v>900</v>
      </c>
      <c r="C1322" t="s">
        <v>885</v>
      </c>
      <c r="D1322" t="s">
        <v>886</v>
      </c>
      <c r="E1322" t="s">
        <v>847</v>
      </c>
      <c r="F1322" t="s">
        <v>848</v>
      </c>
      <c r="G1322" t="s">
        <v>80</v>
      </c>
      <c r="H1322" t="s">
        <v>81</v>
      </c>
      <c r="I1322" s="2">
        <v>0</v>
      </c>
      <c r="J1322" s="2">
        <v>1</v>
      </c>
      <c r="K1322" s="2">
        <v>0</v>
      </c>
      <c r="L1322" t="s">
        <v>82</v>
      </c>
      <c r="M1322" t="s">
        <v>83</v>
      </c>
      <c r="N1322" t="s">
        <v>84</v>
      </c>
      <c r="O1322" t="s">
        <v>85</v>
      </c>
      <c r="P1322" t="s">
        <v>86</v>
      </c>
      <c r="Q1322">
        <v>22</v>
      </c>
      <c r="R1322">
        <v>22</v>
      </c>
      <c r="S1322">
        <v>22</v>
      </c>
      <c r="T1322">
        <v>22</v>
      </c>
      <c r="U1322">
        <v>23</v>
      </c>
      <c r="V1322">
        <v>23</v>
      </c>
      <c r="W1322">
        <v>23</v>
      </c>
      <c r="X1322">
        <v>23</v>
      </c>
      <c r="Y1322">
        <v>23</v>
      </c>
      <c r="Z1322">
        <v>23</v>
      </c>
      <c r="AA1322">
        <v>23</v>
      </c>
      <c r="AB1322">
        <v>23</v>
      </c>
      <c r="AC1322">
        <v>23</v>
      </c>
      <c r="AD1322">
        <v>23</v>
      </c>
      <c r="AE1322">
        <v>23</v>
      </c>
      <c r="AF1322">
        <v>23</v>
      </c>
      <c r="AG1322">
        <v>23</v>
      </c>
      <c r="AH1322">
        <v>24</v>
      </c>
      <c r="AI1322">
        <v>24</v>
      </c>
      <c r="AJ1322">
        <v>24</v>
      </c>
      <c r="AK1322">
        <v>24</v>
      </c>
      <c r="AL1322">
        <v>24</v>
      </c>
      <c r="AM1322">
        <v>23</v>
      </c>
      <c r="AN1322">
        <v>23</v>
      </c>
      <c r="AO1322">
        <v>23</v>
      </c>
      <c r="AP1322">
        <v>23</v>
      </c>
      <c r="AQ1322">
        <v>23</v>
      </c>
    </row>
    <row r="1323" spans="1:43">
      <c r="A1323" t="s">
        <v>899</v>
      </c>
      <c r="B1323" t="s">
        <v>900</v>
      </c>
      <c r="C1323" t="s">
        <v>885</v>
      </c>
      <c r="D1323" t="s">
        <v>886</v>
      </c>
      <c r="E1323" t="s">
        <v>847</v>
      </c>
      <c r="F1323" t="s">
        <v>848</v>
      </c>
      <c r="G1323" t="s">
        <v>80</v>
      </c>
      <c r="H1323" t="s">
        <v>81</v>
      </c>
      <c r="I1323" s="2">
        <v>0</v>
      </c>
      <c r="J1323" s="2">
        <v>1</v>
      </c>
      <c r="K1323" s="2">
        <v>0</v>
      </c>
      <c r="L1323" t="s">
        <v>82</v>
      </c>
      <c r="M1323" t="s">
        <v>87</v>
      </c>
      <c r="N1323" t="s">
        <v>88</v>
      </c>
      <c r="O1323" t="s">
        <v>85</v>
      </c>
      <c r="P1323" t="s">
        <v>86</v>
      </c>
      <c r="Q1323">
        <v>22</v>
      </c>
      <c r="R1323">
        <v>22</v>
      </c>
      <c r="S1323">
        <v>22</v>
      </c>
      <c r="T1323">
        <v>22</v>
      </c>
      <c r="U1323">
        <v>22</v>
      </c>
      <c r="V1323">
        <v>21</v>
      </c>
      <c r="W1323">
        <v>21</v>
      </c>
      <c r="X1323">
        <v>21</v>
      </c>
      <c r="Y1323">
        <v>21</v>
      </c>
      <c r="Z1323">
        <v>21</v>
      </c>
      <c r="AA1323">
        <v>21</v>
      </c>
      <c r="AB1323">
        <v>21</v>
      </c>
      <c r="AC1323">
        <v>21</v>
      </c>
      <c r="AD1323">
        <v>21</v>
      </c>
      <c r="AE1323">
        <v>21</v>
      </c>
      <c r="AF1323">
        <v>21</v>
      </c>
      <c r="AG1323">
        <v>21</v>
      </c>
      <c r="AH1323">
        <v>20</v>
      </c>
      <c r="AI1323">
        <v>20</v>
      </c>
      <c r="AJ1323">
        <v>20</v>
      </c>
      <c r="AK1323">
        <v>20</v>
      </c>
      <c r="AL1323">
        <v>20</v>
      </c>
      <c r="AM1323">
        <v>20</v>
      </c>
      <c r="AN1323">
        <v>20</v>
      </c>
      <c r="AO1323">
        <v>20</v>
      </c>
      <c r="AP1323">
        <v>20</v>
      </c>
      <c r="AQ1323">
        <v>20</v>
      </c>
    </row>
    <row r="1324" spans="1:43">
      <c r="A1324" t="s">
        <v>899</v>
      </c>
      <c r="B1324" t="s">
        <v>900</v>
      </c>
      <c r="C1324" t="s">
        <v>885</v>
      </c>
      <c r="D1324" t="s">
        <v>886</v>
      </c>
      <c r="E1324" t="s">
        <v>847</v>
      </c>
      <c r="F1324" t="s">
        <v>848</v>
      </c>
      <c r="G1324" t="s">
        <v>80</v>
      </c>
      <c r="H1324" t="s">
        <v>81</v>
      </c>
      <c r="I1324" s="2">
        <v>0</v>
      </c>
      <c r="J1324" s="2">
        <v>1</v>
      </c>
      <c r="K1324" s="2">
        <v>0</v>
      </c>
      <c r="L1324" t="s">
        <v>82</v>
      </c>
      <c r="M1324" t="s">
        <v>89</v>
      </c>
      <c r="N1324" t="s">
        <v>90</v>
      </c>
      <c r="O1324" t="s">
        <v>85</v>
      </c>
      <c r="P1324" t="s">
        <v>86</v>
      </c>
      <c r="Q1324">
        <v>22</v>
      </c>
      <c r="R1324">
        <v>23</v>
      </c>
      <c r="S1324">
        <v>23</v>
      </c>
      <c r="T1324">
        <v>23</v>
      </c>
      <c r="U1324">
        <v>23</v>
      </c>
      <c r="V1324">
        <v>24</v>
      </c>
      <c r="W1324">
        <v>24</v>
      </c>
      <c r="X1324">
        <v>24</v>
      </c>
      <c r="Y1324">
        <v>24</v>
      </c>
      <c r="Z1324">
        <v>24</v>
      </c>
      <c r="AA1324">
        <v>25</v>
      </c>
      <c r="AB1324">
        <v>25</v>
      </c>
      <c r="AC1324">
        <v>25</v>
      </c>
      <c r="AD1324">
        <v>25</v>
      </c>
      <c r="AE1324">
        <v>25</v>
      </c>
      <c r="AF1324">
        <v>25</v>
      </c>
      <c r="AG1324">
        <v>25</v>
      </c>
      <c r="AH1324">
        <v>25</v>
      </c>
      <c r="AI1324">
        <v>24</v>
      </c>
      <c r="AJ1324">
        <v>24</v>
      </c>
      <c r="AK1324">
        <v>24</v>
      </c>
      <c r="AL1324">
        <v>24</v>
      </c>
      <c r="AM1324">
        <v>24</v>
      </c>
      <c r="AN1324">
        <v>24</v>
      </c>
      <c r="AO1324">
        <v>23</v>
      </c>
      <c r="AP1324">
        <v>23</v>
      </c>
      <c r="AQ1324">
        <v>23</v>
      </c>
    </row>
    <row r="1325" spans="1:43">
      <c r="A1325" t="s">
        <v>899</v>
      </c>
      <c r="B1325" t="s">
        <v>900</v>
      </c>
      <c r="C1325" t="s">
        <v>885</v>
      </c>
      <c r="D1325" t="s">
        <v>886</v>
      </c>
      <c r="E1325" t="s">
        <v>847</v>
      </c>
      <c r="F1325" t="s">
        <v>848</v>
      </c>
      <c r="G1325" t="s">
        <v>80</v>
      </c>
      <c r="H1325" t="s">
        <v>81</v>
      </c>
      <c r="I1325" s="2">
        <v>0</v>
      </c>
      <c r="J1325" s="2">
        <v>1</v>
      </c>
      <c r="K1325" s="2">
        <v>0</v>
      </c>
      <c r="L1325" t="s">
        <v>82</v>
      </c>
      <c r="M1325" t="s">
        <v>83</v>
      </c>
      <c r="N1325" t="s">
        <v>91</v>
      </c>
      <c r="O1325" t="s">
        <v>85</v>
      </c>
      <c r="P1325" t="s">
        <v>86</v>
      </c>
      <c r="Q1325">
        <v>22</v>
      </c>
      <c r="R1325">
        <v>22</v>
      </c>
      <c r="S1325">
        <v>22</v>
      </c>
      <c r="T1325">
        <v>22</v>
      </c>
      <c r="U1325">
        <v>23</v>
      </c>
      <c r="V1325">
        <v>23</v>
      </c>
      <c r="W1325">
        <v>23</v>
      </c>
      <c r="X1325">
        <v>23</v>
      </c>
      <c r="Y1325">
        <v>23</v>
      </c>
      <c r="Z1325">
        <v>23</v>
      </c>
      <c r="AA1325">
        <v>23</v>
      </c>
      <c r="AB1325">
        <v>23</v>
      </c>
      <c r="AC1325">
        <v>23</v>
      </c>
      <c r="AD1325">
        <v>23</v>
      </c>
      <c r="AE1325">
        <v>23</v>
      </c>
      <c r="AF1325">
        <v>23</v>
      </c>
      <c r="AG1325">
        <v>23</v>
      </c>
      <c r="AH1325">
        <v>24</v>
      </c>
      <c r="AI1325">
        <v>24</v>
      </c>
      <c r="AJ1325">
        <v>24</v>
      </c>
      <c r="AK1325">
        <v>24</v>
      </c>
      <c r="AL1325">
        <v>24</v>
      </c>
      <c r="AM1325">
        <v>23</v>
      </c>
      <c r="AN1325">
        <v>23</v>
      </c>
      <c r="AO1325">
        <v>23</v>
      </c>
      <c r="AP1325">
        <v>23</v>
      </c>
      <c r="AQ1325">
        <v>23</v>
      </c>
    </row>
    <row r="1326" spans="1:43">
      <c r="A1326" t="s">
        <v>901</v>
      </c>
      <c r="B1326" t="s">
        <v>902</v>
      </c>
      <c r="C1326" t="s">
        <v>893</v>
      </c>
      <c r="D1326" t="s">
        <v>894</v>
      </c>
      <c r="E1326" t="s">
        <v>847</v>
      </c>
      <c r="F1326" t="s">
        <v>848</v>
      </c>
      <c r="G1326" t="s">
        <v>80</v>
      </c>
      <c r="H1326" t="s">
        <v>81</v>
      </c>
      <c r="I1326" s="2">
        <v>0</v>
      </c>
      <c r="J1326" s="2">
        <v>1</v>
      </c>
      <c r="K1326" s="2">
        <v>0</v>
      </c>
      <c r="L1326" t="s">
        <v>82</v>
      </c>
      <c r="M1326" t="s">
        <v>83</v>
      </c>
      <c r="N1326" t="s">
        <v>84</v>
      </c>
      <c r="O1326" t="s">
        <v>85</v>
      </c>
      <c r="P1326" t="s">
        <v>86</v>
      </c>
      <c r="Q1326">
        <v>0</v>
      </c>
      <c r="R1326">
        <v>0</v>
      </c>
      <c r="S1326">
        <v>0</v>
      </c>
      <c r="T1326">
        <v>0</v>
      </c>
      <c r="U1326">
        <v>0</v>
      </c>
      <c r="V1326">
        <v>0</v>
      </c>
      <c r="W1326">
        <v>0</v>
      </c>
      <c r="X1326">
        <v>0</v>
      </c>
      <c r="Y1326">
        <v>0</v>
      </c>
      <c r="Z1326">
        <v>0</v>
      </c>
      <c r="AA1326">
        <v>0</v>
      </c>
      <c r="AB1326">
        <v>0</v>
      </c>
      <c r="AC1326">
        <v>0</v>
      </c>
      <c r="AD1326">
        <v>0</v>
      </c>
      <c r="AE1326">
        <v>0</v>
      </c>
      <c r="AF1326">
        <v>0</v>
      </c>
      <c r="AG1326">
        <v>0</v>
      </c>
      <c r="AH1326">
        <v>0</v>
      </c>
      <c r="AI1326">
        <v>0</v>
      </c>
      <c r="AJ1326">
        <v>0</v>
      </c>
      <c r="AK1326">
        <v>0</v>
      </c>
      <c r="AL1326">
        <v>0</v>
      </c>
      <c r="AM1326">
        <v>0</v>
      </c>
      <c r="AN1326">
        <v>0</v>
      </c>
      <c r="AO1326">
        <v>0</v>
      </c>
      <c r="AP1326">
        <v>0</v>
      </c>
      <c r="AQ1326">
        <v>0</v>
      </c>
    </row>
    <row r="1327" spans="1:43">
      <c r="A1327" t="s">
        <v>901</v>
      </c>
      <c r="B1327" t="s">
        <v>902</v>
      </c>
      <c r="C1327" t="s">
        <v>893</v>
      </c>
      <c r="D1327" t="s">
        <v>894</v>
      </c>
      <c r="E1327" t="s">
        <v>847</v>
      </c>
      <c r="F1327" t="s">
        <v>848</v>
      </c>
      <c r="G1327" t="s">
        <v>80</v>
      </c>
      <c r="H1327" t="s">
        <v>81</v>
      </c>
      <c r="I1327" s="2">
        <v>0</v>
      </c>
      <c r="J1327" s="2">
        <v>1</v>
      </c>
      <c r="K1327" s="2">
        <v>0</v>
      </c>
      <c r="L1327" t="s">
        <v>82</v>
      </c>
      <c r="M1327" t="s">
        <v>87</v>
      </c>
      <c r="N1327" t="s">
        <v>88</v>
      </c>
      <c r="O1327" t="s">
        <v>85</v>
      </c>
      <c r="P1327" t="s">
        <v>86</v>
      </c>
      <c r="Q1327">
        <v>0</v>
      </c>
      <c r="R1327">
        <v>0</v>
      </c>
      <c r="S1327">
        <v>0</v>
      </c>
      <c r="T1327">
        <v>0</v>
      </c>
      <c r="U1327">
        <v>0</v>
      </c>
      <c r="V1327">
        <v>0</v>
      </c>
      <c r="W1327">
        <v>0</v>
      </c>
      <c r="X1327">
        <v>0</v>
      </c>
      <c r="Y1327">
        <v>0</v>
      </c>
      <c r="Z1327">
        <v>0</v>
      </c>
      <c r="AA1327">
        <v>0</v>
      </c>
      <c r="AB1327">
        <v>0</v>
      </c>
      <c r="AC1327">
        <v>0</v>
      </c>
      <c r="AD1327">
        <v>0</v>
      </c>
      <c r="AE1327">
        <v>0</v>
      </c>
      <c r="AF1327">
        <v>0</v>
      </c>
      <c r="AG1327">
        <v>0</v>
      </c>
      <c r="AH1327">
        <v>0</v>
      </c>
      <c r="AI1327">
        <v>0</v>
      </c>
      <c r="AJ1327">
        <v>0</v>
      </c>
      <c r="AK1327">
        <v>0</v>
      </c>
      <c r="AL1327">
        <v>0</v>
      </c>
      <c r="AM1327">
        <v>0</v>
      </c>
      <c r="AN1327">
        <v>0</v>
      </c>
      <c r="AO1327">
        <v>0</v>
      </c>
      <c r="AP1327">
        <v>0</v>
      </c>
      <c r="AQ1327">
        <v>0</v>
      </c>
    </row>
    <row r="1328" spans="1:43">
      <c r="A1328" t="s">
        <v>901</v>
      </c>
      <c r="B1328" t="s">
        <v>902</v>
      </c>
      <c r="C1328" t="s">
        <v>893</v>
      </c>
      <c r="D1328" t="s">
        <v>894</v>
      </c>
      <c r="E1328" t="s">
        <v>847</v>
      </c>
      <c r="F1328" t="s">
        <v>848</v>
      </c>
      <c r="G1328" t="s">
        <v>80</v>
      </c>
      <c r="H1328" t="s">
        <v>81</v>
      </c>
      <c r="I1328" s="2">
        <v>0</v>
      </c>
      <c r="J1328" s="2">
        <v>1</v>
      </c>
      <c r="K1328" s="2">
        <v>0</v>
      </c>
      <c r="L1328" t="s">
        <v>82</v>
      </c>
      <c r="M1328" t="s">
        <v>89</v>
      </c>
      <c r="N1328" t="s">
        <v>90</v>
      </c>
      <c r="O1328" t="s">
        <v>85</v>
      </c>
      <c r="P1328" t="s">
        <v>86</v>
      </c>
      <c r="Q1328">
        <v>0</v>
      </c>
      <c r="R1328">
        <v>0</v>
      </c>
      <c r="S1328">
        <v>0</v>
      </c>
      <c r="T1328">
        <v>0</v>
      </c>
      <c r="U1328">
        <v>0</v>
      </c>
      <c r="V1328">
        <v>0</v>
      </c>
      <c r="W1328">
        <v>0</v>
      </c>
      <c r="X1328">
        <v>0</v>
      </c>
      <c r="Y1328">
        <v>0</v>
      </c>
      <c r="Z1328">
        <v>0</v>
      </c>
      <c r="AA1328">
        <v>0</v>
      </c>
      <c r="AB1328">
        <v>0</v>
      </c>
      <c r="AC1328">
        <v>0</v>
      </c>
      <c r="AD1328">
        <v>0</v>
      </c>
      <c r="AE1328">
        <v>0</v>
      </c>
      <c r="AF1328">
        <v>0</v>
      </c>
      <c r="AG1328">
        <v>0</v>
      </c>
      <c r="AH1328">
        <v>0</v>
      </c>
      <c r="AI1328">
        <v>0</v>
      </c>
      <c r="AJ1328">
        <v>0</v>
      </c>
      <c r="AK1328">
        <v>0</v>
      </c>
      <c r="AL1328">
        <v>0</v>
      </c>
      <c r="AM1328">
        <v>0</v>
      </c>
      <c r="AN1328">
        <v>0</v>
      </c>
      <c r="AO1328">
        <v>0</v>
      </c>
      <c r="AP1328">
        <v>0</v>
      </c>
      <c r="AQ1328">
        <v>0</v>
      </c>
    </row>
    <row r="1329" spans="1:43">
      <c r="A1329" t="s">
        <v>901</v>
      </c>
      <c r="B1329" t="s">
        <v>902</v>
      </c>
      <c r="C1329" t="s">
        <v>893</v>
      </c>
      <c r="D1329" t="s">
        <v>894</v>
      </c>
      <c r="E1329" t="s">
        <v>847</v>
      </c>
      <c r="F1329" t="s">
        <v>848</v>
      </c>
      <c r="G1329" t="s">
        <v>80</v>
      </c>
      <c r="H1329" t="s">
        <v>81</v>
      </c>
      <c r="I1329" s="2">
        <v>0</v>
      </c>
      <c r="J1329" s="2">
        <v>1</v>
      </c>
      <c r="K1329" s="2">
        <v>0</v>
      </c>
      <c r="L1329" t="s">
        <v>82</v>
      </c>
      <c r="M1329" t="s">
        <v>83</v>
      </c>
      <c r="N1329" t="s">
        <v>91</v>
      </c>
      <c r="O1329" t="s">
        <v>85</v>
      </c>
      <c r="P1329" t="s">
        <v>86</v>
      </c>
      <c r="Q1329">
        <v>0</v>
      </c>
      <c r="R1329">
        <v>0</v>
      </c>
      <c r="S1329">
        <v>0</v>
      </c>
      <c r="T1329">
        <v>0</v>
      </c>
      <c r="U1329">
        <v>0</v>
      </c>
      <c r="V1329">
        <v>0</v>
      </c>
      <c r="W1329">
        <v>0</v>
      </c>
      <c r="X1329">
        <v>0</v>
      </c>
      <c r="Y1329">
        <v>0</v>
      </c>
      <c r="Z1329">
        <v>0</v>
      </c>
      <c r="AA1329">
        <v>0</v>
      </c>
      <c r="AB1329">
        <v>0</v>
      </c>
      <c r="AC1329">
        <v>0</v>
      </c>
      <c r="AD1329">
        <v>0</v>
      </c>
      <c r="AE1329">
        <v>0</v>
      </c>
      <c r="AF1329">
        <v>0</v>
      </c>
      <c r="AG1329">
        <v>0</v>
      </c>
      <c r="AH1329">
        <v>0</v>
      </c>
      <c r="AI1329">
        <v>0</v>
      </c>
      <c r="AJ1329">
        <v>0</v>
      </c>
      <c r="AK1329">
        <v>0</v>
      </c>
      <c r="AL1329">
        <v>0</v>
      </c>
      <c r="AM1329">
        <v>0</v>
      </c>
      <c r="AN1329">
        <v>0</v>
      </c>
      <c r="AO1329">
        <v>0</v>
      </c>
      <c r="AP1329">
        <v>0</v>
      </c>
      <c r="AQ1329">
        <v>0</v>
      </c>
    </row>
    <row r="1330" spans="1:43">
      <c r="A1330" t="s">
        <v>903</v>
      </c>
      <c r="B1330" t="s">
        <v>904</v>
      </c>
      <c r="C1330" t="s">
        <v>905</v>
      </c>
      <c r="D1330" t="s">
        <v>906</v>
      </c>
      <c r="E1330" t="s">
        <v>847</v>
      </c>
      <c r="F1330" t="s">
        <v>848</v>
      </c>
      <c r="G1330" t="s">
        <v>80</v>
      </c>
      <c r="H1330" t="s">
        <v>81</v>
      </c>
      <c r="I1330" s="2">
        <v>0</v>
      </c>
      <c r="J1330" s="2">
        <v>1</v>
      </c>
      <c r="K1330" s="2">
        <v>0</v>
      </c>
      <c r="L1330" t="s">
        <v>82</v>
      </c>
      <c r="M1330" t="s">
        <v>83</v>
      </c>
      <c r="N1330" t="s">
        <v>84</v>
      </c>
      <c r="O1330" t="s">
        <v>85</v>
      </c>
      <c r="P1330" t="s">
        <v>86</v>
      </c>
      <c r="Q1330">
        <v>20</v>
      </c>
      <c r="R1330">
        <v>20</v>
      </c>
      <c r="S1330">
        <v>20</v>
      </c>
      <c r="T1330">
        <v>20</v>
      </c>
      <c r="U1330">
        <v>20</v>
      </c>
      <c r="V1330">
        <v>20</v>
      </c>
      <c r="W1330">
        <v>20</v>
      </c>
      <c r="X1330">
        <v>20</v>
      </c>
      <c r="Y1330">
        <v>20</v>
      </c>
      <c r="Z1330">
        <v>20</v>
      </c>
      <c r="AA1330">
        <v>21</v>
      </c>
      <c r="AB1330">
        <v>21</v>
      </c>
      <c r="AC1330">
        <v>21</v>
      </c>
      <c r="AD1330">
        <v>21</v>
      </c>
      <c r="AE1330">
        <v>21</v>
      </c>
      <c r="AF1330">
        <v>21</v>
      </c>
      <c r="AG1330">
        <v>21</v>
      </c>
      <c r="AH1330">
        <v>21</v>
      </c>
      <c r="AI1330">
        <v>21</v>
      </c>
      <c r="AJ1330">
        <v>21</v>
      </c>
      <c r="AK1330">
        <v>21</v>
      </c>
      <c r="AL1330">
        <v>21</v>
      </c>
      <c r="AM1330">
        <v>21</v>
      </c>
      <c r="AN1330">
        <v>21</v>
      </c>
      <c r="AO1330">
        <v>21</v>
      </c>
      <c r="AP1330">
        <v>21</v>
      </c>
      <c r="AQ1330">
        <v>21</v>
      </c>
    </row>
    <row r="1331" spans="1:43">
      <c r="A1331" t="s">
        <v>903</v>
      </c>
      <c r="B1331" t="s">
        <v>904</v>
      </c>
      <c r="C1331" t="s">
        <v>905</v>
      </c>
      <c r="D1331" t="s">
        <v>906</v>
      </c>
      <c r="E1331" t="s">
        <v>847</v>
      </c>
      <c r="F1331" t="s">
        <v>848</v>
      </c>
      <c r="G1331" t="s">
        <v>80</v>
      </c>
      <c r="H1331" t="s">
        <v>81</v>
      </c>
      <c r="I1331" s="2">
        <v>0</v>
      </c>
      <c r="J1331" s="2">
        <v>1</v>
      </c>
      <c r="K1331" s="2">
        <v>0</v>
      </c>
      <c r="L1331" t="s">
        <v>82</v>
      </c>
      <c r="M1331" t="s">
        <v>87</v>
      </c>
      <c r="N1331" t="s">
        <v>88</v>
      </c>
      <c r="O1331" t="s">
        <v>85</v>
      </c>
      <c r="P1331" t="s">
        <v>86</v>
      </c>
      <c r="Q1331">
        <v>20</v>
      </c>
      <c r="R1331">
        <v>20</v>
      </c>
      <c r="S1331">
        <v>20</v>
      </c>
      <c r="T1331">
        <v>20</v>
      </c>
      <c r="U1331">
        <v>20</v>
      </c>
      <c r="V1331">
        <v>20</v>
      </c>
      <c r="W1331">
        <v>20</v>
      </c>
      <c r="X1331">
        <v>20</v>
      </c>
      <c r="Y1331">
        <v>20</v>
      </c>
      <c r="Z1331">
        <v>20</v>
      </c>
      <c r="AA1331">
        <v>20</v>
      </c>
      <c r="AB1331">
        <v>20</v>
      </c>
      <c r="AC1331">
        <v>20</v>
      </c>
      <c r="AD1331">
        <v>19</v>
      </c>
      <c r="AE1331">
        <v>19</v>
      </c>
      <c r="AF1331">
        <v>19</v>
      </c>
      <c r="AG1331">
        <v>19</v>
      </c>
      <c r="AH1331">
        <v>19</v>
      </c>
      <c r="AI1331">
        <v>19</v>
      </c>
      <c r="AJ1331">
        <v>19</v>
      </c>
      <c r="AK1331">
        <v>19</v>
      </c>
      <c r="AL1331">
        <v>19</v>
      </c>
      <c r="AM1331">
        <v>19</v>
      </c>
      <c r="AN1331">
        <v>19</v>
      </c>
      <c r="AO1331">
        <v>19</v>
      </c>
      <c r="AP1331">
        <v>19</v>
      </c>
      <c r="AQ1331">
        <v>19</v>
      </c>
    </row>
    <row r="1332" spans="1:43">
      <c r="A1332" t="s">
        <v>903</v>
      </c>
      <c r="B1332" t="s">
        <v>904</v>
      </c>
      <c r="C1332" t="s">
        <v>905</v>
      </c>
      <c r="D1332" t="s">
        <v>906</v>
      </c>
      <c r="E1332" t="s">
        <v>847</v>
      </c>
      <c r="F1332" t="s">
        <v>848</v>
      </c>
      <c r="G1332" t="s">
        <v>80</v>
      </c>
      <c r="H1332" t="s">
        <v>81</v>
      </c>
      <c r="I1332" s="2">
        <v>0</v>
      </c>
      <c r="J1332" s="2">
        <v>1</v>
      </c>
      <c r="K1332" s="2">
        <v>0</v>
      </c>
      <c r="L1332" t="s">
        <v>82</v>
      </c>
      <c r="M1332" t="s">
        <v>89</v>
      </c>
      <c r="N1332" t="s">
        <v>90</v>
      </c>
      <c r="O1332" t="s">
        <v>85</v>
      </c>
      <c r="P1332" t="s">
        <v>86</v>
      </c>
      <c r="Q1332">
        <v>20</v>
      </c>
      <c r="R1332">
        <v>20</v>
      </c>
      <c r="S1332">
        <v>20</v>
      </c>
      <c r="T1332">
        <v>20</v>
      </c>
      <c r="U1332">
        <v>21</v>
      </c>
      <c r="V1332">
        <v>21</v>
      </c>
      <c r="W1332">
        <v>21</v>
      </c>
      <c r="X1332">
        <v>21</v>
      </c>
      <c r="Y1332">
        <v>22</v>
      </c>
      <c r="Z1332">
        <v>22</v>
      </c>
      <c r="AA1332">
        <v>22</v>
      </c>
      <c r="AB1332">
        <v>22</v>
      </c>
      <c r="AC1332">
        <v>22</v>
      </c>
      <c r="AD1332">
        <v>22</v>
      </c>
      <c r="AE1332">
        <v>22</v>
      </c>
      <c r="AF1332">
        <v>22</v>
      </c>
      <c r="AG1332">
        <v>22</v>
      </c>
      <c r="AH1332">
        <v>22</v>
      </c>
      <c r="AI1332">
        <v>22</v>
      </c>
      <c r="AJ1332">
        <v>22</v>
      </c>
      <c r="AK1332">
        <v>22</v>
      </c>
      <c r="AL1332">
        <v>21</v>
      </c>
      <c r="AM1332">
        <v>21</v>
      </c>
      <c r="AN1332">
        <v>21</v>
      </c>
      <c r="AO1332">
        <v>21</v>
      </c>
      <c r="AP1332">
        <v>21</v>
      </c>
      <c r="AQ1332">
        <v>21</v>
      </c>
    </row>
    <row r="1333" spans="1:43">
      <c r="A1333" t="s">
        <v>903</v>
      </c>
      <c r="B1333" t="s">
        <v>904</v>
      </c>
      <c r="C1333" t="s">
        <v>905</v>
      </c>
      <c r="D1333" t="s">
        <v>906</v>
      </c>
      <c r="E1333" t="s">
        <v>847</v>
      </c>
      <c r="F1333" t="s">
        <v>848</v>
      </c>
      <c r="G1333" t="s">
        <v>80</v>
      </c>
      <c r="H1333" t="s">
        <v>81</v>
      </c>
      <c r="I1333" s="2">
        <v>0</v>
      </c>
      <c r="J1333" s="2">
        <v>1</v>
      </c>
      <c r="K1333" s="2">
        <v>0</v>
      </c>
      <c r="L1333" t="s">
        <v>82</v>
      </c>
      <c r="M1333" t="s">
        <v>83</v>
      </c>
      <c r="N1333" t="s">
        <v>91</v>
      </c>
      <c r="O1333" t="s">
        <v>85</v>
      </c>
      <c r="P1333" t="s">
        <v>86</v>
      </c>
      <c r="Q1333">
        <v>20</v>
      </c>
      <c r="R1333">
        <v>20</v>
      </c>
      <c r="S1333">
        <v>20</v>
      </c>
      <c r="T1333">
        <v>20</v>
      </c>
      <c r="U1333">
        <v>20</v>
      </c>
      <c r="V1333">
        <v>20</v>
      </c>
      <c r="W1333">
        <v>20</v>
      </c>
      <c r="X1333">
        <v>20</v>
      </c>
      <c r="Y1333">
        <v>20</v>
      </c>
      <c r="Z1333">
        <v>20</v>
      </c>
      <c r="AA1333">
        <v>21</v>
      </c>
      <c r="AB1333">
        <v>21</v>
      </c>
      <c r="AC1333">
        <v>21</v>
      </c>
      <c r="AD1333">
        <v>21</v>
      </c>
      <c r="AE1333">
        <v>21</v>
      </c>
      <c r="AF1333">
        <v>21</v>
      </c>
      <c r="AG1333">
        <v>21</v>
      </c>
      <c r="AH1333">
        <v>21</v>
      </c>
      <c r="AI1333">
        <v>21</v>
      </c>
      <c r="AJ1333">
        <v>21</v>
      </c>
      <c r="AK1333">
        <v>21</v>
      </c>
      <c r="AL1333">
        <v>21</v>
      </c>
      <c r="AM1333">
        <v>21</v>
      </c>
      <c r="AN1333">
        <v>21</v>
      </c>
      <c r="AO1333">
        <v>21</v>
      </c>
      <c r="AP1333">
        <v>21</v>
      </c>
      <c r="AQ1333">
        <v>21</v>
      </c>
    </row>
    <row r="1334" spans="1:43">
      <c r="A1334" t="s">
        <v>907</v>
      </c>
      <c r="B1334" t="s">
        <v>908</v>
      </c>
      <c r="C1334" t="s">
        <v>905</v>
      </c>
      <c r="D1334" t="s">
        <v>906</v>
      </c>
      <c r="E1334" t="s">
        <v>847</v>
      </c>
      <c r="F1334" t="s">
        <v>848</v>
      </c>
      <c r="G1334" t="s">
        <v>80</v>
      </c>
      <c r="H1334" t="s">
        <v>81</v>
      </c>
      <c r="I1334" s="2">
        <v>0</v>
      </c>
      <c r="J1334" s="2">
        <v>1</v>
      </c>
      <c r="K1334" s="2">
        <v>0</v>
      </c>
      <c r="L1334" t="s">
        <v>82</v>
      </c>
      <c r="M1334" t="s">
        <v>83</v>
      </c>
      <c r="N1334" t="s">
        <v>84</v>
      </c>
      <c r="O1334" t="s">
        <v>85</v>
      </c>
      <c r="P1334" t="s">
        <v>86</v>
      </c>
      <c r="Q1334">
        <v>55</v>
      </c>
      <c r="R1334">
        <v>56</v>
      </c>
      <c r="S1334">
        <v>56</v>
      </c>
      <c r="T1334">
        <v>56</v>
      </c>
      <c r="U1334">
        <v>57</v>
      </c>
      <c r="V1334">
        <v>57</v>
      </c>
      <c r="W1334">
        <v>57</v>
      </c>
      <c r="X1334">
        <v>57</v>
      </c>
      <c r="Y1334">
        <v>58</v>
      </c>
      <c r="Z1334">
        <v>58</v>
      </c>
      <c r="AA1334">
        <v>58</v>
      </c>
      <c r="AB1334">
        <v>58</v>
      </c>
      <c r="AC1334">
        <v>59</v>
      </c>
      <c r="AD1334">
        <v>59</v>
      </c>
      <c r="AE1334">
        <v>59</v>
      </c>
      <c r="AF1334">
        <v>59</v>
      </c>
      <c r="AG1334">
        <v>59</v>
      </c>
      <c r="AH1334">
        <v>60</v>
      </c>
      <c r="AI1334">
        <v>60</v>
      </c>
      <c r="AJ1334">
        <v>60</v>
      </c>
      <c r="AK1334">
        <v>60</v>
      </c>
      <c r="AL1334">
        <v>60</v>
      </c>
      <c r="AM1334">
        <v>60</v>
      </c>
      <c r="AN1334">
        <v>59</v>
      </c>
      <c r="AO1334">
        <v>59</v>
      </c>
      <c r="AP1334">
        <v>59</v>
      </c>
      <c r="AQ1334">
        <v>58</v>
      </c>
    </row>
    <row r="1335" spans="1:43">
      <c r="A1335" t="s">
        <v>907</v>
      </c>
      <c r="B1335" t="s">
        <v>908</v>
      </c>
      <c r="C1335" t="s">
        <v>905</v>
      </c>
      <c r="D1335" t="s">
        <v>906</v>
      </c>
      <c r="E1335" t="s">
        <v>847</v>
      </c>
      <c r="F1335" t="s">
        <v>848</v>
      </c>
      <c r="G1335" t="s">
        <v>80</v>
      </c>
      <c r="H1335" t="s">
        <v>81</v>
      </c>
      <c r="I1335" s="2">
        <v>0</v>
      </c>
      <c r="J1335" s="2">
        <v>1</v>
      </c>
      <c r="K1335" s="2">
        <v>0</v>
      </c>
      <c r="L1335" t="s">
        <v>82</v>
      </c>
      <c r="M1335" t="s">
        <v>87</v>
      </c>
      <c r="N1335" t="s">
        <v>88</v>
      </c>
      <c r="O1335" t="s">
        <v>85</v>
      </c>
      <c r="P1335" t="s">
        <v>86</v>
      </c>
      <c r="Q1335">
        <v>55</v>
      </c>
      <c r="R1335">
        <v>55</v>
      </c>
      <c r="S1335">
        <v>54</v>
      </c>
      <c r="T1335">
        <v>54</v>
      </c>
      <c r="U1335">
        <v>54</v>
      </c>
      <c r="V1335">
        <v>54</v>
      </c>
      <c r="W1335">
        <v>54</v>
      </c>
      <c r="X1335">
        <v>54</v>
      </c>
      <c r="Y1335">
        <v>53</v>
      </c>
      <c r="Z1335">
        <v>53</v>
      </c>
      <c r="AA1335">
        <v>53</v>
      </c>
      <c r="AB1335">
        <v>53</v>
      </c>
      <c r="AC1335">
        <v>53</v>
      </c>
      <c r="AD1335">
        <v>52</v>
      </c>
      <c r="AE1335">
        <v>52</v>
      </c>
      <c r="AF1335">
        <v>52</v>
      </c>
      <c r="AG1335">
        <v>52</v>
      </c>
      <c r="AH1335">
        <v>52</v>
      </c>
      <c r="AI1335">
        <v>52</v>
      </c>
      <c r="AJ1335">
        <v>52</v>
      </c>
      <c r="AK1335">
        <v>51</v>
      </c>
      <c r="AL1335">
        <v>51</v>
      </c>
      <c r="AM1335">
        <v>51</v>
      </c>
      <c r="AN1335">
        <v>51</v>
      </c>
      <c r="AO1335">
        <v>51</v>
      </c>
      <c r="AP1335">
        <v>51</v>
      </c>
      <c r="AQ1335">
        <v>51</v>
      </c>
    </row>
    <row r="1336" spans="1:43">
      <c r="A1336" t="s">
        <v>907</v>
      </c>
      <c r="B1336" t="s">
        <v>908</v>
      </c>
      <c r="C1336" t="s">
        <v>905</v>
      </c>
      <c r="D1336" t="s">
        <v>906</v>
      </c>
      <c r="E1336" t="s">
        <v>847</v>
      </c>
      <c r="F1336" t="s">
        <v>848</v>
      </c>
      <c r="G1336" t="s">
        <v>80</v>
      </c>
      <c r="H1336" t="s">
        <v>81</v>
      </c>
      <c r="I1336" s="2">
        <v>0</v>
      </c>
      <c r="J1336" s="2">
        <v>1</v>
      </c>
      <c r="K1336" s="2">
        <v>0</v>
      </c>
      <c r="L1336" t="s">
        <v>82</v>
      </c>
      <c r="M1336" t="s">
        <v>89</v>
      </c>
      <c r="N1336" t="s">
        <v>90</v>
      </c>
      <c r="O1336" t="s">
        <v>85</v>
      </c>
      <c r="P1336" t="s">
        <v>86</v>
      </c>
      <c r="Q1336">
        <v>55</v>
      </c>
      <c r="R1336">
        <v>56</v>
      </c>
      <c r="S1336">
        <v>56</v>
      </c>
      <c r="T1336">
        <v>57</v>
      </c>
      <c r="U1336">
        <v>58</v>
      </c>
      <c r="V1336">
        <v>58</v>
      </c>
      <c r="W1336">
        <v>59</v>
      </c>
      <c r="X1336">
        <v>60</v>
      </c>
      <c r="Y1336">
        <v>60</v>
      </c>
      <c r="Z1336">
        <v>61</v>
      </c>
      <c r="AA1336">
        <v>61</v>
      </c>
      <c r="AB1336">
        <v>61</v>
      </c>
      <c r="AC1336">
        <v>62</v>
      </c>
      <c r="AD1336">
        <v>62</v>
      </c>
      <c r="AE1336">
        <v>62</v>
      </c>
      <c r="AF1336">
        <v>62</v>
      </c>
      <c r="AG1336">
        <v>61</v>
      </c>
      <c r="AH1336">
        <v>61</v>
      </c>
      <c r="AI1336">
        <v>61</v>
      </c>
      <c r="AJ1336">
        <v>60</v>
      </c>
      <c r="AK1336">
        <v>60</v>
      </c>
      <c r="AL1336">
        <v>60</v>
      </c>
      <c r="AM1336">
        <v>59</v>
      </c>
      <c r="AN1336">
        <v>59</v>
      </c>
      <c r="AO1336">
        <v>59</v>
      </c>
      <c r="AP1336">
        <v>59</v>
      </c>
      <c r="AQ1336">
        <v>58</v>
      </c>
    </row>
    <row r="1337" spans="1:43">
      <c r="A1337" t="s">
        <v>907</v>
      </c>
      <c r="B1337" t="s">
        <v>908</v>
      </c>
      <c r="C1337" t="s">
        <v>905</v>
      </c>
      <c r="D1337" t="s">
        <v>906</v>
      </c>
      <c r="E1337" t="s">
        <v>847</v>
      </c>
      <c r="F1337" t="s">
        <v>848</v>
      </c>
      <c r="G1337" t="s">
        <v>80</v>
      </c>
      <c r="H1337" t="s">
        <v>81</v>
      </c>
      <c r="I1337" s="2">
        <v>0</v>
      </c>
      <c r="J1337" s="2">
        <v>1</v>
      </c>
      <c r="K1337" s="2">
        <v>0</v>
      </c>
      <c r="L1337" t="s">
        <v>82</v>
      </c>
      <c r="M1337" t="s">
        <v>83</v>
      </c>
      <c r="N1337" t="s">
        <v>91</v>
      </c>
      <c r="O1337" t="s">
        <v>85</v>
      </c>
      <c r="P1337" t="s">
        <v>86</v>
      </c>
      <c r="Q1337">
        <v>55</v>
      </c>
      <c r="R1337">
        <v>56</v>
      </c>
      <c r="S1337">
        <v>56</v>
      </c>
      <c r="T1337">
        <v>56</v>
      </c>
      <c r="U1337">
        <v>57</v>
      </c>
      <c r="V1337">
        <v>57</v>
      </c>
      <c r="W1337">
        <v>57</v>
      </c>
      <c r="X1337">
        <v>57</v>
      </c>
      <c r="Y1337">
        <v>58</v>
      </c>
      <c r="Z1337">
        <v>58</v>
      </c>
      <c r="AA1337">
        <v>58</v>
      </c>
      <c r="AB1337">
        <v>58</v>
      </c>
      <c r="AC1337">
        <v>59</v>
      </c>
      <c r="AD1337">
        <v>59</v>
      </c>
      <c r="AE1337">
        <v>59</v>
      </c>
      <c r="AF1337">
        <v>59</v>
      </c>
      <c r="AG1337">
        <v>59</v>
      </c>
      <c r="AH1337">
        <v>60</v>
      </c>
      <c r="AI1337">
        <v>60</v>
      </c>
      <c r="AJ1337">
        <v>60</v>
      </c>
      <c r="AK1337">
        <v>60</v>
      </c>
      <c r="AL1337">
        <v>60</v>
      </c>
      <c r="AM1337">
        <v>60</v>
      </c>
      <c r="AN1337">
        <v>59</v>
      </c>
      <c r="AO1337">
        <v>59</v>
      </c>
      <c r="AP1337">
        <v>59</v>
      </c>
      <c r="AQ1337">
        <v>58</v>
      </c>
    </row>
    <row r="1338" spans="1:43">
      <c r="A1338" t="s">
        <v>909</v>
      </c>
      <c r="B1338" t="s">
        <v>910</v>
      </c>
      <c r="C1338" t="s">
        <v>911</v>
      </c>
      <c r="D1338" t="s">
        <v>912</v>
      </c>
      <c r="E1338" t="s">
        <v>847</v>
      </c>
      <c r="F1338" t="s">
        <v>848</v>
      </c>
      <c r="G1338" t="s">
        <v>80</v>
      </c>
      <c r="H1338" t="s">
        <v>81</v>
      </c>
      <c r="I1338" s="2">
        <v>0</v>
      </c>
      <c r="J1338" s="2">
        <v>1</v>
      </c>
      <c r="K1338" s="2">
        <v>0</v>
      </c>
      <c r="L1338" t="s">
        <v>82</v>
      </c>
      <c r="M1338" t="s">
        <v>83</v>
      </c>
      <c r="N1338" t="s">
        <v>84</v>
      </c>
      <c r="O1338" t="s">
        <v>85</v>
      </c>
      <c r="P1338" t="s">
        <v>86</v>
      </c>
      <c r="Q1338">
        <v>18</v>
      </c>
      <c r="R1338">
        <v>18</v>
      </c>
      <c r="S1338">
        <v>18</v>
      </c>
      <c r="T1338">
        <v>18</v>
      </c>
      <c r="U1338">
        <v>18</v>
      </c>
      <c r="V1338">
        <v>18</v>
      </c>
      <c r="W1338">
        <v>19</v>
      </c>
      <c r="X1338">
        <v>19</v>
      </c>
      <c r="Y1338">
        <v>19</v>
      </c>
      <c r="Z1338">
        <v>19</v>
      </c>
      <c r="AA1338">
        <v>19</v>
      </c>
      <c r="AB1338">
        <v>19</v>
      </c>
      <c r="AC1338">
        <v>19</v>
      </c>
      <c r="AD1338">
        <v>19</v>
      </c>
      <c r="AE1338">
        <v>19</v>
      </c>
      <c r="AF1338">
        <v>19</v>
      </c>
      <c r="AG1338">
        <v>19</v>
      </c>
      <c r="AH1338">
        <v>19</v>
      </c>
      <c r="AI1338">
        <v>19</v>
      </c>
      <c r="AJ1338">
        <v>19</v>
      </c>
      <c r="AK1338">
        <v>19</v>
      </c>
      <c r="AL1338">
        <v>19</v>
      </c>
      <c r="AM1338">
        <v>19</v>
      </c>
      <c r="AN1338">
        <v>19</v>
      </c>
      <c r="AO1338">
        <v>18</v>
      </c>
      <c r="AP1338">
        <v>18</v>
      </c>
      <c r="AQ1338">
        <v>18</v>
      </c>
    </row>
    <row r="1339" spans="1:43">
      <c r="A1339" t="s">
        <v>909</v>
      </c>
      <c r="B1339" t="s">
        <v>910</v>
      </c>
      <c r="C1339" t="s">
        <v>911</v>
      </c>
      <c r="D1339" t="s">
        <v>912</v>
      </c>
      <c r="E1339" t="s">
        <v>847</v>
      </c>
      <c r="F1339" t="s">
        <v>848</v>
      </c>
      <c r="G1339" t="s">
        <v>80</v>
      </c>
      <c r="H1339" t="s">
        <v>81</v>
      </c>
      <c r="I1339" s="2">
        <v>0</v>
      </c>
      <c r="J1339" s="2">
        <v>1</v>
      </c>
      <c r="K1339" s="2">
        <v>0</v>
      </c>
      <c r="L1339" t="s">
        <v>82</v>
      </c>
      <c r="M1339" t="s">
        <v>87</v>
      </c>
      <c r="N1339" t="s">
        <v>88</v>
      </c>
      <c r="O1339" t="s">
        <v>85</v>
      </c>
      <c r="P1339" t="s">
        <v>86</v>
      </c>
      <c r="Q1339">
        <v>18</v>
      </c>
      <c r="R1339">
        <v>18</v>
      </c>
      <c r="S1339">
        <v>18</v>
      </c>
      <c r="T1339">
        <v>18</v>
      </c>
      <c r="U1339">
        <v>18</v>
      </c>
      <c r="V1339">
        <v>18</v>
      </c>
      <c r="W1339">
        <v>17</v>
      </c>
      <c r="X1339">
        <v>17</v>
      </c>
      <c r="Y1339">
        <v>17</v>
      </c>
      <c r="Z1339">
        <v>17</v>
      </c>
      <c r="AA1339">
        <v>17</v>
      </c>
      <c r="AB1339">
        <v>17</v>
      </c>
      <c r="AC1339">
        <v>17</v>
      </c>
      <c r="AD1339">
        <v>17</v>
      </c>
      <c r="AE1339">
        <v>17</v>
      </c>
      <c r="AF1339">
        <v>17</v>
      </c>
      <c r="AG1339">
        <v>17</v>
      </c>
      <c r="AH1339">
        <v>16</v>
      </c>
      <c r="AI1339">
        <v>16</v>
      </c>
      <c r="AJ1339">
        <v>16</v>
      </c>
      <c r="AK1339">
        <v>16</v>
      </c>
      <c r="AL1339">
        <v>16</v>
      </c>
      <c r="AM1339">
        <v>16</v>
      </c>
      <c r="AN1339">
        <v>16</v>
      </c>
      <c r="AO1339">
        <v>16</v>
      </c>
      <c r="AP1339">
        <v>16</v>
      </c>
      <c r="AQ1339">
        <v>16</v>
      </c>
    </row>
    <row r="1340" spans="1:43">
      <c r="A1340" t="s">
        <v>909</v>
      </c>
      <c r="B1340" t="s">
        <v>910</v>
      </c>
      <c r="C1340" t="s">
        <v>911</v>
      </c>
      <c r="D1340" t="s">
        <v>912</v>
      </c>
      <c r="E1340" t="s">
        <v>847</v>
      </c>
      <c r="F1340" t="s">
        <v>848</v>
      </c>
      <c r="G1340" t="s">
        <v>80</v>
      </c>
      <c r="H1340" t="s">
        <v>81</v>
      </c>
      <c r="I1340" s="2">
        <v>0</v>
      </c>
      <c r="J1340" s="2">
        <v>1</v>
      </c>
      <c r="K1340" s="2">
        <v>0</v>
      </c>
      <c r="L1340" t="s">
        <v>82</v>
      </c>
      <c r="M1340" t="s">
        <v>89</v>
      </c>
      <c r="N1340" t="s">
        <v>90</v>
      </c>
      <c r="O1340" t="s">
        <v>85</v>
      </c>
      <c r="P1340" t="s">
        <v>86</v>
      </c>
      <c r="Q1340">
        <v>18</v>
      </c>
      <c r="R1340">
        <v>19</v>
      </c>
      <c r="S1340">
        <v>19</v>
      </c>
      <c r="T1340">
        <v>19</v>
      </c>
      <c r="U1340">
        <v>19</v>
      </c>
      <c r="V1340">
        <v>19</v>
      </c>
      <c r="W1340">
        <v>19</v>
      </c>
      <c r="X1340">
        <v>20</v>
      </c>
      <c r="Y1340">
        <v>20</v>
      </c>
      <c r="Z1340">
        <v>20</v>
      </c>
      <c r="AA1340">
        <v>20</v>
      </c>
      <c r="AB1340">
        <v>20</v>
      </c>
      <c r="AC1340">
        <v>20</v>
      </c>
      <c r="AD1340">
        <v>20</v>
      </c>
      <c r="AE1340">
        <v>20</v>
      </c>
      <c r="AF1340">
        <v>20</v>
      </c>
      <c r="AG1340">
        <v>20</v>
      </c>
      <c r="AH1340">
        <v>20</v>
      </c>
      <c r="AI1340">
        <v>20</v>
      </c>
      <c r="AJ1340">
        <v>19</v>
      </c>
      <c r="AK1340">
        <v>19</v>
      </c>
      <c r="AL1340">
        <v>19</v>
      </c>
      <c r="AM1340">
        <v>19</v>
      </c>
      <c r="AN1340">
        <v>19</v>
      </c>
      <c r="AO1340">
        <v>19</v>
      </c>
      <c r="AP1340">
        <v>18</v>
      </c>
      <c r="AQ1340">
        <v>18</v>
      </c>
    </row>
    <row r="1341" spans="1:43">
      <c r="A1341" t="s">
        <v>909</v>
      </c>
      <c r="B1341" t="s">
        <v>910</v>
      </c>
      <c r="C1341" t="s">
        <v>911</v>
      </c>
      <c r="D1341" t="s">
        <v>912</v>
      </c>
      <c r="E1341" t="s">
        <v>847</v>
      </c>
      <c r="F1341" t="s">
        <v>848</v>
      </c>
      <c r="G1341" t="s">
        <v>80</v>
      </c>
      <c r="H1341" t="s">
        <v>81</v>
      </c>
      <c r="I1341" s="2">
        <v>0</v>
      </c>
      <c r="J1341" s="2">
        <v>1</v>
      </c>
      <c r="K1341" s="2">
        <v>0</v>
      </c>
      <c r="L1341" t="s">
        <v>82</v>
      </c>
      <c r="M1341" t="s">
        <v>83</v>
      </c>
      <c r="N1341" t="s">
        <v>91</v>
      </c>
      <c r="O1341" t="s">
        <v>85</v>
      </c>
      <c r="P1341" t="s">
        <v>86</v>
      </c>
      <c r="Q1341">
        <v>18</v>
      </c>
      <c r="R1341">
        <v>18</v>
      </c>
      <c r="S1341">
        <v>18</v>
      </c>
      <c r="T1341">
        <v>18</v>
      </c>
      <c r="U1341">
        <v>18</v>
      </c>
      <c r="V1341">
        <v>18</v>
      </c>
      <c r="W1341">
        <v>19</v>
      </c>
      <c r="X1341">
        <v>19</v>
      </c>
      <c r="Y1341">
        <v>19</v>
      </c>
      <c r="Z1341">
        <v>19</v>
      </c>
      <c r="AA1341">
        <v>19</v>
      </c>
      <c r="AB1341">
        <v>19</v>
      </c>
      <c r="AC1341">
        <v>19</v>
      </c>
      <c r="AD1341">
        <v>19</v>
      </c>
      <c r="AE1341">
        <v>19</v>
      </c>
      <c r="AF1341">
        <v>19</v>
      </c>
      <c r="AG1341">
        <v>19</v>
      </c>
      <c r="AH1341">
        <v>19</v>
      </c>
      <c r="AI1341">
        <v>19</v>
      </c>
      <c r="AJ1341">
        <v>19</v>
      </c>
      <c r="AK1341">
        <v>19</v>
      </c>
      <c r="AL1341">
        <v>19</v>
      </c>
      <c r="AM1341">
        <v>19</v>
      </c>
      <c r="AN1341">
        <v>19</v>
      </c>
      <c r="AO1341">
        <v>18</v>
      </c>
      <c r="AP1341">
        <v>18</v>
      </c>
      <c r="AQ1341">
        <v>18</v>
      </c>
    </row>
    <row r="1342" spans="1:43">
      <c r="A1342" t="s">
        <v>913</v>
      </c>
      <c r="B1342" t="s">
        <v>914</v>
      </c>
      <c r="C1342" t="s">
        <v>911</v>
      </c>
      <c r="D1342" t="s">
        <v>912</v>
      </c>
      <c r="E1342" t="s">
        <v>847</v>
      </c>
      <c r="F1342" t="s">
        <v>848</v>
      </c>
      <c r="G1342" t="s">
        <v>80</v>
      </c>
      <c r="H1342" t="s">
        <v>81</v>
      </c>
      <c r="I1342" s="2">
        <v>0</v>
      </c>
      <c r="J1342" s="2">
        <v>1</v>
      </c>
      <c r="K1342" s="2">
        <v>0</v>
      </c>
      <c r="L1342" t="s">
        <v>82</v>
      </c>
      <c r="M1342" t="s">
        <v>83</v>
      </c>
      <c r="N1342" t="s">
        <v>84</v>
      </c>
      <c r="O1342" t="s">
        <v>85</v>
      </c>
      <c r="P1342" t="s">
        <v>86</v>
      </c>
      <c r="Q1342">
        <v>6</v>
      </c>
      <c r="R1342">
        <v>6</v>
      </c>
      <c r="S1342">
        <v>6</v>
      </c>
      <c r="T1342">
        <v>6</v>
      </c>
      <c r="U1342">
        <v>6</v>
      </c>
      <c r="V1342">
        <v>6</v>
      </c>
      <c r="W1342">
        <v>6</v>
      </c>
      <c r="X1342">
        <v>6</v>
      </c>
      <c r="Y1342">
        <v>6</v>
      </c>
      <c r="Z1342">
        <v>6</v>
      </c>
      <c r="AA1342">
        <v>6</v>
      </c>
      <c r="AB1342">
        <v>6</v>
      </c>
      <c r="AC1342">
        <v>6</v>
      </c>
      <c r="AD1342">
        <v>6</v>
      </c>
      <c r="AE1342">
        <v>6</v>
      </c>
      <c r="AF1342">
        <v>6</v>
      </c>
      <c r="AG1342">
        <v>6</v>
      </c>
      <c r="AH1342">
        <v>6</v>
      </c>
      <c r="AI1342">
        <v>6</v>
      </c>
      <c r="AJ1342">
        <v>6</v>
      </c>
      <c r="AK1342">
        <v>6</v>
      </c>
      <c r="AL1342">
        <v>6</v>
      </c>
      <c r="AM1342">
        <v>6</v>
      </c>
      <c r="AN1342">
        <v>6</v>
      </c>
      <c r="AO1342">
        <v>6</v>
      </c>
      <c r="AP1342">
        <v>6</v>
      </c>
      <c r="AQ1342">
        <v>6</v>
      </c>
    </row>
    <row r="1343" spans="1:43">
      <c r="A1343" t="s">
        <v>913</v>
      </c>
      <c r="B1343" t="s">
        <v>914</v>
      </c>
      <c r="C1343" t="s">
        <v>911</v>
      </c>
      <c r="D1343" t="s">
        <v>912</v>
      </c>
      <c r="E1343" t="s">
        <v>847</v>
      </c>
      <c r="F1343" t="s">
        <v>848</v>
      </c>
      <c r="G1343" t="s">
        <v>80</v>
      </c>
      <c r="H1343" t="s">
        <v>81</v>
      </c>
      <c r="I1343" s="2">
        <v>0</v>
      </c>
      <c r="J1343" s="2">
        <v>1</v>
      </c>
      <c r="K1343" s="2">
        <v>0</v>
      </c>
      <c r="L1343" t="s">
        <v>82</v>
      </c>
      <c r="M1343" t="s">
        <v>87</v>
      </c>
      <c r="N1343" t="s">
        <v>88</v>
      </c>
      <c r="O1343" t="s">
        <v>85</v>
      </c>
      <c r="P1343" t="s">
        <v>86</v>
      </c>
      <c r="Q1343">
        <v>6</v>
      </c>
      <c r="R1343">
        <v>6</v>
      </c>
      <c r="S1343">
        <v>6</v>
      </c>
      <c r="T1343">
        <v>6</v>
      </c>
      <c r="U1343">
        <v>6</v>
      </c>
      <c r="V1343">
        <v>6</v>
      </c>
      <c r="W1343">
        <v>6</v>
      </c>
      <c r="X1343">
        <v>6</v>
      </c>
      <c r="Y1343">
        <v>6</v>
      </c>
      <c r="Z1343">
        <v>6</v>
      </c>
      <c r="AA1343">
        <v>6</v>
      </c>
      <c r="AB1343">
        <v>6</v>
      </c>
      <c r="AC1343">
        <v>6</v>
      </c>
      <c r="AD1343">
        <v>6</v>
      </c>
      <c r="AE1343">
        <v>6</v>
      </c>
      <c r="AF1343">
        <v>6</v>
      </c>
      <c r="AG1343">
        <v>5</v>
      </c>
      <c r="AH1343">
        <v>5</v>
      </c>
      <c r="AI1343">
        <v>5</v>
      </c>
      <c r="AJ1343">
        <v>5</v>
      </c>
      <c r="AK1343">
        <v>5</v>
      </c>
      <c r="AL1343">
        <v>5</v>
      </c>
      <c r="AM1343">
        <v>5</v>
      </c>
      <c r="AN1343">
        <v>5</v>
      </c>
      <c r="AO1343">
        <v>5</v>
      </c>
      <c r="AP1343">
        <v>5</v>
      </c>
      <c r="AQ1343">
        <v>5</v>
      </c>
    </row>
    <row r="1344" spans="1:43">
      <c r="A1344" t="s">
        <v>913</v>
      </c>
      <c r="B1344" t="s">
        <v>914</v>
      </c>
      <c r="C1344" t="s">
        <v>911</v>
      </c>
      <c r="D1344" t="s">
        <v>912</v>
      </c>
      <c r="E1344" t="s">
        <v>847</v>
      </c>
      <c r="F1344" t="s">
        <v>848</v>
      </c>
      <c r="G1344" t="s">
        <v>80</v>
      </c>
      <c r="H1344" t="s">
        <v>81</v>
      </c>
      <c r="I1344" s="2">
        <v>0</v>
      </c>
      <c r="J1344" s="2">
        <v>1</v>
      </c>
      <c r="K1344" s="2">
        <v>0</v>
      </c>
      <c r="L1344" t="s">
        <v>82</v>
      </c>
      <c r="M1344" t="s">
        <v>89</v>
      </c>
      <c r="N1344" t="s">
        <v>90</v>
      </c>
      <c r="O1344" t="s">
        <v>85</v>
      </c>
      <c r="P1344" t="s">
        <v>86</v>
      </c>
      <c r="Q1344">
        <v>6</v>
      </c>
      <c r="R1344">
        <v>6</v>
      </c>
      <c r="S1344">
        <v>6</v>
      </c>
      <c r="T1344">
        <v>6</v>
      </c>
      <c r="U1344">
        <v>6</v>
      </c>
      <c r="V1344">
        <v>6</v>
      </c>
      <c r="W1344">
        <v>6</v>
      </c>
      <c r="X1344">
        <v>6</v>
      </c>
      <c r="Y1344">
        <v>6</v>
      </c>
      <c r="Z1344">
        <v>7</v>
      </c>
      <c r="AA1344">
        <v>7</v>
      </c>
      <c r="AB1344">
        <v>7</v>
      </c>
      <c r="AC1344">
        <v>7</v>
      </c>
      <c r="AD1344">
        <v>7</v>
      </c>
      <c r="AE1344">
        <v>7</v>
      </c>
      <c r="AF1344">
        <v>7</v>
      </c>
      <c r="AG1344">
        <v>7</v>
      </c>
      <c r="AH1344">
        <v>7</v>
      </c>
      <c r="AI1344">
        <v>7</v>
      </c>
      <c r="AJ1344">
        <v>6</v>
      </c>
      <c r="AK1344">
        <v>6</v>
      </c>
      <c r="AL1344">
        <v>6</v>
      </c>
      <c r="AM1344">
        <v>6</v>
      </c>
      <c r="AN1344">
        <v>6</v>
      </c>
      <c r="AO1344">
        <v>6</v>
      </c>
      <c r="AP1344">
        <v>6</v>
      </c>
      <c r="AQ1344">
        <v>6</v>
      </c>
    </row>
    <row r="1345" spans="1:43">
      <c r="A1345" t="s">
        <v>913</v>
      </c>
      <c r="B1345" t="s">
        <v>914</v>
      </c>
      <c r="C1345" t="s">
        <v>911</v>
      </c>
      <c r="D1345" t="s">
        <v>912</v>
      </c>
      <c r="E1345" t="s">
        <v>847</v>
      </c>
      <c r="F1345" t="s">
        <v>848</v>
      </c>
      <c r="G1345" t="s">
        <v>80</v>
      </c>
      <c r="H1345" t="s">
        <v>81</v>
      </c>
      <c r="I1345" s="2">
        <v>0</v>
      </c>
      <c r="J1345" s="2">
        <v>1</v>
      </c>
      <c r="K1345" s="2">
        <v>0</v>
      </c>
      <c r="L1345" t="s">
        <v>82</v>
      </c>
      <c r="M1345" t="s">
        <v>83</v>
      </c>
      <c r="N1345" t="s">
        <v>91</v>
      </c>
      <c r="O1345" t="s">
        <v>85</v>
      </c>
      <c r="P1345" t="s">
        <v>86</v>
      </c>
      <c r="Q1345">
        <v>6</v>
      </c>
      <c r="R1345">
        <v>6</v>
      </c>
      <c r="S1345">
        <v>6</v>
      </c>
      <c r="T1345">
        <v>6</v>
      </c>
      <c r="U1345">
        <v>6</v>
      </c>
      <c r="V1345">
        <v>6</v>
      </c>
      <c r="W1345">
        <v>6</v>
      </c>
      <c r="X1345">
        <v>6</v>
      </c>
      <c r="Y1345">
        <v>6</v>
      </c>
      <c r="Z1345">
        <v>6</v>
      </c>
      <c r="AA1345">
        <v>6</v>
      </c>
      <c r="AB1345">
        <v>6</v>
      </c>
      <c r="AC1345">
        <v>6</v>
      </c>
      <c r="AD1345">
        <v>6</v>
      </c>
      <c r="AE1345">
        <v>6</v>
      </c>
      <c r="AF1345">
        <v>6</v>
      </c>
      <c r="AG1345">
        <v>6</v>
      </c>
      <c r="AH1345">
        <v>6</v>
      </c>
      <c r="AI1345">
        <v>6</v>
      </c>
      <c r="AJ1345">
        <v>6</v>
      </c>
      <c r="AK1345">
        <v>6</v>
      </c>
      <c r="AL1345">
        <v>6</v>
      </c>
      <c r="AM1345">
        <v>6</v>
      </c>
      <c r="AN1345">
        <v>6</v>
      </c>
      <c r="AO1345">
        <v>6</v>
      </c>
      <c r="AP1345">
        <v>6</v>
      </c>
      <c r="AQ1345">
        <v>6</v>
      </c>
    </row>
    <row r="1346" spans="1:43">
      <c r="A1346" t="s">
        <v>915</v>
      </c>
      <c r="B1346" t="s">
        <v>916</v>
      </c>
      <c r="C1346" t="s">
        <v>905</v>
      </c>
      <c r="D1346" t="s">
        <v>906</v>
      </c>
      <c r="E1346" t="s">
        <v>847</v>
      </c>
      <c r="F1346" t="s">
        <v>848</v>
      </c>
      <c r="G1346" t="s">
        <v>80</v>
      </c>
      <c r="H1346" t="s">
        <v>81</v>
      </c>
      <c r="I1346" s="2">
        <v>0</v>
      </c>
      <c r="J1346" s="2">
        <v>1</v>
      </c>
      <c r="K1346" s="2">
        <v>0</v>
      </c>
      <c r="L1346" t="s">
        <v>82</v>
      </c>
      <c r="M1346" t="s">
        <v>83</v>
      </c>
      <c r="N1346" t="s">
        <v>84</v>
      </c>
      <c r="O1346" t="s">
        <v>85</v>
      </c>
      <c r="P1346" t="s">
        <v>86</v>
      </c>
      <c r="Q1346">
        <v>5</v>
      </c>
      <c r="R1346">
        <v>5</v>
      </c>
      <c r="S1346">
        <v>5</v>
      </c>
      <c r="T1346">
        <v>5</v>
      </c>
      <c r="U1346">
        <v>5</v>
      </c>
      <c r="V1346">
        <v>5</v>
      </c>
      <c r="W1346">
        <v>5</v>
      </c>
      <c r="X1346">
        <v>5</v>
      </c>
      <c r="Y1346">
        <v>5</v>
      </c>
      <c r="Z1346">
        <v>5</v>
      </c>
      <c r="AA1346">
        <v>6</v>
      </c>
      <c r="AB1346">
        <v>6</v>
      </c>
      <c r="AC1346">
        <v>6</v>
      </c>
      <c r="AD1346">
        <v>6</v>
      </c>
      <c r="AE1346">
        <v>6</v>
      </c>
      <c r="AF1346">
        <v>6</v>
      </c>
      <c r="AG1346">
        <v>6</v>
      </c>
      <c r="AH1346">
        <v>6</v>
      </c>
      <c r="AI1346">
        <v>6</v>
      </c>
      <c r="AJ1346">
        <v>6</v>
      </c>
      <c r="AK1346">
        <v>6</v>
      </c>
      <c r="AL1346">
        <v>6</v>
      </c>
      <c r="AM1346">
        <v>6</v>
      </c>
      <c r="AN1346">
        <v>6</v>
      </c>
      <c r="AO1346">
        <v>6</v>
      </c>
      <c r="AP1346">
        <v>6</v>
      </c>
      <c r="AQ1346">
        <v>5</v>
      </c>
    </row>
    <row r="1347" spans="1:43">
      <c r="A1347" t="s">
        <v>915</v>
      </c>
      <c r="B1347" t="s">
        <v>916</v>
      </c>
      <c r="C1347" t="s">
        <v>905</v>
      </c>
      <c r="D1347" t="s">
        <v>906</v>
      </c>
      <c r="E1347" t="s">
        <v>847</v>
      </c>
      <c r="F1347" t="s">
        <v>848</v>
      </c>
      <c r="G1347" t="s">
        <v>80</v>
      </c>
      <c r="H1347" t="s">
        <v>81</v>
      </c>
      <c r="I1347" s="2">
        <v>0</v>
      </c>
      <c r="J1347" s="2">
        <v>1</v>
      </c>
      <c r="K1347" s="2">
        <v>0</v>
      </c>
      <c r="L1347" t="s">
        <v>82</v>
      </c>
      <c r="M1347" t="s">
        <v>87</v>
      </c>
      <c r="N1347" t="s">
        <v>88</v>
      </c>
      <c r="O1347" t="s">
        <v>85</v>
      </c>
      <c r="P1347" t="s">
        <v>86</v>
      </c>
      <c r="Q1347">
        <v>5</v>
      </c>
      <c r="R1347">
        <v>5</v>
      </c>
      <c r="S1347">
        <v>5</v>
      </c>
      <c r="T1347">
        <v>5</v>
      </c>
      <c r="U1347">
        <v>5</v>
      </c>
      <c r="V1347">
        <v>5</v>
      </c>
      <c r="W1347">
        <v>5</v>
      </c>
      <c r="X1347">
        <v>5</v>
      </c>
      <c r="Y1347">
        <v>5</v>
      </c>
      <c r="Z1347">
        <v>5</v>
      </c>
      <c r="AA1347">
        <v>5</v>
      </c>
      <c r="AB1347">
        <v>5</v>
      </c>
      <c r="AC1347">
        <v>5</v>
      </c>
      <c r="AD1347">
        <v>5</v>
      </c>
      <c r="AE1347">
        <v>5</v>
      </c>
      <c r="AF1347">
        <v>5</v>
      </c>
      <c r="AG1347">
        <v>5</v>
      </c>
      <c r="AH1347">
        <v>5</v>
      </c>
      <c r="AI1347">
        <v>5</v>
      </c>
      <c r="AJ1347">
        <v>5</v>
      </c>
      <c r="AK1347">
        <v>5</v>
      </c>
      <c r="AL1347">
        <v>5</v>
      </c>
      <c r="AM1347">
        <v>5</v>
      </c>
      <c r="AN1347">
        <v>5</v>
      </c>
      <c r="AO1347">
        <v>5</v>
      </c>
      <c r="AP1347">
        <v>5</v>
      </c>
      <c r="AQ1347">
        <v>5</v>
      </c>
    </row>
    <row r="1348" spans="1:43">
      <c r="A1348" t="s">
        <v>915</v>
      </c>
      <c r="B1348" t="s">
        <v>916</v>
      </c>
      <c r="C1348" t="s">
        <v>905</v>
      </c>
      <c r="D1348" t="s">
        <v>906</v>
      </c>
      <c r="E1348" t="s">
        <v>847</v>
      </c>
      <c r="F1348" t="s">
        <v>848</v>
      </c>
      <c r="G1348" t="s">
        <v>80</v>
      </c>
      <c r="H1348" t="s">
        <v>81</v>
      </c>
      <c r="I1348" s="2">
        <v>0</v>
      </c>
      <c r="J1348" s="2">
        <v>1</v>
      </c>
      <c r="K1348" s="2">
        <v>0</v>
      </c>
      <c r="L1348" t="s">
        <v>82</v>
      </c>
      <c r="M1348" t="s">
        <v>89</v>
      </c>
      <c r="N1348" t="s">
        <v>90</v>
      </c>
      <c r="O1348" t="s">
        <v>85</v>
      </c>
      <c r="P1348" t="s">
        <v>86</v>
      </c>
      <c r="Q1348">
        <v>5</v>
      </c>
      <c r="R1348">
        <v>5</v>
      </c>
      <c r="S1348">
        <v>5</v>
      </c>
      <c r="T1348">
        <v>6</v>
      </c>
      <c r="U1348">
        <v>6</v>
      </c>
      <c r="V1348">
        <v>6</v>
      </c>
      <c r="W1348">
        <v>6</v>
      </c>
      <c r="X1348">
        <v>6</v>
      </c>
      <c r="Y1348">
        <v>6</v>
      </c>
      <c r="Z1348">
        <v>6</v>
      </c>
      <c r="AA1348">
        <v>6</v>
      </c>
      <c r="AB1348">
        <v>6</v>
      </c>
      <c r="AC1348">
        <v>6</v>
      </c>
      <c r="AD1348">
        <v>6</v>
      </c>
      <c r="AE1348">
        <v>6</v>
      </c>
      <c r="AF1348">
        <v>6</v>
      </c>
      <c r="AG1348">
        <v>6</v>
      </c>
      <c r="AH1348">
        <v>6</v>
      </c>
      <c r="AI1348">
        <v>6</v>
      </c>
      <c r="AJ1348">
        <v>6</v>
      </c>
      <c r="AK1348">
        <v>6</v>
      </c>
      <c r="AL1348">
        <v>6</v>
      </c>
      <c r="AM1348">
        <v>6</v>
      </c>
      <c r="AN1348">
        <v>6</v>
      </c>
      <c r="AO1348">
        <v>6</v>
      </c>
      <c r="AP1348">
        <v>6</v>
      </c>
      <c r="AQ1348">
        <v>6</v>
      </c>
    </row>
    <row r="1349" spans="1:43">
      <c r="A1349" t="s">
        <v>915</v>
      </c>
      <c r="B1349" t="s">
        <v>916</v>
      </c>
      <c r="C1349" t="s">
        <v>905</v>
      </c>
      <c r="D1349" t="s">
        <v>906</v>
      </c>
      <c r="E1349" t="s">
        <v>847</v>
      </c>
      <c r="F1349" t="s">
        <v>848</v>
      </c>
      <c r="G1349" t="s">
        <v>80</v>
      </c>
      <c r="H1349" t="s">
        <v>81</v>
      </c>
      <c r="I1349" s="2">
        <v>0</v>
      </c>
      <c r="J1349" s="2">
        <v>1</v>
      </c>
      <c r="K1349" s="2">
        <v>0</v>
      </c>
      <c r="L1349" t="s">
        <v>82</v>
      </c>
      <c r="M1349" t="s">
        <v>83</v>
      </c>
      <c r="N1349" t="s">
        <v>91</v>
      </c>
      <c r="O1349" t="s">
        <v>85</v>
      </c>
      <c r="P1349" t="s">
        <v>86</v>
      </c>
      <c r="Q1349">
        <v>5</v>
      </c>
      <c r="R1349">
        <v>5</v>
      </c>
      <c r="S1349">
        <v>5</v>
      </c>
      <c r="T1349">
        <v>5</v>
      </c>
      <c r="U1349">
        <v>5</v>
      </c>
      <c r="V1349">
        <v>5</v>
      </c>
      <c r="W1349">
        <v>5</v>
      </c>
      <c r="X1349">
        <v>5</v>
      </c>
      <c r="Y1349">
        <v>5</v>
      </c>
      <c r="Z1349">
        <v>5</v>
      </c>
      <c r="AA1349">
        <v>6</v>
      </c>
      <c r="AB1349">
        <v>6</v>
      </c>
      <c r="AC1349">
        <v>6</v>
      </c>
      <c r="AD1349">
        <v>6</v>
      </c>
      <c r="AE1349">
        <v>6</v>
      </c>
      <c r="AF1349">
        <v>6</v>
      </c>
      <c r="AG1349">
        <v>6</v>
      </c>
      <c r="AH1349">
        <v>6</v>
      </c>
      <c r="AI1349">
        <v>6</v>
      </c>
      <c r="AJ1349">
        <v>6</v>
      </c>
      <c r="AK1349">
        <v>6</v>
      </c>
      <c r="AL1349">
        <v>6</v>
      </c>
      <c r="AM1349">
        <v>6</v>
      </c>
      <c r="AN1349">
        <v>6</v>
      </c>
      <c r="AO1349">
        <v>6</v>
      </c>
      <c r="AP1349">
        <v>6</v>
      </c>
      <c r="AQ1349">
        <v>5</v>
      </c>
    </row>
    <row r="1350" spans="1:43">
      <c r="A1350" t="s">
        <v>917</v>
      </c>
      <c r="B1350" t="s">
        <v>918</v>
      </c>
      <c r="C1350" t="s">
        <v>919</v>
      </c>
      <c r="D1350" t="s">
        <v>920</v>
      </c>
      <c r="E1350" t="s">
        <v>847</v>
      </c>
      <c r="F1350" t="s">
        <v>848</v>
      </c>
      <c r="G1350" t="s">
        <v>80</v>
      </c>
      <c r="H1350" t="s">
        <v>81</v>
      </c>
      <c r="I1350" s="2">
        <v>0</v>
      </c>
      <c r="J1350" s="2">
        <v>1</v>
      </c>
      <c r="K1350" s="2">
        <v>0</v>
      </c>
      <c r="L1350" t="s">
        <v>82</v>
      </c>
      <c r="M1350" t="s">
        <v>83</v>
      </c>
      <c r="N1350" t="s">
        <v>84</v>
      </c>
      <c r="O1350" t="s">
        <v>85</v>
      </c>
      <c r="P1350" t="s">
        <v>86</v>
      </c>
      <c r="Q1350">
        <v>5</v>
      </c>
      <c r="R1350">
        <v>5</v>
      </c>
      <c r="S1350">
        <v>5</v>
      </c>
      <c r="T1350">
        <v>5</v>
      </c>
      <c r="U1350">
        <v>5</v>
      </c>
      <c r="V1350">
        <v>5</v>
      </c>
      <c r="W1350">
        <v>5</v>
      </c>
      <c r="X1350">
        <v>5</v>
      </c>
      <c r="Y1350">
        <v>5</v>
      </c>
      <c r="Z1350">
        <v>5</v>
      </c>
      <c r="AA1350">
        <v>5</v>
      </c>
      <c r="AB1350">
        <v>5</v>
      </c>
      <c r="AC1350">
        <v>5</v>
      </c>
      <c r="AD1350">
        <v>5</v>
      </c>
      <c r="AE1350">
        <v>5</v>
      </c>
      <c r="AF1350">
        <v>5</v>
      </c>
      <c r="AG1350">
        <v>5</v>
      </c>
      <c r="AH1350">
        <v>5</v>
      </c>
      <c r="AI1350">
        <v>6</v>
      </c>
      <c r="AJ1350">
        <v>6</v>
      </c>
      <c r="AK1350">
        <v>6</v>
      </c>
      <c r="AL1350">
        <v>6</v>
      </c>
      <c r="AM1350">
        <v>5</v>
      </c>
      <c r="AN1350">
        <v>5</v>
      </c>
      <c r="AO1350">
        <v>5</v>
      </c>
      <c r="AP1350">
        <v>5</v>
      </c>
      <c r="AQ1350">
        <v>5</v>
      </c>
    </row>
    <row r="1351" spans="1:43">
      <c r="A1351" t="s">
        <v>917</v>
      </c>
      <c r="B1351" t="s">
        <v>918</v>
      </c>
      <c r="C1351" t="s">
        <v>919</v>
      </c>
      <c r="D1351" t="s">
        <v>920</v>
      </c>
      <c r="E1351" t="s">
        <v>847</v>
      </c>
      <c r="F1351" t="s">
        <v>848</v>
      </c>
      <c r="G1351" t="s">
        <v>80</v>
      </c>
      <c r="H1351" t="s">
        <v>81</v>
      </c>
      <c r="I1351" s="2">
        <v>0</v>
      </c>
      <c r="J1351" s="2">
        <v>1</v>
      </c>
      <c r="K1351" s="2">
        <v>0</v>
      </c>
      <c r="L1351" t="s">
        <v>82</v>
      </c>
      <c r="M1351" t="s">
        <v>87</v>
      </c>
      <c r="N1351" t="s">
        <v>88</v>
      </c>
      <c r="O1351" t="s">
        <v>85</v>
      </c>
      <c r="P1351" t="s">
        <v>86</v>
      </c>
      <c r="Q1351">
        <v>5</v>
      </c>
      <c r="R1351">
        <v>5</v>
      </c>
      <c r="S1351">
        <v>5</v>
      </c>
      <c r="T1351">
        <v>5</v>
      </c>
      <c r="U1351">
        <v>5</v>
      </c>
      <c r="V1351">
        <v>5</v>
      </c>
      <c r="W1351">
        <v>5</v>
      </c>
      <c r="X1351">
        <v>5</v>
      </c>
      <c r="Y1351">
        <v>5</v>
      </c>
      <c r="Z1351">
        <v>5</v>
      </c>
      <c r="AA1351">
        <v>5</v>
      </c>
      <c r="AB1351">
        <v>5</v>
      </c>
      <c r="AC1351">
        <v>5</v>
      </c>
      <c r="AD1351">
        <v>5</v>
      </c>
      <c r="AE1351">
        <v>5</v>
      </c>
      <c r="AF1351">
        <v>5</v>
      </c>
      <c r="AG1351">
        <v>5</v>
      </c>
      <c r="AH1351">
        <v>5</v>
      </c>
      <c r="AI1351">
        <v>5</v>
      </c>
      <c r="AJ1351">
        <v>5</v>
      </c>
      <c r="AK1351">
        <v>5</v>
      </c>
      <c r="AL1351">
        <v>5</v>
      </c>
      <c r="AM1351">
        <v>5</v>
      </c>
      <c r="AN1351">
        <v>5</v>
      </c>
      <c r="AO1351">
        <v>5</v>
      </c>
      <c r="AP1351">
        <v>5</v>
      </c>
      <c r="AQ1351">
        <v>5</v>
      </c>
    </row>
    <row r="1352" spans="1:43">
      <c r="A1352" t="s">
        <v>917</v>
      </c>
      <c r="B1352" t="s">
        <v>918</v>
      </c>
      <c r="C1352" t="s">
        <v>919</v>
      </c>
      <c r="D1352" t="s">
        <v>920</v>
      </c>
      <c r="E1352" t="s">
        <v>847</v>
      </c>
      <c r="F1352" t="s">
        <v>848</v>
      </c>
      <c r="G1352" t="s">
        <v>80</v>
      </c>
      <c r="H1352" t="s">
        <v>81</v>
      </c>
      <c r="I1352" s="2">
        <v>0</v>
      </c>
      <c r="J1352" s="2">
        <v>1</v>
      </c>
      <c r="K1352" s="2">
        <v>0</v>
      </c>
      <c r="L1352" t="s">
        <v>82</v>
      </c>
      <c r="M1352" t="s">
        <v>89</v>
      </c>
      <c r="N1352" t="s">
        <v>90</v>
      </c>
      <c r="O1352" t="s">
        <v>85</v>
      </c>
      <c r="P1352" t="s">
        <v>86</v>
      </c>
      <c r="Q1352">
        <v>5</v>
      </c>
      <c r="R1352">
        <v>5</v>
      </c>
      <c r="S1352">
        <v>5</v>
      </c>
      <c r="T1352">
        <v>5</v>
      </c>
      <c r="U1352">
        <v>5</v>
      </c>
      <c r="V1352">
        <v>6</v>
      </c>
      <c r="W1352">
        <v>6</v>
      </c>
      <c r="X1352">
        <v>6</v>
      </c>
      <c r="Y1352">
        <v>6</v>
      </c>
      <c r="Z1352">
        <v>6</v>
      </c>
      <c r="AA1352">
        <v>6</v>
      </c>
      <c r="AB1352">
        <v>6</v>
      </c>
      <c r="AC1352">
        <v>6</v>
      </c>
      <c r="AD1352">
        <v>6</v>
      </c>
      <c r="AE1352">
        <v>6</v>
      </c>
      <c r="AF1352">
        <v>6</v>
      </c>
      <c r="AG1352">
        <v>6</v>
      </c>
      <c r="AH1352">
        <v>6</v>
      </c>
      <c r="AI1352">
        <v>6</v>
      </c>
      <c r="AJ1352">
        <v>6</v>
      </c>
      <c r="AK1352">
        <v>6</v>
      </c>
      <c r="AL1352">
        <v>6</v>
      </c>
      <c r="AM1352">
        <v>6</v>
      </c>
      <c r="AN1352">
        <v>6</v>
      </c>
      <c r="AO1352">
        <v>5</v>
      </c>
      <c r="AP1352">
        <v>5</v>
      </c>
      <c r="AQ1352">
        <v>5</v>
      </c>
    </row>
    <row r="1353" spans="1:43">
      <c r="A1353" t="s">
        <v>917</v>
      </c>
      <c r="B1353" t="s">
        <v>918</v>
      </c>
      <c r="C1353" t="s">
        <v>919</v>
      </c>
      <c r="D1353" t="s">
        <v>920</v>
      </c>
      <c r="E1353" t="s">
        <v>847</v>
      </c>
      <c r="F1353" t="s">
        <v>848</v>
      </c>
      <c r="G1353" t="s">
        <v>80</v>
      </c>
      <c r="H1353" t="s">
        <v>81</v>
      </c>
      <c r="I1353" s="2">
        <v>0</v>
      </c>
      <c r="J1353" s="2">
        <v>1</v>
      </c>
      <c r="K1353" s="2">
        <v>0</v>
      </c>
      <c r="L1353" t="s">
        <v>82</v>
      </c>
      <c r="M1353" t="s">
        <v>83</v>
      </c>
      <c r="N1353" t="s">
        <v>91</v>
      </c>
      <c r="O1353" t="s">
        <v>85</v>
      </c>
      <c r="P1353" t="s">
        <v>86</v>
      </c>
      <c r="Q1353">
        <v>5</v>
      </c>
      <c r="R1353">
        <v>5</v>
      </c>
      <c r="S1353">
        <v>5</v>
      </c>
      <c r="T1353">
        <v>5</v>
      </c>
      <c r="U1353">
        <v>5</v>
      </c>
      <c r="V1353">
        <v>5</v>
      </c>
      <c r="W1353">
        <v>5</v>
      </c>
      <c r="X1353">
        <v>5</v>
      </c>
      <c r="Y1353">
        <v>5</v>
      </c>
      <c r="Z1353">
        <v>5</v>
      </c>
      <c r="AA1353">
        <v>5</v>
      </c>
      <c r="AB1353">
        <v>5</v>
      </c>
      <c r="AC1353">
        <v>5</v>
      </c>
      <c r="AD1353">
        <v>5</v>
      </c>
      <c r="AE1353">
        <v>5</v>
      </c>
      <c r="AF1353">
        <v>5</v>
      </c>
      <c r="AG1353">
        <v>5</v>
      </c>
      <c r="AH1353">
        <v>5</v>
      </c>
      <c r="AI1353">
        <v>6</v>
      </c>
      <c r="AJ1353">
        <v>6</v>
      </c>
      <c r="AK1353">
        <v>6</v>
      </c>
      <c r="AL1353">
        <v>6</v>
      </c>
      <c r="AM1353">
        <v>5</v>
      </c>
      <c r="AN1353">
        <v>5</v>
      </c>
      <c r="AO1353">
        <v>5</v>
      </c>
      <c r="AP1353">
        <v>5</v>
      </c>
      <c r="AQ1353">
        <v>5</v>
      </c>
    </row>
    <row r="1354" spans="1:43">
      <c r="A1354" t="s">
        <v>921</v>
      </c>
      <c r="B1354" t="s">
        <v>922</v>
      </c>
      <c r="C1354" t="s">
        <v>905</v>
      </c>
      <c r="D1354" t="s">
        <v>906</v>
      </c>
      <c r="E1354" t="s">
        <v>847</v>
      </c>
      <c r="F1354" t="s">
        <v>848</v>
      </c>
      <c r="G1354" t="s">
        <v>80</v>
      </c>
      <c r="H1354" t="s">
        <v>81</v>
      </c>
      <c r="I1354" s="2">
        <v>0</v>
      </c>
      <c r="J1354" s="2">
        <v>1</v>
      </c>
      <c r="K1354" s="2">
        <v>0</v>
      </c>
      <c r="L1354" t="s">
        <v>82</v>
      </c>
      <c r="M1354" t="s">
        <v>83</v>
      </c>
      <c r="N1354" t="s">
        <v>84</v>
      </c>
      <c r="O1354" t="s">
        <v>85</v>
      </c>
      <c r="P1354" t="s">
        <v>86</v>
      </c>
      <c r="Q1354">
        <v>32</v>
      </c>
      <c r="R1354">
        <v>32</v>
      </c>
      <c r="S1354">
        <v>33</v>
      </c>
      <c r="T1354">
        <v>33</v>
      </c>
      <c r="U1354">
        <v>33</v>
      </c>
      <c r="V1354">
        <v>33</v>
      </c>
      <c r="W1354">
        <v>33</v>
      </c>
      <c r="X1354">
        <v>33</v>
      </c>
      <c r="Y1354">
        <v>34</v>
      </c>
      <c r="Z1354">
        <v>34</v>
      </c>
      <c r="AA1354">
        <v>34</v>
      </c>
      <c r="AB1354">
        <v>34</v>
      </c>
      <c r="AC1354">
        <v>34</v>
      </c>
      <c r="AD1354">
        <v>34</v>
      </c>
      <c r="AE1354">
        <v>34</v>
      </c>
      <c r="AF1354">
        <v>34</v>
      </c>
      <c r="AG1354">
        <v>35</v>
      </c>
      <c r="AH1354">
        <v>35</v>
      </c>
      <c r="AI1354">
        <v>35</v>
      </c>
      <c r="AJ1354">
        <v>35</v>
      </c>
      <c r="AK1354">
        <v>35</v>
      </c>
      <c r="AL1354">
        <v>35</v>
      </c>
      <c r="AM1354">
        <v>35</v>
      </c>
      <c r="AN1354">
        <v>34</v>
      </c>
      <c r="AO1354">
        <v>34</v>
      </c>
      <c r="AP1354">
        <v>34</v>
      </c>
      <c r="AQ1354">
        <v>34</v>
      </c>
    </row>
    <row r="1355" spans="1:43">
      <c r="A1355" t="s">
        <v>921</v>
      </c>
      <c r="B1355" t="s">
        <v>922</v>
      </c>
      <c r="C1355" t="s">
        <v>905</v>
      </c>
      <c r="D1355" t="s">
        <v>906</v>
      </c>
      <c r="E1355" t="s">
        <v>847</v>
      </c>
      <c r="F1355" t="s">
        <v>848</v>
      </c>
      <c r="G1355" t="s">
        <v>80</v>
      </c>
      <c r="H1355" t="s">
        <v>81</v>
      </c>
      <c r="I1355" s="2">
        <v>0</v>
      </c>
      <c r="J1355" s="2">
        <v>1</v>
      </c>
      <c r="K1355" s="2">
        <v>0</v>
      </c>
      <c r="L1355" t="s">
        <v>82</v>
      </c>
      <c r="M1355" t="s">
        <v>87</v>
      </c>
      <c r="N1355" t="s">
        <v>88</v>
      </c>
      <c r="O1355" t="s">
        <v>85</v>
      </c>
      <c r="P1355" t="s">
        <v>86</v>
      </c>
      <c r="Q1355">
        <v>32</v>
      </c>
      <c r="R1355">
        <v>32</v>
      </c>
      <c r="S1355">
        <v>32</v>
      </c>
      <c r="T1355">
        <v>32</v>
      </c>
      <c r="U1355">
        <v>32</v>
      </c>
      <c r="V1355">
        <v>31</v>
      </c>
      <c r="W1355">
        <v>31</v>
      </c>
      <c r="X1355">
        <v>31</v>
      </c>
      <c r="Y1355">
        <v>31</v>
      </c>
      <c r="Z1355">
        <v>31</v>
      </c>
      <c r="AA1355">
        <v>31</v>
      </c>
      <c r="AB1355">
        <v>31</v>
      </c>
      <c r="AC1355">
        <v>31</v>
      </c>
      <c r="AD1355">
        <v>31</v>
      </c>
      <c r="AE1355">
        <v>30</v>
      </c>
      <c r="AF1355">
        <v>30</v>
      </c>
      <c r="AG1355">
        <v>30</v>
      </c>
      <c r="AH1355">
        <v>30</v>
      </c>
      <c r="AI1355">
        <v>30</v>
      </c>
      <c r="AJ1355">
        <v>30</v>
      </c>
      <c r="AK1355">
        <v>30</v>
      </c>
      <c r="AL1355">
        <v>30</v>
      </c>
      <c r="AM1355">
        <v>30</v>
      </c>
      <c r="AN1355">
        <v>30</v>
      </c>
      <c r="AO1355">
        <v>29</v>
      </c>
      <c r="AP1355">
        <v>29</v>
      </c>
      <c r="AQ1355">
        <v>29</v>
      </c>
    </row>
    <row r="1356" spans="1:43">
      <c r="A1356" t="s">
        <v>921</v>
      </c>
      <c r="B1356" t="s">
        <v>922</v>
      </c>
      <c r="C1356" t="s">
        <v>905</v>
      </c>
      <c r="D1356" t="s">
        <v>906</v>
      </c>
      <c r="E1356" t="s">
        <v>847</v>
      </c>
      <c r="F1356" t="s">
        <v>848</v>
      </c>
      <c r="G1356" t="s">
        <v>80</v>
      </c>
      <c r="H1356" t="s">
        <v>81</v>
      </c>
      <c r="I1356" s="2">
        <v>0</v>
      </c>
      <c r="J1356" s="2">
        <v>1</v>
      </c>
      <c r="K1356" s="2">
        <v>0</v>
      </c>
      <c r="L1356" t="s">
        <v>82</v>
      </c>
      <c r="M1356" t="s">
        <v>89</v>
      </c>
      <c r="N1356" t="s">
        <v>90</v>
      </c>
      <c r="O1356" t="s">
        <v>85</v>
      </c>
      <c r="P1356" t="s">
        <v>86</v>
      </c>
      <c r="Q1356">
        <v>32</v>
      </c>
      <c r="R1356">
        <v>32</v>
      </c>
      <c r="S1356">
        <v>32</v>
      </c>
      <c r="T1356">
        <v>33</v>
      </c>
      <c r="U1356">
        <v>33</v>
      </c>
      <c r="V1356">
        <v>34</v>
      </c>
      <c r="W1356">
        <v>34</v>
      </c>
      <c r="X1356">
        <v>34</v>
      </c>
      <c r="Y1356">
        <v>35</v>
      </c>
      <c r="Z1356">
        <v>35</v>
      </c>
      <c r="AA1356">
        <v>35</v>
      </c>
      <c r="AB1356">
        <v>35</v>
      </c>
      <c r="AC1356">
        <v>36</v>
      </c>
      <c r="AD1356">
        <v>36</v>
      </c>
      <c r="AE1356">
        <v>36</v>
      </c>
      <c r="AF1356">
        <v>36</v>
      </c>
      <c r="AG1356">
        <v>35</v>
      </c>
      <c r="AH1356">
        <v>35</v>
      </c>
      <c r="AI1356">
        <v>35</v>
      </c>
      <c r="AJ1356">
        <v>35</v>
      </c>
      <c r="AK1356">
        <v>34</v>
      </c>
      <c r="AL1356">
        <v>34</v>
      </c>
      <c r="AM1356">
        <v>34</v>
      </c>
      <c r="AN1356">
        <v>34</v>
      </c>
      <c r="AO1356">
        <v>34</v>
      </c>
      <c r="AP1356">
        <v>33</v>
      </c>
      <c r="AQ1356">
        <v>33</v>
      </c>
    </row>
    <row r="1357" spans="1:43">
      <c r="A1357" t="s">
        <v>921</v>
      </c>
      <c r="B1357" t="s">
        <v>922</v>
      </c>
      <c r="C1357" t="s">
        <v>905</v>
      </c>
      <c r="D1357" t="s">
        <v>906</v>
      </c>
      <c r="E1357" t="s">
        <v>847</v>
      </c>
      <c r="F1357" t="s">
        <v>848</v>
      </c>
      <c r="G1357" t="s">
        <v>80</v>
      </c>
      <c r="H1357" t="s">
        <v>81</v>
      </c>
      <c r="I1357" s="2">
        <v>0</v>
      </c>
      <c r="J1357" s="2">
        <v>1</v>
      </c>
      <c r="K1357" s="2">
        <v>0</v>
      </c>
      <c r="L1357" t="s">
        <v>82</v>
      </c>
      <c r="M1357" t="s">
        <v>83</v>
      </c>
      <c r="N1357" t="s">
        <v>91</v>
      </c>
      <c r="O1357" t="s">
        <v>85</v>
      </c>
      <c r="P1357" t="s">
        <v>86</v>
      </c>
      <c r="Q1357">
        <v>32</v>
      </c>
      <c r="R1357">
        <v>32</v>
      </c>
      <c r="S1357">
        <v>33</v>
      </c>
      <c r="T1357">
        <v>33</v>
      </c>
      <c r="U1357">
        <v>33</v>
      </c>
      <c r="V1357">
        <v>33</v>
      </c>
      <c r="W1357">
        <v>33</v>
      </c>
      <c r="X1357">
        <v>33</v>
      </c>
      <c r="Y1357">
        <v>34</v>
      </c>
      <c r="Z1357">
        <v>34</v>
      </c>
      <c r="AA1357">
        <v>34</v>
      </c>
      <c r="AB1357">
        <v>34</v>
      </c>
      <c r="AC1357">
        <v>34</v>
      </c>
      <c r="AD1357">
        <v>34</v>
      </c>
      <c r="AE1357">
        <v>34</v>
      </c>
      <c r="AF1357">
        <v>34</v>
      </c>
      <c r="AG1357">
        <v>35</v>
      </c>
      <c r="AH1357">
        <v>35</v>
      </c>
      <c r="AI1357">
        <v>35</v>
      </c>
      <c r="AJ1357">
        <v>35</v>
      </c>
      <c r="AK1357">
        <v>35</v>
      </c>
      <c r="AL1357">
        <v>35</v>
      </c>
      <c r="AM1357">
        <v>35</v>
      </c>
      <c r="AN1357">
        <v>34</v>
      </c>
      <c r="AO1357">
        <v>34</v>
      </c>
      <c r="AP1357">
        <v>34</v>
      </c>
      <c r="AQ1357">
        <v>34</v>
      </c>
    </row>
    <row r="1358" spans="1:43">
      <c r="A1358" t="s">
        <v>923</v>
      </c>
      <c r="B1358" t="s">
        <v>924</v>
      </c>
      <c r="C1358" t="s">
        <v>925</v>
      </c>
      <c r="D1358" t="s">
        <v>926</v>
      </c>
      <c r="E1358" t="s">
        <v>847</v>
      </c>
      <c r="F1358" t="s">
        <v>848</v>
      </c>
      <c r="G1358" t="s">
        <v>80</v>
      </c>
      <c r="H1358" t="s">
        <v>81</v>
      </c>
      <c r="I1358" s="2">
        <v>0</v>
      </c>
      <c r="J1358" s="2">
        <v>1</v>
      </c>
      <c r="K1358" s="2">
        <v>0</v>
      </c>
      <c r="L1358" t="s">
        <v>82</v>
      </c>
      <c r="M1358" t="s">
        <v>83</v>
      </c>
      <c r="N1358" t="s">
        <v>84</v>
      </c>
      <c r="O1358" t="s">
        <v>85</v>
      </c>
      <c r="P1358" t="s">
        <v>86</v>
      </c>
      <c r="Q1358">
        <v>12</v>
      </c>
      <c r="R1358">
        <v>12</v>
      </c>
      <c r="S1358">
        <v>12</v>
      </c>
      <c r="T1358">
        <v>12</v>
      </c>
      <c r="U1358">
        <v>12</v>
      </c>
      <c r="V1358">
        <v>12</v>
      </c>
      <c r="W1358">
        <v>12</v>
      </c>
      <c r="X1358">
        <v>12</v>
      </c>
      <c r="Y1358">
        <v>12</v>
      </c>
      <c r="Z1358">
        <v>12</v>
      </c>
      <c r="AA1358">
        <v>12</v>
      </c>
      <c r="AB1358">
        <v>12</v>
      </c>
      <c r="AC1358">
        <v>12</v>
      </c>
      <c r="AD1358">
        <v>12</v>
      </c>
      <c r="AE1358">
        <v>12</v>
      </c>
      <c r="AF1358">
        <v>12</v>
      </c>
      <c r="AG1358">
        <v>12</v>
      </c>
      <c r="AH1358">
        <v>12</v>
      </c>
      <c r="AI1358">
        <v>12</v>
      </c>
      <c r="AJ1358">
        <v>12</v>
      </c>
      <c r="AK1358">
        <v>12</v>
      </c>
      <c r="AL1358">
        <v>12</v>
      </c>
      <c r="AM1358">
        <v>12</v>
      </c>
      <c r="AN1358">
        <v>12</v>
      </c>
      <c r="AO1358">
        <v>12</v>
      </c>
      <c r="AP1358">
        <v>12</v>
      </c>
      <c r="AQ1358">
        <v>12</v>
      </c>
    </row>
    <row r="1359" spans="1:43">
      <c r="A1359" t="s">
        <v>923</v>
      </c>
      <c r="B1359" t="s">
        <v>924</v>
      </c>
      <c r="C1359" t="s">
        <v>925</v>
      </c>
      <c r="D1359" t="s">
        <v>926</v>
      </c>
      <c r="E1359" t="s">
        <v>847</v>
      </c>
      <c r="F1359" t="s">
        <v>848</v>
      </c>
      <c r="G1359" t="s">
        <v>80</v>
      </c>
      <c r="H1359" t="s">
        <v>81</v>
      </c>
      <c r="I1359" s="2">
        <v>0</v>
      </c>
      <c r="J1359" s="2">
        <v>1</v>
      </c>
      <c r="K1359" s="2">
        <v>0</v>
      </c>
      <c r="L1359" t="s">
        <v>82</v>
      </c>
      <c r="M1359" t="s">
        <v>87</v>
      </c>
      <c r="N1359" t="s">
        <v>88</v>
      </c>
      <c r="O1359" t="s">
        <v>85</v>
      </c>
      <c r="P1359" t="s">
        <v>86</v>
      </c>
      <c r="Q1359">
        <v>12</v>
      </c>
      <c r="R1359">
        <v>12</v>
      </c>
      <c r="S1359">
        <v>12</v>
      </c>
      <c r="T1359">
        <v>12</v>
      </c>
      <c r="U1359">
        <v>12</v>
      </c>
      <c r="V1359">
        <v>12</v>
      </c>
      <c r="W1359">
        <v>12</v>
      </c>
      <c r="X1359">
        <v>12</v>
      </c>
      <c r="Y1359">
        <v>12</v>
      </c>
      <c r="Z1359">
        <v>12</v>
      </c>
      <c r="AA1359">
        <v>12</v>
      </c>
      <c r="AB1359">
        <v>12</v>
      </c>
      <c r="AC1359">
        <v>12</v>
      </c>
      <c r="AD1359">
        <v>12</v>
      </c>
      <c r="AE1359">
        <v>12</v>
      </c>
      <c r="AF1359">
        <v>12</v>
      </c>
      <c r="AG1359">
        <v>12</v>
      </c>
      <c r="AH1359">
        <v>12</v>
      </c>
      <c r="AI1359">
        <v>12</v>
      </c>
      <c r="AJ1359">
        <v>11</v>
      </c>
      <c r="AK1359">
        <v>11</v>
      </c>
      <c r="AL1359">
        <v>11</v>
      </c>
      <c r="AM1359">
        <v>11</v>
      </c>
      <c r="AN1359">
        <v>11</v>
      </c>
      <c r="AO1359">
        <v>11</v>
      </c>
      <c r="AP1359">
        <v>11</v>
      </c>
      <c r="AQ1359">
        <v>11</v>
      </c>
    </row>
    <row r="1360" spans="1:43">
      <c r="A1360" t="s">
        <v>923</v>
      </c>
      <c r="B1360" t="s">
        <v>924</v>
      </c>
      <c r="C1360" t="s">
        <v>925</v>
      </c>
      <c r="D1360" t="s">
        <v>926</v>
      </c>
      <c r="E1360" t="s">
        <v>847</v>
      </c>
      <c r="F1360" t="s">
        <v>848</v>
      </c>
      <c r="G1360" t="s">
        <v>80</v>
      </c>
      <c r="H1360" t="s">
        <v>81</v>
      </c>
      <c r="I1360" s="2">
        <v>0</v>
      </c>
      <c r="J1360" s="2">
        <v>1</v>
      </c>
      <c r="K1360" s="2">
        <v>0</v>
      </c>
      <c r="L1360" t="s">
        <v>82</v>
      </c>
      <c r="M1360" t="s">
        <v>89</v>
      </c>
      <c r="N1360" t="s">
        <v>90</v>
      </c>
      <c r="O1360" t="s">
        <v>85</v>
      </c>
      <c r="P1360" t="s">
        <v>86</v>
      </c>
      <c r="Q1360">
        <v>12</v>
      </c>
      <c r="R1360">
        <v>12</v>
      </c>
      <c r="S1360">
        <v>12</v>
      </c>
      <c r="T1360">
        <v>12</v>
      </c>
      <c r="U1360">
        <v>12</v>
      </c>
      <c r="V1360">
        <v>12</v>
      </c>
      <c r="W1360">
        <v>12</v>
      </c>
      <c r="X1360">
        <v>13</v>
      </c>
      <c r="Y1360">
        <v>13</v>
      </c>
      <c r="Z1360">
        <v>13</v>
      </c>
      <c r="AA1360">
        <v>13</v>
      </c>
      <c r="AB1360">
        <v>13</v>
      </c>
      <c r="AC1360">
        <v>13</v>
      </c>
      <c r="AD1360">
        <v>13</v>
      </c>
      <c r="AE1360">
        <v>13</v>
      </c>
      <c r="AF1360">
        <v>13</v>
      </c>
      <c r="AG1360">
        <v>13</v>
      </c>
      <c r="AH1360">
        <v>13</v>
      </c>
      <c r="AI1360">
        <v>13</v>
      </c>
      <c r="AJ1360">
        <v>12</v>
      </c>
      <c r="AK1360">
        <v>12</v>
      </c>
      <c r="AL1360">
        <v>12</v>
      </c>
      <c r="AM1360">
        <v>12</v>
      </c>
      <c r="AN1360">
        <v>12</v>
      </c>
      <c r="AO1360">
        <v>12</v>
      </c>
      <c r="AP1360">
        <v>12</v>
      </c>
      <c r="AQ1360">
        <v>12</v>
      </c>
    </row>
    <row r="1361" spans="1:43">
      <c r="A1361" t="s">
        <v>923</v>
      </c>
      <c r="B1361" t="s">
        <v>924</v>
      </c>
      <c r="C1361" t="s">
        <v>925</v>
      </c>
      <c r="D1361" t="s">
        <v>926</v>
      </c>
      <c r="E1361" t="s">
        <v>847</v>
      </c>
      <c r="F1361" t="s">
        <v>848</v>
      </c>
      <c r="G1361" t="s">
        <v>80</v>
      </c>
      <c r="H1361" t="s">
        <v>81</v>
      </c>
      <c r="I1361" s="2">
        <v>0</v>
      </c>
      <c r="J1361" s="2">
        <v>1</v>
      </c>
      <c r="K1361" s="2">
        <v>0</v>
      </c>
      <c r="L1361" t="s">
        <v>82</v>
      </c>
      <c r="M1361" t="s">
        <v>83</v>
      </c>
      <c r="N1361" t="s">
        <v>91</v>
      </c>
      <c r="O1361" t="s">
        <v>85</v>
      </c>
      <c r="P1361" t="s">
        <v>86</v>
      </c>
      <c r="Q1361">
        <v>12</v>
      </c>
      <c r="R1361">
        <v>12</v>
      </c>
      <c r="S1361">
        <v>12</v>
      </c>
      <c r="T1361">
        <v>12</v>
      </c>
      <c r="U1361">
        <v>12</v>
      </c>
      <c r="V1361">
        <v>12</v>
      </c>
      <c r="W1361">
        <v>12</v>
      </c>
      <c r="X1361">
        <v>12</v>
      </c>
      <c r="Y1361">
        <v>12</v>
      </c>
      <c r="Z1361">
        <v>12</v>
      </c>
      <c r="AA1361">
        <v>12</v>
      </c>
      <c r="AB1361">
        <v>12</v>
      </c>
      <c r="AC1361">
        <v>12</v>
      </c>
      <c r="AD1361">
        <v>12</v>
      </c>
      <c r="AE1361">
        <v>12</v>
      </c>
      <c r="AF1361">
        <v>12</v>
      </c>
      <c r="AG1361">
        <v>12</v>
      </c>
      <c r="AH1361">
        <v>12</v>
      </c>
      <c r="AI1361">
        <v>12</v>
      </c>
      <c r="AJ1361">
        <v>12</v>
      </c>
      <c r="AK1361">
        <v>12</v>
      </c>
      <c r="AL1361">
        <v>12</v>
      </c>
      <c r="AM1361">
        <v>12</v>
      </c>
      <c r="AN1361">
        <v>12</v>
      </c>
      <c r="AO1361">
        <v>12</v>
      </c>
      <c r="AP1361">
        <v>12</v>
      </c>
      <c r="AQ1361">
        <v>12</v>
      </c>
    </row>
    <row r="1362" spans="1:43">
      <c r="A1362" t="s">
        <v>927</v>
      </c>
      <c r="B1362" t="s">
        <v>928</v>
      </c>
      <c r="C1362" t="s">
        <v>925</v>
      </c>
      <c r="D1362" t="s">
        <v>926</v>
      </c>
      <c r="E1362" t="s">
        <v>847</v>
      </c>
      <c r="F1362" t="s">
        <v>848</v>
      </c>
      <c r="G1362" t="s">
        <v>80</v>
      </c>
      <c r="H1362" t="s">
        <v>81</v>
      </c>
      <c r="I1362" s="2">
        <v>0</v>
      </c>
      <c r="J1362" s="2">
        <v>1</v>
      </c>
      <c r="K1362" s="2">
        <v>0</v>
      </c>
      <c r="L1362" t="s">
        <v>82</v>
      </c>
      <c r="M1362" t="s">
        <v>83</v>
      </c>
      <c r="N1362" t="s">
        <v>84</v>
      </c>
      <c r="O1362" t="s">
        <v>85</v>
      </c>
      <c r="P1362" t="s">
        <v>86</v>
      </c>
      <c r="Q1362">
        <v>11</v>
      </c>
      <c r="R1362">
        <v>11</v>
      </c>
      <c r="S1362">
        <v>11</v>
      </c>
      <c r="T1362">
        <v>11</v>
      </c>
      <c r="U1362">
        <v>11</v>
      </c>
      <c r="V1362">
        <v>11</v>
      </c>
      <c r="W1362">
        <v>11</v>
      </c>
      <c r="X1362">
        <v>11</v>
      </c>
      <c r="Y1362">
        <v>11</v>
      </c>
      <c r="Z1362">
        <v>11</v>
      </c>
      <c r="AA1362">
        <v>11</v>
      </c>
      <c r="AB1362">
        <v>11</v>
      </c>
      <c r="AC1362">
        <v>11</v>
      </c>
      <c r="AD1362">
        <v>12</v>
      </c>
      <c r="AE1362">
        <v>12</v>
      </c>
      <c r="AF1362">
        <v>12</v>
      </c>
      <c r="AG1362">
        <v>12</v>
      </c>
      <c r="AH1362">
        <v>12</v>
      </c>
      <c r="AI1362">
        <v>12</v>
      </c>
      <c r="AJ1362">
        <v>12</v>
      </c>
      <c r="AK1362">
        <v>12</v>
      </c>
      <c r="AL1362">
        <v>12</v>
      </c>
      <c r="AM1362">
        <v>12</v>
      </c>
      <c r="AN1362">
        <v>12</v>
      </c>
      <c r="AO1362">
        <v>11</v>
      </c>
      <c r="AP1362">
        <v>11</v>
      </c>
      <c r="AQ1362">
        <v>11</v>
      </c>
    </row>
    <row r="1363" spans="1:43">
      <c r="A1363" t="s">
        <v>927</v>
      </c>
      <c r="B1363" t="s">
        <v>928</v>
      </c>
      <c r="C1363" t="s">
        <v>925</v>
      </c>
      <c r="D1363" t="s">
        <v>926</v>
      </c>
      <c r="E1363" t="s">
        <v>847</v>
      </c>
      <c r="F1363" t="s">
        <v>848</v>
      </c>
      <c r="G1363" t="s">
        <v>80</v>
      </c>
      <c r="H1363" t="s">
        <v>81</v>
      </c>
      <c r="I1363" s="2">
        <v>0</v>
      </c>
      <c r="J1363" s="2">
        <v>1</v>
      </c>
      <c r="K1363" s="2">
        <v>0</v>
      </c>
      <c r="L1363" t="s">
        <v>82</v>
      </c>
      <c r="M1363" t="s">
        <v>87</v>
      </c>
      <c r="N1363" t="s">
        <v>88</v>
      </c>
      <c r="O1363" t="s">
        <v>85</v>
      </c>
      <c r="P1363" t="s">
        <v>86</v>
      </c>
      <c r="Q1363">
        <v>11</v>
      </c>
      <c r="R1363">
        <v>11</v>
      </c>
      <c r="S1363">
        <v>11</v>
      </c>
      <c r="T1363">
        <v>11</v>
      </c>
      <c r="U1363">
        <v>11</v>
      </c>
      <c r="V1363">
        <v>11</v>
      </c>
      <c r="W1363">
        <v>11</v>
      </c>
      <c r="X1363">
        <v>11</v>
      </c>
      <c r="Y1363">
        <v>10</v>
      </c>
      <c r="Z1363">
        <v>10</v>
      </c>
      <c r="AA1363">
        <v>10</v>
      </c>
      <c r="AB1363">
        <v>10</v>
      </c>
      <c r="AC1363">
        <v>10</v>
      </c>
      <c r="AD1363">
        <v>10</v>
      </c>
      <c r="AE1363">
        <v>10</v>
      </c>
      <c r="AF1363">
        <v>10</v>
      </c>
      <c r="AG1363">
        <v>10</v>
      </c>
      <c r="AH1363">
        <v>10</v>
      </c>
      <c r="AI1363">
        <v>10</v>
      </c>
      <c r="AJ1363">
        <v>10</v>
      </c>
      <c r="AK1363">
        <v>10</v>
      </c>
      <c r="AL1363">
        <v>10</v>
      </c>
      <c r="AM1363">
        <v>10</v>
      </c>
      <c r="AN1363">
        <v>10</v>
      </c>
      <c r="AO1363">
        <v>10</v>
      </c>
      <c r="AP1363">
        <v>10</v>
      </c>
      <c r="AQ1363">
        <v>10</v>
      </c>
    </row>
    <row r="1364" spans="1:43">
      <c r="A1364" t="s">
        <v>927</v>
      </c>
      <c r="B1364" t="s">
        <v>928</v>
      </c>
      <c r="C1364" t="s">
        <v>925</v>
      </c>
      <c r="D1364" t="s">
        <v>926</v>
      </c>
      <c r="E1364" t="s">
        <v>847</v>
      </c>
      <c r="F1364" t="s">
        <v>848</v>
      </c>
      <c r="G1364" t="s">
        <v>80</v>
      </c>
      <c r="H1364" t="s">
        <v>81</v>
      </c>
      <c r="I1364" s="2">
        <v>0</v>
      </c>
      <c r="J1364" s="2">
        <v>1</v>
      </c>
      <c r="K1364" s="2">
        <v>0</v>
      </c>
      <c r="L1364" t="s">
        <v>82</v>
      </c>
      <c r="M1364" t="s">
        <v>89</v>
      </c>
      <c r="N1364" t="s">
        <v>90</v>
      </c>
      <c r="O1364" t="s">
        <v>85</v>
      </c>
      <c r="P1364" t="s">
        <v>86</v>
      </c>
      <c r="Q1364">
        <v>11</v>
      </c>
      <c r="R1364">
        <v>11</v>
      </c>
      <c r="S1364">
        <v>11</v>
      </c>
      <c r="T1364">
        <v>11</v>
      </c>
      <c r="U1364">
        <v>12</v>
      </c>
      <c r="V1364">
        <v>12</v>
      </c>
      <c r="W1364">
        <v>12</v>
      </c>
      <c r="X1364">
        <v>12</v>
      </c>
      <c r="Y1364">
        <v>12</v>
      </c>
      <c r="Z1364">
        <v>12</v>
      </c>
      <c r="AA1364">
        <v>12</v>
      </c>
      <c r="AB1364">
        <v>12</v>
      </c>
      <c r="AC1364">
        <v>12</v>
      </c>
      <c r="AD1364">
        <v>12</v>
      </c>
      <c r="AE1364">
        <v>12</v>
      </c>
      <c r="AF1364">
        <v>12</v>
      </c>
      <c r="AG1364">
        <v>12</v>
      </c>
      <c r="AH1364">
        <v>12</v>
      </c>
      <c r="AI1364">
        <v>12</v>
      </c>
      <c r="AJ1364">
        <v>12</v>
      </c>
      <c r="AK1364">
        <v>12</v>
      </c>
      <c r="AL1364">
        <v>12</v>
      </c>
      <c r="AM1364">
        <v>12</v>
      </c>
      <c r="AN1364">
        <v>12</v>
      </c>
      <c r="AO1364">
        <v>12</v>
      </c>
      <c r="AP1364">
        <v>12</v>
      </c>
      <c r="AQ1364">
        <v>11</v>
      </c>
    </row>
    <row r="1365" spans="1:43">
      <c r="A1365" t="s">
        <v>927</v>
      </c>
      <c r="B1365" t="s">
        <v>928</v>
      </c>
      <c r="C1365" t="s">
        <v>925</v>
      </c>
      <c r="D1365" t="s">
        <v>926</v>
      </c>
      <c r="E1365" t="s">
        <v>847</v>
      </c>
      <c r="F1365" t="s">
        <v>848</v>
      </c>
      <c r="G1365" t="s">
        <v>80</v>
      </c>
      <c r="H1365" t="s">
        <v>81</v>
      </c>
      <c r="I1365" s="2">
        <v>0</v>
      </c>
      <c r="J1365" s="2">
        <v>1</v>
      </c>
      <c r="K1365" s="2">
        <v>0</v>
      </c>
      <c r="L1365" t="s">
        <v>82</v>
      </c>
      <c r="M1365" t="s">
        <v>83</v>
      </c>
      <c r="N1365" t="s">
        <v>91</v>
      </c>
      <c r="O1365" t="s">
        <v>85</v>
      </c>
      <c r="P1365" t="s">
        <v>86</v>
      </c>
      <c r="Q1365">
        <v>11</v>
      </c>
      <c r="R1365">
        <v>11</v>
      </c>
      <c r="S1365">
        <v>11</v>
      </c>
      <c r="T1365">
        <v>11</v>
      </c>
      <c r="U1365">
        <v>11</v>
      </c>
      <c r="V1365">
        <v>11</v>
      </c>
      <c r="W1365">
        <v>11</v>
      </c>
      <c r="X1365">
        <v>11</v>
      </c>
      <c r="Y1365">
        <v>11</v>
      </c>
      <c r="Z1365">
        <v>11</v>
      </c>
      <c r="AA1365">
        <v>11</v>
      </c>
      <c r="AB1365">
        <v>11</v>
      </c>
      <c r="AC1365">
        <v>11</v>
      </c>
      <c r="AD1365">
        <v>12</v>
      </c>
      <c r="AE1365">
        <v>12</v>
      </c>
      <c r="AF1365">
        <v>12</v>
      </c>
      <c r="AG1365">
        <v>12</v>
      </c>
      <c r="AH1365">
        <v>12</v>
      </c>
      <c r="AI1365">
        <v>12</v>
      </c>
      <c r="AJ1365">
        <v>12</v>
      </c>
      <c r="AK1365">
        <v>12</v>
      </c>
      <c r="AL1365">
        <v>12</v>
      </c>
      <c r="AM1365">
        <v>12</v>
      </c>
      <c r="AN1365">
        <v>12</v>
      </c>
      <c r="AO1365">
        <v>11</v>
      </c>
      <c r="AP1365">
        <v>11</v>
      </c>
      <c r="AQ1365">
        <v>11</v>
      </c>
    </row>
    <row r="1366" spans="1:43">
      <c r="A1366" t="s">
        <v>929</v>
      </c>
      <c r="B1366" t="s">
        <v>930</v>
      </c>
      <c r="C1366" t="s">
        <v>925</v>
      </c>
      <c r="D1366" t="s">
        <v>926</v>
      </c>
      <c r="E1366" t="s">
        <v>847</v>
      </c>
      <c r="F1366" t="s">
        <v>848</v>
      </c>
      <c r="G1366" t="s">
        <v>80</v>
      </c>
      <c r="H1366" t="s">
        <v>81</v>
      </c>
      <c r="I1366" s="2">
        <v>0</v>
      </c>
      <c r="J1366" s="2">
        <v>1</v>
      </c>
      <c r="K1366" s="2">
        <v>0</v>
      </c>
      <c r="L1366" t="s">
        <v>82</v>
      </c>
      <c r="M1366" t="s">
        <v>83</v>
      </c>
      <c r="N1366" t="s">
        <v>84</v>
      </c>
      <c r="O1366" t="s">
        <v>85</v>
      </c>
      <c r="P1366" t="s">
        <v>86</v>
      </c>
      <c r="Q1366">
        <v>18</v>
      </c>
      <c r="R1366">
        <v>19</v>
      </c>
      <c r="S1366">
        <v>19</v>
      </c>
      <c r="T1366">
        <v>19</v>
      </c>
      <c r="U1366">
        <v>19</v>
      </c>
      <c r="V1366">
        <v>19</v>
      </c>
      <c r="W1366">
        <v>19</v>
      </c>
      <c r="X1366">
        <v>19</v>
      </c>
      <c r="Y1366">
        <v>19</v>
      </c>
      <c r="Z1366">
        <v>19</v>
      </c>
      <c r="AA1366">
        <v>19</v>
      </c>
      <c r="AB1366">
        <v>19</v>
      </c>
      <c r="AC1366">
        <v>19</v>
      </c>
      <c r="AD1366">
        <v>19</v>
      </c>
      <c r="AE1366">
        <v>19</v>
      </c>
      <c r="AF1366">
        <v>19</v>
      </c>
      <c r="AG1366">
        <v>19</v>
      </c>
      <c r="AH1366">
        <v>19</v>
      </c>
      <c r="AI1366">
        <v>19</v>
      </c>
      <c r="AJ1366">
        <v>19</v>
      </c>
      <c r="AK1366">
        <v>19</v>
      </c>
      <c r="AL1366">
        <v>19</v>
      </c>
      <c r="AM1366">
        <v>19</v>
      </c>
      <c r="AN1366">
        <v>19</v>
      </c>
      <c r="AO1366">
        <v>19</v>
      </c>
      <c r="AP1366">
        <v>19</v>
      </c>
      <c r="AQ1366">
        <v>19</v>
      </c>
    </row>
    <row r="1367" spans="1:43">
      <c r="A1367" t="s">
        <v>929</v>
      </c>
      <c r="B1367" t="s">
        <v>930</v>
      </c>
      <c r="C1367" t="s">
        <v>925</v>
      </c>
      <c r="D1367" t="s">
        <v>926</v>
      </c>
      <c r="E1367" t="s">
        <v>847</v>
      </c>
      <c r="F1367" t="s">
        <v>848</v>
      </c>
      <c r="G1367" t="s">
        <v>80</v>
      </c>
      <c r="H1367" t="s">
        <v>81</v>
      </c>
      <c r="I1367" s="2">
        <v>0</v>
      </c>
      <c r="J1367" s="2">
        <v>1</v>
      </c>
      <c r="K1367" s="2">
        <v>0</v>
      </c>
      <c r="L1367" t="s">
        <v>82</v>
      </c>
      <c r="M1367" t="s">
        <v>87</v>
      </c>
      <c r="N1367" t="s">
        <v>88</v>
      </c>
      <c r="O1367" t="s">
        <v>85</v>
      </c>
      <c r="P1367" t="s">
        <v>86</v>
      </c>
      <c r="Q1367">
        <v>18</v>
      </c>
      <c r="R1367">
        <v>18</v>
      </c>
      <c r="S1367">
        <v>18</v>
      </c>
      <c r="T1367">
        <v>18</v>
      </c>
      <c r="U1367">
        <v>18</v>
      </c>
      <c r="V1367">
        <v>18</v>
      </c>
      <c r="W1367">
        <v>18</v>
      </c>
      <c r="X1367">
        <v>18</v>
      </c>
      <c r="Y1367">
        <v>18</v>
      </c>
      <c r="Z1367">
        <v>17</v>
      </c>
      <c r="AA1367">
        <v>17</v>
      </c>
      <c r="AB1367">
        <v>17</v>
      </c>
      <c r="AC1367">
        <v>17</v>
      </c>
      <c r="AD1367">
        <v>17</v>
      </c>
      <c r="AE1367">
        <v>17</v>
      </c>
      <c r="AF1367">
        <v>17</v>
      </c>
      <c r="AG1367">
        <v>17</v>
      </c>
      <c r="AH1367">
        <v>17</v>
      </c>
      <c r="AI1367">
        <v>17</v>
      </c>
      <c r="AJ1367">
        <v>17</v>
      </c>
      <c r="AK1367">
        <v>17</v>
      </c>
      <c r="AL1367">
        <v>16</v>
      </c>
      <c r="AM1367">
        <v>16</v>
      </c>
      <c r="AN1367">
        <v>16</v>
      </c>
      <c r="AO1367">
        <v>16</v>
      </c>
      <c r="AP1367">
        <v>16</v>
      </c>
      <c r="AQ1367">
        <v>16</v>
      </c>
    </row>
    <row r="1368" spans="1:43">
      <c r="A1368" t="s">
        <v>929</v>
      </c>
      <c r="B1368" t="s">
        <v>930</v>
      </c>
      <c r="C1368" t="s">
        <v>925</v>
      </c>
      <c r="D1368" t="s">
        <v>926</v>
      </c>
      <c r="E1368" t="s">
        <v>847</v>
      </c>
      <c r="F1368" t="s">
        <v>848</v>
      </c>
      <c r="G1368" t="s">
        <v>80</v>
      </c>
      <c r="H1368" t="s">
        <v>81</v>
      </c>
      <c r="I1368" s="2">
        <v>0</v>
      </c>
      <c r="J1368" s="2">
        <v>1</v>
      </c>
      <c r="K1368" s="2">
        <v>0</v>
      </c>
      <c r="L1368" t="s">
        <v>82</v>
      </c>
      <c r="M1368" t="s">
        <v>89</v>
      </c>
      <c r="N1368" t="s">
        <v>90</v>
      </c>
      <c r="O1368" t="s">
        <v>85</v>
      </c>
      <c r="P1368" t="s">
        <v>86</v>
      </c>
      <c r="Q1368">
        <v>18</v>
      </c>
      <c r="R1368">
        <v>18</v>
      </c>
      <c r="S1368">
        <v>18</v>
      </c>
      <c r="T1368">
        <v>18</v>
      </c>
      <c r="U1368">
        <v>18</v>
      </c>
      <c r="V1368">
        <v>19</v>
      </c>
      <c r="W1368">
        <v>19</v>
      </c>
      <c r="X1368">
        <v>19</v>
      </c>
      <c r="Y1368">
        <v>19</v>
      </c>
      <c r="Z1368">
        <v>19</v>
      </c>
      <c r="AA1368">
        <v>19</v>
      </c>
      <c r="AB1368">
        <v>19</v>
      </c>
      <c r="AC1368">
        <v>20</v>
      </c>
      <c r="AD1368">
        <v>20</v>
      </c>
      <c r="AE1368">
        <v>20</v>
      </c>
      <c r="AF1368">
        <v>19</v>
      </c>
      <c r="AG1368">
        <v>19</v>
      </c>
      <c r="AH1368">
        <v>19</v>
      </c>
      <c r="AI1368">
        <v>19</v>
      </c>
      <c r="AJ1368">
        <v>19</v>
      </c>
      <c r="AK1368">
        <v>19</v>
      </c>
      <c r="AL1368">
        <v>19</v>
      </c>
      <c r="AM1368">
        <v>18</v>
      </c>
      <c r="AN1368">
        <v>18</v>
      </c>
      <c r="AO1368">
        <v>18</v>
      </c>
      <c r="AP1368">
        <v>18</v>
      </c>
      <c r="AQ1368">
        <v>18</v>
      </c>
    </row>
    <row r="1369" spans="1:43">
      <c r="A1369" t="s">
        <v>929</v>
      </c>
      <c r="B1369" t="s">
        <v>930</v>
      </c>
      <c r="C1369" t="s">
        <v>925</v>
      </c>
      <c r="D1369" t="s">
        <v>926</v>
      </c>
      <c r="E1369" t="s">
        <v>847</v>
      </c>
      <c r="F1369" t="s">
        <v>848</v>
      </c>
      <c r="G1369" t="s">
        <v>80</v>
      </c>
      <c r="H1369" t="s">
        <v>81</v>
      </c>
      <c r="I1369" s="2">
        <v>0</v>
      </c>
      <c r="J1369" s="2">
        <v>1</v>
      </c>
      <c r="K1369" s="2">
        <v>0</v>
      </c>
      <c r="L1369" t="s">
        <v>82</v>
      </c>
      <c r="M1369" t="s">
        <v>83</v>
      </c>
      <c r="N1369" t="s">
        <v>91</v>
      </c>
      <c r="O1369" t="s">
        <v>85</v>
      </c>
      <c r="P1369" t="s">
        <v>86</v>
      </c>
      <c r="Q1369">
        <v>18</v>
      </c>
      <c r="R1369">
        <v>19</v>
      </c>
      <c r="S1369">
        <v>19</v>
      </c>
      <c r="T1369">
        <v>19</v>
      </c>
      <c r="U1369">
        <v>19</v>
      </c>
      <c r="V1369">
        <v>19</v>
      </c>
      <c r="W1369">
        <v>19</v>
      </c>
      <c r="X1369">
        <v>19</v>
      </c>
      <c r="Y1369">
        <v>19</v>
      </c>
      <c r="Z1369">
        <v>19</v>
      </c>
      <c r="AA1369">
        <v>19</v>
      </c>
      <c r="AB1369">
        <v>19</v>
      </c>
      <c r="AC1369">
        <v>19</v>
      </c>
      <c r="AD1369">
        <v>19</v>
      </c>
      <c r="AE1369">
        <v>19</v>
      </c>
      <c r="AF1369">
        <v>19</v>
      </c>
      <c r="AG1369">
        <v>19</v>
      </c>
      <c r="AH1369">
        <v>19</v>
      </c>
      <c r="AI1369">
        <v>19</v>
      </c>
      <c r="AJ1369">
        <v>19</v>
      </c>
      <c r="AK1369">
        <v>19</v>
      </c>
      <c r="AL1369">
        <v>19</v>
      </c>
      <c r="AM1369">
        <v>19</v>
      </c>
      <c r="AN1369">
        <v>19</v>
      </c>
      <c r="AO1369">
        <v>19</v>
      </c>
      <c r="AP1369">
        <v>19</v>
      </c>
      <c r="AQ1369">
        <v>19</v>
      </c>
    </row>
    <row r="1370" spans="1:43">
      <c r="A1370" t="s">
        <v>931</v>
      </c>
      <c r="B1370" t="s">
        <v>932</v>
      </c>
      <c r="C1370" t="s">
        <v>933</v>
      </c>
      <c r="D1370" t="s">
        <v>934</v>
      </c>
      <c r="E1370" t="s">
        <v>847</v>
      </c>
      <c r="F1370" t="s">
        <v>848</v>
      </c>
      <c r="G1370" t="s">
        <v>80</v>
      </c>
      <c r="H1370" t="s">
        <v>81</v>
      </c>
      <c r="I1370" s="2">
        <v>0</v>
      </c>
      <c r="J1370" s="2">
        <v>1</v>
      </c>
      <c r="K1370" s="2">
        <v>0</v>
      </c>
      <c r="L1370" t="s">
        <v>82</v>
      </c>
      <c r="M1370" t="s">
        <v>83</v>
      </c>
      <c r="N1370" t="s">
        <v>84</v>
      </c>
      <c r="O1370" t="s">
        <v>85</v>
      </c>
      <c r="P1370" t="s">
        <v>86</v>
      </c>
      <c r="Q1370">
        <v>35</v>
      </c>
      <c r="R1370">
        <v>35</v>
      </c>
      <c r="S1370">
        <v>35</v>
      </c>
      <c r="T1370">
        <v>35</v>
      </c>
      <c r="U1370">
        <v>36</v>
      </c>
      <c r="V1370">
        <v>36</v>
      </c>
      <c r="W1370">
        <v>36</v>
      </c>
      <c r="X1370">
        <v>36</v>
      </c>
      <c r="Y1370">
        <v>36</v>
      </c>
      <c r="Z1370">
        <v>36</v>
      </c>
      <c r="AA1370">
        <v>36</v>
      </c>
      <c r="AB1370">
        <v>37</v>
      </c>
      <c r="AC1370">
        <v>37</v>
      </c>
      <c r="AD1370">
        <v>37</v>
      </c>
      <c r="AE1370">
        <v>37</v>
      </c>
      <c r="AF1370">
        <v>37</v>
      </c>
      <c r="AG1370">
        <v>37</v>
      </c>
      <c r="AH1370">
        <v>37</v>
      </c>
      <c r="AI1370">
        <v>37</v>
      </c>
      <c r="AJ1370">
        <v>37</v>
      </c>
      <c r="AK1370">
        <v>37</v>
      </c>
      <c r="AL1370">
        <v>37</v>
      </c>
      <c r="AM1370">
        <v>37</v>
      </c>
      <c r="AN1370">
        <v>37</v>
      </c>
      <c r="AO1370">
        <v>37</v>
      </c>
      <c r="AP1370">
        <v>37</v>
      </c>
      <c r="AQ1370">
        <v>36</v>
      </c>
    </row>
    <row r="1371" spans="1:43">
      <c r="A1371" t="s">
        <v>931</v>
      </c>
      <c r="B1371" t="s">
        <v>932</v>
      </c>
      <c r="C1371" t="s">
        <v>933</v>
      </c>
      <c r="D1371" t="s">
        <v>934</v>
      </c>
      <c r="E1371" t="s">
        <v>847</v>
      </c>
      <c r="F1371" t="s">
        <v>848</v>
      </c>
      <c r="G1371" t="s">
        <v>80</v>
      </c>
      <c r="H1371" t="s">
        <v>81</v>
      </c>
      <c r="I1371" s="2">
        <v>0</v>
      </c>
      <c r="J1371" s="2">
        <v>1</v>
      </c>
      <c r="K1371" s="2">
        <v>0</v>
      </c>
      <c r="L1371" t="s">
        <v>82</v>
      </c>
      <c r="M1371" t="s">
        <v>87</v>
      </c>
      <c r="N1371" t="s">
        <v>88</v>
      </c>
      <c r="O1371" t="s">
        <v>85</v>
      </c>
      <c r="P1371" t="s">
        <v>86</v>
      </c>
      <c r="Q1371">
        <v>35</v>
      </c>
      <c r="R1371">
        <v>35</v>
      </c>
      <c r="S1371">
        <v>35</v>
      </c>
      <c r="T1371">
        <v>35</v>
      </c>
      <c r="U1371">
        <v>35</v>
      </c>
      <c r="V1371">
        <v>35</v>
      </c>
      <c r="W1371">
        <v>35</v>
      </c>
      <c r="X1371">
        <v>35</v>
      </c>
      <c r="Y1371">
        <v>34</v>
      </c>
      <c r="Z1371">
        <v>34</v>
      </c>
      <c r="AA1371">
        <v>34</v>
      </c>
      <c r="AB1371">
        <v>34</v>
      </c>
      <c r="AC1371">
        <v>34</v>
      </c>
      <c r="AD1371">
        <v>34</v>
      </c>
      <c r="AE1371">
        <v>34</v>
      </c>
      <c r="AF1371">
        <v>34</v>
      </c>
      <c r="AG1371">
        <v>34</v>
      </c>
      <c r="AH1371">
        <v>33</v>
      </c>
      <c r="AI1371">
        <v>33</v>
      </c>
      <c r="AJ1371">
        <v>33</v>
      </c>
      <c r="AK1371">
        <v>33</v>
      </c>
      <c r="AL1371">
        <v>33</v>
      </c>
      <c r="AM1371">
        <v>33</v>
      </c>
      <c r="AN1371">
        <v>33</v>
      </c>
      <c r="AO1371">
        <v>33</v>
      </c>
      <c r="AP1371">
        <v>33</v>
      </c>
      <c r="AQ1371">
        <v>33</v>
      </c>
    </row>
    <row r="1372" spans="1:43">
      <c r="A1372" t="s">
        <v>931</v>
      </c>
      <c r="B1372" t="s">
        <v>932</v>
      </c>
      <c r="C1372" t="s">
        <v>933</v>
      </c>
      <c r="D1372" t="s">
        <v>934</v>
      </c>
      <c r="E1372" t="s">
        <v>847</v>
      </c>
      <c r="F1372" t="s">
        <v>848</v>
      </c>
      <c r="G1372" t="s">
        <v>80</v>
      </c>
      <c r="H1372" t="s">
        <v>81</v>
      </c>
      <c r="I1372" s="2">
        <v>0</v>
      </c>
      <c r="J1372" s="2">
        <v>1</v>
      </c>
      <c r="K1372" s="2">
        <v>0</v>
      </c>
      <c r="L1372" t="s">
        <v>82</v>
      </c>
      <c r="M1372" t="s">
        <v>89</v>
      </c>
      <c r="N1372" t="s">
        <v>90</v>
      </c>
      <c r="O1372" t="s">
        <v>85</v>
      </c>
      <c r="P1372" t="s">
        <v>86</v>
      </c>
      <c r="Q1372">
        <v>35</v>
      </c>
      <c r="R1372">
        <v>36</v>
      </c>
      <c r="S1372">
        <v>36</v>
      </c>
      <c r="T1372">
        <v>36</v>
      </c>
      <c r="U1372">
        <v>37</v>
      </c>
      <c r="V1372">
        <v>37</v>
      </c>
      <c r="W1372">
        <v>38</v>
      </c>
      <c r="X1372">
        <v>38</v>
      </c>
      <c r="Y1372">
        <v>38</v>
      </c>
      <c r="Z1372">
        <v>39</v>
      </c>
      <c r="AA1372">
        <v>39</v>
      </c>
      <c r="AB1372">
        <v>39</v>
      </c>
      <c r="AC1372">
        <v>39</v>
      </c>
      <c r="AD1372">
        <v>39</v>
      </c>
      <c r="AE1372">
        <v>39</v>
      </c>
      <c r="AF1372">
        <v>39</v>
      </c>
      <c r="AG1372">
        <v>39</v>
      </c>
      <c r="AH1372">
        <v>39</v>
      </c>
      <c r="AI1372">
        <v>38</v>
      </c>
      <c r="AJ1372">
        <v>38</v>
      </c>
      <c r="AK1372">
        <v>38</v>
      </c>
      <c r="AL1372">
        <v>38</v>
      </c>
      <c r="AM1372">
        <v>38</v>
      </c>
      <c r="AN1372">
        <v>37</v>
      </c>
      <c r="AO1372">
        <v>37</v>
      </c>
      <c r="AP1372">
        <v>37</v>
      </c>
      <c r="AQ1372">
        <v>37</v>
      </c>
    </row>
    <row r="1373" spans="1:43">
      <c r="A1373" t="s">
        <v>931</v>
      </c>
      <c r="B1373" t="s">
        <v>932</v>
      </c>
      <c r="C1373" t="s">
        <v>933</v>
      </c>
      <c r="D1373" t="s">
        <v>934</v>
      </c>
      <c r="E1373" t="s">
        <v>847</v>
      </c>
      <c r="F1373" t="s">
        <v>848</v>
      </c>
      <c r="G1373" t="s">
        <v>80</v>
      </c>
      <c r="H1373" t="s">
        <v>81</v>
      </c>
      <c r="I1373" s="2">
        <v>0</v>
      </c>
      <c r="J1373" s="2">
        <v>1</v>
      </c>
      <c r="K1373" s="2">
        <v>0</v>
      </c>
      <c r="L1373" t="s">
        <v>82</v>
      </c>
      <c r="M1373" t="s">
        <v>83</v>
      </c>
      <c r="N1373" t="s">
        <v>91</v>
      </c>
      <c r="O1373" t="s">
        <v>85</v>
      </c>
      <c r="P1373" t="s">
        <v>86</v>
      </c>
      <c r="Q1373">
        <v>35</v>
      </c>
      <c r="R1373">
        <v>35</v>
      </c>
      <c r="S1373">
        <v>35</v>
      </c>
      <c r="T1373">
        <v>35</v>
      </c>
      <c r="U1373">
        <v>36</v>
      </c>
      <c r="V1373">
        <v>36</v>
      </c>
      <c r="W1373">
        <v>36</v>
      </c>
      <c r="X1373">
        <v>36</v>
      </c>
      <c r="Y1373">
        <v>36</v>
      </c>
      <c r="Z1373">
        <v>36</v>
      </c>
      <c r="AA1373">
        <v>36</v>
      </c>
      <c r="AB1373">
        <v>37</v>
      </c>
      <c r="AC1373">
        <v>37</v>
      </c>
      <c r="AD1373">
        <v>37</v>
      </c>
      <c r="AE1373">
        <v>37</v>
      </c>
      <c r="AF1373">
        <v>37</v>
      </c>
      <c r="AG1373">
        <v>37</v>
      </c>
      <c r="AH1373">
        <v>37</v>
      </c>
      <c r="AI1373">
        <v>37</v>
      </c>
      <c r="AJ1373">
        <v>37</v>
      </c>
      <c r="AK1373">
        <v>37</v>
      </c>
      <c r="AL1373">
        <v>37</v>
      </c>
      <c r="AM1373">
        <v>37</v>
      </c>
      <c r="AN1373">
        <v>37</v>
      </c>
      <c r="AO1373">
        <v>37</v>
      </c>
      <c r="AP1373">
        <v>37</v>
      </c>
      <c r="AQ1373">
        <v>36</v>
      </c>
    </row>
    <row r="1374" spans="1:43">
      <c r="A1374" t="s">
        <v>935</v>
      </c>
      <c r="B1374" t="s">
        <v>936</v>
      </c>
      <c r="C1374" t="s">
        <v>933</v>
      </c>
      <c r="D1374" t="s">
        <v>934</v>
      </c>
      <c r="E1374" t="s">
        <v>847</v>
      </c>
      <c r="F1374" t="s">
        <v>848</v>
      </c>
      <c r="G1374" t="s">
        <v>80</v>
      </c>
      <c r="H1374" t="s">
        <v>81</v>
      </c>
      <c r="I1374" s="2">
        <v>0</v>
      </c>
      <c r="J1374" s="2">
        <v>1</v>
      </c>
      <c r="K1374" s="2">
        <v>0</v>
      </c>
      <c r="L1374" t="s">
        <v>82</v>
      </c>
      <c r="M1374" t="s">
        <v>83</v>
      </c>
      <c r="N1374" t="s">
        <v>84</v>
      </c>
      <c r="O1374" t="s">
        <v>85</v>
      </c>
      <c r="P1374" t="s">
        <v>86</v>
      </c>
      <c r="Q1374">
        <v>4</v>
      </c>
      <c r="R1374">
        <v>4</v>
      </c>
      <c r="S1374">
        <v>4</v>
      </c>
      <c r="T1374">
        <v>4</v>
      </c>
      <c r="U1374">
        <v>4</v>
      </c>
      <c r="V1374">
        <v>5</v>
      </c>
      <c r="W1374">
        <v>5</v>
      </c>
      <c r="X1374">
        <v>5</v>
      </c>
      <c r="Y1374">
        <v>5</v>
      </c>
      <c r="Z1374">
        <v>5</v>
      </c>
      <c r="AA1374">
        <v>5</v>
      </c>
      <c r="AB1374">
        <v>5</v>
      </c>
      <c r="AC1374">
        <v>5</v>
      </c>
      <c r="AD1374">
        <v>5</v>
      </c>
      <c r="AE1374">
        <v>5</v>
      </c>
      <c r="AF1374">
        <v>5</v>
      </c>
      <c r="AG1374">
        <v>5</v>
      </c>
      <c r="AH1374">
        <v>5</v>
      </c>
      <c r="AI1374">
        <v>5</v>
      </c>
      <c r="AJ1374">
        <v>5</v>
      </c>
      <c r="AK1374">
        <v>5</v>
      </c>
      <c r="AL1374">
        <v>5</v>
      </c>
      <c r="AM1374">
        <v>5</v>
      </c>
      <c r="AN1374">
        <v>5</v>
      </c>
      <c r="AO1374">
        <v>5</v>
      </c>
      <c r="AP1374">
        <v>5</v>
      </c>
      <c r="AQ1374">
        <v>5</v>
      </c>
    </row>
    <row r="1375" spans="1:43">
      <c r="A1375" t="s">
        <v>935</v>
      </c>
      <c r="B1375" t="s">
        <v>936</v>
      </c>
      <c r="C1375" t="s">
        <v>933</v>
      </c>
      <c r="D1375" t="s">
        <v>934</v>
      </c>
      <c r="E1375" t="s">
        <v>847</v>
      </c>
      <c r="F1375" t="s">
        <v>848</v>
      </c>
      <c r="G1375" t="s">
        <v>80</v>
      </c>
      <c r="H1375" t="s">
        <v>81</v>
      </c>
      <c r="I1375" s="2">
        <v>0</v>
      </c>
      <c r="J1375" s="2">
        <v>1</v>
      </c>
      <c r="K1375" s="2">
        <v>0</v>
      </c>
      <c r="L1375" t="s">
        <v>82</v>
      </c>
      <c r="M1375" t="s">
        <v>87</v>
      </c>
      <c r="N1375" t="s">
        <v>88</v>
      </c>
      <c r="O1375" t="s">
        <v>85</v>
      </c>
      <c r="P1375" t="s">
        <v>86</v>
      </c>
      <c r="Q1375">
        <v>4</v>
      </c>
      <c r="R1375">
        <v>4</v>
      </c>
      <c r="S1375">
        <v>4</v>
      </c>
      <c r="T1375">
        <v>4</v>
      </c>
      <c r="U1375">
        <v>4</v>
      </c>
      <c r="V1375">
        <v>4</v>
      </c>
      <c r="W1375">
        <v>4</v>
      </c>
      <c r="X1375">
        <v>4</v>
      </c>
      <c r="Y1375">
        <v>4</v>
      </c>
      <c r="Z1375">
        <v>4</v>
      </c>
      <c r="AA1375">
        <v>4</v>
      </c>
      <c r="AB1375">
        <v>4</v>
      </c>
      <c r="AC1375">
        <v>4</v>
      </c>
      <c r="AD1375">
        <v>4</v>
      </c>
      <c r="AE1375">
        <v>4</v>
      </c>
      <c r="AF1375">
        <v>4</v>
      </c>
      <c r="AG1375">
        <v>4</v>
      </c>
      <c r="AH1375">
        <v>4</v>
      </c>
      <c r="AI1375">
        <v>4</v>
      </c>
      <c r="AJ1375">
        <v>4</v>
      </c>
      <c r="AK1375">
        <v>4</v>
      </c>
      <c r="AL1375">
        <v>4</v>
      </c>
      <c r="AM1375">
        <v>4</v>
      </c>
      <c r="AN1375">
        <v>4</v>
      </c>
      <c r="AO1375">
        <v>4</v>
      </c>
      <c r="AP1375">
        <v>4</v>
      </c>
      <c r="AQ1375">
        <v>4</v>
      </c>
    </row>
    <row r="1376" spans="1:43">
      <c r="A1376" t="s">
        <v>935</v>
      </c>
      <c r="B1376" t="s">
        <v>936</v>
      </c>
      <c r="C1376" t="s">
        <v>933</v>
      </c>
      <c r="D1376" t="s">
        <v>934</v>
      </c>
      <c r="E1376" t="s">
        <v>847</v>
      </c>
      <c r="F1376" t="s">
        <v>848</v>
      </c>
      <c r="G1376" t="s">
        <v>80</v>
      </c>
      <c r="H1376" t="s">
        <v>81</v>
      </c>
      <c r="I1376" s="2">
        <v>0</v>
      </c>
      <c r="J1376" s="2">
        <v>1</v>
      </c>
      <c r="K1376" s="2">
        <v>0</v>
      </c>
      <c r="L1376" t="s">
        <v>82</v>
      </c>
      <c r="M1376" t="s">
        <v>89</v>
      </c>
      <c r="N1376" t="s">
        <v>90</v>
      </c>
      <c r="O1376" t="s">
        <v>85</v>
      </c>
      <c r="P1376" t="s">
        <v>86</v>
      </c>
      <c r="Q1376">
        <v>4</v>
      </c>
      <c r="R1376">
        <v>5</v>
      </c>
      <c r="S1376">
        <v>5</v>
      </c>
      <c r="T1376">
        <v>5</v>
      </c>
      <c r="U1376">
        <v>5</v>
      </c>
      <c r="V1376">
        <v>5</v>
      </c>
      <c r="W1376">
        <v>5</v>
      </c>
      <c r="X1376">
        <v>5</v>
      </c>
      <c r="Y1376">
        <v>5</v>
      </c>
      <c r="Z1376">
        <v>5</v>
      </c>
      <c r="AA1376">
        <v>5</v>
      </c>
      <c r="AB1376">
        <v>5</v>
      </c>
      <c r="AC1376">
        <v>5</v>
      </c>
      <c r="AD1376">
        <v>5</v>
      </c>
      <c r="AE1376">
        <v>5</v>
      </c>
      <c r="AF1376">
        <v>5</v>
      </c>
      <c r="AG1376">
        <v>5</v>
      </c>
      <c r="AH1376">
        <v>5</v>
      </c>
      <c r="AI1376">
        <v>5</v>
      </c>
      <c r="AJ1376">
        <v>5</v>
      </c>
      <c r="AK1376">
        <v>5</v>
      </c>
      <c r="AL1376">
        <v>5</v>
      </c>
      <c r="AM1376">
        <v>5</v>
      </c>
      <c r="AN1376">
        <v>5</v>
      </c>
      <c r="AO1376">
        <v>5</v>
      </c>
      <c r="AP1376">
        <v>5</v>
      </c>
      <c r="AQ1376">
        <v>5</v>
      </c>
    </row>
    <row r="1377" spans="1:43">
      <c r="A1377" t="s">
        <v>935</v>
      </c>
      <c r="B1377" t="s">
        <v>936</v>
      </c>
      <c r="C1377" t="s">
        <v>933</v>
      </c>
      <c r="D1377" t="s">
        <v>934</v>
      </c>
      <c r="E1377" t="s">
        <v>847</v>
      </c>
      <c r="F1377" t="s">
        <v>848</v>
      </c>
      <c r="G1377" t="s">
        <v>80</v>
      </c>
      <c r="H1377" t="s">
        <v>81</v>
      </c>
      <c r="I1377" s="2">
        <v>0</v>
      </c>
      <c r="J1377" s="2">
        <v>1</v>
      </c>
      <c r="K1377" s="2">
        <v>0</v>
      </c>
      <c r="L1377" t="s">
        <v>82</v>
      </c>
      <c r="M1377" t="s">
        <v>83</v>
      </c>
      <c r="N1377" t="s">
        <v>91</v>
      </c>
      <c r="O1377" t="s">
        <v>85</v>
      </c>
      <c r="P1377" t="s">
        <v>86</v>
      </c>
      <c r="Q1377">
        <v>4</v>
      </c>
      <c r="R1377">
        <v>4</v>
      </c>
      <c r="S1377">
        <v>4</v>
      </c>
      <c r="T1377">
        <v>4</v>
      </c>
      <c r="U1377">
        <v>4</v>
      </c>
      <c r="V1377">
        <v>5</v>
      </c>
      <c r="W1377">
        <v>5</v>
      </c>
      <c r="X1377">
        <v>5</v>
      </c>
      <c r="Y1377">
        <v>5</v>
      </c>
      <c r="Z1377">
        <v>5</v>
      </c>
      <c r="AA1377">
        <v>5</v>
      </c>
      <c r="AB1377">
        <v>5</v>
      </c>
      <c r="AC1377">
        <v>5</v>
      </c>
      <c r="AD1377">
        <v>5</v>
      </c>
      <c r="AE1377">
        <v>5</v>
      </c>
      <c r="AF1377">
        <v>5</v>
      </c>
      <c r="AG1377">
        <v>5</v>
      </c>
      <c r="AH1377">
        <v>5</v>
      </c>
      <c r="AI1377">
        <v>5</v>
      </c>
      <c r="AJ1377">
        <v>5</v>
      </c>
      <c r="AK1377">
        <v>5</v>
      </c>
      <c r="AL1377">
        <v>5</v>
      </c>
      <c r="AM1377">
        <v>5</v>
      </c>
      <c r="AN1377">
        <v>5</v>
      </c>
      <c r="AO1377">
        <v>5</v>
      </c>
      <c r="AP1377">
        <v>5</v>
      </c>
      <c r="AQ1377">
        <v>5</v>
      </c>
    </row>
    <row r="1378" spans="1:43">
      <c r="A1378" t="s">
        <v>937</v>
      </c>
      <c r="B1378" t="s">
        <v>938</v>
      </c>
      <c r="C1378" t="s">
        <v>925</v>
      </c>
      <c r="D1378" t="s">
        <v>926</v>
      </c>
      <c r="E1378" t="s">
        <v>847</v>
      </c>
      <c r="F1378" t="s">
        <v>848</v>
      </c>
      <c r="G1378" t="s">
        <v>80</v>
      </c>
      <c r="H1378" t="s">
        <v>81</v>
      </c>
      <c r="I1378" s="2">
        <v>0</v>
      </c>
      <c r="J1378" s="2">
        <v>1</v>
      </c>
      <c r="K1378" s="2">
        <v>0</v>
      </c>
      <c r="L1378" t="s">
        <v>82</v>
      </c>
      <c r="M1378" t="s">
        <v>83</v>
      </c>
      <c r="N1378" t="s">
        <v>84</v>
      </c>
      <c r="O1378" t="s">
        <v>85</v>
      </c>
      <c r="P1378" t="s">
        <v>86</v>
      </c>
      <c r="Q1378">
        <v>7</v>
      </c>
      <c r="R1378">
        <v>7</v>
      </c>
      <c r="S1378">
        <v>7</v>
      </c>
      <c r="T1378">
        <v>7</v>
      </c>
      <c r="U1378">
        <v>7</v>
      </c>
      <c r="V1378">
        <v>7</v>
      </c>
      <c r="W1378">
        <v>7</v>
      </c>
      <c r="X1378">
        <v>7</v>
      </c>
      <c r="Y1378">
        <v>7</v>
      </c>
      <c r="Z1378">
        <v>8</v>
      </c>
      <c r="AA1378">
        <v>8</v>
      </c>
      <c r="AB1378">
        <v>8</v>
      </c>
      <c r="AC1378">
        <v>8</v>
      </c>
      <c r="AD1378">
        <v>8</v>
      </c>
      <c r="AE1378">
        <v>8</v>
      </c>
      <c r="AF1378">
        <v>8</v>
      </c>
      <c r="AG1378">
        <v>8</v>
      </c>
      <c r="AH1378">
        <v>8</v>
      </c>
      <c r="AI1378">
        <v>8</v>
      </c>
      <c r="AJ1378">
        <v>8</v>
      </c>
      <c r="AK1378">
        <v>8</v>
      </c>
      <c r="AL1378">
        <v>8</v>
      </c>
      <c r="AM1378">
        <v>8</v>
      </c>
      <c r="AN1378">
        <v>8</v>
      </c>
      <c r="AO1378">
        <v>8</v>
      </c>
      <c r="AP1378">
        <v>7</v>
      </c>
      <c r="AQ1378">
        <v>7</v>
      </c>
    </row>
    <row r="1379" spans="1:43">
      <c r="A1379" t="s">
        <v>937</v>
      </c>
      <c r="B1379" t="s">
        <v>938</v>
      </c>
      <c r="C1379" t="s">
        <v>925</v>
      </c>
      <c r="D1379" t="s">
        <v>926</v>
      </c>
      <c r="E1379" t="s">
        <v>847</v>
      </c>
      <c r="F1379" t="s">
        <v>848</v>
      </c>
      <c r="G1379" t="s">
        <v>80</v>
      </c>
      <c r="H1379" t="s">
        <v>81</v>
      </c>
      <c r="I1379" s="2">
        <v>0</v>
      </c>
      <c r="J1379" s="2">
        <v>1</v>
      </c>
      <c r="K1379" s="2">
        <v>0</v>
      </c>
      <c r="L1379" t="s">
        <v>82</v>
      </c>
      <c r="M1379" t="s">
        <v>87</v>
      </c>
      <c r="N1379" t="s">
        <v>88</v>
      </c>
      <c r="O1379" t="s">
        <v>85</v>
      </c>
      <c r="P1379" t="s">
        <v>86</v>
      </c>
      <c r="Q1379">
        <v>7</v>
      </c>
      <c r="R1379">
        <v>7</v>
      </c>
      <c r="S1379">
        <v>7</v>
      </c>
      <c r="T1379">
        <v>7</v>
      </c>
      <c r="U1379">
        <v>7</v>
      </c>
      <c r="V1379">
        <v>7</v>
      </c>
      <c r="W1379">
        <v>7</v>
      </c>
      <c r="X1379">
        <v>7</v>
      </c>
      <c r="Y1379">
        <v>7</v>
      </c>
      <c r="Z1379">
        <v>7</v>
      </c>
      <c r="AA1379">
        <v>7</v>
      </c>
      <c r="AB1379">
        <v>7</v>
      </c>
      <c r="AC1379">
        <v>7</v>
      </c>
      <c r="AD1379">
        <v>7</v>
      </c>
      <c r="AE1379">
        <v>7</v>
      </c>
      <c r="AF1379">
        <v>7</v>
      </c>
      <c r="AG1379">
        <v>7</v>
      </c>
      <c r="AH1379">
        <v>7</v>
      </c>
      <c r="AI1379">
        <v>7</v>
      </c>
      <c r="AJ1379">
        <v>7</v>
      </c>
      <c r="AK1379">
        <v>7</v>
      </c>
      <c r="AL1379">
        <v>7</v>
      </c>
      <c r="AM1379">
        <v>7</v>
      </c>
      <c r="AN1379">
        <v>7</v>
      </c>
      <c r="AO1379">
        <v>7</v>
      </c>
      <c r="AP1379">
        <v>7</v>
      </c>
      <c r="AQ1379">
        <v>6</v>
      </c>
    </row>
    <row r="1380" spans="1:43">
      <c r="A1380" t="s">
        <v>937</v>
      </c>
      <c r="B1380" t="s">
        <v>938</v>
      </c>
      <c r="C1380" t="s">
        <v>925</v>
      </c>
      <c r="D1380" t="s">
        <v>926</v>
      </c>
      <c r="E1380" t="s">
        <v>847</v>
      </c>
      <c r="F1380" t="s">
        <v>848</v>
      </c>
      <c r="G1380" t="s">
        <v>80</v>
      </c>
      <c r="H1380" t="s">
        <v>81</v>
      </c>
      <c r="I1380" s="2">
        <v>0</v>
      </c>
      <c r="J1380" s="2">
        <v>1</v>
      </c>
      <c r="K1380" s="2">
        <v>0</v>
      </c>
      <c r="L1380" t="s">
        <v>82</v>
      </c>
      <c r="M1380" t="s">
        <v>89</v>
      </c>
      <c r="N1380" t="s">
        <v>90</v>
      </c>
      <c r="O1380" t="s">
        <v>85</v>
      </c>
      <c r="P1380" t="s">
        <v>86</v>
      </c>
      <c r="Q1380">
        <v>7</v>
      </c>
      <c r="R1380">
        <v>7</v>
      </c>
      <c r="S1380">
        <v>7</v>
      </c>
      <c r="T1380">
        <v>8</v>
      </c>
      <c r="U1380">
        <v>8</v>
      </c>
      <c r="V1380">
        <v>8</v>
      </c>
      <c r="W1380">
        <v>8</v>
      </c>
      <c r="X1380">
        <v>8</v>
      </c>
      <c r="Y1380">
        <v>8</v>
      </c>
      <c r="Z1380">
        <v>8</v>
      </c>
      <c r="AA1380">
        <v>8</v>
      </c>
      <c r="AB1380">
        <v>8</v>
      </c>
      <c r="AC1380">
        <v>8</v>
      </c>
      <c r="AD1380">
        <v>8</v>
      </c>
      <c r="AE1380">
        <v>8</v>
      </c>
      <c r="AF1380">
        <v>8</v>
      </c>
      <c r="AG1380">
        <v>8</v>
      </c>
      <c r="AH1380">
        <v>8</v>
      </c>
      <c r="AI1380">
        <v>8</v>
      </c>
      <c r="AJ1380">
        <v>8</v>
      </c>
      <c r="AK1380">
        <v>8</v>
      </c>
      <c r="AL1380">
        <v>8</v>
      </c>
      <c r="AM1380">
        <v>8</v>
      </c>
      <c r="AN1380">
        <v>8</v>
      </c>
      <c r="AO1380">
        <v>8</v>
      </c>
      <c r="AP1380">
        <v>8</v>
      </c>
      <c r="AQ1380">
        <v>8</v>
      </c>
    </row>
    <row r="1381" spans="1:43">
      <c r="A1381" t="s">
        <v>937</v>
      </c>
      <c r="B1381" t="s">
        <v>938</v>
      </c>
      <c r="C1381" t="s">
        <v>925</v>
      </c>
      <c r="D1381" t="s">
        <v>926</v>
      </c>
      <c r="E1381" t="s">
        <v>847</v>
      </c>
      <c r="F1381" t="s">
        <v>848</v>
      </c>
      <c r="G1381" t="s">
        <v>80</v>
      </c>
      <c r="H1381" t="s">
        <v>81</v>
      </c>
      <c r="I1381" s="2">
        <v>0</v>
      </c>
      <c r="J1381" s="2">
        <v>1</v>
      </c>
      <c r="K1381" s="2">
        <v>0</v>
      </c>
      <c r="L1381" t="s">
        <v>82</v>
      </c>
      <c r="M1381" t="s">
        <v>83</v>
      </c>
      <c r="N1381" t="s">
        <v>91</v>
      </c>
      <c r="O1381" t="s">
        <v>85</v>
      </c>
      <c r="P1381" t="s">
        <v>86</v>
      </c>
      <c r="Q1381">
        <v>7</v>
      </c>
      <c r="R1381">
        <v>7</v>
      </c>
      <c r="S1381">
        <v>7</v>
      </c>
      <c r="T1381">
        <v>7</v>
      </c>
      <c r="U1381">
        <v>7</v>
      </c>
      <c r="V1381">
        <v>7</v>
      </c>
      <c r="W1381">
        <v>7</v>
      </c>
      <c r="X1381">
        <v>7</v>
      </c>
      <c r="Y1381">
        <v>7</v>
      </c>
      <c r="Z1381">
        <v>8</v>
      </c>
      <c r="AA1381">
        <v>8</v>
      </c>
      <c r="AB1381">
        <v>8</v>
      </c>
      <c r="AC1381">
        <v>8</v>
      </c>
      <c r="AD1381">
        <v>8</v>
      </c>
      <c r="AE1381">
        <v>8</v>
      </c>
      <c r="AF1381">
        <v>8</v>
      </c>
      <c r="AG1381">
        <v>8</v>
      </c>
      <c r="AH1381">
        <v>8</v>
      </c>
      <c r="AI1381">
        <v>8</v>
      </c>
      <c r="AJ1381">
        <v>8</v>
      </c>
      <c r="AK1381">
        <v>8</v>
      </c>
      <c r="AL1381">
        <v>8</v>
      </c>
      <c r="AM1381">
        <v>8</v>
      </c>
      <c r="AN1381">
        <v>8</v>
      </c>
      <c r="AO1381">
        <v>8</v>
      </c>
      <c r="AP1381">
        <v>7</v>
      </c>
      <c r="AQ1381">
        <v>7</v>
      </c>
    </row>
    <row r="1382" spans="1:43">
      <c r="A1382" t="s">
        <v>939</v>
      </c>
      <c r="B1382" t="s">
        <v>940</v>
      </c>
      <c r="C1382" t="s">
        <v>933</v>
      </c>
      <c r="D1382" t="s">
        <v>934</v>
      </c>
      <c r="E1382" t="s">
        <v>847</v>
      </c>
      <c r="F1382" t="s">
        <v>848</v>
      </c>
      <c r="G1382" t="s">
        <v>80</v>
      </c>
      <c r="H1382" t="s">
        <v>81</v>
      </c>
      <c r="I1382" s="2">
        <v>0</v>
      </c>
      <c r="J1382" s="2">
        <v>1</v>
      </c>
      <c r="K1382" s="2">
        <v>0</v>
      </c>
      <c r="L1382" t="s">
        <v>82</v>
      </c>
      <c r="M1382" t="s">
        <v>83</v>
      </c>
      <c r="N1382" t="s">
        <v>84</v>
      </c>
      <c r="O1382" t="s">
        <v>85</v>
      </c>
      <c r="P1382" t="s">
        <v>86</v>
      </c>
      <c r="Q1382">
        <v>5</v>
      </c>
      <c r="R1382">
        <v>5</v>
      </c>
      <c r="S1382">
        <v>5</v>
      </c>
      <c r="T1382">
        <v>6</v>
      </c>
      <c r="U1382">
        <v>6</v>
      </c>
      <c r="V1382">
        <v>6</v>
      </c>
      <c r="W1382">
        <v>6</v>
      </c>
      <c r="X1382">
        <v>6</v>
      </c>
      <c r="Y1382">
        <v>6</v>
      </c>
      <c r="Z1382">
        <v>6</v>
      </c>
      <c r="AA1382">
        <v>6</v>
      </c>
      <c r="AB1382">
        <v>6</v>
      </c>
      <c r="AC1382">
        <v>6</v>
      </c>
      <c r="AD1382">
        <v>6</v>
      </c>
      <c r="AE1382">
        <v>6</v>
      </c>
      <c r="AF1382">
        <v>6</v>
      </c>
      <c r="AG1382">
        <v>6</v>
      </c>
      <c r="AH1382">
        <v>6</v>
      </c>
      <c r="AI1382">
        <v>6</v>
      </c>
      <c r="AJ1382">
        <v>6</v>
      </c>
      <c r="AK1382">
        <v>6</v>
      </c>
      <c r="AL1382">
        <v>6</v>
      </c>
      <c r="AM1382">
        <v>6</v>
      </c>
      <c r="AN1382">
        <v>6</v>
      </c>
      <c r="AO1382">
        <v>6</v>
      </c>
      <c r="AP1382">
        <v>6</v>
      </c>
      <c r="AQ1382">
        <v>6</v>
      </c>
    </row>
    <row r="1383" spans="1:43">
      <c r="A1383" t="s">
        <v>939</v>
      </c>
      <c r="B1383" t="s">
        <v>940</v>
      </c>
      <c r="C1383" t="s">
        <v>933</v>
      </c>
      <c r="D1383" t="s">
        <v>934</v>
      </c>
      <c r="E1383" t="s">
        <v>847</v>
      </c>
      <c r="F1383" t="s">
        <v>848</v>
      </c>
      <c r="G1383" t="s">
        <v>80</v>
      </c>
      <c r="H1383" t="s">
        <v>81</v>
      </c>
      <c r="I1383" s="2">
        <v>0</v>
      </c>
      <c r="J1383" s="2">
        <v>1</v>
      </c>
      <c r="K1383" s="2">
        <v>0</v>
      </c>
      <c r="L1383" t="s">
        <v>82</v>
      </c>
      <c r="M1383" t="s">
        <v>87</v>
      </c>
      <c r="N1383" t="s">
        <v>88</v>
      </c>
      <c r="O1383" t="s">
        <v>85</v>
      </c>
      <c r="P1383" t="s">
        <v>86</v>
      </c>
      <c r="Q1383">
        <v>5</v>
      </c>
      <c r="R1383">
        <v>5</v>
      </c>
      <c r="S1383">
        <v>5</v>
      </c>
      <c r="T1383">
        <v>5</v>
      </c>
      <c r="U1383">
        <v>5</v>
      </c>
      <c r="V1383">
        <v>5</v>
      </c>
      <c r="W1383">
        <v>5</v>
      </c>
      <c r="X1383">
        <v>5</v>
      </c>
      <c r="Y1383">
        <v>5</v>
      </c>
      <c r="Z1383">
        <v>5</v>
      </c>
      <c r="AA1383">
        <v>5</v>
      </c>
      <c r="AB1383">
        <v>5</v>
      </c>
      <c r="AC1383">
        <v>5</v>
      </c>
      <c r="AD1383">
        <v>5</v>
      </c>
      <c r="AE1383">
        <v>5</v>
      </c>
      <c r="AF1383">
        <v>5</v>
      </c>
      <c r="AG1383">
        <v>5</v>
      </c>
      <c r="AH1383">
        <v>5</v>
      </c>
      <c r="AI1383">
        <v>5</v>
      </c>
      <c r="AJ1383">
        <v>5</v>
      </c>
      <c r="AK1383">
        <v>5</v>
      </c>
      <c r="AL1383">
        <v>5</v>
      </c>
      <c r="AM1383">
        <v>5</v>
      </c>
      <c r="AN1383">
        <v>5</v>
      </c>
      <c r="AO1383">
        <v>5</v>
      </c>
      <c r="AP1383">
        <v>5</v>
      </c>
      <c r="AQ1383">
        <v>5</v>
      </c>
    </row>
    <row r="1384" spans="1:43">
      <c r="A1384" t="s">
        <v>939</v>
      </c>
      <c r="B1384" t="s">
        <v>940</v>
      </c>
      <c r="C1384" t="s">
        <v>933</v>
      </c>
      <c r="D1384" t="s">
        <v>934</v>
      </c>
      <c r="E1384" t="s">
        <v>847</v>
      </c>
      <c r="F1384" t="s">
        <v>848</v>
      </c>
      <c r="G1384" t="s">
        <v>80</v>
      </c>
      <c r="H1384" t="s">
        <v>81</v>
      </c>
      <c r="I1384" s="2">
        <v>0</v>
      </c>
      <c r="J1384" s="2">
        <v>1</v>
      </c>
      <c r="K1384" s="2">
        <v>0</v>
      </c>
      <c r="L1384" t="s">
        <v>82</v>
      </c>
      <c r="M1384" t="s">
        <v>89</v>
      </c>
      <c r="N1384" t="s">
        <v>90</v>
      </c>
      <c r="O1384" t="s">
        <v>85</v>
      </c>
      <c r="P1384" t="s">
        <v>86</v>
      </c>
      <c r="Q1384">
        <v>5</v>
      </c>
      <c r="R1384">
        <v>6</v>
      </c>
      <c r="S1384">
        <v>6</v>
      </c>
      <c r="T1384">
        <v>6</v>
      </c>
      <c r="U1384">
        <v>6</v>
      </c>
      <c r="V1384">
        <v>6</v>
      </c>
      <c r="W1384">
        <v>6</v>
      </c>
      <c r="X1384">
        <v>6</v>
      </c>
      <c r="Y1384">
        <v>6</v>
      </c>
      <c r="Z1384">
        <v>6</v>
      </c>
      <c r="AA1384">
        <v>6</v>
      </c>
      <c r="AB1384">
        <v>6</v>
      </c>
      <c r="AC1384">
        <v>6</v>
      </c>
      <c r="AD1384">
        <v>6</v>
      </c>
      <c r="AE1384">
        <v>6</v>
      </c>
      <c r="AF1384">
        <v>6</v>
      </c>
      <c r="AG1384">
        <v>6</v>
      </c>
      <c r="AH1384">
        <v>6</v>
      </c>
      <c r="AI1384">
        <v>6</v>
      </c>
      <c r="AJ1384">
        <v>6</v>
      </c>
      <c r="AK1384">
        <v>6</v>
      </c>
      <c r="AL1384">
        <v>6</v>
      </c>
      <c r="AM1384">
        <v>6</v>
      </c>
      <c r="AN1384">
        <v>6</v>
      </c>
      <c r="AO1384">
        <v>6</v>
      </c>
      <c r="AP1384">
        <v>6</v>
      </c>
      <c r="AQ1384">
        <v>6</v>
      </c>
    </row>
    <row r="1385" spans="1:43">
      <c r="A1385" t="s">
        <v>939</v>
      </c>
      <c r="B1385" t="s">
        <v>940</v>
      </c>
      <c r="C1385" t="s">
        <v>933</v>
      </c>
      <c r="D1385" t="s">
        <v>934</v>
      </c>
      <c r="E1385" t="s">
        <v>847</v>
      </c>
      <c r="F1385" t="s">
        <v>848</v>
      </c>
      <c r="G1385" t="s">
        <v>80</v>
      </c>
      <c r="H1385" t="s">
        <v>81</v>
      </c>
      <c r="I1385" s="2">
        <v>0</v>
      </c>
      <c r="J1385" s="2">
        <v>1</v>
      </c>
      <c r="K1385" s="2">
        <v>0</v>
      </c>
      <c r="L1385" t="s">
        <v>82</v>
      </c>
      <c r="M1385" t="s">
        <v>83</v>
      </c>
      <c r="N1385" t="s">
        <v>91</v>
      </c>
      <c r="O1385" t="s">
        <v>85</v>
      </c>
      <c r="P1385" t="s">
        <v>86</v>
      </c>
      <c r="Q1385">
        <v>5</v>
      </c>
      <c r="R1385">
        <v>5</v>
      </c>
      <c r="S1385">
        <v>5</v>
      </c>
      <c r="T1385">
        <v>6</v>
      </c>
      <c r="U1385">
        <v>6</v>
      </c>
      <c r="V1385">
        <v>6</v>
      </c>
      <c r="W1385">
        <v>6</v>
      </c>
      <c r="X1385">
        <v>6</v>
      </c>
      <c r="Y1385">
        <v>6</v>
      </c>
      <c r="Z1385">
        <v>6</v>
      </c>
      <c r="AA1385">
        <v>6</v>
      </c>
      <c r="AB1385">
        <v>6</v>
      </c>
      <c r="AC1385">
        <v>6</v>
      </c>
      <c r="AD1385">
        <v>6</v>
      </c>
      <c r="AE1385">
        <v>6</v>
      </c>
      <c r="AF1385">
        <v>6</v>
      </c>
      <c r="AG1385">
        <v>6</v>
      </c>
      <c r="AH1385">
        <v>6</v>
      </c>
      <c r="AI1385">
        <v>6</v>
      </c>
      <c r="AJ1385">
        <v>6</v>
      </c>
      <c r="AK1385">
        <v>6</v>
      </c>
      <c r="AL1385">
        <v>6</v>
      </c>
      <c r="AM1385">
        <v>6</v>
      </c>
      <c r="AN1385">
        <v>6</v>
      </c>
      <c r="AO1385">
        <v>6</v>
      </c>
      <c r="AP1385">
        <v>6</v>
      </c>
      <c r="AQ1385">
        <v>6</v>
      </c>
    </row>
    <row r="1386" spans="1:43">
      <c r="A1386" t="s">
        <v>941</v>
      </c>
      <c r="B1386" t="s">
        <v>942</v>
      </c>
      <c r="C1386" t="s">
        <v>943</v>
      </c>
      <c r="D1386" t="s">
        <v>944</v>
      </c>
      <c r="E1386" t="s">
        <v>847</v>
      </c>
      <c r="F1386" t="s">
        <v>848</v>
      </c>
      <c r="G1386" t="s">
        <v>80</v>
      </c>
      <c r="H1386" t="s">
        <v>81</v>
      </c>
      <c r="I1386" s="2">
        <v>0</v>
      </c>
      <c r="J1386" s="2">
        <v>1</v>
      </c>
      <c r="K1386" s="2">
        <v>0</v>
      </c>
      <c r="L1386" t="s">
        <v>82</v>
      </c>
      <c r="M1386" t="s">
        <v>83</v>
      </c>
      <c r="N1386" t="s">
        <v>84</v>
      </c>
      <c r="O1386" t="s">
        <v>85</v>
      </c>
      <c r="P1386" t="s">
        <v>86</v>
      </c>
      <c r="Q1386">
        <v>163</v>
      </c>
      <c r="R1386">
        <v>164</v>
      </c>
      <c r="S1386">
        <v>165</v>
      </c>
      <c r="T1386">
        <v>166</v>
      </c>
      <c r="U1386">
        <v>167</v>
      </c>
      <c r="V1386">
        <v>168</v>
      </c>
      <c r="W1386">
        <v>169</v>
      </c>
      <c r="X1386">
        <v>170</v>
      </c>
      <c r="Y1386">
        <v>171</v>
      </c>
      <c r="Z1386">
        <v>172</v>
      </c>
      <c r="AA1386">
        <v>173</v>
      </c>
      <c r="AB1386">
        <v>173</v>
      </c>
      <c r="AC1386">
        <v>174</v>
      </c>
      <c r="AD1386">
        <v>175</v>
      </c>
      <c r="AE1386">
        <v>175</v>
      </c>
      <c r="AF1386">
        <v>176</v>
      </c>
      <c r="AG1386">
        <v>177</v>
      </c>
      <c r="AH1386">
        <v>177</v>
      </c>
      <c r="AI1386">
        <v>178</v>
      </c>
      <c r="AJ1386">
        <v>179</v>
      </c>
      <c r="AK1386">
        <v>179</v>
      </c>
      <c r="AL1386">
        <v>179</v>
      </c>
      <c r="AM1386">
        <v>178</v>
      </c>
      <c r="AN1386">
        <v>178</v>
      </c>
      <c r="AO1386">
        <v>177</v>
      </c>
      <c r="AP1386">
        <v>176</v>
      </c>
      <c r="AQ1386">
        <v>176</v>
      </c>
    </row>
    <row r="1387" spans="1:43">
      <c r="A1387" t="s">
        <v>941</v>
      </c>
      <c r="B1387" t="s">
        <v>942</v>
      </c>
      <c r="C1387" t="s">
        <v>943</v>
      </c>
      <c r="D1387" t="s">
        <v>944</v>
      </c>
      <c r="E1387" t="s">
        <v>847</v>
      </c>
      <c r="F1387" t="s">
        <v>848</v>
      </c>
      <c r="G1387" t="s">
        <v>80</v>
      </c>
      <c r="H1387" t="s">
        <v>81</v>
      </c>
      <c r="I1387" s="2">
        <v>0</v>
      </c>
      <c r="J1387" s="2">
        <v>1</v>
      </c>
      <c r="K1387" s="2">
        <v>0</v>
      </c>
      <c r="L1387" t="s">
        <v>82</v>
      </c>
      <c r="M1387" t="s">
        <v>87</v>
      </c>
      <c r="N1387" t="s">
        <v>88</v>
      </c>
      <c r="O1387" t="s">
        <v>85</v>
      </c>
      <c r="P1387" t="s">
        <v>86</v>
      </c>
      <c r="Q1387">
        <v>163</v>
      </c>
      <c r="R1387">
        <v>162</v>
      </c>
      <c r="S1387">
        <v>162</v>
      </c>
      <c r="T1387">
        <v>161</v>
      </c>
      <c r="U1387">
        <v>161</v>
      </c>
      <c r="V1387">
        <v>160</v>
      </c>
      <c r="W1387">
        <v>160</v>
      </c>
      <c r="X1387">
        <v>159</v>
      </c>
      <c r="Y1387">
        <v>159</v>
      </c>
      <c r="Z1387">
        <v>159</v>
      </c>
      <c r="AA1387">
        <v>158</v>
      </c>
      <c r="AB1387">
        <v>158</v>
      </c>
      <c r="AC1387">
        <v>157</v>
      </c>
      <c r="AD1387">
        <v>157</v>
      </c>
      <c r="AE1387">
        <v>156</v>
      </c>
      <c r="AF1387">
        <v>156</v>
      </c>
      <c r="AG1387">
        <v>156</v>
      </c>
      <c r="AH1387">
        <v>155</v>
      </c>
      <c r="AI1387">
        <v>155</v>
      </c>
      <c r="AJ1387">
        <v>155</v>
      </c>
      <c r="AK1387">
        <v>154</v>
      </c>
      <c r="AL1387">
        <v>154</v>
      </c>
      <c r="AM1387">
        <v>154</v>
      </c>
      <c r="AN1387">
        <v>153</v>
      </c>
      <c r="AO1387">
        <v>153</v>
      </c>
      <c r="AP1387">
        <v>153</v>
      </c>
      <c r="AQ1387">
        <v>152</v>
      </c>
    </row>
    <row r="1388" spans="1:43">
      <c r="A1388" t="s">
        <v>941</v>
      </c>
      <c r="B1388" t="s">
        <v>942</v>
      </c>
      <c r="C1388" t="s">
        <v>943</v>
      </c>
      <c r="D1388" t="s">
        <v>944</v>
      </c>
      <c r="E1388" t="s">
        <v>847</v>
      </c>
      <c r="F1388" t="s">
        <v>848</v>
      </c>
      <c r="G1388" t="s">
        <v>80</v>
      </c>
      <c r="H1388" t="s">
        <v>81</v>
      </c>
      <c r="I1388" s="2">
        <v>0</v>
      </c>
      <c r="J1388" s="2">
        <v>1</v>
      </c>
      <c r="K1388" s="2">
        <v>0</v>
      </c>
      <c r="L1388" t="s">
        <v>82</v>
      </c>
      <c r="M1388" t="s">
        <v>89</v>
      </c>
      <c r="N1388" t="s">
        <v>90</v>
      </c>
      <c r="O1388" t="s">
        <v>85</v>
      </c>
      <c r="P1388" t="s">
        <v>86</v>
      </c>
      <c r="Q1388">
        <v>163</v>
      </c>
      <c r="R1388">
        <v>165</v>
      </c>
      <c r="S1388">
        <v>168</v>
      </c>
      <c r="T1388">
        <v>170</v>
      </c>
      <c r="U1388">
        <v>172</v>
      </c>
      <c r="V1388">
        <v>174</v>
      </c>
      <c r="W1388">
        <v>176</v>
      </c>
      <c r="X1388">
        <v>177</v>
      </c>
      <c r="Y1388">
        <v>179</v>
      </c>
      <c r="Z1388">
        <v>180</v>
      </c>
      <c r="AA1388">
        <v>182</v>
      </c>
      <c r="AB1388">
        <v>183</v>
      </c>
      <c r="AC1388">
        <v>184</v>
      </c>
      <c r="AD1388">
        <v>186</v>
      </c>
      <c r="AE1388">
        <v>186</v>
      </c>
      <c r="AF1388">
        <v>185</v>
      </c>
      <c r="AG1388">
        <v>184</v>
      </c>
      <c r="AH1388">
        <v>183</v>
      </c>
      <c r="AI1388">
        <v>183</v>
      </c>
      <c r="AJ1388">
        <v>182</v>
      </c>
      <c r="AK1388">
        <v>181</v>
      </c>
      <c r="AL1388">
        <v>180</v>
      </c>
      <c r="AM1388">
        <v>179</v>
      </c>
      <c r="AN1388">
        <v>179</v>
      </c>
      <c r="AO1388">
        <v>178</v>
      </c>
      <c r="AP1388">
        <v>177</v>
      </c>
      <c r="AQ1388">
        <v>176</v>
      </c>
    </row>
    <row r="1389" spans="1:43">
      <c r="A1389" t="s">
        <v>941</v>
      </c>
      <c r="B1389" t="s">
        <v>942</v>
      </c>
      <c r="C1389" t="s">
        <v>943</v>
      </c>
      <c r="D1389" t="s">
        <v>944</v>
      </c>
      <c r="E1389" t="s">
        <v>847</v>
      </c>
      <c r="F1389" t="s">
        <v>848</v>
      </c>
      <c r="G1389" t="s">
        <v>80</v>
      </c>
      <c r="H1389" t="s">
        <v>81</v>
      </c>
      <c r="I1389" s="2">
        <v>0</v>
      </c>
      <c r="J1389" s="2">
        <v>1</v>
      </c>
      <c r="K1389" s="2">
        <v>0</v>
      </c>
      <c r="L1389" t="s">
        <v>82</v>
      </c>
      <c r="M1389" t="s">
        <v>83</v>
      </c>
      <c r="N1389" t="s">
        <v>91</v>
      </c>
      <c r="O1389" t="s">
        <v>85</v>
      </c>
      <c r="P1389" t="s">
        <v>86</v>
      </c>
      <c r="Q1389">
        <v>163</v>
      </c>
      <c r="R1389">
        <v>164</v>
      </c>
      <c r="S1389">
        <v>165</v>
      </c>
      <c r="T1389">
        <v>166</v>
      </c>
      <c r="U1389">
        <v>167</v>
      </c>
      <c r="V1389">
        <v>168</v>
      </c>
      <c r="W1389">
        <v>169</v>
      </c>
      <c r="X1389">
        <v>170</v>
      </c>
      <c r="Y1389">
        <v>171</v>
      </c>
      <c r="Z1389">
        <v>172</v>
      </c>
      <c r="AA1389">
        <v>173</v>
      </c>
      <c r="AB1389">
        <v>173</v>
      </c>
      <c r="AC1389">
        <v>174</v>
      </c>
      <c r="AD1389">
        <v>175</v>
      </c>
      <c r="AE1389">
        <v>175</v>
      </c>
      <c r="AF1389">
        <v>176</v>
      </c>
      <c r="AG1389">
        <v>177</v>
      </c>
      <c r="AH1389">
        <v>177</v>
      </c>
      <c r="AI1389">
        <v>178</v>
      </c>
      <c r="AJ1389">
        <v>179</v>
      </c>
      <c r="AK1389">
        <v>179</v>
      </c>
      <c r="AL1389">
        <v>179</v>
      </c>
      <c r="AM1389">
        <v>178</v>
      </c>
      <c r="AN1389">
        <v>178</v>
      </c>
      <c r="AO1389">
        <v>177</v>
      </c>
      <c r="AP1389">
        <v>176</v>
      </c>
      <c r="AQ1389">
        <v>176</v>
      </c>
    </row>
    <row r="1390" spans="1:43">
      <c r="A1390" t="s">
        <v>945</v>
      </c>
      <c r="B1390" t="s">
        <v>946</v>
      </c>
      <c r="C1390" t="s">
        <v>911</v>
      </c>
      <c r="D1390" t="s">
        <v>912</v>
      </c>
      <c r="E1390" t="s">
        <v>847</v>
      </c>
      <c r="F1390" t="s">
        <v>848</v>
      </c>
      <c r="G1390" t="s">
        <v>80</v>
      </c>
      <c r="H1390" t="s">
        <v>81</v>
      </c>
      <c r="I1390" s="2">
        <v>0</v>
      </c>
      <c r="J1390" s="2">
        <v>1</v>
      </c>
      <c r="K1390" s="2">
        <v>0</v>
      </c>
      <c r="L1390" t="s">
        <v>82</v>
      </c>
      <c r="M1390" t="s">
        <v>83</v>
      </c>
      <c r="N1390" t="s">
        <v>84</v>
      </c>
      <c r="O1390" t="s">
        <v>85</v>
      </c>
      <c r="P1390" t="s">
        <v>86</v>
      </c>
      <c r="Q1390">
        <v>6</v>
      </c>
      <c r="R1390">
        <v>6</v>
      </c>
      <c r="S1390">
        <v>6</v>
      </c>
      <c r="T1390">
        <v>6</v>
      </c>
      <c r="U1390">
        <v>6</v>
      </c>
      <c r="V1390">
        <v>6</v>
      </c>
      <c r="W1390">
        <v>6</v>
      </c>
      <c r="X1390">
        <v>6</v>
      </c>
      <c r="Y1390">
        <v>6</v>
      </c>
      <c r="Z1390">
        <v>6</v>
      </c>
      <c r="AA1390">
        <v>6</v>
      </c>
      <c r="AB1390">
        <v>6</v>
      </c>
      <c r="AC1390">
        <v>6</v>
      </c>
      <c r="AD1390">
        <v>6</v>
      </c>
      <c r="AE1390">
        <v>6</v>
      </c>
      <c r="AF1390">
        <v>6</v>
      </c>
      <c r="AG1390">
        <v>6</v>
      </c>
      <c r="AH1390">
        <v>6</v>
      </c>
      <c r="AI1390">
        <v>6</v>
      </c>
      <c r="AJ1390">
        <v>7</v>
      </c>
      <c r="AK1390">
        <v>7</v>
      </c>
      <c r="AL1390">
        <v>6</v>
      </c>
      <c r="AM1390">
        <v>6</v>
      </c>
      <c r="AN1390">
        <v>6</v>
      </c>
      <c r="AO1390">
        <v>6</v>
      </c>
      <c r="AP1390">
        <v>6</v>
      </c>
      <c r="AQ1390">
        <v>6</v>
      </c>
    </row>
    <row r="1391" spans="1:43">
      <c r="A1391" t="s">
        <v>945</v>
      </c>
      <c r="B1391" t="s">
        <v>946</v>
      </c>
      <c r="C1391" t="s">
        <v>911</v>
      </c>
      <c r="D1391" t="s">
        <v>912</v>
      </c>
      <c r="E1391" t="s">
        <v>847</v>
      </c>
      <c r="F1391" t="s">
        <v>848</v>
      </c>
      <c r="G1391" t="s">
        <v>80</v>
      </c>
      <c r="H1391" t="s">
        <v>81</v>
      </c>
      <c r="I1391" s="2">
        <v>0</v>
      </c>
      <c r="J1391" s="2">
        <v>1</v>
      </c>
      <c r="K1391" s="2">
        <v>0</v>
      </c>
      <c r="L1391" t="s">
        <v>82</v>
      </c>
      <c r="M1391" t="s">
        <v>87</v>
      </c>
      <c r="N1391" t="s">
        <v>88</v>
      </c>
      <c r="O1391" t="s">
        <v>85</v>
      </c>
      <c r="P1391" t="s">
        <v>86</v>
      </c>
      <c r="Q1391">
        <v>6</v>
      </c>
      <c r="R1391">
        <v>6</v>
      </c>
      <c r="S1391">
        <v>6</v>
      </c>
      <c r="T1391">
        <v>6</v>
      </c>
      <c r="U1391">
        <v>6</v>
      </c>
      <c r="V1391">
        <v>6</v>
      </c>
      <c r="W1391">
        <v>6</v>
      </c>
      <c r="X1391">
        <v>6</v>
      </c>
      <c r="Y1391">
        <v>6</v>
      </c>
      <c r="Z1391">
        <v>6</v>
      </c>
      <c r="AA1391">
        <v>6</v>
      </c>
      <c r="AB1391">
        <v>6</v>
      </c>
      <c r="AC1391">
        <v>6</v>
      </c>
      <c r="AD1391">
        <v>6</v>
      </c>
      <c r="AE1391">
        <v>6</v>
      </c>
      <c r="AF1391">
        <v>6</v>
      </c>
      <c r="AG1391">
        <v>6</v>
      </c>
      <c r="AH1391">
        <v>6</v>
      </c>
      <c r="AI1391">
        <v>6</v>
      </c>
      <c r="AJ1391">
        <v>6</v>
      </c>
      <c r="AK1391">
        <v>6</v>
      </c>
      <c r="AL1391">
        <v>6</v>
      </c>
      <c r="AM1391">
        <v>6</v>
      </c>
      <c r="AN1391">
        <v>6</v>
      </c>
      <c r="AO1391">
        <v>5</v>
      </c>
      <c r="AP1391">
        <v>5</v>
      </c>
      <c r="AQ1391">
        <v>5</v>
      </c>
    </row>
    <row r="1392" spans="1:43">
      <c r="A1392" t="s">
        <v>945</v>
      </c>
      <c r="B1392" t="s">
        <v>946</v>
      </c>
      <c r="C1392" t="s">
        <v>911</v>
      </c>
      <c r="D1392" t="s">
        <v>912</v>
      </c>
      <c r="E1392" t="s">
        <v>847</v>
      </c>
      <c r="F1392" t="s">
        <v>848</v>
      </c>
      <c r="G1392" t="s">
        <v>80</v>
      </c>
      <c r="H1392" t="s">
        <v>81</v>
      </c>
      <c r="I1392" s="2">
        <v>0</v>
      </c>
      <c r="J1392" s="2">
        <v>1</v>
      </c>
      <c r="K1392" s="2">
        <v>0</v>
      </c>
      <c r="L1392" t="s">
        <v>82</v>
      </c>
      <c r="M1392" t="s">
        <v>89</v>
      </c>
      <c r="N1392" t="s">
        <v>90</v>
      </c>
      <c r="O1392" t="s">
        <v>85</v>
      </c>
      <c r="P1392" t="s">
        <v>86</v>
      </c>
      <c r="Q1392">
        <v>6</v>
      </c>
      <c r="R1392">
        <v>6</v>
      </c>
      <c r="S1392">
        <v>6</v>
      </c>
      <c r="T1392">
        <v>6</v>
      </c>
      <c r="U1392">
        <v>6</v>
      </c>
      <c r="V1392">
        <v>7</v>
      </c>
      <c r="W1392">
        <v>7</v>
      </c>
      <c r="X1392">
        <v>7</v>
      </c>
      <c r="Y1392">
        <v>7</v>
      </c>
      <c r="Z1392">
        <v>7</v>
      </c>
      <c r="AA1392">
        <v>7</v>
      </c>
      <c r="AB1392">
        <v>7</v>
      </c>
      <c r="AC1392">
        <v>7</v>
      </c>
      <c r="AD1392">
        <v>7</v>
      </c>
      <c r="AE1392">
        <v>7</v>
      </c>
      <c r="AF1392">
        <v>7</v>
      </c>
      <c r="AG1392">
        <v>7</v>
      </c>
      <c r="AH1392">
        <v>7</v>
      </c>
      <c r="AI1392">
        <v>7</v>
      </c>
      <c r="AJ1392">
        <v>7</v>
      </c>
      <c r="AK1392">
        <v>7</v>
      </c>
      <c r="AL1392">
        <v>7</v>
      </c>
      <c r="AM1392">
        <v>7</v>
      </c>
      <c r="AN1392">
        <v>6</v>
      </c>
      <c r="AO1392">
        <v>6</v>
      </c>
      <c r="AP1392">
        <v>6</v>
      </c>
      <c r="AQ1392">
        <v>6</v>
      </c>
    </row>
    <row r="1393" spans="1:43">
      <c r="A1393" t="s">
        <v>945</v>
      </c>
      <c r="B1393" t="s">
        <v>946</v>
      </c>
      <c r="C1393" t="s">
        <v>911</v>
      </c>
      <c r="D1393" t="s">
        <v>912</v>
      </c>
      <c r="E1393" t="s">
        <v>847</v>
      </c>
      <c r="F1393" t="s">
        <v>848</v>
      </c>
      <c r="G1393" t="s">
        <v>80</v>
      </c>
      <c r="H1393" t="s">
        <v>81</v>
      </c>
      <c r="I1393" s="2">
        <v>0</v>
      </c>
      <c r="J1393" s="2">
        <v>1</v>
      </c>
      <c r="K1393" s="2">
        <v>0</v>
      </c>
      <c r="L1393" t="s">
        <v>82</v>
      </c>
      <c r="M1393" t="s">
        <v>83</v>
      </c>
      <c r="N1393" t="s">
        <v>91</v>
      </c>
      <c r="O1393" t="s">
        <v>85</v>
      </c>
      <c r="P1393" t="s">
        <v>86</v>
      </c>
      <c r="Q1393">
        <v>6</v>
      </c>
      <c r="R1393">
        <v>6</v>
      </c>
      <c r="S1393">
        <v>6</v>
      </c>
      <c r="T1393">
        <v>6</v>
      </c>
      <c r="U1393">
        <v>6</v>
      </c>
      <c r="V1393">
        <v>6</v>
      </c>
      <c r="W1393">
        <v>6</v>
      </c>
      <c r="X1393">
        <v>6</v>
      </c>
      <c r="Y1393">
        <v>6</v>
      </c>
      <c r="Z1393">
        <v>6</v>
      </c>
      <c r="AA1393">
        <v>6</v>
      </c>
      <c r="AB1393">
        <v>6</v>
      </c>
      <c r="AC1393">
        <v>6</v>
      </c>
      <c r="AD1393">
        <v>6</v>
      </c>
      <c r="AE1393">
        <v>6</v>
      </c>
      <c r="AF1393">
        <v>6</v>
      </c>
      <c r="AG1393">
        <v>6</v>
      </c>
      <c r="AH1393">
        <v>6</v>
      </c>
      <c r="AI1393">
        <v>6</v>
      </c>
      <c r="AJ1393">
        <v>7</v>
      </c>
      <c r="AK1393">
        <v>7</v>
      </c>
      <c r="AL1393">
        <v>6</v>
      </c>
      <c r="AM1393">
        <v>6</v>
      </c>
      <c r="AN1393">
        <v>6</v>
      </c>
      <c r="AO1393">
        <v>6</v>
      </c>
      <c r="AP1393">
        <v>6</v>
      </c>
      <c r="AQ1393">
        <v>6</v>
      </c>
    </row>
    <row r="1394" spans="1:43">
      <c r="A1394" t="s">
        <v>947</v>
      </c>
      <c r="B1394" t="s">
        <v>948</v>
      </c>
      <c r="C1394" t="s">
        <v>943</v>
      </c>
      <c r="D1394" t="s">
        <v>944</v>
      </c>
      <c r="E1394" t="s">
        <v>847</v>
      </c>
      <c r="F1394" t="s">
        <v>848</v>
      </c>
      <c r="G1394" t="s">
        <v>80</v>
      </c>
      <c r="H1394" t="s">
        <v>81</v>
      </c>
      <c r="I1394" s="2">
        <v>0</v>
      </c>
      <c r="J1394" s="2">
        <v>1</v>
      </c>
      <c r="K1394" s="2">
        <v>0</v>
      </c>
      <c r="L1394" t="s">
        <v>82</v>
      </c>
      <c r="M1394" t="s">
        <v>83</v>
      </c>
      <c r="N1394" t="s">
        <v>84</v>
      </c>
      <c r="O1394" t="s">
        <v>85</v>
      </c>
      <c r="P1394" t="s">
        <v>86</v>
      </c>
      <c r="Q1394">
        <v>30</v>
      </c>
      <c r="R1394">
        <v>30</v>
      </c>
      <c r="S1394">
        <v>30</v>
      </c>
      <c r="T1394">
        <v>30</v>
      </c>
      <c r="U1394">
        <v>31</v>
      </c>
      <c r="V1394">
        <v>31</v>
      </c>
      <c r="W1394">
        <v>31</v>
      </c>
      <c r="X1394">
        <v>31</v>
      </c>
      <c r="Y1394">
        <v>31</v>
      </c>
      <c r="Z1394">
        <v>32</v>
      </c>
      <c r="AA1394">
        <v>32</v>
      </c>
      <c r="AB1394">
        <v>32</v>
      </c>
      <c r="AC1394">
        <v>32</v>
      </c>
      <c r="AD1394">
        <v>32</v>
      </c>
      <c r="AE1394">
        <v>33</v>
      </c>
      <c r="AF1394">
        <v>33</v>
      </c>
      <c r="AG1394">
        <v>33</v>
      </c>
      <c r="AH1394">
        <v>33</v>
      </c>
      <c r="AI1394">
        <v>33</v>
      </c>
      <c r="AJ1394">
        <v>34</v>
      </c>
      <c r="AK1394">
        <v>34</v>
      </c>
      <c r="AL1394">
        <v>34</v>
      </c>
      <c r="AM1394">
        <v>34</v>
      </c>
      <c r="AN1394">
        <v>34</v>
      </c>
      <c r="AO1394">
        <v>34</v>
      </c>
      <c r="AP1394">
        <v>34</v>
      </c>
      <c r="AQ1394">
        <v>34</v>
      </c>
    </row>
    <row r="1395" spans="1:43">
      <c r="A1395" t="s">
        <v>947</v>
      </c>
      <c r="B1395" t="s">
        <v>948</v>
      </c>
      <c r="C1395" t="s">
        <v>943</v>
      </c>
      <c r="D1395" t="s">
        <v>944</v>
      </c>
      <c r="E1395" t="s">
        <v>847</v>
      </c>
      <c r="F1395" t="s">
        <v>848</v>
      </c>
      <c r="G1395" t="s">
        <v>80</v>
      </c>
      <c r="H1395" t="s">
        <v>81</v>
      </c>
      <c r="I1395" s="2">
        <v>0</v>
      </c>
      <c r="J1395" s="2">
        <v>1</v>
      </c>
      <c r="K1395" s="2">
        <v>0</v>
      </c>
      <c r="L1395" t="s">
        <v>82</v>
      </c>
      <c r="M1395" t="s">
        <v>87</v>
      </c>
      <c r="N1395" t="s">
        <v>88</v>
      </c>
      <c r="O1395" t="s">
        <v>85</v>
      </c>
      <c r="P1395" t="s">
        <v>86</v>
      </c>
      <c r="Q1395">
        <v>30</v>
      </c>
      <c r="R1395">
        <v>30</v>
      </c>
      <c r="S1395">
        <v>30</v>
      </c>
      <c r="T1395">
        <v>30</v>
      </c>
      <c r="U1395">
        <v>30</v>
      </c>
      <c r="V1395">
        <v>30</v>
      </c>
      <c r="W1395">
        <v>30</v>
      </c>
      <c r="X1395">
        <v>30</v>
      </c>
      <c r="Y1395">
        <v>30</v>
      </c>
      <c r="Z1395">
        <v>30</v>
      </c>
      <c r="AA1395">
        <v>30</v>
      </c>
      <c r="AB1395">
        <v>30</v>
      </c>
      <c r="AC1395">
        <v>30</v>
      </c>
      <c r="AD1395">
        <v>30</v>
      </c>
      <c r="AE1395">
        <v>30</v>
      </c>
      <c r="AF1395">
        <v>30</v>
      </c>
      <c r="AG1395">
        <v>30</v>
      </c>
      <c r="AH1395">
        <v>30</v>
      </c>
      <c r="AI1395">
        <v>30</v>
      </c>
      <c r="AJ1395">
        <v>30</v>
      </c>
      <c r="AK1395">
        <v>30</v>
      </c>
      <c r="AL1395">
        <v>30</v>
      </c>
      <c r="AM1395">
        <v>30</v>
      </c>
      <c r="AN1395">
        <v>30</v>
      </c>
      <c r="AO1395">
        <v>30</v>
      </c>
      <c r="AP1395">
        <v>30</v>
      </c>
      <c r="AQ1395">
        <v>30</v>
      </c>
    </row>
    <row r="1396" spans="1:43">
      <c r="A1396" t="s">
        <v>947</v>
      </c>
      <c r="B1396" t="s">
        <v>948</v>
      </c>
      <c r="C1396" t="s">
        <v>943</v>
      </c>
      <c r="D1396" t="s">
        <v>944</v>
      </c>
      <c r="E1396" t="s">
        <v>847</v>
      </c>
      <c r="F1396" t="s">
        <v>848</v>
      </c>
      <c r="G1396" t="s">
        <v>80</v>
      </c>
      <c r="H1396" t="s">
        <v>81</v>
      </c>
      <c r="I1396" s="2">
        <v>0</v>
      </c>
      <c r="J1396" s="2">
        <v>1</v>
      </c>
      <c r="K1396" s="2">
        <v>0</v>
      </c>
      <c r="L1396" t="s">
        <v>82</v>
      </c>
      <c r="M1396" t="s">
        <v>89</v>
      </c>
      <c r="N1396" t="s">
        <v>90</v>
      </c>
      <c r="O1396" t="s">
        <v>85</v>
      </c>
      <c r="P1396" t="s">
        <v>86</v>
      </c>
      <c r="Q1396">
        <v>30</v>
      </c>
      <c r="R1396">
        <v>30</v>
      </c>
      <c r="S1396">
        <v>31</v>
      </c>
      <c r="T1396">
        <v>31</v>
      </c>
      <c r="U1396">
        <v>32</v>
      </c>
      <c r="V1396">
        <v>32</v>
      </c>
      <c r="W1396">
        <v>33</v>
      </c>
      <c r="X1396">
        <v>33</v>
      </c>
      <c r="Y1396">
        <v>33</v>
      </c>
      <c r="Z1396">
        <v>34</v>
      </c>
      <c r="AA1396">
        <v>34</v>
      </c>
      <c r="AB1396">
        <v>34</v>
      </c>
      <c r="AC1396">
        <v>35</v>
      </c>
      <c r="AD1396">
        <v>35</v>
      </c>
      <c r="AE1396">
        <v>35</v>
      </c>
      <c r="AF1396">
        <v>35</v>
      </c>
      <c r="AG1396">
        <v>35</v>
      </c>
      <c r="AH1396">
        <v>35</v>
      </c>
      <c r="AI1396">
        <v>35</v>
      </c>
      <c r="AJ1396">
        <v>35</v>
      </c>
      <c r="AK1396">
        <v>35</v>
      </c>
      <c r="AL1396">
        <v>35</v>
      </c>
      <c r="AM1396">
        <v>35</v>
      </c>
      <c r="AN1396">
        <v>35</v>
      </c>
      <c r="AO1396">
        <v>35</v>
      </c>
      <c r="AP1396">
        <v>35</v>
      </c>
      <c r="AQ1396">
        <v>35</v>
      </c>
    </row>
    <row r="1397" spans="1:43">
      <c r="A1397" t="s">
        <v>947</v>
      </c>
      <c r="B1397" t="s">
        <v>948</v>
      </c>
      <c r="C1397" t="s">
        <v>943</v>
      </c>
      <c r="D1397" t="s">
        <v>944</v>
      </c>
      <c r="E1397" t="s">
        <v>847</v>
      </c>
      <c r="F1397" t="s">
        <v>848</v>
      </c>
      <c r="G1397" t="s">
        <v>80</v>
      </c>
      <c r="H1397" t="s">
        <v>81</v>
      </c>
      <c r="I1397" s="2">
        <v>0</v>
      </c>
      <c r="J1397" s="2">
        <v>1</v>
      </c>
      <c r="K1397" s="2">
        <v>0</v>
      </c>
      <c r="L1397" t="s">
        <v>82</v>
      </c>
      <c r="M1397" t="s">
        <v>83</v>
      </c>
      <c r="N1397" t="s">
        <v>91</v>
      </c>
      <c r="O1397" t="s">
        <v>85</v>
      </c>
      <c r="P1397" t="s">
        <v>86</v>
      </c>
      <c r="Q1397">
        <v>30</v>
      </c>
      <c r="R1397">
        <v>30</v>
      </c>
      <c r="S1397">
        <v>30</v>
      </c>
      <c r="T1397">
        <v>30</v>
      </c>
      <c r="U1397">
        <v>31</v>
      </c>
      <c r="V1397">
        <v>31</v>
      </c>
      <c r="W1397">
        <v>31</v>
      </c>
      <c r="X1397">
        <v>31</v>
      </c>
      <c r="Y1397">
        <v>31</v>
      </c>
      <c r="Z1397">
        <v>32</v>
      </c>
      <c r="AA1397">
        <v>32</v>
      </c>
      <c r="AB1397">
        <v>32</v>
      </c>
      <c r="AC1397">
        <v>32</v>
      </c>
      <c r="AD1397">
        <v>32</v>
      </c>
      <c r="AE1397">
        <v>33</v>
      </c>
      <c r="AF1397">
        <v>33</v>
      </c>
      <c r="AG1397">
        <v>33</v>
      </c>
      <c r="AH1397">
        <v>33</v>
      </c>
      <c r="AI1397">
        <v>33</v>
      </c>
      <c r="AJ1397">
        <v>34</v>
      </c>
      <c r="AK1397">
        <v>34</v>
      </c>
      <c r="AL1397">
        <v>34</v>
      </c>
      <c r="AM1397">
        <v>34</v>
      </c>
      <c r="AN1397">
        <v>34</v>
      </c>
      <c r="AO1397">
        <v>34</v>
      </c>
      <c r="AP1397">
        <v>34</v>
      </c>
      <c r="AQ1397">
        <v>34</v>
      </c>
    </row>
    <row r="1398" spans="1:43">
      <c r="A1398" t="s">
        <v>949</v>
      </c>
      <c r="B1398" t="s">
        <v>950</v>
      </c>
      <c r="C1398" t="s">
        <v>911</v>
      </c>
      <c r="D1398" t="s">
        <v>912</v>
      </c>
      <c r="E1398" t="s">
        <v>847</v>
      </c>
      <c r="F1398" t="s">
        <v>848</v>
      </c>
      <c r="G1398" t="s">
        <v>80</v>
      </c>
      <c r="H1398" t="s">
        <v>81</v>
      </c>
      <c r="I1398" s="2">
        <v>0</v>
      </c>
      <c r="J1398" s="2">
        <v>1</v>
      </c>
      <c r="K1398" s="2">
        <v>0</v>
      </c>
      <c r="L1398" t="s">
        <v>82</v>
      </c>
      <c r="M1398" t="s">
        <v>83</v>
      </c>
      <c r="N1398" t="s">
        <v>84</v>
      </c>
      <c r="O1398" t="s">
        <v>85</v>
      </c>
      <c r="P1398" t="s">
        <v>86</v>
      </c>
      <c r="Q1398">
        <v>19</v>
      </c>
      <c r="R1398">
        <v>19</v>
      </c>
      <c r="S1398">
        <v>19</v>
      </c>
      <c r="T1398">
        <v>19</v>
      </c>
      <c r="U1398">
        <v>20</v>
      </c>
      <c r="V1398">
        <v>20</v>
      </c>
      <c r="W1398">
        <v>20</v>
      </c>
      <c r="X1398">
        <v>20</v>
      </c>
      <c r="Y1398">
        <v>20</v>
      </c>
      <c r="Z1398">
        <v>20</v>
      </c>
      <c r="AA1398">
        <v>20</v>
      </c>
      <c r="AB1398">
        <v>20</v>
      </c>
      <c r="AC1398">
        <v>20</v>
      </c>
      <c r="AD1398">
        <v>20</v>
      </c>
      <c r="AE1398">
        <v>20</v>
      </c>
      <c r="AF1398">
        <v>20</v>
      </c>
      <c r="AG1398">
        <v>20</v>
      </c>
      <c r="AH1398">
        <v>20</v>
      </c>
      <c r="AI1398">
        <v>20</v>
      </c>
      <c r="AJ1398">
        <v>21</v>
      </c>
      <c r="AK1398">
        <v>21</v>
      </c>
      <c r="AL1398">
        <v>20</v>
      </c>
      <c r="AM1398">
        <v>20</v>
      </c>
      <c r="AN1398">
        <v>20</v>
      </c>
      <c r="AO1398">
        <v>20</v>
      </c>
      <c r="AP1398">
        <v>20</v>
      </c>
      <c r="AQ1398">
        <v>20</v>
      </c>
    </row>
    <row r="1399" spans="1:43">
      <c r="A1399" t="s">
        <v>949</v>
      </c>
      <c r="B1399" t="s">
        <v>950</v>
      </c>
      <c r="C1399" t="s">
        <v>911</v>
      </c>
      <c r="D1399" t="s">
        <v>912</v>
      </c>
      <c r="E1399" t="s">
        <v>847</v>
      </c>
      <c r="F1399" t="s">
        <v>848</v>
      </c>
      <c r="G1399" t="s">
        <v>80</v>
      </c>
      <c r="H1399" t="s">
        <v>81</v>
      </c>
      <c r="I1399" s="2">
        <v>0</v>
      </c>
      <c r="J1399" s="2">
        <v>1</v>
      </c>
      <c r="K1399" s="2">
        <v>0</v>
      </c>
      <c r="L1399" t="s">
        <v>82</v>
      </c>
      <c r="M1399" t="s">
        <v>87</v>
      </c>
      <c r="N1399" t="s">
        <v>88</v>
      </c>
      <c r="O1399" t="s">
        <v>85</v>
      </c>
      <c r="P1399" t="s">
        <v>86</v>
      </c>
      <c r="Q1399">
        <v>19</v>
      </c>
      <c r="R1399">
        <v>19</v>
      </c>
      <c r="S1399">
        <v>19</v>
      </c>
      <c r="T1399">
        <v>19</v>
      </c>
      <c r="U1399">
        <v>19</v>
      </c>
      <c r="V1399">
        <v>19</v>
      </c>
      <c r="W1399">
        <v>19</v>
      </c>
      <c r="X1399">
        <v>18</v>
      </c>
      <c r="Y1399">
        <v>18</v>
      </c>
      <c r="Z1399">
        <v>18</v>
      </c>
      <c r="AA1399">
        <v>18</v>
      </c>
      <c r="AB1399">
        <v>18</v>
      </c>
      <c r="AC1399">
        <v>18</v>
      </c>
      <c r="AD1399">
        <v>18</v>
      </c>
      <c r="AE1399">
        <v>18</v>
      </c>
      <c r="AF1399">
        <v>18</v>
      </c>
      <c r="AG1399">
        <v>18</v>
      </c>
      <c r="AH1399">
        <v>18</v>
      </c>
      <c r="AI1399">
        <v>18</v>
      </c>
      <c r="AJ1399">
        <v>18</v>
      </c>
      <c r="AK1399">
        <v>18</v>
      </c>
      <c r="AL1399">
        <v>18</v>
      </c>
      <c r="AM1399">
        <v>17</v>
      </c>
      <c r="AN1399">
        <v>17</v>
      </c>
      <c r="AO1399">
        <v>17</v>
      </c>
      <c r="AP1399">
        <v>17</v>
      </c>
      <c r="AQ1399">
        <v>17</v>
      </c>
    </row>
    <row r="1400" spans="1:43">
      <c r="A1400" t="s">
        <v>949</v>
      </c>
      <c r="B1400" t="s">
        <v>950</v>
      </c>
      <c r="C1400" t="s">
        <v>911</v>
      </c>
      <c r="D1400" t="s">
        <v>912</v>
      </c>
      <c r="E1400" t="s">
        <v>847</v>
      </c>
      <c r="F1400" t="s">
        <v>848</v>
      </c>
      <c r="G1400" t="s">
        <v>80</v>
      </c>
      <c r="H1400" t="s">
        <v>81</v>
      </c>
      <c r="I1400" s="2">
        <v>0</v>
      </c>
      <c r="J1400" s="2">
        <v>1</v>
      </c>
      <c r="K1400" s="2">
        <v>0</v>
      </c>
      <c r="L1400" t="s">
        <v>82</v>
      </c>
      <c r="M1400" t="s">
        <v>89</v>
      </c>
      <c r="N1400" t="s">
        <v>90</v>
      </c>
      <c r="O1400" t="s">
        <v>85</v>
      </c>
      <c r="P1400" t="s">
        <v>86</v>
      </c>
      <c r="Q1400">
        <v>19</v>
      </c>
      <c r="R1400">
        <v>20</v>
      </c>
      <c r="S1400">
        <v>20</v>
      </c>
      <c r="T1400">
        <v>20</v>
      </c>
      <c r="U1400">
        <v>20</v>
      </c>
      <c r="V1400">
        <v>21</v>
      </c>
      <c r="W1400">
        <v>21</v>
      </c>
      <c r="X1400">
        <v>21</v>
      </c>
      <c r="Y1400">
        <v>21</v>
      </c>
      <c r="Z1400">
        <v>21</v>
      </c>
      <c r="AA1400">
        <v>21</v>
      </c>
      <c r="AB1400">
        <v>21</v>
      </c>
      <c r="AC1400">
        <v>22</v>
      </c>
      <c r="AD1400">
        <v>22</v>
      </c>
      <c r="AE1400">
        <v>22</v>
      </c>
      <c r="AF1400">
        <v>22</v>
      </c>
      <c r="AG1400">
        <v>21</v>
      </c>
      <c r="AH1400">
        <v>21</v>
      </c>
      <c r="AI1400">
        <v>21</v>
      </c>
      <c r="AJ1400">
        <v>21</v>
      </c>
      <c r="AK1400">
        <v>21</v>
      </c>
      <c r="AL1400">
        <v>21</v>
      </c>
      <c r="AM1400">
        <v>21</v>
      </c>
      <c r="AN1400">
        <v>20</v>
      </c>
      <c r="AO1400">
        <v>20</v>
      </c>
      <c r="AP1400">
        <v>20</v>
      </c>
      <c r="AQ1400">
        <v>20</v>
      </c>
    </row>
    <row r="1401" spans="1:43">
      <c r="A1401" t="s">
        <v>949</v>
      </c>
      <c r="B1401" t="s">
        <v>950</v>
      </c>
      <c r="C1401" t="s">
        <v>911</v>
      </c>
      <c r="D1401" t="s">
        <v>912</v>
      </c>
      <c r="E1401" t="s">
        <v>847</v>
      </c>
      <c r="F1401" t="s">
        <v>848</v>
      </c>
      <c r="G1401" t="s">
        <v>80</v>
      </c>
      <c r="H1401" t="s">
        <v>81</v>
      </c>
      <c r="I1401" s="2">
        <v>0</v>
      </c>
      <c r="J1401" s="2">
        <v>1</v>
      </c>
      <c r="K1401" s="2">
        <v>0</v>
      </c>
      <c r="L1401" t="s">
        <v>82</v>
      </c>
      <c r="M1401" t="s">
        <v>83</v>
      </c>
      <c r="N1401" t="s">
        <v>91</v>
      </c>
      <c r="O1401" t="s">
        <v>85</v>
      </c>
      <c r="P1401" t="s">
        <v>86</v>
      </c>
      <c r="Q1401">
        <v>19</v>
      </c>
      <c r="R1401">
        <v>19</v>
      </c>
      <c r="S1401">
        <v>19</v>
      </c>
      <c r="T1401">
        <v>19</v>
      </c>
      <c r="U1401">
        <v>20</v>
      </c>
      <c r="V1401">
        <v>20</v>
      </c>
      <c r="W1401">
        <v>20</v>
      </c>
      <c r="X1401">
        <v>20</v>
      </c>
      <c r="Y1401">
        <v>20</v>
      </c>
      <c r="Z1401">
        <v>20</v>
      </c>
      <c r="AA1401">
        <v>20</v>
      </c>
      <c r="AB1401">
        <v>20</v>
      </c>
      <c r="AC1401">
        <v>20</v>
      </c>
      <c r="AD1401">
        <v>20</v>
      </c>
      <c r="AE1401">
        <v>20</v>
      </c>
      <c r="AF1401">
        <v>20</v>
      </c>
      <c r="AG1401">
        <v>20</v>
      </c>
      <c r="AH1401">
        <v>20</v>
      </c>
      <c r="AI1401">
        <v>20</v>
      </c>
      <c r="AJ1401">
        <v>21</v>
      </c>
      <c r="AK1401">
        <v>21</v>
      </c>
      <c r="AL1401">
        <v>20</v>
      </c>
      <c r="AM1401">
        <v>20</v>
      </c>
      <c r="AN1401">
        <v>20</v>
      </c>
      <c r="AO1401">
        <v>20</v>
      </c>
      <c r="AP1401">
        <v>20</v>
      </c>
      <c r="AQ1401">
        <v>20</v>
      </c>
    </row>
    <row r="1402" spans="1:43">
      <c r="A1402" t="s">
        <v>951</v>
      </c>
      <c r="B1402" t="s">
        <v>952</v>
      </c>
      <c r="C1402" t="s">
        <v>953</v>
      </c>
      <c r="D1402" t="s">
        <v>954</v>
      </c>
      <c r="E1402" t="s">
        <v>847</v>
      </c>
      <c r="F1402" t="s">
        <v>848</v>
      </c>
      <c r="G1402" t="s">
        <v>80</v>
      </c>
      <c r="H1402" t="s">
        <v>81</v>
      </c>
      <c r="I1402" s="2">
        <v>0</v>
      </c>
      <c r="J1402" s="2">
        <v>1</v>
      </c>
      <c r="K1402" s="2">
        <v>0</v>
      </c>
      <c r="L1402" t="s">
        <v>82</v>
      </c>
      <c r="M1402" t="s">
        <v>83</v>
      </c>
      <c r="N1402" t="s">
        <v>84</v>
      </c>
      <c r="O1402" t="s">
        <v>85</v>
      </c>
      <c r="P1402" t="s">
        <v>86</v>
      </c>
      <c r="Q1402">
        <v>12</v>
      </c>
      <c r="R1402">
        <v>12</v>
      </c>
      <c r="S1402">
        <v>12</v>
      </c>
      <c r="T1402">
        <v>12</v>
      </c>
      <c r="U1402">
        <v>12</v>
      </c>
      <c r="V1402">
        <v>12</v>
      </c>
      <c r="W1402">
        <v>12</v>
      </c>
      <c r="X1402">
        <v>12</v>
      </c>
      <c r="Y1402">
        <v>12</v>
      </c>
      <c r="Z1402">
        <v>13</v>
      </c>
      <c r="AA1402">
        <v>13</v>
      </c>
      <c r="AB1402">
        <v>13</v>
      </c>
      <c r="AC1402">
        <v>13</v>
      </c>
      <c r="AD1402">
        <v>13</v>
      </c>
      <c r="AE1402">
        <v>13</v>
      </c>
      <c r="AF1402">
        <v>13</v>
      </c>
      <c r="AG1402">
        <v>13</v>
      </c>
      <c r="AH1402">
        <v>13</v>
      </c>
      <c r="AI1402">
        <v>13</v>
      </c>
      <c r="AJ1402">
        <v>13</v>
      </c>
      <c r="AK1402">
        <v>13</v>
      </c>
      <c r="AL1402">
        <v>13</v>
      </c>
      <c r="AM1402">
        <v>13</v>
      </c>
      <c r="AN1402">
        <v>13</v>
      </c>
      <c r="AO1402">
        <v>13</v>
      </c>
      <c r="AP1402">
        <v>13</v>
      </c>
      <c r="AQ1402">
        <v>13</v>
      </c>
    </row>
    <row r="1403" spans="1:43">
      <c r="A1403" t="s">
        <v>951</v>
      </c>
      <c r="B1403" t="s">
        <v>952</v>
      </c>
      <c r="C1403" t="s">
        <v>953</v>
      </c>
      <c r="D1403" t="s">
        <v>954</v>
      </c>
      <c r="E1403" t="s">
        <v>847</v>
      </c>
      <c r="F1403" t="s">
        <v>848</v>
      </c>
      <c r="G1403" t="s">
        <v>80</v>
      </c>
      <c r="H1403" t="s">
        <v>81</v>
      </c>
      <c r="I1403" s="2">
        <v>0</v>
      </c>
      <c r="J1403" s="2">
        <v>1</v>
      </c>
      <c r="K1403" s="2">
        <v>0</v>
      </c>
      <c r="L1403" t="s">
        <v>82</v>
      </c>
      <c r="M1403" t="s">
        <v>87</v>
      </c>
      <c r="N1403" t="s">
        <v>88</v>
      </c>
      <c r="O1403" t="s">
        <v>85</v>
      </c>
      <c r="P1403" t="s">
        <v>86</v>
      </c>
      <c r="Q1403">
        <v>12</v>
      </c>
      <c r="R1403">
        <v>12</v>
      </c>
      <c r="S1403">
        <v>12</v>
      </c>
      <c r="T1403">
        <v>12</v>
      </c>
      <c r="U1403">
        <v>12</v>
      </c>
      <c r="V1403">
        <v>12</v>
      </c>
      <c r="W1403">
        <v>12</v>
      </c>
      <c r="X1403">
        <v>12</v>
      </c>
      <c r="Y1403">
        <v>12</v>
      </c>
      <c r="Z1403">
        <v>12</v>
      </c>
      <c r="AA1403">
        <v>11</v>
      </c>
      <c r="AB1403">
        <v>11</v>
      </c>
      <c r="AC1403">
        <v>11</v>
      </c>
      <c r="AD1403">
        <v>11</v>
      </c>
      <c r="AE1403">
        <v>11</v>
      </c>
      <c r="AF1403">
        <v>11</v>
      </c>
      <c r="AG1403">
        <v>11</v>
      </c>
      <c r="AH1403">
        <v>11</v>
      </c>
      <c r="AI1403">
        <v>11</v>
      </c>
      <c r="AJ1403">
        <v>11</v>
      </c>
      <c r="AK1403">
        <v>11</v>
      </c>
      <c r="AL1403">
        <v>11</v>
      </c>
      <c r="AM1403">
        <v>11</v>
      </c>
      <c r="AN1403">
        <v>11</v>
      </c>
      <c r="AO1403">
        <v>11</v>
      </c>
      <c r="AP1403">
        <v>11</v>
      </c>
      <c r="AQ1403">
        <v>11</v>
      </c>
    </row>
    <row r="1404" spans="1:43">
      <c r="A1404" t="s">
        <v>951</v>
      </c>
      <c r="B1404" t="s">
        <v>952</v>
      </c>
      <c r="C1404" t="s">
        <v>953</v>
      </c>
      <c r="D1404" t="s">
        <v>954</v>
      </c>
      <c r="E1404" t="s">
        <v>847</v>
      </c>
      <c r="F1404" t="s">
        <v>848</v>
      </c>
      <c r="G1404" t="s">
        <v>80</v>
      </c>
      <c r="H1404" t="s">
        <v>81</v>
      </c>
      <c r="I1404" s="2">
        <v>0</v>
      </c>
      <c r="J1404" s="2">
        <v>1</v>
      </c>
      <c r="K1404" s="2">
        <v>0</v>
      </c>
      <c r="L1404" t="s">
        <v>82</v>
      </c>
      <c r="M1404" t="s">
        <v>89</v>
      </c>
      <c r="N1404" t="s">
        <v>90</v>
      </c>
      <c r="O1404" t="s">
        <v>85</v>
      </c>
      <c r="P1404" t="s">
        <v>86</v>
      </c>
      <c r="Q1404">
        <v>12</v>
      </c>
      <c r="R1404">
        <v>12</v>
      </c>
      <c r="S1404">
        <v>12</v>
      </c>
      <c r="T1404">
        <v>12</v>
      </c>
      <c r="U1404">
        <v>13</v>
      </c>
      <c r="V1404">
        <v>13</v>
      </c>
      <c r="W1404">
        <v>13</v>
      </c>
      <c r="X1404">
        <v>13</v>
      </c>
      <c r="Y1404">
        <v>13</v>
      </c>
      <c r="Z1404">
        <v>13</v>
      </c>
      <c r="AA1404">
        <v>13</v>
      </c>
      <c r="AB1404">
        <v>14</v>
      </c>
      <c r="AC1404">
        <v>14</v>
      </c>
      <c r="AD1404">
        <v>14</v>
      </c>
      <c r="AE1404">
        <v>14</v>
      </c>
      <c r="AF1404">
        <v>14</v>
      </c>
      <c r="AG1404">
        <v>14</v>
      </c>
      <c r="AH1404">
        <v>14</v>
      </c>
      <c r="AI1404">
        <v>14</v>
      </c>
      <c r="AJ1404">
        <v>14</v>
      </c>
      <c r="AK1404">
        <v>14</v>
      </c>
      <c r="AL1404">
        <v>14</v>
      </c>
      <c r="AM1404">
        <v>14</v>
      </c>
      <c r="AN1404">
        <v>14</v>
      </c>
      <c r="AO1404">
        <v>14</v>
      </c>
      <c r="AP1404">
        <v>14</v>
      </c>
      <c r="AQ1404">
        <v>14</v>
      </c>
    </row>
    <row r="1405" spans="1:43">
      <c r="A1405" t="s">
        <v>951</v>
      </c>
      <c r="B1405" t="s">
        <v>952</v>
      </c>
      <c r="C1405" t="s">
        <v>953</v>
      </c>
      <c r="D1405" t="s">
        <v>954</v>
      </c>
      <c r="E1405" t="s">
        <v>847</v>
      </c>
      <c r="F1405" t="s">
        <v>848</v>
      </c>
      <c r="G1405" t="s">
        <v>80</v>
      </c>
      <c r="H1405" t="s">
        <v>81</v>
      </c>
      <c r="I1405" s="2">
        <v>0</v>
      </c>
      <c r="J1405" s="2">
        <v>1</v>
      </c>
      <c r="K1405" s="2">
        <v>0</v>
      </c>
      <c r="L1405" t="s">
        <v>82</v>
      </c>
      <c r="M1405" t="s">
        <v>83</v>
      </c>
      <c r="N1405" t="s">
        <v>91</v>
      </c>
      <c r="O1405" t="s">
        <v>85</v>
      </c>
      <c r="P1405" t="s">
        <v>86</v>
      </c>
      <c r="Q1405">
        <v>12</v>
      </c>
      <c r="R1405">
        <v>12</v>
      </c>
      <c r="S1405">
        <v>12</v>
      </c>
      <c r="T1405">
        <v>12</v>
      </c>
      <c r="U1405">
        <v>12</v>
      </c>
      <c r="V1405">
        <v>12</v>
      </c>
      <c r="W1405">
        <v>12</v>
      </c>
      <c r="X1405">
        <v>12</v>
      </c>
      <c r="Y1405">
        <v>12</v>
      </c>
      <c r="Z1405">
        <v>13</v>
      </c>
      <c r="AA1405">
        <v>13</v>
      </c>
      <c r="AB1405">
        <v>13</v>
      </c>
      <c r="AC1405">
        <v>13</v>
      </c>
      <c r="AD1405">
        <v>13</v>
      </c>
      <c r="AE1405">
        <v>13</v>
      </c>
      <c r="AF1405">
        <v>13</v>
      </c>
      <c r="AG1405">
        <v>13</v>
      </c>
      <c r="AH1405">
        <v>13</v>
      </c>
      <c r="AI1405">
        <v>13</v>
      </c>
      <c r="AJ1405">
        <v>13</v>
      </c>
      <c r="AK1405">
        <v>13</v>
      </c>
      <c r="AL1405">
        <v>13</v>
      </c>
      <c r="AM1405">
        <v>13</v>
      </c>
      <c r="AN1405">
        <v>13</v>
      </c>
      <c r="AO1405">
        <v>13</v>
      </c>
      <c r="AP1405">
        <v>13</v>
      </c>
      <c r="AQ1405">
        <v>13</v>
      </c>
    </row>
    <row r="1406" spans="1:43">
      <c r="A1406" t="s">
        <v>955</v>
      </c>
      <c r="B1406" t="s">
        <v>956</v>
      </c>
      <c r="C1406" t="s">
        <v>943</v>
      </c>
      <c r="D1406" t="s">
        <v>944</v>
      </c>
      <c r="E1406" t="s">
        <v>847</v>
      </c>
      <c r="F1406" t="s">
        <v>848</v>
      </c>
      <c r="G1406" t="s">
        <v>80</v>
      </c>
      <c r="H1406" t="s">
        <v>81</v>
      </c>
      <c r="I1406" s="2">
        <v>0</v>
      </c>
      <c r="J1406" s="2">
        <v>1</v>
      </c>
      <c r="K1406" s="2">
        <v>0</v>
      </c>
      <c r="L1406" t="s">
        <v>82</v>
      </c>
      <c r="M1406" t="s">
        <v>83</v>
      </c>
      <c r="N1406" t="s">
        <v>84</v>
      </c>
      <c r="O1406" t="s">
        <v>85</v>
      </c>
      <c r="P1406" t="s">
        <v>86</v>
      </c>
      <c r="Q1406">
        <v>30</v>
      </c>
      <c r="R1406">
        <v>30</v>
      </c>
      <c r="S1406">
        <v>31</v>
      </c>
      <c r="T1406">
        <v>31</v>
      </c>
      <c r="U1406">
        <v>31</v>
      </c>
      <c r="V1406">
        <v>31</v>
      </c>
      <c r="W1406">
        <v>31</v>
      </c>
      <c r="X1406">
        <v>32</v>
      </c>
      <c r="Y1406">
        <v>32</v>
      </c>
      <c r="Z1406">
        <v>32</v>
      </c>
      <c r="AA1406">
        <v>32</v>
      </c>
      <c r="AB1406">
        <v>32</v>
      </c>
      <c r="AC1406">
        <v>32</v>
      </c>
      <c r="AD1406">
        <v>33</v>
      </c>
      <c r="AE1406">
        <v>33</v>
      </c>
      <c r="AF1406">
        <v>33</v>
      </c>
      <c r="AG1406">
        <v>33</v>
      </c>
      <c r="AH1406">
        <v>33</v>
      </c>
      <c r="AI1406">
        <v>33</v>
      </c>
      <c r="AJ1406">
        <v>33</v>
      </c>
      <c r="AK1406">
        <v>34</v>
      </c>
      <c r="AL1406">
        <v>34</v>
      </c>
      <c r="AM1406">
        <v>33</v>
      </c>
      <c r="AN1406">
        <v>33</v>
      </c>
      <c r="AO1406">
        <v>33</v>
      </c>
      <c r="AP1406">
        <v>33</v>
      </c>
      <c r="AQ1406">
        <v>33</v>
      </c>
    </row>
    <row r="1407" spans="1:43">
      <c r="A1407" t="s">
        <v>955</v>
      </c>
      <c r="B1407" t="s">
        <v>956</v>
      </c>
      <c r="C1407" t="s">
        <v>943</v>
      </c>
      <c r="D1407" t="s">
        <v>944</v>
      </c>
      <c r="E1407" t="s">
        <v>847</v>
      </c>
      <c r="F1407" t="s">
        <v>848</v>
      </c>
      <c r="G1407" t="s">
        <v>80</v>
      </c>
      <c r="H1407" t="s">
        <v>81</v>
      </c>
      <c r="I1407" s="2">
        <v>0</v>
      </c>
      <c r="J1407" s="2">
        <v>1</v>
      </c>
      <c r="K1407" s="2">
        <v>0</v>
      </c>
      <c r="L1407" t="s">
        <v>82</v>
      </c>
      <c r="M1407" t="s">
        <v>87</v>
      </c>
      <c r="N1407" t="s">
        <v>88</v>
      </c>
      <c r="O1407" t="s">
        <v>85</v>
      </c>
      <c r="P1407" t="s">
        <v>86</v>
      </c>
      <c r="Q1407">
        <v>30</v>
      </c>
      <c r="R1407">
        <v>30</v>
      </c>
      <c r="S1407">
        <v>30</v>
      </c>
      <c r="T1407">
        <v>30</v>
      </c>
      <c r="U1407">
        <v>30</v>
      </c>
      <c r="V1407">
        <v>30</v>
      </c>
      <c r="W1407">
        <v>30</v>
      </c>
      <c r="X1407">
        <v>29</v>
      </c>
      <c r="Y1407">
        <v>29</v>
      </c>
      <c r="Z1407">
        <v>29</v>
      </c>
      <c r="AA1407">
        <v>29</v>
      </c>
      <c r="AB1407">
        <v>29</v>
      </c>
      <c r="AC1407">
        <v>29</v>
      </c>
      <c r="AD1407">
        <v>29</v>
      </c>
      <c r="AE1407">
        <v>29</v>
      </c>
      <c r="AF1407">
        <v>29</v>
      </c>
      <c r="AG1407">
        <v>29</v>
      </c>
      <c r="AH1407">
        <v>29</v>
      </c>
      <c r="AI1407">
        <v>29</v>
      </c>
      <c r="AJ1407">
        <v>29</v>
      </c>
      <c r="AK1407">
        <v>29</v>
      </c>
      <c r="AL1407">
        <v>29</v>
      </c>
      <c r="AM1407">
        <v>29</v>
      </c>
      <c r="AN1407">
        <v>29</v>
      </c>
      <c r="AO1407">
        <v>29</v>
      </c>
      <c r="AP1407">
        <v>28</v>
      </c>
      <c r="AQ1407">
        <v>28</v>
      </c>
    </row>
    <row r="1408" spans="1:43">
      <c r="A1408" t="s">
        <v>955</v>
      </c>
      <c r="B1408" t="s">
        <v>956</v>
      </c>
      <c r="C1408" t="s">
        <v>943</v>
      </c>
      <c r="D1408" t="s">
        <v>944</v>
      </c>
      <c r="E1408" t="s">
        <v>847</v>
      </c>
      <c r="F1408" t="s">
        <v>848</v>
      </c>
      <c r="G1408" t="s">
        <v>80</v>
      </c>
      <c r="H1408" t="s">
        <v>81</v>
      </c>
      <c r="I1408" s="2">
        <v>0</v>
      </c>
      <c r="J1408" s="2">
        <v>1</v>
      </c>
      <c r="K1408" s="2">
        <v>0</v>
      </c>
      <c r="L1408" t="s">
        <v>82</v>
      </c>
      <c r="M1408" t="s">
        <v>89</v>
      </c>
      <c r="N1408" t="s">
        <v>90</v>
      </c>
      <c r="O1408" t="s">
        <v>85</v>
      </c>
      <c r="P1408" t="s">
        <v>86</v>
      </c>
      <c r="Q1408">
        <v>30</v>
      </c>
      <c r="R1408">
        <v>30</v>
      </c>
      <c r="S1408">
        <v>30</v>
      </c>
      <c r="T1408">
        <v>31</v>
      </c>
      <c r="U1408">
        <v>31</v>
      </c>
      <c r="V1408">
        <v>32</v>
      </c>
      <c r="W1408">
        <v>32</v>
      </c>
      <c r="X1408">
        <v>32</v>
      </c>
      <c r="Y1408">
        <v>33</v>
      </c>
      <c r="Z1408">
        <v>33</v>
      </c>
      <c r="AA1408">
        <v>33</v>
      </c>
      <c r="AB1408">
        <v>33</v>
      </c>
      <c r="AC1408">
        <v>34</v>
      </c>
      <c r="AD1408">
        <v>34</v>
      </c>
      <c r="AE1408">
        <v>34</v>
      </c>
      <c r="AF1408">
        <v>34</v>
      </c>
      <c r="AG1408">
        <v>34</v>
      </c>
      <c r="AH1408">
        <v>34</v>
      </c>
      <c r="AI1408">
        <v>34</v>
      </c>
      <c r="AJ1408">
        <v>33</v>
      </c>
      <c r="AK1408">
        <v>33</v>
      </c>
      <c r="AL1408">
        <v>33</v>
      </c>
      <c r="AM1408">
        <v>33</v>
      </c>
      <c r="AN1408">
        <v>33</v>
      </c>
      <c r="AO1408">
        <v>33</v>
      </c>
      <c r="AP1408">
        <v>33</v>
      </c>
      <c r="AQ1408">
        <v>33</v>
      </c>
    </row>
    <row r="1409" spans="1:43">
      <c r="A1409" t="s">
        <v>955</v>
      </c>
      <c r="B1409" t="s">
        <v>956</v>
      </c>
      <c r="C1409" t="s">
        <v>943</v>
      </c>
      <c r="D1409" t="s">
        <v>944</v>
      </c>
      <c r="E1409" t="s">
        <v>847</v>
      </c>
      <c r="F1409" t="s">
        <v>848</v>
      </c>
      <c r="G1409" t="s">
        <v>80</v>
      </c>
      <c r="H1409" t="s">
        <v>81</v>
      </c>
      <c r="I1409" s="2">
        <v>0</v>
      </c>
      <c r="J1409" s="2">
        <v>1</v>
      </c>
      <c r="K1409" s="2">
        <v>0</v>
      </c>
      <c r="L1409" t="s">
        <v>82</v>
      </c>
      <c r="M1409" t="s">
        <v>83</v>
      </c>
      <c r="N1409" t="s">
        <v>91</v>
      </c>
      <c r="O1409" t="s">
        <v>85</v>
      </c>
      <c r="P1409" t="s">
        <v>86</v>
      </c>
      <c r="Q1409">
        <v>30</v>
      </c>
      <c r="R1409">
        <v>30</v>
      </c>
      <c r="S1409">
        <v>31</v>
      </c>
      <c r="T1409">
        <v>31</v>
      </c>
      <c r="U1409">
        <v>31</v>
      </c>
      <c r="V1409">
        <v>31</v>
      </c>
      <c r="W1409">
        <v>31</v>
      </c>
      <c r="X1409">
        <v>32</v>
      </c>
      <c r="Y1409">
        <v>32</v>
      </c>
      <c r="Z1409">
        <v>32</v>
      </c>
      <c r="AA1409">
        <v>32</v>
      </c>
      <c r="AB1409">
        <v>32</v>
      </c>
      <c r="AC1409">
        <v>32</v>
      </c>
      <c r="AD1409">
        <v>33</v>
      </c>
      <c r="AE1409">
        <v>33</v>
      </c>
      <c r="AF1409">
        <v>33</v>
      </c>
      <c r="AG1409">
        <v>33</v>
      </c>
      <c r="AH1409">
        <v>33</v>
      </c>
      <c r="AI1409">
        <v>33</v>
      </c>
      <c r="AJ1409">
        <v>33</v>
      </c>
      <c r="AK1409">
        <v>34</v>
      </c>
      <c r="AL1409">
        <v>34</v>
      </c>
      <c r="AM1409">
        <v>33</v>
      </c>
      <c r="AN1409">
        <v>33</v>
      </c>
      <c r="AO1409">
        <v>33</v>
      </c>
      <c r="AP1409">
        <v>33</v>
      </c>
      <c r="AQ1409">
        <v>33</v>
      </c>
    </row>
    <row r="1410" spans="1:43">
      <c r="A1410" t="s">
        <v>957</v>
      </c>
      <c r="B1410" t="s">
        <v>958</v>
      </c>
      <c r="C1410" t="s">
        <v>943</v>
      </c>
      <c r="D1410" t="s">
        <v>944</v>
      </c>
      <c r="E1410" t="s">
        <v>847</v>
      </c>
      <c r="F1410" t="s">
        <v>848</v>
      </c>
      <c r="G1410" t="s">
        <v>80</v>
      </c>
      <c r="H1410" t="s">
        <v>81</v>
      </c>
      <c r="I1410" s="2">
        <v>0</v>
      </c>
      <c r="J1410" s="2">
        <v>1</v>
      </c>
      <c r="K1410" s="2">
        <v>0</v>
      </c>
      <c r="L1410" t="s">
        <v>82</v>
      </c>
      <c r="M1410" t="s">
        <v>83</v>
      </c>
      <c r="N1410" t="s">
        <v>84</v>
      </c>
      <c r="O1410" t="s">
        <v>85</v>
      </c>
      <c r="P1410" t="s">
        <v>86</v>
      </c>
      <c r="Q1410">
        <v>12</v>
      </c>
      <c r="R1410">
        <v>12</v>
      </c>
      <c r="S1410">
        <v>12</v>
      </c>
      <c r="T1410">
        <v>12</v>
      </c>
      <c r="U1410">
        <v>12</v>
      </c>
      <c r="V1410">
        <v>12</v>
      </c>
      <c r="W1410">
        <v>12</v>
      </c>
      <c r="X1410">
        <v>13</v>
      </c>
      <c r="Y1410">
        <v>13</v>
      </c>
      <c r="Z1410">
        <v>13</v>
      </c>
      <c r="AA1410">
        <v>13</v>
      </c>
      <c r="AB1410">
        <v>13</v>
      </c>
      <c r="AC1410">
        <v>13</v>
      </c>
      <c r="AD1410">
        <v>13</v>
      </c>
      <c r="AE1410">
        <v>13</v>
      </c>
      <c r="AF1410">
        <v>13</v>
      </c>
      <c r="AG1410">
        <v>13</v>
      </c>
      <c r="AH1410">
        <v>13</v>
      </c>
      <c r="AI1410">
        <v>13</v>
      </c>
      <c r="AJ1410">
        <v>13</v>
      </c>
      <c r="AK1410">
        <v>13</v>
      </c>
      <c r="AL1410">
        <v>13</v>
      </c>
      <c r="AM1410">
        <v>13</v>
      </c>
      <c r="AN1410">
        <v>13</v>
      </c>
      <c r="AO1410">
        <v>13</v>
      </c>
      <c r="AP1410">
        <v>13</v>
      </c>
      <c r="AQ1410">
        <v>13</v>
      </c>
    </row>
    <row r="1411" spans="1:43">
      <c r="A1411" t="s">
        <v>957</v>
      </c>
      <c r="B1411" t="s">
        <v>958</v>
      </c>
      <c r="C1411" t="s">
        <v>943</v>
      </c>
      <c r="D1411" t="s">
        <v>944</v>
      </c>
      <c r="E1411" t="s">
        <v>847</v>
      </c>
      <c r="F1411" t="s">
        <v>848</v>
      </c>
      <c r="G1411" t="s">
        <v>80</v>
      </c>
      <c r="H1411" t="s">
        <v>81</v>
      </c>
      <c r="I1411" s="2">
        <v>0</v>
      </c>
      <c r="J1411" s="2">
        <v>1</v>
      </c>
      <c r="K1411" s="2">
        <v>0</v>
      </c>
      <c r="L1411" t="s">
        <v>82</v>
      </c>
      <c r="M1411" t="s">
        <v>87</v>
      </c>
      <c r="N1411" t="s">
        <v>88</v>
      </c>
      <c r="O1411" t="s">
        <v>85</v>
      </c>
      <c r="P1411" t="s">
        <v>86</v>
      </c>
      <c r="Q1411">
        <v>12</v>
      </c>
      <c r="R1411">
        <v>12</v>
      </c>
      <c r="S1411">
        <v>12</v>
      </c>
      <c r="T1411">
        <v>12</v>
      </c>
      <c r="U1411">
        <v>12</v>
      </c>
      <c r="V1411">
        <v>12</v>
      </c>
      <c r="W1411">
        <v>12</v>
      </c>
      <c r="X1411">
        <v>12</v>
      </c>
      <c r="Y1411">
        <v>12</v>
      </c>
      <c r="Z1411">
        <v>12</v>
      </c>
      <c r="AA1411">
        <v>12</v>
      </c>
      <c r="AB1411">
        <v>11</v>
      </c>
      <c r="AC1411">
        <v>11</v>
      </c>
      <c r="AD1411">
        <v>11</v>
      </c>
      <c r="AE1411">
        <v>11</v>
      </c>
      <c r="AF1411">
        <v>11</v>
      </c>
      <c r="AG1411">
        <v>11</v>
      </c>
      <c r="AH1411">
        <v>11</v>
      </c>
      <c r="AI1411">
        <v>11</v>
      </c>
      <c r="AJ1411">
        <v>11</v>
      </c>
      <c r="AK1411">
        <v>11</v>
      </c>
      <c r="AL1411">
        <v>11</v>
      </c>
      <c r="AM1411">
        <v>11</v>
      </c>
      <c r="AN1411">
        <v>11</v>
      </c>
      <c r="AO1411">
        <v>11</v>
      </c>
      <c r="AP1411">
        <v>11</v>
      </c>
      <c r="AQ1411">
        <v>11</v>
      </c>
    </row>
    <row r="1412" spans="1:43">
      <c r="A1412" t="s">
        <v>957</v>
      </c>
      <c r="B1412" t="s">
        <v>958</v>
      </c>
      <c r="C1412" t="s">
        <v>943</v>
      </c>
      <c r="D1412" t="s">
        <v>944</v>
      </c>
      <c r="E1412" t="s">
        <v>847</v>
      </c>
      <c r="F1412" t="s">
        <v>848</v>
      </c>
      <c r="G1412" t="s">
        <v>80</v>
      </c>
      <c r="H1412" t="s">
        <v>81</v>
      </c>
      <c r="I1412" s="2">
        <v>0</v>
      </c>
      <c r="J1412" s="2">
        <v>1</v>
      </c>
      <c r="K1412" s="2">
        <v>0</v>
      </c>
      <c r="L1412" t="s">
        <v>82</v>
      </c>
      <c r="M1412" t="s">
        <v>89</v>
      </c>
      <c r="N1412" t="s">
        <v>90</v>
      </c>
      <c r="O1412" t="s">
        <v>85</v>
      </c>
      <c r="P1412" t="s">
        <v>86</v>
      </c>
      <c r="Q1412">
        <v>12</v>
      </c>
      <c r="R1412">
        <v>12</v>
      </c>
      <c r="S1412">
        <v>13</v>
      </c>
      <c r="T1412">
        <v>13</v>
      </c>
      <c r="U1412">
        <v>13</v>
      </c>
      <c r="V1412">
        <v>13</v>
      </c>
      <c r="W1412">
        <v>13</v>
      </c>
      <c r="X1412">
        <v>13</v>
      </c>
      <c r="Y1412">
        <v>13</v>
      </c>
      <c r="Z1412">
        <v>13</v>
      </c>
      <c r="AA1412">
        <v>13</v>
      </c>
      <c r="AB1412">
        <v>14</v>
      </c>
      <c r="AC1412">
        <v>14</v>
      </c>
      <c r="AD1412">
        <v>14</v>
      </c>
      <c r="AE1412">
        <v>14</v>
      </c>
      <c r="AF1412">
        <v>14</v>
      </c>
      <c r="AG1412">
        <v>14</v>
      </c>
      <c r="AH1412">
        <v>13</v>
      </c>
      <c r="AI1412">
        <v>13</v>
      </c>
      <c r="AJ1412">
        <v>13</v>
      </c>
      <c r="AK1412">
        <v>13</v>
      </c>
      <c r="AL1412">
        <v>13</v>
      </c>
      <c r="AM1412">
        <v>13</v>
      </c>
      <c r="AN1412">
        <v>13</v>
      </c>
      <c r="AO1412">
        <v>13</v>
      </c>
      <c r="AP1412">
        <v>13</v>
      </c>
      <c r="AQ1412">
        <v>13</v>
      </c>
    </row>
    <row r="1413" spans="1:43">
      <c r="A1413" t="s">
        <v>957</v>
      </c>
      <c r="B1413" t="s">
        <v>958</v>
      </c>
      <c r="C1413" t="s">
        <v>943</v>
      </c>
      <c r="D1413" t="s">
        <v>944</v>
      </c>
      <c r="E1413" t="s">
        <v>847</v>
      </c>
      <c r="F1413" t="s">
        <v>848</v>
      </c>
      <c r="G1413" t="s">
        <v>80</v>
      </c>
      <c r="H1413" t="s">
        <v>81</v>
      </c>
      <c r="I1413" s="2">
        <v>0</v>
      </c>
      <c r="J1413" s="2">
        <v>1</v>
      </c>
      <c r="K1413" s="2">
        <v>0</v>
      </c>
      <c r="L1413" t="s">
        <v>82</v>
      </c>
      <c r="M1413" t="s">
        <v>83</v>
      </c>
      <c r="N1413" t="s">
        <v>91</v>
      </c>
      <c r="O1413" t="s">
        <v>85</v>
      </c>
      <c r="P1413" t="s">
        <v>86</v>
      </c>
      <c r="Q1413">
        <v>12</v>
      </c>
      <c r="R1413">
        <v>12</v>
      </c>
      <c r="S1413">
        <v>12</v>
      </c>
      <c r="T1413">
        <v>12</v>
      </c>
      <c r="U1413">
        <v>12</v>
      </c>
      <c r="V1413">
        <v>12</v>
      </c>
      <c r="W1413">
        <v>12</v>
      </c>
      <c r="X1413">
        <v>13</v>
      </c>
      <c r="Y1413">
        <v>13</v>
      </c>
      <c r="Z1413">
        <v>13</v>
      </c>
      <c r="AA1413">
        <v>13</v>
      </c>
      <c r="AB1413">
        <v>13</v>
      </c>
      <c r="AC1413">
        <v>13</v>
      </c>
      <c r="AD1413">
        <v>13</v>
      </c>
      <c r="AE1413">
        <v>13</v>
      </c>
      <c r="AF1413">
        <v>13</v>
      </c>
      <c r="AG1413">
        <v>13</v>
      </c>
      <c r="AH1413">
        <v>13</v>
      </c>
      <c r="AI1413">
        <v>13</v>
      </c>
      <c r="AJ1413">
        <v>13</v>
      </c>
      <c r="AK1413">
        <v>13</v>
      </c>
      <c r="AL1413">
        <v>13</v>
      </c>
      <c r="AM1413">
        <v>13</v>
      </c>
      <c r="AN1413">
        <v>13</v>
      </c>
      <c r="AO1413">
        <v>13</v>
      </c>
      <c r="AP1413">
        <v>13</v>
      </c>
      <c r="AQ1413">
        <v>13</v>
      </c>
    </row>
    <row r="1414" spans="1:43">
      <c r="A1414" t="s">
        <v>959</v>
      </c>
      <c r="B1414" t="s">
        <v>960</v>
      </c>
      <c r="C1414" t="s">
        <v>961</v>
      </c>
      <c r="D1414" t="s">
        <v>962</v>
      </c>
      <c r="E1414" t="s">
        <v>847</v>
      </c>
      <c r="F1414" t="s">
        <v>848</v>
      </c>
      <c r="G1414" t="s">
        <v>80</v>
      </c>
      <c r="H1414" t="s">
        <v>81</v>
      </c>
      <c r="I1414" s="2">
        <v>0</v>
      </c>
      <c r="J1414" s="2">
        <v>1</v>
      </c>
      <c r="K1414" s="2">
        <v>0</v>
      </c>
      <c r="L1414" t="s">
        <v>82</v>
      </c>
      <c r="M1414" t="s">
        <v>83</v>
      </c>
      <c r="N1414" t="s">
        <v>84</v>
      </c>
      <c r="O1414" t="s">
        <v>85</v>
      </c>
      <c r="P1414" t="s">
        <v>86</v>
      </c>
      <c r="Q1414">
        <v>13</v>
      </c>
      <c r="R1414">
        <v>13</v>
      </c>
      <c r="S1414">
        <v>13</v>
      </c>
      <c r="T1414">
        <v>13</v>
      </c>
      <c r="U1414">
        <v>13</v>
      </c>
      <c r="V1414">
        <v>13</v>
      </c>
      <c r="W1414">
        <v>13</v>
      </c>
      <c r="X1414">
        <v>14</v>
      </c>
      <c r="Y1414">
        <v>14</v>
      </c>
      <c r="Z1414">
        <v>14</v>
      </c>
      <c r="AA1414">
        <v>14</v>
      </c>
      <c r="AB1414">
        <v>14</v>
      </c>
      <c r="AC1414">
        <v>14</v>
      </c>
      <c r="AD1414">
        <v>14</v>
      </c>
      <c r="AE1414">
        <v>14</v>
      </c>
      <c r="AF1414">
        <v>14</v>
      </c>
      <c r="AG1414">
        <v>14</v>
      </c>
      <c r="AH1414">
        <v>14</v>
      </c>
      <c r="AI1414">
        <v>14</v>
      </c>
      <c r="AJ1414">
        <v>14</v>
      </c>
      <c r="AK1414">
        <v>14</v>
      </c>
      <c r="AL1414">
        <v>14</v>
      </c>
      <c r="AM1414">
        <v>14</v>
      </c>
      <c r="AN1414">
        <v>14</v>
      </c>
      <c r="AO1414">
        <v>14</v>
      </c>
      <c r="AP1414">
        <v>14</v>
      </c>
      <c r="AQ1414">
        <v>14</v>
      </c>
    </row>
    <row r="1415" spans="1:43">
      <c r="A1415" t="s">
        <v>959</v>
      </c>
      <c r="B1415" t="s">
        <v>960</v>
      </c>
      <c r="C1415" t="s">
        <v>961</v>
      </c>
      <c r="D1415" t="s">
        <v>962</v>
      </c>
      <c r="E1415" t="s">
        <v>847</v>
      </c>
      <c r="F1415" t="s">
        <v>848</v>
      </c>
      <c r="G1415" t="s">
        <v>80</v>
      </c>
      <c r="H1415" t="s">
        <v>81</v>
      </c>
      <c r="I1415" s="2">
        <v>0</v>
      </c>
      <c r="J1415" s="2">
        <v>1</v>
      </c>
      <c r="K1415" s="2">
        <v>0</v>
      </c>
      <c r="L1415" t="s">
        <v>82</v>
      </c>
      <c r="M1415" t="s">
        <v>87</v>
      </c>
      <c r="N1415" t="s">
        <v>88</v>
      </c>
      <c r="O1415" t="s">
        <v>85</v>
      </c>
      <c r="P1415" t="s">
        <v>86</v>
      </c>
      <c r="Q1415">
        <v>13</v>
      </c>
      <c r="R1415">
        <v>13</v>
      </c>
      <c r="S1415">
        <v>13</v>
      </c>
      <c r="T1415">
        <v>13</v>
      </c>
      <c r="U1415">
        <v>13</v>
      </c>
      <c r="V1415">
        <v>13</v>
      </c>
      <c r="W1415">
        <v>13</v>
      </c>
      <c r="X1415">
        <v>13</v>
      </c>
      <c r="Y1415">
        <v>13</v>
      </c>
      <c r="Z1415">
        <v>13</v>
      </c>
      <c r="AA1415">
        <v>13</v>
      </c>
      <c r="AB1415">
        <v>13</v>
      </c>
      <c r="AC1415">
        <v>13</v>
      </c>
      <c r="AD1415">
        <v>13</v>
      </c>
      <c r="AE1415">
        <v>13</v>
      </c>
      <c r="AF1415">
        <v>12</v>
      </c>
      <c r="AG1415">
        <v>12</v>
      </c>
      <c r="AH1415">
        <v>12</v>
      </c>
      <c r="AI1415">
        <v>12</v>
      </c>
      <c r="AJ1415">
        <v>12</v>
      </c>
      <c r="AK1415">
        <v>12</v>
      </c>
      <c r="AL1415">
        <v>12</v>
      </c>
      <c r="AM1415">
        <v>12</v>
      </c>
      <c r="AN1415">
        <v>12</v>
      </c>
      <c r="AO1415">
        <v>12</v>
      </c>
      <c r="AP1415">
        <v>12</v>
      </c>
      <c r="AQ1415">
        <v>12</v>
      </c>
    </row>
    <row r="1416" spans="1:43">
      <c r="A1416" t="s">
        <v>959</v>
      </c>
      <c r="B1416" t="s">
        <v>960</v>
      </c>
      <c r="C1416" t="s">
        <v>961</v>
      </c>
      <c r="D1416" t="s">
        <v>962</v>
      </c>
      <c r="E1416" t="s">
        <v>847</v>
      </c>
      <c r="F1416" t="s">
        <v>848</v>
      </c>
      <c r="G1416" t="s">
        <v>80</v>
      </c>
      <c r="H1416" t="s">
        <v>81</v>
      </c>
      <c r="I1416" s="2">
        <v>0</v>
      </c>
      <c r="J1416" s="2">
        <v>1</v>
      </c>
      <c r="K1416" s="2">
        <v>0</v>
      </c>
      <c r="L1416" t="s">
        <v>82</v>
      </c>
      <c r="M1416" t="s">
        <v>89</v>
      </c>
      <c r="N1416" t="s">
        <v>90</v>
      </c>
      <c r="O1416" t="s">
        <v>85</v>
      </c>
      <c r="P1416" t="s">
        <v>86</v>
      </c>
      <c r="Q1416">
        <v>13</v>
      </c>
      <c r="R1416">
        <v>13</v>
      </c>
      <c r="S1416">
        <v>13</v>
      </c>
      <c r="T1416">
        <v>14</v>
      </c>
      <c r="U1416">
        <v>14</v>
      </c>
      <c r="V1416">
        <v>14</v>
      </c>
      <c r="W1416">
        <v>14</v>
      </c>
      <c r="X1416">
        <v>14</v>
      </c>
      <c r="Y1416">
        <v>14</v>
      </c>
      <c r="Z1416">
        <v>15</v>
      </c>
      <c r="AA1416">
        <v>15</v>
      </c>
      <c r="AB1416">
        <v>15</v>
      </c>
      <c r="AC1416">
        <v>15</v>
      </c>
      <c r="AD1416">
        <v>15</v>
      </c>
      <c r="AE1416">
        <v>15</v>
      </c>
      <c r="AF1416">
        <v>15</v>
      </c>
      <c r="AG1416">
        <v>15</v>
      </c>
      <c r="AH1416">
        <v>15</v>
      </c>
      <c r="AI1416">
        <v>15</v>
      </c>
      <c r="AJ1416">
        <v>15</v>
      </c>
      <c r="AK1416">
        <v>15</v>
      </c>
      <c r="AL1416">
        <v>15</v>
      </c>
      <c r="AM1416">
        <v>14</v>
      </c>
      <c r="AN1416">
        <v>14</v>
      </c>
      <c r="AO1416">
        <v>14</v>
      </c>
      <c r="AP1416">
        <v>14</v>
      </c>
      <c r="AQ1416">
        <v>14</v>
      </c>
    </row>
    <row r="1417" spans="1:43">
      <c r="A1417" t="s">
        <v>959</v>
      </c>
      <c r="B1417" t="s">
        <v>960</v>
      </c>
      <c r="C1417" t="s">
        <v>961</v>
      </c>
      <c r="D1417" t="s">
        <v>962</v>
      </c>
      <c r="E1417" t="s">
        <v>847</v>
      </c>
      <c r="F1417" t="s">
        <v>848</v>
      </c>
      <c r="G1417" t="s">
        <v>80</v>
      </c>
      <c r="H1417" t="s">
        <v>81</v>
      </c>
      <c r="I1417" s="2">
        <v>0</v>
      </c>
      <c r="J1417" s="2">
        <v>1</v>
      </c>
      <c r="K1417" s="2">
        <v>0</v>
      </c>
      <c r="L1417" t="s">
        <v>82</v>
      </c>
      <c r="M1417" t="s">
        <v>83</v>
      </c>
      <c r="N1417" t="s">
        <v>91</v>
      </c>
      <c r="O1417" t="s">
        <v>85</v>
      </c>
      <c r="P1417" t="s">
        <v>86</v>
      </c>
      <c r="Q1417">
        <v>13</v>
      </c>
      <c r="R1417">
        <v>13</v>
      </c>
      <c r="S1417">
        <v>13</v>
      </c>
      <c r="T1417">
        <v>13</v>
      </c>
      <c r="U1417">
        <v>13</v>
      </c>
      <c r="V1417">
        <v>13</v>
      </c>
      <c r="W1417">
        <v>13</v>
      </c>
      <c r="X1417">
        <v>14</v>
      </c>
      <c r="Y1417">
        <v>14</v>
      </c>
      <c r="Z1417">
        <v>14</v>
      </c>
      <c r="AA1417">
        <v>14</v>
      </c>
      <c r="AB1417">
        <v>14</v>
      </c>
      <c r="AC1417">
        <v>14</v>
      </c>
      <c r="AD1417">
        <v>14</v>
      </c>
      <c r="AE1417">
        <v>14</v>
      </c>
      <c r="AF1417">
        <v>14</v>
      </c>
      <c r="AG1417">
        <v>14</v>
      </c>
      <c r="AH1417">
        <v>14</v>
      </c>
      <c r="AI1417">
        <v>14</v>
      </c>
      <c r="AJ1417">
        <v>14</v>
      </c>
      <c r="AK1417">
        <v>14</v>
      </c>
      <c r="AL1417">
        <v>14</v>
      </c>
      <c r="AM1417">
        <v>14</v>
      </c>
      <c r="AN1417">
        <v>14</v>
      </c>
      <c r="AO1417">
        <v>14</v>
      </c>
      <c r="AP1417">
        <v>14</v>
      </c>
      <c r="AQ1417">
        <v>14</v>
      </c>
    </row>
    <row r="1418" spans="1:43">
      <c r="A1418" t="s">
        <v>963</v>
      </c>
      <c r="B1418" t="s">
        <v>964</v>
      </c>
      <c r="C1418" t="s">
        <v>961</v>
      </c>
      <c r="D1418" t="s">
        <v>962</v>
      </c>
      <c r="E1418" t="s">
        <v>847</v>
      </c>
      <c r="F1418" t="s">
        <v>848</v>
      </c>
      <c r="G1418" t="s">
        <v>80</v>
      </c>
      <c r="H1418" t="s">
        <v>81</v>
      </c>
      <c r="I1418" s="2">
        <v>0</v>
      </c>
      <c r="J1418" s="2">
        <v>1</v>
      </c>
      <c r="K1418" s="2">
        <v>0</v>
      </c>
      <c r="L1418" t="s">
        <v>82</v>
      </c>
      <c r="M1418" t="s">
        <v>83</v>
      </c>
      <c r="N1418" t="s">
        <v>84</v>
      </c>
      <c r="O1418" t="s">
        <v>85</v>
      </c>
      <c r="P1418" t="s">
        <v>86</v>
      </c>
      <c r="Q1418">
        <v>21</v>
      </c>
      <c r="R1418">
        <v>21</v>
      </c>
      <c r="S1418">
        <v>21</v>
      </c>
      <c r="T1418">
        <v>21</v>
      </c>
      <c r="U1418">
        <v>22</v>
      </c>
      <c r="V1418">
        <v>22</v>
      </c>
      <c r="W1418">
        <v>22</v>
      </c>
      <c r="X1418">
        <v>22</v>
      </c>
      <c r="Y1418">
        <v>22</v>
      </c>
      <c r="Z1418">
        <v>22</v>
      </c>
      <c r="AA1418">
        <v>22</v>
      </c>
      <c r="AB1418">
        <v>22</v>
      </c>
      <c r="AC1418">
        <v>22</v>
      </c>
      <c r="AD1418">
        <v>22</v>
      </c>
      <c r="AE1418">
        <v>22</v>
      </c>
      <c r="AF1418">
        <v>23</v>
      </c>
      <c r="AG1418">
        <v>23</v>
      </c>
      <c r="AH1418">
        <v>23</v>
      </c>
      <c r="AI1418">
        <v>23</v>
      </c>
      <c r="AJ1418">
        <v>23</v>
      </c>
      <c r="AK1418">
        <v>23</v>
      </c>
      <c r="AL1418">
        <v>23</v>
      </c>
      <c r="AM1418">
        <v>23</v>
      </c>
      <c r="AN1418">
        <v>23</v>
      </c>
      <c r="AO1418">
        <v>22</v>
      </c>
      <c r="AP1418">
        <v>22</v>
      </c>
      <c r="AQ1418">
        <v>22</v>
      </c>
    </row>
    <row r="1419" spans="1:43">
      <c r="A1419" t="s">
        <v>963</v>
      </c>
      <c r="B1419" t="s">
        <v>964</v>
      </c>
      <c r="C1419" t="s">
        <v>961</v>
      </c>
      <c r="D1419" t="s">
        <v>962</v>
      </c>
      <c r="E1419" t="s">
        <v>847</v>
      </c>
      <c r="F1419" t="s">
        <v>848</v>
      </c>
      <c r="G1419" t="s">
        <v>80</v>
      </c>
      <c r="H1419" t="s">
        <v>81</v>
      </c>
      <c r="I1419" s="2">
        <v>0</v>
      </c>
      <c r="J1419" s="2">
        <v>1</v>
      </c>
      <c r="K1419" s="2">
        <v>0</v>
      </c>
      <c r="L1419" t="s">
        <v>82</v>
      </c>
      <c r="M1419" t="s">
        <v>87</v>
      </c>
      <c r="N1419" t="s">
        <v>88</v>
      </c>
      <c r="O1419" t="s">
        <v>85</v>
      </c>
      <c r="P1419" t="s">
        <v>86</v>
      </c>
      <c r="Q1419">
        <v>21</v>
      </c>
      <c r="R1419">
        <v>21</v>
      </c>
      <c r="S1419">
        <v>21</v>
      </c>
      <c r="T1419">
        <v>21</v>
      </c>
      <c r="U1419">
        <v>21</v>
      </c>
      <c r="V1419">
        <v>21</v>
      </c>
      <c r="W1419">
        <v>20</v>
      </c>
      <c r="X1419">
        <v>20</v>
      </c>
      <c r="Y1419">
        <v>20</v>
      </c>
      <c r="Z1419">
        <v>20</v>
      </c>
      <c r="AA1419">
        <v>20</v>
      </c>
      <c r="AB1419">
        <v>20</v>
      </c>
      <c r="AC1419">
        <v>20</v>
      </c>
      <c r="AD1419">
        <v>20</v>
      </c>
      <c r="AE1419">
        <v>20</v>
      </c>
      <c r="AF1419">
        <v>20</v>
      </c>
      <c r="AG1419">
        <v>20</v>
      </c>
      <c r="AH1419">
        <v>20</v>
      </c>
      <c r="AI1419">
        <v>20</v>
      </c>
      <c r="AJ1419">
        <v>20</v>
      </c>
      <c r="AK1419">
        <v>20</v>
      </c>
      <c r="AL1419">
        <v>20</v>
      </c>
      <c r="AM1419">
        <v>20</v>
      </c>
      <c r="AN1419">
        <v>20</v>
      </c>
      <c r="AO1419">
        <v>19</v>
      </c>
      <c r="AP1419">
        <v>19</v>
      </c>
      <c r="AQ1419">
        <v>19</v>
      </c>
    </row>
    <row r="1420" spans="1:43">
      <c r="A1420" t="s">
        <v>963</v>
      </c>
      <c r="B1420" t="s">
        <v>964</v>
      </c>
      <c r="C1420" t="s">
        <v>961</v>
      </c>
      <c r="D1420" t="s">
        <v>962</v>
      </c>
      <c r="E1420" t="s">
        <v>847</v>
      </c>
      <c r="F1420" t="s">
        <v>848</v>
      </c>
      <c r="G1420" t="s">
        <v>80</v>
      </c>
      <c r="H1420" t="s">
        <v>81</v>
      </c>
      <c r="I1420" s="2">
        <v>0</v>
      </c>
      <c r="J1420" s="2">
        <v>1</v>
      </c>
      <c r="K1420" s="2">
        <v>0</v>
      </c>
      <c r="L1420" t="s">
        <v>82</v>
      </c>
      <c r="M1420" t="s">
        <v>89</v>
      </c>
      <c r="N1420" t="s">
        <v>90</v>
      </c>
      <c r="O1420" t="s">
        <v>85</v>
      </c>
      <c r="P1420" t="s">
        <v>86</v>
      </c>
      <c r="Q1420">
        <v>21</v>
      </c>
      <c r="R1420">
        <v>22</v>
      </c>
      <c r="S1420">
        <v>22</v>
      </c>
      <c r="T1420">
        <v>22</v>
      </c>
      <c r="U1420">
        <v>22</v>
      </c>
      <c r="V1420">
        <v>23</v>
      </c>
      <c r="W1420">
        <v>23</v>
      </c>
      <c r="X1420">
        <v>23</v>
      </c>
      <c r="Y1420">
        <v>23</v>
      </c>
      <c r="Z1420">
        <v>23</v>
      </c>
      <c r="AA1420">
        <v>24</v>
      </c>
      <c r="AB1420">
        <v>24</v>
      </c>
      <c r="AC1420">
        <v>24</v>
      </c>
      <c r="AD1420">
        <v>24</v>
      </c>
      <c r="AE1420">
        <v>24</v>
      </c>
      <c r="AF1420">
        <v>24</v>
      </c>
      <c r="AG1420">
        <v>24</v>
      </c>
      <c r="AH1420">
        <v>24</v>
      </c>
      <c r="AI1420">
        <v>23</v>
      </c>
      <c r="AJ1420">
        <v>23</v>
      </c>
      <c r="AK1420">
        <v>23</v>
      </c>
      <c r="AL1420">
        <v>23</v>
      </c>
      <c r="AM1420">
        <v>23</v>
      </c>
      <c r="AN1420">
        <v>23</v>
      </c>
      <c r="AO1420">
        <v>23</v>
      </c>
      <c r="AP1420">
        <v>23</v>
      </c>
      <c r="AQ1420">
        <v>22</v>
      </c>
    </row>
    <row r="1421" spans="1:43">
      <c r="A1421" t="s">
        <v>963</v>
      </c>
      <c r="B1421" t="s">
        <v>964</v>
      </c>
      <c r="C1421" t="s">
        <v>961</v>
      </c>
      <c r="D1421" t="s">
        <v>962</v>
      </c>
      <c r="E1421" t="s">
        <v>847</v>
      </c>
      <c r="F1421" t="s">
        <v>848</v>
      </c>
      <c r="G1421" t="s">
        <v>80</v>
      </c>
      <c r="H1421" t="s">
        <v>81</v>
      </c>
      <c r="I1421" s="2">
        <v>0</v>
      </c>
      <c r="J1421" s="2">
        <v>1</v>
      </c>
      <c r="K1421" s="2">
        <v>0</v>
      </c>
      <c r="L1421" t="s">
        <v>82</v>
      </c>
      <c r="M1421" t="s">
        <v>83</v>
      </c>
      <c r="N1421" t="s">
        <v>91</v>
      </c>
      <c r="O1421" t="s">
        <v>85</v>
      </c>
      <c r="P1421" t="s">
        <v>86</v>
      </c>
      <c r="Q1421">
        <v>21</v>
      </c>
      <c r="R1421">
        <v>21</v>
      </c>
      <c r="S1421">
        <v>21</v>
      </c>
      <c r="T1421">
        <v>21</v>
      </c>
      <c r="U1421">
        <v>22</v>
      </c>
      <c r="V1421">
        <v>22</v>
      </c>
      <c r="W1421">
        <v>22</v>
      </c>
      <c r="X1421">
        <v>22</v>
      </c>
      <c r="Y1421">
        <v>22</v>
      </c>
      <c r="Z1421">
        <v>22</v>
      </c>
      <c r="AA1421">
        <v>22</v>
      </c>
      <c r="AB1421">
        <v>22</v>
      </c>
      <c r="AC1421">
        <v>22</v>
      </c>
      <c r="AD1421">
        <v>22</v>
      </c>
      <c r="AE1421">
        <v>22</v>
      </c>
      <c r="AF1421">
        <v>23</v>
      </c>
      <c r="AG1421">
        <v>23</v>
      </c>
      <c r="AH1421">
        <v>23</v>
      </c>
      <c r="AI1421">
        <v>23</v>
      </c>
      <c r="AJ1421">
        <v>23</v>
      </c>
      <c r="AK1421">
        <v>23</v>
      </c>
      <c r="AL1421">
        <v>23</v>
      </c>
      <c r="AM1421">
        <v>23</v>
      </c>
      <c r="AN1421">
        <v>23</v>
      </c>
      <c r="AO1421">
        <v>22</v>
      </c>
      <c r="AP1421">
        <v>22</v>
      </c>
      <c r="AQ1421">
        <v>22</v>
      </c>
    </row>
    <row r="1422" spans="1:43">
      <c r="A1422" t="s">
        <v>965</v>
      </c>
      <c r="B1422" t="s">
        <v>966</v>
      </c>
      <c r="C1422" t="s">
        <v>845</v>
      </c>
      <c r="D1422" t="s">
        <v>846</v>
      </c>
      <c r="E1422" t="s">
        <v>847</v>
      </c>
      <c r="F1422" t="s">
        <v>848</v>
      </c>
      <c r="G1422" t="s">
        <v>80</v>
      </c>
      <c r="H1422" t="s">
        <v>81</v>
      </c>
      <c r="I1422" s="2">
        <v>0</v>
      </c>
      <c r="J1422" s="2">
        <v>1</v>
      </c>
      <c r="K1422" s="2">
        <v>0</v>
      </c>
      <c r="L1422" t="s">
        <v>82</v>
      </c>
      <c r="M1422" t="s">
        <v>83</v>
      </c>
      <c r="N1422" t="s">
        <v>84</v>
      </c>
      <c r="O1422" t="s">
        <v>85</v>
      </c>
      <c r="P1422" t="s">
        <v>86</v>
      </c>
      <c r="Q1422">
        <v>9</v>
      </c>
      <c r="R1422">
        <v>9</v>
      </c>
      <c r="S1422">
        <v>9</v>
      </c>
      <c r="T1422">
        <v>9</v>
      </c>
      <c r="U1422">
        <v>9</v>
      </c>
      <c r="V1422">
        <v>9</v>
      </c>
      <c r="W1422">
        <v>9</v>
      </c>
      <c r="X1422">
        <v>9</v>
      </c>
      <c r="Y1422">
        <v>9</v>
      </c>
      <c r="Z1422">
        <v>9</v>
      </c>
      <c r="AA1422">
        <v>9</v>
      </c>
      <c r="AB1422">
        <v>9</v>
      </c>
      <c r="AC1422">
        <v>9</v>
      </c>
      <c r="AD1422">
        <v>9</v>
      </c>
      <c r="AE1422">
        <v>9</v>
      </c>
      <c r="AF1422">
        <v>9</v>
      </c>
      <c r="AG1422">
        <v>9</v>
      </c>
      <c r="AH1422">
        <v>9</v>
      </c>
      <c r="AI1422">
        <v>9</v>
      </c>
      <c r="AJ1422">
        <v>9</v>
      </c>
      <c r="AK1422">
        <v>9</v>
      </c>
      <c r="AL1422">
        <v>9</v>
      </c>
      <c r="AM1422">
        <v>9</v>
      </c>
      <c r="AN1422">
        <v>9</v>
      </c>
      <c r="AO1422">
        <v>9</v>
      </c>
      <c r="AP1422">
        <v>9</v>
      </c>
      <c r="AQ1422">
        <v>9</v>
      </c>
    </row>
    <row r="1423" spans="1:43">
      <c r="A1423" t="s">
        <v>965</v>
      </c>
      <c r="B1423" t="s">
        <v>966</v>
      </c>
      <c r="C1423" t="s">
        <v>845</v>
      </c>
      <c r="D1423" t="s">
        <v>846</v>
      </c>
      <c r="E1423" t="s">
        <v>847</v>
      </c>
      <c r="F1423" t="s">
        <v>848</v>
      </c>
      <c r="G1423" t="s">
        <v>80</v>
      </c>
      <c r="H1423" t="s">
        <v>81</v>
      </c>
      <c r="I1423" s="2">
        <v>0</v>
      </c>
      <c r="J1423" s="2">
        <v>1</v>
      </c>
      <c r="K1423" s="2">
        <v>0</v>
      </c>
      <c r="L1423" t="s">
        <v>82</v>
      </c>
      <c r="M1423" t="s">
        <v>87</v>
      </c>
      <c r="N1423" t="s">
        <v>88</v>
      </c>
      <c r="O1423" t="s">
        <v>85</v>
      </c>
      <c r="P1423" t="s">
        <v>86</v>
      </c>
      <c r="Q1423">
        <v>9</v>
      </c>
      <c r="R1423">
        <v>9</v>
      </c>
      <c r="S1423">
        <v>9</v>
      </c>
      <c r="T1423">
        <v>9</v>
      </c>
      <c r="U1423">
        <v>9</v>
      </c>
      <c r="V1423">
        <v>9</v>
      </c>
      <c r="W1423">
        <v>9</v>
      </c>
      <c r="X1423">
        <v>9</v>
      </c>
      <c r="Y1423">
        <v>9</v>
      </c>
      <c r="Z1423">
        <v>9</v>
      </c>
      <c r="AA1423">
        <v>9</v>
      </c>
      <c r="AB1423">
        <v>9</v>
      </c>
      <c r="AC1423">
        <v>9</v>
      </c>
      <c r="AD1423">
        <v>9</v>
      </c>
      <c r="AE1423">
        <v>9</v>
      </c>
      <c r="AF1423">
        <v>9</v>
      </c>
      <c r="AG1423">
        <v>9</v>
      </c>
      <c r="AH1423">
        <v>9</v>
      </c>
      <c r="AI1423">
        <v>9</v>
      </c>
      <c r="AJ1423">
        <v>9</v>
      </c>
      <c r="AK1423">
        <v>9</v>
      </c>
      <c r="AL1423">
        <v>9</v>
      </c>
      <c r="AM1423">
        <v>9</v>
      </c>
      <c r="AN1423">
        <v>9</v>
      </c>
      <c r="AO1423">
        <v>9</v>
      </c>
      <c r="AP1423">
        <v>9</v>
      </c>
      <c r="AQ1423">
        <v>9</v>
      </c>
    </row>
    <row r="1424" spans="1:43">
      <c r="A1424" t="s">
        <v>965</v>
      </c>
      <c r="B1424" t="s">
        <v>966</v>
      </c>
      <c r="C1424" t="s">
        <v>845</v>
      </c>
      <c r="D1424" t="s">
        <v>846</v>
      </c>
      <c r="E1424" t="s">
        <v>847</v>
      </c>
      <c r="F1424" t="s">
        <v>848</v>
      </c>
      <c r="G1424" t="s">
        <v>80</v>
      </c>
      <c r="H1424" t="s">
        <v>81</v>
      </c>
      <c r="I1424" s="2">
        <v>0</v>
      </c>
      <c r="J1424" s="2">
        <v>1</v>
      </c>
      <c r="K1424" s="2">
        <v>0</v>
      </c>
      <c r="L1424" t="s">
        <v>82</v>
      </c>
      <c r="M1424" t="s">
        <v>89</v>
      </c>
      <c r="N1424" t="s">
        <v>90</v>
      </c>
      <c r="O1424" t="s">
        <v>85</v>
      </c>
      <c r="P1424" t="s">
        <v>86</v>
      </c>
      <c r="Q1424">
        <v>9</v>
      </c>
      <c r="R1424">
        <v>9</v>
      </c>
      <c r="S1424">
        <v>9</v>
      </c>
      <c r="T1424">
        <v>9</v>
      </c>
      <c r="U1424">
        <v>9</v>
      </c>
      <c r="V1424">
        <v>9</v>
      </c>
      <c r="W1424">
        <v>9</v>
      </c>
      <c r="X1424">
        <v>9</v>
      </c>
      <c r="Y1424">
        <v>10</v>
      </c>
      <c r="Z1424">
        <v>10</v>
      </c>
      <c r="AA1424">
        <v>10</v>
      </c>
      <c r="AB1424">
        <v>10</v>
      </c>
      <c r="AC1424">
        <v>10</v>
      </c>
      <c r="AD1424">
        <v>10</v>
      </c>
      <c r="AE1424">
        <v>10</v>
      </c>
      <c r="AF1424">
        <v>10</v>
      </c>
      <c r="AG1424">
        <v>10</v>
      </c>
      <c r="AH1424">
        <v>10</v>
      </c>
      <c r="AI1424">
        <v>10</v>
      </c>
      <c r="AJ1424">
        <v>10</v>
      </c>
      <c r="AK1424">
        <v>10</v>
      </c>
      <c r="AL1424">
        <v>10</v>
      </c>
      <c r="AM1424">
        <v>10</v>
      </c>
      <c r="AN1424">
        <v>10</v>
      </c>
      <c r="AO1424">
        <v>10</v>
      </c>
      <c r="AP1424">
        <v>9</v>
      </c>
      <c r="AQ1424">
        <v>9</v>
      </c>
    </row>
    <row r="1425" spans="1:43">
      <c r="A1425" t="s">
        <v>965</v>
      </c>
      <c r="B1425" t="s">
        <v>966</v>
      </c>
      <c r="C1425" t="s">
        <v>845</v>
      </c>
      <c r="D1425" t="s">
        <v>846</v>
      </c>
      <c r="E1425" t="s">
        <v>847</v>
      </c>
      <c r="F1425" t="s">
        <v>848</v>
      </c>
      <c r="G1425" t="s">
        <v>80</v>
      </c>
      <c r="H1425" t="s">
        <v>81</v>
      </c>
      <c r="I1425" s="2">
        <v>0</v>
      </c>
      <c r="J1425" s="2">
        <v>1</v>
      </c>
      <c r="K1425" s="2">
        <v>0</v>
      </c>
      <c r="L1425" t="s">
        <v>82</v>
      </c>
      <c r="M1425" t="s">
        <v>83</v>
      </c>
      <c r="N1425" t="s">
        <v>91</v>
      </c>
      <c r="O1425" t="s">
        <v>85</v>
      </c>
      <c r="P1425" t="s">
        <v>86</v>
      </c>
      <c r="Q1425">
        <v>9</v>
      </c>
      <c r="R1425">
        <v>9</v>
      </c>
      <c r="S1425">
        <v>9</v>
      </c>
      <c r="T1425">
        <v>9</v>
      </c>
      <c r="U1425">
        <v>9</v>
      </c>
      <c r="V1425">
        <v>9</v>
      </c>
      <c r="W1425">
        <v>9</v>
      </c>
      <c r="X1425">
        <v>9</v>
      </c>
      <c r="Y1425">
        <v>9</v>
      </c>
      <c r="Z1425">
        <v>9</v>
      </c>
      <c r="AA1425">
        <v>9</v>
      </c>
      <c r="AB1425">
        <v>9</v>
      </c>
      <c r="AC1425">
        <v>9</v>
      </c>
      <c r="AD1425">
        <v>9</v>
      </c>
      <c r="AE1425">
        <v>9</v>
      </c>
      <c r="AF1425">
        <v>9</v>
      </c>
      <c r="AG1425">
        <v>9</v>
      </c>
      <c r="AH1425">
        <v>9</v>
      </c>
      <c r="AI1425">
        <v>9</v>
      </c>
      <c r="AJ1425">
        <v>9</v>
      </c>
      <c r="AK1425">
        <v>9</v>
      </c>
      <c r="AL1425">
        <v>9</v>
      </c>
      <c r="AM1425">
        <v>9</v>
      </c>
      <c r="AN1425">
        <v>9</v>
      </c>
      <c r="AO1425">
        <v>9</v>
      </c>
      <c r="AP1425">
        <v>9</v>
      </c>
      <c r="AQ1425">
        <v>9</v>
      </c>
    </row>
    <row r="1426" spans="1:43">
      <c r="A1426" t="s">
        <v>967</v>
      </c>
      <c r="B1426" t="s">
        <v>968</v>
      </c>
      <c r="C1426" t="s">
        <v>845</v>
      </c>
      <c r="D1426" t="s">
        <v>846</v>
      </c>
      <c r="E1426" t="s">
        <v>847</v>
      </c>
      <c r="F1426" t="s">
        <v>848</v>
      </c>
      <c r="G1426" t="s">
        <v>80</v>
      </c>
      <c r="H1426" t="s">
        <v>81</v>
      </c>
      <c r="I1426" s="2">
        <v>0</v>
      </c>
      <c r="J1426" s="2">
        <v>1</v>
      </c>
      <c r="K1426" s="2">
        <v>0</v>
      </c>
      <c r="L1426" t="s">
        <v>82</v>
      </c>
      <c r="M1426" t="s">
        <v>83</v>
      </c>
      <c r="N1426" t="s">
        <v>84</v>
      </c>
      <c r="O1426" t="s">
        <v>85</v>
      </c>
      <c r="P1426" t="s">
        <v>86</v>
      </c>
      <c r="Q1426">
        <v>18</v>
      </c>
      <c r="R1426">
        <v>18</v>
      </c>
      <c r="S1426">
        <v>18</v>
      </c>
      <c r="T1426">
        <v>18</v>
      </c>
      <c r="U1426">
        <v>18</v>
      </c>
      <c r="V1426">
        <v>18</v>
      </c>
      <c r="W1426">
        <v>18</v>
      </c>
      <c r="X1426">
        <v>18</v>
      </c>
      <c r="Y1426">
        <v>18</v>
      </c>
      <c r="Z1426">
        <v>19</v>
      </c>
      <c r="AA1426">
        <v>19</v>
      </c>
      <c r="AB1426">
        <v>19</v>
      </c>
      <c r="AC1426">
        <v>19</v>
      </c>
      <c r="AD1426">
        <v>19</v>
      </c>
      <c r="AE1426">
        <v>19</v>
      </c>
      <c r="AF1426">
        <v>19</v>
      </c>
      <c r="AG1426">
        <v>19</v>
      </c>
      <c r="AH1426">
        <v>19</v>
      </c>
      <c r="AI1426">
        <v>19</v>
      </c>
      <c r="AJ1426">
        <v>19</v>
      </c>
      <c r="AK1426">
        <v>19</v>
      </c>
      <c r="AL1426">
        <v>19</v>
      </c>
      <c r="AM1426">
        <v>19</v>
      </c>
      <c r="AN1426">
        <v>19</v>
      </c>
      <c r="AO1426">
        <v>19</v>
      </c>
      <c r="AP1426">
        <v>19</v>
      </c>
      <c r="AQ1426">
        <v>18</v>
      </c>
    </row>
    <row r="1427" spans="1:43">
      <c r="A1427" t="s">
        <v>967</v>
      </c>
      <c r="B1427" t="s">
        <v>968</v>
      </c>
      <c r="C1427" t="s">
        <v>845</v>
      </c>
      <c r="D1427" t="s">
        <v>846</v>
      </c>
      <c r="E1427" t="s">
        <v>847</v>
      </c>
      <c r="F1427" t="s">
        <v>848</v>
      </c>
      <c r="G1427" t="s">
        <v>80</v>
      </c>
      <c r="H1427" t="s">
        <v>81</v>
      </c>
      <c r="I1427" s="2">
        <v>0</v>
      </c>
      <c r="J1427" s="2">
        <v>1</v>
      </c>
      <c r="K1427" s="2">
        <v>0</v>
      </c>
      <c r="L1427" t="s">
        <v>82</v>
      </c>
      <c r="M1427" t="s">
        <v>87</v>
      </c>
      <c r="N1427" t="s">
        <v>88</v>
      </c>
      <c r="O1427" t="s">
        <v>85</v>
      </c>
      <c r="P1427" t="s">
        <v>86</v>
      </c>
      <c r="Q1427">
        <v>18</v>
      </c>
      <c r="R1427">
        <v>18</v>
      </c>
      <c r="S1427">
        <v>17</v>
      </c>
      <c r="T1427">
        <v>17</v>
      </c>
      <c r="U1427">
        <v>17</v>
      </c>
      <c r="V1427">
        <v>17</v>
      </c>
      <c r="W1427">
        <v>17</v>
      </c>
      <c r="X1427">
        <v>17</v>
      </c>
      <c r="Y1427">
        <v>17</v>
      </c>
      <c r="Z1427">
        <v>17</v>
      </c>
      <c r="AA1427">
        <v>17</v>
      </c>
      <c r="AB1427">
        <v>17</v>
      </c>
      <c r="AC1427">
        <v>17</v>
      </c>
      <c r="AD1427">
        <v>17</v>
      </c>
      <c r="AE1427">
        <v>17</v>
      </c>
      <c r="AF1427">
        <v>17</v>
      </c>
      <c r="AG1427">
        <v>17</v>
      </c>
      <c r="AH1427">
        <v>17</v>
      </c>
      <c r="AI1427">
        <v>16</v>
      </c>
      <c r="AJ1427">
        <v>16</v>
      </c>
      <c r="AK1427">
        <v>16</v>
      </c>
      <c r="AL1427">
        <v>16</v>
      </c>
      <c r="AM1427">
        <v>16</v>
      </c>
      <c r="AN1427">
        <v>16</v>
      </c>
      <c r="AO1427">
        <v>16</v>
      </c>
      <c r="AP1427">
        <v>16</v>
      </c>
      <c r="AQ1427">
        <v>16</v>
      </c>
    </row>
    <row r="1428" spans="1:43">
      <c r="A1428" t="s">
        <v>967</v>
      </c>
      <c r="B1428" t="s">
        <v>968</v>
      </c>
      <c r="C1428" t="s">
        <v>845</v>
      </c>
      <c r="D1428" t="s">
        <v>846</v>
      </c>
      <c r="E1428" t="s">
        <v>847</v>
      </c>
      <c r="F1428" t="s">
        <v>848</v>
      </c>
      <c r="G1428" t="s">
        <v>80</v>
      </c>
      <c r="H1428" t="s">
        <v>81</v>
      </c>
      <c r="I1428" s="2">
        <v>0</v>
      </c>
      <c r="J1428" s="2">
        <v>1</v>
      </c>
      <c r="K1428" s="2">
        <v>0</v>
      </c>
      <c r="L1428" t="s">
        <v>82</v>
      </c>
      <c r="M1428" t="s">
        <v>89</v>
      </c>
      <c r="N1428" t="s">
        <v>90</v>
      </c>
      <c r="O1428" t="s">
        <v>85</v>
      </c>
      <c r="P1428" t="s">
        <v>86</v>
      </c>
      <c r="Q1428">
        <v>18</v>
      </c>
      <c r="R1428">
        <v>18</v>
      </c>
      <c r="S1428">
        <v>18</v>
      </c>
      <c r="T1428">
        <v>19</v>
      </c>
      <c r="U1428">
        <v>19</v>
      </c>
      <c r="V1428">
        <v>19</v>
      </c>
      <c r="W1428">
        <v>19</v>
      </c>
      <c r="X1428">
        <v>19</v>
      </c>
      <c r="Y1428">
        <v>20</v>
      </c>
      <c r="Z1428">
        <v>20</v>
      </c>
      <c r="AA1428">
        <v>20</v>
      </c>
      <c r="AB1428">
        <v>20</v>
      </c>
      <c r="AC1428">
        <v>20</v>
      </c>
      <c r="AD1428">
        <v>20</v>
      </c>
      <c r="AE1428">
        <v>20</v>
      </c>
      <c r="AF1428">
        <v>20</v>
      </c>
      <c r="AG1428">
        <v>20</v>
      </c>
      <c r="AH1428">
        <v>20</v>
      </c>
      <c r="AI1428">
        <v>20</v>
      </c>
      <c r="AJ1428">
        <v>20</v>
      </c>
      <c r="AK1428">
        <v>19</v>
      </c>
      <c r="AL1428">
        <v>19</v>
      </c>
      <c r="AM1428">
        <v>19</v>
      </c>
      <c r="AN1428">
        <v>19</v>
      </c>
      <c r="AO1428">
        <v>19</v>
      </c>
      <c r="AP1428">
        <v>19</v>
      </c>
      <c r="AQ1428">
        <v>19</v>
      </c>
    </row>
    <row r="1429" spans="1:43">
      <c r="A1429" t="s">
        <v>967</v>
      </c>
      <c r="B1429" t="s">
        <v>968</v>
      </c>
      <c r="C1429" t="s">
        <v>845</v>
      </c>
      <c r="D1429" t="s">
        <v>846</v>
      </c>
      <c r="E1429" t="s">
        <v>847</v>
      </c>
      <c r="F1429" t="s">
        <v>848</v>
      </c>
      <c r="G1429" t="s">
        <v>80</v>
      </c>
      <c r="H1429" t="s">
        <v>81</v>
      </c>
      <c r="I1429" s="2">
        <v>0</v>
      </c>
      <c r="J1429" s="2">
        <v>1</v>
      </c>
      <c r="K1429" s="2">
        <v>0</v>
      </c>
      <c r="L1429" t="s">
        <v>82</v>
      </c>
      <c r="M1429" t="s">
        <v>83</v>
      </c>
      <c r="N1429" t="s">
        <v>91</v>
      </c>
      <c r="O1429" t="s">
        <v>85</v>
      </c>
      <c r="P1429" t="s">
        <v>86</v>
      </c>
      <c r="Q1429">
        <v>18</v>
      </c>
      <c r="R1429">
        <v>18</v>
      </c>
      <c r="S1429">
        <v>18</v>
      </c>
      <c r="T1429">
        <v>18</v>
      </c>
      <c r="U1429">
        <v>18</v>
      </c>
      <c r="V1429">
        <v>18</v>
      </c>
      <c r="W1429">
        <v>18</v>
      </c>
      <c r="X1429">
        <v>18</v>
      </c>
      <c r="Y1429">
        <v>18</v>
      </c>
      <c r="Z1429">
        <v>19</v>
      </c>
      <c r="AA1429">
        <v>19</v>
      </c>
      <c r="AB1429">
        <v>19</v>
      </c>
      <c r="AC1429">
        <v>19</v>
      </c>
      <c r="AD1429">
        <v>19</v>
      </c>
      <c r="AE1429">
        <v>19</v>
      </c>
      <c r="AF1429">
        <v>19</v>
      </c>
      <c r="AG1429">
        <v>19</v>
      </c>
      <c r="AH1429">
        <v>19</v>
      </c>
      <c r="AI1429">
        <v>19</v>
      </c>
      <c r="AJ1429">
        <v>19</v>
      </c>
      <c r="AK1429">
        <v>19</v>
      </c>
      <c r="AL1429">
        <v>19</v>
      </c>
      <c r="AM1429">
        <v>19</v>
      </c>
      <c r="AN1429">
        <v>19</v>
      </c>
      <c r="AO1429">
        <v>19</v>
      </c>
      <c r="AP1429">
        <v>19</v>
      </c>
      <c r="AQ1429">
        <v>18</v>
      </c>
    </row>
    <row r="1430" spans="1:43">
      <c r="A1430" t="s">
        <v>969</v>
      </c>
      <c r="B1430" t="s">
        <v>970</v>
      </c>
      <c r="C1430" t="s">
        <v>845</v>
      </c>
      <c r="D1430" t="s">
        <v>846</v>
      </c>
      <c r="E1430" t="s">
        <v>847</v>
      </c>
      <c r="F1430" t="s">
        <v>848</v>
      </c>
      <c r="G1430" t="s">
        <v>80</v>
      </c>
      <c r="H1430" t="s">
        <v>81</v>
      </c>
      <c r="I1430" s="2">
        <v>0</v>
      </c>
      <c r="J1430" s="2">
        <v>1</v>
      </c>
      <c r="K1430" s="2">
        <v>0</v>
      </c>
      <c r="L1430" t="s">
        <v>82</v>
      </c>
      <c r="M1430" t="s">
        <v>83</v>
      </c>
      <c r="N1430" t="s">
        <v>84</v>
      </c>
      <c r="O1430" t="s">
        <v>85</v>
      </c>
      <c r="P1430" t="s">
        <v>86</v>
      </c>
      <c r="Q1430">
        <v>2</v>
      </c>
      <c r="R1430">
        <v>2</v>
      </c>
      <c r="S1430">
        <v>2</v>
      </c>
      <c r="T1430">
        <v>2</v>
      </c>
      <c r="U1430">
        <v>2</v>
      </c>
      <c r="V1430">
        <v>2</v>
      </c>
      <c r="W1430">
        <v>2</v>
      </c>
      <c r="X1430">
        <v>2</v>
      </c>
      <c r="Y1430">
        <v>2</v>
      </c>
      <c r="Z1430">
        <v>2</v>
      </c>
      <c r="AA1430">
        <v>2</v>
      </c>
      <c r="AB1430">
        <v>2</v>
      </c>
      <c r="AC1430">
        <v>2</v>
      </c>
      <c r="AD1430">
        <v>2</v>
      </c>
      <c r="AE1430">
        <v>2</v>
      </c>
      <c r="AF1430">
        <v>2</v>
      </c>
      <c r="AG1430">
        <v>2</v>
      </c>
      <c r="AH1430">
        <v>2</v>
      </c>
      <c r="AI1430">
        <v>2</v>
      </c>
      <c r="AJ1430">
        <v>2</v>
      </c>
      <c r="AK1430">
        <v>2</v>
      </c>
      <c r="AL1430">
        <v>2</v>
      </c>
      <c r="AM1430">
        <v>2</v>
      </c>
      <c r="AN1430">
        <v>2</v>
      </c>
      <c r="AO1430">
        <v>2</v>
      </c>
      <c r="AP1430">
        <v>2</v>
      </c>
      <c r="AQ1430">
        <v>2</v>
      </c>
    </row>
    <row r="1431" spans="1:43">
      <c r="A1431" t="s">
        <v>969</v>
      </c>
      <c r="B1431" t="s">
        <v>970</v>
      </c>
      <c r="C1431" t="s">
        <v>845</v>
      </c>
      <c r="D1431" t="s">
        <v>846</v>
      </c>
      <c r="E1431" t="s">
        <v>847</v>
      </c>
      <c r="F1431" t="s">
        <v>848</v>
      </c>
      <c r="G1431" t="s">
        <v>80</v>
      </c>
      <c r="H1431" t="s">
        <v>81</v>
      </c>
      <c r="I1431" s="2">
        <v>0</v>
      </c>
      <c r="J1431" s="2">
        <v>1</v>
      </c>
      <c r="K1431" s="2">
        <v>0</v>
      </c>
      <c r="L1431" t="s">
        <v>82</v>
      </c>
      <c r="M1431" t="s">
        <v>87</v>
      </c>
      <c r="N1431" t="s">
        <v>88</v>
      </c>
      <c r="O1431" t="s">
        <v>85</v>
      </c>
      <c r="P1431" t="s">
        <v>86</v>
      </c>
      <c r="Q1431">
        <v>2</v>
      </c>
      <c r="R1431">
        <v>2</v>
      </c>
      <c r="S1431">
        <v>2</v>
      </c>
      <c r="T1431">
        <v>2</v>
      </c>
      <c r="U1431">
        <v>2</v>
      </c>
      <c r="V1431">
        <v>2</v>
      </c>
      <c r="W1431">
        <v>2</v>
      </c>
      <c r="X1431">
        <v>2</v>
      </c>
      <c r="Y1431">
        <v>2</v>
      </c>
      <c r="Z1431">
        <v>2</v>
      </c>
      <c r="AA1431">
        <v>2</v>
      </c>
      <c r="AB1431">
        <v>2</v>
      </c>
      <c r="AC1431">
        <v>2</v>
      </c>
      <c r="AD1431">
        <v>2</v>
      </c>
      <c r="AE1431">
        <v>2</v>
      </c>
      <c r="AF1431">
        <v>2</v>
      </c>
      <c r="AG1431">
        <v>2</v>
      </c>
      <c r="AH1431">
        <v>2</v>
      </c>
      <c r="AI1431">
        <v>2</v>
      </c>
      <c r="AJ1431">
        <v>2</v>
      </c>
      <c r="AK1431">
        <v>2</v>
      </c>
      <c r="AL1431">
        <v>2</v>
      </c>
      <c r="AM1431">
        <v>2</v>
      </c>
      <c r="AN1431">
        <v>2</v>
      </c>
      <c r="AO1431">
        <v>2</v>
      </c>
      <c r="AP1431">
        <v>2</v>
      </c>
      <c r="AQ1431">
        <v>2</v>
      </c>
    </row>
    <row r="1432" spans="1:43">
      <c r="A1432" t="s">
        <v>969</v>
      </c>
      <c r="B1432" t="s">
        <v>970</v>
      </c>
      <c r="C1432" t="s">
        <v>845</v>
      </c>
      <c r="D1432" t="s">
        <v>846</v>
      </c>
      <c r="E1432" t="s">
        <v>847</v>
      </c>
      <c r="F1432" t="s">
        <v>848</v>
      </c>
      <c r="G1432" t="s">
        <v>80</v>
      </c>
      <c r="H1432" t="s">
        <v>81</v>
      </c>
      <c r="I1432" s="2">
        <v>0</v>
      </c>
      <c r="J1432" s="2">
        <v>1</v>
      </c>
      <c r="K1432" s="2">
        <v>0</v>
      </c>
      <c r="L1432" t="s">
        <v>82</v>
      </c>
      <c r="M1432" t="s">
        <v>89</v>
      </c>
      <c r="N1432" t="s">
        <v>90</v>
      </c>
      <c r="O1432" t="s">
        <v>85</v>
      </c>
      <c r="P1432" t="s">
        <v>86</v>
      </c>
      <c r="Q1432">
        <v>2</v>
      </c>
      <c r="R1432">
        <v>2</v>
      </c>
      <c r="S1432">
        <v>2</v>
      </c>
      <c r="T1432">
        <v>2</v>
      </c>
      <c r="U1432">
        <v>2</v>
      </c>
      <c r="V1432">
        <v>2</v>
      </c>
      <c r="W1432">
        <v>2</v>
      </c>
      <c r="X1432">
        <v>2</v>
      </c>
      <c r="Y1432">
        <v>2</v>
      </c>
      <c r="Z1432">
        <v>2</v>
      </c>
      <c r="AA1432">
        <v>2</v>
      </c>
      <c r="AB1432">
        <v>2</v>
      </c>
      <c r="AC1432">
        <v>2</v>
      </c>
      <c r="AD1432">
        <v>2</v>
      </c>
      <c r="AE1432">
        <v>2</v>
      </c>
      <c r="AF1432">
        <v>2</v>
      </c>
      <c r="AG1432">
        <v>2</v>
      </c>
      <c r="AH1432">
        <v>2</v>
      </c>
      <c r="AI1432">
        <v>2</v>
      </c>
      <c r="AJ1432">
        <v>2</v>
      </c>
      <c r="AK1432">
        <v>2</v>
      </c>
      <c r="AL1432">
        <v>2</v>
      </c>
      <c r="AM1432">
        <v>2</v>
      </c>
      <c r="AN1432">
        <v>2</v>
      </c>
      <c r="AO1432">
        <v>2</v>
      </c>
      <c r="AP1432">
        <v>2</v>
      </c>
      <c r="AQ1432">
        <v>2</v>
      </c>
    </row>
    <row r="1433" spans="1:43">
      <c r="A1433" t="s">
        <v>969</v>
      </c>
      <c r="B1433" t="s">
        <v>970</v>
      </c>
      <c r="C1433" t="s">
        <v>845</v>
      </c>
      <c r="D1433" t="s">
        <v>846</v>
      </c>
      <c r="E1433" t="s">
        <v>847</v>
      </c>
      <c r="F1433" t="s">
        <v>848</v>
      </c>
      <c r="G1433" t="s">
        <v>80</v>
      </c>
      <c r="H1433" t="s">
        <v>81</v>
      </c>
      <c r="I1433" s="2">
        <v>0</v>
      </c>
      <c r="J1433" s="2">
        <v>1</v>
      </c>
      <c r="K1433" s="2">
        <v>0</v>
      </c>
      <c r="L1433" t="s">
        <v>82</v>
      </c>
      <c r="M1433" t="s">
        <v>83</v>
      </c>
      <c r="N1433" t="s">
        <v>91</v>
      </c>
      <c r="O1433" t="s">
        <v>85</v>
      </c>
      <c r="P1433" t="s">
        <v>86</v>
      </c>
      <c r="Q1433">
        <v>2</v>
      </c>
      <c r="R1433">
        <v>2</v>
      </c>
      <c r="S1433">
        <v>2</v>
      </c>
      <c r="T1433">
        <v>2</v>
      </c>
      <c r="U1433">
        <v>2</v>
      </c>
      <c r="V1433">
        <v>2</v>
      </c>
      <c r="W1433">
        <v>2</v>
      </c>
      <c r="X1433">
        <v>2</v>
      </c>
      <c r="Y1433">
        <v>2</v>
      </c>
      <c r="Z1433">
        <v>2</v>
      </c>
      <c r="AA1433">
        <v>2</v>
      </c>
      <c r="AB1433">
        <v>2</v>
      </c>
      <c r="AC1433">
        <v>2</v>
      </c>
      <c r="AD1433">
        <v>2</v>
      </c>
      <c r="AE1433">
        <v>2</v>
      </c>
      <c r="AF1433">
        <v>2</v>
      </c>
      <c r="AG1433">
        <v>2</v>
      </c>
      <c r="AH1433">
        <v>2</v>
      </c>
      <c r="AI1433">
        <v>2</v>
      </c>
      <c r="AJ1433">
        <v>2</v>
      </c>
      <c r="AK1433">
        <v>2</v>
      </c>
      <c r="AL1433">
        <v>2</v>
      </c>
      <c r="AM1433">
        <v>2</v>
      </c>
      <c r="AN1433">
        <v>2</v>
      </c>
      <c r="AO1433">
        <v>2</v>
      </c>
      <c r="AP1433">
        <v>2</v>
      </c>
      <c r="AQ1433">
        <v>2</v>
      </c>
    </row>
    <row r="1434" spans="1:43">
      <c r="A1434" t="s">
        <v>971</v>
      </c>
      <c r="B1434" t="s">
        <v>972</v>
      </c>
      <c r="C1434" t="s">
        <v>961</v>
      </c>
      <c r="D1434" t="s">
        <v>962</v>
      </c>
      <c r="E1434" t="s">
        <v>847</v>
      </c>
      <c r="F1434" t="s">
        <v>848</v>
      </c>
      <c r="G1434" t="s">
        <v>80</v>
      </c>
      <c r="H1434" t="s">
        <v>81</v>
      </c>
      <c r="I1434" s="2">
        <v>0</v>
      </c>
      <c r="J1434" s="2">
        <v>1</v>
      </c>
      <c r="K1434" s="2">
        <v>0</v>
      </c>
      <c r="L1434" t="s">
        <v>82</v>
      </c>
      <c r="M1434" t="s">
        <v>83</v>
      </c>
      <c r="N1434" t="s">
        <v>84</v>
      </c>
      <c r="O1434" t="s">
        <v>85</v>
      </c>
      <c r="P1434" t="s">
        <v>86</v>
      </c>
      <c r="Q1434">
        <v>23</v>
      </c>
      <c r="R1434">
        <v>23</v>
      </c>
      <c r="S1434">
        <v>23</v>
      </c>
      <c r="T1434">
        <v>23</v>
      </c>
      <c r="U1434">
        <v>23</v>
      </c>
      <c r="V1434">
        <v>24</v>
      </c>
      <c r="W1434">
        <v>24</v>
      </c>
      <c r="X1434">
        <v>24</v>
      </c>
      <c r="Y1434">
        <v>24</v>
      </c>
      <c r="Z1434">
        <v>24</v>
      </c>
      <c r="AA1434">
        <v>24</v>
      </c>
      <c r="AB1434">
        <v>24</v>
      </c>
      <c r="AC1434">
        <v>25</v>
      </c>
      <c r="AD1434">
        <v>25</v>
      </c>
      <c r="AE1434">
        <v>25</v>
      </c>
      <c r="AF1434">
        <v>25</v>
      </c>
      <c r="AG1434">
        <v>25</v>
      </c>
      <c r="AH1434">
        <v>25</v>
      </c>
      <c r="AI1434">
        <v>25</v>
      </c>
      <c r="AJ1434">
        <v>25</v>
      </c>
      <c r="AK1434">
        <v>25</v>
      </c>
      <c r="AL1434">
        <v>25</v>
      </c>
      <c r="AM1434">
        <v>25</v>
      </c>
      <c r="AN1434">
        <v>25</v>
      </c>
      <c r="AO1434">
        <v>25</v>
      </c>
      <c r="AP1434">
        <v>25</v>
      </c>
      <c r="AQ1434">
        <v>25</v>
      </c>
    </row>
    <row r="1435" spans="1:43">
      <c r="A1435" t="s">
        <v>971</v>
      </c>
      <c r="B1435" t="s">
        <v>972</v>
      </c>
      <c r="C1435" t="s">
        <v>961</v>
      </c>
      <c r="D1435" t="s">
        <v>962</v>
      </c>
      <c r="E1435" t="s">
        <v>847</v>
      </c>
      <c r="F1435" t="s">
        <v>848</v>
      </c>
      <c r="G1435" t="s">
        <v>80</v>
      </c>
      <c r="H1435" t="s">
        <v>81</v>
      </c>
      <c r="I1435" s="2">
        <v>0</v>
      </c>
      <c r="J1435" s="2">
        <v>1</v>
      </c>
      <c r="K1435" s="2">
        <v>0</v>
      </c>
      <c r="L1435" t="s">
        <v>82</v>
      </c>
      <c r="M1435" t="s">
        <v>87</v>
      </c>
      <c r="N1435" t="s">
        <v>88</v>
      </c>
      <c r="O1435" t="s">
        <v>85</v>
      </c>
      <c r="P1435" t="s">
        <v>86</v>
      </c>
      <c r="Q1435">
        <v>23</v>
      </c>
      <c r="R1435">
        <v>23</v>
      </c>
      <c r="S1435">
        <v>23</v>
      </c>
      <c r="T1435">
        <v>23</v>
      </c>
      <c r="U1435">
        <v>23</v>
      </c>
      <c r="V1435">
        <v>23</v>
      </c>
      <c r="W1435">
        <v>23</v>
      </c>
      <c r="X1435">
        <v>23</v>
      </c>
      <c r="Y1435">
        <v>23</v>
      </c>
      <c r="Z1435">
        <v>23</v>
      </c>
      <c r="AA1435">
        <v>23</v>
      </c>
      <c r="AB1435">
        <v>23</v>
      </c>
      <c r="AC1435">
        <v>23</v>
      </c>
      <c r="AD1435">
        <v>23</v>
      </c>
      <c r="AE1435">
        <v>23</v>
      </c>
      <c r="AF1435">
        <v>23</v>
      </c>
      <c r="AG1435">
        <v>23</v>
      </c>
      <c r="AH1435">
        <v>23</v>
      </c>
      <c r="AI1435">
        <v>23</v>
      </c>
      <c r="AJ1435">
        <v>23</v>
      </c>
      <c r="AK1435">
        <v>23</v>
      </c>
      <c r="AL1435">
        <v>23</v>
      </c>
      <c r="AM1435">
        <v>23</v>
      </c>
      <c r="AN1435">
        <v>23</v>
      </c>
      <c r="AO1435">
        <v>23</v>
      </c>
      <c r="AP1435">
        <v>23</v>
      </c>
      <c r="AQ1435">
        <v>23</v>
      </c>
    </row>
    <row r="1436" spans="1:43">
      <c r="A1436" t="s">
        <v>971</v>
      </c>
      <c r="B1436" t="s">
        <v>972</v>
      </c>
      <c r="C1436" t="s">
        <v>961</v>
      </c>
      <c r="D1436" t="s">
        <v>962</v>
      </c>
      <c r="E1436" t="s">
        <v>847</v>
      </c>
      <c r="F1436" t="s">
        <v>848</v>
      </c>
      <c r="G1436" t="s">
        <v>80</v>
      </c>
      <c r="H1436" t="s">
        <v>81</v>
      </c>
      <c r="I1436" s="2">
        <v>0</v>
      </c>
      <c r="J1436" s="2">
        <v>1</v>
      </c>
      <c r="K1436" s="2">
        <v>0</v>
      </c>
      <c r="L1436" t="s">
        <v>82</v>
      </c>
      <c r="M1436" t="s">
        <v>89</v>
      </c>
      <c r="N1436" t="s">
        <v>90</v>
      </c>
      <c r="O1436" t="s">
        <v>85</v>
      </c>
      <c r="P1436" t="s">
        <v>86</v>
      </c>
      <c r="Q1436">
        <v>23</v>
      </c>
      <c r="R1436">
        <v>23</v>
      </c>
      <c r="S1436">
        <v>24</v>
      </c>
      <c r="T1436">
        <v>24</v>
      </c>
      <c r="U1436">
        <v>24</v>
      </c>
      <c r="V1436">
        <v>25</v>
      </c>
      <c r="W1436">
        <v>25</v>
      </c>
      <c r="X1436">
        <v>25</v>
      </c>
      <c r="Y1436">
        <v>25</v>
      </c>
      <c r="Z1436">
        <v>26</v>
      </c>
      <c r="AA1436">
        <v>26</v>
      </c>
      <c r="AB1436">
        <v>26</v>
      </c>
      <c r="AC1436">
        <v>26</v>
      </c>
      <c r="AD1436">
        <v>26</v>
      </c>
      <c r="AE1436">
        <v>26</v>
      </c>
      <c r="AF1436">
        <v>26</v>
      </c>
      <c r="AG1436">
        <v>26</v>
      </c>
      <c r="AH1436">
        <v>26</v>
      </c>
      <c r="AI1436">
        <v>26</v>
      </c>
      <c r="AJ1436">
        <v>26</v>
      </c>
      <c r="AK1436">
        <v>26</v>
      </c>
      <c r="AL1436">
        <v>26</v>
      </c>
      <c r="AM1436">
        <v>26</v>
      </c>
      <c r="AN1436">
        <v>25</v>
      </c>
      <c r="AO1436">
        <v>25</v>
      </c>
      <c r="AP1436">
        <v>25</v>
      </c>
      <c r="AQ1436">
        <v>25</v>
      </c>
    </row>
    <row r="1437" spans="1:43">
      <c r="A1437" t="s">
        <v>971</v>
      </c>
      <c r="B1437" t="s">
        <v>972</v>
      </c>
      <c r="C1437" t="s">
        <v>961</v>
      </c>
      <c r="D1437" t="s">
        <v>962</v>
      </c>
      <c r="E1437" t="s">
        <v>847</v>
      </c>
      <c r="F1437" t="s">
        <v>848</v>
      </c>
      <c r="G1437" t="s">
        <v>80</v>
      </c>
      <c r="H1437" t="s">
        <v>81</v>
      </c>
      <c r="I1437" s="2">
        <v>0</v>
      </c>
      <c r="J1437" s="2">
        <v>1</v>
      </c>
      <c r="K1437" s="2">
        <v>0</v>
      </c>
      <c r="L1437" t="s">
        <v>82</v>
      </c>
      <c r="M1437" t="s">
        <v>83</v>
      </c>
      <c r="N1437" t="s">
        <v>91</v>
      </c>
      <c r="O1437" t="s">
        <v>85</v>
      </c>
      <c r="P1437" t="s">
        <v>86</v>
      </c>
      <c r="Q1437">
        <v>23</v>
      </c>
      <c r="R1437">
        <v>23</v>
      </c>
      <c r="S1437">
        <v>23</v>
      </c>
      <c r="T1437">
        <v>23</v>
      </c>
      <c r="U1437">
        <v>23</v>
      </c>
      <c r="V1437">
        <v>24</v>
      </c>
      <c r="W1437">
        <v>24</v>
      </c>
      <c r="X1437">
        <v>24</v>
      </c>
      <c r="Y1437">
        <v>24</v>
      </c>
      <c r="Z1437">
        <v>24</v>
      </c>
      <c r="AA1437">
        <v>24</v>
      </c>
      <c r="AB1437">
        <v>24</v>
      </c>
      <c r="AC1437">
        <v>25</v>
      </c>
      <c r="AD1437">
        <v>25</v>
      </c>
      <c r="AE1437">
        <v>25</v>
      </c>
      <c r="AF1437">
        <v>25</v>
      </c>
      <c r="AG1437">
        <v>25</v>
      </c>
      <c r="AH1437">
        <v>25</v>
      </c>
      <c r="AI1437">
        <v>25</v>
      </c>
      <c r="AJ1437">
        <v>25</v>
      </c>
      <c r="AK1437">
        <v>25</v>
      </c>
      <c r="AL1437">
        <v>25</v>
      </c>
      <c r="AM1437">
        <v>25</v>
      </c>
      <c r="AN1437">
        <v>25</v>
      </c>
      <c r="AO1437">
        <v>25</v>
      </c>
      <c r="AP1437">
        <v>25</v>
      </c>
      <c r="AQ1437">
        <v>25</v>
      </c>
    </row>
    <row r="1438" spans="1:43">
      <c r="A1438" t="s">
        <v>973</v>
      </c>
      <c r="B1438" t="s">
        <v>974</v>
      </c>
      <c r="C1438" t="s">
        <v>975</v>
      </c>
      <c r="D1438" t="s">
        <v>976</v>
      </c>
      <c r="E1438" t="s">
        <v>847</v>
      </c>
      <c r="F1438" t="s">
        <v>848</v>
      </c>
      <c r="G1438" t="s">
        <v>80</v>
      </c>
      <c r="H1438" t="s">
        <v>81</v>
      </c>
      <c r="I1438" s="2">
        <v>0</v>
      </c>
      <c r="J1438" s="2">
        <v>1</v>
      </c>
      <c r="K1438" s="2">
        <v>0</v>
      </c>
      <c r="L1438" t="s">
        <v>82</v>
      </c>
      <c r="M1438" t="s">
        <v>83</v>
      </c>
      <c r="N1438" t="s">
        <v>84</v>
      </c>
      <c r="O1438" t="s">
        <v>85</v>
      </c>
      <c r="P1438" t="s">
        <v>86</v>
      </c>
      <c r="Q1438">
        <v>0</v>
      </c>
      <c r="R1438">
        <v>0</v>
      </c>
      <c r="S1438">
        <v>0</v>
      </c>
      <c r="T1438">
        <v>0</v>
      </c>
      <c r="U1438">
        <v>0</v>
      </c>
      <c r="V1438">
        <v>0</v>
      </c>
      <c r="W1438">
        <v>0</v>
      </c>
      <c r="X1438">
        <v>0</v>
      </c>
      <c r="Y1438">
        <v>0</v>
      </c>
      <c r="Z1438">
        <v>0</v>
      </c>
      <c r="AA1438">
        <v>0</v>
      </c>
      <c r="AB1438">
        <v>0</v>
      </c>
      <c r="AC1438">
        <v>0</v>
      </c>
      <c r="AD1438">
        <v>0</v>
      </c>
      <c r="AE1438">
        <v>0</v>
      </c>
      <c r="AF1438">
        <v>0</v>
      </c>
      <c r="AG1438">
        <v>0</v>
      </c>
      <c r="AH1438">
        <v>0</v>
      </c>
      <c r="AI1438">
        <v>0</v>
      </c>
      <c r="AJ1438">
        <v>0</v>
      </c>
      <c r="AK1438">
        <v>0</v>
      </c>
      <c r="AL1438">
        <v>0</v>
      </c>
      <c r="AM1438">
        <v>0</v>
      </c>
      <c r="AN1438">
        <v>0</v>
      </c>
      <c r="AO1438">
        <v>0</v>
      </c>
      <c r="AP1438">
        <v>0</v>
      </c>
      <c r="AQ1438">
        <v>0</v>
      </c>
    </row>
    <row r="1439" spans="1:43">
      <c r="A1439" t="s">
        <v>973</v>
      </c>
      <c r="B1439" t="s">
        <v>974</v>
      </c>
      <c r="C1439" t="s">
        <v>975</v>
      </c>
      <c r="D1439" t="s">
        <v>976</v>
      </c>
      <c r="E1439" t="s">
        <v>847</v>
      </c>
      <c r="F1439" t="s">
        <v>848</v>
      </c>
      <c r="G1439" t="s">
        <v>80</v>
      </c>
      <c r="H1439" t="s">
        <v>81</v>
      </c>
      <c r="I1439" s="2">
        <v>0</v>
      </c>
      <c r="J1439" s="2">
        <v>1</v>
      </c>
      <c r="K1439" s="2">
        <v>0</v>
      </c>
      <c r="L1439" t="s">
        <v>82</v>
      </c>
      <c r="M1439" t="s">
        <v>87</v>
      </c>
      <c r="N1439" t="s">
        <v>88</v>
      </c>
      <c r="O1439" t="s">
        <v>85</v>
      </c>
      <c r="P1439" t="s">
        <v>86</v>
      </c>
      <c r="Q1439">
        <v>0</v>
      </c>
      <c r="R1439">
        <v>0</v>
      </c>
      <c r="S1439">
        <v>0</v>
      </c>
      <c r="T1439">
        <v>0</v>
      </c>
      <c r="U1439">
        <v>0</v>
      </c>
      <c r="V1439">
        <v>0</v>
      </c>
      <c r="W1439">
        <v>0</v>
      </c>
      <c r="X1439">
        <v>0</v>
      </c>
      <c r="Y1439">
        <v>0</v>
      </c>
      <c r="Z1439">
        <v>0</v>
      </c>
      <c r="AA1439">
        <v>0</v>
      </c>
      <c r="AB1439">
        <v>0</v>
      </c>
      <c r="AC1439">
        <v>0</v>
      </c>
      <c r="AD1439">
        <v>0</v>
      </c>
      <c r="AE1439">
        <v>0</v>
      </c>
      <c r="AF1439">
        <v>0</v>
      </c>
      <c r="AG1439">
        <v>0</v>
      </c>
      <c r="AH1439">
        <v>0</v>
      </c>
      <c r="AI1439">
        <v>0</v>
      </c>
      <c r="AJ1439">
        <v>0</v>
      </c>
      <c r="AK1439">
        <v>0</v>
      </c>
      <c r="AL1439">
        <v>0</v>
      </c>
      <c r="AM1439">
        <v>0</v>
      </c>
      <c r="AN1439">
        <v>0</v>
      </c>
      <c r="AO1439">
        <v>0</v>
      </c>
      <c r="AP1439">
        <v>0</v>
      </c>
      <c r="AQ1439">
        <v>0</v>
      </c>
    </row>
    <row r="1440" spans="1:43">
      <c r="A1440" t="s">
        <v>973</v>
      </c>
      <c r="B1440" t="s">
        <v>974</v>
      </c>
      <c r="C1440" t="s">
        <v>975</v>
      </c>
      <c r="D1440" t="s">
        <v>976</v>
      </c>
      <c r="E1440" t="s">
        <v>847</v>
      </c>
      <c r="F1440" t="s">
        <v>848</v>
      </c>
      <c r="G1440" t="s">
        <v>80</v>
      </c>
      <c r="H1440" t="s">
        <v>81</v>
      </c>
      <c r="I1440" s="2">
        <v>0</v>
      </c>
      <c r="J1440" s="2">
        <v>1</v>
      </c>
      <c r="K1440" s="2">
        <v>0</v>
      </c>
      <c r="L1440" t="s">
        <v>82</v>
      </c>
      <c r="M1440" t="s">
        <v>89</v>
      </c>
      <c r="N1440" t="s">
        <v>90</v>
      </c>
      <c r="O1440" t="s">
        <v>85</v>
      </c>
      <c r="P1440" t="s">
        <v>86</v>
      </c>
      <c r="Q1440">
        <v>0</v>
      </c>
      <c r="R1440">
        <v>0</v>
      </c>
      <c r="S1440">
        <v>0</v>
      </c>
      <c r="T1440">
        <v>0</v>
      </c>
      <c r="U1440">
        <v>0</v>
      </c>
      <c r="V1440">
        <v>0</v>
      </c>
      <c r="W1440">
        <v>0</v>
      </c>
      <c r="X1440">
        <v>0</v>
      </c>
      <c r="Y1440">
        <v>0</v>
      </c>
      <c r="Z1440">
        <v>0</v>
      </c>
      <c r="AA1440">
        <v>0</v>
      </c>
      <c r="AB1440">
        <v>0</v>
      </c>
      <c r="AC1440">
        <v>0</v>
      </c>
      <c r="AD1440">
        <v>0</v>
      </c>
      <c r="AE1440">
        <v>0</v>
      </c>
      <c r="AF1440">
        <v>0</v>
      </c>
      <c r="AG1440">
        <v>0</v>
      </c>
      <c r="AH1440">
        <v>0</v>
      </c>
      <c r="AI1440">
        <v>0</v>
      </c>
      <c r="AJ1440">
        <v>0</v>
      </c>
      <c r="AK1440">
        <v>0</v>
      </c>
      <c r="AL1440">
        <v>0</v>
      </c>
      <c r="AM1440">
        <v>0</v>
      </c>
      <c r="AN1440">
        <v>0</v>
      </c>
      <c r="AO1440">
        <v>0</v>
      </c>
      <c r="AP1440">
        <v>0</v>
      </c>
      <c r="AQ1440">
        <v>0</v>
      </c>
    </row>
    <row r="1441" spans="1:43">
      <c r="A1441" t="s">
        <v>973</v>
      </c>
      <c r="B1441" t="s">
        <v>974</v>
      </c>
      <c r="C1441" t="s">
        <v>975</v>
      </c>
      <c r="D1441" t="s">
        <v>976</v>
      </c>
      <c r="E1441" t="s">
        <v>847</v>
      </c>
      <c r="F1441" t="s">
        <v>848</v>
      </c>
      <c r="G1441" t="s">
        <v>80</v>
      </c>
      <c r="H1441" t="s">
        <v>81</v>
      </c>
      <c r="I1441" s="2">
        <v>0</v>
      </c>
      <c r="J1441" s="2">
        <v>1</v>
      </c>
      <c r="K1441" s="2">
        <v>0</v>
      </c>
      <c r="L1441" t="s">
        <v>82</v>
      </c>
      <c r="M1441" t="s">
        <v>83</v>
      </c>
      <c r="N1441" t="s">
        <v>91</v>
      </c>
      <c r="O1441" t="s">
        <v>85</v>
      </c>
      <c r="P1441" t="s">
        <v>86</v>
      </c>
      <c r="Q1441">
        <v>0</v>
      </c>
      <c r="R1441">
        <v>0</v>
      </c>
      <c r="S1441">
        <v>0</v>
      </c>
      <c r="T1441">
        <v>0</v>
      </c>
      <c r="U1441">
        <v>0</v>
      </c>
      <c r="V1441">
        <v>0</v>
      </c>
      <c r="W1441">
        <v>0</v>
      </c>
      <c r="X1441">
        <v>0</v>
      </c>
      <c r="Y1441">
        <v>0</v>
      </c>
      <c r="Z1441">
        <v>0</v>
      </c>
      <c r="AA1441">
        <v>0</v>
      </c>
      <c r="AB1441">
        <v>0</v>
      </c>
      <c r="AC1441">
        <v>0</v>
      </c>
      <c r="AD1441">
        <v>0</v>
      </c>
      <c r="AE1441">
        <v>0</v>
      </c>
      <c r="AF1441">
        <v>0</v>
      </c>
      <c r="AG1441">
        <v>0</v>
      </c>
      <c r="AH1441">
        <v>0</v>
      </c>
      <c r="AI1441">
        <v>0</v>
      </c>
      <c r="AJ1441">
        <v>0</v>
      </c>
      <c r="AK1441">
        <v>0</v>
      </c>
      <c r="AL1441">
        <v>0</v>
      </c>
      <c r="AM1441">
        <v>0</v>
      </c>
      <c r="AN1441">
        <v>0</v>
      </c>
      <c r="AO1441">
        <v>0</v>
      </c>
      <c r="AP1441">
        <v>0</v>
      </c>
      <c r="AQ1441">
        <v>0</v>
      </c>
    </row>
    <row r="1442" spans="1:43">
      <c r="A1442" t="s">
        <v>977</v>
      </c>
      <c r="B1442" t="s">
        <v>978</v>
      </c>
      <c r="C1442" t="s">
        <v>979</v>
      </c>
      <c r="D1442" t="s">
        <v>980</v>
      </c>
      <c r="E1442" t="s">
        <v>847</v>
      </c>
      <c r="F1442" t="s">
        <v>848</v>
      </c>
      <c r="G1442" t="s">
        <v>80</v>
      </c>
      <c r="H1442" t="s">
        <v>81</v>
      </c>
      <c r="I1442" s="2">
        <v>0</v>
      </c>
      <c r="J1442" s="2">
        <v>1</v>
      </c>
      <c r="K1442" s="2">
        <v>0</v>
      </c>
      <c r="L1442" t="s">
        <v>82</v>
      </c>
      <c r="M1442" t="s">
        <v>83</v>
      </c>
      <c r="N1442" t="s">
        <v>84</v>
      </c>
      <c r="O1442" t="s">
        <v>85</v>
      </c>
      <c r="P1442" t="s">
        <v>86</v>
      </c>
      <c r="Q1442">
        <v>38</v>
      </c>
      <c r="R1442">
        <v>38</v>
      </c>
      <c r="S1442">
        <v>38</v>
      </c>
      <c r="T1442">
        <v>38</v>
      </c>
      <c r="U1442">
        <v>39</v>
      </c>
      <c r="V1442">
        <v>39</v>
      </c>
      <c r="W1442">
        <v>39</v>
      </c>
      <c r="X1442">
        <v>39</v>
      </c>
      <c r="Y1442">
        <v>39</v>
      </c>
      <c r="Z1442">
        <v>39</v>
      </c>
      <c r="AA1442">
        <v>40</v>
      </c>
      <c r="AB1442">
        <v>40</v>
      </c>
      <c r="AC1442">
        <v>40</v>
      </c>
      <c r="AD1442">
        <v>40</v>
      </c>
      <c r="AE1442">
        <v>40</v>
      </c>
      <c r="AF1442">
        <v>40</v>
      </c>
      <c r="AG1442">
        <v>41</v>
      </c>
      <c r="AH1442">
        <v>41</v>
      </c>
      <c r="AI1442">
        <v>41</v>
      </c>
      <c r="AJ1442">
        <v>41</v>
      </c>
      <c r="AK1442">
        <v>41</v>
      </c>
      <c r="AL1442">
        <v>41</v>
      </c>
      <c r="AM1442">
        <v>41</v>
      </c>
      <c r="AN1442">
        <v>41</v>
      </c>
      <c r="AO1442">
        <v>40</v>
      </c>
      <c r="AP1442">
        <v>40</v>
      </c>
      <c r="AQ1442">
        <v>40</v>
      </c>
    </row>
    <row r="1443" spans="1:43">
      <c r="A1443" t="s">
        <v>977</v>
      </c>
      <c r="B1443" t="s">
        <v>978</v>
      </c>
      <c r="C1443" t="s">
        <v>979</v>
      </c>
      <c r="D1443" t="s">
        <v>980</v>
      </c>
      <c r="E1443" t="s">
        <v>847</v>
      </c>
      <c r="F1443" t="s">
        <v>848</v>
      </c>
      <c r="G1443" t="s">
        <v>80</v>
      </c>
      <c r="H1443" t="s">
        <v>81</v>
      </c>
      <c r="I1443" s="2">
        <v>0</v>
      </c>
      <c r="J1443" s="2">
        <v>1</v>
      </c>
      <c r="K1443" s="2">
        <v>0</v>
      </c>
      <c r="L1443" t="s">
        <v>82</v>
      </c>
      <c r="M1443" t="s">
        <v>87</v>
      </c>
      <c r="N1443" t="s">
        <v>88</v>
      </c>
      <c r="O1443" t="s">
        <v>85</v>
      </c>
      <c r="P1443" t="s">
        <v>86</v>
      </c>
      <c r="Q1443">
        <v>38</v>
      </c>
      <c r="R1443">
        <v>38</v>
      </c>
      <c r="S1443">
        <v>38</v>
      </c>
      <c r="T1443">
        <v>38</v>
      </c>
      <c r="U1443">
        <v>38</v>
      </c>
      <c r="V1443">
        <v>38</v>
      </c>
      <c r="W1443">
        <v>38</v>
      </c>
      <c r="X1443">
        <v>37</v>
      </c>
      <c r="Y1443">
        <v>37</v>
      </c>
      <c r="Z1443">
        <v>37</v>
      </c>
      <c r="AA1443">
        <v>37</v>
      </c>
      <c r="AB1443">
        <v>37</v>
      </c>
      <c r="AC1443">
        <v>37</v>
      </c>
      <c r="AD1443">
        <v>37</v>
      </c>
      <c r="AE1443">
        <v>37</v>
      </c>
      <c r="AF1443">
        <v>37</v>
      </c>
      <c r="AG1443">
        <v>36</v>
      </c>
      <c r="AH1443">
        <v>36</v>
      </c>
      <c r="AI1443">
        <v>36</v>
      </c>
      <c r="AJ1443">
        <v>36</v>
      </c>
      <c r="AK1443">
        <v>36</v>
      </c>
      <c r="AL1443">
        <v>36</v>
      </c>
      <c r="AM1443">
        <v>36</v>
      </c>
      <c r="AN1443">
        <v>36</v>
      </c>
      <c r="AO1443">
        <v>36</v>
      </c>
      <c r="AP1443">
        <v>36</v>
      </c>
      <c r="AQ1443">
        <v>35</v>
      </c>
    </row>
    <row r="1444" spans="1:43">
      <c r="A1444" t="s">
        <v>977</v>
      </c>
      <c r="B1444" t="s">
        <v>978</v>
      </c>
      <c r="C1444" t="s">
        <v>979</v>
      </c>
      <c r="D1444" t="s">
        <v>980</v>
      </c>
      <c r="E1444" t="s">
        <v>847</v>
      </c>
      <c r="F1444" t="s">
        <v>848</v>
      </c>
      <c r="G1444" t="s">
        <v>80</v>
      </c>
      <c r="H1444" t="s">
        <v>81</v>
      </c>
      <c r="I1444" s="2">
        <v>0</v>
      </c>
      <c r="J1444" s="2">
        <v>1</v>
      </c>
      <c r="K1444" s="2">
        <v>0</v>
      </c>
      <c r="L1444" t="s">
        <v>82</v>
      </c>
      <c r="M1444" t="s">
        <v>89</v>
      </c>
      <c r="N1444" t="s">
        <v>90</v>
      </c>
      <c r="O1444" t="s">
        <v>85</v>
      </c>
      <c r="P1444" t="s">
        <v>86</v>
      </c>
      <c r="Q1444">
        <v>38</v>
      </c>
      <c r="R1444">
        <v>39</v>
      </c>
      <c r="S1444">
        <v>39</v>
      </c>
      <c r="T1444">
        <v>40</v>
      </c>
      <c r="U1444">
        <v>40</v>
      </c>
      <c r="V1444">
        <v>41</v>
      </c>
      <c r="W1444">
        <v>41</v>
      </c>
      <c r="X1444">
        <v>41</v>
      </c>
      <c r="Y1444">
        <v>42</v>
      </c>
      <c r="Z1444">
        <v>42</v>
      </c>
      <c r="AA1444">
        <v>42</v>
      </c>
      <c r="AB1444">
        <v>43</v>
      </c>
      <c r="AC1444">
        <v>43</v>
      </c>
      <c r="AD1444">
        <v>43</v>
      </c>
      <c r="AE1444">
        <v>43</v>
      </c>
      <c r="AF1444">
        <v>43</v>
      </c>
      <c r="AG1444">
        <v>43</v>
      </c>
      <c r="AH1444">
        <v>43</v>
      </c>
      <c r="AI1444">
        <v>42</v>
      </c>
      <c r="AJ1444">
        <v>42</v>
      </c>
      <c r="AK1444">
        <v>42</v>
      </c>
      <c r="AL1444">
        <v>42</v>
      </c>
      <c r="AM1444">
        <v>41</v>
      </c>
      <c r="AN1444">
        <v>41</v>
      </c>
      <c r="AO1444">
        <v>41</v>
      </c>
      <c r="AP1444">
        <v>41</v>
      </c>
      <c r="AQ1444">
        <v>41</v>
      </c>
    </row>
    <row r="1445" spans="1:43">
      <c r="A1445" t="s">
        <v>977</v>
      </c>
      <c r="B1445" t="s">
        <v>978</v>
      </c>
      <c r="C1445" t="s">
        <v>979</v>
      </c>
      <c r="D1445" t="s">
        <v>980</v>
      </c>
      <c r="E1445" t="s">
        <v>847</v>
      </c>
      <c r="F1445" t="s">
        <v>848</v>
      </c>
      <c r="G1445" t="s">
        <v>80</v>
      </c>
      <c r="H1445" t="s">
        <v>81</v>
      </c>
      <c r="I1445" s="2">
        <v>0</v>
      </c>
      <c r="J1445" s="2">
        <v>1</v>
      </c>
      <c r="K1445" s="2">
        <v>0</v>
      </c>
      <c r="L1445" t="s">
        <v>82</v>
      </c>
      <c r="M1445" t="s">
        <v>83</v>
      </c>
      <c r="N1445" t="s">
        <v>91</v>
      </c>
      <c r="O1445" t="s">
        <v>85</v>
      </c>
      <c r="P1445" t="s">
        <v>86</v>
      </c>
      <c r="Q1445">
        <v>38</v>
      </c>
      <c r="R1445">
        <v>38</v>
      </c>
      <c r="S1445">
        <v>38</v>
      </c>
      <c r="T1445">
        <v>38</v>
      </c>
      <c r="U1445">
        <v>39</v>
      </c>
      <c r="V1445">
        <v>39</v>
      </c>
      <c r="W1445">
        <v>39</v>
      </c>
      <c r="X1445">
        <v>39</v>
      </c>
      <c r="Y1445">
        <v>39</v>
      </c>
      <c r="Z1445">
        <v>39</v>
      </c>
      <c r="AA1445">
        <v>40</v>
      </c>
      <c r="AB1445">
        <v>40</v>
      </c>
      <c r="AC1445">
        <v>40</v>
      </c>
      <c r="AD1445">
        <v>40</v>
      </c>
      <c r="AE1445">
        <v>40</v>
      </c>
      <c r="AF1445">
        <v>40</v>
      </c>
      <c r="AG1445">
        <v>41</v>
      </c>
      <c r="AH1445">
        <v>41</v>
      </c>
      <c r="AI1445">
        <v>41</v>
      </c>
      <c r="AJ1445">
        <v>41</v>
      </c>
      <c r="AK1445">
        <v>41</v>
      </c>
      <c r="AL1445">
        <v>41</v>
      </c>
      <c r="AM1445">
        <v>41</v>
      </c>
      <c r="AN1445">
        <v>41</v>
      </c>
      <c r="AO1445">
        <v>40</v>
      </c>
      <c r="AP1445">
        <v>40</v>
      </c>
      <c r="AQ1445">
        <v>40</v>
      </c>
    </row>
    <row r="1446" spans="1:43">
      <c r="A1446" t="s">
        <v>981</v>
      </c>
      <c r="B1446" t="s">
        <v>982</v>
      </c>
      <c r="C1446" t="s">
        <v>979</v>
      </c>
      <c r="D1446" t="s">
        <v>980</v>
      </c>
      <c r="E1446" t="s">
        <v>847</v>
      </c>
      <c r="F1446" t="s">
        <v>848</v>
      </c>
      <c r="G1446" t="s">
        <v>80</v>
      </c>
      <c r="H1446" t="s">
        <v>81</v>
      </c>
      <c r="I1446" s="2">
        <v>0</v>
      </c>
      <c r="J1446" s="2">
        <v>1</v>
      </c>
      <c r="K1446" s="2">
        <v>0</v>
      </c>
      <c r="L1446" t="s">
        <v>82</v>
      </c>
      <c r="M1446" t="s">
        <v>83</v>
      </c>
      <c r="N1446" t="s">
        <v>84</v>
      </c>
      <c r="O1446" t="s">
        <v>85</v>
      </c>
      <c r="P1446" t="s">
        <v>86</v>
      </c>
      <c r="Q1446">
        <v>49</v>
      </c>
      <c r="R1446">
        <v>50</v>
      </c>
      <c r="S1446">
        <v>50</v>
      </c>
      <c r="T1446">
        <v>50</v>
      </c>
      <c r="U1446">
        <v>51</v>
      </c>
      <c r="V1446">
        <v>51</v>
      </c>
      <c r="W1446">
        <v>51</v>
      </c>
      <c r="X1446">
        <v>51</v>
      </c>
      <c r="Y1446">
        <v>51</v>
      </c>
      <c r="Z1446">
        <v>52</v>
      </c>
      <c r="AA1446">
        <v>52</v>
      </c>
      <c r="AB1446">
        <v>52</v>
      </c>
      <c r="AC1446">
        <v>52</v>
      </c>
      <c r="AD1446">
        <v>53</v>
      </c>
      <c r="AE1446">
        <v>53</v>
      </c>
      <c r="AF1446">
        <v>53</v>
      </c>
      <c r="AG1446">
        <v>53</v>
      </c>
      <c r="AH1446">
        <v>53</v>
      </c>
      <c r="AI1446">
        <v>53</v>
      </c>
      <c r="AJ1446">
        <v>54</v>
      </c>
      <c r="AK1446">
        <v>54</v>
      </c>
      <c r="AL1446">
        <v>54</v>
      </c>
      <c r="AM1446">
        <v>53</v>
      </c>
      <c r="AN1446">
        <v>53</v>
      </c>
      <c r="AO1446">
        <v>53</v>
      </c>
      <c r="AP1446">
        <v>53</v>
      </c>
      <c r="AQ1446">
        <v>52</v>
      </c>
    </row>
    <row r="1447" spans="1:43">
      <c r="A1447" t="s">
        <v>981</v>
      </c>
      <c r="B1447" t="s">
        <v>982</v>
      </c>
      <c r="C1447" t="s">
        <v>979</v>
      </c>
      <c r="D1447" t="s">
        <v>980</v>
      </c>
      <c r="E1447" t="s">
        <v>847</v>
      </c>
      <c r="F1447" t="s">
        <v>848</v>
      </c>
      <c r="G1447" t="s">
        <v>80</v>
      </c>
      <c r="H1447" t="s">
        <v>81</v>
      </c>
      <c r="I1447" s="2">
        <v>0</v>
      </c>
      <c r="J1447" s="2">
        <v>1</v>
      </c>
      <c r="K1447" s="2">
        <v>0</v>
      </c>
      <c r="L1447" t="s">
        <v>82</v>
      </c>
      <c r="M1447" t="s">
        <v>87</v>
      </c>
      <c r="N1447" t="s">
        <v>88</v>
      </c>
      <c r="O1447" t="s">
        <v>85</v>
      </c>
      <c r="P1447" t="s">
        <v>86</v>
      </c>
      <c r="Q1447">
        <v>49</v>
      </c>
      <c r="R1447">
        <v>49</v>
      </c>
      <c r="S1447">
        <v>49</v>
      </c>
      <c r="T1447">
        <v>48</v>
      </c>
      <c r="U1447">
        <v>48</v>
      </c>
      <c r="V1447">
        <v>48</v>
      </c>
      <c r="W1447">
        <v>48</v>
      </c>
      <c r="X1447">
        <v>48</v>
      </c>
      <c r="Y1447">
        <v>48</v>
      </c>
      <c r="Z1447">
        <v>47</v>
      </c>
      <c r="AA1447">
        <v>47</v>
      </c>
      <c r="AB1447">
        <v>47</v>
      </c>
      <c r="AC1447">
        <v>47</v>
      </c>
      <c r="AD1447">
        <v>47</v>
      </c>
      <c r="AE1447">
        <v>47</v>
      </c>
      <c r="AF1447">
        <v>47</v>
      </c>
      <c r="AG1447">
        <v>46</v>
      </c>
      <c r="AH1447">
        <v>46</v>
      </c>
      <c r="AI1447">
        <v>46</v>
      </c>
      <c r="AJ1447">
        <v>46</v>
      </c>
      <c r="AK1447">
        <v>46</v>
      </c>
      <c r="AL1447">
        <v>46</v>
      </c>
      <c r="AM1447">
        <v>46</v>
      </c>
      <c r="AN1447">
        <v>45</v>
      </c>
      <c r="AO1447">
        <v>45</v>
      </c>
      <c r="AP1447">
        <v>45</v>
      </c>
      <c r="AQ1447">
        <v>45</v>
      </c>
    </row>
    <row r="1448" spans="1:43">
      <c r="A1448" t="s">
        <v>981</v>
      </c>
      <c r="B1448" t="s">
        <v>982</v>
      </c>
      <c r="C1448" t="s">
        <v>979</v>
      </c>
      <c r="D1448" t="s">
        <v>980</v>
      </c>
      <c r="E1448" t="s">
        <v>847</v>
      </c>
      <c r="F1448" t="s">
        <v>848</v>
      </c>
      <c r="G1448" t="s">
        <v>80</v>
      </c>
      <c r="H1448" t="s">
        <v>81</v>
      </c>
      <c r="I1448" s="2">
        <v>0</v>
      </c>
      <c r="J1448" s="2">
        <v>1</v>
      </c>
      <c r="K1448" s="2">
        <v>0</v>
      </c>
      <c r="L1448" t="s">
        <v>82</v>
      </c>
      <c r="M1448" t="s">
        <v>89</v>
      </c>
      <c r="N1448" t="s">
        <v>90</v>
      </c>
      <c r="O1448" t="s">
        <v>85</v>
      </c>
      <c r="P1448" t="s">
        <v>86</v>
      </c>
      <c r="Q1448">
        <v>49</v>
      </c>
      <c r="R1448">
        <v>50</v>
      </c>
      <c r="S1448">
        <v>50</v>
      </c>
      <c r="T1448">
        <v>51</v>
      </c>
      <c r="U1448">
        <v>52</v>
      </c>
      <c r="V1448">
        <v>52</v>
      </c>
      <c r="W1448">
        <v>53</v>
      </c>
      <c r="X1448">
        <v>53</v>
      </c>
      <c r="Y1448">
        <v>54</v>
      </c>
      <c r="Z1448">
        <v>54</v>
      </c>
      <c r="AA1448">
        <v>54</v>
      </c>
      <c r="AB1448">
        <v>55</v>
      </c>
      <c r="AC1448">
        <v>55</v>
      </c>
      <c r="AD1448">
        <v>55</v>
      </c>
      <c r="AE1448">
        <v>56</v>
      </c>
      <c r="AF1448">
        <v>55</v>
      </c>
      <c r="AG1448">
        <v>55</v>
      </c>
      <c r="AH1448">
        <v>55</v>
      </c>
      <c r="AI1448">
        <v>54</v>
      </c>
      <c r="AJ1448">
        <v>54</v>
      </c>
      <c r="AK1448">
        <v>54</v>
      </c>
      <c r="AL1448">
        <v>53</v>
      </c>
      <c r="AM1448">
        <v>53</v>
      </c>
      <c r="AN1448">
        <v>53</v>
      </c>
      <c r="AO1448">
        <v>53</v>
      </c>
      <c r="AP1448">
        <v>52</v>
      </c>
      <c r="AQ1448">
        <v>52</v>
      </c>
    </row>
    <row r="1449" spans="1:43">
      <c r="A1449" t="s">
        <v>981</v>
      </c>
      <c r="B1449" t="s">
        <v>982</v>
      </c>
      <c r="C1449" t="s">
        <v>979</v>
      </c>
      <c r="D1449" t="s">
        <v>980</v>
      </c>
      <c r="E1449" t="s">
        <v>847</v>
      </c>
      <c r="F1449" t="s">
        <v>848</v>
      </c>
      <c r="G1449" t="s">
        <v>80</v>
      </c>
      <c r="H1449" t="s">
        <v>81</v>
      </c>
      <c r="I1449" s="2">
        <v>0</v>
      </c>
      <c r="J1449" s="2">
        <v>1</v>
      </c>
      <c r="K1449" s="2">
        <v>0</v>
      </c>
      <c r="L1449" t="s">
        <v>82</v>
      </c>
      <c r="M1449" t="s">
        <v>83</v>
      </c>
      <c r="N1449" t="s">
        <v>91</v>
      </c>
      <c r="O1449" t="s">
        <v>85</v>
      </c>
      <c r="P1449" t="s">
        <v>86</v>
      </c>
      <c r="Q1449">
        <v>49</v>
      </c>
      <c r="R1449">
        <v>50</v>
      </c>
      <c r="S1449">
        <v>50</v>
      </c>
      <c r="T1449">
        <v>50</v>
      </c>
      <c r="U1449">
        <v>51</v>
      </c>
      <c r="V1449">
        <v>51</v>
      </c>
      <c r="W1449">
        <v>51</v>
      </c>
      <c r="X1449">
        <v>51</v>
      </c>
      <c r="Y1449">
        <v>51</v>
      </c>
      <c r="Z1449">
        <v>52</v>
      </c>
      <c r="AA1449">
        <v>52</v>
      </c>
      <c r="AB1449">
        <v>52</v>
      </c>
      <c r="AC1449">
        <v>52</v>
      </c>
      <c r="AD1449">
        <v>53</v>
      </c>
      <c r="AE1449">
        <v>53</v>
      </c>
      <c r="AF1449">
        <v>53</v>
      </c>
      <c r="AG1449">
        <v>53</v>
      </c>
      <c r="AH1449">
        <v>53</v>
      </c>
      <c r="AI1449">
        <v>53</v>
      </c>
      <c r="AJ1449">
        <v>54</v>
      </c>
      <c r="AK1449">
        <v>54</v>
      </c>
      <c r="AL1449">
        <v>54</v>
      </c>
      <c r="AM1449">
        <v>53</v>
      </c>
      <c r="AN1449">
        <v>53</v>
      </c>
      <c r="AO1449">
        <v>53</v>
      </c>
      <c r="AP1449">
        <v>53</v>
      </c>
      <c r="AQ1449">
        <v>52</v>
      </c>
    </row>
    <row r="1450" spans="1:43">
      <c r="A1450" t="s">
        <v>983</v>
      </c>
      <c r="B1450" t="s">
        <v>984</v>
      </c>
      <c r="C1450" t="s">
        <v>979</v>
      </c>
      <c r="D1450" t="s">
        <v>980</v>
      </c>
      <c r="E1450" t="s">
        <v>847</v>
      </c>
      <c r="F1450" t="s">
        <v>848</v>
      </c>
      <c r="G1450" t="s">
        <v>80</v>
      </c>
      <c r="H1450" t="s">
        <v>81</v>
      </c>
      <c r="I1450" s="2">
        <v>0</v>
      </c>
      <c r="J1450" s="2">
        <v>1</v>
      </c>
      <c r="K1450" s="2">
        <v>0</v>
      </c>
      <c r="L1450" t="s">
        <v>82</v>
      </c>
      <c r="M1450" t="s">
        <v>83</v>
      </c>
      <c r="N1450" t="s">
        <v>84</v>
      </c>
      <c r="O1450" t="s">
        <v>85</v>
      </c>
      <c r="P1450" t="s">
        <v>86</v>
      </c>
      <c r="Q1450">
        <v>12</v>
      </c>
      <c r="R1450">
        <v>12</v>
      </c>
      <c r="S1450">
        <v>13</v>
      </c>
      <c r="T1450">
        <v>13</v>
      </c>
      <c r="U1450">
        <v>13</v>
      </c>
      <c r="V1450">
        <v>13</v>
      </c>
      <c r="W1450">
        <v>13</v>
      </c>
      <c r="X1450">
        <v>13</v>
      </c>
      <c r="Y1450">
        <v>13</v>
      </c>
      <c r="Z1450">
        <v>13</v>
      </c>
      <c r="AA1450">
        <v>13</v>
      </c>
      <c r="AB1450">
        <v>13</v>
      </c>
      <c r="AC1450">
        <v>13</v>
      </c>
      <c r="AD1450">
        <v>13</v>
      </c>
      <c r="AE1450">
        <v>13</v>
      </c>
      <c r="AF1450">
        <v>13</v>
      </c>
      <c r="AG1450">
        <v>13</v>
      </c>
      <c r="AH1450">
        <v>13</v>
      </c>
      <c r="AI1450">
        <v>13</v>
      </c>
      <c r="AJ1450">
        <v>13</v>
      </c>
      <c r="AK1450">
        <v>13</v>
      </c>
      <c r="AL1450">
        <v>13</v>
      </c>
      <c r="AM1450">
        <v>13</v>
      </c>
      <c r="AN1450">
        <v>13</v>
      </c>
      <c r="AO1450">
        <v>13</v>
      </c>
      <c r="AP1450">
        <v>13</v>
      </c>
      <c r="AQ1450">
        <v>13</v>
      </c>
    </row>
    <row r="1451" spans="1:43">
      <c r="A1451" t="s">
        <v>983</v>
      </c>
      <c r="B1451" t="s">
        <v>984</v>
      </c>
      <c r="C1451" t="s">
        <v>979</v>
      </c>
      <c r="D1451" t="s">
        <v>980</v>
      </c>
      <c r="E1451" t="s">
        <v>847</v>
      </c>
      <c r="F1451" t="s">
        <v>848</v>
      </c>
      <c r="G1451" t="s">
        <v>80</v>
      </c>
      <c r="H1451" t="s">
        <v>81</v>
      </c>
      <c r="I1451" s="2">
        <v>0</v>
      </c>
      <c r="J1451" s="2">
        <v>1</v>
      </c>
      <c r="K1451" s="2">
        <v>0</v>
      </c>
      <c r="L1451" t="s">
        <v>82</v>
      </c>
      <c r="M1451" t="s">
        <v>87</v>
      </c>
      <c r="N1451" t="s">
        <v>88</v>
      </c>
      <c r="O1451" t="s">
        <v>85</v>
      </c>
      <c r="P1451" t="s">
        <v>86</v>
      </c>
      <c r="Q1451">
        <v>12</v>
      </c>
      <c r="R1451">
        <v>12</v>
      </c>
      <c r="S1451">
        <v>12</v>
      </c>
      <c r="T1451">
        <v>12</v>
      </c>
      <c r="U1451">
        <v>12</v>
      </c>
      <c r="V1451">
        <v>12</v>
      </c>
      <c r="W1451">
        <v>12</v>
      </c>
      <c r="X1451">
        <v>12</v>
      </c>
      <c r="Y1451">
        <v>12</v>
      </c>
      <c r="Z1451">
        <v>12</v>
      </c>
      <c r="AA1451">
        <v>12</v>
      </c>
      <c r="AB1451">
        <v>12</v>
      </c>
      <c r="AC1451">
        <v>12</v>
      </c>
      <c r="AD1451">
        <v>12</v>
      </c>
      <c r="AE1451">
        <v>12</v>
      </c>
      <c r="AF1451">
        <v>12</v>
      </c>
      <c r="AG1451">
        <v>12</v>
      </c>
      <c r="AH1451">
        <v>12</v>
      </c>
      <c r="AI1451">
        <v>12</v>
      </c>
      <c r="AJ1451">
        <v>12</v>
      </c>
      <c r="AK1451">
        <v>12</v>
      </c>
      <c r="AL1451">
        <v>11</v>
      </c>
      <c r="AM1451">
        <v>11</v>
      </c>
      <c r="AN1451">
        <v>11</v>
      </c>
      <c r="AO1451">
        <v>11</v>
      </c>
      <c r="AP1451">
        <v>11</v>
      </c>
      <c r="AQ1451">
        <v>11</v>
      </c>
    </row>
    <row r="1452" spans="1:43">
      <c r="A1452" t="s">
        <v>983</v>
      </c>
      <c r="B1452" t="s">
        <v>984</v>
      </c>
      <c r="C1452" t="s">
        <v>979</v>
      </c>
      <c r="D1452" t="s">
        <v>980</v>
      </c>
      <c r="E1452" t="s">
        <v>847</v>
      </c>
      <c r="F1452" t="s">
        <v>848</v>
      </c>
      <c r="G1452" t="s">
        <v>80</v>
      </c>
      <c r="H1452" t="s">
        <v>81</v>
      </c>
      <c r="I1452" s="2">
        <v>0</v>
      </c>
      <c r="J1452" s="2">
        <v>1</v>
      </c>
      <c r="K1452" s="2">
        <v>0</v>
      </c>
      <c r="L1452" t="s">
        <v>82</v>
      </c>
      <c r="M1452" t="s">
        <v>89</v>
      </c>
      <c r="N1452" t="s">
        <v>90</v>
      </c>
      <c r="O1452" t="s">
        <v>85</v>
      </c>
      <c r="P1452" t="s">
        <v>86</v>
      </c>
      <c r="Q1452">
        <v>12</v>
      </c>
      <c r="R1452">
        <v>12</v>
      </c>
      <c r="S1452">
        <v>12</v>
      </c>
      <c r="T1452">
        <v>12</v>
      </c>
      <c r="U1452">
        <v>12</v>
      </c>
      <c r="V1452">
        <v>12</v>
      </c>
      <c r="W1452">
        <v>12</v>
      </c>
      <c r="X1452">
        <v>13</v>
      </c>
      <c r="Y1452">
        <v>13</v>
      </c>
      <c r="Z1452">
        <v>13</v>
      </c>
      <c r="AA1452">
        <v>13</v>
      </c>
      <c r="AB1452">
        <v>13</v>
      </c>
      <c r="AC1452">
        <v>13</v>
      </c>
      <c r="AD1452">
        <v>13</v>
      </c>
      <c r="AE1452">
        <v>13</v>
      </c>
      <c r="AF1452">
        <v>13</v>
      </c>
      <c r="AG1452">
        <v>13</v>
      </c>
      <c r="AH1452">
        <v>13</v>
      </c>
      <c r="AI1452">
        <v>13</v>
      </c>
      <c r="AJ1452">
        <v>13</v>
      </c>
      <c r="AK1452">
        <v>13</v>
      </c>
      <c r="AL1452">
        <v>13</v>
      </c>
      <c r="AM1452">
        <v>13</v>
      </c>
      <c r="AN1452">
        <v>13</v>
      </c>
      <c r="AO1452">
        <v>12</v>
      </c>
      <c r="AP1452">
        <v>12</v>
      </c>
      <c r="AQ1452">
        <v>12</v>
      </c>
    </row>
    <row r="1453" spans="1:43">
      <c r="A1453" t="s">
        <v>983</v>
      </c>
      <c r="B1453" t="s">
        <v>984</v>
      </c>
      <c r="C1453" t="s">
        <v>979</v>
      </c>
      <c r="D1453" t="s">
        <v>980</v>
      </c>
      <c r="E1453" t="s">
        <v>847</v>
      </c>
      <c r="F1453" t="s">
        <v>848</v>
      </c>
      <c r="G1453" t="s">
        <v>80</v>
      </c>
      <c r="H1453" t="s">
        <v>81</v>
      </c>
      <c r="I1453" s="2">
        <v>0</v>
      </c>
      <c r="J1453" s="2">
        <v>1</v>
      </c>
      <c r="K1453" s="2">
        <v>0</v>
      </c>
      <c r="L1453" t="s">
        <v>82</v>
      </c>
      <c r="M1453" t="s">
        <v>83</v>
      </c>
      <c r="N1453" t="s">
        <v>91</v>
      </c>
      <c r="O1453" t="s">
        <v>85</v>
      </c>
      <c r="P1453" t="s">
        <v>86</v>
      </c>
      <c r="Q1453">
        <v>12</v>
      </c>
      <c r="R1453">
        <v>12</v>
      </c>
      <c r="S1453">
        <v>13</v>
      </c>
      <c r="T1453">
        <v>13</v>
      </c>
      <c r="U1453">
        <v>13</v>
      </c>
      <c r="V1453">
        <v>13</v>
      </c>
      <c r="W1453">
        <v>13</v>
      </c>
      <c r="X1453">
        <v>13</v>
      </c>
      <c r="Y1453">
        <v>13</v>
      </c>
      <c r="Z1453">
        <v>13</v>
      </c>
      <c r="AA1453">
        <v>13</v>
      </c>
      <c r="AB1453">
        <v>13</v>
      </c>
      <c r="AC1453">
        <v>13</v>
      </c>
      <c r="AD1453">
        <v>13</v>
      </c>
      <c r="AE1453">
        <v>13</v>
      </c>
      <c r="AF1453">
        <v>13</v>
      </c>
      <c r="AG1453">
        <v>13</v>
      </c>
      <c r="AH1453">
        <v>13</v>
      </c>
      <c r="AI1453">
        <v>13</v>
      </c>
      <c r="AJ1453">
        <v>13</v>
      </c>
      <c r="AK1453">
        <v>13</v>
      </c>
      <c r="AL1453">
        <v>13</v>
      </c>
      <c r="AM1453">
        <v>13</v>
      </c>
      <c r="AN1453">
        <v>13</v>
      </c>
      <c r="AO1453">
        <v>13</v>
      </c>
      <c r="AP1453">
        <v>13</v>
      </c>
      <c r="AQ1453">
        <v>13</v>
      </c>
    </row>
    <row r="1454" spans="1:43">
      <c r="A1454" t="s">
        <v>985</v>
      </c>
      <c r="B1454" t="s">
        <v>986</v>
      </c>
      <c r="C1454" t="s">
        <v>979</v>
      </c>
      <c r="D1454" t="s">
        <v>980</v>
      </c>
      <c r="E1454" t="s">
        <v>847</v>
      </c>
      <c r="F1454" t="s">
        <v>848</v>
      </c>
      <c r="G1454" t="s">
        <v>80</v>
      </c>
      <c r="H1454" t="s">
        <v>81</v>
      </c>
      <c r="I1454" s="2">
        <v>0</v>
      </c>
      <c r="J1454" s="2">
        <v>1</v>
      </c>
      <c r="K1454" s="2">
        <v>0</v>
      </c>
      <c r="L1454" t="s">
        <v>82</v>
      </c>
      <c r="M1454" t="s">
        <v>83</v>
      </c>
      <c r="N1454" t="s">
        <v>84</v>
      </c>
      <c r="O1454" t="s">
        <v>85</v>
      </c>
      <c r="P1454" t="s">
        <v>86</v>
      </c>
      <c r="Q1454">
        <v>7</v>
      </c>
      <c r="R1454">
        <v>7</v>
      </c>
      <c r="S1454">
        <v>7</v>
      </c>
      <c r="T1454">
        <v>7</v>
      </c>
      <c r="U1454">
        <v>7</v>
      </c>
      <c r="V1454">
        <v>7</v>
      </c>
      <c r="W1454">
        <v>7</v>
      </c>
      <c r="X1454">
        <v>7</v>
      </c>
      <c r="Y1454">
        <v>7</v>
      </c>
      <c r="Z1454">
        <v>7</v>
      </c>
      <c r="AA1454">
        <v>8</v>
      </c>
      <c r="AB1454">
        <v>8</v>
      </c>
      <c r="AC1454">
        <v>8</v>
      </c>
      <c r="AD1454">
        <v>8</v>
      </c>
      <c r="AE1454">
        <v>8</v>
      </c>
      <c r="AF1454">
        <v>8</v>
      </c>
      <c r="AG1454">
        <v>8</v>
      </c>
      <c r="AH1454">
        <v>8</v>
      </c>
      <c r="AI1454">
        <v>8</v>
      </c>
      <c r="AJ1454">
        <v>8</v>
      </c>
      <c r="AK1454">
        <v>8</v>
      </c>
      <c r="AL1454">
        <v>8</v>
      </c>
      <c r="AM1454">
        <v>8</v>
      </c>
      <c r="AN1454">
        <v>8</v>
      </c>
      <c r="AO1454">
        <v>8</v>
      </c>
      <c r="AP1454">
        <v>8</v>
      </c>
      <c r="AQ1454">
        <v>8</v>
      </c>
    </row>
    <row r="1455" spans="1:43">
      <c r="A1455" t="s">
        <v>985</v>
      </c>
      <c r="B1455" t="s">
        <v>986</v>
      </c>
      <c r="C1455" t="s">
        <v>979</v>
      </c>
      <c r="D1455" t="s">
        <v>980</v>
      </c>
      <c r="E1455" t="s">
        <v>847</v>
      </c>
      <c r="F1455" t="s">
        <v>848</v>
      </c>
      <c r="G1455" t="s">
        <v>80</v>
      </c>
      <c r="H1455" t="s">
        <v>81</v>
      </c>
      <c r="I1455" s="2">
        <v>0</v>
      </c>
      <c r="J1455" s="2">
        <v>1</v>
      </c>
      <c r="K1455" s="2">
        <v>0</v>
      </c>
      <c r="L1455" t="s">
        <v>82</v>
      </c>
      <c r="M1455" t="s">
        <v>87</v>
      </c>
      <c r="N1455" t="s">
        <v>88</v>
      </c>
      <c r="O1455" t="s">
        <v>85</v>
      </c>
      <c r="P1455" t="s">
        <v>86</v>
      </c>
      <c r="Q1455">
        <v>7</v>
      </c>
      <c r="R1455">
        <v>7</v>
      </c>
      <c r="S1455">
        <v>7</v>
      </c>
      <c r="T1455">
        <v>7</v>
      </c>
      <c r="U1455">
        <v>7</v>
      </c>
      <c r="V1455">
        <v>7</v>
      </c>
      <c r="W1455">
        <v>7</v>
      </c>
      <c r="X1455">
        <v>7</v>
      </c>
      <c r="Y1455">
        <v>7</v>
      </c>
      <c r="Z1455">
        <v>7</v>
      </c>
      <c r="AA1455">
        <v>7</v>
      </c>
      <c r="AB1455">
        <v>7</v>
      </c>
      <c r="AC1455">
        <v>7</v>
      </c>
      <c r="AD1455">
        <v>7</v>
      </c>
      <c r="AE1455">
        <v>7</v>
      </c>
      <c r="AF1455">
        <v>7</v>
      </c>
      <c r="AG1455">
        <v>7</v>
      </c>
      <c r="AH1455">
        <v>7</v>
      </c>
      <c r="AI1455">
        <v>7</v>
      </c>
      <c r="AJ1455">
        <v>7</v>
      </c>
      <c r="AK1455">
        <v>7</v>
      </c>
      <c r="AL1455">
        <v>7</v>
      </c>
      <c r="AM1455">
        <v>7</v>
      </c>
      <c r="AN1455">
        <v>7</v>
      </c>
      <c r="AO1455">
        <v>7</v>
      </c>
      <c r="AP1455">
        <v>7</v>
      </c>
      <c r="AQ1455">
        <v>7</v>
      </c>
    </row>
    <row r="1456" spans="1:43">
      <c r="A1456" t="s">
        <v>985</v>
      </c>
      <c r="B1456" t="s">
        <v>986</v>
      </c>
      <c r="C1456" t="s">
        <v>979</v>
      </c>
      <c r="D1456" t="s">
        <v>980</v>
      </c>
      <c r="E1456" t="s">
        <v>847</v>
      </c>
      <c r="F1456" t="s">
        <v>848</v>
      </c>
      <c r="G1456" t="s">
        <v>80</v>
      </c>
      <c r="H1456" t="s">
        <v>81</v>
      </c>
      <c r="I1456" s="2">
        <v>0</v>
      </c>
      <c r="J1456" s="2">
        <v>1</v>
      </c>
      <c r="K1456" s="2">
        <v>0</v>
      </c>
      <c r="L1456" t="s">
        <v>82</v>
      </c>
      <c r="M1456" t="s">
        <v>89</v>
      </c>
      <c r="N1456" t="s">
        <v>90</v>
      </c>
      <c r="O1456" t="s">
        <v>85</v>
      </c>
      <c r="P1456" t="s">
        <v>86</v>
      </c>
      <c r="Q1456">
        <v>7</v>
      </c>
      <c r="R1456">
        <v>7</v>
      </c>
      <c r="S1456">
        <v>7</v>
      </c>
      <c r="T1456">
        <v>8</v>
      </c>
      <c r="U1456">
        <v>8</v>
      </c>
      <c r="V1456">
        <v>8</v>
      </c>
      <c r="W1456">
        <v>8</v>
      </c>
      <c r="X1456">
        <v>8</v>
      </c>
      <c r="Y1456">
        <v>8</v>
      </c>
      <c r="Z1456">
        <v>8</v>
      </c>
      <c r="AA1456">
        <v>8</v>
      </c>
      <c r="AB1456">
        <v>8</v>
      </c>
      <c r="AC1456">
        <v>8</v>
      </c>
      <c r="AD1456">
        <v>8</v>
      </c>
      <c r="AE1456">
        <v>8</v>
      </c>
      <c r="AF1456">
        <v>8</v>
      </c>
      <c r="AG1456">
        <v>8</v>
      </c>
      <c r="AH1456">
        <v>8</v>
      </c>
      <c r="AI1456">
        <v>8</v>
      </c>
      <c r="AJ1456">
        <v>8</v>
      </c>
      <c r="AK1456">
        <v>8</v>
      </c>
      <c r="AL1456">
        <v>8</v>
      </c>
      <c r="AM1456">
        <v>8</v>
      </c>
      <c r="AN1456">
        <v>8</v>
      </c>
      <c r="AO1456">
        <v>8</v>
      </c>
      <c r="AP1456">
        <v>8</v>
      </c>
      <c r="AQ1456">
        <v>8</v>
      </c>
    </row>
    <row r="1457" spans="1:43">
      <c r="A1457" t="s">
        <v>985</v>
      </c>
      <c r="B1457" t="s">
        <v>986</v>
      </c>
      <c r="C1457" t="s">
        <v>979</v>
      </c>
      <c r="D1457" t="s">
        <v>980</v>
      </c>
      <c r="E1457" t="s">
        <v>847</v>
      </c>
      <c r="F1457" t="s">
        <v>848</v>
      </c>
      <c r="G1457" t="s">
        <v>80</v>
      </c>
      <c r="H1457" t="s">
        <v>81</v>
      </c>
      <c r="I1457" s="2">
        <v>0</v>
      </c>
      <c r="J1457" s="2">
        <v>1</v>
      </c>
      <c r="K1457" s="2">
        <v>0</v>
      </c>
      <c r="L1457" t="s">
        <v>82</v>
      </c>
      <c r="M1457" t="s">
        <v>83</v>
      </c>
      <c r="N1457" t="s">
        <v>91</v>
      </c>
      <c r="O1457" t="s">
        <v>85</v>
      </c>
      <c r="P1457" t="s">
        <v>86</v>
      </c>
      <c r="Q1457">
        <v>7</v>
      </c>
      <c r="R1457">
        <v>7</v>
      </c>
      <c r="S1457">
        <v>7</v>
      </c>
      <c r="T1457">
        <v>7</v>
      </c>
      <c r="U1457">
        <v>7</v>
      </c>
      <c r="V1457">
        <v>7</v>
      </c>
      <c r="W1457">
        <v>7</v>
      </c>
      <c r="X1457">
        <v>7</v>
      </c>
      <c r="Y1457">
        <v>7</v>
      </c>
      <c r="Z1457">
        <v>7</v>
      </c>
      <c r="AA1457">
        <v>8</v>
      </c>
      <c r="AB1457">
        <v>8</v>
      </c>
      <c r="AC1457">
        <v>8</v>
      </c>
      <c r="AD1457">
        <v>8</v>
      </c>
      <c r="AE1457">
        <v>8</v>
      </c>
      <c r="AF1457">
        <v>8</v>
      </c>
      <c r="AG1457">
        <v>8</v>
      </c>
      <c r="AH1457">
        <v>8</v>
      </c>
      <c r="AI1457">
        <v>8</v>
      </c>
      <c r="AJ1457">
        <v>8</v>
      </c>
      <c r="AK1457">
        <v>8</v>
      </c>
      <c r="AL1457">
        <v>8</v>
      </c>
      <c r="AM1457">
        <v>8</v>
      </c>
      <c r="AN1457">
        <v>8</v>
      </c>
      <c r="AO1457">
        <v>8</v>
      </c>
      <c r="AP1457">
        <v>8</v>
      </c>
      <c r="AQ1457">
        <v>8</v>
      </c>
    </row>
    <row r="1458" spans="1:43">
      <c r="A1458" t="s">
        <v>987</v>
      </c>
      <c r="B1458" t="s">
        <v>988</v>
      </c>
      <c r="C1458" t="s">
        <v>979</v>
      </c>
      <c r="D1458" t="s">
        <v>980</v>
      </c>
      <c r="E1458" t="s">
        <v>847</v>
      </c>
      <c r="F1458" t="s">
        <v>848</v>
      </c>
      <c r="G1458" t="s">
        <v>80</v>
      </c>
      <c r="H1458" t="s">
        <v>81</v>
      </c>
      <c r="I1458" s="2">
        <v>0</v>
      </c>
      <c r="J1458" s="2">
        <v>1</v>
      </c>
      <c r="K1458" s="2">
        <v>0</v>
      </c>
      <c r="L1458" t="s">
        <v>82</v>
      </c>
      <c r="M1458" t="s">
        <v>83</v>
      </c>
      <c r="N1458" t="s">
        <v>84</v>
      </c>
      <c r="O1458" t="s">
        <v>85</v>
      </c>
      <c r="P1458" t="s">
        <v>86</v>
      </c>
      <c r="Q1458">
        <v>9</v>
      </c>
      <c r="R1458">
        <v>9</v>
      </c>
      <c r="S1458">
        <v>9</v>
      </c>
      <c r="T1458">
        <v>9</v>
      </c>
      <c r="U1458">
        <v>9</v>
      </c>
      <c r="V1458">
        <v>9</v>
      </c>
      <c r="W1458">
        <v>9</v>
      </c>
      <c r="X1458">
        <v>9</v>
      </c>
      <c r="Y1458">
        <v>9</v>
      </c>
      <c r="Z1458">
        <v>9</v>
      </c>
      <c r="AA1458">
        <v>9</v>
      </c>
      <c r="AB1458">
        <v>9</v>
      </c>
      <c r="AC1458">
        <v>9</v>
      </c>
      <c r="AD1458">
        <v>9</v>
      </c>
      <c r="AE1458">
        <v>9</v>
      </c>
      <c r="AF1458">
        <v>9</v>
      </c>
      <c r="AG1458">
        <v>9</v>
      </c>
      <c r="AH1458">
        <v>9</v>
      </c>
      <c r="AI1458">
        <v>9</v>
      </c>
      <c r="AJ1458">
        <v>9</v>
      </c>
      <c r="AK1458">
        <v>10</v>
      </c>
      <c r="AL1458">
        <v>9</v>
      </c>
      <c r="AM1458">
        <v>9</v>
      </c>
      <c r="AN1458">
        <v>9</v>
      </c>
      <c r="AO1458">
        <v>9</v>
      </c>
      <c r="AP1458">
        <v>9</v>
      </c>
      <c r="AQ1458">
        <v>9</v>
      </c>
    </row>
    <row r="1459" spans="1:43">
      <c r="A1459" t="s">
        <v>987</v>
      </c>
      <c r="B1459" t="s">
        <v>988</v>
      </c>
      <c r="C1459" t="s">
        <v>979</v>
      </c>
      <c r="D1459" t="s">
        <v>980</v>
      </c>
      <c r="E1459" t="s">
        <v>847</v>
      </c>
      <c r="F1459" t="s">
        <v>848</v>
      </c>
      <c r="G1459" t="s">
        <v>80</v>
      </c>
      <c r="H1459" t="s">
        <v>81</v>
      </c>
      <c r="I1459" s="2">
        <v>0</v>
      </c>
      <c r="J1459" s="2">
        <v>1</v>
      </c>
      <c r="K1459" s="2">
        <v>0</v>
      </c>
      <c r="L1459" t="s">
        <v>82</v>
      </c>
      <c r="M1459" t="s">
        <v>87</v>
      </c>
      <c r="N1459" t="s">
        <v>88</v>
      </c>
      <c r="O1459" t="s">
        <v>85</v>
      </c>
      <c r="P1459" t="s">
        <v>86</v>
      </c>
      <c r="Q1459">
        <v>9</v>
      </c>
      <c r="R1459">
        <v>9</v>
      </c>
      <c r="S1459">
        <v>9</v>
      </c>
      <c r="T1459">
        <v>9</v>
      </c>
      <c r="U1459">
        <v>9</v>
      </c>
      <c r="V1459">
        <v>9</v>
      </c>
      <c r="W1459">
        <v>9</v>
      </c>
      <c r="X1459">
        <v>9</v>
      </c>
      <c r="Y1459">
        <v>9</v>
      </c>
      <c r="Z1459">
        <v>9</v>
      </c>
      <c r="AA1459">
        <v>9</v>
      </c>
      <c r="AB1459">
        <v>8</v>
      </c>
      <c r="AC1459">
        <v>8</v>
      </c>
      <c r="AD1459">
        <v>8</v>
      </c>
      <c r="AE1459">
        <v>8</v>
      </c>
      <c r="AF1459">
        <v>8</v>
      </c>
      <c r="AG1459">
        <v>8</v>
      </c>
      <c r="AH1459">
        <v>8</v>
      </c>
      <c r="AI1459">
        <v>8</v>
      </c>
      <c r="AJ1459">
        <v>8</v>
      </c>
      <c r="AK1459">
        <v>8</v>
      </c>
      <c r="AL1459">
        <v>8</v>
      </c>
      <c r="AM1459">
        <v>8</v>
      </c>
      <c r="AN1459">
        <v>8</v>
      </c>
      <c r="AO1459">
        <v>8</v>
      </c>
      <c r="AP1459">
        <v>8</v>
      </c>
      <c r="AQ1459">
        <v>8</v>
      </c>
    </row>
    <row r="1460" spans="1:43">
      <c r="A1460" t="s">
        <v>987</v>
      </c>
      <c r="B1460" t="s">
        <v>988</v>
      </c>
      <c r="C1460" t="s">
        <v>979</v>
      </c>
      <c r="D1460" t="s">
        <v>980</v>
      </c>
      <c r="E1460" t="s">
        <v>847</v>
      </c>
      <c r="F1460" t="s">
        <v>848</v>
      </c>
      <c r="G1460" t="s">
        <v>80</v>
      </c>
      <c r="H1460" t="s">
        <v>81</v>
      </c>
      <c r="I1460" s="2">
        <v>0</v>
      </c>
      <c r="J1460" s="2">
        <v>1</v>
      </c>
      <c r="K1460" s="2">
        <v>0</v>
      </c>
      <c r="L1460" t="s">
        <v>82</v>
      </c>
      <c r="M1460" t="s">
        <v>89</v>
      </c>
      <c r="N1460" t="s">
        <v>90</v>
      </c>
      <c r="O1460" t="s">
        <v>85</v>
      </c>
      <c r="P1460" t="s">
        <v>86</v>
      </c>
      <c r="Q1460">
        <v>9</v>
      </c>
      <c r="R1460">
        <v>9</v>
      </c>
      <c r="S1460">
        <v>9</v>
      </c>
      <c r="T1460">
        <v>9</v>
      </c>
      <c r="U1460">
        <v>10</v>
      </c>
      <c r="V1460">
        <v>10</v>
      </c>
      <c r="W1460">
        <v>10</v>
      </c>
      <c r="X1460">
        <v>10</v>
      </c>
      <c r="Y1460">
        <v>10</v>
      </c>
      <c r="Z1460">
        <v>10</v>
      </c>
      <c r="AA1460">
        <v>10</v>
      </c>
      <c r="AB1460">
        <v>10</v>
      </c>
      <c r="AC1460">
        <v>10</v>
      </c>
      <c r="AD1460">
        <v>10</v>
      </c>
      <c r="AE1460">
        <v>10</v>
      </c>
      <c r="AF1460">
        <v>10</v>
      </c>
      <c r="AG1460">
        <v>10</v>
      </c>
      <c r="AH1460">
        <v>10</v>
      </c>
      <c r="AI1460">
        <v>10</v>
      </c>
      <c r="AJ1460">
        <v>10</v>
      </c>
      <c r="AK1460">
        <v>10</v>
      </c>
      <c r="AL1460">
        <v>10</v>
      </c>
      <c r="AM1460">
        <v>9</v>
      </c>
      <c r="AN1460">
        <v>9</v>
      </c>
      <c r="AO1460">
        <v>9</v>
      </c>
      <c r="AP1460">
        <v>9</v>
      </c>
      <c r="AQ1460">
        <v>9</v>
      </c>
    </row>
    <row r="1461" spans="1:43">
      <c r="A1461" t="s">
        <v>987</v>
      </c>
      <c r="B1461" t="s">
        <v>988</v>
      </c>
      <c r="C1461" t="s">
        <v>979</v>
      </c>
      <c r="D1461" t="s">
        <v>980</v>
      </c>
      <c r="E1461" t="s">
        <v>847</v>
      </c>
      <c r="F1461" t="s">
        <v>848</v>
      </c>
      <c r="G1461" t="s">
        <v>80</v>
      </c>
      <c r="H1461" t="s">
        <v>81</v>
      </c>
      <c r="I1461" s="2">
        <v>0</v>
      </c>
      <c r="J1461" s="2">
        <v>1</v>
      </c>
      <c r="K1461" s="2">
        <v>0</v>
      </c>
      <c r="L1461" t="s">
        <v>82</v>
      </c>
      <c r="M1461" t="s">
        <v>83</v>
      </c>
      <c r="N1461" t="s">
        <v>91</v>
      </c>
      <c r="O1461" t="s">
        <v>85</v>
      </c>
      <c r="P1461" t="s">
        <v>86</v>
      </c>
      <c r="Q1461">
        <v>9</v>
      </c>
      <c r="R1461">
        <v>9</v>
      </c>
      <c r="S1461">
        <v>9</v>
      </c>
      <c r="T1461">
        <v>9</v>
      </c>
      <c r="U1461">
        <v>9</v>
      </c>
      <c r="V1461">
        <v>9</v>
      </c>
      <c r="W1461">
        <v>9</v>
      </c>
      <c r="X1461">
        <v>9</v>
      </c>
      <c r="Y1461">
        <v>9</v>
      </c>
      <c r="Z1461">
        <v>9</v>
      </c>
      <c r="AA1461">
        <v>9</v>
      </c>
      <c r="AB1461">
        <v>9</v>
      </c>
      <c r="AC1461">
        <v>9</v>
      </c>
      <c r="AD1461">
        <v>9</v>
      </c>
      <c r="AE1461">
        <v>9</v>
      </c>
      <c r="AF1461">
        <v>9</v>
      </c>
      <c r="AG1461">
        <v>9</v>
      </c>
      <c r="AH1461">
        <v>9</v>
      </c>
      <c r="AI1461">
        <v>9</v>
      </c>
      <c r="AJ1461">
        <v>9</v>
      </c>
      <c r="AK1461">
        <v>10</v>
      </c>
      <c r="AL1461">
        <v>9</v>
      </c>
      <c r="AM1461">
        <v>9</v>
      </c>
      <c r="AN1461">
        <v>9</v>
      </c>
      <c r="AO1461">
        <v>9</v>
      </c>
      <c r="AP1461">
        <v>9</v>
      </c>
      <c r="AQ1461">
        <v>9</v>
      </c>
    </row>
    <row r="1462" spans="1:43">
      <c r="A1462" t="s">
        <v>989</v>
      </c>
      <c r="B1462" t="s">
        <v>990</v>
      </c>
      <c r="C1462" t="s">
        <v>961</v>
      </c>
      <c r="D1462" t="s">
        <v>962</v>
      </c>
      <c r="E1462" t="s">
        <v>847</v>
      </c>
      <c r="F1462" t="s">
        <v>848</v>
      </c>
      <c r="G1462" t="s">
        <v>80</v>
      </c>
      <c r="H1462" t="s">
        <v>81</v>
      </c>
      <c r="I1462" s="2">
        <v>0</v>
      </c>
      <c r="J1462" s="2">
        <v>1</v>
      </c>
      <c r="K1462" s="2">
        <v>0</v>
      </c>
      <c r="L1462" t="s">
        <v>82</v>
      </c>
      <c r="M1462" t="s">
        <v>83</v>
      </c>
      <c r="N1462" t="s">
        <v>84</v>
      </c>
      <c r="O1462" t="s">
        <v>85</v>
      </c>
      <c r="P1462" t="s">
        <v>86</v>
      </c>
      <c r="Q1462">
        <v>22</v>
      </c>
      <c r="R1462">
        <v>23</v>
      </c>
      <c r="S1462">
        <v>23</v>
      </c>
      <c r="T1462">
        <v>23</v>
      </c>
      <c r="U1462">
        <v>23</v>
      </c>
      <c r="V1462">
        <v>23</v>
      </c>
      <c r="W1462">
        <v>23</v>
      </c>
      <c r="X1462">
        <v>23</v>
      </c>
      <c r="Y1462">
        <v>23</v>
      </c>
      <c r="Z1462">
        <v>23</v>
      </c>
      <c r="AA1462">
        <v>24</v>
      </c>
      <c r="AB1462">
        <v>24</v>
      </c>
      <c r="AC1462">
        <v>24</v>
      </c>
      <c r="AD1462">
        <v>24</v>
      </c>
      <c r="AE1462">
        <v>24</v>
      </c>
      <c r="AF1462">
        <v>24</v>
      </c>
      <c r="AG1462">
        <v>24</v>
      </c>
      <c r="AH1462">
        <v>24</v>
      </c>
      <c r="AI1462">
        <v>24</v>
      </c>
      <c r="AJ1462">
        <v>24</v>
      </c>
      <c r="AK1462">
        <v>24</v>
      </c>
      <c r="AL1462">
        <v>24</v>
      </c>
      <c r="AM1462">
        <v>24</v>
      </c>
      <c r="AN1462">
        <v>24</v>
      </c>
      <c r="AO1462">
        <v>24</v>
      </c>
      <c r="AP1462">
        <v>24</v>
      </c>
      <c r="AQ1462">
        <v>24</v>
      </c>
    </row>
    <row r="1463" spans="1:43">
      <c r="A1463" t="s">
        <v>989</v>
      </c>
      <c r="B1463" t="s">
        <v>990</v>
      </c>
      <c r="C1463" t="s">
        <v>961</v>
      </c>
      <c r="D1463" t="s">
        <v>962</v>
      </c>
      <c r="E1463" t="s">
        <v>847</v>
      </c>
      <c r="F1463" t="s">
        <v>848</v>
      </c>
      <c r="G1463" t="s">
        <v>80</v>
      </c>
      <c r="H1463" t="s">
        <v>81</v>
      </c>
      <c r="I1463" s="2">
        <v>0</v>
      </c>
      <c r="J1463" s="2">
        <v>1</v>
      </c>
      <c r="K1463" s="2">
        <v>0</v>
      </c>
      <c r="L1463" t="s">
        <v>82</v>
      </c>
      <c r="M1463" t="s">
        <v>87</v>
      </c>
      <c r="N1463" t="s">
        <v>88</v>
      </c>
      <c r="O1463" t="s">
        <v>85</v>
      </c>
      <c r="P1463" t="s">
        <v>86</v>
      </c>
      <c r="Q1463">
        <v>22</v>
      </c>
      <c r="R1463">
        <v>22</v>
      </c>
      <c r="S1463">
        <v>22</v>
      </c>
      <c r="T1463">
        <v>22</v>
      </c>
      <c r="U1463">
        <v>22</v>
      </c>
      <c r="V1463">
        <v>22</v>
      </c>
      <c r="W1463">
        <v>22</v>
      </c>
      <c r="X1463">
        <v>22</v>
      </c>
      <c r="Y1463">
        <v>22</v>
      </c>
      <c r="Z1463">
        <v>21</v>
      </c>
      <c r="AA1463">
        <v>21</v>
      </c>
      <c r="AB1463">
        <v>21</v>
      </c>
      <c r="AC1463">
        <v>21</v>
      </c>
      <c r="AD1463">
        <v>21</v>
      </c>
      <c r="AE1463">
        <v>21</v>
      </c>
      <c r="AF1463">
        <v>21</v>
      </c>
      <c r="AG1463">
        <v>21</v>
      </c>
      <c r="AH1463">
        <v>21</v>
      </c>
      <c r="AI1463">
        <v>21</v>
      </c>
      <c r="AJ1463">
        <v>21</v>
      </c>
      <c r="AK1463">
        <v>21</v>
      </c>
      <c r="AL1463">
        <v>21</v>
      </c>
      <c r="AM1463">
        <v>21</v>
      </c>
      <c r="AN1463">
        <v>21</v>
      </c>
      <c r="AO1463">
        <v>21</v>
      </c>
      <c r="AP1463">
        <v>20</v>
      </c>
      <c r="AQ1463">
        <v>20</v>
      </c>
    </row>
    <row r="1464" spans="1:43">
      <c r="A1464" t="s">
        <v>989</v>
      </c>
      <c r="B1464" t="s">
        <v>990</v>
      </c>
      <c r="C1464" t="s">
        <v>961</v>
      </c>
      <c r="D1464" t="s">
        <v>962</v>
      </c>
      <c r="E1464" t="s">
        <v>847</v>
      </c>
      <c r="F1464" t="s">
        <v>848</v>
      </c>
      <c r="G1464" t="s">
        <v>80</v>
      </c>
      <c r="H1464" t="s">
        <v>81</v>
      </c>
      <c r="I1464" s="2">
        <v>0</v>
      </c>
      <c r="J1464" s="2">
        <v>1</v>
      </c>
      <c r="K1464" s="2">
        <v>0</v>
      </c>
      <c r="L1464" t="s">
        <v>82</v>
      </c>
      <c r="M1464" t="s">
        <v>89</v>
      </c>
      <c r="N1464" t="s">
        <v>90</v>
      </c>
      <c r="O1464" t="s">
        <v>85</v>
      </c>
      <c r="P1464" t="s">
        <v>86</v>
      </c>
      <c r="Q1464">
        <v>22</v>
      </c>
      <c r="R1464">
        <v>22</v>
      </c>
      <c r="S1464">
        <v>22</v>
      </c>
      <c r="T1464">
        <v>23</v>
      </c>
      <c r="U1464">
        <v>23</v>
      </c>
      <c r="V1464">
        <v>23</v>
      </c>
      <c r="W1464">
        <v>23</v>
      </c>
      <c r="X1464">
        <v>24</v>
      </c>
      <c r="Y1464">
        <v>24</v>
      </c>
      <c r="Z1464">
        <v>24</v>
      </c>
      <c r="AA1464">
        <v>24</v>
      </c>
      <c r="AB1464">
        <v>24</v>
      </c>
      <c r="AC1464">
        <v>24</v>
      </c>
      <c r="AD1464">
        <v>25</v>
      </c>
      <c r="AE1464">
        <v>25</v>
      </c>
      <c r="AF1464">
        <v>24</v>
      </c>
      <c r="AG1464">
        <v>24</v>
      </c>
      <c r="AH1464">
        <v>24</v>
      </c>
      <c r="AI1464">
        <v>24</v>
      </c>
      <c r="AJ1464">
        <v>24</v>
      </c>
      <c r="AK1464">
        <v>24</v>
      </c>
      <c r="AL1464">
        <v>24</v>
      </c>
      <c r="AM1464">
        <v>24</v>
      </c>
      <c r="AN1464">
        <v>23</v>
      </c>
      <c r="AO1464">
        <v>23</v>
      </c>
      <c r="AP1464">
        <v>23</v>
      </c>
      <c r="AQ1464">
        <v>23</v>
      </c>
    </row>
    <row r="1465" spans="1:43">
      <c r="A1465" t="s">
        <v>989</v>
      </c>
      <c r="B1465" t="s">
        <v>990</v>
      </c>
      <c r="C1465" t="s">
        <v>961</v>
      </c>
      <c r="D1465" t="s">
        <v>962</v>
      </c>
      <c r="E1465" t="s">
        <v>847</v>
      </c>
      <c r="F1465" t="s">
        <v>848</v>
      </c>
      <c r="G1465" t="s">
        <v>80</v>
      </c>
      <c r="H1465" t="s">
        <v>81</v>
      </c>
      <c r="I1465" s="2">
        <v>0</v>
      </c>
      <c r="J1465" s="2">
        <v>1</v>
      </c>
      <c r="K1465" s="2">
        <v>0</v>
      </c>
      <c r="L1465" t="s">
        <v>82</v>
      </c>
      <c r="M1465" t="s">
        <v>83</v>
      </c>
      <c r="N1465" t="s">
        <v>91</v>
      </c>
      <c r="O1465" t="s">
        <v>85</v>
      </c>
      <c r="P1465" t="s">
        <v>86</v>
      </c>
      <c r="Q1465">
        <v>22</v>
      </c>
      <c r="R1465">
        <v>23</v>
      </c>
      <c r="S1465">
        <v>23</v>
      </c>
      <c r="T1465">
        <v>23</v>
      </c>
      <c r="U1465">
        <v>23</v>
      </c>
      <c r="V1465">
        <v>23</v>
      </c>
      <c r="W1465">
        <v>23</v>
      </c>
      <c r="X1465">
        <v>23</v>
      </c>
      <c r="Y1465">
        <v>23</v>
      </c>
      <c r="Z1465">
        <v>23</v>
      </c>
      <c r="AA1465">
        <v>24</v>
      </c>
      <c r="AB1465">
        <v>24</v>
      </c>
      <c r="AC1465">
        <v>24</v>
      </c>
      <c r="AD1465">
        <v>24</v>
      </c>
      <c r="AE1465">
        <v>24</v>
      </c>
      <c r="AF1465">
        <v>24</v>
      </c>
      <c r="AG1465">
        <v>24</v>
      </c>
      <c r="AH1465">
        <v>24</v>
      </c>
      <c r="AI1465">
        <v>24</v>
      </c>
      <c r="AJ1465">
        <v>24</v>
      </c>
      <c r="AK1465">
        <v>24</v>
      </c>
      <c r="AL1465">
        <v>24</v>
      </c>
      <c r="AM1465">
        <v>24</v>
      </c>
      <c r="AN1465">
        <v>24</v>
      </c>
      <c r="AO1465">
        <v>24</v>
      </c>
      <c r="AP1465">
        <v>24</v>
      </c>
      <c r="AQ1465">
        <v>24</v>
      </c>
    </row>
    <row r="1466" spans="1:43">
      <c r="A1466" t="s">
        <v>991</v>
      </c>
      <c r="B1466" t="s">
        <v>992</v>
      </c>
      <c r="C1466" t="s">
        <v>993</v>
      </c>
      <c r="D1466" t="s">
        <v>994</v>
      </c>
      <c r="E1466" t="s">
        <v>847</v>
      </c>
      <c r="F1466" t="s">
        <v>848</v>
      </c>
      <c r="G1466" t="s">
        <v>80</v>
      </c>
      <c r="H1466" t="s">
        <v>81</v>
      </c>
      <c r="I1466" s="2">
        <v>0</v>
      </c>
      <c r="J1466" s="2">
        <v>0.31</v>
      </c>
      <c r="K1466" s="2">
        <v>0.69</v>
      </c>
      <c r="L1466" t="s">
        <v>995</v>
      </c>
      <c r="M1466" t="s">
        <v>83</v>
      </c>
      <c r="N1466" t="s">
        <v>84</v>
      </c>
      <c r="O1466" t="s">
        <v>85</v>
      </c>
      <c r="P1466" t="s">
        <v>86</v>
      </c>
      <c r="Q1466">
        <v>27</v>
      </c>
      <c r="R1466">
        <v>27</v>
      </c>
      <c r="S1466">
        <v>27</v>
      </c>
      <c r="T1466">
        <v>27</v>
      </c>
      <c r="U1466">
        <v>27</v>
      </c>
      <c r="V1466">
        <v>27</v>
      </c>
      <c r="W1466">
        <v>27</v>
      </c>
      <c r="X1466">
        <v>27</v>
      </c>
      <c r="Y1466">
        <v>28</v>
      </c>
      <c r="Z1466">
        <v>28</v>
      </c>
      <c r="AA1466">
        <v>28</v>
      </c>
      <c r="AB1466">
        <v>28</v>
      </c>
      <c r="AC1466">
        <v>28</v>
      </c>
      <c r="AD1466">
        <v>28</v>
      </c>
      <c r="AE1466">
        <v>28</v>
      </c>
      <c r="AF1466">
        <v>28</v>
      </c>
      <c r="AG1466">
        <v>28</v>
      </c>
      <c r="AH1466">
        <v>28</v>
      </c>
      <c r="AI1466">
        <v>28</v>
      </c>
      <c r="AJ1466">
        <v>28</v>
      </c>
      <c r="AK1466">
        <v>28</v>
      </c>
      <c r="AL1466">
        <v>28</v>
      </c>
      <c r="AM1466">
        <v>28</v>
      </c>
      <c r="AN1466">
        <v>28</v>
      </c>
      <c r="AO1466">
        <v>28</v>
      </c>
      <c r="AP1466">
        <v>27</v>
      </c>
      <c r="AQ1466">
        <v>27</v>
      </c>
    </row>
    <row r="1467" spans="1:43">
      <c r="A1467" t="s">
        <v>991</v>
      </c>
      <c r="B1467" t="s">
        <v>992</v>
      </c>
      <c r="C1467" t="s">
        <v>993</v>
      </c>
      <c r="D1467" t="s">
        <v>994</v>
      </c>
      <c r="E1467" t="s">
        <v>847</v>
      </c>
      <c r="F1467" t="s">
        <v>848</v>
      </c>
      <c r="G1467" t="s">
        <v>80</v>
      </c>
      <c r="H1467" t="s">
        <v>81</v>
      </c>
      <c r="I1467" s="2">
        <v>0</v>
      </c>
      <c r="J1467" s="2">
        <v>0.31</v>
      </c>
      <c r="K1467" s="2">
        <v>0.69</v>
      </c>
      <c r="L1467" t="s">
        <v>995</v>
      </c>
      <c r="M1467" t="s">
        <v>87</v>
      </c>
      <c r="N1467" t="s">
        <v>88</v>
      </c>
      <c r="O1467" t="s">
        <v>85</v>
      </c>
      <c r="P1467" t="s">
        <v>86</v>
      </c>
      <c r="Q1467">
        <v>27</v>
      </c>
      <c r="R1467">
        <v>27</v>
      </c>
      <c r="S1467">
        <v>27</v>
      </c>
      <c r="T1467">
        <v>27</v>
      </c>
      <c r="U1467">
        <v>27</v>
      </c>
      <c r="V1467">
        <v>27</v>
      </c>
      <c r="W1467">
        <v>27</v>
      </c>
      <c r="X1467">
        <v>27</v>
      </c>
      <c r="Y1467">
        <v>26</v>
      </c>
      <c r="Z1467">
        <v>26</v>
      </c>
      <c r="AA1467">
        <v>26</v>
      </c>
      <c r="AB1467">
        <v>26</v>
      </c>
      <c r="AC1467">
        <v>26</v>
      </c>
      <c r="AD1467">
        <v>26</v>
      </c>
      <c r="AE1467">
        <v>26</v>
      </c>
      <c r="AF1467">
        <v>26</v>
      </c>
      <c r="AG1467">
        <v>26</v>
      </c>
      <c r="AH1467">
        <v>25</v>
      </c>
      <c r="AI1467">
        <v>25</v>
      </c>
      <c r="AJ1467">
        <v>25</v>
      </c>
      <c r="AK1467">
        <v>25</v>
      </c>
      <c r="AL1467">
        <v>25</v>
      </c>
      <c r="AM1467">
        <v>25</v>
      </c>
      <c r="AN1467">
        <v>25</v>
      </c>
      <c r="AO1467">
        <v>25</v>
      </c>
      <c r="AP1467">
        <v>25</v>
      </c>
      <c r="AQ1467">
        <v>25</v>
      </c>
    </row>
    <row r="1468" spans="1:43">
      <c r="A1468" t="s">
        <v>991</v>
      </c>
      <c r="B1468" t="s">
        <v>992</v>
      </c>
      <c r="C1468" t="s">
        <v>993</v>
      </c>
      <c r="D1468" t="s">
        <v>994</v>
      </c>
      <c r="E1468" t="s">
        <v>847</v>
      </c>
      <c r="F1468" t="s">
        <v>848</v>
      </c>
      <c r="G1468" t="s">
        <v>80</v>
      </c>
      <c r="H1468" t="s">
        <v>81</v>
      </c>
      <c r="I1468" s="2">
        <v>0</v>
      </c>
      <c r="J1468" s="2">
        <v>0.31</v>
      </c>
      <c r="K1468" s="2">
        <v>0.69</v>
      </c>
      <c r="L1468" t="s">
        <v>995</v>
      </c>
      <c r="M1468" t="s">
        <v>89</v>
      </c>
      <c r="N1468" t="s">
        <v>90</v>
      </c>
      <c r="O1468" t="s">
        <v>85</v>
      </c>
      <c r="P1468" t="s">
        <v>86</v>
      </c>
      <c r="Q1468">
        <v>27</v>
      </c>
      <c r="R1468">
        <v>27</v>
      </c>
      <c r="S1468">
        <v>28</v>
      </c>
      <c r="T1468">
        <v>28</v>
      </c>
      <c r="U1468">
        <v>28</v>
      </c>
      <c r="V1468">
        <v>28</v>
      </c>
      <c r="W1468">
        <v>29</v>
      </c>
      <c r="X1468">
        <v>29</v>
      </c>
      <c r="Y1468">
        <v>29</v>
      </c>
      <c r="Z1468">
        <v>29</v>
      </c>
      <c r="AA1468">
        <v>29</v>
      </c>
      <c r="AB1468">
        <v>30</v>
      </c>
      <c r="AC1468">
        <v>30</v>
      </c>
      <c r="AD1468">
        <v>30</v>
      </c>
      <c r="AE1468">
        <v>30</v>
      </c>
      <c r="AF1468">
        <v>30</v>
      </c>
      <c r="AG1468">
        <v>30</v>
      </c>
      <c r="AH1468">
        <v>29</v>
      </c>
      <c r="AI1468">
        <v>29</v>
      </c>
      <c r="AJ1468">
        <v>29</v>
      </c>
      <c r="AK1468">
        <v>29</v>
      </c>
      <c r="AL1468">
        <v>28</v>
      </c>
      <c r="AM1468">
        <v>28</v>
      </c>
      <c r="AN1468">
        <v>28</v>
      </c>
      <c r="AO1468">
        <v>28</v>
      </c>
      <c r="AP1468">
        <v>28</v>
      </c>
      <c r="AQ1468">
        <v>27</v>
      </c>
    </row>
    <row r="1469" spans="1:43">
      <c r="A1469" t="s">
        <v>991</v>
      </c>
      <c r="B1469" t="s">
        <v>992</v>
      </c>
      <c r="C1469" t="s">
        <v>993</v>
      </c>
      <c r="D1469" t="s">
        <v>994</v>
      </c>
      <c r="E1469" t="s">
        <v>847</v>
      </c>
      <c r="F1469" t="s">
        <v>848</v>
      </c>
      <c r="G1469" t="s">
        <v>80</v>
      </c>
      <c r="H1469" t="s">
        <v>81</v>
      </c>
      <c r="I1469" s="2">
        <v>0</v>
      </c>
      <c r="J1469" s="2">
        <v>0.31</v>
      </c>
      <c r="K1469" s="2">
        <v>0.69</v>
      </c>
      <c r="L1469" t="s">
        <v>995</v>
      </c>
      <c r="M1469" t="s">
        <v>83</v>
      </c>
      <c r="N1469" t="s">
        <v>91</v>
      </c>
      <c r="O1469" t="s">
        <v>85</v>
      </c>
      <c r="P1469" t="s">
        <v>86</v>
      </c>
      <c r="Q1469">
        <v>27</v>
      </c>
      <c r="R1469">
        <v>27</v>
      </c>
      <c r="S1469">
        <v>27</v>
      </c>
      <c r="T1469">
        <v>27</v>
      </c>
      <c r="U1469">
        <v>27</v>
      </c>
      <c r="V1469">
        <v>27</v>
      </c>
      <c r="W1469">
        <v>27</v>
      </c>
      <c r="X1469">
        <v>27</v>
      </c>
      <c r="Y1469">
        <v>28</v>
      </c>
      <c r="Z1469">
        <v>28</v>
      </c>
      <c r="AA1469">
        <v>28</v>
      </c>
      <c r="AB1469">
        <v>28</v>
      </c>
      <c r="AC1469">
        <v>28</v>
      </c>
      <c r="AD1469">
        <v>28</v>
      </c>
      <c r="AE1469">
        <v>28</v>
      </c>
      <c r="AF1469">
        <v>28</v>
      </c>
      <c r="AG1469">
        <v>28</v>
      </c>
      <c r="AH1469">
        <v>28</v>
      </c>
      <c r="AI1469">
        <v>28</v>
      </c>
      <c r="AJ1469">
        <v>28</v>
      </c>
      <c r="AK1469">
        <v>28</v>
      </c>
      <c r="AL1469">
        <v>28</v>
      </c>
      <c r="AM1469">
        <v>28</v>
      </c>
      <c r="AN1469">
        <v>28</v>
      </c>
      <c r="AO1469">
        <v>28</v>
      </c>
      <c r="AP1469">
        <v>27</v>
      </c>
      <c r="AQ1469">
        <v>27</v>
      </c>
    </row>
    <row r="1470" spans="1:43">
      <c r="A1470" t="s">
        <v>996</v>
      </c>
      <c r="B1470" t="s">
        <v>997</v>
      </c>
      <c r="C1470" t="s">
        <v>998</v>
      </c>
      <c r="D1470" t="s">
        <v>999</v>
      </c>
      <c r="E1470" t="s">
        <v>847</v>
      </c>
      <c r="F1470" t="s">
        <v>848</v>
      </c>
      <c r="G1470" t="s">
        <v>80</v>
      </c>
      <c r="H1470" t="s">
        <v>81</v>
      </c>
      <c r="I1470" s="2">
        <v>0</v>
      </c>
      <c r="J1470" s="2">
        <v>1</v>
      </c>
      <c r="K1470" s="2">
        <v>0</v>
      </c>
      <c r="L1470" t="s">
        <v>82</v>
      </c>
      <c r="M1470" t="s">
        <v>83</v>
      </c>
      <c r="N1470" t="s">
        <v>84</v>
      </c>
      <c r="O1470" t="s">
        <v>85</v>
      </c>
      <c r="P1470" t="s">
        <v>86</v>
      </c>
      <c r="Q1470">
        <v>12</v>
      </c>
      <c r="R1470">
        <v>12</v>
      </c>
      <c r="S1470">
        <v>12</v>
      </c>
      <c r="T1470">
        <v>12</v>
      </c>
      <c r="U1470">
        <v>12</v>
      </c>
      <c r="V1470">
        <v>12</v>
      </c>
      <c r="W1470">
        <v>12</v>
      </c>
      <c r="X1470">
        <v>12</v>
      </c>
      <c r="Y1470">
        <v>12</v>
      </c>
      <c r="Z1470">
        <v>12</v>
      </c>
      <c r="AA1470">
        <v>12</v>
      </c>
      <c r="AB1470">
        <v>12</v>
      </c>
      <c r="AC1470">
        <v>12</v>
      </c>
      <c r="AD1470">
        <v>12</v>
      </c>
      <c r="AE1470">
        <v>12</v>
      </c>
      <c r="AF1470">
        <v>12</v>
      </c>
      <c r="AG1470">
        <v>12</v>
      </c>
      <c r="AH1470">
        <v>12</v>
      </c>
      <c r="AI1470">
        <v>12</v>
      </c>
      <c r="AJ1470">
        <v>12</v>
      </c>
      <c r="AK1470">
        <v>12</v>
      </c>
      <c r="AL1470">
        <v>12</v>
      </c>
      <c r="AM1470">
        <v>12</v>
      </c>
      <c r="AN1470">
        <v>12</v>
      </c>
      <c r="AO1470">
        <v>12</v>
      </c>
      <c r="AP1470">
        <v>12</v>
      </c>
      <c r="AQ1470">
        <v>12</v>
      </c>
    </row>
    <row r="1471" spans="1:43">
      <c r="A1471" t="s">
        <v>996</v>
      </c>
      <c r="B1471" t="s">
        <v>997</v>
      </c>
      <c r="C1471" t="s">
        <v>998</v>
      </c>
      <c r="D1471" t="s">
        <v>999</v>
      </c>
      <c r="E1471" t="s">
        <v>847</v>
      </c>
      <c r="F1471" t="s">
        <v>848</v>
      </c>
      <c r="G1471" t="s">
        <v>80</v>
      </c>
      <c r="H1471" t="s">
        <v>81</v>
      </c>
      <c r="I1471" s="2">
        <v>0</v>
      </c>
      <c r="J1471" s="2">
        <v>1</v>
      </c>
      <c r="K1471" s="2">
        <v>0</v>
      </c>
      <c r="L1471" t="s">
        <v>82</v>
      </c>
      <c r="M1471" t="s">
        <v>87</v>
      </c>
      <c r="N1471" t="s">
        <v>88</v>
      </c>
      <c r="O1471" t="s">
        <v>85</v>
      </c>
      <c r="P1471" t="s">
        <v>86</v>
      </c>
      <c r="Q1471">
        <v>12</v>
      </c>
      <c r="R1471">
        <v>12</v>
      </c>
      <c r="S1471">
        <v>12</v>
      </c>
      <c r="T1471">
        <v>12</v>
      </c>
      <c r="U1471">
        <v>12</v>
      </c>
      <c r="V1471">
        <v>11</v>
      </c>
      <c r="W1471">
        <v>11</v>
      </c>
      <c r="X1471">
        <v>11</v>
      </c>
      <c r="Y1471">
        <v>11</v>
      </c>
      <c r="Z1471">
        <v>11</v>
      </c>
      <c r="AA1471">
        <v>11</v>
      </c>
      <c r="AB1471">
        <v>11</v>
      </c>
      <c r="AC1471">
        <v>11</v>
      </c>
      <c r="AD1471">
        <v>11</v>
      </c>
      <c r="AE1471">
        <v>11</v>
      </c>
      <c r="AF1471">
        <v>11</v>
      </c>
      <c r="AG1471">
        <v>11</v>
      </c>
      <c r="AH1471">
        <v>11</v>
      </c>
      <c r="AI1471">
        <v>11</v>
      </c>
      <c r="AJ1471">
        <v>11</v>
      </c>
      <c r="AK1471">
        <v>11</v>
      </c>
      <c r="AL1471">
        <v>11</v>
      </c>
      <c r="AM1471">
        <v>11</v>
      </c>
      <c r="AN1471">
        <v>10</v>
      </c>
      <c r="AO1471">
        <v>10</v>
      </c>
      <c r="AP1471">
        <v>10</v>
      </c>
      <c r="AQ1471">
        <v>10</v>
      </c>
    </row>
    <row r="1472" spans="1:43">
      <c r="A1472" t="s">
        <v>996</v>
      </c>
      <c r="B1472" t="s">
        <v>997</v>
      </c>
      <c r="C1472" t="s">
        <v>998</v>
      </c>
      <c r="D1472" t="s">
        <v>999</v>
      </c>
      <c r="E1472" t="s">
        <v>847</v>
      </c>
      <c r="F1472" t="s">
        <v>848</v>
      </c>
      <c r="G1472" t="s">
        <v>80</v>
      </c>
      <c r="H1472" t="s">
        <v>81</v>
      </c>
      <c r="I1472" s="2">
        <v>0</v>
      </c>
      <c r="J1472" s="2">
        <v>1</v>
      </c>
      <c r="K1472" s="2">
        <v>0</v>
      </c>
      <c r="L1472" t="s">
        <v>82</v>
      </c>
      <c r="M1472" t="s">
        <v>89</v>
      </c>
      <c r="N1472" t="s">
        <v>90</v>
      </c>
      <c r="O1472" t="s">
        <v>85</v>
      </c>
      <c r="P1472" t="s">
        <v>86</v>
      </c>
      <c r="Q1472">
        <v>12</v>
      </c>
      <c r="R1472">
        <v>12</v>
      </c>
      <c r="S1472">
        <v>12</v>
      </c>
      <c r="T1472">
        <v>12</v>
      </c>
      <c r="U1472">
        <v>13</v>
      </c>
      <c r="V1472">
        <v>13</v>
      </c>
      <c r="W1472">
        <v>13</v>
      </c>
      <c r="X1472">
        <v>13</v>
      </c>
      <c r="Y1472">
        <v>13</v>
      </c>
      <c r="Z1472">
        <v>13</v>
      </c>
      <c r="AA1472">
        <v>13</v>
      </c>
      <c r="AB1472">
        <v>13</v>
      </c>
      <c r="AC1472">
        <v>13</v>
      </c>
      <c r="AD1472">
        <v>13</v>
      </c>
      <c r="AE1472">
        <v>13</v>
      </c>
      <c r="AF1472">
        <v>13</v>
      </c>
      <c r="AG1472">
        <v>13</v>
      </c>
      <c r="AH1472">
        <v>13</v>
      </c>
      <c r="AI1472">
        <v>13</v>
      </c>
      <c r="AJ1472">
        <v>13</v>
      </c>
      <c r="AK1472">
        <v>13</v>
      </c>
      <c r="AL1472">
        <v>12</v>
      </c>
      <c r="AM1472">
        <v>12</v>
      </c>
      <c r="AN1472">
        <v>12</v>
      </c>
      <c r="AO1472">
        <v>12</v>
      </c>
      <c r="AP1472">
        <v>12</v>
      </c>
      <c r="AQ1472">
        <v>12</v>
      </c>
    </row>
    <row r="1473" spans="1:43">
      <c r="A1473" t="s">
        <v>996</v>
      </c>
      <c r="B1473" t="s">
        <v>997</v>
      </c>
      <c r="C1473" t="s">
        <v>998</v>
      </c>
      <c r="D1473" t="s">
        <v>999</v>
      </c>
      <c r="E1473" t="s">
        <v>847</v>
      </c>
      <c r="F1473" t="s">
        <v>848</v>
      </c>
      <c r="G1473" t="s">
        <v>80</v>
      </c>
      <c r="H1473" t="s">
        <v>81</v>
      </c>
      <c r="I1473" s="2">
        <v>0</v>
      </c>
      <c r="J1473" s="2">
        <v>1</v>
      </c>
      <c r="K1473" s="2">
        <v>0</v>
      </c>
      <c r="L1473" t="s">
        <v>82</v>
      </c>
      <c r="M1473" t="s">
        <v>83</v>
      </c>
      <c r="N1473" t="s">
        <v>91</v>
      </c>
      <c r="O1473" t="s">
        <v>85</v>
      </c>
      <c r="P1473" t="s">
        <v>86</v>
      </c>
      <c r="Q1473">
        <v>12</v>
      </c>
      <c r="R1473">
        <v>12</v>
      </c>
      <c r="S1473">
        <v>12</v>
      </c>
      <c r="T1473">
        <v>12</v>
      </c>
      <c r="U1473">
        <v>12</v>
      </c>
      <c r="V1473">
        <v>12</v>
      </c>
      <c r="W1473">
        <v>12</v>
      </c>
      <c r="X1473">
        <v>12</v>
      </c>
      <c r="Y1473">
        <v>12</v>
      </c>
      <c r="Z1473">
        <v>12</v>
      </c>
      <c r="AA1473">
        <v>12</v>
      </c>
      <c r="AB1473">
        <v>12</v>
      </c>
      <c r="AC1473">
        <v>12</v>
      </c>
      <c r="AD1473">
        <v>12</v>
      </c>
      <c r="AE1473">
        <v>12</v>
      </c>
      <c r="AF1473">
        <v>12</v>
      </c>
      <c r="AG1473">
        <v>12</v>
      </c>
      <c r="AH1473">
        <v>12</v>
      </c>
      <c r="AI1473">
        <v>12</v>
      </c>
      <c r="AJ1473">
        <v>12</v>
      </c>
      <c r="AK1473">
        <v>12</v>
      </c>
      <c r="AL1473">
        <v>12</v>
      </c>
      <c r="AM1473">
        <v>12</v>
      </c>
      <c r="AN1473">
        <v>12</v>
      </c>
      <c r="AO1473">
        <v>12</v>
      </c>
      <c r="AP1473">
        <v>12</v>
      </c>
      <c r="AQ1473">
        <v>12</v>
      </c>
    </row>
    <row r="1474" spans="1:43">
      <c r="A1474" t="s">
        <v>1000</v>
      </c>
      <c r="B1474" t="s">
        <v>1001</v>
      </c>
      <c r="C1474" t="s">
        <v>993</v>
      </c>
      <c r="D1474" t="s">
        <v>994</v>
      </c>
      <c r="E1474" t="s">
        <v>847</v>
      </c>
      <c r="F1474" t="s">
        <v>848</v>
      </c>
      <c r="G1474" t="s">
        <v>80</v>
      </c>
      <c r="H1474" t="s">
        <v>81</v>
      </c>
      <c r="I1474" s="2">
        <v>0</v>
      </c>
      <c r="J1474" s="2">
        <v>0</v>
      </c>
      <c r="K1474" s="2">
        <v>1</v>
      </c>
      <c r="L1474" t="s">
        <v>995</v>
      </c>
      <c r="M1474" t="s">
        <v>83</v>
      </c>
      <c r="N1474" t="s">
        <v>84</v>
      </c>
      <c r="O1474" t="s">
        <v>85</v>
      </c>
      <c r="P1474" t="s">
        <v>86</v>
      </c>
      <c r="Q1474">
        <v>15</v>
      </c>
      <c r="R1474">
        <v>15</v>
      </c>
      <c r="S1474">
        <v>15</v>
      </c>
      <c r="T1474">
        <v>15</v>
      </c>
      <c r="U1474">
        <v>16</v>
      </c>
      <c r="V1474">
        <v>16</v>
      </c>
      <c r="W1474">
        <v>16</v>
      </c>
      <c r="X1474">
        <v>16</v>
      </c>
      <c r="Y1474">
        <v>16</v>
      </c>
      <c r="Z1474">
        <v>16</v>
      </c>
      <c r="AA1474">
        <v>16</v>
      </c>
      <c r="AB1474">
        <v>16</v>
      </c>
      <c r="AC1474">
        <v>16</v>
      </c>
      <c r="AD1474">
        <v>16</v>
      </c>
      <c r="AE1474">
        <v>16</v>
      </c>
      <c r="AF1474">
        <v>16</v>
      </c>
      <c r="AG1474">
        <v>16</v>
      </c>
      <c r="AH1474">
        <v>16</v>
      </c>
      <c r="AI1474">
        <v>16</v>
      </c>
      <c r="AJ1474">
        <v>16</v>
      </c>
      <c r="AK1474">
        <v>17</v>
      </c>
      <c r="AL1474">
        <v>17</v>
      </c>
      <c r="AM1474">
        <v>16</v>
      </c>
      <c r="AN1474">
        <v>16</v>
      </c>
      <c r="AO1474">
        <v>16</v>
      </c>
      <c r="AP1474">
        <v>16</v>
      </c>
      <c r="AQ1474">
        <v>16</v>
      </c>
    </row>
    <row r="1475" spans="1:43">
      <c r="A1475" t="s">
        <v>1000</v>
      </c>
      <c r="B1475" t="s">
        <v>1001</v>
      </c>
      <c r="C1475" t="s">
        <v>993</v>
      </c>
      <c r="D1475" t="s">
        <v>994</v>
      </c>
      <c r="E1475" t="s">
        <v>847</v>
      </c>
      <c r="F1475" t="s">
        <v>848</v>
      </c>
      <c r="G1475" t="s">
        <v>80</v>
      </c>
      <c r="H1475" t="s">
        <v>81</v>
      </c>
      <c r="I1475" s="2">
        <v>0</v>
      </c>
      <c r="J1475" s="2">
        <v>0</v>
      </c>
      <c r="K1475" s="2">
        <v>1</v>
      </c>
      <c r="L1475" t="s">
        <v>995</v>
      </c>
      <c r="M1475" t="s">
        <v>87</v>
      </c>
      <c r="N1475" t="s">
        <v>88</v>
      </c>
      <c r="O1475" t="s">
        <v>85</v>
      </c>
      <c r="P1475" t="s">
        <v>86</v>
      </c>
      <c r="Q1475">
        <v>15</v>
      </c>
      <c r="R1475">
        <v>15</v>
      </c>
      <c r="S1475">
        <v>15</v>
      </c>
      <c r="T1475">
        <v>15</v>
      </c>
      <c r="U1475">
        <v>15</v>
      </c>
      <c r="V1475">
        <v>15</v>
      </c>
      <c r="W1475">
        <v>15</v>
      </c>
      <c r="X1475">
        <v>15</v>
      </c>
      <c r="Y1475">
        <v>15</v>
      </c>
      <c r="Z1475">
        <v>15</v>
      </c>
      <c r="AA1475">
        <v>15</v>
      </c>
      <c r="AB1475">
        <v>15</v>
      </c>
      <c r="AC1475">
        <v>14</v>
      </c>
      <c r="AD1475">
        <v>14</v>
      </c>
      <c r="AE1475">
        <v>14</v>
      </c>
      <c r="AF1475">
        <v>14</v>
      </c>
      <c r="AG1475">
        <v>14</v>
      </c>
      <c r="AH1475">
        <v>14</v>
      </c>
      <c r="AI1475">
        <v>14</v>
      </c>
      <c r="AJ1475">
        <v>14</v>
      </c>
      <c r="AK1475">
        <v>14</v>
      </c>
      <c r="AL1475">
        <v>14</v>
      </c>
      <c r="AM1475">
        <v>14</v>
      </c>
      <c r="AN1475">
        <v>14</v>
      </c>
      <c r="AO1475">
        <v>14</v>
      </c>
      <c r="AP1475">
        <v>14</v>
      </c>
      <c r="AQ1475">
        <v>14</v>
      </c>
    </row>
    <row r="1476" spans="1:43">
      <c r="A1476" t="s">
        <v>1000</v>
      </c>
      <c r="B1476" t="s">
        <v>1001</v>
      </c>
      <c r="C1476" t="s">
        <v>993</v>
      </c>
      <c r="D1476" t="s">
        <v>994</v>
      </c>
      <c r="E1476" t="s">
        <v>847</v>
      </c>
      <c r="F1476" t="s">
        <v>848</v>
      </c>
      <c r="G1476" t="s">
        <v>80</v>
      </c>
      <c r="H1476" t="s">
        <v>81</v>
      </c>
      <c r="I1476" s="2">
        <v>0</v>
      </c>
      <c r="J1476" s="2">
        <v>0</v>
      </c>
      <c r="K1476" s="2">
        <v>1</v>
      </c>
      <c r="L1476" t="s">
        <v>995</v>
      </c>
      <c r="M1476" t="s">
        <v>89</v>
      </c>
      <c r="N1476" t="s">
        <v>90</v>
      </c>
      <c r="O1476" t="s">
        <v>85</v>
      </c>
      <c r="P1476" t="s">
        <v>86</v>
      </c>
      <c r="Q1476">
        <v>15</v>
      </c>
      <c r="R1476">
        <v>16</v>
      </c>
      <c r="S1476">
        <v>16</v>
      </c>
      <c r="T1476">
        <v>16</v>
      </c>
      <c r="U1476">
        <v>16</v>
      </c>
      <c r="V1476">
        <v>16</v>
      </c>
      <c r="W1476">
        <v>16</v>
      </c>
      <c r="X1476">
        <v>17</v>
      </c>
      <c r="Y1476">
        <v>17</v>
      </c>
      <c r="Z1476">
        <v>17</v>
      </c>
      <c r="AA1476">
        <v>17</v>
      </c>
      <c r="AB1476">
        <v>17</v>
      </c>
      <c r="AC1476">
        <v>17</v>
      </c>
      <c r="AD1476">
        <v>17</v>
      </c>
      <c r="AE1476">
        <v>17</v>
      </c>
      <c r="AF1476">
        <v>17</v>
      </c>
      <c r="AG1476">
        <v>17</v>
      </c>
      <c r="AH1476">
        <v>17</v>
      </c>
      <c r="AI1476">
        <v>17</v>
      </c>
      <c r="AJ1476">
        <v>17</v>
      </c>
      <c r="AK1476">
        <v>17</v>
      </c>
      <c r="AL1476">
        <v>17</v>
      </c>
      <c r="AM1476">
        <v>17</v>
      </c>
      <c r="AN1476">
        <v>17</v>
      </c>
      <c r="AO1476">
        <v>17</v>
      </c>
      <c r="AP1476">
        <v>16</v>
      </c>
      <c r="AQ1476">
        <v>16</v>
      </c>
    </row>
    <row r="1477" spans="1:43">
      <c r="A1477" t="s">
        <v>1000</v>
      </c>
      <c r="B1477" t="s">
        <v>1001</v>
      </c>
      <c r="C1477" t="s">
        <v>993</v>
      </c>
      <c r="D1477" t="s">
        <v>994</v>
      </c>
      <c r="E1477" t="s">
        <v>847</v>
      </c>
      <c r="F1477" t="s">
        <v>848</v>
      </c>
      <c r="G1477" t="s">
        <v>80</v>
      </c>
      <c r="H1477" t="s">
        <v>81</v>
      </c>
      <c r="I1477" s="2">
        <v>0</v>
      </c>
      <c r="J1477" s="2">
        <v>0</v>
      </c>
      <c r="K1477" s="2">
        <v>1</v>
      </c>
      <c r="L1477" t="s">
        <v>995</v>
      </c>
      <c r="M1477" t="s">
        <v>83</v>
      </c>
      <c r="N1477" t="s">
        <v>91</v>
      </c>
      <c r="O1477" t="s">
        <v>85</v>
      </c>
      <c r="P1477" t="s">
        <v>86</v>
      </c>
      <c r="Q1477">
        <v>15</v>
      </c>
      <c r="R1477">
        <v>15</v>
      </c>
      <c r="S1477">
        <v>15</v>
      </c>
      <c r="T1477">
        <v>15</v>
      </c>
      <c r="U1477">
        <v>16</v>
      </c>
      <c r="V1477">
        <v>16</v>
      </c>
      <c r="W1477">
        <v>16</v>
      </c>
      <c r="X1477">
        <v>16</v>
      </c>
      <c r="Y1477">
        <v>16</v>
      </c>
      <c r="Z1477">
        <v>16</v>
      </c>
      <c r="AA1477">
        <v>16</v>
      </c>
      <c r="AB1477">
        <v>16</v>
      </c>
      <c r="AC1477">
        <v>16</v>
      </c>
      <c r="AD1477">
        <v>16</v>
      </c>
      <c r="AE1477">
        <v>16</v>
      </c>
      <c r="AF1477">
        <v>16</v>
      </c>
      <c r="AG1477">
        <v>16</v>
      </c>
      <c r="AH1477">
        <v>16</v>
      </c>
      <c r="AI1477">
        <v>16</v>
      </c>
      <c r="AJ1477">
        <v>16</v>
      </c>
      <c r="AK1477">
        <v>17</v>
      </c>
      <c r="AL1477">
        <v>17</v>
      </c>
      <c r="AM1477">
        <v>16</v>
      </c>
      <c r="AN1477">
        <v>16</v>
      </c>
      <c r="AO1477">
        <v>16</v>
      </c>
      <c r="AP1477">
        <v>16</v>
      </c>
      <c r="AQ1477">
        <v>16</v>
      </c>
    </row>
    <row r="1478" spans="1:43">
      <c r="A1478" t="s">
        <v>1002</v>
      </c>
      <c r="B1478" t="s">
        <v>1003</v>
      </c>
      <c r="C1478" t="s">
        <v>998</v>
      </c>
      <c r="D1478" t="s">
        <v>999</v>
      </c>
      <c r="E1478" t="s">
        <v>847</v>
      </c>
      <c r="F1478" t="s">
        <v>848</v>
      </c>
      <c r="G1478" t="s">
        <v>80</v>
      </c>
      <c r="H1478" t="s">
        <v>81</v>
      </c>
      <c r="I1478" s="2">
        <v>0</v>
      </c>
      <c r="J1478" s="2">
        <v>1</v>
      </c>
      <c r="K1478" s="2">
        <v>0</v>
      </c>
      <c r="L1478" t="s">
        <v>82</v>
      </c>
      <c r="M1478" t="s">
        <v>83</v>
      </c>
      <c r="N1478" t="s">
        <v>84</v>
      </c>
      <c r="O1478" t="s">
        <v>85</v>
      </c>
      <c r="P1478" t="s">
        <v>86</v>
      </c>
      <c r="Q1478">
        <v>12</v>
      </c>
      <c r="R1478">
        <v>12</v>
      </c>
      <c r="S1478">
        <v>12</v>
      </c>
      <c r="T1478">
        <v>12</v>
      </c>
      <c r="U1478">
        <v>12</v>
      </c>
      <c r="V1478">
        <v>12</v>
      </c>
      <c r="W1478">
        <v>12</v>
      </c>
      <c r="X1478">
        <v>12</v>
      </c>
      <c r="Y1478">
        <v>12</v>
      </c>
      <c r="Z1478">
        <v>12</v>
      </c>
      <c r="AA1478">
        <v>13</v>
      </c>
      <c r="AB1478">
        <v>13</v>
      </c>
      <c r="AC1478">
        <v>13</v>
      </c>
      <c r="AD1478">
        <v>13</v>
      </c>
      <c r="AE1478">
        <v>13</v>
      </c>
      <c r="AF1478">
        <v>13</v>
      </c>
      <c r="AG1478">
        <v>13</v>
      </c>
      <c r="AH1478">
        <v>13</v>
      </c>
      <c r="AI1478">
        <v>13</v>
      </c>
      <c r="AJ1478">
        <v>13</v>
      </c>
      <c r="AK1478">
        <v>13</v>
      </c>
      <c r="AL1478">
        <v>13</v>
      </c>
      <c r="AM1478">
        <v>13</v>
      </c>
      <c r="AN1478">
        <v>13</v>
      </c>
      <c r="AO1478">
        <v>13</v>
      </c>
      <c r="AP1478">
        <v>13</v>
      </c>
      <c r="AQ1478">
        <v>13</v>
      </c>
    </row>
    <row r="1479" spans="1:43">
      <c r="A1479" t="s">
        <v>1002</v>
      </c>
      <c r="B1479" t="s">
        <v>1003</v>
      </c>
      <c r="C1479" t="s">
        <v>998</v>
      </c>
      <c r="D1479" t="s">
        <v>999</v>
      </c>
      <c r="E1479" t="s">
        <v>847</v>
      </c>
      <c r="F1479" t="s">
        <v>848</v>
      </c>
      <c r="G1479" t="s">
        <v>80</v>
      </c>
      <c r="H1479" t="s">
        <v>81</v>
      </c>
      <c r="I1479" s="2">
        <v>0</v>
      </c>
      <c r="J1479" s="2">
        <v>1</v>
      </c>
      <c r="K1479" s="2">
        <v>0</v>
      </c>
      <c r="L1479" t="s">
        <v>82</v>
      </c>
      <c r="M1479" t="s">
        <v>87</v>
      </c>
      <c r="N1479" t="s">
        <v>88</v>
      </c>
      <c r="O1479" t="s">
        <v>85</v>
      </c>
      <c r="P1479" t="s">
        <v>86</v>
      </c>
      <c r="Q1479">
        <v>12</v>
      </c>
      <c r="R1479">
        <v>12</v>
      </c>
      <c r="S1479">
        <v>12</v>
      </c>
      <c r="T1479">
        <v>12</v>
      </c>
      <c r="U1479">
        <v>12</v>
      </c>
      <c r="V1479">
        <v>12</v>
      </c>
      <c r="W1479">
        <v>12</v>
      </c>
      <c r="X1479">
        <v>11</v>
      </c>
      <c r="Y1479">
        <v>11</v>
      </c>
      <c r="Z1479">
        <v>11</v>
      </c>
      <c r="AA1479">
        <v>11</v>
      </c>
      <c r="AB1479">
        <v>11</v>
      </c>
      <c r="AC1479">
        <v>11</v>
      </c>
      <c r="AD1479">
        <v>11</v>
      </c>
      <c r="AE1479">
        <v>11</v>
      </c>
      <c r="AF1479">
        <v>11</v>
      </c>
      <c r="AG1479">
        <v>11</v>
      </c>
      <c r="AH1479">
        <v>11</v>
      </c>
      <c r="AI1479">
        <v>11</v>
      </c>
      <c r="AJ1479">
        <v>11</v>
      </c>
      <c r="AK1479">
        <v>11</v>
      </c>
      <c r="AL1479">
        <v>11</v>
      </c>
      <c r="AM1479">
        <v>11</v>
      </c>
      <c r="AN1479">
        <v>11</v>
      </c>
      <c r="AO1479">
        <v>11</v>
      </c>
      <c r="AP1479">
        <v>11</v>
      </c>
      <c r="AQ1479">
        <v>11</v>
      </c>
    </row>
    <row r="1480" spans="1:43">
      <c r="A1480" t="s">
        <v>1002</v>
      </c>
      <c r="B1480" t="s">
        <v>1003</v>
      </c>
      <c r="C1480" t="s">
        <v>998</v>
      </c>
      <c r="D1480" t="s">
        <v>999</v>
      </c>
      <c r="E1480" t="s">
        <v>847</v>
      </c>
      <c r="F1480" t="s">
        <v>848</v>
      </c>
      <c r="G1480" t="s">
        <v>80</v>
      </c>
      <c r="H1480" t="s">
        <v>81</v>
      </c>
      <c r="I1480" s="2">
        <v>0</v>
      </c>
      <c r="J1480" s="2">
        <v>1</v>
      </c>
      <c r="K1480" s="2">
        <v>0</v>
      </c>
      <c r="L1480" t="s">
        <v>82</v>
      </c>
      <c r="M1480" t="s">
        <v>89</v>
      </c>
      <c r="N1480" t="s">
        <v>90</v>
      </c>
      <c r="O1480" t="s">
        <v>85</v>
      </c>
      <c r="P1480" t="s">
        <v>86</v>
      </c>
      <c r="Q1480">
        <v>12</v>
      </c>
      <c r="R1480">
        <v>12</v>
      </c>
      <c r="S1480">
        <v>12</v>
      </c>
      <c r="T1480">
        <v>12</v>
      </c>
      <c r="U1480">
        <v>13</v>
      </c>
      <c r="V1480">
        <v>13</v>
      </c>
      <c r="W1480">
        <v>13</v>
      </c>
      <c r="X1480">
        <v>13</v>
      </c>
      <c r="Y1480">
        <v>13</v>
      </c>
      <c r="Z1480">
        <v>13</v>
      </c>
      <c r="AA1480">
        <v>13</v>
      </c>
      <c r="AB1480">
        <v>13</v>
      </c>
      <c r="AC1480">
        <v>13</v>
      </c>
      <c r="AD1480">
        <v>14</v>
      </c>
      <c r="AE1480">
        <v>14</v>
      </c>
      <c r="AF1480">
        <v>14</v>
      </c>
      <c r="AG1480">
        <v>13</v>
      </c>
      <c r="AH1480">
        <v>13</v>
      </c>
      <c r="AI1480">
        <v>13</v>
      </c>
      <c r="AJ1480">
        <v>13</v>
      </c>
      <c r="AK1480">
        <v>13</v>
      </c>
      <c r="AL1480">
        <v>13</v>
      </c>
      <c r="AM1480">
        <v>13</v>
      </c>
      <c r="AN1480">
        <v>13</v>
      </c>
      <c r="AO1480">
        <v>13</v>
      </c>
      <c r="AP1480">
        <v>13</v>
      </c>
      <c r="AQ1480">
        <v>13</v>
      </c>
    </row>
    <row r="1481" spans="1:43">
      <c r="A1481" t="s">
        <v>1002</v>
      </c>
      <c r="B1481" t="s">
        <v>1003</v>
      </c>
      <c r="C1481" t="s">
        <v>998</v>
      </c>
      <c r="D1481" t="s">
        <v>999</v>
      </c>
      <c r="E1481" t="s">
        <v>847</v>
      </c>
      <c r="F1481" t="s">
        <v>848</v>
      </c>
      <c r="G1481" t="s">
        <v>80</v>
      </c>
      <c r="H1481" t="s">
        <v>81</v>
      </c>
      <c r="I1481" s="2">
        <v>0</v>
      </c>
      <c r="J1481" s="2">
        <v>1</v>
      </c>
      <c r="K1481" s="2">
        <v>0</v>
      </c>
      <c r="L1481" t="s">
        <v>82</v>
      </c>
      <c r="M1481" t="s">
        <v>83</v>
      </c>
      <c r="N1481" t="s">
        <v>91</v>
      </c>
      <c r="O1481" t="s">
        <v>85</v>
      </c>
      <c r="P1481" t="s">
        <v>86</v>
      </c>
      <c r="Q1481">
        <v>12</v>
      </c>
      <c r="R1481">
        <v>12</v>
      </c>
      <c r="S1481">
        <v>12</v>
      </c>
      <c r="T1481">
        <v>12</v>
      </c>
      <c r="U1481">
        <v>12</v>
      </c>
      <c r="V1481">
        <v>12</v>
      </c>
      <c r="W1481">
        <v>12</v>
      </c>
      <c r="X1481">
        <v>12</v>
      </c>
      <c r="Y1481">
        <v>12</v>
      </c>
      <c r="Z1481">
        <v>12</v>
      </c>
      <c r="AA1481">
        <v>13</v>
      </c>
      <c r="AB1481">
        <v>13</v>
      </c>
      <c r="AC1481">
        <v>13</v>
      </c>
      <c r="AD1481">
        <v>13</v>
      </c>
      <c r="AE1481">
        <v>13</v>
      </c>
      <c r="AF1481">
        <v>13</v>
      </c>
      <c r="AG1481">
        <v>13</v>
      </c>
      <c r="AH1481">
        <v>13</v>
      </c>
      <c r="AI1481">
        <v>13</v>
      </c>
      <c r="AJ1481">
        <v>13</v>
      </c>
      <c r="AK1481">
        <v>13</v>
      </c>
      <c r="AL1481">
        <v>13</v>
      </c>
      <c r="AM1481">
        <v>13</v>
      </c>
      <c r="AN1481">
        <v>13</v>
      </c>
      <c r="AO1481">
        <v>13</v>
      </c>
      <c r="AP1481">
        <v>13</v>
      </c>
      <c r="AQ1481">
        <v>13</v>
      </c>
    </row>
    <row r="1482" spans="1:43">
      <c r="A1482" t="s">
        <v>1004</v>
      </c>
      <c r="B1482" t="s">
        <v>1005</v>
      </c>
      <c r="C1482" t="s">
        <v>993</v>
      </c>
      <c r="D1482" t="s">
        <v>994</v>
      </c>
      <c r="E1482" t="s">
        <v>847</v>
      </c>
      <c r="F1482" t="s">
        <v>848</v>
      </c>
      <c r="G1482" t="s">
        <v>80</v>
      </c>
      <c r="H1482" t="s">
        <v>81</v>
      </c>
      <c r="I1482" s="2">
        <v>0</v>
      </c>
      <c r="J1482" s="2">
        <v>0</v>
      </c>
      <c r="K1482" s="2">
        <v>1</v>
      </c>
      <c r="L1482" t="s">
        <v>995</v>
      </c>
      <c r="M1482" t="s">
        <v>83</v>
      </c>
      <c r="N1482" t="s">
        <v>84</v>
      </c>
      <c r="O1482" t="s">
        <v>85</v>
      </c>
      <c r="P1482" t="s">
        <v>86</v>
      </c>
      <c r="Q1482">
        <v>33</v>
      </c>
      <c r="R1482">
        <v>33</v>
      </c>
      <c r="S1482">
        <v>34</v>
      </c>
      <c r="T1482">
        <v>34</v>
      </c>
      <c r="U1482">
        <v>34</v>
      </c>
      <c r="V1482">
        <v>34</v>
      </c>
      <c r="W1482">
        <v>34</v>
      </c>
      <c r="X1482">
        <v>34</v>
      </c>
      <c r="Y1482">
        <v>35</v>
      </c>
      <c r="Z1482">
        <v>35</v>
      </c>
      <c r="AA1482">
        <v>35</v>
      </c>
      <c r="AB1482">
        <v>35</v>
      </c>
      <c r="AC1482">
        <v>35</v>
      </c>
      <c r="AD1482">
        <v>35</v>
      </c>
      <c r="AE1482">
        <v>35</v>
      </c>
      <c r="AF1482">
        <v>36</v>
      </c>
      <c r="AG1482">
        <v>36</v>
      </c>
      <c r="AH1482">
        <v>36</v>
      </c>
      <c r="AI1482">
        <v>36</v>
      </c>
      <c r="AJ1482">
        <v>36</v>
      </c>
      <c r="AK1482">
        <v>36</v>
      </c>
      <c r="AL1482">
        <v>36</v>
      </c>
      <c r="AM1482">
        <v>36</v>
      </c>
      <c r="AN1482">
        <v>36</v>
      </c>
      <c r="AO1482">
        <v>36</v>
      </c>
      <c r="AP1482">
        <v>35</v>
      </c>
      <c r="AQ1482">
        <v>35</v>
      </c>
    </row>
    <row r="1483" spans="1:43">
      <c r="A1483" t="s">
        <v>1004</v>
      </c>
      <c r="B1483" t="s">
        <v>1005</v>
      </c>
      <c r="C1483" t="s">
        <v>993</v>
      </c>
      <c r="D1483" t="s">
        <v>994</v>
      </c>
      <c r="E1483" t="s">
        <v>847</v>
      </c>
      <c r="F1483" t="s">
        <v>848</v>
      </c>
      <c r="G1483" t="s">
        <v>80</v>
      </c>
      <c r="H1483" t="s">
        <v>81</v>
      </c>
      <c r="I1483" s="2">
        <v>0</v>
      </c>
      <c r="J1483" s="2">
        <v>0</v>
      </c>
      <c r="K1483" s="2">
        <v>1</v>
      </c>
      <c r="L1483" t="s">
        <v>995</v>
      </c>
      <c r="M1483" t="s">
        <v>87</v>
      </c>
      <c r="N1483" t="s">
        <v>88</v>
      </c>
      <c r="O1483" t="s">
        <v>85</v>
      </c>
      <c r="P1483" t="s">
        <v>86</v>
      </c>
      <c r="Q1483">
        <v>33</v>
      </c>
      <c r="R1483">
        <v>33</v>
      </c>
      <c r="S1483">
        <v>33</v>
      </c>
      <c r="T1483">
        <v>33</v>
      </c>
      <c r="U1483">
        <v>32</v>
      </c>
      <c r="V1483">
        <v>32</v>
      </c>
      <c r="W1483">
        <v>32</v>
      </c>
      <c r="X1483">
        <v>32</v>
      </c>
      <c r="Y1483">
        <v>32</v>
      </c>
      <c r="Z1483">
        <v>32</v>
      </c>
      <c r="AA1483">
        <v>32</v>
      </c>
      <c r="AB1483">
        <v>32</v>
      </c>
      <c r="AC1483">
        <v>32</v>
      </c>
      <c r="AD1483">
        <v>32</v>
      </c>
      <c r="AE1483">
        <v>31</v>
      </c>
      <c r="AF1483">
        <v>31</v>
      </c>
      <c r="AG1483">
        <v>31</v>
      </c>
      <c r="AH1483">
        <v>31</v>
      </c>
      <c r="AI1483">
        <v>31</v>
      </c>
      <c r="AJ1483">
        <v>31</v>
      </c>
      <c r="AK1483">
        <v>31</v>
      </c>
      <c r="AL1483">
        <v>31</v>
      </c>
      <c r="AM1483">
        <v>31</v>
      </c>
      <c r="AN1483">
        <v>31</v>
      </c>
      <c r="AO1483">
        <v>31</v>
      </c>
      <c r="AP1483">
        <v>31</v>
      </c>
      <c r="AQ1483">
        <v>31</v>
      </c>
    </row>
    <row r="1484" spans="1:43">
      <c r="A1484" t="s">
        <v>1004</v>
      </c>
      <c r="B1484" t="s">
        <v>1005</v>
      </c>
      <c r="C1484" t="s">
        <v>993</v>
      </c>
      <c r="D1484" t="s">
        <v>994</v>
      </c>
      <c r="E1484" t="s">
        <v>847</v>
      </c>
      <c r="F1484" t="s">
        <v>848</v>
      </c>
      <c r="G1484" t="s">
        <v>80</v>
      </c>
      <c r="H1484" t="s">
        <v>81</v>
      </c>
      <c r="I1484" s="2">
        <v>0</v>
      </c>
      <c r="J1484" s="2">
        <v>0</v>
      </c>
      <c r="K1484" s="2">
        <v>1</v>
      </c>
      <c r="L1484" t="s">
        <v>995</v>
      </c>
      <c r="M1484" t="s">
        <v>89</v>
      </c>
      <c r="N1484" t="s">
        <v>90</v>
      </c>
      <c r="O1484" t="s">
        <v>85</v>
      </c>
      <c r="P1484" t="s">
        <v>86</v>
      </c>
      <c r="Q1484">
        <v>33</v>
      </c>
      <c r="R1484">
        <v>33</v>
      </c>
      <c r="S1484">
        <v>33</v>
      </c>
      <c r="T1484">
        <v>34</v>
      </c>
      <c r="U1484">
        <v>34</v>
      </c>
      <c r="V1484">
        <v>35</v>
      </c>
      <c r="W1484">
        <v>35</v>
      </c>
      <c r="X1484">
        <v>35</v>
      </c>
      <c r="Y1484">
        <v>36</v>
      </c>
      <c r="Z1484">
        <v>36</v>
      </c>
      <c r="AA1484">
        <v>36</v>
      </c>
      <c r="AB1484">
        <v>36</v>
      </c>
      <c r="AC1484">
        <v>37</v>
      </c>
      <c r="AD1484">
        <v>37</v>
      </c>
      <c r="AE1484">
        <v>37</v>
      </c>
      <c r="AF1484">
        <v>37</v>
      </c>
      <c r="AG1484">
        <v>37</v>
      </c>
      <c r="AH1484">
        <v>36</v>
      </c>
      <c r="AI1484">
        <v>36</v>
      </c>
      <c r="AJ1484">
        <v>36</v>
      </c>
      <c r="AK1484">
        <v>36</v>
      </c>
      <c r="AL1484">
        <v>36</v>
      </c>
      <c r="AM1484">
        <v>36</v>
      </c>
      <c r="AN1484">
        <v>35</v>
      </c>
      <c r="AO1484">
        <v>35</v>
      </c>
      <c r="AP1484">
        <v>35</v>
      </c>
      <c r="AQ1484">
        <v>35</v>
      </c>
    </row>
    <row r="1485" spans="1:43">
      <c r="A1485" t="s">
        <v>1004</v>
      </c>
      <c r="B1485" t="s">
        <v>1005</v>
      </c>
      <c r="C1485" t="s">
        <v>993</v>
      </c>
      <c r="D1485" t="s">
        <v>994</v>
      </c>
      <c r="E1485" t="s">
        <v>847</v>
      </c>
      <c r="F1485" t="s">
        <v>848</v>
      </c>
      <c r="G1485" t="s">
        <v>80</v>
      </c>
      <c r="H1485" t="s">
        <v>81</v>
      </c>
      <c r="I1485" s="2">
        <v>0</v>
      </c>
      <c r="J1485" s="2">
        <v>0</v>
      </c>
      <c r="K1485" s="2">
        <v>1</v>
      </c>
      <c r="L1485" t="s">
        <v>995</v>
      </c>
      <c r="M1485" t="s">
        <v>83</v>
      </c>
      <c r="N1485" t="s">
        <v>91</v>
      </c>
      <c r="O1485" t="s">
        <v>85</v>
      </c>
      <c r="P1485" t="s">
        <v>86</v>
      </c>
      <c r="Q1485">
        <v>33</v>
      </c>
      <c r="R1485">
        <v>33</v>
      </c>
      <c r="S1485">
        <v>34</v>
      </c>
      <c r="T1485">
        <v>34</v>
      </c>
      <c r="U1485">
        <v>34</v>
      </c>
      <c r="V1485">
        <v>34</v>
      </c>
      <c r="W1485">
        <v>34</v>
      </c>
      <c r="X1485">
        <v>34</v>
      </c>
      <c r="Y1485">
        <v>35</v>
      </c>
      <c r="Z1485">
        <v>35</v>
      </c>
      <c r="AA1485">
        <v>35</v>
      </c>
      <c r="AB1485">
        <v>35</v>
      </c>
      <c r="AC1485">
        <v>35</v>
      </c>
      <c r="AD1485">
        <v>35</v>
      </c>
      <c r="AE1485">
        <v>35</v>
      </c>
      <c r="AF1485">
        <v>36</v>
      </c>
      <c r="AG1485">
        <v>36</v>
      </c>
      <c r="AH1485">
        <v>36</v>
      </c>
      <c r="AI1485">
        <v>36</v>
      </c>
      <c r="AJ1485">
        <v>36</v>
      </c>
      <c r="AK1485">
        <v>36</v>
      </c>
      <c r="AL1485">
        <v>36</v>
      </c>
      <c r="AM1485">
        <v>36</v>
      </c>
      <c r="AN1485">
        <v>36</v>
      </c>
      <c r="AO1485">
        <v>36</v>
      </c>
      <c r="AP1485">
        <v>35</v>
      </c>
      <c r="AQ1485">
        <v>35</v>
      </c>
    </row>
    <row r="1486" spans="1:43">
      <c r="A1486" t="s">
        <v>1006</v>
      </c>
      <c r="B1486" t="s">
        <v>1007</v>
      </c>
      <c r="C1486" t="s">
        <v>993</v>
      </c>
      <c r="D1486" t="s">
        <v>994</v>
      </c>
      <c r="E1486" t="s">
        <v>847</v>
      </c>
      <c r="F1486" t="s">
        <v>848</v>
      </c>
      <c r="G1486" t="s">
        <v>80</v>
      </c>
      <c r="H1486" t="s">
        <v>81</v>
      </c>
      <c r="I1486" s="2">
        <v>0</v>
      </c>
      <c r="J1486" s="2">
        <v>1</v>
      </c>
      <c r="K1486" s="2">
        <v>0</v>
      </c>
      <c r="L1486" t="s">
        <v>82</v>
      </c>
      <c r="M1486" t="s">
        <v>83</v>
      </c>
      <c r="N1486" t="s">
        <v>84</v>
      </c>
      <c r="O1486" t="s">
        <v>85</v>
      </c>
      <c r="P1486" t="s">
        <v>86</v>
      </c>
      <c r="Q1486">
        <v>26</v>
      </c>
      <c r="R1486">
        <v>26</v>
      </c>
      <c r="S1486">
        <v>26</v>
      </c>
      <c r="T1486">
        <v>26</v>
      </c>
      <c r="U1486">
        <v>26</v>
      </c>
      <c r="V1486">
        <v>26</v>
      </c>
      <c r="W1486">
        <v>27</v>
      </c>
      <c r="X1486">
        <v>27</v>
      </c>
      <c r="Y1486">
        <v>27</v>
      </c>
      <c r="Z1486">
        <v>27</v>
      </c>
      <c r="AA1486">
        <v>27</v>
      </c>
      <c r="AB1486">
        <v>27</v>
      </c>
      <c r="AC1486">
        <v>27</v>
      </c>
      <c r="AD1486">
        <v>27</v>
      </c>
      <c r="AE1486">
        <v>28</v>
      </c>
      <c r="AF1486">
        <v>28</v>
      </c>
      <c r="AG1486">
        <v>28</v>
      </c>
      <c r="AH1486">
        <v>28</v>
      </c>
      <c r="AI1486">
        <v>28</v>
      </c>
      <c r="AJ1486">
        <v>28</v>
      </c>
      <c r="AK1486">
        <v>28</v>
      </c>
      <c r="AL1486">
        <v>28</v>
      </c>
      <c r="AM1486">
        <v>28</v>
      </c>
      <c r="AN1486">
        <v>28</v>
      </c>
      <c r="AO1486">
        <v>28</v>
      </c>
      <c r="AP1486">
        <v>28</v>
      </c>
      <c r="AQ1486">
        <v>28</v>
      </c>
    </row>
    <row r="1487" spans="1:43">
      <c r="A1487" t="s">
        <v>1006</v>
      </c>
      <c r="B1487" t="s">
        <v>1007</v>
      </c>
      <c r="C1487" t="s">
        <v>993</v>
      </c>
      <c r="D1487" t="s">
        <v>994</v>
      </c>
      <c r="E1487" t="s">
        <v>847</v>
      </c>
      <c r="F1487" t="s">
        <v>848</v>
      </c>
      <c r="G1487" t="s">
        <v>80</v>
      </c>
      <c r="H1487" t="s">
        <v>81</v>
      </c>
      <c r="I1487" s="2">
        <v>0</v>
      </c>
      <c r="J1487" s="2">
        <v>1</v>
      </c>
      <c r="K1487" s="2">
        <v>0</v>
      </c>
      <c r="L1487" t="s">
        <v>82</v>
      </c>
      <c r="M1487" t="s">
        <v>87</v>
      </c>
      <c r="N1487" t="s">
        <v>88</v>
      </c>
      <c r="O1487" t="s">
        <v>85</v>
      </c>
      <c r="P1487" t="s">
        <v>86</v>
      </c>
      <c r="Q1487">
        <v>26</v>
      </c>
      <c r="R1487">
        <v>26</v>
      </c>
      <c r="S1487">
        <v>26</v>
      </c>
      <c r="T1487">
        <v>26</v>
      </c>
      <c r="U1487">
        <v>26</v>
      </c>
      <c r="V1487">
        <v>26</v>
      </c>
      <c r="W1487">
        <v>26</v>
      </c>
      <c r="X1487">
        <v>26</v>
      </c>
      <c r="Y1487">
        <v>26</v>
      </c>
      <c r="Z1487">
        <v>26</v>
      </c>
      <c r="AA1487">
        <v>26</v>
      </c>
      <c r="AB1487">
        <v>26</v>
      </c>
      <c r="AC1487">
        <v>26</v>
      </c>
      <c r="AD1487">
        <v>25</v>
      </c>
      <c r="AE1487">
        <v>25</v>
      </c>
      <c r="AF1487">
        <v>25</v>
      </c>
      <c r="AG1487">
        <v>25</v>
      </c>
      <c r="AH1487">
        <v>25</v>
      </c>
      <c r="AI1487">
        <v>25</v>
      </c>
      <c r="AJ1487">
        <v>25</v>
      </c>
      <c r="AK1487">
        <v>25</v>
      </c>
      <c r="AL1487">
        <v>25</v>
      </c>
      <c r="AM1487">
        <v>25</v>
      </c>
      <c r="AN1487">
        <v>25</v>
      </c>
      <c r="AO1487">
        <v>25</v>
      </c>
      <c r="AP1487">
        <v>25</v>
      </c>
      <c r="AQ1487">
        <v>25</v>
      </c>
    </row>
    <row r="1488" spans="1:43">
      <c r="A1488" t="s">
        <v>1006</v>
      </c>
      <c r="B1488" t="s">
        <v>1007</v>
      </c>
      <c r="C1488" t="s">
        <v>993</v>
      </c>
      <c r="D1488" t="s">
        <v>994</v>
      </c>
      <c r="E1488" t="s">
        <v>847</v>
      </c>
      <c r="F1488" t="s">
        <v>848</v>
      </c>
      <c r="G1488" t="s">
        <v>80</v>
      </c>
      <c r="H1488" t="s">
        <v>81</v>
      </c>
      <c r="I1488" s="2">
        <v>0</v>
      </c>
      <c r="J1488" s="2">
        <v>1</v>
      </c>
      <c r="K1488" s="2">
        <v>0</v>
      </c>
      <c r="L1488" t="s">
        <v>82</v>
      </c>
      <c r="M1488" t="s">
        <v>89</v>
      </c>
      <c r="N1488" t="s">
        <v>90</v>
      </c>
      <c r="O1488" t="s">
        <v>85</v>
      </c>
      <c r="P1488" t="s">
        <v>86</v>
      </c>
      <c r="Q1488">
        <v>26</v>
      </c>
      <c r="R1488">
        <v>26</v>
      </c>
      <c r="S1488">
        <v>27</v>
      </c>
      <c r="T1488">
        <v>27</v>
      </c>
      <c r="U1488">
        <v>27</v>
      </c>
      <c r="V1488">
        <v>28</v>
      </c>
      <c r="W1488">
        <v>28</v>
      </c>
      <c r="X1488">
        <v>28</v>
      </c>
      <c r="Y1488">
        <v>28</v>
      </c>
      <c r="Z1488">
        <v>29</v>
      </c>
      <c r="AA1488">
        <v>29</v>
      </c>
      <c r="AB1488">
        <v>29</v>
      </c>
      <c r="AC1488">
        <v>29</v>
      </c>
      <c r="AD1488">
        <v>29</v>
      </c>
      <c r="AE1488">
        <v>30</v>
      </c>
      <c r="AF1488">
        <v>29</v>
      </c>
      <c r="AG1488">
        <v>29</v>
      </c>
      <c r="AH1488">
        <v>29</v>
      </c>
      <c r="AI1488">
        <v>29</v>
      </c>
      <c r="AJ1488">
        <v>29</v>
      </c>
      <c r="AK1488">
        <v>29</v>
      </c>
      <c r="AL1488">
        <v>29</v>
      </c>
      <c r="AM1488">
        <v>28</v>
      </c>
      <c r="AN1488">
        <v>28</v>
      </c>
      <c r="AO1488">
        <v>28</v>
      </c>
      <c r="AP1488">
        <v>28</v>
      </c>
      <c r="AQ1488">
        <v>28</v>
      </c>
    </row>
    <row r="1489" spans="1:43">
      <c r="A1489" t="s">
        <v>1006</v>
      </c>
      <c r="B1489" t="s">
        <v>1007</v>
      </c>
      <c r="C1489" t="s">
        <v>993</v>
      </c>
      <c r="D1489" t="s">
        <v>994</v>
      </c>
      <c r="E1489" t="s">
        <v>847</v>
      </c>
      <c r="F1489" t="s">
        <v>848</v>
      </c>
      <c r="G1489" t="s">
        <v>80</v>
      </c>
      <c r="H1489" t="s">
        <v>81</v>
      </c>
      <c r="I1489" s="2">
        <v>0</v>
      </c>
      <c r="J1489" s="2">
        <v>1</v>
      </c>
      <c r="K1489" s="2">
        <v>0</v>
      </c>
      <c r="L1489" t="s">
        <v>82</v>
      </c>
      <c r="M1489" t="s">
        <v>83</v>
      </c>
      <c r="N1489" t="s">
        <v>91</v>
      </c>
      <c r="O1489" t="s">
        <v>85</v>
      </c>
      <c r="P1489" t="s">
        <v>86</v>
      </c>
      <c r="Q1489">
        <v>26</v>
      </c>
      <c r="R1489">
        <v>26</v>
      </c>
      <c r="S1489">
        <v>26</v>
      </c>
      <c r="T1489">
        <v>26</v>
      </c>
      <c r="U1489">
        <v>26</v>
      </c>
      <c r="V1489">
        <v>26</v>
      </c>
      <c r="W1489">
        <v>27</v>
      </c>
      <c r="X1489">
        <v>27</v>
      </c>
      <c r="Y1489">
        <v>27</v>
      </c>
      <c r="Z1489">
        <v>27</v>
      </c>
      <c r="AA1489">
        <v>27</v>
      </c>
      <c r="AB1489">
        <v>27</v>
      </c>
      <c r="AC1489">
        <v>27</v>
      </c>
      <c r="AD1489">
        <v>27</v>
      </c>
      <c r="AE1489">
        <v>28</v>
      </c>
      <c r="AF1489">
        <v>28</v>
      </c>
      <c r="AG1489">
        <v>28</v>
      </c>
      <c r="AH1489">
        <v>28</v>
      </c>
      <c r="AI1489">
        <v>28</v>
      </c>
      <c r="AJ1489">
        <v>28</v>
      </c>
      <c r="AK1489">
        <v>28</v>
      </c>
      <c r="AL1489">
        <v>28</v>
      </c>
      <c r="AM1489">
        <v>28</v>
      </c>
      <c r="AN1489">
        <v>28</v>
      </c>
      <c r="AO1489">
        <v>28</v>
      </c>
      <c r="AP1489">
        <v>28</v>
      </c>
      <c r="AQ1489">
        <v>28</v>
      </c>
    </row>
    <row r="1490" spans="1:43">
      <c r="A1490" t="s">
        <v>1008</v>
      </c>
      <c r="B1490" t="s">
        <v>1009</v>
      </c>
      <c r="C1490" t="s">
        <v>998</v>
      </c>
      <c r="D1490" t="s">
        <v>999</v>
      </c>
      <c r="E1490" t="s">
        <v>847</v>
      </c>
      <c r="F1490" t="s">
        <v>848</v>
      </c>
      <c r="G1490" t="s">
        <v>80</v>
      </c>
      <c r="H1490" t="s">
        <v>81</v>
      </c>
      <c r="I1490" s="2">
        <v>0</v>
      </c>
      <c r="J1490" s="2">
        <v>1</v>
      </c>
      <c r="K1490" s="2">
        <v>0</v>
      </c>
      <c r="L1490" t="s">
        <v>82</v>
      </c>
      <c r="M1490" t="s">
        <v>83</v>
      </c>
      <c r="N1490" t="s">
        <v>84</v>
      </c>
      <c r="O1490" t="s">
        <v>85</v>
      </c>
      <c r="P1490" t="s">
        <v>86</v>
      </c>
      <c r="Q1490">
        <v>5</v>
      </c>
      <c r="R1490">
        <v>5</v>
      </c>
      <c r="S1490">
        <v>5</v>
      </c>
      <c r="T1490">
        <v>5</v>
      </c>
      <c r="U1490">
        <v>5</v>
      </c>
      <c r="V1490">
        <v>5</v>
      </c>
      <c r="W1490">
        <v>5</v>
      </c>
      <c r="X1490">
        <v>5</v>
      </c>
      <c r="Y1490">
        <v>5</v>
      </c>
      <c r="Z1490">
        <v>5</v>
      </c>
      <c r="AA1490">
        <v>5</v>
      </c>
      <c r="AB1490">
        <v>5</v>
      </c>
      <c r="AC1490">
        <v>5</v>
      </c>
      <c r="AD1490">
        <v>5</v>
      </c>
      <c r="AE1490">
        <v>5</v>
      </c>
      <c r="AF1490">
        <v>5</v>
      </c>
      <c r="AG1490">
        <v>5</v>
      </c>
      <c r="AH1490">
        <v>5</v>
      </c>
      <c r="AI1490">
        <v>5</v>
      </c>
      <c r="AJ1490">
        <v>5</v>
      </c>
      <c r="AK1490">
        <v>5</v>
      </c>
      <c r="AL1490">
        <v>5</v>
      </c>
      <c r="AM1490">
        <v>5</v>
      </c>
      <c r="AN1490">
        <v>5</v>
      </c>
      <c r="AO1490">
        <v>5</v>
      </c>
      <c r="AP1490">
        <v>5</v>
      </c>
      <c r="AQ1490">
        <v>5</v>
      </c>
    </row>
    <row r="1491" spans="1:43">
      <c r="A1491" t="s">
        <v>1008</v>
      </c>
      <c r="B1491" t="s">
        <v>1009</v>
      </c>
      <c r="C1491" t="s">
        <v>998</v>
      </c>
      <c r="D1491" t="s">
        <v>999</v>
      </c>
      <c r="E1491" t="s">
        <v>847</v>
      </c>
      <c r="F1491" t="s">
        <v>848</v>
      </c>
      <c r="G1491" t="s">
        <v>80</v>
      </c>
      <c r="H1491" t="s">
        <v>81</v>
      </c>
      <c r="I1491" s="2">
        <v>0</v>
      </c>
      <c r="J1491" s="2">
        <v>1</v>
      </c>
      <c r="K1491" s="2">
        <v>0</v>
      </c>
      <c r="L1491" t="s">
        <v>82</v>
      </c>
      <c r="M1491" t="s">
        <v>87</v>
      </c>
      <c r="N1491" t="s">
        <v>88</v>
      </c>
      <c r="O1491" t="s">
        <v>85</v>
      </c>
      <c r="P1491" t="s">
        <v>86</v>
      </c>
      <c r="Q1491">
        <v>5</v>
      </c>
      <c r="R1491">
        <v>5</v>
      </c>
      <c r="S1491">
        <v>5</v>
      </c>
      <c r="T1491">
        <v>5</v>
      </c>
      <c r="U1491">
        <v>5</v>
      </c>
      <c r="V1491">
        <v>5</v>
      </c>
      <c r="W1491">
        <v>5</v>
      </c>
      <c r="X1491">
        <v>5</v>
      </c>
      <c r="Y1491">
        <v>5</v>
      </c>
      <c r="Z1491">
        <v>5</v>
      </c>
      <c r="AA1491">
        <v>5</v>
      </c>
      <c r="AB1491">
        <v>5</v>
      </c>
      <c r="AC1491">
        <v>5</v>
      </c>
      <c r="AD1491">
        <v>5</v>
      </c>
      <c r="AE1491">
        <v>5</v>
      </c>
      <c r="AF1491">
        <v>5</v>
      </c>
      <c r="AG1491">
        <v>5</v>
      </c>
      <c r="AH1491">
        <v>5</v>
      </c>
      <c r="AI1491">
        <v>5</v>
      </c>
      <c r="AJ1491">
        <v>5</v>
      </c>
      <c r="AK1491">
        <v>4</v>
      </c>
      <c r="AL1491">
        <v>4</v>
      </c>
      <c r="AM1491">
        <v>4</v>
      </c>
      <c r="AN1491">
        <v>4</v>
      </c>
      <c r="AO1491">
        <v>4</v>
      </c>
      <c r="AP1491">
        <v>4</v>
      </c>
      <c r="AQ1491">
        <v>4</v>
      </c>
    </row>
    <row r="1492" spans="1:43">
      <c r="A1492" t="s">
        <v>1008</v>
      </c>
      <c r="B1492" t="s">
        <v>1009</v>
      </c>
      <c r="C1492" t="s">
        <v>998</v>
      </c>
      <c r="D1492" t="s">
        <v>999</v>
      </c>
      <c r="E1492" t="s">
        <v>847</v>
      </c>
      <c r="F1492" t="s">
        <v>848</v>
      </c>
      <c r="G1492" t="s">
        <v>80</v>
      </c>
      <c r="H1492" t="s">
        <v>81</v>
      </c>
      <c r="I1492" s="2">
        <v>0</v>
      </c>
      <c r="J1492" s="2">
        <v>1</v>
      </c>
      <c r="K1492" s="2">
        <v>0</v>
      </c>
      <c r="L1492" t="s">
        <v>82</v>
      </c>
      <c r="M1492" t="s">
        <v>89</v>
      </c>
      <c r="N1492" t="s">
        <v>90</v>
      </c>
      <c r="O1492" t="s">
        <v>85</v>
      </c>
      <c r="P1492" t="s">
        <v>86</v>
      </c>
      <c r="Q1492">
        <v>5</v>
      </c>
      <c r="R1492">
        <v>5</v>
      </c>
      <c r="S1492">
        <v>5</v>
      </c>
      <c r="T1492">
        <v>5</v>
      </c>
      <c r="U1492">
        <v>5</v>
      </c>
      <c r="V1492">
        <v>5</v>
      </c>
      <c r="W1492">
        <v>5</v>
      </c>
      <c r="X1492">
        <v>5</v>
      </c>
      <c r="Y1492">
        <v>5</v>
      </c>
      <c r="Z1492">
        <v>6</v>
      </c>
      <c r="AA1492">
        <v>6</v>
      </c>
      <c r="AB1492">
        <v>6</v>
      </c>
      <c r="AC1492">
        <v>6</v>
      </c>
      <c r="AD1492">
        <v>6</v>
      </c>
      <c r="AE1492">
        <v>6</v>
      </c>
      <c r="AF1492">
        <v>6</v>
      </c>
      <c r="AG1492">
        <v>5</v>
      </c>
      <c r="AH1492">
        <v>5</v>
      </c>
      <c r="AI1492">
        <v>5</v>
      </c>
      <c r="AJ1492">
        <v>5</v>
      </c>
      <c r="AK1492">
        <v>5</v>
      </c>
      <c r="AL1492">
        <v>5</v>
      </c>
      <c r="AM1492">
        <v>5</v>
      </c>
      <c r="AN1492">
        <v>5</v>
      </c>
      <c r="AO1492">
        <v>5</v>
      </c>
      <c r="AP1492">
        <v>5</v>
      </c>
      <c r="AQ1492">
        <v>5</v>
      </c>
    </row>
    <row r="1493" spans="1:43">
      <c r="A1493" t="s">
        <v>1008</v>
      </c>
      <c r="B1493" t="s">
        <v>1009</v>
      </c>
      <c r="C1493" t="s">
        <v>998</v>
      </c>
      <c r="D1493" t="s">
        <v>999</v>
      </c>
      <c r="E1493" t="s">
        <v>847</v>
      </c>
      <c r="F1493" t="s">
        <v>848</v>
      </c>
      <c r="G1493" t="s">
        <v>80</v>
      </c>
      <c r="H1493" t="s">
        <v>81</v>
      </c>
      <c r="I1493" s="2">
        <v>0</v>
      </c>
      <c r="J1493" s="2">
        <v>1</v>
      </c>
      <c r="K1493" s="2">
        <v>0</v>
      </c>
      <c r="L1493" t="s">
        <v>82</v>
      </c>
      <c r="M1493" t="s">
        <v>83</v>
      </c>
      <c r="N1493" t="s">
        <v>91</v>
      </c>
      <c r="O1493" t="s">
        <v>85</v>
      </c>
      <c r="P1493" t="s">
        <v>86</v>
      </c>
      <c r="Q1493">
        <v>5</v>
      </c>
      <c r="R1493">
        <v>5</v>
      </c>
      <c r="S1493">
        <v>5</v>
      </c>
      <c r="T1493">
        <v>5</v>
      </c>
      <c r="U1493">
        <v>5</v>
      </c>
      <c r="V1493">
        <v>5</v>
      </c>
      <c r="W1493">
        <v>5</v>
      </c>
      <c r="X1493">
        <v>5</v>
      </c>
      <c r="Y1493">
        <v>5</v>
      </c>
      <c r="Z1493">
        <v>5</v>
      </c>
      <c r="AA1493">
        <v>5</v>
      </c>
      <c r="AB1493">
        <v>5</v>
      </c>
      <c r="AC1493">
        <v>5</v>
      </c>
      <c r="AD1493">
        <v>5</v>
      </c>
      <c r="AE1493">
        <v>5</v>
      </c>
      <c r="AF1493">
        <v>5</v>
      </c>
      <c r="AG1493">
        <v>5</v>
      </c>
      <c r="AH1493">
        <v>5</v>
      </c>
      <c r="AI1493">
        <v>5</v>
      </c>
      <c r="AJ1493">
        <v>5</v>
      </c>
      <c r="AK1493">
        <v>5</v>
      </c>
      <c r="AL1493">
        <v>5</v>
      </c>
      <c r="AM1493">
        <v>5</v>
      </c>
      <c r="AN1493">
        <v>5</v>
      </c>
      <c r="AO1493">
        <v>5</v>
      </c>
      <c r="AP1493">
        <v>5</v>
      </c>
      <c r="AQ1493">
        <v>5</v>
      </c>
    </row>
    <row r="1494" spans="1:43">
      <c r="A1494" t="s">
        <v>1010</v>
      </c>
      <c r="B1494" t="s">
        <v>1011</v>
      </c>
      <c r="C1494" t="s">
        <v>1012</v>
      </c>
      <c r="D1494" t="s">
        <v>1013</v>
      </c>
      <c r="E1494" t="s">
        <v>847</v>
      </c>
      <c r="F1494" t="s">
        <v>848</v>
      </c>
      <c r="G1494" t="s">
        <v>80</v>
      </c>
      <c r="H1494" t="s">
        <v>81</v>
      </c>
      <c r="I1494" s="2">
        <v>0</v>
      </c>
      <c r="J1494" s="2">
        <v>1</v>
      </c>
      <c r="K1494" s="2">
        <v>0</v>
      </c>
      <c r="L1494" t="s">
        <v>82</v>
      </c>
      <c r="M1494" t="s">
        <v>83</v>
      </c>
      <c r="N1494" t="s">
        <v>84</v>
      </c>
      <c r="O1494" t="s">
        <v>85</v>
      </c>
      <c r="P1494" t="s">
        <v>86</v>
      </c>
      <c r="Q1494">
        <v>50</v>
      </c>
      <c r="R1494">
        <v>51</v>
      </c>
      <c r="S1494">
        <v>51</v>
      </c>
      <c r="T1494">
        <v>51</v>
      </c>
      <c r="U1494">
        <v>51</v>
      </c>
      <c r="V1494">
        <v>51</v>
      </c>
      <c r="W1494">
        <v>52</v>
      </c>
      <c r="X1494">
        <v>52</v>
      </c>
      <c r="Y1494">
        <v>52</v>
      </c>
      <c r="Z1494">
        <v>52</v>
      </c>
      <c r="AA1494">
        <v>52</v>
      </c>
      <c r="AB1494">
        <v>52</v>
      </c>
      <c r="AC1494">
        <v>52</v>
      </c>
      <c r="AD1494">
        <v>52</v>
      </c>
      <c r="AE1494">
        <v>53</v>
      </c>
      <c r="AF1494">
        <v>53</v>
      </c>
      <c r="AG1494">
        <v>53</v>
      </c>
      <c r="AH1494">
        <v>53</v>
      </c>
      <c r="AI1494">
        <v>53</v>
      </c>
      <c r="AJ1494">
        <v>53</v>
      </c>
      <c r="AK1494">
        <v>53</v>
      </c>
      <c r="AL1494">
        <v>53</v>
      </c>
      <c r="AM1494">
        <v>52</v>
      </c>
      <c r="AN1494">
        <v>52</v>
      </c>
      <c r="AO1494">
        <v>51</v>
      </c>
      <c r="AP1494">
        <v>51</v>
      </c>
      <c r="AQ1494">
        <v>51</v>
      </c>
    </row>
    <row r="1495" spans="1:43">
      <c r="A1495" t="s">
        <v>1010</v>
      </c>
      <c r="B1495" t="s">
        <v>1011</v>
      </c>
      <c r="C1495" t="s">
        <v>1012</v>
      </c>
      <c r="D1495" t="s">
        <v>1013</v>
      </c>
      <c r="E1495" t="s">
        <v>847</v>
      </c>
      <c r="F1495" t="s">
        <v>848</v>
      </c>
      <c r="G1495" t="s">
        <v>80</v>
      </c>
      <c r="H1495" t="s">
        <v>81</v>
      </c>
      <c r="I1495" s="2">
        <v>0</v>
      </c>
      <c r="J1495" s="2">
        <v>1</v>
      </c>
      <c r="K1495" s="2">
        <v>0</v>
      </c>
      <c r="L1495" t="s">
        <v>82</v>
      </c>
      <c r="M1495" t="s">
        <v>87</v>
      </c>
      <c r="N1495" t="s">
        <v>88</v>
      </c>
      <c r="O1495" t="s">
        <v>85</v>
      </c>
      <c r="P1495" t="s">
        <v>86</v>
      </c>
      <c r="Q1495">
        <v>50</v>
      </c>
      <c r="R1495">
        <v>50</v>
      </c>
      <c r="S1495">
        <v>49</v>
      </c>
      <c r="T1495">
        <v>49</v>
      </c>
      <c r="U1495">
        <v>49</v>
      </c>
      <c r="V1495">
        <v>49</v>
      </c>
      <c r="W1495">
        <v>48</v>
      </c>
      <c r="X1495">
        <v>48</v>
      </c>
      <c r="Y1495">
        <v>48</v>
      </c>
      <c r="Z1495">
        <v>48</v>
      </c>
      <c r="AA1495">
        <v>47</v>
      </c>
      <c r="AB1495">
        <v>47</v>
      </c>
      <c r="AC1495">
        <v>47</v>
      </c>
      <c r="AD1495">
        <v>47</v>
      </c>
      <c r="AE1495">
        <v>47</v>
      </c>
      <c r="AF1495">
        <v>46</v>
      </c>
      <c r="AG1495">
        <v>46</v>
      </c>
      <c r="AH1495">
        <v>46</v>
      </c>
      <c r="AI1495">
        <v>46</v>
      </c>
      <c r="AJ1495">
        <v>46</v>
      </c>
      <c r="AK1495">
        <v>45</v>
      </c>
      <c r="AL1495">
        <v>45</v>
      </c>
      <c r="AM1495">
        <v>45</v>
      </c>
      <c r="AN1495">
        <v>45</v>
      </c>
      <c r="AO1495">
        <v>45</v>
      </c>
      <c r="AP1495">
        <v>44</v>
      </c>
      <c r="AQ1495">
        <v>44</v>
      </c>
    </row>
    <row r="1496" spans="1:43">
      <c r="A1496" t="s">
        <v>1010</v>
      </c>
      <c r="B1496" t="s">
        <v>1011</v>
      </c>
      <c r="C1496" t="s">
        <v>1012</v>
      </c>
      <c r="D1496" t="s">
        <v>1013</v>
      </c>
      <c r="E1496" t="s">
        <v>847</v>
      </c>
      <c r="F1496" t="s">
        <v>848</v>
      </c>
      <c r="G1496" t="s">
        <v>80</v>
      </c>
      <c r="H1496" t="s">
        <v>81</v>
      </c>
      <c r="I1496" s="2">
        <v>0</v>
      </c>
      <c r="J1496" s="2">
        <v>1</v>
      </c>
      <c r="K1496" s="2">
        <v>0</v>
      </c>
      <c r="L1496" t="s">
        <v>82</v>
      </c>
      <c r="M1496" t="s">
        <v>89</v>
      </c>
      <c r="N1496" t="s">
        <v>90</v>
      </c>
      <c r="O1496" t="s">
        <v>85</v>
      </c>
      <c r="P1496" t="s">
        <v>86</v>
      </c>
      <c r="Q1496">
        <v>50</v>
      </c>
      <c r="R1496">
        <v>50</v>
      </c>
      <c r="S1496">
        <v>51</v>
      </c>
      <c r="T1496">
        <v>52</v>
      </c>
      <c r="U1496">
        <v>52</v>
      </c>
      <c r="V1496">
        <v>53</v>
      </c>
      <c r="W1496">
        <v>53</v>
      </c>
      <c r="X1496">
        <v>54</v>
      </c>
      <c r="Y1496">
        <v>54</v>
      </c>
      <c r="Z1496">
        <v>54</v>
      </c>
      <c r="AA1496">
        <v>54</v>
      </c>
      <c r="AB1496">
        <v>55</v>
      </c>
      <c r="AC1496">
        <v>55</v>
      </c>
      <c r="AD1496">
        <v>55</v>
      </c>
      <c r="AE1496">
        <v>55</v>
      </c>
      <c r="AF1496">
        <v>55</v>
      </c>
      <c r="AG1496">
        <v>54</v>
      </c>
      <c r="AH1496">
        <v>54</v>
      </c>
      <c r="AI1496">
        <v>53</v>
      </c>
      <c r="AJ1496">
        <v>53</v>
      </c>
      <c r="AK1496">
        <v>53</v>
      </c>
      <c r="AL1496">
        <v>52</v>
      </c>
      <c r="AM1496">
        <v>52</v>
      </c>
      <c r="AN1496">
        <v>51</v>
      </c>
      <c r="AO1496">
        <v>51</v>
      </c>
      <c r="AP1496">
        <v>50</v>
      </c>
      <c r="AQ1496">
        <v>50</v>
      </c>
    </row>
    <row r="1497" spans="1:43">
      <c r="A1497" t="s">
        <v>1010</v>
      </c>
      <c r="B1497" t="s">
        <v>1011</v>
      </c>
      <c r="C1497" t="s">
        <v>1012</v>
      </c>
      <c r="D1497" t="s">
        <v>1013</v>
      </c>
      <c r="E1497" t="s">
        <v>847</v>
      </c>
      <c r="F1497" t="s">
        <v>848</v>
      </c>
      <c r="G1497" t="s">
        <v>80</v>
      </c>
      <c r="H1497" t="s">
        <v>81</v>
      </c>
      <c r="I1497" s="2">
        <v>0</v>
      </c>
      <c r="J1497" s="2">
        <v>1</v>
      </c>
      <c r="K1497" s="2">
        <v>0</v>
      </c>
      <c r="L1497" t="s">
        <v>82</v>
      </c>
      <c r="M1497" t="s">
        <v>83</v>
      </c>
      <c r="N1497" t="s">
        <v>91</v>
      </c>
      <c r="O1497" t="s">
        <v>85</v>
      </c>
      <c r="P1497" t="s">
        <v>86</v>
      </c>
      <c r="Q1497">
        <v>50</v>
      </c>
      <c r="R1497">
        <v>51</v>
      </c>
      <c r="S1497">
        <v>51</v>
      </c>
      <c r="T1497">
        <v>51</v>
      </c>
      <c r="U1497">
        <v>51</v>
      </c>
      <c r="V1497">
        <v>51</v>
      </c>
      <c r="W1497">
        <v>52</v>
      </c>
      <c r="X1497">
        <v>52</v>
      </c>
      <c r="Y1497">
        <v>52</v>
      </c>
      <c r="Z1497">
        <v>52</v>
      </c>
      <c r="AA1497">
        <v>52</v>
      </c>
      <c r="AB1497">
        <v>52</v>
      </c>
      <c r="AC1497">
        <v>52</v>
      </c>
      <c r="AD1497">
        <v>52</v>
      </c>
      <c r="AE1497">
        <v>53</v>
      </c>
      <c r="AF1497">
        <v>53</v>
      </c>
      <c r="AG1497">
        <v>53</v>
      </c>
      <c r="AH1497">
        <v>53</v>
      </c>
      <c r="AI1497">
        <v>53</v>
      </c>
      <c r="AJ1497">
        <v>53</v>
      </c>
      <c r="AK1497">
        <v>53</v>
      </c>
      <c r="AL1497">
        <v>53</v>
      </c>
      <c r="AM1497">
        <v>52</v>
      </c>
      <c r="AN1497">
        <v>52</v>
      </c>
      <c r="AO1497">
        <v>51</v>
      </c>
      <c r="AP1497">
        <v>51</v>
      </c>
      <c r="AQ1497">
        <v>51</v>
      </c>
    </row>
    <row r="1498" spans="1:43">
      <c r="A1498" t="s">
        <v>1014</v>
      </c>
      <c r="B1498" t="s">
        <v>1015</v>
      </c>
      <c r="C1498" t="s">
        <v>911</v>
      </c>
      <c r="D1498" t="s">
        <v>912</v>
      </c>
      <c r="E1498" t="s">
        <v>847</v>
      </c>
      <c r="F1498" t="s">
        <v>848</v>
      </c>
      <c r="G1498" t="s">
        <v>80</v>
      </c>
      <c r="H1498" t="s">
        <v>81</v>
      </c>
      <c r="I1498" s="2">
        <v>0</v>
      </c>
      <c r="J1498" s="2">
        <v>1</v>
      </c>
      <c r="K1498" s="2">
        <v>0</v>
      </c>
      <c r="L1498" t="s">
        <v>82</v>
      </c>
      <c r="M1498" t="s">
        <v>83</v>
      </c>
      <c r="N1498" t="s">
        <v>84</v>
      </c>
      <c r="O1498" t="s">
        <v>85</v>
      </c>
      <c r="P1498" t="s">
        <v>86</v>
      </c>
      <c r="Q1498">
        <v>26</v>
      </c>
      <c r="R1498">
        <v>26</v>
      </c>
      <c r="S1498">
        <v>26</v>
      </c>
      <c r="T1498">
        <v>26</v>
      </c>
      <c r="U1498">
        <v>26</v>
      </c>
      <c r="V1498">
        <v>27</v>
      </c>
      <c r="W1498">
        <v>27</v>
      </c>
      <c r="X1498">
        <v>27</v>
      </c>
      <c r="Y1498">
        <v>27</v>
      </c>
      <c r="Z1498">
        <v>27</v>
      </c>
      <c r="AA1498">
        <v>27</v>
      </c>
      <c r="AB1498">
        <v>27</v>
      </c>
      <c r="AC1498">
        <v>27</v>
      </c>
      <c r="AD1498">
        <v>27</v>
      </c>
      <c r="AE1498">
        <v>27</v>
      </c>
      <c r="AF1498">
        <v>27</v>
      </c>
      <c r="AG1498">
        <v>27</v>
      </c>
      <c r="AH1498">
        <v>28</v>
      </c>
      <c r="AI1498">
        <v>28</v>
      </c>
      <c r="AJ1498">
        <v>28</v>
      </c>
      <c r="AK1498">
        <v>28</v>
      </c>
      <c r="AL1498">
        <v>28</v>
      </c>
      <c r="AM1498">
        <v>27</v>
      </c>
      <c r="AN1498">
        <v>27</v>
      </c>
      <c r="AO1498">
        <v>27</v>
      </c>
      <c r="AP1498">
        <v>27</v>
      </c>
      <c r="AQ1498">
        <v>27</v>
      </c>
    </row>
    <row r="1499" spans="1:43">
      <c r="A1499" t="s">
        <v>1014</v>
      </c>
      <c r="B1499" t="s">
        <v>1015</v>
      </c>
      <c r="C1499" t="s">
        <v>911</v>
      </c>
      <c r="D1499" t="s">
        <v>912</v>
      </c>
      <c r="E1499" t="s">
        <v>847</v>
      </c>
      <c r="F1499" t="s">
        <v>848</v>
      </c>
      <c r="G1499" t="s">
        <v>80</v>
      </c>
      <c r="H1499" t="s">
        <v>81</v>
      </c>
      <c r="I1499" s="2">
        <v>0</v>
      </c>
      <c r="J1499" s="2">
        <v>1</v>
      </c>
      <c r="K1499" s="2">
        <v>0</v>
      </c>
      <c r="L1499" t="s">
        <v>82</v>
      </c>
      <c r="M1499" t="s">
        <v>87</v>
      </c>
      <c r="N1499" t="s">
        <v>88</v>
      </c>
      <c r="O1499" t="s">
        <v>85</v>
      </c>
      <c r="P1499" t="s">
        <v>86</v>
      </c>
      <c r="Q1499">
        <v>26</v>
      </c>
      <c r="R1499">
        <v>26</v>
      </c>
      <c r="S1499">
        <v>25</v>
      </c>
      <c r="T1499">
        <v>25</v>
      </c>
      <c r="U1499">
        <v>25</v>
      </c>
      <c r="V1499">
        <v>25</v>
      </c>
      <c r="W1499">
        <v>25</v>
      </c>
      <c r="X1499">
        <v>25</v>
      </c>
      <c r="Y1499">
        <v>25</v>
      </c>
      <c r="Z1499">
        <v>25</v>
      </c>
      <c r="AA1499">
        <v>25</v>
      </c>
      <c r="AB1499">
        <v>25</v>
      </c>
      <c r="AC1499">
        <v>24</v>
      </c>
      <c r="AD1499">
        <v>24</v>
      </c>
      <c r="AE1499">
        <v>24</v>
      </c>
      <c r="AF1499">
        <v>24</v>
      </c>
      <c r="AG1499">
        <v>24</v>
      </c>
      <c r="AH1499">
        <v>24</v>
      </c>
      <c r="AI1499">
        <v>24</v>
      </c>
      <c r="AJ1499">
        <v>24</v>
      </c>
      <c r="AK1499">
        <v>24</v>
      </c>
      <c r="AL1499">
        <v>24</v>
      </c>
      <c r="AM1499">
        <v>24</v>
      </c>
      <c r="AN1499">
        <v>23</v>
      </c>
      <c r="AO1499">
        <v>23</v>
      </c>
      <c r="AP1499">
        <v>23</v>
      </c>
      <c r="AQ1499">
        <v>23</v>
      </c>
    </row>
    <row r="1500" spans="1:43">
      <c r="A1500" t="s">
        <v>1014</v>
      </c>
      <c r="B1500" t="s">
        <v>1015</v>
      </c>
      <c r="C1500" t="s">
        <v>911</v>
      </c>
      <c r="D1500" t="s">
        <v>912</v>
      </c>
      <c r="E1500" t="s">
        <v>847</v>
      </c>
      <c r="F1500" t="s">
        <v>848</v>
      </c>
      <c r="G1500" t="s">
        <v>80</v>
      </c>
      <c r="H1500" t="s">
        <v>81</v>
      </c>
      <c r="I1500" s="2">
        <v>0</v>
      </c>
      <c r="J1500" s="2">
        <v>1</v>
      </c>
      <c r="K1500" s="2">
        <v>0</v>
      </c>
      <c r="L1500" t="s">
        <v>82</v>
      </c>
      <c r="M1500" t="s">
        <v>89</v>
      </c>
      <c r="N1500" t="s">
        <v>90</v>
      </c>
      <c r="O1500" t="s">
        <v>85</v>
      </c>
      <c r="P1500" t="s">
        <v>86</v>
      </c>
      <c r="Q1500">
        <v>26</v>
      </c>
      <c r="R1500">
        <v>27</v>
      </c>
      <c r="S1500">
        <v>27</v>
      </c>
      <c r="T1500">
        <v>27</v>
      </c>
      <c r="U1500">
        <v>27</v>
      </c>
      <c r="V1500">
        <v>28</v>
      </c>
      <c r="W1500">
        <v>28</v>
      </c>
      <c r="X1500">
        <v>28</v>
      </c>
      <c r="Y1500">
        <v>28</v>
      </c>
      <c r="Z1500">
        <v>29</v>
      </c>
      <c r="AA1500">
        <v>29</v>
      </c>
      <c r="AB1500">
        <v>29</v>
      </c>
      <c r="AC1500">
        <v>29</v>
      </c>
      <c r="AD1500">
        <v>29</v>
      </c>
      <c r="AE1500">
        <v>29</v>
      </c>
      <c r="AF1500">
        <v>29</v>
      </c>
      <c r="AG1500">
        <v>29</v>
      </c>
      <c r="AH1500">
        <v>29</v>
      </c>
      <c r="AI1500">
        <v>28</v>
      </c>
      <c r="AJ1500">
        <v>28</v>
      </c>
      <c r="AK1500">
        <v>28</v>
      </c>
      <c r="AL1500">
        <v>28</v>
      </c>
      <c r="AM1500">
        <v>28</v>
      </c>
      <c r="AN1500">
        <v>28</v>
      </c>
      <c r="AO1500">
        <v>27</v>
      </c>
      <c r="AP1500">
        <v>27</v>
      </c>
      <c r="AQ1500">
        <v>27</v>
      </c>
    </row>
    <row r="1501" spans="1:43">
      <c r="A1501" t="s">
        <v>1014</v>
      </c>
      <c r="B1501" t="s">
        <v>1015</v>
      </c>
      <c r="C1501" t="s">
        <v>911</v>
      </c>
      <c r="D1501" t="s">
        <v>912</v>
      </c>
      <c r="E1501" t="s">
        <v>847</v>
      </c>
      <c r="F1501" t="s">
        <v>848</v>
      </c>
      <c r="G1501" t="s">
        <v>80</v>
      </c>
      <c r="H1501" t="s">
        <v>81</v>
      </c>
      <c r="I1501" s="2">
        <v>0</v>
      </c>
      <c r="J1501" s="2">
        <v>1</v>
      </c>
      <c r="K1501" s="2">
        <v>0</v>
      </c>
      <c r="L1501" t="s">
        <v>82</v>
      </c>
      <c r="M1501" t="s">
        <v>83</v>
      </c>
      <c r="N1501" t="s">
        <v>91</v>
      </c>
      <c r="O1501" t="s">
        <v>85</v>
      </c>
      <c r="P1501" t="s">
        <v>86</v>
      </c>
      <c r="Q1501">
        <v>26</v>
      </c>
      <c r="R1501">
        <v>26</v>
      </c>
      <c r="S1501">
        <v>26</v>
      </c>
      <c r="T1501">
        <v>26</v>
      </c>
      <c r="U1501">
        <v>26</v>
      </c>
      <c r="V1501">
        <v>27</v>
      </c>
      <c r="W1501">
        <v>27</v>
      </c>
      <c r="X1501">
        <v>27</v>
      </c>
      <c r="Y1501">
        <v>27</v>
      </c>
      <c r="Z1501">
        <v>27</v>
      </c>
      <c r="AA1501">
        <v>27</v>
      </c>
      <c r="AB1501">
        <v>27</v>
      </c>
      <c r="AC1501">
        <v>27</v>
      </c>
      <c r="AD1501">
        <v>27</v>
      </c>
      <c r="AE1501">
        <v>27</v>
      </c>
      <c r="AF1501">
        <v>27</v>
      </c>
      <c r="AG1501">
        <v>27</v>
      </c>
      <c r="AH1501">
        <v>28</v>
      </c>
      <c r="AI1501">
        <v>28</v>
      </c>
      <c r="AJ1501">
        <v>28</v>
      </c>
      <c r="AK1501">
        <v>28</v>
      </c>
      <c r="AL1501">
        <v>28</v>
      </c>
      <c r="AM1501">
        <v>27</v>
      </c>
      <c r="AN1501">
        <v>27</v>
      </c>
      <c r="AO1501">
        <v>27</v>
      </c>
      <c r="AP1501">
        <v>27</v>
      </c>
      <c r="AQ1501">
        <v>27</v>
      </c>
    </row>
    <row r="1502" spans="1:43">
      <c r="A1502" t="s">
        <v>1016</v>
      </c>
      <c r="B1502" t="s">
        <v>1017</v>
      </c>
      <c r="C1502" t="s">
        <v>911</v>
      </c>
      <c r="D1502" t="s">
        <v>912</v>
      </c>
      <c r="E1502" t="s">
        <v>847</v>
      </c>
      <c r="F1502" t="s">
        <v>848</v>
      </c>
      <c r="G1502" t="s">
        <v>80</v>
      </c>
      <c r="H1502" t="s">
        <v>81</v>
      </c>
      <c r="I1502" s="2">
        <v>0</v>
      </c>
      <c r="J1502" s="2">
        <v>1</v>
      </c>
      <c r="K1502" s="2">
        <v>0</v>
      </c>
      <c r="L1502" t="s">
        <v>82</v>
      </c>
      <c r="M1502" t="s">
        <v>83</v>
      </c>
      <c r="N1502" t="s">
        <v>84</v>
      </c>
      <c r="O1502" t="s">
        <v>85</v>
      </c>
      <c r="P1502" t="s">
        <v>86</v>
      </c>
      <c r="Q1502">
        <v>6</v>
      </c>
      <c r="R1502">
        <v>6</v>
      </c>
      <c r="S1502">
        <v>6</v>
      </c>
      <c r="T1502">
        <v>7</v>
      </c>
      <c r="U1502">
        <v>7</v>
      </c>
      <c r="V1502">
        <v>7</v>
      </c>
      <c r="W1502">
        <v>7</v>
      </c>
      <c r="X1502">
        <v>7</v>
      </c>
      <c r="Y1502">
        <v>7</v>
      </c>
      <c r="Z1502">
        <v>7</v>
      </c>
      <c r="AA1502">
        <v>7</v>
      </c>
      <c r="AB1502">
        <v>7</v>
      </c>
      <c r="AC1502">
        <v>7</v>
      </c>
      <c r="AD1502">
        <v>7</v>
      </c>
      <c r="AE1502">
        <v>7</v>
      </c>
      <c r="AF1502">
        <v>7</v>
      </c>
      <c r="AG1502">
        <v>7</v>
      </c>
      <c r="AH1502">
        <v>7</v>
      </c>
      <c r="AI1502">
        <v>7</v>
      </c>
      <c r="AJ1502">
        <v>7</v>
      </c>
      <c r="AK1502">
        <v>7</v>
      </c>
      <c r="AL1502">
        <v>7</v>
      </c>
      <c r="AM1502">
        <v>7</v>
      </c>
      <c r="AN1502">
        <v>7</v>
      </c>
      <c r="AO1502">
        <v>7</v>
      </c>
      <c r="AP1502">
        <v>7</v>
      </c>
      <c r="AQ1502">
        <v>7</v>
      </c>
    </row>
    <row r="1503" spans="1:43">
      <c r="A1503" t="s">
        <v>1016</v>
      </c>
      <c r="B1503" t="s">
        <v>1017</v>
      </c>
      <c r="C1503" t="s">
        <v>911</v>
      </c>
      <c r="D1503" t="s">
        <v>912</v>
      </c>
      <c r="E1503" t="s">
        <v>847</v>
      </c>
      <c r="F1503" t="s">
        <v>848</v>
      </c>
      <c r="G1503" t="s">
        <v>80</v>
      </c>
      <c r="H1503" t="s">
        <v>81</v>
      </c>
      <c r="I1503" s="2">
        <v>0</v>
      </c>
      <c r="J1503" s="2">
        <v>1</v>
      </c>
      <c r="K1503" s="2">
        <v>0</v>
      </c>
      <c r="L1503" t="s">
        <v>82</v>
      </c>
      <c r="M1503" t="s">
        <v>87</v>
      </c>
      <c r="N1503" t="s">
        <v>88</v>
      </c>
      <c r="O1503" t="s">
        <v>85</v>
      </c>
      <c r="P1503" t="s">
        <v>86</v>
      </c>
      <c r="Q1503">
        <v>6</v>
      </c>
      <c r="R1503">
        <v>6</v>
      </c>
      <c r="S1503">
        <v>6</v>
      </c>
      <c r="T1503">
        <v>6</v>
      </c>
      <c r="U1503">
        <v>6</v>
      </c>
      <c r="V1503">
        <v>6</v>
      </c>
      <c r="W1503">
        <v>6</v>
      </c>
      <c r="X1503">
        <v>6</v>
      </c>
      <c r="Y1503">
        <v>6</v>
      </c>
      <c r="Z1503">
        <v>6</v>
      </c>
      <c r="AA1503">
        <v>6</v>
      </c>
      <c r="AB1503">
        <v>6</v>
      </c>
      <c r="AC1503">
        <v>6</v>
      </c>
      <c r="AD1503">
        <v>6</v>
      </c>
      <c r="AE1503">
        <v>6</v>
      </c>
      <c r="AF1503">
        <v>6</v>
      </c>
      <c r="AG1503">
        <v>6</v>
      </c>
      <c r="AH1503">
        <v>6</v>
      </c>
      <c r="AI1503">
        <v>6</v>
      </c>
      <c r="AJ1503">
        <v>6</v>
      </c>
      <c r="AK1503">
        <v>6</v>
      </c>
      <c r="AL1503">
        <v>6</v>
      </c>
      <c r="AM1503">
        <v>6</v>
      </c>
      <c r="AN1503">
        <v>6</v>
      </c>
      <c r="AO1503">
        <v>6</v>
      </c>
      <c r="AP1503">
        <v>6</v>
      </c>
      <c r="AQ1503">
        <v>6</v>
      </c>
    </row>
    <row r="1504" spans="1:43">
      <c r="A1504" t="s">
        <v>1016</v>
      </c>
      <c r="B1504" t="s">
        <v>1017</v>
      </c>
      <c r="C1504" t="s">
        <v>911</v>
      </c>
      <c r="D1504" t="s">
        <v>912</v>
      </c>
      <c r="E1504" t="s">
        <v>847</v>
      </c>
      <c r="F1504" t="s">
        <v>848</v>
      </c>
      <c r="G1504" t="s">
        <v>80</v>
      </c>
      <c r="H1504" t="s">
        <v>81</v>
      </c>
      <c r="I1504" s="2">
        <v>0</v>
      </c>
      <c r="J1504" s="2">
        <v>1</v>
      </c>
      <c r="K1504" s="2">
        <v>0</v>
      </c>
      <c r="L1504" t="s">
        <v>82</v>
      </c>
      <c r="M1504" t="s">
        <v>89</v>
      </c>
      <c r="N1504" t="s">
        <v>90</v>
      </c>
      <c r="O1504" t="s">
        <v>85</v>
      </c>
      <c r="P1504" t="s">
        <v>86</v>
      </c>
      <c r="Q1504">
        <v>6</v>
      </c>
      <c r="R1504">
        <v>7</v>
      </c>
      <c r="S1504">
        <v>7</v>
      </c>
      <c r="T1504">
        <v>7</v>
      </c>
      <c r="U1504">
        <v>7</v>
      </c>
      <c r="V1504">
        <v>7</v>
      </c>
      <c r="W1504">
        <v>7</v>
      </c>
      <c r="X1504">
        <v>7</v>
      </c>
      <c r="Y1504">
        <v>7</v>
      </c>
      <c r="Z1504">
        <v>7</v>
      </c>
      <c r="AA1504">
        <v>7</v>
      </c>
      <c r="AB1504">
        <v>7</v>
      </c>
      <c r="AC1504">
        <v>7</v>
      </c>
      <c r="AD1504">
        <v>7</v>
      </c>
      <c r="AE1504">
        <v>7</v>
      </c>
      <c r="AF1504">
        <v>7</v>
      </c>
      <c r="AG1504">
        <v>7</v>
      </c>
      <c r="AH1504">
        <v>7</v>
      </c>
      <c r="AI1504">
        <v>7</v>
      </c>
      <c r="AJ1504">
        <v>7</v>
      </c>
      <c r="AK1504">
        <v>7</v>
      </c>
      <c r="AL1504">
        <v>7</v>
      </c>
      <c r="AM1504">
        <v>7</v>
      </c>
      <c r="AN1504">
        <v>7</v>
      </c>
      <c r="AO1504">
        <v>7</v>
      </c>
      <c r="AP1504">
        <v>7</v>
      </c>
      <c r="AQ1504">
        <v>7</v>
      </c>
    </row>
    <row r="1505" spans="1:43">
      <c r="A1505" t="s">
        <v>1016</v>
      </c>
      <c r="B1505" t="s">
        <v>1017</v>
      </c>
      <c r="C1505" t="s">
        <v>911</v>
      </c>
      <c r="D1505" t="s">
        <v>912</v>
      </c>
      <c r="E1505" t="s">
        <v>847</v>
      </c>
      <c r="F1505" t="s">
        <v>848</v>
      </c>
      <c r="G1505" t="s">
        <v>80</v>
      </c>
      <c r="H1505" t="s">
        <v>81</v>
      </c>
      <c r="I1505" s="2">
        <v>0</v>
      </c>
      <c r="J1505" s="2">
        <v>1</v>
      </c>
      <c r="K1505" s="2">
        <v>0</v>
      </c>
      <c r="L1505" t="s">
        <v>82</v>
      </c>
      <c r="M1505" t="s">
        <v>83</v>
      </c>
      <c r="N1505" t="s">
        <v>91</v>
      </c>
      <c r="O1505" t="s">
        <v>85</v>
      </c>
      <c r="P1505" t="s">
        <v>86</v>
      </c>
      <c r="Q1505">
        <v>6</v>
      </c>
      <c r="R1505">
        <v>6</v>
      </c>
      <c r="S1505">
        <v>6</v>
      </c>
      <c r="T1505">
        <v>7</v>
      </c>
      <c r="U1505">
        <v>7</v>
      </c>
      <c r="V1505">
        <v>7</v>
      </c>
      <c r="W1505">
        <v>7</v>
      </c>
      <c r="X1505">
        <v>7</v>
      </c>
      <c r="Y1505">
        <v>7</v>
      </c>
      <c r="Z1505">
        <v>7</v>
      </c>
      <c r="AA1505">
        <v>7</v>
      </c>
      <c r="AB1505">
        <v>7</v>
      </c>
      <c r="AC1505">
        <v>7</v>
      </c>
      <c r="AD1505">
        <v>7</v>
      </c>
      <c r="AE1505">
        <v>7</v>
      </c>
      <c r="AF1505">
        <v>7</v>
      </c>
      <c r="AG1505">
        <v>7</v>
      </c>
      <c r="AH1505">
        <v>7</v>
      </c>
      <c r="AI1505">
        <v>7</v>
      </c>
      <c r="AJ1505">
        <v>7</v>
      </c>
      <c r="AK1505">
        <v>7</v>
      </c>
      <c r="AL1505">
        <v>7</v>
      </c>
      <c r="AM1505">
        <v>7</v>
      </c>
      <c r="AN1505">
        <v>7</v>
      </c>
      <c r="AO1505">
        <v>7</v>
      </c>
      <c r="AP1505">
        <v>7</v>
      </c>
      <c r="AQ1505">
        <v>7</v>
      </c>
    </row>
    <row r="1506" spans="1:43">
      <c r="A1506" t="s">
        <v>1018</v>
      </c>
      <c r="B1506" t="s">
        <v>1019</v>
      </c>
      <c r="C1506" t="s">
        <v>905</v>
      </c>
      <c r="D1506" t="s">
        <v>906</v>
      </c>
      <c r="E1506" t="s">
        <v>847</v>
      </c>
      <c r="F1506" t="s">
        <v>848</v>
      </c>
      <c r="G1506" t="s">
        <v>80</v>
      </c>
      <c r="H1506" t="s">
        <v>81</v>
      </c>
      <c r="I1506" s="2">
        <v>0</v>
      </c>
      <c r="J1506" s="2">
        <v>1</v>
      </c>
      <c r="K1506" s="2">
        <v>0</v>
      </c>
      <c r="L1506" t="s">
        <v>82</v>
      </c>
      <c r="M1506" t="s">
        <v>83</v>
      </c>
      <c r="N1506" t="s">
        <v>84</v>
      </c>
      <c r="O1506" t="s">
        <v>85</v>
      </c>
      <c r="P1506" t="s">
        <v>86</v>
      </c>
      <c r="Q1506">
        <v>7</v>
      </c>
      <c r="R1506">
        <v>7</v>
      </c>
      <c r="S1506">
        <v>8</v>
      </c>
      <c r="T1506">
        <v>8</v>
      </c>
      <c r="U1506">
        <v>8</v>
      </c>
      <c r="V1506">
        <v>8</v>
      </c>
      <c r="W1506">
        <v>8</v>
      </c>
      <c r="X1506">
        <v>8</v>
      </c>
      <c r="Y1506">
        <v>8</v>
      </c>
      <c r="Z1506">
        <v>8</v>
      </c>
      <c r="AA1506">
        <v>8</v>
      </c>
      <c r="AB1506">
        <v>8</v>
      </c>
      <c r="AC1506">
        <v>8</v>
      </c>
      <c r="AD1506">
        <v>8</v>
      </c>
      <c r="AE1506">
        <v>8</v>
      </c>
      <c r="AF1506">
        <v>8</v>
      </c>
      <c r="AG1506">
        <v>8</v>
      </c>
      <c r="AH1506">
        <v>8</v>
      </c>
      <c r="AI1506">
        <v>8</v>
      </c>
      <c r="AJ1506">
        <v>8</v>
      </c>
      <c r="AK1506">
        <v>8</v>
      </c>
      <c r="AL1506">
        <v>8</v>
      </c>
      <c r="AM1506">
        <v>8</v>
      </c>
      <c r="AN1506">
        <v>8</v>
      </c>
      <c r="AO1506">
        <v>8</v>
      </c>
      <c r="AP1506">
        <v>8</v>
      </c>
      <c r="AQ1506">
        <v>8</v>
      </c>
    </row>
    <row r="1507" spans="1:43">
      <c r="A1507" t="s">
        <v>1018</v>
      </c>
      <c r="B1507" t="s">
        <v>1019</v>
      </c>
      <c r="C1507" t="s">
        <v>905</v>
      </c>
      <c r="D1507" t="s">
        <v>906</v>
      </c>
      <c r="E1507" t="s">
        <v>847</v>
      </c>
      <c r="F1507" t="s">
        <v>848</v>
      </c>
      <c r="G1507" t="s">
        <v>80</v>
      </c>
      <c r="H1507" t="s">
        <v>81</v>
      </c>
      <c r="I1507" s="2">
        <v>0</v>
      </c>
      <c r="J1507" s="2">
        <v>1</v>
      </c>
      <c r="K1507" s="2">
        <v>0</v>
      </c>
      <c r="L1507" t="s">
        <v>82</v>
      </c>
      <c r="M1507" t="s">
        <v>87</v>
      </c>
      <c r="N1507" t="s">
        <v>88</v>
      </c>
      <c r="O1507" t="s">
        <v>85</v>
      </c>
      <c r="P1507" t="s">
        <v>86</v>
      </c>
      <c r="Q1507">
        <v>7</v>
      </c>
      <c r="R1507">
        <v>7</v>
      </c>
      <c r="S1507">
        <v>7</v>
      </c>
      <c r="T1507">
        <v>7</v>
      </c>
      <c r="U1507">
        <v>7</v>
      </c>
      <c r="V1507">
        <v>7</v>
      </c>
      <c r="W1507">
        <v>7</v>
      </c>
      <c r="X1507">
        <v>7</v>
      </c>
      <c r="Y1507">
        <v>7</v>
      </c>
      <c r="Z1507">
        <v>7</v>
      </c>
      <c r="AA1507">
        <v>7</v>
      </c>
      <c r="AB1507">
        <v>7</v>
      </c>
      <c r="AC1507">
        <v>7</v>
      </c>
      <c r="AD1507">
        <v>7</v>
      </c>
      <c r="AE1507">
        <v>7</v>
      </c>
      <c r="AF1507">
        <v>7</v>
      </c>
      <c r="AG1507">
        <v>7</v>
      </c>
      <c r="AH1507">
        <v>7</v>
      </c>
      <c r="AI1507">
        <v>7</v>
      </c>
      <c r="AJ1507">
        <v>7</v>
      </c>
      <c r="AK1507">
        <v>7</v>
      </c>
      <c r="AL1507">
        <v>7</v>
      </c>
      <c r="AM1507">
        <v>7</v>
      </c>
      <c r="AN1507">
        <v>7</v>
      </c>
      <c r="AO1507">
        <v>7</v>
      </c>
      <c r="AP1507">
        <v>7</v>
      </c>
      <c r="AQ1507">
        <v>7</v>
      </c>
    </row>
    <row r="1508" spans="1:43">
      <c r="A1508" t="s">
        <v>1018</v>
      </c>
      <c r="B1508" t="s">
        <v>1019</v>
      </c>
      <c r="C1508" t="s">
        <v>905</v>
      </c>
      <c r="D1508" t="s">
        <v>906</v>
      </c>
      <c r="E1508" t="s">
        <v>847</v>
      </c>
      <c r="F1508" t="s">
        <v>848</v>
      </c>
      <c r="G1508" t="s">
        <v>80</v>
      </c>
      <c r="H1508" t="s">
        <v>81</v>
      </c>
      <c r="I1508" s="2">
        <v>0</v>
      </c>
      <c r="J1508" s="2">
        <v>1</v>
      </c>
      <c r="K1508" s="2">
        <v>0</v>
      </c>
      <c r="L1508" t="s">
        <v>82</v>
      </c>
      <c r="M1508" t="s">
        <v>89</v>
      </c>
      <c r="N1508" t="s">
        <v>90</v>
      </c>
      <c r="O1508" t="s">
        <v>85</v>
      </c>
      <c r="P1508" t="s">
        <v>86</v>
      </c>
      <c r="Q1508">
        <v>7</v>
      </c>
      <c r="R1508">
        <v>7</v>
      </c>
      <c r="S1508">
        <v>7</v>
      </c>
      <c r="T1508">
        <v>7</v>
      </c>
      <c r="U1508">
        <v>7</v>
      </c>
      <c r="V1508">
        <v>7</v>
      </c>
      <c r="W1508">
        <v>7</v>
      </c>
      <c r="X1508">
        <v>7</v>
      </c>
      <c r="Y1508">
        <v>7</v>
      </c>
      <c r="Z1508">
        <v>7</v>
      </c>
      <c r="AA1508">
        <v>7</v>
      </c>
      <c r="AB1508">
        <v>7</v>
      </c>
      <c r="AC1508">
        <v>7</v>
      </c>
      <c r="AD1508">
        <v>7</v>
      </c>
      <c r="AE1508">
        <v>7</v>
      </c>
      <c r="AF1508">
        <v>7</v>
      </c>
      <c r="AG1508">
        <v>7</v>
      </c>
      <c r="AH1508">
        <v>7</v>
      </c>
      <c r="AI1508">
        <v>7</v>
      </c>
      <c r="AJ1508">
        <v>7</v>
      </c>
      <c r="AK1508">
        <v>7</v>
      </c>
      <c r="AL1508">
        <v>7</v>
      </c>
      <c r="AM1508">
        <v>7</v>
      </c>
      <c r="AN1508">
        <v>7</v>
      </c>
      <c r="AO1508">
        <v>7</v>
      </c>
      <c r="AP1508">
        <v>7</v>
      </c>
      <c r="AQ1508">
        <v>7</v>
      </c>
    </row>
    <row r="1509" spans="1:43">
      <c r="A1509" t="s">
        <v>1018</v>
      </c>
      <c r="B1509" t="s">
        <v>1019</v>
      </c>
      <c r="C1509" t="s">
        <v>905</v>
      </c>
      <c r="D1509" t="s">
        <v>906</v>
      </c>
      <c r="E1509" t="s">
        <v>847</v>
      </c>
      <c r="F1509" t="s">
        <v>848</v>
      </c>
      <c r="G1509" t="s">
        <v>80</v>
      </c>
      <c r="H1509" t="s">
        <v>81</v>
      </c>
      <c r="I1509" s="2">
        <v>0</v>
      </c>
      <c r="J1509" s="2">
        <v>1</v>
      </c>
      <c r="K1509" s="2">
        <v>0</v>
      </c>
      <c r="L1509" t="s">
        <v>82</v>
      </c>
      <c r="M1509" t="s">
        <v>83</v>
      </c>
      <c r="N1509" t="s">
        <v>91</v>
      </c>
      <c r="O1509" t="s">
        <v>85</v>
      </c>
      <c r="P1509" t="s">
        <v>86</v>
      </c>
      <c r="Q1509">
        <v>7</v>
      </c>
      <c r="R1509">
        <v>7</v>
      </c>
      <c r="S1509">
        <v>8</v>
      </c>
      <c r="T1509">
        <v>8</v>
      </c>
      <c r="U1509">
        <v>8</v>
      </c>
      <c r="V1509">
        <v>8</v>
      </c>
      <c r="W1509">
        <v>8</v>
      </c>
      <c r="X1509">
        <v>8</v>
      </c>
      <c r="Y1509">
        <v>8</v>
      </c>
      <c r="Z1509">
        <v>8</v>
      </c>
      <c r="AA1509">
        <v>8</v>
      </c>
      <c r="AB1509">
        <v>8</v>
      </c>
      <c r="AC1509">
        <v>8</v>
      </c>
      <c r="AD1509">
        <v>8</v>
      </c>
      <c r="AE1509">
        <v>8</v>
      </c>
      <c r="AF1509">
        <v>8</v>
      </c>
      <c r="AG1509">
        <v>8</v>
      </c>
      <c r="AH1509">
        <v>8</v>
      </c>
      <c r="AI1509">
        <v>8</v>
      </c>
      <c r="AJ1509">
        <v>8</v>
      </c>
      <c r="AK1509">
        <v>8</v>
      </c>
      <c r="AL1509">
        <v>8</v>
      </c>
      <c r="AM1509">
        <v>8</v>
      </c>
      <c r="AN1509">
        <v>8</v>
      </c>
      <c r="AO1509">
        <v>8</v>
      </c>
      <c r="AP1509">
        <v>8</v>
      </c>
      <c r="AQ1509">
        <v>8</v>
      </c>
    </row>
    <row r="1510" spans="1:43">
      <c r="A1510" t="s">
        <v>1020</v>
      </c>
      <c r="B1510" t="s">
        <v>1021</v>
      </c>
      <c r="C1510" t="s">
        <v>1012</v>
      </c>
      <c r="D1510" t="s">
        <v>1013</v>
      </c>
      <c r="E1510" t="s">
        <v>847</v>
      </c>
      <c r="F1510" t="s">
        <v>848</v>
      </c>
      <c r="G1510" t="s">
        <v>80</v>
      </c>
      <c r="H1510" t="s">
        <v>81</v>
      </c>
      <c r="I1510" s="2">
        <v>0</v>
      </c>
      <c r="J1510" s="2">
        <v>1</v>
      </c>
      <c r="K1510" s="2">
        <v>0</v>
      </c>
      <c r="L1510" t="s">
        <v>82</v>
      </c>
      <c r="M1510" t="s">
        <v>83</v>
      </c>
      <c r="N1510" t="s">
        <v>84</v>
      </c>
      <c r="O1510" t="s">
        <v>85</v>
      </c>
      <c r="P1510" t="s">
        <v>86</v>
      </c>
      <c r="Q1510">
        <v>84</v>
      </c>
      <c r="R1510">
        <v>84</v>
      </c>
      <c r="S1510">
        <v>84</v>
      </c>
      <c r="T1510">
        <v>85</v>
      </c>
      <c r="U1510">
        <v>85</v>
      </c>
      <c r="V1510">
        <v>86</v>
      </c>
      <c r="W1510">
        <v>86</v>
      </c>
      <c r="X1510">
        <v>87</v>
      </c>
      <c r="Y1510">
        <v>87</v>
      </c>
      <c r="Z1510">
        <v>87</v>
      </c>
      <c r="AA1510">
        <v>88</v>
      </c>
      <c r="AB1510">
        <v>88</v>
      </c>
      <c r="AC1510">
        <v>88</v>
      </c>
      <c r="AD1510">
        <v>89</v>
      </c>
      <c r="AE1510">
        <v>89</v>
      </c>
      <c r="AF1510">
        <v>89</v>
      </c>
      <c r="AG1510">
        <v>90</v>
      </c>
      <c r="AH1510">
        <v>90</v>
      </c>
      <c r="AI1510">
        <v>90</v>
      </c>
      <c r="AJ1510">
        <v>90</v>
      </c>
      <c r="AK1510">
        <v>91</v>
      </c>
      <c r="AL1510">
        <v>90</v>
      </c>
      <c r="AM1510">
        <v>90</v>
      </c>
      <c r="AN1510">
        <v>89</v>
      </c>
      <c r="AO1510">
        <v>89</v>
      </c>
      <c r="AP1510">
        <v>89</v>
      </c>
      <c r="AQ1510">
        <v>88</v>
      </c>
    </row>
    <row r="1511" spans="1:43">
      <c r="A1511" t="s">
        <v>1020</v>
      </c>
      <c r="B1511" t="s">
        <v>1021</v>
      </c>
      <c r="C1511" t="s">
        <v>1012</v>
      </c>
      <c r="D1511" t="s">
        <v>1013</v>
      </c>
      <c r="E1511" t="s">
        <v>847</v>
      </c>
      <c r="F1511" t="s">
        <v>848</v>
      </c>
      <c r="G1511" t="s">
        <v>80</v>
      </c>
      <c r="H1511" t="s">
        <v>81</v>
      </c>
      <c r="I1511" s="2">
        <v>0</v>
      </c>
      <c r="J1511" s="2">
        <v>1</v>
      </c>
      <c r="K1511" s="2">
        <v>0</v>
      </c>
      <c r="L1511" t="s">
        <v>82</v>
      </c>
      <c r="M1511" t="s">
        <v>87</v>
      </c>
      <c r="N1511" t="s">
        <v>88</v>
      </c>
      <c r="O1511" t="s">
        <v>85</v>
      </c>
      <c r="P1511" t="s">
        <v>86</v>
      </c>
      <c r="Q1511">
        <v>84</v>
      </c>
      <c r="R1511">
        <v>83</v>
      </c>
      <c r="S1511">
        <v>83</v>
      </c>
      <c r="T1511">
        <v>83</v>
      </c>
      <c r="U1511">
        <v>83</v>
      </c>
      <c r="V1511">
        <v>82</v>
      </c>
      <c r="W1511">
        <v>82</v>
      </c>
      <c r="X1511">
        <v>82</v>
      </c>
      <c r="Y1511">
        <v>81</v>
      </c>
      <c r="Z1511">
        <v>81</v>
      </c>
      <c r="AA1511">
        <v>81</v>
      </c>
      <c r="AB1511">
        <v>81</v>
      </c>
      <c r="AC1511">
        <v>80</v>
      </c>
      <c r="AD1511">
        <v>80</v>
      </c>
      <c r="AE1511">
        <v>80</v>
      </c>
      <c r="AF1511">
        <v>80</v>
      </c>
      <c r="AG1511">
        <v>79</v>
      </c>
      <c r="AH1511">
        <v>79</v>
      </c>
      <c r="AI1511">
        <v>79</v>
      </c>
      <c r="AJ1511">
        <v>79</v>
      </c>
      <c r="AK1511">
        <v>78</v>
      </c>
      <c r="AL1511">
        <v>78</v>
      </c>
      <c r="AM1511">
        <v>78</v>
      </c>
      <c r="AN1511">
        <v>78</v>
      </c>
      <c r="AO1511">
        <v>78</v>
      </c>
      <c r="AP1511">
        <v>77</v>
      </c>
      <c r="AQ1511">
        <v>77</v>
      </c>
    </row>
    <row r="1512" spans="1:43">
      <c r="A1512" t="s">
        <v>1020</v>
      </c>
      <c r="B1512" t="s">
        <v>1021</v>
      </c>
      <c r="C1512" t="s">
        <v>1012</v>
      </c>
      <c r="D1512" t="s">
        <v>1013</v>
      </c>
      <c r="E1512" t="s">
        <v>847</v>
      </c>
      <c r="F1512" t="s">
        <v>848</v>
      </c>
      <c r="G1512" t="s">
        <v>80</v>
      </c>
      <c r="H1512" t="s">
        <v>81</v>
      </c>
      <c r="I1512" s="2">
        <v>0</v>
      </c>
      <c r="J1512" s="2">
        <v>1</v>
      </c>
      <c r="K1512" s="2">
        <v>0</v>
      </c>
      <c r="L1512" t="s">
        <v>82</v>
      </c>
      <c r="M1512" t="s">
        <v>89</v>
      </c>
      <c r="N1512" t="s">
        <v>90</v>
      </c>
      <c r="O1512" t="s">
        <v>85</v>
      </c>
      <c r="P1512" t="s">
        <v>86</v>
      </c>
      <c r="Q1512">
        <v>84</v>
      </c>
      <c r="R1512">
        <v>86</v>
      </c>
      <c r="S1512">
        <v>87</v>
      </c>
      <c r="T1512">
        <v>88</v>
      </c>
      <c r="U1512">
        <v>89</v>
      </c>
      <c r="V1512">
        <v>90</v>
      </c>
      <c r="W1512">
        <v>91</v>
      </c>
      <c r="X1512">
        <v>91</v>
      </c>
      <c r="Y1512">
        <v>92</v>
      </c>
      <c r="Z1512">
        <v>93</v>
      </c>
      <c r="AA1512">
        <v>93</v>
      </c>
      <c r="AB1512">
        <v>94</v>
      </c>
      <c r="AC1512">
        <v>95</v>
      </c>
      <c r="AD1512">
        <v>95</v>
      </c>
      <c r="AE1512">
        <v>95</v>
      </c>
      <c r="AF1512">
        <v>95</v>
      </c>
      <c r="AG1512">
        <v>94</v>
      </c>
      <c r="AH1512">
        <v>94</v>
      </c>
      <c r="AI1512">
        <v>93</v>
      </c>
      <c r="AJ1512">
        <v>93</v>
      </c>
      <c r="AK1512">
        <v>92</v>
      </c>
      <c r="AL1512">
        <v>92</v>
      </c>
      <c r="AM1512">
        <v>91</v>
      </c>
      <c r="AN1512">
        <v>91</v>
      </c>
      <c r="AO1512">
        <v>90</v>
      </c>
      <c r="AP1512">
        <v>90</v>
      </c>
      <c r="AQ1512">
        <v>89</v>
      </c>
    </row>
    <row r="1513" spans="1:43">
      <c r="A1513" t="s">
        <v>1020</v>
      </c>
      <c r="B1513" t="s">
        <v>1021</v>
      </c>
      <c r="C1513" t="s">
        <v>1012</v>
      </c>
      <c r="D1513" t="s">
        <v>1013</v>
      </c>
      <c r="E1513" t="s">
        <v>847</v>
      </c>
      <c r="F1513" t="s">
        <v>848</v>
      </c>
      <c r="G1513" t="s">
        <v>80</v>
      </c>
      <c r="H1513" t="s">
        <v>81</v>
      </c>
      <c r="I1513" s="2">
        <v>0</v>
      </c>
      <c r="J1513" s="2">
        <v>1</v>
      </c>
      <c r="K1513" s="2">
        <v>0</v>
      </c>
      <c r="L1513" t="s">
        <v>82</v>
      </c>
      <c r="M1513" t="s">
        <v>83</v>
      </c>
      <c r="N1513" t="s">
        <v>91</v>
      </c>
      <c r="O1513" t="s">
        <v>85</v>
      </c>
      <c r="P1513" t="s">
        <v>86</v>
      </c>
      <c r="Q1513">
        <v>84</v>
      </c>
      <c r="R1513">
        <v>84</v>
      </c>
      <c r="S1513">
        <v>84</v>
      </c>
      <c r="T1513">
        <v>85</v>
      </c>
      <c r="U1513">
        <v>85</v>
      </c>
      <c r="V1513">
        <v>86</v>
      </c>
      <c r="W1513">
        <v>86</v>
      </c>
      <c r="X1513">
        <v>87</v>
      </c>
      <c r="Y1513">
        <v>87</v>
      </c>
      <c r="Z1513">
        <v>87</v>
      </c>
      <c r="AA1513">
        <v>88</v>
      </c>
      <c r="AB1513">
        <v>88</v>
      </c>
      <c r="AC1513">
        <v>88</v>
      </c>
      <c r="AD1513">
        <v>89</v>
      </c>
      <c r="AE1513">
        <v>89</v>
      </c>
      <c r="AF1513">
        <v>89</v>
      </c>
      <c r="AG1513">
        <v>90</v>
      </c>
      <c r="AH1513">
        <v>90</v>
      </c>
      <c r="AI1513">
        <v>90</v>
      </c>
      <c r="AJ1513">
        <v>90</v>
      </c>
      <c r="AK1513">
        <v>91</v>
      </c>
      <c r="AL1513">
        <v>90</v>
      </c>
      <c r="AM1513">
        <v>90</v>
      </c>
      <c r="AN1513">
        <v>89</v>
      </c>
      <c r="AO1513">
        <v>89</v>
      </c>
      <c r="AP1513">
        <v>89</v>
      </c>
      <c r="AQ1513">
        <v>88</v>
      </c>
    </row>
    <row r="1514" spans="1:43">
      <c r="A1514" t="s">
        <v>1022</v>
      </c>
      <c r="B1514" t="s">
        <v>1023</v>
      </c>
      <c r="C1514" t="s">
        <v>911</v>
      </c>
      <c r="D1514" t="s">
        <v>912</v>
      </c>
      <c r="E1514" t="s">
        <v>847</v>
      </c>
      <c r="F1514" t="s">
        <v>848</v>
      </c>
      <c r="G1514" t="s">
        <v>80</v>
      </c>
      <c r="H1514" t="s">
        <v>81</v>
      </c>
      <c r="I1514" s="2">
        <v>0</v>
      </c>
      <c r="J1514" s="2">
        <v>1</v>
      </c>
      <c r="K1514" s="2">
        <v>0</v>
      </c>
      <c r="L1514" t="s">
        <v>82</v>
      </c>
      <c r="M1514" t="s">
        <v>83</v>
      </c>
      <c r="N1514" t="s">
        <v>84</v>
      </c>
      <c r="O1514" t="s">
        <v>85</v>
      </c>
      <c r="P1514" t="s">
        <v>86</v>
      </c>
      <c r="Q1514">
        <v>11</v>
      </c>
      <c r="R1514">
        <v>11</v>
      </c>
      <c r="S1514">
        <v>11</v>
      </c>
      <c r="T1514">
        <v>11</v>
      </c>
      <c r="U1514">
        <v>11</v>
      </c>
      <c r="V1514">
        <v>12</v>
      </c>
      <c r="W1514">
        <v>12</v>
      </c>
      <c r="X1514">
        <v>12</v>
      </c>
      <c r="Y1514">
        <v>12</v>
      </c>
      <c r="Z1514">
        <v>12</v>
      </c>
      <c r="AA1514">
        <v>12</v>
      </c>
      <c r="AB1514">
        <v>12</v>
      </c>
      <c r="AC1514">
        <v>12</v>
      </c>
      <c r="AD1514">
        <v>12</v>
      </c>
      <c r="AE1514">
        <v>12</v>
      </c>
      <c r="AF1514">
        <v>12</v>
      </c>
      <c r="AG1514">
        <v>12</v>
      </c>
      <c r="AH1514">
        <v>12</v>
      </c>
      <c r="AI1514">
        <v>12</v>
      </c>
      <c r="AJ1514">
        <v>12</v>
      </c>
      <c r="AK1514">
        <v>12</v>
      </c>
      <c r="AL1514">
        <v>12</v>
      </c>
      <c r="AM1514">
        <v>12</v>
      </c>
      <c r="AN1514">
        <v>12</v>
      </c>
      <c r="AO1514">
        <v>12</v>
      </c>
      <c r="AP1514">
        <v>12</v>
      </c>
      <c r="AQ1514">
        <v>12</v>
      </c>
    </row>
    <row r="1515" spans="1:43">
      <c r="A1515" t="s">
        <v>1022</v>
      </c>
      <c r="B1515" t="s">
        <v>1023</v>
      </c>
      <c r="C1515" t="s">
        <v>911</v>
      </c>
      <c r="D1515" t="s">
        <v>912</v>
      </c>
      <c r="E1515" t="s">
        <v>847</v>
      </c>
      <c r="F1515" t="s">
        <v>848</v>
      </c>
      <c r="G1515" t="s">
        <v>80</v>
      </c>
      <c r="H1515" t="s">
        <v>81</v>
      </c>
      <c r="I1515" s="2">
        <v>0</v>
      </c>
      <c r="J1515" s="2">
        <v>1</v>
      </c>
      <c r="K1515" s="2">
        <v>0</v>
      </c>
      <c r="L1515" t="s">
        <v>82</v>
      </c>
      <c r="M1515" t="s">
        <v>87</v>
      </c>
      <c r="N1515" t="s">
        <v>88</v>
      </c>
      <c r="O1515" t="s">
        <v>85</v>
      </c>
      <c r="P1515" t="s">
        <v>86</v>
      </c>
      <c r="Q1515">
        <v>11</v>
      </c>
      <c r="R1515">
        <v>11</v>
      </c>
      <c r="S1515">
        <v>11</v>
      </c>
      <c r="T1515">
        <v>11</v>
      </c>
      <c r="U1515">
        <v>11</v>
      </c>
      <c r="V1515">
        <v>11</v>
      </c>
      <c r="W1515">
        <v>11</v>
      </c>
      <c r="X1515">
        <v>11</v>
      </c>
      <c r="Y1515">
        <v>11</v>
      </c>
      <c r="Z1515">
        <v>11</v>
      </c>
      <c r="AA1515">
        <v>11</v>
      </c>
      <c r="AB1515">
        <v>11</v>
      </c>
      <c r="AC1515">
        <v>11</v>
      </c>
      <c r="AD1515">
        <v>11</v>
      </c>
      <c r="AE1515">
        <v>11</v>
      </c>
      <c r="AF1515">
        <v>11</v>
      </c>
      <c r="AG1515">
        <v>11</v>
      </c>
      <c r="AH1515">
        <v>11</v>
      </c>
      <c r="AI1515">
        <v>10</v>
      </c>
      <c r="AJ1515">
        <v>10</v>
      </c>
      <c r="AK1515">
        <v>10</v>
      </c>
      <c r="AL1515">
        <v>10</v>
      </c>
      <c r="AM1515">
        <v>10</v>
      </c>
      <c r="AN1515">
        <v>10</v>
      </c>
      <c r="AO1515">
        <v>10</v>
      </c>
      <c r="AP1515">
        <v>10</v>
      </c>
      <c r="AQ1515">
        <v>10</v>
      </c>
    </row>
    <row r="1516" spans="1:43">
      <c r="A1516" t="s">
        <v>1022</v>
      </c>
      <c r="B1516" t="s">
        <v>1023</v>
      </c>
      <c r="C1516" t="s">
        <v>911</v>
      </c>
      <c r="D1516" t="s">
        <v>912</v>
      </c>
      <c r="E1516" t="s">
        <v>847</v>
      </c>
      <c r="F1516" t="s">
        <v>848</v>
      </c>
      <c r="G1516" t="s">
        <v>80</v>
      </c>
      <c r="H1516" t="s">
        <v>81</v>
      </c>
      <c r="I1516" s="2">
        <v>0</v>
      </c>
      <c r="J1516" s="2">
        <v>1</v>
      </c>
      <c r="K1516" s="2">
        <v>0</v>
      </c>
      <c r="L1516" t="s">
        <v>82</v>
      </c>
      <c r="M1516" t="s">
        <v>89</v>
      </c>
      <c r="N1516" t="s">
        <v>90</v>
      </c>
      <c r="O1516" t="s">
        <v>85</v>
      </c>
      <c r="P1516" t="s">
        <v>86</v>
      </c>
      <c r="Q1516">
        <v>11</v>
      </c>
      <c r="R1516">
        <v>11</v>
      </c>
      <c r="S1516">
        <v>12</v>
      </c>
      <c r="T1516">
        <v>12</v>
      </c>
      <c r="U1516">
        <v>12</v>
      </c>
      <c r="V1516">
        <v>12</v>
      </c>
      <c r="W1516">
        <v>12</v>
      </c>
      <c r="X1516">
        <v>12</v>
      </c>
      <c r="Y1516">
        <v>12</v>
      </c>
      <c r="Z1516">
        <v>12</v>
      </c>
      <c r="AA1516">
        <v>13</v>
      </c>
      <c r="AB1516">
        <v>13</v>
      </c>
      <c r="AC1516">
        <v>13</v>
      </c>
      <c r="AD1516">
        <v>13</v>
      </c>
      <c r="AE1516">
        <v>13</v>
      </c>
      <c r="AF1516">
        <v>13</v>
      </c>
      <c r="AG1516">
        <v>13</v>
      </c>
      <c r="AH1516">
        <v>13</v>
      </c>
      <c r="AI1516">
        <v>13</v>
      </c>
      <c r="AJ1516">
        <v>12</v>
      </c>
      <c r="AK1516">
        <v>12</v>
      </c>
      <c r="AL1516">
        <v>12</v>
      </c>
      <c r="AM1516">
        <v>12</v>
      </c>
      <c r="AN1516">
        <v>12</v>
      </c>
      <c r="AO1516">
        <v>12</v>
      </c>
      <c r="AP1516">
        <v>12</v>
      </c>
      <c r="AQ1516">
        <v>12</v>
      </c>
    </row>
    <row r="1517" spans="1:43">
      <c r="A1517" t="s">
        <v>1022</v>
      </c>
      <c r="B1517" t="s">
        <v>1023</v>
      </c>
      <c r="C1517" t="s">
        <v>911</v>
      </c>
      <c r="D1517" t="s">
        <v>912</v>
      </c>
      <c r="E1517" t="s">
        <v>847</v>
      </c>
      <c r="F1517" t="s">
        <v>848</v>
      </c>
      <c r="G1517" t="s">
        <v>80</v>
      </c>
      <c r="H1517" t="s">
        <v>81</v>
      </c>
      <c r="I1517" s="2">
        <v>0</v>
      </c>
      <c r="J1517" s="2">
        <v>1</v>
      </c>
      <c r="K1517" s="2">
        <v>0</v>
      </c>
      <c r="L1517" t="s">
        <v>82</v>
      </c>
      <c r="M1517" t="s">
        <v>83</v>
      </c>
      <c r="N1517" t="s">
        <v>91</v>
      </c>
      <c r="O1517" t="s">
        <v>85</v>
      </c>
      <c r="P1517" t="s">
        <v>86</v>
      </c>
      <c r="Q1517">
        <v>11</v>
      </c>
      <c r="R1517">
        <v>11</v>
      </c>
      <c r="S1517">
        <v>11</v>
      </c>
      <c r="T1517">
        <v>11</v>
      </c>
      <c r="U1517">
        <v>11</v>
      </c>
      <c r="V1517">
        <v>12</v>
      </c>
      <c r="W1517">
        <v>12</v>
      </c>
      <c r="X1517">
        <v>12</v>
      </c>
      <c r="Y1517">
        <v>12</v>
      </c>
      <c r="Z1517">
        <v>12</v>
      </c>
      <c r="AA1517">
        <v>12</v>
      </c>
      <c r="AB1517">
        <v>12</v>
      </c>
      <c r="AC1517">
        <v>12</v>
      </c>
      <c r="AD1517">
        <v>12</v>
      </c>
      <c r="AE1517">
        <v>12</v>
      </c>
      <c r="AF1517">
        <v>12</v>
      </c>
      <c r="AG1517">
        <v>12</v>
      </c>
      <c r="AH1517">
        <v>12</v>
      </c>
      <c r="AI1517">
        <v>12</v>
      </c>
      <c r="AJ1517">
        <v>12</v>
      </c>
      <c r="AK1517">
        <v>12</v>
      </c>
      <c r="AL1517">
        <v>12</v>
      </c>
      <c r="AM1517">
        <v>12</v>
      </c>
      <c r="AN1517">
        <v>12</v>
      </c>
      <c r="AO1517">
        <v>12</v>
      </c>
      <c r="AP1517">
        <v>12</v>
      </c>
      <c r="AQ1517">
        <v>12</v>
      </c>
    </row>
    <row r="1518" spans="1:43">
      <c r="A1518" t="s">
        <v>1024</v>
      </c>
      <c r="B1518" t="s">
        <v>1025</v>
      </c>
      <c r="C1518" t="s">
        <v>943</v>
      </c>
      <c r="D1518" t="s">
        <v>944</v>
      </c>
      <c r="E1518" t="s">
        <v>847</v>
      </c>
      <c r="F1518" t="s">
        <v>848</v>
      </c>
      <c r="G1518" t="s">
        <v>80</v>
      </c>
      <c r="H1518" t="s">
        <v>81</v>
      </c>
      <c r="I1518" s="2">
        <v>0</v>
      </c>
      <c r="J1518" s="2">
        <v>1</v>
      </c>
      <c r="K1518" s="2">
        <v>0</v>
      </c>
      <c r="L1518" t="s">
        <v>82</v>
      </c>
      <c r="M1518" t="s">
        <v>83</v>
      </c>
      <c r="N1518" t="s">
        <v>84</v>
      </c>
      <c r="O1518" t="s">
        <v>85</v>
      </c>
      <c r="P1518" t="s">
        <v>86</v>
      </c>
      <c r="Q1518">
        <v>37</v>
      </c>
      <c r="R1518">
        <v>38</v>
      </c>
      <c r="S1518">
        <v>38</v>
      </c>
      <c r="T1518">
        <v>38</v>
      </c>
      <c r="U1518">
        <v>38</v>
      </c>
      <c r="V1518">
        <v>38</v>
      </c>
      <c r="W1518">
        <v>39</v>
      </c>
      <c r="X1518">
        <v>39</v>
      </c>
      <c r="Y1518">
        <v>39</v>
      </c>
      <c r="Z1518">
        <v>39</v>
      </c>
      <c r="AA1518">
        <v>39</v>
      </c>
      <c r="AB1518">
        <v>39</v>
      </c>
      <c r="AC1518">
        <v>40</v>
      </c>
      <c r="AD1518">
        <v>40</v>
      </c>
      <c r="AE1518">
        <v>40</v>
      </c>
      <c r="AF1518">
        <v>40</v>
      </c>
      <c r="AG1518">
        <v>40</v>
      </c>
      <c r="AH1518">
        <v>40</v>
      </c>
      <c r="AI1518">
        <v>40</v>
      </c>
      <c r="AJ1518">
        <v>40</v>
      </c>
      <c r="AK1518">
        <v>40</v>
      </c>
      <c r="AL1518">
        <v>40</v>
      </c>
      <c r="AM1518">
        <v>40</v>
      </c>
      <c r="AN1518">
        <v>40</v>
      </c>
      <c r="AO1518">
        <v>39</v>
      </c>
      <c r="AP1518">
        <v>39</v>
      </c>
      <c r="AQ1518">
        <v>39</v>
      </c>
    </row>
    <row r="1519" spans="1:43">
      <c r="A1519" t="s">
        <v>1024</v>
      </c>
      <c r="B1519" t="s">
        <v>1025</v>
      </c>
      <c r="C1519" t="s">
        <v>943</v>
      </c>
      <c r="D1519" t="s">
        <v>944</v>
      </c>
      <c r="E1519" t="s">
        <v>847</v>
      </c>
      <c r="F1519" t="s">
        <v>848</v>
      </c>
      <c r="G1519" t="s">
        <v>80</v>
      </c>
      <c r="H1519" t="s">
        <v>81</v>
      </c>
      <c r="I1519" s="2">
        <v>0</v>
      </c>
      <c r="J1519" s="2">
        <v>1</v>
      </c>
      <c r="K1519" s="2">
        <v>0</v>
      </c>
      <c r="L1519" t="s">
        <v>82</v>
      </c>
      <c r="M1519" t="s">
        <v>87</v>
      </c>
      <c r="N1519" t="s">
        <v>88</v>
      </c>
      <c r="O1519" t="s">
        <v>85</v>
      </c>
      <c r="P1519" t="s">
        <v>86</v>
      </c>
      <c r="Q1519">
        <v>37</v>
      </c>
      <c r="R1519">
        <v>37</v>
      </c>
      <c r="S1519">
        <v>37</v>
      </c>
      <c r="T1519">
        <v>37</v>
      </c>
      <c r="U1519">
        <v>37</v>
      </c>
      <c r="V1519">
        <v>36</v>
      </c>
      <c r="W1519">
        <v>36</v>
      </c>
      <c r="X1519">
        <v>36</v>
      </c>
      <c r="Y1519">
        <v>36</v>
      </c>
      <c r="Z1519">
        <v>36</v>
      </c>
      <c r="AA1519">
        <v>36</v>
      </c>
      <c r="AB1519">
        <v>36</v>
      </c>
      <c r="AC1519">
        <v>36</v>
      </c>
      <c r="AD1519">
        <v>35</v>
      </c>
      <c r="AE1519">
        <v>35</v>
      </c>
      <c r="AF1519">
        <v>35</v>
      </c>
      <c r="AG1519">
        <v>35</v>
      </c>
      <c r="AH1519">
        <v>35</v>
      </c>
      <c r="AI1519">
        <v>35</v>
      </c>
      <c r="AJ1519">
        <v>35</v>
      </c>
      <c r="AK1519">
        <v>35</v>
      </c>
      <c r="AL1519">
        <v>34</v>
      </c>
      <c r="AM1519">
        <v>34</v>
      </c>
      <c r="AN1519">
        <v>34</v>
      </c>
      <c r="AO1519">
        <v>34</v>
      </c>
      <c r="AP1519">
        <v>34</v>
      </c>
      <c r="AQ1519">
        <v>34</v>
      </c>
    </row>
    <row r="1520" spans="1:43">
      <c r="A1520" t="s">
        <v>1024</v>
      </c>
      <c r="B1520" t="s">
        <v>1025</v>
      </c>
      <c r="C1520" t="s">
        <v>943</v>
      </c>
      <c r="D1520" t="s">
        <v>944</v>
      </c>
      <c r="E1520" t="s">
        <v>847</v>
      </c>
      <c r="F1520" t="s">
        <v>848</v>
      </c>
      <c r="G1520" t="s">
        <v>80</v>
      </c>
      <c r="H1520" t="s">
        <v>81</v>
      </c>
      <c r="I1520" s="2">
        <v>0</v>
      </c>
      <c r="J1520" s="2">
        <v>1</v>
      </c>
      <c r="K1520" s="2">
        <v>0</v>
      </c>
      <c r="L1520" t="s">
        <v>82</v>
      </c>
      <c r="M1520" t="s">
        <v>89</v>
      </c>
      <c r="N1520" t="s">
        <v>90</v>
      </c>
      <c r="O1520" t="s">
        <v>85</v>
      </c>
      <c r="P1520" t="s">
        <v>86</v>
      </c>
      <c r="Q1520">
        <v>37</v>
      </c>
      <c r="R1520">
        <v>37</v>
      </c>
      <c r="S1520">
        <v>38</v>
      </c>
      <c r="T1520">
        <v>38</v>
      </c>
      <c r="U1520">
        <v>39</v>
      </c>
      <c r="V1520">
        <v>39</v>
      </c>
      <c r="W1520">
        <v>40</v>
      </c>
      <c r="X1520">
        <v>40</v>
      </c>
      <c r="Y1520">
        <v>40</v>
      </c>
      <c r="Z1520">
        <v>41</v>
      </c>
      <c r="AA1520">
        <v>41</v>
      </c>
      <c r="AB1520">
        <v>41</v>
      </c>
      <c r="AC1520">
        <v>41</v>
      </c>
      <c r="AD1520">
        <v>41</v>
      </c>
      <c r="AE1520">
        <v>42</v>
      </c>
      <c r="AF1520">
        <v>41</v>
      </c>
      <c r="AG1520">
        <v>41</v>
      </c>
      <c r="AH1520">
        <v>41</v>
      </c>
      <c r="AI1520">
        <v>40</v>
      </c>
      <c r="AJ1520">
        <v>40</v>
      </c>
      <c r="AK1520">
        <v>40</v>
      </c>
      <c r="AL1520">
        <v>40</v>
      </c>
      <c r="AM1520">
        <v>39</v>
      </c>
      <c r="AN1520">
        <v>39</v>
      </c>
      <c r="AO1520">
        <v>39</v>
      </c>
      <c r="AP1520">
        <v>39</v>
      </c>
      <c r="AQ1520">
        <v>38</v>
      </c>
    </row>
    <row r="1521" spans="1:43">
      <c r="A1521" t="s">
        <v>1024</v>
      </c>
      <c r="B1521" t="s">
        <v>1025</v>
      </c>
      <c r="C1521" t="s">
        <v>943</v>
      </c>
      <c r="D1521" t="s">
        <v>944</v>
      </c>
      <c r="E1521" t="s">
        <v>847</v>
      </c>
      <c r="F1521" t="s">
        <v>848</v>
      </c>
      <c r="G1521" t="s">
        <v>80</v>
      </c>
      <c r="H1521" t="s">
        <v>81</v>
      </c>
      <c r="I1521" s="2">
        <v>0</v>
      </c>
      <c r="J1521" s="2">
        <v>1</v>
      </c>
      <c r="K1521" s="2">
        <v>0</v>
      </c>
      <c r="L1521" t="s">
        <v>82</v>
      </c>
      <c r="M1521" t="s">
        <v>83</v>
      </c>
      <c r="N1521" t="s">
        <v>91</v>
      </c>
      <c r="O1521" t="s">
        <v>85</v>
      </c>
      <c r="P1521" t="s">
        <v>86</v>
      </c>
      <c r="Q1521">
        <v>37</v>
      </c>
      <c r="R1521">
        <v>38</v>
      </c>
      <c r="S1521">
        <v>38</v>
      </c>
      <c r="T1521">
        <v>38</v>
      </c>
      <c r="U1521">
        <v>38</v>
      </c>
      <c r="V1521">
        <v>38</v>
      </c>
      <c r="W1521">
        <v>39</v>
      </c>
      <c r="X1521">
        <v>39</v>
      </c>
      <c r="Y1521">
        <v>39</v>
      </c>
      <c r="Z1521">
        <v>39</v>
      </c>
      <c r="AA1521">
        <v>39</v>
      </c>
      <c r="AB1521">
        <v>39</v>
      </c>
      <c r="AC1521">
        <v>40</v>
      </c>
      <c r="AD1521">
        <v>40</v>
      </c>
      <c r="AE1521">
        <v>40</v>
      </c>
      <c r="AF1521">
        <v>40</v>
      </c>
      <c r="AG1521">
        <v>40</v>
      </c>
      <c r="AH1521">
        <v>40</v>
      </c>
      <c r="AI1521">
        <v>40</v>
      </c>
      <c r="AJ1521">
        <v>40</v>
      </c>
      <c r="AK1521">
        <v>40</v>
      </c>
      <c r="AL1521">
        <v>40</v>
      </c>
      <c r="AM1521">
        <v>40</v>
      </c>
      <c r="AN1521">
        <v>40</v>
      </c>
      <c r="AO1521">
        <v>39</v>
      </c>
      <c r="AP1521">
        <v>39</v>
      </c>
      <c r="AQ1521">
        <v>39</v>
      </c>
    </row>
    <row r="1522" spans="1:43">
      <c r="A1522" t="s">
        <v>1026</v>
      </c>
      <c r="B1522" t="s">
        <v>1027</v>
      </c>
      <c r="C1522" t="s">
        <v>889</v>
      </c>
      <c r="D1522" t="s">
        <v>890</v>
      </c>
      <c r="E1522" t="s">
        <v>847</v>
      </c>
      <c r="F1522" t="s">
        <v>848</v>
      </c>
      <c r="G1522" t="s">
        <v>80</v>
      </c>
      <c r="H1522" t="s">
        <v>81</v>
      </c>
      <c r="I1522" s="2">
        <v>0</v>
      </c>
      <c r="J1522" s="2">
        <v>1</v>
      </c>
      <c r="K1522" s="2">
        <v>0</v>
      </c>
      <c r="L1522" t="s">
        <v>82</v>
      </c>
      <c r="M1522" t="s">
        <v>83</v>
      </c>
      <c r="N1522" t="s">
        <v>84</v>
      </c>
      <c r="O1522" t="s">
        <v>85</v>
      </c>
      <c r="P1522" t="s">
        <v>86</v>
      </c>
      <c r="Q1522">
        <v>12</v>
      </c>
      <c r="R1522">
        <v>12</v>
      </c>
      <c r="S1522">
        <v>12</v>
      </c>
      <c r="T1522">
        <v>12</v>
      </c>
      <c r="U1522">
        <v>12</v>
      </c>
      <c r="V1522">
        <v>12</v>
      </c>
      <c r="W1522">
        <v>12</v>
      </c>
      <c r="X1522">
        <v>12</v>
      </c>
      <c r="Y1522">
        <v>12</v>
      </c>
      <c r="Z1522">
        <v>12</v>
      </c>
      <c r="AA1522">
        <v>12</v>
      </c>
      <c r="AB1522">
        <v>12</v>
      </c>
      <c r="AC1522">
        <v>13</v>
      </c>
      <c r="AD1522">
        <v>13</v>
      </c>
      <c r="AE1522">
        <v>13</v>
      </c>
      <c r="AF1522">
        <v>13</v>
      </c>
      <c r="AG1522">
        <v>13</v>
      </c>
      <c r="AH1522">
        <v>13</v>
      </c>
      <c r="AI1522">
        <v>13</v>
      </c>
      <c r="AJ1522">
        <v>13</v>
      </c>
      <c r="AK1522">
        <v>13</v>
      </c>
      <c r="AL1522">
        <v>13</v>
      </c>
      <c r="AM1522">
        <v>13</v>
      </c>
      <c r="AN1522">
        <v>13</v>
      </c>
      <c r="AO1522">
        <v>12</v>
      </c>
      <c r="AP1522">
        <v>12</v>
      </c>
      <c r="AQ1522">
        <v>12</v>
      </c>
    </row>
    <row r="1523" spans="1:43">
      <c r="A1523" t="s">
        <v>1026</v>
      </c>
      <c r="B1523" t="s">
        <v>1027</v>
      </c>
      <c r="C1523" t="s">
        <v>889</v>
      </c>
      <c r="D1523" t="s">
        <v>890</v>
      </c>
      <c r="E1523" t="s">
        <v>847</v>
      </c>
      <c r="F1523" t="s">
        <v>848</v>
      </c>
      <c r="G1523" t="s">
        <v>80</v>
      </c>
      <c r="H1523" t="s">
        <v>81</v>
      </c>
      <c r="I1523" s="2">
        <v>0</v>
      </c>
      <c r="J1523" s="2">
        <v>1</v>
      </c>
      <c r="K1523" s="2">
        <v>0</v>
      </c>
      <c r="L1523" t="s">
        <v>82</v>
      </c>
      <c r="M1523" t="s">
        <v>87</v>
      </c>
      <c r="N1523" t="s">
        <v>88</v>
      </c>
      <c r="O1523" t="s">
        <v>85</v>
      </c>
      <c r="P1523" t="s">
        <v>86</v>
      </c>
      <c r="Q1523">
        <v>12</v>
      </c>
      <c r="R1523">
        <v>12</v>
      </c>
      <c r="S1523">
        <v>12</v>
      </c>
      <c r="T1523">
        <v>12</v>
      </c>
      <c r="U1523">
        <v>12</v>
      </c>
      <c r="V1523">
        <v>12</v>
      </c>
      <c r="W1523">
        <v>11</v>
      </c>
      <c r="X1523">
        <v>11</v>
      </c>
      <c r="Y1523">
        <v>11</v>
      </c>
      <c r="Z1523">
        <v>11</v>
      </c>
      <c r="AA1523">
        <v>11</v>
      </c>
      <c r="AB1523">
        <v>11</v>
      </c>
      <c r="AC1523">
        <v>11</v>
      </c>
      <c r="AD1523">
        <v>11</v>
      </c>
      <c r="AE1523">
        <v>11</v>
      </c>
      <c r="AF1523">
        <v>11</v>
      </c>
      <c r="AG1523">
        <v>11</v>
      </c>
      <c r="AH1523">
        <v>11</v>
      </c>
      <c r="AI1523">
        <v>11</v>
      </c>
      <c r="AJ1523">
        <v>11</v>
      </c>
      <c r="AK1523">
        <v>11</v>
      </c>
      <c r="AL1523">
        <v>11</v>
      </c>
      <c r="AM1523">
        <v>11</v>
      </c>
      <c r="AN1523">
        <v>11</v>
      </c>
      <c r="AO1523">
        <v>11</v>
      </c>
      <c r="AP1523">
        <v>11</v>
      </c>
      <c r="AQ1523">
        <v>11</v>
      </c>
    </row>
    <row r="1524" spans="1:43">
      <c r="A1524" t="s">
        <v>1026</v>
      </c>
      <c r="B1524" t="s">
        <v>1027</v>
      </c>
      <c r="C1524" t="s">
        <v>889</v>
      </c>
      <c r="D1524" t="s">
        <v>890</v>
      </c>
      <c r="E1524" t="s">
        <v>847</v>
      </c>
      <c r="F1524" t="s">
        <v>848</v>
      </c>
      <c r="G1524" t="s">
        <v>80</v>
      </c>
      <c r="H1524" t="s">
        <v>81</v>
      </c>
      <c r="I1524" s="2">
        <v>0</v>
      </c>
      <c r="J1524" s="2">
        <v>1</v>
      </c>
      <c r="K1524" s="2">
        <v>0</v>
      </c>
      <c r="L1524" t="s">
        <v>82</v>
      </c>
      <c r="M1524" t="s">
        <v>89</v>
      </c>
      <c r="N1524" t="s">
        <v>90</v>
      </c>
      <c r="O1524" t="s">
        <v>85</v>
      </c>
      <c r="P1524" t="s">
        <v>86</v>
      </c>
      <c r="Q1524">
        <v>12</v>
      </c>
      <c r="R1524">
        <v>12</v>
      </c>
      <c r="S1524">
        <v>12</v>
      </c>
      <c r="T1524">
        <v>12</v>
      </c>
      <c r="U1524">
        <v>13</v>
      </c>
      <c r="V1524">
        <v>13</v>
      </c>
      <c r="W1524">
        <v>13</v>
      </c>
      <c r="X1524">
        <v>13</v>
      </c>
      <c r="Y1524">
        <v>13</v>
      </c>
      <c r="Z1524">
        <v>13</v>
      </c>
      <c r="AA1524">
        <v>13</v>
      </c>
      <c r="AB1524">
        <v>13</v>
      </c>
      <c r="AC1524">
        <v>13</v>
      </c>
      <c r="AD1524">
        <v>13</v>
      </c>
      <c r="AE1524">
        <v>13</v>
      </c>
      <c r="AF1524">
        <v>13</v>
      </c>
      <c r="AG1524">
        <v>13</v>
      </c>
      <c r="AH1524">
        <v>13</v>
      </c>
      <c r="AI1524">
        <v>13</v>
      </c>
      <c r="AJ1524">
        <v>13</v>
      </c>
      <c r="AK1524">
        <v>13</v>
      </c>
      <c r="AL1524">
        <v>13</v>
      </c>
      <c r="AM1524">
        <v>13</v>
      </c>
      <c r="AN1524">
        <v>13</v>
      </c>
      <c r="AO1524">
        <v>13</v>
      </c>
      <c r="AP1524">
        <v>13</v>
      </c>
      <c r="AQ1524">
        <v>12</v>
      </c>
    </row>
    <row r="1525" spans="1:43">
      <c r="A1525" t="s">
        <v>1026</v>
      </c>
      <c r="B1525" t="s">
        <v>1027</v>
      </c>
      <c r="C1525" t="s">
        <v>889</v>
      </c>
      <c r="D1525" t="s">
        <v>890</v>
      </c>
      <c r="E1525" t="s">
        <v>847</v>
      </c>
      <c r="F1525" t="s">
        <v>848</v>
      </c>
      <c r="G1525" t="s">
        <v>80</v>
      </c>
      <c r="H1525" t="s">
        <v>81</v>
      </c>
      <c r="I1525" s="2">
        <v>0</v>
      </c>
      <c r="J1525" s="2">
        <v>1</v>
      </c>
      <c r="K1525" s="2">
        <v>0</v>
      </c>
      <c r="L1525" t="s">
        <v>82</v>
      </c>
      <c r="M1525" t="s">
        <v>83</v>
      </c>
      <c r="N1525" t="s">
        <v>91</v>
      </c>
      <c r="O1525" t="s">
        <v>85</v>
      </c>
      <c r="P1525" t="s">
        <v>86</v>
      </c>
      <c r="Q1525">
        <v>12</v>
      </c>
      <c r="R1525">
        <v>12</v>
      </c>
      <c r="S1525">
        <v>12</v>
      </c>
      <c r="T1525">
        <v>12</v>
      </c>
      <c r="U1525">
        <v>12</v>
      </c>
      <c r="V1525">
        <v>12</v>
      </c>
      <c r="W1525">
        <v>12</v>
      </c>
      <c r="X1525">
        <v>12</v>
      </c>
      <c r="Y1525">
        <v>12</v>
      </c>
      <c r="Z1525">
        <v>12</v>
      </c>
      <c r="AA1525">
        <v>12</v>
      </c>
      <c r="AB1525">
        <v>12</v>
      </c>
      <c r="AC1525">
        <v>13</v>
      </c>
      <c r="AD1525">
        <v>13</v>
      </c>
      <c r="AE1525">
        <v>13</v>
      </c>
      <c r="AF1525">
        <v>13</v>
      </c>
      <c r="AG1525">
        <v>13</v>
      </c>
      <c r="AH1525">
        <v>13</v>
      </c>
      <c r="AI1525">
        <v>13</v>
      </c>
      <c r="AJ1525">
        <v>13</v>
      </c>
      <c r="AK1525">
        <v>13</v>
      </c>
      <c r="AL1525">
        <v>13</v>
      </c>
      <c r="AM1525">
        <v>13</v>
      </c>
      <c r="AN1525">
        <v>13</v>
      </c>
      <c r="AO1525">
        <v>12</v>
      </c>
      <c r="AP1525">
        <v>12</v>
      </c>
      <c r="AQ1525">
        <v>12</v>
      </c>
    </row>
    <row r="1526" spans="1:43">
      <c r="A1526" t="s">
        <v>1028</v>
      </c>
      <c r="B1526" t="s">
        <v>1029</v>
      </c>
      <c r="C1526" t="s">
        <v>889</v>
      </c>
      <c r="D1526" t="s">
        <v>890</v>
      </c>
      <c r="E1526" t="s">
        <v>847</v>
      </c>
      <c r="F1526" t="s">
        <v>848</v>
      </c>
      <c r="G1526" t="s">
        <v>80</v>
      </c>
      <c r="H1526" t="s">
        <v>81</v>
      </c>
      <c r="I1526" s="2">
        <v>0</v>
      </c>
      <c r="J1526" s="2">
        <v>1</v>
      </c>
      <c r="K1526" s="2">
        <v>0</v>
      </c>
      <c r="L1526" t="s">
        <v>82</v>
      </c>
      <c r="M1526" t="s">
        <v>83</v>
      </c>
      <c r="N1526" t="s">
        <v>84</v>
      </c>
      <c r="O1526" t="s">
        <v>85</v>
      </c>
      <c r="P1526" t="s">
        <v>86</v>
      </c>
      <c r="Q1526">
        <v>3</v>
      </c>
      <c r="R1526">
        <v>3</v>
      </c>
      <c r="S1526">
        <v>3</v>
      </c>
      <c r="T1526">
        <v>3</v>
      </c>
      <c r="U1526">
        <v>3</v>
      </c>
      <c r="V1526">
        <v>3</v>
      </c>
      <c r="W1526">
        <v>3</v>
      </c>
      <c r="X1526">
        <v>3</v>
      </c>
      <c r="Y1526">
        <v>3</v>
      </c>
      <c r="Z1526">
        <v>3</v>
      </c>
      <c r="AA1526">
        <v>3</v>
      </c>
      <c r="AB1526">
        <v>3</v>
      </c>
      <c r="AC1526">
        <v>3</v>
      </c>
      <c r="AD1526">
        <v>3</v>
      </c>
      <c r="AE1526">
        <v>3</v>
      </c>
      <c r="AF1526">
        <v>3</v>
      </c>
      <c r="AG1526">
        <v>3</v>
      </c>
      <c r="AH1526">
        <v>3</v>
      </c>
      <c r="AI1526">
        <v>3</v>
      </c>
      <c r="AJ1526">
        <v>3</v>
      </c>
      <c r="AK1526">
        <v>3</v>
      </c>
      <c r="AL1526">
        <v>3</v>
      </c>
      <c r="AM1526">
        <v>3</v>
      </c>
      <c r="AN1526">
        <v>3</v>
      </c>
      <c r="AO1526">
        <v>3</v>
      </c>
      <c r="AP1526">
        <v>3</v>
      </c>
      <c r="AQ1526">
        <v>3</v>
      </c>
    </row>
    <row r="1527" spans="1:43">
      <c r="A1527" t="s">
        <v>1028</v>
      </c>
      <c r="B1527" t="s">
        <v>1029</v>
      </c>
      <c r="C1527" t="s">
        <v>889</v>
      </c>
      <c r="D1527" t="s">
        <v>890</v>
      </c>
      <c r="E1527" t="s">
        <v>847</v>
      </c>
      <c r="F1527" t="s">
        <v>848</v>
      </c>
      <c r="G1527" t="s">
        <v>80</v>
      </c>
      <c r="H1527" t="s">
        <v>81</v>
      </c>
      <c r="I1527" s="2">
        <v>0</v>
      </c>
      <c r="J1527" s="2">
        <v>1</v>
      </c>
      <c r="K1527" s="2">
        <v>0</v>
      </c>
      <c r="L1527" t="s">
        <v>82</v>
      </c>
      <c r="M1527" t="s">
        <v>87</v>
      </c>
      <c r="N1527" t="s">
        <v>88</v>
      </c>
      <c r="O1527" t="s">
        <v>85</v>
      </c>
      <c r="P1527" t="s">
        <v>86</v>
      </c>
      <c r="Q1527">
        <v>3</v>
      </c>
      <c r="R1527">
        <v>3</v>
      </c>
      <c r="S1527">
        <v>3</v>
      </c>
      <c r="T1527">
        <v>3</v>
      </c>
      <c r="U1527">
        <v>3</v>
      </c>
      <c r="V1527">
        <v>3</v>
      </c>
      <c r="W1527">
        <v>3</v>
      </c>
      <c r="X1527">
        <v>3</v>
      </c>
      <c r="Y1527">
        <v>3</v>
      </c>
      <c r="Z1527">
        <v>3</v>
      </c>
      <c r="AA1527">
        <v>3</v>
      </c>
      <c r="AB1527">
        <v>3</v>
      </c>
      <c r="AC1527">
        <v>3</v>
      </c>
      <c r="AD1527">
        <v>3</v>
      </c>
      <c r="AE1527">
        <v>3</v>
      </c>
      <c r="AF1527">
        <v>3</v>
      </c>
      <c r="AG1527">
        <v>3</v>
      </c>
      <c r="AH1527">
        <v>3</v>
      </c>
      <c r="AI1527">
        <v>3</v>
      </c>
      <c r="AJ1527">
        <v>3</v>
      </c>
      <c r="AK1527">
        <v>3</v>
      </c>
      <c r="AL1527">
        <v>3</v>
      </c>
      <c r="AM1527">
        <v>3</v>
      </c>
      <c r="AN1527">
        <v>3</v>
      </c>
      <c r="AO1527">
        <v>3</v>
      </c>
      <c r="AP1527">
        <v>3</v>
      </c>
      <c r="AQ1527">
        <v>3</v>
      </c>
    </row>
    <row r="1528" spans="1:43">
      <c r="A1528" t="s">
        <v>1028</v>
      </c>
      <c r="B1528" t="s">
        <v>1029</v>
      </c>
      <c r="C1528" t="s">
        <v>889</v>
      </c>
      <c r="D1528" t="s">
        <v>890</v>
      </c>
      <c r="E1528" t="s">
        <v>847</v>
      </c>
      <c r="F1528" t="s">
        <v>848</v>
      </c>
      <c r="G1528" t="s">
        <v>80</v>
      </c>
      <c r="H1528" t="s">
        <v>81</v>
      </c>
      <c r="I1528" s="2">
        <v>0</v>
      </c>
      <c r="J1528" s="2">
        <v>1</v>
      </c>
      <c r="K1528" s="2">
        <v>0</v>
      </c>
      <c r="L1528" t="s">
        <v>82</v>
      </c>
      <c r="M1528" t="s">
        <v>89</v>
      </c>
      <c r="N1528" t="s">
        <v>90</v>
      </c>
      <c r="O1528" t="s">
        <v>85</v>
      </c>
      <c r="P1528" t="s">
        <v>86</v>
      </c>
      <c r="Q1528">
        <v>3</v>
      </c>
      <c r="R1528">
        <v>3</v>
      </c>
      <c r="S1528">
        <v>3</v>
      </c>
      <c r="T1528">
        <v>3</v>
      </c>
      <c r="U1528">
        <v>3</v>
      </c>
      <c r="V1528">
        <v>3</v>
      </c>
      <c r="W1528">
        <v>3</v>
      </c>
      <c r="X1528">
        <v>3</v>
      </c>
      <c r="Y1528">
        <v>3</v>
      </c>
      <c r="Z1528">
        <v>3</v>
      </c>
      <c r="AA1528">
        <v>3</v>
      </c>
      <c r="AB1528">
        <v>3</v>
      </c>
      <c r="AC1528">
        <v>3</v>
      </c>
      <c r="AD1528">
        <v>3</v>
      </c>
      <c r="AE1528">
        <v>3</v>
      </c>
      <c r="AF1528">
        <v>3</v>
      </c>
      <c r="AG1528">
        <v>3</v>
      </c>
      <c r="AH1528">
        <v>3</v>
      </c>
      <c r="AI1528">
        <v>3</v>
      </c>
      <c r="AJ1528">
        <v>3</v>
      </c>
      <c r="AK1528">
        <v>3</v>
      </c>
      <c r="AL1528">
        <v>3</v>
      </c>
      <c r="AM1528">
        <v>3</v>
      </c>
      <c r="AN1528">
        <v>3</v>
      </c>
      <c r="AO1528">
        <v>3</v>
      </c>
      <c r="AP1528">
        <v>3</v>
      </c>
      <c r="AQ1528">
        <v>3</v>
      </c>
    </row>
    <row r="1529" spans="1:43">
      <c r="A1529" t="s">
        <v>1028</v>
      </c>
      <c r="B1529" t="s">
        <v>1029</v>
      </c>
      <c r="C1529" t="s">
        <v>889</v>
      </c>
      <c r="D1529" t="s">
        <v>890</v>
      </c>
      <c r="E1529" t="s">
        <v>847</v>
      </c>
      <c r="F1529" t="s">
        <v>848</v>
      </c>
      <c r="G1529" t="s">
        <v>80</v>
      </c>
      <c r="H1529" t="s">
        <v>81</v>
      </c>
      <c r="I1529" s="2">
        <v>0</v>
      </c>
      <c r="J1529" s="2">
        <v>1</v>
      </c>
      <c r="K1529" s="2">
        <v>0</v>
      </c>
      <c r="L1529" t="s">
        <v>82</v>
      </c>
      <c r="M1529" t="s">
        <v>83</v>
      </c>
      <c r="N1529" t="s">
        <v>91</v>
      </c>
      <c r="O1529" t="s">
        <v>85</v>
      </c>
      <c r="P1529" t="s">
        <v>86</v>
      </c>
      <c r="Q1529">
        <v>3</v>
      </c>
      <c r="R1529">
        <v>3</v>
      </c>
      <c r="S1529">
        <v>3</v>
      </c>
      <c r="T1529">
        <v>3</v>
      </c>
      <c r="U1529">
        <v>3</v>
      </c>
      <c r="V1529">
        <v>3</v>
      </c>
      <c r="W1529">
        <v>3</v>
      </c>
      <c r="X1529">
        <v>3</v>
      </c>
      <c r="Y1529">
        <v>3</v>
      </c>
      <c r="Z1529">
        <v>3</v>
      </c>
      <c r="AA1529">
        <v>3</v>
      </c>
      <c r="AB1529">
        <v>3</v>
      </c>
      <c r="AC1529">
        <v>3</v>
      </c>
      <c r="AD1529">
        <v>3</v>
      </c>
      <c r="AE1529">
        <v>3</v>
      </c>
      <c r="AF1529">
        <v>3</v>
      </c>
      <c r="AG1529">
        <v>3</v>
      </c>
      <c r="AH1529">
        <v>3</v>
      </c>
      <c r="AI1529">
        <v>3</v>
      </c>
      <c r="AJ1529">
        <v>3</v>
      </c>
      <c r="AK1529">
        <v>3</v>
      </c>
      <c r="AL1529">
        <v>3</v>
      </c>
      <c r="AM1529">
        <v>3</v>
      </c>
      <c r="AN1529">
        <v>3</v>
      </c>
      <c r="AO1529">
        <v>3</v>
      </c>
      <c r="AP1529">
        <v>3</v>
      </c>
      <c r="AQ1529">
        <v>3</v>
      </c>
    </row>
    <row r="1530" spans="1:43">
      <c r="A1530" t="s">
        <v>1030</v>
      </c>
      <c r="B1530" t="s">
        <v>1031</v>
      </c>
      <c r="C1530" t="s">
        <v>1032</v>
      </c>
      <c r="D1530" t="s">
        <v>1033</v>
      </c>
      <c r="E1530" t="s">
        <v>847</v>
      </c>
      <c r="F1530" t="s">
        <v>848</v>
      </c>
      <c r="G1530" t="s">
        <v>80</v>
      </c>
      <c r="H1530" t="s">
        <v>81</v>
      </c>
      <c r="I1530" s="2">
        <v>0</v>
      </c>
      <c r="J1530" s="2">
        <v>1</v>
      </c>
      <c r="K1530" s="2">
        <v>0</v>
      </c>
      <c r="L1530" t="s">
        <v>82</v>
      </c>
      <c r="M1530" t="s">
        <v>83</v>
      </c>
      <c r="N1530" t="s">
        <v>84</v>
      </c>
      <c r="O1530" t="s">
        <v>85</v>
      </c>
      <c r="P1530" t="s">
        <v>86</v>
      </c>
      <c r="Q1530">
        <v>7</v>
      </c>
      <c r="R1530">
        <v>7</v>
      </c>
      <c r="S1530">
        <v>7</v>
      </c>
      <c r="T1530">
        <v>7</v>
      </c>
      <c r="U1530">
        <v>7</v>
      </c>
      <c r="V1530">
        <v>7</v>
      </c>
      <c r="W1530">
        <v>7</v>
      </c>
      <c r="X1530">
        <v>7</v>
      </c>
      <c r="Y1530">
        <v>7</v>
      </c>
      <c r="Z1530">
        <v>7</v>
      </c>
      <c r="AA1530">
        <v>7</v>
      </c>
      <c r="AB1530">
        <v>7</v>
      </c>
      <c r="AC1530">
        <v>7</v>
      </c>
      <c r="AD1530">
        <v>7</v>
      </c>
      <c r="AE1530">
        <v>7</v>
      </c>
      <c r="AF1530">
        <v>7</v>
      </c>
      <c r="AG1530">
        <v>7</v>
      </c>
      <c r="AH1530">
        <v>7</v>
      </c>
      <c r="AI1530">
        <v>7</v>
      </c>
      <c r="AJ1530">
        <v>7</v>
      </c>
      <c r="AK1530">
        <v>7</v>
      </c>
      <c r="AL1530">
        <v>7</v>
      </c>
      <c r="AM1530">
        <v>7</v>
      </c>
      <c r="AN1530">
        <v>7</v>
      </c>
      <c r="AO1530">
        <v>7</v>
      </c>
      <c r="AP1530">
        <v>7</v>
      </c>
      <c r="AQ1530">
        <v>7</v>
      </c>
    </row>
    <row r="1531" spans="1:43">
      <c r="A1531" t="s">
        <v>1030</v>
      </c>
      <c r="B1531" t="s">
        <v>1031</v>
      </c>
      <c r="C1531" t="s">
        <v>1032</v>
      </c>
      <c r="D1531" t="s">
        <v>1033</v>
      </c>
      <c r="E1531" t="s">
        <v>847</v>
      </c>
      <c r="F1531" t="s">
        <v>848</v>
      </c>
      <c r="G1531" t="s">
        <v>80</v>
      </c>
      <c r="H1531" t="s">
        <v>81</v>
      </c>
      <c r="I1531" s="2">
        <v>0</v>
      </c>
      <c r="J1531" s="2">
        <v>1</v>
      </c>
      <c r="K1531" s="2">
        <v>0</v>
      </c>
      <c r="L1531" t="s">
        <v>82</v>
      </c>
      <c r="M1531" t="s">
        <v>87</v>
      </c>
      <c r="N1531" t="s">
        <v>88</v>
      </c>
      <c r="O1531" t="s">
        <v>85</v>
      </c>
      <c r="P1531" t="s">
        <v>86</v>
      </c>
      <c r="Q1531">
        <v>7</v>
      </c>
      <c r="R1531">
        <v>7</v>
      </c>
      <c r="S1531">
        <v>7</v>
      </c>
      <c r="T1531">
        <v>6</v>
      </c>
      <c r="U1531">
        <v>6</v>
      </c>
      <c r="V1531">
        <v>6</v>
      </c>
      <c r="W1531">
        <v>6</v>
      </c>
      <c r="X1531">
        <v>6</v>
      </c>
      <c r="Y1531">
        <v>6</v>
      </c>
      <c r="Z1531">
        <v>6</v>
      </c>
      <c r="AA1531">
        <v>6</v>
      </c>
      <c r="AB1531">
        <v>6</v>
      </c>
      <c r="AC1531">
        <v>6</v>
      </c>
      <c r="AD1531">
        <v>6</v>
      </c>
      <c r="AE1531">
        <v>6</v>
      </c>
      <c r="AF1531">
        <v>6</v>
      </c>
      <c r="AG1531">
        <v>6</v>
      </c>
      <c r="AH1531">
        <v>6</v>
      </c>
      <c r="AI1531">
        <v>6</v>
      </c>
      <c r="AJ1531">
        <v>6</v>
      </c>
      <c r="AK1531">
        <v>6</v>
      </c>
      <c r="AL1531">
        <v>6</v>
      </c>
      <c r="AM1531">
        <v>6</v>
      </c>
      <c r="AN1531">
        <v>6</v>
      </c>
      <c r="AO1531">
        <v>6</v>
      </c>
      <c r="AP1531">
        <v>6</v>
      </c>
      <c r="AQ1531">
        <v>6</v>
      </c>
    </row>
    <row r="1532" spans="1:43">
      <c r="A1532" t="s">
        <v>1030</v>
      </c>
      <c r="B1532" t="s">
        <v>1031</v>
      </c>
      <c r="C1532" t="s">
        <v>1032</v>
      </c>
      <c r="D1532" t="s">
        <v>1033</v>
      </c>
      <c r="E1532" t="s">
        <v>847</v>
      </c>
      <c r="F1532" t="s">
        <v>848</v>
      </c>
      <c r="G1532" t="s">
        <v>80</v>
      </c>
      <c r="H1532" t="s">
        <v>81</v>
      </c>
      <c r="I1532" s="2">
        <v>0</v>
      </c>
      <c r="J1532" s="2">
        <v>1</v>
      </c>
      <c r="K1532" s="2">
        <v>0</v>
      </c>
      <c r="L1532" t="s">
        <v>82</v>
      </c>
      <c r="M1532" t="s">
        <v>89</v>
      </c>
      <c r="N1532" t="s">
        <v>90</v>
      </c>
      <c r="O1532" t="s">
        <v>85</v>
      </c>
      <c r="P1532" t="s">
        <v>86</v>
      </c>
      <c r="Q1532">
        <v>7</v>
      </c>
      <c r="R1532">
        <v>7</v>
      </c>
      <c r="S1532">
        <v>7</v>
      </c>
      <c r="T1532">
        <v>7</v>
      </c>
      <c r="U1532">
        <v>7</v>
      </c>
      <c r="V1532">
        <v>7</v>
      </c>
      <c r="W1532">
        <v>7</v>
      </c>
      <c r="X1532">
        <v>7</v>
      </c>
      <c r="Y1532">
        <v>7</v>
      </c>
      <c r="Z1532">
        <v>7</v>
      </c>
      <c r="AA1532">
        <v>7</v>
      </c>
      <c r="AB1532">
        <v>8</v>
      </c>
      <c r="AC1532">
        <v>8</v>
      </c>
      <c r="AD1532">
        <v>8</v>
      </c>
      <c r="AE1532">
        <v>8</v>
      </c>
      <c r="AF1532">
        <v>8</v>
      </c>
      <c r="AG1532">
        <v>8</v>
      </c>
      <c r="AH1532">
        <v>8</v>
      </c>
      <c r="AI1532">
        <v>8</v>
      </c>
      <c r="AJ1532">
        <v>8</v>
      </c>
      <c r="AK1532">
        <v>8</v>
      </c>
      <c r="AL1532">
        <v>8</v>
      </c>
      <c r="AM1532">
        <v>8</v>
      </c>
      <c r="AN1532">
        <v>7</v>
      </c>
      <c r="AO1532">
        <v>7</v>
      </c>
      <c r="AP1532">
        <v>7</v>
      </c>
      <c r="AQ1532">
        <v>7</v>
      </c>
    </row>
    <row r="1533" spans="1:43">
      <c r="A1533" t="s">
        <v>1030</v>
      </c>
      <c r="B1533" t="s">
        <v>1031</v>
      </c>
      <c r="C1533" t="s">
        <v>1032</v>
      </c>
      <c r="D1533" t="s">
        <v>1033</v>
      </c>
      <c r="E1533" t="s">
        <v>847</v>
      </c>
      <c r="F1533" t="s">
        <v>848</v>
      </c>
      <c r="G1533" t="s">
        <v>80</v>
      </c>
      <c r="H1533" t="s">
        <v>81</v>
      </c>
      <c r="I1533" s="2">
        <v>0</v>
      </c>
      <c r="J1533" s="2">
        <v>1</v>
      </c>
      <c r="K1533" s="2">
        <v>0</v>
      </c>
      <c r="L1533" t="s">
        <v>82</v>
      </c>
      <c r="M1533" t="s">
        <v>83</v>
      </c>
      <c r="N1533" t="s">
        <v>91</v>
      </c>
      <c r="O1533" t="s">
        <v>85</v>
      </c>
      <c r="P1533" t="s">
        <v>86</v>
      </c>
      <c r="Q1533">
        <v>7</v>
      </c>
      <c r="R1533">
        <v>7</v>
      </c>
      <c r="S1533">
        <v>7</v>
      </c>
      <c r="T1533">
        <v>7</v>
      </c>
      <c r="U1533">
        <v>7</v>
      </c>
      <c r="V1533">
        <v>7</v>
      </c>
      <c r="W1533">
        <v>7</v>
      </c>
      <c r="X1533">
        <v>7</v>
      </c>
      <c r="Y1533">
        <v>7</v>
      </c>
      <c r="Z1533">
        <v>7</v>
      </c>
      <c r="AA1533">
        <v>7</v>
      </c>
      <c r="AB1533">
        <v>7</v>
      </c>
      <c r="AC1533">
        <v>7</v>
      </c>
      <c r="AD1533">
        <v>7</v>
      </c>
      <c r="AE1533">
        <v>7</v>
      </c>
      <c r="AF1533">
        <v>7</v>
      </c>
      <c r="AG1533">
        <v>7</v>
      </c>
      <c r="AH1533">
        <v>7</v>
      </c>
      <c r="AI1533">
        <v>7</v>
      </c>
      <c r="AJ1533">
        <v>7</v>
      </c>
      <c r="AK1533">
        <v>7</v>
      </c>
      <c r="AL1533">
        <v>7</v>
      </c>
      <c r="AM1533">
        <v>7</v>
      </c>
      <c r="AN1533">
        <v>7</v>
      </c>
      <c r="AO1533">
        <v>7</v>
      </c>
      <c r="AP1533">
        <v>7</v>
      </c>
      <c r="AQ1533">
        <v>7</v>
      </c>
    </row>
    <row r="1534" spans="1:43">
      <c r="A1534" t="s">
        <v>1034</v>
      </c>
      <c r="B1534" t="s">
        <v>1035</v>
      </c>
      <c r="C1534" t="s">
        <v>1032</v>
      </c>
      <c r="D1534" t="s">
        <v>1033</v>
      </c>
      <c r="E1534" t="s">
        <v>847</v>
      </c>
      <c r="F1534" t="s">
        <v>848</v>
      </c>
      <c r="G1534" t="s">
        <v>80</v>
      </c>
      <c r="H1534" t="s">
        <v>81</v>
      </c>
      <c r="I1534" s="2">
        <v>0</v>
      </c>
      <c r="J1534" s="2">
        <v>1</v>
      </c>
      <c r="K1534" s="2">
        <v>0</v>
      </c>
      <c r="L1534" t="s">
        <v>82</v>
      </c>
      <c r="M1534" t="s">
        <v>83</v>
      </c>
      <c r="N1534" t="s">
        <v>84</v>
      </c>
      <c r="O1534" t="s">
        <v>85</v>
      </c>
      <c r="P1534" t="s">
        <v>86</v>
      </c>
      <c r="Q1534">
        <v>6</v>
      </c>
      <c r="R1534">
        <v>6</v>
      </c>
      <c r="S1534">
        <v>6</v>
      </c>
      <c r="T1534">
        <v>6</v>
      </c>
      <c r="U1534">
        <v>6</v>
      </c>
      <c r="V1534">
        <v>6</v>
      </c>
      <c r="W1534">
        <v>6</v>
      </c>
      <c r="X1534">
        <v>6</v>
      </c>
      <c r="Y1534">
        <v>6</v>
      </c>
      <c r="Z1534">
        <v>6</v>
      </c>
      <c r="AA1534">
        <v>6</v>
      </c>
      <c r="AB1534">
        <v>6</v>
      </c>
      <c r="AC1534">
        <v>6</v>
      </c>
      <c r="AD1534">
        <v>6</v>
      </c>
      <c r="AE1534">
        <v>6</v>
      </c>
      <c r="AF1534">
        <v>6</v>
      </c>
      <c r="AG1534">
        <v>6</v>
      </c>
      <c r="AH1534">
        <v>6</v>
      </c>
      <c r="AI1534">
        <v>6</v>
      </c>
      <c r="AJ1534">
        <v>6</v>
      </c>
      <c r="AK1534">
        <v>6</v>
      </c>
      <c r="AL1534">
        <v>6</v>
      </c>
      <c r="AM1534">
        <v>6</v>
      </c>
      <c r="AN1534">
        <v>6</v>
      </c>
      <c r="AO1534">
        <v>6</v>
      </c>
      <c r="AP1534">
        <v>6</v>
      </c>
      <c r="AQ1534">
        <v>6</v>
      </c>
    </row>
    <row r="1535" spans="1:43">
      <c r="A1535" t="s">
        <v>1034</v>
      </c>
      <c r="B1535" t="s">
        <v>1035</v>
      </c>
      <c r="C1535" t="s">
        <v>1032</v>
      </c>
      <c r="D1535" t="s">
        <v>1033</v>
      </c>
      <c r="E1535" t="s">
        <v>847</v>
      </c>
      <c r="F1535" t="s">
        <v>848</v>
      </c>
      <c r="G1535" t="s">
        <v>80</v>
      </c>
      <c r="H1535" t="s">
        <v>81</v>
      </c>
      <c r="I1535" s="2">
        <v>0</v>
      </c>
      <c r="J1535" s="2">
        <v>1</v>
      </c>
      <c r="K1535" s="2">
        <v>0</v>
      </c>
      <c r="L1535" t="s">
        <v>82</v>
      </c>
      <c r="M1535" t="s">
        <v>87</v>
      </c>
      <c r="N1535" t="s">
        <v>88</v>
      </c>
      <c r="O1535" t="s">
        <v>85</v>
      </c>
      <c r="P1535" t="s">
        <v>86</v>
      </c>
      <c r="Q1535">
        <v>6</v>
      </c>
      <c r="R1535">
        <v>6</v>
      </c>
      <c r="S1535">
        <v>6</v>
      </c>
      <c r="T1535">
        <v>6</v>
      </c>
      <c r="U1535">
        <v>6</v>
      </c>
      <c r="V1535">
        <v>6</v>
      </c>
      <c r="W1535">
        <v>6</v>
      </c>
      <c r="X1535">
        <v>6</v>
      </c>
      <c r="Y1535">
        <v>6</v>
      </c>
      <c r="Z1535">
        <v>6</v>
      </c>
      <c r="AA1535">
        <v>6</v>
      </c>
      <c r="AB1535">
        <v>6</v>
      </c>
      <c r="AC1535">
        <v>6</v>
      </c>
      <c r="AD1535">
        <v>6</v>
      </c>
      <c r="AE1535">
        <v>6</v>
      </c>
      <c r="AF1535">
        <v>6</v>
      </c>
      <c r="AG1535">
        <v>5</v>
      </c>
      <c r="AH1535">
        <v>5</v>
      </c>
      <c r="AI1535">
        <v>5</v>
      </c>
      <c r="AJ1535">
        <v>5</v>
      </c>
      <c r="AK1535">
        <v>5</v>
      </c>
      <c r="AL1535">
        <v>5</v>
      </c>
      <c r="AM1535">
        <v>5</v>
      </c>
      <c r="AN1535">
        <v>5</v>
      </c>
      <c r="AO1535">
        <v>5</v>
      </c>
      <c r="AP1535">
        <v>5</v>
      </c>
      <c r="AQ1535">
        <v>5</v>
      </c>
    </row>
    <row r="1536" spans="1:43">
      <c r="A1536" t="s">
        <v>1034</v>
      </c>
      <c r="B1536" t="s">
        <v>1035</v>
      </c>
      <c r="C1536" t="s">
        <v>1032</v>
      </c>
      <c r="D1536" t="s">
        <v>1033</v>
      </c>
      <c r="E1536" t="s">
        <v>847</v>
      </c>
      <c r="F1536" t="s">
        <v>848</v>
      </c>
      <c r="G1536" t="s">
        <v>80</v>
      </c>
      <c r="H1536" t="s">
        <v>81</v>
      </c>
      <c r="I1536" s="2">
        <v>0</v>
      </c>
      <c r="J1536" s="2">
        <v>1</v>
      </c>
      <c r="K1536" s="2">
        <v>0</v>
      </c>
      <c r="L1536" t="s">
        <v>82</v>
      </c>
      <c r="M1536" t="s">
        <v>89</v>
      </c>
      <c r="N1536" t="s">
        <v>90</v>
      </c>
      <c r="O1536" t="s">
        <v>85</v>
      </c>
      <c r="P1536" t="s">
        <v>86</v>
      </c>
      <c r="Q1536">
        <v>6</v>
      </c>
      <c r="R1536">
        <v>6</v>
      </c>
      <c r="S1536">
        <v>6</v>
      </c>
      <c r="T1536">
        <v>6</v>
      </c>
      <c r="U1536">
        <v>6</v>
      </c>
      <c r="V1536">
        <v>6</v>
      </c>
      <c r="W1536">
        <v>6</v>
      </c>
      <c r="X1536">
        <v>6</v>
      </c>
      <c r="Y1536">
        <v>6</v>
      </c>
      <c r="Z1536">
        <v>6</v>
      </c>
      <c r="AA1536">
        <v>7</v>
      </c>
      <c r="AB1536">
        <v>7</v>
      </c>
      <c r="AC1536">
        <v>7</v>
      </c>
      <c r="AD1536">
        <v>7</v>
      </c>
      <c r="AE1536">
        <v>7</v>
      </c>
      <c r="AF1536">
        <v>7</v>
      </c>
      <c r="AG1536">
        <v>7</v>
      </c>
      <c r="AH1536">
        <v>7</v>
      </c>
      <c r="AI1536">
        <v>7</v>
      </c>
      <c r="AJ1536">
        <v>7</v>
      </c>
      <c r="AK1536">
        <v>6</v>
      </c>
      <c r="AL1536">
        <v>6</v>
      </c>
      <c r="AM1536">
        <v>6</v>
      </c>
      <c r="AN1536">
        <v>6</v>
      </c>
      <c r="AO1536">
        <v>6</v>
      </c>
      <c r="AP1536">
        <v>6</v>
      </c>
      <c r="AQ1536">
        <v>6</v>
      </c>
    </row>
    <row r="1537" spans="1:43">
      <c r="A1537" t="s">
        <v>1034</v>
      </c>
      <c r="B1537" t="s">
        <v>1035</v>
      </c>
      <c r="C1537" t="s">
        <v>1032</v>
      </c>
      <c r="D1537" t="s">
        <v>1033</v>
      </c>
      <c r="E1537" t="s">
        <v>847</v>
      </c>
      <c r="F1537" t="s">
        <v>848</v>
      </c>
      <c r="G1537" t="s">
        <v>80</v>
      </c>
      <c r="H1537" t="s">
        <v>81</v>
      </c>
      <c r="I1537" s="2">
        <v>0</v>
      </c>
      <c r="J1537" s="2">
        <v>1</v>
      </c>
      <c r="K1537" s="2">
        <v>0</v>
      </c>
      <c r="L1537" t="s">
        <v>82</v>
      </c>
      <c r="M1537" t="s">
        <v>83</v>
      </c>
      <c r="N1537" t="s">
        <v>91</v>
      </c>
      <c r="O1537" t="s">
        <v>85</v>
      </c>
      <c r="P1537" t="s">
        <v>86</v>
      </c>
      <c r="Q1537">
        <v>6</v>
      </c>
      <c r="R1537">
        <v>6</v>
      </c>
      <c r="S1537">
        <v>6</v>
      </c>
      <c r="T1537">
        <v>6</v>
      </c>
      <c r="U1537">
        <v>6</v>
      </c>
      <c r="V1537">
        <v>6</v>
      </c>
      <c r="W1537">
        <v>6</v>
      </c>
      <c r="X1537">
        <v>6</v>
      </c>
      <c r="Y1537">
        <v>6</v>
      </c>
      <c r="Z1537">
        <v>6</v>
      </c>
      <c r="AA1537">
        <v>6</v>
      </c>
      <c r="AB1537">
        <v>6</v>
      </c>
      <c r="AC1537">
        <v>6</v>
      </c>
      <c r="AD1537">
        <v>6</v>
      </c>
      <c r="AE1537">
        <v>6</v>
      </c>
      <c r="AF1537">
        <v>6</v>
      </c>
      <c r="AG1537">
        <v>6</v>
      </c>
      <c r="AH1537">
        <v>6</v>
      </c>
      <c r="AI1537">
        <v>6</v>
      </c>
      <c r="AJ1537">
        <v>6</v>
      </c>
      <c r="AK1537">
        <v>6</v>
      </c>
      <c r="AL1537">
        <v>6</v>
      </c>
      <c r="AM1537">
        <v>6</v>
      </c>
      <c r="AN1537">
        <v>6</v>
      </c>
      <c r="AO1537">
        <v>6</v>
      </c>
      <c r="AP1537">
        <v>6</v>
      </c>
      <c r="AQ1537">
        <v>6</v>
      </c>
    </row>
    <row r="1538" spans="1:43">
      <c r="A1538" t="s">
        <v>1036</v>
      </c>
      <c r="B1538" t="s">
        <v>1037</v>
      </c>
      <c r="C1538" t="s">
        <v>1032</v>
      </c>
      <c r="D1538" t="s">
        <v>1033</v>
      </c>
      <c r="E1538" t="s">
        <v>847</v>
      </c>
      <c r="F1538" t="s">
        <v>848</v>
      </c>
      <c r="G1538" t="s">
        <v>80</v>
      </c>
      <c r="H1538" t="s">
        <v>81</v>
      </c>
      <c r="I1538" s="2">
        <v>0</v>
      </c>
      <c r="J1538" s="2">
        <v>1</v>
      </c>
      <c r="K1538" s="2">
        <v>0</v>
      </c>
      <c r="L1538" t="s">
        <v>82</v>
      </c>
      <c r="M1538" t="s">
        <v>83</v>
      </c>
      <c r="N1538" t="s">
        <v>84</v>
      </c>
      <c r="O1538" t="s">
        <v>85</v>
      </c>
      <c r="P1538" t="s">
        <v>86</v>
      </c>
      <c r="Q1538">
        <v>39</v>
      </c>
      <c r="R1538">
        <v>39</v>
      </c>
      <c r="S1538">
        <v>39</v>
      </c>
      <c r="T1538">
        <v>40</v>
      </c>
      <c r="U1538">
        <v>40</v>
      </c>
      <c r="V1538">
        <v>40</v>
      </c>
      <c r="W1538">
        <v>40</v>
      </c>
      <c r="X1538">
        <v>41</v>
      </c>
      <c r="Y1538">
        <v>41</v>
      </c>
      <c r="Z1538">
        <v>41</v>
      </c>
      <c r="AA1538">
        <v>41</v>
      </c>
      <c r="AB1538">
        <v>42</v>
      </c>
      <c r="AC1538">
        <v>42</v>
      </c>
      <c r="AD1538">
        <v>42</v>
      </c>
      <c r="AE1538">
        <v>42</v>
      </c>
      <c r="AF1538">
        <v>42</v>
      </c>
      <c r="AG1538">
        <v>43</v>
      </c>
      <c r="AH1538">
        <v>43</v>
      </c>
      <c r="AI1538">
        <v>43</v>
      </c>
      <c r="AJ1538">
        <v>43</v>
      </c>
      <c r="AK1538">
        <v>43</v>
      </c>
      <c r="AL1538">
        <v>43</v>
      </c>
      <c r="AM1538">
        <v>43</v>
      </c>
      <c r="AN1538">
        <v>43</v>
      </c>
      <c r="AO1538">
        <v>43</v>
      </c>
      <c r="AP1538">
        <v>43</v>
      </c>
      <c r="AQ1538">
        <v>43</v>
      </c>
    </row>
    <row r="1539" spans="1:43">
      <c r="A1539" t="s">
        <v>1036</v>
      </c>
      <c r="B1539" t="s">
        <v>1037</v>
      </c>
      <c r="C1539" t="s">
        <v>1032</v>
      </c>
      <c r="D1539" t="s">
        <v>1033</v>
      </c>
      <c r="E1539" t="s">
        <v>847</v>
      </c>
      <c r="F1539" t="s">
        <v>848</v>
      </c>
      <c r="G1539" t="s">
        <v>80</v>
      </c>
      <c r="H1539" t="s">
        <v>81</v>
      </c>
      <c r="I1539" s="2">
        <v>0</v>
      </c>
      <c r="J1539" s="2">
        <v>1</v>
      </c>
      <c r="K1539" s="2">
        <v>0</v>
      </c>
      <c r="L1539" t="s">
        <v>82</v>
      </c>
      <c r="M1539" t="s">
        <v>87</v>
      </c>
      <c r="N1539" t="s">
        <v>88</v>
      </c>
      <c r="O1539" t="s">
        <v>85</v>
      </c>
      <c r="P1539" t="s">
        <v>86</v>
      </c>
      <c r="Q1539">
        <v>39</v>
      </c>
      <c r="R1539">
        <v>39</v>
      </c>
      <c r="S1539">
        <v>39</v>
      </c>
      <c r="T1539">
        <v>39</v>
      </c>
      <c r="U1539">
        <v>39</v>
      </c>
      <c r="V1539">
        <v>39</v>
      </c>
      <c r="W1539">
        <v>39</v>
      </c>
      <c r="X1539">
        <v>39</v>
      </c>
      <c r="Y1539">
        <v>39</v>
      </c>
      <c r="Z1539">
        <v>39</v>
      </c>
      <c r="AA1539">
        <v>39</v>
      </c>
      <c r="AB1539">
        <v>39</v>
      </c>
      <c r="AC1539">
        <v>38</v>
      </c>
      <c r="AD1539">
        <v>38</v>
      </c>
      <c r="AE1539">
        <v>38</v>
      </c>
      <c r="AF1539">
        <v>38</v>
      </c>
      <c r="AG1539">
        <v>38</v>
      </c>
      <c r="AH1539">
        <v>38</v>
      </c>
      <c r="AI1539">
        <v>38</v>
      </c>
      <c r="AJ1539">
        <v>38</v>
      </c>
      <c r="AK1539">
        <v>38</v>
      </c>
      <c r="AL1539">
        <v>38</v>
      </c>
      <c r="AM1539">
        <v>38</v>
      </c>
      <c r="AN1539">
        <v>38</v>
      </c>
      <c r="AO1539">
        <v>38</v>
      </c>
      <c r="AP1539">
        <v>38</v>
      </c>
      <c r="AQ1539">
        <v>38</v>
      </c>
    </row>
    <row r="1540" spans="1:43">
      <c r="A1540" t="s">
        <v>1036</v>
      </c>
      <c r="B1540" t="s">
        <v>1037</v>
      </c>
      <c r="C1540" t="s">
        <v>1032</v>
      </c>
      <c r="D1540" t="s">
        <v>1033</v>
      </c>
      <c r="E1540" t="s">
        <v>847</v>
      </c>
      <c r="F1540" t="s">
        <v>848</v>
      </c>
      <c r="G1540" t="s">
        <v>80</v>
      </c>
      <c r="H1540" t="s">
        <v>81</v>
      </c>
      <c r="I1540" s="2">
        <v>0</v>
      </c>
      <c r="J1540" s="2">
        <v>1</v>
      </c>
      <c r="K1540" s="2">
        <v>0</v>
      </c>
      <c r="L1540" t="s">
        <v>82</v>
      </c>
      <c r="M1540" t="s">
        <v>89</v>
      </c>
      <c r="N1540" t="s">
        <v>90</v>
      </c>
      <c r="O1540" t="s">
        <v>85</v>
      </c>
      <c r="P1540" t="s">
        <v>86</v>
      </c>
      <c r="Q1540">
        <v>39</v>
      </c>
      <c r="R1540">
        <v>40</v>
      </c>
      <c r="S1540">
        <v>40</v>
      </c>
      <c r="T1540">
        <v>41</v>
      </c>
      <c r="U1540">
        <v>41</v>
      </c>
      <c r="V1540">
        <v>42</v>
      </c>
      <c r="W1540">
        <v>42</v>
      </c>
      <c r="X1540">
        <v>43</v>
      </c>
      <c r="Y1540">
        <v>43</v>
      </c>
      <c r="Z1540">
        <v>44</v>
      </c>
      <c r="AA1540">
        <v>44</v>
      </c>
      <c r="AB1540">
        <v>44</v>
      </c>
      <c r="AC1540">
        <v>45</v>
      </c>
      <c r="AD1540">
        <v>45</v>
      </c>
      <c r="AE1540">
        <v>45</v>
      </c>
      <c r="AF1540">
        <v>45</v>
      </c>
      <c r="AG1540">
        <v>45</v>
      </c>
      <c r="AH1540">
        <v>45</v>
      </c>
      <c r="AI1540">
        <v>45</v>
      </c>
      <c r="AJ1540">
        <v>45</v>
      </c>
      <c r="AK1540">
        <v>44</v>
      </c>
      <c r="AL1540">
        <v>44</v>
      </c>
      <c r="AM1540">
        <v>44</v>
      </c>
      <c r="AN1540">
        <v>44</v>
      </c>
      <c r="AO1540">
        <v>44</v>
      </c>
      <c r="AP1540">
        <v>44</v>
      </c>
      <c r="AQ1540">
        <v>44</v>
      </c>
    </row>
    <row r="1541" spans="1:43">
      <c r="A1541" t="s">
        <v>1036</v>
      </c>
      <c r="B1541" t="s">
        <v>1037</v>
      </c>
      <c r="C1541" t="s">
        <v>1032</v>
      </c>
      <c r="D1541" t="s">
        <v>1033</v>
      </c>
      <c r="E1541" t="s">
        <v>847</v>
      </c>
      <c r="F1541" t="s">
        <v>848</v>
      </c>
      <c r="G1541" t="s">
        <v>80</v>
      </c>
      <c r="H1541" t="s">
        <v>81</v>
      </c>
      <c r="I1541" s="2">
        <v>0</v>
      </c>
      <c r="J1541" s="2">
        <v>1</v>
      </c>
      <c r="K1541" s="2">
        <v>0</v>
      </c>
      <c r="L1541" t="s">
        <v>82</v>
      </c>
      <c r="M1541" t="s">
        <v>83</v>
      </c>
      <c r="N1541" t="s">
        <v>91</v>
      </c>
      <c r="O1541" t="s">
        <v>85</v>
      </c>
      <c r="P1541" t="s">
        <v>86</v>
      </c>
      <c r="Q1541">
        <v>39</v>
      </c>
      <c r="R1541">
        <v>39</v>
      </c>
      <c r="S1541">
        <v>39</v>
      </c>
      <c r="T1541">
        <v>40</v>
      </c>
      <c r="U1541">
        <v>40</v>
      </c>
      <c r="V1541">
        <v>40</v>
      </c>
      <c r="W1541">
        <v>40</v>
      </c>
      <c r="X1541">
        <v>41</v>
      </c>
      <c r="Y1541">
        <v>41</v>
      </c>
      <c r="Z1541">
        <v>41</v>
      </c>
      <c r="AA1541">
        <v>41</v>
      </c>
      <c r="AB1541">
        <v>42</v>
      </c>
      <c r="AC1541">
        <v>42</v>
      </c>
      <c r="AD1541">
        <v>42</v>
      </c>
      <c r="AE1541">
        <v>42</v>
      </c>
      <c r="AF1541">
        <v>42</v>
      </c>
      <c r="AG1541">
        <v>43</v>
      </c>
      <c r="AH1541">
        <v>43</v>
      </c>
      <c r="AI1541">
        <v>43</v>
      </c>
      <c r="AJ1541">
        <v>43</v>
      </c>
      <c r="AK1541">
        <v>43</v>
      </c>
      <c r="AL1541">
        <v>43</v>
      </c>
      <c r="AM1541">
        <v>43</v>
      </c>
      <c r="AN1541">
        <v>43</v>
      </c>
      <c r="AO1541">
        <v>43</v>
      </c>
      <c r="AP1541">
        <v>43</v>
      </c>
      <c r="AQ1541">
        <v>43</v>
      </c>
    </row>
    <row r="1542" spans="1:43">
      <c r="A1542" t="s">
        <v>1038</v>
      </c>
      <c r="B1542" t="s">
        <v>1039</v>
      </c>
      <c r="C1542" t="s">
        <v>1040</v>
      </c>
      <c r="D1542" t="s">
        <v>1041</v>
      </c>
      <c r="E1542" t="s">
        <v>847</v>
      </c>
      <c r="F1542" t="s">
        <v>848</v>
      </c>
      <c r="G1542" t="s">
        <v>80</v>
      </c>
      <c r="H1542" t="s">
        <v>81</v>
      </c>
      <c r="I1542" s="2">
        <v>0</v>
      </c>
      <c r="J1542" s="2">
        <v>1</v>
      </c>
      <c r="K1542" s="2">
        <v>0</v>
      </c>
      <c r="L1542" t="s">
        <v>82</v>
      </c>
      <c r="M1542" t="s">
        <v>83</v>
      </c>
      <c r="N1542" t="s">
        <v>84</v>
      </c>
      <c r="O1542" t="s">
        <v>85</v>
      </c>
      <c r="P1542" t="s">
        <v>86</v>
      </c>
      <c r="Q1542">
        <v>42</v>
      </c>
      <c r="R1542">
        <v>42</v>
      </c>
      <c r="S1542">
        <v>42</v>
      </c>
      <c r="T1542">
        <v>43</v>
      </c>
      <c r="U1542">
        <v>43</v>
      </c>
      <c r="V1542">
        <v>43</v>
      </c>
      <c r="W1542">
        <v>44</v>
      </c>
      <c r="X1542">
        <v>44</v>
      </c>
      <c r="Y1542">
        <v>44</v>
      </c>
      <c r="Z1542">
        <v>44</v>
      </c>
      <c r="AA1542">
        <v>45</v>
      </c>
      <c r="AB1542">
        <v>45</v>
      </c>
      <c r="AC1542">
        <v>45</v>
      </c>
      <c r="AD1542">
        <v>45</v>
      </c>
      <c r="AE1542">
        <v>46</v>
      </c>
      <c r="AF1542">
        <v>46</v>
      </c>
      <c r="AG1542">
        <v>46</v>
      </c>
      <c r="AH1542">
        <v>46</v>
      </c>
      <c r="AI1542">
        <v>47</v>
      </c>
      <c r="AJ1542">
        <v>47</v>
      </c>
      <c r="AK1542">
        <v>47</v>
      </c>
      <c r="AL1542">
        <v>47</v>
      </c>
      <c r="AM1542">
        <v>47</v>
      </c>
      <c r="AN1542">
        <v>47</v>
      </c>
      <c r="AO1542">
        <v>47</v>
      </c>
      <c r="AP1542">
        <v>47</v>
      </c>
      <c r="AQ1542">
        <v>46</v>
      </c>
    </row>
    <row r="1543" spans="1:43">
      <c r="A1543" t="s">
        <v>1038</v>
      </c>
      <c r="B1543" t="s">
        <v>1039</v>
      </c>
      <c r="C1543" t="s">
        <v>1040</v>
      </c>
      <c r="D1543" t="s">
        <v>1041</v>
      </c>
      <c r="E1543" t="s">
        <v>847</v>
      </c>
      <c r="F1543" t="s">
        <v>848</v>
      </c>
      <c r="G1543" t="s">
        <v>80</v>
      </c>
      <c r="H1543" t="s">
        <v>81</v>
      </c>
      <c r="I1543" s="2">
        <v>0</v>
      </c>
      <c r="J1543" s="2">
        <v>1</v>
      </c>
      <c r="K1543" s="2">
        <v>0</v>
      </c>
      <c r="L1543" t="s">
        <v>82</v>
      </c>
      <c r="M1543" t="s">
        <v>87</v>
      </c>
      <c r="N1543" t="s">
        <v>88</v>
      </c>
      <c r="O1543" t="s">
        <v>85</v>
      </c>
      <c r="P1543" t="s">
        <v>86</v>
      </c>
      <c r="Q1543">
        <v>42</v>
      </c>
      <c r="R1543">
        <v>41</v>
      </c>
      <c r="S1543">
        <v>41</v>
      </c>
      <c r="T1543">
        <v>41</v>
      </c>
      <c r="U1543">
        <v>41</v>
      </c>
      <c r="V1543">
        <v>41</v>
      </c>
      <c r="W1543">
        <v>41</v>
      </c>
      <c r="X1543">
        <v>41</v>
      </c>
      <c r="Y1543">
        <v>41</v>
      </c>
      <c r="Z1543">
        <v>41</v>
      </c>
      <c r="AA1543">
        <v>41</v>
      </c>
      <c r="AB1543">
        <v>41</v>
      </c>
      <c r="AC1543">
        <v>41</v>
      </c>
      <c r="AD1543">
        <v>41</v>
      </c>
      <c r="AE1543">
        <v>40</v>
      </c>
      <c r="AF1543">
        <v>40</v>
      </c>
      <c r="AG1543">
        <v>40</v>
      </c>
      <c r="AH1543">
        <v>40</v>
      </c>
      <c r="AI1543">
        <v>40</v>
      </c>
      <c r="AJ1543">
        <v>40</v>
      </c>
      <c r="AK1543">
        <v>40</v>
      </c>
      <c r="AL1543">
        <v>40</v>
      </c>
      <c r="AM1543">
        <v>40</v>
      </c>
      <c r="AN1543">
        <v>40</v>
      </c>
      <c r="AO1543">
        <v>40</v>
      </c>
      <c r="AP1543">
        <v>40</v>
      </c>
      <c r="AQ1543">
        <v>40</v>
      </c>
    </row>
    <row r="1544" spans="1:43">
      <c r="A1544" t="s">
        <v>1038</v>
      </c>
      <c r="B1544" t="s">
        <v>1039</v>
      </c>
      <c r="C1544" t="s">
        <v>1040</v>
      </c>
      <c r="D1544" t="s">
        <v>1041</v>
      </c>
      <c r="E1544" t="s">
        <v>847</v>
      </c>
      <c r="F1544" t="s">
        <v>848</v>
      </c>
      <c r="G1544" t="s">
        <v>80</v>
      </c>
      <c r="H1544" t="s">
        <v>81</v>
      </c>
      <c r="I1544" s="2">
        <v>0</v>
      </c>
      <c r="J1544" s="2">
        <v>1</v>
      </c>
      <c r="K1544" s="2">
        <v>0</v>
      </c>
      <c r="L1544" t="s">
        <v>82</v>
      </c>
      <c r="M1544" t="s">
        <v>89</v>
      </c>
      <c r="N1544" t="s">
        <v>90</v>
      </c>
      <c r="O1544" t="s">
        <v>85</v>
      </c>
      <c r="P1544" t="s">
        <v>86</v>
      </c>
      <c r="Q1544">
        <v>42</v>
      </c>
      <c r="R1544">
        <v>43</v>
      </c>
      <c r="S1544">
        <v>44</v>
      </c>
      <c r="T1544">
        <v>44</v>
      </c>
      <c r="U1544">
        <v>45</v>
      </c>
      <c r="V1544">
        <v>45</v>
      </c>
      <c r="W1544">
        <v>46</v>
      </c>
      <c r="X1544">
        <v>46</v>
      </c>
      <c r="Y1544">
        <v>47</v>
      </c>
      <c r="Z1544">
        <v>47</v>
      </c>
      <c r="AA1544">
        <v>48</v>
      </c>
      <c r="AB1544">
        <v>48</v>
      </c>
      <c r="AC1544">
        <v>48</v>
      </c>
      <c r="AD1544">
        <v>49</v>
      </c>
      <c r="AE1544">
        <v>49</v>
      </c>
      <c r="AF1544">
        <v>49</v>
      </c>
      <c r="AG1544">
        <v>49</v>
      </c>
      <c r="AH1544">
        <v>48</v>
      </c>
      <c r="AI1544">
        <v>48</v>
      </c>
      <c r="AJ1544">
        <v>48</v>
      </c>
      <c r="AK1544">
        <v>48</v>
      </c>
      <c r="AL1544">
        <v>48</v>
      </c>
      <c r="AM1544">
        <v>48</v>
      </c>
      <c r="AN1544">
        <v>48</v>
      </c>
      <c r="AO1544">
        <v>48</v>
      </c>
      <c r="AP1544">
        <v>47</v>
      </c>
      <c r="AQ1544">
        <v>47</v>
      </c>
    </row>
    <row r="1545" spans="1:43">
      <c r="A1545" t="s">
        <v>1038</v>
      </c>
      <c r="B1545" t="s">
        <v>1039</v>
      </c>
      <c r="C1545" t="s">
        <v>1040</v>
      </c>
      <c r="D1545" t="s">
        <v>1041</v>
      </c>
      <c r="E1545" t="s">
        <v>847</v>
      </c>
      <c r="F1545" t="s">
        <v>848</v>
      </c>
      <c r="G1545" t="s">
        <v>80</v>
      </c>
      <c r="H1545" t="s">
        <v>81</v>
      </c>
      <c r="I1545" s="2">
        <v>0</v>
      </c>
      <c r="J1545" s="2">
        <v>1</v>
      </c>
      <c r="K1545" s="2">
        <v>0</v>
      </c>
      <c r="L1545" t="s">
        <v>82</v>
      </c>
      <c r="M1545" t="s">
        <v>83</v>
      </c>
      <c r="N1545" t="s">
        <v>91</v>
      </c>
      <c r="O1545" t="s">
        <v>85</v>
      </c>
      <c r="P1545" t="s">
        <v>86</v>
      </c>
      <c r="Q1545">
        <v>42</v>
      </c>
      <c r="R1545">
        <v>42</v>
      </c>
      <c r="S1545">
        <v>42</v>
      </c>
      <c r="T1545">
        <v>43</v>
      </c>
      <c r="U1545">
        <v>43</v>
      </c>
      <c r="V1545">
        <v>43</v>
      </c>
      <c r="W1545">
        <v>44</v>
      </c>
      <c r="X1545">
        <v>44</v>
      </c>
      <c r="Y1545">
        <v>44</v>
      </c>
      <c r="Z1545">
        <v>44</v>
      </c>
      <c r="AA1545">
        <v>45</v>
      </c>
      <c r="AB1545">
        <v>45</v>
      </c>
      <c r="AC1545">
        <v>45</v>
      </c>
      <c r="AD1545">
        <v>45</v>
      </c>
      <c r="AE1545">
        <v>46</v>
      </c>
      <c r="AF1545">
        <v>46</v>
      </c>
      <c r="AG1545">
        <v>46</v>
      </c>
      <c r="AH1545">
        <v>46</v>
      </c>
      <c r="AI1545">
        <v>47</v>
      </c>
      <c r="AJ1545">
        <v>47</v>
      </c>
      <c r="AK1545">
        <v>47</v>
      </c>
      <c r="AL1545">
        <v>47</v>
      </c>
      <c r="AM1545">
        <v>47</v>
      </c>
      <c r="AN1545">
        <v>47</v>
      </c>
      <c r="AO1545">
        <v>47</v>
      </c>
      <c r="AP1545">
        <v>47</v>
      </c>
      <c r="AQ1545">
        <v>46</v>
      </c>
    </row>
    <row r="1546" spans="1:43">
      <c r="A1546" t="s">
        <v>1042</v>
      </c>
      <c r="B1546" t="s">
        <v>1043</v>
      </c>
      <c r="C1546" t="s">
        <v>865</v>
      </c>
      <c r="D1546" t="s">
        <v>866</v>
      </c>
      <c r="E1546" t="s">
        <v>847</v>
      </c>
      <c r="F1546" t="s">
        <v>848</v>
      </c>
      <c r="G1546" t="s">
        <v>80</v>
      </c>
      <c r="H1546" t="s">
        <v>81</v>
      </c>
      <c r="I1546" s="2">
        <v>0</v>
      </c>
      <c r="J1546" s="2">
        <v>1</v>
      </c>
      <c r="K1546" s="2">
        <v>0</v>
      </c>
      <c r="L1546" t="s">
        <v>82</v>
      </c>
      <c r="M1546" t="s">
        <v>83</v>
      </c>
      <c r="N1546" t="s">
        <v>84</v>
      </c>
      <c r="O1546" t="s">
        <v>85</v>
      </c>
      <c r="P1546" t="s">
        <v>86</v>
      </c>
      <c r="Q1546">
        <v>22</v>
      </c>
      <c r="R1546">
        <v>22</v>
      </c>
      <c r="S1546">
        <v>22</v>
      </c>
      <c r="T1546">
        <v>23</v>
      </c>
      <c r="U1546">
        <v>23</v>
      </c>
      <c r="V1546">
        <v>23</v>
      </c>
      <c r="W1546">
        <v>23</v>
      </c>
      <c r="X1546">
        <v>23</v>
      </c>
      <c r="Y1546">
        <v>23</v>
      </c>
      <c r="Z1546">
        <v>23</v>
      </c>
      <c r="AA1546">
        <v>23</v>
      </c>
      <c r="AB1546">
        <v>23</v>
      </c>
      <c r="AC1546">
        <v>23</v>
      </c>
      <c r="AD1546">
        <v>23</v>
      </c>
      <c r="AE1546">
        <v>23</v>
      </c>
      <c r="AF1546">
        <v>23</v>
      </c>
      <c r="AG1546">
        <v>23</v>
      </c>
      <c r="AH1546">
        <v>23</v>
      </c>
      <c r="AI1546">
        <v>24</v>
      </c>
      <c r="AJ1546">
        <v>24</v>
      </c>
      <c r="AK1546">
        <v>24</v>
      </c>
      <c r="AL1546">
        <v>24</v>
      </c>
      <c r="AM1546">
        <v>23</v>
      </c>
      <c r="AN1546">
        <v>23</v>
      </c>
      <c r="AO1546">
        <v>23</v>
      </c>
      <c r="AP1546">
        <v>23</v>
      </c>
      <c r="AQ1546">
        <v>23</v>
      </c>
    </row>
    <row r="1547" spans="1:43">
      <c r="A1547" t="s">
        <v>1042</v>
      </c>
      <c r="B1547" t="s">
        <v>1043</v>
      </c>
      <c r="C1547" t="s">
        <v>865</v>
      </c>
      <c r="D1547" t="s">
        <v>866</v>
      </c>
      <c r="E1547" t="s">
        <v>847</v>
      </c>
      <c r="F1547" t="s">
        <v>848</v>
      </c>
      <c r="G1547" t="s">
        <v>80</v>
      </c>
      <c r="H1547" t="s">
        <v>81</v>
      </c>
      <c r="I1547" s="2">
        <v>0</v>
      </c>
      <c r="J1547" s="2">
        <v>1</v>
      </c>
      <c r="K1547" s="2">
        <v>0</v>
      </c>
      <c r="L1547" t="s">
        <v>82</v>
      </c>
      <c r="M1547" t="s">
        <v>87</v>
      </c>
      <c r="N1547" t="s">
        <v>88</v>
      </c>
      <c r="O1547" t="s">
        <v>85</v>
      </c>
      <c r="P1547" t="s">
        <v>86</v>
      </c>
      <c r="Q1547">
        <v>22</v>
      </c>
      <c r="R1547">
        <v>22</v>
      </c>
      <c r="S1547">
        <v>22</v>
      </c>
      <c r="T1547">
        <v>22</v>
      </c>
      <c r="U1547">
        <v>22</v>
      </c>
      <c r="V1547">
        <v>22</v>
      </c>
      <c r="W1547">
        <v>21</v>
      </c>
      <c r="X1547">
        <v>21</v>
      </c>
      <c r="Y1547">
        <v>21</v>
      </c>
      <c r="Z1547">
        <v>21</v>
      </c>
      <c r="AA1547">
        <v>21</v>
      </c>
      <c r="AB1547">
        <v>21</v>
      </c>
      <c r="AC1547">
        <v>21</v>
      </c>
      <c r="AD1547">
        <v>21</v>
      </c>
      <c r="AE1547">
        <v>21</v>
      </c>
      <c r="AF1547">
        <v>21</v>
      </c>
      <c r="AG1547">
        <v>21</v>
      </c>
      <c r="AH1547">
        <v>20</v>
      </c>
      <c r="AI1547">
        <v>20</v>
      </c>
      <c r="AJ1547">
        <v>20</v>
      </c>
      <c r="AK1547">
        <v>20</v>
      </c>
      <c r="AL1547">
        <v>20</v>
      </c>
      <c r="AM1547">
        <v>20</v>
      </c>
      <c r="AN1547">
        <v>20</v>
      </c>
      <c r="AO1547">
        <v>20</v>
      </c>
      <c r="AP1547">
        <v>20</v>
      </c>
      <c r="AQ1547">
        <v>20</v>
      </c>
    </row>
    <row r="1548" spans="1:43">
      <c r="A1548" t="s">
        <v>1042</v>
      </c>
      <c r="B1548" t="s">
        <v>1043</v>
      </c>
      <c r="C1548" t="s">
        <v>865</v>
      </c>
      <c r="D1548" t="s">
        <v>866</v>
      </c>
      <c r="E1548" t="s">
        <v>847</v>
      </c>
      <c r="F1548" t="s">
        <v>848</v>
      </c>
      <c r="G1548" t="s">
        <v>80</v>
      </c>
      <c r="H1548" t="s">
        <v>81</v>
      </c>
      <c r="I1548" s="2">
        <v>0</v>
      </c>
      <c r="J1548" s="2">
        <v>1</v>
      </c>
      <c r="K1548" s="2">
        <v>0</v>
      </c>
      <c r="L1548" t="s">
        <v>82</v>
      </c>
      <c r="M1548" t="s">
        <v>89</v>
      </c>
      <c r="N1548" t="s">
        <v>90</v>
      </c>
      <c r="O1548" t="s">
        <v>85</v>
      </c>
      <c r="P1548" t="s">
        <v>86</v>
      </c>
      <c r="Q1548">
        <v>22</v>
      </c>
      <c r="R1548">
        <v>23</v>
      </c>
      <c r="S1548">
        <v>23</v>
      </c>
      <c r="T1548">
        <v>23</v>
      </c>
      <c r="U1548">
        <v>24</v>
      </c>
      <c r="V1548">
        <v>24</v>
      </c>
      <c r="W1548">
        <v>24</v>
      </c>
      <c r="X1548">
        <v>24</v>
      </c>
      <c r="Y1548">
        <v>24</v>
      </c>
      <c r="Z1548">
        <v>25</v>
      </c>
      <c r="AA1548">
        <v>25</v>
      </c>
      <c r="AB1548">
        <v>25</v>
      </c>
      <c r="AC1548">
        <v>25</v>
      </c>
      <c r="AD1548">
        <v>25</v>
      </c>
      <c r="AE1548">
        <v>25</v>
      </c>
      <c r="AF1548">
        <v>25</v>
      </c>
      <c r="AG1548">
        <v>25</v>
      </c>
      <c r="AH1548">
        <v>24</v>
      </c>
      <c r="AI1548">
        <v>24</v>
      </c>
      <c r="AJ1548">
        <v>24</v>
      </c>
      <c r="AK1548">
        <v>24</v>
      </c>
      <c r="AL1548">
        <v>24</v>
      </c>
      <c r="AM1548">
        <v>24</v>
      </c>
      <c r="AN1548">
        <v>23</v>
      </c>
      <c r="AO1548">
        <v>23</v>
      </c>
      <c r="AP1548">
        <v>23</v>
      </c>
      <c r="AQ1548">
        <v>23</v>
      </c>
    </row>
    <row r="1549" spans="1:43">
      <c r="A1549" t="s">
        <v>1042</v>
      </c>
      <c r="B1549" t="s">
        <v>1043</v>
      </c>
      <c r="C1549" t="s">
        <v>865</v>
      </c>
      <c r="D1549" t="s">
        <v>866</v>
      </c>
      <c r="E1549" t="s">
        <v>847</v>
      </c>
      <c r="F1549" t="s">
        <v>848</v>
      </c>
      <c r="G1549" t="s">
        <v>80</v>
      </c>
      <c r="H1549" t="s">
        <v>81</v>
      </c>
      <c r="I1549" s="2">
        <v>0</v>
      </c>
      <c r="J1549" s="2">
        <v>1</v>
      </c>
      <c r="K1549" s="2">
        <v>0</v>
      </c>
      <c r="L1549" t="s">
        <v>82</v>
      </c>
      <c r="M1549" t="s">
        <v>83</v>
      </c>
      <c r="N1549" t="s">
        <v>91</v>
      </c>
      <c r="O1549" t="s">
        <v>85</v>
      </c>
      <c r="P1549" t="s">
        <v>86</v>
      </c>
      <c r="Q1549">
        <v>22</v>
      </c>
      <c r="R1549">
        <v>22</v>
      </c>
      <c r="S1549">
        <v>22</v>
      </c>
      <c r="T1549">
        <v>23</v>
      </c>
      <c r="U1549">
        <v>23</v>
      </c>
      <c r="V1549">
        <v>23</v>
      </c>
      <c r="W1549">
        <v>23</v>
      </c>
      <c r="X1549">
        <v>23</v>
      </c>
      <c r="Y1549">
        <v>23</v>
      </c>
      <c r="Z1549">
        <v>23</v>
      </c>
      <c r="AA1549">
        <v>23</v>
      </c>
      <c r="AB1549">
        <v>23</v>
      </c>
      <c r="AC1549">
        <v>23</v>
      </c>
      <c r="AD1549">
        <v>23</v>
      </c>
      <c r="AE1549">
        <v>23</v>
      </c>
      <c r="AF1549">
        <v>23</v>
      </c>
      <c r="AG1549">
        <v>23</v>
      </c>
      <c r="AH1549">
        <v>23</v>
      </c>
      <c r="AI1549">
        <v>24</v>
      </c>
      <c r="AJ1549">
        <v>24</v>
      </c>
      <c r="AK1549">
        <v>24</v>
      </c>
      <c r="AL1549">
        <v>24</v>
      </c>
      <c r="AM1549">
        <v>23</v>
      </c>
      <c r="AN1549">
        <v>23</v>
      </c>
      <c r="AO1549">
        <v>23</v>
      </c>
      <c r="AP1549">
        <v>23</v>
      </c>
      <c r="AQ1549">
        <v>23</v>
      </c>
    </row>
    <row r="1550" spans="1:43">
      <c r="A1550" t="s">
        <v>1044</v>
      </c>
      <c r="B1550" t="s">
        <v>1045</v>
      </c>
      <c r="C1550" t="s">
        <v>1046</v>
      </c>
      <c r="D1550" t="s">
        <v>1047</v>
      </c>
      <c r="E1550" t="s">
        <v>847</v>
      </c>
      <c r="F1550" t="s">
        <v>848</v>
      </c>
      <c r="G1550" t="s">
        <v>80</v>
      </c>
      <c r="H1550" t="s">
        <v>81</v>
      </c>
      <c r="I1550" s="2">
        <v>0</v>
      </c>
      <c r="J1550" s="2">
        <v>1</v>
      </c>
      <c r="K1550" s="2">
        <v>0</v>
      </c>
      <c r="L1550" t="s">
        <v>82</v>
      </c>
      <c r="M1550" t="s">
        <v>83</v>
      </c>
      <c r="N1550" t="s">
        <v>84</v>
      </c>
      <c r="O1550" t="s">
        <v>85</v>
      </c>
      <c r="P1550" t="s">
        <v>86</v>
      </c>
      <c r="Q1550">
        <v>87</v>
      </c>
      <c r="R1550">
        <v>88</v>
      </c>
      <c r="S1550">
        <v>88</v>
      </c>
      <c r="T1550">
        <v>89</v>
      </c>
      <c r="U1550">
        <v>89</v>
      </c>
      <c r="V1550">
        <v>90</v>
      </c>
      <c r="W1550">
        <v>90</v>
      </c>
      <c r="X1550">
        <v>91</v>
      </c>
      <c r="Y1550">
        <v>91</v>
      </c>
      <c r="Z1550">
        <v>92</v>
      </c>
      <c r="AA1550">
        <v>92</v>
      </c>
      <c r="AB1550">
        <v>92</v>
      </c>
      <c r="AC1550">
        <v>93</v>
      </c>
      <c r="AD1550">
        <v>93</v>
      </c>
      <c r="AE1550">
        <v>93</v>
      </c>
      <c r="AF1550">
        <v>94</v>
      </c>
      <c r="AG1550">
        <v>94</v>
      </c>
      <c r="AH1550">
        <v>94</v>
      </c>
      <c r="AI1550">
        <v>94</v>
      </c>
      <c r="AJ1550">
        <v>95</v>
      </c>
      <c r="AK1550">
        <v>95</v>
      </c>
      <c r="AL1550">
        <v>95</v>
      </c>
      <c r="AM1550">
        <v>94</v>
      </c>
      <c r="AN1550">
        <v>94</v>
      </c>
      <c r="AO1550">
        <v>93</v>
      </c>
      <c r="AP1550">
        <v>93</v>
      </c>
      <c r="AQ1550">
        <v>92</v>
      </c>
    </row>
    <row r="1551" spans="1:43">
      <c r="A1551" t="s">
        <v>1044</v>
      </c>
      <c r="B1551" t="s">
        <v>1045</v>
      </c>
      <c r="C1551" t="s">
        <v>1046</v>
      </c>
      <c r="D1551" t="s">
        <v>1047</v>
      </c>
      <c r="E1551" t="s">
        <v>847</v>
      </c>
      <c r="F1551" t="s">
        <v>848</v>
      </c>
      <c r="G1551" t="s">
        <v>80</v>
      </c>
      <c r="H1551" t="s">
        <v>81</v>
      </c>
      <c r="I1551" s="2">
        <v>0</v>
      </c>
      <c r="J1551" s="2">
        <v>1</v>
      </c>
      <c r="K1551" s="2">
        <v>0</v>
      </c>
      <c r="L1551" t="s">
        <v>82</v>
      </c>
      <c r="M1551" t="s">
        <v>87</v>
      </c>
      <c r="N1551" t="s">
        <v>88</v>
      </c>
      <c r="O1551" t="s">
        <v>85</v>
      </c>
      <c r="P1551" t="s">
        <v>86</v>
      </c>
      <c r="Q1551">
        <v>87</v>
      </c>
      <c r="R1551">
        <v>86</v>
      </c>
      <c r="S1551">
        <v>86</v>
      </c>
      <c r="T1551">
        <v>86</v>
      </c>
      <c r="U1551">
        <v>85</v>
      </c>
      <c r="V1551">
        <v>85</v>
      </c>
      <c r="W1551">
        <v>85</v>
      </c>
      <c r="X1551">
        <v>85</v>
      </c>
      <c r="Y1551">
        <v>84</v>
      </c>
      <c r="Z1551">
        <v>84</v>
      </c>
      <c r="AA1551">
        <v>84</v>
      </c>
      <c r="AB1551">
        <v>84</v>
      </c>
      <c r="AC1551">
        <v>83</v>
      </c>
      <c r="AD1551">
        <v>83</v>
      </c>
      <c r="AE1551">
        <v>83</v>
      </c>
      <c r="AF1551">
        <v>83</v>
      </c>
      <c r="AG1551">
        <v>82</v>
      </c>
      <c r="AH1551">
        <v>82</v>
      </c>
      <c r="AI1551">
        <v>82</v>
      </c>
      <c r="AJ1551">
        <v>82</v>
      </c>
      <c r="AK1551">
        <v>81</v>
      </c>
      <c r="AL1551">
        <v>81</v>
      </c>
      <c r="AM1551">
        <v>81</v>
      </c>
      <c r="AN1551">
        <v>81</v>
      </c>
      <c r="AO1551">
        <v>81</v>
      </c>
      <c r="AP1551">
        <v>81</v>
      </c>
      <c r="AQ1551">
        <v>80</v>
      </c>
    </row>
    <row r="1552" spans="1:43">
      <c r="A1552" t="s">
        <v>1044</v>
      </c>
      <c r="B1552" t="s">
        <v>1045</v>
      </c>
      <c r="C1552" t="s">
        <v>1046</v>
      </c>
      <c r="D1552" t="s">
        <v>1047</v>
      </c>
      <c r="E1552" t="s">
        <v>847</v>
      </c>
      <c r="F1552" t="s">
        <v>848</v>
      </c>
      <c r="G1552" t="s">
        <v>80</v>
      </c>
      <c r="H1552" t="s">
        <v>81</v>
      </c>
      <c r="I1552" s="2">
        <v>0</v>
      </c>
      <c r="J1552" s="2">
        <v>1</v>
      </c>
      <c r="K1552" s="2">
        <v>0</v>
      </c>
      <c r="L1552" t="s">
        <v>82</v>
      </c>
      <c r="M1552" t="s">
        <v>89</v>
      </c>
      <c r="N1552" t="s">
        <v>90</v>
      </c>
      <c r="O1552" t="s">
        <v>85</v>
      </c>
      <c r="P1552" t="s">
        <v>86</v>
      </c>
      <c r="Q1552">
        <v>87</v>
      </c>
      <c r="R1552">
        <v>88</v>
      </c>
      <c r="S1552">
        <v>90</v>
      </c>
      <c r="T1552">
        <v>91</v>
      </c>
      <c r="U1552">
        <v>92</v>
      </c>
      <c r="V1552">
        <v>93</v>
      </c>
      <c r="W1552">
        <v>94</v>
      </c>
      <c r="X1552">
        <v>95</v>
      </c>
      <c r="Y1552">
        <v>96</v>
      </c>
      <c r="Z1552">
        <v>96</v>
      </c>
      <c r="AA1552">
        <v>97</v>
      </c>
      <c r="AB1552">
        <v>97</v>
      </c>
      <c r="AC1552">
        <v>98</v>
      </c>
      <c r="AD1552">
        <v>99</v>
      </c>
      <c r="AE1552">
        <v>99</v>
      </c>
      <c r="AF1552">
        <v>98</v>
      </c>
      <c r="AG1552">
        <v>98</v>
      </c>
      <c r="AH1552">
        <v>97</v>
      </c>
      <c r="AI1552">
        <v>97</v>
      </c>
      <c r="AJ1552">
        <v>96</v>
      </c>
      <c r="AK1552">
        <v>96</v>
      </c>
      <c r="AL1552">
        <v>95</v>
      </c>
      <c r="AM1552">
        <v>95</v>
      </c>
      <c r="AN1552">
        <v>94</v>
      </c>
      <c r="AO1552">
        <v>94</v>
      </c>
      <c r="AP1552">
        <v>93</v>
      </c>
      <c r="AQ1552">
        <v>93</v>
      </c>
    </row>
    <row r="1553" spans="1:43">
      <c r="A1553" t="s">
        <v>1044</v>
      </c>
      <c r="B1553" t="s">
        <v>1045</v>
      </c>
      <c r="C1553" t="s">
        <v>1046</v>
      </c>
      <c r="D1553" t="s">
        <v>1047</v>
      </c>
      <c r="E1553" t="s">
        <v>847</v>
      </c>
      <c r="F1553" t="s">
        <v>848</v>
      </c>
      <c r="G1553" t="s">
        <v>80</v>
      </c>
      <c r="H1553" t="s">
        <v>81</v>
      </c>
      <c r="I1553" s="2">
        <v>0</v>
      </c>
      <c r="J1553" s="2">
        <v>1</v>
      </c>
      <c r="K1553" s="2">
        <v>0</v>
      </c>
      <c r="L1553" t="s">
        <v>82</v>
      </c>
      <c r="M1553" t="s">
        <v>83</v>
      </c>
      <c r="N1553" t="s">
        <v>91</v>
      </c>
      <c r="O1553" t="s">
        <v>85</v>
      </c>
      <c r="P1553" t="s">
        <v>86</v>
      </c>
      <c r="Q1553">
        <v>87</v>
      </c>
      <c r="R1553">
        <v>88</v>
      </c>
      <c r="S1553">
        <v>88</v>
      </c>
      <c r="T1553">
        <v>89</v>
      </c>
      <c r="U1553">
        <v>89</v>
      </c>
      <c r="V1553">
        <v>90</v>
      </c>
      <c r="W1553">
        <v>90</v>
      </c>
      <c r="X1553">
        <v>91</v>
      </c>
      <c r="Y1553">
        <v>91</v>
      </c>
      <c r="Z1553">
        <v>92</v>
      </c>
      <c r="AA1553">
        <v>92</v>
      </c>
      <c r="AB1553">
        <v>92</v>
      </c>
      <c r="AC1553">
        <v>93</v>
      </c>
      <c r="AD1553">
        <v>93</v>
      </c>
      <c r="AE1553">
        <v>93</v>
      </c>
      <c r="AF1553">
        <v>94</v>
      </c>
      <c r="AG1553">
        <v>94</v>
      </c>
      <c r="AH1553">
        <v>94</v>
      </c>
      <c r="AI1553">
        <v>94</v>
      </c>
      <c r="AJ1553">
        <v>95</v>
      </c>
      <c r="AK1553">
        <v>95</v>
      </c>
      <c r="AL1553">
        <v>95</v>
      </c>
      <c r="AM1553">
        <v>94</v>
      </c>
      <c r="AN1553">
        <v>94</v>
      </c>
      <c r="AO1553">
        <v>93</v>
      </c>
      <c r="AP1553">
        <v>93</v>
      </c>
      <c r="AQ1553">
        <v>92</v>
      </c>
    </row>
    <row r="1554" spans="1:43">
      <c r="A1554" t="s">
        <v>1048</v>
      </c>
      <c r="B1554" t="s">
        <v>1049</v>
      </c>
      <c r="C1554" t="s">
        <v>1046</v>
      </c>
      <c r="D1554" t="s">
        <v>1047</v>
      </c>
      <c r="E1554" t="s">
        <v>847</v>
      </c>
      <c r="F1554" t="s">
        <v>848</v>
      </c>
      <c r="G1554" t="s">
        <v>80</v>
      </c>
      <c r="H1554" t="s">
        <v>81</v>
      </c>
      <c r="I1554" s="2">
        <v>0</v>
      </c>
      <c r="J1554" s="2">
        <v>1</v>
      </c>
      <c r="K1554" s="2">
        <v>0</v>
      </c>
      <c r="L1554" t="s">
        <v>82</v>
      </c>
      <c r="M1554" t="s">
        <v>83</v>
      </c>
      <c r="N1554" t="s">
        <v>84</v>
      </c>
      <c r="O1554" t="s">
        <v>85</v>
      </c>
      <c r="P1554" t="s">
        <v>86</v>
      </c>
      <c r="Q1554">
        <v>38</v>
      </c>
      <c r="R1554">
        <v>39</v>
      </c>
      <c r="S1554">
        <v>39</v>
      </c>
      <c r="T1554">
        <v>39</v>
      </c>
      <c r="U1554">
        <v>39</v>
      </c>
      <c r="V1554">
        <v>39</v>
      </c>
      <c r="W1554">
        <v>40</v>
      </c>
      <c r="X1554">
        <v>40</v>
      </c>
      <c r="Y1554">
        <v>40</v>
      </c>
      <c r="Z1554">
        <v>40</v>
      </c>
      <c r="AA1554">
        <v>40</v>
      </c>
      <c r="AB1554">
        <v>40</v>
      </c>
      <c r="AC1554">
        <v>41</v>
      </c>
      <c r="AD1554">
        <v>41</v>
      </c>
      <c r="AE1554">
        <v>41</v>
      </c>
      <c r="AF1554">
        <v>41</v>
      </c>
      <c r="AG1554">
        <v>41</v>
      </c>
      <c r="AH1554">
        <v>41</v>
      </c>
      <c r="AI1554">
        <v>41</v>
      </c>
      <c r="AJ1554">
        <v>41</v>
      </c>
      <c r="AK1554">
        <v>42</v>
      </c>
      <c r="AL1554">
        <v>41</v>
      </c>
      <c r="AM1554">
        <v>41</v>
      </c>
      <c r="AN1554">
        <v>41</v>
      </c>
      <c r="AO1554">
        <v>41</v>
      </c>
      <c r="AP1554">
        <v>41</v>
      </c>
      <c r="AQ1554">
        <v>40</v>
      </c>
    </row>
    <row r="1555" spans="1:43">
      <c r="A1555" t="s">
        <v>1048</v>
      </c>
      <c r="B1555" t="s">
        <v>1049</v>
      </c>
      <c r="C1555" t="s">
        <v>1046</v>
      </c>
      <c r="D1555" t="s">
        <v>1047</v>
      </c>
      <c r="E1555" t="s">
        <v>847</v>
      </c>
      <c r="F1555" t="s">
        <v>848</v>
      </c>
      <c r="G1555" t="s">
        <v>80</v>
      </c>
      <c r="H1555" t="s">
        <v>81</v>
      </c>
      <c r="I1555" s="2">
        <v>0</v>
      </c>
      <c r="J1555" s="2">
        <v>1</v>
      </c>
      <c r="K1555" s="2">
        <v>0</v>
      </c>
      <c r="L1555" t="s">
        <v>82</v>
      </c>
      <c r="M1555" t="s">
        <v>87</v>
      </c>
      <c r="N1555" t="s">
        <v>88</v>
      </c>
      <c r="O1555" t="s">
        <v>85</v>
      </c>
      <c r="P1555" t="s">
        <v>86</v>
      </c>
      <c r="Q1555">
        <v>38</v>
      </c>
      <c r="R1555">
        <v>38</v>
      </c>
      <c r="S1555">
        <v>38</v>
      </c>
      <c r="T1555">
        <v>38</v>
      </c>
      <c r="U1555">
        <v>37</v>
      </c>
      <c r="V1555">
        <v>37</v>
      </c>
      <c r="W1555">
        <v>37</v>
      </c>
      <c r="X1555">
        <v>37</v>
      </c>
      <c r="Y1555">
        <v>37</v>
      </c>
      <c r="Z1555">
        <v>37</v>
      </c>
      <c r="AA1555">
        <v>37</v>
      </c>
      <c r="AB1555">
        <v>37</v>
      </c>
      <c r="AC1555">
        <v>36</v>
      </c>
      <c r="AD1555">
        <v>36</v>
      </c>
      <c r="AE1555">
        <v>36</v>
      </c>
      <c r="AF1555">
        <v>36</v>
      </c>
      <c r="AG1555">
        <v>36</v>
      </c>
      <c r="AH1555">
        <v>36</v>
      </c>
      <c r="AI1555">
        <v>36</v>
      </c>
      <c r="AJ1555">
        <v>36</v>
      </c>
      <c r="AK1555">
        <v>36</v>
      </c>
      <c r="AL1555">
        <v>36</v>
      </c>
      <c r="AM1555">
        <v>35</v>
      </c>
      <c r="AN1555">
        <v>35</v>
      </c>
      <c r="AO1555">
        <v>35</v>
      </c>
      <c r="AP1555">
        <v>35</v>
      </c>
      <c r="AQ1555">
        <v>35</v>
      </c>
    </row>
    <row r="1556" spans="1:43">
      <c r="A1556" t="s">
        <v>1048</v>
      </c>
      <c r="B1556" t="s">
        <v>1049</v>
      </c>
      <c r="C1556" t="s">
        <v>1046</v>
      </c>
      <c r="D1556" t="s">
        <v>1047</v>
      </c>
      <c r="E1556" t="s">
        <v>847</v>
      </c>
      <c r="F1556" t="s">
        <v>848</v>
      </c>
      <c r="G1556" t="s">
        <v>80</v>
      </c>
      <c r="H1556" t="s">
        <v>81</v>
      </c>
      <c r="I1556" s="2">
        <v>0</v>
      </c>
      <c r="J1556" s="2">
        <v>1</v>
      </c>
      <c r="K1556" s="2">
        <v>0</v>
      </c>
      <c r="L1556" t="s">
        <v>82</v>
      </c>
      <c r="M1556" t="s">
        <v>89</v>
      </c>
      <c r="N1556" t="s">
        <v>90</v>
      </c>
      <c r="O1556" t="s">
        <v>85</v>
      </c>
      <c r="P1556" t="s">
        <v>86</v>
      </c>
      <c r="Q1556">
        <v>38</v>
      </c>
      <c r="R1556">
        <v>38</v>
      </c>
      <c r="S1556">
        <v>39</v>
      </c>
      <c r="T1556">
        <v>39</v>
      </c>
      <c r="U1556">
        <v>40</v>
      </c>
      <c r="V1556">
        <v>40</v>
      </c>
      <c r="W1556">
        <v>41</v>
      </c>
      <c r="X1556">
        <v>41</v>
      </c>
      <c r="Y1556">
        <v>41</v>
      </c>
      <c r="Z1556">
        <v>42</v>
      </c>
      <c r="AA1556">
        <v>42</v>
      </c>
      <c r="AB1556">
        <v>42</v>
      </c>
      <c r="AC1556">
        <v>42</v>
      </c>
      <c r="AD1556">
        <v>43</v>
      </c>
      <c r="AE1556">
        <v>43</v>
      </c>
      <c r="AF1556">
        <v>42</v>
      </c>
      <c r="AG1556">
        <v>42</v>
      </c>
      <c r="AH1556">
        <v>42</v>
      </c>
      <c r="AI1556">
        <v>42</v>
      </c>
      <c r="AJ1556">
        <v>41</v>
      </c>
      <c r="AK1556">
        <v>41</v>
      </c>
      <c r="AL1556">
        <v>41</v>
      </c>
      <c r="AM1556">
        <v>41</v>
      </c>
      <c r="AN1556">
        <v>41</v>
      </c>
      <c r="AO1556">
        <v>40</v>
      </c>
      <c r="AP1556">
        <v>40</v>
      </c>
      <c r="AQ1556">
        <v>40</v>
      </c>
    </row>
    <row r="1557" spans="1:43">
      <c r="A1557" t="s">
        <v>1048</v>
      </c>
      <c r="B1557" t="s">
        <v>1049</v>
      </c>
      <c r="C1557" t="s">
        <v>1046</v>
      </c>
      <c r="D1557" t="s">
        <v>1047</v>
      </c>
      <c r="E1557" t="s">
        <v>847</v>
      </c>
      <c r="F1557" t="s">
        <v>848</v>
      </c>
      <c r="G1557" t="s">
        <v>80</v>
      </c>
      <c r="H1557" t="s">
        <v>81</v>
      </c>
      <c r="I1557" s="2">
        <v>0</v>
      </c>
      <c r="J1557" s="2">
        <v>1</v>
      </c>
      <c r="K1557" s="2">
        <v>0</v>
      </c>
      <c r="L1557" t="s">
        <v>82</v>
      </c>
      <c r="M1557" t="s">
        <v>83</v>
      </c>
      <c r="N1557" t="s">
        <v>91</v>
      </c>
      <c r="O1557" t="s">
        <v>85</v>
      </c>
      <c r="P1557" t="s">
        <v>86</v>
      </c>
      <c r="Q1557">
        <v>38</v>
      </c>
      <c r="R1557">
        <v>39</v>
      </c>
      <c r="S1557">
        <v>39</v>
      </c>
      <c r="T1557">
        <v>39</v>
      </c>
      <c r="U1557">
        <v>39</v>
      </c>
      <c r="V1557">
        <v>39</v>
      </c>
      <c r="W1557">
        <v>40</v>
      </c>
      <c r="X1557">
        <v>40</v>
      </c>
      <c r="Y1557">
        <v>40</v>
      </c>
      <c r="Z1557">
        <v>40</v>
      </c>
      <c r="AA1557">
        <v>40</v>
      </c>
      <c r="AB1557">
        <v>40</v>
      </c>
      <c r="AC1557">
        <v>41</v>
      </c>
      <c r="AD1557">
        <v>41</v>
      </c>
      <c r="AE1557">
        <v>41</v>
      </c>
      <c r="AF1557">
        <v>41</v>
      </c>
      <c r="AG1557">
        <v>41</v>
      </c>
      <c r="AH1557">
        <v>41</v>
      </c>
      <c r="AI1557">
        <v>41</v>
      </c>
      <c r="AJ1557">
        <v>41</v>
      </c>
      <c r="AK1557">
        <v>42</v>
      </c>
      <c r="AL1557">
        <v>41</v>
      </c>
      <c r="AM1557">
        <v>41</v>
      </c>
      <c r="AN1557">
        <v>41</v>
      </c>
      <c r="AO1557">
        <v>41</v>
      </c>
      <c r="AP1557">
        <v>41</v>
      </c>
      <c r="AQ1557">
        <v>40</v>
      </c>
    </row>
    <row r="1558" spans="1:43">
      <c r="A1558" t="s">
        <v>1050</v>
      </c>
      <c r="B1558" t="s">
        <v>1051</v>
      </c>
      <c r="C1558" t="s">
        <v>1046</v>
      </c>
      <c r="D1558" t="s">
        <v>1047</v>
      </c>
      <c r="E1558" t="s">
        <v>847</v>
      </c>
      <c r="F1558" t="s">
        <v>848</v>
      </c>
      <c r="G1558" t="s">
        <v>80</v>
      </c>
      <c r="H1558" t="s">
        <v>81</v>
      </c>
      <c r="I1558" s="2">
        <v>0</v>
      </c>
      <c r="J1558" s="2">
        <v>1</v>
      </c>
      <c r="K1558" s="2">
        <v>0</v>
      </c>
      <c r="L1558" t="s">
        <v>82</v>
      </c>
      <c r="M1558" t="s">
        <v>83</v>
      </c>
      <c r="N1558" t="s">
        <v>84</v>
      </c>
      <c r="O1558" t="s">
        <v>85</v>
      </c>
      <c r="P1558" t="s">
        <v>86</v>
      </c>
      <c r="Q1558">
        <v>18</v>
      </c>
      <c r="R1558">
        <v>18</v>
      </c>
      <c r="S1558">
        <v>18</v>
      </c>
      <c r="T1558">
        <v>18</v>
      </c>
      <c r="U1558">
        <v>18</v>
      </c>
      <c r="V1558">
        <v>18</v>
      </c>
      <c r="W1558">
        <v>18</v>
      </c>
      <c r="X1558">
        <v>19</v>
      </c>
      <c r="Y1558">
        <v>19</v>
      </c>
      <c r="Z1558">
        <v>19</v>
      </c>
      <c r="AA1558">
        <v>19</v>
      </c>
      <c r="AB1558">
        <v>19</v>
      </c>
      <c r="AC1558">
        <v>19</v>
      </c>
      <c r="AD1558">
        <v>19</v>
      </c>
      <c r="AE1558">
        <v>19</v>
      </c>
      <c r="AF1558">
        <v>19</v>
      </c>
      <c r="AG1558">
        <v>19</v>
      </c>
      <c r="AH1558">
        <v>19</v>
      </c>
      <c r="AI1558">
        <v>19</v>
      </c>
      <c r="AJ1558">
        <v>19</v>
      </c>
      <c r="AK1558">
        <v>19</v>
      </c>
      <c r="AL1558">
        <v>19</v>
      </c>
      <c r="AM1558">
        <v>19</v>
      </c>
      <c r="AN1558">
        <v>19</v>
      </c>
      <c r="AO1558">
        <v>19</v>
      </c>
      <c r="AP1558">
        <v>19</v>
      </c>
      <c r="AQ1558">
        <v>19</v>
      </c>
    </row>
    <row r="1559" spans="1:43">
      <c r="A1559" t="s">
        <v>1050</v>
      </c>
      <c r="B1559" t="s">
        <v>1051</v>
      </c>
      <c r="C1559" t="s">
        <v>1046</v>
      </c>
      <c r="D1559" t="s">
        <v>1047</v>
      </c>
      <c r="E1559" t="s">
        <v>847</v>
      </c>
      <c r="F1559" t="s">
        <v>848</v>
      </c>
      <c r="G1559" t="s">
        <v>80</v>
      </c>
      <c r="H1559" t="s">
        <v>81</v>
      </c>
      <c r="I1559" s="2">
        <v>0</v>
      </c>
      <c r="J1559" s="2">
        <v>1</v>
      </c>
      <c r="K1559" s="2">
        <v>0</v>
      </c>
      <c r="L1559" t="s">
        <v>82</v>
      </c>
      <c r="M1559" t="s">
        <v>87</v>
      </c>
      <c r="N1559" t="s">
        <v>88</v>
      </c>
      <c r="O1559" t="s">
        <v>85</v>
      </c>
      <c r="P1559" t="s">
        <v>86</v>
      </c>
      <c r="Q1559">
        <v>18</v>
      </c>
      <c r="R1559">
        <v>18</v>
      </c>
      <c r="S1559">
        <v>18</v>
      </c>
      <c r="T1559">
        <v>18</v>
      </c>
      <c r="U1559">
        <v>17</v>
      </c>
      <c r="V1559">
        <v>17</v>
      </c>
      <c r="W1559">
        <v>17</v>
      </c>
      <c r="X1559">
        <v>17</v>
      </c>
      <c r="Y1559">
        <v>17</v>
      </c>
      <c r="Z1559">
        <v>17</v>
      </c>
      <c r="AA1559">
        <v>17</v>
      </c>
      <c r="AB1559">
        <v>17</v>
      </c>
      <c r="AC1559">
        <v>17</v>
      </c>
      <c r="AD1559">
        <v>17</v>
      </c>
      <c r="AE1559">
        <v>17</v>
      </c>
      <c r="AF1559">
        <v>17</v>
      </c>
      <c r="AG1559">
        <v>17</v>
      </c>
      <c r="AH1559">
        <v>17</v>
      </c>
      <c r="AI1559">
        <v>17</v>
      </c>
      <c r="AJ1559">
        <v>17</v>
      </c>
      <c r="AK1559">
        <v>17</v>
      </c>
      <c r="AL1559">
        <v>17</v>
      </c>
      <c r="AM1559">
        <v>17</v>
      </c>
      <c r="AN1559">
        <v>17</v>
      </c>
      <c r="AO1559">
        <v>16</v>
      </c>
      <c r="AP1559">
        <v>16</v>
      </c>
      <c r="AQ1559">
        <v>16</v>
      </c>
    </row>
    <row r="1560" spans="1:43">
      <c r="A1560" t="s">
        <v>1050</v>
      </c>
      <c r="B1560" t="s">
        <v>1051</v>
      </c>
      <c r="C1560" t="s">
        <v>1046</v>
      </c>
      <c r="D1560" t="s">
        <v>1047</v>
      </c>
      <c r="E1560" t="s">
        <v>847</v>
      </c>
      <c r="F1560" t="s">
        <v>848</v>
      </c>
      <c r="G1560" t="s">
        <v>80</v>
      </c>
      <c r="H1560" t="s">
        <v>81</v>
      </c>
      <c r="I1560" s="2">
        <v>0</v>
      </c>
      <c r="J1560" s="2">
        <v>1</v>
      </c>
      <c r="K1560" s="2">
        <v>0</v>
      </c>
      <c r="L1560" t="s">
        <v>82</v>
      </c>
      <c r="M1560" t="s">
        <v>89</v>
      </c>
      <c r="N1560" t="s">
        <v>90</v>
      </c>
      <c r="O1560" t="s">
        <v>85</v>
      </c>
      <c r="P1560" t="s">
        <v>86</v>
      </c>
      <c r="Q1560">
        <v>18</v>
      </c>
      <c r="R1560">
        <v>18</v>
      </c>
      <c r="S1560">
        <v>19</v>
      </c>
      <c r="T1560">
        <v>19</v>
      </c>
      <c r="U1560">
        <v>19</v>
      </c>
      <c r="V1560">
        <v>19</v>
      </c>
      <c r="W1560">
        <v>19</v>
      </c>
      <c r="X1560">
        <v>20</v>
      </c>
      <c r="Y1560">
        <v>20</v>
      </c>
      <c r="Z1560">
        <v>20</v>
      </c>
      <c r="AA1560">
        <v>20</v>
      </c>
      <c r="AB1560">
        <v>20</v>
      </c>
      <c r="AC1560">
        <v>20</v>
      </c>
      <c r="AD1560">
        <v>20</v>
      </c>
      <c r="AE1560">
        <v>20</v>
      </c>
      <c r="AF1560">
        <v>20</v>
      </c>
      <c r="AG1560">
        <v>20</v>
      </c>
      <c r="AH1560">
        <v>20</v>
      </c>
      <c r="AI1560">
        <v>20</v>
      </c>
      <c r="AJ1560">
        <v>20</v>
      </c>
      <c r="AK1560">
        <v>20</v>
      </c>
      <c r="AL1560">
        <v>20</v>
      </c>
      <c r="AM1560">
        <v>20</v>
      </c>
      <c r="AN1560">
        <v>19</v>
      </c>
      <c r="AO1560">
        <v>19</v>
      </c>
      <c r="AP1560">
        <v>19</v>
      </c>
      <c r="AQ1560">
        <v>19</v>
      </c>
    </row>
    <row r="1561" spans="1:43">
      <c r="A1561" t="s">
        <v>1050</v>
      </c>
      <c r="B1561" t="s">
        <v>1051</v>
      </c>
      <c r="C1561" t="s">
        <v>1046</v>
      </c>
      <c r="D1561" t="s">
        <v>1047</v>
      </c>
      <c r="E1561" t="s">
        <v>847</v>
      </c>
      <c r="F1561" t="s">
        <v>848</v>
      </c>
      <c r="G1561" t="s">
        <v>80</v>
      </c>
      <c r="H1561" t="s">
        <v>81</v>
      </c>
      <c r="I1561" s="2">
        <v>0</v>
      </c>
      <c r="J1561" s="2">
        <v>1</v>
      </c>
      <c r="K1561" s="2">
        <v>0</v>
      </c>
      <c r="L1561" t="s">
        <v>82</v>
      </c>
      <c r="M1561" t="s">
        <v>83</v>
      </c>
      <c r="N1561" t="s">
        <v>91</v>
      </c>
      <c r="O1561" t="s">
        <v>85</v>
      </c>
      <c r="P1561" t="s">
        <v>86</v>
      </c>
      <c r="Q1561">
        <v>18</v>
      </c>
      <c r="R1561">
        <v>18</v>
      </c>
      <c r="S1561">
        <v>18</v>
      </c>
      <c r="T1561">
        <v>18</v>
      </c>
      <c r="U1561">
        <v>18</v>
      </c>
      <c r="V1561">
        <v>18</v>
      </c>
      <c r="W1561">
        <v>18</v>
      </c>
      <c r="X1561">
        <v>19</v>
      </c>
      <c r="Y1561">
        <v>19</v>
      </c>
      <c r="Z1561">
        <v>19</v>
      </c>
      <c r="AA1561">
        <v>19</v>
      </c>
      <c r="AB1561">
        <v>19</v>
      </c>
      <c r="AC1561">
        <v>19</v>
      </c>
      <c r="AD1561">
        <v>19</v>
      </c>
      <c r="AE1561">
        <v>19</v>
      </c>
      <c r="AF1561">
        <v>19</v>
      </c>
      <c r="AG1561">
        <v>19</v>
      </c>
      <c r="AH1561">
        <v>19</v>
      </c>
      <c r="AI1561">
        <v>19</v>
      </c>
      <c r="AJ1561">
        <v>19</v>
      </c>
      <c r="AK1561">
        <v>19</v>
      </c>
      <c r="AL1561">
        <v>19</v>
      </c>
      <c r="AM1561">
        <v>19</v>
      </c>
      <c r="AN1561">
        <v>19</v>
      </c>
      <c r="AO1561">
        <v>19</v>
      </c>
      <c r="AP1561">
        <v>19</v>
      </c>
      <c r="AQ1561">
        <v>19</v>
      </c>
    </row>
    <row r="1562" spans="1:43">
      <c r="A1562" t="s">
        <v>1052</v>
      </c>
      <c r="B1562" t="s">
        <v>1053</v>
      </c>
      <c r="C1562" t="s">
        <v>865</v>
      </c>
      <c r="D1562" t="s">
        <v>866</v>
      </c>
      <c r="E1562" t="s">
        <v>847</v>
      </c>
      <c r="F1562" t="s">
        <v>848</v>
      </c>
      <c r="G1562" t="s">
        <v>80</v>
      </c>
      <c r="H1562" t="s">
        <v>81</v>
      </c>
      <c r="I1562" s="2">
        <v>0</v>
      </c>
      <c r="J1562" s="2">
        <v>1</v>
      </c>
      <c r="K1562" s="2">
        <v>0</v>
      </c>
      <c r="L1562" t="s">
        <v>82</v>
      </c>
      <c r="M1562" t="s">
        <v>83</v>
      </c>
      <c r="N1562" t="s">
        <v>84</v>
      </c>
      <c r="O1562" t="s">
        <v>85</v>
      </c>
      <c r="P1562" t="s">
        <v>86</v>
      </c>
      <c r="Q1562">
        <v>12</v>
      </c>
      <c r="R1562">
        <v>12</v>
      </c>
      <c r="S1562">
        <v>12</v>
      </c>
      <c r="T1562">
        <v>12</v>
      </c>
      <c r="U1562">
        <v>12</v>
      </c>
      <c r="V1562">
        <v>12</v>
      </c>
      <c r="W1562">
        <v>12</v>
      </c>
      <c r="X1562">
        <v>12</v>
      </c>
      <c r="Y1562">
        <v>12</v>
      </c>
      <c r="Z1562">
        <v>12</v>
      </c>
      <c r="AA1562">
        <v>12</v>
      </c>
      <c r="AB1562">
        <v>12</v>
      </c>
      <c r="AC1562">
        <v>12</v>
      </c>
      <c r="AD1562">
        <v>12</v>
      </c>
      <c r="AE1562">
        <v>12</v>
      </c>
      <c r="AF1562">
        <v>12</v>
      </c>
      <c r="AG1562">
        <v>13</v>
      </c>
      <c r="AH1562">
        <v>13</v>
      </c>
      <c r="AI1562">
        <v>13</v>
      </c>
      <c r="AJ1562">
        <v>13</v>
      </c>
      <c r="AK1562">
        <v>13</v>
      </c>
      <c r="AL1562">
        <v>13</v>
      </c>
      <c r="AM1562">
        <v>13</v>
      </c>
      <c r="AN1562">
        <v>12</v>
      </c>
      <c r="AO1562">
        <v>12</v>
      </c>
      <c r="AP1562">
        <v>12</v>
      </c>
      <c r="AQ1562">
        <v>12</v>
      </c>
    </row>
    <row r="1563" spans="1:43">
      <c r="A1563" t="s">
        <v>1052</v>
      </c>
      <c r="B1563" t="s">
        <v>1053</v>
      </c>
      <c r="C1563" t="s">
        <v>865</v>
      </c>
      <c r="D1563" t="s">
        <v>866</v>
      </c>
      <c r="E1563" t="s">
        <v>847</v>
      </c>
      <c r="F1563" t="s">
        <v>848</v>
      </c>
      <c r="G1563" t="s">
        <v>80</v>
      </c>
      <c r="H1563" t="s">
        <v>81</v>
      </c>
      <c r="I1563" s="2">
        <v>0</v>
      </c>
      <c r="J1563" s="2">
        <v>1</v>
      </c>
      <c r="K1563" s="2">
        <v>0</v>
      </c>
      <c r="L1563" t="s">
        <v>82</v>
      </c>
      <c r="M1563" t="s">
        <v>87</v>
      </c>
      <c r="N1563" t="s">
        <v>88</v>
      </c>
      <c r="O1563" t="s">
        <v>85</v>
      </c>
      <c r="P1563" t="s">
        <v>86</v>
      </c>
      <c r="Q1563">
        <v>12</v>
      </c>
      <c r="R1563">
        <v>12</v>
      </c>
      <c r="S1563">
        <v>12</v>
      </c>
      <c r="T1563">
        <v>11</v>
      </c>
      <c r="U1563">
        <v>11</v>
      </c>
      <c r="V1563">
        <v>11</v>
      </c>
      <c r="W1563">
        <v>11</v>
      </c>
      <c r="X1563">
        <v>11</v>
      </c>
      <c r="Y1563">
        <v>11</v>
      </c>
      <c r="Z1563">
        <v>11</v>
      </c>
      <c r="AA1563">
        <v>11</v>
      </c>
      <c r="AB1563">
        <v>11</v>
      </c>
      <c r="AC1563">
        <v>11</v>
      </c>
      <c r="AD1563">
        <v>11</v>
      </c>
      <c r="AE1563">
        <v>11</v>
      </c>
      <c r="AF1563">
        <v>11</v>
      </c>
      <c r="AG1563">
        <v>11</v>
      </c>
      <c r="AH1563">
        <v>11</v>
      </c>
      <c r="AI1563">
        <v>11</v>
      </c>
      <c r="AJ1563">
        <v>11</v>
      </c>
      <c r="AK1563">
        <v>11</v>
      </c>
      <c r="AL1563">
        <v>11</v>
      </c>
      <c r="AM1563">
        <v>11</v>
      </c>
      <c r="AN1563">
        <v>11</v>
      </c>
      <c r="AO1563">
        <v>11</v>
      </c>
      <c r="AP1563">
        <v>11</v>
      </c>
      <c r="AQ1563">
        <v>11</v>
      </c>
    </row>
    <row r="1564" spans="1:43">
      <c r="A1564" t="s">
        <v>1052</v>
      </c>
      <c r="B1564" t="s">
        <v>1053</v>
      </c>
      <c r="C1564" t="s">
        <v>865</v>
      </c>
      <c r="D1564" t="s">
        <v>866</v>
      </c>
      <c r="E1564" t="s">
        <v>847</v>
      </c>
      <c r="F1564" t="s">
        <v>848</v>
      </c>
      <c r="G1564" t="s">
        <v>80</v>
      </c>
      <c r="H1564" t="s">
        <v>81</v>
      </c>
      <c r="I1564" s="2">
        <v>0</v>
      </c>
      <c r="J1564" s="2">
        <v>1</v>
      </c>
      <c r="K1564" s="2">
        <v>0</v>
      </c>
      <c r="L1564" t="s">
        <v>82</v>
      </c>
      <c r="M1564" t="s">
        <v>89</v>
      </c>
      <c r="N1564" t="s">
        <v>90</v>
      </c>
      <c r="O1564" t="s">
        <v>85</v>
      </c>
      <c r="P1564" t="s">
        <v>86</v>
      </c>
      <c r="Q1564">
        <v>12</v>
      </c>
      <c r="R1564">
        <v>12</v>
      </c>
      <c r="S1564">
        <v>12</v>
      </c>
      <c r="T1564">
        <v>12</v>
      </c>
      <c r="U1564">
        <v>12</v>
      </c>
      <c r="V1564">
        <v>13</v>
      </c>
      <c r="W1564">
        <v>13</v>
      </c>
      <c r="X1564">
        <v>13</v>
      </c>
      <c r="Y1564">
        <v>13</v>
      </c>
      <c r="Z1564">
        <v>13</v>
      </c>
      <c r="AA1564">
        <v>13</v>
      </c>
      <c r="AB1564">
        <v>13</v>
      </c>
      <c r="AC1564">
        <v>13</v>
      </c>
      <c r="AD1564">
        <v>13</v>
      </c>
      <c r="AE1564">
        <v>13</v>
      </c>
      <c r="AF1564">
        <v>13</v>
      </c>
      <c r="AG1564">
        <v>13</v>
      </c>
      <c r="AH1564">
        <v>13</v>
      </c>
      <c r="AI1564">
        <v>13</v>
      </c>
      <c r="AJ1564">
        <v>13</v>
      </c>
      <c r="AK1564">
        <v>13</v>
      </c>
      <c r="AL1564">
        <v>13</v>
      </c>
      <c r="AM1564">
        <v>13</v>
      </c>
      <c r="AN1564">
        <v>13</v>
      </c>
      <c r="AO1564">
        <v>13</v>
      </c>
      <c r="AP1564">
        <v>12</v>
      </c>
      <c r="AQ1564">
        <v>12</v>
      </c>
    </row>
    <row r="1565" spans="1:43">
      <c r="A1565" t="s">
        <v>1052</v>
      </c>
      <c r="B1565" t="s">
        <v>1053</v>
      </c>
      <c r="C1565" t="s">
        <v>865</v>
      </c>
      <c r="D1565" t="s">
        <v>866</v>
      </c>
      <c r="E1565" t="s">
        <v>847</v>
      </c>
      <c r="F1565" t="s">
        <v>848</v>
      </c>
      <c r="G1565" t="s">
        <v>80</v>
      </c>
      <c r="H1565" t="s">
        <v>81</v>
      </c>
      <c r="I1565" s="2">
        <v>0</v>
      </c>
      <c r="J1565" s="2">
        <v>1</v>
      </c>
      <c r="K1565" s="2">
        <v>0</v>
      </c>
      <c r="L1565" t="s">
        <v>82</v>
      </c>
      <c r="M1565" t="s">
        <v>83</v>
      </c>
      <c r="N1565" t="s">
        <v>91</v>
      </c>
      <c r="O1565" t="s">
        <v>85</v>
      </c>
      <c r="P1565" t="s">
        <v>86</v>
      </c>
      <c r="Q1565">
        <v>12</v>
      </c>
      <c r="R1565">
        <v>12</v>
      </c>
      <c r="S1565">
        <v>12</v>
      </c>
      <c r="T1565">
        <v>12</v>
      </c>
      <c r="U1565">
        <v>12</v>
      </c>
      <c r="V1565">
        <v>12</v>
      </c>
      <c r="W1565">
        <v>12</v>
      </c>
      <c r="X1565">
        <v>12</v>
      </c>
      <c r="Y1565">
        <v>12</v>
      </c>
      <c r="Z1565">
        <v>12</v>
      </c>
      <c r="AA1565">
        <v>12</v>
      </c>
      <c r="AB1565">
        <v>12</v>
      </c>
      <c r="AC1565">
        <v>12</v>
      </c>
      <c r="AD1565">
        <v>12</v>
      </c>
      <c r="AE1565">
        <v>12</v>
      </c>
      <c r="AF1565">
        <v>12</v>
      </c>
      <c r="AG1565">
        <v>13</v>
      </c>
      <c r="AH1565">
        <v>13</v>
      </c>
      <c r="AI1565">
        <v>13</v>
      </c>
      <c r="AJ1565">
        <v>13</v>
      </c>
      <c r="AK1565">
        <v>13</v>
      </c>
      <c r="AL1565">
        <v>13</v>
      </c>
      <c r="AM1565">
        <v>13</v>
      </c>
      <c r="AN1565">
        <v>12</v>
      </c>
      <c r="AO1565">
        <v>12</v>
      </c>
      <c r="AP1565">
        <v>12</v>
      </c>
      <c r="AQ1565">
        <v>12</v>
      </c>
    </row>
    <row r="1566" spans="1:43">
      <c r="A1566" t="s">
        <v>1054</v>
      </c>
      <c r="B1566" t="s">
        <v>1055</v>
      </c>
      <c r="C1566" t="s">
        <v>865</v>
      </c>
      <c r="D1566" t="s">
        <v>866</v>
      </c>
      <c r="E1566" t="s">
        <v>847</v>
      </c>
      <c r="F1566" t="s">
        <v>848</v>
      </c>
      <c r="G1566" t="s">
        <v>80</v>
      </c>
      <c r="H1566" t="s">
        <v>81</v>
      </c>
      <c r="I1566" s="2">
        <v>0</v>
      </c>
      <c r="J1566" s="2">
        <v>1</v>
      </c>
      <c r="K1566" s="2">
        <v>0</v>
      </c>
      <c r="L1566" t="s">
        <v>82</v>
      </c>
      <c r="M1566" t="s">
        <v>83</v>
      </c>
      <c r="N1566" t="s">
        <v>84</v>
      </c>
      <c r="O1566" t="s">
        <v>85</v>
      </c>
      <c r="P1566" t="s">
        <v>86</v>
      </c>
      <c r="Q1566">
        <v>61</v>
      </c>
      <c r="R1566">
        <v>61</v>
      </c>
      <c r="S1566">
        <v>62</v>
      </c>
      <c r="T1566">
        <v>62</v>
      </c>
      <c r="U1566">
        <v>63</v>
      </c>
      <c r="V1566">
        <v>63</v>
      </c>
      <c r="W1566">
        <v>63</v>
      </c>
      <c r="X1566">
        <v>64</v>
      </c>
      <c r="Y1566">
        <v>64</v>
      </c>
      <c r="Z1566">
        <v>64</v>
      </c>
      <c r="AA1566">
        <v>65</v>
      </c>
      <c r="AB1566">
        <v>65</v>
      </c>
      <c r="AC1566">
        <v>65</v>
      </c>
      <c r="AD1566">
        <v>66</v>
      </c>
      <c r="AE1566">
        <v>66</v>
      </c>
      <c r="AF1566">
        <v>66</v>
      </c>
      <c r="AG1566">
        <v>66</v>
      </c>
      <c r="AH1566">
        <v>67</v>
      </c>
      <c r="AI1566">
        <v>67</v>
      </c>
      <c r="AJ1566">
        <v>67</v>
      </c>
      <c r="AK1566">
        <v>67</v>
      </c>
      <c r="AL1566">
        <v>67</v>
      </c>
      <c r="AM1566">
        <v>67</v>
      </c>
      <c r="AN1566">
        <v>67</v>
      </c>
      <c r="AO1566">
        <v>66</v>
      </c>
      <c r="AP1566">
        <v>66</v>
      </c>
      <c r="AQ1566">
        <v>66</v>
      </c>
    </row>
    <row r="1567" spans="1:43">
      <c r="A1567" t="s">
        <v>1054</v>
      </c>
      <c r="B1567" t="s">
        <v>1055</v>
      </c>
      <c r="C1567" t="s">
        <v>865</v>
      </c>
      <c r="D1567" t="s">
        <v>866</v>
      </c>
      <c r="E1567" t="s">
        <v>847</v>
      </c>
      <c r="F1567" t="s">
        <v>848</v>
      </c>
      <c r="G1567" t="s">
        <v>80</v>
      </c>
      <c r="H1567" t="s">
        <v>81</v>
      </c>
      <c r="I1567" s="2">
        <v>0</v>
      </c>
      <c r="J1567" s="2">
        <v>1</v>
      </c>
      <c r="K1567" s="2">
        <v>0</v>
      </c>
      <c r="L1567" t="s">
        <v>82</v>
      </c>
      <c r="M1567" t="s">
        <v>87</v>
      </c>
      <c r="N1567" t="s">
        <v>88</v>
      </c>
      <c r="O1567" t="s">
        <v>85</v>
      </c>
      <c r="P1567" t="s">
        <v>86</v>
      </c>
      <c r="Q1567">
        <v>61</v>
      </c>
      <c r="R1567">
        <v>61</v>
      </c>
      <c r="S1567">
        <v>61</v>
      </c>
      <c r="T1567">
        <v>61</v>
      </c>
      <c r="U1567">
        <v>61</v>
      </c>
      <c r="V1567">
        <v>61</v>
      </c>
      <c r="W1567">
        <v>61</v>
      </c>
      <c r="X1567">
        <v>60</v>
      </c>
      <c r="Y1567">
        <v>60</v>
      </c>
      <c r="Z1567">
        <v>60</v>
      </c>
      <c r="AA1567">
        <v>60</v>
      </c>
      <c r="AB1567">
        <v>60</v>
      </c>
      <c r="AC1567">
        <v>60</v>
      </c>
      <c r="AD1567">
        <v>60</v>
      </c>
      <c r="AE1567">
        <v>60</v>
      </c>
      <c r="AF1567">
        <v>59</v>
      </c>
      <c r="AG1567">
        <v>59</v>
      </c>
      <c r="AH1567">
        <v>59</v>
      </c>
      <c r="AI1567">
        <v>59</v>
      </c>
      <c r="AJ1567">
        <v>59</v>
      </c>
      <c r="AK1567">
        <v>59</v>
      </c>
      <c r="AL1567">
        <v>59</v>
      </c>
      <c r="AM1567">
        <v>59</v>
      </c>
      <c r="AN1567">
        <v>59</v>
      </c>
      <c r="AO1567">
        <v>59</v>
      </c>
      <c r="AP1567">
        <v>59</v>
      </c>
      <c r="AQ1567">
        <v>59</v>
      </c>
    </row>
    <row r="1568" spans="1:43">
      <c r="A1568" t="s">
        <v>1054</v>
      </c>
      <c r="B1568" t="s">
        <v>1055</v>
      </c>
      <c r="C1568" t="s">
        <v>865</v>
      </c>
      <c r="D1568" t="s">
        <v>866</v>
      </c>
      <c r="E1568" t="s">
        <v>847</v>
      </c>
      <c r="F1568" t="s">
        <v>848</v>
      </c>
      <c r="G1568" t="s">
        <v>80</v>
      </c>
      <c r="H1568" t="s">
        <v>81</v>
      </c>
      <c r="I1568" s="2">
        <v>0</v>
      </c>
      <c r="J1568" s="2">
        <v>1</v>
      </c>
      <c r="K1568" s="2">
        <v>0</v>
      </c>
      <c r="L1568" t="s">
        <v>82</v>
      </c>
      <c r="M1568" t="s">
        <v>89</v>
      </c>
      <c r="N1568" t="s">
        <v>90</v>
      </c>
      <c r="O1568" t="s">
        <v>85</v>
      </c>
      <c r="P1568" t="s">
        <v>86</v>
      </c>
      <c r="Q1568">
        <v>61</v>
      </c>
      <c r="R1568">
        <v>62</v>
      </c>
      <c r="S1568">
        <v>63</v>
      </c>
      <c r="T1568">
        <v>64</v>
      </c>
      <c r="U1568">
        <v>65</v>
      </c>
      <c r="V1568">
        <v>66</v>
      </c>
      <c r="W1568">
        <v>67</v>
      </c>
      <c r="X1568">
        <v>67</v>
      </c>
      <c r="Y1568">
        <v>68</v>
      </c>
      <c r="Z1568">
        <v>68</v>
      </c>
      <c r="AA1568">
        <v>69</v>
      </c>
      <c r="AB1568">
        <v>69</v>
      </c>
      <c r="AC1568">
        <v>70</v>
      </c>
      <c r="AD1568">
        <v>70</v>
      </c>
      <c r="AE1568">
        <v>70</v>
      </c>
      <c r="AF1568">
        <v>70</v>
      </c>
      <c r="AG1568">
        <v>70</v>
      </c>
      <c r="AH1568">
        <v>69</v>
      </c>
      <c r="AI1568">
        <v>69</v>
      </c>
      <c r="AJ1568">
        <v>69</v>
      </c>
      <c r="AK1568">
        <v>68</v>
      </c>
      <c r="AL1568">
        <v>68</v>
      </c>
      <c r="AM1568">
        <v>68</v>
      </c>
      <c r="AN1568">
        <v>68</v>
      </c>
      <c r="AO1568">
        <v>67</v>
      </c>
      <c r="AP1568">
        <v>67</v>
      </c>
      <c r="AQ1568">
        <v>67</v>
      </c>
    </row>
    <row r="1569" spans="1:43">
      <c r="A1569" t="s">
        <v>1054</v>
      </c>
      <c r="B1569" t="s">
        <v>1055</v>
      </c>
      <c r="C1569" t="s">
        <v>865</v>
      </c>
      <c r="D1569" t="s">
        <v>866</v>
      </c>
      <c r="E1569" t="s">
        <v>847</v>
      </c>
      <c r="F1569" t="s">
        <v>848</v>
      </c>
      <c r="G1569" t="s">
        <v>80</v>
      </c>
      <c r="H1569" t="s">
        <v>81</v>
      </c>
      <c r="I1569" s="2">
        <v>0</v>
      </c>
      <c r="J1569" s="2">
        <v>1</v>
      </c>
      <c r="K1569" s="2">
        <v>0</v>
      </c>
      <c r="L1569" t="s">
        <v>82</v>
      </c>
      <c r="M1569" t="s">
        <v>83</v>
      </c>
      <c r="N1569" t="s">
        <v>91</v>
      </c>
      <c r="O1569" t="s">
        <v>85</v>
      </c>
      <c r="P1569" t="s">
        <v>86</v>
      </c>
      <c r="Q1569">
        <v>61</v>
      </c>
      <c r="R1569">
        <v>61</v>
      </c>
      <c r="S1569">
        <v>62</v>
      </c>
      <c r="T1569">
        <v>62</v>
      </c>
      <c r="U1569">
        <v>63</v>
      </c>
      <c r="V1569">
        <v>63</v>
      </c>
      <c r="W1569">
        <v>63</v>
      </c>
      <c r="X1569">
        <v>64</v>
      </c>
      <c r="Y1569">
        <v>64</v>
      </c>
      <c r="Z1569">
        <v>64</v>
      </c>
      <c r="AA1569">
        <v>65</v>
      </c>
      <c r="AB1569">
        <v>65</v>
      </c>
      <c r="AC1569">
        <v>65</v>
      </c>
      <c r="AD1569">
        <v>66</v>
      </c>
      <c r="AE1569">
        <v>66</v>
      </c>
      <c r="AF1569">
        <v>66</v>
      </c>
      <c r="AG1569">
        <v>66</v>
      </c>
      <c r="AH1569">
        <v>67</v>
      </c>
      <c r="AI1569">
        <v>67</v>
      </c>
      <c r="AJ1569">
        <v>67</v>
      </c>
      <c r="AK1569">
        <v>67</v>
      </c>
      <c r="AL1569">
        <v>67</v>
      </c>
      <c r="AM1569">
        <v>67</v>
      </c>
      <c r="AN1569">
        <v>67</v>
      </c>
      <c r="AO1569">
        <v>66</v>
      </c>
      <c r="AP1569">
        <v>66</v>
      </c>
      <c r="AQ1569">
        <v>66</v>
      </c>
    </row>
    <row r="1570" spans="1:43">
      <c r="A1570" t="s">
        <v>1056</v>
      </c>
      <c r="B1570" t="s">
        <v>1057</v>
      </c>
      <c r="C1570" t="s">
        <v>1046</v>
      </c>
      <c r="D1570" t="s">
        <v>1047</v>
      </c>
      <c r="E1570" t="s">
        <v>847</v>
      </c>
      <c r="F1570" t="s">
        <v>848</v>
      </c>
      <c r="G1570" t="s">
        <v>80</v>
      </c>
      <c r="H1570" t="s">
        <v>81</v>
      </c>
      <c r="I1570" s="2">
        <v>0</v>
      </c>
      <c r="J1570" s="2">
        <v>1</v>
      </c>
      <c r="K1570" s="2">
        <v>0</v>
      </c>
      <c r="L1570" t="s">
        <v>82</v>
      </c>
      <c r="M1570" t="s">
        <v>83</v>
      </c>
      <c r="N1570" t="s">
        <v>84</v>
      </c>
      <c r="O1570" t="s">
        <v>85</v>
      </c>
      <c r="P1570" t="s">
        <v>86</v>
      </c>
      <c r="Q1570">
        <v>48</v>
      </c>
      <c r="R1570">
        <v>48</v>
      </c>
      <c r="S1570">
        <v>48</v>
      </c>
      <c r="T1570">
        <v>49</v>
      </c>
      <c r="U1570">
        <v>49</v>
      </c>
      <c r="V1570">
        <v>49</v>
      </c>
      <c r="W1570">
        <v>49</v>
      </c>
      <c r="X1570">
        <v>49</v>
      </c>
      <c r="Y1570">
        <v>50</v>
      </c>
      <c r="Z1570">
        <v>50</v>
      </c>
      <c r="AA1570">
        <v>50</v>
      </c>
      <c r="AB1570">
        <v>50</v>
      </c>
      <c r="AC1570">
        <v>50</v>
      </c>
      <c r="AD1570">
        <v>50</v>
      </c>
      <c r="AE1570">
        <v>50</v>
      </c>
      <c r="AF1570">
        <v>50</v>
      </c>
      <c r="AG1570">
        <v>50</v>
      </c>
      <c r="AH1570">
        <v>50</v>
      </c>
      <c r="AI1570">
        <v>51</v>
      </c>
      <c r="AJ1570">
        <v>51</v>
      </c>
      <c r="AK1570">
        <v>51</v>
      </c>
      <c r="AL1570">
        <v>50</v>
      </c>
      <c r="AM1570">
        <v>50</v>
      </c>
      <c r="AN1570">
        <v>50</v>
      </c>
      <c r="AO1570">
        <v>49</v>
      </c>
      <c r="AP1570">
        <v>49</v>
      </c>
      <c r="AQ1570">
        <v>49</v>
      </c>
    </row>
    <row r="1571" spans="1:43">
      <c r="A1571" t="s">
        <v>1056</v>
      </c>
      <c r="B1571" t="s">
        <v>1057</v>
      </c>
      <c r="C1571" t="s">
        <v>1046</v>
      </c>
      <c r="D1571" t="s">
        <v>1047</v>
      </c>
      <c r="E1571" t="s">
        <v>847</v>
      </c>
      <c r="F1571" t="s">
        <v>848</v>
      </c>
      <c r="G1571" t="s">
        <v>80</v>
      </c>
      <c r="H1571" t="s">
        <v>81</v>
      </c>
      <c r="I1571" s="2">
        <v>0</v>
      </c>
      <c r="J1571" s="2">
        <v>1</v>
      </c>
      <c r="K1571" s="2">
        <v>0</v>
      </c>
      <c r="L1571" t="s">
        <v>82</v>
      </c>
      <c r="M1571" t="s">
        <v>87</v>
      </c>
      <c r="N1571" t="s">
        <v>88</v>
      </c>
      <c r="O1571" t="s">
        <v>85</v>
      </c>
      <c r="P1571" t="s">
        <v>86</v>
      </c>
      <c r="Q1571">
        <v>48</v>
      </c>
      <c r="R1571">
        <v>47</v>
      </c>
      <c r="S1571">
        <v>47</v>
      </c>
      <c r="T1571">
        <v>47</v>
      </c>
      <c r="U1571">
        <v>47</v>
      </c>
      <c r="V1571">
        <v>46</v>
      </c>
      <c r="W1571">
        <v>46</v>
      </c>
      <c r="X1571">
        <v>46</v>
      </c>
      <c r="Y1571">
        <v>46</v>
      </c>
      <c r="Z1571">
        <v>46</v>
      </c>
      <c r="AA1571">
        <v>45</v>
      </c>
      <c r="AB1571">
        <v>45</v>
      </c>
      <c r="AC1571">
        <v>45</v>
      </c>
      <c r="AD1571">
        <v>45</v>
      </c>
      <c r="AE1571">
        <v>45</v>
      </c>
      <c r="AF1571">
        <v>44</v>
      </c>
      <c r="AG1571">
        <v>44</v>
      </c>
      <c r="AH1571">
        <v>44</v>
      </c>
      <c r="AI1571">
        <v>44</v>
      </c>
      <c r="AJ1571">
        <v>44</v>
      </c>
      <c r="AK1571">
        <v>43</v>
      </c>
      <c r="AL1571">
        <v>43</v>
      </c>
      <c r="AM1571">
        <v>43</v>
      </c>
      <c r="AN1571">
        <v>43</v>
      </c>
      <c r="AO1571">
        <v>43</v>
      </c>
      <c r="AP1571">
        <v>42</v>
      </c>
      <c r="AQ1571">
        <v>42</v>
      </c>
    </row>
    <row r="1572" spans="1:43">
      <c r="A1572" t="s">
        <v>1056</v>
      </c>
      <c r="B1572" t="s">
        <v>1057</v>
      </c>
      <c r="C1572" t="s">
        <v>1046</v>
      </c>
      <c r="D1572" t="s">
        <v>1047</v>
      </c>
      <c r="E1572" t="s">
        <v>847</v>
      </c>
      <c r="F1572" t="s">
        <v>848</v>
      </c>
      <c r="G1572" t="s">
        <v>80</v>
      </c>
      <c r="H1572" t="s">
        <v>81</v>
      </c>
      <c r="I1572" s="2">
        <v>0</v>
      </c>
      <c r="J1572" s="2">
        <v>1</v>
      </c>
      <c r="K1572" s="2">
        <v>0</v>
      </c>
      <c r="L1572" t="s">
        <v>82</v>
      </c>
      <c r="M1572" t="s">
        <v>89</v>
      </c>
      <c r="N1572" t="s">
        <v>90</v>
      </c>
      <c r="O1572" t="s">
        <v>85</v>
      </c>
      <c r="P1572" t="s">
        <v>86</v>
      </c>
      <c r="Q1572">
        <v>48</v>
      </c>
      <c r="R1572">
        <v>49</v>
      </c>
      <c r="S1572">
        <v>50</v>
      </c>
      <c r="T1572">
        <v>50</v>
      </c>
      <c r="U1572">
        <v>51</v>
      </c>
      <c r="V1572">
        <v>51</v>
      </c>
      <c r="W1572">
        <v>52</v>
      </c>
      <c r="X1572">
        <v>52</v>
      </c>
      <c r="Y1572">
        <v>52</v>
      </c>
      <c r="Z1572">
        <v>53</v>
      </c>
      <c r="AA1572">
        <v>53</v>
      </c>
      <c r="AB1572">
        <v>53</v>
      </c>
      <c r="AC1572">
        <v>54</v>
      </c>
      <c r="AD1572">
        <v>54</v>
      </c>
      <c r="AE1572">
        <v>54</v>
      </c>
      <c r="AF1572">
        <v>53</v>
      </c>
      <c r="AG1572">
        <v>53</v>
      </c>
      <c r="AH1572">
        <v>53</v>
      </c>
      <c r="AI1572">
        <v>52</v>
      </c>
      <c r="AJ1572">
        <v>52</v>
      </c>
      <c r="AK1572">
        <v>51</v>
      </c>
      <c r="AL1572">
        <v>51</v>
      </c>
      <c r="AM1572">
        <v>51</v>
      </c>
      <c r="AN1572">
        <v>50</v>
      </c>
      <c r="AO1572">
        <v>50</v>
      </c>
      <c r="AP1572">
        <v>50</v>
      </c>
      <c r="AQ1572">
        <v>49</v>
      </c>
    </row>
    <row r="1573" spans="1:43">
      <c r="A1573" t="s">
        <v>1056</v>
      </c>
      <c r="B1573" t="s">
        <v>1057</v>
      </c>
      <c r="C1573" t="s">
        <v>1046</v>
      </c>
      <c r="D1573" t="s">
        <v>1047</v>
      </c>
      <c r="E1573" t="s">
        <v>847</v>
      </c>
      <c r="F1573" t="s">
        <v>848</v>
      </c>
      <c r="G1573" t="s">
        <v>80</v>
      </c>
      <c r="H1573" t="s">
        <v>81</v>
      </c>
      <c r="I1573" s="2">
        <v>0</v>
      </c>
      <c r="J1573" s="2">
        <v>1</v>
      </c>
      <c r="K1573" s="2">
        <v>0</v>
      </c>
      <c r="L1573" t="s">
        <v>82</v>
      </c>
      <c r="M1573" t="s">
        <v>83</v>
      </c>
      <c r="N1573" t="s">
        <v>91</v>
      </c>
      <c r="O1573" t="s">
        <v>85</v>
      </c>
      <c r="P1573" t="s">
        <v>86</v>
      </c>
      <c r="Q1573">
        <v>48</v>
      </c>
      <c r="R1573">
        <v>48</v>
      </c>
      <c r="S1573">
        <v>48</v>
      </c>
      <c r="T1573">
        <v>49</v>
      </c>
      <c r="U1573">
        <v>49</v>
      </c>
      <c r="V1573">
        <v>49</v>
      </c>
      <c r="W1573">
        <v>49</v>
      </c>
      <c r="X1573">
        <v>49</v>
      </c>
      <c r="Y1573">
        <v>50</v>
      </c>
      <c r="Z1573">
        <v>50</v>
      </c>
      <c r="AA1573">
        <v>50</v>
      </c>
      <c r="AB1573">
        <v>50</v>
      </c>
      <c r="AC1573">
        <v>50</v>
      </c>
      <c r="AD1573">
        <v>50</v>
      </c>
      <c r="AE1573">
        <v>50</v>
      </c>
      <c r="AF1573">
        <v>50</v>
      </c>
      <c r="AG1573">
        <v>50</v>
      </c>
      <c r="AH1573">
        <v>50</v>
      </c>
      <c r="AI1573">
        <v>51</v>
      </c>
      <c r="AJ1573">
        <v>51</v>
      </c>
      <c r="AK1573">
        <v>51</v>
      </c>
      <c r="AL1573">
        <v>50</v>
      </c>
      <c r="AM1573">
        <v>50</v>
      </c>
      <c r="AN1573">
        <v>50</v>
      </c>
      <c r="AO1573">
        <v>49</v>
      </c>
      <c r="AP1573">
        <v>49</v>
      </c>
      <c r="AQ1573">
        <v>49</v>
      </c>
    </row>
    <row r="1574" spans="1:43">
      <c r="A1574" t="s">
        <v>1058</v>
      </c>
      <c r="B1574" t="s">
        <v>1059</v>
      </c>
      <c r="C1574" t="s">
        <v>1012</v>
      </c>
      <c r="D1574" t="s">
        <v>1013</v>
      </c>
      <c r="E1574" t="s">
        <v>847</v>
      </c>
      <c r="F1574" t="s">
        <v>848</v>
      </c>
      <c r="G1574" t="s">
        <v>80</v>
      </c>
      <c r="H1574" t="s">
        <v>81</v>
      </c>
      <c r="I1574" s="2">
        <v>0</v>
      </c>
      <c r="J1574" s="2">
        <v>1</v>
      </c>
      <c r="K1574" s="2">
        <v>0</v>
      </c>
      <c r="L1574" t="s">
        <v>82</v>
      </c>
      <c r="M1574" t="s">
        <v>83</v>
      </c>
      <c r="N1574" t="s">
        <v>84</v>
      </c>
      <c r="O1574" t="s">
        <v>85</v>
      </c>
      <c r="P1574" t="s">
        <v>86</v>
      </c>
      <c r="Q1574">
        <v>5</v>
      </c>
      <c r="R1574">
        <v>5</v>
      </c>
      <c r="S1574">
        <v>5</v>
      </c>
      <c r="T1574">
        <v>5</v>
      </c>
      <c r="U1574">
        <v>5</v>
      </c>
      <c r="V1574">
        <v>5</v>
      </c>
      <c r="W1574">
        <v>5</v>
      </c>
      <c r="X1574">
        <v>5</v>
      </c>
      <c r="Y1574">
        <v>5</v>
      </c>
      <c r="Z1574">
        <v>5</v>
      </c>
      <c r="AA1574">
        <v>5</v>
      </c>
      <c r="AB1574">
        <v>5</v>
      </c>
      <c r="AC1574">
        <v>5</v>
      </c>
      <c r="AD1574">
        <v>5</v>
      </c>
      <c r="AE1574">
        <v>5</v>
      </c>
      <c r="AF1574">
        <v>5</v>
      </c>
      <c r="AG1574">
        <v>5</v>
      </c>
      <c r="AH1574">
        <v>5</v>
      </c>
      <c r="AI1574">
        <v>5</v>
      </c>
      <c r="AJ1574">
        <v>5</v>
      </c>
      <c r="AK1574">
        <v>5</v>
      </c>
      <c r="AL1574">
        <v>5</v>
      </c>
      <c r="AM1574">
        <v>5</v>
      </c>
      <c r="AN1574">
        <v>5</v>
      </c>
      <c r="AO1574">
        <v>5</v>
      </c>
      <c r="AP1574">
        <v>5</v>
      </c>
      <c r="AQ1574">
        <v>5</v>
      </c>
    </row>
    <row r="1575" spans="1:43">
      <c r="A1575" t="s">
        <v>1058</v>
      </c>
      <c r="B1575" t="s">
        <v>1059</v>
      </c>
      <c r="C1575" t="s">
        <v>1012</v>
      </c>
      <c r="D1575" t="s">
        <v>1013</v>
      </c>
      <c r="E1575" t="s">
        <v>847</v>
      </c>
      <c r="F1575" t="s">
        <v>848</v>
      </c>
      <c r="G1575" t="s">
        <v>80</v>
      </c>
      <c r="H1575" t="s">
        <v>81</v>
      </c>
      <c r="I1575" s="2">
        <v>0</v>
      </c>
      <c r="J1575" s="2">
        <v>1</v>
      </c>
      <c r="K1575" s="2">
        <v>0</v>
      </c>
      <c r="L1575" t="s">
        <v>82</v>
      </c>
      <c r="M1575" t="s">
        <v>87</v>
      </c>
      <c r="N1575" t="s">
        <v>88</v>
      </c>
      <c r="O1575" t="s">
        <v>85</v>
      </c>
      <c r="P1575" t="s">
        <v>86</v>
      </c>
      <c r="Q1575">
        <v>5</v>
      </c>
      <c r="R1575">
        <v>5</v>
      </c>
      <c r="S1575">
        <v>5</v>
      </c>
      <c r="T1575">
        <v>5</v>
      </c>
      <c r="U1575">
        <v>4</v>
      </c>
      <c r="V1575">
        <v>4</v>
      </c>
      <c r="W1575">
        <v>4</v>
      </c>
      <c r="X1575">
        <v>4</v>
      </c>
      <c r="Y1575">
        <v>4</v>
      </c>
      <c r="Z1575">
        <v>4</v>
      </c>
      <c r="AA1575">
        <v>4</v>
      </c>
      <c r="AB1575">
        <v>4</v>
      </c>
      <c r="AC1575">
        <v>4</v>
      </c>
      <c r="AD1575">
        <v>4</v>
      </c>
      <c r="AE1575">
        <v>4</v>
      </c>
      <c r="AF1575">
        <v>4</v>
      </c>
      <c r="AG1575">
        <v>4</v>
      </c>
      <c r="AH1575">
        <v>4</v>
      </c>
      <c r="AI1575">
        <v>4</v>
      </c>
      <c r="AJ1575">
        <v>4</v>
      </c>
      <c r="AK1575">
        <v>4</v>
      </c>
      <c r="AL1575">
        <v>4</v>
      </c>
      <c r="AM1575">
        <v>4</v>
      </c>
      <c r="AN1575">
        <v>4</v>
      </c>
      <c r="AO1575">
        <v>4</v>
      </c>
      <c r="AP1575">
        <v>4</v>
      </c>
      <c r="AQ1575">
        <v>4</v>
      </c>
    </row>
    <row r="1576" spans="1:43">
      <c r="A1576" t="s">
        <v>1058</v>
      </c>
      <c r="B1576" t="s">
        <v>1059</v>
      </c>
      <c r="C1576" t="s">
        <v>1012</v>
      </c>
      <c r="D1576" t="s">
        <v>1013</v>
      </c>
      <c r="E1576" t="s">
        <v>847</v>
      </c>
      <c r="F1576" t="s">
        <v>848</v>
      </c>
      <c r="G1576" t="s">
        <v>80</v>
      </c>
      <c r="H1576" t="s">
        <v>81</v>
      </c>
      <c r="I1576" s="2">
        <v>0</v>
      </c>
      <c r="J1576" s="2">
        <v>1</v>
      </c>
      <c r="K1576" s="2">
        <v>0</v>
      </c>
      <c r="L1576" t="s">
        <v>82</v>
      </c>
      <c r="M1576" t="s">
        <v>89</v>
      </c>
      <c r="N1576" t="s">
        <v>90</v>
      </c>
      <c r="O1576" t="s">
        <v>85</v>
      </c>
      <c r="P1576" t="s">
        <v>86</v>
      </c>
      <c r="Q1576">
        <v>5</v>
      </c>
      <c r="R1576">
        <v>5</v>
      </c>
      <c r="S1576">
        <v>5</v>
      </c>
      <c r="T1576">
        <v>5</v>
      </c>
      <c r="U1576">
        <v>5</v>
      </c>
      <c r="V1576">
        <v>5</v>
      </c>
      <c r="W1576">
        <v>5</v>
      </c>
      <c r="X1576">
        <v>5</v>
      </c>
      <c r="Y1576">
        <v>5</v>
      </c>
      <c r="Z1576">
        <v>5</v>
      </c>
      <c r="AA1576">
        <v>5</v>
      </c>
      <c r="AB1576">
        <v>5</v>
      </c>
      <c r="AC1576">
        <v>5</v>
      </c>
      <c r="AD1576">
        <v>5</v>
      </c>
      <c r="AE1576">
        <v>5</v>
      </c>
      <c r="AF1576">
        <v>5</v>
      </c>
      <c r="AG1576">
        <v>5</v>
      </c>
      <c r="AH1576">
        <v>5</v>
      </c>
      <c r="AI1576">
        <v>5</v>
      </c>
      <c r="AJ1576">
        <v>5</v>
      </c>
      <c r="AK1576">
        <v>5</v>
      </c>
      <c r="AL1576">
        <v>5</v>
      </c>
      <c r="AM1576">
        <v>5</v>
      </c>
      <c r="AN1576">
        <v>5</v>
      </c>
      <c r="AO1576">
        <v>5</v>
      </c>
      <c r="AP1576">
        <v>5</v>
      </c>
      <c r="AQ1576">
        <v>5</v>
      </c>
    </row>
    <row r="1577" spans="1:43">
      <c r="A1577" t="s">
        <v>1058</v>
      </c>
      <c r="B1577" t="s">
        <v>1059</v>
      </c>
      <c r="C1577" t="s">
        <v>1012</v>
      </c>
      <c r="D1577" t="s">
        <v>1013</v>
      </c>
      <c r="E1577" t="s">
        <v>847</v>
      </c>
      <c r="F1577" t="s">
        <v>848</v>
      </c>
      <c r="G1577" t="s">
        <v>80</v>
      </c>
      <c r="H1577" t="s">
        <v>81</v>
      </c>
      <c r="I1577" s="2">
        <v>0</v>
      </c>
      <c r="J1577" s="2">
        <v>1</v>
      </c>
      <c r="K1577" s="2">
        <v>0</v>
      </c>
      <c r="L1577" t="s">
        <v>82</v>
      </c>
      <c r="M1577" t="s">
        <v>83</v>
      </c>
      <c r="N1577" t="s">
        <v>91</v>
      </c>
      <c r="O1577" t="s">
        <v>85</v>
      </c>
      <c r="P1577" t="s">
        <v>86</v>
      </c>
      <c r="Q1577">
        <v>5</v>
      </c>
      <c r="R1577">
        <v>5</v>
      </c>
      <c r="S1577">
        <v>5</v>
      </c>
      <c r="T1577">
        <v>5</v>
      </c>
      <c r="U1577">
        <v>5</v>
      </c>
      <c r="V1577">
        <v>5</v>
      </c>
      <c r="W1577">
        <v>5</v>
      </c>
      <c r="X1577">
        <v>5</v>
      </c>
      <c r="Y1577">
        <v>5</v>
      </c>
      <c r="Z1577">
        <v>5</v>
      </c>
      <c r="AA1577">
        <v>5</v>
      </c>
      <c r="AB1577">
        <v>5</v>
      </c>
      <c r="AC1577">
        <v>5</v>
      </c>
      <c r="AD1577">
        <v>5</v>
      </c>
      <c r="AE1577">
        <v>5</v>
      </c>
      <c r="AF1577">
        <v>5</v>
      </c>
      <c r="AG1577">
        <v>5</v>
      </c>
      <c r="AH1577">
        <v>5</v>
      </c>
      <c r="AI1577">
        <v>5</v>
      </c>
      <c r="AJ1577">
        <v>5</v>
      </c>
      <c r="AK1577">
        <v>5</v>
      </c>
      <c r="AL1577">
        <v>5</v>
      </c>
      <c r="AM1577">
        <v>5</v>
      </c>
      <c r="AN1577">
        <v>5</v>
      </c>
      <c r="AO1577">
        <v>5</v>
      </c>
      <c r="AP1577">
        <v>5</v>
      </c>
      <c r="AQ1577">
        <v>5</v>
      </c>
    </row>
    <row r="1578" spans="1:43">
      <c r="A1578" t="s">
        <v>1060</v>
      </c>
      <c r="B1578" t="s">
        <v>1061</v>
      </c>
      <c r="C1578" t="s">
        <v>889</v>
      </c>
      <c r="D1578" t="s">
        <v>890</v>
      </c>
      <c r="E1578" t="s">
        <v>847</v>
      </c>
      <c r="F1578" t="s">
        <v>848</v>
      </c>
      <c r="G1578" t="s">
        <v>80</v>
      </c>
      <c r="H1578" t="s">
        <v>81</v>
      </c>
      <c r="I1578" s="2">
        <v>0</v>
      </c>
      <c r="J1578" s="2">
        <v>1</v>
      </c>
      <c r="K1578" s="2">
        <v>0</v>
      </c>
      <c r="L1578" t="s">
        <v>82</v>
      </c>
      <c r="M1578" t="s">
        <v>83</v>
      </c>
      <c r="N1578" t="s">
        <v>84</v>
      </c>
      <c r="O1578" t="s">
        <v>85</v>
      </c>
      <c r="P1578" t="s">
        <v>86</v>
      </c>
      <c r="Q1578">
        <v>21</v>
      </c>
      <c r="R1578">
        <v>21</v>
      </c>
      <c r="S1578">
        <v>21</v>
      </c>
      <c r="T1578">
        <v>21</v>
      </c>
      <c r="U1578">
        <v>21</v>
      </c>
      <c r="V1578">
        <v>22</v>
      </c>
      <c r="W1578">
        <v>22</v>
      </c>
      <c r="X1578">
        <v>22</v>
      </c>
      <c r="Y1578">
        <v>22</v>
      </c>
      <c r="Z1578">
        <v>22</v>
      </c>
      <c r="AA1578">
        <v>22</v>
      </c>
      <c r="AB1578">
        <v>22</v>
      </c>
      <c r="AC1578">
        <v>22</v>
      </c>
      <c r="AD1578">
        <v>22</v>
      </c>
      <c r="AE1578">
        <v>22</v>
      </c>
      <c r="AF1578">
        <v>22</v>
      </c>
      <c r="AG1578">
        <v>22</v>
      </c>
      <c r="AH1578">
        <v>22</v>
      </c>
      <c r="AI1578">
        <v>22</v>
      </c>
      <c r="AJ1578">
        <v>22</v>
      </c>
      <c r="AK1578">
        <v>22</v>
      </c>
      <c r="AL1578">
        <v>22</v>
      </c>
      <c r="AM1578">
        <v>22</v>
      </c>
      <c r="AN1578">
        <v>22</v>
      </c>
      <c r="AO1578">
        <v>22</v>
      </c>
      <c r="AP1578">
        <v>21</v>
      </c>
      <c r="AQ1578">
        <v>21</v>
      </c>
    </row>
    <row r="1579" spans="1:43">
      <c r="A1579" t="s">
        <v>1060</v>
      </c>
      <c r="B1579" t="s">
        <v>1061</v>
      </c>
      <c r="C1579" t="s">
        <v>889</v>
      </c>
      <c r="D1579" t="s">
        <v>890</v>
      </c>
      <c r="E1579" t="s">
        <v>847</v>
      </c>
      <c r="F1579" t="s">
        <v>848</v>
      </c>
      <c r="G1579" t="s">
        <v>80</v>
      </c>
      <c r="H1579" t="s">
        <v>81</v>
      </c>
      <c r="I1579" s="2">
        <v>0</v>
      </c>
      <c r="J1579" s="2">
        <v>1</v>
      </c>
      <c r="K1579" s="2">
        <v>0</v>
      </c>
      <c r="L1579" t="s">
        <v>82</v>
      </c>
      <c r="M1579" t="s">
        <v>87</v>
      </c>
      <c r="N1579" t="s">
        <v>88</v>
      </c>
      <c r="O1579" t="s">
        <v>85</v>
      </c>
      <c r="P1579" t="s">
        <v>86</v>
      </c>
      <c r="Q1579">
        <v>21</v>
      </c>
      <c r="R1579">
        <v>21</v>
      </c>
      <c r="S1579">
        <v>21</v>
      </c>
      <c r="T1579">
        <v>21</v>
      </c>
      <c r="U1579">
        <v>21</v>
      </c>
      <c r="V1579">
        <v>20</v>
      </c>
      <c r="W1579">
        <v>20</v>
      </c>
      <c r="X1579">
        <v>20</v>
      </c>
      <c r="Y1579">
        <v>20</v>
      </c>
      <c r="Z1579">
        <v>20</v>
      </c>
      <c r="AA1579">
        <v>20</v>
      </c>
      <c r="AB1579">
        <v>20</v>
      </c>
      <c r="AC1579">
        <v>20</v>
      </c>
      <c r="AD1579">
        <v>20</v>
      </c>
      <c r="AE1579">
        <v>20</v>
      </c>
      <c r="AF1579">
        <v>19</v>
      </c>
      <c r="AG1579">
        <v>19</v>
      </c>
      <c r="AH1579">
        <v>19</v>
      </c>
      <c r="AI1579">
        <v>19</v>
      </c>
      <c r="AJ1579">
        <v>19</v>
      </c>
      <c r="AK1579">
        <v>19</v>
      </c>
      <c r="AL1579">
        <v>19</v>
      </c>
      <c r="AM1579">
        <v>19</v>
      </c>
      <c r="AN1579">
        <v>19</v>
      </c>
      <c r="AO1579">
        <v>19</v>
      </c>
      <c r="AP1579">
        <v>19</v>
      </c>
      <c r="AQ1579">
        <v>18</v>
      </c>
    </row>
    <row r="1580" spans="1:43">
      <c r="A1580" t="s">
        <v>1060</v>
      </c>
      <c r="B1580" t="s">
        <v>1061</v>
      </c>
      <c r="C1580" t="s">
        <v>889</v>
      </c>
      <c r="D1580" t="s">
        <v>890</v>
      </c>
      <c r="E1580" t="s">
        <v>847</v>
      </c>
      <c r="F1580" t="s">
        <v>848</v>
      </c>
      <c r="G1580" t="s">
        <v>80</v>
      </c>
      <c r="H1580" t="s">
        <v>81</v>
      </c>
      <c r="I1580" s="2">
        <v>0</v>
      </c>
      <c r="J1580" s="2">
        <v>1</v>
      </c>
      <c r="K1580" s="2">
        <v>0</v>
      </c>
      <c r="L1580" t="s">
        <v>82</v>
      </c>
      <c r="M1580" t="s">
        <v>89</v>
      </c>
      <c r="N1580" t="s">
        <v>90</v>
      </c>
      <c r="O1580" t="s">
        <v>85</v>
      </c>
      <c r="P1580" t="s">
        <v>86</v>
      </c>
      <c r="Q1580">
        <v>21</v>
      </c>
      <c r="R1580">
        <v>22</v>
      </c>
      <c r="S1580">
        <v>22</v>
      </c>
      <c r="T1580">
        <v>22</v>
      </c>
      <c r="U1580">
        <v>22</v>
      </c>
      <c r="V1580">
        <v>23</v>
      </c>
      <c r="W1580">
        <v>23</v>
      </c>
      <c r="X1580">
        <v>23</v>
      </c>
      <c r="Y1580">
        <v>23</v>
      </c>
      <c r="Z1580">
        <v>23</v>
      </c>
      <c r="AA1580">
        <v>23</v>
      </c>
      <c r="AB1580">
        <v>23</v>
      </c>
      <c r="AC1580">
        <v>23</v>
      </c>
      <c r="AD1580">
        <v>24</v>
      </c>
      <c r="AE1580">
        <v>24</v>
      </c>
      <c r="AF1580">
        <v>23</v>
      </c>
      <c r="AG1580">
        <v>23</v>
      </c>
      <c r="AH1580">
        <v>23</v>
      </c>
      <c r="AI1580">
        <v>23</v>
      </c>
      <c r="AJ1580">
        <v>23</v>
      </c>
      <c r="AK1580">
        <v>22</v>
      </c>
      <c r="AL1580">
        <v>22</v>
      </c>
      <c r="AM1580">
        <v>22</v>
      </c>
      <c r="AN1580">
        <v>22</v>
      </c>
      <c r="AO1580">
        <v>22</v>
      </c>
      <c r="AP1580">
        <v>22</v>
      </c>
      <c r="AQ1580">
        <v>21</v>
      </c>
    </row>
    <row r="1581" spans="1:43">
      <c r="A1581" t="s">
        <v>1060</v>
      </c>
      <c r="B1581" t="s">
        <v>1061</v>
      </c>
      <c r="C1581" t="s">
        <v>889</v>
      </c>
      <c r="D1581" t="s">
        <v>890</v>
      </c>
      <c r="E1581" t="s">
        <v>847</v>
      </c>
      <c r="F1581" t="s">
        <v>848</v>
      </c>
      <c r="G1581" t="s">
        <v>80</v>
      </c>
      <c r="H1581" t="s">
        <v>81</v>
      </c>
      <c r="I1581" s="2">
        <v>0</v>
      </c>
      <c r="J1581" s="2">
        <v>1</v>
      </c>
      <c r="K1581" s="2">
        <v>0</v>
      </c>
      <c r="L1581" t="s">
        <v>82</v>
      </c>
      <c r="M1581" t="s">
        <v>83</v>
      </c>
      <c r="N1581" t="s">
        <v>91</v>
      </c>
      <c r="O1581" t="s">
        <v>85</v>
      </c>
      <c r="P1581" t="s">
        <v>86</v>
      </c>
      <c r="Q1581">
        <v>21</v>
      </c>
      <c r="R1581">
        <v>21</v>
      </c>
      <c r="S1581">
        <v>21</v>
      </c>
      <c r="T1581">
        <v>21</v>
      </c>
      <c r="U1581">
        <v>21</v>
      </c>
      <c r="V1581">
        <v>22</v>
      </c>
      <c r="W1581">
        <v>22</v>
      </c>
      <c r="X1581">
        <v>22</v>
      </c>
      <c r="Y1581">
        <v>22</v>
      </c>
      <c r="Z1581">
        <v>22</v>
      </c>
      <c r="AA1581">
        <v>22</v>
      </c>
      <c r="AB1581">
        <v>22</v>
      </c>
      <c r="AC1581">
        <v>22</v>
      </c>
      <c r="AD1581">
        <v>22</v>
      </c>
      <c r="AE1581">
        <v>22</v>
      </c>
      <c r="AF1581">
        <v>22</v>
      </c>
      <c r="AG1581">
        <v>22</v>
      </c>
      <c r="AH1581">
        <v>22</v>
      </c>
      <c r="AI1581">
        <v>22</v>
      </c>
      <c r="AJ1581">
        <v>22</v>
      </c>
      <c r="AK1581">
        <v>22</v>
      </c>
      <c r="AL1581">
        <v>22</v>
      </c>
      <c r="AM1581">
        <v>22</v>
      </c>
      <c r="AN1581">
        <v>22</v>
      </c>
      <c r="AO1581">
        <v>22</v>
      </c>
      <c r="AP1581">
        <v>21</v>
      </c>
      <c r="AQ1581">
        <v>21</v>
      </c>
    </row>
    <row r="1582" spans="1:43">
      <c r="A1582" t="s">
        <v>1062</v>
      </c>
      <c r="B1582" t="s">
        <v>1063</v>
      </c>
      <c r="C1582" t="s">
        <v>1012</v>
      </c>
      <c r="D1582" t="s">
        <v>1013</v>
      </c>
      <c r="E1582" t="s">
        <v>847</v>
      </c>
      <c r="F1582" t="s">
        <v>848</v>
      </c>
      <c r="G1582" t="s">
        <v>80</v>
      </c>
      <c r="H1582" t="s">
        <v>81</v>
      </c>
      <c r="I1582" s="2">
        <v>0</v>
      </c>
      <c r="J1582" s="2">
        <v>1</v>
      </c>
      <c r="K1582" s="2">
        <v>0</v>
      </c>
      <c r="L1582" t="s">
        <v>82</v>
      </c>
      <c r="M1582" t="s">
        <v>83</v>
      </c>
      <c r="N1582" t="s">
        <v>84</v>
      </c>
      <c r="O1582" t="s">
        <v>85</v>
      </c>
      <c r="P1582" t="s">
        <v>86</v>
      </c>
      <c r="Q1582">
        <v>7</v>
      </c>
      <c r="R1582">
        <v>7</v>
      </c>
      <c r="S1582">
        <v>7</v>
      </c>
      <c r="T1582">
        <v>7</v>
      </c>
      <c r="U1582">
        <v>7</v>
      </c>
      <c r="V1582">
        <v>7</v>
      </c>
      <c r="W1582">
        <v>7</v>
      </c>
      <c r="X1582">
        <v>7</v>
      </c>
      <c r="Y1582">
        <v>7</v>
      </c>
      <c r="Z1582">
        <v>7</v>
      </c>
      <c r="AA1582">
        <v>7</v>
      </c>
      <c r="AB1582">
        <v>7</v>
      </c>
      <c r="AC1582">
        <v>8</v>
      </c>
      <c r="AD1582">
        <v>8</v>
      </c>
      <c r="AE1582">
        <v>8</v>
      </c>
      <c r="AF1582">
        <v>8</v>
      </c>
      <c r="AG1582">
        <v>8</v>
      </c>
      <c r="AH1582">
        <v>8</v>
      </c>
      <c r="AI1582">
        <v>8</v>
      </c>
      <c r="AJ1582">
        <v>8</v>
      </c>
      <c r="AK1582">
        <v>8</v>
      </c>
      <c r="AL1582">
        <v>8</v>
      </c>
      <c r="AM1582">
        <v>7</v>
      </c>
      <c r="AN1582">
        <v>7</v>
      </c>
      <c r="AO1582">
        <v>7</v>
      </c>
      <c r="AP1582">
        <v>7</v>
      </c>
      <c r="AQ1582">
        <v>7</v>
      </c>
    </row>
    <row r="1583" spans="1:43">
      <c r="A1583" t="s">
        <v>1062</v>
      </c>
      <c r="B1583" t="s">
        <v>1063</v>
      </c>
      <c r="C1583" t="s">
        <v>1012</v>
      </c>
      <c r="D1583" t="s">
        <v>1013</v>
      </c>
      <c r="E1583" t="s">
        <v>847</v>
      </c>
      <c r="F1583" t="s">
        <v>848</v>
      </c>
      <c r="G1583" t="s">
        <v>80</v>
      </c>
      <c r="H1583" t="s">
        <v>81</v>
      </c>
      <c r="I1583" s="2">
        <v>0</v>
      </c>
      <c r="J1583" s="2">
        <v>1</v>
      </c>
      <c r="K1583" s="2">
        <v>0</v>
      </c>
      <c r="L1583" t="s">
        <v>82</v>
      </c>
      <c r="M1583" t="s">
        <v>87</v>
      </c>
      <c r="N1583" t="s">
        <v>88</v>
      </c>
      <c r="O1583" t="s">
        <v>85</v>
      </c>
      <c r="P1583" t="s">
        <v>86</v>
      </c>
      <c r="Q1583">
        <v>7</v>
      </c>
      <c r="R1583">
        <v>7</v>
      </c>
      <c r="S1583">
        <v>7</v>
      </c>
      <c r="T1583">
        <v>7</v>
      </c>
      <c r="U1583">
        <v>7</v>
      </c>
      <c r="V1583">
        <v>7</v>
      </c>
      <c r="W1583">
        <v>7</v>
      </c>
      <c r="X1583">
        <v>7</v>
      </c>
      <c r="Y1583">
        <v>7</v>
      </c>
      <c r="Z1583">
        <v>7</v>
      </c>
      <c r="AA1583">
        <v>7</v>
      </c>
      <c r="AB1583">
        <v>7</v>
      </c>
      <c r="AC1583">
        <v>7</v>
      </c>
      <c r="AD1583">
        <v>7</v>
      </c>
      <c r="AE1583">
        <v>7</v>
      </c>
      <c r="AF1583">
        <v>7</v>
      </c>
      <c r="AG1583">
        <v>7</v>
      </c>
      <c r="AH1583">
        <v>7</v>
      </c>
      <c r="AI1583">
        <v>7</v>
      </c>
      <c r="AJ1583">
        <v>7</v>
      </c>
      <c r="AK1583">
        <v>6</v>
      </c>
      <c r="AL1583">
        <v>6</v>
      </c>
      <c r="AM1583">
        <v>6</v>
      </c>
      <c r="AN1583">
        <v>6</v>
      </c>
      <c r="AO1583">
        <v>6</v>
      </c>
      <c r="AP1583">
        <v>6</v>
      </c>
      <c r="AQ1583">
        <v>6</v>
      </c>
    </row>
    <row r="1584" spans="1:43">
      <c r="A1584" t="s">
        <v>1062</v>
      </c>
      <c r="B1584" t="s">
        <v>1063</v>
      </c>
      <c r="C1584" t="s">
        <v>1012</v>
      </c>
      <c r="D1584" t="s">
        <v>1013</v>
      </c>
      <c r="E1584" t="s">
        <v>847</v>
      </c>
      <c r="F1584" t="s">
        <v>848</v>
      </c>
      <c r="G1584" t="s">
        <v>80</v>
      </c>
      <c r="H1584" t="s">
        <v>81</v>
      </c>
      <c r="I1584" s="2">
        <v>0</v>
      </c>
      <c r="J1584" s="2">
        <v>1</v>
      </c>
      <c r="K1584" s="2">
        <v>0</v>
      </c>
      <c r="L1584" t="s">
        <v>82</v>
      </c>
      <c r="M1584" t="s">
        <v>89</v>
      </c>
      <c r="N1584" t="s">
        <v>90</v>
      </c>
      <c r="O1584" t="s">
        <v>85</v>
      </c>
      <c r="P1584" t="s">
        <v>86</v>
      </c>
      <c r="Q1584">
        <v>7</v>
      </c>
      <c r="R1584">
        <v>7</v>
      </c>
      <c r="S1584">
        <v>7</v>
      </c>
      <c r="T1584">
        <v>8</v>
      </c>
      <c r="U1584">
        <v>8</v>
      </c>
      <c r="V1584">
        <v>8</v>
      </c>
      <c r="W1584">
        <v>8</v>
      </c>
      <c r="X1584">
        <v>8</v>
      </c>
      <c r="Y1584">
        <v>8</v>
      </c>
      <c r="Z1584">
        <v>8</v>
      </c>
      <c r="AA1584">
        <v>8</v>
      </c>
      <c r="AB1584">
        <v>8</v>
      </c>
      <c r="AC1584">
        <v>8</v>
      </c>
      <c r="AD1584">
        <v>8</v>
      </c>
      <c r="AE1584">
        <v>8</v>
      </c>
      <c r="AF1584">
        <v>8</v>
      </c>
      <c r="AG1584">
        <v>8</v>
      </c>
      <c r="AH1584">
        <v>8</v>
      </c>
      <c r="AI1584">
        <v>8</v>
      </c>
      <c r="AJ1584">
        <v>8</v>
      </c>
      <c r="AK1584">
        <v>8</v>
      </c>
      <c r="AL1584">
        <v>8</v>
      </c>
      <c r="AM1584">
        <v>8</v>
      </c>
      <c r="AN1584">
        <v>7</v>
      </c>
      <c r="AO1584">
        <v>7</v>
      </c>
      <c r="AP1584">
        <v>7</v>
      </c>
      <c r="AQ1584">
        <v>7</v>
      </c>
    </row>
    <row r="1585" spans="1:43">
      <c r="A1585" t="s">
        <v>1062</v>
      </c>
      <c r="B1585" t="s">
        <v>1063</v>
      </c>
      <c r="C1585" t="s">
        <v>1012</v>
      </c>
      <c r="D1585" t="s">
        <v>1013</v>
      </c>
      <c r="E1585" t="s">
        <v>847</v>
      </c>
      <c r="F1585" t="s">
        <v>848</v>
      </c>
      <c r="G1585" t="s">
        <v>80</v>
      </c>
      <c r="H1585" t="s">
        <v>81</v>
      </c>
      <c r="I1585" s="2">
        <v>0</v>
      </c>
      <c r="J1585" s="2">
        <v>1</v>
      </c>
      <c r="K1585" s="2">
        <v>0</v>
      </c>
      <c r="L1585" t="s">
        <v>82</v>
      </c>
      <c r="M1585" t="s">
        <v>83</v>
      </c>
      <c r="N1585" t="s">
        <v>91</v>
      </c>
      <c r="O1585" t="s">
        <v>85</v>
      </c>
      <c r="P1585" t="s">
        <v>86</v>
      </c>
      <c r="Q1585">
        <v>7</v>
      </c>
      <c r="R1585">
        <v>7</v>
      </c>
      <c r="S1585">
        <v>7</v>
      </c>
      <c r="T1585">
        <v>7</v>
      </c>
      <c r="U1585">
        <v>7</v>
      </c>
      <c r="V1585">
        <v>7</v>
      </c>
      <c r="W1585">
        <v>7</v>
      </c>
      <c r="X1585">
        <v>7</v>
      </c>
      <c r="Y1585">
        <v>7</v>
      </c>
      <c r="Z1585">
        <v>7</v>
      </c>
      <c r="AA1585">
        <v>7</v>
      </c>
      <c r="AB1585">
        <v>7</v>
      </c>
      <c r="AC1585">
        <v>8</v>
      </c>
      <c r="AD1585">
        <v>8</v>
      </c>
      <c r="AE1585">
        <v>8</v>
      </c>
      <c r="AF1585">
        <v>8</v>
      </c>
      <c r="AG1585">
        <v>8</v>
      </c>
      <c r="AH1585">
        <v>8</v>
      </c>
      <c r="AI1585">
        <v>8</v>
      </c>
      <c r="AJ1585">
        <v>8</v>
      </c>
      <c r="AK1585">
        <v>8</v>
      </c>
      <c r="AL1585">
        <v>8</v>
      </c>
      <c r="AM1585">
        <v>7</v>
      </c>
      <c r="AN1585">
        <v>7</v>
      </c>
      <c r="AO1585">
        <v>7</v>
      </c>
      <c r="AP1585">
        <v>7</v>
      </c>
      <c r="AQ1585">
        <v>7</v>
      </c>
    </row>
    <row r="1586" spans="1:43">
      <c r="A1586" t="s">
        <v>1064</v>
      </c>
      <c r="B1586" t="s">
        <v>1065</v>
      </c>
      <c r="C1586" t="s">
        <v>889</v>
      </c>
      <c r="D1586" t="s">
        <v>890</v>
      </c>
      <c r="E1586" t="s">
        <v>847</v>
      </c>
      <c r="F1586" t="s">
        <v>848</v>
      </c>
      <c r="G1586" t="s">
        <v>80</v>
      </c>
      <c r="H1586" t="s">
        <v>81</v>
      </c>
      <c r="I1586" s="2">
        <v>0</v>
      </c>
      <c r="J1586" s="2">
        <v>1</v>
      </c>
      <c r="K1586" s="2">
        <v>0</v>
      </c>
      <c r="L1586" t="s">
        <v>82</v>
      </c>
      <c r="M1586" t="s">
        <v>83</v>
      </c>
      <c r="N1586" t="s">
        <v>84</v>
      </c>
      <c r="O1586" t="s">
        <v>85</v>
      </c>
      <c r="P1586" t="s">
        <v>86</v>
      </c>
      <c r="Q1586">
        <v>2</v>
      </c>
      <c r="R1586">
        <v>2</v>
      </c>
      <c r="S1586">
        <v>2</v>
      </c>
      <c r="T1586">
        <v>2</v>
      </c>
      <c r="U1586">
        <v>2</v>
      </c>
      <c r="V1586">
        <v>2</v>
      </c>
      <c r="W1586">
        <v>2</v>
      </c>
      <c r="X1586">
        <v>2</v>
      </c>
      <c r="Y1586">
        <v>2</v>
      </c>
      <c r="Z1586">
        <v>2</v>
      </c>
      <c r="AA1586">
        <v>2</v>
      </c>
      <c r="AB1586">
        <v>2</v>
      </c>
      <c r="AC1586">
        <v>2</v>
      </c>
      <c r="AD1586">
        <v>2</v>
      </c>
      <c r="AE1586">
        <v>2</v>
      </c>
      <c r="AF1586">
        <v>2</v>
      </c>
      <c r="AG1586">
        <v>2</v>
      </c>
      <c r="AH1586">
        <v>2</v>
      </c>
      <c r="AI1586">
        <v>2</v>
      </c>
      <c r="AJ1586">
        <v>2</v>
      </c>
      <c r="AK1586">
        <v>2</v>
      </c>
      <c r="AL1586">
        <v>2</v>
      </c>
      <c r="AM1586">
        <v>2</v>
      </c>
      <c r="AN1586">
        <v>2</v>
      </c>
      <c r="AO1586">
        <v>2</v>
      </c>
      <c r="AP1586">
        <v>2</v>
      </c>
      <c r="AQ1586">
        <v>2</v>
      </c>
    </row>
    <row r="1587" spans="1:43">
      <c r="A1587" t="s">
        <v>1064</v>
      </c>
      <c r="B1587" t="s">
        <v>1065</v>
      </c>
      <c r="C1587" t="s">
        <v>889</v>
      </c>
      <c r="D1587" t="s">
        <v>890</v>
      </c>
      <c r="E1587" t="s">
        <v>847</v>
      </c>
      <c r="F1587" t="s">
        <v>848</v>
      </c>
      <c r="G1587" t="s">
        <v>80</v>
      </c>
      <c r="H1587" t="s">
        <v>81</v>
      </c>
      <c r="I1587" s="2">
        <v>0</v>
      </c>
      <c r="J1587" s="2">
        <v>1</v>
      </c>
      <c r="K1587" s="2">
        <v>0</v>
      </c>
      <c r="L1587" t="s">
        <v>82</v>
      </c>
      <c r="M1587" t="s">
        <v>87</v>
      </c>
      <c r="N1587" t="s">
        <v>88</v>
      </c>
      <c r="O1587" t="s">
        <v>85</v>
      </c>
      <c r="P1587" t="s">
        <v>86</v>
      </c>
      <c r="Q1587">
        <v>2</v>
      </c>
      <c r="R1587">
        <v>2</v>
      </c>
      <c r="S1587">
        <v>2</v>
      </c>
      <c r="T1587">
        <v>2</v>
      </c>
      <c r="U1587">
        <v>2</v>
      </c>
      <c r="V1587">
        <v>2</v>
      </c>
      <c r="W1587">
        <v>2</v>
      </c>
      <c r="X1587">
        <v>2</v>
      </c>
      <c r="Y1587">
        <v>2</v>
      </c>
      <c r="Z1587">
        <v>2</v>
      </c>
      <c r="AA1587">
        <v>2</v>
      </c>
      <c r="AB1587">
        <v>2</v>
      </c>
      <c r="AC1587">
        <v>2</v>
      </c>
      <c r="AD1587">
        <v>2</v>
      </c>
      <c r="AE1587">
        <v>2</v>
      </c>
      <c r="AF1587">
        <v>2</v>
      </c>
      <c r="AG1587">
        <v>2</v>
      </c>
      <c r="AH1587">
        <v>2</v>
      </c>
      <c r="AI1587">
        <v>2</v>
      </c>
      <c r="AJ1587">
        <v>1</v>
      </c>
      <c r="AK1587">
        <v>1</v>
      </c>
      <c r="AL1587">
        <v>1</v>
      </c>
      <c r="AM1587">
        <v>1</v>
      </c>
      <c r="AN1587">
        <v>1</v>
      </c>
      <c r="AO1587">
        <v>1</v>
      </c>
      <c r="AP1587">
        <v>1</v>
      </c>
      <c r="AQ1587">
        <v>1</v>
      </c>
    </row>
    <row r="1588" spans="1:43">
      <c r="A1588" t="s">
        <v>1064</v>
      </c>
      <c r="B1588" t="s">
        <v>1065</v>
      </c>
      <c r="C1588" t="s">
        <v>889</v>
      </c>
      <c r="D1588" t="s">
        <v>890</v>
      </c>
      <c r="E1588" t="s">
        <v>847</v>
      </c>
      <c r="F1588" t="s">
        <v>848</v>
      </c>
      <c r="G1588" t="s">
        <v>80</v>
      </c>
      <c r="H1588" t="s">
        <v>81</v>
      </c>
      <c r="I1588" s="2">
        <v>0</v>
      </c>
      <c r="J1588" s="2">
        <v>1</v>
      </c>
      <c r="K1588" s="2">
        <v>0</v>
      </c>
      <c r="L1588" t="s">
        <v>82</v>
      </c>
      <c r="M1588" t="s">
        <v>89</v>
      </c>
      <c r="N1588" t="s">
        <v>90</v>
      </c>
      <c r="O1588" t="s">
        <v>85</v>
      </c>
      <c r="P1588" t="s">
        <v>86</v>
      </c>
      <c r="Q1588">
        <v>2</v>
      </c>
      <c r="R1588">
        <v>2</v>
      </c>
      <c r="S1588">
        <v>2</v>
      </c>
      <c r="T1588">
        <v>2</v>
      </c>
      <c r="U1588">
        <v>2</v>
      </c>
      <c r="V1588">
        <v>2</v>
      </c>
      <c r="W1588">
        <v>2</v>
      </c>
      <c r="X1588">
        <v>2</v>
      </c>
      <c r="Y1588">
        <v>2</v>
      </c>
      <c r="Z1588">
        <v>2</v>
      </c>
      <c r="AA1588">
        <v>2</v>
      </c>
      <c r="AB1588">
        <v>2</v>
      </c>
      <c r="AC1588">
        <v>2</v>
      </c>
      <c r="AD1588">
        <v>2</v>
      </c>
      <c r="AE1588">
        <v>2</v>
      </c>
      <c r="AF1588">
        <v>2</v>
      </c>
      <c r="AG1588">
        <v>2</v>
      </c>
      <c r="AH1588">
        <v>2</v>
      </c>
      <c r="AI1588">
        <v>2</v>
      </c>
      <c r="AJ1588">
        <v>2</v>
      </c>
      <c r="AK1588">
        <v>2</v>
      </c>
      <c r="AL1588">
        <v>2</v>
      </c>
      <c r="AM1588">
        <v>2</v>
      </c>
      <c r="AN1588">
        <v>2</v>
      </c>
      <c r="AO1588">
        <v>2</v>
      </c>
      <c r="AP1588">
        <v>2</v>
      </c>
      <c r="AQ1588">
        <v>2</v>
      </c>
    </row>
    <row r="1589" spans="1:43">
      <c r="A1589" t="s">
        <v>1064</v>
      </c>
      <c r="B1589" t="s">
        <v>1065</v>
      </c>
      <c r="C1589" t="s">
        <v>889</v>
      </c>
      <c r="D1589" t="s">
        <v>890</v>
      </c>
      <c r="E1589" t="s">
        <v>847</v>
      </c>
      <c r="F1589" t="s">
        <v>848</v>
      </c>
      <c r="G1589" t="s">
        <v>80</v>
      </c>
      <c r="H1589" t="s">
        <v>81</v>
      </c>
      <c r="I1589" s="2">
        <v>0</v>
      </c>
      <c r="J1589" s="2">
        <v>1</v>
      </c>
      <c r="K1589" s="2">
        <v>0</v>
      </c>
      <c r="L1589" t="s">
        <v>82</v>
      </c>
      <c r="M1589" t="s">
        <v>83</v>
      </c>
      <c r="N1589" t="s">
        <v>91</v>
      </c>
      <c r="O1589" t="s">
        <v>85</v>
      </c>
      <c r="P1589" t="s">
        <v>86</v>
      </c>
      <c r="Q1589">
        <v>2</v>
      </c>
      <c r="R1589">
        <v>2</v>
      </c>
      <c r="S1589">
        <v>2</v>
      </c>
      <c r="T1589">
        <v>2</v>
      </c>
      <c r="U1589">
        <v>2</v>
      </c>
      <c r="V1589">
        <v>2</v>
      </c>
      <c r="W1589">
        <v>2</v>
      </c>
      <c r="X1589">
        <v>2</v>
      </c>
      <c r="Y1589">
        <v>2</v>
      </c>
      <c r="Z1589">
        <v>2</v>
      </c>
      <c r="AA1589">
        <v>2</v>
      </c>
      <c r="AB1589">
        <v>2</v>
      </c>
      <c r="AC1589">
        <v>2</v>
      </c>
      <c r="AD1589">
        <v>2</v>
      </c>
      <c r="AE1589">
        <v>2</v>
      </c>
      <c r="AF1589">
        <v>2</v>
      </c>
      <c r="AG1589">
        <v>2</v>
      </c>
      <c r="AH1589">
        <v>2</v>
      </c>
      <c r="AI1589">
        <v>2</v>
      </c>
      <c r="AJ1589">
        <v>2</v>
      </c>
      <c r="AK1589">
        <v>2</v>
      </c>
      <c r="AL1589">
        <v>2</v>
      </c>
      <c r="AM1589">
        <v>2</v>
      </c>
      <c r="AN1589">
        <v>2</v>
      </c>
      <c r="AO1589">
        <v>2</v>
      </c>
      <c r="AP1589">
        <v>2</v>
      </c>
      <c r="AQ1589">
        <v>2</v>
      </c>
    </row>
    <row r="1590" spans="1:43">
      <c r="A1590" t="s">
        <v>1066</v>
      </c>
      <c r="B1590" t="s">
        <v>1067</v>
      </c>
      <c r="C1590" t="s">
        <v>889</v>
      </c>
      <c r="D1590" t="s">
        <v>890</v>
      </c>
      <c r="E1590" t="s">
        <v>847</v>
      </c>
      <c r="F1590" t="s">
        <v>848</v>
      </c>
      <c r="G1590" t="s">
        <v>80</v>
      </c>
      <c r="H1590" t="s">
        <v>81</v>
      </c>
      <c r="I1590" s="2">
        <v>0</v>
      </c>
      <c r="J1590" s="2">
        <v>1</v>
      </c>
      <c r="K1590" s="2">
        <v>0</v>
      </c>
      <c r="L1590" t="s">
        <v>82</v>
      </c>
      <c r="M1590" t="s">
        <v>83</v>
      </c>
      <c r="N1590" t="s">
        <v>84</v>
      </c>
      <c r="O1590" t="s">
        <v>85</v>
      </c>
      <c r="P1590" t="s">
        <v>86</v>
      </c>
      <c r="Q1590">
        <v>9</v>
      </c>
      <c r="R1590">
        <v>10</v>
      </c>
      <c r="S1590">
        <v>10</v>
      </c>
      <c r="T1590">
        <v>10</v>
      </c>
      <c r="U1590">
        <v>10</v>
      </c>
      <c r="V1590">
        <v>10</v>
      </c>
      <c r="W1590">
        <v>10</v>
      </c>
      <c r="X1590">
        <v>10</v>
      </c>
      <c r="Y1590">
        <v>10</v>
      </c>
      <c r="Z1590">
        <v>10</v>
      </c>
      <c r="AA1590">
        <v>10</v>
      </c>
      <c r="AB1590">
        <v>10</v>
      </c>
      <c r="AC1590">
        <v>10</v>
      </c>
      <c r="AD1590">
        <v>10</v>
      </c>
      <c r="AE1590">
        <v>10</v>
      </c>
      <c r="AF1590">
        <v>10</v>
      </c>
      <c r="AG1590">
        <v>10</v>
      </c>
      <c r="AH1590">
        <v>10</v>
      </c>
      <c r="AI1590">
        <v>10</v>
      </c>
      <c r="AJ1590">
        <v>10</v>
      </c>
      <c r="AK1590">
        <v>10</v>
      </c>
      <c r="AL1590">
        <v>10</v>
      </c>
      <c r="AM1590">
        <v>10</v>
      </c>
      <c r="AN1590">
        <v>10</v>
      </c>
      <c r="AO1590">
        <v>10</v>
      </c>
      <c r="AP1590">
        <v>10</v>
      </c>
      <c r="AQ1590">
        <v>10</v>
      </c>
    </row>
    <row r="1591" spans="1:43">
      <c r="A1591" t="s">
        <v>1066</v>
      </c>
      <c r="B1591" t="s">
        <v>1067</v>
      </c>
      <c r="C1591" t="s">
        <v>889</v>
      </c>
      <c r="D1591" t="s">
        <v>890</v>
      </c>
      <c r="E1591" t="s">
        <v>847</v>
      </c>
      <c r="F1591" t="s">
        <v>848</v>
      </c>
      <c r="G1591" t="s">
        <v>80</v>
      </c>
      <c r="H1591" t="s">
        <v>81</v>
      </c>
      <c r="I1591" s="2">
        <v>0</v>
      </c>
      <c r="J1591" s="2">
        <v>1</v>
      </c>
      <c r="K1591" s="2">
        <v>0</v>
      </c>
      <c r="L1591" t="s">
        <v>82</v>
      </c>
      <c r="M1591" t="s">
        <v>87</v>
      </c>
      <c r="N1591" t="s">
        <v>88</v>
      </c>
      <c r="O1591" t="s">
        <v>85</v>
      </c>
      <c r="P1591" t="s">
        <v>86</v>
      </c>
      <c r="Q1591">
        <v>9</v>
      </c>
      <c r="R1591">
        <v>9</v>
      </c>
      <c r="S1591">
        <v>9</v>
      </c>
      <c r="T1591">
        <v>9</v>
      </c>
      <c r="U1591">
        <v>9</v>
      </c>
      <c r="V1591">
        <v>9</v>
      </c>
      <c r="W1591">
        <v>9</v>
      </c>
      <c r="X1591">
        <v>9</v>
      </c>
      <c r="Y1591">
        <v>9</v>
      </c>
      <c r="Z1591">
        <v>9</v>
      </c>
      <c r="AA1591">
        <v>9</v>
      </c>
      <c r="AB1591">
        <v>9</v>
      </c>
      <c r="AC1591">
        <v>9</v>
      </c>
      <c r="AD1591">
        <v>9</v>
      </c>
      <c r="AE1591">
        <v>9</v>
      </c>
      <c r="AF1591">
        <v>9</v>
      </c>
      <c r="AG1591">
        <v>9</v>
      </c>
      <c r="AH1591">
        <v>9</v>
      </c>
      <c r="AI1591">
        <v>9</v>
      </c>
      <c r="AJ1591">
        <v>9</v>
      </c>
      <c r="AK1591">
        <v>9</v>
      </c>
      <c r="AL1591">
        <v>9</v>
      </c>
      <c r="AM1591">
        <v>9</v>
      </c>
      <c r="AN1591">
        <v>9</v>
      </c>
      <c r="AO1591">
        <v>9</v>
      </c>
      <c r="AP1591">
        <v>9</v>
      </c>
      <c r="AQ1591">
        <v>9</v>
      </c>
    </row>
    <row r="1592" spans="1:43">
      <c r="A1592" t="s">
        <v>1066</v>
      </c>
      <c r="B1592" t="s">
        <v>1067</v>
      </c>
      <c r="C1592" t="s">
        <v>889</v>
      </c>
      <c r="D1592" t="s">
        <v>890</v>
      </c>
      <c r="E1592" t="s">
        <v>847</v>
      </c>
      <c r="F1592" t="s">
        <v>848</v>
      </c>
      <c r="G1592" t="s">
        <v>80</v>
      </c>
      <c r="H1592" t="s">
        <v>81</v>
      </c>
      <c r="I1592" s="2">
        <v>0</v>
      </c>
      <c r="J1592" s="2">
        <v>1</v>
      </c>
      <c r="K1592" s="2">
        <v>0</v>
      </c>
      <c r="L1592" t="s">
        <v>82</v>
      </c>
      <c r="M1592" t="s">
        <v>89</v>
      </c>
      <c r="N1592" t="s">
        <v>90</v>
      </c>
      <c r="O1592" t="s">
        <v>85</v>
      </c>
      <c r="P1592" t="s">
        <v>86</v>
      </c>
      <c r="Q1592">
        <v>9</v>
      </c>
      <c r="R1592">
        <v>9</v>
      </c>
      <c r="S1592">
        <v>9</v>
      </c>
      <c r="T1592">
        <v>9</v>
      </c>
      <c r="U1592">
        <v>9</v>
      </c>
      <c r="V1592">
        <v>9</v>
      </c>
      <c r="W1592">
        <v>9</v>
      </c>
      <c r="X1592">
        <v>9</v>
      </c>
      <c r="Y1592">
        <v>9</v>
      </c>
      <c r="Z1592">
        <v>9</v>
      </c>
      <c r="AA1592">
        <v>10</v>
      </c>
      <c r="AB1592">
        <v>10</v>
      </c>
      <c r="AC1592">
        <v>10</v>
      </c>
      <c r="AD1592">
        <v>10</v>
      </c>
      <c r="AE1592">
        <v>10</v>
      </c>
      <c r="AF1592">
        <v>10</v>
      </c>
      <c r="AG1592">
        <v>10</v>
      </c>
      <c r="AH1592">
        <v>10</v>
      </c>
      <c r="AI1592">
        <v>9</v>
      </c>
      <c r="AJ1592">
        <v>9</v>
      </c>
      <c r="AK1592">
        <v>9</v>
      </c>
      <c r="AL1592">
        <v>9</v>
      </c>
      <c r="AM1592">
        <v>9</v>
      </c>
      <c r="AN1592">
        <v>9</v>
      </c>
      <c r="AO1592">
        <v>9</v>
      </c>
      <c r="AP1592">
        <v>9</v>
      </c>
      <c r="AQ1592">
        <v>9</v>
      </c>
    </row>
    <row r="1593" spans="1:43">
      <c r="A1593" t="s">
        <v>1066</v>
      </c>
      <c r="B1593" t="s">
        <v>1067</v>
      </c>
      <c r="C1593" t="s">
        <v>889</v>
      </c>
      <c r="D1593" t="s">
        <v>890</v>
      </c>
      <c r="E1593" t="s">
        <v>847</v>
      </c>
      <c r="F1593" t="s">
        <v>848</v>
      </c>
      <c r="G1593" t="s">
        <v>80</v>
      </c>
      <c r="H1593" t="s">
        <v>81</v>
      </c>
      <c r="I1593" s="2">
        <v>0</v>
      </c>
      <c r="J1593" s="2">
        <v>1</v>
      </c>
      <c r="K1593" s="2">
        <v>0</v>
      </c>
      <c r="L1593" t="s">
        <v>82</v>
      </c>
      <c r="M1593" t="s">
        <v>83</v>
      </c>
      <c r="N1593" t="s">
        <v>91</v>
      </c>
      <c r="O1593" t="s">
        <v>85</v>
      </c>
      <c r="P1593" t="s">
        <v>86</v>
      </c>
      <c r="Q1593">
        <v>9</v>
      </c>
      <c r="R1593">
        <v>10</v>
      </c>
      <c r="S1593">
        <v>10</v>
      </c>
      <c r="T1593">
        <v>10</v>
      </c>
      <c r="U1593">
        <v>10</v>
      </c>
      <c r="V1593">
        <v>10</v>
      </c>
      <c r="W1593">
        <v>10</v>
      </c>
      <c r="X1593">
        <v>10</v>
      </c>
      <c r="Y1593">
        <v>10</v>
      </c>
      <c r="Z1593">
        <v>10</v>
      </c>
      <c r="AA1593">
        <v>10</v>
      </c>
      <c r="AB1593">
        <v>10</v>
      </c>
      <c r="AC1593">
        <v>10</v>
      </c>
      <c r="AD1593">
        <v>10</v>
      </c>
      <c r="AE1593">
        <v>10</v>
      </c>
      <c r="AF1593">
        <v>10</v>
      </c>
      <c r="AG1593">
        <v>10</v>
      </c>
      <c r="AH1593">
        <v>10</v>
      </c>
      <c r="AI1593">
        <v>10</v>
      </c>
      <c r="AJ1593">
        <v>10</v>
      </c>
      <c r="AK1593">
        <v>10</v>
      </c>
      <c r="AL1593">
        <v>10</v>
      </c>
      <c r="AM1593">
        <v>10</v>
      </c>
      <c r="AN1593">
        <v>10</v>
      </c>
      <c r="AO1593">
        <v>10</v>
      </c>
      <c r="AP1593">
        <v>10</v>
      </c>
      <c r="AQ1593">
        <v>10</v>
      </c>
    </row>
    <row r="1594" spans="1:43">
      <c r="A1594" t="s">
        <v>1068</v>
      </c>
      <c r="B1594" t="s">
        <v>1069</v>
      </c>
      <c r="C1594" t="s">
        <v>1012</v>
      </c>
      <c r="D1594" t="s">
        <v>1013</v>
      </c>
      <c r="E1594" t="s">
        <v>847</v>
      </c>
      <c r="F1594" t="s">
        <v>848</v>
      </c>
      <c r="G1594" t="s">
        <v>80</v>
      </c>
      <c r="H1594" t="s">
        <v>81</v>
      </c>
      <c r="I1594" s="2">
        <v>0</v>
      </c>
      <c r="J1594" s="2">
        <v>1</v>
      </c>
      <c r="K1594" s="2">
        <v>0</v>
      </c>
      <c r="L1594" t="s">
        <v>82</v>
      </c>
      <c r="M1594" t="s">
        <v>83</v>
      </c>
      <c r="N1594" t="s">
        <v>84</v>
      </c>
      <c r="O1594" t="s">
        <v>85</v>
      </c>
      <c r="P1594" t="s">
        <v>86</v>
      </c>
      <c r="Q1594">
        <v>89</v>
      </c>
      <c r="R1594">
        <v>90</v>
      </c>
      <c r="S1594">
        <v>90</v>
      </c>
      <c r="T1594">
        <v>91</v>
      </c>
      <c r="U1594">
        <v>92</v>
      </c>
      <c r="V1594">
        <v>92</v>
      </c>
      <c r="W1594">
        <v>93</v>
      </c>
      <c r="X1594">
        <v>93</v>
      </c>
      <c r="Y1594">
        <v>94</v>
      </c>
      <c r="Z1594">
        <v>94</v>
      </c>
      <c r="AA1594">
        <v>95</v>
      </c>
      <c r="AB1594">
        <v>95</v>
      </c>
      <c r="AC1594">
        <v>96</v>
      </c>
      <c r="AD1594">
        <v>96</v>
      </c>
      <c r="AE1594">
        <v>96</v>
      </c>
      <c r="AF1594">
        <v>97</v>
      </c>
      <c r="AG1594">
        <v>97</v>
      </c>
      <c r="AH1594">
        <v>98</v>
      </c>
      <c r="AI1594">
        <v>98</v>
      </c>
      <c r="AJ1594">
        <v>98</v>
      </c>
      <c r="AK1594">
        <v>99</v>
      </c>
      <c r="AL1594">
        <v>99</v>
      </c>
      <c r="AM1594">
        <v>98</v>
      </c>
      <c r="AN1594">
        <v>98</v>
      </c>
      <c r="AO1594">
        <v>98</v>
      </c>
      <c r="AP1594">
        <v>97</v>
      </c>
      <c r="AQ1594">
        <v>97</v>
      </c>
    </row>
    <row r="1595" spans="1:43">
      <c r="A1595" t="s">
        <v>1068</v>
      </c>
      <c r="B1595" t="s">
        <v>1069</v>
      </c>
      <c r="C1595" t="s">
        <v>1012</v>
      </c>
      <c r="D1595" t="s">
        <v>1013</v>
      </c>
      <c r="E1595" t="s">
        <v>847</v>
      </c>
      <c r="F1595" t="s">
        <v>848</v>
      </c>
      <c r="G1595" t="s">
        <v>80</v>
      </c>
      <c r="H1595" t="s">
        <v>81</v>
      </c>
      <c r="I1595" s="2">
        <v>0</v>
      </c>
      <c r="J1595" s="2">
        <v>1</v>
      </c>
      <c r="K1595" s="2">
        <v>0</v>
      </c>
      <c r="L1595" t="s">
        <v>82</v>
      </c>
      <c r="M1595" t="s">
        <v>87</v>
      </c>
      <c r="N1595" t="s">
        <v>88</v>
      </c>
      <c r="O1595" t="s">
        <v>85</v>
      </c>
      <c r="P1595" t="s">
        <v>86</v>
      </c>
      <c r="Q1595">
        <v>89</v>
      </c>
      <c r="R1595">
        <v>88</v>
      </c>
      <c r="S1595">
        <v>88</v>
      </c>
      <c r="T1595">
        <v>88</v>
      </c>
      <c r="U1595">
        <v>88</v>
      </c>
      <c r="V1595">
        <v>87</v>
      </c>
      <c r="W1595">
        <v>87</v>
      </c>
      <c r="X1595">
        <v>87</v>
      </c>
      <c r="Y1595">
        <v>87</v>
      </c>
      <c r="Z1595">
        <v>86</v>
      </c>
      <c r="AA1595">
        <v>86</v>
      </c>
      <c r="AB1595">
        <v>86</v>
      </c>
      <c r="AC1595">
        <v>86</v>
      </c>
      <c r="AD1595">
        <v>86</v>
      </c>
      <c r="AE1595">
        <v>85</v>
      </c>
      <c r="AF1595">
        <v>85</v>
      </c>
      <c r="AG1595">
        <v>85</v>
      </c>
      <c r="AH1595">
        <v>85</v>
      </c>
      <c r="AI1595">
        <v>85</v>
      </c>
      <c r="AJ1595">
        <v>85</v>
      </c>
      <c r="AK1595">
        <v>84</v>
      </c>
      <c r="AL1595">
        <v>84</v>
      </c>
      <c r="AM1595">
        <v>84</v>
      </c>
      <c r="AN1595">
        <v>84</v>
      </c>
      <c r="AO1595">
        <v>84</v>
      </c>
      <c r="AP1595">
        <v>84</v>
      </c>
      <c r="AQ1595">
        <v>84</v>
      </c>
    </row>
    <row r="1596" spans="1:43">
      <c r="A1596" t="s">
        <v>1068</v>
      </c>
      <c r="B1596" t="s">
        <v>1069</v>
      </c>
      <c r="C1596" t="s">
        <v>1012</v>
      </c>
      <c r="D1596" t="s">
        <v>1013</v>
      </c>
      <c r="E1596" t="s">
        <v>847</v>
      </c>
      <c r="F1596" t="s">
        <v>848</v>
      </c>
      <c r="G1596" t="s">
        <v>80</v>
      </c>
      <c r="H1596" t="s">
        <v>81</v>
      </c>
      <c r="I1596" s="2">
        <v>0</v>
      </c>
      <c r="J1596" s="2">
        <v>1</v>
      </c>
      <c r="K1596" s="2">
        <v>0</v>
      </c>
      <c r="L1596" t="s">
        <v>82</v>
      </c>
      <c r="M1596" t="s">
        <v>89</v>
      </c>
      <c r="N1596" t="s">
        <v>90</v>
      </c>
      <c r="O1596" t="s">
        <v>85</v>
      </c>
      <c r="P1596" t="s">
        <v>86</v>
      </c>
      <c r="Q1596">
        <v>89</v>
      </c>
      <c r="R1596">
        <v>90</v>
      </c>
      <c r="S1596">
        <v>92</v>
      </c>
      <c r="T1596">
        <v>93</v>
      </c>
      <c r="U1596">
        <v>94</v>
      </c>
      <c r="V1596">
        <v>95</v>
      </c>
      <c r="W1596">
        <v>96</v>
      </c>
      <c r="X1596">
        <v>97</v>
      </c>
      <c r="Y1596">
        <v>98</v>
      </c>
      <c r="Z1596">
        <v>99</v>
      </c>
      <c r="AA1596">
        <v>100</v>
      </c>
      <c r="AB1596">
        <v>101</v>
      </c>
      <c r="AC1596">
        <v>101</v>
      </c>
      <c r="AD1596">
        <v>102</v>
      </c>
      <c r="AE1596">
        <v>102</v>
      </c>
      <c r="AF1596">
        <v>102</v>
      </c>
      <c r="AG1596">
        <v>101</v>
      </c>
      <c r="AH1596">
        <v>101</v>
      </c>
      <c r="AI1596">
        <v>101</v>
      </c>
      <c r="AJ1596">
        <v>100</v>
      </c>
      <c r="AK1596">
        <v>100</v>
      </c>
      <c r="AL1596">
        <v>99</v>
      </c>
      <c r="AM1596">
        <v>99</v>
      </c>
      <c r="AN1596">
        <v>99</v>
      </c>
      <c r="AO1596">
        <v>98</v>
      </c>
      <c r="AP1596">
        <v>98</v>
      </c>
      <c r="AQ1596">
        <v>98</v>
      </c>
    </row>
    <row r="1597" spans="1:43">
      <c r="A1597" t="s">
        <v>1068</v>
      </c>
      <c r="B1597" t="s">
        <v>1069</v>
      </c>
      <c r="C1597" t="s">
        <v>1012</v>
      </c>
      <c r="D1597" t="s">
        <v>1013</v>
      </c>
      <c r="E1597" t="s">
        <v>847</v>
      </c>
      <c r="F1597" t="s">
        <v>848</v>
      </c>
      <c r="G1597" t="s">
        <v>80</v>
      </c>
      <c r="H1597" t="s">
        <v>81</v>
      </c>
      <c r="I1597" s="2">
        <v>0</v>
      </c>
      <c r="J1597" s="2">
        <v>1</v>
      </c>
      <c r="K1597" s="2">
        <v>0</v>
      </c>
      <c r="L1597" t="s">
        <v>82</v>
      </c>
      <c r="M1597" t="s">
        <v>83</v>
      </c>
      <c r="N1597" t="s">
        <v>91</v>
      </c>
      <c r="O1597" t="s">
        <v>85</v>
      </c>
      <c r="P1597" t="s">
        <v>86</v>
      </c>
      <c r="Q1597">
        <v>89</v>
      </c>
      <c r="R1597">
        <v>90</v>
      </c>
      <c r="S1597">
        <v>90</v>
      </c>
      <c r="T1597">
        <v>91</v>
      </c>
      <c r="U1597">
        <v>92</v>
      </c>
      <c r="V1597">
        <v>92</v>
      </c>
      <c r="W1597">
        <v>93</v>
      </c>
      <c r="X1597">
        <v>93</v>
      </c>
      <c r="Y1597">
        <v>94</v>
      </c>
      <c r="Z1597">
        <v>94</v>
      </c>
      <c r="AA1597">
        <v>95</v>
      </c>
      <c r="AB1597">
        <v>95</v>
      </c>
      <c r="AC1597">
        <v>96</v>
      </c>
      <c r="AD1597">
        <v>96</v>
      </c>
      <c r="AE1597">
        <v>96</v>
      </c>
      <c r="AF1597">
        <v>97</v>
      </c>
      <c r="AG1597">
        <v>97</v>
      </c>
      <c r="AH1597">
        <v>98</v>
      </c>
      <c r="AI1597">
        <v>98</v>
      </c>
      <c r="AJ1597">
        <v>98</v>
      </c>
      <c r="AK1597">
        <v>99</v>
      </c>
      <c r="AL1597">
        <v>99</v>
      </c>
      <c r="AM1597">
        <v>98</v>
      </c>
      <c r="AN1597">
        <v>98</v>
      </c>
      <c r="AO1597">
        <v>98</v>
      </c>
      <c r="AP1597">
        <v>97</v>
      </c>
      <c r="AQ1597">
        <v>97</v>
      </c>
    </row>
    <row r="1598" spans="1:43">
      <c r="A1598" t="s">
        <v>1070</v>
      </c>
      <c r="B1598" t="s">
        <v>1071</v>
      </c>
      <c r="C1598" t="s">
        <v>1012</v>
      </c>
      <c r="D1598" t="s">
        <v>1013</v>
      </c>
      <c r="E1598" t="s">
        <v>847</v>
      </c>
      <c r="F1598" t="s">
        <v>848</v>
      </c>
      <c r="G1598" t="s">
        <v>80</v>
      </c>
      <c r="H1598" t="s">
        <v>81</v>
      </c>
      <c r="I1598" s="2">
        <v>0</v>
      </c>
      <c r="J1598" s="2">
        <v>1</v>
      </c>
      <c r="K1598" s="2">
        <v>0</v>
      </c>
      <c r="L1598" t="s">
        <v>82</v>
      </c>
      <c r="M1598" t="s">
        <v>83</v>
      </c>
      <c r="N1598" t="s">
        <v>84</v>
      </c>
      <c r="O1598" t="s">
        <v>85</v>
      </c>
      <c r="P1598" t="s">
        <v>86</v>
      </c>
      <c r="Q1598">
        <v>3</v>
      </c>
      <c r="R1598">
        <v>3</v>
      </c>
      <c r="S1598">
        <v>3</v>
      </c>
      <c r="T1598">
        <v>3</v>
      </c>
      <c r="U1598">
        <v>3</v>
      </c>
      <c r="V1598">
        <v>3</v>
      </c>
      <c r="W1598">
        <v>3</v>
      </c>
      <c r="X1598">
        <v>3</v>
      </c>
      <c r="Y1598">
        <v>3</v>
      </c>
      <c r="Z1598">
        <v>3</v>
      </c>
      <c r="AA1598">
        <v>3</v>
      </c>
      <c r="AB1598">
        <v>3</v>
      </c>
      <c r="AC1598">
        <v>3</v>
      </c>
      <c r="AD1598">
        <v>3</v>
      </c>
      <c r="AE1598">
        <v>3</v>
      </c>
      <c r="AF1598">
        <v>3</v>
      </c>
      <c r="AG1598">
        <v>3</v>
      </c>
      <c r="AH1598">
        <v>3</v>
      </c>
      <c r="AI1598">
        <v>3</v>
      </c>
      <c r="AJ1598">
        <v>3</v>
      </c>
      <c r="AK1598">
        <v>3</v>
      </c>
      <c r="AL1598">
        <v>3</v>
      </c>
      <c r="AM1598">
        <v>3</v>
      </c>
      <c r="AN1598">
        <v>3</v>
      </c>
      <c r="AO1598">
        <v>3</v>
      </c>
      <c r="AP1598">
        <v>3</v>
      </c>
      <c r="AQ1598">
        <v>3</v>
      </c>
    </row>
    <row r="1599" spans="1:43">
      <c r="A1599" t="s">
        <v>1070</v>
      </c>
      <c r="B1599" t="s">
        <v>1071</v>
      </c>
      <c r="C1599" t="s">
        <v>1012</v>
      </c>
      <c r="D1599" t="s">
        <v>1013</v>
      </c>
      <c r="E1599" t="s">
        <v>847</v>
      </c>
      <c r="F1599" t="s">
        <v>848</v>
      </c>
      <c r="G1599" t="s">
        <v>80</v>
      </c>
      <c r="H1599" t="s">
        <v>81</v>
      </c>
      <c r="I1599" s="2">
        <v>0</v>
      </c>
      <c r="J1599" s="2">
        <v>1</v>
      </c>
      <c r="K1599" s="2">
        <v>0</v>
      </c>
      <c r="L1599" t="s">
        <v>82</v>
      </c>
      <c r="M1599" t="s">
        <v>87</v>
      </c>
      <c r="N1599" t="s">
        <v>88</v>
      </c>
      <c r="O1599" t="s">
        <v>85</v>
      </c>
      <c r="P1599" t="s">
        <v>86</v>
      </c>
      <c r="Q1599">
        <v>3</v>
      </c>
      <c r="R1599">
        <v>3</v>
      </c>
      <c r="S1599">
        <v>3</v>
      </c>
      <c r="T1599">
        <v>3</v>
      </c>
      <c r="U1599">
        <v>3</v>
      </c>
      <c r="V1599">
        <v>3</v>
      </c>
      <c r="W1599">
        <v>3</v>
      </c>
      <c r="X1599">
        <v>3</v>
      </c>
      <c r="Y1599">
        <v>3</v>
      </c>
      <c r="Z1599">
        <v>2</v>
      </c>
      <c r="AA1599">
        <v>2</v>
      </c>
      <c r="AB1599">
        <v>2</v>
      </c>
      <c r="AC1599">
        <v>2</v>
      </c>
      <c r="AD1599">
        <v>2</v>
      </c>
      <c r="AE1599">
        <v>2</v>
      </c>
      <c r="AF1599">
        <v>2</v>
      </c>
      <c r="AG1599">
        <v>2</v>
      </c>
      <c r="AH1599">
        <v>2</v>
      </c>
      <c r="AI1599">
        <v>2</v>
      </c>
      <c r="AJ1599">
        <v>2</v>
      </c>
      <c r="AK1599">
        <v>2</v>
      </c>
      <c r="AL1599">
        <v>2</v>
      </c>
      <c r="AM1599">
        <v>2</v>
      </c>
      <c r="AN1599">
        <v>2</v>
      </c>
      <c r="AO1599">
        <v>2</v>
      </c>
      <c r="AP1599">
        <v>2</v>
      </c>
      <c r="AQ1599">
        <v>2</v>
      </c>
    </row>
    <row r="1600" spans="1:43">
      <c r="A1600" t="s">
        <v>1070</v>
      </c>
      <c r="B1600" t="s">
        <v>1071</v>
      </c>
      <c r="C1600" t="s">
        <v>1012</v>
      </c>
      <c r="D1600" t="s">
        <v>1013</v>
      </c>
      <c r="E1600" t="s">
        <v>847</v>
      </c>
      <c r="F1600" t="s">
        <v>848</v>
      </c>
      <c r="G1600" t="s">
        <v>80</v>
      </c>
      <c r="H1600" t="s">
        <v>81</v>
      </c>
      <c r="I1600" s="2">
        <v>0</v>
      </c>
      <c r="J1600" s="2">
        <v>1</v>
      </c>
      <c r="K1600" s="2">
        <v>0</v>
      </c>
      <c r="L1600" t="s">
        <v>82</v>
      </c>
      <c r="M1600" t="s">
        <v>89</v>
      </c>
      <c r="N1600" t="s">
        <v>90</v>
      </c>
      <c r="O1600" t="s">
        <v>85</v>
      </c>
      <c r="P1600" t="s">
        <v>86</v>
      </c>
      <c r="Q1600">
        <v>3</v>
      </c>
      <c r="R1600">
        <v>3</v>
      </c>
      <c r="S1600">
        <v>3</v>
      </c>
      <c r="T1600">
        <v>3</v>
      </c>
      <c r="U1600">
        <v>3</v>
      </c>
      <c r="V1600">
        <v>3</v>
      </c>
      <c r="W1600">
        <v>3</v>
      </c>
      <c r="X1600">
        <v>3</v>
      </c>
      <c r="Y1600">
        <v>3</v>
      </c>
      <c r="Z1600">
        <v>3</v>
      </c>
      <c r="AA1600">
        <v>3</v>
      </c>
      <c r="AB1600">
        <v>3</v>
      </c>
      <c r="AC1600">
        <v>3</v>
      </c>
      <c r="AD1600">
        <v>3</v>
      </c>
      <c r="AE1600">
        <v>3</v>
      </c>
      <c r="AF1600">
        <v>3</v>
      </c>
      <c r="AG1600">
        <v>3</v>
      </c>
      <c r="AH1600">
        <v>3</v>
      </c>
      <c r="AI1600">
        <v>3</v>
      </c>
      <c r="AJ1600">
        <v>3</v>
      </c>
      <c r="AK1600">
        <v>3</v>
      </c>
      <c r="AL1600">
        <v>3</v>
      </c>
      <c r="AM1600">
        <v>3</v>
      </c>
      <c r="AN1600">
        <v>3</v>
      </c>
      <c r="AO1600">
        <v>3</v>
      </c>
      <c r="AP1600">
        <v>3</v>
      </c>
      <c r="AQ1600">
        <v>3</v>
      </c>
    </row>
    <row r="1601" spans="1:43">
      <c r="A1601" t="s">
        <v>1070</v>
      </c>
      <c r="B1601" t="s">
        <v>1071</v>
      </c>
      <c r="C1601" t="s">
        <v>1012</v>
      </c>
      <c r="D1601" t="s">
        <v>1013</v>
      </c>
      <c r="E1601" t="s">
        <v>847</v>
      </c>
      <c r="F1601" t="s">
        <v>848</v>
      </c>
      <c r="G1601" t="s">
        <v>80</v>
      </c>
      <c r="H1601" t="s">
        <v>81</v>
      </c>
      <c r="I1601" s="2">
        <v>0</v>
      </c>
      <c r="J1601" s="2">
        <v>1</v>
      </c>
      <c r="K1601" s="2">
        <v>0</v>
      </c>
      <c r="L1601" t="s">
        <v>82</v>
      </c>
      <c r="M1601" t="s">
        <v>83</v>
      </c>
      <c r="N1601" t="s">
        <v>91</v>
      </c>
      <c r="O1601" t="s">
        <v>85</v>
      </c>
      <c r="P1601" t="s">
        <v>86</v>
      </c>
      <c r="Q1601">
        <v>3</v>
      </c>
      <c r="R1601">
        <v>3</v>
      </c>
      <c r="S1601">
        <v>3</v>
      </c>
      <c r="T1601">
        <v>3</v>
      </c>
      <c r="U1601">
        <v>3</v>
      </c>
      <c r="V1601">
        <v>3</v>
      </c>
      <c r="W1601">
        <v>3</v>
      </c>
      <c r="X1601">
        <v>3</v>
      </c>
      <c r="Y1601">
        <v>3</v>
      </c>
      <c r="Z1601">
        <v>3</v>
      </c>
      <c r="AA1601">
        <v>3</v>
      </c>
      <c r="AB1601">
        <v>3</v>
      </c>
      <c r="AC1601">
        <v>3</v>
      </c>
      <c r="AD1601">
        <v>3</v>
      </c>
      <c r="AE1601">
        <v>3</v>
      </c>
      <c r="AF1601">
        <v>3</v>
      </c>
      <c r="AG1601">
        <v>3</v>
      </c>
      <c r="AH1601">
        <v>3</v>
      </c>
      <c r="AI1601">
        <v>3</v>
      </c>
      <c r="AJ1601">
        <v>3</v>
      </c>
      <c r="AK1601">
        <v>3</v>
      </c>
      <c r="AL1601">
        <v>3</v>
      </c>
      <c r="AM1601">
        <v>3</v>
      </c>
      <c r="AN1601">
        <v>3</v>
      </c>
      <c r="AO1601">
        <v>3</v>
      </c>
      <c r="AP1601">
        <v>3</v>
      </c>
      <c r="AQ1601">
        <v>3</v>
      </c>
    </row>
    <row r="1602" spans="1:43">
      <c r="A1602" t="s">
        <v>1072</v>
      </c>
      <c r="B1602" t="s">
        <v>1073</v>
      </c>
      <c r="C1602" t="s">
        <v>1074</v>
      </c>
      <c r="D1602" t="s">
        <v>1075</v>
      </c>
      <c r="E1602" t="s">
        <v>847</v>
      </c>
      <c r="F1602" t="s">
        <v>848</v>
      </c>
      <c r="G1602" t="s">
        <v>80</v>
      </c>
      <c r="H1602" t="s">
        <v>81</v>
      </c>
      <c r="I1602" s="2">
        <v>0</v>
      </c>
      <c r="J1602" s="2">
        <v>1</v>
      </c>
      <c r="K1602" s="2">
        <v>0</v>
      </c>
      <c r="L1602" t="s">
        <v>82</v>
      </c>
      <c r="M1602" t="s">
        <v>83</v>
      </c>
      <c r="N1602" t="s">
        <v>84</v>
      </c>
      <c r="O1602" t="s">
        <v>85</v>
      </c>
      <c r="P1602" t="s">
        <v>86</v>
      </c>
      <c r="Q1602">
        <v>6</v>
      </c>
      <c r="R1602">
        <v>6</v>
      </c>
      <c r="S1602">
        <v>7</v>
      </c>
      <c r="T1602">
        <v>7</v>
      </c>
      <c r="U1602">
        <v>7</v>
      </c>
      <c r="V1602">
        <v>7</v>
      </c>
      <c r="W1602">
        <v>7</v>
      </c>
      <c r="X1602">
        <v>7</v>
      </c>
      <c r="Y1602">
        <v>7</v>
      </c>
      <c r="Z1602">
        <v>7</v>
      </c>
      <c r="AA1602">
        <v>7</v>
      </c>
      <c r="AB1602">
        <v>7</v>
      </c>
      <c r="AC1602">
        <v>7</v>
      </c>
      <c r="AD1602">
        <v>7</v>
      </c>
      <c r="AE1602">
        <v>7</v>
      </c>
      <c r="AF1602">
        <v>7</v>
      </c>
      <c r="AG1602">
        <v>7</v>
      </c>
      <c r="AH1602">
        <v>7</v>
      </c>
      <c r="AI1602">
        <v>7</v>
      </c>
      <c r="AJ1602">
        <v>7</v>
      </c>
      <c r="AK1602">
        <v>7</v>
      </c>
      <c r="AL1602">
        <v>7</v>
      </c>
      <c r="AM1602">
        <v>7</v>
      </c>
      <c r="AN1602">
        <v>7</v>
      </c>
      <c r="AO1602">
        <v>7</v>
      </c>
      <c r="AP1602">
        <v>7</v>
      </c>
      <c r="AQ1602">
        <v>7</v>
      </c>
    </row>
    <row r="1603" spans="1:43">
      <c r="A1603" t="s">
        <v>1072</v>
      </c>
      <c r="B1603" t="s">
        <v>1073</v>
      </c>
      <c r="C1603" t="s">
        <v>1074</v>
      </c>
      <c r="D1603" t="s">
        <v>1075</v>
      </c>
      <c r="E1603" t="s">
        <v>847</v>
      </c>
      <c r="F1603" t="s">
        <v>848</v>
      </c>
      <c r="G1603" t="s">
        <v>80</v>
      </c>
      <c r="H1603" t="s">
        <v>81</v>
      </c>
      <c r="I1603" s="2">
        <v>0</v>
      </c>
      <c r="J1603" s="2">
        <v>1</v>
      </c>
      <c r="K1603" s="2">
        <v>0</v>
      </c>
      <c r="L1603" t="s">
        <v>82</v>
      </c>
      <c r="M1603" t="s">
        <v>87</v>
      </c>
      <c r="N1603" t="s">
        <v>88</v>
      </c>
      <c r="O1603" t="s">
        <v>85</v>
      </c>
      <c r="P1603" t="s">
        <v>86</v>
      </c>
      <c r="Q1603">
        <v>6</v>
      </c>
      <c r="R1603">
        <v>6</v>
      </c>
      <c r="S1603">
        <v>6</v>
      </c>
      <c r="T1603">
        <v>6</v>
      </c>
      <c r="U1603">
        <v>6</v>
      </c>
      <c r="V1603">
        <v>6</v>
      </c>
      <c r="W1603">
        <v>6</v>
      </c>
      <c r="X1603">
        <v>6</v>
      </c>
      <c r="Y1603">
        <v>6</v>
      </c>
      <c r="Z1603">
        <v>6</v>
      </c>
      <c r="AA1603">
        <v>6</v>
      </c>
      <c r="AB1603">
        <v>6</v>
      </c>
      <c r="AC1603">
        <v>6</v>
      </c>
      <c r="AD1603">
        <v>6</v>
      </c>
      <c r="AE1603">
        <v>6</v>
      </c>
      <c r="AF1603">
        <v>6</v>
      </c>
      <c r="AG1603">
        <v>6</v>
      </c>
      <c r="AH1603">
        <v>6</v>
      </c>
      <c r="AI1603">
        <v>6</v>
      </c>
      <c r="AJ1603">
        <v>6</v>
      </c>
      <c r="AK1603">
        <v>6</v>
      </c>
      <c r="AL1603">
        <v>6</v>
      </c>
      <c r="AM1603">
        <v>6</v>
      </c>
      <c r="AN1603">
        <v>6</v>
      </c>
      <c r="AO1603">
        <v>6</v>
      </c>
      <c r="AP1603">
        <v>6</v>
      </c>
      <c r="AQ1603">
        <v>6</v>
      </c>
    </row>
    <row r="1604" spans="1:43">
      <c r="A1604" t="s">
        <v>1072</v>
      </c>
      <c r="B1604" t="s">
        <v>1073</v>
      </c>
      <c r="C1604" t="s">
        <v>1074</v>
      </c>
      <c r="D1604" t="s">
        <v>1075</v>
      </c>
      <c r="E1604" t="s">
        <v>847</v>
      </c>
      <c r="F1604" t="s">
        <v>848</v>
      </c>
      <c r="G1604" t="s">
        <v>80</v>
      </c>
      <c r="H1604" t="s">
        <v>81</v>
      </c>
      <c r="I1604" s="2">
        <v>0</v>
      </c>
      <c r="J1604" s="2">
        <v>1</v>
      </c>
      <c r="K1604" s="2">
        <v>0</v>
      </c>
      <c r="L1604" t="s">
        <v>82</v>
      </c>
      <c r="M1604" t="s">
        <v>89</v>
      </c>
      <c r="N1604" t="s">
        <v>90</v>
      </c>
      <c r="O1604" t="s">
        <v>85</v>
      </c>
      <c r="P1604" t="s">
        <v>86</v>
      </c>
      <c r="Q1604">
        <v>6</v>
      </c>
      <c r="R1604">
        <v>6</v>
      </c>
      <c r="S1604">
        <v>6</v>
      </c>
      <c r="T1604">
        <v>6</v>
      </c>
      <c r="U1604">
        <v>6</v>
      </c>
      <c r="V1604">
        <v>6</v>
      </c>
      <c r="W1604">
        <v>6</v>
      </c>
      <c r="X1604">
        <v>6</v>
      </c>
      <c r="Y1604">
        <v>6</v>
      </c>
      <c r="Z1604">
        <v>6</v>
      </c>
      <c r="AA1604">
        <v>6</v>
      </c>
      <c r="AB1604">
        <v>6</v>
      </c>
      <c r="AC1604">
        <v>6</v>
      </c>
      <c r="AD1604">
        <v>6</v>
      </c>
      <c r="AE1604">
        <v>6</v>
      </c>
      <c r="AF1604">
        <v>6</v>
      </c>
      <c r="AG1604">
        <v>6</v>
      </c>
      <c r="AH1604">
        <v>6</v>
      </c>
      <c r="AI1604">
        <v>6</v>
      </c>
      <c r="AJ1604">
        <v>6</v>
      </c>
      <c r="AK1604">
        <v>6</v>
      </c>
      <c r="AL1604">
        <v>6</v>
      </c>
      <c r="AM1604">
        <v>6</v>
      </c>
      <c r="AN1604">
        <v>6</v>
      </c>
      <c r="AO1604">
        <v>6</v>
      </c>
      <c r="AP1604">
        <v>6</v>
      </c>
      <c r="AQ1604">
        <v>6</v>
      </c>
    </row>
    <row r="1605" spans="1:43">
      <c r="A1605" t="s">
        <v>1072</v>
      </c>
      <c r="B1605" t="s">
        <v>1073</v>
      </c>
      <c r="C1605" t="s">
        <v>1074</v>
      </c>
      <c r="D1605" t="s">
        <v>1075</v>
      </c>
      <c r="E1605" t="s">
        <v>847</v>
      </c>
      <c r="F1605" t="s">
        <v>848</v>
      </c>
      <c r="G1605" t="s">
        <v>80</v>
      </c>
      <c r="H1605" t="s">
        <v>81</v>
      </c>
      <c r="I1605" s="2">
        <v>0</v>
      </c>
      <c r="J1605" s="2">
        <v>1</v>
      </c>
      <c r="K1605" s="2">
        <v>0</v>
      </c>
      <c r="L1605" t="s">
        <v>82</v>
      </c>
      <c r="M1605" t="s">
        <v>83</v>
      </c>
      <c r="N1605" t="s">
        <v>91</v>
      </c>
      <c r="O1605" t="s">
        <v>85</v>
      </c>
      <c r="P1605" t="s">
        <v>86</v>
      </c>
      <c r="Q1605">
        <v>6</v>
      </c>
      <c r="R1605">
        <v>6</v>
      </c>
      <c r="S1605">
        <v>7</v>
      </c>
      <c r="T1605">
        <v>7</v>
      </c>
      <c r="U1605">
        <v>7</v>
      </c>
      <c r="V1605">
        <v>7</v>
      </c>
      <c r="W1605">
        <v>7</v>
      </c>
      <c r="X1605">
        <v>7</v>
      </c>
      <c r="Y1605">
        <v>7</v>
      </c>
      <c r="Z1605">
        <v>7</v>
      </c>
      <c r="AA1605">
        <v>7</v>
      </c>
      <c r="AB1605">
        <v>7</v>
      </c>
      <c r="AC1605">
        <v>7</v>
      </c>
      <c r="AD1605">
        <v>7</v>
      </c>
      <c r="AE1605">
        <v>7</v>
      </c>
      <c r="AF1605">
        <v>7</v>
      </c>
      <c r="AG1605">
        <v>7</v>
      </c>
      <c r="AH1605">
        <v>7</v>
      </c>
      <c r="AI1605">
        <v>7</v>
      </c>
      <c r="AJ1605">
        <v>7</v>
      </c>
      <c r="AK1605">
        <v>7</v>
      </c>
      <c r="AL1605">
        <v>7</v>
      </c>
      <c r="AM1605">
        <v>7</v>
      </c>
      <c r="AN1605">
        <v>7</v>
      </c>
      <c r="AO1605">
        <v>7</v>
      </c>
      <c r="AP1605">
        <v>7</v>
      </c>
      <c r="AQ1605">
        <v>7</v>
      </c>
    </row>
    <row r="1606" spans="1:43">
      <c r="A1606" t="s">
        <v>1076</v>
      </c>
      <c r="B1606" t="s">
        <v>1077</v>
      </c>
      <c r="C1606" t="s">
        <v>873</v>
      </c>
      <c r="D1606" t="s">
        <v>874</v>
      </c>
      <c r="E1606" t="s">
        <v>847</v>
      </c>
      <c r="F1606" t="s">
        <v>848</v>
      </c>
      <c r="G1606" t="s">
        <v>80</v>
      </c>
      <c r="H1606" t="s">
        <v>81</v>
      </c>
      <c r="I1606" s="2">
        <v>0</v>
      </c>
      <c r="J1606" s="2">
        <v>1</v>
      </c>
      <c r="K1606" s="2">
        <v>0</v>
      </c>
      <c r="L1606" t="s">
        <v>82</v>
      </c>
      <c r="M1606" t="s">
        <v>83</v>
      </c>
      <c r="N1606" t="s">
        <v>84</v>
      </c>
      <c r="O1606" t="s">
        <v>85</v>
      </c>
      <c r="P1606" t="s">
        <v>86</v>
      </c>
      <c r="Q1606">
        <v>30</v>
      </c>
      <c r="R1606">
        <v>30</v>
      </c>
      <c r="S1606">
        <v>30</v>
      </c>
      <c r="T1606">
        <v>30</v>
      </c>
      <c r="U1606">
        <v>31</v>
      </c>
      <c r="V1606">
        <v>31</v>
      </c>
      <c r="W1606">
        <v>31</v>
      </c>
      <c r="X1606">
        <v>31</v>
      </c>
      <c r="Y1606">
        <v>31</v>
      </c>
      <c r="Z1606">
        <v>31</v>
      </c>
      <c r="AA1606">
        <v>31</v>
      </c>
      <c r="AB1606">
        <v>32</v>
      </c>
      <c r="AC1606">
        <v>32</v>
      </c>
      <c r="AD1606">
        <v>32</v>
      </c>
      <c r="AE1606">
        <v>32</v>
      </c>
      <c r="AF1606">
        <v>32</v>
      </c>
      <c r="AG1606">
        <v>32</v>
      </c>
      <c r="AH1606">
        <v>32</v>
      </c>
      <c r="AI1606">
        <v>32</v>
      </c>
      <c r="AJ1606">
        <v>32</v>
      </c>
      <c r="AK1606">
        <v>32</v>
      </c>
      <c r="AL1606">
        <v>32</v>
      </c>
      <c r="AM1606">
        <v>32</v>
      </c>
      <c r="AN1606">
        <v>32</v>
      </c>
      <c r="AO1606">
        <v>31</v>
      </c>
      <c r="AP1606">
        <v>31</v>
      </c>
      <c r="AQ1606">
        <v>31</v>
      </c>
    </row>
    <row r="1607" spans="1:43">
      <c r="A1607" t="s">
        <v>1076</v>
      </c>
      <c r="B1607" t="s">
        <v>1077</v>
      </c>
      <c r="C1607" t="s">
        <v>873</v>
      </c>
      <c r="D1607" t="s">
        <v>874</v>
      </c>
      <c r="E1607" t="s">
        <v>847</v>
      </c>
      <c r="F1607" t="s">
        <v>848</v>
      </c>
      <c r="G1607" t="s">
        <v>80</v>
      </c>
      <c r="H1607" t="s">
        <v>81</v>
      </c>
      <c r="I1607" s="2">
        <v>0</v>
      </c>
      <c r="J1607" s="2">
        <v>1</v>
      </c>
      <c r="K1607" s="2">
        <v>0</v>
      </c>
      <c r="L1607" t="s">
        <v>82</v>
      </c>
      <c r="M1607" t="s">
        <v>87</v>
      </c>
      <c r="N1607" t="s">
        <v>88</v>
      </c>
      <c r="O1607" t="s">
        <v>85</v>
      </c>
      <c r="P1607" t="s">
        <v>86</v>
      </c>
      <c r="Q1607">
        <v>30</v>
      </c>
      <c r="R1607">
        <v>30</v>
      </c>
      <c r="S1607">
        <v>29</v>
      </c>
      <c r="T1607">
        <v>29</v>
      </c>
      <c r="U1607">
        <v>29</v>
      </c>
      <c r="V1607">
        <v>29</v>
      </c>
      <c r="W1607">
        <v>29</v>
      </c>
      <c r="X1607">
        <v>29</v>
      </c>
      <c r="Y1607">
        <v>29</v>
      </c>
      <c r="Z1607">
        <v>29</v>
      </c>
      <c r="AA1607">
        <v>29</v>
      </c>
      <c r="AB1607">
        <v>29</v>
      </c>
      <c r="AC1607">
        <v>28</v>
      </c>
      <c r="AD1607">
        <v>28</v>
      </c>
      <c r="AE1607">
        <v>28</v>
      </c>
      <c r="AF1607">
        <v>28</v>
      </c>
      <c r="AG1607">
        <v>28</v>
      </c>
      <c r="AH1607">
        <v>28</v>
      </c>
      <c r="AI1607">
        <v>28</v>
      </c>
      <c r="AJ1607">
        <v>28</v>
      </c>
      <c r="AK1607">
        <v>28</v>
      </c>
      <c r="AL1607">
        <v>28</v>
      </c>
      <c r="AM1607">
        <v>28</v>
      </c>
      <c r="AN1607">
        <v>27</v>
      </c>
      <c r="AO1607">
        <v>27</v>
      </c>
      <c r="AP1607">
        <v>27</v>
      </c>
      <c r="AQ1607">
        <v>27</v>
      </c>
    </row>
    <row r="1608" spans="1:43">
      <c r="A1608" t="s">
        <v>1076</v>
      </c>
      <c r="B1608" t="s">
        <v>1077</v>
      </c>
      <c r="C1608" t="s">
        <v>873</v>
      </c>
      <c r="D1608" t="s">
        <v>874</v>
      </c>
      <c r="E1608" t="s">
        <v>847</v>
      </c>
      <c r="F1608" t="s">
        <v>848</v>
      </c>
      <c r="G1608" t="s">
        <v>80</v>
      </c>
      <c r="H1608" t="s">
        <v>81</v>
      </c>
      <c r="I1608" s="2">
        <v>0</v>
      </c>
      <c r="J1608" s="2">
        <v>1</v>
      </c>
      <c r="K1608" s="2">
        <v>0</v>
      </c>
      <c r="L1608" t="s">
        <v>82</v>
      </c>
      <c r="M1608" t="s">
        <v>89</v>
      </c>
      <c r="N1608" t="s">
        <v>90</v>
      </c>
      <c r="O1608" t="s">
        <v>85</v>
      </c>
      <c r="P1608" t="s">
        <v>86</v>
      </c>
      <c r="Q1608">
        <v>30</v>
      </c>
      <c r="R1608">
        <v>31</v>
      </c>
      <c r="S1608">
        <v>31</v>
      </c>
      <c r="T1608">
        <v>31</v>
      </c>
      <c r="U1608">
        <v>32</v>
      </c>
      <c r="V1608">
        <v>32</v>
      </c>
      <c r="W1608">
        <v>32</v>
      </c>
      <c r="X1608">
        <v>33</v>
      </c>
      <c r="Y1608">
        <v>33</v>
      </c>
      <c r="Z1608">
        <v>33</v>
      </c>
      <c r="AA1608">
        <v>33</v>
      </c>
      <c r="AB1608">
        <v>33</v>
      </c>
      <c r="AC1608">
        <v>34</v>
      </c>
      <c r="AD1608">
        <v>34</v>
      </c>
      <c r="AE1608">
        <v>34</v>
      </c>
      <c r="AF1608">
        <v>34</v>
      </c>
      <c r="AG1608">
        <v>33</v>
      </c>
      <c r="AH1608">
        <v>33</v>
      </c>
      <c r="AI1608">
        <v>33</v>
      </c>
      <c r="AJ1608">
        <v>33</v>
      </c>
      <c r="AK1608">
        <v>32</v>
      </c>
      <c r="AL1608">
        <v>32</v>
      </c>
      <c r="AM1608">
        <v>32</v>
      </c>
      <c r="AN1608">
        <v>32</v>
      </c>
      <c r="AO1608">
        <v>32</v>
      </c>
      <c r="AP1608">
        <v>31</v>
      </c>
      <c r="AQ1608">
        <v>31</v>
      </c>
    </row>
    <row r="1609" spans="1:43">
      <c r="A1609" t="s">
        <v>1076</v>
      </c>
      <c r="B1609" t="s">
        <v>1077</v>
      </c>
      <c r="C1609" t="s">
        <v>873</v>
      </c>
      <c r="D1609" t="s">
        <v>874</v>
      </c>
      <c r="E1609" t="s">
        <v>847</v>
      </c>
      <c r="F1609" t="s">
        <v>848</v>
      </c>
      <c r="G1609" t="s">
        <v>80</v>
      </c>
      <c r="H1609" t="s">
        <v>81</v>
      </c>
      <c r="I1609" s="2">
        <v>0</v>
      </c>
      <c r="J1609" s="2">
        <v>1</v>
      </c>
      <c r="K1609" s="2">
        <v>0</v>
      </c>
      <c r="L1609" t="s">
        <v>82</v>
      </c>
      <c r="M1609" t="s">
        <v>83</v>
      </c>
      <c r="N1609" t="s">
        <v>91</v>
      </c>
      <c r="O1609" t="s">
        <v>85</v>
      </c>
      <c r="P1609" t="s">
        <v>86</v>
      </c>
      <c r="Q1609">
        <v>30</v>
      </c>
      <c r="R1609">
        <v>30</v>
      </c>
      <c r="S1609">
        <v>30</v>
      </c>
      <c r="T1609">
        <v>30</v>
      </c>
      <c r="U1609">
        <v>31</v>
      </c>
      <c r="V1609">
        <v>31</v>
      </c>
      <c r="W1609">
        <v>31</v>
      </c>
      <c r="X1609">
        <v>31</v>
      </c>
      <c r="Y1609">
        <v>31</v>
      </c>
      <c r="Z1609">
        <v>31</v>
      </c>
      <c r="AA1609">
        <v>31</v>
      </c>
      <c r="AB1609">
        <v>32</v>
      </c>
      <c r="AC1609">
        <v>32</v>
      </c>
      <c r="AD1609">
        <v>32</v>
      </c>
      <c r="AE1609">
        <v>32</v>
      </c>
      <c r="AF1609">
        <v>32</v>
      </c>
      <c r="AG1609">
        <v>32</v>
      </c>
      <c r="AH1609">
        <v>32</v>
      </c>
      <c r="AI1609">
        <v>32</v>
      </c>
      <c r="AJ1609">
        <v>32</v>
      </c>
      <c r="AK1609">
        <v>32</v>
      </c>
      <c r="AL1609">
        <v>32</v>
      </c>
      <c r="AM1609">
        <v>32</v>
      </c>
      <c r="AN1609">
        <v>32</v>
      </c>
      <c r="AO1609">
        <v>31</v>
      </c>
      <c r="AP1609">
        <v>31</v>
      </c>
      <c r="AQ1609">
        <v>31</v>
      </c>
    </row>
    <row r="1610" spans="1:43">
      <c r="A1610" t="s">
        <v>1078</v>
      </c>
      <c r="B1610" t="s">
        <v>1079</v>
      </c>
      <c r="C1610" t="s">
        <v>1074</v>
      </c>
      <c r="D1610" t="s">
        <v>1075</v>
      </c>
      <c r="E1610" t="s">
        <v>847</v>
      </c>
      <c r="F1610" t="s">
        <v>848</v>
      </c>
      <c r="G1610" t="s">
        <v>80</v>
      </c>
      <c r="H1610" t="s">
        <v>81</v>
      </c>
      <c r="I1610" s="2">
        <v>0</v>
      </c>
      <c r="J1610" s="2">
        <v>1</v>
      </c>
      <c r="K1610" s="2">
        <v>0</v>
      </c>
      <c r="L1610" t="s">
        <v>82</v>
      </c>
      <c r="M1610" t="s">
        <v>83</v>
      </c>
      <c r="N1610" t="s">
        <v>84</v>
      </c>
      <c r="O1610" t="s">
        <v>85</v>
      </c>
      <c r="P1610" t="s">
        <v>86</v>
      </c>
      <c r="Q1610">
        <v>25</v>
      </c>
      <c r="R1610">
        <v>25</v>
      </c>
      <c r="S1610">
        <v>25</v>
      </c>
      <c r="T1610">
        <v>25</v>
      </c>
      <c r="U1610">
        <v>25</v>
      </c>
      <c r="V1610">
        <v>25</v>
      </c>
      <c r="W1610">
        <v>25</v>
      </c>
      <c r="X1610">
        <v>26</v>
      </c>
      <c r="Y1610">
        <v>26</v>
      </c>
      <c r="Z1610">
        <v>26</v>
      </c>
      <c r="AA1610">
        <v>26</v>
      </c>
      <c r="AB1610">
        <v>26</v>
      </c>
      <c r="AC1610">
        <v>26</v>
      </c>
      <c r="AD1610">
        <v>26</v>
      </c>
      <c r="AE1610">
        <v>26</v>
      </c>
      <c r="AF1610">
        <v>26</v>
      </c>
      <c r="AG1610">
        <v>27</v>
      </c>
      <c r="AH1610">
        <v>27</v>
      </c>
      <c r="AI1610">
        <v>27</v>
      </c>
      <c r="AJ1610">
        <v>27</v>
      </c>
      <c r="AK1610">
        <v>27</v>
      </c>
      <c r="AL1610">
        <v>27</v>
      </c>
      <c r="AM1610">
        <v>27</v>
      </c>
      <c r="AN1610">
        <v>27</v>
      </c>
      <c r="AO1610">
        <v>26</v>
      </c>
      <c r="AP1610">
        <v>26</v>
      </c>
      <c r="AQ1610">
        <v>26</v>
      </c>
    </row>
    <row r="1611" spans="1:43">
      <c r="A1611" t="s">
        <v>1078</v>
      </c>
      <c r="B1611" t="s">
        <v>1079</v>
      </c>
      <c r="C1611" t="s">
        <v>1074</v>
      </c>
      <c r="D1611" t="s">
        <v>1075</v>
      </c>
      <c r="E1611" t="s">
        <v>847</v>
      </c>
      <c r="F1611" t="s">
        <v>848</v>
      </c>
      <c r="G1611" t="s">
        <v>80</v>
      </c>
      <c r="H1611" t="s">
        <v>81</v>
      </c>
      <c r="I1611" s="2">
        <v>0</v>
      </c>
      <c r="J1611" s="2">
        <v>1</v>
      </c>
      <c r="K1611" s="2">
        <v>0</v>
      </c>
      <c r="L1611" t="s">
        <v>82</v>
      </c>
      <c r="M1611" t="s">
        <v>87</v>
      </c>
      <c r="N1611" t="s">
        <v>88</v>
      </c>
      <c r="O1611" t="s">
        <v>85</v>
      </c>
      <c r="P1611" t="s">
        <v>86</v>
      </c>
      <c r="Q1611">
        <v>25</v>
      </c>
      <c r="R1611">
        <v>25</v>
      </c>
      <c r="S1611">
        <v>25</v>
      </c>
      <c r="T1611">
        <v>25</v>
      </c>
      <c r="U1611">
        <v>25</v>
      </c>
      <c r="V1611">
        <v>25</v>
      </c>
      <c r="W1611">
        <v>25</v>
      </c>
      <c r="X1611">
        <v>25</v>
      </c>
      <c r="Y1611">
        <v>25</v>
      </c>
      <c r="Z1611">
        <v>25</v>
      </c>
      <c r="AA1611">
        <v>25</v>
      </c>
      <c r="AB1611">
        <v>25</v>
      </c>
      <c r="AC1611">
        <v>25</v>
      </c>
      <c r="AD1611">
        <v>24</v>
      </c>
      <c r="AE1611">
        <v>24</v>
      </c>
      <c r="AF1611">
        <v>24</v>
      </c>
      <c r="AG1611">
        <v>24</v>
      </c>
      <c r="AH1611">
        <v>24</v>
      </c>
      <c r="AI1611">
        <v>24</v>
      </c>
      <c r="AJ1611">
        <v>24</v>
      </c>
      <c r="AK1611">
        <v>24</v>
      </c>
      <c r="AL1611">
        <v>24</v>
      </c>
      <c r="AM1611">
        <v>24</v>
      </c>
      <c r="AN1611">
        <v>24</v>
      </c>
      <c r="AO1611">
        <v>24</v>
      </c>
      <c r="AP1611">
        <v>24</v>
      </c>
      <c r="AQ1611">
        <v>24</v>
      </c>
    </row>
    <row r="1612" spans="1:43">
      <c r="A1612" t="s">
        <v>1078</v>
      </c>
      <c r="B1612" t="s">
        <v>1079</v>
      </c>
      <c r="C1612" t="s">
        <v>1074</v>
      </c>
      <c r="D1612" t="s">
        <v>1075</v>
      </c>
      <c r="E1612" t="s">
        <v>847</v>
      </c>
      <c r="F1612" t="s">
        <v>848</v>
      </c>
      <c r="G1612" t="s">
        <v>80</v>
      </c>
      <c r="H1612" t="s">
        <v>81</v>
      </c>
      <c r="I1612" s="2">
        <v>0</v>
      </c>
      <c r="J1612" s="2">
        <v>1</v>
      </c>
      <c r="K1612" s="2">
        <v>0</v>
      </c>
      <c r="L1612" t="s">
        <v>82</v>
      </c>
      <c r="M1612" t="s">
        <v>89</v>
      </c>
      <c r="N1612" t="s">
        <v>90</v>
      </c>
      <c r="O1612" t="s">
        <v>85</v>
      </c>
      <c r="P1612" t="s">
        <v>86</v>
      </c>
      <c r="Q1612">
        <v>25</v>
      </c>
      <c r="R1612">
        <v>25</v>
      </c>
      <c r="S1612">
        <v>25</v>
      </c>
      <c r="T1612">
        <v>26</v>
      </c>
      <c r="U1612">
        <v>26</v>
      </c>
      <c r="V1612">
        <v>26</v>
      </c>
      <c r="W1612">
        <v>27</v>
      </c>
      <c r="X1612">
        <v>27</v>
      </c>
      <c r="Y1612">
        <v>27</v>
      </c>
      <c r="Z1612">
        <v>27</v>
      </c>
      <c r="AA1612">
        <v>28</v>
      </c>
      <c r="AB1612">
        <v>28</v>
      </c>
      <c r="AC1612">
        <v>28</v>
      </c>
      <c r="AD1612">
        <v>28</v>
      </c>
      <c r="AE1612">
        <v>28</v>
      </c>
      <c r="AF1612">
        <v>28</v>
      </c>
      <c r="AG1612">
        <v>28</v>
      </c>
      <c r="AH1612">
        <v>28</v>
      </c>
      <c r="AI1612">
        <v>28</v>
      </c>
      <c r="AJ1612">
        <v>27</v>
      </c>
      <c r="AK1612">
        <v>27</v>
      </c>
      <c r="AL1612">
        <v>27</v>
      </c>
      <c r="AM1612">
        <v>27</v>
      </c>
      <c r="AN1612">
        <v>27</v>
      </c>
      <c r="AO1612">
        <v>27</v>
      </c>
      <c r="AP1612">
        <v>27</v>
      </c>
      <c r="AQ1612">
        <v>27</v>
      </c>
    </row>
    <row r="1613" spans="1:43">
      <c r="A1613" t="s">
        <v>1078</v>
      </c>
      <c r="B1613" t="s">
        <v>1079</v>
      </c>
      <c r="C1613" t="s">
        <v>1074</v>
      </c>
      <c r="D1613" t="s">
        <v>1075</v>
      </c>
      <c r="E1613" t="s">
        <v>847</v>
      </c>
      <c r="F1613" t="s">
        <v>848</v>
      </c>
      <c r="G1613" t="s">
        <v>80</v>
      </c>
      <c r="H1613" t="s">
        <v>81</v>
      </c>
      <c r="I1613" s="2">
        <v>0</v>
      </c>
      <c r="J1613" s="2">
        <v>1</v>
      </c>
      <c r="K1613" s="2">
        <v>0</v>
      </c>
      <c r="L1613" t="s">
        <v>82</v>
      </c>
      <c r="M1613" t="s">
        <v>83</v>
      </c>
      <c r="N1613" t="s">
        <v>91</v>
      </c>
      <c r="O1613" t="s">
        <v>85</v>
      </c>
      <c r="P1613" t="s">
        <v>86</v>
      </c>
      <c r="Q1613">
        <v>25</v>
      </c>
      <c r="R1613">
        <v>25</v>
      </c>
      <c r="S1613">
        <v>25</v>
      </c>
      <c r="T1613">
        <v>25</v>
      </c>
      <c r="U1613">
        <v>25</v>
      </c>
      <c r="V1613">
        <v>25</v>
      </c>
      <c r="W1613">
        <v>25</v>
      </c>
      <c r="X1613">
        <v>26</v>
      </c>
      <c r="Y1613">
        <v>26</v>
      </c>
      <c r="Z1613">
        <v>26</v>
      </c>
      <c r="AA1613">
        <v>26</v>
      </c>
      <c r="AB1613">
        <v>26</v>
      </c>
      <c r="AC1613">
        <v>26</v>
      </c>
      <c r="AD1613">
        <v>26</v>
      </c>
      <c r="AE1613">
        <v>26</v>
      </c>
      <c r="AF1613">
        <v>26</v>
      </c>
      <c r="AG1613">
        <v>27</v>
      </c>
      <c r="AH1613">
        <v>27</v>
      </c>
      <c r="AI1613">
        <v>27</v>
      </c>
      <c r="AJ1613">
        <v>27</v>
      </c>
      <c r="AK1613">
        <v>27</v>
      </c>
      <c r="AL1613">
        <v>27</v>
      </c>
      <c r="AM1613">
        <v>27</v>
      </c>
      <c r="AN1613">
        <v>27</v>
      </c>
      <c r="AO1613">
        <v>26</v>
      </c>
      <c r="AP1613">
        <v>26</v>
      </c>
      <c r="AQ1613">
        <v>26</v>
      </c>
    </row>
    <row r="1614" spans="1:43">
      <c r="A1614" t="s">
        <v>1080</v>
      </c>
      <c r="B1614" t="s">
        <v>1081</v>
      </c>
      <c r="C1614" t="s">
        <v>873</v>
      </c>
      <c r="D1614" t="s">
        <v>874</v>
      </c>
      <c r="E1614" t="s">
        <v>847</v>
      </c>
      <c r="F1614" t="s">
        <v>848</v>
      </c>
      <c r="G1614" t="s">
        <v>80</v>
      </c>
      <c r="H1614" t="s">
        <v>81</v>
      </c>
      <c r="I1614" s="2">
        <v>0</v>
      </c>
      <c r="J1614" s="2">
        <v>1</v>
      </c>
      <c r="K1614" s="2">
        <v>0</v>
      </c>
      <c r="L1614" t="s">
        <v>82</v>
      </c>
      <c r="M1614" t="s">
        <v>83</v>
      </c>
      <c r="N1614" t="s">
        <v>84</v>
      </c>
      <c r="O1614" t="s">
        <v>85</v>
      </c>
      <c r="P1614" t="s">
        <v>86</v>
      </c>
      <c r="Q1614">
        <v>0</v>
      </c>
      <c r="R1614">
        <v>0</v>
      </c>
      <c r="S1614">
        <v>0</v>
      </c>
      <c r="T1614">
        <v>0</v>
      </c>
      <c r="U1614">
        <v>0</v>
      </c>
      <c r="V1614">
        <v>0</v>
      </c>
      <c r="W1614">
        <v>0</v>
      </c>
      <c r="X1614">
        <v>0</v>
      </c>
      <c r="Y1614">
        <v>0</v>
      </c>
      <c r="Z1614">
        <v>0</v>
      </c>
      <c r="AA1614">
        <v>0</v>
      </c>
      <c r="AB1614">
        <v>0</v>
      </c>
      <c r="AC1614">
        <v>0</v>
      </c>
      <c r="AD1614">
        <v>0</v>
      </c>
      <c r="AE1614">
        <v>0</v>
      </c>
      <c r="AF1614">
        <v>0</v>
      </c>
      <c r="AG1614">
        <v>0</v>
      </c>
      <c r="AH1614">
        <v>0</v>
      </c>
      <c r="AI1614">
        <v>0</v>
      </c>
      <c r="AJ1614">
        <v>0</v>
      </c>
      <c r="AK1614">
        <v>0</v>
      </c>
      <c r="AL1614">
        <v>0</v>
      </c>
      <c r="AM1614">
        <v>0</v>
      </c>
      <c r="AN1614">
        <v>0</v>
      </c>
      <c r="AO1614">
        <v>0</v>
      </c>
      <c r="AP1614">
        <v>0</v>
      </c>
      <c r="AQ1614">
        <v>0</v>
      </c>
    </row>
    <row r="1615" spans="1:43">
      <c r="A1615" t="s">
        <v>1080</v>
      </c>
      <c r="B1615" t="s">
        <v>1081</v>
      </c>
      <c r="C1615" t="s">
        <v>873</v>
      </c>
      <c r="D1615" t="s">
        <v>874</v>
      </c>
      <c r="E1615" t="s">
        <v>847</v>
      </c>
      <c r="F1615" t="s">
        <v>848</v>
      </c>
      <c r="G1615" t="s">
        <v>80</v>
      </c>
      <c r="H1615" t="s">
        <v>81</v>
      </c>
      <c r="I1615" s="2">
        <v>0</v>
      </c>
      <c r="J1615" s="2">
        <v>1</v>
      </c>
      <c r="K1615" s="2">
        <v>0</v>
      </c>
      <c r="L1615" t="s">
        <v>82</v>
      </c>
      <c r="M1615" t="s">
        <v>87</v>
      </c>
      <c r="N1615" t="s">
        <v>88</v>
      </c>
      <c r="O1615" t="s">
        <v>85</v>
      </c>
      <c r="P1615" t="s">
        <v>86</v>
      </c>
      <c r="Q1615">
        <v>0</v>
      </c>
      <c r="R1615">
        <v>0</v>
      </c>
      <c r="S1615">
        <v>0</v>
      </c>
      <c r="T1615">
        <v>0</v>
      </c>
      <c r="U1615">
        <v>0</v>
      </c>
      <c r="V1615">
        <v>0</v>
      </c>
      <c r="W1615">
        <v>0</v>
      </c>
      <c r="X1615">
        <v>0</v>
      </c>
      <c r="Y1615">
        <v>0</v>
      </c>
      <c r="Z1615">
        <v>0</v>
      </c>
      <c r="AA1615">
        <v>0</v>
      </c>
      <c r="AB1615">
        <v>0</v>
      </c>
      <c r="AC1615">
        <v>0</v>
      </c>
      <c r="AD1615">
        <v>0</v>
      </c>
      <c r="AE1615">
        <v>0</v>
      </c>
      <c r="AF1615">
        <v>0</v>
      </c>
      <c r="AG1615">
        <v>0</v>
      </c>
      <c r="AH1615">
        <v>0</v>
      </c>
      <c r="AI1615">
        <v>0</v>
      </c>
      <c r="AJ1615">
        <v>0</v>
      </c>
      <c r="AK1615">
        <v>0</v>
      </c>
      <c r="AL1615">
        <v>0</v>
      </c>
      <c r="AM1615">
        <v>0</v>
      </c>
      <c r="AN1615">
        <v>0</v>
      </c>
      <c r="AO1615">
        <v>0</v>
      </c>
      <c r="AP1615">
        <v>0</v>
      </c>
      <c r="AQ1615">
        <v>0</v>
      </c>
    </row>
    <row r="1616" spans="1:43">
      <c r="A1616" t="s">
        <v>1080</v>
      </c>
      <c r="B1616" t="s">
        <v>1081</v>
      </c>
      <c r="C1616" t="s">
        <v>873</v>
      </c>
      <c r="D1616" t="s">
        <v>874</v>
      </c>
      <c r="E1616" t="s">
        <v>847</v>
      </c>
      <c r="F1616" t="s">
        <v>848</v>
      </c>
      <c r="G1616" t="s">
        <v>80</v>
      </c>
      <c r="H1616" t="s">
        <v>81</v>
      </c>
      <c r="I1616" s="2">
        <v>0</v>
      </c>
      <c r="J1616" s="2">
        <v>1</v>
      </c>
      <c r="K1616" s="2">
        <v>0</v>
      </c>
      <c r="L1616" t="s">
        <v>82</v>
      </c>
      <c r="M1616" t="s">
        <v>89</v>
      </c>
      <c r="N1616" t="s">
        <v>90</v>
      </c>
      <c r="O1616" t="s">
        <v>85</v>
      </c>
      <c r="P1616" t="s">
        <v>86</v>
      </c>
      <c r="Q1616">
        <v>0</v>
      </c>
      <c r="R1616">
        <v>0</v>
      </c>
      <c r="S1616">
        <v>0</v>
      </c>
      <c r="T1616">
        <v>0</v>
      </c>
      <c r="U1616">
        <v>0</v>
      </c>
      <c r="V1616">
        <v>0</v>
      </c>
      <c r="W1616">
        <v>0</v>
      </c>
      <c r="X1616">
        <v>0</v>
      </c>
      <c r="Y1616">
        <v>0</v>
      </c>
      <c r="Z1616">
        <v>0</v>
      </c>
      <c r="AA1616">
        <v>0</v>
      </c>
      <c r="AB1616">
        <v>0</v>
      </c>
      <c r="AC1616">
        <v>0</v>
      </c>
      <c r="AD1616">
        <v>0</v>
      </c>
      <c r="AE1616">
        <v>0</v>
      </c>
      <c r="AF1616">
        <v>0</v>
      </c>
      <c r="AG1616">
        <v>0</v>
      </c>
      <c r="AH1616">
        <v>0</v>
      </c>
      <c r="AI1616">
        <v>0</v>
      </c>
      <c r="AJ1616">
        <v>0</v>
      </c>
      <c r="AK1616">
        <v>0</v>
      </c>
      <c r="AL1616">
        <v>0</v>
      </c>
      <c r="AM1616">
        <v>0</v>
      </c>
      <c r="AN1616">
        <v>0</v>
      </c>
      <c r="AO1616">
        <v>0</v>
      </c>
      <c r="AP1616">
        <v>0</v>
      </c>
      <c r="AQ1616">
        <v>0</v>
      </c>
    </row>
    <row r="1617" spans="1:43">
      <c r="A1617" t="s">
        <v>1080</v>
      </c>
      <c r="B1617" t="s">
        <v>1081</v>
      </c>
      <c r="C1617" t="s">
        <v>873</v>
      </c>
      <c r="D1617" t="s">
        <v>874</v>
      </c>
      <c r="E1617" t="s">
        <v>847</v>
      </c>
      <c r="F1617" t="s">
        <v>848</v>
      </c>
      <c r="G1617" t="s">
        <v>80</v>
      </c>
      <c r="H1617" t="s">
        <v>81</v>
      </c>
      <c r="I1617" s="2">
        <v>0</v>
      </c>
      <c r="J1617" s="2">
        <v>1</v>
      </c>
      <c r="K1617" s="2">
        <v>0</v>
      </c>
      <c r="L1617" t="s">
        <v>82</v>
      </c>
      <c r="M1617" t="s">
        <v>83</v>
      </c>
      <c r="N1617" t="s">
        <v>91</v>
      </c>
      <c r="O1617" t="s">
        <v>85</v>
      </c>
      <c r="P1617" t="s">
        <v>86</v>
      </c>
      <c r="Q1617">
        <v>0</v>
      </c>
      <c r="R1617">
        <v>0</v>
      </c>
      <c r="S1617">
        <v>0</v>
      </c>
      <c r="T1617">
        <v>0</v>
      </c>
      <c r="U1617">
        <v>0</v>
      </c>
      <c r="V1617">
        <v>0</v>
      </c>
      <c r="W1617">
        <v>0</v>
      </c>
      <c r="X1617">
        <v>0</v>
      </c>
      <c r="Y1617">
        <v>0</v>
      </c>
      <c r="Z1617">
        <v>0</v>
      </c>
      <c r="AA1617">
        <v>0</v>
      </c>
      <c r="AB1617">
        <v>0</v>
      </c>
      <c r="AC1617">
        <v>0</v>
      </c>
      <c r="AD1617">
        <v>0</v>
      </c>
      <c r="AE1617">
        <v>0</v>
      </c>
      <c r="AF1617">
        <v>0</v>
      </c>
      <c r="AG1617">
        <v>0</v>
      </c>
      <c r="AH1617">
        <v>0</v>
      </c>
      <c r="AI1617">
        <v>0</v>
      </c>
      <c r="AJ1617">
        <v>0</v>
      </c>
      <c r="AK1617">
        <v>0</v>
      </c>
      <c r="AL1617">
        <v>0</v>
      </c>
      <c r="AM1617">
        <v>0</v>
      </c>
      <c r="AN1617">
        <v>0</v>
      </c>
      <c r="AO1617">
        <v>0</v>
      </c>
      <c r="AP1617">
        <v>0</v>
      </c>
      <c r="AQ1617">
        <v>0</v>
      </c>
    </row>
    <row r="1618" spans="1:43">
      <c r="A1618" t="s">
        <v>1082</v>
      </c>
      <c r="B1618" t="s">
        <v>1083</v>
      </c>
      <c r="C1618" t="s">
        <v>873</v>
      </c>
      <c r="D1618" t="s">
        <v>874</v>
      </c>
      <c r="E1618" t="s">
        <v>847</v>
      </c>
      <c r="F1618" t="s">
        <v>848</v>
      </c>
      <c r="G1618" t="s">
        <v>80</v>
      </c>
      <c r="H1618" t="s">
        <v>81</v>
      </c>
      <c r="I1618" s="2">
        <v>0</v>
      </c>
      <c r="J1618" s="2">
        <v>1</v>
      </c>
      <c r="K1618" s="2">
        <v>0</v>
      </c>
      <c r="L1618" t="s">
        <v>82</v>
      </c>
      <c r="M1618" t="s">
        <v>83</v>
      </c>
      <c r="N1618" t="s">
        <v>84</v>
      </c>
      <c r="O1618" t="s">
        <v>85</v>
      </c>
      <c r="P1618" t="s">
        <v>86</v>
      </c>
      <c r="Q1618">
        <v>7</v>
      </c>
      <c r="R1618">
        <v>7</v>
      </c>
      <c r="S1618">
        <v>7</v>
      </c>
      <c r="T1618">
        <v>7</v>
      </c>
      <c r="U1618">
        <v>7</v>
      </c>
      <c r="V1618">
        <v>7</v>
      </c>
      <c r="W1618">
        <v>7</v>
      </c>
      <c r="X1618">
        <v>8</v>
      </c>
      <c r="Y1618">
        <v>8</v>
      </c>
      <c r="Z1618">
        <v>8</v>
      </c>
      <c r="AA1618">
        <v>8</v>
      </c>
      <c r="AB1618">
        <v>8</v>
      </c>
      <c r="AC1618">
        <v>8</v>
      </c>
      <c r="AD1618">
        <v>8</v>
      </c>
      <c r="AE1618">
        <v>8</v>
      </c>
      <c r="AF1618">
        <v>8</v>
      </c>
      <c r="AG1618">
        <v>8</v>
      </c>
      <c r="AH1618">
        <v>8</v>
      </c>
      <c r="AI1618">
        <v>8</v>
      </c>
      <c r="AJ1618">
        <v>8</v>
      </c>
      <c r="AK1618">
        <v>8</v>
      </c>
      <c r="AL1618">
        <v>8</v>
      </c>
      <c r="AM1618">
        <v>8</v>
      </c>
      <c r="AN1618">
        <v>8</v>
      </c>
      <c r="AO1618">
        <v>8</v>
      </c>
      <c r="AP1618">
        <v>8</v>
      </c>
      <c r="AQ1618">
        <v>8</v>
      </c>
    </row>
    <row r="1619" spans="1:43">
      <c r="A1619" t="s">
        <v>1082</v>
      </c>
      <c r="B1619" t="s">
        <v>1083</v>
      </c>
      <c r="C1619" t="s">
        <v>873</v>
      </c>
      <c r="D1619" t="s">
        <v>874</v>
      </c>
      <c r="E1619" t="s">
        <v>847</v>
      </c>
      <c r="F1619" t="s">
        <v>848</v>
      </c>
      <c r="G1619" t="s">
        <v>80</v>
      </c>
      <c r="H1619" t="s">
        <v>81</v>
      </c>
      <c r="I1619" s="2">
        <v>0</v>
      </c>
      <c r="J1619" s="2">
        <v>1</v>
      </c>
      <c r="K1619" s="2">
        <v>0</v>
      </c>
      <c r="L1619" t="s">
        <v>82</v>
      </c>
      <c r="M1619" t="s">
        <v>87</v>
      </c>
      <c r="N1619" t="s">
        <v>88</v>
      </c>
      <c r="O1619" t="s">
        <v>85</v>
      </c>
      <c r="P1619" t="s">
        <v>86</v>
      </c>
      <c r="Q1619">
        <v>7</v>
      </c>
      <c r="R1619">
        <v>7</v>
      </c>
      <c r="S1619">
        <v>7</v>
      </c>
      <c r="T1619">
        <v>7</v>
      </c>
      <c r="U1619">
        <v>7</v>
      </c>
      <c r="V1619">
        <v>7</v>
      </c>
      <c r="W1619">
        <v>7</v>
      </c>
      <c r="X1619">
        <v>7</v>
      </c>
      <c r="Y1619">
        <v>7</v>
      </c>
      <c r="Z1619">
        <v>7</v>
      </c>
      <c r="AA1619">
        <v>7</v>
      </c>
      <c r="AB1619">
        <v>7</v>
      </c>
      <c r="AC1619">
        <v>7</v>
      </c>
      <c r="AD1619">
        <v>7</v>
      </c>
      <c r="AE1619">
        <v>7</v>
      </c>
      <c r="AF1619">
        <v>7</v>
      </c>
      <c r="AG1619">
        <v>7</v>
      </c>
      <c r="AH1619">
        <v>7</v>
      </c>
      <c r="AI1619">
        <v>7</v>
      </c>
      <c r="AJ1619">
        <v>7</v>
      </c>
      <c r="AK1619">
        <v>7</v>
      </c>
      <c r="AL1619">
        <v>7</v>
      </c>
      <c r="AM1619">
        <v>7</v>
      </c>
      <c r="AN1619">
        <v>7</v>
      </c>
      <c r="AO1619">
        <v>7</v>
      </c>
      <c r="AP1619">
        <v>7</v>
      </c>
      <c r="AQ1619">
        <v>7</v>
      </c>
    </row>
    <row r="1620" spans="1:43">
      <c r="A1620" t="s">
        <v>1082</v>
      </c>
      <c r="B1620" t="s">
        <v>1083</v>
      </c>
      <c r="C1620" t="s">
        <v>873</v>
      </c>
      <c r="D1620" t="s">
        <v>874</v>
      </c>
      <c r="E1620" t="s">
        <v>847</v>
      </c>
      <c r="F1620" t="s">
        <v>848</v>
      </c>
      <c r="G1620" t="s">
        <v>80</v>
      </c>
      <c r="H1620" t="s">
        <v>81</v>
      </c>
      <c r="I1620" s="2">
        <v>0</v>
      </c>
      <c r="J1620" s="2">
        <v>1</v>
      </c>
      <c r="K1620" s="2">
        <v>0</v>
      </c>
      <c r="L1620" t="s">
        <v>82</v>
      </c>
      <c r="M1620" t="s">
        <v>89</v>
      </c>
      <c r="N1620" t="s">
        <v>90</v>
      </c>
      <c r="O1620" t="s">
        <v>85</v>
      </c>
      <c r="P1620" t="s">
        <v>86</v>
      </c>
      <c r="Q1620">
        <v>7</v>
      </c>
      <c r="R1620">
        <v>7</v>
      </c>
      <c r="S1620">
        <v>8</v>
      </c>
      <c r="T1620">
        <v>8</v>
      </c>
      <c r="U1620">
        <v>8</v>
      </c>
      <c r="V1620">
        <v>8</v>
      </c>
      <c r="W1620">
        <v>8</v>
      </c>
      <c r="X1620">
        <v>8</v>
      </c>
      <c r="Y1620">
        <v>8</v>
      </c>
      <c r="Z1620">
        <v>8</v>
      </c>
      <c r="AA1620">
        <v>8</v>
      </c>
      <c r="AB1620">
        <v>8</v>
      </c>
      <c r="AC1620">
        <v>8</v>
      </c>
      <c r="AD1620">
        <v>8</v>
      </c>
      <c r="AE1620">
        <v>8</v>
      </c>
      <c r="AF1620">
        <v>8</v>
      </c>
      <c r="AG1620">
        <v>8</v>
      </c>
      <c r="AH1620">
        <v>8</v>
      </c>
      <c r="AI1620">
        <v>8</v>
      </c>
      <c r="AJ1620">
        <v>8</v>
      </c>
      <c r="AK1620">
        <v>8</v>
      </c>
      <c r="AL1620">
        <v>8</v>
      </c>
      <c r="AM1620">
        <v>8</v>
      </c>
      <c r="AN1620">
        <v>8</v>
      </c>
      <c r="AO1620">
        <v>8</v>
      </c>
      <c r="AP1620">
        <v>8</v>
      </c>
      <c r="AQ1620">
        <v>8</v>
      </c>
    </row>
    <row r="1621" spans="1:43">
      <c r="A1621" t="s">
        <v>1082</v>
      </c>
      <c r="B1621" t="s">
        <v>1083</v>
      </c>
      <c r="C1621" t="s">
        <v>873</v>
      </c>
      <c r="D1621" t="s">
        <v>874</v>
      </c>
      <c r="E1621" t="s">
        <v>847</v>
      </c>
      <c r="F1621" t="s">
        <v>848</v>
      </c>
      <c r="G1621" t="s">
        <v>80</v>
      </c>
      <c r="H1621" t="s">
        <v>81</v>
      </c>
      <c r="I1621" s="2">
        <v>0</v>
      </c>
      <c r="J1621" s="2">
        <v>1</v>
      </c>
      <c r="K1621" s="2">
        <v>0</v>
      </c>
      <c r="L1621" t="s">
        <v>82</v>
      </c>
      <c r="M1621" t="s">
        <v>83</v>
      </c>
      <c r="N1621" t="s">
        <v>91</v>
      </c>
      <c r="O1621" t="s">
        <v>85</v>
      </c>
      <c r="P1621" t="s">
        <v>86</v>
      </c>
      <c r="Q1621">
        <v>7</v>
      </c>
      <c r="R1621">
        <v>7</v>
      </c>
      <c r="S1621">
        <v>7</v>
      </c>
      <c r="T1621">
        <v>7</v>
      </c>
      <c r="U1621">
        <v>7</v>
      </c>
      <c r="V1621">
        <v>7</v>
      </c>
      <c r="W1621">
        <v>7</v>
      </c>
      <c r="X1621">
        <v>8</v>
      </c>
      <c r="Y1621">
        <v>8</v>
      </c>
      <c r="Z1621">
        <v>8</v>
      </c>
      <c r="AA1621">
        <v>8</v>
      </c>
      <c r="AB1621">
        <v>8</v>
      </c>
      <c r="AC1621">
        <v>8</v>
      </c>
      <c r="AD1621">
        <v>8</v>
      </c>
      <c r="AE1621">
        <v>8</v>
      </c>
      <c r="AF1621">
        <v>8</v>
      </c>
      <c r="AG1621">
        <v>8</v>
      </c>
      <c r="AH1621">
        <v>8</v>
      </c>
      <c r="AI1621">
        <v>8</v>
      </c>
      <c r="AJ1621">
        <v>8</v>
      </c>
      <c r="AK1621">
        <v>8</v>
      </c>
      <c r="AL1621">
        <v>8</v>
      </c>
      <c r="AM1621">
        <v>8</v>
      </c>
      <c r="AN1621">
        <v>8</v>
      </c>
      <c r="AO1621">
        <v>8</v>
      </c>
      <c r="AP1621">
        <v>8</v>
      </c>
      <c r="AQ1621">
        <v>8</v>
      </c>
    </row>
    <row r="1622" spans="1:43">
      <c r="A1622" t="s">
        <v>1084</v>
      </c>
      <c r="B1622" t="s">
        <v>1085</v>
      </c>
      <c r="C1622" t="s">
        <v>933</v>
      </c>
      <c r="D1622" t="s">
        <v>934</v>
      </c>
      <c r="E1622" t="s">
        <v>847</v>
      </c>
      <c r="F1622" t="s">
        <v>848</v>
      </c>
      <c r="G1622" t="s">
        <v>80</v>
      </c>
      <c r="H1622" t="s">
        <v>81</v>
      </c>
      <c r="I1622" s="2">
        <v>0</v>
      </c>
      <c r="J1622" s="2">
        <v>1</v>
      </c>
      <c r="K1622" s="2">
        <v>0</v>
      </c>
      <c r="L1622" t="s">
        <v>82</v>
      </c>
      <c r="M1622" t="s">
        <v>83</v>
      </c>
      <c r="N1622" t="s">
        <v>84</v>
      </c>
      <c r="O1622" t="s">
        <v>85</v>
      </c>
      <c r="P1622" t="s">
        <v>86</v>
      </c>
      <c r="Q1622">
        <v>15</v>
      </c>
      <c r="R1622">
        <v>15</v>
      </c>
      <c r="S1622">
        <v>15</v>
      </c>
      <c r="T1622">
        <v>15</v>
      </c>
      <c r="U1622">
        <v>15</v>
      </c>
      <c r="V1622">
        <v>15</v>
      </c>
      <c r="W1622">
        <v>15</v>
      </c>
      <c r="X1622">
        <v>15</v>
      </c>
      <c r="Y1622">
        <v>15</v>
      </c>
      <c r="Z1622">
        <v>15</v>
      </c>
      <c r="AA1622">
        <v>16</v>
      </c>
      <c r="AB1622">
        <v>16</v>
      </c>
      <c r="AC1622">
        <v>16</v>
      </c>
      <c r="AD1622">
        <v>16</v>
      </c>
      <c r="AE1622">
        <v>16</v>
      </c>
      <c r="AF1622">
        <v>16</v>
      </c>
      <c r="AG1622">
        <v>16</v>
      </c>
      <c r="AH1622">
        <v>16</v>
      </c>
      <c r="AI1622">
        <v>16</v>
      </c>
      <c r="AJ1622">
        <v>16</v>
      </c>
      <c r="AK1622">
        <v>16</v>
      </c>
      <c r="AL1622">
        <v>16</v>
      </c>
      <c r="AM1622">
        <v>16</v>
      </c>
      <c r="AN1622">
        <v>15</v>
      </c>
      <c r="AO1622">
        <v>15</v>
      </c>
      <c r="AP1622">
        <v>15</v>
      </c>
      <c r="AQ1622">
        <v>15</v>
      </c>
    </row>
    <row r="1623" spans="1:43">
      <c r="A1623" t="s">
        <v>1084</v>
      </c>
      <c r="B1623" t="s">
        <v>1085</v>
      </c>
      <c r="C1623" t="s">
        <v>933</v>
      </c>
      <c r="D1623" t="s">
        <v>934</v>
      </c>
      <c r="E1623" t="s">
        <v>847</v>
      </c>
      <c r="F1623" t="s">
        <v>848</v>
      </c>
      <c r="G1623" t="s">
        <v>80</v>
      </c>
      <c r="H1623" t="s">
        <v>81</v>
      </c>
      <c r="I1623" s="2">
        <v>0</v>
      </c>
      <c r="J1623" s="2">
        <v>1</v>
      </c>
      <c r="K1623" s="2">
        <v>0</v>
      </c>
      <c r="L1623" t="s">
        <v>82</v>
      </c>
      <c r="M1623" t="s">
        <v>87</v>
      </c>
      <c r="N1623" t="s">
        <v>88</v>
      </c>
      <c r="O1623" t="s">
        <v>85</v>
      </c>
      <c r="P1623" t="s">
        <v>86</v>
      </c>
      <c r="Q1623">
        <v>15</v>
      </c>
      <c r="R1623">
        <v>15</v>
      </c>
      <c r="S1623">
        <v>15</v>
      </c>
      <c r="T1623">
        <v>15</v>
      </c>
      <c r="U1623">
        <v>15</v>
      </c>
      <c r="V1623">
        <v>14</v>
      </c>
      <c r="W1623">
        <v>14</v>
      </c>
      <c r="X1623">
        <v>14</v>
      </c>
      <c r="Y1623">
        <v>14</v>
      </c>
      <c r="Z1623">
        <v>14</v>
      </c>
      <c r="AA1623">
        <v>14</v>
      </c>
      <c r="AB1623">
        <v>14</v>
      </c>
      <c r="AC1623">
        <v>14</v>
      </c>
      <c r="AD1623">
        <v>14</v>
      </c>
      <c r="AE1623">
        <v>14</v>
      </c>
      <c r="AF1623">
        <v>14</v>
      </c>
      <c r="AG1623">
        <v>14</v>
      </c>
      <c r="AH1623">
        <v>14</v>
      </c>
      <c r="AI1623">
        <v>14</v>
      </c>
      <c r="AJ1623">
        <v>14</v>
      </c>
      <c r="AK1623">
        <v>13</v>
      </c>
      <c r="AL1623">
        <v>13</v>
      </c>
      <c r="AM1623">
        <v>13</v>
      </c>
      <c r="AN1623">
        <v>13</v>
      </c>
      <c r="AO1623">
        <v>13</v>
      </c>
      <c r="AP1623">
        <v>13</v>
      </c>
      <c r="AQ1623">
        <v>13</v>
      </c>
    </row>
    <row r="1624" spans="1:43">
      <c r="A1624" t="s">
        <v>1084</v>
      </c>
      <c r="B1624" t="s">
        <v>1085</v>
      </c>
      <c r="C1624" t="s">
        <v>933</v>
      </c>
      <c r="D1624" t="s">
        <v>934</v>
      </c>
      <c r="E1624" t="s">
        <v>847</v>
      </c>
      <c r="F1624" t="s">
        <v>848</v>
      </c>
      <c r="G1624" t="s">
        <v>80</v>
      </c>
      <c r="H1624" t="s">
        <v>81</v>
      </c>
      <c r="I1624" s="2">
        <v>0</v>
      </c>
      <c r="J1624" s="2">
        <v>1</v>
      </c>
      <c r="K1624" s="2">
        <v>0</v>
      </c>
      <c r="L1624" t="s">
        <v>82</v>
      </c>
      <c r="M1624" t="s">
        <v>89</v>
      </c>
      <c r="N1624" t="s">
        <v>90</v>
      </c>
      <c r="O1624" t="s">
        <v>85</v>
      </c>
      <c r="P1624" t="s">
        <v>86</v>
      </c>
      <c r="Q1624">
        <v>15</v>
      </c>
      <c r="R1624">
        <v>15</v>
      </c>
      <c r="S1624">
        <v>16</v>
      </c>
      <c r="T1624">
        <v>16</v>
      </c>
      <c r="U1624">
        <v>16</v>
      </c>
      <c r="V1624">
        <v>16</v>
      </c>
      <c r="W1624">
        <v>16</v>
      </c>
      <c r="X1624">
        <v>16</v>
      </c>
      <c r="Y1624">
        <v>16</v>
      </c>
      <c r="Z1624">
        <v>16</v>
      </c>
      <c r="AA1624">
        <v>17</v>
      </c>
      <c r="AB1624">
        <v>17</v>
      </c>
      <c r="AC1624">
        <v>17</v>
      </c>
      <c r="AD1624">
        <v>17</v>
      </c>
      <c r="AE1624">
        <v>17</v>
      </c>
      <c r="AF1624">
        <v>17</v>
      </c>
      <c r="AG1624">
        <v>16</v>
      </c>
      <c r="AH1624">
        <v>16</v>
      </c>
      <c r="AI1624">
        <v>16</v>
      </c>
      <c r="AJ1624">
        <v>16</v>
      </c>
      <c r="AK1624">
        <v>16</v>
      </c>
      <c r="AL1624">
        <v>16</v>
      </c>
      <c r="AM1624">
        <v>16</v>
      </c>
      <c r="AN1624">
        <v>16</v>
      </c>
      <c r="AO1624">
        <v>15</v>
      </c>
      <c r="AP1624">
        <v>15</v>
      </c>
      <c r="AQ1624">
        <v>15</v>
      </c>
    </row>
    <row r="1625" spans="1:43">
      <c r="A1625" t="s">
        <v>1084</v>
      </c>
      <c r="B1625" t="s">
        <v>1085</v>
      </c>
      <c r="C1625" t="s">
        <v>933</v>
      </c>
      <c r="D1625" t="s">
        <v>934</v>
      </c>
      <c r="E1625" t="s">
        <v>847</v>
      </c>
      <c r="F1625" t="s">
        <v>848</v>
      </c>
      <c r="G1625" t="s">
        <v>80</v>
      </c>
      <c r="H1625" t="s">
        <v>81</v>
      </c>
      <c r="I1625" s="2">
        <v>0</v>
      </c>
      <c r="J1625" s="2">
        <v>1</v>
      </c>
      <c r="K1625" s="2">
        <v>0</v>
      </c>
      <c r="L1625" t="s">
        <v>82</v>
      </c>
      <c r="M1625" t="s">
        <v>83</v>
      </c>
      <c r="N1625" t="s">
        <v>91</v>
      </c>
      <c r="O1625" t="s">
        <v>85</v>
      </c>
      <c r="P1625" t="s">
        <v>86</v>
      </c>
      <c r="Q1625">
        <v>15</v>
      </c>
      <c r="R1625">
        <v>15</v>
      </c>
      <c r="S1625">
        <v>15</v>
      </c>
      <c r="T1625">
        <v>15</v>
      </c>
      <c r="U1625">
        <v>15</v>
      </c>
      <c r="V1625">
        <v>15</v>
      </c>
      <c r="W1625">
        <v>15</v>
      </c>
      <c r="X1625">
        <v>15</v>
      </c>
      <c r="Y1625">
        <v>15</v>
      </c>
      <c r="Z1625">
        <v>15</v>
      </c>
      <c r="AA1625">
        <v>16</v>
      </c>
      <c r="AB1625">
        <v>16</v>
      </c>
      <c r="AC1625">
        <v>16</v>
      </c>
      <c r="AD1625">
        <v>16</v>
      </c>
      <c r="AE1625">
        <v>16</v>
      </c>
      <c r="AF1625">
        <v>16</v>
      </c>
      <c r="AG1625">
        <v>16</v>
      </c>
      <c r="AH1625">
        <v>16</v>
      </c>
      <c r="AI1625">
        <v>16</v>
      </c>
      <c r="AJ1625">
        <v>16</v>
      </c>
      <c r="AK1625">
        <v>16</v>
      </c>
      <c r="AL1625">
        <v>16</v>
      </c>
      <c r="AM1625">
        <v>16</v>
      </c>
      <c r="AN1625">
        <v>15</v>
      </c>
      <c r="AO1625">
        <v>15</v>
      </c>
      <c r="AP1625">
        <v>15</v>
      </c>
      <c r="AQ1625">
        <v>15</v>
      </c>
    </row>
    <row r="1626" spans="1:43">
      <c r="A1626" t="s">
        <v>1086</v>
      </c>
      <c r="B1626" t="s">
        <v>1087</v>
      </c>
      <c r="C1626" t="s">
        <v>1074</v>
      </c>
      <c r="D1626" t="s">
        <v>1075</v>
      </c>
      <c r="E1626" t="s">
        <v>847</v>
      </c>
      <c r="F1626" t="s">
        <v>848</v>
      </c>
      <c r="G1626" t="s">
        <v>80</v>
      </c>
      <c r="H1626" t="s">
        <v>81</v>
      </c>
      <c r="I1626" s="2">
        <v>0</v>
      </c>
      <c r="J1626" s="2">
        <v>1</v>
      </c>
      <c r="K1626" s="2">
        <v>0</v>
      </c>
      <c r="L1626" t="s">
        <v>82</v>
      </c>
      <c r="M1626" t="s">
        <v>83</v>
      </c>
      <c r="N1626" t="s">
        <v>84</v>
      </c>
      <c r="O1626" t="s">
        <v>85</v>
      </c>
      <c r="P1626" t="s">
        <v>86</v>
      </c>
      <c r="Q1626">
        <v>15</v>
      </c>
      <c r="R1626">
        <v>15</v>
      </c>
      <c r="S1626">
        <v>15</v>
      </c>
      <c r="T1626">
        <v>15</v>
      </c>
      <c r="U1626">
        <v>15</v>
      </c>
      <c r="V1626">
        <v>15</v>
      </c>
      <c r="W1626">
        <v>15</v>
      </c>
      <c r="X1626">
        <v>15</v>
      </c>
      <c r="Y1626">
        <v>16</v>
      </c>
      <c r="Z1626">
        <v>16</v>
      </c>
      <c r="AA1626">
        <v>16</v>
      </c>
      <c r="AB1626">
        <v>16</v>
      </c>
      <c r="AC1626">
        <v>16</v>
      </c>
      <c r="AD1626">
        <v>16</v>
      </c>
      <c r="AE1626">
        <v>16</v>
      </c>
      <c r="AF1626">
        <v>16</v>
      </c>
      <c r="AG1626">
        <v>16</v>
      </c>
      <c r="AH1626">
        <v>16</v>
      </c>
      <c r="AI1626">
        <v>16</v>
      </c>
      <c r="AJ1626">
        <v>16</v>
      </c>
      <c r="AK1626">
        <v>16</v>
      </c>
      <c r="AL1626">
        <v>16</v>
      </c>
      <c r="AM1626">
        <v>16</v>
      </c>
      <c r="AN1626">
        <v>16</v>
      </c>
      <c r="AO1626">
        <v>16</v>
      </c>
      <c r="AP1626">
        <v>16</v>
      </c>
      <c r="AQ1626">
        <v>16</v>
      </c>
    </row>
    <row r="1627" spans="1:43">
      <c r="A1627" t="s">
        <v>1086</v>
      </c>
      <c r="B1627" t="s">
        <v>1087</v>
      </c>
      <c r="C1627" t="s">
        <v>1074</v>
      </c>
      <c r="D1627" t="s">
        <v>1075</v>
      </c>
      <c r="E1627" t="s">
        <v>847</v>
      </c>
      <c r="F1627" t="s">
        <v>848</v>
      </c>
      <c r="G1627" t="s">
        <v>80</v>
      </c>
      <c r="H1627" t="s">
        <v>81</v>
      </c>
      <c r="I1627" s="2">
        <v>0</v>
      </c>
      <c r="J1627" s="2">
        <v>1</v>
      </c>
      <c r="K1627" s="2">
        <v>0</v>
      </c>
      <c r="L1627" t="s">
        <v>82</v>
      </c>
      <c r="M1627" t="s">
        <v>87</v>
      </c>
      <c r="N1627" t="s">
        <v>88</v>
      </c>
      <c r="O1627" t="s">
        <v>85</v>
      </c>
      <c r="P1627" t="s">
        <v>86</v>
      </c>
      <c r="Q1627">
        <v>15</v>
      </c>
      <c r="R1627">
        <v>15</v>
      </c>
      <c r="S1627">
        <v>15</v>
      </c>
      <c r="T1627">
        <v>15</v>
      </c>
      <c r="U1627">
        <v>15</v>
      </c>
      <c r="V1627">
        <v>14</v>
      </c>
      <c r="W1627">
        <v>14</v>
      </c>
      <c r="X1627">
        <v>14</v>
      </c>
      <c r="Y1627">
        <v>14</v>
      </c>
      <c r="Z1627">
        <v>14</v>
      </c>
      <c r="AA1627">
        <v>14</v>
      </c>
      <c r="AB1627">
        <v>14</v>
      </c>
      <c r="AC1627">
        <v>14</v>
      </c>
      <c r="AD1627">
        <v>14</v>
      </c>
      <c r="AE1627">
        <v>14</v>
      </c>
      <c r="AF1627">
        <v>14</v>
      </c>
      <c r="AG1627">
        <v>14</v>
      </c>
      <c r="AH1627">
        <v>14</v>
      </c>
      <c r="AI1627">
        <v>14</v>
      </c>
      <c r="AJ1627">
        <v>14</v>
      </c>
      <c r="AK1627">
        <v>14</v>
      </c>
      <c r="AL1627">
        <v>14</v>
      </c>
      <c r="AM1627">
        <v>14</v>
      </c>
      <c r="AN1627">
        <v>14</v>
      </c>
      <c r="AO1627">
        <v>14</v>
      </c>
      <c r="AP1627">
        <v>14</v>
      </c>
      <c r="AQ1627">
        <v>14</v>
      </c>
    </row>
    <row r="1628" spans="1:43">
      <c r="A1628" t="s">
        <v>1086</v>
      </c>
      <c r="B1628" t="s">
        <v>1087</v>
      </c>
      <c r="C1628" t="s">
        <v>1074</v>
      </c>
      <c r="D1628" t="s">
        <v>1075</v>
      </c>
      <c r="E1628" t="s">
        <v>847</v>
      </c>
      <c r="F1628" t="s">
        <v>848</v>
      </c>
      <c r="G1628" t="s">
        <v>80</v>
      </c>
      <c r="H1628" t="s">
        <v>81</v>
      </c>
      <c r="I1628" s="2">
        <v>0</v>
      </c>
      <c r="J1628" s="2">
        <v>1</v>
      </c>
      <c r="K1628" s="2">
        <v>0</v>
      </c>
      <c r="L1628" t="s">
        <v>82</v>
      </c>
      <c r="M1628" t="s">
        <v>89</v>
      </c>
      <c r="N1628" t="s">
        <v>90</v>
      </c>
      <c r="O1628" t="s">
        <v>85</v>
      </c>
      <c r="P1628" t="s">
        <v>86</v>
      </c>
      <c r="Q1628">
        <v>15</v>
      </c>
      <c r="R1628">
        <v>15</v>
      </c>
      <c r="S1628">
        <v>15</v>
      </c>
      <c r="T1628">
        <v>16</v>
      </c>
      <c r="U1628">
        <v>16</v>
      </c>
      <c r="V1628">
        <v>16</v>
      </c>
      <c r="W1628">
        <v>16</v>
      </c>
      <c r="X1628">
        <v>16</v>
      </c>
      <c r="Y1628">
        <v>16</v>
      </c>
      <c r="Z1628">
        <v>17</v>
      </c>
      <c r="AA1628">
        <v>17</v>
      </c>
      <c r="AB1628">
        <v>17</v>
      </c>
      <c r="AC1628">
        <v>17</v>
      </c>
      <c r="AD1628">
        <v>17</v>
      </c>
      <c r="AE1628">
        <v>17</v>
      </c>
      <c r="AF1628">
        <v>17</v>
      </c>
      <c r="AG1628">
        <v>17</v>
      </c>
      <c r="AH1628">
        <v>17</v>
      </c>
      <c r="AI1628">
        <v>17</v>
      </c>
      <c r="AJ1628">
        <v>16</v>
      </c>
      <c r="AK1628">
        <v>16</v>
      </c>
      <c r="AL1628">
        <v>16</v>
      </c>
      <c r="AM1628">
        <v>16</v>
      </c>
      <c r="AN1628">
        <v>16</v>
      </c>
      <c r="AO1628">
        <v>16</v>
      </c>
      <c r="AP1628">
        <v>16</v>
      </c>
      <c r="AQ1628">
        <v>16</v>
      </c>
    </row>
    <row r="1629" spans="1:43">
      <c r="A1629" t="s">
        <v>1086</v>
      </c>
      <c r="B1629" t="s">
        <v>1087</v>
      </c>
      <c r="C1629" t="s">
        <v>1074</v>
      </c>
      <c r="D1629" t="s">
        <v>1075</v>
      </c>
      <c r="E1629" t="s">
        <v>847</v>
      </c>
      <c r="F1629" t="s">
        <v>848</v>
      </c>
      <c r="G1629" t="s">
        <v>80</v>
      </c>
      <c r="H1629" t="s">
        <v>81</v>
      </c>
      <c r="I1629" s="2">
        <v>0</v>
      </c>
      <c r="J1629" s="2">
        <v>1</v>
      </c>
      <c r="K1629" s="2">
        <v>0</v>
      </c>
      <c r="L1629" t="s">
        <v>82</v>
      </c>
      <c r="M1629" t="s">
        <v>83</v>
      </c>
      <c r="N1629" t="s">
        <v>91</v>
      </c>
      <c r="O1629" t="s">
        <v>85</v>
      </c>
      <c r="P1629" t="s">
        <v>86</v>
      </c>
      <c r="Q1629">
        <v>15</v>
      </c>
      <c r="R1629">
        <v>15</v>
      </c>
      <c r="S1629">
        <v>15</v>
      </c>
      <c r="T1629">
        <v>15</v>
      </c>
      <c r="U1629">
        <v>15</v>
      </c>
      <c r="V1629">
        <v>15</v>
      </c>
      <c r="W1629">
        <v>15</v>
      </c>
      <c r="X1629">
        <v>15</v>
      </c>
      <c r="Y1629">
        <v>16</v>
      </c>
      <c r="Z1629">
        <v>16</v>
      </c>
      <c r="AA1629">
        <v>16</v>
      </c>
      <c r="AB1629">
        <v>16</v>
      </c>
      <c r="AC1629">
        <v>16</v>
      </c>
      <c r="AD1629">
        <v>16</v>
      </c>
      <c r="AE1629">
        <v>16</v>
      </c>
      <c r="AF1629">
        <v>16</v>
      </c>
      <c r="AG1629">
        <v>16</v>
      </c>
      <c r="AH1629">
        <v>16</v>
      </c>
      <c r="AI1629">
        <v>16</v>
      </c>
      <c r="AJ1629">
        <v>16</v>
      </c>
      <c r="AK1629">
        <v>16</v>
      </c>
      <c r="AL1629">
        <v>16</v>
      </c>
      <c r="AM1629">
        <v>16</v>
      </c>
      <c r="AN1629">
        <v>16</v>
      </c>
      <c r="AO1629">
        <v>16</v>
      </c>
      <c r="AP1629">
        <v>16</v>
      </c>
      <c r="AQ1629">
        <v>16</v>
      </c>
    </row>
    <row r="1630" spans="1:43">
      <c r="A1630" t="s">
        <v>1088</v>
      </c>
      <c r="B1630" t="s">
        <v>1089</v>
      </c>
      <c r="C1630" t="s">
        <v>885</v>
      </c>
      <c r="D1630" t="s">
        <v>886</v>
      </c>
      <c r="E1630" t="s">
        <v>847</v>
      </c>
      <c r="F1630" t="s">
        <v>848</v>
      </c>
      <c r="G1630" t="s">
        <v>80</v>
      </c>
      <c r="H1630" t="s">
        <v>81</v>
      </c>
      <c r="I1630" s="2">
        <v>0</v>
      </c>
      <c r="J1630" s="2">
        <v>1</v>
      </c>
      <c r="K1630" s="2">
        <v>0</v>
      </c>
      <c r="L1630" t="s">
        <v>82</v>
      </c>
      <c r="M1630" t="s">
        <v>83</v>
      </c>
      <c r="N1630" t="s">
        <v>84</v>
      </c>
      <c r="O1630" t="s">
        <v>85</v>
      </c>
      <c r="P1630" t="s">
        <v>86</v>
      </c>
      <c r="Q1630">
        <v>13</v>
      </c>
      <c r="R1630">
        <v>13</v>
      </c>
      <c r="S1630">
        <v>13</v>
      </c>
      <c r="T1630">
        <v>13</v>
      </c>
      <c r="U1630">
        <v>13</v>
      </c>
      <c r="V1630">
        <v>13</v>
      </c>
      <c r="W1630">
        <v>13</v>
      </c>
      <c r="X1630">
        <v>13</v>
      </c>
      <c r="Y1630">
        <v>14</v>
      </c>
      <c r="Z1630">
        <v>14</v>
      </c>
      <c r="AA1630">
        <v>14</v>
      </c>
      <c r="AB1630">
        <v>14</v>
      </c>
      <c r="AC1630">
        <v>14</v>
      </c>
      <c r="AD1630">
        <v>14</v>
      </c>
      <c r="AE1630">
        <v>14</v>
      </c>
      <c r="AF1630">
        <v>14</v>
      </c>
      <c r="AG1630">
        <v>14</v>
      </c>
      <c r="AH1630">
        <v>14</v>
      </c>
      <c r="AI1630">
        <v>14</v>
      </c>
      <c r="AJ1630">
        <v>14</v>
      </c>
      <c r="AK1630">
        <v>14</v>
      </c>
      <c r="AL1630">
        <v>14</v>
      </c>
      <c r="AM1630">
        <v>14</v>
      </c>
      <c r="AN1630">
        <v>14</v>
      </c>
      <c r="AO1630">
        <v>14</v>
      </c>
      <c r="AP1630">
        <v>14</v>
      </c>
      <c r="AQ1630">
        <v>14</v>
      </c>
    </row>
    <row r="1631" spans="1:43">
      <c r="A1631" t="s">
        <v>1088</v>
      </c>
      <c r="B1631" t="s">
        <v>1089</v>
      </c>
      <c r="C1631" t="s">
        <v>885</v>
      </c>
      <c r="D1631" t="s">
        <v>886</v>
      </c>
      <c r="E1631" t="s">
        <v>847</v>
      </c>
      <c r="F1631" t="s">
        <v>848</v>
      </c>
      <c r="G1631" t="s">
        <v>80</v>
      </c>
      <c r="H1631" t="s">
        <v>81</v>
      </c>
      <c r="I1631" s="2">
        <v>0</v>
      </c>
      <c r="J1631" s="2">
        <v>1</v>
      </c>
      <c r="K1631" s="2">
        <v>0</v>
      </c>
      <c r="L1631" t="s">
        <v>82</v>
      </c>
      <c r="M1631" t="s">
        <v>87</v>
      </c>
      <c r="N1631" t="s">
        <v>88</v>
      </c>
      <c r="O1631" t="s">
        <v>85</v>
      </c>
      <c r="P1631" t="s">
        <v>86</v>
      </c>
      <c r="Q1631">
        <v>13</v>
      </c>
      <c r="R1631">
        <v>13</v>
      </c>
      <c r="S1631">
        <v>13</v>
      </c>
      <c r="T1631">
        <v>13</v>
      </c>
      <c r="U1631">
        <v>13</v>
      </c>
      <c r="V1631">
        <v>13</v>
      </c>
      <c r="W1631">
        <v>13</v>
      </c>
      <c r="X1631">
        <v>13</v>
      </c>
      <c r="Y1631">
        <v>13</v>
      </c>
      <c r="Z1631">
        <v>12</v>
      </c>
      <c r="AA1631">
        <v>12</v>
      </c>
      <c r="AB1631">
        <v>12</v>
      </c>
      <c r="AC1631">
        <v>12</v>
      </c>
      <c r="AD1631">
        <v>12</v>
      </c>
      <c r="AE1631">
        <v>12</v>
      </c>
      <c r="AF1631">
        <v>12</v>
      </c>
      <c r="AG1631">
        <v>12</v>
      </c>
      <c r="AH1631">
        <v>12</v>
      </c>
      <c r="AI1631">
        <v>12</v>
      </c>
      <c r="AJ1631">
        <v>12</v>
      </c>
      <c r="AK1631">
        <v>12</v>
      </c>
      <c r="AL1631">
        <v>12</v>
      </c>
      <c r="AM1631">
        <v>12</v>
      </c>
      <c r="AN1631">
        <v>12</v>
      </c>
      <c r="AO1631">
        <v>12</v>
      </c>
      <c r="AP1631">
        <v>12</v>
      </c>
      <c r="AQ1631">
        <v>12</v>
      </c>
    </row>
    <row r="1632" spans="1:43">
      <c r="A1632" t="s">
        <v>1088</v>
      </c>
      <c r="B1632" t="s">
        <v>1089</v>
      </c>
      <c r="C1632" t="s">
        <v>885</v>
      </c>
      <c r="D1632" t="s">
        <v>886</v>
      </c>
      <c r="E1632" t="s">
        <v>847</v>
      </c>
      <c r="F1632" t="s">
        <v>848</v>
      </c>
      <c r="G1632" t="s">
        <v>80</v>
      </c>
      <c r="H1632" t="s">
        <v>81</v>
      </c>
      <c r="I1632" s="2">
        <v>0</v>
      </c>
      <c r="J1632" s="2">
        <v>1</v>
      </c>
      <c r="K1632" s="2">
        <v>0</v>
      </c>
      <c r="L1632" t="s">
        <v>82</v>
      </c>
      <c r="M1632" t="s">
        <v>89</v>
      </c>
      <c r="N1632" t="s">
        <v>90</v>
      </c>
      <c r="O1632" t="s">
        <v>85</v>
      </c>
      <c r="P1632" t="s">
        <v>86</v>
      </c>
      <c r="Q1632">
        <v>13</v>
      </c>
      <c r="R1632">
        <v>13</v>
      </c>
      <c r="S1632">
        <v>14</v>
      </c>
      <c r="T1632">
        <v>14</v>
      </c>
      <c r="U1632">
        <v>14</v>
      </c>
      <c r="V1632">
        <v>14</v>
      </c>
      <c r="W1632">
        <v>14</v>
      </c>
      <c r="X1632">
        <v>14</v>
      </c>
      <c r="Y1632">
        <v>14</v>
      </c>
      <c r="Z1632">
        <v>14</v>
      </c>
      <c r="AA1632">
        <v>15</v>
      </c>
      <c r="AB1632">
        <v>15</v>
      </c>
      <c r="AC1632">
        <v>15</v>
      </c>
      <c r="AD1632">
        <v>15</v>
      </c>
      <c r="AE1632">
        <v>15</v>
      </c>
      <c r="AF1632">
        <v>15</v>
      </c>
      <c r="AG1632">
        <v>15</v>
      </c>
      <c r="AH1632">
        <v>14</v>
      </c>
      <c r="AI1632">
        <v>14</v>
      </c>
      <c r="AJ1632">
        <v>14</v>
      </c>
      <c r="AK1632">
        <v>14</v>
      </c>
      <c r="AL1632">
        <v>14</v>
      </c>
      <c r="AM1632">
        <v>14</v>
      </c>
      <c r="AN1632">
        <v>14</v>
      </c>
      <c r="AO1632">
        <v>14</v>
      </c>
      <c r="AP1632">
        <v>14</v>
      </c>
      <c r="AQ1632">
        <v>14</v>
      </c>
    </row>
    <row r="1633" spans="1:43">
      <c r="A1633" t="s">
        <v>1088</v>
      </c>
      <c r="B1633" t="s">
        <v>1089</v>
      </c>
      <c r="C1633" t="s">
        <v>885</v>
      </c>
      <c r="D1633" t="s">
        <v>886</v>
      </c>
      <c r="E1633" t="s">
        <v>847</v>
      </c>
      <c r="F1633" t="s">
        <v>848</v>
      </c>
      <c r="G1633" t="s">
        <v>80</v>
      </c>
      <c r="H1633" t="s">
        <v>81</v>
      </c>
      <c r="I1633" s="2">
        <v>0</v>
      </c>
      <c r="J1633" s="2">
        <v>1</v>
      </c>
      <c r="K1633" s="2">
        <v>0</v>
      </c>
      <c r="L1633" t="s">
        <v>82</v>
      </c>
      <c r="M1633" t="s">
        <v>83</v>
      </c>
      <c r="N1633" t="s">
        <v>91</v>
      </c>
      <c r="O1633" t="s">
        <v>85</v>
      </c>
      <c r="P1633" t="s">
        <v>86</v>
      </c>
      <c r="Q1633">
        <v>13</v>
      </c>
      <c r="R1633">
        <v>13</v>
      </c>
      <c r="S1633">
        <v>13</v>
      </c>
      <c r="T1633">
        <v>13</v>
      </c>
      <c r="U1633">
        <v>13</v>
      </c>
      <c r="V1633">
        <v>13</v>
      </c>
      <c r="W1633">
        <v>13</v>
      </c>
      <c r="X1633">
        <v>13</v>
      </c>
      <c r="Y1633">
        <v>14</v>
      </c>
      <c r="Z1633">
        <v>14</v>
      </c>
      <c r="AA1633">
        <v>14</v>
      </c>
      <c r="AB1633">
        <v>14</v>
      </c>
      <c r="AC1633">
        <v>14</v>
      </c>
      <c r="AD1633">
        <v>14</v>
      </c>
      <c r="AE1633">
        <v>14</v>
      </c>
      <c r="AF1633">
        <v>14</v>
      </c>
      <c r="AG1633">
        <v>14</v>
      </c>
      <c r="AH1633">
        <v>14</v>
      </c>
      <c r="AI1633">
        <v>14</v>
      </c>
      <c r="AJ1633">
        <v>14</v>
      </c>
      <c r="AK1633">
        <v>14</v>
      </c>
      <c r="AL1633">
        <v>14</v>
      </c>
      <c r="AM1633">
        <v>14</v>
      </c>
      <c r="AN1633">
        <v>14</v>
      </c>
      <c r="AO1633">
        <v>14</v>
      </c>
      <c r="AP1633">
        <v>14</v>
      </c>
      <c r="AQ1633">
        <v>14</v>
      </c>
    </row>
    <row r="1634" spans="1:43">
      <c r="A1634" t="s">
        <v>1090</v>
      </c>
      <c r="B1634" t="s">
        <v>1091</v>
      </c>
      <c r="C1634" t="s">
        <v>1092</v>
      </c>
      <c r="D1634" t="s">
        <v>1093</v>
      </c>
      <c r="E1634" t="s">
        <v>847</v>
      </c>
      <c r="F1634" t="s">
        <v>848</v>
      </c>
      <c r="G1634" t="s">
        <v>80</v>
      </c>
      <c r="H1634" t="s">
        <v>81</v>
      </c>
      <c r="I1634" s="2">
        <v>0</v>
      </c>
      <c r="J1634" s="2">
        <v>1</v>
      </c>
      <c r="K1634" s="2">
        <v>0</v>
      </c>
      <c r="L1634" t="s">
        <v>82</v>
      </c>
      <c r="M1634" t="s">
        <v>83</v>
      </c>
      <c r="N1634" t="s">
        <v>84</v>
      </c>
      <c r="O1634" t="s">
        <v>85</v>
      </c>
      <c r="P1634" t="s">
        <v>86</v>
      </c>
      <c r="Q1634">
        <v>63</v>
      </c>
      <c r="R1634">
        <v>63</v>
      </c>
      <c r="S1634">
        <v>64</v>
      </c>
      <c r="T1634">
        <v>64</v>
      </c>
      <c r="U1634">
        <v>64</v>
      </c>
      <c r="V1634">
        <v>64</v>
      </c>
      <c r="W1634">
        <v>65</v>
      </c>
      <c r="X1634">
        <v>65</v>
      </c>
      <c r="Y1634">
        <v>65</v>
      </c>
      <c r="Z1634">
        <v>66</v>
      </c>
      <c r="AA1634">
        <v>66</v>
      </c>
      <c r="AB1634">
        <v>66</v>
      </c>
      <c r="AC1634">
        <v>66</v>
      </c>
      <c r="AD1634">
        <v>66</v>
      </c>
      <c r="AE1634">
        <v>67</v>
      </c>
      <c r="AF1634">
        <v>67</v>
      </c>
      <c r="AG1634">
        <v>67</v>
      </c>
      <c r="AH1634">
        <v>67</v>
      </c>
      <c r="AI1634">
        <v>67</v>
      </c>
      <c r="AJ1634">
        <v>67</v>
      </c>
      <c r="AK1634">
        <v>68</v>
      </c>
      <c r="AL1634">
        <v>67</v>
      </c>
      <c r="AM1634">
        <v>67</v>
      </c>
      <c r="AN1634">
        <v>67</v>
      </c>
      <c r="AO1634">
        <v>66</v>
      </c>
      <c r="AP1634">
        <v>66</v>
      </c>
      <c r="AQ1634">
        <v>65</v>
      </c>
    </row>
    <row r="1635" spans="1:43">
      <c r="A1635" t="s">
        <v>1090</v>
      </c>
      <c r="B1635" t="s">
        <v>1091</v>
      </c>
      <c r="C1635" t="s">
        <v>1092</v>
      </c>
      <c r="D1635" t="s">
        <v>1093</v>
      </c>
      <c r="E1635" t="s">
        <v>847</v>
      </c>
      <c r="F1635" t="s">
        <v>848</v>
      </c>
      <c r="G1635" t="s">
        <v>80</v>
      </c>
      <c r="H1635" t="s">
        <v>81</v>
      </c>
      <c r="I1635" s="2">
        <v>0</v>
      </c>
      <c r="J1635" s="2">
        <v>1</v>
      </c>
      <c r="K1635" s="2">
        <v>0</v>
      </c>
      <c r="L1635" t="s">
        <v>82</v>
      </c>
      <c r="M1635" t="s">
        <v>87</v>
      </c>
      <c r="N1635" t="s">
        <v>88</v>
      </c>
      <c r="O1635" t="s">
        <v>85</v>
      </c>
      <c r="P1635" t="s">
        <v>86</v>
      </c>
      <c r="Q1635">
        <v>63</v>
      </c>
      <c r="R1635">
        <v>63</v>
      </c>
      <c r="S1635">
        <v>63</v>
      </c>
      <c r="T1635">
        <v>63</v>
      </c>
      <c r="U1635">
        <v>62</v>
      </c>
      <c r="V1635">
        <v>62</v>
      </c>
      <c r="W1635">
        <v>62</v>
      </c>
      <c r="X1635">
        <v>62</v>
      </c>
      <c r="Y1635">
        <v>61</v>
      </c>
      <c r="Z1635">
        <v>61</v>
      </c>
      <c r="AA1635">
        <v>61</v>
      </c>
      <c r="AB1635">
        <v>61</v>
      </c>
      <c r="AC1635">
        <v>61</v>
      </c>
      <c r="AD1635">
        <v>60</v>
      </c>
      <c r="AE1635">
        <v>60</v>
      </c>
      <c r="AF1635">
        <v>60</v>
      </c>
      <c r="AG1635">
        <v>60</v>
      </c>
      <c r="AH1635">
        <v>60</v>
      </c>
      <c r="AI1635">
        <v>59</v>
      </c>
      <c r="AJ1635">
        <v>59</v>
      </c>
      <c r="AK1635">
        <v>59</v>
      </c>
      <c r="AL1635">
        <v>59</v>
      </c>
      <c r="AM1635">
        <v>59</v>
      </c>
      <c r="AN1635">
        <v>58</v>
      </c>
      <c r="AO1635">
        <v>58</v>
      </c>
      <c r="AP1635">
        <v>58</v>
      </c>
      <c r="AQ1635">
        <v>58</v>
      </c>
    </row>
    <row r="1636" spans="1:43">
      <c r="A1636" t="s">
        <v>1090</v>
      </c>
      <c r="B1636" t="s">
        <v>1091</v>
      </c>
      <c r="C1636" t="s">
        <v>1092</v>
      </c>
      <c r="D1636" t="s">
        <v>1093</v>
      </c>
      <c r="E1636" t="s">
        <v>847</v>
      </c>
      <c r="F1636" t="s">
        <v>848</v>
      </c>
      <c r="G1636" t="s">
        <v>80</v>
      </c>
      <c r="H1636" t="s">
        <v>81</v>
      </c>
      <c r="I1636" s="2">
        <v>0</v>
      </c>
      <c r="J1636" s="2">
        <v>1</v>
      </c>
      <c r="K1636" s="2">
        <v>0</v>
      </c>
      <c r="L1636" t="s">
        <v>82</v>
      </c>
      <c r="M1636" t="s">
        <v>89</v>
      </c>
      <c r="N1636" t="s">
        <v>90</v>
      </c>
      <c r="O1636" t="s">
        <v>85</v>
      </c>
      <c r="P1636" t="s">
        <v>86</v>
      </c>
      <c r="Q1636">
        <v>63</v>
      </c>
      <c r="R1636">
        <v>64</v>
      </c>
      <c r="S1636">
        <v>65</v>
      </c>
      <c r="T1636">
        <v>66</v>
      </c>
      <c r="U1636">
        <v>67</v>
      </c>
      <c r="V1636">
        <v>67</v>
      </c>
      <c r="W1636">
        <v>68</v>
      </c>
      <c r="X1636">
        <v>69</v>
      </c>
      <c r="Y1636">
        <v>69</v>
      </c>
      <c r="Z1636">
        <v>70</v>
      </c>
      <c r="AA1636">
        <v>70</v>
      </c>
      <c r="AB1636">
        <v>70</v>
      </c>
      <c r="AC1636">
        <v>71</v>
      </c>
      <c r="AD1636">
        <v>71</v>
      </c>
      <c r="AE1636">
        <v>71</v>
      </c>
      <c r="AF1636">
        <v>71</v>
      </c>
      <c r="AG1636">
        <v>70</v>
      </c>
      <c r="AH1636">
        <v>70</v>
      </c>
      <c r="AI1636">
        <v>69</v>
      </c>
      <c r="AJ1636">
        <v>69</v>
      </c>
      <c r="AK1636">
        <v>69</v>
      </c>
      <c r="AL1636">
        <v>68</v>
      </c>
      <c r="AM1636">
        <v>68</v>
      </c>
      <c r="AN1636">
        <v>67</v>
      </c>
      <c r="AO1636">
        <v>67</v>
      </c>
      <c r="AP1636">
        <v>66</v>
      </c>
      <c r="AQ1636">
        <v>66</v>
      </c>
    </row>
    <row r="1637" spans="1:43">
      <c r="A1637" t="s">
        <v>1090</v>
      </c>
      <c r="B1637" t="s">
        <v>1091</v>
      </c>
      <c r="C1637" t="s">
        <v>1092</v>
      </c>
      <c r="D1637" t="s">
        <v>1093</v>
      </c>
      <c r="E1637" t="s">
        <v>847</v>
      </c>
      <c r="F1637" t="s">
        <v>848</v>
      </c>
      <c r="G1637" t="s">
        <v>80</v>
      </c>
      <c r="H1637" t="s">
        <v>81</v>
      </c>
      <c r="I1637" s="2">
        <v>0</v>
      </c>
      <c r="J1637" s="2">
        <v>1</v>
      </c>
      <c r="K1637" s="2">
        <v>0</v>
      </c>
      <c r="L1637" t="s">
        <v>82</v>
      </c>
      <c r="M1637" t="s">
        <v>83</v>
      </c>
      <c r="N1637" t="s">
        <v>91</v>
      </c>
      <c r="O1637" t="s">
        <v>85</v>
      </c>
      <c r="P1637" t="s">
        <v>86</v>
      </c>
      <c r="Q1637">
        <v>63</v>
      </c>
      <c r="R1637">
        <v>63</v>
      </c>
      <c r="S1637">
        <v>64</v>
      </c>
      <c r="T1637">
        <v>64</v>
      </c>
      <c r="U1637">
        <v>64</v>
      </c>
      <c r="V1637">
        <v>64</v>
      </c>
      <c r="W1637">
        <v>65</v>
      </c>
      <c r="X1637">
        <v>65</v>
      </c>
      <c r="Y1637">
        <v>65</v>
      </c>
      <c r="Z1637">
        <v>66</v>
      </c>
      <c r="AA1637">
        <v>66</v>
      </c>
      <c r="AB1637">
        <v>66</v>
      </c>
      <c r="AC1637">
        <v>66</v>
      </c>
      <c r="AD1637">
        <v>66</v>
      </c>
      <c r="AE1637">
        <v>67</v>
      </c>
      <c r="AF1637">
        <v>67</v>
      </c>
      <c r="AG1637">
        <v>67</v>
      </c>
      <c r="AH1637">
        <v>67</v>
      </c>
      <c r="AI1637">
        <v>67</v>
      </c>
      <c r="AJ1637">
        <v>67</v>
      </c>
      <c r="AK1637">
        <v>68</v>
      </c>
      <c r="AL1637">
        <v>67</v>
      </c>
      <c r="AM1637">
        <v>67</v>
      </c>
      <c r="AN1637">
        <v>67</v>
      </c>
      <c r="AO1637">
        <v>66</v>
      </c>
      <c r="AP1637">
        <v>66</v>
      </c>
      <c r="AQ1637">
        <v>65</v>
      </c>
    </row>
    <row r="1638" spans="1:43">
      <c r="A1638" t="s">
        <v>1094</v>
      </c>
      <c r="B1638" t="s">
        <v>1095</v>
      </c>
      <c r="C1638" t="s">
        <v>885</v>
      </c>
      <c r="D1638" t="s">
        <v>886</v>
      </c>
      <c r="E1638" t="s">
        <v>847</v>
      </c>
      <c r="F1638" t="s">
        <v>848</v>
      </c>
      <c r="G1638" t="s">
        <v>80</v>
      </c>
      <c r="H1638" t="s">
        <v>81</v>
      </c>
      <c r="I1638" s="2">
        <v>0</v>
      </c>
      <c r="J1638" s="2">
        <v>1</v>
      </c>
      <c r="K1638" s="2">
        <v>0</v>
      </c>
      <c r="L1638" t="s">
        <v>82</v>
      </c>
      <c r="M1638" t="s">
        <v>83</v>
      </c>
      <c r="N1638" t="s">
        <v>84</v>
      </c>
      <c r="O1638" t="s">
        <v>85</v>
      </c>
      <c r="P1638" t="s">
        <v>86</v>
      </c>
      <c r="Q1638">
        <v>7</v>
      </c>
      <c r="R1638">
        <v>7</v>
      </c>
      <c r="S1638">
        <v>7</v>
      </c>
      <c r="T1638">
        <v>7</v>
      </c>
      <c r="U1638">
        <v>7</v>
      </c>
      <c r="V1638">
        <v>8</v>
      </c>
      <c r="W1638">
        <v>8</v>
      </c>
      <c r="X1638">
        <v>8</v>
      </c>
      <c r="Y1638">
        <v>8</v>
      </c>
      <c r="Z1638">
        <v>8</v>
      </c>
      <c r="AA1638">
        <v>8</v>
      </c>
      <c r="AB1638">
        <v>8</v>
      </c>
      <c r="AC1638">
        <v>8</v>
      </c>
      <c r="AD1638">
        <v>8</v>
      </c>
      <c r="AE1638">
        <v>8</v>
      </c>
      <c r="AF1638">
        <v>8</v>
      </c>
      <c r="AG1638">
        <v>8</v>
      </c>
      <c r="AH1638">
        <v>8</v>
      </c>
      <c r="AI1638">
        <v>8</v>
      </c>
      <c r="AJ1638">
        <v>8</v>
      </c>
      <c r="AK1638">
        <v>8</v>
      </c>
      <c r="AL1638">
        <v>8</v>
      </c>
      <c r="AM1638">
        <v>8</v>
      </c>
      <c r="AN1638">
        <v>8</v>
      </c>
      <c r="AO1638">
        <v>8</v>
      </c>
      <c r="AP1638">
        <v>8</v>
      </c>
      <c r="AQ1638">
        <v>8</v>
      </c>
    </row>
    <row r="1639" spans="1:43">
      <c r="A1639" t="s">
        <v>1094</v>
      </c>
      <c r="B1639" t="s">
        <v>1095</v>
      </c>
      <c r="C1639" t="s">
        <v>885</v>
      </c>
      <c r="D1639" t="s">
        <v>886</v>
      </c>
      <c r="E1639" t="s">
        <v>847</v>
      </c>
      <c r="F1639" t="s">
        <v>848</v>
      </c>
      <c r="G1639" t="s">
        <v>80</v>
      </c>
      <c r="H1639" t="s">
        <v>81</v>
      </c>
      <c r="I1639" s="2">
        <v>0</v>
      </c>
      <c r="J1639" s="2">
        <v>1</v>
      </c>
      <c r="K1639" s="2">
        <v>0</v>
      </c>
      <c r="L1639" t="s">
        <v>82</v>
      </c>
      <c r="M1639" t="s">
        <v>87</v>
      </c>
      <c r="N1639" t="s">
        <v>88</v>
      </c>
      <c r="O1639" t="s">
        <v>85</v>
      </c>
      <c r="P1639" t="s">
        <v>86</v>
      </c>
      <c r="Q1639">
        <v>7</v>
      </c>
      <c r="R1639">
        <v>7</v>
      </c>
      <c r="S1639">
        <v>7</v>
      </c>
      <c r="T1639">
        <v>7</v>
      </c>
      <c r="U1639">
        <v>7</v>
      </c>
      <c r="V1639">
        <v>7</v>
      </c>
      <c r="W1639">
        <v>7</v>
      </c>
      <c r="X1639">
        <v>7</v>
      </c>
      <c r="Y1639">
        <v>7</v>
      </c>
      <c r="Z1639">
        <v>7</v>
      </c>
      <c r="AA1639">
        <v>7</v>
      </c>
      <c r="AB1639">
        <v>7</v>
      </c>
      <c r="AC1639">
        <v>7</v>
      </c>
      <c r="AD1639">
        <v>7</v>
      </c>
      <c r="AE1639">
        <v>7</v>
      </c>
      <c r="AF1639">
        <v>7</v>
      </c>
      <c r="AG1639">
        <v>7</v>
      </c>
      <c r="AH1639">
        <v>7</v>
      </c>
      <c r="AI1639">
        <v>7</v>
      </c>
      <c r="AJ1639">
        <v>7</v>
      </c>
      <c r="AK1639">
        <v>7</v>
      </c>
      <c r="AL1639">
        <v>7</v>
      </c>
      <c r="AM1639">
        <v>7</v>
      </c>
      <c r="AN1639">
        <v>7</v>
      </c>
      <c r="AO1639">
        <v>7</v>
      </c>
      <c r="AP1639">
        <v>7</v>
      </c>
      <c r="AQ1639">
        <v>7</v>
      </c>
    </row>
    <row r="1640" spans="1:43">
      <c r="A1640" t="s">
        <v>1094</v>
      </c>
      <c r="B1640" t="s">
        <v>1095</v>
      </c>
      <c r="C1640" t="s">
        <v>885</v>
      </c>
      <c r="D1640" t="s">
        <v>886</v>
      </c>
      <c r="E1640" t="s">
        <v>847</v>
      </c>
      <c r="F1640" t="s">
        <v>848</v>
      </c>
      <c r="G1640" t="s">
        <v>80</v>
      </c>
      <c r="H1640" t="s">
        <v>81</v>
      </c>
      <c r="I1640" s="2">
        <v>0</v>
      </c>
      <c r="J1640" s="2">
        <v>1</v>
      </c>
      <c r="K1640" s="2">
        <v>0</v>
      </c>
      <c r="L1640" t="s">
        <v>82</v>
      </c>
      <c r="M1640" t="s">
        <v>89</v>
      </c>
      <c r="N1640" t="s">
        <v>90</v>
      </c>
      <c r="O1640" t="s">
        <v>85</v>
      </c>
      <c r="P1640" t="s">
        <v>86</v>
      </c>
      <c r="Q1640">
        <v>7</v>
      </c>
      <c r="R1640">
        <v>8</v>
      </c>
      <c r="S1640">
        <v>8</v>
      </c>
      <c r="T1640">
        <v>8</v>
      </c>
      <c r="U1640">
        <v>8</v>
      </c>
      <c r="V1640">
        <v>8</v>
      </c>
      <c r="W1640">
        <v>8</v>
      </c>
      <c r="X1640">
        <v>8</v>
      </c>
      <c r="Y1640">
        <v>8</v>
      </c>
      <c r="Z1640">
        <v>8</v>
      </c>
      <c r="AA1640">
        <v>8</v>
      </c>
      <c r="AB1640">
        <v>8</v>
      </c>
      <c r="AC1640">
        <v>8</v>
      </c>
      <c r="AD1640">
        <v>8</v>
      </c>
      <c r="AE1640">
        <v>8</v>
      </c>
      <c r="AF1640">
        <v>8</v>
      </c>
      <c r="AG1640">
        <v>8</v>
      </c>
      <c r="AH1640">
        <v>8</v>
      </c>
      <c r="AI1640">
        <v>8</v>
      </c>
      <c r="AJ1640">
        <v>8</v>
      </c>
      <c r="AK1640">
        <v>8</v>
      </c>
      <c r="AL1640">
        <v>8</v>
      </c>
      <c r="AM1640">
        <v>8</v>
      </c>
      <c r="AN1640">
        <v>8</v>
      </c>
      <c r="AO1640">
        <v>8</v>
      </c>
      <c r="AP1640">
        <v>8</v>
      </c>
      <c r="AQ1640">
        <v>8</v>
      </c>
    </row>
    <row r="1641" spans="1:43">
      <c r="A1641" t="s">
        <v>1094</v>
      </c>
      <c r="B1641" t="s">
        <v>1095</v>
      </c>
      <c r="C1641" t="s">
        <v>885</v>
      </c>
      <c r="D1641" t="s">
        <v>886</v>
      </c>
      <c r="E1641" t="s">
        <v>847</v>
      </c>
      <c r="F1641" t="s">
        <v>848</v>
      </c>
      <c r="G1641" t="s">
        <v>80</v>
      </c>
      <c r="H1641" t="s">
        <v>81</v>
      </c>
      <c r="I1641" s="2">
        <v>0</v>
      </c>
      <c r="J1641" s="2">
        <v>1</v>
      </c>
      <c r="K1641" s="2">
        <v>0</v>
      </c>
      <c r="L1641" t="s">
        <v>82</v>
      </c>
      <c r="M1641" t="s">
        <v>83</v>
      </c>
      <c r="N1641" t="s">
        <v>91</v>
      </c>
      <c r="O1641" t="s">
        <v>85</v>
      </c>
      <c r="P1641" t="s">
        <v>86</v>
      </c>
      <c r="Q1641">
        <v>7</v>
      </c>
      <c r="R1641">
        <v>7</v>
      </c>
      <c r="S1641">
        <v>7</v>
      </c>
      <c r="T1641">
        <v>7</v>
      </c>
      <c r="U1641">
        <v>7</v>
      </c>
      <c r="V1641">
        <v>8</v>
      </c>
      <c r="W1641">
        <v>8</v>
      </c>
      <c r="X1641">
        <v>8</v>
      </c>
      <c r="Y1641">
        <v>8</v>
      </c>
      <c r="Z1641">
        <v>8</v>
      </c>
      <c r="AA1641">
        <v>8</v>
      </c>
      <c r="AB1641">
        <v>8</v>
      </c>
      <c r="AC1641">
        <v>8</v>
      </c>
      <c r="AD1641">
        <v>8</v>
      </c>
      <c r="AE1641">
        <v>8</v>
      </c>
      <c r="AF1641">
        <v>8</v>
      </c>
      <c r="AG1641">
        <v>8</v>
      </c>
      <c r="AH1641">
        <v>8</v>
      </c>
      <c r="AI1641">
        <v>8</v>
      </c>
      <c r="AJ1641">
        <v>8</v>
      </c>
      <c r="AK1641">
        <v>8</v>
      </c>
      <c r="AL1641">
        <v>8</v>
      </c>
      <c r="AM1641">
        <v>8</v>
      </c>
      <c r="AN1641">
        <v>8</v>
      </c>
      <c r="AO1641">
        <v>8</v>
      </c>
      <c r="AP1641">
        <v>8</v>
      </c>
      <c r="AQ1641">
        <v>8</v>
      </c>
    </row>
    <row r="1642" spans="1:43">
      <c r="A1642" t="s">
        <v>1096</v>
      </c>
      <c r="B1642" t="s">
        <v>1097</v>
      </c>
      <c r="C1642" t="s">
        <v>1092</v>
      </c>
      <c r="D1642" t="s">
        <v>1093</v>
      </c>
      <c r="E1642" t="s">
        <v>847</v>
      </c>
      <c r="F1642" t="s">
        <v>848</v>
      </c>
      <c r="G1642" t="s">
        <v>80</v>
      </c>
      <c r="H1642" t="s">
        <v>81</v>
      </c>
      <c r="I1642" s="2">
        <v>0</v>
      </c>
      <c r="J1642" s="2">
        <v>1</v>
      </c>
      <c r="K1642" s="2">
        <v>0</v>
      </c>
      <c r="L1642" t="s">
        <v>82</v>
      </c>
      <c r="M1642" t="s">
        <v>83</v>
      </c>
      <c r="N1642" t="s">
        <v>84</v>
      </c>
      <c r="O1642" t="s">
        <v>85</v>
      </c>
      <c r="P1642" t="s">
        <v>86</v>
      </c>
      <c r="Q1642">
        <v>32</v>
      </c>
      <c r="R1642">
        <v>32</v>
      </c>
      <c r="S1642">
        <v>32</v>
      </c>
      <c r="T1642">
        <v>32</v>
      </c>
      <c r="U1642">
        <v>32</v>
      </c>
      <c r="V1642">
        <v>32</v>
      </c>
      <c r="W1642">
        <v>33</v>
      </c>
      <c r="X1642">
        <v>33</v>
      </c>
      <c r="Y1642">
        <v>33</v>
      </c>
      <c r="Z1642">
        <v>33</v>
      </c>
      <c r="AA1642">
        <v>33</v>
      </c>
      <c r="AB1642">
        <v>33</v>
      </c>
      <c r="AC1642">
        <v>34</v>
      </c>
      <c r="AD1642">
        <v>34</v>
      </c>
      <c r="AE1642">
        <v>34</v>
      </c>
      <c r="AF1642">
        <v>34</v>
      </c>
      <c r="AG1642">
        <v>34</v>
      </c>
      <c r="AH1642">
        <v>34</v>
      </c>
      <c r="AI1642">
        <v>34</v>
      </c>
      <c r="AJ1642">
        <v>34</v>
      </c>
      <c r="AK1642">
        <v>35</v>
      </c>
      <c r="AL1642">
        <v>34</v>
      </c>
      <c r="AM1642">
        <v>34</v>
      </c>
      <c r="AN1642">
        <v>34</v>
      </c>
      <c r="AO1642">
        <v>34</v>
      </c>
      <c r="AP1642">
        <v>34</v>
      </c>
      <c r="AQ1642">
        <v>34</v>
      </c>
    </row>
    <row r="1643" spans="1:43">
      <c r="A1643" t="s">
        <v>1096</v>
      </c>
      <c r="B1643" t="s">
        <v>1097</v>
      </c>
      <c r="C1643" t="s">
        <v>1092</v>
      </c>
      <c r="D1643" t="s">
        <v>1093</v>
      </c>
      <c r="E1643" t="s">
        <v>847</v>
      </c>
      <c r="F1643" t="s">
        <v>848</v>
      </c>
      <c r="G1643" t="s">
        <v>80</v>
      </c>
      <c r="H1643" t="s">
        <v>81</v>
      </c>
      <c r="I1643" s="2">
        <v>0</v>
      </c>
      <c r="J1643" s="2">
        <v>1</v>
      </c>
      <c r="K1643" s="2">
        <v>0</v>
      </c>
      <c r="L1643" t="s">
        <v>82</v>
      </c>
      <c r="M1643" t="s">
        <v>87</v>
      </c>
      <c r="N1643" t="s">
        <v>88</v>
      </c>
      <c r="O1643" t="s">
        <v>85</v>
      </c>
      <c r="P1643" t="s">
        <v>86</v>
      </c>
      <c r="Q1643">
        <v>32</v>
      </c>
      <c r="R1643">
        <v>32</v>
      </c>
      <c r="S1643">
        <v>32</v>
      </c>
      <c r="T1643">
        <v>32</v>
      </c>
      <c r="U1643">
        <v>32</v>
      </c>
      <c r="V1643">
        <v>32</v>
      </c>
      <c r="W1643">
        <v>32</v>
      </c>
      <c r="X1643">
        <v>32</v>
      </c>
      <c r="Y1643">
        <v>31</v>
      </c>
      <c r="Z1643">
        <v>31</v>
      </c>
      <c r="AA1643">
        <v>31</v>
      </c>
      <c r="AB1643">
        <v>31</v>
      </c>
      <c r="AC1643">
        <v>31</v>
      </c>
      <c r="AD1643">
        <v>31</v>
      </c>
      <c r="AE1643">
        <v>31</v>
      </c>
      <c r="AF1643">
        <v>31</v>
      </c>
      <c r="AG1643">
        <v>31</v>
      </c>
      <c r="AH1643">
        <v>31</v>
      </c>
      <c r="AI1643">
        <v>31</v>
      </c>
      <c r="AJ1643">
        <v>31</v>
      </c>
      <c r="AK1643">
        <v>31</v>
      </c>
      <c r="AL1643">
        <v>31</v>
      </c>
      <c r="AM1643">
        <v>30</v>
      </c>
      <c r="AN1643">
        <v>30</v>
      </c>
      <c r="AO1643">
        <v>30</v>
      </c>
      <c r="AP1643">
        <v>30</v>
      </c>
      <c r="AQ1643">
        <v>30</v>
      </c>
    </row>
    <row r="1644" spans="1:43">
      <c r="A1644" t="s">
        <v>1096</v>
      </c>
      <c r="B1644" t="s">
        <v>1097</v>
      </c>
      <c r="C1644" t="s">
        <v>1092</v>
      </c>
      <c r="D1644" t="s">
        <v>1093</v>
      </c>
      <c r="E1644" t="s">
        <v>847</v>
      </c>
      <c r="F1644" t="s">
        <v>848</v>
      </c>
      <c r="G1644" t="s">
        <v>80</v>
      </c>
      <c r="H1644" t="s">
        <v>81</v>
      </c>
      <c r="I1644" s="2">
        <v>0</v>
      </c>
      <c r="J1644" s="2">
        <v>1</v>
      </c>
      <c r="K1644" s="2">
        <v>0</v>
      </c>
      <c r="L1644" t="s">
        <v>82</v>
      </c>
      <c r="M1644" t="s">
        <v>89</v>
      </c>
      <c r="N1644" t="s">
        <v>90</v>
      </c>
      <c r="O1644" t="s">
        <v>85</v>
      </c>
      <c r="P1644" t="s">
        <v>86</v>
      </c>
      <c r="Q1644">
        <v>32</v>
      </c>
      <c r="R1644">
        <v>32</v>
      </c>
      <c r="S1644">
        <v>33</v>
      </c>
      <c r="T1644">
        <v>33</v>
      </c>
      <c r="U1644">
        <v>34</v>
      </c>
      <c r="V1644">
        <v>34</v>
      </c>
      <c r="W1644">
        <v>34</v>
      </c>
      <c r="X1644">
        <v>35</v>
      </c>
      <c r="Y1644">
        <v>35</v>
      </c>
      <c r="Z1644">
        <v>35</v>
      </c>
      <c r="AA1644">
        <v>35</v>
      </c>
      <c r="AB1644">
        <v>36</v>
      </c>
      <c r="AC1644">
        <v>36</v>
      </c>
      <c r="AD1644">
        <v>36</v>
      </c>
      <c r="AE1644">
        <v>36</v>
      </c>
      <c r="AF1644">
        <v>36</v>
      </c>
      <c r="AG1644">
        <v>36</v>
      </c>
      <c r="AH1644">
        <v>36</v>
      </c>
      <c r="AI1644">
        <v>36</v>
      </c>
      <c r="AJ1644">
        <v>35</v>
      </c>
      <c r="AK1644">
        <v>35</v>
      </c>
      <c r="AL1644">
        <v>35</v>
      </c>
      <c r="AM1644">
        <v>35</v>
      </c>
      <c r="AN1644">
        <v>35</v>
      </c>
      <c r="AO1644">
        <v>35</v>
      </c>
      <c r="AP1644">
        <v>34</v>
      </c>
      <c r="AQ1644">
        <v>34</v>
      </c>
    </row>
    <row r="1645" spans="1:43">
      <c r="A1645" t="s">
        <v>1096</v>
      </c>
      <c r="B1645" t="s">
        <v>1097</v>
      </c>
      <c r="C1645" t="s">
        <v>1092</v>
      </c>
      <c r="D1645" t="s">
        <v>1093</v>
      </c>
      <c r="E1645" t="s">
        <v>847</v>
      </c>
      <c r="F1645" t="s">
        <v>848</v>
      </c>
      <c r="G1645" t="s">
        <v>80</v>
      </c>
      <c r="H1645" t="s">
        <v>81</v>
      </c>
      <c r="I1645" s="2">
        <v>0</v>
      </c>
      <c r="J1645" s="2">
        <v>1</v>
      </c>
      <c r="K1645" s="2">
        <v>0</v>
      </c>
      <c r="L1645" t="s">
        <v>82</v>
      </c>
      <c r="M1645" t="s">
        <v>83</v>
      </c>
      <c r="N1645" t="s">
        <v>91</v>
      </c>
      <c r="O1645" t="s">
        <v>85</v>
      </c>
      <c r="P1645" t="s">
        <v>86</v>
      </c>
      <c r="Q1645">
        <v>32</v>
      </c>
      <c r="R1645">
        <v>32</v>
      </c>
      <c r="S1645">
        <v>32</v>
      </c>
      <c r="T1645">
        <v>32</v>
      </c>
      <c r="U1645">
        <v>32</v>
      </c>
      <c r="V1645">
        <v>32</v>
      </c>
      <c r="W1645">
        <v>33</v>
      </c>
      <c r="X1645">
        <v>33</v>
      </c>
      <c r="Y1645">
        <v>33</v>
      </c>
      <c r="Z1645">
        <v>33</v>
      </c>
      <c r="AA1645">
        <v>33</v>
      </c>
      <c r="AB1645">
        <v>33</v>
      </c>
      <c r="AC1645">
        <v>34</v>
      </c>
      <c r="AD1645">
        <v>34</v>
      </c>
      <c r="AE1645">
        <v>34</v>
      </c>
      <c r="AF1645">
        <v>34</v>
      </c>
      <c r="AG1645">
        <v>34</v>
      </c>
      <c r="AH1645">
        <v>34</v>
      </c>
      <c r="AI1645">
        <v>34</v>
      </c>
      <c r="AJ1645">
        <v>34</v>
      </c>
      <c r="AK1645">
        <v>35</v>
      </c>
      <c r="AL1645">
        <v>34</v>
      </c>
      <c r="AM1645">
        <v>34</v>
      </c>
      <c r="AN1645">
        <v>34</v>
      </c>
      <c r="AO1645">
        <v>34</v>
      </c>
      <c r="AP1645">
        <v>34</v>
      </c>
      <c r="AQ1645">
        <v>34</v>
      </c>
    </row>
    <row r="1646" spans="1:43">
      <c r="A1646" t="s">
        <v>1098</v>
      </c>
      <c r="B1646" t="s">
        <v>1099</v>
      </c>
      <c r="C1646" t="s">
        <v>1092</v>
      </c>
      <c r="D1646" t="s">
        <v>1093</v>
      </c>
      <c r="E1646" t="s">
        <v>847</v>
      </c>
      <c r="F1646" t="s">
        <v>848</v>
      </c>
      <c r="G1646" t="s">
        <v>80</v>
      </c>
      <c r="H1646" t="s">
        <v>81</v>
      </c>
      <c r="I1646" s="2">
        <v>0</v>
      </c>
      <c r="J1646" s="2">
        <v>1</v>
      </c>
      <c r="K1646" s="2">
        <v>0</v>
      </c>
      <c r="L1646" t="s">
        <v>82</v>
      </c>
      <c r="M1646" t="s">
        <v>83</v>
      </c>
      <c r="N1646" t="s">
        <v>84</v>
      </c>
      <c r="O1646" t="s">
        <v>85</v>
      </c>
      <c r="P1646" t="s">
        <v>86</v>
      </c>
      <c r="Q1646">
        <v>54</v>
      </c>
      <c r="R1646">
        <v>55</v>
      </c>
      <c r="S1646">
        <v>55</v>
      </c>
      <c r="T1646">
        <v>55</v>
      </c>
      <c r="U1646">
        <v>56</v>
      </c>
      <c r="V1646">
        <v>56</v>
      </c>
      <c r="W1646">
        <v>56</v>
      </c>
      <c r="X1646">
        <v>57</v>
      </c>
      <c r="Y1646">
        <v>57</v>
      </c>
      <c r="Z1646">
        <v>57</v>
      </c>
      <c r="AA1646">
        <v>58</v>
      </c>
      <c r="AB1646">
        <v>58</v>
      </c>
      <c r="AC1646">
        <v>58</v>
      </c>
      <c r="AD1646">
        <v>58</v>
      </c>
      <c r="AE1646">
        <v>59</v>
      </c>
      <c r="AF1646">
        <v>59</v>
      </c>
      <c r="AG1646">
        <v>59</v>
      </c>
      <c r="AH1646">
        <v>59</v>
      </c>
      <c r="AI1646">
        <v>60</v>
      </c>
      <c r="AJ1646">
        <v>60</v>
      </c>
      <c r="AK1646">
        <v>60</v>
      </c>
      <c r="AL1646">
        <v>60</v>
      </c>
      <c r="AM1646">
        <v>60</v>
      </c>
      <c r="AN1646">
        <v>60</v>
      </c>
      <c r="AO1646">
        <v>59</v>
      </c>
      <c r="AP1646">
        <v>59</v>
      </c>
      <c r="AQ1646">
        <v>59</v>
      </c>
    </row>
    <row r="1647" spans="1:43">
      <c r="A1647" t="s">
        <v>1098</v>
      </c>
      <c r="B1647" t="s">
        <v>1099</v>
      </c>
      <c r="C1647" t="s">
        <v>1092</v>
      </c>
      <c r="D1647" t="s">
        <v>1093</v>
      </c>
      <c r="E1647" t="s">
        <v>847</v>
      </c>
      <c r="F1647" t="s">
        <v>848</v>
      </c>
      <c r="G1647" t="s">
        <v>80</v>
      </c>
      <c r="H1647" t="s">
        <v>81</v>
      </c>
      <c r="I1647" s="2">
        <v>0</v>
      </c>
      <c r="J1647" s="2">
        <v>1</v>
      </c>
      <c r="K1647" s="2">
        <v>0</v>
      </c>
      <c r="L1647" t="s">
        <v>82</v>
      </c>
      <c r="M1647" t="s">
        <v>87</v>
      </c>
      <c r="N1647" t="s">
        <v>88</v>
      </c>
      <c r="O1647" t="s">
        <v>85</v>
      </c>
      <c r="P1647" t="s">
        <v>86</v>
      </c>
      <c r="Q1647">
        <v>54</v>
      </c>
      <c r="R1647">
        <v>54</v>
      </c>
      <c r="S1647">
        <v>53</v>
      </c>
      <c r="T1647">
        <v>53</v>
      </c>
      <c r="U1647">
        <v>53</v>
      </c>
      <c r="V1647">
        <v>53</v>
      </c>
      <c r="W1647">
        <v>53</v>
      </c>
      <c r="X1647">
        <v>53</v>
      </c>
      <c r="Y1647">
        <v>53</v>
      </c>
      <c r="Z1647">
        <v>52</v>
      </c>
      <c r="AA1647">
        <v>52</v>
      </c>
      <c r="AB1647">
        <v>52</v>
      </c>
      <c r="AC1647">
        <v>52</v>
      </c>
      <c r="AD1647">
        <v>52</v>
      </c>
      <c r="AE1647">
        <v>52</v>
      </c>
      <c r="AF1647">
        <v>52</v>
      </c>
      <c r="AG1647">
        <v>52</v>
      </c>
      <c r="AH1647">
        <v>52</v>
      </c>
      <c r="AI1647">
        <v>52</v>
      </c>
      <c r="AJ1647">
        <v>51</v>
      </c>
      <c r="AK1647">
        <v>51</v>
      </c>
      <c r="AL1647">
        <v>51</v>
      </c>
      <c r="AM1647">
        <v>51</v>
      </c>
      <c r="AN1647">
        <v>51</v>
      </c>
      <c r="AO1647">
        <v>51</v>
      </c>
      <c r="AP1647">
        <v>51</v>
      </c>
      <c r="AQ1647">
        <v>51</v>
      </c>
    </row>
    <row r="1648" spans="1:43">
      <c r="A1648" t="s">
        <v>1098</v>
      </c>
      <c r="B1648" t="s">
        <v>1099</v>
      </c>
      <c r="C1648" t="s">
        <v>1092</v>
      </c>
      <c r="D1648" t="s">
        <v>1093</v>
      </c>
      <c r="E1648" t="s">
        <v>847</v>
      </c>
      <c r="F1648" t="s">
        <v>848</v>
      </c>
      <c r="G1648" t="s">
        <v>80</v>
      </c>
      <c r="H1648" t="s">
        <v>81</v>
      </c>
      <c r="I1648" s="2">
        <v>0</v>
      </c>
      <c r="J1648" s="2">
        <v>1</v>
      </c>
      <c r="K1648" s="2">
        <v>0</v>
      </c>
      <c r="L1648" t="s">
        <v>82</v>
      </c>
      <c r="M1648" t="s">
        <v>89</v>
      </c>
      <c r="N1648" t="s">
        <v>90</v>
      </c>
      <c r="O1648" t="s">
        <v>85</v>
      </c>
      <c r="P1648" t="s">
        <v>86</v>
      </c>
      <c r="Q1648">
        <v>54</v>
      </c>
      <c r="R1648">
        <v>55</v>
      </c>
      <c r="S1648">
        <v>55</v>
      </c>
      <c r="T1648">
        <v>56</v>
      </c>
      <c r="U1648">
        <v>57</v>
      </c>
      <c r="V1648">
        <v>58</v>
      </c>
      <c r="W1648">
        <v>58</v>
      </c>
      <c r="X1648">
        <v>59</v>
      </c>
      <c r="Y1648">
        <v>59</v>
      </c>
      <c r="Z1648">
        <v>60</v>
      </c>
      <c r="AA1648">
        <v>60</v>
      </c>
      <c r="AB1648">
        <v>61</v>
      </c>
      <c r="AC1648">
        <v>61</v>
      </c>
      <c r="AD1648">
        <v>62</v>
      </c>
      <c r="AE1648">
        <v>62</v>
      </c>
      <c r="AF1648">
        <v>61</v>
      </c>
      <c r="AG1648">
        <v>61</v>
      </c>
      <c r="AH1648">
        <v>61</v>
      </c>
      <c r="AI1648">
        <v>61</v>
      </c>
      <c r="AJ1648">
        <v>60</v>
      </c>
      <c r="AK1648">
        <v>60</v>
      </c>
      <c r="AL1648">
        <v>60</v>
      </c>
      <c r="AM1648">
        <v>60</v>
      </c>
      <c r="AN1648">
        <v>60</v>
      </c>
      <c r="AO1648">
        <v>59</v>
      </c>
      <c r="AP1648">
        <v>59</v>
      </c>
      <c r="AQ1648">
        <v>59</v>
      </c>
    </row>
    <row r="1649" spans="1:43">
      <c r="A1649" t="s">
        <v>1098</v>
      </c>
      <c r="B1649" t="s">
        <v>1099</v>
      </c>
      <c r="C1649" t="s">
        <v>1092</v>
      </c>
      <c r="D1649" t="s">
        <v>1093</v>
      </c>
      <c r="E1649" t="s">
        <v>847</v>
      </c>
      <c r="F1649" t="s">
        <v>848</v>
      </c>
      <c r="G1649" t="s">
        <v>80</v>
      </c>
      <c r="H1649" t="s">
        <v>81</v>
      </c>
      <c r="I1649" s="2">
        <v>0</v>
      </c>
      <c r="J1649" s="2">
        <v>1</v>
      </c>
      <c r="K1649" s="2">
        <v>0</v>
      </c>
      <c r="L1649" t="s">
        <v>82</v>
      </c>
      <c r="M1649" t="s">
        <v>83</v>
      </c>
      <c r="N1649" t="s">
        <v>91</v>
      </c>
      <c r="O1649" t="s">
        <v>85</v>
      </c>
      <c r="P1649" t="s">
        <v>86</v>
      </c>
      <c r="Q1649">
        <v>54</v>
      </c>
      <c r="R1649">
        <v>55</v>
      </c>
      <c r="S1649">
        <v>55</v>
      </c>
      <c r="T1649">
        <v>55</v>
      </c>
      <c r="U1649">
        <v>56</v>
      </c>
      <c r="V1649">
        <v>56</v>
      </c>
      <c r="W1649">
        <v>56</v>
      </c>
      <c r="X1649">
        <v>57</v>
      </c>
      <c r="Y1649">
        <v>57</v>
      </c>
      <c r="Z1649">
        <v>57</v>
      </c>
      <c r="AA1649">
        <v>58</v>
      </c>
      <c r="AB1649">
        <v>58</v>
      </c>
      <c r="AC1649">
        <v>58</v>
      </c>
      <c r="AD1649">
        <v>58</v>
      </c>
      <c r="AE1649">
        <v>59</v>
      </c>
      <c r="AF1649">
        <v>59</v>
      </c>
      <c r="AG1649">
        <v>59</v>
      </c>
      <c r="AH1649">
        <v>59</v>
      </c>
      <c r="AI1649">
        <v>60</v>
      </c>
      <c r="AJ1649">
        <v>60</v>
      </c>
      <c r="AK1649">
        <v>60</v>
      </c>
      <c r="AL1649">
        <v>60</v>
      </c>
      <c r="AM1649">
        <v>60</v>
      </c>
      <c r="AN1649">
        <v>60</v>
      </c>
      <c r="AO1649">
        <v>59</v>
      </c>
      <c r="AP1649">
        <v>59</v>
      </c>
      <c r="AQ1649">
        <v>59</v>
      </c>
    </row>
    <row r="1650" spans="1:43">
      <c r="A1650" t="s">
        <v>1100</v>
      </c>
      <c r="B1650" t="s">
        <v>1101</v>
      </c>
      <c r="C1650" t="s">
        <v>998</v>
      </c>
      <c r="D1650" t="s">
        <v>999</v>
      </c>
      <c r="E1650" t="s">
        <v>847</v>
      </c>
      <c r="F1650" t="s">
        <v>848</v>
      </c>
      <c r="G1650" t="s">
        <v>80</v>
      </c>
      <c r="H1650" t="s">
        <v>81</v>
      </c>
      <c r="I1650" s="2">
        <v>0</v>
      </c>
      <c r="J1650" s="2">
        <v>1</v>
      </c>
      <c r="K1650" s="2">
        <v>0</v>
      </c>
      <c r="L1650" t="s">
        <v>82</v>
      </c>
      <c r="M1650" t="s">
        <v>83</v>
      </c>
      <c r="N1650" t="s">
        <v>84</v>
      </c>
      <c r="O1650" t="s">
        <v>85</v>
      </c>
      <c r="P1650" t="s">
        <v>86</v>
      </c>
      <c r="Q1650">
        <v>47</v>
      </c>
      <c r="R1650">
        <v>47</v>
      </c>
      <c r="S1650">
        <v>48</v>
      </c>
      <c r="T1650">
        <v>48</v>
      </c>
      <c r="U1650">
        <v>48</v>
      </c>
      <c r="V1650">
        <v>48</v>
      </c>
      <c r="W1650">
        <v>49</v>
      </c>
      <c r="X1650">
        <v>49</v>
      </c>
      <c r="Y1650">
        <v>49</v>
      </c>
      <c r="Z1650">
        <v>50</v>
      </c>
      <c r="AA1650">
        <v>50</v>
      </c>
      <c r="AB1650">
        <v>50</v>
      </c>
      <c r="AC1650">
        <v>50</v>
      </c>
      <c r="AD1650">
        <v>50</v>
      </c>
      <c r="AE1650">
        <v>51</v>
      </c>
      <c r="AF1650">
        <v>51</v>
      </c>
      <c r="AG1650">
        <v>51</v>
      </c>
      <c r="AH1650">
        <v>51</v>
      </c>
      <c r="AI1650">
        <v>52</v>
      </c>
      <c r="AJ1650">
        <v>52</v>
      </c>
      <c r="AK1650">
        <v>52</v>
      </c>
      <c r="AL1650">
        <v>52</v>
      </c>
      <c r="AM1650">
        <v>52</v>
      </c>
      <c r="AN1650">
        <v>51</v>
      </c>
      <c r="AO1650">
        <v>51</v>
      </c>
      <c r="AP1650">
        <v>51</v>
      </c>
      <c r="AQ1650">
        <v>51</v>
      </c>
    </row>
    <row r="1651" spans="1:43">
      <c r="A1651" t="s">
        <v>1100</v>
      </c>
      <c r="B1651" t="s">
        <v>1101</v>
      </c>
      <c r="C1651" t="s">
        <v>998</v>
      </c>
      <c r="D1651" t="s">
        <v>999</v>
      </c>
      <c r="E1651" t="s">
        <v>847</v>
      </c>
      <c r="F1651" t="s">
        <v>848</v>
      </c>
      <c r="G1651" t="s">
        <v>80</v>
      </c>
      <c r="H1651" t="s">
        <v>81</v>
      </c>
      <c r="I1651" s="2">
        <v>0</v>
      </c>
      <c r="J1651" s="2">
        <v>1</v>
      </c>
      <c r="K1651" s="2">
        <v>0</v>
      </c>
      <c r="L1651" t="s">
        <v>82</v>
      </c>
      <c r="M1651" t="s">
        <v>87</v>
      </c>
      <c r="N1651" t="s">
        <v>88</v>
      </c>
      <c r="O1651" t="s">
        <v>85</v>
      </c>
      <c r="P1651" t="s">
        <v>86</v>
      </c>
      <c r="Q1651">
        <v>47</v>
      </c>
      <c r="R1651">
        <v>47</v>
      </c>
      <c r="S1651">
        <v>47</v>
      </c>
      <c r="T1651">
        <v>47</v>
      </c>
      <c r="U1651">
        <v>47</v>
      </c>
      <c r="V1651">
        <v>47</v>
      </c>
      <c r="W1651">
        <v>47</v>
      </c>
      <c r="X1651">
        <v>47</v>
      </c>
      <c r="Y1651">
        <v>47</v>
      </c>
      <c r="Z1651">
        <v>46</v>
      </c>
      <c r="AA1651">
        <v>46</v>
      </c>
      <c r="AB1651">
        <v>46</v>
      </c>
      <c r="AC1651">
        <v>46</v>
      </c>
      <c r="AD1651">
        <v>46</v>
      </c>
      <c r="AE1651">
        <v>46</v>
      </c>
      <c r="AF1651">
        <v>46</v>
      </c>
      <c r="AG1651">
        <v>46</v>
      </c>
      <c r="AH1651">
        <v>46</v>
      </c>
      <c r="AI1651">
        <v>46</v>
      </c>
      <c r="AJ1651">
        <v>45</v>
      </c>
      <c r="AK1651">
        <v>45</v>
      </c>
      <c r="AL1651">
        <v>45</v>
      </c>
      <c r="AM1651">
        <v>45</v>
      </c>
      <c r="AN1651">
        <v>45</v>
      </c>
      <c r="AO1651">
        <v>45</v>
      </c>
      <c r="AP1651">
        <v>45</v>
      </c>
      <c r="AQ1651">
        <v>45</v>
      </c>
    </row>
    <row r="1652" spans="1:43">
      <c r="A1652" t="s">
        <v>1100</v>
      </c>
      <c r="B1652" t="s">
        <v>1101</v>
      </c>
      <c r="C1652" t="s">
        <v>998</v>
      </c>
      <c r="D1652" t="s">
        <v>999</v>
      </c>
      <c r="E1652" t="s">
        <v>847</v>
      </c>
      <c r="F1652" t="s">
        <v>848</v>
      </c>
      <c r="G1652" t="s">
        <v>80</v>
      </c>
      <c r="H1652" t="s">
        <v>81</v>
      </c>
      <c r="I1652" s="2">
        <v>0</v>
      </c>
      <c r="J1652" s="2">
        <v>1</v>
      </c>
      <c r="K1652" s="2">
        <v>0</v>
      </c>
      <c r="L1652" t="s">
        <v>82</v>
      </c>
      <c r="M1652" t="s">
        <v>89</v>
      </c>
      <c r="N1652" t="s">
        <v>90</v>
      </c>
      <c r="O1652" t="s">
        <v>85</v>
      </c>
      <c r="P1652" t="s">
        <v>86</v>
      </c>
      <c r="Q1652">
        <v>47</v>
      </c>
      <c r="R1652">
        <v>48</v>
      </c>
      <c r="S1652">
        <v>49</v>
      </c>
      <c r="T1652">
        <v>49</v>
      </c>
      <c r="U1652">
        <v>50</v>
      </c>
      <c r="V1652">
        <v>51</v>
      </c>
      <c r="W1652">
        <v>51</v>
      </c>
      <c r="X1652">
        <v>52</v>
      </c>
      <c r="Y1652">
        <v>52</v>
      </c>
      <c r="Z1652">
        <v>53</v>
      </c>
      <c r="AA1652">
        <v>53</v>
      </c>
      <c r="AB1652">
        <v>53</v>
      </c>
      <c r="AC1652">
        <v>54</v>
      </c>
      <c r="AD1652">
        <v>54</v>
      </c>
      <c r="AE1652">
        <v>54</v>
      </c>
      <c r="AF1652">
        <v>54</v>
      </c>
      <c r="AG1652">
        <v>54</v>
      </c>
      <c r="AH1652">
        <v>54</v>
      </c>
      <c r="AI1652">
        <v>53</v>
      </c>
      <c r="AJ1652">
        <v>53</v>
      </c>
      <c r="AK1652">
        <v>53</v>
      </c>
      <c r="AL1652">
        <v>53</v>
      </c>
      <c r="AM1652">
        <v>53</v>
      </c>
      <c r="AN1652">
        <v>52</v>
      </c>
      <c r="AO1652">
        <v>52</v>
      </c>
      <c r="AP1652">
        <v>52</v>
      </c>
      <c r="AQ1652">
        <v>52</v>
      </c>
    </row>
    <row r="1653" spans="1:43">
      <c r="A1653" t="s">
        <v>1100</v>
      </c>
      <c r="B1653" t="s">
        <v>1101</v>
      </c>
      <c r="C1653" t="s">
        <v>998</v>
      </c>
      <c r="D1653" t="s">
        <v>999</v>
      </c>
      <c r="E1653" t="s">
        <v>847</v>
      </c>
      <c r="F1653" t="s">
        <v>848</v>
      </c>
      <c r="G1653" t="s">
        <v>80</v>
      </c>
      <c r="H1653" t="s">
        <v>81</v>
      </c>
      <c r="I1653" s="2">
        <v>0</v>
      </c>
      <c r="J1653" s="2">
        <v>1</v>
      </c>
      <c r="K1653" s="2">
        <v>0</v>
      </c>
      <c r="L1653" t="s">
        <v>82</v>
      </c>
      <c r="M1653" t="s">
        <v>83</v>
      </c>
      <c r="N1653" t="s">
        <v>91</v>
      </c>
      <c r="O1653" t="s">
        <v>85</v>
      </c>
      <c r="P1653" t="s">
        <v>86</v>
      </c>
      <c r="Q1653">
        <v>47</v>
      </c>
      <c r="R1653">
        <v>47</v>
      </c>
      <c r="S1653">
        <v>48</v>
      </c>
      <c r="T1653">
        <v>48</v>
      </c>
      <c r="U1653">
        <v>48</v>
      </c>
      <c r="V1653">
        <v>48</v>
      </c>
      <c r="W1653">
        <v>49</v>
      </c>
      <c r="X1653">
        <v>49</v>
      </c>
      <c r="Y1653">
        <v>49</v>
      </c>
      <c r="Z1653">
        <v>50</v>
      </c>
      <c r="AA1653">
        <v>50</v>
      </c>
      <c r="AB1653">
        <v>50</v>
      </c>
      <c r="AC1653">
        <v>50</v>
      </c>
      <c r="AD1653">
        <v>50</v>
      </c>
      <c r="AE1653">
        <v>51</v>
      </c>
      <c r="AF1653">
        <v>51</v>
      </c>
      <c r="AG1653">
        <v>51</v>
      </c>
      <c r="AH1653">
        <v>51</v>
      </c>
      <c r="AI1653">
        <v>52</v>
      </c>
      <c r="AJ1653">
        <v>52</v>
      </c>
      <c r="AK1653">
        <v>52</v>
      </c>
      <c r="AL1653">
        <v>52</v>
      </c>
      <c r="AM1653">
        <v>52</v>
      </c>
      <c r="AN1653">
        <v>51</v>
      </c>
      <c r="AO1653">
        <v>51</v>
      </c>
      <c r="AP1653">
        <v>51</v>
      </c>
      <c r="AQ1653">
        <v>51</v>
      </c>
    </row>
    <row r="1654" spans="1:43">
      <c r="A1654" t="s">
        <v>1102</v>
      </c>
      <c r="B1654" t="s">
        <v>1103</v>
      </c>
      <c r="C1654" t="s">
        <v>975</v>
      </c>
      <c r="D1654" t="s">
        <v>976</v>
      </c>
      <c r="E1654" t="s">
        <v>847</v>
      </c>
      <c r="F1654" t="s">
        <v>848</v>
      </c>
      <c r="G1654" t="s">
        <v>80</v>
      </c>
      <c r="H1654" t="s">
        <v>81</v>
      </c>
      <c r="I1654" s="2">
        <v>0</v>
      </c>
      <c r="J1654" s="2">
        <v>1</v>
      </c>
      <c r="K1654" s="2">
        <v>0</v>
      </c>
      <c r="L1654" t="s">
        <v>82</v>
      </c>
      <c r="M1654" t="s">
        <v>83</v>
      </c>
      <c r="N1654" t="s">
        <v>84</v>
      </c>
      <c r="O1654" t="s">
        <v>85</v>
      </c>
      <c r="P1654" t="s">
        <v>86</v>
      </c>
      <c r="Q1654">
        <v>33</v>
      </c>
      <c r="R1654">
        <v>33</v>
      </c>
      <c r="S1654">
        <v>33</v>
      </c>
      <c r="T1654">
        <v>33</v>
      </c>
      <c r="U1654">
        <v>33</v>
      </c>
      <c r="V1654">
        <v>33</v>
      </c>
      <c r="W1654">
        <v>33</v>
      </c>
      <c r="X1654">
        <v>34</v>
      </c>
      <c r="Y1654">
        <v>34</v>
      </c>
      <c r="Z1654">
        <v>34</v>
      </c>
      <c r="AA1654">
        <v>34</v>
      </c>
      <c r="AB1654">
        <v>34</v>
      </c>
      <c r="AC1654">
        <v>34</v>
      </c>
      <c r="AD1654">
        <v>34</v>
      </c>
      <c r="AE1654">
        <v>34</v>
      </c>
      <c r="AF1654">
        <v>34</v>
      </c>
      <c r="AG1654">
        <v>34</v>
      </c>
      <c r="AH1654">
        <v>34</v>
      </c>
      <c r="AI1654">
        <v>34</v>
      </c>
      <c r="AJ1654">
        <v>34</v>
      </c>
      <c r="AK1654">
        <v>34</v>
      </c>
      <c r="AL1654">
        <v>34</v>
      </c>
      <c r="AM1654">
        <v>34</v>
      </c>
      <c r="AN1654">
        <v>34</v>
      </c>
      <c r="AO1654">
        <v>33</v>
      </c>
      <c r="AP1654">
        <v>33</v>
      </c>
      <c r="AQ1654">
        <v>33</v>
      </c>
    </row>
    <row r="1655" spans="1:43">
      <c r="A1655" t="s">
        <v>1102</v>
      </c>
      <c r="B1655" t="s">
        <v>1103</v>
      </c>
      <c r="C1655" t="s">
        <v>975</v>
      </c>
      <c r="D1655" t="s">
        <v>976</v>
      </c>
      <c r="E1655" t="s">
        <v>847</v>
      </c>
      <c r="F1655" t="s">
        <v>848</v>
      </c>
      <c r="G1655" t="s">
        <v>80</v>
      </c>
      <c r="H1655" t="s">
        <v>81</v>
      </c>
      <c r="I1655" s="2">
        <v>0</v>
      </c>
      <c r="J1655" s="2">
        <v>1</v>
      </c>
      <c r="K1655" s="2">
        <v>0</v>
      </c>
      <c r="L1655" t="s">
        <v>82</v>
      </c>
      <c r="M1655" t="s">
        <v>87</v>
      </c>
      <c r="N1655" t="s">
        <v>88</v>
      </c>
      <c r="O1655" t="s">
        <v>85</v>
      </c>
      <c r="P1655" t="s">
        <v>86</v>
      </c>
      <c r="Q1655">
        <v>33</v>
      </c>
      <c r="R1655">
        <v>33</v>
      </c>
      <c r="S1655">
        <v>33</v>
      </c>
      <c r="T1655">
        <v>33</v>
      </c>
      <c r="U1655">
        <v>33</v>
      </c>
      <c r="V1655">
        <v>33</v>
      </c>
      <c r="W1655">
        <v>32</v>
      </c>
      <c r="X1655">
        <v>32</v>
      </c>
      <c r="Y1655">
        <v>32</v>
      </c>
      <c r="Z1655">
        <v>32</v>
      </c>
      <c r="AA1655">
        <v>32</v>
      </c>
      <c r="AB1655">
        <v>32</v>
      </c>
      <c r="AC1655">
        <v>32</v>
      </c>
      <c r="AD1655">
        <v>31</v>
      </c>
      <c r="AE1655">
        <v>31</v>
      </c>
      <c r="AF1655">
        <v>31</v>
      </c>
      <c r="AG1655">
        <v>31</v>
      </c>
      <c r="AH1655">
        <v>31</v>
      </c>
      <c r="AI1655">
        <v>31</v>
      </c>
      <c r="AJ1655">
        <v>31</v>
      </c>
      <c r="AK1655">
        <v>30</v>
      </c>
      <c r="AL1655">
        <v>30</v>
      </c>
      <c r="AM1655">
        <v>30</v>
      </c>
      <c r="AN1655">
        <v>30</v>
      </c>
      <c r="AO1655">
        <v>30</v>
      </c>
      <c r="AP1655">
        <v>30</v>
      </c>
      <c r="AQ1655">
        <v>30</v>
      </c>
    </row>
    <row r="1656" spans="1:43">
      <c r="A1656" t="s">
        <v>1102</v>
      </c>
      <c r="B1656" t="s">
        <v>1103</v>
      </c>
      <c r="C1656" t="s">
        <v>975</v>
      </c>
      <c r="D1656" t="s">
        <v>976</v>
      </c>
      <c r="E1656" t="s">
        <v>847</v>
      </c>
      <c r="F1656" t="s">
        <v>848</v>
      </c>
      <c r="G1656" t="s">
        <v>80</v>
      </c>
      <c r="H1656" t="s">
        <v>81</v>
      </c>
      <c r="I1656" s="2">
        <v>0</v>
      </c>
      <c r="J1656" s="2">
        <v>1</v>
      </c>
      <c r="K1656" s="2">
        <v>0</v>
      </c>
      <c r="L1656" t="s">
        <v>82</v>
      </c>
      <c r="M1656" t="s">
        <v>89</v>
      </c>
      <c r="N1656" t="s">
        <v>90</v>
      </c>
      <c r="O1656" t="s">
        <v>85</v>
      </c>
      <c r="P1656" t="s">
        <v>86</v>
      </c>
      <c r="Q1656">
        <v>33</v>
      </c>
      <c r="R1656">
        <v>33</v>
      </c>
      <c r="S1656">
        <v>34</v>
      </c>
      <c r="T1656">
        <v>34</v>
      </c>
      <c r="U1656">
        <v>35</v>
      </c>
      <c r="V1656">
        <v>35</v>
      </c>
      <c r="W1656">
        <v>35</v>
      </c>
      <c r="X1656">
        <v>35</v>
      </c>
      <c r="Y1656">
        <v>36</v>
      </c>
      <c r="Z1656">
        <v>36</v>
      </c>
      <c r="AA1656">
        <v>36</v>
      </c>
      <c r="AB1656">
        <v>36</v>
      </c>
      <c r="AC1656">
        <v>36</v>
      </c>
      <c r="AD1656">
        <v>37</v>
      </c>
      <c r="AE1656">
        <v>37</v>
      </c>
      <c r="AF1656">
        <v>36</v>
      </c>
      <c r="AG1656">
        <v>36</v>
      </c>
      <c r="AH1656">
        <v>36</v>
      </c>
      <c r="AI1656">
        <v>35</v>
      </c>
      <c r="AJ1656">
        <v>35</v>
      </c>
      <c r="AK1656">
        <v>35</v>
      </c>
      <c r="AL1656">
        <v>35</v>
      </c>
      <c r="AM1656">
        <v>34</v>
      </c>
      <c r="AN1656">
        <v>34</v>
      </c>
      <c r="AO1656">
        <v>34</v>
      </c>
      <c r="AP1656">
        <v>33</v>
      </c>
      <c r="AQ1656">
        <v>33</v>
      </c>
    </row>
    <row r="1657" spans="1:43">
      <c r="A1657" t="s">
        <v>1102</v>
      </c>
      <c r="B1657" t="s">
        <v>1103</v>
      </c>
      <c r="C1657" t="s">
        <v>975</v>
      </c>
      <c r="D1657" t="s">
        <v>976</v>
      </c>
      <c r="E1657" t="s">
        <v>847</v>
      </c>
      <c r="F1657" t="s">
        <v>848</v>
      </c>
      <c r="G1657" t="s">
        <v>80</v>
      </c>
      <c r="H1657" t="s">
        <v>81</v>
      </c>
      <c r="I1657" s="2">
        <v>0</v>
      </c>
      <c r="J1657" s="2">
        <v>1</v>
      </c>
      <c r="K1657" s="2">
        <v>0</v>
      </c>
      <c r="L1657" t="s">
        <v>82</v>
      </c>
      <c r="M1657" t="s">
        <v>83</v>
      </c>
      <c r="N1657" t="s">
        <v>91</v>
      </c>
      <c r="O1657" t="s">
        <v>85</v>
      </c>
      <c r="P1657" t="s">
        <v>86</v>
      </c>
      <c r="Q1657">
        <v>33</v>
      </c>
      <c r="R1657">
        <v>33</v>
      </c>
      <c r="S1657">
        <v>33</v>
      </c>
      <c r="T1657">
        <v>33</v>
      </c>
      <c r="U1657">
        <v>33</v>
      </c>
      <c r="V1657">
        <v>33</v>
      </c>
      <c r="W1657">
        <v>33</v>
      </c>
      <c r="X1657">
        <v>34</v>
      </c>
      <c r="Y1657">
        <v>34</v>
      </c>
      <c r="Z1657">
        <v>34</v>
      </c>
      <c r="AA1657">
        <v>34</v>
      </c>
      <c r="AB1657">
        <v>34</v>
      </c>
      <c r="AC1657">
        <v>34</v>
      </c>
      <c r="AD1657">
        <v>34</v>
      </c>
      <c r="AE1657">
        <v>34</v>
      </c>
      <c r="AF1657">
        <v>34</v>
      </c>
      <c r="AG1657">
        <v>34</v>
      </c>
      <c r="AH1657">
        <v>34</v>
      </c>
      <c r="AI1657">
        <v>34</v>
      </c>
      <c r="AJ1657">
        <v>34</v>
      </c>
      <c r="AK1657">
        <v>34</v>
      </c>
      <c r="AL1657">
        <v>34</v>
      </c>
      <c r="AM1657">
        <v>34</v>
      </c>
      <c r="AN1657">
        <v>34</v>
      </c>
      <c r="AO1657">
        <v>33</v>
      </c>
      <c r="AP1657">
        <v>33</v>
      </c>
      <c r="AQ1657">
        <v>33</v>
      </c>
    </row>
    <row r="1658" spans="1:43">
      <c r="A1658" t="s">
        <v>1104</v>
      </c>
      <c r="B1658" t="s">
        <v>1105</v>
      </c>
      <c r="C1658" t="s">
        <v>975</v>
      </c>
      <c r="D1658" t="s">
        <v>976</v>
      </c>
      <c r="E1658" t="s">
        <v>847</v>
      </c>
      <c r="F1658" t="s">
        <v>848</v>
      </c>
      <c r="G1658" t="s">
        <v>80</v>
      </c>
      <c r="H1658" t="s">
        <v>81</v>
      </c>
      <c r="I1658" s="2">
        <v>0</v>
      </c>
      <c r="J1658" s="2">
        <v>1</v>
      </c>
      <c r="K1658" s="2">
        <v>0</v>
      </c>
      <c r="L1658" t="s">
        <v>82</v>
      </c>
      <c r="M1658" t="s">
        <v>83</v>
      </c>
      <c r="N1658" t="s">
        <v>84</v>
      </c>
      <c r="O1658" t="s">
        <v>85</v>
      </c>
      <c r="P1658" t="s">
        <v>86</v>
      </c>
      <c r="Q1658">
        <v>80</v>
      </c>
      <c r="R1658">
        <v>81</v>
      </c>
      <c r="S1658">
        <v>81</v>
      </c>
      <c r="T1658">
        <v>81</v>
      </c>
      <c r="U1658">
        <v>82</v>
      </c>
      <c r="V1658">
        <v>82</v>
      </c>
      <c r="W1658">
        <v>82</v>
      </c>
      <c r="X1658">
        <v>83</v>
      </c>
      <c r="Y1658">
        <v>83</v>
      </c>
      <c r="Z1658">
        <v>83</v>
      </c>
      <c r="AA1658">
        <v>83</v>
      </c>
      <c r="AB1658">
        <v>84</v>
      </c>
      <c r="AC1658">
        <v>84</v>
      </c>
      <c r="AD1658">
        <v>84</v>
      </c>
      <c r="AE1658">
        <v>84</v>
      </c>
      <c r="AF1658">
        <v>84</v>
      </c>
      <c r="AG1658">
        <v>84</v>
      </c>
      <c r="AH1658">
        <v>84</v>
      </c>
      <c r="AI1658">
        <v>84</v>
      </c>
      <c r="AJ1658">
        <v>85</v>
      </c>
      <c r="AK1658">
        <v>85</v>
      </c>
      <c r="AL1658">
        <v>84</v>
      </c>
      <c r="AM1658">
        <v>84</v>
      </c>
      <c r="AN1658">
        <v>83</v>
      </c>
      <c r="AO1658">
        <v>82</v>
      </c>
      <c r="AP1658">
        <v>82</v>
      </c>
      <c r="AQ1658">
        <v>81</v>
      </c>
    </row>
    <row r="1659" spans="1:43">
      <c r="A1659" t="s">
        <v>1104</v>
      </c>
      <c r="B1659" t="s">
        <v>1105</v>
      </c>
      <c r="C1659" t="s">
        <v>975</v>
      </c>
      <c r="D1659" t="s">
        <v>976</v>
      </c>
      <c r="E1659" t="s">
        <v>847</v>
      </c>
      <c r="F1659" t="s">
        <v>848</v>
      </c>
      <c r="G1659" t="s">
        <v>80</v>
      </c>
      <c r="H1659" t="s">
        <v>81</v>
      </c>
      <c r="I1659" s="2">
        <v>0</v>
      </c>
      <c r="J1659" s="2">
        <v>1</v>
      </c>
      <c r="K1659" s="2">
        <v>0</v>
      </c>
      <c r="L1659" t="s">
        <v>82</v>
      </c>
      <c r="M1659" t="s">
        <v>87</v>
      </c>
      <c r="N1659" t="s">
        <v>88</v>
      </c>
      <c r="O1659" t="s">
        <v>85</v>
      </c>
      <c r="P1659" t="s">
        <v>86</v>
      </c>
      <c r="Q1659">
        <v>80</v>
      </c>
      <c r="R1659">
        <v>79</v>
      </c>
      <c r="S1659">
        <v>79</v>
      </c>
      <c r="T1659">
        <v>78</v>
      </c>
      <c r="U1659">
        <v>78</v>
      </c>
      <c r="V1659">
        <v>78</v>
      </c>
      <c r="W1659">
        <v>77</v>
      </c>
      <c r="X1659">
        <v>77</v>
      </c>
      <c r="Y1659">
        <v>77</v>
      </c>
      <c r="Z1659">
        <v>76</v>
      </c>
      <c r="AA1659">
        <v>76</v>
      </c>
      <c r="AB1659">
        <v>76</v>
      </c>
      <c r="AC1659">
        <v>75</v>
      </c>
      <c r="AD1659">
        <v>75</v>
      </c>
      <c r="AE1659">
        <v>75</v>
      </c>
      <c r="AF1659">
        <v>74</v>
      </c>
      <c r="AG1659">
        <v>74</v>
      </c>
      <c r="AH1659">
        <v>74</v>
      </c>
      <c r="AI1659">
        <v>73</v>
      </c>
      <c r="AJ1659">
        <v>73</v>
      </c>
      <c r="AK1659">
        <v>73</v>
      </c>
      <c r="AL1659">
        <v>72</v>
      </c>
      <c r="AM1659">
        <v>72</v>
      </c>
      <c r="AN1659">
        <v>72</v>
      </c>
      <c r="AO1659">
        <v>71</v>
      </c>
      <c r="AP1659">
        <v>71</v>
      </c>
      <c r="AQ1659">
        <v>71</v>
      </c>
    </row>
    <row r="1660" spans="1:43">
      <c r="A1660" t="s">
        <v>1104</v>
      </c>
      <c r="B1660" t="s">
        <v>1105</v>
      </c>
      <c r="C1660" t="s">
        <v>975</v>
      </c>
      <c r="D1660" t="s">
        <v>976</v>
      </c>
      <c r="E1660" t="s">
        <v>847</v>
      </c>
      <c r="F1660" t="s">
        <v>848</v>
      </c>
      <c r="G1660" t="s">
        <v>80</v>
      </c>
      <c r="H1660" t="s">
        <v>81</v>
      </c>
      <c r="I1660" s="2">
        <v>0</v>
      </c>
      <c r="J1660" s="2">
        <v>1</v>
      </c>
      <c r="K1660" s="2">
        <v>0</v>
      </c>
      <c r="L1660" t="s">
        <v>82</v>
      </c>
      <c r="M1660" t="s">
        <v>89</v>
      </c>
      <c r="N1660" t="s">
        <v>90</v>
      </c>
      <c r="O1660" t="s">
        <v>85</v>
      </c>
      <c r="P1660" t="s">
        <v>86</v>
      </c>
      <c r="Q1660">
        <v>80</v>
      </c>
      <c r="R1660">
        <v>81</v>
      </c>
      <c r="S1660">
        <v>82</v>
      </c>
      <c r="T1660">
        <v>83</v>
      </c>
      <c r="U1660">
        <v>84</v>
      </c>
      <c r="V1660">
        <v>85</v>
      </c>
      <c r="W1660">
        <v>86</v>
      </c>
      <c r="X1660">
        <v>86</v>
      </c>
      <c r="Y1660">
        <v>87</v>
      </c>
      <c r="Z1660">
        <v>87</v>
      </c>
      <c r="AA1660">
        <v>88</v>
      </c>
      <c r="AB1660">
        <v>88</v>
      </c>
      <c r="AC1660">
        <v>89</v>
      </c>
      <c r="AD1660">
        <v>89</v>
      </c>
      <c r="AE1660">
        <v>89</v>
      </c>
      <c r="AF1660">
        <v>88</v>
      </c>
      <c r="AG1660">
        <v>87</v>
      </c>
      <c r="AH1660">
        <v>87</v>
      </c>
      <c r="AI1660">
        <v>86</v>
      </c>
      <c r="AJ1660">
        <v>85</v>
      </c>
      <c r="AK1660">
        <v>85</v>
      </c>
      <c r="AL1660">
        <v>84</v>
      </c>
      <c r="AM1660">
        <v>83</v>
      </c>
      <c r="AN1660">
        <v>83</v>
      </c>
      <c r="AO1660">
        <v>82</v>
      </c>
      <c r="AP1660">
        <v>81</v>
      </c>
      <c r="AQ1660">
        <v>81</v>
      </c>
    </row>
    <row r="1661" spans="1:43">
      <c r="A1661" t="s">
        <v>1104</v>
      </c>
      <c r="B1661" t="s">
        <v>1105</v>
      </c>
      <c r="C1661" t="s">
        <v>975</v>
      </c>
      <c r="D1661" t="s">
        <v>976</v>
      </c>
      <c r="E1661" t="s">
        <v>847</v>
      </c>
      <c r="F1661" t="s">
        <v>848</v>
      </c>
      <c r="G1661" t="s">
        <v>80</v>
      </c>
      <c r="H1661" t="s">
        <v>81</v>
      </c>
      <c r="I1661" s="2">
        <v>0</v>
      </c>
      <c r="J1661" s="2">
        <v>1</v>
      </c>
      <c r="K1661" s="2">
        <v>0</v>
      </c>
      <c r="L1661" t="s">
        <v>82</v>
      </c>
      <c r="M1661" t="s">
        <v>83</v>
      </c>
      <c r="N1661" t="s">
        <v>91</v>
      </c>
      <c r="O1661" t="s">
        <v>85</v>
      </c>
      <c r="P1661" t="s">
        <v>86</v>
      </c>
      <c r="Q1661">
        <v>80</v>
      </c>
      <c r="R1661">
        <v>81</v>
      </c>
      <c r="S1661">
        <v>81</v>
      </c>
      <c r="T1661">
        <v>81</v>
      </c>
      <c r="U1661">
        <v>82</v>
      </c>
      <c r="V1661">
        <v>82</v>
      </c>
      <c r="W1661">
        <v>82</v>
      </c>
      <c r="X1661">
        <v>83</v>
      </c>
      <c r="Y1661">
        <v>83</v>
      </c>
      <c r="Z1661">
        <v>83</v>
      </c>
      <c r="AA1661">
        <v>83</v>
      </c>
      <c r="AB1661">
        <v>84</v>
      </c>
      <c r="AC1661">
        <v>84</v>
      </c>
      <c r="AD1661">
        <v>84</v>
      </c>
      <c r="AE1661">
        <v>84</v>
      </c>
      <c r="AF1661">
        <v>84</v>
      </c>
      <c r="AG1661">
        <v>84</v>
      </c>
      <c r="AH1661">
        <v>84</v>
      </c>
      <c r="AI1661">
        <v>84</v>
      </c>
      <c r="AJ1661">
        <v>85</v>
      </c>
      <c r="AK1661">
        <v>85</v>
      </c>
      <c r="AL1661">
        <v>84</v>
      </c>
      <c r="AM1661">
        <v>84</v>
      </c>
      <c r="AN1661">
        <v>83</v>
      </c>
      <c r="AO1661">
        <v>82</v>
      </c>
      <c r="AP1661">
        <v>82</v>
      </c>
      <c r="AQ1661">
        <v>81</v>
      </c>
    </row>
    <row r="1662" spans="1:43">
      <c r="A1662" t="s">
        <v>1106</v>
      </c>
      <c r="B1662" t="s">
        <v>1107</v>
      </c>
      <c r="C1662" t="s">
        <v>975</v>
      </c>
      <c r="D1662" t="s">
        <v>976</v>
      </c>
      <c r="E1662" t="s">
        <v>847</v>
      </c>
      <c r="F1662" t="s">
        <v>848</v>
      </c>
      <c r="G1662" t="s">
        <v>80</v>
      </c>
      <c r="H1662" t="s">
        <v>81</v>
      </c>
      <c r="I1662" s="2">
        <v>0</v>
      </c>
      <c r="J1662" s="2">
        <v>1</v>
      </c>
      <c r="K1662" s="2">
        <v>0</v>
      </c>
      <c r="L1662" t="s">
        <v>82</v>
      </c>
      <c r="M1662" t="s">
        <v>83</v>
      </c>
      <c r="N1662" t="s">
        <v>84</v>
      </c>
      <c r="O1662" t="s">
        <v>85</v>
      </c>
      <c r="P1662" t="s">
        <v>86</v>
      </c>
      <c r="Q1662">
        <v>18</v>
      </c>
      <c r="R1662">
        <v>18</v>
      </c>
      <c r="S1662">
        <v>18</v>
      </c>
      <c r="T1662">
        <v>18</v>
      </c>
      <c r="U1662">
        <v>18</v>
      </c>
      <c r="V1662">
        <v>18</v>
      </c>
      <c r="W1662">
        <v>18</v>
      </c>
      <c r="X1662">
        <v>18</v>
      </c>
      <c r="Y1662">
        <v>18</v>
      </c>
      <c r="Z1662">
        <v>18</v>
      </c>
      <c r="AA1662">
        <v>18</v>
      </c>
      <c r="AB1662">
        <v>18</v>
      </c>
      <c r="AC1662">
        <v>19</v>
      </c>
      <c r="AD1662">
        <v>19</v>
      </c>
      <c r="AE1662">
        <v>19</v>
      </c>
      <c r="AF1662">
        <v>19</v>
      </c>
      <c r="AG1662">
        <v>19</v>
      </c>
      <c r="AH1662">
        <v>19</v>
      </c>
      <c r="AI1662">
        <v>19</v>
      </c>
      <c r="AJ1662">
        <v>19</v>
      </c>
      <c r="AK1662">
        <v>19</v>
      </c>
      <c r="AL1662">
        <v>19</v>
      </c>
      <c r="AM1662">
        <v>18</v>
      </c>
      <c r="AN1662">
        <v>18</v>
      </c>
      <c r="AO1662">
        <v>18</v>
      </c>
      <c r="AP1662">
        <v>18</v>
      </c>
      <c r="AQ1662">
        <v>18</v>
      </c>
    </row>
    <row r="1663" spans="1:43">
      <c r="A1663" t="s">
        <v>1106</v>
      </c>
      <c r="B1663" t="s">
        <v>1107</v>
      </c>
      <c r="C1663" t="s">
        <v>975</v>
      </c>
      <c r="D1663" t="s">
        <v>976</v>
      </c>
      <c r="E1663" t="s">
        <v>847</v>
      </c>
      <c r="F1663" t="s">
        <v>848</v>
      </c>
      <c r="G1663" t="s">
        <v>80</v>
      </c>
      <c r="H1663" t="s">
        <v>81</v>
      </c>
      <c r="I1663" s="2">
        <v>0</v>
      </c>
      <c r="J1663" s="2">
        <v>1</v>
      </c>
      <c r="K1663" s="2">
        <v>0</v>
      </c>
      <c r="L1663" t="s">
        <v>82</v>
      </c>
      <c r="M1663" t="s">
        <v>87</v>
      </c>
      <c r="N1663" t="s">
        <v>88</v>
      </c>
      <c r="O1663" t="s">
        <v>85</v>
      </c>
      <c r="P1663" t="s">
        <v>86</v>
      </c>
      <c r="Q1663">
        <v>18</v>
      </c>
      <c r="R1663">
        <v>18</v>
      </c>
      <c r="S1663">
        <v>17</v>
      </c>
      <c r="T1663">
        <v>17</v>
      </c>
      <c r="U1663">
        <v>17</v>
      </c>
      <c r="V1663">
        <v>17</v>
      </c>
      <c r="W1663">
        <v>17</v>
      </c>
      <c r="X1663">
        <v>17</v>
      </c>
      <c r="Y1663">
        <v>17</v>
      </c>
      <c r="Z1663">
        <v>17</v>
      </c>
      <c r="AA1663">
        <v>17</v>
      </c>
      <c r="AB1663">
        <v>17</v>
      </c>
      <c r="AC1663">
        <v>17</v>
      </c>
      <c r="AD1663">
        <v>17</v>
      </c>
      <c r="AE1663">
        <v>16</v>
      </c>
      <c r="AF1663">
        <v>16</v>
      </c>
      <c r="AG1663">
        <v>16</v>
      </c>
      <c r="AH1663">
        <v>16</v>
      </c>
      <c r="AI1663">
        <v>16</v>
      </c>
      <c r="AJ1663">
        <v>16</v>
      </c>
      <c r="AK1663">
        <v>16</v>
      </c>
      <c r="AL1663">
        <v>16</v>
      </c>
      <c r="AM1663">
        <v>16</v>
      </c>
      <c r="AN1663">
        <v>16</v>
      </c>
      <c r="AO1663">
        <v>16</v>
      </c>
      <c r="AP1663">
        <v>16</v>
      </c>
      <c r="AQ1663">
        <v>16</v>
      </c>
    </row>
    <row r="1664" spans="1:43">
      <c r="A1664" t="s">
        <v>1106</v>
      </c>
      <c r="B1664" t="s">
        <v>1107</v>
      </c>
      <c r="C1664" t="s">
        <v>975</v>
      </c>
      <c r="D1664" t="s">
        <v>976</v>
      </c>
      <c r="E1664" t="s">
        <v>847</v>
      </c>
      <c r="F1664" t="s">
        <v>848</v>
      </c>
      <c r="G1664" t="s">
        <v>80</v>
      </c>
      <c r="H1664" t="s">
        <v>81</v>
      </c>
      <c r="I1664" s="2">
        <v>0</v>
      </c>
      <c r="J1664" s="2">
        <v>1</v>
      </c>
      <c r="K1664" s="2">
        <v>0</v>
      </c>
      <c r="L1664" t="s">
        <v>82</v>
      </c>
      <c r="M1664" t="s">
        <v>89</v>
      </c>
      <c r="N1664" t="s">
        <v>90</v>
      </c>
      <c r="O1664" t="s">
        <v>85</v>
      </c>
      <c r="P1664" t="s">
        <v>86</v>
      </c>
      <c r="Q1664">
        <v>18</v>
      </c>
      <c r="R1664">
        <v>18</v>
      </c>
      <c r="S1664">
        <v>18</v>
      </c>
      <c r="T1664">
        <v>19</v>
      </c>
      <c r="U1664">
        <v>19</v>
      </c>
      <c r="V1664">
        <v>19</v>
      </c>
      <c r="W1664">
        <v>19</v>
      </c>
      <c r="X1664">
        <v>19</v>
      </c>
      <c r="Y1664">
        <v>19</v>
      </c>
      <c r="Z1664">
        <v>20</v>
      </c>
      <c r="AA1664">
        <v>20</v>
      </c>
      <c r="AB1664">
        <v>20</v>
      </c>
      <c r="AC1664">
        <v>20</v>
      </c>
      <c r="AD1664">
        <v>20</v>
      </c>
      <c r="AE1664">
        <v>20</v>
      </c>
      <c r="AF1664">
        <v>20</v>
      </c>
      <c r="AG1664">
        <v>20</v>
      </c>
      <c r="AH1664">
        <v>19</v>
      </c>
      <c r="AI1664">
        <v>19</v>
      </c>
      <c r="AJ1664">
        <v>19</v>
      </c>
      <c r="AK1664">
        <v>19</v>
      </c>
      <c r="AL1664">
        <v>19</v>
      </c>
      <c r="AM1664">
        <v>19</v>
      </c>
      <c r="AN1664">
        <v>19</v>
      </c>
      <c r="AO1664">
        <v>18</v>
      </c>
      <c r="AP1664">
        <v>18</v>
      </c>
      <c r="AQ1664">
        <v>18</v>
      </c>
    </row>
    <row r="1665" spans="1:43">
      <c r="A1665" t="s">
        <v>1106</v>
      </c>
      <c r="B1665" t="s">
        <v>1107</v>
      </c>
      <c r="C1665" t="s">
        <v>975</v>
      </c>
      <c r="D1665" t="s">
        <v>976</v>
      </c>
      <c r="E1665" t="s">
        <v>847</v>
      </c>
      <c r="F1665" t="s">
        <v>848</v>
      </c>
      <c r="G1665" t="s">
        <v>80</v>
      </c>
      <c r="H1665" t="s">
        <v>81</v>
      </c>
      <c r="I1665" s="2">
        <v>0</v>
      </c>
      <c r="J1665" s="2">
        <v>1</v>
      </c>
      <c r="K1665" s="2">
        <v>0</v>
      </c>
      <c r="L1665" t="s">
        <v>82</v>
      </c>
      <c r="M1665" t="s">
        <v>83</v>
      </c>
      <c r="N1665" t="s">
        <v>91</v>
      </c>
      <c r="O1665" t="s">
        <v>85</v>
      </c>
      <c r="P1665" t="s">
        <v>86</v>
      </c>
      <c r="Q1665">
        <v>18</v>
      </c>
      <c r="R1665">
        <v>18</v>
      </c>
      <c r="S1665">
        <v>18</v>
      </c>
      <c r="T1665">
        <v>18</v>
      </c>
      <c r="U1665">
        <v>18</v>
      </c>
      <c r="V1665">
        <v>18</v>
      </c>
      <c r="W1665">
        <v>18</v>
      </c>
      <c r="X1665">
        <v>18</v>
      </c>
      <c r="Y1665">
        <v>18</v>
      </c>
      <c r="Z1665">
        <v>18</v>
      </c>
      <c r="AA1665">
        <v>18</v>
      </c>
      <c r="AB1665">
        <v>18</v>
      </c>
      <c r="AC1665">
        <v>19</v>
      </c>
      <c r="AD1665">
        <v>19</v>
      </c>
      <c r="AE1665">
        <v>19</v>
      </c>
      <c r="AF1665">
        <v>19</v>
      </c>
      <c r="AG1665">
        <v>19</v>
      </c>
      <c r="AH1665">
        <v>19</v>
      </c>
      <c r="AI1665">
        <v>19</v>
      </c>
      <c r="AJ1665">
        <v>19</v>
      </c>
      <c r="AK1665">
        <v>19</v>
      </c>
      <c r="AL1665">
        <v>19</v>
      </c>
      <c r="AM1665">
        <v>18</v>
      </c>
      <c r="AN1665">
        <v>18</v>
      </c>
      <c r="AO1665">
        <v>18</v>
      </c>
      <c r="AP1665">
        <v>18</v>
      </c>
      <c r="AQ1665">
        <v>18</v>
      </c>
    </row>
    <row r="1666" spans="1:43">
      <c r="A1666" t="s">
        <v>1108</v>
      </c>
      <c r="B1666" t="s">
        <v>1109</v>
      </c>
      <c r="C1666" t="s">
        <v>975</v>
      </c>
      <c r="D1666" t="s">
        <v>976</v>
      </c>
      <c r="E1666" t="s">
        <v>847</v>
      </c>
      <c r="F1666" t="s">
        <v>848</v>
      </c>
      <c r="G1666" t="s">
        <v>80</v>
      </c>
      <c r="H1666" t="s">
        <v>81</v>
      </c>
      <c r="I1666" s="2">
        <v>0</v>
      </c>
      <c r="J1666" s="2">
        <v>1</v>
      </c>
      <c r="K1666" s="2">
        <v>0</v>
      </c>
      <c r="L1666" t="s">
        <v>82</v>
      </c>
      <c r="M1666" t="s">
        <v>83</v>
      </c>
      <c r="N1666" t="s">
        <v>84</v>
      </c>
      <c r="O1666" t="s">
        <v>85</v>
      </c>
      <c r="P1666" t="s">
        <v>86</v>
      </c>
      <c r="Q1666">
        <v>14</v>
      </c>
      <c r="R1666">
        <v>14</v>
      </c>
      <c r="S1666">
        <v>14</v>
      </c>
      <c r="T1666">
        <v>14</v>
      </c>
      <c r="U1666">
        <v>14</v>
      </c>
      <c r="V1666">
        <v>14</v>
      </c>
      <c r="W1666">
        <v>15</v>
      </c>
      <c r="X1666">
        <v>15</v>
      </c>
      <c r="Y1666">
        <v>15</v>
      </c>
      <c r="Z1666">
        <v>15</v>
      </c>
      <c r="AA1666">
        <v>15</v>
      </c>
      <c r="AB1666">
        <v>15</v>
      </c>
      <c r="AC1666">
        <v>15</v>
      </c>
      <c r="AD1666">
        <v>15</v>
      </c>
      <c r="AE1666">
        <v>15</v>
      </c>
      <c r="AF1666">
        <v>15</v>
      </c>
      <c r="AG1666">
        <v>15</v>
      </c>
      <c r="AH1666">
        <v>15</v>
      </c>
      <c r="AI1666">
        <v>15</v>
      </c>
      <c r="AJ1666">
        <v>15</v>
      </c>
      <c r="AK1666">
        <v>15</v>
      </c>
      <c r="AL1666">
        <v>15</v>
      </c>
      <c r="AM1666">
        <v>15</v>
      </c>
      <c r="AN1666">
        <v>15</v>
      </c>
      <c r="AO1666">
        <v>15</v>
      </c>
      <c r="AP1666">
        <v>15</v>
      </c>
      <c r="AQ1666">
        <v>15</v>
      </c>
    </row>
    <row r="1667" spans="1:43">
      <c r="A1667" t="s">
        <v>1108</v>
      </c>
      <c r="B1667" t="s">
        <v>1109</v>
      </c>
      <c r="C1667" t="s">
        <v>975</v>
      </c>
      <c r="D1667" t="s">
        <v>976</v>
      </c>
      <c r="E1667" t="s">
        <v>847</v>
      </c>
      <c r="F1667" t="s">
        <v>848</v>
      </c>
      <c r="G1667" t="s">
        <v>80</v>
      </c>
      <c r="H1667" t="s">
        <v>81</v>
      </c>
      <c r="I1667" s="2">
        <v>0</v>
      </c>
      <c r="J1667" s="2">
        <v>1</v>
      </c>
      <c r="K1667" s="2">
        <v>0</v>
      </c>
      <c r="L1667" t="s">
        <v>82</v>
      </c>
      <c r="M1667" t="s">
        <v>87</v>
      </c>
      <c r="N1667" t="s">
        <v>88</v>
      </c>
      <c r="O1667" t="s">
        <v>85</v>
      </c>
      <c r="P1667" t="s">
        <v>86</v>
      </c>
      <c r="Q1667">
        <v>14</v>
      </c>
      <c r="R1667">
        <v>14</v>
      </c>
      <c r="S1667">
        <v>14</v>
      </c>
      <c r="T1667">
        <v>14</v>
      </c>
      <c r="U1667">
        <v>14</v>
      </c>
      <c r="V1667">
        <v>14</v>
      </c>
      <c r="W1667">
        <v>14</v>
      </c>
      <c r="X1667">
        <v>14</v>
      </c>
      <c r="Y1667">
        <v>14</v>
      </c>
      <c r="Z1667">
        <v>13</v>
      </c>
      <c r="AA1667">
        <v>13</v>
      </c>
      <c r="AB1667">
        <v>13</v>
      </c>
      <c r="AC1667">
        <v>13</v>
      </c>
      <c r="AD1667">
        <v>13</v>
      </c>
      <c r="AE1667">
        <v>13</v>
      </c>
      <c r="AF1667">
        <v>13</v>
      </c>
      <c r="AG1667">
        <v>13</v>
      </c>
      <c r="AH1667">
        <v>13</v>
      </c>
      <c r="AI1667">
        <v>13</v>
      </c>
      <c r="AJ1667">
        <v>13</v>
      </c>
      <c r="AK1667">
        <v>13</v>
      </c>
      <c r="AL1667">
        <v>13</v>
      </c>
      <c r="AM1667">
        <v>13</v>
      </c>
      <c r="AN1667">
        <v>13</v>
      </c>
      <c r="AO1667">
        <v>13</v>
      </c>
      <c r="AP1667">
        <v>13</v>
      </c>
      <c r="AQ1667">
        <v>13</v>
      </c>
    </row>
    <row r="1668" spans="1:43">
      <c r="A1668" t="s">
        <v>1108</v>
      </c>
      <c r="B1668" t="s">
        <v>1109</v>
      </c>
      <c r="C1668" t="s">
        <v>975</v>
      </c>
      <c r="D1668" t="s">
        <v>976</v>
      </c>
      <c r="E1668" t="s">
        <v>847</v>
      </c>
      <c r="F1668" t="s">
        <v>848</v>
      </c>
      <c r="G1668" t="s">
        <v>80</v>
      </c>
      <c r="H1668" t="s">
        <v>81</v>
      </c>
      <c r="I1668" s="2">
        <v>0</v>
      </c>
      <c r="J1668" s="2">
        <v>1</v>
      </c>
      <c r="K1668" s="2">
        <v>0</v>
      </c>
      <c r="L1668" t="s">
        <v>82</v>
      </c>
      <c r="M1668" t="s">
        <v>89</v>
      </c>
      <c r="N1668" t="s">
        <v>90</v>
      </c>
      <c r="O1668" t="s">
        <v>85</v>
      </c>
      <c r="P1668" t="s">
        <v>86</v>
      </c>
      <c r="Q1668">
        <v>14</v>
      </c>
      <c r="R1668">
        <v>14</v>
      </c>
      <c r="S1668">
        <v>15</v>
      </c>
      <c r="T1668">
        <v>15</v>
      </c>
      <c r="U1668">
        <v>15</v>
      </c>
      <c r="V1668">
        <v>15</v>
      </c>
      <c r="W1668">
        <v>15</v>
      </c>
      <c r="X1668">
        <v>15</v>
      </c>
      <c r="Y1668">
        <v>15</v>
      </c>
      <c r="Z1668">
        <v>16</v>
      </c>
      <c r="AA1668">
        <v>16</v>
      </c>
      <c r="AB1668">
        <v>16</v>
      </c>
      <c r="AC1668">
        <v>16</v>
      </c>
      <c r="AD1668">
        <v>16</v>
      </c>
      <c r="AE1668">
        <v>16</v>
      </c>
      <c r="AF1668">
        <v>16</v>
      </c>
      <c r="AG1668">
        <v>16</v>
      </c>
      <c r="AH1668">
        <v>16</v>
      </c>
      <c r="AI1668">
        <v>16</v>
      </c>
      <c r="AJ1668">
        <v>15</v>
      </c>
      <c r="AK1668">
        <v>15</v>
      </c>
      <c r="AL1668">
        <v>15</v>
      </c>
      <c r="AM1668">
        <v>15</v>
      </c>
      <c r="AN1668">
        <v>15</v>
      </c>
      <c r="AO1668">
        <v>15</v>
      </c>
      <c r="AP1668">
        <v>15</v>
      </c>
      <c r="AQ1668">
        <v>15</v>
      </c>
    </row>
    <row r="1669" spans="1:43">
      <c r="A1669" t="s">
        <v>1108</v>
      </c>
      <c r="B1669" t="s">
        <v>1109</v>
      </c>
      <c r="C1669" t="s">
        <v>975</v>
      </c>
      <c r="D1669" t="s">
        <v>976</v>
      </c>
      <c r="E1669" t="s">
        <v>847</v>
      </c>
      <c r="F1669" t="s">
        <v>848</v>
      </c>
      <c r="G1669" t="s">
        <v>80</v>
      </c>
      <c r="H1669" t="s">
        <v>81</v>
      </c>
      <c r="I1669" s="2">
        <v>0</v>
      </c>
      <c r="J1669" s="2">
        <v>1</v>
      </c>
      <c r="K1669" s="2">
        <v>0</v>
      </c>
      <c r="L1669" t="s">
        <v>82</v>
      </c>
      <c r="M1669" t="s">
        <v>83</v>
      </c>
      <c r="N1669" t="s">
        <v>91</v>
      </c>
      <c r="O1669" t="s">
        <v>85</v>
      </c>
      <c r="P1669" t="s">
        <v>86</v>
      </c>
      <c r="Q1669">
        <v>14</v>
      </c>
      <c r="R1669">
        <v>14</v>
      </c>
      <c r="S1669">
        <v>14</v>
      </c>
      <c r="T1669">
        <v>14</v>
      </c>
      <c r="U1669">
        <v>14</v>
      </c>
      <c r="V1669">
        <v>14</v>
      </c>
      <c r="W1669">
        <v>15</v>
      </c>
      <c r="X1669">
        <v>15</v>
      </c>
      <c r="Y1669">
        <v>15</v>
      </c>
      <c r="Z1669">
        <v>15</v>
      </c>
      <c r="AA1669">
        <v>15</v>
      </c>
      <c r="AB1669">
        <v>15</v>
      </c>
      <c r="AC1669">
        <v>15</v>
      </c>
      <c r="AD1669">
        <v>15</v>
      </c>
      <c r="AE1669">
        <v>15</v>
      </c>
      <c r="AF1669">
        <v>15</v>
      </c>
      <c r="AG1669">
        <v>15</v>
      </c>
      <c r="AH1669">
        <v>15</v>
      </c>
      <c r="AI1669">
        <v>15</v>
      </c>
      <c r="AJ1669">
        <v>15</v>
      </c>
      <c r="AK1669">
        <v>15</v>
      </c>
      <c r="AL1669">
        <v>15</v>
      </c>
      <c r="AM1669">
        <v>15</v>
      </c>
      <c r="AN1669">
        <v>15</v>
      </c>
      <c r="AO1669">
        <v>15</v>
      </c>
      <c r="AP1669">
        <v>15</v>
      </c>
      <c r="AQ1669">
        <v>15</v>
      </c>
    </row>
    <row r="1670" spans="1:43">
      <c r="A1670" t="s">
        <v>1110</v>
      </c>
      <c r="B1670" t="s">
        <v>1111</v>
      </c>
      <c r="C1670" t="s">
        <v>975</v>
      </c>
      <c r="D1670" t="s">
        <v>976</v>
      </c>
      <c r="E1670" t="s">
        <v>847</v>
      </c>
      <c r="F1670" t="s">
        <v>848</v>
      </c>
      <c r="G1670" t="s">
        <v>80</v>
      </c>
      <c r="H1670" t="s">
        <v>81</v>
      </c>
      <c r="I1670" s="2">
        <v>0</v>
      </c>
      <c r="J1670" s="2">
        <v>1</v>
      </c>
      <c r="K1670" s="2">
        <v>0</v>
      </c>
      <c r="L1670" t="s">
        <v>82</v>
      </c>
      <c r="M1670" t="s">
        <v>83</v>
      </c>
      <c r="N1670" t="s">
        <v>84</v>
      </c>
      <c r="O1670" t="s">
        <v>85</v>
      </c>
      <c r="P1670" t="s">
        <v>86</v>
      </c>
      <c r="Q1670">
        <v>17</v>
      </c>
      <c r="R1670">
        <v>17</v>
      </c>
      <c r="S1670">
        <v>17</v>
      </c>
      <c r="T1670">
        <v>17</v>
      </c>
      <c r="U1670">
        <v>17</v>
      </c>
      <c r="V1670">
        <v>17</v>
      </c>
      <c r="W1670">
        <v>17</v>
      </c>
      <c r="X1670">
        <v>17</v>
      </c>
      <c r="Y1670">
        <v>17</v>
      </c>
      <c r="Z1670">
        <v>17</v>
      </c>
      <c r="AA1670">
        <v>17</v>
      </c>
      <c r="AB1670">
        <v>17</v>
      </c>
      <c r="AC1670">
        <v>17</v>
      </c>
      <c r="AD1670">
        <v>17</v>
      </c>
      <c r="AE1670">
        <v>17</v>
      </c>
      <c r="AF1670">
        <v>17</v>
      </c>
      <c r="AG1670">
        <v>17</v>
      </c>
      <c r="AH1670">
        <v>17</v>
      </c>
      <c r="AI1670">
        <v>17</v>
      </c>
      <c r="AJ1670">
        <v>17</v>
      </c>
      <c r="AK1670">
        <v>17</v>
      </c>
      <c r="AL1670">
        <v>17</v>
      </c>
      <c r="AM1670">
        <v>17</v>
      </c>
      <c r="AN1670">
        <v>17</v>
      </c>
      <c r="AO1670">
        <v>17</v>
      </c>
      <c r="AP1670">
        <v>17</v>
      </c>
      <c r="AQ1670">
        <v>17</v>
      </c>
    </row>
    <row r="1671" spans="1:43">
      <c r="A1671" t="s">
        <v>1110</v>
      </c>
      <c r="B1671" t="s">
        <v>1111</v>
      </c>
      <c r="C1671" t="s">
        <v>975</v>
      </c>
      <c r="D1671" t="s">
        <v>976</v>
      </c>
      <c r="E1671" t="s">
        <v>847</v>
      </c>
      <c r="F1671" t="s">
        <v>848</v>
      </c>
      <c r="G1671" t="s">
        <v>80</v>
      </c>
      <c r="H1671" t="s">
        <v>81</v>
      </c>
      <c r="I1671" s="2">
        <v>0</v>
      </c>
      <c r="J1671" s="2">
        <v>1</v>
      </c>
      <c r="K1671" s="2">
        <v>0</v>
      </c>
      <c r="L1671" t="s">
        <v>82</v>
      </c>
      <c r="M1671" t="s">
        <v>87</v>
      </c>
      <c r="N1671" t="s">
        <v>88</v>
      </c>
      <c r="O1671" t="s">
        <v>85</v>
      </c>
      <c r="P1671" t="s">
        <v>86</v>
      </c>
      <c r="Q1671">
        <v>17</v>
      </c>
      <c r="R1671">
        <v>17</v>
      </c>
      <c r="S1671">
        <v>17</v>
      </c>
      <c r="T1671">
        <v>17</v>
      </c>
      <c r="U1671">
        <v>17</v>
      </c>
      <c r="V1671">
        <v>17</v>
      </c>
      <c r="W1671">
        <v>17</v>
      </c>
      <c r="X1671">
        <v>17</v>
      </c>
      <c r="Y1671">
        <v>17</v>
      </c>
      <c r="Z1671">
        <v>17</v>
      </c>
      <c r="AA1671">
        <v>17</v>
      </c>
      <c r="AB1671">
        <v>17</v>
      </c>
      <c r="AC1671">
        <v>17</v>
      </c>
      <c r="AD1671">
        <v>16</v>
      </c>
      <c r="AE1671">
        <v>16</v>
      </c>
      <c r="AF1671">
        <v>16</v>
      </c>
      <c r="AG1671">
        <v>16</v>
      </c>
      <c r="AH1671">
        <v>16</v>
      </c>
      <c r="AI1671">
        <v>16</v>
      </c>
      <c r="AJ1671">
        <v>16</v>
      </c>
      <c r="AK1671">
        <v>16</v>
      </c>
      <c r="AL1671">
        <v>16</v>
      </c>
      <c r="AM1671">
        <v>16</v>
      </c>
      <c r="AN1671">
        <v>16</v>
      </c>
      <c r="AO1671">
        <v>16</v>
      </c>
      <c r="AP1671">
        <v>16</v>
      </c>
      <c r="AQ1671">
        <v>16</v>
      </c>
    </row>
    <row r="1672" spans="1:43">
      <c r="A1672" t="s">
        <v>1110</v>
      </c>
      <c r="B1672" t="s">
        <v>1111</v>
      </c>
      <c r="C1672" t="s">
        <v>975</v>
      </c>
      <c r="D1672" t="s">
        <v>976</v>
      </c>
      <c r="E1672" t="s">
        <v>847</v>
      </c>
      <c r="F1672" t="s">
        <v>848</v>
      </c>
      <c r="G1672" t="s">
        <v>80</v>
      </c>
      <c r="H1672" t="s">
        <v>81</v>
      </c>
      <c r="I1672" s="2">
        <v>0</v>
      </c>
      <c r="J1672" s="2">
        <v>1</v>
      </c>
      <c r="K1672" s="2">
        <v>0</v>
      </c>
      <c r="L1672" t="s">
        <v>82</v>
      </c>
      <c r="M1672" t="s">
        <v>89</v>
      </c>
      <c r="N1672" t="s">
        <v>90</v>
      </c>
      <c r="O1672" t="s">
        <v>85</v>
      </c>
      <c r="P1672" t="s">
        <v>86</v>
      </c>
      <c r="Q1672">
        <v>17</v>
      </c>
      <c r="R1672">
        <v>17</v>
      </c>
      <c r="S1672">
        <v>17</v>
      </c>
      <c r="T1672">
        <v>17</v>
      </c>
      <c r="U1672">
        <v>18</v>
      </c>
      <c r="V1672">
        <v>18</v>
      </c>
      <c r="W1672">
        <v>18</v>
      </c>
      <c r="X1672">
        <v>18</v>
      </c>
      <c r="Y1672">
        <v>18</v>
      </c>
      <c r="Z1672">
        <v>18</v>
      </c>
      <c r="AA1672">
        <v>18</v>
      </c>
      <c r="AB1672">
        <v>18</v>
      </c>
      <c r="AC1672">
        <v>18</v>
      </c>
      <c r="AD1672">
        <v>19</v>
      </c>
      <c r="AE1672">
        <v>19</v>
      </c>
      <c r="AF1672">
        <v>18</v>
      </c>
      <c r="AG1672">
        <v>18</v>
      </c>
      <c r="AH1672">
        <v>18</v>
      </c>
      <c r="AI1672">
        <v>18</v>
      </c>
      <c r="AJ1672">
        <v>18</v>
      </c>
      <c r="AK1672">
        <v>18</v>
      </c>
      <c r="AL1672">
        <v>18</v>
      </c>
      <c r="AM1672">
        <v>17</v>
      </c>
      <c r="AN1672">
        <v>17</v>
      </c>
      <c r="AO1672">
        <v>17</v>
      </c>
      <c r="AP1672">
        <v>17</v>
      </c>
      <c r="AQ1672">
        <v>17</v>
      </c>
    </row>
    <row r="1673" spans="1:43">
      <c r="A1673" t="s">
        <v>1110</v>
      </c>
      <c r="B1673" t="s">
        <v>1111</v>
      </c>
      <c r="C1673" t="s">
        <v>975</v>
      </c>
      <c r="D1673" t="s">
        <v>976</v>
      </c>
      <c r="E1673" t="s">
        <v>847</v>
      </c>
      <c r="F1673" t="s">
        <v>848</v>
      </c>
      <c r="G1673" t="s">
        <v>80</v>
      </c>
      <c r="H1673" t="s">
        <v>81</v>
      </c>
      <c r="I1673" s="2">
        <v>0</v>
      </c>
      <c r="J1673" s="2">
        <v>1</v>
      </c>
      <c r="K1673" s="2">
        <v>0</v>
      </c>
      <c r="L1673" t="s">
        <v>82</v>
      </c>
      <c r="M1673" t="s">
        <v>83</v>
      </c>
      <c r="N1673" t="s">
        <v>91</v>
      </c>
      <c r="O1673" t="s">
        <v>85</v>
      </c>
      <c r="P1673" t="s">
        <v>86</v>
      </c>
      <c r="Q1673">
        <v>17</v>
      </c>
      <c r="R1673">
        <v>17</v>
      </c>
      <c r="S1673">
        <v>17</v>
      </c>
      <c r="T1673">
        <v>17</v>
      </c>
      <c r="U1673">
        <v>17</v>
      </c>
      <c r="V1673">
        <v>17</v>
      </c>
      <c r="W1673">
        <v>17</v>
      </c>
      <c r="X1673">
        <v>17</v>
      </c>
      <c r="Y1673">
        <v>17</v>
      </c>
      <c r="Z1673">
        <v>17</v>
      </c>
      <c r="AA1673">
        <v>17</v>
      </c>
      <c r="AB1673">
        <v>17</v>
      </c>
      <c r="AC1673">
        <v>17</v>
      </c>
      <c r="AD1673">
        <v>17</v>
      </c>
      <c r="AE1673">
        <v>17</v>
      </c>
      <c r="AF1673">
        <v>17</v>
      </c>
      <c r="AG1673">
        <v>17</v>
      </c>
      <c r="AH1673">
        <v>17</v>
      </c>
      <c r="AI1673">
        <v>17</v>
      </c>
      <c r="AJ1673">
        <v>17</v>
      </c>
      <c r="AK1673">
        <v>17</v>
      </c>
      <c r="AL1673">
        <v>17</v>
      </c>
      <c r="AM1673">
        <v>17</v>
      </c>
      <c r="AN1673">
        <v>17</v>
      </c>
      <c r="AO1673">
        <v>17</v>
      </c>
      <c r="AP1673">
        <v>17</v>
      </c>
      <c r="AQ1673">
        <v>17</v>
      </c>
    </row>
    <row r="1674" spans="1:43">
      <c r="A1674" t="s">
        <v>1112</v>
      </c>
      <c r="B1674" t="s">
        <v>1113</v>
      </c>
      <c r="C1674" t="s">
        <v>961</v>
      </c>
      <c r="D1674" t="s">
        <v>962</v>
      </c>
      <c r="E1674" t="s">
        <v>847</v>
      </c>
      <c r="F1674" t="s">
        <v>848</v>
      </c>
      <c r="G1674" t="s">
        <v>80</v>
      </c>
      <c r="H1674" t="s">
        <v>81</v>
      </c>
      <c r="I1674" s="2">
        <v>0</v>
      </c>
      <c r="J1674" s="2">
        <v>1</v>
      </c>
      <c r="K1674" s="2">
        <v>0</v>
      </c>
      <c r="L1674" t="s">
        <v>82</v>
      </c>
      <c r="M1674" t="s">
        <v>83</v>
      </c>
      <c r="N1674" t="s">
        <v>84</v>
      </c>
      <c r="O1674" t="s">
        <v>85</v>
      </c>
      <c r="P1674" t="s">
        <v>86</v>
      </c>
      <c r="Q1674">
        <v>15</v>
      </c>
      <c r="R1674">
        <v>15</v>
      </c>
      <c r="S1674">
        <v>15</v>
      </c>
      <c r="T1674">
        <v>15</v>
      </c>
      <c r="U1674">
        <v>15</v>
      </c>
      <c r="V1674">
        <v>15</v>
      </c>
      <c r="W1674">
        <v>15</v>
      </c>
      <c r="X1674">
        <v>16</v>
      </c>
      <c r="Y1674">
        <v>16</v>
      </c>
      <c r="Z1674">
        <v>16</v>
      </c>
      <c r="AA1674">
        <v>16</v>
      </c>
      <c r="AB1674">
        <v>16</v>
      </c>
      <c r="AC1674">
        <v>16</v>
      </c>
      <c r="AD1674">
        <v>16</v>
      </c>
      <c r="AE1674">
        <v>16</v>
      </c>
      <c r="AF1674">
        <v>16</v>
      </c>
      <c r="AG1674">
        <v>16</v>
      </c>
      <c r="AH1674">
        <v>16</v>
      </c>
      <c r="AI1674">
        <v>16</v>
      </c>
      <c r="AJ1674">
        <v>16</v>
      </c>
      <c r="AK1674">
        <v>16</v>
      </c>
      <c r="AL1674">
        <v>16</v>
      </c>
      <c r="AM1674">
        <v>16</v>
      </c>
      <c r="AN1674">
        <v>16</v>
      </c>
      <c r="AO1674">
        <v>16</v>
      </c>
      <c r="AP1674">
        <v>16</v>
      </c>
      <c r="AQ1674">
        <v>15</v>
      </c>
    </row>
    <row r="1675" spans="1:43">
      <c r="A1675" t="s">
        <v>1112</v>
      </c>
      <c r="B1675" t="s">
        <v>1113</v>
      </c>
      <c r="C1675" t="s">
        <v>961</v>
      </c>
      <c r="D1675" t="s">
        <v>962</v>
      </c>
      <c r="E1675" t="s">
        <v>847</v>
      </c>
      <c r="F1675" t="s">
        <v>848</v>
      </c>
      <c r="G1675" t="s">
        <v>80</v>
      </c>
      <c r="H1675" t="s">
        <v>81</v>
      </c>
      <c r="I1675" s="2">
        <v>0</v>
      </c>
      <c r="J1675" s="2">
        <v>1</v>
      </c>
      <c r="K1675" s="2">
        <v>0</v>
      </c>
      <c r="L1675" t="s">
        <v>82</v>
      </c>
      <c r="M1675" t="s">
        <v>87</v>
      </c>
      <c r="N1675" t="s">
        <v>88</v>
      </c>
      <c r="O1675" t="s">
        <v>85</v>
      </c>
      <c r="P1675" t="s">
        <v>86</v>
      </c>
      <c r="Q1675">
        <v>15</v>
      </c>
      <c r="R1675">
        <v>15</v>
      </c>
      <c r="S1675">
        <v>15</v>
      </c>
      <c r="T1675">
        <v>15</v>
      </c>
      <c r="U1675">
        <v>15</v>
      </c>
      <c r="V1675">
        <v>15</v>
      </c>
      <c r="W1675">
        <v>15</v>
      </c>
      <c r="X1675">
        <v>14</v>
      </c>
      <c r="Y1675">
        <v>14</v>
      </c>
      <c r="Z1675">
        <v>14</v>
      </c>
      <c r="AA1675">
        <v>14</v>
      </c>
      <c r="AB1675">
        <v>14</v>
      </c>
      <c r="AC1675">
        <v>14</v>
      </c>
      <c r="AD1675">
        <v>14</v>
      </c>
      <c r="AE1675">
        <v>14</v>
      </c>
      <c r="AF1675">
        <v>14</v>
      </c>
      <c r="AG1675">
        <v>14</v>
      </c>
      <c r="AH1675">
        <v>14</v>
      </c>
      <c r="AI1675">
        <v>14</v>
      </c>
      <c r="AJ1675">
        <v>14</v>
      </c>
      <c r="AK1675">
        <v>14</v>
      </c>
      <c r="AL1675">
        <v>14</v>
      </c>
      <c r="AM1675">
        <v>14</v>
      </c>
      <c r="AN1675">
        <v>14</v>
      </c>
      <c r="AO1675">
        <v>14</v>
      </c>
      <c r="AP1675">
        <v>14</v>
      </c>
      <c r="AQ1675">
        <v>13</v>
      </c>
    </row>
    <row r="1676" spans="1:43">
      <c r="A1676" t="s">
        <v>1112</v>
      </c>
      <c r="B1676" t="s">
        <v>1113</v>
      </c>
      <c r="C1676" t="s">
        <v>961</v>
      </c>
      <c r="D1676" t="s">
        <v>962</v>
      </c>
      <c r="E1676" t="s">
        <v>847</v>
      </c>
      <c r="F1676" t="s">
        <v>848</v>
      </c>
      <c r="G1676" t="s">
        <v>80</v>
      </c>
      <c r="H1676" t="s">
        <v>81</v>
      </c>
      <c r="I1676" s="2">
        <v>0</v>
      </c>
      <c r="J1676" s="2">
        <v>1</v>
      </c>
      <c r="K1676" s="2">
        <v>0</v>
      </c>
      <c r="L1676" t="s">
        <v>82</v>
      </c>
      <c r="M1676" t="s">
        <v>89</v>
      </c>
      <c r="N1676" t="s">
        <v>90</v>
      </c>
      <c r="O1676" t="s">
        <v>85</v>
      </c>
      <c r="P1676" t="s">
        <v>86</v>
      </c>
      <c r="Q1676">
        <v>15</v>
      </c>
      <c r="R1676">
        <v>15</v>
      </c>
      <c r="S1676">
        <v>16</v>
      </c>
      <c r="T1676">
        <v>16</v>
      </c>
      <c r="U1676">
        <v>16</v>
      </c>
      <c r="V1676">
        <v>16</v>
      </c>
      <c r="W1676">
        <v>16</v>
      </c>
      <c r="X1676">
        <v>16</v>
      </c>
      <c r="Y1676">
        <v>16</v>
      </c>
      <c r="Z1676">
        <v>17</v>
      </c>
      <c r="AA1676">
        <v>17</v>
      </c>
      <c r="AB1676">
        <v>17</v>
      </c>
      <c r="AC1676">
        <v>17</v>
      </c>
      <c r="AD1676">
        <v>17</v>
      </c>
      <c r="AE1676">
        <v>17</v>
      </c>
      <c r="AF1676">
        <v>17</v>
      </c>
      <c r="AG1676">
        <v>17</v>
      </c>
      <c r="AH1676">
        <v>17</v>
      </c>
      <c r="AI1676">
        <v>16</v>
      </c>
      <c r="AJ1676">
        <v>16</v>
      </c>
      <c r="AK1676">
        <v>16</v>
      </c>
      <c r="AL1676">
        <v>16</v>
      </c>
      <c r="AM1676">
        <v>16</v>
      </c>
      <c r="AN1676">
        <v>16</v>
      </c>
      <c r="AO1676">
        <v>16</v>
      </c>
      <c r="AP1676">
        <v>16</v>
      </c>
      <c r="AQ1676">
        <v>16</v>
      </c>
    </row>
    <row r="1677" spans="1:43">
      <c r="A1677" t="s">
        <v>1112</v>
      </c>
      <c r="B1677" t="s">
        <v>1113</v>
      </c>
      <c r="C1677" t="s">
        <v>961</v>
      </c>
      <c r="D1677" t="s">
        <v>962</v>
      </c>
      <c r="E1677" t="s">
        <v>847</v>
      </c>
      <c r="F1677" t="s">
        <v>848</v>
      </c>
      <c r="G1677" t="s">
        <v>80</v>
      </c>
      <c r="H1677" t="s">
        <v>81</v>
      </c>
      <c r="I1677" s="2">
        <v>0</v>
      </c>
      <c r="J1677" s="2">
        <v>1</v>
      </c>
      <c r="K1677" s="2">
        <v>0</v>
      </c>
      <c r="L1677" t="s">
        <v>82</v>
      </c>
      <c r="M1677" t="s">
        <v>83</v>
      </c>
      <c r="N1677" t="s">
        <v>91</v>
      </c>
      <c r="O1677" t="s">
        <v>85</v>
      </c>
      <c r="P1677" t="s">
        <v>86</v>
      </c>
      <c r="Q1677">
        <v>15</v>
      </c>
      <c r="R1677">
        <v>15</v>
      </c>
      <c r="S1677">
        <v>15</v>
      </c>
      <c r="T1677">
        <v>15</v>
      </c>
      <c r="U1677">
        <v>15</v>
      </c>
      <c r="V1677">
        <v>15</v>
      </c>
      <c r="W1677">
        <v>15</v>
      </c>
      <c r="X1677">
        <v>16</v>
      </c>
      <c r="Y1677">
        <v>16</v>
      </c>
      <c r="Z1677">
        <v>16</v>
      </c>
      <c r="AA1677">
        <v>16</v>
      </c>
      <c r="AB1677">
        <v>16</v>
      </c>
      <c r="AC1677">
        <v>16</v>
      </c>
      <c r="AD1677">
        <v>16</v>
      </c>
      <c r="AE1677">
        <v>16</v>
      </c>
      <c r="AF1677">
        <v>16</v>
      </c>
      <c r="AG1677">
        <v>16</v>
      </c>
      <c r="AH1677">
        <v>16</v>
      </c>
      <c r="AI1677">
        <v>16</v>
      </c>
      <c r="AJ1677">
        <v>16</v>
      </c>
      <c r="AK1677">
        <v>16</v>
      </c>
      <c r="AL1677">
        <v>16</v>
      </c>
      <c r="AM1677">
        <v>16</v>
      </c>
      <c r="AN1677">
        <v>16</v>
      </c>
      <c r="AO1677">
        <v>16</v>
      </c>
      <c r="AP1677">
        <v>16</v>
      </c>
      <c r="AQ1677">
        <v>15</v>
      </c>
    </row>
    <row r="1678" spans="1:43">
      <c r="A1678" t="s">
        <v>1114</v>
      </c>
      <c r="B1678" t="s">
        <v>1115</v>
      </c>
      <c r="C1678" t="s">
        <v>925</v>
      </c>
      <c r="D1678" t="s">
        <v>926</v>
      </c>
      <c r="E1678" t="s">
        <v>847</v>
      </c>
      <c r="F1678" t="s">
        <v>848</v>
      </c>
      <c r="G1678" t="s">
        <v>80</v>
      </c>
      <c r="H1678" t="s">
        <v>81</v>
      </c>
      <c r="I1678" s="2">
        <v>0</v>
      </c>
      <c r="J1678" s="2">
        <v>1</v>
      </c>
      <c r="K1678" s="2">
        <v>0</v>
      </c>
      <c r="L1678" t="s">
        <v>82</v>
      </c>
      <c r="M1678" t="s">
        <v>83</v>
      </c>
      <c r="N1678" t="s">
        <v>84</v>
      </c>
      <c r="O1678" t="s">
        <v>85</v>
      </c>
      <c r="P1678" t="s">
        <v>86</v>
      </c>
      <c r="Q1678">
        <v>17</v>
      </c>
      <c r="R1678">
        <v>17</v>
      </c>
      <c r="S1678">
        <v>17</v>
      </c>
      <c r="T1678">
        <v>17</v>
      </c>
      <c r="U1678">
        <v>18</v>
      </c>
      <c r="V1678">
        <v>18</v>
      </c>
      <c r="W1678">
        <v>18</v>
      </c>
      <c r="X1678">
        <v>18</v>
      </c>
      <c r="Y1678">
        <v>18</v>
      </c>
      <c r="Z1678">
        <v>18</v>
      </c>
      <c r="AA1678">
        <v>18</v>
      </c>
      <c r="AB1678">
        <v>18</v>
      </c>
      <c r="AC1678">
        <v>18</v>
      </c>
      <c r="AD1678">
        <v>18</v>
      </c>
      <c r="AE1678">
        <v>18</v>
      </c>
      <c r="AF1678">
        <v>18</v>
      </c>
      <c r="AG1678">
        <v>18</v>
      </c>
      <c r="AH1678">
        <v>18</v>
      </c>
      <c r="AI1678">
        <v>18</v>
      </c>
      <c r="AJ1678">
        <v>18</v>
      </c>
      <c r="AK1678">
        <v>18</v>
      </c>
      <c r="AL1678">
        <v>18</v>
      </c>
      <c r="AM1678">
        <v>18</v>
      </c>
      <c r="AN1678">
        <v>18</v>
      </c>
      <c r="AO1678">
        <v>18</v>
      </c>
      <c r="AP1678">
        <v>17</v>
      </c>
      <c r="AQ1678">
        <v>17</v>
      </c>
    </row>
    <row r="1679" spans="1:43">
      <c r="A1679" t="s">
        <v>1114</v>
      </c>
      <c r="B1679" t="s">
        <v>1115</v>
      </c>
      <c r="C1679" t="s">
        <v>925</v>
      </c>
      <c r="D1679" t="s">
        <v>926</v>
      </c>
      <c r="E1679" t="s">
        <v>847</v>
      </c>
      <c r="F1679" t="s">
        <v>848</v>
      </c>
      <c r="G1679" t="s">
        <v>80</v>
      </c>
      <c r="H1679" t="s">
        <v>81</v>
      </c>
      <c r="I1679" s="2">
        <v>0</v>
      </c>
      <c r="J1679" s="2">
        <v>1</v>
      </c>
      <c r="K1679" s="2">
        <v>0</v>
      </c>
      <c r="L1679" t="s">
        <v>82</v>
      </c>
      <c r="M1679" t="s">
        <v>87</v>
      </c>
      <c r="N1679" t="s">
        <v>88</v>
      </c>
      <c r="O1679" t="s">
        <v>85</v>
      </c>
      <c r="P1679" t="s">
        <v>86</v>
      </c>
      <c r="Q1679">
        <v>17</v>
      </c>
      <c r="R1679">
        <v>17</v>
      </c>
      <c r="S1679">
        <v>17</v>
      </c>
      <c r="T1679">
        <v>17</v>
      </c>
      <c r="U1679">
        <v>17</v>
      </c>
      <c r="V1679">
        <v>17</v>
      </c>
      <c r="W1679">
        <v>17</v>
      </c>
      <c r="X1679">
        <v>16</v>
      </c>
      <c r="Y1679">
        <v>16</v>
      </c>
      <c r="Z1679">
        <v>16</v>
      </c>
      <c r="AA1679">
        <v>16</v>
      </c>
      <c r="AB1679">
        <v>16</v>
      </c>
      <c r="AC1679">
        <v>16</v>
      </c>
      <c r="AD1679">
        <v>16</v>
      </c>
      <c r="AE1679">
        <v>16</v>
      </c>
      <c r="AF1679">
        <v>16</v>
      </c>
      <c r="AG1679">
        <v>16</v>
      </c>
      <c r="AH1679">
        <v>16</v>
      </c>
      <c r="AI1679">
        <v>16</v>
      </c>
      <c r="AJ1679">
        <v>16</v>
      </c>
      <c r="AK1679">
        <v>15</v>
      </c>
      <c r="AL1679">
        <v>15</v>
      </c>
      <c r="AM1679">
        <v>15</v>
      </c>
      <c r="AN1679">
        <v>15</v>
      </c>
      <c r="AO1679">
        <v>15</v>
      </c>
      <c r="AP1679">
        <v>15</v>
      </c>
      <c r="AQ1679">
        <v>15</v>
      </c>
    </row>
    <row r="1680" spans="1:43">
      <c r="A1680" t="s">
        <v>1114</v>
      </c>
      <c r="B1680" t="s">
        <v>1115</v>
      </c>
      <c r="C1680" t="s">
        <v>925</v>
      </c>
      <c r="D1680" t="s">
        <v>926</v>
      </c>
      <c r="E1680" t="s">
        <v>847</v>
      </c>
      <c r="F1680" t="s">
        <v>848</v>
      </c>
      <c r="G1680" t="s">
        <v>80</v>
      </c>
      <c r="H1680" t="s">
        <v>81</v>
      </c>
      <c r="I1680" s="2">
        <v>0</v>
      </c>
      <c r="J1680" s="2">
        <v>1</v>
      </c>
      <c r="K1680" s="2">
        <v>0</v>
      </c>
      <c r="L1680" t="s">
        <v>82</v>
      </c>
      <c r="M1680" t="s">
        <v>89</v>
      </c>
      <c r="N1680" t="s">
        <v>90</v>
      </c>
      <c r="O1680" t="s">
        <v>85</v>
      </c>
      <c r="P1680" t="s">
        <v>86</v>
      </c>
      <c r="Q1680">
        <v>17</v>
      </c>
      <c r="R1680">
        <v>18</v>
      </c>
      <c r="S1680">
        <v>18</v>
      </c>
      <c r="T1680">
        <v>18</v>
      </c>
      <c r="U1680">
        <v>18</v>
      </c>
      <c r="V1680">
        <v>18</v>
      </c>
      <c r="W1680">
        <v>19</v>
      </c>
      <c r="X1680">
        <v>19</v>
      </c>
      <c r="Y1680">
        <v>19</v>
      </c>
      <c r="Z1680">
        <v>19</v>
      </c>
      <c r="AA1680">
        <v>19</v>
      </c>
      <c r="AB1680">
        <v>19</v>
      </c>
      <c r="AC1680">
        <v>19</v>
      </c>
      <c r="AD1680">
        <v>19</v>
      </c>
      <c r="AE1680">
        <v>19</v>
      </c>
      <c r="AF1680">
        <v>19</v>
      </c>
      <c r="AG1680">
        <v>19</v>
      </c>
      <c r="AH1680">
        <v>19</v>
      </c>
      <c r="AI1680">
        <v>19</v>
      </c>
      <c r="AJ1680">
        <v>19</v>
      </c>
      <c r="AK1680">
        <v>18</v>
      </c>
      <c r="AL1680">
        <v>18</v>
      </c>
      <c r="AM1680">
        <v>18</v>
      </c>
      <c r="AN1680">
        <v>18</v>
      </c>
      <c r="AO1680">
        <v>18</v>
      </c>
      <c r="AP1680">
        <v>18</v>
      </c>
      <c r="AQ1680">
        <v>18</v>
      </c>
    </row>
    <row r="1681" spans="1:43">
      <c r="A1681" t="s">
        <v>1114</v>
      </c>
      <c r="B1681" t="s">
        <v>1115</v>
      </c>
      <c r="C1681" t="s">
        <v>925</v>
      </c>
      <c r="D1681" t="s">
        <v>926</v>
      </c>
      <c r="E1681" t="s">
        <v>847</v>
      </c>
      <c r="F1681" t="s">
        <v>848</v>
      </c>
      <c r="G1681" t="s">
        <v>80</v>
      </c>
      <c r="H1681" t="s">
        <v>81</v>
      </c>
      <c r="I1681" s="2">
        <v>0</v>
      </c>
      <c r="J1681" s="2">
        <v>1</v>
      </c>
      <c r="K1681" s="2">
        <v>0</v>
      </c>
      <c r="L1681" t="s">
        <v>82</v>
      </c>
      <c r="M1681" t="s">
        <v>83</v>
      </c>
      <c r="N1681" t="s">
        <v>91</v>
      </c>
      <c r="O1681" t="s">
        <v>85</v>
      </c>
      <c r="P1681" t="s">
        <v>86</v>
      </c>
      <c r="Q1681">
        <v>17</v>
      </c>
      <c r="R1681">
        <v>17</v>
      </c>
      <c r="S1681">
        <v>17</v>
      </c>
      <c r="T1681">
        <v>17</v>
      </c>
      <c r="U1681">
        <v>18</v>
      </c>
      <c r="V1681">
        <v>18</v>
      </c>
      <c r="W1681">
        <v>18</v>
      </c>
      <c r="X1681">
        <v>18</v>
      </c>
      <c r="Y1681">
        <v>18</v>
      </c>
      <c r="Z1681">
        <v>18</v>
      </c>
      <c r="AA1681">
        <v>18</v>
      </c>
      <c r="AB1681">
        <v>18</v>
      </c>
      <c r="AC1681">
        <v>18</v>
      </c>
      <c r="AD1681">
        <v>18</v>
      </c>
      <c r="AE1681">
        <v>18</v>
      </c>
      <c r="AF1681">
        <v>18</v>
      </c>
      <c r="AG1681">
        <v>18</v>
      </c>
      <c r="AH1681">
        <v>18</v>
      </c>
      <c r="AI1681">
        <v>18</v>
      </c>
      <c r="AJ1681">
        <v>18</v>
      </c>
      <c r="AK1681">
        <v>18</v>
      </c>
      <c r="AL1681">
        <v>18</v>
      </c>
      <c r="AM1681">
        <v>18</v>
      </c>
      <c r="AN1681">
        <v>18</v>
      </c>
      <c r="AO1681">
        <v>18</v>
      </c>
      <c r="AP1681">
        <v>17</v>
      </c>
      <c r="AQ1681">
        <v>17</v>
      </c>
    </row>
    <row r="1682" spans="1:43">
      <c r="A1682" t="s">
        <v>1116</v>
      </c>
      <c r="B1682" t="s">
        <v>1117</v>
      </c>
      <c r="C1682" t="s">
        <v>1118</v>
      </c>
      <c r="D1682" t="s">
        <v>1119</v>
      </c>
      <c r="E1682" t="s">
        <v>847</v>
      </c>
      <c r="F1682" t="s">
        <v>848</v>
      </c>
      <c r="G1682" t="s">
        <v>80</v>
      </c>
      <c r="H1682" t="s">
        <v>81</v>
      </c>
      <c r="I1682" s="2">
        <v>0</v>
      </c>
      <c r="J1682" s="2">
        <v>1</v>
      </c>
      <c r="K1682" s="2">
        <v>0</v>
      </c>
      <c r="L1682" t="s">
        <v>82</v>
      </c>
      <c r="M1682" t="s">
        <v>83</v>
      </c>
      <c r="N1682" t="s">
        <v>84</v>
      </c>
      <c r="O1682" t="s">
        <v>85</v>
      </c>
      <c r="P1682" t="s">
        <v>86</v>
      </c>
      <c r="Q1682">
        <v>3</v>
      </c>
      <c r="R1682">
        <v>3</v>
      </c>
      <c r="S1682">
        <v>3</v>
      </c>
      <c r="T1682">
        <v>3</v>
      </c>
      <c r="U1682">
        <v>3</v>
      </c>
      <c r="V1682">
        <v>3</v>
      </c>
      <c r="W1682">
        <v>3</v>
      </c>
      <c r="X1682">
        <v>3</v>
      </c>
      <c r="Y1682">
        <v>3</v>
      </c>
      <c r="Z1682">
        <v>3</v>
      </c>
      <c r="AA1682">
        <v>3</v>
      </c>
      <c r="AB1682">
        <v>3</v>
      </c>
      <c r="AC1682">
        <v>3</v>
      </c>
      <c r="AD1682">
        <v>3</v>
      </c>
      <c r="AE1682">
        <v>3</v>
      </c>
      <c r="AF1682">
        <v>4</v>
      </c>
      <c r="AG1682">
        <v>4</v>
      </c>
      <c r="AH1682">
        <v>4</v>
      </c>
      <c r="AI1682">
        <v>4</v>
      </c>
      <c r="AJ1682">
        <v>4</v>
      </c>
      <c r="AK1682">
        <v>4</v>
      </c>
      <c r="AL1682">
        <v>4</v>
      </c>
      <c r="AM1682">
        <v>4</v>
      </c>
      <c r="AN1682">
        <v>4</v>
      </c>
      <c r="AO1682">
        <v>3</v>
      </c>
      <c r="AP1682">
        <v>3</v>
      </c>
      <c r="AQ1682">
        <v>3</v>
      </c>
    </row>
    <row r="1683" spans="1:43">
      <c r="A1683" t="s">
        <v>1116</v>
      </c>
      <c r="B1683" t="s">
        <v>1117</v>
      </c>
      <c r="C1683" t="s">
        <v>1118</v>
      </c>
      <c r="D1683" t="s">
        <v>1119</v>
      </c>
      <c r="E1683" t="s">
        <v>847</v>
      </c>
      <c r="F1683" t="s">
        <v>848</v>
      </c>
      <c r="G1683" t="s">
        <v>80</v>
      </c>
      <c r="H1683" t="s">
        <v>81</v>
      </c>
      <c r="I1683" s="2">
        <v>0</v>
      </c>
      <c r="J1683" s="2">
        <v>1</v>
      </c>
      <c r="K1683" s="2">
        <v>0</v>
      </c>
      <c r="L1683" t="s">
        <v>82</v>
      </c>
      <c r="M1683" t="s">
        <v>87</v>
      </c>
      <c r="N1683" t="s">
        <v>88</v>
      </c>
      <c r="O1683" t="s">
        <v>85</v>
      </c>
      <c r="P1683" t="s">
        <v>86</v>
      </c>
      <c r="Q1683">
        <v>3</v>
      </c>
      <c r="R1683">
        <v>3</v>
      </c>
      <c r="S1683">
        <v>3</v>
      </c>
      <c r="T1683">
        <v>3</v>
      </c>
      <c r="U1683">
        <v>3</v>
      </c>
      <c r="V1683">
        <v>3</v>
      </c>
      <c r="W1683">
        <v>3</v>
      </c>
      <c r="X1683">
        <v>3</v>
      </c>
      <c r="Y1683">
        <v>3</v>
      </c>
      <c r="Z1683">
        <v>3</v>
      </c>
      <c r="AA1683">
        <v>3</v>
      </c>
      <c r="AB1683">
        <v>3</v>
      </c>
      <c r="AC1683">
        <v>3</v>
      </c>
      <c r="AD1683">
        <v>3</v>
      </c>
      <c r="AE1683">
        <v>3</v>
      </c>
      <c r="AF1683">
        <v>3</v>
      </c>
      <c r="AG1683">
        <v>3</v>
      </c>
      <c r="AH1683">
        <v>3</v>
      </c>
      <c r="AI1683">
        <v>3</v>
      </c>
      <c r="AJ1683">
        <v>3</v>
      </c>
      <c r="AK1683">
        <v>3</v>
      </c>
      <c r="AL1683">
        <v>3</v>
      </c>
      <c r="AM1683">
        <v>3</v>
      </c>
      <c r="AN1683">
        <v>3</v>
      </c>
      <c r="AO1683">
        <v>3</v>
      </c>
      <c r="AP1683">
        <v>3</v>
      </c>
      <c r="AQ1683">
        <v>3</v>
      </c>
    </row>
    <row r="1684" spans="1:43">
      <c r="A1684" t="s">
        <v>1116</v>
      </c>
      <c r="B1684" t="s">
        <v>1117</v>
      </c>
      <c r="C1684" t="s">
        <v>1118</v>
      </c>
      <c r="D1684" t="s">
        <v>1119</v>
      </c>
      <c r="E1684" t="s">
        <v>847</v>
      </c>
      <c r="F1684" t="s">
        <v>848</v>
      </c>
      <c r="G1684" t="s">
        <v>80</v>
      </c>
      <c r="H1684" t="s">
        <v>81</v>
      </c>
      <c r="I1684" s="2">
        <v>0</v>
      </c>
      <c r="J1684" s="2">
        <v>1</v>
      </c>
      <c r="K1684" s="2">
        <v>0</v>
      </c>
      <c r="L1684" t="s">
        <v>82</v>
      </c>
      <c r="M1684" t="s">
        <v>89</v>
      </c>
      <c r="N1684" t="s">
        <v>90</v>
      </c>
      <c r="O1684" t="s">
        <v>85</v>
      </c>
      <c r="P1684" t="s">
        <v>86</v>
      </c>
      <c r="Q1684">
        <v>3</v>
      </c>
      <c r="R1684">
        <v>3</v>
      </c>
      <c r="S1684">
        <v>3</v>
      </c>
      <c r="T1684">
        <v>3</v>
      </c>
      <c r="U1684">
        <v>3</v>
      </c>
      <c r="V1684">
        <v>4</v>
      </c>
      <c r="W1684">
        <v>4</v>
      </c>
      <c r="X1684">
        <v>4</v>
      </c>
      <c r="Y1684">
        <v>4</v>
      </c>
      <c r="Z1684">
        <v>4</v>
      </c>
      <c r="AA1684">
        <v>4</v>
      </c>
      <c r="AB1684">
        <v>4</v>
      </c>
      <c r="AC1684">
        <v>4</v>
      </c>
      <c r="AD1684">
        <v>4</v>
      </c>
      <c r="AE1684">
        <v>4</v>
      </c>
      <c r="AF1684">
        <v>4</v>
      </c>
      <c r="AG1684">
        <v>4</v>
      </c>
      <c r="AH1684">
        <v>4</v>
      </c>
      <c r="AI1684">
        <v>4</v>
      </c>
      <c r="AJ1684">
        <v>4</v>
      </c>
      <c r="AK1684">
        <v>4</v>
      </c>
      <c r="AL1684">
        <v>4</v>
      </c>
      <c r="AM1684">
        <v>4</v>
      </c>
      <c r="AN1684">
        <v>4</v>
      </c>
      <c r="AO1684">
        <v>4</v>
      </c>
      <c r="AP1684">
        <v>4</v>
      </c>
      <c r="AQ1684">
        <v>3</v>
      </c>
    </row>
    <row r="1685" spans="1:43">
      <c r="A1685" t="s">
        <v>1116</v>
      </c>
      <c r="B1685" t="s">
        <v>1117</v>
      </c>
      <c r="C1685" t="s">
        <v>1118</v>
      </c>
      <c r="D1685" t="s">
        <v>1119</v>
      </c>
      <c r="E1685" t="s">
        <v>847</v>
      </c>
      <c r="F1685" t="s">
        <v>848</v>
      </c>
      <c r="G1685" t="s">
        <v>80</v>
      </c>
      <c r="H1685" t="s">
        <v>81</v>
      </c>
      <c r="I1685" s="2">
        <v>0</v>
      </c>
      <c r="J1685" s="2">
        <v>1</v>
      </c>
      <c r="K1685" s="2">
        <v>0</v>
      </c>
      <c r="L1685" t="s">
        <v>82</v>
      </c>
      <c r="M1685" t="s">
        <v>83</v>
      </c>
      <c r="N1685" t="s">
        <v>91</v>
      </c>
      <c r="O1685" t="s">
        <v>85</v>
      </c>
      <c r="P1685" t="s">
        <v>86</v>
      </c>
      <c r="Q1685">
        <v>3</v>
      </c>
      <c r="R1685">
        <v>3</v>
      </c>
      <c r="S1685">
        <v>3</v>
      </c>
      <c r="T1685">
        <v>3</v>
      </c>
      <c r="U1685">
        <v>3</v>
      </c>
      <c r="V1685">
        <v>3</v>
      </c>
      <c r="W1685">
        <v>3</v>
      </c>
      <c r="X1685">
        <v>3</v>
      </c>
      <c r="Y1685">
        <v>3</v>
      </c>
      <c r="Z1685">
        <v>3</v>
      </c>
      <c r="AA1685">
        <v>3</v>
      </c>
      <c r="AB1685">
        <v>3</v>
      </c>
      <c r="AC1685">
        <v>3</v>
      </c>
      <c r="AD1685">
        <v>3</v>
      </c>
      <c r="AE1685">
        <v>3</v>
      </c>
      <c r="AF1685">
        <v>4</v>
      </c>
      <c r="AG1685">
        <v>4</v>
      </c>
      <c r="AH1685">
        <v>4</v>
      </c>
      <c r="AI1685">
        <v>4</v>
      </c>
      <c r="AJ1685">
        <v>4</v>
      </c>
      <c r="AK1685">
        <v>4</v>
      </c>
      <c r="AL1685">
        <v>4</v>
      </c>
      <c r="AM1685">
        <v>4</v>
      </c>
      <c r="AN1685">
        <v>4</v>
      </c>
      <c r="AO1685">
        <v>3</v>
      </c>
      <c r="AP1685">
        <v>3</v>
      </c>
      <c r="AQ1685">
        <v>3</v>
      </c>
    </row>
    <row r="1686" spans="1:43">
      <c r="A1686" t="s">
        <v>1120</v>
      </c>
      <c r="B1686" t="s">
        <v>1121</v>
      </c>
      <c r="C1686" t="s">
        <v>1118</v>
      </c>
      <c r="D1686" t="s">
        <v>1119</v>
      </c>
      <c r="E1686" t="s">
        <v>847</v>
      </c>
      <c r="F1686" t="s">
        <v>848</v>
      </c>
      <c r="G1686" t="s">
        <v>80</v>
      </c>
      <c r="H1686" t="s">
        <v>81</v>
      </c>
      <c r="I1686" s="2">
        <v>0</v>
      </c>
      <c r="J1686" s="2">
        <v>1</v>
      </c>
      <c r="K1686" s="2">
        <v>0</v>
      </c>
      <c r="L1686" t="s">
        <v>82</v>
      </c>
      <c r="M1686" t="s">
        <v>83</v>
      </c>
      <c r="N1686" t="s">
        <v>84</v>
      </c>
      <c r="O1686" t="s">
        <v>85</v>
      </c>
      <c r="P1686" t="s">
        <v>86</v>
      </c>
      <c r="Q1686">
        <v>3</v>
      </c>
      <c r="R1686">
        <v>3</v>
      </c>
      <c r="S1686">
        <v>3</v>
      </c>
      <c r="T1686">
        <v>3</v>
      </c>
      <c r="U1686">
        <v>3</v>
      </c>
      <c r="V1686">
        <v>3</v>
      </c>
      <c r="W1686">
        <v>3</v>
      </c>
      <c r="X1686">
        <v>3</v>
      </c>
      <c r="Y1686">
        <v>3</v>
      </c>
      <c r="Z1686">
        <v>3</v>
      </c>
      <c r="AA1686">
        <v>3</v>
      </c>
      <c r="AB1686">
        <v>3</v>
      </c>
      <c r="AC1686">
        <v>3</v>
      </c>
      <c r="AD1686">
        <v>3</v>
      </c>
      <c r="AE1686">
        <v>3</v>
      </c>
      <c r="AF1686">
        <v>3</v>
      </c>
      <c r="AG1686">
        <v>3</v>
      </c>
      <c r="AH1686">
        <v>3</v>
      </c>
      <c r="AI1686">
        <v>3</v>
      </c>
      <c r="AJ1686">
        <v>3</v>
      </c>
      <c r="AK1686">
        <v>3</v>
      </c>
      <c r="AL1686">
        <v>3</v>
      </c>
      <c r="AM1686">
        <v>3</v>
      </c>
      <c r="AN1686">
        <v>3</v>
      </c>
      <c r="AO1686">
        <v>3</v>
      </c>
      <c r="AP1686">
        <v>3</v>
      </c>
      <c r="AQ1686">
        <v>3</v>
      </c>
    </row>
    <row r="1687" spans="1:43">
      <c r="A1687" t="s">
        <v>1120</v>
      </c>
      <c r="B1687" t="s">
        <v>1121</v>
      </c>
      <c r="C1687" t="s">
        <v>1118</v>
      </c>
      <c r="D1687" t="s">
        <v>1119</v>
      </c>
      <c r="E1687" t="s">
        <v>847</v>
      </c>
      <c r="F1687" t="s">
        <v>848</v>
      </c>
      <c r="G1687" t="s">
        <v>80</v>
      </c>
      <c r="H1687" t="s">
        <v>81</v>
      </c>
      <c r="I1687" s="2">
        <v>0</v>
      </c>
      <c r="J1687" s="2">
        <v>1</v>
      </c>
      <c r="K1687" s="2">
        <v>0</v>
      </c>
      <c r="L1687" t="s">
        <v>82</v>
      </c>
      <c r="M1687" t="s">
        <v>87</v>
      </c>
      <c r="N1687" t="s">
        <v>88</v>
      </c>
      <c r="O1687" t="s">
        <v>85</v>
      </c>
      <c r="P1687" t="s">
        <v>86</v>
      </c>
      <c r="Q1687">
        <v>3</v>
      </c>
      <c r="R1687">
        <v>3</v>
      </c>
      <c r="S1687">
        <v>3</v>
      </c>
      <c r="T1687">
        <v>3</v>
      </c>
      <c r="U1687">
        <v>3</v>
      </c>
      <c r="V1687">
        <v>3</v>
      </c>
      <c r="W1687">
        <v>3</v>
      </c>
      <c r="X1687">
        <v>3</v>
      </c>
      <c r="Y1687">
        <v>3</v>
      </c>
      <c r="Z1687">
        <v>3</v>
      </c>
      <c r="AA1687">
        <v>3</v>
      </c>
      <c r="AB1687">
        <v>3</v>
      </c>
      <c r="AC1687">
        <v>3</v>
      </c>
      <c r="AD1687">
        <v>3</v>
      </c>
      <c r="AE1687">
        <v>3</v>
      </c>
      <c r="AF1687">
        <v>3</v>
      </c>
      <c r="AG1687">
        <v>3</v>
      </c>
      <c r="AH1687">
        <v>3</v>
      </c>
      <c r="AI1687">
        <v>3</v>
      </c>
      <c r="AJ1687">
        <v>3</v>
      </c>
      <c r="AK1687">
        <v>3</v>
      </c>
      <c r="AL1687">
        <v>3</v>
      </c>
      <c r="AM1687">
        <v>3</v>
      </c>
      <c r="AN1687">
        <v>3</v>
      </c>
      <c r="AO1687">
        <v>3</v>
      </c>
      <c r="AP1687">
        <v>3</v>
      </c>
      <c r="AQ1687">
        <v>3</v>
      </c>
    </row>
    <row r="1688" spans="1:43">
      <c r="A1688" t="s">
        <v>1120</v>
      </c>
      <c r="B1688" t="s">
        <v>1121</v>
      </c>
      <c r="C1688" t="s">
        <v>1118</v>
      </c>
      <c r="D1688" t="s">
        <v>1119</v>
      </c>
      <c r="E1688" t="s">
        <v>847</v>
      </c>
      <c r="F1688" t="s">
        <v>848</v>
      </c>
      <c r="G1688" t="s">
        <v>80</v>
      </c>
      <c r="H1688" t="s">
        <v>81</v>
      </c>
      <c r="I1688" s="2">
        <v>0</v>
      </c>
      <c r="J1688" s="2">
        <v>1</v>
      </c>
      <c r="K1688" s="2">
        <v>0</v>
      </c>
      <c r="L1688" t="s">
        <v>82</v>
      </c>
      <c r="M1688" t="s">
        <v>89</v>
      </c>
      <c r="N1688" t="s">
        <v>90</v>
      </c>
      <c r="O1688" t="s">
        <v>85</v>
      </c>
      <c r="P1688" t="s">
        <v>86</v>
      </c>
      <c r="Q1688">
        <v>3</v>
      </c>
      <c r="R1688">
        <v>3</v>
      </c>
      <c r="S1688">
        <v>3</v>
      </c>
      <c r="T1688">
        <v>3</v>
      </c>
      <c r="U1688">
        <v>3</v>
      </c>
      <c r="V1688">
        <v>3</v>
      </c>
      <c r="W1688">
        <v>3</v>
      </c>
      <c r="X1688">
        <v>3</v>
      </c>
      <c r="Y1688">
        <v>3</v>
      </c>
      <c r="Z1688">
        <v>3</v>
      </c>
      <c r="AA1688">
        <v>3</v>
      </c>
      <c r="AB1688">
        <v>3</v>
      </c>
      <c r="AC1688">
        <v>3</v>
      </c>
      <c r="AD1688">
        <v>3</v>
      </c>
      <c r="AE1688">
        <v>3</v>
      </c>
      <c r="AF1688">
        <v>3</v>
      </c>
      <c r="AG1688">
        <v>3</v>
      </c>
      <c r="AH1688">
        <v>3</v>
      </c>
      <c r="AI1688">
        <v>3</v>
      </c>
      <c r="AJ1688">
        <v>3</v>
      </c>
      <c r="AK1688">
        <v>3</v>
      </c>
      <c r="AL1688">
        <v>3</v>
      </c>
      <c r="AM1688">
        <v>3</v>
      </c>
      <c r="AN1688">
        <v>3</v>
      </c>
      <c r="AO1688">
        <v>3</v>
      </c>
      <c r="AP1688">
        <v>3</v>
      </c>
      <c r="AQ1688">
        <v>3</v>
      </c>
    </row>
    <row r="1689" spans="1:43">
      <c r="A1689" t="s">
        <v>1120</v>
      </c>
      <c r="B1689" t="s">
        <v>1121</v>
      </c>
      <c r="C1689" t="s">
        <v>1118</v>
      </c>
      <c r="D1689" t="s">
        <v>1119</v>
      </c>
      <c r="E1689" t="s">
        <v>847</v>
      </c>
      <c r="F1689" t="s">
        <v>848</v>
      </c>
      <c r="G1689" t="s">
        <v>80</v>
      </c>
      <c r="H1689" t="s">
        <v>81</v>
      </c>
      <c r="I1689" s="2">
        <v>0</v>
      </c>
      <c r="J1689" s="2">
        <v>1</v>
      </c>
      <c r="K1689" s="2">
        <v>0</v>
      </c>
      <c r="L1689" t="s">
        <v>82</v>
      </c>
      <c r="M1689" t="s">
        <v>83</v>
      </c>
      <c r="N1689" t="s">
        <v>91</v>
      </c>
      <c r="O1689" t="s">
        <v>85</v>
      </c>
      <c r="P1689" t="s">
        <v>86</v>
      </c>
      <c r="Q1689">
        <v>3</v>
      </c>
      <c r="R1689">
        <v>3</v>
      </c>
      <c r="S1689">
        <v>3</v>
      </c>
      <c r="T1689">
        <v>3</v>
      </c>
      <c r="U1689">
        <v>3</v>
      </c>
      <c r="V1689">
        <v>3</v>
      </c>
      <c r="W1689">
        <v>3</v>
      </c>
      <c r="X1689">
        <v>3</v>
      </c>
      <c r="Y1689">
        <v>3</v>
      </c>
      <c r="Z1689">
        <v>3</v>
      </c>
      <c r="AA1689">
        <v>3</v>
      </c>
      <c r="AB1689">
        <v>3</v>
      </c>
      <c r="AC1689">
        <v>3</v>
      </c>
      <c r="AD1689">
        <v>3</v>
      </c>
      <c r="AE1689">
        <v>3</v>
      </c>
      <c r="AF1689">
        <v>3</v>
      </c>
      <c r="AG1689">
        <v>3</v>
      </c>
      <c r="AH1689">
        <v>3</v>
      </c>
      <c r="AI1689">
        <v>3</v>
      </c>
      <c r="AJ1689">
        <v>3</v>
      </c>
      <c r="AK1689">
        <v>3</v>
      </c>
      <c r="AL1689">
        <v>3</v>
      </c>
      <c r="AM1689">
        <v>3</v>
      </c>
      <c r="AN1689">
        <v>3</v>
      </c>
      <c r="AO1689">
        <v>3</v>
      </c>
      <c r="AP1689">
        <v>3</v>
      </c>
      <c r="AQ1689">
        <v>3</v>
      </c>
    </row>
    <row r="1690" spans="1:43">
      <c r="A1690" t="s">
        <v>1122</v>
      </c>
      <c r="B1690" t="s">
        <v>1123</v>
      </c>
      <c r="C1690" t="s">
        <v>1118</v>
      </c>
      <c r="D1690" t="s">
        <v>1119</v>
      </c>
      <c r="E1690" t="s">
        <v>847</v>
      </c>
      <c r="F1690" t="s">
        <v>848</v>
      </c>
      <c r="G1690" t="s">
        <v>80</v>
      </c>
      <c r="H1690" t="s">
        <v>81</v>
      </c>
      <c r="I1690" s="2">
        <v>0</v>
      </c>
      <c r="J1690" s="2">
        <v>1</v>
      </c>
      <c r="K1690" s="2">
        <v>0</v>
      </c>
      <c r="L1690" t="s">
        <v>82</v>
      </c>
      <c r="M1690" t="s">
        <v>83</v>
      </c>
      <c r="N1690" t="s">
        <v>84</v>
      </c>
      <c r="O1690" t="s">
        <v>85</v>
      </c>
      <c r="P1690" t="s">
        <v>86</v>
      </c>
      <c r="Q1690">
        <v>34</v>
      </c>
      <c r="R1690">
        <v>34</v>
      </c>
      <c r="S1690">
        <v>34</v>
      </c>
      <c r="T1690">
        <v>35</v>
      </c>
      <c r="U1690">
        <v>35</v>
      </c>
      <c r="V1690">
        <v>35</v>
      </c>
      <c r="W1690">
        <v>35</v>
      </c>
      <c r="X1690">
        <v>36</v>
      </c>
      <c r="Y1690">
        <v>36</v>
      </c>
      <c r="Z1690">
        <v>36</v>
      </c>
      <c r="AA1690">
        <v>36</v>
      </c>
      <c r="AB1690">
        <v>36</v>
      </c>
      <c r="AC1690">
        <v>37</v>
      </c>
      <c r="AD1690">
        <v>37</v>
      </c>
      <c r="AE1690">
        <v>37</v>
      </c>
      <c r="AF1690">
        <v>37</v>
      </c>
      <c r="AG1690">
        <v>37</v>
      </c>
      <c r="AH1690">
        <v>37</v>
      </c>
      <c r="AI1690">
        <v>37</v>
      </c>
      <c r="AJ1690">
        <v>37</v>
      </c>
      <c r="AK1690">
        <v>38</v>
      </c>
      <c r="AL1690">
        <v>38</v>
      </c>
      <c r="AM1690">
        <v>37</v>
      </c>
      <c r="AN1690">
        <v>37</v>
      </c>
      <c r="AO1690">
        <v>37</v>
      </c>
      <c r="AP1690">
        <v>37</v>
      </c>
      <c r="AQ1690">
        <v>37</v>
      </c>
    </row>
    <row r="1691" spans="1:43">
      <c r="A1691" t="s">
        <v>1122</v>
      </c>
      <c r="B1691" t="s">
        <v>1123</v>
      </c>
      <c r="C1691" t="s">
        <v>1118</v>
      </c>
      <c r="D1691" t="s">
        <v>1119</v>
      </c>
      <c r="E1691" t="s">
        <v>847</v>
      </c>
      <c r="F1691" t="s">
        <v>848</v>
      </c>
      <c r="G1691" t="s">
        <v>80</v>
      </c>
      <c r="H1691" t="s">
        <v>81</v>
      </c>
      <c r="I1691" s="2">
        <v>0</v>
      </c>
      <c r="J1691" s="2">
        <v>1</v>
      </c>
      <c r="K1691" s="2">
        <v>0</v>
      </c>
      <c r="L1691" t="s">
        <v>82</v>
      </c>
      <c r="M1691" t="s">
        <v>87</v>
      </c>
      <c r="N1691" t="s">
        <v>88</v>
      </c>
      <c r="O1691" t="s">
        <v>85</v>
      </c>
      <c r="P1691" t="s">
        <v>86</v>
      </c>
      <c r="Q1691">
        <v>34</v>
      </c>
      <c r="R1691">
        <v>33</v>
      </c>
      <c r="S1691">
        <v>33</v>
      </c>
      <c r="T1691">
        <v>33</v>
      </c>
      <c r="U1691">
        <v>33</v>
      </c>
      <c r="V1691">
        <v>33</v>
      </c>
      <c r="W1691">
        <v>33</v>
      </c>
      <c r="X1691">
        <v>33</v>
      </c>
      <c r="Y1691">
        <v>33</v>
      </c>
      <c r="Z1691">
        <v>33</v>
      </c>
      <c r="AA1691">
        <v>33</v>
      </c>
      <c r="AB1691">
        <v>33</v>
      </c>
      <c r="AC1691">
        <v>33</v>
      </c>
      <c r="AD1691">
        <v>33</v>
      </c>
      <c r="AE1691">
        <v>33</v>
      </c>
      <c r="AF1691">
        <v>33</v>
      </c>
      <c r="AG1691">
        <v>33</v>
      </c>
      <c r="AH1691">
        <v>33</v>
      </c>
      <c r="AI1691">
        <v>33</v>
      </c>
      <c r="AJ1691">
        <v>33</v>
      </c>
      <c r="AK1691">
        <v>33</v>
      </c>
      <c r="AL1691">
        <v>32</v>
      </c>
      <c r="AM1691">
        <v>32</v>
      </c>
      <c r="AN1691">
        <v>32</v>
      </c>
      <c r="AO1691">
        <v>32</v>
      </c>
      <c r="AP1691">
        <v>32</v>
      </c>
      <c r="AQ1691">
        <v>32</v>
      </c>
    </row>
    <row r="1692" spans="1:43">
      <c r="A1692" t="s">
        <v>1122</v>
      </c>
      <c r="B1692" t="s">
        <v>1123</v>
      </c>
      <c r="C1692" t="s">
        <v>1118</v>
      </c>
      <c r="D1692" t="s">
        <v>1119</v>
      </c>
      <c r="E1692" t="s">
        <v>847</v>
      </c>
      <c r="F1692" t="s">
        <v>848</v>
      </c>
      <c r="G1692" t="s">
        <v>80</v>
      </c>
      <c r="H1692" t="s">
        <v>81</v>
      </c>
      <c r="I1692" s="2">
        <v>0</v>
      </c>
      <c r="J1692" s="2">
        <v>1</v>
      </c>
      <c r="K1692" s="2">
        <v>0</v>
      </c>
      <c r="L1692" t="s">
        <v>82</v>
      </c>
      <c r="M1692" t="s">
        <v>89</v>
      </c>
      <c r="N1692" t="s">
        <v>90</v>
      </c>
      <c r="O1692" t="s">
        <v>85</v>
      </c>
      <c r="P1692" t="s">
        <v>86</v>
      </c>
      <c r="Q1692">
        <v>34</v>
      </c>
      <c r="R1692">
        <v>35</v>
      </c>
      <c r="S1692">
        <v>35</v>
      </c>
      <c r="T1692">
        <v>36</v>
      </c>
      <c r="U1692">
        <v>36</v>
      </c>
      <c r="V1692">
        <v>37</v>
      </c>
      <c r="W1692">
        <v>37</v>
      </c>
      <c r="X1692">
        <v>37</v>
      </c>
      <c r="Y1692">
        <v>38</v>
      </c>
      <c r="Z1692">
        <v>38</v>
      </c>
      <c r="AA1692">
        <v>38</v>
      </c>
      <c r="AB1692">
        <v>39</v>
      </c>
      <c r="AC1692">
        <v>39</v>
      </c>
      <c r="AD1692">
        <v>39</v>
      </c>
      <c r="AE1692">
        <v>39</v>
      </c>
      <c r="AF1692">
        <v>39</v>
      </c>
      <c r="AG1692">
        <v>39</v>
      </c>
      <c r="AH1692">
        <v>39</v>
      </c>
      <c r="AI1692">
        <v>39</v>
      </c>
      <c r="AJ1692">
        <v>38</v>
      </c>
      <c r="AK1692">
        <v>38</v>
      </c>
      <c r="AL1692">
        <v>38</v>
      </c>
      <c r="AM1692">
        <v>38</v>
      </c>
      <c r="AN1692">
        <v>38</v>
      </c>
      <c r="AO1692">
        <v>38</v>
      </c>
      <c r="AP1692">
        <v>38</v>
      </c>
      <c r="AQ1692">
        <v>37</v>
      </c>
    </row>
    <row r="1693" spans="1:43">
      <c r="A1693" t="s">
        <v>1122</v>
      </c>
      <c r="B1693" t="s">
        <v>1123</v>
      </c>
      <c r="C1693" t="s">
        <v>1118</v>
      </c>
      <c r="D1693" t="s">
        <v>1119</v>
      </c>
      <c r="E1693" t="s">
        <v>847</v>
      </c>
      <c r="F1693" t="s">
        <v>848</v>
      </c>
      <c r="G1693" t="s">
        <v>80</v>
      </c>
      <c r="H1693" t="s">
        <v>81</v>
      </c>
      <c r="I1693" s="2">
        <v>0</v>
      </c>
      <c r="J1693" s="2">
        <v>1</v>
      </c>
      <c r="K1693" s="2">
        <v>0</v>
      </c>
      <c r="L1693" t="s">
        <v>82</v>
      </c>
      <c r="M1693" t="s">
        <v>83</v>
      </c>
      <c r="N1693" t="s">
        <v>91</v>
      </c>
      <c r="O1693" t="s">
        <v>85</v>
      </c>
      <c r="P1693" t="s">
        <v>86</v>
      </c>
      <c r="Q1693">
        <v>34</v>
      </c>
      <c r="R1693">
        <v>34</v>
      </c>
      <c r="S1693">
        <v>34</v>
      </c>
      <c r="T1693">
        <v>35</v>
      </c>
      <c r="U1693">
        <v>35</v>
      </c>
      <c r="V1693">
        <v>35</v>
      </c>
      <c r="W1693">
        <v>35</v>
      </c>
      <c r="X1693">
        <v>36</v>
      </c>
      <c r="Y1693">
        <v>36</v>
      </c>
      <c r="Z1693">
        <v>36</v>
      </c>
      <c r="AA1693">
        <v>36</v>
      </c>
      <c r="AB1693">
        <v>36</v>
      </c>
      <c r="AC1693">
        <v>37</v>
      </c>
      <c r="AD1693">
        <v>37</v>
      </c>
      <c r="AE1693">
        <v>37</v>
      </c>
      <c r="AF1693">
        <v>37</v>
      </c>
      <c r="AG1693">
        <v>37</v>
      </c>
      <c r="AH1693">
        <v>37</v>
      </c>
      <c r="AI1693">
        <v>37</v>
      </c>
      <c r="AJ1693">
        <v>37</v>
      </c>
      <c r="AK1693">
        <v>38</v>
      </c>
      <c r="AL1693">
        <v>38</v>
      </c>
      <c r="AM1693">
        <v>37</v>
      </c>
      <c r="AN1693">
        <v>37</v>
      </c>
      <c r="AO1693">
        <v>37</v>
      </c>
      <c r="AP1693">
        <v>37</v>
      </c>
      <c r="AQ1693">
        <v>37</v>
      </c>
    </row>
    <row r="1694" spans="1:43">
      <c r="A1694" t="s">
        <v>1124</v>
      </c>
      <c r="B1694" t="s">
        <v>1125</v>
      </c>
      <c r="C1694" t="s">
        <v>1118</v>
      </c>
      <c r="D1694" t="s">
        <v>1119</v>
      </c>
      <c r="E1694" t="s">
        <v>847</v>
      </c>
      <c r="F1694" t="s">
        <v>848</v>
      </c>
      <c r="G1694" t="s">
        <v>80</v>
      </c>
      <c r="H1694" t="s">
        <v>81</v>
      </c>
      <c r="I1694" s="2">
        <v>0</v>
      </c>
      <c r="J1694" s="2">
        <v>1</v>
      </c>
      <c r="K1694" s="2">
        <v>0</v>
      </c>
      <c r="L1694" t="s">
        <v>82</v>
      </c>
      <c r="M1694" t="s">
        <v>83</v>
      </c>
      <c r="N1694" t="s">
        <v>84</v>
      </c>
      <c r="O1694" t="s">
        <v>85</v>
      </c>
      <c r="P1694" t="s">
        <v>86</v>
      </c>
      <c r="Q1694">
        <v>5</v>
      </c>
      <c r="R1694">
        <v>5</v>
      </c>
      <c r="S1694">
        <v>5</v>
      </c>
      <c r="T1694">
        <v>5</v>
      </c>
      <c r="U1694">
        <v>5</v>
      </c>
      <c r="V1694">
        <v>5</v>
      </c>
      <c r="W1694">
        <v>5</v>
      </c>
      <c r="X1694">
        <v>5</v>
      </c>
      <c r="Y1694">
        <v>5</v>
      </c>
      <c r="Z1694">
        <v>5</v>
      </c>
      <c r="AA1694">
        <v>5</v>
      </c>
      <c r="AB1694">
        <v>5</v>
      </c>
      <c r="AC1694">
        <v>5</v>
      </c>
      <c r="AD1694">
        <v>5</v>
      </c>
      <c r="AE1694">
        <v>5</v>
      </c>
      <c r="AF1694">
        <v>5</v>
      </c>
      <c r="AG1694">
        <v>5</v>
      </c>
      <c r="AH1694">
        <v>5</v>
      </c>
      <c r="AI1694">
        <v>5</v>
      </c>
      <c r="AJ1694">
        <v>5</v>
      </c>
      <c r="AK1694">
        <v>5</v>
      </c>
      <c r="AL1694">
        <v>5</v>
      </c>
      <c r="AM1694">
        <v>5</v>
      </c>
      <c r="AN1694">
        <v>5</v>
      </c>
      <c r="AO1694">
        <v>5</v>
      </c>
      <c r="AP1694">
        <v>5</v>
      </c>
      <c r="AQ1694">
        <v>5</v>
      </c>
    </row>
    <row r="1695" spans="1:43">
      <c r="A1695" t="s">
        <v>1124</v>
      </c>
      <c r="B1695" t="s">
        <v>1125</v>
      </c>
      <c r="C1695" t="s">
        <v>1118</v>
      </c>
      <c r="D1695" t="s">
        <v>1119</v>
      </c>
      <c r="E1695" t="s">
        <v>847</v>
      </c>
      <c r="F1695" t="s">
        <v>848</v>
      </c>
      <c r="G1695" t="s">
        <v>80</v>
      </c>
      <c r="H1695" t="s">
        <v>81</v>
      </c>
      <c r="I1695" s="2">
        <v>0</v>
      </c>
      <c r="J1695" s="2">
        <v>1</v>
      </c>
      <c r="K1695" s="2">
        <v>0</v>
      </c>
      <c r="L1695" t="s">
        <v>82</v>
      </c>
      <c r="M1695" t="s">
        <v>87</v>
      </c>
      <c r="N1695" t="s">
        <v>88</v>
      </c>
      <c r="O1695" t="s">
        <v>85</v>
      </c>
      <c r="P1695" t="s">
        <v>86</v>
      </c>
      <c r="Q1695">
        <v>5</v>
      </c>
      <c r="R1695">
        <v>5</v>
      </c>
      <c r="S1695">
        <v>5</v>
      </c>
      <c r="T1695">
        <v>5</v>
      </c>
      <c r="U1695">
        <v>5</v>
      </c>
      <c r="V1695">
        <v>5</v>
      </c>
      <c r="W1695">
        <v>5</v>
      </c>
      <c r="X1695">
        <v>5</v>
      </c>
      <c r="Y1695">
        <v>5</v>
      </c>
      <c r="Z1695">
        <v>5</v>
      </c>
      <c r="AA1695">
        <v>5</v>
      </c>
      <c r="AB1695">
        <v>5</v>
      </c>
      <c r="AC1695">
        <v>5</v>
      </c>
      <c r="AD1695">
        <v>5</v>
      </c>
      <c r="AE1695">
        <v>5</v>
      </c>
      <c r="AF1695">
        <v>5</v>
      </c>
      <c r="AG1695">
        <v>5</v>
      </c>
      <c r="AH1695">
        <v>5</v>
      </c>
      <c r="AI1695">
        <v>5</v>
      </c>
      <c r="AJ1695">
        <v>4</v>
      </c>
      <c r="AK1695">
        <v>4</v>
      </c>
      <c r="AL1695">
        <v>4</v>
      </c>
      <c r="AM1695">
        <v>4</v>
      </c>
      <c r="AN1695">
        <v>4</v>
      </c>
      <c r="AO1695">
        <v>4</v>
      </c>
      <c r="AP1695">
        <v>4</v>
      </c>
      <c r="AQ1695">
        <v>4</v>
      </c>
    </row>
    <row r="1696" spans="1:43">
      <c r="A1696" t="s">
        <v>1124</v>
      </c>
      <c r="B1696" t="s">
        <v>1125</v>
      </c>
      <c r="C1696" t="s">
        <v>1118</v>
      </c>
      <c r="D1696" t="s">
        <v>1119</v>
      </c>
      <c r="E1696" t="s">
        <v>847</v>
      </c>
      <c r="F1696" t="s">
        <v>848</v>
      </c>
      <c r="G1696" t="s">
        <v>80</v>
      </c>
      <c r="H1696" t="s">
        <v>81</v>
      </c>
      <c r="I1696" s="2">
        <v>0</v>
      </c>
      <c r="J1696" s="2">
        <v>1</v>
      </c>
      <c r="K1696" s="2">
        <v>0</v>
      </c>
      <c r="L1696" t="s">
        <v>82</v>
      </c>
      <c r="M1696" t="s">
        <v>89</v>
      </c>
      <c r="N1696" t="s">
        <v>90</v>
      </c>
      <c r="O1696" t="s">
        <v>85</v>
      </c>
      <c r="P1696" t="s">
        <v>86</v>
      </c>
      <c r="Q1696">
        <v>5</v>
      </c>
      <c r="R1696">
        <v>5</v>
      </c>
      <c r="S1696">
        <v>5</v>
      </c>
      <c r="T1696">
        <v>5</v>
      </c>
      <c r="U1696">
        <v>5</v>
      </c>
      <c r="V1696">
        <v>5</v>
      </c>
      <c r="W1696">
        <v>5</v>
      </c>
      <c r="X1696">
        <v>5</v>
      </c>
      <c r="Y1696">
        <v>5</v>
      </c>
      <c r="Z1696">
        <v>5</v>
      </c>
      <c r="AA1696">
        <v>5</v>
      </c>
      <c r="AB1696">
        <v>5</v>
      </c>
      <c r="AC1696">
        <v>6</v>
      </c>
      <c r="AD1696">
        <v>6</v>
      </c>
      <c r="AE1696">
        <v>6</v>
      </c>
      <c r="AF1696">
        <v>5</v>
      </c>
      <c r="AG1696">
        <v>5</v>
      </c>
      <c r="AH1696">
        <v>5</v>
      </c>
      <c r="AI1696">
        <v>5</v>
      </c>
      <c r="AJ1696">
        <v>5</v>
      </c>
      <c r="AK1696">
        <v>5</v>
      </c>
      <c r="AL1696">
        <v>5</v>
      </c>
      <c r="AM1696">
        <v>5</v>
      </c>
      <c r="AN1696">
        <v>5</v>
      </c>
      <c r="AO1696">
        <v>5</v>
      </c>
      <c r="AP1696">
        <v>5</v>
      </c>
      <c r="AQ1696">
        <v>5</v>
      </c>
    </row>
    <row r="1697" spans="1:43">
      <c r="A1697" t="s">
        <v>1124</v>
      </c>
      <c r="B1697" t="s">
        <v>1125</v>
      </c>
      <c r="C1697" t="s">
        <v>1118</v>
      </c>
      <c r="D1697" t="s">
        <v>1119</v>
      </c>
      <c r="E1697" t="s">
        <v>847</v>
      </c>
      <c r="F1697" t="s">
        <v>848</v>
      </c>
      <c r="G1697" t="s">
        <v>80</v>
      </c>
      <c r="H1697" t="s">
        <v>81</v>
      </c>
      <c r="I1697" s="2">
        <v>0</v>
      </c>
      <c r="J1697" s="2">
        <v>1</v>
      </c>
      <c r="K1697" s="2">
        <v>0</v>
      </c>
      <c r="L1697" t="s">
        <v>82</v>
      </c>
      <c r="M1697" t="s">
        <v>83</v>
      </c>
      <c r="N1697" t="s">
        <v>91</v>
      </c>
      <c r="O1697" t="s">
        <v>85</v>
      </c>
      <c r="P1697" t="s">
        <v>86</v>
      </c>
      <c r="Q1697">
        <v>5</v>
      </c>
      <c r="R1697">
        <v>5</v>
      </c>
      <c r="S1697">
        <v>5</v>
      </c>
      <c r="T1697">
        <v>5</v>
      </c>
      <c r="U1697">
        <v>5</v>
      </c>
      <c r="V1697">
        <v>5</v>
      </c>
      <c r="W1697">
        <v>5</v>
      </c>
      <c r="X1697">
        <v>5</v>
      </c>
      <c r="Y1697">
        <v>5</v>
      </c>
      <c r="Z1697">
        <v>5</v>
      </c>
      <c r="AA1697">
        <v>5</v>
      </c>
      <c r="AB1697">
        <v>5</v>
      </c>
      <c r="AC1697">
        <v>5</v>
      </c>
      <c r="AD1697">
        <v>5</v>
      </c>
      <c r="AE1697">
        <v>5</v>
      </c>
      <c r="AF1697">
        <v>5</v>
      </c>
      <c r="AG1697">
        <v>5</v>
      </c>
      <c r="AH1697">
        <v>5</v>
      </c>
      <c r="AI1697">
        <v>5</v>
      </c>
      <c r="AJ1697">
        <v>5</v>
      </c>
      <c r="AK1697">
        <v>5</v>
      </c>
      <c r="AL1697">
        <v>5</v>
      </c>
      <c r="AM1697">
        <v>5</v>
      </c>
      <c r="AN1697">
        <v>5</v>
      </c>
      <c r="AO1697">
        <v>5</v>
      </c>
      <c r="AP1697">
        <v>5</v>
      </c>
      <c r="AQ1697">
        <v>5</v>
      </c>
    </row>
    <row r="1698" spans="1:43">
      <c r="A1698" t="s">
        <v>1126</v>
      </c>
      <c r="B1698" t="s">
        <v>1127</v>
      </c>
      <c r="C1698" t="s">
        <v>1118</v>
      </c>
      <c r="D1698" t="s">
        <v>1119</v>
      </c>
      <c r="E1698" t="s">
        <v>847</v>
      </c>
      <c r="F1698" t="s">
        <v>848</v>
      </c>
      <c r="G1698" t="s">
        <v>80</v>
      </c>
      <c r="H1698" t="s">
        <v>81</v>
      </c>
      <c r="I1698" s="2">
        <v>0</v>
      </c>
      <c r="J1698" s="2">
        <v>1</v>
      </c>
      <c r="K1698" s="2">
        <v>0</v>
      </c>
      <c r="L1698" t="s">
        <v>82</v>
      </c>
      <c r="M1698" t="s">
        <v>83</v>
      </c>
      <c r="N1698" t="s">
        <v>84</v>
      </c>
      <c r="O1698" t="s">
        <v>85</v>
      </c>
      <c r="P1698" t="s">
        <v>86</v>
      </c>
      <c r="Q1698">
        <v>54</v>
      </c>
      <c r="R1698">
        <v>55</v>
      </c>
      <c r="S1698">
        <v>55</v>
      </c>
      <c r="T1698">
        <v>55</v>
      </c>
      <c r="U1698">
        <v>56</v>
      </c>
      <c r="V1698">
        <v>56</v>
      </c>
      <c r="W1698">
        <v>56</v>
      </c>
      <c r="X1698">
        <v>57</v>
      </c>
      <c r="Y1698">
        <v>57</v>
      </c>
      <c r="Z1698">
        <v>57</v>
      </c>
      <c r="AA1698">
        <v>58</v>
      </c>
      <c r="AB1698">
        <v>58</v>
      </c>
      <c r="AC1698">
        <v>58</v>
      </c>
      <c r="AD1698">
        <v>58</v>
      </c>
      <c r="AE1698">
        <v>58</v>
      </c>
      <c r="AF1698">
        <v>59</v>
      </c>
      <c r="AG1698">
        <v>59</v>
      </c>
      <c r="AH1698">
        <v>59</v>
      </c>
      <c r="AI1698">
        <v>59</v>
      </c>
      <c r="AJ1698">
        <v>59</v>
      </c>
      <c r="AK1698">
        <v>59</v>
      </c>
      <c r="AL1698">
        <v>59</v>
      </c>
      <c r="AM1698">
        <v>59</v>
      </c>
      <c r="AN1698">
        <v>59</v>
      </c>
      <c r="AO1698">
        <v>59</v>
      </c>
      <c r="AP1698">
        <v>58</v>
      </c>
      <c r="AQ1698">
        <v>58</v>
      </c>
    </row>
    <row r="1699" spans="1:43">
      <c r="A1699" t="s">
        <v>1126</v>
      </c>
      <c r="B1699" t="s">
        <v>1127</v>
      </c>
      <c r="C1699" t="s">
        <v>1118</v>
      </c>
      <c r="D1699" t="s">
        <v>1119</v>
      </c>
      <c r="E1699" t="s">
        <v>847</v>
      </c>
      <c r="F1699" t="s">
        <v>848</v>
      </c>
      <c r="G1699" t="s">
        <v>80</v>
      </c>
      <c r="H1699" t="s">
        <v>81</v>
      </c>
      <c r="I1699" s="2">
        <v>0</v>
      </c>
      <c r="J1699" s="2">
        <v>1</v>
      </c>
      <c r="K1699" s="2">
        <v>0</v>
      </c>
      <c r="L1699" t="s">
        <v>82</v>
      </c>
      <c r="M1699" t="s">
        <v>87</v>
      </c>
      <c r="N1699" t="s">
        <v>88</v>
      </c>
      <c r="O1699" t="s">
        <v>85</v>
      </c>
      <c r="P1699" t="s">
        <v>86</v>
      </c>
      <c r="Q1699">
        <v>54</v>
      </c>
      <c r="R1699">
        <v>54</v>
      </c>
      <c r="S1699">
        <v>54</v>
      </c>
      <c r="T1699">
        <v>53</v>
      </c>
      <c r="U1699">
        <v>53</v>
      </c>
      <c r="V1699">
        <v>53</v>
      </c>
      <c r="W1699">
        <v>53</v>
      </c>
      <c r="X1699">
        <v>53</v>
      </c>
      <c r="Y1699">
        <v>53</v>
      </c>
      <c r="Z1699">
        <v>52</v>
      </c>
      <c r="AA1699">
        <v>52</v>
      </c>
      <c r="AB1699">
        <v>52</v>
      </c>
      <c r="AC1699">
        <v>52</v>
      </c>
      <c r="AD1699">
        <v>52</v>
      </c>
      <c r="AE1699">
        <v>52</v>
      </c>
      <c r="AF1699">
        <v>52</v>
      </c>
      <c r="AG1699">
        <v>52</v>
      </c>
      <c r="AH1699">
        <v>51</v>
      </c>
      <c r="AI1699">
        <v>51</v>
      </c>
      <c r="AJ1699">
        <v>51</v>
      </c>
      <c r="AK1699">
        <v>51</v>
      </c>
      <c r="AL1699">
        <v>51</v>
      </c>
      <c r="AM1699">
        <v>51</v>
      </c>
      <c r="AN1699">
        <v>51</v>
      </c>
      <c r="AO1699">
        <v>51</v>
      </c>
      <c r="AP1699">
        <v>51</v>
      </c>
      <c r="AQ1699">
        <v>51</v>
      </c>
    </row>
    <row r="1700" spans="1:43">
      <c r="A1700" t="s">
        <v>1126</v>
      </c>
      <c r="B1700" t="s">
        <v>1127</v>
      </c>
      <c r="C1700" t="s">
        <v>1118</v>
      </c>
      <c r="D1700" t="s">
        <v>1119</v>
      </c>
      <c r="E1700" t="s">
        <v>847</v>
      </c>
      <c r="F1700" t="s">
        <v>848</v>
      </c>
      <c r="G1700" t="s">
        <v>80</v>
      </c>
      <c r="H1700" t="s">
        <v>81</v>
      </c>
      <c r="I1700" s="2">
        <v>0</v>
      </c>
      <c r="J1700" s="2">
        <v>1</v>
      </c>
      <c r="K1700" s="2">
        <v>0</v>
      </c>
      <c r="L1700" t="s">
        <v>82</v>
      </c>
      <c r="M1700" t="s">
        <v>89</v>
      </c>
      <c r="N1700" t="s">
        <v>90</v>
      </c>
      <c r="O1700" t="s">
        <v>85</v>
      </c>
      <c r="P1700" t="s">
        <v>86</v>
      </c>
      <c r="Q1700">
        <v>54</v>
      </c>
      <c r="R1700">
        <v>55</v>
      </c>
      <c r="S1700">
        <v>55</v>
      </c>
      <c r="T1700">
        <v>56</v>
      </c>
      <c r="U1700">
        <v>57</v>
      </c>
      <c r="V1700">
        <v>58</v>
      </c>
      <c r="W1700">
        <v>58</v>
      </c>
      <c r="X1700">
        <v>59</v>
      </c>
      <c r="Y1700">
        <v>59</v>
      </c>
      <c r="Z1700">
        <v>60</v>
      </c>
      <c r="AA1700">
        <v>60</v>
      </c>
      <c r="AB1700">
        <v>60</v>
      </c>
      <c r="AC1700">
        <v>61</v>
      </c>
      <c r="AD1700">
        <v>61</v>
      </c>
      <c r="AE1700">
        <v>61</v>
      </c>
      <c r="AF1700">
        <v>61</v>
      </c>
      <c r="AG1700">
        <v>61</v>
      </c>
      <c r="AH1700">
        <v>60</v>
      </c>
      <c r="AI1700">
        <v>60</v>
      </c>
      <c r="AJ1700">
        <v>60</v>
      </c>
      <c r="AK1700">
        <v>59</v>
      </c>
      <c r="AL1700">
        <v>59</v>
      </c>
      <c r="AM1700">
        <v>59</v>
      </c>
      <c r="AN1700">
        <v>59</v>
      </c>
      <c r="AO1700">
        <v>58</v>
      </c>
      <c r="AP1700">
        <v>58</v>
      </c>
      <c r="AQ1700">
        <v>58</v>
      </c>
    </row>
    <row r="1701" spans="1:43">
      <c r="A1701" t="s">
        <v>1126</v>
      </c>
      <c r="B1701" t="s">
        <v>1127</v>
      </c>
      <c r="C1701" t="s">
        <v>1118</v>
      </c>
      <c r="D1701" t="s">
        <v>1119</v>
      </c>
      <c r="E1701" t="s">
        <v>847</v>
      </c>
      <c r="F1701" t="s">
        <v>848</v>
      </c>
      <c r="G1701" t="s">
        <v>80</v>
      </c>
      <c r="H1701" t="s">
        <v>81</v>
      </c>
      <c r="I1701" s="2">
        <v>0</v>
      </c>
      <c r="J1701" s="2">
        <v>1</v>
      </c>
      <c r="K1701" s="2">
        <v>0</v>
      </c>
      <c r="L1701" t="s">
        <v>82</v>
      </c>
      <c r="M1701" t="s">
        <v>83</v>
      </c>
      <c r="N1701" t="s">
        <v>91</v>
      </c>
      <c r="O1701" t="s">
        <v>85</v>
      </c>
      <c r="P1701" t="s">
        <v>86</v>
      </c>
      <c r="Q1701">
        <v>54</v>
      </c>
      <c r="R1701">
        <v>55</v>
      </c>
      <c r="S1701">
        <v>55</v>
      </c>
      <c r="T1701">
        <v>55</v>
      </c>
      <c r="U1701">
        <v>56</v>
      </c>
      <c r="V1701">
        <v>56</v>
      </c>
      <c r="W1701">
        <v>56</v>
      </c>
      <c r="X1701">
        <v>57</v>
      </c>
      <c r="Y1701">
        <v>57</v>
      </c>
      <c r="Z1701">
        <v>57</v>
      </c>
      <c r="AA1701">
        <v>58</v>
      </c>
      <c r="AB1701">
        <v>58</v>
      </c>
      <c r="AC1701">
        <v>58</v>
      </c>
      <c r="AD1701">
        <v>58</v>
      </c>
      <c r="AE1701">
        <v>58</v>
      </c>
      <c r="AF1701">
        <v>59</v>
      </c>
      <c r="AG1701">
        <v>59</v>
      </c>
      <c r="AH1701">
        <v>59</v>
      </c>
      <c r="AI1701">
        <v>59</v>
      </c>
      <c r="AJ1701">
        <v>59</v>
      </c>
      <c r="AK1701">
        <v>59</v>
      </c>
      <c r="AL1701">
        <v>59</v>
      </c>
      <c r="AM1701">
        <v>59</v>
      </c>
      <c r="AN1701">
        <v>59</v>
      </c>
      <c r="AO1701">
        <v>59</v>
      </c>
      <c r="AP1701">
        <v>58</v>
      </c>
      <c r="AQ1701">
        <v>58</v>
      </c>
    </row>
    <row r="1702" spans="1:43">
      <c r="A1702" t="s">
        <v>1128</v>
      </c>
      <c r="B1702" t="s">
        <v>1129</v>
      </c>
      <c r="C1702" t="s">
        <v>873</v>
      </c>
      <c r="D1702" t="s">
        <v>874</v>
      </c>
      <c r="E1702" t="s">
        <v>847</v>
      </c>
      <c r="F1702" t="s">
        <v>848</v>
      </c>
      <c r="G1702" t="s">
        <v>80</v>
      </c>
      <c r="H1702" t="s">
        <v>81</v>
      </c>
      <c r="I1702" s="2">
        <v>0</v>
      </c>
      <c r="J1702" s="2">
        <v>1</v>
      </c>
      <c r="K1702" s="2">
        <v>0</v>
      </c>
      <c r="L1702" t="s">
        <v>82</v>
      </c>
      <c r="M1702" t="s">
        <v>83</v>
      </c>
      <c r="N1702" t="s">
        <v>84</v>
      </c>
      <c r="O1702" t="s">
        <v>85</v>
      </c>
      <c r="P1702" t="s">
        <v>86</v>
      </c>
      <c r="Q1702">
        <v>9</v>
      </c>
      <c r="R1702">
        <v>9</v>
      </c>
      <c r="S1702">
        <v>9</v>
      </c>
      <c r="T1702">
        <v>9</v>
      </c>
      <c r="U1702">
        <v>10</v>
      </c>
      <c r="V1702">
        <v>10</v>
      </c>
      <c r="W1702">
        <v>10</v>
      </c>
      <c r="X1702">
        <v>10</v>
      </c>
      <c r="Y1702">
        <v>10</v>
      </c>
      <c r="Z1702">
        <v>10</v>
      </c>
      <c r="AA1702">
        <v>10</v>
      </c>
      <c r="AB1702">
        <v>10</v>
      </c>
      <c r="AC1702">
        <v>10</v>
      </c>
      <c r="AD1702">
        <v>10</v>
      </c>
      <c r="AE1702">
        <v>10</v>
      </c>
      <c r="AF1702">
        <v>10</v>
      </c>
      <c r="AG1702">
        <v>10</v>
      </c>
      <c r="AH1702">
        <v>10</v>
      </c>
      <c r="AI1702">
        <v>10</v>
      </c>
      <c r="AJ1702">
        <v>10</v>
      </c>
      <c r="AK1702">
        <v>10</v>
      </c>
      <c r="AL1702">
        <v>10</v>
      </c>
      <c r="AM1702">
        <v>10</v>
      </c>
      <c r="AN1702">
        <v>10</v>
      </c>
      <c r="AO1702">
        <v>10</v>
      </c>
      <c r="AP1702">
        <v>10</v>
      </c>
      <c r="AQ1702">
        <v>9</v>
      </c>
    </row>
    <row r="1703" spans="1:43">
      <c r="A1703" t="s">
        <v>1128</v>
      </c>
      <c r="B1703" t="s">
        <v>1129</v>
      </c>
      <c r="C1703" t="s">
        <v>873</v>
      </c>
      <c r="D1703" t="s">
        <v>874</v>
      </c>
      <c r="E1703" t="s">
        <v>847</v>
      </c>
      <c r="F1703" t="s">
        <v>848</v>
      </c>
      <c r="G1703" t="s">
        <v>80</v>
      </c>
      <c r="H1703" t="s">
        <v>81</v>
      </c>
      <c r="I1703" s="2">
        <v>0</v>
      </c>
      <c r="J1703" s="2">
        <v>1</v>
      </c>
      <c r="K1703" s="2">
        <v>0</v>
      </c>
      <c r="L1703" t="s">
        <v>82</v>
      </c>
      <c r="M1703" t="s">
        <v>87</v>
      </c>
      <c r="N1703" t="s">
        <v>88</v>
      </c>
      <c r="O1703" t="s">
        <v>85</v>
      </c>
      <c r="P1703" t="s">
        <v>86</v>
      </c>
      <c r="Q1703">
        <v>9</v>
      </c>
      <c r="R1703">
        <v>9</v>
      </c>
      <c r="S1703">
        <v>9</v>
      </c>
      <c r="T1703">
        <v>9</v>
      </c>
      <c r="U1703">
        <v>9</v>
      </c>
      <c r="V1703">
        <v>9</v>
      </c>
      <c r="W1703">
        <v>9</v>
      </c>
      <c r="X1703">
        <v>9</v>
      </c>
      <c r="Y1703">
        <v>9</v>
      </c>
      <c r="Z1703">
        <v>9</v>
      </c>
      <c r="AA1703">
        <v>9</v>
      </c>
      <c r="AB1703">
        <v>9</v>
      </c>
      <c r="AC1703">
        <v>9</v>
      </c>
      <c r="AD1703">
        <v>9</v>
      </c>
      <c r="AE1703">
        <v>9</v>
      </c>
      <c r="AF1703">
        <v>9</v>
      </c>
      <c r="AG1703">
        <v>9</v>
      </c>
      <c r="AH1703">
        <v>9</v>
      </c>
      <c r="AI1703">
        <v>9</v>
      </c>
      <c r="AJ1703">
        <v>8</v>
      </c>
      <c r="AK1703">
        <v>8</v>
      </c>
      <c r="AL1703">
        <v>8</v>
      </c>
      <c r="AM1703">
        <v>8</v>
      </c>
      <c r="AN1703">
        <v>8</v>
      </c>
      <c r="AO1703">
        <v>8</v>
      </c>
      <c r="AP1703">
        <v>8</v>
      </c>
      <c r="AQ1703">
        <v>8</v>
      </c>
    </row>
    <row r="1704" spans="1:43">
      <c r="A1704" t="s">
        <v>1128</v>
      </c>
      <c r="B1704" t="s">
        <v>1129</v>
      </c>
      <c r="C1704" t="s">
        <v>873</v>
      </c>
      <c r="D1704" t="s">
        <v>874</v>
      </c>
      <c r="E1704" t="s">
        <v>847</v>
      </c>
      <c r="F1704" t="s">
        <v>848</v>
      </c>
      <c r="G1704" t="s">
        <v>80</v>
      </c>
      <c r="H1704" t="s">
        <v>81</v>
      </c>
      <c r="I1704" s="2">
        <v>0</v>
      </c>
      <c r="J1704" s="2">
        <v>1</v>
      </c>
      <c r="K1704" s="2">
        <v>0</v>
      </c>
      <c r="L1704" t="s">
        <v>82</v>
      </c>
      <c r="M1704" t="s">
        <v>89</v>
      </c>
      <c r="N1704" t="s">
        <v>90</v>
      </c>
      <c r="O1704" t="s">
        <v>85</v>
      </c>
      <c r="P1704" t="s">
        <v>86</v>
      </c>
      <c r="Q1704">
        <v>9</v>
      </c>
      <c r="R1704">
        <v>10</v>
      </c>
      <c r="S1704">
        <v>10</v>
      </c>
      <c r="T1704">
        <v>10</v>
      </c>
      <c r="U1704">
        <v>10</v>
      </c>
      <c r="V1704">
        <v>10</v>
      </c>
      <c r="W1704">
        <v>10</v>
      </c>
      <c r="X1704">
        <v>10</v>
      </c>
      <c r="Y1704">
        <v>10</v>
      </c>
      <c r="Z1704">
        <v>10</v>
      </c>
      <c r="AA1704">
        <v>10</v>
      </c>
      <c r="AB1704">
        <v>10</v>
      </c>
      <c r="AC1704">
        <v>10</v>
      </c>
      <c r="AD1704">
        <v>10</v>
      </c>
      <c r="AE1704">
        <v>10</v>
      </c>
      <c r="AF1704">
        <v>10</v>
      </c>
      <c r="AG1704">
        <v>10</v>
      </c>
      <c r="AH1704">
        <v>10</v>
      </c>
      <c r="AI1704">
        <v>10</v>
      </c>
      <c r="AJ1704">
        <v>10</v>
      </c>
      <c r="AK1704">
        <v>10</v>
      </c>
      <c r="AL1704">
        <v>10</v>
      </c>
      <c r="AM1704">
        <v>10</v>
      </c>
      <c r="AN1704">
        <v>10</v>
      </c>
      <c r="AO1704">
        <v>10</v>
      </c>
      <c r="AP1704">
        <v>10</v>
      </c>
      <c r="AQ1704">
        <v>10</v>
      </c>
    </row>
    <row r="1705" spans="1:43">
      <c r="A1705" t="s">
        <v>1128</v>
      </c>
      <c r="B1705" t="s">
        <v>1129</v>
      </c>
      <c r="C1705" t="s">
        <v>873</v>
      </c>
      <c r="D1705" t="s">
        <v>874</v>
      </c>
      <c r="E1705" t="s">
        <v>847</v>
      </c>
      <c r="F1705" t="s">
        <v>848</v>
      </c>
      <c r="G1705" t="s">
        <v>80</v>
      </c>
      <c r="H1705" t="s">
        <v>81</v>
      </c>
      <c r="I1705" s="2">
        <v>0</v>
      </c>
      <c r="J1705" s="2">
        <v>1</v>
      </c>
      <c r="K1705" s="2">
        <v>0</v>
      </c>
      <c r="L1705" t="s">
        <v>82</v>
      </c>
      <c r="M1705" t="s">
        <v>83</v>
      </c>
      <c r="N1705" t="s">
        <v>91</v>
      </c>
      <c r="O1705" t="s">
        <v>85</v>
      </c>
      <c r="P1705" t="s">
        <v>86</v>
      </c>
      <c r="Q1705">
        <v>9</v>
      </c>
      <c r="R1705">
        <v>9</v>
      </c>
      <c r="S1705">
        <v>9</v>
      </c>
      <c r="T1705">
        <v>9</v>
      </c>
      <c r="U1705">
        <v>10</v>
      </c>
      <c r="V1705">
        <v>10</v>
      </c>
      <c r="W1705">
        <v>10</v>
      </c>
      <c r="X1705">
        <v>10</v>
      </c>
      <c r="Y1705">
        <v>10</v>
      </c>
      <c r="Z1705">
        <v>10</v>
      </c>
      <c r="AA1705">
        <v>10</v>
      </c>
      <c r="AB1705">
        <v>10</v>
      </c>
      <c r="AC1705">
        <v>10</v>
      </c>
      <c r="AD1705">
        <v>10</v>
      </c>
      <c r="AE1705">
        <v>10</v>
      </c>
      <c r="AF1705">
        <v>10</v>
      </c>
      <c r="AG1705">
        <v>10</v>
      </c>
      <c r="AH1705">
        <v>10</v>
      </c>
      <c r="AI1705">
        <v>10</v>
      </c>
      <c r="AJ1705">
        <v>10</v>
      </c>
      <c r="AK1705">
        <v>10</v>
      </c>
      <c r="AL1705">
        <v>10</v>
      </c>
      <c r="AM1705">
        <v>10</v>
      </c>
      <c r="AN1705">
        <v>10</v>
      </c>
      <c r="AO1705">
        <v>10</v>
      </c>
      <c r="AP1705">
        <v>10</v>
      </c>
      <c r="AQ1705">
        <v>9</v>
      </c>
    </row>
    <row r="1706" spans="1:43">
      <c r="A1706" t="s">
        <v>1130</v>
      </c>
      <c r="B1706" t="s">
        <v>1131</v>
      </c>
      <c r="C1706" t="s">
        <v>919</v>
      </c>
      <c r="D1706" t="s">
        <v>920</v>
      </c>
      <c r="E1706" t="s">
        <v>847</v>
      </c>
      <c r="F1706" t="s">
        <v>848</v>
      </c>
      <c r="G1706" t="s">
        <v>80</v>
      </c>
      <c r="H1706" t="s">
        <v>81</v>
      </c>
      <c r="I1706" s="2">
        <v>0</v>
      </c>
      <c r="J1706" s="2">
        <v>1</v>
      </c>
      <c r="K1706" s="2">
        <v>0</v>
      </c>
      <c r="L1706" t="s">
        <v>82</v>
      </c>
      <c r="M1706" t="s">
        <v>83</v>
      </c>
      <c r="N1706" t="s">
        <v>84</v>
      </c>
      <c r="O1706" t="s">
        <v>85</v>
      </c>
      <c r="P1706" t="s">
        <v>86</v>
      </c>
      <c r="Q1706">
        <v>7</v>
      </c>
      <c r="R1706">
        <v>7</v>
      </c>
      <c r="S1706">
        <v>7</v>
      </c>
      <c r="T1706">
        <v>7</v>
      </c>
      <c r="U1706">
        <v>7</v>
      </c>
      <c r="V1706">
        <v>7</v>
      </c>
      <c r="W1706">
        <v>7</v>
      </c>
      <c r="X1706">
        <v>7</v>
      </c>
      <c r="Y1706">
        <v>7</v>
      </c>
      <c r="Z1706">
        <v>7</v>
      </c>
      <c r="AA1706">
        <v>7</v>
      </c>
      <c r="AB1706">
        <v>7</v>
      </c>
      <c r="AC1706">
        <v>7</v>
      </c>
      <c r="AD1706">
        <v>7</v>
      </c>
      <c r="AE1706">
        <v>7</v>
      </c>
      <c r="AF1706">
        <v>7</v>
      </c>
      <c r="AG1706">
        <v>7</v>
      </c>
      <c r="AH1706">
        <v>7</v>
      </c>
      <c r="AI1706">
        <v>7</v>
      </c>
      <c r="AJ1706">
        <v>7</v>
      </c>
      <c r="AK1706">
        <v>7</v>
      </c>
      <c r="AL1706">
        <v>7</v>
      </c>
      <c r="AM1706">
        <v>7</v>
      </c>
      <c r="AN1706">
        <v>7</v>
      </c>
      <c r="AO1706">
        <v>7</v>
      </c>
      <c r="AP1706">
        <v>7</v>
      </c>
      <c r="AQ1706">
        <v>6</v>
      </c>
    </row>
    <row r="1707" spans="1:43">
      <c r="A1707" t="s">
        <v>1130</v>
      </c>
      <c r="B1707" t="s">
        <v>1131</v>
      </c>
      <c r="C1707" t="s">
        <v>919</v>
      </c>
      <c r="D1707" t="s">
        <v>920</v>
      </c>
      <c r="E1707" t="s">
        <v>847</v>
      </c>
      <c r="F1707" t="s">
        <v>848</v>
      </c>
      <c r="G1707" t="s">
        <v>80</v>
      </c>
      <c r="H1707" t="s">
        <v>81</v>
      </c>
      <c r="I1707" s="2">
        <v>0</v>
      </c>
      <c r="J1707" s="2">
        <v>1</v>
      </c>
      <c r="K1707" s="2">
        <v>0</v>
      </c>
      <c r="L1707" t="s">
        <v>82</v>
      </c>
      <c r="M1707" t="s">
        <v>87</v>
      </c>
      <c r="N1707" t="s">
        <v>88</v>
      </c>
      <c r="O1707" t="s">
        <v>85</v>
      </c>
      <c r="P1707" t="s">
        <v>86</v>
      </c>
      <c r="Q1707">
        <v>7</v>
      </c>
      <c r="R1707">
        <v>7</v>
      </c>
      <c r="S1707">
        <v>7</v>
      </c>
      <c r="T1707">
        <v>7</v>
      </c>
      <c r="U1707">
        <v>7</v>
      </c>
      <c r="V1707">
        <v>7</v>
      </c>
      <c r="W1707">
        <v>7</v>
      </c>
      <c r="X1707">
        <v>7</v>
      </c>
      <c r="Y1707">
        <v>7</v>
      </c>
      <c r="Z1707">
        <v>7</v>
      </c>
      <c r="AA1707">
        <v>7</v>
      </c>
      <c r="AB1707">
        <v>7</v>
      </c>
      <c r="AC1707">
        <v>7</v>
      </c>
      <c r="AD1707">
        <v>7</v>
      </c>
      <c r="AE1707">
        <v>7</v>
      </c>
      <c r="AF1707">
        <v>7</v>
      </c>
      <c r="AG1707">
        <v>7</v>
      </c>
      <c r="AH1707">
        <v>7</v>
      </c>
      <c r="AI1707">
        <v>7</v>
      </c>
      <c r="AJ1707">
        <v>7</v>
      </c>
      <c r="AK1707">
        <v>7</v>
      </c>
      <c r="AL1707">
        <v>7</v>
      </c>
      <c r="AM1707">
        <v>7</v>
      </c>
      <c r="AN1707">
        <v>7</v>
      </c>
      <c r="AO1707">
        <v>7</v>
      </c>
      <c r="AP1707">
        <v>7</v>
      </c>
      <c r="AQ1707">
        <v>7</v>
      </c>
    </row>
    <row r="1708" spans="1:43">
      <c r="A1708" t="s">
        <v>1130</v>
      </c>
      <c r="B1708" t="s">
        <v>1131</v>
      </c>
      <c r="C1708" t="s">
        <v>919</v>
      </c>
      <c r="D1708" t="s">
        <v>920</v>
      </c>
      <c r="E1708" t="s">
        <v>847</v>
      </c>
      <c r="F1708" t="s">
        <v>848</v>
      </c>
      <c r="G1708" t="s">
        <v>80</v>
      </c>
      <c r="H1708" t="s">
        <v>81</v>
      </c>
      <c r="I1708" s="2">
        <v>0</v>
      </c>
      <c r="J1708" s="2">
        <v>1</v>
      </c>
      <c r="K1708" s="2">
        <v>0</v>
      </c>
      <c r="L1708" t="s">
        <v>82</v>
      </c>
      <c r="M1708" t="s">
        <v>89</v>
      </c>
      <c r="N1708" t="s">
        <v>90</v>
      </c>
      <c r="O1708" t="s">
        <v>85</v>
      </c>
      <c r="P1708" t="s">
        <v>86</v>
      </c>
      <c r="Q1708">
        <v>7</v>
      </c>
      <c r="R1708">
        <v>7</v>
      </c>
      <c r="S1708">
        <v>7</v>
      </c>
      <c r="T1708">
        <v>7</v>
      </c>
      <c r="U1708">
        <v>7</v>
      </c>
      <c r="V1708">
        <v>7</v>
      </c>
      <c r="W1708">
        <v>7</v>
      </c>
      <c r="X1708">
        <v>7</v>
      </c>
      <c r="Y1708">
        <v>7</v>
      </c>
      <c r="Z1708">
        <v>7</v>
      </c>
      <c r="AA1708">
        <v>7</v>
      </c>
      <c r="AB1708">
        <v>7</v>
      </c>
      <c r="AC1708">
        <v>7</v>
      </c>
      <c r="AD1708">
        <v>7</v>
      </c>
      <c r="AE1708">
        <v>7</v>
      </c>
      <c r="AF1708">
        <v>7</v>
      </c>
      <c r="AG1708">
        <v>7</v>
      </c>
      <c r="AH1708">
        <v>7</v>
      </c>
      <c r="AI1708">
        <v>7</v>
      </c>
      <c r="AJ1708">
        <v>7</v>
      </c>
      <c r="AK1708">
        <v>7</v>
      </c>
      <c r="AL1708">
        <v>7</v>
      </c>
      <c r="AM1708">
        <v>7</v>
      </c>
      <c r="AN1708">
        <v>7</v>
      </c>
      <c r="AO1708">
        <v>7</v>
      </c>
      <c r="AP1708">
        <v>7</v>
      </c>
      <c r="AQ1708">
        <v>7</v>
      </c>
    </row>
    <row r="1709" spans="1:43">
      <c r="A1709" t="s">
        <v>1130</v>
      </c>
      <c r="B1709" t="s">
        <v>1131</v>
      </c>
      <c r="C1709" t="s">
        <v>919</v>
      </c>
      <c r="D1709" t="s">
        <v>920</v>
      </c>
      <c r="E1709" t="s">
        <v>847</v>
      </c>
      <c r="F1709" t="s">
        <v>848</v>
      </c>
      <c r="G1709" t="s">
        <v>80</v>
      </c>
      <c r="H1709" t="s">
        <v>81</v>
      </c>
      <c r="I1709" s="2">
        <v>0</v>
      </c>
      <c r="J1709" s="2">
        <v>1</v>
      </c>
      <c r="K1709" s="2">
        <v>0</v>
      </c>
      <c r="L1709" t="s">
        <v>82</v>
      </c>
      <c r="M1709" t="s">
        <v>83</v>
      </c>
      <c r="N1709" t="s">
        <v>91</v>
      </c>
      <c r="O1709" t="s">
        <v>85</v>
      </c>
      <c r="P1709" t="s">
        <v>86</v>
      </c>
      <c r="Q1709">
        <v>7</v>
      </c>
      <c r="R1709">
        <v>7</v>
      </c>
      <c r="S1709">
        <v>7</v>
      </c>
      <c r="T1709">
        <v>7</v>
      </c>
      <c r="U1709">
        <v>7</v>
      </c>
      <c r="V1709">
        <v>7</v>
      </c>
      <c r="W1709">
        <v>7</v>
      </c>
      <c r="X1709">
        <v>7</v>
      </c>
      <c r="Y1709">
        <v>7</v>
      </c>
      <c r="Z1709">
        <v>7</v>
      </c>
      <c r="AA1709">
        <v>7</v>
      </c>
      <c r="AB1709">
        <v>7</v>
      </c>
      <c r="AC1709">
        <v>7</v>
      </c>
      <c r="AD1709">
        <v>7</v>
      </c>
      <c r="AE1709">
        <v>7</v>
      </c>
      <c r="AF1709">
        <v>7</v>
      </c>
      <c r="AG1709">
        <v>7</v>
      </c>
      <c r="AH1709">
        <v>7</v>
      </c>
      <c r="AI1709">
        <v>7</v>
      </c>
      <c r="AJ1709">
        <v>7</v>
      </c>
      <c r="AK1709">
        <v>7</v>
      </c>
      <c r="AL1709">
        <v>7</v>
      </c>
      <c r="AM1709">
        <v>7</v>
      </c>
      <c r="AN1709">
        <v>7</v>
      </c>
      <c r="AO1709">
        <v>7</v>
      </c>
      <c r="AP1709">
        <v>7</v>
      </c>
      <c r="AQ1709">
        <v>6</v>
      </c>
    </row>
    <row r="1710" spans="1:43">
      <c r="A1710" t="s">
        <v>1132</v>
      </c>
      <c r="B1710" t="s">
        <v>1133</v>
      </c>
      <c r="C1710" t="s">
        <v>953</v>
      </c>
      <c r="D1710" t="s">
        <v>954</v>
      </c>
      <c r="E1710" t="s">
        <v>847</v>
      </c>
      <c r="F1710" t="s">
        <v>848</v>
      </c>
      <c r="G1710" t="s">
        <v>80</v>
      </c>
      <c r="H1710" t="s">
        <v>81</v>
      </c>
      <c r="I1710" s="2">
        <v>0</v>
      </c>
      <c r="J1710" s="2">
        <v>1</v>
      </c>
      <c r="K1710" s="2">
        <v>0</v>
      </c>
      <c r="L1710" t="s">
        <v>82</v>
      </c>
      <c r="M1710" t="s">
        <v>83</v>
      </c>
      <c r="N1710" t="s">
        <v>84</v>
      </c>
      <c r="O1710" t="s">
        <v>85</v>
      </c>
      <c r="P1710" t="s">
        <v>86</v>
      </c>
      <c r="Q1710">
        <v>13</v>
      </c>
      <c r="R1710">
        <v>13</v>
      </c>
      <c r="S1710">
        <v>13</v>
      </c>
      <c r="T1710">
        <v>13</v>
      </c>
      <c r="U1710">
        <v>13</v>
      </c>
      <c r="V1710">
        <v>13</v>
      </c>
      <c r="W1710">
        <v>13</v>
      </c>
      <c r="X1710">
        <v>13</v>
      </c>
      <c r="Y1710">
        <v>13</v>
      </c>
      <c r="Z1710">
        <v>13</v>
      </c>
      <c r="AA1710">
        <v>13</v>
      </c>
      <c r="AB1710">
        <v>13</v>
      </c>
      <c r="AC1710">
        <v>13</v>
      </c>
      <c r="AD1710">
        <v>13</v>
      </c>
      <c r="AE1710">
        <v>13</v>
      </c>
      <c r="AF1710">
        <v>13</v>
      </c>
      <c r="AG1710">
        <v>13</v>
      </c>
      <c r="AH1710">
        <v>13</v>
      </c>
      <c r="AI1710">
        <v>13</v>
      </c>
      <c r="AJ1710">
        <v>13</v>
      </c>
      <c r="AK1710">
        <v>13</v>
      </c>
      <c r="AL1710">
        <v>13</v>
      </c>
      <c r="AM1710">
        <v>13</v>
      </c>
      <c r="AN1710">
        <v>13</v>
      </c>
      <c r="AO1710">
        <v>13</v>
      </c>
      <c r="AP1710">
        <v>13</v>
      </c>
      <c r="AQ1710">
        <v>13</v>
      </c>
    </row>
    <row r="1711" spans="1:43">
      <c r="A1711" t="s">
        <v>1132</v>
      </c>
      <c r="B1711" t="s">
        <v>1133</v>
      </c>
      <c r="C1711" t="s">
        <v>953</v>
      </c>
      <c r="D1711" t="s">
        <v>954</v>
      </c>
      <c r="E1711" t="s">
        <v>847</v>
      </c>
      <c r="F1711" t="s">
        <v>848</v>
      </c>
      <c r="G1711" t="s">
        <v>80</v>
      </c>
      <c r="H1711" t="s">
        <v>81</v>
      </c>
      <c r="I1711" s="2">
        <v>0</v>
      </c>
      <c r="J1711" s="2">
        <v>1</v>
      </c>
      <c r="K1711" s="2">
        <v>0</v>
      </c>
      <c r="L1711" t="s">
        <v>82</v>
      </c>
      <c r="M1711" t="s">
        <v>87</v>
      </c>
      <c r="N1711" t="s">
        <v>88</v>
      </c>
      <c r="O1711" t="s">
        <v>85</v>
      </c>
      <c r="P1711" t="s">
        <v>86</v>
      </c>
      <c r="Q1711">
        <v>13</v>
      </c>
      <c r="R1711">
        <v>13</v>
      </c>
      <c r="S1711">
        <v>13</v>
      </c>
      <c r="T1711">
        <v>13</v>
      </c>
      <c r="U1711">
        <v>13</v>
      </c>
      <c r="V1711">
        <v>13</v>
      </c>
      <c r="W1711">
        <v>13</v>
      </c>
      <c r="X1711">
        <v>13</v>
      </c>
      <c r="Y1711">
        <v>13</v>
      </c>
      <c r="Z1711">
        <v>13</v>
      </c>
      <c r="AA1711">
        <v>13</v>
      </c>
      <c r="AB1711">
        <v>13</v>
      </c>
      <c r="AC1711">
        <v>13</v>
      </c>
      <c r="AD1711">
        <v>13</v>
      </c>
      <c r="AE1711">
        <v>13</v>
      </c>
      <c r="AF1711">
        <v>13</v>
      </c>
      <c r="AG1711">
        <v>13</v>
      </c>
      <c r="AH1711">
        <v>12</v>
      </c>
      <c r="AI1711">
        <v>12</v>
      </c>
      <c r="AJ1711">
        <v>12</v>
      </c>
      <c r="AK1711">
        <v>12</v>
      </c>
      <c r="AL1711">
        <v>12</v>
      </c>
      <c r="AM1711">
        <v>12</v>
      </c>
      <c r="AN1711">
        <v>12</v>
      </c>
      <c r="AO1711">
        <v>12</v>
      </c>
      <c r="AP1711">
        <v>12</v>
      </c>
      <c r="AQ1711">
        <v>12</v>
      </c>
    </row>
    <row r="1712" spans="1:43">
      <c r="A1712" t="s">
        <v>1132</v>
      </c>
      <c r="B1712" t="s">
        <v>1133</v>
      </c>
      <c r="C1712" t="s">
        <v>953</v>
      </c>
      <c r="D1712" t="s">
        <v>954</v>
      </c>
      <c r="E1712" t="s">
        <v>847</v>
      </c>
      <c r="F1712" t="s">
        <v>848</v>
      </c>
      <c r="G1712" t="s">
        <v>80</v>
      </c>
      <c r="H1712" t="s">
        <v>81</v>
      </c>
      <c r="I1712" s="2">
        <v>0</v>
      </c>
      <c r="J1712" s="2">
        <v>1</v>
      </c>
      <c r="K1712" s="2">
        <v>0</v>
      </c>
      <c r="L1712" t="s">
        <v>82</v>
      </c>
      <c r="M1712" t="s">
        <v>89</v>
      </c>
      <c r="N1712" t="s">
        <v>90</v>
      </c>
      <c r="O1712" t="s">
        <v>85</v>
      </c>
      <c r="P1712" t="s">
        <v>86</v>
      </c>
      <c r="Q1712">
        <v>13</v>
      </c>
      <c r="R1712">
        <v>13</v>
      </c>
      <c r="S1712">
        <v>13</v>
      </c>
      <c r="T1712">
        <v>13</v>
      </c>
      <c r="U1712">
        <v>13</v>
      </c>
      <c r="V1712">
        <v>13</v>
      </c>
      <c r="W1712">
        <v>13</v>
      </c>
      <c r="X1712">
        <v>14</v>
      </c>
      <c r="Y1712">
        <v>14</v>
      </c>
      <c r="Z1712">
        <v>14</v>
      </c>
      <c r="AA1712">
        <v>14</v>
      </c>
      <c r="AB1712">
        <v>14</v>
      </c>
      <c r="AC1712">
        <v>14</v>
      </c>
      <c r="AD1712">
        <v>14</v>
      </c>
      <c r="AE1712">
        <v>14</v>
      </c>
      <c r="AF1712">
        <v>14</v>
      </c>
      <c r="AG1712">
        <v>14</v>
      </c>
      <c r="AH1712">
        <v>14</v>
      </c>
      <c r="AI1712">
        <v>14</v>
      </c>
      <c r="AJ1712">
        <v>13</v>
      </c>
      <c r="AK1712">
        <v>13</v>
      </c>
      <c r="AL1712">
        <v>13</v>
      </c>
      <c r="AM1712">
        <v>13</v>
      </c>
      <c r="AN1712">
        <v>13</v>
      </c>
      <c r="AO1712">
        <v>13</v>
      </c>
      <c r="AP1712">
        <v>13</v>
      </c>
      <c r="AQ1712">
        <v>13</v>
      </c>
    </row>
    <row r="1713" spans="1:43">
      <c r="A1713" t="s">
        <v>1132</v>
      </c>
      <c r="B1713" t="s">
        <v>1133</v>
      </c>
      <c r="C1713" t="s">
        <v>953</v>
      </c>
      <c r="D1713" t="s">
        <v>954</v>
      </c>
      <c r="E1713" t="s">
        <v>847</v>
      </c>
      <c r="F1713" t="s">
        <v>848</v>
      </c>
      <c r="G1713" t="s">
        <v>80</v>
      </c>
      <c r="H1713" t="s">
        <v>81</v>
      </c>
      <c r="I1713" s="2">
        <v>0</v>
      </c>
      <c r="J1713" s="2">
        <v>1</v>
      </c>
      <c r="K1713" s="2">
        <v>0</v>
      </c>
      <c r="L1713" t="s">
        <v>82</v>
      </c>
      <c r="M1713" t="s">
        <v>83</v>
      </c>
      <c r="N1713" t="s">
        <v>91</v>
      </c>
      <c r="O1713" t="s">
        <v>85</v>
      </c>
      <c r="P1713" t="s">
        <v>86</v>
      </c>
      <c r="Q1713">
        <v>13</v>
      </c>
      <c r="R1713">
        <v>13</v>
      </c>
      <c r="S1713">
        <v>13</v>
      </c>
      <c r="T1713">
        <v>13</v>
      </c>
      <c r="U1713">
        <v>13</v>
      </c>
      <c r="V1713">
        <v>13</v>
      </c>
      <c r="W1713">
        <v>13</v>
      </c>
      <c r="X1713">
        <v>13</v>
      </c>
      <c r="Y1713">
        <v>13</v>
      </c>
      <c r="Z1713">
        <v>13</v>
      </c>
      <c r="AA1713">
        <v>13</v>
      </c>
      <c r="AB1713">
        <v>13</v>
      </c>
      <c r="AC1713">
        <v>13</v>
      </c>
      <c r="AD1713">
        <v>13</v>
      </c>
      <c r="AE1713">
        <v>13</v>
      </c>
      <c r="AF1713">
        <v>13</v>
      </c>
      <c r="AG1713">
        <v>13</v>
      </c>
      <c r="AH1713">
        <v>13</v>
      </c>
      <c r="AI1713">
        <v>13</v>
      </c>
      <c r="AJ1713">
        <v>13</v>
      </c>
      <c r="AK1713">
        <v>13</v>
      </c>
      <c r="AL1713">
        <v>13</v>
      </c>
      <c r="AM1713">
        <v>13</v>
      </c>
      <c r="AN1713">
        <v>13</v>
      </c>
      <c r="AO1713">
        <v>13</v>
      </c>
      <c r="AP1713">
        <v>13</v>
      </c>
      <c r="AQ1713">
        <v>13</v>
      </c>
    </row>
    <row r="1714" spans="1:43">
      <c r="A1714" t="s">
        <v>1134</v>
      </c>
      <c r="B1714" t="s">
        <v>1135</v>
      </c>
      <c r="C1714" t="s">
        <v>919</v>
      </c>
      <c r="D1714" t="s">
        <v>920</v>
      </c>
      <c r="E1714" t="s">
        <v>847</v>
      </c>
      <c r="F1714" t="s">
        <v>848</v>
      </c>
      <c r="G1714" t="s">
        <v>80</v>
      </c>
      <c r="H1714" t="s">
        <v>81</v>
      </c>
      <c r="I1714" s="2">
        <v>0</v>
      </c>
      <c r="J1714" s="2">
        <v>1</v>
      </c>
      <c r="K1714" s="2">
        <v>0</v>
      </c>
      <c r="L1714" t="s">
        <v>82</v>
      </c>
      <c r="M1714" t="s">
        <v>83</v>
      </c>
      <c r="N1714" t="s">
        <v>84</v>
      </c>
      <c r="O1714" t="s">
        <v>85</v>
      </c>
      <c r="P1714" t="s">
        <v>86</v>
      </c>
      <c r="Q1714">
        <v>19</v>
      </c>
      <c r="R1714">
        <v>19</v>
      </c>
      <c r="S1714">
        <v>19</v>
      </c>
      <c r="T1714">
        <v>19</v>
      </c>
      <c r="U1714">
        <v>20</v>
      </c>
      <c r="V1714">
        <v>20</v>
      </c>
      <c r="W1714">
        <v>20</v>
      </c>
      <c r="X1714">
        <v>20</v>
      </c>
      <c r="Y1714">
        <v>20</v>
      </c>
      <c r="Z1714">
        <v>20</v>
      </c>
      <c r="AA1714">
        <v>20</v>
      </c>
      <c r="AB1714">
        <v>20</v>
      </c>
      <c r="AC1714">
        <v>20</v>
      </c>
      <c r="AD1714">
        <v>20</v>
      </c>
      <c r="AE1714">
        <v>20</v>
      </c>
      <c r="AF1714">
        <v>20</v>
      </c>
      <c r="AG1714">
        <v>20</v>
      </c>
      <c r="AH1714">
        <v>20</v>
      </c>
      <c r="AI1714">
        <v>20</v>
      </c>
      <c r="AJ1714">
        <v>20</v>
      </c>
      <c r="AK1714">
        <v>20</v>
      </c>
      <c r="AL1714">
        <v>20</v>
      </c>
      <c r="AM1714">
        <v>20</v>
      </c>
      <c r="AN1714">
        <v>20</v>
      </c>
      <c r="AO1714">
        <v>19</v>
      </c>
      <c r="AP1714">
        <v>19</v>
      </c>
      <c r="AQ1714">
        <v>19</v>
      </c>
    </row>
    <row r="1715" spans="1:43">
      <c r="A1715" t="s">
        <v>1134</v>
      </c>
      <c r="B1715" t="s">
        <v>1135</v>
      </c>
      <c r="C1715" t="s">
        <v>919</v>
      </c>
      <c r="D1715" t="s">
        <v>920</v>
      </c>
      <c r="E1715" t="s">
        <v>847</v>
      </c>
      <c r="F1715" t="s">
        <v>848</v>
      </c>
      <c r="G1715" t="s">
        <v>80</v>
      </c>
      <c r="H1715" t="s">
        <v>81</v>
      </c>
      <c r="I1715" s="2">
        <v>0</v>
      </c>
      <c r="J1715" s="2">
        <v>1</v>
      </c>
      <c r="K1715" s="2">
        <v>0</v>
      </c>
      <c r="L1715" t="s">
        <v>82</v>
      </c>
      <c r="M1715" t="s">
        <v>87</v>
      </c>
      <c r="N1715" t="s">
        <v>88</v>
      </c>
      <c r="O1715" t="s">
        <v>85</v>
      </c>
      <c r="P1715" t="s">
        <v>86</v>
      </c>
      <c r="Q1715">
        <v>19</v>
      </c>
      <c r="R1715">
        <v>19</v>
      </c>
      <c r="S1715">
        <v>19</v>
      </c>
      <c r="T1715">
        <v>19</v>
      </c>
      <c r="U1715">
        <v>19</v>
      </c>
      <c r="V1715">
        <v>19</v>
      </c>
      <c r="W1715">
        <v>18</v>
      </c>
      <c r="X1715">
        <v>18</v>
      </c>
      <c r="Y1715">
        <v>18</v>
      </c>
      <c r="Z1715">
        <v>18</v>
      </c>
      <c r="AA1715">
        <v>18</v>
      </c>
      <c r="AB1715">
        <v>18</v>
      </c>
      <c r="AC1715">
        <v>18</v>
      </c>
      <c r="AD1715">
        <v>18</v>
      </c>
      <c r="AE1715">
        <v>18</v>
      </c>
      <c r="AF1715">
        <v>18</v>
      </c>
      <c r="AG1715">
        <v>17</v>
      </c>
      <c r="AH1715">
        <v>17</v>
      </c>
      <c r="AI1715">
        <v>17</v>
      </c>
      <c r="AJ1715">
        <v>17</v>
      </c>
      <c r="AK1715">
        <v>17</v>
      </c>
      <c r="AL1715">
        <v>17</v>
      </c>
      <c r="AM1715">
        <v>17</v>
      </c>
      <c r="AN1715">
        <v>17</v>
      </c>
      <c r="AO1715">
        <v>17</v>
      </c>
      <c r="AP1715">
        <v>17</v>
      </c>
      <c r="AQ1715">
        <v>17</v>
      </c>
    </row>
    <row r="1716" spans="1:43">
      <c r="A1716" t="s">
        <v>1134</v>
      </c>
      <c r="B1716" t="s">
        <v>1135</v>
      </c>
      <c r="C1716" t="s">
        <v>919</v>
      </c>
      <c r="D1716" t="s">
        <v>920</v>
      </c>
      <c r="E1716" t="s">
        <v>847</v>
      </c>
      <c r="F1716" t="s">
        <v>848</v>
      </c>
      <c r="G1716" t="s">
        <v>80</v>
      </c>
      <c r="H1716" t="s">
        <v>81</v>
      </c>
      <c r="I1716" s="2">
        <v>0</v>
      </c>
      <c r="J1716" s="2">
        <v>1</v>
      </c>
      <c r="K1716" s="2">
        <v>0</v>
      </c>
      <c r="L1716" t="s">
        <v>82</v>
      </c>
      <c r="M1716" t="s">
        <v>89</v>
      </c>
      <c r="N1716" t="s">
        <v>90</v>
      </c>
      <c r="O1716" t="s">
        <v>85</v>
      </c>
      <c r="P1716" t="s">
        <v>86</v>
      </c>
      <c r="Q1716">
        <v>19</v>
      </c>
      <c r="R1716">
        <v>20</v>
      </c>
      <c r="S1716">
        <v>20</v>
      </c>
      <c r="T1716">
        <v>20</v>
      </c>
      <c r="U1716">
        <v>20</v>
      </c>
      <c r="V1716">
        <v>20</v>
      </c>
      <c r="W1716">
        <v>21</v>
      </c>
      <c r="X1716">
        <v>21</v>
      </c>
      <c r="Y1716">
        <v>21</v>
      </c>
      <c r="Z1716">
        <v>21</v>
      </c>
      <c r="AA1716">
        <v>21</v>
      </c>
      <c r="AB1716">
        <v>21</v>
      </c>
      <c r="AC1716">
        <v>21</v>
      </c>
      <c r="AD1716">
        <v>21</v>
      </c>
      <c r="AE1716">
        <v>21</v>
      </c>
      <c r="AF1716">
        <v>21</v>
      </c>
      <c r="AG1716">
        <v>21</v>
      </c>
      <c r="AH1716">
        <v>21</v>
      </c>
      <c r="AI1716">
        <v>21</v>
      </c>
      <c r="AJ1716">
        <v>20</v>
      </c>
      <c r="AK1716">
        <v>20</v>
      </c>
      <c r="AL1716">
        <v>20</v>
      </c>
      <c r="AM1716">
        <v>20</v>
      </c>
      <c r="AN1716">
        <v>20</v>
      </c>
      <c r="AO1716">
        <v>20</v>
      </c>
      <c r="AP1716">
        <v>19</v>
      </c>
      <c r="AQ1716">
        <v>19</v>
      </c>
    </row>
    <row r="1717" spans="1:43">
      <c r="A1717" t="s">
        <v>1134</v>
      </c>
      <c r="B1717" t="s">
        <v>1135</v>
      </c>
      <c r="C1717" t="s">
        <v>919</v>
      </c>
      <c r="D1717" t="s">
        <v>920</v>
      </c>
      <c r="E1717" t="s">
        <v>847</v>
      </c>
      <c r="F1717" t="s">
        <v>848</v>
      </c>
      <c r="G1717" t="s">
        <v>80</v>
      </c>
      <c r="H1717" t="s">
        <v>81</v>
      </c>
      <c r="I1717" s="2">
        <v>0</v>
      </c>
      <c r="J1717" s="2">
        <v>1</v>
      </c>
      <c r="K1717" s="2">
        <v>0</v>
      </c>
      <c r="L1717" t="s">
        <v>82</v>
      </c>
      <c r="M1717" t="s">
        <v>83</v>
      </c>
      <c r="N1717" t="s">
        <v>91</v>
      </c>
      <c r="O1717" t="s">
        <v>85</v>
      </c>
      <c r="P1717" t="s">
        <v>86</v>
      </c>
      <c r="Q1717">
        <v>19</v>
      </c>
      <c r="R1717">
        <v>19</v>
      </c>
      <c r="S1717">
        <v>19</v>
      </c>
      <c r="T1717">
        <v>19</v>
      </c>
      <c r="U1717">
        <v>20</v>
      </c>
      <c r="V1717">
        <v>20</v>
      </c>
      <c r="W1717">
        <v>20</v>
      </c>
      <c r="X1717">
        <v>20</v>
      </c>
      <c r="Y1717">
        <v>20</v>
      </c>
      <c r="Z1717">
        <v>20</v>
      </c>
      <c r="AA1717">
        <v>20</v>
      </c>
      <c r="AB1717">
        <v>20</v>
      </c>
      <c r="AC1717">
        <v>20</v>
      </c>
      <c r="AD1717">
        <v>20</v>
      </c>
      <c r="AE1717">
        <v>20</v>
      </c>
      <c r="AF1717">
        <v>20</v>
      </c>
      <c r="AG1717">
        <v>20</v>
      </c>
      <c r="AH1717">
        <v>20</v>
      </c>
      <c r="AI1717">
        <v>20</v>
      </c>
      <c r="AJ1717">
        <v>20</v>
      </c>
      <c r="AK1717">
        <v>20</v>
      </c>
      <c r="AL1717">
        <v>20</v>
      </c>
      <c r="AM1717">
        <v>20</v>
      </c>
      <c r="AN1717">
        <v>20</v>
      </c>
      <c r="AO1717">
        <v>19</v>
      </c>
      <c r="AP1717">
        <v>19</v>
      </c>
      <c r="AQ1717">
        <v>19</v>
      </c>
    </row>
    <row r="1718" spans="1:43">
      <c r="A1718" t="s">
        <v>1136</v>
      </c>
      <c r="B1718" t="s">
        <v>1137</v>
      </c>
      <c r="C1718" t="s">
        <v>919</v>
      </c>
      <c r="D1718" t="s">
        <v>920</v>
      </c>
      <c r="E1718" t="s">
        <v>847</v>
      </c>
      <c r="F1718" t="s">
        <v>848</v>
      </c>
      <c r="G1718" t="s">
        <v>80</v>
      </c>
      <c r="H1718" t="s">
        <v>81</v>
      </c>
      <c r="I1718" s="2">
        <v>0</v>
      </c>
      <c r="J1718" s="2">
        <v>1</v>
      </c>
      <c r="K1718" s="2">
        <v>0</v>
      </c>
      <c r="L1718" t="s">
        <v>82</v>
      </c>
      <c r="M1718" t="s">
        <v>83</v>
      </c>
      <c r="N1718" t="s">
        <v>84</v>
      </c>
      <c r="O1718" t="s">
        <v>85</v>
      </c>
      <c r="P1718" t="s">
        <v>86</v>
      </c>
      <c r="Q1718">
        <v>2</v>
      </c>
      <c r="R1718">
        <v>2</v>
      </c>
      <c r="S1718">
        <v>2</v>
      </c>
      <c r="T1718">
        <v>2</v>
      </c>
      <c r="U1718">
        <v>2</v>
      </c>
      <c r="V1718">
        <v>2</v>
      </c>
      <c r="W1718">
        <v>2</v>
      </c>
      <c r="X1718">
        <v>2</v>
      </c>
      <c r="Y1718">
        <v>2</v>
      </c>
      <c r="Z1718">
        <v>2</v>
      </c>
      <c r="AA1718">
        <v>2</v>
      </c>
      <c r="AB1718">
        <v>2</v>
      </c>
      <c r="AC1718">
        <v>2</v>
      </c>
      <c r="AD1718">
        <v>2</v>
      </c>
      <c r="AE1718">
        <v>2</v>
      </c>
      <c r="AF1718">
        <v>2</v>
      </c>
      <c r="AG1718">
        <v>2</v>
      </c>
      <c r="AH1718">
        <v>2</v>
      </c>
      <c r="AI1718">
        <v>2</v>
      </c>
      <c r="AJ1718">
        <v>2</v>
      </c>
      <c r="AK1718">
        <v>2</v>
      </c>
      <c r="AL1718">
        <v>2</v>
      </c>
      <c r="AM1718">
        <v>2</v>
      </c>
      <c r="AN1718">
        <v>2</v>
      </c>
      <c r="AO1718">
        <v>2</v>
      </c>
      <c r="AP1718">
        <v>2</v>
      </c>
      <c r="AQ1718">
        <v>2</v>
      </c>
    </row>
    <row r="1719" spans="1:43">
      <c r="A1719" t="s">
        <v>1136</v>
      </c>
      <c r="B1719" t="s">
        <v>1137</v>
      </c>
      <c r="C1719" t="s">
        <v>919</v>
      </c>
      <c r="D1719" t="s">
        <v>920</v>
      </c>
      <c r="E1719" t="s">
        <v>847</v>
      </c>
      <c r="F1719" t="s">
        <v>848</v>
      </c>
      <c r="G1719" t="s">
        <v>80</v>
      </c>
      <c r="H1719" t="s">
        <v>81</v>
      </c>
      <c r="I1719" s="2">
        <v>0</v>
      </c>
      <c r="J1719" s="2">
        <v>1</v>
      </c>
      <c r="K1719" s="2">
        <v>0</v>
      </c>
      <c r="L1719" t="s">
        <v>82</v>
      </c>
      <c r="M1719" t="s">
        <v>87</v>
      </c>
      <c r="N1719" t="s">
        <v>88</v>
      </c>
      <c r="O1719" t="s">
        <v>85</v>
      </c>
      <c r="P1719" t="s">
        <v>86</v>
      </c>
      <c r="Q1719">
        <v>2</v>
      </c>
      <c r="R1719">
        <v>2</v>
      </c>
      <c r="S1719">
        <v>2</v>
      </c>
      <c r="T1719">
        <v>2</v>
      </c>
      <c r="U1719">
        <v>2</v>
      </c>
      <c r="V1719">
        <v>2</v>
      </c>
      <c r="W1719">
        <v>2</v>
      </c>
      <c r="X1719">
        <v>2</v>
      </c>
      <c r="Y1719">
        <v>2</v>
      </c>
      <c r="Z1719">
        <v>2</v>
      </c>
      <c r="AA1719">
        <v>2</v>
      </c>
      <c r="AB1719">
        <v>2</v>
      </c>
      <c r="AC1719">
        <v>2</v>
      </c>
      <c r="AD1719">
        <v>2</v>
      </c>
      <c r="AE1719">
        <v>2</v>
      </c>
      <c r="AF1719">
        <v>2</v>
      </c>
      <c r="AG1719">
        <v>2</v>
      </c>
      <c r="AH1719">
        <v>2</v>
      </c>
      <c r="AI1719">
        <v>2</v>
      </c>
      <c r="AJ1719">
        <v>2</v>
      </c>
      <c r="AK1719">
        <v>2</v>
      </c>
      <c r="AL1719">
        <v>2</v>
      </c>
      <c r="AM1719">
        <v>2</v>
      </c>
      <c r="AN1719">
        <v>2</v>
      </c>
      <c r="AO1719">
        <v>2</v>
      </c>
      <c r="AP1719">
        <v>2</v>
      </c>
      <c r="AQ1719">
        <v>2</v>
      </c>
    </row>
    <row r="1720" spans="1:43">
      <c r="A1720" t="s">
        <v>1136</v>
      </c>
      <c r="B1720" t="s">
        <v>1137</v>
      </c>
      <c r="C1720" t="s">
        <v>919</v>
      </c>
      <c r="D1720" t="s">
        <v>920</v>
      </c>
      <c r="E1720" t="s">
        <v>847</v>
      </c>
      <c r="F1720" t="s">
        <v>848</v>
      </c>
      <c r="G1720" t="s">
        <v>80</v>
      </c>
      <c r="H1720" t="s">
        <v>81</v>
      </c>
      <c r="I1720" s="2">
        <v>0</v>
      </c>
      <c r="J1720" s="2">
        <v>1</v>
      </c>
      <c r="K1720" s="2">
        <v>0</v>
      </c>
      <c r="L1720" t="s">
        <v>82</v>
      </c>
      <c r="M1720" t="s">
        <v>89</v>
      </c>
      <c r="N1720" t="s">
        <v>90</v>
      </c>
      <c r="O1720" t="s">
        <v>85</v>
      </c>
      <c r="P1720" t="s">
        <v>86</v>
      </c>
      <c r="Q1720">
        <v>2</v>
      </c>
      <c r="R1720">
        <v>2</v>
      </c>
      <c r="S1720">
        <v>2</v>
      </c>
      <c r="T1720">
        <v>2</v>
      </c>
      <c r="U1720">
        <v>2</v>
      </c>
      <c r="V1720">
        <v>2</v>
      </c>
      <c r="W1720">
        <v>2</v>
      </c>
      <c r="X1720">
        <v>2</v>
      </c>
      <c r="Y1720">
        <v>2</v>
      </c>
      <c r="Z1720">
        <v>2</v>
      </c>
      <c r="AA1720">
        <v>2</v>
      </c>
      <c r="AB1720">
        <v>2</v>
      </c>
      <c r="AC1720">
        <v>2</v>
      </c>
      <c r="AD1720">
        <v>2</v>
      </c>
      <c r="AE1720">
        <v>2</v>
      </c>
      <c r="AF1720">
        <v>2</v>
      </c>
      <c r="AG1720">
        <v>2</v>
      </c>
      <c r="AH1720">
        <v>2</v>
      </c>
      <c r="AI1720">
        <v>2</v>
      </c>
      <c r="AJ1720">
        <v>2</v>
      </c>
      <c r="AK1720">
        <v>2</v>
      </c>
      <c r="AL1720">
        <v>2</v>
      </c>
      <c r="AM1720">
        <v>2</v>
      </c>
      <c r="AN1720">
        <v>2</v>
      </c>
      <c r="AO1720">
        <v>2</v>
      </c>
      <c r="AP1720">
        <v>2</v>
      </c>
      <c r="AQ1720">
        <v>2</v>
      </c>
    </row>
    <row r="1721" spans="1:43">
      <c r="A1721" t="s">
        <v>1136</v>
      </c>
      <c r="B1721" t="s">
        <v>1137</v>
      </c>
      <c r="C1721" t="s">
        <v>919</v>
      </c>
      <c r="D1721" t="s">
        <v>920</v>
      </c>
      <c r="E1721" t="s">
        <v>847</v>
      </c>
      <c r="F1721" t="s">
        <v>848</v>
      </c>
      <c r="G1721" t="s">
        <v>80</v>
      </c>
      <c r="H1721" t="s">
        <v>81</v>
      </c>
      <c r="I1721" s="2">
        <v>0</v>
      </c>
      <c r="J1721" s="2">
        <v>1</v>
      </c>
      <c r="K1721" s="2">
        <v>0</v>
      </c>
      <c r="L1721" t="s">
        <v>82</v>
      </c>
      <c r="M1721" t="s">
        <v>83</v>
      </c>
      <c r="N1721" t="s">
        <v>91</v>
      </c>
      <c r="O1721" t="s">
        <v>85</v>
      </c>
      <c r="P1721" t="s">
        <v>86</v>
      </c>
      <c r="Q1721">
        <v>2</v>
      </c>
      <c r="R1721">
        <v>2</v>
      </c>
      <c r="S1721">
        <v>2</v>
      </c>
      <c r="T1721">
        <v>2</v>
      </c>
      <c r="U1721">
        <v>2</v>
      </c>
      <c r="V1721">
        <v>2</v>
      </c>
      <c r="W1721">
        <v>2</v>
      </c>
      <c r="X1721">
        <v>2</v>
      </c>
      <c r="Y1721">
        <v>2</v>
      </c>
      <c r="Z1721">
        <v>2</v>
      </c>
      <c r="AA1721">
        <v>2</v>
      </c>
      <c r="AB1721">
        <v>2</v>
      </c>
      <c r="AC1721">
        <v>2</v>
      </c>
      <c r="AD1721">
        <v>2</v>
      </c>
      <c r="AE1721">
        <v>2</v>
      </c>
      <c r="AF1721">
        <v>2</v>
      </c>
      <c r="AG1721">
        <v>2</v>
      </c>
      <c r="AH1721">
        <v>2</v>
      </c>
      <c r="AI1721">
        <v>2</v>
      </c>
      <c r="AJ1721">
        <v>2</v>
      </c>
      <c r="AK1721">
        <v>2</v>
      </c>
      <c r="AL1721">
        <v>2</v>
      </c>
      <c r="AM1721">
        <v>2</v>
      </c>
      <c r="AN1721">
        <v>2</v>
      </c>
      <c r="AO1721">
        <v>2</v>
      </c>
      <c r="AP1721">
        <v>2</v>
      </c>
      <c r="AQ1721">
        <v>2</v>
      </c>
    </row>
    <row r="1722" spans="1:43">
      <c r="A1722" t="s">
        <v>1138</v>
      </c>
      <c r="B1722" t="s">
        <v>1139</v>
      </c>
      <c r="C1722" t="s">
        <v>953</v>
      </c>
      <c r="D1722" t="s">
        <v>954</v>
      </c>
      <c r="E1722" t="s">
        <v>847</v>
      </c>
      <c r="F1722" t="s">
        <v>848</v>
      </c>
      <c r="G1722" t="s">
        <v>80</v>
      </c>
      <c r="H1722" t="s">
        <v>81</v>
      </c>
      <c r="I1722" s="2">
        <v>0</v>
      </c>
      <c r="J1722" s="2">
        <v>1</v>
      </c>
      <c r="K1722" s="2">
        <v>0</v>
      </c>
      <c r="L1722" t="s">
        <v>82</v>
      </c>
      <c r="M1722" t="s">
        <v>83</v>
      </c>
      <c r="N1722" t="s">
        <v>84</v>
      </c>
      <c r="O1722" t="s">
        <v>85</v>
      </c>
      <c r="P1722" t="s">
        <v>86</v>
      </c>
      <c r="Q1722">
        <v>84</v>
      </c>
      <c r="R1722">
        <v>85</v>
      </c>
      <c r="S1722">
        <v>85</v>
      </c>
      <c r="T1722">
        <v>85</v>
      </c>
      <c r="U1722">
        <v>86</v>
      </c>
      <c r="V1722">
        <v>86</v>
      </c>
      <c r="W1722">
        <v>87</v>
      </c>
      <c r="X1722">
        <v>87</v>
      </c>
      <c r="Y1722">
        <v>87</v>
      </c>
      <c r="Z1722">
        <v>88</v>
      </c>
      <c r="AA1722">
        <v>88</v>
      </c>
      <c r="AB1722">
        <v>88</v>
      </c>
      <c r="AC1722">
        <v>89</v>
      </c>
      <c r="AD1722">
        <v>89</v>
      </c>
      <c r="AE1722">
        <v>89</v>
      </c>
      <c r="AF1722">
        <v>89</v>
      </c>
      <c r="AG1722">
        <v>89</v>
      </c>
      <c r="AH1722">
        <v>90</v>
      </c>
      <c r="AI1722">
        <v>90</v>
      </c>
      <c r="AJ1722">
        <v>90</v>
      </c>
      <c r="AK1722">
        <v>90</v>
      </c>
      <c r="AL1722">
        <v>90</v>
      </c>
      <c r="AM1722">
        <v>89</v>
      </c>
      <c r="AN1722">
        <v>89</v>
      </c>
      <c r="AO1722">
        <v>88</v>
      </c>
      <c r="AP1722">
        <v>88</v>
      </c>
      <c r="AQ1722">
        <v>87</v>
      </c>
    </row>
    <row r="1723" spans="1:43">
      <c r="A1723" t="s">
        <v>1138</v>
      </c>
      <c r="B1723" t="s">
        <v>1139</v>
      </c>
      <c r="C1723" t="s">
        <v>953</v>
      </c>
      <c r="D1723" t="s">
        <v>954</v>
      </c>
      <c r="E1723" t="s">
        <v>847</v>
      </c>
      <c r="F1723" t="s">
        <v>848</v>
      </c>
      <c r="G1723" t="s">
        <v>80</v>
      </c>
      <c r="H1723" t="s">
        <v>81</v>
      </c>
      <c r="I1723" s="2">
        <v>0</v>
      </c>
      <c r="J1723" s="2">
        <v>1</v>
      </c>
      <c r="K1723" s="2">
        <v>0</v>
      </c>
      <c r="L1723" t="s">
        <v>82</v>
      </c>
      <c r="M1723" t="s">
        <v>87</v>
      </c>
      <c r="N1723" t="s">
        <v>88</v>
      </c>
      <c r="O1723" t="s">
        <v>85</v>
      </c>
      <c r="P1723" t="s">
        <v>86</v>
      </c>
      <c r="Q1723">
        <v>84</v>
      </c>
      <c r="R1723">
        <v>84</v>
      </c>
      <c r="S1723">
        <v>84</v>
      </c>
      <c r="T1723">
        <v>83</v>
      </c>
      <c r="U1723">
        <v>83</v>
      </c>
      <c r="V1723">
        <v>83</v>
      </c>
      <c r="W1723">
        <v>82</v>
      </c>
      <c r="X1723">
        <v>82</v>
      </c>
      <c r="Y1723">
        <v>82</v>
      </c>
      <c r="Z1723">
        <v>81</v>
      </c>
      <c r="AA1723">
        <v>81</v>
      </c>
      <c r="AB1723">
        <v>81</v>
      </c>
      <c r="AC1723">
        <v>80</v>
      </c>
      <c r="AD1723">
        <v>80</v>
      </c>
      <c r="AE1723">
        <v>80</v>
      </c>
      <c r="AF1723">
        <v>80</v>
      </c>
      <c r="AG1723">
        <v>79</v>
      </c>
      <c r="AH1723">
        <v>79</v>
      </c>
      <c r="AI1723">
        <v>79</v>
      </c>
      <c r="AJ1723">
        <v>78</v>
      </c>
      <c r="AK1723">
        <v>78</v>
      </c>
      <c r="AL1723">
        <v>78</v>
      </c>
      <c r="AM1723">
        <v>78</v>
      </c>
      <c r="AN1723">
        <v>77</v>
      </c>
      <c r="AO1723">
        <v>77</v>
      </c>
      <c r="AP1723">
        <v>77</v>
      </c>
      <c r="AQ1723">
        <v>77</v>
      </c>
    </row>
    <row r="1724" spans="1:43">
      <c r="A1724" t="s">
        <v>1138</v>
      </c>
      <c r="B1724" t="s">
        <v>1139</v>
      </c>
      <c r="C1724" t="s">
        <v>953</v>
      </c>
      <c r="D1724" t="s">
        <v>954</v>
      </c>
      <c r="E1724" t="s">
        <v>847</v>
      </c>
      <c r="F1724" t="s">
        <v>848</v>
      </c>
      <c r="G1724" t="s">
        <v>80</v>
      </c>
      <c r="H1724" t="s">
        <v>81</v>
      </c>
      <c r="I1724" s="2">
        <v>0</v>
      </c>
      <c r="J1724" s="2">
        <v>1</v>
      </c>
      <c r="K1724" s="2">
        <v>0</v>
      </c>
      <c r="L1724" t="s">
        <v>82</v>
      </c>
      <c r="M1724" t="s">
        <v>89</v>
      </c>
      <c r="N1724" t="s">
        <v>90</v>
      </c>
      <c r="O1724" t="s">
        <v>85</v>
      </c>
      <c r="P1724" t="s">
        <v>86</v>
      </c>
      <c r="Q1724">
        <v>84</v>
      </c>
      <c r="R1724">
        <v>85</v>
      </c>
      <c r="S1724">
        <v>86</v>
      </c>
      <c r="T1724">
        <v>87</v>
      </c>
      <c r="U1724">
        <v>88</v>
      </c>
      <c r="V1724">
        <v>89</v>
      </c>
      <c r="W1724">
        <v>90</v>
      </c>
      <c r="X1724">
        <v>91</v>
      </c>
      <c r="Y1724">
        <v>91</v>
      </c>
      <c r="Z1724">
        <v>92</v>
      </c>
      <c r="AA1724">
        <v>93</v>
      </c>
      <c r="AB1724">
        <v>93</v>
      </c>
      <c r="AC1724">
        <v>94</v>
      </c>
      <c r="AD1724">
        <v>94</v>
      </c>
      <c r="AE1724">
        <v>94</v>
      </c>
      <c r="AF1724">
        <v>94</v>
      </c>
      <c r="AG1724">
        <v>93</v>
      </c>
      <c r="AH1724">
        <v>92</v>
      </c>
      <c r="AI1724">
        <v>92</v>
      </c>
      <c r="AJ1724">
        <v>91</v>
      </c>
      <c r="AK1724">
        <v>91</v>
      </c>
      <c r="AL1724">
        <v>90</v>
      </c>
      <c r="AM1724">
        <v>89</v>
      </c>
      <c r="AN1724">
        <v>89</v>
      </c>
      <c r="AO1724">
        <v>88</v>
      </c>
      <c r="AP1724">
        <v>88</v>
      </c>
      <c r="AQ1724">
        <v>87</v>
      </c>
    </row>
    <row r="1725" spans="1:43">
      <c r="A1725" t="s">
        <v>1138</v>
      </c>
      <c r="B1725" t="s">
        <v>1139</v>
      </c>
      <c r="C1725" t="s">
        <v>953</v>
      </c>
      <c r="D1725" t="s">
        <v>954</v>
      </c>
      <c r="E1725" t="s">
        <v>847</v>
      </c>
      <c r="F1725" t="s">
        <v>848</v>
      </c>
      <c r="G1725" t="s">
        <v>80</v>
      </c>
      <c r="H1725" t="s">
        <v>81</v>
      </c>
      <c r="I1725" s="2">
        <v>0</v>
      </c>
      <c r="J1725" s="2">
        <v>1</v>
      </c>
      <c r="K1725" s="2">
        <v>0</v>
      </c>
      <c r="L1725" t="s">
        <v>82</v>
      </c>
      <c r="M1725" t="s">
        <v>83</v>
      </c>
      <c r="N1725" t="s">
        <v>91</v>
      </c>
      <c r="O1725" t="s">
        <v>85</v>
      </c>
      <c r="P1725" t="s">
        <v>86</v>
      </c>
      <c r="Q1725">
        <v>84</v>
      </c>
      <c r="R1725">
        <v>85</v>
      </c>
      <c r="S1725">
        <v>85</v>
      </c>
      <c r="T1725">
        <v>85</v>
      </c>
      <c r="U1725">
        <v>86</v>
      </c>
      <c r="V1725">
        <v>86</v>
      </c>
      <c r="W1725">
        <v>87</v>
      </c>
      <c r="X1725">
        <v>87</v>
      </c>
      <c r="Y1725">
        <v>87</v>
      </c>
      <c r="Z1725">
        <v>88</v>
      </c>
      <c r="AA1725">
        <v>88</v>
      </c>
      <c r="AB1725">
        <v>88</v>
      </c>
      <c r="AC1725">
        <v>89</v>
      </c>
      <c r="AD1725">
        <v>89</v>
      </c>
      <c r="AE1725">
        <v>89</v>
      </c>
      <c r="AF1725">
        <v>89</v>
      </c>
      <c r="AG1725">
        <v>89</v>
      </c>
      <c r="AH1725">
        <v>90</v>
      </c>
      <c r="AI1725">
        <v>90</v>
      </c>
      <c r="AJ1725">
        <v>90</v>
      </c>
      <c r="AK1725">
        <v>90</v>
      </c>
      <c r="AL1725">
        <v>90</v>
      </c>
      <c r="AM1725">
        <v>89</v>
      </c>
      <c r="AN1725">
        <v>89</v>
      </c>
      <c r="AO1725">
        <v>88</v>
      </c>
      <c r="AP1725">
        <v>88</v>
      </c>
      <c r="AQ1725">
        <v>87</v>
      </c>
    </row>
    <row r="1726" spans="1:43">
      <c r="A1726" t="s">
        <v>1140</v>
      </c>
      <c r="B1726" t="s">
        <v>1141</v>
      </c>
      <c r="C1726" t="s">
        <v>953</v>
      </c>
      <c r="D1726" t="s">
        <v>954</v>
      </c>
      <c r="E1726" t="s">
        <v>847</v>
      </c>
      <c r="F1726" t="s">
        <v>848</v>
      </c>
      <c r="G1726" t="s">
        <v>80</v>
      </c>
      <c r="H1726" t="s">
        <v>81</v>
      </c>
      <c r="I1726" s="2">
        <v>0</v>
      </c>
      <c r="J1726" s="2">
        <v>1</v>
      </c>
      <c r="K1726" s="2">
        <v>0</v>
      </c>
      <c r="L1726" t="s">
        <v>82</v>
      </c>
      <c r="M1726" t="s">
        <v>83</v>
      </c>
      <c r="N1726" t="s">
        <v>84</v>
      </c>
      <c r="O1726" t="s">
        <v>85</v>
      </c>
      <c r="P1726" t="s">
        <v>86</v>
      </c>
      <c r="Q1726">
        <v>2</v>
      </c>
      <c r="R1726">
        <v>2</v>
      </c>
      <c r="S1726">
        <v>2</v>
      </c>
      <c r="T1726">
        <v>2</v>
      </c>
      <c r="U1726">
        <v>2</v>
      </c>
      <c r="V1726">
        <v>2</v>
      </c>
      <c r="W1726">
        <v>2</v>
      </c>
      <c r="X1726">
        <v>2</v>
      </c>
      <c r="Y1726">
        <v>3</v>
      </c>
      <c r="Z1726">
        <v>3</v>
      </c>
      <c r="AA1726">
        <v>3</v>
      </c>
      <c r="AB1726">
        <v>3</v>
      </c>
      <c r="AC1726">
        <v>3</v>
      </c>
      <c r="AD1726">
        <v>3</v>
      </c>
      <c r="AE1726">
        <v>3</v>
      </c>
      <c r="AF1726">
        <v>3</v>
      </c>
      <c r="AG1726">
        <v>3</v>
      </c>
      <c r="AH1726">
        <v>3</v>
      </c>
      <c r="AI1726">
        <v>3</v>
      </c>
      <c r="AJ1726">
        <v>3</v>
      </c>
      <c r="AK1726">
        <v>3</v>
      </c>
      <c r="AL1726">
        <v>3</v>
      </c>
      <c r="AM1726">
        <v>3</v>
      </c>
      <c r="AN1726">
        <v>2</v>
      </c>
      <c r="AO1726">
        <v>2</v>
      </c>
      <c r="AP1726">
        <v>2</v>
      </c>
      <c r="AQ1726">
        <v>2</v>
      </c>
    </row>
    <row r="1727" spans="1:43">
      <c r="A1727" t="s">
        <v>1140</v>
      </c>
      <c r="B1727" t="s">
        <v>1141</v>
      </c>
      <c r="C1727" t="s">
        <v>953</v>
      </c>
      <c r="D1727" t="s">
        <v>954</v>
      </c>
      <c r="E1727" t="s">
        <v>847</v>
      </c>
      <c r="F1727" t="s">
        <v>848</v>
      </c>
      <c r="G1727" t="s">
        <v>80</v>
      </c>
      <c r="H1727" t="s">
        <v>81</v>
      </c>
      <c r="I1727" s="2">
        <v>0</v>
      </c>
      <c r="J1727" s="2">
        <v>1</v>
      </c>
      <c r="K1727" s="2">
        <v>0</v>
      </c>
      <c r="L1727" t="s">
        <v>82</v>
      </c>
      <c r="M1727" t="s">
        <v>87</v>
      </c>
      <c r="N1727" t="s">
        <v>88</v>
      </c>
      <c r="O1727" t="s">
        <v>85</v>
      </c>
      <c r="P1727" t="s">
        <v>86</v>
      </c>
      <c r="Q1727">
        <v>2</v>
      </c>
      <c r="R1727">
        <v>2</v>
      </c>
      <c r="S1727">
        <v>2</v>
      </c>
      <c r="T1727">
        <v>2</v>
      </c>
      <c r="U1727">
        <v>2</v>
      </c>
      <c r="V1727">
        <v>2</v>
      </c>
      <c r="W1727">
        <v>2</v>
      </c>
      <c r="X1727">
        <v>2</v>
      </c>
      <c r="Y1727">
        <v>2</v>
      </c>
      <c r="Z1727">
        <v>2</v>
      </c>
      <c r="AA1727">
        <v>2</v>
      </c>
      <c r="AB1727">
        <v>2</v>
      </c>
      <c r="AC1727">
        <v>2</v>
      </c>
      <c r="AD1727">
        <v>2</v>
      </c>
      <c r="AE1727">
        <v>2</v>
      </c>
      <c r="AF1727">
        <v>2</v>
      </c>
      <c r="AG1727">
        <v>2</v>
      </c>
      <c r="AH1727">
        <v>2</v>
      </c>
      <c r="AI1727">
        <v>2</v>
      </c>
      <c r="AJ1727">
        <v>2</v>
      </c>
      <c r="AK1727">
        <v>2</v>
      </c>
      <c r="AL1727">
        <v>2</v>
      </c>
      <c r="AM1727">
        <v>2</v>
      </c>
      <c r="AN1727">
        <v>2</v>
      </c>
      <c r="AO1727">
        <v>2</v>
      </c>
      <c r="AP1727">
        <v>2</v>
      </c>
      <c r="AQ1727">
        <v>2</v>
      </c>
    </row>
    <row r="1728" spans="1:43">
      <c r="A1728" t="s">
        <v>1140</v>
      </c>
      <c r="B1728" t="s">
        <v>1141</v>
      </c>
      <c r="C1728" t="s">
        <v>953</v>
      </c>
      <c r="D1728" t="s">
        <v>954</v>
      </c>
      <c r="E1728" t="s">
        <v>847</v>
      </c>
      <c r="F1728" t="s">
        <v>848</v>
      </c>
      <c r="G1728" t="s">
        <v>80</v>
      </c>
      <c r="H1728" t="s">
        <v>81</v>
      </c>
      <c r="I1728" s="2">
        <v>0</v>
      </c>
      <c r="J1728" s="2">
        <v>1</v>
      </c>
      <c r="K1728" s="2">
        <v>0</v>
      </c>
      <c r="L1728" t="s">
        <v>82</v>
      </c>
      <c r="M1728" t="s">
        <v>89</v>
      </c>
      <c r="N1728" t="s">
        <v>90</v>
      </c>
      <c r="O1728" t="s">
        <v>85</v>
      </c>
      <c r="P1728" t="s">
        <v>86</v>
      </c>
      <c r="Q1728">
        <v>2</v>
      </c>
      <c r="R1728">
        <v>2</v>
      </c>
      <c r="S1728">
        <v>3</v>
      </c>
      <c r="T1728">
        <v>3</v>
      </c>
      <c r="U1728">
        <v>3</v>
      </c>
      <c r="V1728">
        <v>3</v>
      </c>
      <c r="W1728">
        <v>3</v>
      </c>
      <c r="X1728">
        <v>3</v>
      </c>
      <c r="Y1728">
        <v>3</v>
      </c>
      <c r="Z1728">
        <v>3</v>
      </c>
      <c r="AA1728">
        <v>3</v>
      </c>
      <c r="AB1728">
        <v>3</v>
      </c>
      <c r="AC1728">
        <v>3</v>
      </c>
      <c r="AD1728">
        <v>3</v>
      </c>
      <c r="AE1728">
        <v>3</v>
      </c>
      <c r="AF1728">
        <v>3</v>
      </c>
      <c r="AG1728">
        <v>3</v>
      </c>
      <c r="AH1728">
        <v>3</v>
      </c>
      <c r="AI1728">
        <v>3</v>
      </c>
      <c r="AJ1728">
        <v>3</v>
      </c>
      <c r="AK1728">
        <v>3</v>
      </c>
      <c r="AL1728">
        <v>3</v>
      </c>
      <c r="AM1728">
        <v>3</v>
      </c>
      <c r="AN1728">
        <v>3</v>
      </c>
      <c r="AO1728">
        <v>2</v>
      </c>
      <c r="AP1728">
        <v>2</v>
      </c>
      <c r="AQ1728">
        <v>2</v>
      </c>
    </row>
    <row r="1729" spans="1:43">
      <c r="A1729" t="s">
        <v>1140</v>
      </c>
      <c r="B1729" t="s">
        <v>1141</v>
      </c>
      <c r="C1729" t="s">
        <v>953</v>
      </c>
      <c r="D1729" t="s">
        <v>954</v>
      </c>
      <c r="E1729" t="s">
        <v>847</v>
      </c>
      <c r="F1729" t="s">
        <v>848</v>
      </c>
      <c r="G1729" t="s">
        <v>80</v>
      </c>
      <c r="H1729" t="s">
        <v>81</v>
      </c>
      <c r="I1729" s="2">
        <v>0</v>
      </c>
      <c r="J1729" s="2">
        <v>1</v>
      </c>
      <c r="K1729" s="2">
        <v>0</v>
      </c>
      <c r="L1729" t="s">
        <v>82</v>
      </c>
      <c r="M1729" t="s">
        <v>83</v>
      </c>
      <c r="N1729" t="s">
        <v>91</v>
      </c>
      <c r="O1729" t="s">
        <v>85</v>
      </c>
      <c r="P1729" t="s">
        <v>86</v>
      </c>
      <c r="Q1729">
        <v>2</v>
      </c>
      <c r="R1729">
        <v>2</v>
      </c>
      <c r="S1729">
        <v>2</v>
      </c>
      <c r="T1729">
        <v>2</v>
      </c>
      <c r="U1729">
        <v>2</v>
      </c>
      <c r="V1729">
        <v>2</v>
      </c>
      <c r="W1729">
        <v>2</v>
      </c>
      <c r="X1729">
        <v>2</v>
      </c>
      <c r="Y1729">
        <v>3</v>
      </c>
      <c r="Z1729">
        <v>3</v>
      </c>
      <c r="AA1729">
        <v>3</v>
      </c>
      <c r="AB1729">
        <v>3</v>
      </c>
      <c r="AC1729">
        <v>3</v>
      </c>
      <c r="AD1729">
        <v>3</v>
      </c>
      <c r="AE1729">
        <v>3</v>
      </c>
      <c r="AF1729">
        <v>3</v>
      </c>
      <c r="AG1729">
        <v>3</v>
      </c>
      <c r="AH1729">
        <v>3</v>
      </c>
      <c r="AI1729">
        <v>3</v>
      </c>
      <c r="AJ1729">
        <v>3</v>
      </c>
      <c r="AK1729">
        <v>3</v>
      </c>
      <c r="AL1729">
        <v>3</v>
      </c>
      <c r="AM1729">
        <v>3</v>
      </c>
      <c r="AN1729">
        <v>2</v>
      </c>
      <c r="AO1729">
        <v>2</v>
      </c>
      <c r="AP1729">
        <v>2</v>
      </c>
      <c r="AQ1729">
        <v>2</v>
      </c>
    </row>
    <row r="1730" spans="1:43">
      <c r="A1730" t="s">
        <v>1142</v>
      </c>
      <c r="B1730" t="s">
        <v>1143</v>
      </c>
      <c r="C1730" t="s">
        <v>953</v>
      </c>
      <c r="D1730" t="s">
        <v>954</v>
      </c>
      <c r="E1730" t="s">
        <v>847</v>
      </c>
      <c r="F1730" t="s">
        <v>848</v>
      </c>
      <c r="G1730" t="s">
        <v>80</v>
      </c>
      <c r="H1730" t="s">
        <v>81</v>
      </c>
      <c r="I1730" s="2">
        <v>0</v>
      </c>
      <c r="J1730" s="2">
        <v>1</v>
      </c>
      <c r="K1730" s="2">
        <v>0</v>
      </c>
      <c r="L1730" t="s">
        <v>82</v>
      </c>
      <c r="M1730" t="s">
        <v>83</v>
      </c>
      <c r="N1730" t="s">
        <v>84</v>
      </c>
      <c r="O1730" t="s">
        <v>85</v>
      </c>
      <c r="P1730" t="s">
        <v>86</v>
      </c>
      <c r="Q1730">
        <v>26</v>
      </c>
      <c r="R1730">
        <v>26</v>
      </c>
      <c r="S1730">
        <v>26</v>
      </c>
      <c r="T1730">
        <v>27</v>
      </c>
      <c r="U1730">
        <v>27</v>
      </c>
      <c r="V1730">
        <v>27</v>
      </c>
      <c r="W1730">
        <v>27</v>
      </c>
      <c r="X1730">
        <v>27</v>
      </c>
      <c r="Y1730">
        <v>27</v>
      </c>
      <c r="Z1730">
        <v>27</v>
      </c>
      <c r="AA1730">
        <v>27</v>
      </c>
      <c r="AB1730">
        <v>27</v>
      </c>
      <c r="AC1730">
        <v>28</v>
      </c>
      <c r="AD1730">
        <v>28</v>
      </c>
      <c r="AE1730">
        <v>28</v>
      </c>
      <c r="AF1730">
        <v>28</v>
      </c>
      <c r="AG1730">
        <v>28</v>
      </c>
      <c r="AH1730">
        <v>28</v>
      </c>
      <c r="AI1730">
        <v>28</v>
      </c>
      <c r="AJ1730">
        <v>28</v>
      </c>
      <c r="AK1730">
        <v>28</v>
      </c>
      <c r="AL1730">
        <v>28</v>
      </c>
      <c r="AM1730">
        <v>28</v>
      </c>
      <c r="AN1730">
        <v>28</v>
      </c>
      <c r="AO1730">
        <v>28</v>
      </c>
      <c r="AP1730">
        <v>27</v>
      </c>
      <c r="AQ1730">
        <v>27</v>
      </c>
    </row>
    <row r="1731" spans="1:43">
      <c r="A1731" t="s">
        <v>1142</v>
      </c>
      <c r="B1731" t="s">
        <v>1143</v>
      </c>
      <c r="C1731" t="s">
        <v>953</v>
      </c>
      <c r="D1731" t="s">
        <v>954</v>
      </c>
      <c r="E1731" t="s">
        <v>847</v>
      </c>
      <c r="F1731" t="s">
        <v>848</v>
      </c>
      <c r="G1731" t="s">
        <v>80</v>
      </c>
      <c r="H1731" t="s">
        <v>81</v>
      </c>
      <c r="I1731" s="2">
        <v>0</v>
      </c>
      <c r="J1731" s="2">
        <v>1</v>
      </c>
      <c r="K1731" s="2">
        <v>0</v>
      </c>
      <c r="L1731" t="s">
        <v>82</v>
      </c>
      <c r="M1731" t="s">
        <v>87</v>
      </c>
      <c r="N1731" t="s">
        <v>88</v>
      </c>
      <c r="O1731" t="s">
        <v>85</v>
      </c>
      <c r="P1731" t="s">
        <v>86</v>
      </c>
      <c r="Q1731">
        <v>26</v>
      </c>
      <c r="R1731">
        <v>26</v>
      </c>
      <c r="S1731">
        <v>26</v>
      </c>
      <c r="T1731">
        <v>26</v>
      </c>
      <c r="U1731">
        <v>26</v>
      </c>
      <c r="V1731">
        <v>25</v>
      </c>
      <c r="W1731">
        <v>25</v>
      </c>
      <c r="X1731">
        <v>25</v>
      </c>
      <c r="Y1731">
        <v>25</v>
      </c>
      <c r="Z1731">
        <v>25</v>
      </c>
      <c r="AA1731">
        <v>25</v>
      </c>
      <c r="AB1731">
        <v>25</v>
      </c>
      <c r="AC1731">
        <v>25</v>
      </c>
      <c r="AD1731">
        <v>25</v>
      </c>
      <c r="AE1731">
        <v>25</v>
      </c>
      <c r="AF1731">
        <v>24</v>
      </c>
      <c r="AG1731">
        <v>24</v>
      </c>
      <c r="AH1731">
        <v>24</v>
      </c>
      <c r="AI1731">
        <v>24</v>
      </c>
      <c r="AJ1731">
        <v>24</v>
      </c>
      <c r="AK1731">
        <v>24</v>
      </c>
      <c r="AL1731">
        <v>24</v>
      </c>
      <c r="AM1731">
        <v>24</v>
      </c>
      <c r="AN1731">
        <v>24</v>
      </c>
      <c r="AO1731">
        <v>24</v>
      </c>
      <c r="AP1731">
        <v>24</v>
      </c>
      <c r="AQ1731">
        <v>24</v>
      </c>
    </row>
    <row r="1732" spans="1:43">
      <c r="A1732" t="s">
        <v>1142</v>
      </c>
      <c r="B1732" t="s">
        <v>1143</v>
      </c>
      <c r="C1732" t="s">
        <v>953</v>
      </c>
      <c r="D1732" t="s">
        <v>954</v>
      </c>
      <c r="E1732" t="s">
        <v>847</v>
      </c>
      <c r="F1732" t="s">
        <v>848</v>
      </c>
      <c r="G1732" t="s">
        <v>80</v>
      </c>
      <c r="H1732" t="s">
        <v>81</v>
      </c>
      <c r="I1732" s="2">
        <v>0</v>
      </c>
      <c r="J1732" s="2">
        <v>1</v>
      </c>
      <c r="K1732" s="2">
        <v>0</v>
      </c>
      <c r="L1732" t="s">
        <v>82</v>
      </c>
      <c r="M1732" t="s">
        <v>89</v>
      </c>
      <c r="N1732" t="s">
        <v>90</v>
      </c>
      <c r="O1732" t="s">
        <v>85</v>
      </c>
      <c r="P1732" t="s">
        <v>86</v>
      </c>
      <c r="Q1732">
        <v>26</v>
      </c>
      <c r="R1732">
        <v>27</v>
      </c>
      <c r="S1732">
        <v>27</v>
      </c>
      <c r="T1732">
        <v>27</v>
      </c>
      <c r="U1732">
        <v>28</v>
      </c>
      <c r="V1732">
        <v>28</v>
      </c>
      <c r="W1732">
        <v>28</v>
      </c>
      <c r="X1732">
        <v>29</v>
      </c>
      <c r="Y1732">
        <v>29</v>
      </c>
      <c r="Z1732">
        <v>29</v>
      </c>
      <c r="AA1732">
        <v>29</v>
      </c>
      <c r="AB1732">
        <v>29</v>
      </c>
      <c r="AC1732">
        <v>30</v>
      </c>
      <c r="AD1732">
        <v>30</v>
      </c>
      <c r="AE1732">
        <v>30</v>
      </c>
      <c r="AF1732">
        <v>29</v>
      </c>
      <c r="AG1732">
        <v>29</v>
      </c>
      <c r="AH1732">
        <v>29</v>
      </c>
      <c r="AI1732">
        <v>29</v>
      </c>
      <c r="AJ1732">
        <v>29</v>
      </c>
      <c r="AK1732">
        <v>29</v>
      </c>
      <c r="AL1732">
        <v>28</v>
      </c>
      <c r="AM1732">
        <v>28</v>
      </c>
      <c r="AN1732">
        <v>28</v>
      </c>
      <c r="AO1732">
        <v>28</v>
      </c>
      <c r="AP1732">
        <v>28</v>
      </c>
      <c r="AQ1732">
        <v>28</v>
      </c>
    </row>
    <row r="1733" spans="1:43">
      <c r="A1733" t="s">
        <v>1142</v>
      </c>
      <c r="B1733" t="s">
        <v>1143</v>
      </c>
      <c r="C1733" t="s">
        <v>953</v>
      </c>
      <c r="D1733" t="s">
        <v>954</v>
      </c>
      <c r="E1733" t="s">
        <v>847</v>
      </c>
      <c r="F1733" t="s">
        <v>848</v>
      </c>
      <c r="G1733" t="s">
        <v>80</v>
      </c>
      <c r="H1733" t="s">
        <v>81</v>
      </c>
      <c r="I1733" s="2">
        <v>0</v>
      </c>
      <c r="J1733" s="2">
        <v>1</v>
      </c>
      <c r="K1733" s="2">
        <v>0</v>
      </c>
      <c r="L1733" t="s">
        <v>82</v>
      </c>
      <c r="M1733" t="s">
        <v>83</v>
      </c>
      <c r="N1733" t="s">
        <v>91</v>
      </c>
      <c r="O1733" t="s">
        <v>85</v>
      </c>
      <c r="P1733" t="s">
        <v>86</v>
      </c>
      <c r="Q1733">
        <v>26</v>
      </c>
      <c r="R1733">
        <v>26</v>
      </c>
      <c r="S1733">
        <v>26</v>
      </c>
      <c r="T1733">
        <v>27</v>
      </c>
      <c r="U1733">
        <v>27</v>
      </c>
      <c r="V1733">
        <v>27</v>
      </c>
      <c r="W1733">
        <v>27</v>
      </c>
      <c r="X1733">
        <v>27</v>
      </c>
      <c r="Y1733">
        <v>27</v>
      </c>
      <c r="Z1733">
        <v>27</v>
      </c>
      <c r="AA1733">
        <v>27</v>
      </c>
      <c r="AB1733">
        <v>27</v>
      </c>
      <c r="AC1733">
        <v>28</v>
      </c>
      <c r="AD1733">
        <v>28</v>
      </c>
      <c r="AE1733">
        <v>28</v>
      </c>
      <c r="AF1733">
        <v>28</v>
      </c>
      <c r="AG1733">
        <v>28</v>
      </c>
      <c r="AH1733">
        <v>28</v>
      </c>
      <c r="AI1733">
        <v>28</v>
      </c>
      <c r="AJ1733">
        <v>28</v>
      </c>
      <c r="AK1733">
        <v>28</v>
      </c>
      <c r="AL1733">
        <v>28</v>
      </c>
      <c r="AM1733">
        <v>28</v>
      </c>
      <c r="AN1733">
        <v>28</v>
      </c>
      <c r="AO1733">
        <v>28</v>
      </c>
      <c r="AP1733">
        <v>27</v>
      </c>
      <c r="AQ1733">
        <v>27</v>
      </c>
    </row>
    <row r="1734" spans="1:43">
      <c r="A1734" t="s">
        <v>1144</v>
      </c>
      <c r="B1734" t="s">
        <v>1145</v>
      </c>
      <c r="C1734" t="s">
        <v>933</v>
      </c>
      <c r="D1734" t="s">
        <v>934</v>
      </c>
      <c r="E1734" t="s">
        <v>847</v>
      </c>
      <c r="F1734" t="s">
        <v>848</v>
      </c>
      <c r="G1734" t="s">
        <v>80</v>
      </c>
      <c r="H1734" t="s">
        <v>81</v>
      </c>
      <c r="I1734" s="2">
        <v>0</v>
      </c>
      <c r="J1734" s="2">
        <v>1</v>
      </c>
      <c r="K1734" s="2">
        <v>0</v>
      </c>
      <c r="L1734" t="s">
        <v>82</v>
      </c>
      <c r="M1734" t="s">
        <v>83</v>
      </c>
      <c r="N1734" t="s">
        <v>84</v>
      </c>
      <c r="O1734" t="s">
        <v>85</v>
      </c>
      <c r="P1734" t="s">
        <v>86</v>
      </c>
      <c r="Q1734">
        <v>26</v>
      </c>
      <c r="R1734">
        <v>26</v>
      </c>
      <c r="S1734">
        <v>26</v>
      </c>
      <c r="T1734">
        <v>27</v>
      </c>
      <c r="U1734">
        <v>27</v>
      </c>
      <c r="V1734">
        <v>27</v>
      </c>
      <c r="W1734">
        <v>27</v>
      </c>
      <c r="X1734">
        <v>27</v>
      </c>
      <c r="Y1734">
        <v>27</v>
      </c>
      <c r="Z1734">
        <v>27</v>
      </c>
      <c r="AA1734">
        <v>27</v>
      </c>
      <c r="AB1734">
        <v>27</v>
      </c>
      <c r="AC1734">
        <v>28</v>
      </c>
      <c r="AD1734">
        <v>28</v>
      </c>
      <c r="AE1734">
        <v>28</v>
      </c>
      <c r="AF1734">
        <v>28</v>
      </c>
      <c r="AG1734">
        <v>28</v>
      </c>
      <c r="AH1734">
        <v>28</v>
      </c>
      <c r="AI1734">
        <v>28</v>
      </c>
      <c r="AJ1734">
        <v>28</v>
      </c>
      <c r="AK1734">
        <v>28</v>
      </c>
      <c r="AL1734">
        <v>28</v>
      </c>
      <c r="AM1734">
        <v>28</v>
      </c>
      <c r="AN1734">
        <v>28</v>
      </c>
      <c r="AO1734">
        <v>28</v>
      </c>
      <c r="AP1734">
        <v>27</v>
      </c>
      <c r="AQ1734">
        <v>27</v>
      </c>
    </row>
    <row r="1735" spans="1:43">
      <c r="A1735" t="s">
        <v>1144</v>
      </c>
      <c r="B1735" t="s">
        <v>1145</v>
      </c>
      <c r="C1735" t="s">
        <v>933</v>
      </c>
      <c r="D1735" t="s">
        <v>934</v>
      </c>
      <c r="E1735" t="s">
        <v>847</v>
      </c>
      <c r="F1735" t="s">
        <v>848</v>
      </c>
      <c r="G1735" t="s">
        <v>80</v>
      </c>
      <c r="H1735" t="s">
        <v>81</v>
      </c>
      <c r="I1735" s="2">
        <v>0</v>
      </c>
      <c r="J1735" s="2">
        <v>1</v>
      </c>
      <c r="K1735" s="2">
        <v>0</v>
      </c>
      <c r="L1735" t="s">
        <v>82</v>
      </c>
      <c r="M1735" t="s">
        <v>87</v>
      </c>
      <c r="N1735" t="s">
        <v>88</v>
      </c>
      <c r="O1735" t="s">
        <v>85</v>
      </c>
      <c r="P1735" t="s">
        <v>86</v>
      </c>
      <c r="Q1735">
        <v>26</v>
      </c>
      <c r="R1735">
        <v>26</v>
      </c>
      <c r="S1735">
        <v>26</v>
      </c>
      <c r="T1735">
        <v>26</v>
      </c>
      <c r="U1735">
        <v>25</v>
      </c>
      <c r="V1735">
        <v>25</v>
      </c>
      <c r="W1735">
        <v>25</v>
      </c>
      <c r="X1735">
        <v>25</v>
      </c>
      <c r="Y1735">
        <v>25</v>
      </c>
      <c r="Z1735">
        <v>25</v>
      </c>
      <c r="AA1735">
        <v>25</v>
      </c>
      <c r="AB1735">
        <v>25</v>
      </c>
      <c r="AC1735">
        <v>25</v>
      </c>
      <c r="AD1735">
        <v>25</v>
      </c>
      <c r="AE1735">
        <v>25</v>
      </c>
      <c r="AF1735">
        <v>24</v>
      </c>
      <c r="AG1735">
        <v>24</v>
      </c>
      <c r="AH1735">
        <v>24</v>
      </c>
      <c r="AI1735">
        <v>24</v>
      </c>
      <c r="AJ1735">
        <v>24</v>
      </c>
      <c r="AK1735">
        <v>24</v>
      </c>
      <c r="AL1735">
        <v>24</v>
      </c>
      <c r="AM1735">
        <v>24</v>
      </c>
      <c r="AN1735">
        <v>24</v>
      </c>
      <c r="AO1735">
        <v>24</v>
      </c>
      <c r="AP1735">
        <v>24</v>
      </c>
      <c r="AQ1735">
        <v>24</v>
      </c>
    </row>
    <row r="1736" spans="1:43">
      <c r="A1736" t="s">
        <v>1144</v>
      </c>
      <c r="B1736" t="s">
        <v>1145</v>
      </c>
      <c r="C1736" t="s">
        <v>933</v>
      </c>
      <c r="D1736" t="s">
        <v>934</v>
      </c>
      <c r="E1736" t="s">
        <v>847</v>
      </c>
      <c r="F1736" t="s">
        <v>848</v>
      </c>
      <c r="G1736" t="s">
        <v>80</v>
      </c>
      <c r="H1736" t="s">
        <v>81</v>
      </c>
      <c r="I1736" s="2">
        <v>0</v>
      </c>
      <c r="J1736" s="2">
        <v>1</v>
      </c>
      <c r="K1736" s="2">
        <v>0</v>
      </c>
      <c r="L1736" t="s">
        <v>82</v>
      </c>
      <c r="M1736" t="s">
        <v>89</v>
      </c>
      <c r="N1736" t="s">
        <v>90</v>
      </c>
      <c r="O1736" t="s">
        <v>85</v>
      </c>
      <c r="P1736" t="s">
        <v>86</v>
      </c>
      <c r="Q1736">
        <v>26</v>
      </c>
      <c r="R1736">
        <v>27</v>
      </c>
      <c r="S1736">
        <v>27</v>
      </c>
      <c r="T1736">
        <v>27</v>
      </c>
      <c r="U1736">
        <v>28</v>
      </c>
      <c r="V1736">
        <v>28</v>
      </c>
      <c r="W1736">
        <v>28</v>
      </c>
      <c r="X1736">
        <v>29</v>
      </c>
      <c r="Y1736">
        <v>29</v>
      </c>
      <c r="Z1736">
        <v>29</v>
      </c>
      <c r="AA1736">
        <v>29</v>
      </c>
      <c r="AB1736">
        <v>29</v>
      </c>
      <c r="AC1736">
        <v>30</v>
      </c>
      <c r="AD1736">
        <v>30</v>
      </c>
      <c r="AE1736">
        <v>30</v>
      </c>
      <c r="AF1736">
        <v>30</v>
      </c>
      <c r="AG1736">
        <v>29</v>
      </c>
      <c r="AH1736">
        <v>29</v>
      </c>
      <c r="AI1736">
        <v>29</v>
      </c>
      <c r="AJ1736">
        <v>29</v>
      </c>
      <c r="AK1736">
        <v>29</v>
      </c>
      <c r="AL1736">
        <v>29</v>
      </c>
      <c r="AM1736">
        <v>28</v>
      </c>
      <c r="AN1736">
        <v>28</v>
      </c>
      <c r="AO1736">
        <v>28</v>
      </c>
      <c r="AP1736">
        <v>28</v>
      </c>
      <c r="AQ1736">
        <v>28</v>
      </c>
    </row>
    <row r="1737" spans="1:43">
      <c r="A1737" t="s">
        <v>1144</v>
      </c>
      <c r="B1737" t="s">
        <v>1145</v>
      </c>
      <c r="C1737" t="s">
        <v>933</v>
      </c>
      <c r="D1737" t="s">
        <v>934</v>
      </c>
      <c r="E1737" t="s">
        <v>847</v>
      </c>
      <c r="F1737" t="s">
        <v>848</v>
      </c>
      <c r="G1737" t="s">
        <v>80</v>
      </c>
      <c r="H1737" t="s">
        <v>81</v>
      </c>
      <c r="I1737" s="2">
        <v>0</v>
      </c>
      <c r="J1737" s="2">
        <v>1</v>
      </c>
      <c r="K1737" s="2">
        <v>0</v>
      </c>
      <c r="L1737" t="s">
        <v>82</v>
      </c>
      <c r="M1737" t="s">
        <v>83</v>
      </c>
      <c r="N1737" t="s">
        <v>91</v>
      </c>
      <c r="O1737" t="s">
        <v>85</v>
      </c>
      <c r="P1737" t="s">
        <v>86</v>
      </c>
      <c r="Q1737">
        <v>26</v>
      </c>
      <c r="R1737">
        <v>26</v>
      </c>
      <c r="S1737">
        <v>26</v>
      </c>
      <c r="T1737">
        <v>27</v>
      </c>
      <c r="U1737">
        <v>27</v>
      </c>
      <c r="V1737">
        <v>27</v>
      </c>
      <c r="W1737">
        <v>27</v>
      </c>
      <c r="X1737">
        <v>27</v>
      </c>
      <c r="Y1737">
        <v>27</v>
      </c>
      <c r="Z1737">
        <v>27</v>
      </c>
      <c r="AA1737">
        <v>27</v>
      </c>
      <c r="AB1737">
        <v>27</v>
      </c>
      <c r="AC1737">
        <v>28</v>
      </c>
      <c r="AD1737">
        <v>28</v>
      </c>
      <c r="AE1737">
        <v>28</v>
      </c>
      <c r="AF1737">
        <v>28</v>
      </c>
      <c r="AG1737">
        <v>28</v>
      </c>
      <c r="AH1737">
        <v>28</v>
      </c>
      <c r="AI1737">
        <v>28</v>
      </c>
      <c r="AJ1737">
        <v>28</v>
      </c>
      <c r="AK1737">
        <v>28</v>
      </c>
      <c r="AL1737">
        <v>28</v>
      </c>
      <c r="AM1737">
        <v>28</v>
      </c>
      <c r="AN1737">
        <v>28</v>
      </c>
      <c r="AO1737">
        <v>28</v>
      </c>
      <c r="AP1737">
        <v>27</v>
      </c>
      <c r="AQ1737">
        <v>27</v>
      </c>
    </row>
    <row r="1738" spans="1:43">
      <c r="A1738" t="s">
        <v>1146</v>
      </c>
      <c r="B1738" t="s">
        <v>1147</v>
      </c>
      <c r="C1738" t="s">
        <v>933</v>
      </c>
      <c r="D1738" t="s">
        <v>934</v>
      </c>
      <c r="E1738" t="s">
        <v>847</v>
      </c>
      <c r="F1738" t="s">
        <v>848</v>
      </c>
      <c r="G1738" t="s">
        <v>80</v>
      </c>
      <c r="H1738" t="s">
        <v>81</v>
      </c>
      <c r="I1738" s="2">
        <v>0</v>
      </c>
      <c r="J1738" s="2">
        <v>1</v>
      </c>
      <c r="K1738" s="2">
        <v>0</v>
      </c>
      <c r="L1738" t="s">
        <v>82</v>
      </c>
      <c r="M1738" t="s">
        <v>83</v>
      </c>
      <c r="N1738" t="s">
        <v>84</v>
      </c>
      <c r="O1738" t="s">
        <v>85</v>
      </c>
      <c r="P1738" t="s">
        <v>86</v>
      </c>
      <c r="Q1738">
        <v>4</v>
      </c>
      <c r="R1738">
        <v>5</v>
      </c>
      <c r="S1738">
        <v>5</v>
      </c>
      <c r="T1738">
        <v>5</v>
      </c>
      <c r="U1738">
        <v>5</v>
      </c>
      <c r="V1738">
        <v>5</v>
      </c>
      <c r="W1738">
        <v>5</v>
      </c>
      <c r="X1738">
        <v>5</v>
      </c>
      <c r="Y1738">
        <v>5</v>
      </c>
      <c r="Z1738">
        <v>5</v>
      </c>
      <c r="AA1738">
        <v>5</v>
      </c>
      <c r="AB1738">
        <v>5</v>
      </c>
      <c r="AC1738">
        <v>5</v>
      </c>
      <c r="AD1738">
        <v>5</v>
      </c>
      <c r="AE1738">
        <v>5</v>
      </c>
      <c r="AF1738">
        <v>5</v>
      </c>
      <c r="AG1738">
        <v>5</v>
      </c>
      <c r="AH1738">
        <v>5</v>
      </c>
      <c r="AI1738">
        <v>5</v>
      </c>
      <c r="AJ1738">
        <v>5</v>
      </c>
      <c r="AK1738">
        <v>5</v>
      </c>
      <c r="AL1738">
        <v>5</v>
      </c>
      <c r="AM1738">
        <v>5</v>
      </c>
      <c r="AN1738">
        <v>5</v>
      </c>
      <c r="AO1738">
        <v>5</v>
      </c>
      <c r="AP1738">
        <v>5</v>
      </c>
      <c r="AQ1738">
        <v>5</v>
      </c>
    </row>
    <row r="1739" spans="1:43">
      <c r="A1739" t="s">
        <v>1146</v>
      </c>
      <c r="B1739" t="s">
        <v>1147</v>
      </c>
      <c r="C1739" t="s">
        <v>933</v>
      </c>
      <c r="D1739" t="s">
        <v>934</v>
      </c>
      <c r="E1739" t="s">
        <v>847</v>
      </c>
      <c r="F1739" t="s">
        <v>848</v>
      </c>
      <c r="G1739" t="s">
        <v>80</v>
      </c>
      <c r="H1739" t="s">
        <v>81</v>
      </c>
      <c r="I1739" s="2">
        <v>0</v>
      </c>
      <c r="J1739" s="2">
        <v>1</v>
      </c>
      <c r="K1739" s="2">
        <v>0</v>
      </c>
      <c r="L1739" t="s">
        <v>82</v>
      </c>
      <c r="M1739" t="s">
        <v>87</v>
      </c>
      <c r="N1739" t="s">
        <v>88</v>
      </c>
      <c r="O1739" t="s">
        <v>85</v>
      </c>
      <c r="P1739" t="s">
        <v>86</v>
      </c>
      <c r="Q1739">
        <v>4</v>
      </c>
      <c r="R1739">
        <v>4</v>
      </c>
      <c r="S1739">
        <v>4</v>
      </c>
      <c r="T1739">
        <v>4</v>
      </c>
      <c r="U1739">
        <v>4</v>
      </c>
      <c r="V1739">
        <v>4</v>
      </c>
      <c r="W1739">
        <v>4</v>
      </c>
      <c r="X1739">
        <v>4</v>
      </c>
      <c r="Y1739">
        <v>4</v>
      </c>
      <c r="Z1739">
        <v>4</v>
      </c>
      <c r="AA1739">
        <v>4</v>
      </c>
      <c r="AB1739">
        <v>4</v>
      </c>
      <c r="AC1739">
        <v>4</v>
      </c>
      <c r="AD1739">
        <v>4</v>
      </c>
      <c r="AE1739">
        <v>4</v>
      </c>
      <c r="AF1739">
        <v>4</v>
      </c>
      <c r="AG1739">
        <v>4</v>
      </c>
      <c r="AH1739">
        <v>4</v>
      </c>
      <c r="AI1739">
        <v>4</v>
      </c>
      <c r="AJ1739">
        <v>4</v>
      </c>
      <c r="AK1739">
        <v>4</v>
      </c>
      <c r="AL1739">
        <v>4</v>
      </c>
      <c r="AM1739">
        <v>4</v>
      </c>
      <c r="AN1739">
        <v>4</v>
      </c>
      <c r="AO1739">
        <v>4</v>
      </c>
      <c r="AP1739">
        <v>4</v>
      </c>
      <c r="AQ1739">
        <v>4</v>
      </c>
    </row>
    <row r="1740" spans="1:43">
      <c r="A1740" t="s">
        <v>1146</v>
      </c>
      <c r="B1740" t="s">
        <v>1147</v>
      </c>
      <c r="C1740" t="s">
        <v>933</v>
      </c>
      <c r="D1740" t="s">
        <v>934</v>
      </c>
      <c r="E1740" t="s">
        <v>847</v>
      </c>
      <c r="F1740" t="s">
        <v>848</v>
      </c>
      <c r="G1740" t="s">
        <v>80</v>
      </c>
      <c r="H1740" t="s">
        <v>81</v>
      </c>
      <c r="I1740" s="2">
        <v>0</v>
      </c>
      <c r="J1740" s="2">
        <v>1</v>
      </c>
      <c r="K1740" s="2">
        <v>0</v>
      </c>
      <c r="L1740" t="s">
        <v>82</v>
      </c>
      <c r="M1740" t="s">
        <v>89</v>
      </c>
      <c r="N1740" t="s">
        <v>90</v>
      </c>
      <c r="O1740" t="s">
        <v>85</v>
      </c>
      <c r="P1740" t="s">
        <v>86</v>
      </c>
      <c r="Q1740">
        <v>4</v>
      </c>
      <c r="R1740">
        <v>4</v>
      </c>
      <c r="S1740">
        <v>4</v>
      </c>
      <c r="T1740">
        <v>4</v>
      </c>
      <c r="U1740">
        <v>4</v>
      </c>
      <c r="V1740">
        <v>4</v>
      </c>
      <c r="W1740">
        <v>4</v>
      </c>
      <c r="X1740">
        <v>4</v>
      </c>
      <c r="Y1740">
        <v>4</v>
      </c>
      <c r="Z1740">
        <v>4</v>
      </c>
      <c r="AA1740">
        <v>4</v>
      </c>
      <c r="AB1740">
        <v>4</v>
      </c>
      <c r="AC1740">
        <v>4</v>
      </c>
      <c r="AD1740">
        <v>4</v>
      </c>
      <c r="AE1740">
        <v>4</v>
      </c>
      <c r="AF1740">
        <v>4</v>
      </c>
      <c r="AG1740">
        <v>4</v>
      </c>
      <c r="AH1740">
        <v>4</v>
      </c>
      <c r="AI1740">
        <v>4</v>
      </c>
      <c r="AJ1740">
        <v>4</v>
      </c>
      <c r="AK1740">
        <v>4</v>
      </c>
      <c r="AL1740">
        <v>4</v>
      </c>
      <c r="AM1740">
        <v>4</v>
      </c>
      <c r="AN1740">
        <v>4</v>
      </c>
      <c r="AO1740">
        <v>4</v>
      </c>
      <c r="AP1740">
        <v>4</v>
      </c>
      <c r="AQ1740">
        <v>4</v>
      </c>
    </row>
    <row r="1741" spans="1:43">
      <c r="A1741" t="s">
        <v>1146</v>
      </c>
      <c r="B1741" t="s">
        <v>1147</v>
      </c>
      <c r="C1741" t="s">
        <v>933</v>
      </c>
      <c r="D1741" t="s">
        <v>934</v>
      </c>
      <c r="E1741" t="s">
        <v>847</v>
      </c>
      <c r="F1741" t="s">
        <v>848</v>
      </c>
      <c r="G1741" t="s">
        <v>80</v>
      </c>
      <c r="H1741" t="s">
        <v>81</v>
      </c>
      <c r="I1741" s="2">
        <v>0</v>
      </c>
      <c r="J1741" s="2">
        <v>1</v>
      </c>
      <c r="K1741" s="2">
        <v>0</v>
      </c>
      <c r="L1741" t="s">
        <v>82</v>
      </c>
      <c r="M1741" t="s">
        <v>83</v>
      </c>
      <c r="N1741" t="s">
        <v>91</v>
      </c>
      <c r="O1741" t="s">
        <v>85</v>
      </c>
      <c r="P1741" t="s">
        <v>86</v>
      </c>
      <c r="Q1741">
        <v>4</v>
      </c>
      <c r="R1741">
        <v>5</v>
      </c>
      <c r="S1741">
        <v>5</v>
      </c>
      <c r="T1741">
        <v>5</v>
      </c>
      <c r="U1741">
        <v>5</v>
      </c>
      <c r="V1741">
        <v>5</v>
      </c>
      <c r="W1741">
        <v>5</v>
      </c>
      <c r="X1741">
        <v>5</v>
      </c>
      <c r="Y1741">
        <v>5</v>
      </c>
      <c r="Z1741">
        <v>5</v>
      </c>
      <c r="AA1741">
        <v>5</v>
      </c>
      <c r="AB1741">
        <v>5</v>
      </c>
      <c r="AC1741">
        <v>5</v>
      </c>
      <c r="AD1741">
        <v>5</v>
      </c>
      <c r="AE1741">
        <v>5</v>
      </c>
      <c r="AF1741">
        <v>5</v>
      </c>
      <c r="AG1741">
        <v>5</v>
      </c>
      <c r="AH1741">
        <v>5</v>
      </c>
      <c r="AI1741">
        <v>5</v>
      </c>
      <c r="AJ1741">
        <v>5</v>
      </c>
      <c r="AK1741">
        <v>5</v>
      </c>
      <c r="AL1741">
        <v>5</v>
      </c>
      <c r="AM1741">
        <v>5</v>
      </c>
      <c r="AN1741">
        <v>5</v>
      </c>
      <c r="AO1741">
        <v>5</v>
      </c>
      <c r="AP1741">
        <v>5</v>
      </c>
      <c r="AQ1741">
        <v>5</v>
      </c>
    </row>
    <row r="1742" spans="1:43">
      <c r="A1742" t="s">
        <v>1148</v>
      </c>
      <c r="B1742" t="s">
        <v>1149</v>
      </c>
      <c r="C1742" t="s">
        <v>933</v>
      </c>
      <c r="D1742" t="s">
        <v>934</v>
      </c>
      <c r="E1742" t="s">
        <v>847</v>
      </c>
      <c r="F1742" t="s">
        <v>848</v>
      </c>
      <c r="G1742" t="s">
        <v>80</v>
      </c>
      <c r="H1742" t="s">
        <v>81</v>
      </c>
      <c r="I1742" s="2">
        <v>0</v>
      </c>
      <c r="J1742" s="2">
        <v>1</v>
      </c>
      <c r="K1742" s="2">
        <v>0</v>
      </c>
      <c r="L1742" t="s">
        <v>82</v>
      </c>
      <c r="M1742" t="s">
        <v>83</v>
      </c>
      <c r="N1742" t="s">
        <v>84</v>
      </c>
      <c r="O1742" t="s">
        <v>85</v>
      </c>
      <c r="P1742" t="s">
        <v>86</v>
      </c>
      <c r="Q1742">
        <v>9</v>
      </c>
      <c r="R1742">
        <v>10</v>
      </c>
      <c r="S1742">
        <v>10</v>
      </c>
      <c r="T1742">
        <v>10</v>
      </c>
      <c r="U1742">
        <v>10</v>
      </c>
      <c r="V1742">
        <v>10</v>
      </c>
      <c r="W1742">
        <v>10</v>
      </c>
      <c r="X1742">
        <v>10</v>
      </c>
      <c r="Y1742">
        <v>10</v>
      </c>
      <c r="Z1742">
        <v>10</v>
      </c>
      <c r="AA1742">
        <v>10</v>
      </c>
      <c r="AB1742">
        <v>10</v>
      </c>
      <c r="AC1742">
        <v>10</v>
      </c>
      <c r="AD1742">
        <v>10</v>
      </c>
      <c r="AE1742">
        <v>10</v>
      </c>
      <c r="AF1742">
        <v>10</v>
      </c>
      <c r="AG1742">
        <v>10</v>
      </c>
      <c r="AH1742">
        <v>10</v>
      </c>
      <c r="AI1742">
        <v>10</v>
      </c>
      <c r="AJ1742">
        <v>10</v>
      </c>
      <c r="AK1742">
        <v>10</v>
      </c>
      <c r="AL1742">
        <v>10</v>
      </c>
      <c r="AM1742">
        <v>10</v>
      </c>
      <c r="AN1742">
        <v>10</v>
      </c>
      <c r="AO1742">
        <v>10</v>
      </c>
      <c r="AP1742">
        <v>10</v>
      </c>
      <c r="AQ1742">
        <v>10</v>
      </c>
    </row>
    <row r="1743" spans="1:43">
      <c r="A1743" t="s">
        <v>1148</v>
      </c>
      <c r="B1743" t="s">
        <v>1149</v>
      </c>
      <c r="C1743" t="s">
        <v>933</v>
      </c>
      <c r="D1743" t="s">
        <v>934</v>
      </c>
      <c r="E1743" t="s">
        <v>847</v>
      </c>
      <c r="F1743" t="s">
        <v>848</v>
      </c>
      <c r="G1743" t="s">
        <v>80</v>
      </c>
      <c r="H1743" t="s">
        <v>81</v>
      </c>
      <c r="I1743" s="2">
        <v>0</v>
      </c>
      <c r="J1743" s="2">
        <v>1</v>
      </c>
      <c r="K1743" s="2">
        <v>0</v>
      </c>
      <c r="L1743" t="s">
        <v>82</v>
      </c>
      <c r="M1743" t="s">
        <v>87</v>
      </c>
      <c r="N1743" t="s">
        <v>88</v>
      </c>
      <c r="O1743" t="s">
        <v>85</v>
      </c>
      <c r="P1743" t="s">
        <v>86</v>
      </c>
      <c r="Q1743">
        <v>9</v>
      </c>
      <c r="R1743">
        <v>9</v>
      </c>
      <c r="S1743">
        <v>9</v>
      </c>
      <c r="T1743">
        <v>9</v>
      </c>
      <c r="U1743">
        <v>9</v>
      </c>
      <c r="V1743">
        <v>9</v>
      </c>
      <c r="W1743">
        <v>9</v>
      </c>
      <c r="X1743">
        <v>9</v>
      </c>
      <c r="Y1743">
        <v>9</v>
      </c>
      <c r="Z1743">
        <v>9</v>
      </c>
      <c r="AA1743">
        <v>9</v>
      </c>
      <c r="AB1743">
        <v>9</v>
      </c>
      <c r="AC1743">
        <v>9</v>
      </c>
      <c r="AD1743">
        <v>9</v>
      </c>
      <c r="AE1743">
        <v>9</v>
      </c>
      <c r="AF1743">
        <v>9</v>
      </c>
      <c r="AG1743">
        <v>9</v>
      </c>
      <c r="AH1743">
        <v>9</v>
      </c>
      <c r="AI1743">
        <v>9</v>
      </c>
      <c r="AJ1743">
        <v>9</v>
      </c>
      <c r="AK1743">
        <v>9</v>
      </c>
      <c r="AL1743">
        <v>9</v>
      </c>
      <c r="AM1743">
        <v>9</v>
      </c>
      <c r="AN1743">
        <v>9</v>
      </c>
      <c r="AO1743">
        <v>9</v>
      </c>
      <c r="AP1743">
        <v>9</v>
      </c>
      <c r="AQ1743">
        <v>9</v>
      </c>
    </row>
    <row r="1744" spans="1:43">
      <c r="A1744" t="s">
        <v>1148</v>
      </c>
      <c r="B1744" t="s">
        <v>1149</v>
      </c>
      <c r="C1744" t="s">
        <v>933</v>
      </c>
      <c r="D1744" t="s">
        <v>934</v>
      </c>
      <c r="E1744" t="s">
        <v>847</v>
      </c>
      <c r="F1744" t="s">
        <v>848</v>
      </c>
      <c r="G1744" t="s">
        <v>80</v>
      </c>
      <c r="H1744" t="s">
        <v>81</v>
      </c>
      <c r="I1744" s="2">
        <v>0</v>
      </c>
      <c r="J1744" s="2">
        <v>1</v>
      </c>
      <c r="K1744" s="2">
        <v>0</v>
      </c>
      <c r="L1744" t="s">
        <v>82</v>
      </c>
      <c r="M1744" t="s">
        <v>89</v>
      </c>
      <c r="N1744" t="s">
        <v>90</v>
      </c>
      <c r="O1744" t="s">
        <v>85</v>
      </c>
      <c r="P1744" t="s">
        <v>86</v>
      </c>
      <c r="Q1744">
        <v>9</v>
      </c>
      <c r="R1744">
        <v>9</v>
      </c>
      <c r="S1744">
        <v>9</v>
      </c>
      <c r="T1744">
        <v>9</v>
      </c>
      <c r="U1744">
        <v>9</v>
      </c>
      <c r="V1744">
        <v>9</v>
      </c>
      <c r="W1744">
        <v>9</v>
      </c>
      <c r="X1744">
        <v>9</v>
      </c>
      <c r="Y1744">
        <v>9</v>
      </c>
      <c r="Z1744">
        <v>10</v>
      </c>
      <c r="AA1744">
        <v>10</v>
      </c>
      <c r="AB1744">
        <v>10</v>
      </c>
      <c r="AC1744">
        <v>10</v>
      </c>
      <c r="AD1744">
        <v>10</v>
      </c>
      <c r="AE1744">
        <v>10</v>
      </c>
      <c r="AF1744">
        <v>10</v>
      </c>
      <c r="AG1744">
        <v>10</v>
      </c>
      <c r="AH1744">
        <v>10</v>
      </c>
      <c r="AI1744">
        <v>10</v>
      </c>
      <c r="AJ1744">
        <v>10</v>
      </c>
      <c r="AK1744">
        <v>9</v>
      </c>
      <c r="AL1744">
        <v>9</v>
      </c>
      <c r="AM1744">
        <v>9</v>
      </c>
      <c r="AN1744">
        <v>9</v>
      </c>
      <c r="AO1744">
        <v>9</v>
      </c>
      <c r="AP1744">
        <v>9</v>
      </c>
      <c r="AQ1744">
        <v>9</v>
      </c>
    </row>
    <row r="1745" spans="1:43">
      <c r="A1745" t="s">
        <v>1148</v>
      </c>
      <c r="B1745" t="s">
        <v>1149</v>
      </c>
      <c r="C1745" t="s">
        <v>933</v>
      </c>
      <c r="D1745" t="s">
        <v>934</v>
      </c>
      <c r="E1745" t="s">
        <v>847</v>
      </c>
      <c r="F1745" t="s">
        <v>848</v>
      </c>
      <c r="G1745" t="s">
        <v>80</v>
      </c>
      <c r="H1745" t="s">
        <v>81</v>
      </c>
      <c r="I1745" s="2">
        <v>0</v>
      </c>
      <c r="J1745" s="2">
        <v>1</v>
      </c>
      <c r="K1745" s="2">
        <v>0</v>
      </c>
      <c r="L1745" t="s">
        <v>82</v>
      </c>
      <c r="M1745" t="s">
        <v>83</v>
      </c>
      <c r="N1745" t="s">
        <v>91</v>
      </c>
      <c r="O1745" t="s">
        <v>85</v>
      </c>
      <c r="P1745" t="s">
        <v>86</v>
      </c>
      <c r="Q1745">
        <v>9</v>
      </c>
      <c r="R1745">
        <v>10</v>
      </c>
      <c r="S1745">
        <v>10</v>
      </c>
      <c r="T1745">
        <v>10</v>
      </c>
      <c r="U1745">
        <v>10</v>
      </c>
      <c r="V1745">
        <v>10</v>
      </c>
      <c r="W1745">
        <v>10</v>
      </c>
      <c r="X1745">
        <v>10</v>
      </c>
      <c r="Y1745">
        <v>10</v>
      </c>
      <c r="Z1745">
        <v>10</v>
      </c>
      <c r="AA1745">
        <v>10</v>
      </c>
      <c r="AB1745">
        <v>10</v>
      </c>
      <c r="AC1745">
        <v>10</v>
      </c>
      <c r="AD1745">
        <v>10</v>
      </c>
      <c r="AE1745">
        <v>10</v>
      </c>
      <c r="AF1745">
        <v>10</v>
      </c>
      <c r="AG1745">
        <v>10</v>
      </c>
      <c r="AH1745">
        <v>10</v>
      </c>
      <c r="AI1745">
        <v>10</v>
      </c>
      <c r="AJ1745">
        <v>10</v>
      </c>
      <c r="AK1745">
        <v>10</v>
      </c>
      <c r="AL1745">
        <v>10</v>
      </c>
      <c r="AM1745">
        <v>10</v>
      </c>
      <c r="AN1745">
        <v>10</v>
      </c>
      <c r="AO1745">
        <v>10</v>
      </c>
      <c r="AP1745">
        <v>10</v>
      </c>
      <c r="AQ1745">
        <v>10</v>
      </c>
    </row>
    <row r="1746" spans="1:43">
      <c r="A1746" t="s">
        <v>1150</v>
      </c>
      <c r="B1746" t="s">
        <v>1151</v>
      </c>
      <c r="C1746" t="s">
        <v>1040</v>
      </c>
      <c r="D1746" t="s">
        <v>1041</v>
      </c>
      <c r="E1746" t="s">
        <v>847</v>
      </c>
      <c r="F1746" t="s">
        <v>848</v>
      </c>
      <c r="G1746" t="s">
        <v>80</v>
      </c>
      <c r="H1746" t="s">
        <v>81</v>
      </c>
      <c r="I1746" s="2">
        <v>0</v>
      </c>
      <c r="J1746" s="2">
        <v>1</v>
      </c>
      <c r="K1746" s="2">
        <v>0</v>
      </c>
      <c r="L1746" t="s">
        <v>82</v>
      </c>
      <c r="M1746" t="s">
        <v>83</v>
      </c>
      <c r="N1746" t="s">
        <v>84</v>
      </c>
      <c r="O1746" t="s">
        <v>85</v>
      </c>
      <c r="P1746" t="s">
        <v>86</v>
      </c>
      <c r="Q1746">
        <v>12</v>
      </c>
      <c r="R1746">
        <v>12</v>
      </c>
      <c r="S1746">
        <v>12</v>
      </c>
      <c r="T1746">
        <v>12</v>
      </c>
      <c r="U1746">
        <v>12</v>
      </c>
      <c r="V1746">
        <v>12</v>
      </c>
      <c r="W1746">
        <v>12</v>
      </c>
      <c r="X1746">
        <v>12</v>
      </c>
      <c r="Y1746">
        <v>12</v>
      </c>
      <c r="Z1746">
        <v>12</v>
      </c>
      <c r="AA1746">
        <v>12</v>
      </c>
      <c r="AB1746">
        <v>12</v>
      </c>
      <c r="AC1746">
        <v>12</v>
      </c>
      <c r="AD1746">
        <v>12</v>
      </c>
      <c r="AE1746">
        <v>12</v>
      </c>
      <c r="AF1746">
        <v>12</v>
      </c>
      <c r="AG1746">
        <v>13</v>
      </c>
      <c r="AH1746">
        <v>13</v>
      </c>
      <c r="AI1746">
        <v>13</v>
      </c>
      <c r="AJ1746">
        <v>13</v>
      </c>
      <c r="AK1746">
        <v>13</v>
      </c>
      <c r="AL1746">
        <v>13</v>
      </c>
      <c r="AM1746">
        <v>13</v>
      </c>
      <c r="AN1746">
        <v>13</v>
      </c>
      <c r="AO1746">
        <v>12</v>
      </c>
      <c r="AP1746">
        <v>12</v>
      </c>
      <c r="AQ1746">
        <v>12</v>
      </c>
    </row>
    <row r="1747" spans="1:43">
      <c r="A1747" t="s">
        <v>1150</v>
      </c>
      <c r="B1747" t="s">
        <v>1151</v>
      </c>
      <c r="C1747" t="s">
        <v>1040</v>
      </c>
      <c r="D1747" t="s">
        <v>1041</v>
      </c>
      <c r="E1747" t="s">
        <v>847</v>
      </c>
      <c r="F1747" t="s">
        <v>848</v>
      </c>
      <c r="G1747" t="s">
        <v>80</v>
      </c>
      <c r="H1747" t="s">
        <v>81</v>
      </c>
      <c r="I1747" s="2">
        <v>0</v>
      </c>
      <c r="J1747" s="2">
        <v>1</v>
      </c>
      <c r="K1747" s="2">
        <v>0</v>
      </c>
      <c r="L1747" t="s">
        <v>82</v>
      </c>
      <c r="M1747" t="s">
        <v>87</v>
      </c>
      <c r="N1747" t="s">
        <v>88</v>
      </c>
      <c r="O1747" t="s">
        <v>85</v>
      </c>
      <c r="P1747" t="s">
        <v>86</v>
      </c>
      <c r="Q1747">
        <v>12</v>
      </c>
      <c r="R1747">
        <v>12</v>
      </c>
      <c r="S1747">
        <v>11</v>
      </c>
      <c r="T1747">
        <v>11</v>
      </c>
      <c r="U1747">
        <v>11</v>
      </c>
      <c r="V1747">
        <v>11</v>
      </c>
      <c r="W1747">
        <v>11</v>
      </c>
      <c r="X1747">
        <v>11</v>
      </c>
      <c r="Y1747">
        <v>11</v>
      </c>
      <c r="Z1747">
        <v>11</v>
      </c>
      <c r="AA1747">
        <v>11</v>
      </c>
      <c r="AB1747">
        <v>11</v>
      </c>
      <c r="AC1747">
        <v>11</v>
      </c>
      <c r="AD1747">
        <v>11</v>
      </c>
      <c r="AE1747">
        <v>11</v>
      </c>
      <c r="AF1747">
        <v>11</v>
      </c>
      <c r="AG1747">
        <v>11</v>
      </c>
      <c r="AH1747">
        <v>11</v>
      </c>
      <c r="AI1747">
        <v>11</v>
      </c>
      <c r="AJ1747">
        <v>11</v>
      </c>
      <c r="AK1747">
        <v>11</v>
      </c>
      <c r="AL1747">
        <v>11</v>
      </c>
      <c r="AM1747">
        <v>11</v>
      </c>
      <c r="AN1747">
        <v>11</v>
      </c>
      <c r="AO1747">
        <v>11</v>
      </c>
      <c r="AP1747">
        <v>11</v>
      </c>
      <c r="AQ1747">
        <v>11</v>
      </c>
    </row>
    <row r="1748" spans="1:43">
      <c r="A1748" t="s">
        <v>1150</v>
      </c>
      <c r="B1748" t="s">
        <v>1151</v>
      </c>
      <c r="C1748" t="s">
        <v>1040</v>
      </c>
      <c r="D1748" t="s">
        <v>1041</v>
      </c>
      <c r="E1748" t="s">
        <v>847</v>
      </c>
      <c r="F1748" t="s">
        <v>848</v>
      </c>
      <c r="G1748" t="s">
        <v>80</v>
      </c>
      <c r="H1748" t="s">
        <v>81</v>
      </c>
      <c r="I1748" s="2">
        <v>0</v>
      </c>
      <c r="J1748" s="2">
        <v>1</v>
      </c>
      <c r="K1748" s="2">
        <v>0</v>
      </c>
      <c r="L1748" t="s">
        <v>82</v>
      </c>
      <c r="M1748" t="s">
        <v>89</v>
      </c>
      <c r="N1748" t="s">
        <v>90</v>
      </c>
      <c r="O1748" t="s">
        <v>85</v>
      </c>
      <c r="P1748" t="s">
        <v>86</v>
      </c>
      <c r="Q1748">
        <v>12</v>
      </c>
      <c r="R1748">
        <v>12</v>
      </c>
      <c r="S1748">
        <v>12</v>
      </c>
      <c r="T1748">
        <v>12</v>
      </c>
      <c r="U1748">
        <v>12</v>
      </c>
      <c r="V1748">
        <v>13</v>
      </c>
      <c r="W1748">
        <v>13</v>
      </c>
      <c r="X1748">
        <v>13</v>
      </c>
      <c r="Y1748">
        <v>13</v>
      </c>
      <c r="Z1748">
        <v>13</v>
      </c>
      <c r="AA1748">
        <v>13</v>
      </c>
      <c r="AB1748">
        <v>13</v>
      </c>
      <c r="AC1748">
        <v>13</v>
      </c>
      <c r="AD1748">
        <v>13</v>
      </c>
      <c r="AE1748">
        <v>13</v>
      </c>
      <c r="AF1748">
        <v>13</v>
      </c>
      <c r="AG1748">
        <v>13</v>
      </c>
      <c r="AH1748">
        <v>13</v>
      </c>
      <c r="AI1748">
        <v>13</v>
      </c>
      <c r="AJ1748">
        <v>13</v>
      </c>
      <c r="AK1748">
        <v>13</v>
      </c>
      <c r="AL1748">
        <v>13</v>
      </c>
      <c r="AM1748">
        <v>13</v>
      </c>
      <c r="AN1748">
        <v>13</v>
      </c>
      <c r="AO1748">
        <v>13</v>
      </c>
      <c r="AP1748">
        <v>13</v>
      </c>
      <c r="AQ1748">
        <v>13</v>
      </c>
    </row>
    <row r="1749" spans="1:43">
      <c r="A1749" t="s">
        <v>1150</v>
      </c>
      <c r="B1749" t="s">
        <v>1151</v>
      </c>
      <c r="C1749" t="s">
        <v>1040</v>
      </c>
      <c r="D1749" t="s">
        <v>1041</v>
      </c>
      <c r="E1749" t="s">
        <v>847</v>
      </c>
      <c r="F1749" t="s">
        <v>848</v>
      </c>
      <c r="G1749" t="s">
        <v>80</v>
      </c>
      <c r="H1749" t="s">
        <v>81</v>
      </c>
      <c r="I1749" s="2">
        <v>0</v>
      </c>
      <c r="J1749" s="2">
        <v>1</v>
      </c>
      <c r="K1749" s="2">
        <v>0</v>
      </c>
      <c r="L1749" t="s">
        <v>82</v>
      </c>
      <c r="M1749" t="s">
        <v>83</v>
      </c>
      <c r="N1749" t="s">
        <v>91</v>
      </c>
      <c r="O1749" t="s">
        <v>85</v>
      </c>
      <c r="P1749" t="s">
        <v>86</v>
      </c>
      <c r="Q1749">
        <v>12</v>
      </c>
      <c r="R1749">
        <v>12</v>
      </c>
      <c r="S1749">
        <v>12</v>
      </c>
      <c r="T1749">
        <v>12</v>
      </c>
      <c r="U1749">
        <v>12</v>
      </c>
      <c r="V1749">
        <v>12</v>
      </c>
      <c r="W1749">
        <v>12</v>
      </c>
      <c r="X1749">
        <v>12</v>
      </c>
      <c r="Y1749">
        <v>12</v>
      </c>
      <c r="Z1749">
        <v>12</v>
      </c>
      <c r="AA1749">
        <v>12</v>
      </c>
      <c r="AB1749">
        <v>12</v>
      </c>
      <c r="AC1749">
        <v>12</v>
      </c>
      <c r="AD1749">
        <v>12</v>
      </c>
      <c r="AE1749">
        <v>12</v>
      </c>
      <c r="AF1749">
        <v>12</v>
      </c>
      <c r="AG1749">
        <v>13</v>
      </c>
      <c r="AH1749">
        <v>13</v>
      </c>
      <c r="AI1749">
        <v>13</v>
      </c>
      <c r="AJ1749">
        <v>13</v>
      </c>
      <c r="AK1749">
        <v>13</v>
      </c>
      <c r="AL1749">
        <v>13</v>
      </c>
      <c r="AM1749">
        <v>13</v>
      </c>
      <c r="AN1749">
        <v>13</v>
      </c>
      <c r="AO1749">
        <v>12</v>
      </c>
      <c r="AP1749">
        <v>12</v>
      </c>
      <c r="AQ1749">
        <v>12</v>
      </c>
    </row>
    <row r="1750" spans="1:43">
      <c r="A1750" t="s">
        <v>1152</v>
      </c>
      <c r="B1750" t="s">
        <v>1153</v>
      </c>
      <c r="C1750" t="s">
        <v>1040</v>
      </c>
      <c r="D1750" t="s">
        <v>1041</v>
      </c>
      <c r="E1750" t="s">
        <v>847</v>
      </c>
      <c r="F1750" t="s">
        <v>848</v>
      </c>
      <c r="G1750" t="s">
        <v>80</v>
      </c>
      <c r="H1750" t="s">
        <v>81</v>
      </c>
      <c r="I1750" s="2">
        <v>0</v>
      </c>
      <c r="J1750" s="2">
        <v>1</v>
      </c>
      <c r="K1750" s="2">
        <v>0</v>
      </c>
      <c r="L1750" t="s">
        <v>82</v>
      </c>
      <c r="M1750" t="s">
        <v>83</v>
      </c>
      <c r="N1750" t="s">
        <v>84</v>
      </c>
      <c r="O1750" t="s">
        <v>85</v>
      </c>
      <c r="P1750" t="s">
        <v>86</v>
      </c>
      <c r="Q1750">
        <v>28</v>
      </c>
      <c r="R1750">
        <v>28</v>
      </c>
      <c r="S1750">
        <v>29</v>
      </c>
      <c r="T1750">
        <v>29</v>
      </c>
      <c r="U1750">
        <v>29</v>
      </c>
      <c r="V1750">
        <v>29</v>
      </c>
      <c r="W1750">
        <v>29</v>
      </c>
      <c r="X1750">
        <v>29</v>
      </c>
      <c r="Y1750">
        <v>30</v>
      </c>
      <c r="Z1750">
        <v>30</v>
      </c>
      <c r="AA1750">
        <v>30</v>
      </c>
      <c r="AB1750">
        <v>30</v>
      </c>
      <c r="AC1750">
        <v>30</v>
      </c>
      <c r="AD1750">
        <v>30</v>
      </c>
      <c r="AE1750">
        <v>30</v>
      </c>
      <c r="AF1750">
        <v>30</v>
      </c>
      <c r="AG1750">
        <v>31</v>
      </c>
      <c r="AH1750">
        <v>31</v>
      </c>
      <c r="AI1750">
        <v>31</v>
      </c>
      <c r="AJ1750">
        <v>31</v>
      </c>
      <c r="AK1750">
        <v>31</v>
      </c>
      <c r="AL1750">
        <v>31</v>
      </c>
      <c r="AM1750">
        <v>31</v>
      </c>
      <c r="AN1750">
        <v>31</v>
      </c>
      <c r="AO1750">
        <v>31</v>
      </c>
      <c r="AP1750">
        <v>30</v>
      </c>
      <c r="AQ1750">
        <v>30</v>
      </c>
    </row>
    <row r="1751" spans="1:43">
      <c r="A1751" t="s">
        <v>1152</v>
      </c>
      <c r="B1751" t="s">
        <v>1153</v>
      </c>
      <c r="C1751" t="s">
        <v>1040</v>
      </c>
      <c r="D1751" t="s">
        <v>1041</v>
      </c>
      <c r="E1751" t="s">
        <v>847</v>
      </c>
      <c r="F1751" t="s">
        <v>848</v>
      </c>
      <c r="G1751" t="s">
        <v>80</v>
      </c>
      <c r="H1751" t="s">
        <v>81</v>
      </c>
      <c r="I1751" s="2">
        <v>0</v>
      </c>
      <c r="J1751" s="2">
        <v>1</v>
      </c>
      <c r="K1751" s="2">
        <v>0</v>
      </c>
      <c r="L1751" t="s">
        <v>82</v>
      </c>
      <c r="M1751" t="s">
        <v>87</v>
      </c>
      <c r="N1751" t="s">
        <v>88</v>
      </c>
      <c r="O1751" t="s">
        <v>85</v>
      </c>
      <c r="P1751" t="s">
        <v>86</v>
      </c>
      <c r="Q1751">
        <v>28</v>
      </c>
      <c r="R1751">
        <v>28</v>
      </c>
      <c r="S1751">
        <v>28</v>
      </c>
      <c r="T1751">
        <v>28</v>
      </c>
      <c r="U1751">
        <v>28</v>
      </c>
      <c r="V1751">
        <v>28</v>
      </c>
      <c r="W1751">
        <v>28</v>
      </c>
      <c r="X1751">
        <v>27</v>
      </c>
      <c r="Y1751">
        <v>27</v>
      </c>
      <c r="Z1751">
        <v>27</v>
      </c>
      <c r="AA1751">
        <v>27</v>
      </c>
      <c r="AB1751">
        <v>27</v>
      </c>
      <c r="AC1751">
        <v>27</v>
      </c>
      <c r="AD1751">
        <v>27</v>
      </c>
      <c r="AE1751">
        <v>27</v>
      </c>
      <c r="AF1751">
        <v>27</v>
      </c>
      <c r="AG1751">
        <v>27</v>
      </c>
      <c r="AH1751">
        <v>27</v>
      </c>
      <c r="AI1751">
        <v>27</v>
      </c>
      <c r="AJ1751">
        <v>27</v>
      </c>
      <c r="AK1751">
        <v>27</v>
      </c>
      <c r="AL1751">
        <v>26</v>
      </c>
      <c r="AM1751">
        <v>26</v>
      </c>
      <c r="AN1751">
        <v>26</v>
      </c>
      <c r="AO1751">
        <v>26</v>
      </c>
      <c r="AP1751">
        <v>26</v>
      </c>
      <c r="AQ1751">
        <v>26</v>
      </c>
    </row>
    <row r="1752" spans="1:43">
      <c r="A1752" t="s">
        <v>1152</v>
      </c>
      <c r="B1752" t="s">
        <v>1153</v>
      </c>
      <c r="C1752" t="s">
        <v>1040</v>
      </c>
      <c r="D1752" t="s">
        <v>1041</v>
      </c>
      <c r="E1752" t="s">
        <v>847</v>
      </c>
      <c r="F1752" t="s">
        <v>848</v>
      </c>
      <c r="G1752" t="s">
        <v>80</v>
      </c>
      <c r="H1752" t="s">
        <v>81</v>
      </c>
      <c r="I1752" s="2">
        <v>0</v>
      </c>
      <c r="J1752" s="2">
        <v>1</v>
      </c>
      <c r="K1752" s="2">
        <v>0</v>
      </c>
      <c r="L1752" t="s">
        <v>82</v>
      </c>
      <c r="M1752" t="s">
        <v>89</v>
      </c>
      <c r="N1752" t="s">
        <v>90</v>
      </c>
      <c r="O1752" t="s">
        <v>85</v>
      </c>
      <c r="P1752" t="s">
        <v>86</v>
      </c>
      <c r="Q1752">
        <v>28</v>
      </c>
      <c r="R1752">
        <v>28</v>
      </c>
      <c r="S1752">
        <v>28</v>
      </c>
      <c r="T1752">
        <v>29</v>
      </c>
      <c r="U1752">
        <v>29</v>
      </c>
      <c r="V1752">
        <v>29</v>
      </c>
      <c r="W1752">
        <v>30</v>
      </c>
      <c r="X1752">
        <v>30</v>
      </c>
      <c r="Y1752">
        <v>30</v>
      </c>
      <c r="Z1752">
        <v>31</v>
      </c>
      <c r="AA1752">
        <v>31</v>
      </c>
      <c r="AB1752">
        <v>31</v>
      </c>
      <c r="AC1752">
        <v>31</v>
      </c>
      <c r="AD1752">
        <v>31</v>
      </c>
      <c r="AE1752">
        <v>32</v>
      </c>
      <c r="AF1752">
        <v>31</v>
      </c>
      <c r="AG1752">
        <v>31</v>
      </c>
      <c r="AH1752">
        <v>31</v>
      </c>
      <c r="AI1752">
        <v>31</v>
      </c>
      <c r="AJ1752">
        <v>31</v>
      </c>
      <c r="AK1752">
        <v>31</v>
      </c>
      <c r="AL1752">
        <v>30</v>
      </c>
      <c r="AM1752">
        <v>30</v>
      </c>
      <c r="AN1752">
        <v>30</v>
      </c>
      <c r="AO1752">
        <v>30</v>
      </c>
      <c r="AP1752">
        <v>30</v>
      </c>
      <c r="AQ1752">
        <v>30</v>
      </c>
    </row>
    <row r="1753" spans="1:43">
      <c r="A1753" t="s">
        <v>1152</v>
      </c>
      <c r="B1753" t="s">
        <v>1153</v>
      </c>
      <c r="C1753" t="s">
        <v>1040</v>
      </c>
      <c r="D1753" t="s">
        <v>1041</v>
      </c>
      <c r="E1753" t="s">
        <v>847</v>
      </c>
      <c r="F1753" t="s">
        <v>848</v>
      </c>
      <c r="G1753" t="s">
        <v>80</v>
      </c>
      <c r="H1753" t="s">
        <v>81</v>
      </c>
      <c r="I1753" s="2">
        <v>0</v>
      </c>
      <c r="J1753" s="2">
        <v>1</v>
      </c>
      <c r="K1753" s="2">
        <v>0</v>
      </c>
      <c r="L1753" t="s">
        <v>82</v>
      </c>
      <c r="M1753" t="s">
        <v>83</v>
      </c>
      <c r="N1753" t="s">
        <v>91</v>
      </c>
      <c r="O1753" t="s">
        <v>85</v>
      </c>
      <c r="P1753" t="s">
        <v>86</v>
      </c>
      <c r="Q1753">
        <v>28</v>
      </c>
      <c r="R1753">
        <v>28</v>
      </c>
      <c r="S1753">
        <v>29</v>
      </c>
      <c r="T1753">
        <v>29</v>
      </c>
      <c r="U1753">
        <v>29</v>
      </c>
      <c r="V1753">
        <v>29</v>
      </c>
      <c r="W1753">
        <v>29</v>
      </c>
      <c r="X1753">
        <v>29</v>
      </c>
      <c r="Y1753">
        <v>30</v>
      </c>
      <c r="Z1753">
        <v>30</v>
      </c>
      <c r="AA1753">
        <v>30</v>
      </c>
      <c r="AB1753">
        <v>30</v>
      </c>
      <c r="AC1753">
        <v>30</v>
      </c>
      <c r="AD1753">
        <v>30</v>
      </c>
      <c r="AE1753">
        <v>30</v>
      </c>
      <c r="AF1753">
        <v>30</v>
      </c>
      <c r="AG1753">
        <v>31</v>
      </c>
      <c r="AH1753">
        <v>31</v>
      </c>
      <c r="AI1753">
        <v>31</v>
      </c>
      <c r="AJ1753">
        <v>31</v>
      </c>
      <c r="AK1753">
        <v>31</v>
      </c>
      <c r="AL1753">
        <v>31</v>
      </c>
      <c r="AM1753">
        <v>31</v>
      </c>
      <c r="AN1753">
        <v>31</v>
      </c>
      <c r="AO1753">
        <v>31</v>
      </c>
      <c r="AP1753">
        <v>30</v>
      </c>
      <c r="AQ1753">
        <v>30</v>
      </c>
    </row>
    <row r="1754" spans="1:43">
      <c r="A1754" t="s">
        <v>1154</v>
      </c>
      <c r="B1754" t="s">
        <v>1155</v>
      </c>
      <c r="C1754" t="s">
        <v>1040</v>
      </c>
      <c r="D1754" t="s">
        <v>1041</v>
      </c>
      <c r="E1754" t="s">
        <v>847</v>
      </c>
      <c r="F1754" t="s">
        <v>848</v>
      </c>
      <c r="G1754" t="s">
        <v>80</v>
      </c>
      <c r="H1754" t="s">
        <v>81</v>
      </c>
      <c r="I1754" s="2">
        <v>0</v>
      </c>
      <c r="J1754" s="2">
        <v>1</v>
      </c>
      <c r="K1754" s="2">
        <v>0</v>
      </c>
      <c r="L1754" t="s">
        <v>82</v>
      </c>
      <c r="M1754" t="s">
        <v>83</v>
      </c>
      <c r="N1754" t="s">
        <v>84</v>
      </c>
      <c r="O1754" t="s">
        <v>85</v>
      </c>
      <c r="P1754" t="s">
        <v>86</v>
      </c>
      <c r="Q1754">
        <v>5</v>
      </c>
      <c r="R1754">
        <v>5</v>
      </c>
      <c r="S1754">
        <v>5</v>
      </c>
      <c r="T1754">
        <v>5</v>
      </c>
      <c r="U1754">
        <v>5</v>
      </c>
      <c r="V1754">
        <v>5</v>
      </c>
      <c r="W1754">
        <v>5</v>
      </c>
      <c r="X1754">
        <v>5</v>
      </c>
      <c r="Y1754">
        <v>5</v>
      </c>
      <c r="Z1754">
        <v>5</v>
      </c>
      <c r="AA1754">
        <v>5</v>
      </c>
      <c r="AB1754">
        <v>5</v>
      </c>
      <c r="AC1754">
        <v>5</v>
      </c>
      <c r="AD1754">
        <v>5</v>
      </c>
      <c r="AE1754">
        <v>6</v>
      </c>
      <c r="AF1754">
        <v>6</v>
      </c>
      <c r="AG1754">
        <v>6</v>
      </c>
      <c r="AH1754">
        <v>6</v>
      </c>
      <c r="AI1754">
        <v>6</v>
      </c>
      <c r="AJ1754">
        <v>6</v>
      </c>
      <c r="AK1754">
        <v>6</v>
      </c>
      <c r="AL1754">
        <v>6</v>
      </c>
      <c r="AM1754">
        <v>6</v>
      </c>
      <c r="AN1754">
        <v>6</v>
      </c>
      <c r="AO1754">
        <v>6</v>
      </c>
      <c r="AP1754">
        <v>5</v>
      </c>
      <c r="AQ1754">
        <v>5</v>
      </c>
    </row>
    <row r="1755" spans="1:43">
      <c r="A1755" t="s">
        <v>1154</v>
      </c>
      <c r="B1755" t="s">
        <v>1155</v>
      </c>
      <c r="C1755" t="s">
        <v>1040</v>
      </c>
      <c r="D1755" t="s">
        <v>1041</v>
      </c>
      <c r="E1755" t="s">
        <v>847</v>
      </c>
      <c r="F1755" t="s">
        <v>848</v>
      </c>
      <c r="G1755" t="s">
        <v>80</v>
      </c>
      <c r="H1755" t="s">
        <v>81</v>
      </c>
      <c r="I1755" s="2">
        <v>0</v>
      </c>
      <c r="J1755" s="2">
        <v>1</v>
      </c>
      <c r="K1755" s="2">
        <v>0</v>
      </c>
      <c r="L1755" t="s">
        <v>82</v>
      </c>
      <c r="M1755" t="s">
        <v>87</v>
      </c>
      <c r="N1755" t="s">
        <v>88</v>
      </c>
      <c r="O1755" t="s">
        <v>85</v>
      </c>
      <c r="P1755" t="s">
        <v>86</v>
      </c>
      <c r="Q1755">
        <v>5</v>
      </c>
      <c r="R1755">
        <v>5</v>
      </c>
      <c r="S1755">
        <v>5</v>
      </c>
      <c r="T1755">
        <v>5</v>
      </c>
      <c r="U1755">
        <v>5</v>
      </c>
      <c r="V1755">
        <v>5</v>
      </c>
      <c r="W1755">
        <v>5</v>
      </c>
      <c r="X1755">
        <v>5</v>
      </c>
      <c r="Y1755">
        <v>5</v>
      </c>
      <c r="Z1755">
        <v>5</v>
      </c>
      <c r="AA1755">
        <v>5</v>
      </c>
      <c r="AB1755">
        <v>5</v>
      </c>
      <c r="AC1755">
        <v>5</v>
      </c>
      <c r="AD1755">
        <v>5</v>
      </c>
      <c r="AE1755">
        <v>5</v>
      </c>
      <c r="AF1755">
        <v>5</v>
      </c>
      <c r="AG1755">
        <v>5</v>
      </c>
      <c r="AH1755">
        <v>5</v>
      </c>
      <c r="AI1755">
        <v>5</v>
      </c>
      <c r="AJ1755">
        <v>5</v>
      </c>
      <c r="AK1755">
        <v>5</v>
      </c>
      <c r="AL1755">
        <v>5</v>
      </c>
      <c r="AM1755">
        <v>5</v>
      </c>
      <c r="AN1755">
        <v>5</v>
      </c>
      <c r="AO1755">
        <v>5</v>
      </c>
      <c r="AP1755">
        <v>5</v>
      </c>
      <c r="AQ1755">
        <v>5</v>
      </c>
    </row>
    <row r="1756" spans="1:43">
      <c r="A1756" t="s">
        <v>1154</v>
      </c>
      <c r="B1756" t="s">
        <v>1155</v>
      </c>
      <c r="C1756" t="s">
        <v>1040</v>
      </c>
      <c r="D1756" t="s">
        <v>1041</v>
      </c>
      <c r="E1756" t="s">
        <v>847</v>
      </c>
      <c r="F1756" t="s">
        <v>848</v>
      </c>
      <c r="G1756" t="s">
        <v>80</v>
      </c>
      <c r="H1756" t="s">
        <v>81</v>
      </c>
      <c r="I1756" s="2">
        <v>0</v>
      </c>
      <c r="J1756" s="2">
        <v>1</v>
      </c>
      <c r="K1756" s="2">
        <v>0</v>
      </c>
      <c r="L1756" t="s">
        <v>82</v>
      </c>
      <c r="M1756" t="s">
        <v>89</v>
      </c>
      <c r="N1756" t="s">
        <v>90</v>
      </c>
      <c r="O1756" t="s">
        <v>85</v>
      </c>
      <c r="P1756" t="s">
        <v>86</v>
      </c>
      <c r="Q1756">
        <v>5</v>
      </c>
      <c r="R1756">
        <v>5</v>
      </c>
      <c r="S1756">
        <v>5</v>
      </c>
      <c r="T1756">
        <v>5</v>
      </c>
      <c r="U1756">
        <v>5</v>
      </c>
      <c r="V1756">
        <v>6</v>
      </c>
      <c r="W1756">
        <v>6</v>
      </c>
      <c r="X1756">
        <v>6</v>
      </c>
      <c r="Y1756">
        <v>6</v>
      </c>
      <c r="Z1756">
        <v>6</v>
      </c>
      <c r="AA1756">
        <v>6</v>
      </c>
      <c r="AB1756">
        <v>6</v>
      </c>
      <c r="AC1756">
        <v>6</v>
      </c>
      <c r="AD1756">
        <v>6</v>
      </c>
      <c r="AE1756">
        <v>6</v>
      </c>
      <c r="AF1756">
        <v>6</v>
      </c>
      <c r="AG1756">
        <v>6</v>
      </c>
      <c r="AH1756">
        <v>6</v>
      </c>
      <c r="AI1756">
        <v>6</v>
      </c>
      <c r="AJ1756">
        <v>6</v>
      </c>
      <c r="AK1756">
        <v>6</v>
      </c>
      <c r="AL1756">
        <v>6</v>
      </c>
      <c r="AM1756">
        <v>6</v>
      </c>
      <c r="AN1756">
        <v>6</v>
      </c>
      <c r="AO1756">
        <v>6</v>
      </c>
      <c r="AP1756">
        <v>6</v>
      </c>
      <c r="AQ1756">
        <v>6</v>
      </c>
    </row>
    <row r="1757" spans="1:43">
      <c r="A1757" t="s">
        <v>1154</v>
      </c>
      <c r="B1757" t="s">
        <v>1155</v>
      </c>
      <c r="C1757" t="s">
        <v>1040</v>
      </c>
      <c r="D1757" t="s">
        <v>1041</v>
      </c>
      <c r="E1757" t="s">
        <v>847</v>
      </c>
      <c r="F1757" t="s">
        <v>848</v>
      </c>
      <c r="G1757" t="s">
        <v>80</v>
      </c>
      <c r="H1757" t="s">
        <v>81</v>
      </c>
      <c r="I1757" s="2">
        <v>0</v>
      </c>
      <c r="J1757" s="2">
        <v>1</v>
      </c>
      <c r="K1757" s="2">
        <v>0</v>
      </c>
      <c r="L1757" t="s">
        <v>82</v>
      </c>
      <c r="M1757" t="s">
        <v>83</v>
      </c>
      <c r="N1757" t="s">
        <v>91</v>
      </c>
      <c r="O1757" t="s">
        <v>85</v>
      </c>
      <c r="P1757" t="s">
        <v>86</v>
      </c>
      <c r="Q1757">
        <v>5</v>
      </c>
      <c r="R1757">
        <v>5</v>
      </c>
      <c r="S1757">
        <v>5</v>
      </c>
      <c r="T1757">
        <v>5</v>
      </c>
      <c r="U1757">
        <v>5</v>
      </c>
      <c r="V1757">
        <v>5</v>
      </c>
      <c r="W1757">
        <v>5</v>
      </c>
      <c r="X1757">
        <v>5</v>
      </c>
      <c r="Y1757">
        <v>5</v>
      </c>
      <c r="Z1757">
        <v>5</v>
      </c>
      <c r="AA1757">
        <v>5</v>
      </c>
      <c r="AB1757">
        <v>5</v>
      </c>
      <c r="AC1757">
        <v>5</v>
      </c>
      <c r="AD1757">
        <v>5</v>
      </c>
      <c r="AE1757">
        <v>6</v>
      </c>
      <c r="AF1757">
        <v>6</v>
      </c>
      <c r="AG1757">
        <v>6</v>
      </c>
      <c r="AH1757">
        <v>6</v>
      </c>
      <c r="AI1757">
        <v>6</v>
      </c>
      <c r="AJ1757">
        <v>6</v>
      </c>
      <c r="AK1757">
        <v>6</v>
      </c>
      <c r="AL1757">
        <v>6</v>
      </c>
      <c r="AM1757">
        <v>6</v>
      </c>
      <c r="AN1757">
        <v>6</v>
      </c>
      <c r="AO1757">
        <v>6</v>
      </c>
      <c r="AP1757">
        <v>5</v>
      </c>
      <c r="AQ1757">
        <v>5</v>
      </c>
    </row>
    <row r="1758" spans="1:43">
      <c r="A1758" t="s">
        <v>1156</v>
      </c>
      <c r="B1758" t="s">
        <v>1157</v>
      </c>
      <c r="C1758" t="s">
        <v>1040</v>
      </c>
      <c r="D1758" t="s">
        <v>1041</v>
      </c>
      <c r="E1758" t="s">
        <v>847</v>
      </c>
      <c r="F1758" t="s">
        <v>848</v>
      </c>
      <c r="G1758" t="s">
        <v>80</v>
      </c>
      <c r="H1758" t="s">
        <v>81</v>
      </c>
      <c r="I1758" s="2">
        <v>0</v>
      </c>
      <c r="J1758" s="2">
        <v>1</v>
      </c>
      <c r="K1758" s="2">
        <v>0</v>
      </c>
      <c r="L1758" t="s">
        <v>82</v>
      </c>
      <c r="M1758" t="s">
        <v>83</v>
      </c>
      <c r="N1758" t="s">
        <v>84</v>
      </c>
      <c r="O1758" t="s">
        <v>85</v>
      </c>
      <c r="P1758" t="s">
        <v>86</v>
      </c>
      <c r="Q1758">
        <v>4</v>
      </c>
      <c r="R1758">
        <v>4</v>
      </c>
      <c r="S1758">
        <v>4</v>
      </c>
      <c r="T1758">
        <v>4</v>
      </c>
      <c r="U1758">
        <v>4</v>
      </c>
      <c r="V1758">
        <v>4</v>
      </c>
      <c r="W1758">
        <v>4</v>
      </c>
      <c r="X1758">
        <v>4</v>
      </c>
      <c r="Y1758">
        <v>4</v>
      </c>
      <c r="Z1758">
        <v>4</v>
      </c>
      <c r="AA1758">
        <v>4</v>
      </c>
      <c r="AB1758">
        <v>4</v>
      </c>
      <c r="AC1758">
        <v>4</v>
      </c>
      <c r="AD1758">
        <v>4</v>
      </c>
      <c r="AE1758">
        <v>4</v>
      </c>
      <c r="AF1758">
        <v>4</v>
      </c>
      <c r="AG1758">
        <v>4</v>
      </c>
      <c r="AH1758">
        <v>4</v>
      </c>
      <c r="AI1758">
        <v>4</v>
      </c>
      <c r="AJ1758">
        <v>4</v>
      </c>
      <c r="AK1758">
        <v>4</v>
      </c>
      <c r="AL1758">
        <v>4</v>
      </c>
      <c r="AM1758">
        <v>4</v>
      </c>
      <c r="AN1758">
        <v>4</v>
      </c>
      <c r="AO1758">
        <v>4</v>
      </c>
      <c r="AP1758">
        <v>4</v>
      </c>
      <c r="AQ1758">
        <v>4</v>
      </c>
    </row>
    <row r="1759" spans="1:43">
      <c r="A1759" t="s">
        <v>1156</v>
      </c>
      <c r="B1759" t="s">
        <v>1157</v>
      </c>
      <c r="C1759" t="s">
        <v>1040</v>
      </c>
      <c r="D1759" t="s">
        <v>1041</v>
      </c>
      <c r="E1759" t="s">
        <v>847</v>
      </c>
      <c r="F1759" t="s">
        <v>848</v>
      </c>
      <c r="G1759" t="s">
        <v>80</v>
      </c>
      <c r="H1759" t="s">
        <v>81</v>
      </c>
      <c r="I1759" s="2">
        <v>0</v>
      </c>
      <c r="J1759" s="2">
        <v>1</v>
      </c>
      <c r="K1759" s="2">
        <v>0</v>
      </c>
      <c r="L1759" t="s">
        <v>82</v>
      </c>
      <c r="M1759" t="s">
        <v>87</v>
      </c>
      <c r="N1759" t="s">
        <v>88</v>
      </c>
      <c r="O1759" t="s">
        <v>85</v>
      </c>
      <c r="P1759" t="s">
        <v>86</v>
      </c>
      <c r="Q1759">
        <v>4</v>
      </c>
      <c r="R1759">
        <v>4</v>
      </c>
      <c r="S1759">
        <v>4</v>
      </c>
      <c r="T1759">
        <v>4</v>
      </c>
      <c r="U1759">
        <v>4</v>
      </c>
      <c r="V1759">
        <v>4</v>
      </c>
      <c r="W1759">
        <v>4</v>
      </c>
      <c r="X1759">
        <v>4</v>
      </c>
      <c r="Y1759">
        <v>4</v>
      </c>
      <c r="Z1759">
        <v>4</v>
      </c>
      <c r="AA1759">
        <v>4</v>
      </c>
      <c r="AB1759">
        <v>4</v>
      </c>
      <c r="AC1759">
        <v>4</v>
      </c>
      <c r="AD1759">
        <v>4</v>
      </c>
      <c r="AE1759">
        <v>4</v>
      </c>
      <c r="AF1759">
        <v>4</v>
      </c>
      <c r="AG1759">
        <v>4</v>
      </c>
      <c r="AH1759">
        <v>4</v>
      </c>
      <c r="AI1759">
        <v>4</v>
      </c>
      <c r="AJ1759">
        <v>4</v>
      </c>
      <c r="AK1759">
        <v>4</v>
      </c>
      <c r="AL1759">
        <v>4</v>
      </c>
      <c r="AM1759">
        <v>4</v>
      </c>
      <c r="AN1759">
        <v>4</v>
      </c>
      <c r="AO1759">
        <v>4</v>
      </c>
      <c r="AP1759">
        <v>4</v>
      </c>
      <c r="AQ1759">
        <v>4</v>
      </c>
    </row>
    <row r="1760" spans="1:43">
      <c r="A1760" t="s">
        <v>1156</v>
      </c>
      <c r="B1760" t="s">
        <v>1157</v>
      </c>
      <c r="C1760" t="s">
        <v>1040</v>
      </c>
      <c r="D1760" t="s">
        <v>1041</v>
      </c>
      <c r="E1760" t="s">
        <v>847</v>
      </c>
      <c r="F1760" t="s">
        <v>848</v>
      </c>
      <c r="G1760" t="s">
        <v>80</v>
      </c>
      <c r="H1760" t="s">
        <v>81</v>
      </c>
      <c r="I1760" s="2">
        <v>0</v>
      </c>
      <c r="J1760" s="2">
        <v>1</v>
      </c>
      <c r="K1760" s="2">
        <v>0</v>
      </c>
      <c r="L1760" t="s">
        <v>82</v>
      </c>
      <c r="M1760" t="s">
        <v>89</v>
      </c>
      <c r="N1760" t="s">
        <v>90</v>
      </c>
      <c r="O1760" t="s">
        <v>85</v>
      </c>
      <c r="P1760" t="s">
        <v>86</v>
      </c>
      <c r="Q1760">
        <v>4</v>
      </c>
      <c r="R1760">
        <v>4</v>
      </c>
      <c r="S1760">
        <v>4</v>
      </c>
      <c r="T1760">
        <v>4</v>
      </c>
      <c r="U1760">
        <v>4</v>
      </c>
      <c r="V1760">
        <v>4</v>
      </c>
      <c r="W1760">
        <v>4</v>
      </c>
      <c r="X1760">
        <v>4</v>
      </c>
      <c r="Y1760">
        <v>4</v>
      </c>
      <c r="Z1760">
        <v>4</v>
      </c>
      <c r="AA1760">
        <v>4</v>
      </c>
      <c r="AB1760">
        <v>4</v>
      </c>
      <c r="AC1760">
        <v>4</v>
      </c>
      <c r="AD1760">
        <v>4</v>
      </c>
      <c r="AE1760">
        <v>4</v>
      </c>
      <c r="AF1760">
        <v>4</v>
      </c>
      <c r="AG1760">
        <v>4</v>
      </c>
      <c r="AH1760">
        <v>4</v>
      </c>
      <c r="AI1760">
        <v>4</v>
      </c>
      <c r="AJ1760">
        <v>4</v>
      </c>
      <c r="AK1760">
        <v>4</v>
      </c>
      <c r="AL1760">
        <v>4</v>
      </c>
      <c r="AM1760">
        <v>4</v>
      </c>
      <c r="AN1760">
        <v>4</v>
      </c>
      <c r="AO1760">
        <v>4</v>
      </c>
      <c r="AP1760">
        <v>4</v>
      </c>
      <c r="AQ1760">
        <v>4</v>
      </c>
    </row>
    <row r="1761" spans="1:43">
      <c r="A1761" t="s">
        <v>1156</v>
      </c>
      <c r="B1761" t="s">
        <v>1157</v>
      </c>
      <c r="C1761" t="s">
        <v>1040</v>
      </c>
      <c r="D1761" t="s">
        <v>1041</v>
      </c>
      <c r="E1761" t="s">
        <v>847</v>
      </c>
      <c r="F1761" t="s">
        <v>848</v>
      </c>
      <c r="G1761" t="s">
        <v>80</v>
      </c>
      <c r="H1761" t="s">
        <v>81</v>
      </c>
      <c r="I1761" s="2">
        <v>0</v>
      </c>
      <c r="J1761" s="2">
        <v>1</v>
      </c>
      <c r="K1761" s="2">
        <v>0</v>
      </c>
      <c r="L1761" t="s">
        <v>82</v>
      </c>
      <c r="M1761" t="s">
        <v>83</v>
      </c>
      <c r="N1761" t="s">
        <v>91</v>
      </c>
      <c r="O1761" t="s">
        <v>85</v>
      </c>
      <c r="P1761" t="s">
        <v>86</v>
      </c>
      <c r="Q1761">
        <v>4</v>
      </c>
      <c r="R1761">
        <v>4</v>
      </c>
      <c r="S1761">
        <v>4</v>
      </c>
      <c r="T1761">
        <v>4</v>
      </c>
      <c r="U1761">
        <v>4</v>
      </c>
      <c r="V1761">
        <v>4</v>
      </c>
      <c r="W1761">
        <v>4</v>
      </c>
      <c r="X1761">
        <v>4</v>
      </c>
      <c r="Y1761">
        <v>4</v>
      </c>
      <c r="Z1761">
        <v>4</v>
      </c>
      <c r="AA1761">
        <v>4</v>
      </c>
      <c r="AB1761">
        <v>4</v>
      </c>
      <c r="AC1761">
        <v>4</v>
      </c>
      <c r="AD1761">
        <v>4</v>
      </c>
      <c r="AE1761">
        <v>4</v>
      </c>
      <c r="AF1761">
        <v>4</v>
      </c>
      <c r="AG1761">
        <v>4</v>
      </c>
      <c r="AH1761">
        <v>4</v>
      </c>
      <c r="AI1761">
        <v>4</v>
      </c>
      <c r="AJ1761">
        <v>4</v>
      </c>
      <c r="AK1761">
        <v>4</v>
      </c>
      <c r="AL1761">
        <v>4</v>
      </c>
      <c r="AM1761">
        <v>4</v>
      </c>
      <c r="AN1761">
        <v>4</v>
      </c>
      <c r="AO1761">
        <v>4</v>
      </c>
      <c r="AP1761">
        <v>4</v>
      </c>
      <c r="AQ1761">
        <v>4</v>
      </c>
    </row>
    <row r="1762" spans="1:43">
      <c r="A1762" t="s">
        <v>1158</v>
      </c>
      <c r="B1762" t="s">
        <v>1159</v>
      </c>
      <c r="C1762" t="s">
        <v>1092</v>
      </c>
      <c r="D1762" t="s">
        <v>1093</v>
      </c>
      <c r="E1762" t="s">
        <v>847</v>
      </c>
      <c r="F1762" t="s">
        <v>848</v>
      </c>
      <c r="G1762" t="s">
        <v>80</v>
      </c>
      <c r="H1762" t="s">
        <v>81</v>
      </c>
      <c r="I1762" s="2">
        <v>0</v>
      </c>
      <c r="J1762" s="2">
        <v>1</v>
      </c>
      <c r="K1762" s="2">
        <v>0</v>
      </c>
      <c r="L1762" t="s">
        <v>82</v>
      </c>
      <c r="M1762" t="s">
        <v>83</v>
      </c>
      <c r="N1762" t="s">
        <v>84</v>
      </c>
      <c r="O1762" t="s">
        <v>85</v>
      </c>
      <c r="P1762" t="s">
        <v>86</v>
      </c>
      <c r="Q1762">
        <v>113</v>
      </c>
      <c r="R1762">
        <v>114</v>
      </c>
      <c r="S1762">
        <v>114</v>
      </c>
      <c r="T1762">
        <v>115</v>
      </c>
      <c r="U1762">
        <v>115</v>
      </c>
      <c r="V1762">
        <v>116</v>
      </c>
      <c r="W1762">
        <v>117</v>
      </c>
      <c r="X1762">
        <v>117</v>
      </c>
      <c r="Y1762">
        <v>118</v>
      </c>
      <c r="Z1762">
        <v>118</v>
      </c>
      <c r="AA1762">
        <v>119</v>
      </c>
      <c r="AB1762">
        <v>119</v>
      </c>
      <c r="AC1762">
        <v>119</v>
      </c>
      <c r="AD1762">
        <v>120</v>
      </c>
      <c r="AE1762">
        <v>120</v>
      </c>
      <c r="AF1762">
        <v>121</v>
      </c>
      <c r="AG1762">
        <v>121</v>
      </c>
      <c r="AH1762">
        <v>121</v>
      </c>
      <c r="AI1762">
        <v>122</v>
      </c>
      <c r="AJ1762">
        <v>122</v>
      </c>
      <c r="AK1762">
        <v>122</v>
      </c>
      <c r="AL1762">
        <v>122</v>
      </c>
      <c r="AM1762">
        <v>121</v>
      </c>
      <c r="AN1762">
        <v>121</v>
      </c>
      <c r="AO1762">
        <v>120</v>
      </c>
      <c r="AP1762">
        <v>119</v>
      </c>
      <c r="AQ1762">
        <v>119</v>
      </c>
    </row>
    <row r="1763" spans="1:43">
      <c r="A1763" t="s">
        <v>1158</v>
      </c>
      <c r="B1763" t="s">
        <v>1159</v>
      </c>
      <c r="C1763" t="s">
        <v>1092</v>
      </c>
      <c r="D1763" t="s">
        <v>1093</v>
      </c>
      <c r="E1763" t="s">
        <v>847</v>
      </c>
      <c r="F1763" t="s">
        <v>848</v>
      </c>
      <c r="G1763" t="s">
        <v>80</v>
      </c>
      <c r="H1763" t="s">
        <v>81</v>
      </c>
      <c r="I1763" s="2">
        <v>0</v>
      </c>
      <c r="J1763" s="2">
        <v>1</v>
      </c>
      <c r="K1763" s="2">
        <v>0</v>
      </c>
      <c r="L1763" t="s">
        <v>82</v>
      </c>
      <c r="M1763" t="s">
        <v>87</v>
      </c>
      <c r="N1763" t="s">
        <v>88</v>
      </c>
      <c r="O1763" t="s">
        <v>85</v>
      </c>
      <c r="P1763" t="s">
        <v>86</v>
      </c>
      <c r="Q1763">
        <v>113</v>
      </c>
      <c r="R1763">
        <v>113</v>
      </c>
      <c r="S1763">
        <v>112</v>
      </c>
      <c r="T1763">
        <v>112</v>
      </c>
      <c r="U1763">
        <v>111</v>
      </c>
      <c r="V1763">
        <v>111</v>
      </c>
      <c r="W1763">
        <v>111</v>
      </c>
      <c r="X1763">
        <v>110</v>
      </c>
      <c r="Y1763">
        <v>110</v>
      </c>
      <c r="Z1763">
        <v>109</v>
      </c>
      <c r="AA1763">
        <v>109</v>
      </c>
      <c r="AB1763">
        <v>109</v>
      </c>
      <c r="AC1763">
        <v>108</v>
      </c>
      <c r="AD1763">
        <v>108</v>
      </c>
      <c r="AE1763">
        <v>108</v>
      </c>
      <c r="AF1763">
        <v>107</v>
      </c>
      <c r="AG1763">
        <v>107</v>
      </c>
      <c r="AH1763">
        <v>107</v>
      </c>
      <c r="AI1763">
        <v>106</v>
      </c>
      <c r="AJ1763">
        <v>106</v>
      </c>
      <c r="AK1763">
        <v>106</v>
      </c>
      <c r="AL1763">
        <v>105</v>
      </c>
      <c r="AM1763">
        <v>105</v>
      </c>
      <c r="AN1763">
        <v>105</v>
      </c>
      <c r="AO1763">
        <v>104</v>
      </c>
      <c r="AP1763">
        <v>104</v>
      </c>
      <c r="AQ1763">
        <v>104</v>
      </c>
    </row>
    <row r="1764" spans="1:43">
      <c r="A1764" t="s">
        <v>1158</v>
      </c>
      <c r="B1764" t="s">
        <v>1159</v>
      </c>
      <c r="C1764" t="s">
        <v>1092</v>
      </c>
      <c r="D1764" t="s">
        <v>1093</v>
      </c>
      <c r="E1764" t="s">
        <v>847</v>
      </c>
      <c r="F1764" t="s">
        <v>848</v>
      </c>
      <c r="G1764" t="s">
        <v>80</v>
      </c>
      <c r="H1764" t="s">
        <v>81</v>
      </c>
      <c r="I1764" s="2">
        <v>0</v>
      </c>
      <c r="J1764" s="2">
        <v>1</v>
      </c>
      <c r="K1764" s="2">
        <v>0</v>
      </c>
      <c r="L1764" t="s">
        <v>82</v>
      </c>
      <c r="M1764" t="s">
        <v>89</v>
      </c>
      <c r="N1764" t="s">
        <v>90</v>
      </c>
      <c r="O1764" t="s">
        <v>85</v>
      </c>
      <c r="P1764" t="s">
        <v>86</v>
      </c>
      <c r="Q1764">
        <v>113</v>
      </c>
      <c r="R1764">
        <v>115</v>
      </c>
      <c r="S1764">
        <v>116</v>
      </c>
      <c r="T1764">
        <v>118</v>
      </c>
      <c r="U1764">
        <v>119</v>
      </c>
      <c r="V1764">
        <v>120</v>
      </c>
      <c r="W1764">
        <v>122</v>
      </c>
      <c r="X1764">
        <v>123</v>
      </c>
      <c r="Y1764">
        <v>124</v>
      </c>
      <c r="Z1764">
        <v>124</v>
      </c>
      <c r="AA1764">
        <v>125</v>
      </c>
      <c r="AB1764">
        <v>126</v>
      </c>
      <c r="AC1764">
        <v>127</v>
      </c>
      <c r="AD1764">
        <v>128</v>
      </c>
      <c r="AE1764">
        <v>128</v>
      </c>
      <c r="AF1764">
        <v>127</v>
      </c>
      <c r="AG1764">
        <v>126</v>
      </c>
      <c r="AH1764">
        <v>125</v>
      </c>
      <c r="AI1764">
        <v>125</v>
      </c>
      <c r="AJ1764">
        <v>124</v>
      </c>
      <c r="AK1764">
        <v>123</v>
      </c>
      <c r="AL1764">
        <v>123</v>
      </c>
      <c r="AM1764">
        <v>122</v>
      </c>
      <c r="AN1764">
        <v>121</v>
      </c>
      <c r="AO1764">
        <v>121</v>
      </c>
      <c r="AP1764">
        <v>120</v>
      </c>
      <c r="AQ1764">
        <v>119</v>
      </c>
    </row>
    <row r="1765" spans="1:43">
      <c r="A1765" t="s">
        <v>1158</v>
      </c>
      <c r="B1765" t="s">
        <v>1159</v>
      </c>
      <c r="C1765" t="s">
        <v>1092</v>
      </c>
      <c r="D1765" t="s">
        <v>1093</v>
      </c>
      <c r="E1765" t="s">
        <v>847</v>
      </c>
      <c r="F1765" t="s">
        <v>848</v>
      </c>
      <c r="G1765" t="s">
        <v>80</v>
      </c>
      <c r="H1765" t="s">
        <v>81</v>
      </c>
      <c r="I1765" s="2">
        <v>0</v>
      </c>
      <c r="J1765" s="2">
        <v>1</v>
      </c>
      <c r="K1765" s="2">
        <v>0</v>
      </c>
      <c r="L1765" t="s">
        <v>82</v>
      </c>
      <c r="M1765" t="s">
        <v>83</v>
      </c>
      <c r="N1765" t="s">
        <v>91</v>
      </c>
      <c r="O1765" t="s">
        <v>85</v>
      </c>
      <c r="P1765" t="s">
        <v>86</v>
      </c>
      <c r="Q1765">
        <v>113</v>
      </c>
      <c r="R1765">
        <v>114</v>
      </c>
      <c r="S1765">
        <v>114</v>
      </c>
      <c r="T1765">
        <v>115</v>
      </c>
      <c r="U1765">
        <v>115</v>
      </c>
      <c r="V1765">
        <v>116</v>
      </c>
      <c r="W1765">
        <v>117</v>
      </c>
      <c r="X1765">
        <v>117</v>
      </c>
      <c r="Y1765">
        <v>118</v>
      </c>
      <c r="Z1765">
        <v>118</v>
      </c>
      <c r="AA1765">
        <v>119</v>
      </c>
      <c r="AB1765">
        <v>119</v>
      </c>
      <c r="AC1765">
        <v>119</v>
      </c>
      <c r="AD1765">
        <v>120</v>
      </c>
      <c r="AE1765">
        <v>120</v>
      </c>
      <c r="AF1765">
        <v>121</v>
      </c>
      <c r="AG1765">
        <v>121</v>
      </c>
      <c r="AH1765">
        <v>121</v>
      </c>
      <c r="AI1765">
        <v>122</v>
      </c>
      <c r="AJ1765">
        <v>122</v>
      </c>
      <c r="AK1765">
        <v>122</v>
      </c>
      <c r="AL1765">
        <v>122</v>
      </c>
      <c r="AM1765">
        <v>121</v>
      </c>
      <c r="AN1765">
        <v>121</v>
      </c>
      <c r="AO1765">
        <v>120</v>
      </c>
      <c r="AP1765">
        <v>119</v>
      </c>
      <c r="AQ1765">
        <v>119</v>
      </c>
    </row>
    <row r="1766" spans="1:43">
      <c r="A1766" t="s">
        <v>1160</v>
      </c>
      <c r="B1766" t="s">
        <v>1161</v>
      </c>
      <c r="C1766" t="s">
        <v>998</v>
      </c>
      <c r="D1766" t="s">
        <v>999</v>
      </c>
      <c r="E1766" t="s">
        <v>847</v>
      </c>
      <c r="F1766" t="s">
        <v>848</v>
      </c>
      <c r="G1766" t="s">
        <v>80</v>
      </c>
      <c r="H1766" t="s">
        <v>81</v>
      </c>
      <c r="I1766" s="2">
        <v>0</v>
      </c>
      <c r="J1766" s="2">
        <v>1</v>
      </c>
      <c r="K1766" s="2">
        <v>0</v>
      </c>
      <c r="L1766" t="s">
        <v>82</v>
      </c>
      <c r="M1766" t="s">
        <v>83</v>
      </c>
      <c r="N1766" t="s">
        <v>84</v>
      </c>
      <c r="O1766" t="s">
        <v>85</v>
      </c>
      <c r="P1766" t="s">
        <v>86</v>
      </c>
      <c r="Q1766">
        <v>9</v>
      </c>
      <c r="R1766">
        <v>9</v>
      </c>
      <c r="S1766">
        <v>9</v>
      </c>
      <c r="T1766">
        <v>9</v>
      </c>
      <c r="U1766">
        <v>9</v>
      </c>
      <c r="V1766">
        <v>9</v>
      </c>
      <c r="W1766">
        <v>9</v>
      </c>
      <c r="X1766">
        <v>9</v>
      </c>
      <c r="Y1766">
        <v>9</v>
      </c>
      <c r="Z1766">
        <v>9</v>
      </c>
      <c r="AA1766">
        <v>9</v>
      </c>
      <c r="AB1766">
        <v>9</v>
      </c>
      <c r="AC1766">
        <v>9</v>
      </c>
      <c r="AD1766">
        <v>9</v>
      </c>
      <c r="AE1766">
        <v>9</v>
      </c>
      <c r="AF1766">
        <v>9</v>
      </c>
      <c r="AG1766">
        <v>9</v>
      </c>
      <c r="AH1766">
        <v>9</v>
      </c>
      <c r="AI1766">
        <v>9</v>
      </c>
      <c r="AJ1766">
        <v>9</v>
      </c>
      <c r="AK1766">
        <v>9</v>
      </c>
      <c r="AL1766">
        <v>9</v>
      </c>
      <c r="AM1766">
        <v>9</v>
      </c>
      <c r="AN1766">
        <v>9</v>
      </c>
      <c r="AO1766">
        <v>9</v>
      </c>
      <c r="AP1766">
        <v>9</v>
      </c>
      <c r="AQ1766">
        <v>9</v>
      </c>
    </row>
    <row r="1767" spans="1:43">
      <c r="A1767" t="s">
        <v>1160</v>
      </c>
      <c r="B1767" t="s">
        <v>1161</v>
      </c>
      <c r="C1767" t="s">
        <v>998</v>
      </c>
      <c r="D1767" t="s">
        <v>999</v>
      </c>
      <c r="E1767" t="s">
        <v>847</v>
      </c>
      <c r="F1767" t="s">
        <v>848</v>
      </c>
      <c r="G1767" t="s">
        <v>80</v>
      </c>
      <c r="H1767" t="s">
        <v>81</v>
      </c>
      <c r="I1767" s="2">
        <v>0</v>
      </c>
      <c r="J1767" s="2">
        <v>1</v>
      </c>
      <c r="K1767" s="2">
        <v>0</v>
      </c>
      <c r="L1767" t="s">
        <v>82</v>
      </c>
      <c r="M1767" t="s">
        <v>87</v>
      </c>
      <c r="N1767" t="s">
        <v>88</v>
      </c>
      <c r="O1767" t="s">
        <v>85</v>
      </c>
      <c r="P1767" t="s">
        <v>86</v>
      </c>
      <c r="Q1767">
        <v>9</v>
      </c>
      <c r="R1767">
        <v>9</v>
      </c>
      <c r="S1767">
        <v>9</v>
      </c>
      <c r="T1767">
        <v>9</v>
      </c>
      <c r="U1767">
        <v>8</v>
      </c>
      <c r="V1767">
        <v>8</v>
      </c>
      <c r="W1767">
        <v>8</v>
      </c>
      <c r="X1767">
        <v>8</v>
      </c>
      <c r="Y1767">
        <v>8</v>
      </c>
      <c r="Z1767">
        <v>8</v>
      </c>
      <c r="AA1767">
        <v>8</v>
      </c>
      <c r="AB1767">
        <v>8</v>
      </c>
      <c r="AC1767">
        <v>8</v>
      </c>
      <c r="AD1767">
        <v>8</v>
      </c>
      <c r="AE1767">
        <v>8</v>
      </c>
      <c r="AF1767">
        <v>8</v>
      </c>
      <c r="AG1767">
        <v>8</v>
      </c>
      <c r="AH1767">
        <v>8</v>
      </c>
      <c r="AI1767">
        <v>8</v>
      </c>
      <c r="AJ1767">
        <v>8</v>
      </c>
      <c r="AK1767">
        <v>8</v>
      </c>
      <c r="AL1767">
        <v>8</v>
      </c>
      <c r="AM1767">
        <v>8</v>
      </c>
      <c r="AN1767">
        <v>8</v>
      </c>
      <c r="AO1767">
        <v>8</v>
      </c>
      <c r="AP1767">
        <v>8</v>
      </c>
      <c r="AQ1767">
        <v>8</v>
      </c>
    </row>
    <row r="1768" spans="1:43">
      <c r="A1768" t="s">
        <v>1160</v>
      </c>
      <c r="B1768" t="s">
        <v>1161</v>
      </c>
      <c r="C1768" t="s">
        <v>998</v>
      </c>
      <c r="D1768" t="s">
        <v>999</v>
      </c>
      <c r="E1768" t="s">
        <v>847</v>
      </c>
      <c r="F1768" t="s">
        <v>848</v>
      </c>
      <c r="G1768" t="s">
        <v>80</v>
      </c>
      <c r="H1768" t="s">
        <v>81</v>
      </c>
      <c r="I1768" s="2">
        <v>0</v>
      </c>
      <c r="J1768" s="2">
        <v>1</v>
      </c>
      <c r="K1768" s="2">
        <v>0</v>
      </c>
      <c r="L1768" t="s">
        <v>82</v>
      </c>
      <c r="M1768" t="s">
        <v>89</v>
      </c>
      <c r="N1768" t="s">
        <v>90</v>
      </c>
      <c r="O1768" t="s">
        <v>85</v>
      </c>
      <c r="P1768" t="s">
        <v>86</v>
      </c>
      <c r="Q1768">
        <v>9</v>
      </c>
      <c r="R1768">
        <v>9</v>
      </c>
      <c r="S1768">
        <v>9</v>
      </c>
      <c r="T1768">
        <v>9</v>
      </c>
      <c r="U1768">
        <v>9</v>
      </c>
      <c r="V1768">
        <v>9</v>
      </c>
      <c r="W1768">
        <v>9</v>
      </c>
      <c r="X1768">
        <v>9</v>
      </c>
      <c r="Y1768">
        <v>9</v>
      </c>
      <c r="Z1768">
        <v>10</v>
      </c>
      <c r="AA1768">
        <v>10</v>
      </c>
      <c r="AB1768">
        <v>10</v>
      </c>
      <c r="AC1768">
        <v>10</v>
      </c>
      <c r="AD1768">
        <v>10</v>
      </c>
      <c r="AE1768">
        <v>10</v>
      </c>
      <c r="AF1768">
        <v>10</v>
      </c>
      <c r="AG1768">
        <v>10</v>
      </c>
      <c r="AH1768">
        <v>9</v>
      </c>
      <c r="AI1768">
        <v>9</v>
      </c>
      <c r="AJ1768">
        <v>9</v>
      </c>
      <c r="AK1768">
        <v>9</v>
      </c>
      <c r="AL1768">
        <v>9</v>
      </c>
      <c r="AM1768">
        <v>9</v>
      </c>
      <c r="AN1768">
        <v>9</v>
      </c>
      <c r="AO1768">
        <v>9</v>
      </c>
      <c r="AP1768">
        <v>9</v>
      </c>
      <c r="AQ1768">
        <v>9</v>
      </c>
    </row>
    <row r="1769" spans="1:43">
      <c r="A1769" t="s">
        <v>1160</v>
      </c>
      <c r="B1769" t="s">
        <v>1161</v>
      </c>
      <c r="C1769" t="s">
        <v>998</v>
      </c>
      <c r="D1769" t="s">
        <v>999</v>
      </c>
      <c r="E1769" t="s">
        <v>847</v>
      </c>
      <c r="F1769" t="s">
        <v>848</v>
      </c>
      <c r="G1769" t="s">
        <v>80</v>
      </c>
      <c r="H1769" t="s">
        <v>81</v>
      </c>
      <c r="I1769" s="2">
        <v>0</v>
      </c>
      <c r="J1769" s="2">
        <v>1</v>
      </c>
      <c r="K1769" s="2">
        <v>0</v>
      </c>
      <c r="L1769" t="s">
        <v>82</v>
      </c>
      <c r="M1769" t="s">
        <v>83</v>
      </c>
      <c r="N1769" t="s">
        <v>91</v>
      </c>
      <c r="O1769" t="s">
        <v>85</v>
      </c>
      <c r="P1769" t="s">
        <v>86</v>
      </c>
      <c r="Q1769">
        <v>9</v>
      </c>
      <c r="R1769">
        <v>9</v>
      </c>
      <c r="S1769">
        <v>9</v>
      </c>
      <c r="T1769">
        <v>9</v>
      </c>
      <c r="U1769">
        <v>9</v>
      </c>
      <c r="V1769">
        <v>9</v>
      </c>
      <c r="W1769">
        <v>9</v>
      </c>
      <c r="X1769">
        <v>9</v>
      </c>
      <c r="Y1769">
        <v>9</v>
      </c>
      <c r="Z1769">
        <v>9</v>
      </c>
      <c r="AA1769">
        <v>9</v>
      </c>
      <c r="AB1769">
        <v>9</v>
      </c>
      <c r="AC1769">
        <v>9</v>
      </c>
      <c r="AD1769">
        <v>9</v>
      </c>
      <c r="AE1769">
        <v>9</v>
      </c>
      <c r="AF1769">
        <v>9</v>
      </c>
      <c r="AG1769">
        <v>9</v>
      </c>
      <c r="AH1769">
        <v>9</v>
      </c>
      <c r="AI1769">
        <v>9</v>
      </c>
      <c r="AJ1769">
        <v>9</v>
      </c>
      <c r="AK1769">
        <v>9</v>
      </c>
      <c r="AL1769">
        <v>9</v>
      </c>
      <c r="AM1769">
        <v>9</v>
      </c>
      <c r="AN1769">
        <v>9</v>
      </c>
      <c r="AO1769">
        <v>9</v>
      </c>
      <c r="AP1769">
        <v>9</v>
      </c>
      <c r="AQ1769">
        <v>9</v>
      </c>
    </row>
    <row r="1770" spans="1:43">
      <c r="A1770" t="s">
        <v>1162</v>
      </c>
      <c r="B1770" t="s">
        <v>1163</v>
      </c>
      <c r="C1770" t="s">
        <v>998</v>
      </c>
      <c r="D1770" t="s">
        <v>999</v>
      </c>
      <c r="E1770" t="s">
        <v>847</v>
      </c>
      <c r="F1770" t="s">
        <v>848</v>
      </c>
      <c r="G1770" t="s">
        <v>80</v>
      </c>
      <c r="H1770" t="s">
        <v>81</v>
      </c>
      <c r="I1770" s="2">
        <v>0</v>
      </c>
      <c r="J1770" s="2">
        <v>1</v>
      </c>
      <c r="K1770" s="2">
        <v>0</v>
      </c>
      <c r="L1770" t="s">
        <v>82</v>
      </c>
      <c r="M1770" t="s">
        <v>83</v>
      </c>
      <c r="N1770" t="s">
        <v>84</v>
      </c>
      <c r="O1770" t="s">
        <v>85</v>
      </c>
      <c r="P1770" t="s">
        <v>86</v>
      </c>
      <c r="Q1770">
        <v>67</v>
      </c>
      <c r="R1770">
        <v>68</v>
      </c>
      <c r="S1770">
        <v>68</v>
      </c>
      <c r="T1770">
        <v>68</v>
      </c>
      <c r="U1770">
        <v>69</v>
      </c>
      <c r="V1770">
        <v>69</v>
      </c>
      <c r="W1770">
        <v>69</v>
      </c>
      <c r="X1770">
        <v>69</v>
      </c>
      <c r="Y1770">
        <v>70</v>
      </c>
      <c r="Z1770">
        <v>70</v>
      </c>
      <c r="AA1770">
        <v>70</v>
      </c>
      <c r="AB1770">
        <v>70</v>
      </c>
      <c r="AC1770">
        <v>70</v>
      </c>
      <c r="AD1770">
        <v>71</v>
      </c>
      <c r="AE1770">
        <v>71</v>
      </c>
      <c r="AF1770">
        <v>71</v>
      </c>
      <c r="AG1770">
        <v>71</v>
      </c>
      <c r="AH1770">
        <v>71</v>
      </c>
      <c r="AI1770">
        <v>71</v>
      </c>
      <c r="AJ1770">
        <v>71</v>
      </c>
      <c r="AK1770">
        <v>71</v>
      </c>
      <c r="AL1770">
        <v>71</v>
      </c>
      <c r="AM1770">
        <v>71</v>
      </c>
      <c r="AN1770">
        <v>70</v>
      </c>
      <c r="AO1770">
        <v>70</v>
      </c>
      <c r="AP1770">
        <v>69</v>
      </c>
      <c r="AQ1770">
        <v>69</v>
      </c>
    </row>
    <row r="1771" spans="1:43">
      <c r="A1771" t="s">
        <v>1162</v>
      </c>
      <c r="B1771" t="s">
        <v>1163</v>
      </c>
      <c r="C1771" t="s">
        <v>998</v>
      </c>
      <c r="D1771" t="s">
        <v>999</v>
      </c>
      <c r="E1771" t="s">
        <v>847</v>
      </c>
      <c r="F1771" t="s">
        <v>848</v>
      </c>
      <c r="G1771" t="s">
        <v>80</v>
      </c>
      <c r="H1771" t="s">
        <v>81</v>
      </c>
      <c r="I1771" s="2">
        <v>0</v>
      </c>
      <c r="J1771" s="2">
        <v>1</v>
      </c>
      <c r="K1771" s="2">
        <v>0</v>
      </c>
      <c r="L1771" t="s">
        <v>82</v>
      </c>
      <c r="M1771" t="s">
        <v>87</v>
      </c>
      <c r="N1771" t="s">
        <v>88</v>
      </c>
      <c r="O1771" t="s">
        <v>85</v>
      </c>
      <c r="P1771" t="s">
        <v>86</v>
      </c>
      <c r="Q1771">
        <v>67</v>
      </c>
      <c r="R1771">
        <v>66</v>
      </c>
      <c r="S1771">
        <v>66</v>
      </c>
      <c r="T1771">
        <v>66</v>
      </c>
      <c r="U1771">
        <v>65</v>
      </c>
      <c r="V1771">
        <v>65</v>
      </c>
      <c r="W1771">
        <v>65</v>
      </c>
      <c r="X1771">
        <v>65</v>
      </c>
      <c r="Y1771">
        <v>64</v>
      </c>
      <c r="Z1771">
        <v>64</v>
      </c>
      <c r="AA1771">
        <v>64</v>
      </c>
      <c r="AB1771">
        <v>63</v>
      </c>
      <c r="AC1771">
        <v>63</v>
      </c>
      <c r="AD1771">
        <v>63</v>
      </c>
      <c r="AE1771">
        <v>63</v>
      </c>
      <c r="AF1771">
        <v>62</v>
      </c>
      <c r="AG1771">
        <v>62</v>
      </c>
      <c r="AH1771">
        <v>62</v>
      </c>
      <c r="AI1771">
        <v>62</v>
      </c>
      <c r="AJ1771">
        <v>61</v>
      </c>
      <c r="AK1771">
        <v>61</v>
      </c>
      <c r="AL1771">
        <v>61</v>
      </c>
      <c r="AM1771">
        <v>61</v>
      </c>
      <c r="AN1771">
        <v>60</v>
      </c>
      <c r="AO1771">
        <v>60</v>
      </c>
      <c r="AP1771">
        <v>60</v>
      </c>
      <c r="AQ1771">
        <v>60</v>
      </c>
    </row>
    <row r="1772" spans="1:43">
      <c r="A1772" t="s">
        <v>1162</v>
      </c>
      <c r="B1772" t="s">
        <v>1163</v>
      </c>
      <c r="C1772" t="s">
        <v>998</v>
      </c>
      <c r="D1772" t="s">
        <v>999</v>
      </c>
      <c r="E1772" t="s">
        <v>847</v>
      </c>
      <c r="F1772" t="s">
        <v>848</v>
      </c>
      <c r="G1772" t="s">
        <v>80</v>
      </c>
      <c r="H1772" t="s">
        <v>81</v>
      </c>
      <c r="I1772" s="2">
        <v>0</v>
      </c>
      <c r="J1772" s="2">
        <v>1</v>
      </c>
      <c r="K1772" s="2">
        <v>0</v>
      </c>
      <c r="L1772" t="s">
        <v>82</v>
      </c>
      <c r="M1772" t="s">
        <v>89</v>
      </c>
      <c r="N1772" t="s">
        <v>90</v>
      </c>
      <c r="O1772" t="s">
        <v>85</v>
      </c>
      <c r="P1772" t="s">
        <v>86</v>
      </c>
      <c r="Q1772">
        <v>67</v>
      </c>
      <c r="R1772">
        <v>68</v>
      </c>
      <c r="S1772">
        <v>69</v>
      </c>
      <c r="T1772">
        <v>69</v>
      </c>
      <c r="U1772">
        <v>70</v>
      </c>
      <c r="V1772">
        <v>71</v>
      </c>
      <c r="W1772">
        <v>72</v>
      </c>
      <c r="X1772">
        <v>72</v>
      </c>
      <c r="Y1772">
        <v>73</v>
      </c>
      <c r="Z1772">
        <v>73</v>
      </c>
      <c r="AA1772">
        <v>74</v>
      </c>
      <c r="AB1772">
        <v>74</v>
      </c>
      <c r="AC1772">
        <v>74</v>
      </c>
      <c r="AD1772">
        <v>75</v>
      </c>
      <c r="AE1772">
        <v>75</v>
      </c>
      <c r="AF1772">
        <v>74</v>
      </c>
      <c r="AG1772">
        <v>74</v>
      </c>
      <c r="AH1772">
        <v>73</v>
      </c>
      <c r="AI1772">
        <v>73</v>
      </c>
      <c r="AJ1772">
        <v>72</v>
      </c>
      <c r="AK1772">
        <v>71</v>
      </c>
      <c r="AL1772">
        <v>71</v>
      </c>
      <c r="AM1772">
        <v>70</v>
      </c>
      <c r="AN1772">
        <v>70</v>
      </c>
      <c r="AO1772">
        <v>69</v>
      </c>
      <c r="AP1772">
        <v>69</v>
      </c>
      <c r="AQ1772">
        <v>69</v>
      </c>
    </row>
    <row r="1773" spans="1:43">
      <c r="A1773" t="s">
        <v>1162</v>
      </c>
      <c r="B1773" t="s">
        <v>1163</v>
      </c>
      <c r="C1773" t="s">
        <v>998</v>
      </c>
      <c r="D1773" t="s">
        <v>999</v>
      </c>
      <c r="E1773" t="s">
        <v>847</v>
      </c>
      <c r="F1773" t="s">
        <v>848</v>
      </c>
      <c r="G1773" t="s">
        <v>80</v>
      </c>
      <c r="H1773" t="s">
        <v>81</v>
      </c>
      <c r="I1773" s="2">
        <v>0</v>
      </c>
      <c r="J1773" s="2">
        <v>1</v>
      </c>
      <c r="K1773" s="2">
        <v>0</v>
      </c>
      <c r="L1773" t="s">
        <v>82</v>
      </c>
      <c r="M1773" t="s">
        <v>83</v>
      </c>
      <c r="N1773" t="s">
        <v>91</v>
      </c>
      <c r="O1773" t="s">
        <v>85</v>
      </c>
      <c r="P1773" t="s">
        <v>86</v>
      </c>
      <c r="Q1773">
        <v>67</v>
      </c>
      <c r="R1773">
        <v>68</v>
      </c>
      <c r="S1773">
        <v>68</v>
      </c>
      <c r="T1773">
        <v>68</v>
      </c>
      <c r="U1773">
        <v>69</v>
      </c>
      <c r="V1773">
        <v>69</v>
      </c>
      <c r="W1773">
        <v>69</v>
      </c>
      <c r="X1773">
        <v>69</v>
      </c>
      <c r="Y1773">
        <v>70</v>
      </c>
      <c r="Z1773">
        <v>70</v>
      </c>
      <c r="AA1773">
        <v>70</v>
      </c>
      <c r="AB1773">
        <v>70</v>
      </c>
      <c r="AC1773">
        <v>70</v>
      </c>
      <c r="AD1773">
        <v>71</v>
      </c>
      <c r="AE1773">
        <v>71</v>
      </c>
      <c r="AF1773">
        <v>71</v>
      </c>
      <c r="AG1773">
        <v>71</v>
      </c>
      <c r="AH1773">
        <v>71</v>
      </c>
      <c r="AI1773">
        <v>71</v>
      </c>
      <c r="AJ1773">
        <v>71</v>
      </c>
      <c r="AK1773">
        <v>71</v>
      </c>
      <c r="AL1773">
        <v>71</v>
      </c>
      <c r="AM1773">
        <v>71</v>
      </c>
      <c r="AN1773">
        <v>70</v>
      </c>
      <c r="AO1773">
        <v>70</v>
      </c>
      <c r="AP1773">
        <v>69</v>
      </c>
      <c r="AQ1773">
        <v>69</v>
      </c>
    </row>
    <row r="1774" spans="1:43">
      <c r="A1774" t="s">
        <v>1164</v>
      </c>
      <c r="B1774" t="s">
        <v>1165</v>
      </c>
      <c r="C1774" t="s">
        <v>893</v>
      </c>
      <c r="D1774" t="s">
        <v>894</v>
      </c>
      <c r="E1774" t="s">
        <v>847</v>
      </c>
      <c r="F1774" t="s">
        <v>848</v>
      </c>
      <c r="G1774" t="s">
        <v>80</v>
      </c>
      <c r="H1774" t="s">
        <v>81</v>
      </c>
      <c r="I1774" s="2">
        <v>0</v>
      </c>
      <c r="J1774" s="2">
        <v>1</v>
      </c>
      <c r="K1774" s="2">
        <v>0</v>
      </c>
      <c r="L1774" t="s">
        <v>82</v>
      </c>
      <c r="M1774" t="s">
        <v>83</v>
      </c>
      <c r="N1774" t="s">
        <v>84</v>
      </c>
      <c r="O1774" t="s">
        <v>85</v>
      </c>
      <c r="P1774" t="s">
        <v>86</v>
      </c>
      <c r="Q1774">
        <v>10</v>
      </c>
      <c r="R1774">
        <v>10</v>
      </c>
      <c r="S1774">
        <v>11</v>
      </c>
      <c r="T1774">
        <v>11</v>
      </c>
      <c r="U1774">
        <v>11</v>
      </c>
      <c r="V1774">
        <v>11</v>
      </c>
      <c r="W1774">
        <v>11</v>
      </c>
      <c r="X1774">
        <v>11</v>
      </c>
      <c r="Y1774">
        <v>11</v>
      </c>
      <c r="Z1774">
        <v>11</v>
      </c>
      <c r="AA1774">
        <v>11</v>
      </c>
      <c r="AB1774">
        <v>11</v>
      </c>
      <c r="AC1774">
        <v>11</v>
      </c>
      <c r="AD1774">
        <v>11</v>
      </c>
      <c r="AE1774">
        <v>11</v>
      </c>
      <c r="AF1774">
        <v>11</v>
      </c>
      <c r="AG1774">
        <v>11</v>
      </c>
      <c r="AH1774">
        <v>11</v>
      </c>
      <c r="AI1774">
        <v>11</v>
      </c>
      <c r="AJ1774">
        <v>11</v>
      </c>
      <c r="AK1774">
        <v>11</v>
      </c>
      <c r="AL1774">
        <v>11</v>
      </c>
      <c r="AM1774">
        <v>11</v>
      </c>
      <c r="AN1774">
        <v>11</v>
      </c>
      <c r="AO1774">
        <v>11</v>
      </c>
      <c r="AP1774">
        <v>11</v>
      </c>
      <c r="AQ1774">
        <v>11</v>
      </c>
    </row>
    <row r="1775" spans="1:43">
      <c r="A1775" t="s">
        <v>1164</v>
      </c>
      <c r="B1775" t="s">
        <v>1165</v>
      </c>
      <c r="C1775" t="s">
        <v>893</v>
      </c>
      <c r="D1775" t="s">
        <v>894</v>
      </c>
      <c r="E1775" t="s">
        <v>847</v>
      </c>
      <c r="F1775" t="s">
        <v>848</v>
      </c>
      <c r="G1775" t="s">
        <v>80</v>
      </c>
      <c r="H1775" t="s">
        <v>81</v>
      </c>
      <c r="I1775" s="2">
        <v>0</v>
      </c>
      <c r="J1775" s="2">
        <v>1</v>
      </c>
      <c r="K1775" s="2">
        <v>0</v>
      </c>
      <c r="L1775" t="s">
        <v>82</v>
      </c>
      <c r="M1775" t="s">
        <v>87</v>
      </c>
      <c r="N1775" t="s">
        <v>88</v>
      </c>
      <c r="O1775" t="s">
        <v>85</v>
      </c>
      <c r="P1775" t="s">
        <v>86</v>
      </c>
      <c r="Q1775">
        <v>10</v>
      </c>
      <c r="R1775">
        <v>10</v>
      </c>
      <c r="S1775">
        <v>10</v>
      </c>
      <c r="T1775">
        <v>10</v>
      </c>
      <c r="U1775">
        <v>10</v>
      </c>
      <c r="V1775">
        <v>10</v>
      </c>
      <c r="W1775">
        <v>10</v>
      </c>
      <c r="X1775">
        <v>10</v>
      </c>
      <c r="Y1775">
        <v>10</v>
      </c>
      <c r="Z1775">
        <v>10</v>
      </c>
      <c r="AA1775">
        <v>10</v>
      </c>
      <c r="AB1775">
        <v>10</v>
      </c>
      <c r="AC1775">
        <v>10</v>
      </c>
      <c r="AD1775">
        <v>10</v>
      </c>
      <c r="AE1775">
        <v>10</v>
      </c>
      <c r="AF1775">
        <v>10</v>
      </c>
      <c r="AG1775">
        <v>10</v>
      </c>
      <c r="AH1775">
        <v>10</v>
      </c>
      <c r="AI1775">
        <v>10</v>
      </c>
      <c r="AJ1775">
        <v>10</v>
      </c>
      <c r="AK1775">
        <v>10</v>
      </c>
      <c r="AL1775">
        <v>10</v>
      </c>
      <c r="AM1775">
        <v>10</v>
      </c>
      <c r="AN1775">
        <v>10</v>
      </c>
      <c r="AO1775">
        <v>10</v>
      </c>
      <c r="AP1775">
        <v>9</v>
      </c>
      <c r="AQ1775">
        <v>9</v>
      </c>
    </row>
    <row r="1776" spans="1:43">
      <c r="A1776" t="s">
        <v>1164</v>
      </c>
      <c r="B1776" t="s">
        <v>1165</v>
      </c>
      <c r="C1776" t="s">
        <v>893</v>
      </c>
      <c r="D1776" t="s">
        <v>894</v>
      </c>
      <c r="E1776" t="s">
        <v>847</v>
      </c>
      <c r="F1776" t="s">
        <v>848</v>
      </c>
      <c r="G1776" t="s">
        <v>80</v>
      </c>
      <c r="H1776" t="s">
        <v>81</v>
      </c>
      <c r="I1776" s="2">
        <v>0</v>
      </c>
      <c r="J1776" s="2">
        <v>1</v>
      </c>
      <c r="K1776" s="2">
        <v>0</v>
      </c>
      <c r="L1776" t="s">
        <v>82</v>
      </c>
      <c r="M1776" t="s">
        <v>89</v>
      </c>
      <c r="N1776" t="s">
        <v>90</v>
      </c>
      <c r="O1776" t="s">
        <v>85</v>
      </c>
      <c r="P1776" t="s">
        <v>86</v>
      </c>
      <c r="Q1776">
        <v>10</v>
      </c>
      <c r="R1776">
        <v>10</v>
      </c>
      <c r="S1776">
        <v>10</v>
      </c>
      <c r="T1776">
        <v>10</v>
      </c>
      <c r="U1776">
        <v>10</v>
      </c>
      <c r="V1776">
        <v>10</v>
      </c>
      <c r="W1776">
        <v>10</v>
      </c>
      <c r="X1776">
        <v>10</v>
      </c>
      <c r="Y1776">
        <v>10</v>
      </c>
      <c r="Z1776">
        <v>11</v>
      </c>
      <c r="AA1776">
        <v>11</v>
      </c>
      <c r="AB1776">
        <v>11</v>
      </c>
      <c r="AC1776">
        <v>11</v>
      </c>
      <c r="AD1776">
        <v>11</v>
      </c>
      <c r="AE1776">
        <v>11</v>
      </c>
      <c r="AF1776">
        <v>11</v>
      </c>
      <c r="AG1776">
        <v>11</v>
      </c>
      <c r="AH1776">
        <v>11</v>
      </c>
      <c r="AI1776">
        <v>11</v>
      </c>
      <c r="AJ1776">
        <v>11</v>
      </c>
      <c r="AK1776">
        <v>10</v>
      </c>
      <c r="AL1776">
        <v>10</v>
      </c>
      <c r="AM1776">
        <v>10</v>
      </c>
      <c r="AN1776">
        <v>10</v>
      </c>
      <c r="AO1776">
        <v>10</v>
      </c>
      <c r="AP1776">
        <v>10</v>
      </c>
      <c r="AQ1776">
        <v>10</v>
      </c>
    </row>
    <row r="1777" spans="1:43">
      <c r="A1777" t="s">
        <v>1164</v>
      </c>
      <c r="B1777" t="s">
        <v>1165</v>
      </c>
      <c r="C1777" t="s">
        <v>893</v>
      </c>
      <c r="D1777" t="s">
        <v>894</v>
      </c>
      <c r="E1777" t="s">
        <v>847</v>
      </c>
      <c r="F1777" t="s">
        <v>848</v>
      </c>
      <c r="G1777" t="s">
        <v>80</v>
      </c>
      <c r="H1777" t="s">
        <v>81</v>
      </c>
      <c r="I1777" s="2">
        <v>0</v>
      </c>
      <c r="J1777" s="2">
        <v>1</v>
      </c>
      <c r="K1777" s="2">
        <v>0</v>
      </c>
      <c r="L1777" t="s">
        <v>82</v>
      </c>
      <c r="M1777" t="s">
        <v>83</v>
      </c>
      <c r="N1777" t="s">
        <v>91</v>
      </c>
      <c r="O1777" t="s">
        <v>85</v>
      </c>
      <c r="P1777" t="s">
        <v>86</v>
      </c>
      <c r="Q1777">
        <v>10</v>
      </c>
      <c r="R1777">
        <v>10</v>
      </c>
      <c r="S1777">
        <v>11</v>
      </c>
      <c r="T1777">
        <v>11</v>
      </c>
      <c r="U1777">
        <v>11</v>
      </c>
      <c r="V1777">
        <v>11</v>
      </c>
      <c r="W1777">
        <v>11</v>
      </c>
      <c r="X1777">
        <v>11</v>
      </c>
      <c r="Y1777">
        <v>11</v>
      </c>
      <c r="Z1777">
        <v>11</v>
      </c>
      <c r="AA1777">
        <v>11</v>
      </c>
      <c r="AB1777">
        <v>11</v>
      </c>
      <c r="AC1777">
        <v>11</v>
      </c>
      <c r="AD1777">
        <v>11</v>
      </c>
      <c r="AE1777">
        <v>11</v>
      </c>
      <c r="AF1777">
        <v>11</v>
      </c>
      <c r="AG1777">
        <v>11</v>
      </c>
      <c r="AH1777">
        <v>11</v>
      </c>
      <c r="AI1777">
        <v>11</v>
      </c>
      <c r="AJ1777">
        <v>11</v>
      </c>
      <c r="AK1777">
        <v>11</v>
      </c>
      <c r="AL1777">
        <v>11</v>
      </c>
      <c r="AM1777">
        <v>11</v>
      </c>
      <c r="AN1777">
        <v>11</v>
      </c>
      <c r="AO1777">
        <v>11</v>
      </c>
      <c r="AP1777">
        <v>11</v>
      </c>
      <c r="AQ1777">
        <v>11</v>
      </c>
    </row>
    <row r="1778" spans="1:43">
      <c r="A1778" t="s">
        <v>1166</v>
      </c>
      <c r="B1778" t="s">
        <v>1167</v>
      </c>
      <c r="C1778" t="s">
        <v>919</v>
      </c>
      <c r="D1778" t="s">
        <v>920</v>
      </c>
      <c r="E1778" t="s">
        <v>847</v>
      </c>
      <c r="F1778" t="s">
        <v>848</v>
      </c>
      <c r="G1778" t="s">
        <v>80</v>
      </c>
      <c r="H1778" t="s">
        <v>81</v>
      </c>
      <c r="I1778" s="2">
        <v>0</v>
      </c>
      <c r="J1778" s="2">
        <v>1</v>
      </c>
      <c r="K1778" s="2">
        <v>0</v>
      </c>
      <c r="L1778" t="s">
        <v>82</v>
      </c>
      <c r="M1778" t="s">
        <v>83</v>
      </c>
      <c r="N1778" t="s">
        <v>84</v>
      </c>
      <c r="O1778" t="s">
        <v>85</v>
      </c>
      <c r="P1778" t="s">
        <v>86</v>
      </c>
      <c r="Q1778">
        <v>8</v>
      </c>
      <c r="R1778">
        <v>8</v>
      </c>
      <c r="S1778">
        <v>8</v>
      </c>
      <c r="T1778">
        <v>8</v>
      </c>
      <c r="U1778">
        <v>8</v>
      </c>
      <c r="V1778">
        <v>8</v>
      </c>
      <c r="W1778">
        <v>8</v>
      </c>
      <c r="X1778">
        <v>8</v>
      </c>
      <c r="Y1778">
        <v>8</v>
      </c>
      <c r="Z1778">
        <v>8</v>
      </c>
      <c r="AA1778">
        <v>8</v>
      </c>
      <c r="AB1778">
        <v>8</v>
      </c>
      <c r="AC1778">
        <v>8</v>
      </c>
      <c r="AD1778">
        <v>8</v>
      </c>
      <c r="AE1778">
        <v>8</v>
      </c>
      <c r="AF1778">
        <v>9</v>
      </c>
      <c r="AG1778">
        <v>9</v>
      </c>
      <c r="AH1778">
        <v>9</v>
      </c>
      <c r="AI1778">
        <v>9</v>
      </c>
      <c r="AJ1778">
        <v>9</v>
      </c>
      <c r="AK1778">
        <v>9</v>
      </c>
      <c r="AL1778">
        <v>9</v>
      </c>
      <c r="AM1778">
        <v>8</v>
      </c>
      <c r="AN1778">
        <v>8</v>
      </c>
      <c r="AO1778">
        <v>8</v>
      </c>
      <c r="AP1778">
        <v>8</v>
      </c>
      <c r="AQ1778">
        <v>8</v>
      </c>
    </row>
    <row r="1779" spans="1:43">
      <c r="A1779" t="s">
        <v>1166</v>
      </c>
      <c r="B1779" t="s">
        <v>1167</v>
      </c>
      <c r="C1779" t="s">
        <v>919</v>
      </c>
      <c r="D1779" t="s">
        <v>920</v>
      </c>
      <c r="E1779" t="s">
        <v>847</v>
      </c>
      <c r="F1779" t="s">
        <v>848</v>
      </c>
      <c r="G1779" t="s">
        <v>80</v>
      </c>
      <c r="H1779" t="s">
        <v>81</v>
      </c>
      <c r="I1779" s="2">
        <v>0</v>
      </c>
      <c r="J1779" s="2">
        <v>1</v>
      </c>
      <c r="K1779" s="2">
        <v>0</v>
      </c>
      <c r="L1779" t="s">
        <v>82</v>
      </c>
      <c r="M1779" t="s">
        <v>87</v>
      </c>
      <c r="N1779" t="s">
        <v>88</v>
      </c>
      <c r="O1779" t="s">
        <v>85</v>
      </c>
      <c r="P1779" t="s">
        <v>86</v>
      </c>
      <c r="Q1779">
        <v>8</v>
      </c>
      <c r="R1779">
        <v>8</v>
      </c>
      <c r="S1779">
        <v>8</v>
      </c>
      <c r="T1779">
        <v>8</v>
      </c>
      <c r="U1779">
        <v>8</v>
      </c>
      <c r="V1779">
        <v>8</v>
      </c>
      <c r="W1779">
        <v>8</v>
      </c>
      <c r="X1779">
        <v>8</v>
      </c>
      <c r="Y1779">
        <v>8</v>
      </c>
      <c r="Z1779">
        <v>8</v>
      </c>
      <c r="AA1779">
        <v>8</v>
      </c>
      <c r="AB1779">
        <v>8</v>
      </c>
      <c r="AC1779">
        <v>8</v>
      </c>
      <c r="AD1779">
        <v>8</v>
      </c>
      <c r="AE1779">
        <v>8</v>
      </c>
      <c r="AF1779">
        <v>8</v>
      </c>
      <c r="AG1779">
        <v>7</v>
      </c>
      <c r="AH1779">
        <v>7</v>
      </c>
      <c r="AI1779">
        <v>7</v>
      </c>
      <c r="AJ1779">
        <v>7</v>
      </c>
      <c r="AK1779">
        <v>7</v>
      </c>
      <c r="AL1779">
        <v>7</v>
      </c>
      <c r="AM1779">
        <v>7</v>
      </c>
      <c r="AN1779">
        <v>7</v>
      </c>
      <c r="AO1779">
        <v>7</v>
      </c>
      <c r="AP1779">
        <v>7</v>
      </c>
      <c r="AQ1779">
        <v>7</v>
      </c>
    </row>
    <row r="1780" spans="1:43">
      <c r="A1780" t="s">
        <v>1166</v>
      </c>
      <c r="B1780" t="s">
        <v>1167</v>
      </c>
      <c r="C1780" t="s">
        <v>919</v>
      </c>
      <c r="D1780" t="s">
        <v>920</v>
      </c>
      <c r="E1780" t="s">
        <v>847</v>
      </c>
      <c r="F1780" t="s">
        <v>848</v>
      </c>
      <c r="G1780" t="s">
        <v>80</v>
      </c>
      <c r="H1780" t="s">
        <v>81</v>
      </c>
      <c r="I1780" s="2">
        <v>0</v>
      </c>
      <c r="J1780" s="2">
        <v>1</v>
      </c>
      <c r="K1780" s="2">
        <v>0</v>
      </c>
      <c r="L1780" t="s">
        <v>82</v>
      </c>
      <c r="M1780" t="s">
        <v>89</v>
      </c>
      <c r="N1780" t="s">
        <v>90</v>
      </c>
      <c r="O1780" t="s">
        <v>85</v>
      </c>
      <c r="P1780" t="s">
        <v>86</v>
      </c>
      <c r="Q1780">
        <v>8</v>
      </c>
      <c r="R1780">
        <v>8</v>
      </c>
      <c r="S1780">
        <v>8</v>
      </c>
      <c r="T1780">
        <v>8</v>
      </c>
      <c r="U1780">
        <v>9</v>
      </c>
      <c r="V1780">
        <v>9</v>
      </c>
      <c r="W1780">
        <v>9</v>
      </c>
      <c r="X1780">
        <v>9</v>
      </c>
      <c r="Y1780">
        <v>9</v>
      </c>
      <c r="Z1780">
        <v>9</v>
      </c>
      <c r="AA1780">
        <v>9</v>
      </c>
      <c r="AB1780">
        <v>9</v>
      </c>
      <c r="AC1780">
        <v>9</v>
      </c>
      <c r="AD1780">
        <v>9</v>
      </c>
      <c r="AE1780">
        <v>9</v>
      </c>
      <c r="AF1780">
        <v>9</v>
      </c>
      <c r="AG1780">
        <v>9</v>
      </c>
      <c r="AH1780">
        <v>9</v>
      </c>
      <c r="AI1780">
        <v>9</v>
      </c>
      <c r="AJ1780">
        <v>9</v>
      </c>
      <c r="AK1780">
        <v>9</v>
      </c>
      <c r="AL1780">
        <v>9</v>
      </c>
      <c r="AM1780">
        <v>9</v>
      </c>
      <c r="AN1780">
        <v>8</v>
      </c>
      <c r="AO1780">
        <v>8</v>
      </c>
      <c r="AP1780">
        <v>8</v>
      </c>
      <c r="AQ1780">
        <v>8</v>
      </c>
    </row>
    <row r="1781" spans="1:43">
      <c r="A1781" t="s">
        <v>1166</v>
      </c>
      <c r="B1781" t="s">
        <v>1167</v>
      </c>
      <c r="C1781" t="s">
        <v>919</v>
      </c>
      <c r="D1781" t="s">
        <v>920</v>
      </c>
      <c r="E1781" t="s">
        <v>847</v>
      </c>
      <c r="F1781" t="s">
        <v>848</v>
      </c>
      <c r="G1781" t="s">
        <v>80</v>
      </c>
      <c r="H1781" t="s">
        <v>81</v>
      </c>
      <c r="I1781" s="2">
        <v>0</v>
      </c>
      <c r="J1781" s="2">
        <v>1</v>
      </c>
      <c r="K1781" s="2">
        <v>0</v>
      </c>
      <c r="L1781" t="s">
        <v>82</v>
      </c>
      <c r="M1781" t="s">
        <v>83</v>
      </c>
      <c r="N1781" t="s">
        <v>91</v>
      </c>
      <c r="O1781" t="s">
        <v>85</v>
      </c>
      <c r="P1781" t="s">
        <v>86</v>
      </c>
      <c r="Q1781">
        <v>8</v>
      </c>
      <c r="R1781">
        <v>8</v>
      </c>
      <c r="S1781">
        <v>8</v>
      </c>
      <c r="T1781">
        <v>8</v>
      </c>
      <c r="U1781">
        <v>8</v>
      </c>
      <c r="V1781">
        <v>8</v>
      </c>
      <c r="W1781">
        <v>8</v>
      </c>
      <c r="X1781">
        <v>8</v>
      </c>
      <c r="Y1781">
        <v>8</v>
      </c>
      <c r="Z1781">
        <v>8</v>
      </c>
      <c r="AA1781">
        <v>8</v>
      </c>
      <c r="AB1781">
        <v>8</v>
      </c>
      <c r="AC1781">
        <v>8</v>
      </c>
      <c r="AD1781">
        <v>8</v>
      </c>
      <c r="AE1781">
        <v>8</v>
      </c>
      <c r="AF1781">
        <v>9</v>
      </c>
      <c r="AG1781">
        <v>9</v>
      </c>
      <c r="AH1781">
        <v>9</v>
      </c>
      <c r="AI1781">
        <v>9</v>
      </c>
      <c r="AJ1781">
        <v>9</v>
      </c>
      <c r="AK1781">
        <v>9</v>
      </c>
      <c r="AL1781">
        <v>9</v>
      </c>
      <c r="AM1781">
        <v>8</v>
      </c>
      <c r="AN1781">
        <v>8</v>
      </c>
      <c r="AO1781">
        <v>8</v>
      </c>
      <c r="AP1781">
        <v>8</v>
      </c>
      <c r="AQ1781">
        <v>8</v>
      </c>
    </row>
    <row r="1782" spans="1:43">
      <c r="A1782" t="s">
        <v>1168</v>
      </c>
      <c r="B1782" t="s">
        <v>1169</v>
      </c>
      <c r="C1782" t="s">
        <v>1092</v>
      </c>
      <c r="D1782" t="s">
        <v>1093</v>
      </c>
      <c r="E1782" t="s">
        <v>847</v>
      </c>
      <c r="F1782" t="s">
        <v>848</v>
      </c>
      <c r="G1782" t="s">
        <v>80</v>
      </c>
      <c r="H1782" t="s">
        <v>81</v>
      </c>
      <c r="I1782" s="2">
        <v>0</v>
      </c>
      <c r="J1782" s="2">
        <v>1</v>
      </c>
      <c r="K1782" s="2">
        <v>0</v>
      </c>
      <c r="L1782" t="s">
        <v>82</v>
      </c>
      <c r="M1782" t="s">
        <v>83</v>
      </c>
      <c r="N1782" t="s">
        <v>84</v>
      </c>
      <c r="O1782" t="s">
        <v>85</v>
      </c>
      <c r="P1782" t="s">
        <v>86</v>
      </c>
      <c r="Q1782">
        <v>85</v>
      </c>
      <c r="R1782">
        <v>86</v>
      </c>
      <c r="S1782">
        <v>86</v>
      </c>
      <c r="T1782">
        <v>86</v>
      </c>
      <c r="U1782">
        <v>87</v>
      </c>
      <c r="V1782">
        <v>87</v>
      </c>
      <c r="W1782">
        <v>87</v>
      </c>
      <c r="X1782">
        <v>88</v>
      </c>
      <c r="Y1782">
        <v>88</v>
      </c>
      <c r="Z1782">
        <v>89</v>
      </c>
      <c r="AA1782">
        <v>89</v>
      </c>
      <c r="AB1782">
        <v>89</v>
      </c>
      <c r="AC1782">
        <v>89</v>
      </c>
      <c r="AD1782">
        <v>90</v>
      </c>
      <c r="AE1782">
        <v>90</v>
      </c>
      <c r="AF1782">
        <v>90</v>
      </c>
      <c r="AG1782">
        <v>90</v>
      </c>
      <c r="AH1782">
        <v>90</v>
      </c>
      <c r="AI1782">
        <v>90</v>
      </c>
      <c r="AJ1782">
        <v>91</v>
      </c>
      <c r="AK1782">
        <v>91</v>
      </c>
      <c r="AL1782">
        <v>90</v>
      </c>
      <c r="AM1782">
        <v>90</v>
      </c>
      <c r="AN1782">
        <v>89</v>
      </c>
      <c r="AO1782">
        <v>89</v>
      </c>
      <c r="AP1782">
        <v>88</v>
      </c>
      <c r="AQ1782">
        <v>88</v>
      </c>
    </row>
    <row r="1783" spans="1:43">
      <c r="A1783" t="s">
        <v>1168</v>
      </c>
      <c r="B1783" t="s">
        <v>1169</v>
      </c>
      <c r="C1783" t="s">
        <v>1092</v>
      </c>
      <c r="D1783" t="s">
        <v>1093</v>
      </c>
      <c r="E1783" t="s">
        <v>847</v>
      </c>
      <c r="F1783" t="s">
        <v>848</v>
      </c>
      <c r="G1783" t="s">
        <v>80</v>
      </c>
      <c r="H1783" t="s">
        <v>81</v>
      </c>
      <c r="I1783" s="2">
        <v>0</v>
      </c>
      <c r="J1783" s="2">
        <v>1</v>
      </c>
      <c r="K1783" s="2">
        <v>0</v>
      </c>
      <c r="L1783" t="s">
        <v>82</v>
      </c>
      <c r="M1783" t="s">
        <v>87</v>
      </c>
      <c r="N1783" t="s">
        <v>88</v>
      </c>
      <c r="O1783" t="s">
        <v>85</v>
      </c>
      <c r="P1783" t="s">
        <v>86</v>
      </c>
      <c r="Q1783">
        <v>85</v>
      </c>
      <c r="R1783">
        <v>85</v>
      </c>
      <c r="S1783">
        <v>85</v>
      </c>
      <c r="T1783">
        <v>84</v>
      </c>
      <c r="U1783">
        <v>84</v>
      </c>
      <c r="V1783">
        <v>84</v>
      </c>
      <c r="W1783">
        <v>83</v>
      </c>
      <c r="X1783">
        <v>83</v>
      </c>
      <c r="Y1783">
        <v>83</v>
      </c>
      <c r="Z1783">
        <v>82</v>
      </c>
      <c r="AA1783">
        <v>82</v>
      </c>
      <c r="AB1783">
        <v>82</v>
      </c>
      <c r="AC1783">
        <v>81</v>
      </c>
      <c r="AD1783">
        <v>81</v>
      </c>
      <c r="AE1783">
        <v>81</v>
      </c>
      <c r="AF1783">
        <v>80</v>
      </c>
      <c r="AG1783">
        <v>80</v>
      </c>
      <c r="AH1783">
        <v>80</v>
      </c>
      <c r="AI1783">
        <v>79</v>
      </c>
      <c r="AJ1783">
        <v>79</v>
      </c>
      <c r="AK1783">
        <v>79</v>
      </c>
      <c r="AL1783">
        <v>79</v>
      </c>
      <c r="AM1783">
        <v>78</v>
      </c>
      <c r="AN1783">
        <v>78</v>
      </c>
      <c r="AO1783">
        <v>78</v>
      </c>
      <c r="AP1783">
        <v>78</v>
      </c>
      <c r="AQ1783">
        <v>77</v>
      </c>
    </row>
    <row r="1784" spans="1:43">
      <c r="A1784" t="s">
        <v>1168</v>
      </c>
      <c r="B1784" t="s">
        <v>1169</v>
      </c>
      <c r="C1784" t="s">
        <v>1092</v>
      </c>
      <c r="D1784" t="s">
        <v>1093</v>
      </c>
      <c r="E1784" t="s">
        <v>847</v>
      </c>
      <c r="F1784" t="s">
        <v>848</v>
      </c>
      <c r="G1784" t="s">
        <v>80</v>
      </c>
      <c r="H1784" t="s">
        <v>81</v>
      </c>
      <c r="I1784" s="2">
        <v>0</v>
      </c>
      <c r="J1784" s="2">
        <v>1</v>
      </c>
      <c r="K1784" s="2">
        <v>0</v>
      </c>
      <c r="L1784" t="s">
        <v>82</v>
      </c>
      <c r="M1784" t="s">
        <v>89</v>
      </c>
      <c r="N1784" t="s">
        <v>90</v>
      </c>
      <c r="O1784" t="s">
        <v>85</v>
      </c>
      <c r="P1784" t="s">
        <v>86</v>
      </c>
      <c r="Q1784">
        <v>85</v>
      </c>
      <c r="R1784">
        <v>86</v>
      </c>
      <c r="S1784">
        <v>87</v>
      </c>
      <c r="T1784">
        <v>88</v>
      </c>
      <c r="U1784">
        <v>89</v>
      </c>
      <c r="V1784">
        <v>90</v>
      </c>
      <c r="W1784">
        <v>91</v>
      </c>
      <c r="X1784">
        <v>92</v>
      </c>
      <c r="Y1784">
        <v>92</v>
      </c>
      <c r="Z1784">
        <v>93</v>
      </c>
      <c r="AA1784">
        <v>93</v>
      </c>
      <c r="AB1784">
        <v>94</v>
      </c>
      <c r="AC1784">
        <v>95</v>
      </c>
      <c r="AD1784">
        <v>95</v>
      </c>
      <c r="AE1784">
        <v>95</v>
      </c>
      <c r="AF1784">
        <v>94</v>
      </c>
      <c r="AG1784">
        <v>94</v>
      </c>
      <c r="AH1784">
        <v>93</v>
      </c>
      <c r="AI1784">
        <v>92</v>
      </c>
      <c r="AJ1784">
        <v>92</v>
      </c>
      <c r="AK1784">
        <v>91</v>
      </c>
      <c r="AL1784">
        <v>90</v>
      </c>
      <c r="AM1784">
        <v>90</v>
      </c>
      <c r="AN1784">
        <v>89</v>
      </c>
      <c r="AO1784">
        <v>89</v>
      </c>
      <c r="AP1784">
        <v>88</v>
      </c>
      <c r="AQ1784">
        <v>87</v>
      </c>
    </row>
    <row r="1785" spans="1:43">
      <c r="A1785" t="s">
        <v>1168</v>
      </c>
      <c r="B1785" t="s">
        <v>1169</v>
      </c>
      <c r="C1785" t="s">
        <v>1092</v>
      </c>
      <c r="D1785" t="s">
        <v>1093</v>
      </c>
      <c r="E1785" t="s">
        <v>847</v>
      </c>
      <c r="F1785" t="s">
        <v>848</v>
      </c>
      <c r="G1785" t="s">
        <v>80</v>
      </c>
      <c r="H1785" t="s">
        <v>81</v>
      </c>
      <c r="I1785" s="2">
        <v>0</v>
      </c>
      <c r="J1785" s="2">
        <v>1</v>
      </c>
      <c r="K1785" s="2">
        <v>0</v>
      </c>
      <c r="L1785" t="s">
        <v>82</v>
      </c>
      <c r="M1785" t="s">
        <v>83</v>
      </c>
      <c r="N1785" t="s">
        <v>91</v>
      </c>
      <c r="O1785" t="s">
        <v>85</v>
      </c>
      <c r="P1785" t="s">
        <v>86</v>
      </c>
      <c r="Q1785">
        <v>85</v>
      </c>
      <c r="R1785">
        <v>86</v>
      </c>
      <c r="S1785">
        <v>86</v>
      </c>
      <c r="T1785">
        <v>86</v>
      </c>
      <c r="U1785">
        <v>87</v>
      </c>
      <c r="V1785">
        <v>87</v>
      </c>
      <c r="W1785">
        <v>87</v>
      </c>
      <c r="X1785">
        <v>88</v>
      </c>
      <c r="Y1785">
        <v>88</v>
      </c>
      <c r="Z1785">
        <v>89</v>
      </c>
      <c r="AA1785">
        <v>89</v>
      </c>
      <c r="AB1785">
        <v>89</v>
      </c>
      <c r="AC1785">
        <v>89</v>
      </c>
      <c r="AD1785">
        <v>90</v>
      </c>
      <c r="AE1785">
        <v>90</v>
      </c>
      <c r="AF1785">
        <v>90</v>
      </c>
      <c r="AG1785">
        <v>90</v>
      </c>
      <c r="AH1785">
        <v>90</v>
      </c>
      <c r="AI1785">
        <v>90</v>
      </c>
      <c r="AJ1785">
        <v>91</v>
      </c>
      <c r="AK1785">
        <v>91</v>
      </c>
      <c r="AL1785">
        <v>90</v>
      </c>
      <c r="AM1785">
        <v>90</v>
      </c>
      <c r="AN1785">
        <v>89</v>
      </c>
      <c r="AO1785">
        <v>89</v>
      </c>
      <c r="AP1785">
        <v>88</v>
      </c>
      <c r="AQ1785">
        <v>88</v>
      </c>
    </row>
    <row r="1786" spans="1:43">
      <c r="A1786" t="s">
        <v>1170</v>
      </c>
      <c r="B1786" t="s">
        <v>1171</v>
      </c>
      <c r="C1786" t="s">
        <v>885</v>
      </c>
      <c r="D1786" t="s">
        <v>886</v>
      </c>
      <c r="E1786" t="s">
        <v>847</v>
      </c>
      <c r="F1786" t="s">
        <v>848</v>
      </c>
      <c r="G1786" t="s">
        <v>80</v>
      </c>
      <c r="H1786" t="s">
        <v>81</v>
      </c>
      <c r="I1786" s="2">
        <v>0</v>
      </c>
      <c r="J1786" s="2">
        <v>1</v>
      </c>
      <c r="K1786" s="2">
        <v>0</v>
      </c>
      <c r="L1786" t="s">
        <v>82</v>
      </c>
      <c r="M1786" t="s">
        <v>83</v>
      </c>
      <c r="N1786" t="s">
        <v>84</v>
      </c>
      <c r="O1786" t="s">
        <v>85</v>
      </c>
      <c r="P1786" t="s">
        <v>86</v>
      </c>
      <c r="Q1786">
        <v>2</v>
      </c>
      <c r="R1786">
        <v>2</v>
      </c>
      <c r="S1786">
        <v>2</v>
      </c>
      <c r="T1786">
        <v>2</v>
      </c>
      <c r="U1786">
        <v>2</v>
      </c>
      <c r="V1786">
        <v>2</v>
      </c>
      <c r="W1786">
        <v>2</v>
      </c>
      <c r="X1786">
        <v>2</v>
      </c>
      <c r="Y1786">
        <v>2</v>
      </c>
      <c r="Z1786">
        <v>2</v>
      </c>
      <c r="AA1786">
        <v>2</v>
      </c>
      <c r="AB1786">
        <v>2</v>
      </c>
      <c r="AC1786">
        <v>2</v>
      </c>
      <c r="AD1786">
        <v>2</v>
      </c>
      <c r="AE1786">
        <v>2</v>
      </c>
      <c r="AF1786">
        <v>2</v>
      </c>
      <c r="AG1786">
        <v>2</v>
      </c>
      <c r="AH1786">
        <v>2</v>
      </c>
      <c r="AI1786">
        <v>2</v>
      </c>
      <c r="AJ1786">
        <v>2</v>
      </c>
      <c r="AK1786">
        <v>2</v>
      </c>
      <c r="AL1786">
        <v>2</v>
      </c>
      <c r="AM1786">
        <v>2</v>
      </c>
      <c r="AN1786">
        <v>2</v>
      </c>
      <c r="AO1786">
        <v>2</v>
      </c>
      <c r="AP1786">
        <v>2</v>
      </c>
      <c r="AQ1786">
        <v>2</v>
      </c>
    </row>
    <row r="1787" spans="1:43">
      <c r="A1787" t="s">
        <v>1170</v>
      </c>
      <c r="B1787" t="s">
        <v>1171</v>
      </c>
      <c r="C1787" t="s">
        <v>885</v>
      </c>
      <c r="D1787" t="s">
        <v>886</v>
      </c>
      <c r="E1787" t="s">
        <v>847</v>
      </c>
      <c r="F1787" t="s">
        <v>848</v>
      </c>
      <c r="G1787" t="s">
        <v>80</v>
      </c>
      <c r="H1787" t="s">
        <v>81</v>
      </c>
      <c r="I1787" s="2">
        <v>0</v>
      </c>
      <c r="J1787" s="2">
        <v>1</v>
      </c>
      <c r="K1787" s="2">
        <v>0</v>
      </c>
      <c r="L1787" t="s">
        <v>82</v>
      </c>
      <c r="M1787" t="s">
        <v>87</v>
      </c>
      <c r="N1787" t="s">
        <v>88</v>
      </c>
      <c r="O1787" t="s">
        <v>85</v>
      </c>
      <c r="P1787" t="s">
        <v>86</v>
      </c>
      <c r="Q1787">
        <v>2</v>
      </c>
      <c r="R1787">
        <v>2</v>
      </c>
      <c r="S1787">
        <v>2</v>
      </c>
      <c r="T1787">
        <v>2</v>
      </c>
      <c r="U1787">
        <v>2</v>
      </c>
      <c r="V1787">
        <v>2</v>
      </c>
      <c r="W1787">
        <v>2</v>
      </c>
      <c r="X1787">
        <v>2</v>
      </c>
      <c r="Y1787">
        <v>2</v>
      </c>
      <c r="Z1787">
        <v>2</v>
      </c>
      <c r="AA1787">
        <v>2</v>
      </c>
      <c r="AB1787">
        <v>2</v>
      </c>
      <c r="AC1787">
        <v>2</v>
      </c>
      <c r="AD1787">
        <v>2</v>
      </c>
      <c r="AE1787">
        <v>2</v>
      </c>
      <c r="AF1787">
        <v>2</v>
      </c>
      <c r="AG1787">
        <v>2</v>
      </c>
      <c r="AH1787">
        <v>2</v>
      </c>
      <c r="AI1787">
        <v>2</v>
      </c>
      <c r="AJ1787">
        <v>2</v>
      </c>
      <c r="AK1787">
        <v>2</v>
      </c>
      <c r="AL1787">
        <v>2</v>
      </c>
      <c r="AM1787">
        <v>2</v>
      </c>
      <c r="AN1787">
        <v>2</v>
      </c>
      <c r="AO1787">
        <v>2</v>
      </c>
      <c r="AP1787">
        <v>2</v>
      </c>
      <c r="AQ1787">
        <v>2</v>
      </c>
    </row>
    <row r="1788" spans="1:43">
      <c r="A1788" t="s">
        <v>1170</v>
      </c>
      <c r="B1788" t="s">
        <v>1171</v>
      </c>
      <c r="C1788" t="s">
        <v>885</v>
      </c>
      <c r="D1788" t="s">
        <v>886</v>
      </c>
      <c r="E1788" t="s">
        <v>847</v>
      </c>
      <c r="F1788" t="s">
        <v>848</v>
      </c>
      <c r="G1788" t="s">
        <v>80</v>
      </c>
      <c r="H1788" t="s">
        <v>81</v>
      </c>
      <c r="I1788" s="2">
        <v>0</v>
      </c>
      <c r="J1788" s="2">
        <v>1</v>
      </c>
      <c r="K1788" s="2">
        <v>0</v>
      </c>
      <c r="L1788" t="s">
        <v>82</v>
      </c>
      <c r="M1788" t="s">
        <v>89</v>
      </c>
      <c r="N1788" t="s">
        <v>90</v>
      </c>
      <c r="O1788" t="s">
        <v>85</v>
      </c>
      <c r="P1788" t="s">
        <v>86</v>
      </c>
      <c r="Q1788">
        <v>2</v>
      </c>
      <c r="R1788">
        <v>2</v>
      </c>
      <c r="S1788">
        <v>2</v>
      </c>
      <c r="T1788">
        <v>2</v>
      </c>
      <c r="U1788">
        <v>2</v>
      </c>
      <c r="V1788">
        <v>2</v>
      </c>
      <c r="W1788">
        <v>2</v>
      </c>
      <c r="X1788">
        <v>2</v>
      </c>
      <c r="Y1788">
        <v>2</v>
      </c>
      <c r="Z1788">
        <v>2</v>
      </c>
      <c r="AA1788">
        <v>2</v>
      </c>
      <c r="AB1788">
        <v>2</v>
      </c>
      <c r="AC1788">
        <v>2</v>
      </c>
      <c r="AD1788">
        <v>2</v>
      </c>
      <c r="AE1788">
        <v>2</v>
      </c>
      <c r="AF1788">
        <v>2</v>
      </c>
      <c r="AG1788">
        <v>2</v>
      </c>
      <c r="AH1788">
        <v>2</v>
      </c>
      <c r="AI1788">
        <v>2</v>
      </c>
      <c r="AJ1788">
        <v>2</v>
      </c>
      <c r="AK1788">
        <v>2</v>
      </c>
      <c r="AL1788">
        <v>2</v>
      </c>
      <c r="AM1788">
        <v>2</v>
      </c>
      <c r="AN1788">
        <v>2</v>
      </c>
      <c r="AO1788">
        <v>2</v>
      </c>
      <c r="AP1788">
        <v>2</v>
      </c>
      <c r="AQ1788">
        <v>2</v>
      </c>
    </row>
    <row r="1789" spans="1:43">
      <c r="A1789" t="s">
        <v>1170</v>
      </c>
      <c r="B1789" t="s">
        <v>1171</v>
      </c>
      <c r="C1789" t="s">
        <v>885</v>
      </c>
      <c r="D1789" t="s">
        <v>886</v>
      </c>
      <c r="E1789" t="s">
        <v>847</v>
      </c>
      <c r="F1789" t="s">
        <v>848</v>
      </c>
      <c r="G1789" t="s">
        <v>80</v>
      </c>
      <c r="H1789" t="s">
        <v>81</v>
      </c>
      <c r="I1789" s="2">
        <v>0</v>
      </c>
      <c r="J1789" s="2">
        <v>1</v>
      </c>
      <c r="K1789" s="2">
        <v>0</v>
      </c>
      <c r="L1789" t="s">
        <v>82</v>
      </c>
      <c r="M1789" t="s">
        <v>83</v>
      </c>
      <c r="N1789" t="s">
        <v>91</v>
      </c>
      <c r="O1789" t="s">
        <v>85</v>
      </c>
      <c r="P1789" t="s">
        <v>86</v>
      </c>
      <c r="Q1789">
        <v>2</v>
      </c>
      <c r="R1789">
        <v>2</v>
      </c>
      <c r="S1789">
        <v>2</v>
      </c>
      <c r="T1789">
        <v>2</v>
      </c>
      <c r="U1789">
        <v>2</v>
      </c>
      <c r="V1789">
        <v>2</v>
      </c>
      <c r="W1789">
        <v>2</v>
      </c>
      <c r="X1789">
        <v>2</v>
      </c>
      <c r="Y1789">
        <v>2</v>
      </c>
      <c r="Z1789">
        <v>2</v>
      </c>
      <c r="AA1789">
        <v>2</v>
      </c>
      <c r="AB1789">
        <v>2</v>
      </c>
      <c r="AC1789">
        <v>2</v>
      </c>
      <c r="AD1789">
        <v>2</v>
      </c>
      <c r="AE1789">
        <v>2</v>
      </c>
      <c r="AF1789">
        <v>2</v>
      </c>
      <c r="AG1789">
        <v>2</v>
      </c>
      <c r="AH1789">
        <v>2</v>
      </c>
      <c r="AI1789">
        <v>2</v>
      </c>
      <c r="AJ1789">
        <v>2</v>
      </c>
      <c r="AK1789">
        <v>2</v>
      </c>
      <c r="AL1789">
        <v>2</v>
      </c>
      <c r="AM1789">
        <v>2</v>
      </c>
      <c r="AN1789">
        <v>2</v>
      </c>
      <c r="AO1789">
        <v>2</v>
      </c>
      <c r="AP1789">
        <v>2</v>
      </c>
      <c r="AQ1789">
        <v>2</v>
      </c>
    </row>
    <row r="1790" spans="1:43">
      <c r="A1790" t="s">
        <v>1172</v>
      </c>
      <c r="B1790" t="s">
        <v>1173</v>
      </c>
      <c r="C1790" t="s">
        <v>1074</v>
      </c>
      <c r="D1790" t="s">
        <v>1075</v>
      </c>
      <c r="E1790" t="s">
        <v>847</v>
      </c>
      <c r="F1790" t="s">
        <v>848</v>
      </c>
      <c r="G1790" t="s">
        <v>80</v>
      </c>
      <c r="H1790" t="s">
        <v>81</v>
      </c>
      <c r="I1790" s="2">
        <v>0</v>
      </c>
      <c r="J1790" s="2">
        <v>1</v>
      </c>
      <c r="K1790" s="2">
        <v>0</v>
      </c>
      <c r="L1790" t="s">
        <v>82</v>
      </c>
      <c r="M1790" t="s">
        <v>83</v>
      </c>
      <c r="N1790" t="s">
        <v>84</v>
      </c>
      <c r="O1790" t="s">
        <v>85</v>
      </c>
      <c r="P1790" t="s">
        <v>86</v>
      </c>
      <c r="Q1790">
        <v>14</v>
      </c>
      <c r="R1790">
        <v>14</v>
      </c>
      <c r="S1790">
        <v>14</v>
      </c>
      <c r="T1790">
        <v>14</v>
      </c>
      <c r="U1790">
        <v>14</v>
      </c>
      <c r="V1790">
        <v>14</v>
      </c>
      <c r="W1790">
        <v>14</v>
      </c>
      <c r="X1790">
        <v>14</v>
      </c>
      <c r="Y1790">
        <v>14</v>
      </c>
      <c r="Z1790">
        <v>15</v>
      </c>
      <c r="AA1790">
        <v>15</v>
      </c>
      <c r="AB1790">
        <v>15</v>
      </c>
      <c r="AC1790">
        <v>15</v>
      </c>
      <c r="AD1790">
        <v>15</v>
      </c>
      <c r="AE1790">
        <v>15</v>
      </c>
      <c r="AF1790">
        <v>15</v>
      </c>
      <c r="AG1790">
        <v>15</v>
      </c>
      <c r="AH1790">
        <v>15</v>
      </c>
      <c r="AI1790">
        <v>15</v>
      </c>
      <c r="AJ1790">
        <v>15</v>
      </c>
      <c r="AK1790">
        <v>15</v>
      </c>
      <c r="AL1790">
        <v>15</v>
      </c>
      <c r="AM1790">
        <v>15</v>
      </c>
      <c r="AN1790">
        <v>15</v>
      </c>
      <c r="AO1790">
        <v>14</v>
      </c>
      <c r="AP1790">
        <v>14</v>
      </c>
      <c r="AQ1790">
        <v>14</v>
      </c>
    </row>
    <row r="1791" spans="1:43">
      <c r="A1791" t="s">
        <v>1172</v>
      </c>
      <c r="B1791" t="s">
        <v>1173</v>
      </c>
      <c r="C1791" t="s">
        <v>1074</v>
      </c>
      <c r="D1791" t="s">
        <v>1075</v>
      </c>
      <c r="E1791" t="s">
        <v>847</v>
      </c>
      <c r="F1791" t="s">
        <v>848</v>
      </c>
      <c r="G1791" t="s">
        <v>80</v>
      </c>
      <c r="H1791" t="s">
        <v>81</v>
      </c>
      <c r="I1791" s="2">
        <v>0</v>
      </c>
      <c r="J1791" s="2">
        <v>1</v>
      </c>
      <c r="K1791" s="2">
        <v>0</v>
      </c>
      <c r="L1791" t="s">
        <v>82</v>
      </c>
      <c r="M1791" t="s">
        <v>87</v>
      </c>
      <c r="N1791" t="s">
        <v>88</v>
      </c>
      <c r="O1791" t="s">
        <v>85</v>
      </c>
      <c r="P1791" t="s">
        <v>86</v>
      </c>
      <c r="Q1791">
        <v>14</v>
      </c>
      <c r="R1791">
        <v>14</v>
      </c>
      <c r="S1791">
        <v>14</v>
      </c>
      <c r="T1791">
        <v>14</v>
      </c>
      <c r="U1791">
        <v>14</v>
      </c>
      <c r="V1791">
        <v>14</v>
      </c>
      <c r="W1791">
        <v>13</v>
      </c>
      <c r="X1791">
        <v>13</v>
      </c>
      <c r="Y1791">
        <v>13</v>
      </c>
      <c r="Z1791">
        <v>13</v>
      </c>
      <c r="AA1791">
        <v>13</v>
      </c>
      <c r="AB1791">
        <v>13</v>
      </c>
      <c r="AC1791">
        <v>13</v>
      </c>
      <c r="AD1791">
        <v>13</v>
      </c>
      <c r="AE1791">
        <v>13</v>
      </c>
      <c r="AF1791">
        <v>13</v>
      </c>
      <c r="AG1791">
        <v>13</v>
      </c>
      <c r="AH1791">
        <v>13</v>
      </c>
      <c r="AI1791">
        <v>13</v>
      </c>
      <c r="AJ1791">
        <v>13</v>
      </c>
      <c r="AK1791">
        <v>13</v>
      </c>
      <c r="AL1791">
        <v>13</v>
      </c>
      <c r="AM1791">
        <v>13</v>
      </c>
      <c r="AN1791">
        <v>13</v>
      </c>
      <c r="AO1791">
        <v>13</v>
      </c>
      <c r="AP1791">
        <v>13</v>
      </c>
      <c r="AQ1791">
        <v>12</v>
      </c>
    </row>
    <row r="1792" spans="1:43">
      <c r="A1792" t="s">
        <v>1172</v>
      </c>
      <c r="B1792" t="s">
        <v>1173</v>
      </c>
      <c r="C1792" t="s">
        <v>1074</v>
      </c>
      <c r="D1792" t="s">
        <v>1075</v>
      </c>
      <c r="E1792" t="s">
        <v>847</v>
      </c>
      <c r="F1792" t="s">
        <v>848</v>
      </c>
      <c r="G1792" t="s">
        <v>80</v>
      </c>
      <c r="H1792" t="s">
        <v>81</v>
      </c>
      <c r="I1792" s="2">
        <v>0</v>
      </c>
      <c r="J1792" s="2">
        <v>1</v>
      </c>
      <c r="K1792" s="2">
        <v>0</v>
      </c>
      <c r="L1792" t="s">
        <v>82</v>
      </c>
      <c r="M1792" t="s">
        <v>89</v>
      </c>
      <c r="N1792" t="s">
        <v>90</v>
      </c>
      <c r="O1792" t="s">
        <v>85</v>
      </c>
      <c r="P1792" t="s">
        <v>86</v>
      </c>
      <c r="Q1792">
        <v>14</v>
      </c>
      <c r="R1792">
        <v>14</v>
      </c>
      <c r="S1792">
        <v>14</v>
      </c>
      <c r="T1792">
        <v>15</v>
      </c>
      <c r="U1792">
        <v>15</v>
      </c>
      <c r="V1792">
        <v>15</v>
      </c>
      <c r="W1792">
        <v>15</v>
      </c>
      <c r="X1792">
        <v>15</v>
      </c>
      <c r="Y1792">
        <v>15</v>
      </c>
      <c r="Z1792">
        <v>15</v>
      </c>
      <c r="AA1792">
        <v>15</v>
      </c>
      <c r="AB1792">
        <v>16</v>
      </c>
      <c r="AC1792">
        <v>16</v>
      </c>
      <c r="AD1792">
        <v>16</v>
      </c>
      <c r="AE1792">
        <v>16</v>
      </c>
      <c r="AF1792">
        <v>16</v>
      </c>
      <c r="AG1792">
        <v>15</v>
      </c>
      <c r="AH1792">
        <v>15</v>
      </c>
      <c r="AI1792">
        <v>15</v>
      </c>
      <c r="AJ1792">
        <v>15</v>
      </c>
      <c r="AK1792">
        <v>15</v>
      </c>
      <c r="AL1792">
        <v>15</v>
      </c>
      <c r="AM1792">
        <v>15</v>
      </c>
      <c r="AN1792">
        <v>15</v>
      </c>
      <c r="AO1792">
        <v>15</v>
      </c>
      <c r="AP1792">
        <v>15</v>
      </c>
      <c r="AQ1792">
        <v>14</v>
      </c>
    </row>
    <row r="1793" spans="1:43">
      <c r="A1793" t="s">
        <v>1172</v>
      </c>
      <c r="B1793" t="s">
        <v>1173</v>
      </c>
      <c r="C1793" t="s">
        <v>1074</v>
      </c>
      <c r="D1793" t="s">
        <v>1075</v>
      </c>
      <c r="E1793" t="s">
        <v>847</v>
      </c>
      <c r="F1793" t="s">
        <v>848</v>
      </c>
      <c r="G1793" t="s">
        <v>80</v>
      </c>
      <c r="H1793" t="s">
        <v>81</v>
      </c>
      <c r="I1793" s="2">
        <v>0</v>
      </c>
      <c r="J1793" s="2">
        <v>1</v>
      </c>
      <c r="K1793" s="2">
        <v>0</v>
      </c>
      <c r="L1793" t="s">
        <v>82</v>
      </c>
      <c r="M1793" t="s">
        <v>83</v>
      </c>
      <c r="N1793" t="s">
        <v>91</v>
      </c>
      <c r="O1793" t="s">
        <v>85</v>
      </c>
      <c r="P1793" t="s">
        <v>86</v>
      </c>
      <c r="Q1793">
        <v>14</v>
      </c>
      <c r="R1793">
        <v>14</v>
      </c>
      <c r="S1793">
        <v>14</v>
      </c>
      <c r="T1793">
        <v>14</v>
      </c>
      <c r="U1793">
        <v>14</v>
      </c>
      <c r="V1793">
        <v>14</v>
      </c>
      <c r="W1793">
        <v>14</v>
      </c>
      <c r="X1793">
        <v>14</v>
      </c>
      <c r="Y1793">
        <v>14</v>
      </c>
      <c r="Z1793">
        <v>15</v>
      </c>
      <c r="AA1793">
        <v>15</v>
      </c>
      <c r="AB1793">
        <v>15</v>
      </c>
      <c r="AC1793">
        <v>15</v>
      </c>
      <c r="AD1793">
        <v>15</v>
      </c>
      <c r="AE1793">
        <v>15</v>
      </c>
      <c r="AF1793">
        <v>15</v>
      </c>
      <c r="AG1793">
        <v>15</v>
      </c>
      <c r="AH1793">
        <v>15</v>
      </c>
      <c r="AI1793">
        <v>15</v>
      </c>
      <c r="AJ1793">
        <v>15</v>
      </c>
      <c r="AK1793">
        <v>15</v>
      </c>
      <c r="AL1793">
        <v>15</v>
      </c>
      <c r="AM1793">
        <v>15</v>
      </c>
      <c r="AN1793">
        <v>15</v>
      </c>
      <c r="AO1793">
        <v>14</v>
      </c>
      <c r="AP1793">
        <v>14</v>
      </c>
      <c r="AQ1793">
        <v>14</v>
      </c>
    </row>
    <row r="1794" spans="1:43">
      <c r="A1794" t="s">
        <v>1174</v>
      </c>
      <c r="B1794" t="s">
        <v>1175</v>
      </c>
      <c r="C1794" t="s">
        <v>1074</v>
      </c>
      <c r="D1794" t="s">
        <v>1075</v>
      </c>
      <c r="E1794" t="s">
        <v>847</v>
      </c>
      <c r="F1794" t="s">
        <v>848</v>
      </c>
      <c r="G1794" t="s">
        <v>80</v>
      </c>
      <c r="H1794" t="s">
        <v>81</v>
      </c>
      <c r="I1794" s="2">
        <v>0</v>
      </c>
      <c r="J1794" s="2">
        <v>1</v>
      </c>
      <c r="K1794" s="2">
        <v>0</v>
      </c>
      <c r="L1794" t="s">
        <v>82</v>
      </c>
      <c r="M1794" t="s">
        <v>83</v>
      </c>
      <c r="N1794" t="s">
        <v>84</v>
      </c>
      <c r="O1794" t="s">
        <v>85</v>
      </c>
      <c r="P1794" t="s">
        <v>86</v>
      </c>
      <c r="Q1794">
        <v>42</v>
      </c>
      <c r="R1794">
        <v>42</v>
      </c>
      <c r="S1794">
        <v>42</v>
      </c>
      <c r="T1794">
        <v>43</v>
      </c>
      <c r="U1794">
        <v>43</v>
      </c>
      <c r="V1794">
        <v>43</v>
      </c>
      <c r="W1794">
        <v>43</v>
      </c>
      <c r="X1794">
        <v>43</v>
      </c>
      <c r="Y1794">
        <v>43</v>
      </c>
      <c r="Z1794">
        <v>44</v>
      </c>
      <c r="AA1794">
        <v>44</v>
      </c>
      <c r="AB1794">
        <v>44</v>
      </c>
      <c r="AC1794">
        <v>44</v>
      </c>
      <c r="AD1794">
        <v>44</v>
      </c>
      <c r="AE1794">
        <v>44</v>
      </c>
      <c r="AF1794">
        <v>44</v>
      </c>
      <c r="AG1794">
        <v>44</v>
      </c>
      <c r="AH1794">
        <v>44</v>
      </c>
      <c r="AI1794">
        <v>44</v>
      </c>
      <c r="AJ1794">
        <v>45</v>
      </c>
      <c r="AK1794">
        <v>45</v>
      </c>
      <c r="AL1794">
        <v>44</v>
      </c>
      <c r="AM1794">
        <v>44</v>
      </c>
      <c r="AN1794">
        <v>44</v>
      </c>
      <c r="AO1794">
        <v>44</v>
      </c>
      <c r="AP1794">
        <v>43</v>
      </c>
      <c r="AQ1794">
        <v>43</v>
      </c>
    </row>
    <row r="1795" spans="1:43">
      <c r="A1795" t="s">
        <v>1174</v>
      </c>
      <c r="B1795" t="s">
        <v>1175</v>
      </c>
      <c r="C1795" t="s">
        <v>1074</v>
      </c>
      <c r="D1795" t="s">
        <v>1075</v>
      </c>
      <c r="E1795" t="s">
        <v>847</v>
      </c>
      <c r="F1795" t="s">
        <v>848</v>
      </c>
      <c r="G1795" t="s">
        <v>80</v>
      </c>
      <c r="H1795" t="s">
        <v>81</v>
      </c>
      <c r="I1795" s="2">
        <v>0</v>
      </c>
      <c r="J1795" s="2">
        <v>1</v>
      </c>
      <c r="K1795" s="2">
        <v>0</v>
      </c>
      <c r="L1795" t="s">
        <v>82</v>
      </c>
      <c r="M1795" t="s">
        <v>87</v>
      </c>
      <c r="N1795" t="s">
        <v>88</v>
      </c>
      <c r="O1795" t="s">
        <v>85</v>
      </c>
      <c r="P1795" t="s">
        <v>86</v>
      </c>
      <c r="Q1795">
        <v>42</v>
      </c>
      <c r="R1795">
        <v>41</v>
      </c>
      <c r="S1795">
        <v>41</v>
      </c>
      <c r="T1795">
        <v>41</v>
      </c>
      <c r="U1795">
        <v>41</v>
      </c>
      <c r="V1795">
        <v>41</v>
      </c>
      <c r="W1795">
        <v>41</v>
      </c>
      <c r="X1795">
        <v>40</v>
      </c>
      <c r="Y1795">
        <v>40</v>
      </c>
      <c r="Z1795">
        <v>40</v>
      </c>
      <c r="AA1795">
        <v>40</v>
      </c>
      <c r="AB1795">
        <v>40</v>
      </c>
      <c r="AC1795">
        <v>40</v>
      </c>
      <c r="AD1795">
        <v>39</v>
      </c>
      <c r="AE1795">
        <v>39</v>
      </c>
      <c r="AF1795">
        <v>39</v>
      </c>
      <c r="AG1795">
        <v>39</v>
      </c>
      <c r="AH1795">
        <v>39</v>
      </c>
      <c r="AI1795">
        <v>39</v>
      </c>
      <c r="AJ1795">
        <v>38</v>
      </c>
      <c r="AK1795">
        <v>38</v>
      </c>
      <c r="AL1795">
        <v>38</v>
      </c>
      <c r="AM1795">
        <v>38</v>
      </c>
      <c r="AN1795">
        <v>38</v>
      </c>
      <c r="AO1795">
        <v>38</v>
      </c>
      <c r="AP1795">
        <v>38</v>
      </c>
      <c r="AQ1795">
        <v>38</v>
      </c>
    </row>
    <row r="1796" spans="1:43">
      <c r="A1796" t="s">
        <v>1174</v>
      </c>
      <c r="B1796" t="s">
        <v>1175</v>
      </c>
      <c r="C1796" t="s">
        <v>1074</v>
      </c>
      <c r="D1796" t="s">
        <v>1075</v>
      </c>
      <c r="E1796" t="s">
        <v>847</v>
      </c>
      <c r="F1796" t="s">
        <v>848</v>
      </c>
      <c r="G1796" t="s">
        <v>80</v>
      </c>
      <c r="H1796" t="s">
        <v>81</v>
      </c>
      <c r="I1796" s="2">
        <v>0</v>
      </c>
      <c r="J1796" s="2">
        <v>1</v>
      </c>
      <c r="K1796" s="2">
        <v>0</v>
      </c>
      <c r="L1796" t="s">
        <v>82</v>
      </c>
      <c r="M1796" t="s">
        <v>89</v>
      </c>
      <c r="N1796" t="s">
        <v>90</v>
      </c>
      <c r="O1796" t="s">
        <v>85</v>
      </c>
      <c r="P1796" t="s">
        <v>86</v>
      </c>
      <c r="Q1796">
        <v>42</v>
      </c>
      <c r="R1796">
        <v>43</v>
      </c>
      <c r="S1796">
        <v>43</v>
      </c>
      <c r="T1796">
        <v>44</v>
      </c>
      <c r="U1796">
        <v>44</v>
      </c>
      <c r="V1796">
        <v>45</v>
      </c>
      <c r="W1796">
        <v>45</v>
      </c>
      <c r="X1796">
        <v>46</v>
      </c>
      <c r="Y1796">
        <v>46</v>
      </c>
      <c r="Z1796">
        <v>46</v>
      </c>
      <c r="AA1796">
        <v>47</v>
      </c>
      <c r="AB1796">
        <v>47</v>
      </c>
      <c r="AC1796">
        <v>47</v>
      </c>
      <c r="AD1796">
        <v>47</v>
      </c>
      <c r="AE1796">
        <v>47</v>
      </c>
      <c r="AF1796">
        <v>47</v>
      </c>
      <c r="AG1796">
        <v>47</v>
      </c>
      <c r="AH1796">
        <v>46</v>
      </c>
      <c r="AI1796">
        <v>46</v>
      </c>
      <c r="AJ1796">
        <v>46</v>
      </c>
      <c r="AK1796">
        <v>45</v>
      </c>
      <c r="AL1796">
        <v>45</v>
      </c>
      <c r="AM1796">
        <v>45</v>
      </c>
      <c r="AN1796">
        <v>44</v>
      </c>
      <c r="AO1796">
        <v>44</v>
      </c>
      <c r="AP1796">
        <v>44</v>
      </c>
      <c r="AQ1796">
        <v>43</v>
      </c>
    </row>
    <row r="1797" spans="1:43">
      <c r="A1797" t="s">
        <v>1174</v>
      </c>
      <c r="B1797" t="s">
        <v>1175</v>
      </c>
      <c r="C1797" t="s">
        <v>1074</v>
      </c>
      <c r="D1797" t="s">
        <v>1075</v>
      </c>
      <c r="E1797" t="s">
        <v>847</v>
      </c>
      <c r="F1797" t="s">
        <v>848</v>
      </c>
      <c r="G1797" t="s">
        <v>80</v>
      </c>
      <c r="H1797" t="s">
        <v>81</v>
      </c>
      <c r="I1797" s="2">
        <v>0</v>
      </c>
      <c r="J1797" s="2">
        <v>1</v>
      </c>
      <c r="K1797" s="2">
        <v>0</v>
      </c>
      <c r="L1797" t="s">
        <v>82</v>
      </c>
      <c r="M1797" t="s">
        <v>83</v>
      </c>
      <c r="N1797" t="s">
        <v>91</v>
      </c>
      <c r="O1797" t="s">
        <v>85</v>
      </c>
      <c r="P1797" t="s">
        <v>86</v>
      </c>
      <c r="Q1797">
        <v>42</v>
      </c>
      <c r="R1797">
        <v>42</v>
      </c>
      <c r="S1797">
        <v>42</v>
      </c>
      <c r="T1797">
        <v>43</v>
      </c>
      <c r="U1797">
        <v>43</v>
      </c>
      <c r="V1797">
        <v>43</v>
      </c>
      <c r="W1797">
        <v>43</v>
      </c>
      <c r="X1797">
        <v>43</v>
      </c>
      <c r="Y1797">
        <v>43</v>
      </c>
      <c r="Z1797">
        <v>44</v>
      </c>
      <c r="AA1797">
        <v>44</v>
      </c>
      <c r="AB1797">
        <v>44</v>
      </c>
      <c r="AC1797">
        <v>44</v>
      </c>
      <c r="AD1797">
        <v>44</v>
      </c>
      <c r="AE1797">
        <v>44</v>
      </c>
      <c r="AF1797">
        <v>44</v>
      </c>
      <c r="AG1797">
        <v>44</v>
      </c>
      <c r="AH1797">
        <v>44</v>
      </c>
      <c r="AI1797">
        <v>44</v>
      </c>
      <c r="AJ1797">
        <v>45</v>
      </c>
      <c r="AK1797">
        <v>45</v>
      </c>
      <c r="AL1797">
        <v>44</v>
      </c>
      <c r="AM1797">
        <v>44</v>
      </c>
      <c r="AN1797">
        <v>44</v>
      </c>
      <c r="AO1797">
        <v>44</v>
      </c>
      <c r="AP1797">
        <v>43</v>
      </c>
      <c r="AQ1797">
        <v>43</v>
      </c>
    </row>
    <row r="1798" spans="1:43">
      <c r="A1798" t="s">
        <v>1176</v>
      </c>
      <c r="B1798" t="s">
        <v>1177</v>
      </c>
      <c r="C1798" t="s">
        <v>1178</v>
      </c>
      <c r="D1798" t="s">
        <v>1179</v>
      </c>
      <c r="E1798" t="s">
        <v>847</v>
      </c>
      <c r="F1798" t="s">
        <v>848</v>
      </c>
      <c r="G1798" t="s">
        <v>80</v>
      </c>
      <c r="H1798" t="s">
        <v>81</v>
      </c>
      <c r="I1798" s="2">
        <v>0</v>
      </c>
      <c r="J1798" s="2">
        <v>1</v>
      </c>
      <c r="K1798" s="2">
        <v>0</v>
      </c>
      <c r="L1798" t="s">
        <v>82</v>
      </c>
      <c r="M1798" t="s">
        <v>83</v>
      </c>
      <c r="N1798" t="s">
        <v>84</v>
      </c>
      <c r="O1798" t="s">
        <v>85</v>
      </c>
      <c r="P1798" t="s">
        <v>86</v>
      </c>
      <c r="Q1798">
        <v>49</v>
      </c>
      <c r="R1798">
        <v>50</v>
      </c>
      <c r="S1798">
        <v>50</v>
      </c>
      <c r="T1798">
        <v>50</v>
      </c>
      <c r="U1798">
        <v>50</v>
      </c>
      <c r="V1798">
        <v>51</v>
      </c>
      <c r="W1798">
        <v>51</v>
      </c>
      <c r="X1798">
        <v>51</v>
      </c>
      <c r="Y1798">
        <v>51</v>
      </c>
      <c r="Z1798">
        <v>51</v>
      </c>
      <c r="AA1798">
        <v>52</v>
      </c>
      <c r="AB1798">
        <v>52</v>
      </c>
      <c r="AC1798">
        <v>52</v>
      </c>
      <c r="AD1798">
        <v>52</v>
      </c>
      <c r="AE1798">
        <v>52</v>
      </c>
      <c r="AF1798">
        <v>52</v>
      </c>
      <c r="AG1798">
        <v>52</v>
      </c>
      <c r="AH1798">
        <v>52</v>
      </c>
      <c r="AI1798">
        <v>52</v>
      </c>
      <c r="AJ1798">
        <v>53</v>
      </c>
      <c r="AK1798">
        <v>53</v>
      </c>
      <c r="AL1798">
        <v>52</v>
      </c>
      <c r="AM1798">
        <v>52</v>
      </c>
      <c r="AN1798">
        <v>52</v>
      </c>
      <c r="AO1798">
        <v>51</v>
      </c>
      <c r="AP1798">
        <v>51</v>
      </c>
      <c r="AQ1798">
        <v>51</v>
      </c>
    </row>
    <row r="1799" spans="1:43">
      <c r="A1799" t="s">
        <v>1176</v>
      </c>
      <c r="B1799" t="s">
        <v>1177</v>
      </c>
      <c r="C1799" t="s">
        <v>1178</v>
      </c>
      <c r="D1799" t="s">
        <v>1179</v>
      </c>
      <c r="E1799" t="s">
        <v>847</v>
      </c>
      <c r="F1799" t="s">
        <v>848</v>
      </c>
      <c r="G1799" t="s">
        <v>80</v>
      </c>
      <c r="H1799" t="s">
        <v>81</v>
      </c>
      <c r="I1799" s="2">
        <v>0</v>
      </c>
      <c r="J1799" s="2">
        <v>1</v>
      </c>
      <c r="K1799" s="2">
        <v>0</v>
      </c>
      <c r="L1799" t="s">
        <v>82</v>
      </c>
      <c r="M1799" t="s">
        <v>87</v>
      </c>
      <c r="N1799" t="s">
        <v>88</v>
      </c>
      <c r="O1799" t="s">
        <v>85</v>
      </c>
      <c r="P1799" t="s">
        <v>86</v>
      </c>
      <c r="Q1799">
        <v>49</v>
      </c>
      <c r="R1799">
        <v>49</v>
      </c>
      <c r="S1799">
        <v>49</v>
      </c>
      <c r="T1799">
        <v>48</v>
      </c>
      <c r="U1799">
        <v>48</v>
      </c>
      <c r="V1799">
        <v>48</v>
      </c>
      <c r="W1799">
        <v>48</v>
      </c>
      <c r="X1799">
        <v>48</v>
      </c>
      <c r="Y1799">
        <v>47</v>
      </c>
      <c r="Z1799">
        <v>47</v>
      </c>
      <c r="AA1799">
        <v>47</v>
      </c>
      <c r="AB1799">
        <v>47</v>
      </c>
      <c r="AC1799">
        <v>47</v>
      </c>
      <c r="AD1799">
        <v>46</v>
      </c>
      <c r="AE1799">
        <v>46</v>
      </c>
      <c r="AF1799">
        <v>46</v>
      </c>
      <c r="AG1799">
        <v>46</v>
      </c>
      <c r="AH1799">
        <v>46</v>
      </c>
      <c r="AI1799">
        <v>46</v>
      </c>
      <c r="AJ1799">
        <v>45</v>
      </c>
      <c r="AK1799">
        <v>45</v>
      </c>
      <c r="AL1799">
        <v>45</v>
      </c>
      <c r="AM1799">
        <v>45</v>
      </c>
      <c r="AN1799">
        <v>45</v>
      </c>
      <c r="AO1799">
        <v>45</v>
      </c>
      <c r="AP1799">
        <v>44</v>
      </c>
      <c r="AQ1799">
        <v>44</v>
      </c>
    </row>
    <row r="1800" spans="1:43">
      <c r="A1800" t="s">
        <v>1176</v>
      </c>
      <c r="B1800" t="s">
        <v>1177</v>
      </c>
      <c r="C1800" t="s">
        <v>1178</v>
      </c>
      <c r="D1800" t="s">
        <v>1179</v>
      </c>
      <c r="E1800" t="s">
        <v>847</v>
      </c>
      <c r="F1800" t="s">
        <v>848</v>
      </c>
      <c r="G1800" t="s">
        <v>80</v>
      </c>
      <c r="H1800" t="s">
        <v>81</v>
      </c>
      <c r="I1800" s="2">
        <v>0</v>
      </c>
      <c r="J1800" s="2">
        <v>1</v>
      </c>
      <c r="K1800" s="2">
        <v>0</v>
      </c>
      <c r="L1800" t="s">
        <v>82</v>
      </c>
      <c r="M1800" t="s">
        <v>89</v>
      </c>
      <c r="N1800" t="s">
        <v>90</v>
      </c>
      <c r="O1800" t="s">
        <v>85</v>
      </c>
      <c r="P1800" t="s">
        <v>86</v>
      </c>
      <c r="Q1800">
        <v>49</v>
      </c>
      <c r="R1800">
        <v>50</v>
      </c>
      <c r="S1800">
        <v>50</v>
      </c>
      <c r="T1800">
        <v>51</v>
      </c>
      <c r="U1800">
        <v>51</v>
      </c>
      <c r="V1800">
        <v>52</v>
      </c>
      <c r="W1800">
        <v>52</v>
      </c>
      <c r="X1800">
        <v>53</v>
      </c>
      <c r="Y1800">
        <v>53</v>
      </c>
      <c r="Z1800">
        <v>54</v>
      </c>
      <c r="AA1800">
        <v>54</v>
      </c>
      <c r="AB1800">
        <v>54</v>
      </c>
      <c r="AC1800">
        <v>54</v>
      </c>
      <c r="AD1800">
        <v>55</v>
      </c>
      <c r="AE1800">
        <v>55</v>
      </c>
      <c r="AF1800">
        <v>54</v>
      </c>
      <c r="AG1800">
        <v>54</v>
      </c>
      <c r="AH1800">
        <v>53</v>
      </c>
      <c r="AI1800">
        <v>53</v>
      </c>
      <c r="AJ1800">
        <v>53</v>
      </c>
      <c r="AK1800">
        <v>52</v>
      </c>
      <c r="AL1800">
        <v>52</v>
      </c>
      <c r="AM1800">
        <v>52</v>
      </c>
      <c r="AN1800">
        <v>51</v>
      </c>
      <c r="AO1800">
        <v>51</v>
      </c>
      <c r="AP1800">
        <v>51</v>
      </c>
      <c r="AQ1800">
        <v>50</v>
      </c>
    </row>
    <row r="1801" spans="1:43">
      <c r="A1801" t="s">
        <v>1176</v>
      </c>
      <c r="B1801" t="s">
        <v>1177</v>
      </c>
      <c r="C1801" t="s">
        <v>1178</v>
      </c>
      <c r="D1801" t="s">
        <v>1179</v>
      </c>
      <c r="E1801" t="s">
        <v>847</v>
      </c>
      <c r="F1801" t="s">
        <v>848</v>
      </c>
      <c r="G1801" t="s">
        <v>80</v>
      </c>
      <c r="H1801" t="s">
        <v>81</v>
      </c>
      <c r="I1801" s="2">
        <v>0</v>
      </c>
      <c r="J1801" s="2">
        <v>1</v>
      </c>
      <c r="K1801" s="2">
        <v>0</v>
      </c>
      <c r="L1801" t="s">
        <v>82</v>
      </c>
      <c r="M1801" t="s">
        <v>83</v>
      </c>
      <c r="N1801" t="s">
        <v>91</v>
      </c>
      <c r="O1801" t="s">
        <v>85</v>
      </c>
      <c r="P1801" t="s">
        <v>86</v>
      </c>
      <c r="Q1801">
        <v>49</v>
      </c>
      <c r="R1801">
        <v>50</v>
      </c>
      <c r="S1801">
        <v>50</v>
      </c>
      <c r="T1801">
        <v>50</v>
      </c>
      <c r="U1801">
        <v>50</v>
      </c>
      <c r="V1801">
        <v>51</v>
      </c>
      <c r="W1801">
        <v>51</v>
      </c>
      <c r="X1801">
        <v>51</v>
      </c>
      <c r="Y1801">
        <v>51</v>
      </c>
      <c r="Z1801">
        <v>51</v>
      </c>
      <c r="AA1801">
        <v>52</v>
      </c>
      <c r="AB1801">
        <v>52</v>
      </c>
      <c r="AC1801">
        <v>52</v>
      </c>
      <c r="AD1801">
        <v>52</v>
      </c>
      <c r="AE1801">
        <v>52</v>
      </c>
      <c r="AF1801">
        <v>52</v>
      </c>
      <c r="AG1801">
        <v>52</v>
      </c>
      <c r="AH1801">
        <v>52</v>
      </c>
      <c r="AI1801">
        <v>52</v>
      </c>
      <c r="AJ1801">
        <v>53</v>
      </c>
      <c r="AK1801">
        <v>53</v>
      </c>
      <c r="AL1801">
        <v>52</v>
      </c>
      <c r="AM1801">
        <v>52</v>
      </c>
      <c r="AN1801">
        <v>52</v>
      </c>
      <c r="AO1801">
        <v>51</v>
      </c>
      <c r="AP1801">
        <v>51</v>
      </c>
      <c r="AQ1801">
        <v>51</v>
      </c>
    </row>
    <row r="1802" spans="1:43">
      <c r="A1802" t="s">
        <v>1180</v>
      </c>
      <c r="B1802" t="s">
        <v>1181</v>
      </c>
      <c r="C1802" t="s">
        <v>1178</v>
      </c>
      <c r="D1802" t="s">
        <v>1179</v>
      </c>
      <c r="E1802" t="s">
        <v>847</v>
      </c>
      <c r="F1802" t="s">
        <v>848</v>
      </c>
      <c r="G1802" t="s">
        <v>80</v>
      </c>
      <c r="H1802" t="s">
        <v>81</v>
      </c>
      <c r="I1802" s="2">
        <v>0</v>
      </c>
      <c r="J1802" s="2">
        <v>1</v>
      </c>
      <c r="K1802" s="2">
        <v>0</v>
      </c>
      <c r="L1802" t="s">
        <v>82</v>
      </c>
      <c r="M1802" t="s">
        <v>83</v>
      </c>
      <c r="N1802" t="s">
        <v>84</v>
      </c>
      <c r="O1802" t="s">
        <v>85</v>
      </c>
      <c r="P1802" t="s">
        <v>86</v>
      </c>
      <c r="Q1802">
        <v>11</v>
      </c>
      <c r="R1802">
        <v>11</v>
      </c>
      <c r="S1802">
        <v>11</v>
      </c>
      <c r="T1802">
        <v>11</v>
      </c>
      <c r="U1802">
        <v>11</v>
      </c>
      <c r="V1802">
        <v>11</v>
      </c>
      <c r="W1802">
        <v>11</v>
      </c>
      <c r="X1802">
        <v>11</v>
      </c>
      <c r="Y1802">
        <v>12</v>
      </c>
      <c r="Z1802">
        <v>12</v>
      </c>
      <c r="AA1802">
        <v>12</v>
      </c>
      <c r="AB1802">
        <v>12</v>
      </c>
      <c r="AC1802">
        <v>12</v>
      </c>
      <c r="AD1802">
        <v>12</v>
      </c>
      <c r="AE1802">
        <v>12</v>
      </c>
      <c r="AF1802">
        <v>12</v>
      </c>
      <c r="AG1802">
        <v>12</v>
      </c>
      <c r="AH1802">
        <v>12</v>
      </c>
      <c r="AI1802">
        <v>12</v>
      </c>
      <c r="AJ1802">
        <v>12</v>
      </c>
      <c r="AK1802">
        <v>12</v>
      </c>
      <c r="AL1802">
        <v>12</v>
      </c>
      <c r="AM1802">
        <v>12</v>
      </c>
      <c r="AN1802">
        <v>12</v>
      </c>
      <c r="AO1802">
        <v>12</v>
      </c>
      <c r="AP1802">
        <v>12</v>
      </c>
      <c r="AQ1802">
        <v>12</v>
      </c>
    </row>
    <row r="1803" spans="1:43">
      <c r="A1803" t="s">
        <v>1180</v>
      </c>
      <c r="B1803" t="s">
        <v>1181</v>
      </c>
      <c r="C1803" t="s">
        <v>1178</v>
      </c>
      <c r="D1803" t="s">
        <v>1179</v>
      </c>
      <c r="E1803" t="s">
        <v>847</v>
      </c>
      <c r="F1803" t="s">
        <v>848</v>
      </c>
      <c r="G1803" t="s">
        <v>80</v>
      </c>
      <c r="H1803" t="s">
        <v>81</v>
      </c>
      <c r="I1803" s="2">
        <v>0</v>
      </c>
      <c r="J1803" s="2">
        <v>1</v>
      </c>
      <c r="K1803" s="2">
        <v>0</v>
      </c>
      <c r="L1803" t="s">
        <v>82</v>
      </c>
      <c r="M1803" t="s">
        <v>87</v>
      </c>
      <c r="N1803" t="s">
        <v>88</v>
      </c>
      <c r="O1803" t="s">
        <v>85</v>
      </c>
      <c r="P1803" t="s">
        <v>86</v>
      </c>
      <c r="Q1803">
        <v>11</v>
      </c>
      <c r="R1803">
        <v>11</v>
      </c>
      <c r="S1803">
        <v>11</v>
      </c>
      <c r="T1803">
        <v>11</v>
      </c>
      <c r="U1803">
        <v>11</v>
      </c>
      <c r="V1803">
        <v>11</v>
      </c>
      <c r="W1803">
        <v>11</v>
      </c>
      <c r="X1803">
        <v>11</v>
      </c>
      <c r="Y1803">
        <v>11</v>
      </c>
      <c r="Z1803">
        <v>11</v>
      </c>
      <c r="AA1803">
        <v>11</v>
      </c>
      <c r="AB1803">
        <v>11</v>
      </c>
      <c r="AC1803">
        <v>11</v>
      </c>
      <c r="AD1803">
        <v>11</v>
      </c>
      <c r="AE1803">
        <v>11</v>
      </c>
      <c r="AF1803">
        <v>11</v>
      </c>
      <c r="AG1803">
        <v>11</v>
      </c>
      <c r="AH1803">
        <v>11</v>
      </c>
      <c r="AI1803">
        <v>11</v>
      </c>
      <c r="AJ1803">
        <v>10</v>
      </c>
      <c r="AK1803">
        <v>10</v>
      </c>
      <c r="AL1803">
        <v>10</v>
      </c>
      <c r="AM1803">
        <v>10</v>
      </c>
      <c r="AN1803">
        <v>10</v>
      </c>
      <c r="AO1803">
        <v>10</v>
      </c>
      <c r="AP1803">
        <v>10</v>
      </c>
      <c r="AQ1803">
        <v>10</v>
      </c>
    </row>
    <row r="1804" spans="1:43">
      <c r="A1804" t="s">
        <v>1180</v>
      </c>
      <c r="B1804" t="s">
        <v>1181</v>
      </c>
      <c r="C1804" t="s">
        <v>1178</v>
      </c>
      <c r="D1804" t="s">
        <v>1179</v>
      </c>
      <c r="E1804" t="s">
        <v>847</v>
      </c>
      <c r="F1804" t="s">
        <v>848</v>
      </c>
      <c r="G1804" t="s">
        <v>80</v>
      </c>
      <c r="H1804" t="s">
        <v>81</v>
      </c>
      <c r="I1804" s="2">
        <v>0</v>
      </c>
      <c r="J1804" s="2">
        <v>1</v>
      </c>
      <c r="K1804" s="2">
        <v>0</v>
      </c>
      <c r="L1804" t="s">
        <v>82</v>
      </c>
      <c r="M1804" t="s">
        <v>89</v>
      </c>
      <c r="N1804" t="s">
        <v>90</v>
      </c>
      <c r="O1804" t="s">
        <v>85</v>
      </c>
      <c r="P1804" t="s">
        <v>86</v>
      </c>
      <c r="Q1804">
        <v>11</v>
      </c>
      <c r="R1804">
        <v>11</v>
      </c>
      <c r="S1804">
        <v>11</v>
      </c>
      <c r="T1804">
        <v>12</v>
      </c>
      <c r="U1804">
        <v>12</v>
      </c>
      <c r="V1804">
        <v>12</v>
      </c>
      <c r="W1804">
        <v>12</v>
      </c>
      <c r="X1804">
        <v>12</v>
      </c>
      <c r="Y1804">
        <v>12</v>
      </c>
      <c r="Z1804">
        <v>12</v>
      </c>
      <c r="AA1804">
        <v>12</v>
      </c>
      <c r="AB1804">
        <v>12</v>
      </c>
      <c r="AC1804">
        <v>13</v>
      </c>
      <c r="AD1804">
        <v>13</v>
      </c>
      <c r="AE1804">
        <v>13</v>
      </c>
      <c r="AF1804">
        <v>13</v>
      </c>
      <c r="AG1804">
        <v>12</v>
      </c>
      <c r="AH1804">
        <v>12</v>
      </c>
      <c r="AI1804">
        <v>12</v>
      </c>
      <c r="AJ1804">
        <v>12</v>
      </c>
      <c r="AK1804">
        <v>12</v>
      </c>
      <c r="AL1804">
        <v>12</v>
      </c>
      <c r="AM1804">
        <v>12</v>
      </c>
      <c r="AN1804">
        <v>12</v>
      </c>
      <c r="AO1804">
        <v>12</v>
      </c>
      <c r="AP1804">
        <v>12</v>
      </c>
      <c r="AQ1804">
        <v>12</v>
      </c>
    </row>
    <row r="1805" spans="1:43">
      <c r="A1805" t="s">
        <v>1180</v>
      </c>
      <c r="B1805" t="s">
        <v>1181</v>
      </c>
      <c r="C1805" t="s">
        <v>1178</v>
      </c>
      <c r="D1805" t="s">
        <v>1179</v>
      </c>
      <c r="E1805" t="s">
        <v>847</v>
      </c>
      <c r="F1805" t="s">
        <v>848</v>
      </c>
      <c r="G1805" t="s">
        <v>80</v>
      </c>
      <c r="H1805" t="s">
        <v>81</v>
      </c>
      <c r="I1805" s="2">
        <v>0</v>
      </c>
      <c r="J1805" s="2">
        <v>1</v>
      </c>
      <c r="K1805" s="2">
        <v>0</v>
      </c>
      <c r="L1805" t="s">
        <v>82</v>
      </c>
      <c r="M1805" t="s">
        <v>83</v>
      </c>
      <c r="N1805" t="s">
        <v>91</v>
      </c>
      <c r="O1805" t="s">
        <v>85</v>
      </c>
      <c r="P1805" t="s">
        <v>86</v>
      </c>
      <c r="Q1805">
        <v>11</v>
      </c>
      <c r="R1805">
        <v>11</v>
      </c>
      <c r="S1805">
        <v>11</v>
      </c>
      <c r="T1805">
        <v>11</v>
      </c>
      <c r="U1805">
        <v>11</v>
      </c>
      <c r="V1805">
        <v>11</v>
      </c>
      <c r="W1805">
        <v>11</v>
      </c>
      <c r="X1805">
        <v>11</v>
      </c>
      <c r="Y1805">
        <v>12</v>
      </c>
      <c r="Z1805">
        <v>12</v>
      </c>
      <c r="AA1805">
        <v>12</v>
      </c>
      <c r="AB1805">
        <v>12</v>
      </c>
      <c r="AC1805">
        <v>12</v>
      </c>
      <c r="AD1805">
        <v>12</v>
      </c>
      <c r="AE1805">
        <v>12</v>
      </c>
      <c r="AF1805">
        <v>12</v>
      </c>
      <c r="AG1805">
        <v>12</v>
      </c>
      <c r="AH1805">
        <v>12</v>
      </c>
      <c r="AI1805">
        <v>12</v>
      </c>
      <c r="AJ1805">
        <v>12</v>
      </c>
      <c r="AK1805">
        <v>12</v>
      </c>
      <c r="AL1805">
        <v>12</v>
      </c>
      <c r="AM1805">
        <v>12</v>
      </c>
      <c r="AN1805">
        <v>12</v>
      </c>
      <c r="AO1805">
        <v>12</v>
      </c>
      <c r="AP1805">
        <v>12</v>
      </c>
      <c r="AQ1805">
        <v>12</v>
      </c>
    </row>
    <row r="1806" spans="1:43">
      <c r="A1806" t="s">
        <v>1182</v>
      </c>
      <c r="B1806" t="s">
        <v>1183</v>
      </c>
      <c r="C1806" t="s">
        <v>1178</v>
      </c>
      <c r="D1806" t="s">
        <v>1179</v>
      </c>
      <c r="E1806" t="s">
        <v>847</v>
      </c>
      <c r="F1806" t="s">
        <v>848</v>
      </c>
      <c r="G1806" t="s">
        <v>80</v>
      </c>
      <c r="H1806" t="s">
        <v>81</v>
      </c>
      <c r="I1806" s="2">
        <v>0</v>
      </c>
      <c r="J1806" s="2">
        <v>1</v>
      </c>
      <c r="K1806" s="2">
        <v>0</v>
      </c>
      <c r="L1806" t="s">
        <v>82</v>
      </c>
      <c r="M1806" t="s">
        <v>83</v>
      </c>
      <c r="N1806" t="s">
        <v>84</v>
      </c>
      <c r="O1806" t="s">
        <v>85</v>
      </c>
      <c r="P1806" t="s">
        <v>86</v>
      </c>
      <c r="Q1806">
        <v>19</v>
      </c>
      <c r="R1806">
        <v>19</v>
      </c>
      <c r="S1806">
        <v>19</v>
      </c>
      <c r="T1806">
        <v>20</v>
      </c>
      <c r="U1806">
        <v>20</v>
      </c>
      <c r="V1806">
        <v>20</v>
      </c>
      <c r="W1806">
        <v>20</v>
      </c>
      <c r="X1806">
        <v>20</v>
      </c>
      <c r="Y1806">
        <v>20</v>
      </c>
      <c r="Z1806">
        <v>20</v>
      </c>
      <c r="AA1806">
        <v>20</v>
      </c>
      <c r="AB1806">
        <v>20</v>
      </c>
      <c r="AC1806">
        <v>21</v>
      </c>
      <c r="AD1806">
        <v>21</v>
      </c>
      <c r="AE1806">
        <v>21</v>
      </c>
      <c r="AF1806">
        <v>21</v>
      </c>
      <c r="AG1806">
        <v>21</v>
      </c>
      <c r="AH1806">
        <v>21</v>
      </c>
      <c r="AI1806">
        <v>21</v>
      </c>
      <c r="AJ1806">
        <v>21</v>
      </c>
      <c r="AK1806">
        <v>21</v>
      </c>
      <c r="AL1806">
        <v>21</v>
      </c>
      <c r="AM1806">
        <v>21</v>
      </c>
      <c r="AN1806">
        <v>21</v>
      </c>
      <c r="AO1806">
        <v>21</v>
      </c>
      <c r="AP1806">
        <v>21</v>
      </c>
      <c r="AQ1806">
        <v>21</v>
      </c>
    </row>
    <row r="1807" spans="1:43">
      <c r="A1807" t="s">
        <v>1182</v>
      </c>
      <c r="B1807" t="s">
        <v>1183</v>
      </c>
      <c r="C1807" t="s">
        <v>1178</v>
      </c>
      <c r="D1807" t="s">
        <v>1179</v>
      </c>
      <c r="E1807" t="s">
        <v>847</v>
      </c>
      <c r="F1807" t="s">
        <v>848</v>
      </c>
      <c r="G1807" t="s">
        <v>80</v>
      </c>
      <c r="H1807" t="s">
        <v>81</v>
      </c>
      <c r="I1807" s="2">
        <v>0</v>
      </c>
      <c r="J1807" s="2">
        <v>1</v>
      </c>
      <c r="K1807" s="2">
        <v>0</v>
      </c>
      <c r="L1807" t="s">
        <v>82</v>
      </c>
      <c r="M1807" t="s">
        <v>87</v>
      </c>
      <c r="N1807" t="s">
        <v>88</v>
      </c>
      <c r="O1807" t="s">
        <v>85</v>
      </c>
      <c r="P1807" t="s">
        <v>86</v>
      </c>
      <c r="Q1807">
        <v>19</v>
      </c>
      <c r="R1807">
        <v>19</v>
      </c>
      <c r="S1807">
        <v>19</v>
      </c>
      <c r="T1807">
        <v>19</v>
      </c>
      <c r="U1807">
        <v>19</v>
      </c>
      <c r="V1807">
        <v>19</v>
      </c>
      <c r="W1807">
        <v>19</v>
      </c>
      <c r="X1807">
        <v>19</v>
      </c>
      <c r="Y1807">
        <v>19</v>
      </c>
      <c r="Z1807">
        <v>19</v>
      </c>
      <c r="AA1807">
        <v>19</v>
      </c>
      <c r="AB1807">
        <v>19</v>
      </c>
      <c r="AC1807">
        <v>19</v>
      </c>
      <c r="AD1807">
        <v>18</v>
      </c>
      <c r="AE1807">
        <v>18</v>
      </c>
      <c r="AF1807">
        <v>18</v>
      </c>
      <c r="AG1807">
        <v>18</v>
      </c>
      <c r="AH1807">
        <v>18</v>
      </c>
      <c r="AI1807">
        <v>18</v>
      </c>
      <c r="AJ1807">
        <v>18</v>
      </c>
      <c r="AK1807">
        <v>18</v>
      </c>
      <c r="AL1807">
        <v>18</v>
      </c>
      <c r="AM1807">
        <v>18</v>
      </c>
      <c r="AN1807">
        <v>18</v>
      </c>
      <c r="AO1807">
        <v>18</v>
      </c>
      <c r="AP1807">
        <v>18</v>
      </c>
      <c r="AQ1807">
        <v>18</v>
      </c>
    </row>
    <row r="1808" spans="1:43">
      <c r="A1808" t="s">
        <v>1182</v>
      </c>
      <c r="B1808" t="s">
        <v>1183</v>
      </c>
      <c r="C1808" t="s">
        <v>1178</v>
      </c>
      <c r="D1808" t="s">
        <v>1179</v>
      </c>
      <c r="E1808" t="s">
        <v>847</v>
      </c>
      <c r="F1808" t="s">
        <v>848</v>
      </c>
      <c r="G1808" t="s">
        <v>80</v>
      </c>
      <c r="H1808" t="s">
        <v>81</v>
      </c>
      <c r="I1808" s="2">
        <v>0</v>
      </c>
      <c r="J1808" s="2">
        <v>1</v>
      </c>
      <c r="K1808" s="2">
        <v>0</v>
      </c>
      <c r="L1808" t="s">
        <v>82</v>
      </c>
      <c r="M1808" t="s">
        <v>89</v>
      </c>
      <c r="N1808" t="s">
        <v>90</v>
      </c>
      <c r="O1808" t="s">
        <v>85</v>
      </c>
      <c r="P1808" t="s">
        <v>86</v>
      </c>
      <c r="Q1808">
        <v>19</v>
      </c>
      <c r="R1808">
        <v>20</v>
      </c>
      <c r="S1808">
        <v>20</v>
      </c>
      <c r="T1808">
        <v>20</v>
      </c>
      <c r="U1808">
        <v>20</v>
      </c>
      <c r="V1808">
        <v>21</v>
      </c>
      <c r="W1808">
        <v>21</v>
      </c>
      <c r="X1808">
        <v>21</v>
      </c>
      <c r="Y1808">
        <v>21</v>
      </c>
      <c r="Z1808">
        <v>21</v>
      </c>
      <c r="AA1808">
        <v>22</v>
      </c>
      <c r="AB1808">
        <v>22</v>
      </c>
      <c r="AC1808">
        <v>22</v>
      </c>
      <c r="AD1808">
        <v>22</v>
      </c>
      <c r="AE1808">
        <v>22</v>
      </c>
      <c r="AF1808">
        <v>22</v>
      </c>
      <c r="AG1808">
        <v>22</v>
      </c>
      <c r="AH1808">
        <v>22</v>
      </c>
      <c r="AI1808">
        <v>21</v>
      </c>
      <c r="AJ1808">
        <v>21</v>
      </c>
      <c r="AK1808">
        <v>21</v>
      </c>
      <c r="AL1808">
        <v>21</v>
      </c>
      <c r="AM1808">
        <v>21</v>
      </c>
      <c r="AN1808">
        <v>21</v>
      </c>
      <c r="AO1808">
        <v>21</v>
      </c>
      <c r="AP1808">
        <v>21</v>
      </c>
      <c r="AQ1808">
        <v>21</v>
      </c>
    </row>
    <row r="1809" spans="1:43">
      <c r="A1809" t="s">
        <v>1182</v>
      </c>
      <c r="B1809" t="s">
        <v>1183</v>
      </c>
      <c r="C1809" t="s">
        <v>1178</v>
      </c>
      <c r="D1809" t="s">
        <v>1179</v>
      </c>
      <c r="E1809" t="s">
        <v>847</v>
      </c>
      <c r="F1809" t="s">
        <v>848</v>
      </c>
      <c r="G1809" t="s">
        <v>80</v>
      </c>
      <c r="H1809" t="s">
        <v>81</v>
      </c>
      <c r="I1809" s="2">
        <v>0</v>
      </c>
      <c r="J1809" s="2">
        <v>1</v>
      </c>
      <c r="K1809" s="2">
        <v>0</v>
      </c>
      <c r="L1809" t="s">
        <v>82</v>
      </c>
      <c r="M1809" t="s">
        <v>83</v>
      </c>
      <c r="N1809" t="s">
        <v>91</v>
      </c>
      <c r="O1809" t="s">
        <v>85</v>
      </c>
      <c r="P1809" t="s">
        <v>86</v>
      </c>
      <c r="Q1809">
        <v>19</v>
      </c>
      <c r="R1809">
        <v>19</v>
      </c>
      <c r="S1809">
        <v>19</v>
      </c>
      <c r="T1809">
        <v>20</v>
      </c>
      <c r="U1809">
        <v>20</v>
      </c>
      <c r="V1809">
        <v>20</v>
      </c>
      <c r="W1809">
        <v>20</v>
      </c>
      <c r="X1809">
        <v>20</v>
      </c>
      <c r="Y1809">
        <v>20</v>
      </c>
      <c r="Z1809">
        <v>20</v>
      </c>
      <c r="AA1809">
        <v>20</v>
      </c>
      <c r="AB1809">
        <v>20</v>
      </c>
      <c r="AC1809">
        <v>21</v>
      </c>
      <c r="AD1809">
        <v>21</v>
      </c>
      <c r="AE1809">
        <v>21</v>
      </c>
      <c r="AF1809">
        <v>21</v>
      </c>
      <c r="AG1809">
        <v>21</v>
      </c>
      <c r="AH1809">
        <v>21</v>
      </c>
      <c r="AI1809">
        <v>21</v>
      </c>
      <c r="AJ1809">
        <v>21</v>
      </c>
      <c r="AK1809">
        <v>21</v>
      </c>
      <c r="AL1809">
        <v>21</v>
      </c>
      <c r="AM1809">
        <v>21</v>
      </c>
      <c r="AN1809">
        <v>21</v>
      </c>
      <c r="AO1809">
        <v>21</v>
      </c>
      <c r="AP1809">
        <v>21</v>
      </c>
      <c r="AQ1809">
        <v>21</v>
      </c>
    </row>
    <row r="1810" spans="1:43">
      <c r="A1810" t="s">
        <v>1184</v>
      </c>
      <c r="B1810" t="s">
        <v>1185</v>
      </c>
      <c r="C1810" t="s">
        <v>1178</v>
      </c>
      <c r="D1810" t="s">
        <v>1179</v>
      </c>
      <c r="E1810" t="s">
        <v>847</v>
      </c>
      <c r="F1810" t="s">
        <v>848</v>
      </c>
      <c r="G1810" t="s">
        <v>80</v>
      </c>
      <c r="H1810" t="s">
        <v>81</v>
      </c>
      <c r="I1810" s="2">
        <v>0</v>
      </c>
      <c r="J1810" s="2">
        <v>1</v>
      </c>
      <c r="K1810" s="2">
        <v>0</v>
      </c>
      <c r="L1810" t="s">
        <v>82</v>
      </c>
      <c r="M1810" t="s">
        <v>83</v>
      </c>
      <c r="N1810" t="s">
        <v>84</v>
      </c>
      <c r="O1810" t="s">
        <v>85</v>
      </c>
      <c r="P1810" t="s">
        <v>86</v>
      </c>
      <c r="Q1810">
        <v>9</v>
      </c>
      <c r="R1810">
        <v>9</v>
      </c>
      <c r="S1810">
        <v>9</v>
      </c>
      <c r="T1810">
        <v>9</v>
      </c>
      <c r="U1810">
        <v>9</v>
      </c>
      <c r="V1810">
        <v>9</v>
      </c>
      <c r="W1810">
        <v>10</v>
      </c>
      <c r="X1810">
        <v>10</v>
      </c>
      <c r="Y1810">
        <v>10</v>
      </c>
      <c r="Z1810">
        <v>10</v>
      </c>
      <c r="AA1810">
        <v>10</v>
      </c>
      <c r="AB1810">
        <v>10</v>
      </c>
      <c r="AC1810">
        <v>10</v>
      </c>
      <c r="AD1810">
        <v>10</v>
      </c>
      <c r="AE1810">
        <v>10</v>
      </c>
      <c r="AF1810">
        <v>10</v>
      </c>
      <c r="AG1810">
        <v>10</v>
      </c>
      <c r="AH1810">
        <v>10</v>
      </c>
      <c r="AI1810">
        <v>10</v>
      </c>
      <c r="AJ1810">
        <v>10</v>
      </c>
      <c r="AK1810">
        <v>10</v>
      </c>
      <c r="AL1810">
        <v>10</v>
      </c>
      <c r="AM1810">
        <v>10</v>
      </c>
      <c r="AN1810">
        <v>10</v>
      </c>
      <c r="AO1810">
        <v>10</v>
      </c>
      <c r="AP1810">
        <v>10</v>
      </c>
      <c r="AQ1810">
        <v>10</v>
      </c>
    </row>
    <row r="1811" spans="1:43">
      <c r="A1811" t="s">
        <v>1184</v>
      </c>
      <c r="B1811" t="s">
        <v>1185</v>
      </c>
      <c r="C1811" t="s">
        <v>1178</v>
      </c>
      <c r="D1811" t="s">
        <v>1179</v>
      </c>
      <c r="E1811" t="s">
        <v>847</v>
      </c>
      <c r="F1811" t="s">
        <v>848</v>
      </c>
      <c r="G1811" t="s">
        <v>80</v>
      </c>
      <c r="H1811" t="s">
        <v>81</v>
      </c>
      <c r="I1811" s="2">
        <v>0</v>
      </c>
      <c r="J1811" s="2">
        <v>1</v>
      </c>
      <c r="K1811" s="2">
        <v>0</v>
      </c>
      <c r="L1811" t="s">
        <v>82</v>
      </c>
      <c r="M1811" t="s">
        <v>87</v>
      </c>
      <c r="N1811" t="s">
        <v>88</v>
      </c>
      <c r="O1811" t="s">
        <v>85</v>
      </c>
      <c r="P1811" t="s">
        <v>86</v>
      </c>
      <c r="Q1811">
        <v>9</v>
      </c>
      <c r="R1811">
        <v>9</v>
      </c>
      <c r="S1811">
        <v>9</v>
      </c>
      <c r="T1811">
        <v>9</v>
      </c>
      <c r="U1811">
        <v>9</v>
      </c>
      <c r="V1811">
        <v>9</v>
      </c>
      <c r="W1811">
        <v>9</v>
      </c>
      <c r="X1811">
        <v>9</v>
      </c>
      <c r="Y1811">
        <v>9</v>
      </c>
      <c r="Z1811">
        <v>9</v>
      </c>
      <c r="AA1811">
        <v>9</v>
      </c>
      <c r="AB1811">
        <v>9</v>
      </c>
      <c r="AC1811">
        <v>9</v>
      </c>
      <c r="AD1811">
        <v>9</v>
      </c>
      <c r="AE1811">
        <v>9</v>
      </c>
      <c r="AF1811">
        <v>9</v>
      </c>
      <c r="AG1811">
        <v>9</v>
      </c>
      <c r="AH1811">
        <v>9</v>
      </c>
      <c r="AI1811">
        <v>9</v>
      </c>
      <c r="AJ1811">
        <v>9</v>
      </c>
      <c r="AK1811">
        <v>9</v>
      </c>
      <c r="AL1811">
        <v>9</v>
      </c>
      <c r="AM1811">
        <v>9</v>
      </c>
      <c r="AN1811">
        <v>9</v>
      </c>
      <c r="AO1811">
        <v>9</v>
      </c>
      <c r="AP1811">
        <v>9</v>
      </c>
      <c r="AQ1811">
        <v>9</v>
      </c>
    </row>
    <row r="1812" spans="1:43">
      <c r="A1812" t="s">
        <v>1184</v>
      </c>
      <c r="B1812" t="s">
        <v>1185</v>
      </c>
      <c r="C1812" t="s">
        <v>1178</v>
      </c>
      <c r="D1812" t="s">
        <v>1179</v>
      </c>
      <c r="E1812" t="s">
        <v>847</v>
      </c>
      <c r="F1812" t="s">
        <v>848</v>
      </c>
      <c r="G1812" t="s">
        <v>80</v>
      </c>
      <c r="H1812" t="s">
        <v>81</v>
      </c>
      <c r="I1812" s="2">
        <v>0</v>
      </c>
      <c r="J1812" s="2">
        <v>1</v>
      </c>
      <c r="K1812" s="2">
        <v>0</v>
      </c>
      <c r="L1812" t="s">
        <v>82</v>
      </c>
      <c r="M1812" t="s">
        <v>89</v>
      </c>
      <c r="N1812" t="s">
        <v>90</v>
      </c>
      <c r="O1812" t="s">
        <v>85</v>
      </c>
      <c r="P1812" t="s">
        <v>86</v>
      </c>
      <c r="Q1812">
        <v>9</v>
      </c>
      <c r="R1812">
        <v>9</v>
      </c>
      <c r="S1812">
        <v>10</v>
      </c>
      <c r="T1812">
        <v>10</v>
      </c>
      <c r="U1812">
        <v>10</v>
      </c>
      <c r="V1812">
        <v>10</v>
      </c>
      <c r="W1812">
        <v>10</v>
      </c>
      <c r="X1812">
        <v>10</v>
      </c>
      <c r="Y1812">
        <v>10</v>
      </c>
      <c r="Z1812">
        <v>10</v>
      </c>
      <c r="AA1812">
        <v>10</v>
      </c>
      <c r="AB1812">
        <v>10</v>
      </c>
      <c r="AC1812">
        <v>10</v>
      </c>
      <c r="AD1812">
        <v>10</v>
      </c>
      <c r="AE1812">
        <v>10</v>
      </c>
      <c r="AF1812">
        <v>10</v>
      </c>
      <c r="AG1812">
        <v>10</v>
      </c>
      <c r="AH1812">
        <v>10</v>
      </c>
      <c r="AI1812">
        <v>10</v>
      </c>
      <c r="AJ1812">
        <v>10</v>
      </c>
      <c r="AK1812">
        <v>10</v>
      </c>
      <c r="AL1812">
        <v>10</v>
      </c>
      <c r="AM1812">
        <v>10</v>
      </c>
      <c r="AN1812">
        <v>10</v>
      </c>
      <c r="AO1812">
        <v>10</v>
      </c>
      <c r="AP1812">
        <v>10</v>
      </c>
      <c r="AQ1812">
        <v>10</v>
      </c>
    </row>
    <row r="1813" spans="1:43">
      <c r="A1813" t="s">
        <v>1184</v>
      </c>
      <c r="B1813" t="s">
        <v>1185</v>
      </c>
      <c r="C1813" t="s">
        <v>1178</v>
      </c>
      <c r="D1813" t="s">
        <v>1179</v>
      </c>
      <c r="E1813" t="s">
        <v>847</v>
      </c>
      <c r="F1813" t="s">
        <v>848</v>
      </c>
      <c r="G1813" t="s">
        <v>80</v>
      </c>
      <c r="H1813" t="s">
        <v>81</v>
      </c>
      <c r="I1813" s="2">
        <v>0</v>
      </c>
      <c r="J1813" s="2">
        <v>1</v>
      </c>
      <c r="K1813" s="2">
        <v>0</v>
      </c>
      <c r="L1813" t="s">
        <v>82</v>
      </c>
      <c r="M1813" t="s">
        <v>83</v>
      </c>
      <c r="N1813" t="s">
        <v>91</v>
      </c>
      <c r="O1813" t="s">
        <v>85</v>
      </c>
      <c r="P1813" t="s">
        <v>86</v>
      </c>
      <c r="Q1813">
        <v>9</v>
      </c>
      <c r="R1813">
        <v>9</v>
      </c>
      <c r="S1813">
        <v>9</v>
      </c>
      <c r="T1813">
        <v>9</v>
      </c>
      <c r="U1813">
        <v>9</v>
      </c>
      <c r="V1813">
        <v>9</v>
      </c>
      <c r="W1813">
        <v>10</v>
      </c>
      <c r="X1813">
        <v>10</v>
      </c>
      <c r="Y1813">
        <v>10</v>
      </c>
      <c r="Z1813">
        <v>10</v>
      </c>
      <c r="AA1813">
        <v>10</v>
      </c>
      <c r="AB1813">
        <v>10</v>
      </c>
      <c r="AC1813">
        <v>10</v>
      </c>
      <c r="AD1813">
        <v>10</v>
      </c>
      <c r="AE1813">
        <v>10</v>
      </c>
      <c r="AF1813">
        <v>10</v>
      </c>
      <c r="AG1813">
        <v>10</v>
      </c>
      <c r="AH1813">
        <v>10</v>
      </c>
      <c r="AI1813">
        <v>10</v>
      </c>
      <c r="AJ1813">
        <v>10</v>
      </c>
      <c r="AK1813">
        <v>10</v>
      </c>
      <c r="AL1813">
        <v>10</v>
      </c>
      <c r="AM1813">
        <v>10</v>
      </c>
      <c r="AN1813">
        <v>10</v>
      </c>
      <c r="AO1813">
        <v>10</v>
      </c>
      <c r="AP1813">
        <v>10</v>
      </c>
      <c r="AQ1813">
        <v>10</v>
      </c>
    </row>
    <row r="1814" spans="1:43">
      <c r="A1814" t="s">
        <v>1186</v>
      </c>
      <c r="B1814" t="s">
        <v>1187</v>
      </c>
      <c r="C1814" t="s">
        <v>1074</v>
      </c>
      <c r="D1814" t="s">
        <v>1075</v>
      </c>
      <c r="E1814" t="s">
        <v>847</v>
      </c>
      <c r="F1814" t="s">
        <v>848</v>
      </c>
      <c r="G1814" t="s">
        <v>80</v>
      </c>
      <c r="H1814" t="s">
        <v>81</v>
      </c>
      <c r="I1814" s="2">
        <v>0</v>
      </c>
      <c r="J1814" s="2">
        <v>1</v>
      </c>
      <c r="K1814" s="2">
        <v>0</v>
      </c>
      <c r="L1814" t="s">
        <v>82</v>
      </c>
      <c r="M1814" t="s">
        <v>83</v>
      </c>
      <c r="N1814" t="s">
        <v>84</v>
      </c>
      <c r="O1814" t="s">
        <v>85</v>
      </c>
      <c r="P1814" t="s">
        <v>86</v>
      </c>
      <c r="Q1814">
        <v>10</v>
      </c>
      <c r="R1814">
        <v>10</v>
      </c>
      <c r="S1814">
        <v>10</v>
      </c>
      <c r="T1814">
        <v>10</v>
      </c>
      <c r="U1814">
        <v>10</v>
      </c>
      <c r="V1814">
        <v>10</v>
      </c>
      <c r="W1814">
        <v>10</v>
      </c>
      <c r="X1814">
        <v>10</v>
      </c>
      <c r="Y1814">
        <v>10</v>
      </c>
      <c r="Z1814">
        <v>11</v>
      </c>
      <c r="AA1814">
        <v>11</v>
      </c>
      <c r="AB1814">
        <v>11</v>
      </c>
      <c r="AC1814">
        <v>11</v>
      </c>
      <c r="AD1814">
        <v>11</v>
      </c>
      <c r="AE1814">
        <v>11</v>
      </c>
      <c r="AF1814">
        <v>11</v>
      </c>
      <c r="AG1814">
        <v>11</v>
      </c>
      <c r="AH1814">
        <v>11</v>
      </c>
      <c r="AI1814">
        <v>11</v>
      </c>
      <c r="AJ1814">
        <v>11</v>
      </c>
      <c r="AK1814">
        <v>11</v>
      </c>
      <c r="AL1814">
        <v>11</v>
      </c>
      <c r="AM1814">
        <v>11</v>
      </c>
      <c r="AN1814">
        <v>11</v>
      </c>
      <c r="AO1814">
        <v>11</v>
      </c>
      <c r="AP1814">
        <v>11</v>
      </c>
      <c r="AQ1814">
        <v>11</v>
      </c>
    </row>
    <row r="1815" spans="1:43">
      <c r="A1815" t="s">
        <v>1186</v>
      </c>
      <c r="B1815" t="s">
        <v>1187</v>
      </c>
      <c r="C1815" t="s">
        <v>1074</v>
      </c>
      <c r="D1815" t="s">
        <v>1075</v>
      </c>
      <c r="E1815" t="s">
        <v>847</v>
      </c>
      <c r="F1815" t="s">
        <v>848</v>
      </c>
      <c r="G1815" t="s">
        <v>80</v>
      </c>
      <c r="H1815" t="s">
        <v>81</v>
      </c>
      <c r="I1815" s="2">
        <v>0</v>
      </c>
      <c r="J1815" s="2">
        <v>1</v>
      </c>
      <c r="K1815" s="2">
        <v>0</v>
      </c>
      <c r="L1815" t="s">
        <v>82</v>
      </c>
      <c r="M1815" t="s">
        <v>87</v>
      </c>
      <c r="N1815" t="s">
        <v>88</v>
      </c>
      <c r="O1815" t="s">
        <v>85</v>
      </c>
      <c r="P1815" t="s">
        <v>86</v>
      </c>
      <c r="Q1815">
        <v>10</v>
      </c>
      <c r="R1815">
        <v>10</v>
      </c>
      <c r="S1815">
        <v>10</v>
      </c>
      <c r="T1815">
        <v>10</v>
      </c>
      <c r="U1815">
        <v>10</v>
      </c>
      <c r="V1815">
        <v>10</v>
      </c>
      <c r="W1815">
        <v>10</v>
      </c>
      <c r="X1815">
        <v>10</v>
      </c>
      <c r="Y1815">
        <v>10</v>
      </c>
      <c r="Z1815">
        <v>10</v>
      </c>
      <c r="AA1815">
        <v>10</v>
      </c>
      <c r="AB1815">
        <v>10</v>
      </c>
      <c r="AC1815">
        <v>10</v>
      </c>
      <c r="AD1815">
        <v>10</v>
      </c>
      <c r="AE1815">
        <v>10</v>
      </c>
      <c r="AF1815">
        <v>10</v>
      </c>
      <c r="AG1815">
        <v>10</v>
      </c>
      <c r="AH1815">
        <v>10</v>
      </c>
      <c r="AI1815">
        <v>9</v>
      </c>
      <c r="AJ1815">
        <v>9</v>
      </c>
      <c r="AK1815">
        <v>9</v>
      </c>
      <c r="AL1815">
        <v>9</v>
      </c>
      <c r="AM1815">
        <v>9</v>
      </c>
      <c r="AN1815">
        <v>9</v>
      </c>
      <c r="AO1815">
        <v>9</v>
      </c>
      <c r="AP1815">
        <v>9</v>
      </c>
      <c r="AQ1815">
        <v>9</v>
      </c>
    </row>
    <row r="1816" spans="1:43">
      <c r="A1816" t="s">
        <v>1186</v>
      </c>
      <c r="B1816" t="s">
        <v>1187</v>
      </c>
      <c r="C1816" t="s">
        <v>1074</v>
      </c>
      <c r="D1816" t="s">
        <v>1075</v>
      </c>
      <c r="E1816" t="s">
        <v>847</v>
      </c>
      <c r="F1816" t="s">
        <v>848</v>
      </c>
      <c r="G1816" t="s">
        <v>80</v>
      </c>
      <c r="H1816" t="s">
        <v>81</v>
      </c>
      <c r="I1816" s="2">
        <v>0</v>
      </c>
      <c r="J1816" s="2">
        <v>1</v>
      </c>
      <c r="K1816" s="2">
        <v>0</v>
      </c>
      <c r="L1816" t="s">
        <v>82</v>
      </c>
      <c r="M1816" t="s">
        <v>89</v>
      </c>
      <c r="N1816" t="s">
        <v>90</v>
      </c>
      <c r="O1816" t="s">
        <v>85</v>
      </c>
      <c r="P1816" t="s">
        <v>86</v>
      </c>
      <c r="Q1816">
        <v>10</v>
      </c>
      <c r="R1816">
        <v>10</v>
      </c>
      <c r="S1816">
        <v>10</v>
      </c>
      <c r="T1816">
        <v>11</v>
      </c>
      <c r="U1816">
        <v>11</v>
      </c>
      <c r="V1816">
        <v>11</v>
      </c>
      <c r="W1816">
        <v>11</v>
      </c>
      <c r="X1816">
        <v>11</v>
      </c>
      <c r="Y1816">
        <v>11</v>
      </c>
      <c r="Z1816">
        <v>11</v>
      </c>
      <c r="AA1816">
        <v>11</v>
      </c>
      <c r="AB1816">
        <v>11</v>
      </c>
      <c r="AC1816">
        <v>11</v>
      </c>
      <c r="AD1816">
        <v>11</v>
      </c>
      <c r="AE1816">
        <v>11</v>
      </c>
      <c r="AF1816">
        <v>11</v>
      </c>
      <c r="AG1816">
        <v>11</v>
      </c>
      <c r="AH1816">
        <v>11</v>
      </c>
      <c r="AI1816">
        <v>11</v>
      </c>
      <c r="AJ1816">
        <v>11</v>
      </c>
      <c r="AK1816">
        <v>11</v>
      </c>
      <c r="AL1816">
        <v>11</v>
      </c>
      <c r="AM1816">
        <v>11</v>
      </c>
      <c r="AN1816">
        <v>11</v>
      </c>
      <c r="AO1816">
        <v>11</v>
      </c>
      <c r="AP1816">
        <v>11</v>
      </c>
      <c r="AQ1816">
        <v>11</v>
      </c>
    </row>
    <row r="1817" spans="1:43">
      <c r="A1817" t="s">
        <v>1186</v>
      </c>
      <c r="B1817" t="s">
        <v>1187</v>
      </c>
      <c r="C1817" t="s">
        <v>1074</v>
      </c>
      <c r="D1817" t="s">
        <v>1075</v>
      </c>
      <c r="E1817" t="s">
        <v>847</v>
      </c>
      <c r="F1817" t="s">
        <v>848</v>
      </c>
      <c r="G1817" t="s">
        <v>80</v>
      </c>
      <c r="H1817" t="s">
        <v>81</v>
      </c>
      <c r="I1817" s="2">
        <v>0</v>
      </c>
      <c r="J1817" s="2">
        <v>1</v>
      </c>
      <c r="K1817" s="2">
        <v>0</v>
      </c>
      <c r="L1817" t="s">
        <v>82</v>
      </c>
      <c r="M1817" t="s">
        <v>83</v>
      </c>
      <c r="N1817" t="s">
        <v>91</v>
      </c>
      <c r="O1817" t="s">
        <v>85</v>
      </c>
      <c r="P1817" t="s">
        <v>86</v>
      </c>
      <c r="Q1817">
        <v>10</v>
      </c>
      <c r="R1817">
        <v>10</v>
      </c>
      <c r="S1817">
        <v>10</v>
      </c>
      <c r="T1817">
        <v>10</v>
      </c>
      <c r="U1817">
        <v>10</v>
      </c>
      <c r="V1817">
        <v>10</v>
      </c>
      <c r="W1817">
        <v>10</v>
      </c>
      <c r="X1817">
        <v>10</v>
      </c>
      <c r="Y1817">
        <v>10</v>
      </c>
      <c r="Z1817">
        <v>11</v>
      </c>
      <c r="AA1817">
        <v>11</v>
      </c>
      <c r="AB1817">
        <v>11</v>
      </c>
      <c r="AC1817">
        <v>11</v>
      </c>
      <c r="AD1817">
        <v>11</v>
      </c>
      <c r="AE1817">
        <v>11</v>
      </c>
      <c r="AF1817">
        <v>11</v>
      </c>
      <c r="AG1817">
        <v>11</v>
      </c>
      <c r="AH1817">
        <v>11</v>
      </c>
      <c r="AI1817">
        <v>11</v>
      </c>
      <c r="AJ1817">
        <v>11</v>
      </c>
      <c r="AK1817">
        <v>11</v>
      </c>
      <c r="AL1817">
        <v>11</v>
      </c>
      <c r="AM1817">
        <v>11</v>
      </c>
      <c r="AN1817">
        <v>11</v>
      </c>
      <c r="AO1817">
        <v>11</v>
      </c>
      <c r="AP1817">
        <v>11</v>
      </c>
      <c r="AQ1817">
        <v>11</v>
      </c>
    </row>
    <row r="1818" spans="1:43">
      <c r="A1818" t="s">
        <v>1188</v>
      </c>
      <c r="B1818" t="s">
        <v>1189</v>
      </c>
      <c r="C1818" t="s">
        <v>1190</v>
      </c>
      <c r="D1818" t="s">
        <v>1191</v>
      </c>
      <c r="E1818" t="s">
        <v>1192</v>
      </c>
      <c r="F1818" t="s">
        <v>1193</v>
      </c>
      <c r="G1818" t="s">
        <v>80</v>
      </c>
      <c r="H1818" t="s">
        <v>81</v>
      </c>
      <c r="I1818" s="2">
        <v>1</v>
      </c>
      <c r="J1818" s="2">
        <v>0</v>
      </c>
      <c r="K1818" s="2">
        <v>0</v>
      </c>
      <c r="L1818" t="s">
        <v>120</v>
      </c>
      <c r="M1818" t="s">
        <v>83</v>
      </c>
      <c r="N1818" t="s">
        <v>84</v>
      </c>
      <c r="O1818" t="s">
        <v>85</v>
      </c>
      <c r="P1818" t="s">
        <v>86</v>
      </c>
      <c r="Q1818">
        <v>13</v>
      </c>
      <c r="R1818">
        <v>13</v>
      </c>
      <c r="S1818">
        <v>14</v>
      </c>
      <c r="T1818">
        <v>14</v>
      </c>
      <c r="U1818">
        <v>15</v>
      </c>
      <c r="V1818">
        <v>15</v>
      </c>
      <c r="W1818">
        <v>15</v>
      </c>
      <c r="X1818">
        <v>16</v>
      </c>
      <c r="Y1818">
        <v>16</v>
      </c>
      <c r="Z1818">
        <v>16</v>
      </c>
      <c r="AA1818">
        <v>17</v>
      </c>
      <c r="AB1818">
        <v>17</v>
      </c>
      <c r="AC1818">
        <v>18</v>
      </c>
      <c r="AD1818">
        <v>18</v>
      </c>
      <c r="AE1818">
        <v>19</v>
      </c>
      <c r="AF1818">
        <v>19</v>
      </c>
      <c r="AG1818">
        <v>20</v>
      </c>
      <c r="AH1818">
        <v>20</v>
      </c>
      <c r="AI1818">
        <v>20</v>
      </c>
      <c r="AJ1818">
        <v>21</v>
      </c>
      <c r="AK1818">
        <v>21</v>
      </c>
      <c r="AL1818">
        <v>22</v>
      </c>
      <c r="AM1818">
        <v>22</v>
      </c>
      <c r="AN1818">
        <v>22</v>
      </c>
      <c r="AO1818">
        <v>23</v>
      </c>
      <c r="AP1818">
        <v>23</v>
      </c>
      <c r="AQ1818">
        <v>23</v>
      </c>
    </row>
    <row r="1819" spans="1:43">
      <c r="A1819" t="s">
        <v>1188</v>
      </c>
      <c r="B1819" t="s">
        <v>1189</v>
      </c>
      <c r="C1819" t="s">
        <v>1190</v>
      </c>
      <c r="D1819" t="s">
        <v>1191</v>
      </c>
      <c r="E1819" t="s">
        <v>1192</v>
      </c>
      <c r="F1819" t="s">
        <v>1193</v>
      </c>
      <c r="G1819" t="s">
        <v>80</v>
      </c>
      <c r="H1819" t="s">
        <v>81</v>
      </c>
      <c r="I1819" s="2">
        <v>1</v>
      </c>
      <c r="J1819" s="2">
        <v>0</v>
      </c>
      <c r="K1819" s="2">
        <v>0</v>
      </c>
      <c r="L1819" t="s">
        <v>120</v>
      </c>
      <c r="M1819" t="s">
        <v>87</v>
      </c>
      <c r="N1819" t="s">
        <v>88</v>
      </c>
      <c r="O1819" t="s">
        <v>85</v>
      </c>
      <c r="P1819" t="s">
        <v>86</v>
      </c>
      <c r="Q1819">
        <v>13</v>
      </c>
      <c r="R1819">
        <v>13</v>
      </c>
      <c r="S1819">
        <v>13</v>
      </c>
      <c r="T1819">
        <v>14</v>
      </c>
      <c r="U1819">
        <v>14</v>
      </c>
      <c r="V1819">
        <v>14</v>
      </c>
      <c r="W1819">
        <v>14</v>
      </c>
      <c r="X1819">
        <v>15</v>
      </c>
      <c r="Y1819">
        <v>15</v>
      </c>
      <c r="Z1819">
        <v>15</v>
      </c>
      <c r="AA1819">
        <v>15</v>
      </c>
      <c r="AB1819">
        <v>16</v>
      </c>
      <c r="AC1819">
        <v>16</v>
      </c>
      <c r="AD1819">
        <v>16</v>
      </c>
      <c r="AE1819">
        <v>16</v>
      </c>
      <c r="AF1819">
        <v>17</v>
      </c>
      <c r="AG1819">
        <v>17</v>
      </c>
      <c r="AH1819">
        <v>17</v>
      </c>
      <c r="AI1819">
        <v>18</v>
      </c>
      <c r="AJ1819">
        <v>18</v>
      </c>
      <c r="AK1819">
        <v>18</v>
      </c>
      <c r="AL1819">
        <v>18</v>
      </c>
      <c r="AM1819">
        <v>19</v>
      </c>
      <c r="AN1819">
        <v>19</v>
      </c>
      <c r="AO1819">
        <v>19</v>
      </c>
      <c r="AP1819">
        <v>20</v>
      </c>
      <c r="AQ1819">
        <v>20</v>
      </c>
    </row>
    <row r="1820" spans="1:43">
      <c r="A1820" t="s">
        <v>1188</v>
      </c>
      <c r="B1820" t="s">
        <v>1189</v>
      </c>
      <c r="C1820" t="s">
        <v>1190</v>
      </c>
      <c r="D1820" t="s">
        <v>1191</v>
      </c>
      <c r="E1820" t="s">
        <v>1192</v>
      </c>
      <c r="F1820" t="s">
        <v>1193</v>
      </c>
      <c r="G1820" t="s">
        <v>80</v>
      </c>
      <c r="H1820" t="s">
        <v>81</v>
      </c>
      <c r="I1820" s="2">
        <v>1</v>
      </c>
      <c r="J1820" s="2">
        <v>0</v>
      </c>
      <c r="K1820" s="2">
        <v>0</v>
      </c>
      <c r="L1820" t="s">
        <v>120</v>
      </c>
      <c r="M1820" t="s">
        <v>89</v>
      </c>
      <c r="N1820" t="s">
        <v>90</v>
      </c>
      <c r="O1820" t="s">
        <v>85</v>
      </c>
      <c r="P1820" t="s">
        <v>86</v>
      </c>
      <c r="Q1820">
        <v>13</v>
      </c>
      <c r="R1820">
        <v>14</v>
      </c>
      <c r="S1820">
        <v>14</v>
      </c>
      <c r="T1820">
        <v>15</v>
      </c>
      <c r="U1820">
        <v>15</v>
      </c>
      <c r="V1820">
        <v>16</v>
      </c>
      <c r="W1820">
        <v>16</v>
      </c>
      <c r="X1820">
        <v>17</v>
      </c>
      <c r="Y1820">
        <v>17</v>
      </c>
      <c r="Z1820">
        <v>18</v>
      </c>
      <c r="AA1820">
        <v>18</v>
      </c>
      <c r="AB1820">
        <v>19</v>
      </c>
      <c r="AC1820">
        <v>19</v>
      </c>
      <c r="AD1820">
        <v>20</v>
      </c>
      <c r="AE1820">
        <v>20</v>
      </c>
      <c r="AF1820">
        <v>20</v>
      </c>
      <c r="AG1820">
        <v>21</v>
      </c>
      <c r="AH1820">
        <v>21</v>
      </c>
      <c r="AI1820">
        <v>21</v>
      </c>
      <c r="AJ1820">
        <v>21</v>
      </c>
      <c r="AK1820">
        <v>22</v>
      </c>
      <c r="AL1820">
        <v>22</v>
      </c>
      <c r="AM1820">
        <v>22</v>
      </c>
      <c r="AN1820">
        <v>23</v>
      </c>
      <c r="AO1820">
        <v>23</v>
      </c>
      <c r="AP1820">
        <v>23</v>
      </c>
      <c r="AQ1820">
        <v>23</v>
      </c>
    </row>
    <row r="1821" spans="1:43">
      <c r="A1821" t="s">
        <v>1188</v>
      </c>
      <c r="B1821" t="s">
        <v>1189</v>
      </c>
      <c r="C1821" t="s">
        <v>1190</v>
      </c>
      <c r="D1821" t="s">
        <v>1191</v>
      </c>
      <c r="E1821" t="s">
        <v>1192</v>
      </c>
      <c r="F1821" t="s">
        <v>1193</v>
      </c>
      <c r="G1821" t="s">
        <v>80</v>
      </c>
      <c r="H1821" t="s">
        <v>81</v>
      </c>
      <c r="I1821" s="2">
        <v>1</v>
      </c>
      <c r="J1821" s="2">
        <v>0</v>
      </c>
      <c r="K1821" s="2">
        <v>0</v>
      </c>
      <c r="L1821" t="s">
        <v>120</v>
      </c>
      <c r="M1821" t="s">
        <v>83</v>
      </c>
      <c r="N1821" t="s">
        <v>91</v>
      </c>
      <c r="O1821" t="s">
        <v>85</v>
      </c>
      <c r="P1821" t="s">
        <v>86</v>
      </c>
      <c r="Q1821">
        <v>13</v>
      </c>
      <c r="R1821">
        <v>13</v>
      </c>
      <c r="S1821">
        <v>14</v>
      </c>
      <c r="T1821">
        <v>14</v>
      </c>
      <c r="U1821">
        <v>15</v>
      </c>
      <c r="V1821">
        <v>15</v>
      </c>
      <c r="W1821">
        <v>15</v>
      </c>
      <c r="X1821">
        <v>16</v>
      </c>
      <c r="Y1821">
        <v>16</v>
      </c>
      <c r="Z1821">
        <v>16</v>
      </c>
      <c r="AA1821">
        <v>17</v>
      </c>
      <c r="AB1821">
        <v>17</v>
      </c>
      <c r="AC1821">
        <v>18</v>
      </c>
      <c r="AD1821">
        <v>18</v>
      </c>
      <c r="AE1821">
        <v>19</v>
      </c>
      <c r="AF1821">
        <v>19</v>
      </c>
      <c r="AG1821">
        <v>20</v>
      </c>
      <c r="AH1821">
        <v>20</v>
      </c>
      <c r="AI1821">
        <v>20</v>
      </c>
      <c r="AJ1821">
        <v>21</v>
      </c>
      <c r="AK1821">
        <v>21</v>
      </c>
      <c r="AL1821">
        <v>22</v>
      </c>
      <c r="AM1821">
        <v>22</v>
      </c>
      <c r="AN1821">
        <v>22</v>
      </c>
      <c r="AO1821">
        <v>23</v>
      </c>
      <c r="AP1821">
        <v>23</v>
      </c>
      <c r="AQ1821">
        <v>23</v>
      </c>
    </row>
    <row r="1822" spans="1:43">
      <c r="A1822" t="s">
        <v>1194</v>
      </c>
      <c r="B1822" t="s">
        <v>1195</v>
      </c>
      <c r="C1822" t="s">
        <v>1196</v>
      </c>
      <c r="D1822" t="s">
        <v>1197</v>
      </c>
      <c r="E1822" t="s">
        <v>1192</v>
      </c>
      <c r="F1822" t="s">
        <v>1193</v>
      </c>
      <c r="G1822" t="s">
        <v>80</v>
      </c>
      <c r="H1822" t="s">
        <v>81</v>
      </c>
      <c r="I1822" s="2">
        <v>0.67</v>
      </c>
      <c r="J1822" s="2">
        <v>0</v>
      </c>
      <c r="K1822" s="2">
        <v>0</v>
      </c>
      <c r="L1822" t="s">
        <v>120</v>
      </c>
      <c r="M1822" t="s">
        <v>83</v>
      </c>
      <c r="N1822" t="s">
        <v>84</v>
      </c>
      <c r="O1822" t="s">
        <v>85</v>
      </c>
      <c r="P1822" t="s">
        <v>86</v>
      </c>
      <c r="Q1822">
        <v>55</v>
      </c>
      <c r="R1822">
        <v>57</v>
      </c>
      <c r="S1822">
        <v>58</v>
      </c>
      <c r="T1822">
        <v>60</v>
      </c>
      <c r="U1822">
        <v>61</v>
      </c>
      <c r="V1822">
        <v>63</v>
      </c>
      <c r="W1822">
        <v>65</v>
      </c>
      <c r="X1822">
        <v>66</v>
      </c>
      <c r="Y1822">
        <v>68</v>
      </c>
      <c r="Z1822">
        <v>70</v>
      </c>
      <c r="AA1822">
        <v>71</v>
      </c>
      <c r="AB1822">
        <v>73</v>
      </c>
      <c r="AC1822">
        <v>75</v>
      </c>
      <c r="AD1822">
        <v>77</v>
      </c>
      <c r="AE1822">
        <v>78</v>
      </c>
      <c r="AF1822">
        <v>80</v>
      </c>
      <c r="AG1822">
        <v>82</v>
      </c>
      <c r="AH1822">
        <v>84</v>
      </c>
      <c r="AI1822">
        <v>86</v>
      </c>
      <c r="AJ1822">
        <v>88</v>
      </c>
      <c r="AK1822">
        <v>90</v>
      </c>
      <c r="AL1822">
        <v>92</v>
      </c>
      <c r="AM1822">
        <v>93</v>
      </c>
      <c r="AN1822">
        <v>94</v>
      </c>
      <c r="AO1822">
        <v>95</v>
      </c>
      <c r="AP1822">
        <v>97</v>
      </c>
      <c r="AQ1822">
        <v>98</v>
      </c>
    </row>
    <row r="1823" spans="1:43">
      <c r="A1823" t="s">
        <v>1194</v>
      </c>
      <c r="B1823" t="s">
        <v>1195</v>
      </c>
      <c r="C1823" t="s">
        <v>1196</v>
      </c>
      <c r="D1823" t="s">
        <v>1197</v>
      </c>
      <c r="E1823" t="s">
        <v>1192</v>
      </c>
      <c r="F1823" t="s">
        <v>1193</v>
      </c>
      <c r="G1823" t="s">
        <v>80</v>
      </c>
      <c r="H1823" t="s">
        <v>81</v>
      </c>
      <c r="I1823" s="2">
        <v>0.67</v>
      </c>
      <c r="J1823" s="2">
        <v>0</v>
      </c>
      <c r="K1823" s="2">
        <v>0</v>
      </c>
      <c r="L1823" t="s">
        <v>120</v>
      </c>
      <c r="M1823" t="s">
        <v>87</v>
      </c>
      <c r="N1823" t="s">
        <v>88</v>
      </c>
      <c r="O1823" t="s">
        <v>85</v>
      </c>
      <c r="P1823" t="s">
        <v>86</v>
      </c>
      <c r="Q1823">
        <v>55</v>
      </c>
      <c r="R1823">
        <v>56</v>
      </c>
      <c r="S1823">
        <v>57</v>
      </c>
      <c r="T1823">
        <v>58</v>
      </c>
      <c r="U1823">
        <v>59</v>
      </c>
      <c r="V1823">
        <v>60</v>
      </c>
      <c r="W1823">
        <v>61</v>
      </c>
      <c r="X1823">
        <v>62</v>
      </c>
      <c r="Y1823">
        <v>63</v>
      </c>
      <c r="Z1823">
        <v>64</v>
      </c>
      <c r="AA1823">
        <v>65</v>
      </c>
      <c r="AB1823">
        <v>66</v>
      </c>
      <c r="AC1823">
        <v>67</v>
      </c>
      <c r="AD1823">
        <v>68</v>
      </c>
      <c r="AE1823">
        <v>69</v>
      </c>
      <c r="AF1823">
        <v>71</v>
      </c>
      <c r="AG1823">
        <v>72</v>
      </c>
      <c r="AH1823">
        <v>73</v>
      </c>
      <c r="AI1823">
        <v>74</v>
      </c>
      <c r="AJ1823">
        <v>76</v>
      </c>
      <c r="AK1823">
        <v>77</v>
      </c>
      <c r="AL1823">
        <v>78</v>
      </c>
      <c r="AM1823">
        <v>79</v>
      </c>
      <c r="AN1823">
        <v>81</v>
      </c>
      <c r="AO1823">
        <v>82</v>
      </c>
      <c r="AP1823">
        <v>83</v>
      </c>
      <c r="AQ1823">
        <v>85</v>
      </c>
    </row>
    <row r="1824" spans="1:43">
      <c r="A1824" t="s">
        <v>1194</v>
      </c>
      <c r="B1824" t="s">
        <v>1195</v>
      </c>
      <c r="C1824" t="s">
        <v>1196</v>
      </c>
      <c r="D1824" t="s">
        <v>1197</v>
      </c>
      <c r="E1824" t="s">
        <v>1192</v>
      </c>
      <c r="F1824" t="s">
        <v>1193</v>
      </c>
      <c r="G1824" t="s">
        <v>80</v>
      </c>
      <c r="H1824" t="s">
        <v>81</v>
      </c>
      <c r="I1824" s="2">
        <v>0.67</v>
      </c>
      <c r="J1824" s="2">
        <v>0</v>
      </c>
      <c r="K1824" s="2">
        <v>0</v>
      </c>
      <c r="L1824" t="s">
        <v>120</v>
      </c>
      <c r="M1824" t="s">
        <v>89</v>
      </c>
      <c r="N1824" t="s">
        <v>90</v>
      </c>
      <c r="O1824" t="s">
        <v>85</v>
      </c>
      <c r="P1824" t="s">
        <v>86</v>
      </c>
      <c r="Q1824">
        <v>55</v>
      </c>
      <c r="R1824">
        <v>57</v>
      </c>
      <c r="S1824">
        <v>59</v>
      </c>
      <c r="T1824">
        <v>61</v>
      </c>
      <c r="U1824">
        <v>63</v>
      </c>
      <c r="V1824">
        <v>65</v>
      </c>
      <c r="W1824">
        <v>67</v>
      </c>
      <c r="X1824">
        <v>69</v>
      </c>
      <c r="Y1824">
        <v>71</v>
      </c>
      <c r="Z1824">
        <v>73</v>
      </c>
      <c r="AA1824">
        <v>75</v>
      </c>
      <c r="AB1824">
        <v>77</v>
      </c>
      <c r="AC1824">
        <v>79</v>
      </c>
      <c r="AD1824">
        <v>81</v>
      </c>
      <c r="AE1824">
        <v>83</v>
      </c>
      <c r="AF1824">
        <v>84</v>
      </c>
      <c r="AG1824">
        <v>86</v>
      </c>
      <c r="AH1824">
        <v>87</v>
      </c>
      <c r="AI1824">
        <v>88</v>
      </c>
      <c r="AJ1824">
        <v>89</v>
      </c>
      <c r="AK1824">
        <v>90</v>
      </c>
      <c r="AL1824">
        <v>92</v>
      </c>
      <c r="AM1824">
        <v>93</v>
      </c>
      <c r="AN1824">
        <v>94</v>
      </c>
      <c r="AO1824">
        <v>95</v>
      </c>
      <c r="AP1824">
        <v>97</v>
      </c>
      <c r="AQ1824">
        <v>98</v>
      </c>
    </row>
    <row r="1825" spans="1:43">
      <c r="A1825" t="s">
        <v>1194</v>
      </c>
      <c r="B1825" t="s">
        <v>1195</v>
      </c>
      <c r="C1825" t="s">
        <v>1196</v>
      </c>
      <c r="D1825" t="s">
        <v>1197</v>
      </c>
      <c r="E1825" t="s">
        <v>1192</v>
      </c>
      <c r="F1825" t="s">
        <v>1193</v>
      </c>
      <c r="G1825" t="s">
        <v>80</v>
      </c>
      <c r="H1825" t="s">
        <v>81</v>
      </c>
      <c r="I1825" s="2">
        <v>0.67</v>
      </c>
      <c r="J1825" s="2">
        <v>0</v>
      </c>
      <c r="K1825" s="2">
        <v>0</v>
      </c>
      <c r="L1825" t="s">
        <v>120</v>
      </c>
      <c r="M1825" t="s">
        <v>83</v>
      </c>
      <c r="N1825" t="s">
        <v>91</v>
      </c>
      <c r="O1825" t="s">
        <v>85</v>
      </c>
      <c r="P1825" t="s">
        <v>86</v>
      </c>
      <c r="Q1825">
        <v>55</v>
      </c>
      <c r="R1825">
        <v>57</v>
      </c>
      <c r="S1825">
        <v>58</v>
      </c>
      <c r="T1825">
        <v>60</v>
      </c>
      <c r="U1825">
        <v>61</v>
      </c>
      <c r="V1825">
        <v>63</v>
      </c>
      <c r="W1825">
        <v>65</v>
      </c>
      <c r="X1825">
        <v>66</v>
      </c>
      <c r="Y1825">
        <v>68</v>
      </c>
      <c r="Z1825">
        <v>70</v>
      </c>
      <c r="AA1825">
        <v>71</v>
      </c>
      <c r="AB1825">
        <v>73</v>
      </c>
      <c r="AC1825">
        <v>75</v>
      </c>
      <c r="AD1825">
        <v>77</v>
      </c>
      <c r="AE1825">
        <v>78</v>
      </c>
      <c r="AF1825">
        <v>80</v>
      </c>
      <c r="AG1825">
        <v>82</v>
      </c>
      <c r="AH1825">
        <v>84</v>
      </c>
      <c r="AI1825">
        <v>86</v>
      </c>
      <c r="AJ1825">
        <v>88</v>
      </c>
      <c r="AK1825">
        <v>90</v>
      </c>
      <c r="AL1825">
        <v>92</v>
      </c>
      <c r="AM1825">
        <v>93</v>
      </c>
      <c r="AN1825">
        <v>94</v>
      </c>
      <c r="AO1825">
        <v>95</v>
      </c>
      <c r="AP1825">
        <v>97</v>
      </c>
      <c r="AQ1825">
        <v>98</v>
      </c>
    </row>
    <row r="1826" spans="1:43">
      <c r="A1826" t="s">
        <v>1198</v>
      </c>
      <c r="B1826" t="s">
        <v>1199</v>
      </c>
      <c r="C1826" t="s">
        <v>1196</v>
      </c>
      <c r="D1826" t="s">
        <v>1197</v>
      </c>
      <c r="E1826" t="s">
        <v>1192</v>
      </c>
      <c r="F1826" t="s">
        <v>1193</v>
      </c>
      <c r="G1826" t="s">
        <v>80</v>
      </c>
      <c r="H1826" t="s">
        <v>81</v>
      </c>
      <c r="I1826" s="2">
        <v>1</v>
      </c>
      <c r="J1826" s="2">
        <v>0</v>
      </c>
      <c r="K1826" s="2">
        <v>0</v>
      </c>
      <c r="L1826" t="s">
        <v>120</v>
      </c>
      <c r="M1826" t="s">
        <v>83</v>
      </c>
      <c r="N1826" t="s">
        <v>84</v>
      </c>
      <c r="O1826" t="s">
        <v>85</v>
      </c>
      <c r="P1826" t="s">
        <v>86</v>
      </c>
      <c r="Q1826">
        <v>78</v>
      </c>
      <c r="R1826">
        <v>80</v>
      </c>
      <c r="S1826">
        <v>82</v>
      </c>
      <c r="T1826">
        <v>84</v>
      </c>
      <c r="U1826">
        <v>87</v>
      </c>
      <c r="V1826">
        <v>89</v>
      </c>
      <c r="W1826">
        <v>91</v>
      </c>
      <c r="X1826">
        <v>93</v>
      </c>
      <c r="Y1826">
        <v>96</v>
      </c>
      <c r="Z1826">
        <v>98</v>
      </c>
      <c r="AA1826">
        <v>101</v>
      </c>
      <c r="AB1826">
        <v>103</v>
      </c>
      <c r="AC1826">
        <v>105</v>
      </c>
      <c r="AD1826">
        <v>108</v>
      </c>
      <c r="AE1826">
        <v>111</v>
      </c>
      <c r="AF1826">
        <v>113</v>
      </c>
      <c r="AG1826">
        <v>116</v>
      </c>
      <c r="AH1826">
        <v>118</v>
      </c>
      <c r="AI1826">
        <v>121</v>
      </c>
      <c r="AJ1826">
        <v>124</v>
      </c>
      <c r="AK1826">
        <v>127</v>
      </c>
      <c r="AL1826">
        <v>129</v>
      </c>
      <c r="AM1826">
        <v>131</v>
      </c>
      <c r="AN1826">
        <v>132</v>
      </c>
      <c r="AO1826">
        <v>134</v>
      </c>
      <c r="AP1826">
        <v>136</v>
      </c>
      <c r="AQ1826">
        <v>138</v>
      </c>
    </row>
    <row r="1827" spans="1:43">
      <c r="A1827" t="s">
        <v>1198</v>
      </c>
      <c r="B1827" t="s">
        <v>1199</v>
      </c>
      <c r="C1827" t="s">
        <v>1196</v>
      </c>
      <c r="D1827" t="s">
        <v>1197</v>
      </c>
      <c r="E1827" t="s">
        <v>1192</v>
      </c>
      <c r="F1827" t="s">
        <v>1193</v>
      </c>
      <c r="G1827" t="s">
        <v>80</v>
      </c>
      <c r="H1827" t="s">
        <v>81</v>
      </c>
      <c r="I1827" s="2">
        <v>1</v>
      </c>
      <c r="J1827" s="2">
        <v>0</v>
      </c>
      <c r="K1827" s="2">
        <v>0</v>
      </c>
      <c r="L1827" t="s">
        <v>120</v>
      </c>
      <c r="M1827" t="s">
        <v>87</v>
      </c>
      <c r="N1827" t="s">
        <v>88</v>
      </c>
      <c r="O1827" t="s">
        <v>85</v>
      </c>
      <c r="P1827" t="s">
        <v>86</v>
      </c>
      <c r="Q1827">
        <v>78</v>
      </c>
      <c r="R1827">
        <v>79</v>
      </c>
      <c r="S1827">
        <v>81</v>
      </c>
      <c r="T1827">
        <v>82</v>
      </c>
      <c r="U1827">
        <v>84</v>
      </c>
      <c r="V1827">
        <v>85</v>
      </c>
      <c r="W1827">
        <v>87</v>
      </c>
      <c r="X1827">
        <v>88</v>
      </c>
      <c r="Y1827">
        <v>90</v>
      </c>
      <c r="Z1827">
        <v>91</v>
      </c>
      <c r="AA1827">
        <v>93</v>
      </c>
      <c r="AB1827">
        <v>94</v>
      </c>
      <c r="AC1827">
        <v>96</v>
      </c>
      <c r="AD1827">
        <v>97</v>
      </c>
      <c r="AE1827">
        <v>99</v>
      </c>
      <c r="AF1827">
        <v>101</v>
      </c>
      <c r="AG1827">
        <v>102</v>
      </c>
      <c r="AH1827">
        <v>104</v>
      </c>
      <c r="AI1827">
        <v>106</v>
      </c>
      <c r="AJ1827">
        <v>107</v>
      </c>
      <c r="AK1827">
        <v>109</v>
      </c>
      <c r="AL1827">
        <v>111</v>
      </c>
      <c r="AM1827">
        <v>113</v>
      </c>
      <c r="AN1827">
        <v>115</v>
      </c>
      <c r="AO1827">
        <v>116</v>
      </c>
      <c r="AP1827">
        <v>118</v>
      </c>
      <c r="AQ1827">
        <v>120</v>
      </c>
    </row>
    <row r="1828" spans="1:43">
      <c r="A1828" t="s">
        <v>1198</v>
      </c>
      <c r="B1828" t="s">
        <v>1199</v>
      </c>
      <c r="C1828" t="s">
        <v>1196</v>
      </c>
      <c r="D1828" t="s">
        <v>1197</v>
      </c>
      <c r="E1828" t="s">
        <v>1192</v>
      </c>
      <c r="F1828" t="s">
        <v>1193</v>
      </c>
      <c r="G1828" t="s">
        <v>80</v>
      </c>
      <c r="H1828" t="s">
        <v>81</v>
      </c>
      <c r="I1828" s="2">
        <v>1</v>
      </c>
      <c r="J1828" s="2">
        <v>0</v>
      </c>
      <c r="K1828" s="2">
        <v>0</v>
      </c>
      <c r="L1828" t="s">
        <v>120</v>
      </c>
      <c r="M1828" t="s">
        <v>89</v>
      </c>
      <c r="N1828" t="s">
        <v>90</v>
      </c>
      <c r="O1828" t="s">
        <v>85</v>
      </c>
      <c r="P1828" t="s">
        <v>86</v>
      </c>
      <c r="Q1828">
        <v>78</v>
      </c>
      <c r="R1828">
        <v>80</v>
      </c>
      <c r="S1828">
        <v>83</v>
      </c>
      <c r="T1828">
        <v>86</v>
      </c>
      <c r="U1828">
        <v>89</v>
      </c>
      <c r="V1828">
        <v>92</v>
      </c>
      <c r="W1828">
        <v>95</v>
      </c>
      <c r="X1828">
        <v>97</v>
      </c>
      <c r="Y1828">
        <v>100</v>
      </c>
      <c r="Z1828">
        <v>103</v>
      </c>
      <c r="AA1828">
        <v>106</v>
      </c>
      <c r="AB1828">
        <v>109</v>
      </c>
      <c r="AC1828">
        <v>112</v>
      </c>
      <c r="AD1828">
        <v>115</v>
      </c>
      <c r="AE1828">
        <v>117</v>
      </c>
      <c r="AF1828">
        <v>119</v>
      </c>
      <c r="AG1828">
        <v>121</v>
      </c>
      <c r="AH1828">
        <v>123</v>
      </c>
      <c r="AI1828">
        <v>124</v>
      </c>
      <c r="AJ1828">
        <v>126</v>
      </c>
      <c r="AK1828">
        <v>128</v>
      </c>
      <c r="AL1828">
        <v>130</v>
      </c>
      <c r="AM1828">
        <v>132</v>
      </c>
      <c r="AN1828">
        <v>133</v>
      </c>
      <c r="AO1828">
        <v>135</v>
      </c>
      <c r="AP1828">
        <v>137</v>
      </c>
      <c r="AQ1828">
        <v>139</v>
      </c>
    </row>
    <row r="1829" spans="1:43">
      <c r="A1829" t="s">
        <v>1198</v>
      </c>
      <c r="B1829" t="s">
        <v>1199</v>
      </c>
      <c r="C1829" t="s">
        <v>1196</v>
      </c>
      <c r="D1829" t="s">
        <v>1197</v>
      </c>
      <c r="E1829" t="s">
        <v>1192</v>
      </c>
      <c r="F1829" t="s">
        <v>1193</v>
      </c>
      <c r="G1829" t="s">
        <v>80</v>
      </c>
      <c r="H1829" t="s">
        <v>81</v>
      </c>
      <c r="I1829" s="2">
        <v>1</v>
      </c>
      <c r="J1829" s="2">
        <v>0</v>
      </c>
      <c r="K1829" s="2">
        <v>0</v>
      </c>
      <c r="L1829" t="s">
        <v>120</v>
      </c>
      <c r="M1829" t="s">
        <v>83</v>
      </c>
      <c r="N1829" t="s">
        <v>91</v>
      </c>
      <c r="O1829" t="s">
        <v>85</v>
      </c>
      <c r="P1829" t="s">
        <v>86</v>
      </c>
      <c r="Q1829">
        <v>78</v>
      </c>
      <c r="R1829">
        <v>80</v>
      </c>
      <c r="S1829">
        <v>82</v>
      </c>
      <c r="T1829">
        <v>84</v>
      </c>
      <c r="U1829">
        <v>87</v>
      </c>
      <c r="V1829">
        <v>89</v>
      </c>
      <c r="W1829">
        <v>91</v>
      </c>
      <c r="X1829">
        <v>93</v>
      </c>
      <c r="Y1829">
        <v>96</v>
      </c>
      <c r="Z1829">
        <v>98</v>
      </c>
      <c r="AA1829">
        <v>101</v>
      </c>
      <c r="AB1829">
        <v>103</v>
      </c>
      <c r="AC1829">
        <v>105</v>
      </c>
      <c r="AD1829">
        <v>108</v>
      </c>
      <c r="AE1829">
        <v>111</v>
      </c>
      <c r="AF1829">
        <v>113</v>
      </c>
      <c r="AG1829">
        <v>116</v>
      </c>
      <c r="AH1829">
        <v>118</v>
      </c>
      <c r="AI1829">
        <v>121</v>
      </c>
      <c r="AJ1829">
        <v>124</v>
      </c>
      <c r="AK1829">
        <v>127</v>
      </c>
      <c r="AL1829">
        <v>129</v>
      </c>
      <c r="AM1829">
        <v>131</v>
      </c>
      <c r="AN1829">
        <v>132</v>
      </c>
      <c r="AO1829">
        <v>134</v>
      </c>
      <c r="AP1829">
        <v>136</v>
      </c>
      <c r="AQ1829">
        <v>138</v>
      </c>
    </row>
    <row r="1830" spans="1:43">
      <c r="A1830" t="s">
        <v>1200</v>
      </c>
      <c r="B1830" t="s">
        <v>1201</v>
      </c>
      <c r="C1830" t="s">
        <v>1190</v>
      </c>
      <c r="D1830" t="s">
        <v>1191</v>
      </c>
      <c r="E1830" t="s">
        <v>1192</v>
      </c>
      <c r="F1830" t="s">
        <v>1193</v>
      </c>
      <c r="G1830" t="s">
        <v>80</v>
      </c>
      <c r="H1830" t="s">
        <v>81</v>
      </c>
      <c r="I1830" s="2">
        <v>1</v>
      </c>
      <c r="J1830" s="2">
        <v>0</v>
      </c>
      <c r="K1830" s="2">
        <v>0</v>
      </c>
      <c r="L1830" t="s">
        <v>120</v>
      </c>
      <c r="M1830" t="s">
        <v>83</v>
      </c>
      <c r="N1830" t="s">
        <v>84</v>
      </c>
      <c r="O1830" t="s">
        <v>85</v>
      </c>
      <c r="P1830" t="s">
        <v>86</v>
      </c>
      <c r="Q1830">
        <v>8</v>
      </c>
      <c r="R1830">
        <v>9</v>
      </c>
      <c r="S1830">
        <v>9</v>
      </c>
      <c r="T1830">
        <v>9</v>
      </c>
      <c r="U1830">
        <v>9</v>
      </c>
      <c r="V1830">
        <v>9</v>
      </c>
      <c r="W1830">
        <v>10</v>
      </c>
      <c r="X1830">
        <v>10</v>
      </c>
      <c r="Y1830">
        <v>10</v>
      </c>
      <c r="Z1830">
        <v>10</v>
      </c>
      <c r="AA1830">
        <v>11</v>
      </c>
      <c r="AB1830">
        <v>11</v>
      </c>
      <c r="AC1830">
        <v>11</v>
      </c>
      <c r="AD1830">
        <v>11</v>
      </c>
      <c r="AE1830">
        <v>12</v>
      </c>
      <c r="AF1830">
        <v>12</v>
      </c>
      <c r="AG1830">
        <v>12</v>
      </c>
      <c r="AH1830">
        <v>13</v>
      </c>
      <c r="AI1830">
        <v>13</v>
      </c>
      <c r="AJ1830">
        <v>13</v>
      </c>
      <c r="AK1830">
        <v>13</v>
      </c>
      <c r="AL1830">
        <v>14</v>
      </c>
      <c r="AM1830">
        <v>14</v>
      </c>
      <c r="AN1830">
        <v>14</v>
      </c>
      <c r="AO1830">
        <v>14</v>
      </c>
      <c r="AP1830">
        <v>14</v>
      </c>
      <c r="AQ1830">
        <v>15</v>
      </c>
    </row>
    <row r="1831" spans="1:43">
      <c r="A1831" t="s">
        <v>1200</v>
      </c>
      <c r="B1831" t="s">
        <v>1201</v>
      </c>
      <c r="C1831" t="s">
        <v>1190</v>
      </c>
      <c r="D1831" t="s">
        <v>1191</v>
      </c>
      <c r="E1831" t="s">
        <v>1192</v>
      </c>
      <c r="F1831" t="s">
        <v>1193</v>
      </c>
      <c r="G1831" t="s">
        <v>80</v>
      </c>
      <c r="H1831" t="s">
        <v>81</v>
      </c>
      <c r="I1831" s="2">
        <v>1</v>
      </c>
      <c r="J1831" s="2">
        <v>0</v>
      </c>
      <c r="K1831" s="2">
        <v>0</v>
      </c>
      <c r="L1831" t="s">
        <v>120</v>
      </c>
      <c r="M1831" t="s">
        <v>87</v>
      </c>
      <c r="N1831" t="s">
        <v>88</v>
      </c>
      <c r="O1831" t="s">
        <v>85</v>
      </c>
      <c r="P1831" t="s">
        <v>86</v>
      </c>
      <c r="Q1831">
        <v>8</v>
      </c>
      <c r="R1831">
        <v>8</v>
      </c>
      <c r="S1831">
        <v>9</v>
      </c>
      <c r="T1831">
        <v>9</v>
      </c>
      <c r="U1831">
        <v>9</v>
      </c>
      <c r="V1831">
        <v>9</v>
      </c>
      <c r="W1831">
        <v>9</v>
      </c>
      <c r="X1831">
        <v>9</v>
      </c>
      <c r="Y1831">
        <v>9</v>
      </c>
      <c r="Z1831">
        <v>10</v>
      </c>
      <c r="AA1831">
        <v>10</v>
      </c>
      <c r="AB1831">
        <v>10</v>
      </c>
      <c r="AC1831">
        <v>10</v>
      </c>
      <c r="AD1831">
        <v>10</v>
      </c>
      <c r="AE1831">
        <v>10</v>
      </c>
      <c r="AF1831">
        <v>11</v>
      </c>
      <c r="AG1831">
        <v>11</v>
      </c>
      <c r="AH1831">
        <v>11</v>
      </c>
      <c r="AI1831">
        <v>11</v>
      </c>
      <c r="AJ1831">
        <v>11</v>
      </c>
      <c r="AK1831">
        <v>12</v>
      </c>
      <c r="AL1831">
        <v>12</v>
      </c>
      <c r="AM1831">
        <v>12</v>
      </c>
      <c r="AN1831">
        <v>12</v>
      </c>
      <c r="AO1831">
        <v>12</v>
      </c>
      <c r="AP1831">
        <v>12</v>
      </c>
      <c r="AQ1831">
        <v>13</v>
      </c>
    </row>
    <row r="1832" spans="1:43">
      <c r="A1832" t="s">
        <v>1200</v>
      </c>
      <c r="B1832" t="s">
        <v>1201</v>
      </c>
      <c r="C1832" t="s">
        <v>1190</v>
      </c>
      <c r="D1832" t="s">
        <v>1191</v>
      </c>
      <c r="E1832" t="s">
        <v>1192</v>
      </c>
      <c r="F1832" t="s">
        <v>1193</v>
      </c>
      <c r="G1832" t="s">
        <v>80</v>
      </c>
      <c r="H1832" t="s">
        <v>81</v>
      </c>
      <c r="I1832" s="2">
        <v>1</v>
      </c>
      <c r="J1832" s="2">
        <v>0</v>
      </c>
      <c r="K1832" s="2">
        <v>0</v>
      </c>
      <c r="L1832" t="s">
        <v>120</v>
      </c>
      <c r="M1832" t="s">
        <v>89</v>
      </c>
      <c r="N1832" t="s">
        <v>90</v>
      </c>
      <c r="O1832" t="s">
        <v>85</v>
      </c>
      <c r="P1832" t="s">
        <v>86</v>
      </c>
      <c r="Q1832">
        <v>8</v>
      </c>
      <c r="R1832">
        <v>9</v>
      </c>
      <c r="S1832">
        <v>9</v>
      </c>
      <c r="T1832">
        <v>9</v>
      </c>
      <c r="U1832">
        <v>10</v>
      </c>
      <c r="V1832">
        <v>10</v>
      </c>
      <c r="W1832">
        <v>10</v>
      </c>
      <c r="X1832">
        <v>10</v>
      </c>
      <c r="Y1832">
        <v>11</v>
      </c>
      <c r="Z1832">
        <v>11</v>
      </c>
      <c r="AA1832">
        <v>11</v>
      </c>
      <c r="AB1832">
        <v>12</v>
      </c>
      <c r="AC1832">
        <v>12</v>
      </c>
      <c r="AD1832">
        <v>12</v>
      </c>
      <c r="AE1832">
        <v>13</v>
      </c>
      <c r="AF1832">
        <v>13</v>
      </c>
      <c r="AG1832">
        <v>13</v>
      </c>
      <c r="AH1832">
        <v>13</v>
      </c>
      <c r="AI1832">
        <v>13</v>
      </c>
      <c r="AJ1832">
        <v>14</v>
      </c>
      <c r="AK1832">
        <v>14</v>
      </c>
      <c r="AL1832">
        <v>14</v>
      </c>
      <c r="AM1832">
        <v>14</v>
      </c>
      <c r="AN1832">
        <v>14</v>
      </c>
      <c r="AO1832">
        <v>14</v>
      </c>
      <c r="AP1832">
        <v>15</v>
      </c>
      <c r="AQ1832">
        <v>15</v>
      </c>
    </row>
    <row r="1833" spans="1:43">
      <c r="A1833" t="s">
        <v>1200</v>
      </c>
      <c r="B1833" t="s">
        <v>1201</v>
      </c>
      <c r="C1833" t="s">
        <v>1190</v>
      </c>
      <c r="D1833" t="s">
        <v>1191</v>
      </c>
      <c r="E1833" t="s">
        <v>1192</v>
      </c>
      <c r="F1833" t="s">
        <v>1193</v>
      </c>
      <c r="G1833" t="s">
        <v>80</v>
      </c>
      <c r="H1833" t="s">
        <v>81</v>
      </c>
      <c r="I1833" s="2">
        <v>1</v>
      </c>
      <c r="J1833" s="2">
        <v>0</v>
      </c>
      <c r="K1833" s="2">
        <v>0</v>
      </c>
      <c r="L1833" t="s">
        <v>120</v>
      </c>
      <c r="M1833" t="s">
        <v>83</v>
      </c>
      <c r="N1833" t="s">
        <v>91</v>
      </c>
      <c r="O1833" t="s">
        <v>85</v>
      </c>
      <c r="P1833" t="s">
        <v>86</v>
      </c>
      <c r="Q1833">
        <v>8</v>
      </c>
      <c r="R1833">
        <v>9</v>
      </c>
      <c r="S1833">
        <v>9</v>
      </c>
      <c r="T1833">
        <v>9</v>
      </c>
      <c r="U1833">
        <v>9</v>
      </c>
      <c r="V1833">
        <v>9</v>
      </c>
      <c r="W1833">
        <v>10</v>
      </c>
      <c r="X1833">
        <v>10</v>
      </c>
      <c r="Y1833">
        <v>10</v>
      </c>
      <c r="Z1833">
        <v>10</v>
      </c>
      <c r="AA1833">
        <v>11</v>
      </c>
      <c r="AB1833">
        <v>11</v>
      </c>
      <c r="AC1833">
        <v>11</v>
      </c>
      <c r="AD1833">
        <v>11</v>
      </c>
      <c r="AE1833">
        <v>12</v>
      </c>
      <c r="AF1833">
        <v>12</v>
      </c>
      <c r="AG1833">
        <v>12</v>
      </c>
      <c r="AH1833">
        <v>13</v>
      </c>
      <c r="AI1833">
        <v>13</v>
      </c>
      <c r="AJ1833">
        <v>13</v>
      </c>
      <c r="AK1833">
        <v>13</v>
      </c>
      <c r="AL1833">
        <v>14</v>
      </c>
      <c r="AM1833">
        <v>14</v>
      </c>
      <c r="AN1833">
        <v>14</v>
      </c>
      <c r="AO1833">
        <v>14</v>
      </c>
      <c r="AP1833">
        <v>14</v>
      </c>
      <c r="AQ1833">
        <v>15</v>
      </c>
    </row>
    <row r="1834" spans="1:43">
      <c r="A1834" t="s">
        <v>1202</v>
      </c>
      <c r="B1834" t="s">
        <v>1203</v>
      </c>
      <c r="C1834" t="s">
        <v>1196</v>
      </c>
      <c r="D1834" t="s">
        <v>1197</v>
      </c>
      <c r="E1834" t="s">
        <v>1192</v>
      </c>
      <c r="F1834" t="s">
        <v>1193</v>
      </c>
      <c r="G1834" t="s">
        <v>80</v>
      </c>
      <c r="H1834" t="s">
        <v>81</v>
      </c>
      <c r="I1834" s="2">
        <v>0.9</v>
      </c>
      <c r="J1834" s="2">
        <v>0</v>
      </c>
      <c r="K1834" s="2">
        <v>0</v>
      </c>
      <c r="L1834" t="s">
        <v>120</v>
      </c>
      <c r="M1834" t="s">
        <v>83</v>
      </c>
      <c r="N1834" t="s">
        <v>84</v>
      </c>
      <c r="O1834" t="s">
        <v>85</v>
      </c>
      <c r="P1834" t="s">
        <v>86</v>
      </c>
      <c r="Q1834">
        <v>31</v>
      </c>
      <c r="R1834">
        <v>32</v>
      </c>
      <c r="S1834">
        <v>33</v>
      </c>
      <c r="T1834">
        <v>34</v>
      </c>
      <c r="U1834">
        <v>35</v>
      </c>
      <c r="V1834">
        <v>35</v>
      </c>
      <c r="W1834">
        <v>36</v>
      </c>
      <c r="X1834">
        <v>37</v>
      </c>
      <c r="Y1834">
        <v>38</v>
      </c>
      <c r="Z1834">
        <v>39</v>
      </c>
      <c r="AA1834">
        <v>40</v>
      </c>
      <c r="AB1834">
        <v>41</v>
      </c>
      <c r="AC1834">
        <v>42</v>
      </c>
      <c r="AD1834">
        <v>43</v>
      </c>
      <c r="AE1834">
        <v>44</v>
      </c>
      <c r="AF1834">
        <v>45</v>
      </c>
      <c r="AG1834">
        <v>46</v>
      </c>
      <c r="AH1834">
        <v>48</v>
      </c>
      <c r="AI1834">
        <v>49</v>
      </c>
      <c r="AJ1834">
        <v>50</v>
      </c>
      <c r="AK1834">
        <v>51</v>
      </c>
      <c r="AL1834">
        <v>52</v>
      </c>
      <c r="AM1834">
        <v>52</v>
      </c>
      <c r="AN1834">
        <v>53</v>
      </c>
      <c r="AO1834">
        <v>54</v>
      </c>
      <c r="AP1834">
        <v>55</v>
      </c>
      <c r="AQ1834">
        <v>55</v>
      </c>
    </row>
    <row r="1835" spans="1:43">
      <c r="A1835" t="s">
        <v>1202</v>
      </c>
      <c r="B1835" t="s">
        <v>1203</v>
      </c>
      <c r="C1835" t="s">
        <v>1196</v>
      </c>
      <c r="D1835" t="s">
        <v>1197</v>
      </c>
      <c r="E1835" t="s">
        <v>1192</v>
      </c>
      <c r="F1835" t="s">
        <v>1193</v>
      </c>
      <c r="G1835" t="s">
        <v>80</v>
      </c>
      <c r="H1835" t="s">
        <v>81</v>
      </c>
      <c r="I1835" s="2">
        <v>0.9</v>
      </c>
      <c r="J1835" s="2">
        <v>0</v>
      </c>
      <c r="K1835" s="2">
        <v>0</v>
      </c>
      <c r="L1835" t="s">
        <v>120</v>
      </c>
      <c r="M1835" t="s">
        <v>87</v>
      </c>
      <c r="N1835" t="s">
        <v>88</v>
      </c>
      <c r="O1835" t="s">
        <v>85</v>
      </c>
      <c r="P1835" t="s">
        <v>86</v>
      </c>
      <c r="Q1835">
        <v>31</v>
      </c>
      <c r="R1835">
        <v>31</v>
      </c>
      <c r="S1835">
        <v>32</v>
      </c>
      <c r="T1835">
        <v>32</v>
      </c>
      <c r="U1835">
        <v>33</v>
      </c>
      <c r="V1835">
        <v>34</v>
      </c>
      <c r="W1835">
        <v>34</v>
      </c>
      <c r="X1835">
        <v>35</v>
      </c>
      <c r="Y1835">
        <v>35</v>
      </c>
      <c r="Z1835">
        <v>36</v>
      </c>
      <c r="AA1835">
        <v>37</v>
      </c>
      <c r="AB1835">
        <v>37</v>
      </c>
      <c r="AC1835">
        <v>38</v>
      </c>
      <c r="AD1835">
        <v>39</v>
      </c>
      <c r="AE1835">
        <v>39</v>
      </c>
      <c r="AF1835">
        <v>40</v>
      </c>
      <c r="AG1835">
        <v>40</v>
      </c>
      <c r="AH1835">
        <v>41</v>
      </c>
      <c r="AI1835">
        <v>42</v>
      </c>
      <c r="AJ1835">
        <v>43</v>
      </c>
      <c r="AK1835">
        <v>43</v>
      </c>
      <c r="AL1835">
        <v>44</v>
      </c>
      <c r="AM1835">
        <v>45</v>
      </c>
      <c r="AN1835">
        <v>45</v>
      </c>
      <c r="AO1835">
        <v>46</v>
      </c>
      <c r="AP1835">
        <v>47</v>
      </c>
      <c r="AQ1835">
        <v>48</v>
      </c>
    </row>
    <row r="1836" spans="1:43">
      <c r="A1836" t="s">
        <v>1202</v>
      </c>
      <c r="B1836" t="s">
        <v>1203</v>
      </c>
      <c r="C1836" t="s">
        <v>1196</v>
      </c>
      <c r="D1836" t="s">
        <v>1197</v>
      </c>
      <c r="E1836" t="s">
        <v>1192</v>
      </c>
      <c r="F1836" t="s">
        <v>1193</v>
      </c>
      <c r="G1836" t="s">
        <v>80</v>
      </c>
      <c r="H1836" t="s">
        <v>81</v>
      </c>
      <c r="I1836" s="2">
        <v>0.9</v>
      </c>
      <c r="J1836" s="2">
        <v>0</v>
      </c>
      <c r="K1836" s="2">
        <v>0</v>
      </c>
      <c r="L1836" t="s">
        <v>120</v>
      </c>
      <c r="M1836" t="s">
        <v>89</v>
      </c>
      <c r="N1836" t="s">
        <v>90</v>
      </c>
      <c r="O1836" t="s">
        <v>85</v>
      </c>
      <c r="P1836" t="s">
        <v>86</v>
      </c>
      <c r="Q1836">
        <v>31</v>
      </c>
      <c r="R1836">
        <v>32</v>
      </c>
      <c r="S1836">
        <v>34</v>
      </c>
      <c r="T1836">
        <v>35</v>
      </c>
      <c r="U1836">
        <v>36</v>
      </c>
      <c r="V1836">
        <v>37</v>
      </c>
      <c r="W1836">
        <v>38</v>
      </c>
      <c r="X1836">
        <v>39</v>
      </c>
      <c r="Y1836">
        <v>41</v>
      </c>
      <c r="Z1836">
        <v>42</v>
      </c>
      <c r="AA1836">
        <v>43</v>
      </c>
      <c r="AB1836">
        <v>44</v>
      </c>
      <c r="AC1836">
        <v>45</v>
      </c>
      <c r="AD1836">
        <v>47</v>
      </c>
      <c r="AE1836">
        <v>48</v>
      </c>
      <c r="AF1836">
        <v>48</v>
      </c>
      <c r="AG1836">
        <v>49</v>
      </c>
      <c r="AH1836">
        <v>50</v>
      </c>
      <c r="AI1836">
        <v>50</v>
      </c>
      <c r="AJ1836">
        <v>51</v>
      </c>
      <c r="AK1836">
        <v>52</v>
      </c>
      <c r="AL1836">
        <v>52</v>
      </c>
      <c r="AM1836">
        <v>53</v>
      </c>
      <c r="AN1836">
        <v>54</v>
      </c>
      <c r="AO1836">
        <v>54</v>
      </c>
      <c r="AP1836">
        <v>55</v>
      </c>
      <c r="AQ1836">
        <v>56</v>
      </c>
    </row>
    <row r="1837" spans="1:43">
      <c r="A1837" t="s">
        <v>1202</v>
      </c>
      <c r="B1837" t="s">
        <v>1203</v>
      </c>
      <c r="C1837" t="s">
        <v>1196</v>
      </c>
      <c r="D1837" t="s">
        <v>1197</v>
      </c>
      <c r="E1837" t="s">
        <v>1192</v>
      </c>
      <c r="F1837" t="s">
        <v>1193</v>
      </c>
      <c r="G1837" t="s">
        <v>80</v>
      </c>
      <c r="H1837" t="s">
        <v>81</v>
      </c>
      <c r="I1837" s="2">
        <v>0.9</v>
      </c>
      <c r="J1837" s="2">
        <v>0</v>
      </c>
      <c r="K1837" s="2">
        <v>0</v>
      </c>
      <c r="L1837" t="s">
        <v>120</v>
      </c>
      <c r="M1837" t="s">
        <v>83</v>
      </c>
      <c r="N1837" t="s">
        <v>91</v>
      </c>
      <c r="O1837" t="s">
        <v>85</v>
      </c>
      <c r="P1837" t="s">
        <v>86</v>
      </c>
      <c r="Q1837">
        <v>31</v>
      </c>
      <c r="R1837">
        <v>32</v>
      </c>
      <c r="S1837">
        <v>33</v>
      </c>
      <c r="T1837">
        <v>34</v>
      </c>
      <c r="U1837">
        <v>35</v>
      </c>
      <c r="V1837">
        <v>35</v>
      </c>
      <c r="W1837">
        <v>36</v>
      </c>
      <c r="X1837">
        <v>37</v>
      </c>
      <c r="Y1837">
        <v>38</v>
      </c>
      <c r="Z1837">
        <v>39</v>
      </c>
      <c r="AA1837">
        <v>40</v>
      </c>
      <c r="AB1837">
        <v>41</v>
      </c>
      <c r="AC1837">
        <v>42</v>
      </c>
      <c r="AD1837">
        <v>43</v>
      </c>
      <c r="AE1837">
        <v>44</v>
      </c>
      <c r="AF1837">
        <v>45</v>
      </c>
      <c r="AG1837">
        <v>46</v>
      </c>
      <c r="AH1837">
        <v>48</v>
      </c>
      <c r="AI1837">
        <v>49</v>
      </c>
      <c r="AJ1837">
        <v>50</v>
      </c>
      <c r="AK1837">
        <v>51</v>
      </c>
      <c r="AL1837">
        <v>52</v>
      </c>
      <c r="AM1837">
        <v>52</v>
      </c>
      <c r="AN1837">
        <v>53</v>
      </c>
      <c r="AO1837">
        <v>54</v>
      </c>
      <c r="AP1837">
        <v>55</v>
      </c>
      <c r="AQ1837">
        <v>55</v>
      </c>
    </row>
    <row r="1838" spans="1:43">
      <c r="A1838" t="s">
        <v>1204</v>
      </c>
      <c r="B1838" t="s">
        <v>1205</v>
      </c>
      <c r="C1838" t="s">
        <v>1190</v>
      </c>
      <c r="D1838" t="s">
        <v>1191</v>
      </c>
      <c r="E1838" t="s">
        <v>1192</v>
      </c>
      <c r="F1838" t="s">
        <v>1193</v>
      </c>
      <c r="G1838" t="s">
        <v>80</v>
      </c>
      <c r="H1838" t="s">
        <v>81</v>
      </c>
      <c r="I1838" s="2">
        <v>1</v>
      </c>
      <c r="J1838" s="2">
        <v>0</v>
      </c>
      <c r="K1838" s="2">
        <v>0</v>
      </c>
      <c r="L1838" t="s">
        <v>120</v>
      </c>
      <c r="M1838" t="s">
        <v>83</v>
      </c>
      <c r="N1838" t="s">
        <v>84</v>
      </c>
      <c r="O1838" t="s">
        <v>85</v>
      </c>
      <c r="P1838" t="s">
        <v>86</v>
      </c>
      <c r="Q1838">
        <v>24</v>
      </c>
      <c r="R1838">
        <v>25</v>
      </c>
      <c r="S1838">
        <v>26</v>
      </c>
      <c r="T1838">
        <v>26</v>
      </c>
      <c r="U1838">
        <v>27</v>
      </c>
      <c r="V1838">
        <v>28</v>
      </c>
      <c r="W1838">
        <v>28</v>
      </c>
      <c r="X1838">
        <v>29</v>
      </c>
      <c r="Y1838">
        <v>30</v>
      </c>
      <c r="Z1838">
        <v>31</v>
      </c>
      <c r="AA1838">
        <v>31</v>
      </c>
      <c r="AB1838">
        <v>32</v>
      </c>
      <c r="AC1838">
        <v>33</v>
      </c>
      <c r="AD1838">
        <v>34</v>
      </c>
      <c r="AE1838">
        <v>34</v>
      </c>
      <c r="AF1838">
        <v>35</v>
      </c>
      <c r="AG1838">
        <v>36</v>
      </c>
      <c r="AH1838">
        <v>37</v>
      </c>
      <c r="AI1838">
        <v>38</v>
      </c>
      <c r="AJ1838">
        <v>39</v>
      </c>
      <c r="AK1838">
        <v>40</v>
      </c>
      <c r="AL1838">
        <v>40</v>
      </c>
      <c r="AM1838">
        <v>41</v>
      </c>
      <c r="AN1838">
        <v>41</v>
      </c>
      <c r="AO1838">
        <v>42</v>
      </c>
      <c r="AP1838">
        <v>42</v>
      </c>
      <c r="AQ1838">
        <v>43</v>
      </c>
    </row>
    <row r="1839" spans="1:43">
      <c r="A1839" t="s">
        <v>1204</v>
      </c>
      <c r="B1839" t="s">
        <v>1205</v>
      </c>
      <c r="C1839" t="s">
        <v>1190</v>
      </c>
      <c r="D1839" t="s">
        <v>1191</v>
      </c>
      <c r="E1839" t="s">
        <v>1192</v>
      </c>
      <c r="F1839" t="s">
        <v>1193</v>
      </c>
      <c r="G1839" t="s">
        <v>80</v>
      </c>
      <c r="H1839" t="s">
        <v>81</v>
      </c>
      <c r="I1839" s="2">
        <v>1</v>
      </c>
      <c r="J1839" s="2">
        <v>0</v>
      </c>
      <c r="K1839" s="2">
        <v>0</v>
      </c>
      <c r="L1839" t="s">
        <v>120</v>
      </c>
      <c r="M1839" t="s">
        <v>87</v>
      </c>
      <c r="N1839" t="s">
        <v>88</v>
      </c>
      <c r="O1839" t="s">
        <v>85</v>
      </c>
      <c r="P1839" t="s">
        <v>86</v>
      </c>
      <c r="Q1839">
        <v>24</v>
      </c>
      <c r="R1839">
        <v>24</v>
      </c>
      <c r="S1839">
        <v>25</v>
      </c>
      <c r="T1839">
        <v>25</v>
      </c>
      <c r="U1839">
        <v>26</v>
      </c>
      <c r="V1839">
        <v>26</v>
      </c>
      <c r="W1839">
        <v>27</v>
      </c>
      <c r="X1839">
        <v>27</v>
      </c>
      <c r="Y1839">
        <v>28</v>
      </c>
      <c r="Z1839">
        <v>28</v>
      </c>
      <c r="AA1839">
        <v>29</v>
      </c>
      <c r="AB1839">
        <v>29</v>
      </c>
      <c r="AC1839">
        <v>29</v>
      </c>
      <c r="AD1839">
        <v>30</v>
      </c>
      <c r="AE1839">
        <v>30</v>
      </c>
      <c r="AF1839">
        <v>31</v>
      </c>
      <c r="AG1839">
        <v>32</v>
      </c>
      <c r="AH1839">
        <v>32</v>
      </c>
      <c r="AI1839">
        <v>33</v>
      </c>
      <c r="AJ1839">
        <v>33</v>
      </c>
      <c r="AK1839">
        <v>34</v>
      </c>
      <c r="AL1839">
        <v>34</v>
      </c>
      <c r="AM1839">
        <v>35</v>
      </c>
      <c r="AN1839">
        <v>35</v>
      </c>
      <c r="AO1839">
        <v>36</v>
      </c>
      <c r="AP1839">
        <v>37</v>
      </c>
      <c r="AQ1839">
        <v>37</v>
      </c>
    </row>
    <row r="1840" spans="1:43">
      <c r="A1840" t="s">
        <v>1204</v>
      </c>
      <c r="B1840" t="s">
        <v>1205</v>
      </c>
      <c r="C1840" t="s">
        <v>1190</v>
      </c>
      <c r="D1840" t="s">
        <v>1191</v>
      </c>
      <c r="E1840" t="s">
        <v>1192</v>
      </c>
      <c r="F1840" t="s">
        <v>1193</v>
      </c>
      <c r="G1840" t="s">
        <v>80</v>
      </c>
      <c r="H1840" t="s">
        <v>81</v>
      </c>
      <c r="I1840" s="2">
        <v>1</v>
      </c>
      <c r="J1840" s="2">
        <v>0</v>
      </c>
      <c r="K1840" s="2">
        <v>0</v>
      </c>
      <c r="L1840" t="s">
        <v>120</v>
      </c>
      <c r="M1840" t="s">
        <v>89</v>
      </c>
      <c r="N1840" t="s">
        <v>90</v>
      </c>
      <c r="O1840" t="s">
        <v>85</v>
      </c>
      <c r="P1840" t="s">
        <v>86</v>
      </c>
      <c r="Q1840">
        <v>24</v>
      </c>
      <c r="R1840">
        <v>25</v>
      </c>
      <c r="S1840">
        <v>26</v>
      </c>
      <c r="T1840">
        <v>27</v>
      </c>
      <c r="U1840">
        <v>28</v>
      </c>
      <c r="V1840">
        <v>29</v>
      </c>
      <c r="W1840">
        <v>30</v>
      </c>
      <c r="X1840">
        <v>31</v>
      </c>
      <c r="Y1840">
        <v>32</v>
      </c>
      <c r="Z1840">
        <v>32</v>
      </c>
      <c r="AA1840">
        <v>33</v>
      </c>
      <c r="AB1840">
        <v>34</v>
      </c>
      <c r="AC1840">
        <v>35</v>
      </c>
      <c r="AD1840">
        <v>36</v>
      </c>
      <c r="AE1840">
        <v>37</v>
      </c>
      <c r="AF1840">
        <v>37</v>
      </c>
      <c r="AG1840">
        <v>38</v>
      </c>
      <c r="AH1840">
        <v>39</v>
      </c>
      <c r="AI1840">
        <v>39</v>
      </c>
      <c r="AJ1840">
        <v>40</v>
      </c>
      <c r="AK1840">
        <v>40</v>
      </c>
      <c r="AL1840">
        <v>41</v>
      </c>
      <c r="AM1840">
        <v>41</v>
      </c>
      <c r="AN1840">
        <v>42</v>
      </c>
      <c r="AO1840">
        <v>42</v>
      </c>
      <c r="AP1840">
        <v>43</v>
      </c>
      <c r="AQ1840">
        <v>43</v>
      </c>
    </row>
    <row r="1841" spans="1:43">
      <c r="A1841" t="s">
        <v>1204</v>
      </c>
      <c r="B1841" t="s">
        <v>1205</v>
      </c>
      <c r="C1841" t="s">
        <v>1190</v>
      </c>
      <c r="D1841" t="s">
        <v>1191</v>
      </c>
      <c r="E1841" t="s">
        <v>1192</v>
      </c>
      <c r="F1841" t="s">
        <v>1193</v>
      </c>
      <c r="G1841" t="s">
        <v>80</v>
      </c>
      <c r="H1841" t="s">
        <v>81</v>
      </c>
      <c r="I1841" s="2">
        <v>1</v>
      </c>
      <c r="J1841" s="2">
        <v>0</v>
      </c>
      <c r="K1841" s="2">
        <v>0</v>
      </c>
      <c r="L1841" t="s">
        <v>120</v>
      </c>
      <c r="M1841" t="s">
        <v>83</v>
      </c>
      <c r="N1841" t="s">
        <v>91</v>
      </c>
      <c r="O1841" t="s">
        <v>85</v>
      </c>
      <c r="P1841" t="s">
        <v>86</v>
      </c>
      <c r="Q1841">
        <v>24</v>
      </c>
      <c r="R1841">
        <v>25</v>
      </c>
      <c r="S1841">
        <v>26</v>
      </c>
      <c r="T1841">
        <v>26</v>
      </c>
      <c r="U1841">
        <v>27</v>
      </c>
      <c r="V1841">
        <v>28</v>
      </c>
      <c r="W1841">
        <v>28</v>
      </c>
      <c r="X1841">
        <v>29</v>
      </c>
      <c r="Y1841">
        <v>30</v>
      </c>
      <c r="Z1841">
        <v>31</v>
      </c>
      <c r="AA1841">
        <v>31</v>
      </c>
      <c r="AB1841">
        <v>32</v>
      </c>
      <c r="AC1841">
        <v>33</v>
      </c>
      <c r="AD1841">
        <v>34</v>
      </c>
      <c r="AE1841">
        <v>34</v>
      </c>
      <c r="AF1841">
        <v>35</v>
      </c>
      <c r="AG1841">
        <v>36</v>
      </c>
      <c r="AH1841">
        <v>37</v>
      </c>
      <c r="AI1841">
        <v>38</v>
      </c>
      <c r="AJ1841">
        <v>39</v>
      </c>
      <c r="AK1841">
        <v>40</v>
      </c>
      <c r="AL1841">
        <v>40</v>
      </c>
      <c r="AM1841">
        <v>41</v>
      </c>
      <c r="AN1841">
        <v>41</v>
      </c>
      <c r="AO1841">
        <v>42</v>
      </c>
      <c r="AP1841">
        <v>42</v>
      </c>
      <c r="AQ1841">
        <v>43</v>
      </c>
    </row>
    <row r="1842" spans="1:43">
      <c r="A1842" t="s">
        <v>1206</v>
      </c>
      <c r="B1842" t="s">
        <v>1207</v>
      </c>
      <c r="C1842" t="s">
        <v>1190</v>
      </c>
      <c r="D1842" t="s">
        <v>1191</v>
      </c>
      <c r="E1842" t="s">
        <v>1192</v>
      </c>
      <c r="F1842" t="s">
        <v>1193</v>
      </c>
      <c r="G1842" t="s">
        <v>80</v>
      </c>
      <c r="H1842" t="s">
        <v>81</v>
      </c>
      <c r="I1842" s="2">
        <v>1</v>
      </c>
      <c r="J1842" s="2">
        <v>0</v>
      </c>
      <c r="K1842" s="2">
        <v>0</v>
      </c>
      <c r="L1842" t="s">
        <v>120</v>
      </c>
      <c r="M1842" t="s">
        <v>83</v>
      </c>
      <c r="N1842" t="s">
        <v>84</v>
      </c>
      <c r="O1842" t="s">
        <v>85</v>
      </c>
      <c r="P1842" t="s">
        <v>86</v>
      </c>
      <c r="Q1842">
        <v>31</v>
      </c>
      <c r="R1842">
        <v>32</v>
      </c>
      <c r="S1842">
        <v>33</v>
      </c>
      <c r="T1842">
        <v>34</v>
      </c>
      <c r="U1842">
        <v>35</v>
      </c>
      <c r="V1842">
        <v>35</v>
      </c>
      <c r="W1842">
        <v>36</v>
      </c>
      <c r="X1842">
        <v>37</v>
      </c>
      <c r="Y1842">
        <v>38</v>
      </c>
      <c r="Z1842">
        <v>39</v>
      </c>
      <c r="AA1842">
        <v>40</v>
      </c>
      <c r="AB1842">
        <v>41</v>
      </c>
      <c r="AC1842">
        <v>42</v>
      </c>
      <c r="AD1842">
        <v>43</v>
      </c>
      <c r="AE1842">
        <v>44</v>
      </c>
      <c r="AF1842">
        <v>45</v>
      </c>
      <c r="AG1842">
        <v>46</v>
      </c>
      <c r="AH1842">
        <v>48</v>
      </c>
      <c r="AI1842">
        <v>49</v>
      </c>
      <c r="AJ1842">
        <v>50</v>
      </c>
      <c r="AK1842">
        <v>51</v>
      </c>
      <c r="AL1842">
        <v>52</v>
      </c>
      <c r="AM1842">
        <v>53</v>
      </c>
      <c r="AN1842">
        <v>53</v>
      </c>
      <c r="AO1842">
        <v>54</v>
      </c>
      <c r="AP1842">
        <v>55</v>
      </c>
      <c r="AQ1842">
        <v>55</v>
      </c>
    </row>
    <row r="1843" spans="1:43">
      <c r="A1843" t="s">
        <v>1206</v>
      </c>
      <c r="B1843" t="s">
        <v>1207</v>
      </c>
      <c r="C1843" t="s">
        <v>1190</v>
      </c>
      <c r="D1843" t="s">
        <v>1191</v>
      </c>
      <c r="E1843" t="s">
        <v>1192</v>
      </c>
      <c r="F1843" t="s">
        <v>1193</v>
      </c>
      <c r="G1843" t="s">
        <v>80</v>
      </c>
      <c r="H1843" t="s">
        <v>81</v>
      </c>
      <c r="I1843" s="2">
        <v>1</v>
      </c>
      <c r="J1843" s="2">
        <v>0</v>
      </c>
      <c r="K1843" s="2">
        <v>0</v>
      </c>
      <c r="L1843" t="s">
        <v>120</v>
      </c>
      <c r="M1843" t="s">
        <v>87</v>
      </c>
      <c r="N1843" t="s">
        <v>88</v>
      </c>
      <c r="O1843" t="s">
        <v>85</v>
      </c>
      <c r="P1843" t="s">
        <v>86</v>
      </c>
      <c r="Q1843">
        <v>31</v>
      </c>
      <c r="R1843">
        <v>31</v>
      </c>
      <c r="S1843">
        <v>32</v>
      </c>
      <c r="T1843">
        <v>32</v>
      </c>
      <c r="U1843">
        <v>33</v>
      </c>
      <c r="V1843">
        <v>34</v>
      </c>
      <c r="W1843">
        <v>34</v>
      </c>
      <c r="X1843">
        <v>35</v>
      </c>
      <c r="Y1843">
        <v>35</v>
      </c>
      <c r="Z1843">
        <v>36</v>
      </c>
      <c r="AA1843">
        <v>37</v>
      </c>
      <c r="AB1843">
        <v>37</v>
      </c>
      <c r="AC1843">
        <v>38</v>
      </c>
      <c r="AD1843">
        <v>39</v>
      </c>
      <c r="AE1843">
        <v>39</v>
      </c>
      <c r="AF1843">
        <v>40</v>
      </c>
      <c r="AG1843">
        <v>41</v>
      </c>
      <c r="AH1843">
        <v>41</v>
      </c>
      <c r="AI1843">
        <v>42</v>
      </c>
      <c r="AJ1843">
        <v>43</v>
      </c>
      <c r="AK1843">
        <v>43</v>
      </c>
      <c r="AL1843">
        <v>44</v>
      </c>
      <c r="AM1843">
        <v>45</v>
      </c>
      <c r="AN1843">
        <v>46</v>
      </c>
      <c r="AO1843">
        <v>46</v>
      </c>
      <c r="AP1843">
        <v>47</v>
      </c>
      <c r="AQ1843">
        <v>48</v>
      </c>
    </row>
    <row r="1844" spans="1:43">
      <c r="A1844" t="s">
        <v>1206</v>
      </c>
      <c r="B1844" t="s">
        <v>1207</v>
      </c>
      <c r="C1844" t="s">
        <v>1190</v>
      </c>
      <c r="D1844" t="s">
        <v>1191</v>
      </c>
      <c r="E1844" t="s">
        <v>1192</v>
      </c>
      <c r="F1844" t="s">
        <v>1193</v>
      </c>
      <c r="G1844" t="s">
        <v>80</v>
      </c>
      <c r="H1844" t="s">
        <v>81</v>
      </c>
      <c r="I1844" s="2">
        <v>1</v>
      </c>
      <c r="J1844" s="2">
        <v>0</v>
      </c>
      <c r="K1844" s="2">
        <v>0</v>
      </c>
      <c r="L1844" t="s">
        <v>120</v>
      </c>
      <c r="M1844" t="s">
        <v>89</v>
      </c>
      <c r="N1844" t="s">
        <v>90</v>
      </c>
      <c r="O1844" t="s">
        <v>85</v>
      </c>
      <c r="P1844" t="s">
        <v>86</v>
      </c>
      <c r="Q1844">
        <v>31</v>
      </c>
      <c r="R1844">
        <v>32</v>
      </c>
      <c r="S1844">
        <v>34</v>
      </c>
      <c r="T1844">
        <v>35</v>
      </c>
      <c r="U1844">
        <v>36</v>
      </c>
      <c r="V1844">
        <v>37</v>
      </c>
      <c r="W1844">
        <v>38</v>
      </c>
      <c r="X1844">
        <v>39</v>
      </c>
      <c r="Y1844">
        <v>41</v>
      </c>
      <c r="Z1844">
        <v>42</v>
      </c>
      <c r="AA1844">
        <v>43</v>
      </c>
      <c r="AB1844">
        <v>44</v>
      </c>
      <c r="AC1844">
        <v>45</v>
      </c>
      <c r="AD1844">
        <v>47</v>
      </c>
      <c r="AE1844">
        <v>48</v>
      </c>
      <c r="AF1844">
        <v>48</v>
      </c>
      <c r="AG1844">
        <v>49</v>
      </c>
      <c r="AH1844">
        <v>50</v>
      </c>
      <c r="AI1844">
        <v>50</v>
      </c>
      <c r="AJ1844">
        <v>51</v>
      </c>
      <c r="AK1844">
        <v>52</v>
      </c>
      <c r="AL1844">
        <v>52</v>
      </c>
      <c r="AM1844">
        <v>53</v>
      </c>
      <c r="AN1844">
        <v>54</v>
      </c>
      <c r="AO1844">
        <v>54</v>
      </c>
      <c r="AP1844">
        <v>55</v>
      </c>
      <c r="AQ1844">
        <v>56</v>
      </c>
    </row>
    <row r="1845" spans="1:43">
      <c r="A1845" t="s">
        <v>1206</v>
      </c>
      <c r="B1845" t="s">
        <v>1207</v>
      </c>
      <c r="C1845" t="s">
        <v>1190</v>
      </c>
      <c r="D1845" t="s">
        <v>1191</v>
      </c>
      <c r="E1845" t="s">
        <v>1192</v>
      </c>
      <c r="F1845" t="s">
        <v>1193</v>
      </c>
      <c r="G1845" t="s">
        <v>80</v>
      </c>
      <c r="H1845" t="s">
        <v>81</v>
      </c>
      <c r="I1845" s="2">
        <v>1</v>
      </c>
      <c r="J1845" s="2">
        <v>0</v>
      </c>
      <c r="K1845" s="2">
        <v>0</v>
      </c>
      <c r="L1845" t="s">
        <v>120</v>
      </c>
      <c r="M1845" t="s">
        <v>83</v>
      </c>
      <c r="N1845" t="s">
        <v>91</v>
      </c>
      <c r="O1845" t="s">
        <v>85</v>
      </c>
      <c r="P1845" t="s">
        <v>86</v>
      </c>
      <c r="Q1845">
        <v>31</v>
      </c>
      <c r="R1845">
        <v>32</v>
      </c>
      <c r="S1845">
        <v>33</v>
      </c>
      <c r="T1845">
        <v>34</v>
      </c>
      <c r="U1845">
        <v>35</v>
      </c>
      <c r="V1845">
        <v>35</v>
      </c>
      <c r="W1845">
        <v>36</v>
      </c>
      <c r="X1845">
        <v>37</v>
      </c>
      <c r="Y1845">
        <v>38</v>
      </c>
      <c r="Z1845">
        <v>39</v>
      </c>
      <c r="AA1845">
        <v>40</v>
      </c>
      <c r="AB1845">
        <v>41</v>
      </c>
      <c r="AC1845">
        <v>42</v>
      </c>
      <c r="AD1845">
        <v>43</v>
      </c>
      <c r="AE1845">
        <v>44</v>
      </c>
      <c r="AF1845">
        <v>45</v>
      </c>
      <c r="AG1845">
        <v>46</v>
      </c>
      <c r="AH1845">
        <v>48</v>
      </c>
      <c r="AI1845">
        <v>49</v>
      </c>
      <c r="AJ1845">
        <v>50</v>
      </c>
      <c r="AK1845">
        <v>51</v>
      </c>
      <c r="AL1845">
        <v>52</v>
      </c>
      <c r="AM1845">
        <v>53</v>
      </c>
      <c r="AN1845">
        <v>53</v>
      </c>
      <c r="AO1845">
        <v>54</v>
      </c>
      <c r="AP1845">
        <v>55</v>
      </c>
      <c r="AQ1845">
        <v>55</v>
      </c>
    </row>
    <row r="1846" spans="1:43">
      <c r="A1846" t="s">
        <v>1208</v>
      </c>
      <c r="B1846" t="s">
        <v>1209</v>
      </c>
      <c r="C1846" t="s">
        <v>1196</v>
      </c>
      <c r="D1846" t="s">
        <v>1197</v>
      </c>
      <c r="E1846" t="s">
        <v>1192</v>
      </c>
      <c r="F1846" t="s">
        <v>1193</v>
      </c>
      <c r="G1846" t="s">
        <v>80</v>
      </c>
      <c r="H1846" t="s">
        <v>81</v>
      </c>
      <c r="I1846" s="2">
        <v>1</v>
      </c>
      <c r="J1846" s="2">
        <v>0</v>
      </c>
      <c r="K1846" s="2">
        <v>0</v>
      </c>
      <c r="L1846" t="s">
        <v>120</v>
      </c>
      <c r="M1846" t="s">
        <v>83</v>
      </c>
      <c r="N1846" t="s">
        <v>84</v>
      </c>
      <c r="O1846" t="s">
        <v>85</v>
      </c>
      <c r="P1846" t="s">
        <v>86</v>
      </c>
      <c r="Q1846">
        <v>22</v>
      </c>
      <c r="R1846">
        <v>23</v>
      </c>
      <c r="S1846">
        <v>23</v>
      </c>
      <c r="T1846">
        <v>24</v>
      </c>
      <c r="U1846">
        <v>25</v>
      </c>
      <c r="V1846">
        <v>25</v>
      </c>
      <c r="W1846">
        <v>26</v>
      </c>
      <c r="X1846">
        <v>27</v>
      </c>
      <c r="Y1846">
        <v>27</v>
      </c>
      <c r="Z1846">
        <v>28</v>
      </c>
      <c r="AA1846">
        <v>29</v>
      </c>
      <c r="AB1846">
        <v>29</v>
      </c>
      <c r="AC1846">
        <v>30</v>
      </c>
      <c r="AD1846">
        <v>31</v>
      </c>
      <c r="AE1846">
        <v>32</v>
      </c>
      <c r="AF1846">
        <v>32</v>
      </c>
      <c r="AG1846">
        <v>33</v>
      </c>
      <c r="AH1846">
        <v>34</v>
      </c>
      <c r="AI1846">
        <v>35</v>
      </c>
      <c r="AJ1846">
        <v>35</v>
      </c>
      <c r="AK1846">
        <v>36</v>
      </c>
      <c r="AL1846">
        <v>37</v>
      </c>
      <c r="AM1846">
        <v>37</v>
      </c>
      <c r="AN1846">
        <v>38</v>
      </c>
      <c r="AO1846">
        <v>38</v>
      </c>
      <c r="AP1846">
        <v>39</v>
      </c>
      <c r="AQ1846">
        <v>39</v>
      </c>
    </row>
    <row r="1847" spans="1:43">
      <c r="A1847" t="s">
        <v>1208</v>
      </c>
      <c r="B1847" t="s">
        <v>1209</v>
      </c>
      <c r="C1847" t="s">
        <v>1196</v>
      </c>
      <c r="D1847" t="s">
        <v>1197</v>
      </c>
      <c r="E1847" t="s">
        <v>1192</v>
      </c>
      <c r="F1847" t="s">
        <v>1193</v>
      </c>
      <c r="G1847" t="s">
        <v>80</v>
      </c>
      <c r="H1847" t="s">
        <v>81</v>
      </c>
      <c r="I1847" s="2">
        <v>1</v>
      </c>
      <c r="J1847" s="2">
        <v>0</v>
      </c>
      <c r="K1847" s="2">
        <v>0</v>
      </c>
      <c r="L1847" t="s">
        <v>120</v>
      </c>
      <c r="M1847" t="s">
        <v>87</v>
      </c>
      <c r="N1847" t="s">
        <v>88</v>
      </c>
      <c r="O1847" t="s">
        <v>85</v>
      </c>
      <c r="P1847" t="s">
        <v>86</v>
      </c>
      <c r="Q1847">
        <v>22</v>
      </c>
      <c r="R1847">
        <v>22</v>
      </c>
      <c r="S1847">
        <v>23</v>
      </c>
      <c r="T1847">
        <v>23</v>
      </c>
      <c r="U1847">
        <v>24</v>
      </c>
      <c r="V1847">
        <v>24</v>
      </c>
      <c r="W1847">
        <v>24</v>
      </c>
      <c r="X1847">
        <v>25</v>
      </c>
      <c r="Y1847">
        <v>25</v>
      </c>
      <c r="Z1847">
        <v>26</v>
      </c>
      <c r="AA1847">
        <v>26</v>
      </c>
      <c r="AB1847">
        <v>27</v>
      </c>
      <c r="AC1847">
        <v>27</v>
      </c>
      <c r="AD1847">
        <v>27</v>
      </c>
      <c r="AE1847">
        <v>28</v>
      </c>
      <c r="AF1847">
        <v>28</v>
      </c>
      <c r="AG1847">
        <v>29</v>
      </c>
      <c r="AH1847">
        <v>29</v>
      </c>
      <c r="AI1847">
        <v>30</v>
      </c>
      <c r="AJ1847">
        <v>30</v>
      </c>
      <c r="AK1847">
        <v>31</v>
      </c>
      <c r="AL1847">
        <v>31</v>
      </c>
      <c r="AM1847">
        <v>32</v>
      </c>
      <c r="AN1847">
        <v>32</v>
      </c>
      <c r="AO1847">
        <v>33</v>
      </c>
      <c r="AP1847">
        <v>33</v>
      </c>
      <c r="AQ1847">
        <v>34</v>
      </c>
    </row>
    <row r="1848" spans="1:43">
      <c r="A1848" t="s">
        <v>1208</v>
      </c>
      <c r="B1848" t="s">
        <v>1209</v>
      </c>
      <c r="C1848" t="s">
        <v>1196</v>
      </c>
      <c r="D1848" t="s">
        <v>1197</v>
      </c>
      <c r="E1848" t="s">
        <v>1192</v>
      </c>
      <c r="F1848" t="s">
        <v>1193</v>
      </c>
      <c r="G1848" t="s">
        <v>80</v>
      </c>
      <c r="H1848" t="s">
        <v>81</v>
      </c>
      <c r="I1848" s="2">
        <v>1</v>
      </c>
      <c r="J1848" s="2">
        <v>0</v>
      </c>
      <c r="K1848" s="2">
        <v>0</v>
      </c>
      <c r="L1848" t="s">
        <v>120</v>
      </c>
      <c r="M1848" t="s">
        <v>89</v>
      </c>
      <c r="N1848" t="s">
        <v>90</v>
      </c>
      <c r="O1848" t="s">
        <v>85</v>
      </c>
      <c r="P1848" t="s">
        <v>86</v>
      </c>
      <c r="Q1848">
        <v>22</v>
      </c>
      <c r="R1848">
        <v>23</v>
      </c>
      <c r="S1848">
        <v>24</v>
      </c>
      <c r="T1848">
        <v>25</v>
      </c>
      <c r="U1848">
        <v>26</v>
      </c>
      <c r="V1848">
        <v>26</v>
      </c>
      <c r="W1848">
        <v>27</v>
      </c>
      <c r="X1848">
        <v>28</v>
      </c>
      <c r="Y1848">
        <v>29</v>
      </c>
      <c r="Z1848">
        <v>30</v>
      </c>
      <c r="AA1848">
        <v>31</v>
      </c>
      <c r="AB1848">
        <v>31</v>
      </c>
      <c r="AC1848">
        <v>32</v>
      </c>
      <c r="AD1848">
        <v>33</v>
      </c>
      <c r="AE1848">
        <v>34</v>
      </c>
      <c r="AF1848">
        <v>34</v>
      </c>
      <c r="AG1848">
        <v>35</v>
      </c>
      <c r="AH1848">
        <v>35</v>
      </c>
      <c r="AI1848">
        <v>36</v>
      </c>
      <c r="AJ1848">
        <v>36</v>
      </c>
      <c r="AK1848">
        <v>37</v>
      </c>
      <c r="AL1848">
        <v>37</v>
      </c>
      <c r="AM1848">
        <v>38</v>
      </c>
      <c r="AN1848">
        <v>38</v>
      </c>
      <c r="AO1848">
        <v>39</v>
      </c>
      <c r="AP1848">
        <v>39</v>
      </c>
      <c r="AQ1848">
        <v>40</v>
      </c>
    </row>
    <row r="1849" spans="1:43">
      <c r="A1849" t="s">
        <v>1208</v>
      </c>
      <c r="B1849" t="s">
        <v>1209</v>
      </c>
      <c r="C1849" t="s">
        <v>1196</v>
      </c>
      <c r="D1849" t="s">
        <v>1197</v>
      </c>
      <c r="E1849" t="s">
        <v>1192</v>
      </c>
      <c r="F1849" t="s">
        <v>1193</v>
      </c>
      <c r="G1849" t="s">
        <v>80</v>
      </c>
      <c r="H1849" t="s">
        <v>81</v>
      </c>
      <c r="I1849" s="2">
        <v>1</v>
      </c>
      <c r="J1849" s="2">
        <v>0</v>
      </c>
      <c r="K1849" s="2">
        <v>0</v>
      </c>
      <c r="L1849" t="s">
        <v>120</v>
      </c>
      <c r="M1849" t="s">
        <v>83</v>
      </c>
      <c r="N1849" t="s">
        <v>91</v>
      </c>
      <c r="O1849" t="s">
        <v>85</v>
      </c>
      <c r="P1849" t="s">
        <v>86</v>
      </c>
      <c r="Q1849">
        <v>22</v>
      </c>
      <c r="R1849">
        <v>23</v>
      </c>
      <c r="S1849">
        <v>23</v>
      </c>
      <c r="T1849">
        <v>24</v>
      </c>
      <c r="U1849">
        <v>25</v>
      </c>
      <c r="V1849">
        <v>25</v>
      </c>
      <c r="W1849">
        <v>26</v>
      </c>
      <c r="X1849">
        <v>27</v>
      </c>
      <c r="Y1849">
        <v>27</v>
      </c>
      <c r="Z1849">
        <v>28</v>
      </c>
      <c r="AA1849">
        <v>29</v>
      </c>
      <c r="AB1849">
        <v>29</v>
      </c>
      <c r="AC1849">
        <v>30</v>
      </c>
      <c r="AD1849">
        <v>31</v>
      </c>
      <c r="AE1849">
        <v>32</v>
      </c>
      <c r="AF1849">
        <v>32</v>
      </c>
      <c r="AG1849">
        <v>33</v>
      </c>
      <c r="AH1849">
        <v>34</v>
      </c>
      <c r="AI1849">
        <v>35</v>
      </c>
      <c r="AJ1849">
        <v>35</v>
      </c>
      <c r="AK1849">
        <v>36</v>
      </c>
      <c r="AL1849">
        <v>37</v>
      </c>
      <c r="AM1849">
        <v>37</v>
      </c>
      <c r="AN1849">
        <v>38</v>
      </c>
      <c r="AO1849">
        <v>38</v>
      </c>
      <c r="AP1849">
        <v>39</v>
      </c>
      <c r="AQ1849">
        <v>39</v>
      </c>
    </row>
    <row r="1850" spans="1:43">
      <c r="A1850" t="s">
        <v>1210</v>
      </c>
      <c r="B1850" t="s">
        <v>1211</v>
      </c>
      <c r="C1850" t="s">
        <v>1212</v>
      </c>
      <c r="D1850" t="s">
        <v>1213</v>
      </c>
      <c r="E1850" t="s">
        <v>1192</v>
      </c>
      <c r="F1850" t="s">
        <v>1193</v>
      </c>
      <c r="G1850" t="s">
        <v>80</v>
      </c>
      <c r="H1850" t="s">
        <v>81</v>
      </c>
      <c r="I1850" s="2">
        <v>1</v>
      </c>
      <c r="J1850" s="2">
        <v>0</v>
      </c>
      <c r="K1850" s="2">
        <v>0</v>
      </c>
      <c r="L1850" t="s">
        <v>120</v>
      </c>
      <c r="M1850" t="s">
        <v>83</v>
      </c>
      <c r="N1850" t="s">
        <v>84</v>
      </c>
      <c r="O1850" t="s">
        <v>85</v>
      </c>
      <c r="P1850" t="s">
        <v>86</v>
      </c>
      <c r="Q1850">
        <v>17</v>
      </c>
      <c r="R1850">
        <v>18</v>
      </c>
      <c r="S1850">
        <v>18</v>
      </c>
      <c r="T1850">
        <v>19</v>
      </c>
      <c r="U1850">
        <v>19</v>
      </c>
      <c r="V1850">
        <v>20</v>
      </c>
      <c r="W1850">
        <v>20</v>
      </c>
      <c r="X1850">
        <v>21</v>
      </c>
      <c r="Y1850">
        <v>21</v>
      </c>
      <c r="Z1850">
        <v>22</v>
      </c>
      <c r="AA1850">
        <v>22</v>
      </c>
      <c r="AB1850">
        <v>23</v>
      </c>
      <c r="AC1850">
        <v>23</v>
      </c>
      <c r="AD1850">
        <v>24</v>
      </c>
      <c r="AE1850">
        <v>25</v>
      </c>
      <c r="AF1850">
        <v>25</v>
      </c>
      <c r="AG1850">
        <v>26</v>
      </c>
      <c r="AH1850">
        <v>26</v>
      </c>
      <c r="AI1850">
        <v>27</v>
      </c>
      <c r="AJ1850">
        <v>28</v>
      </c>
      <c r="AK1850">
        <v>28</v>
      </c>
      <c r="AL1850">
        <v>29</v>
      </c>
      <c r="AM1850">
        <v>29</v>
      </c>
      <c r="AN1850">
        <v>29</v>
      </c>
      <c r="AO1850">
        <v>30</v>
      </c>
      <c r="AP1850">
        <v>30</v>
      </c>
      <c r="AQ1850">
        <v>30</v>
      </c>
    </row>
    <row r="1851" spans="1:43">
      <c r="A1851" t="s">
        <v>1210</v>
      </c>
      <c r="B1851" t="s">
        <v>1211</v>
      </c>
      <c r="C1851" t="s">
        <v>1212</v>
      </c>
      <c r="D1851" t="s">
        <v>1213</v>
      </c>
      <c r="E1851" t="s">
        <v>1192</v>
      </c>
      <c r="F1851" t="s">
        <v>1193</v>
      </c>
      <c r="G1851" t="s">
        <v>80</v>
      </c>
      <c r="H1851" t="s">
        <v>81</v>
      </c>
      <c r="I1851" s="2">
        <v>1</v>
      </c>
      <c r="J1851" s="2">
        <v>0</v>
      </c>
      <c r="K1851" s="2">
        <v>0</v>
      </c>
      <c r="L1851" t="s">
        <v>120</v>
      </c>
      <c r="M1851" t="s">
        <v>87</v>
      </c>
      <c r="N1851" t="s">
        <v>88</v>
      </c>
      <c r="O1851" t="s">
        <v>85</v>
      </c>
      <c r="P1851" t="s">
        <v>86</v>
      </c>
      <c r="Q1851">
        <v>17</v>
      </c>
      <c r="R1851">
        <v>17</v>
      </c>
      <c r="S1851">
        <v>18</v>
      </c>
      <c r="T1851">
        <v>18</v>
      </c>
      <c r="U1851">
        <v>18</v>
      </c>
      <c r="V1851">
        <v>19</v>
      </c>
      <c r="W1851">
        <v>19</v>
      </c>
      <c r="X1851">
        <v>19</v>
      </c>
      <c r="Y1851">
        <v>20</v>
      </c>
      <c r="Z1851">
        <v>20</v>
      </c>
      <c r="AA1851">
        <v>20</v>
      </c>
      <c r="AB1851">
        <v>21</v>
      </c>
      <c r="AC1851">
        <v>21</v>
      </c>
      <c r="AD1851">
        <v>21</v>
      </c>
      <c r="AE1851">
        <v>22</v>
      </c>
      <c r="AF1851">
        <v>22</v>
      </c>
      <c r="AG1851">
        <v>23</v>
      </c>
      <c r="AH1851">
        <v>23</v>
      </c>
      <c r="AI1851">
        <v>23</v>
      </c>
      <c r="AJ1851">
        <v>24</v>
      </c>
      <c r="AK1851">
        <v>24</v>
      </c>
      <c r="AL1851">
        <v>24</v>
      </c>
      <c r="AM1851">
        <v>25</v>
      </c>
      <c r="AN1851">
        <v>25</v>
      </c>
      <c r="AO1851">
        <v>26</v>
      </c>
      <c r="AP1851">
        <v>26</v>
      </c>
      <c r="AQ1851">
        <v>26</v>
      </c>
    </row>
    <row r="1852" spans="1:43">
      <c r="A1852" t="s">
        <v>1210</v>
      </c>
      <c r="B1852" t="s">
        <v>1211</v>
      </c>
      <c r="C1852" t="s">
        <v>1212</v>
      </c>
      <c r="D1852" t="s">
        <v>1213</v>
      </c>
      <c r="E1852" t="s">
        <v>1192</v>
      </c>
      <c r="F1852" t="s">
        <v>1193</v>
      </c>
      <c r="G1852" t="s">
        <v>80</v>
      </c>
      <c r="H1852" t="s">
        <v>81</v>
      </c>
      <c r="I1852" s="2">
        <v>1</v>
      </c>
      <c r="J1852" s="2">
        <v>0</v>
      </c>
      <c r="K1852" s="2">
        <v>0</v>
      </c>
      <c r="L1852" t="s">
        <v>120</v>
      </c>
      <c r="M1852" t="s">
        <v>89</v>
      </c>
      <c r="N1852" t="s">
        <v>90</v>
      </c>
      <c r="O1852" t="s">
        <v>85</v>
      </c>
      <c r="P1852" t="s">
        <v>86</v>
      </c>
      <c r="Q1852">
        <v>17</v>
      </c>
      <c r="R1852">
        <v>18</v>
      </c>
      <c r="S1852">
        <v>19</v>
      </c>
      <c r="T1852">
        <v>19</v>
      </c>
      <c r="U1852">
        <v>20</v>
      </c>
      <c r="V1852">
        <v>21</v>
      </c>
      <c r="W1852">
        <v>21</v>
      </c>
      <c r="X1852">
        <v>22</v>
      </c>
      <c r="Y1852">
        <v>23</v>
      </c>
      <c r="Z1852">
        <v>23</v>
      </c>
      <c r="AA1852">
        <v>24</v>
      </c>
      <c r="AB1852">
        <v>24</v>
      </c>
      <c r="AC1852">
        <v>25</v>
      </c>
      <c r="AD1852">
        <v>26</v>
      </c>
      <c r="AE1852">
        <v>26</v>
      </c>
      <c r="AF1852">
        <v>27</v>
      </c>
      <c r="AG1852">
        <v>27</v>
      </c>
      <c r="AH1852">
        <v>27</v>
      </c>
      <c r="AI1852">
        <v>28</v>
      </c>
      <c r="AJ1852">
        <v>28</v>
      </c>
      <c r="AK1852">
        <v>28</v>
      </c>
      <c r="AL1852">
        <v>29</v>
      </c>
      <c r="AM1852">
        <v>29</v>
      </c>
      <c r="AN1852">
        <v>30</v>
      </c>
      <c r="AO1852">
        <v>30</v>
      </c>
      <c r="AP1852">
        <v>30</v>
      </c>
      <c r="AQ1852">
        <v>31</v>
      </c>
    </row>
    <row r="1853" spans="1:43">
      <c r="A1853" t="s">
        <v>1210</v>
      </c>
      <c r="B1853" t="s">
        <v>1211</v>
      </c>
      <c r="C1853" t="s">
        <v>1212</v>
      </c>
      <c r="D1853" t="s">
        <v>1213</v>
      </c>
      <c r="E1853" t="s">
        <v>1192</v>
      </c>
      <c r="F1853" t="s">
        <v>1193</v>
      </c>
      <c r="G1853" t="s">
        <v>80</v>
      </c>
      <c r="H1853" t="s">
        <v>81</v>
      </c>
      <c r="I1853" s="2">
        <v>1</v>
      </c>
      <c r="J1853" s="2">
        <v>0</v>
      </c>
      <c r="K1853" s="2">
        <v>0</v>
      </c>
      <c r="L1853" t="s">
        <v>120</v>
      </c>
      <c r="M1853" t="s">
        <v>83</v>
      </c>
      <c r="N1853" t="s">
        <v>91</v>
      </c>
      <c r="O1853" t="s">
        <v>85</v>
      </c>
      <c r="P1853" t="s">
        <v>86</v>
      </c>
      <c r="Q1853">
        <v>17</v>
      </c>
      <c r="R1853">
        <v>18</v>
      </c>
      <c r="S1853">
        <v>18</v>
      </c>
      <c r="T1853">
        <v>19</v>
      </c>
      <c r="U1853">
        <v>19</v>
      </c>
      <c r="V1853">
        <v>20</v>
      </c>
      <c r="W1853">
        <v>20</v>
      </c>
      <c r="X1853">
        <v>21</v>
      </c>
      <c r="Y1853">
        <v>21</v>
      </c>
      <c r="Z1853">
        <v>22</v>
      </c>
      <c r="AA1853">
        <v>22</v>
      </c>
      <c r="AB1853">
        <v>23</v>
      </c>
      <c r="AC1853">
        <v>23</v>
      </c>
      <c r="AD1853">
        <v>24</v>
      </c>
      <c r="AE1853">
        <v>25</v>
      </c>
      <c r="AF1853">
        <v>25</v>
      </c>
      <c r="AG1853">
        <v>26</v>
      </c>
      <c r="AH1853">
        <v>26</v>
      </c>
      <c r="AI1853">
        <v>27</v>
      </c>
      <c r="AJ1853">
        <v>28</v>
      </c>
      <c r="AK1853">
        <v>28</v>
      </c>
      <c r="AL1853">
        <v>29</v>
      </c>
      <c r="AM1853">
        <v>29</v>
      </c>
      <c r="AN1853">
        <v>29</v>
      </c>
      <c r="AO1853">
        <v>30</v>
      </c>
      <c r="AP1853">
        <v>30</v>
      </c>
      <c r="AQ1853">
        <v>30</v>
      </c>
    </row>
    <row r="1854" spans="1:43">
      <c r="A1854" t="s">
        <v>1214</v>
      </c>
      <c r="B1854" t="s">
        <v>1215</v>
      </c>
      <c r="C1854" t="s">
        <v>1216</v>
      </c>
      <c r="D1854" t="s">
        <v>1217</v>
      </c>
      <c r="E1854" t="s">
        <v>1192</v>
      </c>
      <c r="F1854" t="s">
        <v>1193</v>
      </c>
      <c r="G1854" t="s">
        <v>80</v>
      </c>
      <c r="H1854" t="s">
        <v>81</v>
      </c>
      <c r="I1854" s="2">
        <v>1</v>
      </c>
      <c r="J1854" s="2">
        <v>0</v>
      </c>
      <c r="K1854" s="2">
        <v>0</v>
      </c>
      <c r="L1854" t="s">
        <v>120</v>
      </c>
      <c r="M1854" t="s">
        <v>83</v>
      </c>
      <c r="N1854" t="s">
        <v>84</v>
      </c>
      <c r="O1854" t="s">
        <v>85</v>
      </c>
      <c r="P1854" t="s">
        <v>86</v>
      </c>
      <c r="Q1854">
        <v>5</v>
      </c>
      <c r="R1854">
        <v>5</v>
      </c>
      <c r="S1854">
        <v>5</v>
      </c>
      <c r="T1854">
        <v>5</v>
      </c>
      <c r="U1854">
        <v>6</v>
      </c>
      <c r="V1854">
        <v>6</v>
      </c>
      <c r="W1854">
        <v>6</v>
      </c>
      <c r="X1854">
        <v>6</v>
      </c>
      <c r="Y1854">
        <v>6</v>
      </c>
      <c r="Z1854">
        <v>6</v>
      </c>
      <c r="AA1854">
        <v>7</v>
      </c>
      <c r="AB1854">
        <v>7</v>
      </c>
      <c r="AC1854">
        <v>7</v>
      </c>
      <c r="AD1854">
        <v>7</v>
      </c>
      <c r="AE1854">
        <v>7</v>
      </c>
      <c r="AF1854">
        <v>7</v>
      </c>
      <c r="AG1854">
        <v>8</v>
      </c>
      <c r="AH1854">
        <v>8</v>
      </c>
      <c r="AI1854">
        <v>8</v>
      </c>
      <c r="AJ1854">
        <v>8</v>
      </c>
      <c r="AK1854">
        <v>8</v>
      </c>
      <c r="AL1854">
        <v>8</v>
      </c>
      <c r="AM1854">
        <v>8</v>
      </c>
      <c r="AN1854">
        <v>9</v>
      </c>
      <c r="AO1854">
        <v>9</v>
      </c>
      <c r="AP1854">
        <v>9</v>
      </c>
      <c r="AQ1854">
        <v>9</v>
      </c>
    </row>
    <row r="1855" spans="1:43">
      <c r="A1855" t="s">
        <v>1214</v>
      </c>
      <c r="B1855" t="s">
        <v>1215</v>
      </c>
      <c r="C1855" t="s">
        <v>1216</v>
      </c>
      <c r="D1855" t="s">
        <v>1217</v>
      </c>
      <c r="E1855" t="s">
        <v>1192</v>
      </c>
      <c r="F1855" t="s">
        <v>1193</v>
      </c>
      <c r="G1855" t="s">
        <v>80</v>
      </c>
      <c r="H1855" t="s">
        <v>81</v>
      </c>
      <c r="I1855" s="2">
        <v>1</v>
      </c>
      <c r="J1855" s="2">
        <v>0</v>
      </c>
      <c r="K1855" s="2">
        <v>0</v>
      </c>
      <c r="L1855" t="s">
        <v>120</v>
      </c>
      <c r="M1855" t="s">
        <v>87</v>
      </c>
      <c r="N1855" t="s">
        <v>88</v>
      </c>
      <c r="O1855" t="s">
        <v>85</v>
      </c>
      <c r="P1855" t="s">
        <v>86</v>
      </c>
      <c r="Q1855">
        <v>5</v>
      </c>
      <c r="R1855">
        <v>5</v>
      </c>
      <c r="S1855">
        <v>5</v>
      </c>
      <c r="T1855">
        <v>5</v>
      </c>
      <c r="U1855">
        <v>5</v>
      </c>
      <c r="V1855">
        <v>5</v>
      </c>
      <c r="W1855">
        <v>6</v>
      </c>
      <c r="X1855">
        <v>6</v>
      </c>
      <c r="Y1855">
        <v>6</v>
      </c>
      <c r="Z1855">
        <v>6</v>
      </c>
      <c r="AA1855">
        <v>6</v>
      </c>
      <c r="AB1855">
        <v>6</v>
      </c>
      <c r="AC1855">
        <v>6</v>
      </c>
      <c r="AD1855">
        <v>6</v>
      </c>
      <c r="AE1855">
        <v>6</v>
      </c>
      <c r="AF1855">
        <v>6</v>
      </c>
      <c r="AG1855">
        <v>7</v>
      </c>
      <c r="AH1855">
        <v>7</v>
      </c>
      <c r="AI1855">
        <v>7</v>
      </c>
      <c r="AJ1855">
        <v>7</v>
      </c>
      <c r="AK1855">
        <v>7</v>
      </c>
      <c r="AL1855">
        <v>7</v>
      </c>
      <c r="AM1855">
        <v>7</v>
      </c>
      <c r="AN1855">
        <v>7</v>
      </c>
      <c r="AO1855">
        <v>7</v>
      </c>
      <c r="AP1855">
        <v>8</v>
      </c>
      <c r="AQ1855">
        <v>8</v>
      </c>
    </row>
    <row r="1856" spans="1:43">
      <c r="A1856" t="s">
        <v>1214</v>
      </c>
      <c r="B1856" t="s">
        <v>1215</v>
      </c>
      <c r="C1856" t="s">
        <v>1216</v>
      </c>
      <c r="D1856" t="s">
        <v>1217</v>
      </c>
      <c r="E1856" t="s">
        <v>1192</v>
      </c>
      <c r="F1856" t="s">
        <v>1193</v>
      </c>
      <c r="G1856" t="s">
        <v>80</v>
      </c>
      <c r="H1856" t="s">
        <v>81</v>
      </c>
      <c r="I1856" s="2">
        <v>1</v>
      </c>
      <c r="J1856" s="2">
        <v>0</v>
      </c>
      <c r="K1856" s="2">
        <v>0</v>
      </c>
      <c r="L1856" t="s">
        <v>120</v>
      </c>
      <c r="M1856" t="s">
        <v>89</v>
      </c>
      <c r="N1856" t="s">
        <v>90</v>
      </c>
      <c r="O1856" t="s">
        <v>85</v>
      </c>
      <c r="P1856" t="s">
        <v>86</v>
      </c>
      <c r="Q1856">
        <v>5</v>
      </c>
      <c r="R1856">
        <v>5</v>
      </c>
      <c r="S1856">
        <v>5</v>
      </c>
      <c r="T1856">
        <v>6</v>
      </c>
      <c r="U1856">
        <v>6</v>
      </c>
      <c r="V1856">
        <v>6</v>
      </c>
      <c r="W1856">
        <v>6</v>
      </c>
      <c r="X1856">
        <v>6</v>
      </c>
      <c r="Y1856">
        <v>7</v>
      </c>
      <c r="Z1856">
        <v>7</v>
      </c>
      <c r="AA1856">
        <v>7</v>
      </c>
      <c r="AB1856">
        <v>7</v>
      </c>
      <c r="AC1856">
        <v>7</v>
      </c>
      <c r="AD1856">
        <v>8</v>
      </c>
      <c r="AE1856">
        <v>8</v>
      </c>
      <c r="AF1856">
        <v>8</v>
      </c>
      <c r="AG1856">
        <v>8</v>
      </c>
      <c r="AH1856">
        <v>8</v>
      </c>
      <c r="AI1856">
        <v>8</v>
      </c>
      <c r="AJ1856">
        <v>8</v>
      </c>
      <c r="AK1856">
        <v>8</v>
      </c>
      <c r="AL1856">
        <v>8</v>
      </c>
      <c r="AM1856">
        <v>8</v>
      </c>
      <c r="AN1856">
        <v>9</v>
      </c>
      <c r="AO1856">
        <v>9</v>
      </c>
      <c r="AP1856">
        <v>9</v>
      </c>
      <c r="AQ1856">
        <v>9</v>
      </c>
    </row>
    <row r="1857" spans="1:43">
      <c r="A1857" t="s">
        <v>1214</v>
      </c>
      <c r="B1857" t="s">
        <v>1215</v>
      </c>
      <c r="C1857" t="s">
        <v>1216</v>
      </c>
      <c r="D1857" t="s">
        <v>1217</v>
      </c>
      <c r="E1857" t="s">
        <v>1192</v>
      </c>
      <c r="F1857" t="s">
        <v>1193</v>
      </c>
      <c r="G1857" t="s">
        <v>80</v>
      </c>
      <c r="H1857" t="s">
        <v>81</v>
      </c>
      <c r="I1857" s="2">
        <v>1</v>
      </c>
      <c r="J1857" s="2">
        <v>0</v>
      </c>
      <c r="K1857" s="2">
        <v>0</v>
      </c>
      <c r="L1857" t="s">
        <v>120</v>
      </c>
      <c r="M1857" t="s">
        <v>83</v>
      </c>
      <c r="N1857" t="s">
        <v>91</v>
      </c>
      <c r="O1857" t="s">
        <v>85</v>
      </c>
      <c r="P1857" t="s">
        <v>86</v>
      </c>
      <c r="Q1857">
        <v>5</v>
      </c>
      <c r="R1857">
        <v>5</v>
      </c>
      <c r="S1857">
        <v>5</v>
      </c>
      <c r="T1857">
        <v>5</v>
      </c>
      <c r="U1857">
        <v>6</v>
      </c>
      <c r="V1857">
        <v>6</v>
      </c>
      <c r="W1857">
        <v>6</v>
      </c>
      <c r="X1857">
        <v>6</v>
      </c>
      <c r="Y1857">
        <v>6</v>
      </c>
      <c r="Z1857">
        <v>6</v>
      </c>
      <c r="AA1857">
        <v>7</v>
      </c>
      <c r="AB1857">
        <v>7</v>
      </c>
      <c r="AC1857">
        <v>7</v>
      </c>
      <c r="AD1857">
        <v>7</v>
      </c>
      <c r="AE1857">
        <v>7</v>
      </c>
      <c r="AF1857">
        <v>7</v>
      </c>
      <c r="AG1857">
        <v>8</v>
      </c>
      <c r="AH1857">
        <v>8</v>
      </c>
      <c r="AI1857">
        <v>8</v>
      </c>
      <c r="AJ1857">
        <v>8</v>
      </c>
      <c r="AK1857">
        <v>8</v>
      </c>
      <c r="AL1857">
        <v>8</v>
      </c>
      <c r="AM1857">
        <v>8</v>
      </c>
      <c r="AN1857">
        <v>9</v>
      </c>
      <c r="AO1857">
        <v>9</v>
      </c>
      <c r="AP1857">
        <v>9</v>
      </c>
      <c r="AQ1857">
        <v>9</v>
      </c>
    </row>
    <row r="1858" spans="1:43">
      <c r="A1858" t="s">
        <v>1218</v>
      </c>
      <c r="B1858" t="s">
        <v>1219</v>
      </c>
      <c r="C1858" t="s">
        <v>1212</v>
      </c>
      <c r="D1858" t="s">
        <v>1213</v>
      </c>
      <c r="E1858" t="s">
        <v>1192</v>
      </c>
      <c r="F1858" t="s">
        <v>1193</v>
      </c>
      <c r="G1858" t="s">
        <v>80</v>
      </c>
      <c r="H1858" t="s">
        <v>81</v>
      </c>
      <c r="I1858" s="2">
        <v>1</v>
      </c>
      <c r="J1858" s="2">
        <v>0</v>
      </c>
      <c r="K1858" s="2">
        <v>0</v>
      </c>
      <c r="L1858" t="s">
        <v>120</v>
      </c>
      <c r="M1858" t="s">
        <v>83</v>
      </c>
      <c r="N1858" t="s">
        <v>84</v>
      </c>
      <c r="O1858" t="s">
        <v>85</v>
      </c>
      <c r="P1858" t="s">
        <v>86</v>
      </c>
      <c r="Q1858">
        <v>23</v>
      </c>
      <c r="R1858">
        <v>24</v>
      </c>
      <c r="S1858">
        <v>25</v>
      </c>
      <c r="T1858">
        <v>25</v>
      </c>
      <c r="U1858">
        <v>26</v>
      </c>
      <c r="V1858">
        <v>26</v>
      </c>
      <c r="W1858">
        <v>27</v>
      </c>
      <c r="X1858">
        <v>28</v>
      </c>
      <c r="Y1858">
        <v>29</v>
      </c>
      <c r="Z1858">
        <v>29</v>
      </c>
      <c r="AA1858">
        <v>30</v>
      </c>
      <c r="AB1858">
        <v>31</v>
      </c>
      <c r="AC1858">
        <v>31</v>
      </c>
      <c r="AD1858">
        <v>32</v>
      </c>
      <c r="AE1858">
        <v>33</v>
      </c>
      <c r="AF1858">
        <v>34</v>
      </c>
      <c r="AG1858">
        <v>34</v>
      </c>
      <c r="AH1858">
        <v>35</v>
      </c>
      <c r="AI1858">
        <v>36</v>
      </c>
      <c r="AJ1858">
        <v>37</v>
      </c>
      <c r="AK1858">
        <v>38</v>
      </c>
      <c r="AL1858">
        <v>38</v>
      </c>
      <c r="AM1858">
        <v>39</v>
      </c>
      <c r="AN1858">
        <v>39</v>
      </c>
      <c r="AO1858">
        <v>40</v>
      </c>
      <c r="AP1858">
        <v>40</v>
      </c>
      <c r="AQ1858">
        <v>41</v>
      </c>
    </row>
    <row r="1859" spans="1:43">
      <c r="A1859" t="s">
        <v>1218</v>
      </c>
      <c r="B1859" t="s">
        <v>1219</v>
      </c>
      <c r="C1859" t="s">
        <v>1212</v>
      </c>
      <c r="D1859" t="s">
        <v>1213</v>
      </c>
      <c r="E1859" t="s">
        <v>1192</v>
      </c>
      <c r="F1859" t="s">
        <v>1193</v>
      </c>
      <c r="G1859" t="s">
        <v>80</v>
      </c>
      <c r="H1859" t="s">
        <v>81</v>
      </c>
      <c r="I1859" s="2">
        <v>1</v>
      </c>
      <c r="J1859" s="2">
        <v>0</v>
      </c>
      <c r="K1859" s="2">
        <v>0</v>
      </c>
      <c r="L1859" t="s">
        <v>120</v>
      </c>
      <c r="M1859" t="s">
        <v>87</v>
      </c>
      <c r="N1859" t="s">
        <v>88</v>
      </c>
      <c r="O1859" t="s">
        <v>85</v>
      </c>
      <c r="P1859" t="s">
        <v>86</v>
      </c>
      <c r="Q1859">
        <v>23</v>
      </c>
      <c r="R1859">
        <v>23</v>
      </c>
      <c r="S1859">
        <v>24</v>
      </c>
      <c r="T1859">
        <v>24</v>
      </c>
      <c r="U1859">
        <v>25</v>
      </c>
      <c r="V1859">
        <v>25</v>
      </c>
      <c r="W1859">
        <v>26</v>
      </c>
      <c r="X1859">
        <v>26</v>
      </c>
      <c r="Y1859">
        <v>26</v>
      </c>
      <c r="Z1859">
        <v>27</v>
      </c>
      <c r="AA1859">
        <v>27</v>
      </c>
      <c r="AB1859">
        <v>28</v>
      </c>
      <c r="AC1859">
        <v>28</v>
      </c>
      <c r="AD1859">
        <v>29</v>
      </c>
      <c r="AE1859">
        <v>29</v>
      </c>
      <c r="AF1859">
        <v>30</v>
      </c>
      <c r="AG1859">
        <v>30</v>
      </c>
      <c r="AH1859">
        <v>31</v>
      </c>
      <c r="AI1859">
        <v>31</v>
      </c>
      <c r="AJ1859">
        <v>32</v>
      </c>
      <c r="AK1859">
        <v>32</v>
      </c>
      <c r="AL1859">
        <v>33</v>
      </c>
      <c r="AM1859">
        <v>33</v>
      </c>
      <c r="AN1859">
        <v>34</v>
      </c>
      <c r="AO1859">
        <v>34</v>
      </c>
      <c r="AP1859">
        <v>35</v>
      </c>
      <c r="AQ1859">
        <v>35</v>
      </c>
    </row>
    <row r="1860" spans="1:43">
      <c r="A1860" t="s">
        <v>1218</v>
      </c>
      <c r="B1860" t="s">
        <v>1219</v>
      </c>
      <c r="C1860" t="s">
        <v>1212</v>
      </c>
      <c r="D1860" t="s">
        <v>1213</v>
      </c>
      <c r="E1860" t="s">
        <v>1192</v>
      </c>
      <c r="F1860" t="s">
        <v>1193</v>
      </c>
      <c r="G1860" t="s">
        <v>80</v>
      </c>
      <c r="H1860" t="s">
        <v>81</v>
      </c>
      <c r="I1860" s="2">
        <v>1</v>
      </c>
      <c r="J1860" s="2">
        <v>0</v>
      </c>
      <c r="K1860" s="2">
        <v>0</v>
      </c>
      <c r="L1860" t="s">
        <v>120</v>
      </c>
      <c r="M1860" t="s">
        <v>89</v>
      </c>
      <c r="N1860" t="s">
        <v>90</v>
      </c>
      <c r="O1860" t="s">
        <v>85</v>
      </c>
      <c r="P1860" t="s">
        <v>86</v>
      </c>
      <c r="Q1860">
        <v>23</v>
      </c>
      <c r="R1860">
        <v>24</v>
      </c>
      <c r="S1860">
        <v>25</v>
      </c>
      <c r="T1860">
        <v>26</v>
      </c>
      <c r="U1860">
        <v>27</v>
      </c>
      <c r="V1860">
        <v>28</v>
      </c>
      <c r="W1860">
        <v>28</v>
      </c>
      <c r="X1860">
        <v>29</v>
      </c>
      <c r="Y1860">
        <v>30</v>
      </c>
      <c r="Z1860">
        <v>31</v>
      </c>
      <c r="AA1860">
        <v>32</v>
      </c>
      <c r="AB1860">
        <v>33</v>
      </c>
      <c r="AC1860">
        <v>34</v>
      </c>
      <c r="AD1860">
        <v>34</v>
      </c>
      <c r="AE1860">
        <v>35</v>
      </c>
      <c r="AF1860">
        <v>36</v>
      </c>
      <c r="AG1860">
        <v>36</v>
      </c>
      <c r="AH1860">
        <v>37</v>
      </c>
      <c r="AI1860">
        <v>37</v>
      </c>
      <c r="AJ1860">
        <v>37</v>
      </c>
      <c r="AK1860">
        <v>38</v>
      </c>
      <c r="AL1860">
        <v>38</v>
      </c>
      <c r="AM1860">
        <v>39</v>
      </c>
      <c r="AN1860">
        <v>39</v>
      </c>
      <c r="AO1860">
        <v>40</v>
      </c>
      <c r="AP1860">
        <v>40</v>
      </c>
      <c r="AQ1860">
        <v>41</v>
      </c>
    </row>
    <row r="1861" spans="1:43">
      <c r="A1861" t="s">
        <v>1218</v>
      </c>
      <c r="B1861" t="s">
        <v>1219</v>
      </c>
      <c r="C1861" t="s">
        <v>1212</v>
      </c>
      <c r="D1861" t="s">
        <v>1213</v>
      </c>
      <c r="E1861" t="s">
        <v>1192</v>
      </c>
      <c r="F1861" t="s">
        <v>1193</v>
      </c>
      <c r="G1861" t="s">
        <v>80</v>
      </c>
      <c r="H1861" t="s">
        <v>81</v>
      </c>
      <c r="I1861" s="2">
        <v>1</v>
      </c>
      <c r="J1861" s="2">
        <v>0</v>
      </c>
      <c r="K1861" s="2">
        <v>0</v>
      </c>
      <c r="L1861" t="s">
        <v>120</v>
      </c>
      <c r="M1861" t="s">
        <v>83</v>
      </c>
      <c r="N1861" t="s">
        <v>91</v>
      </c>
      <c r="O1861" t="s">
        <v>85</v>
      </c>
      <c r="P1861" t="s">
        <v>86</v>
      </c>
      <c r="Q1861">
        <v>23</v>
      </c>
      <c r="R1861">
        <v>24</v>
      </c>
      <c r="S1861">
        <v>25</v>
      </c>
      <c r="T1861">
        <v>25</v>
      </c>
      <c r="U1861">
        <v>26</v>
      </c>
      <c r="V1861">
        <v>26</v>
      </c>
      <c r="W1861">
        <v>27</v>
      </c>
      <c r="X1861">
        <v>28</v>
      </c>
      <c r="Y1861">
        <v>29</v>
      </c>
      <c r="Z1861">
        <v>29</v>
      </c>
      <c r="AA1861">
        <v>30</v>
      </c>
      <c r="AB1861">
        <v>31</v>
      </c>
      <c r="AC1861">
        <v>31</v>
      </c>
      <c r="AD1861">
        <v>32</v>
      </c>
      <c r="AE1861">
        <v>33</v>
      </c>
      <c r="AF1861">
        <v>34</v>
      </c>
      <c r="AG1861">
        <v>34</v>
      </c>
      <c r="AH1861">
        <v>35</v>
      </c>
      <c r="AI1861">
        <v>36</v>
      </c>
      <c r="AJ1861">
        <v>37</v>
      </c>
      <c r="AK1861">
        <v>38</v>
      </c>
      <c r="AL1861">
        <v>38</v>
      </c>
      <c r="AM1861">
        <v>39</v>
      </c>
      <c r="AN1861">
        <v>39</v>
      </c>
      <c r="AO1861">
        <v>40</v>
      </c>
      <c r="AP1861">
        <v>40</v>
      </c>
      <c r="AQ1861">
        <v>41</v>
      </c>
    </row>
    <row r="1862" spans="1:43">
      <c r="A1862" t="s">
        <v>1220</v>
      </c>
      <c r="B1862" t="s">
        <v>1221</v>
      </c>
      <c r="C1862" t="s">
        <v>1212</v>
      </c>
      <c r="D1862" t="s">
        <v>1213</v>
      </c>
      <c r="E1862" t="s">
        <v>1192</v>
      </c>
      <c r="F1862" t="s">
        <v>1193</v>
      </c>
      <c r="G1862" t="s">
        <v>80</v>
      </c>
      <c r="H1862" t="s">
        <v>81</v>
      </c>
      <c r="I1862" s="2">
        <v>1</v>
      </c>
      <c r="J1862" s="2">
        <v>0</v>
      </c>
      <c r="K1862" s="2">
        <v>0</v>
      </c>
      <c r="L1862" t="s">
        <v>120</v>
      </c>
      <c r="M1862" t="s">
        <v>83</v>
      </c>
      <c r="N1862" t="s">
        <v>84</v>
      </c>
      <c r="O1862" t="s">
        <v>85</v>
      </c>
      <c r="P1862" t="s">
        <v>86</v>
      </c>
      <c r="Q1862">
        <v>31</v>
      </c>
      <c r="R1862">
        <v>32</v>
      </c>
      <c r="S1862">
        <v>33</v>
      </c>
      <c r="T1862">
        <v>34</v>
      </c>
      <c r="U1862">
        <v>35</v>
      </c>
      <c r="V1862">
        <v>36</v>
      </c>
      <c r="W1862">
        <v>36</v>
      </c>
      <c r="X1862">
        <v>37</v>
      </c>
      <c r="Y1862">
        <v>38</v>
      </c>
      <c r="Z1862">
        <v>39</v>
      </c>
      <c r="AA1862">
        <v>40</v>
      </c>
      <c r="AB1862">
        <v>41</v>
      </c>
      <c r="AC1862">
        <v>42</v>
      </c>
      <c r="AD1862">
        <v>43</v>
      </c>
      <c r="AE1862">
        <v>44</v>
      </c>
      <c r="AF1862">
        <v>45</v>
      </c>
      <c r="AG1862">
        <v>46</v>
      </c>
      <c r="AH1862">
        <v>47</v>
      </c>
      <c r="AI1862">
        <v>48</v>
      </c>
      <c r="AJ1862">
        <v>49</v>
      </c>
      <c r="AK1862">
        <v>51</v>
      </c>
      <c r="AL1862">
        <v>51</v>
      </c>
      <c r="AM1862">
        <v>52</v>
      </c>
      <c r="AN1862">
        <v>53</v>
      </c>
      <c r="AO1862">
        <v>53</v>
      </c>
      <c r="AP1862">
        <v>54</v>
      </c>
      <c r="AQ1862">
        <v>55</v>
      </c>
    </row>
    <row r="1863" spans="1:43">
      <c r="A1863" t="s">
        <v>1220</v>
      </c>
      <c r="B1863" t="s">
        <v>1221</v>
      </c>
      <c r="C1863" t="s">
        <v>1212</v>
      </c>
      <c r="D1863" t="s">
        <v>1213</v>
      </c>
      <c r="E1863" t="s">
        <v>1192</v>
      </c>
      <c r="F1863" t="s">
        <v>1193</v>
      </c>
      <c r="G1863" t="s">
        <v>80</v>
      </c>
      <c r="H1863" t="s">
        <v>81</v>
      </c>
      <c r="I1863" s="2">
        <v>1</v>
      </c>
      <c r="J1863" s="2">
        <v>0</v>
      </c>
      <c r="K1863" s="2">
        <v>0</v>
      </c>
      <c r="L1863" t="s">
        <v>120</v>
      </c>
      <c r="M1863" t="s">
        <v>87</v>
      </c>
      <c r="N1863" t="s">
        <v>88</v>
      </c>
      <c r="O1863" t="s">
        <v>85</v>
      </c>
      <c r="P1863" t="s">
        <v>86</v>
      </c>
      <c r="Q1863">
        <v>31</v>
      </c>
      <c r="R1863">
        <v>31</v>
      </c>
      <c r="S1863">
        <v>32</v>
      </c>
      <c r="T1863">
        <v>33</v>
      </c>
      <c r="U1863">
        <v>33</v>
      </c>
      <c r="V1863">
        <v>34</v>
      </c>
      <c r="W1863">
        <v>34</v>
      </c>
      <c r="X1863">
        <v>35</v>
      </c>
      <c r="Y1863">
        <v>35</v>
      </c>
      <c r="Z1863">
        <v>36</v>
      </c>
      <c r="AA1863">
        <v>37</v>
      </c>
      <c r="AB1863">
        <v>37</v>
      </c>
      <c r="AC1863">
        <v>38</v>
      </c>
      <c r="AD1863">
        <v>39</v>
      </c>
      <c r="AE1863">
        <v>39</v>
      </c>
      <c r="AF1863">
        <v>40</v>
      </c>
      <c r="AG1863">
        <v>40</v>
      </c>
      <c r="AH1863">
        <v>41</v>
      </c>
      <c r="AI1863">
        <v>42</v>
      </c>
      <c r="AJ1863">
        <v>43</v>
      </c>
      <c r="AK1863">
        <v>43</v>
      </c>
      <c r="AL1863">
        <v>44</v>
      </c>
      <c r="AM1863">
        <v>45</v>
      </c>
      <c r="AN1863">
        <v>45</v>
      </c>
      <c r="AO1863">
        <v>46</v>
      </c>
      <c r="AP1863">
        <v>47</v>
      </c>
      <c r="AQ1863">
        <v>48</v>
      </c>
    </row>
    <row r="1864" spans="1:43">
      <c r="A1864" t="s">
        <v>1220</v>
      </c>
      <c r="B1864" t="s">
        <v>1221</v>
      </c>
      <c r="C1864" t="s">
        <v>1212</v>
      </c>
      <c r="D1864" t="s">
        <v>1213</v>
      </c>
      <c r="E1864" t="s">
        <v>1192</v>
      </c>
      <c r="F1864" t="s">
        <v>1193</v>
      </c>
      <c r="G1864" t="s">
        <v>80</v>
      </c>
      <c r="H1864" t="s">
        <v>81</v>
      </c>
      <c r="I1864" s="2">
        <v>1</v>
      </c>
      <c r="J1864" s="2">
        <v>0</v>
      </c>
      <c r="K1864" s="2">
        <v>0</v>
      </c>
      <c r="L1864" t="s">
        <v>120</v>
      </c>
      <c r="M1864" t="s">
        <v>89</v>
      </c>
      <c r="N1864" t="s">
        <v>90</v>
      </c>
      <c r="O1864" t="s">
        <v>85</v>
      </c>
      <c r="P1864" t="s">
        <v>86</v>
      </c>
      <c r="Q1864">
        <v>31</v>
      </c>
      <c r="R1864">
        <v>33</v>
      </c>
      <c r="S1864">
        <v>34</v>
      </c>
      <c r="T1864">
        <v>35</v>
      </c>
      <c r="U1864">
        <v>36</v>
      </c>
      <c r="V1864">
        <v>37</v>
      </c>
      <c r="W1864">
        <v>38</v>
      </c>
      <c r="X1864">
        <v>39</v>
      </c>
      <c r="Y1864">
        <v>40</v>
      </c>
      <c r="Z1864">
        <v>42</v>
      </c>
      <c r="AA1864">
        <v>43</v>
      </c>
      <c r="AB1864">
        <v>44</v>
      </c>
      <c r="AC1864">
        <v>45</v>
      </c>
      <c r="AD1864">
        <v>46</v>
      </c>
      <c r="AE1864">
        <v>47</v>
      </c>
      <c r="AF1864">
        <v>48</v>
      </c>
      <c r="AG1864">
        <v>48</v>
      </c>
      <c r="AH1864">
        <v>49</v>
      </c>
      <c r="AI1864">
        <v>50</v>
      </c>
      <c r="AJ1864">
        <v>50</v>
      </c>
      <c r="AK1864">
        <v>51</v>
      </c>
      <c r="AL1864">
        <v>52</v>
      </c>
      <c r="AM1864">
        <v>52</v>
      </c>
      <c r="AN1864">
        <v>53</v>
      </c>
      <c r="AO1864">
        <v>54</v>
      </c>
      <c r="AP1864">
        <v>54</v>
      </c>
      <c r="AQ1864">
        <v>55</v>
      </c>
    </row>
    <row r="1865" spans="1:43">
      <c r="A1865" t="s">
        <v>1220</v>
      </c>
      <c r="B1865" t="s">
        <v>1221</v>
      </c>
      <c r="C1865" t="s">
        <v>1212</v>
      </c>
      <c r="D1865" t="s">
        <v>1213</v>
      </c>
      <c r="E1865" t="s">
        <v>1192</v>
      </c>
      <c r="F1865" t="s">
        <v>1193</v>
      </c>
      <c r="G1865" t="s">
        <v>80</v>
      </c>
      <c r="H1865" t="s">
        <v>81</v>
      </c>
      <c r="I1865" s="2">
        <v>1</v>
      </c>
      <c r="J1865" s="2">
        <v>0</v>
      </c>
      <c r="K1865" s="2">
        <v>0</v>
      </c>
      <c r="L1865" t="s">
        <v>120</v>
      </c>
      <c r="M1865" t="s">
        <v>83</v>
      </c>
      <c r="N1865" t="s">
        <v>91</v>
      </c>
      <c r="O1865" t="s">
        <v>85</v>
      </c>
      <c r="P1865" t="s">
        <v>86</v>
      </c>
      <c r="Q1865">
        <v>31</v>
      </c>
      <c r="R1865">
        <v>32</v>
      </c>
      <c r="S1865">
        <v>33</v>
      </c>
      <c r="T1865">
        <v>34</v>
      </c>
      <c r="U1865">
        <v>35</v>
      </c>
      <c r="V1865">
        <v>36</v>
      </c>
      <c r="W1865">
        <v>36</v>
      </c>
      <c r="X1865">
        <v>37</v>
      </c>
      <c r="Y1865">
        <v>38</v>
      </c>
      <c r="Z1865">
        <v>39</v>
      </c>
      <c r="AA1865">
        <v>40</v>
      </c>
      <c r="AB1865">
        <v>41</v>
      </c>
      <c r="AC1865">
        <v>42</v>
      </c>
      <c r="AD1865">
        <v>43</v>
      </c>
      <c r="AE1865">
        <v>44</v>
      </c>
      <c r="AF1865">
        <v>45</v>
      </c>
      <c r="AG1865">
        <v>46</v>
      </c>
      <c r="AH1865">
        <v>47</v>
      </c>
      <c r="AI1865">
        <v>48</v>
      </c>
      <c r="AJ1865">
        <v>49</v>
      </c>
      <c r="AK1865">
        <v>51</v>
      </c>
      <c r="AL1865">
        <v>51</v>
      </c>
      <c r="AM1865">
        <v>52</v>
      </c>
      <c r="AN1865">
        <v>53</v>
      </c>
      <c r="AO1865">
        <v>53</v>
      </c>
      <c r="AP1865">
        <v>54</v>
      </c>
      <c r="AQ1865">
        <v>55</v>
      </c>
    </row>
    <row r="1866" spans="1:43">
      <c r="A1866" t="s">
        <v>1222</v>
      </c>
      <c r="B1866" t="s">
        <v>1223</v>
      </c>
      <c r="C1866" t="s">
        <v>1216</v>
      </c>
      <c r="D1866" t="s">
        <v>1217</v>
      </c>
      <c r="E1866" t="s">
        <v>1192</v>
      </c>
      <c r="F1866" t="s">
        <v>1193</v>
      </c>
      <c r="G1866" t="s">
        <v>80</v>
      </c>
      <c r="H1866" t="s">
        <v>81</v>
      </c>
      <c r="I1866" s="2">
        <v>1</v>
      </c>
      <c r="J1866" s="2">
        <v>0</v>
      </c>
      <c r="K1866" s="2">
        <v>0</v>
      </c>
      <c r="L1866" t="s">
        <v>120</v>
      </c>
      <c r="M1866" t="s">
        <v>83</v>
      </c>
      <c r="N1866" t="s">
        <v>84</v>
      </c>
      <c r="O1866" t="s">
        <v>85</v>
      </c>
      <c r="P1866" t="s">
        <v>86</v>
      </c>
      <c r="Q1866">
        <v>6</v>
      </c>
      <c r="R1866">
        <v>6</v>
      </c>
      <c r="S1866">
        <v>6</v>
      </c>
      <c r="T1866">
        <v>6</v>
      </c>
      <c r="U1866">
        <v>6</v>
      </c>
      <c r="V1866">
        <v>6</v>
      </c>
      <c r="W1866">
        <v>7</v>
      </c>
      <c r="X1866">
        <v>7</v>
      </c>
      <c r="Y1866">
        <v>7</v>
      </c>
      <c r="Z1866">
        <v>7</v>
      </c>
      <c r="AA1866">
        <v>7</v>
      </c>
      <c r="AB1866">
        <v>7</v>
      </c>
      <c r="AC1866">
        <v>8</v>
      </c>
      <c r="AD1866">
        <v>8</v>
      </c>
      <c r="AE1866">
        <v>8</v>
      </c>
      <c r="AF1866">
        <v>8</v>
      </c>
      <c r="AG1866">
        <v>8</v>
      </c>
      <c r="AH1866">
        <v>9</v>
      </c>
      <c r="AI1866">
        <v>9</v>
      </c>
      <c r="AJ1866">
        <v>9</v>
      </c>
      <c r="AK1866">
        <v>9</v>
      </c>
      <c r="AL1866">
        <v>9</v>
      </c>
      <c r="AM1866">
        <v>9</v>
      </c>
      <c r="AN1866">
        <v>10</v>
      </c>
      <c r="AO1866">
        <v>10</v>
      </c>
      <c r="AP1866">
        <v>10</v>
      </c>
      <c r="AQ1866">
        <v>10</v>
      </c>
    </row>
    <row r="1867" spans="1:43">
      <c r="A1867" t="s">
        <v>1222</v>
      </c>
      <c r="B1867" t="s">
        <v>1223</v>
      </c>
      <c r="C1867" t="s">
        <v>1216</v>
      </c>
      <c r="D1867" t="s">
        <v>1217</v>
      </c>
      <c r="E1867" t="s">
        <v>1192</v>
      </c>
      <c r="F1867" t="s">
        <v>1193</v>
      </c>
      <c r="G1867" t="s">
        <v>80</v>
      </c>
      <c r="H1867" t="s">
        <v>81</v>
      </c>
      <c r="I1867" s="2">
        <v>1</v>
      </c>
      <c r="J1867" s="2">
        <v>0</v>
      </c>
      <c r="K1867" s="2">
        <v>0</v>
      </c>
      <c r="L1867" t="s">
        <v>120</v>
      </c>
      <c r="M1867" t="s">
        <v>87</v>
      </c>
      <c r="N1867" t="s">
        <v>88</v>
      </c>
      <c r="O1867" t="s">
        <v>85</v>
      </c>
      <c r="P1867" t="s">
        <v>86</v>
      </c>
      <c r="Q1867">
        <v>6</v>
      </c>
      <c r="R1867">
        <v>6</v>
      </c>
      <c r="S1867">
        <v>6</v>
      </c>
      <c r="T1867">
        <v>6</v>
      </c>
      <c r="U1867">
        <v>6</v>
      </c>
      <c r="V1867">
        <v>6</v>
      </c>
      <c r="W1867">
        <v>6</v>
      </c>
      <c r="X1867">
        <v>6</v>
      </c>
      <c r="Y1867">
        <v>6</v>
      </c>
      <c r="Z1867">
        <v>7</v>
      </c>
      <c r="AA1867">
        <v>7</v>
      </c>
      <c r="AB1867">
        <v>7</v>
      </c>
      <c r="AC1867">
        <v>7</v>
      </c>
      <c r="AD1867">
        <v>7</v>
      </c>
      <c r="AE1867">
        <v>7</v>
      </c>
      <c r="AF1867">
        <v>7</v>
      </c>
      <c r="AG1867">
        <v>7</v>
      </c>
      <c r="AH1867">
        <v>7</v>
      </c>
      <c r="AI1867">
        <v>8</v>
      </c>
      <c r="AJ1867">
        <v>8</v>
      </c>
      <c r="AK1867">
        <v>8</v>
      </c>
      <c r="AL1867">
        <v>8</v>
      </c>
      <c r="AM1867">
        <v>8</v>
      </c>
      <c r="AN1867">
        <v>8</v>
      </c>
      <c r="AO1867">
        <v>8</v>
      </c>
      <c r="AP1867">
        <v>9</v>
      </c>
      <c r="AQ1867">
        <v>9</v>
      </c>
    </row>
    <row r="1868" spans="1:43">
      <c r="A1868" t="s">
        <v>1222</v>
      </c>
      <c r="B1868" t="s">
        <v>1223</v>
      </c>
      <c r="C1868" t="s">
        <v>1216</v>
      </c>
      <c r="D1868" t="s">
        <v>1217</v>
      </c>
      <c r="E1868" t="s">
        <v>1192</v>
      </c>
      <c r="F1868" t="s">
        <v>1193</v>
      </c>
      <c r="G1868" t="s">
        <v>80</v>
      </c>
      <c r="H1868" t="s">
        <v>81</v>
      </c>
      <c r="I1868" s="2">
        <v>1</v>
      </c>
      <c r="J1868" s="2">
        <v>0</v>
      </c>
      <c r="K1868" s="2">
        <v>0</v>
      </c>
      <c r="L1868" t="s">
        <v>120</v>
      </c>
      <c r="M1868" t="s">
        <v>89</v>
      </c>
      <c r="N1868" t="s">
        <v>90</v>
      </c>
      <c r="O1868" t="s">
        <v>85</v>
      </c>
      <c r="P1868" t="s">
        <v>86</v>
      </c>
      <c r="Q1868">
        <v>6</v>
      </c>
      <c r="R1868">
        <v>6</v>
      </c>
      <c r="S1868">
        <v>6</v>
      </c>
      <c r="T1868">
        <v>6</v>
      </c>
      <c r="U1868">
        <v>7</v>
      </c>
      <c r="V1868">
        <v>7</v>
      </c>
      <c r="W1868">
        <v>7</v>
      </c>
      <c r="X1868">
        <v>7</v>
      </c>
      <c r="Y1868">
        <v>7</v>
      </c>
      <c r="Z1868">
        <v>8</v>
      </c>
      <c r="AA1868">
        <v>8</v>
      </c>
      <c r="AB1868">
        <v>8</v>
      </c>
      <c r="AC1868">
        <v>8</v>
      </c>
      <c r="AD1868">
        <v>8</v>
      </c>
      <c r="AE1868">
        <v>9</v>
      </c>
      <c r="AF1868">
        <v>9</v>
      </c>
      <c r="AG1868">
        <v>9</v>
      </c>
      <c r="AH1868">
        <v>9</v>
      </c>
      <c r="AI1868">
        <v>9</v>
      </c>
      <c r="AJ1868">
        <v>9</v>
      </c>
      <c r="AK1868">
        <v>9</v>
      </c>
      <c r="AL1868">
        <v>9</v>
      </c>
      <c r="AM1868">
        <v>10</v>
      </c>
      <c r="AN1868">
        <v>10</v>
      </c>
      <c r="AO1868">
        <v>10</v>
      </c>
      <c r="AP1868">
        <v>10</v>
      </c>
      <c r="AQ1868">
        <v>10</v>
      </c>
    </row>
    <row r="1869" spans="1:43">
      <c r="A1869" t="s">
        <v>1222</v>
      </c>
      <c r="B1869" t="s">
        <v>1223</v>
      </c>
      <c r="C1869" t="s">
        <v>1216</v>
      </c>
      <c r="D1869" t="s">
        <v>1217</v>
      </c>
      <c r="E1869" t="s">
        <v>1192</v>
      </c>
      <c r="F1869" t="s">
        <v>1193</v>
      </c>
      <c r="G1869" t="s">
        <v>80</v>
      </c>
      <c r="H1869" t="s">
        <v>81</v>
      </c>
      <c r="I1869" s="2">
        <v>1</v>
      </c>
      <c r="J1869" s="2">
        <v>0</v>
      </c>
      <c r="K1869" s="2">
        <v>0</v>
      </c>
      <c r="L1869" t="s">
        <v>120</v>
      </c>
      <c r="M1869" t="s">
        <v>83</v>
      </c>
      <c r="N1869" t="s">
        <v>91</v>
      </c>
      <c r="O1869" t="s">
        <v>85</v>
      </c>
      <c r="P1869" t="s">
        <v>86</v>
      </c>
      <c r="Q1869">
        <v>6</v>
      </c>
      <c r="R1869">
        <v>6</v>
      </c>
      <c r="S1869">
        <v>6</v>
      </c>
      <c r="T1869">
        <v>6</v>
      </c>
      <c r="U1869">
        <v>6</v>
      </c>
      <c r="V1869">
        <v>6</v>
      </c>
      <c r="W1869">
        <v>7</v>
      </c>
      <c r="X1869">
        <v>7</v>
      </c>
      <c r="Y1869">
        <v>7</v>
      </c>
      <c r="Z1869">
        <v>7</v>
      </c>
      <c r="AA1869">
        <v>7</v>
      </c>
      <c r="AB1869">
        <v>7</v>
      </c>
      <c r="AC1869">
        <v>8</v>
      </c>
      <c r="AD1869">
        <v>8</v>
      </c>
      <c r="AE1869">
        <v>8</v>
      </c>
      <c r="AF1869">
        <v>8</v>
      </c>
      <c r="AG1869">
        <v>8</v>
      </c>
      <c r="AH1869">
        <v>9</v>
      </c>
      <c r="AI1869">
        <v>9</v>
      </c>
      <c r="AJ1869">
        <v>9</v>
      </c>
      <c r="AK1869">
        <v>9</v>
      </c>
      <c r="AL1869">
        <v>9</v>
      </c>
      <c r="AM1869">
        <v>9</v>
      </c>
      <c r="AN1869">
        <v>10</v>
      </c>
      <c r="AO1869">
        <v>10</v>
      </c>
      <c r="AP1869">
        <v>10</v>
      </c>
      <c r="AQ1869">
        <v>10</v>
      </c>
    </row>
    <row r="1870" spans="1:43">
      <c r="A1870" t="s">
        <v>1224</v>
      </c>
      <c r="B1870" t="s">
        <v>1225</v>
      </c>
      <c r="C1870" t="s">
        <v>1216</v>
      </c>
      <c r="D1870" t="s">
        <v>1217</v>
      </c>
      <c r="E1870" t="s">
        <v>1192</v>
      </c>
      <c r="F1870" t="s">
        <v>1193</v>
      </c>
      <c r="G1870" t="s">
        <v>80</v>
      </c>
      <c r="H1870" t="s">
        <v>81</v>
      </c>
      <c r="I1870" s="2">
        <v>1</v>
      </c>
      <c r="J1870" s="2">
        <v>0</v>
      </c>
      <c r="K1870" s="2">
        <v>0</v>
      </c>
      <c r="L1870" t="s">
        <v>120</v>
      </c>
      <c r="M1870" t="s">
        <v>83</v>
      </c>
      <c r="N1870" t="s">
        <v>84</v>
      </c>
      <c r="O1870" t="s">
        <v>85</v>
      </c>
      <c r="P1870" t="s">
        <v>86</v>
      </c>
      <c r="Q1870">
        <v>25</v>
      </c>
      <c r="R1870">
        <v>26</v>
      </c>
      <c r="S1870">
        <v>27</v>
      </c>
      <c r="T1870">
        <v>27</v>
      </c>
      <c r="U1870">
        <v>28</v>
      </c>
      <c r="V1870">
        <v>29</v>
      </c>
      <c r="W1870">
        <v>30</v>
      </c>
      <c r="X1870">
        <v>30</v>
      </c>
      <c r="Y1870">
        <v>31</v>
      </c>
      <c r="Z1870">
        <v>32</v>
      </c>
      <c r="AA1870">
        <v>33</v>
      </c>
      <c r="AB1870">
        <v>33</v>
      </c>
      <c r="AC1870">
        <v>34</v>
      </c>
      <c r="AD1870">
        <v>35</v>
      </c>
      <c r="AE1870">
        <v>36</v>
      </c>
      <c r="AF1870">
        <v>37</v>
      </c>
      <c r="AG1870">
        <v>37</v>
      </c>
      <c r="AH1870">
        <v>38</v>
      </c>
      <c r="AI1870">
        <v>39</v>
      </c>
      <c r="AJ1870">
        <v>40</v>
      </c>
      <c r="AK1870">
        <v>41</v>
      </c>
      <c r="AL1870">
        <v>42</v>
      </c>
      <c r="AM1870">
        <v>42</v>
      </c>
      <c r="AN1870">
        <v>43</v>
      </c>
      <c r="AO1870">
        <v>43</v>
      </c>
      <c r="AP1870">
        <v>44</v>
      </c>
      <c r="AQ1870">
        <v>44</v>
      </c>
    </row>
    <row r="1871" spans="1:43">
      <c r="A1871" t="s">
        <v>1224</v>
      </c>
      <c r="B1871" t="s">
        <v>1225</v>
      </c>
      <c r="C1871" t="s">
        <v>1216</v>
      </c>
      <c r="D1871" t="s">
        <v>1217</v>
      </c>
      <c r="E1871" t="s">
        <v>1192</v>
      </c>
      <c r="F1871" t="s">
        <v>1193</v>
      </c>
      <c r="G1871" t="s">
        <v>80</v>
      </c>
      <c r="H1871" t="s">
        <v>81</v>
      </c>
      <c r="I1871" s="2">
        <v>1</v>
      </c>
      <c r="J1871" s="2">
        <v>0</v>
      </c>
      <c r="K1871" s="2">
        <v>0</v>
      </c>
      <c r="L1871" t="s">
        <v>120</v>
      </c>
      <c r="M1871" t="s">
        <v>87</v>
      </c>
      <c r="N1871" t="s">
        <v>88</v>
      </c>
      <c r="O1871" t="s">
        <v>85</v>
      </c>
      <c r="P1871" t="s">
        <v>86</v>
      </c>
      <c r="Q1871">
        <v>25</v>
      </c>
      <c r="R1871">
        <v>25</v>
      </c>
      <c r="S1871">
        <v>26</v>
      </c>
      <c r="T1871">
        <v>26</v>
      </c>
      <c r="U1871">
        <v>27</v>
      </c>
      <c r="V1871">
        <v>27</v>
      </c>
      <c r="W1871">
        <v>28</v>
      </c>
      <c r="X1871">
        <v>28</v>
      </c>
      <c r="Y1871">
        <v>29</v>
      </c>
      <c r="Z1871">
        <v>29</v>
      </c>
      <c r="AA1871">
        <v>30</v>
      </c>
      <c r="AB1871">
        <v>30</v>
      </c>
      <c r="AC1871">
        <v>31</v>
      </c>
      <c r="AD1871">
        <v>31</v>
      </c>
      <c r="AE1871">
        <v>32</v>
      </c>
      <c r="AF1871">
        <v>32</v>
      </c>
      <c r="AG1871">
        <v>33</v>
      </c>
      <c r="AH1871">
        <v>33</v>
      </c>
      <c r="AI1871">
        <v>34</v>
      </c>
      <c r="AJ1871">
        <v>34</v>
      </c>
      <c r="AK1871">
        <v>35</v>
      </c>
      <c r="AL1871">
        <v>36</v>
      </c>
      <c r="AM1871">
        <v>36</v>
      </c>
      <c r="AN1871">
        <v>37</v>
      </c>
      <c r="AO1871">
        <v>37</v>
      </c>
      <c r="AP1871">
        <v>38</v>
      </c>
      <c r="AQ1871">
        <v>39</v>
      </c>
    </row>
    <row r="1872" spans="1:43">
      <c r="A1872" t="s">
        <v>1224</v>
      </c>
      <c r="B1872" t="s">
        <v>1225</v>
      </c>
      <c r="C1872" t="s">
        <v>1216</v>
      </c>
      <c r="D1872" t="s">
        <v>1217</v>
      </c>
      <c r="E1872" t="s">
        <v>1192</v>
      </c>
      <c r="F1872" t="s">
        <v>1193</v>
      </c>
      <c r="G1872" t="s">
        <v>80</v>
      </c>
      <c r="H1872" t="s">
        <v>81</v>
      </c>
      <c r="I1872" s="2">
        <v>1</v>
      </c>
      <c r="J1872" s="2">
        <v>0</v>
      </c>
      <c r="K1872" s="2">
        <v>0</v>
      </c>
      <c r="L1872" t="s">
        <v>120</v>
      </c>
      <c r="M1872" t="s">
        <v>89</v>
      </c>
      <c r="N1872" t="s">
        <v>90</v>
      </c>
      <c r="O1872" t="s">
        <v>85</v>
      </c>
      <c r="P1872" t="s">
        <v>86</v>
      </c>
      <c r="Q1872">
        <v>25</v>
      </c>
      <c r="R1872">
        <v>26</v>
      </c>
      <c r="S1872">
        <v>27</v>
      </c>
      <c r="T1872">
        <v>28</v>
      </c>
      <c r="U1872">
        <v>29</v>
      </c>
      <c r="V1872">
        <v>30</v>
      </c>
      <c r="W1872">
        <v>31</v>
      </c>
      <c r="X1872">
        <v>32</v>
      </c>
      <c r="Y1872">
        <v>33</v>
      </c>
      <c r="Z1872">
        <v>34</v>
      </c>
      <c r="AA1872">
        <v>35</v>
      </c>
      <c r="AB1872">
        <v>36</v>
      </c>
      <c r="AC1872">
        <v>37</v>
      </c>
      <c r="AD1872">
        <v>38</v>
      </c>
      <c r="AE1872">
        <v>38</v>
      </c>
      <c r="AF1872">
        <v>39</v>
      </c>
      <c r="AG1872">
        <v>39</v>
      </c>
      <c r="AH1872">
        <v>40</v>
      </c>
      <c r="AI1872">
        <v>40</v>
      </c>
      <c r="AJ1872">
        <v>41</v>
      </c>
      <c r="AK1872">
        <v>41</v>
      </c>
      <c r="AL1872">
        <v>42</v>
      </c>
      <c r="AM1872">
        <v>43</v>
      </c>
      <c r="AN1872">
        <v>43</v>
      </c>
      <c r="AO1872">
        <v>44</v>
      </c>
      <c r="AP1872">
        <v>44</v>
      </c>
      <c r="AQ1872">
        <v>45</v>
      </c>
    </row>
    <row r="1873" spans="1:43">
      <c r="A1873" t="s">
        <v>1224</v>
      </c>
      <c r="B1873" t="s">
        <v>1225</v>
      </c>
      <c r="C1873" t="s">
        <v>1216</v>
      </c>
      <c r="D1873" t="s">
        <v>1217</v>
      </c>
      <c r="E1873" t="s">
        <v>1192</v>
      </c>
      <c r="F1873" t="s">
        <v>1193</v>
      </c>
      <c r="G1873" t="s">
        <v>80</v>
      </c>
      <c r="H1873" t="s">
        <v>81</v>
      </c>
      <c r="I1873" s="2">
        <v>1</v>
      </c>
      <c r="J1873" s="2">
        <v>0</v>
      </c>
      <c r="K1873" s="2">
        <v>0</v>
      </c>
      <c r="L1873" t="s">
        <v>120</v>
      </c>
      <c r="M1873" t="s">
        <v>83</v>
      </c>
      <c r="N1873" t="s">
        <v>91</v>
      </c>
      <c r="O1873" t="s">
        <v>85</v>
      </c>
      <c r="P1873" t="s">
        <v>86</v>
      </c>
      <c r="Q1873">
        <v>25</v>
      </c>
      <c r="R1873">
        <v>26</v>
      </c>
      <c r="S1873">
        <v>27</v>
      </c>
      <c r="T1873">
        <v>27</v>
      </c>
      <c r="U1873">
        <v>28</v>
      </c>
      <c r="V1873">
        <v>29</v>
      </c>
      <c r="W1873">
        <v>30</v>
      </c>
      <c r="X1873">
        <v>30</v>
      </c>
      <c r="Y1873">
        <v>31</v>
      </c>
      <c r="Z1873">
        <v>32</v>
      </c>
      <c r="AA1873">
        <v>33</v>
      </c>
      <c r="AB1873">
        <v>33</v>
      </c>
      <c r="AC1873">
        <v>34</v>
      </c>
      <c r="AD1873">
        <v>35</v>
      </c>
      <c r="AE1873">
        <v>36</v>
      </c>
      <c r="AF1873">
        <v>37</v>
      </c>
      <c r="AG1873">
        <v>37</v>
      </c>
      <c r="AH1873">
        <v>38</v>
      </c>
      <c r="AI1873">
        <v>39</v>
      </c>
      <c r="AJ1873">
        <v>40</v>
      </c>
      <c r="AK1873">
        <v>41</v>
      </c>
      <c r="AL1873">
        <v>42</v>
      </c>
      <c r="AM1873">
        <v>42</v>
      </c>
      <c r="AN1873">
        <v>43</v>
      </c>
      <c r="AO1873">
        <v>43</v>
      </c>
      <c r="AP1873">
        <v>44</v>
      </c>
      <c r="AQ1873">
        <v>44</v>
      </c>
    </row>
    <row r="1874" spans="1:43">
      <c r="A1874" t="s">
        <v>1226</v>
      </c>
      <c r="B1874" t="s">
        <v>1227</v>
      </c>
      <c r="C1874" t="s">
        <v>1216</v>
      </c>
      <c r="D1874" t="s">
        <v>1217</v>
      </c>
      <c r="E1874" t="s">
        <v>1192</v>
      </c>
      <c r="F1874" t="s">
        <v>1193</v>
      </c>
      <c r="G1874" t="s">
        <v>80</v>
      </c>
      <c r="H1874" t="s">
        <v>81</v>
      </c>
      <c r="I1874" s="2">
        <v>1</v>
      </c>
      <c r="J1874" s="2">
        <v>0</v>
      </c>
      <c r="K1874" s="2">
        <v>0</v>
      </c>
      <c r="L1874" t="s">
        <v>120</v>
      </c>
      <c r="M1874" t="s">
        <v>83</v>
      </c>
      <c r="N1874" t="s">
        <v>84</v>
      </c>
      <c r="O1874" t="s">
        <v>85</v>
      </c>
      <c r="P1874" t="s">
        <v>86</v>
      </c>
      <c r="Q1874">
        <v>15</v>
      </c>
      <c r="R1874">
        <v>15</v>
      </c>
      <c r="S1874">
        <v>16</v>
      </c>
      <c r="T1874">
        <v>16</v>
      </c>
      <c r="U1874">
        <v>16</v>
      </c>
      <c r="V1874">
        <v>17</v>
      </c>
      <c r="W1874">
        <v>17</v>
      </c>
      <c r="X1874">
        <v>18</v>
      </c>
      <c r="Y1874">
        <v>18</v>
      </c>
      <c r="Z1874">
        <v>19</v>
      </c>
      <c r="AA1874">
        <v>19</v>
      </c>
      <c r="AB1874">
        <v>20</v>
      </c>
      <c r="AC1874">
        <v>20</v>
      </c>
      <c r="AD1874">
        <v>20</v>
      </c>
      <c r="AE1874">
        <v>21</v>
      </c>
      <c r="AF1874">
        <v>21</v>
      </c>
      <c r="AG1874">
        <v>22</v>
      </c>
      <c r="AH1874">
        <v>22</v>
      </c>
      <c r="AI1874">
        <v>23</v>
      </c>
      <c r="AJ1874">
        <v>23</v>
      </c>
      <c r="AK1874">
        <v>24</v>
      </c>
      <c r="AL1874">
        <v>24</v>
      </c>
      <c r="AM1874">
        <v>25</v>
      </c>
      <c r="AN1874">
        <v>25</v>
      </c>
      <c r="AO1874">
        <v>25</v>
      </c>
      <c r="AP1874">
        <v>26</v>
      </c>
      <c r="AQ1874">
        <v>26</v>
      </c>
    </row>
    <row r="1875" spans="1:43">
      <c r="A1875" t="s">
        <v>1226</v>
      </c>
      <c r="B1875" t="s">
        <v>1227</v>
      </c>
      <c r="C1875" t="s">
        <v>1216</v>
      </c>
      <c r="D1875" t="s">
        <v>1217</v>
      </c>
      <c r="E1875" t="s">
        <v>1192</v>
      </c>
      <c r="F1875" t="s">
        <v>1193</v>
      </c>
      <c r="G1875" t="s">
        <v>80</v>
      </c>
      <c r="H1875" t="s">
        <v>81</v>
      </c>
      <c r="I1875" s="2">
        <v>1</v>
      </c>
      <c r="J1875" s="2">
        <v>0</v>
      </c>
      <c r="K1875" s="2">
        <v>0</v>
      </c>
      <c r="L1875" t="s">
        <v>120</v>
      </c>
      <c r="M1875" t="s">
        <v>87</v>
      </c>
      <c r="N1875" t="s">
        <v>88</v>
      </c>
      <c r="O1875" t="s">
        <v>85</v>
      </c>
      <c r="P1875" t="s">
        <v>86</v>
      </c>
      <c r="Q1875">
        <v>15</v>
      </c>
      <c r="R1875">
        <v>15</v>
      </c>
      <c r="S1875">
        <v>15</v>
      </c>
      <c r="T1875">
        <v>15</v>
      </c>
      <c r="U1875">
        <v>16</v>
      </c>
      <c r="V1875">
        <v>16</v>
      </c>
      <c r="W1875">
        <v>16</v>
      </c>
      <c r="X1875">
        <v>17</v>
      </c>
      <c r="Y1875">
        <v>17</v>
      </c>
      <c r="Z1875">
        <v>17</v>
      </c>
      <c r="AA1875">
        <v>17</v>
      </c>
      <c r="AB1875">
        <v>18</v>
      </c>
      <c r="AC1875">
        <v>18</v>
      </c>
      <c r="AD1875">
        <v>18</v>
      </c>
      <c r="AE1875">
        <v>19</v>
      </c>
      <c r="AF1875">
        <v>19</v>
      </c>
      <c r="AG1875">
        <v>19</v>
      </c>
      <c r="AH1875">
        <v>20</v>
      </c>
      <c r="AI1875">
        <v>20</v>
      </c>
      <c r="AJ1875">
        <v>20</v>
      </c>
      <c r="AK1875">
        <v>21</v>
      </c>
      <c r="AL1875">
        <v>21</v>
      </c>
      <c r="AM1875">
        <v>21</v>
      </c>
      <c r="AN1875">
        <v>22</v>
      </c>
      <c r="AO1875">
        <v>22</v>
      </c>
      <c r="AP1875">
        <v>22</v>
      </c>
      <c r="AQ1875">
        <v>23</v>
      </c>
    </row>
    <row r="1876" spans="1:43">
      <c r="A1876" t="s">
        <v>1226</v>
      </c>
      <c r="B1876" t="s">
        <v>1227</v>
      </c>
      <c r="C1876" t="s">
        <v>1216</v>
      </c>
      <c r="D1876" t="s">
        <v>1217</v>
      </c>
      <c r="E1876" t="s">
        <v>1192</v>
      </c>
      <c r="F1876" t="s">
        <v>1193</v>
      </c>
      <c r="G1876" t="s">
        <v>80</v>
      </c>
      <c r="H1876" t="s">
        <v>81</v>
      </c>
      <c r="I1876" s="2">
        <v>1</v>
      </c>
      <c r="J1876" s="2">
        <v>0</v>
      </c>
      <c r="K1876" s="2">
        <v>0</v>
      </c>
      <c r="L1876" t="s">
        <v>120</v>
      </c>
      <c r="M1876" t="s">
        <v>89</v>
      </c>
      <c r="N1876" t="s">
        <v>90</v>
      </c>
      <c r="O1876" t="s">
        <v>85</v>
      </c>
      <c r="P1876" t="s">
        <v>86</v>
      </c>
      <c r="Q1876">
        <v>15</v>
      </c>
      <c r="R1876">
        <v>15</v>
      </c>
      <c r="S1876">
        <v>16</v>
      </c>
      <c r="T1876">
        <v>17</v>
      </c>
      <c r="U1876">
        <v>17</v>
      </c>
      <c r="V1876">
        <v>18</v>
      </c>
      <c r="W1876">
        <v>18</v>
      </c>
      <c r="X1876">
        <v>19</v>
      </c>
      <c r="Y1876">
        <v>19</v>
      </c>
      <c r="Z1876">
        <v>20</v>
      </c>
      <c r="AA1876">
        <v>20</v>
      </c>
      <c r="AB1876">
        <v>21</v>
      </c>
      <c r="AC1876">
        <v>21</v>
      </c>
      <c r="AD1876">
        <v>22</v>
      </c>
      <c r="AE1876">
        <v>22</v>
      </c>
      <c r="AF1876">
        <v>23</v>
      </c>
      <c r="AG1876">
        <v>23</v>
      </c>
      <c r="AH1876">
        <v>23</v>
      </c>
      <c r="AI1876">
        <v>24</v>
      </c>
      <c r="AJ1876">
        <v>24</v>
      </c>
      <c r="AK1876">
        <v>24</v>
      </c>
      <c r="AL1876">
        <v>24</v>
      </c>
      <c r="AM1876">
        <v>25</v>
      </c>
      <c r="AN1876">
        <v>25</v>
      </c>
      <c r="AO1876">
        <v>25</v>
      </c>
      <c r="AP1876">
        <v>26</v>
      </c>
      <c r="AQ1876">
        <v>26</v>
      </c>
    </row>
    <row r="1877" spans="1:43">
      <c r="A1877" t="s">
        <v>1226</v>
      </c>
      <c r="B1877" t="s">
        <v>1227</v>
      </c>
      <c r="C1877" t="s">
        <v>1216</v>
      </c>
      <c r="D1877" t="s">
        <v>1217</v>
      </c>
      <c r="E1877" t="s">
        <v>1192</v>
      </c>
      <c r="F1877" t="s">
        <v>1193</v>
      </c>
      <c r="G1877" t="s">
        <v>80</v>
      </c>
      <c r="H1877" t="s">
        <v>81</v>
      </c>
      <c r="I1877" s="2">
        <v>1</v>
      </c>
      <c r="J1877" s="2">
        <v>0</v>
      </c>
      <c r="K1877" s="2">
        <v>0</v>
      </c>
      <c r="L1877" t="s">
        <v>120</v>
      </c>
      <c r="M1877" t="s">
        <v>83</v>
      </c>
      <c r="N1877" t="s">
        <v>91</v>
      </c>
      <c r="O1877" t="s">
        <v>85</v>
      </c>
      <c r="P1877" t="s">
        <v>86</v>
      </c>
      <c r="Q1877">
        <v>15</v>
      </c>
      <c r="R1877">
        <v>15</v>
      </c>
      <c r="S1877">
        <v>16</v>
      </c>
      <c r="T1877">
        <v>16</v>
      </c>
      <c r="U1877">
        <v>16</v>
      </c>
      <c r="V1877">
        <v>17</v>
      </c>
      <c r="W1877">
        <v>17</v>
      </c>
      <c r="X1877">
        <v>18</v>
      </c>
      <c r="Y1877">
        <v>18</v>
      </c>
      <c r="Z1877">
        <v>19</v>
      </c>
      <c r="AA1877">
        <v>19</v>
      </c>
      <c r="AB1877">
        <v>20</v>
      </c>
      <c r="AC1877">
        <v>20</v>
      </c>
      <c r="AD1877">
        <v>20</v>
      </c>
      <c r="AE1877">
        <v>21</v>
      </c>
      <c r="AF1877">
        <v>21</v>
      </c>
      <c r="AG1877">
        <v>22</v>
      </c>
      <c r="AH1877">
        <v>22</v>
      </c>
      <c r="AI1877">
        <v>23</v>
      </c>
      <c r="AJ1877">
        <v>23</v>
      </c>
      <c r="AK1877">
        <v>24</v>
      </c>
      <c r="AL1877">
        <v>24</v>
      </c>
      <c r="AM1877">
        <v>25</v>
      </c>
      <c r="AN1877">
        <v>25</v>
      </c>
      <c r="AO1877">
        <v>25</v>
      </c>
      <c r="AP1877">
        <v>26</v>
      </c>
      <c r="AQ1877">
        <v>26</v>
      </c>
    </row>
    <row r="1878" spans="1:43">
      <c r="A1878" t="s">
        <v>1228</v>
      </c>
      <c r="B1878" t="s">
        <v>1229</v>
      </c>
      <c r="C1878" t="s">
        <v>1216</v>
      </c>
      <c r="D1878" t="s">
        <v>1217</v>
      </c>
      <c r="E1878" t="s">
        <v>1192</v>
      </c>
      <c r="F1878" t="s">
        <v>1193</v>
      </c>
      <c r="G1878" t="s">
        <v>80</v>
      </c>
      <c r="H1878" t="s">
        <v>81</v>
      </c>
      <c r="I1878" s="2">
        <v>1</v>
      </c>
      <c r="J1878" s="2">
        <v>0</v>
      </c>
      <c r="K1878" s="2">
        <v>0</v>
      </c>
      <c r="L1878" t="s">
        <v>120</v>
      </c>
      <c r="M1878" t="s">
        <v>83</v>
      </c>
      <c r="N1878" t="s">
        <v>84</v>
      </c>
      <c r="O1878" t="s">
        <v>85</v>
      </c>
      <c r="P1878" t="s">
        <v>86</v>
      </c>
      <c r="Q1878">
        <v>50</v>
      </c>
      <c r="R1878">
        <v>52</v>
      </c>
      <c r="S1878">
        <v>53</v>
      </c>
      <c r="T1878">
        <v>54</v>
      </c>
      <c r="U1878">
        <v>56</v>
      </c>
      <c r="V1878">
        <v>57</v>
      </c>
      <c r="W1878">
        <v>59</v>
      </c>
      <c r="X1878">
        <v>60</v>
      </c>
      <c r="Y1878">
        <v>62</v>
      </c>
      <c r="Z1878">
        <v>63</v>
      </c>
      <c r="AA1878">
        <v>65</v>
      </c>
      <c r="AB1878">
        <v>66</v>
      </c>
      <c r="AC1878">
        <v>68</v>
      </c>
      <c r="AD1878">
        <v>69</v>
      </c>
      <c r="AE1878">
        <v>71</v>
      </c>
      <c r="AF1878">
        <v>73</v>
      </c>
      <c r="AG1878">
        <v>74</v>
      </c>
      <c r="AH1878">
        <v>76</v>
      </c>
      <c r="AI1878">
        <v>78</v>
      </c>
      <c r="AJ1878">
        <v>80</v>
      </c>
      <c r="AK1878">
        <v>81</v>
      </c>
      <c r="AL1878">
        <v>83</v>
      </c>
      <c r="AM1878">
        <v>84</v>
      </c>
      <c r="AN1878">
        <v>85</v>
      </c>
      <c r="AO1878">
        <v>86</v>
      </c>
      <c r="AP1878">
        <v>87</v>
      </c>
      <c r="AQ1878">
        <v>88</v>
      </c>
    </row>
    <row r="1879" spans="1:43">
      <c r="A1879" t="s">
        <v>1228</v>
      </c>
      <c r="B1879" t="s">
        <v>1229</v>
      </c>
      <c r="C1879" t="s">
        <v>1216</v>
      </c>
      <c r="D1879" t="s">
        <v>1217</v>
      </c>
      <c r="E1879" t="s">
        <v>1192</v>
      </c>
      <c r="F1879" t="s">
        <v>1193</v>
      </c>
      <c r="G1879" t="s">
        <v>80</v>
      </c>
      <c r="H1879" t="s">
        <v>81</v>
      </c>
      <c r="I1879" s="2">
        <v>1</v>
      </c>
      <c r="J1879" s="2">
        <v>0</v>
      </c>
      <c r="K1879" s="2">
        <v>0</v>
      </c>
      <c r="L1879" t="s">
        <v>120</v>
      </c>
      <c r="M1879" t="s">
        <v>87</v>
      </c>
      <c r="N1879" t="s">
        <v>88</v>
      </c>
      <c r="O1879" t="s">
        <v>85</v>
      </c>
      <c r="P1879" t="s">
        <v>86</v>
      </c>
      <c r="Q1879">
        <v>50</v>
      </c>
      <c r="R1879">
        <v>51</v>
      </c>
      <c r="S1879">
        <v>51</v>
      </c>
      <c r="T1879">
        <v>52</v>
      </c>
      <c r="U1879">
        <v>53</v>
      </c>
      <c r="V1879">
        <v>54</v>
      </c>
      <c r="W1879">
        <v>55</v>
      </c>
      <c r="X1879">
        <v>56</v>
      </c>
      <c r="Y1879">
        <v>57</v>
      </c>
      <c r="Z1879">
        <v>58</v>
      </c>
      <c r="AA1879">
        <v>59</v>
      </c>
      <c r="AB1879">
        <v>60</v>
      </c>
      <c r="AC1879">
        <v>61</v>
      </c>
      <c r="AD1879">
        <v>62</v>
      </c>
      <c r="AE1879">
        <v>63</v>
      </c>
      <c r="AF1879">
        <v>64</v>
      </c>
      <c r="AG1879">
        <v>65</v>
      </c>
      <c r="AH1879">
        <v>66</v>
      </c>
      <c r="AI1879">
        <v>67</v>
      </c>
      <c r="AJ1879">
        <v>68</v>
      </c>
      <c r="AK1879">
        <v>70</v>
      </c>
      <c r="AL1879">
        <v>71</v>
      </c>
      <c r="AM1879">
        <v>72</v>
      </c>
      <c r="AN1879">
        <v>73</v>
      </c>
      <c r="AO1879">
        <v>74</v>
      </c>
      <c r="AP1879">
        <v>75</v>
      </c>
      <c r="AQ1879">
        <v>77</v>
      </c>
    </row>
    <row r="1880" spans="1:43">
      <c r="A1880" t="s">
        <v>1228</v>
      </c>
      <c r="B1880" t="s">
        <v>1229</v>
      </c>
      <c r="C1880" t="s">
        <v>1216</v>
      </c>
      <c r="D1880" t="s">
        <v>1217</v>
      </c>
      <c r="E1880" t="s">
        <v>1192</v>
      </c>
      <c r="F1880" t="s">
        <v>1193</v>
      </c>
      <c r="G1880" t="s">
        <v>80</v>
      </c>
      <c r="H1880" t="s">
        <v>81</v>
      </c>
      <c r="I1880" s="2">
        <v>1</v>
      </c>
      <c r="J1880" s="2">
        <v>0</v>
      </c>
      <c r="K1880" s="2">
        <v>0</v>
      </c>
      <c r="L1880" t="s">
        <v>120</v>
      </c>
      <c r="M1880" t="s">
        <v>89</v>
      </c>
      <c r="N1880" t="s">
        <v>90</v>
      </c>
      <c r="O1880" t="s">
        <v>85</v>
      </c>
      <c r="P1880" t="s">
        <v>86</v>
      </c>
      <c r="Q1880">
        <v>50</v>
      </c>
      <c r="R1880">
        <v>51</v>
      </c>
      <c r="S1880">
        <v>53</v>
      </c>
      <c r="T1880">
        <v>55</v>
      </c>
      <c r="U1880">
        <v>57</v>
      </c>
      <c r="V1880">
        <v>59</v>
      </c>
      <c r="W1880">
        <v>61</v>
      </c>
      <c r="X1880">
        <v>62</v>
      </c>
      <c r="Y1880">
        <v>64</v>
      </c>
      <c r="Z1880">
        <v>66</v>
      </c>
      <c r="AA1880">
        <v>68</v>
      </c>
      <c r="AB1880">
        <v>70</v>
      </c>
      <c r="AC1880">
        <v>72</v>
      </c>
      <c r="AD1880">
        <v>74</v>
      </c>
      <c r="AE1880">
        <v>75</v>
      </c>
      <c r="AF1880">
        <v>76</v>
      </c>
      <c r="AG1880">
        <v>77</v>
      </c>
      <c r="AH1880">
        <v>78</v>
      </c>
      <c r="AI1880">
        <v>79</v>
      </c>
      <c r="AJ1880">
        <v>80</v>
      </c>
      <c r="AK1880">
        <v>81</v>
      </c>
      <c r="AL1880">
        <v>82</v>
      </c>
      <c r="AM1880">
        <v>83</v>
      </c>
      <c r="AN1880">
        <v>84</v>
      </c>
      <c r="AO1880">
        <v>85</v>
      </c>
      <c r="AP1880">
        <v>87</v>
      </c>
      <c r="AQ1880">
        <v>88</v>
      </c>
    </row>
    <row r="1881" spans="1:43">
      <c r="A1881" t="s">
        <v>1228</v>
      </c>
      <c r="B1881" t="s">
        <v>1229</v>
      </c>
      <c r="C1881" t="s">
        <v>1216</v>
      </c>
      <c r="D1881" t="s">
        <v>1217</v>
      </c>
      <c r="E1881" t="s">
        <v>1192</v>
      </c>
      <c r="F1881" t="s">
        <v>1193</v>
      </c>
      <c r="G1881" t="s">
        <v>80</v>
      </c>
      <c r="H1881" t="s">
        <v>81</v>
      </c>
      <c r="I1881" s="2">
        <v>1</v>
      </c>
      <c r="J1881" s="2">
        <v>0</v>
      </c>
      <c r="K1881" s="2">
        <v>0</v>
      </c>
      <c r="L1881" t="s">
        <v>120</v>
      </c>
      <c r="M1881" t="s">
        <v>83</v>
      </c>
      <c r="N1881" t="s">
        <v>91</v>
      </c>
      <c r="O1881" t="s">
        <v>85</v>
      </c>
      <c r="P1881" t="s">
        <v>86</v>
      </c>
      <c r="Q1881">
        <v>50</v>
      </c>
      <c r="R1881">
        <v>52</v>
      </c>
      <c r="S1881">
        <v>53</v>
      </c>
      <c r="T1881">
        <v>54</v>
      </c>
      <c r="U1881">
        <v>56</v>
      </c>
      <c r="V1881">
        <v>57</v>
      </c>
      <c r="W1881">
        <v>59</v>
      </c>
      <c r="X1881">
        <v>60</v>
      </c>
      <c r="Y1881">
        <v>62</v>
      </c>
      <c r="Z1881">
        <v>63</v>
      </c>
      <c r="AA1881">
        <v>65</v>
      </c>
      <c r="AB1881">
        <v>66</v>
      </c>
      <c r="AC1881">
        <v>68</v>
      </c>
      <c r="AD1881">
        <v>69</v>
      </c>
      <c r="AE1881">
        <v>71</v>
      </c>
      <c r="AF1881">
        <v>73</v>
      </c>
      <c r="AG1881">
        <v>74</v>
      </c>
      <c r="AH1881">
        <v>76</v>
      </c>
      <c r="AI1881">
        <v>78</v>
      </c>
      <c r="AJ1881">
        <v>80</v>
      </c>
      <c r="AK1881">
        <v>81</v>
      </c>
      <c r="AL1881">
        <v>83</v>
      </c>
      <c r="AM1881">
        <v>84</v>
      </c>
      <c r="AN1881">
        <v>85</v>
      </c>
      <c r="AO1881">
        <v>86</v>
      </c>
      <c r="AP1881">
        <v>87</v>
      </c>
      <c r="AQ1881">
        <v>88</v>
      </c>
    </row>
    <row r="1882" spans="1:43">
      <c r="A1882" t="s">
        <v>1230</v>
      </c>
      <c r="B1882" t="s">
        <v>1231</v>
      </c>
      <c r="C1882" t="s">
        <v>1232</v>
      </c>
      <c r="D1882" t="s">
        <v>1233</v>
      </c>
      <c r="E1882" t="s">
        <v>1192</v>
      </c>
      <c r="F1882" t="s">
        <v>1193</v>
      </c>
      <c r="G1882" t="s">
        <v>80</v>
      </c>
      <c r="H1882" t="s">
        <v>81</v>
      </c>
      <c r="I1882" s="2">
        <v>0</v>
      </c>
      <c r="J1882" s="2">
        <v>1</v>
      </c>
      <c r="K1882" s="2">
        <v>0</v>
      </c>
      <c r="L1882" t="s">
        <v>82</v>
      </c>
      <c r="M1882" t="s">
        <v>83</v>
      </c>
      <c r="N1882" t="s">
        <v>84</v>
      </c>
      <c r="O1882" t="s">
        <v>85</v>
      </c>
      <c r="P1882" t="s">
        <v>86</v>
      </c>
      <c r="Q1882">
        <v>31</v>
      </c>
      <c r="R1882">
        <v>32</v>
      </c>
      <c r="S1882">
        <v>32</v>
      </c>
      <c r="T1882">
        <v>33</v>
      </c>
      <c r="U1882">
        <v>34</v>
      </c>
      <c r="V1882">
        <v>35</v>
      </c>
      <c r="W1882">
        <v>36</v>
      </c>
      <c r="X1882">
        <v>37</v>
      </c>
      <c r="Y1882">
        <v>38</v>
      </c>
      <c r="Z1882">
        <v>39</v>
      </c>
      <c r="AA1882">
        <v>40</v>
      </c>
      <c r="AB1882">
        <v>41</v>
      </c>
      <c r="AC1882">
        <v>42</v>
      </c>
      <c r="AD1882">
        <v>43</v>
      </c>
      <c r="AE1882">
        <v>44</v>
      </c>
      <c r="AF1882">
        <v>45</v>
      </c>
      <c r="AG1882">
        <v>46</v>
      </c>
      <c r="AH1882">
        <v>47</v>
      </c>
      <c r="AI1882">
        <v>48</v>
      </c>
      <c r="AJ1882">
        <v>49</v>
      </c>
      <c r="AK1882">
        <v>50</v>
      </c>
      <c r="AL1882">
        <v>51</v>
      </c>
      <c r="AM1882">
        <v>52</v>
      </c>
      <c r="AN1882">
        <v>52</v>
      </c>
      <c r="AO1882">
        <v>53</v>
      </c>
      <c r="AP1882">
        <v>54</v>
      </c>
      <c r="AQ1882">
        <v>55</v>
      </c>
    </row>
    <row r="1883" spans="1:43">
      <c r="A1883" t="s">
        <v>1230</v>
      </c>
      <c r="B1883" t="s">
        <v>1231</v>
      </c>
      <c r="C1883" t="s">
        <v>1232</v>
      </c>
      <c r="D1883" t="s">
        <v>1233</v>
      </c>
      <c r="E1883" t="s">
        <v>1192</v>
      </c>
      <c r="F1883" t="s">
        <v>1193</v>
      </c>
      <c r="G1883" t="s">
        <v>80</v>
      </c>
      <c r="H1883" t="s">
        <v>81</v>
      </c>
      <c r="I1883" s="2">
        <v>0</v>
      </c>
      <c r="J1883" s="2">
        <v>1</v>
      </c>
      <c r="K1883" s="2">
        <v>0</v>
      </c>
      <c r="L1883" t="s">
        <v>82</v>
      </c>
      <c r="M1883" t="s">
        <v>87</v>
      </c>
      <c r="N1883" t="s">
        <v>88</v>
      </c>
      <c r="O1883" t="s">
        <v>85</v>
      </c>
      <c r="P1883" t="s">
        <v>86</v>
      </c>
      <c r="Q1883">
        <v>31</v>
      </c>
      <c r="R1883">
        <v>32</v>
      </c>
      <c r="S1883">
        <v>33</v>
      </c>
      <c r="T1883">
        <v>33</v>
      </c>
      <c r="U1883">
        <v>34</v>
      </c>
      <c r="V1883">
        <v>34</v>
      </c>
      <c r="W1883">
        <v>35</v>
      </c>
      <c r="X1883">
        <v>35</v>
      </c>
      <c r="Y1883">
        <v>36</v>
      </c>
      <c r="Z1883">
        <v>37</v>
      </c>
      <c r="AA1883">
        <v>37</v>
      </c>
      <c r="AB1883">
        <v>38</v>
      </c>
      <c r="AC1883">
        <v>38</v>
      </c>
      <c r="AD1883">
        <v>39</v>
      </c>
      <c r="AE1883">
        <v>40</v>
      </c>
      <c r="AF1883">
        <v>40</v>
      </c>
      <c r="AG1883">
        <v>41</v>
      </c>
      <c r="AH1883">
        <v>42</v>
      </c>
      <c r="AI1883">
        <v>42</v>
      </c>
      <c r="AJ1883">
        <v>43</v>
      </c>
      <c r="AK1883">
        <v>44</v>
      </c>
      <c r="AL1883">
        <v>45</v>
      </c>
      <c r="AM1883">
        <v>45</v>
      </c>
      <c r="AN1883">
        <v>46</v>
      </c>
      <c r="AO1883">
        <v>47</v>
      </c>
      <c r="AP1883">
        <v>47</v>
      </c>
      <c r="AQ1883">
        <v>48</v>
      </c>
    </row>
    <row r="1884" spans="1:43">
      <c r="A1884" t="s">
        <v>1230</v>
      </c>
      <c r="B1884" t="s">
        <v>1231</v>
      </c>
      <c r="C1884" t="s">
        <v>1232</v>
      </c>
      <c r="D1884" t="s">
        <v>1233</v>
      </c>
      <c r="E1884" t="s">
        <v>1192</v>
      </c>
      <c r="F1884" t="s">
        <v>1193</v>
      </c>
      <c r="G1884" t="s">
        <v>80</v>
      </c>
      <c r="H1884" t="s">
        <v>81</v>
      </c>
      <c r="I1884" s="2">
        <v>0</v>
      </c>
      <c r="J1884" s="2">
        <v>1</v>
      </c>
      <c r="K1884" s="2">
        <v>0</v>
      </c>
      <c r="L1884" t="s">
        <v>82</v>
      </c>
      <c r="M1884" t="s">
        <v>89</v>
      </c>
      <c r="N1884" t="s">
        <v>90</v>
      </c>
      <c r="O1884" t="s">
        <v>85</v>
      </c>
      <c r="P1884" t="s">
        <v>86</v>
      </c>
      <c r="Q1884">
        <v>31</v>
      </c>
      <c r="R1884">
        <v>32</v>
      </c>
      <c r="S1884">
        <v>33</v>
      </c>
      <c r="T1884">
        <v>34</v>
      </c>
      <c r="U1884">
        <v>36</v>
      </c>
      <c r="V1884">
        <v>37</v>
      </c>
      <c r="W1884">
        <v>38</v>
      </c>
      <c r="X1884">
        <v>39</v>
      </c>
      <c r="Y1884">
        <v>40</v>
      </c>
      <c r="Z1884">
        <v>41</v>
      </c>
      <c r="AA1884">
        <v>42</v>
      </c>
      <c r="AB1884">
        <v>44</v>
      </c>
      <c r="AC1884">
        <v>45</v>
      </c>
      <c r="AD1884">
        <v>46</v>
      </c>
      <c r="AE1884">
        <v>47</v>
      </c>
      <c r="AF1884">
        <v>48</v>
      </c>
      <c r="AG1884">
        <v>48</v>
      </c>
      <c r="AH1884">
        <v>49</v>
      </c>
      <c r="AI1884">
        <v>50</v>
      </c>
      <c r="AJ1884">
        <v>50</v>
      </c>
      <c r="AK1884">
        <v>51</v>
      </c>
      <c r="AL1884">
        <v>52</v>
      </c>
      <c r="AM1884">
        <v>52</v>
      </c>
      <c r="AN1884">
        <v>53</v>
      </c>
      <c r="AO1884">
        <v>54</v>
      </c>
      <c r="AP1884">
        <v>54</v>
      </c>
      <c r="AQ1884">
        <v>55</v>
      </c>
    </row>
    <row r="1885" spans="1:43">
      <c r="A1885" t="s">
        <v>1230</v>
      </c>
      <c r="B1885" t="s">
        <v>1231</v>
      </c>
      <c r="C1885" t="s">
        <v>1232</v>
      </c>
      <c r="D1885" t="s">
        <v>1233</v>
      </c>
      <c r="E1885" t="s">
        <v>1192</v>
      </c>
      <c r="F1885" t="s">
        <v>1193</v>
      </c>
      <c r="G1885" t="s">
        <v>80</v>
      </c>
      <c r="H1885" t="s">
        <v>81</v>
      </c>
      <c r="I1885" s="2">
        <v>0</v>
      </c>
      <c r="J1885" s="2">
        <v>1</v>
      </c>
      <c r="K1885" s="2">
        <v>0</v>
      </c>
      <c r="L1885" t="s">
        <v>82</v>
      </c>
      <c r="M1885" t="s">
        <v>83</v>
      </c>
      <c r="N1885" t="s">
        <v>91</v>
      </c>
      <c r="O1885" t="s">
        <v>85</v>
      </c>
      <c r="P1885" t="s">
        <v>86</v>
      </c>
      <c r="Q1885">
        <v>31</v>
      </c>
      <c r="R1885">
        <v>32</v>
      </c>
      <c r="S1885">
        <v>32</v>
      </c>
      <c r="T1885">
        <v>33</v>
      </c>
      <c r="U1885">
        <v>34</v>
      </c>
      <c r="V1885">
        <v>35</v>
      </c>
      <c r="W1885">
        <v>36</v>
      </c>
      <c r="X1885">
        <v>37</v>
      </c>
      <c r="Y1885">
        <v>38</v>
      </c>
      <c r="Z1885">
        <v>39</v>
      </c>
      <c r="AA1885">
        <v>40</v>
      </c>
      <c r="AB1885">
        <v>41</v>
      </c>
      <c r="AC1885">
        <v>42</v>
      </c>
      <c r="AD1885">
        <v>43</v>
      </c>
      <c r="AE1885">
        <v>44</v>
      </c>
      <c r="AF1885">
        <v>45</v>
      </c>
      <c r="AG1885">
        <v>46</v>
      </c>
      <c r="AH1885">
        <v>47</v>
      </c>
      <c r="AI1885">
        <v>48</v>
      </c>
      <c r="AJ1885">
        <v>49</v>
      </c>
      <c r="AK1885">
        <v>50</v>
      </c>
      <c r="AL1885">
        <v>51</v>
      </c>
      <c r="AM1885">
        <v>52</v>
      </c>
      <c r="AN1885">
        <v>52</v>
      </c>
      <c r="AO1885">
        <v>53</v>
      </c>
      <c r="AP1885">
        <v>54</v>
      </c>
      <c r="AQ1885">
        <v>55</v>
      </c>
    </row>
    <row r="1886" spans="1:43">
      <c r="A1886" t="s">
        <v>1234</v>
      </c>
      <c r="B1886" t="s">
        <v>1235</v>
      </c>
      <c r="C1886" t="s">
        <v>1236</v>
      </c>
      <c r="D1886" t="s">
        <v>1237</v>
      </c>
      <c r="E1886" t="s">
        <v>1192</v>
      </c>
      <c r="F1886" t="s">
        <v>1193</v>
      </c>
      <c r="G1886" t="s">
        <v>80</v>
      </c>
      <c r="H1886" t="s">
        <v>81</v>
      </c>
      <c r="I1886" s="2">
        <v>0</v>
      </c>
      <c r="J1886" s="2">
        <v>1</v>
      </c>
      <c r="K1886" s="2">
        <v>0</v>
      </c>
      <c r="L1886" t="s">
        <v>82</v>
      </c>
      <c r="M1886" t="s">
        <v>83</v>
      </c>
      <c r="N1886" t="s">
        <v>84</v>
      </c>
      <c r="O1886" t="s">
        <v>85</v>
      </c>
      <c r="P1886" t="s">
        <v>86</v>
      </c>
      <c r="Q1886">
        <v>62</v>
      </c>
      <c r="R1886">
        <v>64</v>
      </c>
      <c r="S1886">
        <v>66</v>
      </c>
      <c r="T1886">
        <v>67</v>
      </c>
      <c r="U1886">
        <v>69</v>
      </c>
      <c r="V1886">
        <v>71</v>
      </c>
      <c r="W1886">
        <v>73</v>
      </c>
      <c r="X1886">
        <v>75</v>
      </c>
      <c r="Y1886">
        <v>77</v>
      </c>
      <c r="Z1886">
        <v>79</v>
      </c>
      <c r="AA1886">
        <v>81</v>
      </c>
      <c r="AB1886">
        <v>83</v>
      </c>
      <c r="AC1886">
        <v>85</v>
      </c>
      <c r="AD1886">
        <v>87</v>
      </c>
      <c r="AE1886">
        <v>89</v>
      </c>
      <c r="AF1886">
        <v>91</v>
      </c>
      <c r="AG1886">
        <v>93</v>
      </c>
      <c r="AH1886">
        <v>95</v>
      </c>
      <c r="AI1886">
        <v>98</v>
      </c>
      <c r="AJ1886">
        <v>100</v>
      </c>
      <c r="AK1886">
        <v>102</v>
      </c>
      <c r="AL1886">
        <v>104</v>
      </c>
      <c r="AM1886">
        <v>105</v>
      </c>
      <c r="AN1886">
        <v>106</v>
      </c>
      <c r="AO1886">
        <v>108</v>
      </c>
      <c r="AP1886">
        <v>109</v>
      </c>
      <c r="AQ1886">
        <v>111</v>
      </c>
    </row>
    <row r="1887" spans="1:43">
      <c r="A1887" t="s">
        <v>1234</v>
      </c>
      <c r="B1887" t="s">
        <v>1235</v>
      </c>
      <c r="C1887" t="s">
        <v>1236</v>
      </c>
      <c r="D1887" t="s">
        <v>1237</v>
      </c>
      <c r="E1887" t="s">
        <v>1192</v>
      </c>
      <c r="F1887" t="s">
        <v>1193</v>
      </c>
      <c r="G1887" t="s">
        <v>80</v>
      </c>
      <c r="H1887" t="s">
        <v>81</v>
      </c>
      <c r="I1887" s="2">
        <v>0</v>
      </c>
      <c r="J1887" s="2">
        <v>1</v>
      </c>
      <c r="K1887" s="2">
        <v>0</v>
      </c>
      <c r="L1887" t="s">
        <v>82</v>
      </c>
      <c r="M1887" t="s">
        <v>87</v>
      </c>
      <c r="N1887" t="s">
        <v>88</v>
      </c>
      <c r="O1887" t="s">
        <v>85</v>
      </c>
      <c r="P1887" t="s">
        <v>86</v>
      </c>
      <c r="Q1887">
        <v>62</v>
      </c>
      <c r="R1887">
        <v>63</v>
      </c>
      <c r="S1887">
        <v>64</v>
      </c>
      <c r="T1887">
        <v>65</v>
      </c>
      <c r="U1887">
        <v>66</v>
      </c>
      <c r="V1887">
        <v>67</v>
      </c>
      <c r="W1887">
        <v>69</v>
      </c>
      <c r="X1887">
        <v>70</v>
      </c>
      <c r="Y1887">
        <v>71</v>
      </c>
      <c r="Z1887">
        <v>72</v>
      </c>
      <c r="AA1887">
        <v>73</v>
      </c>
      <c r="AB1887">
        <v>75</v>
      </c>
      <c r="AC1887">
        <v>76</v>
      </c>
      <c r="AD1887">
        <v>77</v>
      </c>
      <c r="AE1887">
        <v>79</v>
      </c>
      <c r="AF1887">
        <v>80</v>
      </c>
      <c r="AG1887">
        <v>81</v>
      </c>
      <c r="AH1887">
        <v>83</v>
      </c>
      <c r="AI1887">
        <v>84</v>
      </c>
      <c r="AJ1887">
        <v>85</v>
      </c>
      <c r="AK1887">
        <v>87</v>
      </c>
      <c r="AL1887">
        <v>88</v>
      </c>
      <c r="AM1887">
        <v>90</v>
      </c>
      <c r="AN1887">
        <v>91</v>
      </c>
      <c r="AO1887">
        <v>93</v>
      </c>
      <c r="AP1887">
        <v>94</v>
      </c>
      <c r="AQ1887">
        <v>96</v>
      </c>
    </row>
    <row r="1888" spans="1:43">
      <c r="A1888" t="s">
        <v>1234</v>
      </c>
      <c r="B1888" t="s">
        <v>1235</v>
      </c>
      <c r="C1888" t="s">
        <v>1236</v>
      </c>
      <c r="D1888" t="s">
        <v>1237</v>
      </c>
      <c r="E1888" t="s">
        <v>1192</v>
      </c>
      <c r="F1888" t="s">
        <v>1193</v>
      </c>
      <c r="G1888" t="s">
        <v>80</v>
      </c>
      <c r="H1888" t="s">
        <v>81</v>
      </c>
      <c r="I1888" s="2">
        <v>0</v>
      </c>
      <c r="J1888" s="2">
        <v>1</v>
      </c>
      <c r="K1888" s="2">
        <v>0</v>
      </c>
      <c r="L1888" t="s">
        <v>82</v>
      </c>
      <c r="M1888" t="s">
        <v>89</v>
      </c>
      <c r="N1888" t="s">
        <v>90</v>
      </c>
      <c r="O1888" t="s">
        <v>85</v>
      </c>
      <c r="P1888" t="s">
        <v>86</v>
      </c>
      <c r="Q1888">
        <v>62</v>
      </c>
      <c r="R1888">
        <v>64</v>
      </c>
      <c r="S1888">
        <v>66</v>
      </c>
      <c r="T1888">
        <v>69</v>
      </c>
      <c r="U1888">
        <v>71</v>
      </c>
      <c r="V1888">
        <v>73</v>
      </c>
      <c r="W1888">
        <v>76</v>
      </c>
      <c r="X1888">
        <v>78</v>
      </c>
      <c r="Y1888">
        <v>80</v>
      </c>
      <c r="Z1888">
        <v>83</v>
      </c>
      <c r="AA1888">
        <v>85</v>
      </c>
      <c r="AB1888">
        <v>87</v>
      </c>
      <c r="AC1888">
        <v>90</v>
      </c>
      <c r="AD1888">
        <v>92</v>
      </c>
      <c r="AE1888">
        <v>94</v>
      </c>
      <c r="AF1888">
        <v>96</v>
      </c>
      <c r="AG1888">
        <v>97</v>
      </c>
      <c r="AH1888">
        <v>98</v>
      </c>
      <c r="AI1888">
        <v>100</v>
      </c>
      <c r="AJ1888">
        <v>101</v>
      </c>
      <c r="AK1888">
        <v>102</v>
      </c>
      <c r="AL1888">
        <v>103</v>
      </c>
      <c r="AM1888">
        <v>105</v>
      </c>
      <c r="AN1888">
        <v>106</v>
      </c>
      <c r="AO1888">
        <v>108</v>
      </c>
      <c r="AP1888">
        <v>109</v>
      </c>
      <c r="AQ1888">
        <v>110</v>
      </c>
    </row>
    <row r="1889" spans="1:43">
      <c r="A1889" t="s">
        <v>1234</v>
      </c>
      <c r="B1889" t="s">
        <v>1235</v>
      </c>
      <c r="C1889" t="s">
        <v>1236</v>
      </c>
      <c r="D1889" t="s">
        <v>1237</v>
      </c>
      <c r="E1889" t="s">
        <v>1192</v>
      </c>
      <c r="F1889" t="s">
        <v>1193</v>
      </c>
      <c r="G1889" t="s">
        <v>80</v>
      </c>
      <c r="H1889" t="s">
        <v>81</v>
      </c>
      <c r="I1889" s="2">
        <v>0</v>
      </c>
      <c r="J1889" s="2">
        <v>1</v>
      </c>
      <c r="K1889" s="2">
        <v>0</v>
      </c>
      <c r="L1889" t="s">
        <v>82</v>
      </c>
      <c r="M1889" t="s">
        <v>83</v>
      </c>
      <c r="N1889" t="s">
        <v>91</v>
      </c>
      <c r="O1889" t="s">
        <v>85</v>
      </c>
      <c r="P1889" t="s">
        <v>86</v>
      </c>
      <c r="Q1889">
        <v>62</v>
      </c>
      <c r="R1889">
        <v>64</v>
      </c>
      <c r="S1889">
        <v>66</v>
      </c>
      <c r="T1889">
        <v>67</v>
      </c>
      <c r="U1889">
        <v>69</v>
      </c>
      <c r="V1889">
        <v>71</v>
      </c>
      <c r="W1889">
        <v>73</v>
      </c>
      <c r="X1889">
        <v>75</v>
      </c>
      <c r="Y1889">
        <v>77</v>
      </c>
      <c r="Z1889">
        <v>79</v>
      </c>
      <c r="AA1889">
        <v>81</v>
      </c>
      <c r="AB1889">
        <v>83</v>
      </c>
      <c r="AC1889">
        <v>85</v>
      </c>
      <c r="AD1889">
        <v>87</v>
      </c>
      <c r="AE1889">
        <v>89</v>
      </c>
      <c r="AF1889">
        <v>91</v>
      </c>
      <c r="AG1889">
        <v>93</v>
      </c>
      <c r="AH1889">
        <v>95</v>
      </c>
      <c r="AI1889">
        <v>98</v>
      </c>
      <c r="AJ1889">
        <v>100</v>
      </c>
      <c r="AK1889">
        <v>102</v>
      </c>
      <c r="AL1889">
        <v>104</v>
      </c>
      <c r="AM1889">
        <v>105</v>
      </c>
      <c r="AN1889">
        <v>106</v>
      </c>
      <c r="AO1889">
        <v>108</v>
      </c>
      <c r="AP1889">
        <v>109</v>
      </c>
      <c r="AQ1889">
        <v>111</v>
      </c>
    </row>
    <row r="1890" spans="1:43">
      <c r="A1890" t="s">
        <v>1238</v>
      </c>
      <c r="B1890" t="s">
        <v>1239</v>
      </c>
      <c r="C1890" t="s">
        <v>1240</v>
      </c>
      <c r="D1890" t="s">
        <v>1241</v>
      </c>
      <c r="E1890" t="s">
        <v>1192</v>
      </c>
      <c r="F1890" t="s">
        <v>1193</v>
      </c>
      <c r="G1890" t="s">
        <v>80</v>
      </c>
      <c r="H1890" t="s">
        <v>81</v>
      </c>
      <c r="I1890" s="2">
        <v>0</v>
      </c>
      <c r="J1890" s="2">
        <v>1</v>
      </c>
      <c r="K1890" s="2">
        <v>0</v>
      </c>
      <c r="L1890" t="s">
        <v>82</v>
      </c>
      <c r="M1890" t="s">
        <v>83</v>
      </c>
      <c r="N1890" t="s">
        <v>84</v>
      </c>
      <c r="O1890" t="s">
        <v>85</v>
      </c>
      <c r="P1890" t="s">
        <v>86</v>
      </c>
      <c r="Q1890">
        <v>56</v>
      </c>
      <c r="R1890">
        <v>58</v>
      </c>
      <c r="S1890">
        <v>60</v>
      </c>
      <c r="T1890">
        <v>61</v>
      </c>
      <c r="U1890">
        <v>63</v>
      </c>
      <c r="V1890">
        <v>64</v>
      </c>
      <c r="W1890">
        <v>66</v>
      </c>
      <c r="X1890">
        <v>68</v>
      </c>
      <c r="Y1890">
        <v>70</v>
      </c>
      <c r="Z1890">
        <v>71</v>
      </c>
      <c r="AA1890">
        <v>73</v>
      </c>
      <c r="AB1890">
        <v>75</v>
      </c>
      <c r="AC1890">
        <v>77</v>
      </c>
      <c r="AD1890">
        <v>79</v>
      </c>
      <c r="AE1890">
        <v>81</v>
      </c>
      <c r="AF1890">
        <v>83</v>
      </c>
      <c r="AG1890">
        <v>85</v>
      </c>
      <c r="AH1890">
        <v>87</v>
      </c>
      <c r="AI1890">
        <v>89</v>
      </c>
      <c r="AJ1890">
        <v>91</v>
      </c>
      <c r="AK1890">
        <v>93</v>
      </c>
      <c r="AL1890">
        <v>94</v>
      </c>
      <c r="AM1890">
        <v>96</v>
      </c>
      <c r="AN1890">
        <v>97</v>
      </c>
      <c r="AO1890">
        <v>98</v>
      </c>
      <c r="AP1890">
        <v>100</v>
      </c>
      <c r="AQ1890">
        <v>101</v>
      </c>
    </row>
    <row r="1891" spans="1:43">
      <c r="A1891" t="s">
        <v>1238</v>
      </c>
      <c r="B1891" t="s">
        <v>1239</v>
      </c>
      <c r="C1891" t="s">
        <v>1240</v>
      </c>
      <c r="D1891" t="s">
        <v>1241</v>
      </c>
      <c r="E1891" t="s">
        <v>1192</v>
      </c>
      <c r="F1891" t="s">
        <v>1193</v>
      </c>
      <c r="G1891" t="s">
        <v>80</v>
      </c>
      <c r="H1891" t="s">
        <v>81</v>
      </c>
      <c r="I1891" s="2">
        <v>0</v>
      </c>
      <c r="J1891" s="2">
        <v>1</v>
      </c>
      <c r="K1891" s="2">
        <v>0</v>
      </c>
      <c r="L1891" t="s">
        <v>82</v>
      </c>
      <c r="M1891" t="s">
        <v>87</v>
      </c>
      <c r="N1891" t="s">
        <v>88</v>
      </c>
      <c r="O1891" t="s">
        <v>85</v>
      </c>
      <c r="P1891" t="s">
        <v>86</v>
      </c>
      <c r="Q1891">
        <v>56</v>
      </c>
      <c r="R1891">
        <v>57</v>
      </c>
      <c r="S1891">
        <v>58</v>
      </c>
      <c r="T1891">
        <v>59</v>
      </c>
      <c r="U1891">
        <v>60</v>
      </c>
      <c r="V1891">
        <v>61</v>
      </c>
      <c r="W1891">
        <v>62</v>
      </c>
      <c r="X1891">
        <v>63</v>
      </c>
      <c r="Y1891">
        <v>64</v>
      </c>
      <c r="Z1891">
        <v>66</v>
      </c>
      <c r="AA1891">
        <v>67</v>
      </c>
      <c r="AB1891">
        <v>68</v>
      </c>
      <c r="AC1891">
        <v>69</v>
      </c>
      <c r="AD1891">
        <v>70</v>
      </c>
      <c r="AE1891">
        <v>71</v>
      </c>
      <c r="AF1891">
        <v>73</v>
      </c>
      <c r="AG1891">
        <v>74</v>
      </c>
      <c r="AH1891">
        <v>75</v>
      </c>
      <c r="AI1891">
        <v>76</v>
      </c>
      <c r="AJ1891">
        <v>78</v>
      </c>
      <c r="AK1891">
        <v>79</v>
      </c>
      <c r="AL1891">
        <v>80</v>
      </c>
      <c r="AM1891">
        <v>82</v>
      </c>
      <c r="AN1891">
        <v>83</v>
      </c>
      <c r="AO1891">
        <v>84</v>
      </c>
      <c r="AP1891">
        <v>86</v>
      </c>
      <c r="AQ1891">
        <v>87</v>
      </c>
    </row>
    <row r="1892" spans="1:43">
      <c r="A1892" t="s">
        <v>1238</v>
      </c>
      <c r="B1892" t="s">
        <v>1239</v>
      </c>
      <c r="C1892" t="s">
        <v>1240</v>
      </c>
      <c r="D1892" t="s">
        <v>1241</v>
      </c>
      <c r="E1892" t="s">
        <v>1192</v>
      </c>
      <c r="F1892" t="s">
        <v>1193</v>
      </c>
      <c r="G1892" t="s">
        <v>80</v>
      </c>
      <c r="H1892" t="s">
        <v>81</v>
      </c>
      <c r="I1892" s="2">
        <v>0</v>
      </c>
      <c r="J1892" s="2">
        <v>1</v>
      </c>
      <c r="K1892" s="2">
        <v>0</v>
      </c>
      <c r="L1892" t="s">
        <v>82</v>
      </c>
      <c r="M1892" t="s">
        <v>89</v>
      </c>
      <c r="N1892" t="s">
        <v>90</v>
      </c>
      <c r="O1892" t="s">
        <v>85</v>
      </c>
      <c r="P1892" t="s">
        <v>86</v>
      </c>
      <c r="Q1892">
        <v>56</v>
      </c>
      <c r="R1892">
        <v>58</v>
      </c>
      <c r="S1892">
        <v>60</v>
      </c>
      <c r="T1892">
        <v>62</v>
      </c>
      <c r="U1892">
        <v>64</v>
      </c>
      <c r="V1892">
        <v>66</v>
      </c>
      <c r="W1892">
        <v>69</v>
      </c>
      <c r="X1892">
        <v>71</v>
      </c>
      <c r="Y1892">
        <v>73</v>
      </c>
      <c r="Z1892">
        <v>75</v>
      </c>
      <c r="AA1892">
        <v>77</v>
      </c>
      <c r="AB1892">
        <v>79</v>
      </c>
      <c r="AC1892">
        <v>82</v>
      </c>
      <c r="AD1892">
        <v>84</v>
      </c>
      <c r="AE1892">
        <v>86</v>
      </c>
      <c r="AF1892">
        <v>87</v>
      </c>
      <c r="AG1892">
        <v>88</v>
      </c>
      <c r="AH1892">
        <v>89</v>
      </c>
      <c r="AI1892">
        <v>91</v>
      </c>
      <c r="AJ1892">
        <v>92</v>
      </c>
      <c r="AK1892">
        <v>93</v>
      </c>
      <c r="AL1892">
        <v>94</v>
      </c>
      <c r="AM1892">
        <v>96</v>
      </c>
      <c r="AN1892">
        <v>97</v>
      </c>
      <c r="AO1892">
        <v>98</v>
      </c>
      <c r="AP1892">
        <v>99</v>
      </c>
      <c r="AQ1892">
        <v>101</v>
      </c>
    </row>
    <row r="1893" spans="1:43">
      <c r="A1893" t="s">
        <v>1238</v>
      </c>
      <c r="B1893" t="s">
        <v>1239</v>
      </c>
      <c r="C1893" t="s">
        <v>1240</v>
      </c>
      <c r="D1893" t="s">
        <v>1241</v>
      </c>
      <c r="E1893" t="s">
        <v>1192</v>
      </c>
      <c r="F1893" t="s">
        <v>1193</v>
      </c>
      <c r="G1893" t="s">
        <v>80</v>
      </c>
      <c r="H1893" t="s">
        <v>81</v>
      </c>
      <c r="I1893" s="2">
        <v>0</v>
      </c>
      <c r="J1893" s="2">
        <v>1</v>
      </c>
      <c r="K1893" s="2">
        <v>0</v>
      </c>
      <c r="L1893" t="s">
        <v>82</v>
      </c>
      <c r="M1893" t="s">
        <v>83</v>
      </c>
      <c r="N1893" t="s">
        <v>91</v>
      </c>
      <c r="O1893" t="s">
        <v>85</v>
      </c>
      <c r="P1893" t="s">
        <v>86</v>
      </c>
      <c r="Q1893">
        <v>56</v>
      </c>
      <c r="R1893">
        <v>58</v>
      </c>
      <c r="S1893">
        <v>60</v>
      </c>
      <c r="T1893">
        <v>61</v>
      </c>
      <c r="U1893">
        <v>63</v>
      </c>
      <c r="V1893">
        <v>64</v>
      </c>
      <c r="W1893">
        <v>66</v>
      </c>
      <c r="X1893">
        <v>68</v>
      </c>
      <c r="Y1893">
        <v>70</v>
      </c>
      <c r="Z1893">
        <v>71</v>
      </c>
      <c r="AA1893">
        <v>73</v>
      </c>
      <c r="AB1893">
        <v>75</v>
      </c>
      <c r="AC1893">
        <v>77</v>
      </c>
      <c r="AD1893">
        <v>79</v>
      </c>
      <c r="AE1893">
        <v>81</v>
      </c>
      <c r="AF1893">
        <v>83</v>
      </c>
      <c r="AG1893">
        <v>85</v>
      </c>
      <c r="AH1893">
        <v>87</v>
      </c>
      <c r="AI1893">
        <v>89</v>
      </c>
      <c r="AJ1893">
        <v>91</v>
      </c>
      <c r="AK1893">
        <v>93</v>
      </c>
      <c r="AL1893">
        <v>94</v>
      </c>
      <c r="AM1893">
        <v>96</v>
      </c>
      <c r="AN1893">
        <v>97</v>
      </c>
      <c r="AO1893">
        <v>98</v>
      </c>
      <c r="AP1893">
        <v>100</v>
      </c>
      <c r="AQ1893">
        <v>101</v>
      </c>
    </row>
    <row r="1894" spans="1:43">
      <c r="A1894" t="s">
        <v>1242</v>
      </c>
      <c r="B1894" t="s">
        <v>1243</v>
      </c>
      <c r="C1894" t="s">
        <v>1236</v>
      </c>
      <c r="D1894" t="s">
        <v>1237</v>
      </c>
      <c r="E1894" t="s">
        <v>1192</v>
      </c>
      <c r="F1894" t="s">
        <v>1193</v>
      </c>
      <c r="G1894" t="s">
        <v>80</v>
      </c>
      <c r="H1894" t="s">
        <v>81</v>
      </c>
      <c r="I1894" s="2">
        <v>0</v>
      </c>
      <c r="J1894" s="2">
        <v>1</v>
      </c>
      <c r="K1894" s="2">
        <v>0</v>
      </c>
      <c r="L1894" t="s">
        <v>82</v>
      </c>
      <c r="M1894" t="s">
        <v>83</v>
      </c>
      <c r="N1894" t="s">
        <v>84</v>
      </c>
      <c r="O1894" t="s">
        <v>85</v>
      </c>
      <c r="P1894" t="s">
        <v>86</v>
      </c>
      <c r="Q1894">
        <v>40</v>
      </c>
      <c r="R1894">
        <v>41</v>
      </c>
      <c r="S1894">
        <v>42</v>
      </c>
      <c r="T1894">
        <v>43</v>
      </c>
      <c r="U1894">
        <v>44</v>
      </c>
      <c r="V1894">
        <v>45</v>
      </c>
      <c r="W1894">
        <v>47</v>
      </c>
      <c r="X1894">
        <v>48</v>
      </c>
      <c r="Y1894">
        <v>49</v>
      </c>
      <c r="Z1894">
        <v>50</v>
      </c>
      <c r="AA1894">
        <v>52</v>
      </c>
      <c r="AB1894">
        <v>53</v>
      </c>
      <c r="AC1894">
        <v>54</v>
      </c>
      <c r="AD1894">
        <v>56</v>
      </c>
      <c r="AE1894">
        <v>57</v>
      </c>
      <c r="AF1894">
        <v>58</v>
      </c>
      <c r="AG1894">
        <v>60</v>
      </c>
      <c r="AH1894">
        <v>61</v>
      </c>
      <c r="AI1894">
        <v>62</v>
      </c>
      <c r="AJ1894">
        <v>64</v>
      </c>
      <c r="AK1894">
        <v>65</v>
      </c>
      <c r="AL1894">
        <v>67</v>
      </c>
      <c r="AM1894">
        <v>67</v>
      </c>
      <c r="AN1894">
        <v>68</v>
      </c>
      <c r="AO1894">
        <v>69</v>
      </c>
      <c r="AP1894">
        <v>70</v>
      </c>
      <c r="AQ1894">
        <v>71</v>
      </c>
    </row>
    <row r="1895" spans="1:43">
      <c r="A1895" t="s">
        <v>1242</v>
      </c>
      <c r="B1895" t="s">
        <v>1243</v>
      </c>
      <c r="C1895" t="s">
        <v>1236</v>
      </c>
      <c r="D1895" t="s">
        <v>1237</v>
      </c>
      <c r="E1895" t="s">
        <v>1192</v>
      </c>
      <c r="F1895" t="s">
        <v>1193</v>
      </c>
      <c r="G1895" t="s">
        <v>80</v>
      </c>
      <c r="H1895" t="s">
        <v>81</v>
      </c>
      <c r="I1895" s="2">
        <v>0</v>
      </c>
      <c r="J1895" s="2">
        <v>1</v>
      </c>
      <c r="K1895" s="2">
        <v>0</v>
      </c>
      <c r="L1895" t="s">
        <v>82</v>
      </c>
      <c r="M1895" t="s">
        <v>87</v>
      </c>
      <c r="N1895" t="s">
        <v>88</v>
      </c>
      <c r="O1895" t="s">
        <v>85</v>
      </c>
      <c r="P1895" t="s">
        <v>86</v>
      </c>
      <c r="Q1895">
        <v>40</v>
      </c>
      <c r="R1895">
        <v>41</v>
      </c>
      <c r="S1895">
        <v>42</v>
      </c>
      <c r="T1895">
        <v>43</v>
      </c>
      <c r="U1895">
        <v>43</v>
      </c>
      <c r="V1895">
        <v>44</v>
      </c>
      <c r="W1895">
        <v>45</v>
      </c>
      <c r="X1895">
        <v>46</v>
      </c>
      <c r="Y1895">
        <v>46</v>
      </c>
      <c r="Z1895">
        <v>47</v>
      </c>
      <c r="AA1895">
        <v>48</v>
      </c>
      <c r="AB1895">
        <v>49</v>
      </c>
      <c r="AC1895">
        <v>50</v>
      </c>
      <c r="AD1895">
        <v>50</v>
      </c>
      <c r="AE1895">
        <v>51</v>
      </c>
      <c r="AF1895">
        <v>52</v>
      </c>
      <c r="AG1895">
        <v>53</v>
      </c>
      <c r="AH1895">
        <v>54</v>
      </c>
      <c r="AI1895">
        <v>55</v>
      </c>
      <c r="AJ1895">
        <v>56</v>
      </c>
      <c r="AK1895">
        <v>57</v>
      </c>
      <c r="AL1895">
        <v>58</v>
      </c>
      <c r="AM1895">
        <v>58</v>
      </c>
      <c r="AN1895">
        <v>59</v>
      </c>
      <c r="AO1895">
        <v>60</v>
      </c>
      <c r="AP1895">
        <v>61</v>
      </c>
      <c r="AQ1895">
        <v>62</v>
      </c>
    </row>
    <row r="1896" spans="1:43">
      <c r="A1896" t="s">
        <v>1242</v>
      </c>
      <c r="B1896" t="s">
        <v>1243</v>
      </c>
      <c r="C1896" t="s">
        <v>1236</v>
      </c>
      <c r="D1896" t="s">
        <v>1237</v>
      </c>
      <c r="E1896" t="s">
        <v>1192</v>
      </c>
      <c r="F1896" t="s">
        <v>1193</v>
      </c>
      <c r="G1896" t="s">
        <v>80</v>
      </c>
      <c r="H1896" t="s">
        <v>81</v>
      </c>
      <c r="I1896" s="2">
        <v>0</v>
      </c>
      <c r="J1896" s="2">
        <v>1</v>
      </c>
      <c r="K1896" s="2">
        <v>0</v>
      </c>
      <c r="L1896" t="s">
        <v>82</v>
      </c>
      <c r="M1896" t="s">
        <v>89</v>
      </c>
      <c r="N1896" t="s">
        <v>90</v>
      </c>
      <c r="O1896" t="s">
        <v>85</v>
      </c>
      <c r="P1896" t="s">
        <v>86</v>
      </c>
      <c r="Q1896">
        <v>40</v>
      </c>
      <c r="R1896">
        <v>42</v>
      </c>
      <c r="S1896">
        <v>43</v>
      </c>
      <c r="T1896">
        <v>45</v>
      </c>
      <c r="U1896">
        <v>46</v>
      </c>
      <c r="V1896">
        <v>48</v>
      </c>
      <c r="W1896">
        <v>49</v>
      </c>
      <c r="X1896">
        <v>51</v>
      </c>
      <c r="Y1896">
        <v>52</v>
      </c>
      <c r="Z1896">
        <v>54</v>
      </c>
      <c r="AA1896">
        <v>55</v>
      </c>
      <c r="AB1896">
        <v>57</v>
      </c>
      <c r="AC1896">
        <v>58</v>
      </c>
      <c r="AD1896">
        <v>60</v>
      </c>
      <c r="AE1896">
        <v>61</v>
      </c>
      <c r="AF1896">
        <v>62</v>
      </c>
      <c r="AG1896">
        <v>63</v>
      </c>
      <c r="AH1896">
        <v>64</v>
      </c>
      <c r="AI1896">
        <v>65</v>
      </c>
      <c r="AJ1896">
        <v>65</v>
      </c>
      <c r="AK1896">
        <v>66</v>
      </c>
      <c r="AL1896">
        <v>67</v>
      </c>
      <c r="AM1896">
        <v>68</v>
      </c>
      <c r="AN1896">
        <v>69</v>
      </c>
      <c r="AO1896">
        <v>70</v>
      </c>
      <c r="AP1896">
        <v>71</v>
      </c>
      <c r="AQ1896">
        <v>72</v>
      </c>
    </row>
    <row r="1897" spans="1:43">
      <c r="A1897" t="s">
        <v>1242</v>
      </c>
      <c r="B1897" t="s">
        <v>1243</v>
      </c>
      <c r="C1897" t="s">
        <v>1236</v>
      </c>
      <c r="D1897" t="s">
        <v>1237</v>
      </c>
      <c r="E1897" t="s">
        <v>1192</v>
      </c>
      <c r="F1897" t="s">
        <v>1193</v>
      </c>
      <c r="G1897" t="s">
        <v>80</v>
      </c>
      <c r="H1897" t="s">
        <v>81</v>
      </c>
      <c r="I1897" s="2">
        <v>0</v>
      </c>
      <c r="J1897" s="2">
        <v>1</v>
      </c>
      <c r="K1897" s="2">
        <v>0</v>
      </c>
      <c r="L1897" t="s">
        <v>82</v>
      </c>
      <c r="M1897" t="s">
        <v>83</v>
      </c>
      <c r="N1897" t="s">
        <v>91</v>
      </c>
      <c r="O1897" t="s">
        <v>85</v>
      </c>
      <c r="P1897" t="s">
        <v>86</v>
      </c>
      <c r="Q1897">
        <v>40</v>
      </c>
      <c r="R1897">
        <v>41</v>
      </c>
      <c r="S1897">
        <v>42</v>
      </c>
      <c r="T1897">
        <v>43</v>
      </c>
      <c r="U1897">
        <v>44</v>
      </c>
      <c r="V1897">
        <v>45</v>
      </c>
      <c r="W1897">
        <v>47</v>
      </c>
      <c r="X1897">
        <v>48</v>
      </c>
      <c r="Y1897">
        <v>49</v>
      </c>
      <c r="Z1897">
        <v>50</v>
      </c>
      <c r="AA1897">
        <v>52</v>
      </c>
      <c r="AB1897">
        <v>53</v>
      </c>
      <c r="AC1897">
        <v>54</v>
      </c>
      <c r="AD1897">
        <v>56</v>
      </c>
      <c r="AE1897">
        <v>57</v>
      </c>
      <c r="AF1897">
        <v>58</v>
      </c>
      <c r="AG1897">
        <v>60</v>
      </c>
      <c r="AH1897">
        <v>61</v>
      </c>
      <c r="AI1897">
        <v>62</v>
      </c>
      <c r="AJ1897">
        <v>64</v>
      </c>
      <c r="AK1897">
        <v>65</v>
      </c>
      <c r="AL1897">
        <v>67</v>
      </c>
      <c r="AM1897">
        <v>67</v>
      </c>
      <c r="AN1897">
        <v>68</v>
      </c>
      <c r="AO1897">
        <v>69</v>
      </c>
      <c r="AP1897">
        <v>70</v>
      </c>
      <c r="AQ1897">
        <v>71</v>
      </c>
    </row>
    <row r="1898" spans="1:43">
      <c r="A1898" t="s">
        <v>1244</v>
      </c>
      <c r="B1898" t="s">
        <v>1245</v>
      </c>
      <c r="C1898" t="s">
        <v>1236</v>
      </c>
      <c r="D1898" t="s">
        <v>1237</v>
      </c>
      <c r="E1898" t="s">
        <v>1192</v>
      </c>
      <c r="F1898" t="s">
        <v>1193</v>
      </c>
      <c r="G1898" t="s">
        <v>80</v>
      </c>
      <c r="H1898" t="s">
        <v>81</v>
      </c>
      <c r="I1898" s="2">
        <v>0</v>
      </c>
      <c r="J1898" s="2">
        <v>1</v>
      </c>
      <c r="K1898" s="2">
        <v>0</v>
      </c>
      <c r="L1898" t="s">
        <v>82</v>
      </c>
      <c r="M1898" t="s">
        <v>83</v>
      </c>
      <c r="N1898" t="s">
        <v>84</v>
      </c>
      <c r="O1898" t="s">
        <v>85</v>
      </c>
      <c r="P1898" t="s">
        <v>86</v>
      </c>
      <c r="Q1898">
        <v>26</v>
      </c>
      <c r="R1898">
        <v>26</v>
      </c>
      <c r="S1898">
        <v>27</v>
      </c>
      <c r="T1898">
        <v>28</v>
      </c>
      <c r="U1898">
        <v>28</v>
      </c>
      <c r="V1898">
        <v>29</v>
      </c>
      <c r="W1898">
        <v>30</v>
      </c>
      <c r="X1898">
        <v>31</v>
      </c>
      <c r="Y1898">
        <v>32</v>
      </c>
      <c r="Z1898">
        <v>32</v>
      </c>
      <c r="AA1898">
        <v>33</v>
      </c>
      <c r="AB1898">
        <v>34</v>
      </c>
      <c r="AC1898">
        <v>35</v>
      </c>
      <c r="AD1898">
        <v>36</v>
      </c>
      <c r="AE1898">
        <v>36</v>
      </c>
      <c r="AF1898">
        <v>37</v>
      </c>
      <c r="AG1898">
        <v>38</v>
      </c>
      <c r="AH1898">
        <v>39</v>
      </c>
      <c r="AI1898">
        <v>40</v>
      </c>
      <c r="AJ1898">
        <v>41</v>
      </c>
      <c r="AK1898">
        <v>42</v>
      </c>
      <c r="AL1898">
        <v>43</v>
      </c>
      <c r="AM1898">
        <v>43</v>
      </c>
      <c r="AN1898">
        <v>44</v>
      </c>
      <c r="AO1898">
        <v>44</v>
      </c>
      <c r="AP1898">
        <v>45</v>
      </c>
      <c r="AQ1898">
        <v>45</v>
      </c>
    </row>
    <row r="1899" spans="1:43">
      <c r="A1899" t="s">
        <v>1244</v>
      </c>
      <c r="B1899" t="s">
        <v>1245</v>
      </c>
      <c r="C1899" t="s">
        <v>1236</v>
      </c>
      <c r="D1899" t="s">
        <v>1237</v>
      </c>
      <c r="E1899" t="s">
        <v>1192</v>
      </c>
      <c r="F1899" t="s">
        <v>1193</v>
      </c>
      <c r="G1899" t="s">
        <v>80</v>
      </c>
      <c r="H1899" t="s">
        <v>81</v>
      </c>
      <c r="I1899" s="2">
        <v>0</v>
      </c>
      <c r="J1899" s="2">
        <v>1</v>
      </c>
      <c r="K1899" s="2">
        <v>0</v>
      </c>
      <c r="L1899" t="s">
        <v>82</v>
      </c>
      <c r="M1899" t="s">
        <v>87</v>
      </c>
      <c r="N1899" t="s">
        <v>88</v>
      </c>
      <c r="O1899" t="s">
        <v>85</v>
      </c>
      <c r="P1899" t="s">
        <v>86</v>
      </c>
      <c r="Q1899">
        <v>26</v>
      </c>
      <c r="R1899">
        <v>27</v>
      </c>
      <c r="S1899">
        <v>27</v>
      </c>
      <c r="T1899">
        <v>28</v>
      </c>
      <c r="U1899">
        <v>28</v>
      </c>
      <c r="V1899">
        <v>29</v>
      </c>
      <c r="W1899">
        <v>29</v>
      </c>
      <c r="X1899">
        <v>30</v>
      </c>
      <c r="Y1899">
        <v>30</v>
      </c>
      <c r="Z1899">
        <v>31</v>
      </c>
      <c r="AA1899">
        <v>31</v>
      </c>
      <c r="AB1899">
        <v>32</v>
      </c>
      <c r="AC1899">
        <v>32</v>
      </c>
      <c r="AD1899">
        <v>33</v>
      </c>
      <c r="AE1899">
        <v>33</v>
      </c>
      <c r="AF1899">
        <v>34</v>
      </c>
      <c r="AG1899">
        <v>34</v>
      </c>
      <c r="AH1899">
        <v>35</v>
      </c>
      <c r="AI1899">
        <v>35</v>
      </c>
      <c r="AJ1899">
        <v>36</v>
      </c>
      <c r="AK1899">
        <v>37</v>
      </c>
      <c r="AL1899">
        <v>37</v>
      </c>
      <c r="AM1899">
        <v>38</v>
      </c>
      <c r="AN1899">
        <v>38</v>
      </c>
      <c r="AO1899">
        <v>39</v>
      </c>
      <c r="AP1899">
        <v>40</v>
      </c>
      <c r="AQ1899">
        <v>40</v>
      </c>
    </row>
    <row r="1900" spans="1:43">
      <c r="A1900" t="s">
        <v>1244</v>
      </c>
      <c r="B1900" t="s">
        <v>1245</v>
      </c>
      <c r="C1900" t="s">
        <v>1236</v>
      </c>
      <c r="D1900" t="s">
        <v>1237</v>
      </c>
      <c r="E1900" t="s">
        <v>1192</v>
      </c>
      <c r="F1900" t="s">
        <v>1193</v>
      </c>
      <c r="G1900" t="s">
        <v>80</v>
      </c>
      <c r="H1900" t="s">
        <v>81</v>
      </c>
      <c r="I1900" s="2">
        <v>0</v>
      </c>
      <c r="J1900" s="2">
        <v>1</v>
      </c>
      <c r="K1900" s="2">
        <v>0</v>
      </c>
      <c r="L1900" t="s">
        <v>82</v>
      </c>
      <c r="M1900" t="s">
        <v>89</v>
      </c>
      <c r="N1900" t="s">
        <v>90</v>
      </c>
      <c r="O1900" t="s">
        <v>85</v>
      </c>
      <c r="P1900" t="s">
        <v>86</v>
      </c>
      <c r="Q1900">
        <v>26</v>
      </c>
      <c r="R1900">
        <v>27</v>
      </c>
      <c r="S1900">
        <v>28</v>
      </c>
      <c r="T1900">
        <v>29</v>
      </c>
      <c r="U1900">
        <v>30</v>
      </c>
      <c r="V1900">
        <v>31</v>
      </c>
      <c r="W1900">
        <v>32</v>
      </c>
      <c r="X1900">
        <v>32</v>
      </c>
      <c r="Y1900">
        <v>33</v>
      </c>
      <c r="Z1900">
        <v>34</v>
      </c>
      <c r="AA1900">
        <v>35</v>
      </c>
      <c r="AB1900">
        <v>36</v>
      </c>
      <c r="AC1900">
        <v>37</v>
      </c>
      <c r="AD1900">
        <v>38</v>
      </c>
      <c r="AE1900">
        <v>39</v>
      </c>
      <c r="AF1900">
        <v>40</v>
      </c>
      <c r="AG1900">
        <v>40</v>
      </c>
      <c r="AH1900">
        <v>41</v>
      </c>
      <c r="AI1900">
        <v>41</v>
      </c>
      <c r="AJ1900">
        <v>42</v>
      </c>
      <c r="AK1900">
        <v>42</v>
      </c>
      <c r="AL1900">
        <v>43</v>
      </c>
      <c r="AM1900">
        <v>43</v>
      </c>
      <c r="AN1900">
        <v>44</v>
      </c>
      <c r="AO1900">
        <v>44</v>
      </c>
      <c r="AP1900">
        <v>45</v>
      </c>
      <c r="AQ1900">
        <v>46</v>
      </c>
    </row>
    <row r="1901" spans="1:43">
      <c r="A1901" t="s">
        <v>1244</v>
      </c>
      <c r="B1901" t="s">
        <v>1245</v>
      </c>
      <c r="C1901" t="s">
        <v>1236</v>
      </c>
      <c r="D1901" t="s">
        <v>1237</v>
      </c>
      <c r="E1901" t="s">
        <v>1192</v>
      </c>
      <c r="F1901" t="s">
        <v>1193</v>
      </c>
      <c r="G1901" t="s">
        <v>80</v>
      </c>
      <c r="H1901" t="s">
        <v>81</v>
      </c>
      <c r="I1901" s="2">
        <v>0</v>
      </c>
      <c r="J1901" s="2">
        <v>1</v>
      </c>
      <c r="K1901" s="2">
        <v>0</v>
      </c>
      <c r="L1901" t="s">
        <v>82</v>
      </c>
      <c r="M1901" t="s">
        <v>83</v>
      </c>
      <c r="N1901" t="s">
        <v>91</v>
      </c>
      <c r="O1901" t="s">
        <v>85</v>
      </c>
      <c r="P1901" t="s">
        <v>86</v>
      </c>
      <c r="Q1901">
        <v>26</v>
      </c>
      <c r="R1901">
        <v>26</v>
      </c>
      <c r="S1901">
        <v>27</v>
      </c>
      <c r="T1901">
        <v>28</v>
      </c>
      <c r="U1901">
        <v>28</v>
      </c>
      <c r="V1901">
        <v>29</v>
      </c>
      <c r="W1901">
        <v>30</v>
      </c>
      <c r="X1901">
        <v>31</v>
      </c>
      <c r="Y1901">
        <v>32</v>
      </c>
      <c r="Z1901">
        <v>32</v>
      </c>
      <c r="AA1901">
        <v>33</v>
      </c>
      <c r="AB1901">
        <v>34</v>
      </c>
      <c r="AC1901">
        <v>35</v>
      </c>
      <c r="AD1901">
        <v>36</v>
      </c>
      <c r="AE1901">
        <v>36</v>
      </c>
      <c r="AF1901">
        <v>37</v>
      </c>
      <c r="AG1901">
        <v>38</v>
      </c>
      <c r="AH1901">
        <v>39</v>
      </c>
      <c r="AI1901">
        <v>40</v>
      </c>
      <c r="AJ1901">
        <v>41</v>
      </c>
      <c r="AK1901">
        <v>42</v>
      </c>
      <c r="AL1901">
        <v>43</v>
      </c>
      <c r="AM1901">
        <v>43</v>
      </c>
      <c r="AN1901">
        <v>44</v>
      </c>
      <c r="AO1901">
        <v>44</v>
      </c>
      <c r="AP1901">
        <v>45</v>
      </c>
      <c r="AQ1901">
        <v>45</v>
      </c>
    </row>
    <row r="1902" spans="1:43">
      <c r="A1902" t="s">
        <v>1246</v>
      </c>
      <c r="B1902" t="s">
        <v>1247</v>
      </c>
      <c r="C1902" t="s">
        <v>1236</v>
      </c>
      <c r="D1902" t="s">
        <v>1237</v>
      </c>
      <c r="E1902" t="s">
        <v>1192</v>
      </c>
      <c r="F1902" t="s">
        <v>1193</v>
      </c>
      <c r="G1902" t="s">
        <v>80</v>
      </c>
      <c r="H1902" t="s">
        <v>81</v>
      </c>
      <c r="I1902" s="2">
        <v>0</v>
      </c>
      <c r="J1902" s="2">
        <v>1</v>
      </c>
      <c r="K1902" s="2">
        <v>0</v>
      </c>
      <c r="L1902" t="s">
        <v>82</v>
      </c>
      <c r="M1902" t="s">
        <v>83</v>
      </c>
      <c r="N1902" t="s">
        <v>84</v>
      </c>
      <c r="O1902" t="s">
        <v>85</v>
      </c>
      <c r="P1902" t="s">
        <v>86</v>
      </c>
      <c r="Q1902">
        <v>5</v>
      </c>
      <c r="R1902">
        <v>5</v>
      </c>
      <c r="S1902">
        <v>5</v>
      </c>
      <c r="T1902">
        <v>5</v>
      </c>
      <c r="U1902">
        <v>6</v>
      </c>
      <c r="V1902">
        <v>6</v>
      </c>
      <c r="W1902">
        <v>6</v>
      </c>
      <c r="X1902">
        <v>6</v>
      </c>
      <c r="Y1902">
        <v>6</v>
      </c>
      <c r="Z1902">
        <v>6</v>
      </c>
      <c r="AA1902">
        <v>6</v>
      </c>
      <c r="AB1902">
        <v>7</v>
      </c>
      <c r="AC1902">
        <v>7</v>
      </c>
      <c r="AD1902">
        <v>7</v>
      </c>
      <c r="AE1902">
        <v>7</v>
      </c>
      <c r="AF1902">
        <v>7</v>
      </c>
      <c r="AG1902">
        <v>7</v>
      </c>
      <c r="AH1902">
        <v>8</v>
      </c>
      <c r="AI1902">
        <v>8</v>
      </c>
      <c r="AJ1902">
        <v>8</v>
      </c>
      <c r="AK1902">
        <v>8</v>
      </c>
      <c r="AL1902">
        <v>8</v>
      </c>
      <c r="AM1902">
        <v>8</v>
      </c>
      <c r="AN1902">
        <v>9</v>
      </c>
      <c r="AO1902">
        <v>9</v>
      </c>
      <c r="AP1902">
        <v>9</v>
      </c>
      <c r="AQ1902">
        <v>9</v>
      </c>
    </row>
    <row r="1903" spans="1:43">
      <c r="A1903" t="s">
        <v>1246</v>
      </c>
      <c r="B1903" t="s">
        <v>1247</v>
      </c>
      <c r="C1903" t="s">
        <v>1236</v>
      </c>
      <c r="D1903" t="s">
        <v>1237</v>
      </c>
      <c r="E1903" t="s">
        <v>1192</v>
      </c>
      <c r="F1903" t="s">
        <v>1193</v>
      </c>
      <c r="G1903" t="s">
        <v>80</v>
      </c>
      <c r="H1903" t="s">
        <v>81</v>
      </c>
      <c r="I1903" s="2">
        <v>0</v>
      </c>
      <c r="J1903" s="2">
        <v>1</v>
      </c>
      <c r="K1903" s="2">
        <v>0</v>
      </c>
      <c r="L1903" t="s">
        <v>82</v>
      </c>
      <c r="M1903" t="s">
        <v>87</v>
      </c>
      <c r="N1903" t="s">
        <v>88</v>
      </c>
      <c r="O1903" t="s">
        <v>85</v>
      </c>
      <c r="P1903" t="s">
        <v>86</v>
      </c>
      <c r="Q1903">
        <v>5</v>
      </c>
      <c r="R1903">
        <v>5</v>
      </c>
      <c r="S1903">
        <v>5</v>
      </c>
      <c r="T1903">
        <v>5</v>
      </c>
      <c r="U1903">
        <v>5</v>
      </c>
      <c r="V1903">
        <v>5</v>
      </c>
      <c r="W1903">
        <v>5</v>
      </c>
      <c r="X1903">
        <v>6</v>
      </c>
      <c r="Y1903">
        <v>6</v>
      </c>
      <c r="Z1903">
        <v>6</v>
      </c>
      <c r="AA1903">
        <v>6</v>
      </c>
      <c r="AB1903">
        <v>6</v>
      </c>
      <c r="AC1903">
        <v>6</v>
      </c>
      <c r="AD1903">
        <v>6</v>
      </c>
      <c r="AE1903">
        <v>6</v>
      </c>
      <c r="AF1903">
        <v>6</v>
      </c>
      <c r="AG1903">
        <v>6</v>
      </c>
      <c r="AH1903">
        <v>7</v>
      </c>
      <c r="AI1903">
        <v>7</v>
      </c>
      <c r="AJ1903">
        <v>7</v>
      </c>
      <c r="AK1903">
        <v>7</v>
      </c>
      <c r="AL1903">
        <v>7</v>
      </c>
      <c r="AM1903">
        <v>7</v>
      </c>
      <c r="AN1903">
        <v>7</v>
      </c>
      <c r="AO1903">
        <v>7</v>
      </c>
      <c r="AP1903">
        <v>8</v>
      </c>
      <c r="AQ1903">
        <v>8</v>
      </c>
    </row>
    <row r="1904" spans="1:43">
      <c r="A1904" t="s">
        <v>1246</v>
      </c>
      <c r="B1904" t="s">
        <v>1247</v>
      </c>
      <c r="C1904" t="s">
        <v>1236</v>
      </c>
      <c r="D1904" t="s">
        <v>1237</v>
      </c>
      <c r="E1904" t="s">
        <v>1192</v>
      </c>
      <c r="F1904" t="s">
        <v>1193</v>
      </c>
      <c r="G1904" t="s">
        <v>80</v>
      </c>
      <c r="H1904" t="s">
        <v>81</v>
      </c>
      <c r="I1904" s="2">
        <v>0</v>
      </c>
      <c r="J1904" s="2">
        <v>1</v>
      </c>
      <c r="K1904" s="2">
        <v>0</v>
      </c>
      <c r="L1904" t="s">
        <v>82</v>
      </c>
      <c r="M1904" t="s">
        <v>89</v>
      </c>
      <c r="N1904" t="s">
        <v>90</v>
      </c>
      <c r="O1904" t="s">
        <v>85</v>
      </c>
      <c r="P1904" t="s">
        <v>86</v>
      </c>
      <c r="Q1904">
        <v>5</v>
      </c>
      <c r="R1904">
        <v>5</v>
      </c>
      <c r="S1904">
        <v>5</v>
      </c>
      <c r="T1904">
        <v>6</v>
      </c>
      <c r="U1904">
        <v>6</v>
      </c>
      <c r="V1904">
        <v>6</v>
      </c>
      <c r="W1904">
        <v>6</v>
      </c>
      <c r="X1904">
        <v>6</v>
      </c>
      <c r="Y1904">
        <v>7</v>
      </c>
      <c r="Z1904">
        <v>7</v>
      </c>
      <c r="AA1904">
        <v>7</v>
      </c>
      <c r="AB1904">
        <v>7</v>
      </c>
      <c r="AC1904">
        <v>7</v>
      </c>
      <c r="AD1904">
        <v>7</v>
      </c>
      <c r="AE1904">
        <v>8</v>
      </c>
      <c r="AF1904">
        <v>8</v>
      </c>
      <c r="AG1904">
        <v>8</v>
      </c>
      <c r="AH1904">
        <v>8</v>
      </c>
      <c r="AI1904">
        <v>8</v>
      </c>
      <c r="AJ1904">
        <v>8</v>
      </c>
      <c r="AK1904">
        <v>8</v>
      </c>
      <c r="AL1904">
        <v>8</v>
      </c>
      <c r="AM1904">
        <v>8</v>
      </c>
      <c r="AN1904">
        <v>9</v>
      </c>
      <c r="AO1904">
        <v>9</v>
      </c>
      <c r="AP1904">
        <v>9</v>
      </c>
      <c r="AQ1904">
        <v>9</v>
      </c>
    </row>
    <row r="1905" spans="1:43">
      <c r="A1905" t="s">
        <v>1246</v>
      </c>
      <c r="B1905" t="s">
        <v>1247</v>
      </c>
      <c r="C1905" t="s">
        <v>1236</v>
      </c>
      <c r="D1905" t="s">
        <v>1237</v>
      </c>
      <c r="E1905" t="s">
        <v>1192</v>
      </c>
      <c r="F1905" t="s">
        <v>1193</v>
      </c>
      <c r="G1905" t="s">
        <v>80</v>
      </c>
      <c r="H1905" t="s">
        <v>81</v>
      </c>
      <c r="I1905" s="2">
        <v>0</v>
      </c>
      <c r="J1905" s="2">
        <v>1</v>
      </c>
      <c r="K1905" s="2">
        <v>0</v>
      </c>
      <c r="L1905" t="s">
        <v>82</v>
      </c>
      <c r="M1905" t="s">
        <v>83</v>
      </c>
      <c r="N1905" t="s">
        <v>91</v>
      </c>
      <c r="O1905" t="s">
        <v>85</v>
      </c>
      <c r="P1905" t="s">
        <v>86</v>
      </c>
      <c r="Q1905">
        <v>5</v>
      </c>
      <c r="R1905">
        <v>5</v>
      </c>
      <c r="S1905">
        <v>5</v>
      </c>
      <c r="T1905">
        <v>5</v>
      </c>
      <c r="U1905">
        <v>6</v>
      </c>
      <c r="V1905">
        <v>6</v>
      </c>
      <c r="W1905">
        <v>6</v>
      </c>
      <c r="X1905">
        <v>6</v>
      </c>
      <c r="Y1905">
        <v>6</v>
      </c>
      <c r="Z1905">
        <v>6</v>
      </c>
      <c r="AA1905">
        <v>6</v>
      </c>
      <c r="AB1905">
        <v>7</v>
      </c>
      <c r="AC1905">
        <v>7</v>
      </c>
      <c r="AD1905">
        <v>7</v>
      </c>
      <c r="AE1905">
        <v>7</v>
      </c>
      <c r="AF1905">
        <v>7</v>
      </c>
      <c r="AG1905">
        <v>7</v>
      </c>
      <c r="AH1905">
        <v>8</v>
      </c>
      <c r="AI1905">
        <v>8</v>
      </c>
      <c r="AJ1905">
        <v>8</v>
      </c>
      <c r="AK1905">
        <v>8</v>
      </c>
      <c r="AL1905">
        <v>8</v>
      </c>
      <c r="AM1905">
        <v>8</v>
      </c>
      <c r="AN1905">
        <v>9</v>
      </c>
      <c r="AO1905">
        <v>9</v>
      </c>
      <c r="AP1905">
        <v>9</v>
      </c>
      <c r="AQ1905">
        <v>9</v>
      </c>
    </row>
    <row r="1906" spans="1:43">
      <c r="A1906" t="s">
        <v>1248</v>
      </c>
      <c r="B1906" t="s">
        <v>1249</v>
      </c>
      <c r="C1906" t="s">
        <v>1240</v>
      </c>
      <c r="D1906" t="s">
        <v>1241</v>
      </c>
      <c r="E1906" t="s">
        <v>1192</v>
      </c>
      <c r="F1906" t="s">
        <v>1193</v>
      </c>
      <c r="G1906" t="s">
        <v>80</v>
      </c>
      <c r="H1906" t="s">
        <v>81</v>
      </c>
      <c r="I1906" s="2">
        <v>0</v>
      </c>
      <c r="J1906" s="2">
        <v>1</v>
      </c>
      <c r="K1906" s="2">
        <v>0</v>
      </c>
      <c r="L1906" t="s">
        <v>82</v>
      </c>
      <c r="M1906" t="s">
        <v>83</v>
      </c>
      <c r="N1906" t="s">
        <v>84</v>
      </c>
      <c r="O1906" t="s">
        <v>85</v>
      </c>
      <c r="P1906" t="s">
        <v>86</v>
      </c>
      <c r="Q1906">
        <v>39</v>
      </c>
      <c r="R1906">
        <v>40</v>
      </c>
      <c r="S1906">
        <v>41</v>
      </c>
      <c r="T1906">
        <v>42</v>
      </c>
      <c r="U1906">
        <v>43</v>
      </c>
      <c r="V1906">
        <v>45</v>
      </c>
      <c r="W1906">
        <v>46</v>
      </c>
      <c r="X1906">
        <v>47</v>
      </c>
      <c r="Y1906">
        <v>48</v>
      </c>
      <c r="Z1906">
        <v>49</v>
      </c>
      <c r="AA1906">
        <v>51</v>
      </c>
      <c r="AB1906">
        <v>52</v>
      </c>
      <c r="AC1906">
        <v>53</v>
      </c>
      <c r="AD1906">
        <v>54</v>
      </c>
      <c r="AE1906">
        <v>56</v>
      </c>
      <c r="AF1906">
        <v>57</v>
      </c>
      <c r="AG1906">
        <v>58</v>
      </c>
      <c r="AH1906">
        <v>60</v>
      </c>
      <c r="AI1906">
        <v>61</v>
      </c>
      <c r="AJ1906">
        <v>63</v>
      </c>
      <c r="AK1906">
        <v>64</v>
      </c>
      <c r="AL1906">
        <v>65</v>
      </c>
      <c r="AM1906">
        <v>66</v>
      </c>
      <c r="AN1906">
        <v>67</v>
      </c>
      <c r="AO1906">
        <v>68</v>
      </c>
      <c r="AP1906">
        <v>69</v>
      </c>
      <c r="AQ1906">
        <v>69</v>
      </c>
    </row>
    <row r="1907" spans="1:43">
      <c r="A1907" t="s">
        <v>1248</v>
      </c>
      <c r="B1907" t="s">
        <v>1249</v>
      </c>
      <c r="C1907" t="s">
        <v>1240</v>
      </c>
      <c r="D1907" t="s">
        <v>1241</v>
      </c>
      <c r="E1907" t="s">
        <v>1192</v>
      </c>
      <c r="F1907" t="s">
        <v>1193</v>
      </c>
      <c r="G1907" t="s">
        <v>80</v>
      </c>
      <c r="H1907" t="s">
        <v>81</v>
      </c>
      <c r="I1907" s="2">
        <v>0</v>
      </c>
      <c r="J1907" s="2">
        <v>1</v>
      </c>
      <c r="K1907" s="2">
        <v>0</v>
      </c>
      <c r="L1907" t="s">
        <v>82</v>
      </c>
      <c r="M1907" t="s">
        <v>87</v>
      </c>
      <c r="N1907" t="s">
        <v>88</v>
      </c>
      <c r="O1907" t="s">
        <v>85</v>
      </c>
      <c r="P1907" t="s">
        <v>86</v>
      </c>
      <c r="Q1907">
        <v>39</v>
      </c>
      <c r="R1907">
        <v>39</v>
      </c>
      <c r="S1907">
        <v>40</v>
      </c>
      <c r="T1907">
        <v>41</v>
      </c>
      <c r="U1907">
        <v>42</v>
      </c>
      <c r="V1907">
        <v>42</v>
      </c>
      <c r="W1907">
        <v>43</v>
      </c>
      <c r="X1907">
        <v>44</v>
      </c>
      <c r="Y1907">
        <v>45</v>
      </c>
      <c r="Z1907">
        <v>45</v>
      </c>
      <c r="AA1907">
        <v>46</v>
      </c>
      <c r="AB1907">
        <v>47</v>
      </c>
      <c r="AC1907">
        <v>48</v>
      </c>
      <c r="AD1907">
        <v>48</v>
      </c>
      <c r="AE1907">
        <v>49</v>
      </c>
      <c r="AF1907">
        <v>50</v>
      </c>
      <c r="AG1907">
        <v>51</v>
      </c>
      <c r="AH1907">
        <v>52</v>
      </c>
      <c r="AI1907">
        <v>53</v>
      </c>
      <c r="AJ1907">
        <v>54</v>
      </c>
      <c r="AK1907">
        <v>55</v>
      </c>
      <c r="AL1907">
        <v>55</v>
      </c>
      <c r="AM1907">
        <v>56</v>
      </c>
      <c r="AN1907">
        <v>57</v>
      </c>
      <c r="AO1907">
        <v>58</v>
      </c>
      <c r="AP1907">
        <v>59</v>
      </c>
      <c r="AQ1907">
        <v>60</v>
      </c>
    </row>
    <row r="1908" spans="1:43">
      <c r="A1908" t="s">
        <v>1248</v>
      </c>
      <c r="B1908" t="s">
        <v>1249</v>
      </c>
      <c r="C1908" t="s">
        <v>1240</v>
      </c>
      <c r="D1908" t="s">
        <v>1241</v>
      </c>
      <c r="E1908" t="s">
        <v>1192</v>
      </c>
      <c r="F1908" t="s">
        <v>1193</v>
      </c>
      <c r="G1908" t="s">
        <v>80</v>
      </c>
      <c r="H1908" t="s">
        <v>81</v>
      </c>
      <c r="I1908" s="2">
        <v>0</v>
      </c>
      <c r="J1908" s="2">
        <v>1</v>
      </c>
      <c r="K1908" s="2">
        <v>0</v>
      </c>
      <c r="L1908" t="s">
        <v>82</v>
      </c>
      <c r="M1908" t="s">
        <v>89</v>
      </c>
      <c r="N1908" t="s">
        <v>90</v>
      </c>
      <c r="O1908" t="s">
        <v>85</v>
      </c>
      <c r="P1908" t="s">
        <v>86</v>
      </c>
      <c r="Q1908">
        <v>39</v>
      </c>
      <c r="R1908">
        <v>41</v>
      </c>
      <c r="S1908">
        <v>42</v>
      </c>
      <c r="T1908">
        <v>44</v>
      </c>
      <c r="U1908">
        <v>45</v>
      </c>
      <c r="V1908">
        <v>47</v>
      </c>
      <c r="W1908">
        <v>48</v>
      </c>
      <c r="X1908">
        <v>50</v>
      </c>
      <c r="Y1908">
        <v>51</v>
      </c>
      <c r="Z1908">
        <v>53</v>
      </c>
      <c r="AA1908">
        <v>54</v>
      </c>
      <c r="AB1908">
        <v>55</v>
      </c>
      <c r="AC1908">
        <v>57</v>
      </c>
      <c r="AD1908">
        <v>59</v>
      </c>
      <c r="AE1908">
        <v>60</v>
      </c>
      <c r="AF1908">
        <v>61</v>
      </c>
      <c r="AG1908">
        <v>61</v>
      </c>
      <c r="AH1908">
        <v>62</v>
      </c>
      <c r="AI1908">
        <v>63</v>
      </c>
      <c r="AJ1908">
        <v>64</v>
      </c>
      <c r="AK1908">
        <v>65</v>
      </c>
      <c r="AL1908">
        <v>66</v>
      </c>
      <c r="AM1908">
        <v>66</v>
      </c>
      <c r="AN1908">
        <v>67</v>
      </c>
      <c r="AO1908">
        <v>68</v>
      </c>
      <c r="AP1908">
        <v>69</v>
      </c>
      <c r="AQ1908">
        <v>70</v>
      </c>
    </row>
    <row r="1909" spans="1:43">
      <c r="A1909" t="s">
        <v>1248</v>
      </c>
      <c r="B1909" t="s">
        <v>1249</v>
      </c>
      <c r="C1909" t="s">
        <v>1240</v>
      </c>
      <c r="D1909" t="s">
        <v>1241</v>
      </c>
      <c r="E1909" t="s">
        <v>1192</v>
      </c>
      <c r="F1909" t="s">
        <v>1193</v>
      </c>
      <c r="G1909" t="s">
        <v>80</v>
      </c>
      <c r="H1909" t="s">
        <v>81</v>
      </c>
      <c r="I1909" s="2">
        <v>0</v>
      </c>
      <c r="J1909" s="2">
        <v>1</v>
      </c>
      <c r="K1909" s="2">
        <v>0</v>
      </c>
      <c r="L1909" t="s">
        <v>82</v>
      </c>
      <c r="M1909" t="s">
        <v>83</v>
      </c>
      <c r="N1909" t="s">
        <v>91</v>
      </c>
      <c r="O1909" t="s">
        <v>85</v>
      </c>
      <c r="P1909" t="s">
        <v>86</v>
      </c>
      <c r="Q1909">
        <v>39</v>
      </c>
      <c r="R1909">
        <v>40</v>
      </c>
      <c r="S1909">
        <v>41</v>
      </c>
      <c r="T1909">
        <v>42</v>
      </c>
      <c r="U1909">
        <v>43</v>
      </c>
      <c r="V1909">
        <v>45</v>
      </c>
      <c r="W1909">
        <v>46</v>
      </c>
      <c r="X1909">
        <v>47</v>
      </c>
      <c r="Y1909">
        <v>48</v>
      </c>
      <c r="Z1909">
        <v>49</v>
      </c>
      <c r="AA1909">
        <v>51</v>
      </c>
      <c r="AB1909">
        <v>52</v>
      </c>
      <c r="AC1909">
        <v>53</v>
      </c>
      <c r="AD1909">
        <v>54</v>
      </c>
      <c r="AE1909">
        <v>56</v>
      </c>
      <c r="AF1909">
        <v>57</v>
      </c>
      <c r="AG1909">
        <v>58</v>
      </c>
      <c r="AH1909">
        <v>60</v>
      </c>
      <c r="AI1909">
        <v>61</v>
      </c>
      <c r="AJ1909">
        <v>63</v>
      </c>
      <c r="AK1909">
        <v>64</v>
      </c>
      <c r="AL1909">
        <v>65</v>
      </c>
      <c r="AM1909">
        <v>66</v>
      </c>
      <c r="AN1909">
        <v>67</v>
      </c>
      <c r="AO1909">
        <v>68</v>
      </c>
      <c r="AP1909">
        <v>69</v>
      </c>
      <c r="AQ1909">
        <v>69</v>
      </c>
    </row>
    <row r="1910" spans="1:43">
      <c r="A1910" t="s">
        <v>1250</v>
      </c>
      <c r="B1910" t="s">
        <v>1251</v>
      </c>
      <c r="C1910" t="s">
        <v>1240</v>
      </c>
      <c r="D1910" t="s">
        <v>1241</v>
      </c>
      <c r="E1910" t="s">
        <v>1192</v>
      </c>
      <c r="F1910" t="s">
        <v>1193</v>
      </c>
      <c r="G1910" t="s">
        <v>80</v>
      </c>
      <c r="H1910" t="s">
        <v>81</v>
      </c>
      <c r="I1910" s="2">
        <v>0</v>
      </c>
      <c r="J1910" s="2">
        <v>1</v>
      </c>
      <c r="K1910" s="2">
        <v>0</v>
      </c>
      <c r="L1910" t="s">
        <v>82</v>
      </c>
      <c r="M1910" t="s">
        <v>83</v>
      </c>
      <c r="N1910" t="s">
        <v>84</v>
      </c>
      <c r="O1910" t="s">
        <v>85</v>
      </c>
      <c r="P1910" t="s">
        <v>86</v>
      </c>
      <c r="Q1910">
        <v>51</v>
      </c>
      <c r="R1910">
        <v>52</v>
      </c>
      <c r="S1910">
        <v>54</v>
      </c>
      <c r="T1910">
        <v>55</v>
      </c>
      <c r="U1910">
        <v>57</v>
      </c>
      <c r="V1910">
        <v>58</v>
      </c>
      <c r="W1910">
        <v>60</v>
      </c>
      <c r="X1910">
        <v>61</v>
      </c>
      <c r="Y1910">
        <v>63</v>
      </c>
      <c r="Z1910">
        <v>64</v>
      </c>
      <c r="AA1910">
        <v>66</v>
      </c>
      <c r="AB1910">
        <v>67</v>
      </c>
      <c r="AC1910">
        <v>69</v>
      </c>
      <c r="AD1910">
        <v>71</v>
      </c>
      <c r="AE1910">
        <v>72</v>
      </c>
      <c r="AF1910">
        <v>74</v>
      </c>
      <c r="AG1910">
        <v>76</v>
      </c>
      <c r="AH1910">
        <v>78</v>
      </c>
      <c r="AI1910">
        <v>80</v>
      </c>
      <c r="AJ1910">
        <v>81</v>
      </c>
      <c r="AK1910">
        <v>83</v>
      </c>
      <c r="AL1910">
        <v>85</v>
      </c>
      <c r="AM1910">
        <v>86</v>
      </c>
      <c r="AN1910">
        <v>87</v>
      </c>
      <c r="AO1910">
        <v>88</v>
      </c>
      <c r="AP1910">
        <v>89</v>
      </c>
      <c r="AQ1910">
        <v>90</v>
      </c>
    </row>
    <row r="1911" spans="1:43">
      <c r="A1911" t="s">
        <v>1250</v>
      </c>
      <c r="B1911" t="s">
        <v>1251</v>
      </c>
      <c r="C1911" t="s">
        <v>1240</v>
      </c>
      <c r="D1911" t="s">
        <v>1241</v>
      </c>
      <c r="E1911" t="s">
        <v>1192</v>
      </c>
      <c r="F1911" t="s">
        <v>1193</v>
      </c>
      <c r="G1911" t="s">
        <v>80</v>
      </c>
      <c r="H1911" t="s">
        <v>81</v>
      </c>
      <c r="I1911" s="2">
        <v>0</v>
      </c>
      <c r="J1911" s="2">
        <v>1</v>
      </c>
      <c r="K1911" s="2">
        <v>0</v>
      </c>
      <c r="L1911" t="s">
        <v>82</v>
      </c>
      <c r="M1911" t="s">
        <v>87</v>
      </c>
      <c r="N1911" t="s">
        <v>88</v>
      </c>
      <c r="O1911" t="s">
        <v>85</v>
      </c>
      <c r="P1911" t="s">
        <v>86</v>
      </c>
      <c r="Q1911">
        <v>51</v>
      </c>
      <c r="R1911">
        <v>52</v>
      </c>
      <c r="S1911">
        <v>53</v>
      </c>
      <c r="T1911">
        <v>54</v>
      </c>
      <c r="U1911">
        <v>55</v>
      </c>
      <c r="V1911">
        <v>56</v>
      </c>
      <c r="W1911">
        <v>57</v>
      </c>
      <c r="X1911">
        <v>58</v>
      </c>
      <c r="Y1911">
        <v>59</v>
      </c>
      <c r="Z1911">
        <v>60</v>
      </c>
      <c r="AA1911">
        <v>61</v>
      </c>
      <c r="AB1911">
        <v>62</v>
      </c>
      <c r="AC1911">
        <v>63</v>
      </c>
      <c r="AD1911">
        <v>64</v>
      </c>
      <c r="AE1911">
        <v>65</v>
      </c>
      <c r="AF1911">
        <v>66</v>
      </c>
      <c r="AG1911">
        <v>67</v>
      </c>
      <c r="AH1911">
        <v>68</v>
      </c>
      <c r="AI1911">
        <v>70</v>
      </c>
      <c r="AJ1911">
        <v>71</v>
      </c>
      <c r="AK1911">
        <v>72</v>
      </c>
      <c r="AL1911">
        <v>73</v>
      </c>
      <c r="AM1911">
        <v>74</v>
      </c>
      <c r="AN1911">
        <v>75</v>
      </c>
      <c r="AO1911">
        <v>77</v>
      </c>
      <c r="AP1911">
        <v>78</v>
      </c>
      <c r="AQ1911">
        <v>79</v>
      </c>
    </row>
    <row r="1912" spans="1:43">
      <c r="A1912" t="s">
        <v>1250</v>
      </c>
      <c r="B1912" t="s">
        <v>1251</v>
      </c>
      <c r="C1912" t="s">
        <v>1240</v>
      </c>
      <c r="D1912" t="s">
        <v>1241</v>
      </c>
      <c r="E1912" t="s">
        <v>1192</v>
      </c>
      <c r="F1912" t="s">
        <v>1193</v>
      </c>
      <c r="G1912" t="s">
        <v>80</v>
      </c>
      <c r="H1912" t="s">
        <v>81</v>
      </c>
      <c r="I1912" s="2">
        <v>0</v>
      </c>
      <c r="J1912" s="2">
        <v>1</v>
      </c>
      <c r="K1912" s="2">
        <v>0</v>
      </c>
      <c r="L1912" t="s">
        <v>82</v>
      </c>
      <c r="M1912" t="s">
        <v>89</v>
      </c>
      <c r="N1912" t="s">
        <v>90</v>
      </c>
      <c r="O1912" t="s">
        <v>85</v>
      </c>
      <c r="P1912" t="s">
        <v>86</v>
      </c>
      <c r="Q1912">
        <v>51</v>
      </c>
      <c r="R1912">
        <v>53</v>
      </c>
      <c r="S1912">
        <v>55</v>
      </c>
      <c r="T1912">
        <v>57</v>
      </c>
      <c r="U1912">
        <v>59</v>
      </c>
      <c r="V1912">
        <v>61</v>
      </c>
      <c r="W1912">
        <v>63</v>
      </c>
      <c r="X1912">
        <v>64</v>
      </c>
      <c r="Y1912">
        <v>66</v>
      </c>
      <c r="Z1912">
        <v>68</v>
      </c>
      <c r="AA1912">
        <v>70</v>
      </c>
      <c r="AB1912">
        <v>72</v>
      </c>
      <c r="AC1912">
        <v>74</v>
      </c>
      <c r="AD1912">
        <v>76</v>
      </c>
      <c r="AE1912">
        <v>78</v>
      </c>
      <c r="AF1912">
        <v>79</v>
      </c>
      <c r="AG1912">
        <v>80</v>
      </c>
      <c r="AH1912">
        <v>81</v>
      </c>
      <c r="AI1912">
        <v>82</v>
      </c>
      <c r="AJ1912">
        <v>83</v>
      </c>
      <c r="AK1912">
        <v>84</v>
      </c>
      <c r="AL1912">
        <v>85</v>
      </c>
      <c r="AM1912">
        <v>86</v>
      </c>
      <c r="AN1912">
        <v>88</v>
      </c>
      <c r="AO1912">
        <v>89</v>
      </c>
      <c r="AP1912">
        <v>90</v>
      </c>
      <c r="AQ1912">
        <v>91</v>
      </c>
    </row>
    <row r="1913" spans="1:43">
      <c r="A1913" t="s">
        <v>1250</v>
      </c>
      <c r="B1913" t="s">
        <v>1251</v>
      </c>
      <c r="C1913" t="s">
        <v>1240</v>
      </c>
      <c r="D1913" t="s">
        <v>1241</v>
      </c>
      <c r="E1913" t="s">
        <v>1192</v>
      </c>
      <c r="F1913" t="s">
        <v>1193</v>
      </c>
      <c r="G1913" t="s">
        <v>80</v>
      </c>
      <c r="H1913" t="s">
        <v>81</v>
      </c>
      <c r="I1913" s="2">
        <v>0</v>
      </c>
      <c r="J1913" s="2">
        <v>1</v>
      </c>
      <c r="K1913" s="2">
        <v>0</v>
      </c>
      <c r="L1913" t="s">
        <v>82</v>
      </c>
      <c r="M1913" t="s">
        <v>83</v>
      </c>
      <c r="N1913" t="s">
        <v>91</v>
      </c>
      <c r="O1913" t="s">
        <v>85</v>
      </c>
      <c r="P1913" t="s">
        <v>86</v>
      </c>
      <c r="Q1913">
        <v>51</v>
      </c>
      <c r="R1913">
        <v>52</v>
      </c>
      <c r="S1913">
        <v>54</v>
      </c>
      <c r="T1913">
        <v>55</v>
      </c>
      <c r="U1913">
        <v>57</v>
      </c>
      <c r="V1913">
        <v>58</v>
      </c>
      <c r="W1913">
        <v>60</v>
      </c>
      <c r="X1913">
        <v>61</v>
      </c>
      <c r="Y1913">
        <v>63</v>
      </c>
      <c r="Z1913">
        <v>64</v>
      </c>
      <c r="AA1913">
        <v>66</v>
      </c>
      <c r="AB1913">
        <v>67</v>
      </c>
      <c r="AC1913">
        <v>69</v>
      </c>
      <c r="AD1913">
        <v>71</v>
      </c>
      <c r="AE1913">
        <v>72</v>
      </c>
      <c r="AF1913">
        <v>74</v>
      </c>
      <c r="AG1913">
        <v>76</v>
      </c>
      <c r="AH1913">
        <v>78</v>
      </c>
      <c r="AI1913">
        <v>80</v>
      </c>
      <c r="AJ1913">
        <v>81</v>
      </c>
      <c r="AK1913">
        <v>83</v>
      </c>
      <c r="AL1913">
        <v>85</v>
      </c>
      <c r="AM1913">
        <v>86</v>
      </c>
      <c r="AN1913">
        <v>87</v>
      </c>
      <c r="AO1913">
        <v>88</v>
      </c>
      <c r="AP1913">
        <v>89</v>
      </c>
      <c r="AQ1913">
        <v>90</v>
      </c>
    </row>
    <row r="1914" spans="1:43">
      <c r="A1914" t="s">
        <v>1252</v>
      </c>
      <c r="B1914" t="s">
        <v>1253</v>
      </c>
      <c r="C1914" t="s">
        <v>1254</v>
      </c>
      <c r="D1914" t="s">
        <v>1255</v>
      </c>
      <c r="E1914" t="s">
        <v>1192</v>
      </c>
      <c r="F1914" t="s">
        <v>1193</v>
      </c>
      <c r="G1914" t="s">
        <v>80</v>
      </c>
      <c r="H1914" t="s">
        <v>81</v>
      </c>
      <c r="I1914" s="2">
        <v>0</v>
      </c>
      <c r="J1914" s="2">
        <v>1</v>
      </c>
      <c r="K1914" s="2">
        <v>0</v>
      </c>
      <c r="L1914" t="s">
        <v>82</v>
      </c>
      <c r="M1914" t="s">
        <v>83</v>
      </c>
      <c r="N1914" t="s">
        <v>84</v>
      </c>
      <c r="O1914" t="s">
        <v>85</v>
      </c>
      <c r="P1914" t="s">
        <v>86</v>
      </c>
      <c r="Q1914">
        <v>67</v>
      </c>
      <c r="R1914">
        <v>69</v>
      </c>
      <c r="S1914">
        <v>71</v>
      </c>
      <c r="T1914">
        <v>73</v>
      </c>
      <c r="U1914">
        <v>75</v>
      </c>
      <c r="V1914">
        <v>77</v>
      </c>
      <c r="W1914">
        <v>79</v>
      </c>
      <c r="X1914">
        <v>81</v>
      </c>
      <c r="Y1914">
        <v>83</v>
      </c>
      <c r="Z1914">
        <v>85</v>
      </c>
      <c r="AA1914">
        <v>87</v>
      </c>
      <c r="AB1914">
        <v>90</v>
      </c>
      <c r="AC1914">
        <v>92</v>
      </c>
      <c r="AD1914">
        <v>94</v>
      </c>
      <c r="AE1914">
        <v>96</v>
      </c>
      <c r="AF1914">
        <v>99</v>
      </c>
      <c r="AG1914">
        <v>101</v>
      </c>
      <c r="AH1914">
        <v>103</v>
      </c>
      <c r="AI1914">
        <v>106</v>
      </c>
      <c r="AJ1914">
        <v>108</v>
      </c>
      <c r="AK1914">
        <v>111</v>
      </c>
      <c r="AL1914">
        <v>112</v>
      </c>
      <c r="AM1914">
        <v>114</v>
      </c>
      <c r="AN1914">
        <v>115</v>
      </c>
      <c r="AO1914">
        <v>117</v>
      </c>
      <c r="AP1914">
        <v>119</v>
      </c>
      <c r="AQ1914">
        <v>120</v>
      </c>
    </row>
    <row r="1915" spans="1:43">
      <c r="A1915" t="s">
        <v>1252</v>
      </c>
      <c r="B1915" t="s">
        <v>1253</v>
      </c>
      <c r="C1915" t="s">
        <v>1254</v>
      </c>
      <c r="D1915" t="s">
        <v>1255</v>
      </c>
      <c r="E1915" t="s">
        <v>1192</v>
      </c>
      <c r="F1915" t="s">
        <v>1193</v>
      </c>
      <c r="G1915" t="s">
        <v>80</v>
      </c>
      <c r="H1915" t="s">
        <v>81</v>
      </c>
      <c r="I1915" s="2">
        <v>0</v>
      </c>
      <c r="J1915" s="2">
        <v>1</v>
      </c>
      <c r="K1915" s="2">
        <v>0</v>
      </c>
      <c r="L1915" t="s">
        <v>82</v>
      </c>
      <c r="M1915" t="s">
        <v>87</v>
      </c>
      <c r="N1915" t="s">
        <v>88</v>
      </c>
      <c r="O1915" t="s">
        <v>85</v>
      </c>
      <c r="P1915" t="s">
        <v>86</v>
      </c>
      <c r="Q1915">
        <v>67</v>
      </c>
      <c r="R1915">
        <v>68</v>
      </c>
      <c r="S1915">
        <v>69</v>
      </c>
      <c r="T1915">
        <v>70</v>
      </c>
      <c r="U1915">
        <v>72</v>
      </c>
      <c r="V1915">
        <v>73</v>
      </c>
      <c r="W1915">
        <v>74</v>
      </c>
      <c r="X1915">
        <v>76</v>
      </c>
      <c r="Y1915">
        <v>77</v>
      </c>
      <c r="Z1915">
        <v>78</v>
      </c>
      <c r="AA1915">
        <v>80</v>
      </c>
      <c r="AB1915">
        <v>81</v>
      </c>
      <c r="AC1915">
        <v>82</v>
      </c>
      <c r="AD1915">
        <v>84</v>
      </c>
      <c r="AE1915">
        <v>85</v>
      </c>
      <c r="AF1915">
        <v>87</v>
      </c>
      <c r="AG1915">
        <v>88</v>
      </c>
      <c r="AH1915">
        <v>89</v>
      </c>
      <c r="AI1915">
        <v>91</v>
      </c>
      <c r="AJ1915">
        <v>92</v>
      </c>
      <c r="AK1915">
        <v>94</v>
      </c>
      <c r="AL1915">
        <v>96</v>
      </c>
      <c r="AM1915">
        <v>97</v>
      </c>
      <c r="AN1915">
        <v>99</v>
      </c>
      <c r="AO1915">
        <v>100</v>
      </c>
      <c r="AP1915">
        <v>102</v>
      </c>
      <c r="AQ1915">
        <v>104</v>
      </c>
    </row>
    <row r="1916" spans="1:43">
      <c r="A1916" t="s">
        <v>1252</v>
      </c>
      <c r="B1916" t="s">
        <v>1253</v>
      </c>
      <c r="C1916" t="s">
        <v>1254</v>
      </c>
      <c r="D1916" t="s">
        <v>1255</v>
      </c>
      <c r="E1916" t="s">
        <v>1192</v>
      </c>
      <c r="F1916" t="s">
        <v>1193</v>
      </c>
      <c r="G1916" t="s">
        <v>80</v>
      </c>
      <c r="H1916" t="s">
        <v>81</v>
      </c>
      <c r="I1916" s="2">
        <v>0</v>
      </c>
      <c r="J1916" s="2">
        <v>1</v>
      </c>
      <c r="K1916" s="2">
        <v>0</v>
      </c>
      <c r="L1916" t="s">
        <v>82</v>
      </c>
      <c r="M1916" t="s">
        <v>89</v>
      </c>
      <c r="N1916" t="s">
        <v>90</v>
      </c>
      <c r="O1916" t="s">
        <v>85</v>
      </c>
      <c r="P1916" t="s">
        <v>86</v>
      </c>
      <c r="Q1916">
        <v>67</v>
      </c>
      <c r="R1916">
        <v>69</v>
      </c>
      <c r="S1916">
        <v>72</v>
      </c>
      <c r="T1916">
        <v>74</v>
      </c>
      <c r="U1916">
        <v>77</v>
      </c>
      <c r="V1916">
        <v>80</v>
      </c>
      <c r="W1916">
        <v>82</v>
      </c>
      <c r="X1916">
        <v>85</v>
      </c>
      <c r="Y1916">
        <v>87</v>
      </c>
      <c r="Z1916">
        <v>90</v>
      </c>
      <c r="AA1916">
        <v>92</v>
      </c>
      <c r="AB1916">
        <v>95</v>
      </c>
      <c r="AC1916">
        <v>98</v>
      </c>
      <c r="AD1916">
        <v>100</v>
      </c>
      <c r="AE1916">
        <v>102</v>
      </c>
      <c r="AF1916">
        <v>104</v>
      </c>
      <c r="AG1916">
        <v>105</v>
      </c>
      <c r="AH1916">
        <v>107</v>
      </c>
      <c r="AI1916">
        <v>108</v>
      </c>
      <c r="AJ1916">
        <v>110</v>
      </c>
      <c r="AK1916">
        <v>111</v>
      </c>
      <c r="AL1916">
        <v>113</v>
      </c>
      <c r="AM1916">
        <v>114</v>
      </c>
      <c r="AN1916">
        <v>115</v>
      </c>
      <c r="AO1916">
        <v>117</v>
      </c>
      <c r="AP1916">
        <v>119</v>
      </c>
      <c r="AQ1916">
        <v>120</v>
      </c>
    </row>
    <row r="1917" spans="1:43">
      <c r="A1917" t="s">
        <v>1252</v>
      </c>
      <c r="B1917" t="s">
        <v>1253</v>
      </c>
      <c r="C1917" t="s">
        <v>1254</v>
      </c>
      <c r="D1917" t="s">
        <v>1255</v>
      </c>
      <c r="E1917" t="s">
        <v>1192</v>
      </c>
      <c r="F1917" t="s">
        <v>1193</v>
      </c>
      <c r="G1917" t="s">
        <v>80</v>
      </c>
      <c r="H1917" t="s">
        <v>81</v>
      </c>
      <c r="I1917" s="2">
        <v>0</v>
      </c>
      <c r="J1917" s="2">
        <v>1</v>
      </c>
      <c r="K1917" s="2">
        <v>0</v>
      </c>
      <c r="L1917" t="s">
        <v>82</v>
      </c>
      <c r="M1917" t="s">
        <v>83</v>
      </c>
      <c r="N1917" t="s">
        <v>91</v>
      </c>
      <c r="O1917" t="s">
        <v>85</v>
      </c>
      <c r="P1917" t="s">
        <v>86</v>
      </c>
      <c r="Q1917">
        <v>67</v>
      </c>
      <c r="R1917">
        <v>69</v>
      </c>
      <c r="S1917">
        <v>71</v>
      </c>
      <c r="T1917">
        <v>73</v>
      </c>
      <c r="U1917">
        <v>75</v>
      </c>
      <c r="V1917">
        <v>77</v>
      </c>
      <c r="W1917">
        <v>79</v>
      </c>
      <c r="X1917">
        <v>81</v>
      </c>
      <c r="Y1917">
        <v>83</v>
      </c>
      <c r="Z1917">
        <v>85</v>
      </c>
      <c r="AA1917">
        <v>87</v>
      </c>
      <c r="AB1917">
        <v>90</v>
      </c>
      <c r="AC1917">
        <v>92</v>
      </c>
      <c r="AD1917">
        <v>94</v>
      </c>
      <c r="AE1917">
        <v>96</v>
      </c>
      <c r="AF1917">
        <v>99</v>
      </c>
      <c r="AG1917">
        <v>101</v>
      </c>
      <c r="AH1917">
        <v>103</v>
      </c>
      <c r="AI1917">
        <v>106</v>
      </c>
      <c r="AJ1917">
        <v>108</v>
      </c>
      <c r="AK1917">
        <v>111</v>
      </c>
      <c r="AL1917">
        <v>112</v>
      </c>
      <c r="AM1917">
        <v>114</v>
      </c>
      <c r="AN1917">
        <v>115</v>
      </c>
      <c r="AO1917">
        <v>117</v>
      </c>
      <c r="AP1917">
        <v>119</v>
      </c>
      <c r="AQ1917">
        <v>120</v>
      </c>
    </row>
    <row r="1918" spans="1:43">
      <c r="A1918" t="s">
        <v>1256</v>
      </c>
      <c r="B1918" t="s">
        <v>1257</v>
      </c>
      <c r="C1918" t="s">
        <v>1258</v>
      </c>
      <c r="D1918" t="s">
        <v>1259</v>
      </c>
      <c r="E1918" t="s">
        <v>1192</v>
      </c>
      <c r="F1918" t="s">
        <v>1193</v>
      </c>
      <c r="G1918" t="s">
        <v>80</v>
      </c>
      <c r="H1918" t="s">
        <v>81</v>
      </c>
      <c r="I1918" s="2">
        <v>0</v>
      </c>
      <c r="J1918" s="2">
        <v>1</v>
      </c>
      <c r="K1918" s="2">
        <v>0</v>
      </c>
      <c r="L1918" t="s">
        <v>82</v>
      </c>
      <c r="M1918" t="s">
        <v>83</v>
      </c>
      <c r="N1918" t="s">
        <v>84</v>
      </c>
      <c r="O1918" t="s">
        <v>85</v>
      </c>
      <c r="P1918" t="s">
        <v>86</v>
      </c>
      <c r="Q1918">
        <v>8</v>
      </c>
      <c r="R1918">
        <v>9</v>
      </c>
      <c r="S1918">
        <v>9</v>
      </c>
      <c r="T1918">
        <v>9</v>
      </c>
      <c r="U1918">
        <v>9</v>
      </c>
      <c r="V1918">
        <v>10</v>
      </c>
      <c r="W1918">
        <v>10</v>
      </c>
      <c r="X1918">
        <v>10</v>
      </c>
      <c r="Y1918">
        <v>10</v>
      </c>
      <c r="Z1918">
        <v>11</v>
      </c>
      <c r="AA1918">
        <v>11</v>
      </c>
      <c r="AB1918">
        <v>11</v>
      </c>
      <c r="AC1918">
        <v>12</v>
      </c>
      <c r="AD1918">
        <v>12</v>
      </c>
      <c r="AE1918">
        <v>12</v>
      </c>
      <c r="AF1918">
        <v>12</v>
      </c>
      <c r="AG1918">
        <v>13</v>
      </c>
      <c r="AH1918">
        <v>13</v>
      </c>
      <c r="AI1918">
        <v>13</v>
      </c>
      <c r="AJ1918">
        <v>14</v>
      </c>
      <c r="AK1918">
        <v>14</v>
      </c>
      <c r="AL1918">
        <v>14</v>
      </c>
      <c r="AM1918">
        <v>14</v>
      </c>
      <c r="AN1918">
        <v>15</v>
      </c>
      <c r="AO1918">
        <v>15</v>
      </c>
      <c r="AP1918">
        <v>15</v>
      </c>
      <c r="AQ1918">
        <v>15</v>
      </c>
    </row>
    <row r="1919" spans="1:43">
      <c r="A1919" t="s">
        <v>1256</v>
      </c>
      <c r="B1919" t="s">
        <v>1257</v>
      </c>
      <c r="C1919" t="s">
        <v>1258</v>
      </c>
      <c r="D1919" t="s">
        <v>1259</v>
      </c>
      <c r="E1919" t="s">
        <v>1192</v>
      </c>
      <c r="F1919" t="s">
        <v>1193</v>
      </c>
      <c r="G1919" t="s">
        <v>80</v>
      </c>
      <c r="H1919" t="s">
        <v>81</v>
      </c>
      <c r="I1919" s="2">
        <v>0</v>
      </c>
      <c r="J1919" s="2">
        <v>1</v>
      </c>
      <c r="K1919" s="2">
        <v>0</v>
      </c>
      <c r="L1919" t="s">
        <v>82</v>
      </c>
      <c r="M1919" t="s">
        <v>87</v>
      </c>
      <c r="N1919" t="s">
        <v>88</v>
      </c>
      <c r="O1919" t="s">
        <v>85</v>
      </c>
      <c r="P1919" t="s">
        <v>86</v>
      </c>
      <c r="Q1919">
        <v>8</v>
      </c>
      <c r="R1919">
        <v>9</v>
      </c>
      <c r="S1919">
        <v>9</v>
      </c>
      <c r="T1919">
        <v>9</v>
      </c>
      <c r="U1919">
        <v>9</v>
      </c>
      <c r="V1919">
        <v>9</v>
      </c>
      <c r="W1919">
        <v>9</v>
      </c>
      <c r="X1919">
        <v>9</v>
      </c>
      <c r="Y1919">
        <v>10</v>
      </c>
      <c r="Z1919">
        <v>10</v>
      </c>
      <c r="AA1919">
        <v>10</v>
      </c>
      <c r="AB1919">
        <v>10</v>
      </c>
      <c r="AC1919">
        <v>10</v>
      </c>
      <c r="AD1919">
        <v>11</v>
      </c>
      <c r="AE1919">
        <v>11</v>
      </c>
      <c r="AF1919">
        <v>11</v>
      </c>
      <c r="AG1919">
        <v>11</v>
      </c>
      <c r="AH1919">
        <v>11</v>
      </c>
      <c r="AI1919">
        <v>11</v>
      </c>
      <c r="AJ1919">
        <v>12</v>
      </c>
      <c r="AK1919">
        <v>12</v>
      </c>
      <c r="AL1919">
        <v>12</v>
      </c>
      <c r="AM1919">
        <v>12</v>
      </c>
      <c r="AN1919">
        <v>12</v>
      </c>
      <c r="AO1919">
        <v>13</v>
      </c>
      <c r="AP1919">
        <v>13</v>
      </c>
      <c r="AQ1919">
        <v>13</v>
      </c>
    </row>
    <row r="1920" spans="1:43">
      <c r="A1920" t="s">
        <v>1256</v>
      </c>
      <c r="B1920" t="s">
        <v>1257</v>
      </c>
      <c r="C1920" t="s">
        <v>1258</v>
      </c>
      <c r="D1920" t="s">
        <v>1259</v>
      </c>
      <c r="E1920" t="s">
        <v>1192</v>
      </c>
      <c r="F1920" t="s">
        <v>1193</v>
      </c>
      <c r="G1920" t="s">
        <v>80</v>
      </c>
      <c r="H1920" t="s">
        <v>81</v>
      </c>
      <c r="I1920" s="2">
        <v>0</v>
      </c>
      <c r="J1920" s="2">
        <v>1</v>
      </c>
      <c r="K1920" s="2">
        <v>0</v>
      </c>
      <c r="L1920" t="s">
        <v>82</v>
      </c>
      <c r="M1920" t="s">
        <v>89</v>
      </c>
      <c r="N1920" t="s">
        <v>90</v>
      </c>
      <c r="O1920" t="s">
        <v>85</v>
      </c>
      <c r="P1920" t="s">
        <v>86</v>
      </c>
      <c r="Q1920">
        <v>8</v>
      </c>
      <c r="R1920">
        <v>8</v>
      </c>
      <c r="S1920">
        <v>8</v>
      </c>
      <c r="T1920">
        <v>8</v>
      </c>
      <c r="U1920">
        <v>9</v>
      </c>
      <c r="V1920">
        <v>9</v>
      </c>
      <c r="W1920">
        <v>9</v>
      </c>
      <c r="X1920">
        <v>10</v>
      </c>
      <c r="Y1920">
        <v>10</v>
      </c>
      <c r="Z1920">
        <v>10</v>
      </c>
      <c r="AA1920">
        <v>11</v>
      </c>
      <c r="AB1920">
        <v>11</v>
      </c>
      <c r="AC1920">
        <v>11</v>
      </c>
      <c r="AD1920">
        <v>12</v>
      </c>
      <c r="AE1920">
        <v>12</v>
      </c>
      <c r="AF1920">
        <v>12</v>
      </c>
      <c r="AG1920">
        <v>12</v>
      </c>
      <c r="AH1920">
        <v>13</v>
      </c>
      <c r="AI1920">
        <v>13</v>
      </c>
      <c r="AJ1920">
        <v>13</v>
      </c>
      <c r="AK1920">
        <v>13</v>
      </c>
      <c r="AL1920">
        <v>13</v>
      </c>
      <c r="AM1920">
        <v>13</v>
      </c>
      <c r="AN1920">
        <v>14</v>
      </c>
      <c r="AO1920">
        <v>14</v>
      </c>
      <c r="AP1920">
        <v>14</v>
      </c>
      <c r="AQ1920">
        <v>14</v>
      </c>
    </row>
    <row r="1921" spans="1:43">
      <c r="A1921" t="s">
        <v>1256</v>
      </c>
      <c r="B1921" t="s">
        <v>1257</v>
      </c>
      <c r="C1921" t="s">
        <v>1258</v>
      </c>
      <c r="D1921" t="s">
        <v>1259</v>
      </c>
      <c r="E1921" t="s">
        <v>1192</v>
      </c>
      <c r="F1921" t="s">
        <v>1193</v>
      </c>
      <c r="G1921" t="s">
        <v>80</v>
      </c>
      <c r="H1921" t="s">
        <v>81</v>
      </c>
      <c r="I1921" s="2">
        <v>0</v>
      </c>
      <c r="J1921" s="2">
        <v>1</v>
      </c>
      <c r="K1921" s="2">
        <v>0</v>
      </c>
      <c r="L1921" t="s">
        <v>82</v>
      </c>
      <c r="M1921" t="s">
        <v>83</v>
      </c>
      <c r="N1921" t="s">
        <v>91</v>
      </c>
      <c r="O1921" t="s">
        <v>85</v>
      </c>
      <c r="P1921" t="s">
        <v>86</v>
      </c>
      <c r="Q1921">
        <v>8</v>
      </c>
      <c r="R1921">
        <v>9</v>
      </c>
      <c r="S1921">
        <v>9</v>
      </c>
      <c r="T1921">
        <v>9</v>
      </c>
      <c r="U1921">
        <v>9</v>
      </c>
      <c r="V1921">
        <v>10</v>
      </c>
      <c r="W1921">
        <v>10</v>
      </c>
      <c r="X1921">
        <v>10</v>
      </c>
      <c r="Y1921">
        <v>10</v>
      </c>
      <c r="Z1921">
        <v>11</v>
      </c>
      <c r="AA1921">
        <v>11</v>
      </c>
      <c r="AB1921">
        <v>11</v>
      </c>
      <c r="AC1921">
        <v>12</v>
      </c>
      <c r="AD1921">
        <v>12</v>
      </c>
      <c r="AE1921">
        <v>12</v>
      </c>
      <c r="AF1921">
        <v>12</v>
      </c>
      <c r="AG1921">
        <v>13</v>
      </c>
      <c r="AH1921">
        <v>13</v>
      </c>
      <c r="AI1921">
        <v>13</v>
      </c>
      <c r="AJ1921">
        <v>14</v>
      </c>
      <c r="AK1921">
        <v>14</v>
      </c>
      <c r="AL1921">
        <v>14</v>
      </c>
      <c r="AM1921">
        <v>14</v>
      </c>
      <c r="AN1921">
        <v>15</v>
      </c>
      <c r="AO1921">
        <v>15</v>
      </c>
      <c r="AP1921">
        <v>15</v>
      </c>
      <c r="AQ1921">
        <v>15</v>
      </c>
    </row>
    <row r="1922" spans="1:43">
      <c r="A1922" t="s">
        <v>1260</v>
      </c>
      <c r="B1922" t="s">
        <v>1261</v>
      </c>
      <c r="C1922" t="s">
        <v>1254</v>
      </c>
      <c r="D1922" t="s">
        <v>1255</v>
      </c>
      <c r="E1922" t="s">
        <v>1192</v>
      </c>
      <c r="F1922" t="s">
        <v>1193</v>
      </c>
      <c r="G1922" t="s">
        <v>80</v>
      </c>
      <c r="H1922" t="s">
        <v>81</v>
      </c>
      <c r="I1922" s="2">
        <v>0</v>
      </c>
      <c r="J1922" s="2">
        <v>1</v>
      </c>
      <c r="K1922" s="2">
        <v>0</v>
      </c>
      <c r="L1922" t="s">
        <v>82</v>
      </c>
      <c r="M1922" t="s">
        <v>83</v>
      </c>
      <c r="N1922" t="s">
        <v>84</v>
      </c>
      <c r="O1922" t="s">
        <v>85</v>
      </c>
      <c r="P1922" t="s">
        <v>86</v>
      </c>
      <c r="Q1922">
        <v>152</v>
      </c>
      <c r="R1922">
        <v>156</v>
      </c>
      <c r="S1922">
        <v>161</v>
      </c>
      <c r="T1922">
        <v>165</v>
      </c>
      <c r="U1922">
        <v>169</v>
      </c>
      <c r="V1922">
        <v>174</v>
      </c>
      <c r="W1922">
        <v>178</v>
      </c>
      <c r="X1922">
        <v>183</v>
      </c>
      <c r="Y1922">
        <v>187</v>
      </c>
      <c r="Z1922">
        <v>192</v>
      </c>
      <c r="AA1922">
        <v>197</v>
      </c>
      <c r="AB1922">
        <v>202</v>
      </c>
      <c r="AC1922">
        <v>207</v>
      </c>
      <c r="AD1922">
        <v>212</v>
      </c>
      <c r="AE1922">
        <v>217</v>
      </c>
      <c r="AF1922">
        <v>222</v>
      </c>
      <c r="AG1922">
        <v>228</v>
      </c>
      <c r="AH1922">
        <v>233</v>
      </c>
      <c r="AI1922">
        <v>239</v>
      </c>
      <c r="AJ1922">
        <v>244</v>
      </c>
      <c r="AK1922">
        <v>250</v>
      </c>
      <c r="AL1922">
        <v>254</v>
      </c>
      <c r="AM1922">
        <v>257</v>
      </c>
      <c r="AN1922">
        <v>261</v>
      </c>
      <c r="AO1922">
        <v>264</v>
      </c>
      <c r="AP1922">
        <v>268</v>
      </c>
      <c r="AQ1922">
        <v>271</v>
      </c>
    </row>
    <row r="1923" spans="1:43">
      <c r="A1923" t="s">
        <v>1260</v>
      </c>
      <c r="B1923" t="s">
        <v>1261</v>
      </c>
      <c r="C1923" t="s">
        <v>1254</v>
      </c>
      <c r="D1923" t="s">
        <v>1255</v>
      </c>
      <c r="E1923" t="s">
        <v>1192</v>
      </c>
      <c r="F1923" t="s">
        <v>1193</v>
      </c>
      <c r="G1923" t="s">
        <v>80</v>
      </c>
      <c r="H1923" t="s">
        <v>81</v>
      </c>
      <c r="I1923" s="2">
        <v>0</v>
      </c>
      <c r="J1923" s="2">
        <v>1</v>
      </c>
      <c r="K1923" s="2">
        <v>0</v>
      </c>
      <c r="L1923" t="s">
        <v>82</v>
      </c>
      <c r="M1923" t="s">
        <v>87</v>
      </c>
      <c r="N1923" t="s">
        <v>88</v>
      </c>
      <c r="O1923" t="s">
        <v>85</v>
      </c>
      <c r="P1923" t="s">
        <v>86</v>
      </c>
      <c r="Q1923">
        <v>152</v>
      </c>
      <c r="R1923">
        <v>154</v>
      </c>
      <c r="S1923">
        <v>157</v>
      </c>
      <c r="T1923">
        <v>160</v>
      </c>
      <c r="U1923">
        <v>163</v>
      </c>
      <c r="V1923">
        <v>166</v>
      </c>
      <c r="W1923">
        <v>168</v>
      </c>
      <c r="X1923">
        <v>171</v>
      </c>
      <c r="Y1923">
        <v>174</v>
      </c>
      <c r="Z1923">
        <v>177</v>
      </c>
      <c r="AA1923">
        <v>180</v>
      </c>
      <c r="AB1923">
        <v>183</v>
      </c>
      <c r="AC1923">
        <v>187</v>
      </c>
      <c r="AD1923">
        <v>190</v>
      </c>
      <c r="AE1923">
        <v>193</v>
      </c>
      <c r="AF1923">
        <v>196</v>
      </c>
      <c r="AG1923">
        <v>200</v>
      </c>
      <c r="AH1923">
        <v>203</v>
      </c>
      <c r="AI1923">
        <v>206</v>
      </c>
      <c r="AJ1923">
        <v>210</v>
      </c>
      <c r="AK1923">
        <v>213</v>
      </c>
      <c r="AL1923">
        <v>217</v>
      </c>
      <c r="AM1923">
        <v>220</v>
      </c>
      <c r="AN1923">
        <v>224</v>
      </c>
      <c r="AO1923">
        <v>227</v>
      </c>
      <c r="AP1923">
        <v>231</v>
      </c>
      <c r="AQ1923">
        <v>235</v>
      </c>
    </row>
    <row r="1924" spans="1:43">
      <c r="A1924" t="s">
        <v>1260</v>
      </c>
      <c r="B1924" t="s">
        <v>1261</v>
      </c>
      <c r="C1924" t="s">
        <v>1254</v>
      </c>
      <c r="D1924" t="s">
        <v>1255</v>
      </c>
      <c r="E1924" t="s">
        <v>1192</v>
      </c>
      <c r="F1924" t="s">
        <v>1193</v>
      </c>
      <c r="G1924" t="s">
        <v>80</v>
      </c>
      <c r="H1924" t="s">
        <v>81</v>
      </c>
      <c r="I1924" s="2">
        <v>0</v>
      </c>
      <c r="J1924" s="2">
        <v>1</v>
      </c>
      <c r="K1924" s="2">
        <v>0</v>
      </c>
      <c r="L1924" t="s">
        <v>82</v>
      </c>
      <c r="M1924" t="s">
        <v>89</v>
      </c>
      <c r="N1924" t="s">
        <v>90</v>
      </c>
      <c r="O1924" t="s">
        <v>85</v>
      </c>
      <c r="P1924" t="s">
        <v>86</v>
      </c>
      <c r="Q1924">
        <v>152</v>
      </c>
      <c r="R1924">
        <v>158</v>
      </c>
      <c r="S1924">
        <v>164</v>
      </c>
      <c r="T1924">
        <v>169</v>
      </c>
      <c r="U1924">
        <v>175</v>
      </c>
      <c r="V1924">
        <v>181</v>
      </c>
      <c r="W1924">
        <v>186</v>
      </c>
      <c r="X1924">
        <v>192</v>
      </c>
      <c r="Y1924">
        <v>198</v>
      </c>
      <c r="Z1924">
        <v>204</v>
      </c>
      <c r="AA1924">
        <v>209</v>
      </c>
      <c r="AB1924">
        <v>215</v>
      </c>
      <c r="AC1924">
        <v>221</v>
      </c>
      <c r="AD1924">
        <v>228</v>
      </c>
      <c r="AE1924">
        <v>233</v>
      </c>
      <c r="AF1924">
        <v>236</v>
      </c>
      <c r="AG1924">
        <v>239</v>
      </c>
      <c r="AH1924">
        <v>242</v>
      </c>
      <c r="AI1924">
        <v>246</v>
      </c>
      <c r="AJ1924">
        <v>249</v>
      </c>
      <c r="AK1924">
        <v>252</v>
      </c>
      <c r="AL1924">
        <v>256</v>
      </c>
      <c r="AM1924">
        <v>259</v>
      </c>
      <c r="AN1924">
        <v>262</v>
      </c>
      <c r="AO1924">
        <v>266</v>
      </c>
      <c r="AP1924">
        <v>269</v>
      </c>
      <c r="AQ1924">
        <v>273</v>
      </c>
    </row>
    <row r="1925" spans="1:43">
      <c r="A1925" t="s">
        <v>1260</v>
      </c>
      <c r="B1925" t="s">
        <v>1261</v>
      </c>
      <c r="C1925" t="s">
        <v>1254</v>
      </c>
      <c r="D1925" t="s">
        <v>1255</v>
      </c>
      <c r="E1925" t="s">
        <v>1192</v>
      </c>
      <c r="F1925" t="s">
        <v>1193</v>
      </c>
      <c r="G1925" t="s">
        <v>80</v>
      </c>
      <c r="H1925" t="s">
        <v>81</v>
      </c>
      <c r="I1925" s="2">
        <v>0</v>
      </c>
      <c r="J1925" s="2">
        <v>1</v>
      </c>
      <c r="K1925" s="2">
        <v>0</v>
      </c>
      <c r="L1925" t="s">
        <v>82</v>
      </c>
      <c r="M1925" t="s">
        <v>83</v>
      </c>
      <c r="N1925" t="s">
        <v>91</v>
      </c>
      <c r="O1925" t="s">
        <v>85</v>
      </c>
      <c r="P1925" t="s">
        <v>86</v>
      </c>
      <c r="Q1925">
        <v>152</v>
      </c>
      <c r="R1925">
        <v>156</v>
      </c>
      <c r="S1925">
        <v>161</v>
      </c>
      <c r="T1925">
        <v>165</v>
      </c>
      <c r="U1925">
        <v>169</v>
      </c>
      <c r="V1925">
        <v>174</v>
      </c>
      <c r="W1925">
        <v>178</v>
      </c>
      <c r="X1925">
        <v>183</v>
      </c>
      <c r="Y1925">
        <v>187</v>
      </c>
      <c r="Z1925">
        <v>192</v>
      </c>
      <c r="AA1925">
        <v>197</v>
      </c>
      <c r="AB1925">
        <v>202</v>
      </c>
      <c r="AC1925">
        <v>207</v>
      </c>
      <c r="AD1925">
        <v>212</v>
      </c>
      <c r="AE1925">
        <v>217</v>
      </c>
      <c r="AF1925">
        <v>222</v>
      </c>
      <c r="AG1925">
        <v>228</v>
      </c>
      <c r="AH1925">
        <v>233</v>
      </c>
      <c r="AI1925">
        <v>239</v>
      </c>
      <c r="AJ1925">
        <v>244</v>
      </c>
      <c r="AK1925">
        <v>250</v>
      </c>
      <c r="AL1925">
        <v>254</v>
      </c>
      <c r="AM1925">
        <v>257</v>
      </c>
      <c r="AN1925">
        <v>261</v>
      </c>
      <c r="AO1925">
        <v>264</v>
      </c>
      <c r="AP1925">
        <v>268</v>
      </c>
      <c r="AQ1925">
        <v>271</v>
      </c>
    </row>
    <row r="1926" spans="1:43">
      <c r="A1926" t="s">
        <v>1262</v>
      </c>
      <c r="B1926" t="s">
        <v>1263</v>
      </c>
      <c r="C1926" t="s">
        <v>1254</v>
      </c>
      <c r="D1926" t="s">
        <v>1255</v>
      </c>
      <c r="E1926" t="s">
        <v>1192</v>
      </c>
      <c r="F1926" t="s">
        <v>1193</v>
      </c>
      <c r="G1926" t="s">
        <v>80</v>
      </c>
      <c r="H1926" t="s">
        <v>81</v>
      </c>
      <c r="I1926" s="2">
        <v>0</v>
      </c>
      <c r="J1926" s="2">
        <v>1</v>
      </c>
      <c r="K1926" s="2">
        <v>0</v>
      </c>
      <c r="L1926" t="s">
        <v>82</v>
      </c>
      <c r="M1926" t="s">
        <v>83</v>
      </c>
      <c r="N1926" t="s">
        <v>84</v>
      </c>
      <c r="O1926" t="s">
        <v>85</v>
      </c>
      <c r="P1926" t="s">
        <v>86</v>
      </c>
      <c r="Q1926">
        <v>13</v>
      </c>
      <c r="R1926">
        <v>14</v>
      </c>
      <c r="S1926">
        <v>14</v>
      </c>
      <c r="T1926">
        <v>14</v>
      </c>
      <c r="U1926">
        <v>15</v>
      </c>
      <c r="V1926">
        <v>15</v>
      </c>
      <c r="W1926">
        <v>15</v>
      </c>
      <c r="X1926">
        <v>16</v>
      </c>
      <c r="Y1926">
        <v>16</v>
      </c>
      <c r="Z1926">
        <v>17</v>
      </c>
      <c r="AA1926">
        <v>17</v>
      </c>
      <c r="AB1926">
        <v>17</v>
      </c>
      <c r="AC1926">
        <v>18</v>
      </c>
      <c r="AD1926">
        <v>18</v>
      </c>
      <c r="AE1926">
        <v>19</v>
      </c>
      <c r="AF1926">
        <v>19</v>
      </c>
      <c r="AG1926">
        <v>20</v>
      </c>
      <c r="AH1926">
        <v>20</v>
      </c>
      <c r="AI1926">
        <v>21</v>
      </c>
      <c r="AJ1926">
        <v>21</v>
      </c>
      <c r="AK1926">
        <v>22</v>
      </c>
      <c r="AL1926">
        <v>22</v>
      </c>
      <c r="AM1926">
        <v>22</v>
      </c>
      <c r="AN1926">
        <v>23</v>
      </c>
      <c r="AO1926">
        <v>23</v>
      </c>
      <c r="AP1926">
        <v>23</v>
      </c>
      <c r="AQ1926">
        <v>23</v>
      </c>
    </row>
    <row r="1927" spans="1:43">
      <c r="A1927" t="s">
        <v>1262</v>
      </c>
      <c r="B1927" t="s">
        <v>1263</v>
      </c>
      <c r="C1927" t="s">
        <v>1254</v>
      </c>
      <c r="D1927" t="s">
        <v>1255</v>
      </c>
      <c r="E1927" t="s">
        <v>1192</v>
      </c>
      <c r="F1927" t="s">
        <v>1193</v>
      </c>
      <c r="G1927" t="s">
        <v>80</v>
      </c>
      <c r="H1927" t="s">
        <v>81</v>
      </c>
      <c r="I1927" s="2">
        <v>0</v>
      </c>
      <c r="J1927" s="2">
        <v>1</v>
      </c>
      <c r="K1927" s="2">
        <v>0</v>
      </c>
      <c r="L1927" t="s">
        <v>82</v>
      </c>
      <c r="M1927" t="s">
        <v>87</v>
      </c>
      <c r="N1927" t="s">
        <v>88</v>
      </c>
      <c r="O1927" t="s">
        <v>85</v>
      </c>
      <c r="P1927" t="s">
        <v>86</v>
      </c>
      <c r="Q1927">
        <v>13</v>
      </c>
      <c r="R1927">
        <v>13</v>
      </c>
      <c r="S1927">
        <v>14</v>
      </c>
      <c r="T1927">
        <v>14</v>
      </c>
      <c r="U1927">
        <v>14</v>
      </c>
      <c r="V1927">
        <v>14</v>
      </c>
      <c r="W1927">
        <v>15</v>
      </c>
      <c r="X1927">
        <v>15</v>
      </c>
      <c r="Y1927">
        <v>15</v>
      </c>
      <c r="Z1927">
        <v>15</v>
      </c>
      <c r="AA1927">
        <v>16</v>
      </c>
      <c r="AB1927">
        <v>16</v>
      </c>
      <c r="AC1927">
        <v>16</v>
      </c>
      <c r="AD1927">
        <v>16</v>
      </c>
      <c r="AE1927">
        <v>17</v>
      </c>
      <c r="AF1927">
        <v>17</v>
      </c>
      <c r="AG1927">
        <v>17</v>
      </c>
      <c r="AH1927">
        <v>17</v>
      </c>
      <c r="AI1927">
        <v>18</v>
      </c>
      <c r="AJ1927">
        <v>18</v>
      </c>
      <c r="AK1927">
        <v>18</v>
      </c>
      <c r="AL1927">
        <v>19</v>
      </c>
      <c r="AM1927">
        <v>19</v>
      </c>
      <c r="AN1927">
        <v>19</v>
      </c>
      <c r="AO1927">
        <v>20</v>
      </c>
      <c r="AP1927">
        <v>20</v>
      </c>
      <c r="AQ1927">
        <v>20</v>
      </c>
    </row>
    <row r="1928" spans="1:43">
      <c r="A1928" t="s">
        <v>1262</v>
      </c>
      <c r="B1928" t="s">
        <v>1263</v>
      </c>
      <c r="C1928" t="s">
        <v>1254</v>
      </c>
      <c r="D1928" t="s">
        <v>1255</v>
      </c>
      <c r="E1928" t="s">
        <v>1192</v>
      </c>
      <c r="F1928" t="s">
        <v>1193</v>
      </c>
      <c r="G1928" t="s">
        <v>80</v>
      </c>
      <c r="H1928" t="s">
        <v>81</v>
      </c>
      <c r="I1928" s="2">
        <v>0</v>
      </c>
      <c r="J1928" s="2">
        <v>1</v>
      </c>
      <c r="K1928" s="2">
        <v>0</v>
      </c>
      <c r="L1928" t="s">
        <v>82</v>
      </c>
      <c r="M1928" t="s">
        <v>89</v>
      </c>
      <c r="N1928" t="s">
        <v>90</v>
      </c>
      <c r="O1928" t="s">
        <v>85</v>
      </c>
      <c r="P1928" t="s">
        <v>86</v>
      </c>
      <c r="Q1928">
        <v>13</v>
      </c>
      <c r="R1928">
        <v>14</v>
      </c>
      <c r="S1928">
        <v>14</v>
      </c>
      <c r="T1928">
        <v>15</v>
      </c>
      <c r="U1928">
        <v>15</v>
      </c>
      <c r="V1928">
        <v>16</v>
      </c>
      <c r="W1928">
        <v>16</v>
      </c>
      <c r="X1928">
        <v>17</v>
      </c>
      <c r="Y1928">
        <v>17</v>
      </c>
      <c r="Z1928">
        <v>18</v>
      </c>
      <c r="AA1928">
        <v>18</v>
      </c>
      <c r="AB1928">
        <v>19</v>
      </c>
      <c r="AC1928">
        <v>19</v>
      </c>
      <c r="AD1928">
        <v>20</v>
      </c>
      <c r="AE1928">
        <v>20</v>
      </c>
      <c r="AF1928">
        <v>20</v>
      </c>
      <c r="AG1928">
        <v>21</v>
      </c>
      <c r="AH1928">
        <v>21</v>
      </c>
      <c r="AI1928">
        <v>21</v>
      </c>
      <c r="AJ1928">
        <v>22</v>
      </c>
      <c r="AK1928">
        <v>22</v>
      </c>
      <c r="AL1928">
        <v>22</v>
      </c>
      <c r="AM1928">
        <v>22</v>
      </c>
      <c r="AN1928">
        <v>23</v>
      </c>
      <c r="AO1928">
        <v>23</v>
      </c>
      <c r="AP1928">
        <v>23</v>
      </c>
      <c r="AQ1928">
        <v>24</v>
      </c>
    </row>
    <row r="1929" spans="1:43">
      <c r="A1929" t="s">
        <v>1262</v>
      </c>
      <c r="B1929" t="s">
        <v>1263</v>
      </c>
      <c r="C1929" t="s">
        <v>1254</v>
      </c>
      <c r="D1929" t="s">
        <v>1255</v>
      </c>
      <c r="E1929" t="s">
        <v>1192</v>
      </c>
      <c r="F1929" t="s">
        <v>1193</v>
      </c>
      <c r="G1929" t="s">
        <v>80</v>
      </c>
      <c r="H1929" t="s">
        <v>81</v>
      </c>
      <c r="I1929" s="2">
        <v>0</v>
      </c>
      <c r="J1929" s="2">
        <v>1</v>
      </c>
      <c r="K1929" s="2">
        <v>0</v>
      </c>
      <c r="L1929" t="s">
        <v>82</v>
      </c>
      <c r="M1929" t="s">
        <v>83</v>
      </c>
      <c r="N1929" t="s">
        <v>91</v>
      </c>
      <c r="O1929" t="s">
        <v>85</v>
      </c>
      <c r="P1929" t="s">
        <v>86</v>
      </c>
      <c r="Q1929">
        <v>13</v>
      </c>
      <c r="R1929">
        <v>14</v>
      </c>
      <c r="S1929">
        <v>14</v>
      </c>
      <c r="T1929">
        <v>14</v>
      </c>
      <c r="U1929">
        <v>15</v>
      </c>
      <c r="V1929">
        <v>15</v>
      </c>
      <c r="W1929">
        <v>15</v>
      </c>
      <c r="X1929">
        <v>16</v>
      </c>
      <c r="Y1929">
        <v>16</v>
      </c>
      <c r="Z1929">
        <v>17</v>
      </c>
      <c r="AA1929">
        <v>17</v>
      </c>
      <c r="AB1929">
        <v>17</v>
      </c>
      <c r="AC1929">
        <v>18</v>
      </c>
      <c r="AD1929">
        <v>18</v>
      </c>
      <c r="AE1929">
        <v>19</v>
      </c>
      <c r="AF1929">
        <v>19</v>
      </c>
      <c r="AG1929">
        <v>20</v>
      </c>
      <c r="AH1929">
        <v>20</v>
      </c>
      <c r="AI1929">
        <v>21</v>
      </c>
      <c r="AJ1929">
        <v>21</v>
      </c>
      <c r="AK1929">
        <v>22</v>
      </c>
      <c r="AL1929">
        <v>22</v>
      </c>
      <c r="AM1929">
        <v>22</v>
      </c>
      <c r="AN1929">
        <v>23</v>
      </c>
      <c r="AO1929">
        <v>23</v>
      </c>
      <c r="AP1929">
        <v>23</v>
      </c>
      <c r="AQ1929">
        <v>23</v>
      </c>
    </row>
    <row r="1930" spans="1:43">
      <c r="A1930" t="s">
        <v>1264</v>
      </c>
      <c r="B1930" t="s">
        <v>1265</v>
      </c>
      <c r="C1930" t="s">
        <v>1254</v>
      </c>
      <c r="D1930" t="s">
        <v>1255</v>
      </c>
      <c r="E1930" t="s">
        <v>1192</v>
      </c>
      <c r="F1930" t="s">
        <v>1193</v>
      </c>
      <c r="G1930" t="s">
        <v>80</v>
      </c>
      <c r="H1930" t="s">
        <v>81</v>
      </c>
      <c r="I1930" s="2">
        <v>0</v>
      </c>
      <c r="J1930" s="2">
        <v>1</v>
      </c>
      <c r="K1930" s="2">
        <v>0</v>
      </c>
      <c r="L1930" t="s">
        <v>82</v>
      </c>
      <c r="M1930" t="s">
        <v>83</v>
      </c>
      <c r="N1930" t="s">
        <v>84</v>
      </c>
      <c r="O1930" t="s">
        <v>85</v>
      </c>
      <c r="P1930" t="s">
        <v>86</v>
      </c>
      <c r="Q1930">
        <v>23</v>
      </c>
      <c r="R1930">
        <v>24</v>
      </c>
      <c r="S1930">
        <v>24</v>
      </c>
      <c r="T1930">
        <v>25</v>
      </c>
      <c r="U1930">
        <v>26</v>
      </c>
      <c r="V1930">
        <v>26</v>
      </c>
      <c r="W1930">
        <v>27</v>
      </c>
      <c r="X1930">
        <v>28</v>
      </c>
      <c r="Y1930">
        <v>28</v>
      </c>
      <c r="Z1930">
        <v>29</v>
      </c>
      <c r="AA1930">
        <v>30</v>
      </c>
      <c r="AB1930">
        <v>31</v>
      </c>
      <c r="AC1930">
        <v>31</v>
      </c>
      <c r="AD1930">
        <v>32</v>
      </c>
      <c r="AE1930">
        <v>33</v>
      </c>
      <c r="AF1930">
        <v>34</v>
      </c>
      <c r="AG1930">
        <v>35</v>
      </c>
      <c r="AH1930">
        <v>35</v>
      </c>
      <c r="AI1930">
        <v>36</v>
      </c>
      <c r="AJ1930">
        <v>37</v>
      </c>
      <c r="AK1930">
        <v>38</v>
      </c>
      <c r="AL1930">
        <v>39</v>
      </c>
      <c r="AM1930">
        <v>39</v>
      </c>
      <c r="AN1930">
        <v>40</v>
      </c>
      <c r="AO1930">
        <v>40</v>
      </c>
      <c r="AP1930">
        <v>41</v>
      </c>
      <c r="AQ1930">
        <v>41</v>
      </c>
    </row>
    <row r="1931" spans="1:43">
      <c r="A1931" t="s">
        <v>1264</v>
      </c>
      <c r="B1931" t="s">
        <v>1265</v>
      </c>
      <c r="C1931" t="s">
        <v>1254</v>
      </c>
      <c r="D1931" t="s">
        <v>1255</v>
      </c>
      <c r="E1931" t="s">
        <v>1192</v>
      </c>
      <c r="F1931" t="s">
        <v>1193</v>
      </c>
      <c r="G1931" t="s">
        <v>80</v>
      </c>
      <c r="H1931" t="s">
        <v>81</v>
      </c>
      <c r="I1931" s="2">
        <v>0</v>
      </c>
      <c r="J1931" s="2">
        <v>1</v>
      </c>
      <c r="K1931" s="2">
        <v>0</v>
      </c>
      <c r="L1931" t="s">
        <v>82</v>
      </c>
      <c r="M1931" t="s">
        <v>87</v>
      </c>
      <c r="N1931" t="s">
        <v>88</v>
      </c>
      <c r="O1931" t="s">
        <v>85</v>
      </c>
      <c r="P1931" t="s">
        <v>86</v>
      </c>
      <c r="Q1931">
        <v>23</v>
      </c>
      <c r="R1931">
        <v>23</v>
      </c>
      <c r="S1931">
        <v>24</v>
      </c>
      <c r="T1931">
        <v>24</v>
      </c>
      <c r="U1931">
        <v>25</v>
      </c>
      <c r="V1931">
        <v>25</v>
      </c>
      <c r="W1931">
        <v>25</v>
      </c>
      <c r="X1931">
        <v>26</v>
      </c>
      <c r="Y1931">
        <v>26</v>
      </c>
      <c r="Z1931">
        <v>27</v>
      </c>
      <c r="AA1931">
        <v>27</v>
      </c>
      <c r="AB1931">
        <v>28</v>
      </c>
      <c r="AC1931">
        <v>28</v>
      </c>
      <c r="AD1931">
        <v>29</v>
      </c>
      <c r="AE1931">
        <v>29</v>
      </c>
      <c r="AF1931">
        <v>30</v>
      </c>
      <c r="AG1931">
        <v>30</v>
      </c>
      <c r="AH1931">
        <v>31</v>
      </c>
      <c r="AI1931">
        <v>31</v>
      </c>
      <c r="AJ1931">
        <v>32</v>
      </c>
      <c r="AK1931">
        <v>32</v>
      </c>
      <c r="AL1931">
        <v>33</v>
      </c>
      <c r="AM1931">
        <v>33</v>
      </c>
      <c r="AN1931">
        <v>34</v>
      </c>
      <c r="AO1931">
        <v>34</v>
      </c>
      <c r="AP1931">
        <v>35</v>
      </c>
      <c r="AQ1931">
        <v>36</v>
      </c>
    </row>
    <row r="1932" spans="1:43">
      <c r="A1932" t="s">
        <v>1264</v>
      </c>
      <c r="B1932" t="s">
        <v>1265</v>
      </c>
      <c r="C1932" t="s">
        <v>1254</v>
      </c>
      <c r="D1932" t="s">
        <v>1255</v>
      </c>
      <c r="E1932" t="s">
        <v>1192</v>
      </c>
      <c r="F1932" t="s">
        <v>1193</v>
      </c>
      <c r="G1932" t="s">
        <v>80</v>
      </c>
      <c r="H1932" t="s">
        <v>81</v>
      </c>
      <c r="I1932" s="2">
        <v>0</v>
      </c>
      <c r="J1932" s="2">
        <v>1</v>
      </c>
      <c r="K1932" s="2">
        <v>0</v>
      </c>
      <c r="L1932" t="s">
        <v>82</v>
      </c>
      <c r="M1932" t="s">
        <v>89</v>
      </c>
      <c r="N1932" t="s">
        <v>90</v>
      </c>
      <c r="O1932" t="s">
        <v>85</v>
      </c>
      <c r="P1932" t="s">
        <v>86</v>
      </c>
      <c r="Q1932">
        <v>23</v>
      </c>
      <c r="R1932">
        <v>24</v>
      </c>
      <c r="S1932">
        <v>25</v>
      </c>
      <c r="T1932">
        <v>26</v>
      </c>
      <c r="U1932">
        <v>27</v>
      </c>
      <c r="V1932">
        <v>28</v>
      </c>
      <c r="W1932">
        <v>28</v>
      </c>
      <c r="X1932">
        <v>29</v>
      </c>
      <c r="Y1932">
        <v>30</v>
      </c>
      <c r="Z1932">
        <v>31</v>
      </c>
      <c r="AA1932">
        <v>32</v>
      </c>
      <c r="AB1932">
        <v>33</v>
      </c>
      <c r="AC1932">
        <v>34</v>
      </c>
      <c r="AD1932">
        <v>35</v>
      </c>
      <c r="AE1932">
        <v>35</v>
      </c>
      <c r="AF1932">
        <v>36</v>
      </c>
      <c r="AG1932">
        <v>36</v>
      </c>
      <c r="AH1932">
        <v>37</v>
      </c>
      <c r="AI1932">
        <v>37</v>
      </c>
      <c r="AJ1932">
        <v>38</v>
      </c>
      <c r="AK1932">
        <v>38</v>
      </c>
      <c r="AL1932">
        <v>39</v>
      </c>
      <c r="AM1932">
        <v>39</v>
      </c>
      <c r="AN1932">
        <v>40</v>
      </c>
      <c r="AO1932">
        <v>40</v>
      </c>
      <c r="AP1932">
        <v>41</v>
      </c>
      <c r="AQ1932">
        <v>42</v>
      </c>
    </row>
    <row r="1933" spans="1:43">
      <c r="A1933" t="s">
        <v>1264</v>
      </c>
      <c r="B1933" t="s">
        <v>1265</v>
      </c>
      <c r="C1933" t="s">
        <v>1254</v>
      </c>
      <c r="D1933" t="s">
        <v>1255</v>
      </c>
      <c r="E1933" t="s">
        <v>1192</v>
      </c>
      <c r="F1933" t="s">
        <v>1193</v>
      </c>
      <c r="G1933" t="s">
        <v>80</v>
      </c>
      <c r="H1933" t="s">
        <v>81</v>
      </c>
      <c r="I1933" s="2">
        <v>0</v>
      </c>
      <c r="J1933" s="2">
        <v>1</v>
      </c>
      <c r="K1933" s="2">
        <v>0</v>
      </c>
      <c r="L1933" t="s">
        <v>82</v>
      </c>
      <c r="M1933" t="s">
        <v>83</v>
      </c>
      <c r="N1933" t="s">
        <v>91</v>
      </c>
      <c r="O1933" t="s">
        <v>85</v>
      </c>
      <c r="P1933" t="s">
        <v>86</v>
      </c>
      <c r="Q1933">
        <v>23</v>
      </c>
      <c r="R1933">
        <v>24</v>
      </c>
      <c r="S1933">
        <v>24</v>
      </c>
      <c r="T1933">
        <v>25</v>
      </c>
      <c r="U1933">
        <v>26</v>
      </c>
      <c r="V1933">
        <v>26</v>
      </c>
      <c r="W1933">
        <v>27</v>
      </c>
      <c r="X1933">
        <v>28</v>
      </c>
      <c r="Y1933">
        <v>28</v>
      </c>
      <c r="Z1933">
        <v>29</v>
      </c>
      <c r="AA1933">
        <v>30</v>
      </c>
      <c r="AB1933">
        <v>31</v>
      </c>
      <c r="AC1933">
        <v>31</v>
      </c>
      <c r="AD1933">
        <v>32</v>
      </c>
      <c r="AE1933">
        <v>33</v>
      </c>
      <c r="AF1933">
        <v>34</v>
      </c>
      <c r="AG1933">
        <v>35</v>
      </c>
      <c r="AH1933">
        <v>35</v>
      </c>
      <c r="AI1933">
        <v>36</v>
      </c>
      <c r="AJ1933">
        <v>37</v>
      </c>
      <c r="AK1933">
        <v>38</v>
      </c>
      <c r="AL1933">
        <v>39</v>
      </c>
      <c r="AM1933">
        <v>39</v>
      </c>
      <c r="AN1933">
        <v>40</v>
      </c>
      <c r="AO1933">
        <v>40</v>
      </c>
      <c r="AP1933">
        <v>41</v>
      </c>
      <c r="AQ1933">
        <v>41</v>
      </c>
    </row>
    <row r="1934" spans="1:43">
      <c r="A1934" t="s">
        <v>1266</v>
      </c>
      <c r="B1934" t="s">
        <v>1267</v>
      </c>
      <c r="C1934" t="s">
        <v>1254</v>
      </c>
      <c r="D1934" t="s">
        <v>1255</v>
      </c>
      <c r="E1934" t="s">
        <v>1192</v>
      </c>
      <c r="F1934" t="s">
        <v>1193</v>
      </c>
      <c r="G1934" t="s">
        <v>80</v>
      </c>
      <c r="H1934" t="s">
        <v>81</v>
      </c>
      <c r="I1934" s="2">
        <v>0</v>
      </c>
      <c r="J1934" s="2">
        <v>1</v>
      </c>
      <c r="K1934" s="2">
        <v>0</v>
      </c>
      <c r="L1934" t="s">
        <v>82</v>
      </c>
      <c r="M1934" t="s">
        <v>83</v>
      </c>
      <c r="N1934" t="s">
        <v>84</v>
      </c>
      <c r="O1934" t="s">
        <v>85</v>
      </c>
      <c r="P1934" t="s">
        <v>86</v>
      </c>
      <c r="Q1934">
        <v>14</v>
      </c>
      <c r="R1934">
        <v>15</v>
      </c>
      <c r="S1934">
        <v>15</v>
      </c>
      <c r="T1934">
        <v>16</v>
      </c>
      <c r="U1934">
        <v>16</v>
      </c>
      <c r="V1934">
        <v>17</v>
      </c>
      <c r="W1934">
        <v>17</v>
      </c>
      <c r="X1934">
        <v>17</v>
      </c>
      <c r="Y1934">
        <v>18</v>
      </c>
      <c r="Z1934">
        <v>18</v>
      </c>
      <c r="AA1934">
        <v>19</v>
      </c>
      <c r="AB1934">
        <v>19</v>
      </c>
      <c r="AC1934">
        <v>20</v>
      </c>
      <c r="AD1934">
        <v>20</v>
      </c>
      <c r="AE1934">
        <v>21</v>
      </c>
      <c r="AF1934">
        <v>21</v>
      </c>
      <c r="AG1934">
        <v>22</v>
      </c>
      <c r="AH1934">
        <v>22</v>
      </c>
      <c r="AI1934">
        <v>23</v>
      </c>
      <c r="AJ1934">
        <v>23</v>
      </c>
      <c r="AK1934">
        <v>24</v>
      </c>
      <c r="AL1934">
        <v>24</v>
      </c>
      <c r="AM1934">
        <v>24</v>
      </c>
      <c r="AN1934">
        <v>25</v>
      </c>
      <c r="AO1934">
        <v>25</v>
      </c>
      <c r="AP1934">
        <v>25</v>
      </c>
      <c r="AQ1934">
        <v>26</v>
      </c>
    </row>
    <row r="1935" spans="1:43">
      <c r="A1935" t="s">
        <v>1266</v>
      </c>
      <c r="B1935" t="s">
        <v>1267</v>
      </c>
      <c r="C1935" t="s">
        <v>1254</v>
      </c>
      <c r="D1935" t="s">
        <v>1255</v>
      </c>
      <c r="E1935" t="s">
        <v>1192</v>
      </c>
      <c r="F1935" t="s">
        <v>1193</v>
      </c>
      <c r="G1935" t="s">
        <v>80</v>
      </c>
      <c r="H1935" t="s">
        <v>81</v>
      </c>
      <c r="I1935" s="2">
        <v>0</v>
      </c>
      <c r="J1935" s="2">
        <v>1</v>
      </c>
      <c r="K1935" s="2">
        <v>0</v>
      </c>
      <c r="L1935" t="s">
        <v>82</v>
      </c>
      <c r="M1935" t="s">
        <v>87</v>
      </c>
      <c r="N1935" t="s">
        <v>88</v>
      </c>
      <c r="O1935" t="s">
        <v>85</v>
      </c>
      <c r="P1935" t="s">
        <v>86</v>
      </c>
      <c r="Q1935">
        <v>14</v>
      </c>
      <c r="R1935">
        <v>15</v>
      </c>
      <c r="S1935">
        <v>15</v>
      </c>
      <c r="T1935">
        <v>15</v>
      </c>
      <c r="U1935">
        <v>15</v>
      </c>
      <c r="V1935">
        <v>16</v>
      </c>
      <c r="W1935">
        <v>16</v>
      </c>
      <c r="X1935">
        <v>16</v>
      </c>
      <c r="Y1935">
        <v>16</v>
      </c>
      <c r="Z1935">
        <v>17</v>
      </c>
      <c r="AA1935">
        <v>17</v>
      </c>
      <c r="AB1935">
        <v>17</v>
      </c>
      <c r="AC1935">
        <v>18</v>
      </c>
      <c r="AD1935">
        <v>18</v>
      </c>
      <c r="AE1935">
        <v>18</v>
      </c>
      <c r="AF1935">
        <v>19</v>
      </c>
      <c r="AG1935">
        <v>19</v>
      </c>
      <c r="AH1935">
        <v>19</v>
      </c>
      <c r="AI1935">
        <v>20</v>
      </c>
      <c r="AJ1935">
        <v>20</v>
      </c>
      <c r="AK1935">
        <v>20</v>
      </c>
      <c r="AL1935">
        <v>21</v>
      </c>
      <c r="AM1935">
        <v>21</v>
      </c>
      <c r="AN1935">
        <v>21</v>
      </c>
      <c r="AO1935">
        <v>22</v>
      </c>
      <c r="AP1935">
        <v>22</v>
      </c>
      <c r="AQ1935">
        <v>22</v>
      </c>
    </row>
    <row r="1936" spans="1:43">
      <c r="A1936" t="s">
        <v>1266</v>
      </c>
      <c r="B1936" t="s">
        <v>1267</v>
      </c>
      <c r="C1936" t="s">
        <v>1254</v>
      </c>
      <c r="D1936" t="s">
        <v>1255</v>
      </c>
      <c r="E1936" t="s">
        <v>1192</v>
      </c>
      <c r="F1936" t="s">
        <v>1193</v>
      </c>
      <c r="G1936" t="s">
        <v>80</v>
      </c>
      <c r="H1936" t="s">
        <v>81</v>
      </c>
      <c r="I1936" s="2">
        <v>0</v>
      </c>
      <c r="J1936" s="2">
        <v>1</v>
      </c>
      <c r="K1936" s="2">
        <v>0</v>
      </c>
      <c r="L1936" t="s">
        <v>82</v>
      </c>
      <c r="M1936" t="s">
        <v>89</v>
      </c>
      <c r="N1936" t="s">
        <v>90</v>
      </c>
      <c r="O1936" t="s">
        <v>85</v>
      </c>
      <c r="P1936" t="s">
        <v>86</v>
      </c>
      <c r="Q1936">
        <v>14</v>
      </c>
      <c r="R1936">
        <v>14</v>
      </c>
      <c r="S1936">
        <v>15</v>
      </c>
      <c r="T1936">
        <v>15</v>
      </c>
      <c r="U1936">
        <v>16</v>
      </c>
      <c r="V1936">
        <v>16</v>
      </c>
      <c r="W1936">
        <v>17</v>
      </c>
      <c r="X1936">
        <v>17</v>
      </c>
      <c r="Y1936">
        <v>18</v>
      </c>
      <c r="Z1936">
        <v>18</v>
      </c>
      <c r="AA1936">
        <v>19</v>
      </c>
      <c r="AB1936">
        <v>20</v>
      </c>
      <c r="AC1936">
        <v>20</v>
      </c>
      <c r="AD1936">
        <v>21</v>
      </c>
      <c r="AE1936">
        <v>21</v>
      </c>
      <c r="AF1936">
        <v>21</v>
      </c>
      <c r="AG1936">
        <v>22</v>
      </c>
      <c r="AH1936">
        <v>22</v>
      </c>
      <c r="AI1936">
        <v>22</v>
      </c>
      <c r="AJ1936">
        <v>23</v>
      </c>
      <c r="AK1936">
        <v>23</v>
      </c>
      <c r="AL1936">
        <v>23</v>
      </c>
      <c r="AM1936">
        <v>24</v>
      </c>
      <c r="AN1936">
        <v>24</v>
      </c>
      <c r="AO1936">
        <v>24</v>
      </c>
      <c r="AP1936">
        <v>25</v>
      </c>
      <c r="AQ1936">
        <v>25</v>
      </c>
    </row>
    <row r="1937" spans="1:43">
      <c r="A1937" t="s">
        <v>1266</v>
      </c>
      <c r="B1937" t="s">
        <v>1267</v>
      </c>
      <c r="C1937" t="s">
        <v>1254</v>
      </c>
      <c r="D1937" t="s">
        <v>1255</v>
      </c>
      <c r="E1937" t="s">
        <v>1192</v>
      </c>
      <c r="F1937" t="s">
        <v>1193</v>
      </c>
      <c r="G1937" t="s">
        <v>80</v>
      </c>
      <c r="H1937" t="s">
        <v>81</v>
      </c>
      <c r="I1937" s="2">
        <v>0</v>
      </c>
      <c r="J1937" s="2">
        <v>1</v>
      </c>
      <c r="K1937" s="2">
        <v>0</v>
      </c>
      <c r="L1937" t="s">
        <v>82</v>
      </c>
      <c r="M1937" t="s">
        <v>83</v>
      </c>
      <c r="N1937" t="s">
        <v>91</v>
      </c>
      <c r="O1937" t="s">
        <v>85</v>
      </c>
      <c r="P1937" t="s">
        <v>86</v>
      </c>
      <c r="Q1937">
        <v>14</v>
      </c>
      <c r="R1937">
        <v>15</v>
      </c>
      <c r="S1937">
        <v>15</v>
      </c>
      <c r="T1937">
        <v>16</v>
      </c>
      <c r="U1937">
        <v>16</v>
      </c>
      <c r="V1937">
        <v>17</v>
      </c>
      <c r="W1937">
        <v>17</v>
      </c>
      <c r="X1937">
        <v>17</v>
      </c>
      <c r="Y1937">
        <v>18</v>
      </c>
      <c r="Z1937">
        <v>18</v>
      </c>
      <c r="AA1937">
        <v>19</v>
      </c>
      <c r="AB1937">
        <v>19</v>
      </c>
      <c r="AC1937">
        <v>20</v>
      </c>
      <c r="AD1937">
        <v>20</v>
      </c>
      <c r="AE1937">
        <v>21</v>
      </c>
      <c r="AF1937">
        <v>21</v>
      </c>
      <c r="AG1937">
        <v>22</v>
      </c>
      <c r="AH1937">
        <v>22</v>
      </c>
      <c r="AI1937">
        <v>23</v>
      </c>
      <c r="AJ1937">
        <v>23</v>
      </c>
      <c r="AK1937">
        <v>24</v>
      </c>
      <c r="AL1937">
        <v>24</v>
      </c>
      <c r="AM1937">
        <v>24</v>
      </c>
      <c r="AN1937">
        <v>25</v>
      </c>
      <c r="AO1937">
        <v>25</v>
      </c>
      <c r="AP1937">
        <v>25</v>
      </c>
      <c r="AQ1937">
        <v>26</v>
      </c>
    </row>
    <row r="1938" spans="1:43">
      <c r="A1938" t="s">
        <v>1268</v>
      </c>
      <c r="B1938" t="s">
        <v>1269</v>
      </c>
      <c r="C1938" t="s">
        <v>1270</v>
      </c>
      <c r="D1938" t="s">
        <v>1271</v>
      </c>
      <c r="E1938" t="s">
        <v>1192</v>
      </c>
      <c r="F1938" t="s">
        <v>1193</v>
      </c>
      <c r="G1938" t="s">
        <v>80</v>
      </c>
      <c r="H1938" t="s">
        <v>81</v>
      </c>
      <c r="I1938" s="2">
        <v>0</v>
      </c>
      <c r="J1938" s="2">
        <v>1</v>
      </c>
      <c r="K1938" s="2">
        <v>0</v>
      </c>
      <c r="L1938" t="s">
        <v>82</v>
      </c>
      <c r="M1938" t="s">
        <v>83</v>
      </c>
      <c r="N1938" t="s">
        <v>84</v>
      </c>
      <c r="O1938" t="s">
        <v>85</v>
      </c>
      <c r="P1938" t="s">
        <v>86</v>
      </c>
      <c r="Q1938">
        <v>56</v>
      </c>
      <c r="R1938">
        <v>57</v>
      </c>
      <c r="S1938">
        <v>59</v>
      </c>
      <c r="T1938">
        <v>60</v>
      </c>
      <c r="U1938">
        <v>62</v>
      </c>
      <c r="V1938">
        <v>63</v>
      </c>
      <c r="W1938">
        <v>65</v>
      </c>
      <c r="X1938">
        <v>67</v>
      </c>
      <c r="Y1938">
        <v>68</v>
      </c>
      <c r="Z1938">
        <v>70</v>
      </c>
      <c r="AA1938">
        <v>72</v>
      </c>
      <c r="AB1938">
        <v>74</v>
      </c>
      <c r="AC1938">
        <v>76</v>
      </c>
      <c r="AD1938">
        <v>77</v>
      </c>
      <c r="AE1938">
        <v>79</v>
      </c>
      <c r="AF1938">
        <v>81</v>
      </c>
      <c r="AG1938">
        <v>83</v>
      </c>
      <c r="AH1938">
        <v>85</v>
      </c>
      <c r="AI1938">
        <v>87</v>
      </c>
      <c r="AJ1938">
        <v>89</v>
      </c>
      <c r="AK1938">
        <v>91</v>
      </c>
      <c r="AL1938">
        <v>92</v>
      </c>
      <c r="AM1938">
        <v>94</v>
      </c>
      <c r="AN1938">
        <v>95</v>
      </c>
      <c r="AO1938">
        <v>96</v>
      </c>
      <c r="AP1938">
        <v>97</v>
      </c>
      <c r="AQ1938">
        <v>98</v>
      </c>
    </row>
    <row r="1939" spans="1:43">
      <c r="A1939" t="s">
        <v>1268</v>
      </c>
      <c r="B1939" t="s">
        <v>1269</v>
      </c>
      <c r="C1939" t="s">
        <v>1270</v>
      </c>
      <c r="D1939" t="s">
        <v>1271</v>
      </c>
      <c r="E1939" t="s">
        <v>1192</v>
      </c>
      <c r="F1939" t="s">
        <v>1193</v>
      </c>
      <c r="G1939" t="s">
        <v>80</v>
      </c>
      <c r="H1939" t="s">
        <v>81</v>
      </c>
      <c r="I1939" s="2">
        <v>0</v>
      </c>
      <c r="J1939" s="2">
        <v>1</v>
      </c>
      <c r="K1939" s="2">
        <v>0</v>
      </c>
      <c r="L1939" t="s">
        <v>82</v>
      </c>
      <c r="M1939" t="s">
        <v>87</v>
      </c>
      <c r="N1939" t="s">
        <v>88</v>
      </c>
      <c r="O1939" t="s">
        <v>85</v>
      </c>
      <c r="P1939" t="s">
        <v>86</v>
      </c>
      <c r="Q1939">
        <v>56</v>
      </c>
      <c r="R1939">
        <v>57</v>
      </c>
      <c r="S1939">
        <v>58</v>
      </c>
      <c r="T1939">
        <v>59</v>
      </c>
      <c r="U1939">
        <v>60</v>
      </c>
      <c r="V1939">
        <v>61</v>
      </c>
      <c r="W1939">
        <v>62</v>
      </c>
      <c r="X1939">
        <v>63</v>
      </c>
      <c r="Y1939">
        <v>64</v>
      </c>
      <c r="Z1939">
        <v>65</v>
      </c>
      <c r="AA1939">
        <v>67</v>
      </c>
      <c r="AB1939">
        <v>68</v>
      </c>
      <c r="AC1939">
        <v>69</v>
      </c>
      <c r="AD1939">
        <v>70</v>
      </c>
      <c r="AE1939">
        <v>71</v>
      </c>
      <c r="AF1939">
        <v>72</v>
      </c>
      <c r="AG1939">
        <v>73</v>
      </c>
      <c r="AH1939">
        <v>75</v>
      </c>
      <c r="AI1939">
        <v>76</v>
      </c>
      <c r="AJ1939">
        <v>77</v>
      </c>
      <c r="AK1939">
        <v>78</v>
      </c>
      <c r="AL1939">
        <v>80</v>
      </c>
      <c r="AM1939">
        <v>81</v>
      </c>
      <c r="AN1939">
        <v>82</v>
      </c>
      <c r="AO1939">
        <v>84</v>
      </c>
      <c r="AP1939">
        <v>85</v>
      </c>
      <c r="AQ1939">
        <v>86</v>
      </c>
    </row>
    <row r="1940" spans="1:43">
      <c r="A1940" t="s">
        <v>1268</v>
      </c>
      <c r="B1940" t="s">
        <v>1269</v>
      </c>
      <c r="C1940" t="s">
        <v>1270</v>
      </c>
      <c r="D1940" t="s">
        <v>1271</v>
      </c>
      <c r="E1940" t="s">
        <v>1192</v>
      </c>
      <c r="F1940" t="s">
        <v>1193</v>
      </c>
      <c r="G1940" t="s">
        <v>80</v>
      </c>
      <c r="H1940" t="s">
        <v>81</v>
      </c>
      <c r="I1940" s="2">
        <v>0</v>
      </c>
      <c r="J1940" s="2">
        <v>1</v>
      </c>
      <c r="K1940" s="2">
        <v>0</v>
      </c>
      <c r="L1940" t="s">
        <v>82</v>
      </c>
      <c r="M1940" t="s">
        <v>89</v>
      </c>
      <c r="N1940" t="s">
        <v>90</v>
      </c>
      <c r="O1940" t="s">
        <v>85</v>
      </c>
      <c r="P1940" t="s">
        <v>86</v>
      </c>
      <c r="Q1940">
        <v>56</v>
      </c>
      <c r="R1940">
        <v>58</v>
      </c>
      <c r="S1940">
        <v>60</v>
      </c>
      <c r="T1940">
        <v>62</v>
      </c>
      <c r="U1940">
        <v>64</v>
      </c>
      <c r="V1940">
        <v>66</v>
      </c>
      <c r="W1940">
        <v>68</v>
      </c>
      <c r="X1940">
        <v>71</v>
      </c>
      <c r="Y1940">
        <v>73</v>
      </c>
      <c r="Z1940">
        <v>75</v>
      </c>
      <c r="AA1940">
        <v>77</v>
      </c>
      <c r="AB1940">
        <v>79</v>
      </c>
      <c r="AC1940">
        <v>81</v>
      </c>
      <c r="AD1940">
        <v>83</v>
      </c>
      <c r="AE1940">
        <v>85</v>
      </c>
      <c r="AF1940">
        <v>86</v>
      </c>
      <c r="AG1940">
        <v>87</v>
      </c>
      <c r="AH1940">
        <v>88</v>
      </c>
      <c r="AI1940">
        <v>90</v>
      </c>
      <c r="AJ1940">
        <v>91</v>
      </c>
      <c r="AK1940">
        <v>92</v>
      </c>
      <c r="AL1940">
        <v>93</v>
      </c>
      <c r="AM1940">
        <v>94</v>
      </c>
      <c r="AN1940">
        <v>95</v>
      </c>
      <c r="AO1940">
        <v>97</v>
      </c>
      <c r="AP1940">
        <v>98</v>
      </c>
      <c r="AQ1940">
        <v>99</v>
      </c>
    </row>
    <row r="1941" spans="1:43">
      <c r="A1941" t="s">
        <v>1268</v>
      </c>
      <c r="B1941" t="s">
        <v>1269</v>
      </c>
      <c r="C1941" t="s">
        <v>1270</v>
      </c>
      <c r="D1941" t="s">
        <v>1271</v>
      </c>
      <c r="E1941" t="s">
        <v>1192</v>
      </c>
      <c r="F1941" t="s">
        <v>1193</v>
      </c>
      <c r="G1941" t="s">
        <v>80</v>
      </c>
      <c r="H1941" t="s">
        <v>81</v>
      </c>
      <c r="I1941" s="2">
        <v>0</v>
      </c>
      <c r="J1941" s="2">
        <v>1</v>
      </c>
      <c r="K1941" s="2">
        <v>0</v>
      </c>
      <c r="L1941" t="s">
        <v>82</v>
      </c>
      <c r="M1941" t="s">
        <v>83</v>
      </c>
      <c r="N1941" t="s">
        <v>91</v>
      </c>
      <c r="O1941" t="s">
        <v>85</v>
      </c>
      <c r="P1941" t="s">
        <v>86</v>
      </c>
      <c r="Q1941">
        <v>56</v>
      </c>
      <c r="R1941">
        <v>57</v>
      </c>
      <c r="S1941">
        <v>59</v>
      </c>
      <c r="T1941">
        <v>60</v>
      </c>
      <c r="U1941">
        <v>62</v>
      </c>
      <c r="V1941">
        <v>63</v>
      </c>
      <c r="W1941">
        <v>65</v>
      </c>
      <c r="X1941">
        <v>67</v>
      </c>
      <c r="Y1941">
        <v>68</v>
      </c>
      <c r="Z1941">
        <v>70</v>
      </c>
      <c r="AA1941">
        <v>72</v>
      </c>
      <c r="AB1941">
        <v>74</v>
      </c>
      <c r="AC1941">
        <v>76</v>
      </c>
      <c r="AD1941">
        <v>77</v>
      </c>
      <c r="AE1941">
        <v>79</v>
      </c>
      <c r="AF1941">
        <v>81</v>
      </c>
      <c r="AG1941">
        <v>83</v>
      </c>
      <c r="AH1941">
        <v>85</v>
      </c>
      <c r="AI1941">
        <v>87</v>
      </c>
      <c r="AJ1941">
        <v>89</v>
      </c>
      <c r="AK1941">
        <v>91</v>
      </c>
      <c r="AL1941">
        <v>92</v>
      </c>
      <c r="AM1941">
        <v>94</v>
      </c>
      <c r="AN1941">
        <v>95</v>
      </c>
      <c r="AO1941">
        <v>96</v>
      </c>
      <c r="AP1941">
        <v>97</v>
      </c>
      <c r="AQ1941">
        <v>98</v>
      </c>
    </row>
    <row r="1942" spans="1:43">
      <c r="A1942" t="s">
        <v>1272</v>
      </c>
      <c r="B1942" t="s">
        <v>1273</v>
      </c>
      <c r="C1942" t="s">
        <v>1270</v>
      </c>
      <c r="D1942" t="s">
        <v>1271</v>
      </c>
      <c r="E1942" t="s">
        <v>1192</v>
      </c>
      <c r="F1942" t="s">
        <v>1193</v>
      </c>
      <c r="G1942" t="s">
        <v>80</v>
      </c>
      <c r="H1942" t="s">
        <v>81</v>
      </c>
      <c r="I1942" s="2">
        <v>0</v>
      </c>
      <c r="J1942" s="2">
        <v>1</v>
      </c>
      <c r="K1942" s="2">
        <v>0</v>
      </c>
      <c r="L1942" t="s">
        <v>82</v>
      </c>
      <c r="M1942" t="s">
        <v>83</v>
      </c>
      <c r="N1942" t="s">
        <v>84</v>
      </c>
      <c r="O1942" t="s">
        <v>85</v>
      </c>
      <c r="P1942" t="s">
        <v>86</v>
      </c>
      <c r="Q1942">
        <v>33</v>
      </c>
      <c r="R1942">
        <v>34</v>
      </c>
      <c r="S1942">
        <v>35</v>
      </c>
      <c r="T1942">
        <v>36</v>
      </c>
      <c r="U1942">
        <v>37</v>
      </c>
      <c r="V1942">
        <v>38</v>
      </c>
      <c r="W1942">
        <v>39</v>
      </c>
      <c r="X1942">
        <v>40</v>
      </c>
      <c r="Y1942">
        <v>41</v>
      </c>
      <c r="Z1942">
        <v>42</v>
      </c>
      <c r="AA1942">
        <v>43</v>
      </c>
      <c r="AB1942">
        <v>44</v>
      </c>
      <c r="AC1942">
        <v>45</v>
      </c>
      <c r="AD1942">
        <v>46</v>
      </c>
      <c r="AE1942">
        <v>48</v>
      </c>
      <c r="AF1942">
        <v>49</v>
      </c>
      <c r="AG1942">
        <v>50</v>
      </c>
      <c r="AH1942">
        <v>51</v>
      </c>
      <c r="AI1942">
        <v>52</v>
      </c>
      <c r="AJ1942">
        <v>53</v>
      </c>
      <c r="AK1942">
        <v>55</v>
      </c>
      <c r="AL1942">
        <v>56</v>
      </c>
      <c r="AM1942">
        <v>56</v>
      </c>
      <c r="AN1942">
        <v>57</v>
      </c>
      <c r="AO1942">
        <v>58</v>
      </c>
      <c r="AP1942">
        <v>58</v>
      </c>
      <c r="AQ1942">
        <v>59</v>
      </c>
    </row>
    <row r="1943" spans="1:43">
      <c r="A1943" t="s">
        <v>1272</v>
      </c>
      <c r="B1943" t="s">
        <v>1273</v>
      </c>
      <c r="C1943" t="s">
        <v>1270</v>
      </c>
      <c r="D1943" t="s">
        <v>1271</v>
      </c>
      <c r="E1943" t="s">
        <v>1192</v>
      </c>
      <c r="F1943" t="s">
        <v>1193</v>
      </c>
      <c r="G1943" t="s">
        <v>80</v>
      </c>
      <c r="H1943" t="s">
        <v>81</v>
      </c>
      <c r="I1943" s="2">
        <v>0</v>
      </c>
      <c r="J1943" s="2">
        <v>1</v>
      </c>
      <c r="K1943" s="2">
        <v>0</v>
      </c>
      <c r="L1943" t="s">
        <v>82</v>
      </c>
      <c r="M1943" t="s">
        <v>87</v>
      </c>
      <c r="N1943" t="s">
        <v>88</v>
      </c>
      <c r="O1943" t="s">
        <v>85</v>
      </c>
      <c r="P1943" t="s">
        <v>86</v>
      </c>
      <c r="Q1943">
        <v>33</v>
      </c>
      <c r="R1943">
        <v>34</v>
      </c>
      <c r="S1943">
        <v>34</v>
      </c>
      <c r="T1943">
        <v>35</v>
      </c>
      <c r="U1943">
        <v>35</v>
      </c>
      <c r="V1943">
        <v>36</v>
      </c>
      <c r="W1943">
        <v>37</v>
      </c>
      <c r="X1943">
        <v>37</v>
      </c>
      <c r="Y1943">
        <v>38</v>
      </c>
      <c r="Z1943">
        <v>39</v>
      </c>
      <c r="AA1943">
        <v>39</v>
      </c>
      <c r="AB1943">
        <v>40</v>
      </c>
      <c r="AC1943">
        <v>41</v>
      </c>
      <c r="AD1943">
        <v>41</v>
      </c>
      <c r="AE1943">
        <v>42</v>
      </c>
      <c r="AF1943">
        <v>43</v>
      </c>
      <c r="AG1943">
        <v>43</v>
      </c>
      <c r="AH1943">
        <v>44</v>
      </c>
      <c r="AI1943">
        <v>45</v>
      </c>
      <c r="AJ1943">
        <v>46</v>
      </c>
      <c r="AK1943">
        <v>46</v>
      </c>
      <c r="AL1943">
        <v>47</v>
      </c>
      <c r="AM1943">
        <v>48</v>
      </c>
      <c r="AN1943">
        <v>49</v>
      </c>
      <c r="AO1943">
        <v>50</v>
      </c>
      <c r="AP1943">
        <v>50</v>
      </c>
      <c r="AQ1943">
        <v>51</v>
      </c>
    </row>
    <row r="1944" spans="1:43">
      <c r="A1944" t="s">
        <v>1272</v>
      </c>
      <c r="B1944" t="s">
        <v>1273</v>
      </c>
      <c r="C1944" t="s">
        <v>1270</v>
      </c>
      <c r="D1944" t="s">
        <v>1271</v>
      </c>
      <c r="E1944" t="s">
        <v>1192</v>
      </c>
      <c r="F1944" t="s">
        <v>1193</v>
      </c>
      <c r="G1944" t="s">
        <v>80</v>
      </c>
      <c r="H1944" t="s">
        <v>81</v>
      </c>
      <c r="I1944" s="2">
        <v>0</v>
      </c>
      <c r="J1944" s="2">
        <v>1</v>
      </c>
      <c r="K1944" s="2">
        <v>0</v>
      </c>
      <c r="L1944" t="s">
        <v>82</v>
      </c>
      <c r="M1944" t="s">
        <v>89</v>
      </c>
      <c r="N1944" t="s">
        <v>90</v>
      </c>
      <c r="O1944" t="s">
        <v>85</v>
      </c>
      <c r="P1944" t="s">
        <v>86</v>
      </c>
      <c r="Q1944">
        <v>33</v>
      </c>
      <c r="R1944">
        <v>34</v>
      </c>
      <c r="S1944">
        <v>35</v>
      </c>
      <c r="T1944">
        <v>36</v>
      </c>
      <c r="U1944">
        <v>38</v>
      </c>
      <c r="V1944">
        <v>39</v>
      </c>
      <c r="W1944">
        <v>40</v>
      </c>
      <c r="X1944">
        <v>41</v>
      </c>
      <c r="Y1944">
        <v>43</v>
      </c>
      <c r="Z1944">
        <v>44</v>
      </c>
      <c r="AA1944">
        <v>45</v>
      </c>
      <c r="AB1944">
        <v>46</v>
      </c>
      <c r="AC1944">
        <v>48</v>
      </c>
      <c r="AD1944">
        <v>49</v>
      </c>
      <c r="AE1944">
        <v>50</v>
      </c>
      <c r="AF1944">
        <v>51</v>
      </c>
      <c r="AG1944">
        <v>51</v>
      </c>
      <c r="AH1944">
        <v>52</v>
      </c>
      <c r="AI1944">
        <v>53</v>
      </c>
      <c r="AJ1944">
        <v>54</v>
      </c>
      <c r="AK1944">
        <v>54</v>
      </c>
      <c r="AL1944">
        <v>55</v>
      </c>
      <c r="AM1944">
        <v>56</v>
      </c>
      <c r="AN1944">
        <v>56</v>
      </c>
      <c r="AO1944">
        <v>57</v>
      </c>
      <c r="AP1944">
        <v>58</v>
      </c>
      <c r="AQ1944">
        <v>59</v>
      </c>
    </row>
    <row r="1945" spans="1:43">
      <c r="A1945" t="s">
        <v>1272</v>
      </c>
      <c r="B1945" t="s">
        <v>1273</v>
      </c>
      <c r="C1945" t="s">
        <v>1270</v>
      </c>
      <c r="D1945" t="s">
        <v>1271</v>
      </c>
      <c r="E1945" t="s">
        <v>1192</v>
      </c>
      <c r="F1945" t="s">
        <v>1193</v>
      </c>
      <c r="G1945" t="s">
        <v>80</v>
      </c>
      <c r="H1945" t="s">
        <v>81</v>
      </c>
      <c r="I1945" s="2">
        <v>0</v>
      </c>
      <c r="J1945" s="2">
        <v>1</v>
      </c>
      <c r="K1945" s="2">
        <v>0</v>
      </c>
      <c r="L1945" t="s">
        <v>82</v>
      </c>
      <c r="M1945" t="s">
        <v>83</v>
      </c>
      <c r="N1945" t="s">
        <v>91</v>
      </c>
      <c r="O1945" t="s">
        <v>85</v>
      </c>
      <c r="P1945" t="s">
        <v>86</v>
      </c>
      <c r="Q1945">
        <v>33</v>
      </c>
      <c r="R1945">
        <v>34</v>
      </c>
      <c r="S1945">
        <v>35</v>
      </c>
      <c r="T1945">
        <v>36</v>
      </c>
      <c r="U1945">
        <v>37</v>
      </c>
      <c r="V1945">
        <v>38</v>
      </c>
      <c r="W1945">
        <v>39</v>
      </c>
      <c r="X1945">
        <v>40</v>
      </c>
      <c r="Y1945">
        <v>41</v>
      </c>
      <c r="Z1945">
        <v>42</v>
      </c>
      <c r="AA1945">
        <v>43</v>
      </c>
      <c r="AB1945">
        <v>44</v>
      </c>
      <c r="AC1945">
        <v>45</v>
      </c>
      <c r="AD1945">
        <v>46</v>
      </c>
      <c r="AE1945">
        <v>48</v>
      </c>
      <c r="AF1945">
        <v>49</v>
      </c>
      <c r="AG1945">
        <v>50</v>
      </c>
      <c r="AH1945">
        <v>51</v>
      </c>
      <c r="AI1945">
        <v>52</v>
      </c>
      <c r="AJ1945">
        <v>53</v>
      </c>
      <c r="AK1945">
        <v>55</v>
      </c>
      <c r="AL1945">
        <v>56</v>
      </c>
      <c r="AM1945">
        <v>56</v>
      </c>
      <c r="AN1945">
        <v>57</v>
      </c>
      <c r="AO1945">
        <v>58</v>
      </c>
      <c r="AP1945">
        <v>58</v>
      </c>
      <c r="AQ1945">
        <v>59</v>
      </c>
    </row>
    <row r="1946" spans="1:43">
      <c r="A1946" t="s">
        <v>1274</v>
      </c>
      <c r="B1946" t="s">
        <v>1275</v>
      </c>
      <c r="C1946" t="s">
        <v>1276</v>
      </c>
      <c r="D1946" t="s">
        <v>1277</v>
      </c>
      <c r="E1946" t="s">
        <v>1192</v>
      </c>
      <c r="F1946" t="s">
        <v>1193</v>
      </c>
      <c r="G1946" t="s">
        <v>80</v>
      </c>
      <c r="H1946" t="s">
        <v>81</v>
      </c>
      <c r="I1946" s="2">
        <v>0</v>
      </c>
      <c r="J1946" s="2">
        <v>1</v>
      </c>
      <c r="K1946" s="2">
        <v>0</v>
      </c>
      <c r="L1946" t="s">
        <v>82</v>
      </c>
      <c r="M1946" t="s">
        <v>83</v>
      </c>
      <c r="N1946" t="s">
        <v>84</v>
      </c>
      <c r="O1946" t="s">
        <v>85</v>
      </c>
      <c r="P1946" t="s">
        <v>86</v>
      </c>
      <c r="Q1946">
        <v>81</v>
      </c>
      <c r="R1946">
        <v>84</v>
      </c>
      <c r="S1946">
        <v>86</v>
      </c>
      <c r="T1946">
        <v>88</v>
      </c>
      <c r="U1946">
        <v>91</v>
      </c>
      <c r="V1946">
        <v>93</v>
      </c>
      <c r="W1946">
        <v>95</v>
      </c>
      <c r="X1946">
        <v>98</v>
      </c>
      <c r="Y1946">
        <v>100</v>
      </c>
      <c r="Z1946">
        <v>103</v>
      </c>
      <c r="AA1946">
        <v>106</v>
      </c>
      <c r="AB1946">
        <v>108</v>
      </c>
      <c r="AC1946">
        <v>111</v>
      </c>
      <c r="AD1946">
        <v>113</v>
      </c>
      <c r="AE1946">
        <v>116</v>
      </c>
      <c r="AF1946">
        <v>119</v>
      </c>
      <c r="AG1946">
        <v>122</v>
      </c>
      <c r="AH1946">
        <v>125</v>
      </c>
      <c r="AI1946">
        <v>128</v>
      </c>
      <c r="AJ1946">
        <v>130</v>
      </c>
      <c r="AK1946">
        <v>133</v>
      </c>
      <c r="AL1946">
        <v>136</v>
      </c>
      <c r="AM1946">
        <v>137</v>
      </c>
      <c r="AN1946">
        <v>139</v>
      </c>
      <c r="AO1946">
        <v>141</v>
      </c>
      <c r="AP1946">
        <v>143</v>
      </c>
      <c r="AQ1946">
        <v>145</v>
      </c>
    </row>
    <row r="1947" spans="1:43">
      <c r="A1947" t="s">
        <v>1274</v>
      </c>
      <c r="B1947" t="s">
        <v>1275</v>
      </c>
      <c r="C1947" t="s">
        <v>1276</v>
      </c>
      <c r="D1947" t="s">
        <v>1277</v>
      </c>
      <c r="E1947" t="s">
        <v>1192</v>
      </c>
      <c r="F1947" t="s">
        <v>1193</v>
      </c>
      <c r="G1947" t="s">
        <v>80</v>
      </c>
      <c r="H1947" t="s">
        <v>81</v>
      </c>
      <c r="I1947" s="2">
        <v>0</v>
      </c>
      <c r="J1947" s="2">
        <v>1</v>
      </c>
      <c r="K1947" s="2">
        <v>0</v>
      </c>
      <c r="L1947" t="s">
        <v>82</v>
      </c>
      <c r="M1947" t="s">
        <v>87</v>
      </c>
      <c r="N1947" t="s">
        <v>88</v>
      </c>
      <c r="O1947" t="s">
        <v>85</v>
      </c>
      <c r="P1947" t="s">
        <v>86</v>
      </c>
      <c r="Q1947">
        <v>81</v>
      </c>
      <c r="R1947">
        <v>82</v>
      </c>
      <c r="S1947">
        <v>84</v>
      </c>
      <c r="T1947">
        <v>85</v>
      </c>
      <c r="U1947">
        <v>87</v>
      </c>
      <c r="V1947">
        <v>88</v>
      </c>
      <c r="W1947">
        <v>90</v>
      </c>
      <c r="X1947">
        <v>91</v>
      </c>
      <c r="Y1947">
        <v>93</v>
      </c>
      <c r="Z1947">
        <v>94</v>
      </c>
      <c r="AA1947">
        <v>96</v>
      </c>
      <c r="AB1947">
        <v>98</v>
      </c>
      <c r="AC1947">
        <v>99</v>
      </c>
      <c r="AD1947">
        <v>101</v>
      </c>
      <c r="AE1947">
        <v>103</v>
      </c>
      <c r="AF1947">
        <v>105</v>
      </c>
      <c r="AG1947">
        <v>106</v>
      </c>
      <c r="AH1947">
        <v>108</v>
      </c>
      <c r="AI1947">
        <v>110</v>
      </c>
      <c r="AJ1947">
        <v>112</v>
      </c>
      <c r="AK1947">
        <v>114</v>
      </c>
      <c r="AL1947">
        <v>115</v>
      </c>
      <c r="AM1947">
        <v>117</v>
      </c>
      <c r="AN1947">
        <v>119</v>
      </c>
      <c r="AO1947">
        <v>121</v>
      </c>
      <c r="AP1947">
        <v>123</v>
      </c>
      <c r="AQ1947">
        <v>125</v>
      </c>
    </row>
    <row r="1948" spans="1:43">
      <c r="A1948" t="s">
        <v>1274</v>
      </c>
      <c r="B1948" t="s">
        <v>1275</v>
      </c>
      <c r="C1948" t="s">
        <v>1276</v>
      </c>
      <c r="D1948" t="s">
        <v>1277</v>
      </c>
      <c r="E1948" t="s">
        <v>1192</v>
      </c>
      <c r="F1948" t="s">
        <v>1193</v>
      </c>
      <c r="G1948" t="s">
        <v>80</v>
      </c>
      <c r="H1948" t="s">
        <v>81</v>
      </c>
      <c r="I1948" s="2">
        <v>0</v>
      </c>
      <c r="J1948" s="2">
        <v>1</v>
      </c>
      <c r="K1948" s="2">
        <v>0</v>
      </c>
      <c r="L1948" t="s">
        <v>82</v>
      </c>
      <c r="M1948" t="s">
        <v>89</v>
      </c>
      <c r="N1948" t="s">
        <v>90</v>
      </c>
      <c r="O1948" t="s">
        <v>85</v>
      </c>
      <c r="P1948" t="s">
        <v>86</v>
      </c>
      <c r="Q1948">
        <v>81</v>
      </c>
      <c r="R1948">
        <v>84</v>
      </c>
      <c r="S1948">
        <v>87</v>
      </c>
      <c r="T1948">
        <v>90</v>
      </c>
      <c r="U1948">
        <v>93</v>
      </c>
      <c r="V1948">
        <v>96</v>
      </c>
      <c r="W1948">
        <v>99</v>
      </c>
      <c r="X1948">
        <v>102</v>
      </c>
      <c r="Y1948">
        <v>105</v>
      </c>
      <c r="Z1948">
        <v>108</v>
      </c>
      <c r="AA1948">
        <v>112</v>
      </c>
      <c r="AB1948">
        <v>115</v>
      </c>
      <c r="AC1948">
        <v>118</v>
      </c>
      <c r="AD1948">
        <v>121</v>
      </c>
      <c r="AE1948">
        <v>124</v>
      </c>
      <c r="AF1948">
        <v>125</v>
      </c>
      <c r="AG1948">
        <v>127</v>
      </c>
      <c r="AH1948">
        <v>129</v>
      </c>
      <c r="AI1948">
        <v>131</v>
      </c>
      <c r="AJ1948">
        <v>132</v>
      </c>
      <c r="AK1948">
        <v>134</v>
      </c>
      <c r="AL1948">
        <v>136</v>
      </c>
      <c r="AM1948">
        <v>138</v>
      </c>
      <c r="AN1948">
        <v>140</v>
      </c>
      <c r="AO1948">
        <v>141</v>
      </c>
      <c r="AP1948">
        <v>143</v>
      </c>
      <c r="AQ1948">
        <v>145</v>
      </c>
    </row>
    <row r="1949" spans="1:43">
      <c r="A1949" t="s">
        <v>1274</v>
      </c>
      <c r="B1949" t="s">
        <v>1275</v>
      </c>
      <c r="C1949" t="s">
        <v>1276</v>
      </c>
      <c r="D1949" t="s">
        <v>1277</v>
      </c>
      <c r="E1949" t="s">
        <v>1192</v>
      </c>
      <c r="F1949" t="s">
        <v>1193</v>
      </c>
      <c r="G1949" t="s">
        <v>80</v>
      </c>
      <c r="H1949" t="s">
        <v>81</v>
      </c>
      <c r="I1949" s="2">
        <v>0</v>
      </c>
      <c r="J1949" s="2">
        <v>1</v>
      </c>
      <c r="K1949" s="2">
        <v>0</v>
      </c>
      <c r="L1949" t="s">
        <v>82</v>
      </c>
      <c r="M1949" t="s">
        <v>83</v>
      </c>
      <c r="N1949" t="s">
        <v>91</v>
      </c>
      <c r="O1949" t="s">
        <v>85</v>
      </c>
      <c r="P1949" t="s">
        <v>86</v>
      </c>
      <c r="Q1949">
        <v>81</v>
      </c>
      <c r="R1949">
        <v>84</v>
      </c>
      <c r="S1949">
        <v>86</v>
      </c>
      <c r="T1949">
        <v>88</v>
      </c>
      <c r="U1949">
        <v>91</v>
      </c>
      <c r="V1949">
        <v>93</v>
      </c>
      <c r="W1949">
        <v>95</v>
      </c>
      <c r="X1949">
        <v>98</v>
      </c>
      <c r="Y1949">
        <v>100</v>
      </c>
      <c r="Z1949">
        <v>103</v>
      </c>
      <c r="AA1949">
        <v>106</v>
      </c>
      <c r="AB1949">
        <v>108</v>
      </c>
      <c r="AC1949">
        <v>111</v>
      </c>
      <c r="AD1949">
        <v>113</v>
      </c>
      <c r="AE1949">
        <v>116</v>
      </c>
      <c r="AF1949">
        <v>119</v>
      </c>
      <c r="AG1949">
        <v>122</v>
      </c>
      <c r="AH1949">
        <v>125</v>
      </c>
      <c r="AI1949">
        <v>128</v>
      </c>
      <c r="AJ1949">
        <v>130</v>
      </c>
      <c r="AK1949">
        <v>133</v>
      </c>
      <c r="AL1949">
        <v>136</v>
      </c>
      <c r="AM1949">
        <v>137</v>
      </c>
      <c r="AN1949">
        <v>139</v>
      </c>
      <c r="AO1949">
        <v>141</v>
      </c>
      <c r="AP1949">
        <v>143</v>
      </c>
      <c r="AQ1949">
        <v>145</v>
      </c>
    </row>
    <row r="1950" spans="1:43">
      <c r="A1950" t="s">
        <v>1278</v>
      </c>
      <c r="B1950" t="s">
        <v>1279</v>
      </c>
      <c r="C1950" t="s">
        <v>1270</v>
      </c>
      <c r="D1950" t="s">
        <v>1271</v>
      </c>
      <c r="E1950" t="s">
        <v>1192</v>
      </c>
      <c r="F1950" t="s">
        <v>1193</v>
      </c>
      <c r="G1950" t="s">
        <v>80</v>
      </c>
      <c r="H1950" t="s">
        <v>81</v>
      </c>
      <c r="I1950" s="2">
        <v>0</v>
      </c>
      <c r="J1950" s="2">
        <v>1</v>
      </c>
      <c r="K1950" s="2">
        <v>0</v>
      </c>
      <c r="L1950" t="s">
        <v>82</v>
      </c>
      <c r="M1950" t="s">
        <v>83</v>
      </c>
      <c r="N1950" t="s">
        <v>84</v>
      </c>
      <c r="O1950" t="s">
        <v>85</v>
      </c>
      <c r="P1950" t="s">
        <v>86</v>
      </c>
      <c r="Q1950">
        <v>7</v>
      </c>
      <c r="R1950">
        <v>7</v>
      </c>
      <c r="S1950">
        <v>7</v>
      </c>
      <c r="T1950">
        <v>8</v>
      </c>
      <c r="U1950">
        <v>8</v>
      </c>
      <c r="V1950">
        <v>8</v>
      </c>
      <c r="W1950">
        <v>8</v>
      </c>
      <c r="X1950">
        <v>8</v>
      </c>
      <c r="Y1950">
        <v>9</v>
      </c>
      <c r="Z1950">
        <v>9</v>
      </c>
      <c r="AA1950">
        <v>9</v>
      </c>
      <c r="AB1950">
        <v>9</v>
      </c>
      <c r="AC1950">
        <v>9</v>
      </c>
      <c r="AD1950">
        <v>10</v>
      </c>
      <c r="AE1950">
        <v>10</v>
      </c>
      <c r="AF1950">
        <v>10</v>
      </c>
      <c r="AG1950">
        <v>10</v>
      </c>
      <c r="AH1950">
        <v>11</v>
      </c>
      <c r="AI1950">
        <v>11</v>
      </c>
      <c r="AJ1950">
        <v>11</v>
      </c>
      <c r="AK1950">
        <v>11</v>
      </c>
      <c r="AL1950">
        <v>12</v>
      </c>
      <c r="AM1950">
        <v>12</v>
      </c>
      <c r="AN1950">
        <v>12</v>
      </c>
      <c r="AO1950">
        <v>12</v>
      </c>
      <c r="AP1950">
        <v>12</v>
      </c>
      <c r="AQ1950">
        <v>12</v>
      </c>
    </row>
    <row r="1951" spans="1:43">
      <c r="A1951" t="s">
        <v>1278</v>
      </c>
      <c r="B1951" t="s">
        <v>1279</v>
      </c>
      <c r="C1951" t="s">
        <v>1270</v>
      </c>
      <c r="D1951" t="s">
        <v>1271</v>
      </c>
      <c r="E1951" t="s">
        <v>1192</v>
      </c>
      <c r="F1951" t="s">
        <v>1193</v>
      </c>
      <c r="G1951" t="s">
        <v>80</v>
      </c>
      <c r="H1951" t="s">
        <v>81</v>
      </c>
      <c r="I1951" s="2">
        <v>0</v>
      </c>
      <c r="J1951" s="2">
        <v>1</v>
      </c>
      <c r="K1951" s="2">
        <v>0</v>
      </c>
      <c r="L1951" t="s">
        <v>82</v>
      </c>
      <c r="M1951" t="s">
        <v>87</v>
      </c>
      <c r="N1951" t="s">
        <v>88</v>
      </c>
      <c r="O1951" t="s">
        <v>85</v>
      </c>
      <c r="P1951" t="s">
        <v>86</v>
      </c>
      <c r="Q1951">
        <v>7</v>
      </c>
      <c r="R1951">
        <v>7</v>
      </c>
      <c r="S1951">
        <v>7</v>
      </c>
      <c r="T1951">
        <v>7</v>
      </c>
      <c r="U1951">
        <v>7</v>
      </c>
      <c r="V1951">
        <v>7</v>
      </c>
      <c r="W1951">
        <v>8</v>
      </c>
      <c r="X1951">
        <v>8</v>
      </c>
      <c r="Y1951">
        <v>8</v>
      </c>
      <c r="Z1951">
        <v>8</v>
      </c>
      <c r="AA1951">
        <v>8</v>
      </c>
      <c r="AB1951">
        <v>8</v>
      </c>
      <c r="AC1951">
        <v>8</v>
      </c>
      <c r="AD1951">
        <v>9</v>
      </c>
      <c r="AE1951">
        <v>9</v>
      </c>
      <c r="AF1951">
        <v>9</v>
      </c>
      <c r="AG1951">
        <v>9</v>
      </c>
      <c r="AH1951">
        <v>9</v>
      </c>
      <c r="AI1951">
        <v>9</v>
      </c>
      <c r="AJ1951">
        <v>10</v>
      </c>
      <c r="AK1951">
        <v>10</v>
      </c>
      <c r="AL1951">
        <v>10</v>
      </c>
      <c r="AM1951">
        <v>10</v>
      </c>
      <c r="AN1951">
        <v>10</v>
      </c>
      <c r="AO1951">
        <v>10</v>
      </c>
      <c r="AP1951">
        <v>10</v>
      </c>
      <c r="AQ1951">
        <v>11</v>
      </c>
    </row>
    <row r="1952" spans="1:43">
      <c r="A1952" t="s">
        <v>1278</v>
      </c>
      <c r="B1952" t="s">
        <v>1279</v>
      </c>
      <c r="C1952" t="s">
        <v>1270</v>
      </c>
      <c r="D1952" t="s">
        <v>1271</v>
      </c>
      <c r="E1952" t="s">
        <v>1192</v>
      </c>
      <c r="F1952" t="s">
        <v>1193</v>
      </c>
      <c r="G1952" t="s">
        <v>80</v>
      </c>
      <c r="H1952" t="s">
        <v>81</v>
      </c>
      <c r="I1952" s="2">
        <v>0</v>
      </c>
      <c r="J1952" s="2">
        <v>1</v>
      </c>
      <c r="K1952" s="2">
        <v>0</v>
      </c>
      <c r="L1952" t="s">
        <v>82</v>
      </c>
      <c r="M1952" t="s">
        <v>89</v>
      </c>
      <c r="N1952" t="s">
        <v>90</v>
      </c>
      <c r="O1952" t="s">
        <v>85</v>
      </c>
      <c r="P1952" t="s">
        <v>86</v>
      </c>
      <c r="Q1952">
        <v>7</v>
      </c>
      <c r="R1952">
        <v>7</v>
      </c>
      <c r="S1952">
        <v>8</v>
      </c>
      <c r="T1952">
        <v>8</v>
      </c>
      <c r="U1952">
        <v>8</v>
      </c>
      <c r="V1952">
        <v>8</v>
      </c>
      <c r="W1952">
        <v>9</v>
      </c>
      <c r="X1952">
        <v>9</v>
      </c>
      <c r="Y1952">
        <v>9</v>
      </c>
      <c r="Z1952">
        <v>9</v>
      </c>
      <c r="AA1952">
        <v>10</v>
      </c>
      <c r="AB1952">
        <v>10</v>
      </c>
      <c r="AC1952">
        <v>10</v>
      </c>
      <c r="AD1952">
        <v>10</v>
      </c>
      <c r="AE1952">
        <v>11</v>
      </c>
      <c r="AF1952">
        <v>11</v>
      </c>
      <c r="AG1952">
        <v>11</v>
      </c>
      <c r="AH1952">
        <v>11</v>
      </c>
      <c r="AI1952">
        <v>11</v>
      </c>
      <c r="AJ1952">
        <v>11</v>
      </c>
      <c r="AK1952">
        <v>12</v>
      </c>
      <c r="AL1952">
        <v>12</v>
      </c>
      <c r="AM1952">
        <v>12</v>
      </c>
      <c r="AN1952">
        <v>12</v>
      </c>
      <c r="AO1952">
        <v>12</v>
      </c>
      <c r="AP1952">
        <v>12</v>
      </c>
      <c r="AQ1952">
        <v>12</v>
      </c>
    </row>
    <row r="1953" spans="1:43">
      <c r="A1953" t="s">
        <v>1278</v>
      </c>
      <c r="B1953" t="s">
        <v>1279</v>
      </c>
      <c r="C1953" t="s">
        <v>1270</v>
      </c>
      <c r="D1953" t="s">
        <v>1271</v>
      </c>
      <c r="E1953" t="s">
        <v>1192</v>
      </c>
      <c r="F1953" t="s">
        <v>1193</v>
      </c>
      <c r="G1953" t="s">
        <v>80</v>
      </c>
      <c r="H1953" t="s">
        <v>81</v>
      </c>
      <c r="I1953" s="2">
        <v>0</v>
      </c>
      <c r="J1953" s="2">
        <v>1</v>
      </c>
      <c r="K1953" s="2">
        <v>0</v>
      </c>
      <c r="L1953" t="s">
        <v>82</v>
      </c>
      <c r="M1953" t="s">
        <v>83</v>
      </c>
      <c r="N1953" t="s">
        <v>91</v>
      </c>
      <c r="O1953" t="s">
        <v>85</v>
      </c>
      <c r="P1953" t="s">
        <v>86</v>
      </c>
      <c r="Q1953">
        <v>7</v>
      </c>
      <c r="R1953">
        <v>7</v>
      </c>
      <c r="S1953">
        <v>7</v>
      </c>
      <c r="T1953">
        <v>8</v>
      </c>
      <c r="U1953">
        <v>8</v>
      </c>
      <c r="V1953">
        <v>8</v>
      </c>
      <c r="W1953">
        <v>8</v>
      </c>
      <c r="X1953">
        <v>8</v>
      </c>
      <c r="Y1953">
        <v>9</v>
      </c>
      <c r="Z1953">
        <v>9</v>
      </c>
      <c r="AA1953">
        <v>9</v>
      </c>
      <c r="AB1953">
        <v>9</v>
      </c>
      <c r="AC1953">
        <v>9</v>
      </c>
      <c r="AD1953">
        <v>10</v>
      </c>
      <c r="AE1953">
        <v>10</v>
      </c>
      <c r="AF1953">
        <v>10</v>
      </c>
      <c r="AG1953">
        <v>10</v>
      </c>
      <c r="AH1953">
        <v>11</v>
      </c>
      <c r="AI1953">
        <v>11</v>
      </c>
      <c r="AJ1953">
        <v>11</v>
      </c>
      <c r="AK1953">
        <v>11</v>
      </c>
      <c r="AL1953">
        <v>12</v>
      </c>
      <c r="AM1953">
        <v>12</v>
      </c>
      <c r="AN1953">
        <v>12</v>
      </c>
      <c r="AO1953">
        <v>12</v>
      </c>
      <c r="AP1953">
        <v>12</v>
      </c>
      <c r="AQ1953">
        <v>12</v>
      </c>
    </row>
    <row r="1954" spans="1:43">
      <c r="A1954" t="s">
        <v>1280</v>
      </c>
      <c r="B1954" t="s">
        <v>1281</v>
      </c>
      <c r="C1954" t="s">
        <v>1282</v>
      </c>
      <c r="D1954" t="s">
        <v>1283</v>
      </c>
      <c r="E1954" t="s">
        <v>1192</v>
      </c>
      <c r="F1954" t="s">
        <v>1193</v>
      </c>
      <c r="G1954" t="s">
        <v>80</v>
      </c>
      <c r="H1954" t="s">
        <v>81</v>
      </c>
      <c r="I1954" s="2">
        <v>0</v>
      </c>
      <c r="J1954" s="2">
        <v>1</v>
      </c>
      <c r="K1954" s="2">
        <v>0</v>
      </c>
      <c r="L1954" t="s">
        <v>82</v>
      </c>
      <c r="M1954" t="s">
        <v>83</v>
      </c>
      <c r="N1954" t="s">
        <v>84</v>
      </c>
      <c r="O1954" t="s">
        <v>85</v>
      </c>
      <c r="P1954" t="s">
        <v>86</v>
      </c>
      <c r="Q1954">
        <v>104</v>
      </c>
      <c r="R1954">
        <v>106</v>
      </c>
      <c r="S1954">
        <v>109</v>
      </c>
      <c r="T1954">
        <v>112</v>
      </c>
      <c r="U1954">
        <v>115</v>
      </c>
      <c r="V1954">
        <v>118</v>
      </c>
      <c r="W1954">
        <v>121</v>
      </c>
      <c r="X1954">
        <v>124</v>
      </c>
      <c r="Y1954">
        <v>128</v>
      </c>
      <c r="Z1954">
        <v>131</v>
      </c>
      <c r="AA1954">
        <v>134</v>
      </c>
      <c r="AB1954">
        <v>137</v>
      </c>
      <c r="AC1954">
        <v>141</v>
      </c>
      <c r="AD1954">
        <v>144</v>
      </c>
      <c r="AE1954">
        <v>148</v>
      </c>
      <c r="AF1954">
        <v>151</v>
      </c>
      <c r="AG1954">
        <v>154</v>
      </c>
      <c r="AH1954">
        <v>158</v>
      </c>
      <c r="AI1954">
        <v>162</v>
      </c>
      <c r="AJ1954">
        <v>165</v>
      </c>
      <c r="AK1954">
        <v>169</v>
      </c>
      <c r="AL1954">
        <v>172</v>
      </c>
      <c r="AM1954">
        <v>174</v>
      </c>
      <c r="AN1954">
        <v>177</v>
      </c>
      <c r="AO1954">
        <v>179</v>
      </c>
      <c r="AP1954">
        <v>181</v>
      </c>
      <c r="AQ1954">
        <v>184</v>
      </c>
    </row>
    <row r="1955" spans="1:43">
      <c r="A1955" t="s">
        <v>1280</v>
      </c>
      <c r="B1955" t="s">
        <v>1281</v>
      </c>
      <c r="C1955" t="s">
        <v>1282</v>
      </c>
      <c r="D1955" t="s">
        <v>1283</v>
      </c>
      <c r="E1955" t="s">
        <v>1192</v>
      </c>
      <c r="F1955" t="s">
        <v>1193</v>
      </c>
      <c r="G1955" t="s">
        <v>80</v>
      </c>
      <c r="H1955" t="s">
        <v>81</v>
      </c>
      <c r="I1955" s="2">
        <v>0</v>
      </c>
      <c r="J1955" s="2">
        <v>1</v>
      </c>
      <c r="K1955" s="2">
        <v>0</v>
      </c>
      <c r="L1955" t="s">
        <v>82</v>
      </c>
      <c r="M1955" t="s">
        <v>87</v>
      </c>
      <c r="N1955" t="s">
        <v>88</v>
      </c>
      <c r="O1955" t="s">
        <v>85</v>
      </c>
      <c r="P1955" t="s">
        <v>86</v>
      </c>
      <c r="Q1955">
        <v>104</v>
      </c>
      <c r="R1955">
        <v>105</v>
      </c>
      <c r="S1955">
        <v>107</v>
      </c>
      <c r="T1955">
        <v>109</v>
      </c>
      <c r="U1955">
        <v>111</v>
      </c>
      <c r="V1955">
        <v>113</v>
      </c>
      <c r="W1955">
        <v>115</v>
      </c>
      <c r="X1955">
        <v>117</v>
      </c>
      <c r="Y1955">
        <v>119</v>
      </c>
      <c r="Z1955">
        <v>121</v>
      </c>
      <c r="AA1955">
        <v>123</v>
      </c>
      <c r="AB1955">
        <v>125</v>
      </c>
      <c r="AC1955">
        <v>127</v>
      </c>
      <c r="AD1955">
        <v>129</v>
      </c>
      <c r="AE1955">
        <v>132</v>
      </c>
      <c r="AF1955">
        <v>134</v>
      </c>
      <c r="AG1955">
        <v>136</v>
      </c>
      <c r="AH1955">
        <v>138</v>
      </c>
      <c r="AI1955">
        <v>141</v>
      </c>
      <c r="AJ1955">
        <v>143</v>
      </c>
      <c r="AK1955">
        <v>145</v>
      </c>
      <c r="AL1955">
        <v>148</v>
      </c>
      <c r="AM1955">
        <v>150</v>
      </c>
      <c r="AN1955">
        <v>152</v>
      </c>
      <c r="AO1955">
        <v>155</v>
      </c>
      <c r="AP1955">
        <v>157</v>
      </c>
      <c r="AQ1955">
        <v>160</v>
      </c>
    </row>
    <row r="1956" spans="1:43">
      <c r="A1956" t="s">
        <v>1280</v>
      </c>
      <c r="B1956" t="s">
        <v>1281</v>
      </c>
      <c r="C1956" t="s">
        <v>1282</v>
      </c>
      <c r="D1956" t="s">
        <v>1283</v>
      </c>
      <c r="E1956" t="s">
        <v>1192</v>
      </c>
      <c r="F1956" t="s">
        <v>1193</v>
      </c>
      <c r="G1956" t="s">
        <v>80</v>
      </c>
      <c r="H1956" t="s">
        <v>81</v>
      </c>
      <c r="I1956" s="2">
        <v>0</v>
      </c>
      <c r="J1956" s="2">
        <v>1</v>
      </c>
      <c r="K1956" s="2">
        <v>0</v>
      </c>
      <c r="L1956" t="s">
        <v>82</v>
      </c>
      <c r="M1956" t="s">
        <v>89</v>
      </c>
      <c r="N1956" t="s">
        <v>90</v>
      </c>
      <c r="O1956" t="s">
        <v>85</v>
      </c>
      <c r="P1956" t="s">
        <v>86</v>
      </c>
      <c r="Q1956">
        <v>104</v>
      </c>
      <c r="R1956">
        <v>107</v>
      </c>
      <c r="S1956">
        <v>111</v>
      </c>
      <c r="T1956">
        <v>115</v>
      </c>
      <c r="U1956">
        <v>119</v>
      </c>
      <c r="V1956">
        <v>123</v>
      </c>
      <c r="W1956">
        <v>127</v>
      </c>
      <c r="X1956">
        <v>130</v>
      </c>
      <c r="Y1956">
        <v>134</v>
      </c>
      <c r="Z1956">
        <v>138</v>
      </c>
      <c r="AA1956">
        <v>142</v>
      </c>
      <c r="AB1956">
        <v>146</v>
      </c>
      <c r="AC1956">
        <v>150</v>
      </c>
      <c r="AD1956">
        <v>154</v>
      </c>
      <c r="AE1956">
        <v>157</v>
      </c>
      <c r="AF1956">
        <v>159</v>
      </c>
      <c r="AG1956">
        <v>162</v>
      </c>
      <c r="AH1956">
        <v>164</v>
      </c>
      <c r="AI1956">
        <v>166</v>
      </c>
      <c r="AJ1956">
        <v>168</v>
      </c>
      <c r="AK1956">
        <v>170</v>
      </c>
      <c r="AL1956">
        <v>173</v>
      </c>
      <c r="AM1956">
        <v>175</v>
      </c>
      <c r="AN1956">
        <v>177</v>
      </c>
      <c r="AO1956">
        <v>179</v>
      </c>
      <c r="AP1956">
        <v>182</v>
      </c>
      <c r="AQ1956">
        <v>184</v>
      </c>
    </row>
    <row r="1957" spans="1:43">
      <c r="A1957" t="s">
        <v>1280</v>
      </c>
      <c r="B1957" t="s">
        <v>1281</v>
      </c>
      <c r="C1957" t="s">
        <v>1282</v>
      </c>
      <c r="D1957" t="s">
        <v>1283</v>
      </c>
      <c r="E1957" t="s">
        <v>1192</v>
      </c>
      <c r="F1957" t="s">
        <v>1193</v>
      </c>
      <c r="G1957" t="s">
        <v>80</v>
      </c>
      <c r="H1957" t="s">
        <v>81</v>
      </c>
      <c r="I1957" s="2">
        <v>0</v>
      </c>
      <c r="J1957" s="2">
        <v>1</v>
      </c>
      <c r="K1957" s="2">
        <v>0</v>
      </c>
      <c r="L1957" t="s">
        <v>82</v>
      </c>
      <c r="M1957" t="s">
        <v>83</v>
      </c>
      <c r="N1957" t="s">
        <v>91</v>
      </c>
      <c r="O1957" t="s">
        <v>85</v>
      </c>
      <c r="P1957" t="s">
        <v>86</v>
      </c>
      <c r="Q1957">
        <v>104</v>
      </c>
      <c r="R1957">
        <v>106</v>
      </c>
      <c r="S1957">
        <v>109</v>
      </c>
      <c r="T1957">
        <v>112</v>
      </c>
      <c r="U1957">
        <v>115</v>
      </c>
      <c r="V1957">
        <v>118</v>
      </c>
      <c r="W1957">
        <v>121</v>
      </c>
      <c r="X1957">
        <v>124</v>
      </c>
      <c r="Y1957">
        <v>128</v>
      </c>
      <c r="Z1957">
        <v>131</v>
      </c>
      <c r="AA1957">
        <v>134</v>
      </c>
      <c r="AB1957">
        <v>137</v>
      </c>
      <c r="AC1957">
        <v>141</v>
      </c>
      <c r="AD1957">
        <v>144</v>
      </c>
      <c r="AE1957">
        <v>148</v>
      </c>
      <c r="AF1957">
        <v>151</v>
      </c>
      <c r="AG1957">
        <v>154</v>
      </c>
      <c r="AH1957">
        <v>158</v>
      </c>
      <c r="AI1957">
        <v>162</v>
      </c>
      <c r="AJ1957">
        <v>165</v>
      </c>
      <c r="AK1957">
        <v>169</v>
      </c>
      <c r="AL1957">
        <v>172</v>
      </c>
      <c r="AM1957">
        <v>174</v>
      </c>
      <c r="AN1957">
        <v>177</v>
      </c>
      <c r="AO1957">
        <v>179</v>
      </c>
      <c r="AP1957">
        <v>181</v>
      </c>
      <c r="AQ1957">
        <v>184</v>
      </c>
    </row>
    <row r="1958" spans="1:43">
      <c r="A1958" t="s">
        <v>1284</v>
      </c>
      <c r="B1958" t="s">
        <v>1285</v>
      </c>
      <c r="C1958" t="s">
        <v>1276</v>
      </c>
      <c r="D1958" t="s">
        <v>1277</v>
      </c>
      <c r="E1958" t="s">
        <v>1192</v>
      </c>
      <c r="F1958" t="s">
        <v>1193</v>
      </c>
      <c r="G1958" t="s">
        <v>80</v>
      </c>
      <c r="H1958" t="s">
        <v>81</v>
      </c>
      <c r="I1958" s="2">
        <v>0</v>
      </c>
      <c r="J1958" s="2">
        <v>1</v>
      </c>
      <c r="K1958" s="2">
        <v>0</v>
      </c>
      <c r="L1958" t="s">
        <v>82</v>
      </c>
      <c r="M1958" t="s">
        <v>83</v>
      </c>
      <c r="N1958" t="s">
        <v>84</v>
      </c>
      <c r="O1958" t="s">
        <v>85</v>
      </c>
      <c r="P1958" t="s">
        <v>86</v>
      </c>
      <c r="Q1958">
        <v>1</v>
      </c>
      <c r="R1958">
        <v>2</v>
      </c>
      <c r="S1958">
        <v>2</v>
      </c>
      <c r="T1958">
        <v>2</v>
      </c>
      <c r="U1958">
        <v>2</v>
      </c>
      <c r="V1958">
        <v>2</v>
      </c>
      <c r="W1958">
        <v>2</v>
      </c>
      <c r="X1958">
        <v>2</v>
      </c>
      <c r="Y1958">
        <v>2</v>
      </c>
      <c r="Z1958">
        <v>2</v>
      </c>
      <c r="AA1958">
        <v>2</v>
      </c>
      <c r="AB1958">
        <v>2</v>
      </c>
      <c r="AC1958">
        <v>2</v>
      </c>
      <c r="AD1958">
        <v>2</v>
      </c>
      <c r="AE1958">
        <v>2</v>
      </c>
      <c r="AF1958">
        <v>2</v>
      </c>
      <c r="AG1958">
        <v>2</v>
      </c>
      <c r="AH1958">
        <v>2</v>
      </c>
      <c r="AI1958">
        <v>2</v>
      </c>
      <c r="AJ1958">
        <v>2</v>
      </c>
      <c r="AK1958">
        <v>2</v>
      </c>
      <c r="AL1958">
        <v>2</v>
      </c>
      <c r="AM1958">
        <v>2</v>
      </c>
      <c r="AN1958">
        <v>3</v>
      </c>
      <c r="AO1958">
        <v>3</v>
      </c>
      <c r="AP1958">
        <v>3</v>
      </c>
      <c r="AQ1958">
        <v>3</v>
      </c>
    </row>
    <row r="1959" spans="1:43">
      <c r="A1959" t="s">
        <v>1284</v>
      </c>
      <c r="B1959" t="s">
        <v>1285</v>
      </c>
      <c r="C1959" t="s">
        <v>1276</v>
      </c>
      <c r="D1959" t="s">
        <v>1277</v>
      </c>
      <c r="E1959" t="s">
        <v>1192</v>
      </c>
      <c r="F1959" t="s">
        <v>1193</v>
      </c>
      <c r="G1959" t="s">
        <v>80</v>
      </c>
      <c r="H1959" t="s">
        <v>81</v>
      </c>
      <c r="I1959" s="2">
        <v>0</v>
      </c>
      <c r="J1959" s="2">
        <v>1</v>
      </c>
      <c r="K1959" s="2">
        <v>0</v>
      </c>
      <c r="L1959" t="s">
        <v>82</v>
      </c>
      <c r="M1959" t="s">
        <v>87</v>
      </c>
      <c r="N1959" t="s">
        <v>88</v>
      </c>
      <c r="O1959" t="s">
        <v>85</v>
      </c>
      <c r="P1959" t="s">
        <v>86</v>
      </c>
      <c r="Q1959">
        <v>1</v>
      </c>
      <c r="R1959">
        <v>1</v>
      </c>
      <c r="S1959">
        <v>2</v>
      </c>
      <c r="T1959">
        <v>2</v>
      </c>
      <c r="U1959">
        <v>2</v>
      </c>
      <c r="V1959">
        <v>2</v>
      </c>
      <c r="W1959">
        <v>2</v>
      </c>
      <c r="X1959">
        <v>2</v>
      </c>
      <c r="Y1959">
        <v>2</v>
      </c>
      <c r="Z1959">
        <v>2</v>
      </c>
      <c r="AA1959">
        <v>2</v>
      </c>
      <c r="AB1959">
        <v>2</v>
      </c>
      <c r="AC1959">
        <v>2</v>
      </c>
      <c r="AD1959">
        <v>2</v>
      </c>
      <c r="AE1959">
        <v>2</v>
      </c>
      <c r="AF1959">
        <v>2</v>
      </c>
      <c r="AG1959">
        <v>2</v>
      </c>
      <c r="AH1959">
        <v>2</v>
      </c>
      <c r="AI1959">
        <v>2</v>
      </c>
      <c r="AJ1959">
        <v>2</v>
      </c>
      <c r="AK1959">
        <v>2</v>
      </c>
      <c r="AL1959">
        <v>2</v>
      </c>
      <c r="AM1959">
        <v>2</v>
      </c>
      <c r="AN1959">
        <v>2</v>
      </c>
      <c r="AO1959">
        <v>2</v>
      </c>
      <c r="AP1959">
        <v>2</v>
      </c>
      <c r="AQ1959">
        <v>2</v>
      </c>
    </row>
    <row r="1960" spans="1:43">
      <c r="A1960" t="s">
        <v>1284</v>
      </c>
      <c r="B1960" t="s">
        <v>1285</v>
      </c>
      <c r="C1960" t="s">
        <v>1276</v>
      </c>
      <c r="D1960" t="s">
        <v>1277</v>
      </c>
      <c r="E1960" t="s">
        <v>1192</v>
      </c>
      <c r="F1960" t="s">
        <v>1193</v>
      </c>
      <c r="G1960" t="s">
        <v>80</v>
      </c>
      <c r="H1960" t="s">
        <v>81</v>
      </c>
      <c r="I1960" s="2">
        <v>0</v>
      </c>
      <c r="J1960" s="2">
        <v>1</v>
      </c>
      <c r="K1960" s="2">
        <v>0</v>
      </c>
      <c r="L1960" t="s">
        <v>82</v>
      </c>
      <c r="M1960" t="s">
        <v>89</v>
      </c>
      <c r="N1960" t="s">
        <v>90</v>
      </c>
      <c r="O1960" t="s">
        <v>85</v>
      </c>
      <c r="P1960" t="s">
        <v>86</v>
      </c>
      <c r="Q1960">
        <v>1</v>
      </c>
      <c r="R1960">
        <v>2</v>
      </c>
      <c r="S1960">
        <v>2</v>
      </c>
      <c r="T1960">
        <v>2</v>
      </c>
      <c r="U1960">
        <v>2</v>
      </c>
      <c r="V1960">
        <v>2</v>
      </c>
      <c r="W1960">
        <v>2</v>
      </c>
      <c r="X1960">
        <v>2</v>
      </c>
      <c r="Y1960">
        <v>2</v>
      </c>
      <c r="Z1960">
        <v>2</v>
      </c>
      <c r="AA1960">
        <v>2</v>
      </c>
      <c r="AB1960">
        <v>2</v>
      </c>
      <c r="AC1960">
        <v>2</v>
      </c>
      <c r="AD1960">
        <v>2</v>
      </c>
      <c r="AE1960">
        <v>2</v>
      </c>
      <c r="AF1960">
        <v>2</v>
      </c>
      <c r="AG1960">
        <v>2</v>
      </c>
      <c r="AH1960">
        <v>2</v>
      </c>
      <c r="AI1960">
        <v>2</v>
      </c>
      <c r="AJ1960">
        <v>2</v>
      </c>
      <c r="AK1960">
        <v>2</v>
      </c>
      <c r="AL1960">
        <v>2</v>
      </c>
      <c r="AM1960">
        <v>3</v>
      </c>
      <c r="AN1960">
        <v>3</v>
      </c>
      <c r="AO1960">
        <v>3</v>
      </c>
      <c r="AP1960">
        <v>3</v>
      </c>
      <c r="AQ1960">
        <v>3</v>
      </c>
    </row>
    <row r="1961" spans="1:43">
      <c r="A1961" t="s">
        <v>1284</v>
      </c>
      <c r="B1961" t="s">
        <v>1285</v>
      </c>
      <c r="C1961" t="s">
        <v>1276</v>
      </c>
      <c r="D1961" t="s">
        <v>1277</v>
      </c>
      <c r="E1961" t="s">
        <v>1192</v>
      </c>
      <c r="F1961" t="s">
        <v>1193</v>
      </c>
      <c r="G1961" t="s">
        <v>80</v>
      </c>
      <c r="H1961" t="s">
        <v>81</v>
      </c>
      <c r="I1961" s="2">
        <v>0</v>
      </c>
      <c r="J1961" s="2">
        <v>1</v>
      </c>
      <c r="K1961" s="2">
        <v>0</v>
      </c>
      <c r="L1961" t="s">
        <v>82</v>
      </c>
      <c r="M1961" t="s">
        <v>83</v>
      </c>
      <c r="N1961" t="s">
        <v>91</v>
      </c>
      <c r="O1961" t="s">
        <v>85</v>
      </c>
      <c r="P1961" t="s">
        <v>86</v>
      </c>
      <c r="Q1961">
        <v>1</v>
      </c>
      <c r="R1961">
        <v>2</v>
      </c>
      <c r="S1961">
        <v>2</v>
      </c>
      <c r="T1961">
        <v>2</v>
      </c>
      <c r="U1961">
        <v>2</v>
      </c>
      <c r="V1961">
        <v>2</v>
      </c>
      <c r="W1961">
        <v>2</v>
      </c>
      <c r="X1961">
        <v>2</v>
      </c>
      <c r="Y1961">
        <v>2</v>
      </c>
      <c r="Z1961">
        <v>2</v>
      </c>
      <c r="AA1961">
        <v>2</v>
      </c>
      <c r="AB1961">
        <v>2</v>
      </c>
      <c r="AC1961">
        <v>2</v>
      </c>
      <c r="AD1961">
        <v>2</v>
      </c>
      <c r="AE1961">
        <v>2</v>
      </c>
      <c r="AF1961">
        <v>2</v>
      </c>
      <c r="AG1961">
        <v>2</v>
      </c>
      <c r="AH1961">
        <v>2</v>
      </c>
      <c r="AI1961">
        <v>2</v>
      </c>
      <c r="AJ1961">
        <v>2</v>
      </c>
      <c r="AK1961">
        <v>2</v>
      </c>
      <c r="AL1961">
        <v>2</v>
      </c>
      <c r="AM1961">
        <v>2</v>
      </c>
      <c r="AN1961">
        <v>3</v>
      </c>
      <c r="AO1961">
        <v>3</v>
      </c>
      <c r="AP1961">
        <v>3</v>
      </c>
      <c r="AQ1961">
        <v>3</v>
      </c>
    </row>
    <row r="1962" spans="1:43">
      <c r="A1962" t="s">
        <v>1286</v>
      </c>
      <c r="B1962" t="s">
        <v>1287</v>
      </c>
      <c r="C1962" t="s">
        <v>1276</v>
      </c>
      <c r="D1962" t="s">
        <v>1277</v>
      </c>
      <c r="E1962" t="s">
        <v>1192</v>
      </c>
      <c r="F1962" t="s">
        <v>1193</v>
      </c>
      <c r="G1962" t="s">
        <v>80</v>
      </c>
      <c r="H1962" t="s">
        <v>81</v>
      </c>
      <c r="I1962" s="2">
        <v>0</v>
      </c>
      <c r="J1962" s="2">
        <v>1</v>
      </c>
      <c r="K1962" s="2">
        <v>0</v>
      </c>
      <c r="L1962" t="s">
        <v>82</v>
      </c>
      <c r="M1962" t="s">
        <v>83</v>
      </c>
      <c r="N1962" t="s">
        <v>84</v>
      </c>
      <c r="O1962" t="s">
        <v>85</v>
      </c>
      <c r="P1962" t="s">
        <v>86</v>
      </c>
      <c r="Q1962">
        <v>33</v>
      </c>
      <c r="R1962">
        <v>34</v>
      </c>
      <c r="S1962">
        <v>35</v>
      </c>
      <c r="T1962">
        <v>36</v>
      </c>
      <c r="U1962">
        <v>37</v>
      </c>
      <c r="V1962">
        <v>38</v>
      </c>
      <c r="W1962">
        <v>39</v>
      </c>
      <c r="X1962">
        <v>40</v>
      </c>
      <c r="Y1962">
        <v>41</v>
      </c>
      <c r="Z1962">
        <v>42</v>
      </c>
      <c r="AA1962">
        <v>43</v>
      </c>
      <c r="AB1962">
        <v>44</v>
      </c>
      <c r="AC1962">
        <v>45</v>
      </c>
      <c r="AD1962">
        <v>46</v>
      </c>
      <c r="AE1962">
        <v>47</v>
      </c>
      <c r="AF1962">
        <v>48</v>
      </c>
      <c r="AG1962">
        <v>49</v>
      </c>
      <c r="AH1962">
        <v>51</v>
      </c>
      <c r="AI1962">
        <v>52</v>
      </c>
      <c r="AJ1962">
        <v>53</v>
      </c>
      <c r="AK1962">
        <v>54</v>
      </c>
      <c r="AL1962">
        <v>55</v>
      </c>
      <c r="AM1962">
        <v>56</v>
      </c>
      <c r="AN1962">
        <v>57</v>
      </c>
      <c r="AO1962">
        <v>57</v>
      </c>
      <c r="AP1962">
        <v>58</v>
      </c>
      <c r="AQ1962">
        <v>59</v>
      </c>
    </row>
    <row r="1963" spans="1:43">
      <c r="A1963" t="s">
        <v>1286</v>
      </c>
      <c r="B1963" t="s">
        <v>1287</v>
      </c>
      <c r="C1963" t="s">
        <v>1276</v>
      </c>
      <c r="D1963" t="s">
        <v>1277</v>
      </c>
      <c r="E1963" t="s">
        <v>1192</v>
      </c>
      <c r="F1963" t="s">
        <v>1193</v>
      </c>
      <c r="G1963" t="s">
        <v>80</v>
      </c>
      <c r="H1963" t="s">
        <v>81</v>
      </c>
      <c r="I1963" s="2">
        <v>0</v>
      </c>
      <c r="J1963" s="2">
        <v>1</v>
      </c>
      <c r="K1963" s="2">
        <v>0</v>
      </c>
      <c r="L1963" t="s">
        <v>82</v>
      </c>
      <c r="M1963" t="s">
        <v>87</v>
      </c>
      <c r="N1963" t="s">
        <v>88</v>
      </c>
      <c r="O1963" t="s">
        <v>85</v>
      </c>
      <c r="P1963" t="s">
        <v>86</v>
      </c>
      <c r="Q1963">
        <v>33</v>
      </c>
      <c r="R1963">
        <v>33</v>
      </c>
      <c r="S1963">
        <v>34</v>
      </c>
      <c r="T1963">
        <v>34</v>
      </c>
      <c r="U1963">
        <v>35</v>
      </c>
      <c r="V1963">
        <v>36</v>
      </c>
      <c r="W1963">
        <v>36</v>
      </c>
      <c r="X1963">
        <v>37</v>
      </c>
      <c r="Y1963">
        <v>38</v>
      </c>
      <c r="Z1963">
        <v>38</v>
      </c>
      <c r="AA1963">
        <v>39</v>
      </c>
      <c r="AB1963">
        <v>40</v>
      </c>
      <c r="AC1963">
        <v>40</v>
      </c>
      <c r="AD1963">
        <v>41</v>
      </c>
      <c r="AE1963">
        <v>42</v>
      </c>
      <c r="AF1963">
        <v>42</v>
      </c>
      <c r="AG1963">
        <v>43</v>
      </c>
      <c r="AH1963">
        <v>44</v>
      </c>
      <c r="AI1963">
        <v>45</v>
      </c>
      <c r="AJ1963">
        <v>45</v>
      </c>
      <c r="AK1963">
        <v>46</v>
      </c>
      <c r="AL1963">
        <v>47</v>
      </c>
      <c r="AM1963">
        <v>48</v>
      </c>
      <c r="AN1963">
        <v>48</v>
      </c>
      <c r="AO1963">
        <v>49</v>
      </c>
      <c r="AP1963">
        <v>50</v>
      </c>
      <c r="AQ1963">
        <v>51</v>
      </c>
    </row>
    <row r="1964" spans="1:43">
      <c r="A1964" t="s">
        <v>1286</v>
      </c>
      <c r="B1964" t="s">
        <v>1287</v>
      </c>
      <c r="C1964" t="s">
        <v>1276</v>
      </c>
      <c r="D1964" t="s">
        <v>1277</v>
      </c>
      <c r="E1964" t="s">
        <v>1192</v>
      </c>
      <c r="F1964" t="s">
        <v>1193</v>
      </c>
      <c r="G1964" t="s">
        <v>80</v>
      </c>
      <c r="H1964" t="s">
        <v>81</v>
      </c>
      <c r="I1964" s="2">
        <v>0</v>
      </c>
      <c r="J1964" s="2">
        <v>1</v>
      </c>
      <c r="K1964" s="2">
        <v>0</v>
      </c>
      <c r="L1964" t="s">
        <v>82</v>
      </c>
      <c r="M1964" t="s">
        <v>89</v>
      </c>
      <c r="N1964" t="s">
        <v>90</v>
      </c>
      <c r="O1964" t="s">
        <v>85</v>
      </c>
      <c r="P1964" t="s">
        <v>86</v>
      </c>
      <c r="Q1964">
        <v>33</v>
      </c>
      <c r="R1964">
        <v>34</v>
      </c>
      <c r="S1964">
        <v>36</v>
      </c>
      <c r="T1964">
        <v>37</v>
      </c>
      <c r="U1964">
        <v>38</v>
      </c>
      <c r="V1964">
        <v>39</v>
      </c>
      <c r="W1964">
        <v>41</v>
      </c>
      <c r="X1964">
        <v>42</v>
      </c>
      <c r="Y1964">
        <v>43</v>
      </c>
      <c r="Z1964">
        <v>44</v>
      </c>
      <c r="AA1964">
        <v>46</v>
      </c>
      <c r="AB1964">
        <v>47</v>
      </c>
      <c r="AC1964">
        <v>48</v>
      </c>
      <c r="AD1964">
        <v>50</v>
      </c>
      <c r="AE1964">
        <v>51</v>
      </c>
      <c r="AF1964">
        <v>51</v>
      </c>
      <c r="AG1964">
        <v>52</v>
      </c>
      <c r="AH1964">
        <v>53</v>
      </c>
      <c r="AI1964">
        <v>53</v>
      </c>
      <c r="AJ1964">
        <v>54</v>
      </c>
      <c r="AK1964">
        <v>55</v>
      </c>
      <c r="AL1964">
        <v>56</v>
      </c>
      <c r="AM1964">
        <v>56</v>
      </c>
      <c r="AN1964">
        <v>57</v>
      </c>
      <c r="AO1964">
        <v>58</v>
      </c>
      <c r="AP1964">
        <v>58</v>
      </c>
      <c r="AQ1964">
        <v>59</v>
      </c>
    </row>
    <row r="1965" spans="1:43">
      <c r="A1965" t="s">
        <v>1286</v>
      </c>
      <c r="B1965" t="s">
        <v>1287</v>
      </c>
      <c r="C1965" t="s">
        <v>1276</v>
      </c>
      <c r="D1965" t="s">
        <v>1277</v>
      </c>
      <c r="E1965" t="s">
        <v>1192</v>
      </c>
      <c r="F1965" t="s">
        <v>1193</v>
      </c>
      <c r="G1965" t="s">
        <v>80</v>
      </c>
      <c r="H1965" t="s">
        <v>81</v>
      </c>
      <c r="I1965" s="2">
        <v>0</v>
      </c>
      <c r="J1965" s="2">
        <v>1</v>
      </c>
      <c r="K1965" s="2">
        <v>0</v>
      </c>
      <c r="L1965" t="s">
        <v>82</v>
      </c>
      <c r="M1965" t="s">
        <v>83</v>
      </c>
      <c r="N1965" t="s">
        <v>91</v>
      </c>
      <c r="O1965" t="s">
        <v>85</v>
      </c>
      <c r="P1965" t="s">
        <v>86</v>
      </c>
      <c r="Q1965">
        <v>33</v>
      </c>
      <c r="R1965">
        <v>34</v>
      </c>
      <c r="S1965">
        <v>35</v>
      </c>
      <c r="T1965">
        <v>36</v>
      </c>
      <c r="U1965">
        <v>37</v>
      </c>
      <c r="V1965">
        <v>38</v>
      </c>
      <c r="W1965">
        <v>39</v>
      </c>
      <c r="X1965">
        <v>40</v>
      </c>
      <c r="Y1965">
        <v>41</v>
      </c>
      <c r="Z1965">
        <v>42</v>
      </c>
      <c r="AA1965">
        <v>43</v>
      </c>
      <c r="AB1965">
        <v>44</v>
      </c>
      <c r="AC1965">
        <v>45</v>
      </c>
      <c r="AD1965">
        <v>46</v>
      </c>
      <c r="AE1965">
        <v>47</v>
      </c>
      <c r="AF1965">
        <v>48</v>
      </c>
      <c r="AG1965">
        <v>49</v>
      </c>
      <c r="AH1965">
        <v>51</v>
      </c>
      <c r="AI1965">
        <v>52</v>
      </c>
      <c r="AJ1965">
        <v>53</v>
      </c>
      <c r="AK1965">
        <v>54</v>
      </c>
      <c r="AL1965">
        <v>55</v>
      </c>
      <c r="AM1965">
        <v>56</v>
      </c>
      <c r="AN1965">
        <v>57</v>
      </c>
      <c r="AO1965">
        <v>57</v>
      </c>
      <c r="AP1965">
        <v>58</v>
      </c>
      <c r="AQ1965">
        <v>59</v>
      </c>
    </row>
    <row r="1966" spans="1:43">
      <c r="A1966" t="s">
        <v>1288</v>
      </c>
      <c r="B1966" t="s">
        <v>1289</v>
      </c>
      <c r="C1966" t="s">
        <v>1276</v>
      </c>
      <c r="D1966" t="s">
        <v>1277</v>
      </c>
      <c r="E1966" t="s">
        <v>1192</v>
      </c>
      <c r="F1966" t="s">
        <v>1193</v>
      </c>
      <c r="G1966" t="s">
        <v>80</v>
      </c>
      <c r="H1966" t="s">
        <v>81</v>
      </c>
      <c r="I1966" s="2">
        <v>0</v>
      </c>
      <c r="J1966" s="2">
        <v>1</v>
      </c>
      <c r="K1966" s="2">
        <v>0</v>
      </c>
      <c r="L1966" t="s">
        <v>82</v>
      </c>
      <c r="M1966" t="s">
        <v>83</v>
      </c>
      <c r="N1966" t="s">
        <v>84</v>
      </c>
      <c r="O1966" t="s">
        <v>85</v>
      </c>
      <c r="P1966" t="s">
        <v>86</v>
      </c>
      <c r="Q1966">
        <v>9</v>
      </c>
      <c r="R1966">
        <v>9</v>
      </c>
      <c r="S1966">
        <v>9</v>
      </c>
      <c r="T1966">
        <v>10</v>
      </c>
      <c r="U1966">
        <v>10</v>
      </c>
      <c r="V1966">
        <v>10</v>
      </c>
      <c r="W1966">
        <v>10</v>
      </c>
      <c r="X1966">
        <v>11</v>
      </c>
      <c r="Y1966">
        <v>11</v>
      </c>
      <c r="Z1966">
        <v>11</v>
      </c>
      <c r="AA1966">
        <v>11</v>
      </c>
      <c r="AB1966">
        <v>12</v>
      </c>
      <c r="AC1966">
        <v>12</v>
      </c>
      <c r="AD1966">
        <v>12</v>
      </c>
      <c r="AE1966">
        <v>13</v>
      </c>
      <c r="AF1966">
        <v>13</v>
      </c>
      <c r="AG1966">
        <v>13</v>
      </c>
      <c r="AH1966">
        <v>14</v>
      </c>
      <c r="AI1966">
        <v>14</v>
      </c>
      <c r="AJ1966">
        <v>14</v>
      </c>
      <c r="AK1966">
        <v>14</v>
      </c>
      <c r="AL1966">
        <v>15</v>
      </c>
      <c r="AM1966">
        <v>15</v>
      </c>
      <c r="AN1966">
        <v>15</v>
      </c>
      <c r="AO1966">
        <v>15</v>
      </c>
      <c r="AP1966">
        <v>15</v>
      </c>
      <c r="AQ1966">
        <v>16</v>
      </c>
    </row>
    <row r="1967" spans="1:43">
      <c r="A1967" t="s">
        <v>1288</v>
      </c>
      <c r="B1967" t="s">
        <v>1289</v>
      </c>
      <c r="C1967" t="s">
        <v>1276</v>
      </c>
      <c r="D1967" t="s">
        <v>1277</v>
      </c>
      <c r="E1967" t="s">
        <v>1192</v>
      </c>
      <c r="F1967" t="s">
        <v>1193</v>
      </c>
      <c r="G1967" t="s">
        <v>80</v>
      </c>
      <c r="H1967" t="s">
        <v>81</v>
      </c>
      <c r="I1967" s="2">
        <v>0</v>
      </c>
      <c r="J1967" s="2">
        <v>1</v>
      </c>
      <c r="K1967" s="2">
        <v>0</v>
      </c>
      <c r="L1967" t="s">
        <v>82</v>
      </c>
      <c r="M1967" t="s">
        <v>87</v>
      </c>
      <c r="N1967" t="s">
        <v>88</v>
      </c>
      <c r="O1967" t="s">
        <v>85</v>
      </c>
      <c r="P1967" t="s">
        <v>86</v>
      </c>
      <c r="Q1967">
        <v>9</v>
      </c>
      <c r="R1967">
        <v>9</v>
      </c>
      <c r="S1967">
        <v>9</v>
      </c>
      <c r="T1967">
        <v>9</v>
      </c>
      <c r="U1967">
        <v>9</v>
      </c>
      <c r="V1967">
        <v>10</v>
      </c>
      <c r="W1967">
        <v>10</v>
      </c>
      <c r="X1967">
        <v>10</v>
      </c>
      <c r="Y1967">
        <v>10</v>
      </c>
      <c r="Z1967">
        <v>10</v>
      </c>
      <c r="AA1967">
        <v>10</v>
      </c>
      <c r="AB1967">
        <v>11</v>
      </c>
      <c r="AC1967">
        <v>11</v>
      </c>
      <c r="AD1967">
        <v>11</v>
      </c>
      <c r="AE1967">
        <v>11</v>
      </c>
      <c r="AF1967">
        <v>11</v>
      </c>
      <c r="AG1967">
        <v>12</v>
      </c>
      <c r="AH1967">
        <v>12</v>
      </c>
      <c r="AI1967">
        <v>12</v>
      </c>
      <c r="AJ1967">
        <v>12</v>
      </c>
      <c r="AK1967">
        <v>12</v>
      </c>
      <c r="AL1967">
        <v>13</v>
      </c>
      <c r="AM1967">
        <v>13</v>
      </c>
      <c r="AN1967">
        <v>13</v>
      </c>
      <c r="AO1967">
        <v>13</v>
      </c>
      <c r="AP1967">
        <v>13</v>
      </c>
      <c r="AQ1967">
        <v>14</v>
      </c>
    </row>
    <row r="1968" spans="1:43">
      <c r="A1968" t="s">
        <v>1288</v>
      </c>
      <c r="B1968" t="s">
        <v>1289</v>
      </c>
      <c r="C1968" t="s">
        <v>1276</v>
      </c>
      <c r="D1968" t="s">
        <v>1277</v>
      </c>
      <c r="E1968" t="s">
        <v>1192</v>
      </c>
      <c r="F1968" t="s">
        <v>1193</v>
      </c>
      <c r="G1968" t="s">
        <v>80</v>
      </c>
      <c r="H1968" t="s">
        <v>81</v>
      </c>
      <c r="I1968" s="2">
        <v>0</v>
      </c>
      <c r="J1968" s="2">
        <v>1</v>
      </c>
      <c r="K1968" s="2">
        <v>0</v>
      </c>
      <c r="L1968" t="s">
        <v>82</v>
      </c>
      <c r="M1968" t="s">
        <v>89</v>
      </c>
      <c r="N1968" t="s">
        <v>90</v>
      </c>
      <c r="O1968" t="s">
        <v>85</v>
      </c>
      <c r="P1968" t="s">
        <v>86</v>
      </c>
      <c r="Q1968">
        <v>9</v>
      </c>
      <c r="R1968">
        <v>9</v>
      </c>
      <c r="S1968">
        <v>10</v>
      </c>
      <c r="T1968">
        <v>10</v>
      </c>
      <c r="U1968">
        <v>10</v>
      </c>
      <c r="V1968">
        <v>11</v>
      </c>
      <c r="W1968">
        <v>11</v>
      </c>
      <c r="X1968">
        <v>11</v>
      </c>
      <c r="Y1968">
        <v>12</v>
      </c>
      <c r="Z1968">
        <v>12</v>
      </c>
      <c r="AA1968">
        <v>12</v>
      </c>
      <c r="AB1968">
        <v>13</v>
      </c>
      <c r="AC1968">
        <v>13</v>
      </c>
      <c r="AD1968">
        <v>13</v>
      </c>
      <c r="AE1968">
        <v>14</v>
      </c>
      <c r="AF1968">
        <v>14</v>
      </c>
      <c r="AG1968">
        <v>14</v>
      </c>
      <c r="AH1968">
        <v>14</v>
      </c>
      <c r="AI1968">
        <v>14</v>
      </c>
      <c r="AJ1968">
        <v>14</v>
      </c>
      <c r="AK1968">
        <v>15</v>
      </c>
      <c r="AL1968">
        <v>15</v>
      </c>
      <c r="AM1968">
        <v>15</v>
      </c>
      <c r="AN1968">
        <v>15</v>
      </c>
      <c r="AO1968">
        <v>15</v>
      </c>
      <c r="AP1968">
        <v>16</v>
      </c>
      <c r="AQ1968">
        <v>16</v>
      </c>
    </row>
    <row r="1969" spans="1:43">
      <c r="A1969" t="s">
        <v>1288</v>
      </c>
      <c r="B1969" t="s">
        <v>1289</v>
      </c>
      <c r="C1969" t="s">
        <v>1276</v>
      </c>
      <c r="D1969" t="s">
        <v>1277</v>
      </c>
      <c r="E1969" t="s">
        <v>1192</v>
      </c>
      <c r="F1969" t="s">
        <v>1193</v>
      </c>
      <c r="G1969" t="s">
        <v>80</v>
      </c>
      <c r="H1969" t="s">
        <v>81</v>
      </c>
      <c r="I1969" s="2">
        <v>0</v>
      </c>
      <c r="J1969" s="2">
        <v>1</v>
      </c>
      <c r="K1969" s="2">
        <v>0</v>
      </c>
      <c r="L1969" t="s">
        <v>82</v>
      </c>
      <c r="M1969" t="s">
        <v>83</v>
      </c>
      <c r="N1969" t="s">
        <v>91</v>
      </c>
      <c r="O1969" t="s">
        <v>85</v>
      </c>
      <c r="P1969" t="s">
        <v>86</v>
      </c>
      <c r="Q1969">
        <v>9</v>
      </c>
      <c r="R1969">
        <v>9</v>
      </c>
      <c r="S1969">
        <v>9</v>
      </c>
      <c r="T1969">
        <v>10</v>
      </c>
      <c r="U1969">
        <v>10</v>
      </c>
      <c r="V1969">
        <v>10</v>
      </c>
      <c r="W1969">
        <v>10</v>
      </c>
      <c r="X1969">
        <v>11</v>
      </c>
      <c r="Y1969">
        <v>11</v>
      </c>
      <c r="Z1969">
        <v>11</v>
      </c>
      <c r="AA1969">
        <v>11</v>
      </c>
      <c r="AB1969">
        <v>12</v>
      </c>
      <c r="AC1969">
        <v>12</v>
      </c>
      <c r="AD1969">
        <v>12</v>
      </c>
      <c r="AE1969">
        <v>13</v>
      </c>
      <c r="AF1969">
        <v>13</v>
      </c>
      <c r="AG1969">
        <v>13</v>
      </c>
      <c r="AH1969">
        <v>14</v>
      </c>
      <c r="AI1969">
        <v>14</v>
      </c>
      <c r="AJ1969">
        <v>14</v>
      </c>
      <c r="AK1969">
        <v>14</v>
      </c>
      <c r="AL1969">
        <v>15</v>
      </c>
      <c r="AM1969">
        <v>15</v>
      </c>
      <c r="AN1969">
        <v>15</v>
      </c>
      <c r="AO1969">
        <v>15</v>
      </c>
      <c r="AP1969">
        <v>15</v>
      </c>
      <c r="AQ1969">
        <v>16</v>
      </c>
    </row>
    <row r="1970" spans="1:43">
      <c r="A1970" t="s">
        <v>1290</v>
      </c>
      <c r="B1970" t="s">
        <v>1291</v>
      </c>
      <c r="C1970" t="s">
        <v>1270</v>
      </c>
      <c r="D1970" t="s">
        <v>1271</v>
      </c>
      <c r="E1970" t="s">
        <v>1192</v>
      </c>
      <c r="F1970" t="s">
        <v>1193</v>
      </c>
      <c r="G1970" t="s">
        <v>80</v>
      </c>
      <c r="H1970" t="s">
        <v>81</v>
      </c>
      <c r="I1970" s="2">
        <v>0</v>
      </c>
      <c r="J1970" s="2">
        <v>1</v>
      </c>
      <c r="K1970" s="2">
        <v>0</v>
      </c>
      <c r="L1970" t="s">
        <v>82</v>
      </c>
      <c r="M1970" t="s">
        <v>83</v>
      </c>
      <c r="N1970" t="s">
        <v>84</v>
      </c>
      <c r="O1970" t="s">
        <v>85</v>
      </c>
      <c r="P1970" t="s">
        <v>86</v>
      </c>
      <c r="Q1970">
        <v>23</v>
      </c>
      <c r="R1970">
        <v>24</v>
      </c>
      <c r="S1970">
        <v>25</v>
      </c>
      <c r="T1970">
        <v>25</v>
      </c>
      <c r="U1970">
        <v>26</v>
      </c>
      <c r="V1970">
        <v>27</v>
      </c>
      <c r="W1970">
        <v>27</v>
      </c>
      <c r="X1970">
        <v>28</v>
      </c>
      <c r="Y1970">
        <v>29</v>
      </c>
      <c r="Z1970">
        <v>30</v>
      </c>
      <c r="AA1970">
        <v>30</v>
      </c>
      <c r="AB1970">
        <v>31</v>
      </c>
      <c r="AC1970">
        <v>32</v>
      </c>
      <c r="AD1970">
        <v>33</v>
      </c>
      <c r="AE1970">
        <v>33</v>
      </c>
      <c r="AF1970">
        <v>34</v>
      </c>
      <c r="AG1970">
        <v>35</v>
      </c>
      <c r="AH1970">
        <v>36</v>
      </c>
      <c r="AI1970">
        <v>37</v>
      </c>
      <c r="AJ1970">
        <v>37</v>
      </c>
      <c r="AK1970">
        <v>38</v>
      </c>
      <c r="AL1970">
        <v>39</v>
      </c>
      <c r="AM1970">
        <v>40</v>
      </c>
      <c r="AN1970">
        <v>40</v>
      </c>
      <c r="AO1970">
        <v>41</v>
      </c>
      <c r="AP1970">
        <v>41</v>
      </c>
      <c r="AQ1970">
        <v>42</v>
      </c>
    </row>
    <row r="1971" spans="1:43">
      <c r="A1971" t="s">
        <v>1290</v>
      </c>
      <c r="B1971" t="s">
        <v>1291</v>
      </c>
      <c r="C1971" t="s">
        <v>1270</v>
      </c>
      <c r="D1971" t="s">
        <v>1271</v>
      </c>
      <c r="E1971" t="s">
        <v>1192</v>
      </c>
      <c r="F1971" t="s">
        <v>1193</v>
      </c>
      <c r="G1971" t="s">
        <v>80</v>
      </c>
      <c r="H1971" t="s">
        <v>81</v>
      </c>
      <c r="I1971" s="2">
        <v>0</v>
      </c>
      <c r="J1971" s="2">
        <v>1</v>
      </c>
      <c r="K1971" s="2">
        <v>0</v>
      </c>
      <c r="L1971" t="s">
        <v>82</v>
      </c>
      <c r="M1971" t="s">
        <v>87</v>
      </c>
      <c r="N1971" t="s">
        <v>88</v>
      </c>
      <c r="O1971" t="s">
        <v>85</v>
      </c>
      <c r="P1971" t="s">
        <v>86</v>
      </c>
      <c r="Q1971">
        <v>23</v>
      </c>
      <c r="R1971">
        <v>24</v>
      </c>
      <c r="S1971">
        <v>24</v>
      </c>
      <c r="T1971">
        <v>24</v>
      </c>
      <c r="U1971">
        <v>25</v>
      </c>
      <c r="V1971">
        <v>25</v>
      </c>
      <c r="W1971">
        <v>26</v>
      </c>
      <c r="X1971">
        <v>26</v>
      </c>
      <c r="Y1971">
        <v>27</v>
      </c>
      <c r="Z1971">
        <v>27</v>
      </c>
      <c r="AA1971">
        <v>28</v>
      </c>
      <c r="AB1971">
        <v>28</v>
      </c>
      <c r="AC1971">
        <v>29</v>
      </c>
      <c r="AD1971">
        <v>29</v>
      </c>
      <c r="AE1971">
        <v>30</v>
      </c>
      <c r="AF1971">
        <v>30</v>
      </c>
      <c r="AG1971">
        <v>31</v>
      </c>
      <c r="AH1971">
        <v>31</v>
      </c>
      <c r="AI1971">
        <v>32</v>
      </c>
      <c r="AJ1971">
        <v>32</v>
      </c>
      <c r="AK1971">
        <v>33</v>
      </c>
      <c r="AL1971">
        <v>33</v>
      </c>
      <c r="AM1971">
        <v>34</v>
      </c>
      <c r="AN1971">
        <v>34</v>
      </c>
      <c r="AO1971">
        <v>35</v>
      </c>
      <c r="AP1971">
        <v>35</v>
      </c>
      <c r="AQ1971">
        <v>36</v>
      </c>
    </row>
    <row r="1972" spans="1:43">
      <c r="A1972" t="s">
        <v>1290</v>
      </c>
      <c r="B1972" t="s">
        <v>1291</v>
      </c>
      <c r="C1972" t="s">
        <v>1270</v>
      </c>
      <c r="D1972" t="s">
        <v>1271</v>
      </c>
      <c r="E1972" t="s">
        <v>1192</v>
      </c>
      <c r="F1972" t="s">
        <v>1193</v>
      </c>
      <c r="G1972" t="s">
        <v>80</v>
      </c>
      <c r="H1972" t="s">
        <v>81</v>
      </c>
      <c r="I1972" s="2">
        <v>0</v>
      </c>
      <c r="J1972" s="2">
        <v>1</v>
      </c>
      <c r="K1972" s="2">
        <v>0</v>
      </c>
      <c r="L1972" t="s">
        <v>82</v>
      </c>
      <c r="M1972" t="s">
        <v>89</v>
      </c>
      <c r="N1972" t="s">
        <v>90</v>
      </c>
      <c r="O1972" t="s">
        <v>85</v>
      </c>
      <c r="P1972" t="s">
        <v>86</v>
      </c>
      <c r="Q1972">
        <v>23</v>
      </c>
      <c r="R1972">
        <v>23</v>
      </c>
      <c r="S1972">
        <v>24</v>
      </c>
      <c r="T1972">
        <v>25</v>
      </c>
      <c r="U1972">
        <v>26</v>
      </c>
      <c r="V1972">
        <v>27</v>
      </c>
      <c r="W1972">
        <v>28</v>
      </c>
      <c r="X1972">
        <v>29</v>
      </c>
      <c r="Y1972">
        <v>30</v>
      </c>
      <c r="Z1972">
        <v>30</v>
      </c>
      <c r="AA1972">
        <v>31</v>
      </c>
      <c r="AB1972">
        <v>32</v>
      </c>
      <c r="AC1972">
        <v>33</v>
      </c>
      <c r="AD1972">
        <v>34</v>
      </c>
      <c r="AE1972">
        <v>35</v>
      </c>
      <c r="AF1972">
        <v>35</v>
      </c>
      <c r="AG1972">
        <v>36</v>
      </c>
      <c r="AH1972">
        <v>36</v>
      </c>
      <c r="AI1972">
        <v>37</v>
      </c>
      <c r="AJ1972">
        <v>37</v>
      </c>
      <c r="AK1972">
        <v>38</v>
      </c>
      <c r="AL1972">
        <v>38</v>
      </c>
      <c r="AM1972">
        <v>39</v>
      </c>
      <c r="AN1972">
        <v>39</v>
      </c>
      <c r="AO1972">
        <v>40</v>
      </c>
      <c r="AP1972">
        <v>40</v>
      </c>
      <c r="AQ1972">
        <v>41</v>
      </c>
    </row>
    <row r="1973" spans="1:43">
      <c r="A1973" t="s">
        <v>1290</v>
      </c>
      <c r="B1973" t="s">
        <v>1291</v>
      </c>
      <c r="C1973" t="s">
        <v>1270</v>
      </c>
      <c r="D1973" t="s">
        <v>1271</v>
      </c>
      <c r="E1973" t="s">
        <v>1192</v>
      </c>
      <c r="F1973" t="s">
        <v>1193</v>
      </c>
      <c r="G1973" t="s">
        <v>80</v>
      </c>
      <c r="H1973" t="s">
        <v>81</v>
      </c>
      <c r="I1973" s="2">
        <v>0</v>
      </c>
      <c r="J1973" s="2">
        <v>1</v>
      </c>
      <c r="K1973" s="2">
        <v>0</v>
      </c>
      <c r="L1973" t="s">
        <v>82</v>
      </c>
      <c r="M1973" t="s">
        <v>83</v>
      </c>
      <c r="N1973" t="s">
        <v>91</v>
      </c>
      <c r="O1973" t="s">
        <v>85</v>
      </c>
      <c r="P1973" t="s">
        <v>86</v>
      </c>
      <c r="Q1973">
        <v>23</v>
      </c>
      <c r="R1973">
        <v>24</v>
      </c>
      <c r="S1973">
        <v>25</v>
      </c>
      <c r="T1973">
        <v>25</v>
      </c>
      <c r="U1973">
        <v>26</v>
      </c>
      <c r="V1973">
        <v>27</v>
      </c>
      <c r="W1973">
        <v>27</v>
      </c>
      <c r="X1973">
        <v>28</v>
      </c>
      <c r="Y1973">
        <v>29</v>
      </c>
      <c r="Z1973">
        <v>30</v>
      </c>
      <c r="AA1973">
        <v>30</v>
      </c>
      <c r="AB1973">
        <v>31</v>
      </c>
      <c r="AC1973">
        <v>32</v>
      </c>
      <c r="AD1973">
        <v>33</v>
      </c>
      <c r="AE1973">
        <v>33</v>
      </c>
      <c r="AF1973">
        <v>34</v>
      </c>
      <c r="AG1973">
        <v>35</v>
      </c>
      <c r="AH1973">
        <v>36</v>
      </c>
      <c r="AI1973">
        <v>37</v>
      </c>
      <c r="AJ1973">
        <v>37</v>
      </c>
      <c r="AK1973">
        <v>38</v>
      </c>
      <c r="AL1973">
        <v>39</v>
      </c>
      <c r="AM1973">
        <v>40</v>
      </c>
      <c r="AN1973">
        <v>40</v>
      </c>
      <c r="AO1973">
        <v>41</v>
      </c>
      <c r="AP1973">
        <v>41</v>
      </c>
      <c r="AQ1973">
        <v>42</v>
      </c>
    </row>
    <row r="1974" spans="1:43">
      <c r="A1974" t="s">
        <v>1292</v>
      </c>
      <c r="B1974" t="s">
        <v>1293</v>
      </c>
      <c r="C1974" t="s">
        <v>1294</v>
      </c>
      <c r="D1974" t="s">
        <v>1295</v>
      </c>
      <c r="E1974" t="s">
        <v>1192</v>
      </c>
      <c r="F1974" t="s">
        <v>1193</v>
      </c>
      <c r="G1974" t="s">
        <v>80</v>
      </c>
      <c r="H1974" t="s">
        <v>81</v>
      </c>
      <c r="I1974" s="2">
        <v>1</v>
      </c>
      <c r="J1974" s="2">
        <v>0</v>
      </c>
      <c r="K1974" s="2">
        <v>0</v>
      </c>
      <c r="L1974" t="s">
        <v>120</v>
      </c>
      <c r="M1974" t="s">
        <v>83</v>
      </c>
      <c r="N1974" t="s">
        <v>84</v>
      </c>
      <c r="O1974" t="s">
        <v>85</v>
      </c>
      <c r="P1974" t="s">
        <v>86</v>
      </c>
      <c r="Q1974">
        <v>16</v>
      </c>
      <c r="R1974">
        <v>16</v>
      </c>
      <c r="S1974">
        <v>17</v>
      </c>
      <c r="T1974">
        <v>17</v>
      </c>
      <c r="U1974">
        <v>17</v>
      </c>
      <c r="V1974">
        <v>18</v>
      </c>
      <c r="W1974">
        <v>18</v>
      </c>
      <c r="X1974">
        <v>19</v>
      </c>
      <c r="Y1974">
        <v>19</v>
      </c>
      <c r="Z1974">
        <v>20</v>
      </c>
      <c r="AA1974">
        <v>20</v>
      </c>
      <c r="AB1974">
        <v>21</v>
      </c>
      <c r="AC1974">
        <v>21</v>
      </c>
      <c r="AD1974">
        <v>22</v>
      </c>
      <c r="AE1974">
        <v>22</v>
      </c>
      <c r="AF1974">
        <v>23</v>
      </c>
      <c r="AG1974">
        <v>23</v>
      </c>
      <c r="AH1974">
        <v>24</v>
      </c>
      <c r="AI1974">
        <v>24</v>
      </c>
      <c r="AJ1974">
        <v>25</v>
      </c>
      <c r="AK1974">
        <v>26</v>
      </c>
      <c r="AL1974">
        <v>26</v>
      </c>
      <c r="AM1974">
        <v>26</v>
      </c>
      <c r="AN1974">
        <v>27</v>
      </c>
      <c r="AO1974">
        <v>27</v>
      </c>
      <c r="AP1974">
        <v>27</v>
      </c>
      <c r="AQ1974">
        <v>28</v>
      </c>
    </row>
    <row r="1975" spans="1:43">
      <c r="A1975" t="s">
        <v>1292</v>
      </c>
      <c r="B1975" t="s">
        <v>1293</v>
      </c>
      <c r="C1975" t="s">
        <v>1294</v>
      </c>
      <c r="D1975" t="s">
        <v>1295</v>
      </c>
      <c r="E1975" t="s">
        <v>1192</v>
      </c>
      <c r="F1975" t="s">
        <v>1193</v>
      </c>
      <c r="G1975" t="s">
        <v>80</v>
      </c>
      <c r="H1975" t="s">
        <v>81</v>
      </c>
      <c r="I1975" s="2">
        <v>1</v>
      </c>
      <c r="J1975" s="2">
        <v>0</v>
      </c>
      <c r="K1975" s="2">
        <v>0</v>
      </c>
      <c r="L1975" t="s">
        <v>120</v>
      </c>
      <c r="M1975" t="s">
        <v>87</v>
      </c>
      <c r="N1975" t="s">
        <v>88</v>
      </c>
      <c r="O1975" t="s">
        <v>85</v>
      </c>
      <c r="P1975" t="s">
        <v>86</v>
      </c>
      <c r="Q1975">
        <v>16</v>
      </c>
      <c r="R1975">
        <v>16</v>
      </c>
      <c r="S1975">
        <v>16</v>
      </c>
      <c r="T1975">
        <v>16</v>
      </c>
      <c r="U1975">
        <v>17</v>
      </c>
      <c r="V1975">
        <v>17</v>
      </c>
      <c r="W1975">
        <v>17</v>
      </c>
      <c r="X1975">
        <v>18</v>
      </c>
      <c r="Y1975">
        <v>18</v>
      </c>
      <c r="Z1975">
        <v>18</v>
      </c>
      <c r="AA1975">
        <v>18</v>
      </c>
      <c r="AB1975">
        <v>19</v>
      </c>
      <c r="AC1975">
        <v>19</v>
      </c>
      <c r="AD1975">
        <v>19</v>
      </c>
      <c r="AE1975">
        <v>20</v>
      </c>
      <c r="AF1975">
        <v>20</v>
      </c>
      <c r="AG1975">
        <v>20</v>
      </c>
      <c r="AH1975">
        <v>21</v>
      </c>
      <c r="AI1975">
        <v>21</v>
      </c>
      <c r="AJ1975">
        <v>21</v>
      </c>
      <c r="AK1975">
        <v>22</v>
      </c>
      <c r="AL1975">
        <v>22</v>
      </c>
      <c r="AM1975">
        <v>23</v>
      </c>
      <c r="AN1975">
        <v>23</v>
      </c>
      <c r="AO1975">
        <v>23</v>
      </c>
      <c r="AP1975">
        <v>24</v>
      </c>
      <c r="AQ1975">
        <v>24</v>
      </c>
    </row>
    <row r="1976" spans="1:43">
      <c r="A1976" t="s">
        <v>1292</v>
      </c>
      <c r="B1976" t="s">
        <v>1293</v>
      </c>
      <c r="C1976" t="s">
        <v>1294</v>
      </c>
      <c r="D1976" t="s">
        <v>1295</v>
      </c>
      <c r="E1976" t="s">
        <v>1192</v>
      </c>
      <c r="F1976" t="s">
        <v>1193</v>
      </c>
      <c r="G1976" t="s">
        <v>80</v>
      </c>
      <c r="H1976" t="s">
        <v>81</v>
      </c>
      <c r="I1976" s="2">
        <v>1</v>
      </c>
      <c r="J1976" s="2">
        <v>0</v>
      </c>
      <c r="K1976" s="2">
        <v>0</v>
      </c>
      <c r="L1976" t="s">
        <v>120</v>
      </c>
      <c r="M1976" t="s">
        <v>89</v>
      </c>
      <c r="N1976" t="s">
        <v>90</v>
      </c>
      <c r="O1976" t="s">
        <v>85</v>
      </c>
      <c r="P1976" t="s">
        <v>86</v>
      </c>
      <c r="Q1976">
        <v>16</v>
      </c>
      <c r="R1976">
        <v>16</v>
      </c>
      <c r="S1976">
        <v>17</v>
      </c>
      <c r="T1976">
        <v>18</v>
      </c>
      <c r="U1976">
        <v>18</v>
      </c>
      <c r="V1976">
        <v>19</v>
      </c>
      <c r="W1976">
        <v>19</v>
      </c>
      <c r="X1976">
        <v>20</v>
      </c>
      <c r="Y1976">
        <v>20</v>
      </c>
      <c r="Z1976">
        <v>21</v>
      </c>
      <c r="AA1976">
        <v>22</v>
      </c>
      <c r="AB1976">
        <v>22</v>
      </c>
      <c r="AC1976">
        <v>23</v>
      </c>
      <c r="AD1976">
        <v>23</v>
      </c>
      <c r="AE1976">
        <v>24</v>
      </c>
      <c r="AF1976">
        <v>24</v>
      </c>
      <c r="AG1976">
        <v>25</v>
      </c>
      <c r="AH1976">
        <v>25</v>
      </c>
      <c r="AI1976">
        <v>25</v>
      </c>
      <c r="AJ1976">
        <v>26</v>
      </c>
      <c r="AK1976">
        <v>26</v>
      </c>
      <c r="AL1976">
        <v>26</v>
      </c>
      <c r="AM1976">
        <v>27</v>
      </c>
      <c r="AN1976">
        <v>27</v>
      </c>
      <c r="AO1976">
        <v>27</v>
      </c>
      <c r="AP1976">
        <v>28</v>
      </c>
      <c r="AQ1976">
        <v>28</v>
      </c>
    </row>
    <row r="1977" spans="1:43">
      <c r="A1977" t="s">
        <v>1292</v>
      </c>
      <c r="B1977" t="s">
        <v>1293</v>
      </c>
      <c r="C1977" t="s">
        <v>1294</v>
      </c>
      <c r="D1977" t="s">
        <v>1295</v>
      </c>
      <c r="E1977" t="s">
        <v>1192</v>
      </c>
      <c r="F1977" t="s">
        <v>1193</v>
      </c>
      <c r="G1977" t="s">
        <v>80</v>
      </c>
      <c r="H1977" t="s">
        <v>81</v>
      </c>
      <c r="I1977" s="2">
        <v>1</v>
      </c>
      <c r="J1977" s="2">
        <v>0</v>
      </c>
      <c r="K1977" s="2">
        <v>0</v>
      </c>
      <c r="L1977" t="s">
        <v>120</v>
      </c>
      <c r="M1977" t="s">
        <v>83</v>
      </c>
      <c r="N1977" t="s">
        <v>91</v>
      </c>
      <c r="O1977" t="s">
        <v>85</v>
      </c>
      <c r="P1977" t="s">
        <v>86</v>
      </c>
      <c r="Q1977">
        <v>16</v>
      </c>
      <c r="R1977">
        <v>16</v>
      </c>
      <c r="S1977">
        <v>17</v>
      </c>
      <c r="T1977">
        <v>17</v>
      </c>
      <c r="U1977">
        <v>17</v>
      </c>
      <c r="V1977">
        <v>18</v>
      </c>
      <c r="W1977">
        <v>18</v>
      </c>
      <c r="X1977">
        <v>19</v>
      </c>
      <c r="Y1977">
        <v>19</v>
      </c>
      <c r="Z1977">
        <v>20</v>
      </c>
      <c r="AA1977">
        <v>20</v>
      </c>
      <c r="AB1977">
        <v>21</v>
      </c>
      <c r="AC1977">
        <v>21</v>
      </c>
      <c r="AD1977">
        <v>22</v>
      </c>
      <c r="AE1977">
        <v>22</v>
      </c>
      <c r="AF1977">
        <v>23</v>
      </c>
      <c r="AG1977">
        <v>23</v>
      </c>
      <c r="AH1977">
        <v>24</v>
      </c>
      <c r="AI1977">
        <v>24</v>
      </c>
      <c r="AJ1977">
        <v>25</v>
      </c>
      <c r="AK1977">
        <v>26</v>
      </c>
      <c r="AL1977">
        <v>26</v>
      </c>
      <c r="AM1977">
        <v>26</v>
      </c>
      <c r="AN1977">
        <v>27</v>
      </c>
      <c r="AO1977">
        <v>27</v>
      </c>
      <c r="AP1977">
        <v>27</v>
      </c>
      <c r="AQ1977">
        <v>28</v>
      </c>
    </row>
    <row r="1978" spans="1:43">
      <c r="A1978" t="s">
        <v>1296</v>
      </c>
      <c r="B1978" t="s">
        <v>1297</v>
      </c>
      <c r="C1978" t="s">
        <v>1294</v>
      </c>
      <c r="D1978" t="s">
        <v>1295</v>
      </c>
      <c r="E1978" t="s">
        <v>1192</v>
      </c>
      <c r="F1978" t="s">
        <v>1193</v>
      </c>
      <c r="G1978" t="s">
        <v>80</v>
      </c>
      <c r="H1978" t="s">
        <v>81</v>
      </c>
      <c r="I1978" s="2">
        <v>1</v>
      </c>
      <c r="J1978" s="2">
        <v>0</v>
      </c>
      <c r="K1978" s="2">
        <v>0</v>
      </c>
      <c r="L1978" t="s">
        <v>120</v>
      </c>
      <c r="M1978" t="s">
        <v>83</v>
      </c>
      <c r="N1978" t="s">
        <v>84</v>
      </c>
      <c r="O1978" t="s">
        <v>85</v>
      </c>
      <c r="P1978" t="s">
        <v>86</v>
      </c>
      <c r="Q1978">
        <v>2</v>
      </c>
      <c r="R1978">
        <v>3</v>
      </c>
      <c r="S1978">
        <v>3</v>
      </c>
      <c r="T1978">
        <v>3</v>
      </c>
      <c r="U1978">
        <v>3</v>
      </c>
      <c r="V1978">
        <v>3</v>
      </c>
      <c r="W1978">
        <v>3</v>
      </c>
      <c r="X1978">
        <v>3</v>
      </c>
      <c r="Y1978">
        <v>3</v>
      </c>
      <c r="Z1978">
        <v>3</v>
      </c>
      <c r="AA1978">
        <v>3</v>
      </c>
      <c r="AB1978">
        <v>3</v>
      </c>
      <c r="AC1978">
        <v>3</v>
      </c>
      <c r="AD1978">
        <v>3</v>
      </c>
      <c r="AE1978">
        <v>4</v>
      </c>
      <c r="AF1978">
        <v>4</v>
      </c>
      <c r="AG1978">
        <v>4</v>
      </c>
      <c r="AH1978">
        <v>4</v>
      </c>
      <c r="AI1978">
        <v>4</v>
      </c>
      <c r="AJ1978">
        <v>4</v>
      </c>
      <c r="AK1978">
        <v>4</v>
      </c>
      <c r="AL1978">
        <v>4</v>
      </c>
      <c r="AM1978">
        <v>4</v>
      </c>
      <c r="AN1978">
        <v>4</v>
      </c>
      <c r="AO1978">
        <v>4</v>
      </c>
      <c r="AP1978">
        <v>4</v>
      </c>
      <c r="AQ1978">
        <v>4</v>
      </c>
    </row>
    <row r="1979" spans="1:43">
      <c r="A1979" t="s">
        <v>1296</v>
      </c>
      <c r="B1979" t="s">
        <v>1297</v>
      </c>
      <c r="C1979" t="s">
        <v>1294</v>
      </c>
      <c r="D1979" t="s">
        <v>1295</v>
      </c>
      <c r="E1979" t="s">
        <v>1192</v>
      </c>
      <c r="F1979" t="s">
        <v>1193</v>
      </c>
      <c r="G1979" t="s">
        <v>80</v>
      </c>
      <c r="H1979" t="s">
        <v>81</v>
      </c>
      <c r="I1979" s="2">
        <v>1</v>
      </c>
      <c r="J1979" s="2">
        <v>0</v>
      </c>
      <c r="K1979" s="2">
        <v>0</v>
      </c>
      <c r="L1979" t="s">
        <v>120</v>
      </c>
      <c r="M1979" t="s">
        <v>87</v>
      </c>
      <c r="N1979" t="s">
        <v>88</v>
      </c>
      <c r="O1979" t="s">
        <v>85</v>
      </c>
      <c r="P1979" t="s">
        <v>86</v>
      </c>
      <c r="Q1979">
        <v>2</v>
      </c>
      <c r="R1979">
        <v>2</v>
      </c>
      <c r="S1979">
        <v>3</v>
      </c>
      <c r="T1979">
        <v>3</v>
      </c>
      <c r="U1979">
        <v>3</v>
      </c>
      <c r="V1979">
        <v>3</v>
      </c>
      <c r="W1979">
        <v>3</v>
      </c>
      <c r="X1979">
        <v>3</v>
      </c>
      <c r="Y1979">
        <v>3</v>
      </c>
      <c r="Z1979">
        <v>3</v>
      </c>
      <c r="AA1979">
        <v>3</v>
      </c>
      <c r="AB1979">
        <v>3</v>
      </c>
      <c r="AC1979">
        <v>3</v>
      </c>
      <c r="AD1979">
        <v>3</v>
      </c>
      <c r="AE1979">
        <v>3</v>
      </c>
      <c r="AF1979">
        <v>3</v>
      </c>
      <c r="AG1979">
        <v>3</v>
      </c>
      <c r="AH1979">
        <v>3</v>
      </c>
      <c r="AI1979">
        <v>3</v>
      </c>
      <c r="AJ1979">
        <v>3</v>
      </c>
      <c r="AK1979">
        <v>3</v>
      </c>
      <c r="AL1979">
        <v>3</v>
      </c>
      <c r="AM1979">
        <v>4</v>
      </c>
      <c r="AN1979">
        <v>4</v>
      </c>
      <c r="AO1979">
        <v>4</v>
      </c>
      <c r="AP1979">
        <v>4</v>
      </c>
      <c r="AQ1979">
        <v>4</v>
      </c>
    </row>
    <row r="1980" spans="1:43">
      <c r="A1980" t="s">
        <v>1296</v>
      </c>
      <c r="B1980" t="s">
        <v>1297</v>
      </c>
      <c r="C1980" t="s">
        <v>1294</v>
      </c>
      <c r="D1980" t="s">
        <v>1295</v>
      </c>
      <c r="E1980" t="s">
        <v>1192</v>
      </c>
      <c r="F1980" t="s">
        <v>1193</v>
      </c>
      <c r="G1980" t="s">
        <v>80</v>
      </c>
      <c r="H1980" t="s">
        <v>81</v>
      </c>
      <c r="I1980" s="2">
        <v>1</v>
      </c>
      <c r="J1980" s="2">
        <v>0</v>
      </c>
      <c r="K1980" s="2">
        <v>0</v>
      </c>
      <c r="L1980" t="s">
        <v>120</v>
      </c>
      <c r="M1980" t="s">
        <v>89</v>
      </c>
      <c r="N1980" t="s">
        <v>90</v>
      </c>
      <c r="O1980" t="s">
        <v>85</v>
      </c>
      <c r="P1980" t="s">
        <v>86</v>
      </c>
      <c r="Q1980">
        <v>2</v>
      </c>
      <c r="R1980">
        <v>3</v>
      </c>
      <c r="S1980">
        <v>3</v>
      </c>
      <c r="T1980">
        <v>3</v>
      </c>
      <c r="U1980">
        <v>3</v>
      </c>
      <c r="V1980">
        <v>3</v>
      </c>
      <c r="W1980">
        <v>3</v>
      </c>
      <c r="X1980">
        <v>3</v>
      </c>
      <c r="Y1980">
        <v>3</v>
      </c>
      <c r="Z1980">
        <v>3</v>
      </c>
      <c r="AA1980">
        <v>3</v>
      </c>
      <c r="AB1980">
        <v>3</v>
      </c>
      <c r="AC1980">
        <v>4</v>
      </c>
      <c r="AD1980">
        <v>4</v>
      </c>
      <c r="AE1980">
        <v>4</v>
      </c>
      <c r="AF1980">
        <v>4</v>
      </c>
      <c r="AG1980">
        <v>4</v>
      </c>
      <c r="AH1980">
        <v>4</v>
      </c>
      <c r="AI1980">
        <v>4</v>
      </c>
      <c r="AJ1980">
        <v>4</v>
      </c>
      <c r="AK1980">
        <v>4</v>
      </c>
      <c r="AL1980">
        <v>4</v>
      </c>
      <c r="AM1980">
        <v>4</v>
      </c>
      <c r="AN1980">
        <v>4</v>
      </c>
      <c r="AO1980">
        <v>4</v>
      </c>
      <c r="AP1980">
        <v>4</v>
      </c>
      <c r="AQ1980">
        <v>4</v>
      </c>
    </row>
    <row r="1981" spans="1:43">
      <c r="A1981" t="s">
        <v>1296</v>
      </c>
      <c r="B1981" t="s">
        <v>1297</v>
      </c>
      <c r="C1981" t="s">
        <v>1294</v>
      </c>
      <c r="D1981" t="s">
        <v>1295</v>
      </c>
      <c r="E1981" t="s">
        <v>1192</v>
      </c>
      <c r="F1981" t="s">
        <v>1193</v>
      </c>
      <c r="G1981" t="s">
        <v>80</v>
      </c>
      <c r="H1981" t="s">
        <v>81</v>
      </c>
      <c r="I1981" s="2">
        <v>1</v>
      </c>
      <c r="J1981" s="2">
        <v>0</v>
      </c>
      <c r="K1981" s="2">
        <v>0</v>
      </c>
      <c r="L1981" t="s">
        <v>120</v>
      </c>
      <c r="M1981" t="s">
        <v>83</v>
      </c>
      <c r="N1981" t="s">
        <v>91</v>
      </c>
      <c r="O1981" t="s">
        <v>85</v>
      </c>
      <c r="P1981" t="s">
        <v>86</v>
      </c>
      <c r="Q1981">
        <v>2</v>
      </c>
      <c r="R1981">
        <v>3</v>
      </c>
      <c r="S1981">
        <v>3</v>
      </c>
      <c r="T1981">
        <v>3</v>
      </c>
      <c r="U1981">
        <v>3</v>
      </c>
      <c r="V1981">
        <v>3</v>
      </c>
      <c r="W1981">
        <v>3</v>
      </c>
      <c r="X1981">
        <v>3</v>
      </c>
      <c r="Y1981">
        <v>3</v>
      </c>
      <c r="Z1981">
        <v>3</v>
      </c>
      <c r="AA1981">
        <v>3</v>
      </c>
      <c r="AB1981">
        <v>3</v>
      </c>
      <c r="AC1981">
        <v>3</v>
      </c>
      <c r="AD1981">
        <v>3</v>
      </c>
      <c r="AE1981">
        <v>4</v>
      </c>
      <c r="AF1981">
        <v>4</v>
      </c>
      <c r="AG1981">
        <v>4</v>
      </c>
      <c r="AH1981">
        <v>4</v>
      </c>
      <c r="AI1981">
        <v>4</v>
      </c>
      <c r="AJ1981">
        <v>4</v>
      </c>
      <c r="AK1981">
        <v>4</v>
      </c>
      <c r="AL1981">
        <v>4</v>
      </c>
      <c r="AM1981">
        <v>4</v>
      </c>
      <c r="AN1981">
        <v>4</v>
      </c>
      <c r="AO1981">
        <v>4</v>
      </c>
      <c r="AP1981">
        <v>4</v>
      </c>
      <c r="AQ1981">
        <v>4</v>
      </c>
    </row>
    <row r="1982" spans="1:43">
      <c r="A1982" t="s">
        <v>1298</v>
      </c>
      <c r="B1982" t="s">
        <v>1299</v>
      </c>
      <c r="C1982" t="s">
        <v>1300</v>
      </c>
      <c r="D1982" t="s">
        <v>1301</v>
      </c>
      <c r="E1982" t="s">
        <v>1192</v>
      </c>
      <c r="F1982" t="s">
        <v>1193</v>
      </c>
      <c r="G1982" t="s">
        <v>80</v>
      </c>
      <c r="H1982" t="s">
        <v>81</v>
      </c>
      <c r="I1982" s="2">
        <v>1</v>
      </c>
      <c r="J1982" s="2">
        <v>0</v>
      </c>
      <c r="K1982" s="2">
        <v>0</v>
      </c>
      <c r="L1982" t="s">
        <v>120</v>
      </c>
      <c r="M1982" t="s">
        <v>83</v>
      </c>
      <c r="N1982" t="s">
        <v>84</v>
      </c>
      <c r="O1982" t="s">
        <v>85</v>
      </c>
      <c r="P1982" t="s">
        <v>86</v>
      </c>
      <c r="Q1982">
        <v>38</v>
      </c>
      <c r="R1982">
        <v>39</v>
      </c>
      <c r="S1982">
        <v>40</v>
      </c>
      <c r="T1982">
        <v>41</v>
      </c>
      <c r="U1982">
        <v>42</v>
      </c>
      <c r="V1982">
        <v>43</v>
      </c>
      <c r="W1982">
        <v>44</v>
      </c>
      <c r="X1982">
        <v>45</v>
      </c>
      <c r="Y1982">
        <v>46</v>
      </c>
      <c r="Z1982">
        <v>47</v>
      </c>
      <c r="AA1982">
        <v>49</v>
      </c>
      <c r="AB1982">
        <v>50</v>
      </c>
      <c r="AC1982">
        <v>51</v>
      </c>
      <c r="AD1982">
        <v>52</v>
      </c>
      <c r="AE1982">
        <v>53</v>
      </c>
      <c r="AF1982">
        <v>55</v>
      </c>
      <c r="AG1982">
        <v>56</v>
      </c>
      <c r="AH1982">
        <v>57</v>
      </c>
      <c r="AI1982">
        <v>59</v>
      </c>
      <c r="AJ1982">
        <v>60</v>
      </c>
      <c r="AK1982">
        <v>61</v>
      </c>
      <c r="AL1982">
        <v>62</v>
      </c>
      <c r="AM1982">
        <v>63</v>
      </c>
      <c r="AN1982">
        <v>64</v>
      </c>
      <c r="AO1982">
        <v>65</v>
      </c>
      <c r="AP1982">
        <v>66</v>
      </c>
      <c r="AQ1982">
        <v>66</v>
      </c>
    </row>
    <row r="1983" spans="1:43">
      <c r="A1983" t="s">
        <v>1298</v>
      </c>
      <c r="B1983" t="s">
        <v>1299</v>
      </c>
      <c r="C1983" t="s">
        <v>1300</v>
      </c>
      <c r="D1983" t="s">
        <v>1301</v>
      </c>
      <c r="E1983" t="s">
        <v>1192</v>
      </c>
      <c r="F1983" t="s">
        <v>1193</v>
      </c>
      <c r="G1983" t="s">
        <v>80</v>
      </c>
      <c r="H1983" t="s">
        <v>81</v>
      </c>
      <c r="I1983" s="2">
        <v>1</v>
      </c>
      <c r="J1983" s="2">
        <v>0</v>
      </c>
      <c r="K1983" s="2">
        <v>0</v>
      </c>
      <c r="L1983" t="s">
        <v>120</v>
      </c>
      <c r="M1983" t="s">
        <v>87</v>
      </c>
      <c r="N1983" t="s">
        <v>88</v>
      </c>
      <c r="O1983" t="s">
        <v>85</v>
      </c>
      <c r="P1983" t="s">
        <v>86</v>
      </c>
      <c r="Q1983">
        <v>38</v>
      </c>
      <c r="R1983">
        <v>39</v>
      </c>
      <c r="S1983">
        <v>40</v>
      </c>
      <c r="T1983">
        <v>40</v>
      </c>
      <c r="U1983">
        <v>41</v>
      </c>
      <c r="V1983">
        <v>42</v>
      </c>
      <c r="W1983">
        <v>42</v>
      </c>
      <c r="X1983">
        <v>43</v>
      </c>
      <c r="Y1983">
        <v>44</v>
      </c>
      <c r="Z1983">
        <v>45</v>
      </c>
      <c r="AA1983">
        <v>45</v>
      </c>
      <c r="AB1983">
        <v>46</v>
      </c>
      <c r="AC1983">
        <v>47</v>
      </c>
      <c r="AD1983">
        <v>48</v>
      </c>
      <c r="AE1983">
        <v>48</v>
      </c>
      <c r="AF1983">
        <v>49</v>
      </c>
      <c r="AG1983">
        <v>50</v>
      </c>
      <c r="AH1983">
        <v>51</v>
      </c>
      <c r="AI1983">
        <v>52</v>
      </c>
      <c r="AJ1983">
        <v>52</v>
      </c>
      <c r="AK1983">
        <v>53</v>
      </c>
      <c r="AL1983">
        <v>54</v>
      </c>
      <c r="AM1983">
        <v>55</v>
      </c>
      <c r="AN1983">
        <v>56</v>
      </c>
      <c r="AO1983">
        <v>57</v>
      </c>
      <c r="AP1983">
        <v>58</v>
      </c>
      <c r="AQ1983">
        <v>59</v>
      </c>
    </row>
    <row r="1984" spans="1:43">
      <c r="A1984" t="s">
        <v>1298</v>
      </c>
      <c r="B1984" t="s">
        <v>1299</v>
      </c>
      <c r="C1984" t="s">
        <v>1300</v>
      </c>
      <c r="D1984" t="s">
        <v>1301</v>
      </c>
      <c r="E1984" t="s">
        <v>1192</v>
      </c>
      <c r="F1984" t="s">
        <v>1193</v>
      </c>
      <c r="G1984" t="s">
        <v>80</v>
      </c>
      <c r="H1984" t="s">
        <v>81</v>
      </c>
      <c r="I1984" s="2">
        <v>1</v>
      </c>
      <c r="J1984" s="2">
        <v>0</v>
      </c>
      <c r="K1984" s="2">
        <v>0</v>
      </c>
      <c r="L1984" t="s">
        <v>120</v>
      </c>
      <c r="M1984" t="s">
        <v>89</v>
      </c>
      <c r="N1984" t="s">
        <v>90</v>
      </c>
      <c r="O1984" t="s">
        <v>85</v>
      </c>
      <c r="P1984" t="s">
        <v>86</v>
      </c>
      <c r="Q1984">
        <v>38</v>
      </c>
      <c r="R1984">
        <v>39</v>
      </c>
      <c r="S1984">
        <v>41</v>
      </c>
      <c r="T1984">
        <v>42</v>
      </c>
      <c r="U1984">
        <v>43</v>
      </c>
      <c r="V1984">
        <v>45</v>
      </c>
      <c r="W1984">
        <v>46</v>
      </c>
      <c r="X1984">
        <v>48</v>
      </c>
      <c r="Y1984">
        <v>49</v>
      </c>
      <c r="Z1984">
        <v>50</v>
      </c>
      <c r="AA1984">
        <v>52</v>
      </c>
      <c r="AB1984">
        <v>53</v>
      </c>
      <c r="AC1984">
        <v>55</v>
      </c>
      <c r="AD1984">
        <v>56</v>
      </c>
      <c r="AE1984">
        <v>57</v>
      </c>
      <c r="AF1984">
        <v>58</v>
      </c>
      <c r="AG1984">
        <v>59</v>
      </c>
      <c r="AH1984">
        <v>60</v>
      </c>
      <c r="AI1984">
        <v>60</v>
      </c>
      <c r="AJ1984">
        <v>61</v>
      </c>
      <c r="AK1984">
        <v>62</v>
      </c>
      <c r="AL1984">
        <v>63</v>
      </c>
      <c r="AM1984">
        <v>64</v>
      </c>
      <c r="AN1984">
        <v>65</v>
      </c>
      <c r="AO1984">
        <v>65</v>
      </c>
      <c r="AP1984">
        <v>66</v>
      </c>
      <c r="AQ1984">
        <v>67</v>
      </c>
    </row>
    <row r="1985" spans="1:43">
      <c r="A1985" t="s">
        <v>1298</v>
      </c>
      <c r="B1985" t="s">
        <v>1299</v>
      </c>
      <c r="C1985" t="s">
        <v>1300</v>
      </c>
      <c r="D1985" t="s">
        <v>1301</v>
      </c>
      <c r="E1985" t="s">
        <v>1192</v>
      </c>
      <c r="F1985" t="s">
        <v>1193</v>
      </c>
      <c r="G1985" t="s">
        <v>80</v>
      </c>
      <c r="H1985" t="s">
        <v>81</v>
      </c>
      <c r="I1985" s="2">
        <v>1</v>
      </c>
      <c r="J1985" s="2">
        <v>0</v>
      </c>
      <c r="K1985" s="2">
        <v>0</v>
      </c>
      <c r="L1985" t="s">
        <v>120</v>
      </c>
      <c r="M1985" t="s">
        <v>83</v>
      </c>
      <c r="N1985" t="s">
        <v>91</v>
      </c>
      <c r="O1985" t="s">
        <v>85</v>
      </c>
      <c r="P1985" t="s">
        <v>86</v>
      </c>
      <c r="Q1985">
        <v>38</v>
      </c>
      <c r="R1985">
        <v>39</v>
      </c>
      <c r="S1985">
        <v>40</v>
      </c>
      <c r="T1985">
        <v>41</v>
      </c>
      <c r="U1985">
        <v>42</v>
      </c>
      <c r="V1985">
        <v>43</v>
      </c>
      <c r="W1985">
        <v>44</v>
      </c>
      <c r="X1985">
        <v>45</v>
      </c>
      <c r="Y1985">
        <v>46</v>
      </c>
      <c r="Z1985">
        <v>47</v>
      </c>
      <c r="AA1985">
        <v>49</v>
      </c>
      <c r="AB1985">
        <v>50</v>
      </c>
      <c r="AC1985">
        <v>51</v>
      </c>
      <c r="AD1985">
        <v>52</v>
      </c>
      <c r="AE1985">
        <v>53</v>
      </c>
      <c r="AF1985">
        <v>55</v>
      </c>
      <c r="AG1985">
        <v>56</v>
      </c>
      <c r="AH1985">
        <v>57</v>
      </c>
      <c r="AI1985">
        <v>59</v>
      </c>
      <c r="AJ1985">
        <v>60</v>
      </c>
      <c r="AK1985">
        <v>61</v>
      </c>
      <c r="AL1985">
        <v>62</v>
      </c>
      <c r="AM1985">
        <v>63</v>
      </c>
      <c r="AN1985">
        <v>64</v>
      </c>
      <c r="AO1985">
        <v>65</v>
      </c>
      <c r="AP1985">
        <v>66</v>
      </c>
      <c r="AQ1985">
        <v>66</v>
      </c>
    </row>
    <row r="1986" spans="1:43">
      <c r="A1986" t="s">
        <v>1302</v>
      </c>
      <c r="B1986" t="s">
        <v>1303</v>
      </c>
      <c r="C1986" t="s">
        <v>1294</v>
      </c>
      <c r="D1986" t="s">
        <v>1295</v>
      </c>
      <c r="E1986" t="s">
        <v>1192</v>
      </c>
      <c r="F1986" t="s">
        <v>1193</v>
      </c>
      <c r="G1986" t="s">
        <v>80</v>
      </c>
      <c r="H1986" t="s">
        <v>81</v>
      </c>
      <c r="I1986" s="2">
        <v>1</v>
      </c>
      <c r="J1986" s="2">
        <v>0</v>
      </c>
      <c r="K1986" s="2">
        <v>0</v>
      </c>
      <c r="L1986" t="s">
        <v>120</v>
      </c>
      <c r="M1986" t="s">
        <v>83</v>
      </c>
      <c r="N1986" t="s">
        <v>84</v>
      </c>
      <c r="O1986" t="s">
        <v>85</v>
      </c>
      <c r="P1986" t="s">
        <v>86</v>
      </c>
      <c r="Q1986">
        <v>61</v>
      </c>
      <c r="R1986">
        <v>63</v>
      </c>
      <c r="S1986">
        <v>64</v>
      </c>
      <c r="T1986">
        <v>66</v>
      </c>
      <c r="U1986">
        <v>68</v>
      </c>
      <c r="V1986">
        <v>69</v>
      </c>
      <c r="W1986">
        <v>71</v>
      </c>
      <c r="X1986">
        <v>73</v>
      </c>
      <c r="Y1986">
        <v>75</v>
      </c>
      <c r="Z1986">
        <v>77</v>
      </c>
      <c r="AA1986">
        <v>79</v>
      </c>
      <c r="AB1986">
        <v>81</v>
      </c>
      <c r="AC1986">
        <v>82</v>
      </c>
      <c r="AD1986">
        <v>84</v>
      </c>
      <c r="AE1986">
        <v>86</v>
      </c>
      <c r="AF1986">
        <v>88</v>
      </c>
      <c r="AG1986">
        <v>91</v>
      </c>
      <c r="AH1986">
        <v>93</v>
      </c>
      <c r="AI1986">
        <v>95</v>
      </c>
      <c r="AJ1986">
        <v>97</v>
      </c>
      <c r="AK1986">
        <v>99</v>
      </c>
      <c r="AL1986">
        <v>101</v>
      </c>
      <c r="AM1986">
        <v>102</v>
      </c>
      <c r="AN1986">
        <v>103</v>
      </c>
      <c r="AO1986">
        <v>105</v>
      </c>
      <c r="AP1986">
        <v>106</v>
      </c>
      <c r="AQ1986">
        <v>108</v>
      </c>
    </row>
    <row r="1987" spans="1:43">
      <c r="A1987" t="s">
        <v>1302</v>
      </c>
      <c r="B1987" t="s">
        <v>1303</v>
      </c>
      <c r="C1987" t="s">
        <v>1294</v>
      </c>
      <c r="D1987" t="s">
        <v>1295</v>
      </c>
      <c r="E1987" t="s">
        <v>1192</v>
      </c>
      <c r="F1987" t="s">
        <v>1193</v>
      </c>
      <c r="G1987" t="s">
        <v>80</v>
      </c>
      <c r="H1987" t="s">
        <v>81</v>
      </c>
      <c r="I1987" s="2">
        <v>1</v>
      </c>
      <c r="J1987" s="2">
        <v>0</v>
      </c>
      <c r="K1987" s="2">
        <v>0</v>
      </c>
      <c r="L1987" t="s">
        <v>120</v>
      </c>
      <c r="M1987" t="s">
        <v>87</v>
      </c>
      <c r="N1987" t="s">
        <v>88</v>
      </c>
      <c r="O1987" t="s">
        <v>85</v>
      </c>
      <c r="P1987" t="s">
        <v>86</v>
      </c>
      <c r="Q1987">
        <v>61</v>
      </c>
      <c r="R1987">
        <v>62</v>
      </c>
      <c r="S1987">
        <v>63</v>
      </c>
      <c r="T1987">
        <v>65</v>
      </c>
      <c r="U1987">
        <v>66</v>
      </c>
      <c r="V1987">
        <v>67</v>
      </c>
      <c r="W1987">
        <v>68</v>
      </c>
      <c r="X1987">
        <v>69</v>
      </c>
      <c r="Y1987">
        <v>70</v>
      </c>
      <c r="Z1987">
        <v>71</v>
      </c>
      <c r="AA1987">
        <v>73</v>
      </c>
      <c r="AB1987">
        <v>74</v>
      </c>
      <c r="AC1987">
        <v>75</v>
      </c>
      <c r="AD1987">
        <v>76</v>
      </c>
      <c r="AE1987">
        <v>78</v>
      </c>
      <c r="AF1987">
        <v>79</v>
      </c>
      <c r="AG1987">
        <v>80</v>
      </c>
      <c r="AH1987">
        <v>82</v>
      </c>
      <c r="AI1987">
        <v>83</v>
      </c>
      <c r="AJ1987">
        <v>84</v>
      </c>
      <c r="AK1987">
        <v>86</v>
      </c>
      <c r="AL1987">
        <v>87</v>
      </c>
      <c r="AM1987">
        <v>88</v>
      </c>
      <c r="AN1987">
        <v>90</v>
      </c>
      <c r="AO1987">
        <v>91</v>
      </c>
      <c r="AP1987">
        <v>93</v>
      </c>
      <c r="AQ1987">
        <v>94</v>
      </c>
    </row>
    <row r="1988" spans="1:43">
      <c r="A1988" t="s">
        <v>1302</v>
      </c>
      <c r="B1988" t="s">
        <v>1303</v>
      </c>
      <c r="C1988" t="s">
        <v>1294</v>
      </c>
      <c r="D1988" t="s">
        <v>1295</v>
      </c>
      <c r="E1988" t="s">
        <v>1192</v>
      </c>
      <c r="F1988" t="s">
        <v>1193</v>
      </c>
      <c r="G1988" t="s">
        <v>80</v>
      </c>
      <c r="H1988" t="s">
        <v>81</v>
      </c>
      <c r="I1988" s="2">
        <v>1</v>
      </c>
      <c r="J1988" s="2">
        <v>0</v>
      </c>
      <c r="K1988" s="2">
        <v>0</v>
      </c>
      <c r="L1988" t="s">
        <v>120</v>
      </c>
      <c r="M1988" t="s">
        <v>89</v>
      </c>
      <c r="N1988" t="s">
        <v>90</v>
      </c>
      <c r="O1988" t="s">
        <v>85</v>
      </c>
      <c r="P1988" t="s">
        <v>86</v>
      </c>
      <c r="Q1988">
        <v>61</v>
      </c>
      <c r="R1988">
        <v>64</v>
      </c>
      <c r="S1988">
        <v>66</v>
      </c>
      <c r="T1988">
        <v>68</v>
      </c>
      <c r="U1988">
        <v>70</v>
      </c>
      <c r="V1988">
        <v>73</v>
      </c>
      <c r="W1988">
        <v>75</v>
      </c>
      <c r="X1988">
        <v>77</v>
      </c>
      <c r="Y1988">
        <v>79</v>
      </c>
      <c r="Z1988">
        <v>81</v>
      </c>
      <c r="AA1988">
        <v>84</v>
      </c>
      <c r="AB1988">
        <v>86</v>
      </c>
      <c r="AC1988">
        <v>88</v>
      </c>
      <c r="AD1988">
        <v>91</v>
      </c>
      <c r="AE1988">
        <v>93</v>
      </c>
      <c r="AF1988">
        <v>94</v>
      </c>
      <c r="AG1988">
        <v>95</v>
      </c>
      <c r="AH1988">
        <v>97</v>
      </c>
      <c r="AI1988">
        <v>98</v>
      </c>
      <c r="AJ1988">
        <v>99</v>
      </c>
      <c r="AK1988">
        <v>100</v>
      </c>
      <c r="AL1988">
        <v>102</v>
      </c>
      <c r="AM1988">
        <v>103</v>
      </c>
      <c r="AN1988">
        <v>104</v>
      </c>
      <c r="AO1988">
        <v>106</v>
      </c>
      <c r="AP1988">
        <v>107</v>
      </c>
      <c r="AQ1988">
        <v>109</v>
      </c>
    </row>
    <row r="1989" spans="1:43">
      <c r="A1989" t="s">
        <v>1302</v>
      </c>
      <c r="B1989" t="s">
        <v>1303</v>
      </c>
      <c r="C1989" t="s">
        <v>1294</v>
      </c>
      <c r="D1989" t="s">
        <v>1295</v>
      </c>
      <c r="E1989" t="s">
        <v>1192</v>
      </c>
      <c r="F1989" t="s">
        <v>1193</v>
      </c>
      <c r="G1989" t="s">
        <v>80</v>
      </c>
      <c r="H1989" t="s">
        <v>81</v>
      </c>
      <c r="I1989" s="2">
        <v>1</v>
      </c>
      <c r="J1989" s="2">
        <v>0</v>
      </c>
      <c r="K1989" s="2">
        <v>0</v>
      </c>
      <c r="L1989" t="s">
        <v>120</v>
      </c>
      <c r="M1989" t="s">
        <v>83</v>
      </c>
      <c r="N1989" t="s">
        <v>91</v>
      </c>
      <c r="O1989" t="s">
        <v>85</v>
      </c>
      <c r="P1989" t="s">
        <v>86</v>
      </c>
      <c r="Q1989">
        <v>61</v>
      </c>
      <c r="R1989">
        <v>63</v>
      </c>
      <c r="S1989">
        <v>64</v>
      </c>
      <c r="T1989">
        <v>66</v>
      </c>
      <c r="U1989">
        <v>68</v>
      </c>
      <c r="V1989">
        <v>69</v>
      </c>
      <c r="W1989">
        <v>71</v>
      </c>
      <c r="X1989">
        <v>73</v>
      </c>
      <c r="Y1989">
        <v>75</v>
      </c>
      <c r="Z1989">
        <v>77</v>
      </c>
      <c r="AA1989">
        <v>79</v>
      </c>
      <c r="AB1989">
        <v>81</v>
      </c>
      <c r="AC1989">
        <v>82</v>
      </c>
      <c r="AD1989">
        <v>84</v>
      </c>
      <c r="AE1989">
        <v>86</v>
      </c>
      <c r="AF1989">
        <v>88</v>
      </c>
      <c r="AG1989">
        <v>91</v>
      </c>
      <c r="AH1989">
        <v>93</v>
      </c>
      <c r="AI1989">
        <v>95</v>
      </c>
      <c r="AJ1989">
        <v>97</v>
      </c>
      <c r="AK1989">
        <v>99</v>
      </c>
      <c r="AL1989">
        <v>101</v>
      </c>
      <c r="AM1989">
        <v>102</v>
      </c>
      <c r="AN1989">
        <v>103</v>
      </c>
      <c r="AO1989">
        <v>105</v>
      </c>
      <c r="AP1989">
        <v>106</v>
      </c>
      <c r="AQ1989">
        <v>108</v>
      </c>
    </row>
    <row r="1990" spans="1:43">
      <c r="A1990" t="s">
        <v>1304</v>
      </c>
      <c r="B1990" t="s">
        <v>1305</v>
      </c>
      <c r="C1990" t="s">
        <v>1300</v>
      </c>
      <c r="D1990" t="s">
        <v>1301</v>
      </c>
      <c r="E1990" t="s">
        <v>1192</v>
      </c>
      <c r="F1990" t="s">
        <v>1193</v>
      </c>
      <c r="G1990" t="s">
        <v>80</v>
      </c>
      <c r="H1990" t="s">
        <v>81</v>
      </c>
      <c r="I1990" s="2">
        <v>1</v>
      </c>
      <c r="J1990" s="2">
        <v>0</v>
      </c>
      <c r="K1990" s="2">
        <v>0</v>
      </c>
      <c r="L1990" t="s">
        <v>120</v>
      </c>
      <c r="M1990" t="s">
        <v>83</v>
      </c>
      <c r="N1990" t="s">
        <v>84</v>
      </c>
      <c r="O1990" t="s">
        <v>85</v>
      </c>
      <c r="P1990" t="s">
        <v>86</v>
      </c>
      <c r="Q1990">
        <v>47</v>
      </c>
      <c r="R1990">
        <v>48</v>
      </c>
      <c r="S1990">
        <v>50</v>
      </c>
      <c r="T1990">
        <v>51</v>
      </c>
      <c r="U1990">
        <v>52</v>
      </c>
      <c r="V1990">
        <v>54</v>
      </c>
      <c r="W1990">
        <v>55</v>
      </c>
      <c r="X1990">
        <v>57</v>
      </c>
      <c r="Y1990">
        <v>58</v>
      </c>
      <c r="Z1990">
        <v>59</v>
      </c>
      <c r="AA1990">
        <v>61</v>
      </c>
      <c r="AB1990">
        <v>62</v>
      </c>
      <c r="AC1990">
        <v>64</v>
      </c>
      <c r="AD1990">
        <v>65</v>
      </c>
      <c r="AE1990">
        <v>67</v>
      </c>
      <c r="AF1990">
        <v>69</v>
      </c>
      <c r="AG1990">
        <v>70</v>
      </c>
      <c r="AH1990">
        <v>72</v>
      </c>
      <c r="AI1990">
        <v>73</v>
      </c>
      <c r="AJ1990">
        <v>75</v>
      </c>
      <c r="AK1990">
        <v>77</v>
      </c>
      <c r="AL1990">
        <v>78</v>
      </c>
      <c r="AM1990">
        <v>79</v>
      </c>
      <c r="AN1990">
        <v>80</v>
      </c>
      <c r="AO1990">
        <v>81</v>
      </c>
      <c r="AP1990">
        <v>82</v>
      </c>
      <c r="AQ1990">
        <v>83</v>
      </c>
    </row>
    <row r="1991" spans="1:43">
      <c r="A1991" t="s">
        <v>1304</v>
      </c>
      <c r="B1991" t="s">
        <v>1305</v>
      </c>
      <c r="C1991" t="s">
        <v>1300</v>
      </c>
      <c r="D1991" t="s">
        <v>1301</v>
      </c>
      <c r="E1991" t="s">
        <v>1192</v>
      </c>
      <c r="F1991" t="s">
        <v>1193</v>
      </c>
      <c r="G1991" t="s">
        <v>80</v>
      </c>
      <c r="H1991" t="s">
        <v>81</v>
      </c>
      <c r="I1991" s="2">
        <v>1</v>
      </c>
      <c r="J1991" s="2">
        <v>0</v>
      </c>
      <c r="K1991" s="2">
        <v>0</v>
      </c>
      <c r="L1991" t="s">
        <v>120</v>
      </c>
      <c r="M1991" t="s">
        <v>87</v>
      </c>
      <c r="N1991" t="s">
        <v>88</v>
      </c>
      <c r="O1991" t="s">
        <v>85</v>
      </c>
      <c r="P1991" t="s">
        <v>86</v>
      </c>
      <c r="Q1991">
        <v>47</v>
      </c>
      <c r="R1991">
        <v>48</v>
      </c>
      <c r="S1991">
        <v>48</v>
      </c>
      <c r="T1991">
        <v>49</v>
      </c>
      <c r="U1991">
        <v>50</v>
      </c>
      <c r="V1991">
        <v>51</v>
      </c>
      <c r="W1991">
        <v>52</v>
      </c>
      <c r="X1991">
        <v>53</v>
      </c>
      <c r="Y1991">
        <v>54</v>
      </c>
      <c r="Z1991">
        <v>55</v>
      </c>
      <c r="AA1991">
        <v>56</v>
      </c>
      <c r="AB1991">
        <v>56</v>
      </c>
      <c r="AC1991">
        <v>57</v>
      </c>
      <c r="AD1991">
        <v>58</v>
      </c>
      <c r="AE1991">
        <v>59</v>
      </c>
      <c r="AF1991">
        <v>60</v>
      </c>
      <c r="AG1991">
        <v>61</v>
      </c>
      <c r="AH1991">
        <v>62</v>
      </c>
      <c r="AI1991">
        <v>63</v>
      </c>
      <c r="AJ1991">
        <v>64</v>
      </c>
      <c r="AK1991">
        <v>66</v>
      </c>
      <c r="AL1991">
        <v>67</v>
      </c>
      <c r="AM1991">
        <v>68</v>
      </c>
      <c r="AN1991">
        <v>69</v>
      </c>
      <c r="AO1991">
        <v>70</v>
      </c>
      <c r="AP1991">
        <v>71</v>
      </c>
      <c r="AQ1991">
        <v>72</v>
      </c>
    </row>
    <row r="1992" spans="1:43">
      <c r="A1992" t="s">
        <v>1304</v>
      </c>
      <c r="B1992" t="s">
        <v>1305</v>
      </c>
      <c r="C1992" t="s">
        <v>1300</v>
      </c>
      <c r="D1992" t="s">
        <v>1301</v>
      </c>
      <c r="E1992" t="s">
        <v>1192</v>
      </c>
      <c r="F1992" t="s">
        <v>1193</v>
      </c>
      <c r="G1992" t="s">
        <v>80</v>
      </c>
      <c r="H1992" t="s">
        <v>81</v>
      </c>
      <c r="I1992" s="2">
        <v>1</v>
      </c>
      <c r="J1992" s="2">
        <v>0</v>
      </c>
      <c r="K1992" s="2">
        <v>0</v>
      </c>
      <c r="L1992" t="s">
        <v>120</v>
      </c>
      <c r="M1992" t="s">
        <v>89</v>
      </c>
      <c r="N1992" t="s">
        <v>90</v>
      </c>
      <c r="O1992" t="s">
        <v>85</v>
      </c>
      <c r="P1992" t="s">
        <v>86</v>
      </c>
      <c r="Q1992">
        <v>47</v>
      </c>
      <c r="R1992">
        <v>48</v>
      </c>
      <c r="S1992">
        <v>50</v>
      </c>
      <c r="T1992">
        <v>52</v>
      </c>
      <c r="U1992">
        <v>54</v>
      </c>
      <c r="V1992">
        <v>55</v>
      </c>
      <c r="W1992">
        <v>57</v>
      </c>
      <c r="X1992">
        <v>59</v>
      </c>
      <c r="Y1992">
        <v>60</v>
      </c>
      <c r="Z1992">
        <v>62</v>
      </c>
      <c r="AA1992">
        <v>64</v>
      </c>
      <c r="AB1992">
        <v>66</v>
      </c>
      <c r="AC1992">
        <v>67</v>
      </c>
      <c r="AD1992">
        <v>69</v>
      </c>
      <c r="AE1992">
        <v>71</v>
      </c>
      <c r="AF1992">
        <v>72</v>
      </c>
      <c r="AG1992">
        <v>73</v>
      </c>
      <c r="AH1992">
        <v>74</v>
      </c>
      <c r="AI1992">
        <v>75</v>
      </c>
      <c r="AJ1992">
        <v>76</v>
      </c>
      <c r="AK1992">
        <v>77</v>
      </c>
      <c r="AL1992">
        <v>78</v>
      </c>
      <c r="AM1992">
        <v>79</v>
      </c>
      <c r="AN1992">
        <v>80</v>
      </c>
      <c r="AO1992">
        <v>81</v>
      </c>
      <c r="AP1992">
        <v>82</v>
      </c>
      <c r="AQ1992">
        <v>83</v>
      </c>
    </row>
    <row r="1993" spans="1:43">
      <c r="A1993" t="s">
        <v>1304</v>
      </c>
      <c r="B1993" t="s">
        <v>1305</v>
      </c>
      <c r="C1993" t="s">
        <v>1300</v>
      </c>
      <c r="D1993" t="s">
        <v>1301</v>
      </c>
      <c r="E1993" t="s">
        <v>1192</v>
      </c>
      <c r="F1993" t="s">
        <v>1193</v>
      </c>
      <c r="G1993" t="s">
        <v>80</v>
      </c>
      <c r="H1993" t="s">
        <v>81</v>
      </c>
      <c r="I1993" s="2">
        <v>1</v>
      </c>
      <c r="J1993" s="2">
        <v>0</v>
      </c>
      <c r="K1993" s="2">
        <v>0</v>
      </c>
      <c r="L1993" t="s">
        <v>120</v>
      </c>
      <c r="M1993" t="s">
        <v>83</v>
      </c>
      <c r="N1993" t="s">
        <v>91</v>
      </c>
      <c r="O1993" t="s">
        <v>85</v>
      </c>
      <c r="P1993" t="s">
        <v>86</v>
      </c>
      <c r="Q1993">
        <v>47</v>
      </c>
      <c r="R1993">
        <v>48</v>
      </c>
      <c r="S1993">
        <v>50</v>
      </c>
      <c r="T1993">
        <v>51</v>
      </c>
      <c r="U1993">
        <v>52</v>
      </c>
      <c r="V1993">
        <v>54</v>
      </c>
      <c r="W1993">
        <v>55</v>
      </c>
      <c r="X1993">
        <v>57</v>
      </c>
      <c r="Y1993">
        <v>58</v>
      </c>
      <c r="Z1993">
        <v>59</v>
      </c>
      <c r="AA1993">
        <v>61</v>
      </c>
      <c r="AB1993">
        <v>62</v>
      </c>
      <c r="AC1993">
        <v>64</v>
      </c>
      <c r="AD1993">
        <v>65</v>
      </c>
      <c r="AE1993">
        <v>67</v>
      </c>
      <c r="AF1993">
        <v>69</v>
      </c>
      <c r="AG1993">
        <v>70</v>
      </c>
      <c r="AH1993">
        <v>72</v>
      </c>
      <c r="AI1993">
        <v>73</v>
      </c>
      <c r="AJ1993">
        <v>75</v>
      </c>
      <c r="AK1993">
        <v>77</v>
      </c>
      <c r="AL1993">
        <v>78</v>
      </c>
      <c r="AM1993">
        <v>79</v>
      </c>
      <c r="AN1993">
        <v>80</v>
      </c>
      <c r="AO1993">
        <v>81</v>
      </c>
      <c r="AP1993">
        <v>82</v>
      </c>
      <c r="AQ1993">
        <v>83</v>
      </c>
    </row>
    <row r="1994" spans="1:43">
      <c r="A1994" t="s">
        <v>1306</v>
      </c>
      <c r="B1994" t="s">
        <v>1307</v>
      </c>
      <c r="C1994" t="s">
        <v>1308</v>
      </c>
      <c r="D1994" t="s">
        <v>1309</v>
      </c>
      <c r="E1994" t="s">
        <v>1192</v>
      </c>
      <c r="F1994" t="s">
        <v>1193</v>
      </c>
      <c r="G1994" t="s">
        <v>80</v>
      </c>
      <c r="H1994" t="s">
        <v>81</v>
      </c>
      <c r="I1994" s="2">
        <v>1</v>
      </c>
      <c r="J1994" s="2">
        <v>0</v>
      </c>
      <c r="K1994" s="2">
        <v>0</v>
      </c>
      <c r="L1994" t="s">
        <v>120</v>
      </c>
      <c r="M1994" t="s">
        <v>83</v>
      </c>
      <c r="N1994" t="s">
        <v>84</v>
      </c>
      <c r="O1994" t="s">
        <v>85</v>
      </c>
      <c r="P1994" t="s">
        <v>86</v>
      </c>
      <c r="Q1994">
        <v>51</v>
      </c>
      <c r="R1994">
        <v>53</v>
      </c>
      <c r="S1994">
        <v>54</v>
      </c>
      <c r="T1994">
        <v>56</v>
      </c>
      <c r="U1994">
        <v>57</v>
      </c>
      <c r="V1994">
        <v>59</v>
      </c>
      <c r="W1994">
        <v>60</v>
      </c>
      <c r="X1994">
        <v>62</v>
      </c>
      <c r="Y1994">
        <v>63</v>
      </c>
      <c r="Z1994">
        <v>65</v>
      </c>
      <c r="AA1994">
        <v>66</v>
      </c>
      <c r="AB1994">
        <v>68</v>
      </c>
      <c r="AC1994">
        <v>70</v>
      </c>
      <c r="AD1994">
        <v>71</v>
      </c>
      <c r="AE1994">
        <v>73</v>
      </c>
      <c r="AF1994">
        <v>75</v>
      </c>
      <c r="AG1994">
        <v>76</v>
      </c>
      <c r="AH1994">
        <v>78</v>
      </c>
      <c r="AI1994">
        <v>80</v>
      </c>
      <c r="AJ1994">
        <v>82</v>
      </c>
      <c r="AK1994">
        <v>84</v>
      </c>
      <c r="AL1994">
        <v>85</v>
      </c>
      <c r="AM1994">
        <v>86</v>
      </c>
      <c r="AN1994">
        <v>87</v>
      </c>
      <c r="AO1994">
        <v>88</v>
      </c>
      <c r="AP1994">
        <v>90</v>
      </c>
      <c r="AQ1994">
        <v>91</v>
      </c>
    </row>
    <row r="1995" spans="1:43">
      <c r="A1995" t="s">
        <v>1306</v>
      </c>
      <c r="B1995" t="s">
        <v>1307</v>
      </c>
      <c r="C1995" t="s">
        <v>1308</v>
      </c>
      <c r="D1995" t="s">
        <v>1309</v>
      </c>
      <c r="E1995" t="s">
        <v>1192</v>
      </c>
      <c r="F1995" t="s">
        <v>1193</v>
      </c>
      <c r="G1995" t="s">
        <v>80</v>
      </c>
      <c r="H1995" t="s">
        <v>81</v>
      </c>
      <c r="I1995" s="2">
        <v>1</v>
      </c>
      <c r="J1995" s="2">
        <v>0</v>
      </c>
      <c r="K1995" s="2">
        <v>0</v>
      </c>
      <c r="L1995" t="s">
        <v>120</v>
      </c>
      <c r="M1995" t="s">
        <v>87</v>
      </c>
      <c r="N1995" t="s">
        <v>88</v>
      </c>
      <c r="O1995" t="s">
        <v>85</v>
      </c>
      <c r="P1995" t="s">
        <v>86</v>
      </c>
      <c r="Q1995">
        <v>51</v>
      </c>
      <c r="R1995">
        <v>52</v>
      </c>
      <c r="S1995">
        <v>53</v>
      </c>
      <c r="T1995">
        <v>54</v>
      </c>
      <c r="U1995">
        <v>55</v>
      </c>
      <c r="V1995">
        <v>55</v>
      </c>
      <c r="W1995">
        <v>56</v>
      </c>
      <c r="X1995">
        <v>57</v>
      </c>
      <c r="Y1995">
        <v>58</v>
      </c>
      <c r="Z1995">
        <v>59</v>
      </c>
      <c r="AA1995">
        <v>60</v>
      </c>
      <c r="AB1995">
        <v>61</v>
      </c>
      <c r="AC1995">
        <v>62</v>
      </c>
      <c r="AD1995">
        <v>64</v>
      </c>
      <c r="AE1995">
        <v>65</v>
      </c>
      <c r="AF1995">
        <v>66</v>
      </c>
      <c r="AG1995">
        <v>67</v>
      </c>
      <c r="AH1995">
        <v>68</v>
      </c>
      <c r="AI1995">
        <v>69</v>
      </c>
      <c r="AJ1995">
        <v>70</v>
      </c>
      <c r="AK1995">
        <v>71</v>
      </c>
      <c r="AL1995">
        <v>73</v>
      </c>
      <c r="AM1995">
        <v>74</v>
      </c>
      <c r="AN1995">
        <v>75</v>
      </c>
      <c r="AO1995">
        <v>76</v>
      </c>
      <c r="AP1995">
        <v>77</v>
      </c>
      <c r="AQ1995">
        <v>79</v>
      </c>
    </row>
    <row r="1996" spans="1:43">
      <c r="A1996" t="s">
        <v>1306</v>
      </c>
      <c r="B1996" t="s">
        <v>1307</v>
      </c>
      <c r="C1996" t="s">
        <v>1308</v>
      </c>
      <c r="D1996" t="s">
        <v>1309</v>
      </c>
      <c r="E1996" t="s">
        <v>1192</v>
      </c>
      <c r="F1996" t="s">
        <v>1193</v>
      </c>
      <c r="G1996" t="s">
        <v>80</v>
      </c>
      <c r="H1996" t="s">
        <v>81</v>
      </c>
      <c r="I1996" s="2">
        <v>1</v>
      </c>
      <c r="J1996" s="2">
        <v>0</v>
      </c>
      <c r="K1996" s="2">
        <v>0</v>
      </c>
      <c r="L1996" t="s">
        <v>120</v>
      </c>
      <c r="M1996" t="s">
        <v>89</v>
      </c>
      <c r="N1996" t="s">
        <v>90</v>
      </c>
      <c r="O1996" t="s">
        <v>85</v>
      </c>
      <c r="P1996" t="s">
        <v>86</v>
      </c>
      <c r="Q1996">
        <v>51</v>
      </c>
      <c r="R1996">
        <v>53</v>
      </c>
      <c r="S1996">
        <v>55</v>
      </c>
      <c r="T1996">
        <v>56</v>
      </c>
      <c r="U1996">
        <v>58</v>
      </c>
      <c r="V1996">
        <v>60</v>
      </c>
      <c r="W1996">
        <v>62</v>
      </c>
      <c r="X1996">
        <v>64</v>
      </c>
      <c r="Y1996">
        <v>66</v>
      </c>
      <c r="Z1996">
        <v>68</v>
      </c>
      <c r="AA1996">
        <v>70</v>
      </c>
      <c r="AB1996">
        <v>72</v>
      </c>
      <c r="AC1996">
        <v>74</v>
      </c>
      <c r="AD1996">
        <v>76</v>
      </c>
      <c r="AE1996">
        <v>77</v>
      </c>
      <c r="AF1996">
        <v>78</v>
      </c>
      <c r="AG1996">
        <v>79</v>
      </c>
      <c r="AH1996">
        <v>80</v>
      </c>
      <c r="AI1996">
        <v>82</v>
      </c>
      <c r="AJ1996">
        <v>83</v>
      </c>
      <c r="AK1996">
        <v>84</v>
      </c>
      <c r="AL1996">
        <v>85</v>
      </c>
      <c r="AM1996">
        <v>86</v>
      </c>
      <c r="AN1996">
        <v>87</v>
      </c>
      <c r="AO1996">
        <v>88</v>
      </c>
      <c r="AP1996">
        <v>89</v>
      </c>
      <c r="AQ1996">
        <v>90</v>
      </c>
    </row>
    <row r="1997" spans="1:43">
      <c r="A1997" t="s">
        <v>1306</v>
      </c>
      <c r="B1997" t="s">
        <v>1307</v>
      </c>
      <c r="C1997" t="s">
        <v>1308</v>
      </c>
      <c r="D1997" t="s">
        <v>1309</v>
      </c>
      <c r="E1997" t="s">
        <v>1192</v>
      </c>
      <c r="F1997" t="s">
        <v>1193</v>
      </c>
      <c r="G1997" t="s">
        <v>80</v>
      </c>
      <c r="H1997" t="s">
        <v>81</v>
      </c>
      <c r="I1997" s="2">
        <v>1</v>
      </c>
      <c r="J1997" s="2">
        <v>0</v>
      </c>
      <c r="K1997" s="2">
        <v>0</v>
      </c>
      <c r="L1997" t="s">
        <v>120</v>
      </c>
      <c r="M1997" t="s">
        <v>83</v>
      </c>
      <c r="N1997" t="s">
        <v>91</v>
      </c>
      <c r="O1997" t="s">
        <v>85</v>
      </c>
      <c r="P1997" t="s">
        <v>86</v>
      </c>
      <c r="Q1997">
        <v>51</v>
      </c>
      <c r="R1997">
        <v>53</v>
      </c>
      <c r="S1997">
        <v>54</v>
      </c>
      <c r="T1997">
        <v>56</v>
      </c>
      <c r="U1997">
        <v>57</v>
      </c>
      <c r="V1997">
        <v>59</v>
      </c>
      <c r="W1997">
        <v>60</v>
      </c>
      <c r="X1997">
        <v>62</v>
      </c>
      <c r="Y1997">
        <v>63</v>
      </c>
      <c r="Z1997">
        <v>65</v>
      </c>
      <c r="AA1997">
        <v>66</v>
      </c>
      <c r="AB1997">
        <v>68</v>
      </c>
      <c r="AC1997">
        <v>70</v>
      </c>
      <c r="AD1997">
        <v>71</v>
      </c>
      <c r="AE1997">
        <v>73</v>
      </c>
      <c r="AF1997">
        <v>75</v>
      </c>
      <c r="AG1997">
        <v>76</v>
      </c>
      <c r="AH1997">
        <v>78</v>
      </c>
      <c r="AI1997">
        <v>80</v>
      </c>
      <c r="AJ1997">
        <v>82</v>
      </c>
      <c r="AK1997">
        <v>84</v>
      </c>
      <c r="AL1997">
        <v>85</v>
      </c>
      <c r="AM1997">
        <v>86</v>
      </c>
      <c r="AN1997">
        <v>87</v>
      </c>
      <c r="AO1997">
        <v>88</v>
      </c>
      <c r="AP1997">
        <v>90</v>
      </c>
      <c r="AQ1997">
        <v>91</v>
      </c>
    </row>
    <row r="1998" spans="1:43">
      <c r="A1998" t="s">
        <v>1310</v>
      </c>
      <c r="B1998" t="s">
        <v>1311</v>
      </c>
      <c r="C1998" t="s">
        <v>1308</v>
      </c>
      <c r="D1998" t="s">
        <v>1309</v>
      </c>
      <c r="E1998" t="s">
        <v>1192</v>
      </c>
      <c r="F1998" t="s">
        <v>1193</v>
      </c>
      <c r="G1998" t="s">
        <v>80</v>
      </c>
      <c r="H1998" t="s">
        <v>81</v>
      </c>
      <c r="I1998" s="2">
        <v>1</v>
      </c>
      <c r="J1998" s="2">
        <v>0</v>
      </c>
      <c r="K1998" s="2">
        <v>0</v>
      </c>
      <c r="L1998" t="s">
        <v>120</v>
      </c>
      <c r="M1998" t="s">
        <v>83</v>
      </c>
      <c r="N1998" t="s">
        <v>84</v>
      </c>
      <c r="O1998" t="s">
        <v>85</v>
      </c>
      <c r="P1998" t="s">
        <v>86</v>
      </c>
      <c r="Q1998">
        <v>30</v>
      </c>
      <c r="R1998">
        <v>31</v>
      </c>
      <c r="S1998">
        <v>32</v>
      </c>
      <c r="T1998">
        <v>33</v>
      </c>
      <c r="U1998">
        <v>33</v>
      </c>
      <c r="V1998">
        <v>34</v>
      </c>
      <c r="W1998">
        <v>35</v>
      </c>
      <c r="X1998">
        <v>36</v>
      </c>
      <c r="Y1998">
        <v>37</v>
      </c>
      <c r="Z1998">
        <v>38</v>
      </c>
      <c r="AA1998">
        <v>39</v>
      </c>
      <c r="AB1998">
        <v>40</v>
      </c>
      <c r="AC1998">
        <v>41</v>
      </c>
      <c r="AD1998">
        <v>42</v>
      </c>
      <c r="AE1998">
        <v>43</v>
      </c>
      <c r="AF1998">
        <v>44</v>
      </c>
      <c r="AG1998">
        <v>45</v>
      </c>
      <c r="AH1998">
        <v>46</v>
      </c>
      <c r="AI1998">
        <v>47</v>
      </c>
      <c r="AJ1998">
        <v>48</v>
      </c>
      <c r="AK1998">
        <v>49</v>
      </c>
      <c r="AL1998">
        <v>50</v>
      </c>
      <c r="AM1998">
        <v>50</v>
      </c>
      <c r="AN1998">
        <v>51</v>
      </c>
      <c r="AO1998">
        <v>52</v>
      </c>
      <c r="AP1998">
        <v>52</v>
      </c>
      <c r="AQ1998">
        <v>53</v>
      </c>
    </row>
    <row r="1999" spans="1:43">
      <c r="A1999" t="s">
        <v>1310</v>
      </c>
      <c r="B1999" t="s">
        <v>1311</v>
      </c>
      <c r="C1999" t="s">
        <v>1308</v>
      </c>
      <c r="D1999" t="s">
        <v>1309</v>
      </c>
      <c r="E1999" t="s">
        <v>1192</v>
      </c>
      <c r="F1999" t="s">
        <v>1193</v>
      </c>
      <c r="G1999" t="s">
        <v>80</v>
      </c>
      <c r="H1999" t="s">
        <v>81</v>
      </c>
      <c r="I1999" s="2">
        <v>1</v>
      </c>
      <c r="J1999" s="2">
        <v>0</v>
      </c>
      <c r="K1999" s="2">
        <v>0</v>
      </c>
      <c r="L1999" t="s">
        <v>120</v>
      </c>
      <c r="M1999" t="s">
        <v>87</v>
      </c>
      <c r="N1999" t="s">
        <v>88</v>
      </c>
      <c r="O1999" t="s">
        <v>85</v>
      </c>
      <c r="P1999" t="s">
        <v>86</v>
      </c>
      <c r="Q1999">
        <v>30</v>
      </c>
      <c r="R1999">
        <v>30</v>
      </c>
      <c r="S1999">
        <v>31</v>
      </c>
      <c r="T1999">
        <v>31</v>
      </c>
      <c r="U1999">
        <v>32</v>
      </c>
      <c r="V1999">
        <v>32</v>
      </c>
      <c r="W1999">
        <v>33</v>
      </c>
      <c r="X1999">
        <v>34</v>
      </c>
      <c r="Y1999">
        <v>34</v>
      </c>
      <c r="Z1999">
        <v>35</v>
      </c>
      <c r="AA1999">
        <v>35</v>
      </c>
      <c r="AB1999">
        <v>36</v>
      </c>
      <c r="AC1999">
        <v>37</v>
      </c>
      <c r="AD1999">
        <v>37</v>
      </c>
      <c r="AE1999">
        <v>38</v>
      </c>
      <c r="AF1999">
        <v>38</v>
      </c>
      <c r="AG1999">
        <v>39</v>
      </c>
      <c r="AH1999">
        <v>40</v>
      </c>
      <c r="AI1999">
        <v>40</v>
      </c>
      <c r="AJ1999">
        <v>41</v>
      </c>
      <c r="AK1999">
        <v>42</v>
      </c>
      <c r="AL1999">
        <v>42</v>
      </c>
      <c r="AM1999">
        <v>43</v>
      </c>
      <c r="AN1999">
        <v>44</v>
      </c>
      <c r="AO1999">
        <v>45</v>
      </c>
      <c r="AP1999">
        <v>45</v>
      </c>
      <c r="AQ1999">
        <v>46</v>
      </c>
    </row>
    <row r="2000" spans="1:43">
      <c r="A2000" t="s">
        <v>1310</v>
      </c>
      <c r="B2000" t="s">
        <v>1311</v>
      </c>
      <c r="C2000" t="s">
        <v>1308</v>
      </c>
      <c r="D2000" t="s">
        <v>1309</v>
      </c>
      <c r="E2000" t="s">
        <v>1192</v>
      </c>
      <c r="F2000" t="s">
        <v>1193</v>
      </c>
      <c r="G2000" t="s">
        <v>80</v>
      </c>
      <c r="H2000" t="s">
        <v>81</v>
      </c>
      <c r="I2000" s="2">
        <v>1</v>
      </c>
      <c r="J2000" s="2">
        <v>0</v>
      </c>
      <c r="K2000" s="2">
        <v>0</v>
      </c>
      <c r="L2000" t="s">
        <v>120</v>
      </c>
      <c r="M2000" t="s">
        <v>89</v>
      </c>
      <c r="N2000" t="s">
        <v>90</v>
      </c>
      <c r="O2000" t="s">
        <v>85</v>
      </c>
      <c r="P2000" t="s">
        <v>86</v>
      </c>
      <c r="Q2000">
        <v>30</v>
      </c>
      <c r="R2000">
        <v>31</v>
      </c>
      <c r="S2000">
        <v>32</v>
      </c>
      <c r="T2000">
        <v>34</v>
      </c>
      <c r="U2000">
        <v>35</v>
      </c>
      <c r="V2000">
        <v>36</v>
      </c>
      <c r="W2000">
        <v>37</v>
      </c>
      <c r="X2000">
        <v>38</v>
      </c>
      <c r="Y2000">
        <v>39</v>
      </c>
      <c r="Z2000">
        <v>40</v>
      </c>
      <c r="AA2000">
        <v>41</v>
      </c>
      <c r="AB2000">
        <v>42</v>
      </c>
      <c r="AC2000">
        <v>44</v>
      </c>
      <c r="AD2000">
        <v>45</v>
      </c>
      <c r="AE2000">
        <v>46</v>
      </c>
      <c r="AF2000">
        <v>46</v>
      </c>
      <c r="AG2000">
        <v>47</v>
      </c>
      <c r="AH2000">
        <v>48</v>
      </c>
      <c r="AI2000">
        <v>48</v>
      </c>
      <c r="AJ2000">
        <v>49</v>
      </c>
      <c r="AK2000">
        <v>50</v>
      </c>
      <c r="AL2000">
        <v>50</v>
      </c>
      <c r="AM2000">
        <v>51</v>
      </c>
      <c r="AN2000">
        <v>51</v>
      </c>
      <c r="AO2000">
        <v>52</v>
      </c>
      <c r="AP2000">
        <v>53</v>
      </c>
      <c r="AQ2000">
        <v>53</v>
      </c>
    </row>
    <row r="2001" spans="1:43">
      <c r="A2001" t="s">
        <v>1310</v>
      </c>
      <c r="B2001" t="s">
        <v>1311</v>
      </c>
      <c r="C2001" t="s">
        <v>1308</v>
      </c>
      <c r="D2001" t="s">
        <v>1309</v>
      </c>
      <c r="E2001" t="s">
        <v>1192</v>
      </c>
      <c r="F2001" t="s">
        <v>1193</v>
      </c>
      <c r="G2001" t="s">
        <v>80</v>
      </c>
      <c r="H2001" t="s">
        <v>81</v>
      </c>
      <c r="I2001" s="2">
        <v>1</v>
      </c>
      <c r="J2001" s="2">
        <v>0</v>
      </c>
      <c r="K2001" s="2">
        <v>0</v>
      </c>
      <c r="L2001" t="s">
        <v>120</v>
      </c>
      <c r="M2001" t="s">
        <v>83</v>
      </c>
      <c r="N2001" t="s">
        <v>91</v>
      </c>
      <c r="O2001" t="s">
        <v>85</v>
      </c>
      <c r="P2001" t="s">
        <v>86</v>
      </c>
      <c r="Q2001">
        <v>30</v>
      </c>
      <c r="R2001">
        <v>31</v>
      </c>
      <c r="S2001">
        <v>32</v>
      </c>
      <c r="T2001">
        <v>33</v>
      </c>
      <c r="U2001">
        <v>33</v>
      </c>
      <c r="V2001">
        <v>34</v>
      </c>
      <c r="W2001">
        <v>35</v>
      </c>
      <c r="X2001">
        <v>36</v>
      </c>
      <c r="Y2001">
        <v>37</v>
      </c>
      <c r="Z2001">
        <v>38</v>
      </c>
      <c r="AA2001">
        <v>39</v>
      </c>
      <c r="AB2001">
        <v>40</v>
      </c>
      <c r="AC2001">
        <v>41</v>
      </c>
      <c r="AD2001">
        <v>42</v>
      </c>
      <c r="AE2001">
        <v>43</v>
      </c>
      <c r="AF2001">
        <v>44</v>
      </c>
      <c r="AG2001">
        <v>45</v>
      </c>
      <c r="AH2001">
        <v>46</v>
      </c>
      <c r="AI2001">
        <v>47</v>
      </c>
      <c r="AJ2001">
        <v>48</v>
      </c>
      <c r="AK2001">
        <v>49</v>
      </c>
      <c r="AL2001">
        <v>50</v>
      </c>
      <c r="AM2001">
        <v>50</v>
      </c>
      <c r="AN2001">
        <v>51</v>
      </c>
      <c r="AO2001">
        <v>52</v>
      </c>
      <c r="AP2001">
        <v>52</v>
      </c>
      <c r="AQ2001">
        <v>53</v>
      </c>
    </row>
    <row r="2002" spans="1:43">
      <c r="A2002" t="s">
        <v>1312</v>
      </c>
      <c r="B2002" t="s">
        <v>1313</v>
      </c>
      <c r="C2002" t="s">
        <v>1294</v>
      </c>
      <c r="D2002" t="s">
        <v>1295</v>
      </c>
      <c r="E2002" t="s">
        <v>1192</v>
      </c>
      <c r="F2002" t="s">
        <v>1193</v>
      </c>
      <c r="G2002" t="s">
        <v>80</v>
      </c>
      <c r="H2002" t="s">
        <v>81</v>
      </c>
      <c r="I2002" s="2">
        <v>1</v>
      </c>
      <c r="J2002" s="2">
        <v>0</v>
      </c>
      <c r="K2002" s="2">
        <v>0</v>
      </c>
      <c r="L2002" t="s">
        <v>120</v>
      </c>
      <c r="M2002" t="s">
        <v>83</v>
      </c>
      <c r="N2002" t="s">
        <v>84</v>
      </c>
      <c r="O2002" t="s">
        <v>85</v>
      </c>
      <c r="P2002" t="s">
        <v>86</v>
      </c>
      <c r="Q2002">
        <v>25</v>
      </c>
      <c r="R2002">
        <v>25</v>
      </c>
      <c r="S2002">
        <v>26</v>
      </c>
      <c r="T2002">
        <v>27</v>
      </c>
      <c r="U2002">
        <v>27</v>
      </c>
      <c r="V2002">
        <v>28</v>
      </c>
      <c r="W2002">
        <v>29</v>
      </c>
      <c r="X2002">
        <v>30</v>
      </c>
      <c r="Y2002">
        <v>30</v>
      </c>
      <c r="Z2002">
        <v>31</v>
      </c>
      <c r="AA2002">
        <v>32</v>
      </c>
      <c r="AB2002">
        <v>33</v>
      </c>
      <c r="AC2002">
        <v>33</v>
      </c>
      <c r="AD2002">
        <v>34</v>
      </c>
      <c r="AE2002">
        <v>35</v>
      </c>
      <c r="AF2002">
        <v>36</v>
      </c>
      <c r="AG2002">
        <v>37</v>
      </c>
      <c r="AH2002">
        <v>37</v>
      </c>
      <c r="AI2002">
        <v>38</v>
      </c>
      <c r="AJ2002">
        <v>39</v>
      </c>
      <c r="AK2002">
        <v>40</v>
      </c>
      <c r="AL2002">
        <v>41</v>
      </c>
      <c r="AM2002">
        <v>41</v>
      </c>
      <c r="AN2002">
        <v>42</v>
      </c>
      <c r="AO2002">
        <v>42</v>
      </c>
      <c r="AP2002">
        <v>43</v>
      </c>
      <c r="AQ2002">
        <v>43</v>
      </c>
    </row>
    <row r="2003" spans="1:43">
      <c r="A2003" t="s">
        <v>1312</v>
      </c>
      <c r="B2003" t="s">
        <v>1313</v>
      </c>
      <c r="C2003" t="s">
        <v>1294</v>
      </c>
      <c r="D2003" t="s">
        <v>1295</v>
      </c>
      <c r="E2003" t="s">
        <v>1192</v>
      </c>
      <c r="F2003" t="s">
        <v>1193</v>
      </c>
      <c r="G2003" t="s">
        <v>80</v>
      </c>
      <c r="H2003" t="s">
        <v>81</v>
      </c>
      <c r="I2003" s="2">
        <v>1</v>
      </c>
      <c r="J2003" s="2">
        <v>0</v>
      </c>
      <c r="K2003" s="2">
        <v>0</v>
      </c>
      <c r="L2003" t="s">
        <v>120</v>
      </c>
      <c r="M2003" t="s">
        <v>87</v>
      </c>
      <c r="N2003" t="s">
        <v>88</v>
      </c>
      <c r="O2003" t="s">
        <v>85</v>
      </c>
      <c r="P2003" t="s">
        <v>86</v>
      </c>
      <c r="Q2003">
        <v>25</v>
      </c>
      <c r="R2003">
        <v>26</v>
      </c>
      <c r="S2003">
        <v>26</v>
      </c>
      <c r="T2003">
        <v>27</v>
      </c>
      <c r="U2003">
        <v>27</v>
      </c>
      <c r="V2003">
        <v>28</v>
      </c>
      <c r="W2003">
        <v>28</v>
      </c>
      <c r="X2003">
        <v>29</v>
      </c>
      <c r="Y2003">
        <v>29</v>
      </c>
      <c r="Z2003">
        <v>29</v>
      </c>
      <c r="AA2003">
        <v>30</v>
      </c>
      <c r="AB2003">
        <v>30</v>
      </c>
      <c r="AC2003">
        <v>31</v>
      </c>
      <c r="AD2003">
        <v>31</v>
      </c>
      <c r="AE2003">
        <v>32</v>
      </c>
      <c r="AF2003">
        <v>33</v>
      </c>
      <c r="AG2003">
        <v>33</v>
      </c>
      <c r="AH2003">
        <v>34</v>
      </c>
      <c r="AI2003">
        <v>34</v>
      </c>
      <c r="AJ2003">
        <v>35</v>
      </c>
      <c r="AK2003">
        <v>35</v>
      </c>
      <c r="AL2003">
        <v>36</v>
      </c>
      <c r="AM2003">
        <v>36</v>
      </c>
      <c r="AN2003">
        <v>37</v>
      </c>
      <c r="AO2003">
        <v>37</v>
      </c>
      <c r="AP2003">
        <v>38</v>
      </c>
      <c r="AQ2003">
        <v>39</v>
      </c>
    </row>
    <row r="2004" spans="1:43">
      <c r="A2004" t="s">
        <v>1312</v>
      </c>
      <c r="B2004" t="s">
        <v>1313</v>
      </c>
      <c r="C2004" t="s">
        <v>1294</v>
      </c>
      <c r="D2004" t="s">
        <v>1295</v>
      </c>
      <c r="E2004" t="s">
        <v>1192</v>
      </c>
      <c r="F2004" t="s">
        <v>1193</v>
      </c>
      <c r="G2004" t="s">
        <v>80</v>
      </c>
      <c r="H2004" t="s">
        <v>81</v>
      </c>
      <c r="I2004" s="2">
        <v>1</v>
      </c>
      <c r="J2004" s="2">
        <v>0</v>
      </c>
      <c r="K2004" s="2">
        <v>0</v>
      </c>
      <c r="L2004" t="s">
        <v>120</v>
      </c>
      <c r="M2004" t="s">
        <v>89</v>
      </c>
      <c r="N2004" t="s">
        <v>90</v>
      </c>
      <c r="O2004" t="s">
        <v>85</v>
      </c>
      <c r="P2004" t="s">
        <v>86</v>
      </c>
      <c r="Q2004">
        <v>25</v>
      </c>
      <c r="R2004">
        <v>26</v>
      </c>
      <c r="S2004">
        <v>27</v>
      </c>
      <c r="T2004">
        <v>28</v>
      </c>
      <c r="U2004">
        <v>28</v>
      </c>
      <c r="V2004">
        <v>29</v>
      </c>
      <c r="W2004">
        <v>30</v>
      </c>
      <c r="X2004">
        <v>31</v>
      </c>
      <c r="Y2004">
        <v>32</v>
      </c>
      <c r="Z2004">
        <v>33</v>
      </c>
      <c r="AA2004">
        <v>34</v>
      </c>
      <c r="AB2004">
        <v>35</v>
      </c>
      <c r="AC2004">
        <v>36</v>
      </c>
      <c r="AD2004">
        <v>37</v>
      </c>
      <c r="AE2004">
        <v>38</v>
      </c>
      <c r="AF2004">
        <v>38</v>
      </c>
      <c r="AG2004">
        <v>39</v>
      </c>
      <c r="AH2004">
        <v>39</v>
      </c>
      <c r="AI2004">
        <v>40</v>
      </c>
      <c r="AJ2004">
        <v>40</v>
      </c>
      <c r="AK2004">
        <v>41</v>
      </c>
      <c r="AL2004">
        <v>41</v>
      </c>
      <c r="AM2004">
        <v>42</v>
      </c>
      <c r="AN2004">
        <v>42</v>
      </c>
      <c r="AO2004">
        <v>43</v>
      </c>
      <c r="AP2004">
        <v>43</v>
      </c>
      <c r="AQ2004">
        <v>44</v>
      </c>
    </row>
    <row r="2005" spans="1:43">
      <c r="A2005" t="s">
        <v>1312</v>
      </c>
      <c r="B2005" t="s">
        <v>1313</v>
      </c>
      <c r="C2005" t="s">
        <v>1294</v>
      </c>
      <c r="D2005" t="s">
        <v>1295</v>
      </c>
      <c r="E2005" t="s">
        <v>1192</v>
      </c>
      <c r="F2005" t="s">
        <v>1193</v>
      </c>
      <c r="G2005" t="s">
        <v>80</v>
      </c>
      <c r="H2005" t="s">
        <v>81</v>
      </c>
      <c r="I2005" s="2">
        <v>1</v>
      </c>
      <c r="J2005" s="2">
        <v>0</v>
      </c>
      <c r="K2005" s="2">
        <v>0</v>
      </c>
      <c r="L2005" t="s">
        <v>120</v>
      </c>
      <c r="M2005" t="s">
        <v>83</v>
      </c>
      <c r="N2005" t="s">
        <v>91</v>
      </c>
      <c r="O2005" t="s">
        <v>85</v>
      </c>
      <c r="P2005" t="s">
        <v>86</v>
      </c>
      <c r="Q2005">
        <v>25</v>
      </c>
      <c r="R2005">
        <v>25</v>
      </c>
      <c r="S2005">
        <v>26</v>
      </c>
      <c r="T2005">
        <v>27</v>
      </c>
      <c r="U2005">
        <v>27</v>
      </c>
      <c r="V2005">
        <v>28</v>
      </c>
      <c r="W2005">
        <v>29</v>
      </c>
      <c r="X2005">
        <v>30</v>
      </c>
      <c r="Y2005">
        <v>30</v>
      </c>
      <c r="Z2005">
        <v>31</v>
      </c>
      <c r="AA2005">
        <v>32</v>
      </c>
      <c r="AB2005">
        <v>33</v>
      </c>
      <c r="AC2005">
        <v>33</v>
      </c>
      <c r="AD2005">
        <v>34</v>
      </c>
      <c r="AE2005">
        <v>35</v>
      </c>
      <c r="AF2005">
        <v>36</v>
      </c>
      <c r="AG2005">
        <v>37</v>
      </c>
      <c r="AH2005">
        <v>37</v>
      </c>
      <c r="AI2005">
        <v>38</v>
      </c>
      <c r="AJ2005">
        <v>39</v>
      </c>
      <c r="AK2005">
        <v>40</v>
      </c>
      <c r="AL2005">
        <v>41</v>
      </c>
      <c r="AM2005">
        <v>41</v>
      </c>
      <c r="AN2005">
        <v>42</v>
      </c>
      <c r="AO2005">
        <v>42</v>
      </c>
      <c r="AP2005">
        <v>43</v>
      </c>
      <c r="AQ2005">
        <v>43</v>
      </c>
    </row>
    <row r="2006" spans="1:43">
      <c r="A2006" t="s">
        <v>1314</v>
      </c>
      <c r="B2006" t="s">
        <v>1315</v>
      </c>
      <c r="C2006" t="s">
        <v>1282</v>
      </c>
      <c r="D2006" t="s">
        <v>1283</v>
      </c>
      <c r="E2006" t="s">
        <v>1192</v>
      </c>
      <c r="F2006" t="s">
        <v>1193</v>
      </c>
      <c r="G2006" t="s">
        <v>80</v>
      </c>
      <c r="H2006" t="s">
        <v>81</v>
      </c>
      <c r="I2006" s="2">
        <v>0</v>
      </c>
      <c r="J2006" s="2">
        <v>1</v>
      </c>
      <c r="K2006" s="2">
        <v>0</v>
      </c>
      <c r="L2006" t="s">
        <v>82</v>
      </c>
      <c r="M2006" t="s">
        <v>83</v>
      </c>
      <c r="N2006" t="s">
        <v>84</v>
      </c>
      <c r="O2006" t="s">
        <v>85</v>
      </c>
      <c r="P2006" t="s">
        <v>86</v>
      </c>
      <c r="Q2006">
        <v>56</v>
      </c>
      <c r="R2006">
        <v>57</v>
      </c>
      <c r="S2006">
        <v>59</v>
      </c>
      <c r="T2006">
        <v>60</v>
      </c>
      <c r="U2006">
        <v>62</v>
      </c>
      <c r="V2006">
        <v>64</v>
      </c>
      <c r="W2006">
        <v>65</v>
      </c>
      <c r="X2006">
        <v>67</v>
      </c>
      <c r="Y2006">
        <v>69</v>
      </c>
      <c r="Z2006">
        <v>70</v>
      </c>
      <c r="AA2006">
        <v>72</v>
      </c>
      <c r="AB2006">
        <v>74</v>
      </c>
      <c r="AC2006">
        <v>76</v>
      </c>
      <c r="AD2006">
        <v>77</v>
      </c>
      <c r="AE2006">
        <v>79</v>
      </c>
      <c r="AF2006">
        <v>81</v>
      </c>
      <c r="AG2006">
        <v>83</v>
      </c>
      <c r="AH2006">
        <v>85</v>
      </c>
      <c r="AI2006">
        <v>87</v>
      </c>
      <c r="AJ2006">
        <v>89</v>
      </c>
      <c r="AK2006">
        <v>91</v>
      </c>
      <c r="AL2006">
        <v>92</v>
      </c>
      <c r="AM2006">
        <v>93</v>
      </c>
      <c r="AN2006">
        <v>94</v>
      </c>
      <c r="AO2006">
        <v>96</v>
      </c>
      <c r="AP2006">
        <v>97</v>
      </c>
      <c r="AQ2006">
        <v>98</v>
      </c>
    </row>
    <row r="2007" spans="1:43">
      <c r="A2007" t="s">
        <v>1314</v>
      </c>
      <c r="B2007" t="s">
        <v>1315</v>
      </c>
      <c r="C2007" t="s">
        <v>1282</v>
      </c>
      <c r="D2007" t="s">
        <v>1283</v>
      </c>
      <c r="E2007" t="s">
        <v>1192</v>
      </c>
      <c r="F2007" t="s">
        <v>1193</v>
      </c>
      <c r="G2007" t="s">
        <v>80</v>
      </c>
      <c r="H2007" t="s">
        <v>81</v>
      </c>
      <c r="I2007" s="2">
        <v>0</v>
      </c>
      <c r="J2007" s="2">
        <v>1</v>
      </c>
      <c r="K2007" s="2">
        <v>0</v>
      </c>
      <c r="L2007" t="s">
        <v>82</v>
      </c>
      <c r="M2007" t="s">
        <v>87</v>
      </c>
      <c r="N2007" t="s">
        <v>88</v>
      </c>
      <c r="O2007" t="s">
        <v>85</v>
      </c>
      <c r="P2007" t="s">
        <v>86</v>
      </c>
      <c r="Q2007">
        <v>56</v>
      </c>
      <c r="R2007">
        <v>57</v>
      </c>
      <c r="S2007">
        <v>58</v>
      </c>
      <c r="T2007">
        <v>59</v>
      </c>
      <c r="U2007">
        <v>60</v>
      </c>
      <c r="V2007">
        <v>61</v>
      </c>
      <c r="W2007">
        <v>62</v>
      </c>
      <c r="X2007">
        <v>63</v>
      </c>
      <c r="Y2007">
        <v>64</v>
      </c>
      <c r="Z2007">
        <v>66</v>
      </c>
      <c r="AA2007">
        <v>67</v>
      </c>
      <c r="AB2007">
        <v>68</v>
      </c>
      <c r="AC2007">
        <v>69</v>
      </c>
      <c r="AD2007">
        <v>70</v>
      </c>
      <c r="AE2007">
        <v>71</v>
      </c>
      <c r="AF2007">
        <v>72</v>
      </c>
      <c r="AG2007">
        <v>73</v>
      </c>
      <c r="AH2007">
        <v>75</v>
      </c>
      <c r="AI2007">
        <v>76</v>
      </c>
      <c r="AJ2007">
        <v>77</v>
      </c>
      <c r="AK2007">
        <v>78</v>
      </c>
      <c r="AL2007">
        <v>80</v>
      </c>
      <c r="AM2007">
        <v>81</v>
      </c>
      <c r="AN2007">
        <v>82</v>
      </c>
      <c r="AO2007">
        <v>83</v>
      </c>
      <c r="AP2007">
        <v>85</v>
      </c>
      <c r="AQ2007">
        <v>86</v>
      </c>
    </row>
    <row r="2008" spans="1:43">
      <c r="A2008" t="s">
        <v>1314</v>
      </c>
      <c r="B2008" t="s">
        <v>1315</v>
      </c>
      <c r="C2008" t="s">
        <v>1282</v>
      </c>
      <c r="D2008" t="s">
        <v>1283</v>
      </c>
      <c r="E2008" t="s">
        <v>1192</v>
      </c>
      <c r="F2008" t="s">
        <v>1193</v>
      </c>
      <c r="G2008" t="s">
        <v>80</v>
      </c>
      <c r="H2008" t="s">
        <v>81</v>
      </c>
      <c r="I2008" s="2">
        <v>0</v>
      </c>
      <c r="J2008" s="2">
        <v>1</v>
      </c>
      <c r="K2008" s="2">
        <v>0</v>
      </c>
      <c r="L2008" t="s">
        <v>82</v>
      </c>
      <c r="M2008" t="s">
        <v>89</v>
      </c>
      <c r="N2008" t="s">
        <v>90</v>
      </c>
      <c r="O2008" t="s">
        <v>85</v>
      </c>
      <c r="P2008" t="s">
        <v>86</v>
      </c>
      <c r="Q2008">
        <v>56</v>
      </c>
      <c r="R2008">
        <v>58</v>
      </c>
      <c r="S2008">
        <v>60</v>
      </c>
      <c r="T2008">
        <v>62</v>
      </c>
      <c r="U2008">
        <v>64</v>
      </c>
      <c r="V2008">
        <v>67</v>
      </c>
      <c r="W2008">
        <v>69</v>
      </c>
      <c r="X2008">
        <v>71</v>
      </c>
      <c r="Y2008">
        <v>73</v>
      </c>
      <c r="Z2008">
        <v>75</v>
      </c>
      <c r="AA2008">
        <v>77</v>
      </c>
      <c r="AB2008">
        <v>79</v>
      </c>
      <c r="AC2008">
        <v>81</v>
      </c>
      <c r="AD2008">
        <v>83</v>
      </c>
      <c r="AE2008">
        <v>85</v>
      </c>
      <c r="AF2008">
        <v>86</v>
      </c>
      <c r="AG2008">
        <v>87</v>
      </c>
      <c r="AH2008">
        <v>88</v>
      </c>
      <c r="AI2008">
        <v>89</v>
      </c>
      <c r="AJ2008">
        <v>91</v>
      </c>
      <c r="AK2008">
        <v>92</v>
      </c>
      <c r="AL2008">
        <v>93</v>
      </c>
      <c r="AM2008">
        <v>94</v>
      </c>
      <c r="AN2008">
        <v>95</v>
      </c>
      <c r="AO2008">
        <v>97</v>
      </c>
      <c r="AP2008">
        <v>98</v>
      </c>
      <c r="AQ2008">
        <v>99</v>
      </c>
    </row>
    <row r="2009" spans="1:43">
      <c r="A2009" t="s">
        <v>1314</v>
      </c>
      <c r="B2009" t="s">
        <v>1315</v>
      </c>
      <c r="C2009" t="s">
        <v>1282</v>
      </c>
      <c r="D2009" t="s">
        <v>1283</v>
      </c>
      <c r="E2009" t="s">
        <v>1192</v>
      </c>
      <c r="F2009" t="s">
        <v>1193</v>
      </c>
      <c r="G2009" t="s">
        <v>80</v>
      </c>
      <c r="H2009" t="s">
        <v>81</v>
      </c>
      <c r="I2009" s="2">
        <v>0</v>
      </c>
      <c r="J2009" s="2">
        <v>1</v>
      </c>
      <c r="K2009" s="2">
        <v>0</v>
      </c>
      <c r="L2009" t="s">
        <v>82</v>
      </c>
      <c r="M2009" t="s">
        <v>83</v>
      </c>
      <c r="N2009" t="s">
        <v>91</v>
      </c>
      <c r="O2009" t="s">
        <v>85</v>
      </c>
      <c r="P2009" t="s">
        <v>86</v>
      </c>
      <c r="Q2009">
        <v>56</v>
      </c>
      <c r="R2009">
        <v>57</v>
      </c>
      <c r="S2009">
        <v>59</v>
      </c>
      <c r="T2009">
        <v>60</v>
      </c>
      <c r="U2009">
        <v>62</v>
      </c>
      <c r="V2009">
        <v>64</v>
      </c>
      <c r="W2009">
        <v>65</v>
      </c>
      <c r="X2009">
        <v>67</v>
      </c>
      <c r="Y2009">
        <v>69</v>
      </c>
      <c r="Z2009">
        <v>70</v>
      </c>
      <c r="AA2009">
        <v>72</v>
      </c>
      <c r="AB2009">
        <v>74</v>
      </c>
      <c r="AC2009">
        <v>76</v>
      </c>
      <c r="AD2009">
        <v>77</v>
      </c>
      <c r="AE2009">
        <v>79</v>
      </c>
      <c r="AF2009">
        <v>81</v>
      </c>
      <c r="AG2009">
        <v>83</v>
      </c>
      <c r="AH2009">
        <v>85</v>
      </c>
      <c r="AI2009">
        <v>87</v>
      </c>
      <c r="AJ2009">
        <v>89</v>
      </c>
      <c r="AK2009">
        <v>91</v>
      </c>
      <c r="AL2009">
        <v>92</v>
      </c>
      <c r="AM2009">
        <v>93</v>
      </c>
      <c r="AN2009">
        <v>94</v>
      </c>
      <c r="AO2009">
        <v>96</v>
      </c>
      <c r="AP2009">
        <v>97</v>
      </c>
      <c r="AQ2009">
        <v>98</v>
      </c>
    </row>
    <row r="2010" spans="1:43">
      <c r="A2010" t="s">
        <v>1316</v>
      </c>
      <c r="B2010" t="s">
        <v>1317</v>
      </c>
      <c r="C2010" t="s">
        <v>1282</v>
      </c>
      <c r="D2010" t="s">
        <v>1283</v>
      </c>
      <c r="E2010" t="s">
        <v>1192</v>
      </c>
      <c r="F2010" t="s">
        <v>1193</v>
      </c>
      <c r="G2010" t="s">
        <v>80</v>
      </c>
      <c r="H2010" t="s">
        <v>81</v>
      </c>
      <c r="I2010" s="2">
        <v>0</v>
      </c>
      <c r="J2010" s="2">
        <v>1</v>
      </c>
      <c r="K2010" s="2">
        <v>0</v>
      </c>
      <c r="L2010" t="s">
        <v>82</v>
      </c>
      <c r="M2010" t="s">
        <v>83</v>
      </c>
      <c r="N2010" t="s">
        <v>84</v>
      </c>
      <c r="O2010" t="s">
        <v>85</v>
      </c>
      <c r="P2010" t="s">
        <v>86</v>
      </c>
      <c r="Q2010">
        <v>26</v>
      </c>
      <c r="R2010">
        <v>27</v>
      </c>
      <c r="S2010">
        <v>27</v>
      </c>
      <c r="T2010">
        <v>28</v>
      </c>
      <c r="U2010">
        <v>29</v>
      </c>
      <c r="V2010">
        <v>30</v>
      </c>
      <c r="W2010">
        <v>30</v>
      </c>
      <c r="X2010">
        <v>31</v>
      </c>
      <c r="Y2010">
        <v>32</v>
      </c>
      <c r="Z2010">
        <v>33</v>
      </c>
      <c r="AA2010">
        <v>34</v>
      </c>
      <c r="AB2010">
        <v>35</v>
      </c>
      <c r="AC2010">
        <v>35</v>
      </c>
      <c r="AD2010">
        <v>36</v>
      </c>
      <c r="AE2010">
        <v>37</v>
      </c>
      <c r="AF2010">
        <v>38</v>
      </c>
      <c r="AG2010">
        <v>39</v>
      </c>
      <c r="AH2010">
        <v>40</v>
      </c>
      <c r="AI2010">
        <v>41</v>
      </c>
      <c r="AJ2010">
        <v>42</v>
      </c>
      <c r="AK2010">
        <v>43</v>
      </c>
      <c r="AL2010">
        <v>43</v>
      </c>
      <c r="AM2010">
        <v>44</v>
      </c>
      <c r="AN2010">
        <v>45</v>
      </c>
      <c r="AO2010">
        <v>45</v>
      </c>
      <c r="AP2010">
        <v>46</v>
      </c>
      <c r="AQ2010">
        <v>46</v>
      </c>
    </row>
    <row r="2011" spans="1:43">
      <c r="A2011" t="s">
        <v>1316</v>
      </c>
      <c r="B2011" t="s">
        <v>1317</v>
      </c>
      <c r="C2011" t="s">
        <v>1282</v>
      </c>
      <c r="D2011" t="s">
        <v>1283</v>
      </c>
      <c r="E2011" t="s">
        <v>1192</v>
      </c>
      <c r="F2011" t="s">
        <v>1193</v>
      </c>
      <c r="G2011" t="s">
        <v>80</v>
      </c>
      <c r="H2011" t="s">
        <v>81</v>
      </c>
      <c r="I2011" s="2">
        <v>0</v>
      </c>
      <c r="J2011" s="2">
        <v>1</v>
      </c>
      <c r="K2011" s="2">
        <v>0</v>
      </c>
      <c r="L2011" t="s">
        <v>82</v>
      </c>
      <c r="M2011" t="s">
        <v>87</v>
      </c>
      <c r="N2011" t="s">
        <v>88</v>
      </c>
      <c r="O2011" t="s">
        <v>85</v>
      </c>
      <c r="P2011" t="s">
        <v>86</v>
      </c>
      <c r="Q2011">
        <v>26</v>
      </c>
      <c r="R2011">
        <v>26</v>
      </c>
      <c r="S2011">
        <v>27</v>
      </c>
      <c r="T2011">
        <v>27</v>
      </c>
      <c r="U2011">
        <v>28</v>
      </c>
      <c r="V2011">
        <v>28</v>
      </c>
      <c r="W2011">
        <v>29</v>
      </c>
      <c r="X2011">
        <v>29</v>
      </c>
      <c r="Y2011">
        <v>30</v>
      </c>
      <c r="Z2011">
        <v>30</v>
      </c>
      <c r="AA2011">
        <v>31</v>
      </c>
      <c r="AB2011">
        <v>31</v>
      </c>
      <c r="AC2011">
        <v>32</v>
      </c>
      <c r="AD2011">
        <v>32</v>
      </c>
      <c r="AE2011">
        <v>33</v>
      </c>
      <c r="AF2011">
        <v>33</v>
      </c>
      <c r="AG2011">
        <v>34</v>
      </c>
      <c r="AH2011">
        <v>35</v>
      </c>
      <c r="AI2011">
        <v>35</v>
      </c>
      <c r="AJ2011">
        <v>36</v>
      </c>
      <c r="AK2011">
        <v>36</v>
      </c>
      <c r="AL2011">
        <v>37</v>
      </c>
      <c r="AM2011">
        <v>37</v>
      </c>
      <c r="AN2011">
        <v>38</v>
      </c>
      <c r="AO2011">
        <v>39</v>
      </c>
      <c r="AP2011">
        <v>39</v>
      </c>
      <c r="AQ2011">
        <v>40</v>
      </c>
    </row>
    <row r="2012" spans="1:43">
      <c r="A2012" t="s">
        <v>1316</v>
      </c>
      <c r="B2012" t="s">
        <v>1317</v>
      </c>
      <c r="C2012" t="s">
        <v>1282</v>
      </c>
      <c r="D2012" t="s">
        <v>1283</v>
      </c>
      <c r="E2012" t="s">
        <v>1192</v>
      </c>
      <c r="F2012" t="s">
        <v>1193</v>
      </c>
      <c r="G2012" t="s">
        <v>80</v>
      </c>
      <c r="H2012" t="s">
        <v>81</v>
      </c>
      <c r="I2012" s="2">
        <v>0</v>
      </c>
      <c r="J2012" s="2">
        <v>1</v>
      </c>
      <c r="K2012" s="2">
        <v>0</v>
      </c>
      <c r="L2012" t="s">
        <v>82</v>
      </c>
      <c r="M2012" t="s">
        <v>89</v>
      </c>
      <c r="N2012" t="s">
        <v>90</v>
      </c>
      <c r="O2012" t="s">
        <v>85</v>
      </c>
      <c r="P2012" t="s">
        <v>86</v>
      </c>
      <c r="Q2012">
        <v>26</v>
      </c>
      <c r="R2012">
        <v>27</v>
      </c>
      <c r="S2012">
        <v>28</v>
      </c>
      <c r="T2012">
        <v>29</v>
      </c>
      <c r="U2012">
        <v>30</v>
      </c>
      <c r="V2012">
        <v>31</v>
      </c>
      <c r="W2012">
        <v>32</v>
      </c>
      <c r="X2012">
        <v>33</v>
      </c>
      <c r="Y2012">
        <v>34</v>
      </c>
      <c r="Z2012">
        <v>35</v>
      </c>
      <c r="AA2012">
        <v>36</v>
      </c>
      <c r="AB2012">
        <v>37</v>
      </c>
      <c r="AC2012">
        <v>38</v>
      </c>
      <c r="AD2012">
        <v>39</v>
      </c>
      <c r="AE2012">
        <v>40</v>
      </c>
      <c r="AF2012">
        <v>40</v>
      </c>
      <c r="AG2012">
        <v>41</v>
      </c>
      <c r="AH2012">
        <v>42</v>
      </c>
      <c r="AI2012">
        <v>42</v>
      </c>
      <c r="AJ2012">
        <v>43</v>
      </c>
      <c r="AK2012">
        <v>43</v>
      </c>
      <c r="AL2012">
        <v>44</v>
      </c>
      <c r="AM2012">
        <v>44</v>
      </c>
      <c r="AN2012">
        <v>45</v>
      </c>
      <c r="AO2012">
        <v>46</v>
      </c>
      <c r="AP2012">
        <v>46</v>
      </c>
      <c r="AQ2012">
        <v>47</v>
      </c>
    </row>
    <row r="2013" spans="1:43">
      <c r="A2013" t="s">
        <v>1316</v>
      </c>
      <c r="B2013" t="s">
        <v>1317</v>
      </c>
      <c r="C2013" t="s">
        <v>1282</v>
      </c>
      <c r="D2013" t="s">
        <v>1283</v>
      </c>
      <c r="E2013" t="s">
        <v>1192</v>
      </c>
      <c r="F2013" t="s">
        <v>1193</v>
      </c>
      <c r="G2013" t="s">
        <v>80</v>
      </c>
      <c r="H2013" t="s">
        <v>81</v>
      </c>
      <c r="I2013" s="2">
        <v>0</v>
      </c>
      <c r="J2013" s="2">
        <v>1</v>
      </c>
      <c r="K2013" s="2">
        <v>0</v>
      </c>
      <c r="L2013" t="s">
        <v>82</v>
      </c>
      <c r="M2013" t="s">
        <v>83</v>
      </c>
      <c r="N2013" t="s">
        <v>91</v>
      </c>
      <c r="O2013" t="s">
        <v>85</v>
      </c>
      <c r="P2013" t="s">
        <v>86</v>
      </c>
      <c r="Q2013">
        <v>26</v>
      </c>
      <c r="R2013">
        <v>27</v>
      </c>
      <c r="S2013">
        <v>27</v>
      </c>
      <c r="T2013">
        <v>28</v>
      </c>
      <c r="U2013">
        <v>29</v>
      </c>
      <c r="V2013">
        <v>30</v>
      </c>
      <c r="W2013">
        <v>30</v>
      </c>
      <c r="X2013">
        <v>31</v>
      </c>
      <c r="Y2013">
        <v>32</v>
      </c>
      <c r="Z2013">
        <v>33</v>
      </c>
      <c r="AA2013">
        <v>34</v>
      </c>
      <c r="AB2013">
        <v>35</v>
      </c>
      <c r="AC2013">
        <v>35</v>
      </c>
      <c r="AD2013">
        <v>36</v>
      </c>
      <c r="AE2013">
        <v>37</v>
      </c>
      <c r="AF2013">
        <v>38</v>
      </c>
      <c r="AG2013">
        <v>39</v>
      </c>
      <c r="AH2013">
        <v>40</v>
      </c>
      <c r="AI2013">
        <v>41</v>
      </c>
      <c r="AJ2013">
        <v>42</v>
      </c>
      <c r="AK2013">
        <v>43</v>
      </c>
      <c r="AL2013">
        <v>43</v>
      </c>
      <c r="AM2013">
        <v>44</v>
      </c>
      <c r="AN2013">
        <v>45</v>
      </c>
      <c r="AO2013">
        <v>45</v>
      </c>
      <c r="AP2013">
        <v>46</v>
      </c>
      <c r="AQ2013">
        <v>46</v>
      </c>
    </row>
    <row r="2014" spans="1:43">
      <c r="A2014" t="s">
        <v>1318</v>
      </c>
      <c r="B2014" t="s">
        <v>1319</v>
      </c>
      <c r="C2014" t="s">
        <v>1320</v>
      </c>
      <c r="D2014" t="s">
        <v>1321</v>
      </c>
      <c r="E2014" t="s">
        <v>1192</v>
      </c>
      <c r="F2014" t="s">
        <v>1193</v>
      </c>
      <c r="G2014" t="s">
        <v>80</v>
      </c>
      <c r="H2014" t="s">
        <v>81</v>
      </c>
      <c r="I2014" s="2">
        <v>0</v>
      </c>
      <c r="J2014" s="2">
        <v>1</v>
      </c>
      <c r="K2014" s="2">
        <v>0</v>
      </c>
      <c r="L2014" t="s">
        <v>82</v>
      </c>
      <c r="M2014" t="s">
        <v>83</v>
      </c>
      <c r="N2014" t="s">
        <v>84</v>
      </c>
      <c r="O2014" t="s">
        <v>85</v>
      </c>
      <c r="P2014" t="s">
        <v>86</v>
      </c>
      <c r="Q2014">
        <v>39</v>
      </c>
      <c r="R2014">
        <v>40</v>
      </c>
      <c r="S2014">
        <v>41</v>
      </c>
      <c r="T2014">
        <v>42</v>
      </c>
      <c r="U2014">
        <v>43</v>
      </c>
      <c r="V2014">
        <v>45</v>
      </c>
      <c r="W2014">
        <v>46</v>
      </c>
      <c r="X2014">
        <v>47</v>
      </c>
      <c r="Y2014">
        <v>48</v>
      </c>
      <c r="Z2014">
        <v>49</v>
      </c>
      <c r="AA2014">
        <v>51</v>
      </c>
      <c r="AB2014">
        <v>52</v>
      </c>
      <c r="AC2014">
        <v>53</v>
      </c>
      <c r="AD2014">
        <v>54</v>
      </c>
      <c r="AE2014">
        <v>56</v>
      </c>
      <c r="AF2014">
        <v>57</v>
      </c>
      <c r="AG2014">
        <v>58</v>
      </c>
      <c r="AH2014">
        <v>60</v>
      </c>
      <c r="AI2014">
        <v>61</v>
      </c>
      <c r="AJ2014">
        <v>63</v>
      </c>
      <c r="AK2014">
        <v>64</v>
      </c>
      <c r="AL2014">
        <v>65</v>
      </c>
      <c r="AM2014">
        <v>66</v>
      </c>
      <c r="AN2014">
        <v>67</v>
      </c>
      <c r="AO2014">
        <v>68</v>
      </c>
      <c r="AP2014">
        <v>69</v>
      </c>
      <c r="AQ2014">
        <v>70</v>
      </c>
    </row>
    <row r="2015" spans="1:43">
      <c r="A2015" t="s">
        <v>1318</v>
      </c>
      <c r="B2015" t="s">
        <v>1319</v>
      </c>
      <c r="C2015" t="s">
        <v>1320</v>
      </c>
      <c r="D2015" t="s">
        <v>1321</v>
      </c>
      <c r="E2015" t="s">
        <v>1192</v>
      </c>
      <c r="F2015" t="s">
        <v>1193</v>
      </c>
      <c r="G2015" t="s">
        <v>80</v>
      </c>
      <c r="H2015" t="s">
        <v>81</v>
      </c>
      <c r="I2015" s="2">
        <v>0</v>
      </c>
      <c r="J2015" s="2">
        <v>1</v>
      </c>
      <c r="K2015" s="2">
        <v>0</v>
      </c>
      <c r="L2015" t="s">
        <v>82</v>
      </c>
      <c r="M2015" t="s">
        <v>87</v>
      </c>
      <c r="N2015" t="s">
        <v>88</v>
      </c>
      <c r="O2015" t="s">
        <v>85</v>
      </c>
      <c r="P2015" t="s">
        <v>86</v>
      </c>
      <c r="Q2015">
        <v>39</v>
      </c>
      <c r="R2015">
        <v>39</v>
      </c>
      <c r="S2015">
        <v>40</v>
      </c>
      <c r="T2015">
        <v>41</v>
      </c>
      <c r="U2015">
        <v>41</v>
      </c>
      <c r="V2015">
        <v>42</v>
      </c>
      <c r="W2015">
        <v>43</v>
      </c>
      <c r="X2015">
        <v>44</v>
      </c>
      <c r="Y2015">
        <v>44</v>
      </c>
      <c r="Z2015">
        <v>45</v>
      </c>
      <c r="AA2015">
        <v>46</v>
      </c>
      <c r="AB2015">
        <v>47</v>
      </c>
      <c r="AC2015">
        <v>48</v>
      </c>
      <c r="AD2015">
        <v>48</v>
      </c>
      <c r="AE2015">
        <v>49</v>
      </c>
      <c r="AF2015">
        <v>50</v>
      </c>
      <c r="AG2015">
        <v>51</v>
      </c>
      <c r="AH2015">
        <v>52</v>
      </c>
      <c r="AI2015">
        <v>53</v>
      </c>
      <c r="AJ2015">
        <v>54</v>
      </c>
      <c r="AK2015">
        <v>54</v>
      </c>
      <c r="AL2015">
        <v>55</v>
      </c>
      <c r="AM2015">
        <v>56</v>
      </c>
      <c r="AN2015">
        <v>57</v>
      </c>
      <c r="AO2015">
        <v>58</v>
      </c>
      <c r="AP2015">
        <v>59</v>
      </c>
      <c r="AQ2015">
        <v>60</v>
      </c>
    </row>
    <row r="2016" spans="1:43">
      <c r="A2016" t="s">
        <v>1318</v>
      </c>
      <c r="B2016" t="s">
        <v>1319</v>
      </c>
      <c r="C2016" t="s">
        <v>1320</v>
      </c>
      <c r="D2016" t="s">
        <v>1321</v>
      </c>
      <c r="E2016" t="s">
        <v>1192</v>
      </c>
      <c r="F2016" t="s">
        <v>1193</v>
      </c>
      <c r="G2016" t="s">
        <v>80</v>
      </c>
      <c r="H2016" t="s">
        <v>81</v>
      </c>
      <c r="I2016" s="2">
        <v>0</v>
      </c>
      <c r="J2016" s="2">
        <v>1</v>
      </c>
      <c r="K2016" s="2">
        <v>0</v>
      </c>
      <c r="L2016" t="s">
        <v>82</v>
      </c>
      <c r="M2016" t="s">
        <v>89</v>
      </c>
      <c r="N2016" t="s">
        <v>90</v>
      </c>
      <c r="O2016" t="s">
        <v>85</v>
      </c>
      <c r="P2016" t="s">
        <v>86</v>
      </c>
      <c r="Q2016">
        <v>39</v>
      </c>
      <c r="R2016">
        <v>41</v>
      </c>
      <c r="S2016">
        <v>42</v>
      </c>
      <c r="T2016">
        <v>44</v>
      </c>
      <c r="U2016">
        <v>45</v>
      </c>
      <c r="V2016">
        <v>47</v>
      </c>
      <c r="W2016">
        <v>48</v>
      </c>
      <c r="X2016">
        <v>50</v>
      </c>
      <c r="Y2016">
        <v>51</v>
      </c>
      <c r="Z2016">
        <v>52</v>
      </c>
      <c r="AA2016">
        <v>54</v>
      </c>
      <c r="AB2016">
        <v>55</v>
      </c>
      <c r="AC2016">
        <v>57</v>
      </c>
      <c r="AD2016">
        <v>59</v>
      </c>
      <c r="AE2016">
        <v>60</v>
      </c>
      <c r="AF2016">
        <v>61</v>
      </c>
      <c r="AG2016">
        <v>62</v>
      </c>
      <c r="AH2016">
        <v>62</v>
      </c>
      <c r="AI2016">
        <v>63</v>
      </c>
      <c r="AJ2016">
        <v>64</v>
      </c>
      <c r="AK2016">
        <v>65</v>
      </c>
      <c r="AL2016">
        <v>66</v>
      </c>
      <c r="AM2016">
        <v>67</v>
      </c>
      <c r="AN2016">
        <v>68</v>
      </c>
      <c r="AO2016">
        <v>69</v>
      </c>
      <c r="AP2016">
        <v>70</v>
      </c>
      <c r="AQ2016">
        <v>71</v>
      </c>
    </row>
    <row r="2017" spans="1:43">
      <c r="A2017" t="s">
        <v>1318</v>
      </c>
      <c r="B2017" t="s">
        <v>1319</v>
      </c>
      <c r="C2017" t="s">
        <v>1320</v>
      </c>
      <c r="D2017" t="s">
        <v>1321</v>
      </c>
      <c r="E2017" t="s">
        <v>1192</v>
      </c>
      <c r="F2017" t="s">
        <v>1193</v>
      </c>
      <c r="G2017" t="s">
        <v>80</v>
      </c>
      <c r="H2017" t="s">
        <v>81</v>
      </c>
      <c r="I2017" s="2">
        <v>0</v>
      </c>
      <c r="J2017" s="2">
        <v>1</v>
      </c>
      <c r="K2017" s="2">
        <v>0</v>
      </c>
      <c r="L2017" t="s">
        <v>82</v>
      </c>
      <c r="M2017" t="s">
        <v>83</v>
      </c>
      <c r="N2017" t="s">
        <v>91</v>
      </c>
      <c r="O2017" t="s">
        <v>85</v>
      </c>
      <c r="P2017" t="s">
        <v>86</v>
      </c>
      <c r="Q2017">
        <v>39</v>
      </c>
      <c r="R2017">
        <v>40</v>
      </c>
      <c r="S2017">
        <v>41</v>
      </c>
      <c r="T2017">
        <v>42</v>
      </c>
      <c r="U2017">
        <v>43</v>
      </c>
      <c r="V2017">
        <v>45</v>
      </c>
      <c r="W2017">
        <v>46</v>
      </c>
      <c r="X2017">
        <v>47</v>
      </c>
      <c r="Y2017">
        <v>48</v>
      </c>
      <c r="Z2017">
        <v>49</v>
      </c>
      <c r="AA2017">
        <v>51</v>
      </c>
      <c r="AB2017">
        <v>52</v>
      </c>
      <c r="AC2017">
        <v>53</v>
      </c>
      <c r="AD2017">
        <v>54</v>
      </c>
      <c r="AE2017">
        <v>56</v>
      </c>
      <c r="AF2017">
        <v>57</v>
      </c>
      <c r="AG2017">
        <v>58</v>
      </c>
      <c r="AH2017">
        <v>60</v>
      </c>
      <c r="AI2017">
        <v>61</v>
      </c>
      <c r="AJ2017">
        <v>63</v>
      </c>
      <c r="AK2017">
        <v>64</v>
      </c>
      <c r="AL2017">
        <v>65</v>
      </c>
      <c r="AM2017">
        <v>66</v>
      </c>
      <c r="AN2017">
        <v>67</v>
      </c>
      <c r="AO2017">
        <v>68</v>
      </c>
      <c r="AP2017">
        <v>69</v>
      </c>
      <c r="AQ2017">
        <v>70</v>
      </c>
    </row>
    <row r="2018" spans="1:43">
      <c r="A2018" t="s">
        <v>1322</v>
      </c>
      <c r="B2018" t="s">
        <v>1323</v>
      </c>
      <c r="C2018" t="s">
        <v>1320</v>
      </c>
      <c r="D2018" t="s">
        <v>1321</v>
      </c>
      <c r="E2018" t="s">
        <v>1192</v>
      </c>
      <c r="F2018" t="s">
        <v>1193</v>
      </c>
      <c r="G2018" t="s">
        <v>80</v>
      </c>
      <c r="H2018" t="s">
        <v>81</v>
      </c>
      <c r="I2018" s="2">
        <v>0</v>
      </c>
      <c r="J2018" s="2">
        <v>1</v>
      </c>
      <c r="K2018" s="2">
        <v>0</v>
      </c>
      <c r="L2018" t="s">
        <v>82</v>
      </c>
      <c r="M2018" t="s">
        <v>83</v>
      </c>
      <c r="N2018" t="s">
        <v>84</v>
      </c>
      <c r="O2018" t="s">
        <v>85</v>
      </c>
      <c r="P2018" t="s">
        <v>86</v>
      </c>
      <c r="Q2018">
        <v>143</v>
      </c>
      <c r="R2018">
        <v>146</v>
      </c>
      <c r="S2018">
        <v>150</v>
      </c>
      <c r="T2018">
        <v>154</v>
      </c>
      <c r="U2018">
        <v>159</v>
      </c>
      <c r="V2018">
        <v>163</v>
      </c>
      <c r="W2018">
        <v>167</v>
      </c>
      <c r="X2018">
        <v>171</v>
      </c>
      <c r="Y2018">
        <v>176</v>
      </c>
      <c r="Z2018">
        <v>180</v>
      </c>
      <c r="AA2018">
        <v>185</v>
      </c>
      <c r="AB2018">
        <v>189</v>
      </c>
      <c r="AC2018">
        <v>194</v>
      </c>
      <c r="AD2018">
        <v>198</v>
      </c>
      <c r="AE2018">
        <v>203</v>
      </c>
      <c r="AF2018">
        <v>208</v>
      </c>
      <c r="AG2018">
        <v>213</v>
      </c>
      <c r="AH2018">
        <v>218</v>
      </c>
      <c r="AI2018">
        <v>223</v>
      </c>
      <c r="AJ2018">
        <v>228</v>
      </c>
      <c r="AK2018">
        <v>233</v>
      </c>
      <c r="AL2018">
        <v>237</v>
      </c>
      <c r="AM2018">
        <v>240</v>
      </c>
      <c r="AN2018">
        <v>243</v>
      </c>
      <c r="AO2018">
        <v>247</v>
      </c>
      <c r="AP2018">
        <v>250</v>
      </c>
      <c r="AQ2018">
        <v>253</v>
      </c>
    </row>
    <row r="2019" spans="1:43">
      <c r="A2019" t="s">
        <v>1322</v>
      </c>
      <c r="B2019" t="s">
        <v>1323</v>
      </c>
      <c r="C2019" t="s">
        <v>1320</v>
      </c>
      <c r="D2019" t="s">
        <v>1321</v>
      </c>
      <c r="E2019" t="s">
        <v>1192</v>
      </c>
      <c r="F2019" t="s">
        <v>1193</v>
      </c>
      <c r="G2019" t="s">
        <v>80</v>
      </c>
      <c r="H2019" t="s">
        <v>81</v>
      </c>
      <c r="I2019" s="2">
        <v>0</v>
      </c>
      <c r="J2019" s="2">
        <v>1</v>
      </c>
      <c r="K2019" s="2">
        <v>0</v>
      </c>
      <c r="L2019" t="s">
        <v>82</v>
      </c>
      <c r="M2019" t="s">
        <v>87</v>
      </c>
      <c r="N2019" t="s">
        <v>88</v>
      </c>
      <c r="O2019" t="s">
        <v>85</v>
      </c>
      <c r="P2019" t="s">
        <v>86</v>
      </c>
      <c r="Q2019">
        <v>143</v>
      </c>
      <c r="R2019">
        <v>146</v>
      </c>
      <c r="S2019">
        <v>148</v>
      </c>
      <c r="T2019">
        <v>151</v>
      </c>
      <c r="U2019">
        <v>154</v>
      </c>
      <c r="V2019">
        <v>156</v>
      </c>
      <c r="W2019">
        <v>159</v>
      </c>
      <c r="X2019">
        <v>162</v>
      </c>
      <c r="Y2019">
        <v>164</v>
      </c>
      <c r="Z2019">
        <v>167</v>
      </c>
      <c r="AA2019">
        <v>170</v>
      </c>
      <c r="AB2019">
        <v>173</v>
      </c>
      <c r="AC2019">
        <v>176</v>
      </c>
      <c r="AD2019">
        <v>179</v>
      </c>
      <c r="AE2019">
        <v>182</v>
      </c>
      <c r="AF2019">
        <v>185</v>
      </c>
      <c r="AG2019">
        <v>188</v>
      </c>
      <c r="AH2019">
        <v>191</v>
      </c>
      <c r="AI2019">
        <v>194</v>
      </c>
      <c r="AJ2019">
        <v>197</v>
      </c>
      <c r="AK2019">
        <v>201</v>
      </c>
      <c r="AL2019">
        <v>204</v>
      </c>
      <c r="AM2019">
        <v>207</v>
      </c>
      <c r="AN2019">
        <v>211</v>
      </c>
      <c r="AO2019">
        <v>214</v>
      </c>
      <c r="AP2019">
        <v>217</v>
      </c>
      <c r="AQ2019">
        <v>221</v>
      </c>
    </row>
    <row r="2020" spans="1:43">
      <c r="A2020" t="s">
        <v>1322</v>
      </c>
      <c r="B2020" t="s">
        <v>1323</v>
      </c>
      <c r="C2020" t="s">
        <v>1320</v>
      </c>
      <c r="D2020" t="s">
        <v>1321</v>
      </c>
      <c r="E2020" t="s">
        <v>1192</v>
      </c>
      <c r="F2020" t="s">
        <v>1193</v>
      </c>
      <c r="G2020" t="s">
        <v>80</v>
      </c>
      <c r="H2020" t="s">
        <v>81</v>
      </c>
      <c r="I2020" s="2">
        <v>0</v>
      </c>
      <c r="J2020" s="2">
        <v>1</v>
      </c>
      <c r="K2020" s="2">
        <v>0</v>
      </c>
      <c r="L2020" t="s">
        <v>82</v>
      </c>
      <c r="M2020" t="s">
        <v>89</v>
      </c>
      <c r="N2020" t="s">
        <v>90</v>
      </c>
      <c r="O2020" t="s">
        <v>85</v>
      </c>
      <c r="P2020" t="s">
        <v>86</v>
      </c>
      <c r="Q2020">
        <v>143</v>
      </c>
      <c r="R2020">
        <v>148</v>
      </c>
      <c r="S2020">
        <v>153</v>
      </c>
      <c r="T2020">
        <v>159</v>
      </c>
      <c r="U2020">
        <v>164</v>
      </c>
      <c r="V2020">
        <v>169</v>
      </c>
      <c r="W2020">
        <v>175</v>
      </c>
      <c r="X2020">
        <v>180</v>
      </c>
      <c r="Y2020">
        <v>185</v>
      </c>
      <c r="Z2020">
        <v>190</v>
      </c>
      <c r="AA2020">
        <v>196</v>
      </c>
      <c r="AB2020">
        <v>201</v>
      </c>
      <c r="AC2020">
        <v>207</v>
      </c>
      <c r="AD2020">
        <v>212</v>
      </c>
      <c r="AE2020">
        <v>217</v>
      </c>
      <c r="AF2020">
        <v>220</v>
      </c>
      <c r="AG2020">
        <v>223</v>
      </c>
      <c r="AH2020">
        <v>226</v>
      </c>
      <c r="AI2020">
        <v>229</v>
      </c>
      <c r="AJ2020">
        <v>232</v>
      </c>
      <c r="AK2020">
        <v>236</v>
      </c>
      <c r="AL2020">
        <v>239</v>
      </c>
      <c r="AM2020">
        <v>242</v>
      </c>
      <c r="AN2020">
        <v>245</v>
      </c>
      <c r="AO2020">
        <v>249</v>
      </c>
      <c r="AP2020">
        <v>252</v>
      </c>
      <c r="AQ2020">
        <v>255</v>
      </c>
    </row>
    <row r="2021" spans="1:43">
      <c r="A2021" t="s">
        <v>1322</v>
      </c>
      <c r="B2021" t="s">
        <v>1323</v>
      </c>
      <c r="C2021" t="s">
        <v>1320</v>
      </c>
      <c r="D2021" t="s">
        <v>1321</v>
      </c>
      <c r="E2021" t="s">
        <v>1192</v>
      </c>
      <c r="F2021" t="s">
        <v>1193</v>
      </c>
      <c r="G2021" t="s">
        <v>80</v>
      </c>
      <c r="H2021" t="s">
        <v>81</v>
      </c>
      <c r="I2021" s="2">
        <v>0</v>
      </c>
      <c r="J2021" s="2">
        <v>1</v>
      </c>
      <c r="K2021" s="2">
        <v>0</v>
      </c>
      <c r="L2021" t="s">
        <v>82</v>
      </c>
      <c r="M2021" t="s">
        <v>83</v>
      </c>
      <c r="N2021" t="s">
        <v>91</v>
      </c>
      <c r="O2021" t="s">
        <v>85</v>
      </c>
      <c r="P2021" t="s">
        <v>86</v>
      </c>
      <c r="Q2021">
        <v>143</v>
      </c>
      <c r="R2021">
        <v>146</v>
      </c>
      <c r="S2021">
        <v>150</v>
      </c>
      <c r="T2021">
        <v>154</v>
      </c>
      <c r="U2021">
        <v>159</v>
      </c>
      <c r="V2021">
        <v>163</v>
      </c>
      <c r="W2021">
        <v>167</v>
      </c>
      <c r="X2021">
        <v>171</v>
      </c>
      <c r="Y2021">
        <v>176</v>
      </c>
      <c r="Z2021">
        <v>180</v>
      </c>
      <c r="AA2021">
        <v>185</v>
      </c>
      <c r="AB2021">
        <v>189</v>
      </c>
      <c r="AC2021">
        <v>194</v>
      </c>
      <c r="AD2021">
        <v>198</v>
      </c>
      <c r="AE2021">
        <v>203</v>
      </c>
      <c r="AF2021">
        <v>208</v>
      </c>
      <c r="AG2021">
        <v>213</v>
      </c>
      <c r="AH2021">
        <v>218</v>
      </c>
      <c r="AI2021">
        <v>223</v>
      </c>
      <c r="AJ2021">
        <v>228</v>
      </c>
      <c r="AK2021">
        <v>233</v>
      </c>
      <c r="AL2021">
        <v>237</v>
      </c>
      <c r="AM2021">
        <v>240</v>
      </c>
      <c r="AN2021">
        <v>243</v>
      </c>
      <c r="AO2021">
        <v>247</v>
      </c>
      <c r="AP2021">
        <v>250</v>
      </c>
      <c r="AQ2021">
        <v>253</v>
      </c>
    </row>
    <row r="2022" spans="1:43">
      <c r="A2022" t="s">
        <v>1324</v>
      </c>
      <c r="B2022" t="s">
        <v>1325</v>
      </c>
      <c r="C2022" t="s">
        <v>1320</v>
      </c>
      <c r="D2022" t="s">
        <v>1321</v>
      </c>
      <c r="E2022" t="s">
        <v>1192</v>
      </c>
      <c r="F2022" t="s">
        <v>1193</v>
      </c>
      <c r="G2022" t="s">
        <v>80</v>
      </c>
      <c r="H2022" t="s">
        <v>81</v>
      </c>
      <c r="I2022" s="2">
        <v>0</v>
      </c>
      <c r="J2022" s="2">
        <v>1</v>
      </c>
      <c r="K2022" s="2">
        <v>0</v>
      </c>
      <c r="L2022" t="s">
        <v>82</v>
      </c>
      <c r="M2022" t="s">
        <v>83</v>
      </c>
      <c r="N2022" t="s">
        <v>84</v>
      </c>
      <c r="O2022" t="s">
        <v>85</v>
      </c>
      <c r="P2022" t="s">
        <v>86</v>
      </c>
      <c r="Q2022">
        <v>113</v>
      </c>
      <c r="R2022">
        <v>116</v>
      </c>
      <c r="S2022">
        <v>119</v>
      </c>
      <c r="T2022">
        <v>123</v>
      </c>
      <c r="U2022">
        <v>126</v>
      </c>
      <c r="V2022">
        <v>129</v>
      </c>
      <c r="W2022">
        <v>132</v>
      </c>
      <c r="X2022">
        <v>136</v>
      </c>
      <c r="Y2022">
        <v>139</v>
      </c>
      <c r="Z2022">
        <v>143</v>
      </c>
      <c r="AA2022">
        <v>146</v>
      </c>
      <c r="AB2022">
        <v>150</v>
      </c>
      <c r="AC2022">
        <v>153</v>
      </c>
      <c r="AD2022">
        <v>157</v>
      </c>
      <c r="AE2022">
        <v>160</v>
      </c>
      <c r="AF2022">
        <v>164</v>
      </c>
      <c r="AG2022">
        <v>168</v>
      </c>
      <c r="AH2022">
        <v>171</v>
      </c>
      <c r="AI2022">
        <v>175</v>
      </c>
      <c r="AJ2022">
        <v>179</v>
      </c>
      <c r="AK2022">
        <v>183</v>
      </c>
      <c r="AL2022">
        <v>186</v>
      </c>
      <c r="AM2022">
        <v>189</v>
      </c>
      <c r="AN2022">
        <v>191</v>
      </c>
      <c r="AO2022">
        <v>194</v>
      </c>
      <c r="AP2022">
        <v>196</v>
      </c>
      <c r="AQ2022">
        <v>199</v>
      </c>
    </row>
    <row r="2023" spans="1:43">
      <c r="A2023" t="s">
        <v>1324</v>
      </c>
      <c r="B2023" t="s">
        <v>1325</v>
      </c>
      <c r="C2023" t="s">
        <v>1320</v>
      </c>
      <c r="D2023" t="s">
        <v>1321</v>
      </c>
      <c r="E2023" t="s">
        <v>1192</v>
      </c>
      <c r="F2023" t="s">
        <v>1193</v>
      </c>
      <c r="G2023" t="s">
        <v>80</v>
      </c>
      <c r="H2023" t="s">
        <v>81</v>
      </c>
      <c r="I2023" s="2">
        <v>0</v>
      </c>
      <c r="J2023" s="2">
        <v>1</v>
      </c>
      <c r="K2023" s="2">
        <v>0</v>
      </c>
      <c r="L2023" t="s">
        <v>82</v>
      </c>
      <c r="M2023" t="s">
        <v>87</v>
      </c>
      <c r="N2023" t="s">
        <v>88</v>
      </c>
      <c r="O2023" t="s">
        <v>85</v>
      </c>
      <c r="P2023" t="s">
        <v>86</v>
      </c>
      <c r="Q2023">
        <v>113</v>
      </c>
      <c r="R2023">
        <v>115</v>
      </c>
      <c r="S2023">
        <v>117</v>
      </c>
      <c r="T2023">
        <v>119</v>
      </c>
      <c r="U2023">
        <v>121</v>
      </c>
      <c r="V2023">
        <v>123</v>
      </c>
      <c r="W2023">
        <v>125</v>
      </c>
      <c r="X2023">
        <v>128</v>
      </c>
      <c r="Y2023">
        <v>130</v>
      </c>
      <c r="Z2023">
        <v>132</v>
      </c>
      <c r="AA2023">
        <v>134</v>
      </c>
      <c r="AB2023">
        <v>136</v>
      </c>
      <c r="AC2023">
        <v>139</v>
      </c>
      <c r="AD2023">
        <v>141</v>
      </c>
      <c r="AE2023">
        <v>143</v>
      </c>
      <c r="AF2023">
        <v>146</v>
      </c>
      <c r="AG2023">
        <v>148</v>
      </c>
      <c r="AH2023">
        <v>150</v>
      </c>
      <c r="AI2023">
        <v>153</v>
      </c>
      <c r="AJ2023">
        <v>155</v>
      </c>
      <c r="AK2023">
        <v>158</v>
      </c>
      <c r="AL2023">
        <v>160</v>
      </c>
      <c r="AM2023">
        <v>163</v>
      </c>
      <c r="AN2023">
        <v>165</v>
      </c>
      <c r="AO2023">
        <v>168</v>
      </c>
      <c r="AP2023">
        <v>171</v>
      </c>
      <c r="AQ2023">
        <v>173</v>
      </c>
    </row>
    <row r="2024" spans="1:43">
      <c r="A2024" t="s">
        <v>1324</v>
      </c>
      <c r="B2024" t="s">
        <v>1325</v>
      </c>
      <c r="C2024" t="s">
        <v>1320</v>
      </c>
      <c r="D2024" t="s">
        <v>1321</v>
      </c>
      <c r="E2024" t="s">
        <v>1192</v>
      </c>
      <c r="F2024" t="s">
        <v>1193</v>
      </c>
      <c r="G2024" t="s">
        <v>80</v>
      </c>
      <c r="H2024" t="s">
        <v>81</v>
      </c>
      <c r="I2024" s="2">
        <v>0</v>
      </c>
      <c r="J2024" s="2">
        <v>1</v>
      </c>
      <c r="K2024" s="2">
        <v>0</v>
      </c>
      <c r="L2024" t="s">
        <v>82</v>
      </c>
      <c r="M2024" t="s">
        <v>89</v>
      </c>
      <c r="N2024" t="s">
        <v>90</v>
      </c>
      <c r="O2024" t="s">
        <v>85</v>
      </c>
      <c r="P2024" t="s">
        <v>86</v>
      </c>
      <c r="Q2024">
        <v>113</v>
      </c>
      <c r="R2024">
        <v>117</v>
      </c>
      <c r="S2024">
        <v>121</v>
      </c>
      <c r="T2024">
        <v>126</v>
      </c>
      <c r="U2024">
        <v>130</v>
      </c>
      <c r="V2024">
        <v>134</v>
      </c>
      <c r="W2024">
        <v>138</v>
      </c>
      <c r="X2024">
        <v>142</v>
      </c>
      <c r="Y2024">
        <v>146</v>
      </c>
      <c r="Z2024">
        <v>150</v>
      </c>
      <c r="AA2024">
        <v>154</v>
      </c>
      <c r="AB2024">
        <v>158</v>
      </c>
      <c r="AC2024">
        <v>163</v>
      </c>
      <c r="AD2024">
        <v>167</v>
      </c>
      <c r="AE2024">
        <v>170</v>
      </c>
      <c r="AF2024">
        <v>173</v>
      </c>
      <c r="AG2024">
        <v>175</v>
      </c>
      <c r="AH2024">
        <v>178</v>
      </c>
      <c r="AI2024">
        <v>180</v>
      </c>
      <c r="AJ2024">
        <v>183</v>
      </c>
      <c r="AK2024">
        <v>185</v>
      </c>
      <c r="AL2024">
        <v>187</v>
      </c>
      <c r="AM2024">
        <v>190</v>
      </c>
      <c r="AN2024">
        <v>192</v>
      </c>
      <c r="AO2024">
        <v>195</v>
      </c>
      <c r="AP2024">
        <v>197</v>
      </c>
      <c r="AQ2024">
        <v>200</v>
      </c>
    </row>
    <row r="2025" spans="1:43">
      <c r="A2025" t="s">
        <v>1324</v>
      </c>
      <c r="B2025" t="s">
        <v>1325</v>
      </c>
      <c r="C2025" t="s">
        <v>1320</v>
      </c>
      <c r="D2025" t="s">
        <v>1321</v>
      </c>
      <c r="E2025" t="s">
        <v>1192</v>
      </c>
      <c r="F2025" t="s">
        <v>1193</v>
      </c>
      <c r="G2025" t="s">
        <v>80</v>
      </c>
      <c r="H2025" t="s">
        <v>81</v>
      </c>
      <c r="I2025" s="2">
        <v>0</v>
      </c>
      <c r="J2025" s="2">
        <v>1</v>
      </c>
      <c r="K2025" s="2">
        <v>0</v>
      </c>
      <c r="L2025" t="s">
        <v>82</v>
      </c>
      <c r="M2025" t="s">
        <v>83</v>
      </c>
      <c r="N2025" t="s">
        <v>91</v>
      </c>
      <c r="O2025" t="s">
        <v>85</v>
      </c>
      <c r="P2025" t="s">
        <v>86</v>
      </c>
      <c r="Q2025">
        <v>113</v>
      </c>
      <c r="R2025">
        <v>116</v>
      </c>
      <c r="S2025">
        <v>119</v>
      </c>
      <c r="T2025">
        <v>123</v>
      </c>
      <c r="U2025">
        <v>126</v>
      </c>
      <c r="V2025">
        <v>129</v>
      </c>
      <c r="W2025">
        <v>132</v>
      </c>
      <c r="X2025">
        <v>136</v>
      </c>
      <c r="Y2025">
        <v>139</v>
      </c>
      <c r="Z2025">
        <v>143</v>
      </c>
      <c r="AA2025">
        <v>146</v>
      </c>
      <c r="AB2025">
        <v>150</v>
      </c>
      <c r="AC2025">
        <v>153</v>
      </c>
      <c r="AD2025">
        <v>157</v>
      </c>
      <c r="AE2025">
        <v>160</v>
      </c>
      <c r="AF2025">
        <v>164</v>
      </c>
      <c r="AG2025">
        <v>168</v>
      </c>
      <c r="AH2025">
        <v>171</v>
      </c>
      <c r="AI2025">
        <v>175</v>
      </c>
      <c r="AJ2025">
        <v>179</v>
      </c>
      <c r="AK2025">
        <v>183</v>
      </c>
      <c r="AL2025">
        <v>186</v>
      </c>
      <c r="AM2025">
        <v>189</v>
      </c>
      <c r="AN2025">
        <v>191</v>
      </c>
      <c r="AO2025">
        <v>194</v>
      </c>
      <c r="AP2025">
        <v>196</v>
      </c>
      <c r="AQ2025">
        <v>199</v>
      </c>
    </row>
    <row r="2026" spans="1:43">
      <c r="A2026" t="s">
        <v>1326</v>
      </c>
      <c r="B2026" t="s">
        <v>1327</v>
      </c>
      <c r="C2026" t="s">
        <v>1282</v>
      </c>
      <c r="D2026" t="s">
        <v>1283</v>
      </c>
      <c r="E2026" t="s">
        <v>1192</v>
      </c>
      <c r="F2026" t="s">
        <v>1193</v>
      </c>
      <c r="G2026" t="s">
        <v>80</v>
      </c>
      <c r="H2026" t="s">
        <v>81</v>
      </c>
      <c r="I2026" s="2">
        <v>0</v>
      </c>
      <c r="J2026" s="2">
        <v>1</v>
      </c>
      <c r="K2026" s="2">
        <v>0</v>
      </c>
      <c r="L2026" t="s">
        <v>82</v>
      </c>
      <c r="M2026" t="s">
        <v>83</v>
      </c>
      <c r="N2026" t="s">
        <v>84</v>
      </c>
      <c r="O2026" t="s">
        <v>85</v>
      </c>
      <c r="P2026" t="s">
        <v>86</v>
      </c>
      <c r="Q2026">
        <v>9</v>
      </c>
      <c r="R2026">
        <v>9</v>
      </c>
      <c r="S2026">
        <v>9</v>
      </c>
      <c r="T2026">
        <v>10</v>
      </c>
      <c r="U2026">
        <v>10</v>
      </c>
      <c r="V2026">
        <v>10</v>
      </c>
      <c r="W2026">
        <v>10</v>
      </c>
      <c r="X2026">
        <v>11</v>
      </c>
      <c r="Y2026">
        <v>11</v>
      </c>
      <c r="Z2026">
        <v>11</v>
      </c>
      <c r="AA2026">
        <v>11</v>
      </c>
      <c r="AB2026">
        <v>12</v>
      </c>
      <c r="AC2026">
        <v>12</v>
      </c>
      <c r="AD2026">
        <v>12</v>
      </c>
      <c r="AE2026">
        <v>13</v>
      </c>
      <c r="AF2026">
        <v>13</v>
      </c>
      <c r="AG2026">
        <v>13</v>
      </c>
      <c r="AH2026">
        <v>14</v>
      </c>
      <c r="AI2026">
        <v>14</v>
      </c>
      <c r="AJ2026">
        <v>14</v>
      </c>
      <c r="AK2026">
        <v>14</v>
      </c>
      <c r="AL2026">
        <v>15</v>
      </c>
      <c r="AM2026">
        <v>15</v>
      </c>
      <c r="AN2026">
        <v>15</v>
      </c>
      <c r="AO2026">
        <v>15</v>
      </c>
      <c r="AP2026">
        <v>15</v>
      </c>
      <c r="AQ2026">
        <v>16</v>
      </c>
    </row>
    <row r="2027" spans="1:43">
      <c r="A2027" t="s">
        <v>1326</v>
      </c>
      <c r="B2027" t="s">
        <v>1327</v>
      </c>
      <c r="C2027" t="s">
        <v>1282</v>
      </c>
      <c r="D2027" t="s">
        <v>1283</v>
      </c>
      <c r="E2027" t="s">
        <v>1192</v>
      </c>
      <c r="F2027" t="s">
        <v>1193</v>
      </c>
      <c r="G2027" t="s">
        <v>80</v>
      </c>
      <c r="H2027" t="s">
        <v>81</v>
      </c>
      <c r="I2027" s="2">
        <v>0</v>
      </c>
      <c r="J2027" s="2">
        <v>1</v>
      </c>
      <c r="K2027" s="2">
        <v>0</v>
      </c>
      <c r="L2027" t="s">
        <v>82</v>
      </c>
      <c r="M2027" t="s">
        <v>87</v>
      </c>
      <c r="N2027" t="s">
        <v>88</v>
      </c>
      <c r="O2027" t="s">
        <v>85</v>
      </c>
      <c r="P2027" t="s">
        <v>86</v>
      </c>
      <c r="Q2027">
        <v>9</v>
      </c>
      <c r="R2027">
        <v>9</v>
      </c>
      <c r="S2027">
        <v>9</v>
      </c>
      <c r="T2027">
        <v>9</v>
      </c>
      <c r="U2027">
        <v>9</v>
      </c>
      <c r="V2027">
        <v>10</v>
      </c>
      <c r="W2027">
        <v>10</v>
      </c>
      <c r="X2027">
        <v>10</v>
      </c>
      <c r="Y2027">
        <v>10</v>
      </c>
      <c r="Z2027">
        <v>10</v>
      </c>
      <c r="AA2027">
        <v>10</v>
      </c>
      <c r="AB2027">
        <v>11</v>
      </c>
      <c r="AC2027">
        <v>11</v>
      </c>
      <c r="AD2027">
        <v>11</v>
      </c>
      <c r="AE2027">
        <v>11</v>
      </c>
      <c r="AF2027">
        <v>11</v>
      </c>
      <c r="AG2027">
        <v>12</v>
      </c>
      <c r="AH2027">
        <v>12</v>
      </c>
      <c r="AI2027">
        <v>12</v>
      </c>
      <c r="AJ2027">
        <v>12</v>
      </c>
      <c r="AK2027">
        <v>12</v>
      </c>
      <c r="AL2027">
        <v>13</v>
      </c>
      <c r="AM2027">
        <v>13</v>
      </c>
      <c r="AN2027">
        <v>13</v>
      </c>
      <c r="AO2027">
        <v>13</v>
      </c>
      <c r="AP2027">
        <v>13</v>
      </c>
      <c r="AQ2027">
        <v>14</v>
      </c>
    </row>
    <row r="2028" spans="1:43">
      <c r="A2028" t="s">
        <v>1326</v>
      </c>
      <c r="B2028" t="s">
        <v>1327</v>
      </c>
      <c r="C2028" t="s">
        <v>1282</v>
      </c>
      <c r="D2028" t="s">
        <v>1283</v>
      </c>
      <c r="E2028" t="s">
        <v>1192</v>
      </c>
      <c r="F2028" t="s">
        <v>1193</v>
      </c>
      <c r="G2028" t="s">
        <v>80</v>
      </c>
      <c r="H2028" t="s">
        <v>81</v>
      </c>
      <c r="I2028" s="2">
        <v>0</v>
      </c>
      <c r="J2028" s="2">
        <v>1</v>
      </c>
      <c r="K2028" s="2">
        <v>0</v>
      </c>
      <c r="L2028" t="s">
        <v>82</v>
      </c>
      <c r="M2028" t="s">
        <v>89</v>
      </c>
      <c r="N2028" t="s">
        <v>90</v>
      </c>
      <c r="O2028" t="s">
        <v>85</v>
      </c>
      <c r="P2028" t="s">
        <v>86</v>
      </c>
      <c r="Q2028">
        <v>9</v>
      </c>
      <c r="R2028">
        <v>9</v>
      </c>
      <c r="S2028">
        <v>10</v>
      </c>
      <c r="T2028">
        <v>10</v>
      </c>
      <c r="U2028">
        <v>10</v>
      </c>
      <c r="V2028">
        <v>11</v>
      </c>
      <c r="W2028">
        <v>11</v>
      </c>
      <c r="X2028">
        <v>11</v>
      </c>
      <c r="Y2028">
        <v>12</v>
      </c>
      <c r="Z2028">
        <v>12</v>
      </c>
      <c r="AA2028">
        <v>12</v>
      </c>
      <c r="AB2028">
        <v>13</v>
      </c>
      <c r="AC2028">
        <v>13</v>
      </c>
      <c r="AD2028">
        <v>13</v>
      </c>
      <c r="AE2028">
        <v>14</v>
      </c>
      <c r="AF2028">
        <v>14</v>
      </c>
      <c r="AG2028">
        <v>14</v>
      </c>
      <c r="AH2028">
        <v>14</v>
      </c>
      <c r="AI2028">
        <v>14</v>
      </c>
      <c r="AJ2028">
        <v>14</v>
      </c>
      <c r="AK2028">
        <v>15</v>
      </c>
      <c r="AL2028">
        <v>15</v>
      </c>
      <c r="AM2028">
        <v>15</v>
      </c>
      <c r="AN2028">
        <v>15</v>
      </c>
      <c r="AO2028">
        <v>15</v>
      </c>
      <c r="AP2028">
        <v>16</v>
      </c>
      <c r="AQ2028">
        <v>16</v>
      </c>
    </row>
    <row r="2029" spans="1:43">
      <c r="A2029" t="s">
        <v>1326</v>
      </c>
      <c r="B2029" t="s">
        <v>1327</v>
      </c>
      <c r="C2029" t="s">
        <v>1282</v>
      </c>
      <c r="D2029" t="s">
        <v>1283</v>
      </c>
      <c r="E2029" t="s">
        <v>1192</v>
      </c>
      <c r="F2029" t="s">
        <v>1193</v>
      </c>
      <c r="G2029" t="s">
        <v>80</v>
      </c>
      <c r="H2029" t="s">
        <v>81</v>
      </c>
      <c r="I2029" s="2">
        <v>0</v>
      </c>
      <c r="J2029" s="2">
        <v>1</v>
      </c>
      <c r="K2029" s="2">
        <v>0</v>
      </c>
      <c r="L2029" t="s">
        <v>82</v>
      </c>
      <c r="M2029" t="s">
        <v>83</v>
      </c>
      <c r="N2029" t="s">
        <v>91</v>
      </c>
      <c r="O2029" t="s">
        <v>85</v>
      </c>
      <c r="P2029" t="s">
        <v>86</v>
      </c>
      <c r="Q2029">
        <v>9</v>
      </c>
      <c r="R2029">
        <v>9</v>
      </c>
      <c r="S2029">
        <v>9</v>
      </c>
      <c r="T2029">
        <v>10</v>
      </c>
      <c r="U2029">
        <v>10</v>
      </c>
      <c r="V2029">
        <v>10</v>
      </c>
      <c r="W2029">
        <v>10</v>
      </c>
      <c r="X2029">
        <v>11</v>
      </c>
      <c r="Y2029">
        <v>11</v>
      </c>
      <c r="Z2029">
        <v>11</v>
      </c>
      <c r="AA2029">
        <v>11</v>
      </c>
      <c r="AB2029">
        <v>12</v>
      </c>
      <c r="AC2029">
        <v>12</v>
      </c>
      <c r="AD2029">
        <v>12</v>
      </c>
      <c r="AE2029">
        <v>13</v>
      </c>
      <c r="AF2029">
        <v>13</v>
      </c>
      <c r="AG2029">
        <v>13</v>
      </c>
      <c r="AH2029">
        <v>14</v>
      </c>
      <c r="AI2029">
        <v>14</v>
      </c>
      <c r="AJ2029">
        <v>14</v>
      </c>
      <c r="AK2029">
        <v>14</v>
      </c>
      <c r="AL2029">
        <v>15</v>
      </c>
      <c r="AM2029">
        <v>15</v>
      </c>
      <c r="AN2029">
        <v>15</v>
      </c>
      <c r="AO2029">
        <v>15</v>
      </c>
      <c r="AP2029">
        <v>15</v>
      </c>
      <c r="AQ2029">
        <v>16</v>
      </c>
    </row>
    <row r="2030" spans="1:43">
      <c r="A2030" t="s">
        <v>1328</v>
      </c>
      <c r="B2030" t="s">
        <v>1329</v>
      </c>
      <c r="C2030" t="s">
        <v>1282</v>
      </c>
      <c r="D2030" t="s">
        <v>1283</v>
      </c>
      <c r="E2030" t="s">
        <v>1192</v>
      </c>
      <c r="F2030" t="s">
        <v>1193</v>
      </c>
      <c r="G2030" t="s">
        <v>80</v>
      </c>
      <c r="H2030" t="s">
        <v>81</v>
      </c>
      <c r="I2030" s="2">
        <v>0</v>
      </c>
      <c r="J2030" s="2">
        <v>1</v>
      </c>
      <c r="K2030" s="2">
        <v>0</v>
      </c>
      <c r="L2030" t="s">
        <v>82</v>
      </c>
      <c r="M2030" t="s">
        <v>83</v>
      </c>
      <c r="N2030" t="s">
        <v>84</v>
      </c>
      <c r="O2030" t="s">
        <v>85</v>
      </c>
      <c r="P2030" t="s">
        <v>86</v>
      </c>
      <c r="Q2030">
        <v>75</v>
      </c>
      <c r="R2030">
        <v>77</v>
      </c>
      <c r="S2030">
        <v>79</v>
      </c>
      <c r="T2030">
        <v>81</v>
      </c>
      <c r="U2030">
        <v>83</v>
      </c>
      <c r="V2030">
        <v>85</v>
      </c>
      <c r="W2030">
        <v>87</v>
      </c>
      <c r="X2030">
        <v>90</v>
      </c>
      <c r="Y2030">
        <v>92</v>
      </c>
      <c r="Z2030">
        <v>94</v>
      </c>
      <c r="AA2030">
        <v>97</v>
      </c>
      <c r="AB2030">
        <v>99</v>
      </c>
      <c r="AC2030">
        <v>101</v>
      </c>
      <c r="AD2030">
        <v>104</v>
      </c>
      <c r="AE2030">
        <v>106</v>
      </c>
      <c r="AF2030">
        <v>109</v>
      </c>
      <c r="AG2030">
        <v>111</v>
      </c>
      <c r="AH2030">
        <v>114</v>
      </c>
      <c r="AI2030">
        <v>116</v>
      </c>
      <c r="AJ2030">
        <v>119</v>
      </c>
      <c r="AK2030">
        <v>122</v>
      </c>
      <c r="AL2030">
        <v>124</v>
      </c>
      <c r="AM2030">
        <v>125</v>
      </c>
      <c r="AN2030">
        <v>127</v>
      </c>
      <c r="AO2030">
        <v>129</v>
      </c>
      <c r="AP2030">
        <v>130</v>
      </c>
      <c r="AQ2030">
        <v>132</v>
      </c>
    </row>
    <row r="2031" spans="1:43">
      <c r="A2031" t="s">
        <v>1328</v>
      </c>
      <c r="B2031" t="s">
        <v>1329</v>
      </c>
      <c r="C2031" t="s">
        <v>1282</v>
      </c>
      <c r="D2031" t="s">
        <v>1283</v>
      </c>
      <c r="E2031" t="s">
        <v>1192</v>
      </c>
      <c r="F2031" t="s">
        <v>1193</v>
      </c>
      <c r="G2031" t="s">
        <v>80</v>
      </c>
      <c r="H2031" t="s">
        <v>81</v>
      </c>
      <c r="I2031" s="2">
        <v>0</v>
      </c>
      <c r="J2031" s="2">
        <v>1</v>
      </c>
      <c r="K2031" s="2">
        <v>0</v>
      </c>
      <c r="L2031" t="s">
        <v>82</v>
      </c>
      <c r="M2031" t="s">
        <v>87</v>
      </c>
      <c r="N2031" t="s">
        <v>88</v>
      </c>
      <c r="O2031" t="s">
        <v>85</v>
      </c>
      <c r="P2031" t="s">
        <v>86</v>
      </c>
      <c r="Q2031">
        <v>75</v>
      </c>
      <c r="R2031">
        <v>76</v>
      </c>
      <c r="S2031">
        <v>78</v>
      </c>
      <c r="T2031">
        <v>79</v>
      </c>
      <c r="U2031">
        <v>80</v>
      </c>
      <c r="V2031">
        <v>82</v>
      </c>
      <c r="W2031">
        <v>83</v>
      </c>
      <c r="X2031">
        <v>85</v>
      </c>
      <c r="Y2031">
        <v>86</v>
      </c>
      <c r="Z2031">
        <v>88</v>
      </c>
      <c r="AA2031">
        <v>89</v>
      </c>
      <c r="AB2031">
        <v>91</v>
      </c>
      <c r="AC2031">
        <v>92</v>
      </c>
      <c r="AD2031">
        <v>94</v>
      </c>
      <c r="AE2031">
        <v>95</v>
      </c>
      <c r="AF2031">
        <v>97</v>
      </c>
      <c r="AG2031">
        <v>98</v>
      </c>
      <c r="AH2031">
        <v>100</v>
      </c>
      <c r="AI2031">
        <v>102</v>
      </c>
      <c r="AJ2031">
        <v>103</v>
      </c>
      <c r="AK2031">
        <v>105</v>
      </c>
      <c r="AL2031">
        <v>107</v>
      </c>
      <c r="AM2031">
        <v>108</v>
      </c>
      <c r="AN2031">
        <v>110</v>
      </c>
      <c r="AO2031">
        <v>112</v>
      </c>
      <c r="AP2031">
        <v>114</v>
      </c>
      <c r="AQ2031">
        <v>115</v>
      </c>
    </row>
    <row r="2032" spans="1:43">
      <c r="A2032" t="s">
        <v>1328</v>
      </c>
      <c r="B2032" t="s">
        <v>1329</v>
      </c>
      <c r="C2032" t="s">
        <v>1282</v>
      </c>
      <c r="D2032" t="s">
        <v>1283</v>
      </c>
      <c r="E2032" t="s">
        <v>1192</v>
      </c>
      <c r="F2032" t="s">
        <v>1193</v>
      </c>
      <c r="G2032" t="s">
        <v>80</v>
      </c>
      <c r="H2032" t="s">
        <v>81</v>
      </c>
      <c r="I2032" s="2">
        <v>0</v>
      </c>
      <c r="J2032" s="2">
        <v>1</v>
      </c>
      <c r="K2032" s="2">
        <v>0</v>
      </c>
      <c r="L2032" t="s">
        <v>82</v>
      </c>
      <c r="M2032" t="s">
        <v>89</v>
      </c>
      <c r="N2032" t="s">
        <v>90</v>
      </c>
      <c r="O2032" t="s">
        <v>85</v>
      </c>
      <c r="P2032" t="s">
        <v>86</v>
      </c>
      <c r="Q2032">
        <v>75</v>
      </c>
      <c r="R2032">
        <v>78</v>
      </c>
      <c r="S2032">
        <v>81</v>
      </c>
      <c r="T2032">
        <v>84</v>
      </c>
      <c r="U2032">
        <v>86</v>
      </c>
      <c r="V2032">
        <v>89</v>
      </c>
      <c r="W2032">
        <v>92</v>
      </c>
      <c r="X2032">
        <v>95</v>
      </c>
      <c r="Y2032">
        <v>97</v>
      </c>
      <c r="Z2032">
        <v>100</v>
      </c>
      <c r="AA2032">
        <v>103</v>
      </c>
      <c r="AB2032">
        <v>106</v>
      </c>
      <c r="AC2032">
        <v>109</v>
      </c>
      <c r="AD2032">
        <v>112</v>
      </c>
      <c r="AE2032">
        <v>114</v>
      </c>
      <c r="AF2032">
        <v>115</v>
      </c>
      <c r="AG2032">
        <v>117</v>
      </c>
      <c r="AH2032">
        <v>119</v>
      </c>
      <c r="AI2032">
        <v>120</v>
      </c>
      <c r="AJ2032">
        <v>122</v>
      </c>
      <c r="AK2032">
        <v>123</v>
      </c>
      <c r="AL2032">
        <v>125</v>
      </c>
      <c r="AM2032">
        <v>127</v>
      </c>
      <c r="AN2032">
        <v>128</v>
      </c>
      <c r="AO2032">
        <v>130</v>
      </c>
      <c r="AP2032">
        <v>131</v>
      </c>
      <c r="AQ2032">
        <v>133</v>
      </c>
    </row>
    <row r="2033" spans="1:43">
      <c r="A2033" t="s">
        <v>1328</v>
      </c>
      <c r="B2033" t="s">
        <v>1329</v>
      </c>
      <c r="C2033" t="s">
        <v>1282</v>
      </c>
      <c r="D2033" t="s">
        <v>1283</v>
      </c>
      <c r="E2033" t="s">
        <v>1192</v>
      </c>
      <c r="F2033" t="s">
        <v>1193</v>
      </c>
      <c r="G2033" t="s">
        <v>80</v>
      </c>
      <c r="H2033" t="s">
        <v>81</v>
      </c>
      <c r="I2033" s="2">
        <v>0</v>
      </c>
      <c r="J2033" s="2">
        <v>1</v>
      </c>
      <c r="K2033" s="2">
        <v>0</v>
      </c>
      <c r="L2033" t="s">
        <v>82</v>
      </c>
      <c r="M2033" t="s">
        <v>83</v>
      </c>
      <c r="N2033" t="s">
        <v>91</v>
      </c>
      <c r="O2033" t="s">
        <v>85</v>
      </c>
      <c r="P2033" t="s">
        <v>86</v>
      </c>
      <c r="Q2033">
        <v>75</v>
      </c>
      <c r="R2033">
        <v>77</v>
      </c>
      <c r="S2033">
        <v>79</v>
      </c>
      <c r="T2033">
        <v>81</v>
      </c>
      <c r="U2033">
        <v>83</v>
      </c>
      <c r="V2033">
        <v>85</v>
      </c>
      <c r="W2033">
        <v>87</v>
      </c>
      <c r="X2033">
        <v>90</v>
      </c>
      <c r="Y2033">
        <v>92</v>
      </c>
      <c r="Z2033">
        <v>94</v>
      </c>
      <c r="AA2033">
        <v>97</v>
      </c>
      <c r="AB2033">
        <v>99</v>
      </c>
      <c r="AC2033">
        <v>101</v>
      </c>
      <c r="AD2033">
        <v>104</v>
      </c>
      <c r="AE2033">
        <v>106</v>
      </c>
      <c r="AF2033">
        <v>109</v>
      </c>
      <c r="AG2033">
        <v>111</v>
      </c>
      <c r="AH2033">
        <v>114</v>
      </c>
      <c r="AI2033">
        <v>116</v>
      </c>
      <c r="AJ2033">
        <v>119</v>
      </c>
      <c r="AK2033">
        <v>122</v>
      </c>
      <c r="AL2033">
        <v>124</v>
      </c>
      <c r="AM2033">
        <v>125</v>
      </c>
      <c r="AN2033">
        <v>127</v>
      </c>
      <c r="AO2033">
        <v>129</v>
      </c>
      <c r="AP2033">
        <v>130</v>
      </c>
      <c r="AQ2033">
        <v>132</v>
      </c>
    </row>
    <row r="2034" spans="1:43">
      <c r="A2034" t="s">
        <v>1330</v>
      </c>
      <c r="B2034" t="s">
        <v>1331</v>
      </c>
      <c r="C2034" t="s">
        <v>1282</v>
      </c>
      <c r="D2034" t="s">
        <v>1283</v>
      </c>
      <c r="E2034" t="s">
        <v>1192</v>
      </c>
      <c r="F2034" t="s">
        <v>1193</v>
      </c>
      <c r="G2034" t="s">
        <v>80</v>
      </c>
      <c r="H2034" t="s">
        <v>81</v>
      </c>
      <c r="I2034" s="2">
        <v>0</v>
      </c>
      <c r="J2034" s="2">
        <v>1</v>
      </c>
      <c r="K2034" s="2">
        <v>0</v>
      </c>
      <c r="L2034" t="s">
        <v>82</v>
      </c>
      <c r="M2034" t="s">
        <v>83</v>
      </c>
      <c r="N2034" t="s">
        <v>84</v>
      </c>
      <c r="O2034" t="s">
        <v>85</v>
      </c>
      <c r="P2034" t="s">
        <v>86</v>
      </c>
      <c r="Q2034">
        <v>100</v>
      </c>
      <c r="R2034">
        <v>102</v>
      </c>
      <c r="S2034">
        <v>103</v>
      </c>
      <c r="T2034">
        <v>105</v>
      </c>
      <c r="U2034">
        <v>106</v>
      </c>
      <c r="V2034">
        <v>107</v>
      </c>
      <c r="W2034">
        <v>109</v>
      </c>
      <c r="X2034">
        <v>110</v>
      </c>
      <c r="Y2034">
        <v>112</v>
      </c>
      <c r="Z2034">
        <v>113</v>
      </c>
      <c r="AA2034">
        <v>115</v>
      </c>
      <c r="AB2034">
        <v>116</v>
      </c>
      <c r="AC2034">
        <v>118</v>
      </c>
      <c r="AD2034">
        <v>119</v>
      </c>
      <c r="AE2034">
        <v>120</v>
      </c>
      <c r="AF2034">
        <v>122</v>
      </c>
      <c r="AG2034">
        <v>123</v>
      </c>
      <c r="AH2034">
        <v>125</v>
      </c>
      <c r="AI2034">
        <v>126</v>
      </c>
      <c r="AJ2034">
        <v>127</v>
      </c>
      <c r="AK2034">
        <v>129</v>
      </c>
      <c r="AL2034">
        <v>129</v>
      </c>
      <c r="AM2034">
        <v>130</v>
      </c>
      <c r="AN2034">
        <v>130</v>
      </c>
      <c r="AO2034">
        <v>130</v>
      </c>
      <c r="AP2034">
        <v>130</v>
      </c>
      <c r="AQ2034">
        <v>131</v>
      </c>
    </row>
    <row r="2035" spans="1:43">
      <c r="A2035" t="s">
        <v>1330</v>
      </c>
      <c r="B2035" t="s">
        <v>1331</v>
      </c>
      <c r="C2035" t="s">
        <v>1282</v>
      </c>
      <c r="D2035" t="s">
        <v>1283</v>
      </c>
      <c r="E2035" t="s">
        <v>1192</v>
      </c>
      <c r="F2035" t="s">
        <v>1193</v>
      </c>
      <c r="G2035" t="s">
        <v>80</v>
      </c>
      <c r="H2035" t="s">
        <v>81</v>
      </c>
      <c r="I2035" s="2">
        <v>0</v>
      </c>
      <c r="J2035" s="2">
        <v>1</v>
      </c>
      <c r="K2035" s="2">
        <v>0</v>
      </c>
      <c r="L2035" t="s">
        <v>82</v>
      </c>
      <c r="M2035" t="s">
        <v>87</v>
      </c>
      <c r="N2035" t="s">
        <v>88</v>
      </c>
      <c r="O2035" t="s">
        <v>85</v>
      </c>
      <c r="P2035" t="s">
        <v>86</v>
      </c>
      <c r="Q2035">
        <v>100</v>
      </c>
      <c r="R2035">
        <v>101</v>
      </c>
      <c r="S2035">
        <v>101</v>
      </c>
      <c r="T2035">
        <v>102</v>
      </c>
      <c r="U2035">
        <v>102</v>
      </c>
      <c r="V2035">
        <v>103</v>
      </c>
      <c r="W2035">
        <v>103</v>
      </c>
      <c r="X2035">
        <v>104</v>
      </c>
      <c r="Y2035">
        <v>104</v>
      </c>
      <c r="Z2035">
        <v>105</v>
      </c>
      <c r="AA2035">
        <v>106</v>
      </c>
      <c r="AB2035">
        <v>106</v>
      </c>
      <c r="AC2035">
        <v>107</v>
      </c>
      <c r="AD2035">
        <v>107</v>
      </c>
      <c r="AE2035">
        <v>108</v>
      </c>
      <c r="AF2035">
        <v>108</v>
      </c>
      <c r="AG2035">
        <v>109</v>
      </c>
      <c r="AH2035">
        <v>109</v>
      </c>
      <c r="AI2035">
        <v>110</v>
      </c>
      <c r="AJ2035">
        <v>110</v>
      </c>
      <c r="AK2035">
        <v>111</v>
      </c>
      <c r="AL2035">
        <v>112</v>
      </c>
      <c r="AM2035">
        <v>112</v>
      </c>
      <c r="AN2035">
        <v>113</v>
      </c>
      <c r="AO2035">
        <v>113</v>
      </c>
      <c r="AP2035">
        <v>114</v>
      </c>
      <c r="AQ2035">
        <v>114</v>
      </c>
    </row>
    <row r="2036" spans="1:43">
      <c r="A2036" t="s">
        <v>1330</v>
      </c>
      <c r="B2036" t="s">
        <v>1331</v>
      </c>
      <c r="C2036" t="s">
        <v>1282</v>
      </c>
      <c r="D2036" t="s">
        <v>1283</v>
      </c>
      <c r="E2036" t="s">
        <v>1192</v>
      </c>
      <c r="F2036" t="s">
        <v>1193</v>
      </c>
      <c r="G2036" t="s">
        <v>80</v>
      </c>
      <c r="H2036" t="s">
        <v>81</v>
      </c>
      <c r="I2036" s="2">
        <v>0</v>
      </c>
      <c r="J2036" s="2">
        <v>1</v>
      </c>
      <c r="K2036" s="2">
        <v>0</v>
      </c>
      <c r="L2036" t="s">
        <v>82</v>
      </c>
      <c r="M2036" t="s">
        <v>89</v>
      </c>
      <c r="N2036" t="s">
        <v>90</v>
      </c>
      <c r="O2036" t="s">
        <v>85</v>
      </c>
      <c r="P2036" t="s">
        <v>86</v>
      </c>
      <c r="Q2036">
        <v>100</v>
      </c>
      <c r="R2036">
        <v>102</v>
      </c>
      <c r="S2036">
        <v>105</v>
      </c>
      <c r="T2036">
        <v>107</v>
      </c>
      <c r="U2036">
        <v>109</v>
      </c>
      <c r="V2036">
        <v>111</v>
      </c>
      <c r="W2036">
        <v>114</v>
      </c>
      <c r="X2036">
        <v>116</v>
      </c>
      <c r="Y2036">
        <v>117</v>
      </c>
      <c r="Z2036">
        <v>119</v>
      </c>
      <c r="AA2036">
        <v>121</v>
      </c>
      <c r="AB2036">
        <v>123</v>
      </c>
      <c r="AC2036">
        <v>125</v>
      </c>
      <c r="AD2036">
        <v>127</v>
      </c>
      <c r="AE2036">
        <v>128</v>
      </c>
      <c r="AF2036">
        <v>128</v>
      </c>
      <c r="AG2036">
        <v>129</v>
      </c>
      <c r="AH2036">
        <v>129</v>
      </c>
      <c r="AI2036">
        <v>129</v>
      </c>
      <c r="AJ2036">
        <v>129</v>
      </c>
      <c r="AK2036">
        <v>130</v>
      </c>
      <c r="AL2036">
        <v>130</v>
      </c>
      <c r="AM2036">
        <v>130</v>
      </c>
      <c r="AN2036">
        <v>130</v>
      </c>
      <c r="AO2036">
        <v>131</v>
      </c>
      <c r="AP2036">
        <v>131</v>
      </c>
      <c r="AQ2036">
        <v>131</v>
      </c>
    </row>
    <row r="2037" spans="1:43">
      <c r="A2037" t="s">
        <v>1330</v>
      </c>
      <c r="B2037" t="s">
        <v>1331</v>
      </c>
      <c r="C2037" t="s">
        <v>1282</v>
      </c>
      <c r="D2037" t="s">
        <v>1283</v>
      </c>
      <c r="E2037" t="s">
        <v>1192</v>
      </c>
      <c r="F2037" t="s">
        <v>1193</v>
      </c>
      <c r="G2037" t="s">
        <v>80</v>
      </c>
      <c r="H2037" t="s">
        <v>81</v>
      </c>
      <c r="I2037" s="2">
        <v>0</v>
      </c>
      <c r="J2037" s="2">
        <v>1</v>
      </c>
      <c r="K2037" s="2">
        <v>0</v>
      </c>
      <c r="L2037" t="s">
        <v>82</v>
      </c>
      <c r="M2037" t="s">
        <v>83</v>
      </c>
      <c r="N2037" t="s">
        <v>91</v>
      </c>
      <c r="O2037" t="s">
        <v>85</v>
      </c>
      <c r="P2037" t="s">
        <v>86</v>
      </c>
      <c r="Q2037">
        <v>100</v>
      </c>
      <c r="R2037">
        <v>102</v>
      </c>
      <c r="S2037">
        <v>103</v>
      </c>
      <c r="T2037">
        <v>105</v>
      </c>
      <c r="U2037">
        <v>106</v>
      </c>
      <c r="V2037">
        <v>107</v>
      </c>
      <c r="W2037">
        <v>109</v>
      </c>
      <c r="X2037">
        <v>110</v>
      </c>
      <c r="Y2037">
        <v>112</v>
      </c>
      <c r="Z2037">
        <v>113</v>
      </c>
      <c r="AA2037">
        <v>115</v>
      </c>
      <c r="AB2037">
        <v>116</v>
      </c>
      <c r="AC2037">
        <v>118</v>
      </c>
      <c r="AD2037">
        <v>119</v>
      </c>
      <c r="AE2037">
        <v>120</v>
      </c>
      <c r="AF2037">
        <v>122</v>
      </c>
      <c r="AG2037">
        <v>123</v>
      </c>
      <c r="AH2037">
        <v>125</v>
      </c>
      <c r="AI2037">
        <v>126</v>
      </c>
      <c r="AJ2037">
        <v>127</v>
      </c>
      <c r="AK2037">
        <v>129</v>
      </c>
      <c r="AL2037">
        <v>129</v>
      </c>
      <c r="AM2037">
        <v>130</v>
      </c>
      <c r="AN2037">
        <v>130</v>
      </c>
      <c r="AO2037">
        <v>130</v>
      </c>
      <c r="AP2037">
        <v>130</v>
      </c>
      <c r="AQ2037">
        <v>131</v>
      </c>
    </row>
    <row r="2038" spans="1:43">
      <c r="A2038" t="s">
        <v>1332</v>
      </c>
      <c r="B2038" t="s">
        <v>1333</v>
      </c>
      <c r="C2038" t="s">
        <v>1334</v>
      </c>
      <c r="D2038" t="s">
        <v>1335</v>
      </c>
      <c r="E2038" t="s">
        <v>1192</v>
      </c>
      <c r="F2038" t="s">
        <v>1193</v>
      </c>
      <c r="G2038" t="s">
        <v>80</v>
      </c>
      <c r="H2038" t="s">
        <v>81</v>
      </c>
      <c r="I2038" s="2">
        <v>0</v>
      </c>
      <c r="J2038" s="2">
        <v>1</v>
      </c>
      <c r="K2038" s="2">
        <v>0</v>
      </c>
      <c r="L2038" t="s">
        <v>82</v>
      </c>
      <c r="M2038" t="s">
        <v>83</v>
      </c>
      <c r="N2038" t="s">
        <v>84</v>
      </c>
      <c r="O2038" t="s">
        <v>85</v>
      </c>
      <c r="P2038" t="s">
        <v>86</v>
      </c>
      <c r="Q2038">
        <v>33</v>
      </c>
      <c r="R2038">
        <v>34</v>
      </c>
      <c r="S2038">
        <v>35</v>
      </c>
      <c r="T2038">
        <v>36</v>
      </c>
      <c r="U2038">
        <v>37</v>
      </c>
      <c r="V2038">
        <v>38</v>
      </c>
      <c r="W2038">
        <v>39</v>
      </c>
      <c r="X2038">
        <v>40</v>
      </c>
      <c r="Y2038">
        <v>41</v>
      </c>
      <c r="Z2038">
        <v>42</v>
      </c>
      <c r="AA2038">
        <v>43</v>
      </c>
      <c r="AB2038">
        <v>44</v>
      </c>
      <c r="AC2038">
        <v>45</v>
      </c>
      <c r="AD2038">
        <v>47</v>
      </c>
      <c r="AE2038">
        <v>48</v>
      </c>
      <c r="AF2038">
        <v>49</v>
      </c>
      <c r="AG2038">
        <v>50</v>
      </c>
      <c r="AH2038">
        <v>51</v>
      </c>
      <c r="AI2038">
        <v>52</v>
      </c>
      <c r="AJ2038">
        <v>54</v>
      </c>
      <c r="AK2038">
        <v>55</v>
      </c>
      <c r="AL2038">
        <v>56</v>
      </c>
      <c r="AM2038">
        <v>56</v>
      </c>
      <c r="AN2038">
        <v>57</v>
      </c>
      <c r="AO2038">
        <v>58</v>
      </c>
      <c r="AP2038">
        <v>59</v>
      </c>
      <c r="AQ2038">
        <v>59</v>
      </c>
    </row>
    <row r="2039" spans="1:43">
      <c r="A2039" t="s">
        <v>1332</v>
      </c>
      <c r="B2039" t="s">
        <v>1333</v>
      </c>
      <c r="C2039" t="s">
        <v>1334</v>
      </c>
      <c r="D2039" t="s">
        <v>1335</v>
      </c>
      <c r="E2039" t="s">
        <v>1192</v>
      </c>
      <c r="F2039" t="s">
        <v>1193</v>
      </c>
      <c r="G2039" t="s">
        <v>80</v>
      </c>
      <c r="H2039" t="s">
        <v>81</v>
      </c>
      <c r="I2039" s="2">
        <v>0</v>
      </c>
      <c r="J2039" s="2">
        <v>1</v>
      </c>
      <c r="K2039" s="2">
        <v>0</v>
      </c>
      <c r="L2039" t="s">
        <v>82</v>
      </c>
      <c r="M2039" t="s">
        <v>87</v>
      </c>
      <c r="N2039" t="s">
        <v>88</v>
      </c>
      <c r="O2039" t="s">
        <v>85</v>
      </c>
      <c r="P2039" t="s">
        <v>86</v>
      </c>
      <c r="Q2039">
        <v>33</v>
      </c>
      <c r="R2039">
        <v>34</v>
      </c>
      <c r="S2039">
        <v>34</v>
      </c>
      <c r="T2039">
        <v>35</v>
      </c>
      <c r="U2039">
        <v>35</v>
      </c>
      <c r="V2039">
        <v>36</v>
      </c>
      <c r="W2039">
        <v>37</v>
      </c>
      <c r="X2039">
        <v>37</v>
      </c>
      <c r="Y2039">
        <v>38</v>
      </c>
      <c r="Z2039">
        <v>39</v>
      </c>
      <c r="AA2039">
        <v>39</v>
      </c>
      <c r="AB2039">
        <v>40</v>
      </c>
      <c r="AC2039">
        <v>41</v>
      </c>
      <c r="AD2039">
        <v>41</v>
      </c>
      <c r="AE2039">
        <v>42</v>
      </c>
      <c r="AF2039">
        <v>43</v>
      </c>
      <c r="AG2039">
        <v>44</v>
      </c>
      <c r="AH2039">
        <v>44</v>
      </c>
      <c r="AI2039">
        <v>45</v>
      </c>
      <c r="AJ2039">
        <v>46</v>
      </c>
      <c r="AK2039">
        <v>47</v>
      </c>
      <c r="AL2039">
        <v>47</v>
      </c>
      <c r="AM2039">
        <v>48</v>
      </c>
      <c r="AN2039">
        <v>49</v>
      </c>
      <c r="AO2039">
        <v>50</v>
      </c>
      <c r="AP2039">
        <v>51</v>
      </c>
      <c r="AQ2039">
        <v>51</v>
      </c>
    </row>
    <row r="2040" spans="1:43">
      <c r="A2040" t="s">
        <v>1332</v>
      </c>
      <c r="B2040" t="s">
        <v>1333</v>
      </c>
      <c r="C2040" t="s">
        <v>1334</v>
      </c>
      <c r="D2040" t="s">
        <v>1335</v>
      </c>
      <c r="E2040" t="s">
        <v>1192</v>
      </c>
      <c r="F2040" t="s">
        <v>1193</v>
      </c>
      <c r="G2040" t="s">
        <v>80</v>
      </c>
      <c r="H2040" t="s">
        <v>81</v>
      </c>
      <c r="I2040" s="2">
        <v>0</v>
      </c>
      <c r="J2040" s="2">
        <v>1</v>
      </c>
      <c r="K2040" s="2">
        <v>0</v>
      </c>
      <c r="L2040" t="s">
        <v>82</v>
      </c>
      <c r="M2040" t="s">
        <v>89</v>
      </c>
      <c r="N2040" t="s">
        <v>90</v>
      </c>
      <c r="O2040" t="s">
        <v>85</v>
      </c>
      <c r="P2040" t="s">
        <v>86</v>
      </c>
      <c r="Q2040">
        <v>33</v>
      </c>
      <c r="R2040">
        <v>34</v>
      </c>
      <c r="S2040">
        <v>35</v>
      </c>
      <c r="T2040">
        <v>36</v>
      </c>
      <c r="U2040">
        <v>38</v>
      </c>
      <c r="V2040">
        <v>39</v>
      </c>
      <c r="W2040">
        <v>40</v>
      </c>
      <c r="X2040">
        <v>41</v>
      </c>
      <c r="Y2040">
        <v>43</v>
      </c>
      <c r="Z2040">
        <v>44</v>
      </c>
      <c r="AA2040">
        <v>45</v>
      </c>
      <c r="AB2040">
        <v>46</v>
      </c>
      <c r="AC2040">
        <v>48</v>
      </c>
      <c r="AD2040">
        <v>49</v>
      </c>
      <c r="AE2040">
        <v>50</v>
      </c>
      <c r="AF2040">
        <v>51</v>
      </c>
      <c r="AG2040">
        <v>52</v>
      </c>
      <c r="AH2040">
        <v>52</v>
      </c>
      <c r="AI2040">
        <v>53</v>
      </c>
      <c r="AJ2040">
        <v>54</v>
      </c>
      <c r="AK2040">
        <v>54</v>
      </c>
      <c r="AL2040">
        <v>55</v>
      </c>
      <c r="AM2040">
        <v>56</v>
      </c>
      <c r="AN2040">
        <v>57</v>
      </c>
      <c r="AO2040">
        <v>57</v>
      </c>
      <c r="AP2040">
        <v>58</v>
      </c>
      <c r="AQ2040">
        <v>59</v>
      </c>
    </row>
    <row r="2041" spans="1:43">
      <c r="A2041" t="s">
        <v>1332</v>
      </c>
      <c r="B2041" t="s">
        <v>1333</v>
      </c>
      <c r="C2041" t="s">
        <v>1334</v>
      </c>
      <c r="D2041" t="s">
        <v>1335</v>
      </c>
      <c r="E2041" t="s">
        <v>1192</v>
      </c>
      <c r="F2041" t="s">
        <v>1193</v>
      </c>
      <c r="G2041" t="s">
        <v>80</v>
      </c>
      <c r="H2041" t="s">
        <v>81</v>
      </c>
      <c r="I2041" s="2">
        <v>0</v>
      </c>
      <c r="J2041" s="2">
        <v>1</v>
      </c>
      <c r="K2041" s="2">
        <v>0</v>
      </c>
      <c r="L2041" t="s">
        <v>82</v>
      </c>
      <c r="M2041" t="s">
        <v>83</v>
      </c>
      <c r="N2041" t="s">
        <v>91</v>
      </c>
      <c r="O2041" t="s">
        <v>85</v>
      </c>
      <c r="P2041" t="s">
        <v>86</v>
      </c>
      <c r="Q2041">
        <v>33</v>
      </c>
      <c r="R2041">
        <v>34</v>
      </c>
      <c r="S2041">
        <v>35</v>
      </c>
      <c r="T2041">
        <v>36</v>
      </c>
      <c r="U2041">
        <v>37</v>
      </c>
      <c r="V2041">
        <v>38</v>
      </c>
      <c r="W2041">
        <v>39</v>
      </c>
      <c r="X2041">
        <v>40</v>
      </c>
      <c r="Y2041">
        <v>41</v>
      </c>
      <c r="Z2041">
        <v>42</v>
      </c>
      <c r="AA2041">
        <v>43</v>
      </c>
      <c r="AB2041">
        <v>44</v>
      </c>
      <c r="AC2041">
        <v>45</v>
      </c>
      <c r="AD2041">
        <v>47</v>
      </c>
      <c r="AE2041">
        <v>48</v>
      </c>
      <c r="AF2041">
        <v>49</v>
      </c>
      <c r="AG2041">
        <v>50</v>
      </c>
      <c r="AH2041">
        <v>51</v>
      </c>
      <c r="AI2041">
        <v>52</v>
      </c>
      <c r="AJ2041">
        <v>54</v>
      </c>
      <c r="AK2041">
        <v>55</v>
      </c>
      <c r="AL2041">
        <v>56</v>
      </c>
      <c r="AM2041">
        <v>56</v>
      </c>
      <c r="AN2041">
        <v>57</v>
      </c>
      <c r="AO2041">
        <v>58</v>
      </c>
      <c r="AP2041">
        <v>59</v>
      </c>
      <c r="AQ2041">
        <v>59</v>
      </c>
    </row>
    <row r="2042" spans="1:43">
      <c r="A2042" t="s">
        <v>1336</v>
      </c>
      <c r="B2042" t="s">
        <v>1337</v>
      </c>
      <c r="C2042" t="s">
        <v>1334</v>
      </c>
      <c r="D2042" t="s">
        <v>1335</v>
      </c>
      <c r="E2042" t="s">
        <v>1192</v>
      </c>
      <c r="F2042" t="s">
        <v>1193</v>
      </c>
      <c r="G2042" t="s">
        <v>80</v>
      </c>
      <c r="H2042" t="s">
        <v>81</v>
      </c>
      <c r="I2042" s="2">
        <v>0</v>
      </c>
      <c r="J2042" s="2">
        <v>1</v>
      </c>
      <c r="K2042" s="2">
        <v>0</v>
      </c>
      <c r="L2042" t="s">
        <v>82</v>
      </c>
      <c r="M2042" t="s">
        <v>83</v>
      </c>
      <c r="N2042" t="s">
        <v>84</v>
      </c>
      <c r="O2042" t="s">
        <v>85</v>
      </c>
      <c r="P2042" t="s">
        <v>86</v>
      </c>
      <c r="Q2042">
        <v>38</v>
      </c>
      <c r="R2042">
        <v>39</v>
      </c>
      <c r="S2042">
        <v>40</v>
      </c>
      <c r="T2042">
        <v>41</v>
      </c>
      <c r="U2042">
        <v>43</v>
      </c>
      <c r="V2042">
        <v>44</v>
      </c>
      <c r="W2042">
        <v>45</v>
      </c>
      <c r="X2042">
        <v>46</v>
      </c>
      <c r="Y2042">
        <v>47</v>
      </c>
      <c r="Z2042">
        <v>48</v>
      </c>
      <c r="AA2042">
        <v>50</v>
      </c>
      <c r="AB2042">
        <v>51</v>
      </c>
      <c r="AC2042">
        <v>52</v>
      </c>
      <c r="AD2042">
        <v>53</v>
      </c>
      <c r="AE2042">
        <v>55</v>
      </c>
      <c r="AF2042">
        <v>56</v>
      </c>
      <c r="AG2042">
        <v>57</v>
      </c>
      <c r="AH2042">
        <v>59</v>
      </c>
      <c r="AI2042">
        <v>60</v>
      </c>
      <c r="AJ2042">
        <v>62</v>
      </c>
      <c r="AK2042">
        <v>63</v>
      </c>
      <c r="AL2042">
        <v>64</v>
      </c>
      <c r="AM2042">
        <v>65</v>
      </c>
      <c r="AN2042">
        <v>66</v>
      </c>
      <c r="AO2042">
        <v>67</v>
      </c>
      <c r="AP2042">
        <v>68</v>
      </c>
      <c r="AQ2042">
        <v>68</v>
      </c>
    </row>
    <row r="2043" spans="1:43">
      <c r="A2043" t="s">
        <v>1336</v>
      </c>
      <c r="B2043" t="s">
        <v>1337</v>
      </c>
      <c r="C2043" t="s">
        <v>1334</v>
      </c>
      <c r="D2043" t="s">
        <v>1335</v>
      </c>
      <c r="E2043" t="s">
        <v>1192</v>
      </c>
      <c r="F2043" t="s">
        <v>1193</v>
      </c>
      <c r="G2043" t="s">
        <v>80</v>
      </c>
      <c r="H2043" t="s">
        <v>81</v>
      </c>
      <c r="I2043" s="2">
        <v>0</v>
      </c>
      <c r="J2043" s="2">
        <v>1</v>
      </c>
      <c r="K2043" s="2">
        <v>0</v>
      </c>
      <c r="L2043" t="s">
        <v>82</v>
      </c>
      <c r="M2043" t="s">
        <v>87</v>
      </c>
      <c r="N2043" t="s">
        <v>88</v>
      </c>
      <c r="O2043" t="s">
        <v>85</v>
      </c>
      <c r="P2043" t="s">
        <v>86</v>
      </c>
      <c r="Q2043">
        <v>38</v>
      </c>
      <c r="R2043">
        <v>39</v>
      </c>
      <c r="S2043">
        <v>39</v>
      </c>
      <c r="T2043">
        <v>40</v>
      </c>
      <c r="U2043">
        <v>41</v>
      </c>
      <c r="V2043">
        <v>41</v>
      </c>
      <c r="W2043">
        <v>42</v>
      </c>
      <c r="X2043">
        <v>43</v>
      </c>
      <c r="Y2043">
        <v>44</v>
      </c>
      <c r="Z2043">
        <v>44</v>
      </c>
      <c r="AA2043">
        <v>45</v>
      </c>
      <c r="AB2043">
        <v>46</v>
      </c>
      <c r="AC2043">
        <v>47</v>
      </c>
      <c r="AD2043">
        <v>48</v>
      </c>
      <c r="AE2043">
        <v>48</v>
      </c>
      <c r="AF2043">
        <v>49</v>
      </c>
      <c r="AG2043">
        <v>50</v>
      </c>
      <c r="AH2043">
        <v>51</v>
      </c>
      <c r="AI2043">
        <v>52</v>
      </c>
      <c r="AJ2043">
        <v>53</v>
      </c>
      <c r="AK2043">
        <v>54</v>
      </c>
      <c r="AL2043">
        <v>54</v>
      </c>
      <c r="AM2043">
        <v>55</v>
      </c>
      <c r="AN2043">
        <v>56</v>
      </c>
      <c r="AO2043">
        <v>57</v>
      </c>
      <c r="AP2043">
        <v>58</v>
      </c>
      <c r="AQ2043">
        <v>59</v>
      </c>
    </row>
    <row r="2044" spans="1:43">
      <c r="A2044" t="s">
        <v>1336</v>
      </c>
      <c r="B2044" t="s">
        <v>1337</v>
      </c>
      <c r="C2044" t="s">
        <v>1334</v>
      </c>
      <c r="D2044" t="s">
        <v>1335</v>
      </c>
      <c r="E2044" t="s">
        <v>1192</v>
      </c>
      <c r="F2044" t="s">
        <v>1193</v>
      </c>
      <c r="G2044" t="s">
        <v>80</v>
      </c>
      <c r="H2044" t="s">
        <v>81</v>
      </c>
      <c r="I2044" s="2">
        <v>0</v>
      </c>
      <c r="J2044" s="2">
        <v>1</v>
      </c>
      <c r="K2044" s="2">
        <v>0</v>
      </c>
      <c r="L2044" t="s">
        <v>82</v>
      </c>
      <c r="M2044" t="s">
        <v>89</v>
      </c>
      <c r="N2044" t="s">
        <v>90</v>
      </c>
      <c r="O2044" t="s">
        <v>85</v>
      </c>
      <c r="P2044" t="s">
        <v>86</v>
      </c>
      <c r="Q2044">
        <v>38</v>
      </c>
      <c r="R2044">
        <v>39</v>
      </c>
      <c r="S2044">
        <v>40</v>
      </c>
      <c r="T2044">
        <v>42</v>
      </c>
      <c r="U2044">
        <v>43</v>
      </c>
      <c r="V2044">
        <v>45</v>
      </c>
      <c r="W2044">
        <v>46</v>
      </c>
      <c r="X2044">
        <v>48</v>
      </c>
      <c r="Y2044">
        <v>49</v>
      </c>
      <c r="Z2044">
        <v>51</v>
      </c>
      <c r="AA2044">
        <v>52</v>
      </c>
      <c r="AB2044">
        <v>53</v>
      </c>
      <c r="AC2044">
        <v>55</v>
      </c>
      <c r="AD2044">
        <v>57</v>
      </c>
      <c r="AE2044">
        <v>58</v>
      </c>
      <c r="AF2044">
        <v>59</v>
      </c>
      <c r="AG2044">
        <v>59</v>
      </c>
      <c r="AH2044">
        <v>60</v>
      </c>
      <c r="AI2044">
        <v>61</v>
      </c>
      <c r="AJ2044">
        <v>62</v>
      </c>
      <c r="AK2044">
        <v>63</v>
      </c>
      <c r="AL2044">
        <v>64</v>
      </c>
      <c r="AM2044">
        <v>64</v>
      </c>
      <c r="AN2044">
        <v>65</v>
      </c>
      <c r="AO2044">
        <v>66</v>
      </c>
      <c r="AP2044">
        <v>67</v>
      </c>
      <c r="AQ2044">
        <v>68</v>
      </c>
    </row>
    <row r="2045" spans="1:43">
      <c r="A2045" t="s">
        <v>1336</v>
      </c>
      <c r="B2045" t="s">
        <v>1337</v>
      </c>
      <c r="C2045" t="s">
        <v>1334</v>
      </c>
      <c r="D2045" t="s">
        <v>1335</v>
      </c>
      <c r="E2045" t="s">
        <v>1192</v>
      </c>
      <c r="F2045" t="s">
        <v>1193</v>
      </c>
      <c r="G2045" t="s">
        <v>80</v>
      </c>
      <c r="H2045" t="s">
        <v>81</v>
      </c>
      <c r="I2045" s="2">
        <v>0</v>
      </c>
      <c r="J2045" s="2">
        <v>1</v>
      </c>
      <c r="K2045" s="2">
        <v>0</v>
      </c>
      <c r="L2045" t="s">
        <v>82</v>
      </c>
      <c r="M2045" t="s">
        <v>83</v>
      </c>
      <c r="N2045" t="s">
        <v>91</v>
      </c>
      <c r="O2045" t="s">
        <v>85</v>
      </c>
      <c r="P2045" t="s">
        <v>86</v>
      </c>
      <c r="Q2045">
        <v>38</v>
      </c>
      <c r="R2045">
        <v>39</v>
      </c>
      <c r="S2045">
        <v>40</v>
      </c>
      <c r="T2045">
        <v>41</v>
      </c>
      <c r="U2045">
        <v>43</v>
      </c>
      <c r="V2045">
        <v>44</v>
      </c>
      <c r="W2045">
        <v>45</v>
      </c>
      <c r="X2045">
        <v>46</v>
      </c>
      <c r="Y2045">
        <v>47</v>
      </c>
      <c r="Z2045">
        <v>48</v>
      </c>
      <c r="AA2045">
        <v>50</v>
      </c>
      <c r="AB2045">
        <v>51</v>
      </c>
      <c r="AC2045">
        <v>52</v>
      </c>
      <c r="AD2045">
        <v>53</v>
      </c>
      <c r="AE2045">
        <v>55</v>
      </c>
      <c r="AF2045">
        <v>56</v>
      </c>
      <c r="AG2045">
        <v>57</v>
      </c>
      <c r="AH2045">
        <v>59</v>
      </c>
      <c r="AI2045">
        <v>60</v>
      </c>
      <c r="AJ2045">
        <v>62</v>
      </c>
      <c r="AK2045">
        <v>63</v>
      </c>
      <c r="AL2045">
        <v>64</v>
      </c>
      <c r="AM2045">
        <v>65</v>
      </c>
      <c r="AN2045">
        <v>66</v>
      </c>
      <c r="AO2045">
        <v>67</v>
      </c>
      <c r="AP2045">
        <v>68</v>
      </c>
      <c r="AQ2045">
        <v>68</v>
      </c>
    </row>
    <row r="2046" spans="1:43">
      <c r="A2046" t="s">
        <v>1338</v>
      </c>
      <c r="B2046" t="s">
        <v>1339</v>
      </c>
      <c r="C2046" t="s">
        <v>1334</v>
      </c>
      <c r="D2046" t="s">
        <v>1335</v>
      </c>
      <c r="E2046" t="s">
        <v>1192</v>
      </c>
      <c r="F2046" t="s">
        <v>1193</v>
      </c>
      <c r="G2046" t="s">
        <v>80</v>
      </c>
      <c r="H2046" t="s">
        <v>81</v>
      </c>
      <c r="I2046" s="2">
        <v>0</v>
      </c>
      <c r="J2046" s="2">
        <v>1</v>
      </c>
      <c r="K2046" s="2">
        <v>0</v>
      </c>
      <c r="L2046" t="s">
        <v>82</v>
      </c>
      <c r="M2046" t="s">
        <v>83</v>
      </c>
      <c r="N2046" t="s">
        <v>84</v>
      </c>
      <c r="O2046" t="s">
        <v>85</v>
      </c>
      <c r="P2046" t="s">
        <v>86</v>
      </c>
      <c r="Q2046">
        <v>58</v>
      </c>
      <c r="R2046">
        <v>60</v>
      </c>
      <c r="S2046">
        <v>62</v>
      </c>
      <c r="T2046">
        <v>63</v>
      </c>
      <c r="U2046">
        <v>65</v>
      </c>
      <c r="V2046">
        <v>67</v>
      </c>
      <c r="W2046">
        <v>68</v>
      </c>
      <c r="X2046">
        <v>70</v>
      </c>
      <c r="Y2046">
        <v>72</v>
      </c>
      <c r="Z2046">
        <v>74</v>
      </c>
      <c r="AA2046">
        <v>76</v>
      </c>
      <c r="AB2046">
        <v>78</v>
      </c>
      <c r="AC2046">
        <v>80</v>
      </c>
      <c r="AD2046">
        <v>82</v>
      </c>
      <c r="AE2046">
        <v>84</v>
      </c>
      <c r="AF2046">
        <v>86</v>
      </c>
      <c r="AG2046">
        <v>88</v>
      </c>
      <c r="AH2046">
        <v>90</v>
      </c>
      <c r="AI2046">
        <v>92</v>
      </c>
      <c r="AJ2046">
        <v>94</v>
      </c>
      <c r="AK2046">
        <v>96</v>
      </c>
      <c r="AL2046">
        <v>98</v>
      </c>
      <c r="AM2046">
        <v>99</v>
      </c>
      <c r="AN2046">
        <v>100</v>
      </c>
      <c r="AO2046">
        <v>102</v>
      </c>
      <c r="AP2046">
        <v>103</v>
      </c>
      <c r="AQ2046">
        <v>104</v>
      </c>
    </row>
    <row r="2047" spans="1:43">
      <c r="A2047" t="s">
        <v>1338</v>
      </c>
      <c r="B2047" t="s">
        <v>1339</v>
      </c>
      <c r="C2047" t="s">
        <v>1334</v>
      </c>
      <c r="D2047" t="s">
        <v>1335</v>
      </c>
      <c r="E2047" t="s">
        <v>1192</v>
      </c>
      <c r="F2047" t="s">
        <v>1193</v>
      </c>
      <c r="G2047" t="s">
        <v>80</v>
      </c>
      <c r="H2047" t="s">
        <v>81</v>
      </c>
      <c r="I2047" s="2">
        <v>0</v>
      </c>
      <c r="J2047" s="2">
        <v>1</v>
      </c>
      <c r="K2047" s="2">
        <v>0</v>
      </c>
      <c r="L2047" t="s">
        <v>82</v>
      </c>
      <c r="M2047" t="s">
        <v>87</v>
      </c>
      <c r="N2047" t="s">
        <v>88</v>
      </c>
      <c r="O2047" t="s">
        <v>85</v>
      </c>
      <c r="P2047" t="s">
        <v>86</v>
      </c>
      <c r="Q2047">
        <v>58</v>
      </c>
      <c r="R2047">
        <v>59</v>
      </c>
      <c r="S2047">
        <v>60</v>
      </c>
      <c r="T2047">
        <v>61</v>
      </c>
      <c r="U2047">
        <v>62</v>
      </c>
      <c r="V2047">
        <v>63</v>
      </c>
      <c r="W2047">
        <v>64</v>
      </c>
      <c r="X2047">
        <v>65</v>
      </c>
      <c r="Y2047">
        <v>67</v>
      </c>
      <c r="Z2047">
        <v>68</v>
      </c>
      <c r="AA2047">
        <v>69</v>
      </c>
      <c r="AB2047">
        <v>70</v>
      </c>
      <c r="AC2047">
        <v>71</v>
      </c>
      <c r="AD2047">
        <v>73</v>
      </c>
      <c r="AE2047">
        <v>74</v>
      </c>
      <c r="AF2047">
        <v>75</v>
      </c>
      <c r="AG2047">
        <v>76</v>
      </c>
      <c r="AH2047">
        <v>78</v>
      </c>
      <c r="AI2047">
        <v>79</v>
      </c>
      <c r="AJ2047">
        <v>80</v>
      </c>
      <c r="AK2047">
        <v>82</v>
      </c>
      <c r="AL2047">
        <v>83</v>
      </c>
      <c r="AM2047">
        <v>84</v>
      </c>
      <c r="AN2047">
        <v>86</v>
      </c>
      <c r="AO2047">
        <v>87</v>
      </c>
      <c r="AP2047">
        <v>89</v>
      </c>
      <c r="AQ2047">
        <v>90</v>
      </c>
    </row>
    <row r="2048" spans="1:43">
      <c r="A2048" t="s">
        <v>1338</v>
      </c>
      <c r="B2048" t="s">
        <v>1339</v>
      </c>
      <c r="C2048" t="s">
        <v>1334</v>
      </c>
      <c r="D2048" t="s">
        <v>1335</v>
      </c>
      <c r="E2048" t="s">
        <v>1192</v>
      </c>
      <c r="F2048" t="s">
        <v>1193</v>
      </c>
      <c r="G2048" t="s">
        <v>80</v>
      </c>
      <c r="H2048" t="s">
        <v>81</v>
      </c>
      <c r="I2048" s="2">
        <v>0</v>
      </c>
      <c r="J2048" s="2">
        <v>1</v>
      </c>
      <c r="K2048" s="2">
        <v>0</v>
      </c>
      <c r="L2048" t="s">
        <v>82</v>
      </c>
      <c r="M2048" t="s">
        <v>89</v>
      </c>
      <c r="N2048" t="s">
        <v>90</v>
      </c>
      <c r="O2048" t="s">
        <v>85</v>
      </c>
      <c r="P2048" t="s">
        <v>86</v>
      </c>
      <c r="Q2048">
        <v>58</v>
      </c>
      <c r="R2048">
        <v>60</v>
      </c>
      <c r="S2048">
        <v>62</v>
      </c>
      <c r="T2048">
        <v>64</v>
      </c>
      <c r="U2048">
        <v>67</v>
      </c>
      <c r="V2048">
        <v>69</v>
      </c>
      <c r="W2048">
        <v>71</v>
      </c>
      <c r="X2048">
        <v>73</v>
      </c>
      <c r="Y2048">
        <v>75</v>
      </c>
      <c r="Z2048">
        <v>78</v>
      </c>
      <c r="AA2048">
        <v>80</v>
      </c>
      <c r="AB2048">
        <v>82</v>
      </c>
      <c r="AC2048">
        <v>85</v>
      </c>
      <c r="AD2048">
        <v>87</v>
      </c>
      <c r="AE2048">
        <v>89</v>
      </c>
      <c r="AF2048">
        <v>90</v>
      </c>
      <c r="AG2048">
        <v>91</v>
      </c>
      <c r="AH2048">
        <v>93</v>
      </c>
      <c r="AI2048">
        <v>94</v>
      </c>
      <c r="AJ2048">
        <v>95</v>
      </c>
      <c r="AK2048">
        <v>96</v>
      </c>
      <c r="AL2048">
        <v>98</v>
      </c>
      <c r="AM2048">
        <v>99</v>
      </c>
      <c r="AN2048">
        <v>100</v>
      </c>
      <c r="AO2048">
        <v>101</v>
      </c>
      <c r="AP2048">
        <v>103</v>
      </c>
      <c r="AQ2048">
        <v>104</v>
      </c>
    </row>
    <row r="2049" spans="1:43">
      <c r="A2049" t="s">
        <v>1338</v>
      </c>
      <c r="B2049" t="s">
        <v>1339</v>
      </c>
      <c r="C2049" t="s">
        <v>1334</v>
      </c>
      <c r="D2049" t="s">
        <v>1335</v>
      </c>
      <c r="E2049" t="s">
        <v>1192</v>
      </c>
      <c r="F2049" t="s">
        <v>1193</v>
      </c>
      <c r="G2049" t="s">
        <v>80</v>
      </c>
      <c r="H2049" t="s">
        <v>81</v>
      </c>
      <c r="I2049" s="2">
        <v>0</v>
      </c>
      <c r="J2049" s="2">
        <v>1</v>
      </c>
      <c r="K2049" s="2">
        <v>0</v>
      </c>
      <c r="L2049" t="s">
        <v>82</v>
      </c>
      <c r="M2049" t="s">
        <v>83</v>
      </c>
      <c r="N2049" t="s">
        <v>91</v>
      </c>
      <c r="O2049" t="s">
        <v>85</v>
      </c>
      <c r="P2049" t="s">
        <v>86</v>
      </c>
      <c r="Q2049">
        <v>58</v>
      </c>
      <c r="R2049">
        <v>60</v>
      </c>
      <c r="S2049">
        <v>62</v>
      </c>
      <c r="T2049">
        <v>63</v>
      </c>
      <c r="U2049">
        <v>65</v>
      </c>
      <c r="V2049">
        <v>67</v>
      </c>
      <c r="W2049">
        <v>68</v>
      </c>
      <c r="X2049">
        <v>70</v>
      </c>
      <c r="Y2049">
        <v>72</v>
      </c>
      <c r="Z2049">
        <v>74</v>
      </c>
      <c r="AA2049">
        <v>76</v>
      </c>
      <c r="AB2049">
        <v>78</v>
      </c>
      <c r="AC2049">
        <v>80</v>
      </c>
      <c r="AD2049">
        <v>82</v>
      </c>
      <c r="AE2049">
        <v>84</v>
      </c>
      <c r="AF2049">
        <v>86</v>
      </c>
      <c r="AG2049">
        <v>88</v>
      </c>
      <c r="AH2049">
        <v>90</v>
      </c>
      <c r="AI2049">
        <v>92</v>
      </c>
      <c r="AJ2049">
        <v>94</v>
      </c>
      <c r="AK2049">
        <v>96</v>
      </c>
      <c r="AL2049">
        <v>98</v>
      </c>
      <c r="AM2049">
        <v>99</v>
      </c>
      <c r="AN2049">
        <v>100</v>
      </c>
      <c r="AO2049">
        <v>102</v>
      </c>
      <c r="AP2049">
        <v>103</v>
      </c>
      <c r="AQ2049">
        <v>104</v>
      </c>
    </row>
    <row r="2050" spans="1:43">
      <c r="A2050" t="s">
        <v>1340</v>
      </c>
      <c r="B2050" t="s">
        <v>1341</v>
      </c>
      <c r="C2050" t="s">
        <v>1320</v>
      </c>
      <c r="D2050" t="s">
        <v>1321</v>
      </c>
      <c r="E2050" t="s">
        <v>1192</v>
      </c>
      <c r="F2050" t="s">
        <v>1193</v>
      </c>
      <c r="G2050" t="s">
        <v>80</v>
      </c>
      <c r="H2050" t="s">
        <v>81</v>
      </c>
      <c r="I2050" s="2">
        <v>0</v>
      </c>
      <c r="J2050" s="2">
        <v>1</v>
      </c>
      <c r="K2050" s="2">
        <v>0</v>
      </c>
      <c r="L2050" t="s">
        <v>82</v>
      </c>
      <c r="M2050" t="s">
        <v>83</v>
      </c>
      <c r="N2050" t="s">
        <v>84</v>
      </c>
      <c r="O2050" t="s">
        <v>85</v>
      </c>
      <c r="P2050" t="s">
        <v>86</v>
      </c>
      <c r="Q2050">
        <v>75</v>
      </c>
      <c r="R2050">
        <v>77</v>
      </c>
      <c r="S2050">
        <v>79</v>
      </c>
      <c r="T2050">
        <v>81</v>
      </c>
      <c r="U2050">
        <v>84</v>
      </c>
      <c r="V2050">
        <v>86</v>
      </c>
      <c r="W2050">
        <v>88</v>
      </c>
      <c r="X2050">
        <v>90</v>
      </c>
      <c r="Y2050">
        <v>93</v>
      </c>
      <c r="Z2050">
        <v>95</v>
      </c>
      <c r="AA2050">
        <v>97</v>
      </c>
      <c r="AB2050">
        <v>100</v>
      </c>
      <c r="AC2050">
        <v>102</v>
      </c>
      <c r="AD2050">
        <v>105</v>
      </c>
      <c r="AE2050">
        <v>107</v>
      </c>
      <c r="AF2050">
        <v>110</v>
      </c>
      <c r="AG2050">
        <v>113</v>
      </c>
      <c r="AH2050">
        <v>115</v>
      </c>
      <c r="AI2050">
        <v>118</v>
      </c>
      <c r="AJ2050">
        <v>121</v>
      </c>
      <c r="AK2050">
        <v>123</v>
      </c>
      <c r="AL2050">
        <v>126</v>
      </c>
      <c r="AM2050">
        <v>127</v>
      </c>
      <c r="AN2050">
        <v>129</v>
      </c>
      <c r="AO2050">
        <v>131</v>
      </c>
      <c r="AP2050">
        <v>133</v>
      </c>
      <c r="AQ2050">
        <v>134</v>
      </c>
    </row>
    <row r="2051" spans="1:43">
      <c r="A2051" t="s">
        <v>1340</v>
      </c>
      <c r="B2051" t="s">
        <v>1341</v>
      </c>
      <c r="C2051" t="s">
        <v>1320</v>
      </c>
      <c r="D2051" t="s">
        <v>1321</v>
      </c>
      <c r="E2051" t="s">
        <v>1192</v>
      </c>
      <c r="F2051" t="s">
        <v>1193</v>
      </c>
      <c r="G2051" t="s">
        <v>80</v>
      </c>
      <c r="H2051" t="s">
        <v>81</v>
      </c>
      <c r="I2051" s="2">
        <v>0</v>
      </c>
      <c r="J2051" s="2">
        <v>1</v>
      </c>
      <c r="K2051" s="2">
        <v>0</v>
      </c>
      <c r="L2051" t="s">
        <v>82</v>
      </c>
      <c r="M2051" t="s">
        <v>87</v>
      </c>
      <c r="N2051" t="s">
        <v>88</v>
      </c>
      <c r="O2051" t="s">
        <v>85</v>
      </c>
      <c r="P2051" t="s">
        <v>86</v>
      </c>
      <c r="Q2051">
        <v>75</v>
      </c>
      <c r="R2051">
        <v>77</v>
      </c>
      <c r="S2051">
        <v>78</v>
      </c>
      <c r="T2051">
        <v>79</v>
      </c>
      <c r="U2051">
        <v>81</v>
      </c>
      <c r="V2051">
        <v>82</v>
      </c>
      <c r="W2051">
        <v>84</v>
      </c>
      <c r="X2051">
        <v>85</v>
      </c>
      <c r="Y2051">
        <v>87</v>
      </c>
      <c r="Z2051">
        <v>88</v>
      </c>
      <c r="AA2051">
        <v>90</v>
      </c>
      <c r="AB2051">
        <v>91</v>
      </c>
      <c r="AC2051">
        <v>93</v>
      </c>
      <c r="AD2051">
        <v>94</v>
      </c>
      <c r="AE2051">
        <v>96</v>
      </c>
      <c r="AF2051">
        <v>98</v>
      </c>
      <c r="AG2051">
        <v>99</v>
      </c>
      <c r="AH2051">
        <v>101</v>
      </c>
      <c r="AI2051">
        <v>103</v>
      </c>
      <c r="AJ2051">
        <v>104</v>
      </c>
      <c r="AK2051">
        <v>106</v>
      </c>
      <c r="AL2051">
        <v>108</v>
      </c>
      <c r="AM2051">
        <v>109</v>
      </c>
      <c r="AN2051">
        <v>111</v>
      </c>
      <c r="AO2051">
        <v>113</v>
      </c>
      <c r="AP2051">
        <v>115</v>
      </c>
      <c r="AQ2051">
        <v>117</v>
      </c>
    </row>
    <row r="2052" spans="1:43">
      <c r="A2052" t="s">
        <v>1340</v>
      </c>
      <c r="B2052" t="s">
        <v>1341</v>
      </c>
      <c r="C2052" t="s">
        <v>1320</v>
      </c>
      <c r="D2052" t="s">
        <v>1321</v>
      </c>
      <c r="E2052" t="s">
        <v>1192</v>
      </c>
      <c r="F2052" t="s">
        <v>1193</v>
      </c>
      <c r="G2052" t="s">
        <v>80</v>
      </c>
      <c r="H2052" t="s">
        <v>81</v>
      </c>
      <c r="I2052" s="2">
        <v>0</v>
      </c>
      <c r="J2052" s="2">
        <v>1</v>
      </c>
      <c r="K2052" s="2">
        <v>0</v>
      </c>
      <c r="L2052" t="s">
        <v>82</v>
      </c>
      <c r="M2052" t="s">
        <v>89</v>
      </c>
      <c r="N2052" t="s">
        <v>90</v>
      </c>
      <c r="O2052" t="s">
        <v>85</v>
      </c>
      <c r="P2052" t="s">
        <v>86</v>
      </c>
      <c r="Q2052">
        <v>75</v>
      </c>
      <c r="R2052">
        <v>77</v>
      </c>
      <c r="S2052">
        <v>80</v>
      </c>
      <c r="T2052">
        <v>83</v>
      </c>
      <c r="U2052">
        <v>86</v>
      </c>
      <c r="V2052">
        <v>89</v>
      </c>
      <c r="W2052">
        <v>92</v>
      </c>
      <c r="X2052">
        <v>94</v>
      </c>
      <c r="Y2052">
        <v>97</v>
      </c>
      <c r="Z2052">
        <v>100</v>
      </c>
      <c r="AA2052">
        <v>103</v>
      </c>
      <c r="AB2052">
        <v>106</v>
      </c>
      <c r="AC2052">
        <v>109</v>
      </c>
      <c r="AD2052">
        <v>112</v>
      </c>
      <c r="AE2052">
        <v>114</v>
      </c>
      <c r="AF2052">
        <v>116</v>
      </c>
      <c r="AG2052">
        <v>118</v>
      </c>
      <c r="AH2052">
        <v>119</v>
      </c>
      <c r="AI2052">
        <v>121</v>
      </c>
      <c r="AJ2052">
        <v>123</v>
      </c>
      <c r="AK2052">
        <v>124</v>
      </c>
      <c r="AL2052">
        <v>126</v>
      </c>
      <c r="AM2052">
        <v>128</v>
      </c>
      <c r="AN2052">
        <v>130</v>
      </c>
      <c r="AO2052">
        <v>131</v>
      </c>
      <c r="AP2052">
        <v>133</v>
      </c>
      <c r="AQ2052">
        <v>135</v>
      </c>
    </row>
    <row r="2053" spans="1:43">
      <c r="A2053" t="s">
        <v>1340</v>
      </c>
      <c r="B2053" t="s">
        <v>1341</v>
      </c>
      <c r="C2053" t="s">
        <v>1320</v>
      </c>
      <c r="D2053" t="s">
        <v>1321</v>
      </c>
      <c r="E2053" t="s">
        <v>1192</v>
      </c>
      <c r="F2053" t="s">
        <v>1193</v>
      </c>
      <c r="G2053" t="s">
        <v>80</v>
      </c>
      <c r="H2053" t="s">
        <v>81</v>
      </c>
      <c r="I2053" s="2">
        <v>0</v>
      </c>
      <c r="J2053" s="2">
        <v>1</v>
      </c>
      <c r="K2053" s="2">
        <v>0</v>
      </c>
      <c r="L2053" t="s">
        <v>82</v>
      </c>
      <c r="M2053" t="s">
        <v>83</v>
      </c>
      <c r="N2053" t="s">
        <v>91</v>
      </c>
      <c r="O2053" t="s">
        <v>85</v>
      </c>
      <c r="P2053" t="s">
        <v>86</v>
      </c>
      <c r="Q2053">
        <v>75</v>
      </c>
      <c r="R2053">
        <v>77</v>
      </c>
      <c r="S2053">
        <v>79</v>
      </c>
      <c r="T2053">
        <v>81</v>
      </c>
      <c r="U2053">
        <v>84</v>
      </c>
      <c r="V2053">
        <v>86</v>
      </c>
      <c r="W2053">
        <v>88</v>
      </c>
      <c r="X2053">
        <v>90</v>
      </c>
      <c r="Y2053">
        <v>93</v>
      </c>
      <c r="Z2053">
        <v>95</v>
      </c>
      <c r="AA2053">
        <v>97</v>
      </c>
      <c r="AB2053">
        <v>100</v>
      </c>
      <c r="AC2053">
        <v>102</v>
      </c>
      <c r="AD2053">
        <v>105</v>
      </c>
      <c r="AE2053">
        <v>107</v>
      </c>
      <c r="AF2053">
        <v>110</v>
      </c>
      <c r="AG2053">
        <v>113</v>
      </c>
      <c r="AH2053">
        <v>115</v>
      </c>
      <c r="AI2053">
        <v>118</v>
      </c>
      <c r="AJ2053">
        <v>121</v>
      </c>
      <c r="AK2053">
        <v>123</v>
      </c>
      <c r="AL2053">
        <v>126</v>
      </c>
      <c r="AM2053">
        <v>127</v>
      </c>
      <c r="AN2053">
        <v>129</v>
      </c>
      <c r="AO2053">
        <v>131</v>
      </c>
      <c r="AP2053">
        <v>133</v>
      </c>
      <c r="AQ2053">
        <v>134</v>
      </c>
    </row>
    <row r="2054" spans="1:43">
      <c r="A2054" t="s">
        <v>1342</v>
      </c>
      <c r="B2054" t="s">
        <v>1343</v>
      </c>
      <c r="C2054" t="s">
        <v>1334</v>
      </c>
      <c r="D2054" t="s">
        <v>1335</v>
      </c>
      <c r="E2054" t="s">
        <v>1192</v>
      </c>
      <c r="F2054" t="s">
        <v>1193</v>
      </c>
      <c r="G2054" t="s">
        <v>80</v>
      </c>
      <c r="H2054" t="s">
        <v>81</v>
      </c>
      <c r="I2054" s="2">
        <v>0</v>
      </c>
      <c r="J2054" s="2">
        <v>1</v>
      </c>
      <c r="K2054" s="2">
        <v>0</v>
      </c>
      <c r="L2054" t="s">
        <v>82</v>
      </c>
      <c r="M2054" t="s">
        <v>83</v>
      </c>
      <c r="N2054" t="s">
        <v>84</v>
      </c>
      <c r="O2054" t="s">
        <v>85</v>
      </c>
      <c r="P2054" t="s">
        <v>86</v>
      </c>
      <c r="Q2054">
        <v>2</v>
      </c>
      <c r="R2054">
        <v>2</v>
      </c>
      <c r="S2054">
        <v>2</v>
      </c>
      <c r="T2054">
        <v>3</v>
      </c>
      <c r="U2054">
        <v>3</v>
      </c>
      <c r="V2054">
        <v>3</v>
      </c>
      <c r="W2054">
        <v>3</v>
      </c>
      <c r="X2054">
        <v>3</v>
      </c>
      <c r="Y2054">
        <v>3</v>
      </c>
      <c r="Z2054">
        <v>3</v>
      </c>
      <c r="AA2054">
        <v>3</v>
      </c>
      <c r="AB2054">
        <v>3</v>
      </c>
      <c r="AC2054">
        <v>3</v>
      </c>
      <c r="AD2054">
        <v>3</v>
      </c>
      <c r="AE2054">
        <v>3</v>
      </c>
      <c r="AF2054">
        <v>3</v>
      </c>
      <c r="AG2054">
        <v>4</v>
      </c>
      <c r="AH2054">
        <v>4</v>
      </c>
      <c r="AI2054">
        <v>4</v>
      </c>
      <c r="AJ2054">
        <v>4</v>
      </c>
      <c r="AK2054">
        <v>4</v>
      </c>
      <c r="AL2054">
        <v>4</v>
      </c>
      <c r="AM2054">
        <v>4</v>
      </c>
      <c r="AN2054">
        <v>4</v>
      </c>
      <c r="AO2054">
        <v>4</v>
      </c>
      <c r="AP2054">
        <v>4</v>
      </c>
      <c r="AQ2054">
        <v>4</v>
      </c>
    </row>
    <row r="2055" spans="1:43">
      <c r="A2055" t="s">
        <v>1342</v>
      </c>
      <c r="B2055" t="s">
        <v>1343</v>
      </c>
      <c r="C2055" t="s">
        <v>1334</v>
      </c>
      <c r="D2055" t="s">
        <v>1335</v>
      </c>
      <c r="E2055" t="s">
        <v>1192</v>
      </c>
      <c r="F2055" t="s">
        <v>1193</v>
      </c>
      <c r="G2055" t="s">
        <v>80</v>
      </c>
      <c r="H2055" t="s">
        <v>81</v>
      </c>
      <c r="I2055" s="2">
        <v>0</v>
      </c>
      <c r="J2055" s="2">
        <v>1</v>
      </c>
      <c r="K2055" s="2">
        <v>0</v>
      </c>
      <c r="L2055" t="s">
        <v>82</v>
      </c>
      <c r="M2055" t="s">
        <v>87</v>
      </c>
      <c r="N2055" t="s">
        <v>88</v>
      </c>
      <c r="O2055" t="s">
        <v>85</v>
      </c>
      <c r="P2055" t="s">
        <v>86</v>
      </c>
      <c r="Q2055">
        <v>2</v>
      </c>
      <c r="R2055">
        <v>2</v>
      </c>
      <c r="S2055">
        <v>2</v>
      </c>
      <c r="T2055">
        <v>2</v>
      </c>
      <c r="U2055">
        <v>2</v>
      </c>
      <c r="V2055">
        <v>3</v>
      </c>
      <c r="W2055">
        <v>3</v>
      </c>
      <c r="X2055">
        <v>3</v>
      </c>
      <c r="Y2055">
        <v>3</v>
      </c>
      <c r="Z2055">
        <v>3</v>
      </c>
      <c r="AA2055">
        <v>3</v>
      </c>
      <c r="AB2055">
        <v>3</v>
      </c>
      <c r="AC2055">
        <v>3</v>
      </c>
      <c r="AD2055">
        <v>3</v>
      </c>
      <c r="AE2055">
        <v>3</v>
      </c>
      <c r="AF2055">
        <v>3</v>
      </c>
      <c r="AG2055">
        <v>3</v>
      </c>
      <c r="AH2055">
        <v>3</v>
      </c>
      <c r="AI2055">
        <v>3</v>
      </c>
      <c r="AJ2055">
        <v>3</v>
      </c>
      <c r="AK2055">
        <v>3</v>
      </c>
      <c r="AL2055">
        <v>3</v>
      </c>
      <c r="AM2055">
        <v>3</v>
      </c>
      <c r="AN2055">
        <v>3</v>
      </c>
      <c r="AO2055">
        <v>3</v>
      </c>
      <c r="AP2055">
        <v>4</v>
      </c>
      <c r="AQ2055">
        <v>4</v>
      </c>
    </row>
    <row r="2056" spans="1:43">
      <c r="A2056" t="s">
        <v>1342</v>
      </c>
      <c r="B2056" t="s">
        <v>1343</v>
      </c>
      <c r="C2056" t="s">
        <v>1334</v>
      </c>
      <c r="D2056" t="s">
        <v>1335</v>
      </c>
      <c r="E2056" t="s">
        <v>1192</v>
      </c>
      <c r="F2056" t="s">
        <v>1193</v>
      </c>
      <c r="G2056" t="s">
        <v>80</v>
      </c>
      <c r="H2056" t="s">
        <v>81</v>
      </c>
      <c r="I2056" s="2">
        <v>0</v>
      </c>
      <c r="J2056" s="2">
        <v>1</v>
      </c>
      <c r="K2056" s="2">
        <v>0</v>
      </c>
      <c r="L2056" t="s">
        <v>82</v>
      </c>
      <c r="M2056" t="s">
        <v>89</v>
      </c>
      <c r="N2056" t="s">
        <v>90</v>
      </c>
      <c r="O2056" t="s">
        <v>85</v>
      </c>
      <c r="P2056" t="s">
        <v>86</v>
      </c>
      <c r="Q2056">
        <v>2</v>
      </c>
      <c r="R2056">
        <v>2</v>
      </c>
      <c r="S2056">
        <v>3</v>
      </c>
      <c r="T2056">
        <v>3</v>
      </c>
      <c r="U2056">
        <v>3</v>
      </c>
      <c r="V2056">
        <v>3</v>
      </c>
      <c r="W2056">
        <v>3</v>
      </c>
      <c r="X2056">
        <v>3</v>
      </c>
      <c r="Y2056">
        <v>3</v>
      </c>
      <c r="Z2056">
        <v>3</v>
      </c>
      <c r="AA2056">
        <v>3</v>
      </c>
      <c r="AB2056">
        <v>3</v>
      </c>
      <c r="AC2056">
        <v>3</v>
      </c>
      <c r="AD2056">
        <v>4</v>
      </c>
      <c r="AE2056">
        <v>4</v>
      </c>
      <c r="AF2056">
        <v>4</v>
      </c>
      <c r="AG2056">
        <v>4</v>
      </c>
      <c r="AH2056">
        <v>4</v>
      </c>
      <c r="AI2056">
        <v>4</v>
      </c>
      <c r="AJ2056">
        <v>4</v>
      </c>
      <c r="AK2056">
        <v>4</v>
      </c>
      <c r="AL2056">
        <v>4</v>
      </c>
      <c r="AM2056">
        <v>4</v>
      </c>
      <c r="AN2056">
        <v>4</v>
      </c>
      <c r="AO2056">
        <v>4</v>
      </c>
      <c r="AP2056">
        <v>4</v>
      </c>
      <c r="AQ2056">
        <v>4</v>
      </c>
    </row>
    <row r="2057" spans="1:43">
      <c r="A2057" t="s">
        <v>1342</v>
      </c>
      <c r="B2057" t="s">
        <v>1343</v>
      </c>
      <c r="C2057" t="s">
        <v>1334</v>
      </c>
      <c r="D2057" t="s">
        <v>1335</v>
      </c>
      <c r="E2057" t="s">
        <v>1192</v>
      </c>
      <c r="F2057" t="s">
        <v>1193</v>
      </c>
      <c r="G2057" t="s">
        <v>80</v>
      </c>
      <c r="H2057" t="s">
        <v>81</v>
      </c>
      <c r="I2057" s="2">
        <v>0</v>
      </c>
      <c r="J2057" s="2">
        <v>1</v>
      </c>
      <c r="K2057" s="2">
        <v>0</v>
      </c>
      <c r="L2057" t="s">
        <v>82</v>
      </c>
      <c r="M2057" t="s">
        <v>83</v>
      </c>
      <c r="N2057" t="s">
        <v>91</v>
      </c>
      <c r="O2057" t="s">
        <v>85</v>
      </c>
      <c r="P2057" t="s">
        <v>86</v>
      </c>
      <c r="Q2057">
        <v>2</v>
      </c>
      <c r="R2057">
        <v>2</v>
      </c>
      <c r="S2057">
        <v>2</v>
      </c>
      <c r="T2057">
        <v>3</v>
      </c>
      <c r="U2057">
        <v>3</v>
      </c>
      <c r="V2057">
        <v>3</v>
      </c>
      <c r="W2057">
        <v>3</v>
      </c>
      <c r="X2057">
        <v>3</v>
      </c>
      <c r="Y2057">
        <v>3</v>
      </c>
      <c r="Z2057">
        <v>3</v>
      </c>
      <c r="AA2057">
        <v>3</v>
      </c>
      <c r="AB2057">
        <v>3</v>
      </c>
      <c r="AC2057">
        <v>3</v>
      </c>
      <c r="AD2057">
        <v>3</v>
      </c>
      <c r="AE2057">
        <v>3</v>
      </c>
      <c r="AF2057">
        <v>3</v>
      </c>
      <c r="AG2057">
        <v>4</v>
      </c>
      <c r="AH2057">
        <v>4</v>
      </c>
      <c r="AI2057">
        <v>4</v>
      </c>
      <c r="AJ2057">
        <v>4</v>
      </c>
      <c r="AK2057">
        <v>4</v>
      </c>
      <c r="AL2057">
        <v>4</v>
      </c>
      <c r="AM2057">
        <v>4</v>
      </c>
      <c r="AN2057">
        <v>4</v>
      </c>
      <c r="AO2057">
        <v>4</v>
      </c>
      <c r="AP2057">
        <v>4</v>
      </c>
      <c r="AQ2057">
        <v>4</v>
      </c>
    </row>
    <row r="2058" spans="1:43">
      <c r="A2058" t="s">
        <v>1344</v>
      </c>
      <c r="B2058" t="s">
        <v>1345</v>
      </c>
      <c r="C2058" t="s">
        <v>1320</v>
      </c>
      <c r="D2058" t="s">
        <v>1321</v>
      </c>
      <c r="E2058" t="s">
        <v>1192</v>
      </c>
      <c r="F2058" t="s">
        <v>1193</v>
      </c>
      <c r="G2058" t="s">
        <v>80</v>
      </c>
      <c r="H2058" t="s">
        <v>81</v>
      </c>
      <c r="I2058" s="2">
        <v>0</v>
      </c>
      <c r="J2058" s="2">
        <v>1</v>
      </c>
      <c r="K2058" s="2">
        <v>0</v>
      </c>
      <c r="L2058" t="s">
        <v>82</v>
      </c>
      <c r="M2058" t="s">
        <v>83</v>
      </c>
      <c r="N2058" t="s">
        <v>84</v>
      </c>
      <c r="O2058" t="s">
        <v>85</v>
      </c>
      <c r="P2058" t="s">
        <v>86</v>
      </c>
      <c r="Q2058">
        <v>78</v>
      </c>
      <c r="R2058">
        <v>80</v>
      </c>
      <c r="S2058">
        <v>82</v>
      </c>
      <c r="T2058">
        <v>84</v>
      </c>
      <c r="U2058">
        <v>86</v>
      </c>
      <c r="V2058">
        <v>89</v>
      </c>
      <c r="W2058">
        <v>91</v>
      </c>
      <c r="X2058">
        <v>94</v>
      </c>
      <c r="Y2058">
        <v>96</v>
      </c>
      <c r="Z2058">
        <v>98</v>
      </c>
      <c r="AA2058">
        <v>101</v>
      </c>
      <c r="AB2058">
        <v>103</v>
      </c>
      <c r="AC2058">
        <v>106</v>
      </c>
      <c r="AD2058">
        <v>109</v>
      </c>
      <c r="AE2058">
        <v>111</v>
      </c>
      <c r="AF2058">
        <v>114</v>
      </c>
      <c r="AG2058">
        <v>117</v>
      </c>
      <c r="AH2058">
        <v>119</v>
      </c>
      <c r="AI2058">
        <v>122</v>
      </c>
      <c r="AJ2058">
        <v>125</v>
      </c>
      <c r="AK2058">
        <v>128</v>
      </c>
      <c r="AL2058">
        <v>130</v>
      </c>
      <c r="AM2058">
        <v>132</v>
      </c>
      <c r="AN2058">
        <v>134</v>
      </c>
      <c r="AO2058">
        <v>136</v>
      </c>
      <c r="AP2058">
        <v>137</v>
      </c>
      <c r="AQ2058">
        <v>139</v>
      </c>
    </row>
    <row r="2059" spans="1:43">
      <c r="A2059" t="s">
        <v>1344</v>
      </c>
      <c r="B2059" t="s">
        <v>1345</v>
      </c>
      <c r="C2059" t="s">
        <v>1320</v>
      </c>
      <c r="D2059" t="s">
        <v>1321</v>
      </c>
      <c r="E2059" t="s">
        <v>1192</v>
      </c>
      <c r="F2059" t="s">
        <v>1193</v>
      </c>
      <c r="G2059" t="s">
        <v>80</v>
      </c>
      <c r="H2059" t="s">
        <v>81</v>
      </c>
      <c r="I2059" s="2">
        <v>0</v>
      </c>
      <c r="J2059" s="2">
        <v>1</v>
      </c>
      <c r="K2059" s="2">
        <v>0</v>
      </c>
      <c r="L2059" t="s">
        <v>82</v>
      </c>
      <c r="M2059" t="s">
        <v>87</v>
      </c>
      <c r="N2059" t="s">
        <v>88</v>
      </c>
      <c r="O2059" t="s">
        <v>85</v>
      </c>
      <c r="P2059" t="s">
        <v>86</v>
      </c>
      <c r="Q2059">
        <v>78</v>
      </c>
      <c r="R2059">
        <v>79</v>
      </c>
      <c r="S2059">
        <v>81</v>
      </c>
      <c r="T2059">
        <v>82</v>
      </c>
      <c r="U2059">
        <v>84</v>
      </c>
      <c r="V2059">
        <v>85</v>
      </c>
      <c r="W2059">
        <v>87</v>
      </c>
      <c r="X2059">
        <v>88</v>
      </c>
      <c r="Y2059">
        <v>90</v>
      </c>
      <c r="Z2059">
        <v>91</v>
      </c>
      <c r="AA2059">
        <v>93</v>
      </c>
      <c r="AB2059">
        <v>94</v>
      </c>
      <c r="AC2059">
        <v>96</v>
      </c>
      <c r="AD2059">
        <v>98</v>
      </c>
      <c r="AE2059">
        <v>99</v>
      </c>
      <c r="AF2059">
        <v>101</v>
      </c>
      <c r="AG2059">
        <v>103</v>
      </c>
      <c r="AH2059">
        <v>104</v>
      </c>
      <c r="AI2059">
        <v>106</v>
      </c>
      <c r="AJ2059">
        <v>108</v>
      </c>
      <c r="AK2059">
        <v>110</v>
      </c>
      <c r="AL2059">
        <v>112</v>
      </c>
      <c r="AM2059">
        <v>113</v>
      </c>
      <c r="AN2059">
        <v>115</v>
      </c>
      <c r="AO2059">
        <v>117</v>
      </c>
      <c r="AP2059">
        <v>119</v>
      </c>
      <c r="AQ2059">
        <v>121</v>
      </c>
    </row>
    <row r="2060" spans="1:43">
      <c r="A2060" t="s">
        <v>1344</v>
      </c>
      <c r="B2060" t="s">
        <v>1345</v>
      </c>
      <c r="C2060" t="s">
        <v>1320</v>
      </c>
      <c r="D2060" t="s">
        <v>1321</v>
      </c>
      <c r="E2060" t="s">
        <v>1192</v>
      </c>
      <c r="F2060" t="s">
        <v>1193</v>
      </c>
      <c r="G2060" t="s">
        <v>80</v>
      </c>
      <c r="H2060" t="s">
        <v>81</v>
      </c>
      <c r="I2060" s="2">
        <v>0</v>
      </c>
      <c r="J2060" s="2">
        <v>1</v>
      </c>
      <c r="K2060" s="2">
        <v>0</v>
      </c>
      <c r="L2060" t="s">
        <v>82</v>
      </c>
      <c r="M2060" t="s">
        <v>89</v>
      </c>
      <c r="N2060" t="s">
        <v>90</v>
      </c>
      <c r="O2060" t="s">
        <v>85</v>
      </c>
      <c r="P2060" t="s">
        <v>86</v>
      </c>
      <c r="Q2060">
        <v>78</v>
      </c>
      <c r="R2060">
        <v>81</v>
      </c>
      <c r="S2060">
        <v>84</v>
      </c>
      <c r="T2060">
        <v>87</v>
      </c>
      <c r="U2060">
        <v>90</v>
      </c>
      <c r="V2060">
        <v>93</v>
      </c>
      <c r="W2060">
        <v>96</v>
      </c>
      <c r="X2060">
        <v>99</v>
      </c>
      <c r="Y2060">
        <v>102</v>
      </c>
      <c r="Z2060">
        <v>105</v>
      </c>
      <c r="AA2060">
        <v>108</v>
      </c>
      <c r="AB2060">
        <v>111</v>
      </c>
      <c r="AC2060">
        <v>114</v>
      </c>
      <c r="AD2060">
        <v>117</v>
      </c>
      <c r="AE2060">
        <v>120</v>
      </c>
      <c r="AF2060">
        <v>121</v>
      </c>
      <c r="AG2060">
        <v>123</v>
      </c>
      <c r="AH2060">
        <v>125</v>
      </c>
      <c r="AI2060">
        <v>126</v>
      </c>
      <c r="AJ2060">
        <v>128</v>
      </c>
      <c r="AK2060">
        <v>130</v>
      </c>
      <c r="AL2060">
        <v>132</v>
      </c>
      <c r="AM2060">
        <v>133</v>
      </c>
      <c r="AN2060">
        <v>135</v>
      </c>
      <c r="AO2060">
        <v>137</v>
      </c>
      <c r="AP2060">
        <v>139</v>
      </c>
      <c r="AQ2060">
        <v>141</v>
      </c>
    </row>
    <row r="2061" spans="1:43">
      <c r="A2061" t="s">
        <v>1344</v>
      </c>
      <c r="B2061" t="s">
        <v>1345</v>
      </c>
      <c r="C2061" t="s">
        <v>1320</v>
      </c>
      <c r="D2061" t="s">
        <v>1321</v>
      </c>
      <c r="E2061" t="s">
        <v>1192</v>
      </c>
      <c r="F2061" t="s">
        <v>1193</v>
      </c>
      <c r="G2061" t="s">
        <v>80</v>
      </c>
      <c r="H2061" t="s">
        <v>81</v>
      </c>
      <c r="I2061" s="2">
        <v>0</v>
      </c>
      <c r="J2061" s="2">
        <v>1</v>
      </c>
      <c r="K2061" s="2">
        <v>0</v>
      </c>
      <c r="L2061" t="s">
        <v>82</v>
      </c>
      <c r="M2061" t="s">
        <v>83</v>
      </c>
      <c r="N2061" t="s">
        <v>91</v>
      </c>
      <c r="O2061" t="s">
        <v>85</v>
      </c>
      <c r="P2061" t="s">
        <v>86</v>
      </c>
      <c r="Q2061">
        <v>78</v>
      </c>
      <c r="R2061">
        <v>80</v>
      </c>
      <c r="S2061">
        <v>82</v>
      </c>
      <c r="T2061">
        <v>84</v>
      </c>
      <c r="U2061">
        <v>86</v>
      </c>
      <c r="V2061">
        <v>89</v>
      </c>
      <c r="W2061">
        <v>91</v>
      </c>
      <c r="X2061">
        <v>94</v>
      </c>
      <c r="Y2061">
        <v>96</v>
      </c>
      <c r="Z2061">
        <v>98</v>
      </c>
      <c r="AA2061">
        <v>101</v>
      </c>
      <c r="AB2061">
        <v>103</v>
      </c>
      <c r="AC2061">
        <v>106</v>
      </c>
      <c r="AD2061">
        <v>109</v>
      </c>
      <c r="AE2061">
        <v>111</v>
      </c>
      <c r="AF2061">
        <v>114</v>
      </c>
      <c r="AG2061">
        <v>117</v>
      </c>
      <c r="AH2061">
        <v>119</v>
      </c>
      <c r="AI2061">
        <v>122</v>
      </c>
      <c r="AJ2061">
        <v>125</v>
      </c>
      <c r="AK2061">
        <v>128</v>
      </c>
      <c r="AL2061">
        <v>130</v>
      </c>
      <c r="AM2061">
        <v>132</v>
      </c>
      <c r="AN2061">
        <v>134</v>
      </c>
      <c r="AO2061">
        <v>136</v>
      </c>
      <c r="AP2061">
        <v>137</v>
      </c>
      <c r="AQ2061">
        <v>139</v>
      </c>
    </row>
    <row r="2062" spans="1:43">
      <c r="A2062" t="s">
        <v>1346</v>
      </c>
      <c r="B2062" t="s">
        <v>1347</v>
      </c>
      <c r="C2062" t="s">
        <v>1348</v>
      </c>
      <c r="D2062" t="s">
        <v>1349</v>
      </c>
      <c r="E2062" t="s">
        <v>1192</v>
      </c>
      <c r="F2062" t="s">
        <v>1193</v>
      </c>
      <c r="G2062" t="s">
        <v>80</v>
      </c>
      <c r="H2062" t="s">
        <v>81</v>
      </c>
      <c r="I2062" s="2">
        <v>1</v>
      </c>
      <c r="J2062" s="2">
        <v>0</v>
      </c>
      <c r="K2062" s="2">
        <v>0</v>
      </c>
      <c r="L2062" t="s">
        <v>120</v>
      </c>
      <c r="M2062" t="s">
        <v>83</v>
      </c>
      <c r="N2062" t="s">
        <v>84</v>
      </c>
      <c r="O2062" t="s">
        <v>85</v>
      </c>
      <c r="P2062" t="s">
        <v>86</v>
      </c>
      <c r="Q2062">
        <v>55</v>
      </c>
      <c r="R2062">
        <v>57</v>
      </c>
      <c r="S2062">
        <v>58</v>
      </c>
      <c r="T2062">
        <v>60</v>
      </c>
      <c r="U2062">
        <v>62</v>
      </c>
      <c r="V2062">
        <v>63</v>
      </c>
      <c r="W2062">
        <v>65</v>
      </c>
      <c r="X2062">
        <v>66</v>
      </c>
      <c r="Y2062">
        <v>68</v>
      </c>
      <c r="Z2062">
        <v>70</v>
      </c>
      <c r="AA2062">
        <v>71</v>
      </c>
      <c r="AB2062">
        <v>73</v>
      </c>
      <c r="AC2062">
        <v>75</v>
      </c>
      <c r="AD2062">
        <v>77</v>
      </c>
      <c r="AE2062">
        <v>78</v>
      </c>
      <c r="AF2062">
        <v>80</v>
      </c>
      <c r="AG2062">
        <v>82</v>
      </c>
      <c r="AH2062">
        <v>84</v>
      </c>
      <c r="AI2062">
        <v>86</v>
      </c>
      <c r="AJ2062">
        <v>88</v>
      </c>
      <c r="AK2062">
        <v>90</v>
      </c>
      <c r="AL2062">
        <v>91</v>
      </c>
      <c r="AM2062">
        <v>93</v>
      </c>
      <c r="AN2062">
        <v>94</v>
      </c>
      <c r="AO2062">
        <v>95</v>
      </c>
      <c r="AP2062">
        <v>96</v>
      </c>
      <c r="AQ2062">
        <v>97</v>
      </c>
    </row>
    <row r="2063" spans="1:43">
      <c r="A2063" t="s">
        <v>1346</v>
      </c>
      <c r="B2063" t="s">
        <v>1347</v>
      </c>
      <c r="C2063" t="s">
        <v>1348</v>
      </c>
      <c r="D2063" t="s">
        <v>1349</v>
      </c>
      <c r="E2063" t="s">
        <v>1192</v>
      </c>
      <c r="F2063" t="s">
        <v>1193</v>
      </c>
      <c r="G2063" t="s">
        <v>80</v>
      </c>
      <c r="H2063" t="s">
        <v>81</v>
      </c>
      <c r="I2063" s="2">
        <v>1</v>
      </c>
      <c r="J2063" s="2">
        <v>0</v>
      </c>
      <c r="K2063" s="2">
        <v>0</v>
      </c>
      <c r="L2063" t="s">
        <v>120</v>
      </c>
      <c r="M2063" t="s">
        <v>87</v>
      </c>
      <c r="N2063" t="s">
        <v>88</v>
      </c>
      <c r="O2063" t="s">
        <v>85</v>
      </c>
      <c r="P2063" t="s">
        <v>86</v>
      </c>
      <c r="Q2063">
        <v>55</v>
      </c>
      <c r="R2063">
        <v>56</v>
      </c>
      <c r="S2063">
        <v>57</v>
      </c>
      <c r="T2063">
        <v>58</v>
      </c>
      <c r="U2063">
        <v>59</v>
      </c>
      <c r="V2063">
        <v>60</v>
      </c>
      <c r="W2063">
        <v>61</v>
      </c>
      <c r="X2063">
        <v>62</v>
      </c>
      <c r="Y2063">
        <v>63</v>
      </c>
      <c r="Z2063">
        <v>64</v>
      </c>
      <c r="AA2063">
        <v>65</v>
      </c>
      <c r="AB2063">
        <v>66</v>
      </c>
      <c r="AC2063">
        <v>67</v>
      </c>
      <c r="AD2063">
        <v>69</v>
      </c>
      <c r="AE2063">
        <v>70</v>
      </c>
      <c r="AF2063">
        <v>71</v>
      </c>
      <c r="AG2063">
        <v>72</v>
      </c>
      <c r="AH2063">
        <v>73</v>
      </c>
      <c r="AI2063">
        <v>74</v>
      </c>
      <c r="AJ2063">
        <v>76</v>
      </c>
      <c r="AK2063">
        <v>77</v>
      </c>
      <c r="AL2063">
        <v>78</v>
      </c>
      <c r="AM2063">
        <v>79</v>
      </c>
      <c r="AN2063">
        <v>81</v>
      </c>
      <c r="AO2063">
        <v>82</v>
      </c>
      <c r="AP2063">
        <v>83</v>
      </c>
      <c r="AQ2063">
        <v>85</v>
      </c>
    </row>
    <row r="2064" spans="1:43">
      <c r="A2064" t="s">
        <v>1346</v>
      </c>
      <c r="B2064" t="s">
        <v>1347</v>
      </c>
      <c r="C2064" t="s">
        <v>1348</v>
      </c>
      <c r="D2064" t="s">
        <v>1349</v>
      </c>
      <c r="E2064" t="s">
        <v>1192</v>
      </c>
      <c r="F2064" t="s">
        <v>1193</v>
      </c>
      <c r="G2064" t="s">
        <v>80</v>
      </c>
      <c r="H2064" t="s">
        <v>81</v>
      </c>
      <c r="I2064" s="2">
        <v>1</v>
      </c>
      <c r="J2064" s="2">
        <v>0</v>
      </c>
      <c r="K2064" s="2">
        <v>0</v>
      </c>
      <c r="L2064" t="s">
        <v>120</v>
      </c>
      <c r="M2064" t="s">
        <v>89</v>
      </c>
      <c r="N2064" t="s">
        <v>90</v>
      </c>
      <c r="O2064" t="s">
        <v>85</v>
      </c>
      <c r="P2064" t="s">
        <v>86</v>
      </c>
      <c r="Q2064">
        <v>55</v>
      </c>
      <c r="R2064">
        <v>57</v>
      </c>
      <c r="S2064">
        <v>59</v>
      </c>
      <c r="T2064">
        <v>61</v>
      </c>
      <c r="U2064">
        <v>63</v>
      </c>
      <c r="V2064">
        <v>65</v>
      </c>
      <c r="W2064">
        <v>67</v>
      </c>
      <c r="X2064">
        <v>69</v>
      </c>
      <c r="Y2064">
        <v>71</v>
      </c>
      <c r="Z2064">
        <v>73</v>
      </c>
      <c r="AA2064">
        <v>75</v>
      </c>
      <c r="AB2064">
        <v>77</v>
      </c>
      <c r="AC2064">
        <v>79</v>
      </c>
      <c r="AD2064">
        <v>81</v>
      </c>
      <c r="AE2064">
        <v>83</v>
      </c>
      <c r="AF2064">
        <v>84</v>
      </c>
      <c r="AG2064">
        <v>85</v>
      </c>
      <c r="AH2064">
        <v>87</v>
      </c>
      <c r="AI2064">
        <v>88</v>
      </c>
      <c r="AJ2064">
        <v>89</v>
      </c>
      <c r="AK2064">
        <v>90</v>
      </c>
      <c r="AL2064">
        <v>91</v>
      </c>
      <c r="AM2064">
        <v>92</v>
      </c>
      <c r="AN2064">
        <v>93</v>
      </c>
      <c r="AO2064">
        <v>95</v>
      </c>
      <c r="AP2064">
        <v>96</v>
      </c>
      <c r="AQ2064">
        <v>97</v>
      </c>
    </row>
    <row r="2065" spans="1:43">
      <c r="A2065" t="s">
        <v>1346</v>
      </c>
      <c r="B2065" t="s">
        <v>1347</v>
      </c>
      <c r="C2065" t="s">
        <v>1348</v>
      </c>
      <c r="D2065" t="s">
        <v>1349</v>
      </c>
      <c r="E2065" t="s">
        <v>1192</v>
      </c>
      <c r="F2065" t="s">
        <v>1193</v>
      </c>
      <c r="G2065" t="s">
        <v>80</v>
      </c>
      <c r="H2065" t="s">
        <v>81</v>
      </c>
      <c r="I2065" s="2">
        <v>1</v>
      </c>
      <c r="J2065" s="2">
        <v>0</v>
      </c>
      <c r="K2065" s="2">
        <v>0</v>
      </c>
      <c r="L2065" t="s">
        <v>120</v>
      </c>
      <c r="M2065" t="s">
        <v>83</v>
      </c>
      <c r="N2065" t="s">
        <v>91</v>
      </c>
      <c r="O2065" t="s">
        <v>85</v>
      </c>
      <c r="P2065" t="s">
        <v>86</v>
      </c>
      <c r="Q2065">
        <v>55</v>
      </c>
      <c r="R2065">
        <v>57</v>
      </c>
      <c r="S2065">
        <v>58</v>
      </c>
      <c r="T2065">
        <v>60</v>
      </c>
      <c r="U2065">
        <v>62</v>
      </c>
      <c r="V2065">
        <v>63</v>
      </c>
      <c r="W2065">
        <v>65</v>
      </c>
      <c r="X2065">
        <v>66</v>
      </c>
      <c r="Y2065">
        <v>68</v>
      </c>
      <c r="Z2065">
        <v>70</v>
      </c>
      <c r="AA2065">
        <v>71</v>
      </c>
      <c r="AB2065">
        <v>73</v>
      </c>
      <c r="AC2065">
        <v>75</v>
      </c>
      <c r="AD2065">
        <v>77</v>
      </c>
      <c r="AE2065">
        <v>78</v>
      </c>
      <c r="AF2065">
        <v>80</v>
      </c>
      <c r="AG2065">
        <v>82</v>
      </c>
      <c r="AH2065">
        <v>84</v>
      </c>
      <c r="AI2065">
        <v>86</v>
      </c>
      <c r="AJ2065">
        <v>88</v>
      </c>
      <c r="AK2065">
        <v>90</v>
      </c>
      <c r="AL2065">
        <v>91</v>
      </c>
      <c r="AM2065">
        <v>93</v>
      </c>
      <c r="AN2065">
        <v>94</v>
      </c>
      <c r="AO2065">
        <v>95</v>
      </c>
      <c r="AP2065">
        <v>96</v>
      </c>
      <c r="AQ2065">
        <v>97</v>
      </c>
    </row>
    <row r="2066" spans="1:43">
      <c r="A2066" t="s">
        <v>1350</v>
      </c>
      <c r="B2066" t="s">
        <v>1351</v>
      </c>
      <c r="C2066" t="s">
        <v>1348</v>
      </c>
      <c r="D2066" t="s">
        <v>1349</v>
      </c>
      <c r="E2066" t="s">
        <v>1192</v>
      </c>
      <c r="F2066" t="s">
        <v>1193</v>
      </c>
      <c r="G2066" t="s">
        <v>80</v>
      </c>
      <c r="H2066" t="s">
        <v>81</v>
      </c>
      <c r="I2066" s="2">
        <v>1</v>
      </c>
      <c r="J2066" s="2">
        <v>0</v>
      </c>
      <c r="K2066" s="2">
        <v>0</v>
      </c>
      <c r="L2066" t="s">
        <v>120</v>
      </c>
      <c r="M2066" t="s">
        <v>83</v>
      </c>
      <c r="N2066" t="s">
        <v>84</v>
      </c>
      <c r="O2066" t="s">
        <v>85</v>
      </c>
      <c r="P2066" t="s">
        <v>86</v>
      </c>
      <c r="Q2066">
        <v>12</v>
      </c>
      <c r="R2066">
        <v>12</v>
      </c>
      <c r="S2066">
        <v>13</v>
      </c>
      <c r="T2066">
        <v>13</v>
      </c>
      <c r="U2066">
        <v>13</v>
      </c>
      <c r="V2066">
        <v>14</v>
      </c>
      <c r="W2066">
        <v>14</v>
      </c>
      <c r="X2066">
        <v>14</v>
      </c>
      <c r="Y2066">
        <v>15</v>
      </c>
      <c r="Z2066">
        <v>15</v>
      </c>
      <c r="AA2066">
        <v>16</v>
      </c>
      <c r="AB2066">
        <v>16</v>
      </c>
      <c r="AC2066">
        <v>16</v>
      </c>
      <c r="AD2066">
        <v>17</v>
      </c>
      <c r="AE2066">
        <v>17</v>
      </c>
      <c r="AF2066">
        <v>17</v>
      </c>
      <c r="AG2066">
        <v>18</v>
      </c>
      <c r="AH2066">
        <v>18</v>
      </c>
      <c r="AI2066">
        <v>19</v>
      </c>
      <c r="AJ2066">
        <v>19</v>
      </c>
      <c r="AK2066">
        <v>20</v>
      </c>
      <c r="AL2066">
        <v>20</v>
      </c>
      <c r="AM2066">
        <v>20</v>
      </c>
      <c r="AN2066">
        <v>20</v>
      </c>
      <c r="AO2066">
        <v>21</v>
      </c>
      <c r="AP2066">
        <v>21</v>
      </c>
      <c r="AQ2066">
        <v>21</v>
      </c>
    </row>
    <row r="2067" spans="1:43">
      <c r="A2067" t="s">
        <v>1350</v>
      </c>
      <c r="B2067" t="s">
        <v>1351</v>
      </c>
      <c r="C2067" t="s">
        <v>1348</v>
      </c>
      <c r="D2067" t="s">
        <v>1349</v>
      </c>
      <c r="E2067" t="s">
        <v>1192</v>
      </c>
      <c r="F2067" t="s">
        <v>1193</v>
      </c>
      <c r="G2067" t="s">
        <v>80</v>
      </c>
      <c r="H2067" t="s">
        <v>81</v>
      </c>
      <c r="I2067" s="2">
        <v>1</v>
      </c>
      <c r="J2067" s="2">
        <v>0</v>
      </c>
      <c r="K2067" s="2">
        <v>0</v>
      </c>
      <c r="L2067" t="s">
        <v>120</v>
      </c>
      <c r="M2067" t="s">
        <v>87</v>
      </c>
      <c r="N2067" t="s">
        <v>88</v>
      </c>
      <c r="O2067" t="s">
        <v>85</v>
      </c>
      <c r="P2067" t="s">
        <v>86</v>
      </c>
      <c r="Q2067">
        <v>12</v>
      </c>
      <c r="R2067">
        <v>12</v>
      </c>
      <c r="S2067">
        <v>12</v>
      </c>
      <c r="T2067">
        <v>13</v>
      </c>
      <c r="U2067">
        <v>13</v>
      </c>
      <c r="V2067">
        <v>13</v>
      </c>
      <c r="W2067">
        <v>13</v>
      </c>
      <c r="X2067">
        <v>13</v>
      </c>
      <c r="Y2067">
        <v>14</v>
      </c>
      <c r="Z2067">
        <v>14</v>
      </c>
      <c r="AA2067">
        <v>14</v>
      </c>
      <c r="AB2067">
        <v>14</v>
      </c>
      <c r="AC2067">
        <v>15</v>
      </c>
      <c r="AD2067">
        <v>15</v>
      </c>
      <c r="AE2067">
        <v>15</v>
      </c>
      <c r="AF2067">
        <v>15</v>
      </c>
      <c r="AG2067">
        <v>16</v>
      </c>
      <c r="AH2067">
        <v>16</v>
      </c>
      <c r="AI2067">
        <v>16</v>
      </c>
      <c r="AJ2067">
        <v>16</v>
      </c>
      <c r="AK2067">
        <v>17</v>
      </c>
      <c r="AL2067">
        <v>17</v>
      </c>
      <c r="AM2067">
        <v>17</v>
      </c>
      <c r="AN2067">
        <v>18</v>
      </c>
      <c r="AO2067">
        <v>18</v>
      </c>
      <c r="AP2067">
        <v>18</v>
      </c>
      <c r="AQ2067">
        <v>18</v>
      </c>
    </row>
    <row r="2068" spans="1:43">
      <c r="A2068" t="s">
        <v>1350</v>
      </c>
      <c r="B2068" t="s">
        <v>1351</v>
      </c>
      <c r="C2068" t="s">
        <v>1348</v>
      </c>
      <c r="D2068" t="s">
        <v>1349</v>
      </c>
      <c r="E2068" t="s">
        <v>1192</v>
      </c>
      <c r="F2068" t="s">
        <v>1193</v>
      </c>
      <c r="G2068" t="s">
        <v>80</v>
      </c>
      <c r="H2068" t="s">
        <v>81</v>
      </c>
      <c r="I2068" s="2">
        <v>1</v>
      </c>
      <c r="J2068" s="2">
        <v>0</v>
      </c>
      <c r="K2068" s="2">
        <v>0</v>
      </c>
      <c r="L2068" t="s">
        <v>120</v>
      </c>
      <c r="M2068" t="s">
        <v>89</v>
      </c>
      <c r="N2068" t="s">
        <v>90</v>
      </c>
      <c r="O2068" t="s">
        <v>85</v>
      </c>
      <c r="P2068" t="s">
        <v>86</v>
      </c>
      <c r="Q2068">
        <v>12</v>
      </c>
      <c r="R2068">
        <v>13</v>
      </c>
      <c r="S2068">
        <v>13</v>
      </c>
      <c r="T2068">
        <v>13</v>
      </c>
      <c r="U2068">
        <v>14</v>
      </c>
      <c r="V2068">
        <v>14</v>
      </c>
      <c r="W2068">
        <v>15</v>
      </c>
      <c r="X2068">
        <v>15</v>
      </c>
      <c r="Y2068">
        <v>16</v>
      </c>
      <c r="Z2068">
        <v>16</v>
      </c>
      <c r="AA2068">
        <v>17</v>
      </c>
      <c r="AB2068">
        <v>17</v>
      </c>
      <c r="AC2068">
        <v>17</v>
      </c>
      <c r="AD2068">
        <v>18</v>
      </c>
      <c r="AE2068">
        <v>18</v>
      </c>
      <c r="AF2068">
        <v>19</v>
      </c>
      <c r="AG2068">
        <v>19</v>
      </c>
      <c r="AH2068">
        <v>19</v>
      </c>
      <c r="AI2068">
        <v>19</v>
      </c>
      <c r="AJ2068">
        <v>20</v>
      </c>
      <c r="AK2068">
        <v>20</v>
      </c>
      <c r="AL2068">
        <v>20</v>
      </c>
      <c r="AM2068">
        <v>20</v>
      </c>
      <c r="AN2068">
        <v>21</v>
      </c>
      <c r="AO2068">
        <v>21</v>
      </c>
      <c r="AP2068">
        <v>21</v>
      </c>
      <c r="AQ2068">
        <v>21</v>
      </c>
    </row>
    <row r="2069" spans="1:43">
      <c r="A2069" t="s">
        <v>1350</v>
      </c>
      <c r="B2069" t="s">
        <v>1351</v>
      </c>
      <c r="C2069" t="s">
        <v>1348</v>
      </c>
      <c r="D2069" t="s">
        <v>1349</v>
      </c>
      <c r="E2069" t="s">
        <v>1192</v>
      </c>
      <c r="F2069" t="s">
        <v>1193</v>
      </c>
      <c r="G2069" t="s">
        <v>80</v>
      </c>
      <c r="H2069" t="s">
        <v>81</v>
      </c>
      <c r="I2069" s="2">
        <v>1</v>
      </c>
      <c r="J2069" s="2">
        <v>0</v>
      </c>
      <c r="K2069" s="2">
        <v>0</v>
      </c>
      <c r="L2069" t="s">
        <v>120</v>
      </c>
      <c r="M2069" t="s">
        <v>83</v>
      </c>
      <c r="N2069" t="s">
        <v>91</v>
      </c>
      <c r="O2069" t="s">
        <v>85</v>
      </c>
      <c r="P2069" t="s">
        <v>86</v>
      </c>
      <c r="Q2069">
        <v>12</v>
      </c>
      <c r="R2069">
        <v>12</v>
      </c>
      <c r="S2069">
        <v>13</v>
      </c>
      <c r="T2069">
        <v>13</v>
      </c>
      <c r="U2069">
        <v>13</v>
      </c>
      <c r="V2069">
        <v>14</v>
      </c>
      <c r="W2069">
        <v>14</v>
      </c>
      <c r="X2069">
        <v>14</v>
      </c>
      <c r="Y2069">
        <v>15</v>
      </c>
      <c r="Z2069">
        <v>15</v>
      </c>
      <c r="AA2069">
        <v>16</v>
      </c>
      <c r="AB2069">
        <v>16</v>
      </c>
      <c r="AC2069">
        <v>16</v>
      </c>
      <c r="AD2069">
        <v>17</v>
      </c>
      <c r="AE2069">
        <v>17</v>
      </c>
      <c r="AF2069">
        <v>17</v>
      </c>
      <c r="AG2069">
        <v>18</v>
      </c>
      <c r="AH2069">
        <v>18</v>
      </c>
      <c r="AI2069">
        <v>19</v>
      </c>
      <c r="AJ2069">
        <v>19</v>
      </c>
      <c r="AK2069">
        <v>20</v>
      </c>
      <c r="AL2069">
        <v>20</v>
      </c>
      <c r="AM2069">
        <v>20</v>
      </c>
      <c r="AN2069">
        <v>20</v>
      </c>
      <c r="AO2069">
        <v>21</v>
      </c>
      <c r="AP2069">
        <v>21</v>
      </c>
      <c r="AQ2069">
        <v>21</v>
      </c>
    </row>
    <row r="2070" spans="1:43">
      <c r="A2070" t="s">
        <v>1352</v>
      </c>
      <c r="B2070" t="s">
        <v>1353</v>
      </c>
      <c r="C2070" t="s">
        <v>1348</v>
      </c>
      <c r="D2070" t="s">
        <v>1349</v>
      </c>
      <c r="E2070" t="s">
        <v>1192</v>
      </c>
      <c r="F2070" t="s">
        <v>1193</v>
      </c>
      <c r="G2070" t="s">
        <v>80</v>
      </c>
      <c r="H2070" t="s">
        <v>81</v>
      </c>
      <c r="I2070" s="2">
        <v>1</v>
      </c>
      <c r="J2070" s="2">
        <v>0</v>
      </c>
      <c r="K2070" s="2">
        <v>0</v>
      </c>
      <c r="L2070" t="s">
        <v>120</v>
      </c>
      <c r="M2070" t="s">
        <v>83</v>
      </c>
      <c r="N2070" t="s">
        <v>84</v>
      </c>
      <c r="O2070" t="s">
        <v>85</v>
      </c>
      <c r="P2070" t="s">
        <v>86</v>
      </c>
      <c r="Q2070">
        <v>10</v>
      </c>
      <c r="R2070">
        <v>10</v>
      </c>
      <c r="S2070">
        <v>11</v>
      </c>
      <c r="T2070">
        <v>11</v>
      </c>
      <c r="U2070">
        <v>11</v>
      </c>
      <c r="V2070">
        <v>11</v>
      </c>
      <c r="W2070">
        <v>12</v>
      </c>
      <c r="X2070">
        <v>12</v>
      </c>
      <c r="Y2070">
        <v>12</v>
      </c>
      <c r="Z2070">
        <v>13</v>
      </c>
      <c r="AA2070">
        <v>13</v>
      </c>
      <c r="AB2070">
        <v>13</v>
      </c>
      <c r="AC2070">
        <v>14</v>
      </c>
      <c r="AD2070">
        <v>14</v>
      </c>
      <c r="AE2070">
        <v>14</v>
      </c>
      <c r="AF2070">
        <v>15</v>
      </c>
      <c r="AG2070">
        <v>15</v>
      </c>
      <c r="AH2070">
        <v>15</v>
      </c>
      <c r="AI2070">
        <v>16</v>
      </c>
      <c r="AJ2070">
        <v>16</v>
      </c>
      <c r="AK2070">
        <v>16</v>
      </c>
      <c r="AL2070">
        <v>17</v>
      </c>
      <c r="AM2070">
        <v>17</v>
      </c>
      <c r="AN2070">
        <v>17</v>
      </c>
      <c r="AO2070">
        <v>17</v>
      </c>
      <c r="AP2070">
        <v>17</v>
      </c>
      <c r="AQ2070">
        <v>18</v>
      </c>
    </row>
    <row r="2071" spans="1:43">
      <c r="A2071" t="s">
        <v>1352</v>
      </c>
      <c r="B2071" t="s">
        <v>1353</v>
      </c>
      <c r="C2071" t="s">
        <v>1348</v>
      </c>
      <c r="D2071" t="s">
        <v>1349</v>
      </c>
      <c r="E2071" t="s">
        <v>1192</v>
      </c>
      <c r="F2071" t="s">
        <v>1193</v>
      </c>
      <c r="G2071" t="s">
        <v>80</v>
      </c>
      <c r="H2071" t="s">
        <v>81</v>
      </c>
      <c r="I2071" s="2">
        <v>1</v>
      </c>
      <c r="J2071" s="2">
        <v>0</v>
      </c>
      <c r="K2071" s="2">
        <v>0</v>
      </c>
      <c r="L2071" t="s">
        <v>120</v>
      </c>
      <c r="M2071" t="s">
        <v>87</v>
      </c>
      <c r="N2071" t="s">
        <v>88</v>
      </c>
      <c r="O2071" t="s">
        <v>85</v>
      </c>
      <c r="P2071" t="s">
        <v>86</v>
      </c>
      <c r="Q2071">
        <v>10</v>
      </c>
      <c r="R2071">
        <v>10</v>
      </c>
      <c r="S2071">
        <v>10</v>
      </c>
      <c r="T2071">
        <v>10</v>
      </c>
      <c r="U2071">
        <v>11</v>
      </c>
      <c r="V2071">
        <v>11</v>
      </c>
      <c r="W2071">
        <v>11</v>
      </c>
      <c r="X2071">
        <v>11</v>
      </c>
      <c r="Y2071">
        <v>11</v>
      </c>
      <c r="Z2071">
        <v>12</v>
      </c>
      <c r="AA2071">
        <v>12</v>
      </c>
      <c r="AB2071">
        <v>12</v>
      </c>
      <c r="AC2071">
        <v>12</v>
      </c>
      <c r="AD2071">
        <v>12</v>
      </c>
      <c r="AE2071">
        <v>13</v>
      </c>
      <c r="AF2071">
        <v>13</v>
      </c>
      <c r="AG2071">
        <v>13</v>
      </c>
      <c r="AH2071">
        <v>13</v>
      </c>
      <c r="AI2071">
        <v>14</v>
      </c>
      <c r="AJ2071">
        <v>14</v>
      </c>
      <c r="AK2071">
        <v>14</v>
      </c>
      <c r="AL2071">
        <v>14</v>
      </c>
      <c r="AM2071">
        <v>14</v>
      </c>
      <c r="AN2071">
        <v>15</v>
      </c>
      <c r="AO2071">
        <v>15</v>
      </c>
      <c r="AP2071">
        <v>15</v>
      </c>
      <c r="AQ2071">
        <v>15</v>
      </c>
    </row>
    <row r="2072" spans="1:43">
      <c r="A2072" t="s">
        <v>1352</v>
      </c>
      <c r="B2072" t="s">
        <v>1353</v>
      </c>
      <c r="C2072" t="s">
        <v>1348</v>
      </c>
      <c r="D2072" t="s">
        <v>1349</v>
      </c>
      <c r="E2072" t="s">
        <v>1192</v>
      </c>
      <c r="F2072" t="s">
        <v>1193</v>
      </c>
      <c r="G2072" t="s">
        <v>80</v>
      </c>
      <c r="H2072" t="s">
        <v>81</v>
      </c>
      <c r="I2072" s="2">
        <v>1</v>
      </c>
      <c r="J2072" s="2">
        <v>0</v>
      </c>
      <c r="K2072" s="2">
        <v>0</v>
      </c>
      <c r="L2072" t="s">
        <v>120</v>
      </c>
      <c r="M2072" t="s">
        <v>89</v>
      </c>
      <c r="N2072" t="s">
        <v>90</v>
      </c>
      <c r="O2072" t="s">
        <v>85</v>
      </c>
      <c r="P2072" t="s">
        <v>86</v>
      </c>
      <c r="Q2072">
        <v>10</v>
      </c>
      <c r="R2072">
        <v>11</v>
      </c>
      <c r="S2072">
        <v>11</v>
      </c>
      <c r="T2072">
        <v>11</v>
      </c>
      <c r="U2072">
        <v>12</v>
      </c>
      <c r="V2072">
        <v>12</v>
      </c>
      <c r="W2072">
        <v>12</v>
      </c>
      <c r="X2072">
        <v>13</v>
      </c>
      <c r="Y2072">
        <v>13</v>
      </c>
      <c r="Z2072">
        <v>13</v>
      </c>
      <c r="AA2072">
        <v>14</v>
      </c>
      <c r="AB2072">
        <v>14</v>
      </c>
      <c r="AC2072">
        <v>15</v>
      </c>
      <c r="AD2072">
        <v>15</v>
      </c>
      <c r="AE2072">
        <v>15</v>
      </c>
      <c r="AF2072">
        <v>15</v>
      </c>
      <c r="AG2072">
        <v>16</v>
      </c>
      <c r="AH2072">
        <v>16</v>
      </c>
      <c r="AI2072">
        <v>16</v>
      </c>
      <c r="AJ2072">
        <v>16</v>
      </c>
      <c r="AK2072">
        <v>17</v>
      </c>
      <c r="AL2072">
        <v>17</v>
      </c>
      <c r="AM2072">
        <v>17</v>
      </c>
      <c r="AN2072">
        <v>17</v>
      </c>
      <c r="AO2072">
        <v>17</v>
      </c>
      <c r="AP2072">
        <v>18</v>
      </c>
      <c r="AQ2072">
        <v>18</v>
      </c>
    </row>
    <row r="2073" spans="1:43">
      <c r="A2073" t="s">
        <v>1352</v>
      </c>
      <c r="B2073" t="s">
        <v>1353</v>
      </c>
      <c r="C2073" t="s">
        <v>1348</v>
      </c>
      <c r="D2073" t="s">
        <v>1349</v>
      </c>
      <c r="E2073" t="s">
        <v>1192</v>
      </c>
      <c r="F2073" t="s">
        <v>1193</v>
      </c>
      <c r="G2073" t="s">
        <v>80</v>
      </c>
      <c r="H2073" t="s">
        <v>81</v>
      </c>
      <c r="I2073" s="2">
        <v>1</v>
      </c>
      <c r="J2073" s="2">
        <v>0</v>
      </c>
      <c r="K2073" s="2">
        <v>0</v>
      </c>
      <c r="L2073" t="s">
        <v>120</v>
      </c>
      <c r="M2073" t="s">
        <v>83</v>
      </c>
      <c r="N2073" t="s">
        <v>91</v>
      </c>
      <c r="O2073" t="s">
        <v>85</v>
      </c>
      <c r="P2073" t="s">
        <v>86</v>
      </c>
      <c r="Q2073">
        <v>10</v>
      </c>
      <c r="R2073">
        <v>10</v>
      </c>
      <c r="S2073">
        <v>11</v>
      </c>
      <c r="T2073">
        <v>11</v>
      </c>
      <c r="U2073">
        <v>11</v>
      </c>
      <c r="V2073">
        <v>11</v>
      </c>
      <c r="W2073">
        <v>12</v>
      </c>
      <c r="X2073">
        <v>12</v>
      </c>
      <c r="Y2073">
        <v>12</v>
      </c>
      <c r="Z2073">
        <v>13</v>
      </c>
      <c r="AA2073">
        <v>13</v>
      </c>
      <c r="AB2073">
        <v>13</v>
      </c>
      <c r="AC2073">
        <v>14</v>
      </c>
      <c r="AD2073">
        <v>14</v>
      </c>
      <c r="AE2073">
        <v>14</v>
      </c>
      <c r="AF2073">
        <v>15</v>
      </c>
      <c r="AG2073">
        <v>15</v>
      </c>
      <c r="AH2073">
        <v>15</v>
      </c>
      <c r="AI2073">
        <v>16</v>
      </c>
      <c r="AJ2073">
        <v>16</v>
      </c>
      <c r="AK2073">
        <v>16</v>
      </c>
      <c r="AL2073">
        <v>17</v>
      </c>
      <c r="AM2073">
        <v>17</v>
      </c>
      <c r="AN2073">
        <v>17</v>
      </c>
      <c r="AO2073">
        <v>17</v>
      </c>
      <c r="AP2073">
        <v>17</v>
      </c>
      <c r="AQ2073">
        <v>18</v>
      </c>
    </row>
    <row r="2074" spans="1:43">
      <c r="A2074" t="s">
        <v>1354</v>
      </c>
      <c r="B2074" t="s">
        <v>1355</v>
      </c>
      <c r="C2074" t="s">
        <v>1348</v>
      </c>
      <c r="D2074" t="s">
        <v>1349</v>
      </c>
      <c r="E2074" t="s">
        <v>1192</v>
      </c>
      <c r="F2074" t="s">
        <v>1193</v>
      </c>
      <c r="G2074" t="s">
        <v>80</v>
      </c>
      <c r="H2074" t="s">
        <v>81</v>
      </c>
      <c r="I2074" s="2">
        <v>1</v>
      </c>
      <c r="J2074" s="2">
        <v>0</v>
      </c>
      <c r="K2074" s="2">
        <v>0</v>
      </c>
      <c r="L2074" t="s">
        <v>120</v>
      </c>
      <c r="M2074" t="s">
        <v>83</v>
      </c>
      <c r="N2074" t="s">
        <v>84</v>
      </c>
      <c r="O2074" t="s">
        <v>85</v>
      </c>
      <c r="P2074" t="s">
        <v>86</v>
      </c>
      <c r="Q2074">
        <v>21</v>
      </c>
      <c r="R2074">
        <v>22</v>
      </c>
      <c r="S2074">
        <v>23</v>
      </c>
      <c r="T2074">
        <v>23</v>
      </c>
      <c r="U2074">
        <v>24</v>
      </c>
      <c r="V2074">
        <v>24</v>
      </c>
      <c r="W2074">
        <v>25</v>
      </c>
      <c r="X2074">
        <v>26</v>
      </c>
      <c r="Y2074">
        <v>26</v>
      </c>
      <c r="Z2074">
        <v>27</v>
      </c>
      <c r="AA2074">
        <v>28</v>
      </c>
      <c r="AB2074">
        <v>28</v>
      </c>
      <c r="AC2074">
        <v>29</v>
      </c>
      <c r="AD2074">
        <v>30</v>
      </c>
      <c r="AE2074">
        <v>30</v>
      </c>
      <c r="AF2074">
        <v>31</v>
      </c>
      <c r="AG2074">
        <v>32</v>
      </c>
      <c r="AH2074">
        <v>32</v>
      </c>
      <c r="AI2074">
        <v>33</v>
      </c>
      <c r="AJ2074">
        <v>34</v>
      </c>
      <c r="AK2074">
        <v>35</v>
      </c>
      <c r="AL2074">
        <v>35</v>
      </c>
      <c r="AM2074">
        <v>36</v>
      </c>
      <c r="AN2074">
        <v>36</v>
      </c>
      <c r="AO2074">
        <v>37</v>
      </c>
      <c r="AP2074">
        <v>37</v>
      </c>
      <c r="AQ2074">
        <v>38</v>
      </c>
    </row>
    <row r="2075" spans="1:43">
      <c r="A2075" t="s">
        <v>1354</v>
      </c>
      <c r="B2075" t="s">
        <v>1355</v>
      </c>
      <c r="C2075" t="s">
        <v>1348</v>
      </c>
      <c r="D2075" t="s">
        <v>1349</v>
      </c>
      <c r="E2075" t="s">
        <v>1192</v>
      </c>
      <c r="F2075" t="s">
        <v>1193</v>
      </c>
      <c r="G2075" t="s">
        <v>80</v>
      </c>
      <c r="H2075" t="s">
        <v>81</v>
      </c>
      <c r="I2075" s="2">
        <v>1</v>
      </c>
      <c r="J2075" s="2">
        <v>0</v>
      </c>
      <c r="K2075" s="2">
        <v>0</v>
      </c>
      <c r="L2075" t="s">
        <v>120</v>
      </c>
      <c r="M2075" t="s">
        <v>87</v>
      </c>
      <c r="N2075" t="s">
        <v>88</v>
      </c>
      <c r="O2075" t="s">
        <v>85</v>
      </c>
      <c r="P2075" t="s">
        <v>86</v>
      </c>
      <c r="Q2075">
        <v>21</v>
      </c>
      <c r="R2075">
        <v>22</v>
      </c>
      <c r="S2075">
        <v>22</v>
      </c>
      <c r="T2075">
        <v>22</v>
      </c>
      <c r="U2075">
        <v>23</v>
      </c>
      <c r="V2075">
        <v>23</v>
      </c>
      <c r="W2075">
        <v>23</v>
      </c>
      <c r="X2075">
        <v>24</v>
      </c>
      <c r="Y2075">
        <v>24</v>
      </c>
      <c r="Z2075">
        <v>25</v>
      </c>
      <c r="AA2075">
        <v>25</v>
      </c>
      <c r="AB2075">
        <v>26</v>
      </c>
      <c r="AC2075">
        <v>26</v>
      </c>
      <c r="AD2075">
        <v>26</v>
      </c>
      <c r="AE2075">
        <v>27</v>
      </c>
      <c r="AF2075">
        <v>27</v>
      </c>
      <c r="AG2075">
        <v>28</v>
      </c>
      <c r="AH2075">
        <v>28</v>
      </c>
      <c r="AI2075">
        <v>29</v>
      </c>
      <c r="AJ2075">
        <v>29</v>
      </c>
      <c r="AK2075">
        <v>30</v>
      </c>
      <c r="AL2075">
        <v>30</v>
      </c>
      <c r="AM2075">
        <v>31</v>
      </c>
      <c r="AN2075">
        <v>31</v>
      </c>
      <c r="AO2075">
        <v>32</v>
      </c>
      <c r="AP2075">
        <v>32</v>
      </c>
      <c r="AQ2075">
        <v>33</v>
      </c>
    </row>
    <row r="2076" spans="1:43">
      <c r="A2076" t="s">
        <v>1354</v>
      </c>
      <c r="B2076" t="s">
        <v>1355</v>
      </c>
      <c r="C2076" t="s">
        <v>1348</v>
      </c>
      <c r="D2076" t="s">
        <v>1349</v>
      </c>
      <c r="E2076" t="s">
        <v>1192</v>
      </c>
      <c r="F2076" t="s">
        <v>1193</v>
      </c>
      <c r="G2076" t="s">
        <v>80</v>
      </c>
      <c r="H2076" t="s">
        <v>81</v>
      </c>
      <c r="I2076" s="2">
        <v>1</v>
      </c>
      <c r="J2076" s="2">
        <v>0</v>
      </c>
      <c r="K2076" s="2">
        <v>0</v>
      </c>
      <c r="L2076" t="s">
        <v>120</v>
      </c>
      <c r="M2076" t="s">
        <v>89</v>
      </c>
      <c r="N2076" t="s">
        <v>90</v>
      </c>
      <c r="O2076" t="s">
        <v>85</v>
      </c>
      <c r="P2076" t="s">
        <v>86</v>
      </c>
      <c r="Q2076">
        <v>21</v>
      </c>
      <c r="R2076">
        <v>21</v>
      </c>
      <c r="S2076">
        <v>22</v>
      </c>
      <c r="T2076">
        <v>23</v>
      </c>
      <c r="U2076">
        <v>24</v>
      </c>
      <c r="V2076">
        <v>24</v>
      </c>
      <c r="W2076">
        <v>25</v>
      </c>
      <c r="X2076">
        <v>26</v>
      </c>
      <c r="Y2076">
        <v>27</v>
      </c>
      <c r="Z2076">
        <v>28</v>
      </c>
      <c r="AA2076">
        <v>28</v>
      </c>
      <c r="AB2076">
        <v>29</v>
      </c>
      <c r="AC2076">
        <v>30</v>
      </c>
      <c r="AD2076">
        <v>31</v>
      </c>
      <c r="AE2076">
        <v>31</v>
      </c>
      <c r="AF2076">
        <v>32</v>
      </c>
      <c r="AG2076">
        <v>32</v>
      </c>
      <c r="AH2076">
        <v>33</v>
      </c>
      <c r="AI2076">
        <v>33</v>
      </c>
      <c r="AJ2076">
        <v>34</v>
      </c>
      <c r="AK2076">
        <v>34</v>
      </c>
      <c r="AL2076">
        <v>35</v>
      </c>
      <c r="AM2076">
        <v>35</v>
      </c>
      <c r="AN2076">
        <v>35</v>
      </c>
      <c r="AO2076">
        <v>36</v>
      </c>
      <c r="AP2076">
        <v>36</v>
      </c>
      <c r="AQ2076">
        <v>37</v>
      </c>
    </row>
    <row r="2077" spans="1:43">
      <c r="A2077" t="s">
        <v>1354</v>
      </c>
      <c r="B2077" t="s">
        <v>1355</v>
      </c>
      <c r="C2077" t="s">
        <v>1348</v>
      </c>
      <c r="D2077" t="s">
        <v>1349</v>
      </c>
      <c r="E2077" t="s">
        <v>1192</v>
      </c>
      <c r="F2077" t="s">
        <v>1193</v>
      </c>
      <c r="G2077" t="s">
        <v>80</v>
      </c>
      <c r="H2077" t="s">
        <v>81</v>
      </c>
      <c r="I2077" s="2">
        <v>1</v>
      </c>
      <c r="J2077" s="2">
        <v>0</v>
      </c>
      <c r="K2077" s="2">
        <v>0</v>
      </c>
      <c r="L2077" t="s">
        <v>120</v>
      </c>
      <c r="M2077" t="s">
        <v>83</v>
      </c>
      <c r="N2077" t="s">
        <v>91</v>
      </c>
      <c r="O2077" t="s">
        <v>85</v>
      </c>
      <c r="P2077" t="s">
        <v>86</v>
      </c>
      <c r="Q2077">
        <v>21</v>
      </c>
      <c r="R2077">
        <v>22</v>
      </c>
      <c r="S2077">
        <v>23</v>
      </c>
      <c r="T2077">
        <v>23</v>
      </c>
      <c r="U2077">
        <v>24</v>
      </c>
      <c r="V2077">
        <v>24</v>
      </c>
      <c r="W2077">
        <v>25</v>
      </c>
      <c r="X2077">
        <v>26</v>
      </c>
      <c r="Y2077">
        <v>26</v>
      </c>
      <c r="Z2077">
        <v>27</v>
      </c>
      <c r="AA2077">
        <v>28</v>
      </c>
      <c r="AB2077">
        <v>28</v>
      </c>
      <c r="AC2077">
        <v>29</v>
      </c>
      <c r="AD2077">
        <v>30</v>
      </c>
      <c r="AE2077">
        <v>30</v>
      </c>
      <c r="AF2077">
        <v>31</v>
      </c>
      <c r="AG2077">
        <v>32</v>
      </c>
      <c r="AH2077">
        <v>32</v>
      </c>
      <c r="AI2077">
        <v>33</v>
      </c>
      <c r="AJ2077">
        <v>34</v>
      </c>
      <c r="AK2077">
        <v>35</v>
      </c>
      <c r="AL2077">
        <v>35</v>
      </c>
      <c r="AM2077">
        <v>36</v>
      </c>
      <c r="AN2077">
        <v>36</v>
      </c>
      <c r="AO2077">
        <v>37</v>
      </c>
      <c r="AP2077">
        <v>37</v>
      </c>
      <c r="AQ2077">
        <v>38</v>
      </c>
    </row>
    <row r="2078" spans="1:43">
      <c r="A2078" t="s">
        <v>1356</v>
      </c>
      <c r="B2078" t="s">
        <v>1357</v>
      </c>
      <c r="C2078" t="s">
        <v>1348</v>
      </c>
      <c r="D2078" t="s">
        <v>1349</v>
      </c>
      <c r="E2078" t="s">
        <v>1192</v>
      </c>
      <c r="F2078" t="s">
        <v>1193</v>
      </c>
      <c r="G2078" t="s">
        <v>80</v>
      </c>
      <c r="H2078" t="s">
        <v>81</v>
      </c>
      <c r="I2078" s="2">
        <v>1</v>
      </c>
      <c r="J2078" s="2">
        <v>0</v>
      </c>
      <c r="K2078" s="2">
        <v>0</v>
      </c>
      <c r="L2078" t="s">
        <v>120</v>
      </c>
      <c r="M2078" t="s">
        <v>83</v>
      </c>
      <c r="N2078" t="s">
        <v>84</v>
      </c>
      <c r="O2078" t="s">
        <v>85</v>
      </c>
      <c r="P2078" t="s">
        <v>86</v>
      </c>
      <c r="Q2078">
        <v>35</v>
      </c>
      <c r="R2078">
        <v>36</v>
      </c>
      <c r="S2078">
        <v>37</v>
      </c>
      <c r="T2078">
        <v>38</v>
      </c>
      <c r="U2078">
        <v>39</v>
      </c>
      <c r="V2078">
        <v>40</v>
      </c>
      <c r="W2078">
        <v>41</v>
      </c>
      <c r="X2078">
        <v>42</v>
      </c>
      <c r="Y2078">
        <v>43</v>
      </c>
      <c r="Z2078">
        <v>44</v>
      </c>
      <c r="AA2078">
        <v>46</v>
      </c>
      <c r="AB2078">
        <v>47</v>
      </c>
      <c r="AC2078">
        <v>48</v>
      </c>
      <c r="AD2078">
        <v>49</v>
      </c>
      <c r="AE2078">
        <v>50</v>
      </c>
      <c r="AF2078">
        <v>51</v>
      </c>
      <c r="AG2078">
        <v>52</v>
      </c>
      <c r="AH2078">
        <v>54</v>
      </c>
      <c r="AI2078">
        <v>55</v>
      </c>
      <c r="AJ2078">
        <v>56</v>
      </c>
      <c r="AK2078">
        <v>57</v>
      </c>
      <c r="AL2078">
        <v>58</v>
      </c>
      <c r="AM2078">
        <v>59</v>
      </c>
      <c r="AN2078">
        <v>60</v>
      </c>
      <c r="AO2078">
        <v>61</v>
      </c>
      <c r="AP2078">
        <v>61</v>
      </c>
      <c r="AQ2078">
        <v>62</v>
      </c>
    </row>
    <row r="2079" spans="1:43">
      <c r="A2079" t="s">
        <v>1356</v>
      </c>
      <c r="B2079" t="s">
        <v>1357</v>
      </c>
      <c r="C2079" t="s">
        <v>1348</v>
      </c>
      <c r="D2079" t="s">
        <v>1349</v>
      </c>
      <c r="E2079" t="s">
        <v>1192</v>
      </c>
      <c r="F2079" t="s">
        <v>1193</v>
      </c>
      <c r="G2079" t="s">
        <v>80</v>
      </c>
      <c r="H2079" t="s">
        <v>81</v>
      </c>
      <c r="I2079" s="2">
        <v>1</v>
      </c>
      <c r="J2079" s="2">
        <v>0</v>
      </c>
      <c r="K2079" s="2">
        <v>0</v>
      </c>
      <c r="L2079" t="s">
        <v>120</v>
      </c>
      <c r="M2079" t="s">
        <v>87</v>
      </c>
      <c r="N2079" t="s">
        <v>88</v>
      </c>
      <c r="O2079" t="s">
        <v>85</v>
      </c>
      <c r="P2079" t="s">
        <v>86</v>
      </c>
      <c r="Q2079">
        <v>35</v>
      </c>
      <c r="R2079">
        <v>36</v>
      </c>
      <c r="S2079">
        <v>36</v>
      </c>
      <c r="T2079">
        <v>37</v>
      </c>
      <c r="U2079">
        <v>37</v>
      </c>
      <c r="V2079">
        <v>38</v>
      </c>
      <c r="W2079">
        <v>39</v>
      </c>
      <c r="X2079">
        <v>39</v>
      </c>
      <c r="Y2079">
        <v>40</v>
      </c>
      <c r="Z2079">
        <v>41</v>
      </c>
      <c r="AA2079">
        <v>42</v>
      </c>
      <c r="AB2079">
        <v>42</v>
      </c>
      <c r="AC2079">
        <v>43</v>
      </c>
      <c r="AD2079">
        <v>44</v>
      </c>
      <c r="AE2079">
        <v>44</v>
      </c>
      <c r="AF2079">
        <v>45</v>
      </c>
      <c r="AG2079">
        <v>46</v>
      </c>
      <c r="AH2079">
        <v>47</v>
      </c>
      <c r="AI2079">
        <v>47</v>
      </c>
      <c r="AJ2079">
        <v>48</v>
      </c>
      <c r="AK2079">
        <v>49</v>
      </c>
      <c r="AL2079">
        <v>50</v>
      </c>
      <c r="AM2079">
        <v>51</v>
      </c>
      <c r="AN2079">
        <v>51</v>
      </c>
      <c r="AO2079">
        <v>52</v>
      </c>
      <c r="AP2079">
        <v>53</v>
      </c>
      <c r="AQ2079">
        <v>54</v>
      </c>
    </row>
    <row r="2080" spans="1:43">
      <c r="A2080" t="s">
        <v>1356</v>
      </c>
      <c r="B2080" t="s">
        <v>1357</v>
      </c>
      <c r="C2080" t="s">
        <v>1348</v>
      </c>
      <c r="D2080" t="s">
        <v>1349</v>
      </c>
      <c r="E2080" t="s">
        <v>1192</v>
      </c>
      <c r="F2080" t="s">
        <v>1193</v>
      </c>
      <c r="G2080" t="s">
        <v>80</v>
      </c>
      <c r="H2080" t="s">
        <v>81</v>
      </c>
      <c r="I2080" s="2">
        <v>1</v>
      </c>
      <c r="J2080" s="2">
        <v>0</v>
      </c>
      <c r="K2080" s="2">
        <v>0</v>
      </c>
      <c r="L2080" t="s">
        <v>120</v>
      </c>
      <c r="M2080" t="s">
        <v>89</v>
      </c>
      <c r="N2080" t="s">
        <v>90</v>
      </c>
      <c r="O2080" t="s">
        <v>85</v>
      </c>
      <c r="P2080" t="s">
        <v>86</v>
      </c>
      <c r="Q2080">
        <v>35</v>
      </c>
      <c r="R2080">
        <v>36</v>
      </c>
      <c r="S2080">
        <v>37</v>
      </c>
      <c r="T2080">
        <v>38</v>
      </c>
      <c r="U2080">
        <v>40</v>
      </c>
      <c r="V2080">
        <v>41</v>
      </c>
      <c r="W2080">
        <v>42</v>
      </c>
      <c r="X2080">
        <v>44</v>
      </c>
      <c r="Y2080">
        <v>45</v>
      </c>
      <c r="Z2080">
        <v>46</v>
      </c>
      <c r="AA2080">
        <v>47</v>
      </c>
      <c r="AB2080">
        <v>49</v>
      </c>
      <c r="AC2080">
        <v>50</v>
      </c>
      <c r="AD2080">
        <v>51</v>
      </c>
      <c r="AE2080">
        <v>53</v>
      </c>
      <c r="AF2080">
        <v>53</v>
      </c>
      <c r="AG2080">
        <v>54</v>
      </c>
      <c r="AH2080">
        <v>55</v>
      </c>
      <c r="AI2080">
        <v>55</v>
      </c>
      <c r="AJ2080">
        <v>56</v>
      </c>
      <c r="AK2080">
        <v>57</v>
      </c>
      <c r="AL2080">
        <v>58</v>
      </c>
      <c r="AM2080">
        <v>58</v>
      </c>
      <c r="AN2080">
        <v>59</v>
      </c>
      <c r="AO2080">
        <v>60</v>
      </c>
      <c r="AP2080">
        <v>61</v>
      </c>
      <c r="AQ2080">
        <v>61</v>
      </c>
    </row>
    <row r="2081" spans="1:43">
      <c r="A2081" t="s">
        <v>1356</v>
      </c>
      <c r="B2081" t="s">
        <v>1357</v>
      </c>
      <c r="C2081" t="s">
        <v>1348</v>
      </c>
      <c r="D2081" t="s">
        <v>1349</v>
      </c>
      <c r="E2081" t="s">
        <v>1192</v>
      </c>
      <c r="F2081" t="s">
        <v>1193</v>
      </c>
      <c r="G2081" t="s">
        <v>80</v>
      </c>
      <c r="H2081" t="s">
        <v>81</v>
      </c>
      <c r="I2081" s="2">
        <v>1</v>
      </c>
      <c r="J2081" s="2">
        <v>0</v>
      </c>
      <c r="K2081" s="2">
        <v>0</v>
      </c>
      <c r="L2081" t="s">
        <v>120</v>
      </c>
      <c r="M2081" t="s">
        <v>83</v>
      </c>
      <c r="N2081" t="s">
        <v>91</v>
      </c>
      <c r="O2081" t="s">
        <v>85</v>
      </c>
      <c r="P2081" t="s">
        <v>86</v>
      </c>
      <c r="Q2081">
        <v>35</v>
      </c>
      <c r="R2081">
        <v>36</v>
      </c>
      <c r="S2081">
        <v>37</v>
      </c>
      <c r="T2081">
        <v>38</v>
      </c>
      <c r="U2081">
        <v>39</v>
      </c>
      <c r="V2081">
        <v>40</v>
      </c>
      <c r="W2081">
        <v>41</v>
      </c>
      <c r="X2081">
        <v>42</v>
      </c>
      <c r="Y2081">
        <v>43</v>
      </c>
      <c r="Z2081">
        <v>44</v>
      </c>
      <c r="AA2081">
        <v>46</v>
      </c>
      <c r="AB2081">
        <v>47</v>
      </c>
      <c r="AC2081">
        <v>48</v>
      </c>
      <c r="AD2081">
        <v>49</v>
      </c>
      <c r="AE2081">
        <v>50</v>
      </c>
      <c r="AF2081">
        <v>51</v>
      </c>
      <c r="AG2081">
        <v>52</v>
      </c>
      <c r="AH2081">
        <v>54</v>
      </c>
      <c r="AI2081">
        <v>55</v>
      </c>
      <c r="AJ2081">
        <v>56</v>
      </c>
      <c r="AK2081">
        <v>57</v>
      </c>
      <c r="AL2081">
        <v>58</v>
      </c>
      <c r="AM2081">
        <v>59</v>
      </c>
      <c r="AN2081">
        <v>60</v>
      </c>
      <c r="AO2081">
        <v>61</v>
      </c>
      <c r="AP2081">
        <v>61</v>
      </c>
      <c r="AQ2081">
        <v>62</v>
      </c>
    </row>
    <row r="2082" spans="1:43">
      <c r="A2082" t="s">
        <v>1358</v>
      </c>
      <c r="B2082" t="s">
        <v>1359</v>
      </c>
      <c r="C2082" t="s">
        <v>1300</v>
      </c>
      <c r="D2082" t="s">
        <v>1301</v>
      </c>
      <c r="E2082" t="s">
        <v>1192</v>
      </c>
      <c r="F2082" t="s">
        <v>1193</v>
      </c>
      <c r="G2082" t="s">
        <v>80</v>
      </c>
      <c r="H2082" t="s">
        <v>81</v>
      </c>
      <c r="I2082" s="2">
        <v>1</v>
      </c>
      <c r="J2082" s="2">
        <v>0</v>
      </c>
      <c r="K2082" s="2">
        <v>0</v>
      </c>
      <c r="L2082" t="s">
        <v>120</v>
      </c>
      <c r="M2082" t="s">
        <v>83</v>
      </c>
      <c r="N2082" t="s">
        <v>84</v>
      </c>
      <c r="O2082" t="s">
        <v>85</v>
      </c>
      <c r="P2082" t="s">
        <v>86</v>
      </c>
      <c r="Q2082">
        <v>39</v>
      </c>
      <c r="R2082">
        <v>40</v>
      </c>
      <c r="S2082">
        <v>41</v>
      </c>
      <c r="T2082">
        <v>42</v>
      </c>
      <c r="U2082">
        <v>43</v>
      </c>
      <c r="V2082">
        <v>44</v>
      </c>
      <c r="W2082">
        <v>46</v>
      </c>
      <c r="X2082">
        <v>47</v>
      </c>
      <c r="Y2082">
        <v>48</v>
      </c>
      <c r="Z2082">
        <v>49</v>
      </c>
      <c r="AA2082">
        <v>50</v>
      </c>
      <c r="AB2082">
        <v>51</v>
      </c>
      <c r="AC2082">
        <v>53</v>
      </c>
      <c r="AD2082">
        <v>54</v>
      </c>
      <c r="AE2082">
        <v>55</v>
      </c>
      <c r="AF2082">
        <v>57</v>
      </c>
      <c r="AG2082">
        <v>58</v>
      </c>
      <c r="AH2082">
        <v>59</v>
      </c>
      <c r="AI2082">
        <v>61</v>
      </c>
      <c r="AJ2082">
        <v>62</v>
      </c>
      <c r="AK2082">
        <v>63</v>
      </c>
      <c r="AL2082">
        <v>64</v>
      </c>
      <c r="AM2082">
        <v>65</v>
      </c>
      <c r="AN2082">
        <v>66</v>
      </c>
      <c r="AO2082">
        <v>67</v>
      </c>
      <c r="AP2082">
        <v>68</v>
      </c>
      <c r="AQ2082">
        <v>69</v>
      </c>
    </row>
    <row r="2083" spans="1:43">
      <c r="A2083" t="s">
        <v>1358</v>
      </c>
      <c r="B2083" t="s">
        <v>1359</v>
      </c>
      <c r="C2083" t="s">
        <v>1300</v>
      </c>
      <c r="D2083" t="s">
        <v>1301</v>
      </c>
      <c r="E2083" t="s">
        <v>1192</v>
      </c>
      <c r="F2083" t="s">
        <v>1193</v>
      </c>
      <c r="G2083" t="s">
        <v>80</v>
      </c>
      <c r="H2083" t="s">
        <v>81</v>
      </c>
      <c r="I2083" s="2">
        <v>1</v>
      </c>
      <c r="J2083" s="2">
        <v>0</v>
      </c>
      <c r="K2083" s="2">
        <v>0</v>
      </c>
      <c r="L2083" t="s">
        <v>120</v>
      </c>
      <c r="M2083" t="s">
        <v>87</v>
      </c>
      <c r="N2083" t="s">
        <v>88</v>
      </c>
      <c r="O2083" t="s">
        <v>85</v>
      </c>
      <c r="P2083" t="s">
        <v>86</v>
      </c>
      <c r="Q2083">
        <v>39</v>
      </c>
      <c r="R2083">
        <v>39</v>
      </c>
      <c r="S2083">
        <v>40</v>
      </c>
      <c r="T2083">
        <v>41</v>
      </c>
      <c r="U2083">
        <v>41</v>
      </c>
      <c r="V2083">
        <v>42</v>
      </c>
      <c r="W2083">
        <v>43</v>
      </c>
      <c r="X2083">
        <v>44</v>
      </c>
      <c r="Y2083">
        <v>44</v>
      </c>
      <c r="Z2083">
        <v>45</v>
      </c>
      <c r="AA2083">
        <v>46</v>
      </c>
      <c r="AB2083">
        <v>47</v>
      </c>
      <c r="AC2083">
        <v>47</v>
      </c>
      <c r="AD2083">
        <v>48</v>
      </c>
      <c r="AE2083">
        <v>49</v>
      </c>
      <c r="AF2083">
        <v>50</v>
      </c>
      <c r="AG2083">
        <v>51</v>
      </c>
      <c r="AH2083">
        <v>51</v>
      </c>
      <c r="AI2083">
        <v>52</v>
      </c>
      <c r="AJ2083">
        <v>53</v>
      </c>
      <c r="AK2083">
        <v>54</v>
      </c>
      <c r="AL2083">
        <v>55</v>
      </c>
      <c r="AM2083">
        <v>56</v>
      </c>
      <c r="AN2083">
        <v>57</v>
      </c>
      <c r="AO2083">
        <v>58</v>
      </c>
      <c r="AP2083">
        <v>59</v>
      </c>
      <c r="AQ2083">
        <v>60</v>
      </c>
    </row>
    <row r="2084" spans="1:43">
      <c r="A2084" t="s">
        <v>1358</v>
      </c>
      <c r="B2084" t="s">
        <v>1359</v>
      </c>
      <c r="C2084" t="s">
        <v>1300</v>
      </c>
      <c r="D2084" t="s">
        <v>1301</v>
      </c>
      <c r="E2084" t="s">
        <v>1192</v>
      </c>
      <c r="F2084" t="s">
        <v>1193</v>
      </c>
      <c r="G2084" t="s">
        <v>80</v>
      </c>
      <c r="H2084" t="s">
        <v>81</v>
      </c>
      <c r="I2084" s="2">
        <v>1</v>
      </c>
      <c r="J2084" s="2">
        <v>0</v>
      </c>
      <c r="K2084" s="2">
        <v>0</v>
      </c>
      <c r="L2084" t="s">
        <v>120</v>
      </c>
      <c r="M2084" t="s">
        <v>89</v>
      </c>
      <c r="N2084" t="s">
        <v>90</v>
      </c>
      <c r="O2084" t="s">
        <v>85</v>
      </c>
      <c r="P2084" t="s">
        <v>86</v>
      </c>
      <c r="Q2084">
        <v>39</v>
      </c>
      <c r="R2084">
        <v>41</v>
      </c>
      <c r="S2084">
        <v>42</v>
      </c>
      <c r="T2084">
        <v>44</v>
      </c>
      <c r="U2084">
        <v>45</v>
      </c>
      <c r="V2084">
        <v>46</v>
      </c>
      <c r="W2084">
        <v>48</v>
      </c>
      <c r="X2084">
        <v>49</v>
      </c>
      <c r="Y2084">
        <v>51</v>
      </c>
      <c r="Z2084">
        <v>52</v>
      </c>
      <c r="AA2084">
        <v>53</v>
      </c>
      <c r="AB2084">
        <v>55</v>
      </c>
      <c r="AC2084">
        <v>56</v>
      </c>
      <c r="AD2084">
        <v>58</v>
      </c>
      <c r="AE2084">
        <v>59</v>
      </c>
      <c r="AF2084">
        <v>60</v>
      </c>
      <c r="AG2084">
        <v>61</v>
      </c>
      <c r="AH2084">
        <v>62</v>
      </c>
      <c r="AI2084">
        <v>63</v>
      </c>
      <c r="AJ2084">
        <v>63</v>
      </c>
      <c r="AK2084">
        <v>64</v>
      </c>
      <c r="AL2084">
        <v>65</v>
      </c>
      <c r="AM2084">
        <v>66</v>
      </c>
      <c r="AN2084">
        <v>67</v>
      </c>
      <c r="AO2084">
        <v>68</v>
      </c>
      <c r="AP2084">
        <v>68</v>
      </c>
      <c r="AQ2084">
        <v>69</v>
      </c>
    </row>
    <row r="2085" spans="1:43">
      <c r="A2085" t="s">
        <v>1358</v>
      </c>
      <c r="B2085" t="s">
        <v>1359</v>
      </c>
      <c r="C2085" t="s">
        <v>1300</v>
      </c>
      <c r="D2085" t="s">
        <v>1301</v>
      </c>
      <c r="E2085" t="s">
        <v>1192</v>
      </c>
      <c r="F2085" t="s">
        <v>1193</v>
      </c>
      <c r="G2085" t="s">
        <v>80</v>
      </c>
      <c r="H2085" t="s">
        <v>81</v>
      </c>
      <c r="I2085" s="2">
        <v>1</v>
      </c>
      <c r="J2085" s="2">
        <v>0</v>
      </c>
      <c r="K2085" s="2">
        <v>0</v>
      </c>
      <c r="L2085" t="s">
        <v>120</v>
      </c>
      <c r="M2085" t="s">
        <v>83</v>
      </c>
      <c r="N2085" t="s">
        <v>91</v>
      </c>
      <c r="O2085" t="s">
        <v>85</v>
      </c>
      <c r="P2085" t="s">
        <v>86</v>
      </c>
      <c r="Q2085">
        <v>39</v>
      </c>
      <c r="R2085">
        <v>40</v>
      </c>
      <c r="S2085">
        <v>41</v>
      </c>
      <c r="T2085">
        <v>42</v>
      </c>
      <c r="U2085">
        <v>43</v>
      </c>
      <c r="V2085">
        <v>44</v>
      </c>
      <c r="W2085">
        <v>46</v>
      </c>
      <c r="X2085">
        <v>47</v>
      </c>
      <c r="Y2085">
        <v>48</v>
      </c>
      <c r="Z2085">
        <v>49</v>
      </c>
      <c r="AA2085">
        <v>50</v>
      </c>
      <c r="AB2085">
        <v>51</v>
      </c>
      <c r="AC2085">
        <v>53</v>
      </c>
      <c r="AD2085">
        <v>54</v>
      </c>
      <c r="AE2085">
        <v>55</v>
      </c>
      <c r="AF2085">
        <v>57</v>
      </c>
      <c r="AG2085">
        <v>58</v>
      </c>
      <c r="AH2085">
        <v>59</v>
      </c>
      <c r="AI2085">
        <v>61</v>
      </c>
      <c r="AJ2085">
        <v>62</v>
      </c>
      <c r="AK2085">
        <v>63</v>
      </c>
      <c r="AL2085">
        <v>64</v>
      </c>
      <c r="AM2085">
        <v>65</v>
      </c>
      <c r="AN2085">
        <v>66</v>
      </c>
      <c r="AO2085">
        <v>67</v>
      </c>
      <c r="AP2085">
        <v>68</v>
      </c>
      <c r="AQ2085">
        <v>69</v>
      </c>
    </row>
    <row r="2086" spans="1:43">
      <c r="A2086" t="s">
        <v>1360</v>
      </c>
      <c r="B2086" t="s">
        <v>1361</v>
      </c>
      <c r="C2086" t="s">
        <v>1362</v>
      </c>
      <c r="D2086" t="s">
        <v>1363</v>
      </c>
      <c r="E2086" t="s">
        <v>1192</v>
      </c>
      <c r="F2086" t="s">
        <v>1193</v>
      </c>
      <c r="G2086" t="s">
        <v>80</v>
      </c>
      <c r="H2086" t="s">
        <v>81</v>
      </c>
      <c r="I2086" s="2">
        <v>0</v>
      </c>
      <c r="J2086" s="2">
        <v>1</v>
      </c>
      <c r="K2086" s="2">
        <v>0</v>
      </c>
      <c r="L2086" t="s">
        <v>82</v>
      </c>
      <c r="M2086" t="s">
        <v>83</v>
      </c>
      <c r="N2086" t="s">
        <v>84</v>
      </c>
      <c r="O2086" t="s">
        <v>85</v>
      </c>
      <c r="P2086" t="s">
        <v>86</v>
      </c>
      <c r="Q2086">
        <v>42</v>
      </c>
      <c r="R2086">
        <v>43</v>
      </c>
      <c r="S2086">
        <v>44</v>
      </c>
      <c r="T2086">
        <v>45</v>
      </c>
      <c r="U2086">
        <v>46</v>
      </c>
      <c r="V2086">
        <v>47</v>
      </c>
      <c r="W2086">
        <v>49</v>
      </c>
      <c r="X2086">
        <v>50</v>
      </c>
      <c r="Y2086">
        <v>51</v>
      </c>
      <c r="Z2086">
        <v>52</v>
      </c>
      <c r="AA2086">
        <v>54</v>
      </c>
      <c r="AB2086">
        <v>55</v>
      </c>
      <c r="AC2086">
        <v>56</v>
      </c>
      <c r="AD2086">
        <v>58</v>
      </c>
      <c r="AE2086">
        <v>59</v>
      </c>
      <c r="AF2086">
        <v>60</v>
      </c>
      <c r="AG2086">
        <v>62</v>
      </c>
      <c r="AH2086">
        <v>63</v>
      </c>
      <c r="AI2086">
        <v>65</v>
      </c>
      <c r="AJ2086">
        <v>66</v>
      </c>
      <c r="AK2086">
        <v>68</v>
      </c>
      <c r="AL2086">
        <v>69</v>
      </c>
      <c r="AM2086">
        <v>69</v>
      </c>
      <c r="AN2086">
        <v>70</v>
      </c>
      <c r="AO2086">
        <v>71</v>
      </c>
      <c r="AP2086">
        <v>72</v>
      </c>
      <c r="AQ2086">
        <v>73</v>
      </c>
    </row>
    <row r="2087" spans="1:43">
      <c r="A2087" t="s">
        <v>1360</v>
      </c>
      <c r="B2087" t="s">
        <v>1361</v>
      </c>
      <c r="C2087" t="s">
        <v>1362</v>
      </c>
      <c r="D2087" t="s">
        <v>1363</v>
      </c>
      <c r="E2087" t="s">
        <v>1192</v>
      </c>
      <c r="F2087" t="s">
        <v>1193</v>
      </c>
      <c r="G2087" t="s">
        <v>80</v>
      </c>
      <c r="H2087" t="s">
        <v>81</v>
      </c>
      <c r="I2087" s="2">
        <v>0</v>
      </c>
      <c r="J2087" s="2">
        <v>1</v>
      </c>
      <c r="K2087" s="2">
        <v>0</v>
      </c>
      <c r="L2087" t="s">
        <v>82</v>
      </c>
      <c r="M2087" t="s">
        <v>87</v>
      </c>
      <c r="N2087" t="s">
        <v>88</v>
      </c>
      <c r="O2087" t="s">
        <v>85</v>
      </c>
      <c r="P2087" t="s">
        <v>86</v>
      </c>
      <c r="Q2087">
        <v>42</v>
      </c>
      <c r="R2087">
        <v>43</v>
      </c>
      <c r="S2087">
        <v>44</v>
      </c>
      <c r="T2087">
        <v>44</v>
      </c>
      <c r="U2087">
        <v>45</v>
      </c>
      <c r="V2087">
        <v>46</v>
      </c>
      <c r="W2087">
        <v>47</v>
      </c>
      <c r="X2087">
        <v>47</v>
      </c>
      <c r="Y2087">
        <v>48</v>
      </c>
      <c r="Z2087">
        <v>49</v>
      </c>
      <c r="AA2087">
        <v>50</v>
      </c>
      <c r="AB2087">
        <v>51</v>
      </c>
      <c r="AC2087">
        <v>52</v>
      </c>
      <c r="AD2087">
        <v>52</v>
      </c>
      <c r="AE2087">
        <v>53</v>
      </c>
      <c r="AF2087">
        <v>54</v>
      </c>
      <c r="AG2087">
        <v>55</v>
      </c>
      <c r="AH2087">
        <v>56</v>
      </c>
      <c r="AI2087">
        <v>57</v>
      </c>
      <c r="AJ2087">
        <v>58</v>
      </c>
      <c r="AK2087">
        <v>59</v>
      </c>
      <c r="AL2087">
        <v>60</v>
      </c>
      <c r="AM2087">
        <v>61</v>
      </c>
      <c r="AN2087">
        <v>62</v>
      </c>
      <c r="AO2087">
        <v>63</v>
      </c>
      <c r="AP2087">
        <v>63</v>
      </c>
      <c r="AQ2087">
        <v>65</v>
      </c>
    </row>
    <row r="2088" spans="1:43">
      <c r="A2088" t="s">
        <v>1360</v>
      </c>
      <c r="B2088" t="s">
        <v>1361</v>
      </c>
      <c r="C2088" t="s">
        <v>1362</v>
      </c>
      <c r="D2088" t="s">
        <v>1363</v>
      </c>
      <c r="E2088" t="s">
        <v>1192</v>
      </c>
      <c r="F2088" t="s">
        <v>1193</v>
      </c>
      <c r="G2088" t="s">
        <v>80</v>
      </c>
      <c r="H2088" t="s">
        <v>81</v>
      </c>
      <c r="I2088" s="2">
        <v>0</v>
      </c>
      <c r="J2088" s="2">
        <v>1</v>
      </c>
      <c r="K2088" s="2">
        <v>0</v>
      </c>
      <c r="L2088" t="s">
        <v>82</v>
      </c>
      <c r="M2088" t="s">
        <v>89</v>
      </c>
      <c r="N2088" t="s">
        <v>90</v>
      </c>
      <c r="O2088" t="s">
        <v>85</v>
      </c>
      <c r="P2088" t="s">
        <v>86</v>
      </c>
      <c r="Q2088">
        <v>42</v>
      </c>
      <c r="R2088">
        <v>43</v>
      </c>
      <c r="S2088">
        <v>45</v>
      </c>
      <c r="T2088">
        <v>46</v>
      </c>
      <c r="U2088">
        <v>48</v>
      </c>
      <c r="V2088">
        <v>50</v>
      </c>
      <c r="W2088">
        <v>51</v>
      </c>
      <c r="X2088">
        <v>53</v>
      </c>
      <c r="Y2088">
        <v>54</v>
      </c>
      <c r="Z2088">
        <v>56</v>
      </c>
      <c r="AA2088">
        <v>57</v>
      </c>
      <c r="AB2088">
        <v>59</v>
      </c>
      <c r="AC2088">
        <v>60</v>
      </c>
      <c r="AD2088">
        <v>62</v>
      </c>
      <c r="AE2088">
        <v>63</v>
      </c>
      <c r="AF2088">
        <v>64</v>
      </c>
      <c r="AG2088">
        <v>65</v>
      </c>
      <c r="AH2088">
        <v>66</v>
      </c>
      <c r="AI2088">
        <v>66</v>
      </c>
      <c r="AJ2088">
        <v>67</v>
      </c>
      <c r="AK2088">
        <v>68</v>
      </c>
      <c r="AL2088">
        <v>69</v>
      </c>
      <c r="AM2088">
        <v>70</v>
      </c>
      <c r="AN2088">
        <v>71</v>
      </c>
      <c r="AO2088">
        <v>72</v>
      </c>
      <c r="AP2088">
        <v>73</v>
      </c>
      <c r="AQ2088">
        <v>73</v>
      </c>
    </row>
    <row r="2089" spans="1:43">
      <c r="A2089" t="s">
        <v>1360</v>
      </c>
      <c r="B2089" t="s">
        <v>1361</v>
      </c>
      <c r="C2089" t="s">
        <v>1362</v>
      </c>
      <c r="D2089" t="s">
        <v>1363</v>
      </c>
      <c r="E2089" t="s">
        <v>1192</v>
      </c>
      <c r="F2089" t="s">
        <v>1193</v>
      </c>
      <c r="G2089" t="s">
        <v>80</v>
      </c>
      <c r="H2089" t="s">
        <v>81</v>
      </c>
      <c r="I2089" s="2">
        <v>0</v>
      </c>
      <c r="J2089" s="2">
        <v>1</v>
      </c>
      <c r="K2089" s="2">
        <v>0</v>
      </c>
      <c r="L2089" t="s">
        <v>82</v>
      </c>
      <c r="M2089" t="s">
        <v>83</v>
      </c>
      <c r="N2089" t="s">
        <v>91</v>
      </c>
      <c r="O2089" t="s">
        <v>85</v>
      </c>
      <c r="P2089" t="s">
        <v>86</v>
      </c>
      <c r="Q2089">
        <v>42</v>
      </c>
      <c r="R2089">
        <v>43</v>
      </c>
      <c r="S2089">
        <v>44</v>
      </c>
      <c r="T2089">
        <v>45</v>
      </c>
      <c r="U2089">
        <v>46</v>
      </c>
      <c r="V2089">
        <v>47</v>
      </c>
      <c r="W2089">
        <v>49</v>
      </c>
      <c r="X2089">
        <v>50</v>
      </c>
      <c r="Y2089">
        <v>51</v>
      </c>
      <c r="Z2089">
        <v>52</v>
      </c>
      <c r="AA2089">
        <v>54</v>
      </c>
      <c r="AB2089">
        <v>55</v>
      </c>
      <c r="AC2089">
        <v>56</v>
      </c>
      <c r="AD2089">
        <v>58</v>
      </c>
      <c r="AE2089">
        <v>59</v>
      </c>
      <c r="AF2089">
        <v>60</v>
      </c>
      <c r="AG2089">
        <v>62</v>
      </c>
      <c r="AH2089">
        <v>63</v>
      </c>
      <c r="AI2089">
        <v>65</v>
      </c>
      <c r="AJ2089">
        <v>66</v>
      </c>
      <c r="AK2089">
        <v>68</v>
      </c>
      <c r="AL2089">
        <v>69</v>
      </c>
      <c r="AM2089">
        <v>69</v>
      </c>
      <c r="AN2089">
        <v>70</v>
      </c>
      <c r="AO2089">
        <v>71</v>
      </c>
      <c r="AP2089">
        <v>72</v>
      </c>
      <c r="AQ2089">
        <v>73</v>
      </c>
    </row>
    <row r="2090" spans="1:43">
      <c r="A2090" t="s">
        <v>1364</v>
      </c>
      <c r="B2090" t="s">
        <v>1365</v>
      </c>
      <c r="C2090" t="s">
        <v>1366</v>
      </c>
      <c r="D2090" t="s">
        <v>1367</v>
      </c>
      <c r="E2090" t="s">
        <v>1192</v>
      </c>
      <c r="F2090" t="s">
        <v>1193</v>
      </c>
      <c r="G2090" t="s">
        <v>80</v>
      </c>
      <c r="H2090" t="s">
        <v>81</v>
      </c>
      <c r="I2090" s="2">
        <v>0</v>
      </c>
      <c r="J2090" s="2">
        <v>1</v>
      </c>
      <c r="K2090" s="2">
        <v>0</v>
      </c>
      <c r="L2090" t="s">
        <v>82</v>
      </c>
      <c r="M2090" t="s">
        <v>83</v>
      </c>
      <c r="N2090" t="s">
        <v>84</v>
      </c>
      <c r="O2090" t="s">
        <v>85</v>
      </c>
      <c r="P2090" t="s">
        <v>86</v>
      </c>
      <c r="Q2090">
        <v>85</v>
      </c>
      <c r="R2090">
        <v>87</v>
      </c>
      <c r="S2090">
        <v>89</v>
      </c>
      <c r="T2090">
        <v>92</v>
      </c>
      <c r="U2090">
        <v>94</v>
      </c>
      <c r="V2090">
        <v>97</v>
      </c>
      <c r="W2090">
        <v>99</v>
      </c>
      <c r="X2090">
        <v>102</v>
      </c>
      <c r="Y2090">
        <v>104</v>
      </c>
      <c r="Z2090">
        <v>107</v>
      </c>
      <c r="AA2090">
        <v>110</v>
      </c>
      <c r="AB2090">
        <v>112</v>
      </c>
      <c r="AC2090">
        <v>115</v>
      </c>
      <c r="AD2090">
        <v>118</v>
      </c>
      <c r="AE2090">
        <v>121</v>
      </c>
      <c r="AF2090">
        <v>124</v>
      </c>
      <c r="AG2090">
        <v>127</v>
      </c>
      <c r="AH2090">
        <v>130</v>
      </c>
      <c r="AI2090">
        <v>133</v>
      </c>
      <c r="AJ2090">
        <v>136</v>
      </c>
      <c r="AK2090">
        <v>139</v>
      </c>
      <c r="AL2090">
        <v>141</v>
      </c>
      <c r="AM2090">
        <v>143</v>
      </c>
      <c r="AN2090">
        <v>145</v>
      </c>
      <c r="AO2090">
        <v>147</v>
      </c>
      <c r="AP2090">
        <v>149</v>
      </c>
      <c r="AQ2090">
        <v>151</v>
      </c>
    </row>
    <row r="2091" spans="1:43">
      <c r="A2091" t="s">
        <v>1364</v>
      </c>
      <c r="B2091" t="s">
        <v>1365</v>
      </c>
      <c r="C2091" t="s">
        <v>1366</v>
      </c>
      <c r="D2091" t="s">
        <v>1367</v>
      </c>
      <c r="E2091" t="s">
        <v>1192</v>
      </c>
      <c r="F2091" t="s">
        <v>1193</v>
      </c>
      <c r="G2091" t="s">
        <v>80</v>
      </c>
      <c r="H2091" t="s">
        <v>81</v>
      </c>
      <c r="I2091" s="2">
        <v>0</v>
      </c>
      <c r="J2091" s="2">
        <v>1</v>
      </c>
      <c r="K2091" s="2">
        <v>0</v>
      </c>
      <c r="L2091" t="s">
        <v>82</v>
      </c>
      <c r="M2091" t="s">
        <v>87</v>
      </c>
      <c r="N2091" t="s">
        <v>88</v>
      </c>
      <c r="O2091" t="s">
        <v>85</v>
      </c>
      <c r="P2091" t="s">
        <v>86</v>
      </c>
      <c r="Q2091">
        <v>85</v>
      </c>
      <c r="R2091">
        <v>86</v>
      </c>
      <c r="S2091">
        <v>88</v>
      </c>
      <c r="T2091">
        <v>89</v>
      </c>
      <c r="U2091">
        <v>91</v>
      </c>
      <c r="V2091">
        <v>93</v>
      </c>
      <c r="W2091">
        <v>94</v>
      </c>
      <c r="X2091">
        <v>96</v>
      </c>
      <c r="Y2091">
        <v>97</v>
      </c>
      <c r="Z2091">
        <v>99</v>
      </c>
      <c r="AA2091">
        <v>101</v>
      </c>
      <c r="AB2091">
        <v>103</v>
      </c>
      <c r="AC2091">
        <v>104</v>
      </c>
      <c r="AD2091">
        <v>106</v>
      </c>
      <c r="AE2091">
        <v>108</v>
      </c>
      <c r="AF2091">
        <v>110</v>
      </c>
      <c r="AG2091">
        <v>112</v>
      </c>
      <c r="AH2091">
        <v>113</v>
      </c>
      <c r="AI2091">
        <v>115</v>
      </c>
      <c r="AJ2091">
        <v>117</v>
      </c>
      <c r="AK2091">
        <v>119</v>
      </c>
      <c r="AL2091">
        <v>121</v>
      </c>
      <c r="AM2091">
        <v>123</v>
      </c>
      <c r="AN2091">
        <v>125</v>
      </c>
      <c r="AO2091">
        <v>127</v>
      </c>
      <c r="AP2091">
        <v>129</v>
      </c>
      <c r="AQ2091">
        <v>131</v>
      </c>
    </row>
    <row r="2092" spans="1:43">
      <c r="A2092" t="s">
        <v>1364</v>
      </c>
      <c r="B2092" t="s">
        <v>1365</v>
      </c>
      <c r="C2092" t="s">
        <v>1366</v>
      </c>
      <c r="D2092" t="s">
        <v>1367</v>
      </c>
      <c r="E2092" t="s">
        <v>1192</v>
      </c>
      <c r="F2092" t="s">
        <v>1193</v>
      </c>
      <c r="G2092" t="s">
        <v>80</v>
      </c>
      <c r="H2092" t="s">
        <v>81</v>
      </c>
      <c r="I2092" s="2">
        <v>0</v>
      </c>
      <c r="J2092" s="2">
        <v>1</v>
      </c>
      <c r="K2092" s="2">
        <v>0</v>
      </c>
      <c r="L2092" t="s">
        <v>82</v>
      </c>
      <c r="M2092" t="s">
        <v>89</v>
      </c>
      <c r="N2092" t="s">
        <v>90</v>
      </c>
      <c r="O2092" t="s">
        <v>85</v>
      </c>
      <c r="P2092" t="s">
        <v>86</v>
      </c>
      <c r="Q2092">
        <v>85</v>
      </c>
      <c r="R2092">
        <v>88</v>
      </c>
      <c r="S2092">
        <v>91</v>
      </c>
      <c r="T2092">
        <v>95</v>
      </c>
      <c r="U2092">
        <v>98</v>
      </c>
      <c r="V2092">
        <v>101</v>
      </c>
      <c r="W2092">
        <v>104</v>
      </c>
      <c r="X2092">
        <v>107</v>
      </c>
      <c r="Y2092">
        <v>111</v>
      </c>
      <c r="Z2092">
        <v>114</v>
      </c>
      <c r="AA2092">
        <v>117</v>
      </c>
      <c r="AB2092">
        <v>120</v>
      </c>
      <c r="AC2092">
        <v>124</v>
      </c>
      <c r="AD2092">
        <v>127</v>
      </c>
      <c r="AE2092">
        <v>130</v>
      </c>
      <c r="AF2092">
        <v>132</v>
      </c>
      <c r="AG2092">
        <v>134</v>
      </c>
      <c r="AH2092">
        <v>135</v>
      </c>
      <c r="AI2092">
        <v>137</v>
      </c>
      <c r="AJ2092">
        <v>139</v>
      </c>
      <c r="AK2092">
        <v>141</v>
      </c>
      <c r="AL2092">
        <v>143</v>
      </c>
      <c r="AM2092">
        <v>145</v>
      </c>
      <c r="AN2092">
        <v>147</v>
      </c>
      <c r="AO2092">
        <v>148</v>
      </c>
      <c r="AP2092">
        <v>150</v>
      </c>
      <c r="AQ2092">
        <v>152</v>
      </c>
    </row>
    <row r="2093" spans="1:43">
      <c r="A2093" t="s">
        <v>1364</v>
      </c>
      <c r="B2093" t="s">
        <v>1365</v>
      </c>
      <c r="C2093" t="s">
        <v>1366</v>
      </c>
      <c r="D2093" t="s">
        <v>1367</v>
      </c>
      <c r="E2093" t="s">
        <v>1192</v>
      </c>
      <c r="F2093" t="s">
        <v>1193</v>
      </c>
      <c r="G2093" t="s">
        <v>80</v>
      </c>
      <c r="H2093" t="s">
        <v>81</v>
      </c>
      <c r="I2093" s="2">
        <v>0</v>
      </c>
      <c r="J2093" s="2">
        <v>1</v>
      </c>
      <c r="K2093" s="2">
        <v>0</v>
      </c>
      <c r="L2093" t="s">
        <v>82</v>
      </c>
      <c r="M2093" t="s">
        <v>83</v>
      </c>
      <c r="N2093" t="s">
        <v>91</v>
      </c>
      <c r="O2093" t="s">
        <v>85</v>
      </c>
      <c r="P2093" t="s">
        <v>86</v>
      </c>
      <c r="Q2093">
        <v>85</v>
      </c>
      <c r="R2093">
        <v>87</v>
      </c>
      <c r="S2093">
        <v>89</v>
      </c>
      <c r="T2093">
        <v>92</v>
      </c>
      <c r="U2093">
        <v>94</v>
      </c>
      <c r="V2093">
        <v>97</v>
      </c>
      <c r="W2093">
        <v>99</v>
      </c>
      <c r="X2093">
        <v>102</v>
      </c>
      <c r="Y2093">
        <v>104</v>
      </c>
      <c r="Z2093">
        <v>107</v>
      </c>
      <c r="AA2093">
        <v>110</v>
      </c>
      <c r="AB2093">
        <v>112</v>
      </c>
      <c r="AC2093">
        <v>115</v>
      </c>
      <c r="AD2093">
        <v>118</v>
      </c>
      <c r="AE2093">
        <v>121</v>
      </c>
      <c r="AF2093">
        <v>124</v>
      </c>
      <c r="AG2093">
        <v>127</v>
      </c>
      <c r="AH2093">
        <v>130</v>
      </c>
      <c r="AI2093">
        <v>133</v>
      </c>
      <c r="AJ2093">
        <v>136</v>
      </c>
      <c r="AK2093">
        <v>139</v>
      </c>
      <c r="AL2093">
        <v>141</v>
      </c>
      <c r="AM2093">
        <v>143</v>
      </c>
      <c r="AN2093">
        <v>145</v>
      </c>
      <c r="AO2093">
        <v>147</v>
      </c>
      <c r="AP2093">
        <v>149</v>
      </c>
      <c r="AQ2093">
        <v>151</v>
      </c>
    </row>
    <row r="2094" spans="1:43">
      <c r="A2094" t="s">
        <v>1368</v>
      </c>
      <c r="B2094" t="s">
        <v>1369</v>
      </c>
      <c r="C2094" t="s">
        <v>1366</v>
      </c>
      <c r="D2094" t="s">
        <v>1367</v>
      </c>
      <c r="E2094" t="s">
        <v>1192</v>
      </c>
      <c r="F2094" t="s">
        <v>1193</v>
      </c>
      <c r="G2094" t="s">
        <v>80</v>
      </c>
      <c r="H2094" t="s">
        <v>81</v>
      </c>
      <c r="I2094" s="2">
        <v>0</v>
      </c>
      <c r="J2094" s="2">
        <v>1</v>
      </c>
      <c r="K2094" s="2">
        <v>0</v>
      </c>
      <c r="L2094" t="s">
        <v>82</v>
      </c>
      <c r="M2094" t="s">
        <v>83</v>
      </c>
      <c r="N2094" t="s">
        <v>84</v>
      </c>
      <c r="O2094" t="s">
        <v>85</v>
      </c>
      <c r="P2094" t="s">
        <v>86</v>
      </c>
      <c r="Q2094">
        <v>71</v>
      </c>
      <c r="R2094">
        <v>72</v>
      </c>
      <c r="S2094">
        <v>74</v>
      </c>
      <c r="T2094">
        <v>76</v>
      </c>
      <c r="U2094">
        <v>79</v>
      </c>
      <c r="V2094">
        <v>81</v>
      </c>
      <c r="W2094">
        <v>83</v>
      </c>
      <c r="X2094">
        <v>85</v>
      </c>
      <c r="Y2094">
        <v>87</v>
      </c>
      <c r="Z2094">
        <v>89</v>
      </c>
      <c r="AA2094">
        <v>92</v>
      </c>
      <c r="AB2094">
        <v>94</v>
      </c>
      <c r="AC2094">
        <v>96</v>
      </c>
      <c r="AD2094">
        <v>99</v>
      </c>
      <c r="AE2094">
        <v>101</v>
      </c>
      <c r="AF2094">
        <v>103</v>
      </c>
      <c r="AG2094">
        <v>106</v>
      </c>
      <c r="AH2094">
        <v>108</v>
      </c>
      <c r="AI2094">
        <v>111</v>
      </c>
      <c r="AJ2094">
        <v>113</v>
      </c>
      <c r="AK2094">
        <v>116</v>
      </c>
      <c r="AL2094">
        <v>118</v>
      </c>
      <c r="AM2094">
        <v>120</v>
      </c>
      <c r="AN2094">
        <v>121</v>
      </c>
      <c r="AO2094">
        <v>123</v>
      </c>
      <c r="AP2094">
        <v>124</v>
      </c>
      <c r="AQ2094">
        <v>126</v>
      </c>
    </row>
    <row r="2095" spans="1:43">
      <c r="A2095" t="s">
        <v>1368</v>
      </c>
      <c r="B2095" t="s">
        <v>1369</v>
      </c>
      <c r="C2095" t="s">
        <v>1366</v>
      </c>
      <c r="D2095" t="s">
        <v>1367</v>
      </c>
      <c r="E2095" t="s">
        <v>1192</v>
      </c>
      <c r="F2095" t="s">
        <v>1193</v>
      </c>
      <c r="G2095" t="s">
        <v>80</v>
      </c>
      <c r="H2095" t="s">
        <v>81</v>
      </c>
      <c r="I2095" s="2">
        <v>0</v>
      </c>
      <c r="J2095" s="2">
        <v>1</v>
      </c>
      <c r="K2095" s="2">
        <v>0</v>
      </c>
      <c r="L2095" t="s">
        <v>82</v>
      </c>
      <c r="M2095" t="s">
        <v>87</v>
      </c>
      <c r="N2095" t="s">
        <v>88</v>
      </c>
      <c r="O2095" t="s">
        <v>85</v>
      </c>
      <c r="P2095" t="s">
        <v>86</v>
      </c>
      <c r="Q2095">
        <v>71</v>
      </c>
      <c r="R2095">
        <v>72</v>
      </c>
      <c r="S2095">
        <v>73</v>
      </c>
      <c r="T2095">
        <v>75</v>
      </c>
      <c r="U2095">
        <v>76</v>
      </c>
      <c r="V2095">
        <v>77</v>
      </c>
      <c r="W2095">
        <v>79</v>
      </c>
      <c r="X2095">
        <v>80</v>
      </c>
      <c r="Y2095">
        <v>82</v>
      </c>
      <c r="Z2095">
        <v>83</v>
      </c>
      <c r="AA2095">
        <v>84</v>
      </c>
      <c r="AB2095">
        <v>86</v>
      </c>
      <c r="AC2095">
        <v>87</v>
      </c>
      <c r="AD2095">
        <v>89</v>
      </c>
      <c r="AE2095">
        <v>90</v>
      </c>
      <c r="AF2095">
        <v>92</v>
      </c>
      <c r="AG2095">
        <v>93</v>
      </c>
      <c r="AH2095">
        <v>95</v>
      </c>
      <c r="AI2095">
        <v>96</v>
      </c>
      <c r="AJ2095">
        <v>98</v>
      </c>
      <c r="AK2095">
        <v>100</v>
      </c>
      <c r="AL2095">
        <v>101</v>
      </c>
      <c r="AM2095">
        <v>103</v>
      </c>
      <c r="AN2095">
        <v>105</v>
      </c>
      <c r="AO2095">
        <v>106</v>
      </c>
      <c r="AP2095">
        <v>108</v>
      </c>
      <c r="AQ2095">
        <v>110</v>
      </c>
    </row>
    <row r="2096" spans="1:43">
      <c r="A2096" t="s">
        <v>1368</v>
      </c>
      <c r="B2096" t="s">
        <v>1369</v>
      </c>
      <c r="C2096" t="s">
        <v>1366</v>
      </c>
      <c r="D2096" t="s">
        <v>1367</v>
      </c>
      <c r="E2096" t="s">
        <v>1192</v>
      </c>
      <c r="F2096" t="s">
        <v>1193</v>
      </c>
      <c r="G2096" t="s">
        <v>80</v>
      </c>
      <c r="H2096" t="s">
        <v>81</v>
      </c>
      <c r="I2096" s="2">
        <v>0</v>
      </c>
      <c r="J2096" s="2">
        <v>1</v>
      </c>
      <c r="K2096" s="2">
        <v>0</v>
      </c>
      <c r="L2096" t="s">
        <v>82</v>
      </c>
      <c r="M2096" t="s">
        <v>89</v>
      </c>
      <c r="N2096" t="s">
        <v>90</v>
      </c>
      <c r="O2096" t="s">
        <v>85</v>
      </c>
      <c r="P2096" t="s">
        <v>86</v>
      </c>
      <c r="Q2096">
        <v>71</v>
      </c>
      <c r="R2096">
        <v>74</v>
      </c>
      <c r="S2096">
        <v>76</v>
      </c>
      <c r="T2096">
        <v>79</v>
      </c>
      <c r="U2096">
        <v>82</v>
      </c>
      <c r="V2096">
        <v>84</v>
      </c>
      <c r="W2096">
        <v>87</v>
      </c>
      <c r="X2096">
        <v>90</v>
      </c>
      <c r="Y2096">
        <v>92</v>
      </c>
      <c r="Z2096">
        <v>95</v>
      </c>
      <c r="AA2096">
        <v>98</v>
      </c>
      <c r="AB2096">
        <v>100</v>
      </c>
      <c r="AC2096">
        <v>103</v>
      </c>
      <c r="AD2096">
        <v>106</v>
      </c>
      <c r="AE2096">
        <v>108</v>
      </c>
      <c r="AF2096">
        <v>110</v>
      </c>
      <c r="AG2096">
        <v>111</v>
      </c>
      <c r="AH2096">
        <v>113</v>
      </c>
      <c r="AI2096">
        <v>115</v>
      </c>
      <c r="AJ2096">
        <v>116</v>
      </c>
      <c r="AK2096">
        <v>118</v>
      </c>
      <c r="AL2096">
        <v>119</v>
      </c>
      <c r="AM2096">
        <v>121</v>
      </c>
      <c r="AN2096">
        <v>122</v>
      </c>
      <c r="AO2096">
        <v>124</v>
      </c>
      <c r="AP2096">
        <v>126</v>
      </c>
      <c r="AQ2096">
        <v>127</v>
      </c>
    </row>
    <row r="2097" spans="1:43">
      <c r="A2097" t="s">
        <v>1368</v>
      </c>
      <c r="B2097" t="s">
        <v>1369</v>
      </c>
      <c r="C2097" t="s">
        <v>1366</v>
      </c>
      <c r="D2097" t="s">
        <v>1367</v>
      </c>
      <c r="E2097" t="s">
        <v>1192</v>
      </c>
      <c r="F2097" t="s">
        <v>1193</v>
      </c>
      <c r="G2097" t="s">
        <v>80</v>
      </c>
      <c r="H2097" t="s">
        <v>81</v>
      </c>
      <c r="I2097" s="2">
        <v>0</v>
      </c>
      <c r="J2097" s="2">
        <v>1</v>
      </c>
      <c r="K2097" s="2">
        <v>0</v>
      </c>
      <c r="L2097" t="s">
        <v>82</v>
      </c>
      <c r="M2097" t="s">
        <v>83</v>
      </c>
      <c r="N2097" t="s">
        <v>91</v>
      </c>
      <c r="O2097" t="s">
        <v>85</v>
      </c>
      <c r="P2097" t="s">
        <v>86</v>
      </c>
      <c r="Q2097">
        <v>71</v>
      </c>
      <c r="R2097">
        <v>72</v>
      </c>
      <c r="S2097">
        <v>74</v>
      </c>
      <c r="T2097">
        <v>76</v>
      </c>
      <c r="U2097">
        <v>79</v>
      </c>
      <c r="V2097">
        <v>81</v>
      </c>
      <c r="W2097">
        <v>83</v>
      </c>
      <c r="X2097">
        <v>85</v>
      </c>
      <c r="Y2097">
        <v>87</v>
      </c>
      <c r="Z2097">
        <v>89</v>
      </c>
      <c r="AA2097">
        <v>92</v>
      </c>
      <c r="AB2097">
        <v>94</v>
      </c>
      <c r="AC2097">
        <v>96</v>
      </c>
      <c r="AD2097">
        <v>99</v>
      </c>
      <c r="AE2097">
        <v>101</v>
      </c>
      <c r="AF2097">
        <v>103</v>
      </c>
      <c r="AG2097">
        <v>106</v>
      </c>
      <c r="AH2097">
        <v>108</v>
      </c>
      <c r="AI2097">
        <v>111</v>
      </c>
      <c r="AJ2097">
        <v>113</v>
      </c>
      <c r="AK2097">
        <v>116</v>
      </c>
      <c r="AL2097">
        <v>118</v>
      </c>
      <c r="AM2097">
        <v>120</v>
      </c>
      <c r="AN2097">
        <v>121</v>
      </c>
      <c r="AO2097">
        <v>123</v>
      </c>
      <c r="AP2097">
        <v>124</v>
      </c>
      <c r="AQ2097">
        <v>126</v>
      </c>
    </row>
    <row r="2098" spans="1:43">
      <c r="A2098" t="s">
        <v>1370</v>
      </c>
      <c r="B2098" t="s">
        <v>1371</v>
      </c>
      <c r="C2098" t="s">
        <v>1366</v>
      </c>
      <c r="D2098" t="s">
        <v>1367</v>
      </c>
      <c r="E2098" t="s">
        <v>1192</v>
      </c>
      <c r="F2098" t="s">
        <v>1193</v>
      </c>
      <c r="G2098" t="s">
        <v>80</v>
      </c>
      <c r="H2098" t="s">
        <v>81</v>
      </c>
      <c r="I2098" s="2">
        <v>0</v>
      </c>
      <c r="J2098" s="2">
        <v>1</v>
      </c>
      <c r="K2098" s="2">
        <v>0</v>
      </c>
      <c r="L2098" t="s">
        <v>82</v>
      </c>
      <c r="M2098" t="s">
        <v>83</v>
      </c>
      <c r="N2098" t="s">
        <v>84</v>
      </c>
      <c r="O2098" t="s">
        <v>85</v>
      </c>
      <c r="P2098" t="s">
        <v>86</v>
      </c>
      <c r="Q2098">
        <v>28</v>
      </c>
      <c r="R2098">
        <v>29</v>
      </c>
      <c r="S2098">
        <v>30</v>
      </c>
      <c r="T2098">
        <v>31</v>
      </c>
      <c r="U2098">
        <v>32</v>
      </c>
      <c r="V2098">
        <v>32</v>
      </c>
      <c r="W2098">
        <v>33</v>
      </c>
      <c r="X2098">
        <v>34</v>
      </c>
      <c r="Y2098">
        <v>35</v>
      </c>
      <c r="Z2098">
        <v>36</v>
      </c>
      <c r="AA2098">
        <v>37</v>
      </c>
      <c r="AB2098">
        <v>38</v>
      </c>
      <c r="AC2098">
        <v>39</v>
      </c>
      <c r="AD2098">
        <v>40</v>
      </c>
      <c r="AE2098">
        <v>40</v>
      </c>
      <c r="AF2098">
        <v>41</v>
      </c>
      <c r="AG2098">
        <v>42</v>
      </c>
      <c r="AH2098">
        <v>43</v>
      </c>
      <c r="AI2098">
        <v>44</v>
      </c>
      <c r="AJ2098">
        <v>46</v>
      </c>
      <c r="AK2098">
        <v>47</v>
      </c>
      <c r="AL2098">
        <v>47</v>
      </c>
      <c r="AM2098">
        <v>48</v>
      </c>
      <c r="AN2098">
        <v>49</v>
      </c>
      <c r="AO2098">
        <v>49</v>
      </c>
      <c r="AP2098">
        <v>50</v>
      </c>
      <c r="AQ2098">
        <v>51</v>
      </c>
    </row>
    <row r="2099" spans="1:43">
      <c r="A2099" t="s">
        <v>1370</v>
      </c>
      <c r="B2099" t="s">
        <v>1371</v>
      </c>
      <c r="C2099" t="s">
        <v>1366</v>
      </c>
      <c r="D2099" t="s">
        <v>1367</v>
      </c>
      <c r="E2099" t="s">
        <v>1192</v>
      </c>
      <c r="F2099" t="s">
        <v>1193</v>
      </c>
      <c r="G2099" t="s">
        <v>80</v>
      </c>
      <c r="H2099" t="s">
        <v>81</v>
      </c>
      <c r="I2099" s="2">
        <v>0</v>
      </c>
      <c r="J2099" s="2">
        <v>1</v>
      </c>
      <c r="K2099" s="2">
        <v>0</v>
      </c>
      <c r="L2099" t="s">
        <v>82</v>
      </c>
      <c r="M2099" t="s">
        <v>87</v>
      </c>
      <c r="N2099" t="s">
        <v>88</v>
      </c>
      <c r="O2099" t="s">
        <v>85</v>
      </c>
      <c r="P2099" t="s">
        <v>86</v>
      </c>
      <c r="Q2099">
        <v>28</v>
      </c>
      <c r="R2099">
        <v>29</v>
      </c>
      <c r="S2099">
        <v>29</v>
      </c>
      <c r="T2099">
        <v>30</v>
      </c>
      <c r="U2099">
        <v>30</v>
      </c>
      <c r="V2099">
        <v>31</v>
      </c>
      <c r="W2099">
        <v>31</v>
      </c>
      <c r="X2099">
        <v>32</v>
      </c>
      <c r="Y2099">
        <v>32</v>
      </c>
      <c r="Z2099">
        <v>33</v>
      </c>
      <c r="AA2099">
        <v>33</v>
      </c>
      <c r="AB2099">
        <v>34</v>
      </c>
      <c r="AC2099">
        <v>35</v>
      </c>
      <c r="AD2099">
        <v>35</v>
      </c>
      <c r="AE2099">
        <v>36</v>
      </c>
      <c r="AF2099">
        <v>36</v>
      </c>
      <c r="AG2099">
        <v>37</v>
      </c>
      <c r="AH2099">
        <v>38</v>
      </c>
      <c r="AI2099">
        <v>38</v>
      </c>
      <c r="AJ2099">
        <v>39</v>
      </c>
      <c r="AK2099">
        <v>40</v>
      </c>
      <c r="AL2099">
        <v>40</v>
      </c>
      <c r="AM2099">
        <v>41</v>
      </c>
      <c r="AN2099">
        <v>42</v>
      </c>
      <c r="AO2099">
        <v>42</v>
      </c>
      <c r="AP2099">
        <v>43</v>
      </c>
      <c r="AQ2099">
        <v>44</v>
      </c>
    </row>
    <row r="2100" spans="1:43">
      <c r="A2100" t="s">
        <v>1370</v>
      </c>
      <c r="B2100" t="s">
        <v>1371</v>
      </c>
      <c r="C2100" t="s">
        <v>1366</v>
      </c>
      <c r="D2100" t="s">
        <v>1367</v>
      </c>
      <c r="E2100" t="s">
        <v>1192</v>
      </c>
      <c r="F2100" t="s">
        <v>1193</v>
      </c>
      <c r="G2100" t="s">
        <v>80</v>
      </c>
      <c r="H2100" t="s">
        <v>81</v>
      </c>
      <c r="I2100" s="2">
        <v>0</v>
      </c>
      <c r="J2100" s="2">
        <v>1</v>
      </c>
      <c r="K2100" s="2">
        <v>0</v>
      </c>
      <c r="L2100" t="s">
        <v>82</v>
      </c>
      <c r="M2100" t="s">
        <v>89</v>
      </c>
      <c r="N2100" t="s">
        <v>90</v>
      </c>
      <c r="O2100" t="s">
        <v>85</v>
      </c>
      <c r="P2100" t="s">
        <v>86</v>
      </c>
      <c r="Q2100">
        <v>28</v>
      </c>
      <c r="R2100">
        <v>29</v>
      </c>
      <c r="S2100">
        <v>30</v>
      </c>
      <c r="T2100">
        <v>31</v>
      </c>
      <c r="U2100">
        <v>32</v>
      </c>
      <c r="V2100">
        <v>33</v>
      </c>
      <c r="W2100">
        <v>34</v>
      </c>
      <c r="X2100">
        <v>35</v>
      </c>
      <c r="Y2100">
        <v>36</v>
      </c>
      <c r="Z2100">
        <v>37</v>
      </c>
      <c r="AA2100">
        <v>38</v>
      </c>
      <c r="AB2100">
        <v>39</v>
      </c>
      <c r="AC2100">
        <v>40</v>
      </c>
      <c r="AD2100">
        <v>42</v>
      </c>
      <c r="AE2100">
        <v>43</v>
      </c>
      <c r="AF2100">
        <v>43</v>
      </c>
      <c r="AG2100">
        <v>44</v>
      </c>
      <c r="AH2100">
        <v>44</v>
      </c>
      <c r="AI2100">
        <v>45</v>
      </c>
      <c r="AJ2100">
        <v>46</v>
      </c>
      <c r="AK2100">
        <v>46</v>
      </c>
      <c r="AL2100">
        <v>47</v>
      </c>
      <c r="AM2100">
        <v>47</v>
      </c>
      <c r="AN2100">
        <v>48</v>
      </c>
      <c r="AO2100">
        <v>49</v>
      </c>
      <c r="AP2100">
        <v>49</v>
      </c>
      <c r="AQ2100">
        <v>50</v>
      </c>
    </row>
    <row r="2101" spans="1:43">
      <c r="A2101" t="s">
        <v>1370</v>
      </c>
      <c r="B2101" t="s">
        <v>1371</v>
      </c>
      <c r="C2101" t="s">
        <v>1366</v>
      </c>
      <c r="D2101" t="s">
        <v>1367</v>
      </c>
      <c r="E2101" t="s">
        <v>1192</v>
      </c>
      <c r="F2101" t="s">
        <v>1193</v>
      </c>
      <c r="G2101" t="s">
        <v>80</v>
      </c>
      <c r="H2101" t="s">
        <v>81</v>
      </c>
      <c r="I2101" s="2">
        <v>0</v>
      </c>
      <c r="J2101" s="2">
        <v>1</v>
      </c>
      <c r="K2101" s="2">
        <v>0</v>
      </c>
      <c r="L2101" t="s">
        <v>82</v>
      </c>
      <c r="M2101" t="s">
        <v>83</v>
      </c>
      <c r="N2101" t="s">
        <v>91</v>
      </c>
      <c r="O2101" t="s">
        <v>85</v>
      </c>
      <c r="P2101" t="s">
        <v>86</v>
      </c>
      <c r="Q2101">
        <v>28</v>
      </c>
      <c r="R2101">
        <v>29</v>
      </c>
      <c r="S2101">
        <v>30</v>
      </c>
      <c r="T2101">
        <v>31</v>
      </c>
      <c r="U2101">
        <v>32</v>
      </c>
      <c r="V2101">
        <v>32</v>
      </c>
      <c r="W2101">
        <v>33</v>
      </c>
      <c r="X2101">
        <v>34</v>
      </c>
      <c r="Y2101">
        <v>35</v>
      </c>
      <c r="Z2101">
        <v>36</v>
      </c>
      <c r="AA2101">
        <v>37</v>
      </c>
      <c r="AB2101">
        <v>38</v>
      </c>
      <c r="AC2101">
        <v>39</v>
      </c>
      <c r="AD2101">
        <v>40</v>
      </c>
      <c r="AE2101">
        <v>40</v>
      </c>
      <c r="AF2101">
        <v>41</v>
      </c>
      <c r="AG2101">
        <v>42</v>
      </c>
      <c r="AH2101">
        <v>43</v>
      </c>
      <c r="AI2101">
        <v>44</v>
      </c>
      <c r="AJ2101">
        <v>46</v>
      </c>
      <c r="AK2101">
        <v>47</v>
      </c>
      <c r="AL2101">
        <v>47</v>
      </c>
      <c r="AM2101">
        <v>48</v>
      </c>
      <c r="AN2101">
        <v>49</v>
      </c>
      <c r="AO2101">
        <v>49</v>
      </c>
      <c r="AP2101">
        <v>50</v>
      </c>
      <c r="AQ2101">
        <v>51</v>
      </c>
    </row>
    <row r="2102" spans="1:43">
      <c r="A2102" t="s">
        <v>1372</v>
      </c>
      <c r="B2102" t="s">
        <v>1373</v>
      </c>
      <c r="C2102" t="s">
        <v>1366</v>
      </c>
      <c r="D2102" t="s">
        <v>1367</v>
      </c>
      <c r="E2102" t="s">
        <v>1192</v>
      </c>
      <c r="F2102" t="s">
        <v>1193</v>
      </c>
      <c r="G2102" t="s">
        <v>80</v>
      </c>
      <c r="H2102" t="s">
        <v>81</v>
      </c>
      <c r="I2102" s="2">
        <v>0</v>
      </c>
      <c r="J2102" s="2">
        <v>1</v>
      </c>
      <c r="K2102" s="2">
        <v>0</v>
      </c>
      <c r="L2102" t="s">
        <v>82</v>
      </c>
      <c r="M2102" t="s">
        <v>83</v>
      </c>
      <c r="N2102" t="s">
        <v>84</v>
      </c>
      <c r="O2102" t="s">
        <v>85</v>
      </c>
      <c r="P2102" t="s">
        <v>86</v>
      </c>
      <c r="Q2102">
        <v>186</v>
      </c>
      <c r="R2102">
        <v>191</v>
      </c>
      <c r="S2102">
        <v>196</v>
      </c>
      <c r="T2102">
        <v>202</v>
      </c>
      <c r="U2102">
        <v>207</v>
      </c>
      <c r="V2102">
        <v>213</v>
      </c>
      <c r="W2102">
        <v>218</v>
      </c>
      <c r="X2102">
        <v>224</v>
      </c>
      <c r="Y2102">
        <v>230</v>
      </c>
      <c r="Z2102">
        <v>236</v>
      </c>
      <c r="AA2102">
        <v>242</v>
      </c>
      <c r="AB2102">
        <v>248</v>
      </c>
      <c r="AC2102">
        <v>254</v>
      </c>
      <c r="AD2102">
        <v>260</v>
      </c>
      <c r="AE2102">
        <v>266</v>
      </c>
      <c r="AF2102">
        <v>272</v>
      </c>
      <c r="AG2102">
        <v>279</v>
      </c>
      <c r="AH2102">
        <v>286</v>
      </c>
      <c r="AI2102">
        <v>292</v>
      </c>
      <c r="AJ2102">
        <v>299</v>
      </c>
      <c r="AK2102">
        <v>306</v>
      </c>
      <c r="AL2102">
        <v>311</v>
      </c>
      <c r="AM2102">
        <v>315</v>
      </c>
      <c r="AN2102">
        <v>319</v>
      </c>
      <c r="AO2102">
        <v>324</v>
      </c>
      <c r="AP2102">
        <v>328</v>
      </c>
      <c r="AQ2102">
        <v>332</v>
      </c>
    </row>
    <row r="2103" spans="1:43">
      <c r="A2103" t="s">
        <v>1372</v>
      </c>
      <c r="B2103" t="s">
        <v>1373</v>
      </c>
      <c r="C2103" t="s">
        <v>1366</v>
      </c>
      <c r="D2103" t="s">
        <v>1367</v>
      </c>
      <c r="E2103" t="s">
        <v>1192</v>
      </c>
      <c r="F2103" t="s">
        <v>1193</v>
      </c>
      <c r="G2103" t="s">
        <v>80</v>
      </c>
      <c r="H2103" t="s">
        <v>81</v>
      </c>
      <c r="I2103" s="2">
        <v>0</v>
      </c>
      <c r="J2103" s="2">
        <v>1</v>
      </c>
      <c r="K2103" s="2">
        <v>0</v>
      </c>
      <c r="L2103" t="s">
        <v>82</v>
      </c>
      <c r="M2103" t="s">
        <v>87</v>
      </c>
      <c r="N2103" t="s">
        <v>88</v>
      </c>
      <c r="O2103" t="s">
        <v>85</v>
      </c>
      <c r="P2103" t="s">
        <v>86</v>
      </c>
      <c r="Q2103">
        <v>186</v>
      </c>
      <c r="R2103">
        <v>190</v>
      </c>
      <c r="S2103">
        <v>193</v>
      </c>
      <c r="T2103">
        <v>197</v>
      </c>
      <c r="U2103">
        <v>200</v>
      </c>
      <c r="V2103">
        <v>204</v>
      </c>
      <c r="W2103">
        <v>207</v>
      </c>
      <c r="X2103">
        <v>211</v>
      </c>
      <c r="Y2103">
        <v>214</v>
      </c>
      <c r="Z2103">
        <v>218</v>
      </c>
      <c r="AA2103">
        <v>222</v>
      </c>
      <c r="AB2103">
        <v>226</v>
      </c>
      <c r="AC2103">
        <v>229</v>
      </c>
      <c r="AD2103">
        <v>233</v>
      </c>
      <c r="AE2103">
        <v>237</v>
      </c>
      <c r="AF2103">
        <v>241</v>
      </c>
      <c r="AG2103">
        <v>245</v>
      </c>
      <c r="AH2103">
        <v>250</v>
      </c>
      <c r="AI2103">
        <v>254</v>
      </c>
      <c r="AJ2103">
        <v>258</v>
      </c>
      <c r="AK2103">
        <v>262</v>
      </c>
      <c r="AL2103">
        <v>267</v>
      </c>
      <c r="AM2103">
        <v>271</v>
      </c>
      <c r="AN2103">
        <v>275</v>
      </c>
      <c r="AO2103">
        <v>280</v>
      </c>
      <c r="AP2103">
        <v>284</v>
      </c>
      <c r="AQ2103">
        <v>289</v>
      </c>
    </row>
    <row r="2104" spans="1:43">
      <c r="A2104" t="s">
        <v>1372</v>
      </c>
      <c r="B2104" t="s">
        <v>1373</v>
      </c>
      <c r="C2104" t="s">
        <v>1366</v>
      </c>
      <c r="D2104" t="s">
        <v>1367</v>
      </c>
      <c r="E2104" t="s">
        <v>1192</v>
      </c>
      <c r="F2104" t="s">
        <v>1193</v>
      </c>
      <c r="G2104" t="s">
        <v>80</v>
      </c>
      <c r="H2104" t="s">
        <v>81</v>
      </c>
      <c r="I2104" s="2">
        <v>0</v>
      </c>
      <c r="J2104" s="2">
        <v>1</v>
      </c>
      <c r="K2104" s="2">
        <v>0</v>
      </c>
      <c r="L2104" t="s">
        <v>82</v>
      </c>
      <c r="M2104" t="s">
        <v>89</v>
      </c>
      <c r="N2104" t="s">
        <v>90</v>
      </c>
      <c r="O2104" t="s">
        <v>85</v>
      </c>
      <c r="P2104" t="s">
        <v>86</v>
      </c>
      <c r="Q2104">
        <v>186</v>
      </c>
      <c r="R2104">
        <v>193</v>
      </c>
      <c r="S2104">
        <v>199</v>
      </c>
      <c r="T2104">
        <v>206</v>
      </c>
      <c r="U2104">
        <v>213</v>
      </c>
      <c r="V2104">
        <v>220</v>
      </c>
      <c r="W2104">
        <v>227</v>
      </c>
      <c r="X2104">
        <v>234</v>
      </c>
      <c r="Y2104">
        <v>241</v>
      </c>
      <c r="Z2104">
        <v>248</v>
      </c>
      <c r="AA2104">
        <v>256</v>
      </c>
      <c r="AB2104">
        <v>263</v>
      </c>
      <c r="AC2104">
        <v>270</v>
      </c>
      <c r="AD2104">
        <v>278</v>
      </c>
      <c r="AE2104">
        <v>284</v>
      </c>
      <c r="AF2104">
        <v>288</v>
      </c>
      <c r="AG2104">
        <v>292</v>
      </c>
      <c r="AH2104">
        <v>296</v>
      </c>
      <c r="AI2104">
        <v>300</v>
      </c>
      <c r="AJ2104">
        <v>304</v>
      </c>
      <c r="AK2104">
        <v>308</v>
      </c>
      <c r="AL2104">
        <v>312</v>
      </c>
      <c r="AM2104">
        <v>316</v>
      </c>
      <c r="AN2104">
        <v>320</v>
      </c>
      <c r="AO2104">
        <v>324</v>
      </c>
      <c r="AP2104">
        <v>328</v>
      </c>
      <c r="AQ2104">
        <v>332</v>
      </c>
    </row>
    <row r="2105" spans="1:43">
      <c r="A2105" t="s">
        <v>1372</v>
      </c>
      <c r="B2105" t="s">
        <v>1373</v>
      </c>
      <c r="C2105" t="s">
        <v>1366</v>
      </c>
      <c r="D2105" t="s">
        <v>1367</v>
      </c>
      <c r="E2105" t="s">
        <v>1192</v>
      </c>
      <c r="F2105" t="s">
        <v>1193</v>
      </c>
      <c r="G2105" t="s">
        <v>80</v>
      </c>
      <c r="H2105" t="s">
        <v>81</v>
      </c>
      <c r="I2105" s="2">
        <v>0</v>
      </c>
      <c r="J2105" s="2">
        <v>1</v>
      </c>
      <c r="K2105" s="2">
        <v>0</v>
      </c>
      <c r="L2105" t="s">
        <v>82</v>
      </c>
      <c r="M2105" t="s">
        <v>83</v>
      </c>
      <c r="N2105" t="s">
        <v>91</v>
      </c>
      <c r="O2105" t="s">
        <v>85</v>
      </c>
      <c r="P2105" t="s">
        <v>86</v>
      </c>
      <c r="Q2105">
        <v>186</v>
      </c>
      <c r="R2105">
        <v>191</v>
      </c>
      <c r="S2105">
        <v>196</v>
      </c>
      <c r="T2105">
        <v>202</v>
      </c>
      <c r="U2105">
        <v>207</v>
      </c>
      <c r="V2105">
        <v>213</v>
      </c>
      <c r="W2105">
        <v>218</v>
      </c>
      <c r="X2105">
        <v>224</v>
      </c>
      <c r="Y2105">
        <v>230</v>
      </c>
      <c r="Z2105">
        <v>236</v>
      </c>
      <c r="AA2105">
        <v>242</v>
      </c>
      <c r="AB2105">
        <v>248</v>
      </c>
      <c r="AC2105">
        <v>254</v>
      </c>
      <c r="AD2105">
        <v>260</v>
      </c>
      <c r="AE2105">
        <v>266</v>
      </c>
      <c r="AF2105">
        <v>272</v>
      </c>
      <c r="AG2105">
        <v>279</v>
      </c>
      <c r="AH2105">
        <v>286</v>
      </c>
      <c r="AI2105">
        <v>292</v>
      </c>
      <c r="AJ2105">
        <v>299</v>
      </c>
      <c r="AK2105">
        <v>306</v>
      </c>
      <c r="AL2105">
        <v>311</v>
      </c>
      <c r="AM2105">
        <v>315</v>
      </c>
      <c r="AN2105">
        <v>319</v>
      </c>
      <c r="AO2105">
        <v>324</v>
      </c>
      <c r="AP2105">
        <v>328</v>
      </c>
      <c r="AQ2105">
        <v>332</v>
      </c>
    </row>
    <row r="2106" spans="1:43">
      <c r="A2106" t="s">
        <v>1374</v>
      </c>
      <c r="B2106" t="s">
        <v>1375</v>
      </c>
      <c r="C2106" t="s">
        <v>1366</v>
      </c>
      <c r="D2106" t="s">
        <v>1367</v>
      </c>
      <c r="E2106" t="s">
        <v>1192</v>
      </c>
      <c r="F2106" t="s">
        <v>1193</v>
      </c>
      <c r="G2106" t="s">
        <v>80</v>
      </c>
      <c r="H2106" t="s">
        <v>81</v>
      </c>
      <c r="I2106" s="2">
        <v>0</v>
      </c>
      <c r="J2106" s="2">
        <v>1</v>
      </c>
      <c r="K2106" s="2">
        <v>0</v>
      </c>
      <c r="L2106" t="s">
        <v>82</v>
      </c>
      <c r="M2106" t="s">
        <v>83</v>
      </c>
      <c r="N2106" t="s">
        <v>84</v>
      </c>
      <c r="O2106" t="s">
        <v>85</v>
      </c>
      <c r="P2106" t="s">
        <v>86</v>
      </c>
      <c r="Q2106">
        <v>75</v>
      </c>
      <c r="R2106">
        <v>77</v>
      </c>
      <c r="S2106">
        <v>79</v>
      </c>
      <c r="T2106">
        <v>81</v>
      </c>
      <c r="U2106">
        <v>83</v>
      </c>
      <c r="V2106">
        <v>86</v>
      </c>
      <c r="W2106">
        <v>88</v>
      </c>
      <c r="X2106">
        <v>90</v>
      </c>
      <c r="Y2106">
        <v>93</v>
      </c>
      <c r="Z2106">
        <v>95</v>
      </c>
      <c r="AA2106">
        <v>97</v>
      </c>
      <c r="AB2106">
        <v>100</v>
      </c>
      <c r="AC2106">
        <v>102</v>
      </c>
      <c r="AD2106">
        <v>105</v>
      </c>
      <c r="AE2106">
        <v>107</v>
      </c>
      <c r="AF2106">
        <v>110</v>
      </c>
      <c r="AG2106">
        <v>112</v>
      </c>
      <c r="AH2106">
        <v>115</v>
      </c>
      <c r="AI2106">
        <v>118</v>
      </c>
      <c r="AJ2106">
        <v>120</v>
      </c>
      <c r="AK2106">
        <v>123</v>
      </c>
      <c r="AL2106">
        <v>125</v>
      </c>
      <c r="AM2106">
        <v>127</v>
      </c>
      <c r="AN2106">
        <v>129</v>
      </c>
      <c r="AO2106">
        <v>130</v>
      </c>
      <c r="AP2106">
        <v>132</v>
      </c>
      <c r="AQ2106">
        <v>134</v>
      </c>
    </row>
    <row r="2107" spans="1:43">
      <c r="A2107" t="s">
        <v>1374</v>
      </c>
      <c r="B2107" t="s">
        <v>1375</v>
      </c>
      <c r="C2107" t="s">
        <v>1366</v>
      </c>
      <c r="D2107" t="s">
        <v>1367</v>
      </c>
      <c r="E2107" t="s">
        <v>1192</v>
      </c>
      <c r="F2107" t="s">
        <v>1193</v>
      </c>
      <c r="G2107" t="s">
        <v>80</v>
      </c>
      <c r="H2107" t="s">
        <v>81</v>
      </c>
      <c r="I2107" s="2">
        <v>0</v>
      </c>
      <c r="J2107" s="2">
        <v>1</v>
      </c>
      <c r="K2107" s="2">
        <v>0</v>
      </c>
      <c r="L2107" t="s">
        <v>82</v>
      </c>
      <c r="M2107" t="s">
        <v>87</v>
      </c>
      <c r="N2107" t="s">
        <v>88</v>
      </c>
      <c r="O2107" t="s">
        <v>85</v>
      </c>
      <c r="P2107" t="s">
        <v>86</v>
      </c>
      <c r="Q2107">
        <v>75</v>
      </c>
      <c r="R2107">
        <v>77</v>
      </c>
      <c r="S2107">
        <v>78</v>
      </c>
      <c r="T2107">
        <v>79</v>
      </c>
      <c r="U2107">
        <v>81</v>
      </c>
      <c r="V2107">
        <v>82</v>
      </c>
      <c r="W2107">
        <v>84</v>
      </c>
      <c r="X2107">
        <v>85</v>
      </c>
      <c r="Y2107">
        <v>87</v>
      </c>
      <c r="Z2107">
        <v>88</v>
      </c>
      <c r="AA2107">
        <v>90</v>
      </c>
      <c r="AB2107">
        <v>91</v>
      </c>
      <c r="AC2107">
        <v>93</v>
      </c>
      <c r="AD2107">
        <v>94</v>
      </c>
      <c r="AE2107">
        <v>96</v>
      </c>
      <c r="AF2107">
        <v>97</v>
      </c>
      <c r="AG2107">
        <v>99</v>
      </c>
      <c r="AH2107">
        <v>101</v>
      </c>
      <c r="AI2107">
        <v>102</v>
      </c>
      <c r="AJ2107">
        <v>104</v>
      </c>
      <c r="AK2107">
        <v>106</v>
      </c>
      <c r="AL2107">
        <v>108</v>
      </c>
      <c r="AM2107">
        <v>109</v>
      </c>
      <c r="AN2107">
        <v>111</v>
      </c>
      <c r="AO2107">
        <v>113</v>
      </c>
      <c r="AP2107">
        <v>115</v>
      </c>
      <c r="AQ2107">
        <v>117</v>
      </c>
    </row>
    <row r="2108" spans="1:43">
      <c r="A2108" t="s">
        <v>1374</v>
      </c>
      <c r="B2108" t="s">
        <v>1375</v>
      </c>
      <c r="C2108" t="s">
        <v>1366</v>
      </c>
      <c r="D2108" t="s">
        <v>1367</v>
      </c>
      <c r="E2108" t="s">
        <v>1192</v>
      </c>
      <c r="F2108" t="s">
        <v>1193</v>
      </c>
      <c r="G2108" t="s">
        <v>80</v>
      </c>
      <c r="H2108" t="s">
        <v>81</v>
      </c>
      <c r="I2108" s="2">
        <v>0</v>
      </c>
      <c r="J2108" s="2">
        <v>1</v>
      </c>
      <c r="K2108" s="2">
        <v>0</v>
      </c>
      <c r="L2108" t="s">
        <v>82</v>
      </c>
      <c r="M2108" t="s">
        <v>89</v>
      </c>
      <c r="N2108" t="s">
        <v>90</v>
      </c>
      <c r="O2108" t="s">
        <v>85</v>
      </c>
      <c r="P2108" t="s">
        <v>86</v>
      </c>
      <c r="Q2108">
        <v>75</v>
      </c>
      <c r="R2108">
        <v>77</v>
      </c>
      <c r="S2108">
        <v>80</v>
      </c>
      <c r="T2108">
        <v>83</v>
      </c>
      <c r="U2108">
        <v>86</v>
      </c>
      <c r="V2108">
        <v>89</v>
      </c>
      <c r="W2108">
        <v>91</v>
      </c>
      <c r="X2108">
        <v>94</v>
      </c>
      <c r="Y2108">
        <v>97</v>
      </c>
      <c r="Z2108">
        <v>100</v>
      </c>
      <c r="AA2108">
        <v>103</v>
      </c>
      <c r="AB2108">
        <v>106</v>
      </c>
      <c r="AC2108">
        <v>109</v>
      </c>
      <c r="AD2108">
        <v>112</v>
      </c>
      <c r="AE2108">
        <v>114</v>
      </c>
      <c r="AF2108">
        <v>116</v>
      </c>
      <c r="AG2108">
        <v>117</v>
      </c>
      <c r="AH2108">
        <v>119</v>
      </c>
      <c r="AI2108">
        <v>120</v>
      </c>
      <c r="AJ2108">
        <v>122</v>
      </c>
      <c r="AK2108">
        <v>124</v>
      </c>
      <c r="AL2108">
        <v>125</v>
      </c>
      <c r="AM2108">
        <v>127</v>
      </c>
      <c r="AN2108">
        <v>129</v>
      </c>
      <c r="AO2108">
        <v>130</v>
      </c>
      <c r="AP2108">
        <v>132</v>
      </c>
      <c r="AQ2108">
        <v>134</v>
      </c>
    </row>
    <row r="2109" spans="1:43">
      <c r="A2109" t="s">
        <v>1374</v>
      </c>
      <c r="B2109" t="s">
        <v>1375</v>
      </c>
      <c r="C2109" t="s">
        <v>1366</v>
      </c>
      <c r="D2109" t="s">
        <v>1367</v>
      </c>
      <c r="E2109" t="s">
        <v>1192</v>
      </c>
      <c r="F2109" t="s">
        <v>1193</v>
      </c>
      <c r="G2109" t="s">
        <v>80</v>
      </c>
      <c r="H2109" t="s">
        <v>81</v>
      </c>
      <c r="I2109" s="2">
        <v>0</v>
      </c>
      <c r="J2109" s="2">
        <v>1</v>
      </c>
      <c r="K2109" s="2">
        <v>0</v>
      </c>
      <c r="L2109" t="s">
        <v>82</v>
      </c>
      <c r="M2109" t="s">
        <v>83</v>
      </c>
      <c r="N2109" t="s">
        <v>91</v>
      </c>
      <c r="O2109" t="s">
        <v>85</v>
      </c>
      <c r="P2109" t="s">
        <v>86</v>
      </c>
      <c r="Q2109">
        <v>75</v>
      </c>
      <c r="R2109">
        <v>77</v>
      </c>
      <c r="S2109">
        <v>79</v>
      </c>
      <c r="T2109">
        <v>81</v>
      </c>
      <c r="U2109">
        <v>83</v>
      </c>
      <c r="V2109">
        <v>86</v>
      </c>
      <c r="W2109">
        <v>88</v>
      </c>
      <c r="X2109">
        <v>90</v>
      </c>
      <c r="Y2109">
        <v>93</v>
      </c>
      <c r="Z2109">
        <v>95</v>
      </c>
      <c r="AA2109">
        <v>97</v>
      </c>
      <c r="AB2109">
        <v>100</v>
      </c>
      <c r="AC2109">
        <v>102</v>
      </c>
      <c r="AD2109">
        <v>105</v>
      </c>
      <c r="AE2109">
        <v>107</v>
      </c>
      <c r="AF2109">
        <v>110</v>
      </c>
      <c r="AG2109">
        <v>112</v>
      </c>
      <c r="AH2109">
        <v>115</v>
      </c>
      <c r="AI2109">
        <v>118</v>
      </c>
      <c r="AJ2109">
        <v>120</v>
      </c>
      <c r="AK2109">
        <v>123</v>
      </c>
      <c r="AL2109">
        <v>125</v>
      </c>
      <c r="AM2109">
        <v>127</v>
      </c>
      <c r="AN2109">
        <v>129</v>
      </c>
      <c r="AO2109">
        <v>130</v>
      </c>
      <c r="AP2109">
        <v>132</v>
      </c>
      <c r="AQ2109">
        <v>134</v>
      </c>
    </row>
    <row r="2110" spans="1:43">
      <c r="A2110" t="s">
        <v>1376</v>
      </c>
      <c r="B2110" t="s">
        <v>1377</v>
      </c>
      <c r="C2110" t="s">
        <v>1362</v>
      </c>
      <c r="D2110" t="s">
        <v>1363</v>
      </c>
      <c r="E2110" t="s">
        <v>1192</v>
      </c>
      <c r="F2110" t="s">
        <v>1193</v>
      </c>
      <c r="G2110" t="s">
        <v>80</v>
      </c>
      <c r="H2110" t="s">
        <v>81</v>
      </c>
      <c r="I2110" s="2">
        <v>0</v>
      </c>
      <c r="J2110" s="2">
        <v>1</v>
      </c>
      <c r="K2110" s="2">
        <v>0</v>
      </c>
      <c r="L2110" t="s">
        <v>82</v>
      </c>
      <c r="M2110" t="s">
        <v>83</v>
      </c>
      <c r="N2110" t="s">
        <v>84</v>
      </c>
      <c r="O2110" t="s">
        <v>85</v>
      </c>
      <c r="P2110" t="s">
        <v>86</v>
      </c>
      <c r="Q2110">
        <v>72</v>
      </c>
      <c r="R2110">
        <v>74</v>
      </c>
      <c r="S2110">
        <v>76</v>
      </c>
      <c r="T2110">
        <v>78</v>
      </c>
      <c r="U2110">
        <v>80</v>
      </c>
      <c r="V2110">
        <v>83</v>
      </c>
      <c r="W2110">
        <v>85</v>
      </c>
      <c r="X2110">
        <v>87</v>
      </c>
      <c r="Y2110">
        <v>89</v>
      </c>
      <c r="Z2110">
        <v>91</v>
      </c>
      <c r="AA2110">
        <v>94</v>
      </c>
      <c r="AB2110">
        <v>96</v>
      </c>
      <c r="AC2110">
        <v>98</v>
      </c>
      <c r="AD2110">
        <v>101</v>
      </c>
      <c r="AE2110">
        <v>103</v>
      </c>
      <c r="AF2110">
        <v>105</v>
      </c>
      <c r="AG2110">
        <v>108</v>
      </c>
      <c r="AH2110">
        <v>110</v>
      </c>
      <c r="AI2110">
        <v>113</v>
      </c>
      <c r="AJ2110">
        <v>115</v>
      </c>
      <c r="AK2110">
        <v>118</v>
      </c>
      <c r="AL2110">
        <v>120</v>
      </c>
      <c r="AM2110">
        <v>121</v>
      </c>
      <c r="AN2110">
        <v>123</v>
      </c>
      <c r="AO2110">
        <v>125</v>
      </c>
      <c r="AP2110">
        <v>126</v>
      </c>
      <c r="AQ2110">
        <v>128</v>
      </c>
    </row>
    <row r="2111" spans="1:43">
      <c r="A2111" t="s">
        <v>1376</v>
      </c>
      <c r="B2111" t="s">
        <v>1377</v>
      </c>
      <c r="C2111" t="s">
        <v>1362</v>
      </c>
      <c r="D2111" t="s">
        <v>1363</v>
      </c>
      <c r="E2111" t="s">
        <v>1192</v>
      </c>
      <c r="F2111" t="s">
        <v>1193</v>
      </c>
      <c r="G2111" t="s">
        <v>80</v>
      </c>
      <c r="H2111" t="s">
        <v>81</v>
      </c>
      <c r="I2111" s="2">
        <v>0</v>
      </c>
      <c r="J2111" s="2">
        <v>1</v>
      </c>
      <c r="K2111" s="2">
        <v>0</v>
      </c>
      <c r="L2111" t="s">
        <v>82</v>
      </c>
      <c r="M2111" t="s">
        <v>87</v>
      </c>
      <c r="N2111" t="s">
        <v>88</v>
      </c>
      <c r="O2111" t="s">
        <v>85</v>
      </c>
      <c r="P2111" t="s">
        <v>86</v>
      </c>
      <c r="Q2111">
        <v>72</v>
      </c>
      <c r="R2111">
        <v>73</v>
      </c>
      <c r="S2111">
        <v>74</v>
      </c>
      <c r="T2111">
        <v>76</v>
      </c>
      <c r="U2111">
        <v>77</v>
      </c>
      <c r="V2111">
        <v>78</v>
      </c>
      <c r="W2111">
        <v>80</v>
      </c>
      <c r="X2111">
        <v>81</v>
      </c>
      <c r="Y2111">
        <v>82</v>
      </c>
      <c r="Z2111">
        <v>84</v>
      </c>
      <c r="AA2111">
        <v>85</v>
      </c>
      <c r="AB2111">
        <v>87</v>
      </c>
      <c r="AC2111">
        <v>88</v>
      </c>
      <c r="AD2111">
        <v>90</v>
      </c>
      <c r="AE2111">
        <v>91</v>
      </c>
      <c r="AF2111">
        <v>93</v>
      </c>
      <c r="AG2111">
        <v>94</v>
      </c>
      <c r="AH2111">
        <v>96</v>
      </c>
      <c r="AI2111">
        <v>97</v>
      </c>
      <c r="AJ2111">
        <v>99</v>
      </c>
      <c r="AK2111">
        <v>101</v>
      </c>
      <c r="AL2111">
        <v>102</v>
      </c>
      <c r="AM2111">
        <v>104</v>
      </c>
      <c r="AN2111">
        <v>106</v>
      </c>
      <c r="AO2111">
        <v>107</v>
      </c>
      <c r="AP2111">
        <v>109</v>
      </c>
      <c r="AQ2111">
        <v>111</v>
      </c>
    </row>
    <row r="2112" spans="1:43">
      <c r="A2112" t="s">
        <v>1376</v>
      </c>
      <c r="B2112" t="s">
        <v>1377</v>
      </c>
      <c r="C2112" t="s">
        <v>1362</v>
      </c>
      <c r="D2112" t="s">
        <v>1363</v>
      </c>
      <c r="E2112" t="s">
        <v>1192</v>
      </c>
      <c r="F2112" t="s">
        <v>1193</v>
      </c>
      <c r="G2112" t="s">
        <v>80</v>
      </c>
      <c r="H2112" t="s">
        <v>81</v>
      </c>
      <c r="I2112" s="2">
        <v>0</v>
      </c>
      <c r="J2112" s="2">
        <v>1</v>
      </c>
      <c r="K2112" s="2">
        <v>0</v>
      </c>
      <c r="L2112" t="s">
        <v>82</v>
      </c>
      <c r="M2112" t="s">
        <v>89</v>
      </c>
      <c r="N2112" t="s">
        <v>90</v>
      </c>
      <c r="O2112" t="s">
        <v>85</v>
      </c>
      <c r="P2112" t="s">
        <v>86</v>
      </c>
      <c r="Q2112">
        <v>72</v>
      </c>
      <c r="R2112">
        <v>75</v>
      </c>
      <c r="S2112">
        <v>77</v>
      </c>
      <c r="T2112">
        <v>80</v>
      </c>
      <c r="U2112">
        <v>83</v>
      </c>
      <c r="V2112">
        <v>85</v>
      </c>
      <c r="W2112">
        <v>88</v>
      </c>
      <c r="X2112">
        <v>91</v>
      </c>
      <c r="Y2112">
        <v>93</v>
      </c>
      <c r="Z2112">
        <v>96</v>
      </c>
      <c r="AA2112">
        <v>99</v>
      </c>
      <c r="AB2112">
        <v>101</v>
      </c>
      <c r="AC2112">
        <v>104</v>
      </c>
      <c r="AD2112">
        <v>107</v>
      </c>
      <c r="AE2112">
        <v>109</v>
      </c>
      <c r="AF2112">
        <v>111</v>
      </c>
      <c r="AG2112">
        <v>112</v>
      </c>
      <c r="AH2112">
        <v>114</v>
      </c>
      <c r="AI2112">
        <v>115</v>
      </c>
      <c r="AJ2112">
        <v>117</v>
      </c>
      <c r="AK2112">
        <v>118</v>
      </c>
      <c r="AL2112">
        <v>120</v>
      </c>
      <c r="AM2112">
        <v>121</v>
      </c>
      <c r="AN2112">
        <v>123</v>
      </c>
      <c r="AO2112">
        <v>124</v>
      </c>
      <c r="AP2112">
        <v>126</v>
      </c>
      <c r="AQ2112">
        <v>128</v>
      </c>
    </row>
    <row r="2113" spans="1:43">
      <c r="A2113" t="s">
        <v>1376</v>
      </c>
      <c r="B2113" t="s">
        <v>1377</v>
      </c>
      <c r="C2113" t="s">
        <v>1362</v>
      </c>
      <c r="D2113" t="s">
        <v>1363</v>
      </c>
      <c r="E2113" t="s">
        <v>1192</v>
      </c>
      <c r="F2113" t="s">
        <v>1193</v>
      </c>
      <c r="G2113" t="s">
        <v>80</v>
      </c>
      <c r="H2113" t="s">
        <v>81</v>
      </c>
      <c r="I2113" s="2">
        <v>0</v>
      </c>
      <c r="J2113" s="2">
        <v>1</v>
      </c>
      <c r="K2113" s="2">
        <v>0</v>
      </c>
      <c r="L2113" t="s">
        <v>82</v>
      </c>
      <c r="M2113" t="s">
        <v>83</v>
      </c>
      <c r="N2113" t="s">
        <v>91</v>
      </c>
      <c r="O2113" t="s">
        <v>85</v>
      </c>
      <c r="P2113" t="s">
        <v>86</v>
      </c>
      <c r="Q2113">
        <v>72</v>
      </c>
      <c r="R2113">
        <v>74</v>
      </c>
      <c r="S2113">
        <v>76</v>
      </c>
      <c r="T2113">
        <v>78</v>
      </c>
      <c r="U2113">
        <v>80</v>
      </c>
      <c r="V2113">
        <v>83</v>
      </c>
      <c r="W2113">
        <v>85</v>
      </c>
      <c r="X2113">
        <v>87</v>
      </c>
      <c r="Y2113">
        <v>89</v>
      </c>
      <c r="Z2113">
        <v>91</v>
      </c>
      <c r="AA2113">
        <v>94</v>
      </c>
      <c r="AB2113">
        <v>96</v>
      </c>
      <c r="AC2113">
        <v>98</v>
      </c>
      <c r="AD2113">
        <v>101</v>
      </c>
      <c r="AE2113">
        <v>103</v>
      </c>
      <c r="AF2113">
        <v>105</v>
      </c>
      <c r="AG2113">
        <v>108</v>
      </c>
      <c r="AH2113">
        <v>110</v>
      </c>
      <c r="AI2113">
        <v>113</v>
      </c>
      <c r="AJ2113">
        <v>115</v>
      </c>
      <c r="AK2113">
        <v>118</v>
      </c>
      <c r="AL2113">
        <v>120</v>
      </c>
      <c r="AM2113">
        <v>121</v>
      </c>
      <c r="AN2113">
        <v>123</v>
      </c>
      <c r="AO2113">
        <v>125</v>
      </c>
      <c r="AP2113">
        <v>126</v>
      </c>
      <c r="AQ2113">
        <v>128</v>
      </c>
    </row>
    <row r="2114" spans="1:43">
      <c r="A2114" t="s">
        <v>1378</v>
      </c>
      <c r="B2114" t="s">
        <v>1379</v>
      </c>
      <c r="C2114" t="s">
        <v>1362</v>
      </c>
      <c r="D2114" t="s">
        <v>1363</v>
      </c>
      <c r="E2114" t="s">
        <v>1192</v>
      </c>
      <c r="F2114" t="s">
        <v>1193</v>
      </c>
      <c r="G2114" t="s">
        <v>80</v>
      </c>
      <c r="H2114" t="s">
        <v>81</v>
      </c>
      <c r="I2114" s="2">
        <v>0</v>
      </c>
      <c r="J2114" s="2">
        <v>1</v>
      </c>
      <c r="K2114" s="2">
        <v>0</v>
      </c>
      <c r="L2114" t="s">
        <v>82</v>
      </c>
      <c r="M2114" t="s">
        <v>83</v>
      </c>
      <c r="N2114" t="s">
        <v>84</v>
      </c>
      <c r="O2114" t="s">
        <v>85</v>
      </c>
      <c r="P2114" t="s">
        <v>86</v>
      </c>
      <c r="Q2114">
        <v>43</v>
      </c>
      <c r="R2114">
        <v>44</v>
      </c>
      <c r="S2114">
        <v>46</v>
      </c>
      <c r="T2114">
        <v>47</v>
      </c>
      <c r="U2114">
        <v>48</v>
      </c>
      <c r="V2114">
        <v>49</v>
      </c>
      <c r="W2114">
        <v>51</v>
      </c>
      <c r="X2114">
        <v>52</v>
      </c>
      <c r="Y2114">
        <v>53</v>
      </c>
      <c r="Z2114">
        <v>55</v>
      </c>
      <c r="AA2114">
        <v>56</v>
      </c>
      <c r="AB2114">
        <v>57</v>
      </c>
      <c r="AC2114">
        <v>59</v>
      </c>
      <c r="AD2114">
        <v>60</v>
      </c>
      <c r="AE2114">
        <v>61</v>
      </c>
      <c r="AF2114">
        <v>63</v>
      </c>
      <c r="AG2114">
        <v>64</v>
      </c>
      <c r="AH2114">
        <v>66</v>
      </c>
      <c r="AI2114">
        <v>67</v>
      </c>
      <c r="AJ2114">
        <v>69</v>
      </c>
      <c r="AK2114">
        <v>70</v>
      </c>
      <c r="AL2114">
        <v>71</v>
      </c>
      <c r="AM2114">
        <v>72</v>
      </c>
      <c r="AN2114">
        <v>73</v>
      </c>
      <c r="AO2114">
        <v>74</v>
      </c>
      <c r="AP2114">
        <v>75</v>
      </c>
      <c r="AQ2114">
        <v>76</v>
      </c>
    </row>
    <row r="2115" spans="1:43">
      <c r="A2115" t="s">
        <v>1378</v>
      </c>
      <c r="B2115" t="s">
        <v>1379</v>
      </c>
      <c r="C2115" t="s">
        <v>1362</v>
      </c>
      <c r="D2115" t="s">
        <v>1363</v>
      </c>
      <c r="E2115" t="s">
        <v>1192</v>
      </c>
      <c r="F2115" t="s">
        <v>1193</v>
      </c>
      <c r="G2115" t="s">
        <v>80</v>
      </c>
      <c r="H2115" t="s">
        <v>81</v>
      </c>
      <c r="I2115" s="2">
        <v>0</v>
      </c>
      <c r="J2115" s="2">
        <v>1</v>
      </c>
      <c r="K2115" s="2">
        <v>0</v>
      </c>
      <c r="L2115" t="s">
        <v>82</v>
      </c>
      <c r="M2115" t="s">
        <v>87</v>
      </c>
      <c r="N2115" t="s">
        <v>88</v>
      </c>
      <c r="O2115" t="s">
        <v>85</v>
      </c>
      <c r="P2115" t="s">
        <v>86</v>
      </c>
      <c r="Q2115">
        <v>43</v>
      </c>
      <c r="R2115">
        <v>44</v>
      </c>
      <c r="S2115">
        <v>44</v>
      </c>
      <c r="T2115">
        <v>45</v>
      </c>
      <c r="U2115">
        <v>46</v>
      </c>
      <c r="V2115">
        <v>47</v>
      </c>
      <c r="W2115">
        <v>48</v>
      </c>
      <c r="X2115">
        <v>48</v>
      </c>
      <c r="Y2115">
        <v>49</v>
      </c>
      <c r="Z2115">
        <v>50</v>
      </c>
      <c r="AA2115">
        <v>51</v>
      </c>
      <c r="AB2115">
        <v>52</v>
      </c>
      <c r="AC2115">
        <v>53</v>
      </c>
      <c r="AD2115">
        <v>53</v>
      </c>
      <c r="AE2115">
        <v>54</v>
      </c>
      <c r="AF2115">
        <v>55</v>
      </c>
      <c r="AG2115">
        <v>56</v>
      </c>
      <c r="AH2115">
        <v>57</v>
      </c>
      <c r="AI2115">
        <v>58</v>
      </c>
      <c r="AJ2115">
        <v>59</v>
      </c>
      <c r="AK2115">
        <v>60</v>
      </c>
      <c r="AL2115">
        <v>61</v>
      </c>
      <c r="AM2115">
        <v>62</v>
      </c>
      <c r="AN2115">
        <v>63</v>
      </c>
      <c r="AO2115">
        <v>64</v>
      </c>
      <c r="AP2115">
        <v>65</v>
      </c>
      <c r="AQ2115">
        <v>66</v>
      </c>
    </row>
    <row r="2116" spans="1:43">
      <c r="A2116" t="s">
        <v>1378</v>
      </c>
      <c r="B2116" t="s">
        <v>1379</v>
      </c>
      <c r="C2116" t="s">
        <v>1362</v>
      </c>
      <c r="D2116" t="s">
        <v>1363</v>
      </c>
      <c r="E2116" t="s">
        <v>1192</v>
      </c>
      <c r="F2116" t="s">
        <v>1193</v>
      </c>
      <c r="G2116" t="s">
        <v>80</v>
      </c>
      <c r="H2116" t="s">
        <v>81</v>
      </c>
      <c r="I2116" s="2">
        <v>0</v>
      </c>
      <c r="J2116" s="2">
        <v>1</v>
      </c>
      <c r="K2116" s="2">
        <v>0</v>
      </c>
      <c r="L2116" t="s">
        <v>82</v>
      </c>
      <c r="M2116" t="s">
        <v>89</v>
      </c>
      <c r="N2116" t="s">
        <v>90</v>
      </c>
      <c r="O2116" t="s">
        <v>85</v>
      </c>
      <c r="P2116" t="s">
        <v>86</v>
      </c>
      <c r="Q2116">
        <v>43</v>
      </c>
      <c r="R2116">
        <v>44</v>
      </c>
      <c r="S2116">
        <v>46</v>
      </c>
      <c r="T2116">
        <v>47</v>
      </c>
      <c r="U2116">
        <v>49</v>
      </c>
      <c r="V2116">
        <v>51</v>
      </c>
      <c r="W2116">
        <v>52</v>
      </c>
      <c r="X2116">
        <v>54</v>
      </c>
      <c r="Y2116">
        <v>55</v>
      </c>
      <c r="Z2116">
        <v>57</v>
      </c>
      <c r="AA2116">
        <v>58</v>
      </c>
      <c r="AB2116">
        <v>60</v>
      </c>
      <c r="AC2116">
        <v>62</v>
      </c>
      <c r="AD2116">
        <v>63</v>
      </c>
      <c r="AE2116">
        <v>65</v>
      </c>
      <c r="AF2116">
        <v>66</v>
      </c>
      <c r="AG2116">
        <v>66</v>
      </c>
      <c r="AH2116">
        <v>67</v>
      </c>
      <c r="AI2116">
        <v>68</v>
      </c>
      <c r="AJ2116">
        <v>69</v>
      </c>
      <c r="AK2116">
        <v>70</v>
      </c>
      <c r="AL2116">
        <v>71</v>
      </c>
      <c r="AM2116">
        <v>72</v>
      </c>
      <c r="AN2116">
        <v>73</v>
      </c>
      <c r="AO2116">
        <v>74</v>
      </c>
      <c r="AP2116">
        <v>75</v>
      </c>
      <c r="AQ2116">
        <v>75</v>
      </c>
    </row>
    <row r="2117" spans="1:43">
      <c r="A2117" t="s">
        <v>1378</v>
      </c>
      <c r="B2117" t="s">
        <v>1379</v>
      </c>
      <c r="C2117" t="s">
        <v>1362</v>
      </c>
      <c r="D2117" t="s">
        <v>1363</v>
      </c>
      <c r="E2117" t="s">
        <v>1192</v>
      </c>
      <c r="F2117" t="s">
        <v>1193</v>
      </c>
      <c r="G2117" t="s">
        <v>80</v>
      </c>
      <c r="H2117" t="s">
        <v>81</v>
      </c>
      <c r="I2117" s="2">
        <v>0</v>
      </c>
      <c r="J2117" s="2">
        <v>1</v>
      </c>
      <c r="K2117" s="2">
        <v>0</v>
      </c>
      <c r="L2117" t="s">
        <v>82</v>
      </c>
      <c r="M2117" t="s">
        <v>83</v>
      </c>
      <c r="N2117" t="s">
        <v>91</v>
      </c>
      <c r="O2117" t="s">
        <v>85</v>
      </c>
      <c r="P2117" t="s">
        <v>86</v>
      </c>
      <c r="Q2117">
        <v>43</v>
      </c>
      <c r="R2117">
        <v>44</v>
      </c>
      <c r="S2117">
        <v>46</v>
      </c>
      <c r="T2117">
        <v>47</v>
      </c>
      <c r="U2117">
        <v>48</v>
      </c>
      <c r="V2117">
        <v>49</v>
      </c>
      <c r="W2117">
        <v>51</v>
      </c>
      <c r="X2117">
        <v>52</v>
      </c>
      <c r="Y2117">
        <v>53</v>
      </c>
      <c r="Z2117">
        <v>55</v>
      </c>
      <c r="AA2117">
        <v>56</v>
      </c>
      <c r="AB2117">
        <v>57</v>
      </c>
      <c r="AC2117">
        <v>59</v>
      </c>
      <c r="AD2117">
        <v>60</v>
      </c>
      <c r="AE2117">
        <v>61</v>
      </c>
      <c r="AF2117">
        <v>63</v>
      </c>
      <c r="AG2117">
        <v>64</v>
      </c>
      <c r="AH2117">
        <v>66</v>
      </c>
      <c r="AI2117">
        <v>67</v>
      </c>
      <c r="AJ2117">
        <v>69</v>
      </c>
      <c r="AK2117">
        <v>70</v>
      </c>
      <c r="AL2117">
        <v>71</v>
      </c>
      <c r="AM2117">
        <v>72</v>
      </c>
      <c r="AN2117">
        <v>73</v>
      </c>
      <c r="AO2117">
        <v>74</v>
      </c>
      <c r="AP2117">
        <v>75</v>
      </c>
      <c r="AQ2117">
        <v>76</v>
      </c>
    </row>
    <row r="2118" spans="1:43">
      <c r="A2118" t="s">
        <v>1380</v>
      </c>
      <c r="B2118" t="s">
        <v>1381</v>
      </c>
      <c r="C2118" t="s">
        <v>1362</v>
      </c>
      <c r="D2118" t="s">
        <v>1363</v>
      </c>
      <c r="E2118" t="s">
        <v>1192</v>
      </c>
      <c r="F2118" t="s">
        <v>1193</v>
      </c>
      <c r="G2118" t="s">
        <v>80</v>
      </c>
      <c r="H2118" t="s">
        <v>81</v>
      </c>
      <c r="I2118" s="2">
        <v>0</v>
      </c>
      <c r="J2118" s="2">
        <v>1</v>
      </c>
      <c r="K2118" s="2">
        <v>0</v>
      </c>
      <c r="L2118" t="s">
        <v>82</v>
      </c>
      <c r="M2118" t="s">
        <v>83</v>
      </c>
      <c r="N2118" t="s">
        <v>84</v>
      </c>
      <c r="O2118" t="s">
        <v>85</v>
      </c>
      <c r="P2118" t="s">
        <v>86</v>
      </c>
      <c r="Q2118">
        <v>64</v>
      </c>
      <c r="R2118">
        <v>66</v>
      </c>
      <c r="S2118">
        <v>68</v>
      </c>
      <c r="T2118">
        <v>69</v>
      </c>
      <c r="U2118">
        <v>71</v>
      </c>
      <c r="V2118">
        <v>73</v>
      </c>
      <c r="W2118">
        <v>75</v>
      </c>
      <c r="X2118">
        <v>77</v>
      </c>
      <c r="Y2118">
        <v>79</v>
      </c>
      <c r="Z2118">
        <v>81</v>
      </c>
      <c r="AA2118">
        <v>83</v>
      </c>
      <c r="AB2118">
        <v>85</v>
      </c>
      <c r="AC2118">
        <v>87</v>
      </c>
      <c r="AD2118">
        <v>89</v>
      </c>
      <c r="AE2118">
        <v>91</v>
      </c>
      <c r="AF2118">
        <v>93</v>
      </c>
      <c r="AG2118">
        <v>95</v>
      </c>
      <c r="AH2118">
        <v>97</v>
      </c>
      <c r="AI2118">
        <v>100</v>
      </c>
      <c r="AJ2118">
        <v>102</v>
      </c>
      <c r="AK2118">
        <v>104</v>
      </c>
      <c r="AL2118">
        <v>106</v>
      </c>
      <c r="AM2118">
        <v>107</v>
      </c>
      <c r="AN2118">
        <v>109</v>
      </c>
      <c r="AO2118">
        <v>110</v>
      </c>
      <c r="AP2118">
        <v>111</v>
      </c>
      <c r="AQ2118">
        <v>113</v>
      </c>
    </row>
    <row r="2119" spans="1:43">
      <c r="A2119" t="s">
        <v>1380</v>
      </c>
      <c r="B2119" t="s">
        <v>1381</v>
      </c>
      <c r="C2119" t="s">
        <v>1362</v>
      </c>
      <c r="D2119" t="s">
        <v>1363</v>
      </c>
      <c r="E2119" t="s">
        <v>1192</v>
      </c>
      <c r="F2119" t="s">
        <v>1193</v>
      </c>
      <c r="G2119" t="s">
        <v>80</v>
      </c>
      <c r="H2119" t="s">
        <v>81</v>
      </c>
      <c r="I2119" s="2">
        <v>0</v>
      </c>
      <c r="J2119" s="2">
        <v>1</v>
      </c>
      <c r="K2119" s="2">
        <v>0</v>
      </c>
      <c r="L2119" t="s">
        <v>82</v>
      </c>
      <c r="M2119" t="s">
        <v>87</v>
      </c>
      <c r="N2119" t="s">
        <v>88</v>
      </c>
      <c r="O2119" t="s">
        <v>85</v>
      </c>
      <c r="P2119" t="s">
        <v>86</v>
      </c>
      <c r="Q2119">
        <v>64</v>
      </c>
      <c r="R2119">
        <v>66</v>
      </c>
      <c r="S2119">
        <v>67</v>
      </c>
      <c r="T2119">
        <v>68</v>
      </c>
      <c r="U2119">
        <v>69</v>
      </c>
      <c r="V2119">
        <v>70</v>
      </c>
      <c r="W2119">
        <v>71</v>
      </c>
      <c r="X2119">
        <v>73</v>
      </c>
      <c r="Y2119">
        <v>74</v>
      </c>
      <c r="Z2119">
        <v>75</v>
      </c>
      <c r="AA2119">
        <v>76</v>
      </c>
      <c r="AB2119">
        <v>78</v>
      </c>
      <c r="AC2119">
        <v>79</v>
      </c>
      <c r="AD2119">
        <v>80</v>
      </c>
      <c r="AE2119">
        <v>82</v>
      </c>
      <c r="AF2119">
        <v>83</v>
      </c>
      <c r="AG2119">
        <v>84</v>
      </c>
      <c r="AH2119">
        <v>86</v>
      </c>
      <c r="AI2119">
        <v>87</v>
      </c>
      <c r="AJ2119">
        <v>89</v>
      </c>
      <c r="AK2119">
        <v>90</v>
      </c>
      <c r="AL2119">
        <v>91</v>
      </c>
      <c r="AM2119">
        <v>93</v>
      </c>
      <c r="AN2119">
        <v>94</v>
      </c>
      <c r="AO2119">
        <v>96</v>
      </c>
      <c r="AP2119">
        <v>97</v>
      </c>
      <c r="AQ2119">
        <v>99</v>
      </c>
    </row>
    <row r="2120" spans="1:43">
      <c r="A2120" t="s">
        <v>1380</v>
      </c>
      <c r="B2120" t="s">
        <v>1381</v>
      </c>
      <c r="C2120" t="s">
        <v>1362</v>
      </c>
      <c r="D2120" t="s">
        <v>1363</v>
      </c>
      <c r="E2120" t="s">
        <v>1192</v>
      </c>
      <c r="F2120" t="s">
        <v>1193</v>
      </c>
      <c r="G2120" t="s">
        <v>80</v>
      </c>
      <c r="H2120" t="s">
        <v>81</v>
      </c>
      <c r="I2120" s="2">
        <v>0</v>
      </c>
      <c r="J2120" s="2">
        <v>1</v>
      </c>
      <c r="K2120" s="2">
        <v>0</v>
      </c>
      <c r="L2120" t="s">
        <v>82</v>
      </c>
      <c r="M2120" t="s">
        <v>89</v>
      </c>
      <c r="N2120" t="s">
        <v>90</v>
      </c>
      <c r="O2120" t="s">
        <v>85</v>
      </c>
      <c r="P2120" t="s">
        <v>86</v>
      </c>
      <c r="Q2120">
        <v>64</v>
      </c>
      <c r="R2120">
        <v>66</v>
      </c>
      <c r="S2120">
        <v>68</v>
      </c>
      <c r="T2120">
        <v>71</v>
      </c>
      <c r="U2120">
        <v>73</v>
      </c>
      <c r="V2120">
        <v>75</v>
      </c>
      <c r="W2120">
        <v>78</v>
      </c>
      <c r="X2120">
        <v>80</v>
      </c>
      <c r="Y2120">
        <v>82</v>
      </c>
      <c r="Z2120">
        <v>85</v>
      </c>
      <c r="AA2120">
        <v>87</v>
      </c>
      <c r="AB2120">
        <v>89</v>
      </c>
      <c r="AC2120">
        <v>92</v>
      </c>
      <c r="AD2120">
        <v>94</v>
      </c>
      <c r="AE2120">
        <v>96</v>
      </c>
      <c r="AF2120">
        <v>98</v>
      </c>
      <c r="AG2120">
        <v>99</v>
      </c>
      <c r="AH2120">
        <v>100</v>
      </c>
      <c r="AI2120">
        <v>102</v>
      </c>
      <c r="AJ2120">
        <v>103</v>
      </c>
      <c r="AK2120">
        <v>104</v>
      </c>
      <c r="AL2120">
        <v>106</v>
      </c>
      <c r="AM2120">
        <v>107</v>
      </c>
      <c r="AN2120">
        <v>108</v>
      </c>
      <c r="AO2120">
        <v>110</v>
      </c>
      <c r="AP2120">
        <v>111</v>
      </c>
      <c r="AQ2120">
        <v>112</v>
      </c>
    </row>
    <row r="2121" spans="1:43">
      <c r="A2121" t="s">
        <v>1380</v>
      </c>
      <c r="B2121" t="s">
        <v>1381</v>
      </c>
      <c r="C2121" t="s">
        <v>1362</v>
      </c>
      <c r="D2121" t="s">
        <v>1363</v>
      </c>
      <c r="E2121" t="s">
        <v>1192</v>
      </c>
      <c r="F2121" t="s">
        <v>1193</v>
      </c>
      <c r="G2121" t="s">
        <v>80</v>
      </c>
      <c r="H2121" t="s">
        <v>81</v>
      </c>
      <c r="I2121" s="2">
        <v>0</v>
      </c>
      <c r="J2121" s="2">
        <v>1</v>
      </c>
      <c r="K2121" s="2">
        <v>0</v>
      </c>
      <c r="L2121" t="s">
        <v>82</v>
      </c>
      <c r="M2121" t="s">
        <v>83</v>
      </c>
      <c r="N2121" t="s">
        <v>91</v>
      </c>
      <c r="O2121" t="s">
        <v>85</v>
      </c>
      <c r="P2121" t="s">
        <v>86</v>
      </c>
      <c r="Q2121">
        <v>64</v>
      </c>
      <c r="R2121">
        <v>66</v>
      </c>
      <c r="S2121">
        <v>68</v>
      </c>
      <c r="T2121">
        <v>69</v>
      </c>
      <c r="U2121">
        <v>71</v>
      </c>
      <c r="V2121">
        <v>73</v>
      </c>
      <c r="W2121">
        <v>75</v>
      </c>
      <c r="X2121">
        <v>77</v>
      </c>
      <c r="Y2121">
        <v>79</v>
      </c>
      <c r="Z2121">
        <v>81</v>
      </c>
      <c r="AA2121">
        <v>83</v>
      </c>
      <c r="AB2121">
        <v>85</v>
      </c>
      <c r="AC2121">
        <v>87</v>
      </c>
      <c r="AD2121">
        <v>89</v>
      </c>
      <c r="AE2121">
        <v>91</v>
      </c>
      <c r="AF2121">
        <v>93</v>
      </c>
      <c r="AG2121">
        <v>95</v>
      </c>
      <c r="AH2121">
        <v>97</v>
      </c>
      <c r="AI2121">
        <v>100</v>
      </c>
      <c r="AJ2121">
        <v>102</v>
      </c>
      <c r="AK2121">
        <v>104</v>
      </c>
      <c r="AL2121">
        <v>106</v>
      </c>
      <c r="AM2121">
        <v>107</v>
      </c>
      <c r="AN2121">
        <v>109</v>
      </c>
      <c r="AO2121">
        <v>110</v>
      </c>
      <c r="AP2121">
        <v>111</v>
      </c>
      <c r="AQ2121">
        <v>113</v>
      </c>
    </row>
    <row r="2122" spans="1:43">
      <c r="A2122" t="s">
        <v>1382</v>
      </c>
      <c r="B2122" t="s">
        <v>1383</v>
      </c>
      <c r="C2122" t="s">
        <v>1384</v>
      </c>
      <c r="D2122" t="s">
        <v>1385</v>
      </c>
      <c r="E2122" t="s">
        <v>1192</v>
      </c>
      <c r="F2122" t="s">
        <v>1193</v>
      </c>
      <c r="G2122" t="s">
        <v>80</v>
      </c>
      <c r="H2122" t="s">
        <v>81</v>
      </c>
      <c r="I2122" s="2">
        <v>0</v>
      </c>
      <c r="J2122" s="2">
        <v>1</v>
      </c>
      <c r="K2122" s="2">
        <v>0</v>
      </c>
      <c r="L2122" t="s">
        <v>82</v>
      </c>
      <c r="M2122" t="s">
        <v>83</v>
      </c>
      <c r="N2122" t="s">
        <v>84</v>
      </c>
      <c r="O2122" t="s">
        <v>85</v>
      </c>
      <c r="P2122" t="s">
        <v>86</v>
      </c>
      <c r="Q2122">
        <v>76</v>
      </c>
      <c r="R2122">
        <v>79</v>
      </c>
      <c r="S2122">
        <v>81</v>
      </c>
      <c r="T2122">
        <v>83</v>
      </c>
      <c r="U2122">
        <v>85</v>
      </c>
      <c r="V2122">
        <v>87</v>
      </c>
      <c r="W2122">
        <v>90</v>
      </c>
      <c r="X2122">
        <v>92</v>
      </c>
      <c r="Y2122">
        <v>94</v>
      </c>
      <c r="Z2122">
        <v>97</v>
      </c>
      <c r="AA2122">
        <v>99</v>
      </c>
      <c r="AB2122">
        <v>102</v>
      </c>
      <c r="AC2122">
        <v>104</v>
      </c>
      <c r="AD2122">
        <v>107</v>
      </c>
      <c r="AE2122">
        <v>109</v>
      </c>
      <c r="AF2122">
        <v>112</v>
      </c>
      <c r="AG2122">
        <v>114</v>
      </c>
      <c r="AH2122">
        <v>117</v>
      </c>
      <c r="AI2122">
        <v>120</v>
      </c>
      <c r="AJ2122">
        <v>123</v>
      </c>
      <c r="AK2122">
        <v>125</v>
      </c>
      <c r="AL2122">
        <v>127</v>
      </c>
      <c r="AM2122">
        <v>129</v>
      </c>
      <c r="AN2122">
        <v>131</v>
      </c>
      <c r="AO2122">
        <v>133</v>
      </c>
      <c r="AP2122">
        <v>134</v>
      </c>
      <c r="AQ2122">
        <v>136</v>
      </c>
    </row>
    <row r="2123" spans="1:43">
      <c r="A2123" t="s">
        <v>1382</v>
      </c>
      <c r="B2123" t="s">
        <v>1383</v>
      </c>
      <c r="C2123" t="s">
        <v>1384</v>
      </c>
      <c r="D2123" t="s">
        <v>1385</v>
      </c>
      <c r="E2123" t="s">
        <v>1192</v>
      </c>
      <c r="F2123" t="s">
        <v>1193</v>
      </c>
      <c r="G2123" t="s">
        <v>80</v>
      </c>
      <c r="H2123" t="s">
        <v>81</v>
      </c>
      <c r="I2123" s="2">
        <v>0</v>
      </c>
      <c r="J2123" s="2">
        <v>1</v>
      </c>
      <c r="K2123" s="2">
        <v>0</v>
      </c>
      <c r="L2123" t="s">
        <v>82</v>
      </c>
      <c r="M2123" t="s">
        <v>87</v>
      </c>
      <c r="N2123" t="s">
        <v>88</v>
      </c>
      <c r="O2123" t="s">
        <v>85</v>
      </c>
      <c r="P2123" t="s">
        <v>86</v>
      </c>
      <c r="Q2123">
        <v>76</v>
      </c>
      <c r="R2123">
        <v>77</v>
      </c>
      <c r="S2123">
        <v>78</v>
      </c>
      <c r="T2123">
        <v>80</v>
      </c>
      <c r="U2123">
        <v>81</v>
      </c>
      <c r="V2123">
        <v>83</v>
      </c>
      <c r="W2123">
        <v>84</v>
      </c>
      <c r="X2123">
        <v>86</v>
      </c>
      <c r="Y2123">
        <v>87</v>
      </c>
      <c r="Z2123">
        <v>89</v>
      </c>
      <c r="AA2123">
        <v>90</v>
      </c>
      <c r="AB2123">
        <v>92</v>
      </c>
      <c r="AC2123">
        <v>93</v>
      </c>
      <c r="AD2123">
        <v>95</v>
      </c>
      <c r="AE2123">
        <v>96</v>
      </c>
      <c r="AF2123">
        <v>98</v>
      </c>
      <c r="AG2123">
        <v>100</v>
      </c>
      <c r="AH2123">
        <v>101</v>
      </c>
      <c r="AI2123">
        <v>103</v>
      </c>
      <c r="AJ2123">
        <v>105</v>
      </c>
      <c r="AK2123">
        <v>107</v>
      </c>
      <c r="AL2123">
        <v>108</v>
      </c>
      <c r="AM2123">
        <v>110</v>
      </c>
      <c r="AN2123">
        <v>112</v>
      </c>
      <c r="AO2123">
        <v>114</v>
      </c>
      <c r="AP2123">
        <v>116</v>
      </c>
      <c r="AQ2123">
        <v>118</v>
      </c>
    </row>
    <row r="2124" spans="1:43">
      <c r="A2124" t="s">
        <v>1382</v>
      </c>
      <c r="B2124" t="s">
        <v>1383</v>
      </c>
      <c r="C2124" t="s">
        <v>1384</v>
      </c>
      <c r="D2124" t="s">
        <v>1385</v>
      </c>
      <c r="E2124" t="s">
        <v>1192</v>
      </c>
      <c r="F2124" t="s">
        <v>1193</v>
      </c>
      <c r="G2124" t="s">
        <v>80</v>
      </c>
      <c r="H2124" t="s">
        <v>81</v>
      </c>
      <c r="I2124" s="2">
        <v>0</v>
      </c>
      <c r="J2124" s="2">
        <v>1</v>
      </c>
      <c r="K2124" s="2">
        <v>0</v>
      </c>
      <c r="L2124" t="s">
        <v>82</v>
      </c>
      <c r="M2124" t="s">
        <v>89</v>
      </c>
      <c r="N2124" t="s">
        <v>90</v>
      </c>
      <c r="O2124" t="s">
        <v>85</v>
      </c>
      <c r="P2124" t="s">
        <v>86</v>
      </c>
      <c r="Q2124">
        <v>76</v>
      </c>
      <c r="R2124">
        <v>79</v>
      </c>
      <c r="S2124">
        <v>82</v>
      </c>
      <c r="T2124">
        <v>85</v>
      </c>
      <c r="U2124">
        <v>87</v>
      </c>
      <c r="V2124">
        <v>90</v>
      </c>
      <c r="W2124">
        <v>93</v>
      </c>
      <c r="X2124">
        <v>96</v>
      </c>
      <c r="Y2124">
        <v>99</v>
      </c>
      <c r="Z2124">
        <v>102</v>
      </c>
      <c r="AA2124">
        <v>105</v>
      </c>
      <c r="AB2124">
        <v>108</v>
      </c>
      <c r="AC2124">
        <v>111</v>
      </c>
      <c r="AD2124">
        <v>114</v>
      </c>
      <c r="AE2124">
        <v>116</v>
      </c>
      <c r="AF2124">
        <v>118</v>
      </c>
      <c r="AG2124">
        <v>119</v>
      </c>
      <c r="AH2124">
        <v>121</v>
      </c>
      <c r="AI2124">
        <v>123</v>
      </c>
      <c r="AJ2124">
        <v>124</v>
      </c>
      <c r="AK2124">
        <v>126</v>
      </c>
      <c r="AL2124">
        <v>128</v>
      </c>
      <c r="AM2124">
        <v>129</v>
      </c>
      <c r="AN2124">
        <v>131</v>
      </c>
      <c r="AO2124">
        <v>133</v>
      </c>
      <c r="AP2124">
        <v>134</v>
      </c>
      <c r="AQ2124">
        <v>136</v>
      </c>
    </row>
    <row r="2125" spans="1:43">
      <c r="A2125" t="s">
        <v>1382</v>
      </c>
      <c r="B2125" t="s">
        <v>1383</v>
      </c>
      <c r="C2125" t="s">
        <v>1384</v>
      </c>
      <c r="D2125" t="s">
        <v>1385</v>
      </c>
      <c r="E2125" t="s">
        <v>1192</v>
      </c>
      <c r="F2125" t="s">
        <v>1193</v>
      </c>
      <c r="G2125" t="s">
        <v>80</v>
      </c>
      <c r="H2125" t="s">
        <v>81</v>
      </c>
      <c r="I2125" s="2">
        <v>0</v>
      </c>
      <c r="J2125" s="2">
        <v>1</v>
      </c>
      <c r="K2125" s="2">
        <v>0</v>
      </c>
      <c r="L2125" t="s">
        <v>82</v>
      </c>
      <c r="M2125" t="s">
        <v>83</v>
      </c>
      <c r="N2125" t="s">
        <v>91</v>
      </c>
      <c r="O2125" t="s">
        <v>85</v>
      </c>
      <c r="P2125" t="s">
        <v>86</v>
      </c>
      <c r="Q2125">
        <v>76</v>
      </c>
      <c r="R2125">
        <v>79</v>
      </c>
      <c r="S2125">
        <v>81</v>
      </c>
      <c r="T2125">
        <v>83</v>
      </c>
      <c r="U2125">
        <v>85</v>
      </c>
      <c r="V2125">
        <v>87</v>
      </c>
      <c r="W2125">
        <v>90</v>
      </c>
      <c r="X2125">
        <v>92</v>
      </c>
      <c r="Y2125">
        <v>94</v>
      </c>
      <c r="Z2125">
        <v>97</v>
      </c>
      <c r="AA2125">
        <v>99</v>
      </c>
      <c r="AB2125">
        <v>102</v>
      </c>
      <c r="AC2125">
        <v>104</v>
      </c>
      <c r="AD2125">
        <v>107</v>
      </c>
      <c r="AE2125">
        <v>109</v>
      </c>
      <c r="AF2125">
        <v>112</v>
      </c>
      <c r="AG2125">
        <v>114</v>
      </c>
      <c r="AH2125">
        <v>117</v>
      </c>
      <c r="AI2125">
        <v>120</v>
      </c>
      <c r="AJ2125">
        <v>123</v>
      </c>
      <c r="AK2125">
        <v>125</v>
      </c>
      <c r="AL2125">
        <v>127</v>
      </c>
      <c r="AM2125">
        <v>129</v>
      </c>
      <c r="AN2125">
        <v>131</v>
      </c>
      <c r="AO2125">
        <v>133</v>
      </c>
      <c r="AP2125">
        <v>134</v>
      </c>
      <c r="AQ2125">
        <v>136</v>
      </c>
    </row>
    <row r="2126" spans="1:43">
      <c r="A2126" t="s">
        <v>1386</v>
      </c>
      <c r="B2126" t="s">
        <v>1387</v>
      </c>
      <c r="C2126" t="s">
        <v>1384</v>
      </c>
      <c r="D2126" t="s">
        <v>1385</v>
      </c>
      <c r="E2126" t="s">
        <v>1192</v>
      </c>
      <c r="F2126" t="s">
        <v>1193</v>
      </c>
      <c r="G2126" t="s">
        <v>80</v>
      </c>
      <c r="H2126" t="s">
        <v>81</v>
      </c>
      <c r="I2126" s="2">
        <v>0</v>
      </c>
      <c r="J2126" s="2">
        <v>1</v>
      </c>
      <c r="K2126" s="2">
        <v>0</v>
      </c>
      <c r="L2126" t="s">
        <v>82</v>
      </c>
      <c r="M2126" t="s">
        <v>83</v>
      </c>
      <c r="N2126" t="s">
        <v>84</v>
      </c>
      <c r="O2126" t="s">
        <v>85</v>
      </c>
      <c r="P2126" t="s">
        <v>86</v>
      </c>
      <c r="Q2126">
        <v>12</v>
      </c>
      <c r="R2126">
        <v>13</v>
      </c>
      <c r="S2126">
        <v>13</v>
      </c>
      <c r="T2126">
        <v>13</v>
      </c>
      <c r="U2126">
        <v>14</v>
      </c>
      <c r="V2126">
        <v>14</v>
      </c>
      <c r="W2126">
        <v>14</v>
      </c>
      <c r="X2126">
        <v>15</v>
      </c>
      <c r="Y2126">
        <v>15</v>
      </c>
      <c r="Z2126">
        <v>16</v>
      </c>
      <c r="AA2126">
        <v>16</v>
      </c>
      <c r="AB2126">
        <v>16</v>
      </c>
      <c r="AC2126">
        <v>17</v>
      </c>
      <c r="AD2126">
        <v>17</v>
      </c>
      <c r="AE2126">
        <v>18</v>
      </c>
      <c r="AF2126">
        <v>18</v>
      </c>
      <c r="AG2126">
        <v>18</v>
      </c>
      <c r="AH2126">
        <v>19</v>
      </c>
      <c r="AI2126">
        <v>19</v>
      </c>
      <c r="AJ2126">
        <v>20</v>
      </c>
      <c r="AK2126">
        <v>20</v>
      </c>
      <c r="AL2126">
        <v>21</v>
      </c>
      <c r="AM2126">
        <v>21</v>
      </c>
      <c r="AN2126">
        <v>21</v>
      </c>
      <c r="AO2126">
        <v>21</v>
      </c>
      <c r="AP2126">
        <v>22</v>
      </c>
      <c r="AQ2126">
        <v>22</v>
      </c>
    </row>
    <row r="2127" spans="1:43">
      <c r="A2127" t="s">
        <v>1386</v>
      </c>
      <c r="B2127" t="s">
        <v>1387</v>
      </c>
      <c r="C2127" t="s">
        <v>1384</v>
      </c>
      <c r="D2127" t="s">
        <v>1385</v>
      </c>
      <c r="E2127" t="s">
        <v>1192</v>
      </c>
      <c r="F2127" t="s">
        <v>1193</v>
      </c>
      <c r="G2127" t="s">
        <v>80</v>
      </c>
      <c r="H2127" t="s">
        <v>81</v>
      </c>
      <c r="I2127" s="2">
        <v>0</v>
      </c>
      <c r="J2127" s="2">
        <v>1</v>
      </c>
      <c r="K2127" s="2">
        <v>0</v>
      </c>
      <c r="L2127" t="s">
        <v>82</v>
      </c>
      <c r="M2127" t="s">
        <v>87</v>
      </c>
      <c r="N2127" t="s">
        <v>88</v>
      </c>
      <c r="O2127" t="s">
        <v>85</v>
      </c>
      <c r="P2127" t="s">
        <v>86</v>
      </c>
      <c r="Q2127">
        <v>12</v>
      </c>
      <c r="R2127">
        <v>12</v>
      </c>
      <c r="S2127">
        <v>13</v>
      </c>
      <c r="T2127">
        <v>13</v>
      </c>
      <c r="U2127">
        <v>13</v>
      </c>
      <c r="V2127">
        <v>13</v>
      </c>
      <c r="W2127">
        <v>14</v>
      </c>
      <c r="X2127">
        <v>14</v>
      </c>
      <c r="Y2127">
        <v>14</v>
      </c>
      <c r="Z2127">
        <v>14</v>
      </c>
      <c r="AA2127">
        <v>15</v>
      </c>
      <c r="AB2127">
        <v>15</v>
      </c>
      <c r="AC2127">
        <v>15</v>
      </c>
      <c r="AD2127">
        <v>15</v>
      </c>
      <c r="AE2127">
        <v>16</v>
      </c>
      <c r="AF2127">
        <v>16</v>
      </c>
      <c r="AG2127">
        <v>16</v>
      </c>
      <c r="AH2127">
        <v>16</v>
      </c>
      <c r="AI2127">
        <v>17</v>
      </c>
      <c r="AJ2127">
        <v>17</v>
      </c>
      <c r="AK2127">
        <v>17</v>
      </c>
      <c r="AL2127">
        <v>18</v>
      </c>
      <c r="AM2127">
        <v>18</v>
      </c>
      <c r="AN2127">
        <v>18</v>
      </c>
      <c r="AO2127">
        <v>18</v>
      </c>
      <c r="AP2127">
        <v>19</v>
      </c>
      <c r="AQ2127">
        <v>19</v>
      </c>
    </row>
    <row r="2128" spans="1:43">
      <c r="A2128" t="s">
        <v>1386</v>
      </c>
      <c r="B2128" t="s">
        <v>1387</v>
      </c>
      <c r="C2128" t="s">
        <v>1384</v>
      </c>
      <c r="D2128" t="s">
        <v>1385</v>
      </c>
      <c r="E2128" t="s">
        <v>1192</v>
      </c>
      <c r="F2128" t="s">
        <v>1193</v>
      </c>
      <c r="G2128" t="s">
        <v>80</v>
      </c>
      <c r="H2128" t="s">
        <v>81</v>
      </c>
      <c r="I2128" s="2">
        <v>0</v>
      </c>
      <c r="J2128" s="2">
        <v>1</v>
      </c>
      <c r="K2128" s="2">
        <v>0</v>
      </c>
      <c r="L2128" t="s">
        <v>82</v>
      </c>
      <c r="M2128" t="s">
        <v>89</v>
      </c>
      <c r="N2128" t="s">
        <v>90</v>
      </c>
      <c r="O2128" t="s">
        <v>85</v>
      </c>
      <c r="P2128" t="s">
        <v>86</v>
      </c>
      <c r="Q2128">
        <v>12</v>
      </c>
      <c r="R2128">
        <v>13</v>
      </c>
      <c r="S2128">
        <v>13</v>
      </c>
      <c r="T2128">
        <v>14</v>
      </c>
      <c r="U2128">
        <v>14</v>
      </c>
      <c r="V2128">
        <v>15</v>
      </c>
      <c r="W2128">
        <v>15</v>
      </c>
      <c r="X2128">
        <v>16</v>
      </c>
      <c r="Y2128">
        <v>16</v>
      </c>
      <c r="Z2128">
        <v>17</v>
      </c>
      <c r="AA2128">
        <v>17</v>
      </c>
      <c r="AB2128">
        <v>18</v>
      </c>
      <c r="AC2128">
        <v>18</v>
      </c>
      <c r="AD2128">
        <v>19</v>
      </c>
      <c r="AE2128">
        <v>19</v>
      </c>
      <c r="AF2128">
        <v>19</v>
      </c>
      <c r="AG2128">
        <v>19</v>
      </c>
      <c r="AH2128">
        <v>20</v>
      </c>
      <c r="AI2128">
        <v>20</v>
      </c>
      <c r="AJ2128">
        <v>20</v>
      </c>
      <c r="AK2128">
        <v>21</v>
      </c>
      <c r="AL2128">
        <v>21</v>
      </c>
      <c r="AM2128">
        <v>21</v>
      </c>
      <c r="AN2128">
        <v>21</v>
      </c>
      <c r="AO2128">
        <v>22</v>
      </c>
      <c r="AP2128">
        <v>22</v>
      </c>
      <c r="AQ2128">
        <v>22</v>
      </c>
    </row>
    <row r="2129" spans="1:43">
      <c r="A2129" t="s">
        <v>1386</v>
      </c>
      <c r="B2129" t="s">
        <v>1387</v>
      </c>
      <c r="C2129" t="s">
        <v>1384</v>
      </c>
      <c r="D2129" t="s">
        <v>1385</v>
      </c>
      <c r="E2129" t="s">
        <v>1192</v>
      </c>
      <c r="F2129" t="s">
        <v>1193</v>
      </c>
      <c r="G2129" t="s">
        <v>80</v>
      </c>
      <c r="H2129" t="s">
        <v>81</v>
      </c>
      <c r="I2129" s="2">
        <v>0</v>
      </c>
      <c r="J2129" s="2">
        <v>1</v>
      </c>
      <c r="K2129" s="2">
        <v>0</v>
      </c>
      <c r="L2129" t="s">
        <v>82</v>
      </c>
      <c r="M2129" t="s">
        <v>83</v>
      </c>
      <c r="N2129" t="s">
        <v>91</v>
      </c>
      <c r="O2129" t="s">
        <v>85</v>
      </c>
      <c r="P2129" t="s">
        <v>86</v>
      </c>
      <c r="Q2129">
        <v>12</v>
      </c>
      <c r="R2129">
        <v>13</v>
      </c>
      <c r="S2129">
        <v>13</v>
      </c>
      <c r="T2129">
        <v>13</v>
      </c>
      <c r="U2129">
        <v>14</v>
      </c>
      <c r="V2129">
        <v>14</v>
      </c>
      <c r="W2129">
        <v>14</v>
      </c>
      <c r="X2129">
        <v>15</v>
      </c>
      <c r="Y2129">
        <v>15</v>
      </c>
      <c r="Z2129">
        <v>16</v>
      </c>
      <c r="AA2129">
        <v>16</v>
      </c>
      <c r="AB2129">
        <v>16</v>
      </c>
      <c r="AC2129">
        <v>17</v>
      </c>
      <c r="AD2129">
        <v>17</v>
      </c>
      <c r="AE2129">
        <v>18</v>
      </c>
      <c r="AF2129">
        <v>18</v>
      </c>
      <c r="AG2129">
        <v>18</v>
      </c>
      <c r="AH2129">
        <v>19</v>
      </c>
      <c r="AI2129">
        <v>19</v>
      </c>
      <c r="AJ2129">
        <v>20</v>
      </c>
      <c r="AK2129">
        <v>20</v>
      </c>
      <c r="AL2129">
        <v>21</v>
      </c>
      <c r="AM2129">
        <v>21</v>
      </c>
      <c r="AN2129">
        <v>21</v>
      </c>
      <c r="AO2129">
        <v>21</v>
      </c>
      <c r="AP2129">
        <v>22</v>
      </c>
      <c r="AQ2129">
        <v>22</v>
      </c>
    </row>
    <row r="2130" spans="1:43">
      <c r="A2130" t="s">
        <v>1388</v>
      </c>
      <c r="B2130" t="s">
        <v>1389</v>
      </c>
      <c r="C2130" t="s">
        <v>1384</v>
      </c>
      <c r="D2130" t="s">
        <v>1385</v>
      </c>
      <c r="E2130" t="s">
        <v>1192</v>
      </c>
      <c r="F2130" t="s">
        <v>1193</v>
      </c>
      <c r="G2130" t="s">
        <v>80</v>
      </c>
      <c r="H2130" t="s">
        <v>81</v>
      </c>
      <c r="I2130" s="2">
        <v>0</v>
      </c>
      <c r="J2130" s="2">
        <v>1</v>
      </c>
      <c r="K2130" s="2">
        <v>0</v>
      </c>
      <c r="L2130" t="s">
        <v>82</v>
      </c>
      <c r="M2130" t="s">
        <v>83</v>
      </c>
      <c r="N2130" t="s">
        <v>84</v>
      </c>
      <c r="O2130" t="s">
        <v>85</v>
      </c>
      <c r="P2130" t="s">
        <v>86</v>
      </c>
      <c r="Q2130">
        <v>18</v>
      </c>
      <c r="R2130">
        <v>18</v>
      </c>
      <c r="S2130">
        <v>19</v>
      </c>
      <c r="T2130">
        <v>19</v>
      </c>
      <c r="U2130">
        <v>20</v>
      </c>
      <c r="V2130">
        <v>20</v>
      </c>
      <c r="W2130">
        <v>21</v>
      </c>
      <c r="X2130">
        <v>21</v>
      </c>
      <c r="Y2130">
        <v>22</v>
      </c>
      <c r="Z2130">
        <v>22</v>
      </c>
      <c r="AA2130">
        <v>23</v>
      </c>
      <c r="AB2130">
        <v>23</v>
      </c>
      <c r="AC2130">
        <v>24</v>
      </c>
      <c r="AD2130">
        <v>25</v>
      </c>
      <c r="AE2130">
        <v>25</v>
      </c>
      <c r="AF2130">
        <v>26</v>
      </c>
      <c r="AG2130">
        <v>26</v>
      </c>
      <c r="AH2130">
        <v>27</v>
      </c>
      <c r="AI2130">
        <v>28</v>
      </c>
      <c r="AJ2130">
        <v>28</v>
      </c>
      <c r="AK2130">
        <v>29</v>
      </c>
      <c r="AL2130">
        <v>29</v>
      </c>
      <c r="AM2130">
        <v>30</v>
      </c>
      <c r="AN2130">
        <v>30</v>
      </c>
      <c r="AO2130">
        <v>31</v>
      </c>
      <c r="AP2130">
        <v>31</v>
      </c>
      <c r="AQ2130">
        <v>31</v>
      </c>
    </row>
    <row r="2131" spans="1:43">
      <c r="A2131" t="s">
        <v>1388</v>
      </c>
      <c r="B2131" t="s">
        <v>1389</v>
      </c>
      <c r="C2131" t="s">
        <v>1384</v>
      </c>
      <c r="D2131" t="s">
        <v>1385</v>
      </c>
      <c r="E2131" t="s">
        <v>1192</v>
      </c>
      <c r="F2131" t="s">
        <v>1193</v>
      </c>
      <c r="G2131" t="s">
        <v>80</v>
      </c>
      <c r="H2131" t="s">
        <v>81</v>
      </c>
      <c r="I2131" s="2">
        <v>0</v>
      </c>
      <c r="J2131" s="2">
        <v>1</v>
      </c>
      <c r="K2131" s="2">
        <v>0</v>
      </c>
      <c r="L2131" t="s">
        <v>82</v>
      </c>
      <c r="M2131" t="s">
        <v>87</v>
      </c>
      <c r="N2131" t="s">
        <v>88</v>
      </c>
      <c r="O2131" t="s">
        <v>85</v>
      </c>
      <c r="P2131" t="s">
        <v>86</v>
      </c>
      <c r="Q2131">
        <v>18</v>
      </c>
      <c r="R2131">
        <v>19</v>
      </c>
      <c r="S2131">
        <v>19</v>
      </c>
      <c r="T2131">
        <v>19</v>
      </c>
      <c r="U2131">
        <v>20</v>
      </c>
      <c r="V2131">
        <v>20</v>
      </c>
      <c r="W2131">
        <v>20</v>
      </c>
      <c r="X2131">
        <v>21</v>
      </c>
      <c r="Y2131">
        <v>21</v>
      </c>
      <c r="Z2131">
        <v>21</v>
      </c>
      <c r="AA2131">
        <v>22</v>
      </c>
      <c r="AB2131">
        <v>22</v>
      </c>
      <c r="AC2131">
        <v>22</v>
      </c>
      <c r="AD2131">
        <v>23</v>
      </c>
      <c r="AE2131">
        <v>23</v>
      </c>
      <c r="AF2131">
        <v>24</v>
      </c>
      <c r="AG2131">
        <v>24</v>
      </c>
      <c r="AH2131">
        <v>24</v>
      </c>
      <c r="AI2131">
        <v>25</v>
      </c>
      <c r="AJ2131">
        <v>25</v>
      </c>
      <c r="AK2131">
        <v>26</v>
      </c>
      <c r="AL2131">
        <v>26</v>
      </c>
      <c r="AM2131">
        <v>26</v>
      </c>
      <c r="AN2131">
        <v>27</v>
      </c>
      <c r="AO2131">
        <v>27</v>
      </c>
      <c r="AP2131">
        <v>28</v>
      </c>
      <c r="AQ2131">
        <v>28</v>
      </c>
    </row>
    <row r="2132" spans="1:43">
      <c r="A2132" t="s">
        <v>1388</v>
      </c>
      <c r="B2132" t="s">
        <v>1389</v>
      </c>
      <c r="C2132" t="s">
        <v>1384</v>
      </c>
      <c r="D2132" t="s">
        <v>1385</v>
      </c>
      <c r="E2132" t="s">
        <v>1192</v>
      </c>
      <c r="F2132" t="s">
        <v>1193</v>
      </c>
      <c r="G2132" t="s">
        <v>80</v>
      </c>
      <c r="H2132" t="s">
        <v>81</v>
      </c>
      <c r="I2132" s="2">
        <v>0</v>
      </c>
      <c r="J2132" s="2">
        <v>1</v>
      </c>
      <c r="K2132" s="2">
        <v>0</v>
      </c>
      <c r="L2132" t="s">
        <v>82</v>
      </c>
      <c r="M2132" t="s">
        <v>89</v>
      </c>
      <c r="N2132" t="s">
        <v>90</v>
      </c>
      <c r="O2132" t="s">
        <v>85</v>
      </c>
      <c r="P2132" t="s">
        <v>86</v>
      </c>
      <c r="Q2132">
        <v>18</v>
      </c>
      <c r="R2132">
        <v>18</v>
      </c>
      <c r="S2132">
        <v>19</v>
      </c>
      <c r="T2132">
        <v>20</v>
      </c>
      <c r="U2132">
        <v>20</v>
      </c>
      <c r="V2132">
        <v>21</v>
      </c>
      <c r="W2132">
        <v>22</v>
      </c>
      <c r="X2132">
        <v>22</v>
      </c>
      <c r="Y2132">
        <v>23</v>
      </c>
      <c r="Z2132">
        <v>24</v>
      </c>
      <c r="AA2132">
        <v>24</v>
      </c>
      <c r="AB2132">
        <v>25</v>
      </c>
      <c r="AC2132">
        <v>26</v>
      </c>
      <c r="AD2132">
        <v>26</v>
      </c>
      <c r="AE2132">
        <v>27</v>
      </c>
      <c r="AF2132">
        <v>27</v>
      </c>
      <c r="AG2132">
        <v>28</v>
      </c>
      <c r="AH2132">
        <v>28</v>
      </c>
      <c r="AI2132">
        <v>28</v>
      </c>
      <c r="AJ2132">
        <v>29</v>
      </c>
      <c r="AK2132">
        <v>29</v>
      </c>
      <c r="AL2132">
        <v>30</v>
      </c>
      <c r="AM2132">
        <v>30</v>
      </c>
      <c r="AN2132">
        <v>30</v>
      </c>
      <c r="AO2132">
        <v>31</v>
      </c>
      <c r="AP2132">
        <v>31</v>
      </c>
      <c r="AQ2132">
        <v>32</v>
      </c>
    </row>
    <row r="2133" spans="1:43">
      <c r="A2133" t="s">
        <v>1388</v>
      </c>
      <c r="B2133" t="s">
        <v>1389</v>
      </c>
      <c r="C2133" t="s">
        <v>1384</v>
      </c>
      <c r="D2133" t="s">
        <v>1385</v>
      </c>
      <c r="E2133" t="s">
        <v>1192</v>
      </c>
      <c r="F2133" t="s">
        <v>1193</v>
      </c>
      <c r="G2133" t="s">
        <v>80</v>
      </c>
      <c r="H2133" t="s">
        <v>81</v>
      </c>
      <c r="I2133" s="2">
        <v>0</v>
      </c>
      <c r="J2133" s="2">
        <v>1</v>
      </c>
      <c r="K2133" s="2">
        <v>0</v>
      </c>
      <c r="L2133" t="s">
        <v>82</v>
      </c>
      <c r="M2133" t="s">
        <v>83</v>
      </c>
      <c r="N2133" t="s">
        <v>91</v>
      </c>
      <c r="O2133" t="s">
        <v>85</v>
      </c>
      <c r="P2133" t="s">
        <v>86</v>
      </c>
      <c r="Q2133">
        <v>18</v>
      </c>
      <c r="R2133">
        <v>18</v>
      </c>
      <c r="S2133">
        <v>19</v>
      </c>
      <c r="T2133">
        <v>19</v>
      </c>
      <c r="U2133">
        <v>20</v>
      </c>
      <c r="V2133">
        <v>20</v>
      </c>
      <c r="W2133">
        <v>21</v>
      </c>
      <c r="X2133">
        <v>21</v>
      </c>
      <c r="Y2133">
        <v>22</v>
      </c>
      <c r="Z2133">
        <v>22</v>
      </c>
      <c r="AA2133">
        <v>23</v>
      </c>
      <c r="AB2133">
        <v>23</v>
      </c>
      <c r="AC2133">
        <v>24</v>
      </c>
      <c r="AD2133">
        <v>25</v>
      </c>
      <c r="AE2133">
        <v>25</v>
      </c>
      <c r="AF2133">
        <v>26</v>
      </c>
      <c r="AG2133">
        <v>26</v>
      </c>
      <c r="AH2133">
        <v>27</v>
      </c>
      <c r="AI2133">
        <v>28</v>
      </c>
      <c r="AJ2133">
        <v>28</v>
      </c>
      <c r="AK2133">
        <v>29</v>
      </c>
      <c r="AL2133">
        <v>29</v>
      </c>
      <c r="AM2133">
        <v>30</v>
      </c>
      <c r="AN2133">
        <v>30</v>
      </c>
      <c r="AO2133">
        <v>31</v>
      </c>
      <c r="AP2133">
        <v>31</v>
      </c>
      <c r="AQ2133">
        <v>31</v>
      </c>
    </row>
    <row r="2134" spans="1:43">
      <c r="A2134" t="s">
        <v>1390</v>
      </c>
      <c r="B2134" t="s">
        <v>1391</v>
      </c>
      <c r="C2134" t="s">
        <v>1384</v>
      </c>
      <c r="D2134" t="s">
        <v>1385</v>
      </c>
      <c r="E2134" t="s">
        <v>1192</v>
      </c>
      <c r="F2134" t="s">
        <v>1193</v>
      </c>
      <c r="G2134" t="s">
        <v>80</v>
      </c>
      <c r="H2134" t="s">
        <v>81</v>
      </c>
      <c r="I2134" s="2">
        <v>0</v>
      </c>
      <c r="J2134" s="2">
        <v>1</v>
      </c>
      <c r="K2134" s="2">
        <v>0</v>
      </c>
      <c r="L2134" t="s">
        <v>82</v>
      </c>
      <c r="M2134" t="s">
        <v>83</v>
      </c>
      <c r="N2134" t="s">
        <v>84</v>
      </c>
      <c r="O2134" t="s">
        <v>85</v>
      </c>
      <c r="P2134" t="s">
        <v>86</v>
      </c>
      <c r="Q2134">
        <v>62</v>
      </c>
      <c r="R2134">
        <v>64</v>
      </c>
      <c r="S2134">
        <v>66</v>
      </c>
      <c r="T2134">
        <v>68</v>
      </c>
      <c r="U2134">
        <v>70</v>
      </c>
      <c r="V2134">
        <v>71</v>
      </c>
      <c r="W2134">
        <v>73</v>
      </c>
      <c r="X2134">
        <v>75</v>
      </c>
      <c r="Y2134">
        <v>77</v>
      </c>
      <c r="Z2134">
        <v>79</v>
      </c>
      <c r="AA2134">
        <v>81</v>
      </c>
      <c r="AB2134">
        <v>83</v>
      </c>
      <c r="AC2134">
        <v>85</v>
      </c>
      <c r="AD2134">
        <v>87</v>
      </c>
      <c r="AE2134">
        <v>89</v>
      </c>
      <c r="AF2134">
        <v>91</v>
      </c>
      <c r="AG2134">
        <v>94</v>
      </c>
      <c r="AH2134">
        <v>96</v>
      </c>
      <c r="AI2134">
        <v>98</v>
      </c>
      <c r="AJ2134">
        <v>100</v>
      </c>
      <c r="AK2134">
        <v>103</v>
      </c>
      <c r="AL2134">
        <v>104</v>
      </c>
      <c r="AM2134">
        <v>106</v>
      </c>
      <c r="AN2134">
        <v>107</v>
      </c>
      <c r="AO2134">
        <v>108</v>
      </c>
      <c r="AP2134">
        <v>110</v>
      </c>
      <c r="AQ2134">
        <v>111</v>
      </c>
    </row>
    <row r="2135" spans="1:43">
      <c r="A2135" t="s">
        <v>1390</v>
      </c>
      <c r="B2135" t="s">
        <v>1391</v>
      </c>
      <c r="C2135" t="s">
        <v>1384</v>
      </c>
      <c r="D2135" t="s">
        <v>1385</v>
      </c>
      <c r="E2135" t="s">
        <v>1192</v>
      </c>
      <c r="F2135" t="s">
        <v>1193</v>
      </c>
      <c r="G2135" t="s">
        <v>80</v>
      </c>
      <c r="H2135" t="s">
        <v>81</v>
      </c>
      <c r="I2135" s="2">
        <v>0</v>
      </c>
      <c r="J2135" s="2">
        <v>1</v>
      </c>
      <c r="K2135" s="2">
        <v>0</v>
      </c>
      <c r="L2135" t="s">
        <v>82</v>
      </c>
      <c r="M2135" t="s">
        <v>87</v>
      </c>
      <c r="N2135" t="s">
        <v>88</v>
      </c>
      <c r="O2135" t="s">
        <v>85</v>
      </c>
      <c r="P2135" t="s">
        <v>86</v>
      </c>
      <c r="Q2135">
        <v>62</v>
      </c>
      <c r="R2135">
        <v>63</v>
      </c>
      <c r="S2135">
        <v>64</v>
      </c>
      <c r="T2135">
        <v>65</v>
      </c>
      <c r="U2135">
        <v>66</v>
      </c>
      <c r="V2135">
        <v>68</v>
      </c>
      <c r="W2135">
        <v>69</v>
      </c>
      <c r="X2135">
        <v>70</v>
      </c>
      <c r="Y2135">
        <v>71</v>
      </c>
      <c r="Z2135">
        <v>73</v>
      </c>
      <c r="AA2135">
        <v>74</v>
      </c>
      <c r="AB2135">
        <v>75</v>
      </c>
      <c r="AC2135">
        <v>76</v>
      </c>
      <c r="AD2135">
        <v>78</v>
      </c>
      <c r="AE2135">
        <v>79</v>
      </c>
      <c r="AF2135">
        <v>80</v>
      </c>
      <c r="AG2135">
        <v>82</v>
      </c>
      <c r="AH2135">
        <v>83</v>
      </c>
      <c r="AI2135">
        <v>84</v>
      </c>
      <c r="AJ2135">
        <v>86</v>
      </c>
      <c r="AK2135">
        <v>87</v>
      </c>
      <c r="AL2135">
        <v>89</v>
      </c>
      <c r="AM2135">
        <v>90</v>
      </c>
      <c r="AN2135">
        <v>92</v>
      </c>
      <c r="AO2135">
        <v>93</v>
      </c>
      <c r="AP2135">
        <v>95</v>
      </c>
      <c r="AQ2135">
        <v>96</v>
      </c>
    </row>
    <row r="2136" spans="1:43">
      <c r="A2136" t="s">
        <v>1390</v>
      </c>
      <c r="B2136" t="s">
        <v>1391</v>
      </c>
      <c r="C2136" t="s">
        <v>1384</v>
      </c>
      <c r="D2136" t="s">
        <v>1385</v>
      </c>
      <c r="E2136" t="s">
        <v>1192</v>
      </c>
      <c r="F2136" t="s">
        <v>1193</v>
      </c>
      <c r="G2136" t="s">
        <v>80</v>
      </c>
      <c r="H2136" t="s">
        <v>81</v>
      </c>
      <c r="I2136" s="2">
        <v>0</v>
      </c>
      <c r="J2136" s="2">
        <v>1</v>
      </c>
      <c r="K2136" s="2">
        <v>0</v>
      </c>
      <c r="L2136" t="s">
        <v>82</v>
      </c>
      <c r="M2136" t="s">
        <v>89</v>
      </c>
      <c r="N2136" t="s">
        <v>90</v>
      </c>
      <c r="O2136" t="s">
        <v>85</v>
      </c>
      <c r="P2136" t="s">
        <v>86</v>
      </c>
      <c r="Q2136">
        <v>62</v>
      </c>
      <c r="R2136">
        <v>64</v>
      </c>
      <c r="S2136">
        <v>67</v>
      </c>
      <c r="T2136">
        <v>69</v>
      </c>
      <c r="U2136">
        <v>71</v>
      </c>
      <c r="V2136">
        <v>74</v>
      </c>
      <c r="W2136">
        <v>76</v>
      </c>
      <c r="X2136">
        <v>78</v>
      </c>
      <c r="Y2136">
        <v>81</v>
      </c>
      <c r="Z2136">
        <v>83</v>
      </c>
      <c r="AA2136">
        <v>85</v>
      </c>
      <c r="AB2136">
        <v>88</v>
      </c>
      <c r="AC2136">
        <v>90</v>
      </c>
      <c r="AD2136">
        <v>93</v>
      </c>
      <c r="AE2136">
        <v>95</v>
      </c>
      <c r="AF2136">
        <v>96</v>
      </c>
      <c r="AG2136">
        <v>97</v>
      </c>
      <c r="AH2136">
        <v>99</v>
      </c>
      <c r="AI2136">
        <v>100</v>
      </c>
      <c r="AJ2136">
        <v>102</v>
      </c>
      <c r="AK2136">
        <v>103</v>
      </c>
      <c r="AL2136">
        <v>104</v>
      </c>
      <c r="AM2136">
        <v>106</v>
      </c>
      <c r="AN2136">
        <v>107</v>
      </c>
      <c r="AO2136">
        <v>108</v>
      </c>
      <c r="AP2136">
        <v>110</v>
      </c>
      <c r="AQ2136">
        <v>111</v>
      </c>
    </row>
    <row r="2137" spans="1:43">
      <c r="A2137" t="s">
        <v>1390</v>
      </c>
      <c r="B2137" t="s">
        <v>1391</v>
      </c>
      <c r="C2137" t="s">
        <v>1384</v>
      </c>
      <c r="D2137" t="s">
        <v>1385</v>
      </c>
      <c r="E2137" t="s">
        <v>1192</v>
      </c>
      <c r="F2137" t="s">
        <v>1193</v>
      </c>
      <c r="G2137" t="s">
        <v>80</v>
      </c>
      <c r="H2137" t="s">
        <v>81</v>
      </c>
      <c r="I2137" s="2">
        <v>0</v>
      </c>
      <c r="J2137" s="2">
        <v>1</v>
      </c>
      <c r="K2137" s="2">
        <v>0</v>
      </c>
      <c r="L2137" t="s">
        <v>82</v>
      </c>
      <c r="M2137" t="s">
        <v>83</v>
      </c>
      <c r="N2137" t="s">
        <v>91</v>
      </c>
      <c r="O2137" t="s">
        <v>85</v>
      </c>
      <c r="P2137" t="s">
        <v>86</v>
      </c>
      <c r="Q2137">
        <v>62</v>
      </c>
      <c r="R2137">
        <v>64</v>
      </c>
      <c r="S2137">
        <v>66</v>
      </c>
      <c r="T2137">
        <v>68</v>
      </c>
      <c r="U2137">
        <v>70</v>
      </c>
      <c r="V2137">
        <v>71</v>
      </c>
      <c r="W2137">
        <v>73</v>
      </c>
      <c r="X2137">
        <v>75</v>
      </c>
      <c r="Y2137">
        <v>77</v>
      </c>
      <c r="Z2137">
        <v>79</v>
      </c>
      <c r="AA2137">
        <v>81</v>
      </c>
      <c r="AB2137">
        <v>83</v>
      </c>
      <c r="AC2137">
        <v>85</v>
      </c>
      <c r="AD2137">
        <v>87</v>
      </c>
      <c r="AE2137">
        <v>89</v>
      </c>
      <c r="AF2137">
        <v>91</v>
      </c>
      <c r="AG2137">
        <v>94</v>
      </c>
      <c r="AH2137">
        <v>96</v>
      </c>
      <c r="AI2137">
        <v>98</v>
      </c>
      <c r="AJ2137">
        <v>100</v>
      </c>
      <c r="AK2137">
        <v>103</v>
      </c>
      <c r="AL2137">
        <v>104</v>
      </c>
      <c r="AM2137">
        <v>106</v>
      </c>
      <c r="AN2137">
        <v>107</v>
      </c>
      <c r="AO2137">
        <v>108</v>
      </c>
      <c r="AP2137">
        <v>110</v>
      </c>
      <c r="AQ2137">
        <v>111</v>
      </c>
    </row>
    <row r="2138" spans="1:43">
      <c r="A2138" t="s">
        <v>1392</v>
      </c>
      <c r="B2138" t="s">
        <v>1393</v>
      </c>
      <c r="C2138" t="s">
        <v>1384</v>
      </c>
      <c r="D2138" t="s">
        <v>1385</v>
      </c>
      <c r="E2138" t="s">
        <v>1192</v>
      </c>
      <c r="F2138" t="s">
        <v>1193</v>
      </c>
      <c r="G2138" t="s">
        <v>80</v>
      </c>
      <c r="H2138" t="s">
        <v>81</v>
      </c>
      <c r="I2138" s="2">
        <v>0</v>
      </c>
      <c r="J2138" s="2">
        <v>1</v>
      </c>
      <c r="K2138" s="2">
        <v>0</v>
      </c>
      <c r="L2138" t="s">
        <v>82</v>
      </c>
      <c r="M2138" t="s">
        <v>83</v>
      </c>
      <c r="N2138" t="s">
        <v>84</v>
      </c>
      <c r="O2138" t="s">
        <v>85</v>
      </c>
      <c r="P2138" t="s">
        <v>86</v>
      </c>
      <c r="Q2138">
        <v>63</v>
      </c>
      <c r="R2138">
        <v>64</v>
      </c>
      <c r="S2138">
        <v>66</v>
      </c>
      <c r="T2138">
        <v>68</v>
      </c>
      <c r="U2138">
        <v>70</v>
      </c>
      <c r="V2138">
        <v>71</v>
      </c>
      <c r="W2138">
        <v>73</v>
      </c>
      <c r="X2138">
        <v>75</v>
      </c>
      <c r="Y2138">
        <v>77</v>
      </c>
      <c r="Z2138">
        <v>79</v>
      </c>
      <c r="AA2138">
        <v>81</v>
      </c>
      <c r="AB2138">
        <v>83</v>
      </c>
      <c r="AC2138">
        <v>85</v>
      </c>
      <c r="AD2138">
        <v>87</v>
      </c>
      <c r="AE2138">
        <v>89</v>
      </c>
      <c r="AF2138">
        <v>91</v>
      </c>
      <c r="AG2138">
        <v>94</v>
      </c>
      <c r="AH2138">
        <v>96</v>
      </c>
      <c r="AI2138">
        <v>98</v>
      </c>
      <c r="AJ2138">
        <v>100</v>
      </c>
      <c r="AK2138">
        <v>103</v>
      </c>
      <c r="AL2138">
        <v>104</v>
      </c>
      <c r="AM2138">
        <v>106</v>
      </c>
      <c r="AN2138">
        <v>107</v>
      </c>
      <c r="AO2138">
        <v>108</v>
      </c>
      <c r="AP2138">
        <v>110</v>
      </c>
      <c r="AQ2138">
        <v>111</v>
      </c>
    </row>
    <row r="2139" spans="1:43">
      <c r="A2139" t="s">
        <v>1392</v>
      </c>
      <c r="B2139" t="s">
        <v>1393</v>
      </c>
      <c r="C2139" t="s">
        <v>1384</v>
      </c>
      <c r="D2139" t="s">
        <v>1385</v>
      </c>
      <c r="E2139" t="s">
        <v>1192</v>
      </c>
      <c r="F2139" t="s">
        <v>1193</v>
      </c>
      <c r="G2139" t="s">
        <v>80</v>
      </c>
      <c r="H2139" t="s">
        <v>81</v>
      </c>
      <c r="I2139" s="2">
        <v>0</v>
      </c>
      <c r="J2139" s="2">
        <v>1</v>
      </c>
      <c r="K2139" s="2">
        <v>0</v>
      </c>
      <c r="L2139" t="s">
        <v>82</v>
      </c>
      <c r="M2139" t="s">
        <v>87</v>
      </c>
      <c r="N2139" t="s">
        <v>88</v>
      </c>
      <c r="O2139" t="s">
        <v>85</v>
      </c>
      <c r="P2139" t="s">
        <v>86</v>
      </c>
      <c r="Q2139">
        <v>63</v>
      </c>
      <c r="R2139">
        <v>64</v>
      </c>
      <c r="S2139">
        <v>65</v>
      </c>
      <c r="T2139">
        <v>66</v>
      </c>
      <c r="U2139">
        <v>67</v>
      </c>
      <c r="V2139">
        <v>69</v>
      </c>
      <c r="W2139">
        <v>70</v>
      </c>
      <c r="X2139">
        <v>71</v>
      </c>
      <c r="Y2139">
        <v>72</v>
      </c>
      <c r="Z2139">
        <v>74</v>
      </c>
      <c r="AA2139">
        <v>75</v>
      </c>
      <c r="AB2139">
        <v>76</v>
      </c>
      <c r="AC2139">
        <v>77</v>
      </c>
      <c r="AD2139">
        <v>79</v>
      </c>
      <c r="AE2139">
        <v>80</v>
      </c>
      <c r="AF2139">
        <v>81</v>
      </c>
      <c r="AG2139">
        <v>83</v>
      </c>
      <c r="AH2139">
        <v>84</v>
      </c>
      <c r="AI2139">
        <v>85</v>
      </c>
      <c r="AJ2139">
        <v>87</v>
      </c>
      <c r="AK2139">
        <v>88</v>
      </c>
      <c r="AL2139">
        <v>90</v>
      </c>
      <c r="AM2139">
        <v>91</v>
      </c>
      <c r="AN2139">
        <v>93</v>
      </c>
      <c r="AO2139">
        <v>94</v>
      </c>
      <c r="AP2139">
        <v>96</v>
      </c>
      <c r="AQ2139">
        <v>97</v>
      </c>
    </row>
    <row r="2140" spans="1:43">
      <c r="A2140" t="s">
        <v>1392</v>
      </c>
      <c r="B2140" t="s">
        <v>1393</v>
      </c>
      <c r="C2140" t="s">
        <v>1384</v>
      </c>
      <c r="D2140" t="s">
        <v>1385</v>
      </c>
      <c r="E2140" t="s">
        <v>1192</v>
      </c>
      <c r="F2140" t="s">
        <v>1193</v>
      </c>
      <c r="G2140" t="s">
        <v>80</v>
      </c>
      <c r="H2140" t="s">
        <v>81</v>
      </c>
      <c r="I2140" s="2">
        <v>0</v>
      </c>
      <c r="J2140" s="2">
        <v>1</v>
      </c>
      <c r="K2140" s="2">
        <v>0</v>
      </c>
      <c r="L2140" t="s">
        <v>82</v>
      </c>
      <c r="M2140" t="s">
        <v>89</v>
      </c>
      <c r="N2140" t="s">
        <v>90</v>
      </c>
      <c r="O2140" t="s">
        <v>85</v>
      </c>
      <c r="P2140" t="s">
        <v>86</v>
      </c>
      <c r="Q2140">
        <v>63</v>
      </c>
      <c r="R2140">
        <v>65</v>
      </c>
      <c r="S2140">
        <v>68</v>
      </c>
      <c r="T2140">
        <v>70</v>
      </c>
      <c r="U2140">
        <v>72</v>
      </c>
      <c r="V2140">
        <v>75</v>
      </c>
      <c r="W2140">
        <v>77</v>
      </c>
      <c r="X2140">
        <v>79</v>
      </c>
      <c r="Y2140">
        <v>82</v>
      </c>
      <c r="Z2140">
        <v>84</v>
      </c>
      <c r="AA2140">
        <v>86</v>
      </c>
      <c r="AB2140">
        <v>89</v>
      </c>
      <c r="AC2140">
        <v>91</v>
      </c>
      <c r="AD2140">
        <v>94</v>
      </c>
      <c r="AE2140">
        <v>96</v>
      </c>
      <c r="AF2140">
        <v>97</v>
      </c>
      <c r="AG2140">
        <v>99</v>
      </c>
      <c r="AH2140">
        <v>100</v>
      </c>
      <c r="AI2140">
        <v>101</v>
      </c>
      <c r="AJ2140">
        <v>103</v>
      </c>
      <c r="AK2140">
        <v>104</v>
      </c>
      <c r="AL2140">
        <v>105</v>
      </c>
      <c r="AM2140">
        <v>107</v>
      </c>
      <c r="AN2140">
        <v>108</v>
      </c>
      <c r="AO2140">
        <v>109</v>
      </c>
      <c r="AP2140">
        <v>111</v>
      </c>
      <c r="AQ2140">
        <v>112</v>
      </c>
    </row>
    <row r="2141" spans="1:43">
      <c r="A2141" t="s">
        <v>1392</v>
      </c>
      <c r="B2141" t="s">
        <v>1393</v>
      </c>
      <c r="C2141" t="s">
        <v>1384</v>
      </c>
      <c r="D2141" t="s">
        <v>1385</v>
      </c>
      <c r="E2141" t="s">
        <v>1192</v>
      </c>
      <c r="F2141" t="s">
        <v>1193</v>
      </c>
      <c r="G2141" t="s">
        <v>80</v>
      </c>
      <c r="H2141" t="s">
        <v>81</v>
      </c>
      <c r="I2141" s="2">
        <v>0</v>
      </c>
      <c r="J2141" s="2">
        <v>1</v>
      </c>
      <c r="K2141" s="2">
        <v>0</v>
      </c>
      <c r="L2141" t="s">
        <v>82</v>
      </c>
      <c r="M2141" t="s">
        <v>83</v>
      </c>
      <c r="N2141" t="s">
        <v>91</v>
      </c>
      <c r="O2141" t="s">
        <v>85</v>
      </c>
      <c r="P2141" t="s">
        <v>86</v>
      </c>
      <c r="Q2141">
        <v>63</v>
      </c>
      <c r="R2141">
        <v>64</v>
      </c>
      <c r="S2141">
        <v>66</v>
      </c>
      <c r="T2141">
        <v>68</v>
      </c>
      <c r="U2141">
        <v>70</v>
      </c>
      <c r="V2141">
        <v>71</v>
      </c>
      <c r="W2141">
        <v>73</v>
      </c>
      <c r="X2141">
        <v>75</v>
      </c>
      <c r="Y2141">
        <v>77</v>
      </c>
      <c r="Z2141">
        <v>79</v>
      </c>
      <c r="AA2141">
        <v>81</v>
      </c>
      <c r="AB2141">
        <v>83</v>
      </c>
      <c r="AC2141">
        <v>85</v>
      </c>
      <c r="AD2141">
        <v>87</v>
      </c>
      <c r="AE2141">
        <v>89</v>
      </c>
      <c r="AF2141">
        <v>91</v>
      </c>
      <c r="AG2141">
        <v>94</v>
      </c>
      <c r="AH2141">
        <v>96</v>
      </c>
      <c r="AI2141">
        <v>98</v>
      </c>
      <c r="AJ2141">
        <v>100</v>
      </c>
      <c r="AK2141">
        <v>103</v>
      </c>
      <c r="AL2141">
        <v>104</v>
      </c>
      <c r="AM2141">
        <v>106</v>
      </c>
      <c r="AN2141">
        <v>107</v>
      </c>
      <c r="AO2141">
        <v>108</v>
      </c>
      <c r="AP2141">
        <v>110</v>
      </c>
      <c r="AQ2141">
        <v>111</v>
      </c>
    </row>
    <row r="2142" spans="1:43">
      <c r="A2142" t="s">
        <v>1394</v>
      </c>
      <c r="B2142" t="s">
        <v>1395</v>
      </c>
      <c r="C2142" t="s">
        <v>1384</v>
      </c>
      <c r="D2142" t="s">
        <v>1385</v>
      </c>
      <c r="E2142" t="s">
        <v>1192</v>
      </c>
      <c r="F2142" t="s">
        <v>1193</v>
      </c>
      <c r="G2142" t="s">
        <v>80</v>
      </c>
      <c r="H2142" t="s">
        <v>81</v>
      </c>
      <c r="I2142" s="2">
        <v>0</v>
      </c>
      <c r="J2142" s="2">
        <v>1</v>
      </c>
      <c r="K2142" s="2">
        <v>0</v>
      </c>
      <c r="L2142" t="s">
        <v>82</v>
      </c>
      <c r="M2142" t="s">
        <v>83</v>
      </c>
      <c r="N2142" t="s">
        <v>84</v>
      </c>
      <c r="O2142" t="s">
        <v>85</v>
      </c>
      <c r="P2142" t="s">
        <v>86</v>
      </c>
      <c r="Q2142">
        <v>123</v>
      </c>
      <c r="R2142">
        <v>126</v>
      </c>
      <c r="S2142">
        <v>129</v>
      </c>
      <c r="T2142">
        <v>133</v>
      </c>
      <c r="U2142">
        <v>137</v>
      </c>
      <c r="V2142">
        <v>140</v>
      </c>
      <c r="W2142">
        <v>144</v>
      </c>
      <c r="X2142">
        <v>148</v>
      </c>
      <c r="Y2142">
        <v>151</v>
      </c>
      <c r="Z2142">
        <v>155</v>
      </c>
      <c r="AA2142">
        <v>159</v>
      </c>
      <c r="AB2142">
        <v>163</v>
      </c>
      <c r="AC2142">
        <v>167</v>
      </c>
      <c r="AD2142">
        <v>171</v>
      </c>
      <c r="AE2142">
        <v>175</v>
      </c>
      <c r="AF2142">
        <v>179</v>
      </c>
      <c r="AG2142">
        <v>184</v>
      </c>
      <c r="AH2142">
        <v>188</v>
      </c>
      <c r="AI2142">
        <v>192</v>
      </c>
      <c r="AJ2142">
        <v>197</v>
      </c>
      <c r="AK2142">
        <v>201</v>
      </c>
      <c r="AL2142">
        <v>205</v>
      </c>
      <c r="AM2142">
        <v>207</v>
      </c>
      <c r="AN2142">
        <v>210</v>
      </c>
      <c r="AO2142">
        <v>213</v>
      </c>
      <c r="AP2142">
        <v>215</v>
      </c>
      <c r="AQ2142">
        <v>218</v>
      </c>
    </row>
    <row r="2143" spans="1:43">
      <c r="A2143" t="s">
        <v>1394</v>
      </c>
      <c r="B2143" t="s">
        <v>1395</v>
      </c>
      <c r="C2143" t="s">
        <v>1384</v>
      </c>
      <c r="D2143" t="s">
        <v>1385</v>
      </c>
      <c r="E2143" t="s">
        <v>1192</v>
      </c>
      <c r="F2143" t="s">
        <v>1193</v>
      </c>
      <c r="G2143" t="s">
        <v>80</v>
      </c>
      <c r="H2143" t="s">
        <v>81</v>
      </c>
      <c r="I2143" s="2">
        <v>0</v>
      </c>
      <c r="J2143" s="2">
        <v>1</v>
      </c>
      <c r="K2143" s="2">
        <v>0</v>
      </c>
      <c r="L2143" t="s">
        <v>82</v>
      </c>
      <c r="M2143" t="s">
        <v>87</v>
      </c>
      <c r="N2143" t="s">
        <v>88</v>
      </c>
      <c r="O2143" t="s">
        <v>85</v>
      </c>
      <c r="P2143" t="s">
        <v>86</v>
      </c>
      <c r="Q2143">
        <v>123</v>
      </c>
      <c r="R2143">
        <v>125</v>
      </c>
      <c r="S2143">
        <v>127</v>
      </c>
      <c r="T2143">
        <v>129</v>
      </c>
      <c r="U2143">
        <v>131</v>
      </c>
      <c r="V2143">
        <v>134</v>
      </c>
      <c r="W2143">
        <v>136</v>
      </c>
      <c r="X2143">
        <v>138</v>
      </c>
      <c r="Y2143">
        <v>141</v>
      </c>
      <c r="Z2143">
        <v>143</v>
      </c>
      <c r="AA2143">
        <v>146</v>
      </c>
      <c r="AB2143">
        <v>148</v>
      </c>
      <c r="AC2143">
        <v>151</v>
      </c>
      <c r="AD2143">
        <v>153</v>
      </c>
      <c r="AE2143">
        <v>156</v>
      </c>
      <c r="AF2143">
        <v>159</v>
      </c>
      <c r="AG2143">
        <v>161</v>
      </c>
      <c r="AH2143">
        <v>164</v>
      </c>
      <c r="AI2143">
        <v>167</v>
      </c>
      <c r="AJ2143">
        <v>169</v>
      </c>
      <c r="AK2143">
        <v>172</v>
      </c>
      <c r="AL2143">
        <v>175</v>
      </c>
      <c r="AM2143">
        <v>178</v>
      </c>
      <c r="AN2143">
        <v>181</v>
      </c>
      <c r="AO2143">
        <v>184</v>
      </c>
      <c r="AP2143">
        <v>187</v>
      </c>
      <c r="AQ2143">
        <v>190</v>
      </c>
    </row>
    <row r="2144" spans="1:43">
      <c r="A2144" t="s">
        <v>1394</v>
      </c>
      <c r="B2144" t="s">
        <v>1395</v>
      </c>
      <c r="C2144" t="s">
        <v>1384</v>
      </c>
      <c r="D2144" t="s">
        <v>1385</v>
      </c>
      <c r="E2144" t="s">
        <v>1192</v>
      </c>
      <c r="F2144" t="s">
        <v>1193</v>
      </c>
      <c r="G2144" t="s">
        <v>80</v>
      </c>
      <c r="H2144" t="s">
        <v>81</v>
      </c>
      <c r="I2144" s="2">
        <v>0</v>
      </c>
      <c r="J2144" s="2">
        <v>1</v>
      </c>
      <c r="K2144" s="2">
        <v>0</v>
      </c>
      <c r="L2144" t="s">
        <v>82</v>
      </c>
      <c r="M2144" t="s">
        <v>89</v>
      </c>
      <c r="N2144" t="s">
        <v>90</v>
      </c>
      <c r="O2144" t="s">
        <v>85</v>
      </c>
      <c r="P2144" t="s">
        <v>86</v>
      </c>
      <c r="Q2144">
        <v>123</v>
      </c>
      <c r="R2144">
        <v>127</v>
      </c>
      <c r="S2144">
        <v>132</v>
      </c>
      <c r="T2144">
        <v>136</v>
      </c>
      <c r="U2144">
        <v>141</v>
      </c>
      <c r="V2144">
        <v>146</v>
      </c>
      <c r="W2144">
        <v>150</v>
      </c>
      <c r="X2144">
        <v>155</v>
      </c>
      <c r="Y2144">
        <v>159</v>
      </c>
      <c r="Z2144">
        <v>164</v>
      </c>
      <c r="AA2144">
        <v>169</v>
      </c>
      <c r="AB2144">
        <v>173</v>
      </c>
      <c r="AC2144">
        <v>178</v>
      </c>
      <c r="AD2144">
        <v>183</v>
      </c>
      <c r="AE2144">
        <v>187</v>
      </c>
      <c r="AF2144">
        <v>190</v>
      </c>
      <c r="AG2144">
        <v>192</v>
      </c>
      <c r="AH2144">
        <v>195</v>
      </c>
      <c r="AI2144">
        <v>197</v>
      </c>
      <c r="AJ2144">
        <v>200</v>
      </c>
      <c r="AK2144">
        <v>203</v>
      </c>
      <c r="AL2144">
        <v>205</v>
      </c>
      <c r="AM2144">
        <v>208</v>
      </c>
      <c r="AN2144">
        <v>211</v>
      </c>
      <c r="AO2144">
        <v>213</v>
      </c>
      <c r="AP2144">
        <v>216</v>
      </c>
      <c r="AQ2144">
        <v>219</v>
      </c>
    </row>
    <row r="2145" spans="1:43">
      <c r="A2145" t="s">
        <v>1394</v>
      </c>
      <c r="B2145" t="s">
        <v>1395</v>
      </c>
      <c r="C2145" t="s">
        <v>1384</v>
      </c>
      <c r="D2145" t="s">
        <v>1385</v>
      </c>
      <c r="E2145" t="s">
        <v>1192</v>
      </c>
      <c r="F2145" t="s">
        <v>1193</v>
      </c>
      <c r="G2145" t="s">
        <v>80</v>
      </c>
      <c r="H2145" t="s">
        <v>81</v>
      </c>
      <c r="I2145" s="2">
        <v>0</v>
      </c>
      <c r="J2145" s="2">
        <v>1</v>
      </c>
      <c r="K2145" s="2">
        <v>0</v>
      </c>
      <c r="L2145" t="s">
        <v>82</v>
      </c>
      <c r="M2145" t="s">
        <v>83</v>
      </c>
      <c r="N2145" t="s">
        <v>91</v>
      </c>
      <c r="O2145" t="s">
        <v>85</v>
      </c>
      <c r="P2145" t="s">
        <v>86</v>
      </c>
      <c r="Q2145">
        <v>123</v>
      </c>
      <c r="R2145">
        <v>126</v>
      </c>
      <c r="S2145">
        <v>129</v>
      </c>
      <c r="T2145">
        <v>133</v>
      </c>
      <c r="U2145">
        <v>137</v>
      </c>
      <c r="V2145">
        <v>140</v>
      </c>
      <c r="W2145">
        <v>144</v>
      </c>
      <c r="X2145">
        <v>148</v>
      </c>
      <c r="Y2145">
        <v>151</v>
      </c>
      <c r="Z2145">
        <v>155</v>
      </c>
      <c r="AA2145">
        <v>159</v>
      </c>
      <c r="AB2145">
        <v>163</v>
      </c>
      <c r="AC2145">
        <v>167</v>
      </c>
      <c r="AD2145">
        <v>171</v>
      </c>
      <c r="AE2145">
        <v>175</v>
      </c>
      <c r="AF2145">
        <v>179</v>
      </c>
      <c r="AG2145">
        <v>184</v>
      </c>
      <c r="AH2145">
        <v>188</v>
      </c>
      <c r="AI2145">
        <v>192</v>
      </c>
      <c r="AJ2145">
        <v>197</v>
      </c>
      <c r="AK2145">
        <v>201</v>
      </c>
      <c r="AL2145">
        <v>205</v>
      </c>
      <c r="AM2145">
        <v>207</v>
      </c>
      <c r="AN2145">
        <v>210</v>
      </c>
      <c r="AO2145">
        <v>213</v>
      </c>
      <c r="AP2145">
        <v>215</v>
      </c>
      <c r="AQ2145">
        <v>218</v>
      </c>
    </row>
    <row r="2146" spans="1:43">
      <c r="A2146" t="s">
        <v>1396</v>
      </c>
      <c r="B2146" t="s">
        <v>1397</v>
      </c>
      <c r="C2146" t="s">
        <v>1270</v>
      </c>
      <c r="D2146" t="s">
        <v>1271</v>
      </c>
      <c r="E2146" t="s">
        <v>1192</v>
      </c>
      <c r="F2146" t="s">
        <v>1193</v>
      </c>
      <c r="G2146" t="s">
        <v>80</v>
      </c>
      <c r="H2146" t="s">
        <v>81</v>
      </c>
      <c r="I2146" s="2">
        <v>0</v>
      </c>
      <c r="J2146" s="2">
        <v>1</v>
      </c>
      <c r="K2146" s="2">
        <v>0</v>
      </c>
      <c r="L2146" t="s">
        <v>82</v>
      </c>
      <c r="M2146" t="s">
        <v>83</v>
      </c>
      <c r="N2146" t="s">
        <v>84</v>
      </c>
      <c r="O2146" t="s">
        <v>85</v>
      </c>
      <c r="P2146" t="s">
        <v>86</v>
      </c>
      <c r="Q2146">
        <v>61</v>
      </c>
      <c r="R2146">
        <v>63</v>
      </c>
      <c r="S2146">
        <v>65</v>
      </c>
      <c r="T2146">
        <v>66</v>
      </c>
      <c r="U2146">
        <v>68</v>
      </c>
      <c r="V2146">
        <v>70</v>
      </c>
      <c r="W2146">
        <v>72</v>
      </c>
      <c r="X2146">
        <v>74</v>
      </c>
      <c r="Y2146">
        <v>76</v>
      </c>
      <c r="Z2146">
        <v>77</v>
      </c>
      <c r="AA2146">
        <v>79</v>
      </c>
      <c r="AB2146">
        <v>81</v>
      </c>
      <c r="AC2146">
        <v>83</v>
      </c>
      <c r="AD2146">
        <v>85</v>
      </c>
      <c r="AE2146">
        <v>87</v>
      </c>
      <c r="AF2146">
        <v>89</v>
      </c>
      <c r="AG2146">
        <v>92</v>
      </c>
      <c r="AH2146">
        <v>94</v>
      </c>
      <c r="AI2146">
        <v>96</v>
      </c>
      <c r="AJ2146">
        <v>98</v>
      </c>
      <c r="AK2146">
        <v>100</v>
      </c>
      <c r="AL2146">
        <v>102</v>
      </c>
      <c r="AM2146">
        <v>103</v>
      </c>
      <c r="AN2146">
        <v>105</v>
      </c>
      <c r="AO2146">
        <v>106</v>
      </c>
      <c r="AP2146">
        <v>107</v>
      </c>
      <c r="AQ2146">
        <v>109</v>
      </c>
    </row>
    <row r="2147" spans="1:43">
      <c r="A2147" t="s">
        <v>1396</v>
      </c>
      <c r="B2147" t="s">
        <v>1397</v>
      </c>
      <c r="C2147" t="s">
        <v>1270</v>
      </c>
      <c r="D2147" t="s">
        <v>1271</v>
      </c>
      <c r="E2147" t="s">
        <v>1192</v>
      </c>
      <c r="F2147" t="s">
        <v>1193</v>
      </c>
      <c r="G2147" t="s">
        <v>80</v>
      </c>
      <c r="H2147" t="s">
        <v>81</v>
      </c>
      <c r="I2147" s="2">
        <v>0</v>
      </c>
      <c r="J2147" s="2">
        <v>1</v>
      </c>
      <c r="K2147" s="2">
        <v>0</v>
      </c>
      <c r="L2147" t="s">
        <v>82</v>
      </c>
      <c r="M2147" t="s">
        <v>87</v>
      </c>
      <c r="N2147" t="s">
        <v>88</v>
      </c>
      <c r="O2147" t="s">
        <v>85</v>
      </c>
      <c r="P2147" t="s">
        <v>86</v>
      </c>
      <c r="Q2147">
        <v>61</v>
      </c>
      <c r="R2147">
        <v>62</v>
      </c>
      <c r="S2147">
        <v>63</v>
      </c>
      <c r="T2147">
        <v>64</v>
      </c>
      <c r="U2147">
        <v>65</v>
      </c>
      <c r="V2147">
        <v>66</v>
      </c>
      <c r="W2147">
        <v>67</v>
      </c>
      <c r="X2147">
        <v>69</v>
      </c>
      <c r="Y2147">
        <v>70</v>
      </c>
      <c r="Z2147">
        <v>71</v>
      </c>
      <c r="AA2147">
        <v>72</v>
      </c>
      <c r="AB2147">
        <v>74</v>
      </c>
      <c r="AC2147">
        <v>75</v>
      </c>
      <c r="AD2147">
        <v>76</v>
      </c>
      <c r="AE2147">
        <v>77</v>
      </c>
      <c r="AF2147">
        <v>79</v>
      </c>
      <c r="AG2147">
        <v>80</v>
      </c>
      <c r="AH2147">
        <v>81</v>
      </c>
      <c r="AI2147">
        <v>83</v>
      </c>
      <c r="AJ2147">
        <v>84</v>
      </c>
      <c r="AK2147">
        <v>85</v>
      </c>
      <c r="AL2147">
        <v>87</v>
      </c>
      <c r="AM2147">
        <v>88</v>
      </c>
      <c r="AN2147">
        <v>90</v>
      </c>
      <c r="AO2147">
        <v>91</v>
      </c>
      <c r="AP2147">
        <v>93</v>
      </c>
      <c r="AQ2147">
        <v>94</v>
      </c>
    </row>
    <row r="2148" spans="1:43">
      <c r="A2148" t="s">
        <v>1396</v>
      </c>
      <c r="B2148" t="s">
        <v>1397</v>
      </c>
      <c r="C2148" t="s">
        <v>1270</v>
      </c>
      <c r="D2148" t="s">
        <v>1271</v>
      </c>
      <c r="E2148" t="s">
        <v>1192</v>
      </c>
      <c r="F2148" t="s">
        <v>1193</v>
      </c>
      <c r="G2148" t="s">
        <v>80</v>
      </c>
      <c r="H2148" t="s">
        <v>81</v>
      </c>
      <c r="I2148" s="2">
        <v>0</v>
      </c>
      <c r="J2148" s="2">
        <v>1</v>
      </c>
      <c r="K2148" s="2">
        <v>0</v>
      </c>
      <c r="L2148" t="s">
        <v>82</v>
      </c>
      <c r="M2148" t="s">
        <v>89</v>
      </c>
      <c r="N2148" t="s">
        <v>90</v>
      </c>
      <c r="O2148" t="s">
        <v>85</v>
      </c>
      <c r="P2148" t="s">
        <v>86</v>
      </c>
      <c r="Q2148">
        <v>61</v>
      </c>
      <c r="R2148">
        <v>63</v>
      </c>
      <c r="S2148">
        <v>65</v>
      </c>
      <c r="T2148">
        <v>68</v>
      </c>
      <c r="U2148">
        <v>70</v>
      </c>
      <c r="V2148">
        <v>72</v>
      </c>
      <c r="W2148">
        <v>75</v>
      </c>
      <c r="X2148">
        <v>77</v>
      </c>
      <c r="Y2148">
        <v>79</v>
      </c>
      <c r="Z2148">
        <v>81</v>
      </c>
      <c r="AA2148">
        <v>84</v>
      </c>
      <c r="AB2148">
        <v>86</v>
      </c>
      <c r="AC2148">
        <v>88</v>
      </c>
      <c r="AD2148">
        <v>91</v>
      </c>
      <c r="AE2148">
        <v>93</v>
      </c>
      <c r="AF2148">
        <v>94</v>
      </c>
      <c r="AG2148">
        <v>95</v>
      </c>
      <c r="AH2148">
        <v>96</v>
      </c>
      <c r="AI2148">
        <v>98</v>
      </c>
      <c r="AJ2148">
        <v>99</v>
      </c>
      <c r="AK2148">
        <v>100</v>
      </c>
      <c r="AL2148">
        <v>102</v>
      </c>
      <c r="AM2148">
        <v>103</v>
      </c>
      <c r="AN2148">
        <v>104</v>
      </c>
      <c r="AO2148">
        <v>106</v>
      </c>
      <c r="AP2148">
        <v>107</v>
      </c>
      <c r="AQ2148">
        <v>108</v>
      </c>
    </row>
    <row r="2149" spans="1:43">
      <c r="A2149" t="s">
        <v>1396</v>
      </c>
      <c r="B2149" t="s">
        <v>1397</v>
      </c>
      <c r="C2149" t="s">
        <v>1270</v>
      </c>
      <c r="D2149" t="s">
        <v>1271</v>
      </c>
      <c r="E2149" t="s">
        <v>1192</v>
      </c>
      <c r="F2149" t="s">
        <v>1193</v>
      </c>
      <c r="G2149" t="s">
        <v>80</v>
      </c>
      <c r="H2149" t="s">
        <v>81</v>
      </c>
      <c r="I2149" s="2">
        <v>0</v>
      </c>
      <c r="J2149" s="2">
        <v>1</v>
      </c>
      <c r="K2149" s="2">
        <v>0</v>
      </c>
      <c r="L2149" t="s">
        <v>82</v>
      </c>
      <c r="M2149" t="s">
        <v>83</v>
      </c>
      <c r="N2149" t="s">
        <v>91</v>
      </c>
      <c r="O2149" t="s">
        <v>85</v>
      </c>
      <c r="P2149" t="s">
        <v>86</v>
      </c>
      <c r="Q2149">
        <v>61</v>
      </c>
      <c r="R2149">
        <v>63</v>
      </c>
      <c r="S2149">
        <v>65</v>
      </c>
      <c r="T2149">
        <v>66</v>
      </c>
      <c r="U2149">
        <v>68</v>
      </c>
      <c r="V2149">
        <v>70</v>
      </c>
      <c r="W2149">
        <v>72</v>
      </c>
      <c r="X2149">
        <v>74</v>
      </c>
      <c r="Y2149">
        <v>76</v>
      </c>
      <c r="Z2149">
        <v>77</v>
      </c>
      <c r="AA2149">
        <v>79</v>
      </c>
      <c r="AB2149">
        <v>81</v>
      </c>
      <c r="AC2149">
        <v>83</v>
      </c>
      <c r="AD2149">
        <v>85</v>
      </c>
      <c r="AE2149">
        <v>87</v>
      </c>
      <c r="AF2149">
        <v>89</v>
      </c>
      <c r="AG2149">
        <v>92</v>
      </c>
      <c r="AH2149">
        <v>94</v>
      </c>
      <c r="AI2149">
        <v>96</v>
      </c>
      <c r="AJ2149">
        <v>98</v>
      </c>
      <c r="AK2149">
        <v>100</v>
      </c>
      <c r="AL2149">
        <v>102</v>
      </c>
      <c r="AM2149">
        <v>103</v>
      </c>
      <c r="AN2149">
        <v>105</v>
      </c>
      <c r="AO2149">
        <v>106</v>
      </c>
      <c r="AP2149">
        <v>107</v>
      </c>
      <c r="AQ2149">
        <v>109</v>
      </c>
    </row>
    <row r="2150" spans="1:43">
      <c r="A2150" t="s">
        <v>1398</v>
      </c>
      <c r="B2150" t="s">
        <v>1399</v>
      </c>
      <c r="C2150" t="s">
        <v>1240</v>
      </c>
      <c r="D2150" t="s">
        <v>1241</v>
      </c>
      <c r="E2150" t="s">
        <v>1192</v>
      </c>
      <c r="F2150" t="s">
        <v>1193</v>
      </c>
      <c r="G2150" t="s">
        <v>80</v>
      </c>
      <c r="H2150" t="s">
        <v>81</v>
      </c>
      <c r="I2150" s="2">
        <v>0</v>
      </c>
      <c r="J2150" s="2">
        <v>1</v>
      </c>
      <c r="K2150" s="2">
        <v>0</v>
      </c>
      <c r="L2150" t="s">
        <v>82</v>
      </c>
      <c r="M2150" t="s">
        <v>83</v>
      </c>
      <c r="N2150" t="s">
        <v>84</v>
      </c>
      <c r="O2150" t="s">
        <v>85</v>
      </c>
      <c r="P2150" t="s">
        <v>86</v>
      </c>
      <c r="Q2150">
        <v>33</v>
      </c>
      <c r="R2150">
        <v>34</v>
      </c>
      <c r="S2150">
        <v>35</v>
      </c>
      <c r="T2150">
        <v>36</v>
      </c>
      <c r="U2150">
        <v>37</v>
      </c>
      <c r="V2150">
        <v>38</v>
      </c>
      <c r="W2150">
        <v>39</v>
      </c>
      <c r="X2150">
        <v>40</v>
      </c>
      <c r="Y2150">
        <v>41</v>
      </c>
      <c r="Z2150">
        <v>42</v>
      </c>
      <c r="AA2150">
        <v>43</v>
      </c>
      <c r="AB2150">
        <v>44</v>
      </c>
      <c r="AC2150">
        <v>45</v>
      </c>
      <c r="AD2150">
        <v>46</v>
      </c>
      <c r="AE2150">
        <v>48</v>
      </c>
      <c r="AF2150">
        <v>49</v>
      </c>
      <c r="AG2150">
        <v>50</v>
      </c>
      <c r="AH2150">
        <v>51</v>
      </c>
      <c r="AI2150">
        <v>52</v>
      </c>
      <c r="AJ2150">
        <v>53</v>
      </c>
      <c r="AK2150">
        <v>55</v>
      </c>
      <c r="AL2150">
        <v>55</v>
      </c>
      <c r="AM2150">
        <v>56</v>
      </c>
      <c r="AN2150">
        <v>57</v>
      </c>
      <c r="AO2150">
        <v>58</v>
      </c>
      <c r="AP2150">
        <v>58</v>
      </c>
      <c r="AQ2150">
        <v>59</v>
      </c>
    </row>
    <row r="2151" spans="1:43">
      <c r="A2151" t="s">
        <v>1398</v>
      </c>
      <c r="B2151" t="s">
        <v>1399</v>
      </c>
      <c r="C2151" t="s">
        <v>1240</v>
      </c>
      <c r="D2151" t="s">
        <v>1241</v>
      </c>
      <c r="E2151" t="s">
        <v>1192</v>
      </c>
      <c r="F2151" t="s">
        <v>1193</v>
      </c>
      <c r="G2151" t="s">
        <v>80</v>
      </c>
      <c r="H2151" t="s">
        <v>81</v>
      </c>
      <c r="I2151" s="2">
        <v>0</v>
      </c>
      <c r="J2151" s="2">
        <v>1</v>
      </c>
      <c r="K2151" s="2">
        <v>0</v>
      </c>
      <c r="L2151" t="s">
        <v>82</v>
      </c>
      <c r="M2151" t="s">
        <v>87</v>
      </c>
      <c r="N2151" t="s">
        <v>88</v>
      </c>
      <c r="O2151" t="s">
        <v>85</v>
      </c>
      <c r="P2151" t="s">
        <v>86</v>
      </c>
      <c r="Q2151">
        <v>33</v>
      </c>
      <c r="R2151">
        <v>34</v>
      </c>
      <c r="S2151">
        <v>34</v>
      </c>
      <c r="T2151">
        <v>35</v>
      </c>
      <c r="U2151">
        <v>35</v>
      </c>
      <c r="V2151">
        <v>36</v>
      </c>
      <c r="W2151">
        <v>37</v>
      </c>
      <c r="X2151">
        <v>37</v>
      </c>
      <c r="Y2151">
        <v>38</v>
      </c>
      <c r="Z2151">
        <v>39</v>
      </c>
      <c r="AA2151">
        <v>39</v>
      </c>
      <c r="AB2151">
        <v>40</v>
      </c>
      <c r="AC2151">
        <v>41</v>
      </c>
      <c r="AD2151">
        <v>41</v>
      </c>
      <c r="AE2151">
        <v>42</v>
      </c>
      <c r="AF2151">
        <v>43</v>
      </c>
      <c r="AG2151">
        <v>43</v>
      </c>
      <c r="AH2151">
        <v>44</v>
      </c>
      <c r="AI2151">
        <v>45</v>
      </c>
      <c r="AJ2151">
        <v>46</v>
      </c>
      <c r="AK2151">
        <v>46</v>
      </c>
      <c r="AL2151">
        <v>47</v>
      </c>
      <c r="AM2151">
        <v>48</v>
      </c>
      <c r="AN2151">
        <v>49</v>
      </c>
      <c r="AO2151">
        <v>50</v>
      </c>
      <c r="AP2151">
        <v>50</v>
      </c>
      <c r="AQ2151">
        <v>51</v>
      </c>
    </row>
    <row r="2152" spans="1:43">
      <c r="A2152" t="s">
        <v>1398</v>
      </c>
      <c r="B2152" t="s">
        <v>1399</v>
      </c>
      <c r="C2152" t="s">
        <v>1240</v>
      </c>
      <c r="D2152" t="s">
        <v>1241</v>
      </c>
      <c r="E2152" t="s">
        <v>1192</v>
      </c>
      <c r="F2152" t="s">
        <v>1193</v>
      </c>
      <c r="G2152" t="s">
        <v>80</v>
      </c>
      <c r="H2152" t="s">
        <v>81</v>
      </c>
      <c r="I2152" s="2">
        <v>0</v>
      </c>
      <c r="J2152" s="2">
        <v>1</v>
      </c>
      <c r="K2152" s="2">
        <v>0</v>
      </c>
      <c r="L2152" t="s">
        <v>82</v>
      </c>
      <c r="M2152" t="s">
        <v>89</v>
      </c>
      <c r="N2152" t="s">
        <v>90</v>
      </c>
      <c r="O2152" t="s">
        <v>85</v>
      </c>
      <c r="P2152" t="s">
        <v>86</v>
      </c>
      <c r="Q2152">
        <v>33</v>
      </c>
      <c r="R2152">
        <v>34</v>
      </c>
      <c r="S2152">
        <v>35</v>
      </c>
      <c r="T2152">
        <v>36</v>
      </c>
      <c r="U2152">
        <v>38</v>
      </c>
      <c r="V2152">
        <v>39</v>
      </c>
      <c r="W2152">
        <v>40</v>
      </c>
      <c r="X2152">
        <v>41</v>
      </c>
      <c r="Y2152">
        <v>43</v>
      </c>
      <c r="Z2152">
        <v>44</v>
      </c>
      <c r="AA2152">
        <v>45</v>
      </c>
      <c r="AB2152">
        <v>46</v>
      </c>
      <c r="AC2152">
        <v>48</v>
      </c>
      <c r="AD2152">
        <v>49</v>
      </c>
      <c r="AE2152">
        <v>50</v>
      </c>
      <c r="AF2152">
        <v>51</v>
      </c>
      <c r="AG2152">
        <v>51</v>
      </c>
      <c r="AH2152">
        <v>52</v>
      </c>
      <c r="AI2152">
        <v>53</v>
      </c>
      <c r="AJ2152">
        <v>53</v>
      </c>
      <c r="AK2152">
        <v>54</v>
      </c>
      <c r="AL2152">
        <v>55</v>
      </c>
      <c r="AM2152">
        <v>56</v>
      </c>
      <c r="AN2152">
        <v>56</v>
      </c>
      <c r="AO2152">
        <v>57</v>
      </c>
      <c r="AP2152">
        <v>58</v>
      </c>
      <c r="AQ2152">
        <v>58</v>
      </c>
    </row>
    <row r="2153" spans="1:43">
      <c r="A2153" t="s">
        <v>1398</v>
      </c>
      <c r="B2153" t="s">
        <v>1399</v>
      </c>
      <c r="C2153" t="s">
        <v>1240</v>
      </c>
      <c r="D2153" t="s">
        <v>1241</v>
      </c>
      <c r="E2153" t="s">
        <v>1192</v>
      </c>
      <c r="F2153" t="s">
        <v>1193</v>
      </c>
      <c r="G2153" t="s">
        <v>80</v>
      </c>
      <c r="H2153" t="s">
        <v>81</v>
      </c>
      <c r="I2153" s="2">
        <v>0</v>
      </c>
      <c r="J2153" s="2">
        <v>1</v>
      </c>
      <c r="K2153" s="2">
        <v>0</v>
      </c>
      <c r="L2153" t="s">
        <v>82</v>
      </c>
      <c r="M2153" t="s">
        <v>83</v>
      </c>
      <c r="N2153" t="s">
        <v>91</v>
      </c>
      <c r="O2153" t="s">
        <v>85</v>
      </c>
      <c r="P2153" t="s">
        <v>86</v>
      </c>
      <c r="Q2153">
        <v>33</v>
      </c>
      <c r="R2153">
        <v>34</v>
      </c>
      <c r="S2153">
        <v>35</v>
      </c>
      <c r="T2153">
        <v>36</v>
      </c>
      <c r="U2153">
        <v>37</v>
      </c>
      <c r="V2153">
        <v>38</v>
      </c>
      <c r="W2153">
        <v>39</v>
      </c>
      <c r="X2153">
        <v>40</v>
      </c>
      <c r="Y2153">
        <v>41</v>
      </c>
      <c r="Z2153">
        <v>42</v>
      </c>
      <c r="AA2153">
        <v>43</v>
      </c>
      <c r="AB2153">
        <v>44</v>
      </c>
      <c r="AC2153">
        <v>45</v>
      </c>
      <c r="AD2153">
        <v>46</v>
      </c>
      <c r="AE2153">
        <v>48</v>
      </c>
      <c r="AF2153">
        <v>49</v>
      </c>
      <c r="AG2153">
        <v>50</v>
      </c>
      <c r="AH2153">
        <v>51</v>
      </c>
      <c r="AI2153">
        <v>52</v>
      </c>
      <c r="AJ2153">
        <v>53</v>
      </c>
      <c r="AK2153">
        <v>55</v>
      </c>
      <c r="AL2153">
        <v>55</v>
      </c>
      <c r="AM2153">
        <v>56</v>
      </c>
      <c r="AN2153">
        <v>57</v>
      </c>
      <c r="AO2153">
        <v>58</v>
      </c>
      <c r="AP2153">
        <v>58</v>
      </c>
      <c r="AQ2153">
        <v>59</v>
      </c>
    </row>
    <row r="2154" spans="1:43">
      <c r="A2154" t="s">
        <v>1400</v>
      </c>
      <c r="B2154" t="s">
        <v>1401</v>
      </c>
      <c r="C2154" t="s">
        <v>1240</v>
      </c>
      <c r="D2154" t="s">
        <v>1241</v>
      </c>
      <c r="E2154" t="s">
        <v>1192</v>
      </c>
      <c r="F2154" t="s">
        <v>1193</v>
      </c>
      <c r="G2154" t="s">
        <v>80</v>
      </c>
      <c r="H2154" t="s">
        <v>81</v>
      </c>
      <c r="I2154" s="2">
        <v>0</v>
      </c>
      <c r="J2154" s="2">
        <v>1</v>
      </c>
      <c r="K2154" s="2">
        <v>0</v>
      </c>
      <c r="L2154" t="s">
        <v>82</v>
      </c>
      <c r="M2154" t="s">
        <v>83</v>
      </c>
      <c r="N2154" t="s">
        <v>84</v>
      </c>
      <c r="O2154" t="s">
        <v>85</v>
      </c>
      <c r="P2154" t="s">
        <v>86</v>
      </c>
      <c r="Q2154">
        <v>48</v>
      </c>
      <c r="R2154">
        <v>49</v>
      </c>
      <c r="S2154">
        <v>51</v>
      </c>
      <c r="T2154">
        <v>52</v>
      </c>
      <c r="U2154">
        <v>53</v>
      </c>
      <c r="V2154">
        <v>55</v>
      </c>
      <c r="W2154">
        <v>56</v>
      </c>
      <c r="X2154">
        <v>58</v>
      </c>
      <c r="Y2154">
        <v>59</v>
      </c>
      <c r="Z2154">
        <v>61</v>
      </c>
      <c r="AA2154">
        <v>62</v>
      </c>
      <c r="AB2154">
        <v>64</v>
      </c>
      <c r="AC2154">
        <v>65</v>
      </c>
      <c r="AD2154">
        <v>67</v>
      </c>
      <c r="AE2154">
        <v>68</v>
      </c>
      <c r="AF2154">
        <v>70</v>
      </c>
      <c r="AG2154">
        <v>72</v>
      </c>
      <c r="AH2154">
        <v>73</v>
      </c>
      <c r="AI2154">
        <v>75</v>
      </c>
      <c r="AJ2154">
        <v>77</v>
      </c>
      <c r="AK2154">
        <v>79</v>
      </c>
      <c r="AL2154">
        <v>80</v>
      </c>
      <c r="AM2154">
        <v>81</v>
      </c>
      <c r="AN2154">
        <v>82</v>
      </c>
      <c r="AO2154">
        <v>83</v>
      </c>
      <c r="AP2154">
        <v>84</v>
      </c>
      <c r="AQ2154">
        <v>85</v>
      </c>
    </row>
    <row r="2155" spans="1:43">
      <c r="A2155" t="s">
        <v>1400</v>
      </c>
      <c r="B2155" t="s">
        <v>1401</v>
      </c>
      <c r="C2155" t="s">
        <v>1240</v>
      </c>
      <c r="D2155" t="s">
        <v>1241</v>
      </c>
      <c r="E2155" t="s">
        <v>1192</v>
      </c>
      <c r="F2155" t="s">
        <v>1193</v>
      </c>
      <c r="G2155" t="s">
        <v>80</v>
      </c>
      <c r="H2155" t="s">
        <v>81</v>
      </c>
      <c r="I2155" s="2">
        <v>0</v>
      </c>
      <c r="J2155" s="2">
        <v>1</v>
      </c>
      <c r="K2155" s="2">
        <v>0</v>
      </c>
      <c r="L2155" t="s">
        <v>82</v>
      </c>
      <c r="M2155" t="s">
        <v>87</v>
      </c>
      <c r="N2155" t="s">
        <v>88</v>
      </c>
      <c r="O2155" t="s">
        <v>85</v>
      </c>
      <c r="P2155" t="s">
        <v>86</v>
      </c>
      <c r="Q2155">
        <v>48</v>
      </c>
      <c r="R2155">
        <v>48</v>
      </c>
      <c r="S2155">
        <v>49</v>
      </c>
      <c r="T2155">
        <v>50</v>
      </c>
      <c r="U2155">
        <v>51</v>
      </c>
      <c r="V2155">
        <v>52</v>
      </c>
      <c r="W2155">
        <v>53</v>
      </c>
      <c r="X2155">
        <v>54</v>
      </c>
      <c r="Y2155">
        <v>55</v>
      </c>
      <c r="Z2155">
        <v>56</v>
      </c>
      <c r="AA2155">
        <v>57</v>
      </c>
      <c r="AB2155">
        <v>58</v>
      </c>
      <c r="AC2155">
        <v>59</v>
      </c>
      <c r="AD2155">
        <v>60</v>
      </c>
      <c r="AE2155">
        <v>61</v>
      </c>
      <c r="AF2155">
        <v>62</v>
      </c>
      <c r="AG2155">
        <v>63</v>
      </c>
      <c r="AH2155">
        <v>64</v>
      </c>
      <c r="AI2155">
        <v>65</v>
      </c>
      <c r="AJ2155">
        <v>66</v>
      </c>
      <c r="AK2155">
        <v>67</v>
      </c>
      <c r="AL2155">
        <v>68</v>
      </c>
      <c r="AM2155">
        <v>69</v>
      </c>
      <c r="AN2155">
        <v>70</v>
      </c>
      <c r="AO2155">
        <v>71</v>
      </c>
      <c r="AP2155">
        <v>73</v>
      </c>
      <c r="AQ2155">
        <v>74</v>
      </c>
    </row>
    <row r="2156" spans="1:43">
      <c r="A2156" t="s">
        <v>1400</v>
      </c>
      <c r="B2156" t="s">
        <v>1401</v>
      </c>
      <c r="C2156" t="s">
        <v>1240</v>
      </c>
      <c r="D2156" t="s">
        <v>1241</v>
      </c>
      <c r="E2156" t="s">
        <v>1192</v>
      </c>
      <c r="F2156" t="s">
        <v>1193</v>
      </c>
      <c r="G2156" t="s">
        <v>80</v>
      </c>
      <c r="H2156" t="s">
        <v>81</v>
      </c>
      <c r="I2156" s="2">
        <v>0</v>
      </c>
      <c r="J2156" s="2">
        <v>1</v>
      </c>
      <c r="K2156" s="2">
        <v>0</v>
      </c>
      <c r="L2156" t="s">
        <v>82</v>
      </c>
      <c r="M2156" t="s">
        <v>89</v>
      </c>
      <c r="N2156" t="s">
        <v>90</v>
      </c>
      <c r="O2156" t="s">
        <v>85</v>
      </c>
      <c r="P2156" t="s">
        <v>86</v>
      </c>
      <c r="Q2156">
        <v>48</v>
      </c>
      <c r="R2156">
        <v>50</v>
      </c>
      <c r="S2156">
        <v>52</v>
      </c>
      <c r="T2156">
        <v>54</v>
      </c>
      <c r="U2156">
        <v>55</v>
      </c>
      <c r="V2156">
        <v>57</v>
      </c>
      <c r="W2156">
        <v>59</v>
      </c>
      <c r="X2156">
        <v>61</v>
      </c>
      <c r="Y2156">
        <v>63</v>
      </c>
      <c r="Z2156">
        <v>64</v>
      </c>
      <c r="AA2156">
        <v>66</v>
      </c>
      <c r="AB2156">
        <v>68</v>
      </c>
      <c r="AC2156">
        <v>70</v>
      </c>
      <c r="AD2156">
        <v>72</v>
      </c>
      <c r="AE2156">
        <v>73</v>
      </c>
      <c r="AF2156">
        <v>74</v>
      </c>
      <c r="AG2156">
        <v>75</v>
      </c>
      <c r="AH2156">
        <v>76</v>
      </c>
      <c r="AI2156">
        <v>77</v>
      </c>
      <c r="AJ2156">
        <v>78</v>
      </c>
      <c r="AK2156">
        <v>80</v>
      </c>
      <c r="AL2156">
        <v>81</v>
      </c>
      <c r="AM2156">
        <v>82</v>
      </c>
      <c r="AN2156">
        <v>83</v>
      </c>
      <c r="AO2156">
        <v>84</v>
      </c>
      <c r="AP2156">
        <v>85</v>
      </c>
      <c r="AQ2156">
        <v>86</v>
      </c>
    </row>
    <row r="2157" spans="1:43">
      <c r="A2157" t="s">
        <v>1400</v>
      </c>
      <c r="B2157" t="s">
        <v>1401</v>
      </c>
      <c r="C2157" t="s">
        <v>1240</v>
      </c>
      <c r="D2157" t="s">
        <v>1241</v>
      </c>
      <c r="E2157" t="s">
        <v>1192</v>
      </c>
      <c r="F2157" t="s">
        <v>1193</v>
      </c>
      <c r="G2157" t="s">
        <v>80</v>
      </c>
      <c r="H2157" t="s">
        <v>81</v>
      </c>
      <c r="I2157" s="2">
        <v>0</v>
      </c>
      <c r="J2157" s="2">
        <v>1</v>
      </c>
      <c r="K2157" s="2">
        <v>0</v>
      </c>
      <c r="L2157" t="s">
        <v>82</v>
      </c>
      <c r="M2157" t="s">
        <v>83</v>
      </c>
      <c r="N2157" t="s">
        <v>91</v>
      </c>
      <c r="O2157" t="s">
        <v>85</v>
      </c>
      <c r="P2157" t="s">
        <v>86</v>
      </c>
      <c r="Q2157">
        <v>48</v>
      </c>
      <c r="R2157">
        <v>49</v>
      </c>
      <c r="S2157">
        <v>51</v>
      </c>
      <c r="T2157">
        <v>52</v>
      </c>
      <c r="U2157">
        <v>53</v>
      </c>
      <c r="V2157">
        <v>55</v>
      </c>
      <c r="W2157">
        <v>56</v>
      </c>
      <c r="X2157">
        <v>58</v>
      </c>
      <c r="Y2157">
        <v>59</v>
      </c>
      <c r="Z2157">
        <v>61</v>
      </c>
      <c r="AA2157">
        <v>62</v>
      </c>
      <c r="AB2157">
        <v>64</v>
      </c>
      <c r="AC2157">
        <v>65</v>
      </c>
      <c r="AD2157">
        <v>67</v>
      </c>
      <c r="AE2157">
        <v>68</v>
      </c>
      <c r="AF2157">
        <v>70</v>
      </c>
      <c r="AG2157">
        <v>72</v>
      </c>
      <c r="AH2157">
        <v>73</v>
      </c>
      <c r="AI2157">
        <v>75</v>
      </c>
      <c r="AJ2157">
        <v>77</v>
      </c>
      <c r="AK2157">
        <v>79</v>
      </c>
      <c r="AL2157">
        <v>80</v>
      </c>
      <c r="AM2157">
        <v>81</v>
      </c>
      <c r="AN2157">
        <v>82</v>
      </c>
      <c r="AO2157">
        <v>83</v>
      </c>
      <c r="AP2157">
        <v>84</v>
      </c>
      <c r="AQ2157">
        <v>85</v>
      </c>
    </row>
    <row r="2158" spans="1:43">
      <c r="A2158" t="s">
        <v>1402</v>
      </c>
      <c r="B2158" t="s">
        <v>1403</v>
      </c>
      <c r="C2158" t="s">
        <v>1404</v>
      </c>
      <c r="D2158" t="s">
        <v>1405</v>
      </c>
      <c r="E2158" t="s">
        <v>1192</v>
      </c>
      <c r="F2158" t="s">
        <v>1193</v>
      </c>
      <c r="G2158" t="s">
        <v>80</v>
      </c>
      <c r="H2158" t="s">
        <v>81</v>
      </c>
      <c r="I2158" s="2">
        <v>1</v>
      </c>
      <c r="J2158" s="2">
        <v>0</v>
      </c>
      <c r="K2158" s="2">
        <v>0</v>
      </c>
      <c r="L2158" t="s">
        <v>120</v>
      </c>
      <c r="M2158" t="s">
        <v>83</v>
      </c>
      <c r="N2158" t="s">
        <v>84</v>
      </c>
      <c r="O2158" t="s">
        <v>85</v>
      </c>
      <c r="P2158" t="s">
        <v>86</v>
      </c>
      <c r="Q2158">
        <v>10</v>
      </c>
      <c r="R2158">
        <v>10</v>
      </c>
      <c r="S2158">
        <v>11</v>
      </c>
      <c r="T2158">
        <v>11</v>
      </c>
      <c r="U2158">
        <v>11</v>
      </c>
      <c r="V2158">
        <v>11</v>
      </c>
      <c r="W2158">
        <v>11</v>
      </c>
      <c r="X2158">
        <v>11</v>
      </c>
      <c r="Y2158">
        <v>11</v>
      </c>
      <c r="Z2158">
        <v>11</v>
      </c>
      <c r="AA2158">
        <v>12</v>
      </c>
      <c r="AB2158">
        <v>12</v>
      </c>
      <c r="AC2158">
        <v>12</v>
      </c>
      <c r="AD2158">
        <v>12</v>
      </c>
      <c r="AE2158">
        <v>12</v>
      </c>
      <c r="AF2158">
        <v>12</v>
      </c>
      <c r="AG2158">
        <v>12</v>
      </c>
      <c r="AH2158">
        <v>13</v>
      </c>
      <c r="AI2158">
        <v>13</v>
      </c>
      <c r="AJ2158">
        <v>13</v>
      </c>
      <c r="AK2158">
        <v>13</v>
      </c>
      <c r="AL2158">
        <v>13</v>
      </c>
      <c r="AM2158">
        <v>13</v>
      </c>
      <c r="AN2158">
        <v>13</v>
      </c>
      <c r="AO2158">
        <v>13</v>
      </c>
      <c r="AP2158">
        <v>13</v>
      </c>
      <c r="AQ2158">
        <v>13</v>
      </c>
    </row>
    <row r="2159" spans="1:43">
      <c r="A2159" t="s">
        <v>1402</v>
      </c>
      <c r="B2159" t="s">
        <v>1403</v>
      </c>
      <c r="C2159" t="s">
        <v>1404</v>
      </c>
      <c r="D2159" t="s">
        <v>1405</v>
      </c>
      <c r="E2159" t="s">
        <v>1192</v>
      </c>
      <c r="F2159" t="s">
        <v>1193</v>
      </c>
      <c r="G2159" t="s">
        <v>80</v>
      </c>
      <c r="H2159" t="s">
        <v>81</v>
      </c>
      <c r="I2159" s="2">
        <v>1</v>
      </c>
      <c r="J2159" s="2">
        <v>0</v>
      </c>
      <c r="K2159" s="2">
        <v>0</v>
      </c>
      <c r="L2159" t="s">
        <v>120</v>
      </c>
      <c r="M2159" t="s">
        <v>87</v>
      </c>
      <c r="N2159" t="s">
        <v>88</v>
      </c>
      <c r="O2159" t="s">
        <v>85</v>
      </c>
      <c r="P2159" t="s">
        <v>86</v>
      </c>
      <c r="Q2159">
        <v>10</v>
      </c>
      <c r="R2159">
        <v>10</v>
      </c>
      <c r="S2159">
        <v>10</v>
      </c>
      <c r="T2159">
        <v>10</v>
      </c>
      <c r="U2159">
        <v>10</v>
      </c>
      <c r="V2159">
        <v>10</v>
      </c>
      <c r="W2159">
        <v>10</v>
      </c>
      <c r="X2159">
        <v>10</v>
      </c>
      <c r="Y2159">
        <v>11</v>
      </c>
      <c r="Z2159">
        <v>11</v>
      </c>
      <c r="AA2159">
        <v>11</v>
      </c>
      <c r="AB2159">
        <v>11</v>
      </c>
      <c r="AC2159">
        <v>11</v>
      </c>
      <c r="AD2159">
        <v>11</v>
      </c>
      <c r="AE2159">
        <v>11</v>
      </c>
      <c r="AF2159">
        <v>11</v>
      </c>
      <c r="AG2159">
        <v>11</v>
      </c>
      <c r="AH2159">
        <v>11</v>
      </c>
      <c r="AI2159">
        <v>11</v>
      </c>
      <c r="AJ2159">
        <v>11</v>
      </c>
      <c r="AK2159">
        <v>11</v>
      </c>
      <c r="AL2159">
        <v>11</v>
      </c>
      <c r="AM2159">
        <v>11</v>
      </c>
      <c r="AN2159">
        <v>11</v>
      </c>
      <c r="AO2159">
        <v>11</v>
      </c>
      <c r="AP2159">
        <v>11</v>
      </c>
      <c r="AQ2159">
        <v>11</v>
      </c>
    </row>
    <row r="2160" spans="1:43">
      <c r="A2160" t="s">
        <v>1402</v>
      </c>
      <c r="B2160" t="s">
        <v>1403</v>
      </c>
      <c r="C2160" t="s">
        <v>1404</v>
      </c>
      <c r="D2160" t="s">
        <v>1405</v>
      </c>
      <c r="E2160" t="s">
        <v>1192</v>
      </c>
      <c r="F2160" t="s">
        <v>1193</v>
      </c>
      <c r="G2160" t="s">
        <v>80</v>
      </c>
      <c r="H2160" t="s">
        <v>81</v>
      </c>
      <c r="I2160" s="2">
        <v>1</v>
      </c>
      <c r="J2160" s="2">
        <v>0</v>
      </c>
      <c r="K2160" s="2">
        <v>0</v>
      </c>
      <c r="L2160" t="s">
        <v>120</v>
      </c>
      <c r="M2160" t="s">
        <v>89</v>
      </c>
      <c r="N2160" t="s">
        <v>90</v>
      </c>
      <c r="O2160" t="s">
        <v>85</v>
      </c>
      <c r="P2160" t="s">
        <v>86</v>
      </c>
      <c r="Q2160">
        <v>10</v>
      </c>
      <c r="R2160">
        <v>11</v>
      </c>
      <c r="S2160">
        <v>11</v>
      </c>
      <c r="T2160">
        <v>11</v>
      </c>
      <c r="U2160">
        <v>11</v>
      </c>
      <c r="V2160">
        <v>11</v>
      </c>
      <c r="W2160">
        <v>12</v>
      </c>
      <c r="X2160">
        <v>12</v>
      </c>
      <c r="Y2160">
        <v>12</v>
      </c>
      <c r="Z2160">
        <v>12</v>
      </c>
      <c r="AA2160">
        <v>12</v>
      </c>
      <c r="AB2160">
        <v>12</v>
      </c>
      <c r="AC2160">
        <v>13</v>
      </c>
      <c r="AD2160">
        <v>13</v>
      </c>
      <c r="AE2160">
        <v>13</v>
      </c>
      <c r="AF2160">
        <v>13</v>
      </c>
      <c r="AG2160">
        <v>13</v>
      </c>
      <c r="AH2160">
        <v>13</v>
      </c>
      <c r="AI2160">
        <v>13</v>
      </c>
      <c r="AJ2160">
        <v>13</v>
      </c>
      <c r="AK2160">
        <v>13</v>
      </c>
      <c r="AL2160">
        <v>13</v>
      </c>
      <c r="AM2160">
        <v>13</v>
      </c>
      <c r="AN2160">
        <v>13</v>
      </c>
      <c r="AO2160">
        <v>13</v>
      </c>
      <c r="AP2160">
        <v>13</v>
      </c>
      <c r="AQ2160">
        <v>13</v>
      </c>
    </row>
    <row r="2161" spans="1:43">
      <c r="A2161" t="s">
        <v>1402</v>
      </c>
      <c r="B2161" t="s">
        <v>1403</v>
      </c>
      <c r="C2161" t="s">
        <v>1404</v>
      </c>
      <c r="D2161" t="s">
        <v>1405</v>
      </c>
      <c r="E2161" t="s">
        <v>1192</v>
      </c>
      <c r="F2161" t="s">
        <v>1193</v>
      </c>
      <c r="G2161" t="s">
        <v>80</v>
      </c>
      <c r="H2161" t="s">
        <v>81</v>
      </c>
      <c r="I2161" s="2">
        <v>1</v>
      </c>
      <c r="J2161" s="2">
        <v>0</v>
      </c>
      <c r="K2161" s="2">
        <v>0</v>
      </c>
      <c r="L2161" t="s">
        <v>120</v>
      </c>
      <c r="M2161" t="s">
        <v>83</v>
      </c>
      <c r="N2161" t="s">
        <v>91</v>
      </c>
      <c r="O2161" t="s">
        <v>85</v>
      </c>
      <c r="P2161" t="s">
        <v>86</v>
      </c>
      <c r="Q2161">
        <v>10</v>
      </c>
      <c r="R2161">
        <v>10</v>
      </c>
      <c r="S2161">
        <v>11</v>
      </c>
      <c r="T2161">
        <v>11</v>
      </c>
      <c r="U2161">
        <v>11</v>
      </c>
      <c r="V2161">
        <v>11</v>
      </c>
      <c r="W2161">
        <v>11</v>
      </c>
      <c r="X2161">
        <v>11</v>
      </c>
      <c r="Y2161">
        <v>11</v>
      </c>
      <c r="Z2161">
        <v>11</v>
      </c>
      <c r="AA2161">
        <v>12</v>
      </c>
      <c r="AB2161">
        <v>12</v>
      </c>
      <c r="AC2161">
        <v>12</v>
      </c>
      <c r="AD2161">
        <v>12</v>
      </c>
      <c r="AE2161">
        <v>12</v>
      </c>
      <c r="AF2161">
        <v>12</v>
      </c>
      <c r="AG2161">
        <v>12</v>
      </c>
      <c r="AH2161">
        <v>13</v>
      </c>
      <c r="AI2161">
        <v>13</v>
      </c>
      <c r="AJ2161">
        <v>13</v>
      </c>
      <c r="AK2161">
        <v>13</v>
      </c>
      <c r="AL2161">
        <v>13</v>
      </c>
      <c r="AM2161">
        <v>13</v>
      </c>
      <c r="AN2161">
        <v>13</v>
      </c>
      <c r="AO2161">
        <v>13</v>
      </c>
      <c r="AP2161">
        <v>13</v>
      </c>
      <c r="AQ2161">
        <v>13</v>
      </c>
    </row>
    <row r="2162" spans="1:43">
      <c r="A2162" t="s">
        <v>1406</v>
      </c>
      <c r="B2162" t="s">
        <v>1407</v>
      </c>
      <c r="C2162" t="s">
        <v>1404</v>
      </c>
      <c r="D2162" t="s">
        <v>1405</v>
      </c>
      <c r="E2162" t="s">
        <v>1192</v>
      </c>
      <c r="F2162" t="s">
        <v>1193</v>
      </c>
      <c r="G2162" t="s">
        <v>80</v>
      </c>
      <c r="H2162" t="s">
        <v>81</v>
      </c>
      <c r="I2162" s="2">
        <v>1</v>
      </c>
      <c r="J2162" s="2">
        <v>0</v>
      </c>
      <c r="K2162" s="2">
        <v>0</v>
      </c>
      <c r="L2162" t="s">
        <v>120</v>
      </c>
      <c r="M2162" t="s">
        <v>83</v>
      </c>
      <c r="N2162" t="s">
        <v>84</v>
      </c>
      <c r="O2162" t="s">
        <v>85</v>
      </c>
      <c r="P2162" t="s">
        <v>86</v>
      </c>
      <c r="Q2162">
        <v>7</v>
      </c>
      <c r="R2162">
        <v>8</v>
      </c>
      <c r="S2162">
        <v>8</v>
      </c>
      <c r="T2162">
        <v>8</v>
      </c>
      <c r="U2162">
        <v>8</v>
      </c>
      <c r="V2162">
        <v>8</v>
      </c>
      <c r="W2162">
        <v>9</v>
      </c>
      <c r="X2162">
        <v>9</v>
      </c>
      <c r="Y2162">
        <v>9</v>
      </c>
      <c r="Z2162">
        <v>9</v>
      </c>
      <c r="AA2162">
        <v>10</v>
      </c>
      <c r="AB2162">
        <v>10</v>
      </c>
      <c r="AC2162">
        <v>10</v>
      </c>
      <c r="AD2162">
        <v>10</v>
      </c>
      <c r="AE2162">
        <v>10</v>
      </c>
      <c r="AF2162">
        <v>11</v>
      </c>
      <c r="AG2162">
        <v>11</v>
      </c>
      <c r="AH2162">
        <v>11</v>
      </c>
      <c r="AI2162">
        <v>11</v>
      </c>
      <c r="AJ2162">
        <v>12</v>
      </c>
      <c r="AK2162">
        <v>12</v>
      </c>
      <c r="AL2162">
        <v>12</v>
      </c>
      <c r="AM2162">
        <v>12</v>
      </c>
      <c r="AN2162">
        <v>12</v>
      </c>
      <c r="AO2162">
        <v>13</v>
      </c>
      <c r="AP2162">
        <v>13</v>
      </c>
      <c r="AQ2162">
        <v>13</v>
      </c>
    </row>
    <row r="2163" spans="1:43">
      <c r="A2163" t="s">
        <v>1406</v>
      </c>
      <c r="B2163" t="s">
        <v>1407</v>
      </c>
      <c r="C2163" t="s">
        <v>1404</v>
      </c>
      <c r="D2163" t="s">
        <v>1405</v>
      </c>
      <c r="E2163" t="s">
        <v>1192</v>
      </c>
      <c r="F2163" t="s">
        <v>1193</v>
      </c>
      <c r="G2163" t="s">
        <v>80</v>
      </c>
      <c r="H2163" t="s">
        <v>81</v>
      </c>
      <c r="I2163" s="2">
        <v>1</v>
      </c>
      <c r="J2163" s="2">
        <v>0</v>
      </c>
      <c r="K2163" s="2">
        <v>0</v>
      </c>
      <c r="L2163" t="s">
        <v>120</v>
      </c>
      <c r="M2163" t="s">
        <v>87</v>
      </c>
      <c r="N2163" t="s">
        <v>88</v>
      </c>
      <c r="O2163" t="s">
        <v>85</v>
      </c>
      <c r="P2163" t="s">
        <v>86</v>
      </c>
      <c r="Q2163">
        <v>7</v>
      </c>
      <c r="R2163">
        <v>7</v>
      </c>
      <c r="S2163">
        <v>8</v>
      </c>
      <c r="T2163">
        <v>8</v>
      </c>
      <c r="U2163">
        <v>8</v>
      </c>
      <c r="V2163">
        <v>8</v>
      </c>
      <c r="W2163">
        <v>8</v>
      </c>
      <c r="X2163">
        <v>8</v>
      </c>
      <c r="Y2163">
        <v>8</v>
      </c>
      <c r="Z2163">
        <v>9</v>
      </c>
      <c r="AA2163">
        <v>9</v>
      </c>
      <c r="AB2163">
        <v>9</v>
      </c>
      <c r="AC2163">
        <v>9</v>
      </c>
      <c r="AD2163">
        <v>9</v>
      </c>
      <c r="AE2163">
        <v>9</v>
      </c>
      <c r="AF2163">
        <v>9</v>
      </c>
      <c r="AG2163">
        <v>10</v>
      </c>
      <c r="AH2163">
        <v>10</v>
      </c>
      <c r="AI2163">
        <v>10</v>
      </c>
      <c r="AJ2163">
        <v>10</v>
      </c>
      <c r="AK2163">
        <v>10</v>
      </c>
      <c r="AL2163">
        <v>10</v>
      </c>
      <c r="AM2163">
        <v>11</v>
      </c>
      <c r="AN2163">
        <v>11</v>
      </c>
      <c r="AO2163">
        <v>11</v>
      </c>
      <c r="AP2163">
        <v>11</v>
      </c>
      <c r="AQ2163">
        <v>11</v>
      </c>
    </row>
    <row r="2164" spans="1:43">
      <c r="A2164" t="s">
        <v>1406</v>
      </c>
      <c r="B2164" t="s">
        <v>1407</v>
      </c>
      <c r="C2164" t="s">
        <v>1404</v>
      </c>
      <c r="D2164" t="s">
        <v>1405</v>
      </c>
      <c r="E2164" t="s">
        <v>1192</v>
      </c>
      <c r="F2164" t="s">
        <v>1193</v>
      </c>
      <c r="G2164" t="s">
        <v>80</v>
      </c>
      <c r="H2164" t="s">
        <v>81</v>
      </c>
      <c r="I2164" s="2">
        <v>1</v>
      </c>
      <c r="J2164" s="2">
        <v>0</v>
      </c>
      <c r="K2164" s="2">
        <v>0</v>
      </c>
      <c r="L2164" t="s">
        <v>120</v>
      </c>
      <c r="M2164" t="s">
        <v>89</v>
      </c>
      <c r="N2164" t="s">
        <v>90</v>
      </c>
      <c r="O2164" t="s">
        <v>85</v>
      </c>
      <c r="P2164" t="s">
        <v>86</v>
      </c>
      <c r="Q2164">
        <v>7</v>
      </c>
      <c r="R2164">
        <v>8</v>
      </c>
      <c r="S2164">
        <v>8</v>
      </c>
      <c r="T2164">
        <v>8</v>
      </c>
      <c r="U2164">
        <v>9</v>
      </c>
      <c r="V2164">
        <v>9</v>
      </c>
      <c r="W2164">
        <v>9</v>
      </c>
      <c r="X2164">
        <v>9</v>
      </c>
      <c r="Y2164">
        <v>10</v>
      </c>
      <c r="Z2164">
        <v>10</v>
      </c>
      <c r="AA2164">
        <v>10</v>
      </c>
      <c r="AB2164">
        <v>10</v>
      </c>
      <c r="AC2164">
        <v>11</v>
      </c>
      <c r="AD2164">
        <v>11</v>
      </c>
      <c r="AE2164">
        <v>11</v>
      </c>
      <c r="AF2164">
        <v>11</v>
      </c>
      <c r="AG2164">
        <v>12</v>
      </c>
      <c r="AH2164">
        <v>12</v>
      </c>
      <c r="AI2164">
        <v>12</v>
      </c>
      <c r="AJ2164">
        <v>12</v>
      </c>
      <c r="AK2164">
        <v>12</v>
      </c>
      <c r="AL2164">
        <v>12</v>
      </c>
      <c r="AM2164">
        <v>12</v>
      </c>
      <c r="AN2164">
        <v>13</v>
      </c>
      <c r="AO2164">
        <v>13</v>
      </c>
      <c r="AP2164">
        <v>13</v>
      </c>
      <c r="AQ2164">
        <v>13</v>
      </c>
    </row>
    <row r="2165" spans="1:43">
      <c r="A2165" t="s">
        <v>1406</v>
      </c>
      <c r="B2165" t="s">
        <v>1407</v>
      </c>
      <c r="C2165" t="s">
        <v>1404</v>
      </c>
      <c r="D2165" t="s">
        <v>1405</v>
      </c>
      <c r="E2165" t="s">
        <v>1192</v>
      </c>
      <c r="F2165" t="s">
        <v>1193</v>
      </c>
      <c r="G2165" t="s">
        <v>80</v>
      </c>
      <c r="H2165" t="s">
        <v>81</v>
      </c>
      <c r="I2165" s="2">
        <v>1</v>
      </c>
      <c r="J2165" s="2">
        <v>0</v>
      </c>
      <c r="K2165" s="2">
        <v>0</v>
      </c>
      <c r="L2165" t="s">
        <v>120</v>
      </c>
      <c r="M2165" t="s">
        <v>83</v>
      </c>
      <c r="N2165" t="s">
        <v>91</v>
      </c>
      <c r="O2165" t="s">
        <v>85</v>
      </c>
      <c r="P2165" t="s">
        <v>86</v>
      </c>
      <c r="Q2165">
        <v>7</v>
      </c>
      <c r="R2165">
        <v>8</v>
      </c>
      <c r="S2165">
        <v>8</v>
      </c>
      <c r="T2165">
        <v>8</v>
      </c>
      <c r="U2165">
        <v>8</v>
      </c>
      <c r="V2165">
        <v>8</v>
      </c>
      <c r="W2165">
        <v>9</v>
      </c>
      <c r="X2165">
        <v>9</v>
      </c>
      <c r="Y2165">
        <v>9</v>
      </c>
      <c r="Z2165">
        <v>9</v>
      </c>
      <c r="AA2165">
        <v>10</v>
      </c>
      <c r="AB2165">
        <v>10</v>
      </c>
      <c r="AC2165">
        <v>10</v>
      </c>
      <c r="AD2165">
        <v>10</v>
      </c>
      <c r="AE2165">
        <v>10</v>
      </c>
      <c r="AF2165">
        <v>11</v>
      </c>
      <c r="AG2165">
        <v>11</v>
      </c>
      <c r="AH2165">
        <v>11</v>
      </c>
      <c r="AI2165">
        <v>11</v>
      </c>
      <c r="AJ2165">
        <v>12</v>
      </c>
      <c r="AK2165">
        <v>12</v>
      </c>
      <c r="AL2165">
        <v>12</v>
      </c>
      <c r="AM2165">
        <v>12</v>
      </c>
      <c r="AN2165">
        <v>12</v>
      </c>
      <c r="AO2165">
        <v>13</v>
      </c>
      <c r="AP2165">
        <v>13</v>
      </c>
      <c r="AQ2165">
        <v>13</v>
      </c>
    </row>
    <row r="2166" spans="1:43">
      <c r="A2166" t="s">
        <v>1408</v>
      </c>
      <c r="B2166" t="s">
        <v>1409</v>
      </c>
      <c r="C2166" t="s">
        <v>1410</v>
      </c>
      <c r="D2166" t="s">
        <v>1411</v>
      </c>
      <c r="E2166" t="s">
        <v>1192</v>
      </c>
      <c r="F2166" t="s">
        <v>1193</v>
      </c>
      <c r="G2166" t="s">
        <v>80</v>
      </c>
      <c r="H2166" t="s">
        <v>81</v>
      </c>
      <c r="I2166" s="2">
        <v>1</v>
      </c>
      <c r="J2166" s="2">
        <v>0</v>
      </c>
      <c r="K2166" s="2">
        <v>0</v>
      </c>
      <c r="L2166" t="s">
        <v>120</v>
      </c>
      <c r="M2166" t="s">
        <v>83</v>
      </c>
      <c r="N2166" t="s">
        <v>84</v>
      </c>
      <c r="O2166" t="s">
        <v>85</v>
      </c>
      <c r="P2166" t="s">
        <v>86</v>
      </c>
      <c r="Q2166">
        <v>4</v>
      </c>
      <c r="R2166">
        <v>4</v>
      </c>
      <c r="S2166">
        <v>4</v>
      </c>
      <c r="T2166">
        <v>4</v>
      </c>
      <c r="U2166">
        <v>4</v>
      </c>
      <c r="V2166">
        <v>5</v>
      </c>
      <c r="W2166">
        <v>5</v>
      </c>
      <c r="X2166">
        <v>5</v>
      </c>
      <c r="Y2166">
        <v>5</v>
      </c>
      <c r="Z2166">
        <v>5</v>
      </c>
      <c r="AA2166">
        <v>5</v>
      </c>
      <c r="AB2166">
        <v>5</v>
      </c>
      <c r="AC2166">
        <v>5</v>
      </c>
      <c r="AD2166">
        <v>6</v>
      </c>
      <c r="AE2166">
        <v>6</v>
      </c>
      <c r="AF2166">
        <v>6</v>
      </c>
      <c r="AG2166">
        <v>6</v>
      </c>
      <c r="AH2166">
        <v>6</v>
      </c>
      <c r="AI2166">
        <v>6</v>
      </c>
      <c r="AJ2166">
        <v>6</v>
      </c>
      <c r="AK2166">
        <v>7</v>
      </c>
      <c r="AL2166">
        <v>7</v>
      </c>
      <c r="AM2166">
        <v>7</v>
      </c>
      <c r="AN2166">
        <v>7</v>
      </c>
      <c r="AO2166">
        <v>7</v>
      </c>
      <c r="AP2166">
        <v>7</v>
      </c>
      <c r="AQ2166">
        <v>7</v>
      </c>
    </row>
    <row r="2167" spans="1:43">
      <c r="A2167" t="s">
        <v>1408</v>
      </c>
      <c r="B2167" t="s">
        <v>1409</v>
      </c>
      <c r="C2167" t="s">
        <v>1410</v>
      </c>
      <c r="D2167" t="s">
        <v>1411</v>
      </c>
      <c r="E2167" t="s">
        <v>1192</v>
      </c>
      <c r="F2167" t="s">
        <v>1193</v>
      </c>
      <c r="G2167" t="s">
        <v>80</v>
      </c>
      <c r="H2167" t="s">
        <v>81</v>
      </c>
      <c r="I2167" s="2">
        <v>1</v>
      </c>
      <c r="J2167" s="2">
        <v>0</v>
      </c>
      <c r="K2167" s="2">
        <v>0</v>
      </c>
      <c r="L2167" t="s">
        <v>120</v>
      </c>
      <c r="M2167" t="s">
        <v>87</v>
      </c>
      <c r="N2167" t="s">
        <v>88</v>
      </c>
      <c r="O2167" t="s">
        <v>85</v>
      </c>
      <c r="P2167" t="s">
        <v>86</v>
      </c>
      <c r="Q2167">
        <v>4</v>
      </c>
      <c r="R2167">
        <v>4</v>
      </c>
      <c r="S2167">
        <v>4</v>
      </c>
      <c r="T2167">
        <v>4</v>
      </c>
      <c r="U2167">
        <v>4</v>
      </c>
      <c r="V2167">
        <v>4</v>
      </c>
      <c r="W2167">
        <v>4</v>
      </c>
      <c r="X2167">
        <v>4</v>
      </c>
      <c r="Y2167">
        <v>5</v>
      </c>
      <c r="Z2167">
        <v>5</v>
      </c>
      <c r="AA2167">
        <v>5</v>
      </c>
      <c r="AB2167">
        <v>5</v>
      </c>
      <c r="AC2167">
        <v>5</v>
      </c>
      <c r="AD2167">
        <v>5</v>
      </c>
      <c r="AE2167">
        <v>5</v>
      </c>
      <c r="AF2167">
        <v>5</v>
      </c>
      <c r="AG2167">
        <v>5</v>
      </c>
      <c r="AH2167">
        <v>5</v>
      </c>
      <c r="AI2167">
        <v>5</v>
      </c>
      <c r="AJ2167">
        <v>5</v>
      </c>
      <c r="AK2167">
        <v>6</v>
      </c>
      <c r="AL2167">
        <v>6</v>
      </c>
      <c r="AM2167">
        <v>6</v>
      </c>
      <c r="AN2167">
        <v>6</v>
      </c>
      <c r="AO2167">
        <v>6</v>
      </c>
      <c r="AP2167">
        <v>6</v>
      </c>
      <c r="AQ2167">
        <v>6</v>
      </c>
    </row>
    <row r="2168" spans="1:43">
      <c r="A2168" t="s">
        <v>1408</v>
      </c>
      <c r="B2168" t="s">
        <v>1409</v>
      </c>
      <c r="C2168" t="s">
        <v>1410</v>
      </c>
      <c r="D2168" t="s">
        <v>1411</v>
      </c>
      <c r="E2168" t="s">
        <v>1192</v>
      </c>
      <c r="F2168" t="s">
        <v>1193</v>
      </c>
      <c r="G2168" t="s">
        <v>80</v>
      </c>
      <c r="H2168" t="s">
        <v>81</v>
      </c>
      <c r="I2168" s="2">
        <v>1</v>
      </c>
      <c r="J2168" s="2">
        <v>0</v>
      </c>
      <c r="K2168" s="2">
        <v>0</v>
      </c>
      <c r="L2168" t="s">
        <v>120</v>
      </c>
      <c r="M2168" t="s">
        <v>89</v>
      </c>
      <c r="N2168" t="s">
        <v>90</v>
      </c>
      <c r="O2168" t="s">
        <v>85</v>
      </c>
      <c r="P2168" t="s">
        <v>86</v>
      </c>
      <c r="Q2168">
        <v>4</v>
      </c>
      <c r="R2168">
        <v>4</v>
      </c>
      <c r="S2168">
        <v>4</v>
      </c>
      <c r="T2168">
        <v>4</v>
      </c>
      <c r="U2168">
        <v>5</v>
      </c>
      <c r="V2168">
        <v>5</v>
      </c>
      <c r="W2168">
        <v>5</v>
      </c>
      <c r="X2168">
        <v>5</v>
      </c>
      <c r="Y2168">
        <v>5</v>
      </c>
      <c r="Z2168">
        <v>5</v>
      </c>
      <c r="AA2168">
        <v>6</v>
      </c>
      <c r="AB2168">
        <v>6</v>
      </c>
      <c r="AC2168">
        <v>6</v>
      </c>
      <c r="AD2168">
        <v>6</v>
      </c>
      <c r="AE2168">
        <v>6</v>
      </c>
      <c r="AF2168">
        <v>6</v>
      </c>
      <c r="AG2168">
        <v>6</v>
      </c>
      <c r="AH2168">
        <v>6</v>
      </c>
      <c r="AI2168">
        <v>6</v>
      </c>
      <c r="AJ2168">
        <v>7</v>
      </c>
      <c r="AK2168">
        <v>7</v>
      </c>
      <c r="AL2168">
        <v>7</v>
      </c>
      <c r="AM2168">
        <v>7</v>
      </c>
      <c r="AN2168">
        <v>7</v>
      </c>
      <c r="AO2168">
        <v>7</v>
      </c>
      <c r="AP2168">
        <v>7</v>
      </c>
      <c r="AQ2168">
        <v>7</v>
      </c>
    </row>
    <row r="2169" spans="1:43">
      <c r="A2169" t="s">
        <v>1408</v>
      </c>
      <c r="B2169" t="s">
        <v>1409</v>
      </c>
      <c r="C2169" t="s">
        <v>1410</v>
      </c>
      <c r="D2169" t="s">
        <v>1411</v>
      </c>
      <c r="E2169" t="s">
        <v>1192</v>
      </c>
      <c r="F2169" t="s">
        <v>1193</v>
      </c>
      <c r="G2169" t="s">
        <v>80</v>
      </c>
      <c r="H2169" t="s">
        <v>81</v>
      </c>
      <c r="I2169" s="2">
        <v>1</v>
      </c>
      <c r="J2169" s="2">
        <v>0</v>
      </c>
      <c r="K2169" s="2">
        <v>0</v>
      </c>
      <c r="L2169" t="s">
        <v>120</v>
      </c>
      <c r="M2169" t="s">
        <v>83</v>
      </c>
      <c r="N2169" t="s">
        <v>91</v>
      </c>
      <c r="O2169" t="s">
        <v>85</v>
      </c>
      <c r="P2169" t="s">
        <v>86</v>
      </c>
      <c r="Q2169">
        <v>4</v>
      </c>
      <c r="R2169">
        <v>4</v>
      </c>
      <c r="S2169">
        <v>4</v>
      </c>
      <c r="T2169">
        <v>4</v>
      </c>
      <c r="U2169">
        <v>4</v>
      </c>
      <c r="V2169">
        <v>5</v>
      </c>
      <c r="W2169">
        <v>5</v>
      </c>
      <c r="X2169">
        <v>5</v>
      </c>
      <c r="Y2169">
        <v>5</v>
      </c>
      <c r="Z2169">
        <v>5</v>
      </c>
      <c r="AA2169">
        <v>5</v>
      </c>
      <c r="AB2169">
        <v>5</v>
      </c>
      <c r="AC2169">
        <v>5</v>
      </c>
      <c r="AD2169">
        <v>6</v>
      </c>
      <c r="AE2169">
        <v>6</v>
      </c>
      <c r="AF2169">
        <v>6</v>
      </c>
      <c r="AG2169">
        <v>6</v>
      </c>
      <c r="AH2169">
        <v>6</v>
      </c>
      <c r="AI2169">
        <v>6</v>
      </c>
      <c r="AJ2169">
        <v>6</v>
      </c>
      <c r="AK2169">
        <v>7</v>
      </c>
      <c r="AL2169">
        <v>7</v>
      </c>
      <c r="AM2169">
        <v>7</v>
      </c>
      <c r="AN2169">
        <v>7</v>
      </c>
      <c r="AO2169">
        <v>7</v>
      </c>
      <c r="AP2169">
        <v>7</v>
      </c>
      <c r="AQ2169">
        <v>7</v>
      </c>
    </row>
    <row r="2170" spans="1:43">
      <c r="A2170" t="s">
        <v>1412</v>
      </c>
      <c r="B2170" t="s">
        <v>1413</v>
      </c>
      <c r="C2170" t="s">
        <v>1410</v>
      </c>
      <c r="D2170" t="s">
        <v>1411</v>
      </c>
      <c r="E2170" t="s">
        <v>1192</v>
      </c>
      <c r="F2170" t="s">
        <v>1193</v>
      </c>
      <c r="G2170" t="s">
        <v>80</v>
      </c>
      <c r="H2170" t="s">
        <v>81</v>
      </c>
      <c r="I2170" s="2">
        <v>1</v>
      </c>
      <c r="J2170" s="2">
        <v>0</v>
      </c>
      <c r="K2170" s="2">
        <v>0</v>
      </c>
      <c r="L2170" t="s">
        <v>120</v>
      </c>
      <c r="M2170" t="s">
        <v>83</v>
      </c>
      <c r="N2170" t="s">
        <v>84</v>
      </c>
      <c r="O2170" t="s">
        <v>85</v>
      </c>
      <c r="P2170" t="s">
        <v>86</v>
      </c>
      <c r="Q2170">
        <v>30</v>
      </c>
      <c r="R2170">
        <v>31</v>
      </c>
      <c r="S2170">
        <v>31</v>
      </c>
      <c r="T2170">
        <v>32</v>
      </c>
      <c r="U2170">
        <v>33</v>
      </c>
      <c r="V2170">
        <v>34</v>
      </c>
      <c r="W2170">
        <v>35</v>
      </c>
      <c r="X2170">
        <v>36</v>
      </c>
      <c r="Y2170">
        <v>37</v>
      </c>
      <c r="Z2170">
        <v>37</v>
      </c>
      <c r="AA2170">
        <v>38</v>
      </c>
      <c r="AB2170">
        <v>39</v>
      </c>
      <c r="AC2170">
        <v>40</v>
      </c>
      <c r="AD2170">
        <v>41</v>
      </c>
      <c r="AE2170">
        <v>42</v>
      </c>
      <c r="AF2170">
        <v>43</v>
      </c>
      <c r="AG2170">
        <v>44</v>
      </c>
      <c r="AH2170">
        <v>45</v>
      </c>
      <c r="AI2170">
        <v>46</v>
      </c>
      <c r="AJ2170">
        <v>47</v>
      </c>
      <c r="AK2170">
        <v>48</v>
      </c>
      <c r="AL2170">
        <v>49</v>
      </c>
      <c r="AM2170">
        <v>50</v>
      </c>
      <c r="AN2170">
        <v>50</v>
      </c>
      <c r="AO2170">
        <v>51</v>
      </c>
      <c r="AP2170">
        <v>52</v>
      </c>
      <c r="AQ2170">
        <v>52</v>
      </c>
    </row>
    <row r="2171" spans="1:43">
      <c r="A2171" t="s">
        <v>1412</v>
      </c>
      <c r="B2171" t="s">
        <v>1413</v>
      </c>
      <c r="C2171" t="s">
        <v>1410</v>
      </c>
      <c r="D2171" t="s">
        <v>1411</v>
      </c>
      <c r="E2171" t="s">
        <v>1192</v>
      </c>
      <c r="F2171" t="s">
        <v>1193</v>
      </c>
      <c r="G2171" t="s">
        <v>80</v>
      </c>
      <c r="H2171" t="s">
        <v>81</v>
      </c>
      <c r="I2171" s="2">
        <v>1</v>
      </c>
      <c r="J2171" s="2">
        <v>0</v>
      </c>
      <c r="K2171" s="2">
        <v>0</v>
      </c>
      <c r="L2171" t="s">
        <v>120</v>
      </c>
      <c r="M2171" t="s">
        <v>87</v>
      </c>
      <c r="N2171" t="s">
        <v>88</v>
      </c>
      <c r="O2171" t="s">
        <v>85</v>
      </c>
      <c r="P2171" t="s">
        <v>86</v>
      </c>
      <c r="Q2171">
        <v>30</v>
      </c>
      <c r="R2171">
        <v>31</v>
      </c>
      <c r="S2171">
        <v>31</v>
      </c>
      <c r="T2171">
        <v>32</v>
      </c>
      <c r="U2171">
        <v>33</v>
      </c>
      <c r="V2171">
        <v>33</v>
      </c>
      <c r="W2171">
        <v>34</v>
      </c>
      <c r="X2171">
        <v>34</v>
      </c>
      <c r="Y2171">
        <v>35</v>
      </c>
      <c r="Z2171">
        <v>35</v>
      </c>
      <c r="AA2171">
        <v>36</v>
      </c>
      <c r="AB2171">
        <v>37</v>
      </c>
      <c r="AC2171">
        <v>37</v>
      </c>
      <c r="AD2171">
        <v>38</v>
      </c>
      <c r="AE2171">
        <v>38</v>
      </c>
      <c r="AF2171">
        <v>39</v>
      </c>
      <c r="AG2171">
        <v>40</v>
      </c>
      <c r="AH2171">
        <v>40</v>
      </c>
      <c r="AI2171">
        <v>41</v>
      </c>
      <c r="AJ2171">
        <v>42</v>
      </c>
      <c r="AK2171">
        <v>42</v>
      </c>
      <c r="AL2171">
        <v>43</v>
      </c>
      <c r="AM2171">
        <v>44</v>
      </c>
      <c r="AN2171">
        <v>44</v>
      </c>
      <c r="AO2171">
        <v>45</v>
      </c>
      <c r="AP2171">
        <v>46</v>
      </c>
      <c r="AQ2171">
        <v>46</v>
      </c>
    </row>
    <row r="2172" spans="1:43">
      <c r="A2172" t="s">
        <v>1412</v>
      </c>
      <c r="B2172" t="s">
        <v>1413</v>
      </c>
      <c r="C2172" t="s">
        <v>1410</v>
      </c>
      <c r="D2172" t="s">
        <v>1411</v>
      </c>
      <c r="E2172" t="s">
        <v>1192</v>
      </c>
      <c r="F2172" t="s">
        <v>1193</v>
      </c>
      <c r="G2172" t="s">
        <v>80</v>
      </c>
      <c r="H2172" t="s">
        <v>81</v>
      </c>
      <c r="I2172" s="2">
        <v>1</v>
      </c>
      <c r="J2172" s="2">
        <v>0</v>
      </c>
      <c r="K2172" s="2">
        <v>0</v>
      </c>
      <c r="L2172" t="s">
        <v>120</v>
      </c>
      <c r="M2172" t="s">
        <v>89</v>
      </c>
      <c r="N2172" t="s">
        <v>90</v>
      </c>
      <c r="O2172" t="s">
        <v>85</v>
      </c>
      <c r="P2172" t="s">
        <v>86</v>
      </c>
      <c r="Q2172">
        <v>30</v>
      </c>
      <c r="R2172">
        <v>31</v>
      </c>
      <c r="S2172">
        <v>32</v>
      </c>
      <c r="T2172">
        <v>33</v>
      </c>
      <c r="U2172">
        <v>34</v>
      </c>
      <c r="V2172">
        <v>35</v>
      </c>
      <c r="W2172">
        <v>36</v>
      </c>
      <c r="X2172">
        <v>38</v>
      </c>
      <c r="Y2172">
        <v>39</v>
      </c>
      <c r="Z2172">
        <v>40</v>
      </c>
      <c r="AA2172">
        <v>41</v>
      </c>
      <c r="AB2172">
        <v>42</v>
      </c>
      <c r="AC2172">
        <v>43</v>
      </c>
      <c r="AD2172">
        <v>44</v>
      </c>
      <c r="AE2172">
        <v>45</v>
      </c>
      <c r="AF2172">
        <v>46</v>
      </c>
      <c r="AG2172">
        <v>46</v>
      </c>
      <c r="AH2172">
        <v>47</v>
      </c>
      <c r="AI2172">
        <v>48</v>
      </c>
      <c r="AJ2172">
        <v>48</v>
      </c>
      <c r="AK2172">
        <v>49</v>
      </c>
      <c r="AL2172">
        <v>50</v>
      </c>
      <c r="AM2172">
        <v>50</v>
      </c>
      <c r="AN2172">
        <v>51</v>
      </c>
      <c r="AO2172">
        <v>51</v>
      </c>
      <c r="AP2172">
        <v>52</v>
      </c>
      <c r="AQ2172">
        <v>53</v>
      </c>
    </row>
    <row r="2173" spans="1:43">
      <c r="A2173" t="s">
        <v>1412</v>
      </c>
      <c r="B2173" t="s">
        <v>1413</v>
      </c>
      <c r="C2173" t="s">
        <v>1410</v>
      </c>
      <c r="D2173" t="s">
        <v>1411</v>
      </c>
      <c r="E2173" t="s">
        <v>1192</v>
      </c>
      <c r="F2173" t="s">
        <v>1193</v>
      </c>
      <c r="G2173" t="s">
        <v>80</v>
      </c>
      <c r="H2173" t="s">
        <v>81</v>
      </c>
      <c r="I2173" s="2">
        <v>1</v>
      </c>
      <c r="J2173" s="2">
        <v>0</v>
      </c>
      <c r="K2173" s="2">
        <v>0</v>
      </c>
      <c r="L2173" t="s">
        <v>120</v>
      </c>
      <c r="M2173" t="s">
        <v>83</v>
      </c>
      <c r="N2173" t="s">
        <v>91</v>
      </c>
      <c r="O2173" t="s">
        <v>85</v>
      </c>
      <c r="P2173" t="s">
        <v>86</v>
      </c>
      <c r="Q2173">
        <v>30</v>
      </c>
      <c r="R2173">
        <v>31</v>
      </c>
      <c r="S2173">
        <v>31</v>
      </c>
      <c r="T2173">
        <v>32</v>
      </c>
      <c r="U2173">
        <v>33</v>
      </c>
      <c r="V2173">
        <v>34</v>
      </c>
      <c r="W2173">
        <v>35</v>
      </c>
      <c r="X2173">
        <v>36</v>
      </c>
      <c r="Y2173">
        <v>37</v>
      </c>
      <c r="Z2173">
        <v>37</v>
      </c>
      <c r="AA2173">
        <v>38</v>
      </c>
      <c r="AB2173">
        <v>39</v>
      </c>
      <c r="AC2173">
        <v>40</v>
      </c>
      <c r="AD2173">
        <v>41</v>
      </c>
      <c r="AE2173">
        <v>42</v>
      </c>
      <c r="AF2173">
        <v>43</v>
      </c>
      <c r="AG2173">
        <v>44</v>
      </c>
      <c r="AH2173">
        <v>45</v>
      </c>
      <c r="AI2173">
        <v>46</v>
      </c>
      <c r="AJ2173">
        <v>47</v>
      </c>
      <c r="AK2173">
        <v>48</v>
      </c>
      <c r="AL2173">
        <v>49</v>
      </c>
      <c r="AM2173">
        <v>50</v>
      </c>
      <c r="AN2173">
        <v>50</v>
      </c>
      <c r="AO2173">
        <v>51</v>
      </c>
      <c r="AP2173">
        <v>52</v>
      </c>
      <c r="AQ2173">
        <v>52</v>
      </c>
    </row>
    <row r="2174" spans="1:43">
      <c r="A2174" t="s">
        <v>1414</v>
      </c>
      <c r="B2174" t="s">
        <v>1415</v>
      </c>
      <c r="C2174" t="s">
        <v>1404</v>
      </c>
      <c r="D2174" t="s">
        <v>1405</v>
      </c>
      <c r="E2174" t="s">
        <v>1192</v>
      </c>
      <c r="F2174" t="s">
        <v>1193</v>
      </c>
      <c r="G2174" t="s">
        <v>80</v>
      </c>
      <c r="H2174" t="s">
        <v>81</v>
      </c>
      <c r="I2174" s="2">
        <v>1</v>
      </c>
      <c r="J2174" s="2">
        <v>0</v>
      </c>
      <c r="K2174" s="2">
        <v>0</v>
      </c>
      <c r="L2174" t="s">
        <v>120</v>
      </c>
      <c r="M2174" t="s">
        <v>83</v>
      </c>
      <c r="N2174" t="s">
        <v>84</v>
      </c>
      <c r="O2174" t="s">
        <v>85</v>
      </c>
      <c r="P2174" t="s">
        <v>86</v>
      </c>
      <c r="Q2174">
        <v>28</v>
      </c>
      <c r="R2174">
        <v>29</v>
      </c>
      <c r="S2174">
        <v>29</v>
      </c>
      <c r="T2174">
        <v>30</v>
      </c>
      <c r="U2174">
        <v>31</v>
      </c>
      <c r="V2174">
        <v>32</v>
      </c>
      <c r="W2174">
        <v>33</v>
      </c>
      <c r="X2174">
        <v>33</v>
      </c>
      <c r="Y2174">
        <v>34</v>
      </c>
      <c r="Z2174">
        <v>35</v>
      </c>
      <c r="AA2174">
        <v>36</v>
      </c>
      <c r="AB2174">
        <v>37</v>
      </c>
      <c r="AC2174">
        <v>38</v>
      </c>
      <c r="AD2174">
        <v>39</v>
      </c>
      <c r="AE2174">
        <v>40</v>
      </c>
      <c r="AF2174">
        <v>40</v>
      </c>
      <c r="AG2174">
        <v>41</v>
      </c>
      <c r="AH2174">
        <v>42</v>
      </c>
      <c r="AI2174">
        <v>43</v>
      </c>
      <c r="AJ2174">
        <v>44</v>
      </c>
      <c r="AK2174">
        <v>45</v>
      </c>
      <c r="AL2174">
        <v>46</v>
      </c>
      <c r="AM2174">
        <v>47</v>
      </c>
      <c r="AN2174">
        <v>47</v>
      </c>
      <c r="AO2174">
        <v>48</v>
      </c>
      <c r="AP2174">
        <v>48</v>
      </c>
      <c r="AQ2174">
        <v>49</v>
      </c>
    </row>
    <row r="2175" spans="1:43">
      <c r="A2175" t="s">
        <v>1414</v>
      </c>
      <c r="B2175" t="s">
        <v>1415</v>
      </c>
      <c r="C2175" t="s">
        <v>1404</v>
      </c>
      <c r="D2175" t="s">
        <v>1405</v>
      </c>
      <c r="E2175" t="s">
        <v>1192</v>
      </c>
      <c r="F2175" t="s">
        <v>1193</v>
      </c>
      <c r="G2175" t="s">
        <v>80</v>
      </c>
      <c r="H2175" t="s">
        <v>81</v>
      </c>
      <c r="I2175" s="2">
        <v>1</v>
      </c>
      <c r="J2175" s="2">
        <v>0</v>
      </c>
      <c r="K2175" s="2">
        <v>0</v>
      </c>
      <c r="L2175" t="s">
        <v>120</v>
      </c>
      <c r="M2175" t="s">
        <v>87</v>
      </c>
      <c r="N2175" t="s">
        <v>88</v>
      </c>
      <c r="O2175" t="s">
        <v>85</v>
      </c>
      <c r="P2175" t="s">
        <v>86</v>
      </c>
      <c r="Q2175">
        <v>28</v>
      </c>
      <c r="R2175">
        <v>28</v>
      </c>
      <c r="S2175">
        <v>29</v>
      </c>
      <c r="T2175">
        <v>29</v>
      </c>
      <c r="U2175">
        <v>30</v>
      </c>
      <c r="V2175">
        <v>30</v>
      </c>
      <c r="W2175">
        <v>31</v>
      </c>
      <c r="X2175">
        <v>31</v>
      </c>
      <c r="Y2175">
        <v>32</v>
      </c>
      <c r="Z2175">
        <v>32</v>
      </c>
      <c r="AA2175">
        <v>33</v>
      </c>
      <c r="AB2175">
        <v>33</v>
      </c>
      <c r="AC2175">
        <v>34</v>
      </c>
      <c r="AD2175">
        <v>34</v>
      </c>
      <c r="AE2175">
        <v>35</v>
      </c>
      <c r="AF2175">
        <v>36</v>
      </c>
      <c r="AG2175">
        <v>36</v>
      </c>
      <c r="AH2175">
        <v>37</v>
      </c>
      <c r="AI2175">
        <v>37</v>
      </c>
      <c r="AJ2175">
        <v>38</v>
      </c>
      <c r="AK2175">
        <v>39</v>
      </c>
      <c r="AL2175">
        <v>39</v>
      </c>
      <c r="AM2175">
        <v>40</v>
      </c>
      <c r="AN2175">
        <v>41</v>
      </c>
      <c r="AO2175">
        <v>41</v>
      </c>
      <c r="AP2175">
        <v>42</v>
      </c>
      <c r="AQ2175">
        <v>43</v>
      </c>
    </row>
    <row r="2176" spans="1:43">
      <c r="A2176" t="s">
        <v>1414</v>
      </c>
      <c r="B2176" t="s">
        <v>1415</v>
      </c>
      <c r="C2176" t="s">
        <v>1404</v>
      </c>
      <c r="D2176" t="s">
        <v>1405</v>
      </c>
      <c r="E2176" t="s">
        <v>1192</v>
      </c>
      <c r="F2176" t="s">
        <v>1193</v>
      </c>
      <c r="G2176" t="s">
        <v>80</v>
      </c>
      <c r="H2176" t="s">
        <v>81</v>
      </c>
      <c r="I2176" s="2">
        <v>1</v>
      </c>
      <c r="J2176" s="2">
        <v>0</v>
      </c>
      <c r="K2176" s="2">
        <v>0</v>
      </c>
      <c r="L2176" t="s">
        <v>120</v>
      </c>
      <c r="M2176" t="s">
        <v>89</v>
      </c>
      <c r="N2176" t="s">
        <v>90</v>
      </c>
      <c r="O2176" t="s">
        <v>85</v>
      </c>
      <c r="P2176" t="s">
        <v>86</v>
      </c>
      <c r="Q2176">
        <v>28</v>
      </c>
      <c r="R2176">
        <v>29</v>
      </c>
      <c r="S2176">
        <v>30</v>
      </c>
      <c r="T2176">
        <v>31</v>
      </c>
      <c r="U2176">
        <v>32</v>
      </c>
      <c r="V2176">
        <v>33</v>
      </c>
      <c r="W2176">
        <v>34</v>
      </c>
      <c r="X2176">
        <v>35</v>
      </c>
      <c r="Y2176">
        <v>36</v>
      </c>
      <c r="Z2176">
        <v>37</v>
      </c>
      <c r="AA2176">
        <v>38</v>
      </c>
      <c r="AB2176">
        <v>39</v>
      </c>
      <c r="AC2176">
        <v>40</v>
      </c>
      <c r="AD2176">
        <v>41</v>
      </c>
      <c r="AE2176">
        <v>42</v>
      </c>
      <c r="AF2176">
        <v>43</v>
      </c>
      <c r="AG2176">
        <v>44</v>
      </c>
      <c r="AH2176">
        <v>44</v>
      </c>
      <c r="AI2176">
        <v>45</v>
      </c>
      <c r="AJ2176">
        <v>45</v>
      </c>
      <c r="AK2176">
        <v>46</v>
      </c>
      <c r="AL2176">
        <v>46</v>
      </c>
      <c r="AM2176">
        <v>47</v>
      </c>
      <c r="AN2176">
        <v>48</v>
      </c>
      <c r="AO2176">
        <v>48</v>
      </c>
      <c r="AP2176">
        <v>49</v>
      </c>
      <c r="AQ2176">
        <v>49</v>
      </c>
    </row>
    <row r="2177" spans="1:43">
      <c r="A2177" t="s">
        <v>1414</v>
      </c>
      <c r="B2177" t="s">
        <v>1415</v>
      </c>
      <c r="C2177" t="s">
        <v>1404</v>
      </c>
      <c r="D2177" t="s">
        <v>1405</v>
      </c>
      <c r="E2177" t="s">
        <v>1192</v>
      </c>
      <c r="F2177" t="s">
        <v>1193</v>
      </c>
      <c r="G2177" t="s">
        <v>80</v>
      </c>
      <c r="H2177" t="s">
        <v>81</v>
      </c>
      <c r="I2177" s="2">
        <v>1</v>
      </c>
      <c r="J2177" s="2">
        <v>0</v>
      </c>
      <c r="K2177" s="2">
        <v>0</v>
      </c>
      <c r="L2177" t="s">
        <v>120</v>
      </c>
      <c r="M2177" t="s">
        <v>83</v>
      </c>
      <c r="N2177" t="s">
        <v>91</v>
      </c>
      <c r="O2177" t="s">
        <v>85</v>
      </c>
      <c r="P2177" t="s">
        <v>86</v>
      </c>
      <c r="Q2177">
        <v>28</v>
      </c>
      <c r="R2177">
        <v>29</v>
      </c>
      <c r="S2177">
        <v>29</v>
      </c>
      <c r="T2177">
        <v>30</v>
      </c>
      <c r="U2177">
        <v>31</v>
      </c>
      <c r="V2177">
        <v>32</v>
      </c>
      <c r="W2177">
        <v>33</v>
      </c>
      <c r="X2177">
        <v>33</v>
      </c>
      <c r="Y2177">
        <v>34</v>
      </c>
      <c r="Z2177">
        <v>35</v>
      </c>
      <c r="AA2177">
        <v>36</v>
      </c>
      <c r="AB2177">
        <v>37</v>
      </c>
      <c r="AC2177">
        <v>38</v>
      </c>
      <c r="AD2177">
        <v>39</v>
      </c>
      <c r="AE2177">
        <v>40</v>
      </c>
      <c r="AF2177">
        <v>40</v>
      </c>
      <c r="AG2177">
        <v>41</v>
      </c>
      <c r="AH2177">
        <v>42</v>
      </c>
      <c r="AI2177">
        <v>43</v>
      </c>
      <c r="AJ2177">
        <v>44</v>
      </c>
      <c r="AK2177">
        <v>45</v>
      </c>
      <c r="AL2177">
        <v>46</v>
      </c>
      <c r="AM2177">
        <v>47</v>
      </c>
      <c r="AN2177">
        <v>47</v>
      </c>
      <c r="AO2177">
        <v>48</v>
      </c>
      <c r="AP2177">
        <v>48</v>
      </c>
      <c r="AQ2177">
        <v>49</v>
      </c>
    </row>
    <row r="2178" spans="1:43">
      <c r="A2178" t="s">
        <v>1416</v>
      </c>
      <c r="B2178" t="s">
        <v>1417</v>
      </c>
      <c r="C2178" t="s">
        <v>1418</v>
      </c>
      <c r="D2178" t="s">
        <v>1419</v>
      </c>
      <c r="E2178" t="s">
        <v>1192</v>
      </c>
      <c r="F2178" t="s">
        <v>1193</v>
      </c>
      <c r="G2178" t="s">
        <v>80</v>
      </c>
      <c r="H2178" t="s">
        <v>81</v>
      </c>
      <c r="I2178" s="2">
        <v>1</v>
      </c>
      <c r="J2178" s="2">
        <v>0</v>
      </c>
      <c r="K2178" s="2">
        <v>0</v>
      </c>
      <c r="L2178" t="s">
        <v>120</v>
      </c>
      <c r="M2178" t="s">
        <v>83</v>
      </c>
      <c r="N2178" t="s">
        <v>84</v>
      </c>
      <c r="O2178" t="s">
        <v>85</v>
      </c>
      <c r="P2178" t="s">
        <v>86</v>
      </c>
      <c r="Q2178">
        <v>8</v>
      </c>
      <c r="R2178">
        <v>9</v>
      </c>
      <c r="S2178">
        <v>9</v>
      </c>
      <c r="T2178">
        <v>9</v>
      </c>
      <c r="U2178">
        <v>9</v>
      </c>
      <c r="V2178">
        <v>10</v>
      </c>
      <c r="W2178">
        <v>10</v>
      </c>
      <c r="X2178">
        <v>10</v>
      </c>
      <c r="Y2178">
        <v>10</v>
      </c>
      <c r="Z2178">
        <v>11</v>
      </c>
      <c r="AA2178">
        <v>11</v>
      </c>
      <c r="AB2178">
        <v>11</v>
      </c>
      <c r="AC2178">
        <v>11</v>
      </c>
      <c r="AD2178">
        <v>12</v>
      </c>
      <c r="AE2178">
        <v>12</v>
      </c>
      <c r="AF2178">
        <v>12</v>
      </c>
      <c r="AG2178">
        <v>13</v>
      </c>
      <c r="AH2178">
        <v>13</v>
      </c>
      <c r="AI2178">
        <v>13</v>
      </c>
      <c r="AJ2178">
        <v>13</v>
      </c>
      <c r="AK2178">
        <v>14</v>
      </c>
      <c r="AL2178">
        <v>14</v>
      </c>
      <c r="AM2178">
        <v>14</v>
      </c>
      <c r="AN2178">
        <v>14</v>
      </c>
      <c r="AO2178">
        <v>15</v>
      </c>
      <c r="AP2178">
        <v>15</v>
      </c>
      <c r="AQ2178">
        <v>15</v>
      </c>
    </row>
    <row r="2179" spans="1:43">
      <c r="A2179" t="s">
        <v>1416</v>
      </c>
      <c r="B2179" t="s">
        <v>1417</v>
      </c>
      <c r="C2179" t="s">
        <v>1418</v>
      </c>
      <c r="D2179" t="s">
        <v>1419</v>
      </c>
      <c r="E2179" t="s">
        <v>1192</v>
      </c>
      <c r="F2179" t="s">
        <v>1193</v>
      </c>
      <c r="G2179" t="s">
        <v>80</v>
      </c>
      <c r="H2179" t="s">
        <v>81</v>
      </c>
      <c r="I2179" s="2">
        <v>1</v>
      </c>
      <c r="J2179" s="2">
        <v>0</v>
      </c>
      <c r="K2179" s="2">
        <v>0</v>
      </c>
      <c r="L2179" t="s">
        <v>120</v>
      </c>
      <c r="M2179" t="s">
        <v>87</v>
      </c>
      <c r="N2179" t="s">
        <v>88</v>
      </c>
      <c r="O2179" t="s">
        <v>85</v>
      </c>
      <c r="P2179" t="s">
        <v>86</v>
      </c>
      <c r="Q2179">
        <v>8</v>
      </c>
      <c r="R2179">
        <v>9</v>
      </c>
      <c r="S2179">
        <v>9</v>
      </c>
      <c r="T2179">
        <v>9</v>
      </c>
      <c r="U2179">
        <v>9</v>
      </c>
      <c r="V2179">
        <v>9</v>
      </c>
      <c r="W2179">
        <v>9</v>
      </c>
      <c r="X2179">
        <v>9</v>
      </c>
      <c r="Y2179">
        <v>10</v>
      </c>
      <c r="Z2179">
        <v>10</v>
      </c>
      <c r="AA2179">
        <v>10</v>
      </c>
      <c r="AB2179">
        <v>10</v>
      </c>
      <c r="AC2179">
        <v>10</v>
      </c>
      <c r="AD2179">
        <v>10</v>
      </c>
      <c r="AE2179">
        <v>11</v>
      </c>
      <c r="AF2179">
        <v>11</v>
      </c>
      <c r="AG2179">
        <v>11</v>
      </c>
      <c r="AH2179">
        <v>11</v>
      </c>
      <c r="AI2179">
        <v>11</v>
      </c>
      <c r="AJ2179">
        <v>12</v>
      </c>
      <c r="AK2179">
        <v>12</v>
      </c>
      <c r="AL2179">
        <v>12</v>
      </c>
      <c r="AM2179">
        <v>12</v>
      </c>
      <c r="AN2179">
        <v>12</v>
      </c>
      <c r="AO2179">
        <v>13</v>
      </c>
      <c r="AP2179">
        <v>13</v>
      </c>
      <c r="AQ2179">
        <v>13</v>
      </c>
    </row>
    <row r="2180" spans="1:43">
      <c r="A2180" t="s">
        <v>1416</v>
      </c>
      <c r="B2180" t="s">
        <v>1417</v>
      </c>
      <c r="C2180" t="s">
        <v>1418</v>
      </c>
      <c r="D2180" t="s">
        <v>1419</v>
      </c>
      <c r="E2180" t="s">
        <v>1192</v>
      </c>
      <c r="F2180" t="s">
        <v>1193</v>
      </c>
      <c r="G2180" t="s">
        <v>80</v>
      </c>
      <c r="H2180" t="s">
        <v>81</v>
      </c>
      <c r="I2180" s="2">
        <v>1</v>
      </c>
      <c r="J2180" s="2">
        <v>0</v>
      </c>
      <c r="K2180" s="2">
        <v>0</v>
      </c>
      <c r="L2180" t="s">
        <v>120</v>
      </c>
      <c r="M2180" t="s">
        <v>89</v>
      </c>
      <c r="N2180" t="s">
        <v>90</v>
      </c>
      <c r="O2180" t="s">
        <v>85</v>
      </c>
      <c r="P2180" t="s">
        <v>86</v>
      </c>
      <c r="Q2180">
        <v>8</v>
      </c>
      <c r="R2180">
        <v>8</v>
      </c>
      <c r="S2180">
        <v>8</v>
      </c>
      <c r="T2180">
        <v>8</v>
      </c>
      <c r="U2180">
        <v>9</v>
      </c>
      <c r="V2180">
        <v>9</v>
      </c>
      <c r="W2180">
        <v>9</v>
      </c>
      <c r="X2180">
        <v>10</v>
      </c>
      <c r="Y2180">
        <v>10</v>
      </c>
      <c r="Z2180">
        <v>10</v>
      </c>
      <c r="AA2180">
        <v>11</v>
      </c>
      <c r="AB2180">
        <v>11</v>
      </c>
      <c r="AC2180">
        <v>11</v>
      </c>
      <c r="AD2180">
        <v>12</v>
      </c>
      <c r="AE2180">
        <v>12</v>
      </c>
      <c r="AF2180">
        <v>12</v>
      </c>
      <c r="AG2180">
        <v>12</v>
      </c>
      <c r="AH2180">
        <v>12</v>
      </c>
      <c r="AI2180">
        <v>13</v>
      </c>
      <c r="AJ2180">
        <v>13</v>
      </c>
      <c r="AK2180">
        <v>13</v>
      </c>
      <c r="AL2180">
        <v>13</v>
      </c>
      <c r="AM2180">
        <v>13</v>
      </c>
      <c r="AN2180">
        <v>14</v>
      </c>
      <c r="AO2180">
        <v>14</v>
      </c>
      <c r="AP2180">
        <v>14</v>
      </c>
      <c r="AQ2180">
        <v>14</v>
      </c>
    </row>
    <row r="2181" spans="1:43">
      <c r="A2181" t="s">
        <v>1416</v>
      </c>
      <c r="B2181" t="s">
        <v>1417</v>
      </c>
      <c r="C2181" t="s">
        <v>1418</v>
      </c>
      <c r="D2181" t="s">
        <v>1419</v>
      </c>
      <c r="E2181" t="s">
        <v>1192</v>
      </c>
      <c r="F2181" t="s">
        <v>1193</v>
      </c>
      <c r="G2181" t="s">
        <v>80</v>
      </c>
      <c r="H2181" t="s">
        <v>81</v>
      </c>
      <c r="I2181" s="2">
        <v>1</v>
      </c>
      <c r="J2181" s="2">
        <v>0</v>
      </c>
      <c r="K2181" s="2">
        <v>0</v>
      </c>
      <c r="L2181" t="s">
        <v>120</v>
      </c>
      <c r="M2181" t="s">
        <v>83</v>
      </c>
      <c r="N2181" t="s">
        <v>91</v>
      </c>
      <c r="O2181" t="s">
        <v>85</v>
      </c>
      <c r="P2181" t="s">
        <v>86</v>
      </c>
      <c r="Q2181">
        <v>8</v>
      </c>
      <c r="R2181">
        <v>9</v>
      </c>
      <c r="S2181">
        <v>9</v>
      </c>
      <c r="T2181">
        <v>9</v>
      </c>
      <c r="U2181">
        <v>9</v>
      </c>
      <c r="V2181">
        <v>10</v>
      </c>
      <c r="W2181">
        <v>10</v>
      </c>
      <c r="X2181">
        <v>10</v>
      </c>
      <c r="Y2181">
        <v>10</v>
      </c>
      <c r="Z2181">
        <v>11</v>
      </c>
      <c r="AA2181">
        <v>11</v>
      </c>
      <c r="AB2181">
        <v>11</v>
      </c>
      <c r="AC2181">
        <v>11</v>
      </c>
      <c r="AD2181">
        <v>12</v>
      </c>
      <c r="AE2181">
        <v>12</v>
      </c>
      <c r="AF2181">
        <v>12</v>
      </c>
      <c r="AG2181">
        <v>13</v>
      </c>
      <c r="AH2181">
        <v>13</v>
      </c>
      <c r="AI2181">
        <v>13</v>
      </c>
      <c r="AJ2181">
        <v>13</v>
      </c>
      <c r="AK2181">
        <v>14</v>
      </c>
      <c r="AL2181">
        <v>14</v>
      </c>
      <c r="AM2181">
        <v>14</v>
      </c>
      <c r="AN2181">
        <v>14</v>
      </c>
      <c r="AO2181">
        <v>15</v>
      </c>
      <c r="AP2181">
        <v>15</v>
      </c>
      <c r="AQ2181">
        <v>15</v>
      </c>
    </row>
    <row r="2182" spans="1:43">
      <c r="A2182" t="s">
        <v>1420</v>
      </c>
      <c r="B2182" t="s">
        <v>1421</v>
      </c>
      <c r="C2182" t="s">
        <v>1404</v>
      </c>
      <c r="D2182" t="s">
        <v>1405</v>
      </c>
      <c r="E2182" t="s">
        <v>1192</v>
      </c>
      <c r="F2182" t="s">
        <v>1193</v>
      </c>
      <c r="G2182" t="s">
        <v>80</v>
      </c>
      <c r="H2182" t="s">
        <v>81</v>
      </c>
      <c r="I2182" s="2">
        <v>1</v>
      </c>
      <c r="J2182" s="2">
        <v>0</v>
      </c>
      <c r="K2182" s="2">
        <v>0</v>
      </c>
      <c r="L2182" t="s">
        <v>120</v>
      </c>
      <c r="M2182" t="s">
        <v>83</v>
      </c>
      <c r="N2182" t="s">
        <v>84</v>
      </c>
      <c r="O2182" t="s">
        <v>85</v>
      </c>
      <c r="P2182" t="s">
        <v>86</v>
      </c>
      <c r="Q2182">
        <v>41</v>
      </c>
      <c r="R2182">
        <v>42</v>
      </c>
      <c r="S2182">
        <v>43</v>
      </c>
      <c r="T2182">
        <v>45</v>
      </c>
      <c r="U2182">
        <v>46</v>
      </c>
      <c r="V2182">
        <v>47</v>
      </c>
      <c r="W2182">
        <v>48</v>
      </c>
      <c r="X2182">
        <v>49</v>
      </c>
      <c r="Y2182">
        <v>51</v>
      </c>
      <c r="Z2182">
        <v>52</v>
      </c>
      <c r="AA2182">
        <v>53</v>
      </c>
      <c r="AB2182">
        <v>54</v>
      </c>
      <c r="AC2182">
        <v>56</v>
      </c>
      <c r="AD2182">
        <v>57</v>
      </c>
      <c r="AE2182">
        <v>58</v>
      </c>
      <c r="AF2182">
        <v>60</v>
      </c>
      <c r="AG2182">
        <v>61</v>
      </c>
      <c r="AH2182">
        <v>62</v>
      </c>
      <c r="AI2182">
        <v>64</v>
      </c>
      <c r="AJ2182">
        <v>65</v>
      </c>
      <c r="AK2182">
        <v>67</v>
      </c>
      <c r="AL2182">
        <v>68</v>
      </c>
      <c r="AM2182">
        <v>69</v>
      </c>
      <c r="AN2182">
        <v>70</v>
      </c>
      <c r="AO2182">
        <v>70</v>
      </c>
      <c r="AP2182">
        <v>71</v>
      </c>
      <c r="AQ2182">
        <v>72</v>
      </c>
    </row>
    <row r="2183" spans="1:43">
      <c r="A2183" t="s">
        <v>1420</v>
      </c>
      <c r="B2183" t="s">
        <v>1421</v>
      </c>
      <c r="C2183" t="s">
        <v>1404</v>
      </c>
      <c r="D2183" t="s">
        <v>1405</v>
      </c>
      <c r="E2183" t="s">
        <v>1192</v>
      </c>
      <c r="F2183" t="s">
        <v>1193</v>
      </c>
      <c r="G2183" t="s">
        <v>80</v>
      </c>
      <c r="H2183" t="s">
        <v>81</v>
      </c>
      <c r="I2183" s="2">
        <v>1</v>
      </c>
      <c r="J2183" s="2">
        <v>0</v>
      </c>
      <c r="K2183" s="2">
        <v>0</v>
      </c>
      <c r="L2183" t="s">
        <v>120</v>
      </c>
      <c r="M2183" t="s">
        <v>87</v>
      </c>
      <c r="N2183" t="s">
        <v>88</v>
      </c>
      <c r="O2183" t="s">
        <v>85</v>
      </c>
      <c r="P2183" t="s">
        <v>86</v>
      </c>
      <c r="Q2183">
        <v>41</v>
      </c>
      <c r="R2183">
        <v>41</v>
      </c>
      <c r="S2183">
        <v>42</v>
      </c>
      <c r="T2183">
        <v>43</v>
      </c>
      <c r="U2183">
        <v>44</v>
      </c>
      <c r="V2183">
        <v>44</v>
      </c>
      <c r="W2183">
        <v>45</v>
      </c>
      <c r="X2183">
        <v>46</v>
      </c>
      <c r="Y2183">
        <v>47</v>
      </c>
      <c r="Z2183">
        <v>48</v>
      </c>
      <c r="AA2183">
        <v>48</v>
      </c>
      <c r="AB2183">
        <v>49</v>
      </c>
      <c r="AC2183">
        <v>50</v>
      </c>
      <c r="AD2183">
        <v>51</v>
      </c>
      <c r="AE2183">
        <v>52</v>
      </c>
      <c r="AF2183">
        <v>53</v>
      </c>
      <c r="AG2183">
        <v>53</v>
      </c>
      <c r="AH2183">
        <v>54</v>
      </c>
      <c r="AI2183">
        <v>55</v>
      </c>
      <c r="AJ2183">
        <v>56</v>
      </c>
      <c r="AK2183">
        <v>57</v>
      </c>
      <c r="AL2183">
        <v>58</v>
      </c>
      <c r="AM2183">
        <v>59</v>
      </c>
      <c r="AN2183">
        <v>60</v>
      </c>
      <c r="AO2183">
        <v>61</v>
      </c>
      <c r="AP2183">
        <v>62</v>
      </c>
      <c r="AQ2183">
        <v>63</v>
      </c>
    </row>
    <row r="2184" spans="1:43">
      <c r="A2184" t="s">
        <v>1420</v>
      </c>
      <c r="B2184" t="s">
        <v>1421</v>
      </c>
      <c r="C2184" t="s">
        <v>1404</v>
      </c>
      <c r="D2184" t="s">
        <v>1405</v>
      </c>
      <c r="E2184" t="s">
        <v>1192</v>
      </c>
      <c r="F2184" t="s">
        <v>1193</v>
      </c>
      <c r="G2184" t="s">
        <v>80</v>
      </c>
      <c r="H2184" t="s">
        <v>81</v>
      </c>
      <c r="I2184" s="2">
        <v>1</v>
      </c>
      <c r="J2184" s="2">
        <v>0</v>
      </c>
      <c r="K2184" s="2">
        <v>0</v>
      </c>
      <c r="L2184" t="s">
        <v>120</v>
      </c>
      <c r="M2184" t="s">
        <v>89</v>
      </c>
      <c r="N2184" t="s">
        <v>90</v>
      </c>
      <c r="O2184" t="s">
        <v>85</v>
      </c>
      <c r="P2184" t="s">
        <v>86</v>
      </c>
      <c r="Q2184">
        <v>41</v>
      </c>
      <c r="R2184">
        <v>42</v>
      </c>
      <c r="S2184">
        <v>44</v>
      </c>
      <c r="T2184">
        <v>45</v>
      </c>
      <c r="U2184">
        <v>47</v>
      </c>
      <c r="V2184">
        <v>48</v>
      </c>
      <c r="W2184">
        <v>49</v>
      </c>
      <c r="X2184">
        <v>51</v>
      </c>
      <c r="Y2184">
        <v>52</v>
      </c>
      <c r="Z2184">
        <v>54</v>
      </c>
      <c r="AA2184">
        <v>55</v>
      </c>
      <c r="AB2184">
        <v>57</v>
      </c>
      <c r="AC2184">
        <v>59</v>
      </c>
      <c r="AD2184">
        <v>60</v>
      </c>
      <c r="AE2184">
        <v>61</v>
      </c>
      <c r="AF2184">
        <v>62</v>
      </c>
      <c r="AG2184">
        <v>63</v>
      </c>
      <c r="AH2184">
        <v>64</v>
      </c>
      <c r="AI2184">
        <v>65</v>
      </c>
      <c r="AJ2184">
        <v>66</v>
      </c>
      <c r="AK2184">
        <v>66</v>
      </c>
      <c r="AL2184">
        <v>67</v>
      </c>
      <c r="AM2184">
        <v>68</v>
      </c>
      <c r="AN2184">
        <v>69</v>
      </c>
      <c r="AO2184">
        <v>70</v>
      </c>
      <c r="AP2184">
        <v>71</v>
      </c>
      <c r="AQ2184">
        <v>72</v>
      </c>
    </row>
    <row r="2185" spans="1:43">
      <c r="A2185" t="s">
        <v>1420</v>
      </c>
      <c r="B2185" t="s">
        <v>1421</v>
      </c>
      <c r="C2185" t="s">
        <v>1404</v>
      </c>
      <c r="D2185" t="s">
        <v>1405</v>
      </c>
      <c r="E2185" t="s">
        <v>1192</v>
      </c>
      <c r="F2185" t="s">
        <v>1193</v>
      </c>
      <c r="G2185" t="s">
        <v>80</v>
      </c>
      <c r="H2185" t="s">
        <v>81</v>
      </c>
      <c r="I2185" s="2">
        <v>1</v>
      </c>
      <c r="J2185" s="2">
        <v>0</v>
      </c>
      <c r="K2185" s="2">
        <v>0</v>
      </c>
      <c r="L2185" t="s">
        <v>120</v>
      </c>
      <c r="M2185" t="s">
        <v>83</v>
      </c>
      <c r="N2185" t="s">
        <v>91</v>
      </c>
      <c r="O2185" t="s">
        <v>85</v>
      </c>
      <c r="P2185" t="s">
        <v>86</v>
      </c>
      <c r="Q2185">
        <v>41</v>
      </c>
      <c r="R2185">
        <v>42</v>
      </c>
      <c r="S2185">
        <v>43</v>
      </c>
      <c r="T2185">
        <v>45</v>
      </c>
      <c r="U2185">
        <v>46</v>
      </c>
      <c r="V2185">
        <v>47</v>
      </c>
      <c r="W2185">
        <v>48</v>
      </c>
      <c r="X2185">
        <v>49</v>
      </c>
      <c r="Y2185">
        <v>51</v>
      </c>
      <c r="Z2185">
        <v>52</v>
      </c>
      <c r="AA2185">
        <v>53</v>
      </c>
      <c r="AB2185">
        <v>54</v>
      </c>
      <c r="AC2185">
        <v>56</v>
      </c>
      <c r="AD2185">
        <v>57</v>
      </c>
      <c r="AE2185">
        <v>58</v>
      </c>
      <c r="AF2185">
        <v>60</v>
      </c>
      <c r="AG2185">
        <v>61</v>
      </c>
      <c r="AH2185">
        <v>62</v>
      </c>
      <c r="AI2185">
        <v>64</v>
      </c>
      <c r="AJ2185">
        <v>65</v>
      </c>
      <c r="AK2185">
        <v>67</v>
      </c>
      <c r="AL2185">
        <v>68</v>
      </c>
      <c r="AM2185">
        <v>69</v>
      </c>
      <c r="AN2185">
        <v>70</v>
      </c>
      <c r="AO2185">
        <v>70</v>
      </c>
      <c r="AP2185">
        <v>71</v>
      </c>
      <c r="AQ2185">
        <v>72</v>
      </c>
    </row>
    <row r="2186" spans="1:43">
      <c r="A2186" t="s">
        <v>1422</v>
      </c>
      <c r="B2186" t="s">
        <v>1423</v>
      </c>
      <c r="C2186" t="s">
        <v>1404</v>
      </c>
      <c r="D2186" t="s">
        <v>1405</v>
      </c>
      <c r="E2186" t="s">
        <v>1192</v>
      </c>
      <c r="F2186" t="s">
        <v>1193</v>
      </c>
      <c r="G2186" t="s">
        <v>80</v>
      </c>
      <c r="H2186" t="s">
        <v>81</v>
      </c>
      <c r="I2186" s="2">
        <v>1</v>
      </c>
      <c r="J2186" s="2">
        <v>0</v>
      </c>
      <c r="K2186" s="2">
        <v>0</v>
      </c>
      <c r="L2186" t="s">
        <v>120</v>
      </c>
      <c r="M2186" t="s">
        <v>83</v>
      </c>
      <c r="N2186" t="s">
        <v>84</v>
      </c>
      <c r="O2186" t="s">
        <v>85</v>
      </c>
      <c r="P2186" t="s">
        <v>86</v>
      </c>
      <c r="Q2186">
        <v>15</v>
      </c>
      <c r="R2186">
        <v>15</v>
      </c>
      <c r="S2186">
        <v>16</v>
      </c>
      <c r="T2186">
        <v>16</v>
      </c>
      <c r="U2186">
        <v>17</v>
      </c>
      <c r="V2186">
        <v>17</v>
      </c>
      <c r="W2186">
        <v>17</v>
      </c>
      <c r="X2186">
        <v>18</v>
      </c>
      <c r="Y2186">
        <v>18</v>
      </c>
      <c r="Z2186">
        <v>19</v>
      </c>
      <c r="AA2186">
        <v>19</v>
      </c>
      <c r="AB2186">
        <v>20</v>
      </c>
      <c r="AC2186">
        <v>20</v>
      </c>
      <c r="AD2186">
        <v>21</v>
      </c>
      <c r="AE2186">
        <v>21</v>
      </c>
      <c r="AF2186">
        <v>22</v>
      </c>
      <c r="AG2186">
        <v>22</v>
      </c>
      <c r="AH2186">
        <v>23</v>
      </c>
      <c r="AI2186">
        <v>23</v>
      </c>
      <c r="AJ2186">
        <v>24</v>
      </c>
      <c r="AK2186">
        <v>24</v>
      </c>
      <c r="AL2186">
        <v>25</v>
      </c>
      <c r="AM2186">
        <v>25</v>
      </c>
      <c r="AN2186">
        <v>25</v>
      </c>
      <c r="AO2186">
        <v>26</v>
      </c>
      <c r="AP2186">
        <v>26</v>
      </c>
      <c r="AQ2186">
        <v>26</v>
      </c>
    </row>
    <row r="2187" spans="1:43">
      <c r="A2187" t="s">
        <v>1422</v>
      </c>
      <c r="B2187" t="s">
        <v>1423</v>
      </c>
      <c r="C2187" t="s">
        <v>1404</v>
      </c>
      <c r="D2187" t="s">
        <v>1405</v>
      </c>
      <c r="E2187" t="s">
        <v>1192</v>
      </c>
      <c r="F2187" t="s">
        <v>1193</v>
      </c>
      <c r="G2187" t="s">
        <v>80</v>
      </c>
      <c r="H2187" t="s">
        <v>81</v>
      </c>
      <c r="I2187" s="2">
        <v>1</v>
      </c>
      <c r="J2187" s="2">
        <v>0</v>
      </c>
      <c r="K2187" s="2">
        <v>0</v>
      </c>
      <c r="L2187" t="s">
        <v>120</v>
      </c>
      <c r="M2187" t="s">
        <v>87</v>
      </c>
      <c r="N2187" t="s">
        <v>88</v>
      </c>
      <c r="O2187" t="s">
        <v>85</v>
      </c>
      <c r="P2187" t="s">
        <v>86</v>
      </c>
      <c r="Q2187">
        <v>15</v>
      </c>
      <c r="R2187">
        <v>15</v>
      </c>
      <c r="S2187">
        <v>15</v>
      </c>
      <c r="T2187">
        <v>16</v>
      </c>
      <c r="U2187">
        <v>16</v>
      </c>
      <c r="V2187">
        <v>16</v>
      </c>
      <c r="W2187">
        <v>16</v>
      </c>
      <c r="X2187">
        <v>17</v>
      </c>
      <c r="Y2187">
        <v>17</v>
      </c>
      <c r="Z2187">
        <v>17</v>
      </c>
      <c r="AA2187">
        <v>18</v>
      </c>
      <c r="AB2187">
        <v>18</v>
      </c>
      <c r="AC2187">
        <v>18</v>
      </c>
      <c r="AD2187">
        <v>18</v>
      </c>
      <c r="AE2187">
        <v>19</v>
      </c>
      <c r="AF2187">
        <v>19</v>
      </c>
      <c r="AG2187">
        <v>19</v>
      </c>
      <c r="AH2187">
        <v>20</v>
      </c>
      <c r="AI2187">
        <v>20</v>
      </c>
      <c r="AJ2187">
        <v>20</v>
      </c>
      <c r="AK2187">
        <v>21</v>
      </c>
      <c r="AL2187">
        <v>21</v>
      </c>
      <c r="AM2187">
        <v>21</v>
      </c>
      <c r="AN2187">
        <v>22</v>
      </c>
      <c r="AO2187">
        <v>22</v>
      </c>
      <c r="AP2187">
        <v>22</v>
      </c>
      <c r="AQ2187">
        <v>23</v>
      </c>
    </row>
    <row r="2188" spans="1:43">
      <c r="A2188" t="s">
        <v>1422</v>
      </c>
      <c r="B2188" t="s">
        <v>1423</v>
      </c>
      <c r="C2188" t="s">
        <v>1404</v>
      </c>
      <c r="D2188" t="s">
        <v>1405</v>
      </c>
      <c r="E2188" t="s">
        <v>1192</v>
      </c>
      <c r="F2188" t="s">
        <v>1193</v>
      </c>
      <c r="G2188" t="s">
        <v>80</v>
      </c>
      <c r="H2188" t="s">
        <v>81</v>
      </c>
      <c r="I2188" s="2">
        <v>1</v>
      </c>
      <c r="J2188" s="2">
        <v>0</v>
      </c>
      <c r="K2188" s="2">
        <v>0</v>
      </c>
      <c r="L2188" t="s">
        <v>120</v>
      </c>
      <c r="M2188" t="s">
        <v>89</v>
      </c>
      <c r="N2188" t="s">
        <v>90</v>
      </c>
      <c r="O2188" t="s">
        <v>85</v>
      </c>
      <c r="P2188" t="s">
        <v>86</v>
      </c>
      <c r="Q2188">
        <v>15</v>
      </c>
      <c r="R2188">
        <v>16</v>
      </c>
      <c r="S2188">
        <v>16</v>
      </c>
      <c r="T2188">
        <v>17</v>
      </c>
      <c r="U2188">
        <v>17</v>
      </c>
      <c r="V2188">
        <v>18</v>
      </c>
      <c r="W2188">
        <v>18</v>
      </c>
      <c r="X2188">
        <v>19</v>
      </c>
      <c r="Y2188">
        <v>19</v>
      </c>
      <c r="Z2188">
        <v>20</v>
      </c>
      <c r="AA2188">
        <v>20</v>
      </c>
      <c r="AB2188">
        <v>21</v>
      </c>
      <c r="AC2188">
        <v>22</v>
      </c>
      <c r="AD2188">
        <v>22</v>
      </c>
      <c r="AE2188">
        <v>23</v>
      </c>
      <c r="AF2188">
        <v>23</v>
      </c>
      <c r="AG2188">
        <v>23</v>
      </c>
      <c r="AH2188">
        <v>24</v>
      </c>
      <c r="AI2188">
        <v>24</v>
      </c>
      <c r="AJ2188">
        <v>24</v>
      </c>
      <c r="AK2188">
        <v>25</v>
      </c>
      <c r="AL2188">
        <v>25</v>
      </c>
      <c r="AM2188">
        <v>25</v>
      </c>
      <c r="AN2188">
        <v>25</v>
      </c>
      <c r="AO2188">
        <v>26</v>
      </c>
      <c r="AP2188">
        <v>26</v>
      </c>
      <c r="AQ2188">
        <v>26</v>
      </c>
    </row>
    <row r="2189" spans="1:43">
      <c r="A2189" t="s">
        <v>1422</v>
      </c>
      <c r="B2189" t="s">
        <v>1423</v>
      </c>
      <c r="C2189" t="s">
        <v>1404</v>
      </c>
      <c r="D2189" t="s">
        <v>1405</v>
      </c>
      <c r="E2189" t="s">
        <v>1192</v>
      </c>
      <c r="F2189" t="s">
        <v>1193</v>
      </c>
      <c r="G2189" t="s">
        <v>80</v>
      </c>
      <c r="H2189" t="s">
        <v>81</v>
      </c>
      <c r="I2189" s="2">
        <v>1</v>
      </c>
      <c r="J2189" s="2">
        <v>0</v>
      </c>
      <c r="K2189" s="2">
        <v>0</v>
      </c>
      <c r="L2189" t="s">
        <v>120</v>
      </c>
      <c r="M2189" t="s">
        <v>83</v>
      </c>
      <c r="N2189" t="s">
        <v>91</v>
      </c>
      <c r="O2189" t="s">
        <v>85</v>
      </c>
      <c r="P2189" t="s">
        <v>86</v>
      </c>
      <c r="Q2189">
        <v>15</v>
      </c>
      <c r="R2189">
        <v>15</v>
      </c>
      <c r="S2189">
        <v>16</v>
      </c>
      <c r="T2189">
        <v>16</v>
      </c>
      <c r="U2189">
        <v>17</v>
      </c>
      <c r="V2189">
        <v>17</v>
      </c>
      <c r="W2189">
        <v>17</v>
      </c>
      <c r="X2189">
        <v>18</v>
      </c>
      <c r="Y2189">
        <v>18</v>
      </c>
      <c r="Z2189">
        <v>19</v>
      </c>
      <c r="AA2189">
        <v>19</v>
      </c>
      <c r="AB2189">
        <v>20</v>
      </c>
      <c r="AC2189">
        <v>20</v>
      </c>
      <c r="AD2189">
        <v>21</v>
      </c>
      <c r="AE2189">
        <v>21</v>
      </c>
      <c r="AF2189">
        <v>22</v>
      </c>
      <c r="AG2189">
        <v>22</v>
      </c>
      <c r="AH2189">
        <v>23</v>
      </c>
      <c r="AI2189">
        <v>23</v>
      </c>
      <c r="AJ2189">
        <v>24</v>
      </c>
      <c r="AK2189">
        <v>24</v>
      </c>
      <c r="AL2189">
        <v>25</v>
      </c>
      <c r="AM2189">
        <v>25</v>
      </c>
      <c r="AN2189">
        <v>25</v>
      </c>
      <c r="AO2189">
        <v>26</v>
      </c>
      <c r="AP2189">
        <v>26</v>
      </c>
      <c r="AQ2189">
        <v>26</v>
      </c>
    </row>
    <row r="2190" spans="1:43">
      <c r="A2190" t="s">
        <v>1424</v>
      </c>
      <c r="B2190" t="s">
        <v>1425</v>
      </c>
      <c r="C2190" t="s">
        <v>1426</v>
      </c>
      <c r="D2190" t="s">
        <v>1427</v>
      </c>
      <c r="E2190" t="s">
        <v>1192</v>
      </c>
      <c r="F2190" t="s">
        <v>1193</v>
      </c>
      <c r="G2190" t="s">
        <v>80</v>
      </c>
      <c r="H2190" t="s">
        <v>81</v>
      </c>
      <c r="I2190" s="2">
        <v>1</v>
      </c>
      <c r="J2190" s="2">
        <v>0</v>
      </c>
      <c r="K2190" s="2">
        <v>0</v>
      </c>
      <c r="L2190" t="s">
        <v>120</v>
      </c>
      <c r="M2190" t="s">
        <v>83</v>
      </c>
      <c r="N2190" t="s">
        <v>84</v>
      </c>
      <c r="O2190" t="s">
        <v>85</v>
      </c>
      <c r="P2190" t="s">
        <v>86</v>
      </c>
      <c r="Q2190">
        <v>16</v>
      </c>
      <c r="R2190">
        <v>17</v>
      </c>
      <c r="S2190">
        <v>17</v>
      </c>
      <c r="T2190">
        <v>18</v>
      </c>
      <c r="U2190">
        <v>18</v>
      </c>
      <c r="V2190">
        <v>19</v>
      </c>
      <c r="W2190">
        <v>19</v>
      </c>
      <c r="X2190">
        <v>19</v>
      </c>
      <c r="Y2190">
        <v>20</v>
      </c>
      <c r="Z2190">
        <v>20</v>
      </c>
      <c r="AA2190">
        <v>21</v>
      </c>
      <c r="AB2190">
        <v>21</v>
      </c>
      <c r="AC2190">
        <v>22</v>
      </c>
      <c r="AD2190">
        <v>23</v>
      </c>
      <c r="AE2190">
        <v>23</v>
      </c>
      <c r="AF2190">
        <v>24</v>
      </c>
      <c r="AG2190">
        <v>24</v>
      </c>
      <c r="AH2190">
        <v>25</v>
      </c>
      <c r="AI2190">
        <v>25</v>
      </c>
      <c r="AJ2190">
        <v>26</v>
      </c>
      <c r="AK2190">
        <v>26</v>
      </c>
      <c r="AL2190">
        <v>27</v>
      </c>
      <c r="AM2190">
        <v>27</v>
      </c>
      <c r="AN2190">
        <v>28</v>
      </c>
      <c r="AO2190">
        <v>28</v>
      </c>
      <c r="AP2190">
        <v>28</v>
      </c>
      <c r="AQ2190">
        <v>29</v>
      </c>
    </row>
    <row r="2191" spans="1:43">
      <c r="A2191" t="s">
        <v>1424</v>
      </c>
      <c r="B2191" t="s">
        <v>1425</v>
      </c>
      <c r="C2191" t="s">
        <v>1426</v>
      </c>
      <c r="D2191" t="s">
        <v>1427</v>
      </c>
      <c r="E2191" t="s">
        <v>1192</v>
      </c>
      <c r="F2191" t="s">
        <v>1193</v>
      </c>
      <c r="G2191" t="s">
        <v>80</v>
      </c>
      <c r="H2191" t="s">
        <v>81</v>
      </c>
      <c r="I2191" s="2">
        <v>1</v>
      </c>
      <c r="J2191" s="2">
        <v>0</v>
      </c>
      <c r="K2191" s="2">
        <v>0</v>
      </c>
      <c r="L2191" t="s">
        <v>120</v>
      </c>
      <c r="M2191" t="s">
        <v>87</v>
      </c>
      <c r="N2191" t="s">
        <v>88</v>
      </c>
      <c r="O2191" t="s">
        <v>85</v>
      </c>
      <c r="P2191" t="s">
        <v>86</v>
      </c>
      <c r="Q2191">
        <v>16</v>
      </c>
      <c r="R2191">
        <v>16</v>
      </c>
      <c r="S2191">
        <v>17</v>
      </c>
      <c r="T2191">
        <v>17</v>
      </c>
      <c r="U2191">
        <v>17</v>
      </c>
      <c r="V2191">
        <v>18</v>
      </c>
      <c r="W2191">
        <v>18</v>
      </c>
      <c r="X2191">
        <v>18</v>
      </c>
      <c r="Y2191">
        <v>18</v>
      </c>
      <c r="Z2191">
        <v>19</v>
      </c>
      <c r="AA2191">
        <v>19</v>
      </c>
      <c r="AB2191">
        <v>19</v>
      </c>
      <c r="AC2191">
        <v>20</v>
      </c>
      <c r="AD2191">
        <v>20</v>
      </c>
      <c r="AE2191">
        <v>20</v>
      </c>
      <c r="AF2191">
        <v>21</v>
      </c>
      <c r="AG2191">
        <v>21</v>
      </c>
      <c r="AH2191">
        <v>21</v>
      </c>
      <c r="AI2191">
        <v>22</v>
      </c>
      <c r="AJ2191">
        <v>22</v>
      </c>
      <c r="AK2191">
        <v>23</v>
      </c>
      <c r="AL2191">
        <v>23</v>
      </c>
      <c r="AM2191">
        <v>23</v>
      </c>
      <c r="AN2191">
        <v>24</v>
      </c>
      <c r="AO2191">
        <v>24</v>
      </c>
      <c r="AP2191">
        <v>24</v>
      </c>
      <c r="AQ2191">
        <v>25</v>
      </c>
    </row>
    <row r="2192" spans="1:43">
      <c r="A2192" t="s">
        <v>1424</v>
      </c>
      <c r="B2192" t="s">
        <v>1425</v>
      </c>
      <c r="C2192" t="s">
        <v>1426</v>
      </c>
      <c r="D2192" t="s">
        <v>1427</v>
      </c>
      <c r="E2192" t="s">
        <v>1192</v>
      </c>
      <c r="F2192" t="s">
        <v>1193</v>
      </c>
      <c r="G2192" t="s">
        <v>80</v>
      </c>
      <c r="H2192" t="s">
        <v>81</v>
      </c>
      <c r="I2192" s="2">
        <v>1</v>
      </c>
      <c r="J2192" s="2">
        <v>0</v>
      </c>
      <c r="K2192" s="2">
        <v>0</v>
      </c>
      <c r="L2192" t="s">
        <v>120</v>
      </c>
      <c r="M2192" t="s">
        <v>89</v>
      </c>
      <c r="N2192" t="s">
        <v>90</v>
      </c>
      <c r="O2192" t="s">
        <v>85</v>
      </c>
      <c r="P2192" t="s">
        <v>86</v>
      </c>
      <c r="Q2192">
        <v>16</v>
      </c>
      <c r="R2192">
        <v>17</v>
      </c>
      <c r="S2192">
        <v>18</v>
      </c>
      <c r="T2192">
        <v>18</v>
      </c>
      <c r="U2192">
        <v>19</v>
      </c>
      <c r="V2192">
        <v>19</v>
      </c>
      <c r="W2192">
        <v>20</v>
      </c>
      <c r="X2192">
        <v>21</v>
      </c>
      <c r="Y2192">
        <v>21</v>
      </c>
      <c r="Z2192">
        <v>22</v>
      </c>
      <c r="AA2192">
        <v>22</v>
      </c>
      <c r="AB2192">
        <v>23</v>
      </c>
      <c r="AC2192">
        <v>24</v>
      </c>
      <c r="AD2192">
        <v>24</v>
      </c>
      <c r="AE2192">
        <v>25</v>
      </c>
      <c r="AF2192">
        <v>25</v>
      </c>
      <c r="AG2192">
        <v>25</v>
      </c>
      <c r="AH2192">
        <v>26</v>
      </c>
      <c r="AI2192">
        <v>26</v>
      </c>
      <c r="AJ2192">
        <v>27</v>
      </c>
      <c r="AK2192">
        <v>27</v>
      </c>
      <c r="AL2192">
        <v>27</v>
      </c>
      <c r="AM2192">
        <v>28</v>
      </c>
      <c r="AN2192">
        <v>28</v>
      </c>
      <c r="AO2192">
        <v>28</v>
      </c>
      <c r="AP2192">
        <v>29</v>
      </c>
      <c r="AQ2192">
        <v>29</v>
      </c>
    </row>
    <row r="2193" spans="1:43">
      <c r="A2193" t="s">
        <v>1424</v>
      </c>
      <c r="B2193" t="s">
        <v>1425</v>
      </c>
      <c r="C2193" t="s">
        <v>1426</v>
      </c>
      <c r="D2193" t="s">
        <v>1427</v>
      </c>
      <c r="E2193" t="s">
        <v>1192</v>
      </c>
      <c r="F2193" t="s">
        <v>1193</v>
      </c>
      <c r="G2193" t="s">
        <v>80</v>
      </c>
      <c r="H2193" t="s">
        <v>81</v>
      </c>
      <c r="I2193" s="2">
        <v>1</v>
      </c>
      <c r="J2193" s="2">
        <v>0</v>
      </c>
      <c r="K2193" s="2">
        <v>0</v>
      </c>
      <c r="L2193" t="s">
        <v>120</v>
      </c>
      <c r="M2193" t="s">
        <v>83</v>
      </c>
      <c r="N2193" t="s">
        <v>91</v>
      </c>
      <c r="O2193" t="s">
        <v>85</v>
      </c>
      <c r="P2193" t="s">
        <v>86</v>
      </c>
      <c r="Q2193">
        <v>16</v>
      </c>
      <c r="R2193">
        <v>17</v>
      </c>
      <c r="S2193">
        <v>17</v>
      </c>
      <c r="T2193">
        <v>18</v>
      </c>
      <c r="U2193">
        <v>18</v>
      </c>
      <c r="V2193">
        <v>19</v>
      </c>
      <c r="W2193">
        <v>19</v>
      </c>
      <c r="X2193">
        <v>19</v>
      </c>
      <c r="Y2193">
        <v>20</v>
      </c>
      <c r="Z2193">
        <v>20</v>
      </c>
      <c r="AA2193">
        <v>21</v>
      </c>
      <c r="AB2193">
        <v>21</v>
      </c>
      <c r="AC2193">
        <v>22</v>
      </c>
      <c r="AD2193">
        <v>23</v>
      </c>
      <c r="AE2193">
        <v>23</v>
      </c>
      <c r="AF2193">
        <v>24</v>
      </c>
      <c r="AG2193">
        <v>24</v>
      </c>
      <c r="AH2193">
        <v>25</v>
      </c>
      <c r="AI2193">
        <v>25</v>
      </c>
      <c r="AJ2193">
        <v>26</v>
      </c>
      <c r="AK2193">
        <v>26</v>
      </c>
      <c r="AL2193">
        <v>27</v>
      </c>
      <c r="AM2193">
        <v>27</v>
      </c>
      <c r="AN2193">
        <v>28</v>
      </c>
      <c r="AO2193">
        <v>28</v>
      </c>
      <c r="AP2193">
        <v>28</v>
      </c>
      <c r="AQ2193">
        <v>29</v>
      </c>
    </row>
    <row r="2194" spans="1:43">
      <c r="A2194" t="s">
        <v>1428</v>
      </c>
      <c r="B2194" t="s">
        <v>1429</v>
      </c>
      <c r="C2194" t="s">
        <v>1426</v>
      </c>
      <c r="D2194" t="s">
        <v>1427</v>
      </c>
      <c r="E2194" t="s">
        <v>1192</v>
      </c>
      <c r="F2194" t="s">
        <v>1193</v>
      </c>
      <c r="G2194" t="s">
        <v>80</v>
      </c>
      <c r="H2194" t="s">
        <v>81</v>
      </c>
      <c r="I2194" s="2">
        <v>1</v>
      </c>
      <c r="J2194" s="2">
        <v>0</v>
      </c>
      <c r="K2194" s="2">
        <v>0</v>
      </c>
      <c r="L2194" t="s">
        <v>120</v>
      </c>
      <c r="M2194" t="s">
        <v>83</v>
      </c>
      <c r="N2194" t="s">
        <v>84</v>
      </c>
      <c r="O2194" t="s">
        <v>85</v>
      </c>
      <c r="P2194" t="s">
        <v>86</v>
      </c>
      <c r="Q2194">
        <v>23</v>
      </c>
      <c r="R2194">
        <v>23</v>
      </c>
      <c r="S2194">
        <v>24</v>
      </c>
      <c r="T2194">
        <v>25</v>
      </c>
      <c r="U2194">
        <v>25</v>
      </c>
      <c r="V2194">
        <v>26</v>
      </c>
      <c r="W2194">
        <v>27</v>
      </c>
      <c r="X2194">
        <v>27</v>
      </c>
      <c r="Y2194">
        <v>28</v>
      </c>
      <c r="Z2194">
        <v>29</v>
      </c>
      <c r="AA2194">
        <v>29</v>
      </c>
      <c r="AB2194">
        <v>30</v>
      </c>
      <c r="AC2194">
        <v>31</v>
      </c>
      <c r="AD2194">
        <v>32</v>
      </c>
      <c r="AE2194">
        <v>32</v>
      </c>
      <c r="AF2194">
        <v>33</v>
      </c>
      <c r="AG2194">
        <v>34</v>
      </c>
      <c r="AH2194">
        <v>35</v>
      </c>
      <c r="AI2194">
        <v>36</v>
      </c>
      <c r="AJ2194">
        <v>36</v>
      </c>
      <c r="AK2194">
        <v>37</v>
      </c>
      <c r="AL2194">
        <v>38</v>
      </c>
      <c r="AM2194">
        <v>38</v>
      </c>
      <c r="AN2194">
        <v>39</v>
      </c>
      <c r="AO2194">
        <v>39</v>
      </c>
      <c r="AP2194">
        <v>40</v>
      </c>
      <c r="AQ2194">
        <v>41</v>
      </c>
    </row>
    <row r="2195" spans="1:43">
      <c r="A2195" t="s">
        <v>1428</v>
      </c>
      <c r="B2195" t="s">
        <v>1429</v>
      </c>
      <c r="C2195" t="s">
        <v>1426</v>
      </c>
      <c r="D2195" t="s">
        <v>1427</v>
      </c>
      <c r="E2195" t="s">
        <v>1192</v>
      </c>
      <c r="F2195" t="s">
        <v>1193</v>
      </c>
      <c r="G2195" t="s">
        <v>80</v>
      </c>
      <c r="H2195" t="s">
        <v>81</v>
      </c>
      <c r="I2195" s="2">
        <v>1</v>
      </c>
      <c r="J2195" s="2">
        <v>0</v>
      </c>
      <c r="K2195" s="2">
        <v>0</v>
      </c>
      <c r="L2195" t="s">
        <v>120</v>
      </c>
      <c r="M2195" t="s">
        <v>87</v>
      </c>
      <c r="N2195" t="s">
        <v>88</v>
      </c>
      <c r="O2195" t="s">
        <v>85</v>
      </c>
      <c r="P2195" t="s">
        <v>86</v>
      </c>
      <c r="Q2195">
        <v>23</v>
      </c>
      <c r="R2195">
        <v>23</v>
      </c>
      <c r="S2195">
        <v>23</v>
      </c>
      <c r="T2195">
        <v>24</v>
      </c>
      <c r="U2195">
        <v>24</v>
      </c>
      <c r="V2195">
        <v>25</v>
      </c>
      <c r="W2195">
        <v>25</v>
      </c>
      <c r="X2195">
        <v>26</v>
      </c>
      <c r="Y2195">
        <v>26</v>
      </c>
      <c r="Z2195">
        <v>26</v>
      </c>
      <c r="AA2195">
        <v>27</v>
      </c>
      <c r="AB2195">
        <v>27</v>
      </c>
      <c r="AC2195">
        <v>28</v>
      </c>
      <c r="AD2195">
        <v>28</v>
      </c>
      <c r="AE2195">
        <v>29</v>
      </c>
      <c r="AF2195">
        <v>29</v>
      </c>
      <c r="AG2195">
        <v>30</v>
      </c>
      <c r="AH2195">
        <v>30</v>
      </c>
      <c r="AI2195">
        <v>31</v>
      </c>
      <c r="AJ2195">
        <v>31</v>
      </c>
      <c r="AK2195">
        <v>32</v>
      </c>
      <c r="AL2195">
        <v>32</v>
      </c>
      <c r="AM2195">
        <v>33</v>
      </c>
      <c r="AN2195">
        <v>33</v>
      </c>
      <c r="AO2195">
        <v>34</v>
      </c>
      <c r="AP2195">
        <v>34</v>
      </c>
      <c r="AQ2195">
        <v>35</v>
      </c>
    </row>
    <row r="2196" spans="1:43">
      <c r="A2196" t="s">
        <v>1428</v>
      </c>
      <c r="B2196" t="s">
        <v>1429</v>
      </c>
      <c r="C2196" t="s">
        <v>1426</v>
      </c>
      <c r="D2196" t="s">
        <v>1427</v>
      </c>
      <c r="E2196" t="s">
        <v>1192</v>
      </c>
      <c r="F2196" t="s">
        <v>1193</v>
      </c>
      <c r="G2196" t="s">
        <v>80</v>
      </c>
      <c r="H2196" t="s">
        <v>81</v>
      </c>
      <c r="I2196" s="2">
        <v>1</v>
      </c>
      <c r="J2196" s="2">
        <v>0</v>
      </c>
      <c r="K2196" s="2">
        <v>0</v>
      </c>
      <c r="L2196" t="s">
        <v>120</v>
      </c>
      <c r="M2196" t="s">
        <v>89</v>
      </c>
      <c r="N2196" t="s">
        <v>90</v>
      </c>
      <c r="O2196" t="s">
        <v>85</v>
      </c>
      <c r="P2196" t="s">
        <v>86</v>
      </c>
      <c r="Q2196">
        <v>23</v>
      </c>
      <c r="R2196">
        <v>24</v>
      </c>
      <c r="S2196">
        <v>25</v>
      </c>
      <c r="T2196">
        <v>26</v>
      </c>
      <c r="U2196">
        <v>26</v>
      </c>
      <c r="V2196">
        <v>27</v>
      </c>
      <c r="W2196">
        <v>28</v>
      </c>
      <c r="X2196">
        <v>29</v>
      </c>
      <c r="Y2196">
        <v>30</v>
      </c>
      <c r="Z2196">
        <v>31</v>
      </c>
      <c r="AA2196">
        <v>31</v>
      </c>
      <c r="AB2196">
        <v>32</v>
      </c>
      <c r="AC2196">
        <v>33</v>
      </c>
      <c r="AD2196">
        <v>34</v>
      </c>
      <c r="AE2196">
        <v>35</v>
      </c>
      <c r="AF2196">
        <v>35</v>
      </c>
      <c r="AG2196">
        <v>36</v>
      </c>
      <c r="AH2196">
        <v>36</v>
      </c>
      <c r="AI2196">
        <v>37</v>
      </c>
      <c r="AJ2196">
        <v>37</v>
      </c>
      <c r="AK2196">
        <v>38</v>
      </c>
      <c r="AL2196">
        <v>38</v>
      </c>
      <c r="AM2196">
        <v>39</v>
      </c>
      <c r="AN2196">
        <v>39</v>
      </c>
      <c r="AO2196">
        <v>40</v>
      </c>
      <c r="AP2196">
        <v>40</v>
      </c>
      <c r="AQ2196">
        <v>41</v>
      </c>
    </row>
    <row r="2197" spans="1:43">
      <c r="A2197" t="s">
        <v>1428</v>
      </c>
      <c r="B2197" t="s">
        <v>1429</v>
      </c>
      <c r="C2197" t="s">
        <v>1426</v>
      </c>
      <c r="D2197" t="s">
        <v>1427</v>
      </c>
      <c r="E2197" t="s">
        <v>1192</v>
      </c>
      <c r="F2197" t="s">
        <v>1193</v>
      </c>
      <c r="G2197" t="s">
        <v>80</v>
      </c>
      <c r="H2197" t="s">
        <v>81</v>
      </c>
      <c r="I2197" s="2">
        <v>1</v>
      </c>
      <c r="J2197" s="2">
        <v>0</v>
      </c>
      <c r="K2197" s="2">
        <v>0</v>
      </c>
      <c r="L2197" t="s">
        <v>120</v>
      </c>
      <c r="M2197" t="s">
        <v>83</v>
      </c>
      <c r="N2197" t="s">
        <v>91</v>
      </c>
      <c r="O2197" t="s">
        <v>85</v>
      </c>
      <c r="P2197" t="s">
        <v>86</v>
      </c>
      <c r="Q2197">
        <v>23</v>
      </c>
      <c r="R2197">
        <v>23</v>
      </c>
      <c r="S2197">
        <v>24</v>
      </c>
      <c r="T2197">
        <v>25</v>
      </c>
      <c r="U2197">
        <v>25</v>
      </c>
      <c r="V2197">
        <v>26</v>
      </c>
      <c r="W2197">
        <v>27</v>
      </c>
      <c r="X2197">
        <v>27</v>
      </c>
      <c r="Y2197">
        <v>28</v>
      </c>
      <c r="Z2197">
        <v>29</v>
      </c>
      <c r="AA2197">
        <v>29</v>
      </c>
      <c r="AB2197">
        <v>30</v>
      </c>
      <c r="AC2197">
        <v>31</v>
      </c>
      <c r="AD2197">
        <v>32</v>
      </c>
      <c r="AE2197">
        <v>32</v>
      </c>
      <c r="AF2197">
        <v>33</v>
      </c>
      <c r="AG2197">
        <v>34</v>
      </c>
      <c r="AH2197">
        <v>35</v>
      </c>
      <c r="AI2197">
        <v>36</v>
      </c>
      <c r="AJ2197">
        <v>36</v>
      </c>
      <c r="AK2197">
        <v>37</v>
      </c>
      <c r="AL2197">
        <v>38</v>
      </c>
      <c r="AM2197">
        <v>38</v>
      </c>
      <c r="AN2197">
        <v>39</v>
      </c>
      <c r="AO2197">
        <v>39</v>
      </c>
      <c r="AP2197">
        <v>40</v>
      </c>
      <c r="AQ2197">
        <v>41</v>
      </c>
    </row>
    <row r="2198" spans="1:43">
      <c r="A2198" t="s">
        <v>1430</v>
      </c>
      <c r="B2198" t="s">
        <v>1431</v>
      </c>
      <c r="C2198" t="s">
        <v>1432</v>
      </c>
      <c r="D2198" t="s">
        <v>1433</v>
      </c>
      <c r="E2198" t="s">
        <v>1192</v>
      </c>
      <c r="F2198" t="s">
        <v>1193</v>
      </c>
      <c r="G2198" t="s">
        <v>80</v>
      </c>
      <c r="H2198" t="s">
        <v>81</v>
      </c>
      <c r="I2198" s="2">
        <v>1</v>
      </c>
      <c r="J2198" s="2">
        <v>0</v>
      </c>
      <c r="K2198" s="2">
        <v>0</v>
      </c>
      <c r="L2198" t="s">
        <v>120</v>
      </c>
      <c r="M2198" t="s">
        <v>83</v>
      </c>
      <c r="N2198" t="s">
        <v>84</v>
      </c>
      <c r="O2198" t="s">
        <v>85</v>
      </c>
      <c r="P2198" t="s">
        <v>86</v>
      </c>
      <c r="Q2198">
        <v>2</v>
      </c>
      <c r="R2198">
        <v>2</v>
      </c>
      <c r="S2198">
        <v>2</v>
      </c>
      <c r="T2198">
        <v>2</v>
      </c>
      <c r="U2198">
        <v>2</v>
      </c>
      <c r="V2198">
        <v>2</v>
      </c>
      <c r="W2198">
        <v>2</v>
      </c>
      <c r="X2198">
        <v>2</v>
      </c>
      <c r="Y2198">
        <v>2</v>
      </c>
      <c r="Z2198">
        <v>2</v>
      </c>
      <c r="AA2198">
        <v>2</v>
      </c>
      <c r="AB2198">
        <v>2</v>
      </c>
      <c r="AC2198">
        <v>2</v>
      </c>
      <c r="AD2198">
        <v>2</v>
      </c>
      <c r="AE2198">
        <v>2</v>
      </c>
      <c r="AF2198">
        <v>2</v>
      </c>
      <c r="AG2198">
        <v>2</v>
      </c>
      <c r="AH2198">
        <v>2</v>
      </c>
      <c r="AI2198">
        <v>2</v>
      </c>
      <c r="AJ2198">
        <v>2</v>
      </c>
      <c r="AK2198">
        <v>3</v>
      </c>
      <c r="AL2198">
        <v>3</v>
      </c>
      <c r="AM2198">
        <v>3</v>
      </c>
      <c r="AN2198">
        <v>3</v>
      </c>
      <c r="AO2198">
        <v>3</v>
      </c>
      <c r="AP2198">
        <v>3</v>
      </c>
      <c r="AQ2198">
        <v>3</v>
      </c>
    </row>
    <row r="2199" spans="1:43">
      <c r="A2199" t="s">
        <v>1430</v>
      </c>
      <c r="B2199" t="s">
        <v>1431</v>
      </c>
      <c r="C2199" t="s">
        <v>1432</v>
      </c>
      <c r="D2199" t="s">
        <v>1433</v>
      </c>
      <c r="E2199" t="s">
        <v>1192</v>
      </c>
      <c r="F2199" t="s">
        <v>1193</v>
      </c>
      <c r="G2199" t="s">
        <v>80</v>
      </c>
      <c r="H2199" t="s">
        <v>81</v>
      </c>
      <c r="I2199" s="2">
        <v>1</v>
      </c>
      <c r="J2199" s="2">
        <v>0</v>
      </c>
      <c r="K2199" s="2">
        <v>0</v>
      </c>
      <c r="L2199" t="s">
        <v>120</v>
      </c>
      <c r="M2199" t="s">
        <v>87</v>
      </c>
      <c r="N2199" t="s">
        <v>88</v>
      </c>
      <c r="O2199" t="s">
        <v>85</v>
      </c>
      <c r="P2199" t="s">
        <v>86</v>
      </c>
      <c r="Q2199">
        <v>2</v>
      </c>
      <c r="R2199">
        <v>2</v>
      </c>
      <c r="S2199">
        <v>2</v>
      </c>
      <c r="T2199">
        <v>2</v>
      </c>
      <c r="U2199">
        <v>2</v>
      </c>
      <c r="V2199">
        <v>2</v>
      </c>
      <c r="W2199">
        <v>2</v>
      </c>
      <c r="X2199">
        <v>2</v>
      </c>
      <c r="Y2199">
        <v>2</v>
      </c>
      <c r="Z2199">
        <v>2</v>
      </c>
      <c r="AA2199">
        <v>2</v>
      </c>
      <c r="AB2199">
        <v>2</v>
      </c>
      <c r="AC2199">
        <v>2</v>
      </c>
      <c r="AD2199">
        <v>2</v>
      </c>
      <c r="AE2199">
        <v>2</v>
      </c>
      <c r="AF2199">
        <v>2</v>
      </c>
      <c r="AG2199">
        <v>2</v>
      </c>
      <c r="AH2199">
        <v>2</v>
      </c>
      <c r="AI2199">
        <v>2</v>
      </c>
      <c r="AJ2199">
        <v>2</v>
      </c>
      <c r="AK2199">
        <v>2</v>
      </c>
      <c r="AL2199">
        <v>2</v>
      </c>
      <c r="AM2199">
        <v>2</v>
      </c>
      <c r="AN2199">
        <v>2</v>
      </c>
      <c r="AO2199">
        <v>2</v>
      </c>
      <c r="AP2199">
        <v>2</v>
      </c>
      <c r="AQ2199">
        <v>2</v>
      </c>
    </row>
    <row r="2200" spans="1:43">
      <c r="A2200" t="s">
        <v>1430</v>
      </c>
      <c r="B2200" t="s">
        <v>1431</v>
      </c>
      <c r="C2200" t="s">
        <v>1432</v>
      </c>
      <c r="D2200" t="s">
        <v>1433</v>
      </c>
      <c r="E2200" t="s">
        <v>1192</v>
      </c>
      <c r="F2200" t="s">
        <v>1193</v>
      </c>
      <c r="G2200" t="s">
        <v>80</v>
      </c>
      <c r="H2200" t="s">
        <v>81</v>
      </c>
      <c r="I2200" s="2">
        <v>1</v>
      </c>
      <c r="J2200" s="2">
        <v>0</v>
      </c>
      <c r="K2200" s="2">
        <v>0</v>
      </c>
      <c r="L2200" t="s">
        <v>120</v>
      </c>
      <c r="M2200" t="s">
        <v>89</v>
      </c>
      <c r="N2200" t="s">
        <v>90</v>
      </c>
      <c r="O2200" t="s">
        <v>85</v>
      </c>
      <c r="P2200" t="s">
        <v>86</v>
      </c>
      <c r="Q2200">
        <v>2</v>
      </c>
      <c r="R2200">
        <v>2</v>
      </c>
      <c r="S2200">
        <v>2</v>
      </c>
      <c r="T2200">
        <v>2</v>
      </c>
      <c r="U2200">
        <v>2</v>
      </c>
      <c r="V2200">
        <v>2</v>
      </c>
      <c r="W2200">
        <v>2</v>
      </c>
      <c r="X2200">
        <v>2</v>
      </c>
      <c r="Y2200">
        <v>2</v>
      </c>
      <c r="Z2200">
        <v>2</v>
      </c>
      <c r="AA2200">
        <v>2</v>
      </c>
      <c r="AB2200">
        <v>2</v>
      </c>
      <c r="AC2200">
        <v>2</v>
      </c>
      <c r="AD2200">
        <v>2</v>
      </c>
      <c r="AE2200">
        <v>2</v>
      </c>
      <c r="AF2200">
        <v>2</v>
      </c>
      <c r="AG2200">
        <v>2</v>
      </c>
      <c r="AH2200">
        <v>2</v>
      </c>
      <c r="AI2200">
        <v>2</v>
      </c>
      <c r="AJ2200">
        <v>2</v>
      </c>
      <c r="AK2200">
        <v>3</v>
      </c>
      <c r="AL2200">
        <v>3</v>
      </c>
      <c r="AM2200">
        <v>3</v>
      </c>
      <c r="AN2200">
        <v>3</v>
      </c>
      <c r="AO2200">
        <v>3</v>
      </c>
      <c r="AP2200">
        <v>3</v>
      </c>
      <c r="AQ2200">
        <v>3</v>
      </c>
    </row>
    <row r="2201" spans="1:43">
      <c r="A2201" t="s">
        <v>1430</v>
      </c>
      <c r="B2201" t="s">
        <v>1431</v>
      </c>
      <c r="C2201" t="s">
        <v>1432</v>
      </c>
      <c r="D2201" t="s">
        <v>1433</v>
      </c>
      <c r="E2201" t="s">
        <v>1192</v>
      </c>
      <c r="F2201" t="s">
        <v>1193</v>
      </c>
      <c r="G2201" t="s">
        <v>80</v>
      </c>
      <c r="H2201" t="s">
        <v>81</v>
      </c>
      <c r="I2201" s="2">
        <v>1</v>
      </c>
      <c r="J2201" s="2">
        <v>0</v>
      </c>
      <c r="K2201" s="2">
        <v>0</v>
      </c>
      <c r="L2201" t="s">
        <v>120</v>
      </c>
      <c r="M2201" t="s">
        <v>83</v>
      </c>
      <c r="N2201" t="s">
        <v>91</v>
      </c>
      <c r="O2201" t="s">
        <v>85</v>
      </c>
      <c r="P2201" t="s">
        <v>86</v>
      </c>
      <c r="Q2201">
        <v>2</v>
      </c>
      <c r="R2201">
        <v>2</v>
      </c>
      <c r="S2201">
        <v>2</v>
      </c>
      <c r="T2201">
        <v>2</v>
      </c>
      <c r="U2201">
        <v>2</v>
      </c>
      <c r="V2201">
        <v>2</v>
      </c>
      <c r="W2201">
        <v>2</v>
      </c>
      <c r="X2201">
        <v>2</v>
      </c>
      <c r="Y2201">
        <v>2</v>
      </c>
      <c r="Z2201">
        <v>2</v>
      </c>
      <c r="AA2201">
        <v>2</v>
      </c>
      <c r="AB2201">
        <v>2</v>
      </c>
      <c r="AC2201">
        <v>2</v>
      </c>
      <c r="AD2201">
        <v>2</v>
      </c>
      <c r="AE2201">
        <v>2</v>
      </c>
      <c r="AF2201">
        <v>2</v>
      </c>
      <c r="AG2201">
        <v>2</v>
      </c>
      <c r="AH2201">
        <v>2</v>
      </c>
      <c r="AI2201">
        <v>2</v>
      </c>
      <c r="AJ2201">
        <v>2</v>
      </c>
      <c r="AK2201">
        <v>3</v>
      </c>
      <c r="AL2201">
        <v>3</v>
      </c>
      <c r="AM2201">
        <v>3</v>
      </c>
      <c r="AN2201">
        <v>3</v>
      </c>
      <c r="AO2201">
        <v>3</v>
      </c>
      <c r="AP2201">
        <v>3</v>
      </c>
      <c r="AQ2201">
        <v>3</v>
      </c>
    </row>
    <row r="2202" spans="1:43">
      <c r="A2202" t="s">
        <v>1434</v>
      </c>
      <c r="B2202" t="s">
        <v>1435</v>
      </c>
      <c r="C2202" t="s">
        <v>1432</v>
      </c>
      <c r="D2202" t="s">
        <v>1433</v>
      </c>
      <c r="E2202" t="s">
        <v>1192</v>
      </c>
      <c r="F2202" t="s">
        <v>1193</v>
      </c>
      <c r="G2202" t="s">
        <v>80</v>
      </c>
      <c r="H2202" t="s">
        <v>81</v>
      </c>
      <c r="I2202" s="2">
        <v>1</v>
      </c>
      <c r="J2202" s="2">
        <v>0</v>
      </c>
      <c r="K2202" s="2">
        <v>0</v>
      </c>
      <c r="L2202" t="s">
        <v>120</v>
      </c>
      <c r="M2202" t="s">
        <v>83</v>
      </c>
      <c r="N2202" t="s">
        <v>84</v>
      </c>
      <c r="O2202" t="s">
        <v>85</v>
      </c>
      <c r="P2202" t="s">
        <v>86</v>
      </c>
      <c r="Q2202">
        <v>7</v>
      </c>
      <c r="R2202">
        <v>7</v>
      </c>
      <c r="S2202">
        <v>8</v>
      </c>
      <c r="T2202">
        <v>8</v>
      </c>
      <c r="U2202">
        <v>8</v>
      </c>
      <c r="V2202">
        <v>8</v>
      </c>
      <c r="W2202">
        <v>8</v>
      </c>
      <c r="X2202">
        <v>9</v>
      </c>
      <c r="Y2202">
        <v>9</v>
      </c>
      <c r="Z2202">
        <v>9</v>
      </c>
      <c r="AA2202">
        <v>9</v>
      </c>
      <c r="AB2202">
        <v>9</v>
      </c>
      <c r="AC2202">
        <v>10</v>
      </c>
      <c r="AD2202">
        <v>10</v>
      </c>
      <c r="AE2202">
        <v>10</v>
      </c>
      <c r="AF2202">
        <v>10</v>
      </c>
      <c r="AG2202">
        <v>11</v>
      </c>
      <c r="AH2202">
        <v>11</v>
      </c>
      <c r="AI2202">
        <v>11</v>
      </c>
      <c r="AJ2202">
        <v>11</v>
      </c>
      <c r="AK2202">
        <v>12</v>
      </c>
      <c r="AL2202">
        <v>12</v>
      </c>
      <c r="AM2202">
        <v>12</v>
      </c>
      <c r="AN2202">
        <v>12</v>
      </c>
      <c r="AO2202">
        <v>12</v>
      </c>
      <c r="AP2202">
        <v>12</v>
      </c>
      <c r="AQ2202">
        <v>13</v>
      </c>
    </row>
    <row r="2203" spans="1:43">
      <c r="A2203" t="s">
        <v>1434</v>
      </c>
      <c r="B2203" t="s">
        <v>1435</v>
      </c>
      <c r="C2203" t="s">
        <v>1432</v>
      </c>
      <c r="D2203" t="s">
        <v>1433</v>
      </c>
      <c r="E2203" t="s">
        <v>1192</v>
      </c>
      <c r="F2203" t="s">
        <v>1193</v>
      </c>
      <c r="G2203" t="s">
        <v>80</v>
      </c>
      <c r="H2203" t="s">
        <v>81</v>
      </c>
      <c r="I2203" s="2">
        <v>1</v>
      </c>
      <c r="J2203" s="2">
        <v>0</v>
      </c>
      <c r="K2203" s="2">
        <v>0</v>
      </c>
      <c r="L2203" t="s">
        <v>120</v>
      </c>
      <c r="M2203" t="s">
        <v>87</v>
      </c>
      <c r="N2203" t="s">
        <v>88</v>
      </c>
      <c r="O2203" t="s">
        <v>85</v>
      </c>
      <c r="P2203" t="s">
        <v>86</v>
      </c>
      <c r="Q2203">
        <v>7</v>
      </c>
      <c r="R2203">
        <v>7</v>
      </c>
      <c r="S2203">
        <v>7</v>
      </c>
      <c r="T2203">
        <v>7</v>
      </c>
      <c r="U2203">
        <v>8</v>
      </c>
      <c r="V2203">
        <v>8</v>
      </c>
      <c r="W2203">
        <v>8</v>
      </c>
      <c r="X2203">
        <v>8</v>
      </c>
      <c r="Y2203">
        <v>8</v>
      </c>
      <c r="Z2203">
        <v>8</v>
      </c>
      <c r="AA2203">
        <v>8</v>
      </c>
      <c r="AB2203">
        <v>9</v>
      </c>
      <c r="AC2203">
        <v>9</v>
      </c>
      <c r="AD2203">
        <v>9</v>
      </c>
      <c r="AE2203">
        <v>9</v>
      </c>
      <c r="AF2203">
        <v>9</v>
      </c>
      <c r="AG2203">
        <v>9</v>
      </c>
      <c r="AH2203">
        <v>9</v>
      </c>
      <c r="AI2203">
        <v>10</v>
      </c>
      <c r="AJ2203">
        <v>10</v>
      </c>
      <c r="AK2203">
        <v>10</v>
      </c>
      <c r="AL2203">
        <v>10</v>
      </c>
      <c r="AM2203">
        <v>10</v>
      </c>
      <c r="AN2203">
        <v>10</v>
      </c>
      <c r="AO2203">
        <v>11</v>
      </c>
      <c r="AP2203">
        <v>11</v>
      </c>
      <c r="AQ2203">
        <v>11</v>
      </c>
    </row>
    <row r="2204" spans="1:43">
      <c r="A2204" t="s">
        <v>1434</v>
      </c>
      <c r="B2204" t="s">
        <v>1435</v>
      </c>
      <c r="C2204" t="s">
        <v>1432</v>
      </c>
      <c r="D2204" t="s">
        <v>1433</v>
      </c>
      <c r="E2204" t="s">
        <v>1192</v>
      </c>
      <c r="F2204" t="s">
        <v>1193</v>
      </c>
      <c r="G2204" t="s">
        <v>80</v>
      </c>
      <c r="H2204" t="s">
        <v>81</v>
      </c>
      <c r="I2204" s="2">
        <v>1</v>
      </c>
      <c r="J2204" s="2">
        <v>0</v>
      </c>
      <c r="K2204" s="2">
        <v>0</v>
      </c>
      <c r="L2204" t="s">
        <v>120</v>
      </c>
      <c r="M2204" t="s">
        <v>89</v>
      </c>
      <c r="N2204" t="s">
        <v>90</v>
      </c>
      <c r="O2204" t="s">
        <v>85</v>
      </c>
      <c r="P2204" t="s">
        <v>86</v>
      </c>
      <c r="Q2204">
        <v>7</v>
      </c>
      <c r="R2204">
        <v>7</v>
      </c>
      <c r="S2204">
        <v>8</v>
      </c>
      <c r="T2204">
        <v>8</v>
      </c>
      <c r="U2204">
        <v>8</v>
      </c>
      <c r="V2204">
        <v>8</v>
      </c>
      <c r="W2204">
        <v>9</v>
      </c>
      <c r="X2204">
        <v>9</v>
      </c>
      <c r="Y2204">
        <v>9</v>
      </c>
      <c r="Z2204">
        <v>10</v>
      </c>
      <c r="AA2204">
        <v>10</v>
      </c>
      <c r="AB2204">
        <v>10</v>
      </c>
      <c r="AC2204">
        <v>10</v>
      </c>
      <c r="AD2204">
        <v>11</v>
      </c>
      <c r="AE2204">
        <v>11</v>
      </c>
      <c r="AF2204">
        <v>11</v>
      </c>
      <c r="AG2204">
        <v>11</v>
      </c>
      <c r="AH2204">
        <v>11</v>
      </c>
      <c r="AI2204">
        <v>11</v>
      </c>
      <c r="AJ2204">
        <v>12</v>
      </c>
      <c r="AK2204">
        <v>12</v>
      </c>
      <c r="AL2204">
        <v>12</v>
      </c>
      <c r="AM2204">
        <v>12</v>
      </c>
      <c r="AN2204">
        <v>12</v>
      </c>
      <c r="AO2204">
        <v>12</v>
      </c>
      <c r="AP2204">
        <v>13</v>
      </c>
      <c r="AQ2204">
        <v>13</v>
      </c>
    </row>
    <row r="2205" spans="1:43">
      <c r="A2205" t="s">
        <v>1434</v>
      </c>
      <c r="B2205" t="s">
        <v>1435</v>
      </c>
      <c r="C2205" t="s">
        <v>1432</v>
      </c>
      <c r="D2205" t="s">
        <v>1433</v>
      </c>
      <c r="E2205" t="s">
        <v>1192</v>
      </c>
      <c r="F2205" t="s">
        <v>1193</v>
      </c>
      <c r="G2205" t="s">
        <v>80</v>
      </c>
      <c r="H2205" t="s">
        <v>81</v>
      </c>
      <c r="I2205" s="2">
        <v>1</v>
      </c>
      <c r="J2205" s="2">
        <v>0</v>
      </c>
      <c r="K2205" s="2">
        <v>0</v>
      </c>
      <c r="L2205" t="s">
        <v>120</v>
      </c>
      <c r="M2205" t="s">
        <v>83</v>
      </c>
      <c r="N2205" t="s">
        <v>91</v>
      </c>
      <c r="O2205" t="s">
        <v>85</v>
      </c>
      <c r="P2205" t="s">
        <v>86</v>
      </c>
      <c r="Q2205">
        <v>7</v>
      </c>
      <c r="R2205">
        <v>7</v>
      </c>
      <c r="S2205">
        <v>8</v>
      </c>
      <c r="T2205">
        <v>8</v>
      </c>
      <c r="U2205">
        <v>8</v>
      </c>
      <c r="V2205">
        <v>8</v>
      </c>
      <c r="W2205">
        <v>8</v>
      </c>
      <c r="X2205">
        <v>9</v>
      </c>
      <c r="Y2205">
        <v>9</v>
      </c>
      <c r="Z2205">
        <v>9</v>
      </c>
      <c r="AA2205">
        <v>9</v>
      </c>
      <c r="AB2205">
        <v>9</v>
      </c>
      <c r="AC2205">
        <v>10</v>
      </c>
      <c r="AD2205">
        <v>10</v>
      </c>
      <c r="AE2205">
        <v>10</v>
      </c>
      <c r="AF2205">
        <v>10</v>
      </c>
      <c r="AG2205">
        <v>11</v>
      </c>
      <c r="AH2205">
        <v>11</v>
      </c>
      <c r="AI2205">
        <v>11</v>
      </c>
      <c r="AJ2205">
        <v>11</v>
      </c>
      <c r="AK2205">
        <v>12</v>
      </c>
      <c r="AL2205">
        <v>12</v>
      </c>
      <c r="AM2205">
        <v>12</v>
      </c>
      <c r="AN2205">
        <v>12</v>
      </c>
      <c r="AO2205">
        <v>12</v>
      </c>
      <c r="AP2205">
        <v>12</v>
      </c>
      <c r="AQ2205">
        <v>13</v>
      </c>
    </row>
    <row r="2206" spans="1:43">
      <c r="A2206" t="s">
        <v>1436</v>
      </c>
      <c r="B2206" t="s">
        <v>1437</v>
      </c>
      <c r="C2206" t="s">
        <v>1432</v>
      </c>
      <c r="D2206" t="s">
        <v>1433</v>
      </c>
      <c r="E2206" t="s">
        <v>1192</v>
      </c>
      <c r="F2206" t="s">
        <v>1193</v>
      </c>
      <c r="G2206" t="s">
        <v>80</v>
      </c>
      <c r="H2206" t="s">
        <v>81</v>
      </c>
      <c r="I2206" s="2">
        <v>1</v>
      </c>
      <c r="J2206" s="2">
        <v>0</v>
      </c>
      <c r="K2206" s="2">
        <v>0</v>
      </c>
      <c r="L2206" t="s">
        <v>120</v>
      </c>
      <c r="M2206" t="s">
        <v>83</v>
      </c>
      <c r="N2206" t="s">
        <v>84</v>
      </c>
      <c r="O2206" t="s">
        <v>85</v>
      </c>
      <c r="P2206" t="s">
        <v>86</v>
      </c>
      <c r="Q2206">
        <v>19</v>
      </c>
      <c r="R2206">
        <v>20</v>
      </c>
      <c r="S2206">
        <v>20</v>
      </c>
      <c r="T2206">
        <v>21</v>
      </c>
      <c r="U2206">
        <v>21</v>
      </c>
      <c r="V2206">
        <v>22</v>
      </c>
      <c r="W2206">
        <v>22</v>
      </c>
      <c r="X2206">
        <v>23</v>
      </c>
      <c r="Y2206">
        <v>23</v>
      </c>
      <c r="Z2206">
        <v>24</v>
      </c>
      <c r="AA2206">
        <v>25</v>
      </c>
      <c r="AB2206">
        <v>25</v>
      </c>
      <c r="AC2206">
        <v>26</v>
      </c>
      <c r="AD2206">
        <v>26</v>
      </c>
      <c r="AE2206">
        <v>27</v>
      </c>
      <c r="AF2206">
        <v>28</v>
      </c>
      <c r="AG2206">
        <v>28</v>
      </c>
      <c r="AH2206">
        <v>29</v>
      </c>
      <c r="AI2206">
        <v>30</v>
      </c>
      <c r="AJ2206">
        <v>30</v>
      </c>
      <c r="AK2206">
        <v>31</v>
      </c>
      <c r="AL2206">
        <v>32</v>
      </c>
      <c r="AM2206">
        <v>32</v>
      </c>
      <c r="AN2206">
        <v>32</v>
      </c>
      <c r="AO2206">
        <v>33</v>
      </c>
      <c r="AP2206">
        <v>33</v>
      </c>
      <c r="AQ2206">
        <v>34</v>
      </c>
    </row>
    <row r="2207" spans="1:43">
      <c r="A2207" t="s">
        <v>1436</v>
      </c>
      <c r="B2207" t="s">
        <v>1437</v>
      </c>
      <c r="C2207" t="s">
        <v>1432</v>
      </c>
      <c r="D2207" t="s">
        <v>1433</v>
      </c>
      <c r="E2207" t="s">
        <v>1192</v>
      </c>
      <c r="F2207" t="s">
        <v>1193</v>
      </c>
      <c r="G2207" t="s">
        <v>80</v>
      </c>
      <c r="H2207" t="s">
        <v>81</v>
      </c>
      <c r="I2207" s="2">
        <v>1</v>
      </c>
      <c r="J2207" s="2">
        <v>0</v>
      </c>
      <c r="K2207" s="2">
        <v>0</v>
      </c>
      <c r="L2207" t="s">
        <v>120</v>
      </c>
      <c r="M2207" t="s">
        <v>87</v>
      </c>
      <c r="N2207" t="s">
        <v>88</v>
      </c>
      <c r="O2207" t="s">
        <v>85</v>
      </c>
      <c r="P2207" t="s">
        <v>86</v>
      </c>
      <c r="Q2207">
        <v>19</v>
      </c>
      <c r="R2207">
        <v>19</v>
      </c>
      <c r="S2207">
        <v>20</v>
      </c>
      <c r="T2207">
        <v>20</v>
      </c>
      <c r="U2207">
        <v>20</v>
      </c>
      <c r="V2207">
        <v>21</v>
      </c>
      <c r="W2207">
        <v>21</v>
      </c>
      <c r="X2207">
        <v>21</v>
      </c>
      <c r="Y2207">
        <v>22</v>
      </c>
      <c r="Z2207">
        <v>22</v>
      </c>
      <c r="AA2207">
        <v>22</v>
      </c>
      <c r="AB2207">
        <v>23</v>
      </c>
      <c r="AC2207">
        <v>23</v>
      </c>
      <c r="AD2207">
        <v>24</v>
      </c>
      <c r="AE2207">
        <v>24</v>
      </c>
      <c r="AF2207">
        <v>24</v>
      </c>
      <c r="AG2207">
        <v>25</v>
      </c>
      <c r="AH2207">
        <v>25</v>
      </c>
      <c r="AI2207">
        <v>26</v>
      </c>
      <c r="AJ2207">
        <v>26</v>
      </c>
      <c r="AK2207">
        <v>27</v>
      </c>
      <c r="AL2207">
        <v>27</v>
      </c>
      <c r="AM2207">
        <v>27</v>
      </c>
      <c r="AN2207">
        <v>28</v>
      </c>
      <c r="AO2207">
        <v>28</v>
      </c>
      <c r="AP2207">
        <v>29</v>
      </c>
      <c r="AQ2207">
        <v>29</v>
      </c>
    </row>
    <row r="2208" spans="1:43">
      <c r="A2208" t="s">
        <v>1436</v>
      </c>
      <c r="B2208" t="s">
        <v>1437</v>
      </c>
      <c r="C2208" t="s">
        <v>1432</v>
      </c>
      <c r="D2208" t="s">
        <v>1433</v>
      </c>
      <c r="E2208" t="s">
        <v>1192</v>
      </c>
      <c r="F2208" t="s">
        <v>1193</v>
      </c>
      <c r="G2208" t="s">
        <v>80</v>
      </c>
      <c r="H2208" t="s">
        <v>81</v>
      </c>
      <c r="I2208" s="2">
        <v>1</v>
      </c>
      <c r="J2208" s="2">
        <v>0</v>
      </c>
      <c r="K2208" s="2">
        <v>0</v>
      </c>
      <c r="L2208" t="s">
        <v>120</v>
      </c>
      <c r="M2208" t="s">
        <v>89</v>
      </c>
      <c r="N2208" t="s">
        <v>90</v>
      </c>
      <c r="O2208" t="s">
        <v>85</v>
      </c>
      <c r="P2208" t="s">
        <v>86</v>
      </c>
      <c r="Q2208">
        <v>19</v>
      </c>
      <c r="R2208">
        <v>20</v>
      </c>
      <c r="S2208">
        <v>21</v>
      </c>
      <c r="T2208">
        <v>21</v>
      </c>
      <c r="U2208">
        <v>22</v>
      </c>
      <c r="V2208">
        <v>23</v>
      </c>
      <c r="W2208">
        <v>23</v>
      </c>
      <c r="X2208">
        <v>24</v>
      </c>
      <c r="Y2208">
        <v>25</v>
      </c>
      <c r="Z2208">
        <v>26</v>
      </c>
      <c r="AA2208">
        <v>26</v>
      </c>
      <c r="AB2208">
        <v>27</v>
      </c>
      <c r="AC2208">
        <v>28</v>
      </c>
      <c r="AD2208">
        <v>28</v>
      </c>
      <c r="AE2208">
        <v>29</v>
      </c>
      <c r="AF2208">
        <v>29</v>
      </c>
      <c r="AG2208">
        <v>30</v>
      </c>
      <c r="AH2208">
        <v>30</v>
      </c>
      <c r="AI2208">
        <v>31</v>
      </c>
      <c r="AJ2208">
        <v>31</v>
      </c>
      <c r="AK2208">
        <v>31</v>
      </c>
      <c r="AL2208">
        <v>32</v>
      </c>
      <c r="AM2208">
        <v>32</v>
      </c>
      <c r="AN2208">
        <v>33</v>
      </c>
      <c r="AO2208">
        <v>33</v>
      </c>
      <c r="AP2208">
        <v>34</v>
      </c>
      <c r="AQ2208">
        <v>34</v>
      </c>
    </row>
    <row r="2209" spans="1:43">
      <c r="A2209" t="s">
        <v>1436</v>
      </c>
      <c r="B2209" t="s">
        <v>1437</v>
      </c>
      <c r="C2209" t="s">
        <v>1432</v>
      </c>
      <c r="D2209" t="s">
        <v>1433</v>
      </c>
      <c r="E2209" t="s">
        <v>1192</v>
      </c>
      <c r="F2209" t="s">
        <v>1193</v>
      </c>
      <c r="G2209" t="s">
        <v>80</v>
      </c>
      <c r="H2209" t="s">
        <v>81</v>
      </c>
      <c r="I2209" s="2">
        <v>1</v>
      </c>
      <c r="J2209" s="2">
        <v>0</v>
      </c>
      <c r="K2209" s="2">
        <v>0</v>
      </c>
      <c r="L2209" t="s">
        <v>120</v>
      </c>
      <c r="M2209" t="s">
        <v>83</v>
      </c>
      <c r="N2209" t="s">
        <v>91</v>
      </c>
      <c r="O2209" t="s">
        <v>85</v>
      </c>
      <c r="P2209" t="s">
        <v>86</v>
      </c>
      <c r="Q2209">
        <v>19</v>
      </c>
      <c r="R2209">
        <v>20</v>
      </c>
      <c r="S2209">
        <v>20</v>
      </c>
      <c r="T2209">
        <v>21</v>
      </c>
      <c r="U2209">
        <v>21</v>
      </c>
      <c r="V2209">
        <v>22</v>
      </c>
      <c r="W2209">
        <v>22</v>
      </c>
      <c r="X2209">
        <v>23</v>
      </c>
      <c r="Y2209">
        <v>23</v>
      </c>
      <c r="Z2209">
        <v>24</v>
      </c>
      <c r="AA2209">
        <v>25</v>
      </c>
      <c r="AB2209">
        <v>25</v>
      </c>
      <c r="AC2209">
        <v>26</v>
      </c>
      <c r="AD2209">
        <v>26</v>
      </c>
      <c r="AE2209">
        <v>27</v>
      </c>
      <c r="AF2209">
        <v>28</v>
      </c>
      <c r="AG2209">
        <v>28</v>
      </c>
      <c r="AH2209">
        <v>29</v>
      </c>
      <c r="AI2209">
        <v>30</v>
      </c>
      <c r="AJ2209">
        <v>30</v>
      </c>
      <c r="AK2209">
        <v>31</v>
      </c>
      <c r="AL2209">
        <v>32</v>
      </c>
      <c r="AM2209">
        <v>32</v>
      </c>
      <c r="AN2209">
        <v>32</v>
      </c>
      <c r="AO2209">
        <v>33</v>
      </c>
      <c r="AP2209">
        <v>33</v>
      </c>
      <c r="AQ2209">
        <v>34</v>
      </c>
    </row>
    <row r="2210" spans="1:43">
      <c r="A2210" t="s">
        <v>1438</v>
      </c>
      <c r="B2210" t="s">
        <v>1439</v>
      </c>
      <c r="C2210" t="s">
        <v>1432</v>
      </c>
      <c r="D2210" t="s">
        <v>1433</v>
      </c>
      <c r="E2210" t="s">
        <v>1192</v>
      </c>
      <c r="F2210" t="s">
        <v>1193</v>
      </c>
      <c r="G2210" t="s">
        <v>80</v>
      </c>
      <c r="H2210" t="s">
        <v>81</v>
      </c>
      <c r="I2210" s="2">
        <v>1</v>
      </c>
      <c r="J2210" s="2">
        <v>0</v>
      </c>
      <c r="K2210" s="2">
        <v>0</v>
      </c>
      <c r="L2210" t="s">
        <v>120</v>
      </c>
      <c r="M2210" t="s">
        <v>83</v>
      </c>
      <c r="N2210" t="s">
        <v>84</v>
      </c>
      <c r="O2210" t="s">
        <v>85</v>
      </c>
      <c r="P2210" t="s">
        <v>86</v>
      </c>
      <c r="Q2210">
        <v>32</v>
      </c>
      <c r="R2210">
        <v>33</v>
      </c>
      <c r="S2210">
        <v>34</v>
      </c>
      <c r="T2210">
        <v>35</v>
      </c>
      <c r="U2210">
        <v>36</v>
      </c>
      <c r="V2210">
        <v>37</v>
      </c>
      <c r="W2210">
        <v>37</v>
      </c>
      <c r="X2210">
        <v>38</v>
      </c>
      <c r="Y2210">
        <v>39</v>
      </c>
      <c r="Z2210">
        <v>40</v>
      </c>
      <c r="AA2210">
        <v>41</v>
      </c>
      <c r="AB2210">
        <v>42</v>
      </c>
      <c r="AC2210">
        <v>43</v>
      </c>
      <c r="AD2210">
        <v>44</v>
      </c>
      <c r="AE2210">
        <v>45</v>
      </c>
      <c r="AF2210">
        <v>47</v>
      </c>
      <c r="AG2210">
        <v>48</v>
      </c>
      <c r="AH2210">
        <v>49</v>
      </c>
      <c r="AI2210">
        <v>50</v>
      </c>
      <c r="AJ2210">
        <v>51</v>
      </c>
      <c r="AK2210">
        <v>52</v>
      </c>
      <c r="AL2210">
        <v>53</v>
      </c>
      <c r="AM2210">
        <v>54</v>
      </c>
      <c r="AN2210">
        <v>54</v>
      </c>
      <c r="AO2210">
        <v>55</v>
      </c>
      <c r="AP2210">
        <v>56</v>
      </c>
      <c r="AQ2210">
        <v>57</v>
      </c>
    </row>
    <row r="2211" spans="1:43">
      <c r="A2211" t="s">
        <v>1438</v>
      </c>
      <c r="B2211" t="s">
        <v>1439</v>
      </c>
      <c r="C2211" t="s">
        <v>1432</v>
      </c>
      <c r="D2211" t="s">
        <v>1433</v>
      </c>
      <c r="E2211" t="s">
        <v>1192</v>
      </c>
      <c r="F2211" t="s">
        <v>1193</v>
      </c>
      <c r="G2211" t="s">
        <v>80</v>
      </c>
      <c r="H2211" t="s">
        <v>81</v>
      </c>
      <c r="I2211" s="2">
        <v>1</v>
      </c>
      <c r="J2211" s="2">
        <v>0</v>
      </c>
      <c r="K2211" s="2">
        <v>0</v>
      </c>
      <c r="L2211" t="s">
        <v>120</v>
      </c>
      <c r="M2211" t="s">
        <v>87</v>
      </c>
      <c r="N2211" t="s">
        <v>88</v>
      </c>
      <c r="O2211" t="s">
        <v>85</v>
      </c>
      <c r="P2211" t="s">
        <v>86</v>
      </c>
      <c r="Q2211">
        <v>32</v>
      </c>
      <c r="R2211">
        <v>32</v>
      </c>
      <c r="S2211">
        <v>33</v>
      </c>
      <c r="T2211">
        <v>33</v>
      </c>
      <c r="U2211">
        <v>34</v>
      </c>
      <c r="V2211">
        <v>35</v>
      </c>
      <c r="W2211">
        <v>35</v>
      </c>
      <c r="X2211">
        <v>36</v>
      </c>
      <c r="Y2211">
        <v>36</v>
      </c>
      <c r="Z2211">
        <v>37</v>
      </c>
      <c r="AA2211">
        <v>38</v>
      </c>
      <c r="AB2211">
        <v>38</v>
      </c>
      <c r="AC2211">
        <v>39</v>
      </c>
      <c r="AD2211">
        <v>40</v>
      </c>
      <c r="AE2211">
        <v>40</v>
      </c>
      <c r="AF2211">
        <v>41</v>
      </c>
      <c r="AG2211">
        <v>42</v>
      </c>
      <c r="AH2211">
        <v>42</v>
      </c>
      <c r="AI2211">
        <v>43</v>
      </c>
      <c r="AJ2211">
        <v>44</v>
      </c>
      <c r="AK2211">
        <v>45</v>
      </c>
      <c r="AL2211">
        <v>45</v>
      </c>
      <c r="AM2211">
        <v>46</v>
      </c>
      <c r="AN2211">
        <v>47</v>
      </c>
      <c r="AO2211">
        <v>48</v>
      </c>
      <c r="AP2211">
        <v>48</v>
      </c>
      <c r="AQ2211">
        <v>49</v>
      </c>
    </row>
    <row r="2212" spans="1:43">
      <c r="A2212" t="s">
        <v>1438</v>
      </c>
      <c r="B2212" t="s">
        <v>1439</v>
      </c>
      <c r="C2212" t="s">
        <v>1432</v>
      </c>
      <c r="D2212" t="s">
        <v>1433</v>
      </c>
      <c r="E2212" t="s">
        <v>1192</v>
      </c>
      <c r="F2212" t="s">
        <v>1193</v>
      </c>
      <c r="G2212" t="s">
        <v>80</v>
      </c>
      <c r="H2212" t="s">
        <v>81</v>
      </c>
      <c r="I2212" s="2">
        <v>1</v>
      </c>
      <c r="J2212" s="2">
        <v>0</v>
      </c>
      <c r="K2212" s="2">
        <v>0</v>
      </c>
      <c r="L2212" t="s">
        <v>120</v>
      </c>
      <c r="M2212" t="s">
        <v>89</v>
      </c>
      <c r="N2212" t="s">
        <v>90</v>
      </c>
      <c r="O2212" t="s">
        <v>85</v>
      </c>
      <c r="P2212" t="s">
        <v>86</v>
      </c>
      <c r="Q2212">
        <v>32</v>
      </c>
      <c r="R2212">
        <v>33</v>
      </c>
      <c r="S2212">
        <v>35</v>
      </c>
      <c r="T2212">
        <v>36</v>
      </c>
      <c r="U2212">
        <v>37</v>
      </c>
      <c r="V2212">
        <v>38</v>
      </c>
      <c r="W2212">
        <v>39</v>
      </c>
      <c r="X2212">
        <v>41</v>
      </c>
      <c r="Y2212">
        <v>42</v>
      </c>
      <c r="Z2212">
        <v>43</v>
      </c>
      <c r="AA2212">
        <v>44</v>
      </c>
      <c r="AB2212">
        <v>45</v>
      </c>
      <c r="AC2212">
        <v>47</v>
      </c>
      <c r="AD2212">
        <v>48</v>
      </c>
      <c r="AE2212">
        <v>49</v>
      </c>
      <c r="AF2212">
        <v>49</v>
      </c>
      <c r="AG2212">
        <v>50</v>
      </c>
      <c r="AH2212">
        <v>51</v>
      </c>
      <c r="AI2212">
        <v>51</v>
      </c>
      <c r="AJ2212">
        <v>52</v>
      </c>
      <c r="AK2212">
        <v>53</v>
      </c>
      <c r="AL2212">
        <v>53</v>
      </c>
      <c r="AM2212">
        <v>54</v>
      </c>
      <c r="AN2212">
        <v>55</v>
      </c>
      <c r="AO2212">
        <v>56</v>
      </c>
      <c r="AP2212">
        <v>56</v>
      </c>
      <c r="AQ2212">
        <v>57</v>
      </c>
    </row>
    <row r="2213" spans="1:43">
      <c r="A2213" t="s">
        <v>1438</v>
      </c>
      <c r="B2213" t="s">
        <v>1439</v>
      </c>
      <c r="C2213" t="s">
        <v>1432</v>
      </c>
      <c r="D2213" t="s">
        <v>1433</v>
      </c>
      <c r="E2213" t="s">
        <v>1192</v>
      </c>
      <c r="F2213" t="s">
        <v>1193</v>
      </c>
      <c r="G2213" t="s">
        <v>80</v>
      </c>
      <c r="H2213" t="s">
        <v>81</v>
      </c>
      <c r="I2213" s="2">
        <v>1</v>
      </c>
      <c r="J2213" s="2">
        <v>0</v>
      </c>
      <c r="K2213" s="2">
        <v>0</v>
      </c>
      <c r="L2213" t="s">
        <v>120</v>
      </c>
      <c r="M2213" t="s">
        <v>83</v>
      </c>
      <c r="N2213" t="s">
        <v>91</v>
      </c>
      <c r="O2213" t="s">
        <v>85</v>
      </c>
      <c r="P2213" t="s">
        <v>86</v>
      </c>
      <c r="Q2213">
        <v>32</v>
      </c>
      <c r="R2213">
        <v>33</v>
      </c>
      <c r="S2213">
        <v>34</v>
      </c>
      <c r="T2213">
        <v>35</v>
      </c>
      <c r="U2213">
        <v>36</v>
      </c>
      <c r="V2213">
        <v>37</v>
      </c>
      <c r="W2213">
        <v>37</v>
      </c>
      <c r="X2213">
        <v>38</v>
      </c>
      <c r="Y2213">
        <v>39</v>
      </c>
      <c r="Z2213">
        <v>40</v>
      </c>
      <c r="AA2213">
        <v>41</v>
      </c>
      <c r="AB2213">
        <v>42</v>
      </c>
      <c r="AC2213">
        <v>43</v>
      </c>
      <c r="AD2213">
        <v>44</v>
      </c>
      <c r="AE2213">
        <v>45</v>
      </c>
      <c r="AF2213">
        <v>47</v>
      </c>
      <c r="AG2213">
        <v>48</v>
      </c>
      <c r="AH2213">
        <v>49</v>
      </c>
      <c r="AI2213">
        <v>50</v>
      </c>
      <c r="AJ2213">
        <v>51</v>
      </c>
      <c r="AK2213">
        <v>52</v>
      </c>
      <c r="AL2213">
        <v>53</v>
      </c>
      <c r="AM2213">
        <v>54</v>
      </c>
      <c r="AN2213">
        <v>54</v>
      </c>
      <c r="AO2213">
        <v>55</v>
      </c>
      <c r="AP2213">
        <v>56</v>
      </c>
      <c r="AQ2213">
        <v>57</v>
      </c>
    </row>
    <row r="2214" spans="1:43">
      <c r="A2214" t="s">
        <v>1440</v>
      </c>
      <c r="B2214" t="s">
        <v>1441</v>
      </c>
      <c r="C2214" t="s">
        <v>1426</v>
      </c>
      <c r="D2214" t="s">
        <v>1427</v>
      </c>
      <c r="E2214" t="s">
        <v>1192</v>
      </c>
      <c r="F2214" t="s">
        <v>1193</v>
      </c>
      <c r="G2214" t="s">
        <v>80</v>
      </c>
      <c r="H2214" t="s">
        <v>81</v>
      </c>
      <c r="I2214" s="2">
        <v>1</v>
      </c>
      <c r="J2214" s="2">
        <v>0</v>
      </c>
      <c r="K2214" s="2">
        <v>0</v>
      </c>
      <c r="L2214" t="s">
        <v>120</v>
      </c>
      <c r="M2214" t="s">
        <v>83</v>
      </c>
      <c r="N2214" t="s">
        <v>84</v>
      </c>
      <c r="O2214" t="s">
        <v>85</v>
      </c>
      <c r="P2214" t="s">
        <v>86</v>
      </c>
      <c r="Q2214">
        <v>18</v>
      </c>
      <c r="R2214">
        <v>19</v>
      </c>
      <c r="S2214">
        <v>19</v>
      </c>
      <c r="T2214">
        <v>20</v>
      </c>
      <c r="U2214">
        <v>20</v>
      </c>
      <c r="V2214">
        <v>21</v>
      </c>
      <c r="W2214">
        <v>21</v>
      </c>
      <c r="X2214">
        <v>22</v>
      </c>
      <c r="Y2214">
        <v>22</v>
      </c>
      <c r="Z2214">
        <v>23</v>
      </c>
      <c r="AA2214">
        <v>23</v>
      </c>
      <c r="AB2214">
        <v>24</v>
      </c>
      <c r="AC2214">
        <v>24</v>
      </c>
      <c r="AD2214">
        <v>25</v>
      </c>
      <c r="AE2214">
        <v>26</v>
      </c>
      <c r="AF2214">
        <v>26</v>
      </c>
      <c r="AG2214">
        <v>27</v>
      </c>
      <c r="AH2214">
        <v>27</v>
      </c>
      <c r="AI2214">
        <v>28</v>
      </c>
      <c r="AJ2214">
        <v>29</v>
      </c>
      <c r="AK2214">
        <v>29</v>
      </c>
      <c r="AL2214">
        <v>30</v>
      </c>
      <c r="AM2214">
        <v>30</v>
      </c>
      <c r="AN2214">
        <v>31</v>
      </c>
      <c r="AO2214">
        <v>31</v>
      </c>
      <c r="AP2214">
        <v>31</v>
      </c>
      <c r="AQ2214">
        <v>32</v>
      </c>
    </row>
    <row r="2215" spans="1:43">
      <c r="A2215" t="s">
        <v>1440</v>
      </c>
      <c r="B2215" t="s">
        <v>1441</v>
      </c>
      <c r="C2215" t="s">
        <v>1426</v>
      </c>
      <c r="D2215" t="s">
        <v>1427</v>
      </c>
      <c r="E2215" t="s">
        <v>1192</v>
      </c>
      <c r="F2215" t="s">
        <v>1193</v>
      </c>
      <c r="G2215" t="s">
        <v>80</v>
      </c>
      <c r="H2215" t="s">
        <v>81</v>
      </c>
      <c r="I2215" s="2">
        <v>1</v>
      </c>
      <c r="J2215" s="2">
        <v>0</v>
      </c>
      <c r="K2215" s="2">
        <v>0</v>
      </c>
      <c r="L2215" t="s">
        <v>120</v>
      </c>
      <c r="M2215" t="s">
        <v>87</v>
      </c>
      <c r="N2215" t="s">
        <v>88</v>
      </c>
      <c r="O2215" t="s">
        <v>85</v>
      </c>
      <c r="P2215" t="s">
        <v>86</v>
      </c>
      <c r="Q2215">
        <v>18</v>
      </c>
      <c r="R2215">
        <v>18</v>
      </c>
      <c r="S2215">
        <v>18</v>
      </c>
      <c r="T2215">
        <v>19</v>
      </c>
      <c r="U2215">
        <v>19</v>
      </c>
      <c r="V2215">
        <v>19</v>
      </c>
      <c r="W2215">
        <v>20</v>
      </c>
      <c r="X2215">
        <v>20</v>
      </c>
      <c r="Y2215">
        <v>21</v>
      </c>
      <c r="Z2215">
        <v>21</v>
      </c>
      <c r="AA2215">
        <v>21</v>
      </c>
      <c r="AB2215">
        <v>22</v>
      </c>
      <c r="AC2215">
        <v>22</v>
      </c>
      <c r="AD2215">
        <v>22</v>
      </c>
      <c r="AE2215">
        <v>23</v>
      </c>
      <c r="AF2215">
        <v>23</v>
      </c>
      <c r="AG2215">
        <v>23</v>
      </c>
      <c r="AH2215">
        <v>24</v>
      </c>
      <c r="AI2215">
        <v>24</v>
      </c>
      <c r="AJ2215">
        <v>25</v>
      </c>
      <c r="AK2215">
        <v>25</v>
      </c>
      <c r="AL2215">
        <v>25</v>
      </c>
      <c r="AM2215">
        <v>26</v>
      </c>
      <c r="AN2215">
        <v>26</v>
      </c>
      <c r="AO2215">
        <v>27</v>
      </c>
      <c r="AP2215">
        <v>27</v>
      </c>
      <c r="AQ2215">
        <v>28</v>
      </c>
    </row>
    <row r="2216" spans="1:43">
      <c r="A2216" t="s">
        <v>1440</v>
      </c>
      <c r="B2216" t="s">
        <v>1441</v>
      </c>
      <c r="C2216" t="s">
        <v>1426</v>
      </c>
      <c r="D2216" t="s">
        <v>1427</v>
      </c>
      <c r="E2216" t="s">
        <v>1192</v>
      </c>
      <c r="F2216" t="s">
        <v>1193</v>
      </c>
      <c r="G2216" t="s">
        <v>80</v>
      </c>
      <c r="H2216" t="s">
        <v>81</v>
      </c>
      <c r="I2216" s="2">
        <v>1</v>
      </c>
      <c r="J2216" s="2">
        <v>0</v>
      </c>
      <c r="K2216" s="2">
        <v>0</v>
      </c>
      <c r="L2216" t="s">
        <v>120</v>
      </c>
      <c r="M2216" t="s">
        <v>89</v>
      </c>
      <c r="N2216" t="s">
        <v>90</v>
      </c>
      <c r="O2216" t="s">
        <v>85</v>
      </c>
      <c r="P2216" t="s">
        <v>86</v>
      </c>
      <c r="Q2216">
        <v>18</v>
      </c>
      <c r="R2216">
        <v>19</v>
      </c>
      <c r="S2216">
        <v>20</v>
      </c>
      <c r="T2216">
        <v>20</v>
      </c>
      <c r="U2216">
        <v>21</v>
      </c>
      <c r="V2216">
        <v>21</v>
      </c>
      <c r="W2216">
        <v>22</v>
      </c>
      <c r="X2216">
        <v>23</v>
      </c>
      <c r="Y2216">
        <v>23</v>
      </c>
      <c r="Z2216">
        <v>24</v>
      </c>
      <c r="AA2216">
        <v>25</v>
      </c>
      <c r="AB2216">
        <v>25</v>
      </c>
      <c r="AC2216">
        <v>26</v>
      </c>
      <c r="AD2216">
        <v>27</v>
      </c>
      <c r="AE2216">
        <v>27</v>
      </c>
      <c r="AF2216">
        <v>28</v>
      </c>
      <c r="AG2216">
        <v>28</v>
      </c>
      <c r="AH2216">
        <v>29</v>
      </c>
      <c r="AI2216">
        <v>29</v>
      </c>
      <c r="AJ2216">
        <v>29</v>
      </c>
      <c r="AK2216">
        <v>30</v>
      </c>
      <c r="AL2216">
        <v>30</v>
      </c>
      <c r="AM2216">
        <v>31</v>
      </c>
      <c r="AN2216">
        <v>31</v>
      </c>
      <c r="AO2216">
        <v>31</v>
      </c>
      <c r="AP2216">
        <v>32</v>
      </c>
      <c r="AQ2216">
        <v>32</v>
      </c>
    </row>
    <row r="2217" spans="1:43">
      <c r="A2217" t="s">
        <v>1440</v>
      </c>
      <c r="B2217" t="s">
        <v>1441</v>
      </c>
      <c r="C2217" t="s">
        <v>1426</v>
      </c>
      <c r="D2217" t="s">
        <v>1427</v>
      </c>
      <c r="E2217" t="s">
        <v>1192</v>
      </c>
      <c r="F2217" t="s">
        <v>1193</v>
      </c>
      <c r="G2217" t="s">
        <v>80</v>
      </c>
      <c r="H2217" t="s">
        <v>81</v>
      </c>
      <c r="I2217" s="2">
        <v>1</v>
      </c>
      <c r="J2217" s="2">
        <v>0</v>
      </c>
      <c r="K2217" s="2">
        <v>0</v>
      </c>
      <c r="L2217" t="s">
        <v>120</v>
      </c>
      <c r="M2217" t="s">
        <v>83</v>
      </c>
      <c r="N2217" t="s">
        <v>91</v>
      </c>
      <c r="O2217" t="s">
        <v>85</v>
      </c>
      <c r="P2217" t="s">
        <v>86</v>
      </c>
      <c r="Q2217">
        <v>18</v>
      </c>
      <c r="R2217">
        <v>19</v>
      </c>
      <c r="S2217">
        <v>19</v>
      </c>
      <c r="T2217">
        <v>20</v>
      </c>
      <c r="U2217">
        <v>20</v>
      </c>
      <c r="V2217">
        <v>21</v>
      </c>
      <c r="W2217">
        <v>21</v>
      </c>
      <c r="X2217">
        <v>22</v>
      </c>
      <c r="Y2217">
        <v>22</v>
      </c>
      <c r="Z2217">
        <v>23</v>
      </c>
      <c r="AA2217">
        <v>23</v>
      </c>
      <c r="AB2217">
        <v>24</v>
      </c>
      <c r="AC2217">
        <v>24</v>
      </c>
      <c r="AD2217">
        <v>25</v>
      </c>
      <c r="AE2217">
        <v>26</v>
      </c>
      <c r="AF2217">
        <v>26</v>
      </c>
      <c r="AG2217">
        <v>27</v>
      </c>
      <c r="AH2217">
        <v>27</v>
      </c>
      <c r="AI2217">
        <v>28</v>
      </c>
      <c r="AJ2217">
        <v>29</v>
      </c>
      <c r="AK2217">
        <v>29</v>
      </c>
      <c r="AL2217">
        <v>30</v>
      </c>
      <c r="AM2217">
        <v>30</v>
      </c>
      <c r="AN2217">
        <v>31</v>
      </c>
      <c r="AO2217">
        <v>31</v>
      </c>
      <c r="AP2217">
        <v>31</v>
      </c>
      <c r="AQ2217">
        <v>32</v>
      </c>
    </row>
    <row r="2218" spans="1:43">
      <c r="A2218" t="s">
        <v>1442</v>
      </c>
      <c r="B2218" t="s">
        <v>1443</v>
      </c>
      <c r="C2218" t="s">
        <v>1432</v>
      </c>
      <c r="D2218" t="s">
        <v>1433</v>
      </c>
      <c r="E2218" t="s">
        <v>1192</v>
      </c>
      <c r="F2218" t="s">
        <v>1193</v>
      </c>
      <c r="G2218" t="s">
        <v>80</v>
      </c>
      <c r="H2218" t="s">
        <v>81</v>
      </c>
      <c r="I2218" s="2">
        <v>1</v>
      </c>
      <c r="J2218" s="2">
        <v>0</v>
      </c>
      <c r="K2218" s="2">
        <v>0</v>
      </c>
      <c r="L2218" t="s">
        <v>120</v>
      </c>
      <c r="M2218" t="s">
        <v>83</v>
      </c>
      <c r="N2218" t="s">
        <v>84</v>
      </c>
      <c r="O2218" t="s">
        <v>85</v>
      </c>
      <c r="P2218" t="s">
        <v>86</v>
      </c>
      <c r="Q2218">
        <v>97</v>
      </c>
      <c r="R2218">
        <v>99</v>
      </c>
      <c r="S2218">
        <v>102</v>
      </c>
      <c r="T2218">
        <v>105</v>
      </c>
      <c r="U2218">
        <v>108</v>
      </c>
      <c r="V2218">
        <v>110</v>
      </c>
      <c r="W2218">
        <v>113</v>
      </c>
      <c r="X2218">
        <v>116</v>
      </c>
      <c r="Y2218">
        <v>119</v>
      </c>
      <c r="Z2218">
        <v>122</v>
      </c>
      <c r="AA2218">
        <v>125</v>
      </c>
      <c r="AB2218">
        <v>128</v>
      </c>
      <c r="AC2218">
        <v>131</v>
      </c>
      <c r="AD2218">
        <v>134</v>
      </c>
      <c r="AE2218">
        <v>138</v>
      </c>
      <c r="AF2218">
        <v>141</v>
      </c>
      <c r="AG2218">
        <v>144</v>
      </c>
      <c r="AH2218">
        <v>147</v>
      </c>
      <c r="AI2218">
        <v>151</v>
      </c>
      <c r="AJ2218">
        <v>154</v>
      </c>
      <c r="AK2218">
        <v>158</v>
      </c>
      <c r="AL2218">
        <v>161</v>
      </c>
      <c r="AM2218">
        <v>163</v>
      </c>
      <c r="AN2218">
        <v>165</v>
      </c>
      <c r="AO2218">
        <v>167</v>
      </c>
      <c r="AP2218">
        <v>169</v>
      </c>
      <c r="AQ2218">
        <v>171</v>
      </c>
    </row>
    <row r="2219" spans="1:43">
      <c r="A2219" t="s">
        <v>1442</v>
      </c>
      <c r="B2219" t="s">
        <v>1443</v>
      </c>
      <c r="C2219" t="s">
        <v>1432</v>
      </c>
      <c r="D2219" t="s">
        <v>1433</v>
      </c>
      <c r="E2219" t="s">
        <v>1192</v>
      </c>
      <c r="F2219" t="s">
        <v>1193</v>
      </c>
      <c r="G2219" t="s">
        <v>80</v>
      </c>
      <c r="H2219" t="s">
        <v>81</v>
      </c>
      <c r="I2219" s="2">
        <v>1</v>
      </c>
      <c r="J2219" s="2">
        <v>0</v>
      </c>
      <c r="K2219" s="2">
        <v>0</v>
      </c>
      <c r="L2219" t="s">
        <v>120</v>
      </c>
      <c r="M2219" t="s">
        <v>87</v>
      </c>
      <c r="N2219" t="s">
        <v>88</v>
      </c>
      <c r="O2219" t="s">
        <v>85</v>
      </c>
      <c r="P2219" t="s">
        <v>86</v>
      </c>
      <c r="Q2219">
        <v>97</v>
      </c>
      <c r="R2219">
        <v>99</v>
      </c>
      <c r="S2219">
        <v>100</v>
      </c>
      <c r="T2219">
        <v>102</v>
      </c>
      <c r="U2219">
        <v>104</v>
      </c>
      <c r="V2219">
        <v>106</v>
      </c>
      <c r="W2219">
        <v>107</v>
      </c>
      <c r="X2219">
        <v>109</v>
      </c>
      <c r="Y2219">
        <v>111</v>
      </c>
      <c r="Z2219">
        <v>113</v>
      </c>
      <c r="AA2219">
        <v>115</v>
      </c>
      <c r="AB2219">
        <v>117</v>
      </c>
      <c r="AC2219">
        <v>119</v>
      </c>
      <c r="AD2219">
        <v>121</v>
      </c>
      <c r="AE2219">
        <v>123</v>
      </c>
      <c r="AF2219">
        <v>125</v>
      </c>
      <c r="AG2219">
        <v>127</v>
      </c>
      <c r="AH2219">
        <v>129</v>
      </c>
      <c r="AI2219">
        <v>131</v>
      </c>
      <c r="AJ2219">
        <v>133</v>
      </c>
      <c r="AK2219">
        <v>136</v>
      </c>
      <c r="AL2219">
        <v>138</v>
      </c>
      <c r="AM2219">
        <v>140</v>
      </c>
      <c r="AN2219">
        <v>142</v>
      </c>
      <c r="AO2219">
        <v>145</v>
      </c>
      <c r="AP2219">
        <v>147</v>
      </c>
      <c r="AQ2219">
        <v>149</v>
      </c>
    </row>
    <row r="2220" spans="1:43">
      <c r="A2220" t="s">
        <v>1442</v>
      </c>
      <c r="B2220" t="s">
        <v>1443</v>
      </c>
      <c r="C2220" t="s">
        <v>1432</v>
      </c>
      <c r="D2220" t="s">
        <v>1433</v>
      </c>
      <c r="E2220" t="s">
        <v>1192</v>
      </c>
      <c r="F2220" t="s">
        <v>1193</v>
      </c>
      <c r="G2220" t="s">
        <v>80</v>
      </c>
      <c r="H2220" t="s">
        <v>81</v>
      </c>
      <c r="I2220" s="2">
        <v>1</v>
      </c>
      <c r="J2220" s="2">
        <v>0</v>
      </c>
      <c r="K2220" s="2">
        <v>0</v>
      </c>
      <c r="L2220" t="s">
        <v>120</v>
      </c>
      <c r="M2220" t="s">
        <v>89</v>
      </c>
      <c r="N2220" t="s">
        <v>90</v>
      </c>
      <c r="O2220" t="s">
        <v>85</v>
      </c>
      <c r="P2220" t="s">
        <v>86</v>
      </c>
      <c r="Q2220">
        <v>97</v>
      </c>
      <c r="R2220">
        <v>100</v>
      </c>
      <c r="S2220">
        <v>104</v>
      </c>
      <c r="T2220">
        <v>107</v>
      </c>
      <c r="U2220">
        <v>111</v>
      </c>
      <c r="V2220">
        <v>114</v>
      </c>
      <c r="W2220">
        <v>118</v>
      </c>
      <c r="X2220">
        <v>121</v>
      </c>
      <c r="Y2220">
        <v>125</v>
      </c>
      <c r="Z2220">
        <v>129</v>
      </c>
      <c r="AA2220">
        <v>132</v>
      </c>
      <c r="AB2220">
        <v>136</v>
      </c>
      <c r="AC2220">
        <v>140</v>
      </c>
      <c r="AD2220">
        <v>143</v>
      </c>
      <c r="AE2220">
        <v>147</v>
      </c>
      <c r="AF2220">
        <v>149</v>
      </c>
      <c r="AG2220">
        <v>151</v>
      </c>
      <c r="AH2220">
        <v>153</v>
      </c>
      <c r="AI2220">
        <v>155</v>
      </c>
      <c r="AJ2220">
        <v>157</v>
      </c>
      <c r="AK2220">
        <v>159</v>
      </c>
      <c r="AL2220">
        <v>161</v>
      </c>
      <c r="AM2220">
        <v>163</v>
      </c>
      <c r="AN2220">
        <v>165</v>
      </c>
      <c r="AO2220">
        <v>168</v>
      </c>
      <c r="AP2220">
        <v>170</v>
      </c>
      <c r="AQ2220">
        <v>172</v>
      </c>
    </row>
    <row r="2221" spans="1:43">
      <c r="A2221" t="s">
        <v>1442</v>
      </c>
      <c r="B2221" t="s">
        <v>1443</v>
      </c>
      <c r="C2221" t="s">
        <v>1432</v>
      </c>
      <c r="D2221" t="s">
        <v>1433</v>
      </c>
      <c r="E2221" t="s">
        <v>1192</v>
      </c>
      <c r="F2221" t="s">
        <v>1193</v>
      </c>
      <c r="G2221" t="s">
        <v>80</v>
      </c>
      <c r="H2221" t="s">
        <v>81</v>
      </c>
      <c r="I2221" s="2">
        <v>1</v>
      </c>
      <c r="J2221" s="2">
        <v>0</v>
      </c>
      <c r="K2221" s="2">
        <v>0</v>
      </c>
      <c r="L2221" t="s">
        <v>120</v>
      </c>
      <c r="M2221" t="s">
        <v>83</v>
      </c>
      <c r="N2221" t="s">
        <v>91</v>
      </c>
      <c r="O2221" t="s">
        <v>85</v>
      </c>
      <c r="P2221" t="s">
        <v>86</v>
      </c>
      <c r="Q2221">
        <v>97</v>
      </c>
      <c r="R2221">
        <v>99</v>
      </c>
      <c r="S2221">
        <v>102</v>
      </c>
      <c r="T2221">
        <v>105</v>
      </c>
      <c r="U2221">
        <v>108</v>
      </c>
      <c r="V2221">
        <v>110</v>
      </c>
      <c r="W2221">
        <v>113</v>
      </c>
      <c r="X2221">
        <v>116</v>
      </c>
      <c r="Y2221">
        <v>119</v>
      </c>
      <c r="Z2221">
        <v>122</v>
      </c>
      <c r="AA2221">
        <v>125</v>
      </c>
      <c r="AB2221">
        <v>128</v>
      </c>
      <c r="AC2221">
        <v>131</v>
      </c>
      <c r="AD2221">
        <v>134</v>
      </c>
      <c r="AE2221">
        <v>138</v>
      </c>
      <c r="AF2221">
        <v>141</v>
      </c>
      <c r="AG2221">
        <v>144</v>
      </c>
      <c r="AH2221">
        <v>147</v>
      </c>
      <c r="AI2221">
        <v>151</v>
      </c>
      <c r="AJ2221">
        <v>154</v>
      </c>
      <c r="AK2221">
        <v>158</v>
      </c>
      <c r="AL2221">
        <v>161</v>
      </c>
      <c r="AM2221">
        <v>163</v>
      </c>
      <c r="AN2221">
        <v>165</v>
      </c>
      <c r="AO2221">
        <v>167</v>
      </c>
      <c r="AP2221">
        <v>169</v>
      </c>
      <c r="AQ2221">
        <v>171</v>
      </c>
    </row>
    <row r="2222" spans="1:43">
      <c r="A2222" t="s">
        <v>1444</v>
      </c>
      <c r="B2222" t="s">
        <v>1445</v>
      </c>
      <c r="C2222" t="s">
        <v>1426</v>
      </c>
      <c r="D2222" t="s">
        <v>1427</v>
      </c>
      <c r="E2222" t="s">
        <v>1192</v>
      </c>
      <c r="F2222" t="s">
        <v>1193</v>
      </c>
      <c r="G2222" t="s">
        <v>80</v>
      </c>
      <c r="H2222" t="s">
        <v>81</v>
      </c>
      <c r="I2222" s="2">
        <v>1</v>
      </c>
      <c r="J2222" s="2">
        <v>0</v>
      </c>
      <c r="K2222" s="2">
        <v>0</v>
      </c>
      <c r="L2222" t="s">
        <v>120</v>
      </c>
      <c r="M2222" t="s">
        <v>83</v>
      </c>
      <c r="N2222" t="s">
        <v>84</v>
      </c>
      <c r="O2222" t="s">
        <v>85</v>
      </c>
      <c r="P2222" t="s">
        <v>86</v>
      </c>
      <c r="Q2222">
        <v>19</v>
      </c>
      <c r="R2222">
        <v>19</v>
      </c>
      <c r="S2222">
        <v>20</v>
      </c>
      <c r="T2222">
        <v>20</v>
      </c>
      <c r="U2222">
        <v>21</v>
      </c>
      <c r="V2222">
        <v>21</v>
      </c>
      <c r="W2222">
        <v>22</v>
      </c>
      <c r="X2222">
        <v>23</v>
      </c>
      <c r="Y2222">
        <v>23</v>
      </c>
      <c r="Z2222">
        <v>24</v>
      </c>
      <c r="AA2222">
        <v>24</v>
      </c>
      <c r="AB2222">
        <v>25</v>
      </c>
      <c r="AC2222">
        <v>25</v>
      </c>
      <c r="AD2222">
        <v>26</v>
      </c>
      <c r="AE2222">
        <v>27</v>
      </c>
      <c r="AF2222">
        <v>27</v>
      </c>
      <c r="AG2222">
        <v>28</v>
      </c>
      <c r="AH2222">
        <v>29</v>
      </c>
      <c r="AI2222">
        <v>29</v>
      </c>
      <c r="AJ2222">
        <v>30</v>
      </c>
      <c r="AK2222">
        <v>31</v>
      </c>
      <c r="AL2222">
        <v>31</v>
      </c>
      <c r="AM2222">
        <v>31</v>
      </c>
      <c r="AN2222">
        <v>32</v>
      </c>
      <c r="AO2222">
        <v>32</v>
      </c>
      <c r="AP2222">
        <v>33</v>
      </c>
      <c r="AQ2222">
        <v>33</v>
      </c>
    </row>
    <row r="2223" spans="1:43">
      <c r="A2223" t="s">
        <v>1444</v>
      </c>
      <c r="B2223" t="s">
        <v>1445</v>
      </c>
      <c r="C2223" t="s">
        <v>1426</v>
      </c>
      <c r="D2223" t="s">
        <v>1427</v>
      </c>
      <c r="E2223" t="s">
        <v>1192</v>
      </c>
      <c r="F2223" t="s">
        <v>1193</v>
      </c>
      <c r="G2223" t="s">
        <v>80</v>
      </c>
      <c r="H2223" t="s">
        <v>81</v>
      </c>
      <c r="I2223" s="2">
        <v>1</v>
      </c>
      <c r="J2223" s="2">
        <v>0</v>
      </c>
      <c r="K2223" s="2">
        <v>0</v>
      </c>
      <c r="L2223" t="s">
        <v>120</v>
      </c>
      <c r="M2223" t="s">
        <v>87</v>
      </c>
      <c r="N2223" t="s">
        <v>88</v>
      </c>
      <c r="O2223" t="s">
        <v>85</v>
      </c>
      <c r="P2223" t="s">
        <v>86</v>
      </c>
      <c r="Q2223">
        <v>19</v>
      </c>
      <c r="R2223">
        <v>19</v>
      </c>
      <c r="S2223">
        <v>19</v>
      </c>
      <c r="T2223">
        <v>20</v>
      </c>
      <c r="U2223">
        <v>20</v>
      </c>
      <c r="V2223">
        <v>20</v>
      </c>
      <c r="W2223">
        <v>21</v>
      </c>
      <c r="X2223">
        <v>21</v>
      </c>
      <c r="Y2223">
        <v>21</v>
      </c>
      <c r="Z2223">
        <v>22</v>
      </c>
      <c r="AA2223">
        <v>22</v>
      </c>
      <c r="AB2223">
        <v>22</v>
      </c>
      <c r="AC2223">
        <v>23</v>
      </c>
      <c r="AD2223">
        <v>23</v>
      </c>
      <c r="AE2223">
        <v>24</v>
      </c>
      <c r="AF2223">
        <v>24</v>
      </c>
      <c r="AG2223">
        <v>24</v>
      </c>
      <c r="AH2223">
        <v>25</v>
      </c>
      <c r="AI2223">
        <v>25</v>
      </c>
      <c r="AJ2223">
        <v>26</v>
      </c>
      <c r="AK2223">
        <v>26</v>
      </c>
      <c r="AL2223">
        <v>27</v>
      </c>
      <c r="AM2223">
        <v>27</v>
      </c>
      <c r="AN2223">
        <v>27</v>
      </c>
      <c r="AO2223">
        <v>28</v>
      </c>
      <c r="AP2223">
        <v>28</v>
      </c>
      <c r="AQ2223">
        <v>29</v>
      </c>
    </row>
    <row r="2224" spans="1:43">
      <c r="A2224" t="s">
        <v>1444</v>
      </c>
      <c r="B2224" t="s">
        <v>1445</v>
      </c>
      <c r="C2224" t="s">
        <v>1426</v>
      </c>
      <c r="D2224" t="s">
        <v>1427</v>
      </c>
      <c r="E2224" t="s">
        <v>1192</v>
      </c>
      <c r="F2224" t="s">
        <v>1193</v>
      </c>
      <c r="G2224" t="s">
        <v>80</v>
      </c>
      <c r="H2224" t="s">
        <v>81</v>
      </c>
      <c r="I2224" s="2">
        <v>1</v>
      </c>
      <c r="J2224" s="2">
        <v>0</v>
      </c>
      <c r="K2224" s="2">
        <v>0</v>
      </c>
      <c r="L2224" t="s">
        <v>120</v>
      </c>
      <c r="M2224" t="s">
        <v>89</v>
      </c>
      <c r="N2224" t="s">
        <v>90</v>
      </c>
      <c r="O2224" t="s">
        <v>85</v>
      </c>
      <c r="P2224" t="s">
        <v>86</v>
      </c>
      <c r="Q2224">
        <v>19</v>
      </c>
      <c r="R2224">
        <v>20</v>
      </c>
      <c r="S2224">
        <v>20</v>
      </c>
      <c r="T2224">
        <v>21</v>
      </c>
      <c r="U2224">
        <v>22</v>
      </c>
      <c r="V2224">
        <v>22</v>
      </c>
      <c r="W2224">
        <v>23</v>
      </c>
      <c r="X2224">
        <v>24</v>
      </c>
      <c r="Y2224">
        <v>24</v>
      </c>
      <c r="Z2224">
        <v>25</v>
      </c>
      <c r="AA2224">
        <v>26</v>
      </c>
      <c r="AB2224">
        <v>26</v>
      </c>
      <c r="AC2224">
        <v>27</v>
      </c>
      <c r="AD2224">
        <v>28</v>
      </c>
      <c r="AE2224">
        <v>29</v>
      </c>
      <c r="AF2224">
        <v>29</v>
      </c>
      <c r="AG2224">
        <v>29</v>
      </c>
      <c r="AH2224">
        <v>30</v>
      </c>
      <c r="AI2224">
        <v>30</v>
      </c>
      <c r="AJ2224">
        <v>31</v>
      </c>
      <c r="AK2224">
        <v>31</v>
      </c>
      <c r="AL2224">
        <v>31</v>
      </c>
      <c r="AM2224">
        <v>32</v>
      </c>
      <c r="AN2224">
        <v>32</v>
      </c>
      <c r="AO2224">
        <v>33</v>
      </c>
      <c r="AP2224">
        <v>33</v>
      </c>
      <c r="AQ2224">
        <v>33</v>
      </c>
    </row>
    <row r="2225" spans="1:43">
      <c r="A2225" t="s">
        <v>1444</v>
      </c>
      <c r="B2225" t="s">
        <v>1445</v>
      </c>
      <c r="C2225" t="s">
        <v>1426</v>
      </c>
      <c r="D2225" t="s">
        <v>1427</v>
      </c>
      <c r="E2225" t="s">
        <v>1192</v>
      </c>
      <c r="F2225" t="s">
        <v>1193</v>
      </c>
      <c r="G2225" t="s">
        <v>80</v>
      </c>
      <c r="H2225" t="s">
        <v>81</v>
      </c>
      <c r="I2225" s="2">
        <v>1</v>
      </c>
      <c r="J2225" s="2">
        <v>0</v>
      </c>
      <c r="K2225" s="2">
        <v>0</v>
      </c>
      <c r="L2225" t="s">
        <v>120</v>
      </c>
      <c r="M2225" t="s">
        <v>83</v>
      </c>
      <c r="N2225" t="s">
        <v>91</v>
      </c>
      <c r="O2225" t="s">
        <v>85</v>
      </c>
      <c r="P2225" t="s">
        <v>86</v>
      </c>
      <c r="Q2225">
        <v>19</v>
      </c>
      <c r="R2225">
        <v>19</v>
      </c>
      <c r="S2225">
        <v>20</v>
      </c>
      <c r="T2225">
        <v>20</v>
      </c>
      <c r="U2225">
        <v>21</v>
      </c>
      <c r="V2225">
        <v>21</v>
      </c>
      <c r="W2225">
        <v>22</v>
      </c>
      <c r="X2225">
        <v>23</v>
      </c>
      <c r="Y2225">
        <v>23</v>
      </c>
      <c r="Z2225">
        <v>24</v>
      </c>
      <c r="AA2225">
        <v>24</v>
      </c>
      <c r="AB2225">
        <v>25</v>
      </c>
      <c r="AC2225">
        <v>25</v>
      </c>
      <c r="AD2225">
        <v>26</v>
      </c>
      <c r="AE2225">
        <v>27</v>
      </c>
      <c r="AF2225">
        <v>27</v>
      </c>
      <c r="AG2225">
        <v>28</v>
      </c>
      <c r="AH2225">
        <v>29</v>
      </c>
      <c r="AI2225">
        <v>29</v>
      </c>
      <c r="AJ2225">
        <v>30</v>
      </c>
      <c r="AK2225">
        <v>31</v>
      </c>
      <c r="AL2225">
        <v>31</v>
      </c>
      <c r="AM2225">
        <v>31</v>
      </c>
      <c r="AN2225">
        <v>32</v>
      </c>
      <c r="AO2225">
        <v>32</v>
      </c>
      <c r="AP2225">
        <v>33</v>
      </c>
      <c r="AQ2225">
        <v>33</v>
      </c>
    </row>
    <row r="2226" spans="1:43">
      <c r="A2226" t="s">
        <v>1446</v>
      </c>
      <c r="B2226" t="s">
        <v>1447</v>
      </c>
      <c r="C2226" t="s">
        <v>1448</v>
      </c>
      <c r="D2226" t="s">
        <v>1449</v>
      </c>
      <c r="E2226" t="s">
        <v>1192</v>
      </c>
      <c r="F2226" t="s">
        <v>1193</v>
      </c>
      <c r="G2226" t="s">
        <v>80</v>
      </c>
      <c r="H2226" t="s">
        <v>81</v>
      </c>
      <c r="I2226" s="2">
        <v>0</v>
      </c>
      <c r="J2226" s="2">
        <v>1</v>
      </c>
      <c r="K2226" s="2">
        <v>0</v>
      </c>
      <c r="L2226" t="s">
        <v>82</v>
      </c>
      <c r="M2226" t="s">
        <v>83</v>
      </c>
      <c r="N2226" t="s">
        <v>84</v>
      </c>
      <c r="O2226" t="s">
        <v>85</v>
      </c>
      <c r="P2226" t="s">
        <v>86</v>
      </c>
      <c r="Q2226">
        <v>0</v>
      </c>
      <c r="R2226">
        <v>0</v>
      </c>
      <c r="S2226">
        <v>0</v>
      </c>
      <c r="T2226">
        <v>0</v>
      </c>
      <c r="U2226">
        <v>0</v>
      </c>
      <c r="V2226">
        <v>0</v>
      </c>
      <c r="W2226">
        <v>0</v>
      </c>
      <c r="X2226">
        <v>0</v>
      </c>
      <c r="Y2226">
        <v>0</v>
      </c>
      <c r="Z2226">
        <v>0</v>
      </c>
      <c r="AA2226">
        <v>0</v>
      </c>
      <c r="AB2226">
        <v>0</v>
      </c>
      <c r="AC2226">
        <v>0</v>
      </c>
      <c r="AD2226">
        <v>0</v>
      </c>
      <c r="AE2226">
        <v>0</v>
      </c>
      <c r="AF2226">
        <v>0</v>
      </c>
      <c r="AG2226">
        <v>0</v>
      </c>
      <c r="AH2226">
        <v>0</v>
      </c>
      <c r="AI2226">
        <v>0</v>
      </c>
      <c r="AJ2226">
        <v>0</v>
      </c>
      <c r="AK2226">
        <v>0</v>
      </c>
      <c r="AL2226">
        <v>0</v>
      </c>
      <c r="AM2226">
        <v>0</v>
      </c>
      <c r="AN2226">
        <v>0</v>
      </c>
      <c r="AO2226">
        <v>0</v>
      </c>
      <c r="AP2226">
        <v>0</v>
      </c>
      <c r="AQ2226">
        <v>0</v>
      </c>
    </row>
    <row r="2227" spans="1:43">
      <c r="A2227" t="s">
        <v>1446</v>
      </c>
      <c r="B2227" t="s">
        <v>1447</v>
      </c>
      <c r="C2227" t="s">
        <v>1448</v>
      </c>
      <c r="D2227" t="s">
        <v>1449</v>
      </c>
      <c r="E2227" t="s">
        <v>1192</v>
      </c>
      <c r="F2227" t="s">
        <v>1193</v>
      </c>
      <c r="G2227" t="s">
        <v>80</v>
      </c>
      <c r="H2227" t="s">
        <v>81</v>
      </c>
      <c r="I2227" s="2">
        <v>0</v>
      </c>
      <c r="J2227" s="2">
        <v>1</v>
      </c>
      <c r="K2227" s="2">
        <v>0</v>
      </c>
      <c r="L2227" t="s">
        <v>82</v>
      </c>
      <c r="M2227" t="s">
        <v>87</v>
      </c>
      <c r="N2227" t="s">
        <v>88</v>
      </c>
      <c r="O2227" t="s">
        <v>85</v>
      </c>
      <c r="P2227" t="s">
        <v>86</v>
      </c>
      <c r="Q2227">
        <v>0</v>
      </c>
      <c r="R2227">
        <v>0</v>
      </c>
      <c r="S2227">
        <v>0</v>
      </c>
      <c r="T2227">
        <v>0</v>
      </c>
      <c r="U2227">
        <v>0</v>
      </c>
      <c r="V2227">
        <v>0</v>
      </c>
      <c r="W2227">
        <v>0</v>
      </c>
      <c r="X2227">
        <v>0</v>
      </c>
      <c r="Y2227">
        <v>0</v>
      </c>
      <c r="Z2227">
        <v>0</v>
      </c>
      <c r="AA2227">
        <v>0</v>
      </c>
      <c r="AB2227">
        <v>0</v>
      </c>
      <c r="AC2227">
        <v>0</v>
      </c>
      <c r="AD2227">
        <v>0</v>
      </c>
      <c r="AE2227">
        <v>0</v>
      </c>
      <c r="AF2227">
        <v>0</v>
      </c>
      <c r="AG2227">
        <v>0</v>
      </c>
      <c r="AH2227">
        <v>0</v>
      </c>
      <c r="AI2227">
        <v>0</v>
      </c>
      <c r="AJ2227">
        <v>0</v>
      </c>
      <c r="AK2227">
        <v>0</v>
      </c>
      <c r="AL2227">
        <v>0</v>
      </c>
      <c r="AM2227">
        <v>0</v>
      </c>
      <c r="AN2227">
        <v>0</v>
      </c>
      <c r="AO2227">
        <v>0</v>
      </c>
      <c r="AP2227">
        <v>0</v>
      </c>
      <c r="AQ2227">
        <v>0</v>
      </c>
    </row>
    <row r="2228" spans="1:43">
      <c r="A2228" t="s">
        <v>1446</v>
      </c>
      <c r="B2228" t="s">
        <v>1447</v>
      </c>
      <c r="C2228" t="s">
        <v>1448</v>
      </c>
      <c r="D2228" t="s">
        <v>1449</v>
      </c>
      <c r="E2228" t="s">
        <v>1192</v>
      </c>
      <c r="F2228" t="s">
        <v>1193</v>
      </c>
      <c r="G2228" t="s">
        <v>80</v>
      </c>
      <c r="H2228" t="s">
        <v>81</v>
      </c>
      <c r="I2228" s="2">
        <v>0</v>
      </c>
      <c r="J2228" s="2">
        <v>1</v>
      </c>
      <c r="K2228" s="2">
        <v>0</v>
      </c>
      <c r="L2228" t="s">
        <v>82</v>
      </c>
      <c r="M2228" t="s">
        <v>89</v>
      </c>
      <c r="N2228" t="s">
        <v>90</v>
      </c>
      <c r="O2228" t="s">
        <v>85</v>
      </c>
      <c r="P2228" t="s">
        <v>86</v>
      </c>
      <c r="Q2228">
        <v>0</v>
      </c>
      <c r="R2228">
        <v>0</v>
      </c>
      <c r="S2228">
        <v>0</v>
      </c>
      <c r="T2228">
        <v>0</v>
      </c>
      <c r="U2228">
        <v>0</v>
      </c>
      <c r="V2228">
        <v>0</v>
      </c>
      <c r="W2228">
        <v>0</v>
      </c>
      <c r="X2228">
        <v>0</v>
      </c>
      <c r="Y2228">
        <v>0</v>
      </c>
      <c r="Z2228">
        <v>0</v>
      </c>
      <c r="AA2228">
        <v>0</v>
      </c>
      <c r="AB2228">
        <v>0</v>
      </c>
      <c r="AC2228">
        <v>0</v>
      </c>
      <c r="AD2228">
        <v>0</v>
      </c>
      <c r="AE2228">
        <v>0</v>
      </c>
      <c r="AF2228">
        <v>0</v>
      </c>
      <c r="AG2228">
        <v>0</v>
      </c>
      <c r="AH2228">
        <v>0</v>
      </c>
      <c r="AI2228">
        <v>0</v>
      </c>
      <c r="AJ2228">
        <v>0</v>
      </c>
      <c r="AK2228">
        <v>0</v>
      </c>
      <c r="AL2228">
        <v>0</v>
      </c>
      <c r="AM2228">
        <v>0</v>
      </c>
      <c r="AN2228">
        <v>0</v>
      </c>
      <c r="AO2228">
        <v>0</v>
      </c>
      <c r="AP2228">
        <v>0</v>
      </c>
      <c r="AQ2228">
        <v>0</v>
      </c>
    </row>
    <row r="2229" spans="1:43">
      <c r="A2229" t="s">
        <v>1446</v>
      </c>
      <c r="B2229" t="s">
        <v>1447</v>
      </c>
      <c r="C2229" t="s">
        <v>1448</v>
      </c>
      <c r="D2229" t="s">
        <v>1449</v>
      </c>
      <c r="E2229" t="s">
        <v>1192</v>
      </c>
      <c r="F2229" t="s">
        <v>1193</v>
      </c>
      <c r="G2229" t="s">
        <v>80</v>
      </c>
      <c r="H2229" t="s">
        <v>81</v>
      </c>
      <c r="I2229" s="2">
        <v>0</v>
      </c>
      <c r="J2229" s="2">
        <v>1</v>
      </c>
      <c r="K2229" s="2">
        <v>0</v>
      </c>
      <c r="L2229" t="s">
        <v>82</v>
      </c>
      <c r="M2229" t="s">
        <v>83</v>
      </c>
      <c r="N2229" t="s">
        <v>91</v>
      </c>
      <c r="O2229" t="s">
        <v>85</v>
      </c>
      <c r="P2229" t="s">
        <v>86</v>
      </c>
      <c r="Q2229">
        <v>0</v>
      </c>
      <c r="R2229">
        <v>0</v>
      </c>
      <c r="S2229">
        <v>0</v>
      </c>
      <c r="T2229">
        <v>0</v>
      </c>
      <c r="U2229">
        <v>0</v>
      </c>
      <c r="V2229">
        <v>0</v>
      </c>
      <c r="W2229">
        <v>0</v>
      </c>
      <c r="X2229">
        <v>0</v>
      </c>
      <c r="Y2229">
        <v>0</v>
      </c>
      <c r="Z2229">
        <v>0</v>
      </c>
      <c r="AA2229">
        <v>0</v>
      </c>
      <c r="AB2229">
        <v>0</v>
      </c>
      <c r="AC2229">
        <v>0</v>
      </c>
      <c r="AD2229">
        <v>0</v>
      </c>
      <c r="AE2229">
        <v>0</v>
      </c>
      <c r="AF2229">
        <v>0</v>
      </c>
      <c r="AG2229">
        <v>0</v>
      </c>
      <c r="AH2229">
        <v>0</v>
      </c>
      <c r="AI2229">
        <v>0</v>
      </c>
      <c r="AJ2229">
        <v>0</v>
      </c>
      <c r="AK2229">
        <v>0</v>
      </c>
      <c r="AL2229">
        <v>0</v>
      </c>
      <c r="AM2229">
        <v>0</v>
      </c>
      <c r="AN2229">
        <v>0</v>
      </c>
      <c r="AO2229">
        <v>0</v>
      </c>
      <c r="AP2229">
        <v>0</v>
      </c>
      <c r="AQ2229">
        <v>0</v>
      </c>
    </row>
    <row r="2230" spans="1:43">
      <c r="A2230" t="s">
        <v>1450</v>
      </c>
      <c r="B2230" t="s">
        <v>1451</v>
      </c>
      <c r="C2230" t="s">
        <v>1448</v>
      </c>
      <c r="D2230" t="s">
        <v>1449</v>
      </c>
      <c r="E2230" t="s">
        <v>1192</v>
      </c>
      <c r="F2230" t="s">
        <v>1193</v>
      </c>
      <c r="G2230" t="s">
        <v>80</v>
      </c>
      <c r="H2230" t="s">
        <v>81</v>
      </c>
      <c r="I2230" s="2">
        <v>0</v>
      </c>
      <c r="J2230" s="2">
        <v>1</v>
      </c>
      <c r="K2230" s="2">
        <v>0</v>
      </c>
      <c r="L2230" t="s">
        <v>82</v>
      </c>
      <c r="M2230" t="s">
        <v>83</v>
      </c>
      <c r="N2230" t="s">
        <v>84</v>
      </c>
      <c r="O2230" t="s">
        <v>85</v>
      </c>
      <c r="P2230" t="s">
        <v>86</v>
      </c>
      <c r="Q2230">
        <v>193</v>
      </c>
      <c r="R2230">
        <v>198</v>
      </c>
      <c r="S2230">
        <v>203</v>
      </c>
      <c r="T2230">
        <v>209</v>
      </c>
      <c r="U2230">
        <v>214</v>
      </c>
      <c r="V2230">
        <v>220</v>
      </c>
      <c r="W2230">
        <v>226</v>
      </c>
      <c r="X2230">
        <v>232</v>
      </c>
      <c r="Y2230">
        <v>238</v>
      </c>
      <c r="Z2230">
        <v>244</v>
      </c>
      <c r="AA2230">
        <v>250</v>
      </c>
      <c r="AB2230">
        <v>256</v>
      </c>
      <c r="AC2230">
        <v>263</v>
      </c>
      <c r="AD2230">
        <v>269</v>
      </c>
      <c r="AE2230">
        <v>275</v>
      </c>
      <c r="AF2230">
        <v>282</v>
      </c>
      <c r="AG2230">
        <v>289</v>
      </c>
      <c r="AH2230">
        <v>296</v>
      </c>
      <c r="AI2230">
        <v>303</v>
      </c>
      <c r="AJ2230">
        <v>310</v>
      </c>
      <c r="AK2230">
        <v>317</v>
      </c>
      <c r="AL2230">
        <v>322</v>
      </c>
      <c r="AM2230">
        <v>326</v>
      </c>
      <c r="AN2230">
        <v>330</v>
      </c>
      <c r="AO2230">
        <v>335</v>
      </c>
      <c r="AP2230">
        <v>339</v>
      </c>
      <c r="AQ2230">
        <v>344</v>
      </c>
    </row>
    <row r="2231" spans="1:43">
      <c r="A2231" t="s">
        <v>1450</v>
      </c>
      <c r="B2231" t="s">
        <v>1451</v>
      </c>
      <c r="C2231" t="s">
        <v>1448</v>
      </c>
      <c r="D2231" t="s">
        <v>1449</v>
      </c>
      <c r="E2231" t="s">
        <v>1192</v>
      </c>
      <c r="F2231" t="s">
        <v>1193</v>
      </c>
      <c r="G2231" t="s">
        <v>80</v>
      </c>
      <c r="H2231" t="s">
        <v>81</v>
      </c>
      <c r="I2231" s="2">
        <v>0</v>
      </c>
      <c r="J2231" s="2">
        <v>1</v>
      </c>
      <c r="K2231" s="2">
        <v>0</v>
      </c>
      <c r="L2231" t="s">
        <v>82</v>
      </c>
      <c r="M2231" t="s">
        <v>87</v>
      </c>
      <c r="N2231" t="s">
        <v>88</v>
      </c>
      <c r="O2231" t="s">
        <v>85</v>
      </c>
      <c r="P2231" t="s">
        <v>86</v>
      </c>
      <c r="Q2231">
        <v>193</v>
      </c>
      <c r="R2231">
        <v>196</v>
      </c>
      <c r="S2231">
        <v>200</v>
      </c>
      <c r="T2231">
        <v>203</v>
      </c>
      <c r="U2231">
        <v>207</v>
      </c>
      <c r="V2231">
        <v>211</v>
      </c>
      <c r="W2231">
        <v>214</v>
      </c>
      <c r="X2231">
        <v>218</v>
      </c>
      <c r="Y2231">
        <v>222</v>
      </c>
      <c r="Z2231">
        <v>226</v>
      </c>
      <c r="AA2231">
        <v>230</v>
      </c>
      <c r="AB2231">
        <v>233</v>
      </c>
      <c r="AC2231">
        <v>237</v>
      </c>
      <c r="AD2231">
        <v>242</v>
      </c>
      <c r="AE2231">
        <v>246</v>
      </c>
      <c r="AF2231">
        <v>250</v>
      </c>
      <c r="AG2231">
        <v>254</v>
      </c>
      <c r="AH2231">
        <v>258</v>
      </c>
      <c r="AI2231">
        <v>263</v>
      </c>
      <c r="AJ2231">
        <v>267</v>
      </c>
      <c r="AK2231">
        <v>271</v>
      </c>
      <c r="AL2231">
        <v>276</v>
      </c>
      <c r="AM2231">
        <v>280</v>
      </c>
      <c r="AN2231">
        <v>285</v>
      </c>
      <c r="AO2231">
        <v>290</v>
      </c>
      <c r="AP2231">
        <v>294</v>
      </c>
      <c r="AQ2231">
        <v>299</v>
      </c>
    </row>
    <row r="2232" spans="1:43">
      <c r="A2232" t="s">
        <v>1450</v>
      </c>
      <c r="B2232" t="s">
        <v>1451</v>
      </c>
      <c r="C2232" t="s">
        <v>1448</v>
      </c>
      <c r="D2232" t="s">
        <v>1449</v>
      </c>
      <c r="E2232" t="s">
        <v>1192</v>
      </c>
      <c r="F2232" t="s">
        <v>1193</v>
      </c>
      <c r="G2232" t="s">
        <v>80</v>
      </c>
      <c r="H2232" t="s">
        <v>81</v>
      </c>
      <c r="I2232" s="2">
        <v>0</v>
      </c>
      <c r="J2232" s="2">
        <v>1</v>
      </c>
      <c r="K2232" s="2">
        <v>0</v>
      </c>
      <c r="L2232" t="s">
        <v>82</v>
      </c>
      <c r="M2232" t="s">
        <v>89</v>
      </c>
      <c r="N2232" t="s">
        <v>90</v>
      </c>
      <c r="O2232" t="s">
        <v>85</v>
      </c>
      <c r="P2232" t="s">
        <v>86</v>
      </c>
      <c r="Q2232">
        <v>193</v>
      </c>
      <c r="R2232">
        <v>200</v>
      </c>
      <c r="S2232">
        <v>208</v>
      </c>
      <c r="T2232">
        <v>215</v>
      </c>
      <c r="U2232">
        <v>222</v>
      </c>
      <c r="V2232">
        <v>229</v>
      </c>
      <c r="W2232">
        <v>237</v>
      </c>
      <c r="X2232">
        <v>244</v>
      </c>
      <c r="Y2232">
        <v>251</v>
      </c>
      <c r="Z2232">
        <v>258</v>
      </c>
      <c r="AA2232">
        <v>266</v>
      </c>
      <c r="AB2232">
        <v>273</v>
      </c>
      <c r="AC2232">
        <v>281</v>
      </c>
      <c r="AD2232">
        <v>288</v>
      </c>
      <c r="AE2232">
        <v>295</v>
      </c>
      <c r="AF2232">
        <v>299</v>
      </c>
      <c r="AG2232">
        <v>303</v>
      </c>
      <c r="AH2232">
        <v>307</v>
      </c>
      <c r="AI2232">
        <v>311</v>
      </c>
      <c r="AJ2232">
        <v>315</v>
      </c>
      <c r="AK2232">
        <v>319</v>
      </c>
      <c r="AL2232">
        <v>324</v>
      </c>
      <c r="AM2232">
        <v>328</v>
      </c>
      <c r="AN2232">
        <v>332</v>
      </c>
      <c r="AO2232">
        <v>336</v>
      </c>
      <c r="AP2232">
        <v>341</v>
      </c>
      <c r="AQ2232">
        <v>345</v>
      </c>
    </row>
    <row r="2233" spans="1:43">
      <c r="A2233" t="s">
        <v>1450</v>
      </c>
      <c r="B2233" t="s">
        <v>1451</v>
      </c>
      <c r="C2233" t="s">
        <v>1448</v>
      </c>
      <c r="D2233" t="s">
        <v>1449</v>
      </c>
      <c r="E2233" t="s">
        <v>1192</v>
      </c>
      <c r="F2233" t="s">
        <v>1193</v>
      </c>
      <c r="G2233" t="s">
        <v>80</v>
      </c>
      <c r="H2233" t="s">
        <v>81</v>
      </c>
      <c r="I2233" s="2">
        <v>0</v>
      </c>
      <c r="J2233" s="2">
        <v>1</v>
      </c>
      <c r="K2233" s="2">
        <v>0</v>
      </c>
      <c r="L2233" t="s">
        <v>82</v>
      </c>
      <c r="M2233" t="s">
        <v>83</v>
      </c>
      <c r="N2233" t="s">
        <v>91</v>
      </c>
      <c r="O2233" t="s">
        <v>85</v>
      </c>
      <c r="P2233" t="s">
        <v>86</v>
      </c>
      <c r="Q2233">
        <v>193</v>
      </c>
      <c r="R2233">
        <v>198</v>
      </c>
      <c r="S2233">
        <v>203</v>
      </c>
      <c r="T2233">
        <v>209</v>
      </c>
      <c r="U2233">
        <v>214</v>
      </c>
      <c r="V2233">
        <v>220</v>
      </c>
      <c r="W2233">
        <v>226</v>
      </c>
      <c r="X2233">
        <v>232</v>
      </c>
      <c r="Y2233">
        <v>238</v>
      </c>
      <c r="Z2233">
        <v>244</v>
      </c>
      <c r="AA2233">
        <v>250</v>
      </c>
      <c r="AB2233">
        <v>256</v>
      </c>
      <c r="AC2233">
        <v>263</v>
      </c>
      <c r="AD2233">
        <v>269</v>
      </c>
      <c r="AE2233">
        <v>275</v>
      </c>
      <c r="AF2233">
        <v>282</v>
      </c>
      <c r="AG2233">
        <v>289</v>
      </c>
      <c r="AH2233">
        <v>296</v>
      </c>
      <c r="AI2233">
        <v>303</v>
      </c>
      <c r="AJ2233">
        <v>310</v>
      </c>
      <c r="AK2233">
        <v>317</v>
      </c>
      <c r="AL2233">
        <v>322</v>
      </c>
      <c r="AM2233">
        <v>326</v>
      </c>
      <c r="AN2233">
        <v>330</v>
      </c>
      <c r="AO2233">
        <v>335</v>
      </c>
      <c r="AP2233">
        <v>339</v>
      </c>
      <c r="AQ2233">
        <v>344</v>
      </c>
    </row>
    <row r="2234" spans="1:43">
      <c r="A2234" t="s">
        <v>1452</v>
      </c>
      <c r="B2234" t="s">
        <v>1453</v>
      </c>
      <c r="C2234" t="s">
        <v>1236</v>
      </c>
      <c r="D2234" t="s">
        <v>1237</v>
      </c>
      <c r="E2234" t="s">
        <v>1192</v>
      </c>
      <c r="F2234" t="s">
        <v>1193</v>
      </c>
      <c r="G2234" t="s">
        <v>80</v>
      </c>
      <c r="H2234" t="s">
        <v>81</v>
      </c>
      <c r="I2234" s="2">
        <v>0</v>
      </c>
      <c r="J2234" s="2">
        <v>1</v>
      </c>
      <c r="K2234" s="2">
        <v>0</v>
      </c>
      <c r="L2234" t="s">
        <v>82</v>
      </c>
      <c r="M2234" t="s">
        <v>83</v>
      </c>
      <c r="N2234" t="s">
        <v>84</v>
      </c>
      <c r="O2234" t="s">
        <v>85</v>
      </c>
      <c r="P2234" t="s">
        <v>86</v>
      </c>
      <c r="Q2234">
        <v>43</v>
      </c>
      <c r="R2234">
        <v>44</v>
      </c>
      <c r="S2234">
        <v>45</v>
      </c>
      <c r="T2234">
        <v>46</v>
      </c>
      <c r="U2234">
        <v>47</v>
      </c>
      <c r="V2234">
        <v>49</v>
      </c>
      <c r="W2234">
        <v>50</v>
      </c>
      <c r="X2234">
        <v>51</v>
      </c>
      <c r="Y2234">
        <v>52</v>
      </c>
      <c r="Z2234">
        <v>54</v>
      </c>
      <c r="AA2234">
        <v>55</v>
      </c>
      <c r="AB2234">
        <v>56</v>
      </c>
      <c r="AC2234">
        <v>58</v>
      </c>
      <c r="AD2234">
        <v>59</v>
      </c>
      <c r="AE2234">
        <v>61</v>
      </c>
      <c r="AF2234">
        <v>62</v>
      </c>
      <c r="AG2234">
        <v>64</v>
      </c>
      <c r="AH2234">
        <v>65</v>
      </c>
      <c r="AI2234">
        <v>67</v>
      </c>
      <c r="AJ2234">
        <v>68</v>
      </c>
      <c r="AK2234">
        <v>70</v>
      </c>
      <c r="AL2234">
        <v>71</v>
      </c>
      <c r="AM2234">
        <v>72</v>
      </c>
      <c r="AN2234">
        <v>73</v>
      </c>
      <c r="AO2234">
        <v>74</v>
      </c>
      <c r="AP2234">
        <v>74</v>
      </c>
      <c r="AQ2234">
        <v>75</v>
      </c>
    </row>
    <row r="2235" spans="1:43">
      <c r="A2235" t="s">
        <v>1452</v>
      </c>
      <c r="B2235" t="s">
        <v>1453</v>
      </c>
      <c r="C2235" t="s">
        <v>1236</v>
      </c>
      <c r="D2235" t="s">
        <v>1237</v>
      </c>
      <c r="E2235" t="s">
        <v>1192</v>
      </c>
      <c r="F2235" t="s">
        <v>1193</v>
      </c>
      <c r="G2235" t="s">
        <v>80</v>
      </c>
      <c r="H2235" t="s">
        <v>81</v>
      </c>
      <c r="I2235" s="2">
        <v>0</v>
      </c>
      <c r="J2235" s="2">
        <v>1</v>
      </c>
      <c r="K2235" s="2">
        <v>0</v>
      </c>
      <c r="L2235" t="s">
        <v>82</v>
      </c>
      <c r="M2235" t="s">
        <v>87</v>
      </c>
      <c r="N2235" t="s">
        <v>88</v>
      </c>
      <c r="O2235" t="s">
        <v>85</v>
      </c>
      <c r="P2235" t="s">
        <v>86</v>
      </c>
      <c r="Q2235">
        <v>43</v>
      </c>
      <c r="R2235">
        <v>44</v>
      </c>
      <c r="S2235">
        <v>45</v>
      </c>
      <c r="T2235">
        <v>45</v>
      </c>
      <c r="U2235">
        <v>46</v>
      </c>
      <c r="V2235">
        <v>47</v>
      </c>
      <c r="W2235">
        <v>48</v>
      </c>
      <c r="X2235">
        <v>49</v>
      </c>
      <c r="Y2235">
        <v>49</v>
      </c>
      <c r="Z2235">
        <v>50</v>
      </c>
      <c r="AA2235">
        <v>51</v>
      </c>
      <c r="AB2235">
        <v>52</v>
      </c>
      <c r="AC2235">
        <v>53</v>
      </c>
      <c r="AD2235">
        <v>54</v>
      </c>
      <c r="AE2235">
        <v>55</v>
      </c>
      <c r="AF2235">
        <v>56</v>
      </c>
      <c r="AG2235">
        <v>56</v>
      </c>
      <c r="AH2235">
        <v>57</v>
      </c>
      <c r="AI2235">
        <v>58</v>
      </c>
      <c r="AJ2235">
        <v>59</v>
      </c>
      <c r="AK2235">
        <v>60</v>
      </c>
      <c r="AL2235">
        <v>61</v>
      </c>
      <c r="AM2235">
        <v>62</v>
      </c>
      <c r="AN2235">
        <v>63</v>
      </c>
      <c r="AO2235">
        <v>64</v>
      </c>
      <c r="AP2235">
        <v>65</v>
      </c>
      <c r="AQ2235">
        <v>66</v>
      </c>
    </row>
    <row r="2236" spans="1:43">
      <c r="A2236" t="s">
        <v>1452</v>
      </c>
      <c r="B2236" t="s">
        <v>1453</v>
      </c>
      <c r="C2236" t="s">
        <v>1236</v>
      </c>
      <c r="D2236" t="s">
        <v>1237</v>
      </c>
      <c r="E2236" t="s">
        <v>1192</v>
      </c>
      <c r="F2236" t="s">
        <v>1193</v>
      </c>
      <c r="G2236" t="s">
        <v>80</v>
      </c>
      <c r="H2236" t="s">
        <v>81</v>
      </c>
      <c r="I2236" s="2">
        <v>0</v>
      </c>
      <c r="J2236" s="2">
        <v>1</v>
      </c>
      <c r="K2236" s="2">
        <v>0</v>
      </c>
      <c r="L2236" t="s">
        <v>82</v>
      </c>
      <c r="M2236" t="s">
        <v>89</v>
      </c>
      <c r="N2236" t="s">
        <v>90</v>
      </c>
      <c r="O2236" t="s">
        <v>85</v>
      </c>
      <c r="P2236" t="s">
        <v>86</v>
      </c>
      <c r="Q2236">
        <v>43</v>
      </c>
      <c r="R2236">
        <v>44</v>
      </c>
      <c r="S2236">
        <v>46</v>
      </c>
      <c r="T2236">
        <v>48</v>
      </c>
      <c r="U2236">
        <v>49</v>
      </c>
      <c r="V2236">
        <v>51</v>
      </c>
      <c r="W2236">
        <v>52</v>
      </c>
      <c r="X2236">
        <v>54</v>
      </c>
      <c r="Y2236">
        <v>56</v>
      </c>
      <c r="Z2236">
        <v>57</v>
      </c>
      <c r="AA2236">
        <v>59</v>
      </c>
      <c r="AB2236">
        <v>60</v>
      </c>
      <c r="AC2236">
        <v>62</v>
      </c>
      <c r="AD2236">
        <v>64</v>
      </c>
      <c r="AE2236">
        <v>65</v>
      </c>
      <c r="AF2236">
        <v>66</v>
      </c>
      <c r="AG2236">
        <v>67</v>
      </c>
      <c r="AH2236">
        <v>68</v>
      </c>
      <c r="AI2236">
        <v>69</v>
      </c>
      <c r="AJ2236">
        <v>69</v>
      </c>
      <c r="AK2236">
        <v>70</v>
      </c>
      <c r="AL2236">
        <v>71</v>
      </c>
      <c r="AM2236">
        <v>72</v>
      </c>
      <c r="AN2236">
        <v>73</v>
      </c>
      <c r="AO2236">
        <v>74</v>
      </c>
      <c r="AP2236">
        <v>75</v>
      </c>
      <c r="AQ2236">
        <v>76</v>
      </c>
    </row>
    <row r="2237" spans="1:43">
      <c r="A2237" t="s">
        <v>1452</v>
      </c>
      <c r="B2237" t="s">
        <v>1453</v>
      </c>
      <c r="C2237" t="s">
        <v>1236</v>
      </c>
      <c r="D2237" t="s">
        <v>1237</v>
      </c>
      <c r="E2237" t="s">
        <v>1192</v>
      </c>
      <c r="F2237" t="s">
        <v>1193</v>
      </c>
      <c r="G2237" t="s">
        <v>80</v>
      </c>
      <c r="H2237" t="s">
        <v>81</v>
      </c>
      <c r="I2237" s="2">
        <v>0</v>
      </c>
      <c r="J2237" s="2">
        <v>1</v>
      </c>
      <c r="K2237" s="2">
        <v>0</v>
      </c>
      <c r="L2237" t="s">
        <v>82</v>
      </c>
      <c r="M2237" t="s">
        <v>83</v>
      </c>
      <c r="N2237" t="s">
        <v>91</v>
      </c>
      <c r="O2237" t="s">
        <v>85</v>
      </c>
      <c r="P2237" t="s">
        <v>86</v>
      </c>
      <c r="Q2237">
        <v>43</v>
      </c>
      <c r="R2237">
        <v>44</v>
      </c>
      <c r="S2237">
        <v>45</v>
      </c>
      <c r="T2237">
        <v>46</v>
      </c>
      <c r="U2237">
        <v>47</v>
      </c>
      <c r="V2237">
        <v>49</v>
      </c>
      <c r="W2237">
        <v>50</v>
      </c>
      <c r="X2237">
        <v>51</v>
      </c>
      <c r="Y2237">
        <v>52</v>
      </c>
      <c r="Z2237">
        <v>54</v>
      </c>
      <c r="AA2237">
        <v>55</v>
      </c>
      <c r="AB2237">
        <v>56</v>
      </c>
      <c r="AC2237">
        <v>58</v>
      </c>
      <c r="AD2237">
        <v>59</v>
      </c>
      <c r="AE2237">
        <v>61</v>
      </c>
      <c r="AF2237">
        <v>62</v>
      </c>
      <c r="AG2237">
        <v>64</v>
      </c>
      <c r="AH2237">
        <v>65</v>
      </c>
      <c r="AI2237">
        <v>67</v>
      </c>
      <c r="AJ2237">
        <v>68</v>
      </c>
      <c r="AK2237">
        <v>70</v>
      </c>
      <c r="AL2237">
        <v>71</v>
      </c>
      <c r="AM2237">
        <v>72</v>
      </c>
      <c r="AN2237">
        <v>73</v>
      </c>
      <c r="AO2237">
        <v>74</v>
      </c>
      <c r="AP2237">
        <v>74</v>
      </c>
      <c r="AQ2237">
        <v>75</v>
      </c>
    </row>
    <row r="2238" spans="1:43">
      <c r="A2238" t="s">
        <v>1454</v>
      </c>
      <c r="B2238" t="s">
        <v>1455</v>
      </c>
      <c r="C2238" t="s">
        <v>1448</v>
      </c>
      <c r="D2238" t="s">
        <v>1449</v>
      </c>
      <c r="E2238" t="s">
        <v>1192</v>
      </c>
      <c r="F2238" t="s">
        <v>1193</v>
      </c>
      <c r="G2238" t="s">
        <v>80</v>
      </c>
      <c r="H2238" t="s">
        <v>81</v>
      </c>
      <c r="I2238" s="2">
        <v>0</v>
      </c>
      <c r="J2238" s="2">
        <v>1</v>
      </c>
      <c r="K2238" s="2">
        <v>0</v>
      </c>
      <c r="L2238" t="s">
        <v>82</v>
      </c>
      <c r="M2238" t="s">
        <v>83</v>
      </c>
      <c r="N2238" t="s">
        <v>84</v>
      </c>
      <c r="O2238" t="s">
        <v>85</v>
      </c>
      <c r="P2238" t="s">
        <v>86</v>
      </c>
      <c r="Q2238">
        <v>39</v>
      </c>
      <c r="R2238">
        <v>40</v>
      </c>
      <c r="S2238">
        <v>41</v>
      </c>
      <c r="T2238">
        <v>42</v>
      </c>
      <c r="U2238">
        <v>43</v>
      </c>
      <c r="V2238">
        <v>44</v>
      </c>
      <c r="W2238">
        <v>46</v>
      </c>
      <c r="X2238">
        <v>47</v>
      </c>
      <c r="Y2238">
        <v>48</v>
      </c>
      <c r="Z2238">
        <v>49</v>
      </c>
      <c r="AA2238">
        <v>50</v>
      </c>
      <c r="AB2238">
        <v>52</v>
      </c>
      <c r="AC2238">
        <v>53</v>
      </c>
      <c r="AD2238">
        <v>54</v>
      </c>
      <c r="AE2238">
        <v>56</v>
      </c>
      <c r="AF2238">
        <v>57</v>
      </c>
      <c r="AG2238">
        <v>58</v>
      </c>
      <c r="AH2238">
        <v>60</v>
      </c>
      <c r="AI2238">
        <v>61</v>
      </c>
      <c r="AJ2238">
        <v>62</v>
      </c>
      <c r="AK2238">
        <v>64</v>
      </c>
      <c r="AL2238">
        <v>65</v>
      </c>
      <c r="AM2238">
        <v>66</v>
      </c>
      <c r="AN2238">
        <v>67</v>
      </c>
      <c r="AO2238">
        <v>67</v>
      </c>
      <c r="AP2238">
        <v>68</v>
      </c>
      <c r="AQ2238">
        <v>69</v>
      </c>
    </row>
    <row r="2239" spans="1:43">
      <c r="A2239" t="s">
        <v>1454</v>
      </c>
      <c r="B2239" t="s">
        <v>1455</v>
      </c>
      <c r="C2239" t="s">
        <v>1448</v>
      </c>
      <c r="D2239" t="s">
        <v>1449</v>
      </c>
      <c r="E2239" t="s">
        <v>1192</v>
      </c>
      <c r="F2239" t="s">
        <v>1193</v>
      </c>
      <c r="G2239" t="s">
        <v>80</v>
      </c>
      <c r="H2239" t="s">
        <v>81</v>
      </c>
      <c r="I2239" s="2">
        <v>0</v>
      </c>
      <c r="J2239" s="2">
        <v>1</v>
      </c>
      <c r="K2239" s="2">
        <v>0</v>
      </c>
      <c r="L2239" t="s">
        <v>82</v>
      </c>
      <c r="M2239" t="s">
        <v>87</v>
      </c>
      <c r="N2239" t="s">
        <v>88</v>
      </c>
      <c r="O2239" t="s">
        <v>85</v>
      </c>
      <c r="P2239" t="s">
        <v>86</v>
      </c>
      <c r="Q2239">
        <v>39</v>
      </c>
      <c r="R2239">
        <v>40</v>
      </c>
      <c r="S2239">
        <v>41</v>
      </c>
      <c r="T2239">
        <v>42</v>
      </c>
      <c r="U2239">
        <v>42</v>
      </c>
      <c r="V2239">
        <v>43</v>
      </c>
      <c r="W2239">
        <v>44</v>
      </c>
      <c r="X2239">
        <v>45</v>
      </c>
      <c r="Y2239">
        <v>45</v>
      </c>
      <c r="Z2239">
        <v>46</v>
      </c>
      <c r="AA2239">
        <v>47</v>
      </c>
      <c r="AB2239">
        <v>48</v>
      </c>
      <c r="AC2239">
        <v>48</v>
      </c>
      <c r="AD2239">
        <v>49</v>
      </c>
      <c r="AE2239">
        <v>50</v>
      </c>
      <c r="AF2239">
        <v>51</v>
      </c>
      <c r="AG2239">
        <v>52</v>
      </c>
      <c r="AH2239">
        <v>53</v>
      </c>
      <c r="AI2239">
        <v>54</v>
      </c>
      <c r="AJ2239">
        <v>54</v>
      </c>
      <c r="AK2239">
        <v>55</v>
      </c>
      <c r="AL2239">
        <v>56</v>
      </c>
      <c r="AM2239">
        <v>57</v>
      </c>
      <c r="AN2239">
        <v>58</v>
      </c>
      <c r="AO2239">
        <v>59</v>
      </c>
      <c r="AP2239">
        <v>60</v>
      </c>
      <c r="AQ2239">
        <v>61</v>
      </c>
    </row>
    <row r="2240" spans="1:43">
      <c r="A2240" t="s">
        <v>1454</v>
      </c>
      <c r="B2240" t="s">
        <v>1455</v>
      </c>
      <c r="C2240" t="s">
        <v>1448</v>
      </c>
      <c r="D2240" t="s">
        <v>1449</v>
      </c>
      <c r="E2240" t="s">
        <v>1192</v>
      </c>
      <c r="F2240" t="s">
        <v>1193</v>
      </c>
      <c r="G2240" t="s">
        <v>80</v>
      </c>
      <c r="H2240" t="s">
        <v>81</v>
      </c>
      <c r="I2240" s="2">
        <v>0</v>
      </c>
      <c r="J2240" s="2">
        <v>1</v>
      </c>
      <c r="K2240" s="2">
        <v>0</v>
      </c>
      <c r="L2240" t="s">
        <v>82</v>
      </c>
      <c r="M2240" t="s">
        <v>89</v>
      </c>
      <c r="N2240" t="s">
        <v>90</v>
      </c>
      <c r="O2240" t="s">
        <v>85</v>
      </c>
      <c r="P2240" t="s">
        <v>86</v>
      </c>
      <c r="Q2240">
        <v>39</v>
      </c>
      <c r="R2240">
        <v>41</v>
      </c>
      <c r="S2240">
        <v>42</v>
      </c>
      <c r="T2240">
        <v>43</v>
      </c>
      <c r="U2240">
        <v>45</v>
      </c>
      <c r="V2240">
        <v>46</v>
      </c>
      <c r="W2240">
        <v>48</v>
      </c>
      <c r="X2240">
        <v>49</v>
      </c>
      <c r="Y2240">
        <v>51</v>
      </c>
      <c r="Z2240">
        <v>52</v>
      </c>
      <c r="AA2240">
        <v>54</v>
      </c>
      <c r="AB2240">
        <v>55</v>
      </c>
      <c r="AC2240">
        <v>57</v>
      </c>
      <c r="AD2240">
        <v>58</v>
      </c>
      <c r="AE2240">
        <v>60</v>
      </c>
      <c r="AF2240">
        <v>60</v>
      </c>
      <c r="AG2240">
        <v>61</v>
      </c>
      <c r="AH2240">
        <v>62</v>
      </c>
      <c r="AI2240">
        <v>63</v>
      </c>
      <c r="AJ2240">
        <v>64</v>
      </c>
      <c r="AK2240">
        <v>65</v>
      </c>
      <c r="AL2240">
        <v>65</v>
      </c>
      <c r="AM2240">
        <v>66</v>
      </c>
      <c r="AN2240">
        <v>67</v>
      </c>
      <c r="AO2240">
        <v>68</v>
      </c>
      <c r="AP2240">
        <v>69</v>
      </c>
      <c r="AQ2240">
        <v>70</v>
      </c>
    </row>
    <row r="2241" spans="1:43">
      <c r="A2241" t="s">
        <v>1454</v>
      </c>
      <c r="B2241" t="s">
        <v>1455</v>
      </c>
      <c r="C2241" t="s">
        <v>1448</v>
      </c>
      <c r="D2241" t="s">
        <v>1449</v>
      </c>
      <c r="E2241" t="s">
        <v>1192</v>
      </c>
      <c r="F2241" t="s">
        <v>1193</v>
      </c>
      <c r="G2241" t="s">
        <v>80</v>
      </c>
      <c r="H2241" t="s">
        <v>81</v>
      </c>
      <c r="I2241" s="2">
        <v>0</v>
      </c>
      <c r="J2241" s="2">
        <v>1</v>
      </c>
      <c r="K2241" s="2">
        <v>0</v>
      </c>
      <c r="L2241" t="s">
        <v>82</v>
      </c>
      <c r="M2241" t="s">
        <v>83</v>
      </c>
      <c r="N2241" t="s">
        <v>91</v>
      </c>
      <c r="O2241" t="s">
        <v>85</v>
      </c>
      <c r="P2241" t="s">
        <v>86</v>
      </c>
      <c r="Q2241">
        <v>39</v>
      </c>
      <c r="R2241">
        <v>40</v>
      </c>
      <c r="S2241">
        <v>41</v>
      </c>
      <c r="T2241">
        <v>42</v>
      </c>
      <c r="U2241">
        <v>43</v>
      </c>
      <c r="V2241">
        <v>44</v>
      </c>
      <c r="W2241">
        <v>46</v>
      </c>
      <c r="X2241">
        <v>47</v>
      </c>
      <c r="Y2241">
        <v>48</v>
      </c>
      <c r="Z2241">
        <v>49</v>
      </c>
      <c r="AA2241">
        <v>50</v>
      </c>
      <c r="AB2241">
        <v>52</v>
      </c>
      <c r="AC2241">
        <v>53</v>
      </c>
      <c r="AD2241">
        <v>54</v>
      </c>
      <c r="AE2241">
        <v>56</v>
      </c>
      <c r="AF2241">
        <v>57</v>
      </c>
      <c r="AG2241">
        <v>58</v>
      </c>
      <c r="AH2241">
        <v>60</v>
      </c>
      <c r="AI2241">
        <v>61</v>
      </c>
      <c r="AJ2241">
        <v>62</v>
      </c>
      <c r="AK2241">
        <v>64</v>
      </c>
      <c r="AL2241">
        <v>65</v>
      </c>
      <c r="AM2241">
        <v>66</v>
      </c>
      <c r="AN2241">
        <v>67</v>
      </c>
      <c r="AO2241">
        <v>67</v>
      </c>
      <c r="AP2241">
        <v>68</v>
      </c>
      <c r="AQ2241">
        <v>69</v>
      </c>
    </row>
    <row r="2242" spans="1:43">
      <c r="A2242" t="s">
        <v>1456</v>
      </c>
      <c r="B2242" t="s">
        <v>1457</v>
      </c>
      <c r="C2242" t="s">
        <v>1448</v>
      </c>
      <c r="D2242" t="s">
        <v>1449</v>
      </c>
      <c r="E2242" t="s">
        <v>1192</v>
      </c>
      <c r="F2242" t="s">
        <v>1193</v>
      </c>
      <c r="G2242" t="s">
        <v>80</v>
      </c>
      <c r="H2242" t="s">
        <v>81</v>
      </c>
      <c r="I2242" s="2">
        <v>0</v>
      </c>
      <c r="J2242" s="2">
        <v>1</v>
      </c>
      <c r="K2242" s="2">
        <v>0</v>
      </c>
      <c r="L2242" t="s">
        <v>82</v>
      </c>
      <c r="M2242" t="s">
        <v>83</v>
      </c>
      <c r="N2242" t="s">
        <v>84</v>
      </c>
      <c r="O2242" t="s">
        <v>85</v>
      </c>
      <c r="P2242" t="s">
        <v>86</v>
      </c>
      <c r="Q2242">
        <v>69</v>
      </c>
      <c r="R2242">
        <v>71</v>
      </c>
      <c r="S2242">
        <v>73</v>
      </c>
      <c r="T2242">
        <v>75</v>
      </c>
      <c r="U2242">
        <v>77</v>
      </c>
      <c r="V2242">
        <v>79</v>
      </c>
      <c r="W2242">
        <v>81</v>
      </c>
      <c r="X2242">
        <v>84</v>
      </c>
      <c r="Y2242">
        <v>86</v>
      </c>
      <c r="Z2242">
        <v>88</v>
      </c>
      <c r="AA2242">
        <v>90</v>
      </c>
      <c r="AB2242">
        <v>92</v>
      </c>
      <c r="AC2242">
        <v>95</v>
      </c>
      <c r="AD2242">
        <v>97</v>
      </c>
      <c r="AE2242">
        <v>99</v>
      </c>
      <c r="AF2242">
        <v>102</v>
      </c>
      <c r="AG2242">
        <v>104</v>
      </c>
      <c r="AH2242">
        <v>106</v>
      </c>
      <c r="AI2242">
        <v>109</v>
      </c>
      <c r="AJ2242">
        <v>111</v>
      </c>
      <c r="AK2242">
        <v>114</v>
      </c>
      <c r="AL2242">
        <v>116</v>
      </c>
      <c r="AM2242">
        <v>117</v>
      </c>
      <c r="AN2242">
        <v>119</v>
      </c>
      <c r="AO2242">
        <v>120</v>
      </c>
      <c r="AP2242">
        <v>122</v>
      </c>
      <c r="AQ2242">
        <v>124</v>
      </c>
    </row>
    <row r="2243" spans="1:43">
      <c r="A2243" t="s">
        <v>1456</v>
      </c>
      <c r="B2243" t="s">
        <v>1457</v>
      </c>
      <c r="C2243" t="s">
        <v>1448</v>
      </c>
      <c r="D2243" t="s">
        <v>1449</v>
      </c>
      <c r="E2243" t="s">
        <v>1192</v>
      </c>
      <c r="F2243" t="s">
        <v>1193</v>
      </c>
      <c r="G2243" t="s">
        <v>80</v>
      </c>
      <c r="H2243" t="s">
        <v>81</v>
      </c>
      <c r="I2243" s="2">
        <v>0</v>
      </c>
      <c r="J2243" s="2">
        <v>1</v>
      </c>
      <c r="K2243" s="2">
        <v>0</v>
      </c>
      <c r="L2243" t="s">
        <v>82</v>
      </c>
      <c r="M2243" t="s">
        <v>87</v>
      </c>
      <c r="N2243" t="s">
        <v>88</v>
      </c>
      <c r="O2243" t="s">
        <v>85</v>
      </c>
      <c r="P2243" t="s">
        <v>86</v>
      </c>
      <c r="Q2243">
        <v>69</v>
      </c>
      <c r="R2243">
        <v>70</v>
      </c>
      <c r="S2243">
        <v>71</v>
      </c>
      <c r="T2243">
        <v>73</v>
      </c>
      <c r="U2243">
        <v>74</v>
      </c>
      <c r="V2243">
        <v>75</v>
      </c>
      <c r="W2243">
        <v>76</v>
      </c>
      <c r="X2243">
        <v>78</v>
      </c>
      <c r="Y2243">
        <v>79</v>
      </c>
      <c r="Z2243">
        <v>81</v>
      </c>
      <c r="AA2243">
        <v>82</v>
      </c>
      <c r="AB2243">
        <v>83</v>
      </c>
      <c r="AC2243">
        <v>85</v>
      </c>
      <c r="AD2243">
        <v>86</v>
      </c>
      <c r="AE2243">
        <v>88</v>
      </c>
      <c r="AF2243">
        <v>89</v>
      </c>
      <c r="AG2243">
        <v>91</v>
      </c>
      <c r="AH2243">
        <v>92</v>
      </c>
      <c r="AI2243">
        <v>94</v>
      </c>
      <c r="AJ2243">
        <v>95</v>
      </c>
      <c r="AK2243">
        <v>97</v>
      </c>
      <c r="AL2243">
        <v>99</v>
      </c>
      <c r="AM2243">
        <v>100</v>
      </c>
      <c r="AN2243">
        <v>102</v>
      </c>
      <c r="AO2243">
        <v>104</v>
      </c>
      <c r="AP2243">
        <v>105</v>
      </c>
      <c r="AQ2243">
        <v>107</v>
      </c>
    </row>
    <row r="2244" spans="1:43">
      <c r="A2244" t="s">
        <v>1456</v>
      </c>
      <c r="B2244" t="s">
        <v>1457</v>
      </c>
      <c r="C2244" t="s">
        <v>1448</v>
      </c>
      <c r="D2244" t="s">
        <v>1449</v>
      </c>
      <c r="E2244" t="s">
        <v>1192</v>
      </c>
      <c r="F2244" t="s">
        <v>1193</v>
      </c>
      <c r="G2244" t="s">
        <v>80</v>
      </c>
      <c r="H2244" t="s">
        <v>81</v>
      </c>
      <c r="I2244" s="2">
        <v>0</v>
      </c>
      <c r="J2244" s="2">
        <v>1</v>
      </c>
      <c r="K2244" s="2">
        <v>0</v>
      </c>
      <c r="L2244" t="s">
        <v>82</v>
      </c>
      <c r="M2244" t="s">
        <v>89</v>
      </c>
      <c r="N2244" t="s">
        <v>90</v>
      </c>
      <c r="O2244" t="s">
        <v>85</v>
      </c>
      <c r="P2244" t="s">
        <v>86</v>
      </c>
      <c r="Q2244">
        <v>69</v>
      </c>
      <c r="R2244">
        <v>72</v>
      </c>
      <c r="S2244">
        <v>74</v>
      </c>
      <c r="T2244">
        <v>77</v>
      </c>
      <c r="U2244">
        <v>79</v>
      </c>
      <c r="V2244">
        <v>82</v>
      </c>
      <c r="W2244">
        <v>85</v>
      </c>
      <c r="X2244">
        <v>87</v>
      </c>
      <c r="Y2244">
        <v>90</v>
      </c>
      <c r="Z2244">
        <v>92</v>
      </c>
      <c r="AA2244">
        <v>95</v>
      </c>
      <c r="AB2244">
        <v>98</v>
      </c>
      <c r="AC2244">
        <v>100</v>
      </c>
      <c r="AD2244">
        <v>103</v>
      </c>
      <c r="AE2244">
        <v>105</v>
      </c>
      <c r="AF2244">
        <v>107</v>
      </c>
      <c r="AG2244">
        <v>108</v>
      </c>
      <c r="AH2244">
        <v>110</v>
      </c>
      <c r="AI2244">
        <v>111</v>
      </c>
      <c r="AJ2244">
        <v>113</v>
      </c>
      <c r="AK2244">
        <v>114</v>
      </c>
      <c r="AL2244">
        <v>116</v>
      </c>
      <c r="AM2244">
        <v>117</v>
      </c>
      <c r="AN2244">
        <v>119</v>
      </c>
      <c r="AO2244">
        <v>120</v>
      </c>
      <c r="AP2244">
        <v>122</v>
      </c>
      <c r="AQ2244">
        <v>123</v>
      </c>
    </row>
    <row r="2245" spans="1:43">
      <c r="A2245" t="s">
        <v>1456</v>
      </c>
      <c r="B2245" t="s">
        <v>1457</v>
      </c>
      <c r="C2245" t="s">
        <v>1448</v>
      </c>
      <c r="D2245" t="s">
        <v>1449</v>
      </c>
      <c r="E2245" t="s">
        <v>1192</v>
      </c>
      <c r="F2245" t="s">
        <v>1193</v>
      </c>
      <c r="G2245" t="s">
        <v>80</v>
      </c>
      <c r="H2245" t="s">
        <v>81</v>
      </c>
      <c r="I2245" s="2">
        <v>0</v>
      </c>
      <c r="J2245" s="2">
        <v>1</v>
      </c>
      <c r="K2245" s="2">
        <v>0</v>
      </c>
      <c r="L2245" t="s">
        <v>82</v>
      </c>
      <c r="M2245" t="s">
        <v>83</v>
      </c>
      <c r="N2245" t="s">
        <v>91</v>
      </c>
      <c r="O2245" t="s">
        <v>85</v>
      </c>
      <c r="P2245" t="s">
        <v>86</v>
      </c>
      <c r="Q2245">
        <v>69</v>
      </c>
      <c r="R2245">
        <v>71</v>
      </c>
      <c r="S2245">
        <v>73</v>
      </c>
      <c r="T2245">
        <v>75</v>
      </c>
      <c r="U2245">
        <v>77</v>
      </c>
      <c r="V2245">
        <v>79</v>
      </c>
      <c r="W2245">
        <v>81</v>
      </c>
      <c r="X2245">
        <v>84</v>
      </c>
      <c r="Y2245">
        <v>86</v>
      </c>
      <c r="Z2245">
        <v>88</v>
      </c>
      <c r="AA2245">
        <v>90</v>
      </c>
      <c r="AB2245">
        <v>92</v>
      </c>
      <c r="AC2245">
        <v>95</v>
      </c>
      <c r="AD2245">
        <v>97</v>
      </c>
      <c r="AE2245">
        <v>99</v>
      </c>
      <c r="AF2245">
        <v>102</v>
      </c>
      <c r="AG2245">
        <v>104</v>
      </c>
      <c r="AH2245">
        <v>106</v>
      </c>
      <c r="AI2245">
        <v>109</v>
      </c>
      <c r="AJ2245">
        <v>111</v>
      </c>
      <c r="AK2245">
        <v>114</v>
      </c>
      <c r="AL2245">
        <v>116</v>
      </c>
      <c r="AM2245">
        <v>117</v>
      </c>
      <c r="AN2245">
        <v>119</v>
      </c>
      <c r="AO2245">
        <v>120</v>
      </c>
      <c r="AP2245">
        <v>122</v>
      </c>
      <c r="AQ2245">
        <v>124</v>
      </c>
    </row>
    <row r="2246" spans="1:43">
      <c r="A2246" t="s">
        <v>1458</v>
      </c>
      <c r="B2246" t="s">
        <v>1459</v>
      </c>
      <c r="C2246" t="s">
        <v>1334</v>
      </c>
      <c r="D2246" t="s">
        <v>1335</v>
      </c>
      <c r="E2246" t="s">
        <v>1192</v>
      </c>
      <c r="F2246" t="s">
        <v>1193</v>
      </c>
      <c r="G2246" t="s">
        <v>80</v>
      </c>
      <c r="H2246" t="s">
        <v>81</v>
      </c>
      <c r="I2246" s="2">
        <v>0</v>
      </c>
      <c r="J2246" s="2">
        <v>1</v>
      </c>
      <c r="K2246" s="2">
        <v>0</v>
      </c>
      <c r="L2246" t="s">
        <v>82</v>
      </c>
      <c r="M2246" t="s">
        <v>83</v>
      </c>
      <c r="N2246" t="s">
        <v>84</v>
      </c>
      <c r="O2246" t="s">
        <v>85</v>
      </c>
      <c r="P2246" t="s">
        <v>86</v>
      </c>
      <c r="Q2246">
        <v>0</v>
      </c>
      <c r="R2246">
        <v>0</v>
      </c>
      <c r="S2246">
        <v>0</v>
      </c>
      <c r="T2246">
        <v>0</v>
      </c>
      <c r="U2246">
        <v>0</v>
      </c>
      <c r="V2246">
        <v>0</v>
      </c>
      <c r="W2246">
        <v>0</v>
      </c>
      <c r="X2246">
        <v>0</v>
      </c>
      <c r="Y2246">
        <v>0</v>
      </c>
      <c r="Z2246">
        <v>0</v>
      </c>
      <c r="AA2246">
        <v>0</v>
      </c>
      <c r="AB2246">
        <v>0</v>
      </c>
      <c r="AC2246">
        <v>0</v>
      </c>
      <c r="AD2246">
        <v>0</v>
      </c>
      <c r="AE2246">
        <v>0</v>
      </c>
      <c r="AF2246">
        <v>0</v>
      </c>
      <c r="AG2246">
        <v>0</v>
      </c>
      <c r="AH2246">
        <v>0</v>
      </c>
      <c r="AI2246">
        <v>0</v>
      </c>
      <c r="AJ2246">
        <v>0</v>
      </c>
      <c r="AK2246">
        <v>0</v>
      </c>
      <c r="AL2246">
        <v>0</v>
      </c>
      <c r="AM2246">
        <v>0</v>
      </c>
      <c r="AN2246">
        <v>0</v>
      </c>
      <c r="AO2246">
        <v>0</v>
      </c>
      <c r="AP2246">
        <v>0</v>
      </c>
      <c r="AQ2246">
        <v>0</v>
      </c>
    </row>
    <row r="2247" spans="1:43">
      <c r="A2247" t="s">
        <v>1458</v>
      </c>
      <c r="B2247" t="s">
        <v>1459</v>
      </c>
      <c r="C2247" t="s">
        <v>1334</v>
      </c>
      <c r="D2247" t="s">
        <v>1335</v>
      </c>
      <c r="E2247" t="s">
        <v>1192</v>
      </c>
      <c r="F2247" t="s">
        <v>1193</v>
      </c>
      <c r="G2247" t="s">
        <v>80</v>
      </c>
      <c r="H2247" t="s">
        <v>81</v>
      </c>
      <c r="I2247" s="2">
        <v>0</v>
      </c>
      <c r="J2247" s="2">
        <v>1</v>
      </c>
      <c r="K2247" s="2">
        <v>0</v>
      </c>
      <c r="L2247" t="s">
        <v>82</v>
      </c>
      <c r="M2247" t="s">
        <v>87</v>
      </c>
      <c r="N2247" t="s">
        <v>88</v>
      </c>
      <c r="O2247" t="s">
        <v>85</v>
      </c>
      <c r="P2247" t="s">
        <v>86</v>
      </c>
      <c r="Q2247">
        <v>0</v>
      </c>
      <c r="R2247">
        <v>0</v>
      </c>
      <c r="S2247">
        <v>0</v>
      </c>
      <c r="T2247">
        <v>0</v>
      </c>
      <c r="U2247">
        <v>0</v>
      </c>
      <c r="V2247">
        <v>0</v>
      </c>
      <c r="W2247">
        <v>0</v>
      </c>
      <c r="X2247">
        <v>0</v>
      </c>
      <c r="Y2247">
        <v>0</v>
      </c>
      <c r="Z2247">
        <v>0</v>
      </c>
      <c r="AA2247">
        <v>0</v>
      </c>
      <c r="AB2247">
        <v>0</v>
      </c>
      <c r="AC2247">
        <v>0</v>
      </c>
      <c r="AD2247">
        <v>0</v>
      </c>
      <c r="AE2247">
        <v>0</v>
      </c>
      <c r="AF2247">
        <v>0</v>
      </c>
      <c r="AG2247">
        <v>0</v>
      </c>
      <c r="AH2247">
        <v>0</v>
      </c>
      <c r="AI2247">
        <v>0</v>
      </c>
      <c r="AJ2247">
        <v>0</v>
      </c>
      <c r="AK2247">
        <v>0</v>
      </c>
      <c r="AL2247">
        <v>0</v>
      </c>
      <c r="AM2247">
        <v>0</v>
      </c>
      <c r="AN2247">
        <v>0</v>
      </c>
      <c r="AO2247">
        <v>0</v>
      </c>
      <c r="AP2247">
        <v>0</v>
      </c>
      <c r="AQ2247">
        <v>0</v>
      </c>
    </row>
    <row r="2248" spans="1:43">
      <c r="A2248" t="s">
        <v>1458</v>
      </c>
      <c r="B2248" t="s">
        <v>1459</v>
      </c>
      <c r="C2248" t="s">
        <v>1334</v>
      </c>
      <c r="D2248" t="s">
        <v>1335</v>
      </c>
      <c r="E2248" t="s">
        <v>1192</v>
      </c>
      <c r="F2248" t="s">
        <v>1193</v>
      </c>
      <c r="G2248" t="s">
        <v>80</v>
      </c>
      <c r="H2248" t="s">
        <v>81</v>
      </c>
      <c r="I2248" s="2">
        <v>0</v>
      </c>
      <c r="J2248" s="2">
        <v>1</v>
      </c>
      <c r="K2248" s="2">
        <v>0</v>
      </c>
      <c r="L2248" t="s">
        <v>82</v>
      </c>
      <c r="M2248" t="s">
        <v>89</v>
      </c>
      <c r="N2248" t="s">
        <v>90</v>
      </c>
      <c r="O2248" t="s">
        <v>85</v>
      </c>
      <c r="P2248" t="s">
        <v>86</v>
      </c>
      <c r="Q2248">
        <v>0</v>
      </c>
      <c r="R2248">
        <v>0</v>
      </c>
      <c r="S2248">
        <v>0</v>
      </c>
      <c r="T2248">
        <v>0</v>
      </c>
      <c r="U2248">
        <v>0</v>
      </c>
      <c r="V2248">
        <v>0</v>
      </c>
      <c r="W2248">
        <v>0</v>
      </c>
      <c r="X2248">
        <v>0</v>
      </c>
      <c r="Y2248">
        <v>0</v>
      </c>
      <c r="Z2248">
        <v>0</v>
      </c>
      <c r="AA2248">
        <v>0</v>
      </c>
      <c r="AB2248">
        <v>0</v>
      </c>
      <c r="AC2248">
        <v>0</v>
      </c>
      <c r="AD2248">
        <v>0</v>
      </c>
      <c r="AE2248">
        <v>0</v>
      </c>
      <c r="AF2248">
        <v>0</v>
      </c>
      <c r="AG2248">
        <v>0</v>
      </c>
      <c r="AH2248">
        <v>0</v>
      </c>
      <c r="AI2248">
        <v>0</v>
      </c>
      <c r="AJ2248">
        <v>0</v>
      </c>
      <c r="AK2248">
        <v>0</v>
      </c>
      <c r="AL2248">
        <v>0</v>
      </c>
      <c r="AM2248">
        <v>0</v>
      </c>
      <c r="AN2248">
        <v>0</v>
      </c>
      <c r="AO2248">
        <v>0</v>
      </c>
      <c r="AP2248">
        <v>0</v>
      </c>
      <c r="AQ2248">
        <v>0</v>
      </c>
    </row>
    <row r="2249" spans="1:43">
      <c r="A2249" t="s">
        <v>1458</v>
      </c>
      <c r="B2249" t="s">
        <v>1459</v>
      </c>
      <c r="C2249" t="s">
        <v>1334</v>
      </c>
      <c r="D2249" t="s">
        <v>1335</v>
      </c>
      <c r="E2249" t="s">
        <v>1192</v>
      </c>
      <c r="F2249" t="s">
        <v>1193</v>
      </c>
      <c r="G2249" t="s">
        <v>80</v>
      </c>
      <c r="H2249" t="s">
        <v>81</v>
      </c>
      <c r="I2249" s="2">
        <v>0</v>
      </c>
      <c r="J2249" s="2">
        <v>1</v>
      </c>
      <c r="K2249" s="2">
        <v>0</v>
      </c>
      <c r="L2249" t="s">
        <v>82</v>
      </c>
      <c r="M2249" t="s">
        <v>83</v>
      </c>
      <c r="N2249" t="s">
        <v>91</v>
      </c>
      <c r="O2249" t="s">
        <v>85</v>
      </c>
      <c r="P2249" t="s">
        <v>86</v>
      </c>
      <c r="Q2249">
        <v>0</v>
      </c>
      <c r="R2249">
        <v>0</v>
      </c>
      <c r="S2249">
        <v>0</v>
      </c>
      <c r="T2249">
        <v>0</v>
      </c>
      <c r="U2249">
        <v>0</v>
      </c>
      <c r="V2249">
        <v>0</v>
      </c>
      <c r="W2249">
        <v>0</v>
      </c>
      <c r="X2249">
        <v>0</v>
      </c>
      <c r="Y2249">
        <v>0</v>
      </c>
      <c r="Z2249">
        <v>0</v>
      </c>
      <c r="AA2249">
        <v>0</v>
      </c>
      <c r="AB2249">
        <v>0</v>
      </c>
      <c r="AC2249">
        <v>0</v>
      </c>
      <c r="AD2249">
        <v>0</v>
      </c>
      <c r="AE2249">
        <v>0</v>
      </c>
      <c r="AF2249">
        <v>0</v>
      </c>
      <c r="AG2249">
        <v>0</v>
      </c>
      <c r="AH2249">
        <v>0</v>
      </c>
      <c r="AI2249">
        <v>0</v>
      </c>
      <c r="AJ2249">
        <v>0</v>
      </c>
      <c r="AK2249">
        <v>0</v>
      </c>
      <c r="AL2249">
        <v>0</v>
      </c>
      <c r="AM2249">
        <v>0</v>
      </c>
      <c r="AN2249">
        <v>0</v>
      </c>
      <c r="AO2249">
        <v>0</v>
      </c>
      <c r="AP2249">
        <v>0</v>
      </c>
      <c r="AQ2249">
        <v>0</v>
      </c>
    </row>
    <row r="2250" spans="1:43">
      <c r="A2250" t="s">
        <v>1460</v>
      </c>
      <c r="B2250" t="s">
        <v>1461</v>
      </c>
      <c r="C2250" t="s">
        <v>1334</v>
      </c>
      <c r="D2250" t="s">
        <v>1335</v>
      </c>
      <c r="E2250" t="s">
        <v>1192</v>
      </c>
      <c r="F2250" t="s">
        <v>1193</v>
      </c>
      <c r="G2250" t="s">
        <v>80</v>
      </c>
      <c r="H2250" t="s">
        <v>81</v>
      </c>
      <c r="I2250" s="2">
        <v>0</v>
      </c>
      <c r="J2250" s="2">
        <v>1</v>
      </c>
      <c r="K2250" s="2">
        <v>0</v>
      </c>
      <c r="L2250" t="s">
        <v>82</v>
      </c>
      <c r="M2250" t="s">
        <v>83</v>
      </c>
      <c r="N2250" t="s">
        <v>84</v>
      </c>
      <c r="O2250" t="s">
        <v>85</v>
      </c>
      <c r="P2250" t="s">
        <v>86</v>
      </c>
      <c r="Q2250">
        <v>12</v>
      </c>
      <c r="R2250">
        <v>12</v>
      </c>
      <c r="S2250">
        <v>12</v>
      </c>
      <c r="T2250">
        <v>13</v>
      </c>
      <c r="U2250">
        <v>13</v>
      </c>
      <c r="V2250">
        <v>13</v>
      </c>
      <c r="W2250">
        <v>14</v>
      </c>
      <c r="X2250">
        <v>14</v>
      </c>
      <c r="Y2250">
        <v>15</v>
      </c>
      <c r="Z2250">
        <v>15</v>
      </c>
      <c r="AA2250">
        <v>15</v>
      </c>
      <c r="AB2250">
        <v>16</v>
      </c>
      <c r="AC2250">
        <v>16</v>
      </c>
      <c r="AD2250">
        <v>16</v>
      </c>
      <c r="AE2250">
        <v>17</v>
      </c>
      <c r="AF2250">
        <v>17</v>
      </c>
      <c r="AG2250">
        <v>18</v>
      </c>
      <c r="AH2250">
        <v>18</v>
      </c>
      <c r="AI2250">
        <v>19</v>
      </c>
      <c r="AJ2250">
        <v>19</v>
      </c>
      <c r="AK2250">
        <v>19</v>
      </c>
      <c r="AL2250">
        <v>20</v>
      </c>
      <c r="AM2250">
        <v>20</v>
      </c>
      <c r="AN2250">
        <v>20</v>
      </c>
      <c r="AO2250">
        <v>21</v>
      </c>
      <c r="AP2250">
        <v>21</v>
      </c>
      <c r="AQ2250">
        <v>21</v>
      </c>
    </row>
    <row r="2251" spans="1:43">
      <c r="A2251" t="s">
        <v>1460</v>
      </c>
      <c r="B2251" t="s">
        <v>1461</v>
      </c>
      <c r="C2251" t="s">
        <v>1334</v>
      </c>
      <c r="D2251" t="s">
        <v>1335</v>
      </c>
      <c r="E2251" t="s">
        <v>1192</v>
      </c>
      <c r="F2251" t="s">
        <v>1193</v>
      </c>
      <c r="G2251" t="s">
        <v>80</v>
      </c>
      <c r="H2251" t="s">
        <v>81</v>
      </c>
      <c r="I2251" s="2">
        <v>0</v>
      </c>
      <c r="J2251" s="2">
        <v>1</v>
      </c>
      <c r="K2251" s="2">
        <v>0</v>
      </c>
      <c r="L2251" t="s">
        <v>82</v>
      </c>
      <c r="M2251" t="s">
        <v>87</v>
      </c>
      <c r="N2251" t="s">
        <v>88</v>
      </c>
      <c r="O2251" t="s">
        <v>85</v>
      </c>
      <c r="P2251" t="s">
        <v>86</v>
      </c>
      <c r="Q2251">
        <v>12</v>
      </c>
      <c r="R2251">
        <v>12</v>
      </c>
      <c r="S2251">
        <v>12</v>
      </c>
      <c r="T2251">
        <v>12</v>
      </c>
      <c r="U2251">
        <v>13</v>
      </c>
      <c r="V2251">
        <v>13</v>
      </c>
      <c r="W2251">
        <v>13</v>
      </c>
      <c r="X2251">
        <v>13</v>
      </c>
      <c r="Y2251">
        <v>13</v>
      </c>
      <c r="Z2251">
        <v>14</v>
      </c>
      <c r="AA2251">
        <v>14</v>
      </c>
      <c r="AB2251">
        <v>14</v>
      </c>
      <c r="AC2251">
        <v>14</v>
      </c>
      <c r="AD2251">
        <v>15</v>
      </c>
      <c r="AE2251">
        <v>15</v>
      </c>
      <c r="AF2251">
        <v>15</v>
      </c>
      <c r="AG2251">
        <v>15</v>
      </c>
      <c r="AH2251">
        <v>16</v>
      </c>
      <c r="AI2251">
        <v>16</v>
      </c>
      <c r="AJ2251">
        <v>16</v>
      </c>
      <c r="AK2251">
        <v>16</v>
      </c>
      <c r="AL2251">
        <v>17</v>
      </c>
      <c r="AM2251">
        <v>17</v>
      </c>
      <c r="AN2251">
        <v>17</v>
      </c>
      <c r="AO2251">
        <v>18</v>
      </c>
      <c r="AP2251">
        <v>18</v>
      </c>
      <c r="AQ2251">
        <v>18</v>
      </c>
    </row>
    <row r="2252" spans="1:43">
      <c r="A2252" t="s">
        <v>1460</v>
      </c>
      <c r="B2252" t="s">
        <v>1461</v>
      </c>
      <c r="C2252" t="s">
        <v>1334</v>
      </c>
      <c r="D2252" t="s">
        <v>1335</v>
      </c>
      <c r="E2252" t="s">
        <v>1192</v>
      </c>
      <c r="F2252" t="s">
        <v>1193</v>
      </c>
      <c r="G2252" t="s">
        <v>80</v>
      </c>
      <c r="H2252" t="s">
        <v>81</v>
      </c>
      <c r="I2252" s="2">
        <v>0</v>
      </c>
      <c r="J2252" s="2">
        <v>1</v>
      </c>
      <c r="K2252" s="2">
        <v>0</v>
      </c>
      <c r="L2252" t="s">
        <v>82</v>
      </c>
      <c r="M2252" t="s">
        <v>89</v>
      </c>
      <c r="N2252" t="s">
        <v>90</v>
      </c>
      <c r="O2252" t="s">
        <v>85</v>
      </c>
      <c r="P2252" t="s">
        <v>86</v>
      </c>
      <c r="Q2252">
        <v>12</v>
      </c>
      <c r="R2252">
        <v>12</v>
      </c>
      <c r="S2252">
        <v>13</v>
      </c>
      <c r="T2252">
        <v>13</v>
      </c>
      <c r="U2252">
        <v>14</v>
      </c>
      <c r="V2252">
        <v>14</v>
      </c>
      <c r="W2252">
        <v>15</v>
      </c>
      <c r="X2252">
        <v>15</v>
      </c>
      <c r="Y2252">
        <v>15</v>
      </c>
      <c r="Z2252">
        <v>16</v>
      </c>
      <c r="AA2252">
        <v>16</v>
      </c>
      <c r="AB2252">
        <v>17</v>
      </c>
      <c r="AC2252">
        <v>17</v>
      </c>
      <c r="AD2252">
        <v>18</v>
      </c>
      <c r="AE2252">
        <v>18</v>
      </c>
      <c r="AF2252">
        <v>18</v>
      </c>
      <c r="AG2252">
        <v>19</v>
      </c>
      <c r="AH2252">
        <v>19</v>
      </c>
      <c r="AI2252">
        <v>19</v>
      </c>
      <c r="AJ2252">
        <v>19</v>
      </c>
      <c r="AK2252">
        <v>20</v>
      </c>
      <c r="AL2252">
        <v>20</v>
      </c>
      <c r="AM2252">
        <v>20</v>
      </c>
      <c r="AN2252">
        <v>20</v>
      </c>
      <c r="AO2252">
        <v>21</v>
      </c>
      <c r="AP2252">
        <v>21</v>
      </c>
      <c r="AQ2252">
        <v>21</v>
      </c>
    </row>
    <row r="2253" spans="1:43">
      <c r="A2253" t="s">
        <v>1460</v>
      </c>
      <c r="B2253" t="s">
        <v>1461</v>
      </c>
      <c r="C2253" t="s">
        <v>1334</v>
      </c>
      <c r="D2253" t="s">
        <v>1335</v>
      </c>
      <c r="E2253" t="s">
        <v>1192</v>
      </c>
      <c r="F2253" t="s">
        <v>1193</v>
      </c>
      <c r="G2253" t="s">
        <v>80</v>
      </c>
      <c r="H2253" t="s">
        <v>81</v>
      </c>
      <c r="I2253" s="2">
        <v>0</v>
      </c>
      <c r="J2253" s="2">
        <v>1</v>
      </c>
      <c r="K2253" s="2">
        <v>0</v>
      </c>
      <c r="L2253" t="s">
        <v>82</v>
      </c>
      <c r="M2253" t="s">
        <v>83</v>
      </c>
      <c r="N2253" t="s">
        <v>91</v>
      </c>
      <c r="O2253" t="s">
        <v>85</v>
      </c>
      <c r="P2253" t="s">
        <v>86</v>
      </c>
      <c r="Q2253">
        <v>12</v>
      </c>
      <c r="R2253">
        <v>12</v>
      </c>
      <c r="S2253">
        <v>12</v>
      </c>
      <c r="T2253">
        <v>13</v>
      </c>
      <c r="U2253">
        <v>13</v>
      </c>
      <c r="V2253">
        <v>13</v>
      </c>
      <c r="W2253">
        <v>14</v>
      </c>
      <c r="X2253">
        <v>14</v>
      </c>
      <c r="Y2253">
        <v>15</v>
      </c>
      <c r="Z2253">
        <v>15</v>
      </c>
      <c r="AA2253">
        <v>15</v>
      </c>
      <c r="AB2253">
        <v>16</v>
      </c>
      <c r="AC2253">
        <v>16</v>
      </c>
      <c r="AD2253">
        <v>16</v>
      </c>
      <c r="AE2253">
        <v>17</v>
      </c>
      <c r="AF2253">
        <v>17</v>
      </c>
      <c r="AG2253">
        <v>18</v>
      </c>
      <c r="AH2253">
        <v>18</v>
      </c>
      <c r="AI2253">
        <v>19</v>
      </c>
      <c r="AJ2253">
        <v>19</v>
      </c>
      <c r="AK2253">
        <v>19</v>
      </c>
      <c r="AL2253">
        <v>20</v>
      </c>
      <c r="AM2253">
        <v>20</v>
      </c>
      <c r="AN2253">
        <v>20</v>
      </c>
      <c r="AO2253">
        <v>21</v>
      </c>
      <c r="AP2253">
        <v>21</v>
      </c>
      <c r="AQ2253">
        <v>21</v>
      </c>
    </row>
    <row r="2254" spans="1:43">
      <c r="A2254" t="s">
        <v>1462</v>
      </c>
      <c r="B2254" t="s">
        <v>1463</v>
      </c>
      <c r="C2254" t="s">
        <v>1448</v>
      </c>
      <c r="D2254" t="s">
        <v>1449</v>
      </c>
      <c r="E2254" t="s">
        <v>1192</v>
      </c>
      <c r="F2254" t="s">
        <v>1193</v>
      </c>
      <c r="G2254" t="s">
        <v>80</v>
      </c>
      <c r="H2254" t="s">
        <v>81</v>
      </c>
      <c r="I2254" s="2">
        <v>0</v>
      </c>
      <c r="J2254" s="2">
        <v>1</v>
      </c>
      <c r="K2254" s="2">
        <v>0</v>
      </c>
      <c r="L2254" t="s">
        <v>82</v>
      </c>
      <c r="M2254" t="s">
        <v>83</v>
      </c>
      <c r="N2254" t="s">
        <v>84</v>
      </c>
      <c r="O2254" t="s">
        <v>85</v>
      </c>
      <c r="P2254" t="s">
        <v>86</v>
      </c>
      <c r="Q2254">
        <v>192</v>
      </c>
      <c r="R2254">
        <v>197</v>
      </c>
      <c r="S2254">
        <v>202</v>
      </c>
      <c r="T2254">
        <v>208</v>
      </c>
      <c r="U2254">
        <v>213</v>
      </c>
      <c r="V2254">
        <v>219</v>
      </c>
      <c r="W2254">
        <v>225</v>
      </c>
      <c r="X2254">
        <v>230</v>
      </c>
      <c r="Y2254">
        <v>236</v>
      </c>
      <c r="Z2254">
        <v>242</v>
      </c>
      <c r="AA2254">
        <v>249</v>
      </c>
      <c r="AB2254">
        <v>255</v>
      </c>
      <c r="AC2254">
        <v>261</v>
      </c>
      <c r="AD2254">
        <v>267</v>
      </c>
      <c r="AE2254">
        <v>274</v>
      </c>
      <c r="AF2254">
        <v>280</v>
      </c>
      <c r="AG2254">
        <v>287</v>
      </c>
      <c r="AH2254">
        <v>293</v>
      </c>
      <c r="AI2254">
        <v>300</v>
      </c>
      <c r="AJ2254">
        <v>307</v>
      </c>
      <c r="AK2254">
        <v>314</v>
      </c>
      <c r="AL2254">
        <v>319</v>
      </c>
      <c r="AM2254">
        <v>324</v>
      </c>
      <c r="AN2254">
        <v>328</v>
      </c>
      <c r="AO2254">
        <v>332</v>
      </c>
      <c r="AP2254">
        <v>336</v>
      </c>
      <c r="AQ2254">
        <v>340</v>
      </c>
    </row>
    <row r="2255" spans="1:43">
      <c r="A2255" t="s">
        <v>1462</v>
      </c>
      <c r="B2255" t="s">
        <v>1463</v>
      </c>
      <c r="C2255" t="s">
        <v>1448</v>
      </c>
      <c r="D2255" t="s">
        <v>1449</v>
      </c>
      <c r="E2255" t="s">
        <v>1192</v>
      </c>
      <c r="F2255" t="s">
        <v>1193</v>
      </c>
      <c r="G2255" t="s">
        <v>80</v>
      </c>
      <c r="H2255" t="s">
        <v>81</v>
      </c>
      <c r="I2255" s="2">
        <v>0</v>
      </c>
      <c r="J2255" s="2">
        <v>1</v>
      </c>
      <c r="K2255" s="2">
        <v>0</v>
      </c>
      <c r="L2255" t="s">
        <v>82</v>
      </c>
      <c r="M2255" t="s">
        <v>87</v>
      </c>
      <c r="N2255" t="s">
        <v>88</v>
      </c>
      <c r="O2255" t="s">
        <v>85</v>
      </c>
      <c r="P2255" t="s">
        <v>86</v>
      </c>
      <c r="Q2255">
        <v>192</v>
      </c>
      <c r="R2255">
        <v>195</v>
      </c>
      <c r="S2255">
        <v>199</v>
      </c>
      <c r="T2255">
        <v>202</v>
      </c>
      <c r="U2255">
        <v>206</v>
      </c>
      <c r="V2255">
        <v>209</v>
      </c>
      <c r="W2255">
        <v>213</v>
      </c>
      <c r="X2255">
        <v>217</v>
      </c>
      <c r="Y2255">
        <v>221</v>
      </c>
      <c r="Z2255">
        <v>224</v>
      </c>
      <c r="AA2255">
        <v>228</v>
      </c>
      <c r="AB2255">
        <v>232</v>
      </c>
      <c r="AC2255">
        <v>236</v>
      </c>
      <c r="AD2255">
        <v>240</v>
      </c>
      <c r="AE2255">
        <v>244</v>
      </c>
      <c r="AF2255">
        <v>248</v>
      </c>
      <c r="AG2255">
        <v>252</v>
      </c>
      <c r="AH2255">
        <v>257</v>
      </c>
      <c r="AI2255">
        <v>261</v>
      </c>
      <c r="AJ2255">
        <v>265</v>
      </c>
      <c r="AK2255">
        <v>269</v>
      </c>
      <c r="AL2255">
        <v>274</v>
      </c>
      <c r="AM2255">
        <v>278</v>
      </c>
      <c r="AN2255">
        <v>283</v>
      </c>
      <c r="AO2255">
        <v>288</v>
      </c>
      <c r="AP2255">
        <v>292</v>
      </c>
      <c r="AQ2255">
        <v>297</v>
      </c>
    </row>
    <row r="2256" spans="1:43">
      <c r="A2256" t="s">
        <v>1462</v>
      </c>
      <c r="B2256" t="s">
        <v>1463</v>
      </c>
      <c r="C2256" t="s">
        <v>1448</v>
      </c>
      <c r="D2256" t="s">
        <v>1449</v>
      </c>
      <c r="E2256" t="s">
        <v>1192</v>
      </c>
      <c r="F2256" t="s">
        <v>1193</v>
      </c>
      <c r="G2256" t="s">
        <v>80</v>
      </c>
      <c r="H2256" t="s">
        <v>81</v>
      </c>
      <c r="I2256" s="2">
        <v>0</v>
      </c>
      <c r="J2256" s="2">
        <v>1</v>
      </c>
      <c r="K2256" s="2">
        <v>0</v>
      </c>
      <c r="L2256" t="s">
        <v>82</v>
      </c>
      <c r="M2256" t="s">
        <v>89</v>
      </c>
      <c r="N2256" t="s">
        <v>90</v>
      </c>
      <c r="O2256" t="s">
        <v>85</v>
      </c>
      <c r="P2256" t="s">
        <v>86</v>
      </c>
      <c r="Q2256">
        <v>192</v>
      </c>
      <c r="R2256">
        <v>198</v>
      </c>
      <c r="S2256">
        <v>206</v>
      </c>
      <c r="T2256">
        <v>213</v>
      </c>
      <c r="U2256">
        <v>220</v>
      </c>
      <c r="V2256">
        <v>227</v>
      </c>
      <c r="W2256">
        <v>234</v>
      </c>
      <c r="X2256">
        <v>241</v>
      </c>
      <c r="Y2256">
        <v>249</v>
      </c>
      <c r="Z2256">
        <v>256</v>
      </c>
      <c r="AA2256">
        <v>263</v>
      </c>
      <c r="AB2256">
        <v>270</v>
      </c>
      <c r="AC2256">
        <v>278</v>
      </c>
      <c r="AD2256">
        <v>285</v>
      </c>
      <c r="AE2256">
        <v>292</v>
      </c>
      <c r="AF2256">
        <v>296</v>
      </c>
      <c r="AG2256">
        <v>299</v>
      </c>
      <c r="AH2256">
        <v>303</v>
      </c>
      <c r="AI2256">
        <v>307</v>
      </c>
      <c r="AJ2256">
        <v>311</v>
      </c>
      <c r="AK2256">
        <v>316</v>
      </c>
      <c r="AL2256">
        <v>320</v>
      </c>
      <c r="AM2256">
        <v>324</v>
      </c>
      <c r="AN2256">
        <v>328</v>
      </c>
      <c r="AO2256">
        <v>332</v>
      </c>
      <c r="AP2256">
        <v>336</v>
      </c>
      <c r="AQ2256">
        <v>340</v>
      </c>
    </row>
    <row r="2257" spans="1:43">
      <c r="A2257" t="s">
        <v>1462</v>
      </c>
      <c r="B2257" t="s">
        <v>1463</v>
      </c>
      <c r="C2257" t="s">
        <v>1448</v>
      </c>
      <c r="D2257" t="s">
        <v>1449</v>
      </c>
      <c r="E2257" t="s">
        <v>1192</v>
      </c>
      <c r="F2257" t="s">
        <v>1193</v>
      </c>
      <c r="G2257" t="s">
        <v>80</v>
      </c>
      <c r="H2257" t="s">
        <v>81</v>
      </c>
      <c r="I2257" s="2">
        <v>0</v>
      </c>
      <c r="J2257" s="2">
        <v>1</v>
      </c>
      <c r="K2257" s="2">
        <v>0</v>
      </c>
      <c r="L2257" t="s">
        <v>82</v>
      </c>
      <c r="M2257" t="s">
        <v>83</v>
      </c>
      <c r="N2257" t="s">
        <v>91</v>
      </c>
      <c r="O2257" t="s">
        <v>85</v>
      </c>
      <c r="P2257" t="s">
        <v>86</v>
      </c>
      <c r="Q2257">
        <v>192</v>
      </c>
      <c r="R2257">
        <v>197</v>
      </c>
      <c r="S2257">
        <v>202</v>
      </c>
      <c r="T2257">
        <v>208</v>
      </c>
      <c r="U2257">
        <v>213</v>
      </c>
      <c r="V2257">
        <v>219</v>
      </c>
      <c r="W2257">
        <v>225</v>
      </c>
      <c r="X2257">
        <v>230</v>
      </c>
      <c r="Y2257">
        <v>236</v>
      </c>
      <c r="Z2257">
        <v>242</v>
      </c>
      <c r="AA2257">
        <v>249</v>
      </c>
      <c r="AB2257">
        <v>255</v>
      </c>
      <c r="AC2257">
        <v>261</v>
      </c>
      <c r="AD2257">
        <v>267</v>
      </c>
      <c r="AE2257">
        <v>274</v>
      </c>
      <c r="AF2257">
        <v>280</v>
      </c>
      <c r="AG2257">
        <v>287</v>
      </c>
      <c r="AH2257">
        <v>293</v>
      </c>
      <c r="AI2257">
        <v>300</v>
      </c>
      <c r="AJ2257">
        <v>307</v>
      </c>
      <c r="AK2257">
        <v>314</v>
      </c>
      <c r="AL2257">
        <v>319</v>
      </c>
      <c r="AM2257">
        <v>324</v>
      </c>
      <c r="AN2257">
        <v>328</v>
      </c>
      <c r="AO2257">
        <v>332</v>
      </c>
      <c r="AP2257">
        <v>336</v>
      </c>
      <c r="AQ2257">
        <v>340</v>
      </c>
    </row>
    <row r="2258" spans="1:43">
      <c r="A2258" t="s">
        <v>1464</v>
      </c>
      <c r="B2258" t="s">
        <v>1465</v>
      </c>
      <c r="C2258" t="s">
        <v>1466</v>
      </c>
      <c r="D2258" t="s">
        <v>1467</v>
      </c>
      <c r="E2258" t="s">
        <v>1192</v>
      </c>
      <c r="F2258" t="s">
        <v>1193</v>
      </c>
      <c r="G2258" t="s">
        <v>80</v>
      </c>
      <c r="H2258" t="s">
        <v>81</v>
      </c>
      <c r="I2258" s="2">
        <v>1</v>
      </c>
      <c r="J2258" s="2">
        <v>0</v>
      </c>
      <c r="K2258" s="2">
        <v>0</v>
      </c>
      <c r="L2258" t="s">
        <v>120</v>
      </c>
      <c r="M2258" t="s">
        <v>83</v>
      </c>
      <c r="N2258" t="s">
        <v>84</v>
      </c>
      <c r="O2258" t="s">
        <v>85</v>
      </c>
      <c r="P2258" t="s">
        <v>86</v>
      </c>
      <c r="Q2258">
        <v>18</v>
      </c>
      <c r="R2258">
        <v>18</v>
      </c>
      <c r="S2258">
        <v>19</v>
      </c>
      <c r="T2258">
        <v>19</v>
      </c>
      <c r="U2258">
        <v>20</v>
      </c>
      <c r="V2258">
        <v>20</v>
      </c>
      <c r="W2258">
        <v>21</v>
      </c>
      <c r="X2258">
        <v>21</v>
      </c>
      <c r="Y2258">
        <v>22</v>
      </c>
      <c r="Z2258">
        <v>22</v>
      </c>
      <c r="AA2258">
        <v>23</v>
      </c>
      <c r="AB2258">
        <v>23</v>
      </c>
      <c r="AC2258">
        <v>24</v>
      </c>
      <c r="AD2258">
        <v>25</v>
      </c>
      <c r="AE2258">
        <v>25</v>
      </c>
      <c r="AF2258">
        <v>26</v>
      </c>
      <c r="AG2258">
        <v>26</v>
      </c>
      <c r="AH2258">
        <v>27</v>
      </c>
      <c r="AI2258">
        <v>28</v>
      </c>
      <c r="AJ2258">
        <v>28</v>
      </c>
      <c r="AK2258">
        <v>29</v>
      </c>
      <c r="AL2258">
        <v>29</v>
      </c>
      <c r="AM2258">
        <v>30</v>
      </c>
      <c r="AN2258">
        <v>30</v>
      </c>
      <c r="AO2258">
        <v>31</v>
      </c>
      <c r="AP2258">
        <v>31</v>
      </c>
      <c r="AQ2258">
        <v>31</v>
      </c>
    </row>
    <row r="2259" spans="1:43">
      <c r="A2259" t="s">
        <v>1464</v>
      </c>
      <c r="B2259" t="s">
        <v>1465</v>
      </c>
      <c r="C2259" t="s">
        <v>1466</v>
      </c>
      <c r="D2259" t="s">
        <v>1467</v>
      </c>
      <c r="E2259" t="s">
        <v>1192</v>
      </c>
      <c r="F2259" t="s">
        <v>1193</v>
      </c>
      <c r="G2259" t="s">
        <v>80</v>
      </c>
      <c r="H2259" t="s">
        <v>81</v>
      </c>
      <c r="I2259" s="2">
        <v>1</v>
      </c>
      <c r="J2259" s="2">
        <v>0</v>
      </c>
      <c r="K2259" s="2">
        <v>0</v>
      </c>
      <c r="L2259" t="s">
        <v>120</v>
      </c>
      <c r="M2259" t="s">
        <v>87</v>
      </c>
      <c r="N2259" t="s">
        <v>88</v>
      </c>
      <c r="O2259" t="s">
        <v>85</v>
      </c>
      <c r="P2259" t="s">
        <v>86</v>
      </c>
      <c r="Q2259">
        <v>18</v>
      </c>
      <c r="R2259">
        <v>18</v>
      </c>
      <c r="S2259">
        <v>18</v>
      </c>
      <c r="T2259">
        <v>19</v>
      </c>
      <c r="U2259">
        <v>19</v>
      </c>
      <c r="V2259">
        <v>19</v>
      </c>
      <c r="W2259">
        <v>20</v>
      </c>
      <c r="X2259">
        <v>20</v>
      </c>
      <c r="Y2259">
        <v>20</v>
      </c>
      <c r="Z2259">
        <v>21</v>
      </c>
      <c r="AA2259">
        <v>21</v>
      </c>
      <c r="AB2259">
        <v>21</v>
      </c>
      <c r="AC2259">
        <v>22</v>
      </c>
      <c r="AD2259">
        <v>22</v>
      </c>
      <c r="AE2259">
        <v>22</v>
      </c>
      <c r="AF2259">
        <v>23</v>
      </c>
      <c r="AG2259">
        <v>23</v>
      </c>
      <c r="AH2259">
        <v>23</v>
      </c>
      <c r="AI2259">
        <v>24</v>
      </c>
      <c r="AJ2259">
        <v>24</v>
      </c>
      <c r="AK2259">
        <v>25</v>
      </c>
      <c r="AL2259">
        <v>25</v>
      </c>
      <c r="AM2259">
        <v>25</v>
      </c>
      <c r="AN2259">
        <v>26</v>
      </c>
      <c r="AO2259">
        <v>26</v>
      </c>
      <c r="AP2259">
        <v>27</v>
      </c>
      <c r="AQ2259">
        <v>27</v>
      </c>
    </row>
    <row r="2260" spans="1:43">
      <c r="A2260" t="s">
        <v>1464</v>
      </c>
      <c r="B2260" t="s">
        <v>1465</v>
      </c>
      <c r="C2260" t="s">
        <v>1466</v>
      </c>
      <c r="D2260" t="s">
        <v>1467</v>
      </c>
      <c r="E2260" t="s">
        <v>1192</v>
      </c>
      <c r="F2260" t="s">
        <v>1193</v>
      </c>
      <c r="G2260" t="s">
        <v>80</v>
      </c>
      <c r="H2260" t="s">
        <v>81</v>
      </c>
      <c r="I2260" s="2">
        <v>1</v>
      </c>
      <c r="J2260" s="2">
        <v>0</v>
      </c>
      <c r="K2260" s="2">
        <v>0</v>
      </c>
      <c r="L2260" t="s">
        <v>120</v>
      </c>
      <c r="M2260" t="s">
        <v>89</v>
      </c>
      <c r="N2260" t="s">
        <v>90</v>
      </c>
      <c r="O2260" t="s">
        <v>85</v>
      </c>
      <c r="P2260" t="s">
        <v>86</v>
      </c>
      <c r="Q2260">
        <v>18</v>
      </c>
      <c r="R2260">
        <v>19</v>
      </c>
      <c r="S2260">
        <v>19</v>
      </c>
      <c r="T2260">
        <v>20</v>
      </c>
      <c r="U2260">
        <v>21</v>
      </c>
      <c r="V2260">
        <v>21</v>
      </c>
      <c r="W2260">
        <v>22</v>
      </c>
      <c r="X2260">
        <v>22</v>
      </c>
      <c r="Y2260">
        <v>23</v>
      </c>
      <c r="Z2260">
        <v>24</v>
      </c>
      <c r="AA2260">
        <v>24</v>
      </c>
      <c r="AB2260">
        <v>25</v>
      </c>
      <c r="AC2260">
        <v>26</v>
      </c>
      <c r="AD2260">
        <v>26</v>
      </c>
      <c r="AE2260">
        <v>27</v>
      </c>
      <c r="AF2260">
        <v>27</v>
      </c>
      <c r="AG2260">
        <v>28</v>
      </c>
      <c r="AH2260">
        <v>28</v>
      </c>
      <c r="AI2260">
        <v>29</v>
      </c>
      <c r="AJ2260">
        <v>29</v>
      </c>
      <c r="AK2260">
        <v>29</v>
      </c>
      <c r="AL2260">
        <v>30</v>
      </c>
      <c r="AM2260">
        <v>30</v>
      </c>
      <c r="AN2260">
        <v>30</v>
      </c>
      <c r="AO2260">
        <v>31</v>
      </c>
      <c r="AP2260">
        <v>31</v>
      </c>
      <c r="AQ2260">
        <v>32</v>
      </c>
    </row>
    <row r="2261" spans="1:43">
      <c r="A2261" t="s">
        <v>1464</v>
      </c>
      <c r="B2261" t="s">
        <v>1465</v>
      </c>
      <c r="C2261" t="s">
        <v>1466</v>
      </c>
      <c r="D2261" t="s">
        <v>1467</v>
      </c>
      <c r="E2261" t="s">
        <v>1192</v>
      </c>
      <c r="F2261" t="s">
        <v>1193</v>
      </c>
      <c r="G2261" t="s">
        <v>80</v>
      </c>
      <c r="H2261" t="s">
        <v>81</v>
      </c>
      <c r="I2261" s="2">
        <v>1</v>
      </c>
      <c r="J2261" s="2">
        <v>0</v>
      </c>
      <c r="K2261" s="2">
        <v>0</v>
      </c>
      <c r="L2261" t="s">
        <v>120</v>
      </c>
      <c r="M2261" t="s">
        <v>83</v>
      </c>
      <c r="N2261" t="s">
        <v>91</v>
      </c>
      <c r="O2261" t="s">
        <v>85</v>
      </c>
      <c r="P2261" t="s">
        <v>86</v>
      </c>
      <c r="Q2261">
        <v>18</v>
      </c>
      <c r="R2261">
        <v>18</v>
      </c>
      <c r="S2261">
        <v>19</v>
      </c>
      <c r="T2261">
        <v>19</v>
      </c>
      <c r="U2261">
        <v>20</v>
      </c>
      <c r="V2261">
        <v>20</v>
      </c>
      <c r="W2261">
        <v>21</v>
      </c>
      <c r="X2261">
        <v>21</v>
      </c>
      <c r="Y2261">
        <v>22</v>
      </c>
      <c r="Z2261">
        <v>22</v>
      </c>
      <c r="AA2261">
        <v>23</v>
      </c>
      <c r="AB2261">
        <v>23</v>
      </c>
      <c r="AC2261">
        <v>24</v>
      </c>
      <c r="AD2261">
        <v>25</v>
      </c>
      <c r="AE2261">
        <v>25</v>
      </c>
      <c r="AF2261">
        <v>26</v>
      </c>
      <c r="AG2261">
        <v>26</v>
      </c>
      <c r="AH2261">
        <v>27</v>
      </c>
      <c r="AI2261">
        <v>28</v>
      </c>
      <c r="AJ2261">
        <v>28</v>
      </c>
      <c r="AK2261">
        <v>29</v>
      </c>
      <c r="AL2261">
        <v>29</v>
      </c>
      <c r="AM2261">
        <v>30</v>
      </c>
      <c r="AN2261">
        <v>30</v>
      </c>
      <c r="AO2261">
        <v>31</v>
      </c>
      <c r="AP2261">
        <v>31</v>
      </c>
      <c r="AQ2261">
        <v>31</v>
      </c>
    </row>
    <row r="2262" spans="1:43">
      <c r="A2262" t="s">
        <v>1468</v>
      </c>
      <c r="B2262" t="s">
        <v>1469</v>
      </c>
      <c r="C2262" t="s">
        <v>1466</v>
      </c>
      <c r="D2262" t="s">
        <v>1467</v>
      </c>
      <c r="E2262" t="s">
        <v>1192</v>
      </c>
      <c r="F2262" t="s">
        <v>1193</v>
      </c>
      <c r="G2262" t="s">
        <v>80</v>
      </c>
      <c r="H2262" t="s">
        <v>81</v>
      </c>
      <c r="I2262" s="2">
        <v>1</v>
      </c>
      <c r="J2262" s="2">
        <v>0</v>
      </c>
      <c r="K2262" s="2">
        <v>0</v>
      </c>
      <c r="L2262" t="s">
        <v>120</v>
      </c>
      <c r="M2262" t="s">
        <v>83</v>
      </c>
      <c r="N2262" t="s">
        <v>84</v>
      </c>
      <c r="O2262" t="s">
        <v>85</v>
      </c>
      <c r="P2262" t="s">
        <v>86</v>
      </c>
      <c r="Q2262">
        <v>15</v>
      </c>
      <c r="R2262">
        <v>15</v>
      </c>
      <c r="S2262">
        <v>15</v>
      </c>
      <c r="T2262">
        <v>16</v>
      </c>
      <c r="U2262">
        <v>16</v>
      </c>
      <c r="V2262">
        <v>17</v>
      </c>
      <c r="W2262">
        <v>17</v>
      </c>
      <c r="X2262">
        <v>18</v>
      </c>
      <c r="Y2262">
        <v>18</v>
      </c>
      <c r="Z2262">
        <v>19</v>
      </c>
      <c r="AA2262">
        <v>19</v>
      </c>
      <c r="AB2262">
        <v>19</v>
      </c>
      <c r="AC2262">
        <v>20</v>
      </c>
      <c r="AD2262">
        <v>20</v>
      </c>
      <c r="AE2262">
        <v>21</v>
      </c>
      <c r="AF2262">
        <v>21</v>
      </c>
      <c r="AG2262">
        <v>22</v>
      </c>
      <c r="AH2262">
        <v>22</v>
      </c>
      <c r="AI2262">
        <v>23</v>
      </c>
      <c r="AJ2262">
        <v>23</v>
      </c>
      <c r="AK2262">
        <v>24</v>
      </c>
      <c r="AL2262">
        <v>24</v>
      </c>
      <c r="AM2262">
        <v>25</v>
      </c>
      <c r="AN2262">
        <v>25</v>
      </c>
      <c r="AO2262">
        <v>25</v>
      </c>
      <c r="AP2262">
        <v>26</v>
      </c>
      <c r="AQ2262">
        <v>26</v>
      </c>
    </row>
    <row r="2263" spans="1:43">
      <c r="A2263" t="s">
        <v>1468</v>
      </c>
      <c r="B2263" t="s">
        <v>1469</v>
      </c>
      <c r="C2263" t="s">
        <v>1466</v>
      </c>
      <c r="D2263" t="s">
        <v>1467</v>
      </c>
      <c r="E2263" t="s">
        <v>1192</v>
      </c>
      <c r="F2263" t="s">
        <v>1193</v>
      </c>
      <c r="G2263" t="s">
        <v>80</v>
      </c>
      <c r="H2263" t="s">
        <v>81</v>
      </c>
      <c r="I2263" s="2">
        <v>1</v>
      </c>
      <c r="J2263" s="2">
        <v>0</v>
      </c>
      <c r="K2263" s="2">
        <v>0</v>
      </c>
      <c r="L2263" t="s">
        <v>120</v>
      </c>
      <c r="M2263" t="s">
        <v>87</v>
      </c>
      <c r="N2263" t="s">
        <v>88</v>
      </c>
      <c r="O2263" t="s">
        <v>85</v>
      </c>
      <c r="P2263" t="s">
        <v>86</v>
      </c>
      <c r="Q2263">
        <v>15</v>
      </c>
      <c r="R2263">
        <v>15</v>
      </c>
      <c r="S2263">
        <v>15</v>
      </c>
      <c r="T2263">
        <v>15</v>
      </c>
      <c r="U2263">
        <v>16</v>
      </c>
      <c r="V2263">
        <v>16</v>
      </c>
      <c r="W2263">
        <v>16</v>
      </c>
      <c r="X2263">
        <v>16</v>
      </c>
      <c r="Y2263">
        <v>17</v>
      </c>
      <c r="Z2263">
        <v>17</v>
      </c>
      <c r="AA2263">
        <v>17</v>
      </c>
      <c r="AB2263">
        <v>18</v>
      </c>
      <c r="AC2263">
        <v>18</v>
      </c>
      <c r="AD2263">
        <v>18</v>
      </c>
      <c r="AE2263">
        <v>18</v>
      </c>
      <c r="AF2263">
        <v>19</v>
      </c>
      <c r="AG2263">
        <v>19</v>
      </c>
      <c r="AH2263">
        <v>19</v>
      </c>
      <c r="AI2263">
        <v>20</v>
      </c>
      <c r="AJ2263">
        <v>20</v>
      </c>
      <c r="AK2263">
        <v>20</v>
      </c>
      <c r="AL2263">
        <v>21</v>
      </c>
      <c r="AM2263">
        <v>21</v>
      </c>
      <c r="AN2263">
        <v>21</v>
      </c>
      <c r="AO2263">
        <v>22</v>
      </c>
      <c r="AP2263">
        <v>22</v>
      </c>
      <c r="AQ2263">
        <v>22</v>
      </c>
    </row>
    <row r="2264" spans="1:43">
      <c r="A2264" t="s">
        <v>1468</v>
      </c>
      <c r="B2264" t="s">
        <v>1469</v>
      </c>
      <c r="C2264" t="s">
        <v>1466</v>
      </c>
      <c r="D2264" t="s">
        <v>1467</v>
      </c>
      <c r="E2264" t="s">
        <v>1192</v>
      </c>
      <c r="F2264" t="s">
        <v>1193</v>
      </c>
      <c r="G2264" t="s">
        <v>80</v>
      </c>
      <c r="H2264" t="s">
        <v>81</v>
      </c>
      <c r="I2264" s="2">
        <v>1</v>
      </c>
      <c r="J2264" s="2">
        <v>0</v>
      </c>
      <c r="K2264" s="2">
        <v>0</v>
      </c>
      <c r="L2264" t="s">
        <v>120</v>
      </c>
      <c r="M2264" t="s">
        <v>89</v>
      </c>
      <c r="N2264" t="s">
        <v>90</v>
      </c>
      <c r="O2264" t="s">
        <v>85</v>
      </c>
      <c r="P2264" t="s">
        <v>86</v>
      </c>
      <c r="Q2264">
        <v>15</v>
      </c>
      <c r="R2264">
        <v>15</v>
      </c>
      <c r="S2264">
        <v>16</v>
      </c>
      <c r="T2264">
        <v>16</v>
      </c>
      <c r="U2264">
        <v>17</v>
      </c>
      <c r="V2264">
        <v>17</v>
      </c>
      <c r="W2264">
        <v>18</v>
      </c>
      <c r="X2264">
        <v>19</v>
      </c>
      <c r="Y2264">
        <v>19</v>
      </c>
      <c r="Z2264">
        <v>20</v>
      </c>
      <c r="AA2264">
        <v>20</v>
      </c>
      <c r="AB2264">
        <v>21</v>
      </c>
      <c r="AC2264">
        <v>21</v>
      </c>
      <c r="AD2264">
        <v>22</v>
      </c>
      <c r="AE2264">
        <v>22</v>
      </c>
      <c r="AF2264">
        <v>23</v>
      </c>
      <c r="AG2264">
        <v>23</v>
      </c>
      <c r="AH2264">
        <v>23</v>
      </c>
      <c r="AI2264">
        <v>24</v>
      </c>
      <c r="AJ2264">
        <v>24</v>
      </c>
      <c r="AK2264">
        <v>24</v>
      </c>
      <c r="AL2264">
        <v>25</v>
      </c>
      <c r="AM2264">
        <v>25</v>
      </c>
      <c r="AN2264">
        <v>25</v>
      </c>
      <c r="AO2264">
        <v>26</v>
      </c>
      <c r="AP2264">
        <v>26</v>
      </c>
      <c r="AQ2264">
        <v>26</v>
      </c>
    </row>
    <row r="2265" spans="1:43">
      <c r="A2265" t="s">
        <v>1468</v>
      </c>
      <c r="B2265" t="s">
        <v>1469</v>
      </c>
      <c r="C2265" t="s">
        <v>1466</v>
      </c>
      <c r="D2265" t="s">
        <v>1467</v>
      </c>
      <c r="E2265" t="s">
        <v>1192</v>
      </c>
      <c r="F2265" t="s">
        <v>1193</v>
      </c>
      <c r="G2265" t="s">
        <v>80</v>
      </c>
      <c r="H2265" t="s">
        <v>81</v>
      </c>
      <c r="I2265" s="2">
        <v>1</v>
      </c>
      <c r="J2265" s="2">
        <v>0</v>
      </c>
      <c r="K2265" s="2">
        <v>0</v>
      </c>
      <c r="L2265" t="s">
        <v>120</v>
      </c>
      <c r="M2265" t="s">
        <v>83</v>
      </c>
      <c r="N2265" t="s">
        <v>91</v>
      </c>
      <c r="O2265" t="s">
        <v>85</v>
      </c>
      <c r="P2265" t="s">
        <v>86</v>
      </c>
      <c r="Q2265">
        <v>15</v>
      </c>
      <c r="R2265">
        <v>15</v>
      </c>
      <c r="S2265">
        <v>15</v>
      </c>
      <c r="T2265">
        <v>16</v>
      </c>
      <c r="U2265">
        <v>16</v>
      </c>
      <c r="V2265">
        <v>17</v>
      </c>
      <c r="W2265">
        <v>17</v>
      </c>
      <c r="X2265">
        <v>18</v>
      </c>
      <c r="Y2265">
        <v>18</v>
      </c>
      <c r="Z2265">
        <v>19</v>
      </c>
      <c r="AA2265">
        <v>19</v>
      </c>
      <c r="AB2265">
        <v>19</v>
      </c>
      <c r="AC2265">
        <v>20</v>
      </c>
      <c r="AD2265">
        <v>20</v>
      </c>
      <c r="AE2265">
        <v>21</v>
      </c>
      <c r="AF2265">
        <v>21</v>
      </c>
      <c r="AG2265">
        <v>22</v>
      </c>
      <c r="AH2265">
        <v>22</v>
      </c>
      <c r="AI2265">
        <v>23</v>
      </c>
      <c r="AJ2265">
        <v>23</v>
      </c>
      <c r="AK2265">
        <v>24</v>
      </c>
      <c r="AL2265">
        <v>24</v>
      </c>
      <c r="AM2265">
        <v>25</v>
      </c>
      <c r="AN2265">
        <v>25</v>
      </c>
      <c r="AO2265">
        <v>25</v>
      </c>
      <c r="AP2265">
        <v>26</v>
      </c>
      <c r="AQ2265">
        <v>26</v>
      </c>
    </row>
    <row r="2266" spans="1:43">
      <c r="A2266" t="s">
        <v>1470</v>
      </c>
      <c r="B2266" t="s">
        <v>1471</v>
      </c>
      <c r="C2266" t="s">
        <v>1466</v>
      </c>
      <c r="D2266" t="s">
        <v>1467</v>
      </c>
      <c r="E2266" t="s">
        <v>1192</v>
      </c>
      <c r="F2266" t="s">
        <v>1193</v>
      </c>
      <c r="G2266" t="s">
        <v>80</v>
      </c>
      <c r="H2266" t="s">
        <v>81</v>
      </c>
      <c r="I2266" s="2">
        <v>1</v>
      </c>
      <c r="J2266" s="2">
        <v>0</v>
      </c>
      <c r="K2266" s="2">
        <v>0</v>
      </c>
      <c r="L2266" t="s">
        <v>120</v>
      </c>
      <c r="M2266" t="s">
        <v>83</v>
      </c>
      <c r="N2266" t="s">
        <v>84</v>
      </c>
      <c r="O2266" t="s">
        <v>85</v>
      </c>
      <c r="P2266" t="s">
        <v>86</v>
      </c>
      <c r="Q2266">
        <v>6</v>
      </c>
      <c r="R2266">
        <v>6</v>
      </c>
      <c r="S2266">
        <v>6</v>
      </c>
      <c r="T2266">
        <v>6</v>
      </c>
      <c r="U2266">
        <v>6</v>
      </c>
      <c r="V2266">
        <v>7</v>
      </c>
      <c r="W2266">
        <v>7</v>
      </c>
      <c r="X2266">
        <v>7</v>
      </c>
      <c r="Y2266">
        <v>7</v>
      </c>
      <c r="Z2266">
        <v>7</v>
      </c>
      <c r="AA2266">
        <v>8</v>
      </c>
      <c r="AB2266">
        <v>8</v>
      </c>
      <c r="AC2266">
        <v>8</v>
      </c>
      <c r="AD2266">
        <v>8</v>
      </c>
      <c r="AE2266">
        <v>8</v>
      </c>
      <c r="AF2266">
        <v>8</v>
      </c>
      <c r="AG2266">
        <v>9</v>
      </c>
      <c r="AH2266">
        <v>9</v>
      </c>
      <c r="AI2266">
        <v>9</v>
      </c>
      <c r="AJ2266">
        <v>9</v>
      </c>
      <c r="AK2266">
        <v>10</v>
      </c>
      <c r="AL2266">
        <v>10</v>
      </c>
      <c r="AM2266">
        <v>10</v>
      </c>
      <c r="AN2266">
        <v>10</v>
      </c>
      <c r="AO2266">
        <v>10</v>
      </c>
      <c r="AP2266">
        <v>10</v>
      </c>
      <c r="AQ2266">
        <v>10</v>
      </c>
    </row>
    <row r="2267" spans="1:43">
      <c r="A2267" t="s">
        <v>1470</v>
      </c>
      <c r="B2267" t="s">
        <v>1471</v>
      </c>
      <c r="C2267" t="s">
        <v>1466</v>
      </c>
      <c r="D2267" t="s">
        <v>1467</v>
      </c>
      <c r="E2267" t="s">
        <v>1192</v>
      </c>
      <c r="F2267" t="s">
        <v>1193</v>
      </c>
      <c r="G2267" t="s">
        <v>80</v>
      </c>
      <c r="H2267" t="s">
        <v>81</v>
      </c>
      <c r="I2267" s="2">
        <v>1</v>
      </c>
      <c r="J2267" s="2">
        <v>0</v>
      </c>
      <c r="K2267" s="2">
        <v>0</v>
      </c>
      <c r="L2267" t="s">
        <v>120</v>
      </c>
      <c r="M2267" t="s">
        <v>87</v>
      </c>
      <c r="N2267" t="s">
        <v>88</v>
      </c>
      <c r="O2267" t="s">
        <v>85</v>
      </c>
      <c r="P2267" t="s">
        <v>86</v>
      </c>
      <c r="Q2267">
        <v>6</v>
      </c>
      <c r="R2267">
        <v>6</v>
      </c>
      <c r="S2267">
        <v>6</v>
      </c>
      <c r="T2267">
        <v>6</v>
      </c>
      <c r="U2267">
        <v>6</v>
      </c>
      <c r="V2267">
        <v>6</v>
      </c>
      <c r="W2267">
        <v>6</v>
      </c>
      <c r="X2267">
        <v>7</v>
      </c>
      <c r="Y2267">
        <v>7</v>
      </c>
      <c r="Z2267">
        <v>7</v>
      </c>
      <c r="AA2267">
        <v>7</v>
      </c>
      <c r="AB2267">
        <v>7</v>
      </c>
      <c r="AC2267">
        <v>7</v>
      </c>
      <c r="AD2267">
        <v>7</v>
      </c>
      <c r="AE2267">
        <v>7</v>
      </c>
      <c r="AF2267">
        <v>7</v>
      </c>
      <c r="AG2267">
        <v>8</v>
      </c>
      <c r="AH2267">
        <v>8</v>
      </c>
      <c r="AI2267">
        <v>8</v>
      </c>
      <c r="AJ2267">
        <v>8</v>
      </c>
      <c r="AK2267">
        <v>8</v>
      </c>
      <c r="AL2267">
        <v>8</v>
      </c>
      <c r="AM2267">
        <v>8</v>
      </c>
      <c r="AN2267">
        <v>9</v>
      </c>
      <c r="AO2267">
        <v>9</v>
      </c>
      <c r="AP2267">
        <v>9</v>
      </c>
      <c r="AQ2267">
        <v>9</v>
      </c>
    </row>
    <row r="2268" spans="1:43">
      <c r="A2268" t="s">
        <v>1470</v>
      </c>
      <c r="B2268" t="s">
        <v>1471</v>
      </c>
      <c r="C2268" t="s">
        <v>1466</v>
      </c>
      <c r="D2268" t="s">
        <v>1467</v>
      </c>
      <c r="E2268" t="s">
        <v>1192</v>
      </c>
      <c r="F2268" t="s">
        <v>1193</v>
      </c>
      <c r="G2268" t="s">
        <v>80</v>
      </c>
      <c r="H2268" t="s">
        <v>81</v>
      </c>
      <c r="I2268" s="2">
        <v>1</v>
      </c>
      <c r="J2268" s="2">
        <v>0</v>
      </c>
      <c r="K2268" s="2">
        <v>0</v>
      </c>
      <c r="L2268" t="s">
        <v>120</v>
      </c>
      <c r="M2268" t="s">
        <v>89</v>
      </c>
      <c r="N2268" t="s">
        <v>90</v>
      </c>
      <c r="O2268" t="s">
        <v>85</v>
      </c>
      <c r="P2268" t="s">
        <v>86</v>
      </c>
      <c r="Q2268">
        <v>6</v>
      </c>
      <c r="R2268">
        <v>6</v>
      </c>
      <c r="S2268">
        <v>6</v>
      </c>
      <c r="T2268">
        <v>7</v>
      </c>
      <c r="U2268">
        <v>7</v>
      </c>
      <c r="V2268">
        <v>7</v>
      </c>
      <c r="W2268">
        <v>7</v>
      </c>
      <c r="X2268">
        <v>7</v>
      </c>
      <c r="Y2268">
        <v>8</v>
      </c>
      <c r="Z2268">
        <v>8</v>
      </c>
      <c r="AA2268">
        <v>8</v>
      </c>
      <c r="AB2268">
        <v>8</v>
      </c>
      <c r="AC2268">
        <v>8</v>
      </c>
      <c r="AD2268">
        <v>9</v>
      </c>
      <c r="AE2268">
        <v>9</v>
      </c>
      <c r="AF2268">
        <v>9</v>
      </c>
      <c r="AG2268">
        <v>9</v>
      </c>
      <c r="AH2268">
        <v>9</v>
      </c>
      <c r="AI2268">
        <v>9</v>
      </c>
      <c r="AJ2268">
        <v>10</v>
      </c>
      <c r="AK2268">
        <v>10</v>
      </c>
      <c r="AL2268">
        <v>10</v>
      </c>
      <c r="AM2268">
        <v>10</v>
      </c>
      <c r="AN2268">
        <v>10</v>
      </c>
      <c r="AO2268">
        <v>10</v>
      </c>
      <c r="AP2268">
        <v>10</v>
      </c>
      <c r="AQ2268">
        <v>10</v>
      </c>
    </row>
    <row r="2269" spans="1:43">
      <c r="A2269" t="s">
        <v>1470</v>
      </c>
      <c r="B2269" t="s">
        <v>1471</v>
      </c>
      <c r="C2269" t="s">
        <v>1466</v>
      </c>
      <c r="D2269" t="s">
        <v>1467</v>
      </c>
      <c r="E2269" t="s">
        <v>1192</v>
      </c>
      <c r="F2269" t="s">
        <v>1193</v>
      </c>
      <c r="G2269" t="s">
        <v>80</v>
      </c>
      <c r="H2269" t="s">
        <v>81</v>
      </c>
      <c r="I2269" s="2">
        <v>1</v>
      </c>
      <c r="J2269" s="2">
        <v>0</v>
      </c>
      <c r="K2269" s="2">
        <v>0</v>
      </c>
      <c r="L2269" t="s">
        <v>120</v>
      </c>
      <c r="M2269" t="s">
        <v>83</v>
      </c>
      <c r="N2269" t="s">
        <v>91</v>
      </c>
      <c r="O2269" t="s">
        <v>85</v>
      </c>
      <c r="P2269" t="s">
        <v>86</v>
      </c>
      <c r="Q2269">
        <v>6</v>
      </c>
      <c r="R2269">
        <v>6</v>
      </c>
      <c r="S2269">
        <v>6</v>
      </c>
      <c r="T2269">
        <v>6</v>
      </c>
      <c r="U2269">
        <v>6</v>
      </c>
      <c r="V2269">
        <v>7</v>
      </c>
      <c r="W2269">
        <v>7</v>
      </c>
      <c r="X2269">
        <v>7</v>
      </c>
      <c r="Y2269">
        <v>7</v>
      </c>
      <c r="Z2269">
        <v>7</v>
      </c>
      <c r="AA2269">
        <v>8</v>
      </c>
      <c r="AB2269">
        <v>8</v>
      </c>
      <c r="AC2269">
        <v>8</v>
      </c>
      <c r="AD2269">
        <v>8</v>
      </c>
      <c r="AE2269">
        <v>8</v>
      </c>
      <c r="AF2269">
        <v>8</v>
      </c>
      <c r="AG2269">
        <v>9</v>
      </c>
      <c r="AH2269">
        <v>9</v>
      </c>
      <c r="AI2269">
        <v>9</v>
      </c>
      <c r="AJ2269">
        <v>9</v>
      </c>
      <c r="AK2269">
        <v>10</v>
      </c>
      <c r="AL2269">
        <v>10</v>
      </c>
      <c r="AM2269">
        <v>10</v>
      </c>
      <c r="AN2269">
        <v>10</v>
      </c>
      <c r="AO2269">
        <v>10</v>
      </c>
      <c r="AP2269">
        <v>10</v>
      </c>
      <c r="AQ2269">
        <v>10</v>
      </c>
    </row>
    <row r="2270" spans="1:43">
      <c r="A2270" t="s">
        <v>1472</v>
      </c>
      <c r="B2270" t="s">
        <v>1473</v>
      </c>
      <c r="C2270" t="s">
        <v>1300</v>
      </c>
      <c r="D2270" t="s">
        <v>1301</v>
      </c>
      <c r="E2270" t="s">
        <v>1192</v>
      </c>
      <c r="F2270" t="s">
        <v>1193</v>
      </c>
      <c r="G2270" t="s">
        <v>80</v>
      </c>
      <c r="H2270" t="s">
        <v>81</v>
      </c>
      <c r="I2270" s="2">
        <v>1</v>
      </c>
      <c r="J2270" s="2">
        <v>0</v>
      </c>
      <c r="K2270" s="2">
        <v>0</v>
      </c>
      <c r="L2270" t="s">
        <v>120</v>
      </c>
      <c r="M2270" t="s">
        <v>83</v>
      </c>
      <c r="N2270" t="s">
        <v>84</v>
      </c>
      <c r="O2270" t="s">
        <v>85</v>
      </c>
      <c r="P2270" t="s">
        <v>86</v>
      </c>
      <c r="Q2270">
        <v>2</v>
      </c>
      <c r="R2270">
        <v>2</v>
      </c>
      <c r="S2270">
        <v>2</v>
      </c>
      <c r="T2270">
        <v>2</v>
      </c>
      <c r="U2270">
        <v>2</v>
      </c>
      <c r="V2270">
        <v>2</v>
      </c>
      <c r="W2270">
        <v>2</v>
      </c>
      <c r="X2270">
        <v>2</v>
      </c>
      <c r="Y2270">
        <v>3</v>
      </c>
      <c r="Z2270">
        <v>3</v>
      </c>
      <c r="AA2270">
        <v>3</v>
      </c>
      <c r="AB2270">
        <v>3</v>
      </c>
      <c r="AC2270">
        <v>3</v>
      </c>
      <c r="AD2270">
        <v>3</v>
      </c>
      <c r="AE2270">
        <v>3</v>
      </c>
      <c r="AF2270">
        <v>3</v>
      </c>
      <c r="AG2270">
        <v>3</v>
      </c>
      <c r="AH2270">
        <v>3</v>
      </c>
      <c r="AI2270">
        <v>3</v>
      </c>
      <c r="AJ2270">
        <v>3</v>
      </c>
      <c r="AK2270">
        <v>3</v>
      </c>
      <c r="AL2270">
        <v>3</v>
      </c>
      <c r="AM2270">
        <v>3</v>
      </c>
      <c r="AN2270">
        <v>3</v>
      </c>
      <c r="AO2270">
        <v>4</v>
      </c>
      <c r="AP2270">
        <v>4</v>
      </c>
      <c r="AQ2270">
        <v>4</v>
      </c>
    </row>
    <row r="2271" spans="1:43">
      <c r="A2271" t="s">
        <v>1472</v>
      </c>
      <c r="B2271" t="s">
        <v>1473</v>
      </c>
      <c r="C2271" t="s">
        <v>1300</v>
      </c>
      <c r="D2271" t="s">
        <v>1301</v>
      </c>
      <c r="E2271" t="s">
        <v>1192</v>
      </c>
      <c r="F2271" t="s">
        <v>1193</v>
      </c>
      <c r="G2271" t="s">
        <v>80</v>
      </c>
      <c r="H2271" t="s">
        <v>81</v>
      </c>
      <c r="I2271" s="2">
        <v>1</v>
      </c>
      <c r="J2271" s="2">
        <v>0</v>
      </c>
      <c r="K2271" s="2">
        <v>0</v>
      </c>
      <c r="L2271" t="s">
        <v>120</v>
      </c>
      <c r="M2271" t="s">
        <v>87</v>
      </c>
      <c r="N2271" t="s">
        <v>88</v>
      </c>
      <c r="O2271" t="s">
        <v>85</v>
      </c>
      <c r="P2271" t="s">
        <v>86</v>
      </c>
      <c r="Q2271">
        <v>2</v>
      </c>
      <c r="R2271">
        <v>2</v>
      </c>
      <c r="S2271">
        <v>2</v>
      </c>
      <c r="T2271">
        <v>2</v>
      </c>
      <c r="U2271">
        <v>2</v>
      </c>
      <c r="V2271">
        <v>2</v>
      </c>
      <c r="W2271">
        <v>2</v>
      </c>
      <c r="X2271">
        <v>2</v>
      </c>
      <c r="Y2271">
        <v>2</v>
      </c>
      <c r="Z2271">
        <v>2</v>
      </c>
      <c r="AA2271">
        <v>2</v>
      </c>
      <c r="AB2271">
        <v>2</v>
      </c>
      <c r="AC2271">
        <v>2</v>
      </c>
      <c r="AD2271">
        <v>3</v>
      </c>
      <c r="AE2271">
        <v>3</v>
      </c>
      <c r="AF2271">
        <v>3</v>
      </c>
      <c r="AG2271">
        <v>3</v>
      </c>
      <c r="AH2271">
        <v>3</v>
      </c>
      <c r="AI2271">
        <v>3</v>
      </c>
      <c r="AJ2271">
        <v>3</v>
      </c>
      <c r="AK2271">
        <v>3</v>
      </c>
      <c r="AL2271">
        <v>3</v>
      </c>
      <c r="AM2271">
        <v>3</v>
      </c>
      <c r="AN2271">
        <v>3</v>
      </c>
      <c r="AO2271">
        <v>3</v>
      </c>
      <c r="AP2271">
        <v>3</v>
      </c>
      <c r="AQ2271">
        <v>3</v>
      </c>
    </row>
    <row r="2272" spans="1:43">
      <c r="A2272" t="s">
        <v>1472</v>
      </c>
      <c r="B2272" t="s">
        <v>1473</v>
      </c>
      <c r="C2272" t="s">
        <v>1300</v>
      </c>
      <c r="D2272" t="s">
        <v>1301</v>
      </c>
      <c r="E2272" t="s">
        <v>1192</v>
      </c>
      <c r="F2272" t="s">
        <v>1193</v>
      </c>
      <c r="G2272" t="s">
        <v>80</v>
      </c>
      <c r="H2272" t="s">
        <v>81</v>
      </c>
      <c r="I2272" s="2">
        <v>1</v>
      </c>
      <c r="J2272" s="2">
        <v>0</v>
      </c>
      <c r="K2272" s="2">
        <v>0</v>
      </c>
      <c r="L2272" t="s">
        <v>120</v>
      </c>
      <c r="M2272" t="s">
        <v>89</v>
      </c>
      <c r="N2272" t="s">
        <v>90</v>
      </c>
      <c r="O2272" t="s">
        <v>85</v>
      </c>
      <c r="P2272" t="s">
        <v>86</v>
      </c>
      <c r="Q2272">
        <v>2</v>
      </c>
      <c r="R2272">
        <v>2</v>
      </c>
      <c r="S2272">
        <v>2</v>
      </c>
      <c r="T2272">
        <v>2</v>
      </c>
      <c r="U2272">
        <v>2</v>
      </c>
      <c r="V2272">
        <v>2</v>
      </c>
      <c r="W2272">
        <v>3</v>
      </c>
      <c r="X2272">
        <v>3</v>
      </c>
      <c r="Y2272">
        <v>3</v>
      </c>
      <c r="Z2272">
        <v>3</v>
      </c>
      <c r="AA2272">
        <v>3</v>
      </c>
      <c r="AB2272">
        <v>3</v>
      </c>
      <c r="AC2272">
        <v>3</v>
      </c>
      <c r="AD2272">
        <v>3</v>
      </c>
      <c r="AE2272">
        <v>3</v>
      </c>
      <c r="AF2272">
        <v>3</v>
      </c>
      <c r="AG2272">
        <v>3</v>
      </c>
      <c r="AH2272">
        <v>3</v>
      </c>
      <c r="AI2272">
        <v>3</v>
      </c>
      <c r="AJ2272">
        <v>3</v>
      </c>
      <c r="AK2272">
        <v>3</v>
      </c>
      <c r="AL2272">
        <v>3</v>
      </c>
      <c r="AM2272">
        <v>3</v>
      </c>
      <c r="AN2272">
        <v>4</v>
      </c>
      <c r="AO2272">
        <v>4</v>
      </c>
      <c r="AP2272">
        <v>4</v>
      </c>
      <c r="AQ2272">
        <v>4</v>
      </c>
    </row>
    <row r="2273" spans="1:43">
      <c r="A2273" t="s">
        <v>1472</v>
      </c>
      <c r="B2273" t="s">
        <v>1473</v>
      </c>
      <c r="C2273" t="s">
        <v>1300</v>
      </c>
      <c r="D2273" t="s">
        <v>1301</v>
      </c>
      <c r="E2273" t="s">
        <v>1192</v>
      </c>
      <c r="F2273" t="s">
        <v>1193</v>
      </c>
      <c r="G2273" t="s">
        <v>80</v>
      </c>
      <c r="H2273" t="s">
        <v>81</v>
      </c>
      <c r="I2273" s="2">
        <v>1</v>
      </c>
      <c r="J2273" s="2">
        <v>0</v>
      </c>
      <c r="K2273" s="2">
        <v>0</v>
      </c>
      <c r="L2273" t="s">
        <v>120</v>
      </c>
      <c r="M2273" t="s">
        <v>83</v>
      </c>
      <c r="N2273" t="s">
        <v>91</v>
      </c>
      <c r="O2273" t="s">
        <v>85</v>
      </c>
      <c r="P2273" t="s">
        <v>86</v>
      </c>
      <c r="Q2273">
        <v>2</v>
      </c>
      <c r="R2273">
        <v>2</v>
      </c>
      <c r="S2273">
        <v>2</v>
      </c>
      <c r="T2273">
        <v>2</v>
      </c>
      <c r="U2273">
        <v>2</v>
      </c>
      <c r="V2273">
        <v>2</v>
      </c>
      <c r="W2273">
        <v>2</v>
      </c>
      <c r="X2273">
        <v>2</v>
      </c>
      <c r="Y2273">
        <v>3</v>
      </c>
      <c r="Z2273">
        <v>3</v>
      </c>
      <c r="AA2273">
        <v>3</v>
      </c>
      <c r="AB2273">
        <v>3</v>
      </c>
      <c r="AC2273">
        <v>3</v>
      </c>
      <c r="AD2273">
        <v>3</v>
      </c>
      <c r="AE2273">
        <v>3</v>
      </c>
      <c r="AF2273">
        <v>3</v>
      </c>
      <c r="AG2273">
        <v>3</v>
      </c>
      <c r="AH2273">
        <v>3</v>
      </c>
      <c r="AI2273">
        <v>3</v>
      </c>
      <c r="AJ2273">
        <v>3</v>
      </c>
      <c r="AK2273">
        <v>3</v>
      </c>
      <c r="AL2273">
        <v>3</v>
      </c>
      <c r="AM2273">
        <v>3</v>
      </c>
      <c r="AN2273">
        <v>3</v>
      </c>
      <c r="AO2273">
        <v>4</v>
      </c>
      <c r="AP2273">
        <v>4</v>
      </c>
      <c r="AQ2273">
        <v>4</v>
      </c>
    </row>
    <row r="2274" spans="1:43">
      <c r="A2274" t="s">
        <v>1474</v>
      </c>
      <c r="B2274" t="s">
        <v>1475</v>
      </c>
      <c r="C2274" t="s">
        <v>1466</v>
      </c>
      <c r="D2274" t="s">
        <v>1467</v>
      </c>
      <c r="E2274" t="s">
        <v>1192</v>
      </c>
      <c r="F2274" t="s">
        <v>1193</v>
      </c>
      <c r="G2274" t="s">
        <v>80</v>
      </c>
      <c r="H2274" t="s">
        <v>81</v>
      </c>
      <c r="I2274" s="2">
        <v>1</v>
      </c>
      <c r="J2274" s="2">
        <v>0</v>
      </c>
      <c r="K2274" s="2">
        <v>0</v>
      </c>
      <c r="L2274" t="s">
        <v>120</v>
      </c>
      <c r="M2274" t="s">
        <v>83</v>
      </c>
      <c r="N2274" t="s">
        <v>84</v>
      </c>
      <c r="O2274" t="s">
        <v>85</v>
      </c>
      <c r="P2274" t="s">
        <v>86</v>
      </c>
      <c r="Q2274">
        <v>41</v>
      </c>
      <c r="R2274">
        <v>42</v>
      </c>
      <c r="S2274">
        <v>43</v>
      </c>
      <c r="T2274">
        <v>45</v>
      </c>
      <c r="U2274">
        <v>46</v>
      </c>
      <c r="V2274">
        <v>47</v>
      </c>
      <c r="W2274">
        <v>48</v>
      </c>
      <c r="X2274">
        <v>49</v>
      </c>
      <c r="Y2274">
        <v>51</v>
      </c>
      <c r="Z2274">
        <v>52</v>
      </c>
      <c r="AA2274">
        <v>53</v>
      </c>
      <c r="AB2274">
        <v>54</v>
      </c>
      <c r="AC2274">
        <v>56</v>
      </c>
      <c r="AD2274">
        <v>57</v>
      </c>
      <c r="AE2274">
        <v>58</v>
      </c>
      <c r="AF2274">
        <v>60</v>
      </c>
      <c r="AG2274">
        <v>61</v>
      </c>
      <c r="AH2274">
        <v>63</v>
      </c>
      <c r="AI2274">
        <v>64</v>
      </c>
      <c r="AJ2274">
        <v>65</v>
      </c>
      <c r="AK2274">
        <v>67</v>
      </c>
      <c r="AL2274">
        <v>68</v>
      </c>
      <c r="AM2274">
        <v>69</v>
      </c>
      <c r="AN2274">
        <v>70</v>
      </c>
      <c r="AO2274">
        <v>71</v>
      </c>
      <c r="AP2274">
        <v>72</v>
      </c>
      <c r="AQ2274">
        <v>73</v>
      </c>
    </row>
    <row r="2275" spans="1:43">
      <c r="A2275" t="s">
        <v>1474</v>
      </c>
      <c r="B2275" t="s">
        <v>1475</v>
      </c>
      <c r="C2275" t="s">
        <v>1466</v>
      </c>
      <c r="D2275" t="s">
        <v>1467</v>
      </c>
      <c r="E2275" t="s">
        <v>1192</v>
      </c>
      <c r="F2275" t="s">
        <v>1193</v>
      </c>
      <c r="G2275" t="s">
        <v>80</v>
      </c>
      <c r="H2275" t="s">
        <v>81</v>
      </c>
      <c r="I2275" s="2">
        <v>1</v>
      </c>
      <c r="J2275" s="2">
        <v>0</v>
      </c>
      <c r="K2275" s="2">
        <v>0</v>
      </c>
      <c r="L2275" t="s">
        <v>120</v>
      </c>
      <c r="M2275" t="s">
        <v>87</v>
      </c>
      <c r="N2275" t="s">
        <v>88</v>
      </c>
      <c r="O2275" t="s">
        <v>85</v>
      </c>
      <c r="P2275" t="s">
        <v>86</v>
      </c>
      <c r="Q2275">
        <v>41</v>
      </c>
      <c r="R2275">
        <v>42</v>
      </c>
      <c r="S2275">
        <v>42</v>
      </c>
      <c r="T2275">
        <v>43</v>
      </c>
      <c r="U2275">
        <v>44</v>
      </c>
      <c r="V2275">
        <v>44</v>
      </c>
      <c r="W2275">
        <v>45</v>
      </c>
      <c r="X2275">
        <v>46</v>
      </c>
      <c r="Y2275">
        <v>47</v>
      </c>
      <c r="Z2275">
        <v>48</v>
      </c>
      <c r="AA2275">
        <v>48</v>
      </c>
      <c r="AB2275">
        <v>49</v>
      </c>
      <c r="AC2275">
        <v>50</v>
      </c>
      <c r="AD2275">
        <v>51</v>
      </c>
      <c r="AE2275">
        <v>52</v>
      </c>
      <c r="AF2275">
        <v>53</v>
      </c>
      <c r="AG2275">
        <v>54</v>
      </c>
      <c r="AH2275">
        <v>54</v>
      </c>
      <c r="AI2275">
        <v>55</v>
      </c>
      <c r="AJ2275">
        <v>56</v>
      </c>
      <c r="AK2275">
        <v>57</v>
      </c>
      <c r="AL2275">
        <v>58</v>
      </c>
      <c r="AM2275">
        <v>59</v>
      </c>
      <c r="AN2275">
        <v>60</v>
      </c>
      <c r="AO2275">
        <v>61</v>
      </c>
      <c r="AP2275">
        <v>62</v>
      </c>
      <c r="AQ2275">
        <v>63</v>
      </c>
    </row>
    <row r="2276" spans="1:43">
      <c r="A2276" t="s">
        <v>1474</v>
      </c>
      <c r="B2276" t="s">
        <v>1475</v>
      </c>
      <c r="C2276" t="s">
        <v>1466</v>
      </c>
      <c r="D2276" t="s">
        <v>1467</v>
      </c>
      <c r="E2276" t="s">
        <v>1192</v>
      </c>
      <c r="F2276" t="s">
        <v>1193</v>
      </c>
      <c r="G2276" t="s">
        <v>80</v>
      </c>
      <c r="H2276" t="s">
        <v>81</v>
      </c>
      <c r="I2276" s="2">
        <v>1</v>
      </c>
      <c r="J2276" s="2">
        <v>0</v>
      </c>
      <c r="K2276" s="2">
        <v>0</v>
      </c>
      <c r="L2276" t="s">
        <v>120</v>
      </c>
      <c r="M2276" t="s">
        <v>89</v>
      </c>
      <c r="N2276" t="s">
        <v>90</v>
      </c>
      <c r="O2276" t="s">
        <v>85</v>
      </c>
      <c r="P2276" t="s">
        <v>86</v>
      </c>
      <c r="Q2276">
        <v>41</v>
      </c>
      <c r="R2276">
        <v>42</v>
      </c>
      <c r="S2276">
        <v>44</v>
      </c>
      <c r="T2276">
        <v>45</v>
      </c>
      <c r="U2276">
        <v>47</v>
      </c>
      <c r="V2276">
        <v>48</v>
      </c>
      <c r="W2276">
        <v>50</v>
      </c>
      <c r="X2276">
        <v>51</v>
      </c>
      <c r="Y2276">
        <v>53</v>
      </c>
      <c r="Z2276">
        <v>54</v>
      </c>
      <c r="AA2276">
        <v>56</v>
      </c>
      <c r="AB2276">
        <v>57</v>
      </c>
      <c r="AC2276">
        <v>59</v>
      </c>
      <c r="AD2276">
        <v>60</v>
      </c>
      <c r="AE2276">
        <v>62</v>
      </c>
      <c r="AF2276">
        <v>62</v>
      </c>
      <c r="AG2276">
        <v>63</v>
      </c>
      <c r="AH2276">
        <v>64</v>
      </c>
      <c r="AI2276">
        <v>65</v>
      </c>
      <c r="AJ2276">
        <v>66</v>
      </c>
      <c r="AK2276">
        <v>67</v>
      </c>
      <c r="AL2276">
        <v>68</v>
      </c>
      <c r="AM2276">
        <v>69</v>
      </c>
      <c r="AN2276">
        <v>70</v>
      </c>
      <c r="AO2276">
        <v>70</v>
      </c>
      <c r="AP2276">
        <v>71</v>
      </c>
      <c r="AQ2276">
        <v>72</v>
      </c>
    </row>
    <row r="2277" spans="1:43">
      <c r="A2277" t="s">
        <v>1474</v>
      </c>
      <c r="B2277" t="s">
        <v>1475</v>
      </c>
      <c r="C2277" t="s">
        <v>1466</v>
      </c>
      <c r="D2277" t="s">
        <v>1467</v>
      </c>
      <c r="E2277" t="s">
        <v>1192</v>
      </c>
      <c r="F2277" t="s">
        <v>1193</v>
      </c>
      <c r="G2277" t="s">
        <v>80</v>
      </c>
      <c r="H2277" t="s">
        <v>81</v>
      </c>
      <c r="I2277" s="2">
        <v>1</v>
      </c>
      <c r="J2277" s="2">
        <v>0</v>
      </c>
      <c r="K2277" s="2">
        <v>0</v>
      </c>
      <c r="L2277" t="s">
        <v>120</v>
      </c>
      <c r="M2277" t="s">
        <v>83</v>
      </c>
      <c r="N2277" t="s">
        <v>91</v>
      </c>
      <c r="O2277" t="s">
        <v>85</v>
      </c>
      <c r="P2277" t="s">
        <v>86</v>
      </c>
      <c r="Q2277">
        <v>41</v>
      </c>
      <c r="R2277">
        <v>42</v>
      </c>
      <c r="S2277">
        <v>43</v>
      </c>
      <c r="T2277">
        <v>45</v>
      </c>
      <c r="U2277">
        <v>46</v>
      </c>
      <c r="V2277">
        <v>47</v>
      </c>
      <c r="W2277">
        <v>48</v>
      </c>
      <c r="X2277">
        <v>49</v>
      </c>
      <c r="Y2277">
        <v>51</v>
      </c>
      <c r="Z2277">
        <v>52</v>
      </c>
      <c r="AA2277">
        <v>53</v>
      </c>
      <c r="AB2277">
        <v>54</v>
      </c>
      <c r="AC2277">
        <v>56</v>
      </c>
      <c r="AD2277">
        <v>57</v>
      </c>
      <c r="AE2277">
        <v>58</v>
      </c>
      <c r="AF2277">
        <v>60</v>
      </c>
      <c r="AG2277">
        <v>61</v>
      </c>
      <c r="AH2277">
        <v>63</v>
      </c>
      <c r="AI2277">
        <v>64</v>
      </c>
      <c r="AJ2277">
        <v>65</v>
      </c>
      <c r="AK2277">
        <v>67</v>
      </c>
      <c r="AL2277">
        <v>68</v>
      </c>
      <c r="AM2277">
        <v>69</v>
      </c>
      <c r="AN2277">
        <v>70</v>
      </c>
      <c r="AO2277">
        <v>71</v>
      </c>
      <c r="AP2277">
        <v>72</v>
      </c>
      <c r="AQ2277">
        <v>73</v>
      </c>
    </row>
    <row r="2278" spans="1:43">
      <c r="A2278" t="s">
        <v>1476</v>
      </c>
      <c r="B2278" t="s">
        <v>1477</v>
      </c>
      <c r="C2278" t="s">
        <v>1466</v>
      </c>
      <c r="D2278" t="s">
        <v>1467</v>
      </c>
      <c r="E2278" t="s">
        <v>1192</v>
      </c>
      <c r="F2278" t="s">
        <v>1193</v>
      </c>
      <c r="G2278" t="s">
        <v>80</v>
      </c>
      <c r="H2278" t="s">
        <v>81</v>
      </c>
      <c r="I2278" s="2">
        <v>1</v>
      </c>
      <c r="J2278" s="2">
        <v>0</v>
      </c>
      <c r="K2278" s="2">
        <v>0</v>
      </c>
      <c r="L2278" t="s">
        <v>120</v>
      </c>
      <c r="M2278" t="s">
        <v>83</v>
      </c>
      <c r="N2278" t="s">
        <v>84</v>
      </c>
      <c r="O2278" t="s">
        <v>85</v>
      </c>
      <c r="P2278" t="s">
        <v>86</v>
      </c>
      <c r="Q2278">
        <v>17</v>
      </c>
      <c r="R2278">
        <v>18</v>
      </c>
      <c r="S2278">
        <v>18</v>
      </c>
      <c r="T2278">
        <v>19</v>
      </c>
      <c r="U2278">
        <v>19</v>
      </c>
      <c r="V2278">
        <v>20</v>
      </c>
      <c r="W2278">
        <v>20</v>
      </c>
      <c r="X2278">
        <v>21</v>
      </c>
      <c r="Y2278">
        <v>22</v>
      </c>
      <c r="Z2278">
        <v>22</v>
      </c>
      <c r="AA2278">
        <v>23</v>
      </c>
      <c r="AB2278">
        <v>23</v>
      </c>
      <c r="AC2278">
        <v>24</v>
      </c>
      <c r="AD2278">
        <v>24</v>
      </c>
      <c r="AE2278">
        <v>25</v>
      </c>
      <c r="AF2278">
        <v>25</v>
      </c>
      <c r="AG2278">
        <v>26</v>
      </c>
      <c r="AH2278">
        <v>27</v>
      </c>
      <c r="AI2278">
        <v>27</v>
      </c>
      <c r="AJ2278">
        <v>28</v>
      </c>
      <c r="AK2278">
        <v>28</v>
      </c>
      <c r="AL2278">
        <v>29</v>
      </c>
      <c r="AM2278">
        <v>29</v>
      </c>
      <c r="AN2278">
        <v>30</v>
      </c>
      <c r="AO2278">
        <v>30</v>
      </c>
      <c r="AP2278">
        <v>30</v>
      </c>
      <c r="AQ2278">
        <v>31</v>
      </c>
    </row>
    <row r="2279" spans="1:43">
      <c r="A2279" t="s">
        <v>1476</v>
      </c>
      <c r="B2279" t="s">
        <v>1477</v>
      </c>
      <c r="C2279" t="s">
        <v>1466</v>
      </c>
      <c r="D2279" t="s">
        <v>1467</v>
      </c>
      <c r="E2279" t="s">
        <v>1192</v>
      </c>
      <c r="F2279" t="s">
        <v>1193</v>
      </c>
      <c r="G2279" t="s">
        <v>80</v>
      </c>
      <c r="H2279" t="s">
        <v>81</v>
      </c>
      <c r="I2279" s="2">
        <v>1</v>
      </c>
      <c r="J2279" s="2">
        <v>0</v>
      </c>
      <c r="K2279" s="2">
        <v>0</v>
      </c>
      <c r="L2279" t="s">
        <v>120</v>
      </c>
      <c r="M2279" t="s">
        <v>87</v>
      </c>
      <c r="N2279" t="s">
        <v>88</v>
      </c>
      <c r="O2279" t="s">
        <v>85</v>
      </c>
      <c r="P2279" t="s">
        <v>86</v>
      </c>
      <c r="Q2279">
        <v>17</v>
      </c>
      <c r="R2279">
        <v>18</v>
      </c>
      <c r="S2279">
        <v>18</v>
      </c>
      <c r="T2279">
        <v>18</v>
      </c>
      <c r="U2279">
        <v>19</v>
      </c>
      <c r="V2279">
        <v>19</v>
      </c>
      <c r="W2279">
        <v>19</v>
      </c>
      <c r="X2279">
        <v>20</v>
      </c>
      <c r="Y2279">
        <v>20</v>
      </c>
      <c r="Z2279">
        <v>20</v>
      </c>
      <c r="AA2279">
        <v>21</v>
      </c>
      <c r="AB2279">
        <v>21</v>
      </c>
      <c r="AC2279">
        <v>21</v>
      </c>
      <c r="AD2279">
        <v>22</v>
      </c>
      <c r="AE2279">
        <v>22</v>
      </c>
      <c r="AF2279">
        <v>22</v>
      </c>
      <c r="AG2279">
        <v>23</v>
      </c>
      <c r="AH2279">
        <v>23</v>
      </c>
      <c r="AI2279">
        <v>24</v>
      </c>
      <c r="AJ2279">
        <v>24</v>
      </c>
      <c r="AK2279">
        <v>24</v>
      </c>
      <c r="AL2279">
        <v>25</v>
      </c>
      <c r="AM2279">
        <v>25</v>
      </c>
      <c r="AN2279">
        <v>25</v>
      </c>
      <c r="AO2279">
        <v>26</v>
      </c>
      <c r="AP2279">
        <v>26</v>
      </c>
      <c r="AQ2279">
        <v>27</v>
      </c>
    </row>
    <row r="2280" spans="1:43">
      <c r="A2280" t="s">
        <v>1476</v>
      </c>
      <c r="B2280" t="s">
        <v>1477</v>
      </c>
      <c r="C2280" t="s">
        <v>1466</v>
      </c>
      <c r="D2280" t="s">
        <v>1467</v>
      </c>
      <c r="E2280" t="s">
        <v>1192</v>
      </c>
      <c r="F2280" t="s">
        <v>1193</v>
      </c>
      <c r="G2280" t="s">
        <v>80</v>
      </c>
      <c r="H2280" t="s">
        <v>81</v>
      </c>
      <c r="I2280" s="2">
        <v>1</v>
      </c>
      <c r="J2280" s="2">
        <v>0</v>
      </c>
      <c r="K2280" s="2">
        <v>0</v>
      </c>
      <c r="L2280" t="s">
        <v>120</v>
      </c>
      <c r="M2280" t="s">
        <v>89</v>
      </c>
      <c r="N2280" t="s">
        <v>90</v>
      </c>
      <c r="O2280" t="s">
        <v>85</v>
      </c>
      <c r="P2280" t="s">
        <v>86</v>
      </c>
      <c r="Q2280">
        <v>17</v>
      </c>
      <c r="R2280">
        <v>17</v>
      </c>
      <c r="S2280">
        <v>18</v>
      </c>
      <c r="T2280">
        <v>19</v>
      </c>
      <c r="U2280">
        <v>19</v>
      </c>
      <c r="V2280">
        <v>20</v>
      </c>
      <c r="W2280">
        <v>20</v>
      </c>
      <c r="X2280">
        <v>21</v>
      </c>
      <c r="Y2280">
        <v>22</v>
      </c>
      <c r="Z2280">
        <v>22</v>
      </c>
      <c r="AA2280">
        <v>23</v>
      </c>
      <c r="AB2280">
        <v>24</v>
      </c>
      <c r="AC2280">
        <v>24</v>
      </c>
      <c r="AD2280">
        <v>25</v>
      </c>
      <c r="AE2280">
        <v>26</v>
      </c>
      <c r="AF2280">
        <v>26</v>
      </c>
      <c r="AG2280">
        <v>26</v>
      </c>
      <c r="AH2280">
        <v>27</v>
      </c>
      <c r="AI2280">
        <v>27</v>
      </c>
      <c r="AJ2280">
        <v>27</v>
      </c>
      <c r="AK2280">
        <v>28</v>
      </c>
      <c r="AL2280">
        <v>28</v>
      </c>
      <c r="AM2280">
        <v>29</v>
      </c>
      <c r="AN2280">
        <v>29</v>
      </c>
      <c r="AO2280">
        <v>29</v>
      </c>
      <c r="AP2280">
        <v>30</v>
      </c>
      <c r="AQ2280">
        <v>30</v>
      </c>
    </row>
    <row r="2281" spans="1:43">
      <c r="A2281" t="s">
        <v>1476</v>
      </c>
      <c r="B2281" t="s">
        <v>1477</v>
      </c>
      <c r="C2281" t="s">
        <v>1466</v>
      </c>
      <c r="D2281" t="s">
        <v>1467</v>
      </c>
      <c r="E2281" t="s">
        <v>1192</v>
      </c>
      <c r="F2281" t="s">
        <v>1193</v>
      </c>
      <c r="G2281" t="s">
        <v>80</v>
      </c>
      <c r="H2281" t="s">
        <v>81</v>
      </c>
      <c r="I2281" s="2">
        <v>1</v>
      </c>
      <c r="J2281" s="2">
        <v>0</v>
      </c>
      <c r="K2281" s="2">
        <v>0</v>
      </c>
      <c r="L2281" t="s">
        <v>120</v>
      </c>
      <c r="M2281" t="s">
        <v>83</v>
      </c>
      <c r="N2281" t="s">
        <v>91</v>
      </c>
      <c r="O2281" t="s">
        <v>85</v>
      </c>
      <c r="P2281" t="s">
        <v>86</v>
      </c>
      <c r="Q2281">
        <v>17</v>
      </c>
      <c r="R2281">
        <v>18</v>
      </c>
      <c r="S2281">
        <v>18</v>
      </c>
      <c r="T2281">
        <v>19</v>
      </c>
      <c r="U2281">
        <v>19</v>
      </c>
      <c r="V2281">
        <v>20</v>
      </c>
      <c r="W2281">
        <v>20</v>
      </c>
      <c r="X2281">
        <v>21</v>
      </c>
      <c r="Y2281">
        <v>22</v>
      </c>
      <c r="Z2281">
        <v>22</v>
      </c>
      <c r="AA2281">
        <v>23</v>
      </c>
      <c r="AB2281">
        <v>23</v>
      </c>
      <c r="AC2281">
        <v>24</v>
      </c>
      <c r="AD2281">
        <v>24</v>
      </c>
      <c r="AE2281">
        <v>25</v>
      </c>
      <c r="AF2281">
        <v>25</v>
      </c>
      <c r="AG2281">
        <v>26</v>
      </c>
      <c r="AH2281">
        <v>27</v>
      </c>
      <c r="AI2281">
        <v>27</v>
      </c>
      <c r="AJ2281">
        <v>28</v>
      </c>
      <c r="AK2281">
        <v>28</v>
      </c>
      <c r="AL2281">
        <v>29</v>
      </c>
      <c r="AM2281">
        <v>29</v>
      </c>
      <c r="AN2281">
        <v>30</v>
      </c>
      <c r="AO2281">
        <v>30</v>
      </c>
      <c r="AP2281">
        <v>30</v>
      </c>
      <c r="AQ2281">
        <v>31</v>
      </c>
    </row>
    <row r="2282" spans="1:43">
      <c r="A2282" t="s">
        <v>1478</v>
      </c>
      <c r="B2282" t="s">
        <v>1479</v>
      </c>
      <c r="C2282" t="s">
        <v>1466</v>
      </c>
      <c r="D2282" t="s">
        <v>1467</v>
      </c>
      <c r="E2282" t="s">
        <v>1192</v>
      </c>
      <c r="F2282" t="s">
        <v>1193</v>
      </c>
      <c r="G2282" t="s">
        <v>80</v>
      </c>
      <c r="H2282" t="s">
        <v>81</v>
      </c>
      <c r="I2282" s="2">
        <v>1</v>
      </c>
      <c r="J2282" s="2">
        <v>0</v>
      </c>
      <c r="K2282" s="2">
        <v>0</v>
      </c>
      <c r="L2282" t="s">
        <v>120</v>
      </c>
      <c r="M2282" t="s">
        <v>83</v>
      </c>
      <c r="N2282" t="s">
        <v>84</v>
      </c>
      <c r="O2282" t="s">
        <v>85</v>
      </c>
      <c r="P2282" t="s">
        <v>86</v>
      </c>
      <c r="Q2282">
        <v>31</v>
      </c>
      <c r="R2282">
        <v>32</v>
      </c>
      <c r="S2282">
        <v>32</v>
      </c>
      <c r="T2282">
        <v>33</v>
      </c>
      <c r="U2282">
        <v>34</v>
      </c>
      <c r="V2282">
        <v>35</v>
      </c>
      <c r="W2282">
        <v>36</v>
      </c>
      <c r="X2282">
        <v>37</v>
      </c>
      <c r="Y2282">
        <v>38</v>
      </c>
      <c r="Z2282">
        <v>39</v>
      </c>
      <c r="AA2282">
        <v>40</v>
      </c>
      <c r="AB2282">
        <v>41</v>
      </c>
      <c r="AC2282">
        <v>42</v>
      </c>
      <c r="AD2282">
        <v>43</v>
      </c>
      <c r="AE2282">
        <v>44</v>
      </c>
      <c r="AF2282">
        <v>45</v>
      </c>
      <c r="AG2282">
        <v>46</v>
      </c>
      <c r="AH2282">
        <v>47</v>
      </c>
      <c r="AI2282">
        <v>48</v>
      </c>
      <c r="AJ2282">
        <v>49</v>
      </c>
      <c r="AK2282">
        <v>50</v>
      </c>
      <c r="AL2282">
        <v>51</v>
      </c>
      <c r="AM2282">
        <v>52</v>
      </c>
      <c r="AN2282">
        <v>52</v>
      </c>
      <c r="AO2282">
        <v>53</v>
      </c>
      <c r="AP2282">
        <v>54</v>
      </c>
      <c r="AQ2282">
        <v>54</v>
      </c>
    </row>
    <row r="2283" spans="1:43">
      <c r="A2283" t="s">
        <v>1478</v>
      </c>
      <c r="B2283" t="s">
        <v>1479</v>
      </c>
      <c r="C2283" t="s">
        <v>1466</v>
      </c>
      <c r="D2283" t="s">
        <v>1467</v>
      </c>
      <c r="E2283" t="s">
        <v>1192</v>
      </c>
      <c r="F2283" t="s">
        <v>1193</v>
      </c>
      <c r="G2283" t="s">
        <v>80</v>
      </c>
      <c r="H2283" t="s">
        <v>81</v>
      </c>
      <c r="I2283" s="2">
        <v>1</v>
      </c>
      <c r="J2283" s="2">
        <v>0</v>
      </c>
      <c r="K2283" s="2">
        <v>0</v>
      </c>
      <c r="L2283" t="s">
        <v>120</v>
      </c>
      <c r="M2283" t="s">
        <v>87</v>
      </c>
      <c r="N2283" t="s">
        <v>88</v>
      </c>
      <c r="O2283" t="s">
        <v>85</v>
      </c>
      <c r="P2283" t="s">
        <v>86</v>
      </c>
      <c r="Q2283">
        <v>31</v>
      </c>
      <c r="R2283">
        <v>31</v>
      </c>
      <c r="S2283">
        <v>32</v>
      </c>
      <c r="T2283">
        <v>32</v>
      </c>
      <c r="U2283">
        <v>33</v>
      </c>
      <c r="V2283">
        <v>33</v>
      </c>
      <c r="W2283">
        <v>34</v>
      </c>
      <c r="X2283">
        <v>34</v>
      </c>
      <c r="Y2283">
        <v>35</v>
      </c>
      <c r="Z2283">
        <v>36</v>
      </c>
      <c r="AA2283">
        <v>36</v>
      </c>
      <c r="AB2283">
        <v>37</v>
      </c>
      <c r="AC2283">
        <v>38</v>
      </c>
      <c r="AD2283">
        <v>38</v>
      </c>
      <c r="AE2283">
        <v>39</v>
      </c>
      <c r="AF2283">
        <v>39</v>
      </c>
      <c r="AG2283">
        <v>40</v>
      </c>
      <c r="AH2283">
        <v>41</v>
      </c>
      <c r="AI2283">
        <v>41</v>
      </c>
      <c r="AJ2283">
        <v>42</v>
      </c>
      <c r="AK2283">
        <v>43</v>
      </c>
      <c r="AL2283">
        <v>44</v>
      </c>
      <c r="AM2283">
        <v>44</v>
      </c>
      <c r="AN2283">
        <v>45</v>
      </c>
      <c r="AO2283">
        <v>46</v>
      </c>
      <c r="AP2283">
        <v>46</v>
      </c>
      <c r="AQ2283">
        <v>47</v>
      </c>
    </row>
    <row r="2284" spans="1:43">
      <c r="A2284" t="s">
        <v>1478</v>
      </c>
      <c r="B2284" t="s">
        <v>1479</v>
      </c>
      <c r="C2284" t="s">
        <v>1466</v>
      </c>
      <c r="D2284" t="s">
        <v>1467</v>
      </c>
      <c r="E2284" t="s">
        <v>1192</v>
      </c>
      <c r="F2284" t="s">
        <v>1193</v>
      </c>
      <c r="G2284" t="s">
        <v>80</v>
      </c>
      <c r="H2284" t="s">
        <v>81</v>
      </c>
      <c r="I2284" s="2">
        <v>1</v>
      </c>
      <c r="J2284" s="2">
        <v>0</v>
      </c>
      <c r="K2284" s="2">
        <v>0</v>
      </c>
      <c r="L2284" t="s">
        <v>120</v>
      </c>
      <c r="M2284" t="s">
        <v>89</v>
      </c>
      <c r="N2284" t="s">
        <v>90</v>
      </c>
      <c r="O2284" t="s">
        <v>85</v>
      </c>
      <c r="P2284" t="s">
        <v>86</v>
      </c>
      <c r="Q2284">
        <v>31</v>
      </c>
      <c r="R2284">
        <v>32</v>
      </c>
      <c r="S2284">
        <v>33</v>
      </c>
      <c r="T2284">
        <v>34</v>
      </c>
      <c r="U2284">
        <v>36</v>
      </c>
      <c r="V2284">
        <v>37</v>
      </c>
      <c r="W2284">
        <v>38</v>
      </c>
      <c r="X2284">
        <v>39</v>
      </c>
      <c r="Y2284">
        <v>40</v>
      </c>
      <c r="Z2284">
        <v>41</v>
      </c>
      <c r="AA2284">
        <v>42</v>
      </c>
      <c r="AB2284">
        <v>44</v>
      </c>
      <c r="AC2284">
        <v>45</v>
      </c>
      <c r="AD2284">
        <v>46</v>
      </c>
      <c r="AE2284">
        <v>47</v>
      </c>
      <c r="AF2284">
        <v>48</v>
      </c>
      <c r="AG2284">
        <v>48</v>
      </c>
      <c r="AH2284">
        <v>49</v>
      </c>
      <c r="AI2284">
        <v>50</v>
      </c>
      <c r="AJ2284">
        <v>50</v>
      </c>
      <c r="AK2284">
        <v>51</v>
      </c>
      <c r="AL2284">
        <v>52</v>
      </c>
      <c r="AM2284">
        <v>52</v>
      </c>
      <c r="AN2284">
        <v>53</v>
      </c>
      <c r="AO2284">
        <v>54</v>
      </c>
      <c r="AP2284">
        <v>54</v>
      </c>
      <c r="AQ2284">
        <v>55</v>
      </c>
    </row>
    <row r="2285" spans="1:43">
      <c r="A2285" t="s">
        <v>1478</v>
      </c>
      <c r="B2285" t="s">
        <v>1479</v>
      </c>
      <c r="C2285" t="s">
        <v>1466</v>
      </c>
      <c r="D2285" t="s">
        <v>1467</v>
      </c>
      <c r="E2285" t="s">
        <v>1192</v>
      </c>
      <c r="F2285" t="s">
        <v>1193</v>
      </c>
      <c r="G2285" t="s">
        <v>80</v>
      </c>
      <c r="H2285" t="s">
        <v>81</v>
      </c>
      <c r="I2285" s="2">
        <v>1</v>
      </c>
      <c r="J2285" s="2">
        <v>0</v>
      </c>
      <c r="K2285" s="2">
        <v>0</v>
      </c>
      <c r="L2285" t="s">
        <v>120</v>
      </c>
      <c r="M2285" t="s">
        <v>83</v>
      </c>
      <c r="N2285" t="s">
        <v>91</v>
      </c>
      <c r="O2285" t="s">
        <v>85</v>
      </c>
      <c r="P2285" t="s">
        <v>86</v>
      </c>
      <c r="Q2285">
        <v>31</v>
      </c>
      <c r="R2285">
        <v>32</v>
      </c>
      <c r="S2285">
        <v>32</v>
      </c>
      <c r="T2285">
        <v>33</v>
      </c>
      <c r="U2285">
        <v>34</v>
      </c>
      <c r="V2285">
        <v>35</v>
      </c>
      <c r="W2285">
        <v>36</v>
      </c>
      <c r="X2285">
        <v>37</v>
      </c>
      <c r="Y2285">
        <v>38</v>
      </c>
      <c r="Z2285">
        <v>39</v>
      </c>
      <c r="AA2285">
        <v>40</v>
      </c>
      <c r="AB2285">
        <v>41</v>
      </c>
      <c r="AC2285">
        <v>42</v>
      </c>
      <c r="AD2285">
        <v>43</v>
      </c>
      <c r="AE2285">
        <v>44</v>
      </c>
      <c r="AF2285">
        <v>45</v>
      </c>
      <c r="AG2285">
        <v>46</v>
      </c>
      <c r="AH2285">
        <v>47</v>
      </c>
      <c r="AI2285">
        <v>48</v>
      </c>
      <c r="AJ2285">
        <v>49</v>
      </c>
      <c r="AK2285">
        <v>50</v>
      </c>
      <c r="AL2285">
        <v>51</v>
      </c>
      <c r="AM2285">
        <v>52</v>
      </c>
      <c r="AN2285">
        <v>52</v>
      </c>
      <c r="AO2285">
        <v>53</v>
      </c>
      <c r="AP2285">
        <v>54</v>
      </c>
      <c r="AQ2285">
        <v>54</v>
      </c>
    </row>
    <row r="2286" spans="1:43">
      <c r="A2286" t="s">
        <v>1480</v>
      </c>
      <c r="B2286" t="s">
        <v>1481</v>
      </c>
      <c r="C2286" t="s">
        <v>1482</v>
      </c>
      <c r="D2286" t="s">
        <v>1483</v>
      </c>
      <c r="E2286" t="s">
        <v>1192</v>
      </c>
      <c r="F2286" t="s">
        <v>1193</v>
      </c>
      <c r="G2286" t="s">
        <v>80</v>
      </c>
      <c r="H2286" t="s">
        <v>81</v>
      </c>
      <c r="I2286" s="2">
        <v>0</v>
      </c>
      <c r="J2286" s="2">
        <v>1</v>
      </c>
      <c r="K2286" s="2">
        <v>0</v>
      </c>
      <c r="L2286" t="s">
        <v>82</v>
      </c>
      <c r="M2286" t="s">
        <v>83</v>
      </c>
      <c r="N2286" t="s">
        <v>84</v>
      </c>
      <c r="O2286" t="s">
        <v>85</v>
      </c>
      <c r="P2286" t="s">
        <v>86</v>
      </c>
      <c r="Q2286">
        <v>21</v>
      </c>
      <c r="R2286">
        <v>22</v>
      </c>
      <c r="S2286">
        <v>23</v>
      </c>
      <c r="T2286">
        <v>23</v>
      </c>
      <c r="U2286">
        <v>24</v>
      </c>
      <c r="V2286">
        <v>24</v>
      </c>
      <c r="W2286">
        <v>25</v>
      </c>
      <c r="X2286">
        <v>26</v>
      </c>
      <c r="Y2286">
        <v>26</v>
      </c>
      <c r="Z2286">
        <v>27</v>
      </c>
      <c r="AA2286">
        <v>28</v>
      </c>
      <c r="AB2286">
        <v>28</v>
      </c>
      <c r="AC2286">
        <v>29</v>
      </c>
      <c r="AD2286">
        <v>30</v>
      </c>
      <c r="AE2286">
        <v>30</v>
      </c>
      <c r="AF2286">
        <v>31</v>
      </c>
      <c r="AG2286">
        <v>32</v>
      </c>
      <c r="AH2286">
        <v>32</v>
      </c>
      <c r="AI2286">
        <v>33</v>
      </c>
      <c r="AJ2286">
        <v>34</v>
      </c>
      <c r="AK2286">
        <v>35</v>
      </c>
      <c r="AL2286">
        <v>35</v>
      </c>
      <c r="AM2286">
        <v>36</v>
      </c>
      <c r="AN2286">
        <v>36</v>
      </c>
      <c r="AO2286">
        <v>37</v>
      </c>
      <c r="AP2286">
        <v>37</v>
      </c>
      <c r="AQ2286">
        <v>38</v>
      </c>
    </row>
    <row r="2287" spans="1:43">
      <c r="A2287" t="s">
        <v>1480</v>
      </c>
      <c r="B2287" t="s">
        <v>1481</v>
      </c>
      <c r="C2287" t="s">
        <v>1482</v>
      </c>
      <c r="D2287" t="s">
        <v>1483</v>
      </c>
      <c r="E2287" t="s">
        <v>1192</v>
      </c>
      <c r="F2287" t="s">
        <v>1193</v>
      </c>
      <c r="G2287" t="s">
        <v>80</v>
      </c>
      <c r="H2287" t="s">
        <v>81</v>
      </c>
      <c r="I2287" s="2">
        <v>0</v>
      </c>
      <c r="J2287" s="2">
        <v>1</v>
      </c>
      <c r="K2287" s="2">
        <v>0</v>
      </c>
      <c r="L2287" t="s">
        <v>82</v>
      </c>
      <c r="M2287" t="s">
        <v>87</v>
      </c>
      <c r="N2287" t="s">
        <v>88</v>
      </c>
      <c r="O2287" t="s">
        <v>85</v>
      </c>
      <c r="P2287" t="s">
        <v>86</v>
      </c>
      <c r="Q2287">
        <v>21</v>
      </c>
      <c r="R2287">
        <v>22</v>
      </c>
      <c r="S2287">
        <v>22</v>
      </c>
      <c r="T2287">
        <v>22</v>
      </c>
      <c r="U2287">
        <v>23</v>
      </c>
      <c r="V2287">
        <v>23</v>
      </c>
      <c r="W2287">
        <v>24</v>
      </c>
      <c r="X2287">
        <v>24</v>
      </c>
      <c r="Y2287">
        <v>24</v>
      </c>
      <c r="Z2287">
        <v>25</v>
      </c>
      <c r="AA2287">
        <v>25</v>
      </c>
      <c r="AB2287">
        <v>26</v>
      </c>
      <c r="AC2287">
        <v>26</v>
      </c>
      <c r="AD2287">
        <v>26</v>
      </c>
      <c r="AE2287">
        <v>27</v>
      </c>
      <c r="AF2287">
        <v>27</v>
      </c>
      <c r="AG2287">
        <v>28</v>
      </c>
      <c r="AH2287">
        <v>28</v>
      </c>
      <c r="AI2287">
        <v>29</v>
      </c>
      <c r="AJ2287">
        <v>29</v>
      </c>
      <c r="AK2287">
        <v>30</v>
      </c>
      <c r="AL2287">
        <v>30</v>
      </c>
      <c r="AM2287">
        <v>31</v>
      </c>
      <c r="AN2287">
        <v>31</v>
      </c>
      <c r="AO2287">
        <v>32</v>
      </c>
      <c r="AP2287">
        <v>32</v>
      </c>
      <c r="AQ2287">
        <v>33</v>
      </c>
    </row>
    <row r="2288" spans="1:43">
      <c r="A2288" t="s">
        <v>1480</v>
      </c>
      <c r="B2288" t="s">
        <v>1481</v>
      </c>
      <c r="C2288" t="s">
        <v>1482</v>
      </c>
      <c r="D2288" t="s">
        <v>1483</v>
      </c>
      <c r="E2288" t="s">
        <v>1192</v>
      </c>
      <c r="F2288" t="s">
        <v>1193</v>
      </c>
      <c r="G2288" t="s">
        <v>80</v>
      </c>
      <c r="H2288" t="s">
        <v>81</v>
      </c>
      <c r="I2288" s="2">
        <v>0</v>
      </c>
      <c r="J2288" s="2">
        <v>1</v>
      </c>
      <c r="K2288" s="2">
        <v>0</v>
      </c>
      <c r="L2288" t="s">
        <v>82</v>
      </c>
      <c r="M2288" t="s">
        <v>89</v>
      </c>
      <c r="N2288" t="s">
        <v>90</v>
      </c>
      <c r="O2288" t="s">
        <v>85</v>
      </c>
      <c r="P2288" t="s">
        <v>86</v>
      </c>
      <c r="Q2288">
        <v>21</v>
      </c>
      <c r="R2288">
        <v>21</v>
      </c>
      <c r="S2288">
        <v>22</v>
      </c>
      <c r="T2288">
        <v>23</v>
      </c>
      <c r="U2288">
        <v>24</v>
      </c>
      <c r="V2288">
        <v>25</v>
      </c>
      <c r="W2288">
        <v>25</v>
      </c>
      <c r="X2288">
        <v>26</v>
      </c>
      <c r="Y2288">
        <v>27</v>
      </c>
      <c r="Z2288">
        <v>28</v>
      </c>
      <c r="AA2288">
        <v>28</v>
      </c>
      <c r="AB2288">
        <v>29</v>
      </c>
      <c r="AC2288">
        <v>30</v>
      </c>
      <c r="AD2288">
        <v>31</v>
      </c>
      <c r="AE2288">
        <v>31</v>
      </c>
      <c r="AF2288">
        <v>32</v>
      </c>
      <c r="AG2288">
        <v>32</v>
      </c>
      <c r="AH2288">
        <v>33</v>
      </c>
      <c r="AI2288">
        <v>33</v>
      </c>
      <c r="AJ2288">
        <v>34</v>
      </c>
      <c r="AK2288">
        <v>34</v>
      </c>
      <c r="AL2288">
        <v>35</v>
      </c>
      <c r="AM2288">
        <v>35</v>
      </c>
      <c r="AN2288">
        <v>35</v>
      </c>
      <c r="AO2288">
        <v>36</v>
      </c>
      <c r="AP2288">
        <v>36</v>
      </c>
      <c r="AQ2288">
        <v>37</v>
      </c>
    </row>
    <row r="2289" spans="1:43">
      <c r="A2289" t="s">
        <v>1480</v>
      </c>
      <c r="B2289" t="s">
        <v>1481</v>
      </c>
      <c r="C2289" t="s">
        <v>1482</v>
      </c>
      <c r="D2289" t="s">
        <v>1483</v>
      </c>
      <c r="E2289" t="s">
        <v>1192</v>
      </c>
      <c r="F2289" t="s">
        <v>1193</v>
      </c>
      <c r="G2289" t="s">
        <v>80</v>
      </c>
      <c r="H2289" t="s">
        <v>81</v>
      </c>
      <c r="I2289" s="2">
        <v>0</v>
      </c>
      <c r="J2289" s="2">
        <v>1</v>
      </c>
      <c r="K2289" s="2">
        <v>0</v>
      </c>
      <c r="L2289" t="s">
        <v>82</v>
      </c>
      <c r="M2289" t="s">
        <v>83</v>
      </c>
      <c r="N2289" t="s">
        <v>91</v>
      </c>
      <c r="O2289" t="s">
        <v>85</v>
      </c>
      <c r="P2289" t="s">
        <v>86</v>
      </c>
      <c r="Q2289">
        <v>21</v>
      </c>
      <c r="R2289">
        <v>22</v>
      </c>
      <c r="S2289">
        <v>23</v>
      </c>
      <c r="T2289">
        <v>23</v>
      </c>
      <c r="U2289">
        <v>24</v>
      </c>
      <c r="V2289">
        <v>24</v>
      </c>
      <c r="W2289">
        <v>25</v>
      </c>
      <c r="X2289">
        <v>26</v>
      </c>
      <c r="Y2289">
        <v>26</v>
      </c>
      <c r="Z2289">
        <v>27</v>
      </c>
      <c r="AA2289">
        <v>28</v>
      </c>
      <c r="AB2289">
        <v>28</v>
      </c>
      <c r="AC2289">
        <v>29</v>
      </c>
      <c r="AD2289">
        <v>30</v>
      </c>
      <c r="AE2289">
        <v>30</v>
      </c>
      <c r="AF2289">
        <v>31</v>
      </c>
      <c r="AG2289">
        <v>32</v>
      </c>
      <c r="AH2289">
        <v>32</v>
      </c>
      <c r="AI2289">
        <v>33</v>
      </c>
      <c r="AJ2289">
        <v>34</v>
      </c>
      <c r="AK2289">
        <v>35</v>
      </c>
      <c r="AL2289">
        <v>35</v>
      </c>
      <c r="AM2289">
        <v>36</v>
      </c>
      <c r="AN2289">
        <v>36</v>
      </c>
      <c r="AO2289">
        <v>37</v>
      </c>
      <c r="AP2289">
        <v>37</v>
      </c>
      <c r="AQ2289">
        <v>38</v>
      </c>
    </row>
    <row r="2290" spans="1:43">
      <c r="A2290" t="s">
        <v>1484</v>
      </c>
      <c r="B2290" t="s">
        <v>1485</v>
      </c>
      <c r="C2290" t="s">
        <v>1486</v>
      </c>
      <c r="D2290" t="s">
        <v>1487</v>
      </c>
      <c r="E2290" t="s">
        <v>1192</v>
      </c>
      <c r="F2290" t="s">
        <v>1193</v>
      </c>
      <c r="G2290" t="s">
        <v>80</v>
      </c>
      <c r="H2290" t="s">
        <v>81</v>
      </c>
      <c r="I2290" s="2">
        <v>0</v>
      </c>
      <c r="J2290" s="2">
        <v>1</v>
      </c>
      <c r="K2290" s="2">
        <v>0</v>
      </c>
      <c r="L2290" t="s">
        <v>82</v>
      </c>
      <c r="M2290" t="s">
        <v>83</v>
      </c>
      <c r="N2290" t="s">
        <v>84</v>
      </c>
      <c r="O2290" t="s">
        <v>85</v>
      </c>
      <c r="P2290" t="s">
        <v>86</v>
      </c>
      <c r="Q2290">
        <v>32</v>
      </c>
      <c r="R2290">
        <v>33</v>
      </c>
      <c r="S2290">
        <v>33</v>
      </c>
      <c r="T2290">
        <v>34</v>
      </c>
      <c r="U2290">
        <v>35</v>
      </c>
      <c r="V2290">
        <v>36</v>
      </c>
      <c r="W2290">
        <v>37</v>
      </c>
      <c r="X2290">
        <v>38</v>
      </c>
      <c r="Y2290">
        <v>39</v>
      </c>
      <c r="Z2290">
        <v>40</v>
      </c>
      <c r="AA2290">
        <v>41</v>
      </c>
      <c r="AB2290">
        <v>42</v>
      </c>
      <c r="AC2290">
        <v>43</v>
      </c>
      <c r="AD2290">
        <v>44</v>
      </c>
      <c r="AE2290">
        <v>45</v>
      </c>
      <c r="AF2290">
        <v>46</v>
      </c>
      <c r="AG2290">
        <v>47</v>
      </c>
      <c r="AH2290">
        <v>48</v>
      </c>
      <c r="AI2290">
        <v>49</v>
      </c>
      <c r="AJ2290">
        <v>50</v>
      </c>
      <c r="AK2290">
        <v>51</v>
      </c>
      <c r="AL2290">
        <v>52</v>
      </c>
      <c r="AM2290">
        <v>53</v>
      </c>
      <c r="AN2290">
        <v>54</v>
      </c>
      <c r="AO2290">
        <v>54</v>
      </c>
      <c r="AP2290">
        <v>55</v>
      </c>
      <c r="AQ2290">
        <v>56</v>
      </c>
    </row>
    <row r="2291" spans="1:43">
      <c r="A2291" t="s">
        <v>1484</v>
      </c>
      <c r="B2291" t="s">
        <v>1485</v>
      </c>
      <c r="C2291" t="s">
        <v>1486</v>
      </c>
      <c r="D2291" t="s">
        <v>1487</v>
      </c>
      <c r="E2291" t="s">
        <v>1192</v>
      </c>
      <c r="F2291" t="s">
        <v>1193</v>
      </c>
      <c r="G2291" t="s">
        <v>80</v>
      </c>
      <c r="H2291" t="s">
        <v>81</v>
      </c>
      <c r="I2291" s="2">
        <v>0</v>
      </c>
      <c r="J2291" s="2">
        <v>1</v>
      </c>
      <c r="K2291" s="2">
        <v>0</v>
      </c>
      <c r="L2291" t="s">
        <v>82</v>
      </c>
      <c r="M2291" t="s">
        <v>87</v>
      </c>
      <c r="N2291" t="s">
        <v>88</v>
      </c>
      <c r="O2291" t="s">
        <v>85</v>
      </c>
      <c r="P2291" t="s">
        <v>86</v>
      </c>
      <c r="Q2291">
        <v>32</v>
      </c>
      <c r="R2291">
        <v>33</v>
      </c>
      <c r="S2291">
        <v>33</v>
      </c>
      <c r="T2291">
        <v>34</v>
      </c>
      <c r="U2291">
        <v>35</v>
      </c>
      <c r="V2291">
        <v>35</v>
      </c>
      <c r="W2291">
        <v>36</v>
      </c>
      <c r="X2291">
        <v>36</v>
      </c>
      <c r="Y2291">
        <v>37</v>
      </c>
      <c r="Z2291">
        <v>38</v>
      </c>
      <c r="AA2291">
        <v>38</v>
      </c>
      <c r="AB2291">
        <v>39</v>
      </c>
      <c r="AC2291">
        <v>40</v>
      </c>
      <c r="AD2291">
        <v>40</v>
      </c>
      <c r="AE2291">
        <v>41</v>
      </c>
      <c r="AF2291">
        <v>41</v>
      </c>
      <c r="AG2291">
        <v>42</v>
      </c>
      <c r="AH2291">
        <v>43</v>
      </c>
      <c r="AI2291">
        <v>43</v>
      </c>
      <c r="AJ2291">
        <v>44</v>
      </c>
      <c r="AK2291">
        <v>45</v>
      </c>
      <c r="AL2291">
        <v>46</v>
      </c>
      <c r="AM2291">
        <v>46</v>
      </c>
      <c r="AN2291">
        <v>47</v>
      </c>
      <c r="AO2291">
        <v>48</v>
      </c>
      <c r="AP2291">
        <v>49</v>
      </c>
      <c r="AQ2291">
        <v>49</v>
      </c>
    </row>
    <row r="2292" spans="1:43">
      <c r="A2292" t="s">
        <v>1484</v>
      </c>
      <c r="B2292" t="s">
        <v>1485</v>
      </c>
      <c r="C2292" t="s">
        <v>1486</v>
      </c>
      <c r="D2292" t="s">
        <v>1487</v>
      </c>
      <c r="E2292" t="s">
        <v>1192</v>
      </c>
      <c r="F2292" t="s">
        <v>1193</v>
      </c>
      <c r="G2292" t="s">
        <v>80</v>
      </c>
      <c r="H2292" t="s">
        <v>81</v>
      </c>
      <c r="I2292" s="2">
        <v>0</v>
      </c>
      <c r="J2292" s="2">
        <v>1</v>
      </c>
      <c r="K2292" s="2">
        <v>0</v>
      </c>
      <c r="L2292" t="s">
        <v>82</v>
      </c>
      <c r="M2292" t="s">
        <v>89</v>
      </c>
      <c r="N2292" t="s">
        <v>90</v>
      </c>
      <c r="O2292" t="s">
        <v>85</v>
      </c>
      <c r="P2292" t="s">
        <v>86</v>
      </c>
      <c r="Q2292">
        <v>32</v>
      </c>
      <c r="R2292">
        <v>33</v>
      </c>
      <c r="S2292">
        <v>34</v>
      </c>
      <c r="T2292">
        <v>35</v>
      </c>
      <c r="U2292">
        <v>37</v>
      </c>
      <c r="V2292">
        <v>38</v>
      </c>
      <c r="W2292">
        <v>39</v>
      </c>
      <c r="X2292">
        <v>40</v>
      </c>
      <c r="Y2292">
        <v>41</v>
      </c>
      <c r="Z2292">
        <v>42</v>
      </c>
      <c r="AA2292">
        <v>43</v>
      </c>
      <c r="AB2292">
        <v>45</v>
      </c>
      <c r="AC2292">
        <v>46</v>
      </c>
      <c r="AD2292">
        <v>47</v>
      </c>
      <c r="AE2292">
        <v>48</v>
      </c>
      <c r="AF2292">
        <v>49</v>
      </c>
      <c r="AG2292">
        <v>49</v>
      </c>
      <c r="AH2292">
        <v>50</v>
      </c>
      <c r="AI2292">
        <v>51</v>
      </c>
      <c r="AJ2292">
        <v>51</v>
      </c>
      <c r="AK2292">
        <v>52</v>
      </c>
      <c r="AL2292">
        <v>53</v>
      </c>
      <c r="AM2292">
        <v>53</v>
      </c>
      <c r="AN2292">
        <v>54</v>
      </c>
      <c r="AO2292">
        <v>55</v>
      </c>
      <c r="AP2292">
        <v>56</v>
      </c>
      <c r="AQ2292">
        <v>56</v>
      </c>
    </row>
    <row r="2293" spans="1:43">
      <c r="A2293" t="s">
        <v>1484</v>
      </c>
      <c r="B2293" t="s">
        <v>1485</v>
      </c>
      <c r="C2293" t="s">
        <v>1486</v>
      </c>
      <c r="D2293" t="s">
        <v>1487</v>
      </c>
      <c r="E2293" t="s">
        <v>1192</v>
      </c>
      <c r="F2293" t="s">
        <v>1193</v>
      </c>
      <c r="G2293" t="s">
        <v>80</v>
      </c>
      <c r="H2293" t="s">
        <v>81</v>
      </c>
      <c r="I2293" s="2">
        <v>0</v>
      </c>
      <c r="J2293" s="2">
        <v>1</v>
      </c>
      <c r="K2293" s="2">
        <v>0</v>
      </c>
      <c r="L2293" t="s">
        <v>82</v>
      </c>
      <c r="M2293" t="s">
        <v>83</v>
      </c>
      <c r="N2293" t="s">
        <v>91</v>
      </c>
      <c r="O2293" t="s">
        <v>85</v>
      </c>
      <c r="P2293" t="s">
        <v>86</v>
      </c>
      <c r="Q2293">
        <v>32</v>
      </c>
      <c r="R2293">
        <v>33</v>
      </c>
      <c r="S2293">
        <v>33</v>
      </c>
      <c r="T2293">
        <v>34</v>
      </c>
      <c r="U2293">
        <v>35</v>
      </c>
      <c r="V2293">
        <v>36</v>
      </c>
      <c r="W2293">
        <v>37</v>
      </c>
      <c r="X2293">
        <v>38</v>
      </c>
      <c r="Y2293">
        <v>39</v>
      </c>
      <c r="Z2293">
        <v>40</v>
      </c>
      <c r="AA2293">
        <v>41</v>
      </c>
      <c r="AB2293">
        <v>42</v>
      </c>
      <c r="AC2293">
        <v>43</v>
      </c>
      <c r="AD2293">
        <v>44</v>
      </c>
      <c r="AE2293">
        <v>45</v>
      </c>
      <c r="AF2293">
        <v>46</v>
      </c>
      <c r="AG2293">
        <v>47</v>
      </c>
      <c r="AH2293">
        <v>48</v>
      </c>
      <c r="AI2293">
        <v>49</v>
      </c>
      <c r="AJ2293">
        <v>50</v>
      </c>
      <c r="AK2293">
        <v>51</v>
      </c>
      <c r="AL2293">
        <v>52</v>
      </c>
      <c r="AM2293">
        <v>53</v>
      </c>
      <c r="AN2293">
        <v>54</v>
      </c>
      <c r="AO2293">
        <v>54</v>
      </c>
      <c r="AP2293">
        <v>55</v>
      </c>
      <c r="AQ2293">
        <v>56</v>
      </c>
    </row>
    <row r="2294" spans="1:43">
      <c r="A2294" t="s">
        <v>1488</v>
      </c>
      <c r="B2294" t="s">
        <v>1489</v>
      </c>
      <c r="C2294" t="s">
        <v>1482</v>
      </c>
      <c r="D2294" t="s">
        <v>1483</v>
      </c>
      <c r="E2294" t="s">
        <v>1192</v>
      </c>
      <c r="F2294" t="s">
        <v>1193</v>
      </c>
      <c r="G2294" t="s">
        <v>80</v>
      </c>
      <c r="H2294" t="s">
        <v>81</v>
      </c>
      <c r="I2294" s="2">
        <v>0</v>
      </c>
      <c r="J2294" s="2">
        <v>1</v>
      </c>
      <c r="K2294" s="2">
        <v>0</v>
      </c>
      <c r="L2294" t="s">
        <v>82</v>
      </c>
      <c r="M2294" t="s">
        <v>83</v>
      </c>
      <c r="N2294" t="s">
        <v>84</v>
      </c>
      <c r="O2294" t="s">
        <v>85</v>
      </c>
      <c r="P2294" t="s">
        <v>86</v>
      </c>
      <c r="Q2294">
        <v>22</v>
      </c>
      <c r="R2294">
        <v>22</v>
      </c>
      <c r="S2294">
        <v>23</v>
      </c>
      <c r="T2294">
        <v>24</v>
      </c>
      <c r="U2294">
        <v>24</v>
      </c>
      <c r="V2294">
        <v>25</v>
      </c>
      <c r="W2294">
        <v>25</v>
      </c>
      <c r="X2294">
        <v>26</v>
      </c>
      <c r="Y2294">
        <v>27</v>
      </c>
      <c r="Z2294">
        <v>27</v>
      </c>
      <c r="AA2294">
        <v>28</v>
      </c>
      <c r="AB2294">
        <v>29</v>
      </c>
      <c r="AC2294">
        <v>29</v>
      </c>
      <c r="AD2294">
        <v>30</v>
      </c>
      <c r="AE2294">
        <v>31</v>
      </c>
      <c r="AF2294">
        <v>32</v>
      </c>
      <c r="AG2294">
        <v>32</v>
      </c>
      <c r="AH2294">
        <v>33</v>
      </c>
      <c r="AI2294">
        <v>34</v>
      </c>
      <c r="AJ2294">
        <v>34</v>
      </c>
      <c r="AK2294">
        <v>35</v>
      </c>
      <c r="AL2294">
        <v>36</v>
      </c>
      <c r="AM2294">
        <v>36</v>
      </c>
      <c r="AN2294">
        <v>37</v>
      </c>
      <c r="AO2294">
        <v>37</v>
      </c>
      <c r="AP2294">
        <v>38</v>
      </c>
      <c r="AQ2294">
        <v>38</v>
      </c>
    </row>
    <row r="2295" spans="1:43">
      <c r="A2295" t="s">
        <v>1488</v>
      </c>
      <c r="B2295" t="s">
        <v>1489</v>
      </c>
      <c r="C2295" t="s">
        <v>1482</v>
      </c>
      <c r="D2295" t="s">
        <v>1483</v>
      </c>
      <c r="E2295" t="s">
        <v>1192</v>
      </c>
      <c r="F2295" t="s">
        <v>1193</v>
      </c>
      <c r="G2295" t="s">
        <v>80</v>
      </c>
      <c r="H2295" t="s">
        <v>81</v>
      </c>
      <c r="I2295" s="2">
        <v>0</v>
      </c>
      <c r="J2295" s="2">
        <v>1</v>
      </c>
      <c r="K2295" s="2">
        <v>0</v>
      </c>
      <c r="L2295" t="s">
        <v>82</v>
      </c>
      <c r="M2295" t="s">
        <v>87</v>
      </c>
      <c r="N2295" t="s">
        <v>88</v>
      </c>
      <c r="O2295" t="s">
        <v>85</v>
      </c>
      <c r="P2295" t="s">
        <v>86</v>
      </c>
      <c r="Q2295">
        <v>22</v>
      </c>
      <c r="R2295">
        <v>22</v>
      </c>
      <c r="S2295">
        <v>22</v>
      </c>
      <c r="T2295">
        <v>23</v>
      </c>
      <c r="U2295">
        <v>23</v>
      </c>
      <c r="V2295">
        <v>24</v>
      </c>
      <c r="W2295">
        <v>24</v>
      </c>
      <c r="X2295">
        <v>24</v>
      </c>
      <c r="Y2295">
        <v>25</v>
      </c>
      <c r="Z2295">
        <v>25</v>
      </c>
      <c r="AA2295">
        <v>26</v>
      </c>
      <c r="AB2295">
        <v>26</v>
      </c>
      <c r="AC2295">
        <v>26</v>
      </c>
      <c r="AD2295">
        <v>27</v>
      </c>
      <c r="AE2295">
        <v>27</v>
      </c>
      <c r="AF2295">
        <v>28</v>
      </c>
      <c r="AG2295">
        <v>28</v>
      </c>
      <c r="AH2295">
        <v>29</v>
      </c>
      <c r="AI2295">
        <v>29</v>
      </c>
      <c r="AJ2295">
        <v>30</v>
      </c>
      <c r="AK2295">
        <v>30</v>
      </c>
      <c r="AL2295">
        <v>31</v>
      </c>
      <c r="AM2295">
        <v>31</v>
      </c>
      <c r="AN2295">
        <v>32</v>
      </c>
      <c r="AO2295">
        <v>32</v>
      </c>
      <c r="AP2295">
        <v>33</v>
      </c>
      <c r="AQ2295">
        <v>33</v>
      </c>
    </row>
    <row r="2296" spans="1:43">
      <c r="A2296" t="s">
        <v>1488</v>
      </c>
      <c r="B2296" t="s">
        <v>1489</v>
      </c>
      <c r="C2296" t="s">
        <v>1482</v>
      </c>
      <c r="D2296" t="s">
        <v>1483</v>
      </c>
      <c r="E2296" t="s">
        <v>1192</v>
      </c>
      <c r="F2296" t="s">
        <v>1193</v>
      </c>
      <c r="G2296" t="s">
        <v>80</v>
      </c>
      <c r="H2296" t="s">
        <v>81</v>
      </c>
      <c r="I2296" s="2">
        <v>0</v>
      </c>
      <c r="J2296" s="2">
        <v>1</v>
      </c>
      <c r="K2296" s="2">
        <v>0</v>
      </c>
      <c r="L2296" t="s">
        <v>82</v>
      </c>
      <c r="M2296" t="s">
        <v>89</v>
      </c>
      <c r="N2296" t="s">
        <v>90</v>
      </c>
      <c r="O2296" t="s">
        <v>85</v>
      </c>
      <c r="P2296" t="s">
        <v>86</v>
      </c>
      <c r="Q2296">
        <v>22</v>
      </c>
      <c r="R2296">
        <v>23</v>
      </c>
      <c r="S2296">
        <v>24</v>
      </c>
      <c r="T2296">
        <v>24</v>
      </c>
      <c r="U2296">
        <v>25</v>
      </c>
      <c r="V2296">
        <v>26</v>
      </c>
      <c r="W2296">
        <v>27</v>
      </c>
      <c r="X2296">
        <v>28</v>
      </c>
      <c r="Y2296">
        <v>28</v>
      </c>
      <c r="Z2296">
        <v>29</v>
      </c>
      <c r="AA2296">
        <v>30</v>
      </c>
      <c r="AB2296">
        <v>31</v>
      </c>
      <c r="AC2296">
        <v>31</v>
      </c>
      <c r="AD2296">
        <v>32</v>
      </c>
      <c r="AE2296">
        <v>33</v>
      </c>
      <c r="AF2296">
        <v>33</v>
      </c>
      <c r="AG2296">
        <v>34</v>
      </c>
      <c r="AH2296">
        <v>34</v>
      </c>
      <c r="AI2296">
        <v>35</v>
      </c>
      <c r="AJ2296">
        <v>35</v>
      </c>
      <c r="AK2296">
        <v>36</v>
      </c>
      <c r="AL2296">
        <v>36</v>
      </c>
      <c r="AM2296">
        <v>37</v>
      </c>
      <c r="AN2296">
        <v>37</v>
      </c>
      <c r="AO2296">
        <v>38</v>
      </c>
      <c r="AP2296">
        <v>38</v>
      </c>
      <c r="AQ2296">
        <v>39</v>
      </c>
    </row>
    <row r="2297" spans="1:43">
      <c r="A2297" t="s">
        <v>1488</v>
      </c>
      <c r="B2297" t="s">
        <v>1489</v>
      </c>
      <c r="C2297" t="s">
        <v>1482</v>
      </c>
      <c r="D2297" t="s">
        <v>1483</v>
      </c>
      <c r="E2297" t="s">
        <v>1192</v>
      </c>
      <c r="F2297" t="s">
        <v>1193</v>
      </c>
      <c r="G2297" t="s">
        <v>80</v>
      </c>
      <c r="H2297" t="s">
        <v>81</v>
      </c>
      <c r="I2297" s="2">
        <v>0</v>
      </c>
      <c r="J2297" s="2">
        <v>1</v>
      </c>
      <c r="K2297" s="2">
        <v>0</v>
      </c>
      <c r="L2297" t="s">
        <v>82</v>
      </c>
      <c r="M2297" t="s">
        <v>83</v>
      </c>
      <c r="N2297" t="s">
        <v>91</v>
      </c>
      <c r="O2297" t="s">
        <v>85</v>
      </c>
      <c r="P2297" t="s">
        <v>86</v>
      </c>
      <c r="Q2297">
        <v>22</v>
      </c>
      <c r="R2297">
        <v>22</v>
      </c>
      <c r="S2297">
        <v>23</v>
      </c>
      <c r="T2297">
        <v>24</v>
      </c>
      <c r="U2297">
        <v>24</v>
      </c>
      <c r="V2297">
        <v>25</v>
      </c>
      <c r="W2297">
        <v>25</v>
      </c>
      <c r="X2297">
        <v>26</v>
      </c>
      <c r="Y2297">
        <v>27</v>
      </c>
      <c r="Z2297">
        <v>27</v>
      </c>
      <c r="AA2297">
        <v>28</v>
      </c>
      <c r="AB2297">
        <v>29</v>
      </c>
      <c r="AC2297">
        <v>29</v>
      </c>
      <c r="AD2297">
        <v>30</v>
      </c>
      <c r="AE2297">
        <v>31</v>
      </c>
      <c r="AF2297">
        <v>32</v>
      </c>
      <c r="AG2297">
        <v>32</v>
      </c>
      <c r="AH2297">
        <v>33</v>
      </c>
      <c r="AI2297">
        <v>34</v>
      </c>
      <c r="AJ2297">
        <v>34</v>
      </c>
      <c r="AK2297">
        <v>35</v>
      </c>
      <c r="AL2297">
        <v>36</v>
      </c>
      <c r="AM2297">
        <v>36</v>
      </c>
      <c r="AN2297">
        <v>37</v>
      </c>
      <c r="AO2297">
        <v>37</v>
      </c>
      <c r="AP2297">
        <v>38</v>
      </c>
      <c r="AQ2297">
        <v>38</v>
      </c>
    </row>
    <row r="2298" spans="1:43">
      <c r="A2298" t="s">
        <v>1490</v>
      </c>
      <c r="B2298" t="s">
        <v>1491</v>
      </c>
      <c r="C2298" t="s">
        <v>1486</v>
      </c>
      <c r="D2298" t="s">
        <v>1487</v>
      </c>
      <c r="E2298" t="s">
        <v>1192</v>
      </c>
      <c r="F2298" t="s">
        <v>1193</v>
      </c>
      <c r="G2298" t="s">
        <v>80</v>
      </c>
      <c r="H2298" t="s">
        <v>81</v>
      </c>
      <c r="I2298" s="2">
        <v>0</v>
      </c>
      <c r="J2298" s="2">
        <v>1</v>
      </c>
      <c r="K2298" s="2">
        <v>0</v>
      </c>
      <c r="L2298" t="s">
        <v>82</v>
      </c>
      <c r="M2298" t="s">
        <v>83</v>
      </c>
      <c r="N2298" t="s">
        <v>84</v>
      </c>
      <c r="O2298" t="s">
        <v>85</v>
      </c>
      <c r="P2298" t="s">
        <v>86</v>
      </c>
      <c r="Q2298">
        <v>91</v>
      </c>
      <c r="R2298">
        <v>94</v>
      </c>
      <c r="S2298">
        <v>96</v>
      </c>
      <c r="T2298">
        <v>99</v>
      </c>
      <c r="U2298">
        <v>102</v>
      </c>
      <c r="V2298">
        <v>104</v>
      </c>
      <c r="W2298">
        <v>107</v>
      </c>
      <c r="X2298">
        <v>110</v>
      </c>
      <c r="Y2298">
        <v>113</v>
      </c>
      <c r="Z2298">
        <v>115</v>
      </c>
      <c r="AA2298">
        <v>118</v>
      </c>
      <c r="AB2298">
        <v>121</v>
      </c>
      <c r="AC2298">
        <v>124</v>
      </c>
      <c r="AD2298">
        <v>127</v>
      </c>
      <c r="AE2298">
        <v>130</v>
      </c>
      <c r="AF2298">
        <v>134</v>
      </c>
      <c r="AG2298">
        <v>137</v>
      </c>
      <c r="AH2298">
        <v>140</v>
      </c>
      <c r="AI2298">
        <v>143</v>
      </c>
      <c r="AJ2298">
        <v>147</v>
      </c>
      <c r="AK2298">
        <v>150</v>
      </c>
      <c r="AL2298">
        <v>152</v>
      </c>
      <c r="AM2298">
        <v>154</v>
      </c>
      <c r="AN2298">
        <v>157</v>
      </c>
      <c r="AO2298">
        <v>159</v>
      </c>
      <c r="AP2298">
        <v>161</v>
      </c>
      <c r="AQ2298">
        <v>163</v>
      </c>
    </row>
    <row r="2299" spans="1:43">
      <c r="A2299" t="s">
        <v>1490</v>
      </c>
      <c r="B2299" t="s">
        <v>1491</v>
      </c>
      <c r="C2299" t="s">
        <v>1486</v>
      </c>
      <c r="D2299" t="s">
        <v>1487</v>
      </c>
      <c r="E2299" t="s">
        <v>1192</v>
      </c>
      <c r="F2299" t="s">
        <v>1193</v>
      </c>
      <c r="G2299" t="s">
        <v>80</v>
      </c>
      <c r="H2299" t="s">
        <v>81</v>
      </c>
      <c r="I2299" s="2">
        <v>0</v>
      </c>
      <c r="J2299" s="2">
        <v>1</v>
      </c>
      <c r="K2299" s="2">
        <v>0</v>
      </c>
      <c r="L2299" t="s">
        <v>82</v>
      </c>
      <c r="M2299" t="s">
        <v>87</v>
      </c>
      <c r="N2299" t="s">
        <v>88</v>
      </c>
      <c r="O2299" t="s">
        <v>85</v>
      </c>
      <c r="P2299" t="s">
        <v>86</v>
      </c>
      <c r="Q2299">
        <v>91</v>
      </c>
      <c r="R2299">
        <v>93</v>
      </c>
      <c r="S2299">
        <v>95</v>
      </c>
      <c r="T2299">
        <v>96</v>
      </c>
      <c r="U2299">
        <v>98</v>
      </c>
      <c r="V2299">
        <v>100</v>
      </c>
      <c r="W2299">
        <v>102</v>
      </c>
      <c r="X2299">
        <v>103</v>
      </c>
      <c r="Y2299">
        <v>105</v>
      </c>
      <c r="Z2299">
        <v>107</v>
      </c>
      <c r="AA2299">
        <v>109</v>
      </c>
      <c r="AB2299">
        <v>111</v>
      </c>
      <c r="AC2299">
        <v>112</v>
      </c>
      <c r="AD2299">
        <v>114</v>
      </c>
      <c r="AE2299">
        <v>116</v>
      </c>
      <c r="AF2299">
        <v>118</v>
      </c>
      <c r="AG2299">
        <v>120</v>
      </c>
      <c r="AH2299">
        <v>122</v>
      </c>
      <c r="AI2299">
        <v>124</v>
      </c>
      <c r="AJ2299">
        <v>126</v>
      </c>
      <c r="AK2299">
        <v>128</v>
      </c>
      <c r="AL2299">
        <v>131</v>
      </c>
      <c r="AM2299">
        <v>133</v>
      </c>
      <c r="AN2299">
        <v>135</v>
      </c>
      <c r="AO2299">
        <v>137</v>
      </c>
      <c r="AP2299">
        <v>139</v>
      </c>
      <c r="AQ2299">
        <v>142</v>
      </c>
    </row>
    <row r="2300" spans="1:43">
      <c r="A2300" t="s">
        <v>1490</v>
      </c>
      <c r="B2300" t="s">
        <v>1491</v>
      </c>
      <c r="C2300" t="s">
        <v>1486</v>
      </c>
      <c r="D2300" t="s">
        <v>1487</v>
      </c>
      <c r="E2300" t="s">
        <v>1192</v>
      </c>
      <c r="F2300" t="s">
        <v>1193</v>
      </c>
      <c r="G2300" t="s">
        <v>80</v>
      </c>
      <c r="H2300" t="s">
        <v>81</v>
      </c>
      <c r="I2300" s="2">
        <v>0</v>
      </c>
      <c r="J2300" s="2">
        <v>1</v>
      </c>
      <c r="K2300" s="2">
        <v>0</v>
      </c>
      <c r="L2300" t="s">
        <v>82</v>
      </c>
      <c r="M2300" t="s">
        <v>89</v>
      </c>
      <c r="N2300" t="s">
        <v>90</v>
      </c>
      <c r="O2300" t="s">
        <v>85</v>
      </c>
      <c r="P2300" t="s">
        <v>86</v>
      </c>
      <c r="Q2300">
        <v>91</v>
      </c>
      <c r="R2300">
        <v>94</v>
      </c>
      <c r="S2300">
        <v>98</v>
      </c>
      <c r="T2300">
        <v>101</v>
      </c>
      <c r="U2300">
        <v>105</v>
      </c>
      <c r="V2300">
        <v>108</v>
      </c>
      <c r="W2300">
        <v>112</v>
      </c>
      <c r="X2300">
        <v>115</v>
      </c>
      <c r="Y2300">
        <v>118</v>
      </c>
      <c r="Z2300">
        <v>122</v>
      </c>
      <c r="AA2300">
        <v>125</v>
      </c>
      <c r="AB2300">
        <v>129</v>
      </c>
      <c r="AC2300">
        <v>132</v>
      </c>
      <c r="AD2300">
        <v>136</v>
      </c>
      <c r="AE2300">
        <v>139</v>
      </c>
      <c r="AF2300">
        <v>141</v>
      </c>
      <c r="AG2300">
        <v>143</v>
      </c>
      <c r="AH2300">
        <v>145</v>
      </c>
      <c r="AI2300">
        <v>147</v>
      </c>
      <c r="AJ2300">
        <v>149</v>
      </c>
      <c r="AK2300">
        <v>151</v>
      </c>
      <c r="AL2300">
        <v>153</v>
      </c>
      <c r="AM2300">
        <v>155</v>
      </c>
      <c r="AN2300">
        <v>157</v>
      </c>
      <c r="AO2300">
        <v>159</v>
      </c>
      <c r="AP2300">
        <v>161</v>
      </c>
      <c r="AQ2300">
        <v>163</v>
      </c>
    </row>
    <row r="2301" spans="1:43">
      <c r="A2301" t="s">
        <v>1490</v>
      </c>
      <c r="B2301" t="s">
        <v>1491</v>
      </c>
      <c r="C2301" t="s">
        <v>1486</v>
      </c>
      <c r="D2301" t="s">
        <v>1487</v>
      </c>
      <c r="E2301" t="s">
        <v>1192</v>
      </c>
      <c r="F2301" t="s">
        <v>1193</v>
      </c>
      <c r="G2301" t="s">
        <v>80</v>
      </c>
      <c r="H2301" t="s">
        <v>81</v>
      </c>
      <c r="I2301" s="2">
        <v>0</v>
      </c>
      <c r="J2301" s="2">
        <v>1</v>
      </c>
      <c r="K2301" s="2">
        <v>0</v>
      </c>
      <c r="L2301" t="s">
        <v>82</v>
      </c>
      <c r="M2301" t="s">
        <v>83</v>
      </c>
      <c r="N2301" t="s">
        <v>91</v>
      </c>
      <c r="O2301" t="s">
        <v>85</v>
      </c>
      <c r="P2301" t="s">
        <v>86</v>
      </c>
      <c r="Q2301">
        <v>91</v>
      </c>
      <c r="R2301">
        <v>94</v>
      </c>
      <c r="S2301">
        <v>96</v>
      </c>
      <c r="T2301">
        <v>99</v>
      </c>
      <c r="U2301">
        <v>102</v>
      </c>
      <c r="V2301">
        <v>104</v>
      </c>
      <c r="W2301">
        <v>107</v>
      </c>
      <c r="X2301">
        <v>110</v>
      </c>
      <c r="Y2301">
        <v>113</v>
      </c>
      <c r="Z2301">
        <v>115</v>
      </c>
      <c r="AA2301">
        <v>118</v>
      </c>
      <c r="AB2301">
        <v>121</v>
      </c>
      <c r="AC2301">
        <v>124</v>
      </c>
      <c r="AD2301">
        <v>127</v>
      </c>
      <c r="AE2301">
        <v>130</v>
      </c>
      <c r="AF2301">
        <v>134</v>
      </c>
      <c r="AG2301">
        <v>137</v>
      </c>
      <c r="AH2301">
        <v>140</v>
      </c>
      <c r="AI2301">
        <v>143</v>
      </c>
      <c r="AJ2301">
        <v>147</v>
      </c>
      <c r="AK2301">
        <v>150</v>
      </c>
      <c r="AL2301">
        <v>152</v>
      </c>
      <c r="AM2301">
        <v>154</v>
      </c>
      <c r="AN2301">
        <v>157</v>
      </c>
      <c r="AO2301">
        <v>159</v>
      </c>
      <c r="AP2301">
        <v>161</v>
      </c>
      <c r="AQ2301">
        <v>163</v>
      </c>
    </row>
    <row r="2302" spans="1:43">
      <c r="A2302" t="s">
        <v>1492</v>
      </c>
      <c r="B2302" t="s">
        <v>1493</v>
      </c>
      <c r="C2302" t="s">
        <v>1486</v>
      </c>
      <c r="D2302" t="s">
        <v>1487</v>
      </c>
      <c r="E2302" t="s">
        <v>1192</v>
      </c>
      <c r="F2302" t="s">
        <v>1193</v>
      </c>
      <c r="G2302" t="s">
        <v>80</v>
      </c>
      <c r="H2302" t="s">
        <v>81</v>
      </c>
      <c r="I2302" s="2">
        <v>0.01</v>
      </c>
      <c r="J2302" s="2">
        <v>0.99</v>
      </c>
      <c r="K2302" s="2">
        <v>0</v>
      </c>
      <c r="L2302" t="s">
        <v>82</v>
      </c>
      <c r="M2302" t="s">
        <v>83</v>
      </c>
      <c r="N2302" t="s">
        <v>84</v>
      </c>
      <c r="O2302" t="s">
        <v>85</v>
      </c>
      <c r="P2302" t="s">
        <v>86</v>
      </c>
      <c r="Q2302">
        <v>0</v>
      </c>
      <c r="R2302">
        <v>0</v>
      </c>
      <c r="S2302">
        <v>0</v>
      </c>
      <c r="T2302">
        <v>0</v>
      </c>
      <c r="U2302">
        <v>0</v>
      </c>
      <c r="V2302">
        <v>0</v>
      </c>
      <c r="W2302">
        <v>0</v>
      </c>
      <c r="X2302">
        <v>0</v>
      </c>
      <c r="Y2302">
        <v>0</v>
      </c>
      <c r="Z2302">
        <v>0</v>
      </c>
      <c r="AA2302">
        <v>0</v>
      </c>
      <c r="AB2302">
        <v>0</v>
      </c>
      <c r="AC2302">
        <v>0</v>
      </c>
      <c r="AD2302">
        <v>0</v>
      </c>
      <c r="AE2302">
        <v>0</v>
      </c>
      <c r="AF2302">
        <v>0</v>
      </c>
      <c r="AG2302">
        <v>0</v>
      </c>
      <c r="AH2302">
        <v>0</v>
      </c>
      <c r="AI2302">
        <v>0</v>
      </c>
      <c r="AJ2302">
        <v>0</v>
      </c>
      <c r="AK2302">
        <v>0</v>
      </c>
      <c r="AL2302">
        <v>0</v>
      </c>
      <c r="AM2302">
        <v>0</v>
      </c>
      <c r="AN2302">
        <v>0</v>
      </c>
      <c r="AO2302">
        <v>0</v>
      </c>
      <c r="AP2302">
        <v>0</v>
      </c>
      <c r="AQ2302">
        <v>0</v>
      </c>
    </row>
    <row r="2303" spans="1:43">
      <c r="A2303" t="s">
        <v>1492</v>
      </c>
      <c r="B2303" t="s">
        <v>1493</v>
      </c>
      <c r="C2303" t="s">
        <v>1486</v>
      </c>
      <c r="D2303" t="s">
        <v>1487</v>
      </c>
      <c r="E2303" t="s">
        <v>1192</v>
      </c>
      <c r="F2303" t="s">
        <v>1193</v>
      </c>
      <c r="G2303" t="s">
        <v>80</v>
      </c>
      <c r="H2303" t="s">
        <v>81</v>
      </c>
      <c r="I2303" s="2">
        <v>0.01</v>
      </c>
      <c r="J2303" s="2">
        <v>0.99</v>
      </c>
      <c r="K2303" s="2">
        <v>0</v>
      </c>
      <c r="L2303" t="s">
        <v>82</v>
      </c>
      <c r="M2303" t="s">
        <v>87</v>
      </c>
      <c r="N2303" t="s">
        <v>88</v>
      </c>
      <c r="O2303" t="s">
        <v>85</v>
      </c>
      <c r="P2303" t="s">
        <v>86</v>
      </c>
      <c r="Q2303">
        <v>0</v>
      </c>
      <c r="R2303">
        <v>0</v>
      </c>
      <c r="S2303">
        <v>0</v>
      </c>
      <c r="T2303">
        <v>0</v>
      </c>
      <c r="U2303">
        <v>0</v>
      </c>
      <c r="V2303">
        <v>0</v>
      </c>
      <c r="W2303">
        <v>0</v>
      </c>
      <c r="X2303">
        <v>0</v>
      </c>
      <c r="Y2303">
        <v>0</v>
      </c>
      <c r="Z2303">
        <v>0</v>
      </c>
      <c r="AA2303">
        <v>0</v>
      </c>
      <c r="AB2303">
        <v>0</v>
      </c>
      <c r="AC2303">
        <v>0</v>
      </c>
      <c r="AD2303">
        <v>0</v>
      </c>
      <c r="AE2303">
        <v>0</v>
      </c>
      <c r="AF2303">
        <v>0</v>
      </c>
      <c r="AG2303">
        <v>0</v>
      </c>
      <c r="AH2303">
        <v>0</v>
      </c>
      <c r="AI2303">
        <v>0</v>
      </c>
      <c r="AJ2303">
        <v>0</v>
      </c>
      <c r="AK2303">
        <v>0</v>
      </c>
      <c r="AL2303">
        <v>0</v>
      </c>
      <c r="AM2303">
        <v>0</v>
      </c>
      <c r="AN2303">
        <v>0</v>
      </c>
      <c r="AO2303">
        <v>0</v>
      </c>
      <c r="AP2303">
        <v>0</v>
      </c>
      <c r="AQ2303">
        <v>0</v>
      </c>
    </row>
    <row r="2304" spans="1:43">
      <c r="A2304" t="s">
        <v>1492</v>
      </c>
      <c r="B2304" t="s">
        <v>1493</v>
      </c>
      <c r="C2304" t="s">
        <v>1486</v>
      </c>
      <c r="D2304" t="s">
        <v>1487</v>
      </c>
      <c r="E2304" t="s">
        <v>1192</v>
      </c>
      <c r="F2304" t="s">
        <v>1193</v>
      </c>
      <c r="G2304" t="s">
        <v>80</v>
      </c>
      <c r="H2304" t="s">
        <v>81</v>
      </c>
      <c r="I2304" s="2">
        <v>0.01</v>
      </c>
      <c r="J2304" s="2">
        <v>0.99</v>
      </c>
      <c r="K2304" s="2">
        <v>0</v>
      </c>
      <c r="L2304" t="s">
        <v>82</v>
      </c>
      <c r="M2304" t="s">
        <v>89</v>
      </c>
      <c r="N2304" t="s">
        <v>90</v>
      </c>
      <c r="O2304" t="s">
        <v>85</v>
      </c>
      <c r="P2304" t="s">
        <v>86</v>
      </c>
      <c r="Q2304">
        <v>0</v>
      </c>
      <c r="R2304">
        <v>0</v>
      </c>
      <c r="S2304">
        <v>0</v>
      </c>
      <c r="T2304">
        <v>0</v>
      </c>
      <c r="U2304">
        <v>0</v>
      </c>
      <c r="V2304">
        <v>0</v>
      </c>
      <c r="W2304">
        <v>0</v>
      </c>
      <c r="X2304">
        <v>0</v>
      </c>
      <c r="Y2304">
        <v>0</v>
      </c>
      <c r="Z2304">
        <v>0</v>
      </c>
      <c r="AA2304">
        <v>0</v>
      </c>
      <c r="AB2304">
        <v>0</v>
      </c>
      <c r="AC2304">
        <v>0</v>
      </c>
      <c r="AD2304">
        <v>0</v>
      </c>
      <c r="AE2304">
        <v>0</v>
      </c>
      <c r="AF2304">
        <v>0</v>
      </c>
      <c r="AG2304">
        <v>0</v>
      </c>
      <c r="AH2304">
        <v>0</v>
      </c>
      <c r="AI2304">
        <v>0</v>
      </c>
      <c r="AJ2304">
        <v>0</v>
      </c>
      <c r="AK2304">
        <v>0</v>
      </c>
      <c r="AL2304">
        <v>0</v>
      </c>
      <c r="AM2304">
        <v>0</v>
      </c>
      <c r="AN2304">
        <v>0</v>
      </c>
      <c r="AO2304">
        <v>0</v>
      </c>
      <c r="AP2304">
        <v>0</v>
      </c>
      <c r="AQ2304">
        <v>0</v>
      </c>
    </row>
    <row r="2305" spans="1:43">
      <c r="A2305" t="s">
        <v>1492</v>
      </c>
      <c r="B2305" t="s">
        <v>1493</v>
      </c>
      <c r="C2305" t="s">
        <v>1486</v>
      </c>
      <c r="D2305" t="s">
        <v>1487</v>
      </c>
      <c r="E2305" t="s">
        <v>1192</v>
      </c>
      <c r="F2305" t="s">
        <v>1193</v>
      </c>
      <c r="G2305" t="s">
        <v>80</v>
      </c>
      <c r="H2305" t="s">
        <v>81</v>
      </c>
      <c r="I2305" s="2">
        <v>0.01</v>
      </c>
      <c r="J2305" s="2">
        <v>0.99</v>
      </c>
      <c r="K2305" s="2">
        <v>0</v>
      </c>
      <c r="L2305" t="s">
        <v>82</v>
      </c>
      <c r="M2305" t="s">
        <v>83</v>
      </c>
      <c r="N2305" t="s">
        <v>91</v>
      </c>
      <c r="O2305" t="s">
        <v>85</v>
      </c>
      <c r="P2305" t="s">
        <v>86</v>
      </c>
      <c r="Q2305">
        <v>0</v>
      </c>
      <c r="R2305">
        <v>0</v>
      </c>
      <c r="S2305">
        <v>0</v>
      </c>
      <c r="T2305">
        <v>0</v>
      </c>
      <c r="U2305">
        <v>0</v>
      </c>
      <c r="V2305">
        <v>0</v>
      </c>
      <c r="W2305">
        <v>0</v>
      </c>
      <c r="X2305">
        <v>0</v>
      </c>
      <c r="Y2305">
        <v>0</v>
      </c>
      <c r="Z2305">
        <v>0</v>
      </c>
      <c r="AA2305">
        <v>0</v>
      </c>
      <c r="AB2305">
        <v>0</v>
      </c>
      <c r="AC2305">
        <v>0</v>
      </c>
      <c r="AD2305">
        <v>0</v>
      </c>
      <c r="AE2305">
        <v>0</v>
      </c>
      <c r="AF2305">
        <v>0</v>
      </c>
      <c r="AG2305">
        <v>0</v>
      </c>
      <c r="AH2305">
        <v>0</v>
      </c>
      <c r="AI2305">
        <v>0</v>
      </c>
      <c r="AJ2305">
        <v>0</v>
      </c>
      <c r="AK2305">
        <v>0</v>
      </c>
      <c r="AL2305">
        <v>0</v>
      </c>
      <c r="AM2305">
        <v>0</v>
      </c>
      <c r="AN2305">
        <v>0</v>
      </c>
      <c r="AO2305">
        <v>0</v>
      </c>
      <c r="AP2305">
        <v>0</v>
      </c>
      <c r="AQ2305">
        <v>0</v>
      </c>
    </row>
    <row r="2306" spans="1:43">
      <c r="A2306" t="s">
        <v>1494</v>
      </c>
      <c r="B2306" t="s">
        <v>1495</v>
      </c>
      <c r="C2306" t="s">
        <v>1486</v>
      </c>
      <c r="D2306" t="s">
        <v>1487</v>
      </c>
      <c r="E2306" t="s">
        <v>1192</v>
      </c>
      <c r="F2306" t="s">
        <v>1193</v>
      </c>
      <c r="G2306" t="s">
        <v>80</v>
      </c>
      <c r="H2306" t="s">
        <v>81</v>
      </c>
      <c r="I2306" s="2">
        <v>0</v>
      </c>
      <c r="J2306" s="2">
        <v>1</v>
      </c>
      <c r="K2306" s="2">
        <v>0</v>
      </c>
      <c r="L2306" t="s">
        <v>82</v>
      </c>
      <c r="M2306" t="s">
        <v>83</v>
      </c>
      <c r="N2306" t="s">
        <v>84</v>
      </c>
      <c r="O2306" t="s">
        <v>85</v>
      </c>
      <c r="P2306" t="s">
        <v>86</v>
      </c>
      <c r="Q2306">
        <v>22</v>
      </c>
      <c r="R2306">
        <v>22</v>
      </c>
      <c r="S2306">
        <v>23</v>
      </c>
      <c r="T2306">
        <v>24</v>
      </c>
      <c r="U2306">
        <v>24</v>
      </c>
      <c r="V2306">
        <v>25</v>
      </c>
      <c r="W2306">
        <v>25</v>
      </c>
      <c r="X2306">
        <v>26</v>
      </c>
      <c r="Y2306">
        <v>27</v>
      </c>
      <c r="Z2306">
        <v>27</v>
      </c>
      <c r="AA2306">
        <v>28</v>
      </c>
      <c r="AB2306">
        <v>29</v>
      </c>
      <c r="AC2306">
        <v>29</v>
      </c>
      <c r="AD2306">
        <v>30</v>
      </c>
      <c r="AE2306">
        <v>31</v>
      </c>
      <c r="AF2306">
        <v>31</v>
      </c>
      <c r="AG2306">
        <v>32</v>
      </c>
      <c r="AH2306">
        <v>33</v>
      </c>
      <c r="AI2306">
        <v>34</v>
      </c>
      <c r="AJ2306">
        <v>34</v>
      </c>
      <c r="AK2306">
        <v>35</v>
      </c>
      <c r="AL2306">
        <v>36</v>
      </c>
      <c r="AM2306">
        <v>36</v>
      </c>
      <c r="AN2306">
        <v>37</v>
      </c>
      <c r="AO2306">
        <v>37</v>
      </c>
      <c r="AP2306">
        <v>38</v>
      </c>
      <c r="AQ2306">
        <v>38</v>
      </c>
    </row>
    <row r="2307" spans="1:43">
      <c r="A2307" t="s">
        <v>1494</v>
      </c>
      <c r="B2307" t="s">
        <v>1495</v>
      </c>
      <c r="C2307" t="s">
        <v>1486</v>
      </c>
      <c r="D2307" t="s">
        <v>1487</v>
      </c>
      <c r="E2307" t="s">
        <v>1192</v>
      </c>
      <c r="F2307" t="s">
        <v>1193</v>
      </c>
      <c r="G2307" t="s">
        <v>80</v>
      </c>
      <c r="H2307" t="s">
        <v>81</v>
      </c>
      <c r="I2307" s="2">
        <v>0</v>
      </c>
      <c r="J2307" s="2">
        <v>1</v>
      </c>
      <c r="K2307" s="2">
        <v>0</v>
      </c>
      <c r="L2307" t="s">
        <v>82</v>
      </c>
      <c r="M2307" t="s">
        <v>87</v>
      </c>
      <c r="N2307" t="s">
        <v>88</v>
      </c>
      <c r="O2307" t="s">
        <v>85</v>
      </c>
      <c r="P2307" t="s">
        <v>86</v>
      </c>
      <c r="Q2307">
        <v>22</v>
      </c>
      <c r="R2307">
        <v>22</v>
      </c>
      <c r="S2307">
        <v>22</v>
      </c>
      <c r="T2307">
        <v>23</v>
      </c>
      <c r="U2307">
        <v>23</v>
      </c>
      <c r="V2307">
        <v>23</v>
      </c>
      <c r="W2307">
        <v>24</v>
      </c>
      <c r="X2307">
        <v>24</v>
      </c>
      <c r="Y2307">
        <v>25</v>
      </c>
      <c r="Z2307">
        <v>25</v>
      </c>
      <c r="AA2307">
        <v>26</v>
      </c>
      <c r="AB2307">
        <v>26</v>
      </c>
      <c r="AC2307">
        <v>26</v>
      </c>
      <c r="AD2307">
        <v>27</v>
      </c>
      <c r="AE2307">
        <v>27</v>
      </c>
      <c r="AF2307">
        <v>28</v>
      </c>
      <c r="AG2307">
        <v>28</v>
      </c>
      <c r="AH2307">
        <v>29</v>
      </c>
      <c r="AI2307">
        <v>29</v>
      </c>
      <c r="AJ2307">
        <v>30</v>
      </c>
      <c r="AK2307">
        <v>30</v>
      </c>
      <c r="AL2307">
        <v>31</v>
      </c>
      <c r="AM2307">
        <v>31</v>
      </c>
      <c r="AN2307">
        <v>32</v>
      </c>
      <c r="AO2307">
        <v>32</v>
      </c>
      <c r="AP2307">
        <v>33</v>
      </c>
      <c r="AQ2307">
        <v>33</v>
      </c>
    </row>
    <row r="2308" spans="1:43">
      <c r="A2308" t="s">
        <v>1494</v>
      </c>
      <c r="B2308" t="s">
        <v>1495</v>
      </c>
      <c r="C2308" t="s">
        <v>1486</v>
      </c>
      <c r="D2308" t="s">
        <v>1487</v>
      </c>
      <c r="E2308" t="s">
        <v>1192</v>
      </c>
      <c r="F2308" t="s">
        <v>1193</v>
      </c>
      <c r="G2308" t="s">
        <v>80</v>
      </c>
      <c r="H2308" t="s">
        <v>81</v>
      </c>
      <c r="I2308" s="2">
        <v>0</v>
      </c>
      <c r="J2308" s="2">
        <v>1</v>
      </c>
      <c r="K2308" s="2">
        <v>0</v>
      </c>
      <c r="L2308" t="s">
        <v>82</v>
      </c>
      <c r="M2308" t="s">
        <v>89</v>
      </c>
      <c r="N2308" t="s">
        <v>90</v>
      </c>
      <c r="O2308" t="s">
        <v>85</v>
      </c>
      <c r="P2308" t="s">
        <v>86</v>
      </c>
      <c r="Q2308">
        <v>22</v>
      </c>
      <c r="R2308">
        <v>23</v>
      </c>
      <c r="S2308">
        <v>23</v>
      </c>
      <c r="T2308">
        <v>24</v>
      </c>
      <c r="U2308">
        <v>25</v>
      </c>
      <c r="V2308">
        <v>26</v>
      </c>
      <c r="W2308">
        <v>27</v>
      </c>
      <c r="X2308">
        <v>27</v>
      </c>
      <c r="Y2308">
        <v>28</v>
      </c>
      <c r="Z2308">
        <v>29</v>
      </c>
      <c r="AA2308">
        <v>30</v>
      </c>
      <c r="AB2308">
        <v>31</v>
      </c>
      <c r="AC2308">
        <v>31</v>
      </c>
      <c r="AD2308">
        <v>32</v>
      </c>
      <c r="AE2308">
        <v>33</v>
      </c>
      <c r="AF2308">
        <v>33</v>
      </c>
      <c r="AG2308">
        <v>34</v>
      </c>
      <c r="AH2308">
        <v>34</v>
      </c>
      <c r="AI2308">
        <v>35</v>
      </c>
      <c r="AJ2308">
        <v>35</v>
      </c>
      <c r="AK2308">
        <v>36</v>
      </c>
      <c r="AL2308">
        <v>36</v>
      </c>
      <c r="AM2308">
        <v>37</v>
      </c>
      <c r="AN2308">
        <v>37</v>
      </c>
      <c r="AO2308">
        <v>38</v>
      </c>
      <c r="AP2308">
        <v>38</v>
      </c>
      <c r="AQ2308">
        <v>39</v>
      </c>
    </row>
    <row r="2309" spans="1:43">
      <c r="A2309" t="s">
        <v>1494</v>
      </c>
      <c r="B2309" t="s">
        <v>1495</v>
      </c>
      <c r="C2309" t="s">
        <v>1486</v>
      </c>
      <c r="D2309" t="s">
        <v>1487</v>
      </c>
      <c r="E2309" t="s">
        <v>1192</v>
      </c>
      <c r="F2309" t="s">
        <v>1193</v>
      </c>
      <c r="G2309" t="s">
        <v>80</v>
      </c>
      <c r="H2309" t="s">
        <v>81</v>
      </c>
      <c r="I2309" s="2">
        <v>0</v>
      </c>
      <c r="J2309" s="2">
        <v>1</v>
      </c>
      <c r="K2309" s="2">
        <v>0</v>
      </c>
      <c r="L2309" t="s">
        <v>82</v>
      </c>
      <c r="M2309" t="s">
        <v>83</v>
      </c>
      <c r="N2309" t="s">
        <v>91</v>
      </c>
      <c r="O2309" t="s">
        <v>85</v>
      </c>
      <c r="P2309" t="s">
        <v>86</v>
      </c>
      <c r="Q2309">
        <v>22</v>
      </c>
      <c r="R2309">
        <v>22</v>
      </c>
      <c r="S2309">
        <v>23</v>
      </c>
      <c r="T2309">
        <v>24</v>
      </c>
      <c r="U2309">
        <v>24</v>
      </c>
      <c r="V2309">
        <v>25</v>
      </c>
      <c r="W2309">
        <v>25</v>
      </c>
      <c r="X2309">
        <v>26</v>
      </c>
      <c r="Y2309">
        <v>27</v>
      </c>
      <c r="Z2309">
        <v>27</v>
      </c>
      <c r="AA2309">
        <v>28</v>
      </c>
      <c r="AB2309">
        <v>29</v>
      </c>
      <c r="AC2309">
        <v>29</v>
      </c>
      <c r="AD2309">
        <v>30</v>
      </c>
      <c r="AE2309">
        <v>31</v>
      </c>
      <c r="AF2309">
        <v>31</v>
      </c>
      <c r="AG2309">
        <v>32</v>
      </c>
      <c r="AH2309">
        <v>33</v>
      </c>
      <c r="AI2309">
        <v>34</v>
      </c>
      <c r="AJ2309">
        <v>34</v>
      </c>
      <c r="AK2309">
        <v>35</v>
      </c>
      <c r="AL2309">
        <v>36</v>
      </c>
      <c r="AM2309">
        <v>36</v>
      </c>
      <c r="AN2309">
        <v>37</v>
      </c>
      <c r="AO2309">
        <v>37</v>
      </c>
      <c r="AP2309">
        <v>38</v>
      </c>
      <c r="AQ2309">
        <v>38</v>
      </c>
    </row>
    <row r="2310" spans="1:43">
      <c r="A2310" t="s">
        <v>1496</v>
      </c>
      <c r="B2310" t="s">
        <v>1497</v>
      </c>
      <c r="C2310" t="s">
        <v>1486</v>
      </c>
      <c r="D2310" t="s">
        <v>1487</v>
      </c>
      <c r="E2310" t="s">
        <v>1192</v>
      </c>
      <c r="F2310" t="s">
        <v>1193</v>
      </c>
      <c r="G2310" t="s">
        <v>80</v>
      </c>
      <c r="H2310" t="s">
        <v>81</v>
      </c>
      <c r="I2310" s="2">
        <v>0</v>
      </c>
      <c r="J2310" s="2">
        <v>1</v>
      </c>
      <c r="K2310" s="2">
        <v>0</v>
      </c>
      <c r="L2310" t="s">
        <v>82</v>
      </c>
      <c r="M2310" t="s">
        <v>83</v>
      </c>
      <c r="N2310" t="s">
        <v>84</v>
      </c>
      <c r="O2310" t="s">
        <v>85</v>
      </c>
      <c r="P2310" t="s">
        <v>86</v>
      </c>
      <c r="Q2310">
        <v>25</v>
      </c>
      <c r="R2310">
        <v>26</v>
      </c>
      <c r="S2310">
        <v>27</v>
      </c>
      <c r="T2310">
        <v>27</v>
      </c>
      <c r="U2310">
        <v>28</v>
      </c>
      <c r="V2310">
        <v>29</v>
      </c>
      <c r="W2310">
        <v>30</v>
      </c>
      <c r="X2310">
        <v>30</v>
      </c>
      <c r="Y2310">
        <v>31</v>
      </c>
      <c r="Z2310">
        <v>32</v>
      </c>
      <c r="AA2310">
        <v>33</v>
      </c>
      <c r="AB2310">
        <v>34</v>
      </c>
      <c r="AC2310">
        <v>34</v>
      </c>
      <c r="AD2310">
        <v>35</v>
      </c>
      <c r="AE2310">
        <v>36</v>
      </c>
      <c r="AF2310">
        <v>37</v>
      </c>
      <c r="AG2310">
        <v>38</v>
      </c>
      <c r="AH2310">
        <v>39</v>
      </c>
      <c r="AI2310">
        <v>40</v>
      </c>
      <c r="AJ2310">
        <v>41</v>
      </c>
      <c r="AK2310">
        <v>42</v>
      </c>
      <c r="AL2310">
        <v>42</v>
      </c>
      <c r="AM2310">
        <v>43</v>
      </c>
      <c r="AN2310">
        <v>43</v>
      </c>
      <c r="AO2310">
        <v>44</v>
      </c>
      <c r="AP2310">
        <v>45</v>
      </c>
      <c r="AQ2310">
        <v>45</v>
      </c>
    </row>
    <row r="2311" spans="1:43">
      <c r="A2311" t="s">
        <v>1496</v>
      </c>
      <c r="B2311" t="s">
        <v>1497</v>
      </c>
      <c r="C2311" t="s">
        <v>1486</v>
      </c>
      <c r="D2311" t="s">
        <v>1487</v>
      </c>
      <c r="E2311" t="s">
        <v>1192</v>
      </c>
      <c r="F2311" t="s">
        <v>1193</v>
      </c>
      <c r="G2311" t="s">
        <v>80</v>
      </c>
      <c r="H2311" t="s">
        <v>81</v>
      </c>
      <c r="I2311" s="2">
        <v>0</v>
      </c>
      <c r="J2311" s="2">
        <v>1</v>
      </c>
      <c r="K2311" s="2">
        <v>0</v>
      </c>
      <c r="L2311" t="s">
        <v>82</v>
      </c>
      <c r="M2311" t="s">
        <v>87</v>
      </c>
      <c r="N2311" t="s">
        <v>88</v>
      </c>
      <c r="O2311" t="s">
        <v>85</v>
      </c>
      <c r="P2311" t="s">
        <v>86</v>
      </c>
      <c r="Q2311">
        <v>25</v>
      </c>
      <c r="R2311">
        <v>26</v>
      </c>
      <c r="S2311">
        <v>26</v>
      </c>
      <c r="T2311">
        <v>26</v>
      </c>
      <c r="U2311">
        <v>27</v>
      </c>
      <c r="V2311">
        <v>27</v>
      </c>
      <c r="W2311">
        <v>28</v>
      </c>
      <c r="X2311">
        <v>28</v>
      </c>
      <c r="Y2311">
        <v>29</v>
      </c>
      <c r="Z2311">
        <v>29</v>
      </c>
      <c r="AA2311">
        <v>30</v>
      </c>
      <c r="AB2311">
        <v>30</v>
      </c>
      <c r="AC2311">
        <v>31</v>
      </c>
      <c r="AD2311">
        <v>31</v>
      </c>
      <c r="AE2311">
        <v>32</v>
      </c>
      <c r="AF2311">
        <v>33</v>
      </c>
      <c r="AG2311">
        <v>33</v>
      </c>
      <c r="AH2311">
        <v>34</v>
      </c>
      <c r="AI2311">
        <v>34</v>
      </c>
      <c r="AJ2311">
        <v>35</v>
      </c>
      <c r="AK2311">
        <v>35</v>
      </c>
      <c r="AL2311">
        <v>36</v>
      </c>
      <c r="AM2311">
        <v>37</v>
      </c>
      <c r="AN2311">
        <v>37</v>
      </c>
      <c r="AO2311">
        <v>38</v>
      </c>
      <c r="AP2311">
        <v>38</v>
      </c>
      <c r="AQ2311">
        <v>39</v>
      </c>
    </row>
    <row r="2312" spans="1:43">
      <c r="A2312" t="s">
        <v>1496</v>
      </c>
      <c r="B2312" t="s">
        <v>1497</v>
      </c>
      <c r="C2312" t="s">
        <v>1486</v>
      </c>
      <c r="D2312" t="s">
        <v>1487</v>
      </c>
      <c r="E2312" t="s">
        <v>1192</v>
      </c>
      <c r="F2312" t="s">
        <v>1193</v>
      </c>
      <c r="G2312" t="s">
        <v>80</v>
      </c>
      <c r="H2312" t="s">
        <v>81</v>
      </c>
      <c r="I2312" s="2">
        <v>0</v>
      </c>
      <c r="J2312" s="2">
        <v>1</v>
      </c>
      <c r="K2312" s="2">
        <v>0</v>
      </c>
      <c r="L2312" t="s">
        <v>82</v>
      </c>
      <c r="M2312" t="s">
        <v>89</v>
      </c>
      <c r="N2312" t="s">
        <v>90</v>
      </c>
      <c r="O2312" t="s">
        <v>85</v>
      </c>
      <c r="P2312" t="s">
        <v>86</v>
      </c>
      <c r="Q2312">
        <v>25</v>
      </c>
      <c r="R2312">
        <v>25</v>
      </c>
      <c r="S2312">
        <v>26</v>
      </c>
      <c r="T2312">
        <v>27</v>
      </c>
      <c r="U2312">
        <v>28</v>
      </c>
      <c r="V2312">
        <v>29</v>
      </c>
      <c r="W2312">
        <v>30</v>
      </c>
      <c r="X2312">
        <v>31</v>
      </c>
      <c r="Y2312">
        <v>32</v>
      </c>
      <c r="Z2312">
        <v>33</v>
      </c>
      <c r="AA2312">
        <v>34</v>
      </c>
      <c r="AB2312">
        <v>35</v>
      </c>
      <c r="AC2312">
        <v>36</v>
      </c>
      <c r="AD2312">
        <v>37</v>
      </c>
      <c r="AE2312">
        <v>38</v>
      </c>
      <c r="AF2312">
        <v>38</v>
      </c>
      <c r="AG2312">
        <v>39</v>
      </c>
      <c r="AH2312">
        <v>40</v>
      </c>
      <c r="AI2312">
        <v>40</v>
      </c>
      <c r="AJ2312">
        <v>41</v>
      </c>
      <c r="AK2312">
        <v>41</v>
      </c>
      <c r="AL2312">
        <v>42</v>
      </c>
      <c r="AM2312">
        <v>42</v>
      </c>
      <c r="AN2312">
        <v>43</v>
      </c>
      <c r="AO2312">
        <v>43</v>
      </c>
      <c r="AP2312">
        <v>44</v>
      </c>
      <c r="AQ2312">
        <v>45</v>
      </c>
    </row>
    <row r="2313" spans="1:43">
      <c r="A2313" t="s">
        <v>1496</v>
      </c>
      <c r="B2313" t="s">
        <v>1497</v>
      </c>
      <c r="C2313" t="s">
        <v>1486</v>
      </c>
      <c r="D2313" t="s">
        <v>1487</v>
      </c>
      <c r="E2313" t="s">
        <v>1192</v>
      </c>
      <c r="F2313" t="s">
        <v>1193</v>
      </c>
      <c r="G2313" t="s">
        <v>80</v>
      </c>
      <c r="H2313" t="s">
        <v>81</v>
      </c>
      <c r="I2313" s="2">
        <v>0</v>
      </c>
      <c r="J2313" s="2">
        <v>1</v>
      </c>
      <c r="K2313" s="2">
        <v>0</v>
      </c>
      <c r="L2313" t="s">
        <v>82</v>
      </c>
      <c r="M2313" t="s">
        <v>83</v>
      </c>
      <c r="N2313" t="s">
        <v>91</v>
      </c>
      <c r="O2313" t="s">
        <v>85</v>
      </c>
      <c r="P2313" t="s">
        <v>86</v>
      </c>
      <c r="Q2313">
        <v>25</v>
      </c>
      <c r="R2313">
        <v>26</v>
      </c>
      <c r="S2313">
        <v>27</v>
      </c>
      <c r="T2313">
        <v>27</v>
      </c>
      <c r="U2313">
        <v>28</v>
      </c>
      <c r="V2313">
        <v>29</v>
      </c>
      <c r="W2313">
        <v>30</v>
      </c>
      <c r="X2313">
        <v>30</v>
      </c>
      <c r="Y2313">
        <v>31</v>
      </c>
      <c r="Z2313">
        <v>32</v>
      </c>
      <c r="AA2313">
        <v>33</v>
      </c>
      <c r="AB2313">
        <v>34</v>
      </c>
      <c r="AC2313">
        <v>34</v>
      </c>
      <c r="AD2313">
        <v>35</v>
      </c>
      <c r="AE2313">
        <v>36</v>
      </c>
      <c r="AF2313">
        <v>37</v>
      </c>
      <c r="AG2313">
        <v>38</v>
      </c>
      <c r="AH2313">
        <v>39</v>
      </c>
      <c r="AI2313">
        <v>40</v>
      </c>
      <c r="AJ2313">
        <v>41</v>
      </c>
      <c r="AK2313">
        <v>42</v>
      </c>
      <c r="AL2313">
        <v>42</v>
      </c>
      <c r="AM2313">
        <v>43</v>
      </c>
      <c r="AN2313">
        <v>43</v>
      </c>
      <c r="AO2313">
        <v>44</v>
      </c>
      <c r="AP2313">
        <v>45</v>
      </c>
      <c r="AQ2313">
        <v>45</v>
      </c>
    </row>
    <row r="2314" spans="1:43">
      <c r="A2314" t="s">
        <v>1498</v>
      </c>
      <c r="B2314" t="s">
        <v>1499</v>
      </c>
      <c r="C2314" t="s">
        <v>1486</v>
      </c>
      <c r="D2314" t="s">
        <v>1487</v>
      </c>
      <c r="E2314" t="s">
        <v>1192</v>
      </c>
      <c r="F2314" t="s">
        <v>1193</v>
      </c>
      <c r="G2314" t="s">
        <v>80</v>
      </c>
      <c r="H2314" t="s">
        <v>81</v>
      </c>
      <c r="I2314" s="2">
        <v>0</v>
      </c>
      <c r="J2314" s="2">
        <v>1</v>
      </c>
      <c r="K2314" s="2">
        <v>0</v>
      </c>
      <c r="L2314" t="s">
        <v>82</v>
      </c>
      <c r="M2314" t="s">
        <v>83</v>
      </c>
      <c r="N2314" t="s">
        <v>84</v>
      </c>
      <c r="O2314" t="s">
        <v>85</v>
      </c>
      <c r="P2314" t="s">
        <v>86</v>
      </c>
      <c r="Q2314">
        <v>15</v>
      </c>
      <c r="R2314">
        <v>16</v>
      </c>
      <c r="S2314">
        <v>16</v>
      </c>
      <c r="T2314">
        <v>17</v>
      </c>
      <c r="U2314">
        <v>17</v>
      </c>
      <c r="V2314">
        <v>18</v>
      </c>
      <c r="W2314">
        <v>18</v>
      </c>
      <c r="X2314">
        <v>18</v>
      </c>
      <c r="Y2314">
        <v>19</v>
      </c>
      <c r="Z2314">
        <v>19</v>
      </c>
      <c r="AA2314">
        <v>20</v>
      </c>
      <c r="AB2314">
        <v>20</v>
      </c>
      <c r="AC2314">
        <v>21</v>
      </c>
      <c r="AD2314">
        <v>21</v>
      </c>
      <c r="AE2314">
        <v>22</v>
      </c>
      <c r="AF2314">
        <v>22</v>
      </c>
      <c r="AG2314">
        <v>23</v>
      </c>
      <c r="AH2314">
        <v>23</v>
      </c>
      <c r="AI2314">
        <v>24</v>
      </c>
      <c r="AJ2314">
        <v>24</v>
      </c>
      <c r="AK2314">
        <v>25</v>
      </c>
      <c r="AL2314">
        <v>25</v>
      </c>
      <c r="AM2314">
        <v>26</v>
      </c>
      <c r="AN2314">
        <v>26</v>
      </c>
      <c r="AO2314">
        <v>26</v>
      </c>
      <c r="AP2314">
        <v>27</v>
      </c>
      <c r="AQ2314">
        <v>27</v>
      </c>
    </row>
    <row r="2315" spans="1:43">
      <c r="A2315" t="s">
        <v>1498</v>
      </c>
      <c r="B2315" t="s">
        <v>1499</v>
      </c>
      <c r="C2315" t="s">
        <v>1486</v>
      </c>
      <c r="D2315" t="s">
        <v>1487</v>
      </c>
      <c r="E2315" t="s">
        <v>1192</v>
      </c>
      <c r="F2315" t="s">
        <v>1193</v>
      </c>
      <c r="G2315" t="s">
        <v>80</v>
      </c>
      <c r="H2315" t="s">
        <v>81</v>
      </c>
      <c r="I2315" s="2">
        <v>0</v>
      </c>
      <c r="J2315" s="2">
        <v>1</v>
      </c>
      <c r="K2315" s="2">
        <v>0</v>
      </c>
      <c r="L2315" t="s">
        <v>82</v>
      </c>
      <c r="M2315" t="s">
        <v>87</v>
      </c>
      <c r="N2315" t="s">
        <v>88</v>
      </c>
      <c r="O2315" t="s">
        <v>85</v>
      </c>
      <c r="P2315" t="s">
        <v>86</v>
      </c>
      <c r="Q2315">
        <v>15</v>
      </c>
      <c r="R2315">
        <v>15</v>
      </c>
      <c r="S2315">
        <v>16</v>
      </c>
      <c r="T2315">
        <v>16</v>
      </c>
      <c r="U2315">
        <v>16</v>
      </c>
      <c r="V2315">
        <v>17</v>
      </c>
      <c r="W2315">
        <v>17</v>
      </c>
      <c r="X2315">
        <v>17</v>
      </c>
      <c r="Y2315">
        <v>17</v>
      </c>
      <c r="Z2315">
        <v>18</v>
      </c>
      <c r="AA2315">
        <v>18</v>
      </c>
      <c r="AB2315">
        <v>18</v>
      </c>
      <c r="AC2315">
        <v>19</v>
      </c>
      <c r="AD2315">
        <v>19</v>
      </c>
      <c r="AE2315">
        <v>19</v>
      </c>
      <c r="AF2315">
        <v>20</v>
      </c>
      <c r="AG2315">
        <v>20</v>
      </c>
      <c r="AH2315">
        <v>20</v>
      </c>
      <c r="AI2315">
        <v>21</v>
      </c>
      <c r="AJ2315">
        <v>21</v>
      </c>
      <c r="AK2315">
        <v>21</v>
      </c>
      <c r="AL2315">
        <v>22</v>
      </c>
      <c r="AM2315">
        <v>22</v>
      </c>
      <c r="AN2315">
        <v>22</v>
      </c>
      <c r="AO2315">
        <v>23</v>
      </c>
      <c r="AP2315">
        <v>23</v>
      </c>
      <c r="AQ2315">
        <v>24</v>
      </c>
    </row>
    <row r="2316" spans="1:43">
      <c r="A2316" t="s">
        <v>1498</v>
      </c>
      <c r="B2316" t="s">
        <v>1499</v>
      </c>
      <c r="C2316" t="s">
        <v>1486</v>
      </c>
      <c r="D2316" t="s">
        <v>1487</v>
      </c>
      <c r="E2316" t="s">
        <v>1192</v>
      </c>
      <c r="F2316" t="s">
        <v>1193</v>
      </c>
      <c r="G2316" t="s">
        <v>80</v>
      </c>
      <c r="H2316" t="s">
        <v>81</v>
      </c>
      <c r="I2316" s="2">
        <v>0</v>
      </c>
      <c r="J2316" s="2">
        <v>1</v>
      </c>
      <c r="K2316" s="2">
        <v>0</v>
      </c>
      <c r="L2316" t="s">
        <v>82</v>
      </c>
      <c r="M2316" t="s">
        <v>89</v>
      </c>
      <c r="N2316" t="s">
        <v>90</v>
      </c>
      <c r="O2316" t="s">
        <v>85</v>
      </c>
      <c r="P2316" t="s">
        <v>86</v>
      </c>
      <c r="Q2316">
        <v>15</v>
      </c>
      <c r="R2316">
        <v>16</v>
      </c>
      <c r="S2316">
        <v>17</v>
      </c>
      <c r="T2316">
        <v>17</v>
      </c>
      <c r="U2316">
        <v>18</v>
      </c>
      <c r="V2316">
        <v>18</v>
      </c>
      <c r="W2316">
        <v>19</v>
      </c>
      <c r="X2316">
        <v>19</v>
      </c>
      <c r="Y2316">
        <v>20</v>
      </c>
      <c r="Z2316">
        <v>21</v>
      </c>
      <c r="AA2316">
        <v>21</v>
      </c>
      <c r="AB2316">
        <v>22</v>
      </c>
      <c r="AC2316">
        <v>22</v>
      </c>
      <c r="AD2316">
        <v>23</v>
      </c>
      <c r="AE2316">
        <v>23</v>
      </c>
      <c r="AF2316">
        <v>24</v>
      </c>
      <c r="AG2316">
        <v>24</v>
      </c>
      <c r="AH2316">
        <v>24</v>
      </c>
      <c r="AI2316">
        <v>25</v>
      </c>
      <c r="AJ2316">
        <v>25</v>
      </c>
      <c r="AK2316">
        <v>25</v>
      </c>
      <c r="AL2316">
        <v>26</v>
      </c>
      <c r="AM2316">
        <v>26</v>
      </c>
      <c r="AN2316">
        <v>26</v>
      </c>
      <c r="AO2316">
        <v>27</v>
      </c>
      <c r="AP2316">
        <v>27</v>
      </c>
      <c r="AQ2316">
        <v>27</v>
      </c>
    </row>
    <row r="2317" spans="1:43">
      <c r="A2317" t="s">
        <v>1498</v>
      </c>
      <c r="B2317" t="s">
        <v>1499</v>
      </c>
      <c r="C2317" t="s">
        <v>1486</v>
      </c>
      <c r="D2317" t="s">
        <v>1487</v>
      </c>
      <c r="E2317" t="s">
        <v>1192</v>
      </c>
      <c r="F2317" t="s">
        <v>1193</v>
      </c>
      <c r="G2317" t="s">
        <v>80</v>
      </c>
      <c r="H2317" t="s">
        <v>81</v>
      </c>
      <c r="I2317" s="2">
        <v>0</v>
      </c>
      <c r="J2317" s="2">
        <v>1</v>
      </c>
      <c r="K2317" s="2">
        <v>0</v>
      </c>
      <c r="L2317" t="s">
        <v>82</v>
      </c>
      <c r="M2317" t="s">
        <v>83</v>
      </c>
      <c r="N2317" t="s">
        <v>91</v>
      </c>
      <c r="O2317" t="s">
        <v>85</v>
      </c>
      <c r="P2317" t="s">
        <v>86</v>
      </c>
      <c r="Q2317">
        <v>15</v>
      </c>
      <c r="R2317">
        <v>16</v>
      </c>
      <c r="S2317">
        <v>16</v>
      </c>
      <c r="T2317">
        <v>17</v>
      </c>
      <c r="U2317">
        <v>17</v>
      </c>
      <c r="V2317">
        <v>18</v>
      </c>
      <c r="W2317">
        <v>18</v>
      </c>
      <c r="X2317">
        <v>18</v>
      </c>
      <c r="Y2317">
        <v>19</v>
      </c>
      <c r="Z2317">
        <v>19</v>
      </c>
      <c r="AA2317">
        <v>20</v>
      </c>
      <c r="AB2317">
        <v>20</v>
      </c>
      <c r="AC2317">
        <v>21</v>
      </c>
      <c r="AD2317">
        <v>21</v>
      </c>
      <c r="AE2317">
        <v>22</v>
      </c>
      <c r="AF2317">
        <v>22</v>
      </c>
      <c r="AG2317">
        <v>23</v>
      </c>
      <c r="AH2317">
        <v>23</v>
      </c>
      <c r="AI2317">
        <v>24</v>
      </c>
      <c r="AJ2317">
        <v>24</v>
      </c>
      <c r="AK2317">
        <v>25</v>
      </c>
      <c r="AL2317">
        <v>25</v>
      </c>
      <c r="AM2317">
        <v>26</v>
      </c>
      <c r="AN2317">
        <v>26</v>
      </c>
      <c r="AO2317">
        <v>26</v>
      </c>
      <c r="AP2317">
        <v>27</v>
      </c>
      <c r="AQ2317">
        <v>27</v>
      </c>
    </row>
    <row r="2318" spans="1:43">
      <c r="A2318" t="s">
        <v>1500</v>
      </c>
      <c r="B2318" t="s">
        <v>1501</v>
      </c>
      <c r="C2318" t="s">
        <v>1418</v>
      </c>
      <c r="D2318" t="s">
        <v>1419</v>
      </c>
      <c r="E2318" t="s">
        <v>1192</v>
      </c>
      <c r="F2318" t="s">
        <v>1193</v>
      </c>
      <c r="G2318" t="s">
        <v>80</v>
      </c>
      <c r="H2318" t="s">
        <v>81</v>
      </c>
      <c r="I2318" s="2">
        <v>1</v>
      </c>
      <c r="J2318" s="2">
        <v>0</v>
      </c>
      <c r="K2318" s="2">
        <v>0</v>
      </c>
      <c r="L2318" t="s">
        <v>120</v>
      </c>
      <c r="M2318" t="s">
        <v>83</v>
      </c>
      <c r="N2318" t="s">
        <v>84</v>
      </c>
      <c r="O2318" t="s">
        <v>85</v>
      </c>
      <c r="P2318" t="s">
        <v>86</v>
      </c>
      <c r="Q2318">
        <v>16</v>
      </c>
      <c r="R2318">
        <v>17</v>
      </c>
      <c r="S2318">
        <v>17</v>
      </c>
      <c r="T2318">
        <v>18</v>
      </c>
      <c r="U2318">
        <v>18</v>
      </c>
      <c r="V2318">
        <v>19</v>
      </c>
      <c r="W2318">
        <v>19</v>
      </c>
      <c r="X2318">
        <v>20</v>
      </c>
      <c r="Y2318">
        <v>20</v>
      </c>
      <c r="Z2318">
        <v>21</v>
      </c>
      <c r="AA2318">
        <v>21</v>
      </c>
      <c r="AB2318">
        <v>22</v>
      </c>
      <c r="AC2318">
        <v>22</v>
      </c>
      <c r="AD2318">
        <v>23</v>
      </c>
      <c r="AE2318">
        <v>23</v>
      </c>
      <c r="AF2318">
        <v>24</v>
      </c>
      <c r="AG2318">
        <v>24</v>
      </c>
      <c r="AH2318">
        <v>25</v>
      </c>
      <c r="AI2318">
        <v>25</v>
      </c>
      <c r="AJ2318">
        <v>26</v>
      </c>
      <c r="AK2318">
        <v>27</v>
      </c>
      <c r="AL2318">
        <v>27</v>
      </c>
      <c r="AM2318">
        <v>27</v>
      </c>
      <c r="AN2318">
        <v>28</v>
      </c>
      <c r="AO2318">
        <v>28</v>
      </c>
      <c r="AP2318">
        <v>28</v>
      </c>
      <c r="AQ2318">
        <v>29</v>
      </c>
    </row>
    <row r="2319" spans="1:43">
      <c r="A2319" t="s">
        <v>1500</v>
      </c>
      <c r="B2319" t="s">
        <v>1501</v>
      </c>
      <c r="C2319" t="s">
        <v>1418</v>
      </c>
      <c r="D2319" t="s">
        <v>1419</v>
      </c>
      <c r="E2319" t="s">
        <v>1192</v>
      </c>
      <c r="F2319" t="s">
        <v>1193</v>
      </c>
      <c r="G2319" t="s">
        <v>80</v>
      </c>
      <c r="H2319" t="s">
        <v>81</v>
      </c>
      <c r="I2319" s="2">
        <v>1</v>
      </c>
      <c r="J2319" s="2">
        <v>0</v>
      </c>
      <c r="K2319" s="2">
        <v>0</v>
      </c>
      <c r="L2319" t="s">
        <v>120</v>
      </c>
      <c r="M2319" t="s">
        <v>87</v>
      </c>
      <c r="N2319" t="s">
        <v>88</v>
      </c>
      <c r="O2319" t="s">
        <v>85</v>
      </c>
      <c r="P2319" t="s">
        <v>86</v>
      </c>
      <c r="Q2319">
        <v>16</v>
      </c>
      <c r="R2319">
        <v>17</v>
      </c>
      <c r="S2319">
        <v>17</v>
      </c>
      <c r="T2319">
        <v>17</v>
      </c>
      <c r="U2319">
        <v>17</v>
      </c>
      <c r="V2319">
        <v>18</v>
      </c>
      <c r="W2319">
        <v>18</v>
      </c>
      <c r="X2319">
        <v>18</v>
      </c>
      <c r="Y2319">
        <v>19</v>
      </c>
      <c r="Z2319">
        <v>19</v>
      </c>
      <c r="AA2319">
        <v>19</v>
      </c>
      <c r="AB2319">
        <v>20</v>
      </c>
      <c r="AC2319">
        <v>20</v>
      </c>
      <c r="AD2319">
        <v>20</v>
      </c>
      <c r="AE2319">
        <v>21</v>
      </c>
      <c r="AF2319">
        <v>21</v>
      </c>
      <c r="AG2319">
        <v>21</v>
      </c>
      <c r="AH2319">
        <v>22</v>
      </c>
      <c r="AI2319">
        <v>22</v>
      </c>
      <c r="AJ2319">
        <v>22</v>
      </c>
      <c r="AK2319">
        <v>23</v>
      </c>
      <c r="AL2319">
        <v>23</v>
      </c>
      <c r="AM2319">
        <v>23</v>
      </c>
      <c r="AN2319">
        <v>24</v>
      </c>
      <c r="AO2319">
        <v>24</v>
      </c>
      <c r="AP2319">
        <v>25</v>
      </c>
      <c r="AQ2319">
        <v>25</v>
      </c>
    </row>
    <row r="2320" spans="1:43">
      <c r="A2320" t="s">
        <v>1500</v>
      </c>
      <c r="B2320" t="s">
        <v>1501</v>
      </c>
      <c r="C2320" t="s">
        <v>1418</v>
      </c>
      <c r="D2320" t="s">
        <v>1419</v>
      </c>
      <c r="E2320" t="s">
        <v>1192</v>
      </c>
      <c r="F2320" t="s">
        <v>1193</v>
      </c>
      <c r="G2320" t="s">
        <v>80</v>
      </c>
      <c r="H2320" t="s">
        <v>81</v>
      </c>
      <c r="I2320" s="2">
        <v>1</v>
      </c>
      <c r="J2320" s="2">
        <v>0</v>
      </c>
      <c r="K2320" s="2">
        <v>0</v>
      </c>
      <c r="L2320" t="s">
        <v>120</v>
      </c>
      <c r="M2320" t="s">
        <v>89</v>
      </c>
      <c r="N2320" t="s">
        <v>90</v>
      </c>
      <c r="O2320" t="s">
        <v>85</v>
      </c>
      <c r="P2320" t="s">
        <v>86</v>
      </c>
      <c r="Q2320">
        <v>16</v>
      </c>
      <c r="R2320">
        <v>16</v>
      </c>
      <c r="S2320">
        <v>17</v>
      </c>
      <c r="T2320">
        <v>17</v>
      </c>
      <c r="U2320">
        <v>18</v>
      </c>
      <c r="V2320">
        <v>19</v>
      </c>
      <c r="W2320">
        <v>19</v>
      </c>
      <c r="X2320">
        <v>20</v>
      </c>
      <c r="Y2320">
        <v>20</v>
      </c>
      <c r="Z2320">
        <v>21</v>
      </c>
      <c r="AA2320">
        <v>21</v>
      </c>
      <c r="AB2320">
        <v>22</v>
      </c>
      <c r="AC2320">
        <v>23</v>
      </c>
      <c r="AD2320">
        <v>23</v>
      </c>
      <c r="AE2320">
        <v>24</v>
      </c>
      <c r="AF2320">
        <v>24</v>
      </c>
      <c r="AG2320">
        <v>25</v>
      </c>
      <c r="AH2320">
        <v>25</v>
      </c>
      <c r="AI2320">
        <v>25</v>
      </c>
      <c r="AJ2320">
        <v>26</v>
      </c>
      <c r="AK2320">
        <v>26</v>
      </c>
      <c r="AL2320">
        <v>26</v>
      </c>
      <c r="AM2320">
        <v>27</v>
      </c>
      <c r="AN2320">
        <v>27</v>
      </c>
      <c r="AO2320">
        <v>27</v>
      </c>
      <c r="AP2320">
        <v>28</v>
      </c>
      <c r="AQ2320">
        <v>28</v>
      </c>
    </row>
    <row r="2321" spans="1:43">
      <c r="A2321" t="s">
        <v>1500</v>
      </c>
      <c r="B2321" t="s">
        <v>1501</v>
      </c>
      <c r="C2321" t="s">
        <v>1418</v>
      </c>
      <c r="D2321" t="s">
        <v>1419</v>
      </c>
      <c r="E2321" t="s">
        <v>1192</v>
      </c>
      <c r="F2321" t="s">
        <v>1193</v>
      </c>
      <c r="G2321" t="s">
        <v>80</v>
      </c>
      <c r="H2321" t="s">
        <v>81</v>
      </c>
      <c r="I2321" s="2">
        <v>1</v>
      </c>
      <c r="J2321" s="2">
        <v>0</v>
      </c>
      <c r="K2321" s="2">
        <v>0</v>
      </c>
      <c r="L2321" t="s">
        <v>120</v>
      </c>
      <c r="M2321" t="s">
        <v>83</v>
      </c>
      <c r="N2321" t="s">
        <v>91</v>
      </c>
      <c r="O2321" t="s">
        <v>85</v>
      </c>
      <c r="P2321" t="s">
        <v>86</v>
      </c>
      <c r="Q2321">
        <v>16</v>
      </c>
      <c r="R2321">
        <v>17</v>
      </c>
      <c r="S2321">
        <v>17</v>
      </c>
      <c r="T2321">
        <v>18</v>
      </c>
      <c r="U2321">
        <v>18</v>
      </c>
      <c r="V2321">
        <v>19</v>
      </c>
      <c r="W2321">
        <v>19</v>
      </c>
      <c r="X2321">
        <v>20</v>
      </c>
      <c r="Y2321">
        <v>20</v>
      </c>
      <c r="Z2321">
        <v>21</v>
      </c>
      <c r="AA2321">
        <v>21</v>
      </c>
      <c r="AB2321">
        <v>22</v>
      </c>
      <c r="AC2321">
        <v>22</v>
      </c>
      <c r="AD2321">
        <v>23</v>
      </c>
      <c r="AE2321">
        <v>23</v>
      </c>
      <c r="AF2321">
        <v>24</v>
      </c>
      <c r="AG2321">
        <v>24</v>
      </c>
      <c r="AH2321">
        <v>25</v>
      </c>
      <c r="AI2321">
        <v>25</v>
      </c>
      <c r="AJ2321">
        <v>26</v>
      </c>
      <c r="AK2321">
        <v>27</v>
      </c>
      <c r="AL2321">
        <v>27</v>
      </c>
      <c r="AM2321">
        <v>27</v>
      </c>
      <c r="AN2321">
        <v>28</v>
      </c>
      <c r="AO2321">
        <v>28</v>
      </c>
      <c r="AP2321">
        <v>28</v>
      </c>
      <c r="AQ2321">
        <v>29</v>
      </c>
    </row>
    <row r="2322" spans="1:43">
      <c r="A2322" t="s">
        <v>1502</v>
      </c>
      <c r="B2322" t="s">
        <v>1503</v>
      </c>
      <c r="C2322" t="s">
        <v>1410</v>
      </c>
      <c r="D2322" t="s">
        <v>1411</v>
      </c>
      <c r="E2322" t="s">
        <v>1192</v>
      </c>
      <c r="F2322" t="s">
        <v>1193</v>
      </c>
      <c r="G2322" t="s">
        <v>80</v>
      </c>
      <c r="H2322" t="s">
        <v>81</v>
      </c>
      <c r="I2322" s="2">
        <v>1</v>
      </c>
      <c r="J2322" s="2">
        <v>0</v>
      </c>
      <c r="K2322" s="2">
        <v>0</v>
      </c>
      <c r="L2322" t="s">
        <v>120</v>
      </c>
      <c r="M2322" t="s">
        <v>83</v>
      </c>
      <c r="N2322" t="s">
        <v>84</v>
      </c>
      <c r="O2322" t="s">
        <v>85</v>
      </c>
      <c r="P2322" t="s">
        <v>86</v>
      </c>
      <c r="Q2322">
        <v>10</v>
      </c>
      <c r="R2322">
        <v>11</v>
      </c>
      <c r="S2322">
        <v>11</v>
      </c>
      <c r="T2322">
        <v>11</v>
      </c>
      <c r="U2322">
        <v>11</v>
      </c>
      <c r="V2322">
        <v>12</v>
      </c>
      <c r="W2322">
        <v>12</v>
      </c>
      <c r="X2322">
        <v>12</v>
      </c>
      <c r="Y2322">
        <v>13</v>
      </c>
      <c r="Z2322">
        <v>13</v>
      </c>
      <c r="AA2322">
        <v>13</v>
      </c>
      <c r="AB2322">
        <v>14</v>
      </c>
      <c r="AC2322">
        <v>14</v>
      </c>
      <c r="AD2322">
        <v>14</v>
      </c>
      <c r="AE2322">
        <v>15</v>
      </c>
      <c r="AF2322">
        <v>15</v>
      </c>
      <c r="AG2322">
        <v>15</v>
      </c>
      <c r="AH2322">
        <v>16</v>
      </c>
      <c r="AI2322">
        <v>16</v>
      </c>
      <c r="AJ2322">
        <v>16</v>
      </c>
      <c r="AK2322">
        <v>17</v>
      </c>
      <c r="AL2322">
        <v>17</v>
      </c>
      <c r="AM2322">
        <v>17</v>
      </c>
      <c r="AN2322">
        <v>18</v>
      </c>
      <c r="AO2322">
        <v>18</v>
      </c>
      <c r="AP2322">
        <v>18</v>
      </c>
      <c r="AQ2322">
        <v>18</v>
      </c>
    </row>
    <row r="2323" spans="1:43">
      <c r="A2323" t="s">
        <v>1502</v>
      </c>
      <c r="B2323" t="s">
        <v>1503</v>
      </c>
      <c r="C2323" t="s">
        <v>1410</v>
      </c>
      <c r="D2323" t="s">
        <v>1411</v>
      </c>
      <c r="E2323" t="s">
        <v>1192</v>
      </c>
      <c r="F2323" t="s">
        <v>1193</v>
      </c>
      <c r="G2323" t="s">
        <v>80</v>
      </c>
      <c r="H2323" t="s">
        <v>81</v>
      </c>
      <c r="I2323" s="2">
        <v>1</v>
      </c>
      <c r="J2323" s="2">
        <v>0</v>
      </c>
      <c r="K2323" s="2">
        <v>0</v>
      </c>
      <c r="L2323" t="s">
        <v>120</v>
      </c>
      <c r="M2323" t="s">
        <v>87</v>
      </c>
      <c r="N2323" t="s">
        <v>88</v>
      </c>
      <c r="O2323" t="s">
        <v>85</v>
      </c>
      <c r="P2323" t="s">
        <v>86</v>
      </c>
      <c r="Q2323">
        <v>10</v>
      </c>
      <c r="R2323">
        <v>10</v>
      </c>
      <c r="S2323">
        <v>11</v>
      </c>
      <c r="T2323">
        <v>11</v>
      </c>
      <c r="U2323">
        <v>11</v>
      </c>
      <c r="V2323">
        <v>11</v>
      </c>
      <c r="W2323">
        <v>11</v>
      </c>
      <c r="X2323">
        <v>12</v>
      </c>
      <c r="Y2323">
        <v>12</v>
      </c>
      <c r="Z2323">
        <v>12</v>
      </c>
      <c r="AA2323">
        <v>12</v>
      </c>
      <c r="AB2323">
        <v>12</v>
      </c>
      <c r="AC2323">
        <v>13</v>
      </c>
      <c r="AD2323">
        <v>13</v>
      </c>
      <c r="AE2323">
        <v>13</v>
      </c>
      <c r="AF2323">
        <v>13</v>
      </c>
      <c r="AG2323">
        <v>13</v>
      </c>
      <c r="AH2323">
        <v>14</v>
      </c>
      <c r="AI2323">
        <v>14</v>
      </c>
      <c r="AJ2323">
        <v>14</v>
      </c>
      <c r="AK2323">
        <v>14</v>
      </c>
      <c r="AL2323">
        <v>15</v>
      </c>
      <c r="AM2323">
        <v>15</v>
      </c>
      <c r="AN2323">
        <v>15</v>
      </c>
      <c r="AO2323">
        <v>15</v>
      </c>
      <c r="AP2323">
        <v>16</v>
      </c>
      <c r="AQ2323">
        <v>16</v>
      </c>
    </row>
    <row r="2324" spans="1:43">
      <c r="A2324" t="s">
        <v>1502</v>
      </c>
      <c r="B2324" t="s">
        <v>1503</v>
      </c>
      <c r="C2324" t="s">
        <v>1410</v>
      </c>
      <c r="D2324" t="s">
        <v>1411</v>
      </c>
      <c r="E2324" t="s">
        <v>1192</v>
      </c>
      <c r="F2324" t="s">
        <v>1193</v>
      </c>
      <c r="G2324" t="s">
        <v>80</v>
      </c>
      <c r="H2324" t="s">
        <v>81</v>
      </c>
      <c r="I2324" s="2">
        <v>1</v>
      </c>
      <c r="J2324" s="2">
        <v>0</v>
      </c>
      <c r="K2324" s="2">
        <v>0</v>
      </c>
      <c r="L2324" t="s">
        <v>120</v>
      </c>
      <c r="M2324" t="s">
        <v>89</v>
      </c>
      <c r="N2324" t="s">
        <v>90</v>
      </c>
      <c r="O2324" t="s">
        <v>85</v>
      </c>
      <c r="P2324" t="s">
        <v>86</v>
      </c>
      <c r="Q2324">
        <v>10</v>
      </c>
      <c r="R2324">
        <v>11</v>
      </c>
      <c r="S2324">
        <v>11</v>
      </c>
      <c r="T2324">
        <v>12</v>
      </c>
      <c r="U2324">
        <v>12</v>
      </c>
      <c r="V2324">
        <v>12</v>
      </c>
      <c r="W2324">
        <v>13</v>
      </c>
      <c r="X2324">
        <v>13</v>
      </c>
      <c r="Y2324">
        <v>13</v>
      </c>
      <c r="Z2324">
        <v>14</v>
      </c>
      <c r="AA2324">
        <v>14</v>
      </c>
      <c r="AB2324">
        <v>15</v>
      </c>
      <c r="AC2324">
        <v>15</v>
      </c>
      <c r="AD2324">
        <v>15</v>
      </c>
      <c r="AE2324">
        <v>16</v>
      </c>
      <c r="AF2324">
        <v>16</v>
      </c>
      <c r="AG2324">
        <v>16</v>
      </c>
      <c r="AH2324">
        <v>16</v>
      </c>
      <c r="AI2324">
        <v>17</v>
      </c>
      <c r="AJ2324">
        <v>17</v>
      </c>
      <c r="AK2324">
        <v>17</v>
      </c>
      <c r="AL2324">
        <v>17</v>
      </c>
      <c r="AM2324">
        <v>17</v>
      </c>
      <c r="AN2324">
        <v>18</v>
      </c>
      <c r="AO2324">
        <v>18</v>
      </c>
      <c r="AP2324">
        <v>18</v>
      </c>
      <c r="AQ2324">
        <v>18</v>
      </c>
    </row>
    <row r="2325" spans="1:43">
      <c r="A2325" t="s">
        <v>1502</v>
      </c>
      <c r="B2325" t="s">
        <v>1503</v>
      </c>
      <c r="C2325" t="s">
        <v>1410</v>
      </c>
      <c r="D2325" t="s">
        <v>1411</v>
      </c>
      <c r="E2325" t="s">
        <v>1192</v>
      </c>
      <c r="F2325" t="s">
        <v>1193</v>
      </c>
      <c r="G2325" t="s">
        <v>80</v>
      </c>
      <c r="H2325" t="s">
        <v>81</v>
      </c>
      <c r="I2325" s="2">
        <v>1</v>
      </c>
      <c r="J2325" s="2">
        <v>0</v>
      </c>
      <c r="K2325" s="2">
        <v>0</v>
      </c>
      <c r="L2325" t="s">
        <v>120</v>
      </c>
      <c r="M2325" t="s">
        <v>83</v>
      </c>
      <c r="N2325" t="s">
        <v>91</v>
      </c>
      <c r="O2325" t="s">
        <v>85</v>
      </c>
      <c r="P2325" t="s">
        <v>86</v>
      </c>
      <c r="Q2325">
        <v>10</v>
      </c>
      <c r="R2325">
        <v>11</v>
      </c>
      <c r="S2325">
        <v>11</v>
      </c>
      <c r="T2325">
        <v>11</v>
      </c>
      <c r="U2325">
        <v>11</v>
      </c>
      <c r="V2325">
        <v>12</v>
      </c>
      <c r="W2325">
        <v>12</v>
      </c>
      <c r="X2325">
        <v>12</v>
      </c>
      <c r="Y2325">
        <v>13</v>
      </c>
      <c r="Z2325">
        <v>13</v>
      </c>
      <c r="AA2325">
        <v>13</v>
      </c>
      <c r="AB2325">
        <v>14</v>
      </c>
      <c r="AC2325">
        <v>14</v>
      </c>
      <c r="AD2325">
        <v>14</v>
      </c>
      <c r="AE2325">
        <v>15</v>
      </c>
      <c r="AF2325">
        <v>15</v>
      </c>
      <c r="AG2325">
        <v>15</v>
      </c>
      <c r="AH2325">
        <v>16</v>
      </c>
      <c r="AI2325">
        <v>16</v>
      </c>
      <c r="AJ2325">
        <v>16</v>
      </c>
      <c r="AK2325">
        <v>17</v>
      </c>
      <c r="AL2325">
        <v>17</v>
      </c>
      <c r="AM2325">
        <v>17</v>
      </c>
      <c r="AN2325">
        <v>18</v>
      </c>
      <c r="AO2325">
        <v>18</v>
      </c>
      <c r="AP2325">
        <v>18</v>
      </c>
      <c r="AQ2325">
        <v>18</v>
      </c>
    </row>
    <row r="2326" spans="1:43">
      <c r="A2326" t="s">
        <v>1504</v>
      </c>
      <c r="B2326" t="s">
        <v>1505</v>
      </c>
      <c r="C2326" t="s">
        <v>1410</v>
      </c>
      <c r="D2326" t="s">
        <v>1411</v>
      </c>
      <c r="E2326" t="s">
        <v>1192</v>
      </c>
      <c r="F2326" t="s">
        <v>1193</v>
      </c>
      <c r="G2326" t="s">
        <v>80</v>
      </c>
      <c r="H2326" t="s">
        <v>81</v>
      </c>
      <c r="I2326" s="2">
        <v>1</v>
      </c>
      <c r="J2326" s="2">
        <v>0</v>
      </c>
      <c r="K2326" s="2">
        <v>0</v>
      </c>
      <c r="L2326" t="s">
        <v>120</v>
      </c>
      <c r="M2326" t="s">
        <v>83</v>
      </c>
      <c r="N2326" t="s">
        <v>84</v>
      </c>
      <c r="O2326" t="s">
        <v>85</v>
      </c>
      <c r="P2326" t="s">
        <v>86</v>
      </c>
      <c r="Q2326">
        <v>86</v>
      </c>
      <c r="R2326">
        <v>88</v>
      </c>
      <c r="S2326">
        <v>90</v>
      </c>
      <c r="T2326">
        <v>93</v>
      </c>
      <c r="U2326">
        <v>95</v>
      </c>
      <c r="V2326">
        <v>98</v>
      </c>
      <c r="W2326">
        <v>100</v>
      </c>
      <c r="X2326">
        <v>103</v>
      </c>
      <c r="Y2326">
        <v>105</v>
      </c>
      <c r="Z2326">
        <v>108</v>
      </c>
      <c r="AA2326">
        <v>110</v>
      </c>
      <c r="AB2326">
        <v>113</v>
      </c>
      <c r="AC2326">
        <v>116</v>
      </c>
      <c r="AD2326">
        <v>119</v>
      </c>
      <c r="AE2326">
        <v>121</v>
      </c>
      <c r="AF2326">
        <v>124</v>
      </c>
      <c r="AG2326">
        <v>127</v>
      </c>
      <c r="AH2326">
        <v>130</v>
      </c>
      <c r="AI2326">
        <v>133</v>
      </c>
      <c r="AJ2326">
        <v>136</v>
      </c>
      <c r="AK2326">
        <v>139</v>
      </c>
      <c r="AL2326">
        <v>141</v>
      </c>
      <c r="AM2326">
        <v>143</v>
      </c>
      <c r="AN2326">
        <v>145</v>
      </c>
      <c r="AO2326">
        <v>147</v>
      </c>
      <c r="AP2326">
        <v>149</v>
      </c>
      <c r="AQ2326">
        <v>151</v>
      </c>
    </row>
    <row r="2327" spans="1:43">
      <c r="A2327" t="s">
        <v>1504</v>
      </c>
      <c r="B2327" t="s">
        <v>1505</v>
      </c>
      <c r="C2327" t="s">
        <v>1410</v>
      </c>
      <c r="D2327" t="s">
        <v>1411</v>
      </c>
      <c r="E2327" t="s">
        <v>1192</v>
      </c>
      <c r="F2327" t="s">
        <v>1193</v>
      </c>
      <c r="G2327" t="s">
        <v>80</v>
      </c>
      <c r="H2327" t="s">
        <v>81</v>
      </c>
      <c r="I2327" s="2">
        <v>1</v>
      </c>
      <c r="J2327" s="2">
        <v>0</v>
      </c>
      <c r="K2327" s="2">
        <v>0</v>
      </c>
      <c r="L2327" t="s">
        <v>120</v>
      </c>
      <c r="M2327" t="s">
        <v>87</v>
      </c>
      <c r="N2327" t="s">
        <v>88</v>
      </c>
      <c r="O2327" t="s">
        <v>85</v>
      </c>
      <c r="P2327" t="s">
        <v>86</v>
      </c>
      <c r="Q2327">
        <v>86</v>
      </c>
      <c r="R2327">
        <v>87</v>
      </c>
      <c r="S2327">
        <v>89</v>
      </c>
      <c r="T2327">
        <v>90</v>
      </c>
      <c r="U2327">
        <v>92</v>
      </c>
      <c r="V2327">
        <v>93</v>
      </c>
      <c r="W2327">
        <v>95</v>
      </c>
      <c r="X2327">
        <v>97</v>
      </c>
      <c r="Y2327">
        <v>98</v>
      </c>
      <c r="Z2327">
        <v>100</v>
      </c>
      <c r="AA2327">
        <v>102</v>
      </c>
      <c r="AB2327">
        <v>103</v>
      </c>
      <c r="AC2327">
        <v>105</v>
      </c>
      <c r="AD2327">
        <v>107</v>
      </c>
      <c r="AE2327">
        <v>109</v>
      </c>
      <c r="AF2327">
        <v>111</v>
      </c>
      <c r="AG2327">
        <v>112</v>
      </c>
      <c r="AH2327">
        <v>114</v>
      </c>
      <c r="AI2327">
        <v>116</v>
      </c>
      <c r="AJ2327">
        <v>118</v>
      </c>
      <c r="AK2327">
        <v>120</v>
      </c>
      <c r="AL2327">
        <v>122</v>
      </c>
      <c r="AM2327">
        <v>124</v>
      </c>
      <c r="AN2327">
        <v>126</v>
      </c>
      <c r="AO2327">
        <v>128</v>
      </c>
      <c r="AP2327">
        <v>130</v>
      </c>
      <c r="AQ2327">
        <v>132</v>
      </c>
    </row>
    <row r="2328" spans="1:43">
      <c r="A2328" t="s">
        <v>1504</v>
      </c>
      <c r="B2328" t="s">
        <v>1505</v>
      </c>
      <c r="C2328" t="s">
        <v>1410</v>
      </c>
      <c r="D2328" t="s">
        <v>1411</v>
      </c>
      <c r="E2328" t="s">
        <v>1192</v>
      </c>
      <c r="F2328" t="s">
        <v>1193</v>
      </c>
      <c r="G2328" t="s">
        <v>80</v>
      </c>
      <c r="H2328" t="s">
        <v>81</v>
      </c>
      <c r="I2328" s="2">
        <v>1</v>
      </c>
      <c r="J2328" s="2">
        <v>0</v>
      </c>
      <c r="K2328" s="2">
        <v>0</v>
      </c>
      <c r="L2328" t="s">
        <v>120</v>
      </c>
      <c r="M2328" t="s">
        <v>89</v>
      </c>
      <c r="N2328" t="s">
        <v>90</v>
      </c>
      <c r="O2328" t="s">
        <v>85</v>
      </c>
      <c r="P2328" t="s">
        <v>86</v>
      </c>
      <c r="Q2328">
        <v>86</v>
      </c>
      <c r="R2328">
        <v>89</v>
      </c>
      <c r="S2328">
        <v>93</v>
      </c>
      <c r="T2328">
        <v>96</v>
      </c>
      <c r="U2328">
        <v>99</v>
      </c>
      <c r="V2328">
        <v>102</v>
      </c>
      <c r="W2328">
        <v>105</v>
      </c>
      <c r="X2328">
        <v>108</v>
      </c>
      <c r="Y2328">
        <v>111</v>
      </c>
      <c r="Z2328">
        <v>114</v>
      </c>
      <c r="AA2328">
        <v>118</v>
      </c>
      <c r="AB2328">
        <v>121</v>
      </c>
      <c r="AC2328">
        <v>124</v>
      </c>
      <c r="AD2328">
        <v>127</v>
      </c>
      <c r="AE2328">
        <v>130</v>
      </c>
      <c r="AF2328">
        <v>132</v>
      </c>
      <c r="AG2328">
        <v>134</v>
      </c>
      <c r="AH2328">
        <v>135</v>
      </c>
      <c r="AI2328">
        <v>137</v>
      </c>
      <c r="AJ2328">
        <v>139</v>
      </c>
      <c r="AK2328">
        <v>141</v>
      </c>
      <c r="AL2328">
        <v>143</v>
      </c>
      <c r="AM2328">
        <v>145</v>
      </c>
      <c r="AN2328">
        <v>146</v>
      </c>
      <c r="AO2328">
        <v>148</v>
      </c>
      <c r="AP2328">
        <v>150</v>
      </c>
      <c r="AQ2328">
        <v>152</v>
      </c>
    </row>
    <row r="2329" spans="1:43">
      <c r="A2329" t="s">
        <v>1504</v>
      </c>
      <c r="B2329" t="s">
        <v>1505</v>
      </c>
      <c r="C2329" t="s">
        <v>1410</v>
      </c>
      <c r="D2329" t="s">
        <v>1411</v>
      </c>
      <c r="E2329" t="s">
        <v>1192</v>
      </c>
      <c r="F2329" t="s">
        <v>1193</v>
      </c>
      <c r="G2329" t="s">
        <v>80</v>
      </c>
      <c r="H2329" t="s">
        <v>81</v>
      </c>
      <c r="I2329" s="2">
        <v>1</v>
      </c>
      <c r="J2329" s="2">
        <v>0</v>
      </c>
      <c r="K2329" s="2">
        <v>0</v>
      </c>
      <c r="L2329" t="s">
        <v>120</v>
      </c>
      <c r="M2329" t="s">
        <v>83</v>
      </c>
      <c r="N2329" t="s">
        <v>91</v>
      </c>
      <c r="O2329" t="s">
        <v>85</v>
      </c>
      <c r="P2329" t="s">
        <v>86</v>
      </c>
      <c r="Q2329">
        <v>86</v>
      </c>
      <c r="R2329">
        <v>88</v>
      </c>
      <c r="S2329">
        <v>90</v>
      </c>
      <c r="T2329">
        <v>93</v>
      </c>
      <c r="U2329">
        <v>95</v>
      </c>
      <c r="V2329">
        <v>98</v>
      </c>
      <c r="W2329">
        <v>100</v>
      </c>
      <c r="X2329">
        <v>103</v>
      </c>
      <c r="Y2329">
        <v>105</v>
      </c>
      <c r="Z2329">
        <v>108</v>
      </c>
      <c r="AA2329">
        <v>110</v>
      </c>
      <c r="AB2329">
        <v>113</v>
      </c>
      <c r="AC2329">
        <v>116</v>
      </c>
      <c r="AD2329">
        <v>119</v>
      </c>
      <c r="AE2329">
        <v>121</v>
      </c>
      <c r="AF2329">
        <v>124</v>
      </c>
      <c r="AG2329">
        <v>127</v>
      </c>
      <c r="AH2329">
        <v>130</v>
      </c>
      <c r="AI2329">
        <v>133</v>
      </c>
      <c r="AJ2329">
        <v>136</v>
      </c>
      <c r="AK2329">
        <v>139</v>
      </c>
      <c r="AL2329">
        <v>141</v>
      </c>
      <c r="AM2329">
        <v>143</v>
      </c>
      <c r="AN2329">
        <v>145</v>
      </c>
      <c r="AO2329">
        <v>147</v>
      </c>
      <c r="AP2329">
        <v>149</v>
      </c>
      <c r="AQ2329">
        <v>151</v>
      </c>
    </row>
    <row r="2330" spans="1:43">
      <c r="A2330" t="s">
        <v>1506</v>
      </c>
      <c r="B2330" t="s">
        <v>1507</v>
      </c>
      <c r="C2330" t="s">
        <v>1418</v>
      </c>
      <c r="D2330" t="s">
        <v>1419</v>
      </c>
      <c r="E2330" t="s">
        <v>1192</v>
      </c>
      <c r="F2330" t="s">
        <v>1193</v>
      </c>
      <c r="G2330" t="s">
        <v>80</v>
      </c>
      <c r="H2330" t="s">
        <v>81</v>
      </c>
      <c r="I2330" s="2">
        <v>1</v>
      </c>
      <c r="J2330" s="2">
        <v>0</v>
      </c>
      <c r="K2330" s="2">
        <v>0</v>
      </c>
      <c r="L2330" t="s">
        <v>120</v>
      </c>
      <c r="M2330" t="s">
        <v>83</v>
      </c>
      <c r="N2330" t="s">
        <v>84</v>
      </c>
      <c r="O2330" t="s">
        <v>85</v>
      </c>
      <c r="P2330" t="s">
        <v>86</v>
      </c>
      <c r="Q2330">
        <v>7</v>
      </c>
      <c r="R2330">
        <v>7</v>
      </c>
      <c r="S2330">
        <v>7</v>
      </c>
      <c r="T2330">
        <v>7</v>
      </c>
      <c r="U2330">
        <v>7</v>
      </c>
      <c r="V2330">
        <v>7</v>
      </c>
      <c r="W2330">
        <v>8</v>
      </c>
      <c r="X2330">
        <v>8</v>
      </c>
      <c r="Y2330">
        <v>8</v>
      </c>
      <c r="Z2330">
        <v>8</v>
      </c>
      <c r="AA2330">
        <v>8</v>
      </c>
      <c r="AB2330">
        <v>9</v>
      </c>
      <c r="AC2330">
        <v>9</v>
      </c>
      <c r="AD2330">
        <v>9</v>
      </c>
      <c r="AE2330">
        <v>9</v>
      </c>
      <c r="AF2330">
        <v>10</v>
      </c>
      <c r="AG2330">
        <v>10</v>
      </c>
      <c r="AH2330">
        <v>10</v>
      </c>
      <c r="AI2330">
        <v>10</v>
      </c>
      <c r="AJ2330">
        <v>10</v>
      </c>
      <c r="AK2330">
        <v>11</v>
      </c>
      <c r="AL2330">
        <v>11</v>
      </c>
      <c r="AM2330">
        <v>11</v>
      </c>
      <c r="AN2330">
        <v>11</v>
      </c>
      <c r="AO2330">
        <v>11</v>
      </c>
      <c r="AP2330">
        <v>11</v>
      </c>
      <c r="AQ2330">
        <v>12</v>
      </c>
    </row>
    <row r="2331" spans="1:43">
      <c r="A2331" t="s">
        <v>1506</v>
      </c>
      <c r="B2331" t="s">
        <v>1507</v>
      </c>
      <c r="C2331" t="s">
        <v>1418</v>
      </c>
      <c r="D2331" t="s">
        <v>1419</v>
      </c>
      <c r="E2331" t="s">
        <v>1192</v>
      </c>
      <c r="F2331" t="s">
        <v>1193</v>
      </c>
      <c r="G2331" t="s">
        <v>80</v>
      </c>
      <c r="H2331" t="s">
        <v>81</v>
      </c>
      <c r="I2331" s="2">
        <v>1</v>
      </c>
      <c r="J2331" s="2">
        <v>0</v>
      </c>
      <c r="K2331" s="2">
        <v>0</v>
      </c>
      <c r="L2331" t="s">
        <v>120</v>
      </c>
      <c r="M2331" t="s">
        <v>87</v>
      </c>
      <c r="N2331" t="s">
        <v>88</v>
      </c>
      <c r="O2331" t="s">
        <v>85</v>
      </c>
      <c r="P2331" t="s">
        <v>86</v>
      </c>
      <c r="Q2331">
        <v>7</v>
      </c>
      <c r="R2331">
        <v>8</v>
      </c>
      <c r="S2331">
        <v>8</v>
      </c>
      <c r="T2331">
        <v>8</v>
      </c>
      <c r="U2331">
        <v>8</v>
      </c>
      <c r="V2331">
        <v>8</v>
      </c>
      <c r="W2331">
        <v>8</v>
      </c>
      <c r="X2331">
        <v>8</v>
      </c>
      <c r="Y2331">
        <v>8</v>
      </c>
      <c r="Z2331">
        <v>9</v>
      </c>
      <c r="AA2331">
        <v>9</v>
      </c>
      <c r="AB2331">
        <v>9</v>
      </c>
      <c r="AC2331">
        <v>9</v>
      </c>
      <c r="AD2331">
        <v>9</v>
      </c>
      <c r="AE2331">
        <v>9</v>
      </c>
      <c r="AF2331">
        <v>9</v>
      </c>
      <c r="AG2331">
        <v>10</v>
      </c>
      <c r="AH2331">
        <v>10</v>
      </c>
      <c r="AI2331">
        <v>10</v>
      </c>
      <c r="AJ2331">
        <v>10</v>
      </c>
      <c r="AK2331">
        <v>10</v>
      </c>
      <c r="AL2331">
        <v>10</v>
      </c>
      <c r="AM2331">
        <v>10</v>
      </c>
      <c r="AN2331">
        <v>11</v>
      </c>
      <c r="AO2331">
        <v>11</v>
      </c>
      <c r="AP2331">
        <v>11</v>
      </c>
      <c r="AQ2331">
        <v>11</v>
      </c>
    </row>
    <row r="2332" spans="1:43">
      <c r="A2332" t="s">
        <v>1506</v>
      </c>
      <c r="B2332" t="s">
        <v>1507</v>
      </c>
      <c r="C2332" t="s">
        <v>1418</v>
      </c>
      <c r="D2332" t="s">
        <v>1419</v>
      </c>
      <c r="E2332" t="s">
        <v>1192</v>
      </c>
      <c r="F2332" t="s">
        <v>1193</v>
      </c>
      <c r="G2332" t="s">
        <v>80</v>
      </c>
      <c r="H2332" t="s">
        <v>81</v>
      </c>
      <c r="I2332" s="2">
        <v>1</v>
      </c>
      <c r="J2332" s="2">
        <v>0</v>
      </c>
      <c r="K2332" s="2">
        <v>0</v>
      </c>
      <c r="L2332" t="s">
        <v>120</v>
      </c>
      <c r="M2332" t="s">
        <v>89</v>
      </c>
      <c r="N2332" t="s">
        <v>90</v>
      </c>
      <c r="O2332" t="s">
        <v>85</v>
      </c>
      <c r="P2332" t="s">
        <v>86</v>
      </c>
      <c r="Q2332">
        <v>7</v>
      </c>
      <c r="R2332">
        <v>7</v>
      </c>
      <c r="S2332">
        <v>7</v>
      </c>
      <c r="T2332">
        <v>7</v>
      </c>
      <c r="U2332">
        <v>8</v>
      </c>
      <c r="V2332">
        <v>8</v>
      </c>
      <c r="W2332">
        <v>8</v>
      </c>
      <c r="X2332">
        <v>8</v>
      </c>
      <c r="Y2332">
        <v>9</v>
      </c>
      <c r="Z2332">
        <v>9</v>
      </c>
      <c r="AA2332">
        <v>9</v>
      </c>
      <c r="AB2332">
        <v>9</v>
      </c>
      <c r="AC2332">
        <v>10</v>
      </c>
      <c r="AD2332">
        <v>10</v>
      </c>
      <c r="AE2332">
        <v>10</v>
      </c>
      <c r="AF2332">
        <v>10</v>
      </c>
      <c r="AG2332">
        <v>10</v>
      </c>
      <c r="AH2332">
        <v>10</v>
      </c>
      <c r="AI2332">
        <v>11</v>
      </c>
      <c r="AJ2332">
        <v>11</v>
      </c>
      <c r="AK2332">
        <v>11</v>
      </c>
      <c r="AL2332">
        <v>11</v>
      </c>
      <c r="AM2332">
        <v>11</v>
      </c>
      <c r="AN2332">
        <v>11</v>
      </c>
      <c r="AO2332">
        <v>11</v>
      </c>
      <c r="AP2332">
        <v>12</v>
      </c>
      <c r="AQ2332">
        <v>12</v>
      </c>
    </row>
    <row r="2333" spans="1:43">
      <c r="A2333" t="s">
        <v>1506</v>
      </c>
      <c r="B2333" t="s">
        <v>1507</v>
      </c>
      <c r="C2333" t="s">
        <v>1418</v>
      </c>
      <c r="D2333" t="s">
        <v>1419</v>
      </c>
      <c r="E2333" t="s">
        <v>1192</v>
      </c>
      <c r="F2333" t="s">
        <v>1193</v>
      </c>
      <c r="G2333" t="s">
        <v>80</v>
      </c>
      <c r="H2333" t="s">
        <v>81</v>
      </c>
      <c r="I2333" s="2">
        <v>1</v>
      </c>
      <c r="J2333" s="2">
        <v>0</v>
      </c>
      <c r="K2333" s="2">
        <v>0</v>
      </c>
      <c r="L2333" t="s">
        <v>120</v>
      </c>
      <c r="M2333" t="s">
        <v>83</v>
      </c>
      <c r="N2333" t="s">
        <v>91</v>
      </c>
      <c r="O2333" t="s">
        <v>85</v>
      </c>
      <c r="P2333" t="s">
        <v>86</v>
      </c>
      <c r="Q2333">
        <v>7</v>
      </c>
      <c r="R2333">
        <v>7</v>
      </c>
      <c r="S2333">
        <v>7</v>
      </c>
      <c r="T2333">
        <v>7</v>
      </c>
      <c r="U2333">
        <v>7</v>
      </c>
      <c r="V2333">
        <v>7</v>
      </c>
      <c r="W2333">
        <v>8</v>
      </c>
      <c r="X2333">
        <v>8</v>
      </c>
      <c r="Y2333">
        <v>8</v>
      </c>
      <c r="Z2333">
        <v>8</v>
      </c>
      <c r="AA2333">
        <v>8</v>
      </c>
      <c r="AB2333">
        <v>9</v>
      </c>
      <c r="AC2333">
        <v>9</v>
      </c>
      <c r="AD2333">
        <v>9</v>
      </c>
      <c r="AE2333">
        <v>9</v>
      </c>
      <c r="AF2333">
        <v>10</v>
      </c>
      <c r="AG2333">
        <v>10</v>
      </c>
      <c r="AH2333">
        <v>10</v>
      </c>
      <c r="AI2333">
        <v>10</v>
      </c>
      <c r="AJ2333">
        <v>10</v>
      </c>
      <c r="AK2333">
        <v>11</v>
      </c>
      <c r="AL2333">
        <v>11</v>
      </c>
      <c r="AM2333">
        <v>11</v>
      </c>
      <c r="AN2333">
        <v>11</v>
      </c>
      <c r="AO2333">
        <v>11</v>
      </c>
      <c r="AP2333">
        <v>11</v>
      </c>
      <c r="AQ2333">
        <v>12</v>
      </c>
    </row>
    <row r="2334" spans="1:43">
      <c r="A2334" t="s">
        <v>1508</v>
      </c>
      <c r="B2334" t="s">
        <v>1509</v>
      </c>
      <c r="C2334" t="s">
        <v>1510</v>
      </c>
      <c r="D2334" t="s">
        <v>1511</v>
      </c>
      <c r="E2334" t="s">
        <v>1192</v>
      </c>
      <c r="F2334" t="s">
        <v>1193</v>
      </c>
      <c r="G2334" t="s">
        <v>80</v>
      </c>
      <c r="H2334" t="s">
        <v>81</v>
      </c>
      <c r="I2334" s="2">
        <v>1</v>
      </c>
      <c r="J2334" s="2">
        <v>0</v>
      </c>
      <c r="K2334" s="2">
        <v>0</v>
      </c>
      <c r="L2334" t="s">
        <v>120</v>
      </c>
      <c r="M2334" t="s">
        <v>83</v>
      </c>
      <c r="N2334" t="s">
        <v>84</v>
      </c>
      <c r="O2334" t="s">
        <v>85</v>
      </c>
      <c r="P2334" t="s">
        <v>86</v>
      </c>
      <c r="Q2334">
        <v>38</v>
      </c>
      <c r="R2334">
        <v>39</v>
      </c>
      <c r="S2334">
        <v>40</v>
      </c>
      <c r="T2334">
        <v>41</v>
      </c>
      <c r="U2334">
        <v>42</v>
      </c>
      <c r="V2334">
        <v>43</v>
      </c>
      <c r="W2334">
        <v>44</v>
      </c>
      <c r="X2334">
        <v>45</v>
      </c>
      <c r="Y2334">
        <v>46</v>
      </c>
      <c r="Z2334">
        <v>48</v>
      </c>
      <c r="AA2334">
        <v>49</v>
      </c>
      <c r="AB2334">
        <v>50</v>
      </c>
      <c r="AC2334">
        <v>51</v>
      </c>
      <c r="AD2334">
        <v>52</v>
      </c>
      <c r="AE2334">
        <v>54</v>
      </c>
      <c r="AF2334">
        <v>55</v>
      </c>
      <c r="AG2334">
        <v>56</v>
      </c>
      <c r="AH2334">
        <v>57</v>
      </c>
      <c r="AI2334">
        <v>59</v>
      </c>
      <c r="AJ2334">
        <v>60</v>
      </c>
      <c r="AK2334">
        <v>61</v>
      </c>
      <c r="AL2334">
        <v>62</v>
      </c>
      <c r="AM2334">
        <v>63</v>
      </c>
      <c r="AN2334">
        <v>64</v>
      </c>
      <c r="AO2334">
        <v>65</v>
      </c>
      <c r="AP2334">
        <v>66</v>
      </c>
      <c r="AQ2334">
        <v>67</v>
      </c>
    </row>
    <row r="2335" spans="1:43">
      <c r="A2335" t="s">
        <v>1508</v>
      </c>
      <c r="B2335" t="s">
        <v>1509</v>
      </c>
      <c r="C2335" t="s">
        <v>1510</v>
      </c>
      <c r="D2335" t="s">
        <v>1511</v>
      </c>
      <c r="E2335" t="s">
        <v>1192</v>
      </c>
      <c r="F2335" t="s">
        <v>1193</v>
      </c>
      <c r="G2335" t="s">
        <v>80</v>
      </c>
      <c r="H2335" t="s">
        <v>81</v>
      </c>
      <c r="I2335" s="2">
        <v>1</v>
      </c>
      <c r="J2335" s="2">
        <v>0</v>
      </c>
      <c r="K2335" s="2">
        <v>0</v>
      </c>
      <c r="L2335" t="s">
        <v>120</v>
      </c>
      <c r="M2335" t="s">
        <v>87</v>
      </c>
      <c r="N2335" t="s">
        <v>88</v>
      </c>
      <c r="O2335" t="s">
        <v>85</v>
      </c>
      <c r="P2335" t="s">
        <v>86</v>
      </c>
      <c r="Q2335">
        <v>38</v>
      </c>
      <c r="R2335">
        <v>39</v>
      </c>
      <c r="S2335">
        <v>40</v>
      </c>
      <c r="T2335">
        <v>40</v>
      </c>
      <c r="U2335">
        <v>41</v>
      </c>
      <c r="V2335">
        <v>42</v>
      </c>
      <c r="W2335">
        <v>43</v>
      </c>
      <c r="X2335">
        <v>43</v>
      </c>
      <c r="Y2335">
        <v>44</v>
      </c>
      <c r="Z2335">
        <v>45</v>
      </c>
      <c r="AA2335">
        <v>45</v>
      </c>
      <c r="AB2335">
        <v>46</v>
      </c>
      <c r="AC2335">
        <v>47</v>
      </c>
      <c r="AD2335">
        <v>48</v>
      </c>
      <c r="AE2335">
        <v>49</v>
      </c>
      <c r="AF2335">
        <v>49</v>
      </c>
      <c r="AG2335">
        <v>50</v>
      </c>
      <c r="AH2335">
        <v>51</v>
      </c>
      <c r="AI2335">
        <v>52</v>
      </c>
      <c r="AJ2335">
        <v>53</v>
      </c>
      <c r="AK2335">
        <v>53</v>
      </c>
      <c r="AL2335">
        <v>54</v>
      </c>
      <c r="AM2335">
        <v>55</v>
      </c>
      <c r="AN2335">
        <v>56</v>
      </c>
      <c r="AO2335">
        <v>57</v>
      </c>
      <c r="AP2335">
        <v>58</v>
      </c>
      <c r="AQ2335">
        <v>59</v>
      </c>
    </row>
    <row r="2336" spans="1:43">
      <c r="A2336" t="s">
        <v>1508</v>
      </c>
      <c r="B2336" t="s">
        <v>1509</v>
      </c>
      <c r="C2336" t="s">
        <v>1510</v>
      </c>
      <c r="D2336" t="s">
        <v>1511</v>
      </c>
      <c r="E2336" t="s">
        <v>1192</v>
      </c>
      <c r="F2336" t="s">
        <v>1193</v>
      </c>
      <c r="G2336" t="s">
        <v>80</v>
      </c>
      <c r="H2336" t="s">
        <v>81</v>
      </c>
      <c r="I2336" s="2">
        <v>1</v>
      </c>
      <c r="J2336" s="2">
        <v>0</v>
      </c>
      <c r="K2336" s="2">
        <v>0</v>
      </c>
      <c r="L2336" t="s">
        <v>120</v>
      </c>
      <c r="M2336" t="s">
        <v>89</v>
      </c>
      <c r="N2336" t="s">
        <v>90</v>
      </c>
      <c r="O2336" t="s">
        <v>85</v>
      </c>
      <c r="P2336" t="s">
        <v>86</v>
      </c>
      <c r="Q2336">
        <v>38</v>
      </c>
      <c r="R2336">
        <v>40</v>
      </c>
      <c r="S2336">
        <v>41</v>
      </c>
      <c r="T2336">
        <v>42</v>
      </c>
      <c r="U2336">
        <v>44</v>
      </c>
      <c r="V2336">
        <v>45</v>
      </c>
      <c r="W2336">
        <v>46</v>
      </c>
      <c r="X2336">
        <v>48</v>
      </c>
      <c r="Y2336">
        <v>49</v>
      </c>
      <c r="Z2336">
        <v>51</v>
      </c>
      <c r="AA2336">
        <v>52</v>
      </c>
      <c r="AB2336">
        <v>53</v>
      </c>
      <c r="AC2336">
        <v>55</v>
      </c>
      <c r="AD2336">
        <v>56</v>
      </c>
      <c r="AE2336">
        <v>57</v>
      </c>
      <c r="AF2336">
        <v>58</v>
      </c>
      <c r="AG2336">
        <v>59</v>
      </c>
      <c r="AH2336">
        <v>60</v>
      </c>
      <c r="AI2336">
        <v>61</v>
      </c>
      <c r="AJ2336">
        <v>61</v>
      </c>
      <c r="AK2336">
        <v>62</v>
      </c>
      <c r="AL2336">
        <v>63</v>
      </c>
      <c r="AM2336">
        <v>64</v>
      </c>
      <c r="AN2336">
        <v>65</v>
      </c>
      <c r="AO2336">
        <v>66</v>
      </c>
      <c r="AP2336">
        <v>66</v>
      </c>
      <c r="AQ2336">
        <v>67</v>
      </c>
    </row>
    <row r="2337" spans="1:43">
      <c r="A2337" t="s">
        <v>1508</v>
      </c>
      <c r="B2337" t="s">
        <v>1509</v>
      </c>
      <c r="C2337" t="s">
        <v>1510</v>
      </c>
      <c r="D2337" t="s">
        <v>1511</v>
      </c>
      <c r="E2337" t="s">
        <v>1192</v>
      </c>
      <c r="F2337" t="s">
        <v>1193</v>
      </c>
      <c r="G2337" t="s">
        <v>80</v>
      </c>
      <c r="H2337" t="s">
        <v>81</v>
      </c>
      <c r="I2337" s="2">
        <v>1</v>
      </c>
      <c r="J2337" s="2">
        <v>0</v>
      </c>
      <c r="K2337" s="2">
        <v>0</v>
      </c>
      <c r="L2337" t="s">
        <v>120</v>
      </c>
      <c r="M2337" t="s">
        <v>83</v>
      </c>
      <c r="N2337" t="s">
        <v>91</v>
      </c>
      <c r="O2337" t="s">
        <v>85</v>
      </c>
      <c r="P2337" t="s">
        <v>86</v>
      </c>
      <c r="Q2337">
        <v>38</v>
      </c>
      <c r="R2337">
        <v>39</v>
      </c>
      <c r="S2337">
        <v>40</v>
      </c>
      <c r="T2337">
        <v>41</v>
      </c>
      <c r="U2337">
        <v>42</v>
      </c>
      <c r="V2337">
        <v>43</v>
      </c>
      <c r="W2337">
        <v>44</v>
      </c>
      <c r="X2337">
        <v>45</v>
      </c>
      <c r="Y2337">
        <v>46</v>
      </c>
      <c r="Z2337">
        <v>48</v>
      </c>
      <c r="AA2337">
        <v>49</v>
      </c>
      <c r="AB2337">
        <v>50</v>
      </c>
      <c r="AC2337">
        <v>51</v>
      </c>
      <c r="AD2337">
        <v>52</v>
      </c>
      <c r="AE2337">
        <v>54</v>
      </c>
      <c r="AF2337">
        <v>55</v>
      </c>
      <c r="AG2337">
        <v>56</v>
      </c>
      <c r="AH2337">
        <v>57</v>
      </c>
      <c r="AI2337">
        <v>59</v>
      </c>
      <c r="AJ2337">
        <v>60</v>
      </c>
      <c r="AK2337">
        <v>61</v>
      </c>
      <c r="AL2337">
        <v>62</v>
      </c>
      <c r="AM2337">
        <v>63</v>
      </c>
      <c r="AN2337">
        <v>64</v>
      </c>
      <c r="AO2337">
        <v>65</v>
      </c>
      <c r="AP2337">
        <v>66</v>
      </c>
      <c r="AQ2337">
        <v>67</v>
      </c>
    </row>
    <row r="2338" spans="1:43">
      <c r="A2338" t="s">
        <v>1512</v>
      </c>
      <c r="B2338" t="s">
        <v>1513</v>
      </c>
      <c r="C2338" t="s">
        <v>1418</v>
      </c>
      <c r="D2338" t="s">
        <v>1419</v>
      </c>
      <c r="E2338" t="s">
        <v>1192</v>
      </c>
      <c r="F2338" t="s">
        <v>1193</v>
      </c>
      <c r="G2338" t="s">
        <v>80</v>
      </c>
      <c r="H2338" t="s">
        <v>81</v>
      </c>
      <c r="I2338" s="2">
        <v>1</v>
      </c>
      <c r="J2338" s="2">
        <v>0</v>
      </c>
      <c r="K2338" s="2">
        <v>0</v>
      </c>
      <c r="L2338" t="s">
        <v>120</v>
      </c>
      <c r="M2338" t="s">
        <v>83</v>
      </c>
      <c r="N2338" t="s">
        <v>84</v>
      </c>
      <c r="O2338" t="s">
        <v>85</v>
      </c>
      <c r="P2338" t="s">
        <v>86</v>
      </c>
      <c r="Q2338">
        <v>23</v>
      </c>
      <c r="R2338">
        <v>23</v>
      </c>
      <c r="S2338">
        <v>24</v>
      </c>
      <c r="T2338">
        <v>24</v>
      </c>
      <c r="U2338">
        <v>25</v>
      </c>
      <c r="V2338">
        <v>26</v>
      </c>
      <c r="W2338">
        <v>26</v>
      </c>
      <c r="X2338">
        <v>27</v>
      </c>
      <c r="Y2338">
        <v>28</v>
      </c>
      <c r="Z2338">
        <v>28</v>
      </c>
      <c r="AA2338">
        <v>29</v>
      </c>
      <c r="AB2338">
        <v>30</v>
      </c>
      <c r="AC2338">
        <v>31</v>
      </c>
      <c r="AD2338">
        <v>31</v>
      </c>
      <c r="AE2338">
        <v>32</v>
      </c>
      <c r="AF2338">
        <v>33</v>
      </c>
      <c r="AG2338">
        <v>34</v>
      </c>
      <c r="AH2338">
        <v>34</v>
      </c>
      <c r="AI2338">
        <v>35</v>
      </c>
      <c r="AJ2338">
        <v>36</v>
      </c>
      <c r="AK2338">
        <v>37</v>
      </c>
      <c r="AL2338">
        <v>37</v>
      </c>
      <c r="AM2338">
        <v>38</v>
      </c>
      <c r="AN2338">
        <v>38</v>
      </c>
      <c r="AO2338">
        <v>39</v>
      </c>
      <c r="AP2338">
        <v>39</v>
      </c>
      <c r="AQ2338">
        <v>40</v>
      </c>
    </row>
    <row r="2339" spans="1:43">
      <c r="A2339" t="s">
        <v>1512</v>
      </c>
      <c r="B2339" t="s">
        <v>1513</v>
      </c>
      <c r="C2339" t="s">
        <v>1418</v>
      </c>
      <c r="D2339" t="s">
        <v>1419</v>
      </c>
      <c r="E2339" t="s">
        <v>1192</v>
      </c>
      <c r="F2339" t="s">
        <v>1193</v>
      </c>
      <c r="G2339" t="s">
        <v>80</v>
      </c>
      <c r="H2339" t="s">
        <v>81</v>
      </c>
      <c r="I2339" s="2">
        <v>1</v>
      </c>
      <c r="J2339" s="2">
        <v>0</v>
      </c>
      <c r="K2339" s="2">
        <v>0</v>
      </c>
      <c r="L2339" t="s">
        <v>120</v>
      </c>
      <c r="M2339" t="s">
        <v>87</v>
      </c>
      <c r="N2339" t="s">
        <v>88</v>
      </c>
      <c r="O2339" t="s">
        <v>85</v>
      </c>
      <c r="P2339" t="s">
        <v>86</v>
      </c>
      <c r="Q2339">
        <v>23</v>
      </c>
      <c r="R2339">
        <v>24</v>
      </c>
      <c r="S2339">
        <v>24</v>
      </c>
      <c r="T2339">
        <v>25</v>
      </c>
      <c r="U2339">
        <v>25</v>
      </c>
      <c r="V2339">
        <v>25</v>
      </c>
      <c r="W2339">
        <v>26</v>
      </c>
      <c r="X2339">
        <v>26</v>
      </c>
      <c r="Y2339">
        <v>27</v>
      </c>
      <c r="Z2339">
        <v>27</v>
      </c>
      <c r="AA2339">
        <v>28</v>
      </c>
      <c r="AB2339">
        <v>28</v>
      </c>
      <c r="AC2339">
        <v>29</v>
      </c>
      <c r="AD2339">
        <v>29</v>
      </c>
      <c r="AE2339">
        <v>29</v>
      </c>
      <c r="AF2339">
        <v>30</v>
      </c>
      <c r="AG2339">
        <v>30</v>
      </c>
      <c r="AH2339">
        <v>31</v>
      </c>
      <c r="AI2339">
        <v>31</v>
      </c>
      <c r="AJ2339">
        <v>32</v>
      </c>
      <c r="AK2339">
        <v>32</v>
      </c>
      <c r="AL2339">
        <v>33</v>
      </c>
      <c r="AM2339">
        <v>33</v>
      </c>
      <c r="AN2339">
        <v>34</v>
      </c>
      <c r="AO2339">
        <v>34</v>
      </c>
      <c r="AP2339">
        <v>35</v>
      </c>
      <c r="AQ2339">
        <v>36</v>
      </c>
    </row>
    <row r="2340" spans="1:43">
      <c r="A2340" t="s">
        <v>1512</v>
      </c>
      <c r="B2340" t="s">
        <v>1513</v>
      </c>
      <c r="C2340" t="s">
        <v>1418</v>
      </c>
      <c r="D2340" t="s">
        <v>1419</v>
      </c>
      <c r="E2340" t="s">
        <v>1192</v>
      </c>
      <c r="F2340" t="s">
        <v>1193</v>
      </c>
      <c r="G2340" t="s">
        <v>80</v>
      </c>
      <c r="H2340" t="s">
        <v>81</v>
      </c>
      <c r="I2340" s="2">
        <v>1</v>
      </c>
      <c r="J2340" s="2">
        <v>0</v>
      </c>
      <c r="K2340" s="2">
        <v>0</v>
      </c>
      <c r="L2340" t="s">
        <v>120</v>
      </c>
      <c r="M2340" t="s">
        <v>89</v>
      </c>
      <c r="N2340" t="s">
        <v>90</v>
      </c>
      <c r="O2340" t="s">
        <v>85</v>
      </c>
      <c r="P2340" t="s">
        <v>86</v>
      </c>
      <c r="Q2340">
        <v>23</v>
      </c>
      <c r="R2340">
        <v>24</v>
      </c>
      <c r="S2340">
        <v>24</v>
      </c>
      <c r="T2340">
        <v>25</v>
      </c>
      <c r="U2340">
        <v>26</v>
      </c>
      <c r="V2340">
        <v>27</v>
      </c>
      <c r="W2340">
        <v>28</v>
      </c>
      <c r="X2340">
        <v>29</v>
      </c>
      <c r="Y2340">
        <v>29</v>
      </c>
      <c r="Z2340">
        <v>30</v>
      </c>
      <c r="AA2340">
        <v>31</v>
      </c>
      <c r="AB2340">
        <v>32</v>
      </c>
      <c r="AC2340">
        <v>33</v>
      </c>
      <c r="AD2340">
        <v>34</v>
      </c>
      <c r="AE2340">
        <v>34</v>
      </c>
      <c r="AF2340">
        <v>35</v>
      </c>
      <c r="AG2340">
        <v>35</v>
      </c>
      <c r="AH2340">
        <v>36</v>
      </c>
      <c r="AI2340">
        <v>36</v>
      </c>
      <c r="AJ2340">
        <v>37</v>
      </c>
      <c r="AK2340">
        <v>37</v>
      </c>
      <c r="AL2340">
        <v>38</v>
      </c>
      <c r="AM2340">
        <v>38</v>
      </c>
      <c r="AN2340">
        <v>39</v>
      </c>
      <c r="AO2340">
        <v>39</v>
      </c>
      <c r="AP2340">
        <v>40</v>
      </c>
      <c r="AQ2340">
        <v>40</v>
      </c>
    </row>
    <row r="2341" spans="1:43">
      <c r="A2341" t="s">
        <v>1512</v>
      </c>
      <c r="B2341" t="s">
        <v>1513</v>
      </c>
      <c r="C2341" t="s">
        <v>1418</v>
      </c>
      <c r="D2341" t="s">
        <v>1419</v>
      </c>
      <c r="E2341" t="s">
        <v>1192</v>
      </c>
      <c r="F2341" t="s">
        <v>1193</v>
      </c>
      <c r="G2341" t="s">
        <v>80</v>
      </c>
      <c r="H2341" t="s">
        <v>81</v>
      </c>
      <c r="I2341" s="2">
        <v>1</v>
      </c>
      <c r="J2341" s="2">
        <v>0</v>
      </c>
      <c r="K2341" s="2">
        <v>0</v>
      </c>
      <c r="L2341" t="s">
        <v>120</v>
      </c>
      <c r="M2341" t="s">
        <v>83</v>
      </c>
      <c r="N2341" t="s">
        <v>91</v>
      </c>
      <c r="O2341" t="s">
        <v>85</v>
      </c>
      <c r="P2341" t="s">
        <v>86</v>
      </c>
      <c r="Q2341">
        <v>23</v>
      </c>
      <c r="R2341">
        <v>23</v>
      </c>
      <c r="S2341">
        <v>24</v>
      </c>
      <c r="T2341">
        <v>24</v>
      </c>
      <c r="U2341">
        <v>25</v>
      </c>
      <c r="V2341">
        <v>26</v>
      </c>
      <c r="W2341">
        <v>26</v>
      </c>
      <c r="X2341">
        <v>27</v>
      </c>
      <c r="Y2341">
        <v>28</v>
      </c>
      <c r="Z2341">
        <v>28</v>
      </c>
      <c r="AA2341">
        <v>29</v>
      </c>
      <c r="AB2341">
        <v>30</v>
      </c>
      <c r="AC2341">
        <v>31</v>
      </c>
      <c r="AD2341">
        <v>31</v>
      </c>
      <c r="AE2341">
        <v>32</v>
      </c>
      <c r="AF2341">
        <v>33</v>
      </c>
      <c r="AG2341">
        <v>34</v>
      </c>
      <c r="AH2341">
        <v>34</v>
      </c>
      <c r="AI2341">
        <v>35</v>
      </c>
      <c r="AJ2341">
        <v>36</v>
      </c>
      <c r="AK2341">
        <v>37</v>
      </c>
      <c r="AL2341">
        <v>37</v>
      </c>
      <c r="AM2341">
        <v>38</v>
      </c>
      <c r="AN2341">
        <v>38</v>
      </c>
      <c r="AO2341">
        <v>39</v>
      </c>
      <c r="AP2341">
        <v>39</v>
      </c>
      <c r="AQ2341">
        <v>40</v>
      </c>
    </row>
    <row r="2342" spans="1:43">
      <c r="A2342" t="s">
        <v>1514</v>
      </c>
      <c r="B2342" t="s">
        <v>1515</v>
      </c>
      <c r="C2342" t="s">
        <v>1510</v>
      </c>
      <c r="D2342" t="s">
        <v>1511</v>
      </c>
      <c r="E2342" t="s">
        <v>1192</v>
      </c>
      <c r="F2342" t="s">
        <v>1193</v>
      </c>
      <c r="G2342" t="s">
        <v>80</v>
      </c>
      <c r="H2342" t="s">
        <v>81</v>
      </c>
      <c r="I2342" s="2">
        <v>1</v>
      </c>
      <c r="J2342" s="2">
        <v>0</v>
      </c>
      <c r="K2342" s="2">
        <v>0</v>
      </c>
      <c r="L2342" t="s">
        <v>120</v>
      </c>
      <c r="M2342" t="s">
        <v>83</v>
      </c>
      <c r="N2342" t="s">
        <v>84</v>
      </c>
      <c r="O2342" t="s">
        <v>85</v>
      </c>
      <c r="P2342" t="s">
        <v>86</v>
      </c>
      <c r="Q2342">
        <v>17</v>
      </c>
      <c r="R2342">
        <v>18</v>
      </c>
      <c r="S2342">
        <v>18</v>
      </c>
      <c r="T2342">
        <v>19</v>
      </c>
      <c r="U2342">
        <v>19</v>
      </c>
      <c r="V2342">
        <v>20</v>
      </c>
      <c r="W2342">
        <v>20</v>
      </c>
      <c r="X2342">
        <v>21</v>
      </c>
      <c r="Y2342">
        <v>21</v>
      </c>
      <c r="Z2342">
        <v>22</v>
      </c>
      <c r="AA2342">
        <v>22</v>
      </c>
      <c r="AB2342">
        <v>23</v>
      </c>
      <c r="AC2342">
        <v>23</v>
      </c>
      <c r="AD2342">
        <v>24</v>
      </c>
      <c r="AE2342">
        <v>24</v>
      </c>
      <c r="AF2342">
        <v>25</v>
      </c>
      <c r="AG2342">
        <v>25</v>
      </c>
      <c r="AH2342">
        <v>26</v>
      </c>
      <c r="AI2342">
        <v>27</v>
      </c>
      <c r="AJ2342">
        <v>27</v>
      </c>
      <c r="AK2342">
        <v>28</v>
      </c>
      <c r="AL2342">
        <v>28</v>
      </c>
      <c r="AM2342">
        <v>29</v>
      </c>
      <c r="AN2342">
        <v>29</v>
      </c>
      <c r="AO2342">
        <v>29</v>
      </c>
      <c r="AP2342">
        <v>30</v>
      </c>
      <c r="AQ2342">
        <v>30</v>
      </c>
    </row>
    <row r="2343" spans="1:43">
      <c r="A2343" t="s">
        <v>1514</v>
      </c>
      <c r="B2343" t="s">
        <v>1515</v>
      </c>
      <c r="C2343" t="s">
        <v>1510</v>
      </c>
      <c r="D2343" t="s">
        <v>1511</v>
      </c>
      <c r="E2343" t="s">
        <v>1192</v>
      </c>
      <c r="F2343" t="s">
        <v>1193</v>
      </c>
      <c r="G2343" t="s">
        <v>80</v>
      </c>
      <c r="H2343" t="s">
        <v>81</v>
      </c>
      <c r="I2343" s="2">
        <v>1</v>
      </c>
      <c r="J2343" s="2">
        <v>0</v>
      </c>
      <c r="K2343" s="2">
        <v>0</v>
      </c>
      <c r="L2343" t="s">
        <v>120</v>
      </c>
      <c r="M2343" t="s">
        <v>87</v>
      </c>
      <c r="N2343" t="s">
        <v>88</v>
      </c>
      <c r="O2343" t="s">
        <v>85</v>
      </c>
      <c r="P2343" t="s">
        <v>86</v>
      </c>
      <c r="Q2343">
        <v>17</v>
      </c>
      <c r="R2343">
        <v>17</v>
      </c>
      <c r="S2343">
        <v>18</v>
      </c>
      <c r="T2343">
        <v>18</v>
      </c>
      <c r="U2343">
        <v>18</v>
      </c>
      <c r="V2343">
        <v>19</v>
      </c>
      <c r="W2343">
        <v>19</v>
      </c>
      <c r="X2343">
        <v>19</v>
      </c>
      <c r="Y2343">
        <v>19</v>
      </c>
      <c r="Z2343">
        <v>20</v>
      </c>
      <c r="AA2343">
        <v>20</v>
      </c>
      <c r="AB2343">
        <v>21</v>
      </c>
      <c r="AC2343">
        <v>21</v>
      </c>
      <c r="AD2343">
        <v>21</v>
      </c>
      <c r="AE2343">
        <v>22</v>
      </c>
      <c r="AF2343">
        <v>22</v>
      </c>
      <c r="AG2343">
        <v>22</v>
      </c>
      <c r="AH2343">
        <v>23</v>
      </c>
      <c r="AI2343">
        <v>23</v>
      </c>
      <c r="AJ2343">
        <v>23</v>
      </c>
      <c r="AK2343">
        <v>24</v>
      </c>
      <c r="AL2343">
        <v>24</v>
      </c>
      <c r="AM2343">
        <v>25</v>
      </c>
      <c r="AN2343">
        <v>25</v>
      </c>
      <c r="AO2343">
        <v>25</v>
      </c>
      <c r="AP2343">
        <v>26</v>
      </c>
      <c r="AQ2343">
        <v>26</v>
      </c>
    </row>
    <row r="2344" spans="1:43">
      <c r="A2344" t="s">
        <v>1514</v>
      </c>
      <c r="B2344" t="s">
        <v>1515</v>
      </c>
      <c r="C2344" t="s">
        <v>1510</v>
      </c>
      <c r="D2344" t="s">
        <v>1511</v>
      </c>
      <c r="E2344" t="s">
        <v>1192</v>
      </c>
      <c r="F2344" t="s">
        <v>1193</v>
      </c>
      <c r="G2344" t="s">
        <v>80</v>
      </c>
      <c r="H2344" t="s">
        <v>81</v>
      </c>
      <c r="I2344" s="2">
        <v>1</v>
      </c>
      <c r="J2344" s="2">
        <v>0</v>
      </c>
      <c r="K2344" s="2">
        <v>0</v>
      </c>
      <c r="L2344" t="s">
        <v>120</v>
      </c>
      <c r="M2344" t="s">
        <v>89</v>
      </c>
      <c r="N2344" t="s">
        <v>90</v>
      </c>
      <c r="O2344" t="s">
        <v>85</v>
      </c>
      <c r="P2344" t="s">
        <v>86</v>
      </c>
      <c r="Q2344">
        <v>17</v>
      </c>
      <c r="R2344">
        <v>18</v>
      </c>
      <c r="S2344">
        <v>19</v>
      </c>
      <c r="T2344">
        <v>19</v>
      </c>
      <c r="U2344">
        <v>20</v>
      </c>
      <c r="V2344">
        <v>20</v>
      </c>
      <c r="W2344">
        <v>21</v>
      </c>
      <c r="X2344">
        <v>22</v>
      </c>
      <c r="Y2344">
        <v>22</v>
      </c>
      <c r="Z2344">
        <v>23</v>
      </c>
      <c r="AA2344">
        <v>24</v>
      </c>
      <c r="AB2344">
        <v>24</v>
      </c>
      <c r="AC2344">
        <v>25</v>
      </c>
      <c r="AD2344">
        <v>25</v>
      </c>
      <c r="AE2344">
        <v>26</v>
      </c>
      <c r="AF2344">
        <v>26</v>
      </c>
      <c r="AG2344">
        <v>27</v>
      </c>
      <c r="AH2344">
        <v>27</v>
      </c>
      <c r="AI2344">
        <v>28</v>
      </c>
      <c r="AJ2344">
        <v>28</v>
      </c>
      <c r="AK2344">
        <v>28</v>
      </c>
      <c r="AL2344">
        <v>29</v>
      </c>
      <c r="AM2344">
        <v>29</v>
      </c>
      <c r="AN2344">
        <v>29</v>
      </c>
      <c r="AO2344">
        <v>30</v>
      </c>
      <c r="AP2344">
        <v>30</v>
      </c>
      <c r="AQ2344">
        <v>31</v>
      </c>
    </row>
    <row r="2345" spans="1:43">
      <c r="A2345" t="s">
        <v>1514</v>
      </c>
      <c r="B2345" t="s">
        <v>1515</v>
      </c>
      <c r="C2345" t="s">
        <v>1510</v>
      </c>
      <c r="D2345" t="s">
        <v>1511</v>
      </c>
      <c r="E2345" t="s">
        <v>1192</v>
      </c>
      <c r="F2345" t="s">
        <v>1193</v>
      </c>
      <c r="G2345" t="s">
        <v>80</v>
      </c>
      <c r="H2345" t="s">
        <v>81</v>
      </c>
      <c r="I2345" s="2">
        <v>1</v>
      </c>
      <c r="J2345" s="2">
        <v>0</v>
      </c>
      <c r="K2345" s="2">
        <v>0</v>
      </c>
      <c r="L2345" t="s">
        <v>120</v>
      </c>
      <c r="M2345" t="s">
        <v>83</v>
      </c>
      <c r="N2345" t="s">
        <v>91</v>
      </c>
      <c r="O2345" t="s">
        <v>85</v>
      </c>
      <c r="P2345" t="s">
        <v>86</v>
      </c>
      <c r="Q2345">
        <v>17</v>
      </c>
      <c r="R2345">
        <v>18</v>
      </c>
      <c r="S2345">
        <v>18</v>
      </c>
      <c r="T2345">
        <v>19</v>
      </c>
      <c r="U2345">
        <v>19</v>
      </c>
      <c r="V2345">
        <v>20</v>
      </c>
      <c r="W2345">
        <v>20</v>
      </c>
      <c r="X2345">
        <v>21</v>
      </c>
      <c r="Y2345">
        <v>21</v>
      </c>
      <c r="Z2345">
        <v>22</v>
      </c>
      <c r="AA2345">
        <v>22</v>
      </c>
      <c r="AB2345">
        <v>23</v>
      </c>
      <c r="AC2345">
        <v>23</v>
      </c>
      <c r="AD2345">
        <v>24</v>
      </c>
      <c r="AE2345">
        <v>24</v>
      </c>
      <c r="AF2345">
        <v>25</v>
      </c>
      <c r="AG2345">
        <v>25</v>
      </c>
      <c r="AH2345">
        <v>26</v>
      </c>
      <c r="AI2345">
        <v>27</v>
      </c>
      <c r="AJ2345">
        <v>27</v>
      </c>
      <c r="AK2345">
        <v>28</v>
      </c>
      <c r="AL2345">
        <v>28</v>
      </c>
      <c r="AM2345">
        <v>29</v>
      </c>
      <c r="AN2345">
        <v>29</v>
      </c>
      <c r="AO2345">
        <v>29</v>
      </c>
      <c r="AP2345">
        <v>30</v>
      </c>
      <c r="AQ2345">
        <v>30</v>
      </c>
    </row>
    <row r="2346" spans="1:43">
      <c r="A2346" t="s">
        <v>1516</v>
      </c>
      <c r="B2346" t="s">
        <v>1517</v>
      </c>
      <c r="C2346" t="s">
        <v>1410</v>
      </c>
      <c r="D2346" t="s">
        <v>1411</v>
      </c>
      <c r="E2346" t="s">
        <v>1192</v>
      </c>
      <c r="F2346" t="s">
        <v>1193</v>
      </c>
      <c r="G2346" t="s">
        <v>80</v>
      </c>
      <c r="H2346" t="s">
        <v>81</v>
      </c>
      <c r="I2346" s="2">
        <v>1</v>
      </c>
      <c r="J2346" s="2">
        <v>0</v>
      </c>
      <c r="K2346" s="2">
        <v>0</v>
      </c>
      <c r="L2346" t="s">
        <v>120</v>
      </c>
      <c r="M2346" t="s">
        <v>83</v>
      </c>
      <c r="N2346" t="s">
        <v>84</v>
      </c>
      <c r="O2346" t="s">
        <v>85</v>
      </c>
      <c r="P2346" t="s">
        <v>86</v>
      </c>
      <c r="Q2346">
        <v>40</v>
      </c>
      <c r="R2346">
        <v>41</v>
      </c>
      <c r="S2346">
        <v>42</v>
      </c>
      <c r="T2346">
        <v>43</v>
      </c>
      <c r="U2346">
        <v>44</v>
      </c>
      <c r="V2346">
        <v>45</v>
      </c>
      <c r="W2346">
        <v>46</v>
      </c>
      <c r="X2346">
        <v>47</v>
      </c>
      <c r="Y2346">
        <v>49</v>
      </c>
      <c r="Z2346">
        <v>50</v>
      </c>
      <c r="AA2346">
        <v>51</v>
      </c>
      <c r="AB2346">
        <v>52</v>
      </c>
      <c r="AC2346">
        <v>54</v>
      </c>
      <c r="AD2346">
        <v>55</v>
      </c>
      <c r="AE2346">
        <v>56</v>
      </c>
      <c r="AF2346">
        <v>57</v>
      </c>
      <c r="AG2346">
        <v>59</v>
      </c>
      <c r="AH2346">
        <v>60</v>
      </c>
      <c r="AI2346">
        <v>62</v>
      </c>
      <c r="AJ2346">
        <v>63</v>
      </c>
      <c r="AK2346">
        <v>64</v>
      </c>
      <c r="AL2346">
        <v>65</v>
      </c>
      <c r="AM2346">
        <v>66</v>
      </c>
      <c r="AN2346">
        <v>67</v>
      </c>
      <c r="AO2346">
        <v>68</v>
      </c>
      <c r="AP2346">
        <v>69</v>
      </c>
      <c r="AQ2346">
        <v>70</v>
      </c>
    </row>
    <row r="2347" spans="1:43">
      <c r="A2347" t="s">
        <v>1516</v>
      </c>
      <c r="B2347" t="s">
        <v>1517</v>
      </c>
      <c r="C2347" t="s">
        <v>1410</v>
      </c>
      <c r="D2347" t="s">
        <v>1411</v>
      </c>
      <c r="E2347" t="s">
        <v>1192</v>
      </c>
      <c r="F2347" t="s">
        <v>1193</v>
      </c>
      <c r="G2347" t="s">
        <v>80</v>
      </c>
      <c r="H2347" t="s">
        <v>81</v>
      </c>
      <c r="I2347" s="2">
        <v>1</v>
      </c>
      <c r="J2347" s="2">
        <v>0</v>
      </c>
      <c r="K2347" s="2">
        <v>0</v>
      </c>
      <c r="L2347" t="s">
        <v>120</v>
      </c>
      <c r="M2347" t="s">
        <v>87</v>
      </c>
      <c r="N2347" t="s">
        <v>88</v>
      </c>
      <c r="O2347" t="s">
        <v>85</v>
      </c>
      <c r="P2347" t="s">
        <v>86</v>
      </c>
      <c r="Q2347">
        <v>40</v>
      </c>
      <c r="R2347">
        <v>41</v>
      </c>
      <c r="S2347">
        <v>42</v>
      </c>
      <c r="T2347">
        <v>42</v>
      </c>
      <c r="U2347">
        <v>43</v>
      </c>
      <c r="V2347">
        <v>44</v>
      </c>
      <c r="W2347">
        <v>44</v>
      </c>
      <c r="X2347">
        <v>45</v>
      </c>
      <c r="Y2347">
        <v>46</v>
      </c>
      <c r="Z2347">
        <v>47</v>
      </c>
      <c r="AA2347">
        <v>48</v>
      </c>
      <c r="AB2347">
        <v>48</v>
      </c>
      <c r="AC2347">
        <v>49</v>
      </c>
      <c r="AD2347">
        <v>50</v>
      </c>
      <c r="AE2347">
        <v>51</v>
      </c>
      <c r="AF2347">
        <v>52</v>
      </c>
      <c r="AG2347">
        <v>52</v>
      </c>
      <c r="AH2347">
        <v>53</v>
      </c>
      <c r="AI2347">
        <v>54</v>
      </c>
      <c r="AJ2347">
        <v>55</v>
      </c>
      <c r="AK2347">
        <v>56</v>
      </c>
      <c r="AL2347">
        <v>57</v>
      </c>
      <c r="AM2347">
        <v>58</v>
      </c>
      <c r="AN2347">
        <v>59</v>
      </c>
      <c r="AO2347">
        <v>60</v>
      </c>
      <c r="AP2347">
        <v>61</v>
      </c>
      <c r="AQ2347">
        <v>62</v>
      </c>
    </row>
    <row r="2348" spans="1:43">
      <c r="A2348" t="s">
        <v>1516</v>
      </c>
      <c r="B2348" t="s">
        <v>1517</v>
      </c>
      <c r="C2348" t="s">
        <v>1410</v>
      </c>
      <c r="D2348" t="s">
        <v>1411</v>
      </c>
      <c r="E2348" t="s">
        <v>1192</v>
      </c>
      <c r="F2348" t="s">
        <v>1193</v>
      </c>
      <c r="G2348" t="s">
        <v>80</v>
      </c>
      <c r="H2348" t="s">
        <v>81</v>
      </c>
      <c r="I2348" s="2">
        <v>1</v>
      </c>
      <c r="J2348" s="2">
        <v>0</v>
      </c>
      <c r="K2348" s="2">
        <v>0</v>
      </c>
      <c r="L2348" t="s">
        <v>120</v>
      </c>
      <c r="M2348" t="s">
        <v>89</v>
      </c>
      <c r="N2348" t="s">
        <v>90</v>
      </c>
      <c r="O2348" t="s">
        <v>85</v>
      </c>
      <c r="P2348" t="s">
        <v>86</v>
      </c>
      <c r="Q2348">
        <v>40</v>
      </c>
      <c r="R2348">
        <v>41</v>
      </c>
      <c r="S2348">
        <v>43</v>
      </c>
      <c r="T2348">
        <v>44</v>
      </c>
      <c r="U2348">
        <v>46</v>
      </c>
      <c r="V2348">
        <v>47</v>
      </c>
      <c r="W2348">
        <v>49</v>
      </c>
      <c r="X2348">
        <v>50</v>
      </c>
      <c r="Y2348">
        <v>51</v>
      </c>
      <c r="Z2348">
        <v>53</v>
      </c>
      <c r="AA2348">
        <v>54</v>
      </c>
      <c r="AB2348">
        <v>56</v>
      </c>
      <c r="AC2348">
        <v>57</v>
      </c>
      <c r="AD2348">
        <v>59</v>
      </c>
      <c r="AE2348">
        <v>60</v>
      </c>
      <c r="AF2348">
        <v>61</v>
      </c>
      <c r="AG2348">
        <v>62</v>
      </c>
      <c r="AH2348">
        <v>63</v>
      </c>
      <c r="AI2348">
        <v>63</v>
      </c>
      <c r="AJ2348">
        <v>64</v>
      </c>
      <c r="AK2348">
        <v>65</v>
      </c>
      <c r="AL2348">
        <v>66</v>
      </c>
      <c r="AM2348">
        <v>67</v>
      </c>
      <c r="AN2348">
        <v>68</v>
      </c>
      <c r="AO2348">
        <v>69</v>
      </c>
      <c r="AP2348">
        <v>69</v>
      </c>
      <c r="AQ2348">
        <v>70</v>
      </c>
    </row>
    <row r="2349" spans="1:43">
      <c r="A2349" t="s">
        <v>1516</v>
      </c>
      <c r="B2349" t="s">
        <v>1517</v>
      </c>
      <c r="C2349" t="s">
        <v>1410</v>
      </c>
      <c r="D2349" t="s">
        <v>1411</v>
      </c>
      <c r="E2349" t="s">
        <v>1192</v>
      </c>
      <c r="F2349" t="s">
        <v>1193</v>
      </c>
      <c r="G2349" t="s">
        <v>80</v>
      </c>
      <c r="H2349" t="s">
        <v>81</v>
      </c>
      <c r="I2349" s="2">
        <v>1</v>
      </c>
      <c r="J2349" s="2">
        <v>0</v>
      </c>
      <c r="K2349" s="2">
        <v>0</v>
      </c>
      <c r="L2349" t="s">
        <v>120</v>
      </c>
      <c r="M2349" t="s">
        <v>83</v>
      </c>
      <c r="N2349" t="s">
        <v>91</v>
      </c>
      <c r="O2349" t="s">
        <v>85</v>
      </c>
      <c r="P2349" t="s">
        <v>86</v>
      </c>
      <c r="Q2349">
        <v>40</v>
      </c>
      <c r="R2349">
        <v>41</v>
      </c>
      <c r="S2349">
        <v>42</v>
      </c>
      <c r="T2349">
        <v>43</v>
      </c>
      <c r="U2349">
        <v>44</v>
      </c>
      <c r="V2349">
        <v>45</v>
      </c>
      <c r="W2349">
        <v>46</v>
      </c>
      <c r="X2349">
        <v>47</v>
      </c>
      <c r="Y2349">
        <v>49</v>
      </c>
      <c r="Z2349">
        <v>50</v>
      </c>
      <c r="AA2349">
        <v>51</v>
      </c>
      <c r="AB2349">
        <v>52</v>
      </c>
      <c r="AC2349">
        <v>54</v>
      </c>
      <c r="AD2349">
        <v>55</v>
      </c>
      <c r="AE2349">
        <v>56</v>
      </c>
      <c r="AF2349">
        <v>57</v>
      </c>
      <c r="AG2349">
        <v>59</v>
      </c>
      <c r="AH2349">
        <v>60</v>
      </c>
      <c r="AI2349">
        <v>62</v>
      </c>
      <c r="AJ2349">
        <v>63</v>
      </c>
      <c r="AK2349">
        <v>64</v>
      </c>
      <c r="AL2349">
        <v>65</v>
      </c>
      <c r="AM2349">
        <v>66</v>
      </c>
      <c r="AN2349">
        <v>67</v>
      </c>
      <c r="AO2349">
        <v>68</v>
      </c>
      <c r="AP2349">
        <v>69</v>
      </c>
      <c r="AQ2349">
        <v>70</v>
      </c>
    </row>
    <row r="2350" spans="1:43">
      <c r="A2350" t="s">
        <v>1518</v>
      </c>
      <c r="B2350" t="s">
        <v>1519</v>
      </c>
      <c r="C2350" t="s">
        <v>1520</v>
      </c>
      <c r="D2350" t="s">
        <v>1521</v>
      </c>
      <c r="E2350" t="s">
        <v>1192</v>
      </c>
      <c r="F2350" t="s">
        <v>1193</v>
      </c>
      <c r="G2350" t="s">
        <v>80</v>
      </c>
      <c r="H2350" t="s">
        <v>81</v>
      </c>
      <c r="I2350" s="2">
        <v>1</v>
      </c>
      <c r="J2350" s="2">
        <v>0</v>
      </c>
      <c r="K2350" s="2">
        <v>0</v>
      </c>
      <c r="L2350" t="s">
        <v>120</v>
      </c>
      <c r="M2350" t="s">
        <v>83</v>
      </c>
      <c r="N2350" t="s">
        <v>84</v>
      </c>
      <c r="O2350" t="s">
        <v>85</v>
      </c>
      <c r="P2350" t="s">
        <v>86</v>
      </c>
      <c r="Q2350">
        <v>123</v>
      </c>
      <c r="R2350">
        <v>126</v>
      </c>
      <c r="S2350">
        <v>130</v>
      </c>
      <c r="T2350">
        <v>133</v>
      </c>
      <c r="U2350">
        <v>137</v>
      </c>
      <c r="V2350">
        <v>140</v>
      </c>
      <c r="W2350">
        <v>144</v>
      </c>
      <c r="X2350">
        <v>148</v>
      </c>
      <c r="Y2350">
        <v>152</v>
      </c>
      <c r="Z2350">
        <v>155</v>
      </c>
      <c r="AA2350">
        <v>159</v>
      </c>
      <c r="AB2350">
        <v>163</v>
      </c>
      <c r="AC2350">
        <v>167</v>
      </c>
      <c r="AD2350">
        <v>171</v>
      </c>
      <c r="AE2350">
        <v>176</v>
      </c>
      <c r="AF2350">
        <v>180</v>
      </c>
      <c r="AG2350">
        <v>184</v>
      </c>
      <c r="AH2350">
        <v>188</v>
      </c>
      <c r="AI2350">
        <v>193</v>
      </c>
      <c r="AJ2350">
        <v>197</v>
      </c>
      <c r="AK2350">
        <v>202</v>
      </c>
      <c r="AL2350">
        <v>205</v>
      </c>
      <c r="AM2350">
        <v>208</v>
      </c>
      <c r="AN2350">
        <v>211</v>
      </c>
      <c r="AO2350">
        <v>214</v>
      </c>
      <c r="AP2350">
        <v>217</v>
      </c>
      <c r="AQ2350">
        <v>219</v>
      </c>
    </row>
    <row r="2351" spans="1:43">
      <c r="A2351" t="s">
        <v>1518</v>
      </c>
      <c r="B2351" t="s">
        <v>1519</v>
      </c>
      <c r="C2351" t="s">
        <v>1520</v>
      </c>
      <c r="D2351" t="s">
        <v>1521</v>
      </c>
      <c r="E2351" t="s">
        <v>1192</v>
      </c>
      <c r="F2351" t="s">
        <v>1193</v>
      </c>
      <c r="G2351" t="s">
        <v>80</v>
      </c>
      <c r="H2351" t="s">
        <v>81</v>
      </c>
      <c r="I2351" s="2">
        <v>1</v>
      </c>
      <c r="J2351" s="2">
        <v>0</v>
      </c>
      <c r="K2351" s="2">
        <v>0</v>
      </c>
      <c r="L2351" t="s">
        <v>120</v>
      </c>
      <c r="M2351" t="s">
        <v>87</v>
      </c>
      <c r="N2351" t="s">
        <v>88</v>
      </c>
      <c r="O2351" t="s">
        <v>85</v>
      </c>
      <c r="P2351" t="s">
        <v>86</v>
      </c>
      <c r="Q2351">
        <v>123</v>
      </c>
      <c r="R2351">
        <v>125</v>
      </c>
      <c r="S2351">
        <v>127</v>
      </c>
      <c r="T2351">
        <v>129</v>
      </c>
      <c r="U2351">
        <v>132</v>
      </c>
      <c r="V2351">
        <v>134</v>
      </c>
      <c r="W2351">
        <v>136</v>
      </c>
      <c r="X2351">
        <v>139</v>
      </c>
      <c r="Y2351">
        <v>141</v>
      </c>
      <c r="Z2351">
        <v>144</v>
      </c>
      <c r="AA2351">
        <v>146</v>
      </c>
      <c r="AB2351">
        <v>149</v>
      </c>
      <c r="AC2351">
        <v>151</v>
      </c>
      <c r="AD2351">
        <v>154</v>
      </c>
      <c r="AE2351">
        <v>156</v>
      </c>
      <c r="AF2351">
        <v>159</v>
      </c>
      <c r="AG2351">
        <v>162</v>
      </c>
      <c r="AH2351">
        <v>164</v>
      </c>
      <c r="AI2351">
        <v>167</v>
      </c>
      <c r="AJ2351">
        <v>170</v>
      </c>
      <c r="AK2351">
        <v>173</v>
      </c>
      <c r="AL2351">
        <v>175</v>
      </c>
      <c r="AM2351">
        <v>178</v>
      </c>
      <c r="AN2351">
        <v>181</v>
      </c>
      <c r="AO2351">
        <v>184</v>
      </c>
      <c r="AP2351">
        <v>187</v>
      </c>
      <c r="AQ2351">
        <v>190</v>
      </c>
    </row>
    <row r="2352" spans="1:43">
      <c r="A2352" t="s">
        <v>1518</v>
      </c>
      <c r="B2352" t="s">
        <v>1519</v>
      </c>
      <c r="C2352" t="s">
        <v>1520</v>
      </c>
      <c r="D2352" t="s">
        <v>1521</v>
      </c>
      <c r="E2352" t="s">
        <v>1192</v>
      </c>
      <c r="F2352" t="s">
        <v>1193</v>
      </c>
      <c r="G2352" t="s">
        <v>80</v>
      </c>
      <c r="H2352" t="s">
        <v>81</v>
      </c>
      <c r="I2352" s="2">
        <v>1</v>
      </c>
      <c r="J2352" s="2">
        <v>0</v>
      </c>
      <c r="K2352" s="2">
        <v>0</v>
      </c>
      <c r="L2352" t="s">
        <v>120</v>
      </c>
      <c r="M2352" t="s">
        <v>89</v>
      </c>
      <c r="N2352" t="s">
        <v>90</v>
      </c>
      <c r="O2352" t="s">
        <v>85</v>
      </c>
      <c r="P2352" t="s">
        <v>86</v>
      </c>
      <c r="Q2352">
        <v>123</v>
      </c>
      <c r="R2352">
        <v>128</v>
      </c>
      <c r="S2352">
        <v>132</v>
      </c>
      <c r="T2352">
        <v>137</v>
      </c>
      <c r="U2352">
        <v>141</v>
      </c>
      <c r="V2352">
        <v>146</v>
      </c>
      <c r="W2352">
        <v>150</v>
      </c>
      <c r="X2352">
        <v>155</v>
      </c>
      <c r="Y2352">
        <v>160</v>
      </c>
      <c r="Z2352">
        <v>164</v>
      </c>
      <c r="AA2352">
        <v>169</v>
      </c>
      <c r="AB2352">
        <v>174</v>
      </c>
      <c r="AC2352">
        <v>179</v>
      </c>
      <c r="AD2352">
        <v>184</v>
      </c>
      <c r="AE2352">
        <v>188</v>
      </c>
      <c r="AF2352">
        <v>190</v>
      </c>
      <c r="AG2352">
        <v>193</v>
      </c>
      <c r="AH2352">
        <v>196</v>
      </c>
      <c r="AI2352">
        <v>198</v>
      </c>
      <c r="AJ2352">
        <v>201</v>
      </c>
      <c r="AK2352">
        <v>204</v>
      </c>
      <c r="AL2352">
        <v>207</v>
      </c>
      <c r="AM2352">
        <v>209</v>
      </c>
      <c r="AN2352">
        <v>212</v>
      </c>
      <c r="AO2352">
        <v>215</v>
      </c>
      <c r="AP2352">
        <v>218</v>
      </c>
      <c r="AQ2352">
        <v>220</v>
      </c>
    </row>
    <row r="2353" spans="1:43">
      <c r="A2353" t="s">
        <v>1518</v>
      </c>
      <c r="B2353" t="s">
        <v>1519</v>
      </c>
      <c r="C2353" t="s">
        <v>1520</v>
      </c>
      <c r="D2353" t="s">
        <v>1521</v>
      </c>
      <c r="E2353" t="s">
        <v>1192</v>
      </c>
      <c r="F2353" t="s">
        <v>1193</v>
      </c>
      <c r="G2353" t="s">
        <v>80</v>
      </c>
      <c r="H2353" t="s">
        <v>81</v>
      </c>
      <c r="I2353" s="2">
        <v>1</v>
      </c>
      <c r="J2353" s="2">
        <v>0</v>
      </c>
      <c r="K2353" s="2">
        <v>0</v>
      </c>
      <c r="L2353" t="s">
        <v>120</v>
      </c>
      <c r="M2353" t="s">
        <v>83</v>
      </c>
      <c r="N2353" t="s">
        <v>91</v>
      </c>
      <c r="O2353" t="s">
        <v>85</v>
      </c>
      <c r="P2353" t="s">
        <v>86</v>
      </c>
      <c r="Q2353">
        <v>123</v>
      </c>
      <c r="R2353">
        <v>126</v>
      </c>
      <c r="S2353">
        <v>130</v>
      </c>
      <c r="T2353">
        <v>133</v>
      </c>
      <c r="U2353">
        <v>137</v>
      </c>
      <c r="V2353">
        <v>140</v>
      </c>
      <c r="W2353">
        <v>144</v>
      </c>
      <c r="X2353">
        <v>148</v>
      </c>
      <c r="Y2353">
        <v>152</v>
      </c>
      <c r="Z2353">
        <v>155</v>
      </c>
      <c r="AA2353">
        <v>159</v>
      </c>
      <c r="AB2353">
        <v>163</v>
      </c>
      <c r="AC2353">
        <v>167</v>
      </c>
      <c r="AD2353">
        <v>171</v>
      </c>
      <c r="AE2353">
        <v>176</v>
      </c>
      <c r="AF2353">
        <v>180</v>
      </c>
      <c r="AG2353">
        <v>184</v>
      </c>
      <c r="AH2353">
        <v>188</v>
      </c>
      <c r="AI2353">
        <v>193</v>
      </c>
      <c r="AJ2353">
        <v>197</v>
      </c>
      <c r="AK2353">
        <v>202</v>
      </c>
      <c r="AL2353">
        <v>205</v>
      </c>
      <c r="AM2353">
        <v>208</v>
      </c>
      <c r="AN2353">
        <v>211</v>
      </c>
      <c r="AO2353">
        <v>214</v>
      </c>
      <c r="AP2353">
        <v>217</v>
      </c>
      <c r="AQ2353">
        <v>219</v>
      </c>
    </row>
    <row r="2354" spans="1:43">
      <c r="A2354" t="s">
        <v>1522</v>
      </c>
      <c r="B2354" t="s">
        <v>1523</v>
      </c>
      <c r="C2354" t="s">
        <v>1524</v>
      </c>
      <c r="D2354" t="s">
        <v>1525</v>
      </c>
      <c r="E2354" t="s">
        <v>1192</v>
      </c>
      <c r="F2354" t="s">
        <v>1193</v>
      </c>
      <c r="G2354" t="s">
        <v>80</v>
      </c>
      <c r="H2354" t="s">
        <v>81</v>
      </c>
      <c r="I2354" s="2">
        <v>1</v>
      </c>
      <c r="J2354" s="2">
        <v>0</v>
      </c>
      <c r="K2354" s="2">
        <v>0</v>
      </c>
      <c r="L2354" t="s">
        <v>120</v>
      </c>
      <c r="M2354" t="s">
        <v>83</v>
      </c>
      <c r="N2354" t="s">
        <v>84</v>
      </c>
      <c r="O2354" t="s">
        <v>85</v>
      </c>
      <c r="P2354" t="s">
        <v>86</v>
      </c>
      <c r="Q2354">
        <v>21</v>
      </c>
      <c r="R2354">
        <v>21</v>
      </c>
      <c r="S2354">
        <v>22</v>
      </c>
      <c r="T2354">
        <v>22</v>
      </c>
      <c r="U2354">
        <v>23</v>
      </c>
      <c r="V2354">
        <v>23</v>
      </c>
      <c r="W2354">
        <v>24</v>
      </c>
      <c r="X2354">
        <v>25</v>
      </c>
      <c r="Y2354">
        <v>25</v>
      </c>
      <c r="Z2354">
        <v>26</v>
      </c>
      <c r="AA2354">
        <v>26</v>
      </c>
      <c r="AB2354">
        <v>27</v>
      </c>
      <c r="AC2354">
        <v>28</v>
      </c>
      <c r="AD2354">
        <v>28</v>
      </c>
      <c r="AE2354">
        <v>29</v>
      </c>
      <c r="AF2354">
        <v>30</v>
      </c>
      <c r="AG2354">
        <v>31</v>
      </c>
      <c r="AH2354">
        <v>31</v>
      </c>
      <c r="AI2354">
        <v>32</v>
      </c>
      <c r="AJ2354">
        <v>33</v>
      </c>
      <c r="AK2354">
        <v>33</v>
      </c>
      <c r="AL2354">
        <v>34</v>
      </c>
      <c r="AM2354">
        <v>34</v>
      </c>
      <c r="AN2354">
        <v>35</v>
      </c>
      <c r="AO2354">
        <v>35</v>
      </c>
      <c r="AP2354">
        <v>36</v>
      </c>
      <c r="AQ2354">
        <v>36</v>
      </c>
    </row>
    <row r="2355" spans="1:43">
      <c r="A2355" t="s">
        <v>1522</v>
      </c>
      <c r="B2355" t="s">
        <v>1523</v>
      </c>
      <c r="C2355" t="s">
        <v>1524</v>
      </c>
      <c r="D2355" t="s">
        <v>1525</v>
      </c>
      <c r="E2355" t="s">
        <v>1192</v>
      </c>
      <c r="F2355" t="s">
        <v>1193</v>
      </c>
      <c r="G2355" t="s">
        <v>80</v>
      </c>
      <c r="H2355" t="s">
        <v>81</v>
      </c>
      <c r="I2355" s="2">
        <v>1</v>
      </c>
      <c r="J2355" s="2">
        <v>0</v>
      </c>
      <c r="K2355" s="2">
        <v>0</v>
      </c>
      <c r="L2355" t="s">
        <v>120</v>
      </c>
      <c r="M2355" t="s">
        <v>87</v>
      </c>
      <c r="N2355" t="s">
        <v>88</v>
      </c>
      <c r="O2355" t="s">
        <v>85</v>
      </c>
      <c r="P2355" t="s">
        <v>86</v>
      </c>
      <c r="Q2355">
        <v>21</v>
      </c>
      <c r="R2355">
        <v>22</v>
      </c>
      <c r="S2355">
        <v>22</v>
      </c>
      <c r="T2355">
        <v>22</v>
      </c>
      <c r="U2355">
        <v>23</v>
      </c>
      <c r="V2355">
        <v>23</v>
      </c>
      <c r="W2355">
        <v>24</v>
      </c>
      <c r="X2355">
        <v>24</v>
      </c>
      <c r="Y2355">
        <v>24</v>
      </c>
      <c r="Z2355">
        <v>25</v>
      </c>
      <c r="AA2355">
        <v>25</v>
      </c>
      <c r="AB2355">
        <v>26</v>
      </c>
      <c r="AC2355">
        <v>26</v>
      </c>
      <c r="AD2355">
        <v>26</v>
      </c>
      <c r="AE2355">
        <v>27</v>
      </c>
      <c r="AF2355">
        <v>27</v>
      </c>
      <c r="AG2355">
        <v>28</v>
      </c>
      <c r="AH2355">
        <v>28</v>
      </c>
      <c r="AI2355">
        <v>29</v>
      </c>
      <c r="AJ2355">
        <v>29</v>
      </c>
      <c r="AK2355">
        <v>30</v>
      </c>
      <c r="AL2355">
        <v>30</v>
      </c>
      <c r="AM2355">
        <v>30</v>
      </c>
      <c r="AN2355">
        <v>31</v>
      </c>
      <c r="AO2355">
        <v>31</v>
      </c>
      <c r="AP2355">
        <v>32</v>
      </c>
      <c r="AQ2355">
        <v>32</v>
      </c>
    </row>
    <row r="2356" spans="1:43">
      <c r="A2356" t="s">
        <v>1522</v>
      </c>
      <c r="B2356" t="s">
        <v>1523</v>
      </c>
      <c r="C2356" t="s">
        <v>1524</v>
      </c>
      <c r="D2356" t="s">
        <v>1525</v>
      </c>
      <c r="E2356" t="s">
        <v>1192</v>
      </c>
      <c r="F2356" t="s">
        <v>1193</v>
      </c>
      <c r="G2356" t="s">
        <v>80</v>
      </c>
      <c r="H2356" t="s">
        <v>81</v>
      </c>
      <c r="I2356" s="2">
        <v>1</v>
      </c>
      <c r="J2356" s="2">
        <v>0</v>
      </c>
      <c r="K2356" s="2">
        <v>0</v>
      </c>
      <c r="L2356" t="s">
        <v>120</v>
      </c>
      <c r="M2356" t="s">
        <v>89</v>
      </c>
      <c r="N2356" t="s">
        <v>90</v>
      </c>
      <c r="O2356" t="s">
        <v>85</v>
      </c>
      <c r="P2356" t="s">
        <v>86</v>
      </c>
      <c r="Q2356">
        <v>21</v>
      </c>
      <c r="R2356">
        <v>21</v>
      </c>
      <c r="S2356">
        <v>22</v>
      </c>
      <c r="T2356">
        <v>23</v>
      </c>
      <c r="U2356">
        <v>24</v>
      </c>
      <c r="V2356">
        <v>24</v>
      </c>
      <c r="W2356">
        <v>25</v>
      </c>
      <c r="X2356">
        <v>26</v>
      </c>
      <c r="Y2356">
        <v>27</v>
      </c>
      <c r="Z2356">
        <v>27</v>
      </c>
      <c r="AA2356">
        <v>28</v>
      </c>
      <c r="AB2356">
        <v>29</v>
      </c>
      <c r="AC2356">
        <v>30</v>
      </c>
      <c r="AD2356">
        <v>31</v>
      </c>
      <c r="AE2356">
        <v>31</v>
      </c>
      <c r="AF2356">
        <v>32</v>
      </c>
      <c r="AG2356">
        <v>32</v>
      </c>
      <c r="AH2356">
        <v>33</v>
      </c>
      <c r="AI2356">
        <v>33</v>
      </c>
      <c r="AJ2356">
        <v>33</v>
      </c>
      <c r="AK2356">
        <v>34</v>
      </c>
      <c r="AL2356">
        <v>34</v>
      </c>
      <c r="AM2356">
        <v>35</v>
      </c>
      <c r="AN2356">
        <v>35</v>
      </c>
      <c r="AO2356">
        <v>36</v>
      </c>
      <c r="AP2356">
        <v>36</v>
      </c>
      <c r="AQ2356">
        <v>37</v>
      </c>
    </row>
    <row r="2357" spans="1:43">
      <c r="A2357" t="s">
        <v>1522</v>
      </c>
      <c r="B2357" t="s">
        <v>1523</v>
      </c>
      <c r="C2357" t="s">
        <v>1524</v>
      </c>
      <c r="D2357" t="s">
        <v>1525</v>
      </c>
      <c r="E2357" t="s">
        <v>1192</v>
      </c>
      <c r="F2357" t="s">
        <v>1193</v>
      </c>
      <c r="G2357" t="s">
        <v>80</v>
      </c>
      <c r="H2357" t="s">
        <v>81</v>
      </c>
      <c r="I2357" s="2">
        <v>1</v>
      </c>
      <c r="J2357" s="2">
        <v>0</v>
      </c>
      <c r="K2357" s="2">
        <v>0</v>
      </c>
      <c r="L2357" t="s">
        <v>120</v>
      </c>
      <c r="M2357" t="s">
        <v>83</v>
      </c>
      <c r="N2357" t="s">
        <v>91</v>
      </c>
      <c r="O2357" t="s">
        <v>85</v>
      </c>
      <c r="P2357" t="s">
        <v>86</v>
      </c>
      <c r="Q2357">
        <v>21</v>
      </c>
      <c r="R2357">
        <v>21</v>
      </c>
      <c r="S2357">
        <v>22</v>
      </c>
      <c r="T2357">
        <v>22</v>
      </c>
      <c r="U2357">
        <v>23</v>
      </c>
      <c r="V2357">
        <v>23</v>
      </c>
      <c r="W2357">
        <v>24</v>
      </c>
      <c r="X2357">
        <v>25</v>
      </c>
      <c r="Y2357">
        <v>25</v>
      </c>
      <c r="Z2357">
        <v>26</v>
      </c>
      <c r="AA2357">
        <v>26</v>
      </c>
      <c r="AB2357">
        <v>27</v>
      </c>
      <c r="AC2357">
        <v>28</v>
      </c>
      <c r="AD2357">
        <v>28</v>
      </c>
      <c r="AE2357">
        <v>29</v>
      </c>
      <c r="AF2357">
        <v>30</v>
      </c>
      <c r="AG2357">
        <v>31</v>
      </c>
      <c r="AH2357">
        <v>31</v>
      </c>
      <c r="AI2357">
        <v>32</v>
      </c>
      <c r="AJ2357">
        <v>33</v>
      </c>
      <c r="AK2357">
        <v>33</v>
      </c>
      <c r="AL2357">
        <v>34</v>
      </c>
      <c r="AM2357">
        <v>34</v>
      </c>
      <c r="AN2357">
        <v>35</v>
      </c>
      <c r="AO2357">
        <v>35</v>
      </c>
      <c r="AP2357">
        <v>36</v>
      </c>
      <c r="AQ2357">
        <v>36</v>
      </c>
    </row>
    <row r="2358" spans="1:43">
      <c r="A2358" t="s">
        <v>1526</v>
      </c>
      <c r="B2358" t="s">
        <v>1527</v>
      </c>
      <c r="C2358" t="s">
        <v>1520</v>
      </c>
      <c r="D2358" t="s">
        <v>1521</v>
      </c>
      <c r="E2358" t="s">
        <v>1192</v>
      </c>
      <c r="F2358" t="s">
        <v>1193</v>
      </c>
      <c r="G2358" t="s">
        <v>80</v>
      </c>
      <c r="H2358" t="s">
        <v>81</v>
      </c>
      <c r="I2358" s="2">
        <v>1</v>
      </c>
      <c r="J2358" s="2">
        <v>0</v>
      </c>
      <c r="K2358" s="2">
        <v>0</v>
      </c>
      <c r="L2358" t="s">
        <v>120</v>
      </c>
      <c r="M2358" t="s">
        <v>83</v>
      </c>
      <c r="N2358" t="s">
        <v>84</v>
      </c>
      <c r="O2358" t="s">
        <v>85</v>
      </c>
      <c r="P2358" t="s">
        <v>86</v>
      </c>
      <c r="Q2358">
        <v>49</v>
      </c>
      <c r="R2358">
        <v>51</v>
      </c>
      <c r="S2358">
        <v>52</v>
      </c>
      <c r="T2358">
        <v>53</v>
      </c>
      <c r="U2358">
        <v>55</v>
      </c>
      <c r="V2358">
        <v>56</v>
      </c>
      <c r="W2358">
        <v>58</v>
      </c>
      <c r="X2358">
        <v>59</v>
      </c>
      <c r="Y2358">
        <v>60</v>
      </c>
      <c r="Z2358">
        <v>62</v>
      </c>
      <c r="AA2358">
        <v>63</v>
      </c>
      <c r="AB2358">
        <v>65</v>
      </c>
      <c r="AC2358">
        <v>66</v>
      </c>
      <c r="AD2358">
        <v>68</v>
      </c>
      <c r="AE2358">
        <v>70</v>
      </c>
      <c r="AF2358">
        <v>71</v>
      </c>
      <c r="AG2358">
        <v>73</v>
      </c>
      <c r="AH2358">
        <v>75</v>
      </c>
      <c r="AI2358">
        <v>76</v>
      </c>
      <c r="AJ2358">
        <v>78</v>
      </c>
      <c r="AK2358">
        <v>80</v>
      </c>
      <c r="AL2358">
        <v>81</v>
      </c>
      <c r="AM2358">
        <v>82</v>
      </c>
      <c r="AN2358">
        <v>83</v>
      </c>
      <c r="AO2358">
        <v>84</v>
      </c>
      <c r="AP2358">
        <v>85</v>
      </c>
      <c r="AQ2358">
        <v>87</v>
      </c>
    </row>
    <row r="2359" spans="1:43">
      <c r="A2359" t="s">
        <v>1526</v>
      </c>
      <c r="B2359" t="s">
        <v>1527</v>
      </c>
      <c r="C2359" t="s">
        <v>1520</v>
      </c>
      <c r="D2359" t="s">
        <v>1521</v>
      </c>
      <c r="E2359" t="s">
        <v>1192</v>
      </c>
      <c r="F2359" t="s">
        <v>1193</v>
      </c>
      <c r="G2359" t="s">
        <v>80</v>
      </c>
      <c r="H2359" t="s">
        <v>81</v>
      </c>
      <c r="I2359" s="2">
        <v>1</v>
      </c>
      <c r="J2359" s="2">
        <v>0</v>
      </c>
      <c r="K2359" s="2">
        <v>0</v>
      </c>
      <c r="L2359" t="s">
        <v>120</v>
      </c>
      <c r="M2359" t="s">
        <v>87</v>
      </c>
      <c r="N2359" t="s">
        <v>88</v>
      </c>
      <c r="O2359" t="s">
        <v>85</v>
      </c>
      <c r="P2359" t="s">
        <v>86</v>
      </c>
      <c r="Q2359">
        <v>49</v>
      </c>
      <c r="R2359">
        <v>50</v>
      </c>
      <c r="S2359">
        <v>50</v>
      </c>
      <c r="T2359">
        <v>51</v>
      </c>
      <c r="U2359">
        <v>52</v>
      </c>
      <c r="V2359">
        <v>53</v>
      </c>
      <c r="W2359">
        <v>54</v>
      </c>
      <c r="X2359">
        <v>55</v>
      </c>
      <c r="Y2359">
        <v>56</v>
      </c>
      <c r="Z2359">
        <v>57</v>
      </c>
      <c r="AA2359">
        <v>58</v>
      </c>
      <c r="AB2359">
        <v>59</v>
      </c>
      <c r="AC2359">
        <v>60</v>
      </c>
      <c r="AD2359">
        <v>61</v>
      </c>
      <c r="AE2359">
        <v>62</v>
      </c>
      <c r="AF2359">
        <v>63</v>
      </c>
      <c r="AG2359">
        <v>64</v>
      </c>
      <c r="AH2359">
        <v>65</v>
      </c>
      <c r="AI2359">
        <v>66</v>
      </c>
      <c r="AJ2359">
        <v>67</v>
      </c>
      <c r="AK2359">
        <v>68</v>
      </c>
      <c r="AL2359">
        <v>69</v>
      </c>
      <c r="AM2359">
        <v>70</v>
      </c>
      <c r="AN2359">
        <v>72</v>
      </c>
      <c r="AO2359">
        <v>73</v>
      </c>
      <c r="AP2359">
        <v>74</v>
      </c>
      <c r="AQ2359">
        <v>75</v>
      </c>
    </row>
    <row r="2360" spans="1:43">
      <c r="A2360" t="s">
        <v>1526</v>
      </c>
      <c r="B2360" t="s">
        <v>1527</v>
      </c>
      <c r="C2360" t="s">
        <v>1520</v>
      </c>
      <c r="D2360" t="s">
        <v>1521</v>
      </c>
      <c r="E2360" t="s">
        <v>1192</v>
      </c>
      <c r="F2360" t="s">
        <v>1193</v>
      </c>
      <c r="G2360" t="s">
        <v>80</v>
      </c>
      <c r="H2360" t="s">
        <v>81</v>
      </c>
      <c r="I2360" s="2">
        <v>1</v>
      </c>
      <c r="J2360" s="2">
        <v>0</v>
      </c>
      <c r="K2360" s="2">
        <v>0</v>
      </c>
      <c r="L2360" t="s">
        <v>120</v>
      </c>
      <c r="M2360" t="s">
        <v>89</v>
      </c>
      <c r="N2360" t="s">
        <v>90</v>
      </c>
      <c r="O2360" t="s">
        <v>85</v>
      </c>
      <c r="P2360" t="s">
        <v>86</v>
      </c>
      <c r="Q2360">
        <v>49</v>
      </c>
      <c r="R2360">
        <v>50</v>
      </c>
      <c r="S2360">
        <v>52</v>
      </c>
      <c r="T2360">
        <v>54</v>
      </c>
      <c r="U2360">
        <v>56</v>
      </c>
      <c r="V2360">
        <v>58</v>
      </c>
      <c r="W2360">
        <v>59</v>
      </c>
      <c r="X2360">
        <v>61</v>
      </c>
      <c r="Y2360">
        <v>63</v>
      </c>
      <c r="Z2360">
        <v>65</v>
      </c>
      <c r="AA2360">
        <v>66</v>
      </c>
      <c r="AB2360">
        <v>68</v>
      </c>
      <c r="AC2360">
        <v>70</v>
      </c>
      <c r="AD2360">
        <v>72</v>
      </c>
      <c r="AE2360">
        <v>74</v>
      </c>
      <c r="AF2360">
        <v>75</v>
      </c>
      <c r="AG2360">
        <v>76</v>
      </c>
      <c r="AH2360">
        <v>77</v>
      </c>
      <c r="AI2360">
        <v>78</v>
      </c>
      <c r="AJ2360">
        <v>79</v>
      </c>
      <c r="AK2360">
        <v>80</v>
      </c>
      <c r="AL2360">
        <v>81</v>
      </c>
      <c r="AM2360">
        <v>82</v>
      </c>
      <c r="AN2360">
        <v>83</v>
      </c>
      <c r="AO2360">
        <v>84</v>
      </c>
      <c r="AP2360">
        <v>85</v>
      </c>
      <c r="AQ2360">
        <v>86</v>
      </c>
    </row>
    <row r="2361" spans="1:43">
      <c r="A2361" t="s">
        <v>1526</v>
      </c>
      <c r="B2361" t="s">
        <v>1527</v>
      </c>
      <c r="C2361" t="s">
        <v>1520</v>
      </c>
      <c r="D2361" t="s">
        <v>1521</v>
      </c>
      <c r="E2361" t="s">
        <v>1192</v>
      </c>
      <c r="F2361" t="s">
        <v>1193</v>
      </c>
      <c r="G2361" t="s">
        <v>80</v>
      </c>
      <c r="H2361" t="s">
        <v>81</v>
      </c>
      <c r="I2361" s="2">
        <v>1</v>
      </c>
      <c r="J2361" s="2">
        <v>0</v>
      </c>
      <c r="K2361" s="2">
        <v>0</v>
      </c>
      <c r="L2361" t="s">
        <v>120</v>
      </c>
      <c r="M2361" t="s">
        <v>83</v>
      </c>
      <c r="N2361" t="s">
        <v>91</v>
      </c>
      <c r="O2361" t="s">
        <v>85</v>
      </c>
      <c r="P2361" t="s">
        <v>86</v>
      </c>
      <c r="Q2361">
        <v>49</v>
      </c>
      <c r="R2361">
        <v>51</v>
      </c>
      <c r="S2361">
        <v>52</v>
      </c>
      <c r="T2361">
        <v>53</v>
      </c>
      <c r="U2361">
        <v>55</v>
      </c>
      <c r="V2361">
        <v>56</v>
      </c>
      <c r="W2361">
        <v>58</v>
      </c>
      <c r="X2361">
        <v>59</v>
      </c>
      <c r="Y2361">
        <v>60</v>
      </c>
      <c r="Z2361">
        <v>62</v>
      </c>
      <c r="AA2361">
        <v>63</v>
      </c>
      <c r="AB2361">
        <v>65</v>
      </c>
      <c r="AC2361">
        <v>66</v>
      </c>
      <c r="AD2361">
        <v>68</v>
      </c>
      <c r="AE2361">
        <v>70</v>
      </c>
      <c r="AF2361">
        <v>71</v>
      </c>
      <c r="AG2361">
        <v>73</v>
      </c>
      <c r="AH2361">
        <v>75</v>
      </c>
      <c r="AI2361">
        <v>76</v>
      </c>
      <c r="AJ2361">
        <v>78</v>
      </c>
      <c r="AK2361">
        <v>80</v>
      </c>
      <c r="AL2361">
        <v>81</v>
      </c>
      <c r="AM2361">
        <v>82</v>
      </c>
      <c r="AN2361">
        <v>83</v>
      </c>
      <c r="AO2361">
        <v>84</v>
      </c>
      <c r="AP2361">
        <v>85</v>
      </c>
      <c r="AQ2361">
        <v>87</v>
      </c>
    </row>
    <row r="2362" spans="1:43">
      <c r="A2362" t="s">
        <v>1528</v>
      </c>
      <c r="B2362" t="s">
        <v>1529</v>
      </c>
      <c r="C2362" t="s">
        <v>1520</v>
      </c>
      <c r="D2362" t="s">
        <v>1521</v>
      </c>
      <c r="E2362" t="s">
        <v>1192</v>
      </c>
      <c r="F2362" t="s">
        <v>1193</v>
      </c>
      <c r="G2362" t="s">
        <v>80</v>
      </c>
      <c r="H2362" t="s">
        <v>81</v>
      </c>
      <c r="I2362" s="2">
        <v>1</v>
      </c>
      <c r="J2362" s="2">
        <v>0</v>
      </c>
      <c r="K2362" s="2">
        <v>0</v>
      </c>
      <c r="L2362" t="s">
        <v>120</v>
      </c>
      <c r="M2362" t="s">
        <v>83</v>
      </c>
      <c r="N2362" t="s">
        <v>84</v>
      </c>
      <c r="O2362" t="s">
        <v>85</v>
      </c>
      <c r="P2362" t="s">
        <v>86</v>
      </c>
      <c r="Q2362">
        <v>9</v>
      </c>
      <c r="R2362">
        <v>9</v>
      </c>
      <c r="S2362">
        <v>10</v>
      </c>
      <c r="T2362">
        <v>10</v>
      </c>
      <c r="U2362">
        <v>10</v>
      </c>
      <c r="V2362">
        <v>10</v>
      </c>
      <c r="W2362">
        <v>11</v>
      </c>
      <c r="X2362">
        <v>11</v>
      </c>
      <c r="Y2362">
        <v>11</v>
      </c>
      <c r="Z2362">
        <v>12</v>
      </c>
      <c r="AA2362">
        <v>12</v>
      </c>
      <c r="AB2362">
        <v>12</v>
      </c>
      <c r="AC2362">
        <v>12</v>
      </c>
      <c r="AD2362">
        <v>13</v>
      </c>
      <c r="AE2362">
        <v>13</v>
      </c>
      <c r="AF2362">
        <v>13</v>
      </c>
      <c r="AG2362">
        <v>14</v>
      </c>
      <c r="AH2362">
        <v>14</v>
      </c>
      <c r="AI2362">
        <v>14</v>
      </c>
      <c r="AJ2362">
        <v>15</v>
      </c>
      <c r="AK2362">
        <v>15</v>
      </c>
      <c r="AL2362">
        <v>15</v>
      </c>
      <c r="AM2362">
        <v>15</v>
      </c>
      <c r="AN2362">
        <v>15</v>
      </c>
      <c r="AO2362">
        <v>16</v>
      </c>
      <c r="AP2362">
        <v>16</v>
      </c>
      <c r="AQ2362">
        <v>16</v>
      </c>
    </row>
    <row r="2363" spans="1:43">
      <c r="A2363" t="s">
        <v>1528</v>
      </c>
      <c r="B2363" t="s">
        <v>1529</v>
      </c>
      <c r="C2363" t="s">
        <v>1520</v>
      </c>
      <c r="D2363" t="s">
        <v>1521</v>
      </c>
      <c r="E2363" t="s">
        <v>1192</v>
      </c>
      <c r="F2363" t="s">
        <v>1193</v>
      </c>
      <c r="G2363" t="s">
        <v>80</v>
      </c>
      <c r="H2363" t="s">
        <v>81</v>
      </c>
      <c r="I2363" s="2">
        <v>1</v>
      </c>
      <c r="J2363" s="2">
        <v>0</v>
      </c>
      <c r="K2363" s="2">
        <v>0</v>
      </c>
      <c r="L2363" t="s">
        <v>120</v>
      </c>
      <c r="M2363" t="s">
        <v>87</v>
      </c>
      <c r="N2363" t="s">
        <v>88</v>
      </c>
      <c r="O2363" t="s">
        <v>85</v>
      </c>
      <c r="P2363" t="s">
        <v>86</v>
      </c>
      <c r="Q2363">
        <v>9</v>
      </c>
      <c r="R2363">
        <v>9</v>
      </c>
      <c r="S2363">
        <v>9</v>
      </c>
      <c r="T2363">
        <v>10</v>
      </c>
      <c r="U2363">
        <v>10</v>
      </c>
      <c r="V2363">
        <v>10</v>
      </c>
      <c r="W2363">
        <v>10</v>
      </c>
      <c r="X2363">
        <v>10</v>
      </c>
      <c r="Y2363">
        <v>10</v>
      </c>
      <c r="Z2363">
        <v>11</v>
      </c>
      <c r="AA2363">
        <v>11</v>
      </c>
      <c r="AB2363">
        <v>11</v>
      </c>
      <c r="AC2363">
        <v>11</v>
      </c>
      <c r="AD2363">
        <v>11</v>
      </c>
      <c r="AE2363">
        <v>12</v>
      </c>
      <c r="AF2363">
        <v>12</v>
      </c>
      <c r="AG2363">
        <v>12</v>
      </c>
      <c r="AH2363">
        <v>12</v>
      </c>
      <c r="AI2363">
        <v>12</v>
      </c>
      <c r="AJ2363">
        <v>12</v>
      </c>
      <c r="AK2363">
        <v>13</v>
      </c>
      <c r="AL2363">
        <v>13</v>
      </c>
      <c r="AM2363">
        <v>13</v>
      </c>
      <c r="AN2363">
        <v>13</v>
      </c>
      <c r="AO2363">
        <v>14</v>
      </c>
      <c r="AP2363">
        <v>14</v>
      </c>
      <c r="AQ2363">
        <v>14</v>
      </c>
    </row>
    <row r="2364" spans="1:43">
      <c r="A2364" t="s">
        <v>1528</v>
      </c>
      <c r="B2364" t="s">
        <v>1529</v>
      </c>
      <c r="C2364" t="s">
        <v>1520</v>
      </c>
      <c r="D2364" t="s">
        <v>1521</v>
      </c>
      <c r="E2364" t="s">
        <v>1192</v>
      </c>
      <c r="F2364" t="s">
        <v>1193</v>
      </c>
      <c r="G2364" t="s">
        <v>80</v>
      </c>
      <c r="H2364" t="s">
        <v>81</v>
      </c>
      <c r="I2364" s="2">
        <v>1</v>
      </c>
      <c r="J2364" s="2">
        <v>0</v>
      </c>
      <c r="K2364" s="2">
        <v>0</v>
      </c>
      <c r="L2364" t="s">
        <v>120</v>
      </c>
      <c r="M2364" t="s">
        <v>89</v>
      </c>
      <c r="N2364" t="s">
        <v>90</v>
      </c>
      <c r="O2364" t="s">
        <v>85</v>
      </c>
      <c r="P2364" t="s">
        <v>86</v>
      </c>
      <c r="Q2364">
        <v>9</v>
      </c>
      <c r="R2364">
        <v>10</v>
      </c>
      <c r="S2364">
        <v>10</v>
      </c>
      <c r="T2364">
        <v>10</v>
      </c>
      <c r="U2364">
        <v>11</v>
      </c>
      <c r="V2364">
        <v>11</v>
      </c>
      <c r="W2364">
        <v>11</v>
      </c>
      <c r="X2364">
        <v>12</v>
      </c>
      <c r="Y2364">
        <v>12</v>
      </c>
      <c r="Z2364">
        <v>12</v>
      </c>
      <c r="AA2364">
        <v>13</v>
      </c>
      <c r="AB2364">
        <v>13</v>
      </c>
      <c r="AC2364">
        <v>13</v>
      </c>
      <c r="AD2364">
        <v>14</v>
      </c>
      <c r="AE2364">
        <v>14</v>
      </c>
      <c r="AF2364">
        <v>14</v>
      </c>
      <c r="AG2364">
        <v>14</v>
      </c>
      <c r="AH2364">
        <v>14</v>
      </c>
      <c r="AI2364">
        <v>15</v>
      </c>
      <c r="AJ2364">
        <v>15</v>
      </c>
      <c r="AK2364">
        <v>15</v>
      </c>
      <c r="AL2364">
        <v>15</v>
      </c>
      <c r="AM2364">
        <v>15</v>
      </c>
      <c r="AN2364">
        <v>16</v>
      </c>
      <c r="AO2364">
        <v>16</v>
      </c>
      <c r="AP2364">
        <v>16</v>
      </c>
      <c r="AQ2364">
        <v>16</v>
      </c>
    </row>
    <row r="2365" spans="1:43">
      <c r="A2365" t="s">
        <v>1528</v>
      </c>
      <c r="B2365" t="s">
        <v>1529</v>
      </c>
      <c r="C2365" t="s">
        <v>1520</v>
      </c>
      <c r="D2365" t="s">
        <v>1521</v>
      </c>
      <c r="E2365" t="s">
        <v>1192</v>
      </c>
      <c r="F2365" t="s">
        <v>1193</v>
      </c>
      <c r="G2365" t="s">
        <v>80</v>
      </c>
      <c r="H2365" t="s">
        <v>81</v>
      </c>
      <c r="I2365" s="2">
        <v>1</v>
      </c>
      <c r="J2365" s="2">
        <v>0</v>
      </c>
      <c r="K2365" s="2">
        <v>0</v>
      </c>
      <c r="L2365" t="s">
        <v>120</v>
      </c>
      <c r="M2365" t="s">
        <v>83</v>
      </c>
      <c r="N2365" t="s">
        <v>91</v>
      </c>
      <c r="O2365" t="s">
        <v>85</v>
      </c>
      <c r="P2365" t="s">
        <v>86</v>
      </c>
      <c r="Q2365">
        <v>9</v>
      </c>
      <c r="R2365">
        <v>9</v>
      </c>
      <c r="S2365">
        <v>10</v>
      </c>
      <c r="T2365">
        <v>10</v>
      </c>
      <c r="U2365">
        <v>10</v>
      </c>
      <c r="V2365">
        <v>10</v>
      </c>
      <c r="W2365">
        <v>11</v>
      </c>
      <c r="X2365">
        <v>11</v>
      </c>
      <c r="Y2365">
        <v>11</v>
      </c>
      <c r="Z2365">
        <v>12</v>
      </c>
      <c r="AA2365">
        <v>12</v>
      </c>
      <c r="AB2365">
        <v>12</v>
      </c>
      <c r="AC2365">
        <v>12</v>
      </c>
      <c r="AD2365">
        <v>13</v>
      </c>
      <c r="AE2365">
        <v>13</v>
      </c>
      <c r="AF2365">
        <v>13</v>
      </c>
      <c r="AG2365">
        <v>14</v>
      </c>
      <c r="AH2365">
        <v>14</v>
      </c>
      <c r="AI2365">
        <v>14</v>
      </c>
      <c r="AJ2365">
        <v>15</v>
      </c>
      <c r="AK2365">
        <v>15</v>
      </c>
      <c r="AL2365">
        <v>15</v>
      </c>
      <c r="AM2365">
        <v>15</v>
      </c>
      <c r="AN2365">
        <v>15</v>
      </c>
      <c r="AO2365">
        <v>16</v>
      </c>
      <c r="AP2365">
        <v>16</v>
      </c>
      <c r="AQ2365">
        <v>16</v>
      </c>
    </row>
    <row r="2366" spans="1:43">
      <c r="A2366" t="s">
        <v>1530</v>
      </c>
      <c r="B2366" t="s">
        <v>1531</v>
      </c>
      <c r="C2366" t="s">
        <v>1520</v>
      </c>
      <c r="D2366" t="s">
        <v>1521</v>
      </c>
      <c r="E2366" t="s">
        <v>1192</v>
      </c>
      <c r="F2366" t="s">
        <v>1193</v>
      </c>
      <c r="G2366" t="s">
        <v>80</v>
      </c>
      <c r="H2366" t="s">
        <v>81</v>
      </c>
      <c r="I2366" s="2">
        <v>1</v>
      </c>
      <c r="J2366" s="2">
        <v>0</v>
      </c>
      <c r="K2366" s="2">
        <v>0</v>
      </c>
      <c r="L2366" t="s">
        <v>120</v>
      </c>
      <c r="M2366" t="s">
        <v>83</v>
      </c>
      <c r="N2366" t="s">
        <v>84</v>
      </c>
      <c r="O2366" t="s">
        <v>85</v>
      </c>
      <c r="P2366" t="s">
        <v>86</v>
      </c>
      <c r="Q2366">
        <v>10</v>
      </c>
      <c r="R2366">
        <v>10</v>
      </c>
      <c r="S2366">
        <v>10</v>
      </c>
      <c r="T2366">
        <v>10</v>
      </c>
      <c r="U2366">
        <v>11</v>
      </c>
      <c r="V2366">
        <v>11</v>
      </c>
      <c r="W2366">
        <v>11</v>
      </c>
      <c r="X2366">
        <v>12</v>
      </c>
      <c r="Y2366">
        <v>12</v>
      </c>
      <c r="Z2366">
        <v>12</v>
      </c>
      <c r="AA2366">
        <v>12</v>
      </c>
      <c r="AB2366">
        <v>13</v>
      </c>
      <c r="AC2366">
        <v>13</v>
      </c>
      <c r="AD2366">
        <v>13</v>
      </c>
      <c r="AE2366">
        <v>14</v>
      </c>
      <c r="AF2366">
        <v>14</v>
      </c>
      <c r="AG2366">
        <v>14</v>
      </c>
      <c r="AH2366">
        <v>15</v>
      </c>
      <c r="AI2366">
        <v>15</v>
      </c>
      <c r="AJ2366">
        <v>15</v>
      </c>
      <c r="AK2366">
        <v>16</v>
      </c>
      <c r="AL2366">
        <v>16</v>
      </c>
      <c r="AM2366">
        <v>16</v>
      </c>
      <c r="AN2366">
        <v>16</v>
      </c>
      <c r="AO2366">
        <v>16</v>
      </c>
      <c r="AP2366">
        <v>17</v>
      </c>
      <c r="AQ2366">
        <v>17</v>
      </c>
    </row>
    <row r="2367" spans="1:43">
      <c r="A2367" t="s">
        <v>1530</v>
      </c>
      <c r="B2367" t="s">
        <v>1531</v>
      </c>
      <c r="C2367" t="s">
        <v>1520</v>
      </c>
      <c r="D2367" t="s">
        <v>1521</v>
      </c>
      <c r="E2367" t="s">
        <v>1192</v>
      </c>
      <c r="F2367" t="s">
        <v>1193</v>
      </c>
      <c r="G2367" t="s">
        <v>80</v>
      </c>
      <c r="H2367" t="s">
        <v>81</v>
      </c>
      <c r="I2367" s="2">
        <v>1</v>
      </c>
      <c r="J2367" s="2">
        <v>0</v>
      </c>
      <c r="K2367" s="2">
        <v>0</v>
      </c>
      <c r="L2367" t="s">
        <v>120</v>
      </c>
      <c r="M2367" t="s">
        <v>87</v>
      </c>
      <c r="N2367" t="s">
        <v>88</v>
      </c>
      <c r="O2367" t="s">
        <v>85</v>
      </c>
      <c r="P2367" t="s">
        <v>86</v>
      </c>
      <c r="Q2367">
        <v>10</v>
      </c>
      <c r="R2367">
        <v>10</v>
      </c>
      <c r="S2367">
        <v>10</v>
      </c>
      <c r="T2367">
        <v>10</v>
      </c>
      <c r="U2367">
        <v>10</v>
      </c>
      <c r="V2367">
        <v>10</v>
      </c>
      <c r="W2367">
        <v>11</v>
      </c>
      <c r="X2367">
        <v>11</v>
      </c>
      <c r="Y2367">
        <v>11</v>
      </c>
      <c r="Z2367">
        <v>11</v>
      </c>
      <c r="AA2367">
        <v>11</v>
      </c>
      <c r="AB2367">
        <v>12</v>
      </c>
      <c r="AC2367">
        <v>12</v>
      </c>
      <c r="AD2367">
        <v>12</v>
      </c>
      <c r="AE2367">
        <v>12</v>
      </c>
      <c r="AF2367">
        <v>12</v>
      </c>
      <c r="AG2367">
        <v>13</v>
      </c>
      <c r="AH2367">
        <v>13</v>
      </c>
      <c r="AI2367">
        <v>13</v>
      </c>
      <c r="AJ2367">
        <v>13</v>
      </c>
      <c r="AK2367">
        <v>13</v>
      </c>
      <c r="AL2367">
        <v>14</v>
      </c>
      <c r="AM2367">
        <v>14</v>
      </c>
      <c r="AN2367">
        <v>14</v>
      </c>
      <c r="AO2367">
        <v>14</v>
      </c>
      <c r="AP2367">
        <v>14</v>
      </c>
      <c r="AQ2367">
        <v>15</v>
      </c>
    </row>
    <row r="2368" spans="1:43">
      <c r="A2368" t="s">
        <v>1530</v>
      </c>
      <c r="B2368" t="s">
        <v>1531</v>
      </c>
      <c r="C2368" t="s">
        <v>1520</v>
      </c>
      <c r="D2368" t="s">
        <v>1521</v>
      </c>
      <c r="E2368" t="s">
        <v>1192</v>
      </c>
      <c r="F2368" t="s">
        <v>1193</v>
      </c>
      <c r="G2368" t="s">
        <v>80</v>
      </c>
      <c r="H2368" t="s">
        <v>81</v>
      </c>
      <c r="I2368" s="2">
        <v>1</v>
      </c>
      <c r="J2368" s="2">
        <v>0</v>
      </c>
      <c r="K2368" s="2">
        <v>0</v>
      </c>
      <c r="L2368" t="s">
        <v>120</v>
      </c>
      <c r="M2368" t="s">
        <v>89</v>
      </c>
      <c r="N2368" t="s">
        <v>90</v>
      </c>
      <c r="O2368" t="s">
        <v>85</v>
      </c>
      <c r="P2368" t="s">
        <v>86</v>
      </c>
      <c r="Q2368">
        <v>10</v>
      </c>
      <c r="R2368">
        <v>10</v>
      </c>
      <c r="S2368">
        <v>10</v>
      </c>
      <c r="T2368">
        <v>11</v>
      </c>
      <c r="U2368">
        <v>11</v>
      </c>
      <c r="V2368">
        <v>11</v>
      </c>
      <c r="W2368">
        <v>12</v>
      </c>
      <c r="X2368">
        <v>12</v>
      </c>
      <c r="Y2368">
        <v>13</v>
      </c>
      <c r="Z2368">
        <v>13</v>
      </c>
      <c r="AA2368">
        <v>13</v>
      </c>
      <c r="AB2368">
        <v>14</v>
      </c>
      <c r="AC2368">
        <v>14</v>
      </c>
      <c r="AD2368">
        <v>14</v>
      </c>
      <c r="AE2368">
        <v>15</v>
      </c>
      <c r="AF2368">
        <v>15</v>
      </c>
      <c r="AG2368">
        <v>15</v>
      </c>
      <c r="AH2368">
        <v>15</v>
      </c>
      <c r="AI2368">
        <v>15</v>
      </c>
      <c r="AJ2368">
        <v>16</v>
      </c>
      <c r="AK2368">
        <v>16</v>
      </c>
      <c r="AL2368">
        <v>16</v>
      </c>
      <c r="AM2368">
        <v>16</v>
      </c>
      <c r="AN2368">
        <v>16</v>
      </c>
      <c r="AO2368">
        <v>17</v>
      </c>
      <c r="AP2368">
        <v>17</v>
      </c>
      <c r="AQ2368">
        <v>17</v>
      </c>
    </row>
    <row r="2369" spans="1:43">
      <c r="A2369" t="s">
        <v>1530</v>
      </c>
      <c r="B2369" t="s">
        <v>1531</v>
      </c>
      <c r="C2369" t="s">
        <v>1520</v>
      </c>
      <c r="D2369" t="s">
        <v>1521</v>
      </c>
      <c r="E2369" t="s">
        <v>1192</v>
      </c>
      <c r="F2369" t="s">
        <v>1193</v>
      </c>
      <c r="G2369" t="s">
        <v>80</v>
      </c>
      <c r="H2369" t="s">
        <v>81</v>
      </c>
      <c r="I2369" s="2">
        <v>1</v>
      </c>
      <c r="J2369" s="2">
        <v>0</v>
      </c>
      <c r="K2369" s="2">
        <v>0</v>
      </c>
      <c r="L2369" t="s">
        <v>120</v>
      </c>
      <c r="M2369" t="s">
        <v>83</v>
      </c>
      <c r="N2369" t="s">
        <v>91</v>
      </c>
      <c r="O2369" t="s">
        <v>85</v>
      </c>
      <c r="P2369" t="s">
        <v>86</v>
      </c>
      <c r="Q2369">
        <v>10</v>
      </c>
      <c r="R2369">
        <v>10</v>
      </c>
      <c r="S2369">
        <v>10</v>
      </c>
      <c r="T2369">
        <v>10</v>
      </c>
      <c r="U2369">
        <v>11</v>
      </c>
      <c r="V2369">
        <v>11</v>
      </c>
      <c r="W2369">
        <v>11</v>
      </c>
      <c r="X2369">
        <v>12</v>
      </c>
      <c r="Y2369">
        <v>12</v>
      </c>
      <c r="Z2369">
        <v>12</v>
      </c>
      <c r="AA2369">
        <v>12</v>
      </c>
      <c r="AB2369">
        <v>13</v>
      </c>
      <c r="AC2369">
        <v>13</v>
      </c>
      <c r="AD2369">
        <v>13</v>
      </c>
      <c r="AE2369">
        <v>14</v>
      </c>
      <c r="AF2369">
        <v>14</v>
      </c>
      <c r="AG2369">
        <v>14</v>
      </c>
      <c r="AH2369">
        <v>15</v>
      </c>
      <c r="AI2369">
        <v>15</v>
      </c>
      <c r="AJ2369">
        <v>15</v>
      </c>
      <c r="AK2369">
        <v>16</v>
      </c>
      <c r="AL2369">
        <v>16</v>
      </c>
      <c r="AM2369">
        <v>16</v>
      </c>
      <c r="AN2369">
        <v>16</v>
      </c>
      <c r="AO2369">
        <v>16</v>
      </c>
      <c r="AP2369">
        <v>17</v>
      </c>
      <c r="AQ2369">
        <v>17</v>
      </c>
    </row>
    <row r="2370" spans="1:43">
      <c r="A2370" t="s">
        <v>1532</v>
      </c>
      <c r="B2370" t="s">
        <v>1533</v>
      </c>
      <c r="C2370" t="s">
        <v>1524</v>
      </c>
      <c r="D2370" t="s">
        <v>1525</v>
      </c>
      <c r="E2370" t="s">
        <v>1192</v>
      </c>
      <c r="F2370" t="s">
        <v>1193</v>
      </c>
      <c r="G2370" t="s">
        <v>80</v>
      </c>
      <c r="H2370" t="s">
        <v>81</v>
      </c>
      <c r="I2370" s="2">
        <v>1</v>
      </c>
      <c r="J2370" s="2">
        <v>0</v>
      </c>
      <c r="K2370" s="2">
        <v>0</v>
      </c>
      <c r="L2370" t="s">
        <v>120</v>
      </c>
      <c r="M2370" t="s">
        <v>83</v>
      </c>
      <c r="N2370" t="s">
        <v>84</v>
      </c>
      <c r="O2370" t="s">
        <v>85</v>
      </c>
      <c r="P2370" t="s">
        <v>86</v>
      </c>
      <c r="Q2370">
        <v>4</v>
      </c>
      <c r="R2370">
        <v>4</v>
      </c>
      <c r="S2370">
        <v>4</v>
      </c>
      <c r="T2370">
        <v>4</v>
      </c>
      <c r="U2370">
        <v>5</v>
      </c>
      <c r="V2370">
        <v>5</v>
      </c>
      <c r="W2370">
        <v>5</v>
      </c>
      <c r="X2370">
        <v>5</v>
      </c>
      <c r="Y2370">
        <v>5</v>
      </c>
      <c r="Z2370">
        <v>5</v>
      </c>
      <c r="AA2370">
        <v>5</v>
      </c>
      <c r="AB2370">
        <v>5</v>
      </c>
      <c r="AC2370">
        <v>6</v>
      </c>
      <c r="AD2370">
        <v>6</v>
      </c>
      <c r="AE2370">
        <v>6</v>
      </c>
      <c r="AF2370">
        <v>6</v>
      </c>
      <c r="AG2370">
        <v>6</v>
      </c>
      <c r="AH2370">
        <v>6</v>
      </c>
      <c r="AI2370">
        <v>6</v>
      </c>
      <c r="AJ2370">
        <v>7</v>
      </c>
      <c r="AK2370">
        <v>7</v>
      </c>
      <c r="AL2370">
        <v>7</v>
      </c>
      <c r="AM2370">
        <v>7</v>
      </c>
      <c r="AN2370">
        <v>7</v>
      </c>
      <c r="AO2370">
        <v>7</v>
      </c>
      <c r="AP2370">
        <v>7</v>
      </c>
      <c r="AQ2370">
        <v>7</v>
      </c>
    </row>
    <row r="2371" spans="1:43">
      <c r="A2371" t="s">
        <v>1532</v>
      </c>
      <c r="B2371" t="s">
        <v>1533</v>
      </c>
      <c r="C2371" t="s">
        <v>1524</v>
      </c>
      <c r="D2371" t="s">
        <v>1525</v>
      </c>
      <c r="E2371" t="s">
        <v>1192</v>
      </c>
      <c r="F2371" t="s">
        <v>1193</v>
      </c>
      <c r="G2371" t="s">
        <v>80</v>
      </c>
      <c r="H2371" t="s">
        <v>81</v>
      </c>
      <c r="I2371" s="2">
        <v>1</v>
      </c>
      <c r="J2371" s="2">
        <v>0</v>
      </c>
      <c r="K2371" s="2">
        <v>0</v>
      </c>
      <c r="L2371" t="s">
        <v>120</v>
      </c>
      <c r="M2371" t="s">
        <v>87</v>
      </c>
      <c r="N2371" t="s">
        <v>88</v>
      </c>
      <c r="O2371" t="s">
        <v>85</v>
      </c>
      <c r="P2371" t="s">
        <v>86</v>
      </c>
      <c r="Q2371">
        <v>4</v>
      </c>
      <c r="R2371">
        <v>4</v>
      </c>
      <c r="S2371">
        <v>4</v>
      </c>
      <c r="T2371">
        <v>4</v>
      </c>
      <c r="U2371">
        <v>4</v>
      </c>
      <c r="V2371">
        <v>4</v>
      </c>
      <c r="W2371">
        <v>5</v>
      </c>
      <c r="X2371">
        <v>5</v>
      </c>
      <c r="Y2371">
        <v>5</v>
      </c>
      <c r="Z2371">
        <v>5</v>
      </c>
      <c r="AA2371">
        <v>5</v>
      </c>
      <c r="AB2371">
        <v>5</v>
      </c>
      <c r="AC2371">
        <v>5</v>
      </c>
      <c r="AD2371">
        <v>5</v>
      </c>
      <c r="AE2371">
        <v>5</v>
      </c>
      <c r="AF2371">
        <v>5</v>
      </c>
      <c r="AG2371">
        <v>5</v>
      </c>
      <c r="AH2371">
        <v>5</v>
      </c>
      <c r="AI2371">
        <v>6</v>
      </c>
      <c r="AJ2371">
        <v>6</v>
      </c>
      <c r="AK2371">
        <v>6</v>
      </c>
      <c r="AL2371">
        <v>6</v>
      </c>
      <c r="AM2371">
        <v>6</v>
      </c>
      <c r="AN2371">
        <v>6</v>
      </c>
      <c r="AO2371">
        <v>6</v>
      </c>
      <c r="AP2371">
        <v>6</v>
      </c>
      <c r="AQ2371">
        <v>6</v>
      </c>
    </row>
    <row r="2372" spans="1:43">
      <c r="A2372" t="s">
        <v>1532</v>
      </c>
      <c r="B2372" t="s">
        <v>1533</v>
      </c>
      <c r="C2372" t="s">
        <v>1524</v>
      </c>
      <c r="D2372" t="s">
        <v>1525</v>
      </c>
      <c r="E2372" t="s">
        <v>1192</v>
      </c>
      <c r="F2372" t="s">
        <v>1193</v>
      </c>
      <c r="G2372" t="s">
        <v>80</v>
      </c>
      <c r="H2372" t="s">
        <v>81</v>
      </c>
      <c r="I2372" s="2">
        <v>1</v>
      </c>
      <c r="J2372" s="2">
        <v>0</v>
      </c>
      <c r="K2372" s="2">
        <v>0</v>
      </c>
      <c r="L2372" t="s">
        <v>120</v>
      </c>
      <c r="M2372" t="s">
        <v>89</v>
      </c>
      <c r="N2372" t="s">
        <v>90</v>
      </c>
      <c r="O2372" t="s">
        <v>85</v>
      </c>
      <c r="P2372" t="s">
        <v>86</v>
      </c>
      <c r="Q2372">
        <v>4</v>
      </c>
      <c r="R2372">
        <v>4</v>
      </c>
      <c r="S2372">
        <v>4</v>
      </c>
      <c r="T2372">
        <v>5</v>
      </c>
      <c r="U2372">
        <v>5</v>
      </c>
      <c r="V2372">
        <v>5</v>
      </c>
      <c r="W2372">
        <v>5</v>
      </c>
      <c r="X2372">
        <v>5</v>
      </c>
      <c r="Y2372">
        <v>5</v>
      </c>
      <c r="Z2372">
        <v>6</v>
      </c>
      <c r="AA2372">
        <v>6</v>
      </c>
      <c r="AB2372">
        <v>6</v>
      </c>
      <c r="AC2372">
        <v>6</v>
      </c>
      <c r="AD2372">
        <v>6</v>
      </c>
      <c r="AE2372">
        <v>6</v>
      </c>
      <c r="AF2372">
        <v>6</v>
      </c>
      <c r="AG2372">
        <v>6</v>
      </c>
      <c r="AH2372">
        <v>7</v>
      </c>
      <c r="AI2372">
        <v>7</v>
      </c>
      <c r="AJ2372">
        <v>7</v>
      </c>
      <c r="AK2372">
        <v>7</v>
      </c>
      <c r="AL2372">
        <v>7</v>
      </c>
      <c r="AM2372">
        <v>7</v>
      </c>
      <c r="AN2372">
        <v>7</v>
      </c>
      <c r="AO2372">
        <v>7</v>
      </c>
      <c r="AP2372">
        <v>7</v>
      </c>
      <c r="AQ2372">
        <v>7</v>
      </c>
    </row>
    <row r="2373" spans="1:43">
      <c r="A2373" t="s">
        <v>1532</v>
      </c>
      <c r="B2373" t="s">
        <v>1533</v>
      </c>
      <c r="C2373" t="s">
        <v>1524</v>
      </c>
      <c r="D2373" t="s">
        <v>1525</v>
      </c>
      <c r="E2373" t="s">
        <v>1192</v>
      </c>
      <c r="F2373" t="s">
        <v>1193</v>
      </c>
      <c r="G2373" t="s">
        <v>80</v>
      </c>
      <c r="H2373" t="s">
        <v>81</v>
      </c>
      <c r="I2373" s="2">
        <v>1</v>
      </c>
      <c r="J2373" s="2">
        <v>0</v>
      </c>
      <c r="K2373" s="2">
        <v>0</v>
      </c>
      <c r="L2373" t="s">
        <v>120</v>
      </c>
      <c r="M2373" t="s">
        <v>83</v>
      </c>
      <c r="N2373" t="s">
        <v>91</v>
      </c>
      <c r="O2373" t="s">
        <v>85</v>
      </c>
      <c r="P2373" t="s">
        <v>86</v>
      </c>
      <c r="Q2373">
        <v>4</v>
      </c>
      <c r="R2373">
        <v>4</v>
      </c>
      <c r="S2373">
        <v>4</v>
      </c>
      <c r="T2373">
        <v>4</v>
      </c>
      <c r="U2373">
        <v>5</v>
      </c>
      <c r="V2373">
        <v>5</v>
      </c>
      <c r="W2373">
        <v>5</v>
      </c>
      <c r="X2373">
        <v>5</v>
      </c>
      <c r="Y2373">
        <v>5</v>
      </c>
      <c r="Z2373">
        <v>5</v>
      </c>
      <c r="AA2373">
        <v>5</v>
      </c>
      <c r="AB2373">
        <v>5</v>
      </c>
      <c r="AC2373">
        <v>6</v>
      </c>
      <c r="AD2373">
        <v>6</v>
      </c>
      <c r="AE2373">
        <v>6</v>
      </c>
      <c r="AF2373">
        <v>6</v>
      </c>
      <c r="AG2373">
        <v>6</v>
      </c>
      <c r="AH2373">
        <v>6</v>
      </c>
      <c r="AI2373">
        <v>6</v>
      </c>
      <c r="AJ2373">
        <v>7</v>
      </c>
      <c r="AK2373">
        <v>7</v>
      </c>
      <c r="AL2373">
        <v>7</v>
      </c>
      <c r="AM2373">
        <v>7</v>
      </c>
      <c r="AN2373">
        <v>7</v>
      </c>
      <c r="AO2373">
        <v>7</v>
      </c>
      <c r="AP2373">
        <v>7</v>
      </c>
      <c r="AQ2373">
        <v>7</v>
      </c>
    </row>
    <row r="2374" spans="1:43">
      <c r="A2374" t="s">
        <v>1534</v>
      </c>
      <c r="B2374" t="s">
        <v>1535</v>
      </c>
      <c r="C2374" t="s">
        <v>1524</v>
      </c>
      <c r="D2374" t="s">
        <v>1525</v>
      </c>
      <c r="E2374" t="s">
        <v>1192</v>
      </c>
      <c r="F2374" t="s">
        <v>1193</v>
      </c>
      <c r="G2374" t="s">
        <v>80</v>
      </c>
      <c r="H2374" t="s">
        <v>81</v>
      </c>
      <c r="I2374" s="2">
        <v>1</v>
      </c>
      <c r="J2374" s="2">
        <v>0</v>
      </c>
      <c r="K2374" s="2">
        <v>0</v>
      </c>
      <c r="L2374" t="s">
        <v>120</v>
      </c>
      <c r="M2374" t="s">
        <v>83</v>
      </c>
      <c r="N2374" t="s">
        <v>84</v>
      </c>
      <c r="O2374" t="s">
        <v>85</v>
      </c>
      <c r="P2374" t="s">
        <v>86</v>
      </c>
      <c r="Q2374">
        <v>26</v>
      </c>
      <c r="R2374">
        <v>27</v>
      </c>
      <c r="S2374">
        <v>28</v>
      </c>
      <c r="T2374">
        <v>29</v>
      </c>
      <c r="U2374">
        <v>29</v>
      </c>
      <c r="V2374">
        <v>30</v>
      </c>
      <c r="W2374">
        <v>31</v>
      </c>
      <c r="X2374">
        <v>32</v>
      </c>
      <c r="Y2374">
        <v>32</v>
      </c>
      <c r="Z2374">
        <v>33</v>
      </c>
      <c r="AA2374">
        <v>34</v>
      </c>
      <c r="AB2374">
        <v>35</v>
      </c>
      <c r="AC2374">
        <v>36</v>
      </c>
      <c r="AD2374">
        <v>37</v>
      </c>
      <c r="AE2374">
        <v>37</v>
      </c>
      <c r="AF2374">
        <v>38</v>
      </c>
      <c r="AG2374">
        <v>39</v>
      </c>
      <c r="AH2374">
        <v>40</v>
      </c>
      <c r="AI2374">
        <v>41</v>
      </c>
      <c r="AJ2374">
        <v>42</v>
      </c>
      <c r="AK2374">
        <v>43</v>
      </c>
      <c r="AL2374">
        <v>44</v>
      </c>
      <c r="AM2374">
        <v>44</v>
      </c>
      <c r="AN2374">
        <v>45</v>
      </c>
      <c r="AO2374">
        <v>45</v>
      </c>
      <c r="AP2374">
        <v>46</v>
      </c>
      <c r="AQ2374">
        <v>46</v>
      </c>
    </row>
    <row r="2375" spans="1:43">
      <c r="A2375" t="s">
        <v>1534</v>
      </c>
      <c r="B2375" t="s">
        <v>1535</v>
      </c>
      <c r="C2375" t="s">
        <v>1524</v>
      </c>
      <c r="D2375" t="s">
        <v>1525</v>
      </c>
      <c r="E2375" t="s">
        <v>1192</v>
      </c>
      <c r="F2375" t="s">
        <v>1193</v>
      </c>
      <c r="G2375" t="s">
        <v>80</v>
      </c>
      <c r="H2375" t="s">
        <v>81</v>
      </c>
      <c r="I2375" s="2">
        <v>1</v>
      </c>
      <c r="J2375" s="2">
        <v>0</v>
      </c>
      <c r="K2375" s="2">
        <v>0</v>
      </c>
      <c r="L2375" t="s">
        <v>120</v>
      </c>
      <c r="M2375" t="s">
        <v>87</v>
      </c>
      <c r="N2375" t="s">
        <v>88</v>
      </c>
      <c r="O2375" t="s">
        <v>85</v>
      </c>
      <c r="P2375" t="s">
        <v>86</v>
      </c>
      <c r="Q2375">
        <v>26</v>
      </c>
      <c r="R2375">
        <v>27</v>
      </c>
      <c r="S2375">
        <v>27</v>
      </c>
      <c r="T2375">
        <v>28</v>
      </c>
      <c r="U2375">
        <v>28</v>
      </c>
      <c r="V2375">
        <v>29</v>
      </c>
      <c r="W2375">
        <v>29</v>
      </c>
      <c r="X2375">
        <v>30</v>
      </c>
      <c r="Y2375">
        <v>30</v>
      </c>
      <c r="Z2375">
        <v>31</v>
      </c>
      <c r="AA2375">
        <v>31</v>
      </c>
      <c r="AB2375">
        <v>32</v>
      </c>
      <c r="AC2375">
        <v>32</v>
      </c>
      <c r="AD2375">
        <v>33</v>
      </c>
      <c r="AE2375">
        <v>33</v>
      </c>
      <c r="AF2375">
        <v>34</v>
      </c>
      <c r="AG2375">
        <v>34</v>
      </c>
      <c r="AH2375">
        <v>35</v>
      </c>
      <c r="AI2375">
        <v>35</v>
      </c>
      <c r="AJ2375">
        <v>36</v>
      </c>
      <c r="AK2375">
        <v>37</v>
      </c>
      <c r="AL2375">
        <v>37</v>
      </c>
      <c r="AM2375">
        <v>38</v>
      </c>
      <c r="AN2375">
        <v>38</v>
      </c>
      <c r="AO2375">
        <v>39</v>
      </c>
      <c r="AP2375">
        <v>40</v>
      </c>
      <c r="AQ2375">
        <v>40</v>
      </c>
    </row>
    <row r="2376" spans="1:43">
      <c r="A2376" t="s">
        <v>1534</v>
      </c>
      <c r="B2376" t="s">
        <v>1535</v>
      </c>
      <c r="C2376" t="s">
        <v>1524</v>
      </c>
      <c r="D2376" t="s">
        <v>1525</v>
      </c>
      <c r="E2376" t="s">
        <v>1192</v>
      </c>
      <c r="F2376" t="s">
        <v>1193</v>
      </c>
      <c r="G2376" t="s">
        <v>80</v>
      </c>
      <c r="H2376" t="s">
        <v>81</v>
      </c>
      <c r="I2376" s="2">
        <v>1</v>
      </c>
      <c r="J2376" s="2">
        <v>0</v>
      </c>
      <c r="K2376" s="2">
        <v>0</v>
      </c>
      <c r="L2376" t="s">
        <v>120</v>
      </c>
      <c r="M2376" t="s">
        <v>89</v>
      </c>
      <c r="N2376" t="s">
        <v>90</v>
      </c>
      <c r="O2376" t="s">
        <v>85</v>
      </c>
      <c r="P2376" t="s">
        <v>86</v>
      </c>
      <c r="Q2376">
        <v>26</v>
      </c>
      <c r="R2376">
        <v>27</v>
      </c>
      <c r="S2376">
        <v>28</v>
      </c>
      <c r="T2376">
        <v>29</v>
      </c>
      <c r="U2376">
        <v>30</v>
      </c>
      <c r="V2376">
        <v>30</v>
      </c>
      <c r="W2376">
        <v>31</v>
      </c>
      <c r="X2376">
        <v>32</v>
      </c>
      <c r="Y2376">
        <v>33</v>
      </c>
      <c r="Z2376">
        <v>34</v>
      </c>
      <c r="AA2376">
        <v>35</v>
      </c>
      <c r="AB2376">
        <v>36</v>
      </c>
      <c r="AC2376">
        <v>37</v>
      </c>
      <c r="AD2376">
        <v>38</v>
      </c>
      <c r="AE2376">
        <v>39</v>
      </c>
      <c r="AF2376">
        <v>40</v>
      </c>
      <c r="AG2376">
        <v>40</v>
      </c>
      <c r="AH2376">
        <v>41</v>
      </c>
      <c r="AI2376">
        <v>41</v>
      </c>
      <c r="AJ2376">
        <v>42</v>
      </c>
      <c r="AK2376">
        <v>42</v>
      </c>
      <c r="AL2376">
        <v>43</v>
      </c>
      <c r="AM2376">
        <v>44</v>
      </c>
      <c r="AN2376">
        <v>44</v>
      </c>
      <c r="AO2376">
        <v>45</v>
      </c>
      <c r="AP2376">
        <v>45</v>
      </c>
      <c r="AQ2376">
        <v>46</v>
      </c>
    </row>
    <row r="2377" spans="1:43">
      <c r="A2377" t="s">
        <v>1534</v>
      </c>
      <c r="B2377" t="s">
        <v>1535</v>
      </c>
      <c r="C2377" t="s">
        <v>1524</v>
      </c>
      <c r="D2377" t="s">
        <v>1525</v>
      </c>
      <c r="E2377" t="s">
        <v>1192</v>
      </c>
      <c r="F2377" t="s">
        <v>1193</v>
      </c>
      <c r="G2377" t="s">
        <v>80</v>
      </c>
      <c r="H2377" t="s">
        <v>81</v>
      </c>
      <c r="I2377" s="2">
        <v>1</v>
      </c>
      <c r="J2377" s="2">
        <v>0</v>
      </c>
      <c r="K2377" s="2">
        <v>0</v>
      </c>
      <c r="L2377" t="s">
        <v>120</v>
      </c>
      <c r="M2377" t="s">
        <v>83</v>
      </c>
      <c r="N2377" t="s">
        <v>91</v>
      </c>
      <c r="O2377" t="s">
        <v>85</v>
      </c>
      <c r="P2377" t="s">
        <v>86</v>
      </c>
      <c r="Q2377">
        <v>26</v>
      </c>
      <c r="R2377">
        <v>27</v>
      </c>
      <c r="S2377">
        <v>28</v>
      </c>
      <c r="T2377">
        <v>29</v>
      </c>
      <c r="U2377">
        <v>29</v>
      </c>
      <c r="V2377">
        <v>30</v>
      </c>
      <c r="W2377">
        <v>31</v>
      </c>
      <c r="X2377">
        <v>32</v>
      </c>
      <c r="Y2377">
        <v>32</v>
      </c>
      <c r="Z2377">
        <v>33</v>
      </c>
      <c r="AA2377">
        <v>34</v>
      </c>
      <c r="AB2377">
        <v>35</v>
      </c>
      <c r="AC2377">
        <v>36</v>
      </c>
      <c r="AD2377">
        <v>37</v>
      </c>
      <c r="AE2377">
        <v>37</v>
      </c>
      <c r="AF2377">
        <v>38</v>
      </c>
      <c r="AG2377">
        <v>39</v>
      </c>
      <c r="AH2377">
        <v>40</v>
      </c>
      <c r="AI2377">
        <v>41</v>
      </c>
      <c r="AJ2377">
        <v>42</v>
      </c>
      <c r="AK2377">
        <v>43</v>
      </c>
      <c r="AL2377">
        <v>44</v>
      </c>
      <c r="AM2377">
        <v>44</v>
      </c>
      <c r="AN2377">
        <v>45</v>
      </c>
      <c r="AO2377">
        <v>45</v>
      </c>
      <c r="AP2377">
        <v>46</v>
      </c>
      <c r="AQ2377">
        <v>46</v>
      </c>
    </row>
    <row r="2378" spans="1:43">
      <c r="A2378" t="s">
        <v>1536</v>
      </c>
      <c r="B2378" t="s">
        <v>1537</v>
      </c>
      <c r="C2378" t="s">
        <v>1258</v>
      </c>
      <c r="D2378" t="s">
        <v>1259</v>
      </c>
      <c r="E2378" t="s">
        <v>1192</v>
      </c>
      <c r="F2378" t="s">
        <v>1193</v>
      </c>
      <c r="G2378" t="s">
        <v>80</v>
      </c>
      <c r="H2378" t="s">
        <v>81</v>
      </c>
      <c r="I2378" s="2">
        <v>0.25</v>
      </c>
      <c r="J2378" s="2">
        <v>0.75</v>
      </c>
      <c r="K2378" s="2">
        <v>0</v>
      </c>
      <c r="L2378" t="s">
        <v>82</v>
      </c>
      <c r="M2378" t="s">
        <v>83</v>
      </c>
      <c r="N2378" t="s">
        <v>84</v>
      </c>
      <c r="O2378" t="s">
        <v>85</v>
      </c>
      <c r="P2378" t="s">
        <v>86</v>
      </c>
      <c r="Q2378">
        <v>15</v>
      </c>
      <c r="R2378">
        <v>15</v>
      </c>
      <c r="S2378">
        <v>16</v>
      </c>
      <c r="T2378">
        <v>16</v>
      </c>
      <c r="U2378">
        <v>16</v>
      </c>
      <c r="V2378">
        <v>16</v>
      </c>
      <c r="W2378">
        <v>17</v>
      </c>
      <c r="X2378">
        <v>17</v>
      </c>
      <c r="Y2378">
        <v>17</v>
      </c>
      <c r="Z2378">
        <v>17</v>
      </c>
      <c r="AA2378">
        <v>17</v>
      </c>
      <c r="AB2378">
        <v>18</v>
      </c>
      <c r="AC2378">
        <v>18</v>
      </c>
      <c r="AD2378">
        <v>18</v>
      </c>
      <c r="AE2378">
        <v>18</v>
      </c>
      <c r="AF2378">
        <v>19</v>
      </c>
      <c r="AG2378">
        <v>19</v>
      </c>
      <c r="AH2378">
        <v>19</v>
      </c>
      <c r="AI2378">
        <v>19</v>
      </c>
      <c r="AJ2378">
        <v>19</v>
      </c>
      <c r="AK2378">
        <v>20</v>
      </c>
      <c r="AL2378">
        <v>20</v>
      </c>
      <c r="AM2378">
        <v>20</v>
      </c>
      <c r="AN2378">
        <v>20</v>
      </c>
      <c r="AO2378">
        <v>20</v>
      </c>
      <c r="AP2378">
        <v>20</v>
      </c>
      <c r="AQ2378">
        <v>20</v>
      </c>
    </row>
    <row r="2379" spans="1:43">
      <c r="A2379" t="s">
        <v>1536</v>
      </c>
      <c r="B2379" t="s">
        <v>1537</v>
      </c>
      <c r="C2379" t="s">
        <v>1258</v>
      </c>
      <c r="D2379" t="s">
        <v>1259</v>
      </c>
      <c r="E2379" t="s">
        <v>1192</v>
      </c>
      <c r="F2379" t="s">
        <v>1193</v>
      </c>
      <c r="G2379" t="s">
        <v>80</v>
      </c>
      <c r="H2379" t="s">
        <v>81</v>
      </c>
      <c r="I2379" s="2">
        <v>0.25</v>
      </c>
      <c r="J2379" s="2">
        <v>0.75</v>
      </c>
      <c r="K2379" s="2">
        <v>0</v>
      </c>
      <c r="L2379" t="s">
        <v>82</v>
      </c>
      <c r="M2379" t="s">
        <v>87</v>
      </c>
      <c r="N2379" t="s">
        <v>88</v>
      </c>
      <c r="O2379" t="s">
        <v>85</v>
      </c>
      <c r="P2379" t="s">
        <v>86</v>
      </c>
      <c r="Q2379">
        <v>15</v>
      </c>
      <c r="R2379">
        <v>15</v>
      </c>
      <c r="S2379">
        <v>15</v>
      </c>
      <c r="T2379">
        <v>15</v>
      </c>
      <c r="U2379">
        <v>15</v>
      </c>
      <c r="V2379">
        <v>16</v>
      </c>
      <c r="W2379">
        <v>16</v>
      </c>
      <c r="X2379">
        <v>16</v>
      </c>
      <c r="Y2379">
        <v>16</v>
      </c>
      <c r="Z2379">
        <v>16</v>
      </c>
      <c r="AA2379">
        <v>16</v>
      </c>
      <c r="AB2379">
        <v>16</v>
      </c>
      <c r="AC2379">
        <v>16</v>
      </c>
      <c r="AD2379">
        <v>16</v>
      </c>
      <c r="AE2379">
        <v>16</v>
      </c>
      <c r="AF2379">
        <v>16</v>
      </c>
      <c r="AG2379">
        <v>16</v>
      </c>
      <c r="AH2379">
        <v>16</v>
      </c>
      <c r="AI2379">
        <v>17</v>
      </c>
      <c r="AJ2379">
        <v>17</v>
      </c>
      <c r="AK2379">
        <v>17</v>
      </c>
      <c r="AL2379">
        <v>17</v>
      </c>
      <c r="AM2379">
        <v>17</v>
      </c>
      <c r="AN2379">
        <v>17</v>
      </c>
      <c r="AO2379">
        <v>17</v>
      </c>
      <c r="AP2379">
        <v>17</v>
      </c>
      <c r="AQ2379">
        <v>17</v>
      </c>
    </row>
    <row r="2380" spans="1:43">
      <c r="A2380" t="s">
        <v>1536</v>
      </c>
      <c r="B2380" t="s">
        <v>1537</v>
      </c>
      <c r="C2380" t="s">
        <v>1258</v>
      </c>
      <c r="D2380" t="s">
        <v>1259</v>
      </c>
      <c r="E2380" t="s">
        <v>1192</v>
      </c>
      <c r="F2380" t="s">
        <v>1193</v>
      </c>
      <c r="G2380" t="s">
        <v>80</v>
      </c>
      <c r="H2380" t="s">
        <v>81</v>
      </c>
      <c r="I2380" s="2">
        <v>0.25</v>
      </c>
      <c r="J2380" s="2">
        <v>0.75</v>
      </c>
      <c r="K2380" s="2">
        <v>0</v>
      </c>
      <c r="L2380" t="s">
        <v>82</v>
      </c>
      <c r="M2380" t="s">
        <v>89</v>
      </c>
      <c r="N2380" t="s">
        <v>90</v>
      </c>
      <c r="O2380" t="s">
        <v>85</v>
      </c>
      <c r="P2380" t="s">
        <v>86</v>
      </c>
      <c r="Q2380">
        <v>15</v>
      </c>
      <c r="R2380">
        <v>16</v>
      </c>
      <c r="S2380">
        <v>16</v>
      </c>
      <c r="T2380">
        <v>16</v>
      </c>
      <c r="U2380">
        <v>17</v>
      </c>
      <c r="V2380">
        <v>17</v>
      </c>
      <c r="W2380">
        <v>17</v>
      </c>
      <c r="X2380">
        <v>18</v>
      </c>
      <c r="Y2380">
        <v>18</v>
      </c>
      <c r="Z2380">
        <v>18</v>
      </c>
      <c r="AA2380">
        <v>19</v>
      </c>
      <c r="AB2380">
        <v>19</v>
      </c>
      <c r="AC2380">
        <v>19</v>
      </c>
      <c r="AD2380">
        <v>19</v>
      </c>
      <c r="AE2380">
        <v>20</v>
      </c>
      <c r="AF2380">
        <v>20</v>
      </c>
      <c r="AG2380">
        <v>20</v>
      </c>
      <c r="AH2380">
        <v>20</v>
      </c>
      <c r="AI2380">
        <v>20</v>
      </c>
      <c r="AJ2380">
        <v>20</v>
      </c>
      <c r="AK2380">
        <v>20</v>
      </c>
      <c r="AL2380">
        <v>20</v>
      </c>
      <c r="AM2380">
        <v>20</v>
      </c>
      <c r="AN2380">
        <v>20</v>
      </c>
      <c r="AO2380">
        <v>20</v>
      </c>
      <c r="AP2380">
        <v>20</v>
      </c>
      <c r="AQ2380">
        <v>20</v>
      </c>
    </row>
    <row r="2381" spans="1:43">
      <c r="A2381" t="s">
        <v>1536</v>
      </c>
      <c r="B2381" t="s">
        <v>1537</v>
      </c>
      <c r="C2381" t="s">
        <v>1258</v>
      </c>
      <c r="D2381" t="s">
        <v>1259</v>
      </c>
      <c r="E2381" t="s">
        <v>1192</v>
      </c>
      <c r="F2381" t="s">
        <v>1193</v>
      </c>
      <c r="G2381" t="s">
        <v>80</v>
      </c>
      <c r="H2381" t="s">
        <v>81</v>
      </c>
      <c r="I2381" s="2">
        <v>0.25</v>
      </c>
      <c r="J2381" s="2">
        <v>0.75</v>
      </c>
      <c r="K2381" s="2">
        <v>0</v>
      </c>
      <c r="L2381" t="s">
        <v>82</v>
      </c>
      <c r="M2381" t="s">
        <v>83</v>
      </c>
      <c r="N2381" t="s">
        <v>91</v>
      </c>
      <c r="O2381" t="s">
        <v>85</v>
      </c>
      <c r="P2381" t="s">
        <v>86</v>
      </c>
      <c r="Q2381">
        <v>15</v>
      </c>
      <c r="R2381">
        <v>15</v>
      </c>
      <c r="S2381">
        <v>16</v>
      </c>
      <c r="T2381">
        <v>16</v>
      </c>
      <c r="U2381">
        <v>16</v>
      </c>
      <c r="V2381">
        <v>16</v>
      </c>
      <c r="W2381">
        <v>17</v>
      </c>
      <c r="X2381">
        <v>17</v>
      </c>
      <c r="Y2381">
        <v>17</v>
      </c>
      <c r="Z2381">
        <v>17</v>
      </c>
      <c r="AA2381">
        <v>17</v>
      </c>
      <c r="AB2381">
        <v>18</v>
      </c>
      <c r="AC2381">
        <v>18</v>
      </c>
      <c r="AD2381">
        <v>18</v>
      </c>
      <c r="AE2381">
        <v>18</v>
      </c>
      <c r="AF2381">
        <v>19</v>
      </c>
      <c r="AG2381">
        <v>19</v>
      </c>
      <c r="AH2381">
        <v>19</v>
      </c>
      <c r="AI2381">
        <v>19</v>
      </c>
      <c r="AJ2381">
        <v>19</v>
      </c>
      <c r="AK2381">
        <v>20</v>
      </c>
      <c r="AL2381">
        <v>20</v>
      </c>
      <c r="AM2381">
        <v>20</v>
      </c>
      <c r="AN2381">
        <v>20</v>
      </c>
      <c r="AO2381">
        <v>20</v>
      </c>
      <c r="AP2381">
        <v>20</v>
      </c>
      <c r="AQ2381">
        <v>20</v>
      </c>
    </row>
    <row r="2382" spans="1:43">
      <c r="A2382" t="s">
        <v>1538</v>
      </c>
      <c r="B2382" t="s">
        <v>1539</v>
      </c>
      <c r="C2382" t="s">
        <v>1308</v>
      </c>
      <c r="D2382" t="s">
        <v>1309</v>
      </c>
      <c r="E2382" t="s">
        <v>1192</v>
      </c>
      <c r="F2382" t="s">
        <v>1193</v>
      </c>
      <c r="G2382" t="s">
        <v>80</v>
      </c>
      <c r="H2382" t="s">
        <v>81</v>
      </c>
      <c r="I2382" s="2">
        <v>1</v>
      </c>
      <c r="J2382" s="2">
        <v>0</v>
      </c>
      <c r="K2382" s="2">
        <v>0</v>
      </c>
      <c r="L2382" t="s">
        <v>120</v>
      </c>
      <c r="M2382" t="s">
        <v>83</v>
      </c>
      <c r="N2382" t="s">
        <v>84</v>
      </c>
      <c r="O2382" t="s">
        <v>85</v>
      </c>
      <c r="P2382" t="s">
        <v>86</v>
      </c>
      <c r="Q2382">
        <v>12</v>
      </c>
      <c r="R2382">
        <v>12</v>
      </c>
      <c r="S2382">
        <v>12</v>
      </c>
      <c r="T2382">
        <v>13</v>
      </c>
      <c r="U2382">
        <v>13</v>
      </c>
      <c r="V2382">
        <v>13</v>
      </c>
      <c r="W2382">
        <v>14</v>
      </c>
      <c r="X2382">
        <v>14</v>
      </c>
      <c r="Y2382">
        <v>14</v>
      </c>
      <c r="Z2382">
        <v>15</v>
      </c>
      <c r="AA2382">
        <v>15</v>
      </c>
      <c r="AB2382">
        <v>15</v>
      </c>
      <c r="AC2382">
        <v>16</v>
      </c>
      <c r="AD2382">
        <v>16</v>
      </c>
      <c r="AE2382">
        <v>16</v>
      </c>
      <c r="AF2382">
        <v>17</v>
      </c>
      <c r="AG2382">
        <v>17</v>
      </c>
      <c r="AH2382">
        <v>18</v>
      </c>
      <c r="AI2382">
        <v>18</v>
      </c>
      <c r="AJ2382">
        <v>18</v>
      </c>
      <c r="AK2382">
        <v>19</v>
      </c>
      <c r="AL2382">
        <v>19</v>
      </c>
      <c r="AM2382">
        <v>19</v>
      </c>
      <c r="AN2382">
        <v>20</v>
      </c>
      <c r="AO2382">
        <v>20</v>
      </c>
      <c r="AP2382">
        <v>20</v>
      </c>
      <c r="AQ2382">
        <v>20</v>
      </c>
    </row>
    <row r="2383" spans="1:43">
      <c r="A2383" t="s">
        <v>1538</v>
      </c>
      <c r="B2383" t="s">
        <v>1539</v>
      </c>
      <c r="C2383" t="s">
        <v>1308</v>
      </c>
      <c r="D2383" t="s">
        <v>1309</v>
      </c>
      <c r="E2383" t="s">
        <v>1192</v>
      </c>
      <c r="F2383" t="s">
        <v>1193</v>
      </c>
      <c r="G2383" t="s">
        <v>80</v>
      </c>
      <c r="H2383" t="s">
        <v>81</v>
      </c>
      <c r="I2383" s="2">
        <v>1</v>
      </c>
      <c r="J2383" s="2">
        <v>0</v>
      </c>
      <c r="K2383" s="2">
        <v>0</v>
      </c>
      <c r="L2383" t="s">
        <v>120</v>
      </c>
      <c r="M2383" t="s">
        <v>87</v>
      </c>
      <c r="N2383" t="s">
        <v>88</v>
      </c>
      <c r="O2383" t="s">
        <v>85</v>
      </c>
      <c r="P2383" t="s">
        <v>86</v>
      </c>
      <c r="Q2383">
        <v>12</v>
      </c>
      <c r="R2383">
        <v>13</v>
      </c>
      <c r="S2383">
        <v>13</v>
      </c>
      <c r="T2383">
        <v>13</v>
      </c>
      <c r="U2383">
        <v>13</v>
      </c>
      <c r="V2383">
        <v>14</v>
      </c>
      <c r="W2383">
        <v>14</v>
      </c>
      <c r="X2383">
        <v>14</v>
      </c>
      <c r="Y2383">
        <v>14</v>
      </c>
      <c r="Z2383">
        <v>14</v>
      </c>
      <c r="AA2383">
        <v>15</v>
      </c>
      <c r="AB2383">
        <v>15</v>
      </c>
      <c r="AC2383">
        <v>15</v>
      </c>
      <c r="AD2383">
        <v>15</v>
      </c>
      <c r="AE2383">
        <v>16</v>
      </c>
      <c r="AF2383">
        <v>16</v>
      </c>
      <c r="AG2383">
        <v>16</v>
      </c>
      <c r="AH2383">
        <v>16</v>
      </c>
      <c r="AI2383">
        <v>17</v>
      </c>
      <c r="AJ2383">
        <v>17</v>
      </c>
      <c r="AK2383">
        <v>17</v>
      </c>
      <c r="AL2383">
        <v>17</v>
      </c>
      <c r="AM2383">
        <v>18</v>
      </c>
      <c r="AN2383">
        <v>18</v>
      </c>
      <c r="AO2383">
        <v>18</v>
      </c>
      <c r="AP2383">
        <v>18</v>
      </c>
      <c r="AQ2383">
        <v>19</v>
      </c>
    </row>
    <row r="2384" spans="1:43">
      <c r="A2384" t="s">
        <v>1538</v>
      </c>
      <c r="B2384" t="s">
        <v>1539</v>
      </c>
      <c r="C2384" t="s">
        <v>1308</v>
      </c>
      <c r="D2384" t="s">
        <v>1309</v>
      </c>
      <c r="E2384" t="s">
        <v>1192</v>
      </c>
      <c r="F2384" t="s">
        <v>1193</v>
      </c>
      <c r="G2384" t="s">
        <v>80</v>
      </c>
      <c r="H2384" t="s">
        <v>81</v>
      </c>
      <c r="I2384" s="2">
        <v>1</v>
      </c>
      <c r="J2384" s="2">
        <v>0</v>
      </c>
      <c r="K2384" s="2">
        <v>0</v>
      </c>
      <c r="L2384" t="s">
        <v>120</v>
      </c>
      <c r="M2384" t="s">
        <v>89</v>
      </c>
      <c r="N2384" t="s">
        <v>90</v>
      </c>
      <c r="O2384" t="s">
        <v>85</v>
      </c>
      <c r="P2384" t="s">
        <v>86</v>
      </c>
      <c r="Q2384">
        <v>12</v>
      </c>
      <c r="R2384">
        <v>12</v>
      </c>
      <c r="S2384">
        <v>13</v>
      </c>
      <c r="T2384">
        <v>13</v>
      </c>
      <c r="U2384">
        <v>13</v>
      </c>
      <c r="V2384">
        <v>14</v>
      </c>
      <c r="W2384">
        <v>14</v>
      </c>
      <c r="X2384">
        <v>15</v>
      </c>
      <c r="Y2384">
        <v>15</v>
      </c>
      <c r="Z2384">
        <v>16</v>
      </c>
      <c r="AA2384">
        <v>16</v>
      </c>
      <c r="AB2384">
        <v>16</v>
      </c>
      <c r="AC2384">
        <v>17</v>
      </c>
      <c r="AD2384">
        <v>17</v>
      </c>
      <c r="AE2384">
        <v>18</v>
      </c>
      <c r="AF2384">
        <v>18</v>
      </c>
      <c r="AG2384">
        <v>18</v>
      </c>
      <c r="AH2384">
        <v>18</v>
      </c>
      <c r="AI2384">
        <v>19</v>
      </c>
      <c r="AJ2384">
        <v>19</v>
      </c>
      <c r="AK2384">
        <v>19</v>
      </c>
      <c r="AL2384">
        <v>19</v>
      </c>
      <c r="AM2384">
        <v>20</v>
      </c>
      <c r="AN2384">
        <v>20</v>
      </c>
      <c r="AO2384">
        <v>20</v>
      </c>
      <c r="AP2384">
        <v>20</v>
      </c>
      <c r="AQ2384">
        <v>21</v>
      </c>
    </row>
    <row r="2385" spans="1:43">
      <c r="A2385" t="s">
        <v>1538</v>
      </c>
      <c r="B2385" t="s">
        <v>1539</v>
      </c>
      <c r="C2385" t="s">
        <v>1308</v>
      </c>
      <c r="D2385" t="s">
        <v>1309</v>
      </c>
      <c r="E2385" t="s">
        <v>1192</v>
      </c>
      <c r="F2385" t="s">
        <v>1193</v>
      </c>
      <c r="G2385" t="s">
        <v>80</v>
      </c>
      <c r="H2385" t="s">
        <v>81</v>
      </c>
      <c r="I2385" s="2">
        <v>1</v>
      </c>
      <c r="J2385" s="2">
        <v>0</v>
      </c>
      <c r="K2385" s="2">
        <v>0</v>
      </c>
      <c r="L2385" t="s">
        <v>120</v>
      </c>
      <c r="M2385" t="s">
        <v>83</v>
      </c>
      <c r="N2385" t="s">
        <v>91</v>
      </c>
      <c r="O2385" t="s">
        <v>85</v>
      </c>
      <c r="P2385" t="s">
        <v>86</v>
      </c>
      <c r="Q2385">
        <v>12</v>
      </c>
      <c r="R2385">
        <v>12</v>
      </c>
      <c r="S2385">
        <v>12</v>
      </c>
      <c r="T2385">
        <v>13</v>
      </c>
      <c r="U2385">
        <v>13</v>
      </c>
      <c r="V2385">
        <v>13</v>
      </c>
      <c r="W2385">
        <v>14</v>
      </c>
      <c r="X2385">
        <v>14</v>
      </c>
      <c r="Y2385">
        <v>14</v>
      </c>
      <c r="Z2385">
        <v>15</v>
      </c>
      <c r="AA2385">
        <v>15</v>
      </c>
      <c r="AB2385">
        <v>15</v>
      </c>
      <c r="AC2385">
        <v>16</v>
      </c>
      <c r="AD2385">
        <v>16</v>
      </c>
      <c r="AE2385">
        <v>16</v>
      </c>
      <c r="AF2385">
        <v>17</v>
      </c>
      <c r="AG2385">
        <v>17</v>
      </c>
      <c r="AH2385">
        <v>18</v>
      </c>
      <c r="AI2385">
        <v>18</v>
      </c>
      <c r="AJ2385">
        <v>18</v>
      </c>
      <c r="AK2385">
        <v>19</v>
      </c>
      <c r="AL2385">
        <v>19</v>
      </c>
      <c r="AM2385">
        <v>19</v>
      </c>
      <c r="AN2385">
        <v>20</v>
      </c>
      <c r="AO2385">
        <v>20</v>
      </c>
      <c r="AP2385">
        <v>20</v>
      </c>
      <c r="AQ2385">
        <v>20</v>
      </c>
    </row>
    <row r="2386" spans="1:43">
      <c r="A2386" t="s">
        <v>1540</v>
      </c>
      <c r="B2386" t="s">
        <v>1541</v>
      </c>
      <c r="C2386" t="s">
        <v>1308</v>
      </c>
      <c r="D2386" t="s">
        <v>1309</v>
      </c>
      <c r="E2386" t="s">
        <v>1192</v>
      </c>
      <c r="F2386" t="s">
        <v>1193</v>
      </c>
      <c r="G2386" t="s">
        <v>80</v>
      </c>
      <c r="H2386" t="s">
        <v>81</v>
      </c>
      <c r="I2386" s="2">
        <v>1</v>
      </c>
      <c r="J2386" s="2">
        <v>0</v>
      </c>
      <c r="K2386" s="2">
        <v>0</v>
      </c>
      <c r="L2386" t="s">
        <v>120</v>
      </c>
      <c r="M2386" t="s">
        <v>83</v>
      </c>
      <c r="N2386" t="s">
        <v>84</v>
      </c>
      <c r="O2386" t="s">
        <v>85</v>
      </c>
      <c r="P2386" t="s">
        <v>86</v>
      </c>
      <c r="Q2386">
        <v>36</v>
      </c>
      <c r="R2386">
        <v>37</v>
      </c>
      <c r="S2386">
        <v>38</v>
      </c>
      <c r="T2386">
        <v>39</v>
      </c>
      <c r="U2386">
        <v>40</v>
      </c>
      <c r="V2386">
        <v>41</v>
      </c>
      <c r="W2386">
        <v>42</v>
      </c>
      <c r="X2386">
        <v>44</v>
      </c>
      <c r="Y2386">
        <v>45</v>
      </c>
      <c r="Z2386">
        <v>46</v>
      </c>
      <c r="AA2386">
        <v>47</v>
      </c>
      <c r="AB2386">
        <v>48</v>
      </c>
      <c r="AC2386">
        <v>49</v>
      </c>
      <c r="AD2386">
        <v>50</v>
      </c>
      <c r="AE2386">
        <v>52</v>
      </c>
      <c r="AF2386">
        <v>53</v>
      </c>
      <c r="AG2386">
        <v>54</v>
      </c>
      <c r="AH2386">
        <v>55</v>
      </c>
      <c r="AI2386">
        <v>57</v>
      </c>
      <c r="AJ2386">
        <v>58</v>
      </c>
      <c r="AK2386">
        <v>59</v>
      </c>
      <c r="AL2386">
        <v>60</v>
      </c>
      <c r="AM2386">
        <v>61</v>
      </c>
      <c r="AN2386">
        <v>62</v>
      </c>
      <c r="AO2386">
        <v>63</v>
      </c>
      <c r="AP2386">
        <v>63</v>
      </c>
      <c r="AQ2386">
        <v>64</v>
      </c>
    </row>
    <row r="2387" spans="1:43">
      <c r="A2387" t="s">
        <v>1540</v>
      </c>
      <c r="B2387" t="s">
        <v>1541</v>
      </c>
      <c r="C2387" t="s">
        <v>1308</v>
      </c>
      <c r="D2387" t="s">
        <v>1309</v>
      </c>
      <c r="E2387" t="s">
        <v>1192</v>
      </c>
      <c r="F2387" t="s">
        <v>1193</v>
      </c>
      <c r="G2387" t="s">
        <v>80</v>
      </c>
      <c r="H2387" t="s">
        <v>81</v>
      </c>
      <c r="I2387" s="2">
        <v>1</v>
      </c>
      <c r="J2387" s="2">
        <v>0</v>
      </c>
      <c r="K2387" s="2">
        <v>0</v>
      </c>
      <c r="L2387" t="s">
        <v>120</v>
      </c>
      <c r="M2387" t="s">
        <v>87</v>
      </c>
      <c r="N2387" t="s">
        <v>88</v>
      </c>
      <c r="O2387" t="s">
        <v>85</v>
      </c>
      <c r="P2387" t="s">
        <v>86</v>
      </c>
      <c r="Q2387">
        <v>36</v>
      </c>
      <c r="R2387">
        <v>37</v>
      </c>
      <c r="S2387">
        <v>37</v>
      </c>
      <c r="T2387">
        <v>38</v>
      </c>
      <c r="U2387">
        <v>39</v>
      </c>
      <c r="V2387">
        <v>39</v>
      </c>
      <c r="W2387">
        <v>40</v>
      </c>
      <c r="X2387">
        <v>41</v>
      </c>
      <c r="Y2387">
        <v>41</v>
      </c>
      <c r="Z2387">
        <v>42</v>
      </c>
      <c r="AA2387">
        <v>43</v>
      </c>
      <c r="AB2387">
        <v>43</v>
      </c>
      <c r="AC2387">
        <v>44</v>
      </c>
      <c r="AD2387">
        <v>45</v>
      </c>
      <c r="AE2387">
        <v>46</v>
      </c>
      <c r="AF2387">
        <v>46</v>
      </c>
      <c r="AG2387">
        <v>47</v>
      </c>
      <c r="AH2387">
        <v>48</v>
      </c>
      <c r="AI2387">
        <v>49</v>
      </c>
      <c r="AJ2387">
        <v>50</v>
      </c>
      <c r="AK2387">
        <v>50</v>
      </c>
      <c r="AL2387">
        <v>51</v>
      </c>
      <c r="AM2387">
        <v>52</v>
      </c>
      <c r="AN2387">
        <v>53</v>
      </c>
      <c r="AO2387">
        <v>54</v>
      </c>
      <c r="AP2387">
        <v>55</v>
      </c>
      <c r="AQ2387">
        <v>56</v>
      </c>
    </row>
    <row r="2388" spans="1:43">
      <c r="A2388" t="s">
        <v>1540</v>
      </c>
      <c r="B2388" t="s">
        <v>1541</v>
      </c>
      <c r="C2388" t="s">
        <v>1308</v>
      </c>
      <c r="D2388" t="s">
        <v>1309</v>
      </c>
      <c r="E2388" t="s">
        <v>1192</v>
      </c>
      <c r="F2388" t="s">
        <v>1193</v>
      </c>
      <c r="G2388" t="s">
        <v>80</v>
      </c>
      <c r="H2388" t="s">
        <v>81</v>
      </c>
      <c r="I2388" s="2">
        <v>1</v>
      </c>
      <c r="J2388" s="2">
        <v>0</v>
      </c>
      <c r="K2388" s="2">
        <v>0</v>
      </c>
      <c r="L2388" t="s">
        <v>120</v>
      </c>
      <c r="M2388" t="s">
        <v>89</v>
      </c>
      <c r="N2388" t="s">
        <v>90</v>
      </c>
      <c r="O2388" t="s">
        <v>85</v>
      </c>
      <c r="P2388" t="s">
        <v>86</v>
      </c>
      <c r="Q2388">
        <v>36</v>
      </c>
      <c r="R2388">
        <v>37</v>
      </c>
      <c r="S2388">
        <v>38</v>
      </c>
      <c r="T2388">
        <v>40</v>
      </c>
      <c r="U2388">
        <v>41</v>
      </c>
      <c r="V2388">
        <v>42</v>
      </c>
      <c r="W2388">
        <v>44</v>
      </c>
      <c r="X2388">
        <v>45</v>
      </c>
      <c r="Y2388">
        <v>46</v>
      </c>
      <c r="Z2388">
        <v>48</v>
      </c>
      <c r="AA2388">
        <v>49</v>
      </c>
      <c r="AB2388">
        <v>50</v>
      </c>
      <c r="AC2388">
        <v>52</v>
      </c>
      <c r="AD2388">
        <v>53</v>
      </c>
      <c r="AE2388">
        <v>54</v>
      </c>
      <c r="AF2388">
        <v>55</v>
      </c>
      <c r="AG2388">
        <v>56</v>
      </c>
      <c r="AH2388">
        <v>57</v>
      </c>
      <c r="AI2388">
        <v>57</v>
      </c>
      <c r="AJ2388">
        <v>58</v>
      </c>
      <c r="AK2388">
        <v>59</v>
      </c>
      <c r="AL2388">
        <v>60</v>
      </c>
      <c r="AM2388">
        <v>61</v>
      </c>
      <c r="AN2388">
        <v>61</v>
      </c>
      <c r="AO2388">
        <v>62</v>
      </c>
      <c r="AP2388">
        <v>63</v>
      </c>
      <c r="AQ2388">
        <v>64</v>
      </c>
    </row>
    <row r="2389" spans="1:43">
      <c r="A2389" t="s">
        <v>1540</v>
      </c>
      <c r="B2389" t="s">
        <v>1541</v>
      </c>
      <c r="C2389" t="s">
        <v>1308</v>
      </c>
      <c r="D2389" t="s">
        <v>1309</v>
      </c>
      <c r="E2389" t="s">
        <v>1192</v>
      </c>
      <c r="F2389" t="s">
        <v>1193</v>
      </c>
      <c r="G2389" t="s">
        <v>80</v>
      </c>
      <c r="H2389" t="s">
        <v>81</v>
      </c>
      <c r="I2389" s="2">
        <v>1</v>
      </c>
      <c r="J2389" s="2">
        <v>0</v>
      </c>
      <c r="K2389" s="2">
        <v>0</v>
      </c>
      <c r="L2389" t="s">
        <v>120</v>
      </c>
      <c r="M2389" t="s">
        <v>83</v>
      </c>
      <c r="N2389" t="s">
        <v>91</v>
      </c>
      <c r="O2389" t="s">
        <v>85</v>
      </c>
      <c r="P2389" t="s">
        <v>86</v>
      </c>
      <c r="Q2389">
        <v>36</v>
      </c>
      <c r="R2389">
        <v>37</v>
      </c>
      <c r="S2389">
        <v>38</v>
      </c>
      <c r="T2389">
        <v>39</v>
      </c>
      <c r="U2389">
        <v>40</v>
      </c>
      <c r="V2389">
        <v>41</v>
      </c>
      <c r="W2389">
        <v>42</v>
      </c>
      <c r="X2389">
        <v>44</v>
      </c>
      <c r="Y2389">
        <v>45</v>
      </c>
      <c r="Z2389">
        <v>46</v>
      </c>
      <c r="AA2389">
        <v>47</v>
      </c>
      <c r="AB2389">
        <v>48</v>
      </c>
      <c r="AC2389">
        <v>49</v>
      </c>
      <c r="AD2389">
        <v>50</v>
      </c>
      <c r="AE2389">
        <v>52</v>
      </c>
      <c r="AF2389">
        <v>53</v>
      </c>
      <c r="AG2389">
        <v>54</v>
      </c>
      <c r="AH2389">
        <v>55</v>
      </c>
      <c r="AI2389">
        <v>57</v>
      </c>
      <c r="AJ2389">
        <v>58</v>
      </c>
      <c r="AK2389">
        <v>59</v>
      </c>
      <c r="AL2389">
        <v>60</v>
      </c>
      <c r="AM2389">
        <v>61</v>
      </c>
      <c r="AN2389">
        <v>62</v>
      </c>
      <c r="AO2389">
        <v>63</v>
      </c>
      <c r="AP2389">
        <v>63</v>
      </c>
      <c r="AQ2389">
        <v>64</v>
      </c>
    </row>
    <row r="2390" spans="1:43">
      <c r="A2390" t="s">
        <v>1542</v>
      </c>
      <c r="B2390" t="s">
        <v>1543</v>
      </c>
      <c r="C2390" t="s">
        <v>1212</v>
      </c>
      <c r="D2390" t="s">
        <v>1213</v>
      </c>
      <c r="E2390" t="s">
        <v>1192</v>
      </c>
      <c r="F2390" t="s">
        <v>1193</v>
      </c>
      <c r="G2390" t="s">
        <v>80</v>
      </c>
      <c r="H2390" t="s">
        <v>81</v>
      </c>
      <c r="I2390" s="2">
        <v>1</v>
      </c>
      <c r="J2390" s="2">
        <v>0</v>
      </c>
      <c r="K2390" s="2">
        <v>0</v>
      </c>
      <c r="L2390" t="s">
        <v>120</v>
      </c>
      <c r="M2390" t="s">
        <v>83</v>
      </c>
      <c r="N2390" t="s">
        <v>84</v>
      </c>
      <c r="O2390" t="s">
        <v>85</v>
      </c>
      <c r="P2390" t="s">
        <v>86</v>
      </c>
      <c r="Q2390">
        <v>29</v>
      </c>
      <c r="R2390">
        <v>30</v>
      </c>
      <c r="S2390">
        <v>31</v>
      </c>
      <c r="T2390">
        <v>31</v>
      </c>
      <c r="U2390">
        <v>32</v>
      </c>
      <c r="V2390">
        <v>33</v>
      </c>
      <c r="W2390">
        <v>34</v>
      </c>
      <c r="X2390">
        <v>35</v>
      </c>
      <c r="Y2390">
        <v>36</v>
      </c>
      <c r="Z2390">
        <v>37</v>
      </c>
      <c r="AA2390">
        <v>37</v>
      </c>
      <c r="AB2390">
        <v>38</v>
      </c>
      <c r="AC2390">
        <v>39</v>
      </c>
      <c r="AD2390">
        <v>40</v>
      </c>
      <c r="AE2390">
        <v>41</v>
      </c>
      <c r="AF2390">
        <v>42</v>
      </c>
      <c r="AG2390">
        <v>43</v>
      </c>
      <c r="AH2390">
        <v>44</v>
      </c>
      <c r="AI2390">
        <v>45</v>
      </c>
      <c r="AJ2390">
        <v>46</v>
      </c>
      <c r="AK2390">
        <v>47</v>
      </c>
      <c r="AL2390">
        <v>48</v>
      </c>
      <c r="AM2390">
        <v>49</v>
      </c>
      <c r="AN2390">
        <v>49</v>
      </c>
      <c r="AO2390">
        <v>50</v>
      </c>
      <c r="AP2390">
        <v>51</v>
      </c>
      <c r="AQ2390">
        <v>51</v>
      </c>
    </row>
    <row r="2391" spans="1:43">
      <c r="A2391" t="s">
        <v>1542</v>
      </c>
      <c r="B2391" t="s">
        <v>1543</v>
      </c>
      <c r="C2391" t="s">
        <v>1212</v>
      </c>
      <c r="D2391" t="s">
        <v>1213</v>
      </c>
      <c r="E2391" t="s">
        <v>1192</v>
      </c>
      <c r="F2391" t="s">
        <v>1193</v>
      </c>
      <c r="G2391" t="s">
        <v>80</v>
      </c>
      <c r="H2391" t="s">
        <v>81</v>
      </c>
      <c r="I2391" s="2">
        <v>1</v>
      </c>
      <c r="J2391" s="2">
        <v>0</v>
      </c>
      <c r="K2391" s="2">
        <v>0</v>
      </c>
      <c r="L2391" t="s">
        <v>120</v>
      </c>
      <c r="M2391" t="s">
        <v>87</v>
      </c>
      <c r="N2391" t="s">
        <v>88</v>
      </c>
      <c r="O2391" t="s">
        <v>85</v>
      </c>
      <c r="P2391" t="s">
        <v>86</v>
      </c>
      <c r="Q2391">
        <v>29</v>
      </c>
      <c r="R2391">
        <v>29</v>
      </c>
      <c r="S2391">
        <v>30</v>
      </c>
      <c r="T2391">
        <v>30</v>
      </c>
      <c r="U2391">
        <v>31</v>
      </c>
      <c r="V2391">
        <v>31</v>
      </c>
      <c r="W2391">
        <v>32</v>
      </c>
      <c r="X2391">
        <v>32</v>
      </c>
      <c r="Y2391">
        <v>33</v>
      </c>
      <c r="Z2391">
        <v>34</v>
      </c>
      <c r="AA2391">
        <v>34</v>
      </c>
      <c r="AB2391">
        <v>35</v>
      </c>
      <c r="AC2391">
        <v>35</v>
      </c>
      <c r="AD2391">
        <v>36</v>
      </c>
      <c r="AE2391">
        <v>36</v>
      </c>
      <c r="AF2391">
        <v>37</v>
      </c>
      <c r="AG2391">
        <v>38</v>
      </c>
      <c r="AH2391">
        <v>38</v>
      </c>
      <c r="AI2391">
        <v>39</v>
      </c>
      <c r="AJ2391">
        <v>40</v>
      </c>
      <c r="AK2391">
        <v>40</v>
      </c>
      <c r="AL2391">
        <v>41</v>
      </c>
      <c r="AM2391">
        <v>42</v>
      </c>
      <c r="AN2391">
        <v>42</v>
      </c>
      <c r="AO2391">
        <v>43</v>
      </c>
      <c r="AP2391">
        <v>44</v>
      </c>
      <c r="AQ2391">
        <v>44</v>
      </c>
    </row>
    <row r="2392" spans="1:43">
      <c r="A2392" t="s">
        <v>1542</v>
      </c>
      <c r="B2392" t="s">
        <v>1543</v>
      </c>
      <c r="C2392" t="s">
        <v>1212</v>
      </c>
      <c r="D2392" t="s">
        <v>1213</v>
      </c>
      <c r="E2392" t="s">
        <v>1192</v>
      </c>
      <c r="F2392" t="s">
        <v>1193</v>
      </c>
      <c r="G2392" t="s">
        <v>80</v>
      </c>
      <c r="H2392" t="s">
        <v>81</v>
      </c>
      <c r="I2392" s="2">
        <v>1</v>
      </c>
      <c r="J2392" s="2">
        <v>0</v>
      </c>
      <c r="K2392" s="2">
        <v>0</v>
      </c>
      <c r="L2392" t="s">
        <v>120</v>
      </c>
      <c r="M2392" t="s">
        <v>89</v>
      </c>
      <c r="N2392" t="s">
        <v>90</v>
      </c>
      <c r="O2392" t="s">
        <v>85</v>
      </c>
      <c r="P2392" t="s">
        <v>86</v>
      </c>
      <c r="Q2392">
        <v>29</v>
      </c>
      <c r="R2392">
        <v>30</v>
      </c>
      <c r="S2392">
        <v>31</v>
      </c>
      <c r="T2392">
        <v>32</v>
      </c>
      <c r="U2392">
        <v>33</v>
      </c>
      <c r="V2392">
        <v>35</v>
      </c>
      <c r="W2392">
        <v>36</v>
      </c>
      <c r="X2392">
        <v>37</v>
      </c>
      <c r="Y2392">
        <v>38</v>
      </c>
      <c r="Z2392">
        <v>39</v>
      </c>
      <c r="AA2392">
        <v>40</v>
      </c>
      <c r="AB2392">
        <v>41</v>
      </c>
      <c r="AC2392">
        <v>42</v>
      </c>
      <c r="AD2392">
        <v>43</v>
      </c>
      <c r="AE2392">
        <v>44</v>
      </c>
      <c r="AF2392">
        <v>45</v>
      </c>
      <c r="AG2392">
        <v>45</v>
      </c>
      <c r="AH2392">
        <v>46</v>
      </c>
      <c r="AI2392">
        <v>47</v>
      </c>
      <c r="AJ2392">
        <v>47</v>
      </c>
      <c r="AK2392">
        <v>48</v>
      </c>
      <c r="AL2392">
        <v>48</v>
      </c>
      <c r="AM2392">
        <v>49</v>
      </c>
      <c r="AN2392">
        <v>50</v>
      </c>
      <c r="AO2392">
        <v>50</v>
      </c>
      <c r="AP2392">
        <v>51</v>
      </c>
      <c r="AQ2392">
        <v>52</v>
      </c>
    </row>
    <row r="2393" spans="1:43">
      <c r="A2393" t="s">
        <v>1542</v>
      </c>
      <c r="B2393" t="s">
        <v>1543</v>
      </c>
      <c r="C2393" t="s">
        <v>1212</v>
      </c>
      <c r="D2393" t="s">
        <v>1213</v>
      </c>
      <c r="E2393" t="s">
        <v>1192</v>
      </c>
      <c r="F2393" t="s">
        <v>1193</v>
      </c>
      <c r="G2393" t="s">
        <v>80</v>
      </c>
      <c r="H2393" t="s">
        <v>81</v>
      </c>
      <c r="I2393" s="2">
        <v>1</v>
      </c>
      <c r="J2393" s="2">
        <v>0</v>
      </c>
      <c r="K2393" s="2">
        <v>0</v>
      </c>
      <c r="L2393" t="s">
        <v>120</v>
      </c>
      <c r="M2393" t="s">
        <v>83</v>
      </c>
      <c r="N2393" t="s">
        <v>91</v>
      </c>
      <c r="O2393" t="s">
        <v>85</v>
      </c>
      <c r="P2393" t="s">
        <v>86</v>
      </c>
      <c r="Q2393">
        <v>29</v>
      </c>
      <c r="R2393">
        <v>30</v>
      </c>
      <c r="S2393">
        <v>31</v>
      </c>
      <c r="T2393">
        <v>31</v>
      </c>
      <c r="U2393">
        <v>32</v>
      </c>
      <c r="V2393">
        <v>33</v>
      </c>
      <c r="W2393">
        <v>34</v>
      </c>
      <c r="X2393">
        <v>35</v>
      </c>
      <c r="Y2393">
        <v>36</v>
      </c>
      <c r="Z2393">
        <v>37</v>
      </c>
      <c r="AA2393">
        <v>37</v>
      </c>
      <c r="AB2393">
        <v>38</v>
      </c>
      <c r="AC2393">
        <v>39</v>
      </c>
      <c r="AD2393">
        <v>40</v>
      </c>
      <c r="AE2393">
        <v>41</v>
      </c>
      <c r="AF2393">
        <v>42</v>
      </c>
      <c r="AG2393">
        <v>43</v>
      </c>
      <c r="AH2393">
        <v>44</v>
      </c>
      <c r="AI2393">
        <v>45</v>
      </c>
      <c r="AJ2393">
        <v>46</v>
      </c>
      <c r="AK2393">
        <v>47</v>
      </c>
      <c r="AL2393">
        <v>48</v>
      </c>
      <c r="AM2393">
        <v>49</v>
      </c>
      <c r="AN2393">
        <v>49</v>
      </c>
      <c r="AO2393">
        <v>50</v>
      </c>
      <c r="AP2393">
        <v>51</v>
      </c>
      <c r="AQ2393">
        <v>51</v>
      </c>
    </row>
    <row r="2394" spans="1:43">
      <c r="A2394" t="s">
        <v>1544</v>
      </c>
      <c r="B2394" t="s">
        <v>1545</v>
      </c>
      <c r="C2394" t="s">
        <v>1258</v>
      </c>
      <c r="D2394" t="s">
        <v>1259</v>
      </c>
      <c r="E2394" t="s">
        <v>1192</v>
      </c>
      <c r="F2394" t="s">
        <v>1193</v>
      </c>
      <c r="G2394" t="s">
        <v>80</v>
      </c>
      <c r="H2394" t="s">
        <v>81</v>
      </c>
      <c r="I2394" s="2">
        <v>0</v>
      </c>
      <c r="J2394" s="2">
        <v>1</v>
      </c>
      <c r="K2394" s="2">
        <v>0</v>
      </c>
      <c r="L2394" t="s">
        <v>82</v>
      </c>
      <c r="M2394" t="s">
        <v>83</v>
      </c>
      <c r="N2394" t="s">
        <v>84</v>
      </c>
      <c r="O2394" t="s">
        <v>85</v>
      </c>
      <c r="P2394" t="s">
        <v>86</v>
      </c>
      <c r="Q2394">
        <v>21</v>
      </c>
      <c r="R2394">
        <v>21</v>
      </c>
      <c r="S2394">
        <v>22</v>
      </c>
      <c r="T2394">
        <v>23</v>
      </c>
      <c r="U2394">
        <v>23</v>
      </c>
      <c r="V2394">
        <v>24</v>
      </c>
      <c r="W2394">
        <v>24</v>
      </c>
      <c r="X2394">
        <v>25</v>
      </c>
      <c r="Y2394">
        <v>26</v>
      </c>
      <c r="Z2394">
        <v>26</v>
      </c>
      <c r="AA2394">
        <v>27</v>
      </c>
      <c r="AB2394">
        <v>28</v>
      </c>
      <c r="AC2394">
        <v>28</v>
      </c>
      <c r="AD2394">
        <v>29</v>
      </c>
      <c r="AE2394">
        <v>30</v>
      </c>
      <c r="AF2394">
        <v>30</v>
      </c>
      <c r="AG2394">
        <v>31</v>
      </c>
      <c r="AH2394">
        <v>32</v>
      </c>
      <c r="AI2394">
        <v>33</v>
      </c>
      <c r="AJ2394">
        <v>33</v>
      </c>
      <c r="AK2394">
        <v>34</v>
      </c>
      <c r="AL2394">
        <v>35</v>
      </c>
      <c r="AM2394">
        <v>35</v>
      </c>
      <c r="AN2394">
        <v>36</v>
      </c>
      <c r="AO2394">
        <v>36</v>
      </c>
      <c r="AP2394">
        <v>37</v>
      </c>
      <c r="AQ2394">
        <v>37</v>
      </c>
    </row>
    <row r="2395" spans="1:43">
      <c r="A2395" t="s">
        <v>1544</v>
      </c>
      <c r="B2395" t="s">
        <v>1545</v>
      </c>
      <c r="C2395" t="s">
        <v>1258</v>
      </c>
      <c r="D2395" t="s">
        <v>1259</v>
      </c>
      <c r="E2395" t="s">
        <v>1192</v>
      </c>
      <c r="F2395" t="s">
        <v>1193</v>
      </c>
      <c r="G2395" t="s">
        <v>80</v>
      </c>
      <c r="H2395" t="s">
        <v>81</v>
      </c>
      <c r="I2395" s="2">
        <v>0</v>
      </c>
      <c r="J2395" s="2">
        <v>1</v>
      </c>
      <c r="K2395" s="2">
        <v>0</v>
      </c>
      <c r="L2395" t="s">
        <v>82</v>
      </c>
      <c r="M2395" t="s">
        <v>87</v>
      </c>
      <c r="N2395" t="s">
        <v>88</v>
      </c>
      <c r="O2395" t="s">
        <v>85</v>
      </c>
      <c r="P2395" t="s">
        <v>86</v>
      </c>
      <c r="Q2395">
        <v>21</v>
      </c>
      <c r="R2395">
        <v>21</v>
      </c>
      <c r="S2395">
        <v>21</v>
      </c>
      <c r="T2395">
        <v>22</v>
      </c>
      <c r="U2395">
        <v>22</v>
      </c>
      <c r="V2395">
        <v>23</v>
      </c>
      <c r="W2395">
        <v>23</v>
      </c>
      <c r="X2395">
        <v>23</v>
      </c>
      <c r="Y2395">
        <v>24</v>
      </c>
      <c r="Z2395">
        <v>24</v>
      </c>
      <c r="AA2395">
        <v>25</v>
      </c>
      <c r="AB2395">
        <v>25</v>
      </c>
      <c r="AC2395">
        <v>25</v>
      </c>
      <c r="AD2395">
        <v>26</v>
      </c>
      <c r="AE2395">
        <v>26</v>
      </c>
      <c r="AF2395">
        <v>27</v>
      </c>
      <c r="AG2395">
        <v>27</v>
      </c>
      <c r="AH2395">
        <v>28</v>
      </c>
      <c r="AI2395">
        <v>28</v>
      </c>
      <c r="AJ2395">
        <v>29</v>
      </c>
      <c r="AK2395">
        <v>29</v>
      </c>
      <c r="AL2395">
        <v>30</v>
      </c>
      <c r="AM2395">
        <v>30</v>
      </c>
      <c r="AN2395">
        <v>31</v>
      </c>
      <c r="AO2395">
        <v>31</v>
      </c>
      <c r="AP2395">
        <v>32</v>
      </c>
      <c r="AQ2395">
        <v>32</v>
      </c>
    </row>
    <row r="2396" spans="1:43">
      <c r="A2396" t="s">
        <v>1544</v>
      </c>
      <c r="B2396" t="s">
        <v>1545</v>
      </c>
      <c r="C2396" t="s">
        <v>1258</v>
      </c>
      <c r="D2396" t="s">
        <v>1259</v>
      </c>
      <c r="E2396" t="s">
        <v>1192</v>
      </c>
      <c r="F2396" t="s">
        <v>1193</v>
      </c>
      <c r="G2396" t="s">
        <v>80</v>
      </c>
      <c r="H2396" t="s">
        <v>81</v>
      </c>
      <c r="I2396" s="2">
        <v>0</v>
      </c>
      <c r="J2396" s="2">
        <v>1</v>
      </c>
      <c r="K2396" s="2">
        <v>0</v>
      </c>
      <c r="L2396" t="s">
        <v>82</v>
      </c>
      <c r="M2396" t="s">
        <v>89</v>
      </c>
      <c r="N2396" t="s">
        <v>90</v>
      </c>
      <c r="O2396" t="s">
        <v>85</v>
      </c>
      <c r="P2396" t="s">
        <v>86</v>
      </c>
      <c r="Q2396">
        <v>21</v>
      </c>
      <c r="R2396">
        <v>22</v>
      </c>
      <c r="S2396">
        <v>23</v>
      </c>
      <c r="T2396">
        <v>23</v>
      </c>
      <c r="U2396">
        <v>24</v>
      </c>
      <c r="V2396">
        <v>25</v>
      </c>
      <c r="W2396">
        <v>26</v>
      </c>
      <c r="X2396">
        <v>26</v>
      </c>
      <c r="Y2396">
        <v>27</v>
      </c>
      <c r="Z2396">
        <v>28</v>
      </c>
      <c r="AA2396">
        <v>29</v>
      </c>
      <c r="AB2396">
        <v>30</v>
      </c>
      <c r="AC2396">
        <v>30</v>
      </c>
      <c r="AD2396">
        <v>31</v>
      </c>
      <c r="AE2396">
        <v>32</v>
      </c>
      <c r="AF2396">
        <v>32</v>
      </c>
      <c r="AG2396">
        <v>33</v>
      </c>
      <c r="AH2396">
        <v>33</v>
      </c>
      <c r="AI2396">
        <v>34</v>
      </c>
      <c r="AJ2396">
        <v>34</v>
      </c>
      <c r="AK2396">
        <v>35</v>
      </c>
      <c r="AL2396">
        <v>35</v>
      </c>
      <c r="AM2396">
        <v>36</v>
      </c>
      <c r="AN2396">
        <v>36</v>
      </c>
      <c r="AO2396">
        <v>37</v>
      </c>
      <c r="AP2396">
        <v>37</v>
      </c>
      <c r="AQ2396">
        <v>38</v>
      </c>
    </row>
    <row r="2397" spans="1:43">
      <c r="A2397" t="s">
        <v>1544</v>
      </c>
      <c r="B2397" t="s">
        <v>1545</v>
      </c>
      <c r="C2397" t="s">
        <v>1258</v>
      </c>
      <c r="D2397" t="s">
        <v>1259</v>
      </c>
      <c r="E2397" t="s">
        <v>1192</v>
      </c>
      <c r="F2397" t="s">
        <v>1193</v>
      </c>
      <c r="G2397" t="s">
        <v>80</v>
      </c>
      <c r="H2397" t="s">
        <v>81</v>
      </c>
      <c r="I2397" s="2">
        <v>0</v>
      </c>
      <c r="J2397" s="2">
        <v>1</v>
      </c>
      <c r="K2397" s="2">
        <v>0</v>
      </c>
      <c r="L2397" t="s">
        <v>82</v>
      </c>
      <c r="M2397" t="s">
        <v>83</v>
      </c>
      <c r="N2397" t="s">
        <v>91</v>
      </c>
      <c r="O2397" t="s">
        <v>85</v>
      </c>
      <c r="P2397" t="s">
        <v>86</v>
      </c>
      <c r="Q2397">
        <v>21</v>
      </c>
      <c r="R2397">
        <v>21</v>
      </c>
      <c r="S2397">
        <v>22</v>
      </c>
      <c r="T2397">
        <v>23</v>
      </c>
      <c r="U2397">
        <v>23</v>
      </c>
      <c r="V2397">
        <v>24</v>
      </c>
      <c r="W2397">
        <v>24</v>
      </c>
      <c r="X2397">
        <v>25</v>
      </c>
      <c r="Y2397">
        <v>26</v>
      </c>
      <c r="Z2397">
        <v>26</v>
      </c>
      <c r="AA2397">
        <v>27</v>
      </c>
      <c r="AB2397">
        <v>28</v>
      </c>
      <c r="AC2397">
        <v>28</v>
      </c>
      <c r="AD2397">
        <v>29</v>
      </c>
      <c r="AE2397">
        <v>30</v>
      </c>
      <c r="AF2397">
        <v>30</v>
      </c>
      <c r="AG2397">
        <v>31</v>
      </c>
      <c r="AH2397">
        <v>32</v>
      </c>
      <c r="AI2397">
        <v>33</v>
      </c>
      <c r="AJ2397">
        <v>33</v>
      </c>
      <c r="AK2397">
        <v>34</v>
      </c>
      <c r="AL2397">
        <v>35</v>
      </c>
      <c r="AM2397">
        <v>35</v>
      </c>
      <c r="AN2397">
        <v>36</v>
      </c>
      <c r="AO2397">
        <v>36</v>
      </c>
      <c r="AP2397">
        <v>37</v>
      </c>
      <c r="AQ2397">
        <v>37</v>
      </c>
    </row>
    <row r="2398" spans="1:43">
      <c r="A2398" t="s">
        <v>1546</v>
      </c>
      <c r="B2398" t="s">
        <v>1547</v>
      </c>
      <c r="C2398" t="s">
        <v>1276</v>
      </c>
      <c r="D2398" t="s">
        <v>1277</v>
      </c>
      <c r="E2398" t="s">
        <v>1192</v>
      </c>
      <c r="F2398" t="s">
        <v>1193</v>
      </c>
      <c r="G2398" t="s">
        <v>80</v>
      </c>
      <c r="H2398" t="s">
        <v>81</v>
      </c>
      <c r="I2398" s="2">
        <v>0</v>
      </c>
      <c r="J2398" s="2">
        <v>1</v>
      </c>
      <c r="K2398" s="2">
        <v>0</v>
      </c>
      <c r="L2398" t="s">
        <v>82</v>
      </c>
      <c r="M2398" t="s">
        <v>83</v>
      </c>
      <c r="N2398" t="s">
        <v>84</v>
      </c>
      <c r="O2398" t="s">
        <v>85</v>
      </c>
      <c r="P2398" t="s">
        <v>86</v>
      </c>
      <c r="Q2398">
        <v>49</v>
      </c>
      <c r="R2398">
        <v>50</v>
      </c>
      <c r="S2398">
        <v>52</v>
      </c>
      <c r="T2398">
        <v>53</v>
      </c>
      <c r="U2398">
        <v>55</v>
      </c>
      <c r="V2398">
        <v>56</v>
      </c>
      <c r="W2398">
        <v>57</v>
      </c>
      <c r="X2398">
        <v>59</v>
      </c>
      <c r="Y2398">
        <v>60</v>
      </c>
      <c r="Z2398">
        <v>62</v>
      </c>
      <c r="AA2398">
        <v>64</v>
      </c>
      <c r="AB2398">
        <v>65</v>
      </c>
      <c r="AC2398">
        <v>67</v>
      </c>
      <c r="AD2398">
        <v>68</v>
      </c>
      <c r="AE2398">
        <v>70</v>
      </c>
      <c r="AF2398">
        <v>72</v>
      </c>
      <c r="AG2398">
        <v>73</v>
      </c>
      <c r="AH2398">
        <v>75</v>
      </c>
      <c r="AI2398">
        <v>77</v>
      </c>
      <c r="AJ2398">
        <v>79</v>
      </c>
      <c r="AK2398">
        <v>81</v>
      </c>
      <c r="AL2398">
        <v>82</v>
      </c>
      <c r="AM2398">
        <v>83</v>
      </c>
      <c r="AN2398">
        <v>84</v>
      </c>
      <c r="AO2398">
        <v>85</v>
      </c>
      <c r="AP2398">
        <v>86</v>
      </c>
      <c r="AQ2398">
        <v>87</v>
      </c>
    </row>
    <row r="2399" spans="1:43">
      <c r="A2399" t="s">
        <v>1546</v>
      </c>
      <c r="B2399" t="s">
        <v>1547</v>
      </c>
      <c r="C2399" t="s">
        <v>1276</v>
      </c>
      <c r="D2399" t="s">
        <v>1277</v>
      </c>
      <c r="E2399" t="s">
        <v>1192</v>
      </c>
      <c r="F2399" t="s">
        <v>1193</v>
      </c>
      <c r="G2399" t="s">
        <v>80</v>
      </c>
      <c r="H2399" t="s">
        <v>81</v>
      </c>
      <c r="I2399" s="2">
        <v>0</v>
      </c>
      <c r="J2399" s="2">
        <v>1</v>
      </c>
      <c r="K2399" s="2">
        <v>0</v>
      </c>
      <c r="L2399" t="s">
        <v>82</v>
      </c>
      <c r="M2399" t="s">
        <v>87</v>
      </c>
      <c r="N2399" t="s">
        <v>88</v>
      </c>
      <c r="O2399" t="s">
        <v>85</v>
      </c>
      <c r="P2399" t="s">
        <v>86</v>
      </c>
      <c r="Q2399">
        <v>49</v>
      </c>
      <c r="R2399">
        <v>49</v>
      </c>
      <c r="S2399">
        <v>50</v>
      </c>
      <c r="T2399">
        <v>51</v>
      </c>
      <c r="U2399">
        <v>52</v>
      </c>
      <c r="V2399">
        <v>53</v>
      </c>
      <c r="W2399">
        <v>54</v>
      </c>
      <c r="X2399">
        <v>55</v>
      </c>
      <c r="Y2399">
        <v>56</v>
      </c>
      <c r="Z2399">
        <v>57</v>
      </c>
      <c r="AA2399">
        <v>58</v>
      </c>
      <c r="AB2399">
        <v>59</v>
      </c>
      <c r="AC2399">
        <v>60</v>
      </c>
      <c r="AD2399">
        <v>61</v>
      </c>
      <c r="AE2399">
        <v>62</v>
      </c>
      <c r="AF2399">
        <v>63</v>
      </c>
      <c r="AG2399">
        <v>64</v>
      </c>
      <c r="AH2399">
        <v>65</v>
      </c>
      <c r="AI2399">
        <v>66</v>
      </c>
      <c r="AJ2399">
        <v>67</v>
      </c>
      <c r="AK2399">
        <v>68</v>
      </c>
      <c r="AL2399">
        <v>70</v>
      </c>
      <c r="AM2399">
        <v>71</v>
      </c>
      <c r="AN2399">
        <v>72</v>
      </c>
      <c r="AO2399">
        <v>73</v>
      </c>
      <c r="AP2399">
        <v>74</v>
      </c>
      <c r="AQ2399">
        <v>75</v>
      </c>
    </row>
    <row r="2400" spans="1:43">
      <c r="A2400" t="s">
        <v>1546</v>
      </c>
      <c r="B2400" t="s">
        <v>1547</v>
      </c>
      <c r="C2400" t="s">
        <v>1276</v>
      </c>
      <c r="D2400" t="s">
        <v>1277</v>
      </c>
      <c r="E2400" t="s">
        <v>1192</v>
      </c>
      <c r="F2400" t="s">
        <v>1193</v>
      </c>
      <c r="G2400" t="s">
        <v>80</v>
      </c>
      <c r="H2400" t="s">
        <v>81</v>
      </c>
      <c r="I2400" s="2">
        <v>0</v>
      </c>
      <c r="J2400" s="2">
        <v>1</v>
      </c>
      <c r="K2400" s="2">
        <v>0</v>
      </c>
      <c r="L2400" t="s">
        <v>82</v>
      </c>
      <c r="M2400" t="s">
        <v>89</v>
      </c>
      <c r="N2400" t="s">
        <v>90</v>
      </c>
      <c r="O2400" t="s">
        <v>85</v>
      </c>
      <c r="P2400" t="s">
        <v>86</v>
      </c>
      <c r="Q2400">
        <v>49</v>
      </c>
      <c r="R2400">
        <v>51</v>
      </c>
      <c r="S2400">
        <v>53</v>
      </c>
      <c r="T2400">
        <v>55</v>
      </c>
      <c r="U2400">
        <v>57</v>
      </c>
      <c r="V2400">
        <v>59</v>
      </c>
      <c r="W2400">
        <v>60</v>
      </c>
      <c r="X2400">
        <v>62</v>
      </c>
      <c r="Y2400">
        <v>64</v>
      </c>
      <c r="Z2400">
        <v>66</v>
      </c>
      <c r="AA2400">
        <v>68</v>
      </c>
      <c r="AB2400">
        <v>70</v>
      </c>
      <c r="AC2400">
        <v>72</v>
      </c>
      <c r="AD2400">
        <v>74</v>
      </c>
      <c r="AE2400">
        <v>75</v>
      </c>
      <c r="AF2400">
        <v>76</v>
      </c>
      <c r="AG2400">
        <v>77</v>
      </c>
      <c r="AH2400">
        <v>78</v>
      </c>
      <c r="AI2400">
        <v>79</v>
      </c>
      <c r="AJ2400">
        <v>81</v>
      </c>
      <c r="AK2400">
        <v>82</v>
      </c>
      <c r="AL2400">
        <v>83</v>
      </c>
      <c r="AM2400">
        <v>84</v>
      </c>
      <c r="AN2400">
        <v>85</v>
      </c>
      <c r="AO2400">
        <v>86</v>
      </c>
      <c r="AP2400">
        <v>87</v>
      </c>
      <c r="AQ2400">
        <v>88</v>
      </c>
    </row>
    <row r="2401" spans="1:43">
      <c r="A2401" t="s">
        <v>1546</v>
      </c>
      <c r="B2401" t="s">
        <v>1547</v>
      </c>
      <c r="C2401" t="s">
        <v>1276</v>
      </c>
      <c r="D2401" t="s">
        <v>1277</v>
      </c>
      <c r="E2401" t="s">
        <v>1192</v>
      </c>
      <c r="F2401" t="s">
        <v>1193</v>
      </c>
      <c r="G2401" t="s">
        <v>80</v>
      </c>
      <c r="H2401" t="s">
        <v>81</v>
      </c>
      <c r="I2401" s="2">
        <v>0</v>
      </c>
      <c r="J2401" s="2">
        <v>1</v>
      </c>
      <c r="K2401" s="2">
        <v>0</v>
      </c>
      <c r="L2401" t="s">
        <v>82</v>
      </c>
      <c r="M2401" t="s">
        <v>83</v>
      </c>
      <c r="N2401" t="s">
        <v>91</v>
      </c>
      <c r="O2401" t="s">
        <v>85</v>
      </c>
      <c r="P2401" t="s">
        <v>86</v>
      </c>
      <c r="Q2401">
        <v>49</v>
      </c>
      <c r="R2401">
        <v>50</v>
      </c>
      <c r="S2401">
        <v>52</v>
      </c>
      <c r="T2401">
        <v>53</v>
      </c>
      <c r="U2401">
        <v>55</v>
      </c>
      <c r="V2401">
        <v>56</v>
      </c>
      <c r="W2401">
        <v>57</v>
      </c>
      <c r="X2401">
        <v>59</v>
      </c>
      <c r="Y2401">
        <v>60</v>
      </c>
      <c r="Z2401">
        <v>62</v>
      </c>
      <c r="AA2401">
        <v>64</v>
      </c>
      <c r="AB2401">
        <v>65</v>
      </c>
      <c r="AC2401">
        <v>67</v>
      </c>
      <c r="AD2401">
        <v>68</v>
      </c>
      <c r="AE2401">
        <v>70</v>
      </c>
      <c r="AF2401">
        <v>72</v>
      </c>
      <c r="AG2401">
        <v>73</v>
      </c>
      <c r="AH2401">
        <v>75</v>
      </c>
      <c r="AI2401">
        <v>77</v>
      </c>
      <c r="AJ2401">
        <v>79</v>
      </c>
      <c r="AK2401">
        <v>81</v>
      </c>
      <c r="AL2401">
        <v>82</v>
      </c>
      <c r="AM2401">
        <v>83</v>
      </c>
      <c r="AN2401">
        <v>84</v>
      </c>
      <c r="AO2401">
        <v>85</v>
      </c>
      <c r="AP2401">
        <v>86</v>
      </c>
      <c r="AQ2401">
        <v>87</v>
      </c>
    </row>
    <row r="2402" spans="1:43">
      <c r="A2402" t="s">
        <v>1548</v>
      </c>
      <c r="B2402" t="s">
        <v>1549</v>
      </c>
      <c r="C2402" t="s">
        <v>1276</v>
      </c>
      <c r="D2402" t="s">
        <v>1277</v>
      </c>
      <c r="E2402" t="s">
        <v>1192</v>
      </c>
      <c r="F2402" t="s">
        <v>1193</v>
      </c>
      <c r="G2402" t="s">
        <v>80</v>
      </c>
      <c r="H2402" t="s">
        <v>81</v>
      </c>
      <c r="I2402" s="2">
        <v>0</v>
      </c>
      <c r="J2402" s="2">
        <v>1</v>
      </c>
      <c r="K2402" s="2">
        <v>0</v>
      </c>
      <c r="L2402" t="s">
        <v>82</v>
      </c>
      <c r="M2402" t="s">
        <v>83</v>
      </c>
      <c r="N2402" t="s">
        <v>84</v>
      </c>
      <c r="O2402" t="s">
        <v>85</v>
      </c>
      <c r="P2402" t="s">
        <v>86</v>
      </c>
      <c r="Q2402">
        <v>22</v>
      </c>
      <c r="R2402">
        <v>23</v>
      </c>
      <c r="S2402">
        <v>23</v>
      </c>
      <c r="T2402">
        <v>24</v>
      </c>
      <c r="U2402">
        <v>25</v>
      </c>
      <c r="V2402">
        <v>25</v>
      </c>
      <c r="W2402">
        <v>26</v>
      </c>
      <c r="X2402">
        <v>27</v>
      </c>
      <c r="Y2402">
        <v>27</v>
      </c>
      <c r="Z2402">
        <v>28</v>
      </c>
      <c r="AA2402">
        <v>29</v>
      </c>
      <c r="AB2402">
        <v>29</v>
      </c>
      <c r="AC2402">
        <v>30</v>
      </c>
      <c r="AD2402">
        <v>31</v>
      </c>
      <c r="AE2402">
        <v>32</v>
      </c>
      <c r="AF2402">
        <v>32</v>
      </c>
      <c r="AG2402">
        <v>33</v>
      </c>
      <c r="AH2402">
        <v>34</v>
      </c>
      <c r="AI2402">
        <v>35</v>
      </c>
      <c r="AJ2402">
        <v>36</v>
      </c>
      <c r="AK2402">
        <v>36</v>
      </c>
      <c r="AL2402">
        <v>37</v>
      </c>
      <c r="AM2402">
        <v>38</v>
      </c>
      <c r="AN2402">
        <v>38</v>
      </c>
      <c r="AO2402">
        <v>39</v>
      </c>
      <c r="AP2402">
        <v>39</v>
      </c>
      <c r="AQ2402">
        <v>40</v>
      </c>
    </row>
    <row r="2403" spans="1:43">
      <c r="A2403" t="s">
        <v>1548</v>
      </c>
      <c r="B2403" t="s">
        <v>1549</v>
      </c>
      <c r="C2403" t="s">
        <v>1276</v>
      </c>
      <c r="D2403" t="s">
        <v>1277</v>
      </c>
      <c r="E2403" t="s">
        <v>1192</v>
      </c>
      <c r="F2403" t="s">
        <v>1193</v>
      </c>
      <c r="G2403" t="s">
        <v>80</v>
      </c>
      <c r="H2403" t="s">
        <v>81</v>
      </c>
      <c r="I2403" s="2">
        <v>0</v>
      </c>
      <c r="J2403" s="2">
        <v>1</v>
      </c>
      <c r="K2403" s="2">
        <v>0</v>
      </c>
      <c r="L2403" t="s">
        <v>82</v>
      </c>
      <c r="M2403" t="s">
        <v>87</v>
      </c>
      <c r="N2403" t="s">
        <v>88</v>
      </c>
      <c r="O2403" t="s">
        <v>85</v>
      </c>
      <c r="P2403" t="s">
        <v>86</v>
      </c>
      <c r="Q2403">
        <v>22</v>
      </c>
      <c r="R2403">
        <v>22</v>
      </c>
      <c r="S2403">
        <v>23</v>
      </c>
      <c r="T2403">
        <v>23</v>
      </c>
      <c r="U2403">
        <v>24</v>
      </c>
      <c r="V2403">
        <v>24</v>
      </c>
      <c r="W2403">
        <v>24</v>
      </c>
      <c r="X2403">
        <v>25</v>
      </c>
      <c r="Y2403">
        <v>25</v>
      </c>
      <c r="Z2403">
        <v>26</v>
      </c>
      <c r="AA2403">
        <v>26</v>
      </c>
      <c r="AB2403">
        <v>27</v>
      </c>
      <c r="AC2403">
        <v>27</v>
      </c>
      <c r="AD2403">
        <v>28</v>
      </c>
      <c r="AE2403">
        <v>28</v>
      </c>
      <c r="AF2403">
        <v>29</v>
      </c>
      <c r="AG2403">
        <v>29</v>
      </c>
      <c r="AH2403">
        <v>29</v>
      </c>
      <c r="AI2403">
        <v>30</v>
      </c>
      <c r="AJ2403">
        <v>30</v>
      </c>
      <c r="AK2403">
        <v>31</v>
      </c>
      <c r="AL2403">
        <v>31</v>
      </c>
      <c r="AM2403">
        <v>32</v>
      </c>
      <c r="AN2403">
        <v>33</v>
      </c>
      <c r="AO2403">
        <v>33</v>
      </c>
      <c r="AP2403">
        <v>34</v>
      </c>
      <c r="AQ2403">
        <v>34</v>
      </c>
    </row>
    <row r="2404" spans="1:43">
      <c r="A2404" t="s">
        <v>1548</v>
      </c>
      <c r="B2404" t="s">
        <v>1549</v>
      </c>
      <c r="C2404" t="s">
        <v>1276</v>
      </c>
      <c r="D2404" t="s">
        <v>1277</v>
      </c>
      <c r="E2404" t="s">
        <v>1192</v>
      </c>
      <c r="F2404" t="s">
        <v>1193</v>
      </c>
      <c r="G2404" t="s">
        <v>80</v>
      </c>
      <c r="H2404" t="s">
        <v>81</v>
      </c>
      <c r="I2404" s="2">
        <v>0</v>
      </c>
      <c r="J2404" s="2">
        <v>1</v>
      </c>
      <c r="K2404" s="2">
        <v>0</v>
      </c>
      <c r="L2404" t="s">
        <v>82</v>
      </c>
      <c r="M2404" t="s">
        <v>89</v>
      </c>
      <c r="N2404" t="s">
        <v>90</v>
      </c>
      <c r="O2404" t="s">
        <v>85</v>
      </c>
      <c r="P2404" t="s">
        <v>86</v>
      </c>
      <c r="Q2404">
        <v>22</v>
      </c>
      <c r="R2404">
        <v>23</v>
      </c>
      <c r="S2404">
        <v>24</v>
      </c>
      <c r="T2404">
        <v>25</v>
      </c>
      <c r="U2404">
        <v>26</v>
      </c>
      <c r="V2404">
        <v>27</v>
      </c>
      <c r="W2404">
        <v>27</v>
      </c>
      <c r="X2404">
        <v>28</v>
      </c>
      <c r="Y2404">
        <v>29</v>
      </c>
      <c r="Z2404">
        <v>30</v>
      </c>
      <c r="AA2404">
        <v>31</v>
      </c>
      <c r="AB2404">
        <v>32</v>
      </c>
      <c r="AC2404">
        <v>32</v>
      </c>
      <c r="AD2404">
        <v>33</v>
      </c>
      <c r="AE2404">
        <v>34</v>
      </c>
      <c r="AF2404">
        <v>35</v>
      </c>
      <c r="AG2404">
        <v>35</v>
      </c>
      <c r="AH2404">
        <v>35</v>
      </c>
      <c r="AI2404">
        <v>36</v>
      </c>
      <c r="AJ2404">
        <v>36</v>
      </c>
      <c r="AK2404">
        <v>37</v>
      </c>
      <c r="AL2404">
        <v>37</v>
      </c>
      <c r="AM2404">
        <v>38</v>
      </c>
      <c r="AN2404">
        <v>38</v>
      </c>
      <c r="AO2404">
        <v>39</v>
      </c>
      <c r="AP2404">
        <v>39</v>
      </c>
      <c r="AQ2404">
        <v>40</v>
      </c>
    </row>
    <row r="2405" spans="1:43">
      <c r="A2405" t="s">
        <v>1548</v>
      </c>
      <c r="B2405" t="s">
        <v>1549</v>
      </c>
      <c r="C2405" t="s">
        <v>1276</v>
      </c>
      <c r="D2405" t="s">
        <v>1277</v>
      </c>
      <c r="E2405" t="s">
        <v>1192</v>
      </c>
      <c r="F2405" t="s">
        <v>1193</v>
      </c>
      <c r="G2405" t="s">
        <v>80</v>
      </c>
      <c r="H2405" t="s">
        <v>81</v>
      </c>
      <c r="I2405" s="2">
        <v>0</v>
      </c>
      <c r="J2405" s="2">
        <v>1</v>
      </c>
      <c r="K2405" s="2">
        <v>0</v>
      </c>
      <c r="L2405" t="s">
        <v>82</v>
      </c>
      <c r="M2405" t="s">
        <v>83</v>
      </c>
      <c r="N2405" t="s">
        <v>91</v>
      </c>
      <c r="O2405" t="s">
        <v>85</v>
      </c>
      <c r="P2405" t="s">
        <v>86</v>
      </c>
      <c r="Q2405">
        <v>22</v>
      </c>
      <c r="R2405">
        <v>23</v>
      </c>
      <c r="S2405">
        <v>23</v>
      </c>
      <c r="T2405">
        <v>24</v>
      </c>
      <c r="U2405">
        <v>25</v>
      </c>
      <c r="V2405">
        <v>25</v>
      </c>
      <c r="W2405">
        <v>26</v>
      </c>
      <c r="X2405">
        <v>27</v>
      </c>
      <c r="Y2405">
        <v>27</v>
      </c>
      <c r="Z2405">
        <v>28</v>
      </c>
      <c r="AA2405">
        <v>29</v>
      </c>
      <c r="AB2405">
        <v>29</v>
      </c>
      <c r="AC2405">
        <v>30</v>
      </c>
      <c r="AD2405">
        <v>31</v>
      </c>
      <c r="AE2405">
        <v>32</v>
      </c>
      <c r="AF2405">
        <v>32</v>
      </c>
      <c r="AG2405">
        <v>33</v>
      </c>
      <c r="AH2405">
        <v>34</v>
      </c>
      <c r="AI2405">
        <v>35</v>
      </c>
      <c r="AJ2405">
        <v>36</v>
      </c>
      <c r="AK2405">
        <v>36</v>
      </c>
      <c r="AL2405">
        <v>37</v>
      </c>
      <c r="AM2405">
        <v>38</v>
      </c>
      <c r="AN2405">
        <v>38</v>
      </c>
      <c r="AO2405">
        <v>39</v>
      </c>
      <c r="AP2405">
        <v>39</v>
      </c>
      <c r="AQ2405">
        <v>40</v>
      </c>
    </row>
    <row r="2406" spans="1:43">
      <c r="A2406" t="s">
        <v>1550</v>
      </c>
      <c r="B2406" t="s">
        <v>1551</v>
      </c>
      <c r="C2406" t="s">
        <v>1308</v>
      </c>
      <c r="D2406" t="s">
        <v>1309</v>
      </c>
      <c r="E2406" t="s">
        <v>1192</v>
      </c>
      <c r="F2406" t="s">
        <v>1193</v>
      </c>
      <c r="G2406" t="s">
        <v>80</v>
      </c>
      <c r="H2406" t="s">
        <v>81</v>
      </c>
      <c r="I2406" s="2">
        <v>1</v>
      </c>
      <c r="J2406" s="2">
        <v>0</v>
      </c>
      <c r="K2406" s="2">
        <v>0</v>
      </c>
      <c r="L2406" t="s">
        <v>120</v>
      </c>
      <c r="M2406" t="s">
        <v>83</v>
      </c>
      <c r="N2406" t="s">
        <v>84</v>
      </c>
      <c r="O2406" t="s">
        <v>85</v>
      </c>
      <c r="P2406" t="s">
        <v>86</v>
      </c>
      <c r="Q2406">
        <v>8</v>
      </c>
      <c r="R2406">
        <v>8</v>
      </c>
      <c r="S2406">
        <v>8</v>
      </c>
      <c r="T2406">
        <v>9</v>
      </c>
      <c r="U2406">
        <v>9</v>
      </c>
      <c r="V2406">
        <v>9</v>
      </c>
      <c r="W2406">
        <v>9</v>
      </c>
      <c r="X2406">
        <v>10</v>
      </c>
      <c r="Y2406">
        <v>10</v>
      </c>
      <c r="Z2406">
        <v>10</v>
      </c>
      <c r="AA2406">
        <v>10</v>
      </c>
      <c r="AB2406">
        <v>11</v>
      </c>
      <c r="AC2406">
        <v>11</v>
      </c>
      <c r="AD2406">
        <v>11</v>
      </c>
      <c r="AE2406">
        <v>11</v>
      </c>
      <c r="AF2406">
        <v>12</v>
      </c>
      <c r="AG2406">
        <v>12</v>
      </c>
      <c r="AH2406">
        <v>12</v>
      </c>
      <c r="AI2406">
        <v>12</v>
      </c>
      <c r="AJ2406">
        <v>13</v>
      </c>
      <c r="AK2406">
        <v>13</v>
      </c>
      <c r="AL2406">
        <v>13</v>
      </c>
      <c r="AM2406">
        <v>13</v>
      </c>
      <c r="AN2406">
        <v>14</v>
      </c>
      <c r="AO2406">
        <v>14</v>
      </c>
      <c r="AP2406">
        <v>14</v>
      </c>
      <c r="AQ2406">
        <v>14</v>
      </c>
    </row>
    <row r="2407" spans="1:43">
      <c r="A2407" t="s">
        <v>1550</v>
      </c>
      <c r="B2407" t="s">
        <v>1551</v>
      </c>
      <c r="C2407" t="s">
        <v>1308</v>
      </c>
      <c r="D2407" t="s">
        <v>1309</v>
      </c>
      <c r="E2407" t="s">
        <v>1192</v>
      </c>
      <c r="F2407" t="s">
        <v>1193</v>
      </c>
      <c r="G2407" t="s">
        <v>80</v>
      </c>
      <c r="H2407" t="s">
        <v>81</v>
      </c>
      <c r="I2407" s="2">
        <v>1</v>
      </c>
      <c r="J2407" s="2">
        <v>0</v>
      </c>
      <c r="K2407" s="2">
        <v>0</v>
      </c>
      <c r="L2407" t="s">
        <v>120</v>
      </c>
      <c r="M2407" t="s">
        <v>87</v>
      </c>
      <c r="N2407" t="s">
        <v>88</v>
      </c>
      <c r="O2407" t="s">
        <v>85</v>
      </c>
      <c r="P2407" t="s">
        <v>86</v>
      </c>
      <c r="Q2407">
        <v>8</v>
      </c>
      <c r="R2407">
        <v>8</v>
      </c>
      <c r="S2407">
        <v>8</v>
      </c>
      <c r="T2407">
        <v>8</v>
      </c>
      <c r="U2407">
        <v>9</v>
      </c>
      <c r="V2407">
        <v>9</v>
      </c>
      <c r="W2407">
        <v>9</v>
      </c>
      <c r="X2407">
        <v>9</v>
      </c>
      <c r="Y2407">
        <v>9</v>
      </c>
      <c r="Z2407">
        <v>9</v>
      </c>
      <c r="AA2407">
        <v>9</v>
      </c>
      <c r="AB2407">
        <v>10</v>
      </c>
      <c r="AC2407">
        <v>10</v>
      </c>
      <c r="AD2407">
        <v>10</v>
      </c>
      <c r="AE2407">
        <v>10</v>
      </c>
      <c r="AF2407">
        <v>10</v>
      </c>
      <c r="AG2407">
        <v>10</v>
      </c>
      <c r="AH2407">
        <v>11</v>
      </c>
      <c r="AI2407">
        <v>11</v>
      </c>
      <c r="AJ2407">
        <v>11</v>
      </c>
      <c r="AK2407">
        <v>11</v>
      </c>
      <c r="AL2407">
        <v>11</v>
      </c>
      <c r="AM2407">
        <v>12</v>
      </c>
      <c r="AN2407">
        <v>12</v>
      </c>
      <c r="AO2407">
        <v>12</v>
      </c>
      <c r="AP2407">
        <v>12</v>
      </c>
      <c r="AQ2407">
        <v>12</v>
      </c>
    </row>
    <row r="2408" spans="1:43">
      <c r="A2408" t="s">
        <v>1550</v>
      </c>
      <c r="B2408" t="s">
        <v>1551</v>
      </c>
      <c r="C2408" t="s">
        <v>1308</v>
      </c>
      <c r="D2408" t="s">
        <v>1309</v>
      </c>
      <c r="E2408" t="s">
        <v>1192</v>
      </c>
      <c r="F2408" t="s">
        <v>1193</v>
      </c>
      <c r="G2408" t="s">
        <v>80</v>
      </c>
      <c r="H2408" t="s">
        <v>81</v>
      </c>
      <c r="I2408" s="2">
        <v>1</v>
      </c>
      <c r="J2408" s="2">
        <v>0</v>
      </c>
      <c r="K2408" s="2">
        <v>0</v>
      </c>
      <c r="L2408" t="s">
        <v>120</v>
      </c>
      <c r="M2408" t="s">
        <v>89</v>
      </c>
      <c r="N2408" t="s">
        <v>90</v>
      </c>
      <c r="O2408" t="s">
        <v>85</v>
      </c>
      <c r="P2408" t="s">
        <v>86</v>
      </c>
      <c r="Q2408">
        <v>8</v>
      </c>
      <c r="R2408">
        <v>8</v>
      </c>
      <c r="S2408">
        <v>9</v>
      </c>
      <c r="T2408">
        <v>9</v>
      </c>
      <c r="U2408">
        <v>9</v>
      </c>
      <c r="V2408">
        <v>10</v>
      </c>
      <c r="W2408">
        <v>10</v>
      </c>
      <c r="X2408">
        <v>10</v>
      </c>
      <c r="Y2408">
        <v>10</v>
      </c>
      <c r="Z2408">
        <v>11</v>
      </c>
      <c r="AA2408">
        <v>11</v>
      </c>
      <c r="AB2408">
        <v>11</v>
      </c>
      <c r="AC2408">
        <v>12</v>
      </c>
      <c r="AD2408">
        <v>12</v>
      </c>
      <c r="AE2408">
        <v>12</v>
      </c>
      <c r="AF2408">
        <v>12</v>
      </c>
      <c r="AG2408">
        <v>13</v>
      </c>
      <c r="AH2408">
        <v>13</v>
      </c>
      <c r="AI2408">
        <v>13</v>
      </c>
      <c r="AJ2408">
        <v>13</v>
      </c>
      <c r="AK2408">
        <v>13</v>
      </c>
      <c r="AL2408">
        <v>13</v>
      </c>
      <c r="AM2408">
        <v>14</v>
      </c>
      <c r="AN2408">
        <v>14</v>
      </c>
      <c r="AO2408">
        <v>14</v>
      </c>
      <c r="AP2408">
        <v>14</v>
      </c>
      <c r="AQ2408">
        <v>14</v>
      </c>
    </row>
    <row r="2409" spans="1:43">
      <c r="A2409" t="s">
        <v>1550</v>
      </c>
      <c r="B2409" t="s">
        <v>1551</v>
      </c>
      <c r="C2409" t="s">
        <v>1308</v>
      </c>
      <c r="D2409" t="s">
        <v>1309</v>
      </c>
      <c r="E2409" t="s">
        <v>1192</v>
      </c>
      <c r="F2409" t="s">
        <v>1193</v>
      </c>
      <c r="G2409" t="s">
        <v>80</v>
      </c>
      <c r="H2409" t="s">
        <v>81</v>
      </c>
      <c r="I2409" s="2">
        <v>1</v>
      </c>
      <c r="J2409" s="2">
        <v>0</v>
      </c>
      <c r="K2409" s="2">
        <v>0</v>
      </c>
      <c r="L2409" t="s">
        <v>120</v>
      </c>
      <c r="M2409" t="s">
        <v>83</v>
      </c>
      <c r="N2409" t="s">
        <v>91</v>
      </c>
      <c r="O2409" t="s">
        <v>85</v>
      </c>
      <c r="P2409" t="s">
        <v>86</v>
      </c>
      <c r="Q2409">
        <v>8</v>
      </c>
      <c r="R2409">
        <v>8</v>
      </c>
      <c r="S2409">
        <v>8</v>
      </c>
      <c r="T2409">
        <v>9</v>
      </c>
      <c r="U2409">
        <v>9</v>
      </c>
      <c r="V2409">
        <v>9</v>
      </c>
      <c r="W2409">
        <v>9</v>
      </c>
      <c r="X2409">
        <v>10</v>
      </c>
      <c r="Y2409">
        <v>10</v>
      </c>
      <c r="Z2409">
        <v>10</v>
      </c>
      <c r="AA2409">
        <v>10</v>
      </c>
      <c r="AB2409">
        <v>11</v>
      </c>
      <c r="AC2409">
        <v>11</v>
      </c>
      <c r="AD2409">
        <v>11</v>
      </c>
      <c r="AE2409">
        <v>11</v>
      </c>
      <c r="AF2409">
        <v>12</v>
      </c>
      <c r="AG2409">
        <v>12</v>
      </c>
      <c r="AH2409">
        <v>12</v>
      </c>
      <c r="AI2409">
        <v>12</v>
      </c>
      <c r="AJ2409">
        <v>13</v>
      </c>
      <c r="AK2409">
        <v>13</v>
      </c>
      <c r="AL2409">
        <v>13</v>
      </c>
      <c r="AM2409">
        <v>13</v>
      </c>
      <c r="AN2409">
        <v>14</v>
      </c>
      <c r="AO2409">
        <v>14</v>
      </c>
      <c r="AP2409">
        <v>14</v>
      </c>
      <c r="AQ2409">
        <v>14</v>
      </c>
    </row>
    <row r="2410" spans="1:43">
      <c r="A2410" t="s">
        <v>1552</v>
      </c>
      <c r="B2410" t="s">
        <v>1553</v>
      </c>
      <c r="C2410" t="s">
        <v>1190</v>
      </c>
      <c r="D2410" t="s">
        <v>1191</v>
      </c>
      <c r="E2410" t="s">
        <v>1192</v>
      </c>
      <c r="F2410" t="s">
        <v>1193</v>
      </c>
      <c r="G2410" t="s">
        <v>80</v>
      </c>
      <c r="H2410" t="s">
        <v>81</v>
      </c>
      <c r="I2410" s="2">
        <v>1</v>
      </c>
      <c r="J2410" s="2">
        <v>0</v>
      </c>
      <c r="K2410" s="2">
        <v>0</v>
      </c>
      <c r="L2410" t="s">
        <v>120</v>
      </c>
      <c r="M2410" t="s">
        <v>83</v>
      </c>
      <c r="N2410" t="s">
        <v>84</v>
      </c>
      <c r="O2410" t="s">
        <v>85</v>
      </c>
      <c r="P2410" t="s">
        <v>86</v>
      </c>
      <c r="Q2410">
        <v>37</v>
      </c>
      <c r="R2410">
        <v>38</v>
      </c>
      <c r="S2410">
        <v>39</v>
      </c>
      <c r="T2410">
        <v>40</v>
      </c>
      <c r="U2410">
        <v>41</v>
      </c>
      <c r="V2410">
        <v>42</v>
      </c>
      <c r="W2410">
        <v>43</v>
      </c>
      <c r="X2410">
        <v>44</v>
      </c>
      <c r="Y2410">
        <v>45</v>
      </c>
      <c r="Z2410">
        <v>46</v>
      </c>
      <c r="AA2410">
        <v>47</v>
      </c>
      <c r="AB2410">
        <v>49</v>
      </c>
      <c r="AC2410">
        <v>50</v>
      </c>
      <c r="AD2410">
        <v>51</v>
      </c>
      <c r="AE2410">
        <v>52</v>
      </c>
      <c r="AF2410">
        <v>53</v>
      </c>
      <c r="AG2410">
        <v>55</v>
      </c>
      <c r="AH2410">
        <v>56</v>
      </c>
      <c r="AI2410">
        <v>57</v>
      </c>
      <c r="AJ2410">
        <v>58</v>
      </c>
      <c r="AK2410">
        <v>60</v>
      </c>
      <c r="AL2410">
        <v>61</v>
      </c>
      <c r="AM2410">
        <v>62</v>
      </c>
      <c r="AN2410">
        <v>62</v>
      </c>
      <c r="AO2410">
        <v>63</v>
      </c>
      <c r="AP2410">
        <v>64</v>
      </c>
      <c r="AQ2410">
        <v>65</v>
      </c>
    </row>
    <row r="2411" spans="1:43">
      <c r="A2411" t="s">
        <v>1552</v>
      </c>
      <c r="B2411" t="s">
        <v>1553</v>
      </c>
      <c r="C2411" t="s">
        <v>1190</v>
      </c>
      <c r="D2411" t="s">
        <v>1191</v>
      </c>
      <c r="E2411" t="s">
        <v>1192</v>
      </c>
      <c r="F2411" t="s">
        <v>1193</v>
      </c>
      <c r="G2411" t="s">
        <v>80</v>
      </c>
      <c r="H2411" t="s">
        <v>81</v>
      </c>
      <c r="I2411" s="2">
        <v>1</v>
      </c>
      <c r="J2411" s="2">
        <v>0</v>
      </c>
      <c r="K2411" s="2">
        <v>0</v>
      </c>
      <c r="L2411" t="s">
        <v>120</v>
      </c>
      <c r="M2411" t="s">
        <v>87</v>
      </c>
      <c r="N2411" t="s">
        <v>88</v>
      </c>
      <c r="O2411" t="s">
        <v>85</v>
      </c>
      <c r="P2411" t="s">
        <v>86</v>
      </c>
      <c r="Q2411">
        <v>37</v>
      </c>
      <c r="R2411">
        <v>38</v>
      </c>
      <c r="S2411">
        <v>39</v>
      </c>
      <c r="T2411">
        <v>39</v>
      </c>
      <c r="U2411">
        <v>40</v>
      </c>
      <c r="V2411">
        <v>41</v>
      </c>
      <c r="W2411">
        <v>41</v>
      </c>
      <c r="X2411">
        <v>42</v>
      </c>
      <c r="Y2411">
        <v>43</v>
      </c>
      <c r="Z2411">
        <v>43</v>
      </c>
      <c r="AA2411">
        <v>44</v>
      </c>
      <c r="AB2411">
        <v>45</v>
      </c>
      <c r="AC2411">
        <v>46</v>
      </c>
      <c r="AD2411">
        <v>46</v>
      </c>
      <c r="AE2411">
        <v>47</v>
      </c>
      <c r="AF2411">
        <v>48</v>
      </c>
      <c r="AG2411">
        <v>49</v>
      </c>
      <c r="AH2411">
        <v>50</v>
      </c>
      <c r="AI2411">
        <v>50</v>
      </c>
      <c r="AJ2411">
        <v>51</v>
      </c>
      <c r="AK2411">
        <v>52</v>
      </c>
      <c r="AL2411">
        <v>53</v>
      </c>
      <c r="AM2411">
        <v>54</v>
      </c>
      <c r="AN2411">
        <v>55</v>
      </c>
      <c r="AO2411">
        <v>55</v>
      </c>
      <c r="AP2411">
        <v>56</v>
      </c>
      <c r="AQ2411">
        <v>57</v>
      </c>
    </row>
    <row r="2412" spans="1:43">
      <c r="A2412" t="s">
        <v>1552</v>
      </c>
      <c r="B2412" t="s">
        <v>1553</v>
      </c>
      <c r="C2412" t="s">
        <v>1190</v>
      </c>
      <c r="D2412" t="s">
        <v>1191</v>
      </c>
      <c r="E2412" t="s">
        <v>1192</v>
      </c>
      <c r="F2412" t="s">
        <v>1193</v>
      </c>
      <c r="G2412" t="s">
        <v>80</v>
      </c>
      <c r="H2412" t="s">
        <v>81</v>
      </c>
      <c r="I2412" s="2">
        <v>1</v>
      </c>
      <c r="J2412" s="2">
        <v>0</v>
      </c>
      <c r="K2412" s="2">
        <v>0</v>
      </c>
      <c r="L2412" t="s">
        <v>120</v>
      </c>
      <c r="M2412" t="s">
        <v>89</v>
      </c>
      <c r="N2412" t="s">
        <v>90</v>
      </c>
      <c r="O2412" t="s">
        <v>85</v>
      </c>
      <c r="P2412" t="s">
        <v>86</v>
      </c>
      <c r="Q2412">
        <v>37</v>
      </c>
      <c r="R2412">
        <v>38</v>
      </c>
      <c r="S2412">
        <v>40</v>
      </c>
      <c r="T2412">
        <v>41</v>
      </c>
      <c r="U2412">
        <v>42</v>
      </c>
      <c r="V2412">
        <v>44</v>
      </c>
      <c r="W2412">
        <v>45</v>
      </c>
      <c r="X2412">
        <v>46</v>
      </c>
      <c r="Y2412">
        <v>48</v>
      </c>
      <c r="Z2412">
        <v>49</v>
      </c>
      <c r="AA2412">
        <v>50</v>
      </c>
      <c r="AB2412">
        <v>52</v>
      </c>
      <c r="AC2412">
        <v>53</v>
      </c>
      <c r="AD2412">
        <v>55</v>
      </c>
      <c r="AE2412">
        <v>56</v>
      </c>
      <c r="AF2412">
        <v>57</v>
      </c>
      <c r="AG2412">
        <v>57</v>
      </c>
      <c r="AH2412">
        <v>58</v>
      </c>
      <c r="AI2412">
        <v>59</v>
      </c>
      <c r="AJ2412">
        <v>60</v>
      </c>
      <c r="AK2412">
        <v>61</v>
      </c>
      <c r="AL2412">
        <v>62</v>
      </c>
      <c r="AM2412">
        <v>62</v>
      </c>
      <c r="AN2412">
        <v>63</v>
      </c>
      <c r="AO2412">
        <v>64</v>
      </c>
      <c r="AP2412">
        <v>65</v>
      </c>
      <c r="AQ2412">
        <v>66</v>
      </c>
    </row>
    <row r="2413" spans="1:43">
      <c r="A2413" t="s">
        <v>1552</v>
      </c>
      <c r="B2413" t="s">
        <v>1553</v>
      </c>
      <c r="C2413" t="s">
        <v>1190</v>
      </c>
      <c r="D2413" t="s">
        <v>1191</v>
      </c>
      <c r="E2413" t="s">
        <v>1192</v>
      </c>
      <c r="F2413" t="s">
        <v>1193</v>
      </c>
      <c r="G2413" t="s">
        <v>80</v>
      </c>
      <c r="H2413" t="s">
        <v>81</v>
      </c>
      <c r="I2413" s="2">
        <v>1</v>
      </c>
      <c r="J2413" s="2">
        <v>0</v>
      </c>
      <c r="K2413" s="2">
        <v>0</v>
      </c>
      <c r="L2413" t="s">
        <v>120</v>
      </c>
      <c r="M2413" t="s">
        <v>83</v>
      </c>
      <c r="N2413" t="s">
        <v>91</v>
      </c>
      <c r="O2413" t="s">
        <v>85</v>
      </c>
      <c r="P2413" t="s">
        <v>86</v>
      </c>
      <c r="Q2413">
        <v>37</v>
      </c>
      <c r="R2413">
        <v>38</v>
      </c>
      <c r="S2413">
        <v>39</v>
      </c>
      <c r="T2413">
        <v>40</v>
      </c>
      <c r="U2413">
        <v>41</v>
      </c>
      <c r="V2413">
        <v>42</v>
      </c>
      <c r="W2413">
        <v>43</v>
      </c>
      <c r="X2413">
        <v>44</v>
      </c>
      <c r="Y2413">
        <v>45</v>
      </c>
      <c r="Z2413">
        <v>46</v>
      </c>
      <c r="AA2413">
        <v>47</v>
      </c>
      <c r="AB2413">
        <v>49</v>
      </c>
      <c r="AC2413">
        <v>50</v>
      </c>
      <c r="AD2413">
        <v>51</v>
      </c>
      <c r="AE2413">
        <v>52</v>
      </c>
      <c r="AF2413">
        <v>53</v>
      </c>
      <c r="AG2413">
        <v>55</v>
      </c>
      <c r="AH2413">
        <v>56</v>
      </c>
      <c r="AI2413">
        <v>57</v>
      </c>
      <c r="AJ2413">
        <v>58</v>
      </c>
      <c r="AK2413">
        <v>60</v>
      </c>
      <c r="AL2413">
        <v>61</v>
      </c>
      <c r="AM2413">
        <v>62</v>
      </c>
      <c r="AN2413">
        <v>62</v>
      </c>
      <c r="AO2413">
        <v>63</v>
      </c>
      <c r="AP2413">
        <v>64</v>
      </c>
      <c r="AQ2413">
        <v>65</v>
      </c>
    </row>
    <row r="2414" spans="1:43">
      <c r="A2414" t="s">
        <v>1554</v>
      </c>
      <c r="B2414" t="s">
        <v>1555</v>
      </c>
      <c r="C2414" t="s">
        <v>1510</v>
      </c>
      <c r="D2414" t="s">
        <v>1511</v>
      </c>
      <c r="E2414" t="s">
        <v>1192</v>
      </c>
      <c r="F2414" t="s">
        <v>1193</v>
      </c>
      <c r="G2414" t="s">
        <v>80</v>
      </c>
      <c r="H2414" t="s">
        <v>81</v>
      </c>
      <c r="I2414" s="2">
        <v>1</v>
      </c>
      <c r="J2414" s="2">
        <v>0</v>
      </c>
      <c r="K2414" s="2">
        <v>0</v>
      </c>
      <c r="L2414" t="s">
        <v>120</v>
      </c>
      <c r="M2414" t="s">
        <v>83</v>
      </c>
      <c r="N2414" t="s">
        <v>84</v>
      </c>
      <c r="O2414" t="s">
        <v>85</v>
      </c>
      <c r="P2414" t="s">
        <v>86</v>
      </c>
      <c r="Q2414">
        <v>4</v>
      </c>
      <c r="R2414">
        <v>4</v>
      </c>
      <c r="S2414">
        <v>4</v>
      </c>
      <c r="T2414">
        <v>5</v>
      </c>
      <c r="U2414">
        <v>5</v>
      </c>
      <c r="V2414">
        <v>5</v>
      </c>
      <c r="W2414">
        <v>5</v>
      </c>
      <c r="X2414">
        <v>5</v>
      </c>
      <c r="Y2414">
        <v>5</v>
      </c>
      <c r="Z2414">
        <v>5</v>
      </c>
      <c r="AA2414">
        <v>5</v>
      </c>
      <c r="AB2414">
        <v>6</v>
      </c>
      <c r="AC2414">
        <v>6</v>
      </c>
      <c r="AD2414">
        <v>6</v>
      </c>
      <c r="AE2414">
        <v>6</v>
      </c>
      <c r="AF2414">
        <v>6</v>
      </c>
      <c r="AG2414">
        <v>6</v>
      </c>
      <c r="AH2414">
        <v>6</v>
      </c>
      <c r="AI2414">
        <v>6</v>
      </c>
      <c r="AJ2414">
        <v>7</v>
      </c>
      <c r="AK2414">
        <v>7</v>
      </c>
      <c r="AL2414">
        <v>7</v>
      </c>
      <c r="AM2414">
        <v>7</v>
      </c>
      <c r="AN2414">
        <v>7</v>
      </c>
      <c r="AO2414">
        <v>7</v>
      </c>
      <c r="AP2414">
        <v>7</v>
      </c>
      <c r="AQ2414">
        <v>7</v>
      </c>
    </row>
    <row r="2415" spans="1:43">
      <c r="A2415" t="s">
        <v>1554</v>
      </c>
      <c r="B2415" t="s">
        <v>1555</v>
      </c>
      <c r="C2415" t="s">
        <v>1510</v>
      </c>
      <c r="D2415" t="s">
        <v>1511</v>
      </c>
      <c r="E2415" t="s">
        <v>1192</v>
      </c>
      <c r="F2415" t="s">
        <v>1193</v>
      </c>
      <c r="G2415" t="s">
        <v>80</v>
      </c>
      <c r="H2415" t="s">
        <v>81</v>
      </c>
      <c r="I2415" s="2">
        <v>1</v>
      </c>
      <c r="J2415" s="2">
        <v>0</v>
      </c>
      <c r="K2415" s="2">
        <v>0</v>
      </c>
      <c r="L2415" t="s">
        <v>120</v>
      </c>
      <c r="M2415" t="s">
        <v>87</v>
      </c>
      <c r="N2415" t="s">
        <v>88</v>
      </c>
      <c r="O2415" t="s">
        <v>85</v>
      </c>
      <c r="P2415" t="s">
        <v>86</v>
      </c>
      <c r="Q2415">
        <v>4</v>
      </c>
      <c r="R2415">
        <v>4</v>
      </c>
      <c r="S2415">
        <v>4</v>
      </c>
      <c r="T2415">
        <v>4</v>
      </c>
      <c r="U2415">
        <v>4</v>
      </c>
      <c r="V2415">
        <v>5</v>
      </c>
      <c r="W2415">
        <v>5</v>
      </c>
      <c r="X2415">
        <v>5</v>
      </c>
      <c r="Y2415">
        <v>5</v>
      </c>
      <c r="Z2415">
        <v>5</v>
      </c>
      <c r="AA2415">
        <v>5</v>
      </c>
      <c r="AB2415">
        <v>5</v>
      </c>
      <c r="AC2415">
        <v>5</v>
      </c>
      <c r="AD2415">
        <v>5</v>
      </c>
      <c r="AE2415">
        <v>5</v>
      </c>
      <c r="AF2415">
        <v>5</v>
      </c>
      <c r="AG2415">
        <v>5</v>
      </c>
      <c r="AH2415">
        <v>6</v>
      </c>
      <c r="AI2415">
        <v>6</v>
      </c>
      <c r="AJ2415">
        <v>6</v>
      </c>
      <c r="AK2415">
        <v>6</v>
      </c>
      <c r="AL2415">
        <v>6</v>
      </c>
      <c r="AM2415">
        <v>6</v>
      </c>
      <c r="AN2415">
        <v>6</v>
      </c>
      <c r="AO2415">
        <v>6</v>
      </c>
      <c r="AP2415">
        <v>6</v>
      </c>
      <c r="AQ2415">
        <v>6</v>
      </c>
    </row>
    <row r="2416" spans="1:43">
      <c r="A2416" t="s">
        <v>1554</v>
      </c>
      <c r="B2416" t="s">
        <v>1555</v>
      </c>
      <c r="C2416" t="s">
        <v>1510</v>
      </c>
      <c r="D2416" t="s">
        <v>1511</v>
      </c>
      <c r="E2416" t="s">
        <v>1192</v>
      </c>
      <c r="F2416" t="s">
        <v>1193</v>
      </c>
      <c r="G2416" t="s">
        <v>80</v>
      </c>
      <c r="H2416" t="s">
        <v>81</v>
      </c>
      <c r="I2416" s="2">
        <v>1</v>
      </c>
      <c r="J2416" s="2">
        <v>0</v>
      </c>
      <c r="K2416" s="2">
        <v>0</v>
      </c>
      <c r="L2416" t="s">
        <v>120</v>
      </c>
      <c r="M2416" t="s">
        <v>89</v>
      </c>
      <c r="N2416" t="s">
        <v>90</v>
      </c>
      <c r="O2416" t="s">
        <v>85</v>
      </c>
      <c r="P2416" t="s">
        <v>86</v>
      </c>
      <c r="Q2416">
        <v>4</v>
      </c>
      <c r="R2416">
        <v>4</v>
      </c>
      <c r="S2416">
        <v>5</v>
      </c>
      <c r="T2416">
        <v>5</v>
      </c>
      <c r="U2416">
        <v>5</v>
      </c>
      <c r="V2416">
        <v>5</v>
      </c>
      <c r="W2416">
        <v>5</v>
      </c>
      <c r="X2416">
        <v>5</v>
      </c>
      <c r="Y2416">
        <v>5</v>
      </c>
      <c r="Z2416">
        <v>6</v>
      </c>
      <c r="AA2416">
        <v>6</v>
      </c>
      <c r="AB2416">
        <v>6</v>
      </c>
      <c r="AC2416">
        <v>6</v>
      </c>
      <c r="AD2416">
        <v>6</v>
      </c>
      <c r="AE2416">
        <v>6</v>
      </c>
      <c r="AF2416">
        <v>6</v>
      </c>
      <c r="AG2416">
        <v>7</v>
      </c>
      <c r="AH2416">
        <v>7</v>
      </c>
      <c r="AI2416">
        <v>7</v>
      </c>
      <c r="AJ2416">
        <v>7</v>
      </c>
      <c r="AK2416">
        <v>7</v>
      </c>
      <c r="AL2416">
        <v>7</v>
      </c>
      <c r="AM2416">
        <v>7</v>
      </c>
      <c r="AN2416">
        <v>7</v>
      </c>
      <c r="AO2416">
        <v>7</v>
      </c>
      <c r="AP2416">
        <v>7</v>
      </c>
      <c r="AQ2416">
        <v>7</v>
      </c>
    </row>
    <row r="2417" spans="1:43">
      <c r="A2417" t="s">
        <v>1554</v>
      </c>
      <c r="B2417" t="s">
        <v>1555</v>
      </c>
      <c r="C2417" t="s">
        <v>1510</v>
      </c>
      <c r="D2417" t="s">
        <v>1511</v>
      </c>
      <c r="E2417" t="s">
        <v>1192</v>
      </c>
      <c r="F2417" t="s">
        <v>1193</v>
      </c>
      <c r="G2417" t="s">
        <v>80</v>
      </c>
      <c r="H2417" t="s">
        <v>81</v>
      </c>
      <c r="I2417" s="2">
        <v>1</v>
      </c>
      <c r="J2417" s="2">
        <v>0</v>
      </c>
      <c r="K2417" s="2">
        <v>0</v>
      </c>
      <c r="L2417" t="s">
        <v>120</v>
      </c>
      <c r="M2417" t="s">
        <v>83</v>
      </c>
      <c r="N2417" t="s">
        <v>91</v>
      </c>
      <c r="O2417" t="s">
        <v>85</v>
      </c>
      <c r="P2417" t="s">
        <v>86</v>
      </c>
      <c r="Q2417">
        <v>4</v>
      </c>
      <c r="R2417">
        <v>4</v>
      </c>
      <c r="S2417">
        <v>4</v>
      </c>
      <c r="T2417">
        <v>5</v>
      </c>
      <c r="U2417">
        <v>5</v>
      </c>
      <c r="V2417">
        <v>5</v>
      </c>
      <c r="W2417">
        <v>5</v>
      </c>
      <c r="X2417">
        <v>5</v>
      </c>
      <c r="Y2417">
        <v>5</v>
      </c>
      <c r="Z2417">
        <v>5</v>
      </c>
      <c r="AA2417">
        <v>5</v>
      </c>
      <c r="AB2417">
        <v>6</v>
      </c>
      <c r="AC2417">
        <v>6</v>
      </c>
      <c r="AD2417">
        <v>6</v>
      </c>
      <c r="AE2417">
        <v>6</v>
      </c>
      <c r="AF2417">
        <v>6</v>
      </c>
      <c r="AG2417">
        <v>6</v>
      </c>
      <c r="AH2417">
        <v>6</v>
      </c>
      <c r="AI2417">
        <v>6</v>
      </c>
      <c r="AJ2417">
        <v>7</v>
      </c>
      <c r="AK2417">
        <v>7</v>
      </c>
      <c r="AL2417">
        <v>7</v>
      </c>
      <c r="AM2417">
        <v>7</v>
      </c>
      <c r="AN2417">
        <v>7</v>
      </c>
      <c r="AO2417">
        <v>7</v>
      </c>
      <c r="AP2417">
        <v>7</v>
      </c>
      <c r="AQ2417">
        <v>7</v>
      </c>
    </row>
    <row r="2418" spans="1:43">
      <c r="A2418" t="s">
        <v>1556</v>
      </c>
      <c r="B2418" t="s">
        <v>1557</v>
      </c>
      <c r="C2418" t="s">
        <v>1196</v>
      </c>
      <c r="D2418" t="s">
        <v>1197</v>
      </c>
      <c r="E2418" t="s">
        <v>1192</v>
      </c>
      <c r="F2418" t="s">
        <v>1193</v>
      </c>
      <c r="G2418" t="s">
        <v>80</v>
      </c>
      <c r="H2418" t="s">
        <v>81</v>
      </c>
      <c r="I2418" s="2">
        <v>1</v>
      </c>
      <c r="J2418" s="2">
        <v>0</v>
      </c>
      <c r="K2418" s="2">
        <v>0</v>
      </c>
      <c r="L2418" t="s">
        <v>120</v>
      </c>
      <c r="M2418" t="s">
        <v>83</v>
      </c>
      <c r="N2418" t="s">
        <v>84</v>
      </c>
      <c r="O2418" t="s">
        <v>85</v>
      </c>
      <c r="P2418" t="s">
        <v>86</v>
      </c>
      <c r="Q2418">
        <v>23</v>
      </c>
      <c r="R2418">
        <v>23</v>
      </c>
      <c r="S2418">
        <v>24</v>
      </c>
      <c r="T2418">
        <v>25</v>
      </c>
      <c r="U2418">
        <v>25</v>
      </c>
      <c r="V2418">
        <v>26</v>
      </c>
      <c r="W2418">
        <v>27</v>
      </c>
      <c r="X2418">
        <v>27</v>
      </c>
      <c r="Y2418">
        <v>28</v>
      </c>
      <c r="Z2418">
        <v>29</v>
      </c>
      <c r="AA2418">
        <v>30</v>
      </c>
      <c r="AB2418">
        <v>30</v>
      </c>
      <c r="AC2418">
        <v>31</v>
      </c>
      <c r="AD2418">
        <v>32</v>
      </c>
      <c r="AE2418">
        <v>32</v>
      </c>
      <c r="AF2418">
        <v>33</v>
      </c>
      <c r="AG2418">
        <v>34</v>
      </c>
      <c r="AH2418">
        <v>35</v>
      </c>
      <c r="AI2418">
        <v>36</v>
      </c>
      <c r="AJ2418">
        <v>36</v>
      </c>
      <c r="AK2418">
        <v>37</v>
      </c>
      <c r="AL2418">
        <v>38</v>
      </c>
      <c r="AM2418">
        <v>38</v>
      </c>
      <c r="AN2418">
        <v>39</v>
      </c>
      <c r="AO2418">
        <v>39</v>
      </c>
      <c r="AP2418">
        <v>40</v>
      </c>
      <c r="AQ2418">
        <v>40</v>
      </c>
    </row>
    <row r="2419" spans="1:43">
      <c r="A2419" t="s">
        <v>1556</v>
      </c>
      <c r="B2419" t="s">
        <v>1557</v>
      </c>
      <c r="C2419" t="s">
        <v>1196</v>
      </c>
      <c r="D2419" t="s">
        <v>1197</v>
      </c>
      <c r="E2419" t="s">
        <v>1192</v>
      </c>
      <c r="F2419" t="s">
        <v>1193</v>
      </c>
      <c r="G2419" t="s">
        <v>80</v>
      </c>
      <c r="H2419" t="s">
        <v>81</v>
      </c>
      <c r="I2419" s="2">
        <v>1</v>
      </c>
      <c r="J2419" s="2">
        <v>0</v>
      </c>
      <c r="K2419" s="2">
        <v>0</v>
      </c>
      <c r="L2419" t="s">
        <v>120</v>
      </c>
      <c r="M2419" t="s">
        <v>87</v>
      </c>
      <c r="N2419" t="s">
        <v>88</v>
      </c>
      <c r="O2419" t="s">
        <v>85</v>
      </c>
      <c r="P2419" t="s">
        <v>86</v>
      </c>
      <c r="Q2419">
        <v>23</v>
      </c>
      <c r="R2419">
        <v>23</v>
      </c>
      <c r="S2419">
        <v>23</v>
      </c>
      <c r="T2419">
        <v>24</v>
      </c>
      <c r="U2419">
        <v>24</v>
      </c>
      <c r="V2419">
        <v>25</v>
      </c>
      <c r="W2419">
        <v>25</v>
      </c>
      <c r="X2419">
        <v>26</v>
      </c>
      <c r="Y2419">
        <v>26</v>
      </c>
      <c r="Z2419">
        <v>26</v>
      </c>
      <c r="AA2419">
        <v>27</v>
      </c>
      <c r="AB2419">
        <v>27</v>
      </c>
      <c r="AC2419">
        <v>28</v>
      </c>
      <c r="AD2419">
        <v>28</v>
      </c>
      <c r="AE2419">
        <v>29</v>
      </c>
      <c r="AF2419">
        <v>29</v>
      </c>
      <c r="AG2419">
        <v>30</v>
      </c>
      <c r="AH2419">
        <v>30</v>
      </c>
      <c r="AI2419">
        <v>31</v>
      </c>
      <c r="AJ2419">
        <v>31</v>
      </c>
      <c r="AK2419">
        <v>32</v>
      </c>
      <c r="AL2419">
        <v>32</v>
      </c>
      <c r="AM2419">
        <v>33</v>
      </c>
      <c r="AN2419">
        <v>33</v>
      </c>
      <c r="AO2419">
        <v>34</v>
      </c>
      <c r="AP2419">
        <v>34</v>
      </c>
      <c r="AQ2419">
        <v>35</v>
      </c>
    </row>
    <row r="2420" spans="1:43">
      <c r="A2420" t="s">
        <v>1556</v>
      </c>
      <c r="B2420" t="s">
        <v>1557</v>
      </c>
      <c r="C2420" t="s">
        <v>1196</v>
      </c>
      <c r="D2420" t="s">
        <v>1197</v>
      </c>
      <c r="E2420" t="s">
        <v>1192</v>
      </c>
      <c r="F2420" t="s">
        <v>1193</v>
      </c>
      <c r="G2420" t="s">
        <v>80</v>
      </c>
      <c r="H2420" t="s">
        <v>81</v>
      </c>
      <c r="I2420" s="2">
        <v>1</v>
      </c>
      <c r="J2420" s="2">
        <v>0</v>
      </c>
      <c r="K2420" s="2">
        <v>0</v>
      </c>
      <c r="L2420" t="s">
        <v>120</v>
      </c>
      <c r="M2420" t="s">
        <v>89</v>
      </c>
      <c r="N2420" t="s">
        <v>90</v>
      </c>
      <c r="O2420" t="s">
        <v>85</v>
      </c>
      <c r="P2420" t="s">
        <v>86</v>
      </c>
      <c r="Q2420">
        <v>23</v>
      </c>
      <c r="R2420">
        <v>24</v>
      </c>
      <c r="S2420">
        <v>25</v>
      </c>
      <c r="T2420">
        <v>26</v>
      </c>
      <c r="U2420">
        <v>26</v>
      </c>
      <c r="V2420">
        <v>27</v>
      </c>
      <c r="W2420">
        <v>28</v>
      </c>
      <c r="X2420">
        <v>29</v>
      </c>
      <c r="Y2420">
        <v>30</v>
      </c>
      <c r="Z2420">
        <v>31</v>
      </c>
      <c r="AA2420">
        <v>31</v>
      </c>
      <c r="AB2420">
        <v>32</v>
      </c>
      <c r="AC2420">
        <v>33</v>
      </c>
      <c r="AD2420">
        <v>34</v>
      </c>
      <c r="AE2420">
        <v>35</v>
      </c>
      <c r="AF2420">
        <v>35</v>
      </c>
      <c r="AG2420">
        <v>36</v>
      </c>
      <c r="AH2420">
        <v>36</v>
      </c>
      <c r="AI2420">
        <v>37</v>
      </c>
      <c r="AJ2420">
        <v>37</v>
      </c>
      <c r="AK2420">
        <v>38</v>
      </c>
      <c r="AL2420">
        <v>38</v>
      </c>
      <c r="AM2420">
        <v>39</v>
      </c>
      <c r="AN2420">
        <v>39</v>
      </c>
      <c r="AO2420">
        <v>40</v>
      </c>
      <c r="AP2420">
        <v>40</v>
      </c>
      <c r="AQ2420">
        <v>41</v>
      </c>
    </row>
    <row r="2421" spans="1:43">
      <c r="A2421" t="s">
        <v>1556</v>
      </c>
      <c r="B2421" t="s">
        <v>1557</v>
      </c>
      <c r="C2421" t="s">
        <v>1196</v>
      </c>
      <c r="D2421" t="s">
        <v>1197</v>
      </c>
      <c r="E2421" t="s">
        <v>1192</v>
      </c>
      <c r="F2421" t="s">
        <v>1193</v>
      </c>
      <c r="G2421" t="s">
        <v>80</v>
      </c>
      <c r="H2421" t="s">
        <v>81</v>
      </c>
      <c r="I2421" s="2">
        <v>1</v>
      </c>
      <c r="J2421" s="2">
        <v>0</v>
      </c>
      <c r="K2421" s="2">
        <v>0</v>
      </c>
      <c r="L2421" t="s">
        <v>120</v>
      </c>
      <c r="M2421" t="s">
        <v>83</v>
      </c>
      <c r="N2421" t="s">
        <v>91</v>
      </c>
      <c r="O2421" t="s">
        <v>85</v>
      </c>
      <c r="P2421" t="s">
        <v>86</v>
      </c>
      <c r="Q2421">
        <v>23</v>
      </c>
      <c r="R2421">
        <v>23</v>
      </c>
      <c r="S2421">
        <v>24</v>
      </c>
      <c r="T2421">
        <v>25</v>
      </c>
      <c r="U2421">
        <v>25</v>
      </c>
      <c r="V2421">
        <v>26</v>
      </c>
      <c r="W2421">
        <v>27</v>
      </c>
      <c r="X2421">
        <v>27</v>
      </c>
      <c r="Y2421">
        <v>28</v>
      </c>
      <c r="Z2421">
        <v>29</v>
      </c>
      <c r="AA2421">
        <v>30</v>
      </c>
      <c r="AB2421">
        <v>30</v>
      </c>
      <c r="AC2421">
        <v>31</v>
      </c>
      <c r="AD2421">
        <v>32</v>
      </c>
      <c r="AE2421">
        <v>32</v>
      </c>
      <c r="AF2421">
        <v>33</v>
      </c>
      <c r="AG2421">
        <v>34</v>
      </c>
      <c r="AH2421">
        <v>35</v>
      </c>
      <c r="AI2421">
        <v>36</v>
      </c>
      <c r="AJ2421">
        <v>36</v>
      </c>
      <c r="AK2421">
        <v>37</v>
      </c>
      <c r="AL2421">
        <v>38</v>
      </c>
      <c r="AM2421">
        <v>38</v>
      </c>
      <c r="AN2421">
        <v>39</v>
      </c>
      <c r="AO2421">
        <v>39</v>
      </c>
      <c r="AP2421">
        <v>40</v>
      </c>
      <c r="AQ2421">
        <v>40</v>
      </c>
    </row>
    <row r="2422" spans="1:43">
      <c r="A2422" t="s">
        <v>1558</v>
      </c>
      <c r="B2422" t="s">
        <v>1559</v>
      </c>
      <c r="C2422" t="s">
        <v>1510</v>
      </c>
      <c r="D2422" t="s">
        <v>1511</v>
      </c>
      <c r="E2422" t="s">
        <v>1192</v>
      </c>
      <c r="F2422" t="s">
        <v>1193</v>
      </c>
      <c r="G2422" t="s">
        <v>80</v>
      </c>
      <c r="H2422" t="s">
        <v>81</v>
      </c>
      <c r="I2422" s="2">
        <v>1</v>
      </c>
      <c r="J2422" s="2">
        <v>0</v>
      </c>
      <c r="K2422" s="2">
        <v>0</v>
      </c>
      <c r="L2422" t="s">
        <v>120</v>
      </c>
      <c r="M2422" t="s">
        <v>83</v>
      </c>
      <c r="N2422" t="s">
        <v>84</v>
      </c>
      <c r="O2422" t="s">
        <v>85</v>
      </c>
      <c r="P2422" t="s">
        <v>86</v>
      </c>
      <c r="Q2422">
        <v>87</v>
      </c>
      <c r="R2422">
        <v>89</v>
      </c>
      <c r="S2422">
        <v>92</v>
      </c>
      <c r="T2422">
        <v>94</v>
      </c>
      <c r="U2422">
        <v>97</v>
      </c>
      <c r="V2422">
        <v>99</v>
      </c>
      <c r="W2422">
        <v>102</v>
      </c>
      <c r="X2422">
        <v>105</v>
      </c>
      <c r="Y2422">
        <v>107</v>
      </c>
      <c r="Z2422">
        <v>110</v>
      </c>
      <c r="AA2422">
        <v>112</v>
      </c>
      <c r="AB2422">
        <v>115</v>
      </c>
      <c r="AC2422">
        <v>118</v>
      </c>
      <c r="AD2422">
        <v>121</v>
      </c>
      <c r="AE2422">
        <v>124</v>
      </c>
      <c r="AF2422">
        <v>126</v>
      </c>
      <c r="AG2422">
        <v>129</v>
      </c>
      <c r="AH2422">
        <v>132</v>
      </c>
      <c r="AI2422">
        <v>135</v>
      </c>
      <c r="AJ2422">
        <v>138</v>
      </c>
      <c r="AK2422">
        <v>142</v>
      </c>
      <c r="AL2422">
        <v>144</v>
      </c>
      <c r="AM2422">
        <v>146</v>
      </c>
      <c r="AN2422">
        <v>148</v>
      </c>
      <c r="AO2422">
        <v>150</v>
      </c>
      <c r="AP2422">
        <v>152</v>
      </c>
      <c r="AQ2422">
        <v>154</v>
      </c>
    </row>
    <row r="2423" spans="1:43">
      <c r="A2423" t="s">
        <v>1558</v>
      </c>
      <c r="B2423" t="s">
        <v>1559</v>
      </c>
      <c r="C2423" t="s">
        <v>1510</v>
      </c>
      <c r="D2423" t="s">
        <v>1511</v>
      </c>
      <c r="E2423" t="s">
        <v>1192</v>
      </c>
      <c r="F2423" t="s">
        <v>1193</v>
      </c>
      <c r="G2423" t="s">
        <v>80</v>
      </c>
      <c r="H2423" t="s">
        <v>81</v>
      </c>
      <c r="I2423" s="2">
        <v>1</v>
      </c>
      <c r="J2423" s="2">
        <v>0</v>
      </c>
      <c r="K2423" s="2">
        <v>0</v>
      </c>
      <c r="L2423" t="s">
        <v>120</v>
      </c>
      <c r="M2423" t="s">
        <v>87</v>
      </c>
      <c r="N2423" t="s">
        <v>88</v>
      </c>
      <c r="O2423" t="s">
        <v>85</v>
      </c>
      <c r="P2423" t="s">
        <v>86</v>
      </c>
      <c r="Q2423">
        <v>87</v>
      </c>
      <c r="R2423">
        <v>89</v>
      </c>
      <c r="S2423">
        <v>90</v>
      </c>
      <c r="T2423">
        <v>92</v>
      </c>
      <c r="U2423">
        <v>94</v>
      </c>
      <c r="V2423">
        <v>95</v>
      </c>
      <c r="W2423">
        <v>97</v>
      </c>
      <c r="X2423">
        <v>98</v>
      </c>
      <c r="Y2423">
        <v>100</v>
      </c>
      <c r="Z2423">
        <v>102</v>
      </c>
      <c r="AA2423">
        <v>104</v>
      </c>
      <c r="AB2423">
        <v>105</v>
      </c>
      <c r="AC2423">
        <v>107</v>
      </c>
      <c r="AD2423">
        <v>109</v>
      </c>
      <c r="AE2423">
        <v>111</v>
      </c>
      <c r="AF2423">
        <v>112</v>
      </c>
      <c r="AG2423">
        <v>114</v>
      </c>
      <c r="AH2423">
        <v>116</v>
      </c>
      <c r="AI2423">
        <v>118</v>
      </c>
      <c r="AJ2423">
        <v>120</v>
      </c>
      <c r="AK2423">
        <v>122</v>
      </c>
      <c r="AL2423">
        <v>124</v>
      </c>
      <c r="AM2423">
        <v>126</v>
      </c>
      <c r="AN2423">
        <v>128</v>
      </c>
      <c r="AO2423">
        <v>130</v>
      </c>
      <c r="AP2423">
        <v>132</v>
      </c>
      <c r="AQ2423">
        <v>134</v>
      </c>
    </row>
    <row r="2424" spans="1:43">
      <c r="A2424" t="s">
        <v>1558</v>
      </c>
      <c r="B2424" t="s">
        <v>1559</v>
      </c>
      <c r="C2424" t="s">
        <v>1510</v>
      </c>
      <c r="D2424" t="s">
        <v>1511</v>
      </c>
      <c r="E2424" t="s">
        <v>1192</v>
      </c>
      <c r="F2424" t="s">
        <v>1193</v>
      </c>
      <c r="G2424" t="s">
        <v>80</v>
      </c>
      <c r="H2424" t="s">
        <v>81</v>
      </c>
      <c r="I2424" s="2">
        <v>1</v>
      </c>
      <c r="J2424" s="2">
        <v>0</v>
      </c>
      <c r="K2424" s="2">
        <v>0</v>
      </c>
      <c r="L2424" t="s">
        <v>120</v>
      </c>
      <c r="M2424" t="s">
        <v>89</v>
      </c>
      <c r="N2424" t="s">
        <v>90</v>
      </c>
      <c r="O2424" t="s">
        <v>85</v>
      </c>
      <c r="P2424" t="s">
        <v>86</v>
      </c>
      <c r="Q2424">
        <v>87</v>
      </c>
      <c r="R2424">
        <v>90</v>
      </c>
      <c r="S2424">
        <v>93</v>
      </c>
      <c r="T2424">
        <v>96</v>
      </c>
      <c r="U2424">
        <v>100</v>
      </c>
      <c r="V2424">
        <v>103</v>
      </c>
      <c r="W2424">
        <v>106</v>
      </c>
      <c r="X2424">
        <v>109</v>
      </c>
      <c r="Y2424">
        <v>112</v>
      </c>
      <c r="Z2424">
        <v>115</v>
      </c>
      <c r="AA2424">
        <v>119</v>
      </c>
      <c r="AB2424">
        <v>122</v>
      </c>
      <c r="AC2424">
        <v>125</v>
      </c>
      <c r="AD2424">
        <v>129</v>
      </c>
      <c r="AE2424">
        <v>131</v>
      </c>
      <c r="AF2424">
        <v>133</v>
      </c>
      <c r="AG2424">
        <v>135</v>
      </c>
      <c r="AH2424">
        <v>137</v>
      </c>
      <c r="AI2424">
        <v>139</v>
      </c>
      <c r="AJ2424">
        <v>141</v>
      </c>
      <c r="AK2424">
        <v>143</v>
      </c>
      <c r="AL2424">
        <v>145</v>
      </c>
      <c r="AM2424">
        <v>147</v>
      </c>
      <c r="AN2424">
        <v>149</v>
      </c>
      <c r="AO2424">
        <v>151</v>
      </c>
      <c r="AP2424">
        <v>153</v>
      </c>
      <c r="AQ2424">
        <v>155</v>
      </c>
    </row>
    <row r="2425" spans="1:43">
      <c r="A2425" t="s">
        <v>1558</v>
      </c>
      <c r="B2425" t="s">
        <v>1559</v>
      </c>
      <c r="C2425" t="s">
        <v>1510</v>
      </c>
      <c r="D2425" t="s">
        <v>1511</v>
      </c>
      <c r="E2425" t="s">
        <v>1192</v>
      </c>
      <c r="F2425" t="s">
        <v>1193</v>
      </c>
      <c r="G2425" t="s">
        <v>80</v>
      </c>
      <c r="H2425" t="s">
        <v>81</v>
      </c>
      <c r="I2425" s="2">
        <v>1</v>
      </c>
      <c r="J2425" s="2">
        <v>0</v>
      </c>
      <c r="K2425" s="2">
        <v>0</v>
      </c>
      <c r="L2425" t="s">
        <v>120</v>
      </c>
      <c r="M2425" t="s">
        <v>83</v>
      </c>
      <c r="N2425" t="s">
        <v>91</v>
      </c>
      <c r="O2425" t="s">
        <v>85</v>
      </c>
      <c r="P2425" t="s">
        <v>86</v>
      </c>
      <c r="Q2425">
        <v>87</v>
      </c>
      <c r="R2425">
        <v>89</v>
      </c>
      <c r="S2425">
        <v>92</v>
      </c>
      <c r="T2425">
        <v>94</v>
      </c>
      <c r="U2425">
        <v>97</v>
      </c>
      <c r="V2425">
        <v>99</v>
      </c>
      <c r="W2425">
        <v>102</v>
      </c>
      <c r="X2425">
        <v>105</v>
      </c>
      <c r="Y2425">
        <v>107</v>
      </c>
      <c r="Z2425">
        <v>110</v>
      </c>
      <c r="AA2425">
        <v>112</v>
      </c>
      <c r="AB2425">
        <v>115</v>
      </c>
      <c r="AC2425">
        <v>118</v>
      </c>
      <c r="AD2425">
        <v>121</v>
      </c>
      <c r="AE2425">
        <v>124</v>
      </c>
      <c r="AF2425">
        <v>126</v>
      </c>
      <c r="AG2425">
        <v>129</v>
      </c>
      <c r="AH2425">
        <v>132</v>
      </c>
      <c r="AI2425">
        <v>135</v>
      </c>
      <c r="AJ2425">
        <v>138</v>
      </c>
      <c r="AK2425">
        <v>142</v>
      </c>
      <c r="AL2425">
        <v>144</v>
      </c>
      <c r="AM2425">
        <v>146</v>
      </c>
      <c r="AN2425">
        <v>148</v>
      </c>
      <c r="AO2425">
        <v>150</v>
      </c>
      <c r="AP2425">
        <v>152</v>
      </c>
      <c r="AQ2425">
        <v>154</v>
      </c>
    </row>
    <row r="2426" spans="1:43">
      <c r="A2426" t="s">
        <v>1560</v>
      </c>
      <c r="B2426" t="s">
        <v>1561</v>
      </c>
      <c r="C2426" t="s">
        <v>1510</v>
      </c>
      <c r="D2426" t="s">
        <v>1511</v>
      </c>
      <c r="E2426" t="s">
        <v>1192</v>
      </c>
      <c r="F2426" t="s">
        <v>1193</v>
      </c>
      <c r="G2426" t="s">
        <v>80</v>
      </c>
      <c r="H2426" t="s">
        <v>81</v>
      </c>
      <c r="I2426" s="2">
        <v>1</v>
      </c>
      <c r="J2426" s="2">
        <v>0</v>
      </c>
      <c r="K2426" s="2">
        <v>0</v>
      </c>
      <c r="L2426" t="s">
        <v>120</v>
      </c>
      <c r="M2426" t="s">
        <v>83</v>
      </c>
      <c r="N2426" t="s">
        <v>84</v>
      </c>
      <c r="O2426" t="s">
        <v>85</v>
      </c>
      <c r="P2426" t="s">
        <v>86</v>
      </c>
      <c r="Q2426">
        <v>12</v>
      </c>
      <c r="R2426">
        <v>12</v>
      </c>
      <c r="S2426">
        <v>12</v>
      </c>
      <c r="T2426">
        <v>13</v>
      </c>
      <c r="U2426">
        <v>13</v>
      </c>
      <c r="V2426">
        <v>13</v>
      </c>
      <c r="W2426">
        <v>14</v>
      </c>
      <c r="X2426">
        <v>14</v>
      </c>
      <c r="Y2426">
        <v>14</v>
      </c>
      <c r="Z2426">
        <v>15</v>
      </c>
      <c r="AA2426">
        <v>15</v>
      </c>
      <c r="AB2426">
        <v>15</v>
      </c>
      <c r="AC2426">
        <v>16</v>
      </c>
      <c r="AD2426">
        <v>16</v>
      </c>
      <c r="AE2426">
        <v>17</v>
      </c>
      <c r="AF2426">
        <v>17</v>
      </c>
      <c r="AG2426">
        <v>17</v>
      </c>
      <c r="AH2426">
        <v>18</v>
      </c>
      <c r="AI2426">
        <v>18</v>
      </c>
      <c r="AJ2426">
        <v>19</v>
      </c>
      <c r="AK2426">
        <v>19</v>
      </c>
      <c r="AL2426">
        <v>19</v>
      </c>
      <c r="AM2426">
        <v>20</v>
      </c>
      <c r="AN2426">
        <v>20</v>
      </c>
      <c r="AO2426">
        <v>20</v>
      </c>
      <c r="AP2426">
        <v>20</v>
      </c>
      <c r="AQ2426">
        <v>21</v>
      </c>
    </row>
    <row r="2427" spans="1:43">
      <c r="A2427" t="s">
        <v>1560</v>
      </c>
      <c r="B2427" t="s">
        <v>1561</v>
      </c>
      <c r="C2427" t="s">
        <v>1510</v>
      </c>
      <c r="D2427" t="s">
        <v>1511</v>
      </c>
      <c r="E2427" t="s">
        <v>1192</v>
      </c>
      <c r="F2427" t="s">
        <v>1193</v>
      </c>
      <c r="G2427" t="s">
        <v>80</v>
      </c>
      <c r="H2427" t="s">
        <v>81</v>
      </c>
      <c r="I2427" s="2">
        <v>1</v>
      </c>
      <c r="J2427" s="2">
        <v>0</v>
      </c>
      <c r="K2427" s="2">
        <v>0</v>
      </c>
      <c r="L2427" t="s">
        <v>120</v>
      </c>
      <c r="M2427" t="s">
        <v>87</v>
      </c>
      <c r="N2427" t="s">
        <v>88</v>
      </c>
      <c r="O2427" t="s">
        <v>85</v>
      </c>
      <c r="P2427" t="s">
        <v>86</v>
      </c>
      <c r="Q2427">
        <v>12</v>
      </c>
      <c r="R2427">
        <v>12</v>
      </c>
      <c r="S2427">
        <v>12</v>
      </c>
      <c r="T2427">
        <v>12</v>
      </c>
      <c r="U2427">
        <v>12</v>
      </c>
      <c r="V2427">
        <v>13</v>
      </c>
      <c r="W2427">
        <v>13</v>
      </c>
      <c r="X2427">
        <v>13</v>
      </c>
      <c r="Y2427">
        <v>13</v>
      </c>
      <c r="Z2427">
        <v>13</v>
      </c>
      <c r="AA2427">
        <v>14</v>
      </c>
      <c r="AB2427">
        <v>14</v>
      </c>
      <c r="AC2427">
        <v>14</v>
      </c>
      <c r="AD2427">
        <v>14</v>
      </c>
      <c r="AE2427">
        <v>15</v>
      </c>
      <c r="AF2427">
        <v>15</v>
      </c>
      <c r="AG2427">
        <v>15</v>
      </c>
      <c r="AH2427">
        <v>15</v>
      </c>
      <c r="AI2427">
        <v>16</v>
      </c>
      <c r="AJ2427">
        <v>16</v>
      </c>
      <c r="AK2427">
        <v>16</v>
      </c>
      <c r="AL2427">
        <v>16</v>
      </c>
      <c r="AM2427">
        <v>17</v>
      </c>
      <c r="AN2427">
        <v>17</v>
      </c>
      <c r="AO2427">
        <v>17</v>
      </c>
      <c r="AP2427">
        <v>18</v>
      </c>
      <c r="AQ2427">
        <v>18</v>
      </c>
    </row>
    <row r="2428" spans="1:43">
      <c r="A2428" t="s">
        <v>1560</v>
      </c>
      <c r="B2428" t="s">
        <v>1561</v>
      </c>
      <c r="C2428" t="s">
        <v>1510</v>
      </c>
      <c r="D2428" t="s">
        <v>1511</v>
      </c>
      <c r="E2428" t="s">
        <v>1192</v>
      </c>
      <c r="F2428" t="s">
        <v>1193</v>
      </c>
      <c r="G2428" t="s">
        <v>80</v>
      </c>
      <c r="H2428" t="s">
        <v>81</v>
      </c>
      <c r="I2428" s="2">
        <v>1</v>
      </c>
      <c r="J2428" s="2">
        <v>0</v>
      </c>
      <c r="K2428" s="2">
        <v>0</v>
      </c>
      <c r="L2428" t="s">
        <v>120</v>
      </c>
      <c r="M2428" t="s">
        <v>89</v>
      </c>
      <c r="N2428" t="s">
        <v>90</v>
      </c>
      <c r="O2428" t="s">
        <v>85</v>
      </c>
      <c r="P2428" t="s">
        <v>86</v>
      </c>
      <c r="Q2428">
        <v>12</v>
      </c>
      <c r="R2428">
        <v>12</v>
      </c>
      <c r="S2428">
        <v>13</v>
      </c>
      <c r="T2428">
        <v>13</v>
      </c>
      <c r="U2428">
        <v>13</v>
      </c>
      <c r="V2428">
        <v>14</v>
      </c>
      <c r="W2428">
        <v>14</v>
      </c>
      <c r="X2428">
        <v>15</v>
      </c>
      <c r="Y2428">
        <v>15</v>
      </c>
      <c r="Z2428">
        <v>16</v>
      </c>
      <c r="AA2428">
        <v>16</v>
      </c>
      <c r="AB2428">
        <v>16</v>
      </c>
      <c r="AC2428">
        <v>17</v>
      </c>
      <c r="AD2428">
        <v>17</v>
      </c>
      <c r="AE2428">
        <v>18</v>
      </c>
      <c r="AF2428">
        <v>18</v>
      </c>
      <c r="AG2428">
        <v>18</v>
      </c>
      <c r="AH2428">
        <v>18</v>
      </c>
      <c r="AI2428">
        <v>19</v>
      </c>
      <c r="AJ2428">
        <v>19</v>
      </c>
      <c r="AK2428">
        <v>19</v>
      </c>
      <c r="AL2428">
        <v>19</v>
      </c>
      <c r="AM2428">
        <v>20</v>
      </c>
      <c r="AN2428">
        <v>20</v>
      </c>
      <c r="AO2428">
        <v>20</v>
      </c>
      <c r="AP2428">
        <v>21</v>
      </c>
      <c r="AQ2428">
        <v>21</v>
      </c>
    </row>
    <row r="2429" spans="1:43">
      <c r="A2429" t="s">
        <v>1560</v>
      </c>
      <c r="B2429" t="s">
        <v>1561</v>
      </c>
      <c r="C2429" t="s">
        <v>1510</v>
      </c>
      <c r="D2429" t="s">
        <v>1511</v>
      </c>
      <c r="E2429" t="s">
        <v>1192</v>
      </c>
      <c r="F2429" t="s">
        <v>1193</v>
      </c>
      <c r="G2429" t="s">
        <v>80</v>
      </c>
      <c r="H2429" t="s">
        <v>81</v>
      </c>
      <c r="I2429" s="2">
        <v>1</v>
      </c>
      <c r="J2429" s="2">
        <v>0</v>
      </c>
      <c r="K2429" s="2">
        <v>0</v>
      </c>
      <c r="L2429" t="s">
        <v>120</v>
      </c>
      <c r="M2429" t="s">
        <v>83</v>
      </c>
      <c r="N2429" t="s">
        <v>91</v>
      </c>
      <c r="O2429" t="s">
        <v>85</v>
      </c>
      <c r="P2429" t="s">
        <v>86</v>
      </c>
      <c r="Q2429">
        <v>12</v>
      </c>
      <c r="R2429">
        <v>12</v>
      </c>
      <c r="S2429">
        <v>12</v>
      </c>
      <c r="T2429">
        <v>13</v>
      </c>
      <c r="U2429">
        <v>13</v>
      </c>
      <c r="V2429">
        <v>13</v>
      </c>
      <c r="W2429">
        <v>14</v>
      </c>
      <c r="X2429">
        <v>14</v>
      </c>
      <c r="Y2429">
        <v>14</v>
      </c>
      <c r="Z2429">
        <v>15</v>
      </c>
      <c r="AA2429">
        <v>15</v>
      </c>
      <c r="AB2429">
        <v>15</v>
      </c>
      <c r="AC2429">
        <v>16</v>
      </c>
      <c r="AD2429">
        <v>16</v>
      </c>
      <c r="AE2429">
        <v>17</v>
      </c>
      <c r="AF2429">
        <v>17</v>
      </c>
      <c r="AG2429">
        <v>17</v>
      </c>
      <c r="AH2429">
        <v>18</v>
      </c>
      <c r="AI2429">
        <v>18</v>
      </c>
      <c r="AJ2429">
        <v>19</v>
      </c>
      <c r="AK2429">
        <v>19</v>
      </c>
      <c r="AL2429">
        <v>19</v>
      </c>
      <c r="AM2429">
        <v>20</v>
      </c>
      <c r="AN2429">
        <v>20</v>
      </c>
      <c r="AO2429">
        <v>20</v>
      </c>
      <c r="AP2429">
        <v>20</v>
      </c>
      <c r="AQ2429">
        <v>21</v>
      </c>
    </row>
    <row r="2430" spans="1:43">
      <c r="A2430" t="s">
        <v>1562</v>
      </c>
      <c r="B2430" t="s">
        <v>1563</v>
      </c>
      <c r="C2430" t="s">
        <v>1524</v>
      </c>
      <c r="D2430" t="s">
        <v>1525</v>
      </c>
      <c r="E2430" t="s">
        <v>1192</v>
      </c>
      <c r="F2430" t="s">
        <v>1193</v>
      </c>
      <c r="G2430" t="s">
        <v>80</v>
      </c>
      <c r="H2430" t="s">
        <v>81</v>
      </c>
      <c r="I2430" s="2">
        <v>1</v>
      </c>
      <c r="J2430" s="2">
        <v>0</v>
      </c>
      <c r="K2430" s="2">
        <v>0</v>
      </c>
      <c r="L2430" t="s">
        <v>120</v>
      </c>
      <c r="M2430" t="s">
        <v>83</v>
      </c>
      <c r="N2430" t="s">
        <v>84</v>
      </c>
      <c r="O2430" t="s">
        <v>85</v>
      </c>
      <c r="P2430" t="s">
        <v>86</v>
      </c>
      <c r="Q2430">
        <v>15</v>
      </c>
      <c r="R2430">
        <v>15</v>
      </c>
      <c r="S2430">
        <v>16</v>
      </c>
      <c r="T2430">
        <v>16</v>
      </c>
      <c r="U2430">
        <v>16</v>
      </c>
      <c r="V2430">
        <v>17</v>
      </c>
      <c r="W2430">
        <v>17</v>
      </c>
      <c r="X2430">
        <v>18</v>
      </c>
      <c r="Y2430">
        <v>18</v>
      </c>
      <c r="Z2430">
        <v>19</v>
      </c>
      <c r="AA2430">
        <v>19</v>
      </c>
      <c r="AB2430">
        <v>20</v>
      </c>
      <c r="AC2430">
        <v>20</v>
      </c>
      <c r="AD2430">
        <v>20</v>
      </c>
      <c r="AE2430">
        <v>21</v>
      </c>
      <c r="AF2430">
        <v>21</v>
      </c>
      <c r="AG2430">
        <v>22</v>
      </c>
      <c r="AH2430">
        <v>22</v>
      </c>
      <c r="AI2430">
        <v>23</v>
      </c>
      <c r="AJ2430">
        <v>23</v>
      </c>
      <c r="AK2430">
        <v>24</v>
      </c>
      <c r="AL2430">
        <v>24</v>
      </c>
      <c r="AM2430">
        <v>25</v>
      </c>
      <c r="AN2430">
        <v>25</v>
      </c>
      <c r="AO2430">
        <v>25</v>
      </c>
      <c r="AP2430">
        <v>26</v>
      </c>
      <c r="AQ2430">
        <v>26</v>
      </c>
    </row>
    <row r="2431" spans="1:43">
      <c r="A2431" t="s">
        <v>1562</v>
      </c>
      <c r="B2431" t="s">
        <v>1563</v>
      </c>
      <c r="C2431" t="s">
        <v>1524</v>
      </c>
      <c r="D2431" t="s">
        <v>1525</v>
      </c>
      <c r="E2431" t="s">
        <v>1192</v>
      </c>
      <c r="F2431" t="s">
        <v>1193</v>
      </c>
      <c r="G2431" t="s">
        <v>80</v>
      </c>
      <c r="H2431" t="s">
        <v>81</v>
      </c>
      <c r="I2431" s="2">
        <v>1</v>
      </c>
      <c r="J2431" s="2">
        <v>0</v>
      </c>
      <c r="K2431" s="2">
        <v>0</v>
      </c>
      <c r="L2431" t="s">
        <v>120</v>
      </c>
      <c r="M2431" t="s">
        <v>87</v>
      </c>
      <c r="N2431" t="s">
        <v>88</v>
      </c>
      <c r="O2431" t="s">
        <v>85</v>
      </c>
      <c r="P2431" t="s">
        <v>86</v>
      </c>
      <c r="Q2431">
        <v>15</v>
      </c>
      <c r="R2431">
        <v>15</v>
      </c>
      <c r="S2431">
        <v>15</v>
      </c>
      <c r="T2431">
        <v>15</v>
      </c>
      <c r="U2431">
        <v>16</v>
      </c>
      <c r="V2431">
        <v>16</v>
      </c>
      <c r="W2431">
        <v>16</v>
      </c>
      <c r="X2431">
        <v>17</v>
      </c>
      <c r="Y2431">
        <v>17</v>
      </c>
      <c r="Z2431">
        <v>17</v>
      </c>
      <c r="AA2431">
        <v>17</v>
      </c>
      <c r="AB2431">
        <v>18</v>
      </c>
      <c r="AC2431">
        <v>18</v>
      </c>
      <c r="AD2431">
        <v>18</v>
      </c>
      <c r="AE2431">
        <v>19</v>
      </c>
      <c r="AF2431">
        <v>19</v>
      </c>
      <c r="AG2431">
        <v>19</v>
      </c>
      <c r="AH2431">
        <v>20</v>
      </c>
      <c r="AI2431">
        <v>20</v>
      </c>
      <c r="AJ2431">
        <v>20</v>
      </c>
      <c r="AK2431">
        <v>21</v>
      </c>
      <c r="AL2431">
        <v>21</v>
      </c>
      <c r="AM2431">
        <v>21</v>
      </c>
      <c r="AN2431">
        <v>22</v>
      </c>
      <c r="AO2431">
        <v>22</v>
      </c>
      <c r="AP2431">
        <v>22</v>
      </c>
      <c r="AQ2431">
        <v>23</v>
      </c>
    </row>
    <row r="2432" spans="1:43">
      <c r="A2432" t="s">
        <v>1562</v>
      </c>
      <c r="B2432" t="s">
        <v>1563</v>
      </c>
      <c r="C2432" t="s">
        <v>1524</v>
      </c>
      <c r="D2432" t="s">
        <v>1525</v>
      </c>
      <c r="E2432" t="s">
        <v>1192</v>
      </c>
      <c r="F2432" t="s">
        <v>1193</v>
      </c>
      <c r="G2432" t="s">
        <v>80</v>
      </c>
      <c r="H2432" t="s">
        <v>81</v>
      </c>
      <c r="I2432" s="2">
        <v>1</v>
      </c>
      <c r="J2432" s="2">
        <v>0</v>
      </c>
      <c r="K2432" s="2">
        <v>0</v>
      </c>
      <c r="L2432" t="s">
        <v>120</v>
      </c>
      <c r="M2432" t="s">
        <v>89</v>
      </c>
      <c r="N2432" t="s">
        <v>90</v>
      </c>
      <c r="O2432" t="s">
        <v>85</v>
      </c>
      <c r="P2432" t="s">
        <v>86</v>
      </c>
      <c r="Q2432">
        <v>15</v>
      </c>
      <c r="R2432">
        <v>15</v>
      </c>
      <c r="S2432">
        <v>16</v>
      </c>
      <c r="T2432">
        <v>17</v>
      </c>
      <c r="U2432">
        <v>17</v>
      </c>
      <c r="V2432">
        <v>18</v>
      </c>
      <c r="W2432">
        <v>18</v>
      </c>
      <c r="X2432">
        <v>19</v>
      </c>
      <c r="Y2432">
        <v>19</v>
      </c>
      <c r="Z2432">
        <v>20</v>
      </c>
      <c r="AA2432">
        <v>20</v>
      </c>
      <c r="AB2432">
        <v>21</v>
      </c>
      <c r="AC2432">
        <v>21</v>
      </c>
      <c r="AD2432">
        <v>22</v>
      </c>
      <c r="AE2432">
        <v>22</v>
      </c>
      <c r="AF2432">
        <v>23</v>
      </c>
      <c r="AG2432">
        <v>23</v>
      </c>
      <c r="AH2432">
        <v>23</v>
      </c>
      <c r="AI2432">
        <v>24</v>
      </c>
      <c r="AJ2432">
        <v>24</v>
      </c>
      <c r="AK2432">
        <v>24</v>
      </c>
      <c r="AL2432">
        <v>25</v>
      </c>
      <c r="AM2432">
        <v>25</v>
      </c>
      <c r="AN2432">
        <v>25</v>
      </c>
      <c r="AO2432">
        <v>26</v>
      </c>
      <c r="AP2432">
        <v>26</v>
      </c>
      <c r="AQ2432">
        <v>26</v>
      </c>
    </row>
    <row r="2433" spans="1:43">
      <c r="A2433" t="s">
        <v>1562</v>
      </c>
      <c r="B2433" t="s">
        <v>1563</v>
      </c>
      <c r="C2433" t="s">
        <v>1524</v>
      </c>
      <c r="D2433" t="s">
        <v>1525</v>
      </c>
      <c r="E2433" t="s">
        <v>1192</v>
      </c>
      <c r="F2433" t="s">
        <v>1193</v>
      </c>
      <c r="G2433" t="s">
        <v>80</v>
      </c>
      <c r="H2433" t="s">
        <v>81</v>
      </c>
      <c r="I2433" s="2">
        <v>1</v>
      </c>
      <c r="J2433" s="2">
        <v>0</v>
      </c>
      <c r="K2433" s="2">
        <v>0</v>
      </c>
      <c r="L2433" t="s">
        <v>120</v>
      </c>
      <c r="M2433" t="s">
        <v>83</v>
      </c>
      <c r="N2433" t="s">
        <v>91</v>
      </c>
      <c r="O2433" t="s">
        <v>85</v>
      </c>
      <c r="P2433" t="s">
        <v>86</v>
      </c>
      <c r="Q2433">
        <v>15</v>
      </c>
      <c r="R2433">
        <v>15</v>
      </c>
      <c r="S2433">
        <v>16</v>
      </c>
      <c r="T2433">
        <v>16</v>
      </c>
      <c r="U2433">
        <v>16</v>
      </c>
      <c r="V2433">
        <v>17</v>
      </c>
      <c r="W2433">
        <v>17</v>
      </c>
      <c r="X2433">
        <v>18</v>
      </c>
      <c r="Y2433">
        <v>18</v>
      </c>
      <c r="Z2433">
        <v>19</v>
      </c>
      <c r="AA2433">
        <v>19</v>
      </c>
      <c r="AB2433">
        <v>20</v>
      </c>
      <c r="AC2433">
        <v>20</v>
      </c>
      <c r="AD2433">
        <v>20</v>
      </c>
      <c r="AE2433">
        <v>21</v>
      </c>
      <c r="AF2433">
        <v>21</v>
      </c>
      <c r="AG2433">
        <v>22</v>
      </c>
      <c r="AH2433">
        <v>22</v>
      </c>
      <c r="AI2433">
        <v>23</v>
      </c>
      <c r="AJ2433">
        <v>23</v>
      </c>
      <c r="AK2433">
        <v>24</v>
      </c>
      <c r="AL2433">
        <v>24</v>
      </c>
      <c r="AM2433">
        <v>25</v>
      </c>
      <c r="AN2433">
        <v>25</v>
      </c>
      <c r="AO2433">
        <v>25</v>
      </c>
      <c r="AP2433">
        <v>26</v>
      </c>
      <c r="AQ2433">
        <v>26</v>
      </c>
    </row>
    <row r="2434" spans="1:43">
      <c r="A2434" t="s">
        <v>1564</v>
      </c>
      <c r="B2434" t="s">
        <v>1565</v>
      </c>
      <c r="C2434" t="s">
        <v>1232</v>
      </c>
      <c r="D2434" t="s">
        <v>1233</v>
      </c>
      <c r="E2434" t="s">
        <v>1192</v>
      </c>
      <c r="F2434" t="s">
        <v>1193</v>
      </c>
      <c r="G2434" t="s">
        <v>80</v>
      </c>
      <c r="H2434" t="s">
        <v>81</v>
      </c>
      <c r="I2434" s="2">
        <v>0</v>
      </c>
      <c r="J2434" s="2">
        <v>1</v>
      </c>
      <c r="K2434" s="2">
        <v>0</v>
      </c>
      <c r="L2434" t="s">
        <v>82</v>
      </c>
      <c r="M2434" t="s">
        <v>83</v>
      </c>
      <c r="N2434" t="s">
        <v>84</v>
      </c>
      <c r="O2434" t="s">
        <v>85</v>
      </c>
      <c r="P2434" t="s">
        <v>86</v>
      </c>
      <c r="Q2434">
        <v>25</v>
      </c>
      <c r="R2434">
        <v>26</v>
      </c>
      <c r="S2434">
        <v>27</v>
      </c>
      <c r="T2434">
        <v>27</v>
      </c>
      <c r="U2434">
        <v>28</v>
      </c>
      <c r="V2434">
        <v>29</v>
      </c>
      <c r="W2434">
        <v>30</v>
      </c>
      <c r="X2434">
        <v>30</v>
      </c>
      <c r="Y2434">
        <v>31</v>
      </c>
      <c r="Z2434">
        <v>32</v>
      </c>
      <c r="AA2434">
        <v>33</v>
      </c>
      <c r="AB2434">
        <v>34</v>
      </c>
      <c r="AC2434">
        <v>34</v>
      </c>
      <c r="AD2434">
        <v>35</v>
      </c>
      <c r="AE2434">
        <v>36</v>
      </c>
      <c r="AF2434">
        <v>37</v>
      </c>
      <c r="AG2434">
        <v>38</v>
      </c>
      <c r="AH2434">
        <v>39</v>
      </c>
      <c r="AI2434">
        <v>40</v>
      </c>
      <c r="AJ2434">
        <v>41</v>
      </c>
      <c r="AK2434">
        <v>41</v>
      </c>
      <c r="AL2434">
        <v>42</v>
      </c>
      <c r="AM2434">
        <v>43</v>
      </c>
      <c r="AN2434">
        <v>43</v>
      </c>
      <c r="AO2434">
        <v>44</v>
      </c>
      <c r="AP2434">
        <v>44</v>
      </c>
      <c r="AQ2434">
        <v>45</v>
      </c>
    </row>
    <row r="2435" spans="1:43">
      <c r="A2435" t="s">
        <v>1564</v>
      </c>
      <c r="B2435" t="s">
        <v>1565</v>
      </c>
      <c r="C2435" t="s">
        <v>1232</v>
      </c>
      <c r="D2435" t="s">
        <v>1233</v>
      </c>
      <c r="E2435" t="s">
        <v>1192</v>
      </c>
      <c r="F2435" t="s">
        <v>1193</v>
      </c>
      <c r="G2435" t="s">
        <v>80</v>
      </c>
      <c r="H2435" t="s">
        <v>81</v>
      </c>
      <c r="I2435" s="2">
        <v>0</v>
      </c>
      <c r="J2435" s="2">
        <v>1</v>
      </c>
      <c r="K2435" s="2">
        <v>0</v>
      </c>
      <c r="L2435" t="s">
        <v>82</v>
      </c>
      <c r="M2435" t="s">
        <v>87</v>
      </c>
      <c r="N2435" t="s">
        <v>88</v>
      </c>
      <c r="O2435" t="s">
        <v>85</v>
      </c>
      <c r="P2435" t="s">
        <v>86</v>
      </c>
      <c r="Q2435">
        <v>25</v>
      </c>
      <c r="R2435">
        <v>26</v>
      </c>
      <c r="S2435">
        <v>26</v>
      </c>
      <c r="T2435">
        <v>26</v>
      </c>
      <c r="U2435">
        <v>27</v>
      </c>
      <c r="V2435">
        <v>27</v>
      </c>
      <c r="W2435">
        <v>28</v>
      </c>
      <c r="X2435">
        <v>28</v>
      </c>
      <c r="Y2435">
        <v>29</v>
      </c>
      <c r="Z2435">
        <v>29</v>
      </c>
      <c r="AA2435">
        <v>30</v>
      </c>
      <c r="AB2435">
        <v>30</v>
      </c>
      <c r="AC2435">
        <v>31</v>
      </c>
      <c r="AD2435">
        <v>31</v>
      </c>
      <c r="AE2435">
        <v>32</v>
      </c>
      <c r="AF2435">
        <v>33</v>
      </c>
      <c r="AG2435">
        <v>33</v>
      </c>
      <c r="AH2435">
        <v>34</v>
      </c>
      <c r="AI2435">
        <v>34</v>
      </c>
      <c r="AJ2435">
        <v>35</v>
      </c>
      <c r="AK2435">
        <v>35</v>
      </c>
      <c r="AL2435">
        <v>36</v>
      </c>
      <c r="AM2435">
        <v>36</v>
      </c>
      <c r="AN2435">
        <v>37</v>
      </c>
      <c r="AO2435">
        <v>38</v>
      </c>
      <c r="AP2435">
        <v>38</v>
      </c>
      <c r="AQ2435">
        <v>39</v>
      </c>
    </row>
    <row r="2436" spans="1:43">
      <c r="A2436" t="s">
        <v>1564</v>
      </c>
      <c r="B2436" t="s">
        <v>1565</v>
      </c>
      <c r="C2436" t="s">
        <v>1232</v>
      </c>
      <c r="D2436" t="s">
        <v>1233</v>
      </c>
      <c r="E2436" t="s">
        <v>1192</v>
      </c>
      <c r="F2436" t="s">
        <v>1193</v>
      </c>
      <c r="G2436" t="s">
        <v>80</v>
      </c>
      <c r="H2436" t="s">
        <v>81</v>
      </c>
      <c r="I2436" s="2">
        <v>0</v>
      </c>
      <c r="J2436" s="2">
        <v>1</v>
      </c>
      <c r="K2436" s="2">
        <v>0</v>
      </c>
      <c r="L2436" t="s">
        <v>82</v>
      </c>
      <c r="M2436" t="s">
        <v>89</v>
      </c>
      <c r="N2436" t="s">
        <v>90</v>
      </c>
      <c r="O2436" t="s">
        <v>85</v>
      </c>
      <c r="P2436" t="s">
        <v>86</v>
      </c>
      <c r="Q2436">
        <v>25</v>
      </c>
      <c r="R2436">
        <v>25</v>
      </c>
      <c r="S2436">
        <v>26</v>
      </c>
      <c r="T2436">
        <v>27</v>
      </c>
      <c r="U2436">
        <v>28</v>
      </c>
      <c r="V2436">
        <v>29</v>
      </c>
      <c r="W2436">
        <v>30</v>
      </c>
      <c r="X2436">
        <v>31</v>
      </c>
      <c r="Y2436">
        <v>32</v>
      </c>
      <c r="Z2436">
        <v>33</v>
      </c>
      <c r="AA2436">
        <v>34</v>
      </c>
      <c r="AB2436">
        <v>35</v>
      </c>
      <c r="AC2436">
        <v>36</v>
      </c>
      <c r="AD2436">
        <v>37</v>
      </c>
      <c r="AE2436">
        <v>38</v>
      </c>
      <c r="AF2436">
        <v>38</v>
      </c>
      <c r="AG2436">
        <v>39</v>
      </c>
      <c r="AH2436">
        <v>39</v>
      </c>
      <c r="AI2436">
        <v>40</v>
      </c>
      <c r="AJ2436">
        <v>40</v>
      </c>
      <c r="AK2436">
        <v>41</v>
      </c>
      <c r="AL2436">
        <v>41</v>
      </c>
      <c r="AM2436">
        <v>42</v>
      </c>
      <c r="AN2436">
        <v>42</v>
      </c>
      <c r="AO2436">
        <v>43</v>
      </c>
      <c r="AP2436">
        <v>44</v>
      </c>
      <c r="AQ2436">
        <v>44</v>
      </c>
    </row>
    <row r="2437" spans="1:43">
      <c r="A2437" t="s">
        <v>1564</v>
      </c>
      <c r="B2437" t="s">
        <v>1565</v>
      </c>
      <c r="C2437" t="s">
        <v>1232</v>
      </c>
      <c r="D2437" t="s">
        <v>1233</v>
      </c>
      <c r="E2437" t="s">
        <v>1192</v>
      </c>
      <c r="F2437" t="s">
        <v>1193</v>
      </c>
      <c r="G2437" t="s">
        <v>80</v>
      </c>
      <c r="H2437" t="s">
        <v>81</v>
      </c>
      <c r="I2437" s="2">
        <v>0</v>
      </c>
      <c r="J2437" s="2">
        <v>1</v>
      </c>
      <c r="K2437" s="2">
        <v>0</v>
      </c>
      <c r="L2437" t="s">
        <v>82</v>
      </c>
      <c r="M2437" t="s">
        <v>83</v>
      </c>
      <c r="N2437" t="s">
        <v>91</v>
      </c>
      <c r="O2437" t="s">
        <v>85</v>
      </c>
      <c r="P2437" t="s">
        <v>86</v>
      </c>
      <c r="Q2437">
        <v>25</v>
      </c>
      <c r="R2437">
        <v>26</v>
      </c>
      <c r="S2437">
        <v>27</v>
      </c>
      <c r="T2437">
        <v>27</v>
      </c>
      <c r="U2437">
        <v>28</v>
      </c>
      <c r="V2437">
        <v>29</v>
      </c>
      <c r="W2437">
        <v>30</v>
      </c>
      <c r="X2437">
        <v>30</v>
      </c>
      <c r="Y2437">
        <v>31</v>
      </c>
      <c r="Z2437">
        <v>32</v>
      </c>
      <c r="AA2437">
        <v>33</v>
      </c>
      <c r="AB2437">
        <v>34</v>
      </c>
      <c r="AC2437">
        <v>34</v>
      </c>
      <c r="AD2437">
        <v>35</v>
      </c>
      <c r="AE2437">
        <v>36</v>
      </c>
      <c r="AF2437">
        <v>37</v>
      </c>
      <c r="AG2437">
        <v>38</v>
      </c>
      <c r="AH2437">
        <v>39</v>
      </c>
      <c r="AI2437">
        <v>40</v>
      </c>
      <c r="AJ2437">
        <v>41</v>
      </c>
      <c r="AK2437">
        <v>41</v>
      </c>
      <c r="AL2437">
        <v>42</v>
      </c>
      <c r="AM2437">
        <v>43</v>
      </c>
      <c r="AN2437">
        <v>43</v>
      </c>
      <c r="AO2437">
        <v>44</v>
      </c>
      <c r="AP2437">
        <v>44</v>
      </c>
      <c r="AQ2437">
        <v>45</v>
      </c>
    </row>
    <row r="2438" spans="1:43">
      <c r="A2438" t="s">
        <v>1566</v>
      </c>
      <c r="B2438" t="s">
        <v>1567</v>
      </c>
      <c r="C2438" t="s">
        <v>1568</v>
      </c>
      <c r="D2438" t="s">
        <v>1569</v>
      </c>
      <c r="E2438" t="s">
        <v>1192</v>
      </c>
      <c r="F2438" t="s">
        <v>1193</v>
      </c>
      <c r="G2438" t="s">
        <v>80</v>
      </c>
      <c r="H2438" t="s">
        <v>81</v>
      </c>
      <c r="I2438" s="2">
        <v>0</v>
      </c>
      <c r="J2438" s="2">
        <v>1</v>
      </c>
      <c r="K2438" s="2">
        <v>0</v>
      </c>
      <c r="L2438" t="s">
        <v>82</v>
      </c>
      <c r="M2438" t="s">
        <v>83</v>
      </c>
      <c r="N2438" t="s">
        <v>84</v>
      </c>
      <c r="O2438" t="s">
        <v>85</v>
      </c>
      <c r="P2438" t="s">
        <v>86</v>
      </c>
      <c r="Q2438">
        <v>54</v>
      </c>
      <c r="R2438">
        <v>56</v>
      </c>
      <c r="S2438">
        <v>57</v>
      </c>
      <c r="T2438">
        <v>59</v>
      </c>
      <c r="U2438">
        <v>60</v>
      </c>
      <c r="V2438">
        <v>62</v>
      </c>
      <c r="W2438">
        <v>63</v>
      </c>
      <c r="X2438">
        <v>65</v>
      </c>
      <c r="Y2438">
        <v>67</v>
      </c>
      <c r="Z2438">
        <v>68</v>
      </c>
      <c r="AA2438">
        <v>70</v>
      </c>
      <c r="AB2438">
        <v>72</v>
      </c>
      <c r="AC2438">
        <v>74</v>
      </c>
      <c r="AD2438">
        <v>75</v>
      </c>
      <c r="AE2438">
        <v>77</v>
      </c>
      <c r="AF2438">
        <v>79</v>
      </c>
      <c r="AG2438">
        <v>81</v>
      </c>
      <c r="AH2438">
        <v>83</v>
      </c>
      <c r="AI2438">
        <v>85</v>
      </c>
      <c r="AJ2438">
        <v>87</v>
      </c>
      <c r="AK2438">
        <v>89</v>
      </c>
      <c r="AL2438">
        <v>90</v>
      </c>
      <c r="AM2438">
        <v>91</v>
      </c>
      <c r="AN2438">
        <v>92</v>
      </c>
      <c r="AO2438">
        <v>94</v>
      </c>
      <c r="AP2438">
        <v>95</v>
      </c>
      <c r="AQ2438">
        <v>96</v>
      </c>
    </row>
    <row r="2439" spans="1:43">
      <c r="A2439" t="s">
        <v>1566</v>
      </c>
      <c r="B2439" t="s">
        <v>1567</v>
      </c>
      <c r="C2439" t="s">
        <v>1568</v>
      </c>
      <c r="D2439" t="s">
        <v>1569</v>
      </c>
      <c r="E2439" t="s">
        <v>1192</v>
      </c>
      <c r="F2439" t="s">
        <v>1193</v>
      </c>
      <c r="G2439" t="s">
        <v>80</v>
      </c>
      <c r="H2439" t="s">
        <v>81</v>
      </c>
      <c r="I2439" s="2">
        <v>0</v>
      </c>
      <c r="J2439" s="2">
        <v>1</v>
      </c>
      <c r="K2439" s="2">
        <v>0</v>
      </c>
      <c r="L2439" t="s">
        <v>82</v>
      </c>
      <c r="M2439" t="s">
        <v>87</v>
      </c>
      <c r="N2439" t="s">
        <v>88</v>
      </c>
      <c r="O2439" t="s">
        <v>85</v>
      </c>
      <c r="P2439" t="s">
        <v>86</v>
      </c>
      <c r="Q2439">
        <v>54</v>
      </c>
      <c r="R2439">
        <v>55</v>
      </c>
      <c r="S2439">
        <v>56</v>
      </c>
      <c r="T2439">
        <v>57</v>
      </c>
      <c r="U2439">
        <v>58</v>
      </c>
      <c r="V2439">
        <v>59</v>
      </c>
      <c r="W2439">
        <v>60</v>
      </c>
      <c r="X2439">
        <v>61</v>
      </c>
      <c r="Y2439">
        <v>62</v>
      </c>
      <c r="Z2439">
        <v>63</v>
      </c>
      <c r="AA2439">
        <v>64</v>
      </c>
      <c r="AB2439">
        <v>65</v>
      </c>
      <c r="AC2439">
        <v>66</v>
      </c>
      <c r="AD2439">
        <v>67</v>
      </c>
      <c r="AE2439">
        <v>68</v>
      </c>
      <c r="AF2439">
        <v>69</v>
      </c>
      <c r="AG2439">
        <v>71</v>
      </c>
      <c r="AH2439">
        <v>72</v>
      </c>
      <c r="AI2439">
        <v>73</v>
      </c>
      <c r="AJ2439">
        <v>74</v>
      </c>
      <c r="AK2439">
        <v>75</v>
      </c>
      <c r="AL2439">
        <v>77</v>
      </c>
      <c r="AM2439">
        <v>78</v>
      </c>
      <c r="AN2439">
        <v>79</v>
      </c>
      <c r="AO2439">
        <v>81</v>
      </c>
      <c r="AP2439">
        <v>82</v>
      </c>
      <c r="AQ2439">
        <v>83</v>
      </c>
    </row>
    <row r="2440" spans="1:43">
      <c r="A2440" t="s">
        <v>1566</v>
      </c>
      <c r="B2440" t="s">
        <v>1567</v>
      </c>
      <c r="C2440" t="s">
        <v>1568</v>
      </c>
      <c r="D2440" t="s">
        <v>1569</v>
      </c>
      <c r="E2440" t="s">
        <v>1192</v>
      </c>
      <c r="F2440" t="s">
        <v>1193</v>
      </c>
      <c r="G2440" t="s">
        <v>80</v>
      </c>
      <c r="H2440" t="s">
        <v>81</v>
      </c>
      <c r="I2440" s="2">
        <v>0</v>
      </c>
      <c r="J2440" s="2">
        <v>1</v>
      </c>
      <c r="K2440" s="2">
        <v>0</v>
      </c>
      <c r="L2440" t="s">
        <v>82</v>
      </c>
      <c r="M2440" t="s">
        <v>89</v>
      </c>
      <c r="N2440" t="s">
        <v>90</v>
      </c>
      <c r="O2440" t="s">
        <v>85</v>
      </c>
      <c r="P2440" t="s">
        <v>86</v>
      </c>
      <c r="Q2440">
        <v>54</v>
      </c>
      <c r="R2440">
        <v>56</v>
      </c>
      <c r="S2440">
        <v>58</v>
      </c>
      <c r="T2440">
        <v>60</v>
      </c>
      <c r="U2440">
        <v>62</v>
      </c>
      <c r="V2440">
        <v>64</v>
      </c>
      <c r="W2440">
        <v>66</v>
      </c>
      <c r="X2440">
        <v>68</v>
      </c>
      <c r="Y2440">
        <v>70</v>
      </c>
      <c r="Z2440">
        <v>72</v>
      </c>
      <c r="AA2440">
        <v>74</v>
      </c>
      <c r="AB2440">
        <v>76</v>
      </c>
      <c r="AC2440">
        <v>78</v>
      </c>
      <c r="AD2440">
        <v>80</v>
      </c>
      <c r="AE2440">
        <v>82</v>
      </c>
      <c r="AF2440">
        <v>83</v>
      </c>
      <c r="AG2440">
        <v>84</v>
      </c>
      <c r="AH2440">
        <v>85</v>
      </c>
      <c r="AI2440">
        <v>86</v>
      </c>
      <c r="AJ2440">
        <v>87</v>
      </c>
      <c r="AK2440">
        <v>89</v>
      </c>
      <c r="AL2440">
        <v>90</v>
      </c>
      <c r="AM2440">
        <v>91</v>
      </c>
      <c r="AN2440">
        <v>92</v>
      </c>
      <c r="AO2440">
        <v>93</v>
      </c>
      <c r="AP2440">
        <v>95</v>
      </c>
      <c r="AQ2440">
        <v>96</v>
      </c>
    </row>
    <row r="2441" spans="1:43">
      <c r="A2441" t="s">
        <v>1566</v>
      </c>
      <c r="B2441" t="s">
        <v>1567</v>
      </c>
      <c r="C2441" t="s">
        <v>1568</v>
      </c>
      <c r="D2441" t="s">
        <v>1569</v>
      </c>
      <c r="E2441" t="s">
        <v>1192</v>
      </c>
      <c r="F2441" t="s">
        <v>1193</v>
      </c>
      <c r="G2441" t="s">
        <v>80</v>
      </c>
      <c r="H2441" t="s">
        <v>81</v>
      </c>
      <c r="I2441" s="2">
        <v>0</v>
      </c>
      <c r="J2441" s="2">
        <v>1</v>
      </c>
      <c r="K2441" s="2">
        <v>0</v>
      </c>
      <c r="L2441" t="s">
        <v>82</v>
      </c>
      <c r="M2441" t="s">
        <v>83</v>
      </c>
      <c r="N2441" t="s">
        <v>91</v>
      </c>
      <c r="O2441" t="s">
        <v>85</v>
      </c>
      <c r="P2441" t="s">
        <v>86</v>
      </c>
      <c r="Q2441">
        <v>54</v>
      </c>
      <c r="R2441">
        <v>56</v>
      </c>
      <c r="S2441">
        <v>57</v>
      </c>
      <c r="T2441">
        <v>59</v>
      </c>
      <c r="U2441">
        <v>60</v>
      </c>
      <c r="V2441">
        <v>62</v>
      </c>
      <c r="W2441">
        <v>63</v>
      </c>
      <c r="X2441">
        <v>65</v>
      </c>
      <c r="Y2441">
        <v>67</v>
      </c>
      <c r="Z2441">
        <v>68</v>
      </c>
      <c r="AA2441">
        <v>70</v>
      </c>
      <c r="AB2441">
        <v>72</v>
      </c>
      <c r="AC2441">
        <v>74</v>
      </c>
      <c r="AD2441">
        <v>75</v>
      </c>
      <c r="AE2441">
        <v>77</v>
      </c>
      <c r="AF2441">
        <v>79</v>
      </c>
      <c r="AG2441">
        <v>81</v>
      </c>
      <c r="AH2441">
        <v>83</v>
      </c>
      <c r="AI2441">
        <v>85</v>
      </c>
      <c r="AJ2441">
        <v>87</v>
      </c>
      <c r="AK2441">
        <v>89</v>
      </c>
      <c r="AL2441">
        <v>90</v>
      </c>
      <c r="AM2441">
        <v>91</v>
      </c>
      <c r="AN2441">
        <v>92</v>
      </c>
      <c r="AO2441">
        <v>94</v>
      </c>
      <c r="AP2441">
        <v>95</v>
      </c>
      <c r="AQ2441">
        <v>96</v>
      </c>
    </row>
    <row r="2442" spans="1:43">
      <c r="A2442" t="s">
        <v>1570</v>
      </c>
      <c r="B2442" t="s">
        <v>1571</v>
      </c>
      <c r="C2442" t="s">
        <v>1232</v>
      </c>
      <c r="D2442" t="s">
        <v>1233</v>
      </c>
      <c r="E2442" t="s">
        <v>1192</v>
      </c>
      <c r="F2442" t="s">
        <v>1193</v>
      </c>
      <c r="G2442" t="s">
        <v>80</v>
      </c>
      <c r="H2442" t="s">
        <v>81</v>
      </c>
      <c r="I2442" s="2">
        <v>0</v>
      </c>
      <c r="J2442" s="2">
        <v>1</v>
      </c>
      <c r="K2442" s="2">
        <v>0</v>
      </c>
      <c r="L2442" t="s">
        <v>82</v>
      </c>
      <c r="M2442" t="s">
        <v>83</v>
      </c>
      <c r="N2442" t="s">
        <v>84</v>
      </c>
      <c r="O2442" t="s">
        <v>85</v>
      </c>
      <c r="P2442" t="s">
        <v>86</v>
      </c>
      <c r="Q2442">
        <v>135</v>
      </c>
      <c r="R2442">
        <v>139</v>
      </c>
      <c r="S2442">
        <v>143</v>
      </c>
      <c r="T2442">
        <v>147</v>
      </c>
      <c r="U2442">
        <v>150</v>
      </c>
      <c r="V2442">
        <v>154</v>
      </c>
      <c r="W2442">
        <v>158</v>
      </c>
      <c r="X2442">
        <v>162</v>
      </c>
      <c r="Y2442">
        <v>167</v>
      </c>
      <c r="Z2442">
        <v>171</v>
      </c>
      <c r="AA2442">
        <v>175</v>
      </c>
      <c r="AB2442">
        <v>179</v>
      </c>
      <c r="AC2442">
        <v>184</v>
      </c>
      <c r="AD2442">
        <v>188</v>
      </c>
      <c r="AE2442">
        <v>193</v>
      </c>
      <c r="AF2442">
        <v>197</v>
      </c>
      <c r="AG2442">
        <v>202</v>
      </c>
      <c r="AH2442">
        <v>207</v>
      </c>
      <c r="AI2442">
        <v>212</v>
      </c>
      <c r="AJ2442">
        <v>216</v>
      </c>
      <c r="AK2442">
        <v>221</v>
      </c>
      <c r="AL2442">
        <v>225</v>
      </c>
      <c r="AM2442">
        <v>228</v>
      </c>
      <c r="AN2442">
        <v>231</v>
      </c>
      <c r="AO2442">
        <v>234</v>
      </c>
      <c r="AP2442">
        <v>237</v>
      </c>
      <c r="AQ2442">
        <v>240</v>
      </c>
    </row>
    <row r="2443" spans="1:43">
      <c r="A2443" t="s">
        <v>1570</v>
      </c>
      <c r="B2443" t="s">
        <v>1571</v>
      </c>
      <c r="C2443" t="s">
        <v>1232</v>
      </c>
      <c r="D2443" t="s">
        <v>1233</v>
      </c>
      <c r="E2443" t="s">
        <v>1192</v>
      </c>
      <c r="F2443" t="s">
        <v>1193</v>
      </c>
      <c r="G2443" t="s">
        <v>80</v>
      </c>
      <c r="H2443" t="s">
        <v>81</v>
      </c>
      <c r="I2443" s="2">
        <v>0</v>
      </c>
      <c r="J2443" s="2">
        <v>1</v>
      </c>
      <c r="K2443" s="2">
        <v>0</v>
      </c>
      <c r="L2443" t="s">
        <v>82</v>
      </c>
      <c r="M2443" t="s">
        <v>87</v>
      </c>
      <c r="N2443" t="s">
        <v>88</v>
      </c>
      <c r="O2443" t="s">
        <v>85</v>
      </c>
      <c r="P2443" t="s">
        <v>86</v>
      </c>
      <c r="Q2443">
        <v>135</v>
      </c>
      <c r="R2443">
        <v>137</v>
      </c>
      <c r="S2443">
        <v>140</v>
      </c>
      <c r="T2443">
        <v>142</v>
      </c>
      <c r="U2443">
        <v>145</v>
      </c>
      <c r="V2443">
        <v>147</v>
      </c>
      <c r="W2443">
        <v>150</v>
      </c>
      <c r="X2443">
        <v>152</v>
      </c>
      <c r="Y2443">
        <v>155</v>
      </c>
      <c r="Z2443">
        <v>158</v>
      </c>
      <c r="AA2443">
        <v>160</v>
      </c>
      <c r="AB2443">
        <v>163</v>
      </c>
      <c r="AC2443">
        <v>166</v>
      </c>
      <c r="AD2443">
        <v>169</v>
      </c>
      <c r="AE2443">
        <v>172</v>
      </c>
      <c r="AF2443">
        <v>174</v>
      </c>
      <c r="AG2443">
        <v>177</v>
      </c>
      <c r="AH2443">
        <v>180</v>
      </c>
      <c r="AI2443">
        <v>183</v>
      </c>
      <c r="AJ2443">
        <v>186</v>
      </c>
      <c r="AK2443">
        <v>189</v>
      </c>
      <c r="AL2443">
        <v>193</v>
      </c>
      <c r="AM2443">
        <v>196</v>
      </c>
      <c r="AN2443">
        <v>199</v>
      </c>
      <c r="AO2443">
        <v>202</v>
      </c>
      <c r="AP2443">
        <v>205</v>
      </c>
      <c r="AQ2443">
        <v>209</v>
      </c>
    </row>
    <row r="2444" spans="1:43">
      <c r="A2444" t="s">
        <v>1570</v>
      </c>
      <c r="B2444" t="s">
        <v>1571</v>
      </c>
      <c r="C2444" t="s">
        <v>1232</v>
      </c>
      <c r="D2444" t="s">
        <v>1233</v>
      </c>
      <c r="E2444" t="s">
        <v>1192</v>
      </c>
      <c r="F2444" t="s">
        <v>1193</v>
      </c>
      <c r="G2444" t="s">
        <v>80</v>
      </c>
      <c r="H2444" t="s">
        <v>81</v>
      </c>
      <c r="I2444" s="2">
        <v>0</v>
      </c>
      <c r="J2444" s="2">
        <v>1</v>
      </c>
      <c r="K2444" s="2">
        <v>0</v>
      </c>
      <c r="L2444" t="s">
        <v>82</v>
      </c>
      <c r="M2444" t="s">
        <v>89</v>
      </c>
      <c r="N2444" t="s">
        <v>90</v>
      </c>
      <c r="O2444" t="s">
        <v>85</v>
      </c>
      <c r="P2444" t="s">
        <v>86</v>
      </c>
      <c r="Q2444">
        <v>135</v>
      </c>
      <c r="R2444">
        <v>140</v>
      </c>
      <c r="S2444">
        <v>145</v>
      </c>
      <c r="T2444">
        <v>150</v>
      </c>
      <c r="U2444">
        <v>155</v>
      </c>
      <c r="V2444">
        <v>160</v>
      </c>
      <c r="W2444">
        <v>166</v>
      </c>
      <c r="X2444">
        <v>171</v>
      </c>
      <c r="Y2444">
        <v>176</v>
      </c>
      <c r="Z2444">
        <v>181</v>
      </c>
      <c r="AA2444">
        <v>186</v>
      </c>
      <c r="AB2444">
        <v>191</v>
      </c>
      <c r="AC2444">
        <v>196</v>
      </c>
      <c r="AD2444">
        <v>202</v>
      </c>
      <c r="AE2444">
        <v>206</v>
      </c>
      <c r="AF2444">
        <v>209</v>
      </c>
      <c r="AG2444">
        <v>211</v>
      </c>
      <c r="AH2444">
        <v>214</v>
      </c>
      <c r="AI2444">
        <v>217</v>
      </c>
      <c r="AJ2444">
        <v>220</v>
      </c>
      <c r="AK2444">
        <v>222</v>
      </c>
      <c r="AL2444">
        <v>225</v>
      </c>
      <c r="AM2444">
        <v>228</v>
      </c>
      <c r="AN2444">
        <v>231</v>
      </c>
      <c r="AO2444">
        <v>234</v>
      </c>
      <c r="AP2444">
        <v>237</v>
      </c>
      <c r="AQ2444">
        <v>240</v>
      </c>
    </row>
    <row r="2445" spans="1:43">
      <c r="A2445" t="s">
        <v>1570</v>
      </c>
      <c r="B2445" t="s">
        <v>1571</v>
      </c>
      <c r="C2445" t="s">
        <v>1232</v>
      </c>
      <c r="D2445" t="s">
        <v>1233</v>
      </c>
      <c r="E2445" t="s">
        <v>1192</v>
      </c>
      <c r="F2445" t="s">
        <v>1193</v>
      </c>
      <c r="G2445" t="s">
        <v>80</v>
      </c>
      <c r="H2445" t="s">
        <v>81</v>
      </c>
      <c r="I2445" s="2">
        <v>0</v>
      </c>
      <c r="J2445" s="2">
        <v>1</v>
      </c>
      <c r="K2445" s="2">
        <v>0</v>
      </c>
      <c r="L2445" t="s">
        <v>82</v>
      </c>
      <c r="M2445" t="s">
        <v>83</v>
      </c>
      <c r="N2445" t="s">
        <v>91</v>
      </c>
      <c r="O2445" t="s">
        <v>85</v>
      </c>
      <c r="P2445" t="s">
        <v>86</v>
      </c>
      <c r="Q2445">
        <v>135</v>
      </c>
      <c r="R2445">
        <v>139</v>
      </c>
      <c r="S2445">
        <v>143</v>
      </c>
      <c r="T2445">
        <v>147</v>
      </c>
      <c r="U2445">
        <v>150</v>
      </c>
      <c r="V2445">
        <v>154</v>
      </c>
      <c r="W2445">
        <v>158</v>
      </c>
      <c r="X2445">
        <v>162</v>
      </c>
      <c r="Y2445">
        <v>167</v>
      </c>
      <c r="Z2445">
        <v>171</v>
      </c>
      <c r="AA2445">
        <v>175</v>
      </c>
      <c r="AB2445">
        <v>179</v>
      </c>
      <c r="AC2445">
        <v>184</v>
      </c>
      <c r="AD2445">
        <v>188</v>
      </c>
      <c r="AE2445">
        <v>193</v>
      </c>
      <c r="AF2445">
        <v>197</v>
      </c>
      <c r="AG2445">
        <v>202</v>
      </c>
      <c r="AH2445">
        <v>207</v>
      </c>
      <c r="AI2445">
        <v>212</v>
      </c>
      <c r="AJ2445">
        <v>216</v>
      </c>
      <c r="AK2445">
        <v>221</v>
      </c>
      <c r="AL2445">
        <v>225</v>
      </c>
      <c r="AM2445">
        <v>228</v>
      </c>
      <c r="AN2445">
        <v>231</v>
      </c>
      <c r="AO2445">
        <v>234</v>
      </c>
      <c r="AP2445">
        <v>237</v>
      </c>
      <c r="AQ2445">
        <v>240</v>
      </c>
    </row>
    <row r="2446" spans="1:43">
      <c r="A2446" t="s">
        <v>1572</v>
      </c>
      <c r="B2446" t="s">
        <v>1573</v>
      </c>
      <c r="C2446" t="s">
        <v>1568</v>
      </c>
      <c r="D2446" t="s">
        <v>1569</v>
      </c>
      <c r="E2446" t="s">
        <v>1192</v>
      </c>
      <c r="F2446" t="s">
        <v>1193</v>
      </c>
      <c r="G2446" t="s">
        <v>80</v>
      </c>
      <c r="H2446" t="s">
        <v>81</v>
      </c>
      <c r="I2446" s="2">
        <v>0</v>
      </c>
      <c r="J2446" s="2">
        <v>1</v>
      </c>
      <c r="K2446" s="2">
        <v>0</v>
      </c>
      <c r="L2446" t="s">
        <v>82</v>
      </c>
      <c r="M2446" t="s">
        <v>83</v>
      </c>
      <c r="N2446" t="s">
        <v>84</v>
      </c>
      <c r="O2446" t="s">
        <v>85</v>
      </c>
      <c r="P2446" t="s">
        <v>86</v>
      </c>
      <c r="Q2446">
        <v>87</v>
      </c>
      <c r="R2446">
        <v>89</v>
      </c>
      <c r="S2446">
        <v>92</v>
      </c>
      <c r="T2446">
        <v>94</v>
      </c>
      <c r="U2446">
        <v>97</v>
      </c>
      <c r="V2446">
        <v>99</v>
      </c>
      <c r="W2446">
        <v>102</v>
      </c>
      <c r="X2446">
        <v>105</v>
      </c>
      <c r="Y2446">
        <v>107</v>
      </c>
      <c r="Z2446">
        <v>110</v>
      </c>
      <c r="AA2446">
        <v>113</v>
      </c>
      <c r="AB2446">
        <v>115</v>
      </c>
      <c r="AC2446">
        <v>118</v>
      </c>
      <c r="AD2446">
        <v>121</v>
      </c>
      <c r="AE2446">
        <v>124</v>
      </c>
      <c r="AF2446">
        <v>127</v>
      </c>
      <c r="AG2446">
        <v>130</v>
      </c>
      <c r="AH2446">
        <v>133</v>
      </c>
      <c r="AI2446">
        <v>136</v>
      </c>
      <c r="AJ2446">
        <v>139</v>
      </c>
      <c r="AK2446">
        <v>142</v>
      </c>
      <c r="AL2446">
        <v>145</v>
      </c>
      <c r="AM2446">
        <v>147</v>
      </c>
      <c r="AN2446">
        <v>149</v>
      </c>
      <c r="AO2446">
        <v>151</v>
      </c>
      <c r="AP2446">
        <v>153</v>
      </c>
      <c r="AQ2446">
        <v>155</v>
      </c>
    </row>
    <row r="2447" spans="1:43">
      <c r="A2447" t="s">
        <v>1572</v>
      </c>
      <c r="B2447" t="s">
        <v>1573</v>
      </c>
      <c r="C2447" t="s">
        <v>1568</v>
      </c>
      <c r="D2447" t="s">
        <v>1569</v>
      </c>
      <c r="E2447" t="s">
        <v>1192</v>
      </c>
      <c r="F2447" t="s">
        <v>1193</v>
      </c>
      <c r="G2447" t="s">
        <v>80</v>
      </c>
      <c r="H2447" t="s">
        <v>81</v>
      </c>
      <c r="I2447" s="2">
        <v>0</v>
      </c>
      <c r="J2447" s="2">
        <v>1</v>
      </c>
      <c r="K2447" s="2">
        <v>0</v>
      </c>
      <c r="L2447" t="s">
        <v>82</v>
      </c>
      <c r="M2447" t="s">
        <v>87</v>
      </c>
      <c r="N2447" t="s">
        <v>88</v>
      </c>
      <c r="O2447" t="s">
        <v>85</v>
      </c>
      <c r="P2447" t="s">
        <v>86</v>
      </c>
      <c r="Q2447">
        <v>87</v>
      </c>
      <c r="R2447">
        <v>89</v>
      </c>
      <c r="S2447">
        <v>90</v>
      </c>
      <c r="T2447">
        <v>92</v>
      </c>
      <c r="U2447">
        <v>93</v>
      </c>
      <c r="V2447">
        <v>95</v>
      </c>
      <c r="W2447">
        <v>97</v>
      </c>
      <c r="X2447">
        <v>98</v>
      </c>
      <c r="Y2447">
        <v>100</v>
      </c>
      <c r="Z2447">
        <v>102</v>
      </c>
      <c r="AA2447">
        <v>104</v>
      </c>
      <c r="AB2447">
        <v>105</v>
      </c>
      <c r="AC2447">
        <v>107</v>
      </c>
      <c r="AD2447">
        <v>109</v>
      </c>
      <c r="AE2447">
        <v>111</v>
      </c>
      <c r="AF2447">
        <v>113</v>
      </c>
      <c r="AG2447">
        <v>114</v>
      </c>
      <c r="AH2447">
        <v>116</v>
      </c>
      <c r="AI2447">
        <v>118</v>
      </c>
      <c r="AJ2447">
        <v>120</v>
      </c>
      <c r="AK2447">
        <v>122</v>
      </c>
      <c r="AL2447">
        <v>124</v>
      </c>
      <c r="AM2447">
        <v>126</v>
      </c>
      <c r="AN2447">
        <v>128</v>
      </c>
      <c r="AO2447">
        <v>130</v>
      </c>
      <c r="AP2447">
        <v>133</v>
      </c>
      <c r="AQ2447">
        <v>135</v>
      </c>
    </row>
    <row r="2448" spans="1:43">
      <c r="A2448" t="s">
        <v>1572</v>
      </c>
      <c r="B2448" t="s">
        <v>1573</v>
      </c>
      <c r="C2448" t="s">
        <v>1568</v>
      </c>
      <c r="D2448" t="s">
        <v>1569</v>
      </c>
      <c r="E2448" t="s">
        <v>1192</v>
      </c>
      <c r="F2448" t="s">
        <v>1193</v>
      </c>
      <c r="G2448" t="s">
        <v>80</v>
      </c>
      <c r="H2448" t="s">
        <v>81</v>
      </c>
      <c r="I2448" s="2">
        <v>0</v>
      </c>
      <c r="J2448" s="2">
        <v>1</v>
      </c>
      <c r="K2448" s="2">
        <v>0</v>
      </c>
      <c r="L2448" t="s">
        <v>82</v>
      </c>
      <c r="M2448" t="s">
        <v>89</v>
      </c>
      <c r="N2448" t="s">
        <v>90</v>
      </c>
      <c r="O2448" t="s">
        <v>85</v>
      </c>
      <c r="P2448" t="s">
        <v>86</v>
      </c>
      <c r="Q2448">
        <v>87</v>
      </c>
      <c r="R2448">
        <v>90</v>
      </c>
      <c r="S2448">
        <v>93</v>
      </c>
      <c r="T2448">
        <v>96</v>
      </c>
      <c r="U2448">
        <v>100</v>
      </c>
      <c r="V2448">
        <v>103</v>
      </c>
      <c r="W2448">
        <v>106</v>
      </c>
      <c r="X2448">
        <v>109</v>
      </c>
      <c r="Y2448">
        <v>113</v>
      </c>
      <c r="Z2448">
        <v>116</v>
      </c>
      <c r="AA2448">
        <v>119</v>
      </c>
      <c r="AB2448">
        <v>122</v>
      </c>
      <c r="AC2448">
        <v>126</v>
      </c>
      <c r="AD2448">
        <v>129</v>
      </c>
      <c r="AE2448">
        <v>132</v>
      </c>
      <c r="AF2448">
        <v>134</v>
      </c>
      <c r="AG2448">
        <v>136</v>
      </c>
      <c r="AH2448">
        <v>138</v>
      </c>
      <c r="AI2448">
        <v>140</v>
      </c>
      <c r="AJ2448">
        <v>141</v>
      </c>
      <c r="AK2448">
        <v>143</v>
      </c>
      <c r="AL2448">
        <v>145</v>
      </c>
      <c r="AM2448">
        <v>147</v>
      </c>
      <c r="AN2448">
        <v>149</v>
      </c>
      <c r="AO2448">
        <v>151</v>
      </c>
      <c r="AP2448">
        <v>153</v>
      </c>
      <c r="AQ2448">
        <v>155</v>
      </c>
    </row>
    <row r="2449" spans="1:43">
      <c r="A2449" t="s">
        <v>1572</v>
      </c>
      <c r="B2449" t="s">
        <v>1573</v>
      </c>
      <c r="C2449" t="s">
        <v>1568</v>
      </c>
      <c r="D2449" t="s">
        <v>1569</v>
      </c>
      <c r="E2449" t="s">
        <v>1192</v>
      </c>
      <c r="F2449" t="s">
        <v>1193</v>
      </c>
      <c r="G2449" t="s">
        <v>80</v>
      </c>
      <c r="H2449" t="s">
        <v>81</v>
      </c>
      <c r="I2449" s="2">
        <v>0</v>
      </c>
      <c r="J2449" s="2">
        <v>1</v>
      </c>
      <c r="K2449" s="2">
        <v>0</v>
      </c>
      <c r="L2449" t="s">
        <v>82</v>
      </c>
      <c r="M2449" t="s">
        <v>83</v>
      </c>
      <c r="N2449" t="s">
        <v>91</v>
      </c>
      <c r="O2449" t="s">
        <v>85</v>
      </c>
      <c r="P2449" t="s">
        <v>86</v>
      </c>
      <c r="Q2449">
        <v>87</v>
      </c>
      <c r="R2449">
        <v>89</v>
      </c>
      <c r="S2449">
        <v>92</v>
      </c>
      <c r="T2449">
        <v>94</v>
      </c>
      <c r="U2449">
        <v>97</v>
      </c>
      <c r="V2449">
        <v>99</v>
      </c>
      <c r="W2449">
        <v>102</v>
      </c>
      <c r="X2449">
        <v>105</v>
      </c>
      <c r="Y2449">
        <v>107</v>
      </c>
      <c r="Z2449">
        <v>110</v>
      </c>
      <c r="AA2449">
        <v>113</v>
      </c>
      <c r="AB2449">
        <v>115</v>
      </c>
      <c r="AC2449">
        <v>118</v>
      </c>
      <c r="AD2449">
        <v>121</v>
      </c>
      <c r="AE2449">
        <v>124</v>
      </c>
      <c r="AF2449">
        <v>127</v>
      </c>
      <c r="AG2449">
        <v>130</v>
      </c>
      <c r="AH2449">
        <v>133</v>
      </c>
      <c r="AI2449">
        <v>136</v>
      </c>
      <c r="AJ2449">
        <v>139</v>
      </c>
      <c r="AK2449">
        <v>142</v>
      </c>
      <c r="AL2449">
        <v>145</v>
      </c>
      <c r="AM2449">
        <v>147</v>
      </c>
      <c r="AN2449">
        <v>149</v>
      </c>
      <c r="AO2449">
        <v>151</v>
      </c>
      <c r="AP2449">
        <v>153</v>
      </c>
      <c r="AQ2449">
        <v>155</v>
      </c>
    </row>
    <row r="2450" spans="1:43">
      <c r="A2450" t="s">
        <v>1574</v>
      </c>
      <c r="B2450" t="s">
        <v>1575</v>
      </c>
      <c r="C2450" t="s">
        <v>1568</v>
      </c>
      <c r="D2450" t="s">
        <v>1569</v>
      </c>
      <c r="E2450" t="s">
        <v>1192</v>
      </c>
      <c r="F2450" t="s">
        <v>1193</v>
      </c>
      <c r="G2450" t="s">
        <v>80</v>
      </c>
      <c r="H2450" t="s">
        <v>81</v>
      </c>
      <c r="I2450" s="2">
        <v>0</v>
      </c>
      <c r="J2450" s="2">
        <v>1</v>
      </c>
      <c r="K2450" s="2">
        <v>0</v>
      </c>
      <c r="L2450" t="s">
        <v>82</v>
      </c>
      <c r="M2450" t="s">
        <v>83</v>
      </c>
      <c r="N2450" t="s">
        <v>84</v>
      </c>
      <c r="O2450" t="s">
        <v>85</v>
      </c>
      <c r="P2450" t="s">
        <v>86</v>
      </c>
      <c r="Q2450">
        <v>75</v>
      </c>
      <c r="R2450">
        <v>77</v>
      </c>
      <c r="S2450">
        <v>79</v>
      </c>
      <c r="T2450">
        <v>81</v>
      </c>
      <c r="U2450">
        <v>83</v>
      </c>
      <c r="V2450">
        <v>86</v>
      </c>
      <c r="W2450">
        <v>88</v>
      </c>
      <c r="X2450">
        <v>90</v>
      </c>
      <c r="Y2450">
        <v>92</v>
      </c>
      <c r="Z2450">
        <v>95</v>
      </c>
      <c r="AA2450">
        <v>97</v>
      </c>
      <c r="AB2450">
        <v>100</v>
      </c>
      <c r="AC2450">
        <v>102</v>
      </c>
      <c r="AD2450">
        <v>104</v>
      </c>
      <c r="AE2450">
        <v>107</v>
      </c>
      <c r="AF2450">
        <v>109</v>
      </c>
      <c r="AG2450">
        <v>112</v>
      </c>
      <c r="AH2450">
        <v>115</v>
      </c>
      <c r="AI2450">
        <v>117</v>
      </c>
      <c r="AJ2450">
        <v>120</v>
      </c>
      <c r="AK2450">
        <v>123</v>
      </c>
      <c r="AL2450">
        <v>125</v>
      </c>
      <c r="AM2450">
        <v>126</v>
      </c>
      <c r="AN2450">
        <v>128</v>
      </c>
      <c r="AO2450">
        <v>130</v>
      </c>
      <c r="AP2450">
        <v>131</v>
      </c>
      <c r="AQ2450">
        <v>133</v>
      </c>
    </row>
    <row r="2451" spans="1:43">
      <c r="A2451" t="s">
        <v>1574</v>
      </c>
      <c r="B2451" t="s">
        <v>1575</v>
      </c>
      <c r="C2451" t="s">
        <v>1568</v>
      </c>
      <c r="D2451" t="s">
        <v>1569</v>
      </c>
      <c r="E2451" t="s">
        <v>1192</v>
      </c>
      <c r="F2451" t="s">
        <v>1193</v>
      </c>
      <c r="G2451" t="s">
        <v>80</v>
      </c>
      <c r="H2451" t="s">
        <v>81</v>
      </c>
      <c r="I2451" s="2">
        <v>0</v>
      </c>
      <c r="J2451" s="2">
        <v>1</v>
      </c>
      <c r="K2451" s="2">
        <v>0</v>
      </c>
      <c r="L2451" t="s">
        <v>82</v>
      </c>
      <c r="M2451" t="s">
        <v>87</v>
      </c>
      <c r="N2451" t="s">
        <v>88</v>
      </c>
      <c r="O2451" t="s">
        <v>85</v>
      </c>
      <c r="P2451" t="s">
        <v>86</v>
      </c>
      <c r="Q2451">
        <v>75</v>
      </c>
      <c r="R2451">
        <v>77</v>
      </c>
      <c r="S2451">
        <v>78</v>
      </c>
      <c r="T2451">
        <v>79</v>
      </c>
      <c r="U2451">
        <v>81</v>
      </c>
      <c r="V2451">
        <v>82</v>
      </c>
      <c r="W2451">
        <v>84</v>
      </c>
      <c r="X2451">
        <v>85</v>
      </c>
      <c r="Y2451">
        <v>86</v>
      </c>
      <c r="Z2451">
        <v>88</v>
      </c>
      <c r="AA2451">
        <v>89</v>
      </c>
      <c r="AB2451">
        <v>91</v>
      </c>
      <c r="AC2451">
        <v>92</v>
      </c>
      <c r="AD2451">
        <v>94</v>
      </c>
      <c r="AE2451">
        <v>96</v>
      </c>
      <c r="AF2451">
        <v>97</v>
      </c>
      <c r="AG2451">
        <v>99</v>
      </c>
      <c r="AH2451">
        <v>100</v>
      </c>
      <c r="AI2451">
        <v>102</v>
      </c>
      <c r="AJ2451">
        <v>104</v>
      </c>
      <c r="AK2451">
        <v>105</v>
      </c>
      <c r="AL2451">
        <v>107</v>
      </c>
      <c r="AM2451">
        <v>109</v>
      </c>
      <c r="AN2451">
        <v>111</v>
      </c>
      <c r="AO2451">
        <v>113</v>
      </c>
      <c r="AP2451">
        <v>114</v>
      </c>
      <c r="AQ2451">
        <v>116</v>
      </c>
    </row>
    <row r="2452" spans="1:43">
      <c r="A2452" t="s">
        <v>1574</v>
      </c>
      <c r="B2452" t="s">
        <v>1575</v>
      </c>
      <c r="C2452" t="s">
        <v>1568</v>
      </c>
      <c r="D2452" t="s">
        <v>1569</v>
      </c>
      <c r="E2452" t="s">
        <v>1192</v>
      </c>
      <c r="F2452" t="s">
        <v>1193</v>
      </c>
      <c r="G2452" t="s">
        <v>80</v>
      </c>
      <c r="H2452" t="s">
        <v>81</v>
      </c>
      <c r="I2452" s="2">
        <v>0</v>
      </c>
      <c r="J2452" s="2">
        <v>1</v>
      </c>
      <c r="K2452" s="2">
        <v>0</v>
      </c>
      <c r="L2452" t="s">
        <v>82</v>
      </c>
      <c r="M2452" t="s">
        <v>89</v>
      </c>
      <c r="N2452" t="s">
        <v>90</v>
      </c>
      <c r="O2452" t="s">
        <v>85</v>
      </c>
      <c r="P2452" t="s">
        <v>86</v>
      </c>
      <c r="Q2452">
        <v>75</v>
      </c>
      <c r="R2452">
        <v>77</v>
      </c>
      <c r="S2452">
        <v>80</v>
      </c>
      <c r="T2452">
        <v>83</v>
      </c>
      <c r="U2452">
        <v>86</v>
      </c>
      <c r="V2452">
        <v>88</v>
      </c>
      <c r="W2452">
        <v>91</v>
      </c>
      <c r="X2452">
        <v>94</v>
      </c>
      <c r="Y2452">
        <v>97</v>
      </c>
      <c r="Z2452">
        <v>100</v>
      </c>
      <c r="AA2452">
        <v>103</v>
      </c>
      <c r="AB2452">
        <v>105</v>
      </c>
      <c r="AC2452">
        <v>108</v>
      </c>
      <c r="AD2452">
        <v>111</v>
      </c>
      <c r="AE2452">
        <v>114</v>
      </c>
      <c r="AF2452">
        <v>115</v>
      </c>
      <c r="AG2452">
        <v>117</v>
      </c>
      <c r="AH2452">
        <v>118</v>
      </c>
      <c r="AI2452">
        <v>120</v>
      </c>
      <c r="AJ2452">
        <v>121</v>
      </c>
      <c r="AK2452">
        <v>123</v>
      </c>
      <c r="AL2452">
        <v>125</v>
      </c>
      <c r="AM2452">
        <v>126</v>
      </c>
      <c r="AN2452">
        <v>128</v>
      </c>
      <c r="AO2452">
        <v>129</v>
      </c>
      <c r="AP2452">
        <v>131</v>
      </c>
      <c r="AQ2452">
        <v>133</v>
      </c>
    </row>
    <row r="2453" spans="1:43">
      <c r="A2453" t="s">
        <v>1574</v>
      </c>
      <c r="B2453" t="s">
        <v>1575</v>
      </c>
      <c r="C2453" t="s">
        <v>1568</v>
      </c>
      <c r="D2453" t="s">
        <v>1569</v>
      </c>
      <c r="E2453" t="s">
        <v>1192</v>
      </c>
      <c r="F2453" t="s">
        <v>1193</v>
      </c>
      <c r="G2453" t="s">
        <v>80</v>
      </c>
      <c r="H2453" t="s">
        <v>81</v>
      </c>
      <c r="I2453" s="2">
        <v>0</v>
      </c>
      <c r="J2453" s="2">
        <v>1</v>
      </c>
      <c r="K2453" s="2">
        <v>0</v>
      </c>
      <c r="L2453" t="s">
        <v>82</v>
      </c>
      <c r="M2453" t="s">
        <v>83</v>
      </c>
      <c r="N2453" t="s">
        <v>91</v>
      </c>
      <c r="O2453" t="s">
        <v>85</v>
      </c>
      <c r="P2453" t="s">
        <v>86</v>
      </c>
      <c r="Q2453">
        <v>75</v>
      </c>
      <c r="R2453">
        <v>77</v>
      </c>
      <c r="S2453">
        <v>79</v>
      </c>
      <c r="T2453">
        <v>81</v>
      </c>
      <c r="U2453">
        <v>83</v>
      </c>
      <c r="V2453">
        <v>86</v>
      </c>
      <c r="W2453">
        <v>88</v>
      </c>
      <c r="X2453">
        <v>90</v>
      </c>
      <c r="Y2453">
        <v>92</v>
      </c>
      <c r="Z2453">
        <v>95</v>
      </c>
      <c r="AA2453">
        <v>97</v>
      </c>
      <c r="AB2453">
        <v>100</v>
      </c>
      <c r="AC2453">
        <v>102</v>
      </c>
      <c r="AD2453">
        <v>104</v>
      </c>
      <c r="AE2453">
        <v>107</v>
      </c>
      <c r="AF2453">
        <v>109</v>
      </c>
      <c r="AG2453">
        <v>112</v>
      </c>
      <c r="AH2453">
        <v>115</v>
      </c>
      <c r="AI2453">
        <v>117</v>
      </c>
      <c r="AJ2453">
        <v>120</v>
      </c>
      <c r="AK2453">
        <v>123</v>
      </c>
      <c r="AL2453">
        <v>125</v>
      </c>
      <c r="AM2453">
        <v>126</v>
      </c>
      <c r="AN2453">
        <v>128</v>
      </c>
      <c r="AO2453">
        <v>130</v>
      </c>
      <c r="AP2453">
        <v>131</v>
      </c>
      <c r="AQ2453">
        <v>133</v>
      </c>
    </row>
    <row r="2454" spans="1:43">
      <c r="A2454" t="s">
        <v>1576</v>
      </c>
      <c r="B2454" t="s">
        <v>1577</v>
      </c>
      <c r="C2454" t="s">
        <v>1232</v>
      </c>
      <c r="D2454" t="s">
        <v>1233</v>
      </c>
      <c r="E2454" t="s">
        <v>1192</v>
      </c>
      <c r="F2454" t="s">
        <v>1193</v>
      </c>
      <c r="G2454" t="s">
        <v>80</v>
      </c>
      <c r="H2454" t="s">
        <v>81</v>
      </c>
      <c r="I2454" s="2">
        <v>0</v>
      </c>
      <c r="J2454" s="2">
        <v>1</v>
      </c>
      <c r="K2454" s="2">
        <v>0</v>
      </c>
      <c r="L2454" t="s">
        <v>82</v>
      </c>
      <c r="M2454" t="s">
        <v>83</v>
      </c>
      <c r="N2454" t="s">
        <v>84</v>
      </c>
      <c r="O2454" t="s">
        <v>85</v>
      </c>
      <c r="P2454" t="s">
        <v>86</v>
      </c>
      <c r="Q2454">
        <v>99</v>
      </c>
      <c r="R2454">
        <v>102</v>
      </c>
      <c r="S2454">
        <v>105</v>
      </c>
      <c r="T2454">
        <v>107</v>
      </c>
      <c r="U2454">
        <v>110</v>
      </c>
      <c r="V2454">
        <v>113</v>
      </c>
      <c r="W2454">
        <v>116</v>
      </c>
      <c r="X2454">
        <v>119</v>
      </c>
      <c r="Y2454">
        <v>122</v>
      </c>
      <c r="Z2454">
        <v>125</v>
      </c>
      <c r="AA2454">
        <v>128</v>
      </c>
      <c r="AB2454">
        <v>132</v>
      </c>
      <c r="AC2454">
        <v>135</v>
      </c>
      <c r="AD2454">
        <v>138</v>
      </c>
      <c r="AE2454">
        <v>141</v>
      </c>
      <c r="AF2454">
        <v>145</v>
      </c>
      <c r="AG2454">
        <v>148</v>
      </c>
      <c r="AH2454">
        <v>151</v>
      </c>
      <c r="AI2454">
        <v>155</v>
      </c>
      <c r="AJ2454">
        <v>159</v>
      </c>
      <c r="AK2454">
        <v>162</v>
      </c>
      <c r="AL2454">
        <v>165</v>
      </c>
      <c r="AM2454">
        <v>167</v>
      </c>
      <c r="AN2454">
        <v>169</v>
      </c>
      <c r="AO2454">
        <v>171</v>
      </c>
      <c r="AP2454">
        <v>173</v>
      </c>
      <c r="AQ2454">
        <v>176</v>
      </c>
    </row>
    <row r="2455" spans="1:43">
      <c r="A2455" t="s">
        <v>1576</v>
      </c>
      <c r="B2455" t="s">
        <v>1577</v>
      </c>
      <c r="C2455" t="s">
        <v>1232</v>
      </c>
      <c r="D2455" t="s">
        <v>1233</v>
      </c>
      <c r="E2455" t="s">
        <v>1192</v>
      </c>
      <c r="F2455" t="s">
        <v>1193</v>
      </c>
      <c r="G2455" t="s">
        <v>80</v>
      </c>
      <c r="H2455" t="s">
        <v>81</v>
      </c>
      <c r="I2455" s="2">
        <v>0</v>
      </c>
      <c r="J2455" s="2">
        <v>1</v>
      </c>
      <c r="K2455" s="2">
        <v>0</v>
      </c>
      <c r="L2455" t="s">
        <v>82</v>
      </c>
      <c r="M2455" t="s">
        <v>87</v>
      </c>
      <c r="N2455" t="s">
        <v>88</v>
      </c>
      <c r="O2455" t="s">
        <v>85</v>
      </c>
      <c r="P2455" t="s">
        <v>86</v>
      </c>
      <c r="Q2455">
        <v>99</v>
      </c>
      <c r="R2455">
        <v>101</v>
      </c>
      <c r="S2455">
        <v>103</v>
      </c>
      <c r="T2455">
        <v>105</v>
      </c>
      <c r="U2455">
        <v>106</v>
      </c>
      <c r="V2455">
        <v>108</v>
      </c>
      <c r="W2455">
        <v>110</v>
      </c>
      <c r="X2455">
        <v>112</v>
      </c>
      <c r="Y2455">
        <v>114</v>
      </c>
      <c r="Z2455">
        <v>116</v>
      </c>
      <c r="AA2455">
        <v>118</v>
      </c>
      <c r="AB2455">
        <v>120</v>
      </c>
      <c r="AC2455">
        <v>122</v>
      </c>
      <c r="AD2455">
        <v>124</v>
      </c>
      <c r="AE2455">
        <v>126</v>
      </c>
      <c r="AF2455">
        <v>128</v>
      </c>
      <c r="AG2455">
        <v>130</v>
      </c>
      <c r="AH2455">
        <v>132</v>
      </c>
      <c r="AI2455">
        <v>135</v>
      </c>
      <c r="AJ2455">
        <v>137</v>
      </c>
      <c r="AK2455">
        <v>139</v>
      </c>
      <c r="AL2455">
        <v>141</v>
      </c>
      <c r="AM2455">
        <v>144</v>
      </c>
      <c r="AN2455">
        <v>146</v>
      </c>
      <c r="AO2455">
        <v>148</v>
      </c>
      <c r="AP2455">
        <v>151</v>
      </c>
      <c r="AQ2455">
        <v>153</v>
      </c>
    </row>
    <row r="2456" spans="1:43">
      <c r="A2456" t="s">
        <v>1576</v>
      </c>
      <c r="B2456" t="s">
        <v>1577</v>
      </c>
      <c r="C2456" t="s">
        <v>1232</v>
      </c>
      <c r="D2456" t="s">
        <v>1233</v>
      </c>
      <c r="E2456" t="s">
        <v>1192</v>
      </c>
      <c r="F2456" t="s">
        <v>1193</v>
      </c>
      <c r="G2456" t="s">
        <v>80</v>
      </c>
      <c r="H2456" t="s">
        <v>81</v>
      </c>
      <c r="I2456" s="2">
        <v>0</v>
      </c>
      <c r="J2456" s="2">
        <v>1</v>
      </c>
      <c r="K2456" s="2">
        <v>0</v>
      </c>
      <c r="L2456" t="s">
        <v>82</v>
      </c>
      <c r="M2456" t="s">
        <v>89</v>
      </c>
      <c r="N2456" t="s">
        <v>90</v>
      </c>
      <c r="O2456" t="s">
        <v>85</v>
      </c>
      <c r="P2456" t="s">
        <v>86</v>
      </c>
      <c r="Q2456">
        <v>99</v>
      </c>
      <c r="R2456">
        <v>103</v>
      </c>
      <c r="S2456">
        <v>106</v>
      </c>
      <c r="T2456">
        <v>110</v>
      </c>
      <c r="U2456">
        <v>114</v>
      </c>
      <c r="V2456">
        <v>117</v>
      </c>
      <c r="W2456">
        <v>121</v>
      </c>
      <c r="X2456">
        <v>125</v>
      </c>
      <c r="Y2456">
        <v>128</v>
      </c>
      <c r="Z2456">
        <v>132</v>
      </c>
      <c r="AA2456">
        <v>136</v>
      </c>
      <c r="AB2456">
        <v>139</v>
      </c>
      <c r="AC2456">
        <v>143</v>
      </c>
      <c r="AD2456">
        <v>147</v>
      </c>
      <c r="AE2456">
        <v>151</v>
      </c>
      <c r="AF2456">
        <v>153</v>
      </c>
      <c r="AG2456">
        <v>155</v>
      </c>
      <c r="AH2456">
        <v>157</v>
      </c>
      <c r="AI2456">
        <v>159</v>
      </c>
      <c r="AJ2456">
        <v>161</v>
      </c>
      <c r="AK2456">
        <v>163</v>
      </c>
      <c r="AL2456">
        <v>165</v>
      </c>
      <c r="AM2456">
        <v>167</v>
      </c>
      <c r="AN2456">
        <v>169</v>
      </c>
      <c r="AO2456">
        <v>171</v>
      </c>
      <c r="AP2456">
        <v>174</v>
      </c>
      <c r="AQ2456">
        <v>176</v>
      </c>
    </row>
    <row r="2457" spans="1:43">
      <c r="A2457" t="s">
        <v>1576</v>
      </c>
      <c r="B2457" t="s">
        <v>1577</v>
      </c>
      <c r="C2457" t="s">
        <v>1232</v>
      </c>
      <c r="D2457" t="s">
        <v>1233</v>
      </c>
      <c r="E2457" t="s">
        <v>1192</v>
      </c>
      <c r="F2457" t="s">
        <v>1193</v>
      </c>
      <c r="G2457" t="s">
        <v>80</v>
      </c>
      <c r="H2457" t="s">
        <v>81</v>
      </c>
      <c r="I2457" s="2">
        <v>0</v>
      </c>
      <c r="J2457" s="2">
        <v>1</v>
      </c>
      <c r="K2457" s="2">
        <v>0</v>
      </c>
      <c r="L2457" t="s">
        <v>82</v>
      </c>
      <c r="M2457" t="s">
        <v>83</v>
      </c>
      <c r="N2457" t="s">
        <v>91</v>
      </c>
      <c r="O2457" t="s">
        <v>85</v>
      </c>
      <c r="P2457" t="s">
        <v>86</v>
      </c>
      <c r="Q2457">
        <v>99</v>
      </c>
      <c r="R2457">
        <v>102</v>
      </c>
      <c r="S2457">
        <v>105</v>
      </c>
      <c r="T2457">
        <v>107</v>
      </c>
      <c r="U2457">
        <v>110</v>
      </c>
      <c r="V2457">
        <v>113</v>
      </c>
      <c r="W2457">
        <v>116</v>
      </c>
      <c r="X2457">
        <v>119</v>
      </c>
      <c r="Y2457">
        <v>122</v>
      </c>
      <c r="Z2457">
        <v>125</v>
      </c>
      <c r="AA2457">
        <v>128</v>
      </c>
      <c r="AB2457">
        <v>132</v>
      </c>
      <c r="AC2457">
        <v>135</v>
      </c>
      <c r="AD2457">
        <v>138</v>
      </c>
      <c r="AE2457">
        <v>141</v>
      </c>
      <c r="AF2457">
        <v>145</v>
      </c>
      <c r="AG2457">
        <v>148</v>
      </c>
      <c r="AH2457">
        <v>151</v>
      </c>
      <c r="AI2457">
        <v>155</v>
      </c>
      <c r="AJ2457">
        <v>159</v>
      </c>
      <c r="AK2457">
        <v>162</v>
      </c>
      <c r="AL2457">
        <v>165</v>
      </c>
      <c r="AM2457">
        <v>167</v>
      </c>
      <c r="AN2457">
        <v>169</v>
      </c>
      <c r="AO2457">
        <v>171</v>
      </c>
      <c r="AP2457">
        <v>173</v>
      </c>
      <c r="AQ2457">
        <v>176</v>
      </c>
    </row>
    <row r="2458" spans="1:43">
      <c r="A2458" t="s">
        <v>1578</v>
      </c>
      <c r="B2458" t="s">
        <v>1579</v>
      </c>
      <c r="C2458" t="s">
        <v>1568</v>
      </c>
      <c r="D2458" t="s">
        <v>1569</v>
      </c>
      <c r="E2458" t="s">
        <v>1192</v>
      </c>
      <c r="F2458" t="s">
        <v>1193</v>
      </c>
      <c r="G2458" t="s">
        <v>80</v>
      </c>
      <c r="H2458" t="s">
        <v>81</v>
      </c>
      <c r="I2458" s="2">
        <v>0</v>
      </c>
      <c r="J2458" s="2">
        <v>1</v>
      </c>
      <c r="K2458" s="2">
        <v>0</v>
      </c>
      <c r="L2458" t="s">
        <v>82</v>
      </c>
      <c r="M2458" t="s">
        <v>83</v>
      </c>
      <c r="N2458" t="s">
        <v>84</v>
      </c>
      <c r="O2458" t="s">
        <v>85</v>
      </c>
      <c r="P2458" t="s">
        <v>86</v>
      </c>
      <c r="Q2458">
        <v>50</v>
      </c>
      <c r="R2458">
        <v>52</v>
      </c>
      <c r="S2458">
        <v>53</v>
      </c>
      <c r="T2458">
        <v>54</v>
      </c>
      <c r="U2458">
        <v>56</v>
      </c>
      <c r="V2458">
        <v>57</v>
      </c>
      <c r="W2458">
        <v>59</v>
      </c>
      <c r="X2458">
        <v>60</v>
      </c>
      <c r="Y2458">
        <v>62</v>
      </c>
      <c r="Z2458">
        <v>63</v>
      </c>
      <c r="AA2458">
        <v>65</v>
      </c>
      <c r="AB2458">
        <v>67</v>
      </c>
      <c r="AC2458">
        <v>68</v>
      </c>
      <c r="AD2458">
        <v>70</v>
      </c>
      <c r="AE2458">
        <v>72</v>
      </c>
      <c r="AF2458">
        <v>73</v>
      </c>
      <c r="AG2458">
        <v>75</v>
      </c>
      <c r="AH2458">
        <v>77</v>
      </c>
      <c r="AI2458">
        <v>79</v>
      </c>
      <c r="AJ2458">
        <v>80</v>
      </c>
      <c r="AK2458">
        <v>82</v>
      </c>
      <c r="AL2458">
        <v>84</v>
      </c>
      <c r="AM2458">
        <v>85</v>
      </c>
      <c r="AN2458">
        <v>86</v>
      </c>
      <c r="AO2458">
        <v>87</v>
      </c>
      <c r="AP2458">
        <v>88</v>
      </c>
      <c r="AQ2458">
        <v>89</v>
      </c>
    </row>
    <row r="2459" spans="1:43">
      <c r="A2459" t="s">
        <v>1578</v>
      </c>
      <c r="B2459" t="s">
        <v>1579</v>
      </c>
      <c r="C2459" t="s">
        <v>1568</v>
      </c>
      <c r="D2459" t="s">
        <v>1569</v>
      </c>
      <c r="E2459" t="s">
        <v>1192</v>
      </c>
      <c r="F2459" t="s">
        <v>1193</v>
      </c>
      <c r="G2459" t="s">
        <v>80</v>
      </c>
      <c r="H2459" t="s">
        <v>81</v>
      </c>
      <c r="I2459" s="2">
        <v>0</v>
      </c>
      <c r="J2459" s="2">
        <v>1</v>
      </c>
      <c r="K2459" s="2">
        <v>0</v>
      </c>
      <c r="L2459" t="s">
        <v>82</v>
      </c>
      <c r="M2459" t="s">
        <v>87</v>
      </c>
      <c r="N2459" t="s">
        <v>88</v>
      </c>
      <c r="O2459" t="s">
        <v>85</v>
      </c>
      <c r="P2459" t="s">
        <v>86</v>
      </c>
      <c r="Q2459">
        <v>50</v>
      </c>
      <c r="R2459">
        <v>51</v>
      </c>
      <c r="S2459">
        <v>52</v>
      </c>
      <c r="T2459">
        <v>52</v>
      </c>
      <c r="U2459">
        <v>53</v>
      </c>
      <c r="V2459">
        <v>54</v>
      </c>
      <c r="W2459">
        <v>55</v>
      </c>
      <c r="X2459">
        <v>56</v>
      </c>
      <c r="Y2459">
        <v>57</v>
      </c>
      <c r="Z2459">
        <v>58</v>
      </c>
      <c r="AA2459">
        <v>59</v>
      </c>
      <c r="AB2459">
        <v>60</v>
      </c>
      <c r="AC2459">
        <v>61</v>
      </c>
      <c r="AD2459">
        <v>62</v>
      </c>
      <c r="AE2459">
        <v>63</v>
      </c>
      <c r="AF2459">
        <v>64</v>
      </c>
      <c r="AG2459">
        <v>66</v>
      </c>
      <c r="AH2459">
        <v>67</v>
      </c>
      <c r="AI2459">
        <v>68</v>
      </c>
      <c r="AJ2459">
        <v>69</v>
      </c>
      <c r="AK2459">
        <v>70</v>
      </c>
      <c r="AL2459">
        <v>71</v>
      </c>
      <c r="AM2459">
        <v>72</v>
      </c>
      <c r="AN2459">
        <v>74</v>
      </c>
      <c r="AO2459">
        <v>75</v>
      </c>
      <c r="AP2459">
        <v>76</v>
      </c>
      <c r="AQ2459">
        <v>77</v>
      </c>
    </row>
    <row r="2460" spans="1:43">
      <c r="A2460" t="s">
        <v>1578</v>
      </c>
      <c r="B2460" t="s">
        <v>1579</v>
      </c>
      <c r="C2460" t="s">
        <v>1568</v>
      </c>
      <c r="D2460" t="s">
        <v>1569</v>
      </c>
      <c r="E2460" t="s">
        <v>1192</v>
      </c>
      <c r="F2460" t="s">
        <v>1193</v>
      </c>
      <c r="G2460" t="s">
        <v>80</v>
      </c>
      <c r="H2460" t="s">
        <v>81</v>
      </c>
      <c r="I2460" s="2">
        <v>0</v>
      </c>
      <c r="J2460" s="2">
        <v>1</v>
      </c>
      <c r="K2460" s="2">
        <v>0</v>
      </c>
      <c r="L2460" t="s">
        <v>82</v>
      </c>
      <c r="M2460" t="s">
        <v>89</v>
      </c>
      <c r="N2460" t="s">
        <v>90</v>
      </c>
      <c r="O2460" t="s">
        <v>85</v>
      </c>
      <c r="P2460" t="s">
        <v>86</v>
      </c>
      <c r="Q2460">
        <v>50</v>
      </c>
      <c r="R2460">
        <v>51</v>
      </c>
      <c r="S2460">
        <v>53</v>
      </c>
      <c r="T2460">
        <v>55</v>
      </c>
      <c r="U2460">
        <v>57</v>
      </c>
      <c r="V2460">
        <v>59</v>
      </c>
      <c r="W2460">
        <v>61</v>
      </c>
      <c r="X2460">
        <v>63</v>
      </c>
      <c r="Y2460">
        <v>65</v>
      </c>
      <c r="Z2460">
        <v>66</v>
      </c>
      <c r="AA2460">
        <v>68</v>
      </c>
      <c r="AB2460">
        <v>70</v>
      </c>
      <c r="AC2460">
        <v>72</v>
      </c>
      <c r="AD2460">
        <v>74</v>
      </c>
      <c r="AE2460">
        <v>76</v>
      </c>
      <c r="AF2460">
        <v>77</v>
      </c>
      <c r="AG2460">
        <v>78</v>
      </c>
      <c r="AH2460">
        <v>79</v>
      </c>
      <c r="AI2460">
        <v>80</v>
      </c>
      <c r="AJ2460">
        <v>81</v>
      </c>
      <c r="AK2460">
        <v>82</v>
      </c>
      <c r="AL2460">
        <v>83</v>
      </c>
      <c r="AM2460">
        <v>84</v>
      </c>
      <c r="AN2460">
        <v>85</v>
      </c>
      <c r="AO2460">
        <v>87</v>
      </c>
      <c r="AP2460">
        <v>88</v>
      </c>
      <c r="AQ2460">
        <v>89</v>
      </c>
    </row>
    <row r="2461" spans="1:43">
      <c r="A2461" t="s">
        <v>1578</v>
      </c>
      <c r="B2461" t="s">
        <v>1579</v>
      </c>
      <c r="C2461" t="s">
        <v>1568</v>
      </c>
      <c r="D2461" t="s">
        <v>1569</v>
      </c>
      <c r="E2461" t="s">
        <v>1192</v>
      </c>
      <c r="F2461" t="s">
        <v>1193</v>
      </c>
      <c r="G2461" t="s">
        <v>80</v>
      </c>
      <c r="H2461" t="s">
        <v>81</v>
      </c>
      <c r="I2461" s="2">
        <v>0</v>
      </c>
      <c r="J2461" s="2">
        <v>1</v>
      </c>
      <c r="K2461" s="2">
        <v>0</v>
      </c>
      <c r="L2461" t="s">
        <v>82</v>
      </c>
      <c r="M2461" t="s">
        <v>83</v>
      </c>
      <c r="N2461" t="s">
        <v>91</v>
      </c>
      <c r="O2461" t="s">
        <v>85</v>
      </c>
      <c r="P2461" t="s">
        <v>86</v>
      </c>
      <c r="Q2461">
        <v>50</v>
      </c>
      <c r="R2461">
        <v>52</v>
      </c>
      <c r="S2461">
        <v>53</v>
      </c>
      <c r="T2461">
        <v>54</v>
      </c>
      <c r="U2461">
        <v>56</v>
      </c>
      <c r="V2461">
        <v>57</v>
      </c>
      <c r="W2461">
        <v>59</v>
      </c>
      <c r="X2461">
        <v>60</v>
      </c>
      <c r="Y2461">
        <v>62</v>
      </c>
      <c r="Z2461">
        <v>63</v>
      </c>
      <c r="AA2461">
        <v>65</v>
      </c>
      <c r="AB2461">
        <v>67</v>
      </c>
      <c r="AC2461">
        <v>68</v>
      </c>
      <c r="AD2461">
        <v>70</v>
      </c>
      <c r="AE2461">
        <v>72</v>
      </c>
      <c r="AF2461">
        <v>73</v>
      </c>
      <c r="AG2461">
        <v>75</v>
      </c>
      <c r="AH2461">
        <v>77</v>
      </c>
      <c r="AI2461">
        <v>79</v>
      </c>
      <c r="AJ2461">
        <v>80</v>
      </c>
      <c r="AK2461">
        <v>82</v>
      </c>
      <c r="AL2461">
        <v>84</v>
      </c>
      <c r="AM2461">
        <v>85</v>
      </c>
      <c r="AN2461">
        <v>86</v>
      </c>
      <c r="AO2461">
        <v>87</v>
      </c>
      <c r="AP2461">
        <v>88</v>
      </c>
      <c r="AQ2461">
        <v>89</v>
      </c>
    </row>
    <row r="2462" spans="1:43">
      <c r="A2462" t="s">
        <v>1580</v>
      </c>
      <c r="B2462" t="s">
        <v>1581</v>
      </c>
      <c r="C2462" t="s">
        <v>1232</v>
      </c>
      <c r="D2462" t="s">
        <v>1233</v>
      </c>
      <c r="E2462" t="s">
        <v>1192</v>
      </c>
      <c r="F2462" t="s">
        <v>1193</v>
      </c>
      <c r="G2462" t="s">
        <v>80</v>
      </c>
      <c r="H2462" t="s">
        <v>81</v>
      </c>
      <c r="I2462" s="2">
        <v>0</v>
      </c>
      <c r="J2462" s="2">
        <v>1</v>
      </c>
      <c r="K2462" s="2">
        <v>0</v>
      </c>
      <c r="L2462" t="s">
        <v>82</v>
      </c>
      <c r="M2462" t="s">
        <v>83</v>
      </c>
      <c r="N2462" t="s">
        <v>84</v>
      </c>
      <c r="O2462" t="s">
        <v>85</v>
      </c>
      <c r="P2462" t="s">
        <v>86</v>
      </c>
      <c r="Q2462">
        <v>49</v>
      </c>
      <c r="R2462">
        <v>51</v>
      </c>
      <c r="S2462">
        <v>52</v>
      </c>
      <c r="T2462">
        <v>53</v>
      </c>
      <c r="U2462">
        <v>55</v>
      </c>
      <c r="V2462">
        <v>56</v>
      </c>
      <c r="W2462">
        <v>58</v>
      </c>
      <c r="X2462">
        <v>59</v>
      </c>
      <c r="Y2462">
        <v>61</v>
      </c>
      <c r="Z2462">
        <v>62</v>
      </c>
      <c r="AA2462">
        <v>64</v>
      </c>
      <c r="AB2462">
        <v>65</v>
      </c>
      <c r="AC2462">
        <v>67</v>
      </c>
      <c r="AD2462">
        <v>69</v>
      </c>
      <c r="AE2462">
        <v>70</v>
      </c>
      <c r="AF2462">
        <v>72</v>
      </c>
      <c r="AG2462">
        <v>74</v>
      </c>
      <c r="AH2462">
        <v>75</v>
      </c>
      <c r="AI2462">
        <v>77</v>
      </c>
      <c r="AJ2462">
        <v>79</v>
      </c>
      <c r="AK2462">
        <v>81</v>
      </c>
      <c r="AL2462">
        <v>82</v>
      </c>
      <c r="AM2462">
        <v>83</v>
      </c>
      <c r="AN2462">
        <v>84</v>
      </c>
      <c r="AO2462">
        <v>85</v>
      </c>
      <c r="AP2462">
        <v>87</v>
      </c>
      <c r="AQ2462">
        <v>88</v>
      </c>
    </row>
    <row r="2463" spans="1:43">
      <c r="A2463" t="s">
        <v>1580</v>
      </c>
      <c r="B2463" t="s">
        <v>1581</v>
      </c>
      <c r="C2463" t="s">
        <v>1232</v>
      </c>
      <c r="D2463" t="s">
        <v>1233</v>
      </c>
      <c r="E2463" t="s">
        <v>1192</v>
      </c>
      <c r="F2463" t="s">
        <v>1193</v>
      </c>
      <c r="G2463" t="s">
        <v>80</v>
      </c>
      <c r="H2463" t="s">
        <v>81</v>
      </c>
      <c r="I2463" s="2">
        <v>0</v>
      </c>
      <c r="J2463" s="2">
        <v>1</v>
      </c>
      <c r="K2463" s="2">
        <v>0</v>
      </c>
      <c r="L2463" t="s">
        <v>82</v>
      </c>
      <c r="M2463" t="s">
        <v>87</v>
      </c>
      <c r="N2463" t="s">
        <v>88</v>
      </c>
      <c r="O2463" t="s">
        <v>85</v>
      </c>
      <c r="P2463" t="s">
        <v>86</v>
      </c>
      <c r="Q2463">
        <v>49</v>
      </c>
      <c r="R2463">
        <v>50</v>
      </c>
      <c r="S2463">
        <v>51</v>
      </c>
      <c r="T2463">
        <v>52</v>
      </c>
      <c r="U2463">
        <v>52</v>
      </c>
      <c r="V2463">
        <v>53</v>
      </c>
      <c r="W2463">
        <v>54</v>
      </c>
      <c r="X2463">
        <v>55</v>
      </c>
      <c r="Y2463">
        <v>56</v>
      </c>
      <c r="Z2463">
        <v>57</v>
      </c>
      <c r="AA2463">
        <v>58</v>
      </c>
      <c r="AB2463">
        <v>59</v>
      </c>
      <c r="AC2463">
        <v>60</v>
      </c>
      <c r="AD2463">
        <v>61</v>
      </c>
      <c r="AE2463">
        <v>62</v>
      </c>
      <c r="AF2463">
        <v>63</v>
      </c>
      <c r="AG2463">
        <v>64</v>
      </c>
      <c r="AH2463">
        <v>65</v>
      </c>
      <c r="AI2463">
        <v>67</v>
      </c>
      <c r="AJ2463">
        <v>68</v>
      </c>
      <c r="AK2463">
        <v>69</v>
      </c>
      <c r="AL2463">
        <v>70</v>
      </c>
      <c r="AM2463">
        <v>71</v>
      </c>
      <c r="AN2463">
        <v>72</v>
      </c>
      <c r="AO2463">
        <v>73</v>
      </c>
      <c r="AP2463">
        <v>75</v>
      </c>
      <c r="AQ2463">
        <v>76</v>
      </c>
    </row>
    <row r="2464" spans="1:43">
      <c r="A2464" t="s">
        <v>1580</v>
      </c>
      <c r="B2464" t="s">
        <v>1581</v>
      </c>
      <c r="C2464" t="s">
        <v>1232</v>
      </c>
      <c r="D2464" t="s">
        <v>1233</v>
      </c>
      <c r="E2464" t="s">
        <v>1192</v>
      </c>
      <c r="F2464" t="s">
        <v>1193</v>
      </c>
      <c r="G2464" t="s">
        <v>80</v>
      </c>
      <c r="H2464" t="s">
        <v>81</v>
      </c>
      <c r="I2464" s="2">
        <v>0</v>
      </c>
      <c r="J2464" s="2">
        <v>1</v>
      </c>
      <c r="K2464" s="2">
        <v>0</v>
      </c>
      <c r="L2464" t="s">
        <v>82</v>
      </c>
      <c r="M2464" t="s">
        <v>89</v>
      </c>
      <c r="N2464" t="s">
        <v>90</v>
      </c>
      <c r="O2464" t="s">
        <v>85</v>
      </c>
      <c r="P2464" t="s">
        <v>86</v>
      </c>
      <c r="Q2464">
        <v>49</v>
      </c>
      <c r="R2464">
        <v>51</v>
      </c>
      <c r="S2464">
        <v>52</v>
      </c>
      <c r="T2464">
        <v>54</v>
      </c>
      <c r="U2464">
        <v>56</v>
      </c>
      <c r="V2464">
        <v>58</v>
      </c>
      <c r="W2464">
        <v>60</v>
      </c>
      <c r="X2464">
        <v>62</v>
      </c>
      <c r="Y2464">
        <v>63</v>
      </c>
      <c r="Z2464">
        <v>65</v>
      </c>
      <c r="AA2464">
        <v>67</v>
      </c>
      <c r="AB2464">
        <v>69</v>
      </c>
      <c r="AC2464">
        <v>71</v>
      </c>
      <c r="AD2464">
        <v>73</v>
      </c>
      <c r="AE2464">
        <v>74</v>
      </c>
      <c r="AF2464">
        <v>76</v>
      </c>
      <c r="AG2464">
        <v>77</v>
      </c>
      <c r="AH2464">
        <v>78</v>
      </c>
      <c r="AI2464">
        <v>79</v>
      </c>
      <c r="AJ2464">
        <v>80</v>
      </c>
      <c r="AK2464">
        <v>81</v>
      </c>
      <c r="AL2464">
        <v>82</v>
      </c>
      <c r="AM2464">
        <v>83</v>
      </c>
      <c r="AN2464">
        <v>84</v>
      </c>
      <c r="AO2464">
        <v>85</v>
      </c>
      <c r="AP2464">
        <v>86</v>
      </c>
      <c r="AQ2464">
        <v>87</v>
      </c>
    </row>
    <row r="2465" spans="1:43">
      <c r="A2465" t="s">
        <v>1580</v>
      </c>
      <c r="B2465" t="s">
        <v>1581</v>
      </c>
      <c r="C2465" t="s">
        <v>1232</v>
      </c>
      <c r="D2465" t="s">
        <v>1233</v>
      </c>
      <c r="E2465" t="s">
        <v>1192</v>
      </c>
      <c r="F2465" t="s">
        <v>1193</v>
      </c>
      <c r="G2465" t="s">
        <v>80</v>
      </c>
      <c r="H2465" t="s">
        <v>81</v>
      </c>
      <c r="I2465" s="2">
        <v>0</v>
      </c>
      <c r="J2465" s="2">
        <v>1</v>
      </c>
      <c r="K2465" s="2">
        <v>0</v>
      </c>
      <c r="L2465" t="s">
        <v>82</v>
      </c>
      <c r="M2465" t="s">
        <v>83</v>
      </c>
      <c r="N2465" t="s">
        <v>91</v>
      </c>
      <c r="O2465" t="s">
        <v>85</v>
      </c>
      <c r="P2465" t="s">
        <v>86</v>
      </c>
      <c r="Q2465">
        <v>49</v>
      </c>
      <c r="R2465">
        <v>51</v>
      </c>
      <c r="S2465">
        <v>52</v>
      </c>
      <c r="T2465">
        <v>53</v>
      </c>
      <c r="U2465">
        <v>55</v>
      </c>
      <c r="V2465">
        <v>56</v>
      </c>
      <c r="W2465">
        <v>58</v>
      </c>
      <c r="X2465">
        <v>59</v>
      </c>
      <c r="Y2465">
        <v>61</v>
      </c>
      <c r="Z2465">
        <v>62</v>
      </c>
      <c r="AA2465">
        <v>64</v>
      </c>
      <c r="AB2465">
        <v>65</v>
      </c>
      <c r="AC2465">
        <v>67</v>
      </c>
      <c r="AD2465">
        <v>69</v>
      </c>
      <c r="AE2465">
        <v>70</v>
      </c>
      <c r="AF2465">
        <v>72</v>
      </c>
      <c r="AG2465">
        <v>74</v>
      </c>
      <c r="AH2465">
        <v>75</v>
      </c>
      <c r="AI2465">
        <v>77</v>
      </c>
      <c r="AJ2465">
        <v>79</v>
      </c>
      <c r="AK2465">
        <v>81</v>
      </c>
      <c r="AL2465">
        <v>82</v>
      </c>
      <c r="AM2465">
        <v>83</v>
      </c>
      <c r="AN2465">
        <v>84</v>
      </c>
      <c r="AO2465">
        <v>85</v>
      </c>
      <c r="AP2465">
        <v>87</v>
      </c>
      <c r="AQ2465">
        <v>88</v>
      </c>
    </row>
    <row r="2466" spans="1:43">
      <c r="A2466" t="s">
        <v>1582</v>
      </c>
      <c r="B2466" t="s">
        <v>1583</v>
      </c>
      <c r="C2466" t="s">
        <v>1584</v>
      </c>
      <c r="D2466" t="s">
        <v>1585</v>
      </c>
      <c r="E2466" t="s">
        <v>1586</v>
      </c>
      <c r="F2466" t="s">
        <v>1587</v>
      </c>
      <c r="G2466" t="s">
        <v>80</v>
      </c>
      <c r="H2466" t="s">
        <v>81</v>
      </c>
      <c r="I2466" s="2">
        <v>0</v>
      </c>
      <c r="J2466" s="2">
        <v>1</v>
      </c>
      <c r="K2466" s="2">
        <v>0</v>
      </c>
      <c r="L2466" t="s">
        <v>82</v>
      </c>
      <c r="M2466" t="s">
        <v>83</v>
      </c>
      <c r="N2466" t="s">
        <v>84</v>
      </c>
      <c r="O2466" t="s">
        <v>85</v>
      </c>
      <c r="P2466" t="s">
        <v>86</v>
      </c>
      <c r="Q2466">
        <v>20</v>
      </c>
      <c r="R2466">
        <v>20</v>
      </c>
      <c r="S2466">
        <v>20</v>
      </c>
      <c r="T2466">
        <v>20</v>
      </c>
      <c r="U2466">
        <v>20</v>
      </c>
      <c r="V2466">
        <v>20</v>
      </c>
      <c r="W2466">
        <v>20</v>
      </c>
      <c r="X2466">
        <v>20</v>
      </c>
      <c r="Y2466">
        <v>20</v>
      </c>
      <c r="Z2466">
        <v>20</v>
      </c>
      <c r="AA2466">
        <v>20</v>
      </c>
      <c r="AB2466">
        <v>20</v>
      </c>
      <c r="AC2466">
        <v>20</v>
      </c>
      <c r="AD2466">
        <v>20</v>
      </c>
      <c r="AE2466">
        <v>20</v>
      </c>
      <c r="AF2466">
        <v>20</v>
      </c>
      <c r="AG2466">
        <v>20</v>
      </c>
      <c r="AH2466">
        <v>20</v>
      </c>
      <c r="AI2466">
        <v>20</v>
      </c>
      <c r="AJ2466">
        <v>21</v>
      </c>
      <c r="AK2466">
        <v>21</v>
      </c>
      <c r="AL2466">
        <v>20</v>
      </c>
      <c r="AM2466">
        <v>20</v>
      </c>
      <c r="AN2466">
        <v>20</v>
      </c>
      <c r="AO2466">
        <v>20</v>
      </c>
      <c r="AP2466">
        <v>20</v>
      </c>
      <c r="AQ2466">
        <v>20</v>
      </c>
    </row>
    <row r="2467" spans="1:43">
      <c r="A2467" t="s">
        <v>1582</v>
      </c>
      <c r="B2467" t="s">
        <v>1583</v>
      </c>
      <c r="C2467" t="s">
        <v>1584</v>
      </c>
      <c r="D2467" t="s">
        <v>1585</v>
      </c>
      <c r="E2467" t="s">
        <v>1586</v>
      </c>
      <c r="F2467" t="s">
        <v>1587</v>
      </c>
      <c r="G2467" t="s">
        <v>80</v>
      </c>
      <c r="H2467" t="s">
        <v>81</v>
      </c>
      <c r="I2467" s="2">
        <v>0</v>
      </c>
      <c r="J2467" s="2">
        <v>1</v>
      </c>
      <c r="K2467" s="2">
        <v>0</v>
      </c>
      <c r="L2467" t="s">
        <v>82</v>
      </c>
      <c r="M2467" t="s">
        <v>87</v>
      </c>
      <c r="N2467" t="s">
        <v>88</v>
      </c>
      <c r="O2467" t="s">
        <v>85</v>
      </c>
      <c r="P2467" t="s">
        <v>86</v>
      </c>
      <c r="Q2467">
        <v>20</v>
      </c>
      <c r="R2467">
        <v>20</v>
      </c>
      <c r="S2467">
        <v>20</v>
      </c>
      <c r="T2467">
        <v>20</v>
      </c>
      <c r="U2467">
        <v>20</v>
      </c>
      <c r="V2467">
        <v>20</v>
      </c>
      <c r="W2467">
        <v>20</v>
      </c>
      <c r="X2467">
        <v>20</v>
      </c>
      <c r="Y2467">
        <v>20</v>
      </c>
      <c r="Z2467">
        <v>20</v>
      </c>
      <c r="AA2467">
        <v>19</v>
      </c>
      <c r="AB2467">
        <v>19</v>
      </c>
      <c r="AC2467">
        <v>19</v>
      </c>
      <c r="AD2467">
        <v>19</v>
      </c>
      <c r="AE2467">
        <v>19</v>
      </c>
      <c r="AF2467">
        <v>19</v>
      </c>
      <c r="AG2467">
        <v>19</v>
      </c>
      <c r="AH2467">
        <v>19</v>
      </c>
      <c r="AI2467">
        <v>19</v>
      </c>
      <c r="AJ2467">
        <v>19</v>
      </c>
      <c r="AK2467">
        <v>19</v>
      </c>
      <c r="AL2467">
        <v>19</v>
      </c>
      <c r="AM2467">
        <v>18</v>
      </c>
      <c r="AN2467">
        <v>18</v>
      </c>
      <c r="AO2467">
        <v>18</v>
      </c>
      <c r="AP2467">
        <v>18</v>
      </c>
      <c r="AQ2467">
        <v>18</v>
      </c>
    </row>
    <row r="2468" spans="1:43">
      <c r="A2468" t="s">
        <v>1582</v>
      </c>
      <c r="B2468" t="s">
        <v>1583</v>
      </c>
      <c r="C2468" t="s">
        <v>1584</v>
      </c>
      <c r="D2468" t="s">
        <v>1585</v>
      </c>
      <c r="E2468" t="s">
        <v>1586</v>
      </c>
      <c r="F2468" t="s">
        <v>1587</v>
      </c>
      <c r="G2468" t="s">
        <v>80</v>
      </c>
      <c r="H2468" t="s">
        <v>81</v>
      </c>
      <c r="I2468" s="2">
        <v>0</v>
      </c>
      <c r="J2468" s="2">
        <v>1</v>
      </c>
      <c r="K2468" s="2">
        <v>0</v>
      </c>
      <c r="L2468" t="s">
        <v>82</v>
      </c>
      <c r="M2468" t="s">
        <v>89</v>
      </c>
      <c r="N2468" t="s">
        <v>90</v>
      </c>
      <c r="O2468" t="s">
        <v>85</v>
      </c>
      <c r="P2468" t="s">
        <v>86</v>
      </c>
      <c r="Q2468">
        <v>20</v>
      </c>
      <c r="R2468">
        <v>20</v>
      </c>
      <c r="S2468">
        <v>20</v>
      </c>
      <c r="T2468">
        <v>20</v>
      </c>
      <c r="U2468">
        <v>21</v>
      </c>
      <c r="V2468">
        <v>21</v>
      </c>
      <c r="W2468">
        <v>21</v>
      </c>
      <c r="X2468">
        <v>21</v>
      </c>
      <c r="Y2468">
        <v>21</v>
      </c>
      <c r="Z2468">
        <v>21</v>
      </c>
      <c r="AA2468">
        <v>22</v>
      </c>
      <c r="AB2468">
        <v>22</v>
      </c>
      <c r="AC2468">
        <v>22</v>
      </c>
      <c r="AD2468">
        <v>22</v>
      </c>
      <c r="AE2468">
        <v>22</v>
      </c>
      <c r="AF2468">
        <v>22</v>
      </c>
      <c r="AG2468">
        <v>21</v>
      </c>
      <c r="AH2468">
        <v>21</v>
      </c>
      <c r="AI2468">
        <v>21</v>
      </c>
      <c r="AJ2468">
        <v>21</v>
      </c>
      <c r="AK2468">
        <v>21</v>
      </c>
      <c r="AL2468">
        <v>21</v>
      </c>
      <c r="AM2468">
        <v>20</v>
      </c>
      <c r="AN2468">
        <v>20</v>
      </c>
      <c r="AO2468">
        <v>20</v>
      </c>
      <c r="AP2468">
        <v>20</v>
      </c>
      <c r="AQ2468">
        <v>20</v>
      </c>
    </row>
    <row r="2469" spans="1:43">
      <c r="A2469" t="s">
        <v>1582</v>
      </c>
      <c r="B2469" t="s">
        <v>1583</v>
      </c>
      <c r="C2469" t="s">
        <v>1584</v>
      </c>
      <c r="D2469" t="s">
        <v>1585</v>
      </c>
      <c r="E2469" t="s">
        <v>1586</v>
      </c>
      <c r="F2469" t="s">
        <v>1587</v>
      </c>
      <c r="G2469" t="s">
        <v>80</v>
      </c>
      <c r="H2469" t="s">
        <v>81</v>
      </c>
      <c r="I2469" s="2">
        <v>0</v>
      </c>
      <c r="J2469" s="2">
        <v>1</v>
      </c>
      <c r="K2469" s="2">
        <v>0</v>
      </c>
      <c r="L2469" t="s">
        <v>82</v>
      </c>
      <c r="M2469" t="s">
        <v>83</v>
      </c>
      <c r="N2469" t="s">
        <v>91</v>
      </c>
      <c r="O2469" t="s">
        <v>85</v>
      </c>
      <c r="P2469" t="s">
        <v>86</v>
      </c>
      <c r="Q2469">
        <v>20</v>
      </c>
      <c r="R2469">
        <v>20</v>
      </c>
      <c r="S2469">
        <v>20</v>
      </c>
      <c r="T2469">
        <v>20</v>
      </c>
      <c r="U2469">
        <v>20</v>
      </c>
      <c r="V2469">
        <v>20</v>
      </c>
      <c r="W2469">
        <v>20</v>
      </c>
      <c r="X2469">
        <v>20</v>
      </c>
      <c r="Y2469">
        <v>20</v>
      </c>
      <c r="Z2469">
        <v>20</v>
      </c>
      <c r="AA2469">
        <v>20</v>
      </c>
      <c r="AB2469">
        <v>20</v>
      </c>
      <c r="AC2469">
        <v>20</v>
      </c>
      <c r="AD2469">
        <v>20</v>
      </c>
      <c r="AE2469">
        <v>20</v>
      </c>
      <c r="AF2469">
        <v>20</v>
      </c>
      <c r="AG2469">
        <v>20</v>
      </c>
      <c r="AH2469">
        <v>20</v>
      </c>
      <c r="AI2469">
        <v>20</v>
      </c>
      <c r="AJ2469">
        <v>21</v>
      </c>
      <c r="AK2469">
        <v>21</v>
      </c>
      <c r="AL2469">
        <v>20</v>
      </c>
      <c r="AM2469">
        <v>20</v>
      </c>
      <c r="AN2469">
        <v>20</v>
      </c>
      <c r="AO2469">
        <v>20</v>
      </c>
      <c r="AP2469">
        <v>20</v>
      </c>
      <c r="AQ2469">
        <v>20</v>
      </c>
    </row>
    <row r="2470" spans="1:43">
      <c r="A2470" t="s">
        <v>1588</v>
      </c>
      <c r="B2470" t="s">
        <v>1589</v>
      </c>
      <c r="C2470" t="s">
        <v>1590</v>
      </c>
      <c r="D2470" t="s">
        <v>1591</v>
      </c>
      <c r="E2470" t="s">
        <v>1586</v>
      </c>
      <c r="F2470" t="s">
        <v>1587</v>
      </c>
      <c r="G2470" t="s">
        <v>80</v>
      </c>
      <c r="H2470" t="s">
        <v>81</v>
      </c>
      <c r="I2470" s="2">
        <v>0</v>
      </c>
      <c r="J2470" s="2">
        <v>1</v>
      </c>
      <c r="K2470" s="2">
        <v>0</v>
      </c>
      <c r="L2470" t="s">
        <v>82</v>
      </c>
      <c r="M2470" t="s">
        <v>83</v>
      </c>
      <c r="N2470" t="s">
        <v>84</v>
      </c>
      <c r="O2470" t="s">
        <v>85</v>
      </c>
      <c r="P2470" t="s">
        <v>86</v>
      </c>
      <c r="Q2470">
        <v>48</v>
      </c>
      <c r="R2470">
        <v>48</v>
      </c>
      <c r="S2470">
        <v>48</v>
      </c>
      <c r="T2470">
        <v>49</v>
      </c>
      <c r="U2470">
        <v>49</v>
      </c>
      <c r="V2470">
        <v>49</v>
      </c>
      <c r="W2470">
        <v>49</v>
      </c>
      <c r="X2470">
        <v>49</v>
      </c>
      <c r="Y2470">
        <v>49</v>
      </c>
      <c r="Z2470">
        <v>50</v>
      </c>
      <c r="AA2470">
        <v>50</v>
      </c>
      <c r="AB2470">
        <v>50</v>
      </c>
      <c r="AC2470">
        <v>50</v>
      </c>
      <c r="AD2470">
        <v>50</v>
      </c>
      <c r="AE2470">
        <v>50</v>
      </c>
      <c r="AF2470">
        <v>50</v>
      </c>
      <c r="AG2470">
        <v>50</v>
      </c>
      <c r="AH2470">
        <v>50</v>
      </c>
      <c r="AI2470">
        <v>50</v>
      </c>
      <c r="AJ2470">
        <v>50</v>
      </c>
      <c r="AK2470">
        <v>50</v>
      </c>
      <c r="AL2470">
        <v>50</v>
      </c>
      <c r="AM2470">
        <v>50</v>
      </c>
      <c r="AN2470">
        <v>49</v>
      </c>
      <c r="AO2470">
        <v>49</v>
      </c>
      <c r="AP2470">
        <v>48</v>
      </c>
      <c r="AQ2470">
        <v>48</v>
      </c>
    </row>
    <row r="2471" spans="1:43">
      <c r="A2471" t="s">
        <v>1588</v>
      </c>
      <c r="B2471" t="s">
        <v>1589</v>
      </c>
      <c r="C2471" t="s">
        <v>1590</v>
      </c>
      <c r="D2471" t="s">
        <v>1591</v>
      </c>
      <c r="E2471" t="s">
        <v>1586</v>
      </c>
      <c r="F2471" t="s">
        <v>1587</v>
      </c>
      <c r="G2471" t="s">
        <v>80</v>
      </c>
      <c r="H2471" t="s">
        <v>81</v>
      </c>
      <c r="I2471" s="2">
        <v>0</v>
      </c>
      <c r="J2471" s="2">
        <v>1</v>
      </c>
      <c r="K2471" s="2">
        <v>0</v>
      </c>
      <c r="L2471" t="s">
        <v>82</v>
      </c>
      <c r="M2471" t="s">
        <v>87</v>
      </c>
      <c r="N2471" t="s">
        <v>88</v>
      </c>
      <c r="O2471" t="s">
        <v>85</v>
      </c>
      <c r="P2471" t="s">
        <v>86</v>
      </c>
      <c r="Q2471">
        <v>48</v>
      </c>
      <c r="R2471">
        <v>47</v>
      </c>
      <c r="S2471">
        <v>47</v>
      </c>
      <c r="T2471">
        <v>47</v>
      </c>
      <c r="U2471">
        <v>47</v>
      </c>
      <c r="V2471">
        <v>46</v>
      </c>
      <c r="W2471">
        <v>46</v>
      </c>
      <c r="X2471">
        <v>46</v>
      </c>
      <c r="Y2471">
        <v>46</v>
      </c>
      <c r="Z2471">
        <v>46</v>
      </c>
      <c r="AA2471">
        <v>45</v>
      </c>
      <c r="AB2471">
        <v>45</v>
      </c>
      <c r="AC2471">
        <v>45</v>
      </c>
      <c r="AD2471">
        <v>45</v>
      </c>
      <c r="AE2471">
        <v>44</v>
      </c>
      <c r="AF2471">
        <v>44</v>
      </c>
      <c r="AG2471">
        <v>44</v>
      </c>
      <c r="AH2471">
        <v>44</v>
      </c>
      <c r="AI2471">
        <v>44</v>
      </c>
      <c r="AJ2471">
        <v>43</v>
      </c>
      <c r="AK2471">
        <v>43</v>
      </c>
      <c r="AL2471">
        <v>43</v>
      </c>
      <c r="AM2471">
        <v>43</v>
      </c>
      <c r="AN2471">
        <v>43</v>
      </c>
      <c r="AO2471">
        <v>42</v>
      </c>
      <c r="AP2471">
        <v>42</v>
      </c>
      <c r="AQ2471">
        <v>42</v>
      </c>
    </row>
    <row r="2472" spans="1:43">
      <c r="A2472" t="s">
        <v>1588</v>
      </c>
      <c r="B2472" t="s">
        <v>1589</v>
      </c>
      <c r="C2472" t="s">
        <v>1590</v>
      </c>
      <c r="D2472" t="s">
        <v>1591</v>
      </c>
      <c r="E2472" t="s">
        <v>1586</v>
      </c>
      <c r="F2472" t="s">
        <v>1587</v>
      </c>
      <c r="G2472" t="s">
        <v>80</v>
      </c>
      <c r="H2472" t="s">
        <v>81</v>
      </c>
      <c r="I2472" s="2">
        <v>0</v>
      </c>
      <c r="J2472" s="2">
        <v>1</v>
      </c>
      <c r="K2472" s="2">
        <v>0</v>
      </c>
      <c r="L2472" t="s">
        <v>82</v>
      </c>
      <c r="M2472" t="s">
        <v>89</v>
      </c>
      <c r="N2472" t="s">
        <v>90</v>
      </c>
      <c r="O2472" t="s">
        <v>85</v>
      </c>
      <c r="P2472" t="s">
        <v>86</v>
      </c>
      <c r="Q2472">
        <v>48</v>
      </c>
      <c r="R2472">
        <v>48</v>
      </c>
      <c r="S2472">
        <v>49</v>
      </c>
      <c r="T2472">
        <v>49</v>
      </c>
      <c r="U2472">
        <v>50</v>
      </c>
      <c r="V2472">
        <v>50</v>
      </c>
      <c r="W2472">
        <v>51</v>
      </c>
      <c r="X2472">
        <v>51</v>
      </c>
      <c r="Y2472">
        <v>51</v>
      </c>
      <c r="Z2472">
        <v>52</v>
      </c>
      <c r="AA2472">
        <v>52</v>
      </c>
      <c r="AB2472">
        <v>52</v>
      </c>
      <c r="AC2472">
        <v>52</v>
      </c>
      <c r="AD2472">
        <v>53</v>
      </c>
      <c r="AE2472">
        <v>52</v>
      </c>
      <c r="AF2472">
        <v>52</v>
      </c>
      <c r="AG2472">
        <v>52</v>
      </c>
      <c r="AH2472">
        <v>51</v>
      </c>
      <c r="AI2472">
        <v>51</v>
      </c>
      <c r="AJ2472">
        <v>50</v>
      </c>
      <c r="AK2472">
        <v>50</v>
      </c>
      <c r="AL2472">
        <v>49</v>
      </c>
      <c r="AM2472">
        <v>49</v>
      </c>
      <c r="AN2472">
        <v>48</v>
      </c>
      <c r="AO2472">
        <v>48</v>
      </c>
      <c r="AP2472">
        <v>48</v>
      </c>
      <c r="AQ2472">
        <v>47</v>
      </c>
    </row>
    <row r="2473" spans="1:43">
      <c r="A2473" t="s">
        <v>1588</v>
      </c>
      <c r="B2473" t="s">
        <v>1589</v>
      </c>
      <c r="C2473" t="s">
        <v>1590</v>
      </c>
      <c r="D2473" t="s">
        <v>1591</v>
      </c>
      <c r="E2473" t="s">
        <v>1586</v>
      </c>
      <c r="F2473" t="s">
        <v>1587</v>
      </c>
      <c r="G2473" t="s">
        <v>80</v>
      </c>
      <c r="H2473" t="s">
        <v>81</v>
      </c>
      <c r="I2473" s="2">
        <v>0</v>
      </c>
      <c r="J2473" s="2">
        <v>1</v>
      </c>
      <c r="K2473" s="2">
        <v>0</v>
      </c>
      <c r="L2473" t="s">
        <v>82</v>
      </c>
      <c r="M2473" t="s">
        <v>83</v>
      </c>
      <c r="N2473" t="s">
        <v>91</v>
      </c>
      <c r="O2473" t="s">
        <v>85</v>
      </c>
      <c r="P2473" t="s">
        <v>86</v>
      </c>
      <c r="Q2473">
        <v>48</v>
      </c>
      <c r="R2473">
        <v>48</v>
      </c>
      <c r="S2473">
        <v>48</v>
      </c>
      <c r="T2473">
        <v>49</v>
      </c>
      <c r="U2473">
        <v>49</v>
      </c>
      <c r="V2473">
        <v>49</v>
      </c>
      <c r="W2473">
        <v>49</v>
      </c>
      <c r="X2473">
        <v>49</v>
      </c>
      <c r="Y2473">
        <v>49</v>
      </c>
      <c r="Z2473">
        <v>50</v>
      </c>
      <c r="AA2473">
        <v>50</v>
      </c>
      <c r="AB2473">
        <v>50</v>
      </c>
      <c r="AC2473">
        <v>50</v>
      </c>
      <c r="AD2473">
        <v>50</v>
      </c>
      <c r="AE2473">
        <v>50</v>
      </c>
      <c r="AF2473">
        <v>50</v>
      </c>
      <c r="AG2473">
        <v>50</v>
      </c>
      <c r="AH2473">
        <v>50</v>
      </c>
      <c r="AI2473">
        <v>50</v>
      </c>
      <c r="AJ2473">
        <v>50</v>
      </c>
      <c r="AK2473">
        <v>50</v>
      </c>
      <c r="AL2473">
        <v>50</v>
      </c>
      <c r="AM2473">
        <v>50</v>
      </c>
      <c r="AN2473">
        <v>49</v>
      </c>
      <c r="AO2473">
        <v>49</v>
      </c>
      <c r="AP2473">
        <v>48</v>
      </c>
      <c r="AQ2473">
        <v>48</v>
      </c>
    </row>
    <row r="2474" spans="1:43">
      <c r="A2474" t="s">
        <v>1592</v>
      </c>
      <c r="B2474" t="s">
        <v>1593</v>
      </c>
      <c r="C2474" t="s">
        <v>1590</v>
      </c>
      <c r="D2474" t="s">
        <v>1591</v>
      </c>
      <c r="E2474" t="s">
        <v>1586</v>
      </c>
      <c r="F2474" t="s">
        <v>1587</v>
      </c>
      <c r="G2474" t="s">
        <v>80</v>
      </c>
      <c r="H2474" t="s">
        <v>81</v>
      </c>
      <c r="I2474" s="2">
        <v>0</v>
      </c>
      <c r="J2474" s="2">
        <v>1</v>
      </c>
      <c r="K2474" s="2">
        <v>0</v>
      </c>
      <c r="L2474" t="s">
        <v>82</v>
      </c>
      <c r="M2474" t="s">
        <v>83</v>
      </c>
      <c r="N2474" t="s">
        <v>84</v>
      </c>
      <c r="O2474" t="s">
        <v>85</v>
      </c>
      <c r="P2474" t="s">
        <v>86</v>
      </c>
      <c r="Q2474">
        <v>35</v>
      </c>
      <c r="R2474">
        <v>35</v>
      </c>
      <c r="S2474">
        <v>36</v>
      </c>
      <c r="T2474">
        <v>36</v>
      </c>
      <c r="U2474">
        <v>36</v>
      </c>
      <c r="V2474">
        <v>36</v>
      </c>
      <c r="W2474">
        <v>36</v>
      </c>
      <c r="X2474">
        <v>36</v>
      </c>
      <c r="Y2474">
        <v>36</v>
      </c>
      <c r="Z2474">
        <v>37</v>
      </c>
      <c r="AA2474">
        <v>37</v>
      </c>
      <c r="AB2474">
        <v>37</v>
      </c>
      <c r="AC2474">
        <v>37</v>
      </c>
      <c r="AD2474">
        <v>37</v>
      </c>
      <c r="AE2474">
        <v>37</v>
      </c>
      <c r="AF2474">
        <v>37</v>
      </c>
      <c r="AG2474">
        <v>37</v>
      </c>
      <c r="AH2474">
        <v>37</v>
      </c>
      <c r="AI2474">
        <v>37</v>
      </c>
      <c r="AJ2474">
        <v>37</v>
      </c>
      <c r="AK2474">
        <v>37</v>
      </c>
      <c r="AL2474">
        <v>37</v>
      </c>
      <c r="AM2474">
        <v>37</v>
      </c>
      <c r="AN2474">
        <v>36</v>
      </c>
      <c r="AO2474">
        <v>36</v>
      </c>
      <c r="AP2474">
        <v>36</v>
      </c>
      <c r="AQ2474">
        <v>35</v>
      </c>
    </row>
    <row r="2475" spans="1:43">
      <c r="A2475" t="s">
        <v>1592</v>
      </c>
      <c r="B2475" t="s">
        <v>1593</v>
      </c>
      <c r="C2475" t="s">
        <v>1590</v>
      </c>
      <c r="D2475" t="s">
        <v>1591</v>
      </c>
      <c r="E2475" t="s">
        <v>1586</v>
      </c>
      <c r="F2475" t="s">
        <v>1587</v>
      </c>
      <c r="G2475" t="s">
        <v>80</v>
      </c>
      <c r="H2475" t="s">
        <v>81</v>
      </c>
      <c r="I2475" s="2">
        <v>0</v>
      </c>
      <c r="J2475" s="2">
        <v>1</v>
      </c>
      <c r="K2475" s="2">
        <v>0</v>
      </c>
      <c r="L2475" t="s">
        <v>82</v>
      </c>
      <c r="M2475" t="s">
        <v>87</v>
      </c>
      <c r="N2475" t="s">
        <v>88</v>
      </c>
      <c r="O2475" t="s">
        <v>85</v>
      </c>
      <c r="P2475" t="s">
        <v>86</v>
      </c>
      <c r="Q2475">
        <v>35</v>
      </c>
      <c r="R2475">
        <v>35</v>
      </c>
      <c r="S2475">
        <v>35</v>
      </c>
      <c r="T2475">
        <v>34</v>
      </c>
      <c r="U2475">
        <v>34</v>
      </c>
      <c r="V2475">
        <v>34</v>
      </c>
      <c r="W2475">
        <v>34</v>
      </c>
      <c r="X2475">
        <v>34</v>
      </c>
      <c r="Y2475">
        <v>34</v>
      </c>
      <c r="Z2475">
        <v>33</v>
      </c>
      <c r="AA2475">
        <v>33</v>
      </c>
      <c r="AB2475">
        <v>33</v>
      </c>
      <c r="AC2475">
        <v>33</v>
      </c>
      <c r="AD2475">
        <v>33</v>
      </c>
      <c r="AE2475">
        <v>33</v>
      </c>
      <c r="AF2475">
        <v>33</v>
      </c>
      <c r="AG2475">
        <v>32</v>
      </c>
      <c r="AH2475">
        <v>32</v>
      </c>
      <c r="AI2475">
        <v>32</v>
      </c>
      <c r="AJ2475">
        <v>32</v>
      </c>
      <c r="AK2475">
        <v>32</v>
      </c>
      <c r="AL2475">
        <v>32</v>
      </c>
      <c r="AM2475">
        <v>32</v>
      </c>
      <c r="AN2475">
        <v>32</v>
      </c>
      <c r="AO2475">
        <v>31</v>
      </c>
      <c r="AP2475">
        <v>31</v>
      </c>
      <c r="AQ2475">
        <v>31</v>
      </c>
    </row>
    <row r="2476" spans="1:43">
      <c r="A2476" t="s">
        <v>1592</v>
      </c>
      <c r="B2476" t="s">
        <v>1593</v>
      </c>
      <c r="C2476" t="s">
        <v>1590</v>
      </c>
      <c r="D2476" t="s">
        <v>1591</v>
      </c>
      <c r="E2476" t="s">
        <v>1586</v>
      </c>
      <c r="F2476" t="s">
        <v>1587</v>
      </c>
      <c r="G2476" t="s">
        <v>80</v>
      </c>
      <c r="H2476" t="s">
        <v>81</v>
      </c>
      <c r="I2476" s="2">
        <v>0</v>
      </c>
      <c r="J2476" s="2">
        <v>1</v>
      </c>
      <c r="K2476" s="2">
        <v>0</v>
      </c>
      <c r="L2476" t="s">
        <v>82</v>
      </c>
      <c r="M2476" t="s">
        <v>89</v>
      </c>
      <c r="N2476" t="s">
        <v>90</v>
      </c>
      <c r="O2476" t="s">
        <v>85</v>
      </c>
      <c r="P2476" t="s">
        <v>86</v>
      </c>
      <c r="Q2476">
        <v>35</v>
      </c>
      <c r="R2476">
        <v>35</v>
      </c>
      <c r="S2476">
        <v>35</v>
      </c>
      <c r="T2476">
        <v>36</v>
      </c>
      <c r="U2476">
        <v>36</v>
      </c>
      <c r="V2476">
        <v>37</v>
      </c>
      <c r="W2476">
        <v>37</v>
      </c>
      <c r="X2476">
        <v>37</v>
      </c>
      <c r="Y2476">
        <v>37</v>
      </c>
      <c r="Z2476">
        <v>38</v>
      </c>
      <c r="AA2476">
        <v>38</v>
      </c>
      <c r="AB2476">
        <v>38</v>
      </c>
      <c r="AC2476">
        <v>38</v>
      </c>
      <c r="AD2476">
        <v>38</v>
      </c>
      <c r="AE2476">
        <v>38</v>
      </c>
      <c r="AF2476">
        <v>38</v>
      </c>
      <c r="AG2476">
        <v>38</v>
      </c>
      <c r="AH2476">
        <v>37</v>
      </c>
      <c r="AI2476">
        <v>37</v>
      </c>
      <c r="AJ2476">
        <v>37</v>
      </c>
      <c r="AK2476">
        <v>36</v>
      </c>
      <c r="AL2476">
        <v>36</v>
      </c>
      <c r="AM2476">
        <v>36</v>
      </c>
      <c r="AN2476">
        <v>35</v>
      </c>
      <c r="AO2476">
        <v>35</v>
      </c>
      <c r="AP2476">
        <v>35</v>
      </c>
      <c r="AQ2476">
        <v>35</v>
      </c>
    </row>
    <row r="2477" spans="1:43">
      <c r="A2477" t="s">
        <v>1592</v>
      </c>
      <c r="B2477" t="s">
        <v>1593</v>
      </c>
      <c r="C2477" t="s">
        <v>1590</v>
      </c>
      <c r="D2477" t="s">
        <v>1591</v>
      </c>
      <c r="E2477" t="s">
        <v>1586</v>
      </c>
      <c r="F2477" t="s">
        <v>1587</v>
      </c>
      <c r="G2477" t="s">
        <v>80</v>
      </c>
      <c r="H2477" t="s">
        <v>81</v>
      </c>
      <c r="I2477" s="2">
        <v>0</v>
      </c>
      <c r="J2477" s="2">
        <v>1</v>
      </c>
      <c r="K2477" s="2">
        <v>0</v>
      </c>
      <c r="L2477" t="s">
        <v>82</v>
      </c>
      <c r="M2477" t="s">
        <v>83</v>
      </c>
      <c r="N2477" t="s">
        <v>91</v>
      </c>
      <c r="O2477" t="s">
        <v>85</v>
      </c>
      <c r="P2477" t="s">
        <v>86</v>
      </c>
      <c r="Q2477">
        <v>35</v>
      </c>
      <c r="R2477">
        <v>35</v>
      </c>
      <c r="S2477">
        <v>36</v>
      </c>
      <c r="T2477">
        <v>36</v>
      </c>
      <c r="U2477">
        <v>36</v>
      </c>
      <c r="V2477">
        <v>36</v>
      </c>
      <c r="W2477">
        <v>36</v>
      </c>
      <c r="X2477">
        <v>36</v>
      </c>
      <c r="Y2477">
        <v>36</v>
      </c>
      <c r="Z2477">
        <v>37</v>
      </c>
      <c r="AA2477">
        <v>37</v>
      </c>
      <c r="AB2477">
        <v>37</v>
      </c>
      <c r="AC2477">
        <v>37</v>
      </c>
      <c r="AD2477">
        <v>37</v>
      </c>
      <c r="AE2477">
        <v>37</v>
      </c>
      <c r="AF2477">
        <v>37</v>
      </c>
      <c r="AG2477">
        <v>37</v>
      </c>
      <c r="AH2477">
        <v>37</v>
      </c>
      <c r="AI2477">
        <v>37</v>
      </c>
      <c r="AJ2477">
        <v>37</v>
      </c>
      <c r="AK2477">
        <v>37</v>
      </c>
      <c r="AL2477">
        <v>37</v>
      </c>
      <c r="AM2477">
        <v>37</v>
      </c>
      <c r="AN2477">
        <v>36</v>
      </c>
      <c r="AO2477">
        <v>36</v>
      </c>
      <c r="AP2477">
        <v>36</v>
      </c>
      <c r="AQ2477">
        <v>35</v>
      </c>
    </row>
    <row r="2478" spans="1:43">
      <c r="A2478" t="s">
        <v>1594</v>
      </c>
      <c r="B2478" t="s">
        <v>1595</v>
      </c>
      <c r="C2478" t="s">
        <v>1590</v>
      </c>
      <c r="D2478" t="s">
        <v>1591</v>
      </c>
      <c r="E2478" t="s">
        <v>1586</v>
      </c>
      <c r="F2478" t="s">
        <v>1587</v>
      </c>
      <c r="G2478" t="s">
        <v>80</v>
      </c>
      <c r="H2478" t="s">
        <v>81</v>
      </c>
      <c r="I2478" s="2">
        <v>0</v>
      </c>
      <c r="J2478" s="2">
        <v>1</v>
      </c>
      <c r="K2478" s="2">
        <v>0</v>
      </c>
      <c r="L2478" t="s">
        <v>82</v>
      </c>
      <c r="M2478" t="s">
        <v>83</v>
      </c>
      <c r="N2478" t="s">
        <v>84</v>
      </c>
      <c r="O2478" t="s">
        <v>85</v>
      </c>
      <c r="P2478" t="s">
        <v>86</v>
      </c>
      <c r="Q2478">
        <v>38</v>
      </c>
      <c r="R2478">
        <v>38</v>
      </c>
      <c r="S2478">
        <v>38</v>
      </c>
      <c r="T2478">
        <v>38</v>
      </c>
      <c r="U2478">
        <v>39</v>
      </c>
      <c r="V2478">
        <v>39</v>
      </c>
      <c r="W2478">
        <v>39</v>
      </c>
      <c r="X2478">
        <v>39</v>
      </c>
      <c r="Y2478">
        <v>39</v>
      </c>
      <c r="Z2478">
        <v>39</v>
      </c>
      <c r="AA2478">
        <v>39</v>
      </c>
      <c r="AB2478">
        <v>40</v>
      </c>
      <c r="AC2478">
        <v>40</v>
      </c>
      <c r="AD2478">
        <v>40</v>
      </c>
      <c r="AE2478">
        <v>40</v>
      </c>
      <c r="AF2478">
        <v>40</v>
      </c>
      <c r="AG2478">
        <v>40</v>
      </c>
      <c r="AH2478">
        <v>40</v>
      </c>
      <c r="AI2478">
        <v>40</v>
      </c>
      <c r="AJ2478">
        <v>40</v>
      </c>
      <c r="AK2478">
        <v>40</v>
      </c>
      <c r="AL2478">
        <v>40</v>
      </c>
      <c r="AM2478">
        <v>39</v>
      </c>
      <c r="AN2478">
        <v>39</v>
      </c>
      <c r="AO2478">
        <v>39</v>
      </c>
      <c r="AP2478">
        <v>38</v>
      </c>
      <c r="AQ2478">
        <v>38</v>
      </c>
    </row>
    <row r="2479" spans="1:43">
      <c r="A2479" t="s">
        <v>1594</v>
      </c>
      <c r="B2479" t="s">
        <v>1595</v>
      </c>
      <c r="C2479" t="s">
        <v>1590</v>
      </c>
      <c r="D2479" t="s">
        <v>1591</v>
      </c>
      <c r="E2479" t="s">
        <v>1586</v>
      </c>
      <c r="F2479" t="s">
        <v>1587</v>
      </c>
      <c r="G2479" t="s">
        <v>80</v>
      </c>
      <c r="H2479" t="s">
        <v>81</v>
      </c>
      <c r="I2479" s="2">
        <v>0</v>
      </c>
      <c r="J2479" s="2">
        <v>1</v>
      </c>
      <c r="K2479" s="2">
        <v>0</v>
      </c>
      <c r="L2479" t="s">
        <v>82</v>
      </c>
      <c r="M2479" t="s">
        <v>87</v>
      </c>
      <c r="N2479" t="s">
        <v>88</v>
      </c>
      <c r="O2479" t="s">
        <v>85</v>
      </c>
      <c r="P2479" t="s">
        <v>86</v>
      </c>
      <c r="Q2479">
        <v>38</v>
      </c>
      <c r="R2479">
        <v>37</v>
      </c>
      <c r="S2479">
        <v>37</v>
      </c>
      <c r="T2479">
        <v>37</v>
      </c>
      <c r="U2479">
        <v>37</v>
      </c>
      <c r="V2479">
        <v>37</v>
      </c>
      <c r="W2479">
        <v>37</v>
      </c>
      <c r="X2479">
        <v>36</v>
      </c>
      <c r="Y2479">
        <v>36</v>
      </c>
      <c r="Z2479">
        <v>36</v>
      </c>
      <c r="AA2479">
        <v>36</v>
      </c>
      <c r="AB2479">
        <v>36</v>
      </c>
      <c r="AC2479">
        <v>36</v>
      </c>
      <c r="AD2479">
        <v>35</v>
      </c>
      <c r="AE2479">
        <v>35</v>
      </c>
      <c r="AF2479">
        <v>35</v>
      </c>
      <c r="AG2479">
        <v>35</v>
      </c>
      <c r="AH2479">
        <v>35</v>
      </c>
      <c r="AI2479">
        <v>35</v>
      </c>
      <c r="AJ2479">
        <v>35</v>
      </c>
      <c r="AK2479">
        <v>34</v>
      </c>
      <c r="AL2479">
        <v>34</v>
      </c>
      <c r="AM2479">
        <v>34</v>
      </c>
      <c r="AN2479">
        <v>34</v>
      </c>
      <c r="AO2479">
        <v>34</v>
      </c>
      <c r="AP2479">
        <v>34</v>
      </c>
      <c r="AQ2479">
        <v>34</v>
      </c>
    </row>
    <row r="2480" spans="1:43">
      <c r="A2480" t="s">
        <v>1594</v>
      </c>
      <c r="B2480" t="s">
        <v>1595</v>
      </c>
      <c r="C2480" t="s">
        <v>1590</v>
      </c>
      <c r="D2480" t="s">
        <v>1591</v>
      </c>
      <c r="E2480" t="s">
        <v>1586</v>
      </c>
      <c r="F2480" t="s">
        <v>1587</v>
      </c>
      <c r="G2480" t="s">
        <v>80</v>
      </c>
      <c r="H2480" t="s">
        <v>81</v>
      </c>
      <c r="I2480" s="2">
        <v>0</v>
      </c>
      <c r="J2480" s="2">
        <v>1</v>
      </c>
      <c r="K2480" s="2">
        <v>0</v>
      </c>
      <c r="L2480" t="s">
        <v>82</v>
      </c>
      <c r="M2480" t="s">
        <v>89</v>
      </c>
      <c r="N2480" t="s">
        <v>90</v>
      </c>
      <c r="O2480" t="s">
        <v>85</v>
      </c>
      <c r="P2480" t="s">
        <v>86</v>
      </c>
      <c r="Q2480">
        <v>38</v>
      </c>
      <c r="R2480">
        <v>39</v>
      </c>
      <c r="S2480">
        <v>39</v>
      </c>
      <c r="T2480">
        <v>40</v>
      </c>
      <c r="U2480">
        <v>40</v>
      </c>
      <c r="V2480">
        <v>40</v>
      </c>
      <c r="W2480">
        <v>41</v>
      </c>
      <c r="X2480">
        <v>41</v>
      </c>
      <c r="Y2480">
        <v>41</v>
      </c>
      <c r="Z2480">
        <v>42</v>
      </c>
      <c r="AA2480">
        <v>42</v>
      </c>
      <c r="AB2480">
        <v>42</v>
      </c>
      <c r="AC2480">
        <v>42</v>
      </c>
      <c r="AD2480">
        <v>42</v>
      </c>
      <c r="AE2480">
        <v>42</v>
      </c>
      <c r="AF2480">
        <v>42</v>
      </c>
      <c r="AG2480">
        <v>42</v>
      </c>
      <c r="AH2480">
        <v>41</v>
      </c>
      <c r="AI2480">
        <v>41</v>
      </c>
      <c r="AJ2480">
        <v>41</v>
      </c>
      <c r="AK2480">
        <v>40</v>
      </c>
      <c r="AL2480">
        <v>40</v>
      </c>
      <c r="AM2480">
        <v>40</v>
      </c>
      <c r="AN2480">
        <v>39</v>
      </c>
      <c r="AO2480">
        <v>39</v>
      </c>
      <c r="AP2480">
        <v>39</v>
      </c>
      <c r="AQ2480">
        <v>38</v>
      </c>
    </row>
    <row r="2481" spans="1:43">
      <c r="A2481" t="s">
        <v>1594</v>
      </c>
      <c r="B2481" t="s">
        <v>1595</v>
      </c>
      <c r="C2481" t="s">
        <v>1590</v>
      </c>
      <c r="D2481" t="s">
        <v>1591</v>
      </c>
      <c r="E2481" t="s">
        <v>1586</v>
      </c>
      <c r="F2481" t="s">
        <v>1587</v>
      </c>
      <c r="G2481" t="s">
        <v>80</v>
      </c>
      <c r="H2481" t="s">
        <v>81</v>
      </c>
      <c r="I2481" s="2">
        <v>0</v>
      </c>
      <c r="J2481" s="2">
        <v>1</v>
      </c>
      <c r="K2481" s="2">
        <v>0</v>
      </c>
      <c r="L2481" t="s">
        <v>82</v>
      </c>
      <c r="M2481" t="s">
        <v>83</v>
      </c>
      <c r="N2481" t="s">
        <v>91</v>
      </c>
      <c r="O2481" t="s">
        <v>85</v>
      </c>
      <c r="P2481" t="s">
        <v>86</v>
      </c>
      <c r="Q2481">
        <v>38</v>
      </c>
      <c r="R2481">
        <v>38</v>
      </c>
      <c r="S2481">
        <v>38</v>
      </c>
      <c r="T2481">
        <v>38</v>
      </c>
      <c r="U2481">
        <v>39</v>
      </c>
      <c r="V2481">
        <v>39</v>
      </c>
      <c r="W2481">
        <v>39</v>
      </c>
      <c r="X2481">
        <v>39</v>
      </c>
      <c r="Y2481">
        <v>39</v>
      </c>
      <c r="Z2481">
        <v>39</v>
      </c>
      <c r="AA2481">
        <v>39</v>
      </c>
      <c r="AB2481">
        <v>40</v>
      </c>
      <c r="AC2481">
        <v>40</v>
      </c>
      <c r="AD2481">
        <v>40</v>
      </c>
      <c r="AE2481">
        <v>40</v>
      </c>
      <c r="AF2481">
        <v>40</v>
      </c>
      <c r="AG2481">
        <v>40</v>
      </c>
      <c r="AH2481">
        <v>40</v>
      </c>
      <c r="AI2481">
        <v>40</v>
      </c>
      <c r="AJ2481">
        <v>40</v>
      </c>
      <c r="AK2481">
        <v>40</v>
      </c>
      <c r="AL2481">
        <v>40</v>
      </c>
      <c r="AM2481">
        <v>39</v>
      </c>
      <c r="AN2481">
        <v>39</v>
      </c>
      <c r="AO2481">
        <v>39</v>
      </c>
      <c r="AP2481">
        <v>38</v>
      </c>
      <c r="AQ2481">
        <v>38</v>
      </c>
    </row>
    <row r="2482" spans="1:43">
      <c r="A2482" t="s">
        <v>1596</v>
      </c>
      <c r="B2482" t="s">
        <v>1597</v>
      </c>
      <c r="C2482" t="s">
        <v>1584</v>
      </c>
      <c r="D2482" t="s">
        <v>1585</v>
      </c>
      <c r="E2482" t="s">
        <v>1586</v>
      </c>
      <c r="F2482" t="s">
        <v>1587</v>
      </c>
      <c r="G2482" t="s">
        <v>80</v>
      </c>
      <c r="H2482" t="s">
        <v>81</v>
      </c>
      <c r="I2482" s="2">
        <v>0</v>
      </c>
      <c r="J2482" s="2">
        <v>1</v>
      </c>
      <c r="K2482" s="2">
        <v>0</v>
      </c>
      <c r="L2482" t="s">
        <v>82</v>
      </c>
      <c r="M2482" t="s">
        <v>83</v>
      </c>
      <c r="N2482" t="s">
        <v>84</v>
      </c>
      <c r="O2482" t="s">
        <v>85</v>
      </c>
      <c r="P2482" t="s">
        <v>86</v>
      </c>
      <c r="Q2482">
        <v>34</v>
      </c>
      <c r="R2482">
        <v>34</v>
      </c>
      <c r="S2482">
        <v>34</v>
      </c>
      <c r="T2482">
        <v>34</v>
      </c>
      <c r="U2482">
        <v>34</v>
      </c>
      <c r="V2482">
        <v>35</v>
      </c>
      <c r="W2482">
        <v>35</v>
      </c>
      <c r="X2482">
        <v>35</v>
      </c>
      <c r="Y2482">
        <v>35</v>
      </c>
      <c r="Z2482">
        <v>35</v>
      </c>
      <c r="AA2482">
        <v>35</v>
      </c>
      <c r="AB2482">
        <v>35</v>
      </c>
      <c r="AC2482">
        <v>35</v>
      </c>
      <c r="AD2482">
        <v>35</v>
      </c>
      <c r="AE2482">
        <v>35</v>
      </c>
      <c r="AF2482">
        <v>35</v>
      </c>
      <c r="AG2482">
        <v>35</v>
      </c>
      <c r="AH2482">
        <v>36</v>
      </c>
      <c r="AI2482">
        <v>36</v>
      </c>
      <c r="AJ2482">
        <v>36</v>
      </c>
      <c r="AK2482">
        <v>36</v>
      </c>
      <c r="AL2482">
        <v>35</v>
      </c>
      <c r="AM2482">
        <v>35</v>
      </c>
      <c r="AN2482">
        <v>35</v>
      </c>
      <c r="AO2482">
        <v>35</v>
      </c>
      <c r="AP2482">
        <v>34</v>
      </c>
      <c r="AQ2482">
        <v>34</v>
      </c>
    </row>
    <row r="2483" spans="1:43">
      <c r="A2483" t="s">
        <v>1596</v>
      </c>
      <c r="B2483" t="s">
        <v>1597</v>
      </c>
      <c r="C2483" t="s">
        <v>1584</v>
      </c>
      <c r="D2483" t="s">
        <v>1585</v>
      </c>
      <c r="E2483" t="s">
        <v>1586</v>
      </c>
      <c r="F2483" t="s">
        <v>1587</v>
      </c>
      <c r="G2483" t="s">
        <v>80</v>
      </c>
      <c r="H2483" t="s">
        <v>81</v>
      </c>
      <c r="I2483" s="2">
        <v>0</v>
      </c>
      <c r="J2483" s="2">
        <v>1</v>
      </c>
      <c r="K2483" s="2">
        <v>0</v>
      </c>
      <c r="L2483" t="s">
        <v>82</v>
      </c>
      <c r="M2483" t="s">
        <v>87</v>
      </c>
      <c r="N2483" t="s">
        <v>88</v>
      </c>
      <c r="O2483" t="s">
        <v>85</v>
      </c>
      <c r="P2483" t="s">
        <v>86</v>
      </c>
      <c r="Q2483">
        <v>34</v>
      </c>
      <c r="R2483">
        <v>33</v>
      </c>
      <c r="S2483">
        <v>33</v>
      </c>
      <c r="T2483">
        <v>33</v>
      </c>
      <c r="U2483">
        <v>33</v>
      </c>
      <c r="V2483">
        <v>33</v>
      </c>
      <c r="W2483">
        <v>33</v>
      </c>
      <c r="X2483">
        <v>32</v>
      </c>
      <c r="Y2483">
        <v>32</v>
      </c>
      <c r="Z2483">
        <v>32</v>
      </c>
      <c r="AA2483">
        <v>32</v>
      </c>
      <c r="AB2483">
        <v>32</v>
      </c>
      <c r="AC2483">
        <v>32</v>
      </c>
      <c r="AD2483">
        <v>32</v>
      </c>
      <c r="AE2483">
        <v>31</v>
      </c>
      <c r="AF2483">
        <v>31</v>
      </c>
      <c r="AG2483">
        <v>31</v>
      </c>
      <c r="AH2483">
        <v>31</v>
      </c>
      <c r="AI2483">
        <v>31</v>
      </c>
      <c r="AJ2483">
        <v>31</v>
      </c>
      <c r="AK2483">
        <v>31</v>
      </c>
      <c r="AL2483">
        <v>31</v>
      </c>
      <c r="AM2483">
        <v>30</v>
      </c>
      <c r="AN2483">
        <v>30</v>
      </c>
      <c r="AO2483">
        <v>30</v>
      </c>
      <c r="AP2483">
        <v>30</v>
      </c>
      <c r="AQ2483">
        <v>30</v>
      </c>
    </row>
    <row r="2484" spans="1:43">
      <c r="A2484" t="s">
        <v>1596</v>
      </c>
      <c r="B2484" t="s">
        <v>1597</v>
      </c>
      <c r="C2484" t="s">
        <v>1584</v>
      </c>
      <c r="D2484" t="s">
        <v>1585</v>
      </c>
      <c r="E2484" t="s">
        <v>1586</v>
      </c>
      <c r="F2484" t="s">
        <v>1587</v>
      </c>
      <c r="G2484" t="s">
        <v>80</v>
      </c>
      <c r="H2484" t="s">
        <v>81</v>
      </c>
      <c r="I2484" s="2">
        <v>0</v>
      </c>
      <c r="J2484" s="2">
        <v>1</v>
      </c>
      <c r="K2484" s="2">
        <v>0</v>
      </c>
      <c r="L2484" t="s">
        <v>82</v>
      </c>
      <c r="M2484" t="s">
        <v>89</v>
      </c>
      <c r="N2484" t="s">
        <v>90</v>
      </c>
      <c r="O2484" t="s">
        <v>85</v>
      </c>
      <c r="P2484" t="s">
        <v>86</v>
      </c>
      <c r="Q2484">
        <v>34</v>
      </c>
      <c r="R2484">
        <v>35</v>
      </c>
      <c r="S2484">
        <v>35</v>
      </c>
      <c r="T2484">
        <v>35</v>
      </c>
      <c r="U2484">
        <v>36</v>
      </c>
      <c r="V2484">
        <v>36</v>
      </c>
      <c r="W2484">
        <v>36</v>
      </c>
      <c r="X2484">
        <v>37</v>
      </c>
      <c r="Y2484">
        <v>37</v>
      </c>
      <c r="Z2484">
        <v>37</v>
      </c>
      <c r="AA2484">
        <v>37</v>
      </c>
      <c r="AB2484">
        <v>37</v>
      </c>
      <c r="AC2484">
        <v>38</v>
      </c>
      <c r="AD2484">
        <v>38</v>
      </c>
      <c r="AE2484">
        <v>38</v>
      </c>
      <c r="AF2484">
        <v>37</v>
      </c>
      <c r="AG2484">
        <v>37</v>
      </c>
      <c r="AH2484">
        <v>37</v>
      </c>
      <c r="AI2484">
        <v>37</v>
      </c>
      <c r="AJ2484">
        <v>36</v>
      </c>
      <c r="AK2484">
        <v>36</v>
      </c>
      <c r="AL2484">
        <v>36</v>
      </c>
      <c r="AM2484">
        <v>35</v>
      </c>
      <c r="AN2484">
        <v>35</v>
      </c>
      <c r="AO2484">
        <v>35</v>
      </c>
      <c r="AP2484">
        <v>35</v>
      </c>
      <c r="AQ2484">
        <v>34</v>
      </c>
    </row>
    <row r="2485" spans="1:43">
      <c r="A2485" t="s">
        <v>1596</v>
      </c>
      <c r="B2485" t="s">
        <v>1597</v>
      </c>
      <c r="C2485" t="s">
        <v>1584</v>
      </c>
      <c r="D2485" t="s">
        <v>1585</v>
      </c>
      <c r="E2485" t="s">
        <v>1586</v>
      </c>
      <c r="F2485" t="s">
        <v>1587</v>
      </c>
      <c r="G2485" t="s">
        <v>80</v>
      </c>
      <c r="H2485" t="s">
        <v>81</v>
      </c>
      <c r="I2485" s="2">
        <v>0</v>
      </c>
      <c r="J2485" s="2">
        <v>1</v>
      </c>
      <c r="K2485" s="2">
        <v>0</v>
      </c>
      <c r="L2485" t="s">
        <v>82</v>
      </c>
      <c r="M2485" t="s">
        <v>83</v>
      </c>
      <c r="N2485" t="s">
        <v>91</v>
      </c>
      <c r="O2485" t="s">
        <v>85</v>
      </c>
      <c r="P2485" t="s">
        <v>86</v>
      </c>
      <c r="Q2485">
        <v>34</v>
      </c>
      <c r="R2485">
        <v>34</v>
      </c>
      <c r="S2485">
        <v>34</v>
      </c>
      <c r="T2485">
        <v>34</v>
      </c>
      <c r="U2485">
        <v>34</v>
      </c>
      <c r="V2485">
        <v>35</v>
      </c>
      <c r="W2485">
        <v>35</v>
      </c>
      <c r="X2485">
        <v>35</v>
      </c>
      <c r="Y2485">
        <v>35</v>
      </c>
      <c r="Z2485">
        <v>35</v>
      </c>
      <c r="AA2485">
        <v>35</v>
      </c>
      <c r="AB2485">
        <v>35</v>
      </c>
      <c r="AC2485">
        <v>35</v>
      </c>
      <c r="AD2485">
        <v>35</v>
      </c>
      <c r="AE2485">
        <v>35</v>
      </c>
      <c r="AF2485">
        <v>35</v>
      </c>
      <c r="AG2485">
        <v>35</v>
      </c>
      <c r="AH2485">
        <v>36</v>
      </c>
      <c r="AI2485">
        <v>36</v>
      </c>
      <c r="AJ2485">
        <v>36</v>
      </c>
      <c r="AK2485">
        <v>36</v>
      </c>
      <c r="AL2485">
        <v>35</v>
      </c>
      <c r="AM2485">
        <v>35</v>
      </c>
      <c r="AN2485">
        <v>35</v>
      </c>
      <c r="AO2485">
        <v>35</v>
      </c>
      <c r="AP2485">
        <v>34</v>
      </c>
      <c r="AQ2485">
        <v>34</v>
      </c>
    </row>
    <row r="2486" spans="1:43">
      <c r="A2486" t="s">
        <v>1598</v>
      </c>
      <c r="B2486" t="s">
        <v>1599</v>
      </c>
      <c r="C2486" t="s">
        <v>1600</v>
      </c>
      <c r="D2486" t="s">
        <v>1601</v>
      </c>
      <c r="E2486" t="s">
        <v>1586</v>
      </c>
      <c r="F2486" t="s">
        <v>1587</v>
      </c>
      <c r="G2486" t="s">
        <v>80</v>
      </c>
      <c r="H2486" t="s">
        <v>81</v>
      </c>
      <c r="I2486" s="2">
        <v>0</v>
      </c>
      <c r="J2486" s="2">
        <v>1</v>
      </c>
      <c r="K2486" s="2">
        <v>0</v>
      </c>
      <c r="L2486" t="s">
        <v>82</v>
      </c>
      <c r="M2486" t="s">
        <v>83</v>
      </c>
      <c r="N2486" t="s">
        <v>84</v>
      </c>
      <c r="O2486" t="s">
        <v>85</v>
      </c>
      <c r="P2486" t="s">
        <v>86</v>
      </c>
      <c r="Q2486">
        <v>9</v>
      </c>
      <c r="R2486">
        <v>9</v>
      </c>
      <c r="S2486">
        <v>10</v>
      </c>
      <c r="T2486">
        <v>10</v>
      </c>
      <c r="U2486">
        <v>10</v>
      </c>
      <c r="V2486">
        <v>10</v>
      </c>
      <c r="W2486">
        <v>10</v>
      </c>
      <c r="X2486">
        <v>10</v>
      </c>
      <c r="Y2486">
        <v>10</v>
      </c>
      <c r="Z2486">
        <v>10</v>
      </c>
      <c r="AA2486">
        <v>10</v>
      </c>
      <c r="AB2486">
        <v>10</v>
      </c>
      <c r="AC2486">
        <v>10</v>
      </c>
      <c r="AD2486">
        <v>10</v>
      </c>
      <c r="AE2486">
        <v>10</v>
      </c>
      <c r="AF2486">
        <v>10</v>
      </c>
      <c r="AG2486">
        <v>10</v>
      </c>
      <c r="AH2486">
        <v>10</v>
      </c>
      <c r="AI2486">
        <v>10</v>
      </c>
      <c r="AJ2486">
        <v>10</v>
      </c>
      <c r="AK2486">
        <v>10</v>
      </c>
      <c r="AL2486">
        <v>10</v>
      </c>
      <c r="AM2486">
        <v>10</v>
      </c>
      <c r="AN2486">
        <v>10</v>
      </c>
      <c r="AO2486">
        <v>10</v>
      </c>
      <c r="AP2486">
        <v>10</v>
      </c>
      <c r="AQ2486">
        <v>10</v>
      </c>
    </row>
    <row r="2487" spans="1:43">
      <c r="A2487" t="s">
        <v>1598</v>
      </c>
      <c r="B2487" t="s">
        <v>1599</v>
      </c>
      <c r="C2487" t="s">
        <v>1600</v>
      </c>
      <c r="D2487" t="s">
        <v>1601</v>
      </c>
      <c r="E2487" t="s">
        <v>1586</v>
      </c>
      <c r="F2487" t="s">
        <v>1587</v>
      </c>
      <c r="G2487" t="s">
        <v>80</v>
      </c>
      <c r="H2487" t="s">
        <v>81</v>
      </c>
      <c r="I2487" s="2">
        <v>0</v>
      </c>
      <c r="J2487" s="2">
        <v>1</v>
      </c>
      <c r="K2487" s="2">
        <v>0</v>
      </c>
      <c r="L2487" t="s">
        <v>82</v>
      </c>
      <c r="M2487" t="s">
        <v>87</v>
      </c>
      <c r="N2487" t="s">
        <v>88</v>
      </c>
      <c r="O2487" t="s">
        <v>85</v>
      </c>
      <c r="P2487" t="s">
        <v>86</v>
      </c>
      <c r="Q2487">
        <v>9</v>
      </c>
      <c r="R2487">
        <v>9</v>
      </c>
      <c r="S2487">
        <v>9</v>
      </c>
      <c r="T2487">
        <v>9</v>
      </c>
      <c r="U2487">
        <v>9</v>
      </c>
      <c r="V2487">
        <v>9</v>
      </c>
      <c r="W2487">
        <v>9</v>
      </c>
      <c r="X2487">
        <v>9</v>
      </c>
      <c r="Y2487">
        <v>9</v>
      </c>
      <c r="Z2487">
        <v>9</v>
      </c>
      <c r="AA2487">
        <v>9</v>
      </c>
      <c r="AB2487">
        <v>9</v>
      </c>
      <c r="AC2487">
        <v>9</v>
      </c>
      <c r="AD2487">
        <v>9</v>
      </c>
      <c r="AE2487">
        <v>9</v>
      </c>
      <c r="AF2487">
        <v>9</v>
      </c>
      <c r="AG2487">
        <v>9</v>
      </c>
      <c r="AH2487">
        <v>9</v>
      </c>
      <c r="AI2487">
        <v>9</v>
      </c>
      <c r="AJ2487">
        <v>9</v>
      </c>
      <c r="AK2487">
        <v>9</v>
      </c>
      <c r="AL2487">
        <v>9</v>
      </c>
      <c r="AM2487">
        <v>8</v>
      </c>
      <c r="AN2487">
        <v>8</v>
      </c>
      <c r="AO2487">
        <v>8</v>
      </c>
      <c r="AP2487">
        <v>8</v>
      </c>
      <c r="AQ2487">
        <v>8</v>
      </c>
    </row>
    <row r="2488" spans="1:43">
      <c r="A2488" t="s">
        <v>1598</v>
      </c>
      <c r="B2488" t="s">
        <v>1599</v>
      </c>
      <c r="C2488" t="s">
        <v>1600</v>
      </c>
      <c r="D2488" t="s">
        <v>1601</v>
      </c>
      <c r="E2488" t="s">
        <v>1586</v>
      </c>
      <c r="F2488" t="s">
        <v>1587</v>
      </c>
      <c r="G2488" t="s">
        <v>80</v>
      </c>
      <c r="H2488" t="s">
        <v>81</v>
      </c>
      <c r="I2488" s="2">
        <v>0</v>
      </c>
      <c r="J2488" s="2">
        <v>1</v>
      </c>
      <c r="K2488" s="2">
        <v>0</v>
      </c>
      <c r="L2488" t="s">
        <v>82</v>
      </c>
      <c r="M2488" t="s">
        <v>89</v>
      </c>
      <c r="N2488" t="s">
        <v>90</v>
      </c>
      <c r="O2488" t="s">
        <v>85</v>
      </c>
      <c r="P2488" t="s">
        <v>86</v>
      </c>
      <c r="Q2488">
        <v>9</v>
      </c>
      <c r="R2488">
        <v>9</v>
      </c>
      <c r="S2488">
        <v>9</v>
      </c>
      <c r="T2488">
        <v>9</v>
      </c>
      <c r="U2488">
        <v>9</v>
      </c>
      <c r="V2488">
        <v>9</v>
      </c>
      <c r="W2488">
        <v>9</v>
      </c>
      <c r="X2488">
        <v>9</v>
      </c>
      <c r="Y2488">
        <v>9</v>
      </c>
      <c r="Z2488">
        <v>9</v>
      </c>
      <c r="AA2488">
        <v>9</v>
      </c>
      <c r="AB2488">
        <v>9</v>
      </c>
      <c r="AC2488">
        <v>10</v>
      </c>
      <c r="AD2488">
        <v>10</v>
      </c>
      <c r="AE2488">
        <v>10</v>
      </c>
      <c r="AF2488">
        <v>9</v>
      </c>
      <c r="AG2488">
        <v>9</v>
      </c>
      <c r="AH2488">
        <v>9</v>
      </c>
      <c r="AI2488">
        <v>9</v>
      </c>
      <c r="AJ2488">
        <v>9</v>
      </c>
      <c r="AK2488">
        <v>9</v>
      </c>
      <c r="AL2488">
        <v>9</v>
      </c>
      <c r="AM2488">
        <v>9</v>
      </c>
      <c r="AN2488">
        <v>9</v>
      </c>
      <c r="AO2488">
        <v>9</v>
      </c>
      <c r="AP2488">
        <v>9</v>
      </c>
      <c r="AQ2488">
        <v>9</v>
      </c>
    </row>
    <row r="2489" spans="1:43">
      <c r="A2489" t="s">
        <v>1598</v>
      </c>
      <c r="B2489" t="s">
        <v>1599</v>
      </c>
      <c r="C2489" t="s">
        <v>1600</v>
      </c>
      <c r="D2489" t="s">
        <v>1601</v>
      </c>
      <c r="E2489" t="s">
        <v>1586</v>
      </c>
      <c r="F2489" t="s">
        <v>1587</v>
      </c>
      <c r="G2489" t="s">
        <v>80</v>
      </c>
      <c r="H2489" t="s">
        <v>81</v>
      </c>
      <c r="I2489" s="2">
        <v>0</v>
      </c>
      <c r="J2489" s="2">
        <v>1</v>
      </c>
      <c r="K2489" s="2">
        <v>0</v>
      </c>
      <c r="L2489" t="s">
        <v>82</v>
      </c>
      <c r="M2489" t="s">
        <v>83</v>
      </c>
      <c r="N2489" t="s">
        <v>91</v>
      </c>
      <c r="O2489" t="s">
        <v>85</v>
      </c>
      <c r="P2489" t="s">
        <v>86</v>
      </c>
      <c r="Q2489">
        <v>9</v>
      </c>
      <c r="R2489">
        <v>9</v>
      </c>
      <c r="S2489">
        <v>10</v>
      </c>
      <c r="T2489">
        <v>10</v>
      </c>
      <c r="U2489">
        <v>10</v>
      </c>
      <c r="V2489">
        <v>10</v>
      </c>
      <c r="W2489">
        <v>10</v>
      </c>
      <c r="X2489">
        <v>10</v>
      </c>
      <c r="Y2489">
        <v>10</v>
      </c>
      <c r="Z2489">
        <v>10</v>
      </c>
      <c r="AA2489">
        <v>10</v>
      </c>
      <c r="AB2489">
        <v>10</v>
      </c>
      <c r="AC2489">
        <v>10</v>
      </c>
      <c r="AD2489">
        <v>10</v>
      </c>
      <c r="AE2489">
        <v>10</v>
      </c>
      <c r="AF2489">
        <v>10</v>
      </c>
      <c r="AG2489">
        <v>10</v>
      </c>
      <c r="AH2489">
        <v>10</v>
      </c>
      <c r="AI2489">
        <v>10</v>
      </c>
      <c r="AJ2489">
        <v>10</v>
      </c>
      <c r="AK2489">
        <v>10</v>
      </c>
      <c r="AL2489">
        <v>10</v>
      </c>
      <c r="AM2489">
        <v>10</v>
      </c>
      <c r="AN2489">
        <v>10</v>
      </c>
      <c r="AO2489">
        <v>10</v>
      </c>
      <c r="AP2489">
        <v>10</v>
      </c>
      <c r="AQ2489">
        <v>10</v>
      </c>
    </row>
    <row r="2490" spans="1:43">
      <c r="A2490" t="s">
        <v>1602</v>
      </c>
      <c r="B2490" t="s">
        <v>1603</v>
      </c>
      <c r="C2490" t="s">
        <v>1604</v>
      </c>
      <c r="D2490" t="s">
        <v>1605</v>
      </c>
      <c r="E2490" t="s">
        <v>1586</v>
      </c>
      <c r="F2490" t="s">
        <v>1587</v>
      </c>
      <c r="G2490" t="s">
        <v>80</v>
      </c>
      <c r="H2490" t="s">
        <v>81</v>
      </c>
      <c r="I2490" s="2">
        <v>0</v>
      </c>
      <c r="J2490" s="2">
        <v>1</v>
      </c>
      <c r="K2490" s="2">
        <v>0</v>
      </c>
      <c r="L2490" t="s">
        <v>82</v>
      </c>
      <c r="M2490" t="s">
        <v>83</v>
      </c>
      <c r="N2490" t="s">
        <v>84</v>
      </c>
      <c r="O2490" t="s">
        <v>85</v>
      </c>
      <c r="P2490" t="s">
        <v>86</v>
      </c>
      <c r="Q2490">
        <v>29</v>
      </c>
      <c r="R2490">
        <v>29</v>
      </c>
      <c r="S2490">
        <v>29</v>
      </c>
      <c r="T2490">
        <v>30</v>
      </c>
      <c r="U2490">
        <v>30</v>
      </c>
      <c r="V2490">
        <v>30</v>
      </c>
      <c r="W2490">
        <v>30</v>
      </c>
      <c r="X2490">
        <v>30</v>
      </c>
      <c r="Y2490">
        <v>30</v>
      </c>
      <c r="Z2490">
        <v>30</v>
      </c>
      <c r="AA2490">
        <v>30</v>
      </c>
      <c r="AB2490">
        <v>30</v>
      </c>
      <c r="AC2490">
        <v>31</v>
      </c>
      <c r="AD2490">
        <v>31</v>
      </c>
      <c r="AE2490">
        <v>31</v>
      </c>
      <c r="AF2490">
        <v>31</v>
      </c>
      <c r="AG2490">
        <v>31</v>
      </c>
      <c r="AH2490">
        <v>31</v>
      </c>
      <c r="AI2490">
        <v>31</v>
      </c>
      <c r="AJ2490">
        <v>31</v>
      </c>
      <c r="AK2490">
        <v>31</v>
      </c>
      <c r="AL2490">
        <v>31</v>
      </c>
      <c r="AM2490">
        <v>30</v>
      </c>
      <c r="AN2490">
        <v>30</v>
      </c>
      <c r="AO2490">
        <v>30</v>
      </c>
      <c r="AP2490">
        <v>30</v>
      </c>
      <c r="AQ2490">
        <v>29</v>
      </c>
    </row>
    <row r="2491" spans="1:43">
      <c r="A2491" t="s">
        <v>1602</v>
      </c>
      <c r="B2491" t="s">
        <v>1603</v>
      </c>
      <c r="C2491" t="s">
        <v>1604</v>
      </c>
      <c r="D2491" t="s">
        <v>1605</v>
      </c>
      <c r="E2491" t="s">
        <v>1586</v>
      </c>
      <c r="F2491" t="s">
        <v>1587</v>
      </c>
      <c r="G2491" t="s">
        <v>80</v>
      </c>
      <c r="H2491" t="s">
        <v>81</v>
      </c>
      <c r="I2491" s="2">
        <v>0</v>
      </c>
      <c r="J2491" s="2">
        <v>1</v>
      </c>
      <c r="K2491" s="2">
        <v>0</v>
      </c>
      <c r="L2491" t="s">
        <v>82</v>
      </c>
      <c r="M2491" t="s">
        <v>87</v>
      </c>
      <c r="N2491" t="s">
        <v>88</v>
      </c>
      <c r="O2491" t="s">
        <v>85</v>
      </c>
      <c r="P2491" t="s">
        <v>86</v>
      </c>
      <c r="Q2491">
        <v>29</v>
      </c>
      <c r="R2491">
        <v>29</v>
      </c>
      <c r="S2491">
        <v>29</v>
      </c>
      <c r="T2491">
        <v>29</v>
      </c>
      <c r="U2491">
        <v>28</v>
      </c>
      <c r="V2491">
        <v>28</v>
      </c>
      <c r="W2491">
        <v>28</v>
      </c>
      <c r="X2491">
        <v>28</v>
      </c>
      <c r="Y2491">
        <v>28</v>
      </c>
      <c r="Z2491">
        <v>28</v>
      </c>
      <c r="AA2491">
        <v>28</v>
      </c>
      <c r="AB2491">
        <v>28</v>
      </c>
      <c r="AC2491">
        <v>27</v>
      </c>
      <c r="AD2491">
        <v>27</v>
      </c>
      <c r="AE2491">
        <v>27</v>
      </c>
      <c r="AF2491">
        <v>27</v>
      </c>
      <c r="AG2491">
        <v>27</v>
      </c>
      <c r="AH2491">
        <v>27</v>
      </c>
      <c r="AI2491">
        <v>27</v>
      </c>
      <c r="AJ2491">
        <v>27</v>
      </c>
      <c r="AK2491">
        <v>27</v>
      </c>
      <c r="AL2491">
        <v>26</v>
      </c>
      <c r="AM2491">
        <v>26</v>
      </c>
      <c r="AN2491">
        <v>26</v>
      </c>
      <c r="AO2491">
        <v>26</v>
      </c>
      <c r="AP2491">
        <v>26</v>
      </c>
      <c r="AQ2491">
        <v>26</v>
      </c>
    </row>
    <row r="2492" spans="1:43">
      <c r="A2492" t="s">
        <v>1602</v>
      </c>
      <c r="B2492" t="s">
        <v>1603</v>
      </c>
      <c r="C2492" t="s">
        <v>1604</v>
      </c>
      <c r="D2492" t="s">
        <v>1605</v>
      </c>
      <c r="E2492" t="s">
        <v>1586</v>
      </c>
      <c r="F2492" t="s">
        <v>1587</v>
      </c>
      <c r="G2492" t="s">
        <v>80</v>
      </c>
      <c r="H2492" t="s">
        <v>81</v>
      </c>
      <c r="I2492" s="2">
        <v>0</v>
      </c>
      <c r="J2492" s="2">
        <v>1</v>
      </c>
      <c r="K2492" s="2">
        <v>0</v>
      </c>
      <c r="L2492" t="s">
        <v>82</v>
      </c>
      <c r="M2492" t="s">
        <v>89</v>
      </c>
      <c r="N2492" t="s">
        <v>90</v>
      </c>
      <c r="O2492" t="s">
        <v>85</v>
      </c>
      <c r="P2492" t="s">
        <v>86</v>
      </c>
      <c r="Q2492">
        <v>29</v>
      </c>
      <c r="R2492">
        <v>29</v>
      </c>
      <c r="S2492">
        <v>29</v>
      </c>
      <c r="T2492">
        <v>30</v>
      </c>
      <c r="U2492">
        <v>30</v>
      </c>
      <c r="V2492">
        <v>30</v>
      </c>
      <c r="W2492">
        <v>31</v>
      </c>
      <c r="X2492">
        <v>31</v>
      </c>
      <c r="Y2492">
        <v>31</v>
      </c>
      <c r="Z2492">
        <v>31</v>
      </c>
      <c r="AA2492">
        <v>31</v>
      </c>
      <c r="AB2492">
        <v>31</v>
      </c>
      <c r="AC2492">
        <v>32</v>
      </c>
      <c r="AD2492">
        <v>32</v>
      </c>
      <c r="AE2492">
        <v>32</v>
      </c>
      <c r="AF2492">
        <v>31</v>
      </c>
      <c r="AG2492">
        <v>31</v>
      </c>
      <c r="AH2492">
        <v>31</v>
      </c>
      <c r="AI2492">
        <v>31</v>
      </c>
      <c r="AJ2492">
        <v>30</v>
      </c>
      <c r="AK2492">
        <v>30</v>
      </c>
      <c r="AL2492">
        <v>30</v>
      </c>
      <c r="AM2492">
        <v>30</v>
      </c>
      <c r="AN2492">
        <v>29</v>
      </c>
      <c r="AO2492">
        <v>29</v>
      </c>
      <c r="AP2492">
        <v>29</v>
      </c>
      <c r="AQ2492">
        <v>29</v>
      </c>
    </row>
    <row r="2493" spans="1:43">
      <c r="A2493" t="s">
        <v>1602</v>
      </c>
      <c r="B2493" t="s">
        <v>1603</v>
      </c>
      <c r="C2493" t="s">
        <v>1604</v>
      </c>
      <c r="D2493" t="s">
        <v>1605</v>
      </c>
      <c r="E2493" t="s">
        <v>1586</v>
      </c>
      <c r="F2493" t="s">
        <v>1587</v>
      </c>
      <c r="G2493" t="s">
        <v>80</v>
      </c>
      <c r="H2493" t="s">
        <v>81</v>
      </c>
      <c r="I2493" s="2">
        <v>0</v>
      </c>
      <c r="J2493" s="2">
        <v>1</v>
      </c>
      <c r="K2493" s="2">
        <v>0</v>
      </c>
      <c r="L2493" t="s">
        <v>82</v>
      </c>
      <c r="M2493" t="s">
        <v>83</v>
      </c>
      <c r="N2493" t="s">
        <v>91</v>
      </c>
      <c r="O2493" t="s">
        <v>85</v>
      </c>
      <c r="P2493" t="s">
        <v>86</v>
      </c>
      <c r="Q2493">
        <v>29</v>
      </c>
      <c r="R2493">
        <v>29</v>
      </c>
      <c r="S2493">
        <v>29</v>
      </c>
      <c r="T2493">
        <v>30</v>
      </c>
      <c r="U2493">
        <v>30</v>
      </c>
      <c r="V2493">
        <v>30</v>
      </c>
      <c r="W2493">
        <v>30</v>
      </c>
      <c r="X2493">
        <v>30</v>
      </c>
      <c r="Y2493">
        <v>30</v>
      </c>
      <c r="Z2493">
        <v>30</v>
      </c>
      <c r="AA2493">
        <v>30</v>
      </c>
      <c r="AB2493">
        <v>30</v>
      </c>
      <c r="AC2493">
        <v>31</v>
      </c>
      <c r="AD2493">
        <v>31</v>
      </c>
      <c r="AE2493">
        <v>31</v>
      </c>
      <c r="AF2493">
        <v>31</v>
      </c>
      <c r="AG2493">
        <v>31</v>
      </c>
      <c r="AH2493">
        <v>31</v>
      </c>
      <c r="AI2493">
        <v>31</v>
      </c>
      <c r="AJ2493">
        <v>31</v>
      </c>
      <c r="AK2493">
        <v>31</v>
      </c>
      <c r="AL2493">
        <v>31</v>
      </c>
      <c r="AM2493">
        <v>30</v>
      </c>
      <c r="AN2493">
        <v>30</v>
      </c>
      <c r="AO2493">
        <v>30</v>
      </c>
      <c r="AP2493">
        <v>30</v>
      </c>
      <c r="AQ2493">
        <v>29</v>
      </c>
    </row>
    <row r="2494" spans="1:43">
      <c r="A2494" t="s">
        <v>1606</v>
      </c>
      <c r="B2494" t="s">
        <v>1607</v>
      </c>
      <c r="C2494" t="s">
        <v>1600</v>
      </c>
      <c r="D2494" t="s">
        <v>1601</v>
      </c>
      <c r="E2494" t="s">
        <v>1586</v>
      </c>
      <c r="F2494" t="s">
        <v>1587</v>
      </c>
      <c r="G2494" t="s">
        <v>80</v>
      </c>
      <c r="H2494" t="s">
        <v>81</v>
      </c>
      <c r="I2494" s="2">
        <v>0</v>
      </c>
      <c r="J2494" s="2">
        <v>1</v>
      </c>
      <c r="K2494" s="2">
        <v>0</v>
      </c>
      <c r="L2494" t="s">
        <v>82</v>
      </c>
      <c r="M2494" t="s">
        <v>83</v>
      </c>
      <c r="N2494" t="s">
        <v>84</v>
      </c>
      <c r="O2494" t="s">
        <v>85</v>
      </c>
      <c r="P2494" t="s">
        <v>86</v>
      </c>
      <c r="Q2494">
        <v>30</v>
      </c>
      <c r="R2494">
        <v>30</v>
      </c>
      <c r="S2494">
        <v>30</v>
      </c>
      <c r="T2494">
        <v>30</v>
      </c>
      <c r="U2494">
        <v>30</v>
      </c>
      <c r="V2494">
        <v>31</v>
      </c>
      <c r="W2494">
        <v>31</v>
      </c>
      <c r="X2494">
        <v>31</v>
      </c>
      <c r="Y2494">
        <v>31</v>
      </c>
      <c r="Z2494">
        <v>31</v>
      </c>
      <c r="AA2494">
        <v>31</v>
      </c>
      <c r="AB2494">
        <v>31</v>
      </c>
      <c r="AC2494">
        <v>31</v>
      </c>
      <c r="AD2494">
        <v>31</v>
      </c>
      <c r="AE2494">
        <v>31</v>
      </c>
      <c r="AF2494">
        <v>31</v>
      </c>
      <c r="AG2494">
        <v>31</v>
      </c>
      <c r="AH2494">
        <v>32</v>
      </c>
      <c r="AI2494">
        <v>32</v>
      </c>
      <c r="AJ2494">
        <v>32</v>
      </c>
      <c r="AK2494">
        <v>32</v>
      </c>
      <c r="AL2494">
        <v>31</v>
      </c>
      <c r="AM2494">
        <v>31</v>
      </c>
      <c r="AN2494">
        <v>31</v>
      </c>
      <c r="AO2494">
        <v>31</v>
      </c>
      <c r="AP2494">
        <v>31</v>
      </c>
      <c r="AQ2494">
        <v>30</v>
      </c>
    </row>
    <row r="2495" spans="1:43">
      <c r="A2495" t="s">
        <v>1606</v>
      </c>
      <c r="B2495" t="s">
        <v>1607</v>
      </c>
      <c r="C2495" t="s">
        <v>1600</v>
      </c>
      <c r="D2495" t="s">
        <v>1601</v>
      </c>
      <c r="E2495" t="s">
        <v>1586</v>
      </c>
      <c r="F2495" t="s">
        <v>1587</v>
      </c>
      <c r="G2495" t="s">
        <v>80</v>
      </c>
      <c r="H2495" t="s">
        <v>81</v>
      </c>
      <c r="I2495" s="2">
        <v>0</v>
      </c>
      <c r="J2495" s="2">
        <v>1</v>
      </c>
      <c r="K2495" s="2">
        <v>0</v>
      </c>
      <c r="L2495" t="s">
        <v>82</v>
      </c>
      <c r="M2495" t="s">
        <v>87</v>
      </c>
      <c r="N2495" t="s">
        <v>88</v>
      </c>
      <c r="O2495" t="s">
        <v>85</v>
      </c>
      <c r="P2495" t="s">
        <v>86</v>
      </c>
      <c r="Q2495">
        <v>30</v>
      </c>
      <c r="R2495">
        <v>30</v>
      </c>
      <c r="S2495">
        <v>29</v>
      </c>
      <c r="T2495">
        <v>29</v>
      </c>
      <c r="U2495">
        <v>29</v>
      </c>
      <c r="V2495">
        <v>29</v>
      </c>
      <c r="W2495">
        <v>29</v>
      </c>
      <c r="X2495">
        <v>29</v>
      </c>
      <c r="Y2495">
        <v>29</v>
      </c>
      <c r="Z2495">
        <v>28</v>
      </c>
      <c r="AA2495">
        <v>28</v>
      </c>
      <c r="AB2495">
        <v>28</v>
      </c>
      <c r="AC2495">
        <v>28</v>
      </c>
      <c r="AD2495">
        <v>28</v>
      </c>
      <c r="AE2495">
        <v>28</v>
      </c>
      <c r="AF2495">
        <v>28</v>
      </c>
      <c r="AG2495">
        <v>28</v>
      </c>
      <c r="AH2495">
        <v>28</v>
      </c>
      <c r="AI2495">
        <v>27</v>
      </c>
      <c r="AJ2495">
        <v>27</v>
      </c>
      <c r="AK2495">
        <v>27</v>
      </c>
      <c r="AL2495">
        <v>27</v>
      </c>
      <c r="AM2495">
        <v>27</v>
      </c>
      <c r="AN2495">
        <v>27</v>
      </c>
      <c r="AO2495">
        <v>27</v>
      </c>
      <c r="AP2495">
        <v>27</v>
      </c>
      <c r="AQ2495">
        <v>27</v>
      </c>
    </row>
    <row r="2496" spans="1:43">
      <c r="A2496" t="s">
        <v>1606</v>
      </c>
      <c r="B2496" t="s">
        <v>1607</v>
      </c>
      <c r="C2496" t="s">
        <v>1600</v>
      </c>
      <c r="D2496" t="s">
        <v>1601</v>
      </c>
      <c r="E2496" t="s">
        <v>1586</v>
      </c>
      <c r="F2496" t="s">
        <v>1587</v>
      </c>
      <c r="G2496" t="s">
        <v>80</v>
      </c>
      <c r="H2496" t="s">
        <v>81</v>
      </c>
      <c r="I2496" s="2">
        <v>0</v>
      </c>
      <c r="J2496" s="2">
        <v>1</v>
      </c>
      <c r="K2496" s="2">
        <v>0</v>
      </c>
      <c r="L2496" t="s">
        <v>82</v>
      </c>
      <c r="M2496" t="s">
        <v>89</v>
      </c>
      <c r="N2496" t="s">
        <v>90</v>
      </c>
      <c r="O2496" t="s">
        <v>85</v>
      </c>
      <c r="P2496" t="s">
        <v>86</v>
      </c>
      <c r="Q2496">
        <v>30</v>
      </c>
      <c r="R2496">
        <v>31</v>
      </c>
      <c r="S2496">
        <v>31</v>
      </c>
      <c r="T2496">
        <v>31</v>
      </c>
      <c r="U2496">
        <v>32</v>
      </c>
      <c r="V2496">
        <v>32</v>
      </c>
      <c r="W2496">
        <v>32</v>
      </c>
      <c r="X2496">
        <v>33</v>
      </c>
      <c r="Y2496">
        <v>33</v>
      </c>
      <c r="Z2496">
        <v>33</v>
      </c>
      <c r="AA2496">
        <v>33</v>
      </c>
      <c r="AB2496">
        <v>33</v>
      </c>
      <c r="AC2496">
        <v>33</v>
      </c>
      <c r="AD2496">
        <v>34</v>
      </c>
      <c r="AE2496">
        <v>34</v>
      </c>
      <c r="AF2496">
        <v>33</v>
      </c>
      <c r="AG2496">
        <v>33</v>
      </c>
      <c r="AH2496">
        <v>33</v>
      </c>
      <c r="AI2496">
        <v>32</v>
      </c>
      <c r="AJ2496">
        <v>32</v>
      </c>
      <c r="AK2496">
        <v>32</v>
      </c>
      <c r="AL2496">
        <v>32</v>
      </c>
      <c r="AM2496">
        <v>31</v>
      </c>
      <c r="AN2496">
        <v>31</v>
      </c>
      <c r="AO2496">
        <v>31</v>
      </c>
      <c r="AP2496">
        <v>31</v>
      </c>
      <c r="AQ2496">
        <v>30</v>
      </c>
    </row>
    <row r="2497" spans="1:43">
      <c r="A2497" t="s">
        <v>1606</v>
      </c>
      <c r="B2497" t="s">
        <v>1607</v>
      </c>
      <c r="C2497" t="s">
        <v>1600</v>
      </c>
      <c r="D2497" t="s">
        <v>1601</v>
      </c>
      <c r="E2497" t="s">
        <v>1586</v>
      </c>
      <c r="F2497" t="s">
        <v>1587</v>
      </c>
      <c r="G2497" t="s">
        <v>80</v>
      </c>
      <c r="H2497" t="s">
        <v>81</v>
      </c>
      <c r="I2497" s="2">
        <v>0</v>
      </c>
      <c r="J2497" s="2">
        <v>1</v>
      </c>
      <c r="K2497" s="2">
        <v>0</v>
      </c>
      <c r="L2497" t="s">
        <v>82</v>
      </c>
      <c r="M2497" t="s">
        <v>83</v>
      </c>
      <c r="N2497" t="s">
        <v>91</v>
      </c>
      <c r="O2497" t="s">
        <v>85</v>
      </c>
      <c r="P2497" t="s">
        <v>86</v>
      </c>
      <c r="Q2497">
        <v>30</v>
      </c>
      <c r="R2497">
        <v>30</v>
      </c>
      <c r="S2497">
        <v>30</v>
      </c>
      <c r="T2497">
        <v>30</v>
      </c>
      <c r="U2497">
        <v>30</v>
      </c>
      <c r="V2497">
        <v>31</v>
      </c>
      <c r="W2497">
        <v>31</v>
      </c>
      <c r="X2497">
        <v>31</v>
      </c>
      <c r="Y2497">
        <v>31</v>
      </c>
      <c r="Z2497">
        <v>31</v>
      </c>
      <c r="AA2497">
        <v>31</v>
      </c>
      <c r="AB2497">
        <v>31</v>
      </c>
      <c r="AC2497">
        <v>31</v>
      </c>
      <c r="AD2497">
        <v>31</v>
      </c>
      <c r="AE2497">
        <v>31</v>
      </c>
      <c r="AF2497">
        <v>31</v>
      </c>
      <c r="AG2497">
        <v>31</v>
      </c>
      <c r="AH2497">
        <v>32</v>
      </c>
      <c r="AI2497">
        <v>32</v>
      </c>
      <c r="AJ2497">
        <v>32</v>
      </c>
      <c r="AK2497">
        <v>32</v>
      </c>
      <c r="AL2497">
        <v>31</v>
      </c>
      <c r="AM2497">
        <v>31</v>
      </c>
      <c r="AN2497">
        <v>31</v>
      </c>
      <c r="AO2497">
        <v>31</v>
      </c>
      <c r="AP2497">
        <v>31</v>
      </c>
      <c r="AQ2497">
        <v>30</v>
      </c>
    </row>
    <row r="2498" spans="1:43">
      <c r="A2498" t="s">
        <v>1608</v>
      </c>
      <c r="B2498" t="s">
        <v>1609</v>
      </c>
      <c r="C2498" t="s">
        <v>1590</v>
      </c>
      <c r="D2498" t="s">
        <v>1591</v>
      </c>
      <c r="E2498" t="s">
        <v>1586</v>
      </c>
      <c r="F2498" t="s">
        <v>1587</v>
      </c>
      <c r="G2498" t="s">
        <v>80</v>
      </c>
      <c r="H2498" t="s">
        <v>81</v>
      </c>
      <c r="I2498" s="2">
        <v>0</v>
      </c>
      <c r="J2498" s="2">
        <v>1</v>
      </c>
      <c r="K2498" s="2">
        <v>0</v>
      </c>
      <c r="L2498" t="s">
        <v>82</v>
      </c>
      <c r="M2498" t="s">
        <v>83</v>
      </c>
      <c r="N2498" t="s">
        <v>84</v>
      </c>
      <c r="O2498" t="s">
        <v>85</v>
      </c>
      <c r="P2498" t="s">
        <v>86</v>
      </c>
      <c r="Q2498">
        <v>20</v>
      </c>
      <c r="R2498">
        <v>20</v>
      </c>
      <c r="S2498">
        <v>20</v>
      </c>
      <c r="T2498">
        <v>20</v>
      </c>
      <c r="U2498">
        <v>20</v>
      </c>
      <c r="V2498">
        <v>20</v>
      </c>
      <c r="W2498">
        <v>20</v>
      </c>
      <c r="X2498">
        <v>20</v>
      </c>
      <c r="Y2498">
        <v>20</v>
      </c>
      <c r="Z2498">
        <v>20</v>
      </c>
      <c r="AA2498">
        <v>20</v>
      </c>
      <c r="AB2498">
        <v>20</v>
      </c>
      <c r="AC2498">
        <v>20</v>
      </c>
      <c r="AD2498">
        <v>20</v>
      </c>
      <c r="AE2498">
        <v>20</v>
      </c>
      <c r="AF2498">
        <v>21</v>
      </c>
      <c r="AG2498">
        <v>21</v>
      </c>
      <c r="AH2498">
        <v>21</v>
      </c>
      <c r="AI2498">
        <v>21</v>
      </c>
      <c r="AJ2498">
        <v>21</v>
      </c>
      <c r="AK2498">
        <v>21</v>
      </c>
      <c r="AL2498">
        <v>21</v>
      </c>
      <c r="AM2498">
        <v>20</v>
      </c>
      <c r="AN2498">
        <v>20</v>
      </c>
      <c r="AO2498">
        <v>20</v>
      </c>
      <c r="AP2498">
        <v>20</v>
      </c>
      <c r="AQ2498">
        <v>20</v>
      </c>
    </row>
    <row r="2499" spans="1:43">
      <c r="A2499" t="s">
        <v>1608</v>
      </c>
      <c r="B2499" t="s">
        <v>1609</v>
      </c>
      <c r="C2499" t="s">
        <v>1590</v>
      </c>
      <c r="D2499" t="s">
        <v>1591</v>
      </c>
      <c r="E2499" t="s">
        <v>1586</v>
      </c>
      <c r="F2499" t="s">
        <v>1587</v>
      </c>
      <c r="G2499" t="s">
        <v>80</v>
      </c>
      <c r="H2499" t="s">
        <v>81</v>
      </c>
      <c r="I2499" s="2">
        <v>0</v>
      </c>
      <c r="J2499" s="2">
        <v>1</v>
      </c>
      <c r="K2499" s="2">
        <v>0</v>
      </c>
      <c r="L2499" t="s">
        <v>82</v>
      </c>
      <c r="M2499" t="s">
        <v>87</v>
      </c>
      <c r="N2499" t="s">
        <v>88</v>
      </c>
      <c r="O2499" t="s">
        <v>85</v>
      </c>
      <c r="P2499" t="s">
        <v>86</v>
      </c>
      <c r="Q2499">
        <v>20</v>
      </c>
      <c r="R2499">
        <v>20</v>
      </c>
      <c r="S2499">
        <v>20</v>
      </c>
      <c r="T2499">
        <v>20</v>
      </c>
      <c r="U2499">
        <v>20</v>
      </c>
      <c r="V2499">
        <v>20</v>
      </c>
      <c r="W2499">
        <v>20</v>
      </c>
      <c r="X2499">
        <v>20</v>
      </c>
      <c r="Y2499">
        <v>20</v>
      </c>
      <c r="Z2499">
        <v>20</v>
      </c>
      <c r="AA2499">
        <v>20</v>
      </c>
      <c r="AB2499">
        <v>19</v>
      </c>
      <c r="AC2499">
        <v>19</v>
      </c>
      <c r="AD2499">
        <v>19</v>
      </c>
      <c r="AE2499">
        <v>19</v>
      </c>
      <c r="AF2499">
        <v>19</v>
      </c>
      <c r="AG2499">
        <v>19</v>
      </c>
      <c r="AH2499">
        <v>19</v>
      </c>
      <c r="AI2499">
        <v>19</v>
      </c>
      <c r="AJ2499">
        <v>19</v>
      </c>
      <c r="AK2499">
        <v>19</v>
      </c>
      <c r="AL2499">
        <v>19</v>
      </c>
      <c r="AM2499">
        <v>19</v>
      </c>
      <c r="AN2499">
        <v>19</v>
      </c>
      <c r="AO2499">
        <v>18</v>
      </c>
      <c r="AP2499">
        <v>18</v>
      </c>
      <c r="AQ2499">
        <v>18</v>
      </c>
    </row>
    <row r="2500" spans="1:43">
      <c r="A2500" t="s">
        <v>1608</v>
      </c>
      <c r="B2500" t="s">
        <v>1609</v>
      </c>
      <c r="C2500" t="s">
        <v>1590</v>
      </c>
      <c r="D2500" t="s">
        <v>1591</v>
      </c>
      <c r="E2500" t="s">
        <v>1586</v>
      </c>
      <c r="F2500" t="s">
        <v>1587</v>
      </c>
      <c r="G2500" t="s">
        <v>80</v>
      </c>
      <c r="H2500" t="s">
        <v>81</v>
      </c>
      <c r="I2500" s="2">
        <v>0</v>
      </c>
      <c r="J2500" s="2">
        <v>1</v>
      </c>
      <c r="K2500" s="2">
        <v>0</v>
      </c>
      <c r="L2500" t="s">
        <v>82</v>
      </c>
      <c r="M2500" t="s">
        <v>89</v>
      </c>
      <c r="N2500" t="s">
        <v>90</v>
      </c>
      <c r="O2500" t="s">
        <v>85</v>
      </c>
      <c r="P2500" t="s">
        <v>86</v>
      </c>
      <c r="Q2500">
        <v>20</v>
      </c>
      <c r="R2500">
        <v>20</v>
      </c>
      <c r="S2500">
        <v>20</v>
      </c>
      <c r="T2500">
        <v>20</v>
      </c>
      <c r="U2500">
        <v>21</v>
      </c>
      <c r="V2500">
        <v>21</v>
      </c>
      <c r="W2500">
        <v>21</v>
      </c>
      <c r="X2500">
        <v>21</v>
      </c>
      <c r="Y2500">
        <v>21</v>
      </c>
      <c r="Z2500">
        <v>21</v>
      </c>
      <c r="AA2500">
        <v>22</v>
      </c>
      <c r="AB2500">
        <v>22</v>
      </c>
      <c r="AC2500">
        <v>22</v>
      </c>
      <c r="AD2500">
        <v>22</v>
      </c>
      <c r="AE2500">
        <v>22</v>
      </c>
      <c r="AF2500">
        <v>22</v>
      </c>
      <c r="AG2500">
        <v>21</v>
      </c>
      <c r="AH2500">
        <v>21</v>
      </c>
      <c r="AI2500">
        <v>21</v>
      </c>
      <c r="AJ2500">
        <v>21</v>
      </c>
      <c r="AK2500">
        <v>21</v>
      </c>
      <c r="AL2500">
        <v>21</v>
      </c>
      <c r="AM2500">
        <v>20</v>
      </c>
      <c r="AN2500">
        <v>20</v>
      </c>
      <c r="AO2500">
        <v>20</v>
      </c>
      <c r="AP2500">
        <v>20</v>
      </c>
      <c r="AQ2500">
        <v>20</v>
      </c>
    </row>
    <row r="2501" spans="1:43">
      <c r="A2501" t="s">
        <v>1608</v>
      </c>
      <c r="B2501" t="s">
        <v>1609</v>
      </c>
      <c r="C2501" t="s">
        <v>1590</v>
      </c>
      <c r="D2501" t="s">
        <v>1591</v>
      </c>
      <c r="E2501" t="s">
        <v>1586</v>
      </c>
      <c r="F2501" t="s">
        <v>1587</v>
      </c>
      <c r="G2501" t="s">
        <v>80</v>
      </c>
      <c r="H2501" t="s">
        <v>81</v>
      </c>
      <c r="I2501" s="2">
        <v>0</v>
      </c>
      <c r="J2501" s="2">
        <v>1</v>
      </c>
      <c r="K2501" s="2">
        <v>0</v>
      </c>
      <c r="L2501" t="s">
        <v>82</v>
      </c>
      <c r="M2501" t="s">
        <v>83</v>
      </c>
      <c r="N2501" t="s">
        <v>91</v>
      </c>
      <c r="O2501" t="s">
        <v>85</v>
      </c>
      <c r="P2501" t="s">
        <v>86</v>
      </c>
      <c r="Q2501">
        <v>20</v>
      </c>
      <c r="R2501">
        <v>20</v>
      </c>
      <c r="S2501">
        <v>20</v>
      </c>
      <c r="T2501">
        <v>20</v>
      </c>
      <c r="U2501">
        <v>20</v>
      </c>
      <c r="V2501">
        <v>20</v>
      </c>
      <c r="W2501">
        <v>20</v>
      </c>
      <c r="X2501">
        <v>20</v>
      </c>
      <c r="Y2501">
        <v>20</v>
      </c>
      <c r="Z2501">
        <v>20</v>
      </c>
      <c r="AA2501">
        <v>20</v>
      </c>
      <c r="AB2501">
        <v>20</v>
      </c>
      <c r="AC2501">
        <v>20</v>
      </c>
      <c r="AD2501">
        <v>20</v>
      </c>
      <c r="AE2501">
        <v>20</v>
      </c>
      <c r="AF2501">
        <v>21</v>
      </c>
      <c r="AG2501">
        <v>21</v>
      </c>
      <c r="AH2501">
        <v>21</v>
      </c>
      <c r="AI2501">
        <v>21</v>
      </c>
      <c r="AJ2501">
        <v>21</v>
      </c>
      <c r="AK2501">
        <v>21</v>
      </c>
      <c r="AL2501">
        <v>21</v>
      </c>
      <c r="AM2501">
        <v>20</v>
      </c>
      <c r="AN2501">
        <v>20</v>
      </c>
      <c r="AO2501">
        <v>20</v>
      </c>
      <c r="AP2501">
        <v>20</v>
      </c>
      <c r="AQ2501">
        <v>20</v>
      </c>
    </row>
    <row r="2502" spans="1:43">
      <c r="A2502" t="s">
        <v>1610</v>
      </c>
      <c r="B2502" t="s">
        <v>1611</v>
      </c>
      <c r="C2502" t="s">
        <v>1612</v>
      </c>
      <c r="D2502" t="s">
        <v>1613</v>
      </c>
      <c r="E2502" t="s">
        <v>1586</v>
      </c>
      <c r="F2502" t="s">
        <v>1587</v>
      </c>
      <c r="G2502" t="s">
        <v>80</v>
      </c>
      <c r="H2502" t="s">
        <v>81</v>
      </c>
      <c r="I2502" s="2">
        <v>0</v>
      </c>
      <c r="J2502" s="2">
        <v>0</v>
      </c>
      <c r="K2502" s="2">
        <v>1</v>
      </c>
      <c r="L2502" t="s">
        <v>995</v>
      </c>
      <c r="M2502" t="s">
        <v>83</v>
      </c>
      <c r="N2502" t="s">
        <v>84</v>
      </c>
      <c r="O2502" t="s">
        <v>85</v>
      </c>
      <c r="P2502" t="s">
        <v>86</v>
      </c>
      <c r="Q2502">
        <v>9</v>
      </c>
      <c r="R2502">
        <v>9</v>
      </c>
      <c r="S2502">
        <v>9</v>
      </c>
      <c r="T2502">
        <v>9</v>
      </c>
      <c r="U2502">
        <v>9</v>
      </c>
      <c r="V2502">
        <v>9</v>
      </c>
      <c r="W2502">
        <v>9</v>
      </c>
      <c r="X2502">
        <v>9</v>
      </c>
      <c r="Y2502">
        <v>9</v>
      </c>
      <c r="Z2502">
        <v>9</v>
      </c>
      <c r="AA2502">
        <v>9</v>
      </c>
      <c r="AB2502">
        <v>10</v>
      </c>
      <c r="AC2502">
        <v>10</v>
      </c>
      <c r="AD2502">
        <v>10</v>
      </c>
      <c r="AE2502">
        <v>10</v>
      </c>
      <c r="AF2502">
        <v>10</v>
      </c>
      <c r="AG2502">
        <v>10</v>
      </c>
      <c r="AH2502">
        <v>10</v>
      </c>
      <c r="AI2502">
        <v>10</v>
      </c>
      <c r="AJ2502">
        <v>10</v>
      </c>
      <c r="AK2502">
        <v>10</v>
      </c>
      <c r="AL2502">
        <v>10</v>
      </c>
      <c r="AM2502">
        <v>10</v>
      </c>
      <c r="AN2502">
        <v>9</v>
      </c>
      <c r="AO2502">
        <v>9</v>
      </c>
      <c r="AP2502">
        <v>9</v>
      </c>
      <c r="AQ2502">
        <v>9</v>
      </c>
    </row>
    <row r="2503" spans="1:43">
      <c r="A2503" t="s">
        <v>1610</v>
      </c>
      <c r="B2503" t="s">
        <v>1611</v>
      </c>
      <c r="C2503" t="s">
        <v>1612</v>
      </c>
      <c r="D2503" t="s">
        <v>1613</v>
      </c>
      <c r="E2503" t="s">
        <v>1586</v>
      </c>
      <c r="F2503" t="s">
        <v>1587</v>
      </c>
      <c r="G2503" t="s">
        <v>80</v>
      </c>
      <c r="H2503" t="s">
        <v>81</v>
      </c>
      <c r="I2503" s="2">
        <v>0</v>
      </c>
      <c r="J2503" s="2">
        <v>0</v>
      </c>
      <c r="K2503" s="2">
        <v>1</v>
      </c>
      <c r="L2503" t="s">
        <v>995</v>
      </c>
      <c r="M2503" t="s">
        <v>87</v>
      </c>
      <c r="N2503" t="s">
        <v>88</v>
      </c>
      <c r="O2503" t="s">
        <v>85</v>
      </c>
      <c r="P2503" t="s">
        <v>86</v>
      </c>
      <c r="Q2503">
        <v>9</v>
      </c>
      <c r="R2503">
        <v>9</v>
      </c>
      <c r="S2503">
        <v>9</v>
      </c>
      <c r="T2503">
        <v>9</v>
      </c>
      <c r="U2503">
        <v>9</v>
      </c>
      <c r="V2503">
        <v>9</v>
      </c>
      <c r="W2503">
        <v>9</v>
      </c>
      <c r="X2503">
        <v>9</v>
      </c>
      <c r="Y2503">
        <v>9</v>
      </c>
      <c r="Z2503">
        <v>9</v>
      </c>
      <c r="AA2503">
        <v>9</v>
      </c>
      <c r="AB2503">
        <v>9</v>
      </c>
      <c r="AC2503">
        <v>9</v>
      </c>
      <c r="AD2503">
        <v>9</v>
      </c>
      <c r="AE2503">
        <v>8</v>
      </c>
      <c r="AF2503">
        <v>8</v>
      </c>
      <c r="AG2503">
        <v>8</v>
      </c>
      <c r="AH2503">
        <v>8</v>
      </c>
      <c r="AI2503">
        <v>8</v>
      </c>
      <c r="AJ2503">
        <v>8</v>
      </c>
      <c r="AK2503">
        <v>8</v>
      </c>
      <c r="AL2503">
        <v>8</v>
      </c>
      <c r="AM2503">
        <v>8</v>
      </c>
      <c r="AN2503">
        <v>8</v>
      </c>
      <c r="AO2503">
        <v>8</v>
      </c>
      <c r="AP2503">
        <v>8</v>
      </c>
      <c r="AQ2503">
        <v>8</v>
      </c>
    </row>
    <row r="2504" spans="1:43">
      <c r="A2504" t="s">
        <v>1610</v>
      </c>
      <c r="B2504" t="s">
        <v>1611</v>
      </c>
      <c r="C2504" t="s">
        <v>1612</v>
      </c>
      <c r="D2504" t="s">
        <v>1613</v>
      </c>
      <c r="E2504" t="s">
        <v>1586</v>
      </c>
      <c r="F2504" t="s">
        <v>1587</v>
      </c>
      <c r="G2504" t="s">
        <v>80</v>
      </c>
      <c r="H2504" t="s">
        <v>81</v>
      </c>
      <c r="I2504" s="2">
        <v>0</v>
      </c>
      <c r="J2504" s="2">
        <v>0</v>
      </c>
      <c r="K2504" s="2">
        <v>1</v>
      </c>
      <c r="L2504" t="s">
        <v>995</v>
      </c>
      <c r="M2504" t="s">
        <v>89</v>
      </c>
      <c r="N2504" t="s">
        <v>90</v>
      </c>
      <c r="O2504" t="s">
        <v>85</v>
      </c>
      <c r="P2504" t="s">
        <v>86</v>
      </c>
      <c r="Q2504">
        <v>9</v>
      </c>
      <c r="R2504">
        <v>9</v>
      </c>
      <c r="S2504">
        <v>9</v>
      </c>
      <c r="T2504">
        <v>10</v>
      </c>
      <c r="U2504">
        <v>10</v>
      </c>
      <c r="V2504">
        <v>10</v>
      </c>
      <c r="W2504">
        <v>10</v>
      </c>
      <c r="X2504">
        <v>10</v>
      </c>
      <c r="Y2504">
        <v>10</v>
      </c>
      <c r="Z2504">
        <v>10</v>
      </c>
      <c r="AA2504">
        <v>10</v>
      </c>
      <c r="AB2504">
        <v>10</v>
      </c>
      <c r="AC2504">
        <v>10</v>
      </c>
      <c r="AD2504">
        <v>10</v>
      </c>
      <c r="AE2504">
        <v>10</v>
      </c>
      <c r="AF2504">
        <v>10</v>
      </c>
      <c r="AG2504">
        <v>10</v>
      </c>
      <c r="AH2504">
        <v>10</v>
      </c>
      <c r="AI2504">
        <v>10</v>
      </c>
      <c r="AJ2504">
        <v>10</v>
      </c>
      <c r="AK2504">
        <v>10</v>
      </c>
      <c r="AL2504">
        <v>10</v>
      </c>
      <c r="AM2504">
        <v>10</v>
      </c>
      <c r="AN2504">
        <v>10</v>
      </c>
      <c r="AO2504">
        <v>9</v>
      </c>
      <c r="AP2504">
        <v>9</v>
      </c>
      <c r="AQ2504">
        <v>9</v>
      </c>
    </row>
    <row r="2505" spans="1:43">
      <c r="A2505" t="s">
        <v>1610</v>
      </c>
      <c r="B2505" t="s">
        <v>1611</v>
      </c>
      <c r="C2505" t="s">
        <v>1612</v>
      </c>
      <c r="D2505" t="s">
        <v>1613</v>
      </c>
      <c r="E2505" t="s">
        <v>1586</v>
      </c>
      <c r="F2505" t="s">
        <v>1587</v>
      </c>
      <c r="G2505" t="s">
        <v>80</v>
      </c>
      <c r="H2505" t="s">
        <v>81</v>
      </c>
      <c r="I2505" s="2">
        <v>0</v>
      </c>
      <c r="J2505" s="2">
        <v>0</v>
      </c>
      <c r="K2505" s="2">
        <v>1</v>
      </c>
      <c r="L2505" t="s">
        <v>995</v>
      </c>
      <c r="M2505" t="s">
        <v>83</v>
      </c>
      <c r="N2505" t="s">
        <v>91</v>
      </c>
      <c r="O2505" t="s">
        <v>85</v>
      </c>
      <c r="P2505" t="s">
        <v>86</v>
      </c>
      <c r="Q2505">
        <v>9</v>
      </c>
      <c r="R2505">
        <v>9</v>
      </c>
      <c r="S2505">
        <v>9</v>
      </c>
      <c r="T2505">
        <v>9</v>
      </c>
      <c r="U2505">
        <v>9</v>
      </c>
      <c r="V2505">
        <v>9</v>
      </c>
      <c r="W2505">
        <v>9</v>
      </c>
      <c r="X2505">
        <v>9</v>
      </c>
      <c r="Y2505">
        <v>9</v>
      </c>
      <c r="Z2505">
        <v>9</v>
      </c>
      <c r="AA2505">
        <v>9</v>
      </c>
      <c r="AB2505">
        <v>10</v>
      </c>
      <c r="AC2505">
        <v>10</v>
      </c>
      <c r="AD2505">
        <v>10</v>
      </c>
      <c r="AE2505">
        <v>10</v>
      </c>
      <c r="AF2505">
        <v>10</v>
      </c>
      <c r="AG2505">
        <v>10</v>
      </c>
      <c r="AH2505">
        <v>10</v>
      </c>
      <c r="AI2505">
        <v>10</v>
      </c>
      <c r="AJ2505">
        <v>10</v>
      </c>
      <c r="AK2505">
        <v>10</v>
      </c>
      <c r="AL2505">
        <v>10</v>
      </c>
      <c r="AM2505">
        <v>10</v>
      </c>
      <c r="AN2505">
        <v>9</v>
      </c>
      <c r="AO2505">
        <v>9</v>
      </c>
      <c r="AP2505">
        <v>9</v>
      </c>
      <c r="AQ2505">
        <v>9</v>
      </c>
    </row>
    <row r="2506" spans="1:43">
      <c r="A2506" t="s">
        <v>1614</v>
      </c>
      <c r="B2506" t="s">
        <v>1615</v>
      </c>
      <c r="C2506" t="s">
        <v>1612</v>
      </c>
      <c r="D2506" t="s">
        <v>1613</v>
      </c>
      <c r="E2506" t="s">
        <v>1586</v>
      </c>
      <c r="F2506" t="s">
        <v>1587</v>
      </c>
      <c r="G2506" t="s">
        <v>80</v>
      </c>
      <c r="H2506" t="s">
        <v>81</v>
      </c>
      <c r="I2506" s="2">
        <v>0</v>
      </c>
      <c r="J2506" s="2">
        <v>0</v>
      </c>
      <c r="K2506" s="2">
        <v>1</v>
      </c>
      <c r="L2506" t="s">
        <v>995</v>
      </c>
      <c r="M2506" t="s">
        <v>83</v>
      </c>
      <c r="N2506" t="s">
        <v>84</v>
      </c>
      <c r="O2506" t="s">
        <v>85</v>
      </c>
      <c r="P2506" t="s">
        <v>86</v>
      </c>
      <c r="Q2506">
        <v>5</v>
      </c>
      <c r="R2506">
        <v>5</v>
      </c>
      <c r="S2506">
        <v>5</v>
      </c>
      <c r="T2506">
        <v>5</v>
      </c>
      <c r="U2506">
        <v>5</v>
      </c>
      <c r="V2506">
        <v>5</v>
      </c>
      <c r="W2506">
        <v>5</v>
      </c>
      <c r="X2506">
        <v>5</v>
      </c>
      <c r="Y2506">
        <v>5</v>
      </c>
      <c r="Z2506">
        <v>5</v>
      </c>
      <c r="AA2506">
        <v>5</v>
      </c>
      <c r="AB2506">
        <v>5</v>
      </c>
      <c r="AC2506">
        <v>5</v>
      </c>
      <c r="AD2506">
        <v>5</v>
      </c>
      <c r="AE2506">
        <v>5</v>
      </c>
      <c r="AF2506">
        <v>5</v>
      </c>
      <c r="AG2506">
        <v>5</v>
      </c>
      <c r="AH2506">
        <v>5</v>
      </c>
      <c r="AI2506">
        <v>5</v>
      </c>
      <c r="AJ2506">
        <v>5</v>
      </c>
      <c r="AK2506">
        <v>5</v>
      </c>
      <c r="AL2506">
        <v>5</v>
      </c>
      <c r="AM2506">
        <v>5</v>
      </c>
      <c r="AN2506">
        <v>5</v>
      </c>
      <c r="AO2506">
        <v>5</v>
      </c>
      <c r="AP2506">
        <v>5</v>
      </c>
      <c r="AQ2506">
        <v>5</v>
      </c>
    </row>
    <row r="2507" spans="1:43">
      <c r="A2507" t="s">
        <v>1614</v>
      </c>
      <c r="B2507" t="s">
        <v>1615</v>
      </c>
      <c r="C2507" t="s">
        <v>1612</v>
      </c>
      <c r="D2507" t="s">
        <v>1613</v>
      </c>
      <c r="E2507" t="s">
        <v>1586</v>
      </c>
      <c r="F2507" t="s">
        <v>1587</v>
      </c>
      <c r="G2507" t="s">
        <v>80</v>
      </c>
      <c r="H2507" t="s">
        <v>81</v>
      </c>
      <c r="I2507" s="2">
        <v>0</v>
      </c>
      <c r="J2507" s="2">
        <v>0</v>
      </c>
      <c r="K2507" s="2">
        <v>1</v>
      </c>
      <c r="L2507" t="s">
        <v>995</v>
      </c>
      <c r="M2507" t="s">
        <v>87</v>
      </c>
      <c r="N2507" t="s">
        <v>88</v>
      </c>
      <c r="O2507" t="s">
        <v>85</v>
      </c>
      <c r="P2507" t="s">
        <v>86</v>
      </c>
      <c r="Q2507">
        <v>5</v>
      </c>
      <c r="R2507">
        <v>5</v>
      </c>
      <c r="S2507">
        <v>5</v>
      </c>
      <c r="T2507">
        <v>5</v>
      </c>
      <c r="U2507">
        <v>5</v>
      </c>
      <c r="V2507">
        <v>5</v>
      </c>
      <c r="W2507">
        <v>5</v>
      </c>
      <c r="X2507">
        <v>5</v>
      </c>
      <c r="Y2507">
        <v>5</v>
      </c>
      <c r="Z2507">
        <v>5</v>
      </c>
      <c r="AA2507">
        <v>5</v>
      </c>
      <c r="AB2507">
        <v>5</v>
      </c>
      <c r="AC2507">
        <v>5</v>
      </c>
      <c r="AD2507">
        <v>5</v>
      </c>
      <c r="AE2507">
        <v>5</v>
      </c>
      <c r="AF2507">
        <v>5</v>
      </c>
      <c r="AG2507">
        <v>5</v>
      </c>
      <c r="AH2507">
        <v>5</v>
      </c>
      <c r="AI2507">
        <v>4</v>
      </c>
      <c r="AJ2507">
        <v>4</v>
      </c>
      <c r="AK2507">
        <v>4</v>
      </c>
      <c r="AL2507">
        <v>4</v>
      </c>
      <c r="AM2507">
        <v>4</v>
      </c>
      <c r="AN2507">
        <v>4</v>
      </c>
      <c r="AO2507">
        <v>4</v>
      </c>
      <c r="AP2507">
        <v>4</v>
      </c>
      <c r="AQ2507">
        <v>4</v>
      </c>
    </row>
    <row r="2508" spans="1:43">
      <c r="A2508" t="s">
        <v>1614</v>
      </c>
      <c r="B2508" t="s">
        <v>1615</v>
      </c>
      <c r="C2508" t="s">
        <v>1612</v>
      </c>
      <c r="D2508" t="s">
        <v>1613</v>
      </c>
      <c r="E2508" t="s">
        <v>1586</v>
      </c>
      <c r="F2508" t="s">
        <v>1587</v>
      </c>
      <c r="G2508" t="s">
        <v>80</v>
      </c>
      <c r="H2508" t="s">
        <v>81</v>
      </c>
      <c r="I2508" s="2">
        <v>0</v>
      </c>
      <c r="J2508" s="2">
        <v>0</v>
      </c>
      <c r="K2508" s="2">
        <v>1</v>
      </c>
      <c r="L2508" t="s">
        <v>995</v>
      </c>
      <c r="M2508" t="s">
        <v>89</v>
      </c>
      <c r="N2508" t="s">
        <v>90</v>
      </c>
      <c r="O2508" t="s">
        <v>85</v>
      </c>
      <c r="P2508" t="s">
        <v>86</v>
      </c>
      <c r="Q2508">
        <v>5</v>
      </c>
      <c r="R2508">
        <v>5</v>
      </c>
      <c r="S2508">
        <v>5</v>
      </c>
      <c r="T2508">
        <v>5</v>
      </c>
      <c r="U2508">
        <v>5</v>
      </c>
      <c r="V2508">
        <v>5</v>
      </c>
      <c r="W2508">
        <v>5</v>
      </c>
      <c r="X2508">
        <v>5</v>
      </c>
      <c r="Y2508">
        <v>5</v>
      </c>
      <c r="Z2508">
        <v>5</v>
      </c>
      <c r="AA2508">
        <v>5</v>
      </c>
      <c r="AB2508">
        <v>5</v>
      </c>
      <c r="AC2508">
        <v>5</v>
      </c>
      <c r="AD2508">
        <v>6</v>
      </c>
      <c r="AE2508">
        <v>5</v>
      </c>
      <c r="AF2508">
        <v>5</v>
      </c>
      <c r="AG2508">
        <v>5</v>
      </c>
      <c r="AH2508">
        <v>5</v>
      </c>
      <c r="AI2508">
        <v>5</v>
      </c>
      <c r="AJ2508">
        <v>5</v>
      </c>
      <c r="AK2508">
        <v>5</v>
      </c>
      <c r="AL2508">
        <v>5</v>
      </c>
      <c r="AM2508">
        <v>5</v>
      </c>
      <c r="AN2508">
        <v>5</v>
      </c>
      <c r="AO2508">
        <v>5</v>
      </c>
      <c r="AP2508">
        <v>5</v>
      </c>
      <c r="AQ2508">
        <v>5</v>
      </c>
    </row>
    <row r="2509" spans="1:43">
      <c r="A2509" t="s">
        <v>1614</v>
      </c>
      <c r="B2509" t="s">
        <v>1615</v>
      </c>
      <c r="C2509" t="s">
        <v>1612</v>
      </c>
      <c r="D2509" t="s">
        <v>1613</v>
      </c>
      <c r="E2509" t="s">
        <v>1586</v>
      </c>
      <c r="F2509" t="s">
        <v>1587</v>
      </c>
      <c r="G2509" t="s">
        <v>80</v>
      </c>
      <c r="H2509" t="s">
        <v>81</v>
      </c>
      <c r="I2509" s="2">
        <v>0</v>
      </c>
      <c r="J2509" s="2">
        <v>0</v>
      </c>
      <c r="K2509" s="2">
        <v>1</v>
      </c>
      <c r="L2509" t="s">
        <v>995</v>
      </c>
      <c r="M2509" t="s">
        <v>83</v>
      </c>
      <c r="N2509" t="s">
        <v>91</v>
      </c>
      <c r="O2509" t="s">
        <v>85</v>
      </c>
      <c r="P2509" t="s">
        <v>86</v>
      </c>
      <c r="Q2509">
        <v>5</v>
      </c>
      <c r="R2509">
        <v>5</v>
      </c>
      <c r="S2509">
        <v>5</v>
      </c>
      <c r="T2509">
        <v>5</v>
      </c>
      <c r="U2509">
        <v>5</v>
      </c>
      <c r="V2509">
        <v>5</v>
      </c>
      <c r="W2509">
        <v>5</v>
      </c>
      <c r="X2509">
        <v>5</v>
      </c>
      <c r="Y2509">
        <v>5</v>
      </c>
      <c r="Z2509">
        <v>5</v>
      </c>
      <c r="AA2509">
        <v>5</v>
      </c>
      <c r="AB2509">
        <v>5</v>
      </c>
      <c r="AC2509">
        <v>5</v>
      </c>
      <c r="AD2509">
        <v>5</v>
      </c>
      <c r="AE2509">
        <v>5</v>
      </c>
      <c r="AF2509">
        <v>5</v>
      </c>
      <c r="AG2509">
        <v>5</v>
      </c>
      <c r="AH2509">
        <v>5</v>
      </c>
      <c r="AI2509">
        <v>5</v>
      </c>
      <c r="AJ2509">
        <v>5</v>
      </c>
      <c r="AK2509">
        <v>5</v>
      </c>
      <c r="AL2509">
        <v>5</v>
      </c>
      <c r="AM2509">
        <v>5</v>
      </c>
      <c r="AN2509">
        <v>5</v>
      </c>
      <c r="AO2509">
        <v>5</v>
      </c>
      <c r="AP2509">
        <v>5</v>
      </c>
      <c r="AQ2509">
        <v>5</v>
      </c>
    </row>
    <row r="2510" spans="1:43">
      <c r="A2510" t="s">
        <v>1616</v>
      </c>
      <c r="B2510" t="s">
        <v>1617</v>
      </c>
      <c r="C2510" t="s">
        <v>1612</v>
      </c>
      <c r="D2510" t="s">
        <v>1613</v>
      </c>
      <c r="E2510" t="s">
        <v>1586</v>
      </c>
      <c r="F2510" t="s">
        <v>1587</v>
      </c>
      <c r="G2510" t="s">
        <v>80</v>
      </c>
      <c r="H2510" t="s">
        <v>81</v>
      </c>
      <c r="I2510" s="2">
        <v>0</v>
      </c>
      <c r="J2510" s="2">
        <v>0</v>
      </c>
      <c r="K2510" s="2">
        <v>1</v>
      </c>
      <c r="L2510" t="s">
        <v>995</v>
      </c>
      <c r="M2510" t="s">
        <v>83</v>
      </c>
      <c r="N2510" t="s">
        <v>84</v>
      </c>
      <c r="O2510" t="s">
        <v>85</v>
      </c>
      <c r="P2510" t="s">
        <v>86</v>
      </c>
      <c r="Q2510">
        <v>8</v>
      </c>
      <c r="R2510">
        <v>8</v>
      </c>
      <c r="S2510">
        <v>8</v>
      </c>
      <c r="T2510">
        <v>8</v>
      </c>
      <c r="U2510">
        <v>8</v>
      </c>
      <c r="V2510">
        <v>8</v>
      </c>
      <c r="W2510">
        <v>9</v>
      </c>
      <c r="X2510">
        <v>9</v>
      </c>
      <c r="Y2510">
        <v>9</v>
      </c>
      <c r="Z2510">
        <v>9</v>
      </c>
      <c r="AA2510">
        <v>9</v>
      </c>
      <c r="AB2510">
        <v>9</v>
      </c>
      <c r="AC2510">
        <v>9</v>
      </c>
      <c r="AD2510">
        <v>9</v>
      </c>
      <c r="AE2510">
        <v>9</v>
      </c>
      <c r="AF2510">
        <v>9</v>
      </c>
      <c r="AG2510">
        <v>9</v>
      </c>
      <c r="AH2510">
        <v>9</v>
      </c>
      <c r="AI2510">
        <v>9</v>
      </c>
      <c r="AJ2510">
        <v>9</v>
      </c>
      <c r="AK2510">
        <v>9</v>
      </c>
      <c r="AL2510">
        <v>9</v>
      </c>
      <c r="AM2510">
        <v>9</v>
      </c>
      <c r="AN2510">
        <v>9</v>
      </c>
      <c r="AO2510">
        <v>9</v>
      </c>
      <c r="AP2510">
        <v>9</v>
      </c>
      <c r="AQ2510">
        <v>8</v>
      </c>
    </row>
    <row r="2511" spans="1:43">
      <c r="A2511" t="s">
        <v>1616</v>
      </c>
      <c r="B2511" t="s">
        <v>1617</v>
      </c>
      <c r="C2511" t="s">
        <v>1612</v>
      </c>
      <c r="D2511" t="s">
        <v>1613</v>
      </c>
      <c r="E2511" t="s">
        <v>1586</v>
      </c>
      <c r="F2511" t="s">
        <v>1587</v>
      </c>
      <c r="G2511" t="s">
        <v>80</v>
      </c>
      <c r="H2511" t="s">
        <v>81</v>
      </c>
      <c r="I2511" s="2">
        <v>0</v>
      </c>
      <c r="J2511" s="2">
        <v>0</v>
      </c>
      <c r="K2511" s="2">
        <v>1</v>
      </c>
      <c r="L2511" t="s">
        <v>995</v>
      </c>
      <c r="M2511" t="s">
        <v>87</v>
      </c>
      <c r="N2511" t="s">
        <v>88</v>
      </c>
      <c r="O2511" t="s">
        <v>85</v>
      </c>
      <c r="P2511" t="s">
        <v>86</v>
      </c>
      <c r="Q2511">
        <v>8</v>
      </c>
      <c r="R2511">
        <v>8</v>
      </c>
      <c r="S2511">
        <v>8</v>
      </c>
      <c r="T2511">
        <v>8</v>
      </c>
      <c r="U2511">
        <v>8</v>
      </c>
      <c r="V2511">
        <v>8</v>
      </c>
      <c r="W2511">
        <v>8</v>
      </c>
      <c r="X2511">
        <v>8</v>
      </c>
      <c r="Y2511">
        <v>8</v>
      </c>
      <c r="Z2511">
        <v>8</v>
      </c>
      <c r="AA2511">
        <v>8</v>
      </c>
      <c r="AB2511">
        <v>8</v>
      </c>
      <c r="AC2511">
        <v>8</v>
      </c>
      <c r="AD2511">
        <v>8</v>
      </c>
      <c r="AE2511">
        <v>8</v>
      </c>
      <c r="AF2511">
        <v>8</v>
      </c>
      <c r="AG2511">
        <v>8</v>
      </c>
      <c r="AH2511">
        <v>8</v>
      </c>
      <c r="AI2511">
        <v>8</v>
      </c>
      <c r="AJ2511">
        <v>8</v>
      </c>
      <c r="AK2511">
        <v>8</v>
      </c>
      <c r="AL2511">
        <v>8</v>
      </c>
      <c r="AM2511">
        <v>7</v>
      </c>
      <c r="AN2511">
        <v>7</v>
      </c>
      <c r="AO2511">
        <v>7</v>
      </c>
      <c r="AP2511">
        <v>7</v>
      </c>
      <c r="AQ2511">
        <v>7</v>
      </c>
    </row>
    <row r="2512" spans="1:43">
      <c r="A2512" t="s">
        <v>1616</v>
      </c>
      <c r="B2512" t="s">
        <v>1617</v>
      </c>
      <c r="C2512" t="s">
        <v>1612</v>
      </c>
      <c r="D2512" t="s">
        <v>1613</v>
      </c>
      <c r="E2512" t="s">
        <v>1586</v>
      </c>
      <c r="F2512" t="s">
        <v>1587</v>
      </c>
      <c r="G2512" t="s">
        <v>80</v>
      </c>
      <c r="H2512" t="s">
        <v>81</v>
      </c>
      <c r="I2512" s="2">
        <v>0</v>
      </c>
      <c r="J2512" s="2">
        <v>0</v>
      </c>
      <c r="K2512" s="2">
        <v>1</v>
      </c>
      <c r="L2512" t="s">
        <v>995</v>
      </c>
      <c r="M2512" t="s">
        <v>89</v>
      </c>
      <c r="N2512" t="s">
        <v>90</v>
      </c>
      <c r="O2512" t="s">
        <v>85</v>
      </c>
      <c r="P2512" t="s">
        <v>86</v>
      </c>
      <c r="Q2512">
        <v>8</v>
      </c>
      <c r="R2512">
        <v>9</v>
      </c>
      <c r="S2512">
        <v>9</v>
      </c>
      <c r="T2512">
        <v>9</v>
      </c>
      <c r="U2512">
        <v>9</v>
      </c>
      <c r="V2512">
        <v>9</v>
      </c>
      <c r="W2512">
        <v>9</v>
      </c>
      <c r="X2512">
        <v>9</v>
      </c>
      <c r="Y2512">
        <v>9</v>
      </c>
      <c r="Z2512">
        <v>9</v>
      </c>
      <c r="AA2512">
        <v>9</v>
      </c>
      <c r="AB2512">
        <v>9</v>
      </c>
      <c r="AC2512">
        <v>9</v>
      </c>
      <c r="AD2512">
        <v>9</v>
      </c>
      <c r="AE2512">
        <v>9</v>
      </c>
      <c r="AF2512">
        <v>9</v>
      </c>
      <c r="AG2512">
        <v>9</v>
      </c>
      <c r="AH2512">
        <v>9</v>
      </c>
      <c r="AI2512">
        <v>9</v>
      </c>
      <c r="AJ2512">
        <v>9</v>
      </c>
      <c r="AK2512">
        <v>9</v>
      </c>
      <c r="AL2512">
        <v>9</v>
      </c>
      <c r="AM2512">
        <v>9</v>
      </c>
      <c r="AN2512">
        <v>9</v>
      </c>
      <c r="AO2512">
        <v>9</v>
      </c>
      <c r="AP2512">
        <v>9</v>
      </c>
      <c r="AQ2512">
        <v>9</v>
      </c>
    </row>
    <row r="2513" spans="1:43">
      <c r="A2513" t="s">
        <v>1616</v>
      </c>
      <c r="B2513" t="s">
        <v>1617</v>
      </c>
      <c r="C2513" t="s">
        <v>1612</v>
      </c>
      <c r="D2513" t="s">
        <v>1613</v>
      </c>
      <c r="E2513" t="s">
        <v>1586</v>
      </c>
      <c r="F2513" t="s">
        <v>1587</v>
      </c>
      <c r="G2513" t="s">
        <v>80</v>
      </c>
      <c r="H2513" t="s">
        <v>81</v>
      </c>
      <c r="I2513" s="2">
        <v>0</v>
      </c>
      <c r="J2513" s="2">
        <v>0</v>
      </c>
      <c r="K2513" s="2">
        <v>1</v>
      </c>
      <c r="L2513" t="s">
        <v>995</v>
      </c>
      <c r="M2513" t="s">
        <v>83</v>
      </c>
      <c r="N2513" t="s">
        <v>91</v>
      </c>
      <c r="O2513" t="s">
        <v>85</v>
      </c>
      <c r="P2513" t="s">
        <v>86</v>
      </c>
      <c r="Q2513">
        <v>8</v>
      </c>
      <c r="R2513">
        <v>8</v>
      </c>
      <c r="S2513">
        <v>8</v>
      </c>
      <c r="T2513">
        <v>8</v>
      </c>
      <c r="U2513">
        <v>8</v>
      </c>
      <c r="V2513">
        <v>8</v>
      </c>
      <c r="W2513">
        <v>9</v>
      </c>
      <c r="X2513">
        <v>9</v>
      </c>
      <c r="Y2513">
        <v>9</v>
      </c>
      <c r="Z2513">
        <v>9</v>
      </c>
      <c r="AA2513">
        <v>9</v>
      </c>
      <c r="AB2513">
        <v>9</v>
      </c>
      <c r="AC2513">
        <v>9</v>
      </c>
      <c r="AD2513">
        <v>9</v>
      </c>
      <c r="AE2513">
        <v>9</v>
      </c>
      <c r="AF2513">
        <v>9</v>
      </c>
      <c r="AG2513">
        <v>9</v>
      </c>
      <c r="AH2513">
        <v>9</v>
      </c>
      <c r="AI2513">
        <v>9</v>
      </c>
      <c r="AJ2513">
        <v>9</v>
      </c>
      <c r="AK2513">
        <v>9</v>
      </c>
      <c r="AL2513">
        <v>9</v>
      </c>
      <c r="AM2513">
        <v>9</v>
      </c>
      <c r="AN2513">
        <v>9</v>
      </c>
      <c r="AO2513">
        <v>9</v>
      </c>
      <c r="AP2513">
        <v>9</v>
      </c>
      <c r="AQ2513">
        <v>8</v>
      </c>
    </row>
    <row r="2514" spans="1:43">
      <c r="A2514" t="s">
        <v>1618</v>
      </c>
      <c r="B2514" t="s">
        <v>1619</v>
      </c>
      <c r="C2514" t="s">
        <v>1612</v>
      </c>
      <c r="D2514" t="s">
        <v>1613</v>
      </c>
      <c r="E2514" t="s">
        <v>1586</v>
      </c>
      <c r="F2514" t="s">
        <v>1587</v>
      </c>
      <c r="G2514" t="s">
        <v>80</v>
      </c>
      <c r="H2514" t="s">
        <v>81</v>
      </c>
      <c r="I2514" s="2">
        <v>0</v>
      </c>
      <c r="J2514" s="2">
        <v>0</v>
      </c>
      <c r="K2514" s="2">
        <v>1</v>
      </c>
      <c r="L2514" t="s">
        <v>995</v>
      </c>
      <c r="M2514" t="s">
        <v>83</v>
      </c>
      <c r="N2514" t="s">
        <v>84</v>
      </c>
      <c r="O2514" t="s">
        <v>85</v>
      </c>
      <c r="P2514" t="s">
        <v>86</v>
      </c>
      <c r="Q2514">
        <v>29</v>
      </c>
      <c r="R2514">
        <v>29</v>
      </c>
      <c r="S2514">
        <v>29</v>
      </c>
      <c r="T2514">
        <v>30</v>
      </c>
      <c r="U2514">
        <v>30</v>
      </c>
      <c r="V2514">
        <v>30</v>
      </c>
      <c r="W2514">
        <v>30</v>
      </c>
      <c r="X2514">
        <v>30</v>
      </c>
      <c r="Y2514">
        <v>30</v>
      </c>
      <c r="Z2514">
        <v>30</v>
      </c>
      <c r="AA2514">
        <v>30</v>
      </c>
      <c r="AB2514">
        <v>30</v>
      </c>
      <c r="AC2514">
        <v>30</v>
      </c>
      <c r="AD2514">
        <v>31</v>
      </c>
      <c r="AE2514">
        <v>31</v>
      </c>
      <c r="AF2514">
        <v>31</v>
      </c>
      <c r="AG2514">
        <v>31</v>
      </c>
      <c r="AH2514">
        <v>31</v>
      </c>
      <c r="AI2514">
        <v>31</v>
      </c>
      <c r="AJ2514">
        <v>31</v>
      </c>
      <c r="AK2514">
        <v>31</v>
      </c>
      <c r="AL2514">
        <v>31</v>
      </c>
      <c r="AM2514">
        <v>30</v>
      </c>
      <c r="AN2514">
        <v>30</v>
      </c>
      <c r="AO2514">
        <v>30</v>
      </c>
      <c r="AP2514">
        <v>30</v>
      </c>
      <c r="AQ2514">
        <v>30</v>
      </c>
    </row>
    <row r="2515" spans="1:43">
      <c r="A2515" t="s">
        <v>1618</v>
      </c>
      <c r="B2515" t="s">
        <v>1619</v>
      </c>
      <c r="C2515" t="s">
        <v>1612</v>
      </c>
      <c r="D2515" t="s">
        <v>1613</v>
      </c>
      <c r="E2515" t="s">
        <v>1586</v>
      </c>
      <c r="F2515" t="s">
        <v>1587</v>
      </c>
      <c r="G2515" t="s">
        <v>80</v>
      </c>
      <c r="H2515" t="s">
        <v>81</v>
      </c>
      <c r="I2515" s="2">
        <v>0</v>
      </c>
      <c r="J2515" s="2">
        <v>0</v>
      </c>
      <c r="K2515" s="2">
        <v>1</v>
      </c>
      <c r="L2515" t="s">
        <v>995</v>
      </c>
      <c r="M2515" t="s">
        <v>87</v>
      </c>
      <c r="N2515" t="s">
        <v>88</v>
      </c>
      <c r="O2515" t="s">
        <v>85</v>
      </c>
      <c r="P2515" t="s">
        <v>86</v>
      </c>
      <c r="Q2515">
        <v>29</v>
      </c>
      <c r="R2515">
        <v>29</v>
      </c>
      <c r="S2515">
        <v>29</v>
      </c>
      <c r="T2515">
        <v>28</v>
      </c>
      <c r="U2515">
        <v>28</v>
      </c>
      <c r="V2515">
        <v>28</v>
      </c>
      <c r="W2515">
        <v>28</v>
      </c>
      <c r="X2515">
        <v>28</v>
      </c>
      <c r="Y2515">
        <v>28</v>
      </c>
      <c r="Z2515">
        <v>28</v>
      </c>
      <c r="AA2515">
        <v>28</v>
      </c>
      <c r="AB2515">
        <v>27</v>
      </c>
      <c r="AC2515">
        <v>27</v>
      </c>
      <c r="AD2515">
        <v>27</v>
      </c>
      <c r="AE2515">
        <v>27</v>
      </c>
      <c r="AF2515">
        <v>27</v>
      </c>
      <c r="AG2515">
        <v>27</v>
      </c>
      <c r="AH2515">
        <v>27</v>
      </c>
      <c r="AI2515">
        <v>27</v>
      </c>
      <c r="AJ2515">
        <v>27</v>
      </c>
      <c r="AK2515">
        <v>26</v>
      </c>
      <c r="AL2515">
        <v>26</v>
      </c>
      <c r="AM2515">
        <v>26</v>
      </c>
      <c r="AN2515">
        <v>26</v>
      </c>
      <c r="AO2515">
        <v>26</v>
      </c>
      <c r="AP2515">
        <v>26</v>
      </c>
      <c r="AQ2515">
        <v>26</v>
      </c>
    </row>
    <row r="2516" spans="1:43">
      <c r="A2516" t="s">
        <v>1618</v>
      </c>
      <c r="B2516" t="s">
        <v>1619</v>
      </c>
      <c r="C2516" t="s">
        <v>1612</v>
      </c>
      <c r="D2516" t="s">
        <v>1613</v>
      </c>
      <c r="E2516" t="s">
        <v>1586</v>
      </c>
      <c r="F2516" t="s">
        <v>1587</v>
      </c>
      <c r="G2516" t="s">
        <v>80</v>
      </c>
      <c r="H2516" t="s">
        <v>81</v>
      </c>
      <c r="I2516" s="2">
        <v>0</v>
      </c>
      <c r="J2516" s="2">
        <v>0</v>
      </c>
      <c r="K2516" s="2">
        <v>1</v>
      </c>
      <c r="L2516" t="s">
        <v>995</v>
      </c>
      <c r="M2516" t="s">
        <v>89</v>
      </c>
      <c r="N2516" t="s">
        <v>90</v>
      </c>
      <c r="O2516" t="s">
        <v>85</v>
      </c>
      <c r="P2516" t="s">
        <v>86</v>
      </c>
      <c r="Q2516">
        <v>29</v>
      </c>
      <c r="R2516">
        <v>30</v>
      </c>
      <c r="S2516">
        <v>30</v>
      </c>
      <c r="T2516">
        <v>30</v>
      </c>
      <c r="U2516">
        <v>31</v>
      </c>
      <c r="V2516">
        <v>31</v>
      </c>
      <c r="W2516">
        <v>31</v>
      </c>
      <c r="X2516">
        <v>32</v>
      </c>
      <c r="Y2516">
        <v>32</v>
      </c>
      <c r="Z2516">
        <v>32</v>
      </c>
      <c r="AA2516">
        <v>32</v>
      </c>
      <c r="AB2516">
        <v>32</v>
      </c>
      <c r="AC2516">
        <v>33</v>
      </c>
      <c r="AD2516">
        <v>33</v>
      </c>
      <c r="AE2516">
        <v>33</v>
      </c>
      <c r="AF2516">
        <v>32</v>
      </c>
      <c r="AG2516">
        <v>32</v>
      </c>
      <c r="AH2516">
        <v>32</v>
      </c>
      <c r="AI2516">
        <v>32</v>
      </c>
      <c r="AJ2516">
        <v>31</v>
      </c>
      <c r="AK2516">
        <v>31</v>
      </c>
      <c r="AL2516">
        <v>31</v>
      </c>
      <c r="AM2516">
        <v>31</v>
      </c>
      <c r="AN2516">
        <v>31</v>
      </c>
      <c r="AO2516">
        <v>30</v>
      </c>
      <c r="AP2516">
        <v>30</v>
      </c>
      <c r="AQ2516">
        <v>30</v>
      </c>
    </row>
    <row r="2517" spans="1:43">
      <c r="A2517" t="s">
        <v>1618</v>
      </c>
      <c r="B2517" t="s">
        <v>1619</v>
      </c>
      <c r="C2517" t="s">
        <v>1612</v>
      </c>
      <c r="D2517" t="s">
        <v>1613</v>
      </c>
      <c r="E2517" t="s">
        <v>1586</v>
      </c>
      <c r="F2517" t="s">
        <v>1587</v>
      </c>
      <c r="G2517" t="s">
        <v>80</v>
      </c>
      <c r="H2517" t="s">
        <v>81</v>
      </c>
      <c r="I2517" s="2">
        <v>0</v>
      </c>
      <c r="J2517" s="2">
        <v>0</v>
      </c>
      <c r="K2517" s="2">
        <v>1</v>
      </c>
      <c r="L2517" t="s">
        <v>995</v>
      </c>
      <c r="M2517" t="s">
        <v>83</v>
      </c>
      <c r="N2517" t="s">
        <v>91</v>
      </c>
      <c r="O2517" t="s">
        <v>85</v>
      </c>
      <c r="P2517" t="s">
        <v>86</v>
      </c>
      <c r="Q2517">
        <v>29</v>
      </c>
      <c r="R2517">
        <v>29</v>
      </c>
      <c r="S2517">
        <v>29</v>
      </c>
      <c r="T2517">
        <v>30</v>
      </c>
      <c r="U2517">
        <v>30</v>
      </c>
      <c r="V2517">
        <v>30</v>
      </c>
      <c r="W2517">
        <v>30</v>
      </c>
      <c r="X2517">
        <v>30</v>
      </c>
      <c r="Y2517">
        <v>30</v>
      </c>
      <c r="Z2517">
        <v>30</v>
      </c>
      <c r="AA2517">
        <v>30</v>
      </c>
      <c r="AB2517">
        <v>30</v>
      </c>
      <c r="AC2517">
        <v>30</v>
      </c>
      <c r="AD2517">
        <v>31</v>
      </c>
      <c r="AE2517">
        <v>31</v>
      </c>
      <c r="AF2517">
        <v>31</v>
      </c>
      <c r="AG2517">
        <v>31</v>
      </c>
      <c r="AH2517">
        <v>31</v>
      </c>
      <c r="AI2517">
        <v>31</v>
      </c>
      <c r="AJ2517">
        <v>31</v>
      </c>
      <c r="AK2517">
        <v>31</v>
      </c>
      <c r="AL2517">
        <v>31</v>
      </c>
      <c r="AM2517">
        <v>30</v>
      </c>
      <c r="AN2517">
        <v>30</v>
      </c>
      <c r="AO2517">
        <v>30</v>
      </c>
      <c r="AP2517">
        <v>30</v>
      </c>
      <c r="AQ2517">
        <v>30</v>
      </c>
    </row>
    <row r="2518" spans="1:43">
      <c r="A2518" t="s">
        <v>1620</v>
      </c>
      <c r="B2518" t="s">
        <v>1621</v>
      </c>
      <c r="C2518" t="s">
        <v>1622</v>
      </c>
      <c r="D2518" t="s">
        <v>1623</v>
      </c>
      <c r="E2518" t="s">
        <v>1586</v>
      </c>
      <c r="F2518" t="s">
        <v>1587</v>
      </c>
      <c r="G2518" t="s">
        <v>80</v>
      </c>
      <c r="H2518" t="s">
        <v>81</v>
      </c>
      <c r="I2518" s="2">
        <v>0</v>
      </c>
      <c r="J2518" s="2">
        <v>0</v>
      </c>
      <c r="K2518" s="2">
        <v>1</v>
      </c>
      <c r="L2518" t="s">
        <v>995</v>
      </c>
      <c r="M2518" t="s">
        <v>83</v>
      </c>
      <c r="N2518" t="s">
        <v>84</v>
      </c>
      <c r="O2518" t="s">
        <v>85</v>
      </c>
      <c r="P2518" t="s">
        <v>86</v>
      </c>
      <c r="Q2518">
        <v>47</v>
      </c>
      <c r="R2518">
        <v>47</v>
      </c>
      <c r="S2518">
        <v>48</v>
      </c>
      <c r="T2518">
        <v>48</v>
      </c>
      <c r="U2518">
        <v>48</v>
      </c>
      <c r="V2518">
        <v>48</v>
      </c>
      <c r="W2518">
        <v>48</v>
      </c>
      <c r="X2518">
        <v>49</v>
      </c>
      <c r="Y2518">
        <v>49</v>
      </c>
      <c r="Z2518">
        <v>49</v>
      </c>
      <c r="AA2518">
        <v>49</v>
      </c>
      <c r="AB2518">
        <v>49</v>
      </c>
      <c r="AC2518">
        <v>49</v>
      </c>
      <c r="AD2518">
        <v>50</v>
      </c>
      <c r="AE2518">
        <v>50</v>
      </c>
      <c r="AF2518">
        <v>50</v>
      </c>
      <c r="AG2518">
        <v>50</v>
      </c>
      <c r="AH2518">
        <v>50</v>
      </c>
      <c r="AI2518">
        <v>50</v>
      </c>
      <c r="AJ2518">
        <v>50</v>
      </c>
      <c r="AK2518">
        <v>50</v>
      </c>
      <c r="AL2518">
        <v>50</v>
      </c>
      <c r="AM2518">
        <v>49</v>
      </c>
      <c r="AN2518">
        <v>49</v>
      </c>
      <c r="AO2518">
        <v>49</v>
      </c>
      <c r="AP2518">
        <v>48</v>
      </c>
      <c r="AQ2518">
        <v>48</v>
      </c>
    </row>
    <row r="2519" spans="1:43">
      <c r="A2519" t="s">
        <v>1620</v>
      </c>
      <c r="B2519" t="s">
        <v>1621</v>
      </c>
      <c r="C2519" t="s">
        <v>1622</v>
      </c>
      <c r="D2519" t="s">
        <v>1623</v>
      </c>
      <c r="E2519" t="s">
        <v>1586</v>
      </c>
      <c r="F2519" t="s">
        <v>1587</v>
      </c>
      <c r="G2519" t="s">
        <v>80</v>
      </c>
      <c r="H2519" t="s">
        <v>81</v>
      </c>
      <c r="I2519" s="2">
        <v>0</v>
      </c>
      <c r="J2519" s="2">
        <v>0</v>
      </c>
      <c r="K2519" s="2">
        <v>1</v>
      </c>
      <c r="L2519" t="s">
        <v>995</v>
      </c>
      <c r="M2519" t="s">
        <v>87</v>
      </c>
      <c r="N2519" t="s">
        <v>88</v>
      </c>
      <c r="O2519" t="s">
        <v>85</v>
      </c>
      <c r="P2519" t="s">
        <v>86</v>
      </c>
      <c r="Q2519">
        <v>47</v>
      </c>
      <c r="R2519">
        <v>47</v>
      </c>
      <c r="S2519">
        <v>46</v>
      </c>
      <c r="T2519">
        <v>46</v>
      </c>
      <c r="U2519">
        <v>46</v>
      </c>
      <c r="V2519">
        <v>46</v>
      </c>
      <c r="W2519">
        <v>46</v>
      </c>
      <c r="X2519">
        <v>45</v>
      </c>
      <c r="Y2519">
        <v>45</v>
      </c>
      <c r="Z2519">
        <v>45</v>
      </c>
      <c r="AA2519">
        <v>45</v>
      </c>
      <c r="AB2519">
        <v>45</v>
      </c>
      <c r="AC2519">
        <v>44</v>
      </c>
      <c r="AD2519">
        <v>44</v>
      </c>
      <c r="AE2519">
        <v>44</v>
      </c>
      <c r="AF2519">
        <v>44</v>
      </c>
      <c r="AG2519">
        <v>44</v>
      </c>
      <c r="AH2519">
        <v>43</v>
      </c>
      <c r="AI2519">
        <v>43</v>
      </c>
      <c r="AJ2519">
        <v>43</v>
      </c>
      <c r="AK2519">
        <v>43</v>
      </c>
      <c r="AL2519">
        <v>43</v>
      </c>
      <c r="AM2519">
        <v>43</v>
      </c>
      <c r="AN2519">
        <v>42</v>
      </c>
      <c r="AO2519">
        <v>42</v>
      </c>
      <c r="AP2519">
        <v>42</v>
      </c>
      <c r="AQ2519">
        <v>42</v>
      </c>
    </row>
    <row r="2520" spans="1:43">
      <c r="A2520" t="s">
        <v>1620</v>
      </c>
      <c r="B2520" t="s">
        <v>1621</v>
      </c>
      <c r="C2520" t="s">
        <v>1622</v>
      </c>
      <c r="D2520" t="s">
        <v>1623</v>
      </c>
      <c r="E2520" t="s">
        <v>1586</v>
      </c>
      <c r="F2520" t="s">
        <v>1587</v>
      </c>
      <c r="G2520" t="s">
        <v>80</v>
      </c>
      <c r="H2520" t="s">
        <v>81</v>
      </c>
      <c r="I2520" s="2">
        <v>0</v>
      </c>
      <c r="J2520" s="2">
        <v>0</v>
      </c>
      <c r="K2520" s="2">
        <v>1</v>
      </c>
      <c r="L2520" t="s">
        <v>995</v>
      </c>
      <c r="M2520" t="s">
        <v>89</v>
      </c>
      <c r="N2520" t="s">
        <v>90</v>
      </c>
      <c r="O2520" t="s">
        <v>85</v>
      </c>
      <c r="P2520" t="s">
        <v>86</v>
      </c>
      <c r="Q2520">
        <v>47</v>
      </c>
      <c r="R2520">
        <v>47</v>
      </c>
      <c r="S2520">
        <v>48</v>
      </c>
      <c r="T2520">
        <v>48</v>
      </c>
      <c r="U2520">
        <v>49</v>
      </c>
      <c r="V2520">
        <v>50</v>
      </c>
      <c r="W2520">
        <v>50</v>
      </c>
      <c r="X2520">
        <v>50</v>
      </c>
      <c r="Y2520">
        <v>51</v>
      </c>
      <c r="Z2520">
        <v>51</v>
      </c>
      <c r="AA2520">
        <v>51</v>
      </c>
      <c r="AB2520">
        <v>52</v>
      </c>
      <c r="AC2520">
        <v>52</v>
      </c>
      <c r="AD2520">
        <v>52</v>
      </c>
      <c r="AE2520">
        <v>52</v>
      </c>
      <c r="AF2520">
        <v>52</v>
      </c>
      <c r="AG2520">
        <v>51</v>
      </c>
      <c r="AH2520">
        <v>51</v>
      </c>
      <c r="AI2520">
        <v>50</v>
      </c>
      <c r="AJ2520">
        <v>50</v>
      </c>
      <c r="AK2520">
        <v>50</v>
      </c>
      <c r="AL2520">
        <v>49</v>
      </c>
      <c r="AM2520">
        <v>49</v>
      </c>
      <c r="AN2520">
        <v>49</v>
      </c>
      <c r="AO2520">
        <v>48</v>
      </c>
      <c r="AP2520">
        <v>48</v>
      </c>
      <c r="AQ2520">
        <v>48</v>
      </c>
    </row>
    <row r="2521" spans="1:43">
      <c r="A2521" t="s">
        <v>1620</v>
      </c>
      <c r="B2521" t="s">
        <v>1621</v>
      </c>
      <c r="C2521" t="s">
        <v>1622</v>
      </c>
      <c r="D2521" t="s">
        <v>1623</v>
      </c>
      <c r="E2521" t="s">
        <v>1586</v>
      </c>
      <c r="F2521" t="s">
        <v>1587</v>
      </c>
      <c r="G2521" t="s">
        <v>80</v>
      </c>
      <c r="H2521" t="s">
        <v>81</v>
      </c>
      <c r="I2521" s="2">
        <v>0</v>
      </c>
      <c r="J2521" s="2">
        <v>0</v>
      </c>
      <c r="K2521" s="2">
        <v>1</v>
      </c>
      <c r="L2521" t="s">
        <v>995</v>
      </c>
      <c r="M2521" t="s">
        <v>83</v>
      </c>
      <c r="N2521" t="s">
        <v>91</v>
      </c>
      <c r="O2521" t="s">
        <v>85</v>
      </c>
      <c r="P2521" t="s">
        <v>86</v>
      </c>
      <c r="Q2521">
        <v>47</v>
      </c>
      <c r="R2521">
        <v>47</v>
      </c>
      <c r="S2521">
        <v>48</v>
      </c>
      <c r="T2521">
        <v>48</v>
      </c>
      <c r="U2521">
        <v>48</v>
      </c>
      <c r="V2521">
        <v>48</v>
      </c>
      <c r="W2521">
        <v>48</v>
      </c>
      <c r="X2521">
        <v>49</v>
      </c>
      <c r="Y2521">
        <v>49</v>
      </c>
      <c r="Z2521">
        <v>49</v>
      </c>
      <c r="AA2521">
        <v>49</v>
      </c>
      <c r="AB2521">
        <v>49</v>
      </c>
      <c r="AC2521">
        <v>49</v>
      </c>
      <c r="AD2521">
        <v>50</v>
      </c>
      <c r="AE2521">
        <v>50</v>
      </c>
      <c r="AF2521">
        <v>50</v>
      </c>
      <c r="AG2521">
        <v>50</v>
      </c>
      <c r="AH2521">
        <v>50</v>
      </c>
      <c r="AI2521">
        <v>50</v>
      </c>
      <c r="AJ2521">
        <v>50</v>
      </c>
      <c r="AK2521">
        <v>50</v>
      </c>
      <c r="AL2521">
        <v>50</v>
      </c>
      <c r="AM2521">
        <v>49</v>
      </c>
      <c r="AN2521">
        <v>49</v>
      </c>
      <c r="AO2521">
        <v>49</v>
      </c>
      <c r="AP2521">
        <v>48</v>
      </c>
      <c r="AQ2521">
        <v>48</v>
      </c>
    </row>
    <row r="2522" spans="1:43">
      <c r="A2522" t="s">
        <v>1624</v>
      </c>
      <c r="B2522" t="s">
        <v>1625</v>
      </c>
      <c r="C2522" t="s">
        <v>1612</v>
      </c>
      <c r="D2522" t="s">
        <v>1613</v>
      </c>
      <c r="E2522" t="s">
        <v>1586</v>
      </c>
      <c r="F2522" t="s">
        <v>1587</v>
      </c>
      <c r="G2522" t="s">
        <v>80</v>
      </c>
      <c r="H2522" t="s">
        <v>81</v>
      </c>
      <c r="I2522" s="2">
        <v>0</v>
      </c>
      <c r="J2522" s="2">
        <v>0</v>
      </c>
      <c r="K2522" s="2">
        <v>1</v>
      </c>
      <c r="L2522" t="s">
        <v>995</v>
      </c>
      <c r="M2522" t="s">
        <v>83</v>
      </c>
      <c r="N2522" t="s">
        <v>84</v>
      </c>
      <c r="O2522" t="s">
        <v>85</v>
      </c>
      <c r="P2522" t="s">
        <v>86</v>
      </c>
      <c r="Q2522">
        <v>9</v>
      </c>
      <c r="R2522">
        <v>9</v>
      </c>
      <c r="S2522">
        <v>9</v>
      </c>
      <c r="T2522">
        <v>9</v>
      </c>
      <c r="U2522">
        <v>9</v>
      </c>
      <c r="V2522">
        <v>9</v>
      </c>
      <c r="W2522">
        <v>9</v>
      </c>
      <c r="X2522">
        <v>9</v>
      </c>
      <c r="Y2522">
        <v>9</v>
      </c>
      <c r="Z2522">
        <v>9</v>
      </c>
      <c r="AA2522">
        <v>9</v>
      </c>
      <c r="AB2522">
        <v>9</v>
      </c>
      <c r="AC2522">
        <v>9</v>
      </c>
      <c r="AD2522">
        <v>9</v>
      </c>
      <c r="AE2522">
        <v>9</v>
      </c>
      <c r="AF2522">
        <v>9</v>
      </c>
      <c r="AG2522">
        <v>9</v>
      </c>
      <c r="AH2522">
        <v>9</v>
      </c>
      <c r="AI2522">
        <v>9</v>
      </c>
      <c r="AJ2522">
        <v>9</v>
      </c>
      <c r="AK2522">
        <v>9</v>
      </c>
      <c r="AL2522">
        <v>9</v>
      </c>
      <c r="AM2522">
        <v>9</v>
      </c>
      <c r="AN2522">
        <v>9</v>
      </c>
      <c r="AO2522">
        <v>9</v>
      </c>
      <c r="AP2522">
        <v>9</v>
      </c>
      <c r="AQ2522">
        <v>9</v>
      </c>
    </row>
    <row r="2523" spans="1:43">
      <c r="A2523" t="s">
        <v>1624</v>
      </c>
      <c r="B2523" t="s">
        <v>1625</v>
      </c>
      <c r="C2523" t="s">
        <v>1612</v>
      </c>
      <c r="D2523" t="s">
        <v>1613</v>
      </c>
      <c r="E2523" t="s">
        <v>1586</v>
      </c>
      <c r="F2523" t="s">
        <v>1587</v>
      </c>
      <c r="G2523" t="s">
        <v>80</v>
      </c>
      <c r="H2523" t="s">
        <v>81</v>
      </c>
      <c r="I2523" s="2">
        <v>0</v>
      </c>
      <c r="J2523" s="2">
        <v>0</v>
      </c>
      <c r="K2523" s="2">
        <v>1</v>
      </c>
      <c r="L2523" t="s">
        <v>995</v>
      </c>
      <c r="M2523" t="s">
        <v>87</v>
      </c>
      <c r="N2523" t="s">
        <v>88</v>
      </c>
      <c r="O2523" t="s">
        <v>85</v>
      </c>
      <c r="P2523" t="s">
        <v>86</v>
      </c>
      <c r="Q2523">
        <v>9</v>
      </c>
      <c r="R2523">
        <v>9</v>
      </c>
      <c r="S2523">
        <v>9</v>
      </c>
      <c r="T2523">
        <v>9</v>
      </c>
      <c r="U2523">
        <v>9</v>
      </c>
      <c r="V2523">
        <v>8</v>
      </c>
      <c r="W2523">
        <v>8</v>
      </c>
      <c r="X2523">
        <v>8</v>
      </c>
      <c r="Y2523">
        <v>8</v>
      </c>
      <c r="Z2523">
        <v>8</v>
      </c>
      <c r="AA2523">
        <v>8</v>
      </c>
      <c r="AB2523">
        <v>8</v>
      </c>
      <c r="AC2523">
        <v>8</v>
      </c>
      <c r="AD2523">
        <v>8</v>
      </c>
      <c r="AE2523">
        <v>8</v>
      </c>
      <c r="AF2523">
        <v>8</v>
      </c>
      <c r="AG2523">
        <v>8</v>
      </c>
      <c r="AH2523">
        <v>8</v>
      </c>
      <c r="AI2523">
        <v>8</v>
      </c>
      <c r="AJ2523">
        <v>8</v>
      </c>
      <c r="AK2523">
        <v>8</v>
      </c>
      <c r="AL2523">
        <v>8</v>
      </c>
      <c r="AM2523">
        <v>8</v>
      </c>
      <c r="AN2523">
        <v>8</v>
      </c>
      <c r="AO2523">
        <v>8</v>
      </c>
      <c r="AP2523">
        <v>8</v>
      </c>
      <c r="AQ2523">
        <v>8</v>
      </c>
    </row>
    <row r="2524" spans="1:43">
      <c r="A2524" t="s">
        <v>1624</v>
      </c>
      <c r="B2524" t="s">
        <v>1625</v>
      </c>
      <c r="C2524" t="s">
        <v>1612</v>
      </c>
      <c r="D2524" t="s">
        <v>1613</v>
      </c>
      <c r="E2524" t="s">
        <v>1586</v>
      </c>
      <c r="F2524" t="s">
        <v>1587</v>
      </c>
      <c r="G2524" t="s">
        <v>80</v>
      </c>
      <c r="H2524" t="s">
        <v>81</v>
      </c>
      <c r="I2524" s="2">
        <v>0</v>
      </c>
      <c r="J2524" s="2">
        <v>0</v>
      </c>
      <c r="K2524" s="2">
        <v>1</v>
      </c>
      <c r="L2524" t="s">
        <v>995</v>
      </c>
      <c r="M2524" t="s">
        <v>89</v>
      </c>
      <c r="N2524" t="s">
        <v>90</v>
      </c>
      <c r="O2524" t="s">
        <v>85</v>
      </c>
      <c r="P2524" t="s">
        <v>86</v>
      </c>
      <c r="Q2524">
        <v>9</v>
      </c>
      <c r="R2524">
        <v>9</v>
      </c>
      <c r="S2524">
        <v>9</v>
      </c>
      <c r="T2524">
        <v>9</v>
      </c>
      <c r="U2524">
        <v>9</v>
      </c>
      <c r="V2524">
        <v>9</v>
      </c>
      <c r="W2524">
        <v>9</v>
      </c>
      <c r="X2524">
        <v>10</v>
      </c>
      <c r="Y2524">
        <v>10</v>
      </c>
      <c r="Z2524">
        <v>10</v>
      </c>
      <c r="AA2524">
        <v>10</v>
      </c>
      <c r="AB2524">
        <v>10</v>
      </c>
      <c r="AC2524">
        <v>10</v>
      </c>
      <c r="AD2524">
        <v>10</v>
      </c>
      <c r="AE2524">
        <v>10</v>
      </c>
      <c r="AF2524">
        <v>10</v>
      </c>
      <c r="AG2524">
        <v>10</v>
      </c>
      <c r="AH2524">
        <v>10</v>
      </c>
      <c r="AI2524">
        <v>10</v>
      </c>
      <c r="AJ2524">
        <v>9</v>
      </c>
      <c r="AK2524">
        <v>9</v>
      </c>
      <c r="AL2524">
        <v>9</v>
      </c>
      <c r="AM2524">
        <v>9</v>
      </c>
      <c r="AN2524">
        <v>9</v>
      </c>
      <c r="AO2524">
        <v>9</v>
      </c>
      <c r="AP2524">
        <v>9</v>
      </c>
      <c r="AQ2524">
        <v>9</v>
      </c>
    </row>
    <row r="2525" spans="1:43">
      <c r="A2525" t="s">
        <v>1624</v>
      </c>
      <c r="B2525" t="s">
        <v>1625</v>
      </c>
      <c r="C2525" t="s">
        <v>1612</v>
      </c>
      <c r="D2525" t="s">
        <v>1613</v>
      </c>
      <c r="E2525" t="s">
        <v>1586</v>
      </c>
      <c r="F2525" t="s">
        <v>1587</v>
      </c>
      <c r="G2525" t="s">
        <v>80</v>
      </c>
      <c r="H2525" t="s">
        <v>81</v>
      </c>
      <c r="I2525" s="2">
        <v>0</v>
      </c>
      <c r="J2525" s="2">
        <v>0</v>
      </c>
      <c r="K2525" s="2">
        <v>1</v>
      </c>
      <c r="L2525" t="s">
        <v>995</v>
      </c>
      <c r="M2525" t="s">
        <v>83</v>
      </c>
      <c r="N2525" t="s">
        <v>91</v>
      </c>
      <c r="O2525" t="s">
        <v>85</v>
      </c>
      <c r="P2525" t="s">
        <v>86</v>
      </c>
      <c r="Q2525">
        <v>9</v>
      </c>
      <c r="R2525">
        <v>9</v>
      </c>
      <c r="S2525">
        <v>9</v>
      </c>
      <c r="T2525">
        <v>9</v>
      </c>
      <c r="U2525">
        <v>9</v>
      </c>
      <c r="V2525">
        <v>9</v>
      </c>
      <c r="W2525">
        <v>9</v>
      </c>
      <c r="X2525">
        <v>9</v>
      </c>
      <c r="Y2525">
        <v>9</v>
      </c>
      <c r="Z2525">
        <v>9</v>
      </c>
      <c r="AA2525">
        <v>9</v>
      </c>
      <c r="AB2525">
        <v>9</v>
      </c>
      <c r="AC2525">
        <v>9</v>
      </c>
      <c r="AD2525">
        <v>9</v>
      </c>
      <c r="AE2525">
        <v>9</v>
      </c>
      <c r="AF2525">
        <v>9</v>
      </c>
      <c r="AG2525">
        <v>9</v>
      </c>
      <c r="AH2525">
        <v>9</v>
      </c>
      <c r="AI2525">
        <v>9</v>
      </c>
      <c r="AJ2525">
        <v>9</v>
      </c>
      <c r="AK2525">
        <v>9</v>
      </c>
      <c r="AL2525">
        <v>9</v>
      </c>
      <c r="AM2525">
        <v>9</v>
      </c>
      <c r="AN2525">
        <v>9</v>
      </c>
      <c r="AO2525">
        <v>9</v>
      </c>
      <c r="AP2525">
        <v>9</v>
      </c>
      <c r="AQ2525">
        <v>9</v>
      </c>
    </row>
    <row r="2526" spans="1:43">
      <c r="A2526" t="s">
        <v>1626</v>
      </c>
      <c r="B2526" t="s">
        <v>1627</v>
      </c>
      <c r="C2526" t="s">
        <v>1628</v>
      </c>
      <c r="D2526" t="s">
        <v>1629</v>
      </c>
      <c r="E2526" t="s">
        <v>1586</v>
      </c>
      <c r="F2526" t="s">
        <v>1587</v>
      </c>
      <c r="G2526" t="s">
        <v>80</v>
      </c>
      <c r="H2526" t="s">
        <v>81</v>
      </c>
      <c r="I2526" s="2">
        <v>0</v>
      </c>
      <c r="J2526" s="2">
        <v>1</v>
      </c>
      <c r="K2526" s="2">
        <v>0</v>
      </c>
      <c r="L2526" t="s">
        <v>82</v>
      </c>
      <c r="M2526" t="s">
        <v>83</v>
      </c>
      <c r="N2526" t="s">
        <v>84</v>
      </c>
      <c r="O2526" t="s">
        <v>85</v>
      </c>
      <c r="P2526" t="s">
        <v>86</v>
      </c>
      <c r="Q2526">
        <v>41</v>
      </c>
      <c r="R2526">
        <v>42</v>
      </c>
      <c r="S2526">
        <v>42</v>
      </c>
      <c r="T2526">
        <v>42</v>
      </c>
      <c r="U2526">
        <v>42</v>
      </c>
      <c r="V2526">
        <v>42</v>
      </c>
      <c r="W2526">
        <v>43</v>
      </c>
      <c r="X2526">
        <v>43</v>
      </c>
      <c r="Y2526">
        <v>43</v>
      </c>
      <c r="Z2526">
        <v>43</v>
      </c>
      <c r="AA2526">
        <v>43</v>
      </c>
      <c r="AB2526">
        <v>43</v>
      </c>
      <c r="AC2526">
        <v>43</v>
      </c>
      <c r="AD2526">
        <v>43</v>
      </c>
      <c r="AE2526">
        <v>44</v>
      </c>
      <c r="AF2526">
        <v>44</v>
      </c>
      <c r="AG2526">
        <v>44</v>
      </c>
      <c r="AH2526">
        <v>44</v>
      </c>
      <c r="AI2526">
        <v>44</v>
      </c>
      <c r="AJ2526">
        <v>44</v>
      </c>
      <c r="AK2526">
        <v>44</v>
      </c>
      <c r="AL2526">
        <v>44</v>
      </c>
      <c r="AM2526">
        <v>43</v>
      </c>
      <c r="AN2526">
        <v>43</v>
      </c>
      <c r="AO2526">
        <v>43</v>
      </c>
      <c r="AP2526">
        <v>42</v>
      </c>
      <c r="AQ2526">
        <v>42</v>
      </c>
    </row>
    <row r="2527" spans="1:43">
      <c r="A2527" t="s">
        <v>1626</v>
      </c>
      <c r="B2527" t="s">
        <v>1627</v>
      </c>
      <c r="C2527" t="s">
        <v>1628</v>
      </c>
      <c r="D2527" t="s">
        <v>1629</v>
      </c>
      <c r="E2527" t="s">
        <v>1586</v>
      </c>
      <c r="F2527" t="s">
        <v>1587</v>
      </c>
      <c r="G2527" t="s">
        <v>80</v>
      </c>
      <c r="H2527" t="s">
        <v>81</v>
      </c>
      <c r="I2527" s="2">
        <v>0</v>
      </c>
      <c r="J2527" s="2">
        <v>1</v>
      </c>
      <c r="K2527" s="2">
        <v>0</v>
      </c>
      <c r="L2527" t="s">
        <v>82</v>
      </c>
      <c r="M2527" t="s">
        <v>87</v>
      </c>
      <c r="N2527" t="s">
        <v>88</v>
      </c>
      <c r="O2527" t="s">
        <v>85</v>
      </c>
      <c r="P2527" t="s">
        <v>86</v>
      </c>
      <c r="Q2527">
        <v>41</v>
      </c>
      <c r="R2527">
        <v>41</v>
      </c>
      <c r="S2527">
        <v>41</v>
      </c>
      <c r="T2527">
        <v>41</v>
      </c>
      <c r="U2527">
        <v>40</v>
      </c>
      <c r="V2527">
        <v>40</v>
      </c>
      <c r="W2527">
        <v>40</v>
      </c>
      <c r="X2527">
        <v>40</v>
      </c>
      <c r="Y2527">
        <v>40</v>
      </c>
      <c r="Z2527">
        <v>39</v>
      </c>
      <c r="AA2527">
        <v>39</v>
      </c>
      <c r="AB2527">
        <v>39</v>
      </c>
      <c r="AC2527">
        <v>39</v>
      </c>
      <c r="AD2527">
        <v>39</v>
      </c>
      <c r="AE2527">
        <v>39</v>
      </c>
      <c r="AF2527">
        <v>38</v>
      </c>
      <c r="AG2527">
        <v>38</v>
      </c>
      <c r="AH2527">
        <v>38</v>
      </c>
      <c r="AI2527">
        <v>38</v>
      </c>
      <c r="AJ2527">
        <v>38</v>
      </c>
      <c r="AK2527">
        <v>38</v>
      </c>
      <c r="AL2527">
        <v>38</v>
      </c>
      <c r="AM2527">
        <v>37</v>
      </c>
      <c r="AN2527">
        <v>37</v>
      </c>
      <c r="AO2527">
        <v>37</v>
      </c>
      <c r="AP2527">
        <v>37</v>
      </c>
      <c r="AQ2527">
        <v>37</v>
      </c>
    </row>
    <row r="2528" spans="1:43">
      <c r="A2528" t="s">
        <v>1626</v>
      </c>
      <c r="B2528" t="s">
        <v>1627</v>
      </c>
      <c r="C2528" t="s">
        <v>1628</v>
      </c>
      <c r="D2528" t="s">
        <v>1629</v>
      </c>
      <c r="E2528" t="s">
        <v>1586</v>
      </c>
      <c r="F2528" t="s">
        <v>1587</v>
      </c>
      <c r="G2528" t="s">
        <v>80</v>
      </c>
      <c r="H2528" t="s">
        <v>81</v>
      </c>
      <c r="I2528" s="2">
        <v>0</v>
      </c>
      <c r="J2528" s="2">
        <v>1</v>
      </c>
      <c r="K2528" s="2">
        <v>0</v>
      </c>
      <c r="L2528" t="s">
        <v>82</v>
      </c>
      <c r="M2528" t="s">
        <v>89</v>
      </c>
      <c r="N2528" t="s">
        <v>90</v>
      </c>
      <c r="O2528" t="s">
        <v>85</v>
      </c>
      <c r="P2528" t="s">
        <v>86</v>
      </c>
      <c r="Q2528">
        <v>41</v>
      </c>
      <c r="R2528">
        <v>41</v>
      </c>
      <c r="S2528">
        <v>42</v>
      </c>
      <c r="T2528">
        <v>42</v>
      </c>
      <c r="U2528">
        <v>43</v>
      </c>
      <c r="V2528">
        <v>43</v>
      </c>
      <c r="W2528">
        <v>44</v>
      </c>
      <c r="X2528">
        <v>44</v>
      </c>
      <c r="Y2528">
        <v>44</v>
      </c>
      <c r="Z2528">
        <v>45</v>
      </c>
      <c r="AA2528">
        <v>45</v>
      </c>
      <c r="AB2528">
        <v>45</v>
      </c>
      <c r="AC2528">
        <v>45</v>
      </c>
      <c r="AD2528">
        <v>46</v>
      </c>
      <c r="AE2528">
        <v>45</v>
      </c>
      <c r="AF2528">
        <v>45</v>
      </c>
      <c r="AG2528">
        <v>45</v>
      </c>
      <c r="AH2528">
        <v>44</v>
      </c>
      <c r="AI2528">
        <v>44</v>
      </c>
      <c r="AJ2528">
        <v>44</v>
      </c>
      <c r="AK2528">
        <v>43</v>
      </c>
      <c r="AL2528">
        <v>43</v>
      </c>
      <c r="AM2528">
        <v>43</v>
      </c>
      <c r="AN2528">
        <v>42</v>
      </c>
      <c r="AO2528">
        <v>42</v>
      </c>
      <c r="AP2528">
        <v>42</v>
      </c>
      <c r="AQ2528">
        <v>42</v>
      </c>
    </row>
    <row r="2529" spans="1:43">
      <c r="A2529" t="s">
        <v>1626</v>
      </c>
      <c r="B2529" t="s">
        <v>1627</v>
      </c>
      <c r="C2529" t="s">
        <v>1628</v>
      </c>
      <c r="D2529" t="s">
        <v>1629</v>
      </c>
      <c r="E2529" t="s">
        <v>1586</v>
      </c>
      <c r="F2529" t="s">
        <v>1587</v>
      </c>
      <c r="G2529" t="s">
        <v>80</v>
      </c>
      <c r="H2529" t="s">
        <v>81</v>
      </c>
      <c r="I2529" s="2">
        <v>0</v>
      </c>
      <c r="J2529" s="2">
        <v>1</v>
      </c>
      <c r="K2529" s="2">
        <v>0</v>
      </c>
      <c r="L2529" t="s">
        <v>82</v>
      </c>
      <c r="M2529" t="s">
        <v>83</v>
      </c>
      <c r="N2529" t="s">
        <v>91</v>
      </c>
      <c r="O2529" t="s">
        <v>85</v>
      </c>
      <c r="P2529" t="s">
        <v>86</v>
      </c>
      <c r="Q2529">
        <v>41</v>
      </c>
      <c r="R2529">
        <v>42</v>
      </c>
      <c r="S2529">
        <v>42</v>
      </c>
      <c r="T2529">
        <v>42</v>
      </c>
      <c r="U2529">
        <v>42</v>
      </c>
      <c r="V2529">
        <v>42</v>
      </c>
      <c r="W2529">
        <v>43</v>
      </c>
      <c r="X2529">
        <v>43</v>
      </c>
      <c r="Y2529">
        <v>43</v>
      </c>
      <c r="Z2529">
        <v>43</v>
      </c>
      <c r="AA2529">
        <v>43</v>
      </c>
      <c r="AB2529">
        <v>43</v>
      </c>
      <c r="AC2529">
        <v>43</v>
      </c>
      <c r="AD2529">
        <v>43</v>
      </c>
      <c r="AE2529">
        <v>44</v>
      </c>
      <c r="AF2529">
        <v>44</v>
      </c>
      <c r="AG2529">
        <v>44</v>
      </c>
      <c r="AH2529">
        <v>44</v>
      </c>
      <c r="AI2529">
        <v>44</v>
      </c>
      <c r="AJ2529">
        <v>44</v>
      </c>
      <c r="AK2529">
        <v>44</v>
      </c>
      <c r="AL2529">
        <v>44</v>
      </c>
      <c r="AM2529">
        <v>43</v>
      </c>
      <c r="AN2529">
        <v>43</v>
      </c>
      <c r="AO2529">
        <v>43</v>
      </c>
      <c r="AP2529">
        <v>42</v>
      </c>
      <c r="AQ2529">
        <v>42</v>
      </c>
    </row>
    <row r="2530" spans="1:43">
      <c r="A2530" t="s">
        <v>1630</v>
      </c>
      <c r="B2530" t="s">
        <v>1631</v>
      </c>
      <c r="C2530" t="s">
        <v>1628</v>
      </c>
      <c r="D2530" t="s">
        <v>1629</v>
      </c>
      <c r="E2530" t="s">
        <v>1586</v>
      </c>
      <c r="F2530" t="s">
        <v>1587</v>
      </c>
      <c r="G2530" t="s">
        <v>80</v>
      </c>
      <c r="H2530" t="s">
        <v>81</v>
      </c>
      <c r="I2530" s="2">
        <v>0</v>
      </c>
      <c r="J2530" s="2">
        <v>1</v>
      </c>
      <c r="K2530" s="2">
        <v>0</v>
      </c>
      <c r="L2530" t="s">
        <v>82</v>
      </c>
      <c r="M2530" t="s">
        <v>83</v>
      </c>
      <c r="N2530" t="s">
        <v>84</v>
      </c>
      <c r="O2530" t="s">
        <v>85</v>
      </c>
      <c r="P2530" t="s">
        <v>86</v>
      </c>
      <c r="Q2530">
        <v>13</v>
      </c>
      <c r="R2530">
        <v>13</v>
      </c>
      <c r="S2530">
        <v>13</v>
      </c>
      <c r="T2530">
        <v>13</v>
      </c>
      <c r="U2530">
        <v>13</v>
      </c>
      <c r="V2530">
        <v>13</v>
      </c>
      <c r="W2530">
        <v>13</v>
      </c>
      <c r="X2530">
        <v>13</v>
      </c>
      <c r="Y2530">
        <v>13</v>
      </c>
      <c r="Z2530">
        <v>13</v>
      </c>
      <c r="AA2530">
        <v>13</v>
      </c>
      <c r="AB2530">
        <v>13</v>
      </c>
      <c r="AC2530">
        <v>13</v>
      </c>
      <c r="AD2530">
        <v>13</v>
      </c>
      <c r="AE2530">
        <v>13</v>
      </c>
      <c r="AF2530">
        <v>13</v>
      </c>
      <c r="AG2530">
        <v>13</v>
      </c>
      <c r="AH2530">
        <v>13</v>
      </c>
      <c r="AI2530">
        <v>13</v>
      </c>
      <c r="AJ2530">
        <v>13</v>
      </c>
      <c r="AK2530">
        <v>13</v>
      </c>
      <c r="AL2530">
        <v>13</v>
      </c>
      <c r="AM2530">
        <v>13</v>
      </c>
      <c r="AN2530">
        <v>13</v>
      </c>
      <c r="AO2530">
        <v>13</v>
      </c>
      <c r="AP2530">
        <v>13</v>
      </c>
      <c r="AQ2530">
        <v>13</v>
      </c>
    </row>
    <row r="2531" spans="1:43">
      <c r="A2531" t="s">
        <v>1630</v>
      </c>
      <c r="B2531" t="s">
        <v>1631</v>
      </c>
      <c r="C2531" t="s">
        <v>1628</v>
      </c>
      <c r="D2531" t="s">
        <v>1629</v>
      </c>
      <c r="E2531" t="s">
        <v>1586</v>
      </c>
      <c r="F2531" t="s">
        <v>1587</v>
      </c>
      <c r="G2531" t="s">
        <v>80</v>
      </c>
      <c r="H2531" t="s">
        <v>81</v>
      </c>
      <c r="I2531" s="2">
        <v>0</v>
      </c>
      <c r="J2531" s="2">
        <v>1</v>
      </c>
      <c r="K2531" s="2">
        <v>0</v>
      </c>
      <c r="L2531" t="s">
        <v>82</v>
      </c>
      <c r="M2531" t="s">
        <v>87</v>
      </c>
      <c r="N2531" t="s">
        <v>88</v>
      </c>
      <c r="O2531" t="s">
        <v>85</v>
      </c>
      <c r="P2531" t="s">
        <v>86</v>
      </c>
      <c r="Q2531">
        <v>13</v>
      </c>
      <c r="R2531">
        <v>13</v>
      </c>
      <c r="S2531">
        <v>12</v>
      </c>
      <c r="T2531">
        <v>12</v>
      </c>
      <c r="U2531">
        <v>12</v>
      </c>
      <c r="V2531">
        <v>12</v>
      </c>
      <c r="W2531">
        <v>12</v>
      </c>
      <c r="X2531">
        <v>12</v>
      </c>
      <c r="Y2531">
        <v>12</v>
      </c>
      <c r="Z2531">
        <v>12</v>
      </c>
      <c r="AA2531">
        <v>12</v>
      </c>
      <c r="AB2531">
        <v>12</v>
      </c>
      <c r="AC2531">
        <v>12</v>
      </c>
      <c r="AD2531">
        <v>12</v>
      </c>
      <c r="AE2531">
        <v>12</v>
      </c>
      <c r="AF2531">
        <v>12</v>
      </c>
      <c r="AG2531">
        <v>12</v>
      </c>
      <c r="AH2531">
        <v>12</v>
      </c>
      <c r="AI2531">
        <v>12</v>
      </c>
      <c r="AJ2531">
        <v>12</v>
      </c>
      <c r="AK2531">
        <v>12</v>
      </c>
      <c r="AL2531">
        <v>12</v>
      </c>
      <c r="AM2531">
        <v>11</v>
      </c>
      <c r="AN2531">
        <v>11</v>
      </c>
      <c r="AO2531">
        <v>11</v>
      </c>
      <c r="AP2531">
        <v>11</v>
      </c>
      <c r="AQ2531">
        <v>11</v>
      </c>
    </row>
    <row r="2532" spans="1:43">
      <c r="A2532" t="s">
        <v>1630</v>
      </c>
      <c r="B2532" t="s">
        <v>1631</v>
      </c>
      <c r="C2532" t="s">
        <v>1628</v>
      </c>
      <c r="D2532" t="s">
        <v>1629</v>
      </c>
      <c r="E2532" t="s">
        <v>1586</v>
      </c>
      <c r="F2532" t="s">
        <v>1587</v>
      </c>
      <c r="G2532" t="s">
        <v>80</v>
      </c>
      <c r="H2532" t="s">
        <v>81</v>
      </c>
      <c r="I2532" s="2">
        <v>0</v>
      </c>
      <c r="J2532" s="2">
        <v>1</v>
      </c>
      <c r="K2532" s="2">
        <v>0</v>
      </c>
      <c r="L2532" t="s">
        <v>82</v>
      </c>
      <c r="M2532" t="s">
        <v>89</v>
      </c>
      <c r="N2532" t="s">
        <v>90</v>
      </c>
      <c r="O2532" t="s">
        <v>85</v>
      </c>
      <c r="P2532" t="s">
        <v>86</v>
      </c>
      <c r="Q2532">
        <v>13</v>
      </c>
      <c r="R2532">
        <v>13</v>
      </c>
      <c r="S2532">
        <v>13</v>
      </c>
      <c r="T2532">
        <v>13</v>
      </c>
      <c r="U2532">
        <v>13</v>
      </c>
      <c r="V2532">
        <v>14</v>
      </c>
      <c r="W2532">
        <v>14</v>
      </c>
      <c r="X2532">
        <v>14</v>
      </c>
      <c r="Y2532">
        <v>14</v>
      </c>
      <c r="Z2532">
        <v>14</v>
      </c>
      <c r="AA2532">
        <v>14</v>
      </c>
      <c r="AB2532">
        <v>14</v>
      </c>
      <c r="AC2532">
        <v>14</v>
      </c>
      <c r="AD2532">
        <v>14</v>
      </c>
      <c r="AE2532">
        <v>14</v>
      </c>
      <c r="AF2532">
        <v>14</v>
      </c>
      <c r="AG2532">
        <v>14</v>
      </c>
      <c r="AH2532">
        <v>14</v>
      </c>
      <c r="AI2532">
        <v>14</v>
      </c>
      <c r="AJ2532">
        <v>14</v>
      </c>
      <c r="AK2532">
        <v>14</v>
      </c>
      <c r="AL2532">
        <v>14</v>
      </c>
      <c r="AM2532">
        <v>13</v>
      </c>
      <c r="AN2532">
        <v>13</v>
      </c>
      <c r="AO2532">
        <v>13</v>
      </c>
      <c r="AP2532">
        <v>13</v>
      </c>
      <c r="AQ2532">
        <v>13</v>
      </c>
    </row>
    <row r="2533" spans="1:43">
      <c r="A2533" t="s">
        <v>1630</v>
      </c>
      <c r="B2533" t="s">
        <v>1631</v>
      </c>
      <c r="C2533" t="s">
        <v>1628</v>
      </c>
      <c r="D2533" t="s">
        <v>1629</v>
      </c>
      <c r="E2533" t="s">
        <v>1586</v>
      </c>
      <c r="F2533" t="s">
        <v>1587</v>
      </c>
      <c r="G2533" t="s">
        <v>80</v>
      </c>
      <c r="H2533" t="s">
        <v>81</v>
      </c>
      <c r="I2533" s="2">
        <v>0</v>
      </c>
      <c r="J2533" s="2">
        <v>1</v>
      </c>
      <c r="K2533" s="2">
        <v>0</v>
      </c>
      <c r="L2533" t="s">
        <v>82</v>
      </c>
      <c r="M2533" t="s">
        <v>83</v>
      </c>
      <c r="N2533" t="s">
        <v>91</v>
      </c>
      <c r="O2533" t="s">
        <v>85</v>
      </c>
      <c r="P2533" t="s">
        <v>86</v>
      </c>
      <c r="Q2533">
        <v>13</v>
      </c>
      <c r="R2533">
        <v>13</v>
      </c>
      <c r="S2533">
        <v>13</v>
      </c>
      <c r="T2533">
        <v>13</v>
      </c>
      <c r="U2533">
        <v>13</v>
      </c>
      <c r="V2533">
        <v>13</v>
      </c>
      <c r="W2533">
        <v>13</v>
      </c>
      <c r="X2533">
        <v>13</v>
      </c>
      <c r="Y2533">
        <v>13</v>
      </c>
      <c r="Z2533">
        <v>13</v>
      </c>
      <c r="AA2533">
        <v>13</v>
      </c>
      <c r="AB2533">
        <v>13</v>
      </c>
      <c r="AC2533">
        <v>13</v>
      </c>
      <c r="AD2533">
        <v>13</v>
      </c>
      <c r="AE2533">
        <v>13</v>
      </c>
      <c r="AF2533">
        <v>13</v>
      </c>
      <c r="AG2533">
        <v>13</v>
      </c>
      <c r="AH2533">
        <v>13</v>
      </c>
      <c r="AI2533">
        <v>13</v>
      </c>
      <c r="AJ2533">
        <v>13</v>
      </c>
      <c r="AK2533">
        <v>13</v>
      </c>
      <c r="AL2533">
        <v>13</v>
      </c>
      <c r="AM2533">
        <v>13</v>
      </c>
      <c r="AN2533">
        <v>13</v>
      </c>
      <c r="AO2533">
        <v>13</v>
      </c>
      <c r="AP2533">
        <v>13</v>
      </c>
      <c r="AQ2533">
        <v>13</v>
      </c>
    </row>
    <row r="2534" spans="1:43">
      <c r="A2534" t="s">
        <v>1632</v>
      </c>
      <c r="B2534" t="s">
        <v>1633</v>
      </c>
      <c r="C2534" t="s">
        <v>1628</v>
      </c>
      <c r="D2534" t="s">
        <v>1629</v>
      </c>
      <c r="E2534" t="s">
        <v>1586</v>
      </c>
      <c r="F2534" t="s">
        <v>1587</v>
      </c>
      <c r="G2534" t="s">
        <v>80</v>
      </c>
      <c r="H2534" t="s">
        <v>81</v>
      </c>
      <c r="I2534" s="2">
        <v>0</v>
      </c>
      <c r="J2534" s="2">
        <v>1</v>
      </c>
      <c r="K2534" s="2">
        <v>0</v>
      </c>
      <c r="L2534" t="s">
        <v>82</v>
      </c>
      <c r="M2534" t="s">
        <v>83</v>
      </c>
      <c r="N2534" t="s">
        <v>84</v>
      </c>
      <c r="O2534" t="s">
        <v>85</v>
      </c>
      <c r="P2534" t="s">
        <v>86</v>
      </c>
      <c r="Q2534">
        <v>10</v>
      </c>
      <c r="R2534">
        <v>10</v>
      </c>
      <c r="S2534">
        <v>10</v>
      </c>
      <c r="T2534">
        <v>10</v>
      </c>
      <c r="U2534">
        <v>10</v>
      </c>
      <c r="V2534">
        <v>10</v>
      </c>
      <c r="W2534">
        <v>10</v>
      </c>
      <c r="X2534">
        <v>10</v>
      </c>
      <c r="Y2534">
        <v>10</v>
      </c>
      <c r="Z2534">
        <v>10</v>
      </c>
      <c r="AA2534">
        <v>10</v>
      </c>
      <c r="AB2534">
        <v>10</v>
      </c>
      <c r="AC2534">
        <v>10</v>
      </c>
      <c r="AD2534">
        <v>10</v>
      </c>
      <c r="AE2534">
        <v>10</v>
      </c>
      <c r="AF2534">
        <v>11</v>
      </c>
      <c r="AG2534">
        <v>11</v>
      </c>
      <c r="AH2534">
        <v>11</v>
      </c>
      <c r="AI2534">
        <v>11</v>
      </c>
      <c r="AJ2534">
        <v>11</v>
      </c>
      <c r="AK2534">
        <v>11</v>
      </c>
      <c r="AL2534">
        <v>11</v>
      </c>
      <c r="AM2534">
        <v>10</v>
      </c>
      <c r="AN2534">
        <v>10</v>
      </c>
      <c r="AO2534">
        <v>10</v>
      </c>
      <c r="AP2534">
        <v>10</v>
      </c>
      <c r="AQ2534">
        <v>10</v>
      </c>
    </row>
    <row r="2535" spans="1:43">
      <c r="A2535" t="s">
        <v>1632</v>
      </c>
      <c r="B2535" t="s">
        <v>1633</v>
      </c>
      <c r="C2535" t="s">
        <v>1628</v>
      </c>
      <c r="D2535" t="s">
        <v>1629</v>
      </c>
      <c r="E2535" t="s">
        <v>1586</v>
      </c>
      <c r="F2535" t="s">
        <v>1587</v>
      </c>
      <c r="G2535" t="s">
        <v>80</v>
      </c>
      <c r="H2535" t="s">
        <v>81</v>
      </c>
      <c r="I2535" s="2">
        <v>0</v>
      </c>
      <c r="J2535" s="2">
        <v>1</v>
      </c>
      <c r="K2535" s="2">
        <v>0</v>
      </c>
      <c r="L2535" t="s">
        <v>82</v>
      </c>
      <c r="M2535" t="s">
        <v>87</v>
      </c>
      <c r="N2535" t="s">
        <v>88</v>
      </c>
      <c r="O2535" t="s">
        <v>85</v>
      </c>
      <c r="P2535" t="s">
        <v>86</v>
      </c>
      <c r="Q2535">
        <v>10</v>
      </c>
      <c r="R2535">
        <v>10</v>
      </c>
      <c r="S2535">
        <v>10</v>
      </c>
      <c r="T2535">
        <v>10</v>
      </c>
      <c r="U2535">
        <v>10</v>
      </c>
      <c r="V2535">
        <v>10</v>
      </c>
      <c r="W2535">
        <v>10</v>
      </c>
      <c r="X2535">
        <v>10</v>
      </c>
      <c r="Y2535">
        <v>10</v>
      </c>
      <c r="Z2535">
        <v>10</v>
      </c>
      <c r="AA2535">
        <v>9</v>
      </c>
      <c r="AB2535">
        <v>9</v>
      </c>
      <c r="AC2535">
        <v>9</v>
      </c>
      <c r="AD2535">
        <v>9</v>
      </c>
      <c r="AE2535">
        <v>9</v>
      </c>
      <c r="AF2535">
        <v>9</v>
      </c>
      <c r="AG2535">
        <v>9</v>
      </c>
      <c r="AH2535">
        <v>9</v>
      </c>
      <c r="AI2535">
        <v>9</v>
      </c>
      <c r="AJ2535">
        <v>9</v>
      </c>
      <c r="AK2535">
        <v>9</v>
      </c>
      <c r="AL2535">
        <v>9</v>
      </c>
      <c r="AM2535">
        <v>9</v>
      </c>
      <c r="AN2535">
        <v>9</v>
      </c>
      <c r="AO2535">
        <v>9</v>
      </c>
      <c r="AP2535">
        <v>9</v>
      </c>
      <c r="AQ2535">
        <v>9</v>
      </c>
    </row>
    <row r="2536" spans="1:43">
      <c r="A2536" t="s">
        <v>1632</v>
      </c>
      <c r="B2536" t="s">
        <v>1633</v>
      </c>
      <c r="C2536" t="s">
        <v>1628</v>
      </c>
      <c r="D2536" t="s">
        <v>1629</v>
      </c>
      <c r="E2536" t="s">
        <v>1586</v>
      </c>
      <c r="F2536" t="s">
        <v>1587</v>
      </c>
      <c r="G2536" t="s">
        <v>80</v>
      </c>
      <c r="H2536" t="s">
        <v>81</v>
      </c>
      <c r="I2536" s="2">
        <v>0</v>
      </c>
      <c r="J2536" s="2">
        <v>1</v>
      </c>
      <c r="K2536" s="2">
        <v>0</v>
      </c>
      <c r="L2536" t="s">
        <v>82</v>
      </c>
      <c r="M2536" t="s">
        <v>89</v>
      </c>
      <c r="N2536" t="s">
        <v>90</v>
      </c>
      <c r="O2536" t="s">
        <v>85</v>
      </c>
      <c r="P2536" t="s">
        <v>86</v>
      </c>
      <c r="Q2536">
        <v>10</v>
      </c>
      <c r="R2536">
        <v>10</v>
      </c>
      <c r="S2536">
        <v>10</v>
      </c>
      <c r="T2536">
        <v>11</v>
      </c>
      <c r="U2536">
        <v>11</v>
      </c>
      <c r="V2536">
        <v>11</v>
      </c>
      <c r="W2536">
        <v>11</v>
      </c>
      <c r="X2536">
        <v>11</v>
      </c>
      <c r="Y2536">
        <v>11</v>
      </c>
      <c r="Z2536">
        <v>11</v>
      </c>
      <c r="AA2536">
        <v>11</v>
      </c>
      <c r="AB2536">
        <v>11</v>
      </c>
      <c r="AC2536">
        <v>11</v>
      </c>
      <c r="AD2536">
        <v>11</v>
      </c>
      <c r="AE2536">
        <v>11</v>
      </c>
      <c r="AF2536">
        <v>11</v>
      </c>
      <c r="AG2536">
        <v>11</v>
      </c>
      <c r="AH2536">
        <v>11</v>
      </c>
      <c r="AI2536">
        <v>11</v>
      </c>
      <c r="AJ2536">
        <v>11</v>
      </c>
      <c r="AK2536">
        <v>11</v>
      </c>
      <c r="AL2536">
        <v>11</v>
      </c>
      <c r="AM2536">
        <v>11</v>
      </c>
      <c r="AN2536">
        <v>10</v>
      </c>
      <c r="AO2536">
        <v>10</v>
      </c>
      <c r="AP2536">
        <v>10</v>
      </c>
      <c r="AQ2536">
        <v>10</v>
      </c>
    </row>
    <row r="2537" spans="1:43">
      <c r="A2537" t="s">
        <v>1632</v>
      </c>
      <c r="B2537" t="s">
        <v>1633</v>
      </c>
      <c r="C2537" t="s">
        <v>1628</v>
      </c>
      <c r="D2537" t="s">
        <v>1629</v>
      </c>
      <c r="E2537" t="s">
        <v>1586</v>
      </c>
      <c r="F2537" t="s">
        <v>1587</v>
      </c>
      <c r="G2537" t="s">
        <v>80</v>
      </c>
      <c r="H2537" t="s">
        <v>81</v>
      </c>
      <c r="I2537" s="2">
        <v>0</v>
      </c>
      <c r="J2537" s="2">
        <v>1</v>
      </c>
      <c r="K2537" s="2">
        <v>0</v>
      </c>
      <c r="L2537" t="s">
        <v>82</v>
      </c>
      <c r="M2537" t="s">
        <v>83</v>
      </c>
      <c r="N2537" t="s">
        <v>91</v>
      </c>
      <c r="O2537" t="s">
        <v>85</v>
      </c>
      <c r="P2537" t="s">
        <v>86</v>
      </c>
      <c r="Q2537">
        <v>10</v>
      </c>
      <c r="R2537">
        <v>10</v>
      </c>
      <c r="S2537">
        <v>10</v>
      </c>
      <c r="T2537">
        <v>10</v>
      </c>
      <c r="U2537">
        <v>10</v>
      </c>
      <c r="V2537">
        <v>10</v>
      </c>
      <c r="W2537">
        <v>10</v>
      </c>
      <c r="X2537">
        <v>10</v>
      </c>
      <c r="Y2537">
        <v>10</v>
      </c>
      <c r="Z2537">
        <v>10</v>
      </c>
      <c r="AA2537">
        <v>10</v>
      </c>
      <c r="AB2537">
        <v>10</v>
      </c>
      <c r="AC2537">
        <v>10</v>
      </c>
      <c r="AD2537">
        <v>10</v>
      </c>
      <c r="AE2537">
        <v>10</v>
      </c>
      <c r="AF2537">
        <v>11</v>
      </c>
      <c r="AG2537">
        <v>11</v>
      </c>
      <c r="AH2537">
        <v>11</v>
      </c>
      <c r="AI2537">
        <v>11</v>
      </c>
      <c r="AJ2537">
        <v>11</v>
      </c>
      <c r="AK2537">
        <v>11</v>
      </c>
      <c r="AL2537">
        <v>11</v>
      </c>
      <c r="AM2537">
        <v>10</v>
      </c>
      <c r="AN2537">
        <v>10</v>
      </c>
      <c r="AO2537">
        <v>10</v>
      </c>
      <c r="AP2537">
        <v>10</v>
      </c>
      <c r="AQ2537">
        <v>10</v>
      </c>
    </row>
    <row r="2538" spans="1:43">
      <c r="A2538" t="s">
        <v>1634</v>
      </c>
      <c r="B2538" t="s">
        <v>1635</v>
      </c>
      <c r="C2538" t="s">
        <v>1628</v>
      </c>
      <c r="D2538" t="s">
        <v>1629</v>
      </c>
      <c r="E2538" t="s">
        <v>1586</v>
      </c>
      <c r="F2538" t="s">
        <v>1587</v>
      </c>
      <c r="G2538" t="s">
        <v>80</v>
      </c>
      <c r="H2538" t="s">
        <v>81</v>
      </c>
      <c r="I2538" s="2">
        <v>0</v>
      </c>
      <c r="J2538" s="2">
        <v>1</v>
      </c>
      <c r="K2538" s="2">
        <v>0</v>
      </c>
      <c r="L2538" t="s">
        <v>82</v>
      </c>
      <c r="M2538" t="s">
        <v>83</v>
      </c>
      <c r="N2538" t="s">
        <v>84</v>
      </c>
      <c r="O2538" t="s">
        <v>85</v>
      </c>
      <c r="P2538" t="s">
        <v>86</v>
      </c>
      <c r="Q2538">
        <v>15</v>
      </c>
      <c r="R2538">
        <v>16</v>
      </c>
      <c r="S2538">
        <v>16</v>
      </c>
      <c r="T2538">
        <v>16</v>
      </c>
      <c r="U2538">
        <v>16</v>
      </c>
      <c r="V2538">
        <v>16</v>
      </c>
      <c r="W2538">
        <v>16</v>
      </c>
      <c r="X2538">
        <v>16</v>
      </c>
      <c r="Y2538">
        <v>16</v>
      </c>
      <c r="Z2538">
        <v>16</v>
      </c>
      <c r="AA2538">
        <v>16</v>
      </c>
      <c r="AB2538">
        <v>16</v>
      </c>
      <c r="AC2538">
        <v>16</v>
      </c>
      <c r="AD2538">
        <v>16</v>
      </c>
      <c r="AE2538">
        <v>16</v>
      </c>
      <c r="AF2538">
        <v>16</v>
      </c>
      <c r="AG2538">
        <v>16</v>
      </c>
      <c r="AH2538">
        <v>16</v>
      </c>
      <c r="AI2538">
        <v>16</v>
      </c>
      <c r="AJ2538">
        <v>16</v>
      </c>
      <c r="AK2538">
        <v>16</v>
      </c>
      <c r="AL2538">
        <v>16</v>
      </c>
      <c r="AM2538">
        <v>16</v>
      </c>
      <c r="AN2538">
        <v>16</v>
      </c>
      <c r="AO2538">
        <v>16</v>
      </c>
      <c r="AP2538">
        <v>16</v>
      </c>
      <c r="AQ2538">
        <v>16</v>
      </c>
    </row>
    <row r="2539" spans="1:43">
      <c r="A2539" t="s">
        <v>1634</v>
      </c>
      <c r="B2539" t="s">
        <v>1635</v>
      </c>
      <c r="C2539" t="s">
        <v>1628</v>
      </c>
      <c r="D2539" t="s">
        <v>1629</v>
      </c>
      <c r="E2539" t="s">
        <v>1586</v>
      </c>
      <c r="F2539" t="s">
        <v>1587</v>
      </c>
      <c r="G2539" t="s">
        <v>80</v>
      </c>
      <c r="H2539" t="s">
        <v>81</v>
      </c>
      <c r="I2539" s="2">
        <v>0</v>
      </c>
      <c r="J2539" s="2">
        <v>1</v>
      </c>
      <c r="K2539" s="2">
        <v>0</v>
      </c>
      <c r="L2539" t="s">
        <v>82</v>
      </c>
      <c r="M2539" t="s">
        <v>87</v>
      </c>
      <c r="N2539" t="s">
        <v>88</v>
      </c>
      <c r="O2539" t="s">
        <v>85</v>
      </c>
      <c r="P2539" t="s">
        <v>86</v>
      </c>
      <c r="Q2539">
        <v>15</v>
      </c>
      <c r="R2539">
        <v>15</v>
      </c>
      <c r="S2539">
        <v>15</v>
      </c>
      <c r="T2539">
        <v>15</v>
      </c>
      <c r="U2539">
        <v>15</v>
      </c>
      <c r="V2539">
        <v>15</v>
      </c>
      <c r="W2539">
        <v>15</v>
      </c>
      <c r="X2539">
        <v>15</v>
      </c>
      <c r="Y2539">
        <v>15</v>
      </c>
      <c r="Z2539">
        <v>15</v>
      </c>
      <c r="AA2539">
        <v>15</v>
      </c>
      <c r="AB2539">
        <v>15</v>
      </c>
      <c r="AC2539">
        <v>15</v>
      </c>
      <c r="AD2539">
        <v>14</v>
      </c>
      <c r="AE2539">
        <v>14</v>
      </c>
      <c r="AF2539">
        <v>14</v>
      </c>
      <c r="AG2539">
        <v>14</v>
      </c>
      <c r="AH2539">
        <v>14</v>
      </c>
      <c r="AI2539">
        <v>14</v>
      </c>
      <c r="AJ2539">
        <v>14</v>
      </c>
      <c r="AK2539">
        <v>14</v>
      </c>
      <c r="AL2539">
        <v>14</v>
      </c>
      <c r="AM2539">
        <v>14</v>
      </c>
      <c r="AN2539">
        <v>14</v>
      </c>
      <c r="AO2539">
        <v>14</v>
      </c>
      <c r="AP2539">
        <v>14</v>
      </c>
      <c r="AQ2539">
        <v>14</v>
      </c>
    </row>
    <row r="2540" spans="1:43">
      <c r="A2540" t="s">
        <v>1634</v>
      </c>
      <c r="B2540" t="s">
        <v>1635</v>
      </c>
      <c r="C2540" t="s">
        <v>1628</v>
      </c>
      <c r="D2540" t="s">
        <v>1629</v>
      </c>
      <c r="E2540" t="s">
        <v>1586</v>
      </c>
      <c r="F2540" t="s">
        <v>1587</v>
      </c>
      <c r="G2540" t="s">
        <v>80</v>
      </c>
      <c r="H2540" t="s">
        <v>81</v>
      </c>
      <c r="I2540" s="2">
        <v>0</v>
      </c>
      <c r="J2540" s="2">
        <v>1</v>
      </c>
      <c r="K2540" s="2">
        <v>0</v>
      </c>
      <c r="L2540" t="s">
        <v>82</v>
      </c>
      <c r="M2540" t="s">
        <v>89</v>
      </c>
      <c r="N2540" t="s">
        <v>90</v>
      </c>
      <c r="O2540" t="s">
        <v>85</v>
      </c>
      <c r="P2540" t="s">
        <v>86</v>
      </c>
      <c r="Q2540">
        <v>15</v>
      </c>
      <c r="R2540">
        <v>15</v>
      </c>
      <c r="S2540">
        <v>15</v>
      </c>
      <c r="T2540">
        <v>15</v>
      </c>
      <c r="U2540">
        <v>15</v>
      </c>
      <c r="V2540">
        <v>16</v>
      </c>
      <c r="W2540">
        <v>16</v>
      </c>
      <c r="X2540">
        <v>16</v>
      </c>
      <c r="Y2540">
        <v>16</v>
      </c>
      <c r="Z2540">
        <v>16</v>
      </c>
      <c r="AA2540">
        <v>16</v>
      </c>
      <c r="AB2540">
        <v>16</v>
      </c>
      <c r="AC2540">
        <v>16</v>
      </c>
      <c r="AD2540">
        <v>16</v>
      </c>
      <c r="AE2540">
        <v>16</v>
      </c>
      <c r="AF2540">
        <v>16</v>
      </c>
      <c r="AG2540">
        <v>16</v>
      </c>
      <c r="AH2540">
        <v>16</v>
      </c>
      <c r="AI2540">
        <v>16</v>
      </c>
      <c r="AJ2540">
        <v>16</v>
      </c>
      <c r="AK2540">
        <v>16</v>
      </c>
      <c r="AL2540">
        <v>15</v>
      </c>
      <c r="AM2540">
        <v>15</v>
      </c>
      <c r="AN2540">
        <v>15</v>
      </c>
      <c r="AO2540">
        <v>15</v>
      </c>
      <c r="AP2540">
        <v>15</v>
      </c>
      <c r="AQ2540">
        <v>15</v>
      </c>
    </row>
    <row r="2541" spans="1:43">
      <c r="A2541" t="s">
        <v>1634</v>
      </c>
      <c r="B2541" t="s">
        <v>1635</v>
      </c>
      <c r="C2541" t="s">
        <v>1628</v>
      </c>
      <c r="D2541" t="s">
        <v>1629</v>
      </c>
      <c r="E2541" t="s">
        <v>1586</v>
      </c>
      <c r="F2541" t="s">
        <v>1587</v>
      </c>
      <c r="G2541" t="s">
        <v>80</v>
      </c>
      <c r="H2541" t="s">
        <v>81</v>
      </c>
      <c r="I2541" s="2">
        <v>0</v>
      </c>
      <c r="J2541" s="2">
        <v>1</v>
      </c>
      <c r="K2541" s="2">
        <v>0</v>
      </c>
      <c r="L2541" t="s">
        <v>82</v>
      </c>
      <c r="M2541" t="s">
        <v>83</v>
      </c>
      <c r="N2541" t="s">
        <v>91</v>
      </c>
      <c r="O2541" t="s">
        <v>85</v>
      </c>
      <c r="P2541" t="s">
        <v>86</v>
      </c>
      <c r="Q2541">
        <v>15</v>
      </c>
      <c r="R2541">
        <v>16</v>
      </c>
      <c r="S2541">
        <v>16</v>
      </c>
      <c r="T2541">
        <v>16</v>
      </c>
      <c r="U2541">
        <v>16</v>
      </c>
      <c r="V2541">
        <v>16</v>
      </c>
      <c r="W2541">
        <v>16</v>
      </c>
      <c r="X2541">
        <v>16</v>
      </c>
      <c r="Y2541">
        <v>16</v>
      </c>
      <c r="Z2541">
        <v>16</v>
      </c>
      <c r="AA2541">
        <v>16</v>
      </c>
      <c r="AB2541">
        <v>16</v>
      </c>
      <c r="AC2541">
        <v>16</v>
      </c>
      <c r="AD2541">
        <v>16</v>
      </c>
      <c r="AE2541">
        <v>16</v>
      </c>
      <c r="AF2541">
        <v>16</v>
      </c>
      <c r="AG2541">
        <v>16</v>
      </c>
      <c r="AH2541">
        <v>16</v>
      </c>
      <c r="AI2541">
        <v>16</v>
      </c>
      <c r="AJ2541">
        <v>16</v>
      </c>
      <c r="AK2541">
        <v>16</v>
      </c>
      <c r="AL2541">
        <v>16</v>
      </c>
      <c r="AM2541">
        <v>16</v>
      </c>
      <c r="AN2541">
        <v>16</v>
      </c>
      <c r="AO2541">
        <v>16</v>
      </c>
      <c r="AP2541">
        <v>16</v>
      </c>
      <c r="AQ2541">
        <v>16</v>
      </c>
    </row>
    <row r="2542" spans="1:43">
      <c r="A2542" t="s">
        <v>1636</v>
      </c>
      <c r="B2542" t="s">
        <v>1637</v>
      </c>
      <c r="C2542" t="s">
        <v>1638</v>
      </c>
      <c r="D2542" t="s">
        <v>1639</v>
      </c>
      <c r="E2542" t="s">
        <v>1586</v>
      </c>
      <c r="F2542" t="s">
        <v>1587</v>
      </c>
      <c r="G2542" t="s">
        <v>80</v>
      </c>
      <c r="H2542" t="s">
        <v>81</v>
      </c>
      <c r="I2542" s="2">
        <v>0</v>
      </c>
      <c r="J2542" s="2">
        <v>1</v>
      </c>
      <c r="K2542" s="2">
        <v>0</v>
      </c>
      <c r="L2542" t="s">
        <v>82</v>
      </c>
      <c r="M2542" t="s">
        <v>83</v>
      </c>
      <c r="N2542" t="s">
        <v>84</v>
      </c>
      <c r="O2542" t="s">
        <v>85</v>
      </c>
      <c r="P2542" t="s">
        <v>86</v>
      </c>
      <c r="Q2542">
        <v>18</v>
      </c>
      <c r="R2542">
        <v>18</v>
      </c>
      <c r="S2542">
        <v>18</v>
      </c>
      <c r="T2542">
        <v>18</v>
      </c>
      <c r="U2542">
        <v>18</v>
      </c>
      <c r="V2542">
        <v>18</v>
      </c>
      <c r="W2542">
        <v>18</v>
      </c>
      <c r="X2542">
        <v>18</v>
      </c>
      <c r="Y2542">
        <v>18</v>
      </c>
      <c r="Z2542">
        <v>18</v>
      </c>
      <c r="AA2542">
        <v>18</v>
      </c>
      <c r="AB2542">
        <v>18</v>
      </c>
      <c r="AC2542">
        <v>19</v>
      </c>
      <c r="AD2542">
        <v>19</v>
      </c>
      <c r="AE2542">
        <v>19</v>
      </c>
      <c r="AF2542">
        <v>19</v>
      </c>
      <c r="AG2542">
        <v>19</v>
      </c>
      <c r="AH2542">
        <v>19</v>
      </c>
      <c r="AI2542">
        <v>19</v>
      </c>
      <c r="AJ2542">
        <v>19</v>
      </c>
      <c r="AK2542">
        <v>19</v>
      </c>
      <c r="AL2542">
        <v>19</v>
      </c>
      <c r="AM2542">
        <v>19</v>
      </c>
      <c r="AN2542">
        <v>18</v>
      </c>
      <c r="AO2542">
        <v>18</v>
      </c>
      <c r="AP2542">
        <v>18</v>
      </c>
      <c r="AQ2542">
        <v>18</v>
      </c>
    </row>
    <row r="2543" spans="1:43">
      <c r="A2543" t="s">
        <v>1636</v>
      </c>
      <c r="B2543" t="s">
        <v>1637</v>
      </c>
      <c r="C2543" t="s">
        <v>1638</v>
      </c>
      <c r="D2543" t="s">
        <v>1639</v>
      </c>
      <c r="E2543" t="s">
        <v>1586</v>
      </c>
      <c r="F2543" t="s">
        <v>1587</v>
      </c>
      <c r="G2543" t="s">
        <v>80</v>
      </c>
      <c r="H2543" t="s">
        <v>81</v>
      </c>
      <c r="I2543" s="2">
        <v>0</v>
      </c>
      <c r="J2543" s="2">
        <v>1</v>
      </c>
      <c r="K2543" s="2">
        <v>0</v>
      </c>
      <c r="L2543" t="s">
        <v>82</v>
      </c>
      <c r="M2543" t="s">
        <v>87</v>
      </c>
      <c r="N2543" t="s">
        <v>88</v>
      </c>
      <c r="O2543" t="s">
        <v>85</v>
      </c>
      <c r="P2543" t="s">
        <v>86</v>
      </c>
      <c r="Q2543">
        <v>18</v>
      </c>
      <c r="R2543">
        <v>17</v>
      </c>
      <c r="S2543">
        <v>17</v>
      </c>
      <c r="T2543">
        <v>17</v>
      </c>
      <c r="U2543">
        <v>17</v>
      </c>
      <c r="V2543">
        <v>17</v>
      </c>
      <c r="W2543">
        <v>17</v>
      </c>
      <c r="X2543">
        <v>17</v>
      </c>
      <c r="Y2543">
        <v>17</v>
      </c>
      <c r="Z2543">
        <v>17</v>
      </c>
      <c r="AA2543">
        <v>17</v>
      </c>
      <c r="AB2543">
        <v>17</v>
      </c>
      <c r="AC2543">
        <v>17</v>
      </c>
      <c r="AD2543">
        <v>17</v>
      </c>
      <c r="AE2543">
        <v>16</v>
      </c>
      <c r="AF2543">
        <v>16</v>
      </c>
      <c r="AG2543">
        <v>16</v>
      </c>
      <c r="AH2543">
        <v>16</v>
      </c>
      <c r="AI2543">
        <v>16</v>
      </c>
      <c r="AJ2543">
        <v>16</v>
      </c>
      <c r="AK2543">
        <v>16</v>
      </c>
      <c r="AL2543">
        <v>16</v>
      </c>
      <c r="AM2543">
        <v>16</v>
      </c>
      <c r="AN2543">
        <v>16</v>
      </c>
      <c r="AO2543">
        <v>16</v>
      </c>
      <c r="AP2543">
        <v>16</v>
      </c>
      <c r="AQ2543">
        <v>16</v>
      </c>
    </row>
    <row r="2544" spans="1:43">
      <c r="A2544" t="s">
        <v>1636</v>
      </c>
      <c r="B2544" t="s">
        <v>1637</v>
      </c>
      <c r="C2544" t="s">
        <v>1638</v>
      </c>
      <c r="D2544" t="s">
        <v>1639</v>
      </c>
      <c r="E2544" t="s">
        <v>1586</v>
      </c>
      <c r="F2544" t="s">
        <v>1587</v>
      </c>
      <c r="G2544" t="s">
        <v>80</v>
      </c>
      <c r="H2544" t="s">
        <v>81</v>
      </c>
      <c r="I2544" s="2">
        <v>0</v>
      </c>
      <c r="J2544" s="2">
        <v>1</v>
      </c>
      <c r="K2544" s="2">
        <v>0</v>
      </c>
      <c r="L2544" t="s">
        <v>82</v>
      </c>
      <c r="M2544" t="s">
        <v>89</v>
      </c>
      <c r="N2544" t="s">
        <v>90</v>
      </c>
      <c r="O2544" t="s">
        <v>85</v>
      </c>
      <c r="P2544" t="s">
        <v>86</v>
      </c>
      <c r="Q2544">
        <v>18</v>
      </c>
      <c r="R2544">
        <v>18</v>
      </c>
      <c r="S2544">
        <v>18</v>
      </c>
      <c r="T2544">
        <v>19</v>
      </c>
      <c r="U2544">
        <v>19</v>
      </c>
      <c r="V2544">
        <v>19</v>
      </c>
      <c r="W2544">
        <v>19</v>
      </c>
      <c r="X2544">
        <v>19</v>
      </c>
      <c r="Y2544">
        <v>19</v>
      </c>
      <c r="Z2544">
        <v>19</v>
      </c>
      <c r="AA2544">
        <v>20</v>
      </c>
      <c r="AB2544">
        <v>20</v>
      </c>
      <c r="AC2544">
        <v>20</v>
      </c>
      <c r="AD2544">
        <v>20</v>
      </c>
      <c r="AE2544">
        <v>20</v>
      </c>
      <c r="AF2544">
        <v>20</v>
      </c>
      <c r="AG2544">
        <v>20</v>
      </c>
      <c r="AH2544">
        <v>19</v>
      </c>
      <c r="AI2544">
        <v>19</v>
      </c>
      <c r="AJ2544">
        <v>19</v>
      </c>
      <c r="AK2544">
        <v>19</v>
      </c>
      <c r="AL2544">
        <v>19</v>
      </c>
      <c r="AM2544">
        <v>19</v>
      </c>
      <c r="AN2544">
        <v>19</v>
      </c>
      <c r="AO2544">
        <v>18</v>
      </c>
      <c r="AP2544">
        <v>18</v>
      </c>
      <c r="AQ2544">
        <v>18</v>
      </c>
    </row>
    <row r="2545" spans="1:43">
      <c r="A2545" t="s">
        <v>1636</v>
      </c>
      <c r="B2545" t="s">
        <v>1637</v>
      </c>
      <c r="C2545" t="s">
        <v>1638</v>
      </c>
      <c r="D2545" t="s">
        <v>1639</v>
      </c>
      <c r="E2545" t="s">
        <v>1586</v>
      </c>
      <c r="F2545" t="s">
        <v>1587</v>
      </c>
      <c r="G2545" t="s">
        <v>80</v>
      </c>
      <c r="H2545" t="s">
        <v>81</v>
      </c>
      <c r="I2545" s="2">
        <v>0</v>
      </c>
      <c r="J2545" s="2">
        <v>1</v>
      </c>
      <c r="K2545" s="2">
        <v>0</v>
      </c>
      <c r="L2545" t="s">
        <v>82</v>
      </c>
      <c r="M2545" t="s">
        <v>83</v>
      </c>
      <c r="N2545" t="s">
        <v>91</v>
      </c>
      <c r="O2545" t="s">
        <v>85</v>
      </c>
      <c r="P2545" t="s">
        <v>86</v>
      </c>
      <c r="Q2545">
        <v>18</v>
      </c>
      <c r="R2545">
        <v>18</v>
      </c>
      <c r="S2545">
        <v>18</v>
      </c>
      <c r="T2545">
        <v>18</v>
      </c>
      <c r="U2545">
        <v>18</v>
      </c>
      <c r="V2545">
        <v>18</v>
      </c>
      <c r="W2545">
        <v>18</v>
      </c>
      <c r="X2545">
        <v>18</v>
      </c>
      <c r="Y2545">
        <v>18</v>
      </c>
      <c r="Z2545">
        <v>18</v>
      </c>
      <c r="AA2545">
        <v>18</v>
      </c>
      <c r="AB2545">
        <v>18</v>
      </c>
      <c r="AC2545">
        <v>19</v>
      </c>
      <c r="AD2545">
        <v>19</v>
      </c>
      <c r="AE2545">
        <v>19</v>
      </c>
      <c r="AF2545">
        <v>19</v>
      </c>
      <c r="AG2545">
        <v>19</v>
      </c>
      <c r="AH2545">
        <v>19</v>
      </c>
      <c r="AI2545">
        <v>19</v>
      </c>
      <c r="AJ2545">
        <v>19</v>
      </c>
      <c r="AK2545">
        <v>19</v>
      </c>
      <c r="AL2545">
        <v>19</v>
      </c>
      <c r="AM2545">
        <v>19</v>
      </c>
      <c r="AN2545">
        <v>18</v>
      </c>
      <c r="AO2545">
        <v>18</v>
      </c>
      <c r="AP2545">
        <v>18</v>
      </c>
      <c r="AQ2545">
        <v>18</v>
      </c>
    </row>
    <row r="2546" spans="1:43">
      <c r="A2546" t="s">
        <v>1640</v>
      </c>
      <c r="B2546" t="s">
        <v>1641</v>
      </c>
      <c r="C2546" t="s">
        <v>1638</v>
      </c>
      <c r="D2546" t="s">
        <v>1639</v>
      </c>
      <c r="E2546" t="s">
        <v>1586</v>
      </c>
      <c r="F2546" t="s">
        <v>1587</v>
      </c>
      <c r="G2546" t="s">
        <v>80</v>
      </c>
      <c r="H2546" t="s">
        <v>81</v>
      </c>
      <c r="I2546" s="2">
        <v>0</v>
      </c>
      <c r="J2546" s="2">
        <v>0.12</v>
      </c>
      <c r="K2546" s="2">
        <v>0.88</v>
      </c>
      <c r="L2546" t="s">
        <v>995</v>
      </c>
      <c r="M2546" t="s">
        <v>83</v>
      </c>
      <c r="N2546" t="s">
        <v>84</v>
      </c>
      <c r="O2546" t="s">
        <v>85</v>
      </c>
      <c r="P2546" t="s">
        <v>86</v>
      </c>
      <c r="Q2546">
        <v>23</v>
      </c>
      <c r="R2546">
        <v>23</v>
      </c>
      <c r="S2546">
        <v>23</v>
      </c>
      <c r="T2546">
        <v>23</v>
      </c>
      <c r="U2546">
        <v>23</v>
      </c>
      <c r="V2546">
        <v>23</v>
      </c>
      <c r="W2546">
        <v>23</v>
      </c>
      <c r="X2546">
        <v>23</v>
      </c>
      <c r="Y2546">
        <v>24</v>
      </c>
      <c r="Z2546">
        <v>24</v>
      </c>
      <c r="AA2546">
        <v>24</v>
      </c>
      <c r="AB2546">
        <v>24</v>
      </c>
      <c r="AC2546">
        <v>24</v>
      </c>
      <c r="AD2546">
        <v>24</v>
      </c>
      <c r="AE2546">
        <v>24</v>
      </c>
      <c r="AF2546">
        <v>24</v>
      </c>
      <c r="AG2546">
        <v>24</v>
      </c>
      <c r="AH2546">
        <v>24</v>
      </c>
      <c r="AI2546">
        <v>24</v>
      </c>
      <c r="AJ2546">
        <v>24</v>
      </c>
      <c r="AK2546">
        <v>24</v>
      </c>
      <c r="AL2546">
        <v>24</v>
      </c>
      <c r="AM2546">
        <v>24</v>
      </c>
      <c r="AN2546">
        <v>23</v>
      </c>
      <c r="AO2546">
        <v>23</v>
      </c>
      <c r="AP2546">
        <v>23</v>
      </c>
      <c r="AQ2546">
        <v>23</v>
      </c>
    </row>
    <row r="2547" spans="1:43">
      <c r="A2547" t="s">
        <v>1640</v>
      </c>
      <c r="B2547" t="s">
        <v>1641</v>
      </c>
      <c r="C2547" t="s">
        <v>1638</v>
      </c>
      <c r="D2547" t="s">
        <v>1639</v>
      </c>
      <c r="E2547" t="s">
        <v>1586</v>
      </c>
      <c r="F2547" t="s">
        <v>1587</v>
      </c>
      <c r="G2547" t="s">
        <v>80</v>
      </c>
      <c r="H2547" t="s">
        <v>81</v>
      </c>
      <c r="I2547" s="2">
        <v>0</v>
      </c>
      <c r="J2547" s="2">
        <v>0.12</v>
      </c>
      <c r="K2547" s="2">
        <v>0.88</v>
      </c>
      <c r="L2547" t="s">
        <v>995</v>
      </c>
      <c r="M2547" t="s">
        <v>87</v>
      </c>
      <c r="N2547" t="s">
        <v>88</v>
      </c>
      <c r="O2547" t="s">
        <v>85</v>
      </c>
      <c r="P2547" t="s">
        <v>86</v>
      </c>
      <c r="Q2547">
        <v>23</v>
      </c>
      <c r="R2547">
        <v>23</v>
      </c>
      <c r="S2547">
        <v>22</v>
      </c>
      <c r="T2547">
        <v>22</v>
      </c>
      <c r="U2547">
        <v>22</v>
      </c>
      <c r="V2547">
        <v>22</v>
      </c>
      <c r="W2547">
        <v>22</v>
      </c>
      <c r="X2547">
        <v>22</v>
      </c>
      <c r="Y2547">
        <v>22</v>
      </c>
      <c r="Z2547">
        <v>22</v>
      </c>
      <c r="AA2547">
        <v>21</v>
      </c>
      <c r="AB2547">
        <v>21</v>
      </c>
      <c r="AC2547">
        <v>21</v>
      </c>
      <c r="AD2547">
        <v>21</v>
      </c>
      <c r="AE2547">
        <v>21</v>
      </c>
      <c r="AF2547">
        <v>21</v>
      </c>
      <c r="AG2547">
        <v>21</v>
      </c>
      <c r="AH2547">
        <v>21</v>
      </c>
      <c r="AI2547">
        <v>21</v>
      </c>
      <c r="AJ2547">
        <v>21</v>
      </c>
      <c r="AK2547">
        <v>20</v>
      </c>
      <c r="AL2547">
        <v>20</v>
      </c>
      <c r="AM2547">
        <v>20</v>
      </c>
      <c r="AN2547">
        <v>20</v>
      </c>
      <c r="AO2547">
        <v>20</v>
      </c>
      <c r="AP2547">
        <v>20</v>
      </c>
      <c r="AQ2547">
        <v>20</v>
      </c>
    </row>
    <row r="2548" spans="1:43">
      <c r="A2548" t="s">
        <v>1640</v>
      </c>
      <c r="B2548" t="s">
        <v>1641</v>
      </c>
      <c r="C2548" t="s">
        <v>1638</v>
      </c>
      <c r="D2548" t="s">
        <v>1639</v>
      </c>
      <c r="E2548" t="s">
        <v>1586</v>
      </c>
      <c r="F2548" t="s">
        <v>1587</v>
      </c>
      <c r="G2548" t="s">
        <v>80</v>
      </c>
      <c r="H2548" t="s">
        <v>81</v>
      </c>
      <c r="I2548" s="2">
        <v>0</v>
      </c>
      <c r="J2548" s="2">
        <v>0.12</v>
      </c>
      <c r="K2548" s="2">
        <v>0.88</v>
      </c>
      <c r="L2548" t="s">
        <v>995</v>
      </c>
      <c r="M2548" t="s">
        <v>89</v>
      </c>
      <c r="N2548" t="s">
        <v>90</v>
      </c>
      <c r="O2548" t="s">
        <v>85</v>
      </c>
      <c r="P2548" t="s">
        <v>86</v>
      </c>
      <c r="Q2548">
        <v>23</v>
      </c>
      <c r="R2548">
        <v>23</v>
      </c>
      <c r="S2548">
        <v>24</v>
      </c>
      <c r="T2548">
        <v>24</v>
      </c>
      <c r="U2548">
        <v>24</v>
      </c>
      <c r="V2548">
        <v>24</v>
      </c>
      <c r="W2548">
        <v>25</v>
      </c>
      <c r="X2548">
        <v>25</v>
      </c>
      <c r="Y2548">
        <v>25</v>
      </c>
      <c r="Z2548">
        <v>25</v>
      </c>
      <c r="AA2548">
        <v>25</v>
      </c>
      <c r="AB2548">
        <v>25</v>
      </c>
      <c r="AC2548">
        <v>25</v>
      </c>
      <c r="AD2548">
        <v>25</v>
      </c>
      <c r="AE2548">
        <v>25</v>
      </c>
      <c r="AF2548">
        <v>25</v>
      </c>
      <c r="AG2548">
        <v>25</v>
      </c>
      <c r="AH2548">
        <v>25</v>
      </c>
      <c r="AI2548">
        <v>25</v>
      </c>
      <c r="AJ2548">
        <v>24</v>
      </c>
      <c r="AK2548">
        <v>24</v>
      </c>
      <c r="AL2548">
        <v>24</v>
      </c>
      <c r="AM2548">
        <v>24</v>
      </c>
      <c r="AN2548">
        <v>24</v>
      </c>
      <c r="AO2548">
        <v>23</v>
      </c>
      <c r="AP2548">
        <v>23</v>
      </c>
      <c r="AQ2548">
        <v>23</v>
      </c>
    </row>
    <row r="2549" spans="1:43">
      <c r="A2549" t="s">
        <v>1640</v>
      </c>
      <c r="B2549" t="s">
        <v>1641</v>
      </c>
      <c r="C2549" t="s">
        <v>1638</v>
      </c>
      <c r="D2549" t="s">
        <v>1639</v>
      </c>
      <c r="E2549" t="s">
        <v>1586</v>
      </c>
      <c r="F2549" t="s">
        <v>1587</v>
      </c>
      <c r="G2549" t="s">
        <v>80</v>
      </c>
      <c r="H2549" t="s">
        <v>81</v>
      </c>
      <c r="I2549" s="2">
        <v>0</v>
      </c>
      <c r="J2549" s="2">
        <v>0.12</v>
      </c>
      <c r="K2549" s="2">
        <v>0.88</v>
      </c>
      <c r="L2549" t="s">
        <v>995</v>
      </c>
      <c r="M2549" t="s">
        <v>83</v>
      </c>
      <c r="N2549" t="s">
        <v>91</v>
      </c>
      <c r="O2549" t="s">
        <v>85</v>
      </c>
      <c r="P2549" t="s">
        <v>86</v>
      </c>
      <c r="Q2549">
        <v>23</v>
      </c>
      <c r="R2549">
        <v>23</v>
      </c>
      <c r="S2549">
        <v>23</v>
      </c>
      <c r="T2549">
        <v>23</v>
      </c>
      <c r="U2549">
        <v>23</v>
      </c>
      <c r="V2549">
        <v>23</v>
      </c>
      <c r="W2549">
        <v>23</v>
      </c>
      <c r="X2549">
        <v>23</v>
      </c>
      <c r="Y2549">
        <v>24</v>
      </c>
      <c r="Z2549">
        <v>24</v>
      </c>
      <c r="AA2549">
        <v>24</v>
      </c>
      <c r="AB2549">
        <v>24</v>
      </c>
      <c r="AC2549">
        <v>24</v>
      </c>
      <c r="AD2549">
        <v>24</v>
      </c>
      <c r="AE2549">
        <v>24</v>
      </c>
      <c r="AF2549">
        <v>24</v>
      </c>
      <c r="AG2549">
        <v>24</v>
      </c>
      <c r="AH2549">
        <v>24</v>
      </c>
      <c r="AI2549">
        <v>24</v>
      </c>
      <c r="AJ2549">
        <v>24</v>
      </c>
      <c r="AK2549">
        <v>24</v>
      </c>
      <c r="AL2549">
        <v>24</v>
      </c>
      <c r="AM2549">
        <v>24</v>
      </c>
      <c r="AN2549">
        <v>23</v>
      </c>
      <c r="AO2549">
        <v>23</v>
      </c>
      <c r="AP2549">
        <v>23</v>
      </c>
      <c r="AQ2549">
        <v>23</v>
      </c>
    </row>
    <row r="2550" spans="1:43">
      <c r="A2550" t="s">
        <v>1642</v>
      </c>
      <c r="B2550" t="s">
        <v>1643</v>
      </c>
      <c r="C2550" t="s">
        <v>1638</v>
      </c>
      <c r="D2550" t="s">
        <v>1639</v>
      </c>
      <c r="E2550" t="s">
        <v>1586</v>
      </c>
      <c r="F2550" t="s">
        <v>1587</v>
      </c>
      <c r="G2550" t="s">
        <v>80</v>
      </c>
      <c r="H2550" t="s">
        <v>81</v>
      </c>
      <c r="I2550" s="2">
        <v>0</v>
      </c>
      <c r="J2550" s="2">
        <v>0.61</v>
      </c>
      <c r="K2550" s="2">
        <v>0.39</v>
      </c>
      <c r="L2550" t="s">
        <v>82</v>
      </c>
      <c r="M2550" t="s">
        <v>83</v>
      </c>
      <c r="N2550" t="s">
        <v>84</v>
      </c>
      <c r="O2550" t="s">
        <v>85</v>
      </c>
      <c r="P2550" t="s">
        <v>86</v>
      </c>
      <c r="Q2550">
        <v>26</v>
      </c>
      <c r="R2550">
        <v>26</v>
      </c>
      <c r="S2550">
        <v>27</v>
      </c>
      <c r="T2550">
        <v>27</v>
      </c>
      <c r="U2550">
        <v>27</v>
      </c>
      <c r="V2550">
        <v>27</v>
      </c>
      <c r="W2550">
        <v>27</v>
      </c>
      <c r="X2550">
        <v>27</v>
      </c>
      <c r="Y2550">
        <v>27</v>
      </c>
      <c r="Z2550">
        <v>27</v>
      </c>
      <c r="AA2550">
        <v>27</v>
      </c>
      <c r="AB2550">
        <v>27</v>
      </c>
      <c r="AC2550">
        <v>27</v>
      </c>
      <c r="AD2550">
        <v>28</v>
      </c>
      <c r="AE2550">
        <v>28</v>
      </c>
      <c r="AF2550">
        <v>28</v>
      </c>
      <c r="AG2550">
        <v>28</v>
      </c>
      <c r="AH2550">
        <v>28</v>
      </c>
      <c r="AI2550">
        <v>28</v>
      </c>
      <c r="AJ2550">
        <v>28</v>
      </c>
      <c r="AK2550">
        <v>28</v>
      </c>
      <c r="AL2550">
        <v>28</v>
      </c>
      <c r="AM2550">
        <v>27</v>
      </c>
      <c r="AN2550">
        <v>27</v>
      </c>
      <c r="AO2550">
        <v>27</v>
      </c>
      <c r="AP2550">
        <v>27</v>
      </c>
      <c r="AQ2550">
        <v>27</v>
      </c>
    </row>
    <row r="2551" spans="1:43">
      <c r="A2551" t="s">
        <v>1642</v>
      </c>
      <c r="B2551" t="s">
        <v>1643</v>
      </c>
      <c r="C2551" t="s">
        <v>1638</v>
      </c>
      <c r="D2551" t="s">
        <v>1639</v>
      </c>
      <c r="E2551" t="s">
        <v>1586</v>
      </c>
      <c r="F2551" t="s">
        <v>1587</v>
      </c>
      <c r="G2551" t="s">
        <v>80</v>
      </c>
      <c r="H2551" t="s">
        <v>81</v>
      </c>
      <c r="I2551" s="2">
        <v>0</v>
      </c>
      <c r="J2551" s="2">
        <v>0.61</v>
      </c>
      <c r="K2551" s="2">
        <v>0.39</v>
      </c>
      <c r="L2551" t="s">
        <v>82</v>
      </c>
      <c r="M2551" t="s">
        <v>87</v>
      </c>
      <c r="N2551" t="s">
        <v>88</v>
      </c>
      <c r="O2551" t="s">
        <v>85</v>
      </c>
      <c r="P2551" t="s">
        <v>86</v>
      </c>
      <c r="Q2551">
        <v>26</v>
      </c>
      <c r="R2551">
        <v>26</v>
      </c>
      <c r="S2551">
        <v>26</v>
      </c>
      <c r="T2551">
        <v>26</v>
      </c>
      <c r="U2551">
        <v>26</v>
      </c>
      <c r="V2551">
        <v>25</v>
      </c>
      <c r="W2551">
        <v>25</v>
      </c>
      <c r="X2551">
        <v>25</v>
      </c>
      <c r="Y2551">
        <v>25</v>
      </c>
      <c r="Z2551">
        <v>25</v>
      </c>
      <c r="AA2551">
        <v>25</v>
      </c>
      <c r="AB2551">
        <v>25</v>
      </c>
      <c r="AC2551">
        <v>25</v>
      </c>
      <c r="AD2551">
        <v>25</v>
      </c>
      <c r="AE2551">
        <v>24</v>
      </c>
      <c r="AF2551">
        <v>24</v>
      </c>
      <c r="AG2551">
        <v>24</v>
      </c>
      <c r="AH2551">
        <v>24</v>
      </c>
      <c r="AI2551">
        <v>24</v>
      </c>
      <c r="AJ2551">
        <v>24</v>
      </c>
      <c r="AK2551">
        <v>24</v>
      </c>
      <c r="AL2551">
        <v>24</v>
      </c>
      <c r="AM2551">
        <v>24</v>
      </c>
      <c r="AN2551">
        <v>24</v>
      </c>
      <c r="AO2551">
        <v>23</v>
      </c>
      <c r="AP2551">
        <v>23</v>
      </c>
      <c r="AQ2551">
        <v>23</v>
      </c>
    </row>
    <row r="2552" spans="1:43">
      <c r="A2552" t="s">
        <v>1642</v>
      </c>
      <c r="B2552" t="s">
        <v>1643</v>
      </c>
      <c r="C2552" t="s">
        <v>1638</v>
      </c>
      <c r="D2552" t="s">
        <v>1639</v>
      </c>
      <c r="E2552" t="s">
        <v>1586</v>
      </c>
      <c r="F2552" t="s">
        <v>1587</v>
      </c>
      <c r="G2552" t="s">
        <v>80</v>
      </c>
      <c r="H2552" t="s">
        <v>81</v>
      </c>
      <c r="I2552" s="2">
        <v>0</v>
      </c>
      <c r="J2552" s="2">
        <v>0.61</v>
      </c>
      <c r="K2552" s="2">
        <v>0.39</v>
      </c>
      <c r="L2552" t="s">
        <v>82</v>
      </c>
      <c r="M2552" t="s">
        <v>89</v>
      </c>
      <c r="N2552" t="s">
        <v>90</v>
      </c>
      <c r="O2552" t="s">
        <v>85</v>
      </c>
      <c r="P2552" t="s">
        <v>86</v>
      </c>
      <c r="Q2552">
        <v>26</v>
      </c>
      <c r="R2552">
        <v>26</v>
      </c>
      <c r="S2552">
        <v>26</v>
      </c>
      <c r="T2552">
        <v>27</v>
      </c>
      <c r="U2552">
        <v>27</v>
      </c>
      <c r="V2552">
        <v>27</v>
      </c>
      <c r="W2552">
        <v>27</v>
      </c>
      <c r="X2552">
        <v>28</v>
      </c>
      <c r="Y2552">
        <v>28</v>
      </c>
      <c r="Z2552">
        <v>28</v>
      </c>
      <c r="AA2552">
        <v>28</v>
      </c>
      <c r="AB2552">
        <v>28</v>
      </c>
      <c r="AC2552">
        <v>28</v>
      </c>
      <c r="AD2552">
        <v>28</v>
      </c>
      <c r="AE2552">
        <v>28</v>
      </c>
      <c r="AF2552">
        <v>28</v>
      </c>
      <c r="AG2552">
        <v>28</v>
      </c>
      <c r="AH2552">
        <v>28</v>
      </c>
      <c r="AI2552">
        <v>28</v>
      </c>
      <c r="AJ2552">
        <v>27</v>
      </c>
      <c r="AK2552">
        <v>27</v>
      </c>
      <c r="AL2552">
        <v>27</v>
      </c>
      <c r="AM2552">
        <v>27</v>
      </c>
      <c r="AN2552">
        <v>26</v>
      </c>
      <c r="AO2552">
        <v>26</v>
      </c>
      <c r="AP2552">
        <v>26</v>
      </c>
      <c r="AQ2552">
        <v>26</v>
      </c>
    </row>
    <row r="2553" spans="1:43">
      <c r="A2553" t="s">
        <v>1642</v>
      </c>
      <c r="B2553" t="s">
        <v>1643</v>
      </c>
      <c r="C2553" t="s">
        <v>1638</v>
      </c>
      <c r="D2553" t="s">
        <v>1639</v>
      </c>
      <c r="E2553" t="s">
        <v>1586</v>
      </c>
      <c r="F2553" t="s">
        <v>1587</v>
      </c>
      <c r="G2553" t="s">
        <v>80</v>
      </c>
      <c r="H2553" t="s">
        <v>81</v>
      </c>
      <c r="I2553" s="2">
        <v>0</v>
      </c>
      <c r="J2553" s="2">
        <v>0.61</v>
      </c>
      <c r="K2553" s="2">
        <v>0.39</v>
      </c>
      <c r="L2553" t="s">
        <v>82</v>
      </c>
      <c r="M2553" t="s">
        <v>83</v>
      </c>
      <c r="N2553" t="s">
        <v>91</v>
      </c>
      <c r="O2553" t="s">
        <v>85</v>
      </c>
      <c r="P2553" t="s">
        <v>86</v>
      </c>
      <c r="Q2553">
        <v>26</v>
      </c>
      <c r="R2553">
        <v>26</v>
      </c>
      <c r="S2553">
        <v>27</v>
      </c>
      <c r="T2553">
        <v>27</v>
      </c>
      <c r="U2553">
        <v>27</v>
      </c>
      <c r="V2553">
        <v>27</v>
      </c>
      <c r="W2553">
        <v>27</v>
      </c>
      <c r="X2553">
        <v>27</v>
      </c>
      <c r="Y2553">
        <v>27</v>
      </c>
      <c r="Z2553">
        <v>27</v>
      </c>
      <c r="AA2553">
        <v>27</v>
      </c>
      <c r="AB2553">
        <v>27</v>
      </c>
      <c r="AC2553">
        <v>27</v>
      </c>
      <c r="AD2553">
        <v>28</v>
      </c>
      <c r="AE2553">
        <v>28</v>
      </c>
      <c r="AF2553">
        <v>28</v>
      </c>
      <c r="AG2553">
        <v>28</v>
      </c>
      <c r="AH2553">
        <v>28</v>
      </c>
      <c r="AI2553">
        <v>28</v>
      </c>
      <c r="AJ2553">
        <v>28</v>
      </c>
      <c r="AK2553">
        <v>28</v>
      </c>
      <c r="AL2553">
        <v>28</v>
      </c>
      <c r="AM2553">
        <v>27</v>
      </c>
      <c r="AN2553">
        <v>27</v>
      </c>
      <c r="AO2553">
        <v>27</v>
      </c>
      <c r="AP2553">
        <v>27</v>
      </c>
      <c r="AQ2553">
        <v>27</v>
      </c>
    </row>
    <row r="2554" spans="1:43">
      <c r="A2554" t="s">
        <v>1644</v>
      </c>
      <c r="B2554" t="s">
        <v>1645</v>
      </c>
      <c r="C2554" t="s">
        <v>1604</v>
      </c>
      <c r="D2554" t="s">
        <v>1605</v>
      </c>
      <c r="E2554" t="s">
        <v>1586</v>
      </c>
      <c r="F2554" t="s">
        <v>1587</v>
      </c>
      <c r="G2554" t="s">
        <v>80</v>
      </c>
      <c r="H2554" t="s">
        <v>81</v>
      </c>
      <c r="I2554" s="2">
        <v>0</v>
      </c>
      <c r="J2554" s="2">
        <v>1</v>
      </c>
      <c r="K2554" s="2">
        <v>0</v>
      </c>
      <c r="L2554" t="s">
        <v>82</v>
      </c>
      <c r="M2554" t="s">
        <v>83</v>
      </c>
      <c r="N2554" t="s">
        <v>84</v>
      </c>
      <c r="O2554" t="s">
        <v>85</v>
      </c>
      <c r="P2554" t="s">
        <v>86</v>
      </c>
      <c r="Q2554">
        <v>45</v>
      </c>
      <c r="R2554">
        <v>45</v>
      </c>
      <c r="S2554">
        <v>45</v>
      </c>
      <c r="T2554">
        <v>45</v>
      </c>
      <c r="U2554">
        <v>45</v>
      </c>
      <c r="V2554">
        <v>46</v>
      </c>
      <c r="W2554">
        <v>46</v>
      </c>
      <c r="X2554">
        <v>46</v>
      </c>
      <c r="Y2554">
        <v>46</v>
      </c>
      <c r="Z2554">
        <v>46</v>
      </c>
      <c r="AA2554">
        <v>46</v>
      </c>
      <c r="AB2554">
        <v>46</v>
      </c>
      <c r="AC2554">
        <v>46</v>
      </c>
      <c r="AD2554">
        <v>46</v>
      </c>
      <c r="AE2554">
        <v>46</v>
      </c>
      <c r="AF2554">
        <v>47</v>
      </c>
      <c r="AG2554">
        <v>47</v>
      </c>
      <c r="AH2554">
        <v>47</v>
      </c>
      <c r="AI2554">
        <v>47</v>
      </c>
      <c r="AJ2554">
        <v>47</v>
      </c>
      <c r="AK2554">
        <v>47</v>
      </c>
      <c r="AL2554">
        <v>46</v>
      </c>
      <c r="AM2554">
        <v>46</v>
      </c>
      <c r="AN2554">
        <v>46</v>
      </c>
      <c r="AO2554">
        <v>45</v>
      </c>
      <c r="AP2554">
        <v>45</v>
      </c>
      <c r="AQ2554">
        <v>44</v>
      </c>
    </row>
    <row r="2555" spans="1:43">
      <c r="A2555" t="s">
        <v>1644</v>
      </c>
      <c r="B2555" t="s">
        <v>1645</v>
      </c>
      <c r="C2555" t="s">
        <v>1604</v>
      </c>
      <c r="D2555" t="s">
        <v>1605</v>
      </c>
      <c r="E2555" t="s">
        <v>1586</v>
      </c>
      <c r="F2555" t="s">
        <v>1587</v>
      </c>
      <c r="G2555" t="s">
        <v>80</v>
      </c>
      <c r="H2555" t="s">
        <v>81</v>
      </c>
      <c r="I2555" s="2">
        <v>0</v>
      </c>
      <c r="J2555" s="2">
        <v>1</v>
      </c>
      <c r="K2555" s="2">
        <v>0</v>
      </c>
      <c r="L2555" t="s">
        <v>82</v>
      </c>
      <c r="M2555" t="s">
        <v>87</v>
      </c>
      <c r="N2555" t="s">
        <v>88</v>
      </c>
      <c r="O2555" t="s">
        <v>85</v>
      </c>
      <c r="P2555" t="s">
        <v>86</v>
      </c>
      <c r="Q2555">
        <v>45</v>
      </c>
      <c r="R2555">
        <v>45</v>
      </c>
      <c r="S2555">
        <v>45</v>
      </c>
      <c r="T2555">
        <v>45</v>
      </c>
      <c r="U2555">
        <v>44</v>
      </c>
      <c r="V2555">
        <v>44</v>
      </c>
      <c r="W2555">
        <v>44</v>
      </c>
      <c r="X2555">
        <v>44</v>
      </c>
      <c r="Y2555">
        <v>43</v>
      </c>
      <c r="Z2555">
        <v>43</v>
      </c>
      <c r="AA2555">
        <v>43</v>
      </c>
      <c r="AB2555">
        <v>43</v>
      </c>
      <c r="AC2555">
        <v>43</v>
      </c>
      <c r="AD2555">
        <v>42</v>
      </c>
      <c r="AE2555">
        <v>42</v>
      </c>
      <c r="AF2555">
        <v>42</v>
      </c>
      <c r="AG2555">
        <v>42</v>
      </c>
      <c r="AH2555">
        <v>42</v>
      </c>
      <c r="AI2555">
        <v>41</v>
      </c>
      <c r="AJ2555">
        <v>41</v>
      </c>
      <c r="AK2555">
        <v>41</v>
      </c>
      <c r="AL2555">
        <v>41</v>
      </c>
      <c r="AM2555">
        <v>41</v>
      </c>
      <c r="AN2555">
        <v>40</v>
      </c>
      <c r="AO2555">
        <v>40</v>
      </c>
      <c r="AP2555">
        <v>40</v>
      </c>
      <c r="AQ2555">
        <v>40</v>
      </c>
    </row>
    <row r="2556" spans="1:43">
      <c r="A2556" t="s">
        <v>1644</v>
      </c>
      <c r="B2556" t="s">
        <v>1645</v>
      </c>
      <c r="C2556" t="s">
        <v>1604</v>
      </c>
      <c r="D2556" t="s">
        <v>1605</v>
      </c>
      <c r="E2556" t="s">
        <v>1586</v>
      </c>
      <c r="F2556" t="s">
        <v>1587</v>
      </c>
      <c r="G2556" t="s">
        <v>80</v>
      </c>
      <c r="H2556" t="s">
        <v>81</v>
      </c>
      <c r="I2556" s="2">
        <v>0</v>
      </c>
      <c r="J2556" s="2">
        <v>1</v>
      </c>
      <c r="K2556" s="2">
        <v>0</v>
      </c>
      <c r="L2556" t="s">
        <v>82</v>
      </c>
      <c r="M2556" t="s">
        <v>89</v>
      </c>
      <c r="N2556" t="s">
        <v>90</v>
      </c>
      <c r="O2556" t="s">
        <v>85</v>
      </c>
      <c r="P2556" t="s">
        <v>86</v>
      </c>
      <c r="Q2556">
        <v>45</v>
      </c>
      <c r="R2556">
        <v>46</v>
      </c>
      <c r="S2556">
        <v>46</v>
      </c>
      <c r="T2556">
        <v>47</v>
      </c>
      <c r="U2556">
        <v>47</v>
      </c>
      <c r="V2556">
        <v>48</v>
      </c>
      <c r="W2556">
        <v>48</v>
      </c>
      <c r="X2556">
        <v>48</v>
      </c>
      <c r="Y2556">
        <v>49</v>
      </c>
      <c r="Z2556">
        <v>49</v>
      </c>
      <c r="AA2556">
        <v>49</v>
      </c>
      <c r="AB2556">
        <v>49</v>
      </c>
      <c r="AC2556">
        <v>50</v>
      </c>
      <c r="AD2556">
        <v>50</v>
      </c>
      <c r="AE2556">
        <v>50</v>
      </c>
      <c r="AF2556">
        <v>49</v>
      </c>
      <c r="AG2556">
        <v>49</v>
      </c>
      <c r="AH2556">
        <v>48</v>
      </c>
      <c r="AI2556">
        <v>48</v>
      </c>
      <c r="AJ2556">
        <v>48</v>
      </c>
      <c r="AK2556">
        <v>47</v>
      </c>
      <c r="AL2556">
        <v>47</v>
      </c>
      <c r="AM2556">
        <v>46</v>
      </c>
      <c r="AN2556">
        <v>46</v>
      </c>
      <c r="AO2556">
        <v>46</v>
      </c>
      <c r="AP2556">
        <v>45</v>
      </c>
      <c r="AQ2556">
        <v>45</v>
      </c>
    </row>
    <row r="2557" spans="1:43">
      <c r="A2557" t="s">
        <v>1644</v>
      </c>
      <c r="B2557" t="s">
        <v>1645</v>
      </c>
      <c r="C2557" t="s">
        <v>1604</v>
      </c>
      <c r="D2557" t="s">
        <v>1605</v>
      </c>
      <c r="E2557" t="s">
        <v>1586</v>
      </c>
      <c r="F2557" t="s">
        <v>1587</v>
      </c>
      <c r="G2557" t="s">
        <v>80</v>
      </c>
      <c r="H2557" t="s">
        <v>81</v>
      </c>
      <c r="I2557" s="2">
        <v>0</v>
      </c>
      <c r="J2557" s="2">
        <v>1</v>
      </c>
      <c r="K2557" s="2">
        <v>0</v>
      </c>
      <c r="L2557" t="s">
        <v>82</v>
      </c>
      <c r="M2557" t="s">
        <v>83</v>
      </c>
      <c r="N2557" t="s">
        <v>91</v>
      </c>
      <c r="O2557" t="s">
        <v>85</v>
      </c>
      <c r="P2557" t="s">
        <v>86</v>
      </c>
      <c r="Q2557">
        <v>45</v>
      </c>
      <c r="R2557">
        <v>45</v>
      </c>
      <c r="S2557">
        <v>45</v>
      </c>
      <c r="T2557">
        <v>45</v>
      </c>
      <c r="U2557">
        <v>45</v>
      </c>
      <c r="V2557">
        <v>46</v>
      </c>
      <c r="W2557">
        <v>46</v>
      </c>
      <c r="X2557">
        <v>46</v>
      </c>
      <c r="Y2557">
        <v>46</v>
      </c>
      <c r="Z2557">
        <v>46</v>
      </c>
      <c r="AA2557">
        <v>46</v>
      </c>
      <c r="AB2557">
        <v>46</v>
      </c>
      <c r="AC2557">
        <v>46</v>
      </c>
      <c r="AD2557">
        <v>46</v>
      </c>
      <c r="AE2557">
        <v>46</v>
      </c>
      <c r="AF2557">
        <v>47</v>
      </c>
      <c r="AG2557">
        <v>47</v>
      </c>
      <c r="AH2557">
        <v>47</v>
      </c>
      <c r="AI2557">
        <v>47</v>
      </c>
      <c r="AJ2557">
        <v>47</v>
      </c>
      <c r="AK2557">
        <v>47</v>
      </c>
      <c r="AL2557">
        <v>46</v>
      </c>
      <c r="AM2557">
        <v>46</v>
      </c>
      <c r="AN2557">
        <v>46</v>
      </c>
      <c r="AO2557">
        <v>45</v>
      </c>
      <c r="AP2557">
        <v>45</v>
      </c>
      <c r="AQ2557">
        <v>44</v>
      </c>
    </row>
    <row r="2558" spans="1:43">
      <c r="A2558" t="s">
        <v>1646</v>
      </c>
      <c r="B2558" t="s">
        <v>1647</v>
      </c>
      <c r="C2558" t="s">
        <v>1604</v>
      </c>
      <c r="D2558" t="s">
        <v>1605</v>
      </c>
      <c r="E2558" t="s">
        <v>1586</v>
      </c>
      <c r="F2558" t="s">
        <v>1587</v>
      </c>
      <c r="G2558" t="s">
        <v>80</v>
      </c>
      <c r="H2558" t="s">
        <v>81</v>
      </c>
      <c r="I2558" s="2">
        <v>0</v>
      </c>
      <c r="J2558" s="2">
        <v>1</v>
      </c>
      <c r="K2558" s="2">
        <v>0</v>
      </c>
      <c r="L2558" t="s">
        <v>82</v>
      </c>
      <c r="M2558" t="s">
        <v>83</v>
      </c>
      <c r="N2558" t="s">
        <v>84</v>
      </c>
      <c r="O2558" t="s">
        <v>85</v>
      </c>
      <c r="P2558" t="s">
        <v>86</v>
      </c>
      <c r="Q2558">
        <v>25</v>
      </c>
      <c r="R2558">
        <v>25</v>
      </c>
      <c r="S2558">
        <v>25</v>
      </c>
      <c r="T2558">
        <v>25</v>
      </c>
      <c r="U2558">
        <v>26</v>
      </c>
      <c r="V2558">
        <v>26</v>
      </c>
      <c r="W2558">
        <v>26</v>
      </c>
      <c r="X2558">
        <v>26</v>
      </c>
      <c r="Y2558">
        <v>26</v>
      </c>
      <c r="Z2558">
        <v>26</v>
      </c>
      <c r="AA2558">
        <v>26</v>
      </c>
      <c r="AB2558">
        <v>26</v>
      </c>
      <c r="AC2558">
        <v>26</v>
      </c>
      <c r="AD2558">
        <v>26</v>
      </c>
      <c r="AE2558">
        <v>26</v>
      </c>
      <c r="AF2558">
        <v>26</v>
      </c>
      <c r="AG2558">
        <v>26</v>
      </c>
      <c r="AH2558">
        <v>26</v>
      </c>
      <c r="AI2558">
        <v>26</v>
      </c>
      <c r="AJ2558">
        <v>26</v>
      </c>
      <c r="AK2558">
        <v>26</v>
      </c>
      <c r="AL2558">
        <v>26</v>
      </c>
      <c r="AM2558">
        <v>26</v>
      </c>
      <c r="AN2558">
        <v>26</v>
      </c>
      <c r="AO2558">
        <v>25</v>
      </c>
      <c r="AP2558">
        <v>25</v>
      </c>
      <c r="AQ2558">
        <v>25</v>
      </c>
    </row>
    <row r="2559" spans="1:43">
      <c r="A2559" t="s">
        <v>1646</v>
      </c>
      <c r="B2559" t="s">
        <v>1647</v>
      </c>
      <c r="C2559" t="s">
        <v>1604</v>
      </c>
      <c r="D2559" t="s">
        <v>1605</v>
      </c>
      <c r="E2559" t="s">
        <v>1586</v>
      </c>
      <c r="F2559" t="s">
        <v>1587</v>
      </c>
      <c r="G2559" t="s">
        <v>80</v>
      </c>
      <c r="H2559" t="s">
        <v>81</v>
      </c>
      <c r="I2559" s="2">
        <v>0</v>
      </c>
      <c r="J2559" s="2">
        <v>1</v>
      </c>
      <c r="K2559" s="2">
        <v>0</v>
      </c>
      <c r="L2559" t="s">
        <v>82</v>
      </c>
      <c r="M2559" t="s">
        <v>87</v>
      </c>
      <c r="N2559" t="s">
        <v>88</v>
      </c>
      <c r="O2559" t="s">
        <v>85</v>
      </c>
      <c r="P2559" t="s">
        <v>86</v>
      </c>
      <c r="Q2559">
        <v>25</v>
      </c>
      <c r="R2559">
        <v>25</v>
      </c>
      <c r="S2559">
        <v>25</v>
      </c>
      <c r="T2559">
        <v>25</v>
      </c>
      <c r="U2559">
        <v>24</v>
      </c>
      <c r="V2559">
        <v>24</v>
      </c>
      <c r="W2559">
        <v>24</v>
      </c>
      <c r="X2559">
        <v>24</v>
      </c>
      <c r="Y2559">
        <v>24</v>
      </c>
      <c r="Z2559">
        <v>24</v>
      </c>
      <c r="AA2559">
        <v>24</v>
      </c>
      <c r="AB2559">
        <v>24</v>
      </c>
      <c r="AC2559">
        <v>23</v>
      </c>
      <c r="AD2559">
        <v>23</v>
      </c>
      <c r="AE2559">
        <v>23</v>
      </c>
      <c r="AF2559">
        <v>23</v>
      </c>
      <c r="AG2559">
        <v>23</v>
      </c>
      <c r="AH2559">
        <v>23</v>
      </c>
      <c r="AI2559">
        <v>23</v>
      </c>
      <c r="AJ2559">
        <v>23</v>
      </c>
      <c r="AK2559">
        <v>23</v>
      </c>
      <c r="AL2559">
        <v>22</v>
      </c>
      <c r="AM2559">
        <v>22</v>
      </c>
      <c r="AN2559">
        <v>22</v>
      </c>
      <c r="AO2559">
        <v>22</v>
      </c>
      <c r="AP2559">
        <v>22</v>
      </c>
      <c r="AQ2559">
        <v>22</v>
      </c>
    </row>
    <row r="2560" spans="1:43">
      <c r="A2560" t="s">
        <v>1646</v>
      </c>
      <c r="B2560" t="s">
        <v>1647</v>
      </c>
      <c r="C2560" t="s">
        <v>1604</v>
      </c>
      <c r="D2560" t="s">
        <v>1605</v>
      </c>
      <c r="E2560" t="s">
        <v>1586</v>
      </c>
      <c r="F2560" t="s">
        <v>1587</v>
      </c>
      <c r="G2560" t="s">
        <v>80</v>
      </c>
      <c r="H2560" t="s">
        <v>81</v>
      </c>
      <c r="I2560" s="2">
        <v>0</v>
      </c>
      <c r="J2560" s="2">
        <v>1</v>
      </c>
      <c r="K2560" s="2">
        <v>0</v>
      </c>
      <c r="L2560" t="s">
        <v>82</v>
      </c>
      <c r="M2560" t="s">
        <v>89</v>
      </c>
      <c r="N2560" t="s">
        <v>90</v>
      </c>
      <c r="O2560" t="s">
        <v>85</v>
      </c>
      <c r="P2560" t="s">
        <v>86</v>
      </c>
      <c r="Q2560">
        <v>25</v>
      </c>
      <c r="R2560">
        <v>26</v>
      </c>
      <c r="S2560">
        <v>26</v>
      </c>
      <c r="T2560">
        <v>26</v>
      </c>
      <c r="U2560">
        <v>27</v>
      </c>
      <c r="V2560">
        <v>27</v>
      </c>
      <c r="W2560">
        <v>27</v>
      </c>
      <c r="X2560">
        <v>27</v>
      </c>
      <c r="Y2560">
        <v>27</v>
      </c>
      <c r="Z2560">
        <v>28</v>
      </c>
      <c r="AA2560">
        <v>28</v>
      </c>
      <c r="AB2560">
        <v>28</v>
      </c>
      <c r="AC2560">
        <v>28</v>
      </c>
      <c r="AD2560">
        <v>28</v>
      </c>
      <c r="AE2560">
        <v>28</v>
      </c>
      <c r="AF2560">
        <v>28</v>
      </c>
      <c r="AG2560">
        <v>28</v>
      </c>
      <c r="AH2560">
        <v>27</v>
      </c>
      <c r="AI2560">
        <v>27</v>
      </c>
      <c r="AJ2560">
        <v>27</v>
      </c>
      <c r="AK2560">
        <v>27</v>
      </c>
      <c r="AL2560">
        <v>26</v>
      </c>
      <c r="AM2560">
        <v>26</v>
      </c>
      <c r="AN2560">
        <v>26</v>
      </c>
      <c r="AO2560">
        <v>26</v>
      </c>
      <c r="AP2560">
        <v>25</v>
      </c>
      <c r="AQ2560">
        <v>25</v>
      </c>
    </row>
    <row r="2561" spans="1:43">
      <c r="A2561" t="s">
        <v>1646</v>
      </c>
      <c r="B2561" t="s">
        <v>1647</v>
      </c>
      <c r="C2561" t="s">
        <v>1604</v>
      </c>
      <c r="D2561" t="s">
        <v>1605</v>
      </c>
      <c r="E2561" t="s">
        <v>1586</v>
      </c>
      <c r="F2561" t="s">
        <v>1587</v>
      </c>
      <c r="G2561" t="s">
        <v>80</v>
      </c>
      <c r="H2561" t="s">
        <v>81</v>
      </c>
      <c r="I2561" s="2">
        <v>0</v>
      </c>
      <c r="J2561" s="2">
        <v>1</v>
      </c>
      <c r="K2561" s="2">
        <v>0</v>
      </c>
      <c r="L2561" t="s">
        <v>82</v>
      </c>
      <c r="M2561" t="s">
        <v>83</v>
      </c>
      <c r="N2561" t="s">
        <v>91</v>
      </c>
      <c r="O2561" t="s">
        <v>85</v>
      </c>
      <c r="P2561" t="s">
        <v>86</v>
      </c>
      <c r="Q2561">
        <v>25</v>
      </c>
      <c r="R2561">
        <v>25</v>
      </c>
      <c r="S2561">
        <v>25</v>
      </c>
      <c r="T2561">
        <v>25</v>
      </c>
      <c r="U2561">
        <v>26</v>
      </c>
      <c r="V2561">
        <v>26</v>
      </c>
      <c r="W2561">
        <v>26</v>
      </c>
      <c r="X2561">
        <v>26</v>
      </c>
      <c r="Y2561">
        <v>26</v>
      </c>
      <c r="Z2561">
        <v>26</v>
      </c>
      <c r="AA2561">
        <v>26</v>
      </c>
      <c r="AB2561">
        <v>26</v>
      </c>
      <c r="AC2561">
        <v>26</v>
      </c>
      <c r="AD2561">
        <v>26</v>
      </c>
      <c r="AE2561">
        <v>26</v>
      </c>
      <c r="AF2561">
        <v>26</v>
      </c>
      <c r="AG2561">
        <v>26</v>
      </c>
      <c r="AH2561">
        <v>26</v>
      </c>
      <c r="AI2561">
        <v>26</v>
      </c>
      <c r="AJ2561">
        <v>26</v>
      </c>
      <c r="AK2561">
        <v>26</v>
      </c>
      <c r="AL2561">
        <v>26</v>
      </c>
      <c r="AM2561">
        <v>26</v>
      </c>
      <c r="AN2561">
        <v>26</v>
      </c>
      <c r="AO2561">
        <v>25</v>
      </c>
      <c r="AP2561">
        <v>25</v>
      </c>
      <c r="AQ2561">
        <v>25</v>
      </c>
    </row>
    <row r="2562" spans="1:43">
      <c r="A2562" t="s">
        <v>1648</v>
      </c>
      <c r="B2562" t="s">
        <v>1649</v>
      </c>
      <c r="C2562" t="s">
        <v>1650</v>
      </c>
      <c r="D2562" t="s">
        <v>1651</v>
      </c>
      <c r="E2562" t="s">
        <v>1586</v>
      </c>
      <c r="F2562" t="s">
        <v>1587</v>
      </c>
      <c r="G2562" t="s">
        <v>80</v>
      </c>
      <c r="H2562" t="s">
        <v>81</v>
      </c>
      <c r="I2562" s="2">
        <v>0</v>
      </c>
      <c r="J2562" s="2">
        <v>0.9</v>
      </c>
      <c r="K2562" s="2">
        <v>0.1</v>
      </c>
      <c r="L2562" t="s">
        <v>82</v>
      </c>
      <c r="M2562" t="s">
        <v>83</v>
      </c>
      <c r="N2562" t="s">
        <v>84</v>
      </c>
      <c r="O2562" t="s">
        <v>85</v>
      </c>
      <c r="P2562" t="s">
        <v>86</v>
      </c>
      <c r="Q2562">
        <v>42</v>
      </c>
      <c r="R2562">
        <v>42</v>
      </c>
      <c r="S2562">
        <v>42</v>
      </c>
      <c r="T2562">
        <v>42</v>
      </c>
      <c r="U2562">
        <v>42</v>
      </c>
      <c r="V2562">
        <v>43</v>
      </c>
      <c r="W2562">
        <v>43</v>
      </c>
      <c r="X2562">
        <v>43</v>
      </c>
      <c r="Y2562">
        <v>43</v>
      </c>
      <c r="Z2562">
        <v>43</v>
      </c>
      <c r="AA2562">
        <v>43</v>
      </c>
      <c r="AB2562">
        <v>43</v>
      </c>
      <c r="AC2562">
        <v>43</v>
      </c>
      <c r="AD2562">
        <v>43</v>
      </c>
      <c r="AE2562">
        <v>43</v>
      </c>
      <c r="AF2562">
        <v>43</v>
      </c>
      <c r="AG2562">
        <v>43</v>
      </c>
      <c r="AH2562">
        <v>44</v>
      </c>
      <c r="AI2562">
        <v>44</v>
      </c>
      <c r="AJ2562">
        <v>44</v>
      </c>
      <c r="AK2562">
        <v>44</v>
      </c>
      <c r="AL2562">
        <v>43</v>
      </c>
      <c r="AM2562">
        <v>43</v>
      </c>
      <c r="AN2562">
        <v>43</v>
      </c>
      <c r="AO2562">
        <v>42</v>
      </c>
      <c r="AP2562">
        <v>42</v>
      </c>
      <c r="AQ2562">
        <v>42</v>
      </c>
    </row>
    <row r="2563" spans="1:43">
      <c r="A2563" t="s">
        <v>1648</v>
      </c>
      <c r="B2563" t="s">
        <v>1649</v>
      </c>
      <c r="C2563" t="s">
        <v>1650</v>
      </c>
      <c r="D2563" t="s">
        <v>1651</v>
      </c>
      <c r="E2563" t="s">
        <v>1586</v>
      </c>
      <c r="F2563" t="s">
        <v>1587</v>
      </c>
      <c r="G2563" t="s">
        <v>80</v>
      </c>
      <c r="H2563" t="s">
        <v>81</v>
      </c>
      <c r="I2563" s="2">
        <v>0</v>
      </c>
      <c r="J2563" s="2">
        <v>0.9</v>
      </c>
      <c r="K2563" s="2">
        <v>0.1</v>
      </c>
      <c r="L2563" t="s">
        <v>82</v>
      </c>
      <c r="M2563" t="s">
        <v>87</v>
      </c>
      <c r="N2563" t="s">
        <v>88</v>
      </c>
      <c r="O2563" t="s">
        <v>85</v>
      </c>
      <c r="P2563" t="s">
        <v>86</v>
      </c>
      <c r="Q2563">
        <v>42</v>
      </c>
      <c r="R2563">
        <v>42</v>
      </c>
      <c r="S2563">
        <v>42</v>
      </c>
      <c r="T2563">
        <v>42</v>
      </c>
      <c r="U2563">
        <v>42</v>
      </c>
      <c r="V2563">
        <v>41</v>
      </c>
      <c r="W2563">
        <v>41</v>
      </c>
      <c r="X2563">
        <v>41</v>
      </c>
      <c r="Y2563">
        <v>41</v>
      </c>
      <c r="Z2563">
        <v>41</v>
      </c>
      <c r="AA2563">
        <v>40</v>
      </c>
      <c r="AB2563">
        <v>40</v>
      </c>
      <c r="AC2563">
        <v>40</v>
      </c>
      <c r="AD2563">
        <v>40</v>
      </c>
      <c r="AE2563">
        <v>39</v>
      </c>
      <c r="AF2563">
        <v>39</v>
      </c>
      <c r="AG2563">
        <v>39</v>
      </c>
      <c r="AH2563">
        <v>39</v>
      </c>
      <c r="AI2563">
        <v>39</v>
      </c>
      <c r="AJ2563">
        <v>39</v>
      </c>
      <c r="AK2563">
        <v>38</v>
      </c>
      <c r="AL2563">
        <v>38</v>
      </c>
      <c r="AM2563">
        <v>38</v>
      </c>
      <c r="AN2563">
        <v>38</v>
      </c>
      <c r="AO2563">
        <v>38</v>
      </c>
      <c r="AP2563">
        <v>37</v>
      </c>
      <c r="AQ2563">
        <v>37</v>
      </c>
    </row>
    <row r="2564" spans="1:43">
      <c r="A2564" t="s">
        <v>1648</v>
      </c>
      <c r="B2564" t="s">
        <v>1649</v>
      </c>
      <c r="C2564" t="s">
        <v>1650</v>
      </c>
      <c r="D2564" t="s">
        <v>1651</v>
      </c>
      <c r="E2564" t="s">
        <v>1586</v>
      </c>
      <c r="F2564" t="s">
        <v>1587</v>
      </c>
      <c r="G2564" t="s">
        <v>80</v>
      </c>
      <c r="H2564" t="s">
        <v>81</v>
      </c>
      <c r="I2564" s="2">
        <v>0</v>
      </c>
      <c r="J2564" s="2">
        <v>0.9</v>
      </c>
      <c r="K2564" s="2">
        <v>0.1</v>
      </c>
      <c r="L2564" t="s">
        <v>82</v>
      </c>
      <c r="M2564" t="s">
        <v>89</v>
      </c>
      <c r="N2564" t="s">
        <v>90</v>
      </c>
      <c r="O2564" t="s">
        <v>85</v>
      </c>
      <c r="P2564" t="s">
        <v>86</v>
      </c>
      <c r="Q2564">
        <v>42</v>
      </c>
      <c r="R2564">
        <v>43</v>
      </c>
      <c r="S2564">
        <v>43</v>
      </c>
      <c r="T2564">
        <v>44</v>
      </c>
      <c r="U2564">
        <v>44</v>
      </c>
      <c r="V2564">
        <v>45</v>
      </c>
      <c r="W2564">
        <v>45</v>
      </c>
      <c r="X2564">
        <v>45</v>
      </c>
      <c r="Y2564">
        <v>45</v>
      </c>
      <c r="Z2564">
        <v>46</v>
      </c>
      <c r="AA2564">
        <v>46</v>
      </c>
      <c r="AB2564">
        <v>46</v>
      </c>
      <c r="AC2564">
        <v>46</v>
      </c>
      <c r="AD2564">
        <v>47</v>
      </c>
      <c r="AE2564">
        <v>46</v>
      </c>
      <c r="AF2564">
        <v>46</v>
      </c>
      <c r="AG2564">
        <v>46</v>
      </c>
      <c r="AH2564">
        <v>45</v>
      </c>
      <c r="AI2564">
        <v>45</v>
      </c>
      <c r="AJ2564">
        <v>44</v>
      </c>
      <c r="AK2564">
        <v>44</v>
      </c>
      <c r="AL2564">
        <v>44</v>
      </c>
      <c r="AM2564">
        <v>43</v>
      </c>
      <c r="AN2564">
        <v>43</v>
      </c>
      <c r="AO2564">
        <v>43</v>
      </c>
      <c r="AP2564">
        <v>42</v>
      </c>
      <c r="AQ2564">
        <v>42</v>
      </c>
    </row>
    <row r="2565" spans="1:43">
      <c r="A2565" t="s">
        <v>1648</v>
      </c>
      <c r="B2565" t="s">
        <v>1649</v>
      </c>
      <c r="C2565" t="s">
        <v>1650</v>
      </c>
      <c r="D2565" t="s">
        <v>1651</v>
      </c>
      <c r="E2565" t="s">
        <v>1586</v>
      </c>
      <c r="F2565" t="s">
        <v>1587</v>
      </c>
      <c r="G2565" t="s">
        <v>80</v>
      </c>
      <c r="H2565" t="s">
        <v>81</v>
      </c>
      <c r="I2565" s="2">
        <v>0</v>
      </c>
      <c r="J2565" s="2">
        <v>0.9</v>
      </c>
      <c r="K2565" s="2">
        <v>0.1</v>
      </c>
      <c r="L2565" t="s">
        <v>82</v>
      </c>
      <c r="M2565" t="s">
        <v>83</v>
      </c>
      <c r="N2565" t="s">
        <v>91</v>
      </c>
      <c r="O2565" t="s">
        <v>85</v>
      </c>
      <c r="P2565" t="s">
        <v>86</v>
      </c>
      <c r="Q2565">
        <v>42</v>
      </c>
      <c r="R2565">
        <v>42</v>
      </c>
      <c r="S2565">
        <v>42</v>
      </c>
      <c r="T2565">
        <v>42</v>
      </c>
      <c r="U2565">
        <v>42</v>
      </c>
      <c r="V2565">
        <v>43</v>
      </c>
      <c r="W2565">
        <v>43</v>
      </c>
      <c r="X2565">
        <v>43</v>
      </c>
      <c r="Y2565">
        <v>43</v>
      </c>
      <c r="Z2565">
        <v>43</v>
      </c>
      <c r="AA2565">
        <v>43</v>
      </c>
      <c r="AB2565">
        <v>43</v>
      </c>
      <c r="AC2565">
        <v>43</v>
      </c>
      <c r="AD2565">
        <v>43</v>
      </c>
      <c r="AE2565">
        <v>43</v>
      </c>
      <c r="AF2565">
        <v>43</v>
      </c>
      <c r="AG2565">
        <v>43</v>
      </c>
      <c r="AH2565">
        <v>44</v>
      </c>
      <c r="AI2565">
        <v>44</v>
      </c>
      <c r="AJ2565">
        <v>44</v>
      </c>
      <c r="AK2565">
        <v>44</v>
      </c>
      <c r="AL2565">
        <v>43</v>
      </c>
      <c r="AM2565">
        <v>43</v>
      </c>
      <c r="AN2565">
        <v>43</v>
      </c>
      <c r="AO2565">
        <v>42</v>
      </c>
      <c r="AP2565">
        <v>42</v>
      </c>
      <c r="AQ2565">
        <v>42</v>
      </c>
    </row>
    <row r="2566" spans="1:43">
      <c r="A2566" t="s">
        <v>1652</v>
      </c>
      <c r="B2566" t="s">
        <v>1653</v>
      </c>
      <c r="C2566" t="s">
        <v>1604</v>
      </c>
      <c r="D2566" t="s">
        <v>1605</v>
      </c>
      <c r="E2566" t="s">
        <v>1586</v>
      </c>
      <c r="F2566" t="s">
        <v>1587</v>
      </c>
      <c r="G2566" t="s">
        <v>80</v>
      </c>
      <c r="H2566" t="s">
        <v>81</v>
      </c>
      <c r="I2566" s="2">
        <v>0</v>
      </c>
      <c r="J2566" s="2">
        <v>1</v>
      </c>
      <c r="K2566" s="2">
        <v>0</v>
      </c>
      <c r="L2566" t="s">
        <v>82</v>
      </c>
      <c r="M2566" t="s">
        <v>83</v>
      </c>
      <c r="N2566" t="s">
        <v>84</v>
      </c>
      <c r="O2566" t="s">
        <v>85</v>
      </c>
      <c r="P2566" t="s">
        <v>86</v>
      </c>
      <c r="Q2566">
        <v>42</v>
      </c>
      <c r="R2566">
        <v>42</v>
      </c>
      <c r="S2566">
        <v>42</v>
      </c>
      <c r="T2566">
        <v>43</v>
      </c>
      <c r="U2566">
        <v>43</v>
      </c>
      <c r="V2566">
        <v>43</v>
      </c>
      <c r="W2566">
        <v>43</v>
      </c>
      <c r="X2566">
        <v>43</v>
      </c>
      <c r="Y2566">
        <v>43</v>
      </c>
      <c r="Z2566">
        <v>43</v>
      </c>
      <c r="AA2566">
        <v>44</v>
      </c>
      <c r="AB2566">
        <v>44</v>
      </c>
      <c r="AC2566">
        <v>44</v>
      </c>
      <c r="AD2566">
        <v>44</v>
      </c>
      <c r="AE2566">
        <v>44</v>
      </c>
      <c r="AF2566">
        <v>44</v>
      </c>
      <c r="AG2566">
        <v>44</v>
      </c>
      <c r="AH2566">
        <v>44</v>
      </c>
      <c r="AI2566">
        <v>44</v>
      </c>
      <c r="AJ2566">
        <v>44</v>
      </c>
      <c r="AK2566">
        <v>44</v>
      </c>
      <c r="AL2566">
        <v>44</v>
      </c>
      <c r="AM2566">
        <v>43</v>
      </c>
      <c r="AN2566">
        <v>43</v>
      </c>
      <c r="AO2566">
        <v>43</v>
      </c>
      <c r="AP2566">
        <v>42</v>
      </c>
      <c r="AQ2566">
        <v>42</v>
      </c>
    </row>
    <row r="2567" spans="1:43">
      <c r="A2567" t="s">
        <v>1652</v>
      </c>
      <c r="B2567" t="s">
        <v>1653</v>
      </c>
      <c r="C2567" t="s">
        <v>1604</v>
      </c>
      <c r="D2567" t="s">
        <v>1605</v>
      </c>
      <c r="E2567" t="s">
        <v>1586</v>
      </c>
      <c r="F2567" t="s">
        <v>1587</v>
      </c>
      <c r="G2567" t="s">
        <v>80</v>
      </c>
      <c r="H2567" t="s">
        <v>81</v>
      </c>
      <c r="I2567" s="2">
        <v>0</v>
      </c>
      <c r="J2567" s="2">
        <v>1</v>
      </c>
      <c r="K2567" s="2">
        <v>0</v>
      </c>
      <c r="L2567" t="s">
        <v>82</v>
      </c>
      <c r="M2567" t="s">
        <v>87</v>
      </c>
      <c r="N2567" t="s">
        <v>88</v>
      </c>
      <c r="O2567" t="s">
        <v>85</v>
      </c>
      <c r="P2567" t="s">
        <v>86</v>
      </c>
      <c r="Q2567">
        <v>42</v>
      </c>
      <c r="R2567">
        <v>42</v>
      </c>
      <c r="S2567">
        <v>41</v>
      </c>
      <c r="T2567">
        <v>41</v>
      </c>
      <c r="U2567">
        <v>41</v>
      </c>
      <c r="V2567">
        <v>41</v>
      </c>
      <c r="W2567">
        <v>40</v>
      </c>
      <c r="X2567">
        <v>40</v>
      </c>
      <c r="Y2567">
        <v>40</v>
      </c>
      <c r="Z2567">
        <v>40</v>
      </c>
      <c r="AA2567">
        <v>40</v>
      </c>
      <c r="AB2567">
        <v>39</v>
      </c>
      <c r="AC2567">
        <v>39</v>
      </c>
      <c r="AD2567">
        <v>39</v>
      </c>
      <c r="AE2567">
        <v>39</v>
      </c>
      <c r="AF2567">
        <v>39</v>
      </c>
      <c r="AG2567">
        <v>38</v>
      </c>
      <c r="AH2567">
        <v>38</v>
      </c>
      <c r="AI2567">
        <v>38</v>
      </c>
      <c r="AJ2567">
        <v>38</v>
      </c>
      <c r="AK2567">
        <v>38</v>
      </c>
      <c r="AL2567">
        <v>37</v>
      </c>
      <c r="AM2567">
        <v>37</v>
      </c>
      <c r="AN2567">
        <v>37</v>
      </c>
      <c r="AO2567">
        <v>37</v>
      </c>
      <c r="AP2567">
        <v>37</v>
      </c>
      <c r="AQ2567">
        <v>37</v>
      </c>
    </row>
    <row r="2568" spans="1:43">
      <c r="A2568" t="s">
        <v>1652</v>
      </c>
      <c r="B2568" t="s">
        <v>1653</v>
      </c>
      <c r="C2568" t="s">
        <v>1604</v>
      </c>
      <c r="D2568" t="s">
        <v>1605</v>
      </c>
      <c r="E2568" t="s">
        <v>1586</v>
      </c>
      <c r="F2568" t="s">
        <v>1587</v>
      </c>
      <c r="G2568" t="s">
        <v>80</v>
      </c>
      <c r="H2568" t="s">
        <v>81</v>
      </c>
      <c r="I2568" s="2">
        <v>0</v>
      </c>
      <c r="J2568" s="2">
        <v>1</v>
      </c>
      <c r="K2568" s="2">
        <v>0</v>
      </c>
      <c r="L2568" t="s">
        <v>82</v>
      </c>
      <c r="M2568" t="s">
        <v>89</v>
      </c>
      <c r="N2568" t="s">
        <v>90</v>
      </c>
      <c r="O2568" t="s">
        <v>85</v>
      </c>
      <c r="P2568" t="s">
        <v>86</v>
      </c>
      <c r="Q2568">
        <v>42</v>
      </c>
      <c r="R2568">
        <v>42</v>
      </c>
      <c r="S2568">
        <v>43</v>
      </c>
      <c r="T2568">
        <v>43</v>
      </c>
      <c r="U2568">
        <v>43</v>
      </c>
      <c r="V2568">
        <v>44</v>
      </c>
      <c r="W2568">
        <v>44</v>
      </c>
      <c r="X2568">
        <v>45</v>
      </c>
      <c r="Y2568">
        <v>45</v>
      </c>
      <c r="Z2568">
        <v>45</v>
      </c>
      <c r="AA2568">
        <v>45</v>
      </c>
      <c r="AB2568">
        <v>45</v>
      </c>
      <c r="AC2568">
        <v>46</v>
      </c>
      <c r="AD2568">
        <v>46</v>
      </c>
      <c r="AE2568">
        <v>46</v>
      </c>
      <c r="AF2568">
        <v>45</v>
      </c>
      <c r="AG2568">
        <v>45</v>
      </c>
      <c r="AH2568">
        <v>45</v>
      </c>
      <c r="AI2568">
        <v>44</v>
      </c>
      <c r="AJ2568">
        <v>44</v>
      </c>
      <c r="AK2568">
        <v>43</v>
      </c>
      <c r="AL2568">
        <v>43</v>
      </c>
      <c r="AM2568">
        <v>43</v>
      </c>
      <c r="AN2568">
        <v>42</v>
      </c>
      <c r="AO2568">
        <v>42</v>
      </c>
      <c r="AP2568">
        <v>42</v>
      </c>
      <c r="AQ2568">
        <v>41</v>
      </c>
    </row>
    <row r="2569" spans="1:43">
      <c r="A2569" t="s">
        <v>1652</v>
      </c>
      <c r="B2569" t="s">
        <v>1653</v>
      </c>
      <c r="C2569" t="s">
        <v>1604</v>
      </c>
      <c r="D2569" t="s">
        <v>1605</v>
      </c>
      <c r="E2569" t="s">
        <v>1586</v>
      </c>
      <c r="F2569" t="s">
        <v>1587</v>
      </c>
      <c r="G2569" t="s">
        <v>80</v>
      </c>
      <c r="H2569" t="s">
        <v>81</v>
      </c>
      <c r="I2569" s="2">
        <v>0</v>
      </c>
      <c r="J2569" s="2">
        <v>1</v>
      </c>
      <c r="K2569" s="2">
        <v>0</v>
      </c>
      <c r="L2569" t="s">
        <v>82</v>
      </c>
      <c r="M2569" t="s">
        <v>83</v>
      </c>
      <c r="N2569" t="s">
        <v>91</v>
      </c>
      <c r="O2569" t="s">
        <v>85</v>
      </c>
      <c r="P2569" t="s">
        <v>86</v>
      </c>
      <c r="Q2569">
        <v>42</v>
      </c>
      <c r="R2569">
        <v>42</v>
      </c>
      <c r="S2569">
        <v>42</v>
      </c>
      <c r="T2569">
        <v>43</v>
      </c>
      <c r="U2569">
        <v>43</v>
      </c>
      <c r="V2569">
        <v>43</v>
      </c>
      <c r="W2569">
        <v>43</v>
      </c>
      <c r="X2569">
        <v>43</v>
      </c>
      <c r="Y2569">
        <v>43</v>
      </c>
      <c r="Z2569">
        <v>43</v>
      </c>
      <c r="AA2569">
        <v>44</v>
      </c>
      <c r="AB2569">
        <v>44</v>
      </c>
      <c r="AC2569">
        <v>44</v>
      </c>
      <c r="AD2569">
        <v>44</v>
      </c>
      <c r="AE2569">
        <v>44</v>
      </c>
      <c r="AF2569">
        <v>44</v>
      </c>
      <c r="AG2569">
        <v>44</v>
      </c>
      <c r="AH2569">
        <v>44</v>
      </c>
      <c r="AI2569">
        <v>44</v>
      </c>
      <c r="AJ2569">
        <v>44</v>
      </c>
      <c r="AK2569">
        <v>44</v>
      </c>
      <c r="AL2569">
        <v>44</v>
      </c>
      <c r="AM2569">
        <v>43</v>
      </c>
      <c r="AN2569">
        <v>43</v>
      </c>
      <c r="AO2569">
        <v>43</v>
      </c>
      <c r="AP2569">
        <v>42</v>
      </c>
      <c r="AQ2569">
        <v>42</v>
      </c>
    </row>
    <row r="2570" spans="1:43">
      <c r="A2570" t="s">
        <v>1654</v>
      </c>
      <c r="B2570" t="s">
        <v>1655</v>
      </c>
      <c r="C2570" t="s">
        <v>1656</v>
      </c>
      <c r="D2570" t="s">
        <v>1657</v>
      </c>
      <c r="E2570" t="s">
        <v>1586</v>
      </c>
      <c r="F2570" t="s">
        <v>1587</v>
      </c>
      <c r="G2570" t="s">
        <v>80</v>
      </c>
      <c r="H2570" t="s">
        <v>81</v>
      </c>
      <c r="I2570" s="2">
        <v>0</v>
      </c>
      <c r="J2570" s="2">
        <v>1</v>
      </c>
      <c r="K2570" s="2">
        <v>0</v>
      </c>
      <c r="L2570" t="s">
        <v>82</v>
      </c>
      <c r="M2570" t="s">
        <v>83</v>
      </c>
      <c r="N2570" t="s">
        <v>84</v>
      </c>
      <c r="O2570" t="s">
        <v>85</v>
      </c>
      <c r="P2570" t="s">
        <v>86</v>
      </c>
      <c r="Q2570">
        <v>34</v>
      </c>
      <c r="R2570">
        <v>34</v>
      </c>
      <c r="S2570">
        <v>34</v>
      </c>
      <c r="T2570">
        <v>34</v>
      </c>
      <c r="U2570">
        <v>34</v>
      </c>
      <c r="V2570">
        <v>34</v>
      </c>
      <c r="W2570">
        <v>34</v>
      </c>
      <c r="X2570">
        <v>35</v>
      </c>
      <c r="Y2570">
        <v>35</v>
      </c>
      <c r="Z2570">
        <v>35</v>
      </c>
      <c r="AA2570">
        <v>35</v>
      </c>
      <c r="AB2570">
        <v>35</v>
      </c>
      <c r="AC2570">
        <v>35</v>
      </c>
      <c r="AD2570">
        <v>35</v>
      </c>
      <c r="AE2570">
        <v>35</v>
      </c>
      <c r="AF2570">
        <v>35</v>
      </c>
      <c r="AG2570">
        <v>35</v>
      </c>
      <c r="AH2570">
        <v>35</v>
      </c>
      <c r="AI2570">
        <v>35</v>
      </c>
      <c r="AJ2570">
        <v>35</v>
      </c>
      <c r="AK2570">
        <v>35</v>
      </c>
      <c r="AL2570">
        <v>35</v>
      </c>
      <c r="AM2570">
        <v>35</v>
      </c>
      <c r="AN2570">
        <v>34</v>
      </c>
      <c r="AO2570">
        <v>34</v>
      </c>
      <c r="AP2570">
        <v>34</v>
      </c>
      <c r="AQ2570">
        <v>34</v>
      </c>
    </row>
    <row r="2571" spans="1:43">
      <c r="A2571" t="s">
        <v>1654</v>
      </c>
      <c r="B2571" t="s">
        <v>1655</v>
      </c>
      <c r="C2571" t="s">
        <v>1656</v>
      </c>
      <c r="D2571" t="s">
        <v>1657</v>
      </c>
      <c r="E2571" t="s">
        <v>1586</v>
      </c>
      <c r="F2571" t="s">
        <v>1587</v>
      </c>
      <c r="G2571" t="s">
        <v>80</v>
      </c>
      <c r="H2571" t="s">
        <v>81</v>
      </c>
      <c r="I2571" s="2">
        <v>0</v>
      </c>
      <c r="J2571" s="2">
        <v>1</v>
      </c>
      <c r="K2571" s="2">
        <v>0</v>
      </c>
      <c r="L2571" t="s">
        <v>82</v>
      </c>
      <c r="M2571" t="s">
        <v>87</v>
      </c>
      <c r="N2571" t="s">
        <v>88</v>
      </c>
      <c r="O2571" t="s">
        <v>85</v>
      </c>
      <c r="P2571" t="s">
        <v>86</v>
      </c>
      <c r="Q2571">
        <v>34</v>
      </c>
      <c r="R2571">
        <v>34</v>
      </c>
      <c r="S2571">
        <v>34</v>
      </c>
      <c r="T2571">
        <v>34</v>
      </c>
      <c r="U2571">
        <v>34</v>
      </c>
      <c r="V2571">
        <v>34</v>
      </c>
      <c r="W2571">
        <v>33</v>
      </c>
      <c r="X2571">
        <v>33</v>
      </c>
      <c r="Y2571">
        <v>33</v>
      </c>
      <c r="Z2571">
        <v>33</v>
      </c>
      <c r="AA2571">
        <v>33</v>
      </c>
      <c r="AB2571">
        <v>33</v>
      </c>
      <c r="AC2571">
        <v>32</v>
      </c>
      <c r="AD2571">
        <v>32</v>
      </c>
      <c r="AE2571">
        <v>32</v>
      </c>
      <c r="AF2571">
        <v>32</v>
      </c>
      <c r="AG2571">
        <v>32</v>
      </c>
      <c r="AH2571">
        <v>32</v>
      </c>
      <c r="AI2571">
        <v>32</v>
      </c>
      <c r="AJ2571">
        <v>31</v>
      </c>
      <c r="AK2571">
        <v>31</v>
      </c>
      <c r="AL2571">
        <v>31</v>
      </c>
      <c r="AM2571">
        <v>31</v>
      </c>
      <c r="AN2571">
        <v>31</v>
      </c>
      <c r="AO2571">
        <v>31</v>
      </c>
      <c r="AP2571">
        <v>30</v>
      </c>
      <c r="AQ2571">
        <v>30</v>
      </c>
    </row>
    <row r="2572" spans="1:43">
      <c r="A2572" t="s">
        <v>1654</v>
      </c>
      <c r="B2572" t="s">
        <v>1655</v>
      </c>
      <c r="C2572" t="s">
        <v>1656</v>
      </c>
      <c r="D2572" t="s">
        <v>1657</v>
      </c>
      <c r="E2572" t="s">
        <v>1586</v>
      </c>
      <c r="F2572" t="s">
        <v>1587</v>
      </c>
      <c r="G2572" t="s">
        <v>80</v>
      </c>
      <c r="H2572" t="s">
        <v>81</v>
      </c>
      <c r="I2572" s="2">
        <v>0</v>
      </c>
      <c r="J2572" s="2">
        <v>1</v>
      </c>
      <c r="K2572" s="2">
        <v>0</v>
      </c>
      <c r="L2572" t="s">
        <v>82</v>
      </c>
      <c r="M2572" t="s">
        <v>89</v>
      </c>
      <c r="N2572" t="s">
        <v>90</v>
      </c>
      <c r="O2572" t="s">
        <v>85</v>
      </c>
      <c r="P2572" t="s">
        <v>86</v>
      </c>
      <c r="Q2572">
        <v>34</v>
      </c>
      <c r="R2572">
        <v>34</v>
      </c>
      <c r="S2572">
        <v>35</v>
      </c>
      <c r="T2572">
        <v>35</v>
      </c>
      <c r="U2572">
        <v>36</v>
      </c>
      <c r="V2572">
        <v>36</v>
      </c>
      <c r="W2572">
        <v>36</v>
      </c>
      <c r="X2572">
        <v>37</v>
      </c>
      <c r="Y2572">
        <v>37</v>
      </c>
      <c r="Z2572">
        <v>37</v>
      </c>
      <c r="AA2572">
        <v>37</v>
      </c>
      <c r="AB2572">
        <v>37</v>
      </c>
      <c r="AC2572">
        <v>37</v>
      </c>
      <c r="AD2572">
        <v>38</v>
      </c>
      <c r="AE2572">
        <v>38</v>
      </c>
      <c r="AF2572">
        <v>37</v>
      </c>
      <c r="AG2572">
        <v>37</v>
      </c>
      <c r="AH2572">
        <v>37</v>
      </c>
      <c r="AI2572">
        <v>36</v>
      </c>
      <c r="AJ2572">
        <v>36</v>
      </c>
      <c r="AK2572">
        <v>36</v>
      </c>
      <c r="AL2572">
        <v>35</v>
      </c>
      <c r="AM2572">
        <v>35</v>
      </c>
      <c r="AN2572">
        <v>35</v>
      </c>
      <c r="AO2572">
        <v>34</v>
      </c>
      <c r="AP2572">
        <v>34</v>
      </c>
      <c r="AQ2572">
        <v>34</v>
      </c>
    </row>
    <row r="2573" spans="1:43">
      <c r="A2573" t="s">
        <v>1654</v>
      </c>
      <c r="B2573" t="s">
        <v>1655</v>
      </c>
      <c r="C2573" t="s">
        <v>1656</v>
      </c>
      <c r="D2573" t="s">
        <v>1657</v>
      </c>
      <c r="E2573" t="s">
        <v>1586</v>
      </c>
      <c r="F2573" t="s">
        <v>1587</v>
      </c>
      <c r="G2573" t="s">
        <v>80</v>
      </c>
      <c r="H2573" t="s">
        <v>81</v>
      </c>
      <c r="I2573" s="2">
        <v>0</v>
      </c>
      <c r="J2573" s="2">
        <v>1</v>
      </c>
      <c r="K2573" s="2">
        <v>0</v>
      </c>
      <c r="L2573" t="s">
        <v>82</v>
      </c>
      <c r="M2573" t="s">
        <v>83</v>
      </c>
      <c r="N2573" t="s">
        <v>91</v>
      </c>
      <c r="O2573" t="s">
        <v>85</v>
      </c>
      <c r="P2573" t="s">
        <v>86</v>
      </c>
      <c r="Q2573">
        <v>34</v>
      </c>
      <c r="R2573">
        <v>34</v>
      </c>
      <c r="S2573">
        <v>34</v>
      </c>
      <c r="T2573">
        <v>34</v>
      </c>
      <c r="U2573">
        <v>34</v>
      </c>
      <c r="V2573">
        <v>34</v>
      </c>
      <c r="W2573">
        <v>34</v>
      </c>
      <c r="X2573">
        <v>35</v>
      </c>
      <c r="Y2573">
        <v>35</v>
      </c>
      <c r="Z2573">
        <v>35</v>
      </c>
      <c r="AA2573">
        <v>35</v>
      </c>
      <c r="AB2573">
        <v>35</v>
      </c>
      <c r="AC2573">
        <v>35</v>
      </c>
      <c r="AD2573">
        <v>35</v>
      </c>
      <c r="AE2573">
        <v>35</v>
      </c>
      <c r="AF2573">
        <v>35</v>
      </c>
      <c r="AG2573">
        <v>35</v>
      </c>
      <c r="AH2573">
        <v>35</v>
      </c>
      <c r="AI2573">
        <v>35</v>
      </c>
      <c r="AJ2573">
        <v>35</v>
      </c>
      <c r="AK2573">
        <v>35</v>
      </c>
      <c r="AL2573">
        <v>35</v>
      </c>
      <c r="AM2573">
        <v>35</v>
      </c>
      <c r="AN2573">
        <v>34</v>
      </c>
      <c r="AO2573">
        <v>34</v>
      </c>
      <c r="AP2573">
        <v>34</v>
      </c>
      <c r="AQ2573">
        <v>34</v>
      </c>
    </row>
    <row r="2574" spans="1:43">
      <c r="A2574" t="s">
        <v>1658</v>
      </c>
      <c r="B2574" t="s">
        <v>1659</v>
      </c>
      <c r="C2574" t="s">
        <v>1656</v>
      </c>
      <c r="D2574" t="s">
        <v>1657</v>
      </c>
      <c r="E2574" t="s">
        <v>1586</v>
      </c>
      <c r="F2574" t="s">
        <v>1587</v>
      </c>
      <c r="G2574" t="s">
        <v>80</v>
      </c>
      <c r="H2574" t="s">
        <v>81</v>
      </c>
      <c r="I2574" s="2">
        <v>0</v>
      </c>
      <c r="J2574" s="2">
        <v>1</v>
      </c>
      <c r="K2574" s="2">
        <v>0</v>
      </c>
      <c r="L2574" t="s">
        <v>82</v>
      </c>
      <c r="M2574" t="s">
        <v>83</v>
      </c>
      <c r="N2574" t="s">
        <v>84</v>
      </c>
      <c r="O2574" t="s">
        <v>85</v>
      </c>
      <c r="P2574" t="s">
        <v>86</v>
      </c>
      <c r="Q2574">
        <v>38</v>
      </c>
      <c r="R2574">
        <v>38</v>
      </c>
      <c r="S2574">
        <v>38</v>
      </c>
      <c r="T2574">
        <v>38</v>
      </c>
      <c r="U2574">
        <v>39</v>
      </c>
      <c r="V2574">
        <v>39</v>
      </c>
      <c r="W2574">
        <v>39</v>
      </c>
      <c r="X2574">
        <v>39</v>
      </c>
      <c r="Y2574">
        <v>39</v>
      </c>
      <c r="Z2574">
        <v>39</v>
      </c>
      <c r="AA2574">
        <v>39</v>
      </c>
      <c r="AB2574">
        <v>39</v>
      </c>
      <c r="AC2574">
        <v>39</v>
      </c>
      <c r="AD2574">
        <v>39</v>
      </c>
      <c r="AE2574">
        <v>39</v>
      </c>
      <c r="AF2574">
        <v>39</v>
      </c>
      <c r="AG2574">
        <v>39</v>
      </c>
      <c r="AH2574">
        <v>39</v>
      </c>
      <c r="AI2574">
        <v>39</v>
      </c>
      <c r="AJ2574">
        <v>39</v>
      </c>
      <c r="AK2574">
        <v>39</v>
      </c>
      <c r="AL2574">
        <v>39</v>
      </c>
      <c r="AM2574">
        <v>39</v>
      </c>
      <c r="AN2574">
        <v>38</v>
      </c>
      <c r="AO2574">
        <v>38</v>
      </c>
      <c r="AP2574">
        <v>38</v>
      </c>
      <c r="AQ2574">
        <v>37</v>
      </c>
    </row>
    <row r="2575" spans="1:43">
      <c r="A2575" t="s">
        <v>1658</v>
      </c>
      <c r="B2575" t="s">
        <v>1659</v>
      </c>
      <c r="C2575" t="s">
        <v>1656</v>
      </c>
      <c r="D2575" t="s">
        <v>1657</v>
      </c>
      <c r="E2575" t="s">
        <v>1586</v>
      </c>
      <c r="F2575" t="s">
        <v>1587</v>
      </c>
      <c r="G2575" t="s">
        <v>80</v>
      </c>
      <c r="H2575" t="s">
        <v>81</v>
      </c>
      <c r="I2575" s="2">
        <v>0</v>
      </c>
      <c r="J2575" s="2">
        <v>1</v>
      </c>
      <c r="K2575" s="2">
        <v>0</v>
      </c>
      <c r="L2575" t="s">
        <v>82</v>
      </c>
      <c r="M2575" t="s">
        <v>87</v>
      </c>
      <c r="N2575" t="s">
        <v>88</v>
      </c>
      <c r="O2575" t="s">
        <v>85</v>
      </c>
      <c r="P2575" t="s">
        <v>86</v>
      </c>
      <c r="Q2575">
        <v>38</v>
      </c>
      <c r="R2575">
        <v>37</v>
      </c>
      <c r="S2575">
        <v>37</v>
      </c>
      <c r="T2575">
        <v>37</v>
      </c>
      <c r="U2575">
        <v>37</v>
      </c>
      <c r="V2575">
        <v>37</v>
      </c>
      <c r="W2575">
        <v>36</v>
      </c>
      <c r="X2575">
        <v>36</v>
      </c>
      <c r="Y2575">
        <v>36</v>
      </c>
      <c r="Z2575">
        <v>36</v>
      </c>
      <c r="AA2575">
        <v>36</v>
      </c>
      <c r="AB2575">
        <v>35</v>
      </c>
      <c r="AC2575">
        <v>35</v>
      </c>
      <c r="AD2575">
        <v>35</v>
      </c>
      <c r="AE2575">
        <v>35</v>
      </c>
      <c r="AF2575">
        <v>35</v>
      </c>
      <c r="AG2575">
        <v>34</v>
      </c>
      <c r="AH2575">
        <v>34</v>
      </c>
      <c r="AI2575">
        <v>34</v>
      </c>
      <c r="AJ2575">
        <v>34</v>
      </c>
      <c r="AK2575">
        <v>34</v>
      </c>
      <c r="AL2575">
        <v>34</v>
      </c>
      <c r="AM2575">
        <v>33</v>
      </c>
      <c r="AN2575">
        <v>33</v>
      </c>
      <c r="AO2575">
        <v>33</v>
      </c>
      <c r="AP2575">
        <v>33</v>
      </c>
      <c r="AQ2575">
        <v>33</v>
      </c>
    </row>
    <row r="2576" spans="1:43">
      <c r="A2576" t="s">
        <v>1658</v>
      </c>
      <c r="B2576" t="s">
        <v>1659</v>
      </c>
      <c r="C2576" t="s">
        <v>1656</v>
      </c>
      <c r="D2576" t="s">
        <v>1657</v>
      </c>
      <c r="E2576" t="s">
        <v>1586</v>
      </c>
      <c r="F2576" t="s">
        <v>1587</v>
      </c>
      <c r="G2576" t="s">
        <v>80</v>
      </c>
      <c r="H2576" t="s">
        <v>81</v>
      </c>
      <c r="I2576" s="2">
        <v>0</v>
      </c>
      <c r="J2576" s="2">
        <v>1</v>
      </c>
      <c r="K2576" s="2">
        <v>0</v>
      </c>
      <c r="L2576" t="s">
        <v>82</v>
      </c>
      <c r="M2576" t="s">
        <v>89</v>
      </c>
      <c r="N2576" t="s">
        <v>90</v>
      </c>
      <c r="O2576" t="s">
        <v>85</v>
      </c>
      <c r="P2576" t="s">
        <v>86</v>
      </c>
      <c r="Q2576">
        <v>38</v>
      </c>
      <c r="R2576">
        <v>39</v>
      </c>
      <c r="S2576">
        <v>39</v>
      </c>
      <c r="T2576">
        <v>40</v>
      </c>
      <c r="U2576">
        <v>40</v>
      </c>
      <c r="V2576">
        <v>40</v>
      </c>
      <c r="W2576">
        <v>41</v>
      </c>
      <c r="X2576">
        <v>41</v>
      </c>
      <c r="Y2576">
        <v>41</v>
      </c>
      <c r="Z2576">
        <v>41</v>
      </c>
      <c r="AA2576">
        <v>42</v>
      </c>
      <c r="AB2576">
        <v>42</v>
      </c>
      <c r="AC2576">
        <v>42</v>
      </c>
      <c r="AD2576">
        <v>42</v>
      </c>
      <c r="AE2576">
        <v>42</v>
      </c>
      <c r="AF2576">
        <v>42</v>
      </c>
      <c r="AG2576">
        <v>41</v>
      </c>
      <c r="AH2576">
        <v>41</v>
      </c>
      <c r="AI2576">
        <v>41</v>
      </c>
      <c r="AJ2576">
        <v>40</v>
      </c>
      <c r="AK2576">
        <v>40</v>
      </c>
      <c r="AL2576">
        <v>39</v>
      </c>
      <c r="AM2576">
        <v>39</v>
      </c>
      <c r="AN2576">
        <v>39</v>
      </c>
      <c r="AO2576">
        <v>38</v>
      </c>
      <c r="AP2576">
        <v>38</v>
      </c>
      <c r="AQ2576">
        <v>38</v>
      </c>
    </row>
    <row r="2577" spans="1:43">
      <c r="A2577" t="s">
        <v>1658</v>
      </c>
      <c r="B2577" t="s">
        <v>1659</v>
      </c>
      <c r="C2577" t="s">
        <v>1656</v>
      </c>
      <c r="D2577" t="s">
        <v>1657</v>
      </c>
      <c r="E2577" t="s">
        <v>1586</v>
      </c>
      <c r="F2577" t="s">
        <v>1587</v>
      </c>
      <c r="G2577" t="s">
        <v>80</v>
      </c>
      <c r="H2577" t="s">
        <v>81</v>
      </c>
      <c r="I2577" s="2">
        <v>0</v>
      </c>
      <c r="J2577" s="2">
        <v>1</v>
      </c>
      <c r="K2577" s="2">
        <v>0</v>
      </c>
      <c r="L2577" t="s">
        <v>82</v>
      </c>
      <c r="M2577" t="s">
        <v>83</v>
      </c>
      <c r="N2577" t="s">
        <v>91</v>
      </c>
      <c r="O2577" t="s">
        <v>85</v>
      </c>
      <c r="P2577" t="s">
        <v>86</v>
      </c>
      <c r="Q2577">
        <v>38</v>
      </c>
      <c r="R2577">
        <v>38</v>
      </c>
      <c r="S2577">
        <v>38</v>
      </c>
      <c r="T2577">
        <v>38</v>
      </c>
      <c r="U2577">
        <v>39</v>
      </c>
      <c r="V2577">
        <v>39</v>
      </c>
      <c r="W2577">
        <v>39</v>
      </c>
      <c r="X2577">
        <v>39</v>
      </c>
      <c r="Y2577">
        <v>39</v>
      </c>
      <c r="Z2577">
        <v>39</v>
      </c>
      <c r="AA2577">
        <v>39</v>
      </c>
      <c r="AB2577">
        <v>39</v>
      </c>
      <c r="AC2577">
        <v>39</v>
      </c>
      <c r="AD2577">
        <v>39</v>
      </c>
      <c r="AE2577">
        <v>39</v>
      </c>
      <c r="AF2577">
        <v>39</v>
      </c>
      <c r="AG2577">
        <v>39</v>
      </c>
      <c r="AH2577">
        <v>39</v>
      </c>
      <c r="AI2577">
        <v>39</v>
      </c>
      <c r="AJ2577">
        <v>39</v>
      </c>
      <c r="AK2577">
        <v>39</v>
      </c>
      <c r="AL2577">
        <v>39</v>
      </c>
      <c r="AM2577">
        <v>39</v>
      </c>
      <c r="AN2577">
        <v>38</v>
      </c>
      <c r="AO2577">
        <v>38</v>
      </c>
      <c r="AP2577">
        <v>38</v>
      </c>
      <c r="AQ2577">
        <v>37</v>
      </c>
    </row>
    <row r="2578" spans="1:43">
      <c r="A2578" t="s">
        <v>1660</v>
      </c>
      <c r="B2578" t="s">
        <v>1661</v>
      </c>
      <c r="C2578" t="s">
        <v>1662</v>
      </c>
      <c r="D2578" t="s">
        <v>1663</v>
      </c>
      <c r="E2578" t="s">
        <v>1586</v>
      </c>
      <c r="F2578" t="s">
        <v>1587</v>
      </c>
      <c r="G2578" t="s">
        <v>80</v>
      </c>
      <c r="H2578" t="s">
        <v>81</v>
      </c>
      <c r="I2578" s="2">
        <v>0</v>
      </c>
      <c r="J2578" s="2">
        <v>1</v>
      </c>
      <c r="K2578" s="2">
        <v>0</v>
      </c>
      <c r="L2578" t="s">
        <v>82</v>
      </c>
      <c r="M2578" t="s">
        <v>83</v>
      </c>
      <c r="N2578" t="s">
        <v>84</v>
      </c>
      <c r="O2578" t="s">
        <v>85</v>
      </c>
      <c r="P2578" t="s">
        <v>86</v>
      </c>
      <c r="Q2578">
        <v>44</v>
      </c>
      <c r="R2578">
        <v>44</v>
      </c>
      <c r="S2578">
        <v>44</v>
      </c>
      <c r="T2578">
        <v>44</v>
      </c>
      <c r="U2578">
        <v>44</v>
      </c>
      <c r="V2578">
        <v>45</v>
      </c>
      <c r="W2578">
        <v>45</v>
      </c>
      <c r="X2578">
        <v>45</v>
      </c>
      <c r="Y2578">
        <v>45</v>
      </c>
      <c r="Z2578">
        <v>45</v>
      </c>
      <c r="AA2578">
        <v>45</v>
      </c>
      <c r="AB2578">
        <v>45</v>
      </c>
      <c r="AC2578">
        <v>45</v>
      </c>
      <c r="AD2578">
        <v>46</v>
      </c>
      <c r="AE2578">
        <v>46</v>
      </c>
      <c r="AF2578">
        <v>46</v>
      </c>
      <c r="AG2578">
        <v>46</v>
      </c>
      <c r="AH2578">
        <v>46</v>
      </c>
      <c r="AI2578">
        <v>46</v>
      </c>
      <c r="AJ2578">
        <v>46</v>
      </c>
      <c r="AK2578">
        <v>46</v>
      </c>
      <c r="AL2578">
        <v>46</v>
      </c>
      <c r="AM2578">
        <v>45</v>
      </c>
      <c r="AN2578">
        <v>45</v>
      </c>
      <c r="AO2578">
        <v>45</v>
      </c>
      <c r="AP2578">
        <v>44</v>
      </c>
      <c r="AQ2578">
        <v>44</v>
      </c>
    </row>
    <row r="2579" spans="1:43">
      <c r="A2579" t="s">
        <v>1660</v>
      </c>
      <c r="B2579" t="s">
        <v>1661</v>
      </c>
      <c r="C2579" t="s">
        <v>1662</v>
      </c>
      <c r="D2579" t="s">
        <v>1663</v>
      </c>
      <c r="E2579" t="s">
        <v>1586</v>
      </c>
      <c r="F2579" t="s">
        <v>1587</v>
      </c>
      <c r="G2579" t="s">
        <v>80</v>
      </c>
      <c r="H2579" t="s">
        <v>81</v>
      </c>
      <c r="I2579" s="2">
        <v>0</v>
      </c>
      <c r="J2579" s="2">
        <v>1</v>
      </c>
      <c r="K2579" s="2">
        <v>0</v>
      </c>
      <c r="L2579" t="s">
        <v>82</v>
      </c>
      <c r="M2579" t="s">
        <v>87</v>
      </c>
      <c r="N2579" t="s">
        <v>88</v>
      </c>
      <c r="O2579" t="s">
        <v>85</v>
      </c>
      <c r="P2579" t="s">
        <v>86</v>
      </c>
      <c r="Q2579">
        <v>44</v>
      </c>
      <c r="R2579">
        <v>44</v>
      </c>
      <c r="S2579">
        <v>44</v>
      </c>
      <c r="T2579">
        <v>44</v>
      </c>
      <c r="U2579">
        <v>43</v>
      </c>
      <c r="V2579">
        <v>43</v>
      </c>
      <c r="W2579">
        <v>43</v>
      </c>
      <c r="X2579">
        <v>43</v>
      </c>
      <c r="Y2579">
        <v>43</v>
      </c>
      <c r="Z2579">
        <v>42</v>
      </c>
      <c r="AA2579">
        <v>42</v>
      </c>
      <c r="AB2579">
        <v>42</v>
      </c>
      <c r="AC2579">
        <v>42</v>
      </c>
      <c r="AD2579">
        <v>42</v>
      </c>
      <c r="AE2579">
        <v>41</v>
      </c>
      <c r="AF2579">
        <v>41</v>
      </c>
      <c r="AG2579">
        <v>41</v>
      </c>
      <c r="AH2579">
        <v>41</v>
      </c>
      <c r="AI2579">
        <v>41</v>
      </c>
      <c r="AJ2579">
        <v>40</v>
      </c>
      <c r="AK2579">
        <v>40</v>
      </c>
      <c r="AL2579">
        <v>40</v>
      </c>
      <c r="AM2579">
        <v>40</v>
      </c>
      <c r="AN2579">
        <v>40</v>
      </c>
      <c r="AO2579">
        <v>40</v>
      </c>
      <c r="AP2579">
        <v>39</v>
      </c>
      <c r="AQ2579">
        <v>39</v>
      </c>
    </row>
    <row r="2580" spans="1:43">
      <c r="A2580" t="s">
        <v>1660</v>
      </c>
      <c r="B2580" t="s">
        <v>1661</v>
      </c>
      <c r="C2580" t="s">
        <v>1662</v>
      </c>
      <c r="D2580" t="s">
        <v>1663</v>
      </c>
      <c r="E2580" t="s">
        <v>1586</v>
      </c>
      <c r="F2580" t="s">
        <v>1587</v>
      </c>
      <c r="G2580" t="s">
        <v>80</v>
      </c>
      <c r="H2580" t="s">
        <v>81</v>
      </c>
      <c r="I2580" s="2">
        <v>0</v>
      </c>
      <c r="J2580" s="2">
        <v>1</v>
      </c>
      <c r="K2580" s="2">
        <v>0</v>
      </c>
      <c r="L2580" t="s">
        <v>82</v>
      </c>
      <c r="M2580" t="s">
        <v>89</v>
      </c>
      <c r="N2580" t="s">
        <v>90</v>
      </c>
      <c r="O2580" t="s">
        <v>85</v>
      </c>
      <c r="P2580" t="s">
        <v>86</v>
      </c>
      <c r="Q2580">
        <v>44</v>
      </c>
      <c r="R2580">
        <v>45</v>
      </c>
      <c r="S2580">
        <v>45</v>
      </c>
      <c r="T2580">
        <v>46</v>
      </c>
      <c r="U2580">
        <v>46</v>
      </c>
      <c r="V2580">
        <v>47</v>
      </c>
      <c r="W2580">
        <v>47</v>
      </c>
      <c r="X2580">
        <v>47</v>
      </c>
      <c r="Y2580">
        <v>48</v>
      </c>
      <c r="Z2580">
        <v>48</v>
      </c>
      <c r="AA2580">
        <v>48</v>
      </c>
      <c r="AB2580">
        <v>48</v>
      </c>
      <c r="AC2580">
        <v>49</v>
      </c>
      <c r="AD2580">
        <v>49</v>
      </c>
      <c r="AE2580">
        <v>49</v>
      </c>
      <c r="AF2580">
        <v>48</v>
      </c>
      <c r="AG2580">
        <v>48</v>
      </c>
      <c r="AH2580">
        <v>48</v>
      </c>
      <c r="AI2580">
        <v>47</v>
      </c>
      <c r="AJ2580">
        <v>47</v>
      </c>
      <c r="AK2580">
        <v>46</v>
      </c>
      <c r="AL2580">
        <v>46</v>
      </c>
      <c r="AM2580">
        <v>46</v>
      </c>
      <c r="AN2580">
        <v>45</v>
      </c>
      <c r="AO2580">
        <v>45</v>
      </c>
      <c r="AP2580">
        <v>45</v>
      </c>
      <c r="AQ2580">
        <v>44</v>
      </c>
    </row>
    <row r="2581" spans="1:43">
      <c r="A2581" t="s">
        <v>1660</v>
      </c>
      <c r="B2581" t="s">
        <v>1661</v>
      </c>
      <c r="C2581" t="s">
        <v>1662</v>
      </c>
      <c r="D2581" t="s">
        <v>1663</v>
      </c>
      <c r="E2581" t="s">
        <v>1586</v>
      </c>
      <c r="F2581" t="s">
        <v>1587</v>
      </c>
      <c r="G2581" t="s">
        <v>80</v>
      </c>
      <c r="H2581" t="s">
        <v>81</v>
      </c>
      <c r="I2581" s="2">
        <v>0</v>
      </c>
      <c r="J2581" s="2">
        <v>1</v>
      </c>
      <c r="K2581" s="2">
        <v>0</v>
      </c>
      <c r="L2581" t="s">
        <v>82</v>
      </c>
      <c r="M2581" t="s">
        <v>83</v>
      </c>
      <c r="N2581" t="s">
        <v>91</v>
      </c>
      <c r="O2581" t="s">
        <v>85</v>
      </c>
      <c r="P2581" t="s">
        <v>86</v>
      </c>
      <c r="Q2581">
        <v>44</v>
      </c>
      <c r="R2581">
        <v>44</v>
      </c>
      <c r="S2581">
        <v>44</v>
      </c>
      <c r="T2581">
        <v>44</v>
      </c>
      <c r="U2581">
        <v>44</v>
      </c>
      <c r="V2581">
        <v>45</v>
      </c>
      <c r="W2581">
        <v>45</v>
      </c>
      <c r="X2581">
        <v>45</v>
      </c>
      <c r="Y2581">
        <v>45</v>
      </c>
      <c r="Z2581">
        <v>45</v>
      </c>
      <c r="AA2581">
        <v>45</v>
      </c>
      <c r="AB2581">
        <v>45</v>
      </c>
      <c r="AC2581">
        <v>45</v>
      </c>
      <c r="AD2581">
        <v>46</v>
      </c>
      <c r="AE2581">
        <v>46</v>
      </c>
      <c r="AF2581">
        <v>46</v>
      </c>
      <c r="AG2581">
        <v>46</v>
      </c>
      <c r="AH2581">
        <v>46</v>
      </c>
      <c r="AI2581">
        <v>46</v>
      </c>
      <c r="AJ2581">
        <v>46</v>
      </c>
      <c r="AK2581">
        <v>46</v>
      </c>
      <c r="AL2581">
        <v>46</v>
      </c>
      <c r="AM2581">
        <v>45</v>
      </c>
      <c r="AN2581">
        <v>45</v>
      </c>
      <c r="AO2581">
        <v>45</v>
      </c>
      <c r="AP2581">
        <v>44</v>
      </c>
      <c r="AQ2581">
        <v>44</v>
      </c>
    </row>
    <row r="2582" spans="1:43">
      <c r="A2582" t="s">
        <v>1664</v>
      </c>
      <c r="B2582" t="s">
        <v>1665</v>
      </c>
      <c r="C2582" t="s">
        <v>1662</v>
      </c>
      <c r="D2582" t="s">
        <v>1663</v>
      </c>
      <c r="E2582" t="s">
        <v>1586</v>
      </c>
      <c r="F2582" t="s">
        <v>1587</v>
      </c>
      <c r="G2582" t="s">
        <v>80</v>
      </c>
      <c r="H2582" t="s">
        <v>81</v>
      </c>
      <c r="I2582" s="2">
        <v>0</v>
      </c>
      <c r="J2582" s="2">
        <v>1</v>
      </c>
      <c r="K2582" s="2">
        <v>0</v>
      </c>
      <c r="L2582" t="s">
        <v>82</v>
      </c>
      <c r="M2582" t="s">
        <v>83</v>
      </c>
      <c r="N2582" t="s">
        <v>84</v>
      </c>
      <c r="O2582" t="s">
        <v>85</v>
      </c>
      <c r="P2582" t="s">
        <v>86</v>
      </c>
      <c r="Q2582">
        <v>229</v>
      </c>
      <c r="R2582">
        <v>230</v>
      </c>
      <c r="S2582">
        <v>231</v>
      </c>
      <c r="T2582">
        <v>232</v>
      </c>
      <c r="U2582">
        <v>233</v>
      </c>
      <c r="V2582">
        <v>234</v>
      </c>
      <c r="W2582">
        <v>234</v>
      </c>
      <c r="X2582">
        <v>235</v>
      </c>
      <c r="Y2582">
        <v>236</v>
      </c>
      <c r="Z2582">
        <v>237</v>
      </c>
      <c r="AA2582">
        <v>238</v>
      </c>
      <c r="AB2582">
        <v>238</v>
      </c>
      <c r="AC2582">
        <v>239</v>
      </c>
      <c r="AD2582">
        <v>239</v>
      </c>
      <c r="AE2582">
        <v>240</v>
      </c>
      <c r="AF2582">
        <v>240</v>
      </c>
      <c r="AG2582">
        <v>241</v>
      </c>
      <c r="AH2582">
        <v>241</v>
      </c>
      <c r="AI2582">
        <v>242</v>
      </c>
      <c r="AJ2582">
        <v>242</v>
      </c>
      <c r="AK2582">
        <v>242</v>
      </c>
      <c r="AL2582">
        <v>241</v>
      </c>
      <c r="AM2582">
        <v>240</v>
      </c>
      <c r="AN2582">
        <v>238</v>
      </c>
      <c r="AO2582">
        <v>236</v>
      </c>
      <c r="AP2582">
        <v>235</v>
      </c>
      <c r="AQ2582">
        <v>233</v>
      </c>
    </row>
    <row r="2583" spans="1:43">
      <c r="A2583" t="s">
        <v>1664</v>
      </c>
      <c r="B2583" t="s">
        <v>1665</v>
      </c>
      <c r="C2583" t="s">
        <v>1662</v>
      </c>
      <c r="D2583" t="s">
        <v>1663</v>
      </c>
      <c r="E2583" t="s">
        <v>1586</v>
      </c>
      <c r="F2583" t="s">
        <v>1587</v>
      </c>
      <c r="G2583" t="s">
        <v>80</v>
      </c>
      <c r="H2583" t="s">
        <v>81</v>
      </c>
      <c r="I2583" s="2">
        <v>0</v>
      </c>
      <c r="J2583" s="2">
        <v>1</v>
      </c>
      <c r="K2583" s="2">
        <v>0</v>
      </c>
      <c r="L2583" t="s">
        <v>82</v>
      </c>
      <c r="M2583" t="s">
        <v>87</v>
      </c>
      <c r="N2583" t="s">
        <v>88</v>
      </c>
      <c r="O2583" t="s">
        <v>85</v>
      </c>
      <c r="P2583" t="s">
        <v>86</v>
      </c>
      <c r="Q2583">
        <v>229</v>
      </c>
      <c r="R2583">
        <v>228</v>
      </c>
      <c r="S2583">
        <v>227</v>
      </c>
      <c r="T2583">
        <v>226</v>
      </c>
      <c r="U2583">
        <v>225</v>
      </c>
      <c r="V2583">
        <v>224</v>
      </c>
      <c r="W2583">
        <v>223</v>
      </c>
      <c r="X2583">
        <v>222</v>
      </c>
      <c r="Y2583">
        <v>221</v>
      </c>
      <c r="Z2583">
        <v>220</v>
      </c>
      <c r="AA2583">
        <v>219</v>
      </c>
      <c r="AB2583">
        <v>218</v>
      </c>
      <c r="AC2583">
        <v>217</v>
      </c>
      <c r="AD2583">
        <v>216</v>
      </c>
      <c r="AE2583">
        <v>216</v>
      </c>
      <c r="AF2583">
        <v>215</v>
      </c>
      <c r="AG2583">
        <v>214</v>
      </c>
      <c r="AH2583">
        <v>213</v>
      </c>
      <c r="AI2583">
        <v>212</v>
      </c>
      <c r="AJ2583">
        <v>211</v>
      </c>
      <c r="AK2583">
        <v>210</v>
      </c>
      <c r="AL2583">
        <v>209</v>
      </c>
      <c r="AM2583">
        <v>208</v>
      </c>
      <c r="AN2583">
        <v>207</v>
      </c>
      <c r="AO2583">
        <v>206</v>
      </c>
      <c r="AP2583">
        <v>206</v>
      </c>
      <c r="AQ2583">
        <v>205</v>
      </c>
    </row>
    <row r="2584" spans="1:43">
      <c r="A2584" t="s">
        <v>1664</v>
      </c>
      <c r="B2584" t="s">
        <v>1665</v>
      </c>
      <c r="C2584" t="s">
        <v>1662</v>
      </c>
      <c r="D2584" t="s">
        <v>1663</v>
      </c>
      <c r="E2584" t="s">
        <v>1586</v>
      </c>
      <c r="F2584" t="s">
        <v>1587</v>
      </c>
      <c r="G2584" t="s">
        <v>80</v>
      </c>
      <c r="H2584" t="s">
        <v>81</v>
      </c>
      <c r="I2584" s="2">
        <v>0</v>
      </c>
      <c r="J2584" s="2">
        <v>1</v>
      </c>
      <c r="K2584" s="2">
        <v>0</v>
      </c>
      <c r="L2584" t="s">
        <v>82</v>
      </c>
      <c r="M2584" t="s">
        <v>89</v>
      </c>
      <c r="N2584" t="s">
        <v>90</v>
      </c>
      <c r="O2584" t="s">
        <v>85</v>
      </c>
      <c r="P2584" t="s">
        <v>86</v>
      </c>
      <c r="Q2584">
        <v>229</v>
      </c>
      <c r="R2584">
        <v>232</v>
      </c>
      <c r="S2584">
        <v>235</v>
      </c>
      <c r="T2584">
        <v>237</v>
      </c>
      <c r="U2584">
        <v>240</v>
      </c>
      <c r="V2584">
        <v>242</v>
      </c>
      <c r="W2584">
        <v>245</v>
      </c>
      <c r="X2584">
        <v>246</v>
      </c>
      <c r="Y2584">
        <v>248</v>
      </c>
      <c r="Z2584">
        <v>250</v>
      </c>
      <c r="AA2584">
        <v>251</v>
      </c>
      <c r="AB2584">
        <v>252</v>
      </c>
      <c r="AC2584">
        <v>254</v>
      </c>
      <c r="AD2584">
        <v>255</v>
      </c>
      <c r="AE2584">
        <v>255</v>
      </c>
      <c r="AF2584">
        <v>253</v>
      </c>
      <c r="AG2584">
        <v>252</v>
      </c>
      <c r="AH2584">
        <v>250</v>
      </c>
      <c r="AI2584">
        <v>248</v>
      </c>
      <c r="AJ2584">
        <v>246</v>
      </c>
      <c r="AK2584">
        <v>245</v>
      </c>
      <c r="AL2584">
        <v>243</v>
      </c>
      <c r="AM2584">
        <v>241</v>
      </c>
      <c r="AN2584">
        <v>240</v>
      </c>
      <c r="AO2584">
        <v>238</v>
      </c>
      <c r="AP2584">
        <v>236</v>
      </c>
      <c r="AQ2584">
        <v>234</v>
      </c>
    </row>
    <row r="2585" spans="1:43">
      <c r="A2585" t="s">
        <v>1664</v>
      </c>
      <c r="B2585" t="s">
        <v>1665</v>
      </c>
      <c r="C2585" t="s">
        <v>1662</v>
      </c>
      <c r="D2585" t="s">
        <v>1663</v>
      </c>
      <c r="E2585" t="s">
        <v>1586</v>
      </c>
      <c r="F2585" t="s">
        <v>1587</v>
      </c>
      <c r="G2585" t="s">
        <v>80</v>
      </c>
      <c r="H2585" t="s">
        <v>81</v>
      </c>
      <c r="I2585" s="2">
        <v>0</v>
      </c>
      <c r="J2585" s="2">
        <v>1</v>
      </c>
      <c r="K2585" s="2">
        <v>0</v>
      </c>
      <c r="L2585" t="s">
        <v>82</v>
      </c>
      <c r="M2585" t="s">
        <v>83</v>
      </c>
      <c r="N2585" t="s">
        <v>91</v>
      </c>
      <c r="O2585" t="s">
        <v>85</v>
      </c>
      <c r="P2585" t="s">
        <v>86</v>
      </c>
      <c r="Q2585">
        <v>229</v>
      </c>
      <c r="R2585">
        <v>230</v>
      </c>
      <c r="S2585">
        <v>231</v>
      </c>
      <c r="T2585">
        <v>232</v>
      </c>
      <c r="U2585">
        <v>233</v>
      </c>
      <c r="V2585">
        <v>234</v>
      </c>
      <c r="W2585">
        <v>234</v>
      </c>
      <c r="X2585">
        <v>235</v>
      </c>
      <c r="Y2585">
        <v>236</v>
      </c>
      <c r="Z2585">
        <v>237</v>
      </c>
      <c r="AA2585">
        <v>238</v>
      </c>
      <c r="AB2585">
        <v>238</v>
      </c>
      <c r="AC2585">
        <v>239</v>
      </c>
      <c r="AD2585">
        <v>239</v>
      </c>
      <c r="AE2585">
        <v>240</v>
      </c>
      <c r="AF2585">
        <v>240</v>
      </c>
      <c r="AG2585">
        <v>241</v>
      </c>
      <c r="AH2585">
        <v>241</v>
      </c>
      <c r="AI2585">
        <v>242</v>
      </c>
      <c r="AJ2585">
        <v>242</v>
      </c>
      <c r="AK2585">
        <v>242</v>
      </c>
      <c r="AL2585">
        <v>241</v>
      </c>
      <c r="AM2585">
        <v>240</v>
      </c>
      <c r="AN2585">
        <v>238</v>
      </c>
      <c r="AO2585">
        <v>236</v>
      </c>
      <c r="AP2585">
        <v>235</v>
      </c>
      <c r="AQ2585">
        <v>233</v>
      </c>
    </row>
    <row r="2586" spans="1:43">
      <c r="A2586" t="s">
        <v>1666</v>
      </c>
      <c r="B2586" t="s">
        <v>1667</v>
      </c>
      <c r="C2586" t="s">
        <v>1650</v>
      </c>
      <c r="D2586" t="s">
        <v>1651</v>
      </c>
      <c r="E2586" t="s">
        <v>1586</v>
      </c>
      <c r="F2586" t="s">
        <v>1587</v>
      </c>
      <c r="G2586" t="s">
        <v>80</v>
      </c>
      <c r="H2586" t="s">
        <v>81</v>
      </c>
      <c r="I2586" s="2">
        <v>0</v>
      </c>
      <c r="J2586" s="2">
        <v>1</v>
      </c>
      <c r="K2586" s="2">
        <v>0</v>
      </c>
      <c r="L2586" t="s">
        <v>82</v>
      </c>
      <c r="M2586" t="s">
        <v>83</v>
      </c>
      <c r="N2586" t="s">
        <v>84</v>
      </c>
      <c r="O2586" t="s">
        <v>85</v>
      </c>
      <c r="P2586" t="s">
        <v>86</v>
      </c>
      <c r="Q2586">
        <v>102</v>
      </c>
      <c r="R2586">
        <v>102</v>
      </c>
      <c r="S2586">
        <v>103</v>
      </c>
      <c r="T2586">
        <v>103</v>
      </c>
      <c r="U2586">
        <v>103</v>
      </c>
      <c r="V2586">
        <v>104</v>
      </c>
      <c r="W2586">
        <v>104</v>
      </c>
      <c r="X2586">
        <v>105</v>
      </c>
      <c r="Y2586">
        <v>105</v>
      </c>
      <c r="Z2586">
        <v>105</v>
      </c>
      <c r="AA2586">
        <v>105</v>
      </c>
      <c r="AB2586">
        <v>106</v>
      </c>
      <c r="AC2586">
        <v>106</v>
      </c>
      <c r="AD2586">
        <v>106</v>
      </c>
      <c r="AE2586">
        <v>106</v>
      </c>
      <c r="AF2586">
        <v>106</v>
      </c>
      <c r="AG2586">
        <v>107</v>
      </c>
      <c r="AH2586">
        <v>107</v>
      </c>
      <c r="AI2586">
        <v>107</v>
      </c>
      <c r="AJ2586">
        <v>107</v>
      </c>
      <c r="AK2586">
        <v>107</v>
      </c>
      <c r="AL2586">
        <v>107</v>
      </c>
      <c r="AM2586">
        <v>106</v>
      </c>
      <c r="AN2586">
        <v>105</v>
      </c>
      <c r="AO2586">
        <v>104</v>
      </c>
      <c r="AP2586">
        <v>103</v>
      </c>
      <c r="AQ2586">
        <v>103</v>
      </c>
    </row>
    <row r="2587" spans="1:43">
      <c r="A2587" t="s">
        <v>1666</v>
      </c>
      <c r="B2587" t="s">
        <v>1667</v>
      </c>
      <c r="C2587" t="s">
        <v>1650</v>
      </c>
      <c r="D2587" t="s">
        <v>1651</v>
      </c>
      <c r="E2587" t="s">
        <v>1586</v>
      </c>
      <c r="F2587" t="s">
        <v>1587</v>
      </c>
      <c r="G2587" t="s">
        <v>80</v>
      </c>
      <c r="H2587" t="s">
        <v>81</v>
      </c>
      <c r="I2587" s="2">
        <v>0</v>
      </c>
      <c r="J2587" s="2">
        <v>1</v>
      </c>
      <c r="K2587" s="2">
        <v>0</v>
      </c>
      <c r="L2587" t="s">
        <v>82</v>
      </c>
      <c r="M2587" t="s">
        <v>87</v>
      </c>
      <c r="N2587" t="s">
        <v>88</v>
      </c>
      <c r="O2587" t="s">
        <v>85</v>
      </c>
      <c r="P2587" t="s">
        <v>86</v>
      </c>
      <c r="Q2587">
        <v>102</v>
      </c>
      <c r="R2587">
        <v>101</v>
      </c>
      <c r="S2587">
        <v>101</v>
      </c>
      <c r="T2587">
        <v>100</v>
      </c>
      <c r="U2587">
        <v>100</v>
      </c>
      <c r="V2587">
        <v>99</v>
      </c>
      <c r="W2587">
        <v>99</v>
      </c>
      <c r="X2587">
        <v>98</v>
      </c>
      <c r="Y2587">
        <v>98</v>
      </c>
      <c r="Z2587">
        <v>97</v>
      </c>
      <c r="AA2587">
        <v>97</v>
      </c>
      <c r="AB2587">
        <v>97</v>
      </c>
      <c r="AC2587">
        <v>96</v>
      </c>
      <c r="AD2587">
        <v>96</v>
      </c>
      <c r="AE2587">
        <v>95</v>
      </c>
      <c r="AF2587">
        <v>95</v>
      </c>
      <c r="AG2587">
        <v>94</v>
      </c>
      <c r="AH2587">
        <v>94</v>
      </c>
      <c r="AI2587">
        <v>93</v>
      </c>
      <c r="AJ2587">
        <v>93</v>
      </c>
      <c r="AK2587">
        <v>92</v>
      </c>
      <c r="AL2587">
        <v>92</v>
      </c>
      <c r="AM2587">
        <v>92</v>
      </c>
      <c r="AN2587">
        <v>91</v>
      </c>
      <c r="AO2587">
        <v>91</v>
      </c>
      <c r="AP2587">
        <v>90</v>
      </c>
      <c r="AQ2587">
        <v>90</v>
      </c>
    </row>
    <row r="2588" spans="1:43">
      <c r="A2588" t="s">
        <v>1666</v>
      </c>
      <c r="B2588" t="s">
        <v>1667</v>
      </c>
      <c r="C2588" t="s">
        <v>1650</v>
      </c>
      <c r="D2588" t="s">
        <v>1651</v>
      </c>
      <c r="E2588" t="s">
        <v>1586</v>
      </c>
      <c r="F2588" t="s">
        <v>1587</v>
      </c>
      <c r="G2588" t="s">
        <v>80</v>
      </c>
      <c r="H2588" t="s">
        <v>81</v>
      </c>
      <c r="I2588" s="2">
        <v>0</v>
      </c>
      <c r="J2588" s="2">
        <v>1</v>
      </c>
      <c r="K2588" s="2">
        <v>0</v>
      </c>
      <c r="L2588" t="s">
        <v>82</v>
      </c>
      <c r="M2588" t="s">
        <v>89</v>
      </c>
      <c r="N2588" t="s">
        <v>90</v>
      </c>
      <c r="O2588" t="s">
        <v>85</v>
      </c>
      <c r="P2588" t="s">
        <v>86</v>
      </c>
      <c r="Q2588">
        <v>102</v>
      </c>
      <c r="R2588">
        <v>103</v>
      </c>
      <c r="S2588">
        <v>104</v>
      </c>
      <c r="T2588">
        <v>105</v>
      </c>
      <c r="U2588">
        <v>107</v>
      </c>
      <c r="V2588">
        <v>108</v>
      </c>
      <c r="W2588">
        <v>109</v>
      </c>
      <c r="X2588">
        <v>109</v>
      </c>
      <c r="Y2588">
        <v>110</v>
      </c>
      <c r="Z2588">
        <v>111</v>
      </c>
      <c r="AA2588">
        <v>111</v>
      </c>
      <c r="AB2588">
        <v>112</v>
      </c>
      <c r="AC2588">
        <v>112</v>
      </c>
      <c r="AD2588">
        <v>113</v>
      </c>
      <c r="AE2588">
        <v>113</v>
      </c>
      <c r="AF2588">
        <v>112</v>
      </c>
      <c r="AG2588">
        <v>111</v>
      </c>
      <c r="AH2588">
        <v>110</v>
      </c>
      <c r="AI2588">
        <v>109</v>
      </c>
      <c r="AJ2588">
        <v>109</v>
      </c>
      <c r="AK2588">
        <v>108</v>
      </c>
      <c r="AL2588">
        <v>107</v>
      </c>
      <c r="AM2588">
        <v>106</v>
      </c>
      <c r="AN2588">
        <v>105</v>
      </c>
      <c r="AO2588">
        <v>104</v>
      </c>
      <c r="AP2588">
        <v>104</v>
      </c>
      <c r="AQ2588">
        <v>103</v>
      </c>
    </row>
    <row r="2589" spans="1:43">
      <c r="A2589" t="s">
        <v>1666</v>
      </c>
      <c r="B2589" t="s">
        <v>1667</v>
      </c>
      <c r="C2589" t="s">
        <v>1650</v>
      </c>
      <c r="D2589" t="s">
        <v>1651</v>
      </c>
      <c r="E2589" t="s">
        <v>1586</v>
      </c>
      <c r="F2589" t="s">
        <v>1587</v>
      </c>
      <c r="G2589" t="s">
        <v>80</v>
      </c>
      <c r="H2589" t="s">
        <v>81</v>
      </c>
      <c r="I2589" s="2">
        <v>0</v>
      </c>
      <c r="J2589" s="2">
        <v>1</v>
      </c>
      <c r="K2589" s="2">
        <v>0</v>
      </c>
      <c r="L2589" t="s">
        <v>82</v>
      </c>
      <c r="M2589" t="s">
        <v>83</v>
      </c>
      <c r="N2589" t="s">
        <v>91</v>
      </c>
      <c r="O2589" t="s">
        <v>85</v>
      </c>
      <c r="P2589" t="s">
        <v>86</v>
      </c>
      <c r="Q2589">
        <v>102</v>
      </c>
      <c r="R2589">
        <v>102</v>
      </c>
      <c r="S2589">
        <v>103</v>
      </c>
      <c r="T2589">
        <v>103</v>
      </c>
      <c r="U2589">
        <v>103</v>
      </c>
      <c r="V2589">
        <v>104</v>
      </c>
      <c r="W2589">
        <v>104</v>
      </c>
      <c r="X2589">
        <v>105</v>
      </c>
      <c r="Y2589">
        <v>105</v>
      </c>
      <c r="Z2589">
        <v>105</v>
      </c>
      <c r="AA2589">
        <v>105</v>
      </c>
      <c r="AB2589">
        <v>106</v>
      </c>
      <c r="AC2589">
        <v>106</v>
      </c>
      <c r="AD2589">
        <v>106</v>
      </c>
      <c r="AE2589">
        <v>106</v>
      </c>
      <c r="AF2589">
        <v>106</v>
      </c>
      <c r="AG2589">
        <v>107</v>
      </c>
      <c r="AH2589">
        <v>107</v>
      </c>
      <c r="AI2589">
        <v>107</v>
      </c>
      <c r="AJ2589">
        <v>107</v>
      </c>
      <c r="AK2589">
        <v>107</v>
      </c>
      <c r="AL2589">
        <v>107</v>
      </c>
      <c r="AM2589">
        <v>106</v>
      </c>
      <c r="AN2589">
        <v>105</v>
      </c>
      <c r="AO2589">
        <v>104</v>
      </c>
      <c r="AP2589">
        <v>103</v>
      </c>
      <c r="AQ2589">
        <v>103</v>
      </c>
    </row>
    <row r="2590" spans="1:43">
      <c r="A2590" t="s">
        <v>1668</v>
      </c>
      <c r="B2590" t="s">
        <v>1669</v>
      </c>
      <c r="C2590" t="s">
        <v>1590</v>
      </c>
      <c r="D2590" t="s">
        <v>1591</v>
      </c>
      <c r="E2590" t="s">
        <v>1586</v>
      </c>
      <c r="F2590" t="s">
        <v>1587</v>
      </c>
      <c r="G2590" t="s">
        <v>80</v>
      </c>
      <c r="H2590" t="s">
        <v>81</v>
      </c>
      <c r="I2590" s="2">
        <v>0</v>
      </c>
      <c r="J2590" s="2">
        <v>1</v>
      </c>
      <c r="K2590" s="2">
        <v>0</v>
      </c>
      <c r="L2590" t="s">
        <v>82</v>
      </c>
      <c r="M2590" t="s">
        <v>83</v>
      </c>
      <c r="N2590" t="s">
        <v>84</v>
      </c>
      <c r="O2590" t="s">
        <v>85</v>
      </c>
      <c r="P2590" t="s">
        <v>86</v>
      </c>
      <c r="Q2590">
        <v>37</v>
      </c>
      <c r="R2590">
        <v>37</v>
      </c>
      <c r="S2590">
        <v>37</v>
      </c>
      <c r="T2590">
        <v>37</v>
      </c>
      <c r="U2590">
        <v>37</v>
      </c>
      <c r="V2590">
        <v>38</v>
      </c>
      <c r="W2590">
        <v>38</v>
      </c>
      <c r="X2590">
        <v>38</v>
      </c>
      <c r="Y2590">
        <v>38</v>
      </c>
      <c r="Z2590">
        <v>38</v>
      </c>
      <c r="AA2590">
        <v>38</v>
      </c>
      <c r="AB2590">
        <v>38</v>
      </c>
      <c r="AC2590">
        <v>38</v>
      </c>
      <c r="AD2590">
        <v>38</v>
      </c>
      <c r="AE2590">
        <v>38</v>
      </c>
      <c r="AF2590">
        <v>38</v>
      </c>
      <c r="AG2590">
        <v>38</v>
      </c>
      <c r="AH2590">
        <v>38</v>
      </c>
      <c r="AI2590">
        <v>38</v>
      </c>
      <c r="AJ2590">
        <v>38</v>
      </c>
      <c r="AK2590">
        <v>39</v>
      </c>
      <c r="AL2590">
        <v>38</v>
      </c>
      <c r="AM2590">
        <v>38</v>
      </c>
      <c r="AN2590">
        <v>38</v>
      </c>
      <c r="AO2590">
        <v>37</v>
      </c>
      <c r="AP2590">
        <v>37</v>
      </c>
      <c r="AQ2590">
        <v>37</v>
      </c>
    </row>
    <row r="2591" spans="1:43">
      <c r="A2591" t="s">
        <v>1668</v>
      </c>
      <c r="B2591" t="s">
        <v>1669</v>
      </c>
      <c r="C2591" t="s">
        <v>1590</v>
      </c>
      <c r="D2591" t="s">
        <v>1591</v>
      </c>
      <c r="E2591" t="s">
        <v>1586</v>
      </c>
      <c r="F2591" t="s">
        <v>1587</v>
      </c>
      <c r="G2591" t="s">
        <v>80</v>
      </c>
      <c r="H2591" t="s">
        <v>81</v>
      </c>
      <c r="I2591" s="2">
        <v>0</v>
      </c>
      <c r="J2591" s="2">
        <v>1</v>
      </c>
      <c r="K2591" s="2">
        <v>0</v>
      </c>
      <c r="L2591" t="s">
        <v>82</v>
      </c>
      <c r="M2591" t="s">
        <v>87</v>
      </c>
      <c r="N2591" t="s">
        <v>88</v>
      </c>
      <c r="O2591" t="s">
        <v>85</v>
      </c>
      <c r="P2591" t="s">
        <v>86</v>
      </c>
      <c r="Q2591">
        <v>37</v>
      </c>
      <c r="R2591">
        <v>36</v>
      </c>
      <c r="S2591">
        <v>36</v>
      </c>
      <c r="T2591">
        <v>36</v>
      </c>
      <c r="U2591">
        <v>36</v>
      </c>
      <c r="V2591">
        <v>36</v>
      </c>
      <c r="W2591">
        <v>35</v>
      </c>
      <c r="X2591">
        <v>35</v>
      </c>
      <c r="Y2591">
        <v>35</v>
      </c>
      <c r="Z2591">
        <v>35</v>
      </c>
      <c r="AA2591">
        <v>35</v>
      </c>
      <c r="AB2591">
        <v>35</v>
      </c>
      <c r="AC2591">
        <v>34</v>
      </c>
      <c r="AD2591">
        <v>34</v>
      </c>
      <c r="AE2591">
        <v>34</v>
      </c>
      <c r="AF2591">
        <v>34</v>
      </c>
      <c r="AG2591">
        <v>34</v>
      </c>
      <c r="AH2591">
        <v>33</v>
      </c>
      <c r="AI2591">
        <v>33</v>
      </c>
      <c r="AJ2591">
        <v>33</v>
      </c>
      <c r="AK2591">
        <v>33</v>
      </c>
      <c r="AL2591">
        <v>33</v>
      </c>
      <c r="AM2591">
        <v>33</v>
      </c>
      <c r="AN2591">
        <v>33</v>
      </c>
      <c r="AO2591">
        <v>32</v>
      </c>
      <c r="AP2591">
        <v>32</v>
      </c>
      <c r="AQ2591">
        <v>32</v>
      </c>
    </row>
    <row r="2592" spans="1:43">
      <c r="A2592" t="s">
        <v>1668</v>
      </c>
      <c r="B2592" t="s">
        <v>1669</v>
      </c>
      <c r="C2592" t="s">
        <v>1590</v>
      </c>
      <c r="D2592" t="s">
        <v>1591</v>
      </c>
      <c r="E2592" t="s">
        <v>1586</v>
      </c>
      <c r="F2592" t="s">
        <v>1587</v>
      </c>
      <c r="G2592" t="s">
        <v>80</v>
      </c>
      <c r="H2592" t="s">
        <v>81</v>
      </c>
      <c r="I2592" s="2">
        <v>0</v>
      </c>
      <c r="J2592" s="2">
        <v>1</v>
      </c>
      <c r="K2592" s="2">
        <v>0</v>
      </c>
      <c r="L2592" t="s">
        <v>82</v>
      </c>
      <c r="M2592" t="s">
        <v>89</v>
      </c>
      <c r="N2592" t="s">
        <v>90</v>
      </c>
      <c r="O2592" t="s">
        <v>85</v>
      </c>
      <c r="P2592" t="s">
        <v>86</v>
      </c>
      <c r="Q2592">
        <v>37</v>
      </c>
      <c r="R2592">
        <v>38</v>
      </c>
      <c r="S2592">
        <v>38</v>
      </c>
      <c r="T2592">
        <v>39</v>
      </c>
      <c r="U2592">
        <v>39</v>
      </c>
      <c r="V2592">
        <v>39</v>
      </c>
      <c r="W2592">
        <v>40</v>
      </c>
      <c r="X2592">
        <v>40</v>
      </c>
      <c r="Y2592">
        <v>40</v>
      </c>
      <c r="Z2592">
        <v>40</v>
      </c>
      <c r="AA2592">
        <v>41</v>
      </c>
      <c r="AB2592">
        <v>41</v>
      </c>
      <c r="AC2592">
        <v>41</v>
      </c>
      <c r="AD2592">
        <v>41</v>
      </c>
      <c r="AE2592">
        <v>41</v>
      </c>
      <c r="AF2592">
        <v>41</v>
      </c>
      <c r="AG2592">
        <v>40</v>
      </c>
      <c r="AH2592">
        <v>40</v>
      </c>
      <c r="AI2592">
        <v>40</v>
      </c>
      <c r="AJ2592">
        <v>39</v>
      </c>
      <c r="AK2592">
        <v>39</v>
      </c>
      <c r="AL2592">
        <v>39</v>
      </c>
      <c r="AM2592">
        <v>38</v>
      </c>
      <c r="AN2592">
        <v>38</v>
      </c>
      <c r="AO2592">
        <v>38</v>
      </c>
      <c r="AP2592">
        <v>37</v>
      </c>
      <c r="AQ2592">
        <v>37</v>
      </c>
    </row>
    <row r="2593" spans="1:43">
      <c r="A2593" t="s">
        <v>1668</v>
      </c>
      <c r="B2593" t="s">
        <v>1669</v>
      </c>
      <c r="C2593" t="s">
        <v>1590</v>
      </c>
      <c r="D2593" t="s">
        <v>1591</v>
      </c>
      <c r="E2593" t="s">
        <v>1586</v>
      </c>
      <c r="F2593" t="s">
        <v>1587</v>
      </c>
      <c r="G2593" t="s">
        <v>80</v>
      </c>
      <c r="H2593" t="s">
        <v>81</v>
      </c>
      <c r="I2593" s="2">
        <v>0</v>
      </c>
      <c r="J2593" s="2">
        <v>1</v>
      </c>
      <c r="K2593" s="2">
        <v>0</v>
      </c>
      <c r="L2593" t="s">
        <v>82</v>
      </c>
      <c r="M2593" t="s">
        <v>83</v>
      </c>
      <c r="N2593" t="s">
        <v>91</v>
      </c>
      <c r="O2593" t="s">
        <v>85</v>
      </c>
      <c r="P2593" t="s">
        <v>86</v>
      </c>
      <c r="Q2593">
        <v>37</v>
      </c>
      <c r="R2593">
        <v>37</v>
      </c>
      <c r="S2593">
        <v>37</v>
      </c>
      <c r="T2593">
        <v>37</v>
      </c>
      <c r="U2593">
        <v>37</v>
      </c>
      <c r="V2593">
        <v>38</v>
      </c>
      <c r="W2593">
        <v>38</v>
      </c>
      <c r="X2593">
        <v>38</v>
      </c>
      <c r="Y2593">
        <v>38</v>
      </c>
      <c r="Z2593">
        <v>38</v>
      </c>
      <c r="AA2593">
        <v>38</v>
      </c>
      <c r="AB2593">
        <v>38</v>
      </c>
      <c r="AC2593">
        <v>38</v>
      </c>
      <c r="AD2593">
        <v>38</v>
      </c>
      <c r="AE2593">
        <v>38</v>
      </c>
      <c r="AF2593">
        <v>38</v>
      </c>
      <c r="AG2593">
        <v>38</v>
      </c>
      <c r="AH2593">
        <v>38</v>
      </c>
      <c r="AI2593">
        <v>38</v>
      </c>
      <c r="AJ2593">
        <v>38</v>
      </c>
      <c r="AK2593">
        <v>39</v>
      </c>
      <c r="AL2593">
        <v>38</v>
      </c>
      <c r="AM2593">
        <v>38</v>
      </c>
      <c r="AN2593">
        <v>38</v>
      </c>
      <c r="AO2593">
        <v>37</v>
      </c>
      <c r="AP2593">
        <v>37</v>
      </c>
      <c r="AQ2593">
        <v>37</v>
      </c>
    </row>
    <row r="2594" spans="1:43">
      <c r="A2594" t="s">
        <v>1670</v>
      </c>
      <c r="B2594" t="s">
        <v>1671</v>
      </c>
      <c r="C2594" t="s">
        <v>1604</v>
      </c>
      <c r="D2594" t="s">
        <v>1605</v>
      </c>
      <c r="E2594" t="s">
        <v>1586</v>
      </c>
      <c r="F2594" t="s">
        <v>1587</v>
      </c>
      <c r="G2594" t="s">
        <v>80</v>
      </c>
      <c r="H2594" t="s">
        <v>81</v>
      </c>
      <c r="I2594" s="2">
        <v>0</v>
      </c>
      <c r="J2594" s="2">
        <v>1</v>
      </c>
      <c r="K2594" s="2">
        <v>0</v>
      </c>
      <c r="L2594" t="s">
        <v>82</v>
      </c>
      <c r="M2594" t="s">
        <v>83</v>
      </c>
      <c r="N2594" t="s">
        <v>84</v>
      </c>
      <c r="O2594" t="s">
        <v>85</v>
      </c>
      <c r="P2594" t="s">
        <v>86</v>
      </c>
      <c r="Q2594">
        <v>19</v>
      </c>
      <c r="R2594">
        <v>19</v>
      </c>
      <c r="S2594">
        <v>19</v>
      </c>
      <c r="T2594">
        <v>19</v>
      </c>
      <c r="U2594">
        <v>19</v>
      </c>
      <c r="V2594">
        <v>19</v>
      </c>
      <c r="W2594">
        <v>19</v>
      </c>
      <c r="X2594">
        <v>19</v>
      </c>
      <c r="Y2594">
        <v>20</v>
      </c>
      <c r="Z2594">
        <v>20</v>
      </c>
      <c r="AA2594">
        <v>20</v>
      </c>
      <c r="AB2594">
        <v>20</v>
      </c>
      <c r="AC2594">
        <v>20</v>
      </c>
      <c r="AD2594">
        <v>20</v>
      </c>
      <c r="AE2594">
        <v>20</v>
      </c>
      <c r="AF2594">
        <v>20</v>
      </c>
      <c r="AG2594">
        <v>20</v>
      </c>
      <c r="AH2594">
        <v>20</v>
      </c>
      <c r="AI2594">
        <v>20</v>
      </c>
      <c r="AJ2594">
        <v>20</v>
      </c>
      <c r="AK2594">
        <v>20</v>
      </c>
      <c r="AL2594">
        <v>20</v>
      </c>
      <c r="AM2594">
        <v>20</v>
      </c>
      <c r="AN2594">
        <v>19</v>
      </c>
      <c r="AO2594">
        <v>19</v>
      </c>
      <c r="AP2594">
        <v>19</v>
      </c>
      <c r="AQ2594">
        <v>19</v>
      </c>
    </row>
    <row r="2595" spans="1:43">
      <c r="A2595" t="s">
        <v>1670</v>
      </c>
      <c r="B2595" t="s">
        <v>1671</v>
      </c>
      <c r="C2595" t="s">
        <v>1604</v>
      </c>
      <c r="D2595" t="s">
        <v>1605</v>
      </c>
      <c r="E2595" t="s">
        <v>1586</v>
      </c>
      <c r="F2595" t="s">
        <v>1587</v>
      </c>
      <c r="G2595" t="s">
        <v>80</v>
      </c>
      <c r="H2595" t="s">
        <v>81</v>
      </c>
      <c r="I2595" s="2">
        <v>0</v>
      </c>
      <c r="J2595" s="2">
        <v>1</v>
      </c>
      <c r="K2595" s="2">
        <v>0</v>
      </c>
      <c r="L2595" t="s">
        <v>82</v>
      </c>
      <c r="M2595" t="s">
        <v>87</v>
      </c>
      <c r="N2595" t="s">
        <v>88</v>
      </c>
      <c r="O2595" t="s">
        <v>85</v>
      </c>
      <c r="P2595" t="s">
        <v>86</v>
      </c>
      <c r="Q2595">
        <v>19</v>
      </c>
      <c r="R2595">
        <v>19</v>
      </c>
      <c r="S2595">
        <v>19</v>
      </c>
      <c r="T2595">
        <v>19</v>
      </c>
      <c r="U2595">
        <v>18</v>
      </c>
      <c r="V2595">
        <v>18</v>
      </c>
      <c r="W2595">
        <v>18</v>
      </c>
      <c r="X2595">
        <v>18</v>
      </c>
      <c r="Y2595">
        <v>18</v>
      </c>
      <c r="Z2595">
        <v>18</v>
      </c>
      <c r="AA2595">
        <v>18</v>
      </c>
      <c r="AB2595">
        <v>18</v>
      </c>
      <c r="AC2595">
        <v>18</v>
      </c>
      <c r="AD2595">
        <v>18</v>
      </c>
      <c r="AE2595">
        <v>18</v>
      </c>
      <c r="AF2595">
        <v>17</v>
      </c>
      <c r="AG2595">
        <v>17</v>
      </c>
      <c r="AH2595">
        <v>17</v>
      </c>
      <c r="AI2595">
        <v>17</v>
      </c>
      <c r="AJ2595">
        <v>17</v>
      </c>
      <c r="AK2595">
        <v>17</v>
      </c>
      <c r="AL2595">
        <v>17</v>
      </c>
      <c r="AM2595">
        <v>17</v>
      </c>
      <c r="AN2595">
        <v>17</v>
      </c>
      <c r="AO2595">
        <v>17</v>
      </c>
      <c r="AP2595">
        <v>17</v>
      </c>
      <c r="AQ2595">
        <v>17</v>
      </c>
    </row>
    <row r="2596" spans="1:43">
      <c r="A2596" t="s">
        <v>1670</v>
      </c>
      <c r="B2596" t="s">
        <v>1671</v>
      </c>
      <c r="C2596" t="s">
        <v>1604</v>
      </c>
      <c r="D2596" t="s">
        <v>1605</v>
      </c>
      <c r="E2596" t="s">
        <v>1586</v>
      </c>
      <c r="F2596" t="s">
        <v>1587</v>
      </c>
      <c r="G2596" t="s">
        <v>80</v>
      </c>
      <c r="H2596" t="s">
        <v>81</v>
      </c>
      <c r="I2596" s="2">
        <v>0</v>
      </c>
      <c r="J2596" s="2">
        <v>1</v>
      </c>
      <c r="K2596" s="2">
        <v>0</v>
      </c>
      <c r="L2596" t="s">
        <v>82</v>
      </c>
      <c r="M2596" t="s">
        <v>89</v>
      </c>
      <c r="N2596" t="s">
        <v>90</v>
      </c>
      <c r="O2596" t="s">
        <v>85</v>
      </c>
      <c r="P2596" t="s">
        <v>86</v>
      </c>
      <c r="Q2596">
        <v>19</v>
      </c>
      <c r="R2596">
        <v>19</v>
      </c>
      <c r="S2596">
        <v>20</v>
      </c>
      <c r="T2596">
        <v>20</v>
      </c>
      <c r="U2596">
        <v>20</v>
      </c>
      <c r="V2596">
        <v>20</v>
      </c>
      <c r="W2596">
        <v>20</v>
      </c>
      <c r="X2596">
        <v>21</v>
      </c>
      <c r="Y2596">
        <v>21</v>
      </c>
      <c r="Z2596">
        <v>21</v>
      </c>
      <c r="AA2596">
        <v>21</v>
      </c>
      <c r="AB2596">
        <v>21</v>
      </c>
      <c r="AC2596">
        <v>21</v>
      </c>
      <c r="AD2596">
        <v>21</v>
      </c>
      <c r="AE2596">
        <v>21</v>
      </c>
      <c r="AF2596">
        <v>21</v>
      </c>
      <c r="AG2596">
        <v>21</v>
      </c>
      <c r="AH2596">
        <v>21</v>
      </c>
      <c r="AI2596">
        <v>20</v>
      </c>
      <c r="AJ2596">
        <v>20</v>
      </c>
      <c r="AK2596">
        <v>20</v>
      </c>
      <c r="AL2596">
        <v>20</v>
      </c>
      <c r="AM2596">
        <v>20</v>
      </c>
      <c r="AN2596">
        <v>20</v>
      </c>
      <c r="AO2596">
        <v>19</v>
      </c>
      <c r="AP2596">
        <v>19</v>
      </c>
      <c r="AQ2596">
        <v>19</v>
      </c>
    </row>
    <row r="2597" spans="1:43">
      <c r="A2597" t="s">
        <v>1670</v>
      </c>
      <c r="B2597" t="s">
        <v>1671</v>
      </c>
      <c r="C2597" t="s">
        <v>1604</v>
      </c>
      <c r="D2597" t="s">
        <v>1605</v>
      </c>
      <c r="E2597" t="s">
        <v>1586</v>
      </c>
      <c r="F2597" t="s">
        <v>1587</v>
      </c>
      <c r="G2597" t="s">
        <v>80</v>
      </c>
      <c r="H2597" t="s">
        <v>81</v>
      </c>
      <c r="I2597" s="2">
        <v>0</v>
      </c>
      <c r="J2597" s="2">
        <v>1</v>
      </c>
      <c r="K2597" s="2">
        <v>0</v>
      </c>
      <c r="L2597" t="s">
        <v>82</v>
      </c>
      <c r="M2597" t="s">
        <v>83</v>
      </c>
      <c r="N2597" t="s">
        <v>91</v>
      </c>
      <c r="O2597" t="s">
        <v>85</v>
      </c>
      <c r="P2597" t="s">
        <v>86</v>
      </c>
      <c r="Q2597">
        <v>19</v>
      </c>
      <c r="R2597">
        <v>19</v>
      </c>
      <c r="S2597">
        <v>19</v>
      </c>
      <c r="T2597">
        <v>19</v>
      </c>
      <c r="U2597">
        <v>19</v>
      </c>
      <c r="V2597">
        <v>19</v>
      </c>
      <c r="W2597">
        <v>19</v>
      </c>
      <c r="X2597">
        <v>19</v>
      </c>
      <c r="Y2597">
        <v>20</v>
      </c>
      <c r="Z2597">
        <v>20</v>
      </c>
      <c r="AA2597">
        <v>20</v>
      </c>
      <c r="AB2597">
        <v>20</v>
      </c>
      <c r="AC2597">
        <v>20</v>
      </c>
      <c r="AD2597">
        <v>20</v>
      </c>
      <c r="AE2597">
        <v>20</v>
      </c>
      <c r="AF2597">
        <v>20</v>
      </c>
      <c r="AG2597">
        <v>20</v>
      </c>
      <c r="AH2597">
        <v>20</v>
      </c>
      <c r="AI2597">
        <v>20</v>
      </c>
      <c r="AJ2597">
        <v>20</v>
      </c>
      <c r="AK2597">
        <v>20</v>
      </c>
      <c r="AL2597">
        <v>20</v>
      </c>
      <c r="AM2597">
        <v>20</v>
      </c>
      <c r="AN2597">
        <v>19</v>
      </c>
      <c r="AO2597">
        <v>19</v>
      </c>
      <c r="AP2597">
        <v>19</v>
      </c>
      <c r="AQ2597">
        <v>19</v>
      </c>
    </row>
    <row r="2598" spans="1:43">
      <c r="A2598" t="s">
        <v>1672</v>
      </c>
      <c r="B2598" t="s">
        <v>1673</v>
      </c>
      <c r="C2598" t="s">
        <v>1674</v>
      </c>
      <c r="D2598" t="s">
        <v>1675</v>
      </c>
      <c r="E2598" t="s">
        <v>1586</v>
      </c>
      <c r="F2598" t="s">
        <v>1587</v>
      </c>
      <c r="G2598" t="s">
        <v>80</v>
      </c>
      <c r="H2598" t="s">
        <v>81</v>
      </c>
      <c r="I2598" s="2">
        <v>0</v>
      </c>
      <c r="J2598" s="2">
        <v>0</v>
      </c>
      <c r="K2598" s="2">
        <v>1</v>
      </c>
      <c r="L2598" t="s">
        <v>995</v>
      </c>
      <c r="M2598" t="s">
        <v>83</v>
      </c>
      <c r="N2598" t="s">
        <v>84</v>
      </c>
      <c r="O2598" t="s">
        <v>85</v>
      </c>
      <c r="P2598" t="s">
        <v>86</v>
      </c>
      <c r="Q2598">
        <v>34</v>
      </c>
      <c r="R2598">
        <v>35</v>
      </c>
      <c r="S2598">
        <v>35</v>
      </c>
      <c r="T2598">
        <v>35</v>
      </c>
      <c r="U2598">
        <v>35</v>
      </c>
      <c r="V2598">
        <v>35</v>
      </c>
      <c r="W2598">
        <v>35</v>
      </c>
      <c r="X2598">
        <v>35</v>
      </c>
      <c r="Y2598">
        <v>35</v>
      </c>
      <c r="Z2598">
        <v>36</v>
      </c>
      <c r="AA2598">
        <v>36</v>
      </c>
      <c r="AB2598">
        <v>36</v>
      </c>
      <c r="AC2598">
        <v>36</v>
      </c>
      <c r="AD2598">
        <v>36</v>
      </c>
      <c r="AE2598">
        <v>36</v>
      </c>
      <c r="AF2598">
        <v>36</v>
      </c>
      <c r="AG2598">
        <v>36</v>
      </c>
      <c r="AH2598">
        <v>36</v>
      </c>
      <c r="AI2598">
        <v>36</v>
      </c>
      <c r="AJ2598">
        <v>36</v>
      </c>
      <c r="AK2598">
        <v>36</v>
      </c>
      <c r="AL2598">
        <v>36</v>
      </c>
      <c r="AM2598">
        <v>36</v>
      </c>
      <c r="AN2598">
        <v>35</v>
      </c>
      <c r="AO2598">
        <v>35</v>
      </c>
      <c r="AP2598">
        <v>35</v>
      </c>
      <c r="AQ2598">
        <v>35</v>
      </c>
    </row>
    <row r="2599" spans="1:43">
      <c r="A2599" t="s">
        <v>1672</v>
      </c>
      <c r="B2599" t="s">
        <v>1673</v>
      </c>
      <c r="C2599" t="s">
        <v>1674</v>
      </c>
      <c r="D2599" t="s">
        <v>1675</v>
      </c>
      <c r="E2599" t="s">
        <v>1586</v>
      </c>
      <c r="F2599" t="s">
        <v>1587</v>
      </c>
      <c r="G2599" t="s">
        <v>80</v>
      </c>
      <c r="H2599" t="s">
        <v>81</v>
      </c>
      <c r="I2599" s="2">
        <v>0</v>
      </c>
      <c r="J2599" s="2">
        <v>0</v>
      </c>
      <c r="K2599" s="2">
        <v>1</v>
      </c>
      <c r="L2599" t="s">
        <v>995</v>
      </c>
      <c r="M2599" t="s">
        <v>87</v>
      </c>
      <c r="N2599" t="s">
        <v>88</v>
      </c>
      <c r="O2599" t="s">
        <v>85</v>
      </c>
      <c r="P2599" t="s">
        <v>86</v>
      </c>
      <c r="Q2599">
        <v>34</v>
      </c>
      <c r="R2599">
        <v>34</v>
      </c>
      <c r="S2599">
        <v>34</v>
      </c>
      <c r="T2599">
        <v>34</v>
      </c>
      <c r="U2599">
        <v>33</v>
      </c>
      <c r="V2599">
        <v>33</v>
      </c>
      <c r="W2599">
        <v>33</v>
      </c>
      <c r="X2599">
        <v>33</v>
      </c>
      <c r="Y2599">
        <v>33</v>
      </c>
      <c r="Z2599">
        <v>33</v>
      </c>
      <c r="AA2599">
        <v>32</v>
      </c>
      <c r="AB2599">
        <v>32</v>
      </c>
      <c r="AC2599">
        <v>32</v>
      </c>
      <c r="AD2599">
        <v>32</v>
      </c>
      <c r="AE2599">
        <v>32</v>
      </c>
      <c r="AF2599">
        <v>32</v>
      </c>
      <c r="AG2599">
        <v>32</v>
      </c>
      <c r="AH2599">
        <v>31</v>
      </c>
      <c r="AI2599">
        <v>31</v>
      </c>
      <c r="AJ2599">
        <v>31</v>
      </c>
      <c r="AK2599">
        <v>31</v>
      </c>
      <c r="AL2599">
        <v>31</v>
      </c>
      <c r="AM2599">
        <v>31</v>
      </c>
      <c r="AN2599">
        <v>30</v>
      </c>
      <c r="AO2599">
        <v>30</v>
      </c>
      <c r="AP2599">
        <v>30</v>
      </c>
      <c r="AQ2599">
        <v>30</v>
      </c>
    </row>
    <row r="2600" spans="1:43">
      <c r="A2600" t="s">
        <v>1672</v>
      </c>
      <c r="B2600" t="s">
        <v>1673</v>
      </c>
      <c r="C2600" t="s">
        <v>1674</v>
      </c>
      <c r="D2600" t="s">
        <v>1675</v>
      </c>
      <c r="E2600" t="s">
        <v>1586</v>
      </c>
      <c r="F2600" t="s">
        <v>1587</v>
      </c>
      <c r="G2600" t="s">
        <v>80</v>
      </c>
      <c r="H2600" t="s">
        <v>81</v>
      </c>
      <c r="I2600" s="2">
        <v>0</v>
      </c>
      <c r="J2600" s="2">
        <v>0</v>
      </c>
      <c r="K2600" s="2">
        <v>1</v>
      </c>
      <c r="L2600" t="s">
        <v>995</v>
      </c>
      <c r="M2600" t="s">
        <v>89</v>
      </c>
      <c r="N2600" t="s">
        <v>90</v>
      </c>
      <c r="O2600" t="s">
        <v>85</v>
      </c>
      <c r="P2600" t="s">
        <v>86</v>
      </c>
      <c r="Q2600">
        <v>34</v>
      </c>
      <c r="R2600">
        <v>34</v>
      </c>
      <c r="S2600">
        <v>35</v>
      </c>
      <c r="T2600">
        <v>35</v>
      </c>
      <c r="U2600">
        <v>35</v>
      </c>
      <c r="V2600">
        <v>36</v>
      </c>
      <c r="W2600">
        <v>36</v>
      </c>
      <c r="X2600">
        <v>36</v>
      </c>
      <c r="Y2600">
        <v>37</v>
      </c>
      <c r="Z2600">
        <v>37</v>
      </c>
      <c r="AA2600">
        <v>37</v>
      </c>
      <c r="AB2600">
        <v>37</v>
      </c>
      <c r="AC2600">
        <v>37</v>
      </c>
      <c r="AD2600">
        <v>37</v>
      </c>
      <c r="AE2600">
        <v>37</v>
      </c>
      <c r="AF2600">
        <v>37</v>
      </c>
      <c r="AG2600">
        <v>37</v>
      </c>
      <c r="AH2600">
        <v>37</v>
      </c>
      <c r="AI2600">
        <v>36</v>
      </c>
      <c r="AJ2600">
        <v>36</v>
      </c>
      <c r="AK2600">
        <v>36</v>
      </c>
      <c r="AL2600">
        <v>35</v>
      </c>
      <c r="AM2600">
        <v>35</v>
      </c>
      <c r="AN2600">
        <v>35</v>
      </c>
      <c r="AO2600">
        <v>34</v>
      </c>
      <c r="AP2600">
        <v>34</v>
      </c>
      <c r="AQ2600">
        <v>34</v>
      </c>
    </row>
    <row r="2601" spans="1:43">
      <c r="A2601" t="s">
        <v>1672</v>
      </c>
      <c r="B2601" t="s">
        <v>1673</v>
      </c>
      <c r="C2601" t="s">
        <v>1674</v>
      </c>
      <c r="D2601" t="s">
        <v>1675</v>
      </c>
      <c r="E2601" t="s">
        <v>1586</v>
      </c>
      <c r="F2601" t="s">
        <v>1587</v>
      </c>
      <c r="G2601" t="s">
        <v>80</v>
      </c>
      <c r="H2601" t="s">
        <v>81</v>
      </c>
      <c r="I2601" s="2">
        <v>0</v>
      </c>
      <c r="J2601" s="2">
        <v>0</v>
      </c>
      <c r="K2601" s="2">
        <v>1</v>
      </c>
      <c r="L2601" t="s">
        <v>995</v>
      </c>
      <c r="M2601" t="s">
        <v>83</v>
      </c>
      <c r="N2601" t="s">
        <v>91</v>
      </c>
      <c r="O2601" t="s">
        <v>85</v>
      </c>
      <c r="P2601" t="s">
        <v>86</v>
      </c>
      <c r="Q2601">
        <v>34</v>
      </c>
      <c r="R2601">
        <v>35</v>
      </c>
      <c r="S2601">
        <v>35</v>
      </c>
      <c r="T2601">
        <v>35</v>
      </c>
      <c r="U2601">
        <v>35</v>
      </c>
      <c r="V2601">
        <v>35</v>
      </c>
      <c r="W2601">
        <v>35</v>
      </c>
      <c r="X2601">
        <v>35</v>
      </c>
      <c r="Y2601">
        <v>35</v>
      </c>
      <c r="Z2601">
        <v>36</v>
      </c>
      <c r="AA2601">
        <v>36</v>
      </c>
      <c r="AB2601">
        <v>36</v>
      </c>
      <c r="AC2601">
        <v>36</v>
      </c>
      <c r="AD2601">
        <v>36</v>
      </c>
      <c r="AE2601">
        <v>36</v>
      </c>
      <c r="AF2601">
        <v>36</v>
      </c>
      <c r="AG2601">
        <v>36</v>
      </c>
      <c r="AH2601">
        <v>36</v>
      </c>
      <c r="AI2601">
        <v>36</v>
      </c>
      <c r="AJ2601">
        <v>36</v>
      </c>
      <c r="AK2601">
        <v>36</v>
      </c>
      <c r="AL2601">
        <v>36</v>
      </c>
      <c r="AM2601">
        <v>36</v>
      </c>
      <c r="AN2601">
        <v>35</v>
      </c>
      <c r="AO2601">
        <v>35</v>
      </c>
      <c r="AP2601">
        <v>35</v>
      </c>
      <c r="AQ2601">
        <v>35</v>
      </c>
    </row>
    <row r="2602" spans="1:43">
      <c r="A2602" t="s">
        <v>1676</v>
      </c>
      <c r="B2602" t="s">
        <v>1677</v>
      </c>
      <c r="C2602" t="s">
        <v>1678</v>
      </c>
      <c r="D2602" t="s">
        <v>1679</v>
      </c>
      <c r="E2602" t="s">
        <v>1586</v>
      </c>
      <c r="F2602" t="s">
        <v>1587</v>
      </c>
      <c r="G2602" t="s">
        <v>80</v>
      </c>
      <c r="H2602" t="s">
        <v>81</v>
      </c>
      <c r="I2602" s="2">
        <v>0</v>
      </c>
      <c r="J2602" s="2">
        <v>0</v>
      </c>
      <c r="K2602" s="2">
        <v>1</v>
      </c>
      <c r="L2602" t="s">
        <v>995</v>
      </c>
      <c r="M2602" t="s">
        <v>83</v>
      </c>
      <c r="N2602" t="s">
        <v>84</v>
      </c>
      <c r="O2602" t="s">
        <v>85</v>
      </c>
      <c r="P2602" t="s">
        <v>86</v>
      </c>
      <c r="Q2602">
        <v>9</v>
      </c>
      <c r="R2602">
        <v>9</v>
      </c>
      <c r="S2602">
        <v>9</v>
      </c>
      <c r="T2602">
        <v>9</v>
      </c>
      <c r="U2602">
        <v>9</v>
      </c>
      <c r="V2602">
        <v>9</v>
      </c>
      <c r="W2602">
        <v>9</v>
      </c>
      <c r="X2602">
        <v>9</v>
      </c>
      <c r="Y2602">
        <v>9</v>
      </c>
      <c r="Z2602">
        <v>9</v>
      </c>
      <c r="AA2602">
        <v>9</v>
      </c>
      <c r="AB2602">
        <v>9</v>
      </c>
      <c r="AC2602">
        <v>9</v>
      </c>
      <c r="AD2602">
        <v>9</v>
      </c>
      <c r="AE2602">
        <v>9</v>
      </c>
      <c r="AF2602">
        <v>9</v>
      </c>
      <c r="AG2602">
        <v>9</v>
      </c>
      <c r="AH2602">
        <v>9</v>
      </c>
      <c r="AI2602">
        <v>9</v>
      </c>
      <c r="AJ2602">
        <v>9</v>
      </c>
      <c r="AK2602">
        <v>9</v>
      </c>
      <c r="AL2602">
        <v>9</v>
      </c>
      <c r="AM2602">
        <v>9</v>
      </c>
      <c r="AN2602">
        <v>9</v>
      </c>
      <c r="AO2602">
        <v>9</v>
      </c>
      <c r="AP2602">
        <v>9</v>
      </c>
      <c r="AQ2602">
        <v>9</v>
      </c>
    </row>
    <row r="2603" spans="1:43">
      <c r="A2603" t="s">
        <v>1676</v>
      </c>
      <c r="B2603" t="s">
        <v>1677</v>
      </c>
      <c r="C2603" t="s">
        <v>1678</v>
      </c>
      <c r="D2603" t="s">
        <v>1679</v>
      </c>
      <c r="E2603" t="s">
        <v>1586</v>
      </c>
      <c r="F2603" t="s">
        <v>1587</v>
      </c>
      <c r="G2603" t="s">
        <v>80</v>
      </c>
      <c r="H2603" t="s">
        <v>81</v>
      </c>
      <c r="I2603" s="2">
        <v>0</v>
      </c>
      <c r="J2603" s="2">
        <v>0</v>
      </c>
      <c r="K2603" s="2">
        <v>1</v>
      </c>
      <c r="L2603" t="s">
        <v>995</v>
      </c>
      <c r="M2603" t="s">
        <v>87</v>
      </c>
      <c r="N2603" t="s">
        <v>88</v>
      </c>
      <c r="O2603" t="s">
        <v>85</v>
      </c>
      <c r="P2603" t="s">
        <v>86</v>
      </c>
      <c r="Q2603">
        <v>9</v>
      </c>
      <c r="R2603">
        <v>9</v>
      </c>
      <c r="S2603">
        <v>9</v>
      </c>
      <c r="T2603">
        <v>9</v>
      </c>
      <c r="U2603">
        <v>9</v>
      </c>
      <c r="V2603">
        <v>9</v>
      </c>
      <c r="W2603">
        <v>9</v>
      </c>
      <c r="X2603">
        <v>8</v>
      </c>
      <c r="Y2603">
        <v>8</v>
      </c>
      <c r="Z2603">
        <v>8</v>
      </c>
      <c r="AA2603">
        <v>8</v>
      </c>
      <c r="AB2603">
        <v>8</v>
      </c>
      <c r="AC2603">
        <v>8</v>
      </c>
      <c r="AD2603">
        <v>8</v>
      </c>
      <c r="AE2603">
        <v>8</v>
      </c>
      <c r="AF2603">
        <v>8</v>
      </c>
      <c r="AG2603">
        <v>8</v>
      </c>
      <c r="AH2603">
        <v>8</v>
      </c>
      <c r="AI2603">
        <v>8</v>
      </c>
      <c r="AJ2603">
        <v>8</v>
      </c>
      <c r="AK2603">
        <v>8</v>
      </c>
      <c r="AL2603">
        <v>8</v>
      </c>
      <c r="AM2603">
        <v>8</v>
      </c>
      <c r="AN2603">
        <v>8</v>
      </c>
      <c r="AO2603">
        <v>8</v>
      </c>
      <c r="AP2603">
        <v>8</v>
      </c>
      <c r="AQ2603">
        <v>8</v>
      </c>
    </row>
    <row r="2604" spans="1:43">
      <c r="A2604" t="s">
        <v>1676</v>
      </c>
      <c r="B2604" t="s">
        <v>1677</v>
      </c>
      <c r="C2604" t="s">
        <v>1678</v>
      </c>
      <c r="D2604" t="s">
        <v>1679</v>
      </c>
      <c r="E2604" t="s">
        <v>1586</v>
      </c>
      <c r="F2604" t="s">
        <v>1587</v>
      </c>
      <c r="G2604" t="s">
        <v>80</v>
      </c>
      <c r="H2604" t="s">
        <v>81</v>
      </c>
      <c r="I2604" s="2">
        <v>0</v>
      </c>
      <c r="J2604" s="2">
        <v>0</v>
      </c>
      <c r="K2604" s="2">
        <v>1</v>
      </c>
      <c r="L2604" t="s">
        <v>995</v>
      </c>
      <c r="M2604" t="s">
        <v>89</v>
      </c>
      <c r="N2604" t="s">
        <v>90</v>
      </c>
      <c r="O2604" t="s">
        <v>85</v>
      </c>
      <c r="P2604" t="s">
        <v>86</v>
      </c>
      <c r="Q2604">
        <v>9</v>
      </c>
      <c r="R2604">
        <v>9</v>
      </c>
      <c r="S2604">
        <v>9</v>
      </c>
      <c r="T2604">
        <v>9</v>
      </c>
      <c r="U2604">
        <v>9</v>
      </c>
      <c r="V2604">
        <v>9</v>
      </c>
      <c r="W2604">
        <v>10</v>
      </c>
      <c r="X2604">
        <v>10</v>
      </c>
      <c r="Y2604">
        <v>10</v>
      </c>
      <c r="Z2604">
        <v>10</v>
      </c>
      <c r="AA2604">
        <v>10</v>
      </c>
      <c r="AB2604">
        <v>10</v>
      </c>
      <c r="AC2604">
        <v>10</v>
      </c>
      <c r="AD2604">
        <v>10</v>
      </c>
      <c r="AE2604">
        <v>10</v>
      </c>
      <c r="AF2604">
        <v>10</v>
      </c>
      <c r="AG2604">
        <v>10</v>
      </c>
      <c r="AH2604">
        <v>10</v>
      </c>
      <c r="AI2604">
        <v>10</v>
      </c>
      <c r="AJ2604">
        <v>9</v>
      </c>
      <c r="AK2604">
        <v>9</v>
      </c>
      <c r="AL2604">
        <v>9</v>
      </c>
      <c r="AM2604">
        <v>9</v>
      </c>
      <c r="AN2604">
        <v>9</v>
      </c>
      <c r="AO2604">
        <v>9</v>
      </c>
      <c r="AP2604">
        <v>9</v>
      </c>
      <c r="AQ2604">
        <v>9</v>
      </c>
    </row>
    <row r="2605" spans="1:43">
      <c r="A2605" t="s">
        <v>1676</v>
      </c>
      <c r="B2605" t="s">
        <v>1677</v>
      </c>
      <c r="C2605" t="s">
        <v>1678</v>
      </c>
      <c r="D2605" t="s">
        <v>1679</v>
      </c>
      <c r="E2605" t="s">
        <v>1586</v>
      </c>
      <c r="F2605" t="s">
        <v>1587</v>
      </c>
      <c r="G2605" t="s">
        <v>80</v>
      </c>
      <c r="H2605" t="s">
        <v>81</v>
      </c>
      <c r="I2605" s="2">
        <v>0</v>
      </c>
      <c r="J2605" s="2">
        <v>0</v>
      </c>
      <c r="K2605" s="2">
        <v>1</v>
      </c>
      <c r="L2605" t="s">
        <v>995</v>
      </c>
      <c r="M2605" t="s">
        <v>83</v>
      </c>
      <c r="N2605" t="s">
        <v>91</v>
      </c>
      <c r="O2605" t="s">
        <v>85</v>
      </c>
      <c r="P2605" t="s">
        <v>86</v>
      </c>
      <c r="Q2605">
        <v>9</v>
      </c>
      <c r="R2605">
        <v>9</v>
      </c>
      <c r="S2605">
        <v>9</v>
      </c>
      <c r="T2605">
        <v>9</v>
      </c>
      <c r="U2605">
        <v>9</v>
      </c>
      <c r="V2605">
        <v>9</v>
      </c>
      <c r="W2605">
        <v>9</v>
      </c>
      <c r="X2605">
        <v>9</v>
      </c>
      <c r="Y2605">
        <v>9</v>
      </c>
      <c r="Z2605">
        <v>9</v>
      </c>
      <c r="AA2605">
        <v>9</v>
      </c>
      <c r="AB2605">
        <v>9</v>
      </c>
      <c r="AC2605">
        <v>9</v>
      </c>
      <c r="AD2605">
        <v>9</v>
      </c>
      <c r="AE2605">
        <v>9</v>
      </c>
      <c r="AF2605">
        <v>9</v>
      </c>
      <c r="AG2605">
        <v>9</v>
      </c>
      <c r="AH2605">
        <v>9</v>
      </c>
      <c r="AI2605">
        <v>9</v>
      </c>
      <c r="AJ2605">
        <v>9</v>
      </c>
      <c r="AK2605">
        <v>9</v>
      </c>
      <c r="AL2605">
        <v>9</v>
      </c>
      <c r="AM2605">
        <v>9</v>
      </c>
      <c r="AN2605">
        <v>9</v>
      </c>
      <c r="AO2605">
        <v>9</v>
      </c>
      <c r="AP2605">
        <v>9</v>
      </c>
      <c r="AQ2605">
        <v>9</v>
      </c>
    </row>
    <row r="2606" spans="1:43">
      <c r="A2606" t="s">
        <v>1680</v>
      </c>
      <c r="B2606" t="s">
        <v>1681</v>
      </c>
      <c r="C2606" t="s">
        <v>1678</v>
      </c>
      <c r="D2606" t="s">
        <v>1679</v>
      </c>
      <c r="E2606" t="s">
        <v>1586</v>
      </c>
      <c r="F2606" t="s">
        <v>1587</v>
      </c>
      <c r="G2606" t="s">
        <v>80</v>
      </c>
      <c r="H2606" t="s">
        <v>81</v>
      </c>
      <c r="I2606" s="2">
        <v>0</v>
      </c>
      <c r="J2606" s="2">
        <v>0</v>
      </c>
      <c r="K2606" s="2">
        <v>1</v>
      </c>
      <c r="L2606" t="s">
        <v>995</v>
      </c>
      <c r="M2606" t="s">
        <v>83</v>
      </c>
      <c r="N2606" t="s">
        <v>84</v>
      </c>
      <c r="O2606" t="s">
        <v>85</v>
      </c>
      <c r="P2606" t="s">
        <v>86</v>
      </c>
      <c r="Q2606">
        <v>4</v>
      </c>
      <c r="R2606">
        <v>4</v>
      </c>
      <c r="S2606">
        <v>4</v>
      </c>
      <c r="T2606">
        <v>4</v>
      </c>
      <c r="U2606">
        <v>4</v>
      </c>
      <c r="V2606">
        <v>4</v>
      </c>
      <c r="W2606">
        <v>4</v>
      </c>
      <c r="X2606">
        <v>4</v>
      </c>
      <c r="Y2606">
        <v>4</v>
      </c>
      <c r="Z2606">
        <v>4</v>
      </c>
      <c r="AA2606">
        <v>4</v>
      </c>
      <c r="AB2606">
        <v>4</v>
      </c>
      <c r="AC2606">
        <v>4</v>
      </c>
      <c r="AD2606">
        <v>4</v>
      </c>
      <c r="AE2606">
        <v>4</v>
      </c>
      <c r="AF2606">
        <v>4</v>
      </c>
      <c r="AG2606">
        <v>4</v>
      </c>
      <c r="AH2606">
        <v>4</v>
      </c>
      <c r="AI2606">
        <v>4</v>
      </c>
      <c r="AJ2606">
        <v>4</v>
      </c>
      <c r="AK2606">
        <v>4</v>
      </c>
      <c r="AL2606">
        <v>4</v>
      </c>
      <c r="AM2606">
        <v>4</v>
      </c>
      <c r="AN2606">
        <v>4</v>
      </c>
      <c r="AO2606">
        <v>4</v>
      </c>
      <c r="AP2606">
        <v>4</v>
      </c>
      <c r="AQ2606">
        <v>4</v>
      </c>
    </row>
    <row r="2607" spans="1:43">
      <c r="A2607" t="s">
        <v>1680</v>
      </c>
      <c r="B2607" t="s">
        <v>1681</v>
      </c>
      <c r="C2607" t="s">
        <v>1678</v>
      </c>
      <c r="D2607" t="s">
        <v>1679</v>
      </c>
      <c r="E2607" t="s">
        <v>1586</v>
      </c>
      <c r="F2607" t="s">
        <v>1587</v>
      </c>
      <c r="G2607" t="s">
        <v>80</v>
      </c>
      <c r="H2607" t="s">
        <v>81</v>
      </c>
      <c r="I2607" s="2">
        <v>0</v>
      </c>
      <c r="J2607" s="2">
        <v>0</v>
      </c>
      <c r="K2607" s="2">
        <v>1</v>
      </c>
      <c r="L2607" t="s">
        <v>995</v>
      </c>
      <c r="M2607" t="s">
        <v>87</v>
      </c>
      <c r="N2607" t="s">
        <v>88</v>
      </c>
      <c r="O2607" t="s">
        <v>85</v>
      </c>
      <c r="P2607" t="s">
        <v>86</v>
      </c>
      <c r="Q2607">
        <v>4</v>
      </c>
      <c r="R2607">
        <v>4</v>
      </c>
      <c r="S2607">
        <v>4</v>
      </c>
      <c r="T2607">
        <v>4</v>
      </c>
      <c r="U2607">
        <v>4</v>
      </c>
      <c r="V2607">
        <v>4</v>
      </c>
      <c r="W2607">
        <v>4</v>
      </c>
      <c r="X2607">
        <v>4</v>
      </c>
      <c r="Y2607">
        <v>4</v>
      </c>
      <c r="Z2607">
        <v>4</v>
      </c>
      <c r="AA2607">
        <v>4</v>
      </c>
      <c r="AB2607">
        <v>4</v>
      </c>
      <c r="AC2607">
        <v>4</v>
      </c>
      <c r="AD2607">
        <v>4</v>
      </c>
      <c r="AE2607">
        <v>4</v>
      </c>
      <c r="AF2607">
        <v>4</v>
      </c>
      <c r="AG2607">
        <v>4</v>
      </c>
      <c r="AH2607">
        <v>4</v>
      </c>
      <c r="AI2607">
        <v>4</v>
      </c>
      <c r="AJ2607">
        <v>4</v>
      </c>
      <c r="AK2607">
        <v>4</v>
      </c>
      <c r="AL2607">
        <v>4</v>
      </c>
      <c r="AM2607">
        <v>4</v>
      </c>
      <c r="AN2607">
        <v>4</v>
      </c>
      <c r="AO2607">
        <v>4</v>
      </c>
      <c r="AP2607">
        <v>4</v>
      </c>
      <c r="AQ2607">
        <v>4</v>
      </c>
    </row>
    <row r="2608" spans="1:43">
      <c r="A2608" t="s">
        <v>1680</v>
      </c>
      <c r="B2608" t="s">
        <v>1681</v>
      </c>
      <c r="C2608" t="s">
        <v>1678</v>
      </c>
      <c r="D2608" t="s">
        <v>1679</v>
      </c>
      <c r="E2608" t="s">
        <v>1586</v>
      </c>
      <c r="F2608" t="s">
        <v>1587</v>
      </c>
      <c r="G2608" t="s">
        <v>80</v>
      </c>
      <c r="H2608" t="s">
        <v>81</v>
      </c>
      <c r="I2608" s="2">
        <v>0</v>
      </c>
      <c r="J2608" s="2">
        <v>0</v>
      </c>
      <c r="K2608" s="2">
        <v>1</v>
      </c>
      <c r="L2608" t="s">
        <v>995</v>
      </c>
      <c r="M2608" t="s">
        <v>89</v>
      </c>
      <c r="N2608" t="s">
        <v>90</v>
      </c>
      <c r="O2608" t="s">
        <v>85</v>
      </c>
      <c r="P2608" t="s">
        <v>86</v>
      </c>
      <c r="Q2608">
        <v>4</v>
      </c>
      <c r="R2608">
        <v>4</v>
      </c>
      <c r="S2608">
        <v>4</v>
      </c>
      <c r="T2608">
        <v>4</v>
      </c>
      <c r="U2608">
        <v>4</v>
      </c>
      <c r="V2608">
        <v>4</v>
      </c>
      <c r="W2608">
        <v>4</v>
      </c>
      <c r="X2608">
        <v>4</v>
      </c>
      <c r="Y2608">
        <v>4</v>
      </c>
      <c r="Z2608">
        <v>5</v>
      </c>
      <c r="AA2608">
        <v>5</v>
      </c>
      <c r="AB2608">
        <v>5</v>
      </c>
      <c r="AC2608">
        <v>5</v>
      </c>
      <c r="AD2608">
        <v>5</v>
      </c>
      <c r="AE2608">
        <v>5</v>
      </c>
      <c r="AF2608">
        <v>5</v>
      </c>
      <c r="AG2608">
        <v>5</v>
      </c>
      <c r="AH2608">
        <v>4</v>
      </c>
      <c r="AI2608">
        <v>4</v>
      </c>
      <c r="AJ2608">
        <v>4</v>
      </c>
      <c r="AK2608">
        <v>4</v>
      </c>
      <c r="AL2608">
        <v>4</v>
      </c>
      <c r="AM2608">
        <v>4</v>
      </c>
      <c r="AN2608">
        <v>4</v>
      </c>
      <c r="AO2608">
        <v>4</v>
      </c>
      <c r="AP2608">
        <v>4</v>
      </c>
      <c r="AQ2608">
        <v>4</v>
      </c>
    </row>
    <row r="2609" spans="1:43">
      <c r="A2609" t="s">
        <v>1680</v>
      </c>
      <c r="B2609" t="s">
        <v>1681</v>
      </c>
      <c r="C2609" t="s">
        <v>1678</v>
      </c>
      <c r="D2609" t="s">
        <v>1679</v>
      </c>
      <c r="E2609" t="s">
        <v>1586</v>
      </c>
      <c r="F2609" t="s">
        <v>1587</v>
      </c>
      <c r="G2609" t="s">
        <v>80</v>
      </c>
      <c r="H2609" t="s">
        <v>81</v>
      </c>
      <c r="I2609" s="2">
        <v>0</v>
      </c>
      <c r="J2609" s="2">
        <v>0</v>
      </c>
      <c r="K2609" s="2">
        <v>1</v>
      </c>
      <c r="L2609" t="s">
        <v>995</v>
      </c>
      <c r="M2609" t="s">
        <v>83</v>
      </c>
      <c r="N2609" t="s">
        <v>91</v>
      </c>
      <c r="O2609" t="s">
        <v>85</v>
      </c>
      <c r="P2609" t="s">
        <v>86</v>
      </c>
      <c r="Q2609">
        <v>4</v>
      </c>
      <c r="R2609">
        <v>4</v>
      </c>
      <c r="S2609">
        <v>4</v>
      </c>
      <c r="T2609">
        <v>4</v>
      </c>
      <c r="U2609">
        <v>4</v>
      </c>
      <c r="V2609">
        <v>4</v>
      </c>
      <c r="W2609">
        <v>4</v>
      </c>
      <c r="X2609">
        <v>4</v>
      </c>
      <c r="Y2609">
        <v>4</v>
      </c>
      <c r="Z2609">
        <v>4</v>
      </c>
      <c r="AA2609">
        <v>4</v>
      </c>
      <c r="AB2609">
        <v>4</v>
      </c>
      <c r="AC2609">
        <v>4</v>
      </c>
      <c r="AD2609">
        <v>4</v>
      </c>
      <c r="AE2609">
        <v>4</v>
      </c>
      <c r="AF2609">
        <v>4</v>
      </c>
      <c r="AG2609">
        <v>4</v>
      </c>
      <c r="AH2609">
        <v>4</v>
      </c>
      <c r="AI2609">
        <v>4</v>
      </c>
      <c r="AJ2609">
        <v>4</v>
      </c>
      <c r="AK2609">
        <v>4</v>
      </c>
      <c r="AL2609">
        <v>4</v>
      </c>
      <c r="AM2609">
        <v>4</v>
      </c>
      <c r="AN2609">
        <v>4</v>
      </c>
      <c r="AO2609">
        <v>4</v>
      </c>
      <c r="AP2609">
        <v>4</v>
      </c>
      <c r="AQ2609">
        <v>4</v>
      </c>
    </row>
    <row r="2610" spans="1:43">
      <c r="A2610" t="s">
        <v>1682</v>
      </c>
      <c r="B2610" t="s">
        <v>1683</v>
      </c>
      <c r="C2610" t="s">
        <v>1678</v>
      </c>
      <c r="D2610" t="s">
        <v>1679</v>
      </c>
      <c r="E2610" t="s">
        <v>1586</v>
      </c>
      <c r="F2610" t="s">
        <v>1587</v>
      </c>
      <c r="G2610" t="s">
        <v>80</v>
      </c>
      <c r="H2610" t="s">
        <v>81</v>
      </c>
      <c r="I2610" s="2">
        <v>0</v>
      </c>
      <c r="J2610" s="2">
        <v>0</v>
      </c>
      <c r="K2610" s="2">
        <v>1</v>
      </c>
      <c r="L2610" t="s">
        <v>995</v>
      </c>
      <c r="M2610" t="s">
        <v>83</v>
      </c>
      <c r="N2610" t="s">
        <v>84</v>
      </c>
      <c r="O2610" t="s">
        <v>85</v>
      </c>
      <c r="P2610" t="s">
        <v>86</v>
      </c>
      <c r="Q2610">
        <v>17</v>
      </c>
      <c r="R2610">
        <v>17</v>
      </c>
      <c r="S2610">
        <v>17</v>
      </c>
      <c r="T2610">
        <v>17</v>
      </c>
      <c r="U2610">
        <v>17</v>
      </c>
      <c r="V2610">
        <v>17</v>
      </c>
      <c r="W2610">
        <v>17</v>
      </c>
      <c r="X2610">
        <v>17</v>
      </c>
      <c r="Y2610">
        <v>18</v>
      </c>
      <c r="Z2610">
        <v>18</v>
      </c>
      <c r="AA2610">
        <v>18</v>
      </c>
      <c r="AB2610">
        <v>18</v>
      </c>
      <c r="AC2610">
        <v>18</v>
      </c>
      <c r="AD2610">
        <v>18</v>
      </c>
      <c r="AE2610">
        <v>18</v>
      </c>
      <c r="AF2610">
        <v>18</v>
      </c>
      <c r="AG2610">
        <v>18</v>
      </c>
      <c r="AH2610">
        <v>18</v>
      </c>
      <c r="AI2610">
        <v>18</v>
      </c>
      <c r="AJ2610">
        <v>18</v>
      </c>
      <c r="AK2610">
        <v>18</v>
      </c>
      <c r="AL2610">
        <v>18</v>
      </c>
      <c r="AM2610">
        <v>17</v>
      </c>
      <c r="AN2610">
        <v>17</v>
      </c>
      <c r="AO2610">
        <v>17</v>
      </c>
      <c r="AP2610">
        <v>17</v>
      </c>
      <c r="AQ2610">
        <v>17</v>
      </c>
    </row>
    <row r="2611" spans="1:43">
      <c r="A2611" t="s">
        <v>1682</v>
      </c>
      <c r="B2611" t="s">
        <v>1683</v>
      </c>
      <c r="C2611" t="s">
        <v>1678</v>
      </c>
      <c r="D2611" t="s">
        <v>1679</v>
      </c>
      <c r="E2611" t="s">
        <v>1586</v>
      </c>
      <c r="F2611" t="s">
        <v>1587</v>
      </c>
      <c r="G2611" t="s">
        <v>80</v>
      </c>
      <c r="H2611" t="s">
        <v>81</v>
      </c>
      <c r="I2611" s="2">
        <v>0</v>
      </c>
      <c r="J2611" s="2">
        <v>0</v>
      </c>
      <c r="K2611" s="2">
        <v>1</v>
      </c>
      <c r="L2611" t="s">
        <v>995</v>
      </c>
      <c r="M2611" t="s">
        <v>87</v>
      </c>
      <c r="N2611" t="s">
        <v>88</v>
      </c>
      <c r="O2611" t="s">
        <v>85</v>
      </c>
      <c r="P2611" t="s">
        <v>86</v>
      </c>
      <c r="Q2611">
        <v>17</v>
      </c>
      <c r="R2611">
        <v>17</v>
      </c>
      <c r="S2611">
        <v>17</v>
      </c>
      <c r="T2611">
        <v>17</v>
      </c>
      <c r="U2611">
        <v>17</v>
      </c>
      <c r="V2611">
        <v>16</v>
      </c>
      <c r="W2611">
        <v>16</v>
      </c>
      <c r="X2611">
        <v>16</v>
      </c>
      <c r="Y2611">
        <v>16</v>
      </c>
      <c r="Z2611">
        <v>16</v>
      </c>
      <c r="AA2611">
        <v>16</v>
      </c>
      <c r="AB2611">
        <v>16</v>
      </c>
      <c r="AC2611">
        <v>16</v>
      </c>
      <c r="AD2611">
        <v>16</v>
      </c>
      <c r="AE2611">
        <v>16</v>
      </c>
      <c r="AF2611">
        <v>16</v>
      </c>
      <c r="AG2611">
        <v>16</v>
      </c>
      <c r="AH2611">
        <v>15</v>
      </c>
      <c r="AI2611">
        <v>15</v>
      </c>
      <c r="AJ2611">
        <v>15</v>
      </c>
      <c r="AK2611">
        <v>15</v>
      </c>
      <c r="AL2611">
        <v>15</v>
      </c>
      <c r="AM2611">
        <v>15</v>
      </c>
      <c r="AN2611">
        <v>15</v>
      </c>
      <c r="AO2611">
        <v>15</v>
      </c>
      <c r="AP2611">
        <v>15</v>
      </c>
      <c r="AQ2611">
        <v>15</v>
      </c>
    </row>
    <row r="2612" spans="1:43">
      <c r="A2612" t="s">
        <v>1682</v>
      </c>
      <c r="B2612" t="s">
        <v>1683</v>
      </c>
      <c r="C2612" t="s">
        <v>1678</v>
      </c>
      <c r="D2612" t="s">
        <v>1679</v>
      </c>
      <c r="E2612" t="s">
        <v>1586</v>
      </c>
      <c r="F2612" t="s">
        <v>1587</v>
      </c>
      <c r="G2612" t="s">
        <v>80</v>
      </c>
      <c r="H2612" t="s">
        <v>81</v>
      </c>
      <c r="I2612" s="2">
        <v>0</v>
      </c>
      <c r="J2612" s="2">
        <v>0</v>
      </c>
      <c r="K2612" s="2">
        <v>1</v>
      </c>
      <c r="L2612" t="s">
        <v>995</v>
      </c>
      <c r="M2612" t="s">
        <v>89</v>
      </c>
      <c r="N2612" t="s">
        <v>90</v>
      </c>
      <c r="O2612" t="s">
        <v>85</v>
      </c>
      <c r="P2612" t="s">
        <v>86</v>
      </c>
      <c r="Q2612">
        <v>17</v>
      </c>
      <c r="R2612">
        <v>17</v>
      </c>
      <c r="S2612">
        <v>18</v>
      </c>
      <c r="T2612">
        <v>18</v>
      </c>
      <c r="U2612">
        <v>18</v>
      </c>
      <c r="V2612">
        <v>18</v>
      </c>
      <c r="W2612">
        <v>18</v>
      </c>
      <c r="X2612">
        <v>18</v>
      </c>
      <c r="Y2612">
        <v>19</v>
      </c>
      <c r="Z2612">
        <v>19</v>
      </c>
      <c r="AA2612">
        <v>19</v>
      </c>
      <c r="AB2612">
        <v>19</v>
      </c>
      <c r="AC2612">
        <v>19</v>
      </c>
      <c r="AD2612">
        <v>19</v>
      </c>
      <c r="AE2612">
        <v>19</v>
      </c>
      <c r="AF2612">
        <v>19</v>
      </c>
      <c r="AG2612">
        <v>19</v>
      </c>
      <c r="AH2612">
        <v>18</v>
      </c>
      <c r="AI2612">
        <v>18</v>
      </c>
      <c r="AJ2612">
        <v>18</v>
      </c>
      <c r="AK2612">
        <v>18</v>
      </c>
      <c r="AL2612">
        <v>18</v>
      </c>
      <c r="AM2612">
        <v>18</v>
      </c>
      <c r="AN2612">
        <v>17</v>
      </c>
      <c r="AO2612">
        <v>17</v>
      </c>
      <c r="AP2612">
        <v>17</v>
      </c>
      <c r="AQ2612">
        <v>17</v>
      </c>
    </row>
    <row r="2613" spans="1:43">
      <c r="A2613" t="s">
        <v>1682</v>
      </c>
      <c r="B2613" t="s">
        <v>1683</v>
      </c>
      <c r="C2613" t="s">
        <v>1678</v>
      </c>
      <c r="D2613" t="s">
        <v>1679</v>
      </c>
      <c r="E2613" t="s">
        <v>1586</v>
      </c>
      <c r="F2613" t="s">
        <v>1587</v>
      </c>
      <c r="G2613" t="s">
        <v>80</v>
      </c>
      <c r="H2613" t="s">
        <v>81</v>
      </c>
      <c r="I2613" s="2">
        <v>0</v>
      </c>
      <c r="J2613" s="2">
        <v>0</v>
      </c>
      <c r="K2613" s="2">
        <v>1</v>
      </c>
      <c r="L2613" t="s">
        <v>995</v>
      </c>
      <c r="M2613" t="s">
        <v>83</v>
      </c>
      <c r="N2613" t="s">
        <v>91</v>
      </c>
      <c r="O2613" t="s">
        <v>85</v>
      </c>
      <c r="P2613" t="s">
        <v>86</v>
      </c>
      <c r="Q2613">
        <v>17</v>
      </c>
      <c r="R2613">
        <v>17</v>
      </c>
      <c r="S2613">
        <v>17</v>
      </c>
      <c r="T2613">
        <v>17</v>
      </c>
      <c r="U2613">
        <v>17</v>
      </c>
      <c r="V2613">
        <v>17</v>
      </c>
      <c r="W2613">
        <v>17</v>
      </c>
      <c r="X2613">
        <v>17</v>
      </c>
      <c r="Y2613">
        <v>18</v>
      </c>
      <c r="Z2613">
        <v>18</v>
      </c>
      <c r="AA2613">
        <v>18</v>
      </c>
      <c r="AB2613">
        <v>18</v>
      </c>
      <c r="AC2613">
        <v>18</v>
      </c>
      <c r="AD2613">
        <v>18</v>
      </c>
      <c r="AE2613">
        <v>18</v>
      </c>
      <c r="AF2613">
        <v>18</v>
      </c>
      <c r="AG2613">
        <v>18</v>
      </c>
      <c r="AH2613">
        <v>18</v>
      </c>
      <c r="AI2613">
        <v>18</v>
      </c>
      <c r="AJ2613">
        <v>18</v>
      </c>
      <c r="AK2613">
        <v>18</v>
      </c>
      <c r="AL2613">
        <v>18</v>
      </c>
      <c r="AM2613">
        <v>17</v>
      </c>
      <c r="AN2613">
        <v>17</v>
      </c>
      <c r="AO2613">
        <v>17</v>
      </c>
      <c r="AP2613">
        <v>17</v>
      </c>
      <c r="AQ2613">
        <v>17</v>
      </c>
    </row>
    <row r="2614" spans="1:43">
      <c r="A2614" t="s">
        <v>1684</v>
      </c>
      <c r="B2614" t="s">
        <v>1685</v>
      </c>
      <c r="C2614" t="s">
        <v>1678</v>
      </c>
      <c r="D2614" t="s">
        <v>1679</v>
      </c>
      <c r="E2614" t="s">
        <v>1586</v>
      </c>
      <c r="F2614" t="s">
        <v>1587</v>
      </c>
      <c r="G2614" t="s">
        <v>80</v>
      </c>
      <c r="H2614" t="s">
        <v>81</v>
      </c>
      <c r="I2614" s="2">
        <v>0</v>
      </c>
      <c r="J2614" s="2">
        <v>0</v>
      </c>
      <c r="K2614" s="2">
        <v>1</v>
      </c>
      <c r="L2614" t="s">
        <v>995</v>
      </c>
      <c r="M2614" t="s">
        <v>83</v>
      </c>
      <c r="N2614" t="s">
        <v>84</v>
      </c>
      <c r="O2614" t="s">
        <v>85</v>
      </c>
      <c r="P2614" t="s">
        <v>86</v>
      </c>
      <c r="Q2614">
        <v>8</v>
      </c>
      <c r="R2614">
        <v>8</v>
      </c>
      <c r="S2614">
        <v>8</v>
      </c>
      <c r="T2614">
        <v>8</v>
      </c>
      <c r="U2614">
        <v>8</v>
      </c>
      <c r="V2614">
        <v>8</v>
      </c>
      <c r="W2614">
        <v>8</v>
      </c>
      <c r="X2614">
        <v>8</v>
      </c>
      <c r="Y2614">
        <v>8</v>
      </c>
      <c r="Z2614">
        <v>8</v>
      </c>
      <c r="AA2614">
        <v>8</v>
      </c>
      <c r="AB2614">
        <v>8</v>
      </c>
      <c r="AC2614">
        <v>8</v>
      </c>
      <c r="AD2614">
        <v>8</v>
      </c>
      <c r="AE2614">
        <v>8</v>
      </c>
      <c r="AF2614">
        <v>8</v>
      </c>
      <c r="AG2614">
        <v>8</v>
      </c>
      <c r="AH2614">
        <v>8</v>
      </c>
      <c r="AI2614">
        <v>8</v>
      </c>
      <c r="AJ2614">
        <v>8</v>
      </c>
      <c r="AK2614">
        <v>8</v>
      </c>
      <c r="AL2614">
        <v>8</v>
      </c>
      <c r="AM2614">
        <v>8</v>
      </c>
      <c r="AN2614">
        <v>8</v>
      </c>
      <c r="AO2614">
        <v>8</v>
      </c>
      <c r="AP2614">
        <v>8</v>
      </c>
      <c r="AQ2614">
        <v>8</v>
      </c>
    </row>
    <row r="2615" spans="1:43">
      <c r="A2615" t="s">
        <v>1684</v>
      </c>
      <c r="B2615" t="s">
        <v>1685</v>
      </c>
      <c r="C2615" t="s">
        <v>1678</v>
      </c>
      <c r="D2615" t="s">
        <v>1679</v>
      </c>
      <c r="E2615" t="s">
        <v>1586</v>
      </c>
      <c r="F2615" t="s">
        <v>1587</v>
      </c>
      <c r="G2615" t="s">
        <v>80</v>
      </c>
      <c r="H2615" t="s">
        <v>81</v>
      </c>
      <c r="I2615" s="2">
        <v>0</v>
      </c>
      <c r="J2615" s="2">
        <v>0</v>
      </c>
      <c r="K2615" s="2">
        <v>1</v>
      </c>
      <c r="L2615" t="s">
        <v>995</v>
      </c>
      <c r="M2615" t="s">
        <v>87</v>
      </c>
      <c r="N2615" t="s">
        <v>88</v>
      </c>
      <c r="O2615" t="s">
        <v>85</v>
      </c>
      <c r="P2615" t="s">
        <v>86</v>
      </c>
      <c r="Q2615">
        <v>8</v>
      </c>
      <c r="R2615">
        <v>8</v>
      </c>
      <c r="S2615">
        <v>8</v>
      </c>
      <c r="T2615">
        <v>8</v>
      </c>
      <c r="U2615">
        <v>8</v>
      </c>
      <c r="V2615">
        <v>8</v>
      </c>
      <c r="W2615">
        <v>8</v>
      </c>
      <c r="X2615">
        <v>8</v>
      </c>
      <c r="Y2615">
        <v>8</v>
      </c>
      <c r="Z2615">
        <v>8</v>
      </c>
      <c r="AA2615">
        <v>7</v>
      </c>
      <c r="AB2615">
        <v>7</v>
      </c>
      <c r="AC2615">
        <v>7</v>
      </c>
      <c r="AD2615">
        <v>7</v>
      </c>
      <c r="AE2615">
        <v>7</v>
      </c>
      <c r="AF2615">
        <v>7</v>
      </c>
      <c r="AG2615">
        <v>7</v>
      </c>
      <c r="AH2615">
        <v>7</v>
      </c>
      <c r="AI2615">
        <v>7</v>
      </c>
      <c r="AJ2615">
        <v>7</v>
      </c>
      <c r="AK2615">
        <v>7</v>
      </c>
      <c r="AL2615">
        <v>7</v>
      </c>
      <c r="AM2615">
        <v>7</v>
      </c>
      <c r="AN2615">
        <v>7</v>
      </c>
      <c r="AO2615">
        <v>7</v>
      </c>
      <c r="AP2615">
        <v>7</v>
      </c>
      <c r="AQ2615">
        <v>7</v>
      </c>
    </row>
    <row r="2616" spans="1:43">
      <c r="A2616" t="s">
        <v>1684</v>
      </c>
      <c r="B2616" t="s">
        <v>1685</v>
      </c>
      <c r="C2616" t="s">
        <v>1678</v>
      </c>
      <c r="D2616" t="s">
        <v>1679</v>
      </c>
      <c r="E2616" t="s">
        <v>1586</v>
      </c>
      <c r="F2616" t="s">
        <v>1587</v>
      </c>
      <c r="G2616" t="s">
        <v>80</v>
      </c>
      <c r="H2616" t="s">
        <v>81</v>
      </c>
      <c r="I2616" s="2">
        <v>0</v>
      </c>
      <c r="J2616" s="2">
        <v>0</v>
      </c>
      <c r="K2616" s="2">
        <v>1</v>
      </c>
      <c r="L2616" t="s">
        <v>995</v>
      </c>
      <c r="M2616" t="s">
        <v>89</v>
      </c>
      <c r="N2616" t="s">
        <v>90</v>
      </c>
      <c r="O2616" t="s">
        <v>85</v>
      </c>
      <c r="P2616" t="s">
        <v>86</v>
      </c>
      <c r="Q2616">
        <v>8</v>
      </c>
      <c r="R2616">
        <v>8</v>
      </c>
      <c r="S2616">
        <v>8</v>
      </c>
      <c r="T2616">
        <v>8</v>
      </c>
      <c r="U2616">
        <v>8</v>
      </c>
      <c r="V2616">
        <v>8</v>
      </c>
      <c r="W2616">
        <v>9</v>
      </c>
      <c r="X2616">
        <v>9</v>
      </c>
      <c r="Y2616">
        <v>9</v>
      </c>
      <c r="Z2616">
        <v>9</v>
      </c>
      <c r="AA2616">
        <v>9</v>
      </c>
      <c r="AB2616">
        <v>9</v>
      </c>
      <c r="AC2616">
        <v>9</v>
      </c>
      <c r="AD2616">
        <v>9</v>
      </c>
      <c r="AE2616">
        <v>9</v>
      </c>
      <c r="AF2616">
        <v>9</v>
      </c>
      <c r="AG2616">
        <v>9</v>
      </c>
      <c r="AH2616">
        <v>9</v>
      </c>
      <c r="AI2616">
        <v>9</v>
      </c>
      <c r="AJ2616">
        <v>8</v>
      </c>
      <c r="AK2616">
        <v>8</v>
      </c>
      <c r="AL2616">
        <v>8</v>
      </c>
      <c r="AM2616">
        <v>8</v>
      </c>
      <c r="AN2616">
        <v>8</v>
      </c>
      <c r="AO2616">
        <v>8</v>
      </c>
      <c r="AP2616">
        <v>8</v>
      </c>
      <c r="AQ2616">
        <v>8</v>
      </c>
    </row>
    <row r="2617" spans="1:43">
      <c r="A2617" t="s">
        <v>1684</v>
      </c>
      <c r="B2617" t="s">
        <v>1685</v>
      </c>
      <c r="C2617" t="s">
        <v>1678</v>
      </c>
      <c r="D2617" t="s">
        <v>1679</v>
      </c>
      <c r="E2617" t="s">
        <v>1586</v>
      </c>
      <c r="F2617" t="s">
        <v>1587</v>
      </c>
      <c r="G2617" t="s">
        <v>80</v>
      </c>
      <c r="H2617" t="s">
        <v>81</v>
      </c>
      <c r="I2617" s="2">
        <v>0</v>
      </c>
      <c r="J2617" s="2">
        <v>0</v>
      </c>
      <c r="K2617" s="2">
        <v>1</v>
      </c>
      <c r="L2617" t="s">
        <v>995</v>
      </c>
      <c r="M2617" t="s">
        <v>83</v>
      </c>
      <c r="N2617" t="s">
        <v>91</v>
      </c>
      <c r="O2617" t="s">
        <v>85</v>
      </c>
      <c r="P2617" t="s">
        <v>86</v>
      </c>
      <c r="Q2617">
        <v>8</v>
      </c>
      <c r="R2617">
        <v>8</v>
      </c>
      <c r="S2617">
        <v>8</v>
      </c>
      <c r="T2617">
        <v>8</v>
      </c>
      <c r="U2617">
        <v>8</v>
      </c>
      <c r="V2617">
        <v>8</v>
      </c>
      <c r="W2617">
        <v>8</v>
      </c>
      <c r="X2617">
        <v>8</v>
      </c>
      <c r="Y2617">
        <v>8</v>
      </c>
      <c r="Z2617">
        <v>8</v>
      </c>
      <c r="AA2617">
        <v>8</v>
      </c>
      <c r="AB2617">
        <v>8</v>
      </c>
      <c r="AC2617">
        <v>8</v>
      </c>
      <c r="AD2617">
        <v>8</v>
      </c>
      <c r="AE2617">
        <v>8</v>
      </c>
      <c r="AF2617">
        <v>8</v>
      </c>
      <c r="AG2617">
        <v>8</v>
      </c>
      <c r="AH2617">
        <v>8</v>
      </c>
      <c r="AI2617">
        <v>8</v>
      </c>
      <c r="AJ2617">
        <v>8</v>
      </c>
      <c r="AK2617">
        <v>8</v>
      </c>
      <c r="AL2617">
        <v>8</v>
      </c>
      <c r="AM2617">
        <v>8</v>
      </c>
      <c r="AN2617">
        <v>8</v>
      </c>
      <c r="AO2617">
        <v>8</v>
      </c>
      <c r="AP2617">
        <v>8</v>
      </c>
      <c r="AQ2617">
        <v>8</v>
      </c>
    </row>
    <row r="2618" spans="1:43">
      <c r="A2618" t="s">
        <v>1686</v>
      </c>
      <c r="B2618" t="s">
        <v>1687</v>
      </c>
      <c r="C2618" t="s">
        <v>1674</v>
      </c>
      <c r="D2618" t="s">
        <v>1675</v>
      </c>
      <c r="E2618" t="s">
        <v>1586</v>
      </c>
      <c r="F2618" t="s">
        <v>1587</v>
      </c>
      <c r="G2618" t="s">
        <v>80</v>
      </c>
      <c r="H2618" t="s">
        <v>81</v>
      </c>
      <c r="I2618" s="2">
        <v>0</v>
      </c>
      <c r="J2618" s="2">
        <v>0</v>
      </c>
      <c r="K2618" s="2">
        <v>1</v>
      </c>
      <c r="L2618" t="s">
        <v>995</v>
      </c>
      <c r="M2618" t="s">
        <v>83</v>
      </c>
      <c r="N2618" t="s">
        <v>84</v>
      </c>
      <c r="O2618" t="s">
        <v>85</v>
      </c>
      <c r="P2618" t="s">
        <v>86</v>
      </c>
      <c r="Q2618">
        <v>7</v>
      </c>
      <c r="R2618">
        <v>7</v>
      </c>
      <c r="S2618">
        <v>7</v>
      </c>
      <c r="T2618">
        <v>7</v>
      </c>
      <c r="U2618">
        <v>7</v>
      </c>
      <c r="V2618">
        <v>8</v>
      </c>
      <c r="W2618">
        <v>8</v>
      </c>
      <c r="X2618">
        <v>8</v>
      </c>
      <c r="Y2618">
        <v>8</v>
      </c>
      <c r="Z2618">
        <v>8</v>
      </c>
      <c r="AA2618">
        <v>8</v>
      </c>
      <c r="AB2618">
        <v>8</v>
      </c>
      <c r="AC2618">
        <v>8</v>
      </c>
      <c r="AD2618">
        <v>8</v>
      </c>
      <c r="AE2618">
        <v>8</v>
      </c>
      <c r="AF2618">
        <v>8</v>
      </c>
      <c r="AG2618">
        <v>8</v>
      </c>
      <c r="AH2618">
        <v>8</v>
      </c>
      <c r="AI2618">
        <v>8</v>
      </c>
      <c r="AJ2618">
        <v>8</v>
      </c>
      <c r="AK2618">
        <v>8</v>
      </c>
      <c r="AL2618">
        <v>8</v>
      </c>
      <c r="AM2618">
        <v>8</v>
      </c>
      <c r="AN2618">
        <v>8</v>
      </c>
      <c r="AO2618">
        <v>7</v>
      </c>
      <c r="AP2618">
        <v>7</v>
      </c>
      <c r="AQ2618">
        <v>7</v>
      </c>
    </row>
    <row r="2619" spans="1:43">
      <c r="A2619" t="s">
        <v>1686</v>
      </c>
      <c r="B2619" t="s">
        <v>1687</v>
      </c>
      <c r="C2619" t="s">
        <v>1674</v>
      </c>
      <c r="D2619" t="s">
        <v>1675</v>
      </c>
      <c r="E2619" t="s">
        <v>1586</v>
      </c>
      <c r="F2619" t="s">
        <v>1587</v>
      </c>
      <c r="G2619" t="s">
        <v>80</v>
      </c>
      <c r="H2619" t="s">
        <v>81</v>
      </c>
      <c r="I2619" s="2">
        <v>0</v>
      </c>
      <c r="J2619" s="2">
        <v>0</v>
      </c>
      <c r="K2619" s="2">
        <v>1</v>
      </c>
      <c r="L2619" t="s">
        <v>995</v>
      </c>
      <c r="M2619" t="s">
        <v>87</v>
      </c>
      <c r="N2619" t="s">
        <v>88</v>
      </c>
      <c r="O2619" t="s">
        <v>85</v>
      </c>
      <c r="P2619" t="s">
        <v>86</v>
      </c>
      <c r="Q2619">
        <v>7</v>
      </c>
      <c r="R2619">
        <v>7</v>
      </c>
      <c r="S2619">
        <v>7</v>
      </c>
      <c r="T2619">
        <v>7</v>
      </c>
      <c r="U2619">
        <v>7</v>
      </c>
      <c r="V2619">
        <v>7</v>
      </c>
      <c r="W2619">
        <v>7</v>
      </c>
      <c r="X2619">
        <v>7</v>
      </c>
      <c r="Y2619">
        <v>7</v>
      </c>
      <c r="Z2619">
        <v>7</v>
      </c>
      <c r="AA2619">
        <v>7</v>
      </c>
      <c r="AB2619">
        <v>7</v>
      </c>
      <c r="AC2619">
        <v>7</v>
      </c>
      <c r="AD2619">
        <v>7</v>
      </c>
      <c r="AE2619">
        <v>7</v>
      </c>
      <c r="AF2619">
        <v>7</v>
      </c>
      <c r="AG2619">
        <v>7</v>
      </c>
      <c r="AH2619">
        <v>7</v>
      </c>
      <c r="AI2619">
        <v>7</v>
      </c>
      <c r="AJ2619">
        <v>7</v>
      </c>
      <c r="AK2619">
        <v>7</v>
      </c>
      <c r="AL2619">
        <v>7</v>
      </c>
      <c r="AM2619">
        <v>7</v>
      </c>
      <c r="AN2619">
        <v>7</v>
      </c>
      <c r="AO2619">
        <v>6</v>
      </c>
      <c r="AP2619">
        <v>6</v>
      </c>
      <c r="AQ2619">
        <v>6</v>
      </c>
    </row>
    <row r="2620" spans="1:43">
      <c r="A2620" t="s">
        <v>1686</v>
      </c>
      <c r="B2620" t="s">
        <v>1687</v>
      </c>
      <c r="C2620" t="s">
        <v>1674</v>
      </c>
      <c r="D2620" t="s">
        <v>1675</v>
      </c>
      <c r="E2620" t="s">
        <v>1586</v>
      </c>
      <c r="F2620" t="s">
        <v>1587</v>
      </c>
      <c r="G2620" t="s">
        <v>80</v>
      </c>
      <c r="H2620" t="s">
        <v>81</v>
      </c>
      <c r="I2620" s="2">
        <v>0</v>
      </c>
      <c r="J2620" s="2">
        <v>0</v>
      </c>
      <c r="K2620" s="2">
        <v>1</v>
      </c>
      <c r="L2620" t="s">
        <v>995</v>
      </c>
      <c r="M2620" t="s">
        <v>89</v>
      </c>
      <c r="N2620" t="s">
        <v>90</v>
      </c>
      <c r="O2620" t="s">
        <v>85</v>
      </c>
      <c r="P2620" t="s">
        <v>86</v>
      </c>
      <c r="Q2620">
        <v>7</v>
      </c>
      <c r="R2620">
        <v>8</v>
      </c>
      <c r="S2620">
        <v>8</v>
      </c>
      <c r="T2620">
        <v>8</v>
      </c>
      <c r="U2620">
        <v>8</v>
      </c>
      <c r="V2620">
        <v>8</v>
      </c>
      <c r="W2620">
        <v>8</v>
      </c>
      <c r="X2620">
        <v>8</v>
      </c>
      <c r="Y2620">
        <v>8</v>
      </c>
      <c r="Z2620">
        <v>8</v>
      </c>
      <c r="AA2620">
        <v>8</v>
      </c>
      <c r="AB2620">
        <v>8</v>
      </c>
      <c r="AC2620">
        <v>8</v>
      </c>
      <c r="AD2620">
        <v>8</v>
      </c>
      <c r="AE2620">
        <v>8</v>
      </c>
      <c r="AF2620">
        <v>8</v>
      </c>
      <c r="AG2620">
        <v>8</v>
      </c>
      <c r="AH2620">
        <v>8</v>
      </c>
      <c r="AI2620">
        <v>8</v>
      </c>
      <c r="AJ2620">
        <v>8</v>
      </c>
      <c r="AK2620">
        <v>8</v>
      </c>
      <c r="AL2620">
        <v>8</v>
      </c>
      <c r="AM2620">
        <v>8</v>
      </c>
      <c r="AN2620">
        <v>8</v>
      </c>
      <c r="AO2620">
        <v>8</v>
      </c>
      <c r="AP2620">
        <v>7</v>
      </c>
      <c r="AQ2620">
        <v>7</v>
      </c>
    </row>
    <row r="2621" spans="1:43">
      <c r="A2621" t="s">
        <v>1686</v>
      </c>
      <c r="B2621" t="s">
        <v>1687</v>
      </c>
      <c r="C2621" t="s">
        <v>1674</v>
      </c>
      <c r="D2621" t="s">
        <v>1675</v>
      </c>
      <c r="E2621" t="s">
        <v>1586</v>
      </c>
      <c r="F2621" t="s">
        <v>1587</v>
      </c>
      <c r="G2621" t="s">
        <v>80</v>
      </c>
      <c r="H2621" t="s">
        <v>81</v>
      </c>
      <c r="I2621" s="2">
        <v>0</v>
      </c>
      <c r="J2621" s="2">
        <v>0</v>
      </c>
      <c r="K2621" s="2">
        <v>1</v>
      </c>
      <c r="L2621" t="s">
        <v>995</v>
      </c>
      <c r="M2621" t="s">
        <v>83</v>
      </c>
      <c r="N2621" t="s">
        <v>91</v>
      </c>
      <c r="O2621" t="s">
        <v>85</v>
      </c>
      <c r="P2621" t="s">
        <v>86</v>
      </c>
      <c r="Q2621">
        <v>7</v>
      </c>
      <c r="R2621">
        <v>7</v>
      </c>
      <c r="S2621">
        <v>7</v>
      </c>
      <c r="T2621">
        <v>7</v>
      </c>
      <c r="U2621">
        <v>7</v>
      </c>
      <c r="V2621">
        <v>8</v>
      </c>
      <c r="W2621">
        <v>8</v>
      </c>
      <c r="X2621">
        <v>8</v>
      </c>
      <c r="Y2621">
        <v>8</v>
      </c>
      <c r="Z2621">
        <v>8</v>
      </c>
      <c r="AA2621">
        <v>8</v>
      </c>
      <c r="AB2621">
        <v>8</v>
      </c>
      <c r="AC2621">
        <v>8</v>
      </c>
      <c r="AD2621">
        <v>8</v>
      </c>
      <c r="AE2621">
        <v>8</v>
      </c>
      <c r="AF2621">
        <v>8</v>
      </c>
      <c r="AG2621">
        <v>8</v>
      </c>
      <c r="AH2621">
        <v>8</v>
      </c>
      <c r="AI2621">
        <v>8</v>
      </c>
      <c r="AJ2621">
        <v>8</v>
      </c>
      <c r="AK2621">
        <v>8</v>
      </c>
      <c r="AL2621">
        <v>8</v>
      </c>
      <c r="AM2621">
        <v>8</v>
      </c>
      <c r="AN2621">
        <v>8</v>
      </c>
      <c r="AO2621">
        <v>7</v>
      </c>
      <c r="AP2621">
        <v>7</v>
      </c>
      <c r="AQ2621">
        <v>7</v>
      </c>
    </row>
    <row r="2622" spans="1:43">
      <c r="A2622" t="s">
        <v>1688</v>
      </c>
      <c r="B2622" t="s">
        <v>1689</v>
      </c>
      <c r="C2622" t="s">
        <v>1674</v>
      </c>
      <c r="D2622" t="s">
        <v>1675</v>
      </c>
      <c r="E2622" t="s">
        <v>1586</v>
      </c>
      <c r="F2622" t="s">
        <v>1587</v>
      </c>
      <c r="G2622" t="s">
        <v>80</v>
      </c>
      <c r="H2622" t="s">
        <v>81</v>
      </c>
      <c r="I2622" s="2">
        <v>0</v>
      </c>
      <c r="J2622" s="2">
        <v>0</v>
      </c>
      <c r="K2622" s="2">
        <v>1</v>
      </c>
      <c r="L2622" t="s">
        <v>995</v>
      </c>
      <c r="M2622" t="s">
        <v>83</v>
      </c>
      <c r="N2622" t="s">
        <v>84</v>
      </c>
      <c r="O2622" t="s">
        <v>85</v>
      </c>
      <c r="P2622" t="s">
        <v>86</v>
      </c>
      <c r="Q2622">
        <v>23</v>
      </c>
      <c r="R2622">
        <v>23</v>
      </c>
      <c r="S2622">
        <v>23</v>
      </c>
      <c r="T2622">
        <v>23</v>
      </c>
      <c r="U2622">
        <v>23</v>
      </c>
      <c r="V2622">
        <v>23</v>
      </c>
      <c r="W2622">
        <v>23</v>
      </c>
      <c r="X2622">
        <v>24</v>
      </c>
      <c r="Y2622">
        <v>24</v>
      </c>
      <c r="Z2622">
        <v>24</v>
      </c>
      <c r="AA2622">
        <v>24</v>
      </c>
      <c r="AB2622">
        <v>24</v>
      </c>
      <c r="AC2622">
        <v>24</v>
      </c>
      <c r="AD2622">
        <v>24</v>
      </c>
      <c r="AE2622">
        <v>24</v>
      </c>
      <c r="AF2622">
        <v>24</v>
      </c>
      <c r="AG2622">
        <v>24</v>
      </c>
      <c r="AH2622">
        <v>24</v>
      </c>
      <c r="AI2622">
        <v>24</v>
      </c>
      <c r="AJ2622">
        <v>24</v>
      </c>
      <c r="AK2622">
        <v>24</v>
      </c>
      <c r="AL2622">
        <v>24</v>
      </c>
      <c r="AM2622">
        <v>24</v>
      </c>
      <c r="AN2622">
        <v>24</v>
      </c>
      <c r="AO2622">
        <v>23</v>
      </c>
      <c r="AP2622">
        <v>23</v>
      </c>
      <c r="AQ2622">
        <v>23</v>
      </c>
    </row>
    <row r="2623" spans="1:43">
      <c r="A2623" t="s">
        <v>1688</v>
      </c>
      <c r="B2623" t="s">
        <v>1689</v>
      </c>
      <c r="C2623" t="s">
        <v>1674</v>
      </c>
      <c r="D2623" t="s">
        <v>1675</v>
      </c>
      <c r="E2623" t="s">
        <v>1586</v>
      </c>
      <c r="F2623" t="s">
        <v>1587</v>
      </c>
      <c r="G2623" t="s">
        <v>80</v>
      </c>
      <c r="H2623" t="s">
        <v>81</v>
      </c>
      <c r="I2623" s="2">
        <v>0</v>
      </c>
      <c r="J2623" s="2">
        <v>0</v>
      </c>
      <c r="K2623" s="2">
        <v>1</v>
      </c>
      <c r="L2623" t="s">
        <v>995</v>
      </c>
      <c r="M2623" t="s">
        <v>87</v>
      </c>
      <c r="N2623" t="s">
        <v>88</v>
      </c>
      <c r="O2623" t="s">
        <v>85</v>
      </c>
      <c r="P2623" t="s">
        <v>86</v>
      </c>
      <c r="Q2623">
        <v>23</v>
      </c>
      <c r="R2623">
        <v>23</v>
      </c>
      <c r="S2623">
        <v>23</v>
      </c>
      <c r="T2623">
        <v>22</v>
      </c>
      <c r="U2623">
        <v>22</v>
      </c>
      <c r="V2623">
        <v>22</v>
      </c>
      <c r="W2623">
        <v>22</v>
      </c>
      <c r="X2623">
        <v>22</v>
      </c>
      <c r="Y2623">
        <v>22</v>
      </c>
      <c r="Z2623">
        <v>22</v>
      </c>
      <c r="AA2623">
        <v>22</v>
      </c>
      <c r="AB2623">
        <v>22</v>
      </c>
      <c r="AC2623">
        <v>21</v>
      </c>
      <c r="AD2623">
        <v>21</v>
      </c>
      <c r="AE2623">
        <v>21</v>
      </c>
      <c r="AF2623">
        <v>21</v>
      </c>
      <c r="AG2623">
        <v>21</v>
      </c>
      <c r="AH2623">
        <v>21</v>
      </c>
      <c r="AI2623">
        <v>21</v>
      </c>
      <c r="AJ2623">
        <v>21</v>
      </c>
      <c r="AK2623">
        <v>21</v>
      </c>
      <c r="AL2623">
        <v>20</v>
      </c>
      <c r="AM2623">
        <v>20</v>
      </c>
      <c r="AN2623">
        <v>20</v>
      </c>
      <c r="AO2623">
        <v>20</v>
      </c>
      <c r="AP2623">
        <v>20</v>
      </c>
      <c r="AQ2623">
        <v>20</v>
      </c>
    </row>
    <row r="2624" spans="1:43">
      <c r="A2624" t="s">
        <v>1688</v>
      </c>
      <c r="B2624" t="s">
        <v>1689</v>
      </c>
      <c r="C2624" t="s">
        <v>1674</v>
      </c>
      <c r="D2624" t="s">
        <v>1675</v>
      </c>
      <c r="E2624" t="s">
        <v>1586</v>
      </c>
      <c r="F2624" t="s">
        <v>1587</v>
      </c>
      <c r="G2624" t="s">
        <v>80</v>
      </c>
      <c r="H2624" t="s">
        <v>81</v>
      </c>
      <c r="I2624" s="2">
        <v>0</v>
      </c>
      <c r="J2624" s="2">
        <v>0</v>
      </c>
      <c r="K2624" s="2">
        <v>1</v>
      </c>
      <c r="L2624" t="s">
        <v>995</v>
      </c>
      <c r="M2624" t="s">
        <v>89</v>
      </c>
      <c r="N2624" t="s">
        <v>90</v>
      </c>
      <c r="O2624" t="s">
        <v>85</v>
      </c>
      <c r="P2624" t="s">
        <v>86</v>
      </c>
      <c r="Q2624">
        <v>23</v>
      </c>
      <c r="R2624">
        <v>23</v>
      </c>
      <c r="S2624">
        <v>24</v>
      </c>
      <c r="T2624">
        <v>24</v>
      </c>
      <c r="U2624">
        <v>24</v>
      </c>
      <c r="V2624">
        <v>24</v>
      </c>
      <c r="W2624">
        <v>25</v>
      </c>
      <c r="X2624">
        <v>25</v>
      </c>
      <c r="Y2624">
        <v>25</v>
      </c>
      <c r="Z2624">
        <v>25</v>
      </c>
      <c r="AA2624">
        <v>25</v>
      </c>
      <c r="AB2624">
        <v>25</v>
      </c>
      <c r="AC2624">
        <v>26</v>
      </c>
      <c r="AD2624">
        <v>26</v>
      </c>
      <c r="AE2624">
        <v>26</v>
      </c>
      <c r="AF2624">
        <v>25</v>
      </c>
      <c r="AG2624">
        <v>25</v>
      </c>
      <c r="AH2624">
        <v>25</v>
      </c>
      <c r="AI2624">
        <v>25</v>
      </c>
      <c r="AJ2624">
        <v>25</v>
      </c>
      <c r="AK2624">
        <v>24</v>
      </c>
      <c r="AL2624">
        <v>24</v>
      </c>
      <c r="AM2624">
        <v>24</v>
      </c>
      <c r="AN2624">
        <v>24</v>
      </c>
      <c r="AO2624">
        <v>24</v>
      </c>
      <c r="AP2624">
        <v>23</v>
      </c>
      <c r="AQ2624">
        <v>23</v>
      </c>
    </row>
    <row r="2625" spans="1:43">
      <c r="A2625" t="s">
        <v>1688</v>
      </c>
      <c r="B2625" t="s">
        <v>1689</v>
      </c>
      <c r="C2625" t="s">
        <v>1674</v>
      </c>
      <c r="D2625" t="s">
        <v>1675</v>
      </c>
      <c r="E2625" t="s">
        <v>1586</v>
      </c>
      <c r="F2625" t="s">
        <v>1587</v>
      </c>
      <c r="G2625" t="s">
        <v>80</v>
      </c>
      <c r="H2625" t="s">
        <v>81</v>
      </c>
      <c r="I2625" s="2">
        <v>0</v>
      </c>
      <c r="J2625" s="2">
        <v>0</v>
      </c>
      <c r="K2625" s="2">
        <v>1</v>
      </c>
      <c r="L2625" t="s">
        <v>995</v>
      </c>
      <c r="M2625" t="s">
        <v>83</v>
      </c>
      <c r="N2625" t="s">
        <v>91</v>
      </c>
      <c r="O2625" t="s">
        <v>85</v>
      </c>
      <c r="P2625" t="s">
        <v>86</v>
      </c>
      <c r="Q2625">
        <v>23</v>
      </c>
      <c r="R2625">
        <v>23</v>
      </c>
      <c r="S2625">
        <v>23</v>
      </c>
      <c r="T2625">
        <v>23</v>
      </c>
      <c r="U2625">
        <v>23</v>
      </c>
      <c r="V2625">
        <v>23</v>
      </c>
      <c r="W2625">
        <v>23</v>
      </c>
      <c r="X2625">
        <v>24</v>
      </c>
      <c r="Y2625">
        <v>24</v>
      </c>
      <c r="Z2625">
        <v>24</v>
      </c>
      <c r="AA2625">
        <v>24</v>
      </c>
      <c r="AB2625">
        <v>24</v>
      </c>
      <c r="AC2625">
        <v>24</v>
      </c>
      <c r="AD2625">
        <v>24</v>
      </c>
      <c r="AE2625">
        <v>24</v>
      </c>
      <c r="AF2625">
        <v>24</v>
      </c>
      <c r="AG2625">
        <v>24</v>
      </c>
      <c r="AH2625">
        <v>24</v>
      </c>
      <c r="AI2625">
        <v>24</v>
      </c>
      <c r="AJ2625">
        <v>24</v>
      </c>
      <c r="AK2625">
        <v>24</v>
      </c>
      <c r="AL2625">
        <v>24</v>
      </c>
      <c r="AM2625">
        <v>24</v>
      </c>
      <c r="AN2625">
        <v>24</v>
      </c>
      <c r="AO2625">
        <v>23</v>
      </c>
      <c r="AP2625">
        <v>23</v>
      </c>
      <c r="AQ2625">
        <v>23</v>
      </c>
    </row>
    <row r="2626" spans="1:43">
      <c r="A2626" t="s">
        <v>1690</v>
      </c>
      <c r="B2626" t="s">
        <v>1691</v>
      </c>
      <c r="C2626" t="s">
        <v>1674</v>
      </c>
      <c r="D2626" t="s">
        <v>1675</v>
      </c>
      <c r="E2626" t="s">
        <v>1586</v>
      </c>
      <c r="F2626" t="s">
        <v>1587</v>
      </c>
      <c r="G2626" t="s">
        <v>80</v>
      </c>
      <c r="H2626" t="s">
        <v>81</v>
      </c>
      <c r="I2626" s="2">
        <v>0</v>
      </c>
      <c r="J2626" s="2">
        <v>0</v>
      </c>
      <c r="K2626" s="2">
        <v>1</v>
      </c>
      <c r="L2626" t="s">
        <v>995</v>
      </c>
      <c r="M2626" t="s">
        <v>83</v>
      </c>
      <c r="N2626" t="s">
        <v>84</v>
      </c>
      <c r="O2626" t="s">
        <v>85</v>
      </c>
      <c r="P2626" t="s">
        <v>86</v>
      </c>
      <c r="Q2626">
        <v>38</v>
      </c>
      <c r="R2626">
        <v>38</v>
      </c>
      <c r="S2626">
        <v>38</v>
      </c>
      <c r="T2626">
        <v>38</v>
      </c>
      <c r="U2626">
        <v>38</v>
      </c>
      <c r="V2626">
        <v>38</v>
      </c>
      <c r="W2626">
        <v>38</v>
      </c>
      <c r="X2626">
        <v>39</v>
      </c>
      <c r="Y2626">
        <v>39</v>
      </c>
      <c r="Z2626">
        <v>39</v>
      </c>
      <c r="AA2626">
        <v>39</v>
      </c>
      <c r="AB2626">
        <v>39</v>
      </c>
      <c r="AC2626">
        <v>39</v>
      </c>
      <c r="AD2626">
        <v>39</v>
      </c>
      <c r="AE2626">
        <v>39</v>
      </c>
      <c r="AF2626">
        <v>39</v>
      </c>
      <c r="AG2626">
        <v>39</v>
      </c>
      <c r="AH2626">
        <v>39</v>
      </c>
      <c r="AI2626">
        <v>39</v>
      </c>
      <c r="AJ2626">
        <v>39</v>
      </c>
      <c r="AK2626">
        <v>39</v>
      </c>
      <c r="AL2626">
        <v>39</v>
      </c>
      <c r="AM2626">
        <v>39</v>
      </c>
      <c r="AN2626">
        <v>38</v>
      </c>
      <c r="AO2626">
        <v>38</v>
      </c>
      <c r="AP2626">
        <v>38</v>
      </c>
      <c r="AQ2626">
        <v>38</v>
      </c>
    </row>
    <row r="2627" spans="1:43">
      <c r="A2627" t="s">
        <v>1690</v>
      </c>
      <c r="B2627" t="s">
        <v>1691</v>
      </c>
      <c r="C2627" t="s">
        <v>1674</v>
      </c>
      <c r="D2627" t="s">
        <v>1675</v>
      </c>
      <c r="E2627" t="s">
        <v>1586</v>
      </c>
      <c r="F2627" t="s">
        <v>1587</v>
      </c>
      <c r="G2627" t="s">
        <v>80</v>
      </c>
      <c r="H2627" t="s">
        <v>81</v>
      </c>
      <c r="I2627" s="2">
        <v>0</v>
      </c>
      <c r="J2627" s="2">
        <v>0</v>
      </c>
      <c r="K2627" s="2">
        <v>1</v>
      </c>
      <c r="L2627" t="s">
        <v>995</v>
      </c>
      <c r="M2627" t="s">
        <v>87</v>
      </c>
      <c r="N2627" t="s">
        <v>88</v>
      </c>
      <c r="O2627" t="s">
        <v>85</v>
      </c>
      <c r="P2627" t="s">
        <v>86</v>
      </c>
      <c r="Q2627">
        <v>38</v>
      </c>
      <c r="R2627">
        <v>38</v>
      </c>
      <c r="S2627">
        <v>38</v>
      </c>
      <c r="T2627">
        <v>38</v>
      </c>
      <c r="U2627">
        <v>37</v>
      </c>
      <c r="V2627">
        <v>37</v>
      </c>
      <c r="W2627">
        <v>37</v>
      </c>
      <c r="X2627">
        <v>37</v>
      </c>
      <c r="Y2627">
        <v>37</v>
      </c>
      <c r="Z2627">
        <v>37</v>
      </c>
      <c r="AA2627">
        <v>36</v>
      </c>
      <c r="AB2627">
        <v>36</v>
      </c>
      <c r="AC2627">
        <v>36</v>
      </c>
      <c r="AD2627">
        <v>36</v>
      </c>
      <c r="AE2627">
        <v>36</v>
      </c>
      <c r="AF2627">
        <v>35</v>
      </c>
      <c r="AG2627">
        <v>35</v>
      </c>
      <c r="AH2627">
        <v>35</v>
      </c>
      <c r="AI2627">
        <v>35</v>
      </c>
      <c r="AJ2627">
        <v>35</v>
      </c>
      <c r="AK2627">
        <v>35</v>
      </c>
      <c r="AL2627">
        <v>34</v>
      </c>
      <c r="AM2627">
        <v>34</v>
      </c>
      <c r="AN2627">
        <v>34</v>
      </c>
      <c r="AO2627">
        <v>34</v>
      </c>
      <c r="AP2627">
        <v>34</v>
      </c>
      <c r="AQ2627">
        <v>34</v>
      </c>
    </row>
    <row r="2628" spans="1:43">
      <c r="A2628" t="s">
        <v>1690</v>
      </c>
      <c r="B2628" t="s">
        <v>1691</v>
      </c>
      <c r="C2628" t="s">
        <v>1674</v>
      </c>
      <c r="D2628" t="s">
        <v>1675</v>
      </c>
      <c r="E2628" t="s">
        <v>1586</v>
      </c>
      <c r="F2628" t="s">
        <v>1587</v>
      </c>
      <c r="G2628" t="s">
        <v>80</v>
      </c>
      <c r="H2628" t="s">
        <v>81</v>
      </c>
      <c r="I2628" s="2">
        <v>0</v>
      </c>
      <c r="J2628" s="2">
        <v>0</v>
      </c>
      <c r="K2628" s="2">
        <v>1</v>
      </c>
      <c r="L2628" t="s">
        <v>995</v>
      </c>
      <c r="M2628" t="s">
        <v>89</v>
      </c>
      <c r="N2628" t="s">
        <v>90</v>
      </c>
      <c r="O2628" t="s">
        <v>85</v>
      </c>
      <c r="P2628" t="s">
        <v>86</v>
      </c>
      <c r="Q2628">
        <v>38</v>
      </c>
      <c r="R2628">
        <v>38</v>
      </c>
      <c r="S2628">
        <v>39</v>
      </c>
      <c r="T2628">
        <v>39</v>
      </c>
      <c r="U2628">
        <v>40</v>
      </c>
      <c r="V2628">
        <v>40</v>
      </c>
      <c r="W2628">
        <v>40</v>
      </c>
      <c r="X2628">
        <v>41</v>
      </c>
      <c r="Y2628">
        <v>41</v>
      </c>
      <c r="Z2628">
        <v>41</v>
      </c>
      <c r="AA2628">
        <v>41</v>
      </c>
      <c r="AB2628">
        <v>42</v>
      </c>
      <c r="AC2628">
        <v>42</v>
      </c>
      <c r="AD2628">
        <v>42</v>
      </c>
      <c r="AE2628">
        <v>42</v>
      </c>
      <c r="AF2628">
        <v>42</v>
      </c>
      <c r="AG2628">
        <v>41</v>
      </c>
      <c r="AH2628">
        <v>41</v>
      </c>
      <c r="AI2628">
        <v>41</v>
      </c>
      <c r="AJ2628">
        <v>40</v>
      </c>
      <c r="AK2628">
        <v>40</v>
      </c>
      <c r="AL2628">
        <v>40</v>
      </c>
      <c r="AM2628">
        <v>39</v>
      </c>
      <c r="AN2628">
        <v>39</v>
      </c>
      <c r="AO2628">
        <v>39</v>
      </c>
      <c r="AP2628">
        <v>38</v>
      </c>
      <c r="AQ2628">
        <v>38</v>
      </c>
    </row>
    <row r="2629" spans="1:43">
      <c r="A2629" t="s">
        <v>1690</v>
      </c>
      <c r="B2629" t="s">
        <v>1691</v>
      </c>
      <c r="C2629" t="s">
        <v>1674</v>
      </c>
      <c r="D2629" t="s">
        <v>1675</v>
      </c>
      <c r="E2629" t="s">
        <v>1586</v>
      </c>
      <c r="F2629" t="s">
        <v>1587</v>
      </c>
      <c r="G2629" t="s">
        <v>80</v>
      </c>
      <c r="H2629" t="s">
        <v>81</v>
      </c>
      <c r="I2629" s="2">
        <v>0</v>
      </c>
      <c r="J2629" s="2">
        <v>0</v>
      </c>
      <c r="K2629" s="2">
        <v>1</v>
      </c>
      <c r="L2629" t="s">
        <v>995</v>
      </c>
      <c r="M2629" t="s">
        <v>83</v>
      </c>
      <c r="N2629" t="s">
        <v>91</v>
      </c>
      <c r="O2629" t="s">
        <v>85</v>
      </c>
      <c r="P2629" t="s">
        <v>86</v>
      </c>
      <c r="Q2629">
        <v>38</v>
      </c>
      <c r="R2629">
        <v>38</v>
      </c>
      <c r="S2629">
        <v>38</v>
      </c>
      <c r="T2629">
        <v>38</v>
      </c>
      <c r="U2629">
        <v>38</v>
      </c>
      <c r="V2629">
        <v>38</v>
      </c>
      <c r="W2629">
        <v>38</v>
      </c>
      <c r="X2629">
        <v>39</v>
      </c>
      <c r="Y2629">
        <v>39</v>
      </c>
      <c r="Z2629">
        <v>39</v>
      </c>
      <c r="AA2629">
        <v>39</v>
      </c>
      <c r="AB2629">
        <v>39</v>
      </c>
      <c r="AC2629">
        <v>39</v>
      </c>
      <c r="AD2629">
        <v>39</v>
      </c>
      <c r="AE2629">
        <v>39</v>
      </c>
      <c r="AF2629">
        <v>39</v>
      </c>
      <c r="AG2629">
        <v>39</v>
      </c>
      <c r="AH2629">
        <v>39</v>
      </c>
      <c r="AI2629">
        <v>39</v>
      </c>
      <c r="AJ2629">
        <v>39</v>
      </c>
      <c r="AK2629">
        <v>39</v>
      </c>
      <c r="AL2629">
        <v>39</v>
      </c>
      <c r="AM2629">
        <v>39</v>
      </c>
      <c r="AN2629">
        <v>38</v>
      </c>
      <c r="AO2629">
        <v>38</v>
      </c>
      <c r="AP2629">
        <v>38</v>
      </c>
      <c r="AQ2629">
        <v>38</v>
      </c>
    </row>
    <row r="2630" spans="1:43">
      <c r="A2630" t="s">
        <v>1692</v>
      </c>
      <c r="B2630" t="s">
        <v>1693</v>
      </c>
      <c r="C2630" t="s">
        <v>1674</v>
      </c>
      <c r="D2630" t="s">
        <v>1675</v>
      </c>
      <c r="E2630" t="s">
        <v>1586</v>
      </c>
      <c r="F2630" t="s">
        <v>1587</v>
      </c>
      <c r="G2630" t="s">
        <v>80</v>
      </c>
      <c r="H2630" t="s">
        <v>81</v>
      </c>
      <c r="I2630" s="2">
        <v>0</v>
      </c>
      <c r="J2630" s="2">
        <v>0</v>
      </c>
      <c r="K2630" s="2">
        <v>1</v>
      </c>
      <c r="L2630" t="s">
        <v>995</v>
      </c>
      <c r="M2630" t="s">
        <v>83</v>
      </c>
      <c r="N2630" t="s">
        <v>84</v>
      </c>
      <c r="O2630" t="s">
        <v>85</v>
      </c>
      <c r="P2630" t="s">
        <v>86</v>
      </c>
      <c r="Q2630">
        <v>32</v>
      </c>
      <c r="R2630">
        <v>33</v>
      </c>
      <c r="S2630">
        <v>33</v>
      </c>
      <c r="T2630">
        <v>33</v>
      </c>
      <c r="U2630">
        <v>33</v>
      </c>
      <c r="V2630">
        <v>33</v>
      </c>
      <c r="W2630">
        <v>33</v>
      </c>
      <c r="X2630">
        <v>33</v>
      </c>
      <c r="Y2630">
        <v>33</v>
      </c>
      <c r="Z2630">
        <v>33</v>
      </c>
      <c r="AA2630">
        <v>33</v>
      </c>
      <c r="AB2630">
        <v>34</v>
      </c>
      <c r="AC2630">
        <v>34</v>
      </c>
      <c r="AD2630">
        <v>34</v>
      </c>
      <c r="AE2630">
        <v>34</v>
      </c>
      <c r="AF2630">
        <v>34</v>
      </c>
      <c r="AG2630">
        <v>34</v>
      </c>
      <c r="AH2630">
        <v>34</v>
      </c>
      <c r="AI2630">
        <v>34</v>
      </c>
      <c r="AJ2630">
        <v>34</v>
      </c>
      <c r="AK2630">
        <v>34</v>
      </c>
      <c r="AL2630">
        <v>34</v>
      </c>
      <c r="AM2630">
        <v>33</v>
      </c>
      <c r="AN2630">
        <v>33</v>
      </c>
      <c r="AO2630">
        <v>33</v>
      </c>
      <c r="AP2630">
        <v>33</v>
      </c>
      <c r="AQ2630">
        <v>32</v>
      </c>
    </row>
    <row r="2631" spans="1:43">
      <c r="A2631" t="s">
        <v>1692</v>
      </c>
      <c r="B2631" t="s">
        <v>1693</v>
      </c>
      <c r="C2631" t="s">
        <v>1674</v>
      </c>
      <c r="D2631" t="s">
        <v>1675</v>
      </c>
      <c r="E2631" t="s">
        <v>1586</v>
      </c>
      <c r="F2631" t="s">
        <v>1587</v>
      </c>
      <c r="G2631" t="s">
        <v>80</v>
      </c>
      <c r="H2631" t="s">
        <v>81</v>
      </c>
      <c r="I2631" s="2">
        <v>0</v>
      </c>
      <c r="J2631" s="2">
        <v>0</v>
      </c>
      <c r="K2631" s="2">
        <v>1</v>
      </c>
      <c r="L2631" t="s">
        <v>995</v>
      </c>
      <c r="M2631" t="s">
        <v>87</v>
      </c>
      <c r="N2631" t="s">
        <v>88</v>
      </c>
      <c r="O2631" t="s">
        <v>85</v>
      </c>
      <c r="P2631" t="s">
        <v>86</v>
      </c>
      <c r="Q2631">
        <v>32</v>
      </c>
      <c r="R2631">
        <v>32</v>
      </c>
      <c r="S2631">
        <v>32</v>
      </c>
      <c r="T2631">
        <v>32</v>
      </c>
      <c r="U2631">
        <v>31</v>
      </c>
      <c r="V2631">
        <v>31</v>
      </c>
      <c r="W2631">
        <v>31</v>
      </c>
      <c r="X2631">
        <v>31</v>
      </c>
      <c r="Y2631">
        <v>31</v>
      </c>
      <c r="Z2631">
        <v>31</v>
      </c>
      <c r="AA2631">
        <v>30</v>
      </c>
      <c r="AB2631">
        <v>30</v>
      </c>
      <c r="AC2631">
        <v>30</v>
      </c>
      <c r="AD2631">
        <v>30</v>
      </c>
      <c r="AE2631">
        <v>30</v>
      </c>
      <c r="AF2631">
        <v>30</v>
      </c>
      <c r="AG2631">
        <v>30</v>
      </c>
      <c r="AH2631">
        <v>29</v>
      </c>
      <c r="AI2631">
        <v>29</v>
      </c>
      <c r="AJ2631">
        <v>29</v>
      </c>
      <c r="AK2631">
        <v>29</v>
      </c>
      <c r="AL2631">
        <v>29</v>
      </c>
      <c r="AM2631">
        <v>29</v>
      </c>
      <c r="AN2631">
        <v>29</v>
      </c>
      <c r="AO2631">
        <v>28</v>
      </c>
      <c r="AP2631">
        <v>28</v>
      </c>
      <c r="AQ2631">
        <v>28</v>
      </c>
    </row>
    <row r="2632" spans="1:43">
      <c r="A2632" t="s">
        <v>1692</v>
      </c>
      <c r="B2632" t="s">
        <v>1693</v>
      </c>
      <c r="C2632" t="s">
        <v>1674</v>
      </c>
      <c r="D2632" t="s">
        <v>1675</v>
      </c>
      <c r="E2632" t="s">
        <v>1586</v>
      </c>
      <c r="F2632" t="s">
        <v>1587</v>
      </c>
      <c r="G2632" t="s">
        <v>80</v>
      </c>
      <c r="H2632" t="s">
        <v>81</v>
      </c>
      <c r="I2632" s="2">
        <v>0</v>
      </c>
      <c r="J2632" s="2">
        <v>0</v>
      </c>
      <c r="K2632" s="2">
        <v>1</v>
      </c>
      <c r="L2632" t="s">
        <v>995</v>
      </c>
      <c r="M2632" t="s">
        <v>89</v>
      </c>
      <c r="N2632" t="s">
        <v>90</v>
      </c>
      <c r="O2632" t="s">
        <v>85</v>
      </c>
      <c r="P2632" t="s">
        <v>86</v>
      </c>
      <c r="Q2632">
        <v>32</v>
      </c>
      <c r="R2632">
        <v>32</v>
      </c>
      <c r="S2632">
        <v>32</v>
      </c>
      <c r="T2632">
        <v>33</v>
      </c>
      <c r="U2632">
        <v>33</v>
      </c>
      <c r="V2632">
        <v>33</v>
      </c>
      <c r="W2632">
        <v>34</v>
      </c>
      <c r="X2632">
        <v>34</v>
      </c>
      <c r="Y2632">
        <v>34</v>
      </c>
      <c r="Z2632">
        <v>34</v>
      </c>
      <c r="AA2632">
        <v>35</v>
      </c>
      <c r="AB2632">
        <v>35</v>
      </c>
      <c r="AC2632">
        <v>35</v>
      </c>
      <c r="AD2632">
        <v>35</v>
      </c>
      <c r="AE2632">
        <v>35</v>
      </c>
      <c r="AF2632">
        <v>35</v>
      </c>
      <c r="AG2632">
        <v>35</v>
      </c>
      <c r="AH2632">
        <v>34</v>
      </c>
      <c r="AI2632">
        <v>34</v>
      </c>
      <c r="AJ2632">
        <v>34</v>
      </c>
      <c r="AK2632">
        <v>33</v>
      </c>
      <c r="AL2632">
        <v>33</v>
      </c>
      <c r="AM2632">
        <v>33</v>
      </c>
      <c r="AN2632">
        <v>33</v>
      </c>
      <c r="AO2632">
        <v>32</v>
      </c>
      <c r="AP2632">
        <v>32</v>
      </c>
      <c r="AQ2632">
        <v>32</v>
      </c>
    </row>
    <row r="2633" spans="1:43">
      <c r="A2633" t="s">
        <v>1692</v>
      </c>
      <c r="B2633" t="s">
        <v>1693</v>
      </c>
      <c r="C2633" t="s">
        <v>1674</v>
      </c>
      <c r="D2633" t="s">
        <v>1675</v>
      </c>
      <c r="E2633" t="s">
        <v>1586</v>
      </c>
      <c r="F2633" t="s">
        <v>1587</v>
      </c>
      <c r="G2633" t="s">
        <v>80</v>
      </c>
      <c r="H2633" t="s">
        <v>81</v>
      </c>
      <c r="I2633" s="2">
        <v>0</v>
      </c>
      <c r="J2633" s="2">
        <v>0</v>
      </c>
      <c r="K2633" s="2">
        <v>1</v>
      </c>
      <c r="L2633" t="s">
        <v>995</v>
      </c>
      <c r="M2633" t="s">
        <v>83</v>
      </c>
      <c r="N2633" t="s">
        <v>91</v>
      </c>
      <c r="O2633" t="s">
        <v>85</v>
      </c>
      <c r="P2633" t="s">
        <v>86</v>
      </c>
      <c r="Q2633">
        <v>32</v>
      </c>
      <c r="R2633">
        <v>33</v>
      </c>
      <c r="S2633">
        <v>33</v>
      </c>
      <c r="T2633">
        <v>33</v>
      </c>
      <c r="U2633">
        <v>33</v>
      </c>
      <c r="V2633">
        <v>33</v>
      </c>
      <c r="W2633">
        <v>33</v>
      </c>
      <c r="X2633">
        <v>33</v>
      </c>
      <c r="Y2633">
        <v>33</v>
      </c>
      <c r="Z2633">
        <v>33</v>
      </c>
      <c r="AA2633">
        <v>33</v>
      </c>
      <c r="AB2633">
        <v>34</v>
      </c>
      <c r="AC2633">
        <v>34</v>
      </c>
      <c r="AD2633">
        <v>34</v>
      </c>
      <c r="AE2633">
        <v>34</v>
      </c>
      <c r="AF2633">
        <v>34</v>
      </c>
      <c r="AG2633">
        <v>34</v>
      </c>
      <c r="AH2633">
        <v>34</v>
      </c>
      <c r="AI2633">
        <v>34</v>
      </c>
      <c r="AJ2633">
        <v>34</v>
      </c>
      <c r="AK2633">
        <v>34</v>
      </c>
      <c r="AL2633">
        <v>34</v>
      </c>
      <c r="AM2633">
        <v>33</v>
      </c>
      <c r="AN2633">
        <v>33</v>
      </c>
      <c r="AO2633">
        <v>33</v>
      </c>
      <c r="AP2633">
        <v>33</v>
      </c>
      <c r="AQ2633">
        <v>32</v>
      </c>
    </row>
    <row r="2634" spans="1:43">
      <c r="A2634" t="s">
        <v>1694</v>
      </c>
      <c r="B2634" t="s">
        <v>1695</v>
      </c>
      <c r="C2634" t="s">
        <v>1696</v>
      </c>
      <c r="D2634" t="s">
        <v>1697</v>
      </c>
      <c r="E2634" t="s">
        <v>1586</v>
      </c>
      <c r="F2634" t="s">
        <v>1587</v>
      </c>
      <c r="G2634" t="s">
        <v>80</v>
      </c>
      <c r="H2634" t="s">
        <v>81</v>
      </c>
      <c r="I2634" s="2">
        <v>0</v>
      </c>
      <c r="J2634" s="2">
        <v>1</v>
      </c>
      <c r="K2634" s="2">
        <v>0</v>
      </c>
      <c r="L2634" t="s">
        <v>82</v>
      </c>
      <c r="M2634" t="s">
        <v>83</v>
      </c>
      <c r="N2634" t="s">
        <v>84</v>
      </c>
      <c r="O2634" t="s">
        <v>85</v>
      </c>
      <c r="P2634" t="s">
        <v>86</v>
      </c>
      <c r="Q2634">
        <v>20</v>
      </c>
      <c r="R2634">
        <v>20</v>
      </c>
      <c r="S2634">
        <v>20</v>
      </c>
      <c r="T2634">
        <v>21</v>
      </c>
      <c r="U2634">
        <v>21</v>
      </c>
      <c r="V2634">
        <v>21</v>
      </c>
      <c r="W2634">
        <v>21</v>
      </c>
      <c r="X2634">
        <v>21</v>
      </c>
      <c r="Y2634">
        <v>21</v>
      </c>
      <c r="Z2634">
        <v>21</v>
      </c>
      <c r="AA2634">
        <v>21</v>
      </c>
      <c r="AB2634">
        <v>21</v>
      </c>
      <c r="AC2634">
        <v>21</v>
      </c>
      <c r="AD2634">
        <v>21</v>
      </c>
      <c r="AE2634">
        <v>21</v>
      </c>
      <c r="AF2634">
        <v>21</v>
      </c>
      <c r="AG2634">
        <v>21</v>
      </c>
      <c r="AH2634">
        <v>21</v>
      </c>
      <c r="AI2634">
        <v>21</v>
      </c>
      <c r="AJ2634">
        <v>21</v>
      </c>
      <c r="AK2634">
        <v>21</v>
      </c>
      <c r="AL2634">
        <v>21</v>
      </c>
      <c r="AM2634">
        <v>21</v>
      </c>
      <c r="AN2634">
        <v>21</v>
      </c>
      <c r="AO2634">
        <v>21</v>
      </c>
      <c r="AP2634">
        <v>20</v>
      </c>
      <c r="AQ2634">
        <v>20</v>
      </c>
    </row>
    <row r="2635" spans="1:43">
      <c r="A2635" t="s">
        <v>1694</v>
      </c>
      <c r="B2635" t="s">
        <v>1695</v>
      </c>
      <c r="C2635" t="s">
        <v>1696</v>
      </c>
      <c r="D2635" t="s">
        <v>1697</v>
      </c>
      <c r="E2635" t="s">
        <v>1586</v>
      </c>
      <c r="F2635" t="s">
        <v>1587</v>
      </c>
      <c r="G2635" t="s">
        <v>80</v>
      </c>
      <c r="H2635" t="s">
        <v>81</v>
      </c>
      <c r="I2635" s="2">
        <v>0</v>
      </c>
      <c r="J2635" s="2">
        <v>1</v>
      </c>
      <c r="K2635" s="2">
        <v>0</v>
      </c>
      <c r="L2635" t="s">
        <v>82</v>
      </c>
      <c r="M2635" t="s">
        <v>87</v>
      </c>
      <c r="N2635" t="s">
        <v>88</v>
      </c>
      <c r="O2635" t="s">
        <v>85</v>
      </c>
      <c r="P2635" t="s">
        <v>86</v>
      </c>
      <c r="Q2635">
        <v>20</v>
      </c>
      <c r="R2635">
        <v>20</v>
      </c>
      <c r="S2635">
        <v>20</v>
      </c>
      <c r="T2635">
        <v>20</v>
      </c>
      <c r="U2635">
        <v>20</v>
      </c>
      <c r="V2635">
        <v>20</v>
      </c>
      <c r="W2635">
        <v>19</v>
      </c>
      <c r="X2635">
        <v>19</v>
      </c>
      <c r="Y2635">
        <v>19</v>
      </c>
      <c r="Z2635">
        <v>19</v>
      </c>
      <c r="AA2635">
        <v>19</v>
      </c>
      <c r="AB2635">
        <v>19</v>
      </c>
      <c r="AC2635">
        <v>19</v>
      </c>
      <c r="AD2635">
        <v>19</v>
      </c>
      <c r="AE2635">
        <v>19</v>
      </c>
      <c r="AF2635">
        <v>19</v>
      </c>
      <c r="AG2635">
        <v>19</v>
      </c>
      <c r="AH2635">
        <v>18</v>
      </c>
      <c r="AI2635">
        <v>18</v>
      </c>
      <c r="AJ2635">
        <v>18</v>
      </c>
      <c r="AK2635">
        <v>18</v>
      </c>
      <c r="AL2635">
        <v>18</v>
      </c>
      <c r="AM2635">
        <v>18</v>
      </c>
      <c r="AN2635">
        <v>18</v>
      </c>
      <c r="AO2635">
        <v>18</v>
      </c>
      <c r="AP2635">
        <v>18</v>
      </c>
      <c r="AQ2635">
        <v>18</v>
      </c>
    </row>
    <row r="2636" spans="1:43">
      <c r="A2636" t="s">
        <v>1694</v>
      </c>
      <c r="B2636" t="s">
        <v>1695</v>
      </c>
      <c r="C2636" t="s">
        <v>1696</v>
      </c>
      <c r="D2636" t="s">
        <v>1697</v>
      </c>
      <c r="E2636" t="s">
        <v>1586</v>
      </c>
      <c r="F2636" t="s">
        <v>1587</v>
      </c>
      <c r="G2636" t="s">
        <v>80</v>
      </c>
      <c r="H2636" t="s">
        <v>81</v>
      </c>
      <c r="I2636" s="2">
        <v>0</v>
      </c>
      <c r="J2636" s="2">
        <v>1</v>
      </c>
      <c r="K2636" s="2">
        <v>0</v>
      </c>
      <c r="L2636" t="s">
        <v>82</v>
      </c>
      <c r="M2636" t="s">
        <v>89</v>
      </c>
      <c r="N2636" t="s">
        <v>90</v>
      </c>
      <c r="O2636" t="s">
        <v>85</v>
      </c>
      <c r="P2636" t="s">
        <v>86</v>
      </c>
      <c r="Q2636">
        <v>20</v>
      </c>
      <c r="R2636">
        <v>21</v>
      </c>
      <c r="S2636">
        <v>21</v>
      </c>
      <c r="T2636">
        <v>21</v>
      </c>
      <c r="U2636">
        <v>21</v>
      </c>
      <c r="V2636">
        <v>22</v>
      </c>
      <c r="W2636">
        <v>22</v>
      </c>
      <c r="X2636">
        <v>22</v>
      </c>
      <c r="Y2636">
        <v>22</v>
      </c>
      <c r="Z2636">
        <v>22</v>
      </c>
      <c r="AA2636">
        <v>22</v>
      </c>
      <c r="AB2636">
        <v>22</v>
      </c>
      <c r="AC2636">
        <v>23</v>
      </c>
      <c r="AD2636">
        <v>23</v>
      </c>
      <c r="AE2636">
        <v>23</v>
      </c>
      <c r="AF2636">
        <v>22</v>
      </c>
      <c r="AG2636">
        <v>22</v>
      </c>
      <c r="AH2636">
        <v>22</v>
      </c>
      <c r="AI2636">
        <v>22</v>
      </c>
      <c r="AJ2636">
        <v>22</v>
      </c>
      <c r="AK2636">
        <v>21</v>
      </c>
      <c r="AL2636">
        <v>21</v>
      </c>
      <c r="AM2636">
        <v>21</v>
      </c>
      <c r="AN2636">
        <v>21</v>
      </c>
      <c r="AO2636">
        <v>21</v>
      </c>
      <c r="AP2636">
        <v>21</v>
      </c>
      <c r="AQ2636">
        <v>20</v>
      </c>
    </row>
    <row r="2637" spans="1:43">
      <c r="A2637" t="s">
        <v>1694</v>
      </c>
      <c r="B2637" t="s">
        <v>1695</v>
      </c>
      <c r="C2637" t="s">
        <v>1696</v>
      </c>
      <c r="D2637" t="s">
        <v>1697</v>
      </c>
      <c r="E2637" t="s">
        <v>1586</v>
      </c>
      <c r="F2637" t="s">
        <v>1587</v>
      </c>
      <c r="G2637" t="s">
        <v>80</v>
      </c>
      <c r="H2637" t="s">
        <v>81</v>
      </c>
      <c r="I2637" s="2">
        <v>0</v>
      </c>
      <c r="J2637" s="2">
        <v>1</v>
      </c>
      <c r="K2637" s="2">
        <v>0</v>
      </c>
      <c r="L2637" t="s">
        <v>82</v>
      </c>
      <c r="M2637" t="s">
        <v>83</v>
      </c>
      <c r="N2637" t="s">
        <v>91</v>
      </c>
      <c r="O2637" t="s">
        <v>85</v>
      </c>
      <c r="P2637" t="s">
        <v>86</v>
      </c>
      <c r="Q2637">
        <v>20</v>
      </c>
      <c r="R2637">
        <v>20</v>
      </c>
      <c r="S2637">
        <v>20</v>
      </c>
      <c r="T2637">
        <v>21</v>
      </c>
      <c r="U2637">
        <v>21</v>
      </c>
      <c r="V2637">
        <v>21</v>
      </c>
      <c r="W2637">
        <v>21</v>
      </c>
      <c r="X2637">
        <v>21</v>
      </c>
      <c r="Y2637">
        <v>21</v>
      </c>
      <c r="Z2637">
        <v>21</v>
      </c>
      <c r="AA2637">
        <v>21</v>
      </c>
      <c r="AB2637">
        <v>21</v>
      </c>
      <c r="AC2637">
        <v>21</v>
      </c>
      <c r="AD2637">
        <v>21</v>
      </c>
      <c r="AE2637">
        <v>21</v>
      </c>
      <c r="AF2637">
        <v>21</v>
      </c>
      <c r="AG2637">
        <v>21</v>
      </c>
      <c r="AH2637">
        <v>21</v>
      </c>
      <c r="AI2637">
        <v>21</v>
      </c>
      <c r="AJ2637">
        <v>21</v>
      </c>
      <c r="AK2637">
        <v>21</v>
      </c>
      <c r="AL2637">
        <v>21</v>
      </c>
      <c r="AM2637">
        <v>21</v>
      </c>
      <c r="AN2637">
        <v>21</v>
      </c>
      <c r="AO2637">
        <v>21</v>
      </c>
      <c r="AP2637">
        <v>20</v>
      </c>
      <c r="AQ2637">
        <v>20</v>
      </c>
    </row>
    <row r="2638" spans="1:43">
      <c r="A2638" t="s">
        <v>1698</v>
      </c>
      <c r="B2638" t="s">
        <v>1699</v>
      </c>
      <c r="C2638" t="s">
        <v>1696</v>
      </c>
      <c r="D2638" t="s">
        <v>1697</v>
      </c>
      <c r="E2638" t="s">
        <v>1586</v>
      </c>
      <c r="F2638" t="s">
        <v>1587</v>
      </c>
      <c r="G2638" t="s">
        <v>80</v>
      </c>
      <c r="H2638" t="s">
        <v>81</v>
      </c>
      <c r="I2638" s="2">
        <v>0</v>
      </c>
      <c r="J2638" s="2">
        <v>1</v>
      </c>
      <c r="K2638" s="2">
        <v>0</v>
      </c>
      <c r="L2638" t="s">
        <v>82</v>
      </c>
      <c r="M2638" t="s">
        <v>83</v>
      </c>
      <c r="N2638" t="s">
        <v>84</v>
      </c>
      <c r="O2638" t="s">
        <v>85</v>
      </c>
      <c r="P2638" t="s">
        <v>86</v>
      </c>
      <c r="Q2638">
        <v>12</v>
      </c>
      <c r="R2638">
        <v>12</v>
      </c>
      <c r="S2638">
        <v>12</v>
      </c>
      <c r="T2638">
        <v>12</v>
      </c>
      <c r="U2638">
        <v>12</v>
      </c>
      <c r="V2638">
        <v>12</v>
      </c>
      <c r="W2638">
        <v>12</v>
      </c>
      <c r="X2638">
        <v>12</v>
      </c>
      <c r="Y2638">
        <v>12</v>
      </c>
      <c r="Z2638">
        <v>12</v>
      </c>
      <c r="AA2638">
        <v>13</v>
      </c>
      <c r="AB2638">
        <v>13</v>
      </c>
      <c r="AC2638">
        <v>13</v>
      </c>
      <c r="AD2638">
        <v>13</v>
      </c>
      <c r="AE2638">
        <v>13</v>
      </c>
      <c r="AF2638">
        <v>13</v>
      </c>
      <c r="AG2638">
        <v>13</v>
      </c>
      <c r="AH2638">
        <v>13</v>
      </c>
      <c r="AI2638">
        <v>13</v>
      </c>
      <c r="AJ2638">
        <v>13</v>
      </c>
      <c r="AK2638">
        <v>13</v>
      </c>
      <c r="AL2638">
        <v>13</v>
      </c>
      <c r="AM2638">
        <v>12</v>
      </c>
      <c r="AN2638">
        <v>12</v>
      </c>
      <c r="AO2638">
        <v>12</v>
      </c>
      <c r="AP2638">
        <v>12</v>
      </c>
      <c r="AQ2638">
        <v>12</v>
      </c>
    </row>
    <row r="2639" spans="1:43">
      <c r="A2639" t="s">
        <v>1698</v>
      </c>
      <c r="B2639" t="s">
        <v>1699</v>
      </c>
      <c r="C2639" t="s">
        <v>1696</v>
      </c>
      <c r="D2639" t="s">
        <v>1697</v>
      </c>
      <c r="E2639" t="s">
        <v>1586</v>
      </c>
      <c r="F2639" t="s">
        <v>1587</v>
      </c>
      <c r="G2639" t="s">
        <v>80</v>
      </c>
      <c r="H2639" t="s">
        <v>81</v>
      </c>
      <c r="I2639" s="2">
        <v>0</v>
      </c>
      <c r="J2639" s="2">
        <v>1</v>
      </c>
      <c r="K2639" s="2">
        <v>0</v>
      </c>
      <c r="L2639" t="s">
        <v>82</v>
      </c>
      <c r="M2639" t="s">
        <v>87</v>
      </c>
      <c r="N2639" t="s">
        <v>88</v>
      </c>
      <c r="O2639" t="s">
        <v>85</v>
      </c>
      <c r="P2639" t="s">
        <v>86</v>
      </c>
      <c r="Q2639">
        <v>12</v>
      </c>
      <c r="R2639">
        <v>12</v>
      </c>
      <c r="S2639">
        <v>12</v>
      </c>
      <c r="T2639">
        <v>12</v>
      </c>
      <c r="U2639">
        <v>12</v>
      </c>
      <c r="V2639">
        <v>12</v>
      </c>
      <c r="W2639">
        <v>12</v>
      </c>
      <c r="X2639">
        <v>12</v>
      </c>
      <c r="Y2639">
        <v>12</v>
      </c>
      <c r="Z2639">
        <v>11</v>
      </c>
      <c r="AA2639">
        <v>11</v>
      </c>
      <c r="AB2639">
        <v>11</v>
      </c>
      <c r="AC2639">
        <v>11</v>
      </c>
      <c r="AD2639">
        <v>11</v>
      </c>
      <c r="AE2639">
        <v>11</v>
      </c>
      <c r="AF2639">
        <v>11</v>
      </c>
      <c r="AG2639">
        <v>11</v>
      </c>
      <c r="AH2639">
        <v>11</v>
      </c>
      <c r="AI2639">
        <v>11</v>
      </c>
      <c r="AJ2639">
        <v>11</v>
      </c>
      <c r="AK2639">
        <v>11</v>
      </c>
      <c r="AL2639">
        <v>11</v>
      </c>
      <c r="AM2639">
        <v>11</v>
      </c>
      <c r="AN2639">
        <v>11</v>
      </c>
      <c r="AO2639">
        <v>11</v>
      </c>
      <c r="AP2639">
        <v>11</v>
      </c>
      <c r="AQ2639">
        <v>11</v>
      </c>
    </row>
    <row r="2640" spans="1:43">
      <c r="A2640" t="s">
        <v>1698</v>
      </c>
      <c r="B2640" t="s">
        <v>1699</v>
      </c>
      <c r="C2640" t="s">
        <v>1696</v>
      </c>
      <c r="D2640" t="s">
        <v>1697</v>
      </c>
      <c r="E2640" t="s">
        <v>1586</v>
      </c>
      <c r="F2640" t="s">
        <v>1587</v>
      </c>
      <c r="G2640" t="s">
        <v>80</v>
      </c>
      <c r="H2640" t="s">
        <v>81</v>
      </c>
      <c r="I2640" s="2">
        <v>0</v>
      </c>
      <c r="J2640" s="2">
        <v>1</v>
      </c>
      <c r="K2640" s="2">
        <v>0</v>
      </c>
      <c r="L2640" t="s">
        <v>82</v>
      </c>
      <c r="M2640" t="s">
        <v>89</v>
      </c>
      <c r="N2640" t="s">
        <v>90</v>
      </c>
      <c r="O2640" t="s">
        <v>85</v>
      </c>
      <c r="P2640" t="s">
        <v>86</v>
      </c>
      <c r="Q2640">
        <v>12</v>
      </c>
      <c r="R2640">
        <v>12</v>
      </c>
      <c r="S2640">
        <v>13</v>
      </c>
      <c r="T2640">
        <v>13</v>
      </c>
      <c r="U2640">
        <v>13</v>
      </c>
      <c r="V2640">
        <v>13</v>
      </c>
      <c r="W2640">
        <v>13</v>
      </c>
      <c r="X2640">
        <v>13</v>
      </c>
      <c r="Y2640">
        <v>13</v>
      </c>
      <c r="Z2640">
        <v>13</v>
      </c>
      <c r="AA2640">
        <v>13</v>
      </c>
      <c r="AB2640">
        <v>13</v>
      </c>
      <c r="AC2640">
        <v>13</v>
      </c>
      <c r="AD2640">
        <v>13</v>
      </c>
      <c r="AE2640">
        <v>13</v>
      </c>
      <c r="AF2640">
        <v>13</v>
      </c>
      <c r="AG2640">
        <v>13</v>
      </c>
      <c r="AH2640">
        <v>13</v>
      </c>
      <c r="AI2640">
        <v>13</v>
      </c>
      <c r="AJ2640">
        <v>13</v>
      </c>
      <c r="AK2640">
        <v>13</v>
      </c>
      <c r="AL2640">
        <v>13</v>
      </c>
      <c r="AM2640">
        <v>13</v>
      </c>
      <c r="AN2640">
        <v>12</v>
      </c>
      <c r="AO2640">
        <v>12</v>
      </c>
      <c r="AP2640">
        <v>12</v>
      </c>
      <c r="AQ2640">
        <v>12</v>
      </c>
    </row>
    <row r="2641" spans="1:43">
      <c r="A2641" t="s">
        <v>1698</v>
      </c>
      <c r="B2641" t="s">
        <v>1699</v>
      </c>
      <c r="C2641" t="s">
        <v>1696</v>
      </c>
      <c r="D2641" t="s">
        <v>1697</v>
      </c>
      <c r="E2641" t="s">
        <v>1586</v>
      </c>
      <c r="F2641" t="s">
        <v>1587</v>
      </c>
      <c r="G2641" t="s">
        <v>80</v>
      </c>
      <c r="H2641" t="s">
        <v>81</v>
      </c>
      <c r="I2641" s="2">
        <v>0</v>
      </c>
      <c r="J2641" s="2">
        <v>1</v>
      </c>
      <c r="K2641" s="2">
        <v>0</v>
      </c>
      <c r="L2641" t="s">
        <v>82</v>
      </c>
      <c r="M2641" t="s">
        <v>83</v>
      </c>
      <c r="N2641" t="s">
        <v>91</v>
      </c>
      <c r="O2641" t="s">
        <v>85</v>
      </c>
      <c r="P2641" t="s">
        <v>86</v>
      </c>
      <c r="Q2641">
        <v>12</v>
      </c>
      <c r="R2641">
        <v>12</v>
      </c>
      <c r="S2641">
        <v>12</v>
      </c>
      <c r="T2641">
        <v>12</v>
      </c>
      <c r="U2641">
        <v>12</v>
      </c>
      <c r="V2641">
        <v>12</v>
      </c>
      <c r="W2641">
        <v>12</v>
      </c>
      <c r="X2641">
        <v>12</v>
      </c>
      <c r="Y2641">
        <v>12</v>
      </c>
      <c r="Z2641">
        <v>12</v>
      </c>
      <c r="AA2641">
        <v>13</v>
      </c>
      <c r="AB2641">
        <v>13</v>
      </c>
      <c r="AC2641">
        <v>13</v>
      </c>
      <c r="AD2641">
        <v>13</v>
      </c>
      <c r="AE2641">
        <v>13</v>
      </c>
      <c r="AF2641">
        <v>13</v>
      </c>
      <c r="AG2641">
        <v>13</v>
      </c>
      <c r="AH2641">
        <v>13</v>
      </c>
      <c r="AI2641">
        <v>13</v>
      </c>
      <c r="AJ2641">
        <v>13</v>
      </c>
      <c r="AK2641">
        <v>13</v>
      </c>
      <c r="AL2641">
        <v>13</v>
      </c>
      <c r="AM2641">
        <v>12</v>
      </c>
      <c r="AN2641">
        <v>12</v>
      </c>
      <c r="AO2641">
        <v>12</v>
      </c>
      <c r="AP2641">
        <v>12</v>
      </c>
      <c r="AQ2641">
        <v>12</v>
      </c>
    </row>
    <row r="2642" spans="1:43">
      <c r="A2642" t="s">
        <v>1700</v>
      </c>
      <c r="B2642" t="s">
        <v>1701</v>
      </c>
      <c r="C2642" t="s">
        <v>1696</v>
      </c>
      <c r="D2642" t="s">
        <v>1697</v>
      </c>
      <c r="E2642" t="s">
        <v>1586</v>
      </c>
      <c r="F2642" t="s">
        <v>1587</v>
      </c>
      <c r="G2642" t="s">
        <v>80</v>
      </c>
      <c r="H2642" t="s">
        <v>81</v>
      </c>
      <c r="I2642" s="2">
        <v>0</v>
      </c>
      <c r="J2642" s="2">
        <v>1</v>
      </c>
      <c r="K2642" s="2">
        <v>0</v>
      </c>
      <c r="L2642" t="s">
        <v>82</v>
      </c>
      <c r="M2642" t="s">
        <v>83</v>
      </c>
      <c r="N2642" t="s">
        <v>84</v>
      </c>
      <c r="O2642" t="s">
        <v>85</v>
      </c>
      <c r="P2642" t="s">
        <v>86</v>
      </c>
      <c r="Q2642">
        <v>50</v>
      </c>
      <c r="R2642">
        <v>50</v>
      </c>
      <c r="S2642">
        <v>51</v>
      </c>
      <c r="T2642">
        <v>51</v>
      </c>
      <c r="U2642">
        <v>51</v>
      </c>
      <c r="V2642">
        <v>51</v>
      </c>
      <c r="W2642">
        <v>51</v>
      </c>
      <c r="X2642">
        <v>51</v>
      </c>
      <c r="Y2642">
        <v>52</v>
      </c>
      <c r="Z2642">
        <v>52</v>
      </c>
      <c r="AA2642">
        <v>52</v>
      </c>
      <c r="AB2642">
        <v>52</v>
      </c>
      <c r="AC2642">
        <v>52</v>
      </c>
      <c r="AD2642">
        <v>52</v>
      </c>
      <c r="AE2642">
        <v>52</v>
      </c>
      <c r="AF2642">
        <v>52</v>
      </c>
      <c r="AG2642">
        <v>52</v>
      </c>
      <c r="AH2642">
        <v>52</v>
      </c>
      <c r="AI2642">
        <v>52</v>
      </c>
      <c r="AJ2642">
        <v>52</v>
      </c>
      <c r="AK2642">
        <v>53</v>
      </c>
      <c r="AL2642">
        <v>52</v>
      </c>
      <c r="AM2642">
        <v>52</v>
      </c>
      <c r="AN2642">
        <v>51</v>
      </c>
      <c r="AO2642">
        <v>51</v>
      </c>
      <c r="AP2642">
        <v>51</v>
      </c>
      <c r="AQ2642">
        <v>50</v>
      </c>
    </row>
    <row r="2643" spans="1:43">
      <c r="A2643" t="s">
        <v>1700</v>
      </c>
      <c r="B2643" t="s">
        <v>1701</v>
      </c>
      <c r="C2643" t="s">
        <v>1696</v>
      </c>
      <c r="D2643" t="s">
        <v>1697</v>
      </c>
      <c r="E2643" t="s">
        <v>1586</v>
      </c>
      <c r="F2643" t="s">
        <v>1587</v>
      </c>
      <c r="G2643" t="s">
        <v>80</v>
      </c>
      <c r="H2643" t="s">
        <v>81</v>
      </c>
      <c r="I2643" s="2">
        <v>0</v>
      </c>
      <c r="J2643" s="2">
        <v>1</v>
      </c>
      <c r="K2643" s="2">
        <v>0</v>
      </c>
      <c r="L2643" t="s">
        <v>82</v>
      </c>
      <c r="M2643" t="s">
        <v>87</v>
      </c>
      <c r="N2643" t="s">
        <v>88</v>
      </c>
      <c r="O2643" t="s">
        <v>85</v>
      </c>
      <c r="P2643" t="s">
        <v>86</v>
      </c>
      <c r="Q2643">
        <v>50</v>
      </c>
      <c r="R2643">
        <v>49</v>
      </c>
      <c r="S2643">
        <v>49</v>
      </c>
      <c r="T2643">
        <v>49</v>
      </c>
      <c r="U2643">
        <v>49</v>
      </c>
      <c r="V2643">
        <v>48</v>
      </c>
      <c r="W2643">
        <v>48</v>
      </c>
      <c r="X2643">
        <v>48</v>
      </c>
      <c r="Y2643">
        <v>48</v>
      </c>
      <c r="Z2643">
        <v>48</v>
      </c>
      <c r="AA2643">
        <v>47</v>
      </c>
      <c r="AB2643">
        <v>47</v>
      </c>
      <c r="AC2643">
        <v>47</v>
      </c>
      <c r="AD2643">
        <v>47</v>
      </c>
      <c r="AE2643">
        <v>46</v>
      </c>
      <c r="AF2643">
        <v>46</v>
      </c>
      <c r="AG2643">
        <v>46</v>
      </c>
      <c r="AH2643">
        <v>46</v>
      </c>
      <c r="AI2643">
        <v>45</v>
      </c>
      <c r="AJ2643">
        <v>45</v>
      </c>
      <c r="AK2643">
        <v>45</v>
      </c>
      <c r="AL2643">
        <v>45</v>
      </c>
      <c r="AM2643">
        <v>45</v>
      </c>
      <c r="AN2643">
        <v>44</v>
      </c>
      <c r="AO2643">
        <v>44</v>
      </c>
      <c r="AP2643">
        <v>44</v>
      </c>
      <c r="AQ2643">
        <v>44</v>
      </c>
    </row>
    <row r="2644" spans="1:43">
      <c r="A2644" t="s">
        <v>1700</v>
      </c>
      <c r="B2644" t="s">
        <v>1701</v>
      </c>
      <c r="C2644" t="s">
        <v>1696</v>
      </c>
      <c r="D2644" t="s">
        <v>1697</v>
      </c>
      <c r="E2644" t="s">
        <v>1586</v>
      </c>
      <c r="F2644" t="s">
        <v>1587</v>
      </c>
      <c r="G2644" t="s">
        <v>80</v>
      </c>
      <c r="H2644" t="s">
        <v>81</v>
      </c>
      <c r="I2644" s="2">
        <v>0</v>
      </c>
      <c r="J2644" s="2">
        <v>1</v>
      </c>
      <c r="K2644" s="2">
        <v>0</v>
      </c>
      <c r="L2644" t="s">
        <v>82</v>
      </c>
      <c r="M2644" t="s">
        <v>89</v>
      </c>
      <c r="N2644" t="s">
        <v>90</v>
      </c>
      <c r="O2644" t="s">
        <v>85</v>
      </c>
      <c r="P2644" t="s">
        <v>86</v>
      </c>
      <c r="Q2644">
        <v>50</v>
      </c>
      <c r="R2644">
        <v>50</v>
      </c>
      <c r="S2644">
        <v>51</v>
      </c>
      <c r="T2644">
        <v>51</v>
      </c>
      <c r="U2644">
        <v>52</v>
      </c>
      <c r="V2644">
        <v>53</v>
      </c>
      <c r="W2644">
        <v>53</v>
      </c>
      <c r="X2644">
        <v>53</v>
      </c>
      <c r="Y2644">
        <v>54</v>
      </c>
      <c r="Z2644">
        <v>54</v>
      </c>
      <c r="AA2644">
        <v>54</v>
      </c>
      <c r="AB2644">
        <v>54</v>
      </c>
      <c r="AC2644">
        <v>55</v>
      </c>
      <c r="AD2644">
        <v>55</v>
      </c>
      <c r="AE2644">
        <v>55</v>
      </c>
      <c r="AF2644">
        <v>54</v>
      </c>
      <c r="AG2644">
        <v>54</v>
      </c>
      <c r="AH2644">
        <v>53</v>
      </c>
      <c r="AI2644">
        <v>53</v>
      </c>
      <c r="AJ2644">
        <v>53</v>
      </c>
      <c r="AK2644">
        <v>52</v>
      </c>
      <c r="AL2644">
        <v>52</v>
      </c>
      <c r="AM2644">
        <v>51</v>
      </c>
      <c r="AN2644">
        <v>51</v>
      </c>
      <c r="AO2644">
        <v>50</v>
      </c>
      <c r="AP2644">
        <v>50</v>
      </c>
      <c r="AQ2644">
        <v>49</v>
      </c>
    </row>
    <row r="2645" spans="1:43">
      <c r="A2645" t="s">
        <v>1700</v>
      </c>
      <c r="B2645" t="s">
        <v>1701</v>
      </c>
      <c r="C2645" t="s">
        <v>1696</v>
      </c>
      <c r="D2645" t="s">
        <v>1697</v>
      </c>
      <c r="E2645" t="s">
        <v>1586</v>
      </c>
      <c r="F2645" t="s">
        <v>1587</v>
      </c>
      <c r="G2645" t="s">
        <v>80</v>
      </c>
      <c r="H2645" t="s">
        <v>81</v>
      </c>
      <c r="I2645" s="2">
        <v>0</v>
      </c>
      <c r="J2645" s="2">
        <v>1</v>
      </c>
      <c r="K2645" s="2">
        <v>0</v>
      </c>
      <c r="L2645" t="s">
        <v>82</v>
      </c>
      <c r="M2645" t="s">
        <v>83</v>
      </c>
      <c r="N2645" t="s">
        <v>91</v>
      </c>
      <c r="O2645" t="s">
        <v>85</v>
      </c>
      <c r="P2645" t="s">
        <v>86</v>
      </c>
      <c r="Q2645">
        <v>50</v>
      </c>
      <c r="R2645">
        <v>50</v>
      </c>
      <c r="S2645">
        <v>51</v>
      </c>
      <c r="T2645">
        <v>51</v>
      </c>
      <c r="U2645">
        <v>51</v>
      </c>
      <c r="V2645">
        <v>51</v>
      </c>
      <c r="W2645">
        <v>51</v>
      </c>
      <c r="X2645">
        <v>51</v>
      </c>
      <c r="Y2645">
        <v>52</v>
      </c>
      <c r="Z2645">
        <v>52</v>
      </c>
      <c r="AA2645">
        <v>52</v>
      </c>
      <c r="AB2645">
        <v>52</v>
      </c>
      <c r="AC2645">
        <v>52</v>
      </c>
      <c r="AD2645">
        <v>52</v>
      </c>
      <c r="AE2645">
        <v>52</v>
      </c>
      <c r="AF2645">
        <v>52</v>
      </c>
      <c r="AG2645">
        <v>52</v>
      </c>
      <c r="AH2645">
        <v>52</v>
      </c>
      <c r="AI2645">
        <v>52</v>
      </c>
      <c r="AJ2645">
        <v>52</v>
      </c>
      <c r="AK2645">
        <v>53</v>
      </c>
      <c r="AL2645">
        <v>52</v>
      </c>
      <c r="AM2645">
        <v>52</v>
      </c>
      <c r="AN2645">
        <v>51</v>
      </c>
      <c r="AO2645">
        <v>51</v>
      </c>
      <c r="AP2645">
        <v>51</v>
      </c>
      <c r="AQ2645">
        <v>50</v>
      </c>
    </row>
    <row r="2646" spans="1:43">
      <c r="A2646" t="s">
        <v>1702</v>
      </c>
      <c r="B2646" t="s">
        <v>1703</v>
      </c>
      <c r="C2646" t="s">
        <v>1696</v>
      </c>
      <c r="D2646" t="s">
        <v>1697</v>
      </c>
      <c r="E2646" t="s">
        <v>1586</v>
      </c>
      <c r="F2646" t="s">
        <v>1587</v>
      </c>
      <c r="G2646" t="s">
        <v>80</v>
      </c>
      <c r="H2646" t="s">
        <v>81</v>
      </c>
      <c r="I2646" s="2">
        <v>0</v>
      </c>
      <c r="J2646" s="2">
        <v>1</v>
      </c>
      <c r="K2646" s="2">
        <v>0</v>
      </c>
      <c r="L2646" t="s">
        <v>82</v>
      </c>
      <c r="M2646" t="s">
        <v>83</v>
      </c>
      <c r="N2646" t="s">
        <v>84</v>
      </c>
      <c r="O2646" t="s">
        <v>85</v>
      </c>
      <c r="P2646" t="s">
        <v>86</v>
      </c>
      <c r="Q2646">
        <v>36</v>
      </c>
      <c r="R2646">
        <v>37</v>
      </c>
      <c r="S2646">
        <v>37</v>
      </c>
      <c r="T2646">
        <v>37</v>
      </c>
      <c r="U2646">
        <v>37</v>
      </c>
      <c r="V2646">
        <v>37</v>
      </c>
      <c r="W2646">
        <v>37</v>
      </c>
      <c r="X2646">
        <v>37</v>
      </c>
      <c r="Y2646">
        <v>37</v>
      </c>
      <c r="Z2646">
        <v>37</v>
      </c>
      <c r="AA2646">
        <v>38</v>
      </c>
      <c r="AB2646">
        <v>38</v>
      </c>
      <c r="AC2646">
        <v>38</v>
      </c>
      <c r="AD2646">
        <v>38</v>
      </c>
      <c r="AE2646">
        <v>38</v>
      </c>
      <c r="AF2646">
        <v>38</v>
      </c>
      <c r="AG2646">
        <v>38</v>
      </c>
      <c r="AH2646">
        <v>38</v>
      </c>
      <c r="AI2646">
        <v>38</v>
      </c>
      <c r="AJ2646">
        <v>38</v>
      </c>
      <c r="AK2646">
        <v>38</v>
      </c>
      <c r="AL2646">
        <v>38</v>
      </c>
      <c r="AM2646">
        <v>37</v>
      </c>
      <c r="AN2646">
        <v>37</v>
      </c>
      <c r="AO2646">
        <v>37</v>
      </c>
      <c r="AP2646">
        <v>36</v>
      </c>
      <c r="AQ2646">
        <v>36</v>
      </c>
    </row>
    <row r="2647" spans="1:43">
      <c r="A2647" t="s">
        <v>1702</v>
      </c>
      <c r="B2647" t="s">
        <v>1703</v>
      </c>
      <c r="C2647" t="s">
        <v>1696</v>
      </c>
      <c r="D2647" t="s">
        <v>1697</v>
      </c>
      <c r="E2647" t="s">
        <v>1586</v>
      </c>
      <c r="F2647" t="s">
        <v>1587</v>
      </c>
      <c r="G2647" t="s">
        <v>80</v>
      </c>
      <c r="H2647" t="s">
        <v>81</v>
      </c>
      <c r="I2647" s="2">
        <v>0</v>
      </c>
      <c r="J2647" s="2">
        <v>1</v>
      </c>
      <c r="K2647" s="2">
        <v>0</v>
      </c>
      <c r="L2647" t="s">
        <v>82</v>
      </c>
      <c r="M2647" t="s">
        <v>87</v>
      </c>
      <c r="N2647" t="s">
        <v>88</v>
      </c>
      <c r="O2647" t="s">
        <v>85</v>
      </c>
      <c r="P2647" t="s">
        <v>86</v>
      </c>
      <c r="Q2647">
        <v>36</v>
      </c>
      <c r="R2647">
        <v>36</v>
      </c>
      <c r="S2647">
        <v>36</v>
      </c>
      <c r="T2647">
        <v>36</v>
      </c>
      <c r="U2647">
        <v>35</v>
      </c>
      <c r="V2647">
        <v>35</v>
      </c>
      <c r="W2647">
        <v>35</v>
      </c>
      <c r="X2647">
        <v>35</v>
      </c>
      <c r="Y2647">
        <v>35</v>
      </c>
      <c r="Z2647">
        <v>34</v>
      </c>
      <c r="AA2647">
        <v>34</v>
      </c>
      <c r="AB2647">
        <v>34</v>
      </c>
      <c r="AC2647">
        <v>34</v>
      </c>
      <c r="AD2647">
        <v>34</v>
      </c>
      <c r="AE2647">
        <v>33</v>
      </c>
      <c r="AF2647">
        <v>33</v>
      </c>
      <c r="AG2647">
        <v>33</v>
      </c>
      <c r="AH2647">
        <v>33</v>
      </c>
      <c r="AI2647">
        <v>33</v>
      </c>
      <c r="AJ2647">
        <v>33</v>
      </c>
      <c r="AK2647">
        <v>32</v>
      </c>
      <c r="AL2647">
        <v>32</v>
      </c>
      <c r="AM2647">
        <v>32</v>
      </c>
      <c r="AN2647">
        <v>32</v>
      </c>
      <c r="AO2647">
        <v>32</v>
      </c>
      <c r="AP2647">
        <v>32</v>
      </c>
      <c r="AQ2647">
        <v>31</v>
      </c>
    </row>
    <row r="2648" spans="1:43">
      <c r="A2648" t="s">
        <v>1702</v>
      </c>
      <c r="B2648" t="s">
        <v>1703</v>
      </c>
      <c r="C2648" t="s">
        <v>1696</v>
      </c>
      <c r="D2648" t="s">
        <v>1697</v>
      </c>
      <c r="E2648" t="s">
        <v>1586</v>
      </c>
      <c r="F2648" t="s">
        <v>1587</v>
      </c>
      <c r="G2648" t="s">
        <v>80</v>
      </c>
      <c r="H2648" t="s">
        <v>81</v>
      </c>
      <c r="I2648" s="2">
        <v>0</v>
      </c>
      <c r="J2648" s="2">
        <v>1</v>
      </c>
      <c r="K2648" s="2">
        <v>0</v>
      </c>
      <c r="L2648" t="s">
        <v>82</v>
      </c>
      <c r="M2648" t="s">
        <v>89</v>
      </c>
      <c r="N2648" t="s">
        <v>90</v>
      </c>
      <c r="O2648" t="s">
        <v>85</v>
      </c>
      <c r="P2648" t="s">
        <v>86</v>
      </c>
      <c r="Q2648">
        <v>36</v>
      </c>
      <c r="R2648">
        <v>36</v>
      </c>
      <c r="S2648">
        <v>37</v>
      </c>
      <c r="T2648">
        <v>37</v>
      </c>
      <c r="U2648">
        <v>37</v>
      </c>
      <c r="V2648">
        <v>38</v>
      </c>
      <c r="W2648">
        <v>38</v>
      </c>
      <c r="X2648">
        <v>38</v>
      </c>
      <c r="Y2648">
        <v>39</v>
      </c>
      <c r="Z2648">
        <v>39</v>
      </c>
      <c r="AA2648">
        <v>39</v>
      </c>
      <c r="AB2648">
        <v>39</v>
      </c>
      <c r="AC2648">
        <v>39</v>
      </c>
      <c r="AD2648">
        <v>40</v>
      </c>
      <c r="AE2648">
        <v>39</v>
      </c>
      <c r="AF2648">
        <v>39</v>
      </c>
      <c r="AG2648">
        <v>39</v>
      </c>
      <c r="AH2648">
        <v>38</v>
      </c>
      <c r="AI2648">
        <v>38</v>
      </c>
      <c r="AJ2648">
        <v>38</v>
      </c>
      <c r="AK2648">
        <v>37</v>
      </c>
      <c r="AL2648">
        <v>37</v>
      </c>
      <c r="AM2648">
        <v>37</v>
      </c>
      <c r="AN2648">
        <v>36</v>
      </c>
      <c r="AO2648">
        <v>36</v>
      </c>
      <c r="AP2648">
        <v>36</v>
      </c>
      <c r="AQ2648">
        <v>35</v>
      </c>
    </row>
    <row r="2649" spans="1:43">
      <c r="A2649" t="s">
        <v>1702</v>
      </c>
      <c r="B2649" t="s">
        <v>1703</v>
      </c>
      <c r="C2649" t="s">
        <v>1696</v>
      </c>
      <c r="D2649" t="s">
        <v>1697</v>
      </c>
      <c r="E2649" t="s">
        <v>1586</v>
      </c>
      <c r="F2649" t="s">
        <v>1587</v>
      </c>
      <c r="G2649" t="s">
        <v>80</v>
      </c>
      <c r="H2649" t="s">
        <v>81</v>
      </c>
      <c r="I2649" s="2">
        <v>0</v>
      </c>
      <c r="J2649" s="2">
        <v>1</v>
      </c>
      <c r="K2649" s="2">
        <v>0</v>
      </c>
      <c r="L2649" t="s">
        <v>82</v>
      </c>
      <c r="M2649" t="s">
        <v>83</v>
      </c>
      <c r="N2649" t="s">
        <v>91</v>
      </c>
      <c r="O2649" t="s">
        <v>85</v>
      </c>
      <c r="P2649" t="s">
        <v>86</v>
      </c>
      <c r="Q2649">
        <v>36</v>
      </c>
      <c r="R2649">
        <v>37</v>
      </c>
      <c r="S2649">
        <v>37</v>
      </c>
      <c r="T2649">
        <v>37</v>
      </c>
      <c r="U2649">
        <v>37</v>
      </c>
      <c r="V2649">
        <v>37</v>
      </c>
      <c r="W2649">
        <v>37</v>
      </c>
      <c r="X2649">
        <v>37</v>
      </c>
      <c r="Y2649">
        <v>37</v>
      </c>
      <c r="Z2649">
        <v>37</v>
      </c>
      <c r="AA2649">
        <v>38</v>
      </c>
      <c r="AB2649">
        <v>38</v>
      </c>
      <c r="AC2649">
        <v>38</v>
      </c>
      <c r="AD2649">
        <v>38</v>
      </c>
      <c r="AE2649">
        <v>38</v>
      </c>
      <c r="AF2649">
        <v>38</v>
      </c>
      <c r="AG2649">
        <v>38</v>
      </c>
      <c r="AH2649">
        <v>38</v>
      </c>
      <c r="AI2649">
        <v>38</v>
      </c>
      <c r="AJ2649">
        <v>38</v>
      </c>
      <c r="AK2649">
        <v>38</v>
      </c>
      <c r="AL2649">
        <v>38</v>
      </c>
      <c r="AM2649">
        <v>37</v>
      </c>
      <c r="AN2649">
        <v>37</v>
      </c>
      <c r="AO2649">
        <v>37</v>
      </c>
      <c r="AP2649">
        <v>36</v>
      </c>
      <c r="AQ2649">
        <v>36</v>
      </c>
    </row>
    <row r="2650" spans="1:43">
      <c r="A2650" t="s">
        <v>1704</v>
      </c>
      <c r="B2650" t="s">
        <v>1705</v>
      </c>
      <c r="C2650" t="s">
        <v>1706</v>
      </c>
      <c r="D2650" t="s">
        <v>1707</v>
      </c>
      <c r="E2650" t="s">
        <v>1586</v>
      </c>
      <c r="F2650" t="s">
        <v>1587</v>
      </c>
      <c r="G2650" t="s">
        <v>80</v>
      </c>
      <c r="H2650" t="s">
        <v>81</v>
      </c>
      <c r="I2650" s="2">
        <v>0</v>
      </c>
      <c r="J2650" s="2">
        <v>1</v>
      </c>
      <c r="K2650" s="2">
        <v>0</v>
      </c>
      <c r="L2650" t="s">
        <v>82</v>
      </c>
      <c r="M2650" t="s">
        <v>83</v>
      </c>
      <c r="N2650" t="s">
        <v>84</v>
      </c>
      <c r="O2650" t="s">
        <v>85</v>
      </c>
      <c r="P2650" t="s">
        <v>86</v>
      </c>
      <c r="Q2650">
        <v>46</v>
      </c>
      <c r="R2650">
        <v>46</v>
      </c>
      <c r="S2650">
        <v>46</v>
      </c>
      <c r="T2650">
        <v>47</v>
      </c>
      <c r="U2650">
        <v>47</v>
      </c>
      <c r="V2650">
        <v>47</v>
      </c>
      <c r="W2650">
        <v>47</v>
      </c>
      <c r="X2650">
        <v>47</v>
      </c>
      <c r="Y2650">
        <v>47</v>
      </c>
      <c r="Z2650">
        <v>48</v>
      </c>
      <c r="AA2650">
        <v>48</v>
      </c>
      <c r="AB2650">
        <v>48</v>
      </c>
      <c r="AC2650">
        <v>48</v>
      </c>
      <c r="AD2650">
        <v>48</v>
      </c>
      <c r="AE2650">
        <v>48</v>
      </c>
      <c r="AF2650">
        <v>48</v>
      </c>
      <c r="AG2650">
        <v>48</v>
      </c>
      <c r="AH2650">
        <v>48</v>
      </c>
      <c r="AI2650">
        <v>48</v>
      </c>
      <c r="AJ2650">
        <v>48</v>
      </c>
      <c r="AK2650">
        <v>48</v>
      </c>
      <c r="AL2650">
        <v>48</v>
      </c>
      <c r="AM2650">
        <v>48</v>
      </c>
      <c r="AN2650">
        <v>47</v>
      </c>
      <c r="AO2650">
        <v>47</v>
      </c>
      <c r="AP2650">
        <v>46</v>
      </c>
      <c r="AQ2650">
        <v>46</v>
      </c>
    </row>
    <row r="2651" spans="1:43">
      <c r="A2651" t="s">
        <v>1704</v>
      </c>
      <c r="B2651" t="s">
        <v>1705</v>
      </c>
      <c r="C2651" t="s">
        <v>1706</v>
      </c>
      <c r="D2651" t="s">
        <v>1707</v>
      </c>
      <c r="E2651" t="s">
        <v>1586</v>
      </c>
      <c r="F2651" t="s">
        <v>1587</v>
      </c>
      <c r="G2651" t="s">
        <v>80</v>
      </c>
      <c r="H2651" t="s">
        <v>81</v>
      </c>
      <c r="I2651" s="2">
        <v>0</v>
      </c>
      <c r="J2651" s="2">
        <v>1</v>
      </c>
      <c r="K2651" s="2">
        <v>0</v>
      </c>
      <c r="L2651" t="s">
        <v>82</v>
      </c>
      <c r="M2651" t="s">
        <v>87</v>
      </c>
      <c r="N2651" t="s">
        <v>88</v>
      </c>
      <c r="O2651" t="s">
        <v>85</v>
      </c>
      <c r="P2651" t="s">
        <v>86</v>
      </c>
      <c r="Q2651">
        <v>46</v>
      </c>
      <c r="R2651">
        <v>45</v>
      </c>
      <c r="S2651">
        <v>45</v>
      </c>
      <c r="T2651">
        <v>45</v>
      </c>
      <c r="U2651">
        <v>45</v>
      </c>
      <c r="V2651">
        <v>45</v>
      </c>
      <c r="W2651">
        <v>44</v>
      </c>
      <c r="X2651">
        <v>44</v>
      </c>
      <c r="Y2651">
        <v>44</v>
      </c>
      <c r="Z2651">
        <v>44</v>
      </c>
      <c r="AA2651">
        <v>43</v>
      </c>
      <c r="AB2651">
        <v>43</v>
      </c>
      <c r="AC2651">
        <v>43</v>
      </c>
      <c r="AD2651">
        <v>43</v>
      </c>
      <c r="AE2651">
        <v>43</v>
      </c>
      <c r="AF2651">
        <v>42</v>
      </c>
      <c r="AG2651">
        <v>42</v>
      </c>
      <c r="AH2651">
        <v>42</v>
      </c>
      <c r="AI2651">
        <v>42</v>
      </c>
      <c r="AJ2651">
        <v>42</v>
      </c>
      <c r="AK2651">
        <v>41</v>
      </c>
      <c r="AL2651">
        <v>41</v>
      </c>
      <c r="AM2651">
        <v>41</v>
      </c>
      <c r="AN2651">
        <v>41</v>
      </c>
      <c r="AO2651">
        <v>41</v>
      </c>
      <c r="AP2651">
        <v>40</v>
      </c>
      <c r="AQ2651">
        <v>40</v>
      </c>
    </row>
    <row r="2652" spans="1:43">
      <c r="A2652" t="s">
        <v>1704</v>
      </c>
      <c r="B2652" t="s">
        <v>1705</v>
      </c>
      <c r="C2652" t="s">
        <v>1706</v>
      </c>
      <c r="D2652" t="s">
        <v>1707</v>
      </c>
      <c r="E2652" t="s">
        <v>1586</v>
      </c>
      <c r="F2652" t="s">
        <v>1587</v>
      </c>
      <c r="G2652" t="s">
        <v>80</v>
      </c>
      <c r="H2652" t="s">
        <v>81</v>
      </c>
      <c r="I2652" s="2">
        <v>0</v>
      </c>
      <c r="J2652" s="2">
        <v>1</v>
      </c>
      <c r="K2652" s="2">
        <v>0</v>
      </c>
      <c r="L2652" t="s">
        <v>82</v>
      </c>
      <c r="M2652" t="s">
        <v>89</v>
      </c>
      <c r="N2652" t="s">
        <v>90</v>
      </c>
      <c r="O2652" t="s">
        <v>85</v>
      </c>
      <c r="P2652" t="s">
        <v>86</v>
      </c>
      <c r="Q2652">
        <v>46</v>
      </c>
      <c r="R2652">
        <v>46</v>
      </c>
      <c r="S2652">
        <v>47</v>
      </c>
      <c r="T2652">
        <v>47</v>
      </c>
      <c r="U2652">
        <v>48</v>
      </c>
      <c r="V2652">
        <v>48</v>
      </c>
      <c r="W2652">
        <v>49</v>
      </c>
      <c r="X2652">
        <v>49</v>
      </c>
      <c r="Y2652">
        <v>49</v>
      </c>
      <c r="Z2652">
        <v>49</v>
      </c>
      <c r="AA2652">
        <v>50</v>
      </c>
      <c r="AB2652">
        <v>50</v>
      </c>
      <c r="AC2652">
        <v>50</v>
      </c>
      <c r="AD2652">
        <v>50</v>
      </c>
      <c r="AE2652">
        <v>50</v>
      </c>
      <c r="AF2652">
        <v>50</v>
      </c>
      <c r="AG2652">
        <v>49</v>
      </c>
      <c r="AH2652">
        <v>49</v>
      </c>
      <c r="AI2652">
        <v>49</v>
      </c>
      <c r="AJ2652">
        <v>48</v>
      </c>
      <c r="AK2652">
        <v>48</v>
      </c>
      <c r="AL2652">
        <v>47</v>
      </c>
      <c r="AM2652">
        <v>47</v>
      </c>
      <c r="AN2652">
        <v>47</v>
      </c>
      <c r="AO2652">
        <v>46</v>
      </c>
      <c r="AP2652">
        <v>46</v>
      </c>
      <c r="AQ2652">
        <v>45</v>
      </c>
    </row>
    <row r="2653" spans="1:43">
      <c r="A2653" t="s">
        <v>1704</v>
      </c>
      <c r="B2653" t="s">
        <v>1705</v>
      </c>
      <c r="C2653" t="s">
        <v>1706</v>
      </c>
      <c r="D2653" t="s">
        <v>1707</v>
      </c>
      <c r="E2653" t="s">
        <v>1586</v>
      </c>
      <c r="F2653" t="s">
        <v>1587</v>
      </c>
      <c r="G2653" t="s">
        <v>80</v>
      </c>
      <c r="H2653" t="s">
        <v>81</v>
      </c>
      <c r="I2653" s="2">
        <v>0</v>
      </c>
      <c r="J2653" s="2">
        <v>1</v>
      </c>
      <c r="K2653" s="2">
        <v>0</v>
      </c>
      <c r="L2653" t="s">
        <v>82</v>
      </c>
      <c r="M2653" t="s">
        <v>83</v>
      </c>
      <c r="N2653" t="s">
        <v>91</v>
      </c>
      <c r="O2653" t="s">
        <v>85</v>
      </c>
      <c r="P2653" t="s">
        <v>86</v>
      </c>
      <c r="Q2653">
        <v>46</v>
      </c>
      <c r="R2653">
        <v>46</v>
      </c>
      <c r="S2653">
        <v>46</v>
      </c>
      <c r="T2653">
        <v>47</v>
      </c>
      <c r="U2653">
        <v>47</v>
      </c>
      <c r="V2653">
        <v>47</v>
      </c>
      <c r="W2653">
        <v>47</v>
      </c>
      <c r="X2653">
        <v>47</v>
      </c>
      <c r="Y2653">
        <v>47</v>
      </c>
      <c r="Z2653">
        <v>48</v>
      </c>
      <c r="AA2653">
        <v>48</v>
      </c>
      <c r="AB2653">
        <v>48</v>
      </c>
      <c r="AC2653">
        <v>48</v>
      </c>
      <c r="AD2653">
        <v>48</v>
      </c>
      <c r="AE2653">
        <v>48</v>
      </c>
      <c r="AF2653">
        <v>48</v>
      </c>
      <c r="AG2653">
        <v>48</v>
      </c>
      <c r="AH2653">
        <v>48</v>
      </c>
      <c r="AI2653">
        <v>48</v>
      </c>
      <c r="AJ2653">
        <v>48</v>
      </c>
      <c r="AK2653">
        <v>48</v>
      </c>
      <c r="AL2653">
        <v>48</v>
      </c>
      <c r="AM2653">
        <v>48</v>
      </c>
      <c r="AN2653">
        <v>47</v>
      </c>
      <c r="AO2653">
        <v>47</v>
      </c>
      <c r="AP2653">
        <v>46</v>
      </c>
      <c r="AQ2653">
        <v>46</v>
      </c>
    </row>
    <row r="2654" spans="1:43">
      <c r="A2654" t="s">
        <v>1708</v>
      </c>
      <c r="B2654" t="s">
        <v>1709</v>
      </c>
      <c r="C2654" t="s">
        <v>1584</v>
      </c>
      <c r="D2654" t="s">
        <v>1585</v>
      </c>
      <c r="E2654" t="s">
        <v>1586</v>
      </c>
      <c r="F2654" t="s">
        <v>1587</v>
      </c>
      <c r="G2654" t="s">
        <v>80</v>
      </c>
      <c r="H2654" t="s">
        <v>81</v>
      </c>
      <c r="I2654" s="2">
        <v>0</v>
      </c>
      <c r="J2654" s="2">
        <v>1</v>
      </c>
      <c r="K2654" s="2">
        <v>0</v>
      </c>
      <c r="L2654" t="s">
        <v>82</v>
      </c>
      <c r="M2654" t="s">
        <v>83</v>
      </c>
      <c r="N2654" t="s">
        <v>84</v>
      </c>
      <c r="O2654" t="s">
        <v>85</v>
      </c>
      <c r="P2654" t="s">
        <v>86</v>
      </c>
      <c r="Q2654">
        <v>22</v>
      </c>
      <c r="R2654">
        <v>22</v>
      </c>
      <c r="S2654">
        <v>22</v>
      </c>
      <c r="T2654">
        <v>22</v>
      </c>
      <c r="U2654">
        <v>22</v>
      </c>
      <c r="V2654">
        <v>22</v>
      </c>
      <c r="W2654">
        <v>22</v>
      </c>
      <c r="X2654">
        <v>22</v>
      </c>
      <c r="Y2654">
        <v>22</v>
      </c>
      <c r="Z2654">
        <v>22</v>
      </c>
      <c r="AA2654">
        <v>22</v>
      </c>
      <c r="AB2654">
        <v>22</v>
      </c>
      <c r="AC2654">
        <v>22</v>
      </c>
      <c r="AD2654">
        <v>22</v>
      </c>
      <c r="AE2654">
        <v>22</v>
      </c>
      <c r="AF2654">
        <v>22</v>
      </c>
      <c r="AG2654">
        <v>22</v>
      </c>
      <c r="AH2654">
        <v>22</v>
      </c>
      <c r="AI2654">
        <v>22</v>
      </c>
      <c r="AJ2654">
        <v>22</v>
      </c>
      <c r="AK2654">
        <v>22</v>
      </c>
      <c r="AL2654">
        <v>22</v>
      </c>
      <c r="AM2654">
        <v>22</v>
      </c>
      <c r="AN2654">
        <v>22</v>
      </c>
      <c r="AO2654">
        <v>22</v>
      </c>
      <c r="AP2654">
        <v>22</v>
      </c>
      <c r="AQ2654">
        <v>21</v>
      </c>
    </row>
    <row r="2655" spans="1:43">
      <c r="A2655" t="s">
        <v>1708</v>
      </c>
      <c r="B2655" t="s">
        <v>1709</v>
      </c>
      <c r="C2655" t="s">
        <v>1584</v>
      </c>
      <c r="D2655" t="s">
        <v>1585</v>
      </c>
      <c r="E2655" t="s">
        <v>1586</v>
      </c>
      <c r="F2655" t="s">
        <v>1587</v>
      </c>
      <c r="G2655" t="s">
        <v>80</v>
      </c>
      <c r="H2655" t="s">
        <v>81</v>
      </c>
      <c r="I2655" s="2">
        <v>0</v>
      </c>
      <c r="J2655" s="2">
        <v>1</v>
      </c>
      <c r="K2655" s="2">
        <v>0</v>
      </c>
      <c r="L2655" t="s">
        <v>82</v>
      </c>
      <c r="M2655" t="s">
        <v>87</v>
      </c>
      <c r="N2655" t="s">
        <v>88</v>
      </c>
      <c r="O2655" t="s">
        <v>85</v>
      </c>
      <c r="P2655" t="s">
        <v>86</v>
      </c>
      <c r="Q2655">
        <v>22</v>
      </c>
      <c r="R2655">
        <v>22</v>
      </c>
      <c r="S2655">
        <v>22</v>
      </c>
      <c r="T2655">
        <v>22</v>
      </c>
      <c r="U2655">
        <v>22</v>
      </c>
      <c r="V2655">
        <v>22</v>
      </c>
      <c r="W2655">
        <v>22</v>
      </c>
      <c r="X2655">
        <v>22</v>
      </c>
      <c r="Y2655">
        <v>22</v>
      </c>
      <c r="Z2655">
        <v>21</v>
      </c>
      <c r="AA2655">
        <v>21</v>
      </c>
      <c r="AB2655">
        <v>21</v>
      </c>
      <c r="AC2655">
        <v>21</v>
      </c>
      <c r="AD2655">
        <v>21</v>
      </c>
      <c r="AE2655">
        <v>21</v>
      </c>
      <c r="AF2655">
        <v>21</v>
      </c>
      <c r="AG2655">
        <v>21</v>
      </c>
      <c r="AH2655">
        <v>21</v>
      </c>
      <c r="AI2655">
        <v>20</v>
      </c>
      <c r="AJ2655">
        <v>20</v>
      </c>
      <c r="AK2655">
        <v>20</v>
      </c>
      <c r="AL2655">
        <v>20</v>
      </c>
      <c r="AM2655">
        <v>20</v>
      </c>
      <c r="AN2655">
        <v>20</v>
      </c>
      <c r="AO2655">
        <v>20</v>
      </c>
      <c r="AP2655">
        <v>20</v>
      </c>
      <c r="AQ2655">
        <v>20</v>
      </c>
    </row>
    <row r="2656" spans="1:43">
      <c r="A2656" t="s">
        <v>1708</v>
      </c>
      <c r="B2656" t="s">
        <v>1709</v>
      </c>
      <c r="C2656" t="s">
        <v>1584</v>
      </c>
      <c r="D2656" t="s">
        <v>1585</v>
      </c>
      <c r="E2656" t="s">
        <v>1586</v>
      </c>
      <c r="F2656" t="s">
        <v>1587</v>
      </c>
      <c r="G2656" t="s">
        <v>80</v>
      </c>
      <c r="H2656" t="s">
        <v>81</v>
      </c>
      <c r="I2656" s="2">
        <v>0</v>
      </c>
      <c r="J2656" s="2">
        <v>1</v>
      </c>
      <c r="K2656" s="2">
        <v>0</v>
      </c>
      <c r="L2656" t="s">
        <v>82</v>
      </c>
      <c r="M2656" t="s">
        <v>89</v>
      </c>
      <c r="N2656" t="s">
        <v>90</v>
      </c>
      <c r="O2656" t="s">
        <v>85</v>
      </c>
      <c r="P2656" t="s">
        <v>86</v>
      </c>
      <c r="Q2656">
        <v>22</v>
      </c>
      <c r="R2656">
        <v>22</v>
      </c>
      <c r="S2656">
        <v>22</v>
      </c>
      <c r="T2656">
        <v>23</v>
      </c>
      <c r="U2656">
        <v>23</v>
      </c>
      <c r="V2656">
        <v>23</v>
      </c>
      <c r="W2656">
        <v>23</v>
      </c>
      <c r="X2656">
        <v>23</v>
      </c>
      <c r="Y2656">
        <v>24</v>
      </c>
      <c r="Z2656">
        <v>24</v>
      </c>
      <c r="AA2656">
        <v>24</v>
      </c>
      <c r="AB2656">
        <v>24</v>
      </c>
      <c r="AC2656">
        <v>24</v>
      </c>
      <c r="AD2656">
        <v>24</v>
      </c>
      <c r="AE2656">
        <v>24</v>
      </c>
      <c r="AF2656">
        <v>24</v>
      </c>
      <c r="AG2656">
        <v>24</v>
      </c>
      <c r="AH2656">
        <v>23</v>
      </c>
      <c r="AI2656">
        <v>23</v>
      </c>
      <c r="AJ2656">
        <v>23</v>
      </c>
      <c r="AK2656">
        <v>23</v>
      </c>
      <c r="AL2656">
        <v>23</v>
      </c>
      <c r="AM2656">
        <v>22</v>
      </c>
      <c r="AN2656">
        <v>22</v>
      </c>
      <c r="AO2656">
        <v>22</v>
      </c>
      <c r="AP2656">
        <v>22</v>
      </c>
      <c r="AQ2656">
        <v>22</v>
      </c>
    </row>
    <row r="2657" spans="1:43">
      <c r="A2657" t="s">
        <v>1708</v>
      </c>
      <c r="B2657" t="s">
        <v>1709</v>
      </c>
      <c r="C2657" t="s">
        <v>1584</v>
      </c>
      <c r="D2657" t="s">
        <v>1585</v>
      </c>
      <c r="E2657" t="s">
        <v>1586</v>
      </c>
      <c r="F2657" t="s">
        <v>1587</v>
      </c>
      <c r="G2657" t="s">
        <v>80</v>
      </c>
      <c r="H2657" t="s">
        <v>81</v>
      </c>
      <c r="I2657" s="2">
        <v>0</v>
      </c>
      <c r="J2657" s="2">
        <v>1</v>
      </c>
      <c r="K2657" s="2">
        <v>0</v>
      </c>
      <c r="L2657" t="s">
        <v>82</v>
      </c>
      <c r="M2657" t="s">
        <v>83</v>
      </c>
      <c r="N2657" t="s">
        <v>91</v>
      </c>
      <c r="O2657" t="s">
        <v>85</v>
      </c>
      <c r="P2657" t="s">
        <v>86</v>
      </c>
      <c r="Q2657">
        <v>22</v>
      </c>
      <c r="R2657">
        <v>22</v>
      </c>
      <c r="S2657">
        <v>22</v>
      </c>
      <c r="T2657">
        <v>22</v>
      </c>
      <c r="U2657">
        <v>22</v>
      </c>
      <c r="V2657">
        <v>22</v>
      </c>
      <c r="W2657">
        <v>22</v>
      </c>
      <c r="X2657">
        <v>22</v>
      </c>
      <c r="Y2657">
        <v>22</v>
      </c>
      <c r="Z2657">
        <v>22</v>
      </c>
      <c r="AA2657">
        <v>22</v>
      </c>
      <c r="AB2657">
        <v>22</v>
      </c>
      <c r="AC2657">
        <v>22</v>
      </c>
      <c r="AD2657">
        <v>22</v>
      </c>
      <c r="AE2657">
        <v>22</v>
      </c>
      <c r="AF2657">
        <v>22</v>
      </c>
      <c r="AG2657">
        <v>22</v>
      </c>
      <c r="AH2657">
        <v>22</v>
      </c>
      <c r="AI2657">
        <v>22</v>
      </c>
      <c r="AJ2657">
        <v>22</v>
      </c>
      <c r="AK2657">
        <v>22</v>
      </c>
      <c r="AL2657">
        <v>22</v>
      </c>
      <c r="AM2657">
        <v>22</v>
      </c>
      <c r="AN2657">
        <v>22</v>
      </c>
      <c r="AO2657">
        <v>22</v>
      </c>
      <c r="AP2657">
        <v>22</v>
      </c>
      <c r="AQ2657">
        <v>21</v>
      </c>
    </row>
    <row r="2658" spans="1:43">
      <c r="A2658" t="s">
        <v>1710</v>
      </c>
      <c r="B2658" t="s">
        <v>1711</v>
      </c>
      <c r="C2658" t="s">
        <v>1584</v>
      </c>
      <c r="D2658" t="s">
        <v>1585</v>
      </c>
      <c r="E2658" t="s">
        <v>1586</v>
      </c>
      <c r="F2658" t="s">
        <v>1587</v>
      </c>
      <c r="G2658" t="s">
        <v>80</v>
      </c>
      <c r="H2658" t="s">
        <v>81</v>
      </c>
      <c r="I2658" s="2">
        <v>0</v>
      </c>
      <c r="J2658" s="2">
        <v>1</v>
      </c>
      <c r="K2658" s="2">
        <v>0</v>
      </c>
      <c r="L2658" t="s">
        <v>82</v>
      </c>
      <c r="M2658" t="s">
        <v>83</v>
      </c>
      <c r="N2658" t="s">
        <v>84</v>
      </c>
      <c r="O2658" t="s">
        <v>85</v>
      </c>
      <c r="P2658" t="s">
        <v>86</v>
      </c>
      <c r="Q2658">
        <v>25</v>
      </c>
      <c r="R2658">
        <v>26</v>
      </c>
      <c r="S2658">
        <v>26</v>
      </c>
      <c r="T2658">
        <v>26</v>
      </c>
      <c r="U2658">
        <v>26</v>
      </c>
      <c r="V2658">
        <v>26</v>
      </c>
      <c r="W2658">
        <v>26</v>
      </c>
      <c r="X2658">
        <v>26</v>
      </c>
      <c r="Y2658">
        <v>26</v>
      </c>
      <c r="Z2658">
        <v>26</v>
      </c>
      <c r="AA2658">
        <v>26</v>
      </c>
      <c r="AB2658">
        <v>26</v>
      </c>
      <c r="AC2658">
        <v>26</v>
      </c>
      <c r="AD2658">
        <v>26</v>
      </c>
      <c r="AE2658">
        <v>26</v>
      </c>
      <c r="AF2658">
        <v>26</v>
      </c>
      <c r="AG2658">
        <v>26</v>
      </c>
      <c r="AH2658">
        <v>26</v>
      </c>
      <c r="AI2658">
        <v>26</v>
      </c>
      <c r="AJ2658">
        <v>26</v>
      </c>
      <c r="AK2658">
        <v>26</v>
      </c>
      <c r="AL2658">
        <v>26</v>
      </c>
      <c r="AM2658">
        <v>26</v>
      </c>
      <c r="AN2658">
        <v>26</v>
      </c>
      <c r="AO2658">
        <v>26</v>
      </c>
      <c r="AP2658">
        <v>25</v>
      </c>
      <c r="AQ2658">
        <v>25</v>
      </c>
    </row>
    <row r="2659" spans="1:43">
      <c r="A2659" t="s">
        <v>1710</v>
      </c>
      <c r="B2659" t="s">
        <v>1711</v>
      </c>
      <c r="C2659" t="s">
        <v>1584</v>
      </c>
      <c r="D2659" t="s">
        <v>1585</v>
      </c>
      <c r="E2659" t="s">
        <v>1586</v>
      </c>
      <c r="F2659" t="s">
        <v>1587</v>
      </c>
      <c r="G2659" t="s">
        <v>80</v>
      </c>
      <c r="H2659" t="s">
        <v>81</v>
      </c>
      <c r="I2659" s="2">
        <v>0</v>
      </c>
      <c r="J2659" s="2">
        <v>1</v>
      </c>
      <c r="K2659" s="2">
        <v>0</v>
      </c>
      <c r="L2659" t="s">
        <v>82</v>
      </c>
      <c r="M2659" t="s">
        <v>87</v>
      </c>
      <c r="N2659" t="s">
        <v>88</v>
      </c>
      <c r="O2659" t="s">
        <v>85</v>
      </c>
      <c r="P2659" t="s">
        <v>86</v>
      </c>
      <c r="Q2659">
        <v>25</v>
      </c>
      <c r="R2659">
        <v>25</v>
      </c>
      <c r="S2659">
        <v>25</v>
      </c>
      <c r="T2659">
        <v>25</v>
      </c>
      <c r="U2659">
        <v>25</v>
      </c>
      <c r="V2659">
        <v>25</v>
      </c>
      <c r="W2659">
        <v>24</v>
      </c>
      <c r="X2659">
        <v>24</v>
      </c>
      <c r="Y2659">
        <v>24</v>
      </c>
      <c r="Z2659">
        <v>24</v>
      </c>
      <c r="AA2659">
        <v>24</v>
      </c>
      <c r="AB2659">
        <v>24</v>
      </c>
      <c r="AC2659">
        <v>24</v>
      </c>
      <c r="AD2659">
        <v>24</v>
      </c>
      <c r="AE2659">
        <v>23</v>
      </c>
      <c r="AF2659">
        <v>23</v>
      </c>
      <c r="AG2659">
        <v>23</v>
      </c>
      <c r="AH2659">
        <v>23</v>
      </c>
      <c r="AI2659">
        <v>23</v>
      </c>
      <c r="AJ2659">
        <v>23</v>
      </c>
      <c r="AK2659">
        <v>23</v>
      </c>
      <c r="AL2659">
        <v>23</v>
      </c>
      <c r="AM2659">
        <v>22</v>
      </c>
      <c r="AN2659">
        <v>22</v>
      </c>
      <c r="AO2659">
        <v>22</v>
      </c>
      <c r="AP2659">
        <v>22</v>
      </c>
      <c r="AQ2659">
        <v>22</v>
      </c>
    </row>
    <row r="2660" spans="1:43">
      <c r="A2660" t="s">
        <v>1710</v>
      </c>
      <c r="B2660" t="s">
        <v>1711</v>
      </c>
      <c r="C2660" t="s">
        <v>1584</v>
      </c>
      <c r="D2660" t="s">
        <v>1585</v>
      </c>
      <c r="E2660" t="s">
        <v>1586</v>
      </c>
      <c r="F2660" t="s">
        <v>1587</v>
      </c>
      <c r="G2660" t="s">
        <v>80</v>
      </c>
      <c r="H2660" t="s">
        <v>81</v>
      </c>
      <c r="I2660" s="2">
        <v>0</v>
      </c>
      <c r="J2660" s="2">
        <v>1</v>
      </c>
      <c r="K2660" s="2">
        <v>0</v>
      </c>
      <c r="L2660" t="s">
        <v>82</v>
      </c>
      <c r="M2660" t="s">
        <v>89</v>
      </c>
      <c r="N2660" t="s">
        <v>90</v>
      </c>
      <c r="O2660" t="s">
        <v>85</v>
      </c>
      <c r="P2660" t="s">
        <v>86</v>
      </c>
      <c r="Q2660">
        <v>25</v>
      </c>
      <c r="R2660">
        <v>25</v>
      </c>
      <c r="S2660">
        <v>25</v>
      </c>
      <c r="T2660">
        <v>26</v>
      </c>
      <c r="U2660">
        <v>26</v>
      </c>
      <c r="V2660">
        <v>26</v>
      </c>
      <c r="W2660">
        <v>26</v>
      </c>
      <c r="X2660">
        <v>27</v>
      </c>
      <c r="Y2660">
        <v>27</v>
      </c>
      <c r="Z2660">
        <v>27</v>
      </c>
      <c r="AA2660">
        <v>27</v>
      </c>
      <c r="AB2660">
        <v>27</v>
      </c>
      <c r="AC2660">
        <v>27</v>
      </c>
      <c r="AD2660">
        <v>27</v>
      </c>
      <c r="AE2660">
        <v>27</v>
      </c>
      <c r="AF2660">
        <v>27</v>
      </c>
      <c r="AG2660">
        <v>27</v>
      </c>
      <c r="AH2660">
        <v>27</v>
      </c>
      <c r="AI2660">
        <v>26</v>
      </c>
      <c r="AJ2660">
        <v>26</v>
      </c>
      <c r="AK2660">
        <v>26</v>
      </c>
      <c r="AL2660">
        <v>26</v>
      </c>
      <c r="AM2660">
        <v>25</v>
      </c>
      <c r="AN2660">
        <v>25</v>
      </c>
      <c r="AO2660">
        <v>25</v>
      </c>
      <c r="AP2660">
        <v>25</v>
      </c>
      <c r="AQ2660">
        <v>24</v>
      </c>
    </row>
    <row r="2661" spans="1:43">
      <c r="A2661" t="s">
        <v>1710</v>
      </c>
      <c r="B2661" t="s">
        <v>1711</v>
      </c>
      <c r="C2661" t="s">
        <v>1584</v>
      </c>
      <c r="D2661" t="s">
        <v>1585</v>
      </c>
      <c r="E2661" t="s">
        <v>1586</v>
      </c>
      <c r="F2661" t="s">
        <v>1587</v>
      </c>
      <c r="G2661" t="s">
        <v>80</v>
      </c>
      <c r="H2661" t="s">
        <v>81</v>
      </c>
      <c r="I2661" s="2">
        <v>0</v>
      </c>
      <c r="J2661" s="2">
        <v>1</v>
      </c>
      <c r="K2661" s="2">
        <v>0</v>
      </c>
      <c r="L2661" t="s">
        <v>82</v>
      </c>
      <c r="M2661" t="s">
        <v>83</v>
      </c>
      <c r="N2661" t="s">
        <v>91</v>
      </c>
      <c r="O2661" t="s">
        <v>85</v>
      </c>
      <c r="P2661" t="s">
        <v>86</v>
      </c>
      <c r="Q2661">
        <v>25</v>
      </c>
      <c r="R2661">
        <v>26</v>
      </c>
      <c r="S2661">
        <v>26</v>
      </c>
      <c r="T2661">
        <v>26</v>
      </c>
      <c r="U2661">
        <v>26</v>
      </c>
      <c r="V2661">
        <v>26</v>
      </c>
      <c r="W2661">
        <v>26</v>
      </c>
      <c r="X2661">
        <v>26</v>
      </c>
      <c r="Y2661">
        <v>26</v>
      </c>
      <c r="Z2661">
        <v>26</v>
      </c>
      <c r="AA2661">
        <v>26</v>
      </c>
      <c r="AB2661">
        <v>26</v>
      </c>
      <c r="AC2661">
        <v>26</v>
      </c>
      <c r="AD2661">
        <v>26</v>
      </c>
      <c r="AE2661">
        <v>26</v>
      </c>
      <c r="AF2661">
        <v>26</v>
      </c>
      <c r="AG2661">
        <v>26</v>
      </c>
      <c r="AH2661">
        <v>26</v>
      </c>
      <c r="AI2661">
        <v>26</v>
      </c>
      <c r="AJ2661">
        <v>26</v>
      </c>
      <c r="AK2661">
        <v>26</v>
      </c>
      <c r="AL2661">
        <v>26</v>
      </c>
      <c r="AM2661">
        <v>26</v>
      </c>
      <c r="AN2661">
        <v>26</v>
      </c>
      <c r="AO2661">
        <v>26</v>
      </c>
      <c r="AP2661">
        <v>25</v>
      </c>
      <c r="AQ2661">
        <v>25</v>
      </c>
    </row>
    <row r="2662" spans="1:43">
      <c r="A2662" t="s">
        <v>1712</v>
      </c>
      <c r="B2662" t="s">
        <v>1713</v>
      </c>
      <c r="C2662" t="s">
        <v>1584</v>
      </c>
      <c r="D2662" t="s">
        <v>1585</v>
      </c>
      <c r="E2662" t="s">
        <v>1586</v>
      </c>
      <c r="F2662" t="s">
        <v>1587</v>
      </c>
      <c r="G2662" t="s">
        <v>80</v>
      </c>
      <c r="H2662" t="s">
        <v>81</v>
      </c>
      <c r="I2662" s="2">
        <v>0</v>
      </c>
      <c r="J2662" s="2">
        <v>0.99</v>
      </c>
      <c r="K2662" s="2">
        <v>0.01</v>
      </c>
      <c r="L2662" t="s">
        <v>82</v>
      </c>
      <c r="M2662" t="s">
        <v>83</v>
      </c>
      <c r="N2662" t="s">
        <v>84</v>
      </c>
      <c r="O2662" t="s">
        <v>85</v>
      </c>
      <c r="P2662" t="s">
        <v>86</v>
      </c>
      <c r="Q2662">
        <v>85</v>
      </c>
      <c r="R2662">
        <v>86</v>
      </c>
      <c r="S2662">
        <v>86</v>
      </c>
      <c r="T2662">
        <v>86</v>
      </c>
      <c r="U2662">
        <v>86</v>
      </c>
      <c r="V2662">
        <v>87</v>
      </c>
      <c r="W2662">
        <v>87</v>
      </c>
      <c r="X2662">
        <v>87</v>
      </c>
      <c r="Y2662">
        <v>87</v>
      </c>
      <c r="Z2662">
        <v>88</v>
      </c>
      <c r="AA2662">
        <v>88</v>
      </c>
      <c r="AB2662">
        <v>88</v>
      </c>
      <c r="AC2662">
        <v>88</v>
      </c>
      <c r="AD2662">
        <v>88</v>
      </c>
      <c r="AE2662">
        <v>88</v>
      </c>
      <c r="AF2662">
        <v>88</v>
      </c>
      <c r="AG2662">
        <v>88</v>
      </c>
      <c r="AH2662">
        <v>89</v>
      </c>
      <c r="AI2662">
        <v>89</v>
      </c>
      <c r="AJ2662">
        <v>89</v>
      </c>
      <c r="AK2662">
        <v>89</v>
      </c>
      <c r="AL2662">
        <v>88</v>
      </c>
      <c r="AM2662">
        <v>87</v>
      </c>
      <c r="AN2662">
        <v>87</v>
      </c>
      <c r="AO2662">
        <v>86</v>
      </c>
      <c r="AP2662">
        <v>85</v>
      </c>
      <c r="AQ2662">
        <v>84</v>
      </c>
    </row>
    <row r="2663" spans="1:43">
      <c r="A2663" t="s">
        <v>1712</v>
      </c>
      <c r="B2663" t="s">
        <v>1713</v>
      </c>
      <c r="C2663" t="s">
        <v>1584</v>
      </c>
      <c r="D2663" t="s">
        <v>1585</v>
      </c>
      <c r="E2663" t="s">
        <v>1586</v>
      </c>
      <c r="F2663" t="s">
        <v>1587</v>
      </c>
      <c r="G2663" t="s">
        <v>80</v>
      </c>
      <c r="H2663" t="s">
        <v>81</v>
      </c>
      <c r="I2663" s="2">
        <v>0</v>
      </c>
      <c r="J2663" s="2">
        <v>0.99</v>
      </c>
      <c r="K2663" s="2">
        <v>0.01</v>
      </c>
      <c r="L2663" t="s">
        <v>82</v>
      </c>
      <c r="M2663" t="s">
        <v>87</v>
      </c>
      <c r="N2663" t="s">
        <v>88</v>
      </c>
      <c r="O2663" t="s">
        <v>85</v>
      </c>
      <c r="P2663" t="s">
        <v>86</v>
      </c>
      <c r="Q2663">
        <v>85</v>
      </c>
      <c r="R2663">
        <v>85</v>
      </c>
      <c r="S2663">
        <v>85</v>
      </c>
      <c r="T2663">
        <v>84</v>
      </c>
      <c r="U2663">
        <v>84</v>
      </c>
      <c r="V2663">
        <v>83</v>
      </c>
      <c r="W2663">
        <v>83</v>
      </c>
      <c r="X2663">
        <v>82</v>
      </c>
      <c r="Y2663">
        <v>82</v>
      </c>
      <c r="Z2663">
        <v>81</v>
      </c>
      <c r="AA2663">
        <v>81</v>
      </c>
      <c r="AB2663">
        <v>81</v>
      </c>
      <c r="AC2663">
        <v>80</v>
      </c>
      <c r="AD2663">
        <v>80</v>
      </c>
      <c r="AE2663">
        <v>79</v>
      </c>
      <c r="AF2663">
        <v>79</v>
      </c>
      <c r="AG2663">
        <v>78</v>
      </c>
      <c r="AH2663">
        <v>78</v>
      </c>
      <c r="AI2663">
        <v>78</v>
      </c>
      <c r="AJ2663">
        <v>77</v>
      </c>
      <c r="AK2663">
        <v>77</v>
      </c>
      <c r="AL2663">
        <v>76</v>
      </c>
      <c r="AM2663">
        <v>76</v>
      </c>
      <c r="AN2663">
        <v>76</v>
      </c>
      <c r="AO2663">
        <v>75</v>
      </c>
      <c r="AP2663">
        <v>75</v>
      </c>
      <c r="AQ2663">
        <v>74</v>
      </c>
    </row>
    <row r="2664" spans="1:43">
      <c r="A2664" t="s">
        <v>1712</v>
      </c>
      <c r="B2664" t="s">
        <v>1713</v>
      </c>
      <c r="C2664" t="s">
        <v>1584</v>
      </c>
      <c r="D2664" t="s">
        <v>1585</v>
      </c>
      <c r="E2664" t="s">
        <v>1586</v>
      </c>
      <c r="F2664" t="s">
        <v>1587</v>
      </c>
      <c r="G2664" t="s">
        <v>80</v>
      </c>
      <c r="H2664" t="s">
        <v>81</v>
      </c>
      <c r="I2664" s="2">
        <v>0</v>
      </c>
      <c r="J2664" s="2">
        <v>0.99</v>
      </c>
      <c r="K2664" s="2">
        <v>0.01</v>
      </c>
      <c r="L2664" t="s">
        <v>82</v>
      </c>
      <c r="M2664" t="s">
        <v>89</v>
      </c>
      <c r="N2664" t="s">
        <v>90</v>
      </c>
      <c r="O2664" t="s">
        <v>85</v>
      </c>
      <c r="P2664" t="s">
        <v>86</v>
      </c>
      <c r="Q2664">
        <v>85</v>
      </c>
      <c r="R2664">
        <v>86</v>
      </c>
      <c r="S2664">
        <v>87</v>
      </c>
      <c r="T2664">
        <v>88</v>
      </c>
      <c r="U2664">
        <v>89</v>
      </c>
      <c r="V2664">
        <v>90</v>
      </c>
      <c r="W2664">
        <v>90</v>
      </c>
      <c r="X2664">
        <v>91</v>
      </c>
      <c r="Y2664">
        <v>92</v>
      </c>
      <c r="Z2664">
        <v>92</v>
      </c>
      <c r="AA2664">
        <v>93</v>
      </c>
      <c r="AB2664">
        <v>93</v>
      </c>
      <c r="AC2664">
        <v>93</v>
      </c>
      <c r="AD2664">
        <v>94</v>
      </c>
      <c r="AE2664">
        <v>94</v>
      </c>
      <c r="AF2664">
        <v>93</v>
      </c>
      <c r="AG2664">
        <v>92</v>
      </c>
      <c r="AH2664">
        <v>91</v>
      </c>
      <c r="AI2664">
        <v>90</v>
      </c>
      <c r="AJ2664">
        <v>89</v>
      </c>
      <c r="AK2664">
        <v>89</v>
      </c>
      <c r="AL2664">
        <v>88</v>
      </c>
      <c r="AM2664">
        <v>87</v>
      </c>
      <c r="AN2664">
        <v>86</v>
      </c>
      <c r="AO2664">
        <v>86</v>
      </c>
      <c r="AP2664">
        <v>85</v>
      </c>
      <c r="AQ2664">
        <v>84</v>
      </c>
    </row>
    <row r="2665" spans="1:43">
      <c r="A2665" t="s">
        <v>1712</v>
      </c>
      <c r="B2665" t="s">
        <v>1713</v>
      </c>
      <c r="C2665" t="s">
        <v>1584</v>
      </c>
      <c r="D2665" t="s">
        <v>1585</v>
      </c>
      <c r="E2665" t="s">
        <v>1586</v>
      </c>
      <c r="F2665" t="s">
        <v>1587</v>
      </c>
      <c r="G2665" t="s">
        <v>80</v>
      </c>
      <c r="H2665" t="s">
        <v>81</v>
      </c>
      <c r="I2665" s="2">
        <v>0</v>
      </c>
      <c r="J2665" s="2">
        <v>0.99</v>
      </c>
      <c r="K2665" s="2">
        <v>0.01</v>
      </c>
      <c r="L2665" t="s">
        <v>82</v>
      </c>
      <c r="M2665" t="s">
        <v>83</v>
      </c>
      <c r="N2665" t="s">
        <v>91</v>
      </c>
      <c r="O2665" t="s">
        <v>85</v>
      </c>
      <c r="P2665" t="s">
        <v>86</v>
      </c>
      <c r="Q2665">
        <v>85</v>
      </c>
      <c r="R2665">
        <v>86</v>
      </c>
      <c r="S2665">
        <v>86</v>
      </c>
      <c r="T2665">
        <v>86</v>
      </c>
      <c r="U2665">
        <v>86</v>
      </c>
      <c r="V2665">
        <v>87</v>
      </c>
      <c r="W2665">
        <v>87</v>
      </c>
      <c r="X2665">
        <v>87</v>
      </c>
      <c r="Y2665">
        <v>87</v>
      </c>
      <c r="Z2665">
        <v>88</v>
      </c>
      <c r="AA2665">
        <v>88</v>
      </c>
      <c r="AB2665">
        <v>88</v>
      </c>
      <c r="AC2665">
        <v>88</v>
      </c>
      <c r="AD2665">
        <v>88</v>
      </c>
      <c r="AE2665">
        <v>88</v>
      </c>
      <c r="AF2665">
        <v>88</v>
      </c>
      <c r="AG2665">
        <v>88</v>
      </c>
      <c r="AH2665">
        <v>89</v>
      </c>
      <c r="AI2665">
        <v>89</v>
      </c>
      <c r="AJ2665">
        <v>89</v>
      </c>
      <c r="AK2665">
        <v>89</v>
      </c>
      <c r="AL2665">
        <v>88</v>
      </c>
      <c r="AM2665">
        <v>87</v>
      </c>
      <c r="AN2665">
        <v>87</v>
      </c>
      <c r="AO2665">
        <v>86</v>
      </c>
      <c r="AP2665">
        <v>85</v>
      </c>
      <c r="AQ2665">
        <v>84</v>
      </c>
    </row>
    <row r="2666" spans="1:43">
      <c r="A2666" t="s">
        <v>1714</v>
      </c>
      <c r="B2666" t="s">
        <v>1715</v>
      </c>
      <c r="C2666" t="s">
        <v>1584</v>
      </c>
      <c r="D2666" t="s">
        <v>1585</v>
      </c>
      <c r="E2666" t="s">
        <v>1586</v>
      </c>
      <c r="F2666" t="s">
        <v>1587</v>
      </c>
      <c r="G2666" t="s">
        <v>80</v>
      </c>
      <c r="H2666" t="s">
        <v>81</v>
      </c>
      <c r="I2666" s="2">
        <v>0</v>
      </c>
      <c r="J2666" s="2">
        <v>1</v>
      </c>
      <c r="K2666" s="2">
        <v>0</v>
      </c>
      <c r="L2666" t="s">
        <v>82</v>
      </c>
      <c r="M2666" t="s">
        <v>83</v>
      </c>
      <c r="N2666" t="s">
        <v>84</v>
      </c>
      <c r="O2666" t="s">
        <v>85</v>
      </c>
      <c r="P2666" t="s">
        <v>86</v>
      </c>
      <c r="Q2666">
        <v>39</v>
      </c>
      <c r="R2666">
        <v>40</v>
      </c>
      <c r="S2666">
        <v>40</v>
      </c>
      <c r="T2666">
        <v>40</v>
      </c>
      <c r="U2666">
        <v>40</v>
      </c>
      <c r="V2666">
        <v>40</v>
      </c>
      <c r="W2666">
        <v>40</v>
      </c>
      <c r="X2666">
        <v>40</v>
      </c>
      <c r="Y2666">
        <v>40</v>
      </c>
      <c r="Z2666">
        <v>41</v>
      </c>
      <c r="AA2666">
        <v>41</v>
      </c>
      <c r="AB2666">
        <v>41</v>
      </c>
      <c r="AC2666">
        <v>41</v>
      </c>
      <c r="AD2666">
        <v>41</v>
      </c>
      <c r="AE2666">
        <v>41</v>
      </c>
      <c r="AF2666">
        <v>41</v>
      </c>
      <c r="AG2666">
        <v>41</v>
      </c>
      <c r="AH2666">
        <v>41</v>
      </c>
      <c r="AI2666">
        <v>41</v>
      </c>
      <c r="AJ2666">
        <v>41</v>
      </c>
      <c r="AK2666">
        <v>41</v>
      </c>
      <c r="AL2666">
        <v>41</v>
      </c>
      <c r="AM2666">
        <v>40</v>
      </c>
      <c r="AN2666">
        <v>40</v>
      </c>
      <c r="AO2666">
        <v>40</v>
      </c>
      <c r="AP2666">
        <v>39</v>
      </c>
      <c r="AQ2666">
        <v>39</v>
      </c>
    </row>
    <row r="2667" spans="1:43">
      <c r="A2667" t="s">
        <v>1714</v>
      </c>
      <c r="B2667" t="s">
        <v>1715</v>
      </c>
      <c r="C2667" t="s">
        <v>1584</v>
      </c>
      <c r="D2667" t="s">
        <v>1585</v>
      </c>
      <c r="E2667" t="s">
        <v>1586</v>
      </c>
      <c r="F2667" t="s">
        <v>1587</v>
      </c>
      <c r="G2667" t="s">
        <v>80</v>
      </c>
      <c r="H2667" t="s">
        <v>81</v>
      </c>
      <c r="I2667" s="2">
        <v>0</v>
      </c>
      <c r="J2667" s="2">
        <v>1</v>
      </c>
      <c r="K2667" s="2">
        <v>0</v>
      </c>
      <c r="L2667" t="s">
        <v>82</v>
      </c>
      <c r="M2667" t="s">
        <v>87</v>
      </c>
      <c r="N2667" t="s">
        <v>88</v>
      </c>
      <c r="O2667" t="s">
        <v>85</v>
      </c>
      <c r="P2667" t="s">
        <v>86</v>
      </c>
      <c r="Q2667">
        <v>39</v>
      </c>
      <c r="R2667">
        <v>39</v>
      </c>
      <c r="S2667">
        <v>39</v>
      </c>
      <c r="T2667">
        <v>38</v>
      </c>
      <c r="U2667">
        <v>38</v>
      </c>
      <c r="V2667">
        <v>38</v>
      </c>
      <c r="W2667">
        <v>38</v>
      </c>
      <c r="X2667">
        <v>38</v>
      </c>
      <c r="Y2667">
        <v>37</v>
      </c>
      <c r="Z2667">
        <v>37</v>
      </c>
      <c r="AA2667">
        <v>37</v>
      </c>
      <c r="AB2667">
        <v>37</v>
      </c>
      <c r="AC2667">
        <v>37</v>
      </c>
      <c r="AD2667">
        <v>36</v>
      </c>
      <c r="AE2667">
        <v>36</v>
      </c>
      <c r="AF2667">
        <v>36</v>
      </c>
      <c r="AG2667">
        <v>36</v>
      </c>
      <c r="AH2667">
        <v>36</v>
      </c>
      <c r="AI2667">
        <v>35</v>
      </c>
      <c r="AJ2667">
        <v>35</v>
      </c>
      <c r="AK2667">
        <v>35</v>
      </c>
      <c r="AL2667">
        <v>35</v>
      </c>
      <c r="AM2667">
        <v>35</v>
      </c>
      <c r="AN2667">
        <v>34</v>
      </c>
      <c r="AO2667">
        <v>34</v>
      </c>
      <c r="AP2667">
        <v>34</v>
      </c>
      <c r="AQ2667">
        <v>34</v>
      </c>
    </row>
    <row r="2668" spans="1:43">
      <c r="A2668" t="s">
        <v>1714</v>
      </c>
      <c r="B2668" t="s">
        <v>1715</v>
      </c>
      <c r="C2668" t="s">
        <v>1584</v>
      </c>
      <c r="D2668" t="s">
        <v>1585</v>
      </c>
      <c r="E2668" t="s">
        <v>1586</v>
      </c>
      <c r="F2668" t="s">
        <v>1587</v>
      </c>
      <c r="G2668" t="s">
        <v>80</v>
      </c>
      <c r="H2668" t="s">
        <v>81</v>
      </c>
      <c r="I2668" s="2">
        <v>0</v>
      </c>
      <c r="J2668" s="2">
        <v>1</v>
      </c>
      <c r="K2668" s="2">
        <v>0</v>
      </c>
      <c r="L2668" t="s">
        <v>82</v>
      </c>
      <c r="M2668" t="s">
        <v>89</v>
      </c>
      <c r="N2668" t="s">
        <v>90</v>
      </c>
      <c r="O2668" t="s">
        <v>85</v>
      </c>
      <c r="P2668" t="s">
        <v>86</v>
      </c>
      <c r="Q2668">
        <v>39</v>
      </c>
      <c r="R2668">
        <v>39</v>
      </c>
      <c r="S2668">
        <v>40</v>
      </c>
      <c r="T2668">
        <v>40</v>
      </c>
      <c r="U2668">
        <v>41</v>
      </c>
      <c r="V2668">
        <v>41</v>
      </c>
      <c r="W2668">
        <v>41</v>
      </c>
      <c r="X2668">
        <v>42</v>
      </c>
      <c r="Y2668">
        <v>42</v>
      </c>
      <c r="Z2668">
        <v>42</v>
      </c>
      <c r="AA2668">
        <v>42</v>
      </c>
      <c r="AB2668">
        <v>42</v>
      </c>
      <c r="AC2668">
        <v>43</v>
      </c>
      <c r="AD2668">
        <v>43</v>
      </c>
      <c r="AE2668">
        <v>43</v>
      </c>
      <c r="AF2668">
        <v>42</v>
      </c>
      <c r="AG2668">
        <v>42</v>
      </c>
      <c r="AH2668">
        <v>42</v>
      </c>
      <c r="AI2668">
        <v>41</v>
      </c>
      <c r="AJ2668">
        <v>41</v>
      </c>
      <c r="AK2668">
        <v>40</v>
      </c>
      <c r="AL2668">
        <v>40</v>
      </c>
      <c r="AM2668">
        <v>40</v>
      </c>
      <c r="AN2668">
        <v>39</v>
      </c>
      <c r="AO2668">
        <v>39</v>
      </c>
      <c r="AP2668">
        <v>39</v>
      </c>
      <c r="AQ2668">
        <v>38</v>
      </c>
    </row>
    <row r="2669" spans="1:43">
      <c r="A2669" t="s">
        <v>1714</v>
      </c>
      <c r="B2669" t="s">
        <v>1715</v>
      </c>
      <c r="C2669" t="s">
        <v>1584</v>
      </c>
      <c r="D2669" t="s">
        <v>1585</v>
      </c>
      <c r="E2669" t="s">
        <v>1586</v>
      </c>
      <c r="F2669" t="s">
        <v>1587</v>
      </c>
      <c r="G2669" t="s">
        <v>80</v>
      </c>
      <c r="H2669" t="s">
        <v>81</v>
      </c>
      <c r="I2669" s="2">
        <v>0</v>
      </c>
      <c r="J2669" s="2">
        <v>1</v>
      </c>
      <c r="K2669" s="2">
        <v>0</v>
      </c>
      <c r="L2669" t="s">
        <v>82</v>
      </c>
      <c r="M2669" t="s">
        <v>83</v>
      </c>
      <c r="N2669" t="s">
        <v>91</v>
      </c>
      <c r="O2669" t="s">
        <v>85</v>
      </c>
      <c r="P2669" t="s">
        <v>86</v>
      </c>
      <c r="Q2669">
        <v>39</v>
      </c>
      <c r="R2669">
        <v>40</v>
      </c>
      <c r="S2669">
        <v>40</v>
      </c>
      <c r="T2669">
        <v>40</v>
      </c>
      <c r="U2669">
        <v>40</v>
      </c>
      <c r="V2669">
        <v>40</v>
      </c>
      <c r="W2669">
        <v>40</v>
      </c>
      <c r="X2669">
        <v>40</v>
      </c>
      <c r="Y2669">
        <v>40</v>
      </c>
      <c r="Z2669">
        <v>41</v>
      </c>
      <c r="AA2669">
        <v>41</v>
      </c>
      <c r="AB2669">
        <v>41</v>
      </c>
      <c r="AC2669">
        <v>41</v>
      </c>
      <c r="AD2669">
        <v>41</v>
      </c>
      <c r="AE2669">
        <v>41</v>
      </c>
      <c r="AF2669">
        <v>41</v>
      </c>
      <c r="AG2669">
        <v>41</v>
      </c>
      <c r="AH2669">
        <v>41</v>
      </c>
      <c r="AI2669">
        <v>41</v>
      </c>
      <c r="AJ2669">
        <v>41</v>
      </c>
      <c r="AK2669">
        <v>41</v>
      </c>
      <c r="AL2669">
        <v>41</v>
      </c>
      <c r="AM2669">
        <v>40</v>
      </c>
      <c r="AN2669">
        <v>40</v>
      </c>
      <c r="AO2669">
        <v>40</v>
      </c>
      <c r="AP2669">
        <v>39</v>
      </c>
      <c r="AQ2669">
        <v>39</v>
      </c>
    </row>
    <row r="2670" spans="1:43">
      <c r="A2670" t="s">
        <v>1716</v>
      </c>
      <c r="B2670" t="s">
        <v>1717</v>
      </c>
      <c r="C2670" t="s">
        <v>1706</v>
      </c>
      <c r="D2670" t="s">
        <v>1707</v>
      </c>
      <c r="E2670" t="s">
        <v>1586</v>
      </c>
      <c r="F2670" t="s">
        <v>1587</v>
      </c>
      <c r="G2670" t="s">
        <v>80</v>
      </c>
      <c r="H2670" t="s">
        <v>81</v>
      </c>
      <c r="I2670" s="2">
        <v>0</v>
      </c>
      <c r="J2670" s="2">
        <v>0</v>
      </c>
      <c r="K2670" s="2">
        <v>1</v>
      </c>
      <c r="L2670" t="s">
        <v>995</v>
      </c>
      <c r="M2670" t="s">
        <v>83</v>
      </c>
      <c r="N2670" t="s">
        <v>84</v>
      </c>
      <c r="O2670" t="s">
        <v>85</v>
      </c>
      <c r="P2670" t="s">
        <v>86</v>
      </c>
      <c r="Q2670">
        <v>8</v>
      </c>
      <c r="R2670">
        <v>8</v>
      </c>
      <c r="S2670">
        <v>8</v>
      </c>
      <c r="T2670">
        <v>8</v>
      </c>
      <c r="U2670">
        <v>8</v>
      </c>
      <c r="V2670">
        <v>8</v>
      </c>
      <c r="W2670">
        <v>8</v>
      </c>
      <c r="X2670">
        <v>8</v>
      </c>
      <c r="Y2670">
        <v>8</v>
      </c>
      <c r="Z2670">
        <v>8</v>
      </c>
      <c r="AA2670">
        <v>8</v>
      </c>
      <c r="AB2670">
        <v>8</v>
      </c>
      <c r="AC2670">
        <v>8</v>
      </c>
      <c r="AD2670">
        <v>8</v>
      </c>
      <c r="AE2670">
        <v>8</v>
      </c>
      <c r="AF2670">
        <v>8</v>
      </c>
      <c r="AG2670">
        <v>8</v>
      </c>
      <c r="AH2670">
        <v>8</v>
      </c>
      <c r="AI2670">
        <v>8</v>
      </c>
      <c r="AJ2670">
        <v>8</v>
      </c>
      <c r="AK2670">
        <v>8</v>
      </c>
      <c r="AL2670">
        <v>8</v>
      </c>
      <c r="AM2670">
        <v>8</v>
      </c>
      <c r="AN2670">
        <v>8</v>
      </c>
      <c r="AO2670">
        <v>8</v>
      </c>
      <c r="AP2670">
        <v>8</v>
      </c>
      <c r="AQ2670">
        <v>8</v>
      </c>
    </row>
    <row r="2671" spans="1:43">
      <c r="A2671" t="s">
        <v>1716</v>
      </c>
      <c r="B2671" t="s">
        <v>1717</v>
      </c>
      <c r="C2671" t="s">
        <v>1706</v>
      </c>
      <c r="D2671" t="s">
        <v>1707</v>
      </c>
      <c r="E2671" t="s">
        <v>1586</v>
      </c>
      <c r="F2671" t="s">
        <v>1587</v>
      </c>
      <c r="G2671" t="s">
        <v>80</v>
      </c>
      <c r="H2671" t="s">
        <v>81</v>
      </c>
      <c r="I2671" s="2">
        <v>0</v>
      </c>
      <c r="J2671" s="2">
        <v>0</v>
      </c>
      <c r="K2671" s="2">
        <v>1</v>
      </c>
      <c r="L2671" t="s">
        <v>995</v>
      </c>
      <c r="M2671" t="s">
        <v>87</v>
      </c>
      <c r="N2671" t="s">
        <v>88</v>
      </c>
      <c r="O2671" t="s">
        <v>85</v>
      </c>
      <c r="P2671" t="s">
        <v>86</v>
      </c>
      <c r="Q2671">
        <v>8</v>
      </c>
      <c r="R2671">
        <v>8</v>
      </c>
      <c r="S2671">
        <v>8</v>
      </c>
      <c r="T2671">
        <v>8</v>
      </c>
      <c r="U2671">
        <v>8</v>
      </c>
      <c r="V2671">
        <v>8</v>
      </c>
      <c r="W2671">
        <v>8</v>
      </c>
      <c r="X2671">
        <v>7</v>
      </c>
      <c r="Y2671">
        <v>7</v>
      </c>
      <c r="Z2671">
        <v>7</v>
      </c>
      <c r="AA2671">
        <v>7</v>
      </c>
      <c r="AB2671">
        <v>7</v>
      </c>
      <c r="AC2671">
        <v>7</v>
      </c>
      <c r="AD2671">
        <v>7</v>
      </c>
      <c r="AE2671">
        <v>7</v>
      </c>
      <c r="AF2671">
        <v>7</v>
      </c>
      <c r="AG2671">
        <v>7</v>
      </c>
      <c r="AH2671">
        <v>7</v>
      </c>
      <c r="AI2671">
        <v>7</v>
      </c>
      <c r="AJ2671">
        <v>7</v>
      </c>
      <c r="AK2671">
        <v>7</v>
      </c>
      <c r="AL2671">
        <v>7</v>
      </c>
      <c r="AM2671">
        <v>7</v>
      </c>
      <c r="AN2671">
        <v>7</v>
      </c>
      <c r="AO2671">
        <v>7</v>
      </c>
      <c r="AP2671">
        <v>7</v>
      </c>
      <c r="AQ2671">
        <v>7</v>
      </c>
    </row>
    <row r="2672" spans="1:43">
      <c r="A2672" t="s">
        <v>1716</v>
      </c>
      <c r="B2672" t="s">
        <v>1717</v>
      </c>
      <c r="C2672" t="s">
        <v>1706</v>
      </c>
      <c r="D2672" t="s">
        <v>1707</v>
      </c>
      <c r="E2672" t="s">
        <v>1586</v>
      </c>
      <c r="F2672" t="s">
        <v>1587</v>
      </c>
      <c r="G2672" t="s">
        <v>80</v>
      </c>
      <c r="H2672" t="s">
        <v>81</v>
      </c>
      <c r="I2672" s="2">
        <v>0</v>
      </c>
      <c r="J2672" s="2">
        <v>0</v>
      </c>
      <c r="K2672" s="2">
        <v>1</v>
      </c>
      <c r="L2672" t="s">
        <v>995</v>
      </c>
      <c r="M2672" t="s">
        <v>89</v>
      </c>
      <c r="N2672" t="s">
        <v>90</v>
      </c>
      <c r="O2672" t="s">
        <v>85</v>
      </c>
      <c r="P2672" t="s">
        <v>86</v>
      </c>
      <c r="Q2672">
        <v>8</v>
      </c>
      <c r="R2672">
        <v>8</v>
      </c>
      <c r="S2672">
        <v>8</v>
      </c>
      <c r="T2672">
        <v>8</v>
      </c>
      <c r="U2672">
        <v>8</v>
      </c>
      <c r="V2672">
        <v>8</v>
      </c>
      <c r="W2672">
        <v>8</v>
      </c>
      <c r="X2672">
        <v>8</v>
      </c>
      <c r="Y2672">
        <v>9</v>
      </c>
      <c r="Z2672">
        <v>9</v>
      </c>
      <c r="AA2672">
        <v>9</v>
      </c>
      <c r="AB2672">
        <v>9</v>
      </c>
      <c r="AC2672">
        <v>9</v>
      </c>
      <c r="AD2672">
        <v>9</v>
      </c>
      <c r="AE2672">
        <v>9</v>
      </c>
      <c r="AF2672">
        <v>9</v>
      </c>
      <c r="AG2672">
        <v>9</v>
      </c>
      <c r="AH2672">
        <v>8</v>
      </c>
      <c r="AI2672">
        <v>8</v>
      </c>
      <c r="AJ2672">
        <v>8</v>
      </c>
      <c r="AK2672">
        <v>8</v>
      </c>
      <c r="AL2672">
        <v>8</v>
      </c>
      <c r="AM2672">
        <v>8</v>
      </c>
      <c r="AN2672">
        <v>8</v>
      </c>
      <c r="AO2672">
        <v>8</v>
      </c>
      <c r="AP2672">
        <v>8</v>
      </c>
      <c r="AQ2672">
        <v>8</v>
      </c>
    </row>
    <row r="2673" spans="1:43">
      <c r="A2673" t="s">
        <v>1716</v>
      </c>
      <c r="B2673" t="s">
        <v>1717</v>
      </c>
      <c r="C2673" t="s">
        <v>1706</v>
      </c>
      <c r="D2673" t="s">
        <v>1707</v>
      </c>
      <c r="E2673" t="s">
        <v>1586</v>
      </c>
      <c r="F2673" t="s">
        <v>1587</v>
      </c>
      <c r="G2673" t="s">
        <v>80</v>
      </c>
      <c r="H2673" t="s">
        <v>81</v>
      </c>
      <c r="I2673" s="2">
        <v>0</v>
      </c>
      <c r="J2673" s="2">
        <v>0</v>
      </c>
      <c r="K2673" s="2">
        <v>1</v>
      </c>
      <c r="L2673" t="s">
        <v>995</v>
      </c>
      <c r="M2673" t="s">
        <v>83</v>
      </c>
      <c r="N2673" t="s">
        <v>91</v>
      </c>
      <c r="O2673" t="s">
        <v>85</v>
      </c>
      <c r="P2673" t="s">
        <v>86</v>
      </c>
      <c r="Q2673">
        <v>8</v>
      </c>
      <c r="R2673">
        <v>8</v>
      </c>
      <c r="S2673">
        <v>8</v>
      </c>
      <c r="T2673">
        <v>8</v>
      </c>
      <c r="U2673">
        <v>8</v>
      </c>
      <c r="V2673">
        <v>8</v>
      </c>
      <c r="W2673">
        <v>8</v>
      </c>
      <c r="X2673">
        <v>8</v>
      </c>
      <c r="Y2673">
        <v>8</v>
      </c>
      <c r="Z2673">
        <v>8</v>
      </c>
      <c r="AA2673">
        <v>8</v>
      </c>
      <c r="AB2673">
        <v>8</v>
      </c>
      <c r="AC2673">
        <v>8</v>
      </c>
      <c r="AD2673">
        <v>8</v>
      </c>
      <c r="AE2673">
        <v>8</v>
      </c>
      <c r="AF2673">
        <v>8</v>
      </c>
      <c r="AG2673">
        <v>8</v>
      </c>
      <c r="AH2673">
        <v>8</v>
      </c>
      <c r="AI2673">
        <v>8</v>
      </c>
      <c r="AJ2673">
        <v>8</v>
      </c>
      <c r="AK2673">
        <v>8</v>
      </c>
      <c r="AL2673">
        <v>8</v>
      </c>
      <c r="AM2673">
        <v>8</v>
      </c>
      <c r="AN2673">
        <v>8</v>
      </c>
      <c r="AO2673">
        <v>8</v>
      </c>
      <c r="AP2673">
        <v>8</v>
      </c>
      <c r="AQ2673">
        <v>8</v>
      </c>
    </row>
    <row r="2674" spans="1:43">
      <c r="A2674" t="s">
        <v>1718</v>
      </c>
      <c r="B2674" t="s">
        <v>1719</v>
      </c>
      <c r="C2674" t="s">
        <v>1720</v>
      </c>
      <c r="D2674" t="s">
        <v>1721</v>
      </c>
      <c r="E2674" t="s">
        <v>1586</v>
      </c>
      <c r="F2674" t="s">
        <v>1587</v>
      </c>
      <c r="G2674" t="s">
        <v>80</v>
      </c>
      <c r="H2674" t="s">
        <v>81</v>
      </c>
      <c r="I2674" s="2">
        <v>0</v>
      </c>
      <c r="J2674" s="2">
        <v>1</v>
      </c>
      <c r="K2674" s="2">
        <v>0</v>
      </c>
      <c r="L2674" t="s">
        <v>82</v>
      </c>
      <c r="M2674" t="s">
        <v>83</v>
      </c>
      <c r="N2674" t="s">
        <v>84</v>
      </c>
      <c r="O2674" t="s">
        <v>85</v>
      </c>
      <c r="P2674" t="s">
        <v>86</v>
      </c>
      <c r="Q2674">
        <v>40</v>
      </c>
      <c r="R2674">
        <v>40</v>
      </c>
      <c r="S2674">
        <v>40</v>
      </c>
      <c r="T2674">
        <v>41</v>
      </c>
      <c r="U2674">
        <v>41</v>
      </c>
      <c r="V2674">
        <v>41</v>
      </c>
      <c r="W2674">
        <v>41</v>
      </c>
      <c r="X2674">
        <v>41</v>
      </c>
      <c r="Y2674">
        <v>41</v>
      </c>
      <c r="Z2674">
        <v>41</v>
      </c>
      <c r="AA2674">
        <v>42</v>
      </c>
      <c r="AB2674">
        <v>42</v>
      </c>
      <c r="AC2674">
        <v>42</v>
      </c>
      <c r="AD2674">
        <v>42</v>
      </c>
      <c r="AE2674">
        <v>42</v>
      </c>
      <c r="AF2674">
        <v>42</v>
      </c>
      <c r="AG2674">
        <v>42</v>
      </c>
      <c r="AH2674">
        <v>42</v>
      </c>
      <c r="AI2674">
        <v>42</v>
      </c>
      <c r="AJ2674">
        <v>42</v>
      </c>
      <c r="AK2674">
        <v>42</v>
      </c>
      <c r="AL2674">
        <v>42</v>
      </c>
      <c r="AM2674">
        <v>42</v>
      </c>
      <c r="AN2674">
        <v>42</v>
      </c>
      <c r="AO2674">
        <v>41</v>
      </c>
      <c r="AP2674">
        <v>41</v>
      </c>
      <c r="AQ2674">
        <v>41</v>
      </c>
    </row>
    <row r="2675" spans="1:43">
      <c r="A2675" t="s">
        <v>1718</v>
      </c>
      <c r="B2675" t="s">
        <v>1719</v>
      </c>
      <c r="C2675" t="s">
        <v>1720</v>
      </c>
      <c r="D2675" t="s">
        <v>1721</v>
      </c>
      <c r="E2675" t="s">
        <v>1586</v>
      </c>
      <c r="F2675" t="s">
        <v>1587</v>
      </c>
      <c r="G2675" t="s">
        <v>80</v>
      </c>
      <c r="H2675" t="s">
        <v>81</v>
      </c>
      <c r="I2675" s="2">
        <v>0</v>
      </c>
      <c r="J2675" s="2">
        <v>1</v>
      </c>
      <c r="K2675" s="2">
        <v>0</v>
      </c>
      <c r="L2675" t="s">
        <v>82</v>
      </c>
      <c r="M2675" t="s">
        <v>87</v>
      </c>
      <c r="N2675" t="s">
        <v>88</v>
      </c>
      <c r="O2675" t="s">
        <v>85</v>
      </c>
      <c r="P2675" t="s">
        <v>86</v>
      </c>
      <c r="Q2675">
        <v>40</v>
      </c>
      <c r="R2675">
        <v>40</v>
      </c>
      <c r="S2675">
        <v>39</v>
      </c>
      <c r="T2675">
        <v>39</v>
      </c>
      <c r="U2675">
        <v>39</v>
      </c>
      <c r="V2675">
        <v>39</v>
      </c>
      <c r="W2675">
        <v>39</v>
      </c>
      <c r="X2675">
        <v>38</v>
      </c>
      <c r="Y2675">
        <v>38</v>
      </c>
      <c r="Z2675">
        <v>38</v>
      </c>
      <c r="AA2675">
        <v>38</v>
      </c>
      <c r="AB2675">
        <v>38</v>
      </c>
      <c r="AC2675">
        <v>38</v>
      </c>
      <c r="AD2675">
        <v>37</v>
      </c>
      <c r="AE2675">
        <v>37</v>
      </c>
      <c r="AF2675">
        <v>37</v>
      </c>
      <c r="AG2675">
        <v>37</v>
      </c>
      <c r="AH2675">
        <v>37</v>
      </c>
      <c r="AI2675">
        <v>37</v>
      </c>
      <c r="AJ2675">
        <v>36</v>
      </c>
      <c r="AK2675">
        <v>36</v>
      </c>
      <c r="AL2675">
        <v>36</v>
      </c>
      <c r="AM2675">
        <v>36</v>
      </c>
      <c r="AN2675">
        <v>36</v>
      </c>
      <c r="AO2675">
        <v>36</v>
      </c>
      <c r="AP2675">
        <v>35</v>
      </c>
      <c r="AQ2675">
        <v>35</v>
      </c>
    </row>
    <row r="2676" spans="1:43">
      <c r="A2676" t="s">
        <v>1718</v>
      </c>
      <c r="B2676" t="s">
        <v>1719</v>
      </c>
      <c r="C2676" t="s">
        <v>1720</v>
      </c>
      <c r="D2676" t="s">
        <v>1721</v>
      </c>
      <c r="E2676" t="s">
        <v>1586</v>
      </c>
      <c r="F2676" t="s">
        <v>1587</v>
      </c>
      <c r="G2676" t="s">
        <v>80</v>
      </c>
      <c r="H2676" t="s">
        <v>81</v>
      </c>
      <c r="I2676" s="2">
        <v>0</v>
      </c>
      <c r="J2676" s="2">
        <v>1</v>
      </c>
      <c r="K2676" s="2">
        <v>0</v>
      </c>
      <c r="L2676" t="s">
        <v>82</v>
      </c>
      <c r="M2676" t="s">
        <v>89</v>
      </c>
      <c r="N2676" t="s">
        <v>90</v>
      </c>
      <c r="O2676" t="s">
        <v>85</v>
      </c>
      <c r="P2676" t="s">
        <v>86</v>
      </c>
      <c r="Q2676">
        <v>40</v>
      </c>
      <c r="R2676">
        <v>41</v>
      </c>
      <c r="S2676">
        <v>41</v>
      </c>
      <c r="T2676">
        <v>42</v>
      </c>
      <c r="U2676">
        <v>42</v>
      </c>
      <c r="V2676">
        <v>43</v>
      </c>
      <c r="W2676">
        <v>43</v>
      </c>
      <c r="X2676">
        <v>44</v>
      </c>
      <c r="Y2676">
        <v>44</v>
      </c>
      <c r="Z2676">
        <v>44</v>
      </c>
      <c r="AA2676">
        <v>44</v>
      </c>
      <c r="AB2676">
        <v>44</v>
      </c>
      <c r="AC2676">
        <v>45</v>
      </c>
      <c r="AD2676">
        <v>45</v>
      </c>
      <c r="AE2676">
        <v>45</v>
      </c>
      <c r="AF2676">
        <v>45</v>
      </c>
      <c r="AG2676">
        <v>44</v>
      </c>
      <c r="AH2676">
        <v>44</v>
      </c>
      <c r="AI2676">
        <v>44</v>
      </c>
      <c r="AJ2676">
        <v>43</v>
      </c>
      <c r="AK2676">
        <v>43</v>
      </c>
      <c r="AL2676">
        <v>43</v>
      </c>
      <c r="AM2676">
        <v>42</v>
      </c>
      <c r="AN2676">
        <v>42</v>
      </c>
      <c r="AO2676">
        <v>42</v>
      </c>
      <c r="AP2676">
        <v>41</v>
      </c>
      <c r="AQ2676">
        <v>41</v>
      </c>
    </row>
    <row r="2677" spans="1:43">
      <c r="A2677" t="s">
        <v>1718</v>
      </c>
      <c r="B2677" t="s">
        <v>1719</v>
      </c>
      <c r="C2677" t="s">
        <v>1720</v>
      </c>
      <c r="D2677" t="s">
        <v>1721</v>
      </c>
      <c r="E2677" t="s">
        <v>1586</v>
      </c>
      <c r="F2677" t="s">
        <v>1587</v>
      </c>
      <c r="G2677" t="s">
        <v>80</v>
      </c>
      <c r="H2677" t="s">
        <v>81</v>
      </c>
      <c r="I2677" s="2">
        <v>0</v>
      </c>
      <c r="J2677" s="2">
        <v>1</v>
      </c>
      <c r="K2677" s="2">
        <v>0</v>
      </c>
      <c r="L2677" t="s">
        <v>82</v>
      </c>
      <c r="M2677" t="s">
        <v>83</v>
      </c>
      <c r="N2677" t="s">
        <v>91</v>
      </c>
      <c r="O2677" t="s">
        <v>85</v>
      </c>
      <c r="P2677" t="s">
        <v>86</v>
      </c>
      <c r="Q2677">
        <v>40</v>
      </c>
      <c r="R2677">
        <v>40</v>
      </c>
      <c r="S2677">
        <v>40</v>
      </c>
      <c r="T2677">
        <v>41</v>
      </c>
      <c r="U2677">
        <v>41</v>
      </c>
      <c r="V2677">
        <v>41</v>
      </c>
      <c r="W2677">
        <v>41</v>
      </c>
      <c r="X2677">
        <v>41</v>
      </c>
      <c r="Y2677">
        <v>41</v>
      </c>
      <c r="Z2677">
        <v>41</v>
      </c>
      <c r="AA2677">
        <v>42</v>
      </c>
      <c r="AB2677">
        <v>42</v>
      </c>
      <c r="AC2677">
        <v>42</v>
      </c>
      <c r="AD2677">
        <v>42</v>
      </c>
      <c r="AE2677">
        <v>42</v>
      </c>
      <c r="AF2677">
        <v>42</v>
      </c>
      <c r="AG2677">
        <v>42</v>
      </c>
      <c r="AH2677">
        <v>42</v>
      </c>
      <c r="AI2677">
        <v>42</v>
      </c>
      <c r="AJ2677">
        <v>42</v>
      </c>
      <c r="AK2677">
        <v>42</v>
      </c>
      <c r="AL2677">
        <v>42</v>
      </c>
      <c r="AM2677">
        <v>42</v>
      </c>
      <c r="AN2677">
        <v>42</v>
      </c>
      <c r="AO2677">
        <v>41</v>
      </c>
      <c r="AP2677">
        <v>41</v>
      </c>
      <c r="AQ2677">
        <v>41</v>
      </c>
    </row>
    <row r="2678" spans="1:43">
      <c r="A2678" t="s">
        <v>1722</v>
      </c>
      <c r="B2678" t="s">
        <v>1723</v>
      </c>
      <c r="C2678" t="s">
        <v>1724</v>
      </c>
      <c r="D2678" t="s">
        <v>1725</v>
      </c>
      <c r="E2678" t="s">
        <v>1586</v>
      </c>
      <c r="F2678" t="s">
        <v>1587</v>
      </c>
      <c r="G2678" t="s">
        <v>80</v>
      </c>
      <c r="H2678" t="s">
        <v>81</v>
      </c>
      <c r="I2678" s="2">
        <v>0</v>
      </c>
      <c r="J2678" s="2">
        <v>1</v>
      </c>
      <c r="K2678" s="2">
        <v>0</v>
      </c>
      <c r="L2678" t="s">
        <v>82</v>
      </c>
      <c r="M2678" t="s">
        <v>83</v>
      </c>
      <c r="N2678" t="s">
        <v>84</v>
      </c>
      <c r="O2678" t="s">
        <v>85</v>
      </c>
      <c r="P2678" t="s">
        <v>86</v>
      </c>
      <c r="Q2678">
        <v>11</v>
      </c>
      <c r="R2678">
        <v>11</v>
      </c>
      <c r="S2678">
        <v>11</v>
      </c>
      <c r="T2678">
        <v>11</v>
      </c>
      <c r="U2678">
        <v>11</v>
      </c>
      <c r="V2678">
        <v>11</v>
      </c>
      <c r="W2678">
        <v>11</v>
      </c>
      <c r="X2678">
        <v>11</v>
      </c>
      <c r="Y2678">
        <v>11</v>
      </c>
      <c r="Z2678">
        <v>11</v>
      </c>
      <c r="AA2678">
        <v>11</v>
      </c>
      <c r="AB2678">
        <v>11</v>
      </c>
      <c r="AC2678">
        <v>11</v>
      </c>
      <c r="AD2678">
        <v>11</v>
      </c>
      <c r="AE2678">
        <v>11</v>
      </c>
      <c r="AF2678">
        <v>11</v>
      </c>
      <c r="AG2678">
        <v>11</v>
      </c>
      <c r="AH2678">
        <v>11</v>
      </c>
      <c r="AI2678">
        <v>11</v>
      </c>
      <c r="AJ2678">
        <v>11</v>
      </c>
      <c r="AK2678">
        <v>11</v>
      </c>
      <c r="AL2678">
        <v>11</v>
      </c>
      <c r="AM2678">
        <v>11</v>
      </c>
      <c r="AN2678">
        <v>11</v>
      </c>
      <c r="AO2678">
        <v>11</v>
      </c>
      <c r="AP2678">
        <v>11</v>
      </c>
      <c r="AQ2678">
        <v>11</v>
      </c>
    </row>
    <row r="2679" spans="1:43">
      <c r="A2679" t="s">
        <v>1722</v>
      </c>
      <c r="B2679" t="s">
        <v>1723</v>
      </c>
      <c r="C2679" t="s">
        <v>1724</v>
      </c>
      <c r="D2679" t="s">
        <v>1725</v>
      </c>
      <c r="E2679" t="s">
        <v>1586</v>
      </c>
      <c r="F2679" t="s">
        <v>1587</v>
      </c>
      <c r="G2679" t="s">
        <v>80</v>
      </c>
      <c r="H2679" t="s">
        <v>81</v>
      </c>
      <c r="I2679" s="2">
        <v>0</v>
      </c>
      <c r="J2679" s="2">
        <v>1</v>
      </c>
      <c r="K2679" s="2">
        <v>0</v>
      </c>
      <c r="L2679" t="s">
        <v>82</v>
      </c>
      <c r="M2679" t="s">
        <v>87</v>
      </c>
      <c r="N2679" t="s">
        <v>88</v>
      </c>
      <c r="O2679" t="s">
        <v>85</v>
      </c>
      <c r="P2679" t="s">
        <v>86</v>
      </c>
      <c r="Q2679">
        <v>11</v>
      </c>
      <c r="R2679">
        <v>11</v>
      </c>
      <c r="S2679">
        <v>11</v>
      </c>
      <c r="T2679">
        <v>11</v>
      </c>
      <c r="U2679">
        <v>11</v>
      </c>
      <c r="V2679">
        <v>11</v>
      </c>
      <c r="W2679">
        <v>10</v>
      </c>
      <c r="X2679">
        <v>10</v>
      </c>
      <c r="Y2679">
        <v>10</v>
      </c>
      <c r="Z2679">
        <v>10</v>
      </c>
      <c r="AA2679">
        <v>10</v>
      </c>
      <c r="AB2679">
        <v>10</v>
      </c>
      <c r="AC2679">
        <v>10</v>
      </c>
      <c r="AD2679">
        <v>10</v>
      </c>
      <c r="AE2679">
        <v>10</v>
      </c>
      <c r="AF2679">
        <v>10</v>
      </c>
      <c r="AG2679">
        <v>10</v>
      </c>
      <c r="AH2679">
        <v>10</v>
      </c>
      <c r="AI2679">
        <v>10</v>
      </c>
      <c r="AJ2679">
        <v>10</v>
      </c>
      <c r="AK2679">
        <v>10</v>
      </c>
      <c r="AL2679">
        <v>10</v>
      </c>
      <c r="AM2679">
        <v>10</v>
      </c>
      <c r="AN2679">
        <v>10</v>
      </c>
      <c r="AO2679">
        <v>10</v>
      </c>
      <c r="AP2679">
        <v>10</v>
      </c>
      <c r="AQ2679">
        <v>10</v>
      </c>
    </row>
    <row r="2680" spans="1:43">
      <c r="A2680" t="s">
        <v>1722</v>
      </c>
      <c r="B2680" t="s">
        <v>1723</v>
      </c>
      <c r="C2680" t="s">
        <v>1724</v>
      </c>
      <c r="D2680" t="s">
        <v>1725</v>
      </c>
      <c r="E2680" t="s">
        <v>1586</v>
      </c>
      <c r="F2680" t="s">
        <v>1587</v>
      </c>
      <c r="G2680" t="s">
        <v>80</v>
      </c>
      <c r="H2680" t="s">
        <v>81</v>
      </c>
      <c r="I2680" s="2">
        <v>0</v>
      </c>
      <c r="J2680" s="2">
        <v>1</v>
      </c>
      <c r="K2680" s="2">
        <v>0</v>
      </c>
      <c r="L2680" t="s">
        <v>82</v>
      </c>
      <c r="M2680" t="s">
        <v>89</v>
      </c>
      <c r="N2680" t="s">
        <v>90</v>
      </c>
      <c r="O2680" t="s">
        <v>85</v>
      </c>
      <c r="P2680" t="s">
        <v>86</v>
      </c>
      <c r="Q2680">
        <v>11</v>
      </c>
      <c r="R2680">
        <v>11</v>
      </c>
      <c r="S2680">
        <v>11</v>
      </c>
      <c r="T2680">
        <v>11</v>
      </c>
      <c r="U2680">
        <v>11</v>
      </c>
      <c r="V2680">
        <v>12</v>
      </c>
      <c r="W2680">
        <v>12</v>
      </c>
      <c r="X2680">
        <v>12</v>
      </c>
      <c r="Y2680">
        <v>12</v>
      </c>
      <c r="Z2680">
        <v>12</v>
      </c>
      <c r="AA2680">
        <v>12</v>
      </c>
      <c r="AB2680">
        <v>12</v>
      </c>
      <c r="AC2680">
        <v>12</v>
      </c>
      <c r="AD2680">
        <v>12</v>
      </c>
      <c r="AE2680">
        <v>12</v>
      </c>
      <c r="AF2680">
        <v>12</v>
      </c>
      <c r="AG2680">
        <v>12</v>
      </c>
      <c r="AH2680">
        <v>12</v>
      </c>
      <c r="AI2680">
        <v>12</v>
      </c>
      <c r="AJ2680">
        <v>12</v>
      </c>
      <c r="AK2680">
        <v>12</v>
      </c>
      <c r="AL2680">
        <v>11</v>
      </c>
      <c r="AM2680">
        <v>11</v>
      </c>
      <c r="AN2680">
        <v>11</v>
      </c>
      <c r="AO2680">
        <v>11</v>
      </c>
      <c r="AP2680">
        <v>11</v>
      </c>
      <c r="AQ2680">
        <v>11</v>
      </c>
    </row>
    <row r="2681" spans="1:43">
      <c r="A2681" t="s">
        <v>1722</v>
      </c>
      <c r="B2681" t="s">
        <v>1723</v>
      </c>
      <c r="C2681" t="s">
        <v>1724</v>
      </c>
      <c r="D2681" t="s">
        <v>1725</v>
      </c>
      <c r="E2681" t="s">
        <v>1586</v>
      </c>
      <c r="F2681" t="s">
        <v>1587</v>
      </c>
      <c r="G2681" t="s">
        <v>80</v>
      </c>
      <c r="H2681" t="s">
        <v>81</v>
      </c>
      <c r="I2681" s="2">
        <v>0</v>
      </c>
      <c r="J2681" s="2">
        <v>1</v>
      </c>
      <c r="K2681" s="2">
        <v>0</v>
      </c>
      <c r="L2681" t="s">
        <v>82</v>
      </c>
      <c r="M2681" t="s">
        <v>83</v>
      </c>
      <c r="N2681" t="s">
        <v>91</v>
      </c>
      <c r="O2681" t="s">
        <v>85</v>
      </c>
      <c r="P2681" t="s">
        <v>86</v>
      </c>
      <c r="Q2681">
        <v>11</v>
      </c>
      <c r="R2681">
        <v>11</v>
      </c>
      <c r="S2681">
        <v>11</v>
      </c>
      <c r="T2681">
        <v>11</v>
      </c>
      <c r="U2681">
        <v>11</v>
      </c>
      <c r="V2681">
        <v>11</v>
      </c>
      <c r="W2681">
        <v>11</v>
      </c>
      <c r="X2681">
        <v>11</v>
      </c>
      <c r="Y2681">
        <v>11</v>
      </c>
      <c r="Z2681">
        <v>11</v>
      </c>
      <c r="AA2681">
        <v>11</v>
      </c>
      <c r="AB2681">
        <v>11</v>
      </c>
      <c r="AC2681">
        <v>11</v>
      </c>
      <c r="AD2681">
        <v>11</v>
      </c>
      <c r="AE2681">
        <v>11</v>
      </c>
      <c r="AF2681">
        <v>11</v>
      </c>
      <c r="AG2681">
        <v>11</v>
      </c>
      <c r="AH2681">
        <v>11</v>
      </c>
      <c r="AI2681">
        <v>11</v>
      </c>
      <c r="AJ2681">
        <v>11</v>
      </c>
      <c r="AK2681">
        <v>11</v>
      </c>
      <c r="AL2681">
        <v>11</v>
      </c>
      <c r="AM2681">
        <v>11</v>
      </c>
      <c r="AN2681">
        <v>11</v>
      </c>
      <c r="AO2681">
        <v>11</v>
      </c>
      <c r="AP2681">
        <v>11</v>
      </c>
      <c r="AQ2681">
        <v>11</v>
      </c>
    </row>
    <row r="2682" spans="1:43">
      <c r="A2682" t="s">
        <v>1726</v>
      </c>
      <c r="B2682" t="s">
        <v>1727</v>
      </c>
      <c r="C2682" t="s">
        <v>1720</v>
      </c>
      <c r="D2682" t="s">
        <v>1721</v>
      </c>
      <c r="E2682" t="s">
        <v>1586</v>
      </c>
      <c r="F2682" t="s">
        <v>1587</v>
      </c>
      <c r="G2682" t="s">
        <v>80</v>
      </c>
      <c r="H2682" t="s">
        <v>81</v>
      </c>
      <c r="I2682" s="2">
        <v>0</v>
      </c>
      <c r="J2682" s="2">
        <v>1</v>
      </c>
      <c r="K2682" s="2">
        <v>0</v>
      </c>
      <c r="L2682" t="s">
        <v>82</v>
      </c>
      <c r="M2682" t="s">
        <v>83</v>
      </c>
      <c r="N2682" t="s">
        <v>84</v>
      </c>
      <c r="O2682" t="s">
        <v>85</v>
      </c>
      <c r="P2682" t="s">
        <v>86</v>
      </c>
      <c r="Q2682">
        <v>13</v>
      </c>
      <c r="R2682">
        <v>13</v>
      </c>
      <c r="S2682">
        <v>13</v>
      </c>
      <c r="T2682">
        <v>13</v>
      </c>
      <c r="U2682">
        <v>13</v>
      </c>
      <c r="V2682">
        <v>13</v>
      </c>
      <c r="W2682">
        <v>13</v>
      </c>
      <c r="X2682">
        <v>13</v>
      </c>
      <c r="Y2682">
        <v>13</v>
      </c>
      <c r="Z2682">
        <v>13</v>
      </c>
      <c r="AA2682">
        <v>13</v>
      </c>
      <c r="AB2682">
        <v>13</v>
      </c>
      <c r="AC2682">
        <v>13</v>
      </c>
      <c r="AD2682">
        <v>13</v>
      </c>
      <c r="AE2682">
        <v>13</v>
      </c>
      <c r="AF2682">
        <v>13</v>
      </c>
      <c r="AG2682">
        <v>13</v>
      </c>
      <c r="AH2682">
        <v>13</v>
      </c>
      <c r="AI2682">
        <v>13</v>
      </c>
      <c r="AJ2682">
        <v>13</v>
      </c>
      <c r="AK2682">
        <v>13</v>
      </c>
      <c r="AL2682">
        <v>13</v>
      </c>
      <c r="AM2682">
        <v>13</v>
      </c>
      <c r="AN2682">
        <v>13</v>
      </c>
      <c r="AO2682">
        <v>13</v>
      </c>
      <c r="AP2682">
        <v>13</v>
      </c>
      <c r="AQ2682">
        <v>13</v>
      </c>
    </row>
    <row r="2683" spans="1:43">
      <c r="A2683" t="s">
        <v>1726</v>
      </c>
      <c r="B2683" t="s">
        <v>1727</v>
      </c>
      <c r="C2683" t="s">
        <v>1720</v>
      </c>
      <c r="D2683" t="s">
        <v>1721</v>
      </c>
      <c r="E2683" t="s">
        <v>1586</v>
      </c>
      <c r="F2683" t="s">
        <v>1587</v>
      </c>
      <c r="G2683" t="s">
        <v>80</v>
      </c>
      <c r="H2683" t="s">
        <v>81</v>
      </c>
      <c r="I2683" s="2">
        <v>0</v>
      </c>
      <c r="J2683" s="2">
        <v>1</v>
      </c>
      <c r="K2683" s="2">
        <v>0</v>
      </c>
      <c r="L2683" t="s">
        <v>82</v>
      </c>
      <c r="M2683" t="s">
        <v>87</v>
      </c>
      <c r="N2683" t="s">
        <v>88</v>
      </c>
      <c r="O2683" t="s">
        <v>85</v>
      </c>
      <c r="P2683" t="s">
        <v>86</v>
      </c>
      <c r="Q2683">
        <v>13</v>
      </c>
      <c r="R2683">
        <v>13</v>
      </c>
      <c r="S2683">
        <v>12</v>
      </c>
      <c r="T2683">
        <v>12</v>
      </c>
      <c r="U2683">
        <v>12</v>
      </c>
      <c r="V2683">
        <v>12</v>
      </c>
      <c r="W2683">
        <v>12</v>
      </c>
      <c r="X2683">
        <v>12</v>
      </c>
      <c r="Y2683">
        <v>12</v>
      </c>
      <c r="Z2683">
        <v>12</v>
      </c>
      <c r="AA2683">
        <v>12</v>
      </c>
      <c r="AB2683">
        <v>12</v>
      </c>
      <c r="AC2683">
        <v>12</v>
      </c>
      <c r="AD2683">
        <v>12</v>
      </c>
      <c r="AE2683">
        <v>12</v>
      </c>
      <c r="AF2683">
        <v>12</v>
      </c>
      <c r="AG2683">
        <v>12</v>
      </c>
      <c r="AH2683">
        <v>12</v>
      </c>
      <c r="AI2683">
        <v>12</v>
      </c>
      <c r="AJ2683">
        <v>12</v>
      </c>
      <c r="AK2683">
        <v>11</v>
      </c>
      <c r="AL2683">
        <v>11</v>
      </c>
      <c r="AM2683">
        <v>11</v>
      </c>
      <c r="AN2683">
        <v>11</v>
      </c>
      <c r="AO2683">
        <v>11</v>
      </c>
      <c r="AP2683">
        <v>11</v>
      </c>
      <c r="AQ2683">
        <v>11</v>
      </c>
    </row>
    <row r="2684" spans="1:43">
      <c r="A2684" t="s">
        <v>1726</v>
      </c>
      <c r="B2684" t="s">
        <v>1727</v>
      </c>
      <c r="C2684" t="s">
        <v>1720</v>
      </c>
      <c r="D2684" t="s">
        <v>1721</v>
      </c>
      <c r="E2684" t="s">
        <v>1586</v>
      </c>
      <c r="F2684" t="s">
        <v>1587</v>
      </c>
      <c r="G2684" t="s">
        <v>80</v>
      </c>
      <c r="H2684" t="s">
        <v>81</v>
      </c>
      <c r="I2684" s="2">
        <v>0</v>
      </c>
      <c r="J2684" s="2">
        <v>1</v>
      </c>
      <c r="K2684" s="2">
        <v>0</v>
      </c>
      <c r="L2684" t="s">
        <v>82</v>
      </c>
      <c r="M2684" t="s">
        <v>89</v>
      </c>
      <c r="N2684" t="s">
        <v>90</v>
      </c>
      <c r="O2684" t="s">
        <v>85</v>
      </c>
      <c r="P2684" t="s">
        <v>86</v>
      </c>
      <c r="Q2684">
        <v>13</v>
      </c>
      <c r="R2684">
        <v>13</v>
      </c>
      <c r="S2684">
        <v>13</v>
      </c>
      <c r="T2684">
        <v>13</v>
      </c>
      <c r="U2684">
        <v>13</v>
      </c>
      <c r="V2684">
        <v>14</v>
      </c>
      <c r="W2684">
        <v>14</v>
      </c>
      <c r="X2684">
        <v>14</v>
      </c>
      <c r="Y2684">
        <v>14</v>
      </c>
      <c r="Z2684">
        <v>14</v>
      </c>
      <c r="AA2684">
        <v>14</v>
      </c>
      <c r="AB2684">
        <v>14</v>
      </c>
      <c r="AC2684">
        <v>14</v>
      </c>
      <c r="AD2684">
        <v>14</v>
      </c>
      <c r="AE2684">
        <v>14</v>
      </c>
      <c r="AF2684">
        <v>14</v>
      </c>
      <c r="AG2684">
        <v>14</v>
      </c>
      <c r="AH2684">
        <v>14</v>
      </c>
      <c r="AI2684">
        <v>14</v>
      </c>
      <c r="AJ2684">
        <v>14</v>
      </c>
      <c r="AK2684">
        <v>14</v>
      </c>
      <c r="AL2684">
        <v>13</v>
      </c>
      <c r="AM2684">
        <v>13</v>
      </c>
      <c r="AN2684">
        <v>13</v>
      </c>
      <c r="AO2684">
        <v>13</v>
      </c>
      <c r="AP2684">
        <v>13</v>
      </c>
      <c r="AQ2684">
        <v>13</v>
      </c>
    </row>
    <row r="2685" spans="1:43">
      <c r="A2685" t="s">
        <v>1726</v>
      </c>
      <c r="B2685" t="s">
        <v>1727</v>
      </c>
      <c r="C2685" t="s">
        <v>1720</v>
      </c>
      <c r="D2685" t="s">
        <v>1721</v>
      </c>
      <c r="E2685" t="s">
        <v>1586</v>
      </c>
      <c r="F2685" t="s">
        <v>1587</v>
      </c>
      <c r="G2685" t="s">
        <v>80</v>
      </c>
      <c r="H2685" t="s">
        <v>81</v>
      </c>
      <c r="I2685" s="2">
        <v>0</v>
      </c>
      <c r="J2685" s="2">
        <v>1</v>
      </c>
      <c r="K2685" s="2">
        <v>0</v>
      </c>
      <c r="L2685" t="s">
        <v>82</v>
      </c>
      <c r="M2685" t="s">
        <v>83</v>
      </c>
      <c r="N2685" t="s">
        <v>91</v>
      </c>
      <c r="O2685" t="s">
        <v>85</v>
      </c>
      <c r="P2685" t="s">
        <v>86</v>
      </c>
      <c r="Q2685">
        <v>13</v>
      </c>
      <c r="R2685">
        <v>13</v>
      </c>
      <c r="S2685">
        <v>13</v>
      </c>
      <c r="T2685">
        <v>13</v>
      </c>
      <c r="U2685">
        <v>13</v>
      </c>
      <c r="V2685">
        <v>13</v>
      </c>
      <c r="W2685">
        <v>13</v>
      </c>
      <c r="X2685">
        <v>13</v>
      </c>
      <c r="Y2685">
        <v>13</v>
      </c>
      <c r="Z2685">
        <v>13</v>
      </c>
      <c r="AA2685">
        <v>13</v>
      </c>
      <c r="AB2685">
        <v>13</v>
      </c>
      <c r="AC2685">
        <v>13</v>
      </c>
      <c r="AD2685">
        <v>13</v>
      </c>
      <c r="AE2685">
        <v>13</v>
      </c>
      <c r="AF2685">
        <v>13</v>
      </c>
      <c r="AG2685">
        <v>13</v>
      </c>
      <c r="AH2685">
        <v>13</v>
      </c>
      <c r="AI2685">
        <v>13</v>
      </c>
      <c r="AJ2685">
        <v>13</v>
      </c>
      <c r="AK2685">
        <v>13</v>
      </c>
      <c r="AL2685">
        <v>13</v>
      </c>
      <c r="AM2685">
        <v>13</v>
      </c>
      <c r="AN2685">
        <v>13</v>
      </c>
      <c r="AO2685">
        <v>13</v>
      </c>
      <c r="AP2685">
        <v>13</v>
      </c>
      <c r="AQ2685">
        <v>13</v>
      </c>
    </row>
    <row r="2686" spans="1:43">
      <c r="A2686" t="s">
        <v>1728</v>
      </c>
      <c r="B2686" t="s">
        <v>1729</v>
      </c>
      <c r="C2686" t="s">
        <v>1724</v>
      </c>
      <c r="D2686" t="s">
        <v>1725</v>
      </c>
      <c r="E2686" t="s">
        <v>1586</v>
      </c>
      <c r="F2686" t="s">
        <v>1587</v>
      </c>
      <c r="G2686" t="s">
        <v>80</v>
      </c>
      <c r="H2686" t="s">
        <v>81</v>
      </c>
      <c r="I2686" s="2">
        <v>0</v>
      </c>
      <c r="J2686" s="2">
        <v>1</v>
      </c>
      <c r="K2686" s="2">
        <v>0</v>
      </c>
      <c r="L2686" t="s">
        <v>82</v>
      </c>
      <c r="M2686" t="s">
        <v>83</v>
      </c>
      <c r="N2686" t="s">
        <v>84</v>
      </c>
      <c r="O2686" t="s">
        <v>85</v>
      </c>
      <c r="P2686" t="s">
        <v>86</v>
      </c>
      <c r="Q2686">
        <v>40</v>
      </c>
      <c r="R2686">
        <v>40</v>
      </c>
      <c r="S2686">
        <v>40</v>
      </c>
      <c r="T2686">
        <v>40</v>
      </c>
      <c r="U2686">
        <v>40</v>
      </c>
      <c r="V2686">
        <v>41</v>
      </c>
      <c r="W2686">
        <v>41</v>
      </c>
      <c r="X2686">
        <v>41</v>
      </c>
      <c r="Y2686">
        <v>41</v>
      </c>
      <c r="Z2686">
        <v>41</v>
      </c>
      <c r="AA2686">
        <v>41</v>
      </c>
      <c r="AB2686">
        <v>41</v>
      </c>
      <c r="AC2686">
        <v>41</v>
      </c>
      <c r="AD2686">
        <v>41</v>
      </c>
      <c r="AE2686">
        <v>42</v>
      </c>
      <c r="AF2686">
        <v>42</v>
      </c>
      <c r="AG2686">
        <v>42</v>
      </c>
      <c r="AH2686">
        <v>42</v>
      </c>
      <c r="AI2686">
        <v>42</v>
      </c>
      <c r="AJ2686">
        <v>42</v>
      </c>
      <c r="AK2686">
        <v>42</v>
      </c>
      <c r="AL2686">
        <v>42</v>
      </c>
      <c r="AM2686">
        <v>41</v>
      </c>
      <c r="AN2686">
        <v>41</v>
      </c>
      <c r="AO2686">
        <v>41</v>
      </c>
      <c r="AP2686">
        <v>40</v>
      </c>
      <c r="AQ2686">
        <v>40</v>
      </c>
    </row>
    <row r="2687" spans="1:43">
      <c r="A2687" t="s">
        <v>1728</v>
      </c>
      <c r="B2687" t="s">
        <v>1729</v>
      </c>
      <c r="C2687" t="s">
        <v>1724</v>
      </c>
      <c r="D2687" t="s">
        <v>1725</v>
      </c>
      <c r="E2687" t="s">
        <v>1586</v>
      </c>
      <c r="F2687" t="s">
        <v>1587</v>
      </c>
      <c r="G2687" t="s">
        <v>80</v>
      </c>
      <c r="H2687" t="s">
        <v>81</v>
      </c>
      <c r="I2687" s="2">
        <v>0</v>
      </c>
      <c r="J2687" s="2">
        <v>1</v>
      </c>
      <c r="K2687" s="2">
        <v>0</v>
      </c>
      <c r="L2687" t="s">
        <v>82</v>
      </c>
      <c r="M2687" t="s">
        <v>87</v>
      </c>
      <c r="N2687" t="s">
        <v>88</v>
      </c>
      <c r="O2687" t="s">
        <v>85</v>
      </c>
      <c r="P2687" t="s">
        <v>86</v>
      </c>
      <c r="Q2687">
        <v>40</v>
      </c>
      <c r="R2687">
        <v>40</v>
      </c>
      <c r="S2687">
        <v>40</v>
      </c>
      <c r="T2687">
        <v>40</v>
      </c>
      <c r="U2687">
        <v>40</v>
      </c>
      <c r="V2687">
        <v>39</v>
      </c>
      <c r="W2687">
        <v>39</v>
      </c>
      <c r="X2687">
        <v>39</v>
      </c>
      <c r="Y2687">
        <v>39</v>
      </c>
      <c r="Z2687">
        <v>39</v>
      </c>
      <c r="AA2687">
        <v>39</v>
      </c>
      <c r="AB2687">
        <v>38</v>
      </c>
      <c r="AC2687">
        <v>38</v>
      </c>
      <c r="AD2687">
        <v>38</v>
      </c>
      <c r="AE2687">
        <v>38</v>
      </c>
      <c r="AF2687">
        <v>38</v>
      </c>
      <c r="AG2687">
        <v>37</v>
      </c>
      <c r="AH2687">
        <v>37</v>
      </c>
      <c r="AI2687">
        <v>37</v>
      </c>
      <c r="AJ2687">
        <v>37</v>
      </c>
      <c r="AK2687">
        <v>37</v>
      </c>
      <c r="AL2687">
        <v>37</v>
      </c>
      <c r="AM2687">
        <v>37</v>
      </c>
      <c r="AN2687">
        <v>36</v>
      </c>
      <c r="AO2687">
        <v>36</v>
      </c>
      <c r="AP2687">
        <v>36</v>
      </c>
      <c r="AQ2687">
        <v>36</v>
      </c>
    </row>
    <row r="2688" spans="1:43">
      <c r="A2688" t="s">
        <v>1728</v>
      </c>
      <c r="B2688" t="s">
        <v>1729</v>
      </c>
      <c r="C2688" t="s">
        <v>1724</v>
      </c>
      <c r="D2688" t="s">
        <v>1725</v>
      </c>
      <c r="E2688" t="s">
        <v>1586</v>
      </c>
      <c r="F2688" t="s">
        <v>1587</v>
      </c>
      <c r="G2688" t="s">
        <v>80</v>
      </c>
      <c r="H2688" t="s">
        <v>81</v>
      </c>
      <c r="I2688" s="2">
        <v>0</v>
      </c>
      <c r="J2688" s="2">
        <v>1</v>
      </c>
      <c r="K2688" s="2">
        <v>0</v>
      </c>
      <c r="L2688" t="s">
        <v>82</v>
      </c>
      <c r="M2688" t="s">
        <v>89</v>
      </c>
      <c r="N2688" t="s">
        <v>90</v>
      </c>
      <c r="O2688" t="s">
        <v>85</v>
      </c>
      <c r="P2688" t="s">
        <v>86</v>
      </c>
      <c r="Q2688">
        <v>40</v>
      </c>
      <c r="R2688">
        <v>41</v>
      </c>
      <c r="S2688">
        <v>41</v>
      </c>
      <c r="T2688">
        <v>42</v>
      </c>
      <c r="U2688">
        <v>42</v>
      </c>
      <c r="V2688">
        <v>42</v>
      </c>
      <c r="W2688">
        <v>43</v>
      </c>
      <c r="X2688">
        <v>43</v>
      </c>
      <c r="Y2688">
        <v>43</v>
      </c>
      <c r="Z2688">
        <v>44</v>
      </c>
      <c r="AA2688">
        <v>44</v>
      </c>
      <c r="AB2688">
        <v>44</v>
      </c>
      <c r="AC2688">
        <v>44</v>
      </c>
      <c r="AD2688">
        <v>44</v>
      </c>
      <c r="AE2688">
        <v>44</v>
      </c>
      <c r="AF2688">
        <v>44</v>
      </c>
      <c r="AG2688">
        <v>44</v>
      </c>
      <c r="AH2688">
        <v>43</v>
      </c>
      <c r="AI2688">
        <v>43</v>
      </c>
      <c r="AJ2688">
        <v>43</v>
      </c>
      <c r="AK2688">
        <v>42</v>
      </c>
      <c r="AL2688">
        <v>42</v>
      </c>
      <c r="AM2688">
        <v>42</v>
      </c>
      <c r="AN2688">
        <v>41</v>
      </c>
      <c r="AO2688">
        <v>41</v>
      </c>
      <c r="AP2688">
        <v>41</v>
      </c>
      <c r="AQ2688">
        <v>40</v>
      </c>
    </row>
    <row r="2689" spans="1:43">
      <c r="A2689" t="s">
        <v>1728</v>
      </c>
      <c r="B2689" t="s">
        <v>1729</v>
      </c>
      <c r="C2689" t="s">
        <v>1724</v>
      </c>
      <c r="D2689" t="s">
        <v>1725</v>
      </c>
      <c r="E2689" t="s">
        <v>1586</v>
      </c>
      <c r="F2689" t="s">
        <v>1587</v>
      </c>
      <c r="G2689" t="s">
        <v>80</v>
      </c>
      <c r="H2689" t="s">
        <v>81</v>
      </c>
      <c r="I2689" s="2">
        <v>0</v>
      </c>
      <c r="J2689" s="2">
        <v>1</v>
      </c>
      <c r="K2689" s="2">
        <v>0</v>
      </c>
      <c r="L2689" t="s">
        <v>82</v>
      </c>
      <c r="M2689" t="s">
        <v>83</v>
      </c>
      <c r="N2689" t="s">
        <v>91</v>
      </c>
      <c r="O2689" t="s">
        <v>85</v>
      </c>
      <c r="P2689" t="s">
        <v>86</v>
      </c>
      <c r="Q2689">
        <v>40</v>
      </c>
      <c r="R2689">
        <v>40</v>
      </c>
      <c r="S2689">
        <v>40</v>
      </c>
      <c r="T2689">
        <v>40</v>
      </c>
      <c r="U2689">
        <v>40</v>
      </c>
      <c r="V2689">
        <v>41</v>
      </c>
      <c r="W2689">
        <v>41</v>
      </c>
      <c r="X2689">
        <v>41</v>
      </c>
      <c r="Y2689">
        <v>41</v>
      </c>
      <c r="Z2689">
        <v>41</v>
      </c>
      <c r="AA2689">
        <v>41</v>
      </c>
      <c r="AB2689">
        <v>41</v>
      </c>
      <c r="AC2689">
        <v>41</v>
      </c>
      <c r="AD2689">
        <v>41</v>
      </c>
      <c r="AE2689">
        <v>42</v>
      </c>
      <c r="AF2689">
        <v>42</v>
      </c>
      <c r="AG2689">
        <v>42</v>
      </c>
      <c r="AH2689">
        <v>42</v>
      </c>
      <c r="AI2689">
        <v>42</v>
      </c>
      <c r="AJ2689">
        <v>42</v>
      </c>
      <c r="AK2689">
        <v>42</v>
      </c>
      <c r="AL2689">
        <v>42</v>
      </c>
      <c r="AM2689">
        <v>41</v>
      </c>
      <c r="AN2689">
        <v>41</v>
      </c>
      <c r="AO2689">
        <v>41</v>
      </c>
      <c r="AP2689">
        <v>40</v>
      </c>
      <c r="AQ2689">
        <v>40</v>
      </c>
    </row>
    <row r="2690" spans="1:43">
      <c r="A2690" t="s">
        <v>1730</v>
      </c>
      <c r="B2690" t="s">
        <v>1731</v>
      </c>
      <c r="C2690" t="s">
        <v>1724</v>
      </c>
      <c r="D2690" t="s">
        <v>1725</v>
      </c>
      <c r="E2690" t="s">
        <v>1586</v>
      </c>
      <c r="F2690" t="s">
        <v>1587</v>
      </c>
      <c r="G2690" t="s">
        <v>80</v>
      </c>
      <c r="H2690" t="s">
        <v>81</v>
      </c>
      <c r="I2690" s="2">
        <v>0</v>
      </c>
      <c r="J2690" s="2">
        <v>1</v>
      </c>
      <c r="K2690" s="2">
        <v>0</v>
      </c>
      <c r="L2690" t="s">
        <v>82</v>
      </c>
      <c r="M2690" t="s">
        <v>83</v>
      </c>
      <c r="N2690" t="s">
        <v>84</v>
      </c>
      <c r="O2690" t="s">
        <v>85</v>
      </c>
      <c r="P2690" t="s">
        <v>86</v>
      </c>
      <c r="Q2690">
        <v>50</v>
      </c>
      <c r="R2690">
        <v>50</v>
      </c>
      <c r="S2690">
        <v>50</v>
      </c>
      <c r="T2690">
        <v>50</v>
      </c>
      <c r="U2690">
        <v>50</v>
      </c>
      <c r="V2690">
        <v>51</v>
      </c>
      <c r="W2690">
        <v>51</v>
      </c>
      <c r="X2690">
        <v>51</v>
      </c>
      <c r="Y2690">
        <v>51</v>
      </c>
      <c r="Z2690">
        <v>51</v>
      </c>
      <c r="AA2690">
        <v>51</v>
      </c>
      <c r="AB2690">
        <v>52</v>
      </c>
      <c r="AC2690">
        <v>52</v>
      </c>
      <c r="AD2690">
        <v>52</v>
      </c>
      <c r="AE2690">
        <v>52</v>
      </c>
      <c r="AF2690">
        <v>52</v>
      </c>
      <c r="AG2690">
        <v>52</v>
      </c>
      <c r="AH2690">
        <v>52</v>
      </c>
      <c r="AI2690">
        <v>52</v>
      </c>
      <c r="AJ2690">
        <v>52</v>
      </c>
      <c r="AK2690">
        <v>52</v>
      </c>
      <c r="AL2690">
        <v>52</v>
      </c>
      <c r="AM2690">
        <v>52</v>
      </c>
      <c r="AN2690">
        <v>51</v>
      </c>
      <c r="AO2690">
        <v>51</v>
      </c>
      <c r="AP2690">
        <v>50</v>
      </c>
      <c r="AQ2690">
        <v>50</v>
      </c>
    </row>
    <row r="2691" spans="1:43">
      <c r="A2691" t="s">
        <v>1730</v>
      </c>
      <c r="B2691" t="s">
        <v>1731</v>
      </c>
      <c r="C2691" t="s">
        <v>1724</v>
      </c>
      <c r="D2691" t="s">
        <v>1725</v>
      </c>
      <c r="E2691" t="s">
        <v>1586</v>
      </c>
      <c r="F2691" t="s">
        <v>1587</v>
      </c>
      <c r="G2691" t="s">
        <v>80</v>
      </c>
      <c r="H2691" t="s">
        <v>81</v>
      </c>
      <c r="I2691" s="2">
        <v>0</v>
      </c>
      <c r="J2691" s="2">
        <v>1</v>
      </c>
      <c r="K2691" s="2">
        <v>0</v>
      </c>
      <c r="L2691" t="s">
        <v>82</v>
      </c>
      <c r="M2691" t="s">
        <v>87</v>
      </c>
      <c r="N2691" t="s">
        <v>88</v>
      </c>
      <c r="O2691" t="s">
        <v>85</v>
      </c>
      <c r="P2691" t="s">
        <v>86</v>
      </c>
      <c r="Q2691">
        <v>50</v>
      </c>
      <c r="R2691">
        <v>50</v>
      </c>
      <c r="S2691">
        <v>50</v>
      </c>
      <c r="T2691">
        <v>49</v>
      </c>
      <c r="U2691">
        <v>49</v>
      </c>
      <c r="V2691">
        <v>49</v>
      </c>
      <c r="W2691">
        <v>49</v>
      </c>
      <c r="X2691">
        <v>49</v>
      </c>
      <c r="Y2691">
        <v>48</v>
      </c>
      <c r="Z2691">
        <v>48</v>
      </c>
      <c r="AA2691">
        <v>48</v>
      </c>
      <c r="AB2691">
        <v>48</v>
      </c>
      <c r="AC2691">
        <v>47</v>
      </c>
      <c r="AD2691">
        <v>47</v>
      </c>
      <c r="AE2691">
        <v>47</v>
      </c>
      <c r="AF2691">
        <v>47</v>
      </c>
      <c r="AG2691">
        <v>47</v>
      </c>
      <c r="AH2691">
        <v>46</v>
      </c>
      <c r="AI2691">
        <v>46</v>
      </c>
      <c r="AJ2691">
        <v>46</v>
      </c>
      <c r="AK2691">
        <v>46</v>
      </c>
      <c r="AL2691">
        <v>46</v>
      </c>
      <c r="AM2691">
        <v>45</v>
      </c>
      <c r="AN2691">
        <v>45</v>
      </c>
      <c r="AO2691">
        <v>45</v>
      </c>
      <c r="AP2691">
        <v>45</v>
      </c>
      <c r="AQ2691">
        <v>45</v>
      </c>
    </row>
    <row r="2692" spans="1:43">
      <c r="A2692" t="s">
        <v>1730</v>
      </c>
      <c r="B2692" t="s">
        <v>1731</v>
      </c>
      <c r="C2692" t="s">
        <v>1724</v>
      </c>
      <c r="D2692" t="s">
        <v>1725</v>
      </c>
      <c r="E2692" t="s">
        <v>1586</v>
      </c>
      <c r="F2692" t="s">
        <v>1587</v>
      </c>
      <c r="G2692" t="s">
        <v>80</v>
      </c>
      <c r="H2692" t="s">
        <v>81</v>
      </c>
      <c r="I2692" s="2">
        <v>0</v>
      </c>
      <c r="J2692" s="2">
        <v>1</v>
      </c>
      <c r="K2692" s="2">
        <v>0</v>
      </c>
      <c r="L2692" t="s">
        <v>82</v>
      </c>
      <c r="M2692" t="s">
        <v>89</v>
      </c>
      <c r="N2692" t="s">
        <v>90</v>
      </c>
      <c r="O2692" t="s">
        <v>85</v>
      </c>
      <c r="P2692" t="s">
        <v>86</v>
      </c>
      <c r="Q2692">
        <v>50</v>
      </c>
      <c r="R2692">
        <v>51</v>
      </c>
      <c r="S2692">
        <v>51</v>
      </c>
      <c r="T2692">
        <v>52</v>
      </c>
      <c r="U2692">
        <v>52</v>
      </c>
      <c r="V2692">
        <v>53</v>
      </c>
      <c r="W2692">
        <v>53</v>
      </c>
      <c r="X2692">
        <v>54</v>
      </c>
      <c r="Y2692">
        <v>54</v>
      </c>
      <c r="Z2692">
        <v>54</v>
      </c>
      <c r="AA2692">
        <v>55</v>
      </c>
      <c r="AB2692">
        <v>55</v>
      </c>
      <c r="AC2692">
        <v>55</v>
      </c>
      <c r="AD2692">
        <v>55</v>
      </c>
      <c r="AE2692">
        <v>55</v>
      </c>
      <c r="AF2692">
        <v>55</v>
      </c>
      <c r="AG2692">
        <v>55</v>
      </c>
      <c r="AH2692">
        <v>54</v>
      </c>
      <c r="AI2692">
        <v>54</v>
      </c>
      <c r="AJ2692">
        <v>53</v>
      </c>
      <c r="AK2692">
        <v>53</v>
      </c>
      <c r="AL2692">
        <v>52</v>
      </c>
      <c r="AM2692">
        <v>52</v>
      </c>
      <c r="AN2692">
        <v>52</v>
      </c>
      <c r="AO2692">
        <v>51</v>
      </c>
      <c r="AP2692">
        <v>51</v>
      </c>
      <c r="AQ2692">
        <v>50</v>
      </c>
    </row>
    <row r="2693" spans="1:43">
      <c r="A2693" t="s">
        <v>1730</v>
      </c>
      <c r="B2693" t="s">
        <v>1731</v>
      </c>
      <c r="C2693" t="s">
        <v>1724</v>
      </c>
      <c r="D2693" t="s">
        <v>1725</v>
      </c>
      <c r="E2693" t="s">
        <v>1586</v>
      </c>
      <c r="F2693" t="s">
        <v>1587</v>
      </c>
      <c r="G2693" t="s">
        <v>80</v>
      </c>
      <c r="H2693" t="s">
        <v>81</v>
      </c>
      <c r="I2693" s="2">
        <v>0</v>
      </c>
      <c r="J2693" s="2">
        <v>1</v>
      </c>
      <c r="K2693" s="2">
        <v>0</v>
      </c>
      <c r="L2693" t="s">
        <v>82</v>
      </c>
      <c r="M2693" t="s">
        <v>83</v>
      </c>
      <c r="N2693" t="s">
        <v>91</v>
      </c>
      <c r="O2693" t="s">
        <v>85</v>
      </c>
      <c r="P2693" t="s">
        <v>86</v>
      </c>
      <c r="Q2693">
        <v>50</v>
      </c>
      <c r="R2693">
        <v>50</v>
      </c>
      <c r="S2693">
        <v>50</v>
      </c>
      <c r="T2693">
        <v>50</v>
      </c>
      <c r="U2693">
        <v>50</v>
      </c>
      <c r="V2693">
        <v>51</v>
      </c>
      <c r="W2693">
        <v>51</v>
      </c>
      <c r="X2693">
        <v>51</v>
      </c>
      <c r="Y2693">
        <v>51</v>
      </c>
      <c r="Z2693">
        <v>51</v>
      </c>
      <c r="AA2693">
        <v>51</v>
      </c>
      <c r="AB2693">
        <v>52</v>
      </c>
      <c r="AC2693">
        <v>52</v>
      </c>
      <c r="AD2693">
        <v>52</v>
      </c>
      <c r="AE2693">
        <v>52</v>
      </c>
      <c r="AF2693">
        <v>52</v>
      </c>
      <c r="AG2693">
        <v>52</v>
      </c>
      <c r="AH2693">
        <v>52</v>
      </c>
      <c r="AI2693">
        <v>52</v>
      </c>
      <c r="AJ2693">
        <v>52</v>
      </c>
      <c r="AK2693">
        <v>52</v>
      </c>
      <c r="AL2693">
        <v>52</v>
      </c>
      <c r="AM2693">
        <v>52</v>
      </c>
      <c r="AN2693">
        <v>51</v>
      </c>
      <c r="AO2693">
        <v>51</v>
      </c>
      <c r="AP2693">
        <v>50</v>
      </c>
      <c r="AQ2693">
        <v>50</v>
      </c>
    </row>
    <row r="2694" spans="1:43">
      <c r="A2694" t="s">
        <v>1732</v>
      </c>
      <c r="B2694" t="s">
        <v>1733</v>
      </c>
      <c r="C2694" t="s">
        <v>1720</v>
      </c>
      <c r="D2694" t="s">
        <v>1721</v>
      </c>
      <c r="E2694" t="s">
        <v>1586</v>
      </c>
      <c r="F2694" t="s">
        <v>1587</v>
      </c>
      <c r="G2694" t="s">
        <v>80</v>
      </c>
      <c r="H2694" t="s">
        <v>81</v>
      </c>
      <c r="I2694" s="2">
        <v>0</v>
      </c>
      <c r="J2694" s="2">
        <v>1</v>
      </c>
      <c r="K2694" s="2">
        <v>0</v>
      </c>
      <c r="L2694" t="s">
        <v>82</v>
      </c>
      <c r="M2694" t="s">
        <v>83</v>
      </c>
      <c r="N2694" t="s">
        <v>84</v>
      </c>
      <c r="O2694" t="s">
        <v>85</v>
      </c>
      <c r="P2694" t="s">
        <v>86</v>
      </c>
      <c r="Q2694">
        <v>22</v>
      </c>
      <c r="R2694">
        <v>22</v>
      </c>
      <c r="S2694">
        <v>22</v>
      </c>
      <c r="T2694">
        <v>22</v>
      </c>
      <c r="U2694">
        <v>22</v>
      </c>
      <c r="V2694">
        <v>22</v>
      </c>
      <c r="W2694">
        <v>22</v>
      </c>
      <c r="X2694">
        <v>22</v>
      </c>
      <c r="Y2694">
        <v>23</v>
      </c>
      <c r="Z2694">
        <v>23</v>
      </c>
      <c r="AA2694">
        <v>23</v>
      </c>
      <c r="AB2694">
        <v>23</v>
      </c>
      <c r="AC2694">
        <v>23</v>
      </c>
      <c r="AD2694">
        <v>23</v>
      </c>
      <c r="AE2694">
        <v>23</v>
      </c>
      <c r="AF2694">
        <v>23</v>
      </c>
      <c r="AG2694">
        <v>23</v>
      </c>
      <c r="AH2694">
        <v>23</v>
      </c>
      <c r="AI2694">
        <v>23</v>
      </c>
      <c r="AJ2694">
        <v>23</v>
      </c>
      <c r="AK2694">
        <v>23</v>
      </c>
      <c r="AL2694">
        <v>23</v>
      </c>
      <c r="AM2694">
        <v>23</v>
      </c>
      <c r="AN2694">
        <v>23</v>
      </c>
      <c r="AO2694">
        <v>22</v>
      </c>
      <c r="AP2694">
        <v>22</v>
      </c>
      <c r="AQ2694">
        <v>22</v>
      </c>
    </row>
    <row r="2695" spans="1:43">
      <c r="A2695" t="s">
        <v>1732</v>
      </c>
      <c r="B2695" t="s">
        <v>1733</v>
      </c>
      <c r="C2695" t="s">
        <v>1720</v>
      </c>
      <c r="D2695" t="s">
        <v>1721</v>
      </c>
      <c r="E2695" t="s">
        <v>1586</v>
      </c>
      <c r="F2695" t="s">
        <v>1587</v>
      </c>
      <c r="G2695" t="s">
        <v>80</v>
      </c>
      <c r="H2695" t="s">
        <v>81</v>
      </c>
      <c r="I2695" s="2">
        <v>0</v>
      </c>
      <c r="J2695" s="2">
        <v>1</v>
      </c>
      <c r="K2695" s="2">
        <v>0</v>
      </c>
      <c r="L2695" t="s">
        <v>82</v>
      </c>
      <c r="M2695" t="s">
        <v>87</v>
      </c>
      <c r="N2695" t="s">
        <v>88</v>
      </c>
      <c r="O2695" t="s">
        <v>85</v>
      </c>
      <c r="P2695" t="s">
        <v>86</v>
      </c>
      <c r="Q2695">
        <v>22</v>
      </c>
      <c r="R2695">
        <v>22</v>
      </c>
      <c r="S2695">
        <v>21</v>
      </c>
      <c r="T2695">
        <v>21</v>
      </c>
      <c r="U2695">
        <v>21</v>
      </c>
      <c r="V2695">
        <v>21</v>
      </c>
      <c r="W2695">
        <v>21</v>
      </c>
      <c r="X2695">
        <v>21</v>
      </c>
      <c r="Y2695">
        <v>21</v>
      </c>
      <c r="Z2695">
        <v>21</v>
      </c>
      <c r="AA2695">
        <v>21</v>
      </c>
      <c r="AB2695">
        <v>21</v>
      </c>
      <c r="AC2695">
        <v>20</v>
      </c>
      <c r="AD2695">
        <v>20</v>
      </c>
      <c r="AE2695">
        <v>20</v>
      </c>
      <c r="AF2695">
        <v>20</v>
      </c>
      <c r="AG2695">
        <v>20</v>
      </c>
      <c r="AH2695">
        <v>20</v>
      </c>
      <c r="AI2695">
        <v>20</v>
      </c>
      <c r="AJ2695">
        <v>20</v>
      </c>
      <c r="AK2695">
        <v>20</v>
      </c>
      <c r="AL2695">
        <v>20</v>
      </c>
      <c r="AM2695">
        <v>20</v>
      </c>
      <c r="AN2695">
        <v>19</v>
      </c>
      <c r="AO2695">
        <v>19</v>
      </c>
      <c r="AP2695">
        <v>19</v>
      </c>
      <c r="AQ2695">
        <v>19</v>
      </c>
    </row>
    <row r="2696" spans="1:43">
      <c r="A2696" t="s">
        <v>1732</v>
      </c>
      <c r="B2696" t="s">
        <v>1733</v>
      </c>
      <c r="C2696" t="s">
        <v>1720</v>
      </c>
      <c r="D2696" t="s">
        <v>1721</v>
      </c>
      <c r="E2696" t="s">
        <v>1586</v>
      </c>
      <c r="F2696" t="s">
        <v>1587</v>
      </c>
      <c r="G2696" t="s">
        <v>80</v>
      </c>
      <c r="H2696" t="s">
        <v>81</v>
      </c>
      <c r="I2696" s="2">
        <v>0</v>
      </c>
      <c r="J2696" s="2">
        <v>1</v>
      </c>
      <c r="K2696" s="2">
        <v>0</v>
      </c>
      <c r="L2696" t="s">
        <v>82</v>
      </c>
      <c r="M2696" t="s">
        <v>89</v>
      </c>
      <c r="N2696" t="s">
        <v>90</v>
      </c>
      <c r="O2696" t="s">
        <v>85</v>
      </c>
      <c r="P2696" t="s">
        <v>86</v>
      </c>
      <c r="Q2696">
        <v>22</v>
      </c>
      <c r="R2696">
        <v>22</v>
      </c>
      <c r="S2696">
        <v>23</v>
      </c>
      <c r="T2696">
        <v>23</v>
      </c>
      <c r="U2696">
        <v>23</v>
      </c>
      <c r="V2696">
        <v>23</v>
      </c>
      <c r="W2696">
        <v>24</v>
      </c>
      <c r="X2696">
        <v>24</v>
      </c>
      <c r="Y2696">
        <v>24</v>
      </c>
      <c r="Z2696">
        <v>24</v>
      </c>
      <c r="AA2696">
        <v>24</v>
      </c>
      <c r="AB2696">
        <v>24</v>
      </c>
      <c r="AC2696">
        <v>24</v>
      </c>
      <c r="AD2696">
        <v>24</v>
      </c>
      <c r="AE2696">
        <v>24</v>
      </c>
      <c r="AF2696">
        <v>24</v>
      </c>
      <c r="AG2696">
        <v>24</v>
      </c>
      <c r="AH2696">
        <v>24</v>
      </c>
      <c r="AI2696">
        <v>24</v>
      </c>
      <c r="AJ2696">
        <v>24</v>
      </c>
      <c r="AK2696">
        <v>23</v>
      </c>
      <c r="AL2696">
        <v>23</v>
      </c>
      <c r="AM2696">
        <v>23</v>
      </c>
      <c r="AN2696">
        <v>23</v>
      </c>
      <c r="AO2696">
        <v>23</v>
      </c>
      <c r="AP2696">
        <v>23</v>
      </c>
      <c r="AQ2696">
        <v>22</v>
      </c>
    </row>
    <row r="2697" spans="1:43">
      <c r="A2697" t="s">
        <v>1732</v>
      </c>
      <c r="B2697" t="s">
        <v>1733</v>
      </c>
      <c r="C2697" t="s">
        <v>1720</v>
      </c>
      <c r="D2697" t="s">
        <v>1721</v>
      </c>
      <c r="E2697" t="s">
        <v>1586</v>
      </c>
      <c r="F2697" t="s">
        <v>1587</v>
      </c>
      <c r="G2697" t="s">
        <v>80</v>
      </c>
      <c r="H2697" t="s">
        <v>81</v>
      </c>
      <c r="I2697" s="2">
        <v>0</v>
      </c>
      <c r="J2697" s="2">
        <v>1</v>
      </c>
      <c r="K2697" s="2">
        <v>0</v>
      </c>
      <c r="L2697" t="s">
        <v>82</v>
      </c>
      <c r="M2697" t="s">
        <v>83</v>
      </c>
      <c r="N2697" t="s">
        <v>91</v>
      </c>
      <c r="O2697" t="s">
        <v>85</v>
      </c>
      <c r="P2697" t="s">
        <v>86</v>
      </c>
      <c r="Q2697">
        <v>22</v>
      </c>
      <c r="R2697">
        <v>22</v>
      </c>
      <c r="S2697">
        <v>22</v>
      </c>
      <c r="T2697">
        <v>22</v>
      </c>
      <c r="U2697">
        <v>22</v>
      </c>
      <c r="V2697">
        <v>22</v>
      </c>
      <c r="W2697">
        <v>22</v>
      </c>
      <c r="X2697">
        <v>22</v>
      </c>
      <c r="Y2697">
        <v>23</v>
      </c>
      <c r="Z2697">
        <v>23</v>
      </c>
      <c r="AA2697">
        <v>23</v>
      </c>
      <c r="AB2697">
        <v>23</v>
      </c>
      <c r="AC2697">
        <v>23</v>
      </c>
      <c r="AD2697">
        <v>23</v>
      </c>
      <c r="AE2697">
        <v>23</v>
      </c>
      <c r="AF2697">
        <v>23</v>
      </c>
      <c r="AG2697">
        <v>23</v>
      </c>
      <c r="AH2697">
        <v>23</v>
      </c>
      <c r="AI2697">
        <v>23</v>
      </c>
      <c r="AJ2697">
        <v>23</v>
      </c>
      <c r="AK2697">
        <v>23</v>
      </c>
      <c r="AL2697">
        <v>23</v>
      </c>
      <c r="AM2697">
        <v>23</v>
      </c>
      <c r="AN2697">
        <v>23</v>
      </c>
      <c r="AO2697">
        <v>22</v>
      </c>
      <c r="AP2697">
        <v>22</v>
      </c>
      <c r="AQ2697">
        <v>22</v>
      </c>
    </row>
    <row r="2698" spans="1:43">
      <c r="A2698" t="s">
        <v>1734</v>
      </c>
      <c r="B2698" t="s">
        <v>1735</v>
      </c>
      <c r="C2698" t="s">
        <v>1720</v>
      </c>
      <c r="D2698" t="s">
        <v>1721</v>
      </c>
      <c r="E2698" t="s">
        <v>1586</v>
      </c>
      <c r="F2698" t="s">
        <v>1587</v>
      </c>
      <c r="G2698" t="s">
        <v>80</v>
      </c>
      <c r="H2698" t="s">
        <v>81</v>
      </c>
      <c r="I2698" s="2">
        <v>0</v>
      </c>
      <c r="J2698" s="2">
        <v>1</v>
      </c>
      <c r="K2698" s="2">
        <v>0</v>
      </c>
      <c r="L2698" t="s">
        <v>82</v>
      </c>
      <c r="M2698" t="s">
        <v>83</v>
      </c>
      <c r="N2698" t="s">
        <v>84</v>
      </c>
      <c r="O2698" t="s">
        <v>85</v>
      </c>
      <c r="P2698" t="s">
        <v>86</v>
      </c>
      <c r="Q2698">
        <v>25</v>
      </c>
      <c r="R2698">
        <v>25</v>
      </c>
      <c r="S2698">
        <v>25</v>
      </c>
      <c r="T2698">
        <v>25</v>
      </c>
      <c r="U2698">
        <v>26</v>
      </c>
      <c r="V2698">
        <v>26</v>
      </c>
      <c r="W2698">
        <v>26</v>
      </c>
      <c r="X2698">
        <v>26</v>
      </c>
      <c r="Y2698">
        <v>26</v>
      </c>
      <c r="Z2698">
        <v>26</v>
      </c>
      <c r="AA2698">
        <v>26</v>
      </c>
      <c r="AB2698">
        <v>26</v>
      </c>
      <c r="AC2698">
        <v>26</v>
      </c>
      <c r="AD2698">
        <v>26</v>
      </c>
      <c r="AE2698">
        <v>26</v>
      </c>
      <c r="AF2698">
        <v>26</v>
      </c>
      <c r="AG2698">
        <v>26</v>
      </c>
      <c r="AH2698">
        <v>26</v>
      </c>
      <c r="AI2698">
        <v>26</v>
      </c>
      <c r="AJ2698">
        <v>26</v>
      </c>
      <c r="AK2698">
        <v>27</v>
      </c>
      <c r="AL2698">
        <v>26</v>
      </c>
      <c r="AM2698">
        <v>26</v>
      </c>
      <c r="AN2698">
        <v>26</v>
      </c>
      <c r="AO2698">
        <v>26</v>
      </c>
      <c r="AP2698">
        <v>26</v>
      </c>
      <c r="AQ2698">
        <v>25</v>
      </c>
    </row>
    <row r="2699" spans="1:43">
      <c r="A2699" t="s">
        <v>1734</v>
      </c>
      <c r="B2699" t="s">
        <v>1735</v>
      </c>
      <c r="C2699" t="s">
        <v>1720</v>
      </c>
      <c r="D2699" t="s">
        <v>1721</v>
      </c>
      <c r="E2699" t="s">
        <v>1586</v>
      </c>
      <c r="F2699" t="s">
        <v>1587</v>
      </c>
      <c r="G2699" t="s">
        <v>80</v>
      </c>
      <c r="H2699" t="s">
        <v>81</v>
      </c>
      <c r="I2699" s="2">
        <v>0</v>
      </c>
      <c r="J2699" s="2">
        <v>1</v>
      </c>
      <c r="K2699" s="2">
        <v>0</v>
      </c>
      <c r="L2699" t="s">
        <v>82</v>
      </c>
      <c r="M2699" t="s">
        <v>87</v>
      </c>
      <c r="N2699" t="s">
        <v>88</v>
      </c>
      <c r="O2699" t="s">
        <v>85</v>
      </c>
      <c r="P2699" t="s">
        <v>86</v>
      </c>
      <c r="Q2699">
        <v>25</v>
      </c>
      <c r="R2699">
        <v>25</v>
      </c>
      <c r="S2699">
        <v>25</v>
      </c>
      <c r="T2699">
        <v>25</v>
      </c>
      <c r="U2699">
        <v>24</v>
      </c>
      <c r="V2699">
        <v>24</v>
      </c>
      <c r="W2699">
        <v>24</v>
      </c>
      <c r="X2699">
        <v>24</v>
      </c>
      <c r="Y2699">
        <v>24</v>
      </c>
      <c r="Z2699">
        <v>24</v>
      </c>
      <c r="AA2699">
        <v>24</v>
      </c>
      <c r="AB2699">
        <v>24</v>
      </c>
      <c r="AC2699">
        <v>24</v>
      </c>
      <c r="AD2699">
        <v>23</v>
      </c>
      <c r="AE2699">
        <v>23</v>
      </c>
      <c r="AF2699">
        <v>23</v>
      </c>
      <c r="AG2699">
        <v>23</v>
      </c>
      <c r="AH2699">
        <v>23</v>
      </c>
      <c r="AI2699">
        <v>23</v>
      </c>
      <c r="AJ2699">
        <v>23</v>
      </c>
      <c r="AK2699">
        <v>23</v>
      </c>
      <c r="AL2699">
        <v>23</v>
      </c>
      <c r="AM2699">
        <v>22</v>
      </c>
      <c r="AN2699">
        <v>22</v>
      </c>
      <c r="AO2699">
        <v>22</v>
      </c>
      <c r="AP2699">
        <v>22</v>
      </c>
      <c r="AQ2699">
        <v>22</v>
      </c>
    </row>
    <row r="2700" spans="1:43">
      <c r="A2700" t="s">
        <v>1734</v>
      </c>
      <c r="B2700" t="s">
        <v>1735</v>
      </c>
      <c r="C2700" t="s">
        <v>1720</v>
      </c>
      <c r="D2700" t="s">
        <v>1721</v>
      </c>
      <c r="E2700" t="s">
        <v>1586</v>
      </c>
      <c r="F2700" t="s">
        <v>1587</v>
      </c>
      <c r="G2700" t="s">
        <v>80</v>
      </c>
      <c r="H2700" t="s">
        <v>81</v>
      </c>
      <c r="I2700" s="2">
        <v>0</v>
      </c>
      <c r="J2700" s="2">
        <v>1</v>
      </c>
      <c r="K2700" s="2">
        <v>0</v>
      </c>
      <c r="L2700" t="s">
        <v>82</v>
      </c>
      <c r="M2700" t="s">
        <v>89</v>
      </c>
      <c r="N2700" t="s">
        <v>90</v>
      </c>
      <c r="O2700" t="s">
        <v>85</v>
      </c>
      <c r="P2700" t="s">
        <v>86</v>
      </c>
      <c r="Q2700">
        <v>25</v>
      </c>
      <c r="R2700">
        <v>26</v>
      </c>
      <c r="S2700">
        <v>26</v>
      </c>
      <c r="T2700">
        <v>26</v>
      </c>
      <c r="U2700">
        <v>27</v>
      </c>
      <c r="V2700">
        <v>27</v>
      </c>
      <c r="W2700">
        <v>27</v>
      </c>
      <c r="X2700">
        <v>27</v>
      </c>
      <c r="Y2700">
        <v>27</v>
      </c>
      <c r="Z2700">
        <v>28</v>
      </c>
      <c r="AA2700">
        <v>28</v>
      </c>
      <c r="AB2700">
        <v>28</v>
      </c>
      <c r="AC2700">
        <v>28</v>
      </c>
      <c r="AD2700">
        <v>28</v>
      </c>
      <c r="AE2700">
        <v>28</v>
      </c>
      <c r="AF2700">
        <v>28</v>
      </c>
      <c r="AG2700">
        <v>28</v>
      </c>
      <c r="AH2700">
        <v>28</v>
      </c>
      <c r="AI2700">
        <v>27</v>
      </c>
      <c r="AJ2700">
        <v>27</v>
      </c>
      <c r="AK2700">
        <v>27</v>
      </c>
      <c r="AL2700">
        <v>27</v>
      </c>
      <c r="AM2700">
        <v>27</v>
      </c>
      <c r="AN2700">
        <v>26</v>
      </c>
      <c r="AO2700">
        <v>26</v>
      </c>
      <c r="AP2700">
        <v>26</v>
      </c>
      <c r="AQ2700">
        <v>26</v>
      </c>
    </row>
    <row r="2701" spans="1:43">
      <c r="A2701" t="s">
        <v>1734</v>
      </c>
      <c r="B2701" t="s">
        <v>1735</v>
      </c>
      <c r="C2701" t="s">
        <v>1720</v>
      </c>
      <c r="D2701" t="s">
        <v>1721</v>
      </c>
      <c r="E2701" t="s">
        <v>1586</v>
      </c>
      <c r="F2701" t="s">
        <v>1587</v>
      </c>
      <c r="G2701" t="s">
        <v>80</v>
      </c>
      <c r="H2701" t="s">
        <v>81</v>
      </c>
      <c r="I2701" s="2">
        <v>0</v>
      </c>
      <c r="J2701" s="2">
        <v>1</v>
      </c>
      <c r="K2701" s="2">
        <v>0</v>
      </c>
      <c r="L2701" t="s">
        <v>82</v>
      </c>
      <c r="M2701" t="s">
        <v>83</v>
      </c>
      <c r="N2701" t="s">
        <v>91</v>
      </c>
      <c r="O2701" t="s">
        <v>85</v>
      </c>
      <c r="P2701" t="s">
        <v>86</v>
      </c>
      <c r="Q2701">
        <v>25</v>
      </c>
      <c r="R2701">
        <v>25</v>
      </c>
      <c r="S2701">
        <v>25</v>
      </c>
      <c r="T2701">
        <v>25</v>
      </c>
      <c r="U2701">
        <v>26</v>
      </c>
      <c r="V2701">
        <v>26</v>
      </c>
      <c r="W2701">
        <v>26</v>
      </c>
      <c r="X2701">
        <v>26</v>
      </c>
      <c r="Y2701">
        <v>26</v>
      </c>
      <c r="Z2701">
        <v>26</v>
      </c>
      <c r="AA2701">
        <v>26</v>
      </c>
      <c r="AB2701">
        <v>26</v>
      </c>
      <c r="AC2701">
        <v>26</v>
      </c>
      <c r="AD2701">
        <v>26</v>
      </c>
      <c r="AE2701">
        <v>26</v>
      </c>
      <c r="AF2701">
        <v>26</v>
      </c>
      <c r="AG2701">
        <v>26</v>
      </c>
      <c r="AH2701">
        <v>26</v>
      </c>
      <c r="AI2701">
        <v>26</v>
      </c>
      <c r="AJ2701">
        <v>26</v>
      </c>
      <c r="AK2701">
        <v>27</v>
      </c>
      <c r="AL2701">
        <v>26</v>
      </c>
      <c r="AM2701">
        <v>26</v>
      </c>
      <c r="AN2701">
        <v>26</v>
      </c>
      <c r="AO2701">
        <v>26</v>
      </c>
      <c r="AP2701">
        <v>26</v>
      </c>
      <c r="AQ2701">
        <v>25</v>
      </c>
    </row>
    <row r="2702" spans="1:43">
      <c r="A2702" t="s">
        <v>1736</v>
      </c>
      <c r="B2702" t="s">
        <v>1737</v>
      </c>
      <c r="C2702" t="s">
        <v>1724</v>
      </c>
      <c r="D2702" t="s">
        <v>1725</v>
      </c>
      <c r="E2702" t="s">
        <v>1586</v>
      </c>
      <c r="F2702" t="s">
        <v>1587</v>
      </c>
      <c r="G2702" t="s">
        <v>80</v>
      </c>
      <c r="H2702" t="s">
        <v>81</v>
      </c>
      <c r="I2702" s="2">
        <v>0</v>
      </c>
      <c r="J2702" s="2">
        <v>1</v>
      </c>
      <c r="K2702" s="2">
        <v>0</v>
      </c>
      <c r="L2702" t="s">
        <v>82</v>
      </c>
      <c r="M2702" t="s">
        <v>83</v>
      </c>
      <c r="N2702" t="s">
        <v>84</v>
      </c>
      <c r="O2702" t="s">
        <v>85</v>
      </c>
      <c r="P2702" t="s">
        <v>86</v>
      </c>
      <c r="Q2702">
        <v>18</v>
      </c>
      <c r="R2702">
        <v>19</v>
      </c>
      <c r="S2702">
        <v>19</v>
      </c>
      <c r="T2702">
        <v>19</v>
      </c>
      <c r="U2702">
        <v>19</v>
      </c>
      <c r="V2702">
        <v>19</v>
      </c>
      <c r="W2702">
        <v>19</v>
      </c>
      <c r="X2702">
        <v>19</v>
      </c>
      <c r="Y2702">
        <v>19</v>
      </c>
      <c r="Z2702">
        <v>19</v>
      </c>
      <c r="AA2702">
        <v>19</v>
      </c>
      <c r="AB2702">
        <v>19</v>
      </c>
      <c r="AC2702">
        <v>19</v>
      </c>
      <c r="AD2702">
        <v>19</v>
      </c>
      <c r="AE2702">
        <v>19</v>
      </c>
      <c r="AF2702">
        <v>19</v>
      </c>
      <c r="AG2702">
        <v>19</v>
      </c>
      <c r="AH2702">
        <v>19</v>
      </c>
      <c r="AI2702">
        <v>19</v>
      </c>
      <c r="AJ2702">
        <v>19</v>
      </c>
      <c r="AK2702">
        <v>19</v>
      </c>
      <c r="AL2702">
        <v>19</v>
      </c>
      <c r="AM2702">
        <v>19</v>
      </c>
      <c r="AN2702">
        <v>19</v>
      </c>
      <c r="AO2702">
        <v>19</v>
      </c>
      <c r="AP2702">
        <v>19</v>
      </c>
      <c r="AQ2702">
        <v>19</v>
      </c>
    </row>
    <row r="2703" spans="1:43">
      <c r="A2703" t="s">
        <v>1736</v>
      </c>
      <c r="B2703" t="s">
        <v>1737</v>
      </c>
      <c r="C2703" t="s">
        <v>1724</v>
      </c>
      <c r="D2703" t="s">
        <v>1725</v>
      </c>
      <c r="E2703" t="s">
        <v>1586</v>
      </c>
      <c r="F2703" t="s">
        <v>1587</v>
      </c>
      <c r="G2703" t="s">
        <v>80</v>
      </c>
      <c r="H2703" t="s">
        <v>81</v>
      </c>
      <c r="I2703" s="2">
        <v>0</v>
      </c>
      <c r="J2703" s="2">
        <v>1</v>
      </c>
      <c r="K2703" s="2">
        <v>0</v>
      </c>
      <c r="L2703" t="s">
        <v>82</v>
      </c>
      <c r="M2703" t="s">
        <v>87</v>
      </c>
      <c r="N2703" t="s">
        <v>88</v>
      </c>
      <c r="O2703" t="s">
        <v>85</v>
      </c>
      <c r="P2703" t="s">
        <v>86</v>
      </c>
      <c r="Q2703">
        <v>18</v>
      </c>
      <c r="R2703">
        <v>18</v>
      </c>
      <c r="S2703">
        <v>18</v>
      </c>
      <c r="T2703">
        <v>18</v>
      </c>
      <c r="U2703">
        <v>18</v>
      </c>
      <c r="V2703">
        <v>18</v>
      </c>
      <c r="W2703">
        <v>18</v>
      </c>
      <c r="X2703">
        <v>18</v>
      </c>
      <c r="Y2703">
        <v>18</v>
      </c>
      <c r="Z2703">
        <v>18</v>
      </c>
      <c r="AA2703">
        <v>17</v>
      </c>
      <c r="AB2703">
        <v>17</v>
      </c>
      <c r="AC2703">
        <v>17</v>
      </c>
      <c r="AD2703">
        <v>17</v>
      </c>
      <c r="AE2703">
        <v>17</v>
      </c>
      <c r="AF2703">
        <v>17</v>
      </c>
      <c r="AG2703">
        <v>17</v>
      </c>
      <c r="AH2703">
        <v>17</v>
      </c>
      <c r="AI2703">
        <v>17</v>
      </c>
      <c r="AJ2703">
        <v>17</v>
      </c>
      <c r="AK2703">
        <v>17</v>
      </c>
      <c r="AL2703">
        <v>17</v>
      </c>
      <c r="AM2703">
        <v>17</v>
      </c>
      <c r="AN2703">
        <v>16</v>
      </c>
      <c r="AO2703">
        <v>16</v>
      </c>
      <c r="AP2703">
        <v>16</v>
      </c>
      <c r="AQ2703">
        <v>16</v>
      </c>
    </row>
    <row r="2704" spans="1:43">
      <c r="A2704" t="s">
        <v>1736</v>
      </c>
      <c r="B2704" t="s">
        <v>1737</v>
      </c>
      <c r="C2704" t="s">
        <v>1724</v>
      </c>
      <c r="D2704" t="s">
        <v>1725</v>
      </c>
      <c r="E2704" t="s">
        <v>1586</v>
      </c>
      <c r="F2704" t="s">
        <v>1587</v>
      </c>
      <c r="G2704" t="s">
        <v>80</v>
      </c>
      <c r="H2704" t="s">
        <v>81</v>
      </c>
      <c r="I2704" s="2">
        <v>0</v>
      </c>
      <c r="J2704" s="2">
        <v>1</v>
      </c>
      <c r="K2704" s="2">
        <v>0</v>
      </c>
      <c r="L2704" t="s">
        <v>82</v>
      </c>
      <c r="M2704" t="s">
        <v>89</v>
      </c>
      <c r="N2704" t="s">
        <v>90</v>
      </c>
      <c r="O2704" t="s">
        <v>85</v>
      </c>
      <c r="P2704" t="s">
        <v>86</v>
      </c>
      <c r="Q2704">
        <v>18</v>
      </c>
      <c r="R2704">
        <v>18</v>
      </c>
      <c r="S2704">
        <v>18</v>
      </c>
      <c r="T2704">
        <v>18</v>
      </c>
      <c r="U2704">
        <v>19</v>
      </c>
      <c r="V2704">
        <v>19</v>
      </c>
      <c r="W2704">
        <v>19</v>
      </c>
      <c r="X2704">
        <v>19</v>
      </c>
      <c r="Y2704">
        <v>19</v>
      </c>
      <c r="Z2704">
        <v>19</v>
      </c>
      <c r="AA2704">
        <v>19</v>
      </c>
      <c r="AB2704">
        <v>19</v>
      </c>
      <c r="AC2704">
        <v>20</v>
      </c>
      <c r="AD2704">
        <v>20</v>
      </c>
      <c r="AE2704">
        <v>20</v>
      </c>
      <c r="AF2704">
        <v>19</v>
      </c>
      <c r="AG2704">
        <v>19</v>
      </c>
      <c r="AH2704">
        <v>19</v>
      </c>
      <c r="AI2704">
        <v>19</v>
      </c>
      <c r="AJ2704">
        <v>19</v>
      </c>
      <c r="AK2704">
        <v>19</v>
      </c>
      <c r="AL2704">
        <v>19</v>
      </c>
      <c r="AM2704">
        <v>18</v>
      </c>
      <c r="AN2704">
        <v>18</v>
      </c>
      <c r="AO2704">
        <v>18</v>
      </c>
      <c r="AP2704">
        <v>18</v>
      </c>
      <c r="AQ2704">
        <v>18</v>
      </c>
    </row>
    <row r="2705" spans="1:43">
      <c r="A2705" t="s">
        <v>1736</v>
      </c>
      <c r="B2705" t="s">
        <v>1737</v>
      </c>
      <c r="C2705" t="s">
        <v>1724</v>
      </c>
      <c r="D2705" t="s">
        <v>1725</v>
      </c>
      <c r="E2705" t="s">
        <v>1586</v>
      </c>
      <c r="F2705" t="s">
        <v>1587</v>
      </c>
      <c r="G2705" t="s">
        <v>80</v>
      </c>
      <c r="H2705" t="s">
        <v>81</v>
      </c>
      <c r="I2705" s="2">
        <v>0</v>
      </c>
      <c r="J2705" s="2">
        <v>1</v>
      </c>
      <c r="K2705" s="2">
        <v>0</v>
      </c>
      <c r="L2705" t="s">
        <v>82</v>
      </c>
      <c r="M2705" t="s">
        <v>83</v>
      </c>
      <c r="N2705" t="s">
        <v>91</v>
      </c>
      <c r="O2705" t="s">
        <v>85</v>
      </c>
      <c r="P2705" t="s">
        <v>86</v>
      </c>
      <c r="Q2705">
        <v>18</v>
      </c>
      <c r="R2705">
        <v>19</v>
      </c>
      <c r="S2705">
        <v>19</v>
      </c>
      <c r="T2705">
        <v>19</v>
      </c>
      <c r="U2705">
        <v>19</v>
      </c>
      <c r="V2705">
        <v>19</v>
      </c>
      <c r="W2705">
        <v>19</v>
      </c>
      <c r="X2705">
        <v>19</v>
      </c>
      <c r="Y2705">
        <v>19</v>
      </c>
      <c r="Z2705">
        <v>19</v>
      </c>
      <c r="AA2705">
        <v>19</v>
      </c>
      <c r="AB2705">
        <v>19</v>
      </c>
      <c r="AC2705">
        <v>19</v>
      </c>
      <c r="AD2705">
        <v>19</v>
      </c>
      <c r="AE2705">
        <v>19</v>
      </c>
      <c r="AF2705">
        <v>19</v>
      </c>
      <c r="AG2705">
        <v>19</v>
      </c>
      <c r="AH2705">
        <v>19</v>
      </c>
      <c r="AI2705">
        <v>19</v>
      </c>
      <c r="AJ2705">
        <v>19</v>
      </c>
      <c r="AK2705">
        <v>19</v>
      </c>
      <c r="AL2705">
        <v>19</v>
      </c>
      <c r="AM2705">
        <v>19</v>
      </c>
      <c r="AN2705">
        <v>19</v>
      </c>
      <c r="AO2705">
        <v>19</v>
      </c>
      <c r="AP2705">
        <v>19</v>
      </c>
      <c r="AQ2705">
        <v>19</v>
      </c>
    </row>
    <row r="2706" spans="1:43">
      <c r="A2706" t="s">
        <v>1738</v>
      </c>
      <c r="B2706" t="s">
        <v>1739</v>
      </c>
      <c r="C2706" t="s">
        <v>1740</v>
      </c>
      <c r="D2706" t="s">
        <v>1741</v>
      </c>
      <c r="E2706" t="s">
        <v>1586</v>
      </c>
      <c r="F2706" t="s">
        <v>1587</v>
      </c>
      <c r="G2706" t="s">
        <v>80</v>
      </c>
      <c r="H2706" t="s">
        <v>81</v>
      </c>
      <c r="I2706" s="2">
        <v>0</v>
      </c>
      <c r="J2706" s="2">
        <v>1</v>
      </c>
      <c r="K2706" s="2">
        <v>0</v>
      </c>
      <c r="L2706" t="s">
        <v>82</v>
      </c>
      <c r="M2706" t="s">
        <v>83</v>
      </c>
      <c r="N2706" t="s">
        <v>84</v>
      </c>
      <c r="O2706" t="s">
        <v>85</v>
      </c>
      <c r="P2706" t="s">
        <v>86</v>
      </c>
      <c r="Q2706">
        <v>1</v>
      </c>
      <c r="R2706">
        <v>1</v>
      </c>
      <c r="S2706">
        <v>1</v>
      </c>
      <c r="T2706">
        <v>1</v>
      </c>
      <c r="U2706">
        <v>1</v>
      </c>
      <c r="V2706">
        <v>1</v>
      </c>
      <c r="W2706">
        <v>1</v>
      </c>
      <c r="X2706">
        <v>1</v>
      </c>
      <c r="Y2706">
        <v>1</v>
      </c>
      <c r="Z2706">
        <v>1</v>
      </c>
      <c r="AA2706">
        <v>1</v>
      </c>
      <c r="AB2706">
        <v>1</v>
      </c>
      <c r="AC2706">
        <v>1</v>
      </c>
      <c r="AD2706">
        <v>1</v>
      </c>
      <c r="AE2706">
        <v>1</v>
      </c>
      <c r="AF2706">
        <v>1</v>
      </c>
      <c r="AG2706">
        <v>1</v>
      </c>
      <c r="AH2706">
        <v>1</v>
      </c>
      <c r="AI2706">
        <v>1</v>
      </c>
      <c r="AJ2706">
        <v>1</v>
      </c>
      <c r="AK2706">
        <v>1</v>
      </c>
      <c r="AL2706">
        <v>1</v>
      </c>
      <c r="AM2706">
        <v>1</v>
      </c>
      <c r="AN2706">
        <v>1</v>
      </c>
      <c r="AO2706">
        <v>1</v>
      </c>
      <c r="AP2706">
        <v>1</v>
      </c>
      <c r="AQ2706">
        <v>1</v>
      </c>
    </row>
    <row r="2707" spans="1:43">
      <c r="A2707" t="s">
        <v>1738</v>
      </c>
      <c r="B2707" t="s">
        <v>1739</v>
      </c>
      <c r="C2707" t="s">
        <v>1740</v>
      </c>
      <c r="D2707" t="s">
        <v>1741</v>
      </c>
      <c r="E2707" t="s">
        <v>1586</v>
      </c>
      <c r="F2707" t="s">
        <v>1587</v>
      </c>
      <c r="G2707" t="s">
        <v>80</v>
      </c>
      <c r="H2707" t="s">
        <v>81</v>
      </c>
      <c r="I2707" s="2">
        <v>0</v>
      </c>
      <c r="J2707" s="2">
        <v>1</v>
      </c>
      <c r="K2707" s="2">
        <v>0</v>
      </c>
      <c r="L2707" t="s">
        <v>82</v>
      </c>
      <c r="M2707" t="s">
        <v>87</v>
      </c>
      <c r="N2707" t="s">
        <v>88</v>
      </c>
      <c r="O2707" t="s">
        <v>85</v>
      </c>
      <c r="P2707" t="s">
        <v>86</v>
      </c>
      <c r="Q2707">
        <v>1</v>
      </c>
      <c r="R2707">
        <v>1</v>
      </c>
      <c r="S2707">
        <v>1</v>
      </c>
      <c r="T2707">
        <v>1</v>
      </c>
      <c r="U2707">
        <v>1</v>
      </c>
      <c r="V2707">
        <v>1</v>
      </c>
      <c r="W2707">
        <v>1</v>
      </c>
      <c r="X2707">
        <v>1</v>
      </c>
      <c r="Y2707">
        <v>1</v>
      </c>
      <c r="Z2707">
        <v>1</v>
      </c>
      <c r="AA2707">
        <v>1</v>
      </c>
      <c r="AB2707">
        <v>1</v>
      </c>
      <c r="AC2707">
        <v>1</v>
      </c>
      <c r="AD2707">
        <v>1</v>
      </c>
      <c r="AE2707">
        <v>1</v>
      </c>
      <c r="AF2707">
        <v>1</v>
      </c>
      <c r="AG2707">
        <v>1</v>
      </c>
      <c r="AH2707">
        <v>1</v>
      </c>
      <c r="AI2707">
        <v>1</v>
      </c>
      <c r="AJ2707">
        <v>1</v>
      </c>
      <c r="AK2707">
        <v>1</v>
      </c>
      <c r="AL2707">
        <v>1</v>
      </c>
      <c r="AM2707">
        <v>1</v>
      </c>
      <c r="AN2707">
        <v>1</v>
      </c>
      <c r="AO2707">
        <v>1</v>
      </c>
      <c r="AP2707">
        <v>1</v>
      </c>
      <c r="AQ2707">
        <v>1</v>
      </c>
    </row>
    <row r="2708" spans="1:43">
      <c r="A2708" t="s">
        <v>1738</v>
      </c>
      <c r="B2708" t="s">
        <v>1739</v>
      </c>
      <c r="C2708" t="s">
        <v>1740</v>
      </c>
      <c r="D2708" t="s">
        <v>1741</v>
      </c>
      <c r="E2708" t="s">
        <v>1586</v>
      </c>
      <c r="F2708" t="s">
        <v>1587</v>
      </c>
      <c r="G2708" t="s">
        <v>80</v>
      </c>
      <c r="H2708" t="s">
        <v>81</v>
      </c>
      <c r="I2708" s="2">
        <v>0</v>
      </c>
      <c r="J2708" s="2">
        <v>1</v>
      </c>
      <c r="K2708" s="2">
        <v>0</v>
      </c>
      <c r="L2708" t="s">
        <v>82</v>
      </c>
      <c r="M2708" t="s">
        <v>89</v>
      </c>
      <c r="N2708" t="s">
        <v>90</v>
      </c>
      <c r="O2708" t="s">
        <v>85</v>
      </c>
      <c r="P2708" t="s">
        <v>86</v>
      </c>
      <c r="Q2708">
        <v>1</v>
      </c>
      <c r="R2708">
        <v>1</v>
      </c>
      <c r="S2708">
        <v>1</v>
      </c>
      <c r="T2708">
        <v>1</v>
      </c>
      <c r="U2708">
        <v>1</v>
      </c>
      <c r="V2708">
        <v>1</v>
      </c>
      <c r="W2708">
        <v>1</v>
      </c>
      <c r="X2708">
        <v>1</v>
      </c>
      <c r="Y2708">
        <v>1</v>
      </c>
      <c r="Z2708">
        <v>1</v>
      </c>
      <c r="AA2708">
        <v>1</v>
      </c>
      <c r="AB2708">
        <v>1</v>
      </c>
      <c r="AC2708">
        <v>1</v>
      </c>
      <c r="AD2708">
        <v>1</v>
      </c>
      <c r="AE2708">
        <v>1</v>
      </c>
      <c r="AF2708">
        <v>1</v>
      </c>
      <c r="AG2708">
        <v>1</v>
      </c>
      <c r="AH2708">
        <v>1</v>
      </c>
      <c r="AI2708">
        <v>1</v>
      </c>
      <c r="AJ2708">
        <v>1</v>
      </c>
      <c r="AK2708">
        <v>1</v>
      </c>
      <c r="AL2708">
        <v>1</v>
      </c>
      <c r="AM2708">
        <v>1</v>
      </c>
      <c r="AN2708">
        <v>1</v>
      </c>
      <c r="AO2708">
        <v>1</v>
      </c>
      <c r="AP2708">
        <v>1</v>
      </c>
      <c r="AQ2708">
        <v>1</v>
      </c>
    </row>
    <row r="2709" spans="1:43">
      <c r="A2709" t="s">
        <v>1738</v>
      </c>
      <c r="B2709" t="s">
        <v>1739</v>
      </c>
      <c r="C2709" t="s">
        <v>1740</v>
      </c>
      <c r="D2709" t="s">
        <v>1741</v>
      </c>
      <c r="E2709" t="s">
        <v>1586</v>
      </c>
      <c r="F2709" t="s">
        <v>1587</v>
      </c>
      <c r="G2709" t="s">
        <v>80</v>
      </c>
      <c r="H2709" t="s">
        <v>81</v>
      </c>
      <c r="I2709" s="2">
        <v>0</v>
      </c>
      <c r="J2709" s="2">
        <v>1</v>
      </c>
      <c r="K2709" s="2">
        <v>0</v>
      </c>
      <c r="L2709" t="s">
        <v>82</v>
      </c>
      <c r="M2709" t="s">
        <v>83</v>
      </c>
      <c r="N2709" t="s">
        <v>91</v>
      </c>
      <c r="O2709" t="s">
        <v>85</v>
      </c>
      <c r="P2709" t="s">
        <v>86</v>
      </c>
      <c r="Q2709">
        <v>1</v>
      </c>
      <c r="R2709">
        <v>1</v>
      </c>
      <c r="S2709">
        <v>1</v>
      </c>
      <c r="T2709">
        <v>1</v>
      </c>
      <c r="U2709">
        <v>1</v>
      </c>
      <c r="V2709">
        <v>1</v>
      </c>
      <c r="W2709">
        <v>1</v>
      </c>
      <c r="X2709">
        <v>1</v>
      </c>
      <c r="Y2709">
        <v>1</v>
      </c>
      <c r="Z2709">
        <v>1</v>
      </c>
      <c r="AA2709">
        <v>1</v>
      </c>
      <c r="AB2709">
        <v>1</v>
      </c>
      <c r="AC2709">
        <v>1</v>
      </c>
      <c r="AD2709">
        <v>1</v>
      </c>
      <c r="AE2709">
        <v>1</v>
      </c>
      <c r="AF2709">
        <v>1</v>
      </c>
      <c r="AG2709">
        <v>1</v>
      </c>
      <c r="AH2709">
        <v>1</v>
      </c>
      <c r="AI2709">
        <v>1</v>
      </c>
      <c r="AJ2709">
        <v>1</v>
      </c>
      <c r="AK2709">
        <v>1</v>
      </c>
      <c r="AL2709">
        <v>1</v>
      </c>
      <c r="AM2709">
        <v>1</v>
      </c>
      <c r="AN2709">
        <v>1</v>
      </c>
      <c r="AO2709">
        <v>1</v>
      </c>
      <c r="AP2709">
        <v>1</v>
      </c>
      <c r="AQ2709">
        <v>1</v>
      </c>
    </row>
    <row r="2710" spans="1:43">
      <c r="A2710" t="s">
        <v>1742</v>
      </c>
      <c r="B2710" t="s">
        <v>1743</v>
      </c>
      <c r="C2710" t="s">
        <v>1740</v>
      </c>
      <c r="D2710" t="s">
        <v>1741</v>
      </c>
      <c r="E2710" t="s">
        <v>1586</v>
      </c>
      <c r="F2710" t="s">
        <v>1587</v>
      </c>
      <c r="G2710" t="s">
        <v>80</v>
      </c>
      <c r="H2710" t="s">
        <v>81</v>
      </c>
      <c r="I2710" s="2">
        <v>0</v>
      </c>
      <c r="J2710" s="2">
        <v>1</v>
      </c>
      <c r="K2710" s="2">
        <v>0</v>
      </c>
      <c r="L2710" t="s">
        <v>82</v>
      </c>
      <c r="M2710" t="s">
        <v>83</v>
      </c>
      <c r="N2710" t="s">
        <v>84</v>
      </c>
      <c r="O2710" t="s">
        <v>85</v>
      </c>
      <c r="P2710" t="s">
        <v>86</v>
      </c>
      <c r="Q2710">
        <v>66</v>
      </c>
      <c r="R2710">
        <v>66</v>
      </c>
      <c r="S2710">
        <v>66</v>
      </c>
      <c r="T2710">
        <v>66</v>
      </c>
      <c r="U2710">
        <v>67</v>
      </c>
      <c r="V2710">
        <v>67</v>
      </c>
      <c r="W2710">
        <v>67</v>
      </c>
      <c r="X2710">
        <v>67</v>
      </c>
      <c r="Y2710">
        <v>68</v>
      </c>
      <c r="Z2710">
        <v>68</v>
      </c>
      <c r="AA2710">
        <v>68</v>
      </c>
      <c r="AB2710">
        <v>68</v>
      </c>
      <c r="AC2710">
        <v>68</v>
      </c>
      <c r="AD2710">
        <v>68</v>
      </c>
      <c r="AE2710">
        <v>69</v>
      </c>
      <c r="AF2710">
        <v>69</v>
      </c>
      <c r="AG2710">
        <v>69</v>
      </c>
      <c r="AH2710">
        <v>69</v>
      </c>
      <c r="AI2710">
        <v>69</v>
      </c>
      <c r="AJ2710">
        <v>69</v>
      </c>
      <c r="AK2710">
        <v>69</v>
      </c>
      <c r="AL2710">
        <v>69</v>
      </c>
      <c r="AM2710">
        <v>68</v>
      </c>
      <c r="AN2710">
        <v>68</v>
      </c>
      <c r="AO2710">
        <v>67</v>
      </c>
      <c r="AP2710">
        <v>66</v>
      </c>
      <c r="AQ2710">
        <v>66</v>
      </c>
    </row>
    <row r="2711" spans="1:43">
      <c r="A2711" t="s">
        <v>1742</v>
      </c>
      <c r="B2711" t="s">
        <v>1743</v>
      </c>
      <c r="C2711" t="s">
        <v>1740</v>
      </c>
      <c r="D2711" t="s">
        <v>1741</v>
      </c>
      <c r="E2711" t="s">
        <v>1586</v>
      </c>
      <c r="F2711" t="s">
        <v>1587</v>
      </c>
      <c r="G2711" t="s">
        <v>80</v>
      </c>
      <c r="H2711" t="s">
        <v>81</v>
      </c>
      <c r="I2711" s="2">
        <v>0</v>
      </c>
      <c r="J2711" s="2">
        <v>1</v>
      </c>
      <c r="K2711" s="2">
        <v>0</v>
      </c>
      <c r="L2711" t="s">
        <v>82</v>
      </c>
      <c r="M2711" t="s">
        <v>87</v>
      </c>
      <c r="N2711" t="s">
        <v>88</v>
      </c>
      <c r="O2711" t="s">
        <v>85</v>
      </c>
      <c r="P2711" t="s">
        <v>86</v>
      </c>
      <c r="Q2711">
        <v>66</v>
      </c>
      <c r="R2711">
        <v>66</v>
      </c>
      <c r="S2711">
        <v>65</v>
      </c>
      <c r="T2711">
        <v>65</v>
      </c>
      <c r="U2711">
        <v>65</v>
      </c>
      <c r="V2711">
        <v>64</v>
      </c>
      <c r="W2711">
        <v>64</v>
      </c>
      <c r="X2711">
        <v>64</v>
      </c>
      <c r="Y2711">
        <v>63</v>
      </c>
      <c r="Z2711">
        <v>63</v>
      </c>
      <c r="AA2711">
        <v>63</v>
      </c>
      <c r="AB2711">
        <v>63</v>
      </c>
      <c r="AC2711">
        <v>62</v>
      </c>
      <c r="AD2711">
        <v>62</v>
      </c>
      <c r="AE2711">
        <v>62</v>
      </c>
      <c r="AF2711">
        <v>61</v>
      </c>
      <c r="AG2711">
        <v>61</v>
      </c>
      <c r="AH2711">
        <v>61</v>
      </c>
      <c r="AI2711">
        <v>61</v>
      </c>
      <c r="AJ2711">
        <v>60</v>
      </c>
      <c r="AK2711">
        <v>60</v>
      </c>
      <c r="AL2711">
        <v>60</v>
      </c>
      <c r="AM2711">
        <v>60</v>
      </c>
      <c r="AN2711">
        <v>59</v>
      </c>
      <c r="AO2711">
        <v>59</v>
      </c>
      <c r="AP2711">
        <v>59</v>
      </c>
      <c r="AQ2711">
        <v>59</v>
      </c>
    </row>
    <row r="2712" spans="1:43">
      <c r="A2712" t="s">
        <v>1742</v>
      </c>
      <c r="B2712" t="s">
        <v>1743</v>
      </c>
      <c r="C2712" t="s">
        <v>1740</v>
      </c>
      <c r="D2712" t="s">
        <v>1741</v>
      </c>
      <c r="E2712" t="s">
        <v>1586</v>
      </c>
      <c r="F2712" t="s">
        <v>1587</v>
      </c>
      <c r="G2712" t="s">
        <v>80</v>
      </c>
      <c r="H2712" t="s">
        <v>81</v>
      </c>
      <c r="I2712" s="2">
        <v>0</v>
      </c>
      <c r="J2712" s="2">
        <v>1</v>
      </c>
      <c r="K2712" s="2">
        <v>0</v>
      </c>
      <c r="L2712" t="s">
        <v>82</v>
      </c>
      <c r="M2712" t="s">
        <v>89</v>
      </c>
      <c r="N2712" t="s">
        <v>90</v>
      </c>
      <c r="O2712" t="s">
        <v>85</v>
      </c>
      <c r="P2712" t="s">
        <v>86</v>
      </c>
      <c r="Q2712">
        <v>66</v>
      </c>
      <c r="R2712">
        <v>67</v>
      </c>
      <c r="S2712">
        <v>68</v>
      </c>
      <c r="T2712">
        <v>69</v>
      </c>
      <c r="U2712">
        <v>69</v>
      </c>
      <c r="V2712">
        <v>70</v>
      </c>
      <c r="W2712">
        <v>71</v>
      </c>
      <c r="X2712">
        <v>71</v>
      </c>
      <c r="Y2712">
        <v>72</v>
      </c>
      <c r="Z2712">
        <v>72</v>
      </c>
      <c r="AA2712">
        <v>72</v>
      </c>
      <c r="AB2712">
        <v>73</v>
      </c>
      <c r="AC2712">
        <v>73</v>
      </c>
      <c r="AD2712">
        <v>73</v>
      </c>
      <c r="AE2712">
        <v>73</v>
      </c>
      <c r="AF2712">
        <v>73</v>
      </c>
      <c r="AG2712">
        <v>72</v>
      </c>
      <c r="AH2712">
        <v>72</v>
      </c>
      <c r="AI2712">
        <v>71</v>
      </c>
      <c r="AJ2712">
        <v>70</v>
      </c>
      <c r="AK2712">
        <v>70</v>
      </c>
      <c r="AL2712">
        <v>69</v>
      </c>
      <c r="AM2712">
        <v>69</v>
      </c>
      <c r="AN2712">
        <v>68</v>
      </c>
      <c r="AO2712">
        <v>68</v>
      </c>
      <c r="AP2712">
        <v>67</v>
      </c>
      <c r="AQ2712">
        <v>67</v>
      </c>
    </row>
    <row r="2713" spans="1:43">
      <c r="A2713" t="s">
        <v>1742</v>
      </c>
      <c r="B2713" t="s">
        <v>1743</v>
      </c>
      <c r="C2713" t="s">
        <v>1740</v>
      </c>
      <c r="D2713" t="s">
        <v>1741</v>
      </c>
      <c r="E2713" t="s">
        <v>1586</v>
      </c>
      <c r="F2713" t="s">
        <v>1587</v>
      </c>
      <c r="G2713" t="s">
        <v>80</v>
      </c>
      <c r="H2713" t="s">
        <v>81</v>
      </c>
      <c r="I2713" s="2">
        <v>0</v>
      </c>
      <c r="J2713" s="2">
        <v>1</v>
      </c>
      <c r="K2713" s="2">
        <v>0</v>
      </c>
      <c r="L2713" t="s">
        <v>82</v>
      </c>
      <c r="M2713" t="s">
        <v>83</v>
      </c>
      <c r="N2713" t="s">
        <v>91</v>
      </c>
      <c r="O2713" t="s">
        <v>85</v>
      </c>
      <c r="P2713" t="s">
        <v>86</v>
      </c>
      <c r="Q2713">
        <v>66</v>
      </c>
      <c r="R2713">
        <v>66</v>
      </c>
      <c r="S2713">
        <v>66</v>
      </c>
      <c r="T2713">
        <v>66</v>
      </c>
      <c r="U2713">
        <v>67</v>
      </c>
      <c r="V2713">
        <v>67</v>
      </c>
      <c r="W2713">
        <v>67</v>
      </c>
      <c r="X2713">
        <v>67</v>
      </c>
      <c r="Y2713">
        <v>68</v>
      </c>
      <c r="Z2713">
        <v>68</v>
      </c>
      <c r="AA2713">
        <v>68</v>
      </c>
      <c r="AB2713">
        <v>68</v>
      </c>
      <c r="AC2713">
        <v>68</v>
      </c>
      <c r="AD2713">
        <v>68</v>
      </c>
      <c r="AE2713">
        <v>69</v>
      </c>
      <c r="AF2713">
        <v>69</v>
      </c>
      <c r="AG2713">
        <v>69</v>
      </c>
      <c r="AH2713">
        <v>69</v>
      </c>
      <c r="AI2713">
        <v>69</v>
      </c>
      <c r="AJ2713">
        <v>69</v>
      </c>
      <c r="AK2713">
        <v>69</v>
      </c>
      <c r="AL2713">
        <v>69</v>
      </c>
      <c r="AM2713">
        <v>68</v>
      </c>
      <c r="AN2713">
        <v>68</v>
      </c>
      <c r="AO2713">
        <v>67</v>
      </c>
      <c r="AP2713">
        <v>66</v>
      </c>
      <c r="AQ2713">
        <v>66</v>
      </c>
    </row>
    <row r="2714" spans="1:43">
      <c r="A2714" t="s">
        <v>1744</v>
      </c>
      <c r="B2714" t="s">
        <v>1745</v>
      </c>
      <c r="C2714" t="s">
        <v>1746</v>
      </c>
      <c r="D2714" t="s">
        <v>1747</v>
      </c>
      <c r="E2714" t="s">
        <v>1586</v>
      </c>
      <c r="F2714" t="s">
        <v>1587</v>
      </c>
      <c r="G2714" t="s">
        <v>80</v>
      </c>
      <c r="H2714" t="s">
        <v>81</v>
      </c>
      <c r="I2714" s="2">
        <v>0</v>
      </c>
      <c r="J2714" s="2">
        <v>1</v>
      </c>
      <c r="K2714" s="2">
        <v>0</v>
      </c>
      <c r="L2714" t="s">
        <v>82</v>
      </c>
      <c r="M2714" t="s">
        <v>83</v>
      </c>
      <c r="N2714" t="s">
        <v>84</v>
      </c>
      <c r="O2714" t="s">
        <v>85</v>
      </c>
      <c r="P2714" t="s">
        <v>86</v>
      </c>
      <c r="Q2714">
        <v>109</v>
      </c>
      <c r="R2714">
        <v>109</v>
      </c>
      <c r="S2714">
        <v>110</v>
      </c>
      <c r="T2714">
        <v>110</v>
      </c>
      <c r="U2714">
        <v>111</v>
      </c>
      <c r="V2714">
        <v>111</v>
      </c>
      <c r="W2714">
        <v>111</v>
      </c>
      <c r="X2714">
        <v>112</v>
      </c>
      <c r="Y2714">
        <v>112</v>
      </c>
      <c r="Z2714">
        <v>112</v>
      </c>
      <c r="AA2714">
        <v>112</v>
      </c>
      <c r="AB2714">
        <v>113</v>
      </c>
      <c r="AC2714">
        <v>113</v>
      </c>
      <c r="AD2714">
        <v>113</v>
      </c>
      <c r="AE2714">
        <v>113</v>
      </c>
      <c r="AF2714">
        <v>113</v>
      </c>
      <c r="AG2714">
        <v>113</v>
      </c>
      <c r="AH2714">
        <v>114</v>
      </c>
      <c r="AI2714">
        <v>114</v>
      </c>
      <c r="AJ2714">
        <v>114</v>
      </c>
      <c r="AK2714">
        <v>114</v>
      </c>
      <c r="AL2714">
        <v>113</v>
      </c>
      <c r="AM2714">
        <v>112</v>
      </c>
      <c r="AN2714">
        <v>111</v>
      </c>
      <c r="AO2714">
        <v>110</v>
      </c>
      <c r="AP2714">
        <v>109</v>
      </c>
      <c r="AQ2714">
        <v>109</v>
      </c>
    </row>
    <row r="2715" spans="1:43">
      <c r="A2715" t="s">
        <v>1744</v>
      </c>
      <c r="B2715" t="s">
        <v>1745</v>
      </c>
      <c r="C2715" t="s">
        <v>1746</v>
      </c>
      <c r="D2715" t="s">
        <v>1747</v>
      </c>
      <c r="E2715" t="s">
        <v>1586</v>
      </c>
      <c r="F2715" t="s">
        <v>1587</v>
      </c>
      <c r="G2715" t="s">
        <v>80</v>
      </c>
      <c r="H2715" t="s">
        <v>81</v>
      </c>
      <c r="I2715" s="2">
        <v>0</v>
      </c>
      <c r="J2715" s="2">
        <v>1</v>
      </c>
      <c r="K2715" s="2">
        <v>0</v>
      </c>
      <c r="L2715" t="s">
        <v>82</v>
      </c>
      <c r="M2715" t="s">
        <v>87</v>
      </c>
      <c r="N2715" t="s">
        <v>88</v>
      </c>
      <c r="O2715" t="s">
        <v>85</v>
      </c>
      <c r="P2715" t="s">
        <v>86</v>
      </c>
      <c r="Q2715">
        <v>109</v>
      </c>
      <c r="R2715">
        <v>108</v>
      </c>
      <c r="S2715">
        <v>108</v>
      </c>
      <c r="T2715">
        <v>107</v>
      </c>
      <c r="U2715">
        <v>107</v>
      </c>
      <c r="V2715">
        <v>106</v>
      </c>
      <c r="W2715">
        <v>106</v>
      </c>
      <c r="X2715">
        <v>105</v>
      </c>
      <c r="Y2715">
        <v>104</v>
      </c>
      <c r="Z2715">
        <v>104</v>
      </c>
      <c r="AA2715">
        <v>103</v>
      </c>
      <c r="AB2715">
        <v>103</v>
      </c>
      <c r="AC2715">
        <v>102</v>
      </c>
      <c r="AD2715">
        <v>102</v>
      </c>
      <c r="AE2715">
        <v>101</v>
      </c>
      <c r="AF2715">
        <v>101</v>
      </c>
      <c r="AG2715">
        <v>100</v>
      </c>
      <c r="AH2715">
        <v>100</v>
      </c>
      <c r="AI2715">
        <v>99</v>
      </c>
      <c r="AJ2715">
        <v>99</v>
      </c>
      <c r="AK2715">
        <v>98</v>
      </c>
      <c r="AL2715">
        <v>98</v>
      </c>
      <c r="AM2715">
        <v>97</v>
      </c>
      <c r="AN2715">
        <v>97</v>
      </c>
      <c r="AO2715">
        <v>96</v>
      </c>
      <c r="AP2715">
        <v>96</v>
      </c>
      <c r="AQ2715">
        <v>95</v>
      </c>
    </row>
    <row r="2716" spans="1:43">
      <c r="A2716" t="s">
        <v>1744</v>
      </c>
      <c r="B2716" t="s">
        <v>1745</v>
      </c>
      <c r="C2716" t="s">
        <v>1746</v>
      </c>
      <c r="D2716" t="s">
        <v>1747</v>
      </c>
      <c r="E2716" t="s">
        <v>1586</v>
      </c>
      <c r="F2716" t="s">
        <v>1587</v>
      </c>
      <c r="G2716" t="s">
        <v>80</v>
      </c>
      <c r="H2716" t="s">
        <v>81</v>
      </c>
      <c r="I2716" s="2">
        <v>0</v>
      </c>
      <c r="J2716" s="2">
        <v>1</v>
      </c>
      <c r="K2716" s="2">
        <v>0</v>
      </c>
      <c r="L2716" t="s">
        <v>82</v>
      </c>
      <c r="M2716" t="s">
        <v>89</v>
      </c>
      <c r="N2716" t="s">
        <v>90</v>
      </c>
      <c r="O2716" t="s">
        <v>85</v>
      </c>
      <c r="P2716" t="s">
        <v>86</v>
      </c>
      <c r="Q2716">
        <v>109</v>
      </c>
      <c r="R2716">
        <v>110</v>
      </c>
      <c r="S2716">
        <v>112</v>
      </c>
      <c r="T2716">
        <v>113</v>
      </c>
      <c r="U2716">
        <v>114</v>
      </c>
      <c r="V2716">
        <v>115</v>
      </c>
      <c r="W2716">
        <v>116</v>
      </c>
      <c r="X2716">
        <v>117</v>
      </c>
      <c r="Y2716">
        <v>118</v>
      </c>
      <c r="Z2716">
        <v>118</v>
      </c>
      <c r="AA2716">
        <v>119</v>
      </c>
      <c r="AB2716">
        <v>119</v>
      </c>
      <c r="AC2716">
        <v>120</v>
      </c>
      <c r="AD2716">
        <v>120</v>
      </c>
      <c r="AE2716">
        <v>120</v>
      </c>
      <c r="AF2716">
        <v>119</v>
      </c>
      <c r="AG2716">
        <v>118</v>
      </c>
      <c r="AH2716">
        <v>117</v>
      </c>
      <c r="AI2716">
        <v>116</v>
      </c>
      <c r="AJ2716">
        <v>115</v>
      </c>
      <c r="AK2716">
        <v>114</v>
      </c>
      <c r="AL2716">
        <v>113</v>
      </c>
      <c r="AM2716">
        <v>112</v>
      </c>
      <c r="AN2716">
        <v>111</v>
      </c>
      <c r="AO2716">
        <v>111</v>
      </c>
      <c r="AP2716">
        <v>110</v>
      </c>
      <c r="AQ2716">
        <v>109</v>
      </c>
    </row>
    <row r="2717" spans="1:43">
      <c r="A2717" t="s">
        <v>1744</v>
      </c>
      <c r="B2717" t="s">
        <v>1745</v>
      </c>
      <c r="C2717" t="s">
        <v>1746</v>
      </c>
      <c r="D2717" t="s">
        <v>1747</v>
      </c>
      <c r="E2717" t="s">
        <v>1586</v>
      </c>
      <c r="F2717" t="s">
        <v>1587</v>
      </c>
      <c r="G2717" t="s">
        <v>80</v>
      </c>
      <c r="H2717" t="s">
        <v>81</v>
      </c>
      <c r="I2717" s="2">
        <v>0</v>
      </c>
      <c r="J2717" s="2">
        <v>1</v>
      </c>
      <c r="K2717" s="2">
        <v>0</v>
      </c>
      <c r="L2717" t="s">
        <v>82</v>
      </c>
      <c r="M2717" t="s">
        <v>83</v>
      </c>
      <c r="N2717" t="s">
        <v>91</v>
      </c>
      <c r="O2717" t="s">
        <v>85</v>
      </c>
      <c r="P2717" t="s">
        <v>86</v>
      </c>
      <c r="Q2717">
        <v>109</v>
      </c>
      <c r="R2717">
        <v>109</v>
      </c>
      <c r="S2717">
        <v>110</v>
      </c>
      <c r="T2717">
        <v>110</v>
      </c>
      <c r="U2717">
        <v>111</v>
      </c>
      <c r="V2717">
        <v>111</v>
      </c>
      <c r="W2717">
        <v>111</v>
      </c>
      <c r="X2717">
        <v>112</v>
      </c>
      <c r="Y2717">
        <v>112</v>
      </c>
      <c r="Z2717">
        <v>112</v>
      </c>
      <c r="AA2717">
        <v>112</v>
      </c>
      <c r="AB2717">
        <v>113</v>
      </c>
      <c r="AC2717">
        <v>113</v>
      </c>
      <c r="AD2717">
        <v>113</v>
      </c>
      <c r="AE2717">
        <v>113</v>
      </c>
      <c r="AF2717">
        <v>113</v>
      </c>
      <c r="AG2717">
        <v>113</v>
      </c>
      <c r="AH2717">
        <v>114</v>
      </c>
      <c r="AI2717">
        <v>114</v>
      </c>
      <c r="AJ2717">
        <v>114</v>
      </c>
      <c r="AK2717">
        <v>114</v>
      </c>
      <c r="AL2717">
        <v>113</v>
      </c>
      <c r="AM2717">
        <v>112</v>
      </c>
      <c r="AN2717">
        <v>111</v>
      </c>
      <c r="AO2717">
        <v>110</v>
      </c>
      <c r="AP2717">
        <v>109</v>
      </c>
      <c r="AQ2717">
        <v>109</v>
      </c>
    </row>
    <row r="2718" spans="1:43">
      <c r="A2718" t="s">
        <v>1748</v>
      </c>
      <c r="B2718" t="s">
        <v>1749</v>
      </c>
      <c r="C2718" t="s">
        <v>1746</v>
      </c>
      <c r="D2718" t="s">
        <v>1747</v>
      </c>
      <c r="E2718" t="s">
        <v>1586</v>
      </c>
      <c r="F2718" t="s">
        <v>1587</v>
      </c>
      <c r="G2718" t="s">
        <v>80</v>
      </c>
      <c r="H2718" t="s">
        <v>81</v>
      </c>
      <c r="I2718" s="2">
        <v>0</v>
      </c>
      <c r="J2718" s="2">
        <v>1</v>
      </c>
      <c r="K2718" s="2">
        <v>0</v>
      </c>
      <c r="L2718" t="s">
        <v>82</v>
      </c>
      <c r="M2718" t="s">
        <v>83</v>
      </c>
      <c r="N2718" t="s">
        <v>84</v>
      </c>
      <c r="O2718" t="s">
        <v>85</v>
      </c>
      <c r="P2718" t="s">
        <v>86</v>
      </c>
      <c r="Q2718">
        <v>51</v>
      </c>
      <c r="R2718">
        <v>51</v>
      </c>
      <c r="S2718">
        <v>51</v>
      </c>
      <c r="T2718">
        <v>51</v>
      </c>
      <c r="U2718">
        <v>51</v>
      </c>
      <c r="V2718">
        <v>52</v>
      </c>
      <c r="W2718">
        <v>52</v>
      </c>
      <c r="X2718">
        <v>52</v>
      </c>
      <c r="Y2718">
        <v>52</v>
      </c>
      <c r="Z2718">
        <v>52</v>
      </c>
      <c r="AA2718">
        <v>52</v>
      </c>
      <c r="AB2718">
        <v>52</v>
      </c>
      <c r="AC2718">
        <v>52</v>
      </c>
      <c r="AD2718">
        <v>52</v>
      </c>
      <c r="AE2718">
        <v>53</v>
      </c>
      <c r="AF2718">
        <v>53</v>
      </c>
      <c r="AG2718">
        <v>53</v>
      </c>
      <c r="AH2718">
        <v>53</v>
      </c>
      <c r="AI2718">
        <v>53</v>
      </c>
      <c r="AJ2718">
        <v>53</v>
      </c>
      <c r="AK2718">
        <v>53</v>
      </c>
      <c r="AL2718">
        <v>52</v>
      </c>
      <c r="AM2718">
        <v>52</v>
      </c>
      <c r="AN2718">
        <v>52</v>
      </c>
      <c r="AO2718">
        <v>51</v>
      </c>
      <c r="AP2718">
        <v>51</v>
      </c>
      <c r="AQ2718">
        <v>50</v>
      </c>
    </row>
    <row r="2719" spans="1:43">
      <c r="A2719" t="s">
        <v>1748</v>
      </c>
      <c r="B2719" t="s">
        <v>1749</v>
      </c>
      <c r="C2719" t="s">
        <v>1746</v>
      </c>
      <c r="D2719" t="s">
        <v>1747</v>
      </c>
      <c r="E2719" t="s">
        <v>1586</v>
      </c>
      <c r="F2719" t="s">
        <v>1587</v>
      </c>
      <c r="G2719" t="s">
        <v>80</v>
      </c>
      <c r="H2719" t="s">
        <v>81</v>
      </c>
      <c r="I2719" s="2">
        <v>0</v>
      </c>
      <c r="J2719" s="2">
        <v>1</v>
      </c>
      <c r="K2719" s="2">
        <v>0</v>
      </c>
      <c r="L2719" t="s">
        <v>82</v>
      </c>
      <c r="M2719" t="s">
        <v>87</v>
      </c>
      <c r="N2719" t="s">
        <v>88</v>
      </c>
      <c r="O2719" t="s">
        <v>85</v>
      </c>
      <c r="P2719" t="s">
        <v>86</v>
      </c>
      <c r="Q2719">
        <v>51</v>
      </c>
      <c r="R2719">
        <v>51</v>
      </c>
      <c r="S2719">
        <v>51</v>
      </c>
      <c r="T2719">
        <v>50</v>
      </c>
      <c r="U2719">
        <v>50</v>
      </c>
      <c r="V2719">
        <v>50</v>
      </c>
      <c r="W2719">
        <v>50</v>
      </c>
      <c r="X2719">
        <v>49</v>
      </c>
      <c r="Y2719">
        <v>49</v>
      </c>
      <c r="Z2719">
        <v>49</v>
      </c>
      <c r="AA2719">
        <v>49</v>
      </c>
      <c r="AB2719">
        <v>48</v>
      </c>
      <c r="AC2719">
        <v>48</v>
      </c>
      <c r="AD2719">
        <v>48</v>
      </c>
      <c r="AE2719">
        <v>48</v>
      </c>
      <c r="AF2719">
        <v>47</v>
      </c>
      <c r="AG2719">
        <v>47</v>
      </c>
      <c r="AH2719">
        <v>47</v>
      </c>
      <c r="AI2719">
        <v>46</v>
      </c>
      <c r="AJ2719">
        <v>46</v>
      </c>
      <c r="AK2719">
        <v>46</v>
      </c>
      <c r="AL2719">
        <v>46</v>
      </c>
      <c r="AM2719">
        <v>45</v>
      </c>
      <c r="AN2719">
        <v>45</v>
      </c>
      <c r="AO2719">
        <v>45</v>
      </c>
      <c r="AP2719">
        <v>45</v>
      </c>
      <c r="AQ2719">
        <v>45</v>
      </c>
    </row>
    <row r="2720" spans="1:43">
      <c r="A2720" t="s">
        <v>1748</v>
      </c>
      <c r="B2720" t="s">
        <v>1749</v>
      </c>
      <c r="C2720" t="s">
        <v>1746</v>
      </c>
      <c r="D2720" t="s">
        <v>1747</v>
      </c>
      <c r="E2720" t="s">
        <v>1586</v>
      </c>
      <c r="F2720" t="s">
        <v>1587</v>
      </c>
      <c r="G2720" t="s">
        <v>80</v>
      </c>
      <c r="H2720" t="s">
        <v>81</v>
      </c>
      <c r="I2720" s="2">
        <v>0</v>
      </c>
      <c r="J2720" s="2">
        <v>1</v>
      </c>
      <c r="K2720" s="2">
        <v>0</v>
      </c>
      <c r="L2720" t="s">
        <v>82</v>
      </c>
      <c r="M2720" t="s">
        <v>89</v>
      </c>
      <c r="N2720" t="s">
        <v>90</v>
      </c>
      <c r="O2720" t="s">
        <v>85</v>
      </c>
      <c r="P2720" t="s">
        <v>86</v>
      </c>
      <c r="Q2720">
        <v>51</v>
      </c>
      <c r="R2720">
        <v>52</v>
      </c>
      <c r="S2720">
        <v>52</v>
      </c>
      <c r="T2720">
        <v>53</v>
      </c>
      <c r="U2720">
        <v>53</v>
      </c>
      <c r="V2720">
        <v>54</v>
      </c>
      <c r="W2720">
        <v>54</v>
      </c>
      <c r="X2720">
        <v>55</v>
      </c>
      <c r="Y2720">
        <v>55</v>
      </c>
      <c r="Z2720">
        <v>55</v>
      </c>
      <c r="AA2720">
        <v>56</v>
      </c>
      <c r="AB2720">
        <v>56</v>
      </c>
      <c r="AC2720">
        <v>56</v>
      </c>
      <c r="AD2720">
        <v>56</v>
      </c>
      <c r="AE2720">
        <v>56</v>
      </c>
      <c r="AF2720">
        <v>56</v>
      </c>
      <c r="AG2720">
        <v>55</v>
      </c>
      <c r="AH2720">
        <v>55</v>
      </c>
      <c r="AI2720">
        <v>54</v>
      </c>
      <c r="AJ2720">
        <v>54</v>
      </c>
      <c r="AK2720">
        <v>53</v>
      </c>
      <c r="AL2720">
        <v>53</v>
      </c>
      <c r="AM2720">
        <v>52</v>
      </c>
      <c r="AN2720">
        <v>52</v>
      </c>
      <c r="AO2720">
        <v>52</v>
      </c>
      <c r="AP2720">
        <v>51</v>
      </c>
      <c r="AQ2720">
        <v>51</v>
      </c>
    </row>
    <row r="2721" spans="1:43">
      <c r="A2721" t="s">
        <v>1748</v>
      </c>
      <c r="B2721" t="s">
        <v>1749</v>
      </c>
      <c r="C2721" t="s">
        <v>1746</v>
      </c>
      <c r="D2721" t="s">
        <v>1747</v>
      </c>
      <c r="E2721" t="s">
        <v>1586</v>
      </c>
      <c r="F2721" t="s">
        <v>1587</v>
      </c>
      <c r="G2721" t="s">
        <v>80</v>
      </c>
      <c r="H2721" t="s">
        <v>81</v>
      </c>
      <c r="I2721" s="2">
        <v>0</v>
      </c>
      <c r="J2721" s="2">
        <v>1</v>
      </c>
      <c r="K2721" s="2">
        <v>0</v>
      </c>
      <c r="L2721" t="s">
        <v>82</v>
      </c>
      <c r="M2721" t="s">
        <v>83</v>
      </c>
      <c r="N2721" t="s">
        <v>91</v>
      </c>
      <c r="O2721" t="s">
        <v>85</v>
      </c>
      <c r="P2721" t="s">
        <v>86</v>
      </c>
      <c r="Q2721">
        <v>51</v>
      </c>
      <c r="R2721">
        <v>51</v>
      </c>
      <c r="S2721">
        <v>51</v>
      </c>
      <c r="T2721">
        <v>51</v>
      </c>
      <c r="U2721">
        <v>51</v>
      </c>
      <c r="V2721">
        <v>52</v>
      </c>
      <c r="W2721">
        <v>52</v>
      </c>
      <c r="X2721">
        <v>52</v>
      </c>
      <c r="Y2721">
        <v>52</v>
      </c>
      <c r="Z2721">
        <v>52</v>
      </c>
      <c r="AA2721">
        <v>52</v>
      </c>
      <c r="AB2721">
        <v>52</v>
      </c>
      <c r="AC2721">
        <v>52</v>
      </c>
      <c r="AD2721">
        <v>52</v>
      </c>
      <c r="AE2721">
        <v>53</v>
      </c>
      <c r="AF2721">
        <v>53</v>
      </c>
      <c r="AG2721">
        <v>53</v>
      </c>
      <c r="AH2721">
        <v>53</v>
      </c>
      <c r="AI2721">
        <v>53</v>
      </c>
      <c r="AJ2721">
        <v>53</v>
      </c>
      <c r="AK2721">
        <v>53</v>
      </c>
      <c r="AL2721">
        <v>52</v>
      </c>
      <c r="AM2721">
        <v>52</v>
      </c>
      <c r="AN2721">
        <v>52</v>
      </c>
      <c r="AO2721">
        <v>51</v>
      </c>
      <c r="AP2721">
        <v>51</v>
      </c>
      <c r="AQ2721">
        <v>50</v>
      </c>
    </row>
    <row r="2722" spans="1:43">
      <c r="A2722" t="s">
        <v>1750</v>
      </c>
      <c r="B2722" t="s">
        <v>1751</v>
      </c>
      <c r="C2722" t="s">
        <v>1746</v>
      </c>
      <c r="D2722" t="s">
        <v>1747</v>
      </c>
      <c r="E2722" t="s">
        <v>1586</v>
      </c>
      <c r="F2722" t="s">
        <v>1587</v>
      </c>
      <c r="G2722" t="s">
        <v>80</v>
      </c>
      <c r="H2722" t="s">
        <v>81</v>
      </c>
      <c r="I2722" s="2">
        <v>0</v>
      </c>
      <c r="J2722" s="2">
        <v>1</v>
      </c>
      <c r="K2722" s="2">
        <v>0</v>
      </c>
      <c r="L2722" t="s">
        <v>82</v>
      </c>
      <c r="M2722" t="s">
        <v>83</v>
      </c>
      <c r="N2722" t="s">
        <v>84</v>
      </c>
      <c r="O2722" t="s">
        <v>85</v>
      </c>
      <c r="P2722" t="s">
        <v>86</v>
      </c>
      <c r="Q2722">
        <v>63</v>
      </c>
      <c r="R2722">
        <v>63</v>
      </c>
      <c r="S2722">
        <v>63</v>
      </c>
      <c r="T2722">
        <v>63</v>
      </c>
      <c r="U2722">
        <v>63</v>
      </c>
      <c r="V2722">
        <v>64</v>
      </c>
      <c r="W2722">
        <v>64</v>
      </c>
      <c r="X2722">
        <v>64</v>
      </c>
      <c r="Y2722">
        <v>64</v>
      </c>
      <c r="Z2722">
        <v>64</v>
      </c>
      <c r="AA2722">
        <v>64</v>
      </c>
      <c r="AB2722">
        <v>64</v>
      </c>
      <c r="AC2722">
        <v>64</v>
      </c>
      <c r="AD2722">
        <v>65</v>
      </c>
      <c r="AE2722">
        <v>65</v>
      </c>
      <c r="AF2722">
        <v>65</v>
      </c>
      <c r="AG2722">
        <v>65</v>
      </c>
      <c r="AH2722">
        <v>65</v>
      </c>
      <c r="AI2722">
        <v>65</v>
      </c>
      <c r="AJ2722">
        <v>65</v>
      </c>
      <c r="AK2722">
        <v>65</v>
      </c>
      <c r="AL2722">
        <v>64</v>
      </c>
      <c r="AM2722">
        <v>64</v>
      </c>
      <c r="AN2722">
        <v>63</v>
      </c>
      <c r="AO2722">
        <v>63</v>
      </c>
      <c r="AP2722">
        <v>62</v>
      </c>
      <c r="AQ2722">
        <v>62</v>
      </c>
    </row>
    <row r="2723" spans="1:43">
      <c r="A2723" t="s">
        <v>1750</v>
      </c>
      <c r="B2723" t="s">
        <v>1751</v>
      </c>
      <c r="C2723" t="s">
        <v>1746</v>
      </c>
      <c r="D2723" t="s">
        <v>1747</v>
      </c>
      <c r="E2723" t="s">
        <v>1586</v>
      </c>
      <c r="F2723" t="s">
        <v>1587</v>
      </c>
      <c r="G2723" t="s">
        <v>80</v>
      </c>
      <c r="H2723" t="s">
        <v>81</v>
      </c>
      <c r="I2723" s="2">
        <v>0</v>
      </c>
      <c r="J2723" s="2">
        <v>1</v>
      </c>
      <c r="K2723" s="2">
        <v>0</v>
      </c>
      <c r="L2723" t="s">
        <v>82</v>
      </c>
      <c r="M2723" t="s">
        <v>87</v>
      </c>
      <c r="N2723" t="s">
        <v>88</v>
      </c>
      <c r="O2723" t="s">
        <v>85</v>
      </c>
      <c r="P2723" t="s">
        <v>86</v>
      </c>
      <c r="Q2723">
        <v>63</v>
      </c>
      <c r="R2723">
        <v>63</v>
      </c>
      <c r="S2723">
        <v>62</v>
      </c>
      <c r="T2723">
        <v>62</v>
      </c>
      <c r="U2723">
        <v>62</v>
      </c>
      <c r="V2723">
        <v>61</v>
      </c>
      <c r="W2723">
        <v>61</v>
      </c>
      <c r="X2723">
        <v>61</v>
      </c>
      <c r="Y2723">
        <v>60</v>
      </c>
      <c r="Z2723">
        <v>60</v>
      </c>
      <c r="AA2723">
        <v>60</v>
      </c>
      <c r="AB2723">
        <v>59</v>
      </c>
      <c r="AC2723">
        <v>59</v>
      </c>
      <c r="AD2723">
        <v>58</v>
      </c>
      <c r="AE2723">
        <v>58</v>
      </c>
      <c r="AF2723">
        <v>58</v>
      </c>
      <c r="AG2723">
        <v>57</v>
      </c>
      <c r="AH2723">
        <v>57</v>
      </c>
      <c r="AI2723">
        <v>57</v>
      </c>
      <c r="AJ2723">
        <v>56</v>
      </c>
      <c r="AK2723">
        <v>56</v>
      </c>
      <c r="AL2723">
        <v>56</v>
      </c>
      <c r="AM2723">
        <v>55</v>
      </c>
      <c r="AN2723">
        <v>55</v>
      </c>
      <c r="AO2723">
        <v>55</v>
      </c>
      <c r="AP2723">
        <v>55</v>
      </c>
      <c r="AQ2723">
        <v>54</v>
      </c>
    </row>
    <row r="2724" spans="1:43">
      <c r="A2724" t="s">
        <v>1750</v>
      </c>
      <c r="B2724" t="s">
        <v>1751</v>
      </c>
      <c r="C2724" t="s">
        <v>1746</v>
      </c>
      <c r="D2724" t="s">
        <v>1747</v>
      </c>
      <c r="E2724" t="s">
        <v>1586</v>
      </c>
      <c r="F2724" t="s">
        <v>1587</v>
      </c>
      <c r="G2724" t="s">
        <v>80</v>
      </c>
      <c r="H2724" t="s">
        <v>81</v>
      </c>
      <c r="I2724" s="2">
        <v>0</v>
      </c>
      <c r="J2724" s="2">
        <v>1</v>
      </c>
      <c r="K2724" s="2">
        <v>0</v>
      </c>
      <c r="L2724" t="s">
        <v>82</v>
      </c>
      <c r="M2724" t="s">
        <v>89</v>
      </c>
      <c r="N2724" t="s">
        <v>90</v>
      </c>
      <c r="O2724" t="s">
        <v>85</v>
      </c>
      <c r="P2724" t="s">
        <v>86</v>
      </c>
      <c r="Q2724">
        <v>63</v>
      </c>
      <c r="R2724">
        <v>64</v>
      </c>
      <c r="S2724">
        <v>65</v>
      </c>
      <c r="T2724">
        <v>65</v>
      </c>
      <c r="U2724">
        <v>66</v>
      </c>
      <c r="V2724">
        <v>67</v>
      </c>
      <c r="W2724">
        <v>67</v>
      </c>
      <c r="X2724">
        <v>68</v>
      </c>
      <c r="Y2724">
        <v>68</v>
      </c>
      <c r="Z2724">
        <v>68</v>
      </c>
      <c r="AA2724">
        <v>69</v>
      </c>
      <c r="AB2724">
        <v>69</v>
      </c>
      <c r="AC2724">
        <v>69</v>
      </c>
      <c r="AD2724">
        <v>70</v>
      </c>
      <c r="AE2724">
        <v>69</v>
      </c>
      <c r="AF2724">
        <v>69</v>
      </c>
      <c r="AG2724">
        <v>68</v>
      </c>
      <c r="AH2724">
        <v>68</v>
      </c>
      <c r="AI2724">
        <v>67</v>
      </c>
      <c r="AJ2724">
        <v>66</v>
      </c>
      <c r="AK2724">
        <v>66</v>
      </c>
      <c r="AL2724">
        <v>65</v>
      </c>
      <c r="AM2724">
        <v>65</v>
      </c>
      <c r="AN2724">
        <v>64</v>
      </c>
      <c r="AO2724">
        <v>63</v>
      </c>
      <c r="AP2724">
        <v>63</v>
      </c>
      <c r="AQ2724">
        <v>62</v>
      </c>
    </row>
    <row r="2725" spans="1:43">
      <c r="A2725" t="s">
        <v>1750</v>
      </c>
      <c r="B2725" t="s">
        <v>1751</v>
      </c>
      <c r="C2725" t="s">
        <v>1746</v>
      </c>
      <c r="D2725" t="s">
        <v>1747</v>
      </c>
      <c r="E2725" t="s">
        <v>1586</v>
      </c>
      <c r="F2725" t="s">
        <v>1587</v>
      </c>
      <c r="G2725" t="s">
        <v>80</v>
      </c>
      <c r="H2725" t="s">
        <v>81</v>
      </c>
      <c r="I2725" s="2">
        <v>0</v>
      </c>
      <c r="J2725" s="2">
        <v>1</v>
      </c>
      <c r="K2725" s="2">
        <v>0</v>
      </c>
      <c r="L2725" t="s">
        <v>82</v>
      </c>
      <c r="M2725" t="s">
        <v>83</v>
      </c>
      <c r="N2725" t="s">
        <v>91</v>
      </c>
      <c r="O2725" t="s">
        <v>85</v>
      </c>
      <c r="P2725" t="s">
        <v>86</v>
      </c>
      <c r="Q2725">
        <v>63</v>
      </c>
      <c r="R2725">
        <v>63</v>
      </c>
      <c r="S2725">
        <v>63</v>
      </c>
      <c r="T2725">
        <v>63</v>
      </c>
      <c r="U2725">
        <v>63</v>
      </c>
      <c r="V2725">
        <v>64</v>
      </c>
      <c r="W2725">
        <v>64</v>
      </c>
      <c r="X2725">
        <v>64</v>
      </c>
      <c r="Y2725">
        <v>64</v>
      </c>
      <c r="Z2725">
        <v>64</v>
      </c>
      <c r="AA2725">
        <v>64</v>
      </c>
      <c r="AB2725">
        <v>64</v>
      </c>
      <c r="AC2725">
        <v>64</v>
      </c>
      <c r="AD2725">
        <v>65</v>
      </c>
      <c r="AE2725">
        <v>65</v>
      </c>
      <c r="AF2725">
        <v>65</v>
      </c>
      <c r="AG2725">
        <v>65</v>
      </c>
      <c r="AH2725">
        <v>65</v>
      </c>
      <c r="AI2725">
        <v>65</v>
      </c>
      <c r="AJ2725">
        <v>65</v>
      </c>
      <c r="AK2725">
        <v>65</v>
      </c>
      <c r="AL2725">
        <v>64</v>
      </c>
      <c r="AM2725">
        <v>64</v>
      </c>
      <c r="AN2725">
        <v>63</v>
      </c>
      <c r="AO2725">
        <v>63</v>
      </c>
      <c r="AP2725">
        <v>62</v>
      </c>
      <c r="AQ2725">
        <v>62</v>
      </c>
    </row>
    <row r="2726" spans="1:43">
      <c r="A2726" t="s">
        <v>1752</v>
      </c>
      <c r="B2726" t="s">
        <v>1753</v>
      </c>
      <c r="C2726" t="s">
        <v>1754</v>
      </c>
      <c r="D2726" t="s">
        <v>1755</v>
      </c>
      <c r="E2726" t="s">
        <v>1586</v>
      </c>
      <c r="F2726" t="s">
        <v>1587</v>
      </c>
      <c r="G2726" t="s">
        <v>80</v>
      </c>
      <c r="H2726" t="s">
        <v>81</v>
      </c>
      <c r="I2726" s="2">
        <v>0</v>
      </c>
      <c r="J2726" s="2">
        <v>1</v>
      </c>
      <c r="K2726" s="2">
        <v>0</v>
      </c>
      <c r="L2726" t="s">
        <v>82</v>
      </c>
      <c r="M2726" t="s">
        <v>83</v>
      </c>
      <c r="N2726" t="s">
        <v>84</v>
      </c>
      <c r="O2726" t="s">
        <v>85</v>
      </c>
      <c r="P2726" t="s">
        <v>86</v>
      </c>
      <c r="Q2726">
        <v>48</v>
      </c>
      <c r="R2726">
        <v>48</v>
      </c>
      <c r="S2726">
        <v>48</v>
      </c>
      <c r="T2726">
        <v>49</v>
      </c>
      <c r="U2726">
        <v>49</v>
      </c>
      <c r="V2726">
        <v>49</v>
      </c>
      <c r="W2726">
        <v>49</v>
      </c>
      <c r="X2726">
        <v>49</v>
      </c>
      <c r="Y2726">
        <v>49</v>
      </c>
      <c r="Z2726">
        <v>50</v>
      </c>
      <c r="AA2726">
        <v>50</v>
      </c>
      <c r="AB2726">
        <v>50</v>
      </c>
      <c r="AC2726">
        <v>50</v>
      </c>
      <c r="AD2726">
        <v>50</v>
      </c>
      <c r="AE2726">
        <v>50</v>
      </c>
      <c r="AF2726">
        <v>50</v>
      </c>
      <c r="AG2726">
        <v>50</v>
      </c>
      <c r="AH2726">
        <v>50</v>
      </c>
      <c r="AI2726">
        <v>50</v>
      </c>
      <c r="AJ2726">
        <v>50</v>
      </c>
      <c r="AK2726">
        <v>50</v>
      </c>
      <c r="AL2726">
        <v>50</v>
      </c>
      <c r="AM2726">
        <v>50</v>
      </c>
      <c r="AN2726">
        <v>49</v>
      </c>
      <c r="AO2726">
        <v>49</v>
      </c>
      <c r="AP2726">
        <v>48</v>
      </c>
      <c r="AQ2726">
        <v>48</v>
      </c>
    </row>
    <row r="2727" spans="1:43">
      <c r="A2727" t="s">
        <v>1752</v>
      </c>
      <c r="B2727" t="s">
        <v>1753</v>
      </c>
      <c r="C2727" t="s">
        <v>1754</v>
      </c>
      <c r="D2727" t="s">
        <v>1755</v>
      </c>
      <c r="E2727" t="s">
        <v>1586</v>
      </c>
      <c r="F2727" t="s">
        <v>1587</v>
      </c>
      <c r="G2727" t="s">
        <v>80</v>
      </c>
      <c r="H2727" t="s">
        <v>81</v>
      </c>
      <c r="I2727" s="2">
        <v>0</v>
      </c>
      <c r="J2727" s="2">
        <v>1</v>
      </c>
      <c r="K2727" s="2">
        <v>0</v>
      </c>
      <c r="L2727" t="s">
        <v>82</v>
      </c>
      <c r="M2727" t="s">
        <v>87</v>
      </c>
      <c r="N2727" t="s">
        <v>88</v>
      </c>
      <c r="O2727" t="s">
        <v>85</v>
      </c>
      <c r="P2727" t="s">
        <v>86</v>
      </c>
      <c r="Q2727">
        <v>48</v>
      </c>
      <c r="R2727">
        <v>47</v>
      </c>
      <c r="S2727">
        <v>47</v>
      </c>
      <c r="T2727">
        <v>47</v>
      </c>
      <c r="U2727">
        <v>47</v>
      </c>
      <c r="V2727">
        <v>46</v>
      </c>
      <c r="W2727">
        <v>46</v>
      </c>
      <c r="X2727">
        <v>46</v>
      </c>
      <c r="Y2727">
        <v>46</v>
      </c>
      <c r="Z2727">
        <v>45</v>
      </c>
      <c r="AA2727">
        <v>45</v>
      </c>
      <c r="AB2727">
        <v>45</v>
      </c>
      <c r="AC2727">
        <v>45</v>
      </c>
      <c r="AD2727">
        <v>45</v>
      </c>
      <c r="AE2727">
        <v>44</v>
      </c>
      <c r="AF2727">
        <v>44</v>
      </c>
      <c r="AG2727">
        <v>44</v>
      </c>
      <c r="AH2727">
        <v>44</v>
      </c>
      <c r="AI2727">
        <v>44</v>
      </c>
      <c r="AJ2727">
        <v>43</v>
      </c>
      <c r="AK2727">
        <v>43</v>
      </c>
      <c r="AL2727">
        <v>43</v>
      </c>
      <c r="AM2727">
        <v>43</v>
      </c>
      <c r="AN2727">
        <v>43</v>
      </c>
      <c r="AO2727">
        <v>42</v>
      </c>
      <c r="AP2727">
        <v>42</v>
      </c>
      <c r="AQ2727">
        <v>42</v>
      </c>
    </row>
    <row r="2728" spans="1:43">
      <c r="A2728" t="s">
        <v>1752</v>
      </c>
      <c r="B2728" t="s">
        <v>1753</v>
      </c>
      <c r="C2728" t="s">
        <v>1754</v>
      </c>
      <c r="D2728" t="s">
        <v>1755</v>
      </c>
      <c r="E2728" t="s">
        <v>1586</v>
      </c>
      <c r="F2728" t="s">
        <v>1587</v>
      </c>
      <c r="G2728" t="s">
        <v>80</v>
      </c>
      <c r="H2728" t="s">
        <v>81</v>
      </c>
      <c r="I2728" s="2">
        <v>0</v>
      </c>
      <c r="J2728" s="2">
        <v>1</v>
      </c>
      <c r="K2728" s="2">
        <v>0</v>
      </c>
      <c r="L2728" t="s">
        <v>82</v>
      </c>
      <c r="M2728" t="s">
        <v>89</v>
      </c>
      <c r="N2728" t="s">
        <v>90</v>
      </c>
      <c r="O2728" t="s">
        <v>85</v>
      </c>
      <c r="P2728" t="s">
        <v>86</v>
      </c>
      <c r="Q2728">
        <v>48</v>
      </c>
      <c r="R2728">
        <v>48</v>
      </c>
      <c r="S2728">
        <v>49</v>
      </c>
      <c r="T2728">
        <v>49</v>
      </c>
      <c r="U2728">
        <v>50</v>
      </c>
      <c r="V2728">
        <v>50</v>
      </c>
      <c r="W2728">
        <v>51</v>
      </c>
      <c r="X2728">
        <v>51</v>
      </c>
      <c r="Y2728">
        <v>51</v>
      </c>
      <c r="Z2728">
        <v>52</v>
      </c>
      <c r="AA2728">
        <v>52</v>
      </c>
      <c r="AB2728">
        <v>52</v>
      </c>
      <c r="AC2728">
        <v>52</v>
      </c>
      <c r="AD2728">
        <v>53</v>
      </c>
      <c r="AE2728">
        <v>52</v>
      </c>
      <c r="AF2728">
        <v>52</v>
      </c>
      <c r="AG2728">
        <v>52</v>
      </c>
      <c r="AH2728">
        <v>51</v>
      </c>
      <c r="AI2728">
        <v>51</v>
      </c>
      <c r="AJ2728">
        <v>50</v>
      </c>
      <c r="AK2728">
        <v>50</v>
      </c>
      <c r="AL2728">
        <v>49</v>
      </c>
      <c r="AM2728">
        <v>49</v>
      </c>
      <c r="AN2728">
        <v>48</v>
      </c>
      <c r="AO2728">
        <v>48</v>
      </c>
      <c r="AP2728">
        <v>48</v>
      </c>
      <c r="AQ2728">
        <v>47</v>
      </c>
    </row>
    <row r="2729" spans="1:43">
      <c r="A2729" t="s">
        <v>1752</v>
      </c>
      <c r="B2729" t="s">
        <v>1753</v>
      </c>
      <c r="C2729" t="s">
        <v>1754</v>
      </c>
      <c r="D2729" t="s">
        <v>1755</v>
      </c>
      <c r="E2729" t="s">
        <v>1586</v>
      </c>
      <c r="F2729" t="s">
        <v>1587</v>
      </c>
      <c r="G2729" t="s">
        <v>80</v>
      </c>
      <c r="H2729" t="s">
        <v>81</v>
      </c>
      <c r="I2729" s="2">
        <v>0</v>
      </c>
      <c r="J2729" s="2">
        <v>1</v>
      </c>
      <c r="K2729" s="2">
        <v>0</v>
      </c>
      <c r="L2729" t="s">
        <v>82</v>
      </c>
      <c r="M2729" t="s">
        <v>83</v>
      </c>
      <c r="N2729" t="s">
        <v>91</v>
      </c>
      <c r="O2729" t="s">
        <v>85</v>
      </c>
      <c r="P2729" t="s">
        <v>86</v>
      </c>
      <c r="Q2729">
        <v>48</v>
      </c>
      <c r="R2729">
        <v>48</v>
      </c>
      <c r="S2729">
        <v>48</v>
      </c>
      <c r="T2729">
        <v>49</v>
      </c>
      <c r="U2729">
        <v>49</v>
      </c>
      <c r="V2729">
        <v>49</v>
      </c>
      <c r="W2729">
        <v>49</v>
      </c>
      <c r="X2729">
        <v>49</v>
      </c>
      <c r="Y2729">
        <v>49</v>
      </c>
      <c r="Z2729">
        <v>50</v>
      </c>
      <c r="AA2729">
        <v>50</v>
      </c>
      <c r="AB2729">
        <v>50</v>
      </c>
      <c r="AC2729">
        <v>50</v>
      </c>
      <c r="AD2729">
        <v>50</v>
      </c>
      <c r="AE2729">
        <v>50</v>
      </c>
      <c r="AF2729">
        <v>50</v>
      </c>
      <c r="AG2729">
        <v>50</v>
      </c>
      <c r="AH2729">
        <v>50</v>
      </c>
      <c r="AI2729">
        <v>50</v>
      </c>
      <c r="AJ2729">
        <v>50</v>
      </c>
      <c r="AK2729">
        <v>50</v>
      </c>
      <c r="AL2729">
        <v>50</v>
      </c>
      <c r="AM2729">
        <v>50</v>
      </c>
      <c r="AN2729">
        <v>49</v>
      </c>
      <c r="AO2729">
        <v>49</v>
      </c>
      <c r="AP2729">
        <v>48</v>
      </c>
      <c r="AQ2729">
        <v>48</v>
      </c>
    </row>
    <row r="2730" spans="1:43">
      <c r="A2730" t="s">
        <v>1756</v>
      </c>
      <c r="B2730" t="s">
        <v>1757</v>
      </c>
      <c r="C2730" t="s">
        <v>1754</v>
      </c>
      <c r="D2730" t="s">
        <v>1755</v>
      </c>
      <c r="E2730" t="s">
        <v>1586</v>
      </c>
      <c r="F2730" t="s">
        <v>1587</v>
      </c>
      <c r="G2730" t="s">
        <v>80</v>
      </c>
      <c r="H2730" t="s">
        <v>81</v>
      </c>
      <c r="I2730" s="2">
        <v>0</v>
      </c>
      <c r="J2730" s="2">
        <v>1</v>
      </c>
      <c r="K2730" s="2">
        <v>0</v>
      </c>
      <c r="L2730" t="s">
        <v>82</v>
      </c>
      <c r="M2730" t="s">
        <v>83</v>
      </c>
      <c r="N2730" t="s">
        <v>84</v>
      </c>
      <c r="O2730" t="s">
        <v>85</v>
      </c>
      <c r="P2730" t="s">
        <v>86</v>
      </c>
      <c r="Q2730">
        <v>42</v>
      </c>
      <c r="R2730">
        <v>42</v>
      </c>
      <c r="S2730">
        <v>42</v>
      </c>
      <c r="T2730">
        <v>42</v>
      </c>
      <c r="U2730">
        <v>43</v>
      </c>
      <c r="V2730">
        <v>43</v>
      </c>
      <c r="W2730">
        <v>43</v>
      </c>
      <c r="X2730">
        <v>43</v>
      </c>
      <c r="Y2730">
        <v>43</v>
      </c>
      <c r="Z2730">
        <v>43</v>
      </c>
      <c r="AA2730">
        <v>43</v>
      </c>
      <c r="AB2730">
        <v>44</v>
      </c>
      <c r="AC2730">
        <v>44</v>
      </c>
      <c r="AD2730">
        <v>44</v>
      </c>
      <c r="AE2730">
        <v>44</v>
      </c>
      <c r="AF2730">
        <v>44</v>
      </c>
      <c r="AG2730">
        <v>44</v>
      </c>
      <c r="AH2730">
        <v>44</v>
      </c>
      <c r="AI2730">
        <v>44</v>
      </c>
      <c r="AJ2730">
        <v>44</v>
      </c>
      <c r="AK2730">
        <v>44</v>
      </c>
      <c r="AL2730">
        <v>44</v>
      </c>
      <c r="AM2730">
        <v>43</v>
      </c>
      <c r="AN2730">
        <v>43</v>
      </c>
      <c r="AO2730">
        <v>43</v>
      </c>
      <c r="AP2730">
        <v>42</v>
      </c>
      <c r="AQ2730">
        <v>42</v>
      </c>
    </row>
    <row r="2731" spans="1:43">
      <c r="A2731" t="s">
        <v>1756</v>
      </c>
      <c r="B2731" t="s">
        <v>1757</v>
      </c>
      <c r="C2731" t="s">
        <v>1754</v>
      </c>
      <c r="D2731" t="s">
        <v>1755</v>
      </c>
      <c r="E2731" t="s">
        <v>1586</v>
      </c>
      <c r="F2731" t="s">
        <v>1587</v>
      </c>
      <c r="G2731" t="s">
        <v>80</v>
      </c>
      <c r="H2731" t="s">
        <v>81</v>
      </c>
      <c r="I2731" s="2">
        <v>0</v>
      </c>
      <c r="J2731" s="2">
        <v>1</v>
      </c>
      <c r="K2731" s="2">
        <v>0</v>
      </c>
      <c r="L2731" t="s">
        <v>82</v>
      </c>
      <c r="M2731" t="s">
        <v>87</v>
      </c>
      <c r="N2731" t="s">
        <v>88</v>
      </c>
      <c r="O2731" t="s">
        <v>85</v>
      </c>
      <c r="P2731" t="s">
        <v>86</v>
      </c>
      <c r="Q2731">
        <v>42</v>
      </c>
      <c r="R2731">
        <v>41</v>
      </c>
      <c r="S2731">
        <v>41</v>
      </c>
      <c r="T2731">
        <v>41</v>
      </c>
      <c r="U2731">
        <v>41</v>
      </c>
      <c r="V2731">
        <v>41</v>
      </c>
      <c r="W2731">
        <v>40</v>
      </c>
      <c r="X2731">
        <v>40</v>
      </c>
      <c r="Y2731">
        <v>40</v>
      </c>
      <c r="Z2731">
        <v>40</v>
      </c>
      <c r="AA2731">
        <v>40</v>
      </c>
      <c r="AB2731">
        <v>39</v>
      </c>
      <c r="AC2731">
        <v>39</v>
      </c>
      <c r="AD2731">
        <v>39</v>
      </c>
      <c r="AE2731">
        <v>39</v>
      </c>
      <c r="AF2731">
        <v>39</v>
      </c>
      <c r="AG2731">
        <v>38</v>
      </c>
      <c r="AH2731">
        <v>38</v>
      </c>
      <c r="AI2731">
        <v>38</v>
      </c>
      <c r="AJ2731">
        <v>38</v>
      </c>
      <c r="AK2731">
        <v>38</v>
      </c>
      <c r="AL2731">
        <v>38</v>
      </c>
      <c r="AM2731">
        <v>37</v>
      </c>
      <c r="AN2731">
        <v>37</v>
      </c>
      <c r="AO2731">
        <v>37</v>
      </c>
      <c r="AP2731">
        <v>37</v>
      </c>
      <c r="AQ2731">
        <v>37</v>
      </c>
    </row>
    <row r="2732" spans="1:43">
      <c r="A2732" t="s">
        <v>1756</v>
      </c>
      <c r="B2732" t="s">
        <v>1757</v>
      </c>
      <c r="C2732" t="s">
        <v>1754</v>
      </c>
      <c r="D2732" t="s">
        <v>1755</v>
      </c>
      <c r="E2732" t="s">
        <v>1586</v>
      </c>
      <c r="F2732" t="s">
        <v>1587</v>
      </c>
      <c r="G2732" t="s">
        <v>80</v>
      </c>
      <c r="H2732" t="s">
        <v>81</v>
      </c>
      <c r="I2732" s="2">
        <v>0</v>
      </c>
      <c r="J2732" s="2">
        <v>1</v>
      </c>
      <c r="K2732" s="2">
        <v>0</v>
      </c>
      <c r="L2732" t="s">
        <v>82</v>
      </c>
      <c r="M2732" t="s">
        <v>89</v>
      </c>
      <c r="N2732" t="s">
        <v>90</v>
      </c>
      <c r="O2732" t="s">
        <v>85</v>
      </c>
      <c r="P2732" t="s">
        <v>86</v>
      </c>
      <c r="Q2732">
        <v>42</v>
      </c>
      <c r="R2732">
        <v>43</v>
      </c>
      <c r="S2732">
        <v>43</v>
      </c>
      <c r="T2732">
        <v>44</v>
      </c>
      <c r="U2732">
        <v>44</v>
      </c>
      <c r="V2732">
        <v>45</v>
      </c>
      <c r="W2732">
        <v>45</v>
      </c>
      <c r="X2732">
        <v>45</v>
      </c>
      <c r="Y2732">
        <v>46</v>
      </c>
      <c r="Z2732">
        <v>46</v>
      </c>
      <c r="AA2732">
        <v>46</v>
      </c>
      <c r="AB2732">
        <v>46</v>
      </c>
      <c r="AC2732">
        <v>47</v>
      </c>
      <c r="AD2732">
        <v>47</v>
      </c>
      <c r="AE2732">
        <v>47</v>
      </c>
      <c r="AF2732">
        <v>46</v>
      </c>
      <c r="AG2732">
        <v>46</v>
      </c>
      <c r="AH2732">
        <v>45</v>
      </c>
      <c r="AI2732">
        <v>45</v>
      </c>
      <c r="AJ2732">
        <v>45</v>
      </c>
      <c r="AK2732">
        <v>44</v>
      </c>
      <c r="AL2732">
        <v>44</v>
      </c>
      <c r="AM2732">
        <v>44</v>
      </c>
      <c r="AN2732">
        <v>43</v>
      </c>
      <c r="AO2732">
        <v>43</v>
      </c>
      <c r="AP2732">
        <v>42</v>
      </c>
      <c r="AQ2732">
        <v>42</v>
      </c>
    </row>
    <row r="2733" spans="1:43">
      <c r="A2733" t="s">
        <v>1756</v>
      </c>
      <c r="B2733" t="s">
        <v>1757</v>
      </c>
      <c r="C2733" t="s">
        <v>1754</v>
      </c>
      <c r="D2733" t="s">
        <v>1755</v>
      </c>
      <c r="E2733" t="s">
        <v>1586</v>
      </c>
      <c r="F2733" t="s">
        <v>1587</v>
      </c>
      <c r="G2733" t="s">
        <v>80</v>
      </c>
      <c r="H2733" t="s">
        <v>81</v>
      </c>
      <c r="I2733" s="2">
        <v>0</v>
      </c>
      <c r="J2733" s="2">
        <v>1</v>
      </c>
      <c r="K2733" s="2">
        <v>0</v>
      </c>
      <c r="L2733" t="s">
        <v>82</v>
      </c>
      <c r="M2733" t="s">
        <v>83</v>
      </c>
      <c r="N2733" t="s">
        <v>91</v>
      </c>
      <c r="O2733" t="s">
        <v>85</v>
      </c>
      <c r="P2733" t="s">
        <v>86</v>
      </c>
      <c r="Q2733">
        <v>42</v>
      </c>
      <c r="R2733">
        <v>42</v>
      </c>
      <c r="S2733">
        <v>42</v>
      </c>
      <c r="T2733">
        <v>42</v>
      </c>
      <c r="U2733">
        <v>43</v>
      </c>
      <c r="V2733">
        <v>43</v>
      </c>
      <c r="W2733">
        <v>43</v>
      </c>
      <c r="X2733">
        <v>43</v>
      </c>
      <c r="Y2733">
        <v>43</v>
      </c>
      <c r="Z2733">
        <v>43</v>
      </c>
      <c r="AA2733">
        <v>43</v>
      </c>
      <c r="AB2733">
        <v>44</v>
      </c>
      <c r="AC2733">
        <v>44</v>
      </c>
      <c r="AD2733">
        <v>44</v>
      </c>
      <c r="AE2733">
        <v>44</v>
      </c>
      <c r="AF2733">
        <v>44</v>
      </c>
      <c r="AG2733">
        <v>44</v>
      </c>
      <c r="AH2733">
        <v>44</v>
      </c>
      <c r="AI2733">
        <v>44</v>
      </c>
      <c r="AJ2733">
        <v>44</v>
      </c>
      <c r="AK2733">
        <v>44</v>
      </c>
      <c r="AL2733">
        <v>44</v>
      </c>
      <c r="AM2733">
        <v>43</v>
      </c>
      <c r="AN2733">
        <v>43</v>
      </c>
      <c r="AO2733">
        <v>43</v>
      </c>
      <c r="AP2733">
        <v>42</v>
      </c>
      <c r="AQ2733">
        <v>42</v>
      </c>
    </row>
    <row r="2734" spans="1:43">
      <c r="A2734" t="s">
        <v>1758</v>
      </c>
      <c r="B2734" t="s">
        <v>1759</v>
      </c>
      <c r="C2734" t="s">
        <v>1746</v>
      </c>
      <c r="D2734" t="s">
        <v>1747</v>
      </c>
      <c r="E2734" t="s">
        <v>1586</v>
      </c>
      <c r="F2734" t="s">
        <v>1587</v>
      </c>
      <c r="G2734" t="s">
        <v>80</v>
      </c>
      <c r="H2734" t="s">
        <v>81</v>
      </c>
      <c r="I2734" s="2">
        <v>0</v>
      </c>
      <c r="J2734" s="2">
        <v>1</v>
      </c>
      <c r="K2734" s="2">
        <v>0</v>
      </c>
      <c r="L2734" t="s">
        <v>82</v>
      </c>
      <c r="M2734" t="s">
        <v>83</v>
      </c>
      <c r="N2734" t="s">
        <v>84</v>
      </c>
      <c r="O2734" t="s">
        <v>85</v>
      </c>
      <c r="P2734" t="s">
        <v>86</v>
      </c>
      <c r="Q2734">
        <v>212</v>
      </c>
      <c r="R2734">
        <v>213</v>
      </c>
      <c r="S2734">
        <v>214</v>
      </c>
      <c r="T2734">
        <v>214</v>
      </c>
      <c r="U2734">
        <v>215</v>
      </c>
      <c r="V2734">
        <v>216</v>
      </c>
      <c r="W2734">
        <v>216</v>
      </c>
      <c r="X2734">
        <v>217</v>
      </c>
      <c r="Y2734">
        <v>217</v>
      </c>
      <c r="Z2734">
        <v>218</v>
      </c>
      <c r="AA2734">
        <v>218</v>
      </c>
      <c r="AB2734">
        <v>219</v>
      </c>
      <c r="AC2734">
        <v>219</v>
      </c>
      <c r="AD2734">
        <v>219</v>
      </c>
      <c r="AE2734">
        <v>219</v>
      </c>
      <c r="AF2734">
        <v>220</v>
      </c>
      <c r="AG2734">
        <v>220</v>
      </c>
      <c r="AH2734">
        <v>220</v>
      </c>
      <c r="AI2734">
        <v>220</v>
      </c>
      <c r="AJ2734">
        <v>220</v>
      </c>
      <c r="AK2734">
        <v>220</v>
      </c>
      <c r="AL2734">
        <v>219</v>
      </c>
      <c r="AM2734">
        <v>217</v>
      </c>
      <c r="AN2734">
        <v>215</v>
      </c>
      <c r="AO2734">
        <v>213</v>
      </c>
      <c r="AP2734">
        <v>212</v>
      </c>
      <c r="AQ2734">
        <v>210</v>
      </c>
    </row>
    <row r="2735" spans="1:43">
      <c r="A2735" t="s">
        <v>1758</v>
      </c>
      <c r="B2735" t="s">
        <v>1759</v>
      </c>
      <c r="C2735" t="s">
        <v>1746</v>
      </c>
      <c r="D2735" t="s">
        <v>1747</v>
      </c>
      <c r="E2735" t="s">
        <v>1586</v>
      </c>
      <c r="F2735" t="s">
        <v>1587</v>
      </c>
      <c r="G2735" t="s">
        <v>80</v>
      </c>
      <c r="H2735" t="s">
        <v>81</v>
      </c>
      <c r="I2735" s="2">
        <v>0</v>
      </c>
      <c r="J2735" s="2">
        <v>1</v>
      </c>
      <c r="K2735" s="2">
        <v>0</v>
      </c>
      <c r="L2735" t="s">
        <v>82</v>
      </c>
      <c r="M2735" t="s">
        <v>87</v>
      </c>
      <c r="N2735" t="s">
        <v>88</v>
      </c>
      <c r="O2735" t="s">
        <v>85</v>
      </c>
      <c r="P2735" t="s">
        <v>86</v>
      </c>
      <c r="Q2735">
        <v>212</v>
      </c>
      <c r="R2735">
        <v>211</v>
      </c>
      <c r="S2735">
        <v>210</v>
      </c>
      <c r="T2735">
        <v>209</v>
      </c>
      <c r="U2735">
        <v>207</v>
      </c>
      <c r="V2735">
        <v>206</v>
      </c>
      <c r="W2735">
        <v>205</v>
      </c>
      <c r="X2735">
        <v>204</v>
      </c>
      <c r="Y2735">
        <v>203</v>
      </c>
      <c r="Z2735">
        <v>202</v>
      </c>
      <c r="AA2735">
        <v>201</v>
      </c>
      <c r="AB2735">
        <v>200</v>
      </c>
      <c r="AC2735">
        <v>198</v>
      </c>
      <c r="AD2735">
        <v>197</v>
      </c>
      <c r="AE2735">
        <v>196</v>
      </c>
      <c r="AF2735">
        <v>195</v>
      </c>
      <c r="AG2735">
        <v>194</v>
      </c>
      <c r="AH2735">
        <v>193</v>
      </c>
      <c r="AI2735">
        <v>192</v>
      </c>
      <c r="AJ2735">
        <v>191</v>
      </c>
      <c r="AK2735">
        <v>190</v>
      </c>
      <c r="AL2735">
        <v>189</v>
      </c>
      <c r="AM2735">
        <v>188</v>
      </c>
      <c r="AN2735">
        <v>187</v>
      </c>
      <c r="AO2735">
        <v>186</v>
      </c>
      <c r="AP2735">
        <v>185</v>
      </c>
      <c r="AQ2735">
        <v>184</v>
      </c>
    </row>
    <row r="2736" spans="1:43">
      <c r="A2736" t="s">
        <v>1758</v>
      </c>
      <c r="B2736" t="s">
        <v>1759</v>
      </c>
      <c r="C2736" t="s">
        <v>1746</v>
      </c>
      <c r="D2736" t="s">
        <v>1747</v>
      </c>
      <c r="E2736" t="s">
        <v>1586</v>
      </c>
      <c r="F2736" t="s">
        <v>1587</v>
      </c>
      <c r="G2736" t="s">
        <v>80</v>
      </c>
      <c r="H2736" t="s">
        <v>81</v>
      </c>
      <c r="I2736" s="2">
        <v>0</v>
      </c>
      <c r="J2736" s="2">
        <v>1</v>
      </c>
      <c r="K2736" s="2">
        <v>0</v>
      </c>
      <c r="L2736" t="s">
        <v>82</v>
      </c>
      <c r="M2736" t="s">
        <v>89</v>
      </c>
      <c r="N2736" t="s">
        <v>90</v>
      </c>
      <c r="O2736" t="s">
        <v>85</v>
      </c>
      <c r="P2736" t="s">
        <v>86</v>
      </c>
      <c r="Q2736">
        <v>212</v>
      </c>
      <c r="R2736">
        <v>215</v>
      </c>
      <c r="S2736">
        <v>217</v>
      </c>
      <c r="T2736">
        <v>219</v>
      </c>
      <c r="U2736">
        <v>221</v>
      </c>
      <c r="V2736">
        <v>223</v>
      </c>
      <c r="W2736">
        <v>225</v>
      </c>
      <c r="X2736">
        <v>227</v>
      </c>
      <c r="Y2736">
        <v>228</v>
      </c>
      <c r="Z2736">
        <v>229</v>
      </c>
      <c r="AA2736">
        <v>231</v>
      </c>
      <c r="AB2736">
        <v>231</v>
      </c>
      <c r="AC2736">
        <v>233</v>
      </c>
      <c r="AD2736">
        <v>234</v>
      </c>
      <c r="AE2736">
        <v>233</v>
      </c>
      <c r="AF2736">
        <v>231</v>
      </c>
      <c r="AG2736">
        <v>229</v>
      </c>
      <c r="AH2736">
        <v>227</v>
      </c>
      <c r="AI2736">
        <v>225</v>
      </c>
      <c r="AJ2736">
        <v>223</v>
      </c>
      <c r="AK2736">
        <v>221</v>
      </c>
      <c r="AL2736">
        <v>219</v>
      </c>
      <c r="AM2736">
        <v>217</v>
      </c>
      <c r="AN2736">
        <v>215</v>
      </c>
      <c r="AO2736">
        <v>213</v>
      </c>
      <c r="AP2736">
        <v>212</v>
      </c>
      <c r="AQ2736">
        <v>210</v>
      </c>
    </row>
    <row r="2737" spans="1:43">
      <c r="A2737" t="s">
        <v>1758</v>
      </c>
      <c r="B2737" t="s">
        <v>1759</v>
      </c>
      <c r="C2737" t="s">
        <v>1746</v>
      </c>
      <c r="D2737" t="s">
        <v>1747</v>
      </c>
      <c r="E2737" t="s">
        <v>1586</v>
      </c>
      <c r="F2737" t="s">
        <v>1587</v>
      </c>
      <c r="G2737" t="s">
        <v>80</v>
      </c>
      <c r="H2737" t="s">
        <v>81</v>
      </c>
      <c r="I2737" s="2">
        <v>0</v>
      </c>
      <c r="J2737" s="2">
        <v>1</v>
      </c>
      <c r="K2737" s="2">
        <v>0</v>
      </c>
      <c r="L2737" t="s">
        <v>82</v>
      </c>
      <c r="M2737" t="s">
        <v>83</v>
      </c>
      <c r="N2737" t="s">
        <v>91</v>
      </c>
      <c r="O2737" t="s">
        <v>85</v>
      </c>
      <c r="P2737" t="s">
        <v>86</v>
      </c>
      <c r="Q2737">
        <v>212</v>
      </c>
      <c r="R2737">
        <v>213</v>
      </c>
      <c r="S2737">
        <v>214</v>
      </c>
      <c r="T2737">
        <v>214</v>
      </c>
      <c r="U2737">
        <v>215</v>
      </c>
      <c r="V2737">
        <v>216</v>
      </c>
      <c r="W2737">
        <v>216</v>
      </c>
      <c r="X2737">
        <v>217</v>
      </c>
      <c r="Y2737">
        <v>217</v>
      </c>
      <c r="Z2737">
        <v>218</v>
      </c>
      <c r="AA2737">
        <v>218</v>
      </c>
      <c r="AB2737">
        <v>219</v>
      </c>
      <c r="AC2737">
        <v>219</v>
      </c>
      <c r="AD2737">
        <v>219</v>
      </c>
      <c r="AE2737">
        <v>219</v>
      </c>
      <c r="AF2737">
        <v>220</v>
      </c>
      <c r="AG2737">
        <v>220</v>
      </c>
      <c r="AH2737">
        <v>220</v>
      </c>
      <c r="AI2737">
        <v>220</v>
      </c>
      <c r="AJ2737">
        <v>220</v>
      </c>
      <c r="AK2737">
        <v>220</v>
      </c>
      <c r="AL2737">
        <v>219</v>
      </c>
      <c r="AM2737">
        <v>217</v>
      </c>
      <c r="AN2737">
        <v>215</v>
      </c>
      <c r="AO2737">
        <v>213</v>
      </c>
      <c r="AP2737">
        <v>212</v>
      </c>
      <c r="AQ2737">
        <v>210</v>
      </c>
    </row>
    <row r="2738" spans="1:43">
      <c r="A2738" t="s">
        <v>1760</v>
      </c>
      <c r="B2738" t="s">
        <v>1761</v>
      </c>
      <c r="C2738" t="s">
        <v>1754</v>
      </c>
      <c r="D2738" t="s">
        <v>1755</v>
      </c>
      <c r="E2738" t="s">
        <v>1586</v>
      </c>
      <c r="F2738" t="s">
        <v>1587</v>
      </c>
      <c r="G2738" t="s">
        <v>80</v>
      </c>
      <c r="H2738" t="s">
        <v>81</v>
      </c>
      <c r="I2738" s="2">
        <v>0</v>
      </c>
      <c r="J2738" s="2">
        <v>1</v>
      </c>
      <c r="K2738" s="2">
        <v>0</v>
      </c>
      <c r="L2738" t="s">
        <v>82</v>
      </c>
      <c r="M2738" t="s">
        <v>83</v>
      </c>
      <c r="N2738" t="s">
        <v>84</v>
      </c>
      <c r="O2738" t="s">
        <v>85</v>
      </c>
      <c r="P2738" t="s">
        <v>86</v>
      </c>
      <c r="Q2738">
        <v>95</v>
      </c>
      <c r="R2738">
        <v>95</v>
      </c>
      <c r="S2738">
        <v>96</v>
      </c>
      <c r="T2738">
        <v>96</v>
      </c>
      <c r="U2738">
        <v>96</v>
      </c>
      <c r="V2738">
        <v>97</v>
      </c>
      <c r="W2738">
        <v>97</v>
      </c>
      <c r="X2738">
        <v>97</v>
      </c>
      <c r="Y2738">
        <v>97</v>
      </c>
      <c r="Z2738">
        <v>98</v>
      </c>
      <c r="AA2738">
        <v>98</v>
      </c>
      <c r="AB2738">
        <v>98</v>
      </c>
      <c r="AC2738">
        <v>98</v>
      </c>
      <c r="AD2738">
        <v>98</v>
      </c>
      <c r="AE2738">
        <v>98</v>
      </c>
      <c r="AF2738">
        <v>98</v>
      </c>
      <c r="AG2738">
        <v>98</v>
      </c>
      <c r="AH2738">
        <v>98</v>
      </c>
      <c r="AI2738">
        <v>98</v>
      </c>
      <c r="AJ2738">
        <v>98</v>
      </c>
      <c r="AK2738">
        <v>98</v>
      </c>
      <c r="AL2738">
        <v>98</v>
      </c>
      <c r="AM2738">
        <v>97</v>
      </c>
      <c r="AN2738">
        <v>96</v>
      </c>
      <c r="AO2738">
        <v>95</v>
      </c>
      <c r="AP2738">
        <v>94</v>
      </c>
      <c r="AQ2738">
        <v>93</v>
      </c>
    </row>
    <row r="2739" spans="1:43">
      <c r="A2739" t="s">
        <v>1760</v>
      </c>
      <c r="B2739" t="s">
        <v>1761</v>
      </c>
      <c r="C2739" t="s">
        <v>1754</v>
      </c>
      <c r="D2739" t="s">
        <v>1755</v>
      </c>
      <c r="E2739" t="s">
        <v>1586</v>
      </c>
      <c r="F2739" t="s">
        <v>1587</v>
      </c>
      <c r="G2739" t="s">
        <v>80</v>
      </c>
      <c r="H2739" t="s">
        <v>81</v>
      </c>
      <c r="I2739" s="2">
        <v>0</v>
      </c>
      <c r="J2739" s="2">
        <v>1</v>
      </c>
      <c r="K2739" s="2">
        <v>0</v>
      </c>
      <c r="L2739" t="s">
        <v>82</v>
      </c>
      <c r="M2739" t="s">
        <v>87</v>
      </c>
      <c r="N2739" t="s">
        <v>88</v>
      </c>
      <c r="O2739" t="s">
        <v>85</v>
      </c>
      <c r="P2739" t="s">
        <v>86</v>
      </c>
      <c r="Q2739">
        <v>95</v>
      </c>
      <c r="R2739">
        <v>95</v>
      </c>
      <c r="S2739">
        <v>94</v>
      </c>
      <c r="T2739">
        <v>93</v>
      </c>
      <c r="U2739">
        <v>93</v>
      </c>
      <c r="V2739">
        <v>92</v>
      </c>
      <c r="W2739">
        <v>92</v>
      </c>
      <c r="X2739">
        <v>91</v>
      </c>
      <c r="Y2739">
        <v>91</v>
      </c>
      <c r="Z2739">
        <v>90</v>
      </c>
      <c r="AA2739">
        <v>90</v>
      </c>
      <c r="AB2739">
        <v>90</v>
      </c>
      <c r="AC2739">
        <v>89</v>
      </c>
      <c r="AD2739">
        <v>89</v>
      </c>
      <c r="AE2739">
        <v>88</v>
      </c>
      <c r="AF2739">
        <v>88</v>
      </c>
      <c r="AG2739">
        <v>87</v>
      </c>
      <c r="AH2739">
        <v>87</v>
      </c>
      <c r="AI2739">
        <v>86</v>
      </c>
      <c r="AJ2739">
        <v>86</v>
      </c>
      <c r="AK2739">
        <v>85</v>
      </c>
      <c r="AL2739">
        <v>85</v>
      </c>
      <c r="AM2739">
        <v>85</v>
      </c>
      <c r="AN2739">
        <v>84</v>
      </c>
      <c r="AO2739">
        <v>84</v>
      </c>
      <c r="AP2739">
        <v>83</v>
      </c>
      <c r="AQ2739">
        <v>83</v>
      </c>
    </row>
    <row r="2740" spans="1:43">
      <c r="A2740" t="s">
        <v>1760</v>
      </c>
      <c r="B2740" t="s">
        <v>1761</v>
      </c>
      <c r="C2740" t="s">
        <v>1754</v>
      </c>
      <c r="D2740" t="s">
        <v>1755</v>
      </c>
      <c r="E2740" t="s">
        <v>1586</v>
      </c>
      <c r="F2740" t="s">
        <v>1587</v>
      </c>
      <c r="G2740" t="s">
        <v>80</v>
      </c>
      <c r="H2740" t="s">
        <v>81</v>
      </c>
      <c r="I2740" s="2">
        <v>0</v>
      </c>
      <c r="J2740" s="2">
        <v>1</v>
      </c>
      <c r="K2740" s="2">
        <v>0</v>
      </c>
      <c r="L2740" t="s">
        <v>82</v>
      </c>
      <c r="M2740" t="s">
        <v>89</v>
      </c>
      <c r="N2740" t="s">
        <v>90</v>
      </c>
      <c r="O2740" t="s">
        <v>85</v>
      </c>
      <c r="P2740" t="s">
        <v>86</v>
      </c>
      <c r="Q2740">
        <v>95</v>
      </c>
      <c r="R2740">
        <v>96</v>
      </c>
      <c r="S2740">
        <v>97</v>
      </c>
      <c r="T2740">
        <v>98</v>
      </c>
      <c r="U2740">
        <v>99</v>
      </c>
      <c r="V2740">
        <v>100</v>
      </c>
      <c r="W2740">
        <v>101</v>
      </c>
      <c r="X2740">
        <v>101</v>
      </c>
      <c r="Y2740">
        <v>102</v>
      </c>
      <c r="Z2740">
        <v>102</v>
      </c>
      <c r="AA2740">
        <v>103</v>
      </c>
      <c r="AB2740">
        <v>103</v>
      </c>
      <c r="AC2740">
        <v>104</v>
      </c>
      <c r="AD2740">
        <v>104</v>
      </c>
      <c r="AE2740">
        <v>104</v>
      </c>
      <c r="AF2740">
        <v>103</v>
      </c>
      <c r="AG2740">
        <v>102</v>
      </c>
      <c r="AH2740">
        <v>101</v>
      </c>
      <c r="AI2740">
        <v>100</v>
      </c>
      <c r="AJ2740">
        <v>99</v>
      </c>
      <c r="AK2740">
        <v>98</v>
      </c>
      <c r="AL2740">
        <v>97</v>
      </c>
      <c r="AM2740">
        <v>96</v>
      </c>
      <c r="AN2740">
        <v>95</v>
      </c>
      <c r="AO2740">
        <v>95</v>
      </c>
      <c r="AP2740">
        <v>94</v>
      </c>
      <c r="AQ2740">
        <v>93</v>
      </c>
    </row>
    <row r="2741" spans="1:43">
      <c r="A2741" t="s">
        <v>1760</v>
      </c>
      <c r="B2741" t="s">
        <v>1761</v>
      </c>
      <c r="C2741" t="s">
        <v>1754</v>
      </c>
      <c r="D2741" t="s">
        <v>1755</v>
      </c>
      <c r="E2741" t="s">
        <v>1586</v>
      </c>
      <c r="F2741" t="s">
        <v>1587</v>
      </c>
      <c r="G2741" t="s">
        <v>80</v>
      </c>
      <c r="H2741" t="s">
        <v>81</v>
      </c>
      <c r="I2741" s="2">
        <v>0</v>
      </c>
      <c r="J2741" s="2">
        <v>1</v>
      </c>
      <c r="K2741" s="2">
        <v>0</v>
      </c>
      <c r="L2741" t="s">
        <v>82</v>
      </c>
      <c r="M2741" t="s">
        <v>83</v>
      </c>
      <c r="N2741" t="s">
        <v>91</v>
      </c>
      <c r="O2741" t="s">
        <v>85</v>
      </c>
      <c r="P2741" t="s">
        <v>86</v>
      </c>
      <c r="Q2741">
        <v>95</v>
      </c>
      <c r="R2741">
        <v>95</v>
      </c>
      <c r="S2741">
        <v>96</v>
      </c>
      <c r="T2741">
        <v>96</v>
      </c>
      <c r="U2741">
        <v>96</v>
      </c>
      <c r="V2741">
        <v>97</v>
      </c>
      <c r="W2741">
        <v>97</v>
      </c>
      <c r="X2741">
        <v>97</v>
      </c>
      <c r="Y2741">
        <v>97</v>
      </c>
      <c r="Z2741">
        <v>98</v>
      </c>
      <c r="AA2741">
        <v>98</v>
      </c>
      <c r="AB2741">
        <v>98</v>
      </c>
      <c r="AC2741">
        <v>98</v>
      </c>
      <c r="AD2741">
        <v>98</v>
      </c>
      <c r="AE2741">
        <v>98</v>
      </c>
      <c r="AF2741">
        <v>98</v>
      </c>
      <c r="AG2741">
        <v>98</v>
      </c>
      <c r="AH2741">
        <v>98</v>
      </c>
      <c r="AI2741">
        <v>98</v>
      </c>
      <c r="AJ2741">
        <v>98</v>
      </c>
      <c r="AK2741">
        <v>98</v>
      </c>
      <c r="AL2741">
        <v>98</v>
      </c>
      <c r="AM2741">
        <v>97</v>
      </c>
      <c r="AN2741">
        <v>96</v>
      </c>
      <c r="AO2741">
        <v>95</v>
      </c>
      <c r="AP2741">
        <v>94</v>
      </c>
      <c r="AQ2741">
        <v>93</v>
      </c>
    </row>
    <row r="2742" spans="1:43">
      <c r="A2742" t="s">
        <v>1762</v>
      </c>
      <c r="B2742" t="s">
        <v>1763</v>
      </c>
      <c r="C2742" t="s">
        <v>1656</v>
      </c>
      <c r="D2742" t="s">
        <v>1657</v>
      </c>
      <c r="E2742" t="s">
        <v>1586</v>
      </c>
      <c r="F2742" t="s">
        <v>1587</v>
      </c>
      <c r="G2742" t="s">
        <v>80</v>
      </c>
      <c r="H2742" t="s">
        <v>81</v>
      </c>
      <c r="I2742" s="2">
        <v>0</v>
      </c>
      <c r="J2742" s="2">
        <v>1</v>
      </c>
      <c r="K2742" s="2">
        <v>0</v>
      </c>
      <c r="L2742" t="s">
        <v>82</v>
      </c>
      <c r="M2742" t="s">
        <v>83</v>
      </c>
      <c r="N2742" t="s">
        <v>84</v>
      </c>
      <c r="O2742" t="s">
        <v>85</v>
      </c>
      <c r="P2742" t="s">
        <v>86</v>
      </c>
      <c r="Q2742">
        <v>25</v>
      </c>
      <c r="R2742">
        <v>25</v>
      </c>
      <c r="S2742">
        <v>25</v>
      </c>
      <c r="T2742">
        <v>25</v>
      </c>
      <c r="U2742">
        <v>25</v>
      </c>
      <c r="V2742">
        <v>25</v>
      </c>
      <c r="W2742">
        <v>25</v>
      </c>
      <c r="X2742">
        <v>25</v>
      </c>
      <c r="Y2742">
        <v>25</v>
      </c>
      <c r="Z2742">
        <v>26</v>
      </c>
      <c r="AA2742">
        <v>26</v>
      </c>
      <c r="AB2742">
        <v>26</v>
      </c>
      <c r="AC2742">
        <v>26</v>
      </c>
      <c r="AD2742">
        <v>26</v>
      </c>
      <c r="AE2742">
        <v>26</v>
      </c>
      <c r="AF2742">
        <v>26</v>
      </c>
      <c r="AG2742">
        <v>26</v>
      </c>
      <c r="AH2742">
        <v>26</v>
      </c>
      <c r="AI2742">
        <v>26</v>
      </c>
      <c r="AJ2742">
        <v>26</v>
      </c>
      <c r="AK2742">
        <v>26</v>
      </c>
      <c r="AL2742">
        <v>25</v>
      </c>
      <c r="AM2742">
        <v>25</v>
      </c>
      <c r="AN2742">
        <v>25</v>
      </c>
      <c r="AO2742">
        <v>25</v>
      </c>
      <c r="AP2742">
        <v>24</v>
      </c>
      <c r="AQ2742">
        <v>24</v>
      </c>
    </row>
    <row r="2743" spans="1:43">
      <c r="A2743" t="s">
        <v>1762</v>
      </c>
      <c r="B2743" t="s">
        <v>1763</v>
      </c>
      <c r="C2743" t="s">
        <v>1656</v>
      </c>
      <c r="D2743" t="s">
        <v>1657</v>
      </c>
      <c r="E2743" t="s">
        <v>1586</v>
      </c>
      <c r="F2743" t="s">
        <v>1587</v>
      </c>
      <c r="G2743" t="s">
        <v>80</v>
      </c>
      <c r="H2743" t="s">
        <v>81</v>
      </c>
      <c r="I2743" s="2">
        <v>0</v>
      </c>
      <c r="J2743" s="2">
        <v>1</v>
      </c>
      <c r="K2743" s="2">
        <v>0</v>
      </c>
      <c r="L2743" t="s">
        <v>82</v>
      </c>
      <c r="M2743" t="s">
        <v>87</v>
      </c>
      <c r="N2743" t="s">
        <v>88</v>
      </c>
      <c r="O2743" t="s">
        <v>85</v>
      </c>
      <c r="P2743" t="s">
        <v>86</v>
      </c>
      <c r="Q2743">
        <v>25</v>
      </c>
      <c r="R2743">
        <v>25</v>
      </c>
      <c r="S2743">
        <v>24</v>
      </c>
      <c r="T2743">
        <v>24</v>
      </c>
      <c r="U2743">
        <v>24</v>
      </c>
      <c r="V2743">
        <v>24</v>
      </c>
      <c r="W2743">
        <v>24</v>
      </c>
      <c r="X2743">
        <v>24</v>
      </c>
      <c r="Y2743">
        <v>24</v>
      </c>
      <c r="Z2743">
        <v>23</v>
      </c>
      <c r="AA2743">
        <v>23</v>
      </c>
      <c r="AB2743">
        <v>23</v>
      </c>
      <c r="AC2743">
        <v>23</v>
      </c>
      <c r="AD2743">
        <v>23</v>
      </c>
      <c r="AE2743">
        <v>23</v>
      </c>
      <c r="AF2743">
        <v>23</v>
      </c>
      <c r="AG2743">
        <v>22</v>
      </c>
      <c r="AH2743">
        <v>22</v>
      </c>
      <c r="AI2743">
        <v>22</v>
      </c>
      <c r="AJ2743">
        <v>22</v>
      </c>
      <c r="AK2743">
        <v>22</v>
      </c>
      <c r="AL2743">
        <v>22</v>
      </c>
      <c r="AM2743">
        <v>22</v>
      </c>
      <c r="AN2743">
        <v>22</v>
      </c>
      <c r="AO2743">
        <v>21</v>
      </c>
      <c r="AP2743">
        <v>21</v>
      </c>
      <c r="AQ2743">
        <v>21</v>
      </c>
    </row>
    <row r="2744" spans="1:43">
      <c r="A2744" t="s">
        <v>1762</v>
      </c>
      <c r="B2744" t="s">
        <v>1763</v>
      </c>
      <c r="C2744" t="s">
        <v>1656</v>
      </c>
      <c r="D2744" t="s">
        <v>1657</v>
      </c>
      <c r="E2744" t="s">
        <v>1586</v>
      </c>
      <c r="F2744" t="s">
        <v>1587</v>
      </c>
      <c r="G2744" t="s">
        <v>80</v>
      </c>
      <c r="H2744" t="s">
        <v>81</v>
      </c>
      <c r="I2744" s="2">
        <v>0</v>
      </c>
      <c r="J2744" s="2">
        <v>1</v>
      </c>
      <c r="K2744" s="2">
        <v>0</v>
      </c>
      <c r="L2744" t="s">
        <v>82</v>
      </c>
      <c r="M2744" t="s">
        <v>89</v>
      </c>
      <c r="N2744" t="s">
        <v>90</v>
      </c>
      <c r="O2744" t="s">
        <v>85</v>
      </c>
      <c r="P2744" t="s">
        <v>86</v>
      </c>
      <c r="Q2744">
        <v>25</v>
      </c>
      <c r="R2744">
        <v>25</v>
      </c>
      <c r="S2744">
        <v>26</v>
      </c>
      <c r="T2744">
        <v>26</v>
      </c>
      <c r="U2744">
        <v>26</v>
      </c>
      <c r="V2744">
        <v>26</v>
      </c>
      <c r="W2744">
        <v>27</v>
      </c>
      <c r="X2744">
        <v>27</v>
      </c>
      <c r="Y2744">
        <v>27</v>
      </c>
      <c r="Z2744">
        <v>27</v>
      </c>
      <c r="AA2744">
        <v>27</v>
      </c>
      <c r="AB2744">
        <v>27</v>
      </c>
      <c r="AC2744">
        <v>27</v>
      </c>
      <c r="AD2744">
        <v>27</v>
      </c>
      <c r="AE2744">
        <v>27</v>
      </c>
      <c r="AF2744">
        <v>27</v>
      </c>
      <c r="AG2744">
        <v>27</v>
      </c>
      <c r="AH2744">
        <v>27</v>
      </c>
      <c r="AI2744">
        <v>26</v>
      </c>
      <c r="AJ2744">
        <v>26</v>
      </c>
      <c r="AK2744">
        <v>26</v>
      </c>
      <c r="AL2744">
        <v>26</v>
      </c>
      <c r="AM2744">
        <v>25</v>
      </c>
      <c r="AN2744">
        <v>25</v>
      </c>
      <c r="AO2744">
        <v>25</v>
      </c>
      <c r="AP2744">
        <v>25</v>
      </c>
      <c r="AQ2744">
        <v>24</v>
      </c>
    </row>
    <row r="2745" spans="1:43">
      <c r="A2745" t="s">
        <v>1762</v>
      </c>
      <c r="B2745" t="s">
        <v>1763</v>
      </c>
      <c r="C2745" t="s">
        <v>1656</v>
      </c>
      <c r="D2745" t="s">
        <v>1657</v>
      </c>
      <c r="E2745" t="s">
        <v>1586</v>
      </c>
      <c r="F2745" t="s">
        <v>1587</v>
      </c>
      <c r="G2745" t="s">
        <v>80</v>
      </c>
      <c r="H2745" t="s">
        <v>81</v>
      </c>
      <c r="I2745" s="2">
        <v>0</v>
      </c>
      <c r="J2745" s="2">
        <v>1</v>
      </c>
      <c r="K2745" s="2">
        <v>0</v>
      </c>
      <c r="L2745" t="s">
        <v>82</v>
      </c>
      <c r="M2745" t="s">
        <v>83</v>
      </c>
      <c r="N2745" t="s">
        <v>91</v>
      </c>
      <c r="O2745" t="s">
        <v>85</v>
      </c>
      <c r="P2745" t="s">
        <v>86</v>
      </c>
      <c r="Q2745">
        <v>25</v>
      </c>
      <c r="R2745">
        <v>25</v>
      </c>
      <c r="S2745">
        <v>25</v>
      </c>
      <c r="T2745">
        <v>25</v>
      </c>
      <c r="U2745">
        <v>25</v>
      </c>
      <c r="V2745">
        <v>25</v>
      </c>
      <c r="W2745">
        <v>25</v>
      </c>
      <c r="X2745">
        <v>25</v>
      </c>
      <c r="Y2745">
        <v>25</v>
      </c>
      <c r="Z2745">
        <v>26</v>
      </c>
      <c r="AA2745">
        <v>26</v>
      </c>
      <c r="AB2745">
        <v>26</v>
      </c>
      <c r="AC2745">
        <v>26</v>
      </c>
      <c r="AD2745">
        <v>26</v>
      </c>
      <c r="AE2745">
        <v>26</v>
      </c>
      <c r="AF2745">
        <v>26</v>
      </c>
      <c r="AG2745">
        <v>26</v>
      </c>
      <c r="AH2745">
        <v>26</v>
      </c>
      <c r="AI2745">
        <v>26</v>
      </c>
      <c r="AJ2745">
        <v>26</v>
      </c>
      <c r="AK2745">
        <v>26</v>
      </c>
      <c r="AL2745">
        <v>25</v>
      </c>
      <c r="AM2745">
        <v>25</v>
      </c>
      <c r="AN2745">
        <v>25</v>
      </c>
      <c r="AO2745">
        <v>25</v>
      </c>
      <c r="AP2745">
        <v>24</v>
      </c>
      <c r="AQ2745">
        <v>24</v>
      </c>
    </row>
    <row r="2746" spans="1:43">
      <c r="A2746" t="s">
        <v>1764</v>
      </c>
      <c r="B2746" t="s">
        <v>1765</v>
      </c>
      <c r="C2746" t="s">
        <v>1656</v>
      </c>
      <c r="D2746" t="s">
        <v>1657</v>
      </c>
      <c r="E2746" t="s">
        <v>1586</v>
      </c>
      <c r="F2746" t="s">
        <v>1587</v>
      </c>
      <c r="G2746" t="s">
        <v>80</v>
      </c>
      <c r="H2746" t="s">
        <v>81</v>
      </c>
      <c r="I2746" s="2">
        <v>0</v>
      </c>
      <c r="J2746" s="2">
        <v>1</v>
      </c>
      <c r="K2746" s="2">
        <v>0</v>
      </c>
      <c r="L2746" t="s">
        <v>82</v>
      </c>
      <c r="M2746" t="s">
        <v>83</v>
      </c>
      <c r="N2746" t="s">
        <v>84</v>
      </c>
      <c r="O2746" t="s">
        <v>85</v>
      </c>
      <c r="P2746" t="s">
        <v>86</v>
      </c>
      <c r="Q2746">
        <v>80</v>
      </c>
      <c r="R2746">
        <v>80</v>
      </c>
      <c r="S2746">
        <v>80</v>
      </c>
      <c r="T2746">
        <v>81</v>
      </c>
      <c r="U2746">
        <v>81</v>
      </c>
      <c r="V2746">
        <v>81</v>
      </c>
      <c r="W2746">
        <v>81</v>
      </c>
      <c r="X2746">
        <v>82</v>
      </c>
      <c r="Y2746">
        <v>82</v>
      </c>
      <c r="Z2746">
        <v>82</v>
      </c>
      <c r="AA2746">
        <v>82</v>
      </c>
      <c r="AB2746">
        <v>82</v>
      </c>
      <c r="AC2746">
        <v>82</v>
      </c>
      <c r="AD2746">
        <v>82</v>
      </c>
      <c r="AE2746">
        <v>82</v>
      </c>
      <c r="AF2746">
        <v>83</v>
      </c>
      <c r="AG2746">
        <v>83</v>
      </c>
      <c r="AH2746">
        <v>83</v>
      </c>
      <c r="AI2746">
        <v>83</v>
      </c>
      <c r="AJ2746">
        <v>83</v>
      </c>
      <c r="AK2746">
        <v>83</v>
      </c>
      <c r="AL2746">
        <v>82</v>
      </c>
      <c r="AM2746">
        <v>81</v>
      </c>
      <c r="AN2746">
        <v>81</v>
      </c>
      <c r="AO2746">
        <v>80</v>
      </c>
      <c r="AP2746">
        <v>79</v>
      </c>
      <c r="AQ2746">
        <v>78</v>
      </c>
    </row>
    <row r="2747" spans="1:43">
      <c r="A2747" t="s">
        <v>1764</v>
      </c>
      <c r="B2747" t="s">
        <v>1765</v>
      </c>
      <c r="C2747" t="s">
        <v>1656</v>
      </c>
      <c r="D2747" t="s">
        <v>1657</v>
      </c>
      <c r="E2747" t="s">
        <v>1586</v>
      </c>
      <c r="F2747" t="s">
        <v>1587</v>
      </c>
      <c r="G2747" t="s">
        <v>80</v>
      </c>
      <c r="H2747" t="s">
        <v>81</v>
      </c>
      <c r="I2747" s="2">
        <v>0</v>
      </c>
      <c r="J2747" s="2">
        <v>1</v>
      </c>
      <c r="K2747" s="2">
        <v>0</v>
      </c>
      <c r="L2747" t="s">
        <v>82</v>
      </c>
      <c r="M2747" t="s">
        <v>87</v>
      </c>
      <c r="N2747" t="s">
        <v>88</v>
      </c>
      <c r="O2747" t="s">
        <v>85</v>
      </c>
      <c r="P2747" t="s">
        <v>86</v>
      </c>
      <c r="Q2747">
        <v>80</v>
      </c>
      <c r="R2747">
        <v>80</v>
      </c>
      <c r="S2747">
        <v>79</v>
      </c>
      <c r="T2747">
        <v>79</v>
      </c>
      <c r="U2747">
        <v>78</v>
      </c>
      <c r="V2747">
        <v>78</v>
      </c>
      <c r="W2747">
        <v>77</v>
      </c>
      <c r="X2747">
        <v>77</v>
      </c>
      <c r="Y2747">
        <v>77</v>
      </c>
      <c r="Z2747">
        <v>76</v>
      </c>
      <c r="AA2747">
        <v>76</v>
      </c>
      <c r="AB2747">
        <v>75</v>
      </c>
      <c r="AC2747">
        <v>75</v>
      </c>
      <c r="AD2747">
        <v>75</v>
      </c>
      <c r="AE2747">
        <v>74</v>
      </c>
      <c r="AF2747">
        <v>74</v>
      </c>
      <c r="AG2747">
        <v>73</v>
      </c>
      <c r="AH2747">
        <v>73</v>
      </c>
      <c r="AI2747">
        <v>73</v>
      </c>
      <c r="AJ2747">
        <v>72</v>
      </c>
      <c r="AK2747">
        <v>72</v>
      </c>
      <c r="AL2747">
        <v>71</v>
      </c>
      <c r="AM2747">
        <v>71</v>
      </c>
      <c r="AN2747">
        <v>71</v>
      </c>
      <c r="AO2747">
        <v>70</v>
      </c>
      <c r="AP2747">
        <v>70</v>
      </c>
      <c r="AQ2747">
        <v>70</v>
      </c>
    </row>
    <row r="2748" spans="1:43">
      <c r="A2748" t="s">
        <v>1764</v>
      </c>
      <c r="B2748" t="s">
        <v>1765</v>
      </c>
      <c r="C2748" t="s">
        <v>1656</v>
      </c>
      <c r="D2748" t="s">
        <v>1657</v>
      </c>
      <c r="E2748" t="s">
        <v>1586</v>
      </c>
      <c r="F2748" t="s">
        <v>1587</v>
      </c>
      <c r="G2748" t="s">
        <v>80</v>
      </c>
      <c r="H2748" t="s">
        <v>81</v>
      </c>
      <c r="I2748" s="2">
        <v>0</v>
      </c>
      <c r="J2748" s="2">
        <v>1</v>
      </c>
      <c r="K2748" s="2">
        <v>0</v>
      </c>
      <c r="L2748" t="s">
        <v>82</v>
      </c>
      <c r="M2748" t="s">
        <v>89</v>
      </c>
      <c r="N2748" t="s">
        <v>90</v>
      </c>
      <c r="O2748" t="s">
        <v>85</v>
      </c>
      <c r="P2748" t="s">
        <v>86</v>
      </c>
      <c r="Q2748">
        <v>80</v>
      </c>
      <c r="R2748">
        <v>81</v>
      </c>
      <c r="S2748">
        <v>81</v>
      </c>
      <c r="T2748">
        <v>82</v>
      </c>
      <c r="U2748">
        <v>83</v>
      </c>
      <c r="V2748">
        <v>84</v>
      </c>
      <c r="W2748">
        <v>85</v>
      </c>
      <c r="X2748">
        <v>85</v>
      </c>
      <c r="Y2748">
        <v>86</v>
      </c>
      <c r="Z2748">
        <v>86</v>
      </c>
      <c r="AA2748">
        <v>86</v>
      </c>
      <c r="AB2748">
        <v>87</v>
      </c>
      <c r="AC2748">
        <v>87</v>
      </c>
      <c r="AD2748">
        <v>87</v>
      </c>
      <c r="AE2748">
        <v>87</v>
      </c>
      <c r="AF2748">
        <v>86</v>
      </c>
      <c r="AG2748">
        <v>86</v>
      </c>
      <c r="AH2748">
        <v>85</v>
      </c>
      <c r="AI2748">
        <v>84</v>
      </c>
      <c r="AJ2748">
        <v>83</v>
      </c>
      <c r="AK2748">
        <v>82</v>
      </c>
      <c r="AL2748">
        <v>82</v>
      </c>
      <c r="AM2748">
        <v>81</v>
      </c>
      <c r="AN2748">
        <v>80</v>
      </c>
      <c r="AO2748">
        <v>79</v>
      </c>
      <c r="AP2748">
        <v>79</v>
      </c>
      <c r="AQ2748">
        <v>78</v>
      </c>
    </row>
    <row r="2749" spans="1:43">
      <c r="A2749" t="s">
        <v>1764</v>
      </c>
      <c r="B2749" t="s">
        <v>1765</v>
      </c>
      <c r="C2749" t="s">
        <v>1656</v>
      </c>
      <c r="D2749" t="s">
        <v>1657</v>
      </c>
      <c r="E2749" t="s">
        <v>1586</v>
      </c>
      <c r="F2749" t="s">
        <v>1587</v>
      </c>
      <c r="G2749" t="s">
        <v>80</v>
      </c>
      <c r="H2749" t="s">
        <v>81</v>
      </c>
      <c r="I2749" s="2">
        <v>0</v>
      </c>
      <c r="J2749" s="2">
        <v>1</v>
      </c>
      <c r="K2749" s="2">
        <v>0</v>
      </c>
      <c r="L2749" t="s">
        <v>82</v>
      </c>
      <c r="M2749" t="s">
        <v>83</v>
      </c>
      <c r="N2749" t="s">
        <v>91</v>
      </c>
      <c r="O2749" t="s">
        <v>85</v>
      </c>
      <c r="P2749" t="s">
        <v>86</v>
      </c>
      <c r="Q2749">
        <v>80</v>
      </c>
      <c r="R2749">
        <v>80</v>
      </c>
      <c r="S2749">
        <v>80</v>
      </c>
      <c r="T2749">
        <v>81</v>
      </c>
      <c r="U2749">
        <v>81</v>
      </c>
      <c r="V2749">
        <v>81</v>
      </c>
      <c r="W2749">
        <v>81</v>
      </c>
      <c r="X2749">
        <v>82</v>
      </c>
      <c r="Y2749">
        <v>82</v>
      </c>
      <c r="Z2749">
        <v>82</v>
      </c>
      <c r="AA2749">
        <v>82</v>
      </c>
      <c r="AB2749">
        <v>82</v>
      </c>
      <c r="AC2749">
        <v>82</v>
      </c>
      <c r="AD2749">
        <v>82</v>
      </c>
      <c r="AE2749">
        <v>82</v>
      </c>
      <c r="AF2749">
        <v>83</v>
      </c>
      <c r="AG2749">
        <v>83</v>
      </c>
      <c r="AH2749">
        <v>83</v>
      </c>
      <c r="AI2749">
        <v>83</v>
      </c>
      <c r="AJ2749">
        <v>83</v>
      </c>
      <c r="AK2749">
        <v>83</v>
      </c>
      <c r="AL2749">
        <v>82</v>
      </c>
      <c r="AM2749">
        <v>81</v>
      </c>
      <c r="AN2749">
        <v>81</v>
      </c>
      <c r="AO2749">
        <v>80</v>
      </c>
      <c r="AP2749">
        <v>79</v>
      </c>
      <c r="AQ2749">
        <v>78</v>
      </c>
    </row>
    <row r="2750" spans="1:43">
      <c r="A2750" t="s">
        <v>1766</v>
      </c>
      <c r="B2750" t="s">
        <v>1767</v>
      </c>
      <c r="C2750" t="s">
        <v>1746</v>
      </c>
      <c r="D2750" t="s">
        <v>1747</v>
      </c>
      <c r="E2750" t="s">
        <v>1586</v>
      </c>
      <c r="F2750" t="s">
        <v>1587</v>
      </c>
      <c r="G2750" t="s">
        <v>80</v>
      </c>
      <c r="H2750" t="s">
        <v>81</v>
      </c>
      <c r="I2750" s="2">
        <v>0</v>
      </c>
      <c r="J2750" s="2">
        <v>1</v>
      </c>
      <c r="K2750" s="2">
        <v>0</v>
      </c>
      <c r="L2750" t="s">
        <v>82</v>
      </c>
      <c r="M2750" t="s">
        <v>83</v>
      </c>
      <c r="N2750" t="s">
        <v>84</v>
      </c>
      <c r="O2750" t="s">
        <v>85</v>
      </c>
      <c r="P2750" t="s">
        <v>86</v>
      </c>
      <c r="Q2750">
        <v>22</v>
      </c>
      <c r="R2750">
        <v>22</v>
      </c>
      <c r="S2750">
        <v>22</v>
      </c>
      <c r="T2750">
        <v>22</v>
      </c>
      <c r="U2750">
        <v>23</v>
      </c>
      <c r="V2750">
        <v>23</v>
      </c>
      <c r="W2750">
        <v>23</v>
      </c>
      <c r="X2750">
        <v>23</v>
      </c>
      <c r="Y2750">
        <v>23</v>
      </c>
      <c r="Z2750">
        <v>23</v>
      </c>
      <c r="AA2750">
        <v>23</v>
      </c>
      <c r="AB2750">
        <v>23</v>
      </c>
      <c r="AC2750">
        <v>23</v>
      </c>
      <c r="AD2750">
        <v>23</v>
      </c>
      <c r="AE2750">
        <v>23</v>
      </c>
      <c r="AF2750">
        <v>23</v>
      </c>
      <c r="AG2750">
        <v>23</v>
      </c>
      <c r="AH2750">
        <v>23</v>
      </c>
      <c r="AI2750">
        <v>23</v>
      </c>
      <c r="AJ2750">
        <v>23</v>
      </c>
      <c r="AK2750">
        <v>23</v>
      </c>
      <c r="AL2750">
        <v>23</v>
      </c>
      <c r="AM2750">
        <v>23</v>
      </c>
      <c r="AN2750">
        <v>23</v>
      </c>
      <c r="AO2750">
        <v>22</v>
      </c>
      <c r="AP2750">
        <v>22</v>
      </c>
      <c r="AQ2750">
        <v>22</v>
      </c>
    </row>
    <row r="2751" spans="1:43">
      <c r="A2751" t="s">
        <v>1766</v>
      </c>
      <c r="B2751" t="s">
        <v>1767</v>
      </c>
      <c r="C2751" t="s">
        <v>1746</v>
      </c>
      <c r="D2751" t="s">
        <v>1747</v>
      </c>
      <c r="E2751" t="s">
        <v>1586</v>
      </c>
      <c r="F2751" t="s">
        <v>1587</v>
      </c>
      <c r="G2751" t="s">
        <v>80</v>
      </c>
      <c r="H2751" t="s">
        <v>81</v>
      </c>
      <c r="I2751" s="2">
        <v>0</v>
      </c>
      <c r="J2751" s="2">
        <v>1</v>
      </c>
      <c r="K2751" s="2">
        <v>0</v>
      </c>
      <c r="L2751" t="s">
        <v>82</v>
      </c>
      <c r="M2751" t="s">
        <v>87</v>
      </c>
      <c r="N2751" t="s">
        <v>88</v>
      </c>
      <c r="O2751" t="s">
        <v>85</v>
      </c>
      <c r="P2751" t="s">
        <v>86</v>
      </c>
      <c r="Q2751">
        <v>22</v>
      </c>
      <c r="R2751">
        <v>22</v>
      </c>
      <c r="S2751">
        <v>22</v>
      </c>
      <c r="T2751">
        <v>22</v>
      </c>
      <c r="U2751">
        <v>22</v>
      </c>
      <c r="V2751">
        <v>21</v>
      </c>
      <c r="W2751">
        <v>21</v>
      </c>
      <c r="X2751">
        <v>21</v>
      </c>
      <c r="Y2751">
        <v>21</v>
      </c>
      <c r="Z2751">
        <v>21</v>
      </c>
      <c r="AA2751">
        <v>21</v>
      </c>
      <c r="AB2751">
        <v>21</v>
      </c>
      <c r="AC2751">
        <v>21</v>
      </c>
      <c r="AD2751">
        <v>20</v>
      </c>
      <c r="AE2751">
        <v>20</v>
      </c>
      <c r="AF2751">
        <v>20</v>
      </c>
      <c r="AG2751">
        <v>20</v>
      </c>
      <c r="AH2751">
        <v>20</v>
      </c>
      <c r="AI2751">
        <v>20</v>
      </c>
      <c r="AJ2751">
        <v>20</v>
      </c>
      <c r="AK2751">
        <v>20</v>
      </c>
      <c r="AL2751">
        <v>20</v>
      </c>
      <c r="AM2751">
        <v>19</v>
      </c>
      <c r="AN2751">
        <v>19</v>
      </c>
      <c r="AO2751">
        <v>19</v>
      </c>
      <c r="AP2751">
        <v>19</v>
      </c>
      <c r="AQ2751">
        <v>19</v>
      </c>
    </row>
    <row r="2752" spans="1:43">
      <c r="A2752" t="s">
        <v>1766</v>
      </c>
      <c r="B2752" t="s">
        <v>1767</v>
      </c>
      <c r="C2752" t="s">
        <v>1746</v>
      </c>
      <c r="D2752" t="s">
        <v>1747</v>
      </c>
      <c r="E2752" t="s">
        <v>1586</v>
      </c>
      <c r="F2752" t="s">
        <v>1587</v>
      </c>
      <c r="G2752" t="s">
        <v>80</v>
      </c>
      <c r="H2752" t="s">
        <v>81</v>
      </c>
      <c r="I2752" s="2">
        <v>0</v>
      </c>
      <c r="J2752" s="2">
        <v>1</v>
      </c>
      <c r="K2752" s="2">
        <v>0</v>
      </c>
      <c r="L2752" t="s">
        <v>82</v>
      </c>
      <c r="M2752" t="s">
        <v>89</v>
      </c>
      <c r="N2752" t="s">
        <v>90</v>
      </c>
      <c r="O2752" t="s">
        <v>85</v>
      </c>
      <c r="P2752" t="s">
        <v>86</v>
      </c>
      <c r="Q2752">
        <v>22</v>
      </c>
      <c r="R2752">
        <v>23</v>
      </c>
      <c r="S2752">
        <v>23</v>
      </c>
      <c r="T2752">
        <v>23</v>
      </c>
      <c r="U2752">
        <v>23</v>
      </c>
      <c r="V2752">
        <v>24</v>
      </c>
      <c r="W2752">
        <v>24</v>
      </c>
      <c r="X2752">
        <v>24</v>
      </c>
      <c r="Y2752">
        <v>24</v>
      </c>
      <c r="Z2752">
        <v>24</v>
      </c>
      <c r="AA2752">
        <v>24</v>
      </c>
      <c r="AB2752">
        <v>24</v>
      </c>
      <c r="AC2752">
        <v>25</v>
      </c>
      <c r="AD2752">
        <v>25</v>
      </c>
      <c r="AE2752">
        <v>25</v>
      </c>
      <c r="AF2752">
        <v>24</v>
      </c>
      <c r="AG2752">
        <v>24</v>
      </c>
      <c r="AH2752">
        <v>24</v>
      </c>
      <c r="AI2752">
        <v>24</v>
      </c>
      <c r="AJ2752">
        <v>24</v>
      </c>
      <c r="AK2752">
        <v>23</v>
      </c>
      <c r="AL2752">
        <v>23</v>
      </c>
      <c r="AM2752">
        <v>23</v>
      </c>
      <c r="AN2752">
        <v>23</v>
      </c>
      <c r="AO2752">
        <v>23</v>
      </c>
      <c r="AP2752">
        <v>22</v>
      </c>
      <c r="AQ2752">
        <v>22</v>
      </c>
    </row>
    <row r="2753" spans="1:43">
      <c r="A2753" t="s">
        <v>1766</v>
      </c>
      <c r="B2753" t="s">
        <v>1767</v>
      </c>
      <c r="C2753" t="s">
        <v>1746</v>
      </c>
      <c r="D2753" t="s">
        <v>1747</v>
      </c>
      <c r="E2753" t="s">
        <v>1586</v>
      </c>
      <c r="F2753" t="s">
        <v>1587</v>
      </c>
      <c r="G2753" t="s">
        <v>80</v>
      </c>
      <c r="H2753" t="s">
        <v>81</v>
      </c>
      <c r="I2753" s="2">
        <v>0</v>
      </c>
      <c r="J2753" s="2">
        <v>1</v>
      </c>
      <c r="K2753" s="2">
        <v>0</v>
      </c>
      <c r="L2753" t="s">
        <v>82</v>
      </c>
      <c r="M2753" t="s">
        <v>83</v>
      </c>
      <c r="N2753" t="s">
        <v>91</v>
      </c>
      <c r="O2753" t="s">
        <v>85</v>
      </c>
      <c r="P2753" t="s">
        <v>86</v>
      </c>
      <c r="Q2753">
        <v>22</v>
      </c>
      <c r="R2753">
        <v>22</v>
      </c>
      <c r="S2753">
        <v>22</v>
      </c>
      <c r="T2753">
        <v>22</v>
      </c>
      <c r="U2753">
        <v>23</v>
      </c>
      <c r="V2753">
        <v>23</v>
      </c>
      <c r="W2753">
        <v>23</v>
      </c>
      <c r="X2753">
        <v>23</v>
      </c>
      <c r="Y2753">
        <v>23</v>
      </c>
      <c r="Z2753">
        <v>23</v>
      </c>
      <c r="AA2753">
        <v>23</v>
      </c>
      <c r="AB2753">
        <v>23</v>
      </c>
      <c r="AC2753">
        <v>23</v>
      </c>
      <c r="AD2753">
        <v>23</v>
      </c>
      <c r="AE2753">
        <v>23</v>
      </c>
      <c r="AF2753">
        <v>23</v>
      </c>
      <c r="AG2753">
        <v>23</v>
      </c>
      <c r="AH2753">
        <v>23</v>
      </c>
      <c r="AI2753">
        <v>23</v>
      </c>
      <c r="AJ2753">
        <v>23</v>
      </c>
      <c r="AK2753">
        <v>23</v>
      </c>
      <c r="AL2753">
        <v>23</v>
      </c>
      <c r="AM2753">
        <v>23</v>
      </c>
      <c r="AN2753">
        <v>23</v>
      </c>
      <c r="AO2753">
        <v>22</v>
      </c>
      <c r="AP2753">
        <v>22</v>
      </c>
      <c r="AQ2753">
        <v>22</v>
      </c>
    </row>
    <row r="2754" spans="1:43">
      <c r="A2754" t="s">
        <v>1768</v>
      </c>
      <c r="B2754" t="s">
        <v>1769</v>
      </c>
      <c r="C2754" t="s">
        <v>1770</v>
      </c>
      <c r="D2754" t="s">
        <v>1771</v>
      </c>
      <c r="E2754" t="s">
        <v>1586</v>
      </c>
      <c r="F2754" t="s">
        <v>1587</v>
      </c>
      <c r="G2754" t="s">
        <v>80</v>
      </c>
      <c r="H2754" t="s">
        <v>81</v>
      </c>
      <c r="I2754" s="2">
        <v>0</v>
      </c>
      <c r="J2754" s="2">
        <v>0</v>
      </c>
      <c r="K2754" s="2">
        <v>1</v>
      </c>
      <c r="L2754" t="s">
        <v>995</v>
      </c>
      <c r="M2754" t="s">
        <v>83</v>
      </c>
      <c r="N2754" t="s">
        <v>84</v>
      </c>
      <c r="O2754" t="s">
        <v>85</v>
      </c>
      <c r="P2754" t="s">
        <v>86</v>
      </c>
      <c r="Q2754">
        <v>45</v>
      </c>
      <c r="R2754">
        <v>45</v>
      </c>
      <c r="S2754">
        <v>45</v>
      </c>
      <c r="T2754">
        <v>46</v>
      </c>
      <c r="U2754">
        <v>46</v>
      </c>
      <c r="V2754">
        <v>46</v>
      </c>
      <c r="W2754">
        <v>46</v>
      </c>
      <c r="X2754">
        <v>46</v>
      </c>
      <c r="Y2754">
        <v>47</v>
      </c>
      <c r="Z2754">
        <v>47</v>
      </c>
      <c r="AA2754">
        <v>47</v>
      </c>
      <c r="AB2754">
        <v>47</v>
      </c>
      <c r="AC2754">
        <v>47</v>
      </c>
      <c r="AD2754">
        <v>47</v>
      </c>
      <c r="AE2754">
        <v>47</v>
      </c>
      <c r="AF2754">
        <v>47</v>
      </c>
      <c r="AG2754">
        <v>47</v>
      </c>
      <c r="AH2754">
        <v>48</v>
      </c>
      <c r="AI2754">
        <v>48</v>
      </c>
      <c r="AJ2754">
        <v>48</v>
      </c>
      <c r="AK2754">
        <v>48</v>
      </c>
      <c r="AL2754">
        <v>48</v>
      </c>
      <c r="AM2754">
        <v>47</v>
      </c>
      <c r="AN2754">
        <v>47</v>
      </c>
      <c r="AO2754">
        <v>47</v>
      </c>
      <c r="AP2754">
        <v>46</v>
      </c>
      <c r="AQ2754">
        <v>46</v>
      </c>
    </row>
    <row r="2755" spans="1:43">
      <c r="A2755" t="s">
        <v>1768</v>
      </c>
      <c r="B2755" t="s">
        <v>1769</v>
      </c>
      <c r="C2755" t="s">
        <v>1770</v>
      </c>
      <c r="D2755" t="s">
        <v>1771</v>
      </c>
      <c r="E2755" t="s">
        <v>1586</v>
      </c>
      <c r="F2755" t="s">
        <v>1587</v>
      </c>
      <c r="G2755" t="s">
        <v>80</v>
      </c>
      <c r="H2755" t="s">
        <v>81</v>
      </c>
      <c r="I2755" s="2">
        <v>0</v>
      </c>
      <c r="J2755" s="2">
        <v>0</v>
      </c>
      <c r="K2755" s="2">
        <v>1</v>
      </c>
      <c r="L2755" t="s">
        <v>995</v>
      </c>
      <c r="M2755" t="s">
        <v>87</v>
      </c>
      <c r="N2755" t="s">
        <v>88</v>
      </c>
      <c r="O2755" t="s">
        <v>85</v>
      </c>
      <c r="P2755" t="s">
        <v>86</v>
      </c>
      <c r="Q2755">
        <v>45</v>
      </c>
      <c r="R2755">
        <v>44</v>
      </c>
      <c r="S2755">
        <v>44</v>
      </c>
      <c r="T2755">
        <v>44</v>
      </c>
      <c r="U2755">
        <v>44</v>
      </c>
      <c r="V2755">
        <v>44</v>
      </c>
      <c r="W2755">
        <v>43</v>
      </c>
      <c r="X2755">
        <v>43</v>
      </c>
      <c r="Y2755">
        <v>43</v>
      </c>
      <c r="Z2755">
        <v>43</v>
      </c>
      <c r="AA2755">
        <v>43</v>
      </c>
      <c r="AB2755">
        <v>42</v>
      </c>
      <c r="AC2755">
        <v>42</v>
      </c>
      <c r="AD2755">
        <v>42</v>
      </c>
      <c r="AE2755">
        <v>42</v>
      </c>
      <c r="AF2755">
        <v>42</v>
      </c>
      <c r="AG2755">
        <v>42</v>
      </c>
      <c r="AH2755">
        <v>41</v>
      </c>
      <c r="AI2755">
        <v>41</v>
      </c>
      <c r="AJ2755">
        <v>41</v>
      </c>
      <c r="AK2755">
        <v>41</v>
      </c>
      <c r="AL2755">
        <v>41</v>
      </c>
      <c r="AM2755">
        <v>41</v>
      </c>
      <c r="AN2755">
        <v>40</v>
      </c>
      <c r="AO2755">
        <v>40</v>
      </c>
      <c r="AP2755">
        <v>40</v>
      </c>
      <c r="AQ2755">
        <v>40</v>
      </c>
    </row>
    <row r="2756" spans="1:43">
      <c r="A2756" t="s">
        <v>1768</v>
      </c>
      <c r="B2756" t="s">
        <v>1769</v>
      </c>
      <c r="C2756" t="s">
        <v>1770</v>
      </c>
      <c r="D2756" t="s">
        <v>1771</v>
      </c>
      <c r="E2756" t="s">
        <v>1586</v>
      </c>
      <c r="F2756" t="s">
        <v>1587</v>
      </c>
      <c r="G2756" t="s">
        <v>80</v>
      </c>
      <c r="H2756" t="s">
        <v>81</v>
      </c>
      <c r="I2756" s="2">
        <v>0</v>
      </c>
      <c r="J2756" s="2">
        <v>0</v>
      </c>
      <c r="K2756" s="2">
        <v>1</v>
      </c>
      <c r="L2756" t="s">
        <v>995</v>
      </c>
      <c r="M2756" t="s">
        <v>89</v>
      </c>
      <c r="N2756" t="s">
        <v>90</v>
      </c>
      <c r="O2756" t="s">
        <v>85</v>
      </c>
      <c r="P2756" t="s">
        <v>86</v>
      </c>
      <c r="Q2756">
        <v>45</v>
      </c>
      <c r="R2756">
        <v>46</v>
      </c>
      <c r="S2756">
        <v>47</v>
      </c>
      <c r="T2756">
        <v>47</v>
      </c>
      <c r="U2756">
        <v>48</v>
      </c>
      <c r="V2756">
        <v>48</v>
      </c>
      <c r="W2756">
        <v>49</v>
      </c>
      <c r="X2756">
        <v>49</v>
      </c>
      <c r="Y2756">
        <v>49</v>
      </c>
      <c r="Z2756">
        <v>50</v>
      </c>
      <c r="AA2756">
        <v>50</v>
      </c>
      <c r="AB2756">
        <v>50</v>
      </c>
      <c r="AC2756">
        <v>50</v>
      </c>
      <c r="AD2756">
        <v>51</v>
      </c>
      <c r="AE2756">
        <v>51</v>
      </c>
      <c r="AF2756">
        <v>50</v>
      </c>
      <c r="AG2756">
        <v>50</v>
      </c>
      <c r="AH2756">
        <v>49</v>
      </c>
      <c r="AI2756">
        <v>49</v>
      </c>
      <c r="AJ2756">
        <v>49</v>
      </c>
      <c r="AK2756">
        <v>48</v>
      </c>
      <c r="AL2756">
        <v>48</v>
      </c>
      <c r="AM2756">
        <v>48</v>
      </c>
      <c r="AN2756">
        <v>47</v>
      </c>
      <c r="AO2756">
        <v>47</v>
      </c>
      <c r="AP2756">
        <v>47</v>
      </c>
      <c r="AQ2756">
        <v>46</v>
      </c>
    </row>
    <row r="2757" spans="1:43">
      <c r="A2757" t="s">
        <v>1768</v>
      </c>
      <c r="B2757" t="s">
        <v>1769</v>
      </c>
      <c r="C2757" t="s">
        <v>1770</v>
      </c>
      <c r="D2757" t="s">
        <v>1771</v>
      </c>
      <c r="E2757" t="s">
        <v>1586</v>
      </c>
      <c r="F2757" t="s">
        <v>1587</v>
      </c>
      <c r="G2757" t="s">
        <v>80</v>
      </c>
      <c r="H2757" t="s">
        <v>81</v>
      </c>
      <c r="I2757" s="2">
        <v>0</v>
      </c>
      <c r="J2757" s="2">
        <v>0</v>
      </c>
      <c r="K2757" s="2">
        <v>1</v>
      </c>
      <c r="L2757" t="s">
        <v>995</v>
      </c>
      <c r="M2757" t="s">
        <v>83</v>
      </c>
      <c r="N2757" t="s">
        <v>91</v>
      </c>
      <c r="O2757" t="s">
        <v>85</v>
      </c>
      <c r="P2757" t="s">
        <v>86</v>
      </c>
      <c r="Q2757">
        <v>45</v>
      </c>
      <c r="R2757">
        <v>45</v>
      </c>
      <c r="S2757">
        <v>45</v>
      </c>
      <c r="T2757">
        <v>46</v>
      </c>
      <c r="U2757">
        <v>46</v>
      </c>
      <c r="V2757">
        <v>46</v>
      </c>
      <c r="W2757">
        <v>46</v>
      </c>
      <c r="X2757">
        <v>46</v>
      </c>
      <c r="Y2757">
        <v>47</v>
      </c>
      <c r="Z2757">
        <v>47</v>
      </c>
      <c r="AA2757">
        <v>47</v>
      </c>
      <c r="AB2757">
        <v>47</v>
      </c>
      <c r="AC2757">
        <v>47</v>
      </c>
      <c r="AD2757">
        <v>47</v>
      </c>
      <c r="AE2757">
        <v>47</v>
      </c>
      <c r="AF2757">
        <v>47</v>
      </c>
      <c r="AG2757">
        <v>47</v>
      </c>
      <c r="AH2757">
        <v>48</v>
      </c>
      <c r="AI2757">
        <v>48</v>
      </c>
      <c r="AJ2757">
        <v>48</v>
      </c>
      <c r="AK2757">
        <v>48</v>
      </c>
      <c r="AL2757">
        <v>48</v>
      </c>
      <c r="AM2757">
        <v>47</v>
      </c>
      <c r="AN2757">
        <v>47</v>
      </c>
      <c r="AO2757">
        <v>47</v>
      </c>
      <c r="AP2757">
        <v>46</v>
      </c>
      <c r="AQ2757">
        <v>46</v>
      </c>
    </row>
    <row r="2758" spans="1:43">
      <c r="A2758" t="s">
        <v>1772</v>
      </c>
      <c r="B2758" t="s">
        <v>1773</v>
      </c>
      <c r="C2758" t="s">
        <v>1770</v>
      </c>
      <c r="D2758" t="s">
        <v>1771</v>
      </c>
      <c r="E2758" t="s">
        <v>1586</v>
      </c>
      <c r="F2758" t="s">
        <v>1587</v>
      </c>
      <c r="G2758" t="s">
        <v>80</v>
      </c>
      <c r="H2758" t="s">
        <v>81</v>
      </c>
      <c r="I2758" s="2">
        <v>0</v>
      </c>
      <c r="J2758" s="2">
        <v>0</v>
      </c>
      <c r="K2758" s="2">
        <v>1</v>
      </c>
      <c r="L2758" t="s">
        <v>995</v>
      </c>
      <c r="M2758" t="s">
        <v>83</v>
      </c>
      <c r="N2758" t="s">
        <v>84</v>
      </c>
      <c r="O2758" t="s">
        <v>85</v>
      </c>
      <c r="P2758" t="s">
        <v>86</v>
      </c>
      <c r="Q2758">
        <v>19</v>
      </c>
      <c r="R2758">
        <v>19</v>
      </c>
      <c r="S2758">
        <v>20</v>
      </c>
      <c r="T2758">
        <v>20</v>
      </c>
      <c r="U2758">
        <v>20</v>
      </c>
      <c r="V2758">
        <v>20</v>
      </c>
      <c r="W2758">
        <v>20</v>
      </c>
      <c r="X2758">
        <v>20</v>
      </c>
      <c r="Y2758">
        <v>20</v>
      </c>
      <c r="Z2758">
        <v>20</v>
      </c>
      <c r="AA2758">
        <v>20</v>
      </c>
      <c r="AB2758">
        <v>20</v>
      </c>
      <c r="AC2758">
        <v>20</v>
      </c>
      <c r="AD2758">
        <v>20</v>
      </c>
      <c r="AE2758">
        <v>20</v>
      </c>
      <c r="AF2758">
        <v>20</v>
      </c>
      <c r="AG2758">
        <v>20</v>
      </c>
      <c r="AH2758">
        <v>20</v>
      </c>
      <c r="AI2758">
        <v>20</v>
      </c>
      <c r="AJ2758">
        <v>20</v>
      </c>
      <c r="AK2758">
        <v>20</v>
      </c>
      <c r="AL2758">
        <v>20</v>
      </c>
      <c r="AM2758">
        <v>20</v>
      </c>
      <c r="AN2758">
        <v>20</v>
      </c>
      <c r="AO2758">
        <v>20</v>
      </c>
      <c r="AP2758">
        <v>20</v>
      </c>
      <c r="AQ2758">
        <v>20</v>
      </c>
    </row>
    <row r="2759" spans="1:43">
      <c r="A2759" t="s">
        <v>1772</v>
      </c>
      <c r="B2759" t="s">
        <v>1773</v>
      </c>
      <c r="C2759" t="s">
        <v>1770</v>
      </c>
      <c r="D2759" t="s">
        <v>1771</v>
      </c>
      <c r="E2759" t="s">
        <v>1586</v>
      </c>
      <c r="F2759" t="s">
        <v>1587</v>
      </c>
      <c r="G2759" t="s">
        <v>80</v>
      </c>
      <c r="H2759" t="s">
        <v>81</v>
      </c>
      <c r="I2759" s="2">
        <v>0</v>
      </c>
      <c r="J2759" s="2">
        <v>0</v>
      </c>
      <c r="K2759" s="2">
        <v>1</v>
      </c>
      <c r="L2759" t="s">
        <v>995</v>
      </c>
      <c r="M2759" t="s">
        <v>87</v>
      </c>
      <c r="N2759" t="s">
        <v>88</v>
      </c>
      <c r="O2759" t="s">
        <v>85</v>
      </c>
      <c r="P2759" t="s">
        <v>86</v>
      </c>
      <c r="Q2759">
        <v>19</v>
      </c>
      <c r="R2759">
        <v>19</v>
      </c>
      <c r="S2759">
        <v>19</v>
      </c>
      <c r="T2759">
        <v>19</v>
      </c>
      <c r="U2759">
        <v>19</v>
      </c>
      <c r="V2759">
        <v>19</v>
      </c>
      <c r="W2759">
        <v>19</v>
      </c>
      <c r="X2759">
        <v>19</v>
      </c>
      <c r="Y2759">
        <v>19</v>
      </c>
      <c r="Z2759">
        <v>18</v>
      </c>
      <c r="AA2759">
        <v>18</v>
      </c>
      <c r="AB2759">
        <v>18</v>
      </c>
      <c r="AC2759">
        <v>18</v>
      </c>
      <c r="AD2759">
        <v>18</v>
      </c>
      <c r="AE2759">
        <v>18</v>
      </c>
      <c r="AF2759">
        <v>18</v>
      </c>
      <c r="AG2759">
        <v>18</v>
      </c>
      <c r="AH2759">
        <v>18</v>
      </c>
      <c r="AI2759">
        <v>18</v>
      </c>
      <c r="AJ2759">
        <v>18</v>
      </c>
      <c r="AK2759">
        <v>18</v>
      </c>
      <c r="AL2759">
        <v>18</v>
      </c>
      <c r="AM2759">
        <v>17</v>
      </c>
      <c r="AN2759">
        <v>17</v>
      </c>
      <c r="AO2759">
        <v>17</v>
      </c>
      <c r="AP2759">
        <v>17</v>
      </c>
      <c r="AQ2759">
        <v>17</v>
      </c>
    </row>
    <row r="2760" spans="1:43">
      <c r="A2760" t="s">
        <v>1772</v>
      </c>
      <c r="B2760" t="s">
        <v>1773</v>
      </c>
      <c r="C2760" t="s">
        <v>1770</v>
      </c>
      <c r="D2760" t="s">
        <v>1771</v>
      </c>
      <c r="E2760" t="s">
        <v>1586</v>
      </c>
      <c r="F2760" t="s">
        <v>1587</v>
      </c>
      <c r="G2760" t="s">
        <v>80</v>
      </c>
      <c r="H2760" t="s">
        <v>81</v>
      </c>
      <c r="I2760" s="2">
        <v>0</v>
      </c>
      <c r="J2760" s="2">
        <v>0</v>
      </c>
      <c r="K2760" s="2">
        <v>1</v>
      </c>
      <c r="L2760" t="s">
        <v>995</v>
      </c>
      <c r="M2760" t="s">
        <v>89</v>
      </c>
      <c r="N2760" t="s">
        <v>90</v>
      </c>
      <c r="O2760" t="s">
        <v>85</v>
      </c>
      <c r="P2760" t="s">
        <v>86</v>
      </c>
      <c r="Q2760">
        <v>19</v>
      </c>
      <c r="R2760">
        <v>19</v>
      </c>
      <c r="S2760">
        <v>19</v>
      </c>
      <c r="T2760">
        <v>19</v>
      </c>
      <c r="U2760">
        <v>20</v>
      </c>
      <c r="V2760">
        <v>20</v>
      </c>
      <c r="W2760">
        <v>20</v>
      </c>
      <c r="X2760">
        <v>20</v>
      </c>
      <c r="Y2760">
        <v>20</v>
      </c>
      <c r="Z2760">
        <v>20</v>
      </c>
      <c r="AA2760">
        <v>20</v>
      </c>
      <c r="AB2760">
        <v>21</v>
      </c>
      <c r="AC2760">
        <v>21</v>
      </c>
      <c r="AD2760">
        <v>21</v>
      </c>
      <c r="AE2760">
        <v>21</v>
      </c>
      <c r="AF2760">
        <v>21</v>
      </c>
      <c r="AG2760">
        <v>20</v>
      </c>
      <c r="AH2760">
        <v>20</v>
      </c>
      <c r="AI2760">
        <v>20</v>
      </c>
      <c r="AJ2760">
        <v>20</v>
      </c>
      <c r="AK2760">
        <v>20</v>
      </c>
      <c r="AL2760">
        <v>20</v>
      </c>
      <c r="AM2760">
        <v>19</v>
      </c>
      <c r="AN2760">
        <v>19</v>
      </c>
      <c r="AO2760">
        <v>19</v>
      </c>
      <c r="AP2760">
        <v>19</v>
      </c>
      <c r="AQ2760">
        <v>19</v>
      </c>
    </row>
    <row r="2761" spans="1:43">
      <c r="A2761" t="s">
        <v>1772</v>
      </c>
      <c r="B2761" t="s">
        <v>1773</v>
      </c>
      <c r="C2761" t="s">
        <v>1770</v>
      </c>
      <c r="D2761" t="s">
        <v>1771</v>
      </c>
      <c r="E2761" t="s">
        <v>1586</v>
      </c>
      <c r="F2761" t="s">
        <v>1587</v>
      </c>
      <c r="G2761" t="s">
        <v>80</v>
      </c>
      <c r="H2761" t="s">
        <v>81</v>
      </c>
      <c r="I2761" s="2">
        <v>0</v>
      </c>
      <c r="J2761" s="2">
        <v>0</v>
      </c>
      <c r="K2761" s="2">
        <v>1</v>
      </c>
      <c r="L2761" t="s">
        <v>995</v>
      </c>
      <c r="M2761" t="s">
        <v>83</v>
      </c>
      <c r="N2761" t="s">
        <v>91</v>
      </c>
      <c r="O2761" t="s">
        <v>85</v>
      </c>
      <c r="P2761" t="s">
        <v>86</v>
      </c>
      <c r="Q2761">
        <v>19</v>
      </c>
      <c r="R2761">
        <v>19</v>
      </c>
      <c r="S2761">
        <v>20</v>
      </c>
      <c r="T2761">
        <v>20</v>
      </c>
      <c r="U2761">
        <v>20</v>
      </c>
      <c r="V2761">
        <v>20</v>
      </c>
      <c r="W2761">
        <v>20</v>
      </c>
      <c r="X2761">
        <v>20</v>
      </c>
      <c r="Y2761">
        <v>20</v>
      </c>
      <c r="Z2761">
        <v>20</v>
      </c>
      <c r="AA2761">
        <v>20</v>
      </c>
      <c r="AB2761">
        <v>20</v>
      </c>
      <c r="AC2761">
        <v>20</v>
      </c>
      <c r="AD2761">
        <v>20</v>
      </c>
      <c r="AE2761">
        <v>20</v>
      </c>
      <c r="AF2761">
        <v>20</v>
      </c>
      <c r="AG2761">
        <v>20</v>
      </c>
      <c r="AH2761">
        <v>20</v>
      </c>
      <c r="AI2761">
        <v>20</v>
      </c>
      <c r="AJ2761">
        <v>20</v>
      </c>
      <c r="AK2761">
        <v>20</v>
      </c>
      <c r="AL2761">
        <v>20</v>
      </c>
      <c r="AM2761">
        <v>20</v>
      </c>
      <c r="AN2761">
        <v>20</v>
      </c>
      <c r="AO2761">
        <v>20</v>
      </c>
      <c r="AP2761">
        <v>20</v>
      </c>
      <c r="AQ2761">
        <v>20</v>
      </c>
    </row>
    <row r="2762" spans="1:43">
      <c r="A2762" t="s">
        <v>1774</v>
      </c>
      <c r="B2762" t="s">
        <v>1775</v>
      </c>
      <c r="C2762" t="s">
        <v>1770</v>
      </c>
      <c r="D2762" t="s">
        <v>1771</v>
      </c>
      <c r="E2762" t="s">
        <v>1586</v>
      </c>
      <c r="F2762" t="s">
        <v>1587</v>
      </c>
      <c r="G2762" t="s">
        <v>80</v>
      </c>
      <c r="H2762" t="s">
        <v>81</v>
      </c>
      <c r="I2762" s="2">
        <v>0</v>
      </c>
      <c r="J2762" s="2">
        <v>0</v>
      </c>
      <c r="K2762" s="2">
        <v>1</v>
      </c>
      <c r="L2762" t="s">
        <v>995</v>
      </c>
      <c r="M2762" t="s">
        <v>83</v>
      </c>
      <c r="N2762" t="s">
        <v>84</v>
      </c>
      <c r="O2762" t="s">
        <v>85</v>
      </c>
      <c r="P2762" t="s">
        <v>86</v>
      </c>
      <c r="Q2762">
        <v>16</v>
      </c>
      <c r="R2762">
        <v>16</v>
      </c>
      <c r="S2762">
        <v>16</v>
      </c>
      <c r="T2762">
        <v>16</v>
      </c>
      <c r="U2762">
        <v>16</v>
      </c>
      <c r="V2762">
        <v>16</v>
      </c>
      <c r="W2762">
        <v>16</v>
      </c>
      <c r="X2762">
        <v>16</v>
      </c>
      <c r="Y2762">
        <v>16</v>
      </c>
      <c r="Z2762">
        <v>16</v>
      </c>
      <c r="AA2762">
        <v>16</v>
      </c>
      <c r="AB2762">
        <v>16</v>
      </c>
      <c r="AC2762">
        <v>16</v>
      </c>
      <c r="AD2762">
        <v>16</v>
      </c>
      <c r="AE2762">
        <v>16</v>
      </c>
      <c r="AF2762">
        <v>16</v>
      </c>
      <c r="AG2762">
        <v>16</v>
      </c>
      <c r="AH2762">
        <v>16</v>
      </c>
      <c r="AI2762">
        <v>16</v>
      </c>
      <c r="AJ2762">
        <v>16</v>
      </c>
      <c r="AK2762">
        <v>17</v>
      </c>
      <c r="AL2762">
        <v>16</v>
      </c>
      <c r="AM2762">
        <v>16</v>
      </c>
      <c r="AN2762">
        <v>16</v>
      </c>
      <c r="AO2762">
        <v>16</v>
      </c>
      <c r="AP2762">
        <v>16</v>
      </c>
      <c r="AQ2762">
        <v>16</v>
      </c>
    </row>
    <row r="2763" spans="1:43">
      <c r="A2763" t="s">
        <v>1774</v>
      </c>
      <c r="B2763" t="s">
        <v>1775</v>
      </c>
      <c r="C2763" t="s">
        <v>1770</v>
      </c>
      <c r="D2763" t="s">
        <v>1771</v>
      </c>
      <c r="E2763" t="s">
        <v>1586</v>
      </c>
      <c r="F2763" t="s">
        <v>1587</v>
      </c>
      <c r="G2763" t="s">
        <v>80</v>
      </c>
      <c r="H2763" t="s">
        <v>81</v>
      </c>
      <c r="I2763" s="2">
        <v>0</v>
      </c>
      <c r="J2763" s="2">
        <v>0</v>
      </c>
      <c r="K2763" s="2">
        <v>1</v>
      </c>
      <c r="L2763" t="s">
        <v>995</v>
      </c>
      <c r="M2763" t="s">
        <v>87</v>
      </c>
      <c r="N2763" t="s">
        <v>88</v>
      </c>
      <c r="O2763" t="s">
        <v>85</v>
      </c>
      <c r="P2763" t="s">
        <v>86</v>
      </c>
      <c r="Q2763">
        <v>16</v>
      </c>
      <c r="R2763">
        <v>16</v>
      </c>
      <c r="S2763">
        <v>16</v>
      </c>
      <c r="T2763">
        <v>16</v>
      </c>
      <c r="U2763">
        <v>16</v>
      </c>
      <c r="V2763">
        <v>16</v>
      </c>
      <c r="W2763">
        <v>16</v>
      </c>
      <c r="X2763">
        <v>16</v>
      </c>
      <c r="Y2763">
        <v>16</v>
      </c>
      <c r="Z2763">
        <v>16</v>
      </c>
      <c r="AA2763">
        <v>16</v>
      </c>
      <c r="AB2763">
        <v>16</v>
      </c>
      <c r="AC2763">
        <v>16</v>
      </c>
      <c r="AD2763">
        <v>16</v>
      </c>
      <c r="AE2763">
        <v>16</v>
      </c>
      <c r="AF2763">
        <v>15</v>
      </c>
      <c r="AG2763">
        <v>15</v>
      </c>
      <c r="AH2763">
        <v>15</v>
      </c>
      <c r="AI2763">
        <v>15</v>
      </c>
      <c r="AJ2763">
        <v>15</v>
      </c>
      <c r="AK2763">
        <v>15</v>
      </c>
      <c r="AL2763">
        <v>15</v>
      </c>
      <c r="AM2763">
        <v>15</v>
      </c>
      <c r="AN2763">
        <v>15</v>
      </c>
      <c r="AO2763">
        <v>15</v>
      </c>
      <c r="AP2763">
        <v>15</v>
      </c>
      <c r="AQ2763">
        <v>15</v>
      </c>
    </row>
    <row r="2764" spans="1:43">
      <c r="A2764" t="s">
        <v>1774</v>
      </c>
      <c r="B2764" t="s">
        <v>1775</v>
      </c>
      <c r="C2764" t="s">
        <v>1770</v>
      </c>
      <c r="D2764" t="s">
        <v>1771</v>
      </c>
      <c r="E2764" t="s">
        <v>1586</v>
      </c>
      <c r="F2764" t="s">
        <v>1587</v>
      </c>
      <c r="G2764" t="s">
        <v>80</v>
      </c>
      <c r="H2764" t="s">
        <v>81</v>
      </c>
      <c r="I2764" s="2">
        <v>0</v>
      </c>
      <c r="J2764" s="2">
        <v>0</v>
      </c>
      <c r="K2764" s="2">
        <v>1</v>
      </c>
      <c r="L2764" t="s">
        <v>995</v>
      </c>
      <c r="M2764" t="s">
        <v>89</v>
      </c>
      <c r="N2764" t="s">
        <v>90</v>
      </c>
      <c r="O2764" t="s">
        <v>85</v>
      </c>
      <c r="P2764" t="s">
        <v>86</v>
      </c>
      <c r="Q2764">
        <v>16</v>
      </c>
      <c r="R2764">
        <v>16</v>
      </c>
      <c r="S2764">
        <v>16</v>
      </c>
      <c r="T2764">
        <v>16</v>
      </c>
      <c r="U2764">
        <v>16</v>
      </c>
      <c r="V2764">
        <v>17</v>
      </c>
      <c r="W2764">
        <v>17</v>
      </c>
      <c r="X2764">
        <v>17</v>
      </c>
      <c r="Y2764">
        <v>17</v>
      </c>
      <c r="Z2764">
        <v>17</v>
      </c>
      <c r="AA2764">
        <v>17</v>
      </c>
      <c r="AB2764">
        <v>17</v>
      </c>
      <c r="AC2764">
        <v>17</v>
      </c>
      <c r="AD2764">
        <v>18</v>
      </c>
      <c r="AE2764">
        <v>17</v>
      </c>
      <c r="AF2764">
        <v>17</v>
      </c>
      <c r="AG2764">
        <v>17</v>
      </c>
      <c r="AH2764">
        <v>17</v>
      </c>
      <c r="AI2764">
        <v>17</v>
      </c>
      <c r="AJ2764">
        <v>17</v>
      </c>
      <c r="AK2764">
        <v>17</v>
      </c>
      <c r="AL2764">
        <v>17</v>
      </c>
      <c r="AM2764">
        <v>17</v>
      </c>
      <c r="AN2764">
        <v>16</v>
      </c>
      <c r="AO2764">
        <v>16</v>
      </c>
      <c r="AP2764">
        <v>16</v>
      </c>
      <c r="AQ2764">
        <v>16</v>
      </c>
    </row>
    <row r="2765" spans="1:43">
      <c r="A2765" t="s">
        <v>1774</v>
      </c>
      <c r="B2765" t="s">
        <v>1775</v>
      </c>
      <c r="C2765" t="s">
        <v>1770</v>
      </c>
      <c r="D2765" t="s">
        <v>1771</v>
      </c>
      <c r="E2765" t="s">
        <v>1586</v>
      </c>
      <c r="F2765" t="s">
        <v>1587</v>
      </c>
      <c r="G2765" t="s">
        <v>80</v>
      </c>
      <c r="H2765" t="s">
        <v>81</v>
      </c>
      <c r="I2765" s="2">
        <v>0</v>
      </c>
      <c r="J2765" s="2">
        <v>0</v>
      </c>
      <c r="K2765" s="2">
        <v>1</v>
      </c>
      <c r="L2765" t="s">
        <v>995</v>
      </c>
      <c r="M2765" t="s">
        <v>83</v>
      </c>
      <c r="N2765" t="s">
        <v>91</v>
      </c>
      <c r="O2765" t="s">
        <v>85</v>
      </c>
      <c r="P2765" t="s">
        <v>86</v>
      </c>
      <c r="Q2765">
        <v>16</v>
      </c>
      <c r="R2765">
        <v>16</v>
      </c>
      <c r="S2765">
        <v>16</v>
      </c>
      <c r="T2765">
        <v>16</v>
      </c>
      <c r="U2765">
        <v>16</v>
      </c>
      <c r="V2765">
        <v>16</v>
      </c>
      <c r="W2765">
        <v>16</v>
      </c>
      <c r="X2765">
        <v>16</v>
      </c>
      <c r="Y2765">
        <v>16</v>
      </c>
      <c r="Z2765">
        <v>16</v>
      </c>
      <c r="AA2765">
        <v>16</v>
      </c>
      <c r="AB2765">
        <v>16</v>
      </c>
      <c r="AC2765">
        <v>16</v>
      </c>
      <c r="AD2765">
        <v>16</v>
      </c>
      <c r="AE2765">
        <v>16</v>
      </c>
      <c r="AF2765">
        <v>16</v>
      </c>
      <c r="AG2765">
        <v>16</v>
      </c>
      <c r="AH2765">
        <v>16</v>
      </c>
      <c r="AI2765">
        <v>16</v>
      </c>
      <c r="AJ2765">
        <v>16</v>
      </c>
      <c r="AK2765">
        <v>17</v>
      </c>
      <c r="AL2765">
        <v>16</v>
      </c>
      <c r="AM2765">
        <v>16</v>
      </c>
      <c r="AN2765">
        <v>16</v>
      </c>
      <c r="AO2765">
        <v>16</v>
      </c>
      <c r="AP2765">
        <v>16</v>
      </c>
      <c r="AQ2765">
        <v>16</v>
      </c>
    </row>
    <row r="2766" spans="1:43">
      <c r="A2766" t="s">
        <v>1776</v>
      </c>
      <c r="B2766" t="s">
        <v>1777</v>
      </c>
      <c r="C2766" t="s">
        <v>1778</v>
      </c>
      <c r="D2766" t="s">
        <v>1779</v>
      </c>
      <c r="E2766" t="s">
        <v>1586</v>
      </c>
      <c r="F2766" t="s">
        <v>1587</v>
      </c>
      <c r="G2766" t="s">
        <v>80</v>
      </c>
      <c r="H2766" t="s">
        <v>81</v>
      </c>
      <c r="I2766" s="2">
        <v>0</v>
      </c>
      <c r="J2766" s="2">
        <v>0</v>
      </c>
      <c r="K2766" s="2">
        <v>1</v>
      </c>
      <c r="L2766" t="s">
        <v>995</v>
      </c>
      <c r="M2766" t="s">
        <v>83</v>
      </c>
      <c r="N2766" t="s">
        <v>84</v>
      </c>
      <c r="O2766" t="s">
        <v>85</v>
      </c>
      <c r="P2766" t="s">
        <v>86</v>
      </c>
      <c r="Q2766">
        <v>52</v>
      </c>
      <c r="R2766">
        <v>53</v>
      </c>
      <c r="S2766">
        <v>53</v>
      </c>
      <c r="T2766">
        <v>53</v>
      </c>
      <c r="U2766">
        <v>53</v>
      </c>
      <c r="V2766">
        <v>53</v>
      </c>
      <c r="W2766">
        <v>54</v>
      </c>
      <c r="X2766">
        <v>54</v>
      </c>
      <c r="Y2766">
        <v>54</v>
      </c>
      <c r="Z2766">
        <v>54</v>
      </c>
      <c r="AA2766">
        <v>54</v>
      </c>
      <c r="AB2766">
        <v>54</v>
      </c>
      <c r="AC2766">
        <v>55</v>
      </c>
      <c r="AD2766">
        <v>55</v>
      </c>
      <c r="AE2766">
        <v>55</v>
      </c>
      <c r="AF2766">
        <v>55</v>
      </c>
      <c r="AG2766">
        <v>55</v>
      </c>
      <c r="AH2766">
        <v>55</v>
      </c>
      <c r="AI2766">
        <v>55</v>
      </c>
      <c r="AJ2766">
        <v>55</v>
      </c>
      <c r="AK2766">
        <v>55</v>
      </c>
      <c r="AL2766">
        <v>55</v>
      </c>
      <c r="AM2766">
        <v>54</v>
      </c>
      <c r="AN2766">
        <v>54</v>
      </c>
      <c r="AO2766">
        <v>54</v>
      </c>
      <c r="AP2766">
        <v>53</v>
      </c>
      <c r="AQ2766">
        <v>53</v>
      </c>
    </row>
    <row r="2767" spans="1:43">
      <c r="A2767" t="s">
        <v>1776</v>
      </c>
      <c r="B2767" t="s">
        <v>1777</v>
      </c>
      <c r="C2767" t="s">
        <v>1778</v>
      </c>
      <c r="D2767" t="s">
        <v>1779</v>
      </c>
      <c r="E2767" t="s">
        <v>1586</v>
      </c>
      <c r="F2767" t="s">
        <v>1587</v>
      </c>
      <c r="G2767" t="s">
        <v>80</v>
      </c>
      <c r="H2767" t="s">
        <v>81</v>
      </c>
      <c r="I2767" s="2">
        <v>0</v>
      </c>
      <c r="J2767" s="2">
        <v>0</v>
      </c>
      <c r="K2767" s="2">
        <v>1</v>
      </c>
      <c r="L2767" t="s">
        <v>995</v>
      </c>
      <c r="M2767" t="s">
        <v>87</v>
      </c>
      <c r="N2767" t="s">
        <v>88</v>
      </c>
      <c r="O2767" t="s">
        <v>85</v>
      </c>
      <c r="P2767" t="s">
        <v>86</v>
      </c>
      <c r="Q2767">
        <v>52</v>
      </c>
      <c r="R2767">
        <v>52</v>
      </c>
      <c r="S2767">
        <v>51</v>
      </c>
      <c r="T2767">
        <v>51</v>
      </c>
      <c r="U2767">
        <v>51</v>
      </c>
      <c r="V2767">
        <v>51</v>
      </c>
      <c r="W2767">
        <v>50</v>
      </c>
      <c r="X2767">
        <v>50</v>
      </c>
      <c r="Y2767">
        <v>50</v>
      </c>
      <c r="Z2767">
        <v>50</v>
      </c>
      <c r="AA2767">
        <v>49</v>
      </c>
      <c r="AB2767">
        <v>49</v>
      </c>
      <c r="AC2767">
        <v>49</v>
      </c>
      <c r="AD2767">
        <v>49</v>
      </c>
      <c r="AE2767">
        <v>49</v>
      </c>
      <c r="AF2767">
        <v>48</v>
      </c>
      <c r="AG2767">
        <v>48</v>
      </c>
      <c r="AH2767">
        <v>48</v>
      </c>
      <c r="AI2767">
        <v>48</v>
      </c>
      <c r="AJ2767">
        <v>47</v>
      </c>
      <c r="AK2767">
        <v>47</v>
      </c>
      <c r="AL2767">
        <v>47</v>
      </c>
      <c r="AM2767">
        <v>47</v>
      </c>
      <c r="AN2767">
        <v>47</v>
      </c>
      <c r="AO2767">
        <v>46</v>
      </c>
      <c r="AP2767">
        <v>46</v>
      </c>
      <c r="AQ2767">
        <v>46</v>
      </c>
    </row>
    <row r="2768" spans="1:43">
      <c r="A2768" t="s">
        <v>1776</v>
      </c>
      <c r="B2768" t="s">
        <v>1777</v>
      </c>
      <c r="C2768" t="s">
        <v>1778</v>
      </c>
      <c r="D2768" t="s">
        <v>1779</v>
      </c>
      <c r="E2768" t="s">
        <v>1586</v>
      </c>
      <c r="F2768" t="s">
        <v>1587</v>
      </c>
      <c r="G2768" t="s">
        <v>80</v>
      </c>
      <c r="H2768" t="s">
        <v>81</v>
      </c>
      <c r="I2768" s="2">
        <v>0</v>
      </c>
      <c r="J2768" s="2">
        <v>0</v>
      </c>
      <c r="K2768" s="2">
        <v>1</v>
      </c>
      <c r="L2768" t="s">
        <v>995</v>
      </c>
      <c r="M2768" t="s">
        <v>89</v>
      </c>
      <c r="N2768" t="s">
        <v>90</v>
      </c>
      <c r="O2768" t="s">
        <v>85</v>
      </c>
      <c r="P2768" t="s">
        <v>86</v>
      </c>
      <c r="Q2768">
        <v>52</v>
      </c>
      <c r="R2768">
        <v>52</v>
      </c>
      <c r="S2768">
        <v>53</v>
      </c>
      <c r="T2768">
        <v>54</v>
      </c>
      <c r="U2768">
        <v>54</v>
      </c>
      <c r="V2768">
        <v>55</v>
      </c>
      <c r="W2768">
        <v>55</v>
      </c>
      <c r="X2768">
        <v>56</v>
      </c>
      <c r="Y2768">
        <v>56</v>
      </c>
      <c r="Z2768">
        <v>56</v>
      </c>
      <c r="AA2768">
        <v>57</v>
      </c>
      <c r="AB2768">
        <v>57</v>
      </c>
      <c r="AC2768">
        <v>57</v>
      </c>
      <c r="AD2768">
        <v>58</v>
      </c>
      <c r="AE2768">
        <v>58</v>
      </c>
      <c r="AF2768">
        <v>57</v>
      </c>
      <c r="AG2768">
        <v>57</v>
      </c>
      <c r="AH2768">
        <v>56</v>
      </c>
      <c r="AI2768">
        <v>56</v>
      </c>
      <c r="AJ2768">
        <v>55</v>
      </c>
      <c r="AK2768">
        <v>55</v>
      </c>
      <c r="AL2768">
        <v>54</v>
      </c>
      <c r="AM2768">
        <v>54</v>
      </c>
      <c r="AN2768">
        <v>54</v>
      </c>
      <c r="AO2768">
        <v>53</v>
      </c>
      <c r="AP2768">
        <v>53</v>
      </c>
      <c r="AQ2768">
        <v>52</v>
      </c>
    </row>
    <row r="2769" spans="1:43">
      <c r="A2769" t="s">
        <v>1776</v>
      </c>
      <c r="B2769" t="s">
        <v>1777</v>
      </c>
      <c r="C2769" t="s">
        <v>1778</v>
      </c>
      <c r="D2769" t="s">
        <v>1779</v>
      </c>
      <c r="E2769" t="s">
        <v>1586</v>
      </c>
      <c r="F2769" t="s">
        <v>1587</v>
      </c>
      <c r="G2769" t="s">
        <v>80</v>
      </c>
      <c r="H2769" t="s">
        <v>81</v>
      </c>
      <c r="I2769" s="2">
        <v>0</v>
      </c>
      <c r="J2769" s="2">
        <v>0</v>
      </c>
      <c r="K2769" s="2">
        <v>1</v>
      </c>
      <c r="L2769" t="s">
        <v>995</v>
      </c>
      <c r="M2769" t="s">
        <v>83</v>
      </c>
      <c r="N2769" t="s">
        <v>91</v>
      </c>
      <c r="O2769" t="s">
        <v>85</v>
      </c>
      <c r="P2769" t="s">
        <v>86</v>
      </c>
      <c r="Q2769">
        <v>52</v>
      </c>
      <c r="R2769">
        <v>53</v>
      </c>
      <c r="S2769">
        <v>53</v>
      </c>
      <c r="T2769">
        <v>53</v>
      </c>
      <c r="U2769">
        <v>53</v>
      </c>
      <c r="V2769">
        <v>53</v>
      </c>
      <c r="W2769">
        <v>54</v>
      </c>
      <c r="X2769">
        <v>54</v>
      </c>
      <c r="Y2769">
        <v>54</v>
      </c>
      <c r="Z2769">
        <v>54</v>
      </c>
      <c r="AA2769">
        <v>54</v>
      </c>
      <c r="AB2769">
        <v>54</v>
      </c>
      <c r="AC2769">
        <v>55</v>
      </c>
      <c r="AD2769">
        <v>55</v>
      </c>
      <c r="AE2769">
        <v>55</v>
      </c>
      <c r="AF2769">
        <v>55</v>
      </c>
      <c r="AG2769">
        <v>55</v>
      </c>
      <c r="AH2769">
        <v>55</v>
      </c>
      <c r="AI2769">
        <v>55</v>
      </c>
      <c r="AJ2769">
        <v>55</v>
      </c>
      <c r="AK2769">
        <v>55</v>
      </c>
      <c r="AL2769">
        <v>55</v>
      </c>
      <c r="AM2769">
        <v>54</v>
      </c>
      <c r="AN2769">
        <v>54</v>
      </c>
      <c r="AO2769">
        <v>54</v>
      </c>
      <c r="AP2769">
        <v>53</v>
      </c>
      <c r="AQ2769">
        <v>53</v>
      </c>
    </row>
    <row r="2770" spans="1:43">
      <c r="A2770" t="s">
        <v>1780</v>
      </c>
      <c r="B2770" t="s">
        <v>1781</v>
      </c>
      <c r="C2770" t="s">
        <v>1782</v>
      </c>
      <c r="D2770" t="s">
        <v>1783</v>
      </c>
      <c r="E2770" t="s">
        <v>1586</v>
      </c>
      <c r="F2770" t="s">
        <v>1587</v>
      </c>
      <c r="G2770" t="s">
        <v>80</v>
      </c>
      <c r="H2770" t="s">
        <v>81</v>
      </c>
      <c r="I2770" s="2">
        <v>0</v>
      </c>
      <c r="J2770" s="2">
        <v>0</v>
      </c>
      <c r="K2770" s="2">
        <v>1</v>
      </c>
      <c r="L2770" t="s">
        <v>995</v>
      </c>
      <c r="M2770" t="s">
        <v>83</v>
      </c>
      <c r="N2770" t="s">
        <v>84</v>
      </c>
      <c r="O2770" t="s">
        <v>85</v>
      </c>
      <c r="P2770" t="s">
        <v>86</v>
      </c>
      <c r="Q2770">
        <v>7</v>
      </c>
      <c r="R2770">
        <v>7</v>
      </c>
      <c r="S2770">
        <v>7</v>
      </c>
      <c r="T2770">
        <v>7</v>
      </c>
      <c r="U2770">
        <v>7</v>
      </c>
      <c r="V2770">
        <v>7</v>
      </c>
      <c r="W2770">
        <v>7</v>
      </c>
      <c r="X2770">
        <v>7</v>
      </c>
      <c r="Y2770">
        <v>7</v>
      </c>
      <c r="Z2770">
        <v>7</v>
      </c>
      <c r="AA2770">
        <v>7</v>
      </c>
      <c r="AB2770">
        <v>7</v>
      </c>
      <c r="AC2770">
        <v>7</v>
      </c>
      <c r="AD2770">
        <v>7</v>
      </c>
      <c r="AE2770">
        <v>7</v>
      </c>
      <c r="AF2770">
        <v>7</v>
      </c>
      <c r="AG2770">
        <v>7</v>
      </c>
      <c r="AH2770">
        <v>7</v>
      </c>
      <c r="AI2770">
        <v>7</v>
      </c>
      <c r="AJ2770">
        <v>7</v>
      </c>
      <c r="AK2770">
        <v>7</v>
      </c>
      <c r="AL2770">
        <v>7</v>
      </c>
      <c r="AM2770">
        <v>7</v>
      </c>
      <c r="AN2770">
        <v>7</v>
      </c>
      <c r="AO2770">
        <v>7</v>
      </c>
      <c r="AP2770">
        <v>7</v>
      </c>
      <c r="AQ2770">
        <v>7</v>
      </c>
    </row>
    <row r="2771" spans="1:43">
      <c r="A2771" t="s">
        <v>1780</v>
      </c>
      <c r="B2771" t="s">
        <v>1781</v>
      </c>
      <c r="C2771" t="s">
        <v>1782</v>
      </c>
      <c r="D2771" t="s">
        <v>1783</v>
      </c>
      <c r="E2771" t="s">
        <v>1586</v>
      </c>
      <c r="F2771" t="s">
        <v>1587</v>
      </c>
      <c r="G2771" t="s">
        <v>80</v>
      </c>
      <c r="H2771" t="s">
        <v>81</v>
      </c>
      <c r="I2771" s="2">
        <v>0</v>
      </c>
      <c r="J2771" s="2">
        <v>0</v>
      </c>
      <c r="K2771" s="2">
        <v>1</v>
      </c>
      <c r="L2771" t="s">
        <v>995</v>
      </c>
      <c r="M2771" t="s">
        <v>87</v>
      </c>
      <c r="N2771" t="s">
        <v>88</v>
      </c>
      <c r="O2771" t="s">
        <v>85</v>
      </c>
      <c r="P2771" t="s">
        <v>86</v>
      </c>
      <c r="Q2771">
        <v>7</v>
      </c>
      <c r="R2771">
        <v>7</v>
      </c>
      <c r="S2771">
        <v>7</v>
      </c>
      <c r="T2771">
        <v>7</v>
      </c>
      <c r="U2771">
        <v>6</v>
      </c>
      <c r="V2771">
        <v>6</v>
      </c>
      <c r="W2771">
        <v>6</v>
      </c>
      <c r="X2771">
        <v>6</v>
      </c>
      <c r="Y2771">
        <v>6</v>
      </c>
      <c r="Z2771">
        <v>6</v>
      </c>
      <c r="AA2771">
        <v>6</v>
      </c>
      <c r="AB2771">
        <v>6</v>
      </c>
      <c r="AC2771">
        <v>6</v>
      </c>
      <c r="AD2771">
        <v>6</v>
      </c>
      <c r="AE2771">
        <v>6</v>
      </c>
      <c r="AF2771">
        <v>6</v>
      </c>
      <c r="AG2771">
        <v>6</v>
      </c>
      <c r="AH2771">
        <v>6</v>
      </c>
      <c r="AI2771">
        <v>6</v>
      </c>
      <c r="AJ2771">
        <v>6</v>
      </c>
      <c r="AK2771">
        <v>6</v>
      </c>
      <c r="AL2771">
        <v>6</v>
      </c>
      <c r="AM2771">
        <v>6</v>
      </c>
      <c r="AN2771">
        <v>6</v>
      </c>
      <c r="AO2771">
        <v>6</v>
      </c>
      <c r="AP2771">
        <v>6</v>
      </c>
      <c r="AQ2771">
        <v>6</v>
      </c>
    </row>
    <row r="2772" spans="1:43">
      <c r="A2772" t="s">
        <v>1780</v>
      </c>
      <c r="B2772" t="s">
        <v>1781</v>
      </c>
      <c r="C2772" t="s">
        <v>1782</v>
      </c>
      <c r="D2772" t="s">
        <v>1783</v>
      </c>
      <c r="E2772" t="s">
        <v>1586</v>
      </c>
      <c r="F2772" t="s">
        <v>1587</v>
      </c>
      <c r="G2772" t="s">
        <v>80</v>
      </c>
      <c r="H2772" t="s">
        <v>81</v>
      </c>
      <c r="I2772" s="2">
        <v>0</v>
      </c>
      <c r="J2772" s="2">
        <v>0</v>
      </c>
      <c r="K2772" s="2">
        <v>1</v>
      </c>
      <c r="L2772" t="s">
        <v>995</v>
      </c>
      <c r="M2772" t="s">
        <v>89</v>
      </c>
      <c r="N2772" t="s">
        <v>90</v>
      </c>
      <c r="O2772" t="s">
        <v>85</v>
      </c>
      <c r="P2772" t="s">
        <v>86</v>
      </c>
      <c r="Q2772">
        <v>7</v>
      </c>
      <c r="R2772">
        <v>7</v>
      </c>
      <c r="S2772">
        <v>7</v>
      </c>
      <c r="T2772">
        <v>7</v>
      </c>
      <c r="U2772">
        <v>7</v>
      </c>
      <c r="V2772">
        <v>7</v>
      </c>
      <c r="W2772">
        <v>7</v>
      </c>
      <c r="X2772">
        <v>7</v>
      </c>
      <c r="Y2772">
        <v>7</v>
      </c>
      <c r="Z2772">
        <v>7</v>
      </c>
      <c r="AA2772">
        <v>7</v>
      </c>
      <c r="AB2772">
        <v>7</v>
      </c>
      <c r="AC2772">
        <v>7</v>
      </c>
      <c r="AD2772">
        <v>7</v>
      </c>
      <c r="AE2772">
        <v>7</v>
      </c>
      <c r="AF2772">
        <v>7</v>
      </c>
      <c r="AG2772">
        <v>7</v>
      </c>
      <c r="AH2772">
        <v>7</v>
      </c>
      <c r="AI2772">
        <v>7</v>
      </c>
      <c r="AJ2772">
        <v>7</v>
      </c>
      <c r="AK2772">
        <v>7</v>
      </c>
      <c r="AL2772">
        <v>7</v>
      </c>
      <c r="AM2772">
        <v>7</v>
      </c>
      <c r="AN2772">
        <v>7</v>
      </c>
      <c r="AO2772">
        <v>7</v>
      </c>
      <c r="AP2772">
        <v>7</v>
      </c>
      <c r="AQ2772">
        <v>7</v>
      </c>
    </row>
    <row r="2773" spans="1:43">
      <c r="A2773" t="s">
        <v>1780</v>
      </c>
      <c r="B2773" t="s">
        <v>1781</v>
      </c>
      <c r="C2773" t="s">
        <v>1782</v>
      </c>
      <c r="D2773" t="s">
        <v>1783</v>
      </c>
      <c r="E2773" t="s">
        <v>1586</v>
      </c>
      <c r="F2773" t="s">
        <v>1587</v>
      </c>
      <c r="G2773" t="s">
        <v>80</v>
      </c>
      <c r="H2773" t="s">
        <v>81</v>
      </c>
      <c r="I2773" s="2">
        <v>0</v>
      </c>
      <c r="J2773" s="2">
        <v>0</v>
      </c>
      <c r="K2773" s="2">
        <v>1</v>
      </c>
      <c r="L2773" t="s">
        <v>995</v>
      </c>
      <c r="M2773" t="s">
        <v>83</v>
      </c>
      <c r="N2773" t="s">
        <v>91</v>
      </c>
      <c r="O2773" t="s">
        <v>85</v>
      </c>
      <c r="P2773" t="s">
        <v>86</v>
      </c>
      <c r="Q2773">
        <v>7</v>
      </c>
      <c r="R2773">
        <v>7</v>
      </c>
      <c r="S2773">
        <v>7</v>
      </c>
      <c r="T2773">
        <v>7</v>
      </c>
      <c r="U2773">
        <v>7</v>
      </c>
      <c r="V2773">
        <v>7</v>
      </c>
      <c r="W2773">
        <v>7</v>
      </c>
      <c r="X2773">
        <v>7</v>
      </c>
      <c r="Y2773">
        <v>7</v>
      </c>
      <c r="Z2773">
        <v>7</v>
      </c>
      <c r="AA2773">
        <v>7</v>
      </c>
      <c r="AB2773">
        <v>7</v>
      </c>
      <c r="AC2773">
        <v>7</v>
      </c>
      <c r="AD2773">
        <v>7</v>
      </c>
      <c r="AE2773">
        <v>7</v>
      </c>
      <c r="AF2773">
        <v>7</v>
      </c>
      <c r="AG2773">
        <v>7</v>
      </c>
      <c r="AH2773">
        <v>7</v>
      </c>
      <c r="AI2773">
        <v>7</v>
      </c>
      <c r="AJ2773">
        <v>7</v>
      </c>
      <c r="AK2773">
        <v>7</v>
      </c>
      <c r="AL2773">
        <v>7</v>
      </c>
      <c r="AM2773">
        <v>7</v>
      </c>
      <c r="AN2773">
        <v>7</v>
      </c>
      <c r="AO2773">
        <v>7</v>
      </c>
      <c r="AP2773">
        <v>7</v>
      </c>
      <c r="AQ2773">
        <v>7</v>
      </c>
    </row>
    <row r="2774" spans="1:43">
      <c r="A2774" t="s">
        <v>1784</v>
      </c>
      <c r="B2774" t="s">
        <v>1785</v>
      </c>
      <c r="C2774" t="s">
        <v>1770</v>
      </c>
      <c r="D2774" t="s">
        <v>1771</v>
      </c>
      <c r="E2774" t="s">
        <v>1586</v>
      </c>
      <c r="F2774" t="s">
        <v>1587</v>
      </c>
      <c r="G2774" t="s">
        <v>80</v>
      </c>
      <c r="H2774" t="s">
        <v>81</v>
      </c>
      <c r="I2774" s="2">
        <v>0</v>
      </c>
      <c r="J2774" s="2">
        <v>0</v>
      </c>
      <c r="K2774" s="2">
        <v>1</v>
      </c>
      <c r="L2774" t="s">
        <v>995</v>
      </c>
      <c r="M2774" t="s">
        <v>83</v>
      </c>
      <c r="N2774" t="s">
        <v>84</v>
      </c>
      <c r="O2774" t="s">
        <v>85</v>
      </c>
      <c r="P2774" t="s">
        <v>86</v>
      </c>
      <c r="Q2774">
        <v>19</v>
      </c>
      <c r="R2774">
        <v>19</v>
      </c>
      <c r="S2774">
        <v>19</v>
      </c>
      <c r="T2774">
        <v>19</v>
      </c>
      <c r="U2774">
        <v>20</v>
      </c>
      <c r="V2774">
        <v>20</v>
      </c>
      <c r="W2774">
        <v>20</v>
      </c>
      <c r="X2774">
        <v>20</v>
      </c>
      <c r="Y2774">
        <v>20</v>
      </c>
      <c r="Z2774">
        <v>20</v>
      </c>
      <c r="AA2774">
        <v>20</v>
      </c>
      <c r="AB2774">
        <v>20</v>
      </c>
      <c r="AC2774">
        <v>20</v>
      </c>
      <c r="AD2774">
        <v>20</v>
      </c>
      <c r="AE2774">
        <v>20</v>
      </c>
      <c r="AF2774">
        <v>20</v>
      </c>
      <c r="AG2774">
        <v>20</v>
      </c>
      <c r="AH2774">
        <v>20</v>
      </c>
      <c r="AI2774">
        <v>20</v>
      </c>
      <c r="AJ2774">
        <v>20</v>
      </c>
      <c r="AK2774">
        <v>20</v>
      </c>
      <c r="AL2774">
        <v>20</v>
      </c>
      <c r="AM2774">
        <v>20</v>
      </c>
      <c r="AN2774">
        <v>20</v>
      </c>
      <c r="AO2774">
        <v>20</v>
      </c>
      <c r="AP2774">
        <v>19</v>
      </c>
      <c r="AQ2774">
        <v>19</v>
      </c>
    </row>
    <row r="2775" spans="1:43">
      <c r="A2775" t="s">
        <v>1784</v>
      </c>
      <c r="B2775" t="s">
        <v>1785</v>
      </c>
      <c r="C2775" t="s">
        <v>1770</v>
      </c>
      <c r="D2775" t="s">
        <v>1771</v>
      </c>
      <c r="E2775" t="s">
        <v>1586</v>
      </c>
      <c r="F2775" t="s">
        <v>1587</v>
      </c>
      <c r="G2775" t="s">
        <v>80</v>
      </c>
      <c r="H2775" t="s">
        <v>81</v>
      </c>
      <c r="I2775" s="2">
        <v>0</v>
      </c>
      <c r="J2775" s="2">
        <v>0</v>
      </c>
      <c r="K2775" s="2">
        <v>1</v>
      </c>
      <c r="L2775" t="s">
        <v>995</v>
      </c>
      <c r="M2775" t="s">
        <v>87</v>
      </c>
      <c r="N2775" t="s">
        <v>88</v>
      </c>
      <c r="O2775" t="s">
        <v>85</v>
      </c>
      <c r="P2775" t="s">
        <v>86</v>
      </c>
      <c r="Q2775">
        <v>19</v>
      </c>
      <c r="R2775">
        <v>19</v>
      </c>
      <c r="S2775">
        <v>19</v>
      </c>
      <c r="T2775">
        <v>19</v>
      </c>
      <c r="U2775">
        <v>19</v>
      </c>
      <c r="V2775">
        <v>19</v>
      </c>
      <c r="W2775">
        <v>18</v>
      </c>
      <c r="X2775">
        <v>18</v>
      </c>
      <c r="Y2775">
        <v>18</v>
      </c>
      <c r="Z2775">
        <v>18</v>
      </c>
      <c r="AA2775">
        <v>18</v>
      </c>
      <c r="AB2775">
        <v>18</v>
      </c>
      <c r="AC2775">
        <v>18</v>
      </c>
      <c r="AD2775">
        <v>18</v>
      </c>
      <c r="AE2775">
        <v>18</v>
      </c>
      <c r="AF2775">
        <v>18</v>
      </c>
      <c r="AG2775">
        <v>18</v>
      </c>
      <c r="AH2775">
        <v>18</v>
      </c>
      <c r="AI2775">
        <v>18</v>
      </c>
      <c r="AJ2775">
        <v>17</v>
      </c>
      <c r="AK2775">
        <v>17</v>
      </c>
      <c r="AL2775">
        <v>17</v>
      </c>
      <c r="AM2775">
        <v>17</v>
      </c>
      <c r="AN2775">
        <v>17</v>
      </c>
      <c r="AO2775">
        <v>17</v>
      </c>
      <c r="AP2775">
        <v>17</v>
      </c>
      <c r="AQ2775">
        <v>17</v>
      </c>
    </row>
    <row r="2776" spans="1:43">
      <c r="A2776" t="s">
        <v>1784</v>
      </c>
      <c r="B2776" t="s">
        <v>1785</v>
      </c>
      <c r="C2776" t="s">
        <v>1770</v>
      </c>
      <c r="D2776" t="s">
        <v>1771</v>
      </c>
      <c r="E2776" t="s">
        <v>1586</v>
      </c>
      <c r="F2776" t="s">
        <v>1587</v>
      </c>
      <c r="G2776" t="s">
        <v>80</v>
      </c>
      <c r="H2776" t="s">
        <v>81</v>
      </c>
      <c r="I2776" s="2">
        <v>0</v>
      </c>
      <c r="J2776" s="2">
        <v>0</v>
      </c>
      <c r="K2776" s="2">
        <v>1</v>
      </c>
      <c r="L2776" t="s">
        <v>995</v>
      </c>
      <c r="M2776" t="s">
        <v>89</v>
      </c>
      <c r="N2776" t="s">
        <v>90</v>
      </c>
      <c r="O2776" t="s">
        <v>85</v>
      </c>
      <c r="P2776" t="s">
        <v>86</v>
      </c>
      <c r="Q2776">
        <v>19</v>
      </c>
      <c r="R2776">
        <v>20</v>
      </c>
      <c r="S2776">
        <v>20</v>
      </c>
      <c r="T2776">
        <v>20</v>
      </c>
      <c r="U2776">
        <v>20</v>
      </c>
      <c r="V2776">
        <v>21</v>
      </c>
      <c r="W2776">
        <v>21</v>
      </c>
      <c r="X2776">
        <v>21</v>
      </c>
      <c r="Y2776">
        <v>21</v>
      </c>
      <c r="Z2776">
        <v>21</v>
      </c>
      <c r="AA2776">
        <v>21</v>
      </c>
      <c r="AB2776">
        <v>21</v>
      </c>
      <c r="AC2776">
        <v>21</v>
      </c>
      <c r="AD2776">
        <v>21</v>
      </c>
      <c r="AE2776">
        <v>21</v>
      </c>
      <c r="AF2776">
        <v>21</v>
      </c>
      <c r="AG2776">
        <v>21</v>
      </c>
      <c r="AH2776">
        <v>21</v>
      </c>
      <c r="AI2776">
        <v>21</v>
      </c>
      <c r="AJ2776">
        <v>21</v>
      </c>
      <c r="AK2776">
        <v>20</v>
      </c>
      <c r="AL2776">
        <v>20</v>
      </c>
      <c r="AM2776">
        <v>20</v>
      </c>
      <c r="AN2776">
        <v>20</v>
      </c>
      <c r="AO2776">
        <v>20</v>
      </c>
      <c r="AP2776">
        <v>20</v>
      </c>
      <c r="AQ2776">
        <v>19</v>
      </c>
    </row>
    <row r="2777" spans="1:43">
      <c r="A2777" t="s">
        <v>1784</v>
      </c>
      <c r="B2777" t="s">
        <v>1785</v>
      </c>
      <c r="C2777" t="s">
        <v>1770</v>
      </c>
      <c r="D2777" t="s">
        <v>1771</v>
      </c>
      <c r="E2777" t="s">
        <v>1586</v>
      </c>
      <c r="F2777" t="s">
        <v>1587</v>
      </c>
      <c r="G2777" t="s">
        <v>80</v>
      </c>
      <c r="H2777" t="s">
        <v>81</v>
      </c>
      <c r="I2777" s="2">
        <v>0</v>
      </c>
      <c r="J2777" s="2">
        <v>0</v>
      </c>
      <c r="K2777" s="2">
        <v>1</v>
      </c>
      <c r="L2777" t="s">
        <v>995</v>
      </c>
      <c r="M2777" t="s">
        <v>83</v>
      </c>
      <c r="N2777" t="s">
        <v>91</v>
      </c>
      <c r="O2777" t="s">
        <v>85</v>
      </c>
      <c r="P2777" t="s">
        <v>86</v>
      </c>
      <c r="Q2777">
        <v>19</v>
      </c>
      <c r="R2777">
        <v>19</v>
      </c>
      <c r="S2777">
        <v>19</v>
      </c>
      <c r="T2777">
        <v>19</v>
      </c>
      <c r="U2777">
        <v>20</v>
      </c>
      <c r="V2777">
        <v>20</v>
      </c>
      <c r="W2777">
        <v>20</v>
      </c>
      <c r="X2777">
        <v>20</v>
      </c>
      <c r="Y2777">
        <v>20</v>
      </c>
      <c r="Z2777">
        <v>20</v>
      </c>
      <c r="AA2777">
        <v>20</v>
      </c>
      <c r="AB2777">
        <v>20</v>
      </c>
      <c r="AC2777">
        <v>20</v>
      </c>
      <c r="AD2777">
        <v>20</v>
      </c>
      <c r="AE2777">
        <v>20</v>
      </c>
      <c r="AF2777">
        <v>20</v>
      </c>
      <c r="AG2777">
        <v>20</v>
      </c>
      <c r="AH2777">
        <v>20</v>
      </c>
      <c r="AI2777">
        <v>20</v>
      </c>
      <c r="AJ2777">
        <v>20</v>
      </c>
      <c r="AK2777">
        <v>20</v>
      </c>
      <c r="AL2777">
        <v>20</v>
      </c>
      <c r="AM2777">
        <v>20</v>
      </c>
      <c r="AN2777">
        <v>20</v>
      </c>
      <c r="AO2777">
        <v>20</v>
      </c>
      <c r="AP2777">
        <v>19</v>
      </c>
      <c r="AQ2777">
        <v>19</v>
      </c>
    </row>
    <row r="2778" spans="1:43">
      <c r="A2778" t="s">
        <v>1786</v>
      </c>
      <c r="B2778" t="s">
        <v>1787</v>
      </c>
      <c r="C2778" t="s">
        <v>1778</v>
      </c>
      <c r="D2778" t="s">
        <v>1779</v>
      </c>
      <c r="E2778" t="s">
        <v>1586</v>
      </c>
      <c r="F2778" t="s">
        <v>1587</v>
      </c>
      <c r="G2778" t="s">
        <v>80</v>
      </c>
      <c r="H2778" t="s">
        <v>81</v>
      </c>
      <c r="I2778" s="2">
        <v>0</v>
      </c>
      <c r="J2778" s="2">
        <v>0</v>
      </c>
      <c r="K2778" s="2">
        <v>1</v>
      </c>
      <c r="L2778" t="s">
        <v>995</v>
      </c>
      <c r="M2778" t="s">
        <v>83</v>
      </c>
      <c r="N2778" t="s">
        <v>84</v>
      </c>
      <c r="O2778" t="s">
        <v>85</v>
      </c>
      <c r="P2778" t="s">
        <v>86</v>
      </c>
      <c r="Q2778">
        <v>34</v>
      </c>
      <c r="R2778">
        <v>34</v>
      </c>
      <c r="S2778">
        <v>34</v>
      </c>
      <c r="T2778">
        <v>35</v>
      </c>
      <c r="U2778">
        <v>35</v>
      </c>
      <c r="V2778">
        <v>35</v>
      </c>
      <c r="W2778">
        <v>35</v>
      </c>
      <c r="X2778">
        <v>35</v>
      </c>
      <c r="Y2778">
        <v>35</v>
      </c>
      <c r="Z2778">
        <v>35</v>
      </c>
      <c r="AA2778">
        <v>35</v>
      </c>
      <c r="AB2778">
        <v>35</v>
      </c>
      <c r="AC2778">
        <v>36</v>
      </c>
      <c r="AD2778">
        <v>36</v>
      </c>
      <c r="AE2778">
        <v>36</v>
      </c>
      <c r="AF2778">
        <v>36</v>
      </c>
      <c r="AG2778">
        <v>36</v>
      </c>
      <c r="AH2778">
        <v>36</v>
      </c>
      <c r="AI2778">
        <v>36</v>
      </c>
      <c r="AJ2778">
        <v>36</v>
      </c>
      <c r="AK2778">
        <v>36</v>
      </c>
      <c r="AL2778">
        <v>36</v>
      </c>
      <c r="AM2778">
        <v>35</v>
      </c>
      <c r="AN2778">
        <v>35</v>
      </c>
      <c r="AO2778">
        <v>35</v>
      </c>
      <c r="AP2778">
        <v>35</v>
      </c>
      <c r="AQ2778">
        <v>34</v>
      </c>
    </row>
    <row r="2779" spans="1:43">
      <c r="A2779" t="s">
        <v>1786</v>
      </c>
      <c r="B2779" t="s">
        <v>1787</v>
      </c>
      <c r="C2779" t="s">
        <v>1778</v>
      </c>
      <c r="D2779" t="s">
        <v>1779</v>
      </c>
      <c r="E2779" t="s">
        <v>1586</v>
      </c>
      <c r="F2779" t="s">
        <v>1587</v>
      </c>
      <c r="G2779" t="s">
        <v>80</v>
      </c>
      <c r="H2779" t="s">
        <v>81</v>
      </c>
      <c r="I2779" s="2">
        <v>0</v>
      </c>
      <c r="J2779" s="2">
        <v>0</v>
      </c>
      <c r="K2779" s="2">
        <v>1</v>
      </c>
      <c r="L2779" t="s">
        <v>995</v>
      </c>
      <c r="M2779" t="s">
        <v>87</v>
      </c>
      <c r="N2779" t="s">
        <v>88</v>
      </c>
      <c r="O2779" t="s">
        <v>85</v>
      </c>
      <c r="P2779" t="s">
        <v>86</v>
      </c>
      <c r="Q2779">
        <v>34</v>
      </c>
      <c r="R2779">
        <v>34</v>
      </c>
      <c r="S2779">
        <v>33</v>
      </c>
      <c r="T2779">
        <v>33</v>
      </c>
      <c r="U2779">
        <v>33</v>
      </c>
      <c r="V2779">
        <v>33</v>
      </c>
      <c r="W2779">
        <v>33</v>
      </c>
      <c r="X2779">
        <v>33</v>
      </c>
      <c r="Y2779">
        <v>33</v>
      </c>
      <c r="Z2779">
        <v>32</v>
      </c>
      <c r="AA2779">
        <v>32</v>
      </c>
      <c r="AB2779">
        <v>32</v>
      </c>
      <c r="AC2779">
        <v>32</v>
      </c>
      <c r="AD2779">
        <v>32</v>
      </c>
      <c r="AE2779">
        <v>32</v>
      </c>
      <c r="AF2779">
        <v>32</v>
      </c>
      <c r="AG2779">
        <v>31</v>
      </c>
      <c r="AH2779">
        <v>31</v>
      </c>
      <c r="AI2779">
        <v>31</v>
      </c>
      <c r="AJ2779">
        <v>31</v>
      </c>
      <c r="AK2779">
        <v>31</v>
      </c>
      <c r="AL2779">
        <v>31</v>
      </c>
      <c r="AM2779">
        <v>31</v>
      </c>
      <c r="AN2779">
        <v>30</v>
      </c>
      <c r="AO2779">
        <v>30</v>
      </c>
      <c r="AP2779">
        <v>30</v>
      </c>
      <c r="AQ2779">
        <v>30</v>
      </c>
    </row>
    <row r="2780" spans="1:43">
      <c r="A2780" t="s">
        <v>1786</v>
      </c>
      <c r="B2780" t="s">
        <v>1787</v>
      </c>
      <c r="C2780" t="s">
        <v>1778</v>
      </c>
      <c r="D2780" t="s">
        <v>1779</v>
      </c>
      <c r="E2780" t="s">
        <v>1586</v>
      </c>
      <c r="F2780" t="s">
        <v>1587</v>
      </c>
      <c r="G2780" t="s">
        <v>80</v>
      </c>
      <c r="H2780" t="s">
        <v>81</v>
      </c>
      <c r="I2780" s="2">
        <v>0</v>
      </c>
      <c r="J2780" s="2">
        <v>0</v>
      </c>
      <c r="K2780" s="2">
        <v>1</v>
      </c>
      <c r="L2780" t="s">
        <v>995</v>
      </c>
      <c r="M2780" t="s">
        <v>89</v>
      </c>
      <c r="N2780" t="s">
        <v>90</v>
      </c>
      <c r="O2780" t="s">
        <v>85</v>
      </c>
      <c r="P2780" t="s">
        <v>86</v>
      </c>
      <c r="Q2780">
        <v>34</v>
      </c>
      <c r="R2780">
        <v>35</v>
      </c>
      <c r="S2780">
        <v>35</v>
      </c>
      <c r="T2780">
        <v>36</v>
      </c>
      <c r="U2780">
        <v>36</v>
      </c>
      <c r="V2780">
        <v>36</v>
      </c>
      <c r="W2780">
        <v>37</v>
      </c>
      <c r="X2780">
        <v>37</v>
      </c>
      <c r="Y2780">
        <v>37</v>
      </c>
      <c r="Z2780">
        <v>37</v>
      </c>
      <c r="AA2780">
        <v>38</v>
      </c>
      <c r="AB2780">
        <v>38</v>
      </c>
      <c r="AC2780">
        <v>38</v>
      </c>
      <c r="AD2780">
        <v>38</v>
      </c>
      <c r="AE2780">
        <v>38</v>
      </c>
      <c r="AF2780">
        <v>38</v>
      </c>
      <c r="AG2780">
        <v>38</v>
      </c>
      <c r="AH2780">
        <v>37</v>
      </c>
      <c r="AI2780">
        <v>37</v>
      </c>
      <c r="AJ2780">
        <v>37</v>
      </c>
      <c r="AK2780">
        <v>36</v>
      </c>
      <c r="AL2780">
        <v>36</v>
      </c>
      <c r="AM2780">
        <v>36</v>
      </c>
      <c r="AN2780">
        <v>36</v>
      </c>
      <c r="AO2780">
        <v>35</v>
      </c>
      <c r="AP2780">
        <v>35</v>
      </c>
      <c r="AQ2780">
        <v>35</v>
      </c>
    </row>
    <row r="2781" spans="1:43">
      <c r="A2781" t="s">
        <v>1786</v>
      </c>
      <c r="B2781" t="s">
        <v>1787</v>
      </c>
      <c r="C2781" t="s">
        <v>1778</v>
      </c>
      <c r="D2781" t="s">
        <v>1779</v>
      </c>
      <c r="E2781" t="s">
        <v>1586</v>
      </c>
      <c r="F2781" t="s">
        <v>1587</v>
      </c>
      <c r="G2781" t="s">
        <v>80</v>
      </c>
      <c r="H2781" t="s">
        <v>81</v>
      </c>
      <c r="I2781" s="2">
        <v>0</v>
      </c>
      <c r="J2781" s="2">
        <v>0</v>
      </c>
      <c r="K2781" s="2">
        <v>1</v>
      </c>
      <c r="L2781" t="s">
        <v>995</v>
      </c>
      <c r="M2781" t="s">
        <v>83</v>
      </c>
      <c r="N2781" t="s">
        <v>91</v>
      </c>
      <c r="O2781" t="s">
        <v>85</v>
      </c>
      <c r="P2781" t="s">
        <v>86</v>
      </c>
      <c r="Q2781">
        <v>34</v>
      </c>
      <c r="R2781">
        <v>34</v>
      </c>
      <c r="S2781">
        <v>34</v>
      </c>
      <c r="T2781">
        <v>35</v>
      </c>
      <c r="U2781">
        <v>35</v>
      </c>
      <c r="V2781">
        <v>35</v>
      </c>
      <c r="W2781">
        <v>35</v>
      </c>
      <c r="X2781">
        <v>35</v>
      </c>
      <c r="Y2781">
        <v>35</v>
      </c>
      <c r="Z2781">
        <v>35</v>
      </c>
      <c r="AA2781">
        <v>35</v>
      </c>
      <c r="AB2781">
        <v>35</v>
      </c>
      <c r="AC2781">
        <v>36</v>
      </c>
      <c r="AD2781">
        <v>36</v>
      </c>
      <c r="AE2781">
        <v>36</v>
      </c>
      <c r="AF2781">
        <v>36</v>
      </c>
      <c r="AG2781">
        <v>36</v>
      </c>
      <c r="AH2781">
        <v>36</v>
      </c>
      <c r="AI2781">
        <v>36</v>
      </c>
      <c r="AJ2781">
        <v>36</v>
      </c>
      <c r="AK2781">
        <v>36</v>
      </c>
      <c r="AL2781">
        <v>36</v>
      </c>
      <c r="AM2781">
        <v>35</v>
      </c>
      <c r="AN2781">
        <v>35</v>
      </c>
      <c r="AO2781">
        <v>35</v>
      </c>
      <c r="AP2781">
        <v>35</v>
      </c>
      <c r="AQ2781">
        <v>34</v>
      </c>
    </row>
    <row r="2782" spans="1:43">
      <c r="A2782" t="s">
        <v>1788</v>
      </c>
      <c r="B2782" t="s">
        <v>1789</v>
      </c>
      <c r="C2782" t="s">
        <v>1782</v>
      </c>
      <c r="D2782" t="s">
        <v>1783</v>
      </c>
      <c r="E2782" t="s">
        <v>1586</v>
      </c>
      <c r="F2782" t="s">
        <v>1587</v>
      </c>
      <c r="G2782" t="s">
        <v>80</v>
      </c>
      <c r="H2782" t="s">
        <v>81</v>
      </c>
      <c r="I2782" s="2">
        <v>0</v>
      </c>
      <c r="J2782" s="2">
        <v>0</v>
      </c>
      <c r="K2782" s="2">
        <v>1</v>
      </c>
      <c r="L2782" t="s">
        <v>995</v>
      </c>
      <c r="M2782" t="s">
        <v>83</v>
      </c>
      <c r="N2782" t="s">
        <v>84</v>
      </c>
      <c r="O2782" t="s">
        <v>85</v>
      </c>
      <c r="P2782" t="s">
        <v>86</v>
      </c>
      <c r="Q2782">
        <v>25</v>
      </c>
      <c r="R2782">
        <v>25</v>
      </c>
      <c r="S2782">
        <v>25</v>
      </c>
      <c r="T2782">
        <v>25</v>
      </c>
      <c r="U2782">
        <v>26</v>
      </c>
      <c r="V2782">
        <v>26</v>
      </c>
      <c r="W2782">
        <v>26</v>
      </c>
      <c r="X2782">
        <v>26</v>
      </c>
      <c r="Y2782">
        <v>26</v>
      </c>
      <c r="Z2782">
        <v>26</v>
      </c>
      <c r="AA2782">
        <v>26</v>
      </c>
      <c r="AB2782">
        <v>26</v>
      </c>
      <c r="AC2782">
        <v>26</v>
      </c>
      <c r="AD2782">
        <v>26</v>
      </c>
      <c r="AE2782">
        <v>26</v>
      </c>
      <c r="AF2782">
        <v>26</v>
      </c>
      <c r="AG2782">
        <v>26</v>
      </c>
      <c r="AH2782">
        <v>26</v>
      </c>
      <c r="AI2782">
        <v>26</v>
      </c>
      <c r="AJ2782">
        <v>26</v>
      </c>
      <c r="AK2782">
        <v>26</v>
      </c>
      <c r="AL2782">
        <v>26</v>
      </c>
      <c r="AM2782">
        <v>26</v>
      </c>
      <c r="AN2782">
        <v>26</v>
      </c>
      <c r="AO2782">
        <v>26</v>
      </c>
      <c r="AP2782">
        <v>26</v>
      </c>
      <c r="AQ2782">
        <v>25</v>
      </c>
    </row>
    <row r="2783" spans="1:43">
      <c r="A2783" t="s">
        <v>1788</v>
      </c>
      <c r="B2783" t="s">
        <v>1789</v>
      </c>
      <c r="C2783" t="s">
        <v>1782</v>
      </c>
      <c r="D2783" t="s">
        <v>1783</v>
      </c>
      <c r="E2783" t="s">
        <v>1586</v>
      </c>
      <c r="F2783" t="s">
        <v>1587</v>
      </c>
      <c r="G2783" t="s">
        <v>80</v>
      </c>
      <c r="H2783" t="s">
        <v>81</v>
      </c>
      <c r="I2783" s="2">
        <v>0</v>
      </c>
      <c r="J2783" s="2">
        <v>0</v>
      </c>
      <c r="K2783" s="2">
        <v>1</v>
      </c>
      <c r="L2783" t="s">
        <v>995</v>
      </c>
      <c r="M2783" t="s">
        <v>87</v>
      </c>
      <c r="N2783" t="s">
        <v>88</v>
      </c>
      <c r="O2783" t="s">
        <v>85</v>
      </c>
      <c r="P2783" t="s">
        <v>86</v>
      </c>
      <c r="Q2783">
        <v>25</v>
      </c>
      <c r="R2783">
        <v>25</v>
      </c>
      <c r="S2783">
        <v>25</v>
      </c>
      <c r="T2783">
        <v>25</v>
      </c>
      <c r="U2783">
        <v>24</v>
      </c>
      <c r="V2783">
        <v>24</v>
      </c>
      <c r="W2783">
        <v>24</v>
      </c>
      <c r="X2783">
        <v>24</v>
      </c>
      <c r="Y2783">
        <v>24</v>
      </c>
      <c r="Z2783">
        <v>24</v>
      </c>
      <c r="AA2783">
        <v>24</v>
      </c>
      <c r="AB2783">
        <v>24</v>
      </c>
      <c r="AC2783">
        <v>24</v>
      </c>
      <c r="AD2783">
        <v>23</v>
      </c>
      <c r="AE2783">
        <v>23</v>
      </c>
      <c r="AF2783">
        <v>23</v>
      </c>
      <c r="AG2783">
        <v>23</v>
      </c>
      <c r="AH2783">
        <v>23</v>
      </c>
      <c r="AI2783">
        <v>23</v>
      </c>
      <c r="AJ2783">
        <v>23</v>
      </c>
      <c r="AK2783">
        <v>23</v>
      </c>
      <c r="AL2783">
        <v>23</v>
      </c>
      <c r="AM2783">
        <v>23</v>
      </c>
      <c r="AN2783">
        <v>22</v>
      </c>
      <c r="AO2783">
        <v>22</v>
      </c>
      <c r="AP2783">
        <v>22</v>
      </c>
      <c r="AQ2783">
        <v>22</v>
      </c>
    </row>
    <row r="2784" spans="1:43">
      <c r="A2784" t="s">
        <v>1788</v>
      </c>
      <c r="B2784" t="s">
        <v>1789</v>
      </c>
      <c r="C2784" t="s">
        <v>1782</v>
      </c>
      <c r="D2784" t="s">
        <v>1783</v>
      </c>
      <c r="E2784" t="s">
        <v>1586</v>
      </c>
      <c r="F2784" t="s">
        <v>1587</v>
      </c>
      <c r="G2784" t="s">
        <v>80</v>
      </c>
      <c r="H2784" t="s">
        <v>81</v>
      </c>
      <c r="I2784" s="2">
        <v>0</v>
      </c>
      <c r="J2784" s="2">
        <v>0</v>
      </c>
      <c r="K2784" s="2">
        <v>1</v>
      </c>
      <c r="L2784" t="s">
        <v>995</v>
      </c>
      <c r="M2784" t="s">
        <v>89</v>
      </c>
      <c r="N2784" t="s">
        <v>90</v>
      </c>
      <c r="O2784" t="s">
        <v>85</v>
      </c>
      <c r="P2784" t="s">
        <v>86</v>
      </c>
      <c r="Q2784">
        <v>25</v>
      </c>
      <c r="R2784">
        <v>26</v>
      </c>
      <c r="S2784">
        <v>26</v>
      </c>
      <c r="T2784">
        <v>26</v>
      </c>
      <c r="U2784">
        <v>27</v>
      </c>
      <c r="V2784">
        <v>27</v>
      </c>
      <c r="W2784">
        <v>27</v>
      </c>
      <c r="X2784">
        <v>27</v>
      </c>
      <c r="Y2784">
        <v>27</v>
      </c>
      <c r="Z2784">
        <v>28</v>
      </c>
      <c r="AA2784">
        <v>28</v>
      </c>
      <c r="AB2784">
        <v>28</v>
      </c>
      <c r="AC2784">
        <v>28</v>
      </c>
      <c r="AD2784">
        <v>28</v>
      </c>
      <c r="AE2784">
        <v>28</v>
      </c>
      <c r="AF2784">
        <v>28</v>
      </c>
      <c r="AG2784">
        <v>28</v>
      </c>
      <c r="AH2784">
        <v>27</v>
      </c>
      <c r="AI2784">
        <v>27</v>
      </c>
      <c r="AJ2784">
        <v>27</v>
      </c>
      <c r="AK2784">
        <v>27</v>
      </c>
      <c r="AL2784">
        <v>27</v>
      </c>
      <c r="AM2784">
        <v>26</v>
      </c>
      <c r="AN2784">
        <v>26</v>
      </c>
      <c r="AO2784">
        <v>26</v>
      </c>
      <c r="AP2784">
        <v>26</v>
      </c>
      <c r="AQ2784">
        <v>25</v>
      </c>
    </row>
    <row r="2785" spans="1:43">
      <c r="A2785" t="s">
        <v>1788</v>
      </c>
      <c r="B2785" t="s">
        <v>1789</v>
      </c>
      <c r="C2785" t="s">
        <v>1782</v>
      </c>
      <c r="D2785" t="s">
        <v>1783</v>
      </c>
      <c r="E2785" t="s">
        <v>1586</v>
      </c>
      <c r="F2785" t="s">
        <v>1587</v>
      </c>
      <c r="G2785" t="s">
        <v>80</v>
      </c>
      <c r="H2785" t="s">
        <v>81</v>
      </c>
      <c r="I2785" s="2">
        <v>0</v>
      </c>
      <c r="J2785" s="2">
        <v>0</v>
      </c>
      <c r="K2785" s="2">
        <v>1</v>
      </c>
      <c r="L2785" t="s">
        <v>995</v>
      </c>
      <c r="M2785" t="s">
        <v>83</v>
      </c>
      <c r="N2785" t="s">
        <v>91</v>
      </c>
      <c r="O2785" t="s">
        <v>85</v>
      </c>
      <c r="P2785" t="s">
        <v>86</v>
      </c>
      <c r="Q2785">
        <v>25</v>
      </c>
      <c r="R2785">
        <v>25</v>
      </c>
      <c r="S2785">
        <v>25</v>
      </c>
      <c r="T2785">
        <v>25</v>
      </c>
      <c r="U2785">
        <v>26</v>
      </c>
      <c r="V2785">
        <v>26</v>
      </c>
      <c r="W2785">
        <v>26</v>
      </c>
      <c r="X2785">
        <v>26</v>
      </c>
      <c r="Y2785">
        <v>26</v>
      </c>
      <c r="Z2785">
        <v>26</v>
      </c>
      <c r="AA2785">
        <v>26</v>
      </c>
      <c r="AB2785">
        <v>26</v>
      </c>
      <c r="AC2785">
        <v>26</v>
      </c>
      <c r="AD2785">
        <v>26</v>
      </c>
      <c r="AE2785">
        <v>26</v>
      </c>
      <c r="AF2785">
        <v>26</v>
      </c>
      <c r="AG2785">
        <v>26</v>
      </c>
      <c r="AH2785">
        <v>26</v>
      </c>
      <c r="AI2785">
        <v>26</v>
      </c>
      <c r="AJ2785">
        <v>26</v>
      </c>
      <c r="AK2785">
        <v>26</v>
      </c>
      <c r="AL2785">
        <v>26</v>
      </c>
      <c r="AM2785">
        <v>26</v>
      </c>
      <c r="AN2785">
        <v>26</v>
      </c>
      <c r="AO2785">
        <v>26</v>
      </c>
      <c r="AP2785">
        <v>26</v>
      </c>
      <c r="AQ2785">
        <v>25</v>
      </c>
    </row>
    <row r="2786" spans="1:43">
      <c r="A2786" t="s">
        <v>1790</v>
      </c>
      <c r="B2786" t="s">
        <v>1791</v>
      </c>
      <c r="C2786" t="s">
        <v>1792</v>
      </c>
      <c r="D2786" t="s">
        <v>1793</v>
      </c>
      <c r="E2786" t="s">
        <v>1586</v>
      </c>
      <c r="F2786" t="s">
        <v>1587</v>
      </c>
      <c r="G2786" t="s">
        <v>80</v>
      </c>
      <c r="H2786" t="s">
        <v>81</v>
      </c>
      <c r="I2786" s="2">
        <v>0</v>
      </c>
      <c r="J2786" s="2">
        <v>0</v>
      </c>
      <c r="K2786" s="2">
        <v>1</v>
      </c>
      <c r="L2786" t="s">
        <v>995</v>
      </c>
      <c r="M2786" t="s">
        <v>83</v>
      </c>
      <c r="N2786" t="s">
        <v>84</v>
      </c>
      <c r="O2786" t="s">
        <v>85</v>
      </c>
      <c r="P2786" t="s">
        <v>86</v>
      </c>
      <c r="Q2786">
        <v>28</v>
      </c>
      <c r="R2786">
        <v>28</v>
      </c>
      <c r="S2786">
        <v>28</v>
      </c>
      <c r="T2786">
        <v>29</v>
      </c>
      <c r="U2786">
        <v>29</v>
      </c>
      <c r="V2786">
        <v>29</v>
      </c>
      <c r="W2786">
        <v>29</v>
      </c>
      <c r="X2786">
        <v>29</v>
      </c>
      <c r="Y2786">
        <v>29</v>
      </c>
      <c r="Z2786">
        <v>29</v>
      </c>
      <c r="AA2786">
        <v>29</v>
      </c>
      <c r="AB2786">
        <v>29</v>
      </c>
      <c r="AC2786">
        <v>30</v>
      </c>
      <c r="AD2786">
        <v>30</v>
      </c>
      <c r="AE2786">
        <v>30</v>
      </c>
      <c r="AF2786">
        <v>30</v>
      </c>
      <c r="AG2786">
        <v>30</v>
      </c>
      <c r="AH2786">
        <v>30</v>
      </c>
      <c r="AI2786">
        <v>30</v>
      </c>
      <c r="AJ2786">
        <v>30</v>
      </c>
      <c r="AK2786">
        <v>30</v>
      </c>
      <c r="AL2786">
        <v>30</v>
      </c>
      <c r="AM2786">
        <v>30</v>
      </c>
      <c r="AN2786">
        <v>29</v>
      </c>
      <c r="AO2786">
        <v>29</v>
      </c>
      <c r="AP2786">
        <v>29</v>
      </c>
      <c r="AQ2786">
        <v>29</v>
      </c>
    </row>
    <row r="2787" spans="1:43">
      <c r="A2787" t="s">
        <v>1790</v>
      </c>
      <c r="B2787" t="s">
        <v>1791</v>
      </c>
      <c r="C2787" t="s">
        <v>1792</v>
      </c>
      <c r="D2787" t="s">
        <v>1793</v>
      </c>
      <c r="E2787" t="s">
        <v>1586</v>
      </c>
      <c r="F2787" t="s">
        <v>1587</v>
      </c>
      <c r="G2787" t="s">
        <v>80</v>
      </c>
      <c r="H2787" t="s">
        <v>81</v>
      </c>
      <c r="I2787" s="2">
        <v>0</v>
      </c>
      <c r="J2787" s="2">
        <v>0</v>
      </c>
      <c r="K2787" s="2">
        <v>1</v>
      </c>
      <c r="L2787" t="s">
        <v>995</v>
      </c>
      <c r="M2787" t="s">
        <v>87</v>
      </c>
      <c r="N2787" t="s">
        <v>88</v>
      </c>
      <c r="O2787" t="s">
        <v>85</v>
      </c>
      <c r="P2787" t="s">
        <v>86</v>
      </c>
      <c r="Q2787">
        <v>28</v>
      </c>
      <c r="R2787">
        <v>28</v>
      </c>
      <c r="S2787">
        <v>28</v>
      </c>
      <c r="T2787">
        <v>28</v>
      </c>
      <c r="U2787">
        <v>27</v>
      </c>
      <c r="V2787">
        <v>27</v>
      </c>
      <c r="W2787">
        <v>27</v>
      </c>
      <c r="X2787">
        <v>27</v>
      </c>
      <c r="Y2787">
        <v>27</v>
      </c>
      <c r="Z2787">
        <v>27</v>
      </c>
      <c r="AA2787">
        <v>27</v>
      </c>
      <c r="AB2787">
        <v>27</v>
      </c>
      <c r="AC2787">
        <v>27</v>
      </c>
      <c r="AD2787">
        <v>26</v>
      </c>
      <c r="AE2787">
        <v>26</v>
      </c>
      <c r="AF2787">
        <v>26</v>
      </c>
      <c r="AG2787">
        <v>26</v>
      </c>
      <c r="AH2787">
        <v>26</v>
      </c>
      <c r="AI2787">
        <v>26</v>
      </c>
      <c r="AJ2787">
        <v>26</v>
      </c>
      <c r="AK2787">
        <v>26</v>
      </c>
      <c r="AL2787">
        <v>26</v>
      </c>
      <c r="AM2787">
        <v>25</v>
      </c>
      <c r="AN2787">
        <v>25</v>
      </c>
      <c r="AO2787">
        <v>25</v>
      </c>
      <c r="AP2787">
        <v>25</v>
      </c>
      <c r="AQ2787">
        <v>25</v>
      </c>
    </row>
    <row r="2788" spans="1:43">
      <c r="A2788" t="s">
        <v>1790</v>
      </c>
      <c r="B2788" t="s">
        <v>1791</v>
      </c>
      <c r="C2788" t="s">
        <v>1792</v>
      </c>
      <c r="D2788" t="s">
        <v>1793</v>
      </c>
      <c r="E2788" t="s">
        <v>1586</v>
      </c>
      <c r="F2788" t="s">
        <v>1587</v>
      </c>
      <c r="G2788" t="s">
        <v>80</v>
      </c>
      <c r="H2788" t="s">
        <v>81</v>
      </c>
      <c r="I2788" s="2">
        <v>0</v>
      </c>
      <c r="J2788" s="2">
        <v>0</v>
      </c>
      <c r="K2788" s="2">
        <v>1</v>
      </c>
      <c r="L2788" t="s">
        <v>995</v>
      </c>
      <c r="M2788" t="s">
        <v>89</v>
      </c>
      <c r="N2788" t="s">
        <v>90</v>
      </c>
      <c r="O2788" t="s">
        <v>85</v>
      </c>
      <c r="P2788" t="s">
        <v>86</v>
      </c>
      <c r="Q2788">
        <v>28</v>
      </c>
      <c r="R2788">
        <v>29</v>
      </c>
      <c r="S2788">
        <v>29</v>
      </c>
      <c r="T2788">
        <v>30</v>
      </c>
      <c r="U2788">
        <v>30</v>
      </c>
      <c r="V2788">
        <v>30</v>
      </c>
      <c r="W2788">
        <v>30</v>
      </c>
      <c r="X2788">
        <v>31</v>
      </c>
      <c r="Y2788">
        <v>31</v>
      </c>
      <c r="Z2788">
        <v>31</v>
      </c>
      <c r="AA2788">
        <v>31</v>
      </c>
      <c r="AB2788">
        <v>31</v>
      </c>
      <c r="AC2788">
        <v>32</v>
      </c>
      <c r="AD2788">
        <v>32</v>
      </c>
      <c r="AE2788">
        <v>32</v>
      </c>
      <c r="AF2788">
        <v>32</v>
      </c>
      <c r="AG2788">
        <v>31</v>
      </c>
      <c r="AH2788">
        <v>31</v>
      </c>
      <c r="AI2788">
        <v>31</v>
      </c>
      <c r="AJ2788">
        <v>31</v>
      </c>
      <c r="AK2788">
        <v>30</v>
      </c>
      <c r="AL2788">
        <v>30</v>
      </c>
      <c r="AM2788">
        <v>30</v>
      </c>
      <c r="AN2788">
        <v>30</v>
      </c>
      <c r="AO2788">
        <v>30</v>
      </c>
      <c r="AP2788">
        <v>29</v>
      </c>
      <c r="AQ2788">
        <v>29</v>
      </c>
    </row>
    <row r="2789" spans="1:43">
      <c r="A2789" t="s">
        <v>1790</v>
      </c>
      <c r="B2789" t="s">
        <v>1791</v>
      </c>
      <c r="C2789" t="s">
        <v>1792</v>
      </c>
      <c r="D2789" t="s">
        <v>1793</v>
      </c>
      <c r="E2789" t="s">
        <v>1586</v>
      </c>
      <c r="F2789" t="s">
        <v>1587</v>
      </c>
      <c r="G2789" t="s">
        <v>80</v>
      </c>
      <c r="H2789" t="s">
        <v>81</v>
      </c>
      <c r="I2789" s="2">
        <v>0</v>
      </c>
      <c r="J2789" s="2">
        <v>0</v>
      </c>
      <c r="K2789" s="2">
        <v>1</v>
      </c>
      <c r="L2789" t="s">
        <v>995</v>
      </c>
      <c r="M2789" t="s">
        <v>83</v>
      </c>
      <c r="N2789" t="s">
        <v>91</v>
      </c>
      <c r="O2789" t="s">
        <v>85</v>
      </c>
      <c r="P2789" t="s">
        <v>86</v>
      </c>
      <c r="Q2789">
        <v>28</v>
      </c>
      <c r="R2789">
        <v>28</v>
      </c>
      <c r="S2789">
        <v>28</v>
      </c>
      <c r="T2789">
        <v>29</v>
      </c>
      <c r="U2789">
        <v>29</v>
      </c>
      <c r="V2789">
        <v>29</v>
      </c>
      <c r="W2789">
        <v>29</v>
      </c>
      <c r="X2789">
        <v>29</v>
      </c>
      <c r="Y2789">
        <v>29</v>
      </c>
      <c r="Z2789">
        <v>29</v>
      </c>
      <c r="AA2789">
        <v>29</v>
      </c>
      <c r="AB2789">
        <v>29</v>
      </c>
      <c r="AC2789">
        <v>30</v>
      </c>
      <c r="AD2789">
        <v>30</v>
      </c>
      <c r="AE2789">
        <v>30</v>
      </c>
      <c r="AF2789">
        <v>30</v>
      </c>
      <c r="AG2789">
        <v>30</v>
      </c>
      <c r="AH2789">
        <v>30</v>
      </c>
      <c r="AI2789">
        <v>30</v>
      </c>
      <c r="AJ2789">
        <v>30</v>
      </c>
      <c r="AK2789">
        <v>30</v>
      </c>
      <c r="AL2789">
        <v>30</v>
      </c>
      <c r="AM2789">
        <v>30</v>
      </c>
      <c r="AN2789">
        <v>29</v>
      </c>
      <c r="AO2789">
        <v>29</v>
      </c>
      <c r="AP2789">
        <v>29</v>
      </c>
      <c r="AQ2789">
        <v>29</v>
      </c>
    </row>
    <row r="2790" spans="1:43">
      <c r="A2790" t="s">
        <v>1794</v>
      </c>
      <c r="B2790" t="s">
        <v>1795</v>
      </c>
      <c r="C2790" t="s">
        <v>1770</v>
      </c>
      <c r="D2790" t="s">
        <v>1771</v>
      </c>
      <c r="E2790" t="s">
        <v>1586</v>
      </c>
      <c r="F2790" t="s">
        <v>1587</v>
      </c>
      <c r="G2790" t="s">
        <v>80</v>
      </c>
      <c r="H2790" t="s">
        <v>81</v>
      </c>
      <c r="I2790" s="2">
        <v>0</v>
      </c>
      <c r="J2790" s="2">
        <v>0</v>
      </c>
      <c r="K2790" s="2">
        <v>1</v>
      </c>
      <c r="L2790" t="s">
        <v>995</v>
      </c>
      <c r="M2790" t="s">
        <v>83</v>
      </c>
      <c r="N2790" t="s">
        <v>84</v>
      </c>
      <c r="O2790" t="s">
        <v>85</v>
      </c>
      <c r="P2790" t="s">
        <v>86</v>
      </c>
      <c r="Q2790">
        <v>33</v>
      </c>
      <c r="R2790">
        <v>33</v>
      </c>
      <c r="S2790">
        <v>34</v>
      </c>
      <c r="T2790">
        <v>34</v>
      </c>
      <c r="U2790">
        <v>34</v>
      </c>
      <c r="V2790">
        <v>34</v>
      </c>
      <c r="W2790">
        <v>34</v>
      </c>
      <c r="X2790">
        <v>34</v>
      </c>
      <c r="Y2790">
        <v>34</v>
      </c>
      <c r="Z2790">
        <v>35</v>
      </c>
      <c r="AA2790">
        <v>35</v>
      </c>
      <c r="AB2790">
        <v>35</v>
      </c>
      <c r="AC2790">
        <v>35</v>
      </c>
      <c r="AD2790">
        <v>35</v>
      </c>
      <c r="AE2790">
        <v>35</v>
      </c>
      <c r="AF2790">
        <v>35</v>
      </c>
      <c r="AG2790">
        <v>35</v>
      </c>
      <c r="AH2790">
        <v>35</v>
      </c>
      <c r="AI2790">
        <v>35</v>
      </c>
      <c r="AJ2790">
        <v>35</v>
      </c>
      <c r="AK2790">
        <v>35</v>
      </c>
      <c r="AL2790">
        <v>35</v>
      </c>
      <c r="AM2790">
        <v>35</v>
      </c>
      <c r="AN2790">
        <v>35</v>
      </c>
      <c r="AO2790">
        <v>34</v>
      </c>
      <c r="AP2790">
        <v>34</v>
      </c>
      <c r="AQ2790">
        <v>34</v>
      </c>
    </row>
    <row r="2791" spans="1:43">
      <c r="A2791" t="s">
        <v>1794</v>
      </c>
      <c r="B2791" t="s">
        <v>1795</v>
      </c>
      <c r="C2791" t="s">
        <v>1770</v>
      </c>
      <c r="D2791" t="s">
        <v>1771</v>
      </c>
      <c r="E2791" t="s">
        <v>1586</v>
      </c>
      <c r="F2791" t="s">
        <v>1587</v>
      </c>
      <c r="G2791" t="s">
        <v>80</v>
      </c>
      <c r="H2791" t="s">
        <v>81</v>
      </c>
      <c r="I2791" s="2">
        <v>0</v>
      </c>
      <c r="J2791" s="2">
        <v>0</v>
      </c>
      <c r="K2791" s="2">
        <v>1</v>
      </c>
      <c r="L2791" t="s">
        <v>995</v>
      </c>
      <c r="M2791" t="s">
        <v>87</v>
      </c>
      <c r="N2791" t="s">
        <v>88</v>
      </c>
      <c r="O2791" t="s">
        <v>85</v>
      </c>
      <c r="P2791" t="s">
        <v>86</v>
      </c>
      <c r="Q2791">
        <v>33</v>
      </c>
      <c r="R2791">
        <v>33</v>
      </c>
      <c r="S2791">
        <v>33</v>
      </c>
      <c r="T2791">
        <v>33</v>
      </c>
      <c r="U2791">
        <v>32</v>
      </c>
      <c r="V2791">
        <v>32</v>
      </c>
      <c r="W2791">
        <v>32</v>
      </c>
      <c r="X2791">
        <v>32</v>
      </c>
      <c r="Y2791">
        <v>32</v>
      </c>
      <c r="Z2791">
        <v>32</v>
      </c>
      <c r="AA2791">
        <v>32</v>
      </c>
      <c r="AB2791">
        <v>31</v>
      </c>
      <c r="AC2791">
        <v>31</v>
      </c>
      <c r="AD2791">
        <v>31</v>
      </c>
      <c r="AE2791">
        <v>31</v>
      </c>
      <c r="AF2791">
        <v>31</v>
      </c>
      <c r="AG2791">
        <v>31</v>
      </c>
      <c r="AH2791">
        <v>31</v>
      </c>
      <c r="AI2791">
        <v>31</v>
      </c>
      <c r="AJ2791">
        <v>30</v>
      </c>
      <c r="AK2791">
        <v>30</v>
      </c>
      <c r="AL2791">
        <v>30</v>
      </c>
      <c r="AM2791">
        <v>30</v>
      </c>
      <c r="AN2791">
        <v>30</v>
      </c>
      <c r="AO2791">
        <v>30</v>
      </c>
      <c r="AP2791">
        <v>30</v>
      </c>
      <c r="AQ2791">
        <v>30</v>
      </c>
    </row>
    <row r="2792" spans="1:43">
      <c r="A2792" t="s">
        <v>1794</v>
      </c>
      <c r="B2792" t="s">
        <v>1795</v>
      </c>
      <c r="C2792" t="s">
        <v>1770</v>
      </c>
      <c r="D2792" t="s">
        <v>1771</v>
      </c>
      <c r="E2792" t="s">
        <v>1586</v>
      </c>
      <c r="F2792" t="s">
        <v>1587</v>
      </c>
      <c r="G2792" t="s">
        <v>80</v>
      </c>
      <c r="H2792" t="s">
        <v>81</v>
      </c>
      <c r="I2792" s="2">
        <v>0</v>
      </c>
      <c r="J2792" s="2">
        <v>0</v>
      </c>
      <c r="K2792" s="2">
        <v>1</v>
      </c>
      <c r="L2792" t="s">
        <v>995</v>
      </c>
      <c r="M2792" t="s">
        <v>89</v>
      </c>
      <c r="N2792" t="s">
        <v>90</v>
      </c>
      <c r="O2792" t="s">
        <v>85</v>
      </c>
      <c r="P2792" t="s">
        <v>86</v>
      </c>
      <c r="Q2792">
        <v>33</v>
      </c>
      <c r="R2792">
        <v>33</v>
      </c>
      <c r="S2792">
        <v>33</v>
      </c>
      <c r="T2792">
        <v>34</v>
      </c>
      <c r="U2792">
        <v>34</v>
      </c>
      <c r="V2792">
        <v>35</v>
      </c>
      <c r="W2792">
        <v>35</v>
      </c>
      <c r="X2792">
        <v>35</v>
      </c>
      <c r="Y2792">
        <v>35</v>
      </c>
      <c r="Z2792">
        <v>36</v>
      </c>
      <c r="AA2792">
        <v>36</v>
      </c>
      <c r="AB2792">
        <v>36</v>
      </c>
      <c r="AC2792">
        <v>36</v>
      </c>
      <c r="AD2792">
        <v>36</v>
      </c>
      <c r="AE2792">
        <v>36</v>
      </c>
      <c r="AF2792">
        <v>36</v>
      </c>
      <c r="AG2792">
        <v>36</v>
      </c>
      <c r="AH2792">
        <v>36</v>
      </c>
      <c r="AI2792">
        <v>35</v>
      </c>
      <c r="AJ2792">
        <v>35</v>
      </c>
      <c r="AK2792">
        <v>35</v>
      </c>
      <c r="AL2792">
        <v>35</v>
      </c>
      <c r="AM2792">
        <v>34</v>
      </c>
      <c r="AN2792">
        <v>34</v>
      </c>
      <c r="AO2792">
        <v>34</v>
      </c>
      <c r="AP2792">
        <v>34</v>
      </c>
      <c r="AQ2792">
        <v>33</v>
      </c>
    </row>
    <row r="2793" spans="1:43">
      <c r="A2793" t="s">
        <v>1794</v>
      </c>
      <c r="B2793" t="s">
        <v>1795</v>
      </c>
      <c r="C2793" t="s">
        <v>1770</v>
      </c>
      <c r="D2793" t="s">
        <v>1771</v>
      </c>
      <c r="E2793" t="s">
        <v>1586</v>
      </c>
      <c r="F2793" t="s">
        <v>1587</v>
      </c>
      <c r="G2793" t="s">
        <v>80</v>
      </c>
      <c r="H2793" t="s">
        <v>81</v>
      </c>
      <c r="I2793" s="2">
        <v>0</v>
      </c>
      <c r="J2793" s="2">
        <v>0</v>
      </c>
      <c r="K2793" s="2">
        <v>1</v>
      </c>
      <c r="L2793" t="s">
        <v>995</v>
      </c>
      <c r="M2793" t="s">
        <v>83</v>
      </c>
      <c r="N2793" t="s">
        <v>91</v>
      </c>
      <c r="O2793" t="s">
        <v>85</v>
      </c>
      <c r="P2793" t="s">
        <v>86</v>
      </c>
      <c r="Q2793">
        <v>33</v>
      </c>
      <c r="R2793">
        <v>33</v>
      </c>
      <c r="S2793">
        <v>34</v>
      </c>
      <c r="T2793">
        <v>34</v>
      </c>
      <c r="U2793">
        <v>34</v>
      </c>
      <c r="V2793">
        <v>34</v>
      </c>
      <c r="W2793">
        <v>34</v>
      </c>
      <c r="X2793">
        <v>34</v>
      </c>
      <c r="Y2793">
        <v>34</v>
      </c>
      <c r="Z2793">
        <v>35</v>
      </c>
      <c r="AA2793">
        <v>35</v>
      </c>
      <c r="AB2793">
        <v>35</v>
      </c>
      <c r="AC2793">
        <v>35</v>
      </c>
      <c r="AD2793">
        <v>35</v>
      </c>
      <c r="AE2793">
        <v>35</v>
      </c>
      <c r="AF2793">
        <v>35</v>
      </c>
      <c r="AG2793">
        <v>35</v>
      </c>
      <c r="AH2793">
        <v>35</v>
      </c>
      <c r="AI2793">
        <v>35</v>
      </c>
      <c r="AJ2793">
        <v>35</v>
      </c>
      <c r="AK2793">
        <v>35</v>
      </c>
      <c r="AL2793">
        <v>35</v>
      </c>
      <c r="AM2793">
        <v>35</v>
      </c>
      <c r="AN2793">
        <v>35</v>
      </c>
      <c r="AO2793">
        <v>34</v>
      </c>
      <c r="AP2793">
        <v>34</v>
      </c>
      <c r="AQ2793">
        <v>34</v>
      </c>
    </row>
    <row r="2794" spans="1:43">
      <c r="A2794" t="s">
        <v>1796</v>
      </c>
      <c r="B2794" t="s">
        <v>1797</v>
      </c>
      <c r="C2794" t="s">
        <v>1798</v>
      </c>
      <c r="D2794" t="s">
        <v>1799</v>
      </c>
      <c r="E2794" t="s">
        <v>1586</v>
      </c>
      <c r="F2794" t="s">
        <v>1587</v>
      </c>
      <c r="G2794" t="s">
        <v>80</v>
      </c>
      <c r="H2794" t="s">
        <v>81</v>
      </c>
      <c r="I2794" s="2">
        <v>0</v>
      </c>
      <c r="J2794" s="2">
        <v>0</v>
      </c>
      <c r="K2794" s="2">
        <v>1</v>
      </c>
      <c r="L2794" t="s">
        <v>995</v>
      </c>
      <c r="M2794" t="s">
        <v>83</v>
      </c>
      <c r="N2794" t="s">
        <v>84</v>
      </c>
      <c r="O2794" t="s">
        <v>85</v>
      </c>
      <c r="P2794" t="s">
        <v>86</v>
      </c>
      <c r="Q2794">
        <v>45</v>
      </c>
      <c r="R2794">
        <v>45</v>
      </c>
      <c r="S2794">
        <v>46</v>
      </c>
      <c r="T2794">
        <v>46</v>
      </c>
      <c r="U2794">
        <v>46</v>
      </c>
      <c r="V2794">
        <v>46</v>
      </c>
      <c r="W2794">
        <v>46</v>
      </c>
      <c r="X2794">
        <v>47</v>
      </c>
      <c r="Y2794">
        <v>47</v>
      </c>
      <c r="Z2794">
        <v>47</v>
      </c>
      <c r="AA2794">
        <v>47</v>
      </c>
      <c r="AB2794">
        <v>47</v>
      </c>
      <c r="AC2794">
        <v>47</v>
      </c>
      <c r="AD2794">
        <v>47</v>
      </c>
      <c r="AE2794">
        <v>47</v>
      </c>
      <c r="AF2794">
        <v>47</v>
      </c>
      <c r="AG2794">
        <v>47</v>
      </c>
      <c r="AH2794">
        <v>48</v>
      </c>
      <c r="AI2794">
        <v>48</v>
      </c>
      <c r="AJ2794">
        <v>48</v>
      </c>
      <c r="AK2794">
        <v>48</v>
      </c>
      <c r="AL2794">
        <v>47</v>
      </c>
      <c r="AM2794">
        <v>47</v>
      </c>
      <c r="AN2794">
        <v>47</v>
      </c>
      <c r="AO2794">
        <v>46</v>
      </c>
      <c r="AP2794">
        <v>46</v>
      </c>
      <c r="AQ2794">
        <v>46</v>
      </c>
    </row>
    <row r="2795" spans="1:43">
      <c r="A2795" t="s">
        <v>1796</v>
      </c>
      <c r="B2795" t="s">
        <v>1797</v>
      </c>
      <c r="C2795" t="s">
        <v>1798</v>
      </c>
      <c r="D2795" t="s">
        <v>1799</v>
      </c>
      <c r="E2795" t="s">
        <v>1586</v>
      </c>
      <c r="F2795" t="s">
        <v>1587</v>
      </c>
      <c r="G2795" t="s">
        <v>80</v>
      </c>
      <c r="H2795" t="s">
        <v>81</v>
      </c>
      <c r="I2795" s="2">
        <v>0</v>
      </c>
      <c r="J2795" s="2">
        <v>0</v>
      </c>
      <c r="K2795" s="2">
        <v>1</v>
      </c>
      <c r="L2795" t="s">
        <v>995</v>
      </c>
      <c r="M2795" t="s">
        <v>87</v>
      </c>
      <c r="N2795" t="s">
        <v>88</v>
      </c>
      <c r="O2795" t="s">
        <v>85</v>
      </c>
      <c r="P2795" t="s">
        <v>86</v>
      </c>
      <c r="Q2795">
        <v>45</v>
      </c>
      <c r="R2795">
        <v>45</v>
      </c>
      <c r="S2795">
        <v>44</v>
      </c>
      <c r="T2795">
        <v>44</v>
      </c>
      <c r="U2795">
        <v>44</v>
      </c>
      <c r="V2795">
        <v>44</v>
      </c>
      <c r="W2795">
        <v>44</v>
      </c>
      <c r="X2795">
        <v>43</v>
      </c>
      <c r="Y2795">
        <v>43</v>
      </c>
      <c r="Z2795">
        <v>43</v>
      </c>
      <c r="AA2795">
        <v>43</v>
      </c>
      <c r="AB2795">
        <v>43</v>
      </c>
      <c r="AC2795">
        <v>42</v>
      </c>
      <c r="AD2795">
        <v>42</v>
      </c>
      <c r="AE2795">
        <v>42</v>
      </c>
      <c r="AF2795">
        <v>42</v>
      </c>
      <c r="AG2795">
        <v>42</v>
      </c>
      <c r="AH2795">
        <v>41</v>
      </c>
      <c r="AI2795">
        <v>41</v>
      </c>
      <c r="AJ2795">
        <v>41</v>
      </c>
      <c r="AK2795">
        <v>41</v>
      </c>
      <c r="AL2795">
        <v>41</v>
      </c>
      <c r="AM2795">
        <v>40</v>
      </c>
      <c r="AN2795">
        <v>40</v>
      </c>
      <c r="AO2795">
        <v>40</v>
      </c>
      <c r="AP2795">
        <v>40</v>
      </c>
      <c r="AQ2795">
        <v>40</v>
      </c>
    </row>
    <row r="2796" spans="1:43">
      <c r="A2796" t="s">
        <v>1796</v>
      </c>
      <c r="B2796" t="s">
        <v>1797</v>
      </c>
      <c r="C2796" t="s">
        <v>1798</v>
      </c>
      <c r="D2796" t="s">
        <v>1799</v>
      </c>
      <c r="E2796" t="s">
        <v>1586</v>
      </c>
      <c r="F2796" t="s">
        <v>1587</v>
      </c>
      <c r="G2796" t="s">
        <v>80</v>
      </c>
      <c r="H2796" t="s">
        <v>81</v>
      </c>
      <c r="I2796" s="2">
        <v>0</v>
      </c>
      <c r="J2796" s="2">
        <v>0</v>
      </c>
      <c r="K2796" s="2">
        <v>1</v>
      </c>
      <c r="L2796" t="s">
        <v>995</v>
      </c>
      <c r="M2796" t="s">
        <v>89</v>
      </c>
      <c r="N2796" t="s">
        <v>90</v>
      </c>
      <c r="O2796" t="s">
        <v>85</v>
      </c>
      <c r="P2796" t="s">
        <v>86</v>
      </c>
      <c r="Q2796">
        <v>45</v>
      </c>
      <c r="R2796">
        <v>45</v>
      </c>
      <c r="S2796">
        <v>46</v>
      </c>
      <c r="T2796">
        <v>46</v>
      </c>
      <c r="U2796">
        <v>47</v>
      </c>
      <c r="V2796">
        <v>47</v>
      </c>
      <c r="W2796">
        <v>48</v>
      </c>
      <c r="X2796">
        <v>48</v>
      </c>
      <c r="Y2796">
        <v>48</v>
      </c>
      <c r="Z2796">
        <v>49</v>
      </c>
      <c r="AA2796">
        <v>49</v>
      </c>
      <c r="AB2796">
        <v>49</v>
      </c>
      <c r="AC2796">
        <v>49</v>
      </c>
      <c r="AD2796">
        <v>50</v>
      </c>
      <c r="AE2796">
        <v>50</v>
      </c>
      <c r="AF2796">
        <v>49</v>
      </c>
      <c r="AG2796">
        <v>49</v>
      </c>
      <c r="AH2796">
        <v>48</v>
      </c>
      <c r="AI2796">
        <v>48</v>
      </c>
      <c r="AJ2796">
        <v>48</v>
      </c>
      <c r="AK2796">
        <v>47</v>
      </c>
      <c r="AL2796">
        <v>47</v>
      </c>
      <c r="AM2796">
        <v>47</v>
      </c>
      <c r="AN2796">
        <v>46</v>
      </c>
      <c r="AO2796">
        <v>46</v>
      </c>
      <c r="AP2796">
        <v>45</v>
      </c>
      <c r="AQ2796">
        <v>45</v>
      </c>
    </row>
    <row r="2797" spans="1:43">
      <c r="A2797" t="s">
        <v>1796</v>
      </c>
      <c r="B2797" t="s">
        <v>1797</v>
      </c>
      <c r="C2797" t="s">
        <v>1798</v>
      </c>
      <c r="D2797" t="s">
        <v>1799</v>
      </c>
      <c r="E2797" t="s">
        <v>1586</v>
      </c>
      <c r="F2797" t="s">
        <v>1587</v>
      </c>
      <c r="G2797" t="s">
        <v>80</v>
      </c>
      <c r="H2797" t="s">
        <v>81</v>
      </c>
      <c r="I2797" s="2">
        <v>0</v>
      </c>
      <c r="J2797" s="2">
        <v>0</v>
      </c>
      <c r="K2797" s="2">
        <v>1</v>
      </c>
      <c r="L2797" t="s">
        <v>995</v>
      </c>
      <c r="M2797" t="s">
        <v>83</v>
      </c>
      <c r="N2797" t="s">
        <v>91</v>
      </c>
      <c r="O2797" t="s">
        <v>85</v>
      </c>
      <c r="P2797" t="s">
        <v>86</v>
      </c>
      <c r="Q2797">
        <v>45</v>
      </c>
      <c r="R2797">
        <v>45</v>
      </c>
      <c r="S2797">
        <v>46</v>
      </c>
      <c r="T2797">
        <v>46</v>
      </c>
      <c r="U2797">
        <v>46</v>
      </c>
      <c r="V2797">
        <v>46</v>
      </c>
      <c r="W2797">
        <v>46</v>
      </c>
      <c r="X2797">
        <v>47</v>
      </c>
      <c r="Y2797">
        <v>47</v>
      </c>
      <c r="Z2797">
        <v>47</v>
      </c>
      <c r="AA2797">
        <v>47</v>
      </c>
      <c r="AB2797">
        <v>47</v>
      </c>
      <c r="AC2797">
        <v>47</v>
      </c>
      <c r="AD2797">
        <v>47</v>
      </c>
      <c r="AE2797">
        <v>47</v>
      </c>
      <c r="AF2797">
        <v>47</v>
      </c>
      <c r="AG2797">
        <v>47</v>
      </c>
      <c r="AH2797">
        <v>48</v>
      </c>
      <c r="AI2797">
        <v>48</v>
      </c>
      <c r="AJ2797">
        <v>48</v>
      </c>
      <c r="AK2797">
        <v>48</v>
      </c>
      <c r="AL2797">
        <v>47</v>
      </c>
      <c r="AM2797">
        <v>47</v>
      </c>
      <c r="AN2797">
        <v>47</v>
      </c>
      <c r="AO2797">
        <v>46</v>
      </c>
      <c r="AP2797">
        <v>46</v>
      </c>
      <c r="AQ2797">
        <v>46</v>
      </c>
    </row>
    <row r="2798" spans="1:43">
      <c r="A2798" t="s">
        <v>1800</v>
      </c>
      <c r="B2798" t="s">
        <v>1801</v>
      </c>
      <c r="C2798" t="s">
        <v>1798</v>
      </c>
      <c r="D2798" t="s">
        <v>1799</v>
      </c>
      <c r="E2798" t="s">
        <v>1586</v>
      </c>
      <c r="F2798" t="s">
        <v>1587</v>
      </c>
      <c r="G2798" t="s">
        <v>80</v>
      </c>
      <c r="H2798" t="s">
        <v>81</v>
      </c>
      <c r="I2798" s="2">
        <v>0</v>
      </c>
      <c r="J2798" s="2">
        <v>0</v>
      </c>
      <c r="K2798" s="2">
        <v>1</v>
      </c>
      <c r="L2798" t="s">
        <v>995</v>
      </c>
      <c r="M2798" t="s">
        <v>83</v>
      </c>
      <c r="N2798" t="s">
        <v>84</v>
      </c>
      <c r="O2798" t="s">
        <v>85</v>
      </c>
      <c r="P2798" t="s">
        <v>86</v>
      </c>
      <c r="Q2798">
        <v>27</v>
      </c>
      <c r="R2798">
        <v>27</v>
      </c>
      <c r="S2798">
        <v>27</v>
      </c>
      <c r="T2798">
        <v>27</v>
      </c>
      <c r="U2798">
        <v>27</v>
      </c>
      <c r="V2798">
        <v>28</v>
      </c>
      <c r="W2798">
        <v>28</v>
      </c>
      <c r="X2798">
        <v>28</v>
      </c>
      <c r="Y2798">
        <v>28</v>
      </c>
      <c r="Z2798">
        <v>28</v>
      </c>
      <c r="AA2798">
        <v>28</v>
      </c>
      <c r="AB2798">
        <v>28</v>
      </c>
      <c r="AC2798">
        <v>28</v>
      </c>
      <c r="AD2798">
        <v>28</v>
      </c>
      <c r="AE2798">
        <v>28</v>
      </c>
      <c r="AF2798">
        <v>28</v>
      </c>
      <c r="AG2798">
        <v>28</v>
      </c>
      <c r="AH2798">
        <v>28</v>
      </c>
      <c r="AI2798">
        <v>28</v>
      </c>
      <c r="AJ2798">
        <v>28</v>
      </c>
      <c r="AK2798">
        <v>28</v>
      </c>
      <c r="AL2798">
        <v>28</v>
      </c>
      <c r="AM2798">
        <v>28</v>
      </c>
      <c r="AN2798">
        <v>28</v>
      </c>
      <c r="AO2798">
        <v>28</v>
      </c>
      <c r="AP2798">
        <v>27</v>
      </c>
      <c r="AQ2798">
        <v>27</v>
      </c>
    </row>
    <row r="2799" spans="1:43">
      <c r="A2799" t="s">
        <v>1800</v>
      </c>
      <c r="B2799" t="s">
        <v>1801</v>
      </c>
      <c r="C2799" t="s">
        <v>1798</v>
      </c>
      <c r="D2799" t="s">
        <v>1799</v>
      </c>
      <c r="E2799" t="s">
        <v>1586</v>
      </c>
      <c r="F2799" t="s">
        <v>1587</v>
      </c>
      <c r="G2799" t="s">
        <v>80</v>
      </c>
      <c r="H2799" t="s">
        <v>81</v>
      </c>
      <c r="I2799" s="2">
        <v>0</v>
      </c>
      <c r="J2799" s="2">
        <v>0</v>
      </c>
      <c r="K2799" s="2">
        <v>1</v>
      </c>
      <c r="L2799" t="s">
        <v>995</v>
      </c>
      <c r="M2799" t="s">
        <v>87</v>
      </c>
      <c r="N2799" t="s">
        <v>88</v>
      </c>
      <c r="O2799" t="s">
        <v>85</v>
      </c>
      <c r="P2799" t="s">
        <v>86</v>
      </c>
      <c r="Q2799">
        <v>27</v>
      </c>
      <c r="R2799">
        <v>27</v>
      </c>
      <c r="S2799">
        <v>27</v>
      </c>
      <c r="T2799">
        <v>26</v>
      </c>
      <c r="U2799">
        <v>26</v>
      </c>
      <c r="V2799">
        <v>26</v>
      </c>
      <c r="W2799">
        <v>26</v>
      </c>
      <c r="X2799">
        <v>26</v>
      </c>
      <c r="Y2799">
        <v>26</v>
      </c>
      <c r="Z2799">
        <v>26</v>
      </c>
      <c r="AA2799">
        <v>26</v>
      </c>
      <c r="AB2799">
        <v>25</v>
      </c>
      <c r="AC2799">
        <v>25</v>
      </c>
      <c r="AD2799">
        <v>25</v>
      </c>
      <c r="AE2799">
        <v>25</v>
      </c>
      <c r="AF2799">
        <v>25</v>
      </c>
      <c r="AG2799">
        <v>25</v>
      </c>
      <c r="AH2799">
        <v>25</v>
      </c>
      <c r="AI2799">
        <v>25</v>
      </c>
      <c r="AJ2799">
        <v>24</v>
      </c>
      <c r="AK2799">
        <v>24</v>
      </c>
      <c r="AL2799">
        <v>24</v>
      </c>
      <c r="AM2799">
        <v>24</v>
      </c>
      <c r="AN2799">
        <v>24</v>
      </c>
      <c r="AO2799">
        <v>24</v>
      </c>
      <c r="AP2799">
        <v>24</v>
      </c>
      <c r="AQ2799">
        <v>24</v>
      </c>
    </row>
    <row r="2800" spans="1:43">
      <c r="A2800" t="s">
        <v>1800</v>
      </c>
      <c r="B2800" t="s">
        <v>1801</v>
      </c>
      <c r="C2800" t="s">
        <v>1798</v>
      </c>
      <c r="D2800" t="s">
        <v>1799</v>
      </c>
      <c r="E2800" t="s">
        <v>1586</v>
      </c>
      <c r="F2800" t="s">
        <v>1587</v>
      </c>
      <c r="G2800" t="s">
        <v>80</v>
      </c>
      <c r="H2800" t="s">
        <v>81</v>
      </c>
      <c r="I2800" s="2">
        <v>0</v>
      </c>
      <c r="J2800" s="2">
        <v>0</v>
      </c>
      <c r="K2800" s="2">
        <v>1</v>
      </c>
      <c r="L2800" t="s">
        <v>995</v>
      </c>
      <c r="M2800" t="s">
        <v>89</v>
      </c>
      <c r="N2800" t="s">
        <v>90</v>
      </c>
      <c r="O2800" t="s">
        <v>85</v>
      </c>
      <c r="P2800" t="s">
        <v>86</v>
      </c>
      <c r="Q2800">
        <v>27</v>
      </c>
      <c r="R2800">
        <v>28</v>
      </c>
      <c r="S2800">
        <v>28</v>
      </c>
      <c r="T2800">
        <v>28</v>
      </c>
      <c r="U2800">
        <v>29</v>
      </c>
      <c r="V2800">
        <v>29</v>
      </c>
      <c r="W2800">
        <v>29</v>
      </c>
      <c r="X2800">
        <v>29</v>
      </c>
      <c r="Y2800">
        <v>29</v>
      </c>
      <c r="Z2800">
        <v>30</v>
      </c>
      <c r="AA2800">
        <v>30</v>
      </c>
      <c r="AB2800">
        <v>30</v>
      </c>
      <c r="AC2800">
        <v>30</v>
      </c>
      <c r="AD2800">
        <v>30</v>
      </c>
      <c r="AE2800">
        <v>30</v>
      </c>
      <c r="AF2800">
        <v>30</v>
      </c>
      <c r="AG2800">
        <v>30</v>
      </c>
      <c r="AH2800">
        <v>30</v>
      </c>
      <c r="AI2800">
        <v>29</v>
      </c>
      <c r="AJ2800">
        <v>29</v>
      </c>
      <c r="AK2800">
        <v>29</v>
      </c>
      <c r="AL2800">
        <v>29</v>
      </c>
      <c r="AM2800">
        <v>28</v>
      </c>
      <c r="AN2800">
        <v>28</v>
      </c>
      <c r="AO2800">
        <v>28</v>
      </c>
      <c r="AP2800">
        <v>28</v>
      </c>
      <c r="AQ2800">
        <v>27</v>
      </c>
    </row>
    <row r="2801" spans="1:43">
      <c r="A2801" t="s">
        <v>1800</v>
      </c>
      <c r="B2801" t="s">
        <v>1801</v>
      </c>
      <c r="C2801" t="s">
        <v>1798</v>
      </c>
      <c r="D2801" t="s">
        <v>1799</v>
      </c>
      <c r="E2801" t="s">
        <v>1586</v>
      </c>
      <c r="F2801" t="s">
        <v>1587</v>
      </c>
      <c r="G2801" t="s">
        <v>80</v>
      </c>
      <c r="H2801" t="s">
        <v>81</v>
      </c>
      <c r="I2801" s="2">
        <v>0</v>
      </c>
      <c r="J2801" s="2">
        <v>0</v>
      </c>
      <c r="K2801" s="2">
        <v>1</v>
      </c>
      <c r="L2801" t="s">
        <v>995</v>
      </c>
      <c r="M2801" t="s">
        <v>83</v>
      </c>
      <c r="N2801" t="s">
        <v>91</v>
      </c>
      <c r="O2801" t="s">
        <v>85</v>
      </c>
      <c r="P2801" t="s">
        <v>86</v>
      </c>
      <c r="Q2801">
        <v>27</v>
      </c>
      <c r="R2801">
        <v>27</v>
      </c>
      <c r="S2801">
        <v>27</v>
      </c>
      <c r="T2801">
        <v>27</v>
      </c>
      <c r="U2801">
        <v>27</v>
      </c>
      <c r="V2801">
        <v>28</v>
      </c>
      <c r="W2801">
        <v>28</v>
      </c>
      <c r="X2801">
        <v>28</v>
      </c>
      <c r="Y2801">
        <v>28</v>
      </c>
      <c r="Z2801">
        <v>28</v>
      </c>
      <c r="AA2801">
        <v>28</v>
      </c>
      <c r="AB2801">
        <v>28</v>
      </c>
      <c r="AC2801">
        <v>28</v>
      </c>
      <c r="AD2801">
        <v>28</v>
      </c>
      <c r="AE2801">
        <v>28</v>
      </c>
      <c r="AF2801">
        <v>28</v>
      </c>
      <c r="AG2801">
        <v>28</v>
      </c>
      <c r="AH2801">
        <v>28</v>
      </c>
      <c r="AI2801">
        <v>28</v>
      </c>
      <c r="AJ2801">
        <v>28</v>
      </c>
      <c r="AK2801">
        <v>28</v>
      </c>
      <c r="AL2801">
        <v>28</v>
      </c>
      <c r="AM2801">
        <v>28</v>
      </c>
      <c r="AN2801">
        <v>28</v>
      </c>
      <c r="AO2801">
        <v>28</v>
      </c>
      <c r="AP2801">
        <v>27</v>
      </c>
      <c r="AQ2801">
        <v>27</v>
      </c>
    </row>
    <row r="2802" spans="1:43">
      <c r="A2802" t="s">
        <v>1802</v>
      </c>
      <c r="B2802" t="s">
        <v>1803</v>
      </c>
      <c r="C2802" t="s">
        <v>1778</v>
      </c>
      <c r="D2802" t="s">
        <v>1779</v>
      </c>
      <c r="E2802" t="s">
        <v>1586</v>
      </c>
      <c r="F2802" t="s">
        <v>1587</v>
      </c>
      <c r="G2802" t="s">
        <v>80</v>
      </c>
      <c r="H2802" t="s">
        <v>81</v>
      </c>
      <c r="I2802" s="2">
        <v>0</v>
      </c>
      <c r="J2802" s="2">
        <v>0</v>
      </c>
      <c r="K2802" s="2">
        <v>1</v>
      </c>
      <c r="L2802" t="s">
        <v>995</v>
      </c>
      <c r="M2802" t="s">
        <v>83</v>
      </c>
      <c r="N2802" t="s">
        <v>84</v>
      </c>
      <c r="O2802" t="s">
        <v>85</v>
      </c>
      <c r="P2802" t="s">
        <v>86</v>
      </c>
      <c r="Q2802">
        <v>5</v>
      </c>
      <c r="R2802">
        <v>5</v>
      </c>
      <c r="S2802">
        <v>5</v>
      </c>
      <c r="T2802">
        <v>5</v>
      </c>
      <c r="U2802">
        <v>5</v>
      </c>
      <c r="V2802">
        <v>5</v>
      </c>
      <c r="W2802">
        <v>5</v>
      </c>
      <c r="X2802">
        <v>5</v>
      </c>
      <c r="Y2802">
        <v>5</v>
      </c>
      <c r="Z2802">
        <v>5</v>
      </c>
      <c r="AA2802">
        <v>5</v>
      </c>
      <c r="AB2802">
        <v>5</v>
      </c>
      <c r="AC2802">
        <v>5</v>
      </c>
      <c r="AD2802">
        <v>5</v>
      </c>
      <c r="AE2802">
        <v>5</v>
      </c>
      <c r="AF2802">
        <v>5</v>
      </c>
      <c r="AG2802">
        <v>5</v>
      </c>
      <c r="AH2802">
        <v>5</v>
      </c>
      <c r="AI2802">
        <v>5</v>
      </c>
      <c r="AJ2802">
        <v>5</v>
      </c>
      <c r="AK2802">
        <v>5</v>
      </c>
      <c r="AL2802">
        <v>5</v>
      </c>
      <c r="AM2802">
        <v>5</v>
      </c>
      <c r="AN2802">
        <v>5</v>
      </c>
      <c r="AO2802">
        <v>5</v>
      </c>
      <c r="AP2802">
        <v>5</v>
      </c>
      <c r="AQ2802">
        <v>5</v>
      </c>
    </row>
    <row r="2803" spans="1:43">
      <c r="A2803" t="s">
        <v>1802</v>
      </c>
      <c r="B2803" t="s">
        <v>1803</v>
      </c>
      <c r="C2803" t="s">
        <v>1778</v>
      </c>
      <c r="D2803" t="s">
        <v>1779</v>
      </c>
      <c r="E2803" t="s">
        <v>1586</v>
      </c>
      <c r="F2803" t="s">
        <v>1587</v>
      </c>
      <c r="G2803" t="s">
        <v>80</v>
      </c>
      <c r="H2803" t="s">
        <v>81</v>
      </c>
      <c r="I2803" s="2">
        <v>0</v>
      </c>
      <c r="J2803" s="2">
        <v>0</v>
      </c>
      <c r="K2803" s="2">
        <v>1</v>
      </c>
      <c r="L2803" t="s">
        <v>995</v>
      </c>
      <c r="M2803" t="s">
        <v>87</v>
      </c>
      <c r="N2803" t="s">
        <v>88</v>
      </c>
      <c r="O2803" t="s">
        <v>85</v>
      </c>
      <c r="P2803" t="s">
        <v>86</v>
      </c>
      <c r="Q2803">
        <v>5</v>
      </c>
      <c r="R2803">
        <v>5</v>
      </c>
      <c r="S2803">
        <v>5</v>
      </c>
      <c r="T2803">
        <v>5</v>
      </c>
      <c r="U2803">
        <v>5</v>
      </c>
      <c r="V2803">
        <v>5</v>
      </c>
      <c r="W2803">
        <v>5</v>
      </c>
      <c r="X2803">
        <v>5</v>
      </c>
      <c r="Y2803">
        <v>5</v>
      </c>
      <c r="Z2803">
        <v>5</v>
      </c>
      <c r="AA2803">
        <v>5</v>
      </c>
      <c r="AB2803">
        <v>5</v>
      </c>
      <c r="AC2803">
        <v>5</v>
      </c>
      <c r="AD2803">
        <v>5</v>
      </c>
      <c r="AE2803">
        <v>5</v>
      </c>
      <c r="AF2803">
        <v>5</v>
      </c>
      <c r="AG2803">
        <v>5</v>
      </c>
      <c r="AH2803">
        <v>5</v>
      </c>
      <c r="AI2803">
        <v>5</v>
      </c>
      <c r="AJ2803">
        <v>5</v>
      </c>
      <c r="AK2803">
        <v>5</v>
      </c>
      <c r="AL2803">
        <v>5</v>
      </c>
      <c r="AM2803">
        <v>4</v>
      </c>
      <c r="AN2803">
        <v>4</v>
      </c>
      <c r="AO2803">
        <v>4</v>
      </c>
      <c r="AP2803">
        <v>4</v>
      </c>
      <c r="AQ2803">
        <v>4</v>
      </c>
    </row>
    <row r="2804" spans="1:43">
      <c r="A2804" t="s">
        <v>1802</v>
      </c>
      <c r="B2804" t="s">
        <v>1803</v>
      </c>
      <c r="C2804" t="s">
        <v>1778</v>
      </c>
      <c r="D2804" t="s">
        <v>1779</v>
      </c>
      <c r="E2804" t="s">
        <v>1586</v>
      </c>
      <c r="F2804" t="s">
        <v>1587</v>
      </c>
      <c r="G2804" t="s">
        <v>80</v>
      </c>
      <c r="H2804" t="s">
        <v>81</v>
      </c>
      <c r="I2804" s="2">
        <v>0</v>
      </c>
      <c r="J2804" s="2">
        <v>0</v>
      </c>
      <c r="K2804" s="2">
        <v>1</v>
      </c>
      <c r="L2804" t="s">
        <v>995</v>
      </c>
      <c r="M2804" t="s">
        <v>89</v>
      </c>
      <c r="N2804" t="s">
        <v>90</v>
      </c>
      <c r="O2804" t="s">
        <v>85</v>
      </c>
      <c r="P2804" t="s">
        <v>86</v>
      </c>
      <c r="Q2804">
        <v>5</v>
      </c>
      <c r="R2804">
        <v>5</v>
      </c>
      <c r="S2804">
        <v>5</v>
      </c>
      <c r="T2804">
        <v>5</v>
      </c>
      <c r="U2804">
        <v>5</v>
      </c>
      <c r="V2804">
        <v>5</v>
      </c>
      <c r="W2804">
        <v>5</v>
      </c>
      <c r="X2804">
        <v>5</v>
      </c>
      <c r="Y2804">
        <v>6</v>
      </c>
      <c r="Z2804">
        <v>6</v>
      </c>
      <c r="AA2804">
        <v>6</v>
      </c>
      <c r="AB2804">
        <v>6</v>
      </c>
      <c r="AC2804">
        <v>6</v>
      </c>
      <c r="AD2804">
        <v>6</v>
      </c>
      <c r="AE2804">
        <v>6</v>
      </c>
      <c r="AF2804">
        <v>6</v>
      </c>
      <c r="AG2804">
        <v>6</v>
      </c>
      <c r="AH2804">
        <v>5</v>
      </c>
      <c r="AI2804">
        <v>5</v>
      </c>
      <c r="AJ2804">
        <v>5</v>
      </c>
      <c r="AK2804">
        <v>5</v>
      </c>
      <c r="AL2804">
        <v>5</v>
      </c>
      <c r="AM2804">
        <v>5</v>
      </c>
      <c r="AN2804">
        <v>5</v>
      </c>
      <c r="AO2804">
        <v>5</v>
      </c>
      <c r="AP2804">
        <v>5</v>
      </c>
      <c r="AQ2804">
        <v>5</v>
      </c>
    </row>
    <row r="2805" spans="1:43">
      <c r="A2805" t="s">
        <v>1802</v>
      </c>
      <c r="B2805" t="s">
        <v>1803</v>
      </c>
      <c r="C2805" t="s">
        <v>1778</v>
      </c>
      <c r="D2805" t="s">
        <v>1779</v>
      </c>
      <c r="E2805" t="s">
        <v>1586</v>
      </c>
      <c r="F2805" t="s">
        <v>1587</v>
      </c>
      <c r="G2805" t="s">
        <v>80</v>
      </c>
      <c r="H2805" t="s">
        <v>81</v>
      </c>
      <c r="I2805" s="2">
        <v>0</v>
      </c>
      <c r="J2805" s="2">
        <v>0</v>
      </c>
      <c r="K2805" s="2">
        <v>1</v>
      </c>
      <c r="L2805" t="s">
        <v>995</v>
      </c>
      <c r="M2805" t="s">
        <v>83</v>
      </c>
      <c r="N2805" t="s">
        <v>91</v>
      </c>
      <c r="O2805" t="s">
        <v>85</v>
      </c>
      <c r="P2805" t="s">
        <v>86</v>
      </c>
      <c r="Q2805">
        <v>5</v>
      </c>
      <c r="R2805">
        <v>5</v>
      </c>
      <c r="S2805">
        <v>5</v>
      </c>
      <c r="T2805">
        <v>5</v>
      </c>
      <c r="U2805">
        <v>5</v>
      </c>
      <c r="V2805">
        <v>5</v>
      </c>
      <c r="W2805">
        <v>5</v>
      </c>
      <c r="X2805">
        <v>5</v>
      </c>
      <c r="Y2805">
        <v>5</v>
      </c>
      <c r="Z2805">
        <v>5</v>
      </c>
      <c r="AA2805">
        <v>5</v>
      </c>
      <c r="AB2805">
        <v>5</v>
      </c>
      <c r="AC2805">
        <v>5</v>
      </c>
      <c r="AD2805">
        <v>5</v>
      </c>
      <c r="AE2805">
        <v>5</v>
      </c>
      <c r="AF2805">
        <v>5</v>
      </c>
      <c r="AG2805">
        <v>5</v>
      </c>
      <c r="AH2805">
        <v>5</v>
      </c>
      <c r="AI2805">
        <v>5</v>
      </c>
      <c r="AJ2805">
        <v>5</v>
      </c>
      <c r="AK2805">
        <v>5</v>
      </c>
      <c r="AL2805">
        <v>5</v>
      </c>
      <c r="AM2805">
        <v>5</v>
      </c>
      <c r="AN2805">
        <v>5</v>
      </c>
      <c r="AO2805">
        <v>5</v>
      </c>
      <c r="AP2805">
        <v>5</v>
      </c>
      <c r="AQ2805">
        <v>5</v>
      </c>
    </row>
    <row r="2806" spans="1:43">
      <c r="A2806" t="s">
        <v>1804</v>
      </c>
      <c r="B2806" t="s">
        <v>1805</v>
      </c>
      <c r="C2806" t="s">
        <v>1778</v>
      </c>
      <c r="D2806" t="s">
        <v>1779</v>
      </c>
      <c r="E2806" t="s">
        <v>1586</v>
      </c>
      <c r="F2806" t="s">
        <v>1587</v>
      </c>
      <c r="G2806" t="s">
        <v>80</v>
      </c>
      <c r="H2806" t="s">
        <v>81</v>
      </c>
      <c r="I2806" s="2">
        <v>0</v>
      </c>
      <c r="J2806" s="2">
        <v>0</v>
      </c>
      <c r="K2806" s="2">
        <v>1</v>
      </c>
      <c r="L2806" t="s">
        <v>995</v>
      </c>
      <c r="M2806" t="s">
        <v>83</v>
      </c>
      <c r="N2806" t="s">
        <v>84</v>
      </c>
      <c r="O2806" t="s">
        <v>85</v>
      </c>
      <c r="P2806" t="s">
        <v>86</v>
      </c>
      <c r="Q2806">
        <v>7</v>
      </c>
      <c r="R2806">
        <v>7</v>
      </c>
      <c r="S2806">
        <v>7</v>
      </c>
      <c r="T2806">
        <v>7</v>
      </c>
      <c r="U2806">
        <v>7</v>
      </c>
      <c r="V2806">
        <v>7</v>
      </c>
      <c r="W2806">
        <v>7</v>
      </c>
      <c r="X2806">
        <v>7</v>
      </c>
      <c r="Y2806">
        <v>7</v>
      </c>
      <c r="Z2806">
        <v>7</v>
      </c>
      <c r="AA2806">
        <v>7</v>
      </c>
      <c r="AB2806">
        <v>7</v>
      </c>
      <c r="AC2806">
        <v>7</v>
      </c>
      <c r="AD2806">
        <v>7</v>
      </c>
      <c r="AE2806">
        <v>7</v>
      </c>
      <c r="AF2806">
        <v>7</v>
      </c>
      <c r="AG2806">
        <v>7</v>
      </c>
      <c r="AH2806">
        <v>7</v>
      </c>
      <c r="AI2806">
        <v>7</v>
      </c>
      <c r="AJ2806">
        <v>7</v>
      </c>
      <c r="AK2806">
        <v>7</v>
      </c>
      <c r="AL2806">
        <v>7</v>
      </c>
      <c r="AM2806">
        <v>7</v>
      </c>
      <c r="AN2806">
        <v>7</v>
      </c>
      <c r="AO2806">
        <v>7</v>
      </c>
      <c r="AP2806">
        <v>7</v>
      </c>
      <c r="AQ2806">
        <v>7</v>
      </c>
    </row>
    <row r="2807" spans="1:43">
      <c r="A2807" t="s">
        <v>1804</v>
      </c>
      <c r="B2807" t="s">
        <v>1805</v>
      </c>
      <c r="C2807" t="s">
        <v>1778</v>
      </c>
      <c r="D2807" t="s">
        <v>1779</v>
      </c>
      <c r="E2807" t="s">
        <v>1586</v>
      </c>
      <c r="F2807" t="s">
        <v>1587</v>
      </c>
      <c r="G2807" t="s">
        <v>80</v>
      </c>
      <c r="H2807" t="s">
        <v>81</v>
      </c>
      <c r="I2807" s="2">
        <v>0</v>
      </c>
      <c r="J2807" s="2">
        <v>0</v>
      </c>
      <c r="K2807" s="2">
        <v>1</v>
      </c>
      <c r="L2807" t="s">
        <v>995</v>
      </c>
      <c r="M2807" t="s">
        <v>87</v>
      </c>
      <c r="N2807" t="s">
        <v>88</v>
      </c>
      <c r="O2807" t="s">
        <v>85</v>
      </c>
      <c r="P2807" t="s">
        <v>86</v>
      </c>
      <c r="Q2807">
        <v>7</v>
      </c>
      <c r="R2807">
        <v>7</v>
      </c>
      <c r="S2807">
        <v>7</v>
      </c>
      <c r="T2807">
        <v>7</v>
      </c>
      <c r="U2807">
        <v>7</v>
      </c>
      <c r="V2807">
        <v>7</v>
      </c>
      <c r="W2807">
        <v>7</v>
      </c>
      <c r="X2807">
        <v>7</v>
      </c>
      <c r="Y2807">
        <v>7</v>
      </c>
      <c r="Z2807">
        <v>7</v>
      </c>
      <c r="AA2807">
        <v>7</v>
      </c>
      <c r="AB2807">
        <v>7</v>
      </c>
      <c r="AC2807">
        <v>7</v>
      </c>
      <c r="AD2807">
        <v>7</v>
      </c>
      <c r="AE2807">
        <v>7</v>
      </c>
      <c r="AF2807">
        <v>7</v>
      </c>
      <c r="AG2807">
        <v>7</v>
      </c>
      <c r="AH2807">
        <v>7</v>
      </c>
      <c r="AI2807">
        <v>7</v>
      </c>
      <c r="AJ2807">
        <v>7</v>
      </c>
      <c r="AK2807">
        <v>7</v>
      </c>
      <c r="AL2807">
        <v>7</v>
      </c>
      <c r="AM2807">
        <v>7</v>
      </c>
      <c r="AN2807">
        <v>7</v>
      </c>
      <c r="AO2807">
        <v>7</v>
      </c>
      <c r="AP2807">
        <v>7</v>
      </c>
      <c r="AQ2807">
        <v>7</v>
      </c>
    </row>
    <row r="2808" spans="1:43">
      <c r="A2808" t="s">
        <v>1804</v>
      </c>
      <c r="B2808" t="s">
        <v>1805</v>
      </c>
      <c r="C2808" t="s">
        <v>1778</v>
      </c>
      <c r="D2808" t="s">
        <v>1779</v>
      </c>
      <c r="E2808" t="s">
        <v>1586</v>
      </c>
      <c r="F2808" t="s">
        <v>1587</v>
      </c>
      <c r="G2808" t="s">
        <v>80</v>
      </c>
      <c r="H2808" t="s">
        <v>81</v>
      </c>
      <c r="I2808" s="2">
        <v>0</v>
      </c>
      <c r="J2808" s="2">
        <v>0</v>
      </c>
      <c r="K2808" s="2">
        <v>1</v>
      </c>
      <c r="L2808" t="s">
        <v>995</v>
      </c>
      <c r="M2808" t="s">
        <v>89</v>
      </c>
      <c r="N2808" t="s">
        <v>90</v>
      </c>
      <c r="O2808" t="s">
        <v>85</v>
      </c>
      <c r="P2808" t="s">
        <v>86</v>
      </c>
      <c r="Q2808">
        <v>7</v>
      </c>
      <c r="R2808">
        <v>7</v>
      </c>
      <c r="S2808">
        <v>7</v>
      </c>
      <c r="T2808">
        <v>7</v>
      </c>
      <c r="U2808">
        <v>7</v>
      </c>
      <c r="V2808">
        <v>7</v>
      </c>
      <c r="W2808">
        <v>7</v>
      </c>
      <c r="X2808">
        <v>7</v>
      </c>
      <c r="Y2808">
        <v>7</v>
      </c>
      <c r="Z2808">
        <v>7</v>
      </c>
      <c r="AA2808">
        <v>7</v>
      </c>
      <c r="AB2808">
        <v>7</v>
      </c>
      <c r="AC2808">
        <v>7</v>
      </c>
      <c r="AD2808">
        <v>7</v>
      </c>
      <c r="AE2808">
        <v>7</v>
      </c>
      <c r="AF2808">
        <v>7</v>
      </c>
      <c r="AG2808">
        <v>7</v>
      </c>
      <c r="AH2808">
        <v>7</v>
      </c>
      <c r="AI2808">
        <v>7</v>
      </c>
      <c r="AJ2808">
        <v>7</v>
      </c>
      <c r="AK2808">
        <v>7</v>
      </c>
      <c r="AL2808">
        <v>7</v>
      </c>
      <c r="AM2808">
        <v>7</v>
      </c>
      <c r="AN2808">
        <v>7</v>
      </c>
      <c r="AO2808">
        <v>7</v>
      </c>
      <c r="AP2808">
        <v>7</v>
      </c>
      <c r="AQ2808">
        <v>7</v>
      </c>
    </row>
    <row r="2809" spans="1:43">
      <c r="A2809" t="s">
        <v>1804</v>
      </c>
      <c r="B2809" t="s">
        <v>1805</v>
      </c>
      <c r="C2809" t="s">
        <v>1778</v>
      </c>
      <c r="D2809" t="s">
        <v>1779</v>
      </c>
      <c r="E2809" t="s">
        <v>1586</v>
      </c>
      <c r="F2809" t="s">
        <v>1587</v>
      </c>
      <c r="G2809" t="s">
        <v>80</v>
      </c>
      <c r="H2809" t="s">
        <v>81</v>
      </c>
      <c r="I2809" s="2">
        <v>0</v>
      </c>
      <c r="J2809" s="2">
        <v>0</v>
      </c>
      <c r="K2809" s="2">
        <v>1</v>
      </c>
      <c r="L2809" t="s">
        <v>995</v>
      </c>
      <c r="M2809" t="s">
        <v>83</v>
      </c>
      <c r="N2809" t="s">
        <v>91</v>
      </c>
      <c r="O2809" t="s">
        <v>85</v>
      </c>
      <c r="P2809" t="s">
        <v>86</v>
      </c>
      <c r="Q2809">
        <v>7</v>
      </c>
      <c r="R2809">
        <v>7</v>
      </c>
      <c r="S2809">
        <v>7</v>
      </c>
      <c r="T2809">
        <v>7</v>
      </c>
      <c r="U2809">
        <v>7</v>
      </c>
      <c r="V2809">
        <v>7</v>
      </c>
      <c r="W2809">
        <v>7</v>
      </c>
      <c r="X2809">
        <v>7</v>
      </c>
      <c r="Y2809">
        <v>7</v>
      </c>
      <c r="Z2809">
        <v>7</v>
      </c>
      <c r="AA2809">
        <v>7</v>
      </c>
      <c r="AB2809">
        <v>7</v>
      </c>
      <c r="AC2809">
        <v>7</v>
      </c>
      <c r="AD2809">
        <v>7</v>
      </c>
      <c r="AE2809">
        <v>7</v>
      </c>
      <c r="AF2809">
        <v>7</v>
      </c>
      <c r="AG2809">
        <v>7</v>
      </c>
      <c r="AH2809">
        <v>7</v>
      </c>
      <c r="AI2809">
        <v>7</v>
      </c>
      <c r="AJ2809">
        <v>7</v>
      </c>
      <c r="AK2809">
        <v>7</v>
      </c>
      <c r="AL2809">
        <v>7</v>
      </c>
      <c r="AM2809">
        <v>7</v>
      </c>
      <c r="AN2809">
        <v>7</v>
      </c>
      <c r="AO2809">
        <v>7</v>
      </c>
      <c r="AP2809">
        <v>7</v>
      </c>
      <c r="AQ2809">
        <v>7</v>
      </c>
    </row>
    <row r="2810" spans="1:43">
      <c r="A2810" t="s">
        <v>1806</v>
      </c>
      <c r="B2810" t="s">
        <v>1807</v>
      </c>
      <c r="C2810" t="s">
        <v>1778</v>
      </c>
      <c r="D2810" t="s">
        <v>1779</v>
      </c>
      <c r="E2810" t="s">
        <v>1586</v>
      </c>
      <c r="F2810" t="s">
        <v>1587</v>
      </c>
      <c r="G2810" t="s">
        <v>80</v>
      </c>
      <c r="H2810" t="s">
        <v>81</v>
      </c>
      <c r="I2810" s="2">
        <v>0</v>
      </c>
      <c r="J2810" s="2">
        <v>0</v>
      </c>
      <c r="K2810" s="2">
        <v>1</v>
      </c>
      <c r="L2810" t="s">
        <v>995</v>
      </c>
      <c r="M2810" t="s">
        <v>83</v>
      </c>
      <c r="N2810" t="s">
        <v>84</v>
      </c>
      <c r="O2810" t="s">
        <v>85</v>
      </c>
      <c r="P2810" t="s">
        <v>86</v>
      </c>
      <c r="Q2810">
        <v>11</v>
      </c>
      <c r="R2810">
        <v>11</v>
      </c>
      <c r="S2810">
        <v>11</v>
      </c>
      <c r="T2810">
        <v>11</v>
      </c>
      <c r="U2810">
        <v>11</v>
      </c>
      <c r="V2810">
        <v>11</v>
      </c>
      <c r="W2810">
        <v>11</v>
      </c>
      <c r="X2810">
        <v>11</v>
      </c>
      <c r="Y2810">
        <v>11</v>
      </c>
      <c r="Z2810">
        <v>11</v>
      </c>
      <c r="AA2810">
        <v>11</v>
      </c>
      <c r="AB2810">
        <v>11</v>
      </c>
      <c r="AC2810">
        <v>11</v>
      </c>
      <c r="AD2810">
        <v>11</v>
      </c>
      <c r="AE2810">
        <v>11</v>
      </c>
      <c r="AF2810">
        <v>11</v>
      </c>
      <c r="AG2810">
        <v>11</v>
      </c>
      <c r="AH2810">
        <v>11</v>
      </c>
      <c r="AI2810">
        <v>11</v>
      </c>
      <c r="AJ2810">
        <v>11</v>
      </c>
      <c r="AK2810">
        <v>11</v>
      </c>
      <c r="AL2810">
        <v>11</v>
      </c>
      <c r="AM2810">
        <v>11</v>
      </c>
      <c r="AN2810">
        <v>11</v>
      </c>
      <c r="AO2810">
        <v>11</v>
      </c>
      <c r="AP2810">
        <v>11</v>
      </c>
      <c r="AQ2810">
        <v>11</v>
      </c>
    </row>
    <row r="2811" spans="1:43">
      <c r="A2811" t="s">
        <v>1806</v>
      </c>
      <c r="B2811" t="s">
        <v>1807</v>
      </c>
      <c r="C2811" t="s">
        <v>1778</v>
      </c>
      <c r="D2811" t="s">
        <v>1779</v>
      </c>
      <c r="E2811" t="s">
        <v>1586</v>
      </c>
      <c r="F2811" t="s">
        <v>1587</v>
      </c>
      <c r="G2811" t="s">
        <v>80</v>
      </c>
      <c r="H2811" t="s">
        <v>81</v>
      </c>
      <c r="I2811" s="2">
        <v>0</v>
      </c>
      <c r="J2811" s="2">
        <v>0</v>
      </c>
      <c r="K2811" s="2">
        <v>1</v>
      </c>
      <c r="L2811" t="s">
        <v>995</v>
      </c>
      <c r="M2811" t="s">
        <v>87</v>
      </c>
      <c r="N2811" t="s">
        <v>88</v>
      </c>
      <c r="O2811" t="s">
        <v>85</v>
      </c>
      <c r="P2811" t="s">
        <v>86</v>
      </c>
      <c r="Q2811">
        <v>11</v>
      </c>
      <c r="R2811">
        <v>11</v>
      </c>
      <c r="S2811">
        <v>10</v>
      </c>
      <c r="T2811">
        <v>10</v>
      </c>
      <c r="U2811">
        <v>10</v>
      </c>
      <c r="V2811">
        <v>10</v>
      </c>
      <c r="W2811">
        <v>10</v>
      </c>
      <c r="X2811">
        <v>10</v>
      </c>
      <c r="Y2811">
        <v>10</v>
      </c>
      <c r="Z2811">
        <v>10</v>
      </c>
      <c r="AA2811">
        <v>10</v>
      </c>
      <c r="AB2811">
        <v>10</v>
      </c>
      <c r="AC2811">
        <v>10</v>
      </c>
      <c r="AD2811">
        <v>10</v>
      </c>
      <c r="AE2811">
        <v>10</v>
      </c>
      <c r="AF2811">
        <v>10</v>
      </c>
      <c r="AG2811">
        <v>10</v>
      </c>
      <c r="AH2811">
        <v>10</v>
      </c>
      <c r="AI2811">
        <v>10</v>
      </c>
      <c r="AJ2811">
        <v>10</v>
      </c>
      <c r="AK2811">
        <v>10</v>
      </c>
      <c r="AL2811">
        <v>10</v>
      </c>
      <c r="AM2811">
        <v>10</v>
      </c>
      <c r="AN2811">
        <v>9</v>
      </c>
      <c r="AO2811">
        <v>9</v>
      </c>
      <c r="AP2811">
        <v>9</v>
      </c>
      <c r="AQ2811">
        <v>9</v>
      </c>
    </row>
    <row r="2812" spans="1:43">
      <c r="A2812" t="s">
        <v>1806</v>
      </c>
      <c r="B2812" t="s">
        <v>1807</v>
      </c>
      <c r="C2812" t="s">
        <v>1778</v>
      </c>
      <c r="D2812" t="s">
        <v>1779</v>
      </c>
      <c r="E2812" t="s">
        <v>1586</v>
      </c>
      <c r="F2812" t="s">
        <v>1587</v>
      </c>
      <c r="G2812" t="s">
        <v>80</v>
      </c>
      <c r="H2812" t="s">
        <v>81</v>
      </c>
      <c r="I2812" s="2">
        <v>0</v>
      </c>
      <c r="J2812" s="2">
        <v>0</v>
      </c>
      <c r="K2812" s="2">
        <v>1</v>
      </c>
      <c r="L2812" t="s">
        <v>995</v>
      </c>
      <c r="M2812" t="s">
        <v>89</v>
      </c>
      <c r="N2812" t="s">
        <v>90</v>
      </c>
      <c r="O2812" t="s">
        <v>85</v>
      </c>
      <c r="P2812" t="s">
        <v>86</v>
      </c>
      <c r="Q2812">
        <v>11</v>
      </c>
      <c r="R2812">
        <v>11</v>
      </c>
      <c r="S2812">
        <v>11</v>
      </c>
      <c r="T2812">
        <v>11</v>
      </c>
      <c r="U2812">
        <v>11</v>
      </c>
      <c r="V2812">
        <v>11</v>
      </c>
      <c r="W2812">
        <v>12</v>
      </c>
      <c r="X2812">
        <v>12</v>
      </c>
      <c r="Y2812">
        <v>12</v>
      </c>
      <c r="Z2812">
        <v>12</v>
      </c>
      <c r="AA2812">
        <v>12</v>
      </c>
      <c r="AB2812">
        <v>12</v>
      </c>
      <c r="AC2812">
        <v>12</v>
      </c>
      <c r="AD2812">
        <v>12</v>
      </c>
      <c r="AE2812">
        <v>12</v>
      </c>
      <c r="AF2812">
        <v>12</v>
      </c>
      <c r="AG2812">
        <v>12</v>
      </c>
      <c r="AH2812">
        <v>12</v>
      </c>
      <c r="AI2812">
        <v>12</v>
      </c>
      <c r="AJ2812">
        <v>11</v>
      </c>
      <c r="AK2812">
        <v>11</v>
      </c>
      <c r="AL2812">
        <v>11</v>
      </c>
      <c r="AM2812">
        <v>11</v>
      </c>
      <c r="AN2812">
        <v>11</v>
      </c>
      <c r="AO2812">
        <v>11</v>
      </c>
      <c r="AP2812">
        <v>11</v>
      </c>
      <c r="AQ2812">
        <v>11</v>
      </c>
    </row>
    <row r="2813" spans="1:43">
      <c r="A2813" t="s">
        <v>1806</v>
      </c>
      <c r="B2813" t="s">
        <v>1807</v>
      </c>
      <c r="C2813" t="s">
        <v>1778</v>
      </c>
      <c r="D2813" t="s">
        <v>1779</v>
      </c>
      <c r="E2813" t="s">
        <v>1586</v>
      </c>
      <c r="F2813" t="s">
        <v>1587</v>
      </c>
      <c r="G2813" t="s">
        <v>80</v>
      </c>
      <c r="H2813" t="s">
        <v>81</v>
      </c>
      <c r="I2813" s="2">
        <v>0</v>
      </c>
      <c r="J2813" s="2">
        <v>0</v>
      </c>
      <c r="K2813" s="2">
        <v>1</v>
      </c>
      <c r="L2813" t="s">
        <v>995</v>
      </c>
      <c r="M2813" t="s">
        <v>83</v>
      </c>
      <c r="N2813" t="s">
        <v>91</v>
      </c>
      <c r="O2813" t="s">
        <v>85</v>
      </c>
      <c r="P2813" t="s">
        <v>86</v>
      </c>
      <c r="Q2813">
        <v>11</v>
      </c>
      <c r="R2813">
        <v>11</v>
      </c>
      <c r="S2813">
        <v>11</v>
      </c>
      <c r="T2813">
        <v>11</v>
      </c>
      <c r="U2813">
        <v>11</v>
      </c>
      <c r="V2813">
        <v>11</v>
      </c>
      <c r="W2813">
        <v>11</v>
      </c>
      <c r="X2813">
        <v>11</v>
      </c>
      <c r="Y2813">
        <v>11</v>
      </c>
      <c r="Z2813">
        <v>11</v>
      </c>
      <c r="AA2813">
        <v>11</v>
      </c>
      <c r="AB2813">
        <v>11</v>
      </c>
      <c r="AC2813">
        <v>11</v>
      </c>
      <c r="AD2813">
        <v>11</v>
      </c>
      <c r="AE2813">
        <v>11</v>
      </c>
      <c r="AF2813">
        <v>11</v>
      </c>
      <c r="AG2813">
        <v>11</v>
      </c>
      <c r="AH2813">
        <v>11</v>
      </c>
      <c r="AI2813">
        <v>11</v>
      </c>
      <c r="AJ2813">
        <v>11</v>
      </c>
      <c r="AK2813">
        <v>11</v>
      </c>
      <c r="AL2813">
        <v>11</v>
      </c>
      <c r="AM2813">
        <v>11</v>
      </c>
      <c r="AN2813">
        <v>11</v>
      </c>
      <c r="AO2813">
        <v>11</v>
      </c>
      <c r="AP2813">
        <v>11</v>
      </c>
      <c r="AQ2813">
        <v>11</v>
      </c>
    </row>
    <row r="2814" spans="1:43">
      <c r="A2814" t="s">
        <v>1808</v>
      </c>
      <c r="B2814" t="s">
        <v>1809</v>
      </c>
      <c r="C2814" t="s">
        <v>1792</v>
      </c>
      <c r="D2814" t="s">
        <v>1793</v>
      </c>
      <c r="E2814" t="s">
        <v>1586</v>
      </c>
      <c r="F2814" t="s">
        <v>1587</v>
      </c>
      <c r="G2814" t="s">
        <v>80</v>
      </c>
      <c r="H2814" t="s">
        <v>81</v>
      </c>
      <c r="I2814" s="2">
        <v>0</v>
      </c>
      <c r="J2814" s="2">
        <v>0</v>
      </c>
      <c r="K2814" s="2">
        <v>1</v>
      </c>
      <c r="L2814" t="s">
        <v>995</v>
      </c>
      <c r="M2814" t="s">
        <v>83</v>
      </c>
      <c r="N2814" t="s">
        <v>84</v>
      </c>
      <c r="O2814" t="s">
        <v>85</v>
      </c>
      <c r="P2814" t="s">
        <v>86</v>
      </c>
      <c r="Q2814">
        <v>7</v>
      </c>
      <c r="R2814">
        <v>7</v>
      </c>
      <c r="S2814">
        <v>7</v>
      </c>
      <c r="T2814">
        <v>7</v>
      </c>
      <c r="U2814">
        <v>8</v>
      </c>
      <c r="V2814">
        <v>8</v>
      </c>
      <c r="W2814">
        <v>8</v>
      </c>
      <c r="X2814">
        <v>8</v>
      </c>
      <c r="Y2814">
        <v>8</v>
      </c>
      <c r="Z2814">
        <v>8</v>
      </c>
      <c r="AA2814">
        <v>8</v>
      </c>
      <c r="AB2814">
        <v>8</v>
      </c>
      <c r="AC2814">
        <v>8</v>
      </c>
      <c r="AD2814">
        <v>8</v>
      </c>
      <c r="AE2814">
        <v>8</v>
      </c>
      <c r="AF2814">
        <v>8</v>
      </c>
      <c r="AG2814">
        <v>8</v>
      </c>
      <c r="AH2814">
        <v>8</v>
      </c>
      <c r="AI2814">
        <v>8</v>
      </c>
      <c r="AJ2814">
        <v>8</v>
      </c>
      <c r="AK2814">
        <v>8</v>
      </c>
      <c r="AL2814">
        <v>8</v>
      </c>
      <c r="AM2814">
        <v>8</v>
      </c>
      <c r="AN2814">
        <v>8</v>
      </c>
      <c r="AO2814">
        <v>8</v>
      </c>
      <c r="AP2814">
        <v>7</v>
      </c>
      <c r="AQ2814">
        <v>7</v>
      </c>
    </row>
    <row r="2815" spans="1:43">
      <c r="A2815" t="s">
        <v>1808</v>
      </c>
      <c r="B2815" t="s">
        <v>1809</v>
      </c>
      <c r="C2815" t="s">
        <v>1792</v>
      </c>
      <c r="D2815" t="s">
        <v>1793</v>
      </c>
      <c r="E2815" t="s">
        <v>1586</v>
      </c>
      <c r="F2815" t="s">
        <v>1587</v>
      </c>
      <c r="G2815" t="s">
        <v>80</v>
      </c>
      <c r="H2815" t="s">
        <v>81</v>
      </c>
      <c r="I2815" s="2">
        <v>0</v>
      </c>
      <c r="J2815" s="2">
        <v>0</v>
      </c>
      <c r="K2815" s="2">
        <v>1</v>
      </c>
      <c r="L2815" t="s">
        <v>995</v>
      </c>
      <c r="M2815" t="s">
        <v>87</v>
      </c>
      <c r="N2815" t="s">
        <v>88</v>
      </c>
      <c r="O2815" t="s">
        <v>85</v>
      </c>
      <c r="P2815" t="s">
        <v>86</v>
      </c>
      <c r="Q2815">
        <v>7</v>
      </c>
      <c r="R2815">
        <v>7</v>
      </c>
      <c r="S2815">
        <v>7</v>
      </c>
      <c r="T2815">
        <v>7</v>
      </c>
      <c r="U2815">
        <v>7</v>
      </c>
      <c r="V2815">
        <v>7</v>
      </c>
      <c r="W2815">
        <v>7</v>
      </c>
      <c r="X2815">
        <v>7</v>
      </c>
      <c r="Y2815">
        <v>7</v>
      </c>
      <c r="Z2815">
        <v>7</v>
      </c>
      <c r="AA2815">
        <v>7</v>
      </c>
      <c r="AB2815">
        <v>7</v>
      </c>
      <c r="AC2815">
        <v>7</v>
      </c>
      <c r="AD2815">
        <v>7</v>
      </c>
      <c r="AE2815">
        <v>7</v>
      </c>
      <c r="AF2815">
        <v>7</v>
      </c>
      <c r="AG2815">
        <v>7</v>
      </c>
      <c r="AH2815">
        <v>7</v>
      </c>
      <c r="AI2815">
        <v>7</v>
      </c>
      <c r="AJ2815">
        <v>7</v>
      </c>
      <c r="AK2815">
        <v>7</v>
      </c>
      <c r="AL2815">
        <v>7</v>
      </c>
      <c r="AM2815">
        <v>7</v>
      </c>
      <c r="AN2815">
        <v>7</v>
      </c>
      <c r="AO2815">
        <v>6</v>
      </c>
      <c r="AP2815">
        <v>6</v>
      </c>
      <c r="AQ2815">
        <v>6</v>
      </c>
    </row>
    <row r="2816" spans="1:43">
      <c r="A2816" t="s">
        <v>1808</v>
      </c>
      <c r="B2816" t="s">
        <v>1809</v>
      </c>
      <c r="C2816" t="s">
        <v>1792</v>
      </c>
      <c r="D2816" t="s">
        <v>1793</v>
      </c>
      <c r="E2816" t="s">
        <v>1586</v>
      </c>
      <c r="F2816" t="s">
        <v>1587</v>
      </c>
      <c r="G2816" t="s">
        <v>80</v>
      </c>
      <c r="H2816" t="s">
        <v>81</v>
      </c>
      <c r="I2816" s="2">
        <v>0</v>
      </c>
      <c r="J2816" s="2">
        <v>0</v>
      </c>
      <c r="K2816" s="2">
        <v>1</v>
      </c>
      <c r="L2816" t="s">
        <v>995</v>
      </c>
      <c r="M2816" t="s">
        <v>89</v>
      </c>
      <c r="N2816" t="s">
        <v>90</v>
      </c>
      <c r="O2816" t="s">
        <v>85</v>
      </c>
      <c r="P2816" t="s">
        <v>86</v>
      </c>
      <c r="Q2816">
        <v>7</v>
      </c>
      <c r="R2816">
        <v>8</v>
      </c>
      <c r="S2816">
        <v>8</v>
      </c>
      <c r="T2816">
        <v>8</v>
      </c>
      <c r="U2816">
        <v>8</v>
      </c>
      <c r="V2816">
        <v>8</v>
      </c>
      <c r="W2816">
        <v>8</v>
      </c>
      <c r="X2816">
        <v>8</v>
      </c>
      <c r="Y2816">
        <v>8</v>
      </c>
      <c r="Z2816">
        <v>8</v>
      </c>
      <c r="AA2816">
        <v>8</v>
      </c>
      <c r="AB2816">
        <v>8</v>
      </c>
      <c r="AC2816">
        <v>8</v>
      </c>
      <c r="AD2816">
        <v>8</v>
      </c>
      <c r="AE2816">
        <v>8</v>
      </c>
      <c r="AF2816">
        <v>8</v>
      </c>
      <c r="AG2816">
        <v>8</v>
      </c>
      <c r="AH2816">
        <v>8</v>
      </c>
      <c r="AI2816">
        <v>8</v>
      </c>
      <c r="AJ2816">
        <v>8</v>
      </c>
      <c r="AK2816">
        <v>8</v>
      </c>
      <c r="AL2816">
        <v>8</v>
      </c>
      <c r="AM2816">
        <v>8</v>
      </c>
      <c r="AN2816">
        <v>8</v>
      </c>
      <c r="AO2816">
        <v>8</v>
      </c>
      <c r="AP2816">
        <v>8</v>
      </c>
      <c r="AQ2816">
        <v>7</v>
      </c>
    </row>
    <row r="2817" spans="1:43">
      <c r="A2817" t="s">
        <v>1808</v>
      </c>
      <c r="B2817" t="s">
        <v>1809</v>
      </c>
      <c r="C2817" t="s">
        <v>1792</v>
      </c>
      <c r="D2817" t="s">
        <v>1793</v>
      </c>
      <c r="E2817" t="s">
        <v>1586</v>
      </c>
      <c r="F2817" t="s">
        <v>1587</v>
      </c>
      <c r="G2817" t="s">
        <v>80</v>
      </c>
      <c r="H2817" t="s">
        <v>81</v>
      </c>
      <c r="I2817" s="2">
        <v>0</v>
      </c>
      <c r="J2817" s="2">
        <v>0</v>
      </c>
      <c r="K2817" s="2">
        <v>1</v>
      </c>
      <c r="L2817" t="s">
        <v>995</v>
      </c>
      <c r="M2817" t="s">
        <v>83</v>
      </c>
      <c r="N2817" t="s">
        <v>91</v>
      </c>
      <c r="O2817" t="s">
        <v>85</v>
      </c>
      <c r="P2817" t="s">
        <v>86</v>
      </c>
      <c r="Q2817">
        <v>7</v>
      </c>
      <c r="R2817">
        <v>7</v>
      </c>
      <c r="S2817">
        <v>7</v>
      </c>
      <c r="T2817">
        <v>7</v>
      </c>
      <c r="U2817">
        <v>8</v>
      </c>
      <c r="V2817">
        <v>8</v>
      </c>
      <c r="W2817">
        <v>8</v>
      </c>
      <c r="X2817">
        <v>8</v>
      </c>
      <c r="Y2817">
        <v>8</v>
      </c>
      <c r="Z2817">
        <v>8</v>
      </c>
      <c r="AA2817">
        <v>8</v>
      </c>
      <c r="AB2817">
        <v>8</v>
      </c>
      <c r="AC2817">
        <v>8</v>
      </c>
      <c r="AD2817">
        <v>8</v>
      </c>
      <c r="AE2817">
        <v>8</v>
      </c>
      <c r="AF2817">
        <v>8</v>
      </c>
      <c r="AG2817">
        <v>8</v>
      </c>
      <c r="AH2817">
        <v>8</v>
      </c>
      <c r="AI2817">
        <v>8</v>
      </c>
      <c r="AJ2817">
        <v>8</v>
      </c>
      <c r="AK2817">
        <v>8</v>
      </c>
      <c r="AL2817">
        <v>8</v>
      </c>
      <c r="AM2817">
        <v>8</v>
      </c>
      <c r="AN2817">
        <v>8</v>
      </c>
      <c r="AO2817">
        <v>8</v>
      </c>
      <c r="AP2817">
        <v>7</v>
      </c>
      <c r="AQ2817">
        <v>7</v>
      </c>
    </row>
    <row r="2818" spans="1:43">
      <c r="A2818" t="s">
        <v>1810</v>
      </c>
      <c r="B2818" t="s">
        <v>1811</v>
      </c>
      <c r="C2818" t="s">
        <v>1798</v>
      </c>
      <c r="D2818" t="s">
        <v>1799</v>
      </c>
      <c r="E2818" t="s">
        <v>1586</v>
      </c>
      <c r="F2818" t="s">
        <v>1587</v>
      </c>
      <c r="G2818" t="s">
        <v>80</v>
      </c>
      <c r="H2818" t="s">
        <v>81</v>
      </c>
      <c r="I2818" s="2">
        <v>0</v>
      </c>
      <c r="J2818" s="2">
        <v>0</v>
      </c>
      <c r="K2818" s="2">
        <v>1</v>
      </c>
      <c r="L2818" t="s">
        <v>995</v>
      </c>
      <c r="M2818" t="s">
        <v>83</v>
      </c>
      <c r="N2818" t="s">
        <v>84</v>
      </c>
      <c r="O2818" t="s">
        <v>85</v>
      </c>
      <c r="P2818" t="s">
        <v>86</v>
      </c>
      <c r="Q2818">
        <v>10</v>
      </c>
      <c r="R2818">
        <v>11</v>
      </c>
      <c r="S2818">
        <v>11</v>
      </c>
      <c r="T2818">
        <v>11</v>
      </c>
      <c r="U2818">
        <v>11</v>
      </c>
      <c r="V2818">
        <v>11</v>
      </c>
      <c r="W2818">
        <v>11</v>
      </c>
      <c r="X2818">
        <v>11</v>
      </c>
      <c r="Y2818">
        <v>11</v>
      </c>
      <c r="Z2818">
        <v>11</v>
      </c>
      <c r="AA2818">
        <v>11</v>
      </c>
      <c r="AB2818">
        <v>11</v>
      </c>
      <c r="AC2818">
        <v>11</v>
      </c>
      <c r="AD2818">
        <v>11</v>
      </c>
      <c r="AE2818">
        <v>11</v>
      </c>
      <c r="AF2818">
        <v>11</v>
      </c>
      <c r="AG2818">
        <v>11</v>
      </c>
      <c r="AH2818">
        <v>11</v>
      </c>
      <c r="AI2818">
        <v>11</v>
      </c>
      <c r="AJ2818">
        <v>11</v>
      </c>
      <c r="AK2818">
        <v>11</v>
      </c>
      <c r="AL2818">
        <v>11</v>
      </c>
      <c r="AM2818">
        <v>11</v>
      </c>
      <c r="AN2818">
        <v>11</v>
      </c>
      <c r="AO2818">
        <v>11</v>
      </c>
      <c r="AP2818">
        <v>11</v>
      </c>
      <c r="AQ2818">
        <v>11</v>
      </c>
    </row>
    <row r="2819" spans="1:43">
      <c r="A2819" t="s">
        <v>1810</v>
      </c>
      <c r="B2819" t="s">
        <v>1811</v>
      </c>
      <c r="C2819" t="s">
        <v>1798</v>
      </c>
      <c r="D2819" t="s">
        <v>1799</v>
      </c>
      <c r="E2819" t="s">
        <v>1586</v>
      </c>
      <c r="F2819" t="s">
        <v>1587</v>
      </c>
      <c r="G2819" t="s">
        <v>80</v>
      </c>
      <c r="H2819" t="s">
        <v>81</v>
      </c>
      <c r="I2819" s="2">
        <v>0</v>
      </c>
      <c r="J2819" s="2">
        <v>0</v>
      </c>
      <c r="K2819" s="2">
        <v>1</v>
      </c>
      <c r="L2819" t="s">
        <v>995</v>
      </c>
      <c r="M2819" t="s">
        <v>87</v>
      </c>
      <c r="N2819" t="s">
        <v>88</v>
      </c>
      <c r="O2819" t="s">
        <v>85</v>
      </c>
      <c r="P2819" t="s">
        <v>86</v>
      </c>
      <c r="Q2819">
        <v>10</v>
      </c>
      <c r="R2819">
        <v>10</v>
      </c>
      <c r="S2819">
        <v>10</v>
      </c>
      <c r="T2819">
        <v>10</v>
      </c>
      <c r="U2819">
        <v>10</v>
      </c>
      <c r="V2819">
        <v>10</v>
      </c>
      <c r="W2819">
        <v>10</v>
      </c>
      <c r="X2819">
        <v>10</v>
      </c>
      <c r="Y2819">
        <v>10</v>
      </c>
      <c r="Z2819">
        <v>10</v>
      </c>
      <c r="AA2819">
        <v>10</v>
      </c>
      <c r="AB2819">
        <v>10</v>
      </c>
      <c r="AC2819">
        <v>10</v>
      </c>
      <c r="AD2819">
        <v>10</v>
      </c>
      <c r="AE2819">
        <v>10</v>
      </c>
      <c r="AF2819">
        <v>10</v>
      </c>
      <c r="AG2819">
        <v>10</v>
      </c>
      <c r="AH2819">
        <v>10</v>
      </c>
      <c r="AI2819">
        <v>10</v>
      </c>
      <c r="AJ2819">
        <v>10</v>
      </c>
      <c r="AK2819">
        <v>10</v>
      </c>
      <c r="AL2819">
        <v>9</v>
      </c>
      <c r="AM2819">
        <v>9</v>
      </c>
      <c r="AN2819">
        <v>9</v>
      </c>
      <c r="AO2819">
        <v>9</v>
      </c>
      <c r="AP2819">
        <v>9</v>
      </c>
      <c r="AQ2819">
        <v>9</v>
      </c>
    </row>
    <row r="2820" spans="1:43">
      <c r="A2820" t="s">
        <v>1810</v>
      </c>
      <c r="B2820" t="s">
        <v>1811</v>
      </c>
      <c r="C2820" t="s">
        <v>1798</v>
      </c>
      <c r="D2820" t="s">
        <v>1799</v>
      </c>
      <c r="E2820" t="s">
        <v>1586</v>
      </c>
      <c r="F2820" t="s">
        <v>1587</v>
      </c>
      <c r="G2820" t="s">
        <v>80</v>
      </c>
      <c r="H2820" t="s">
        <v>81</v>
      </c>
      <c r="I2820" s="2">
        <v>0</v>
      </c>
      <c r="J2820" s="2">
        <v>0</v>
      </c>
      <c r="K2820" s="2">
        <v>1</v>
      </c>
      <c r="L2820" t="s">
        <v>995</v>
      </c>
      <c r="M2820" t="s">
        <v>89</v>
      </c>
      <c r="N2820" t="s">
        <v>90</v>
      </c>
      <c r="O2820" t="s">
        <v>85</v>
      </c>
      <c r="P2820" t="s">
        <v>86</v>
      </c>
      <c r="Q2820">
        <v>10</v>
      </c>
      <c r="R2820">
        <v>10</v>
      </c>
      <c r="S2820">
        <v>10</v>
      </c>
      <c r="T2820">
        <v>10</v>
      </c>
      <c r="U2820">
        <v>10</v>
      </c>
      <c r="V2820">
        <v>10</v>
      </c>
      <c r="W2820">
        <v>10</v>
      </c>
      <c r="X2820">
        <v>10</v>
      </c>
      <c r="Y2820">
        <v>10</v>
      </c>
      <c r="Z2820">
        <v>11</v>
      </c>
      <c r="AA2820">
        <v>11</v>
      </c>
      <c r="AB2820">
        <v>11</v>
      </c>
      <c r="AC2820">
        <v>11</v>
      </c>
      <c r="AD2820">
        <v>11</v>
      </c>
      <c r="AE2820">
        <v>11</v>
      </c>
      <c r="AF2820">
        <v>11</v>
      </c>
      <c r="AG2820">
        <v>11</v>
      </c>
      <c r="AH2820">
        <v>11</v>
      </c>
      <c r="AI2820">
        <v>10</v>
      </c>
      <c r="AJ2820">
        <v>10</v>
      </c>
      <c r="AK2820">
        <v>10</v>
      </c>
      <c r="AL2820">
        <v>10</v>
      </c>
      <c r="AM2820">
        <v>10</v>
      </c>
      <c r="AN2820">
        <v>10</v>
      </c>
      <c r="AO2820">
        <v>10</v>
      </c>
      <c r="AP2820">
        <v>10</v>
      </c>
      <c r="AQ2820">
        <v>10</v>
      </c>
    </row>
    <row r="2821" spans="1:43">
      <c r="A2821" t="s">
        <v>1810</v>
      </c>
      <c r="B2821" t="s">
        <v>1811</v>
      </c>
      <c r="C2821" t="s">
        <v>1798</v>
      </c>
      <c r="D2821" t="s">
        <v>1799</v>
      </c>
      <c r="E2821" t="s">
        <v>1586</v>
      </c>
      <c r="F2821" t="s">
        <v>1587</v>
      </c>
      <c r="G2821" t="s">
        <v>80</v>
      </c>
      <c r="H2821" t="s">
        <v>81</v>
      </c>
      <c r="I2821" s="2">
        <v>0</v>
      </c>
      <c r="J2821" s="2">
        <v>0</v>
      </c>
      <c r="K2821" s="2">
        <v>1</v>
      </c>
      <c r="L2821" t="s">
        <v>995</v>
      </c>
      <c r="M2821" t="s">
        <v>83</v>
      </c>
      <c r="N2821" t="s">
        <v>91</v>
      </c>
      <c r="O2821" t="s">
        <v>85</v>
      </c>
      <c r="P2821" t="s">
        <v>86</v>
      </c>
      <c r="Q2821">
        <v>10</v>
      </c>
      <c r="R2821">
        <v>11</v>
      </c>
      <c r="S2821">
        <v>11</v>
      </c>
      <c r="T2821">
        <v>11</v>
      </c>
      <c r="U2821">
        <v>11</v>
      </c>
      <c r="V2821">
        <v>11</v>
      </c>
      <c r="W2821">
        <v>11</v>
      </c>
      <c r="X2821">
        <v>11</v>
      </c>
      <c r="Y2821">
        <v>11</v>
      </c>
      <c r="Z2821">
        <v>11</v>
      </c>
      <c r="AA2821">
        <v>11</v>
      </c>
      <c r="AB2821">
        <v>11</v>
      </c>
      <c r="AC2821">
        <v>11</v>
      </c>
      <c r="AD2821">
        <v>11</v>
      </c>
      <c r="AE2821">
        <v>11</v>
      </c>
      <c r="AF2821">
        <v>11</v>
      </c>
      <c r="AG2821">
        <v>11</v>
      </c>
      <c r="AH2821">
        <v>11</v>
      </c>
      <c r="AI2821">
        <v>11</v>
      </c>
      <c r="AJ2821">
        <v>11</v>
      </c>
      <c r="AK2821">
        <v>11</v>
      </c>
      <c r="AL2821">
        <v>11</v>
      </c>
      <c r="AM2821">
        <v>11</v>
      </c>
      <c r="AN2821">
        <v>11</v>
      </c>
      <c r="AO2821">
        <v>11</v>
      </c>
      <c r="AP2821">
        <v>11</v>
      </c>
      <c r="AQ2821">
        <v>11</v>
      </c>
    </row>
    <row r="2822" spans="1:43">
      <c r="A2822" t="s">
        <v>1812</v>
      </c>
      <c r="B2822" t="s">
        <v>1813</v>
      </c>
      <c r="C2822" t="s">
        <v>1706</v>
      </c>
      <c r="D2822" t="s">
        <v>1707</v>
      </c>
      <c r="E2822" t="s">
        <v>1586</v>
      </c>
      <c r="F2822" t="s">
        <v>1587</v>
      </c>
      <c r="G2822" t="s">
        <v>80</v>
      </c>
      <c r="H2822" t="s">
        <v>81</v>
      </c>
      <c r="I2822" s="2">
        <v>0</v>
      </c>
      <c r="J2822" s="2">
        <v>0</v>
      </c>
      <c r="K2822" s="2">
        <v>1</v>
      </c>
      <c r="L2822" t="s">
        <v>995</v>
      </c>
      <c r="M2822" t="s">
        <v>83</v>
      </c>
      <c r="N2822" t="s">
        <v>84</v>
      </c>
      <c r="O2822" t="s">
        <v>85</v>
      </c>
      <c r="P2822" t="s">
        <v>86</v>
      </c>
      <c r="Q2822">
        <v>9</v>
      </c>
      <c r="R2822">
        <v>9</v>
      </c>
      <c r="S2822">
        <v>9</v>
      </c>
      <c r="T2822">
        <v>9</v>
      </c>
      <c r="U2822">
        <v>9</v>
      </c>
      <c r="V2822">
        <v>9</v>
      </c>
      <c r="W2822">
        <v>9</v>
      </c>
      <c r="X2822">
        <v>9</v>
      </c>
      <c r="Y2822">
        <v>9</v>
      </c>
      <c r="Z2822">
        <v>9</v>
      </c>
      <c r="AA2822">
        <v>9</v>
      </c>
      <c r="AB2822">
        <v>9</v>
      </c>
      <c r="AC2822">
        <v>9</v>
      </c>
      <c r="AD2822">
        <v>9</v>
      </c>
      <c r="AE2822">
        <v>9</v>
      </c>
      <c r="AF2822">
        <v>9</v>
      </c>
      <c r="AG2822">
        <v>9</v>
      </c>
      <c r="AH2822">
        <v>9</v>
      </c>
      <c r="AI2822">
        <v>9</v>
      </c>
      <c r="AJ2822">
        <v>9</v>
      </c>
      <c r="AK2822">
        <v>9</v>
      </c>
      <c r="AL2822">
        <v>9</v>
      </c>
      <c r="AM2822">
        <v>9</v>
      </c>
      <c r="AN2822">
        <v>9</v>
      </c>
      <c r="AO2822">
        <v>9</v>
      </c>
      <c r="AP2822">
        <v>9</v>
      </c>
      <c r="AQ2822">
        <v>9</v>
      </c>
    </row>
    <row r="2823" spans="1:43">
      <c r="A2823" t="s">
        <v>1812</v>
      </c>
      <c r="B2823" t="s">
        <v>1813</v>
      </c>
      <c r="C2823" t="s">
        <v>1706</v>
      </c>
      <c r="D2823" t="s">
        <v>1707</v>
      </c>
      <c r="E2823" t="s">
        <v>1586</v>
      </c>
      <c r="F2823" t="s">
        <v>1587</v>
      </c>
      <c r="G2823" t="s">
        <v>80</v>
      </c>
      <c r="H2823" t="s">
        <v>81</v>
      </c>
      <c r="I2823" s="2">
        <v>0</v>
      </c>
      <c r="J2823" s="2">
        <v>0</v>
      </c>
      <c r="K2823" s="2">
        <v>1</v>
      </c>
      <c r="L2823" t="s">
        <v>995</v>
      </c>
      <c r="M2823" t="s">
        <v>87</v>
      </c>
      <c r="N2823" t="s">
        <v>88</v>
      </c>
      <c r="O2823" t="s">
        <v>85</v>
      </c>
      <c r="P2823" t="s">
        <v>86</v>
      </c>
      <c r="Q2823">
        <v>9</v>
      </c>
      <c r="R2823">
        <v>9</v>
      </c>
      <c r="S2823">
        <v>9</v>
      </c>
      <c r="T2823">
        <v>9</v>
      </c>
      <c r="U2823">
        <v>9</v>
      </c>
      <c r="V2823">
        <v>9</v>
      </c>
      <c r="W2823">
        <v>9</v>
      </c>
      <c r="X2823">
        <v>9</v>
      </c>
      <c r="Y2823">
        <v>9</v>
      </c>
      <c r="Z2823">
        <v>9</v>
      </c>
      <c r="AA2823">
        <v>9</v>
      </c>
      <c r="AB2823">
        <v>9</v>
      </c>
      <c r="AC2823">
        <v>9</v>
      </c>
      <c r="AD2823">
        <v>9</v>
      </c>
      <c r="AE2823">
        <v>9</v>
      </c>
      <c r="AF2823">
        <v>9</v>
      </c>
      <c r="AG2823">
        <v>9</v>
      </c>
      <c r="AH2823">
        <v>9</v>
      </c>
      <c r="AI2823">
        <v>9</v>
      </c>
      <c r="AJ2823">
        <v>9</v>
      </c>
      <c r="AK2823">
        <v>9</v>
      </c>
      <c r="AL2823">
        <v>9</v>
      </c>
      <c r="AM2823">
        <v>9</v>
      </c>
      <c r="AN2823">
        <v>9</v>
      </c>
      <c r="AO2823">
        <v>9</v>
      </c>
      <c r="AP2823">
        <v>9</v>
      </c>
      <c r="AQ2823">
        <v>8</v>
      </c>
    </row>
    <row r="2824" spans="1:43">
      <c r="A2824" t="s">
        <v>1812</v>
      </c>
      <c r="B2824" t="s">
        <v>1813</v>
      </c>
      <c r="C2824" t="s">
        <v>1706</v>
      </c>
      <c r="D2824" t="s">
        <v>1707</v>
      </c>
      <c r="E2824" t="s">
        <v>1586</v>
      </c>
      <c r="F2824" t="s">
        <v>1587</v>
      </c>
      <c r="G2824" t="s">
        <v>80</v>
      </c>
      <c r="H2824" t="s">
        <v>81</v>
      </c>
      <c r="I2824" s="2">
        <v>0</v>
      </c>
      <c r="J2824" s="2">
        <v>0</v>
      </c>
      <c r="K2824" s="2">
        <v>1</v>
      </c>
      <c r="L2824" t="s">
        <v>995</v>
      </c>
      <c r="M2824" t="s">
        <v>89</v>
      </c>
      <c r="N2824" t="s">
        <v>90</v>
      </c>
      <c r="O2824" t="s">
        <v>85</v>
      </c>
      <c r="P2824" t="s">
        <v>86</v>
      </c>
      <c r="Q2824">
        <v>9</v>
      </c>
      <c r="R2824">
        <v>9</v>
      </c>
      <c r="S2824">
        <v>9</v>
      </c>
      <c r="T2824">
        <v>9</v>
      </c>
      <c r="U2824">
        <v>9</v>
      </c>
      <c r="V2824">
        <v>9</v>
      </c>
      <c r="W2824">
        <v>9</v>
      </c>
      <c r="X2824">
        <v>9</v>
      </c>
      <c r="Y2824">
        <v>9</v>
      </c>
      <c r="Z2824">
        <v>9</v>
      </c>
      <c r="AA2824">
        <v>9</v>
      </c>
      <c r="AB2824">
        <v>9</v>
      </c>
      <c r="AC2824">
        <v>10</v>
      </c>
      <c r="AD2824">
        <v>10</v>
      </c>
      <c r="AE2824">
        <v>10</v>
      </c>
      <c r="AF2824">
        <v>9</v>
      </c>
      <c r="AG2824">
        <v>9</v>
      </c>
      <c r="AH2824">
        <v>9</v>
      </c>
      <c r="AI2824">
        <v>9</v>
      </c>
      <c r="AJ2824">
        <v>9</v>
      </c>
      <c r="AK2824">
        <v>9</v>
      </c>
      <c r="AL2824">
        <v>9</v>
      </c>
      <c r="AM2824">
        <v>9</v>
      </c>
      <c r="AN2824">
        <v>9</v>
      </c>
      <c r="AO2824">
        <v>9</v>
      </c>
      <c r="AP2824">
        <v>9</v>
      </c>
      <c r="AQ2824">
        <v>9</v>
      </c>
    </row>
    <row r="2825" spans="1:43">
      <c r="A2825" t="s">
        <v>1812</v>
      </c>
      <c r="B2825" t="s">
        <v>1813</v>
      </c>
      <c r="C2825" t="s">
        <v>1706</v>
      </c>
      <c r="D2825" t="s">
        <v>1707</v>
      </c>
      <c r="E2825" t="s">
        <v>1586</v>
      </c>
      <c r="F2825" t="s">
        <v>1587</v>
      </c>
      <c r="G2825" t="s">
        <v>80</v>
      </c>
      <c r="H2825" t="s">
        <v>81</v>
      </c>
      <c r="I2825" s="2">
        <v>0</v>
      </c>
      <c r="J2825" s="2">
        <v>0</v>
      </c>
      <c r="K2825" s="2">
        <v>1</v>
      </c>
      <c r="L2825" t="s">
        <v>995</v>
      </c>
      <c r="M2825" t="s">
        <v>83</v>
      </c>
      <c r="N2825" t="s">
        <v>91</v>
      </c>
      <c r="O2825" t="s">
        <v>85</v>
      </c>
      <c r="P2825" t="s">
        <v>86</v>
      </c>
      <c r="Q2825">
        <v>9</v>
      </c>
      <c r="R2825">
        <v>9</v>
      </c>
      <c r="S2825">
        <v>9</v>
      </c>
      <c r="T2825">
        <v>9</v>
      </c>
      <c r="U2825">
        <v>9</v>
      </c>
      <c r="V2825">
        <v>9</v>
      </c>
      <c r="W2825">
        <v>9</v>
      </c>
      <c r="X2825">
        <v>9</v>
      </c>
      <c r="Y2825">
        <v>9</v>
      </c>
      <c r="Z2825">
        <v>9</v>
      </c>
      <c r="AA2825">
        <v>9</v>
      </c>
      <c r="AB2825">
        <v>9</v>
      </c>
      <c r="AC2825">
        <v>9</v>
      </c>
      <c r="AD2825">
        <v>9</v>
      </c>
      <c r="AE2825">
        <v>9</v>
      </c>
      <c r="AF2825">
        <v>9</v>
      </c>
      <c r="AG2825">
        <v>9</v>
      </c>
      <c r="AH2825">
        <v>9</v>
      </c>
      <c r="AI2825">
        <v>9</v>
      </c>
      <c r="AJ2825">
        <v>9</v>
      </c>
      <c r="AK2825">
        <v>9</v>
      </c>
      <c r="AL2825">
        <v>9</v>
      </c>
      <c r="AM2825">
        <v>9</v>
      </c>
      <c r="AN2825">
        <v>9</v>
      </c>
      <c r="AO2825">
        <v>9</v>
      </c>
      <c r="AP2825">
        <v>9</v>
      </c>
      <c r="AQ2825">
        <v>9</v>
      </c>
    </row>
    <row r="2826" spans="1:43">
      <c r="A2826" t="s">
        <v>1814</v>
      </c>
      <c r="B2826" t="s">
        <v>1815</v>
      </c>
      <c r="C2826" t="s">
        <v>1706</v>
      </c>
      <c r="D2826" t="s">
        <v>1707</v>
      </c>
      <c r="E2826" t="s">
        <v>1586</v>
      </c>
      <c r="F2826" t="s">
        <v>1587</v>
      </c>
      <c r="G2826" t="s">
        <v>80</v>
      </c>
      <c r="H2826" t="s">
        <v>81</v>
      </c>
      <c r="I2826" s="2">
        <v>0</v>
      </c>
      <c r="J2826" s="2">
        <v>0</v>
      </c>
      <c r="K2826" s="2">
        <v>1</v>
      </c>
      <c r="L2826" t="s">
        <v>995</v>
      </c>
      <c r="M2826" t="s">
        <v>83</v>
      </c>
      <c r="N2826" t="s">
        <v>84</v>
      </c>
      <c r="O2826" t="s">
        <v>85</v>
      </c>
      <c r="P2826" t="s">
        <v>86</v>
      </c>
      <c r="Q2826">
        <v>26</v>
      </c>
      <c r="R2826">
        <v>26</v>
      </c>
      <c r="S2826">
        <v>26</v>
      </c>
      <c r="T2826">
        <v>26</v>
      </c>
      <c r="U2826">
        <v>27</v>
      </c>
      <c r="V2826">
        <v>27</v>
      </c>
      <c r="W2826">
        <v>27</v>
      </c>
      <c r="X2826">
        <v>27</v>
      </c>
      <c r="Y2826">
        <v>27</v>
      </c>
      <c r="Z2826">
        <v>27</v>
      </c>
      <c r="AA2826">
        <v>27</v>
      </c>
      <c r="AB2826">
        <v>27</v>
      </c>
      <c r="AC2826">
        <v>27</v>
      </c>
      <c r="AD2826">
        <v>27</v>
      </c>
      <c r="AE2826">
        <v>27</v>
      </c>
      <c r="AF2826">
        <v>27</v>
      </c>
      <c r="AG2826">
        <v>27</v>
      </c>
      <c r="AH2826">
        <v>27</v>
      </c>
      <c r="AI2826">
        <v>27</v>
      </c>
      <c r="AJ2826">
        <v>27</v>
      </c>
      <c r="AK2826">
        <v>27</v>
      </c>
      <c r="AL2826">
        <v>27</v>
      </c>
      <c r="AM2826">
        <v>27</v>
      </c>
      <c r="AN2826">
        <v>27</v>
      </c>
      <c r="AO2826">
        <v>27</v>
      </c>
      <c r="AP2826">
        <v>26</v>
      </c>
      <c r="AQ2826">
        <v>26</v>
      </c>
    </row>
    <row r="2827" spans="1:43">
      <c r="A2827" t="s">
        <v>1814</v>
      </c>
      <c r="B2827" t="s">
        <v>1815</v>
      </c>
      <c r="C2827" t="s">
        <v>1706</v>
      </c>
      <c r="D2827" t="s">
        <v>1707</v>
      </c>
      <c r="E2827" t="s">
        <v>1586</v>
      </c>
      <c r="F2827" t="s">
        <v>1587</v>
      </c>
      <c r="G2827" t="s">
        <v>80</v>
      </c>
      <c r="H2827" t="s">
        <v>81</v>
      </c>
      <c r="I2827" s="2">
        <v>0</v>
      </c>
      <c r="J2827" s="2">
        <v>0</v>
      </c>
      <c r="K2827" s="2">
        <v>1</v>
      </c>
      <c r="L2827" t="s">
        <v>995</v>
      </c>
      <c r="M2827" t="s">
        <v>87</v>
      </c>
      <c r="N2827" t="s">
        <v>88</v>
      </c>
      <c r="O2827" t="s">
        <v>85</v>
      </c>
      <c r="P2827" t="s">
        <v>86</v>
      </c>
      <c r="Q2827">
        <v>26</v>
      </c>
      <c r="R2827">
        <v>26</v>
      </c>
      <c r="S2827">
        <v>26</v>
      </c>
      <c r="T2827">
        <v>26</v>
      </c>
      <c r="U2827">
        <v>25</v>
      </c>
      <c r="V2827">
        <v>25</v>
      </c>
      <c r="W2827">
        <v>25</v>
      </c>
      <c r="X2827">
        <v>25</v>
      </c>
      <c r="Y2827">
        <v>25</v>
      </c>
      <c r="Z2827">
        <v>25</v>
      </c>
      <c r="AA2827">
        <v>25</v>
      </c>
      <c r="AB2827">
        <v>25</v>
      </c>
      <c r="AC2827">
        <v>24</v>
      </c>
      <c r="AD2827">
        <v>24</v>
      </c>
      <c r="AE2827">
        <v>24</v>
      </c>
      <c r="AF2827">
        <v>24</v>
      </c>
      <c r="AG2827">
        <v>24</v>
      </c>
      <c r="AH2827">
        <v>24</v>
      </c>
      <c r="AI2827">
        <v>24</v>
      </c>
      <c r="AJ2827">
        <v>24</v>
      </c>
      <c r="AK2827">
        <v>24</v>
      </c>
      <c r="AL2827">
        <v>23</v>
      </c>
      <c r="AM2827">
        <v>23</v>
      </c>
      <c r="AN2827">
        <v>23</v>
      </c>
      <c r="AO2827">
        <v>23</v>
      </c>
      <c r="AP2827">
        <v>23</v>
      </c>
      <c r="AQ2827">
        <v>23</v>
      </c>
    </row>
    <row r="2828" spans="1:43">
      <c r="A2828" t="s">
        <v>1814</v>
      </c>
      <c r="B2828" t="s">
        <v>1815</v>
      </c>
      <c r="C2828" t="s">
        <v>1706</v>
      </c>
      <c r="D2828" t="s">
        <v>1707</v>
      </c>
      <c r="E2828" t="s">
        <v>1586</v>
      </c>
      <c r="F2828" t="s">
        <v>1587</v>
      </c>
      <c r="G2828" t="s">
        <v>80</v>
      </c>
      <c r="H2828" t="s">
        <v>81</v>
      </c>
      <c r="I2828" s="2">
        <v>0</v>
      </c>
      <c r="J2828" s="2">
        <v>0</v>
      </c>
      <c r="K2828" s="2">
        <v>1</v>
      </c>
      <c r="L2828" t="s">
        <v>995</v>
      </c>
      <c r="M2828" t="s">
        <v>89</v>
      </c>
      <c r="N2828" t="s">
        <v>90</v>
      </c>
      <c r="O2828" t="s">
        <v>85</v>
      </c>
      <c r="P2828" t="s">
        <v>86</v>
      </c>
      <c r="Q2828">
        <v>26</v>
      </c>
      <c r="R2828">
        <v>27</v>
      </c>
      <c r="S2828">
        <v>27</v>
      </c>
      <c r="T2828">
        <v>27</v>
      </c>
      <c r="U2828">
        <v>28</v>
      </c>
      <c r="V2828">
        <v>28</v>
      </c>
      <c r="W2828">
        <v>28</v>
      </c>
      <c r="X2828">
        <v>28</v>
      </c>
      <c r="Y2828">
        <v>29</v>
      </c>
      <c r="Z2828">
        <v>29</v>
      </c>
      <c r="AA2828">
        <v>29</v>
      </c>
      <c r="AB2828">
        <v>29</v>
      </c>
      <c r="AC2828">
        <v>29</v>
      </c>
      <c r="AD2828">
        <v>29</v>
      </c>
      <c r="AE2828">
        <v>29</v>
      </c>
      <c r="AF2828">
        <v>29</v>
      </c>
      <c r="AG2828">
        <v>29</v>
      </c>
      <c r="AH2828">
        <v>29</v>
      </c>
      <c r="AI2828">
        <v>28</v>
      </c>
      <c r="AJ2828">
        <v>28</v>
      </c>
      <c r="AK2828">
        <v>28</v>
      </c>
      <c r="AL2828">
        <v>28</v>
      </c>
      <c r="AM2828">
        <v>27</v>
      </c>
      <c r="AN2828">
        <v>27</v>
      </c>
      <c r="AO2828">
        <v>27</v>
      </c>
      <c r="AP2828">
        <v>27</v>
      </c>
      <c r="AQ2828">
        <v>27</v>
      </c>
    </row>
    <row r="2829" spans="1:43">
      <c r="A2829" t="s">
        <v>1814</v>
      </c>
      <c r="B2829" t="s">
        <v>1815</v>
      </c>
      <c r="C2829" t="s">
        <v>1706</v>
      </c>
      <c r="D2829" t="s">
        <v>1707</v>
      </c>
      <c r="E2829" t="s">
        <v>1586</v>
      </c>
      <c r="F2829" t="s">
        <v>1587</v>
      </c>
      <c r="G2829" t="s">
        <v>80</v>
      </c>
      <c r="H2829" t="s">
        <v>81</v>
      </c>
      <c r="I2829" s="2">
        <v>0</v>
      </c>
      <c r="J2829" s="2">
        <v>0</v>
      </c>
      <c r="K2829" s="2">
        <v>1</v>
      </c>
      <c r="L2829" t="s">
        <v>995</v>
      </c>
      <c r="M2829" t="s">
        <v>83</v>
      </c>
      <c r="N2829" t="s">
        <v>91</v>
      </c>
      <c r="O2829" t="s">
        <v>85</v>
      </c>
      <c r="P2829" t="s">
        <v>86</v>
      </c>
      <c r="Q2829">
        <v>26</v>
      </c>
      <c r="R2829">
        <v>26</v>
      </c>
      <c r="S2829">
        <v>26</v>
      </c>
      <c r="T2829">
        <v>26</v>
      </c>
      <c r="U2829">
        <v>27</v>
      </c>
      <c r="V2829">
        <v>27</v>
      </c>
      <c r="W2829">
        <v>27</v>
      </c>
      <c r="X2829">
        <v>27</v>
      </c>
      <c r="Y2829">
        <v>27</v>
      </c>
      <c r="Z2829">
        <v>27</v>
      </c>
      <c r="AA2829">
        <v>27</v>
      </c>
      <c r="AB2829">
        <v>27</v>
      </c>
      <c r="AC2829">
        <v>27</v>
      </c>
      <c r="AD2829">
        <v>27</v>
      </c>
      <c r="AE2829">
        <v>27</v>
      </c>
      <c r="AF2829">
        <v>27</v>
      </c>
      <c r="AG2829">
        <v>27</v>
      </c>
      <c r="AH2829">
        <v>27</v>
      </c>
      <c r="AI2829">
        <v>27</v>
      </c>
      <c r="AJ2829">
        <v>27</v>
      </c>
      <c r="AK2829">
        <v>27</v>
      </c>
      <c r="AL2829">
        <v>27</v>
      </c>
      <c r="AM2829">
        <v>27</v>
      </c>
      <c r="AN2829">
        <v>27</v>
      </c>
      <c r="AO2829">
        <v>27</v>
      </c>
      <c r="AP2829">
        <v>26</v>
      </c>
      <c r="AQ2829">
        <v>26</v>
      </c>
    </row>
    <row r="2830" spans="1:43">
      <c r="A2830" t="s">
        <v>1816</v>
      </c>
      <c r="B2830" t="s">
        <v>1817</v>
      </c>
      <c r="C2830" t="s">
        <v>1798</v>
      </c>
      <c r="D2830" t="s">
        <v>1799</v>
      </c>
      <c r="E2830" t="s">
        <v>1586</v>
      </c>
      <c r="F2830" t="s">
        <v>1587</v>
      </c>
      <c r="G2830" t="s">
        <v>80</v>
      </c>
      <c r="H2830" t="s">
        <v>81</v>
      </c>
      <c r="I2830" s="2">
        <v>0</v>
      </c>
      <c r="J2830" s="2">
        <v>0</v>
      </c>
      <c r="K2830" s="2">
        <v>1</v>
      </c>
      <c r="L2830" t="s">
        <v>995</v>
      </c>
      <c r="M2830" t="s">
        <v>83</v>
      </c>
      <c r="N2830" t="s">
        <v>84</v>
      </c>
      <c r="O2830" t="s">
        <v>85</v>
      </c>
      <c r="P2830" t="s">
        <v>86</v>
      </c>
      <c r="Q2830">
        <v>32</v>
      </c>
      <c r="R2830">
        <v>32</v>
      </c>
      <c r="S2830">
        <v>32</v>
      </c>
      <c r="T2830">
        <v>33</v>
      </c>
      <c r="U2830">
        <v>33</v>
      </c>
      <c r="V2830">
        <v>33</v>
      </c>
      <c r="W2830">
        <v>33</v>
      </c>
      <c r="X2830">
        <v>33</v>
      </c>
      <c r="Y2830">
        <v>33</v>
      </c>
      <c r="Z2830">
        <v>33</v>
      </c>
      <c r="AA2830">
        <v>33</v>
      </c>
      <c r="AB2830">
        <v>34</v>
      </c>
      <c r="AC2830">
        <v>34</v>
      </c>
      <c r="AD2830">
        <v>34</v>
      </c>
      <c r="AE2830">
        <v>34</v>
      </c>
      <c r="AF2830">
        <v>34</v>
      </c>
      <c r="AG2830">
        <v>34</v>
      </c>
      <c r="AH2830">
        <v>34</v>
      </c>
      <c r="AI2830">
        <v>34</v>
      </c>
      <c r="AJ2830">
        <v>34</v>
      </c>
      <c r="AK2830">
        <v>34</v>
      </c>
      <c r="AL2830">
        <v>34</v>
      </c>
      <c r="AM2830">
        <v>34</v>
      </c>
      <c r="AN2830">
        <v>33</v>
      </c>
      <c r="AO2830">
        <v>33</v>
      </c>
      <c r="AP2830">
        <v>33</v>
      </c>
      <c r="AQ2830">
        <v>33</v>
      </c>
    </row>
    <row r="2831" spans="1:43">
      <c r="A2831" t="s">
        <v>1816</v>
      </c>
      <c r="B2831" t="s">
        <v>1817</v>
      </c>
      <c r="C2831" t="s">
        <v>1798</v>
      </c>
      <c r="D2831" t="s">
        <v>1799</v>
      </c>
      <c r="E2831" t="s">
        <v>1586</v>
      </c>
      <c r="F2831" t="s">
        <v>1587</v>
      </c>
      <c r="G2831" t="s">
        <v>80</v>
      </c>
      <c r="H2831" t="s">
        <v>81</v>
      </c>
      <c r="I2831" s="2">
        <v>0</v>
      </c>
      <c r="J2831" s="2">
        <v>0</v>
      </c>
      <c r="K2831" s="2">
        <v>1</v>
      </c>
      <c r="L2831" t="s">
        <v>995</v>
      </c>
      <c r="M2831" t="s">
        <v>87</v>
      </c>
      <c r="N2831" t="s">
        <v>88</v>
      </c>
      <c r="O2831" t="s">
        <v>85</v>
      </c>
      <c r="P2831" t="s">
        <v>86</v>
      </c>
      <c r="Q2831">
        <v>32</v>
      </c>
      <c r="R2831">
        <v>32</v>
      </c>
      <c r="S2831">
        <v>32</v>
      </c>
      <c r="T2831">
        <v>31</v>
      </c>
      <c r="U2831">
        <v>31</v>
      </c>
      <c r="V2831">
        <v>31</v>
      </c>
      <c r="W2831">
        <v>31</v>
      </c>
      <c r="X2831">
        <v>31</v>
      </c>
      <c r="Y2831">
        <v>31</v>
      </c>
      <c r="Z2831">
        <v>31</v>
      </c>
      <c r="AA2831">
        <v>30</v>
      </c>
      <c r="AB2831">
        <v>30</v>
      </c>
      <c r="AC2831">
        <v>30</v>
      </c>
      <c r="AD2831">
        <v>30</v>
      </c>
      <c r="AE2831">
        <v>30</v>
      </c>
      <c r="AF2831">
        <v>30</v>
      </c>
      <c r="AG2831">
        <v>30</v>
      </c>
      <c r="AH2831">
        <v>30</v>
      </c>
      <c r="AI2831">
        <v>29</v>
      </c>
      <c r="AJ2831">
        <v>29</v>
      </c>
      <c r="AK2831">
        <v>29</v>
      </c>
      <c r="AL2831">
        <v>29</v>
      </c>
      <c r="AM2831">
        <v>29</v>
      </c>
      <c r="AN2831">
        <v>29</v>
      </c>
      <c r="AO2831">
        <v>29</v>
      </c>
      <c r="AP2831">
        <v>29</v>
      </c>
      <c r="AQ2831">
        <v>29</v>
      </c>
    </row>
    <row r="2832" spans="1:43">
      <c r="A2832" t="s">
        <v>1816</v>
      </c>
      <c r="B2832" t="s">
        <v>1817</v>
      </c>
      <c r="C2832" t="s">
        <v>1798</v>
      </c>
      <c r="D2832" t="s">
        <v>1799</v>
      </c>
      <c r="E2832" t="s">
        <v>1586</v>
      </c>
      <c r="F2832" t="s">
        <v>1587</v>
      </c>
      <c r="G2832" t="s">
        <v>80</v>
      </c>
      <c r="H2832" t="s">
        <v>81</v>
      </c>
      <c r="I2832" s="2">
        <v>0</v>
      </c>
      <c r="J2832" s="2">
        <v>0</v>
      </c>
      <c r="K2832" s="2">
        <v>1</v>
      </c>
      <c r="L2832" t="s">
        <v>995</v>
      </c>
      <c r="M2832" t="s">
        <v>89</v>
      </c>
      <c r="N2832" t="s">
        <v>90</v>
      </c>
      <c r="O2832" t="s">
        <v>85</v>
      </c>
      <c r="P2832" t="s">
        <v>86</v>
      </c>
      <c r="Q2832">
        <v>32</v>
      </c>
      <c r="R2832">
        <v>33</v>
      </c>
      <c r="S2832">
        <v>33</v>
      </c>
      <c r="T2832">
        <v>34</v>
      </c>
      <c r="U2832">
        <v>34</v>
      </c>
      <c r="V2832">
        <v>34</v>
      </c>
      <c r="W2832">
        <v>35</v>
      </c>
      <c r="X2832">
        <v>35</v>
      </c>
      <c r="Y2832">
        <v>35</v>
      </c>
      <c r="Z2832">
        <v>35</v>
      </c>
      <c r="AA2832">
        <v>36</v>
      </c>
      <c r="AB2832">
        <v>36</v>
      </c>
      <c r="AC2832">
        <v>36</v>
      </c>
      <c r="AD2832">
        <v>36</v>
      </c>
      <c r="AE2832">
        <v>36</v>
      </c>
      <c r="AF2832">
        <v>36</v>
      </c>
      <c r="AG2832">
        <v>36</v>
      </c>
      <c r="AH2832">
        <v>35</v>
      </c>
      <c r="AI2832">
        <v>35</v>
      </c>
      <c r="AJ2832">
        <v>35</v>
      </c>
      <c r="AK2832">
        <v>35</v>
      </c>
      <c r="AL2832">
        <v>34</v>
      </c>
      <c r="AM2832">
        <v>34</v>
      </c>
      <c r="AN2832">
        <v>34</v>
      </c>
      <c r="AO2832">
        <v>34</v>
      </c>
      <c r="AP2832">
        <v>33</v>
      </c>
      <c r="AQ2832">
        <v>33</v>
      </c>
    </row>
    <row r="2833" spans="1:43">
      <c r="A2833" t="s">
        <v>1816</v>
      </c>
      <c r="B2833" t="s">
        <v>1817</v>
      </c>
      <c r="C2833" t="s">
        <v>1798</v>
      </c>
      <c r="D2833" t="s">
        <v>1799</v>
      </c>
      <c r="E2833" t="s">
        <v>1586</v>
      </c>
      <c r="F2833" t="s">
        <v>1587</v>
      </c>
      <c r="G2833" t="s">
        <v>80</v>
      </c>
      <c r="H2833" t="s">
        <v>81</v>
      </c>
      <c r="I2833" s="2">
        <v>0</v>
      </c>
      <c r="J2833" s="2">
        <v>0</v>
      </c>
      <c r="K2833" s="2">
        <v>1</v>
      </c>
      <c r="L2833" t="s">
        <v>995</v>
      </c>
      <c r="M2833" t="s">
        <v>83</v>
      </c>
      <c r="N2833" t="s">
        <v>91</v>
      </c>
      <c r="O2833" t="s">
        <v>85</v>
      </c>
      <c r="P2833" t="s">
        <v>86</v>
      </c>
      <c r="Q2833">
        <v>32</v>
      </c>
      <c r="R2833">
        <v>32</v>
      </c>
      <c r="S2833">
        <v>32</v>
      </c>
      <c r="T2833">
        <v>33</v>
      </c>
      <c r="U2833">
        <v>33</v>
      </c>
      <c r="V2833">
        <v>33</v>
      </c>
      <c r="W2833">
        <v>33</v>
      </c>
      <c r="X2833">
        <v>33</v>
      </c>
      <c r="Y2833">
        <v>33</v>
      </c>
      <c r="Z2833">
        <v>33</v>
      </c>
      <c r="AA2833">
        <v>33</v>
      </c>
      <c r="AB2833">
        <v>34</v>
      </c>
      <c r="AC2833">
        <v>34</v>
      </c>
      <c r="AD2833">
        <v>34</v>
      </c>
      <c r="AE2833">
        <v>34</v>
      </c>
      <c r="AF2833">
        <v>34</v>
      </c>
      <c r="AG2833">
        <v>34</v>
      </c>
      <c r="AH2833">
        <v>34</v>
      </c>
      <c r="AI2833">
        <v>34</v>
      </c>
      <c r="AJ2833">
        <v>34</v>
      </c>
      <c r="AK2833">
        <v>34</v>
      </c>
      <c r="AL2833">
        <v>34</v>
      </c>
      <c r="AM2833">
        <v>34</v>
      </c>
      <c r="AN2833">
        <v>33</v>
      </c>
      <c r="AO2833">
        <v>33</v>
      </c>
      <c r="AP2833">
        <v>33</v>
      </c>
      <c r="AQ2833">
        <v>33</v>
      </c>
    </row>
    <row r="2834" spans="1:43">
      <c r="A2834" t="s">
        <v>1818</v>
      </c>
      <c r="B2834" t="s">
        <v>1819</v>
      </c>
      <c r="C2834" t="s">
        <v>1798</v>
      </c>
      <c r="D2834" t="s">
        <v>1799</v>
      </c>
      <c r="E2834" t="s">
        <v>1586</v>
      </c>
      <c r="F2834" t="s">
        <v>1587</v>
      </c>
      <c r="G2834" t="s">
        <v>80</v>
      </c>
      <c r="H2834" t="s">
        <v>81</v>
      </c>
      <c r="I2834" s="2">
        <v>0</v>
      </c>
      <c r="J2834" s="2">
        <v>0</v>
      </c>
      <c r="K2834" s="2">
        <v>1</v>
      </c>
      <c r="L2834" t="s">
        <v>995</v>
      </c>
      <c r="M2834" t="s">
        <v>83</v>
      </c>
      <c r="N2834" t="s">
        <v>84</v>
      </c>
      <c r="O2834" t="s">
        <v>85</v>
      </c>
      <c r="P2834" t="s">
        <v>86</v>
      </c>
      <c r="Q2834">
        <v>9</v>
      </c>
      <c r="R2834">
        <v>9</v>
      </c>
      <c r="S2834">
        <v>9</v>
      </c>
      <c r="T2834">
        <v>10</v>
      </c>
      <c r="U2834">
        <v>10</v>
      </c>
      <c r="V2834">
        <v>10</v>
      </c>
      <c r="W2834">
        <v>10</v>
      </c>
      <c r="X2834">
        <v>10</v>
      </c>
      <c r="Y2834">
        <v>10</v>
      </c>
      <c r="Z2834">
        <v>10</v>
      </c>
      <c r="AA2834">
        <v>10</v>
      </c>
      <c r="AB2834">
        <v>10</v>
      </c>
      <c r="AC2834">
        <v>10</v>
      </c>
      <c r="AD2834">
        <v>10</v>
      </c>
      <c r="AE2834">
        <v>10</v>
      </c>
      <c r="AF2834">
        <v>10</v>
      </c>
      <c r="AG2834">
        <v>10</v>
      </c>
      <c r="AH2834">
        <v>10</v>
      </c>
      <c r="AI2834">
        <v>10</v>
      </c>
      <c r="AJ2834">
        <v>10</v>
      </c>
      <c r="AK2834">
        <v>10</v>
      </c>
      <c r="AL2834">
        <v>10</v>
      </c>
      <c r="AM2834">
        <v>10</v>
      </c>
      <c r="AN2834">
        <v>10</v>
      </c>
      <c r="AO2834">
        <v>10</v>
      </c>
      <c r="AP2834">
        <v>10</v>
      </c>
      <c r="AQ2834">
        <v>9</v>
      </c>
    </row>
    <row r="2835" spans="1:43">
      <c r="A2835" t="s">
        <v>1818</v>
      </c>
      <c r="B2835" t="s">
        <v>1819</v>
      </c>
      <c r="C2835" t="s">
        <v>1798</v>
      </c>
      <c r="D2835" t="s">
        <v>1799</v>
      </c>
      <c r="E2835" t="s">
        <v>1586</v>
      </c>
      <c r="F2835" t="s">
        <v>1587</v>
      </c>
      <c r="G2835" t="s">
        <v>80</v>
      </c>
      <c r="H2835" t="s">
        <v>81</v>
      </c>
      <c r="I2835" s="2">
        <v>0</v>
      </c>
      <c r="J2835" s="2">
        <v>0</v>
      </c>
      <c r="K2835" s="2">
        <v>1</v>
      </c>
      <c r="L2835" t="s">
        <v>995</v>
      </c>
      <c r="M2835" t="s">
        <v>87</v>
      </c>
      <c r="N2835" t="s">
        <v>88</v>
      </c>
      <c r="O2835" t="s">
        <v>85</v>
      </c>
      <c r="P2835" t="s">
        <v>86</v>
      </c>
      <c r="Q2835">
        <v>9</v>
      </c>
      <c r="R2835">
        <v>9</v>
      </c>
      <c r="S2835">
        <v>9</v>
      </c>
      <c r="T2835">
        <v>9</v>
      </c>
      <c r="U2835">
        <v>9</v>
      </c>
      <c r="V2835">
        <v>9</v>
      </c>
      <c r="W2835">
        <v>9</v>
      </c>
      <c r="X2835">
        <v>9</v>
      </c>
      <c r="Y2835">
        <v>9</v>
      </c>
      <c r="Z2835">
        <v>9</v>
      </c>
      <c r="AA2835">
        <v>9</v>
      </c>
      <c r="AB2835">
        <v>9</v>
      </c>
      <c r="AC2835">
        <v>9</v>
      </c>
      <c r="AD2835">
        <v>9</v>
      </c>
      <c r="AE2835">
        <v>9</v>
      </c>
      <c r="AF2835">
        <v>9</v>
      </c>
      <c r="AG2835">
        <v>9</v>
      </c>
      <c r="AH2835">
        <v>9</v>
      </c>
      <c r="AI2835">
        <v>9</v>
      </c>
      <c r="AJ2835">
        <v>9</v>
      </c>
      <c r="AK2835">
        <v>8</v>
      </c>
      <c r="AL2835">
        <v>8</v>
      </c>
      <c r="AM2835">
        <v>8</v>
      </c>
      <c r="AN2835">
        <v>8</v>
      </c>
      <c r="AO2835">
        <v>8</v>
      </c>
      <c r="AP2835">
        <v>8</v>
      </c>
      <c r="AQ2835">
        <v>8</v>
      </c>
    </row>
    <row r="2836" spans="1:43">
      <c r="A2836" t="s">
        <v>1818</v>
      </c>
      <c r="B2836" t="s">
        <v>1819</v>
      </c>
      <c r="C2836" t="s">
        <v>1798</v>
      </c>
      <c r="D2836" t="s">
        <v>1799</v>
      </c>
      <c r="E2836" t="s">
        <v>1586</v>
      </c>
      <c r="F2836" t="s">
        <v>1587</v>
      </c>
      <c r="G2836" t="s">
        <v>80</v>
      </c>
      <c r="H2836" t="s">
        <v>81</v>
      </c>
      <c r="I2836" s="2">
        <v>0</v>
      </c>
      <c r="J2836" s="2">
        <v>0</v>
      </c>
      <c r="K2836" s="2">
        <v>1</v>
      </c>
      <c r="L2836" t="s">
        <v>995</v>
      </c>
      <c r="M2836" t="s">
        <v>89</v>
      </c>
      <c r="N2836" t="s">
        <v>90</v>
      </c>
      <c r="O2836" t="s">
        <v>85</v>
      </c>
      <c r="P2836" t="s">
        <v>86</v>
      </c>
      <c r="Q2836">
        <v>9</v>
      </c>
      <c r="R2836">
        <v>9</v>
      </c>
      <c r="S2836">
        <v>9</v>
      </c>
      <c r="T2836">
        <v>9</v>
      </c>
      <c r="U2836">
        <v>9</v>
      </c>
      <c r="V2836">
        <v>9</v>
      </c>
      <c r="W2836">
        <v>9</v>
      </c>
      <c r="X2836">
        <v>9</v>
      </c>
      <c r="Y2836">
        <v>9</v>
      </c>
      <c r="Z2836">
        <v>9</v>
      </c>
      <c r="AA2836">
        <v>9</v>
      </c>
      <c r="AB2836">
        <v>9</v>
      </c>
      <c r="AC2836">
        <v>9</v>
      </c>
      <c r="AD2836">
        <v>10</v>
      </c>
      <c r="AE2836">
        <v>10</v>
      </c>
      <c r="AF2836">
        <v>9</v>
      </c>
      <c r="AG2836">
        <v>9</v>
      </c>
      <c r="AH2836">
        <v>9</v>
      </c>
      <c r="AI2836">
        <v>9</v>
      </c>
      <c r="AJ2836">
        <v>9</v>
      </c>
      <c r="AK2836">
        <v>9</v>
      </c>
      <c r="AL2836">
        <v>9</v>
      </c>
      <c r="AM2836">
        <v>9</v>
      </c>
      <c r="AN2836">
        <v>9</v>
      </c>
      <c r="AO2836">
        <v>9</v>
      </c>
      <c r="AP2836">
        <v>9</v>
      </c>
      <c r="AQ2836">
        <v>9</v>
      </c>
    </row>
    <row r="2837" spans="1:43">
      <c r="A2837" t="s">
        <v>1818</v>
      </c>
      <c r="B2837" t="s">
        <v>1819</v>
      </c>
      <c r="C2837" t="s">
        <v>1798</v>
      </c>
      <c r="D2837" t="s">
        <v>1799</v>
      </c>
      <c r="E2837" t="s">
        <v>1586</v>
      </c>
      <c r="F2837" t="s">
        <v>1587</v>
      </c>
      <c r="G2837" t="s">
        <v>80</v>
      </c>
      <c r="H2837" t="s">
        <v>81</v>
      </c>
      <c r="I2837" s="2">
        <v>0</v>
      </c>
      <c r="J2837" s="2">
        <v>0</v>
      </c>
      <c r="K2837" s="2">
        <v>1</v>
      </c>
      <c r="L2837" t="s">
        <v>995</v>
      </c>
      <c r="M2837" t="s">
        <v>83</v>
      </c>
      <c r="N2837" t="s">
        <v>91</v>
      </c>
      <c r="O2837" t="s">
        <v>85</v>
      </c>
      <c r="P2837" t="s">
        <v>86</v>
      </c>
      <c r="Q2837">
        <v>9</v>
      </c>
      <c r="R2837">
        <v>9</v>
      </c>
      <c r="S2837">
        <v>9</v>
      </c>
      <c r="T2837">
        <v>10</v>
      </c>
      <c r="U2837">
        <v>10</v>
      </c>
      <c r="V2837">
        <v>10</v>
      </c>
      <c r="W2837">
        <v>10</v>
      </c>
      <c r="X2837">
        <v>10</v>
      </c>
      <c r="Y2837">
        <v>10</v>
      </c>
      <c r="Z2837">
        <v>10</v>
      </c>
      <c r="AA2837">
        <v>10</v>
      </c>
      <c r="AB2837">
        <v>10</v>
      </c>
      <c r="AC2837">
        <v>10</v>
      </c>
      <c r="AD2837">
        <v>10</v>
      </c>
      <c r="AE2837">
        <v>10</v>
      </c>
      <c r="AF2837">
        <v>10</v>
      </c>
      <c r="AG2837">
        <v>10</v>
      </c>
      <c r="AH2837">
        <v>10</v>
      </c>
      <c r="AI2837">
        <v>10</v>
      </c>
      <c r="AJ2837">
        <v>10</v>
      </c>
      <c r="AK2837">
        <v>10</v>
      </c>
      <c r="AL2837">
        <v>10</v>
      </c>
      <c r="AM2837">
        <v>10</v>
      </c>
      <c r="AN2837">
        <v>10</v>
      </c>
      <c r="AO2837">
        <v>10</v>
      </c>
      <c r="AP2837">
        <v>10</v>
      </c>
      <c r="AQ2837">
        <v>9</v>
      </c>
    </row>
    <row r="2838" spans="1:43">
      <c r="A2838" t="s">
        <v>1820</v>
      </c>
      <c r="B2838" t="s">
        <v>1821</v>
      </c>
      <c r="C2838" t="s">
        <v>1822</v>
      </c>
      <c r="D2838" t="s">
        <v>1823</v>
      </c>
      <c r="E2838" t="s">
        <v>1586</v>
      </c>
      <c r="F2838" t="s">
        <v>1587</v>
      </c>
      <c r="G2838" t="s">
        <v>80</v>
      </c>
      <c r="H2838" t="s">
        <v>81</v>
      </c>
      <c r="I2838" s="2">
        <v>0</v>
      </c>
      <c r="J2838" s="2">
        <v>1</v>
      </c>
      <c r="K2838" s="2">
        <v>0</v>
      </c>
      <c r="L2838" t="s">
        <v>82</v>
      </c>
      <c r="M2838" t="s">
        <v>83</v>
      </c>
      <c r="N2838" t="s">
        <v>84</v>
      </c>
      <c r="O2838" t="s">
        <v>85</v>
      </c>
      <c r="P2838" t="s">
        <v>86</v>
      </c>
      <c r="Q2838">
        <v>99</v>
      </c>
      <c r="R2838">
        <v>99</v>
      </c>
      <c r="S2838">
        <v>99</v>
      </c>
      <c r="T2838">
        <v>99</v>
      </c>
      <c r="U2838">
        <v>100</v>
      </c>
      <c r="V2838">
        <v>100</v>
      </c>
      <c r="W2838">
        <v>100</v>
      </c>
      <c r="X2838">
        <v>100</v>
      </c>
      <c r="Y2838">
        <v>101</v>
      </c>
      <c r="Z2838">
        <v>101</v>
      </c>
      <c r="AA2838">
        <v>101</v>
      </c>
      <c r="AB2838">
        <v>101</v>
      </c>
      <c r="AC2838">
        <v>101</v>
      </c>
      <c r="AD2838">
        <v>101</v>
      </c>
      <c r="AE2838">
        <v>102</v>
      </c>
      <c r="AF2838">
        <v>102</v>
      </c>
      <c r="AG2838">
        <v>102</v>
      </c>
      <c r="AH2838">
        <v>102</v>
      </c>
      <c r="AI2838">
        <v>102</v>
      </c>
      <c r="AJ2838">
        <v>102</v>
      </c>
      <c r="AK2838">
        <v>102</v>
      </c>
      <c r="AL2838">
        <v>101</v>
      </c>
      <c r="AM2838">
        <v>100</v>
      </c>
      <c r="AN2838">
        <v>99</v>
      </c>
      <c r="AO2838">
        <v>98</v>
      </c>
      <c r="AP2838">
        <v>97</v>
      </c>
      <c r="AQ2838">
        <v>97</v>
      </c>
    </row>
    <row r="2839" spans="1:43">
      <c r="A2839" t="s">
        <v>1820</v>
      </c>
      <c r="B2839" t="s">
        <v>1821</v>
      </c>
      <c r="C2839" t="s">
        <v>1822</v>
      </c>
      <c r="D2839" t="s">
        <v>1823</v>
      </c>
      <c r="E2839" t="s">
        <v>1586</v>
      </c>
      <c r="F2839" t="s">
        <v>1587</v>
      </c>
      <c r="G2839" t="s">
        <v>80</v>
      </c>
      <c r="H2839" t="s">
        <v>81</v>
      </c>
      <c r="I2839" s="2">
        <v>0</v>
      </c>
      <c r="J2839" s="2">
        <v>1</v>
      </c>
      <c r="K2839" s="2">
        <v>0</v>
      </c>
      <c r="L2839" t="s">
        <v>82</v>
      </c>
      <c r="M2839" t="s">
        <v>87</v>
      </c>
      <c r="N2839" t="s">
        <v>88</v>
      </c>
      <c r="O2839" t="s">
        <v>85</v>
      </c>
      <c r="P2839" t="s">
        <v>86</v>
      </c>
      <c r="Q2839">
        <v>99</v>
      </c>
      <c r="R2839">
        <v>98</v>
      </c>
      <c r="S2839">
        <v>97</v>
      </c>
      <c r="T2839">
        <v>97</v>
      </c>
      <c r="U2839">
        <v>96</v>
      </c>
      <c r="V2839">
        <v>96</v>
      </c>
      <c r="W2839">
        <v>95</v>
      </c>
      <c r="X2839">
        <v>95</v>
      </c>
      <c r="Y2839">
        <v>94</v>
      </c>
      <c r="Z2839">
        <v>94</v>
      </c>
      <c r="AA2839">
        <v>93</v>
      </c>
      <c r="AB2839">
        <v>93</v>
      </c>
      <c r="AC2839">
        <v>92</v>
      </c>
      <c r="AD2839">
        <v>91</v>
      </c>
      <c r="AE2839">
        <v>91</v>
      </c>
      <c r="AF2839">
        <v>90</v>
      </c>
      <c r="AG2839">
        <v>90</v>
      </c>
      <c r="AH2839">
        <v>89</v>
      </c>
      <c r="AI2839">
        <v>89</v>
      </c>
      <c r="AJ2839">
        <v>88</v>
      </c>
      <c r="AK2839">
        <v>88</v>
      </c>
      <c r="AL2839">
        <v>87</v>
      </c>
      <c r="AM2839">
        <v>87</v>
      </c>
      <c r="AN2839">
        <v>86</v>
      </c>
      <c r="AO2839">
        <v>86</v>
      </c>
      <c r="AP2839">
        <v>85</v>
      </c>
      <c r="AQ2839">
        <v>85</v>
      </c>
    </row>
    <row r="2840" spans="1:43">
      <c r="A2840" t="s">
        <v>1820</v>
      </c>
      <c r="B2840" t="s">
        <v>1821</v>
      </c>
      <c r="C2840" t="s">
        <v>1822</v>
      </c>
      <c r="D2840" t="s">
        <v>1823</v>
      </c>
      <c r="E2840" t="s">
        <v>1586</v>
      </c>
      <c r="F2840" t="s">
        <v>1587</v>
      </c>
      <c r="G2840" t="s">
        <v>80</v>
      </c>
      <c r="H2840" t="s">
        <v>81</v>
      </c>
      <c r="I2840" s="2">
        <v>0</v>
      </c>
      <c r="J2840" s="2">
        <v>1</v>
      </c>
      <c r="K2840" s="2">
        <v>0</v>
      </c>
      <c r="L2840" t="s">
        <v>82</v>
      </c>
      <c r="M2840" t="s">
        <v>89</v>
      </c>
      <c r="N2840" t="s">
        <v>90</v>
      </c>
      <c r="O2840" t="s">
        <v>85</v>
      </c>
      <c r="P2840" t="s">
        <v>86</v>
      </c>
      <c r="Q2840">
        <v>99</v>
      </c>
      <c r="R2840">
        <v>101</v>
      </c>
      <c r="S2840">
        <v>102</v>
      </c>
      <c r="T2840">
        <v>103</v>
      </c>
      <c r="U2840">
        <v>104</v>
      </c>
      <c r="V2840">
        <v>105</v>
      </c>
      <c r="W2840">
        <v>105</v>
      </c>
      <c r="X2840">
        <v>106</v>
      </c>
      <c r="Y2840">
        <v>107</v>
      </c>
      <c r="Z2840">
        <v>107</v>
      </c>
      <c r="AA2840">
        <v>108</v>
      </c>
      <c r="AB2840">
        <v>108</v>
      </c>
      <c r="AC2840">
        <v>109</v>
      </c>
      <c r="AD2840">
        <v>109</v>
      </c>
      <c r="AE2840">
        <v>109</v>
      </c>
      <c r="AF2840">
        <v>108</v>
      </c>
      <c r="AG2840">
        <v>107</v>
      </c>
      <c r="AH2840">
        <v>106</v>
      </c>
      <c r="AI2840">
        <v>105</v>
      </c>
      <c r="AJ2840">
        <v>104</v>
      </c>
      <c r="AK2840">
        <v>103</v>
      </c>
      <c r="AL2840">
        <v>102</v>
      </c>
      <c r="AM2840">
        <v>101</v>
      </c>
      <c r="AN2840">
        <v>100</v>
      </c>
      <c r="AO2840">
        <v>99</v>
      </c>
      <c r="AP2840">
        <v>98</v>
      </c>
      <c r="AQ2840">
        <v>97</v>
      </c>
    </row>
    <row r="2841" spans="1:43">
      <c r="A2841" t="s">
        <v>1820</v>
      </c>
      <c r="B2841" t="s">
        <v>1821</v>
      </c>
      <c r="C2841" t="s">
        <v>1822</v>
      </c>
      <c r="D2841" t="s">
        <v>1823</v>
      </c>
      <c r="E2841" t="s">
        <v>1586</v>
      </c>
      <c r="F2841" t="s">
        <v>1587</v>
      </c>
      <c r="G2841" t="s">
        <v>80</v>
      </c>
      <c r="H2841" t="s">
        <v>81</v>
      </c>
      <c r="I2841" s="2">
        <v>0</v>
      </c>
      <c r="J2841" s="2">
        <v>1</v>
      </c>
      <c r="K2841" s="2">
        <v>0</v>
      </c>
      <c r="L2841" t="s">
        <v>82</v>
      </c>
      <c r="M2841" t="s">
        <v>83</v>
      </c>
      <c r="N2841" t="s">
        <v>91</v>
      </c>
      <c r="O2841" t="s">
        <v>85</v>
      </c>
      <c r="P2841" t="s">
        <v>86</v>
      </c>
      <c r="Q2841">
        <v>99</v>
      </c>
      <c r="R2841">
        <v>99</v>
      </c>
      <c r="S2841">
        <v>99</v>
      </c>
      <c r="T2841">
        <v>99</v>
      </c>
      <c r="U2841">
        <v>100</v>
      </c>
      <c r="V2841">
        <v>100</v>
      </c>
      <c r="W2841">
        <v>100</v>
      </c>
      <c r="X2841">
        <v>100</v>
      </c>
      <c r="Y2841">
        <v>101</v>
      </c>
      <c r="Z2841">
        <v>101</v>
      </c>
      <c r="AA2841">
        <v>101</v>
      </c>
      <c r="AB2841">
        <v>101</v>
      </c>
      <c r="AC2841">
        <v>101</v>
      </c>
      <c r="AD2841">
        <v>101</v>
      </c>
      <c r="AE2841">
        <v>102</v>
      </c>
      <c r="AF2841">
        <v>102</v>
      </c>
      <c r="AG2841">
        <v>102</v>
      </c>
      <c r="AH2841">
        <v>102</v>
      </c>
      <c r="AI2841">
        <v>102</v>
      </c>
      <c r="AJ2841">
        <v>102</v>
      </c>
      <c r="AK2841">
        <v>102</v>
      </c>
      <c r="AL2841">
        <v>101</v>
      </c>
      <c r="AM2841">
        <v>100</v>
      </c>
      <c r="AN2841">
        <v>99</v>
      </c>
      <c r="AO2841">
        <v>98</v>
      </c>
      <c r="AP2841">
        <v>97</v>
      </c>
      <c r="AQ2841">
        <v>97</v>
      </c>
    </row>
    <row r="2842" spans="1:43">
      <c r="A2842" t="s">
        <v>1824</v>
      </c>
      <c r="B2842" t="s">
        <v>1825</v>
      </c>
      <c r="C2842" t="s">
        <v>1822</v>
      </c>
      <c r="D2842" t="s">
        <v>1823</v>
      </c>
      <c r="E2842" t="s">
        <v>1586</v>
      </c>
      <c r="F2842" t="s">
        <v>1587</v>
      </c>
      <c r="G2842" t="s">
        <v>80</v>
      </c>
      <c r="H2842" t="s">
        <v>81</v>
      </c>
      <c r="I2842" s="2">
        <v>0</v>
      </c>
      <c r="J2842" s="2">
        <v>1</v>
      </c>
      <c r="K2842" s="2">
        <v>0</v>
      </c>
      <c r="L2842" t="s">
        <v>82</v>
      </c>
      <c r="M2842" t="s">
        <v>83</v>
      </c>
      <c r="N2842" t="s">
        <v>84</v>
      </c>
      <c r="O2842" t="s">
        <v>85</v>
      </c>
      <c r="P2842" t="s">
        <v>86</v>
      </c>
      <c r="Q2842">
        <v>41</v>
      </c>
      <c r="R2842">
        <v>42</v>
      </c>
      <c r="S2842">
        <v>42</v>
      </c>
      <c r="T2842">
        <v>42</v>
      </c>
      <c r="U2842">
        <v>42</v>
      </c>
      <c r="V2842">
        <v>42</v>
      </c>
      <c r="W2842">
        <v>42</v>
      </c>
      <c r="X2842">
        <v>42</v>
      </c>
      <c r="Y2842">
        <v>42</v>
      </c>
      <c r="Z2842">
        <v>43</v>
      </c>
      <c r="AA2842">
        <v>43</v>
      </c>
      <c r="AB2842">
        <v>43</v>
      </c>
      <c r="AC2842">
        <v>43</v>
      </c>
      <c r="AD2842">
        <v>43</v>
      </c>
      <c r="AE2842">
        <v>43</v>
      </c>
      <c r="AF2842">
        <v>43</v>
      </c>
      <c r="AG2842">
        <v>43</v>
      </c>
      <c r="AH2842">
        <v>43</v>
      </c>
      <c r="AI2842">
        <v>43</v>
      </c>
      <c r="AJ2842">
        <v>43</v>
      </c>
      <c r="AK2842">
        <v>43</v>
      </c>
      <c r="AL2842">
        <v>43</v>
      </c>
      <c r="AM2842">
        <v>42</v>
      </c>
      <c r="AN2842">
        <v>42</v>
      </c>
      <c r="AO2842">
        <v>42</v>
      </c>
      <c r="AP2842">
        <v>41</v>
      </c>
      <c r="AQ2842">
        <v>41</v>
      </c>
    </row>
    <row r="2843" spans="1:43">
      <c r="A2843" t="s">
        <v>1824</v>
      </c>
      <c r="B2843" t="s">
        <v>1825</v>
      </c>
      <c r="C2843" t="s">
        <v>1822</v>
      </c>
      <c r="D2843" t="s">
        <v>1823</v>
      </c>
      <c r="E2843" t="s">
        <v>1586</v>
      </c>
      <c r="F2843" t="s">
        <v>1587</v>
      </c>
      <c r="G2843" t="s">
        <v>80</v>
      </c>
      <c r="H2843" t="s">
        <v>81</v>
      </c>
      <c r="I2843" s="2">
        <v>0</v>
      </c>
      <c r="J2843" s="2">
        <v>1</v>
      </c>
      <c r="K2843" s="2">
        <v>0</v>
      </c>
      <c r="L2843" t="s">
        <v>82</v>
      </c>
      <c r="M2843" t="s">
        <v>87</v>
      </c>
      <c r="N2843" t="s">
        <v>88</v>
      </c>
      <c r="O2843" t="s">
        <v>85</v>
      </c>
      <c r="P2843" t="s">
        <v>86</v>
      </c>
      <c r="Q2843">
        <v>41</v>
      </c>
      <c r="R2843">
        <v>41</v>
      </c>
      <c r="S2843">
        <v>41</v>
      </c>
      <c r="T2843">
        <v>40</v>
      </c>
      <c r="U2843">
        <v>40</v>
      </c>
      <c r="V2843">
        <v>40</v>
      </c>
      <c r="W2843">
        <v>40</v>
      </c>
      <c r="X2843">
        <v>39</v>
      </c>
      <c r="Y2843">
        <v>39</v>
      </c>
      <c r="Z2843">
        <v>39</v>
      </c>
      <c r="AA2843">
        <v>39</v>
      </c>
      <c r="AB2843">
        <v>39</v>
      </c>
      <c r="AC2843">
        <v>38</v>
      </c>
      <c r="AD2843">
        <v>38</v>
      </c>
      <c r="AE2843">
        <v>38</v>
      </c>
      <c r="AF2843">
        <v>38</v>
      </c>
      <c r="AG2843">
        <v>38</v>
      </c>
      <c r="AH2843">
        <v>37</v>
      </c>
      <c r="AI2843">
        <v>37</v>
      </c>
      <c r="AJ2843">
        <v>37</v>
      </c>
      <c r="AK2843">
        <v>37</v>
      </c>
      <c r="AL2843">
        <v>37</v>
      </c>
      <c r="AM2843">
        <v>37</v>
      </c>
      <c r="AN2843">
        <v>36</v>
      </c>
      <c r="AO2843">
        <v>36</v>
      </c>
      <c r="AP2843">
        <v>36</v>
      </c>
      <c r="AQ2843">
        <v>36</v>
      </c>
    </row>
    <row r="2844" spans="1:43">
      <c r="A2844" t="s">
        <v>1824</v>
      </c>
      <c r="B2844" t="s">
        <v>1825</v>
      </c>
      <c r="C2844" t="s">
        <v>1822</v>
      </c>
      <c r="D2844" t="s">
        <v>1823</v>
      </c>
      <c r="E2844" t="s">
        <v>1586</v>
      </c>
      <c r="F2844" t="s">
        <v>1587</v>
      </c>
      <c r="G2844" t="s">
        <v>80</v>
      </c>
      <c r="H2844" t="s">
        <v>81</v>
      </c>
      <c r="I2844" s="2">
        <v>0</v>
      </c>
      <c r="J2844" s="2">
        <v>1</v>
      </c>
      <c r="K2844" s="2">
        <v>0</v>
      </c>
      <c r="L2844" t="s">
        <v>82</v>
      </c>
      <c r="M2844" t="s">
        <v>89</v>
      </c>
      <c r="N2844" t="s">
        <v>90</v>
      </c>
      <c r="O2844" t="s">
        <v>85</v>
      </c>
      <c r="P2844" t="s">
        <v>86</v>
      </c>
      <c r="Q2844">
        <v>41</v>
      </c>
      <c r="R2844">
        <v>41</v>
      </c>
      <c r="S2844">
        <v>42</v>
      </c>
      <c r="T2844">
        <v>42</v>
      </c>
      <c r="U2844">
        <v>43</v>
      </c>
      <c r="V2844">
        <v>43</v>
      </c>
      <c r="W2844">
        <v>43</v>
      </c>
      <c r="X2844">
        <v>44</v>
      </c>
      <c r="Y2844">
        <v>44</v>
      </c>
      <c r="Z2844">
        <v>44</v>
      </c>
      <c r="AA2844">
        <v>44</v>
      </c>
      <c r="AB2844">
        <v>45</v>
      </c>
      <c r="AC2844">
        <v>45</v>
      </c>
      <c r="AD2844">
        <v>45</v>
      </c>
      <c r="AE2844">
        <v>45</v>
      </c>
      <c r="AF2844">
        <v>44</v>
      </c>
      <c r="AG2844">
        <v>44</v>
      </c>
      <c r="AH2844">
        <v>44</v>
      </c>
      <c r="AI2844">
        <v>43</v>
      </c>
      <c r="AJ2844">
        <v>43</v>
      </c>
      <c r="AK2844">
        <v>42</v>
      </c>
      <c r="AL2844">
        <v>42</v>
      </c>
      <c r="AM2844">
        <v>42</v>
      </c>
      <c r="AN2844">
        <v>41</v>
      </c>
      <c r="AO2844">
        <v>41</v>
      </c>
      <c r="AP2844">
        <v>41</v>
      </c>
      <c r="AQ2844">
        <v>40</v>
      </c>
    </row>
    <row r="2845" spans="1:43">
      <c r="A2845" t="s">
        <v>1824</v>
      </c>
      <c r="B2845" t="s">
        <v>1825</v>
      </c>
      <c r="C2845" t="s">
        <v>1822</v>
      </c>
      <c r="D2845" t="s">
        <v>1823</v>
      </c>
      <c r="E2845" t="s">
        <v>1586</v>
      </c>
      <c r="F2845" t="s">
        <v>1587</v>
      </c>
      <c r="G2845" t="s">
        <v>80</v>
      </c>
      <c r="H2845" t="s">
        <v>81</v>
      </c>
      <c r="I2845" s="2">
        <v>0</v>
      </c>
      <c r="J2845" s="2">
        <v>1</v>
      </c>
      <c r="K2845" s="2">
        <v>0</v>
      </c>
      <c r="L2845" t="s">
        <v>82</v>
      </c>
      <c r="M2845" t="s">
        <v>83</v>
      </c>
      <c r="N2845" t="s">
        <v>91</v>
      </c>
      <c r="O2845" t="s">
        <v>85</v>
      </c>
      <c r="P2845" t="s">
        <v>86</v>
      </c>
      <c r="Q2845">
        <v>41</v>
      </c>
      <c r="R2845">
        <v>42</v>
      </c>
      <c r="S2845">
        <v>42</v>
      </c>
      <c r="T2845">
        <v>42</v>
      </c>
      <c r="U2845">
        <v>42</v>
      </c>
      <c r="V2845">
        <v>42</v>
      </c>
      <c r="W2845">
        <v>42</v>
      </c>
      <c r="X2845">
        <v>42</v>
      </c>
      <c r="Y2845">
        <v>42</v>
      </c>
      <c r="Z2845">
        <v>43</v>
      </c>
      <c r="AA2845">
        <v>43</v>
      </c>
      <c r="AB2845">
        <v>43</v>
      </c>
      <c r="AC2845">
        <v>43</v>
      </c>
      <c r="AD2845">
        <v>43</v>
      </c>
      <c r="AE2845">
        <v>43</v>
      </c>
      <c r="AF2845">
        <v>43</v>
      </c>
      <c r="AG2845">
        <v>43</v>
      </c>
      <c r="AH2845">
        <v>43</v>
      </c>
      <c r="AI2845">
        <v>43</v>
      </c>
      <c r="AJ2845">
        <v>43</v>
      </c>
      <c r="AK2845">
        <v>43</v>
      </c>
      <c r="AL2845">
        <v>43</v>
      </c>
      <c r="AM2845">
        <v>42</v>
      </c>
      <c r="AN2845">
        <v>42</v>
      </c>
      <c r="AO2845">
        <v>42</v>
      </c>
      <c r="AP2845">
        <v>41</v>
      </c>
      <c r="AQ2845">
        <v>41</v>
      </c>
    </row>
    <row r="2846" spans="1:43">
      <c r="A2846" t="s">
        <v>1826</v>
      </c>
      <c r="B2846" t="s">
        <v>1827</v>
      </c>
      <c r="C2846" t="s">
        <v>1828</v>
      </c>
      <c r="D2846" t="s">
        <v>1829</v>
      </c>
      <c r="E2846" t="s">
        <v>1586</v>
      </c>
      <c r="F2846" t="s">
        <v>1587</v>
      </c>
      <c r="G2846" t="s">
        <v>80</v>
      </c>
      <c r="H2846" t="s">
        <v>81</v>
      </c>
      <c r="I2846" s="2">
        <v>0</v>
      </c>
      <c r="J2846" s="2">
        <v>1</v>
      </c>
      <c r="K2846" s="2">
        <v>0</v>
      </c>
      <c r="L2846" t="s">
        <v>82</v>
      </c>
      <c r="M2846" t="s">
        <v>83</v>
      </c>
      <c r="N2846" t="s">
        <v>84</v>
      </c>
      <c r="O2846" t="s">
        <v>85</v>
      </c>
      <c r="P2846" t="s">
        <v>86</v>
      </c>
      <c r="Q2846">
        <v>76</v>
      </c>
      <c r="R2846">
        <v>76</v>
      </c>
      <c r="S2846">
        <v>76</v>
      </c>
      <c r="T2846">
        <v>77</v>
      </c>
      <c r="U2846">
        <v>77</v>
      </c>
      <c r="V2846">
        <v>77</v>
      </c>
      <c r="W2846">
        <v>77</v>
      </c>
      <c r="X2846">
        <v>78</v>
      </c>
      <c r="Y2846">
        <v>78</v>
      </c>
      <c r="Z2846">
        <v>78</v>
      </c>
      <c r="AA2846">
        <v>78</v>
      </c>
      <c r="AB2846">
        <v>78</v>
      </c>
      <c r="AC2846">
        <v>78</v>
      </c>
      <c r="AD2846">
        <v>79</v>
      </c>
      <c r="AE2846">
        <v>79</v>
      </c>
      <c r="AF2846">
        <v>79</v>
      </c>
      <c r="AG2846">
        <v>79</v>
      </c>
      <c r="AH2846">
        <v>79</v>
      </c>
      <c r="AI2846">
        <v>79</v>
      </c>
      <c r="AJ2846">
        <v>79</v>
      </c>
      <c r="AK2846">
        <v>79</v>
      </c>
      <c r="AL2846">
        <v>79</v>
      </c>
      <c r="AM2846">
        <v>78</v>
      </c>
      <c r="AN2846">
        <v>77</v>
      </c>
      <c r="AO2846">
        <v>77</v>
      </c>
      <c r="AP2846">
        <v>76</v>
      </c>
      <c r="AQ2846">
        <v>75</v>
      </c>
    </row>
    <row r="2847" spans="1:43">
      <c r="A2847" t="s">
        <v>1826</v>
      </c>
      <c r="B2847" t="s">
        <v>1827</v>
      </c>
      <c r="C2847" t="s">
        <v>1828</v>
      </c>
      <c r="D2847" t="s">
        <v>1829</v>
      </c>
      <c r="E2847" t="s">
        <v>1586</v>
      </c>
      <c r="F2847" t="s">
        <v>1587</v>
      </c>
      <c r="G2847" t="s">
        <v>80</v>
      </c>
      <c r="H2847" t="s">
        <v>81</v>
      </c>
      <c r="I2847" s="2">
        <v>0</v>
      </c>
      <c r="J2847" s="2">
        <v>1</v>
      </c>
      <c r="K2847" s="2">
        <v>0</v>
      </c>
      <c r="L2847" t="s">
        <v>82</v>
      </c>
      <c r="M2847" t="s">
        <v>87</v>
      </c>
      <c r="N2847" t="s">
        <v>88</v>
      </c>
      <c r="O2847" t="s">
        <v>85</v>
      </c>
      <c r="P2847" t="s">
        <v>86</v>
      </c>
      <c r="Q2847">
        <v>76</v>
      </c>
      <c r="R2847">
        <v>76</v>
      </c>
      <c r="S2847">
        <v>75</v>
      </c>
      <c r="T2847">
        <v>75</v>
      </c>
      <c r="U2847">
        <v>74</v>
      </c>
      <c r="V2847">
        <v>74</v>
      </c>
      <c r="W2847">
        <v>74</v>
      </c>
      <c r="X2847">
        <v>73</v>
      </c>
      <c r="Y2847">
        <v>73</v>
      </c>
      <c r="Z2847">
        <v>73</v>
      </c>
      <c r="AA2847">
        <v>72</v>
      </c>
      <c r="AB2847">
        <v>72</v>
      </c>
      <c r="AC2847">
        <v>71</v>
      </c>
      <c r="AD2847">
        <v>71</v>
      </c>
      <c r="AE2847">
        <v>71</v>
      </c>
      <c r="AF2847">
        <v>70</v>
      </c>
      <c r="AG2847">
        <v>70</v>
      </c>
      <c r="AH2847">
        <v>70</v>
      </c>
      <c r="AI2847">
        <v>69</v>
      </c>
      <c r="AJ2847">
        <v>69</v>
      </c>
      <c r="AK2847">
        <v>69</v>
      </c>
      <c r="AL2847">
        <v>68</v>
      </c>
      <c r="AM2847">
        <v>68</v>
      </c>
      <c r="AN2847">
        <v>68</v>
      </c>
      <c r="AO2847">
        <v>67</v>
      </c>
      <c r="AP2847">
        <v>67</v>
      </c>
      <c r="AQ2847">
        <v>67</v>
      </c>
    </row>
    <row r="2848" spans="1:43">
      <c r="A2848" t="s">
        <v>1826</v>
      </c>
      <c r="B2848" t="s">
        <v>1827</v>
      </c>
      <c r="C2848" t="s">
        <v>1828</v>
      </c>
      <c r="D2848" t="s">
        <v>1829</v>
      </c>
      <c r="E2848" t="s">
        <v>1586</v>
      </c>
      <c r="F2848" t="s">
        <v>1587</v>
      </c>
      <c r="G2848" t="s">
        <v>80</v>
      </c>
      <c r="H2848" t="s">
        <v>81</v>
      </c>
      <c r="I2848" s="2">
        <v>0</v>
      </c>
      <c r="J2848" s="2">
        <v>1</v>
      </c>
      <c r="K2848" s="2">
        <v>0</v>
      </c>
      <c r="L2848" t="s">
        <v>82</v>
      </c>
      <c r="M2848" t="s">
        <v>89</v>
      </c>
      <c r="N2848" t="s">
        <v>90</v>
      </c>
      <c r="O2848" t="s">
        <v>85</v>
      </c>
      <c r="P2848" t="s">
        <v>86</v>
      </c>
      <c r="Q2848">
        <v>76</v>
      </c>
      <c r="R2848">
        <v>77</v>
      </c>
      <c r="S2848">
        <v>78</v>
      </c>
      <c r="T2848">
        <v>79</v>
      </c>
      <c r="U2848">
        <v>80</v>
      </c>
      <c r="V2848">
        <v>81</v>
      </c>
      <c r="W2848">
        <v>81</v>
      </c>
      <c r="X2848">
        <v>82</v>
      </c>
      <c r="Y2848">
        <v>82</v>
      </c>
      <c r="Z2848">
        <v>83</v>
      </c>
      <c r="AA2848">
        <v>83</v>
      </c>
      <c r="AB2848">
        <v>83</v>
      </c>
      <c r="AC2848">
        <v>84</v>
      </c>
      <c r="AD2848">
        <v>84</v>
      </c>
      <c r="AE2848">
        <v>84</v>
      </c>
      <c r="AF2848">
        <v>83</v>
      </c>
      <c r="AG2848">
        <v>83</v>
      </c>
      <c r="AH2848">
        <v>82</v>
      </c>
      <c r="AI2848">
        <v>81</v>
      </c>
      <c r="AJ2848">
        <v>81</v>
      </c>
      <c r="AK2848">
        <v>80</v>
      </c>
      <c r="AL2848">
        <v>79</v>
      </c>
      <c r="AM2848">
        <v>78</v>
      </c>
      <c r="AN2848">
        <v>78</v>
      </c>
      <c r="AO2848">
        <v>77</v>
      </c>
      <c r="AP2848">
        <v>76</v>
      </c>
      <c r="AQ2848">
        <v>76</v>
      </c>
    </row>
    <row r="2849" spans="1:43">
      <c r="A2849" t="s">
        <v>1826</v>
      </c>
      <c r="B2849" t="s">
        <v>1827</v>
      </c>
      <c r="C2849" t="s">
        <v>1828</v>
      </c>
      <c r="D2849" t="s">
        <v>1829</v>
      </c>
      <c r="E2849" t="s">
        <v>1586</v>
      </c>
      <c r="F2849" t="s">
        <v>1587</v>
      </c>
      <c r="G2849" t="s">
        <v>80</v>
      </c>
      <c r="H2849" t="s">
        <v>81</v>
      </c>
      <c r="I2849" s="2">
        <v>0</v>
      </c>
      <c r="J2849" s="2">
        <v>1</v>
      </c>
      <c r="K2849" s="2">
        <v>0</v>
      </c>
      <c r="L2849" t="s">
        <v>82</v>
      </c>
      <c r="M2849" t="s">
        <v>83</v>
      </c>
      <c r="N2849" t="s">
        <v>91</v>
      </c>
      <c r="O2849" t="s">
        <v>85</v>
      </c>
      <c r="P2849" t="s">
        <v>86</v>
      </c>
      <c r="Q2849">
        <v>76</v>
      </c>
      <c r="R2849">
        <v>76</v>
      </c>
      <c r="S2849">
        <v>76</v>
      </c>
      <c r="T2849">
        <v>77</v>
      </c>
      <c r="U2849">
        <v>77</v>
      </c>
      <c r="V2849">
        <v>77</v>
      </c>
      <c r="W2849">
        <v>77</v>
      </c>
      <c r="X2849">
        <v>78</v>
      </c>
      <c r="Y2849">
        <v>78</v>
      </c>
      <c r="Z2849">
        <v>78</v>
      </c>
      <c r="AA2849">
        <v>78</v>
      </c>
      <c r="AB2849">
        <v>78</v>
      </c>
      <c r="AC2849">
        <v>78</v>
      </c>
      <c r="AD2849">
        <v>79</v>
      </c>
      <c r="AE2849">
        <v>79</v>
      </c>
      <c r="AF2849">
        <v>79</v>
      </c>
      <c r="AG2849">
        <v>79</v>
      </c>
      <c r="AH2849">
        <v>79</v>
      </c>
      <c r="AI2849">
        <v>79</v>
      </c>
      <c r="AJ2849">
        <v>79</v>
      </c>
      <c r="AK2849">
        <v>79</v>
      </c>
      <c r="AL2849">
        <v>79</v>
      </c>
      <c r="AM2849">
        <v>78</v>
      </c>
      <c r="AN2849">
        <v>77</v>
      </c>
      <c r="AO2849">
        <v>77</v>
      </c>
      <c r="AP2849">
        <v>76</v>
      </c>
      <c r="AQ2849">
        <v>75</v>
      </c>
    </row>
    <row r="2850" spans="1:43">
      <c r="A2850" t="s">
        <v>1830</v>
      </c>
      <c r="B2850" t="s">
        <v>1831</v>
      </c>
      <c r="C2850" t="s">
        <v>1828</v>
      </c>
      <c r="D2850" t="s">
        <v>1829</v>
      </c>
      <c r="E2850" t="s">
        <v>1586</v>
      </c>
      <c r="F2850" t="s">
        <v>1587</v>
      </c>
      <c r="G2850" t="s">
        <v>80</v>
      </c>
      <c r="H2850" t="s">
        <v>81</v>
      </c>
      <c r="I2850" s="2">
        <v>0</v>
      </c>
      <c r="J2850" s="2">
        <v>1</v>
      </c>
      <c r="K2850" s="2">
        <v>0</v>
      </c>
      <c r="L2850" t="s">
        <v>82</v>
      </c>
      <c r="M2850" t="s">
        <v>83</v>
      </c>
      <c r="N2850" t="s">
        <v>84</v>
      </c>
      <c r="O2850" t="s">
        <v>85</v>
      </c>
      <c r="P2850" t="s">
        <v>86</v>
      </c>
      <c r="Q2850">
        <v>25</v>
      </c>
      <c r="R2850">
        <v>25</v>
      </c>
      <c r="S2850">
        <v>25</v>
      </c>
      <c r="T2850">
        <v>25</v>
      </c>
      <c r="U2850">
        <v>25</v>
      </c>
      <c r="V2850">
        <v>25</v>
      </c>
      <c r="W2850">
        <v>25</v>
      </c>
      <c r="X2850">
        <v>25</v>
      </c>
      <c r="Y2850">
        <v>25</v>
      </c>
      <c r="Z2850">
        <v>25</v>
      </c>
      <c r="AA2850">
        <v>25</v>
      </c>
      <c r="AB2850">
        <v>25</v>
      </c>
      <c r="AC2850">
        <v>25</v>
      </c>
      <c r="AD2850">
        <v>25</v>
      </c>
      <c r="AE2850">
        <v>26</v>
      </c>
      <c r="AF2850">
        <v>26</v>
      </c>
      <c r="AG2850">
        <v>26</v>
      </c>
      <c r="AH2850">
        <v>26</v>
      </c>
      <c r="AI2850">
        <v>26</v>
      </c>
      <c r="AJ2850">
        <v>26</v>
      </c>
      <c r="AK2850">
        <v>26</v>
      </c>
      <c r="AL2850">
        <v>25</v>
      </c>
      <c r="AM2850">
        <v>25</v>
      </c>
      <c r="AN2850">
        <v>25</v>
      </c>
      <c r="AO2850">
        <v>25</v>
      </c>
      <c r="AP2850">
        <v>25</v>
      </c>
      <c r="AQ2850">
        <v>24</v>
      </c>
    </row>
    <row r="2851" spans="1:43">
      <c r="A2851" t="s">
        <v>1830</v>
      </c>
      <c r="B2851" t="s">
        <v>1831</v>
      </c>
      <c r="C2851" t="s">
        <v>1828</v>
      </c>
      <c r="D2851" t="s">
        <v>1829</v>
      </c>
      <c r="E2851" t="s">
        <v>1586</v>
      </c>
      <c r="F2851" t="s">
        <v>1587</v>
      </c>
      <c r="G2851" t="s">
        <v>80</v>
      </c>
      <c r="H2851" t="s">
        <v>81</v>
      </c>
      <c r="I2851" s="2">
        <v>0</v>
      </c>
      <c r="J2851" s="2">
        <v>1</v>
      </c>
      <c r="K2851" s="2">
        <v>0</v>
      </c>
      <c r="L2851" t="s">
        <v>82</v>
      </c>
      <c r="M2851" t="s">
        <v>87</v>
      </c>
      <c r="N2851" t="s">
        <v>88</v>
      </c>
      <c r="O2851" t="s">
        <v>85</v>
      </c>
      <c r="P2851" t="s">
        <v>86</v>
      </c>
      <c r="Q2851">
        <v>25</v>
      </c>
      <c r="R2851">
        <v>25</v>
      </c>
      <c r="S2851">
        <v>25</v>
      </c>
      <c r="T2851">
        <v>25</v>
      </c>
      <c r="U2851">
        <v>25</v>
      </c>
      <c r="V2851">
        <v>25</v>
      </c>
      <c r="W2851">
        <v>25</v>
      </c>
      <c r="X2851">
        <v>24</v>
      </c>
      <c r="Y2851">
        <v>24</v>
      </c>
      <c r="Z2851">
        <v>24</v>
      </c>
      <c r="AA2851">
        <v>24</v>
      </c>
      <c r="AB2851">
        <v>24</v>
      </c>
      <c r="AC2851">
        <v>24</v>
      </c>
      <c r="AD2851">
        <v>24</v>
      </c>
      <c r="AE2851">
        <v>24</v>
      </c>
      <c r="AF2851">
        <v>24</v>
      </c>
      <c r="AG2851">
        <v>23</v>
      </c>
      <c r="AH2851">
        <v>23</v>
      </c>
      <c r="AI2851">
        <v>23</v>
      </c>
      <c r="AJ2851">
        <v>23</v>
      </c>
      <c r="AK2851">
        <v>23</v>
      </c>
      <c r="AL2851">
        <v>23</v>
      </c>
      <c r="AM2851">
        <v>23</v>
      </c>
      <c r="AN2851">
        <v>23</v>
      </c>
      <c r="AO2851">
        <v>23</v>
      </c>
      <c r="AP2851">
        <v>22</v>
      </c>
      <c r="AQ2851">
        <v>22</v>
      </c>
    </row>
    <row r="2852" spans="1:43">
      <c r="A2852" t="s">
        <v>1830</v>
      </c>
      <c r="B2852" t="s">
        <v>1831</v>
      </c>
      <c r="C2852" t="s">
        <v>1828</v>
      </c>
      <c r="D2852" t="s">
        <v>1829</v>
      </c>
      <c r="E2852" t="s">
        <v>1586</v>
      </c>
      <c r="F2852" t="s">
        <v>1587</v>
      </c>
      <c r="G2852" t="s">
        <v>80</v>
      </c>
      <c r="H2852" t="s">
        <v>81</v>
      </c>
      <c r="I2852" s="2">
        <v>0</v>
      </c>
      <c r="J2852" s="2">
        <v>1</v>
      </c>
      <c r="K2852" s="2">
        <v>0</v>
      </c>
      <c r="L2852" t="s">
        <v>82</v>
      </c>
      <c r="M2852" t="s">
        <v>89</v>
      </c>
      <c r="N2852" t="s">
        <v>90</v>
      </c>
      <c r="O2852" t="s">
        <v>85</v>
      </c>
      <c r="P2852" t="s">
        <v>86</v>
      </c>
      <c r="Q2852">
        <v>25</v>
      </c>
      <c r="R2852">
        <v>25</v>
      </c>
      <c r="S2852">
        <v>25</v>
      </c>
      <c r="T2852">
        <v>26</v>
      </c>
      <c r="U2852">
        <v>26</v>
      </c>
      <c r="V2852">
        <v>26</v>
      </c>
      <c r="W2852">
        <v>26</v>
      </c>
      <c r="X2852">
        <v>27</v>
      </c>
      <c r="Y2852">
        <v>27</v>
      </c>
      <c r="Z2852">
        <v>27</v>
      </c>
      <c r="AA2852">
        <v>27</v>
      </c>
      <c r="AB2852">
        <v>27</v>
      </c>
      <c r="AC2852">
        <v>27</v>
      </c>
      <c r="AD2852">
        <v>27</v>
      </c>
      <c r="AE2852">
        <v>27</v>
      </c>
      <c r="AF2852">
        <v>27</v>
      </c>
      <c r="AG2852">
        <v>27</v>
      </c>
      <c r="AH2852">
        <v>27</v>
      </c>
      <c r="AI2852">
        <v>26</v>
      </c>
      <c r="AJ2852">
        <v>26</v>
      </c>
      <c r="AK2852">
        <v>26</v>
      </c>
      <c r="AL2852">
        <v>26</v>
      </c>
      <c r="AM2852">
        <v>25</v>
      </c>
      <c r="AN2852">
        <v>25</v>
      </c>
      <c r="AO2852">
        <v>25</v>
      </c>
      <c r="AP2852">
        <v>25</v>
      </c>
      <c r="AQ2852">
        <v>25</v>
      </c>
    </row>
    <row r="2853" spans="1:43">
      <c r="A2853" t="s">
        <v>1830</v>
      </c>
      <c r="B2853" t="s">
        <v>1831</v>
      </c>
      <c r="C2853" t="s">
        <v>1828</v>
      </c>
      <c r="D2853" t="s">
        <v>1829</v>
      </c>
      <c r="E2853" t="s">
        <v>1586</v>
      </c>
      <c r="F2853" t="s">
        <v>1587</v>
      </c>
      <c r="G2853" t="s">
        <v>80</v>
      </c>
      <c r="H2853" t="s">
        <v>81</v>
      </c>
      <c r="I2853" s="2">
        <v>0</v>
      </c>
      <c r="J2853" s="2">
        <v>1</v>
      </c>
      <c r="K2853" s="2">
        <v>0</v>
      </c>
      <c r="L2853" t="s">
        <v>82</v>
      </c>
      <c r="M2853" t="s">
        <v>83</v>
      </c>
      <c r="N2853" t="s">
        <v>91</v>
      </c>
      <c r="O2853" t="s">
        <v>85</v>
      </c>
      <c r="P2853" t="s">
        <v>86</v>
      </c>
      <c r="Q2853">
        <v>25</v>
      </c>
      <c r="R2853">
        <v>25</v>
      </c>
      <c r="S2853">
        <v>25</v>
      </c>
      <c r="T2853">
        <v>25</v>
      </c>
      <c r="U2853">
        <v>25</v>
      </c>
      <c r="V2853">
        <v>25</v>
      </c>
      <c r="W2853">
        <v>25</v>
      </c>
      <c r="X2853">
        <v>25</v>
      </c>
      <c r="Y2853">
        <v>25</v>
      </c>
      <c r="Z2853">
        <v>25</v>
      </c>
      <c r="AA2853">
        <v>25</v>
      </c>
      <c r="AB2853">
        <v>25</v>
      </c>
      <c r="AC2853">
        <v>25</v>
      </c>
      <c r="AD2853">
        <v>25</v>
      </c>
      <c r="AE2853">
        <v>26</v>
      </c>
      <c r="AF2853">
        <v>26</v>
      </c>
      <c r="AG2853">
        <v>26</v>
      </c>
      <c r="AH2853">
        <v>26</v>
      </c>
      <c r="AI2853">
        <v>26</v>
      </c>
      <c r="AJ2853">
        <v>26</v>
      </c>
      <c r="AK2853">
        <v>26</v>
      </c>
      <c r="AL2853">
        <v>25</v>
      </c>
      <c r="AM2853">
        <v>25</v>
      </c>
      <c r="AN2853">
        <v>25</v>
      </c>
      <c r="AO2853">
        <v>25</v>
      </c>
      <c r="AP2853">
        <v>25</v>
      </c>
      <c r="AQ2853">
        <v>24</v>
      </c>
    </row>
    <row r="2854" spans="1:43">
      <c r="A2854" t="s">
        <v>1832</v>
      </c>
      <c r="B2854" t="s">
        <v>1833</v>
      </c>
      <c r="C2854" t="s">
        <v>1822</v>
      </c>
      <c r="D2854" t="s">
        <v>1823</v>
      </c>
      <c r="E2854" t="s">
        <v>1586</v>
      </c>
      <c r="F2854" t="s">
        <v>1587</v>
      </c>
      <c r="G2854" t="s">
        <v>80</v>
      </c>
      <c r="H2854" t="s">
        <v>81</v>
      </c>
      <c r="I2854" s="2">
        <v>0</v>
      </c>
      <c r="J2854" s="2">
        <v>1</v>
      </c>
      <c r="K2854" s="2">
        <v>0</v>
      </c>
      <c r="L2854" t="s">
        <v>82</v>
      </c>
      <c r="M2854" t="s">
        <v>83</v>
      </c>
      <c r="N2854" t="s">
        <v>84</v>
      </c>
      <c r="O2854" t="s">
        <v>85</v>
      </c>
      <c r="P2854" t="s">
        <v>86</v>
      </c>
      <c r="Q2854">
        <v>71</v>
      </c>
      <c r="R2854">
        <v>71</v>
      </c>
      <c r="S2854">
        <v>72</v>
      </c>
      <c r="T2854">
        <v>72</v>
      </c>
      <c r="U2854">
        <v>72</v>
      </c>
      <c r="V2854">
        <v>72</v>
      </c>
      <c r="W2854">
        <v>73</v>
      </c>
      <c r="X2854">
        <v>73</v>
      </c>
      <c r="Y2854">
        <v>73</v>
      </c>
      <c r="Z2854">
        <v>73</v>
      </c>
      <c r="AA2854">
        <v>73</v>
      </c>
      <c r="AB2854">
        <v>74</v>
      </c>
      <c r="AC2854">
        <v>74</v>
      </c>
      <c r="AD2854">
        <v>74</v>
      </c>
      <c r="AE2854">
        <v>74</v>
      </c>
      <c r="AF2854">
        <v>74</v>
      </c>
      <c r="AG2854">
        <v>74</v>
      </c>
      <c r="AH2854">
        <v>74</v>
      </c>
      <c r="AI2854">
        <v>74</v>
      </c>
      <c r="AJ2854">
        <v>74</v>
      </c>
      <c r="AK2854">
        <v>74</v>
      </c>
      <c r="AL2854">
        <v>74</v>
      </c>
      <c r="AM2854">
        <v>73</v>
      </c>
      <c r="AN2854">
        <v>72</v>
      </c>
      <c r="AO2854">
        <v>72</v>
      </c>
      <c r="AP2854">
        <v>71</v>
      </c>
      <c r="AQ2854">
        <v>70</v>
      </c>
    </row>
    <row r="2855" spans="1:43">
      <c r="A2855" t="s">
        <v>1832</v>
      </c>
      <c r="B2855" t="s">
        <v>1833</v>
      </c>
      <c r="C2855" t="s">
        <v>1822</v>
      </c>
      <c r="D2855" t="s">
        <v>1823</v>
      </c>
      <c r="E2855" t="s">
        <v>1586</v>
      </c>
      <c r="F2855" t="s">
        <v>1587</v>
      </c>
      <c r="G2855" t="s">
        <v>80</v>
      </c>
      <c r="H2855" t="s">
        <v>81</v>
      </c>
      <c r="I2855" s="2">
        <v>0</v>
      </c>
      <c r="J2855" s="2">
        <v>1</v>
      </c>
      <c r="K2855" s="2">
        <v>0</v>
      </c>
      <c r="L2855" t="s">
        <v>82</v>
      </c>
      <c r="M2855" t="s">
        <v>87</v>
      </c>
      <c r="N2855" t="s">
        <v>88</v>
      </c>
      <c r="O2855" t="s">
        <v>85</v>
      </c>
      <c r="P2855" t="s">
        <v>86</v>
      </c>
      <c r="Q2855">
        <v>71</v>
      </c>
      <c r="R2855">
        <v>71</v>
      </c>
      <c r="S2855">
        <v>71</v>
      </c>
      <c r="T2855">
        <v>70</v>
      </c>
      <c r="U2855">
        <v>70</v>
      </c>
      <c r="V2855">
        <v>70</v>
      </c>
      <c r="W2855">
        <v>69</v>
      </c>
      <c r="X2855">
        <v>69</v>
      </c>
      <c r="Y2855">
        <v>69</v>
      </c>
      <c r="Z2855">
        <v>68</v>
      </c>
      <c r="AA2855">
        <v>68</v>
      </c>
      <c r="AB2855">
        <v>68</v>
      </c>
      <c r="AC2855">
        <v>67</v>
      </c>
      <c r="AD2855">
        <v>67</v>
      </c>
      <c r="AE2855">
        <v>67</v>
      </c>
      <c r="AF2855">
        <v>66</v>
      </c>
      <c r="AG2855">
        <v>66</v>
      </c>
      <c r="AH2855">
        <v>66</v>
      </c>
      <c r="AI2855">
        <v>65</v>
      </c>
      <c r="AJ2855">
        <v>65</v>
      </c>
      <c r="AK2855">
        <v>65</v>
      </c>
      <c r="AL2855">
        <v>64</v>
      </c>
      <c r="AM2855">
        <v>64</v>
      </c>
      <c r="AN2855">
        <v>64</v>
      </c>
      <c r="AO2855">
        <v>64</v>
      </c>
      <c r="AP2855">
        <v>63</v>
      </c>
      <c r="AQ2855">
        <v>63</v>
      </c>
    </row>
    <row r="2856" spans="1:43">
      <c r="A2856" t="s">
        <v>1832</v>
      </c>
      <c r="B2856" t="s">
        <v>1833</v>
      </c>
      <c r="C2856" t="s">
        <v>1822</v>
      </c>
      <c r="D2856" t="s">
        <v>1823</v>
      </c>
      <c r="E2856" t="s">
        <v>1586</v>
      </c>
      <c r="F2856" t="s">
        <v>1587</v>
      </c>
      <c r="G2856" t="s">
        <v>80</v>
      </c>
      <c r="H2856" t="s">
        <v>81</v>
      </c>
      <c r="I2856" s="2">
        <v>0</v>
      </c>
      <c r="J2856" s="2">
        <v>1</v>
      </c>
      <c r="K2856" s="2">
        <v>0</v>
      </c>
      <c r="L2856" t="s">
        <v>82</v>
      </c>
      <c r="M2856" t="s">
        <v>89</v>
      </c>
      <c r="N2856" t="s">
        <v>90</v>
      </c>
      <c r="O2856" t="s">
        <v>85</v>
      </c>
      <c r="P2856" t="s">
        <v>86</v>
      </c>
      <c r="Q2856">
        <v>71</v>
      </c>
      <c r="R2856">
        <v>72</v>
      </c>
      <c r="S2856">
        <v>72</v>
      </c>
      <c r="T2856">
        <v>73</v>
      </c>
      <c r="U2856">
        <v>74</v>
      </c>
      <c r="V2856">
        <v>75</v>
      </c>
      <c r="W2856">
        <v>75</v>
      </c>
      <c r="X2856">
        <v>76</v>
      </c>
      <c r="Y2856">
        <v>76</v>
      </c>
      <c r="Z2856">
        <v>77</v>
      </c>
      <c r="AA2856">
        <v>77</v>
      </c>
      <c r="AB2856">
        <v>77</v>
      </c>
      <c r="AC2856">
        <v>78</v>
      </c>
      <c r="AD2856">
        <v>78</v>
      </c>
      <c r="AE2856">
        <v>78</v>
      </c>
      <c r="AF2856">
        <v>77</v>
      </c>
      <c r="AG2856">
        <v>76</v>
      </c>
      <c r="AH2856">
        <v>76</v>
      </c>
      <c r="AI2856">
        <v>75</v>
      </c>
      <c r="AJ2856">
        <v>74</v>
      </c>
      <c r="AK2856">
        <v>74</v>
      </c>
      <c r="AL2856">
        <v>73</v>
      </c>
      <c r="AM2856">
        <v>72</v>
      </c>
      <c r="AN2856">
        <v>72</v>
      </c>
      <c r="AO2856">
        <v>71</v>
      </c>
      <c r="AP2856">
        <v>70</v>
      </c>
      <c r="AQ2856">
        <v>70</v>
      </c>
    </row>
    <row r="2857" spans="1:43">
      <c r="A2857" t="s">
        <v>1832</v>
      </c>
      <c r="B2857" t="s">
        <v>1833</v>
      </c>
      <c r="C2857" t="s">
        <v>1822</v>
      </c>
      <c r="D2857" t="s">
        <v>1823</v>
      </c>
      <c r="E2857" t="s">
        <v>1586</v>
      </c>
      <c r="F2857" t="s">
        <v>1587</v>
      </c>
      <c r="G2857" t="s">
        <v>80</v>
      </c>
      <c r="H2857" t="s">
        <v>81</v>
      </c>
      <c r="I2857" s="2">
        <v>0</v>
      </c>
      <c r="J2857" s="2">
        <v>1</v>
      </c>
      <c r="K2857" s="2">
        <v>0</v>
      </c>
      <c r="L2857" t="s">
        <v>82</v>
      </c>
      <c r="M2857" t="s">
        <v>83</v>
      </c>
      <c r="N2857" t="s">
        <v>91</v>
      </c>
      <c r="O2857" t="s">
        <v>85</v>
      </c>
      <c r="P2857" t="s">
        <v>86</v>
      </c>
      <c r="Q2857">
        <v>71</v>
      </c>
      <c r="R2857">
        <v>71</v>
      </c>
      <c r="S2857">
        <v>72</v>
      </c>
      <c r="T2857">
        <v>72</v>
      </c>
      <c r="U2857">
        <v>72</v>
      </c>
      <c r="V2857">
        <v>72</v>
      </c>
      <c r="W2857">
        <v>73</v>
      </c>
      <c r="X2857">
        <v>73</v>
      </c>
      <c r="Y2857">
        <v>73</v>
      </c>
      <c r="Z2857">
        <v>73</v>
      </c>
      <c r="AA2857">
        <v>73</v>
      </c>
      <c r="AB2857">
        <v>74</v>
      </c>
      <c r="AC2857">
        <v>74</v>
      </c>
      <c r="AD2857">
        <v>74</v>
      </c>
      <c r="AE2857">
        <v>74</v>
      </c>
      <c r="AF2857">
        <v>74</v>
      </c>
      <c r="AG2857">
        <v>74</v>
      </c>
      <c r="AH2857">
        <v>74</v>
      </c>
      <c r="AI2857">
        <v>74</v>
      </c>
      <c r="AJ2857">
        <v>74</v>
      </c>
      <c r="AK2857">
        <v>74</v>
      </c>
      <c r="AL2857">
        <v>74</v>
      </c>
      <c r="AM2857">
        <v>73</v>
      </c>
      <c r="AN2857">
        <v>72</v>
      </c>
      <c r="AO2857">
        <v>72</v>
      </c>
      <c r="AP2857">
        <v>71</v>
      </c>
      <c r="AQ2857">
        <v>70</v>
      </c>
    </row>
    <row r="2858" spans="1:43">
      <c r="A2858" t="s">
        <v>1834</v>
      </c>
      <c r="B2858" t="s">
        <v>1835</v>
      </c>
      <c r="C2858" t="s">
        <v>1822</v>
      </c>
      <c r="D2858" t="s">
        <v>1823</v>
      </c>
      <c r="E2858" t="s">
        <v>1586</v>
      </c>
      <c r="F2858" t="s">
        <v>1587</v>
      </c>
      <c r="G2858" t="s">
        <v>80</v>
      </c>
      <c r="H2858" t="s">
        <v>81</v>
      </c>
      <c r="I2858" s="2">
        <v>0</v>
      </c>
      <c r="J2858" s="2">
        <v>0.89</v>
      </c>
      <c r="K2858" s="2">
        <v>0.11</v>
      </c>
      <c r="L2858" t="s">
        <v>82</v>
      </c>
      <c r="M2858" t="s">
        <v>83</v>
      </c>
      <c r="N2858" t="s">
        <v>84</v>
      </c>
      <c r="O2858" t="s">
        <v>85</v>
      </c>
      <c r="P2858" t="s">
        <v>86</v>
      </c>
      <c r="Q2858">
        <v>77</v>
      </c>
      <c r="R2858">
        <v>78</v>
      </c>
      <c r="S2858">
        <v>78</v>
      </c>
      <c r="T2858">
        <v>78</v>
      </c>
      <c r="U2858">
        <v>78</v>
      </c>
      <c r="V2858">
        <v>78</v>
      </c>
      <c r="W2858">
        <v>79</v>
      </c>
      <c r="X2858">
        <v>79</v>
      </c>
      <c r="Y2858">
        <v>79</v>
      </c>
      <c r="Z2858">
        <v>79</v>
      </c>
      <c r="AA2858">
        <v>79</v>
      </c>
      <c r="AB2858">
        <v>79</v>
      </c>
      <c r="AC2858">
        <v>79</v>
      </c>
      <c r="AD2858">
        <v>79</v>
      </c>
      <c r="AE2858">
        <v>80</v>
      </c>
      <c r="AF2858">
        <v>80</v>
      </c>
      <c r="AG2858">
        <v>80</v>
      </c>
      <c r="AH2858">
        <v>80</v>
      </c>
      <c r="AI2858">
        <v>80</v>
      </c>
      <c r="AJ2858">
        <v>80</v>
      </c>
      <c r="AK2858">
        <v>80</v>
      </c>
      <c r="AL2858">
        <v>79</v>
      </c>
      <c r="AM2858">
        <v>78</v>
      </c>
      <c r="AN2858">
        <v>78</v>
      </c>
      <c r="AO2858">
        <v>77</v>
      </c>
      <c r="AP2858">
        <v>76</v>
      </c>
      <c r="AQ2858">
        <v>76</v>
      </c>
    </row>
    <row r="2859" spans="1:43">
      <c r="A2859" t="s">
        <v>1834</v>
      </c>
      <c r="B2859" t="s">
        <v>1835</v>
      </c>
      <c r="C2859" t="s">
        <v>1822</v>
      </c>
      <c r="D2859" t="s">
        <v>1823</v>
      </c>
      <c r="E2859" t="s">
        <v>1586</v>
      </c>
      <c r="F2859" t="s">
        <v>1587</v>
      </c>
      <c r="G2859" t="s">
        <v>80</v>
      </c>
      <c r="H2859" t="s">
        <v>81</v>
      </c>
      <c r="I2859" s="2">
        <v>0</v>
      </c>
      <c r="J2859" s="2">
        <v>0.89</v>
      </c>
      <c r="K2859" s="2">
        <v>0.11</v>
      </c>
      <c r="L2859" t="s">
        <v>82</v>
      </c>
      <c r="M2859" t="s">
        <v>87</v>
      </c>
      <c r="N2859" t="s">
        <v>88</v>
      </c>
      <c r="O2859" t="s">
        <v>85</v>
      </c>
      <c r="P2859" t="s">
        <v>86</v>
      </c>
      <c r="Q2859">
        <v>77</v>
      </c>
      <c r="R2859">
        <v>76</v>
      </c>
      <c r="S2859">
        <v>76</v>
      </c>
      <c r="T2859">
        <v>75</v>
      </c>
      <c r="U2859">
        <v>75</v>
      </c>
      <c r="V2859">
        <v>74</v>
      </c>
      <c r="W2859">
        <v>74</v>
      </c>
      <c r="X2859">
        <v>73</v>
      </c>
      <c r="Y2859">
        <v>73</v>
      </c>
      <c r="Z2859">
        <v>73</v>
      </c>
      <c r="AA2859">
        <v>72</v>
      </c>
      <c r="AB2859">
        <v>72</v>
      </c>
      <c r="AC2859">
        <v>71</v>
      </c>
      <c r="AD2859">
        <v>71</v>
      </c>
      <c r="AE2859">
        <v>70</v>
      </c>
      <c r="AF2859">
        <v>70</v>
      </c>
      <c r="AG2859">
        <v>70</v>
      </c>
      <c r="AH2859">
        <v>69</v>
      </c>
      <c r="AI2859">
        <v>69</v>
      </c>
      <c r="AJ2859">
        <v>68</v>
      </c>
      <c r="AK2859">
        <v>68</v>
      </c>
      <c r="AL2859">
        <v>68</v>
      </c>
      <c r="AM2859">
        <v>67</v>
      </c>
      <c r="AN2859">
        <v>67</v>
      </c>
      <c r="AO2859">
        <v>66</v>
      </c>
      <c r="AP2859">
        <v>66</v>
      </c>
      <c r="AQ2859">
        <v>66</v>
      </c>
    </row>
    <row r="2860" spans="1:43">
      <c r="A2860" t="s">
        <v>1834</v>
      </c>
      <c r="B2860" t="s">
        <v>1835</v>
      </c>
      <c r="C2860" t="s">
        <v>1822</v>
      </c>
      <c r="D2860" t="s">
        <v>1823</v>
      </c>
      <c r="E2860" t="s">
        <v>1586</v>
      </c>
      <c r="F2860" t="s">
        <v>1587</v>
      </c>
      <c r="G2860" t="s">
        <v>80</v>
      </c>
      <c r="H2860" t="s">
        <v>81</v>
      </c>
      <c r="I2860" s="2">
        <v>0</v>
      </c>
      <c r="J2860" s="2">
        <v>0.89</v>
      </c>
      <c r="K2860" s="2">
        <v>0.11</v>
      </c>
      <c r="L2860" t="s">
        <v>82</v>
      </c>
      <c r="M2860" t="s">
        <v>89</v>
      </c>
      <c r="N2860" t="s">
        <v>90</v>
      </c>
      <c r="O2860" t="s">
        <v>85</v>
      </c>
      <c r="P2860" t="s">
        <v>86</v>
      </c>
      <c r="Q2860">
        <v>77</v>
      </c>
      <c r="R2860">
        <v>78</v>
      </c>
      <c r="S2860">
        <v>79</v>
      </c>
      <c r="T2860">
        <v>80</v>
      </c>
      <c r="U2860">
        <v>80</v>
      </c>
      <c r="V2860">
        <v>81</v>
      </c>
      <c r="W2860">
        <v>82</v>
      </c>
      <c r="X2860">
        <v>82</v>
      </c>
      <c r="Y2860">
        <v>83</v>
      </c>
      <c r="Z2860">
        <v>83</v>
      </c>
      <c r="AA2860">
        <v>83</v>
      </c>
      <c r="AB2860">
        <v>84</v>
      </c>
      <c r="AC2860">
        <v>84</v>
      </c>
      <c r="AD2860">
        <v>84</v>
      </c>
      <c r="AE2860">
        <v>84</v>
      </c>
      <c r="AF2860">
        <v>84</v>
      </c>
      <c r="AG2860">
        <v>83</v>
      </c>
      <c r="AH2860">
        <v>82</v>
      </c>
      <c r="AI2860">
        <v>81</v>
      </c>
      <c r="AJ2860">
        <v>80</v>
      </c>
      <c r="AK2860">
        <v>80</v>
      </c>
      <c r="AL2860">
        <v>79</v>
      </c>
      <c r="AM2860">
        <v>78</v>
      </c>
      <c r="AN2860">
        <v>77</v>
      </c>
      <c r="AO2860">
        <v>77</v>
      </c>
      <c r="AP2860">
        <v>76</v>
      </c>
      <c r="AQ2860">
        <v>75</v>
      </c>
    </row>
    <row r="2861" spans="1:43">
      <c r="A2861" t="s">
        <v>1834</v>
      </c>
      <c r="B2861" t="s">
        <v>1835</v>
      </c>
      <c r="C2861" t="s">
        <v>1822</v>
      </c>
      <c r="D2861" t="s">
        <v>1823</v>
      </c>
      <c r="E2861" t="s">
        <v>1586</v>
      </c>
      <c r="F2861" t="s">
        <v>1587</v>
      </c>
      <c r="G2861" t="s">
        <v>80</v>
      </c>
      <c r="H2861" t="s">
        <v>81</v>
      </c>
      <c r="I2861" s="2">
        <v>0</v>
      </c>
      <c r="J2861" s="2">
        <v>0.89</v>
      </c>
      <c r="K2861" s="2">
        <v>0.11</v>
      </c>
      <c r="L2861" t="s">
        <v>82</v>
      </c>
      <c r="M2861" t="s">
        <v>83</v>
      </c>
      <c r="N2861" t="s">
        <v>91</v>
      </c>
      <c r="O2861" t="s">
        <v>85</v>
      </c>
      <c r="P2861" t="s">
        <v>86</v>
      </c>
      <c r="Q2861">
        <v>77</v>
      </c>
      <c r="R2861">
        <v>78</v>
      </c>
      <c r="S2861">
        <v>78</v>
      </c>
      <c r="T2861">
        <v>78</v>
      </c>
      <c r="U2861">
        <v>78</v>
      </c>
      <c r="V2861">
        <v>78</v>
      </c>
      <c r="W2861">
        <v>79</v>
      </c>
      <c r="X2861">
        <v>79</v>
      </c>
      <c r="Y2861">
        <v>79</v>
      </c>
      <c r="Z2861">
        <v>79</v>
      </c>
      <c r="AA2861">
        <v>79</v>
      </c>
      <c r="AB2861">
        <v>79</v>
      </c>
      <c r="AC2861">
        <v>79</v>
      </c>
      <c r="AD2861">
        <v>79</v>
      </c>
      <c r="AE2861">
        <v>80</v>
      </c>
      <c r="AF2861">
        <v>80</v>
      </c>
      <c r="AG2861">
        <v>80</v>
      </c>
      <c r="AH2861">
        <v>80</v>
      </c>
      <c r="AI2861">
        <v>80</v>
      </c>
      <c r="AJ2861">
        <v>80</v>
      </c>
      <c r="AK2861">
        <v>80</v>
      </c>
      <c r="AL2861">
        <v>79</v>
      </c>
      <c r="AM2861">
        <v>78</v>
      </c>
      <c r="AN2861">
        <v>78</v>
      </c>
      <c r="AO2861">
        <v>77</v>
      </c>
      <c r="AP2861">
        <v>76</v>
      </c>
      <c r="AQ2861">
        <v>76</v>
      </c>
    </row>
    <row r="2862" spans="1:43">
      <c r="A2862" t="s">
        <v>1836</v>
      </c>
      <c r="B2862" t="s">
        <v>1837</v>
      </c>
      <c r="C2862" t="s">
        <v>1622</v>
      </c>
      <c r="D2862" t="s">
        <v>1623</v>
      </c>
      <c r="E2862" t="s">
        <v>1586</v>
      </c>
      <c r="F2862" t="s">
        <v>1587</v>
      </c>
      <c r="G2862" t="s">
        <v>80</v>
      </c>
      <c r="H2862" t="s">
        <v>81</v>
      </c>
      <c r="I2862" s="2">
        <v>0</v>
      </c>
      <c r="J2862" s="2">
        <v>0</v>
      </c>
      <c r="K2862" s="2">
        <v>1</v>
      </c>
      <c r="L2862" t="s">
        <v>995</v>
      </c>
      <c r="M2862" t="s">
        <v>83</v>
      </c>
      <c r="N2862" t="s">
        <v>84</v>
      </c>
      <c r="O2862" t="s">
        <v>85</v>
      </c>
      <c r="P2862" t="s">
        <v>86</v>
      </c>
      <c r="Q2862">
        <v>42</v>
      </c>
      <c r="R2862">
        <v>42</v>
      </c>
      <c r="S2862">
        <v>42</v>
      </c>
      <c r="T2862">
        <v>43</v>
      </c>
      <c r="U2862">
        <v>43</v>
      </c>
      <c r="V2862">
        <v>43</v>
      </c>
      <c r="W2862">
        <v>43</v>
      </c>
      <c r="X2862">
        <v>43</v>
      </c>
      <c r="Y2862">
        <v>43</v>
      </c>
      <c r="Z2862">
        <v>43</v>
      </c>
      <c r="AA2862">
        <v>43</v>
      </c>
      <c r="AB2862">
        <v>44</v>
      </c>
      <c r="AC2862">
        <v>44</v>
      </c>
      <c r="AD2862">
        <v>44</v>
      </c>
      <c r="AE2862">
        <v>44</v>
      </c>
      <c r="AF2862">
        <v>44</v>
      </c>
      <c r="AG2862">
        <v>44</v>
      </c>
      <c r="AH2862">
        <v>44</v>
      </c>
      <c r="AI2862">
        <v>44</v>
      </c>
      <c r="AJ2862">
        <v>44</v>
      </c>
      <c r="AK2862">
        <v>44</v>
      </c>
      <c r="AL2862">
        <v>44</v>
      </c>
      <c r="AM2862">
        <v>43</v>
      </c>
      <c r="AN2862">
        <v>43</v>
      </c>
      <c r="AO2862">
        <v>43</v>
      </c>
      <c r="AP2862">
        <v>42</v>
      </c>
      <c r="AQ2862">
        <v>42</v>
      </c>
    </row>
    <row r="2863" spans="1:43">
      <c r="A2863" t="s">
        <v>1836</v>
      </c>
      <c r="B2863" t="s">
        <v>1837</v>
      </c>
      <c r="C2863" t="s">
        <v>1622</v>
      </c>
      <c r="D2863" t="s">
        <v>1623</v>
      </c>
      <c r="E2863" t="s">
        <v>1586</v>
      </c>
      <c r="F2863" t="s">
        <v>1587</v>
      </c>
      <c r="G2863" t="s">
        <v>80</v>
      </c>
      <c r="H2863" t="s">
        <v>81</v>
      </c>
      <c r="I2863" s="2">
        <v>0</v>
      </c>
      <c r="J2863" s="2">
        <v>0</v>
      </c>
      <c r="K2863" s="2">
        <v>1</v>
      </c>
      <c r="L2863" t="s">
        <v>995</v>
      </c>
      <c r="M2863" t="s">
        <v>87</v>
      </c>
      <c r="N2863" t="s">
        <v>88</v>
      </c>
      <c r="O2863" t="s">
        <v>85</v>
      </c>
      <c r="P2863" t="s">
        <v>86</v>
      </c>
      <c r="Q2863">
        <v>42</v>
      </c>
      <c r="R2863">
        <v>41</v>
      </c>
      <c r="S2863">
        <v>41</v>
      </c>
      <c r="T2863">
        <v>41</v>
      </c>
      <c r="U2863">
        <v>41</v>
      </c>
      <c r="V2863">
        <v>41</v>
      </c>
      <c r="W2863">
        <v>40</v>
      </c>
      <c r="X2863">
        <v>40</v>
      </c>
      <c r="Y2863">
        <v>40</v>
      </c>
      <c r="Z2863">
        <v>40</v>
      </c>
      <c r="AA2863">
        <v>40</v>
      </c>
      <c r="AB2863">
        <v>39</v>
      </c>
      <c r="AC2863">
        <v>39</v>
      </c>
      <c r="AD2863">
        <v>39</v>
      </c>
      <c r="AE2863">
        <v>39</v>
      </c>
      <c r="AF2863">
        <v>39</v>
      </c>
      <c r="AG2863">
        <v>38</v>
      </c>
      <c r="AH2863">
        <v>38</v>
      </c>
      <c r="AI2863">
        <v>38</v>
      </c>
      <c r="AJ2863">
        <v>38</v>
      </c>
      <c r="AK2863">
        <v>38</v>
      </c>
      <c r="AL2863">
        <v>37</v>
      </c>
      <c r="AM2863">
        <v>37</v>
      </c>
      <c r="AN2863">
        <v>37</v>
      </c>
      <c r="AO2863">
        <v>37</v>
      </c>
      <c r="AP2863">
        <v>37</v>
      </c>
      <c r="AQ2863">
        <v>37</v>
      </c>
    </row>
    <row r="2864" spans="1:43">
      <c r="A2864" t="s">
        <v>1836</v>
      </c>
      <c r="B2864" t="s">
        <v>1837</v>
      </c>
      <c r="C2864" t="s">
        <v>1622</v>
      </c>
      <c r="D2864" t="s">
        <v>1623</v>
      </c>
      <c r="E2864" t="s">
        <v>1586</v>
      </c>
      <c r="F2864" t="s">
        <v>1587</v>
      </c>
      <c r="G2864" t="s">
        <v>80</v>
      </c>
      <c r="H2864" t="s">
        <v>81</v>
      </c>
      <c r="I2864" s="2">
        <v>0</v>
      </c>
      <c r="J2864" s="2">
        <v>0</v>
      </c>
      <c r="K2864" s="2">
        <v>1</v>
      </c>
      <c r="L2864" t="s">
        <v>995</v>
      </c>
      <c r="M2864" t="s">
        <v>89</v>
      </c>
      <c r="N2864" t="s">
        <v>90</v>
      </c>
      <c r="O2864" t="s">
        <v>85</v>
      </c>
      <c r="P2864" t="s">
        <v>86</v>
      </c>
      <c r="Q2864">
        <v>42</v>
      </c>
      <c r="R2864">
        <v>43</v>
      </c>
      <c r="S2864">
        <v>43</v>
      </c>
      <c r="T2864">
        <v>44</v>
      </c>
      <c r="U2864">
        <v>44</v>
      </c>
      <c r="V2864">
        <v>45</v>
      </c>
      <c r="W2864">
        <v>45</v>
      </c>
      <c r="X2864">
        <v>45</v>
      </c>
      <c r="Y2864">
        <v>46</v>
      </c>
      <c r="Z2864">
        <v>46</v>
      </c>
      <c r="AA2864">
        <v>46</v>
      </c>
      <c r="AB2864">
        <v>46</v>
      </c>
      <c r="AC2864">
        <v>47</v>
      </c>
      <c r="AD2864">
        <v>47</v>
      </c>
      <c r="AE2864">
        <v>47</v>
      </c>
      <c r="AF2864">
        <v>46</v>
      </c>
      <c r="AG2864">
        <v>46</v>
      </c>
      <c r="AH2864">
        <v>46</v>
      </c>
      <c r="AI2864">
        <v>45</v>
      </c>
      <c r="AJ2864">
        <v>45</v>
      </c>
      <c r="AK2864">
        <v>44</v>
      </c>
      <c r="AL2864">
        <v>44</v>
      </c>
      <c r="AM2864">
        <v>44</v>
      </c>
      <c r="AN2864">
        <v>43</v>
      </c>
      <c r="AO2864">
        <v>43</v>
      </c>
      <c r="AP2864">
        <v>43</v>
      </c>
      <c r="AQ2864">
        <v>42</v>
      </c>
    </row>
    <row r="2865" spans="1:43">
      <c r="A2865" t="s">
        <v>1836</v>
      </c>
      <c r="B2865" t="s">
        <v>1837</v>
      </c>
      <c r="C2865" t="s">
        <v>1622</v>
      </c>
      <c r="D2865" t="s">
        <v>1623</v>
      </c>
      <c r="E2865" t="s">
        <v>1586</v>
      </c>
      <c r="F2865" t="s">
        <v>1587</v>
      </c>
      <c r="G2865" t="s">
        <v>80</v>
      </c>
      <c r="H2865" t="s">
        <v>81</v>
      </c>
      <c r="I2865" s="2">
        <v>0</v>
      </c>
      <c r="J2865" s="2">
        <v>0</v>
      </c>
      <c r="K2865" s="2">
        <v>1</v>
      </c>
      <c r="L2865" t="s">
        <v>995</v>
      </c>
      <c r="M2865" t="s">
        <v>83</v>
      </c>
      <c r="N2865" t="s">
        <v>91</v>
      </c>
      <c r="O2865" t="s">
        <v>85</v>
      </c>
      <c r="P2865" t="s">
        <v>86</v>
      </c>
      <c r="Q2865">
        <v>42</v>
      </c>
      <c r="R2865">
        <v>42</v>
      </c>
      <c r="S2865">
        <v>42</v>
      </c>
      <c r="T2865">
        <v>43</v>
      </c>
      <c r="U2865">
        <v>43</v>
      </c>
      <c r="V2865">
        <v>43</v>
      </c>
      <c r="W2865">
        <v>43</v>
      </c>
      <c r="X2865">
        <v>43</v>
      </c>
      <c r="Y2865">
        <v>43</v>
      </c>
      <c r="Z2865">
        <v>43</v>
      </c>
      <c r="AA2865">
        <v>43</v>
      </c>
      <c r="AB2865">
        <v>44</v>
      </c>
      <c r="AC2865">
        <v>44</v>
      </c>
      <c r="AD2865">
        <v>44</v>
      </c>
      <c r="AE2865">
        <v>44</v>
      </c>
      <c r="AF2865">
        <v>44</v>
      </c>
      <c r="AG2865">
        <v>44</v>
      </c>
      <c r="AH2865">
        <v>44</v>
      </c>
      <c r="AI2865">
        <v>44</v>
      </c>
      <c r="AJ2865">
        <v>44</v>
      </c>
      <c r="AK2865">
        <v>44</v>
      </c>
      <c r="AL2865">
        <v>44</v>
      </c>
      <c r="AM2865">
        <v>43</v>
      </c>
      <c r="AN2865">
        <v>43</v>
      </c>
      <c r="AO2865">
        <v>43</v>
      </c>
      <c r="AP2865">
        <v>42</v>
      </c>
      <c r="AQ2865">
        <v>42</v>
      </c>
    </row>
    <row r="2866" spans="1:43">
      <c r="A2866" t="s">
        <v>1838</v>
      </c>
      <c r="B2866" t="s">
        <v>1839</v>
      </c>
      <c r="C2866" t="s">
        <v>1622</v>
      </c>
      <c r="D2866" t="s">
        <v>1623</v>
      </c>
      <c r="E2866" t="s">
        <v>1586</v>
      </c>
      <c r="F2866" t="s">
        <v>1587</v>
      </c>
      <c r="G2866" t="s">
        <v>80</v>
      </c>
      <c r="H2866" t="s">
        <v>81</v>
      </c>
      <c r="I2866" s="2">
        <v>0</v>
      </c>
      <c r="J2866" s="2">
        <v>0</v>
      </c>
      <c r="K2866" s="2">
        <v>1</v>
      </c>
      <c r="L2866" t="s">
        <v>995</v>
      </c>
      <c r="M2866" t="s">
        <v>83</v>
      </c>
      <c r="N2866" t="s">
        <v>84</v>
      </c>
      <c r="O2866" t="s">
        <v>85</v>
      </c>
      <c r="P2866" t="s">
        <v>86</v>
      </c>
      <c r="Q2866">
        <v>30</v>
      </c>
      <c r="R2866">
        <v>30</v>
      </c>
      <c r="S2866">
        <v>30</v>
      </c>
      <c r="T2866">
        <v>31</v>
      </c>
      <c r="U2866">
        <v>31</v>
      </c>
      <c r="V2866">
        <v>31</v>
      </c>
      <c r="W2866">
        <v>31</v>
      </c>
      <c r="X2866">
        <v>31</v>
      </c>
      <c r="Y2866">
        <v>31</v>
      </c>
      <c r="Z2866">
        <v>31</v>
      </c>
      <c r="AA2866">
        <v>31</v>
      </c>
      <c r="AB2866">
        <v>31</v>
      </c>
      <c r="AC2866">
        <v>31</v>
      </c>
      <c r="AD2866">
        <v>31</v>
      </c>
      <c r="AE2866">
        <v>31</v>
      </c>
      <c r="AF2866">
        <v>31</v>
      </c>
      <c r="AG2866">
        <v>31</v>
      </c>
      <c r="AH2866">
        <v>31</v>
      </c>
      <c r="AI2866">
        <v>31</v>
      </c>
      <c r="AJ2866">
        <v>31</v>
      </c>
      <c r="AK2866">
        <v>32</v>
      </c>
      <c r="AL2866">
        <v>31</v>
      </c>
      <c r="AM2866">
        <v>31</v>
      </c>
      <c r="AN2866">
        <v>31</v>
      </c>
      <c r="AO2866">
        <v>31</v>
      </c>
      <c r="AP2866">
        <v>30</v>
      </c>
      <c r="AQ2866">
        <v>30</v>
      </c>
    </row>
    <row r="2867" spans="1:43">
      <c r="A2867" t="s">
        <v>1838</v>
      </c>
      <c r="B2867" t="s">
        <v>1839</v>
      </c>
      <c r="C2867" t="s">
        <v>1622</v>
      </c>
      <c r="D2867" t="s">
        <v>1623</v>
      </c>
      <c r="E2867" t="s">
        <v>1586</v>
      </c>
      <c r="F2867" t="s">
        <v>1587</v>
      </c>
      <c r="G2867" t="s">
        <v>80</v>
      </c>
      <c r="H2867" t="s">
        <v>81</v>
      </c>
      <c r="I2867" s="2">
        <v>0</v>
      </c>
      <c r="J2867" s="2">
        <v>0</v>
      </c>
      <c r="K2867" s="2">
        <v>1</v>
      </c>
      <c r="L2867" t="s">
        <v>995</v>
      </c>
      <c r="M2867" t="s">
        <v>87</v>
      </c>
      <c r="N2867" t="s">
        <v>88</v>
      </c>
      <c r="O2867" t="s">
        <v>85</v>
      </c>
      <c r="P2867" t="s">
        <v>86</v>
      </c>
      <c r="Q2867">
        <v>30</v>
      </c>
      <c r="R2867">
        <v>30</v>
      </c>
      <c r="S2867">
        <v>30</v>
      </c>
      <c r="T2867">
        <v>29</v>
      </c>
      <c r="U2867">
        <v>29</v>
      </c>
      <c r="V2867">
        <v>29</v>
      </c>
      <c r="W2867">
        <v>29</v>
      </c>
      <c r="X2867">
        <v>29</v>
      </c>
      <c r="Y2867">
        <v>29</v>
      </c>
      <c r="Z2867">
        <v>28</v>
      </c>
      <c r="AA2867">
        <v>28</v>
      </c>
      <c r="AB2867">
        <v>28</v>
      </c>
      <c r="AC2867">
        <v>28</v>
      </c>
      <c r="AD2867">
        <v>28</v>
      </c>
      <c r="AE2867">
        <v>28</v>
      </c>
      <c r="AF2867">
        <v>28</v>
      </c>
      <c r="AG2867">
        <v>27</v>
      </c>
      <c r="AH2867">
        <v>27</v>
      </c>
      <c r="AI2867">
        <v>27</v>
      </c>
      <c r="AJ2867">
        <v>27</v>
      </c>
      <c r="AK2867">
        <v>27</v>
      </c>
      <c r="AL2867">
        <v>27</v>
      </c>
      <c r="AM2867">
        <v>27</v>
      </c>
      <c r="AN2867">
        <v>26</v>
      </c>
      <c r="AO2867">
        <v>26</v>
      </c>
      <c r="AP2867">
        <v>26</v>
      </c>
      <c r="AQ2867">
        <v>26</v>
      </c>
    </row>
    <row r="2868" spans="1:43">
      <c r="A2868" t="s">
        <v>1838</v>
      </c>
      <c r="B2868" t="s">
        <v>1839</v>
      </c>
      <c r="C2868" t="s">
        <v>1622</v>
      </c>
      <c r="D2868" t="s">
        <v>1623</v>
      </c>
      <c r="E2868" t="s">
        <v>1586</v>
      </c>
      <c r="F2868" t="s">
        <v>1587</v>
      </c>
      <c r="G2868" t="s">
        <v>80</v>
      </c>
      <c r="H2868" t="s">
        <v>81</v>
      </c>
      <c r="I2868" s="2">
        <v>0</v>
      </c>
      <c r="J2868" s="2">
        <v>0</v>
      </c>
      <c r="K2868" s="2">
        <v>1</v>
      </c>
      <c r="L2868" t="s">
        <v>995</v>
      </c>
      <c r="M2868" t="s">
        <v>89</v>
      </c>
      <c r="N2868" t="s">
        <v>90</v>
      </c>
      <c r="O2868" t="s">
        <v>85</v>
      </c>
      <c r="P2868" t="s">
        <v>86</v>
      </c>
      <c r="Q2868">
        <v>30</v>
      </c>
      <c r="R2868">
        <v>31</v>
      </c>
      <c r="S2868">
        <v>31</v>
      </c>
      <c r="T2868">
        <v>32</v>
      </c>
      <c r="U2868">
        <v>32</v>
      </c>
      <c r="V2868">
        <v>32</v>
      </c>
      <c r="W2868">
        <v>32</v>
      </c>
      <c r="X2868">
        <v>33</v>
      </c>
      <c r="Y2868">
        <v>33</v>
      </c>
      <c r="Z2868">
        <v>33</v>
      </c>
      <c r="AA2868">
        <v>33</v>
      </c>
      <c r="AB2868">
        <v>33</v>
      </c>
      <c r="AC2868">
        <v>33</v>
      </c>
      <c r="AD2868">
        <v>34</v>
      </c>
      <c r="AE2868">
        <v>34</v>
      </c>
      <c r="AF2868">
        <v>33</v>
      </c>
      <c r="AG2868">
        <v>33</v>
      </c>
      <c r="AH2868">
        <v>33</v>
      </c>
      <c r="AI2868">
        <v>33</v>
      </c>
      <c r="AJ2868">
        <v>32</v>
      </c>
      <c r="AK2868">
        <v>32</v>
      </c>
      <c r="AL2868">
        <v>32</v>
      </c>
      <c r="AM2868">
        <v>31</v>
      </c>
      <c r="AN2868">
        <v>31</v>
      </c>
      <c r="AO2868">
        <v>31</v>
      </c>
      <c r="AP2868">
        <v>31</v>
      </c>
      <c r="AQ2868">
        <v>30</v>
      </c>
    </row>
    <row r="2869" spans="1:43">
      <c r="A2869" t="s">
        <v>1838</v>
      </c>
      <c r="B2869" t="s">
        <v>1839</v>
      </c>
      <c r="C2869" t="s">
        <v>1622</v>
      </c>
      <c r="D2869" t="s">
        <v>1623</v>
      </c>
      <c r="E2869" t="s">
        <v>1586</v>
      </c>
      <c r="F2869" t="s">
        <v>1587</v>
      </c>
      <c r="G2869" t="s">
        <v>80</v>
      </c>
      <c r="H2869" t="s">
        <v>81</v>
      </c>
      <c r="I2869" s="2">
        <v>0</v>
      </c>
      <c r="J2869" s="2">
        <v>0</v>
      </c>
      <c r="K2869" s="2">
        <v>1</v>
      </c>
      <c r="L2869" t="s">
        <v>995</v>
      </c>
      <c r="M2869" t="s">
        <v>83</v>
      </c>
      <c r="N2869" t="s">
        <v>91</v>
      </c>
      <c r="O2869" t="s">
        <v>85</v>
      </c>
      <c r="P2869" t="s">
        <v>86</v>
      </c>
      <c r="Q2869">
        <v>30</v>
      </c>
      <c r="R2869">
        <v>30</v>
      </c>
      <c r="S2869">
        <v>30</v>
      </c>
      <c r="T2869">
        <v>31</v>
      </c>
      <c r="U2869">
        <v>31</v>
      </c>
      <c r="V2869">
        <v>31</v>
      </c>
      <c r="W2869">
        <v>31</v>
      </c>
      <c r="X2869">
        <v>31</v>
      </c>
      <c r="Y2869">
        <v>31</v>
      </c>
      <c r="Z2869">
        <v>31</v>
      </c>
      <c r="AA2869">
        <v>31</v>
      </c>
      <c r="AB2869">
        <v>31</v>
      </c>
      <c r="AC2869">
        <v>31</v>
      </c>
      <c r="AD2869">
        <v>31</v>
      </c>
      <c r="AE2869">
        <v>31</v>
      </c>
      <c r="AF2869">
        <v>31</v>
      </c>
      <c r="AG2869">
        <v>31</v>
      </c>
      <c r="AH2869">
        <v>31</v>
      </c>
      <c r="AI2869">
        <v>31</v>
      </c>
      <c r="AJ2869">
        <v>31</v>
      </c>
      <c r="AK2869">
        <v>32</v>
      </c>
      <c r="AL2869">
        <v>31</v>
      </c>
      <c r="AM2869">
        <v>31</v>
      </c>
      <c r="AN2869">
        <v>31</v>
      </c>
      <c r="AO2869">
        <v>31</v>
      </c>
      <c r="AP2869">
        <v>30</v>
      </c>
      <c r="AQ2869">
        <v>30</v>
      </c>
    </row>
    <row r="2870" spans="1:43">
      <c r="A2870" t="s">
        <v>1840</v>
      </c>
      <c r="B2870" t="s">
        <v>1841</v>
      </c>
      <c r="C2870" t="s">
        <v>1842</v>
      </c>
      <c r="D2870" t="s">
        <v>1843</v>
      </c>
      <c r="E2870" t="s">
        <v>1586</v>
      </c>
      <c r="F2870" t="s">
        <v>1587</v>
      </c>
      <c r="G2870" t="s">
        <v>80</v>
      </c>
      <c r="H2870" t="s">
        <v>81</v>
      </c>
      <c r="I2870" s="2">
        <v>0</v>
      </c>
      <c r="J2870" s="2">
        <v>0</v>
      </c>
      <c r="K2870" s="2">
        <v>1</v>
      </c>
      <c r="L2870" t="s">
        <v>995</v>
      </c>
      <c r="M2870" t="s">
        <v>83</v>
      </c>
      <c r="N2870" t="s">
        <v>84</v>
      </c>
      <c r="O2870" t="s">
        <v>85</v>
      </c>
      <c r="P2870" t="s">
        <v>86</v>
      </c>
      <c r="Q2870">
        <v>22</v>
      </c>
      <c r="R2870">
        <v>22</v>
      </c>
      <c r="S2870">
        <v>23</v>
      </c>
      <c r="T2870">
        <v>23</v>
      </c>
      <c r="U2870">
        <v>23</v>
      </c>
      <c r="V2870">
        <v>23</v>
      </c>
      <c r="W2870">
        <v>23</v>
      </c>
      <c r="X2870">
        <v>23</v>
      </c>
      <c r="Y2870">
        <v>23</v>
      </c>
      <c r="Z2870">
        <v>23</v>
      </c>
      <c r="AA2870">
        <v>23</v>
      </c>
      <c r="AB2870">
        <v>23</v>
      </c>
      <c r="AC2870">
        <v>23</v>
      </c>
      <c r="AD2870">
        <v>23</v>
      </c>
      <c r="AE2870">
        <v>23</v>
      </c>
      <c r="AF2870">
        <v>23</v>
      </c>
      <c r="AG2870">
        <v>23</v>
      </c>
      <c r="AH2870">
        <v>23</v>
      </c>
      <c r="AI2870">
        <v>23</v>
      </c>
      <c r="AJ2870">
        <v>23</v>
      </c>
      <c r="AK2870">
        <v>23</v>
      </c>
      <c r="AL2870">
        <v>23</v>
      </c>
      <c r="AM2870">
        <v>23</v>
      </c>
      <c r="AN2870">
        <v>23</v>
      </c>
      <c r="AO2870">
        <v>23</v>
      </c>
      <c r="AP2870">
        <v>23</v>
      </c>
      <c r="AQ2870">
        <v>22</v>
      </c>
    </row>
    <row r="2871" spans="1:43">
      <c r="A2871" t="s">
        <v>1840</v>
      </c>
      <c r="B2871" t="s">
        <v>1841</v>
      </c>
      <c r="C2871" t="s">
        <v>1842</v>
      </c>
      <c r="D2871" t="s">
        <v>1843</v>
      </c>
      <c r="E2871" t="s">
        <v>1586</v>
      </c>
      <c r="F2871" t="s">
        <v>1587</v>
      </c>
      <c r="G2871" t="s">
        <v>80</v>
      </c>
      <c r="H2871" t="s">
        <v>81</v>
      </c>
      <c r="I2871" s="2">
        <v>0</v>
      </c>
      <c r="J2871" s="2">
        <v>0</v>
      </c>
      <c r="K2871" s="2">
        <v>1</v>
      </c>
      <c r="L2871" t="s">
        <v>995</v>
      </c>
      <c r="M2871" t="s">
        <v>87</v>
      </c>
      <c r="N2871" t="s">
        <v>88</v>
      </c>
      <c r="O2871" t="s">
        <v>85</v>
      </c>
      <c r="P2871" t="s">
        <v>86</v>
      </c>
      <c r="Q2871">
        <v>22</v>
      </c>
      <c r="R2871">
        <v>22</v>
      </c>
      <c r="S2871">
        <v>22</v>
      </c>
      <c r="T2871">
        <v>22</v>
      </c>
      <c r="U2871">
        <v>22</v>
      </c>
      <c r="V2871">
        <v>22</v>
      </c>
      <c r="W2871">
        <v>21</v>
      </c>
      <c r="X2871">
        <v>21</v>
      </c>
      <c r="Y2871">
        <v>21</v>
      </c>
      <c r="Z2871">
        <v>21</v>
      </c>
      <c r="AA2871">
        <v>21</v>
      </c>
      <c r="AB2871">
        <v>21</v>
      </c>
      <c r="AC2871">
        <v>21</v>
      </c>
      <c r="AD2871">
        <v>21</v>
      </c>
      <c r="AE2871">
        <v>21</v>
      </c>
      <c r="AF2871">
        <v>21</v>
      </c>
      <c r="AG2871">
        <v>20</v>
      </c>
      <c r="AH2871">
        <v>20</v>
      </c>
      <c r="AI2871">
        <v>20</v>
      </c>
      <c r="AJ2871">
        <v>20</v>
      </c>
      <c r="AK2871">
        <v>20</v>
      </c>
      <c r="AL2871">
        <v>20</v>
      </c>
      <c r="AM2871">
        <v>20</v>
      </c>
      <c r="AN2871">
        <v>20</v>
      </c>
      <c r="AO2871">
        <v>20</v>
      </c>
      <c r="AP2871">
        <v>20</v>
      </c>
      <c r="AQ2871">
        <v>19</v>
      </c>
    </row>
    <row r="2872" spans="1:43">
      <c r="A2872" t="s">
        <v>1840</v>
      </c>
      <c r="B2872" t="s">
        <v>1841</v>
      </c>
      <c r="C2872" t="s">
        <v>1842</v>
      </c>
      <c r="D2872" t="s">
        <v>1843</v>
      </c>
      <c r="E2872" t="s">
        <v>1586</v>
      </c>
      <c r="F2872" t="s">
        <v>1587</v>
      </c>
      <c r="G2872" t="s">
        <v>80</v>
      </c>
      <c r="H2872" t="s">
        <v>81</v>
      </c>
      <c r="I2872" s="2">
        <v>0</v>
      </c>
      <c r="J2872" s="2">
        <v>0</v>
      </c>
      <c r="K2872" s="2">
        <v>1</v>
      </c>
      <c r="L2872" t="s">
        <v>995</v>
      </c>
      <c r="M2872" t="s">
        <v>89</v>
      </c>
      <c r="N2872" t="s">
        <v>90</v>
      </c>
      <c r="O2872" t="s">
        <v>85</v>
      </c>
      <c r="P2872" t="s">
        <v>86</v>
      </c>
      <c r="Q2872">
        <v>22</v>
      </c>
      <c r="R2872">
        <v>22</v>
      </c>
      <c r="S2872">
        <v>22</v>
      </c>
      <c r="T2872">
        <v>22</v>
      </c>
      <c r="U2872">
        <v>23</v>
      </c>
      <c r="V2872">
        <v>23</v>
      </c>
      <c r="W2872">
        <v>23</v>
      </c>
      <c r="X2872">
        <v>23</v>
      </c>
      <c r="Y2872">
        <v>23</v>
      </c>
      <c r="Z2872">
        <v>24</v>
      </c>
      <c r="AA2872">
        <v>24</v>
      </c>
      <c r="AB2872">
        <v>24</v>
      </c>
      <c r="AC2872">
        <v>24</v>
      </c>
      <c r="AD2872">
        <v>24</v>
      </c>
      <c r="AE2872">
        <v>24</v>
      </c>
      <c r="AF2872">
        <v>24</v>
      </c>
      <c r="AG2872">
        <v>24</v>
      </c>
      <c r="AH2872">
        <v>23</v>
      </c>
      <c r="AI2872">
        <v>23</v>
      </c>
      <c r="AJ2872">
        <v>23</v>
      </c>
      <c r="AK2872">
        <v>23</v>
      </c>
      <c r="AL2872">
        <v>23</v>
      </c>
      <c r="AM2872">
        <v>22</v>
      </c>
      <c r="AN2872">
        <v>22</v>
      </c>
      <c r="AO2872">
        <v>22</v>
      </c>
      <c r="AP2872">
        <v>22</v>
      </c>
      <c r="AQ2872">
        <v>22</v>
      </c>
    </row>
    <row r="2873" spans="1:43">
      <c r="A2873" t="s">
        <v>1840</v>
      </c>
      <c r="B2873" t="s">
        <v>1841</v>
      </c>
      <c r="C2873" t="s">
        <v>1842</v>
      </c>
      <c r="D2873" t="s">
        <v>1843</v>
      </c>
      <c r="E2873" t="s">
        <v>1586</v>
      </c>
      <c r="F2873" t="s">
        <v>1587</v>
      </c>
      <c r="G2873" t="s">
        <v>80</v>
      </c>
      <c r="H2873" t="s">
        <v>81</v>
      </c>
      <c r="I2873" s="2">
        <v>0</v>
      </c>
      <c r="J2873" s="2">
        <v>0</v>
      </c>
      <c r="K2873" s="2">
        <v>1</v>
      </c>
      <c r="L2873" t="s">
        <v>995</v>
      </c>
      <c r="M2873" t="s">
        <v>83</v>
      </c>
      <c r="N2873" t="s">
        <v>91</v>
      </c>
      <c r="O2873" t="s">
        <v>85</v>
      </c>
      <c r="P2873" t="s">
        <v>86</v>
      </c>
      <c r="Q2873">
        <v>22</v>
      </c>
      <c r="R2873">
        <v>22</v>
      </c>
      <c r="S2873">
        <v>23</v>
      </c>
      <c r="T2873">
        <v>23</v>
      </c>
      <c r="U2873">
        <v>23</v>
      </c>
      <c r="V2873">
        <v>23</v>
      </c>
      <c r="W2873">
        <v>23</v>
      </c>
      <c r="X2873">
        <v>23</v>
      </c>
      <c r="Y2873">
        <v>23</v>
      </c>
      <c r="Z2873">
        <v>23</v>
      </c>
      <c r="AA2873">
        <v>23</v>
      </c>
      <c r="AB2873">
        <v>23</v>
      </c>
      <c r="AC2873">
        <v>23</v>
      </c>
      <c r="AD2873">
        <v>23</v>
      </c>
      <c r="AE2873">
        <v>23</v>
      </c>
      <c r="AF2873">
        <v>23</v>
      </c>
      <c r="AG2873">
        <v>23</v>
      </c>
      <c r="AH2873">
        <v>23</v>
      </c>
      <c r="AI2873">
        <v>23</v>
      </c>
      <c r="AJ2873">
        <v>23</v>
      </c>
      <c r="AK2873">
        <v>23</v>
      </c>
      <c r="AL2873">
        <v>23</v>
      </c>
      <c r="AM2873">
        <v>23</v>
      </c>
      <c r="AN2873">
        <v>23</v>
      </c>
      <c r="AO2873">
        <v>23</v>
      </c>
      <c r="AP2873">
        <v>23</v>
      </c>
      <c r="AQ2873">
        <v>22</v>
      </c>
    </row>
    <row r="2874" spans="1:43">
      <c r="A2874" t="s">
        <v>1844</v>
      </c>
      <c r="B2874" t="s">
        <v>1845</v>
      </c>
      <c r="C2874" t="s">
        <v>1842</v>
      </c>
      <c r="D2874" t="s">
        <v>1843</v>
      </c>
      <c r="E2874" t="s">
        <v>1586</v>
      </c>
      <c r="F2874" t="s">
        <v>1587</v>
      </c>
      <c r="G2874" t="s">
        <v>80</v>
      </c>
      <c r="H2874" t="s">
        <v>81</v>
      </c>
      <c r="I2874" s="2">
        <v>0</v>
      </c>
      <c r="J2874" s="2">
        <v>0</v>
      </c>
      <c r="K2874" s="2">
        <v>1</v>
      </c>
      <c r="L2874" t="s">
        <v>995</v>
      </c>
      <c r="M2874" t="s">
        <v>83</v>
      </c>
      <c r="N2874" t="s">
        <v>84</v>
      </c>
      <c r="O2874" t="s">
        <v>85</v>
      </c>
      <c r="P2874" t="s">
        <v>86</v>
      </c>
      <c r="Q2874">
        <v>11</v>
      </c>
      <c r="R2874">
        <v>11</v>
      </c>
      <c r="S2874">
        <v>11</v>
      </c>
      <c r="T2874">
        <v>11</v>
      </c>
      <c r="U2874">
        <v>11</v>
      </c>
      <c r="V2874">
        <v>11</v>
      </c>
      <c r="W2874">
        <v>11</v>
      </c>
      <c r="X2874">
        <v>11</v>
      </c>
      <c r="Y2874">
        <v>11</v>
      </c>
      <c r="Z2874">
        <v>11</v>
      </c>
      <c r="AA2874">
        <v>11</v>
      </c>
      <c r="AB2874">
        <v>11</v>
      </c>
      <c r="AC2874">
        <v>11</v>
      </c>
      <c r="AD2874">
        <v>11</v>
      </c>
      <c r="AE2874">
        <v>11</v>
      </c>
      <c r="AF2874">
        <v>11</v>
      </c>
      <c r="AG2874">
        <v>11</v>
      </c>
      <c r="AH2874">
        <v>11</v>
      </c>
      <c r="AI2874">
        <v>11</v>
      </c>
      <c r="AJ2874">
        <v>11</v>
      </c>
      <c r="AK2874">
        <v>11</v>
      </c>
      <c r="AL2874">
        <v>11</v>
      </c>
      <c r="AM2874">
        <v>11</v>
      </c>
      <c r="AN2874">
        <v>11</v>
      </c>
      <c r="AO2874">
        <v>11</v>
      </c>
      <c r="AP2874">
        <v>11</v>
      </c>
      <c r="AQ2874">
        <v>11</v>
      </c>
    </row>
    <row r="2875" spans="1:43">
      <c r="A2875" t="s">
        <v>1844</v>
      </c>
      <c r="B2875" t="s">
        <v>1845</v>
      </c>
      <c r="C2875" t="s">
        <v>1842</v>
      </c>
      <c r="D2875" t="s">
        <v>1843</v>
      </c>
      <c r="E2875" t="s">
        <v>1586</v>
      </c>
      <c r="F2875" t="s">
        <v>1587</v>
      </c>
      <c r="G2875" t="s">
        <v>80</v>
      </c>
      <c r="H2875" t="s">
        <v>81</v>
      </c>
      <c r="I2875" s="2">
        <v>0</v>
      </c>
      <c r="J2875" s="2">
        <v>0</v>
      </c>
      <c r="K2875" s="2">
        <v>1</v>
      </c>
      <c r="L2875" t="s">
        <v>995</v>
      </c>
      <c r="M2875" t="s">
        <v>87</v>
      </c>
      <c r="N2875" t="s">
        <v>88</v>
      </c>
      <c r="O2875" t="s">
        <v>85</v>
      </c>
      <c r="P2875" t="s">
        <v>86</v>
      </c>
      <c r="Q2875">
        <v>11</v>
      </c>
      <c r="R2875">
        <v>10</v>
      </c>
      <c r="S2875">
        <v>10</v>
      </c>
      <c r="T2875">
        <v>10</v>
      </c>
      <c r="U2875">
        <v>10</v>
      </c>
      <c r="V2875">
        <v>10</v>
      </c>
      <c r="W2875">
        <v>10</v>
      </c>
      <c r="X2875">
        <v>10</v>
      </c>
      <c r="Y2875">
        <v>10</v>
      </c>
      <c r="Z2875">
        <v>10</v>
      </c>
      <c r="AA2875">
        <v>10</v>
      </c>
      <c r="AB2875">
        <v>10</v>
      </c>
      <c r="AC2875">
        <v>10</v>
      </c>
      <c r="AD2875">
        <v>10</v>
      </c>
      <c r="AE2875">
        <v>10</v>
      </c>
      <c r="AF2875">
        <v>10</v>
      </c>
      <c r="AG2875">
        <v>10</v>
      </c>
      <c r="AH2875">
        <v>10</v>
      </c>
      <c r="AI2875">
        <v>10</v>
      </c>
      <c r="AJ2875">
        <v>10</v>
      </c>
      <c r="AK2875">
        <v>10</v>
      </c>
      <c r="AL2875">
        <v>10</v>
      </c>
      <c r="AM2875">
        <v>9</v>
      </c>
      <c r="AN2875">
        <v>9</v>
      </c>
      <c r="AO2875">
        <v>9</v>
      </c>
      <c r="AP2875">
        <v>9</v>
      </c>
      <c r="AQ2875">
        <v>9</v>
      </c>
    </row>
    <row r="2876" spans="1:43">
      <c r="A2876" t="s">
        <v>1844</v>
      </c>
      <c r="B2876" t="s">
        <v>1845</v>
      </c>
      <c r="C2876" t="s">
        <v>1842</v>
      </c>
      <c r="D2876" t="s">
        <v>1843</v>
      </c>
      <c r="E2876" t="s">
        <v>1586</v>
      </c>
      <c r="F2876" t="s">
        <v>1587</v>
      </c>
      <c r="G2876" t="s">
        <v>80</v>
      </c>
      <c r="H2876" t="s">
        <v>81</v>
      </c>
      <c r="I2876" s="2">
        <v>0</v>
      </c>
      <c r="J2876" s="2">
        <v>0</v>
      </c>
      <c r="K2876" s="2">
        <v>1</v>
      </c>
      <c r="L2876" t="s">
        <v>995</v>
      </c>
      <c r="M2876" t="s">
        <v>89</v>
      </c>
      <c r="N2876" t="s">
        <v>90</v>
      </c>
      <c r="O2876" t="s">
        <v>85</v>
      </c>
      <c r="P2876" t="s">
        <v>86</v>
      </c>
      <c r="Q2876">
        <v>11</v>
      </c>
      <c r="R2876">
        <v>11</v>
      </c>
      <c r="S2876">
        <v>11</v>
      </c>
      <c r="T2876">
        <v>11</v>
      </c>
      <c r="U2876">
        <v>11</v>
      </c>
      <c r="V2876">
        <v>11</v>
      </c>
      <c r="W2876">
        <v>11</v>
      </c>
      <c r="X2876">
        <v>12</v>
      </c>
      <c r="Y2876">
        <v>12</v>
      </c>
      <c r="Z2876">
        <v>12</v>
      </c>
      <c r="AA2876">
        <v>12</v>
      </c>
      <c r="AB2876">
        <v>12</v>
      </c>
      <c r="AC2876">
        <v>12</v>
      </c>
      <c r="AD2876">
        <v>12</v>
      </c>
      <c r="AE2876">
        <v>12</v>
      </c>
      <c r="AF2876">
        <v>12</v>
      </c>
      <c r="AG2876">
        <v>12</v>
      </c>
      <c r="AH2876">
        <v>12</v>
      </c>
      <c r="AI2876">
        <v>12</v>
      </c>
      <c r="AJ2876">
        <v>11</v>
      </c>
      <c r="AK2876">
        <v>11</v>
      </c>
      <c r="AL2876">
        <v>11</v>
      </c>
      <c r="AM2876">
        <v>11</v>
      </c>
      <c r="AN2876">
        <v>11</v>
      </c>
      <c r="AO2876">
        <v>11</v>
      </c>
      <c r="AP2876">
        <v>11</v>
      </c>
      <c r="AQ2876">
        <v>11</v>
      </c>
    </row>
    <row r="2877" spans="1:43">
      <c r="A2877" t="s">
        <v>1844</v>
      </c>
      <c r="B2877" t="s">
        <v>1845</v>
      </c>
      <c r="C2877" t="s">
        <v>1842</v>
      </c>
      <c r="D2877" t="s">
        <v>1843</v>
      </c>
      <c r="E2877" t="s">
        <v>1586</v>
      </c>
      <c r="F2877" t="s">
        <v>1587</v>
      </c>
      <c r="G2877" t="s">
        <v>80</v>
      </c>
      <c r="H2877" t="s">
        <v>81</v>
      </c>
      <c r="I2877" s="2">
        <v>0</v>
      </c>
      <c r="J2877" s="2">
        <v>0</v>
      </c>
      <c r="K2877" s="2">
        <v>1</v>
      </c>
      <c r="L2877" t="s">
        <v>995</v>
      </c>
      <c r="M2877" t="s">
        <v>83</v>
      </c>
      <c r="N2877" t="s">
        <v>91</v>
      </c>
      <c r="O2877" t="s">
        <v>85</v>
      </c>
      <c r="P2877" t="s">
        <v>86</v>
      </c>
      <c r="Q2877">
        <v>11</v>
      </c>
      <c r="R2877">
        <v>11</v>
      </c>
      <c r="S2877">
        <v>11</v>
      </c>
      <c r="T2877">
        <v>11</v>
      </c>
      <c r="U2877">
        <v>11</v>
      </c>
      <c r="V2877">
        <v>11</v>
      </c>
      <c r="W2877">
        <v>11</v>
      </c>
      <c r="X2877">
        <v>11</v>
      </c>
      <c r="Y2877">
        <v>11</v>
      </c>
      <c r="Z2877">
        <v>11</v>
      </c>
      <c r="AA2877">
        <v>11</v>
      </c>
      <c r="AB2877">
        <v>11</v>
      </c>
      <c r="AC2877">
        <v>11</v>
      </c>
      <c r="AD2877">
        <v>11</v>
      </c>
      <c r="AE2877">
        <v>11</v>
      </c>
      <c r="AF2877">
        <v>11</v>
      </c>
      <c r="AG2877">
        <v>11</v>
      </c>
      <c r="AH2877">
        <v>11</v>
      </c>
      <c r="AI2877">
        <v>11</v>
      </c>
      <c r="AJ2877">
        <v>11</v>
      </c>
      <c r="AK2877">
        <v>11</v>
      </c>
      <c r="AL2877">
        <v>11</v>
      </c>
      <c r="AM2877">
        <v>11</v>
      </c>
      <c r="AN2877">
        <v>11</v>
      </c>
      <c r="AO2877">
        <v>11</v>
      </c>
      <c r="AP2877">
        <v>11</v>
      </c>
      <c r="AQ2877">
        <v>11</v>
      </c>
    </row>
    <row r="2878" spans="1:43">
      <c r="A2878" t="s">
        <v>1846</v>
      </c>
      <c r="B2878" t="s">
        <v>1847</v>
      </c>
      <c r="C2878" t="s">
        <v>1842</v>
      </c>
      <c r="D2878" t="s">
        <v>1843</v>
      </c>
      <c r="E2878" t="s">
        <v>1586</v>
      </c>
      <c r="F2878" t="s">
        <v>1587</v>
      </c>
      <c r="G2878" t="s">
        <v>80</v>
      </c>
      <c r="H2878" t="s">
        <v>81</v>
      </c>
      <c r="I2878" s="2">
        <v>0</v>
      </c>
      <c r="J2878" s="2">
        <v>0</v>
      </c>
      <c r="K2878" s="2">
        <v>1</v>
      </c>
      <c r="L2878" t="s">
        <v>995</v>
      </c>
      <c r="M2878" t="s">
        <v>83</v>
      </c>
      <c r="N2878" t="s">
        <v>84</v>
      </c>
      <c r="O2878" t="s">
        <v>85</v>
      </c>
      <c r="P2878" t="s">
        <v>86</v>
      </c>
      <c r="Q2878">
        <v>19</v>
      </c>
      <c r="R2878">
        <v>19</v>
      </c>
      <c r="S2878">
        <v>20</v>
      </c>
      <c r="T2878">
        <v>20</v>
      </c>
      <c r="U2878">
        <v>20</v>
      </c>
      <c r="V2878">
        <v>20</v>
      </c>
      <c r="W2878">
        <v>20</v>
      </c>
      <c r="X2878">
        <v>20</v>
      </c>
      <c r="Y2878">
        <v>20</v>
      </c>
      <c r="Z2878">
        <v>20</v>
      </c>
      <c r="AA2878">
        <v>20</v>
      </c>
      <c r="AB2878">
        <v>20</v>
      </c>
      <c r="AC2878">
        <v>20</v>
      </c>
      <c r="AD2878">
        <v>20</v>
      </c>
      <c r="AE2878">
        <v>20</v>
      </c>
      <c r="AF2878">
        <v>20</v>
      </c>
      <c r="AG2878">
        <v>20</v>
      </c>
      <c r="AH2878">
        <v>20</v>
      </c>
      <c r="AI2878">
        <v>20</v>
      </c>
      <c r="AJ2878">
        <v>20</v>
      </c>
      <c r="AK2878">
        <v>20</v>
      </c>
      <c r="AL2878">
        <v>20</v>
      </c>
      <c r="AM2878">
        <v>20</v>
      </c>
      <c r="AN2878">
        <v>20</v>
      </c>
      <c r="AO2878">
        <v>20</v>
      </c>
      <c r="AP2878">
        <v>20</v>
      </c>
      <c r="AQ2878">
        <v>20</v>
      </c>
    </row>
    <row r="2879" spans="1:43">
      <c r="A2879" t="s">
        <v>1846</v>
      </c>
      <c r="B2879" t="s">
        <v>1847</v>
      </c>
      <c r="C2879" t="s">
        <v>1842</v>
      </c>
      <c r="D2879" t="s">
        <v>1843</v>
      </c>
      <c r="E2879" t="s">
        <v>1586</v>
      </c>
      <c r="F2879" t="s">
        <v>1587</v>
      </c>
      <c r="G2879" t="s">
        <v>80</v>
      </c>
      <c r="H2879" t="s">
        <v>81</v>
      </c>
      <c r="I2879" s="2">
        <v>0</v>
      </c>
      <c r="J2879" s="2">
        <v>0</v>
      </c>
      <c r="K2879" s="2">
        <v>1</v>
      </c>
      <c r="L2879" t="s">
        <v>995</v>
      </c>
      <c r="M2879" t="s">
        <v>87</v>
      </c>
      <c r="N2879" t="s">
        <v>88</v>
      </c>
      <c r="O2879" t="s">
        <v>85</v>
      </c>
      <c r="P2879" t="s">
        <v>86</v>
      </c>
      <c r="Q2879">
        <v>19</v>
      </c>
      <c r="R2879">
        <v>19</v>
      </c>
      <c r="S2879">
        <v>19</v>
      </c>
      <c r="T2879">
        <v>19</v>
      </c>
      <c r="U2879">
        <v>19</v>
      </c>
      <c r="V2879">
        <v>19</v>
      </c>
      <c r="W2879">
        <v>19</v>
      </c>
      <c r="X2879">
        <v>19</v>
      </c>
      <c r="Y2879">
        <v>18</v>
      </c>
      <c r="Z2879">
        <v>18</v>
      </c>
      <c r="AA2879">
        <v>18</v>
      </c>
      <c r="AB2879">
        <v>18</v>
      </c>
      <c r="AC2879">
        <v>18</v>
      </c>
      <c r="AD2879">
        <v>18</v>
      </c>
      <c r="AE2879">
        <v>18</v>
      </c>
      <c r="AF2879">
        <v>18</v>
      </c>
      <c r="AG2879">
        <v>18</v>
      </c>
      <c r="AH2879">
        <v>18</v>
      </c>
      <c r="AI2879">
        <v>18</v>
      </c>
      <c r="AJ2879">
        <v>18</v>
      </c>
      <c r="AK2879">
        <v>17</v>
      </c>
      <c r="AL2879">
        <v>17</v>
      </c>
      <c r="AM2879">
        <v>17</v>
      </c>
      <c r="AN2879">
        <v>17</v>
      </c>
      <c r="AO2879">
        <v>17</v>
      </c>
      <c r="AP2879">
        <v>17</v>
      </c>
      <c r="AQ2879">
        <v>17</v>
      </c>
    </row>
    <row r="2880" spans="1:43">
      <c r="A2880" t="s">
        <v>1846</v>
      </c>
      <c r="B2880" t="s">
        <v>1847</v>
      </c>
      <c r="C2880" t="s">
        <v>1842</v>
      </c>
      <c r="D2880" t="s">
        <v>1843</v>
      </c>
      <c r="E2880" t="s">
        <v>1586</v>
      </c>
      <c r="F2880" t="s">
        <v>1587</v>
      </c>
      <c r="G2880" t="s">
        <v>80</v>
      </c>
      <c r="H2880" t="s">
        <v>81</v>
      </c>
      <c r="I2880" s="2">
        <v>0</v>
      </c>
      <c r="J2880" s="2">
        <v>0</v>
      </c>
      <c r="K2880" s="2">
        <v>1</v>
      </c>
      <c r="L2880" t="s">
        <v>995</v>
      </c>
      <c r="M2880" t="s">
        <v>89</v>
      </c>
      <c r="N2880" t="s">
        <v>90</v>
      </c>
      <c r="O2880" t="s">
        <v>85</v>
      </c>
      <c r="P2880" t="s">
        <v>86</v>
      </c>
      <c r="Q2880">
        <v>19</v>
      </c>
      <c r="R2880">
        <v>19</v>
      </c>
      <c r="S2880">
        <v>19</v>
      </c>
      <c r="T2880">
        <v>19</v>
      </c>
      <c r="U2880">
        <v>19</v>
      </c>
      <c r="V2880">
        <v>20</v>
      </c>
      <c r="W2880">
        <v>20</v>
      </c>
      <c r="X2880">
        <v>20</v>
      </c>
      <c r="Y2880">
        <v>20</v>
      </c>
      <c r="Z2880">
        <v>20</v>
      </c>
      <c r="AA2880">
        <v>20</v>
      </c>
      <c r="AB2880">
        <v>20</v>
      </c>
      <c r="AC2880">
        <v>21</v>
      </c>
      <c r="AD2880">
        <v>21</v>
      </c>
      <c r="AE2880">
        <v>21</v>
      </c>
      <c r="AF2880">
        <v>21</v>
      </c>
      <c r="AG2880">
        <v>20</v>
      </c>
      <c r="AH2880">
        <v>20</v>
      </c>
      <c r="AI2880">
        <v>20</v>
      </c>
      <c r="AJ2880">
        <v>20</v>
      </c>
      <c r="AK2880">
        <v>20</v>
      </c>
      <c r="AL2880">
        <v>20</v>
      </c>
      <c r="AM2880">
        <v>19</v>
      </c>
      <c r="AN2880">
        <v>19</v>
      </c>
      <c r="AO2880">
        <v>19</v>
      </c>
      <c r="AP2880">
        <v>19</v>
      </c>
      <c r="AQ2880">
        <v>19</v>
      </c>
    </row>
    <row r="2881" spans="1:43">
      <c r="A2881" t="s">
        <v>1846</v>
      </c>
      <c r="B2881" t="s">
        <v>1847</v>
      </c>
      <c r="C2881" t="s">
        <v>1842</v>
      </c>
      <c r="D2881" t="s">
        <v>1843</v>
      </c>
      <c r="E2881" t="s">
        <v>1586</v>
      </c>
      <c r="F2881" t="s">
        <v>1587</v>
      </c>
      <c r="G2881" t="s">
        <v>80</v>
      </c>
      <c r="H2881" t="s">
        <v>81</v>
      </c>
      <c r="I2881" s="2">
        <v>0</v>
      </c>
      <c r="J2881" s="2">
        <v>0</v>
      </c>
      <c r="K2881" s="2">
        <v>1</v>
      </c>
      <c r="L2881" t="s">
        <v>995</v>
      </c>
      <c r="M2881" t="s">
        <v>83</v>
      </c>
      <c r="N2881" t="s">
        <v>91</v>
      </c>
      <c r="O2881" t="s">
        <v>85</v>
      </c>
      <c r="P2881" t="s">
        <v>86</v>
      </c>
      <c r="Q2881">
        <v>19</v>
      </c>
      <c r="R2881">
        <v>19</v>
      </c>
      <c r="S2881">
        <v>20</v>
      </c>
      <c r="T2881">
        <v>20</v>
      </c>
      <c r="U2881">
        <v>20</v>
      </c>
      <c r="V2881">
        <v>20</v>
      </c>
      <c r="W2881">
        <v>20</v>
      </c>
      <c r="X2881">
        <v>20</v>
      </c>
      <c r="Y2881">
        <v>20</v>
      </c>
      <c r="Z2881">
        <v>20</v>
      </c>
      <c r="AA2881">
        <v>20</v>
      </c>
      <c r="AB2881">
        <v>20</v>
      </c>
      <c r="AC2881">
        <v>20</v>
      </c>
      <c r="AD2881">
        <v>20</v>
      </c>
      <c r="AE2881">
        <v>20</v>
      </c>
      <c r="AF2881">
        <v>20</v>
      </c>
      <c r="AG2881">
        <v>20</v>
      </c>
      <c r="AH2881">
        <v>20</v>
      </c>
      <c r="AI2881">
        <v>20</v>
      </c>
      <c r="AJ2881">
        <v>20</v>
      </c>
      <c r="AK2881">
        <v>20</v>
      </c>
      <c r="AL2881">
        <v>20</v>
      </c>
      <c r="AM2881">
        <v>20</v>
      </c>
      <c r="AN2881">
        <v>20</v>
      </c>
      <c r="AO2881">
        <v>20</v>
      </c>
      <c r="AP2881">
        <v>20</v>
      </c>
      <c r="AQ2881">
        <v>20</v>
      </c>
    </row>
    <row r="2882" spans="1:43">
      <c r="A2882" t="s">
        <v>1848</v>
      </c>
      <c r="B2882" t="s">
        <v>1849</v>
      </c>
      <c r="C2882" t="s">
        <v>1842</v>
      </c>
      <c r="D2882" t="s">
        <v>1843</v>
      </c>
      <c r="E2882" t="s">
        <v>1586</v>
      </c>
      <c r="F2882" t="s">
        <v>1587</v>
      </c>
      <c r="G2882" t="s">
        <v>80</v>
      </c>
      <c r="H2882" t="s">
        <v>81</v>
      </c>
      <c r="I2882" s="2">
        <v>0</v>
      </c>
      <c r="J2882" s="2">
        <v>0</v>
      </c>
      <c r="K2882" s="2">
        <v>1</v>
      </c>
      <c r="L2882" t="s">
        <v>995</v>
      </c>
      <c r="M2882" t="s">
        <v>83</v>
      </c>
      <c r="N2882" t="s">
        <v>84</v>
      </c>
      <c r="O2882" t="s">
        <v>85</v>
      </c>
      <c r="P2882" t="s">
        <v>86</v>
      </c>
      <c r="Q2882">
        <v>33</v>
      </c>
      <c r="R2882">
        <v>34</v>
      </c>
      <c r="S2882">
        <v>34</v>
      </c>
      <c r="T2882">
        <v>34</v>
      </c>
      <c r="U2882">
        <v>34</v>
      </c>
      <c r="V2882">
        <v>34</v>
      </c>
      <c r="W2882">
        <v>34</v>
      </c>
      <c r="X2882">
        <v>34</v>
      </c>
      <c r="Y2882">
        <v>34</v>
      </c>
      <c r="Z2882">
        <v>34</v>
      </c>
      <c r="AA2882">
        <v>35</v>
      </c>
      <c r="AB2882">
        <v>35</v>
      </c>
      <c r="AC2882">
        <v>35</v>
      </c>
      <c r="AD2882">
        <v>35</v>
      </c>
      <c r="AE2882">
        <v>35</v>
      </c>
      <c r="AF2882">
        <v>35</v>
      </c>
      <c r="AG2882">
        <v>35</v>
      </c>
      <c r="AH2882">
        <v>35</v>
      </c>
      <c r="AI2882">
        <v>35</v>
      </c>
      <c r="AJ2882">
        <v>35</v>
      </c>
      <c r="AK2882">
        <v>35</v>
      </c>
      <c r="AL2882">
        <v>35</v>
      </c>
      <c r="AM2882">
        <v>35</v>
      </c>
      <c r="AN2882">
        <v>34</v>
      </c>
      <c r="AO2882">
        <v>34</v>
      </c>
      <c r="AP2882">
        <v>34</v>
      </c>
      <c r="AQ2882">
        <v>34</v>
      </c>
    </row>
    <row r="2883" spans="1:43">
      <c r="A2883" t="s">
        <v>1848</v>
      </c>
      <c r="B2883" t="s">
        <v>1849</v>
      </c>
      <c r="C2883" t="s">
        <v>1842</v>
      </c>
      <c r="D2883" t="s">
        <v>1843</v>
      </c>
      <c r="E2883" t="s">
        <v>1586</v>
      </c>
      <c r="F2883" t="s">
        <v>1587</v>
      </c>
      <c r="G2883" t="s">
        <v>80</v>
      </c>
      <c r="H2883" t="s">
        <v>81</v>
      </c>
      <c r="I2883" s="2">
        <v>0</v>
      </c>
      <c r="J2883" s="2">
        <v>0</v>
      </c>
      <c r="K2883" s="2">
        <v>1</v>
      </c>
      <c r="L2883" t="s">
        <v>995</v>
      </c>
      <c r="M2883" t="s">
        <v>87</v>
      </c>
      <c r="N2883" t="s">
        <v>88</v>
      </c>
      <c r="O2883" t="s">
        <v>85</v>
      </c>
      <c r="P2883" t="s">
        <v>86</v>
      </c>
      <c r="Q2883">
        <v>33</v>
      </c>
      <c r="R2883">
        <v>33</v>
      </c>
      <c r="S2883">
        <v>33</v>
      </c>
      <c r="T2883">
        <v>33</v>
      </c>
      <c r="U2883">
        <v>32</v>
      </c>
      <c r="V2883">
        <v>32</v>
      </c>
      <c r="W2883">
        <v>32</v>
      </c>
      <c r="X2883">
        <v>32</v>
      </c>
      <c r="Y2883">
        <v>32</v>
      </c>
      <c r="Z2883">
        <v>32</v>
      </c>
      <c r="AA2883">
        <v>31</v>
      </c>
      <c r="AB2883">
        <v>31</v>
      </c>
      <c r="AC2883">
        <v>31</v>
      </c>
      <c r="AD2883">
        <v>31</v>
      </c>
      <c r="AE2883">
        <v>31</v>
      </c>
      <c r="AF2883">
        <v>31</v>
      </c>
      <c r="AG2883">
        <v>31</v>
      </c>
      <c r="AH2883">
        <v>30</v>
      </c>
      <c r="AI2883">
        <v>30</v>
      </c>
      <c r="AJ2883">
        <v>30</v>
      </c>
      <c r="AK2883">
        <v>30</v>
      </c>
      <c r="AL2883">
        <v>30</v>
      </c>
      <c r="AM2883">
        <v>30</v>
      </c>
      <c r="AN2883">
        <v>30</v>
      </c>
      <c r="AO2883">
        <v>29</v>
      </c>
      <c r="AP2883">
        <v>29</v>
      </c>
      <c r="AQ2883">
        <v>29</v>
      </c>
    </row>
    <row r="2884" spans="1:43">
      <c r="A2884" t="s">
        <v>1848</v>
      </c>
      <c r="B2884" t="s">
        <v>1849</v>
      </c>
      <c r="C2884" t="s">
        <v>1842</v>
      </c>
      <c r="D2884" t="s">
        <v>1843</v>
      </c>
      <c r="E2884" t="s">
        <v>1586</v>
      </c>
      <c r="F2884" t="s">
        <v>1587</v>
      </c>
      <c r="G2884" t="s">
        <v>80</v>
      </c>
      <c r="H2884" t="s">
        <v>81</v>
      </c>
      <c r="I2884" s="2">
        <v>0</v>
      </c>
      <c r="J2884" s="2">
        <v>0</v>
      </c>
      <c r="K2884" s="2">
        <v>1</v>
      </c>
      <c r="L2884" t="s">
        <v>995</v>
      </c>
      <c r="M2884" t="s">
        <v>89</v>
      </c>
      <c r="N2884" t="s">
        <v>90</v>
      </c>
      <c r="O2884" t="s">
        <v>85</v>
      </c>
      <c r="P2884" t="s">
        <v>86</v>
      </c>
      <c r="Q2884">
        <v>33</v>
      </c>
      <c r="R2884">
        <v>33</v>
      </c>
      <c r="S2884">
        <v>34</v>
      </c>
      <c r="T2884">
        <v>34</v>
      </c>
      <c r="U2884">
        <v>34</v>
      </c>
      <c r="V2884">
        <v>35</v>
      </c>
      <c r="W2884">
        <v>35</v>
      </c>
      <c r="X2884">
        <v>35</v>
      </c>
      <c r="Y2884">
        <v>35</v>
      </c>
      <c r="Z2884">
        <v>36</v>
      </c>
      <c r="AA2884">
        <v>36</v>
      </c>
      <c r="AB2884">
        <v>36</v>
      </c>
      <c r="AC2884">
        <v>36</v>
      </c>
      <c r="AD2884">
        <v>36</v>
      </c>
      <c r="AE2884">
        <v>36</v>
      </c>
      <c r="AF2884">
        <v>36</v>
      </c>
      <c r="AG2884">
        <v>36</v>
      </c>
      <c r="AH2884">
        <v>35</v>
      </c>
      <c r="AI2884">
        <v>35</v>
      </c>
      <c r="AJ2884">
        <v>35</v>
      </c>
      <c r="AK2884">
        <v>35</v>
      </c>
      <c r="AL2884">
        <v>34</v>
      </c>
      <c r="AM2884">
        <v>34</v>
      </c>
      <c r="AN2884">
        <v>34</v>
      </c>
      <c r="AO2884">
        <v>33</v>
      </c>
      <c r="AP2884">
        <v>33</v>
      </c>
      <c r="AQ2884">
        <v>33</v>
      </c>
    </row>
    <row r="2885" spans="1:43">
      <c r="A2885" t="s">
        <v>1848</v>
      </c>
      <c r="B2885" t="s">
        <v>1849</v>
      </c>
      <c r="C2885" t="s">
        <v>1842</v>
      </c>
      <c r="D2885" t="s">
        <v>1843</v>
      </c>
      <c r="E2885" t="s">
        <v>1586</v>
      </c>
      <c r="F2885" t="s">
        <v>1587</v>
      </c>
      <c r="G2885" t="s">
        <v>80</v>
      </c>
      <c r="H2885" t="s">
        <v>81</v>
      </c>
      <c r="I2885" s="2">
        <v>0</v>
      </c>
      <c r="J2885" s="2">
        <v>0</v>
      </c>
      <c r="K2885" s="2">
        <v>1</v>
      </c>
      <c r="L2885" t="s">
        <v>995</v>
      </c>
      <c r="M2885" t="s">
        <v>83</v>
      </c>
      <c r="N2885" t="s">
        <v>91</v>
      </c>
      <c r="O2885" t="s">
        <v>85</v>
      </c>
      <c r="P2885" t="s">
        <v>86</v>
      </c>
      <c r="Q2885">
        <v>33</v>
      </c>
      <c r="R2885">
        <v>34</v>
      </c>
      <c r="S2885">
        <v>34</v>
      </c>
      <c r="T2885">
        <v>34</v>
      </c>
      <c r="U2885">
        <v>34</v>
      </c>
      <c r="V2885">
        <v>34</v>
      </c>
      <c r="W2885">
        <v>34</v>
      </c>
      <c r="X2885">
        <v>34</v>
      </c>
      <c r="Y2885">
        <v>34</v>
      </c>
      <c r="Z2885">
        <v>34</v>
      </c>
      <c r="AA2885">
        <v>35</v>
      </c>
      <c r="AB2885">
        <v>35</v>
      </c>
      <c r="AC2885">
        <v>35</v>
      </c>
      <c r="AD2885">
        <v>35</v>
      </c>
      <c r="AE2885">
        <v>35</v>
      </c>
      <c r="AF2885">
        <v>35</v>
      </c>
      <c r="AG2885">
        <v>35</v>
      </c>
      <c r="AH2885">
        <v>35</v>
      </c>
      <c r="AI2885">
        <v>35</v>
      </c>
      <c r="AJ2885">
        <v>35</v>
      </c>
      <c r="AK2885">
        <v>35</v>
      </c>
      <c r="AL2885">
        <v>35</v>
      </c>
      <c r="AM2885">
        <v>35</v>
      </c>
      <c r="AN2885">
        <v>34</v>
      </c>
      <c r="AO2885">
        <v>34</v>
      </c>
      <c r="AP2885">
        <v>34</v>
      </c>
      <c r="AQ2885">
        <v>34</v>
      </c>
    </row>
    <row r="2886" spans="1:43">
      <c r="A2886" t="s">
        <v>1850</v>
      </c>
      <c r="B2886" t="s">
        <v>1851</v>
      </c>
      <c r="C2886" t="s">
        <v>1852</v>
      </c>
      <c r="D2886" t="s">
        <v>1853</v>
      </c>
      <c r="E2886" t="s">
        <v>1586</v>
      </c>
      <c r="F2886" t="s">
        <v>1587</v>
      </c>
      <c r="G2886" t="s">
        <v>80</v>
      </c>
      <c r="H2886" t="s">
        <v>81</v>
      </c>
      <c r="I2886" s="2">
        <v>0</v>
      </c>
      <c r="J2886" s="2">
        <v>0</v>
      </c>
      <c r="K2886" s="2">
        <v>1</v>
      </c>
      <c r="L2886" t="s">
        <v>995</v>
      </c>
      <c r="M2886" t="s">
        <v>83</v>
      </c>
      <c r="N2886" t="s">
        <v>84</v>
      </c>
      <c r="O2886" t="s">
        <v>85</v>
      </c>
      <c r="P2886" t="s">
        <v>86</v>
      </c>
      <c r="Q2886">
        <v>11</v>
      </c>
      <c r="R2886">
        <v>12</v>
      </c>
      <c r="S2886">
        <v>12</v>
      </c>
      <c r="T2886">
        <v>12</v>
      </c>
      <c r="U2886">
        <v>12</v>
      </c>
      <c r="V2886">
        <v>12</v>
      </c>
      <c r="W2886">
        <v>12</v>
      </c>
      <c r="X2886">
        <v>12</v>
      </c>
      <c r="Y2886">
        <v>12</v>
      </c>
      <c r="Z2886">
        <v>12</v>
      </c>
      <c r="AA2886">
        <v>12</v>
      </c>
      <c r="AB2886">
        <v>12</v>
      </c>
      <c r="AC2886">
        <v>12</v>
      </c>
      <c r="AD2886">
        <v>12</v>
      </c>
      <c r="AE2886">
        <v>12</v>
      </c>
      <c r="AF2886">
        <v>12</v>
      </c>
      <c r="AG2886">
        <v>12</v>
      </c>
      <c r="AH2886">
        <v>12</v>
      </c>
      <c r="AI2886">
        <v>12</v>
      </c>
      <c r="AJ2886">
        <v>12</v>
      </c>
      <c r="AK2886">
        <v>12</v>
      </c>
      <c r="AL2886">
        <v>12</v>
      </c>
      <c r="AM2886">
        <v>12</v>
      </c>
      <c r="AN2886">
        <v>12</v>
      </c>
      <c r="AO2886">
        <v>12</v>
      </c>
      <c r="AP2886">
        <v>12</v>
      </c>
      <c r="AQ2886">
        <v>12</v>
      </c>
    </row>
    <row r="2887" spans="1:43">
      <c r="A2887" t="s">
        <v>1850</v>
      </c>
      <c r="B2887" t="s">
        <v>1851</v>
      </c>
      <c r="C2887" t="s">
        <v>1852</v>
      </c>
      <c r="D2887" t="s">
        <v>1853</v>
      </c>
      <c r="E2887" t="s">
        <v>1586</v>
      </c>
      <c r="F2887" t="s">
        <v>1587</v>
      </c>
      <c r="G2887" t="s">
        <v>80</v>
      </c>
      <c r="H2887" t="s">
        <v>81</v>
      </c>
      <c r="I2887" s="2">
        <v>0</v>
      </c>
      <c r="J2887" s="2">
        <v>0</v>
      </c>
      <c r="K2887" s="2">
        <v>1</v>
      </c>
      <c r="L2887" t="s">
        <v>995</v>
      </c>
      <c r="M2887" t="s">
        <v>87</v>
      </c>
      <c r="N2887" t="s">
        <v>88</v>
      </c>
      <c r="O2887" t="s">
        <v>85</v>
      </c>
      <c r="P2887" t="s">
        <v>86</v>
      </c>
      <c r="Q2887">
        <v>11</v>
      </c>
      <c r="R2887">
        <v>11</v>
      </c>
      <c r="S2887">
        <v>11</v>
      </c>
      <c r="T2887">
        <v>11</v>
      </c>
      <c r="U2887">
        <v>11</v>
      </c>
      <c r="V2887">
        <v>11</v>
      </c>
      <c r="W2887">
        <v>11</v>
      </c>
      <c r="X2887">
        <v>11</v>
      </c>
      <c r="Y2887">
        <v>11</v>
      </c>
      <c r="Z2887">
        <v>11</v>
      </c>
      <c r="AA2887">
        <v>11</v>
      </c>
      <c r="AB2887">
        <v>11</v>
      </c>
      <c r="AC2887">
        <v>11</v>
      </c>
      <c r="AD2887">
        <v>11</v>
      </c>
      <c r="AE2887">
        <v>11</v>
      </c>
      <c r="AF2887">
        <v>11</v>
      </c>
      <c r="AG2887">
        <v>11</v>
      </c>
      <c r="AH2887">
        <v>11</v>
      </c>
      <c r="AI2887">
        <v>11</v>
      </c>
      <c r="AJ2887">
        <v>10</v>
      </c>
      <c r="AK2887">
        <v>10</v>
      </c>
      <c r="AL2887">
        <v>10</v>
      </c>
      <c r="AM2887">
        <v>10</v>
      </c>
      <c r="AN2887">
        <v>10</v>
      </c>
      <c r="AO2887">
        <v>10</v>
      </c>
      <c r="AP2887">
        <v>10</v>
      </c>
      <c r="AQ2887">
        <v>10</v>
      </c>
    </row>
    <row r="2888" spans="1:43">
      <c r="A2888" t="s">
        <v>1850</v>
      </c>
      <c r="B2888" t="s">
        <v>1851</v>
      </c>
      <c r="C2888" t="s">
        <v>1852</v>
      </c>
      <c r="D2888" t="s">
        <v>1853</v>
      </c>
      <c r="E2888" t="s">
        <v>1586</v>
      </c>
      <c r="F2888" t="s">
        <v>1587</v>
      </c>
      <c r="G2888" t="s">
        <v>80</v>
      </c>
      <c r="H2888" t="s">
        <v>81</v>
      </c>
      <c r="I2888" s="2">
        <v>0</v>
      </c>
      <c r="J2888" s="2">
        <v>0</v>
      </c>
      <c r="K2888" s="2">
        <v>1</v>
      </c>
      <c r="L2888" t="s">
        <v>995</v>
      </c>
      <c r="M2888" t="s">
        <v>89</v>
      </c>
      <c r="N2888" t="s">
        <v>90</v>
      </c>
      <c r="O2888" t="s">
        <v>85</v>
      </c>
      <c r="P2888" t="s">
        <v>86</v>
      </c>
      <c r="Q2888">
        <v>11</v>
      </c>
      <c r="R2888">
        <v>11</v>
      </c>
      <c r="S2888">
        <v>11</v>
      </c>
      <c r="T2888">
        <v>11</v>
      </c>
      <c r="U2888">
        <v>11</v>
      </c>
      <c r="V2888">
        <v>11</v>
      </c>
      <c r="W2888">
        <v>11</v>
      </c>
      <c r="X2888">
        <v>11</v>
      </c>
      <c r="Y2888">
        <v>12</v>
      </c>
      <c r="Z2888">
        <v>12</v>
      </c>
      <c r="AA2888">
        <v>12</v>
      </c>
      <c r="AB2888">
        <v>12</v>
      </c>
      <c r="AC2888">
        <v>12</v>
      </c>
      <c r="AD2888">
        <v>12</v>
      </c>
      <c r="AE2888">
        <v>12</v>
      </c>
      <c r="AF2888">
        <v>12</v>
      </c>
      <c r="AG2888">
        <v>12</v>
      </c>
      <c r="AH2888">
        <v>12</v>
      </c>
      <c r="AI2888">
        <v>12</v>
      </c>
      <c r="AJ2888">
        <v>11</v>
      </c>
      <c r="AK2888">
        <v>11</v>
      </c>
      <c r="AL2888">
        <v>11</v>
      </c>
      <c r="AM2888">
        <v>11</v>
      </c>
      <c r="AN2888">
        <v>11</v>
      </c>
      <c r="AO2888">
        <v>11</v>
      </c>
      <c r="AP2888">
        <v>11</v>
      </c>
      <c r="AQ2888">
        <v>11</v>
      </c>
    </row>
    <row r="2889" spans="1:43">
      <c r="A2889" t="s">
        <v>1850</v>
      </c>
      <c r="B2889" t="s">
        <v>1851</v>
      </c>
      <c r="C2889" t="s">
        <v>1852</v>
      </c>
      <c r="D2889" t="s">
        <v>1853</v>
      </c>
      <c r="E2889" t="s">
        <v>1586</v>
      </c>
      <c r="F2889" t="s">
        <v>1587</v>
      </c>
      <c r="G2889" t="s">
        <v>80</v>
      </c>
      <c r="H2889" t="s">
        <v>81</v>
      </c>
      <c r="I2889" s="2">
        <v>0</v>
      </c>
      <c r="J2889" s="2">
        <v>0</v>
      </c>
      <c r="K2889" s="2">
        <v>1</v>
      </c>
      <c r="L2889" t="s">
        <v>995</v>
      </c>
      <c r="M2889" t="s">
        <v>83</v>
      </c>
      <c r="N2889" t="s">
        <v>91</v>
      </c>
      <c r="O2889" t="s">
        <v>85</v>
      </c>
      <c r="P2889" t="s">
        <v>86</v>
      </c>
      <c r="Q2889">
        <v>11</v>
      </c>
      <c r="R2889">
        <v>12</v>
      </c>
      <c r="S2889">
        <v>12</v>
      </c>
      <c r="T2889">
        <v>12</v>
      </c>
      <c r="U2889">
        <v>12</v>
      </c>
      <c r="V2889">
        <v>12</v>
      </c>
      <c r="W2889">
        <v>12</v>
      </c>
      <c r="X2889">
        <v>12</v>
      </c>
      <c r="Y2889">
        <v>12</v>
      </c>
      <c r="Z2889">
        <v>12</v>
      </c>
      <c r="AA2889">
        <v>12</v>
      </c>
      <c r="AB2889">
        <v>12</v>
      </c>
      <c r="AC2889">
        <v>12</v>
      </c>
      <c r="AD2889">
        <v>12</v>
      </c>
      <c r="AE2889">
        <v>12</v>
      </c>
      <c r="AF2889">
        <v>12</v>
      </c>
      <c r="AG2889">
        <v>12</v>
      </c>
      <c r="AH2889">
        <v>12</v>
      </c>
      <c r="AI2889">
        <v>12</v>
      </c>
      <c r="AJ2889">
        <v>12</v>
      </c>
      <c r="AK2889">
        <v>12</v>
      </c>
      <c r="AL2889">
        <v>12</v>
      </c>
      <c r="AM2889">
        <v>12</v>
      </c>
      <c r="AN2889">
        <v>12</v>
      </c>
      <c r="AO2889">
        <v>12</v>
      </c>
      <c r="AP2889">
        <v>12</v>
      </c>
      <c r="AQ2889">
        <v>12</v>
      </c>
    </row>
    <row r="2890" spans="1:43">
      <c r="A2890" t="s">
        <v>1854</v>
      </c>
      <c r="B2890" t="s">
        <v>1855</v>
      </c>
      <c r="C2890" t="s">
        <v>1852</v>
      </c>
      <c r="D2890" t="s">
        <v>1853</v>
      </c>
      <c r="E2890" t="s">
        <v>1586</v>
      </c>
      <c r="F2890" t="s">
        <v>1587</v>
      </c>
      <c r="G2890" t="s">
        <v>80</v>
      </c>
      <c r="H2890" t="s">
        <v>81</v>
      </c>
      <c r="I2890" s="2">
        <v>0</v>
      </c>
      <c r="J2890" s="2">
        <v>0</v>
      </c>
      <c r="K2890" s="2">
        <v>1</v>
      </c>
      <c r="L2890" t="s">
        <v>995</v>
      </c>
      <c r="M2890" t="s">
        <v>83</v>
      </c>
      <c r="N2890" t="s">
        <v>84</v>
      </c>
      <c r="O2890" t="s">
        <v>85</v>
      </c>
      <c r="P2890" t="s">
        <v>86</v>
      </c>
      <c r="Q2890">
        <v>26</v>
      </c>
      <c r="R2890">
        <v>27</v>
      </c>
      <c r="S2890">
        <v>27</v>
      </c>
      <c r="T2890">
        <v>27</v>
      </c>
      <c r="U2890">
        <v>27</v>
      </c>
      <c r="V2890">
        <v>27</v>
      </c>
      <c r="W2890">
        <v>27</v>
      </c>
      <c r="X2890">
        <v>27</v>
      </c>
      <c r="Y2890">
        <v>27</v>
      </c>
      <c r="Z2890">
        <v>27</v>
      </c>
      <c r="AA2890">
        <v>28</v>
      </c>
      <c r="AB2890">
        <v>28</v>
      </c>
      <c r="AC2890">
        <v>28</v>
      </c>
      <c r="AD2890">
        <v>28</v>
      </c>
      <c r="AE2890">
        <v>28</v>
      </c>
      <c r="AF2890">
        <v>28</v>
      </c>
      <c r="AG2890">
        <v>28</v>
      </c>
      <c r="AH2890">
        <v>28</v>
      </c>
      <c r="AI2890">
        <v>28</v>
      </c>
      <c r="AJ2890">
        <v>28</v>
      </c>
      <c r="AK2890">
        <v>28</v>
      </c>
      <c r="AL2890">
        <v>28</v>
      </c>
      <c r="AM2890">
        <v>28</v>
      </c>
      <c r="AN2890">
        <v>28</v>
      </c>
      <c r="AO2890">
        <v>27</v>
      </c>
      <c r="AP2890">
        <v>27</v>
      </c>
      <c r="AQ2890">
        <v>27</v>
      </c>
    </row>
    <row r="2891" spans="1:43">
      <c r="A2891" t="s">
        <v>1854</v>
      </c>
      <c r="B2891" t="s">
        <v>1855</v>
      </c>
      <c r="C2891" t="s">
        <v>1852</v>
      </c>
      <c r="D2891" t="s">
        <v>1853</v>
      </c>
      <c r="E2891" t="s">
        <v>1586</v>
      </c>
      <c r="F2891" t="s">
        <v>1587</v>
      </c>
      <c r="G2891" t="s">
        <v>80</v>
      </c>
      <c r="H2891" t="s">
        <v>81</v>
      </c>
      <c r="I2891" s="2">
        <v>0</v>
      </c>
      <c r="J2891" s="2">
        <v>0</v>
      </c>
      <c r="K2891" s="2">
        <v>1</v>
      </c>
      <c r="L2891" t="s">
        <v>995</v>
      </c>
      <c r="M2891" t="s">
        <v>87</v>
      </c>
      <c r="N2891" t="s">
        <v>88</v>
      </c>
      <c r="O2891" t="s">
        <v>85</v>
      </c>
      <c r="P2891" t="s">
        <v>86</v>
      </c>
      <c r="Q2891">
        <v>26</v>
      </c>
      <c r="R2891">
        <v>26</v>
      </c>
      <c r="S2891">
        <v>26</v>
      </c>
      <c r="T2891">
        <v>26</v>
      </c>
      <c r="U2891">
        <v>26</v>
      </c>
      <c r="V2891">
        <v>26</v>
      </c>
      <c r="W2891">
        <v>26</v>
      </c>
      <c r="X2891">
        <v>25</v>
      </c>
      <c r="Y2891">
        <v>25</v>
      </c>
      <c r="Z2891">
        <v>25</v>
      </c>
      <c r="AA2891">
        <v>25</v>
      </c>
      <c r="AB2891">
        <v>25</v>
      </c>
      <c r="AC2891">
        <v>25</v>
      </c>
      <c r="AD2891">
        <v>25</v>
      </c>
      <c r="AE2891">
        <v>25</v>
      </c>
      <c r="AF2891">
        <v>25</v>
      </c>
      <c r="AG2891">
        <v>24</v>
      </c>
      <c r="AH2891">
        <v>24</v>
      </c>
      <c r="AI2891">
        <v>24</v>
      </c>
      <c r="AJ2891">
        <v>24</v>
      </c>
      <c r="AK2891">
        <v>24</v>
      </c>
      <c r="AL2891">
        <v>24</v>
      </c>
      <c r="AM2891">
        <v>24</v>
      </c>
      <c r="AN2891">
        <v>24</v>
      </c>
      <c r="AO2891">
        <v>24</v>
      </c>
      <c r="AP2891">
        <v>24</v>
      </c>
      <c r="AQ2891">
        <v>23</v>
      </c>
    </row>
    <row r="2892" spans="1:43">
      <c r="A2892" t="s">
        <v>1854</v>
      </c>
      <c r="B2892" t="s">
        <v>1855</v>
      </c>
      <c r="C2892" t="s">
        <v>1852</v>
      </c>
      <c r="D2892" t="s">
        <v>1853</v>
      </c>
      <c r="E2892" t="s">
        <v>1586</v>
      </c>
      <c r="F2892" t="s">
        <v>1587</v>
      </c>
      <c r="G2892" t="s">
        <v>80</v>
      </c>
      <c r="H2892" t="s">
        <v>81</v>
      </c>
      <c r="I2892" s="2">
        <v>0</v>
      </c>
      <c r="J2892" s="2">
        <v>0</v>
      </c>
      <c r="K2892" s="2">
        <v>1</v>
      </c>
      <c r="L2892" t="s">
        <v>995</v>
      </c>
      <c r="M2892" t="s">
        <v>89</v>
      </c>
      <c r="N2892" t="s">
        <v>90</v>
      </c>
      <c r="O2892" t="s">
        <v>85</v>
      </c>
      <c r="P2892" t="s">
        <v>86</v>
      </c>
      <c r="Q2892">
        <v>26</v>
      </c>
      <c r="R2892">
        <v>26</v>
      </c>
      <c r="S2892">
        <v>26</v>
      </c>
      <c r="T2892">
        <v>27</v>
      </c>
      <c r="U2892">
        <v>27</v>
      </c>
      <c r="V2892">
        <v>27</v>
      </c>
      <c r="W2892">
        <v>28</v>
      </c>
      <c r="X2892">
        <v>28</v>
      </c>
      <c r="Y2892">
        <v>28</v>
      </c>
      <c r="Z2892">
        <v>28</v>
      </c>
      <c r="AA2892">
        <v>28</v>
      </c>
      <c r="AB2892">
        <v>28</v>
      </c>
      <c r="AC2892">
        <v>29</v>
      </c>
      <c r="AD2892">
        <v>29</v>
      </c>
      <c r="AE2892">
        <v>29</v>
      </c>
      <c r="AF2892">
        <v>29</v>
      </c>
      <c r="AG2892">
        <v>28</v>
      </c>
      <c r="AH2892">
        <v>28</v>
      </c>
      <c r="AI2892">
        <v>28</v>
      </c>
      <c r="AJ2892">
        <v>28</v>
      </c>
      <c r="AK2892">
        <v>27</v>
      </c>
      <c r="AL2892">
        <v>27</v>
      </c>
      <c r="AM2892">
        <v>27</v>
      </c>
      <c r="AN2892">
        <v>27</v>
      </c>
      <c r="AO2892">
        <v>27</v>
      </c>
      <c r="AP2892">
        <v>26</v>
      </c>
      <c r="AQ2892">
        <v>26</v>
      </c>
    </row>
    <row r="2893" spans="1:43">
      <c r="A2893" t="s">
        <v>1854</v>
      </c>
      <c r="B2893" t="s">
        <v>1855</v>
      </c>
      <c r="C2893" t="s">
        <v>1852</v>
      </c>
      <c r="D2893" t="s">
        <v>1853</v>
      </c>
      <c r="E2893" t="s">
        <v>1586</v>
      </c>
      <c r="F2893" t="s">
        <v>1587</v>
      </c>
      <c r="G2893" t="s">
        <v>80</v>
      </c>
      <c r="H2893" t="s">
        <v>81</v>
      </c>
      <c r="I2893" s="2">
        <v>0</v>
      </c>
      <c r="J2893" s="2">
        <v>0</v>
      </c>
      <c r="K2893" s="2">
        <v>1</v>
      </c>
      <c r="L2893" t="s">
        <v>995</v>
      </c>
      <c r="M2893" t="s">
        <v>83</v>
      </c>
      <c r="N2893" t="s">
        <v>91</v>
      </c>
      <c r="O2893" t="s">
        <v>85</v>
      </c>
      <c r="P2893" t="s">
        <v>86</v>
      </c>
      <c r="Q2893">
        <v>26</v>
      </c>
      <c r="R2893">
        <v>27</v>
      </c>
      <c r="S2893">
        <v>27</v>
      </c>
      <c r="T2893">
        <v>27</v>
      </c>
      <c r="U2893">
        <v>27</v>
      </c>
      <c r="V2893">
        <v>27</v>
      </c>
      <c r="W2893">
        <v>27</v>
      </c>
      <c r="X2893">
        <v>27</v>
      </c>
      <c r="Y2893">
        <v>27</v>
      </c>
      <c r="Z2893">
        <v>27</v>
      </c>
      <c r="AA2893">
        <v>28</v>
      </c>
      <c r="AB2893">
        <v>28</v>
      </c>
      <c r="AC2893">
        <v>28</v>
      </c>
      <c r="AD2893">
        <v>28</v>
      </c>
      <c r="AE2893">
        <v>28</v>
      </c>
      <c r="AF2893">
        <v>28</v>
      </c>
      <c r="AG2893">
        <v>28</v>
      </c>
      <c r="AH2893">
        <v>28</v>
      </c>
      <c r="AI2893">
        <v>28</v>
      </c>
      <c r="AJ2893">
        <v>28</v>
      </c>
      <c r="AK2893">
        <v>28</v>
      </c>
      <c r="AL2893">
        <v>28</v>
      </c>
      <c r="AM2893">
        <v>28</v>
      </c>
      <c r="AN2893">
        <v>28</v>
      </c>
      <c r="AO2893">
        <v>27</v>
      </c>
      <c r="AP2893">
        <v>27</v>
      </c>
      <c r="AQ2893">
        <v>27</v>
      </c>
    </row>
    <row r="2894" spans="1:43">
      <c r="A2894" t="s">
        <v>1856</v>
      </c>
      <c r="B2894" t="s">
        <v>1857</v>
      </c>
      <c r="C2894" t="s">
        <v>1852</v>
      </c>
      <c r="D2894" t="s">
        <v>1853</v>
      </c>
      <c r="E2894" t="s">
        <v>1586</v>
      </c>
      <c r="F2894" t="s">
        <v>1587</v>
      </c>
      <c r="G2894" t="s">
        <v>80</v>
      </c>
      <c r="H2894" t="s">
        <v>81</v>
      </c>
      <c r="I2894" s="2">
        <v>0</v>
      </c>
      <c r="J2894" s="2">
        <v>0</v>
      </c>
      <c r="K2894" s="2">
        <v>1</v>
      </c>
      <c r="L2894" t="s">
        <v>995</v>
      </c>
      <c r="M2894" t="s">
        <v>83</v>
      </c>
      <c r="N2894" t="s">
        <v>84</v>
      </c>
      <c r="O2894" t="s">
        <v>85</v>
      </c>
      <c r="P2894" t="s">
        <v>86</v>
      </c>
      <c r="Q2894">
        <v>5</v>
      </c>
      <c r="R2894">
        <v>5</v>
      </c>
      <c r="S2894">
        <v>5</v>
      </c>
      <c r="T2894">
        <v>5</v>
      </c>
      <c r="U2894">
        <v>5</v>
      </c>
      <c r="V2894">
        <v>5</v>
      </c>
      <c r="W2894">
        <v>5</v>
      </c>
      <c r="X2894">
        <v>5</v>
      </c>
      <c r="Y2894">
        <v>5</v>
      </c>
      <c r="Z2894">
        <v>5</v>
      </c>
      <c r="AA2894">
        <v>5</v>
      </c>
      <c r="AB2894">
        <v>5</v>
      </c>
      <c r="AC2894">
        <v>5</v>
      </c>
      <c r="AD2894">
        <v>5</v>
      </c>
      <c r="AE2894">
        <v>5</v>
      </c>
      <c r="AF2894">
        <v>5</v>
      </c>
      <c r="AG2894">
        <v>5</v>
      </c>
      <c r="AH2894">
        <v>5</v>
      </c>
      <c r="AI2894">
        <v>5</v>
      </c>
      <c r="AJ2894">
        <v>5</v>
      </c>
      <c r="AK2894">
        <v>5</v>
      </c>
      <c r="AL2894">
        <v>5</v>
      </c>
      <c r="AM2894">
        <v>5</v>
      </c>
      <c r="AN2894">
        <v>5</v>
      </c>
      <c r="AO2894">
        <v>5</v>
      </c>
      <c r="AP2894">
        <v>5</v>
      </c>
      <c r="AQ2894">
        <v>5</v>
      </c>
    </row>
    <row r="2895" spans="1:43">
      <c r="A2895" t="s">
        <v>1856</v>
      </c>
      <c r="B2895" t="s">
        <v>1857</v>
      </c>
      <c r="C2895" t="s">
        <v>1852</v>
      </c>
      <c r="D2895" t="s">
        <v>1853</v>
      </c>
      <c r="E2895" t="s">
        <v>1586</v>
      </c>
      <c r="F2895" t="s">
        <v>1587</v>
      </c>
      <c r="G2895" t="s">
        <v>80</v>
      </c>
      <c r="H2895" t="s">
        <v>81</v>
      </c>
      <c r="I2895" s="2">
        <v>0</v>
      </c>
      <c r="J2895" s="2">
        <v>0</v>
      </c>
      <c r="K2895" s="2">
        <v>1</v>
      </c>
      <c r="L2895" t="s">
        <v>995</v>
      </c>
      <c r="M2895" t="s">
        <v>87</v>
      </c>
      <c r="N2895" t="s">
        <v>88</v>
      </c>
      <c r="O2895" t="s">
        <v>85</v>
      </c>
      <c r="P2895" t="s">
        <v>86</v>
      </c>
      <c r="Q2895">
        <v>5</v>
      </c>
      <c r="R2895">
        <v>5</v>
      </c>
      <c r="S2895">
        <v>5</v>
      </c>
      <c r="T2895">
        <v>5</v>
      </c>
      <c r="U2895">
        <v>5</v>
      </c>
      <c r="V2895">
        <v>5</v>
      </c>
      <c r="W2895">
        <v>5</v>
      </c>
      <c r="X2895">
        <v>5</v>
      </c>
      <c r="Y2895">
        <v>5</v>
      </c>
      <c r="Z2895">
        <v>5</v>
      </c>
      <c r="AA2895">
        <v>5</v>
      </c>
      <c r="AB2895">
        <v>5</v>
      </c>
      <c r="AC2895">
        <v>5</v>
      </c>
      <c r="AD2895">
        <v>5</v>
      </c>
      <c r="AE2895">
        <v>5</v>
      </c>
      <c r="AF2895">
        <v>5</v>
      </c>
      <c r="AG2895">
        <v>5</v>
      </c>
      <c r="AH2895">
        <v>5</v>
      </c>
      <c r="AI2895">
        <v>5</v>
      </c>
      <c r="AJ2895">
        <v>4</v>
      </c>
      <c r="AK2895">
        <v>4</v>
      </c>
      <c r="AL2895">
        <v>4</v>
      </c>
      <c r="AM2895">
        <v>4</v>
      </c>
      <c r="AN2895">
        <v>4</v>
      </c>
      <c r="AO2895">
        <v>4</v>
      </c>
      <c r="AP2895">
        <v>4</v>
      </c>
      <c r="AQ2895">
        <v>4</v>
      </c>
    </row>
    <row r="2896" spans="1:43">
      <c r="A2896" t="s">
        <v>1856</v>
      </c>
      <c r="B2896" t="s">
        <v>1857</v>
      </c>
      <c r="C2896" t="s">
        <v>1852</v>
      </c>
      <c r="D2896" t="s">
        <v>1853</v>
      </c>
      <c r="E2896" t="s">
        <v>1586</v>
      </c>
      <c r="F2896" t="s">
        <v>1587</v>
      </c>
      <c r="G2896" t="s">
        <v>80</v>
      </c>
      <c r="H2896" t="s">
        <v>81</v>
      </c>
      <c r="I2896" s="2">
        <v>0</v>
      </c>
      <c r="J2896" s="2">
        <v>0</v>
      </c>
      <c r="K2896" s="2">
        <v>1</v>
      </c>
      <c r="L2896" t="s">
        <v>995</v>
      </c>
      <c r="M2896" t="s">
        <v>89</v>
      </c>
      <c r="N2896" t="s">
        <v>90</v>
      </c>
      <c r="O2896" t="s">
        <v>85</v>
      </c>
      <c r="P2896" t="s">
        <v>86</v>
      </c>
      <c r="Q2896">
        <v>5</v>
      </c>
      <c r="R2896">
        <v>5</v>
      </c>
      <c r="S2896">
        <v>5</v>
      </c>
      <c r="T2896">
        <v>5</v>
      </c>
      <c r="U2896">
        <v>5</v>
      </c>
      <c r="V2896">
        <v>5</v>
      </c>
      <c r="W2896">
        <v>5</v>
      </c>
      <c r="X2896">
        <v>5</v>
      </c>
      <c r="Y2896">
        <v>5</v>
      </c>
      <c r="Z2896">
        <v>5</v>
      </c>
      <c r="AA2896">
        <v>5</v>
      </c>
      <c r="AB2896">
        <v>5</v>
      </c>
      <c r="AC2896">
        <v>6</v>
      </c>
      <c r="AD2896">
        <v>6</v>
      </c>
      <c r="AE2896">
        <v>6</v>
      </c>
      <c r="AF2896">
        <v>5</v>
      </c>
      <c r="AG2896">
        <v>5</v>
      </c>
      <c r="AH2896">
        <v>5</v>
      </c>
      <c r="AI2896">
        <v>5</v>
      </c>
      <c r="AJ2896">
        <v>5</v>
      </c>
      <c r="AK2896">
        <v>5</v>
      </c>
      <c r="AL2896">
        <v>5</v>
      </c>
      <c r="AM2896">
        <v>5</v>
      </c>
      <c r="AN2896">
        <v>5</v>
      </c>
      <c r="AO2896">
        <v>5</v>
      </c>
      <c r="AP2896">
        <v>5</v>
      </c>
      <c r="AQ2896">
        <v>5</v>
      </c>
    </row>
    <row r="2897" spans="1:43">
      <c r="A2897" t="s">
        <v>1856</v>
      </c>
      <c r="B2897" t="s">
        <v>1857</v>
      </c>
      <c r="C2897" t="s">
        <v>1852</v>
      </c>
      <c r="D2897" t="s">
        <v>1853</v>
      </c>
      <c r="E2897" t="s">
        <v>1586</v>
      </c>
      <c r="F2897" t="s">
        <v>1587</v>
      </c>
      <c r="G2897" t="s">
        <v>80</v>
      </c>
      <c r="H2897" t="s">
        <v>81</v>
      </c>
      <c r="I2897" s="2">
        <v>0</v>
      </c>
      <c r="J2897" s="2">
        <v>0</v>
      </c>
      <c r="K2897" s="2">
        <v>1</v>
      </c>
      <c r="L2897" t="s">
        <v>995</v>
      </c>
      <c r="M2897" t="s">
        <v>83</v>
      </c>
      <c r="N2897" t="s">
        <v>91</v>
      </c>
      <c r="O2897" t="s">
        <v>85</v>
      </c>
      <c r="P2897" t="s">
        <v>86</v>
      </c>
      <c r="Q2897">
        <v>5</v>
      </c>
      <c r="R2897">
        <v>5</v>
      </c>
      <c r="S2897">
        <v>5</v>
      </c>
      <c r="T2897">
        <v>5</v>
      </c>
      <c r="U2897">
        <v>5</v>
      </c>
      <c r="V2897">
        <v>5</v>
      </c>
      <c r="W2897">
        <v>5</v>
      </c>
      <c r="X2897">
        <v>5</v>
      </c>
      <c r="Y2897">
        <v>5</v>
      </c>
      <c r="Z2897">
        <v>5</v>
      </c>
      <c r="AA2897">
        <v>5</v>
      </c>
      <c r="AB2897">
        <v>5</v>
      </c>
      <c r="AC2897">
        <v>5</v>
      </c>
      <c r="AD2897">
        <v>5</v>
      </c>
      <c r="AE2897">
        <v>5</v>
      </c>
      <c r="AF2897">
        <v>5</v>
      </c>
      <c r="AG2897">
        <v>5</v>
      </c>
      <c r="AH2897">
        <v>5</v>
      </c>
      <c r="AI2897">
        <v>5</v>
      </c>
      <c r="AJ2897">
        <v>5</v>
      </c>
      <c r="AK2897">
        <v>5</v>
      </c>
      <c r="AL2897">
        <v>5</v>
      </c>
      <c r="AM2897">
        <v>5</v>
      </c>
      <c r="AN2897">
        <v>5</v>
      </c>
      <c r="AO2897">
        <v>5</v>
      </c>
      <c r="AP2897">
        <v>5</v>
      </c>
      <c r="AQ2897">
        <v>5</v>
      </c>
    </row>
    <row r="2898" spans="1:43">
      <c r="A2898" t="s">
        <v>1858</v>
      </c>
      <c r="B2898" t="s">
        <v>1859</v>
      </c>
      <c r="C2898" t="s">
        <v>1638</v>
      </c>
      <c r="D2898" t="s">
        <v>1639</v>
      </c>
      <c r="E2898" t="s">
        <v>1586</v>
      </c>
      <c r="F2898" t="s">
        <v>1587</v>
      </c>
      <c r="G2898" t="s">
        <v>80</v>
      </c>
      <c r="H2898" t="s">
        <v>81</v>
      </c>
      <c r="I2898" s="2">
        <v>0</v>
      </c>
      <c r="J2898" s="2">
        <v>0</v>
      </c>
      <c r="K2898" s="2">
        <v>1</v>
      </c>
      <c r="L2898" t="s">
        <v>995</v>
      </c>
      <c r="M2898" t="s">
        <v>83</v>
      </c>
      <c r="N2898" t="s">
        <v>84</v>
      </c>
      <c r="O2898" t="s">
        <v>85</v>
      </c>
      <c r="P2898" t="s">
        <v>86</v>
      </c>
      <c r="Q2898">
        <v>55</v>
      </c>
      <c r="R2898">
        <v>56</v>
      </c>
      <c r="S2898">
        <v>56</v>
      </c>
      <c r="T2898">
        <v>56</v>
      </c>
      <c r="U2898">
        <v>56</v>
      </c>
      <c r="V2898">
        <v>57</v>
      </c>
      <c r="W2898">
        <v>57</v>
      </c>
      <c r="X2898">
        <v>57</v>
      </c>
      <c r="Y2898">
        <v>57</v>
      </c>
      <c r="Z2898">
        <v>58</v>
      </c>
      <c r="AA2898">
        <v>58</v>
      </c>
      <c r="AB2898">
        <v>58</v>
      </c>
      <c r="AC2898">
        <v>58</v>
      </c>
      <c r="AD2898">
        <v>58</v>
      </c>
      <c r="AE2898">
        <v>58</v>
      </c>
      <c r="AF2898">
        <v>58</v>
      </c>
      <c r="AG2898">
        <v>59</v>
      </c>
      <c r="AH2898">
        <v>59</v>
      </c>
      <c r="AI2898">
        <v>59</v>
      </c>
      <c r="AJ2898">
        <v>59</v>
      </c>
      <c r="AK2898">
        <v>59</v>
      </c>
      <c r="AL2898">
        <v>59</v>
      </c>
      <c r="AM2898">
        <v>58</v>
      </c>
      <c r="AN2898">
        <v>58</v>
      </c>
      <c r="AO2898">
        <v>57</v>
      </c>
      <c r="AP2898">
        <v>57</v>
      </c>
      <c r="AQ2898">
        <v>57</v>
      </c>
    </row>
    <row r="2899" spans="1:43">
      <c r="A2899" t="s">
        <v>1858</v>
      </c>
      <c r="B2899" t="s">
        <v>1859</v>
      </c>
      <c r="C2899" t="s">
        <v>1638</v>
      </c>
      <c r="D2899" t="s">
        <v>1639</v>
      </c>
      <c r="E2899" t="s">
        <v>1586</v>
      </c>
      <c r="F2899" t="s">
        <v>1587</v>
      </c>
      <c r="G2899" t="s">
        <v>80</v>
      </c>
      <c r="H2899" t="s">
        <v>81</v>
      </c>
      <c r="I2899" s="2">
        <v>0</v>
      </c>
      <c r="J2899" s="2">
        <v>0</v>
      </c>
      <c r="K2899" s="2">
        <v>1</v>
      </c>
      <c r="L2899" t="s">
        <v>995</v>
      </c>
      <c r="M2899" t="s">
        <v>87</v>
      </c>
      <c r="N2899" t="s">
        <v>88</v>
      </c>
      <c r="O2899" t="s">
        <v>85</v>
      </c>
      <c r="P2899" t="s">
        <v>86</v>
      </c>
      <c r="Q2899">
        <v>55</v>
      </c>
      <c r="R2899">
        <v>55</v>
      </c>
      <c r="S2899">
        <v>54</v>
      </c>
      <c r="T2899">
        <v>54</v>
      </c>
      <c r="U2899">
        <v>54</v>
      </c>
      <c r="V2899">
        <v>54</v>
      </c>
      <c r="W2899">
        <v>54</v>
      </c>
      <c r="X2899">
        <v>53</v>
      </c>
      <c r="Y2899">
        <v>53</v>
      </c>
      <c r="Z2899">
        <v>53</v>
      </c>
      <c r="AA2899">
        <v>53</v>
      </c>
      <c r="AB2899">
        <v>52</v>
      </c>
      <c r="AC2899">
        <v>52</v>
      </c>
      <c r="AD2899">
        <v>52</v>
      </c>
      <c r="AE2899">
        <v>52</v>
      </c>
      <c r="AF2899">
        <v>52</v>
      </c>
      <c r="AG2899">
        <v>51</v>
      </c>
      <c r="AH2899">
        <v>51</v>
      </c>
      <c r="AI2899">
        <v>51</v>
      </c>
      <c r="AJ2899">
        <v>51</v>
      </c>
      <c r="AK2899">
        <v>51</v>
      </c>
      <c r="AL2899">
        <v>50</v>
      </c>
      <c r="AM2899">
        <v>50</v>
      </c>
      <c r="AN2899">
        <v>50</v>
      </c>
      <c r="AO2899">
        <v>50</v>
      </c>
      <c r="AP2899">
        <v>50</v>
      </c>
      <c r="AQ2899">
        <v>49</v>
      </c>
    </row>
    <row r="2900" spans="1:43">
      <c r="A2900" t="s">
        <v>1858</v>
      </c>
      <c r="B2900" t="s">
        <v>1859</v>
      </c>
      <c r="C2900" t="s">
        <v>1638</v>
      </c>
      <c r="D2900" t="s">
        <v>1639</v>
      </c>
      <c r="E2900" t="s">
        <v>1586</v>
      </c>
      <c r="F2900" t="s">
        <v>1587</v>
      </c>
      <c r="G2900" t="s">
        <v>80</v>
      </c>
      <c r="H2900" t="s">
        <v>81</v>
      </c>
      <c r="I2900" s="2">
        <v>0</v>
      </c>
      <c r="J2900" s="2">
        <v>0</v>
      </c>
      <c r="K2900" s="2">
        <v>1</v>
      </c>
      <c r="L2900" t="s">
        <v>995</v>
      </c>
      <c r="M2900" t="s">
        <v>89</v>
      </c>
      <c r="N2900" t="s">
        <v>90</v>
      </c>
      <c r="O2900" t="s">
        <v>85</v>
      </c>
      <c r="P2900" t="s">
        <v>86</v>
      </c>
      <c r="Q2900">
        <v>55</v>
      </c>
      <c r="R2900">
        <v>56</v>
      </c>
      <c r="S2900">
        <v>56</v>
      </c>
      <c r="T2900">
        <v>57</v>
      </c>
      <c r="U2900">
        <v>58</v>
      </c>
      <c r="V2900">
        <v>58</v>
      </c>
      <c r="W2900">
        <v>59</v>
      </c>
      <c r="X2900">
        <v>59</v>
      </c>
      <c r="Y2900">
        <v>60</v>
      </c>
      <c r="Z2900">
        <v>60</v>
      </c>
      <c r="AA2900">
        <v>60</v>
      </c>
      <c r="AB2900">
        <v>61</v>
      </c>
      <c r="AC2900">
        <v>61</v>
      </c>
      <c r="AD2900">
        <v>61</v>
      </c>
      <c r="AE2900">
        <v>61</v>
      </c>
      <c r="AF2900">
        <v>61</v>
      </c>
      <c r="AG2900">
        <v>60</v>
      </c>
      <c r="AH2900">
        <v>60</v>
      </c>
      <c r="AI2900">
        <v>60</v>
      </c>
      <c r="AJ2900">
        <v>59</v>
      </c>
      <c r="AK2900">
        <v>59</v>
      </c>
      <c r="AL2900">
        <v>58</v>
      </c>
      <c r="AM2900">
        <v>58</v>
      </c>
      <c r="AN2900">
        <v>57</v>
      </c>
      <c r="AO2900">
        <v>57</v>
      </c>
      <c r="AP2900">
        <v>57</v>
      </c>
      <c r="AQ2900">
        <v>56</v>
      </c>
    </row>
    <row r="2901" spans="1:43">
      <c r="A2901" t="s">
        <v>1858</v>
      </c>
      <c r="B2901" t="s">
        <v>1859</v>
      </c>
      <c r="C2901" t="s">
        <v>1638</v>
      </c>
      <c r="D2901" t="s">
        <v>1639</v>
      </c>
      <c r="E2901" t="s">
        <v>1586</v>
      </c>
      <c r="F2901" t="s">
        <v>1587</v>
      </c>
      <c r="G2901" t="s">
        <v>80</v>
      </c>
      <c r="H2901" t="s">
        <v>81</v>
      </c>
      <c r="I2901" s="2">
        <v>0</v>
      </c>
      <c r="J2901" s="2">
        <v>0</v>
      </c>
      <c r="K2901" s="2">
        <v>1</v>
      </c>
      <c r="L2901" t="s">
        <v>995</v>
      </c>
      <c r="M2901" t="s">
        <v>83</v>
      </c>
      <c r="N2901" t="s">
        <v>91</v>
      </c>
      <c r="O2901" t="s">
        <v>85</v>
      </c>
      <c r="P2901" t="s">
        <v>86</v>
      </c>
      <c r="Q2901">
        <v>55</v>
      </c>
      <c r="R2901">
        <v>56</v>
      </c>
      <c r="S2901">
        <v>56</v>
      </c>
      <c r="T2901">
        <v>56</v>
      </c>
      <c r="U2901">
        <v>56</v>
      </c>
      <c r="V2901">
        <v>57</v>
      </c>
      <c r="W2901">
        <v>57</v>
      </c>
      <c r="X2901">
        <v>57</v>
      </c>
      <c r="Y2901">
        <v>57</v>
      </c>
      <c r="Z2901">
        <v>58</v>
      </c>
      <c r="AA2901">
        <v>58</v>
      </c>
      <c r="AB2901">
        <v>58</v>
      </c>
      <c r="AC2901">
        <v>58</v>
      </c>
      <c r="AD2901">
        <v>58</v>
      </c>
      <c r="AE2901">
        <v>58</v>
      </c>
      <c r="AF2901">
        <v>58</v>
      </c>
      <c r="AG2901">
        <v>59</v>
      </c>
      <c r="AH2901">
        <v>59</v>
      </c>
      <c r="AI2901">
        <v>59</v>
      </c>
      <c r="AJ2901">
        <v>59</v>
      </c>
      <c r="AK2901">
        <v>59</v>
      </c>
      <c r="AL2901">
        <v>59</v>
      </c>
      <c r="AM2901">
        <v>58</v>
      </c>
      <c r="AN2901">
        <v>58</v>
      </c>
      <c r="AO2901">
        <v>57</v>
      </c>
      <c r="AP2901">
        <v>57</v>
      </c>
      <c r="AQ2901">
        <v>57</v>
      </c>
    </row>
    <row r="2902" spans="1:43">
      <c r="A2902" t="s">
        <v>1860</v>
      </c>
      <c r="B2902" t="s">
        <v>1861</v>
      </c>
      <c r="C2902" t="s">
        <v>1852</v>
      </c>
      <c r="D2902" t="s">
        <v>1853</v>
      </c>
      <c r="E2902" t="s">
        <v>1586</v>
      </c>
      <c r="F2902" t="s">
        <v>1587</v>
      </c>
      <c r="G2902" t="s">
        <v>80</v>
      </c>
      <c r="H2902" t="s">
        <v>81</v>
      </c>
      <c r="I2902" s="2">
        <v>0</v>
      </c>
      <c r="J2902" s="2">
        <v>0</v>
      </c>
      <c r="K2902" s="2">
        <v>1</v>
      </c>
      <c r="L2902" t="s">
        <v>995</v>
      </c>
      <c r="M2902" t="s">
        <v>83</v>
      </c>
      <c r="N2902" t="s">
        <v>84</v>
      </c>
      <c r="O2902" t="s">
        <v>85</v>
      </c>
      <c r="P2902" t="s">
        <v>86</v>
      </c>
      <c r="Q2902">
        <v>14</v>
      </c>
      <c r="R2902">
        <v>14</v>
      </c>
      <c r="S2902">
        <v>14</v>
      </c>
      <c r="T2902">
        <v>14</v>
      </c>
      <c r="U2902">
        <v>14</v>
      </c>
      <c r="V2902">
        <v>14</v>
      </c>
      <c r="W2902">
        <v>14</v>
      </c>
      <c r="X2902">
        <v>14</v>
      </c>
      <c r="Y2902">
        <v>14</v>
      </c>
      <c r="Z2902">
        <v>14</v>
      </c>
      <c r="AA2902">
        <v>14</v>
      </c>
      <c r="AB2902">
        <v>14</v>
      </c>
      <c r="AC2902">
        <v>14</v>
      </c>
      <c r="AD2902">
        <v>14</v>
      </c>
      <c r="AE2902">
        <v>14</v>
      </c>
      <c r="AF2902">
        <v>14</v>
      </c>
      <c r="AG2902">
        <v>14</v>
      </c>
      <c r="AH2902">
        <v>14</v>
      </c>
      <c r="AI2902">
        <v>14</v>
      </c>
      <c r="AJ2902">
        <v>14</v>
      </c>
      <c r="AK2902">
        <v>14</v>
      </c>
      <c r="AL2902">
        <v>14</v>
      </c>
      <c r="AM2902">
        <v>14</v>
      </c>
      <c r="AN2902">
        <v>14</v>
      </c>
      <c r="AO2902">
        <v>14</v>
      </c>
      <c r="AP2902">
        <v>14</v>
      </c>
      <c r="AQ2902">
        <v>14</v>
      </c>
    </row>
    <row r="2903" spans="1:43">
      <c r="A2903" t="s">
        <v>1860</v>
      </c>
      <c r="B2903" t="s">
        <v>1861</v>
      </c>
      <c r="C2903" t="s">
        <v>1852</v>
      </c>
      <c r="D2903" t="s">
        <v>1853</v>
      </c>
      <c r="E2903" t="s">
        <v>1586</v>
      </c>
      <c r="F2903" t="s">
        <v>1587</v>
      </c>
      <c r="G2903" t="s">
        <v>80</v>
      </c>
      <c r="H2903" t="s">
        <v>81</v>
      </c>
      <c r="I2903" s="2">
        <v>0</v>
      </c>
      <c r="J2903" s="2">
        <v>0</v>
      </c>
      <c r="K2903" s="2">
        <v>1</v>
      </c>
      <c r="L2903" t="s">
        <v>995</v>
      </c>
      <c r="M2903" t="s">
        <v>87</v>
      </c>
      <c r="N2903" t="s">
        <v>88</v>
      </c>
      <c r="O2903" t="s">
        <v>85</v>
      </c>
      <c r="P2903" t="s">
        <v>86</v>
      </c>
      <c r="Q2903">
        <v>14</v>
      </c>
      <c r="R2903">
        <v>14</v>
      </c>
      <c r="S2903">
        <v>13</v>
      </c>
      <c r="T2903">
        <v>13</v>
      </c>
      <c r="U2903">
        <v>13</v>
      </c>
      <c r="V2903">
        <v>13</v>
      </c>
      <c r="W2903">
        <v>13</v>
      </c>
      <c r="X2903">
        <v>13</v>
      </c>
      <c r="Y2903">
        <v>13</v>
      </c>
      <c r="Z2903">
        <v>13</v>
      </c>
      <c r="AA2903">
        <v>13</v>
      </c>
      <c r="AB2903">
        <v>13</v>
      </c>
      <c r="AC2903">
        <v>13</v>
      </c>
      <c r="AD2903">
        <v>13</v>
      </c>
      <c r="AE2903">
        <v>13</v>
      </c>
      <c r="AF2903">
        <v>13</v>
      </c>
      <c r="AG2903">
        <v>13</v>
      </c>
      <c r="AH2903">
        <v>13</v>
      </c>
      <c r="AI2903">
        <v>12</v>
      </c>
      <c r="AJ2903">
        <v>12</v>
      </c>
      <c r="AK2903">
        <v>12</v>
      </c>
      <c r="AL2903">
        <v>12</v>
      </c>
      <c r="AM2903">
        <v>12</v>
      </c>
      <c r="AN2903">
        <v>12</v>
      </c>
      <c r="AO2903">
        <v>12</v>
      </c>
      <c r="AP2903">
        <v>12</v>
      </c>
      <c r="AQ2903">
        <v>12</v>
      </c>
    </row>
    <row r="2904" spans="1:43">
      <c r="A2904" t="s">
        <v>1860</v>
      </c>
      <c r="B2904" t="s">
        <v>1861</v>
      </c>
      <c r="C2904" t="s">
        <v>1852</v>
      </c>
      <c r="D2904" t="s">
        <v>1853</v>
      </c>
      <c r="E2904" t="s">
        <v>1586</v>
      </c>
      <c r="F2904" t="s">
        <v>1587</v>
      </c>
      <c r="G2904" t="s">
        <v>80</v>
      </c>
      <c r="H2904" t="s">
        <v>81</v>
      </c>
      <c r="I2904" s="2">
        <v>0</v>
      </c>
      <c r="J2904" s="2">
        <v>0</v>
      </c>
      <c r="K2904" s="2">
        <v>1</v>
      </c>
      <c r="L2904" t="s">
        <v>995</v>
      </c>
      <c r="M2904" t="s">
        <v>89</v>
      </c>
      <c r="N2904" t="s">
        <v>90</v>
      </c>
      <c r="O2904" t="s">
        <v>85</v>
      </c>
      <c r="P2904" t="s">
        <v>86</v>
      </c>
      <c r="Q2904">
        <v>14</v>
      </c>
      <c r="R2904">
        <v>14</v>
      </c>
      <c r="S2904">
        <v>14</v>
      </c>
      <c r="T2904">
        <v>14</v>
      </c>
      <c r="U2904">
        <v>14</v>
      </c>
      <c r="V2904">
        <v>15</v>
      </c>
      <c r="W2904">
        <v>15</v>
      </c>
      <c r="X2904">
        <v>15</v>
      </c>
      <c r="Y2904">
        <v>15</v>
      </c>
      <c r="Z2904">
        <v>15</v>
      </c>
      <c r="AA2904">
        <v>15</v>
      </c>
      <c r="AB2904">
        <v>15</v>
      </c>
      <c r="AC2904">
        <v>15</v>
      </c>
      <c r="AD2904">
        <v>15</v>
      </c>
      <c r="AE2904">
        <v>15</v>
      </c>
      <c r="AF2904">
        <v>15</v>
      </c>
      <c r="AG2904">
        <v>15</v>
      </c>
      <c r="AH2904">
        <v>15</v>
      </c>
      <c r="AI2904">
        <v>15</v>
      </c>
      <c r="AJ2904">
        <v>15</v>
      </c>
      <c r="AK2904">
        <v>15</v>
      </c>
      <c r="AL2904">
        <v>14</v>
      </c>
      <c r="AM2904">
        <v>14</v>
      </c>
      <c r="AN2904">
        <v>14</v>
      </c>
      <c r="AO2904">
        <v>14</v>
      </c>
      <c r="AP2904">
        <v>14</v>
      </c>
      <c r="AQ2904">
        <v>14</v>
      </c>
    </row>
    <row r="2905" spans="1:43">
      <c r="A2905" t="s">
        <v>1860</v>
      </c>
      <c r="B2905" t="s">
        <v>1861</v>
      </c>
      <c r="C2905" t="s">
        <v>1852</v>
      </c>
      <c r="D2905" t="s">
        <v>1853</v>
      </c>
      <c r="E2905" t="s">
        <v>1586</v>
      </c>
      <c r="F2905" t="s">
        <v>1587</v>
      </c>
      <c r="G2905" t="s">
        <v>80</v>
      </c>
      <c r="H2905" t="s">
        <v>81</v>
      </c>
      <c r="I2905" s="2">
        <v>0</v>
      </c>
      <c r="J2905" s="2">
        <v>0</v>
      </c>
      <c r="K2905" s="2">
        <v>1</v>
      </c>
      <c r="L2905" t="s">
        <v>995</v>
      </c>
      <c r="M2905" t="s">
        <v>83</v>
      </c>
      <c r="N2905" t="s">
        <v>91</v>
      </c>
      <c r="O2905" t="s">
        <v>85</v>
      </c>
      <c r="P2905" t="s">
        <v>86</v>
      </c>
      <c r="Q2905">
        <v>14</v>
      </c>
      <c r="R2905">
        <v>14</v>
      </c>
      <c r="S2905">
        <v>14</v>
      </c>
      <c r="T2905">
        <v>14</v>
      </c>
      <c r="U2905">
        <v>14</v>
      </c>
      <c r="V2905">
        <v>14</v>
      </c>
      <c r="W2905">
        <v>14</v>
      </c>
      <c r="X2905">
        <v>14</v>
      </c>
      <c r="Y2905">
        <v>14</v>
      </c>
      <c r="Z2905">
        <v>14</v>
      </c>
      <c r="AA2905">
        <v>14</v>
      </c>
      <c r="AB2905">
        <v>14</v>
      </c>
      <c r="AC2905">
        <v>14</v>
      </c>
      <c r="AD2905">
        <v>14</v>
      </c>
      <c r="AE2905">
        <v>14</v>
      </c>
      <c r="AF2905">
        <v>14</v>
      </c>
      <c r="AG2905">
        <v>14</v>
      </c>
      <c r="AH2905">
        <v>14</v>
      </c>
      <c r="AI2905">
        <v>14</v>
      </c>
      <c r="AJ2905">
        <v>14</v>
      </c>
      <c r="AK2905">
        <v>14</v>
      </c>
      <c r="AL2905">
        <v>14</v>
      </c>
      <c r="AM2905">
        <v>14</v>
      </c>
      <c r="AN2905">
        <v>14</v>
      </c>
      <c r="AO2905">
        <v>14</v>
      </c>
      <c r="AP2905">
        <v>14</v>
      </c>
      <c r="AQ2905">
        <v>14</v>
      </c>
    </row>
    <row r="2906" spans="1:43">
      <c r="A2906" t="s">
        <v>1862</v>
      </c>
      <c r="B2906" t="s">
        <v>1863</v>
      </c>
      <c r="C2906" t="s">
        <v>1852</v>
      </c>
      <c r="D2906" t="s">
        <v>1853</v>
      </c>
      <c r="E2906" t="s">
        <v>1586</v>
      </c>
      <c r="F2906" t="s">
        <v>1587</v>
      </c>
      <c r="G2906" t="s">
        <v>80</v>
      </c>
      <c r="H2906" t="s">
        <v>81</v>
      </c>
      <c r="I2906" s="2">
        <v>0</v>
      </c>
      <c r="J2906" s="2">
        <v>0</v>
      </c>
      <c r="K2906" s="2">
        <v>1</v>
      </c>
      <c r="L2906" t="s">
        <v>995</v>
      </c>
      <c r="M2906" t="s">
        <v>83</v>
      </c>
      <c r="N2906" t="s">
        <v>84</v>
      </c>
      <c r="O2906" t="s">
        <v>85</v>
      </c>
      <c r="P2906" t="s">
        <v>86</v>
      </c>
      <c r="Q2906">
        <v>17</v>
      </c>
      <c r="R2906">
        <v>17</v>
      </c>
      <c r="S2906">
        <v>17</v>
      </c>
      <c r="T2906">
        <v>17</v>
      </c>
      <c r="U2906">
        <v>17</v>
      </c>
      <c r="V2906">
        <v>17</v>
      </c>
      <c r="W2906">
        <v>17</v>
      </c>
      <c r="X2906">
        <v>17</v>
      </c>
      <c r="Y2906">
        <v>17</v>
      </c>
      <c r="Z2906">
        <v>17</v>
      </c>
      <c r="AA2906">
        <v>18</v>
      </c>
      <c r="AB2906">
        <v>18</v>
      </c>
      <c r="AC2906">
        <v>18</v>
      </c>
      <c r="AD2906">
        <v>18</v>
      </c>
      <c r="AE2906">
        <v>18</v>
      </c>
      <c r="AF2906">
        <v>18</v>
      </c>
      <c r="AG2906">
        <v>18</v>
      </c>
      <c r="AH2906">
        <v>18</v>
      </c>
      <c r="AI2906">
        <v>18</v>
      </c>
      <c r="AJ2906">
        <v>18</v>
      </c>
      <c r="AK2906">
        <v>18</v>
      </c>
      <c r="AL2906">
        <v>18</v>
      </c>
      <c r="AM2906">
        <v>17</v>
      </c>
      <c r="AN2906">
        <v>17</v>
      </c>
      <c r="AO2906">
        <v>17</v>
      </c>
      <c r="AP2906">
        <v>17</v>
      </c>
      <c r="AQ2906">
        <v>17</v>
      </c>
    </row>
    <row r="2907" spans="1:43">
      <c r="A2907" t="s">
        <v>1862</v>
      </c>
      <c r="B2907" t="s">
        <v>1863</v>
      </c>
      <c r="C2907" t="s">
        <v>1852</v>
      </c>
      <c r="D2907" t="s">
        <v>1853</v>
      </c>
      <c r="E2907" t="s">
        <v>1586</v>
      </c>
      <c r="F2907" t="s">
        <v>1587</v>
      </c>
      <c r="G2907" t="s">
        <v>80</v>
      </c>
      <c r="H2907" t="s">
        <v>81</v>
      </c>
      <c r="I2907" s="2">
        <v>0</v>
      </c>
      <c r="J2907" s="2">
        <v>0</v>
      </c>
      <c r="K2907" s="2">
        <v>1</v>
      </c>
      <c r="L2907" t="s">
        <v>995</v>
      </c>
      <c r="M2907" t="s">
        <v>87</v>
      </c>
      <c r="N2907" t="s">
        <v>88</v>
      </c>
      <c r="O2907" t="s">
        <v>85</v>
      </c>
      <c r="P2907" t="s">
        <v>86</v>
      </c>
      <c r="Q2907">
        <v>17</v>
      </c>
      <c r="R2907">
        <v>17</v>
      </c>
      <c r="S2907">
        <v>17</v>
      </c>
      <c r="T2907">
        <v>17</v>
      </c>
      <c r="U2907">
        <v>16</v>
      </c>
      <c r="V2907">
        <v>16</v>
      </c>
      <c r="W2907">
        <v>16</v>
      </c>
      <c r="X2907">
        <v>16</v>
      </c>
      <c r="Y2907">
        <v>16</v>
      </c>
      <c r="Z2907">
        <v>16</v>
      </c>
      <c r="AA2907">
        <v>16</v>
      </c>
      <c r="AB2907">
        <v>16</v>
      </c>
      <c r="AC2907">
        <v>16</v>
      </c>
      <c r="AD2907">
        <v>16</v>
      </c>
      <c r="AE2907">
        <v>16</v>
      </c>
      <c r="AF2907">
        <v>16</v>
      </c>
      <c r="AG2907">
        <v>15</v>
      </c>
      <c r="AH2907">
        <v>15</v>
      </c>
      <c r="AI2907">
        <v>15</v>
      </c>
      <c r="AJ2907">
        <v>15</v>
      </c>
      <c r="AK2907">
        <v>15</v>
      </c>
      <c r="AL2907">
        <v>15</v>
      </c>
      <c r="AM2907">
        <v>15</v>
      </c>
      <c r="AN2907">
        <v>15</v>
      </c>
      <c r="AO2907">
        <v>15</v>
      </c>
      <c r="AP2907">
        <v>15</v>
      </c>
      <c r="AQ2907">
        <v>15</v>
      </c>
    </row>
    <row r="2908" spans="1:43">
      <c r="A2908" t="s">
        <v>1862</v>
      </c>
      <c r="B2908" t="s">
        <v>1863</v>
      </c>
      <c r="C2908" t="s">
        <v>1852</v>
      </c>
      <c r="D2908" t="s">
        <v>1853</v>
      </c>
      <c r="E2908" t="s">
        <v>1586</v>
      </c>
      <c r="F2908" t="s">
        <v>1587</v>
      </c>
      <c r="G2908" t="s">
        <v>80</v>
      </c>
      <c r="H2908" t="s">
        <v>81</v>
      </c>
      <c r="I2908" s="2">
        <v>0</v>
      </c>
      <c r="J2908" s="2">
        <v>0</v>
      </c>
      <c r="K2908" s="2">
        <v>1</v>
      </c>
      <c r="L2908" t="s">
        <v>995</v>
      </c>
      <c r="M2908" t="s">
        <v>89</v>
      </c>
      <c r="N2908" t="s">
        <v>90</v>
      </c>
      <c r="O2908" t="s">
        <v>85</v>
      </c>
      <c r="P2908" t="s">
        <v>86</v>
      </c>
      <c r="Q2908">
        <v>17</v>
      </c>
      <c r="R2908">
        <v>17</v>
      </c>
      <c r="S2908">
        <v>18</v>
      </c>
      <c r="T2908">
        <v>18</v>
      </c>
      <c r="U2908">
        <v>18</v>
      </c>
      <c r="V2908">
        <v>18</v>
      </c>
      <c r="W2908">
        <v>18</v>
      </c>
      <c r="X2908">
        <v>18</v>
      </c>
      <c r="Y2908">
        <v>18</v>
      </c>
      <c r="Z2908">
        <v>19</v>
      </c>
      <c r="AA2908">
        <v>19</v>
      </c>
      <c r="AB2908">
        <v>19</v>
      </c>
      <c r="AC2908">
        <v>19</v>
      </c>
      <c r="AD2908">
        <v>19</v>
      </c>
      <c r="AE2908">
        <v>19</v>
      </c>
      <c r="AF2908">
        <v>19</v>
      </c>
      <c r="AG2908">
        <v>19</v>
      </c>
      <c r="AH2908">
        <v>18</v>
      </c>
      <c r="AI2908">
        <v>18</v>
      </c>
      <c r="AJ2908">
        <v>18</v>
      </c>
      <c r="AK2908">
        <v>18</v>
      </c>
      <c r="AL2908">
        <v>18</v>
      </c>
      <c r="AM2908">
        <v>18</v>
      </c>
      <c r="AN2908">
        <v>17</v>
      </c>
      <c r="AO2908">
        <v>17</v>
      </c>
      <c r="AP2908">
        <v>17</v>
      </c>
      <c r="AQ2908">
        <v>17</v>
      </c>
    </row>
    <row r="2909" spans="1:43">
      <c r="A2909" t="s">
        <v>1862</v>
      </c>
      <c r="B2909" t="s">
        <v>1863</v>
      </c>
      <c r="C2909" t="s">
        <v>1852</v>
      </c>
      <c r="D2909" t="s">
        <v>1853</v>
      </c>
      <c r="E2909" t="s">
        <v>1586</v>
      </c>
      <c r="F2909" t="s">
        <v>1587</v>
      </c>
      <c r="G2909" t="s">
        <v>80</v>
      </c>
      <c r="H2909" t="s">
        <v>81</v>
      </c>
      <c r="I2909" s="2">
        <v>0</v>
      </c>
      <c r="J2909" s="2">
        <v>0</v>
      </c>
      <c r="K2909" s="2">
        <v>1</v>
      </c>
      <c r="L2909" t="s">
        <v>995</v>
      </c>
      <c r="M2909" t="s">
        <v>83</v>
      </c>
      <c r="N2909" t="s">
        <v>91</v>
      </c>
      <c r="O2909" t="s">
        <v>85</v>
      </c>
      <c r="P2909" t="s">
        <v>86</v>
      </c>
      <c r="Q2909">
        <v>17</v>
      </c>
      <c r="R2909">
        <v>17</v>
      </c>
      <c r="S2909">
        <v>17</v>
      </c>
      <c r="T2909">
        <v>17</v>
      </c>
      <c r="U2909">
        <v>17</v>
      </c>
      <c r="V2909">
        <v>17</v>
      </c>
      <c r="W2909">
        <v>17</v>
      </c>
      <c r="X2909">
        <v>17</v>
      </c>
      <c r="Y2909">
        <v>17</v>
      </c>
      <c r="Z2909">
        <v>17</v>
      </c>
      <c r="AA2909">
        <v>18</v>
      </c>
      <c r="AB2909">
        <v>18</v>
      </c>
      <c r="AC2909">
        <v>18</v>
      </c>
      <c r="AD2909">
        <v>18</v>
      </c>
      <c r="AE2909">
        <v>18</v>
      </c>
      <c r="AF2909">
        <v>18</v>
      </c>
      <c r="AG2909">
        <v>18</v>
      </c>
      <c r="AH2909">
        <v>18</v>
      </c>
      <c r="AI2909">
        <v>18</v>
      </c>
      <c r="AJ2909">
        <v>18</v>
      </c>
      <c r="AK2909">
        <v>18</v>
      </c>
      <c r="AL2909">
        <v>18</v>
      </c>
      <c r="AM2909">
        <v>17</v>
      </c>
      <c r="AN2909">
        <v>17</v>
      </c>
      <c r="AO2909">
        <v>17</v>
      </c>
      <c r="AP2909">
        <v>17</v>
      </c>
      <c r="AQ2909">
        <v>17</v>
      </c>
    </row>
    <row r="2910" spans="1:43">
      <c r="A2910" t="s">
        <v>1864</v>
      </c>
      <c r="B2910" t="s">
        <v>1865</v>
      </c>
      <c r="C2910" t="s">
        <v>1866</v>
      </c>
      <c r="D2910" t="s">
        <v>1867</v>
      </c>
      <c r="E2910" t="s">
        <v>1586</v>
      </c>
      <c r="F2910" t="s">
        <v>1587</v>
      </c>
      <c r="G2910" t="s">
        <v>80</v>
      </c>
      <c r="H2910" t="s">
        <v>81</v>
      </c>
      <c r="I2910" s="2">
        <v>0</v>
      </c>
      <c r="J2910" s="2">
        <v>0</v>
      </c>
      <c r="K2910" s="2">
        <v>1</v>
      </c>
      <c r="L2910" t="s">
        <v>995</v>
      </c>
      <c r="M2910" t="s">
        <v>83</v>
      </c>
      <c r="N2910" t="s">
        <v>84</v>
      </c>
      <c r="O2910" t="s">
        <v>85</v>
      </c>
      <c r="P2910" t="s">
        <v>86</v>
      </c>
      <c r="Q2910">
        <v>26</v>
      </c>
      <c r="R2910">
        <v>27</v>
      </c>
      <c r="S2910">
        <v>27</v>
      </c>
      <c r="T2910">
        <v>27</v>
      </c>
      <c r="U2910">
        <v>27</v>
      </c>
      <c r="V2910">
        <v>27</v>
      </c>
      <c r="W2910">
        <v>27</v>
      </c>
      <c r="X2910">
        <v>27</v>
      </c>
      <c r="Y2910">
        <v>27</v>
      </c>
      <c r="Z2910">
        <v>27</v>
      </c>
      <c r="AA2910">
        <v>27</v>
      </c>
      <c r="AB2910">
        <v>27</v>
      </c>
      <c r="AC2910">
        <v>27</v>
      </c>
      <c r="AD2910">
        <v>27</v>
      </c>
      <c r="AE2910">
        <v>28</v>
      </c>
      <c r="AF2910">
        <v>28</v>
      </c>
      <c r="AG2910">
        <v>28</v>
      </c>
      <c r="AH2910">
        <v>28</v>
      </c>
      <c r="AI2910">
        <v>28</v>
      </c>
      <c r="AJ2910">
        <v>28</v>
      </c>
      <c r="AK2910">
        <v>28</v>
      </c>
      <c r="AL2910">
        <v>28</v>
      </c>
      <c r="AM2910">
        <v>27</v>
      </c>
      <c r="AN2910">
        <v>27</v>
      </c>
      <c r="AO2910">
        <v>27</v>
      </c>
      <c r="AP2910">
        <v>27</v>
      </c>
      <c r="AQ2910">
        <v>26</v>
      </c>
    </row>
    <row r="2911" spans="1:43">
      <c r="A2911" t="s">
        <v>1864</v>
      </c>
      <c r="B2911" t="s">
        <v>1865</v>
      </c>
      <c r="C2911" t="s">
        <v>1866</v>
      </c>
      <c r="D2911" t="s">
        <v>1867</v>
      </c>
      <c r="E2911" t="s">
        <v>1586</v>
      </c>
      <c r="F2911" t="s">
        <v>1587</v>
      </c>
      <c r="G2911" t="s">
        <v>80</v>
      </c>
      <c r="H2911" t="s">
        <v>81</v>
      </c>
      <c r="I2911" s="2">
        <v>0</v>
      </c>
      <c r="J2911" s="2">
        <v>0</v>
      </c>
      <c r="K2911" s="2">
        <v>1</v>
      </c>
      <c r="L2911" t="s">
        <v>995</v>
      </c>
      <c r="M2911" t="s">
        <v>87</v>
      </c>
      <c r="N2911" t="s">
        <v>88</v>
      </c>
      <c r="O2911" t="s">
        <v>85</v>
      </c>
      <c r="P2911" t="s">
        <v>86</v>
      </c>
      <c r="Q2911">
        <v>26</v>
      </c>
      <c r="R2911">
        <v>26</v>
      </c>
      <c r="S2911">
        <v>26</v>
      </c>
      <c r="T2911">
        <v>26</v>
      </c>
      <c r="U2911">
        <v>26</v>
      </c>
      <c r="V2911">
        <v>25</v>
      </c>
      <c r="W2911">
        <v>25</v>
      </c>
      <c r="X2911">
        <v>25</v>
      </c>
      <c r="Y2911">
        <v>25</v>
      </c>
      <c r="Z2911">
        <v>25</v>
      </c>
      <c r="AA2911">
        <v>25</v>
      </c>
      <c r="AB2911">
        <v>25</v>
      </c>
      <c r="AC2911">
        <v>25</v>
      </c>
      <c r="AD2911">
        <v>25</v>
      </c>
      <c r="AE2911">
        <v>24</v>
      </c>
      <c r="AF2911">
        <v>24</v>
      </c>
      <c r="AG2911">
        <v>24</v>
      </c>
      <c r="AH2911">
        <v>24</v>
      </c>
      <c r="AI2911">
        <v>24</v>
      </c>
      <c r="AJ2911">
        <v>24</v>
      </c>
      <c r="AK2911">
        <v>24</v>
      </c>
      <c r="AL2911">
        <v>24</v>
      </c>
      <c r="AM2911">
        <v>23</v>
      </c>
      <c r="AN2911">
        <v>23</v>
      </c>
      <c r="AO2911">
        <v>23</v>
      </c>
      <c r="AP2911">
        <v>23</v>
      </c>
      <c r="AQ2911">
        <v>23</v>
      </c>
    </row>
    <row r="2912" spans="1:43">
      <c r="A2912" t="s">
        <v>1864</v>
      </c>
      <c r="B2912" t="s">
        <v>1865</v>
      </c>
      <c r="C2912" t="s">
        <v>1866</v>
      </c>
      <c r="D2912" t="s">
        <v>1867</v>
      </c>
      <c r="E2912" t="s">
        <v>1586</v>
      </c>
      <c r="F2912" t="s">
        <v>1587</v>
      </c>
      <c r="G2912" t="s">
        <v>80</v>
      </c>
      <c r="H2912" t="s">
        <v>81</v>
      </c>
      <c r="I2912" s="2">
        <v>0</v>
      </c>
      <c r="J2912" s="2">
        <v>0</v>
      </c>
      <c r="K2912" s="2">
        <v>1</v>
      </c>
      <c r="L2912" t="s">
        <v>995</v>
      </c>
      <c r="M2912" t="s">
        <v>89</v>
      </c>
      <c r="N2912" t="s">
        <v>90</v>
      </c>
      <c r="O2912" t="s">
        <v>85</v>
      </c>
      <c r="P2912" t="s">
        <v>86</v>
      </c>
      <c r="Q2912">
        <v>26</v>
      </c>
      <c r="R2912">
        <v>26</v>
      </c>
      <c r="S2912">
        <v>26</v>
      </c>
      <c r="T2912">
        <v>27</v>
      </c>
      <c r="U2912">
        <v>27</v>
      </c>
      <c r="V2912">
        <v>27</v>
      </c>
      <c r="W2912">
        <v>27</v>
      </c>
      <c r="X2912">
        <v>28</v>
      </c>
      <c r="Y2912">
        <v>28</v>
      </c>
      <c r="Z2912">
        <v>28</v>
      </c>
      <c r="AA2912">
        <v>28</v>
      </c>
      <c r="AB2912">
        <v>28</v>
      </c>
      <c r="AC2912">
        <v>28</v>
      </c>
      <c r="AD2912">
        <v>28</v>
      </c>
      <c r="AE2912">
        <v>28</v>
      </c>
      <c r="AF2912">
        <v>28</v>
      </c>
      <c r="AG2912">
        <v>28</v>
      </c>
      <c r="AH2912">
        <v>28</v>
      </c>
      <c r="AI2912">
        <v>27</v>
      </c>
      <c r="AJ2912">
        <v>27</v>
      </c>
      <c r="AK2912">
        <v>27</v>
      </c>
      <c r="AL2912">
        <v>27</v>
      </c>
      <c r="AM2912">
        <v>27</v>
      </c>
      <c r="AN2912">
        <v>26</v>
      </c>
      <c r="AO2912">
        <v>26</v>
      </c>
      <c r="AP2912">
        <v>26</v>
      </c>
      <c r="AQ2912">
        <v>26</v>
      </c>
    </row>
    <row r="2913" spans="1:43">
      <c r="A2913" t="s">
        <v>1864</v>
      </c>
      <c r="B2913" t="s">
        <v>1865</v>
      </c>
      <c r="C2913" t="s">
        <v>1866</v>
      </c>
      <c r="D2913" t="s">
        <v>1867</v>
      </c>
      <c r="E2913" t="s">
        <v>1586</v>
      </c>
      <c r="F2913" t="s">
        <v>1587</v>
      </c>
      <c r="G2913" t="s">
        <v>80</v>
      </c>
      <c r="H2913" t="s">
        <v>81</v>
      </c>
      <c r="I2913" s="2">
        <v>0</v>
      </c>
      <c r="J2913" s="2">
        <v>0</v>
      </c>
      <c r="K2913" s="2">
        <v>1</v>
      </c>
      <c r="L2913" t="s">
        <v>995</v>
      </c>
      <c r="M2913" t="s">
        <v>83</v>
      </c>
      <c r="N2913" t="s">
        <v>91</v>
      </c>
      <c r="O2913" t="s">
        <v>85</v>
      </c>
      <c r="P2913" t="s">
        <v>86</v>
      </c>
      <c r="Q2913">
        <v>26</v>
      </c>
      <c r="R2913">
        <v>27</v>
      </c>
      <c r="S2913">
        <v>27</v>
      </c>
      <c r="T2913">
        <v>27</v>
      </c>
      <c r="U2913">
        <v>27</v>
      </c>
      <c r="V2913">
        <v>27</v>
      </c>
      <c r="W2913">
        <v>27</v>
      </c>
      <c r="X2913">
        <v>27</v>
      </c>
      <c r="Y2913">
        <v>27</v>
      </c>
      <c r="Z2913">
        <v>27</v>
      </c>
      <c r="AA2913">
        <v>27</v>
      </c>
      <c r="AB2913">
        <v>27</v>
      </c>
      <c r="AC2913">
        <v>27</v>
      </c>
      <c r="AD2913">
        <v>27</v>
      </c>
      <c r="AE2913">
        <v>28</v>
      </c>
      <c r="AF2913">
        <v>28</v>
      </c>
      <c r="AG2913">
        <v>28</v>
      </c>
      <c r="AH2913">
        <v>28</v>
      </c>
      <c r="AI2913">
        <v>28</v>
      </c>
      <c r="AJ2913">
        <v>28</v>
      </c>
      <c r="AK2913">
        <v>28</v>
      </c>
      <c r="AL2913">
        <v>28</v>
      </c>
      <c r="AM2913">
        <v>27</v>
      </c>
      <c r="AN2913">
        <v>27</v>
      </c>
      <c r="AO2913">
        <v>27</v>
      </c>
      <c r="AP2913">
        <v>27</v>
      </c>
      <c r="AQ2913">
        <v>26</v>
      </c>
    </row>
    <row r="2914" spans="1:43">
      <c r="A2914" t="s">
        <v>1868</v>
      </c>
      <c r="B2914" t="s">
        <v>1869</v>
      </c>
      <c r="C2914" t="s">
        <v>1866</v>
      </c>
      <c r="D2914" t="s">
        <v>1867</v>
      </c>
      <c r="E2914" t="s">
        <v>1586</v>
      </c>
      <c r="F2914" t="s">
        <v>1587</v>
      </c>
      <c r="G2914" t="s">
        <v>80</v>
      </c>
      <c r="H2914" t="s">
        <v>81</v>
      </c>
      <c r="I2914" s="2">
        <v>0</v>
      </c>
      <c r="J2914" s="2">
        <v>0</v>
      </c>
      <c r="K2914" s="2">
        <v>1</v>
      </c>
      <c r="L2914" t="s">
        <v>995</v>
      </c>
      <c r="M2914" t="s">
        <v>83</v>
      </c>
      <c r="N2914" t="s">
        <v>84</v>
      </c>
      <c r="O2914" t="s">
        <v>85</v>
      </c>
      <c r="P2914" t="s">
        <v>86</v>
      </c>
      <c r="Q2914">
        <v>31</v>
      </c>
      <c r="R2914">
        <v>31</v>
      </c>
      <c r="S2914">
        <v>32</v>
      </c>
      <c r="T2914">
        <v>32</v>
      </c>
      <c r="U2914">
        <v>32</v>
      </c>
      <c r="V2914">
        <v>32</v>
      </c>
      <c r="W2914">
        <v>32</v>
      </c>
      <c r="X2914">
        <v>32</v>
      </c>
      <c r="Y2914">
        <v>32</v>
      </c>
      <c r="Z2914">
        <v>32</v>
      </c>
      <c r="AA2914">
        <v>32</v>
      </c>
      <c r="AB2914">
        <v>32</v>
      </c>
      <c r="AC2914">
        <v>32</v>
      </c>
      <c r="AD2914">
        <v>33</v>
      </c>
      <c r="AE2914">
        <v>33</v>
      </c>
      <c r="AF2914">
        <v>33</v>
      </c>
      <c r="AG2914">
        <v>33</v>
      </c>
      <c r="AH2914">
        <v>33</v>
      </c>
      <c r="AI2914">
        <v>33</v>
      </c>
      <c r="AJ2914">
        <v>33</v>
      </c>
      <c r="AK2914">
        <v>33</v>
      </c>
      <c r="AL2914">
        <v>33</v>
      </c>
      <c r="AM2914">
        <v>32</v>
      </c>
      <c r="AN2914">
        <v>32</v>
      </c>
      <c r="AO2914">
        <v>32</v>
      </c>
      <c r="AP2914">
        <v>32</v>
      </c>
      <c r="AQ2914">
        <v>31</v>
      </c>
    </row>
    <row r="2915" spans="1:43">
      <c r="A2915" t="s">
        <v>1868</v>
      </c>
      <c r="B2915" t="s">
        <v>1869</v>
      </c>
      <c r="C2915" t="s">
        <v>1866</v>
      </c>
      <c r="D2915" t="s">
        <v>1867</v>
      </c>
      <c r="E2915" t="s">
        <v>1586</v>
      </c>
      <c r="F2915" t="s">
        <v>1587</v>
      </c>
      <c r="G2915" t="s">
        <v>80</v>
      </c>
      <c r="H2915" t="s">
        <v>81</v>
      </c>
      <c r="I2915" s="2">
        <v>0</v>
      </c>
      <c r="J2915" s="2">
        <v>0</v>
      </c>
      <c r="K2915" s="2">
        <v>1</v>
      </c>
      <c r="L2915" t="s">
        <v>995</v>
      </c>
      <c r="M2915" t="s">
        <v>87</v>
      </c>
      <c r="N2915" t="s">
        <v>88</v>
      </c>
      <c r="O2915" t="s">
        <v>85</v>
      </c>
      <c r="P2915" t="s">
        <v>86</v>
      </c>
      <c r="Q2915">
        <v>31</v>
      </c>
      <c r="R2915">
        <v>31</v>
      </c>
      <c r="S2915">
        <v>31</v>
      </c>
      <c r="T2915">
        <v>31</v>
      </c>
      <c r="U2915">
        <v>30</v>
      </c>
      <c r="V2915">
        <v>30</v>
      </c>
      <c r="W2915">
        <v>30</v>
      </c>
      <c r="X2915">
        <v>30</v>
      </c>
      <c r="Y2915">
        <v>30</v>
      </c>
      <c r="Z2915">
        <v>30</v>
      </c>
      <c r="AA2915">
        <v>29</v>
      </c>
      <c r="AB2915">
        <v>29</v>
      </c>
      <c r="AC2915">
        <v>29</v>
      </c>
      <c r="AD2915">
        <v>29</v>
      </c>
      <c r="AE2915">
        <v>29</v>
      </c>
      <c r="AF2915">
        <v>29</v>
      </c>
      <c r="AG2915">
        <v>29</v>
      </c>
      <c r="AH2915">
        <v>28</v>
      </c>
      <c r="AI2915">
        <v>28</v>
      </c>
      <c r="AJ2915">
        <v>28</v>
      </c>
      <c r="AK2915">
        <v>28</v>
      </c>
      <c r="AL2915">
        <v>28</v>
      </c>
      <c r="AM2915">
        <v>28</v>
      </c>
      <c r="AN2915">
        <v>28</v>
      </c>
      <c r="AO2915">
        <v>28</v>
      </c>
      <c r="AP2915">
        <v>27</v>
      </c>
      <c r="AQ2915">
        <v>27</v>
      </c>
    </row>
    <row r="2916" spans="1:43">
      <c r="A2916" t="s">
        <v>1868</v>
      </c>
      <c r="B2916" t="s">
        <v>1869</v>
      </c>
      <c r="C2916" t="s">
        <v>1866</v>
      </c>
      <c r="D2916" t="s">
        <v>1867</v>
      </c>
      <c r="E2916" t="s">
        <v>1586</v>
      </c>
      <c r="F2916" t="s">
        <v>1587</v>
      </c>
      <c r="G2916" t="s">
        <v>80</v>
      </c>
      <c r="H2916" t="s">
        <v>81</v>
      </c>
      <c r="I2916" s="2">
        <v>0</v>
      </c>
      <c r="J2916" s="2">
        <v>0</v>
      </c>
      <c r="K2916" s="2">
        <v>1</v>
      </c>
      <c r="L2916" t="s">
        <v>995</v>
      </c>
      <c r="M2916" t="s">
        <v>89</v>
      </c>
      <c r="N2916" t="s">
        <v>90</v>
      </c>
      <c r="O2916" t="s">
        <v>85</v>
      </c>
      <c r="P2916" t="s">
        <v>86</v>
      </c>
      <c r="Q2916">
        <v>31</v>
      </c>
      <c r="R2916">
        <v>31</v>
      </c>
      <c r="S2916">
        <v>31</v>
      </c>
      <c r="T2916">
        <v>32</v>
      </c>
      <c r="U2916">
        <v>32</v>
      </c>
      <c r="V2916">
        <v>32</v>
      </c>
      <c r="W2916">
        <v>33</v>
      </c>
      <c r="X2916">
        <v>33</v>
      </c>
      <c r="Y2916">
        <v>33</v>
      </c>
      <c r="Z2916">
        <v>33</v>
      </c>
      <c r="AA2916">
        <v>33</v>
      </c>
      <c r="AB2916">
        <v>34</v>
      </c>
      <c r="AC2916">
        <v>34</v>
      </c>
      <c r="AD2916">
        <v>34</v>
      </c>
      <c r="AE2916">
        <v>34</v>
      </c>
      <c r="AF2916">
        <v>34</v>
      </c>
      <c r="AG2916">
        <v>33</v>
      </c>
      <c r="AH2916">
        <v>33</v>
      </c>
      <c r="AI2916">
        <v>33</v>
      </c>
      <c r="AJ2916">
        <v>32</v>
      </c>
      <c r="AK2916">
        <v>32</v>
      </c>
      <c r="AL2916">
        <v>32</v>
      </c>
      <c r="AM2916">
        <v>32</v>
      </c>
      <c r="AN2916">
        <v>31</v>
      </c>
      <c r="AO2916">
        <v>31</v>
      </c>
      <c r="AP2916">
        <v>31</v>
      </c>
      <c r="AQ2916">
        <v>31</v>
      </c>
    </row>
    <row r="2917" spans="1:43">
      <c r="A2917" t="s">
        <v>1868</v>
      </c>
      <c r="B2917" t="s">
        <v>1869</v>
      </c>
      <c r="C2917" t="s">
        <v>1866</v>
      </c>
      <c r="D2917" t="s">
        <v>1867</v>
      </c>
      <c r="E2917" t="s">
        <v>1586</v>
      </c>
      <c r="F2917" t="s">
        <v>1587</v>
      </c>
      <c r="G2917" t="s">
        <v>80</v>
      </c>
      <c r="H2917" t="s">
        <v>81</v>
      </c>
      <c r="I2917" s="2">
        <v>0</v>
      </c>
      <c r="J2917" s="2">
        <v>0</v>
      </c>
      <c r="K2917" s="2">
        <v>1</v>
      </c>
      <c r="L2917" t="s">
        <v>995</v>
      </c>
      <c r="M2917" t="s">
        <v>83</v>
      </c>
      <c r="N2917" t="s">
        <v>91</v>
      </c>
      <c r="O2917" t="s">
        <v>85</v>
      </c>
      <c r="P2917" t="s">
        <v>86</v>
      </c>
      <c r="Q2917">
        <v>31</v>
      </c>
      <c r="R2917">
        <v>31</v>
      </c>
      <c r="S2917">
        <v>32</v>
      </c>
      <c r="T2917">
        <v>32</v>
      </c>
      <c r="U2917">
        <v>32</v>
      </c>
      <c r="V2917">
        <v>32</v>
      </c>
      <c r="W2917">
        <v>32</v>
      </c>
      <c r="X2917">
        <v>32</v>
      </c>
      <c r="Y2917">
        <v>32</v>
      </c>
      <c r="Z2917">
        <v>32</v>
      </c>
      <c r="AA2917">
        <v>32</v>
      </c>
      <c r="AB2917">
        <v>32</v>
      </c>
      <c r="AC2917">
        <v>32</v>
      </c>
      <c r="AD2917">
        <v>33</v>
      </c>
      <c r="AE2917">
        <v>33</v>
      </c>
      <c r="AF2917">
        <v>33</v>
      </c>
      <c r="AG2917">
        <v>33</v>
      </c>
      <c r="AH2917">
        <v>33</v>
      </c>
      <c r="AI2917">
        <v>33</v>
      </c>
      <c r="AJ2917">
        <v>33</v>
      </c>
      <c r="AK2917">
        <v>33</v>
      </c>
      <c r="AL2917">
        <v>33</v>
      </c>
      <c r="AM2917">
        <v>32</v>
      </c>
      <c r="AN2917">
        <v>32</v>
      </c>
      <c r="AO2917">
        <v>32</v>
      </c>
      <c r="AP2917">
        <v>32</v>
      </c>
      <c r="AQ2917">
        <v>31</v>
      </c>
    </row>
    <row r="2918" spans="1:43">
      <c r="A2918" t="s">
        <v>1870</v>
      </c>
      <c r="B2918" t="s">
        <v>1871</v>
      </c>
      <c r="C2918" t="s">
        <v>1866</v>
      </c>
      <c r="D2918" t="s">
        <v>1867</v>
      </c>
      <c r="E2918" t="s">
        <v>1586</v>
      </c>
      <c r="F2918" t="s">
        <v>1587</v>
      </c>
      <c r="G2918" t="s">
        <v>80</v>
      </c>
      <c r="H2918" t="s">
        <v>81</v>
      </c>
      <c r="I2918" s="2">
        <v>0</v>
      </c>
      <c r="J2918" s="2">
        <v>0</v>
      </c>
      <c r="K2918" s="2">
        <v>1</v>
      </c>
      <c r="L2918" t="s">
        <v>995</v>
      </c>
      <c r="M2918" t="s">
        <v>83</v>
      </c>
      <c r="N2918" t="s">
        <v>84</v>
      </c>
      <c r="O2918" t="s">
        <v>85</v>
      </c>
      <c r="P2918" t="s">
        <v>86</v>
      </c>
      <c r="Q2918">
        <v>11</v>
      </c>
      <c r="R2918">
        <v>12</v>
      </c>
      <c r="S2918">
        <v>12</v>
      </c>
      <c r="T2918">
        <v>12</v>
      </c>
      <c r="U2918">
        <v>12</v>
      </c>
      <c r="V2918">
        <v>12</v>
      </c>
      <c r="W2918">
        <v>12</v>
      </c>
      <c r="X2918">
        <v>12</v>
      </c>
      <c r="Y2918">
        <v>12</v>
      </c>
      <c r="Z2918">
        <v>12</v>
      </c>
      <c r="AA2918">
        <v>12</v>
      </c>
      <c r="AB2918">
        <v>12</v>
      </c>
      <c r="AC2918">
        <v>12</v>
      </c>
      <c r="AD2918">
        <v>12</v>
      </c>
      <c r="AE2918">
        <v>12</v>
      </c>
      <c r="AF2918">
        <v>12</v>
      </c>
      <c r="AG2918">
        <v>12</v>
      </c>
      <c r="AH2918">
        <v>12</v>
      </c>
      <c r="AI2918">
        <v>12</v>
      </c>
      <c r="AJ2918">
        <v>12</v>
      </c>
      <c r="AK2918">
        <v>12</v>
      </c>
      <c r="AL2918">
        <v>12</v>
      </c>
      <c r="AM2918">
        <v>12</v>
      </c>
      <c r="AN2918">
        <v>12</v>
      </c>
      <c r="AO2918">
        <v>12</v>
      </c>
      <c r="AP2918">
        <v>12</v>
      </c>
      <c r="AQ2918">
        <v>11</v>
      </c>
    </row>
    <row r="2919" spans="1:43">
      <c r="A2919" t="s">
        <v>1870</v>
      </c>
      <c r="B2919" t="s">
        <v>1871</v>
      </c>
      <c r="C2919" t="s">
        <v>1866</v>
      </c>
      <c r="D2919" t="s">
        <v>1867</v>
      </c>
      <c r="E2919" t="s">
        <v>1586</v>
      </c>
      <c r="F2919" t="s">
        <v>1587</v>
      </c>
      <c r="G2919" t="s">
        <v>80</v>
      </c>
      <c r="H2919" t="s">
        <v>81</v>
      </c>
      <c r="I2919" s="2">
        <v>0</v>
      </c>
      <c r="J2919" s="2">
        <v>0</v>
      </c>
      <c r="K2919" s="2">
        <v>1</v>
      </c>
      <c r="L2919" t="s">
        <v>995</v>
      </c>
      <c r="M2919" t="s">
        <v>87</v>
      </c>
      <c r="N2919" t="s">
        <v>88</v>
      </c>
      <c r="O2919" t="s">
        <v>85</v>
      </c>
      <c r="P2919" t="s">
        <v>86</v>
      </c>
      <c r="Q2919">
        <v>11</v>
      </c>
      <c r="R2919">
        <v>11</v>
      </c>
      <c r="S2919">
        <v>11</v>
      </c>
      <c r="T2919">
        <v>11</v>
      </c>
      <c r="U2919">
        <v>11</v>
      </c>
      <c r="V2919">
        <v>11</v>
      </c>
      <c r="W2919">
        <v>11</v>
      </c>
      <c r="X2919">
        <v>11</v>
      </c>
      <c r="Y2919">
        <v>11</v>
      </c>
      <c r="Z2919">
        <v>11</v>
      </c>
      <c r="AA2919">
        <v>11</v>
      </c>
      <c r="AB2919">
        <v>11</v>
      </c>
      <c r="AC2919">
        <v>11</v>
      </c>
      <c r="AD2919">
        <v>11</v>
      </c>
      <c r="AE2919">
        <v>11</v>
      </c>
      <c r="AF2919">
        <v>11</v>
      </c>
      <c r="AG2919">
        <v>10</v>
      </c>
      <c r="AH2919">
        <v>10</v>
      </c>
      <c r="AI2919">
        <v>10</v>
      </c>
      <c r="AJ2919">
        <v>10</v>
      </c>
      <c r="AK2919">
        <v>10</v>
      </c>
      <c r="AL2919">
        <v>10</v>
      </c>
      <c r="AM2919">
        <v>10</v>
      </c>
      <c r="AN2919">
        <v>10</v>
      </c>
      <c r="AO2919">
        <v>10</v>
      </c>
      <c r="AP2919">
        <v>10</v>
      </c>
      <c r="AQ2919">
        <v>10</v>
      </c>
    </row>
    <row r="2920" spans="1:43">
      <c r="A2920" t="s">
        <v>1870</v>
      </c>
      <c r="B2920" t="s">
        <v>1871</v>
      </c>
      <c r="C2920" t="s">
        <v>1866</v>
      </c>
      <c r="D2920" t="s">
        <v>1867</v>
      </c>
      <c r="E2920" t="s">
        <v>1586</v>
      </c>
      <c r="F2920" t="s">
        <v>1587</v>
      </c>
      <c r="G2920" t="s">
        <v>80</v>
      </c>
      <c r="H2920" t="s">
        <v>81</v>
      </c>
      <c r="I2920" s="2">
        <v>0</v>
      </c>
      <c r="J2920" s="2">
        <v>0</v>
      </c>
      <c r="K2920" s="2">
        <v>1</v>
      </c>
      <c r="L2920" t="s">
        <v>995</v>
      </c>
      <c r="M2920" t="s">
        <v>89</v>
      </c>
      <c r="N2920" t="s">
        <v>90</v>
      </c>
      <c r="O2920" t="s">
        <v>85</v>
      </c>
      <c r="P2920" t="s">
        <v>86</v>
      </c>
      <c r="Q2920">
        <v>11</v>
      </c>
      <c r="R2920">
        <v>11</v>
      </c>
      <c r="S2920">
        <v>11</v>
      </c>
      <c r="T2920">
        <v>11</v>
      </c>
      <c r="U2920">
        <v>11</v>
      </c>
      <c r="V2920">
        <v>11</v>
      </c>
      <c r="W2920">
        <v>11</v>
      </c>
      <c r="X2920">
        <v>11</v>
      </c>
      <c r="Y2920">
        <v>11</v>
      </c>
      <c r="Z2920">
        <v>12</v>
      </c>
      <c r="AA2920">
        <v>12</v>
      </c>
      <c r="AB2920">
        <v>12</v>
      </c>
      <c r="AC2920">
        <v>12</v>
      </c>
      <c r="AD2920">
        <v>12</v>
      </c>
      <c r="AE2920">
        <v>12</v>
      </c>
      <c r="AF2920">
        <v>12</v>
      </c>
      <c r="AG2920">
        <v>12</v>
      </c>
      <c r="AH2920">
        <v>11</v>
      </c>
      <c r="AI2920">
        <v>11</v>
      </c>
      <c r="AJ2920">
        <v>11</v>
      </c>
      <c r="AK2920">
        <v>11</v>
      </c>
      <c r="AL2920">
        <v>11</v>
      </c>
      <c r="AM2920">
        <v>11</v>
      </c>
      <c r="AN2920">
        <v>11</v>
      </c>
      <c r="AO2920">
        <v>11</v>
      </c>
      <c r="AP2920">
        <v>11</v>
      </c>
      <c r="AQ2920">
        <v>11</v>
      </c>
    </row>
    <row r="2921" spans="1:43">
      <c r="A2921" t="s">
        <v>1870</v>
      </c>
      <c r="B2921" t="s">
        <v>1871</v>
      </c>
      <c r="C2921" t="s">
        <v>1866</v>
      </c>
      <c r="D2921" t="s">
        <v>1867</v>
      </c>
      <c r="E2921" t="s">
        <v>1586</v>
      </c>
      <c r="F2921" t="s">
        <v>1587</v>
      </c>
      <c r="G2921" t="s">
        <v>80</v>
      </c>
      <c r="H2921" t="s">
        <v>81</v>
      </c>
      <c r="I2921" s="2">
        <v>0</v>
      </c>
      <c r="J2921" s="2">
        <v>0</v>
      </c>
      <c r="K2921" s="2">
        <v>1</v>
      </c>
      <c r="L2921" t="s">
        <v>995</v>
      </c>
      <c r="M2921" t="s">
        <v>83</v>
      </c>
      <c r="N2921" t="s">
        <v>91</v>
      </c>
      <c r="O2921" t="s">
        <v>85</v>
      </c>
      <c r="P2921" t="s">
        <v>86</v>
      </c>
      <c r="Q2921">
        <v>11</v>
      </c>
      <c r="R2921">
        <v>12</v>
      </c>
      <c r="S2921">
        <v>12</v>
      </c>
      <c r="T2921">
        <v>12</v>
      </c>
      <c r="U2921">
        <v>12</v>
      </c>
      <c r="V2921">
        <v>12</v>
      </c>
      <c r="W2921">
        <v>12</v>
      </c>
      <c r="X2921">
        <v>12</v>
      </c>
      <c r="Y2921">
        <v>12</v>
      </c>
      <c r="Z2921">
        <v>12</v>
      </c>
      <c r="AA2921">
        <v>12</v>
      </c>
      <c r="AB2921">
        <v>12</v>
      </c>
      <c r="AC2921">
        <v>12</v>
      </c>
      <c r="AD2921">
        <v>12</v>
      </c>
      <c r="AE2921">
        <v>12</v>
      </c>
      <c r="AF2921">
        <v>12</v>
      </c>
      <c r="AG2921">
        <v>12</v>
      </c>
      <c r="AH2921">
        <v>12</v>
      </c>
      <c r="AI2921">
        <v>12</v>
      </c>
      <c r="AJ2921">
        <v>12</v>
      </c>
      <c r="AK2921">
        <v>12</v>
      </c>
      <c r="AL2921">
        <v>12</v>
      </c>
      <c r="AM2921">
        <v>12</v>
      </c>
      <c r="AN2921">
        <v>12</v>
      </c>
      <c r="AO2921">
        <v>12</v>
      </c>
      <c r="AP2921">
        <v>12</v>
      </c>
      <c r="AQ2921">
        <v>11</v>
      </c>
    </row>
    <row r="2922" spans="1:43">
      <c r="A2922" t="s">
        <v>1872</v>
      </c>
      <c r="B2922" t="s">
        <v>1873</v>
      </c>
      <c r="C2922" t="s">
        <v>1650</v>
      </c>
      <c r="D2922" t="s">
        <v>1651</v>
      </c>
      <c r="E2922" t="s">
        <v>1586</v>
      </c>
      <c r="F2922" t="s">
        <v>1587</v>
      </c>
      <c r="G2922" t="s">
        <v>80</v>
      </c>
      <c r="H2922" t="s">
        <v>81</v>
      </c>
      <c r="I2922" s="2">
        <v>0</v>
      </c>
      <c r="J2922" s="2">
        <v>0</v>
      </c>
      <c r="K2922" s="2">
        <v>1</v>
      </c>
      <c r="L2922" t="s">
        <v>995</v>
      </c>
      <c r="M2922" t="s">
        <v>83</v>
      </c>
      <c r="N2922" t="s">
        <v>84</v>
      </c>
      <c r="O2922" t="s">
        <v>85</v>
      </c>
      <c r="P2922" t="s">
        <v>86</v>
      </c>
      <c r="Q2922">
        <v>17</v>
      </c>
      <c r="R2922">
        <v>17</v>
      </c>
      <c r="S2922">
        <v>17</v>
      </c>
      <c r="T2922">
        <v>17</v>
      </c>
      <c r="U2922">
        <v>17</v>
      </c>
      <c r="V2922">
        <v>17</v>
      </c>
      <c r="W2922">
        <v>17</v>
      </c>
      <c r="X2922">
        <v>17</v>
      </c>
      <c r="Y2922">
        <v>17</v>
      </c>
      <c r="Z2922">
        <v>17</v>
      </c>
      <c r="AA2922">
        <v>17</v>
      </c>
      <c r="AB2922">
        <v>17</v>
      </c>
      <c r="AC2922">
        <v>17</v>
      </c>
      <c r="AD2922">
        <v>17</v>
      </c>
      <c r="AE2922">
        <v>17</v>
      </c>
      <c r="AF2922">
        <v>17</v>
      </c>
      <c r="AG2922">
        <v>17</v>
      </c>
      <c r="AH2922">
        <v>17</v>
      </c>
      <c r="AI2922">
        <v>17</v>
      </c>
      <c r="AJ2922">
        <v>17</v>
      </c>
      <c r="AK2922">
        <v>17</v>
      </c>
      <c r="AL2922">
        <v>17</v>
      </c>
      <c r="AM2922">
        <v>17</v>
      </c>
      <c r="AN2922">
        <v>17</v>
      </c>
      <c r="AO2922">
        <v>17</v>
      </c>
      <c r="AP2922">
        <v>17</v>
      </c>
      <c r="AQ2922">
        <v>17</v>
      </c>
    </row>
    <row r="2923" spans="1:43">
      <c r="A2923" t="s">
        <v>1872</v>
      </c>
      <c r="B2923" t="s">
        <v>1873</v>
      </c>
      <c r="C2923" t="s">
        <v>1650</v>
      </c>
      <c r="D2923" t="s">
        <v>1651</v>
      </c>
      <c r="E2923" t="s">
        <v>1586</v>
      </c>
      <c r="F2923" t="s">
        <v>1587</v>
      </c>
      <c r="G2923" t="s">
        <v>80</v>
      </c>
      <c r="H2923" t="s">
        <v>81</v>
      </c>
      <c r="I2923" s="2">
        <v>0</v>
      </c>
      <c r="J2923" s="2">
        <v>0</v>
      </c>
      <c r="K2923" s="2">
        <v>1</v>
      </c>
      <c r="L2923" t="s">
        <v>995</v>
      </c>
      <c r="M2923" t="s">
        <v>87</v>
      </c>
      <c r="N2923" t="s">
        <v>88</v>
      </c>
      <c r="O2923" t="s">
        <v>85</v>
      </c>
      <c r="P2923" t="s">
        <v>86</v>
      </c>
      <c r="Q2923">
        <v>17</v>
      </c>
      <c r="R2923">
        <v>17</v>
      </c>
      <c r="S2923">
        <v>16</v>
      </c>
      <c r="T2923">
        <v>16</v>
      </c>
      <c r="U2923">
        <v>16</v>
      </c>
      <c r="V2923">
        <v>16</v>
      </c>
      <c r="W2923">
        <v>16</v>
      </c>
      <c r="X2923">
        <v>16</v>
      </c>
      <c r="Y2923">
        <v>16</v>
      </c>
      <c r="Z2923">
        <v>16</v>
      </c>
      <c r="AA2923">
        <v>16</v>
      </c>
      <c r="AB2923">
        <v>16</v>
      </c>
      <c r="AC2923">
        <v>16</v>
      </c>
      <c r="AD2923">
        <v>15</v>
      </c>
      <c r="AE2923">
        <v>15</v>
      </c>
      <c r="AF2923">
        <v>15</v>
      </c>
      <c r="AG2923">
        <v>15</v>
      </c>
      <c r="AH2923">
        <v>15</v>
      </c>
      <c r="AI2923">
        <v>15</v>
      </c>
      <c r="AJ2923">
        <v>15</v>
      </c>
      <c r="AK2923">
        <v>15</v>
      </c>
      <c r="AL2923">
        <v>15</v>
      </c>
      <c r="AM2923">
        <v>15</v>
      </c>
      <c r="AN2923">
        <v>15</v>
      </c>
      <c r="AO2923">
        <v>15</v>
      </c>
      <c r="AP2923">
        <v>15</v>
      </c>
      <c r="AQ2923">
        <v>15</v>
      </c>
    </row>
    <row r="2924" spans="1:43">
      <c r="A2924" t="s">
        <v>1872</v>
      </c>
      <c r="B2924" t="s">
        <v>1873</v>
      </c>
      <c r="C2924" t="s">
        <v>1650</v>
      </c>
      <c r="D2924" t="s">
        <v>1651</v>
      </c>
      <c r="E2924" t="s">
        <v>1586</v>
      </c>
      <c r="F2924" t="s">
        <v>1587</v>
      </c>
      <c r="G2924" t="s">
        <v>80</v>
      </c>
      <c r="H2924" t="s">
        <v>81</v>
      </c>
      <c r="I2924" s="2">
        <v>0</v>
      </c>
      <c r="J2924" s="2">
        <v>0</v>
      </c>
      <c r="K2924" s="2">
        <v>1</v>
      </c>
      <c r="L2924" t="s">
        <v>995</v>
      </c>
      <c r="M2924" t="s">
        <v>89</v>
      </c>
      <c r="N2924" t="s">
        <v>90</v>
      </c>
      <c r="O2924" t="s">
        <v>85</v>
      </c>
      <c r="P2924" t="s">
        <v>86</v>
      </c>
      <c r="Q2924">
        <v>17</v>
      </c>
      <c r="R2924">
        <v>17</v>
      </c>
      <c r="S2924">
        <v>17</v>
      </c>
      <c r="T2924">
        <v>17</v>
      </c>
      <c r="U2924">
        <v>18</v>
      </c>
      <c r="V2924">
        <v>18</v>
      </c>
      <c r="W2924">
        <v>18</v>
      </c>
      <c r="X2924">
        <v>18</v>
      </c>
      <c r="Y2924">
        <v>18</v>
      </c>
      <c r="Z2924">
        <v>18</v>
      </c>
      <c r="AA2924">
        <v>18</v>
      </c>
      <c r="AB2924">
        <v>18</v>
      </c>
      <c r="AC2924">
        <v>19</v>
      </c>
      <c r="AD2924">
        <v>19</v>
      </c>
      <c r="AE2924">
        <v>19</v>
      </c>
      <c r="AF2924">
        <v>18</v>
      </c>
      <c r="AG2924">
        <v>18</v>
      </c>
      <c r="AH2924">
        <v>18</v>
      </c>
      <c r="AI2924">
        <v>18</v>
      </c>
      <c r="AJ2924">
        <v>18</v>
      </c>
      <c r="AK2924">
        <v>18</v>
      </c>
      <c r="AL2924">
        <v>18</v>
      </c>
      <c r="AM2924">
        <v>17</v>
      </c>
      <c r="AN2924">
        <v>17</v>
      </c>
      <c r="AO2924">
        <v>17</v>
      </c>
      <c r="AP2924">
        <v>17</v>
      </c>
      <c r="AQ2924">
        <v>17</v>
      </c>
    </row>
    <row r="2925" spans="1:43">
      <c r="A2925" t="s">
        <v>1872</v>
      </c>
      <c r="B2925" t="s">
        <v>1873</v>
      </c>
      <c r="C2925" t="s">
        <v>1650</v>
      </c>
      <c r="D2925" t="s">
        <v>1651</v>
      </c>
      <c r="E2925" t="s">
        <v>1586</v>
      </c>
      <c r="F2925" t="s">
        <v>1587</v>
      </c>
      <c r="G2925" t="s">
        <v>80</v>
      </c>
      <c r="H2925" t="s">
        <v>81</v>
      </c>
      <c r="I2925" s="2">
        <v>0</v>
      </c>
      <c r="J2925" s="2">
        <v>0</v>
      </c>
      <c r="K2925" s="2">
        <v>1</v>
      </c>
      <c r="L2925" t="s">
        <v>995</v>
      </c>
      <c r="M2925" t="s">
        <v>83</v>
      </c>
      <c r="N2925" t="s">
        <v>91</v>
      </c>
      <c r="O2925" t="s">
        <v>85</v>
      </c>
      <c r="P2925" t="s">
        <v>86</v>
      </c>
      <c r="Q2925">
        <v>17</v>
      </c>
      <c r="R2925">
        <v>17</v>
      </c>
      <c r="S2925">
        <v>17</v>
      </c>
      <c r="T2925">
        <v>17</v>
      </c>
      <c r="U2925">
        <v>17</v>
      </c>
      <c r="V2925">
        <v>17</v>
      </c>
      <c r="W2925">
        <v>17</v>
      </c>
      <c r="X2925">
        <v>17</v>
      </c>
      <c r="Y2925">
        <v>17</v>
      </c>
      <c r="Z2925">
        <v>17</v>
      </c>
      <c r="AA2925">
        <v>17</v>
      </c>
      <c r="AB2925">
        <v>17</v>
      </c>
      <c r="AC2925">
        <v>17</v>
      </c>
      <c r="AD2925">
        <v>17</v>
      </c>
      <c r="AE2925">
        <v>17</v>
      </c>
      <c r="AF2925">
        <v>17</v>
      </c>
      <c r="AG2925">
        <v>17</v>
      </c>
      <c r="AH2925">
        <v>17</v>
      </c>
      <c r="AI2925">
        <v>17</v>
      </c>
      <c r="AJ2925">
        <v>17</v>
      </c>
      <c r="AK2925">
        <v>17</v>
      </c>
      <c r="AL2925">
        <v>17</v>
      </c>
      <c r="AM2925">
        <v>17</v>
      </c>
      <c r="AN2925">
        <v>17</v>
      </c>
      <c r="AO2925">
        <v>17</v>
      </c>
      <c r="AP2925">
        <v>17</v>
      </c>
      <c r="AQ2925">
        <v>17</v>
      </c>
    </row>
    <row r="2926" spans="1:43">
      <c r="A2926" t="s">
        <v>1874</v>
      </c>
      <c r="B2926" t="s">
        <v>1875</v>
      </c>
      <c r="C2926" t="s">
        <v>1876</v>
      </c>
      <c r="D2926" t="s">
        <v>1877</v>
      </c>
      <c r="E2926" t="s">
        <v>1586</v>
      </c>
      <c r="F2926" t="s">
        <v>1587</v>
      </c>
      <c r="G2926" t="s">
        <v>80</v>
      </c>
      <c r="H2926" t="s">
        <v>81</v>
      </c>
      <c r="I2926" s="2">
        <v>0</v>
      </c>
      <c r="J2926" s="2">
        <v>0</v>
      </c>
      <c r="K2926" s="2">
        <v>1</v>
      </c>
      <c r="L2926" t="s">
        <v>995</v>
      </c>
      <c r="M2926" t="s">
        <v>83</v>
      </c>
      <c r="N2926" t="s">
        <v>84</v>
      </c>
      <c r="O2926" t="s">
        <v>85</v>
      </c>
      <c r="P2926" t="s">
        <v>86</v>
      </c>
      <c r="Q2926">
        <v>7</v>
      </c>
      <c r="R2926">
        <v>7</v>
      </c>
      <c r="S2926">
        <v>7</v>
      </c>
      <c r="T2926">
        <v>7</v>
      </c>
      <c r="U2926">
        <v>7</v>
      </c>
      <c r="V2926">
        <v>7</v>
      </c>
      <c r="W2926">
        <v>7</v>
      </c>
      <c r="X2926">
        <v>7</v>
      </c>
      <c r="Y2926">
        <v>7</v>
      </c>
      <c r="Z2926">
        <v>7</v>
      </c>
      <c r="AA2926">
        <v>7</v>
      </c>
      <c r="AB2926">
        <v>7</v>
      </c>
      <c r="AC2926">
        <v>7</v>
      </c>
      <c r="AD2926">
        <v>7</v>
      </c>
      <c r="AE2926">
        <v>7</v>
      </c>
      <c r="AF2926">
        <v>7</v>
      </c>
      <c r="AG2926">
        <v>7</v>
      </c>
      <c r="AH2926">
        <v>7</v>
      </c>
      <c r="AI2926">
        <v>7</v>
      </c>
      <c r="AJ2926">
        <v>7</v>
      </c>
      <c r="AK2926">
        <v>7</v>
      </c>
      <c r="AL2926">
        <v>7</v>
      </c>
      <c r="AM2926">
        <v>7</v>
      </c>
      <c r="AN2926">
        <v>7</v>
      </c>
      <c r="AO2926">
        <v>7</v>
      </c>
      <c r="AP2926">
        <v>7</v>
      </c>
      <c r="AQ2926">
        <v>7</v>
      </c>
    </row>
    <row r="2927" spans="1:43">
      <c r="A2927" t="s">
        <v>1874</v>
      </c>
      <c r="B2927" t="s">
        <v>1875</v>
      </c>
      <c r="C2927" t="s">
        <v>1876</v>
      </c>
      <c r="D2927" t="s">
        <v>1877</v>
      </c>
      <c r="E2927" t="s">
        <v>1586</v>
      </c>
      <c r="F2927" t="s">
        <v>1587</v>
      </c>
      <c r="G2927" t="s">
        <v>80</v>
      </c>
      <c r="H2927" t="s">
        <v>81</v>
      </c>
      <c r="I2927" s="2">
        <v>0</v>
      </c>
      <c r="J2927" s="2">
        <v>0</v>
      </c>
      <c r="K2927" s="2">
        <v>1</v>
      </c>
      <c r="L2927" t="s">
        <v>995</v>
      </c>
      <c r="M2927" t="s">
        <v>87</v>
      </c>
      <c r="N2927" t="s">
        <v>88</v>
      </c>
      <c r="O2927" t="s">
        <v>85</v>
      </c>
      <c r="P2927" t="s">
        <v>86</v>
      </c>
      <c r="Q2927">
        <v>7</v>
      </c>
      <c r="R2927">
        <v>7</v>
      </c>
      <c r="S2927">
        <v>7</v>
      </c>
      <c r="T2927">
        <v>7</v>
      </c>
      <c r="U2927">
        <v>7</v>
      </c>
      <c r="V2927">
        <v>7</v>
      </c>
      <c r="W2927">
        <v>7</v>
      </c>
      <c r="X2927">
        <v>7</v>
      </c>
      <c r="Y2927">
        <v>7</v>
      </c>
      <c r="Z2927">
        <v>7</v>
      </c>
      <c r="AA2927">
        <v>7</v>
      </c>
      <c r="AB2927">
        <v>7</v>
      </c>
      <c r="AC2927">
        <v>7</v>
      </c>
      <c r="AD2927">
        <v>7</v>
      </c>
      <c r="AE2927">
        <v>7</v>
      </c>
      <c r="AF2927">
        <v>7</v>
      </c>
      <c r="AG2927">
        <v>6</v>
      </c>
      <c r="AH2927">
        <v>6</v>
      </c>
      <c r="AI2927">
        <v>6</v>
      </c>
      <c r="AJ2927">
        <v>6</v>
      </c>
      <c r="AK2927">
        <v>6</v>
      </c>
      <c r="AL2927">
        <v>6</v>
      </c>
      <c r="AM2927">
        <v>6</v>
      </c>
      <c r="AN2927">
        <v>6</v>
      </c>
      <c r="AO2927">
        <v>6</v>
      </c>
      <c r="AP2927">
        <v>6</v>
      </c>
      <c r="AQ2927">
        <v>6</v>
      </c>
    </row>
    <row r="2928" spans="1:43">
      <c r="A2928" t="s">
        <v>1874</v>
      </c>
      <c r="B2928" t="s">
        <v>1875</v>
      </c>
      <c r="C2928" t="s">
        <v>1876</v>
      </c>
      <c r="D2928" t="s">
        <v>1877</v>
      </c>
      <c r="E2928" t="s">
        <v>1586</v>
      </c>
      <c r="F2928" t="s">
        <v>1587</v>
      </c>
      <c r="G2928" t="s">
        <v>80</v>
      </c>
      <c r="H2928" t="s">
        <v>81</v>
      </c>
      <c r="I2928" s="2">
        <v>0</v>
      </c>
      <c r="J2928" s="2">
        <v>0</v>
      </c>
      <c r="K2928" s="2">
        <v>1</v>
      </c>
      <c r="L2928" t="s">
        <v>995</v>
      </c>
      <c r="M2928" t="s">
        <v>89</v>
      </c>
      <c r="N2928" t="s">
        <v>90</v>
      </c>
      <c r="O2928" t="s">
        <v>85</v>
      </c>
      <c r="P2928" t="s">
        <v>86</v>
      </c>
      <c r="Q2928">
        <v>7</v>
      </c>
      <c r="R2928">
        <v>7</v>
      </c>
      <c r="S2928">
        <v>7</v>
      </c>
      <c r="T2928">
        <v>7</v>
      </c>
      <c r="U2928">
        <v>7</v>
      </c>
      <c r="V2928">
        <v>8</v>
      </c>
      <c r="W2928">
        <v>8</v>
      </c>
      <c r="X2928">
        <v>8</v>
      </c>
      <c r="Y2928">
        <v>8</v>
      </c>
      <c r="Z2928">
        <v>8</v>
      </c>
      <c r="AA2928">
        <v>8</v>
      </c>
      <c r="AB2928">
        <v>8</v>
      </c>
      <c r="AC2928">
        <v>8</v>
      </c>
      <c r="AD2928">
        <v>8</v>
      </c>
      <c r="AE2928">
        <v>8</v>
      </c>
      <c r="AF2928">
        <v>8</v>
      </c>
      <c r="AG2928">
        <v>8</v>
      </c>
      <c r="AH2928">
        <v>8</v>
      </c>
      <c r="AI2928">
        <v>8</v>
      </c>
      <c r="AJ2928">
        <v>8</v>
      </c>
      <c r="AK2928">
        <v>8</v>
      </c>
      <c r="AL2928">
        <v>7</v>
      </c>
      <c r="AM2928">
        <v>7</v>
      </c>
      <c r="AN2928">
        <v>7</v>
      </c>
      <c r="AO2928">
        <v>7</v>
      </c>
      <c r="AP2928">
        <v>7</v>
      </c>
      <c r="AQ2928">
        <v>7</v>
      </c>
    </row>
    <row r="2929" spans="1:43">
      <c r="A2929" t="s">
        <v>1874</v>
      </c>
      <c r="B2929" t="s">
        <v>1875</v>
      </c>
      <c r="C2929" t="s">
        <v>1876</v>
      </c>
      <c r="D2929" t="s">
        <v>1877</v>
      </c>
      <c r="E2929" t="s">
        <v>1586</v>
      </c>
      <c r="F2929" t="s">
        <v>1587</v>
      </c>
      <c r="G2929" t="s">
        <v>80</v>
      </c>
      <c r="H2929" t="s">
        <v>81</v>
      </c>
      <c r="I2929" s="2">
        <v>0</v>
      </c>
      <c r="J2929" s="2">
        <v>0</v>
      </c>
      <c r="K2929" s="2">
        <v>1</v>
      </c>
      <c r="L2929" t="s">
        <v>995</v>
      </c>
      <c r="M2929" t="s">
        <v>83</v>
      </c>
      <c r="N2929" t="s">
        <v>91</v>
      </c>
      <c r="O2929" t="s">
        <v>85</v>
      </c>
      <c r="P2929" t="s">
        <v>86</v>
      </c>
      <c r="Q2929">
        <v>7</v>
      </c>
      <c r="R2929">
        <v>7</v>
      </c>
      <c r="S2929">
        <v>7</v>
      </c>
      <c r="T2929">
        <v>7</v>
      </c>
      <c r="U2929">
        <v>7</v>
      </c>
      <c r="V2929">
        <v>7</v>
      </c>
      <c r="W2929">
        <v>7</v>
      </c>
      <c r="X2929">
        <v>7</v>
      </c>
      <c r="Y2929">
        <v>7</v>
      </c>
      <c r="Z2929">
        <v>7</v>
      </c>
      <c r="AA2929">
        <v>7</v>
      </c>
      <c r="AB2929">
        <v>7</v>
      </c>
      <c r="AC2929">
        <v>7</v>
      </c>
      <c r="AD2929">
        <v>7</v>
      </c>
      <c r="AE2929">
        <v>7</v>
      </c>
      <c r="AF2929">
        <v>7</v>
      </c>
      <c r="AG2929">
        <v>7</v>
      </c>
      <c r="AH2929">
        <v>7</v>
      </c>
      <c r="AI2929">
        <v>7</v>
      </c>
      <c r="AJ2929">
        <v>7</v>
      </c>
      <c r="AK2929">
        <v>7</v>
      </c>
      <c r="AL2929">
        <v>7</v>
      </c>
      <c r="AM2929">
        <v>7</v>
      </c>
      <c r="AN2929">
        <v>7</v>
      </c>
      <c r="AO2929">
        <v>7</v>
      </c>
      <c r="AP2929">
        <v>7</v>
      </c>
      <c r="AQ2929">
        <v>7</v>
      </c>
    </row>
    <row r="2930" spans="1:43">
      <c r="A2930" t="s">
        <v>1878</v>
      </c>
      <c r="B2930" t="s">
        <v>1879</v>
      </c>
      <c r="C2930" t="s">
        <v>1876</v>
      </c>
      <c r="D2930" t="s">
        <v>1877</v>
      </c>
      <c r="E2930" t="s">
        <v>1586</v>
      </c>
      <c r="F2930" t="s">
        <v>1587</v>
      </c>
      <c r="G2930" t="s">
        <v>80</v>
      </c>
      <c r="H2930" t="s">
        <v>81</v>
      </c>
      <c r="I2930" s="2">
        <v>0</v>
      </c>
      <c r="J2930" s="2">
        <v>0</v>
      </c>
      <c r="K2930" s="2">
        <v>1</v>
      </c>
      <c r="L2930" t="s">
        <v>995</v>
      </c>
      <c r="M2930" t="s">
        <v>83</v>
      </c>
      <c r="N2930" t="s">
        <v>84</v>
      </c>
      <c r="O2930" t="s">
        <v>85</v>
      </c>
      <c r="P2930" t="s">
        <v>86</v>
      </c>
      <c r="Q2930">
        <v>12</v>
      </c>
      <c r="R2930">
        <v>12</v>
      </c>
      <c r="S2930">
        <v>12</v>
      </c>
      <c r="T2930">
        <v>12</v>
      </c>
      <c r="U2930">
        <v>12</v>
      </c>
      <c r="V2930">
        <v>12</v>
      </c>
      <c r="W2930">
        <v>12</v>
      </c>
      <c r="X2930">
        <v>12</v>
      </c>
      <c r="Y2930">
        <v>12</v>
      </c>
      <c r="Z2930">
        <v>12</v>
      </c>
      <c r="AA2930">
        <v>12</v>
      </c>
      <c r="AB2930">
        <v>12</v>
      </c>
      <c r="AC2930">
        <v>12</v>
      </c>
      <c r="AD2930">
        <v>12</v>
      </c>
      <c r="AE2930">
        <v>12</v>
      </c>
      <c r="AF2930">
        <v>12</v>
      </c>
      <c r="AG2930">
        <v>12</v>
      </c>
      <c r="AH2930">
        <v>12</v>
      </c>
      <c r="AI2930">
        <v>12</v>
      </c>
      <c r="AJ2930">
        <v>12</v>
      </c>
      <c r="AK2930">
        <v>12</v>
      </c>
      <c r="AL2930">
        <v>12</v>
      </c>
      <c r="AM2930">
        <v>12</v>
      </c>
      <c r="AN2930">
        <v>12</v>
      </c>
      <c r="AO2930">
        <v>12</v>
      </c>
      <c r="AP2930">
        <v>12</v>
      </c>
      <c r="AQ2930">
        <v>12</v>
      </c>
    </row>
    <row r="2931" spans="1:43">
      <c r="A2931" t="s">
        <v>1878</v>
      </c>
      <c r="B2931" t="s">
        <v>1879</v>
      </c>
      <c r="C2931" t="s">
        <v>1876</v>
      </c>
      <c r="D2931" t="s">
        <v>1877</v>
      </c>
      <c r="E2931" t="s">
        <v>1586</v>
      </c>
      <c r="F2931" t="s">
        <v>1587</v>
      </c>
      <c r="G2931" t="s">
        <v>80</v>
      </c>
      <c r="H2931" t="s">
        <v>81</v>
      </c>
      <c r="I2931" s="2">
        <v>0</v>
      </c>
      <c r="J2931" s="2">
        <v>0</v>
      </c>
      <c r="K2931" s="2">
        <v>1</v>
      </c>
      <c r="L2931" t="s">
        <v>995</v>
      </c>
      <c r="M2931" t="s">
        <v>87</v>
      </c>
      <c r="N2931" t="s">
        <v>88</v>
      </c>
      <c r="O2931" t="s">
        <v>85</v>
      </c>
      <c r="P2931" t="s">
        <v>86</v>
      </c>
      <c r="Q2931">
        <v>12</v>
      </c>
      <c r="R2931">
        <v>11</v>
      </c>
      <c r="S2931">
        <v>11</v>
      </c>
      <c r="T2931">
        <v>11</v>
      </c>
      <c r="U2931">
        <v>11</v>
      </c>
      <c r="V2931">
        <v>11</v>
      </c>
      <c r="W2931">
        <v>11</v>
      </c>
      <c r="X2931">
        <v>11</v>
      </c>
      <c r="Y2931">
        <v>11</v>
      </c>
      <c r="Z2931">
        <v>11</v>
      </c>
      <c r="AA2931">
        <v>11</v>
      </c>
      <c r="AB2931">
        <v>11</v>
      </c>
      <c r="AC2931">
        <v>11</v>
      </c>
      <c r="AD2931">
        <v>11</v>
      </c>
      <c r="AE2931">
        <v>11</v>
      </c>
      <c r="AF2931">
        <v>11</v>
      </c>
      <c r="AG2931">
        <v>11</v>
      </c>
      <c r="AH2931">
        <v>11</v>
      </c>
      <c r="AI2931">
        <v>11</v>
      </c>
      <c r="AJ2931">
        <v>11</v>
      </c>
      <c r="AK2931">
        <v>11</v>
      </c>
      <c r="AL2931">
        <v>11</v>
      </c>
      <c r="AM2931">
        <v>11</v>
      </c>
      <c r="AN2931">
        <v>10</v>
      </c>
      <c r="AO2931">
        <v>10</v>
      </c>
      <c r="AP2931">
        <v>10</v>
      </c>
      <c r="AQ2931">
        <v>10</v>
      </c>
    </row>
    <row r="2932" spans="1:43">
      <c r="A2932" t="s">
        <v>1878</v>
      </c>
      <c r="B2932" t="s">
        <v>1879</v>
      </c>
      <c r="C2932" t="s">
        <v>1876</v>
      </c>
      <c r="D2932" t="s">
        <v>1877</v>
      </c>
      <c r="E2932" t="s">
        <v>1586</v>
      </c>
      <c r="F2932" t="s">
        <v>1587</v>
      </c>
      <c r="G2932" t="s">
        <v>80</v>
      </c>
      <c r="H2932" t="s">
        <v>81</v>
      </c>
      <c r="I2932" s="2">
        <v>0</v>
      </c>
      <c r="J2932" s="2">
        <v>0</v>
      </c>
      <c r="K2932" s="2">
        <v>1</v>
      </c>
      <c r="L2932" t="s">
        <v>995</v>
      </c>
      <c r="M2932" t="s">
        <v>89</v>
      </c>
      <c r="N2932" t="s">
        <v>90</v>
      </c>
      <c r="O2932" t="s">
        <v>85</v>
      </c>
      <c r="P2932" t="s">
        <v>86</v>
      </c>
      <c r="Q2932">
        <v>12</v>
      </c>
      <c r="R2932">
        <v>12</v>
      </c>
      <c r="S2932">
        <v>12</v>
      </c>
      <c r="T2932">
        <v>12</v>
      </c>
      <c r="U2932">
        <v>12</v>
      </c>
      <c r="V2932">
        <v>12</v>
      </c>
      <c r="W2932">
        <v>13</v>
      </c>
      <c r="X2932">
        <v>13</v>
      </c>
      <c r="Y2932">
        <v>13</v>
      </c>
      <c r="Z2932">
        <v>13</v>
      </c>
      <c r="AA2932">
        <v>13</v>
      </c>
      <c r="AB2932">
        <v>13</v>
      </c>
      <c r="AC2932">
        <v>13</v>
      </c>
      <c r="AD2932">
        <v>13</v>
      </c>
      <c r="AE2932">
        <v>13</v>
      </c>
      <c r="AF2932">
        <v>13</v>
      </c>
      <c r="AG2932">
        <v>13</v>
      </c>
      <c r="AH2932">
        <v>13</v>
      </c>
      <c r="AI2932">
        <v>13</v>
      </c>
      <c r="AJ2932">
        <v>13</v>
      </c>
      <c r="AK2932">
        <v>13</v>
      </c>
      <c r="AL2932">
        <v>12</v>
      </c>
      <c r="AM2932">
        <v>12</v>
      </c>
      <c r="AN2932">
        <v>12</v>
      </c>
      <c r="AO2932">
        <v>12</v>
      </c>
      <c r="AP2932">
        <v>12</v>
      </c>
      <c r="AQ2932">
        <v>12</v>
      </c>
    </row>
    <row r="2933" spans="1:43">
      <c r="A2933" t="s">
        <v>1878</v>
      </c>
      <c r="B2933" t="s">
        <v>1879</v>
      </c>
      <c r="C2933" t="s">
        <v>1876</v>
      </c>
      <c r="D2933" t="s">
        <v>1877</v>
      </c>
      <c r="E2933" t="s">
        <v>1586</v>
      </c>
      <c r="F2933" t="s">
        <v>1587</v>
      </c>
      <c r="G2933" t="s">
        <v>80</v>
      </c>
      <c r="H2933" t="s">
        <v>81</v>
      </c>
      <c r="I2933" s="2">
        <v>0</v>
      </c>
      <c r="J2933" s="2">
        <v>0</v>
      </c>
      <c r="K2933" s="2">
        <v>1</v>
      </c>
      <c r="L2933" t="s">
        <v>995</v>
      </c>
      <c r="M2933" t="s">
        <v>83</v>
      </c>
      <c r="N2933" t="s">
        <v>91</v>
      </c>
      <c r="O2933" t="s">
        <v>85</v>
      </c>
      <c r="P2933" t="s">
        <v>86</v>
      </c>
      <c r="Q2933">
        <v>12</v>
      </c>
      <c r="R2933">
        <v>12</v>
      </c>
      <c r="S2933">
        <v>12</v>
      </c>
      <c r="T2933">
        <v>12</v>
      </c>
      <c r="U2933">
        <v>12</v>
      </c>
      <c r="V2933">
        <v>12</v>
      </c>
      <c r="W2933">
        <v>12</v>
      </c>
      <c r="X2933">
        <v>12</v>
      </c>
      <c r="Y2933">
        <v>12</v>
      </c>
      <c r="Z2933">
        <v>12</v>
      </c>
      <c r="AA2933">
        <v>12</v>
      </c>
      <c r="AB2933">
        <v>12</v>
      </c>
      <c r="AC2933">
        <v>12</v>
      </c>
      <c r="AD2933">
        <v>12</v>
      </c>
      <c r="AE2933">
        <v>12</v>
      </c>
      <c r="AF2933">
        <v>12</v>
      </c>
      <c r="AG2933">
        <v>12</v>
      </c>
      <c r="AH2933">
        <v>12</v>
      </c>
      <c r="AI2933">
        <v>12</v>
      </c>
      <c r="AJ2933">
        <v>12</v>
      </c>
      <c r="AK2933">
        <v>12</v>
      </c>
      <c r="AL2933">
        <v>12</v>
      </c>
      <c r="AM2933">
        <v>12</v>
      </c>
      <c r="AN2933">
        <v>12</v>
      </c>
      <c r="AO2933">
        <v>12</v>
      </c>
      <c r="AP2933">
        <v>12</v>
      </c>
      <c r="AQ2933">
        <v>12</v>
      </c>
    </row>
    <row r="2934" spans="1:43">
      <c r="A2934" t="s">
        <v>1880</v>
      </c>
      <c r="B2934" t="s">
        <v>1881</v>
      </c>
      <c r="C2934" t="s">
        <v>1866</v>
      </c>
      <c r="D2934" t="s">
        <v>1867</v>
      </c>
      <c r="E2934" t="s">
        <v>1586</v>
      </c>
      <c r="F2934" t="s">
        <v>1587</v>
      </c>
      <c r="G2934" t="s">
        <v>80</v>
      </c>
      <c r="H2934" t="s">
        <v>81</v>
      </c>
      <c r="I2934" s="2">
        <v>0</v>
      </c>
      <c r="J2934" s="2">
        <v>0</v>
      </c>
      <c r="K2934" s="2">
        <v>1</v>
      </c>
      <c r="L2934" t="s">
        <v>995</v>
      </c>
      <c r="M2934" t="s">
        <v>83</v>
      </c>
      <c r="N2934" t="s">
        <v>84</v>
      </c>
      <c r="O2934" t="s">
        <v>85</v>
      </c>
      <c r="P2934" t="s">
        <v>86</v>
      </c>
      <c r="Q2934">
        <v>82</v>
      </c>
      <c r="R2934">
        <v>83</v>
      </c>
      <c r="S2934">
        <v>83</v>
      </c>
      <c r="T2934">
        <v>83</v>
      </c>
      <c r="U2934">
        <v>84</v>
      </c>
      <c r="V2934">
        <v>84</v>
      </c>
      <c r="W2934">
        <v>84</v>
      </c>
      <c r="X2934">
        <v>85</v>
      </c>
      <c r="Y2934">
        <v>85</v>
      </c>
      <c r="Z2934">
        <v>85</v>
      </c>
      <c r="AA2934">
        <v>86</v>
      </c>
      <c r="AB2934">
        <v>86</v>
      </c>
      <c r="AC2934">
        <v>86</v>
      </c>
      <c r="AD2934">
        <v>86</v>
      </c>
      <c r="AE2934">
        <v>86</v>
      </c>
      <c r="AF2934">
        <v>87</v>
      </c>
      <c r="AG2934">
        <v>87</v>
      </c>
      <c r="AH2934">
        <v>87</v>
      </c>
      <c r="AI2934">
        <v>87</v>
      </c>
      <c r="AJ2934">
        <v>87</v>
      </c>
      <c r="AK2934">
        <v>87</v>
      </c>
      <c r="AL2934">
        <v>87</v>
      </c>
      <c r="AM2934">
        <v>86</v>
      </c>
      <c r="AN2934">
        <v>86</v>
      </c>
      <c r="AO2934">
        <v>85</v>
      </c>
      <c r="AP2934">
        <v>84</v>
      </c>
      <c r="AQ2934">
        <v>84</v>
      </c>
    </row>
    <row r="2935" spans="1:43">
      <c r="A2935" t="s">
        <v>1880</v>
      </c>
      <c r="B2935" t="s">
        <v>1881</v>
      </c>
      <c r="C2935" t="s">
        <v>1866</v>
      </c>
      <c r="D2935" t="s">
        <v>1867</v>
      </c>
      <c r="E2935" t="s">
        <v>1586</v>
      </c>
      <c r="F2935" t="s">
        <v>1587</v>
      </c>
      <c r="G2935" t="s">
        <v>80</v>
      </c>
      <c r="H2935" t="s">
        <v>81</v>
      </c>
      <c r="I2935" s="2">
        <v>0</v>
      </c>
      <c r="J2935" s="2">
        <v>0</v>
      </c>
      <c r="K2935" s="2">
        <v>1</v>
      </c>
      <c r="L2935" t="s">
        <v>995</v>
      </c>
      <c r="M2935" t="s">
        <v>87</v>
      </c>
      <c r="N2935" t="s">
        <v>88</v>
      </c>
      <c r="O2935" t="s">
        <v>85</v>
      </c>
      <c r="P2935" t="s">
        <v>86</v>
      </c>
      <c r="Q2935">
        <v>82</v>
      </c>
      <c r="R2935">
        <v>82</v>
      </c>
      <c r="S2935">
        <v>82</v>
      </c>
      <c r="T2935">
        <v>81</v>
      </c>
      <c r="U2935">
        <v>81</v>
      </c>
      <c r="V2935">
        <v>81</v>
      </c>
      <c r="W2935">
        <v>80</v>
      </c>
      <c r="X2935">
        <v>80</v>
      </c>
      <c r="Y2935">
        <v>80</v>
      </c>
      <c r="Z2935">
        <v>79</v>
      </c>
      <c r="AA2935">
        <v>79</v>
      </c>
      <c r="AB2935">
        <v>79</v>
      </c>
      <c r="AC2935">
        <v>78</v>
      </c>
      <c r="AD2935">
        <v>78</v>
      </c>
      <c r="AE2935">
        <v>78</v>
      </c>
      <c r="AF2935">
        <v>77</v>
      </c>
      <c r="AG2935">
        <v>77</v>
      </c>
      <c r="AH2935">
        <v>77</v>
      </c>
      <c r="AI2935">
        <v>76</v>
      </c>
      <c r="AJ2935">
        <v>76</v>
      </c>
      <c r="AK2935">
        <v>76</v>
      </c>
      <c r="AL2935">
        <v>75</v>
      </c>
      <c r="AM2935">
        <v>75</v>
      </c>
      <c r="AN2935">
        <v>75</v>
      </c>
      <c r="AO2935">
        <v>75</v>
      </c>
      <c r="AP2935">
        <v>74</v>
      </c>
      <c r="AQ2935">
        <v>74</v>
      </c>
    </row>
    <row r="2936" spans="1:43">
      <c r="A2936" t="s">
        <v>1880</v>
      </c>
      <c r="B2936" t="s">
        <v>1881</v>
      </c>
      <c r="C2936" t="s">
        <v>1866</v>
      </c>
      <c r="D2936" t="s">
        <v>1867</v>
      </c>
      <c r="E2936" t="s">
        <v>1586</v>
      </c>
      <c r="F2936" t="s">
        <v>1587</v>
      </c>
      <c r="G2936" t="s">
        <v>80</v>
      </c>
      <c r="H2936" t="s">
        <v>81</v>
      </c>
      <c r="I2936" s="2">
        <v>0</v>
      </c>
      <c r="J2936" s="2">
        <v>0</v>
      </c>
      <c r="K2936" s="2">
        <v>1</v>
      </c>
      <c r="L2936" t="s">
        <v>995</v>
      </c>
      <c r="M2936" t="s">
        <v>89</v>
      </c>
      <c r="N2936" t="s">
        <v>90</v>
      </c>
      <c r="O2936" t="s">
        <v>85</v>
      </c>
      <c r="P2936" t="s">
        <v>86</v>
      </c>
      <c r="Q2936">
        <v>82</v>
      </c>
      <c r="R2936">
        <v>83</v>
      </c>
      <c r="S2936">
        <v>84</v>
      </c>
      <c r="T2936">
        <v>85</v>
      </c>
      <c r="U2936">
        <v>86</v>
      </c>
      <c r="V2936">
        <v>87</v>
      </c>
      <c r="W2936">
        <v>88</v>
      </c>
      <c r="X2936">
        <v>88</v>
      </c>
      <c r="Y2936">
        <v>89</v>
      </c>
      <c r="Z2936">
        <v>89</v>
      </c>
      <c r="AA2936">
        <v>90</v>
      </c>
      <c r="AB2936">
        <v>90</v>
      </c>
      <c r="AC2936">
        <v>91</v>
      </c>
      <c r="AD2936">
        <v>91</v>
      </c>
      <c r="AE2936">
        <v>91</v>
      </c>
      <c r="AF2936">
        <v>91</v>
      </c>
      <c r="AG2936">
        <v>90</v>
      </c>
      <c r="AH2936">
        <v>89</v>
      </c>
      <c r="AI2936">
        <v>89</v>
      </c>
      <c r="AJ2936">
        <v>88</v>
      </c>
      <c r="AK2936">
        <v>87</v>
      </c>
      <c r="AL2936">
        <v>87</v>
      </c>
      <c r="AM2936">
        <v>86</v>
      </c>
      <c r="AN2936">
        <v>86</v>
      </c>
      <c r="AO2936">
        <v>85</v>
      </c>
      <c r="AP2936">
        <v>84</v>
      </c>
      <c r="AQ2936">
        <v>84</v>
      </c>
    </row>
    <row r="2937" spans="1:43">
      <c r="A2937" t="s">
        <v>1880</v>
      </c>
      <c r="B2937" t="s">
        <v>1881</v>
      </c>
      <c r="C2937" t="s">
        <v>1866</v>
      </c>
      <c r="D2937" t="s">
        <v>1867</v>
      </c>
      <c r="E2937" t="s">
        <v>1586</v>
      </c>
      <c r="F2937" t="s">
        <v>1587</v>
      </c>
      <c r="G2937" t="s">
        <v>80</v>
      </c>
      <c r="H2937" t="s">
        <v>81</v>
      </c>
      <c r="I2937" s="2">
        <v>0</v>
      </c>
      <c r="J2937" s="2">
        <v>0</v>
      </c>
      <c r="K2937" s="2">
        <v>1</v>
      </c>
      <c r="L2937" t="s">
        <v>995</v>
      </c>
      <c r="M2937" t="s">
        <v>83</v>
      </c>
      <c r="N2937" t="s">
        <v>91</v>
      </c>
      <c r="O2937" t="s">
        <v>85</v>
      </c>
      <c r="P2937" t="s">
        <v>86</v>
      </c>
      <c r="Q2937">
        <v>82</v>
      </c>
      <c r="R2937">
        <v>83</v>
      </c>
      <c r="S2937">
        <v>83</v>
      </c>
      <c r="T2937">
        <v>83</v>
      </c>
      <c r="U2937">
        <v>84</v>
      </c>
      <c r="V2937">
        <v>84</v>
      </c>
      <c r="W2937">
        <v>84</v>
      </c>
      <c r="X2937">
        <v>85</v>
      </c>
      <c r="Y2937">
        <v>85</v>
      </c>
      <c r="Z2937">
        <v>85</v>
      </c>
      <c r="AA2937">
        <v>86</v>
      </c>
      <c r="AB2937">
        <v>86</v>
      </c>
      <c r="AC2937">
        <v>86</v>
      </c>
      <c r="AD2937">
        <v>86</v>
      </c>
      <c r="AE2937">
        <v>86</v>
      </c>
      <c r="AF2937">
        <v>87</v>
      </c>
      <c r="AG2937">
        <v>87</v>
      </c>
      <c r="AH2937">
        <v>87</v>
      </c>
      <c r="AI2937">
        <v>87</v>
      </c>
      <c r="AJ2937">
        <v>87</v>
      </c>
      <c r="AK2937">
        <v>87</v>
      </c>
      <c r="AL2937">
        <v>87</v>
      </c>
      <c r="AM2937">
        <v>86</v>
      </c>
      <c r="AN2937">
        <v>86</v>
      </c>
      <c r="AO2937">
        <v>85</v>
      </c>
      <c r="AP2937">
        <v>84</v>
      </c>
      <c r="AQ2937">
        <v>84</v>
      </c>
    </row>
    <row r="2938" spans="1:43">
      <c r="A2938" t="s">
        <v>1882</v>
      </c>
      <c r="B2938" t="s">
        <v>1883</v>
      </c>
      <c r="C2938" t="s">
        <v>1876</v>
      </c>
      <c r="D2938" t="s">
        <v>1877</v>
      </c>
      <c r="E2938" t="s">
        <v>1586</v>
      </c>
      <c r="F2938" t="s">
        <v>1587</v>
      </c>
      <c r="G2938" t="s">
        <v>80</v>
      </c>
      <c r="H2938" t="s">
        <v>81</v>
      </c>
      <c r="I2938" s="2">
        <v>0</v>
      </c>
      <c r="J2938" s="2">
        <v>0</v>
      </c>
      <c r="K2938" s="2">
        <v>1</v>
      </c>
      <c r="L2938" t="s">
        <v>995</v>
      </c>
      <c r="M2938" t="s">
        <v>83</v>
      </c>
      <c r="N2938" t="s">
        <v>84</v>
      </c>
      <c r="O2938" t="s">
        <v>85</v>
      </c>
      <c r="P2938" t="s">
        <v>86</v>
      </c>
      <c r="Q2938">
        <v>9</v>
      </c>
      <c r="R2938">
        <v>9</v>
      </c>
      <c r="S2938">
        <v>9</v>
      </c>
      <c r="T2938">
        <v>9</v>
      </c>
      <c r="U2938">
        <v>9</v>
      </c>
      <c r="V2938">
        <v>9</v>
      </c>
      <c r="W2938">
        <v>9</v>
      </c>
      <c r="X2938">
        <v>9</v>
      </c>
      <c r="Y2938">
        <v>9</v>
      </c>
      <c r="Z2938">
        <v>9</v>
      </c>
      <c r="AA2938">
        <v>9</v>
      </c>
      <c r="AB2938">
        <v>9</v>
      </c>
      <c r="AC2938">
        <v>9</v>
      </c>
      <c r="AD2938">
        <v>9</v>
      </c>
      <c r="AE2938">
        <v>9</v>
      </c>
      <c r="AF2938">
        <v>9</v>
      </c>
      <c r="AG2938">
        <v>10</v>
      </c>
      <c r="AH2938">
        <v>10</v>
      </c>
      <c r="AI2938">
        <v>10</v>
      </c>
      <c r="AJ2938">
        <v>10</v>
      </c>
      <c r="AK2938">
        <v>10</v>
      </c>
      <c r="AL2938">
        <v>10</v>
      </c>
      <c r="AM2938">
        <v>9</v>
      </c>
      <c r="AN2938">
        <v>9</v>
      </c>
      <c r="AO2938">
        <v>9</v>
      </c>
      <c r="AP2938">
        <v>9</v>
      </c>
      <c r="AQ2938">
        <v>9</v>
      </c>
    </row>
    <row r="2939" spans="1:43">
      <c r="A2939" t="s">
        <v>1882</v>
      </c>
      <c r="B2939" t="s">
        <v>1883</v>
      </c>
      <c r="C2939" t="s">
        <v>1876</v>
      </c>
      <c r="D2939" t="s">
        <v>1877</v>
      </c>
      <c r="E2939" t="s">
        <v>1586</v>
      </c>
      <c r="F2939" t="s">
        <v>1587</v>
      </c>
      <c r="G2939" t="s">
        <v>80</v>
      </c>
      <c r="H2939" t="s">
        <v>81</v>
      </c>
      <c r="I2939" s="2">
        <v>0</v>
      </c>
      <c r="J2939" s="2">
        <v>0</v>
      </c>
      <c r="K2939" s="2">
        <v>1</v>
      </c>
      <c r="L2939" t="s">
        <v>995</v>
      </c>
      <c r="M2939" t="s">
        <v>87</v>
      </c>
      <c r="N2939" t="s">
        <v>88</v>
      </c>
      <c r="O2939" t="s">
        <v>85</v>
      </c>
      <c r="P2939" t="s">
        <v>86</v>
      </c>
      <c r="Q2939">
        <v>9</v>
      </c>
      <c r="R2939">
        <v>9</v>
      </c>
      <c r="S2939">
        <v>9</v>
      </c>
      <c r="T2939">
        <v>9</v>
      </c>
      <c r="U2939">
        <v>9</v>
      </c>
      <c r="V2939">
        <v>9</v>
      </c>
      <c r="W2939">
        <v>9</v>
      </c>
      <c r="X2939">
        <v>9</v>
      </c>
      <c r="Y2939">
        <v>9</v>
      </c>
      <c r="Z2939">
        <v>9</v>
      </c>
      <c r="AA2939">
        <v>9</v>
      </c>
      <c r="AB2939">
        <v>9</v>
      </c>
      <c r="AC2939">
        <v>8</v>
      </c>
      <c r="AD2939">
        <v>8</v>
      </c>
      <c r="AE2939">
        <v>8</v>
      </c>
      <c r="AF2939">
        <v>8</v>
      </c>
      <c r="AG2939">
        <v>8</v>
      </c>
      <c r="AH2939">
        <v>8</v>
      </c>
      <c r="AI2939">
        <v>8</v>
      </c>
      <c r="AJ2939">
        <v>8</v>
      </c>
      <c r="AK2939">
        <v>8</v>
      </c>
      <c r="AL2939">
        <v>8</v>
      </c>
      <c r="AM2939">
        <v>8</v>
      </c>
      <c r="AN2939">
        <v>8</v>
      </c>
      <c r="AO2939">
        <v>8</v>
      </c>
      <c r="AP2939">
        <v>8</v>
      </c>
      <c r="AQ2939">
        <v>8</v>
      </c>
    </row>
    <row r="2940" spans="1:43">
      <c r="A2940" t="s">
        <v>1882</v>
      </c>
      <c r="B2940" t="s">
        <v>1883</v>
      </c>
      <c r="C2940" t="s">
        <v>1876</v>
      </c>
      <c r="D2940" t="s">
        <v>1877</v>
      </c>
      <c r="E2940" t="s">
        <v>1586</v>
      </c>
      <c r="F2940" t="s">
        <v>1587</v>
      </c>
      <c r="G2940" t="s">
        <v>80</v>
      </c>
      <c r="H2940" t="s">
        <v>81</v>
      </c>
      <c r="I2940" s="2">
        <v>0</v>
      </c>
      <c r="J2940" s="2">
        <v>0</v>
      </c>
      <c r="K2940" s="2">
        <v>1</v>
      </c>
      <c r="L2940" t="s">
        <v>995</v>
      </c>
      <c r="M2940" t="s">
        <v>89</v>
      </c>
      <c r="N2940" t="s">
        <v>90</v>
      </c>
      <c r="O2940" t="s">
        <v>85</v>
      </c>
      <c r="P2940" t="s">
        <v>86</v>
      </c>
      <c r="Q2940">
        <v>9</v>
      </c>
      <c r="R2940">
        <v>9</v>
      </c>
      <c r="S2940">
        <v>9</v>
      </c>
      <c r="T2940">
        <v>9</v>
      </c>
      <c r="U2940">
        <v>10</v>
      </c>
      <c r="V2940">
        <v>10</v>
      </c>
      <c r="W2940">
        <v>10</v>
      </c>
      <c r="X2940">
        <v>10</v>
      </c>
      <c r="Y2940">
        <v>10</v>
      </c>
      <c r="Z2940">
        <v>10</v>
      </c>
      <c r="AA2940">
        <v>10</v>
      </c>
      <c r="AB2940">
        <v>10</v>
      </c>
      <c r="AC2940">
        <v>10</v>
      </c>
      <c r="AD2940">
        <v>10</v>
      </c>
      <c r="AE2940">
        <v>10</v>
      </c>
      <c r="AF2940">
        <v>10</v>
      </c>
      <c r="AG2940">
        <v>10</v>
      </c>
      <c r="AH2940">
        <v>10</v>
      </c>
      <c r="AI2940">
        <v>10</v>
      </c>
      <c r="AJ2940">
        <v>10</v>
      </c>
      <c r="AK2940">
        <v>10</v>
      </c>
      <c r="AL2940">
        <v>10</v>
      </c>
      <c r="AM2940">
        <v>10</v>
      </c>
      <c r="AN2940">
        <v>9</v>
      </c>
      <c r="AO2940">
        <v>9</v>
      </c>
      <c r="AP2940">
        <v>9</v>
      </c>
      <c r="AQ2940">
        <v>9</v>
      </c>
    </row>
    <row r="2941" spans="1:43">
      <c r="A2941" t="s">
        <v>1882</v>
      </c>
      <c r="B2941" t="s">
        <v>1883</v>
      </c>
      <c r="C2941" t="s">
        <v>1876</v>
      </c>
      <c r="D2941" t="s">
        <v>1877</v>
      </c>
      <c r="E2941" t="s">
        <v>1586</v>
      </c>
      <c r="F2941" t="s">
        <v>1587</v>
      </c>
      <c r="G2941" t="s">
        <v>80</v>
      </c>
      <c r="H2941" t="s">
        <v>81</v>
      </c>
      <c r="I2941" s="2">
        <v>0</v>
      </c>
      <c r="J2941" s="2">
        <v>0</v>
      </c>
      <c r="K2941" s="2">
        <v>1</v>
      </c>
      <c r="L2941" t="s">
        <v>995</v>
      </c>
      <c r="M2941" t="s">
        <v>83</v>
      </c>
      <c r="N2941" t="s">
        <v>91</v>
      </c>
      <c r="O2941" t="s">
        <v>85</v>
      </c>
      <c r="P2941" t="s">
        <v>86</v>
      </c>
      <c r="Q2941">
        <v>9</v>
      </c>
      <c r="R2941">
        <v>9</v>
      </c>
      <c r="S2941">
        <v>9</v>
      </c>
      <c r="T2941">
        <v>9</v>
      </c>
      <c r="U2941">
        <v>9</v>
      </c>
      <c r="V2941">
        <v>9</v>
      </c>
      <c r="W2941">
        <v>9</v>
      </c>
      <c r="X2941">
        <v>9</v>
      </c>
      <c r="Y2941">
        <v>9</v>
      </c>
      <c r="Z2941">
        <v>9</v>
      </c>
      <c r="AA2941">
        <v>9</v>
      </c>
      <c r="AB2941">
        <v>9</v>
      </c>
      <c r="AC2941">
        <v>9</v>
      </c>
      <c r="AD2941">
        <v>9</v>
      </c>
      <c r="AE2941">
        <v>9</v>
      </c>
      <c r="AF2941">
        <v>9</v>
      </c>
      <c r="AG2941">
        <v>10</v>
      </c>
      <c r="AH2941">
        <v>10</v>
      </c>
      <c r="AI2941">
        <v>10</v>
      </c>
      <c r="AJ2941">
        <v>10</v>
      </c>
      <c r="AK2941">
        <v>10</v>
      </c>
      <c r="AL2941">
        <v>10</v>
      </c>
      <c r="AM2941">
        <v>9</v>
      </c>
      <c r="AN2941">
        <v>9</v>
      </c>
      <c r="AO2941">
        <v>9</v>
      </c>
      <c r="AP2941">
        <v>9</v>
      </c>
      <c r="AQ2941">
        <v>9</v>
      </c>
    </row>
    <row r="2942" spans="1:43">
      <c r="A2942" t="s">
        <v>1884</v>
      </c>
      <c r="B2942" t="s">
        <v>1885</v>
      </c>
      <c r="C2942" t="s">
        <v>1876</v>
      </c>
      <c r="D2942" t="s">
        <v>1877</v>
      </c>
      <c r="E2942" t="s">
        <v>1586</v>
      </c>
      <c r="F2942" t="s">
        <v>1587</v>
      </c>
      <c r="G2942" t="s">
        <v>80</v>
      </c>
      <c r="H2942" t="s">
        <v>81</v>
      </c>
      <c r="I2942" s="2">
        <v>0</v>
      </c>
      <c r="J2942" s="2">
        <v>0</v>
      </c>
      <c r="K2942" s="2">
        <v>1</v>
      </c>
      <c r="L2942" t="s">
        <v>995</v>
      </c>
      <c r="M2942" t="s">
        <v>83</v>
      </c>
      <c r="N2942" t="s">
        <v>84</v>
      </c>
      <c r="O2942" t="s">
        <v>85</v>
      </c>
      <c r="P2942" t="s">
        <v>86</v>
      </c>
      <c r="Q2942">
        <v>10</v>
      </c>
      <c r="R2942">
        <v>10</v>
      </c>
      <c r="S2942">
        <v>10</v>
      </c>
      <c r="T2942">
        <v>10</v>
      </c>
      <c r="U2942">
        <v>10</v>
      </c>
      <c r="V2942">
        <v>10</v>
      </c>
      <c r="W2942">
        <v>10</v>
      </c>
      <c r="X2942">
        <v>10</v>
      </c>
      <c r="Y2942">
        <v>10</v>
      </c>
      <c r="Z2942">
        <v>10</v>
      </c>
      <c r="AA2942">
        <v>10</v>
      </c>
      <c r="AB2942">
        <v>10</v>
      </c>
      <c r="AC2942">
        <v>10</v>
      </c>
      <c r="AD2942">
        <v>10</v>
      </c>
      <c r="AE2942">
        <v>10</v>
      </c>
      <c r="AF2942">
        <v>10</v>
      </c>
      <c r="AG2942">
        <v>10</v>
      </c>
      <c r="AH2942">
        <v>10</v>
      </c>
      <c r="AI2942">
        <v>10</v>
      </c>
      <c r="AJ2942">
        <v>10</v>
      </c>
      <c r="AK2942">
        <v>10</v>
      </c>
      <c r="AL2942">
        <v>10</v>
      </c>
      <c r="AM2942">
        <v>10</v>
      </c>
      <c r="AN2942">
        <v>10</v>
      </c>
      <c r="AO2942">
        <v>10</v>
      </c>
      <c r="AP2942">
        <v>10</v>
      </c>
      <c r="AQ2942">
        <v>10</v>
      </c>
    </row>
    <row r="2943" spans="1:43">
      <c r="A2943" t="s">
        <v>1884</v>
      </c>
      <c r="B2943" t="s">
        <v>1885</v>
      </c>
      <c r="C2943" t="s">
        <v>1876</v>
      </c>
      <c r="D2943" t="s">
        <v>1877</v>
      </c>
      <c r="E2943" t="s">
        <v>1586</v>
      </c>
      <c r="F2943" t="s">
        <v>1587</v>
      </c>
      <c r="G2943" t="s">
        <v>80</v>
      </c>
      <c r="H2943" t="s">
        <v>81</v>
      </c>
      <c r="I2943" s="2">
        <v>0</v>
      </c>
      <c r="J2943" s="2">
        <v>0</v>
      </c>
      <c r="K2943" s="2">
        <v>1</v>
      </c>
      <c r="L2943" t="s">
        <v>995</v>
      </c>
      <c r="M2943" t="s">
        <v>87</v>
      </c>
      <c r="N2943" t="s">
        <v>88</v>
      </c>
      <c r="O2943" t="s">
        <v>85</v>
      </c>
      <c r="P2943" t="s">
        <v>86</v>
      </c>
      <c r="Q2943">
        <v>10</v>
      </c>
      <c r="R2943">
        <v>10</v>
      </c>
      <c r="S2943">
        <v>10</v>
      </c>
      <c r="T2943">
        <v>10</v>
      </c>
      <c r="U2943">
        <v>10</v>
      </c>
      <c r="V2943">
        <v>10</v>
      </c>
      <c r="W2943">
        <v>10</v>
      </c>
      <c r="X2943">
        <v>10</v>
      </c>
      <c r="Y2943">
        <v>10</v>
      </c>
      <c r="Z2943">
        <v>10</v>
      </c>
      <c r="AA2943">
        <v>10</v>
      </c>
      <c r="AB2943">
        <v>10</v>
      </c>
      <c r="AC2943">
        <v>10</v>
      </c>
      <c r="AD2943">
        <v>10</v>
      </c>
      <c r="AE2943">
        <v>10</v>
      </c>
      <c r="AF2943">
        <v>10</v>
      </c>
      <c r="AG2943">
        <v>10</v>
      </c>
      <c r="AH2943">
        <v>10</v>
      </c>
      <c r="AI2943">
        <v>10</v>
      </c>
      <c r="AJ2943">
        <v>10</v>
      </c>
      <c r="AK2943">
        <v>10</v>
      </c>
      <c r="AL2943">
        <v>10</v>
      </c>
      <c r="AM2943">
        <v>10</v>
      </c>
      <c r="AN2943">
        <v>10</v>
      </c>
      <c r="AO2943">
        <v>10</v>
      </c>
      <c r="AP2943">
        <v>9</v>
      </c>
      <c r="AQ2943">
        <v>9</v>
      </c>
    </row>
    <row r="2944" spans="1:43">
      <c r="A2944" t="s">
        <v>1884</v>
      </c>
      <c r="B2944" t="s">
        <v>1885</v>
      </c>
      <c r="C2944" t="s">
        <v>1876</v>
      </c>
      <c r="D2944" t="s">
        <v>1877</v>
      </c>
      <c r="E2944" t="s">
        <v>1586</v>
      </c>
      <c r="F2944" t="s">
        <v>1587</v>
      </c>
      <c r="G2944" t="s">
        <v>80</v>
      </c>
      <c r="H2944" t="s">
        <v>81</v>
      </c>
      <c r="I2944" s="2">
        <v>0</v>
      </c>
      <c r="J2944" s="2">
        <v>0</v>
      </c>
      <c r="K2944" s="2">
        <v>1</v>
      </c>
      <c r="L2944" t="s">
        <v>995</v>
      </c>
      <c r="M2944" t="s">
        <v>89</v>
      </c>
      <c r="N2944" t="s">
        <v>90</v>
      </c>
      <c r="O2944" t="s">
        <v>85</v>
      </c>
      <c r="P2944" t="s">
        <v>86</v>
      </c>
      <c r="Q2944">
        <v>10</v>
      </c>
      <c r="R2944">
        <v>10</v>
      </c>
      <c r="S2944">
        <v>10</v>
      </c>
      <c r="T2944">
        <v>10</v>
      </c>
      <c r="U2944">
        <v>10</v>
      </c>
      <c r="V2944">
        <v>10</v>
      </c>
      <c r="W2944">
        <v>10</v>
      </c>
      <c r="X2944">
        <v>10</v>
      </c>
      <c r="Y2944">
        <v>10</v>
      </c>
      <c r="Z2944">
        <v>10</v>
      </c>
      <c r="AA2944">
        <v>11</v>
      </c>
      <c r="AB2944">
        <v>11</v>
      </c>
      <c r="AC2944">
        <v>11</v>
      </c>
      <c r="AD2944">
        <v>11</v>
      </c>
      <c r="AE2944">
        <v>11</v>
      </c>
      <c r="AF2944">
        <v>11</v>
      </c>
      <c r="AG2944">
        <v>11</v>
      </c>
      <c r="AH2944">
        <v>10</v>
      </c>
      <c r="AI2944">
        <v>10</v>
      </c>
      <c r="AJ2944">
        <v>10</v>
      </c>
      <c r="AK2944">
        <v>10</v>
      </c>
      <c r="AL2944">
        <v>10</v>
      </c>
      <c r="AM2944">
        <v>10</v>
      </c>
      <c r="AN2944">
        <v>10</v>
      </c>
      <c r="AO2944">
        <v>10</v>
      </c>
      <c r="AP2944">
        <v>10</v>
      </c>
      <c r="AQ2944">
        <v>10</v>
      </c>
    </row>
    <row r="2945" spans="1:43">
      <c r="A2945" t="s">
        <v>1884</v>
      </c>
      <c r="B2945" t="s">
        <v>1885</v>
      </c>
      <c r="C2945" t="s">
        <v>1876</v>
      </c>
      <c r="D2945" t="s">
        <v>1877</v>
      </c>
      <c r="E2945" t="s">
        <v>1586</v>
      </c>
      <c r="F2945" t="s">
        <v>1587</v>
      </c>
      <c r="G2945" t="s">
        <v>80</v>
      </c>
      <c r="H2945" t="s">
        <v>81</v>
      </c>
      <c r="I2945" s="2">
        <v>0</v>
      </c>
      <c r="J2945" s="2">
        <v>0</v>
      </c>
      <c r="K2945" s="2">
        <v>1</v>
      </c>
      <c r="L2945" t="s">
        <v>995</v>
      </c>
      <c r="M2945" t="s">
        <v>83</v>
      </c>
      <c r="N2945" t="s">
        <v>91</v>
      </c>
      <c r="O2945" t="s">
        <v>85</v>
      </c>
      <c r="P2945" t="s">
        <v>86</v>
      </c>
      <c r="Q2945">
        <v>10</v>
      </c>
      <c r="R2945">
        <v>10</v>
      </c>
      <c r="S2945">
        <v>10</v>
      </c>
      <c r="T2945">
        <v>10</v>
      </c>
      <c r="U2945">
        <v>10</v>
      </c>
      <c r="V2945">
        <v>10</v>
      </c>
      <c r="W2945">
        <v>10</v>
      </c>
      <c r="X2945">
        <v>10</v>
      </c>
      <c r="Y2945">
        <v>10</v>
      </c>
      <c r="Z2945">
        <v>10</v>
      </c>
      <c r="AA2945">
        <v>10</v>
      </c>
      <c r="AB2945">
        <v>10</v>
      </c>
      <c r="AC2945">
        <v>10</v>
      </c>
      <c r="AD2945">
        <v>10</v>
      </c>
      <c r="AE2945">
        <v>10</v>
      </c>
      <c r="AF2945">
        <v>10</v>
      </c>
      <c r="AG2945">
        <v>10</v>
      </c>
      <c r="AH2945">
        <v>10</v>
      </c>
      <c r="AI2945">
        <v>10</v>
      </c>
      <c r="AJ2945">
        <v>10</v>
      </c>
      <c r="AK2945">
        <v>10</v>
      </c>
      <c r="AL2945">
        <v>10</v>
      </c>
      <c r="AM2945">
        <v>10</v>
      </c>
      <c r="AN2945">
        <v>10</v>
      </c>
      <c r="AO2945">
        <v>10</v>
      </c>
      <c r="AP2945">
        <v>10</v>
      </c>
      <c r="AQ2945">
        <v>10</v>
      </c>
    </row>
    <row r="2946" spans="1:43">
      <c r="A2946" t="s">
        <v>1886</v>
      </c>
      <c r="B2946" t="s">
        <v>1887</v>
      </c>
      <c r="C2946" t="s">
        <v>1866</v>
      </c>
      <c r="D2946" t="s">
        <v>1867</v>
      </c>
      <c r="E2946" t="s">
        <v>1586</v>
      </c>
      <c r="F2946" t="s">
        <v>1587</v>
      </c>
      <c r="G2946" t="s">
        <v>80</v>
      </c>
      <c r="H2946" t="s">
        <v>81</v>
      </c>
      <c r="I2946" s="2">
        <v>0</v>
      </c>
      <c r="J2946" s="2">
        <v>0</v>
      </c>
      <c r="K2946" s="2">
        <v>1</v>
      </c>
      <c r="L2946" t="s">
        <v>995</v>
      </c>
      <c r="M2946" t="s">
        <v>83</v>
      </c>
      <c r="N2946" t="s">
        <v>84</v>
      </c>
      <c r="O2946" t="s">
        <v>85</v>
      </c>
      <c r="P2946" t="s">
        <v>86</v>
      </c>
      <c r="Q2946">
        <v>29</v>
      </c>
      <c r="R2946">
        <v>29</v>
      </c>
      <c r="S2946">
        <v>29</v>
      </c>
      <c r="T2946">
        <v>29</v>
      </c>
      <c r="U2946">
        <v>30</v>
      </c>
      <c r="V2946">
        <v>30</v>
      </c>
      <c r="W2946">
        <v>30</v>
      </c>
      <c r="X2946">
        <v>30</v>
      </c>
      <c r="Y2946">
        <v>30</v>
      </c>
      <c r="Z2946">
        <v>30</v>
      </c>
      <c r="AA2946">
        <v>30</v>
      </c>
      <c r="AB2946">
        <v>30</v>
      </c>
      <c r="AC2946">
        <v>30</v>
      </c>
      <c r="AD2946">
        <v>30</v>
      </c>
      <c r="AE2946">
        <v>31</v>
      </c>
      <c r="AF2946">
        <v>31</v>
      </c>
      <c r="AG2946">
        <v>31</v>
      </c>
      <c r="AH2946">
        <v>31</v>
      </c>
      <c r="AI2946">
        <v>31</v>
      </c>
      <c r="AJ2946">
        <v>31</v>
      </c>
      <c r="AK2946">
        <v>31</v>
      </c>
      <c r="AL2946">
        <v>31</v>
      </c>
      <c r="AM2946">
        <v>30</v>
      </c>
      <c r="AN2946">
        <v>30</v>
      </c>
      <c r="AO2946">
        <v>30</v>
      </c>
      <c r="AP2946">
        <v>30</v>
      </c>
      <c r="AQ2946">
        <v>30</v>
      </c>
    </row>
    <row r="2947" spans="1:43">
      <c r="A2947" t="s">
        <v>1886</v>
      </c>
      <c r="B2947" t="s">
        <v>1887</v>
      </c>
      <c r="C2947" t="s">
        <v>1866</v>
      </c>
      <c r="D2947" t="s">
        <v>1867</v>
      </c>
      <c r="E2947" t="s">
        <v>1586</v>
      </c>
      <c r="F2947" t="s">
        <v>1587</v>
      </c>
      <c r="G2947" t="s">
        <v>80</v>
      </c>
      <c r="H2947" t="s">
        <v>81</v>
      </c>
      <c r="I2947" s="2">
        <v>0</v>
      </c>
      <c r="J2947" s="2">
        <v>0</v>
      </c>
      <c r="K2947" s="2">
        <v>1</v>
      </c>
      <c r="L2947" t="s">
        <v>995</v>
      </c>
      <c r="M2947" t="s">
        <v>87</v>
      </c>
      <c r="N2947" t="s">
        <v>88</v>
      </c>
      <c r="O2947" t="s">
        <v>85</v>
      </c>
      <c r="P2947" t="s">
        <v>86</v>
      </c>
      <c r="Q2947">
        <v>29</v>
      </c>
      <c r="R2947">
        <v>29</v>
      </c>
      <c r="S2947">
        <v>29</v>
      </c>
      <c r="T2947">
        <v>28</v>
      </c>
      <c r="U2947">
        <v>28</v>
      </c>
      <c r="V2947">
        <v>28</v>
      </c>
      <c r="W2947">
        <v>28</v>
      </c>
      <c r="X2947">
        <v>28</v>
      </c>
      <c r="Y2947">
        <v>28</v>
      </c>
      <c r="Z2947">
        <v>28</v>
      </c>
      <c r="AA2947">
        <v>28</v>
      </c>
      <c r="AB2947">
        <v>27</v>
      </c>
      <c r="AC2947">
        <v>27</v>
      </c>
      <c r="AD2947">
        <v>27</v>
      </c>
      <c r="AE2947">
        <v>27</v>
      </c>
      <c r="AF2947">
        <v>27</v>
      </c>
      <c r="AG2947">
        <v>27</v>
      </c>
      <c r="AH2947">
        <v>27</v>
      </c>
      <c r="AI2947">
        <v>27</v>
      </c>
      <c r="AJ2947">
        <v>26</v>
      </c>
      <c r="AK2947">
        <v>26</v>
      </c>
      <c r="AL2947">
        <v>26</v>
      </c>
      <c r="AM2947">
        <v>26</v>
      </c>
      <c r="AN2947">
        <v>26</v>
      </c>
      <c r="AO2947">
        <v>26</v>
      </c>
      <c r="AP2947">
        <v>26</v>
      </c>
      <c r="AQ2947">
        <v>26</v>
      </c>
    </row>
    <row r="2948" spans="1:43">
      <c r="A2948" t="s">
        <v>1886</v>
      </c>
      <c r="B2948" t="s">
        <v>1887</v>
      </c>
      <c r="C2948" t="s">
        <v>1866</v>
      </c>
      <c r="D2948" t="s">
        <v>1867</v>
      </c>
      <c r="E2948" t="s">
        <v>1586</v>
      </c>
      <c r="F2948" t="s">
        <v>1587</v>
      </c>
      <c r="G2948" t="s">
        <v>80</v>
      </c>
      <c r="H2948" t="s">
        <v>81</v>
      </c>
      <c r="I2948" s="2">
        <v>0</v>
      </c>
      <c r="J2948" s="2">
        <v>0</v>
      </c>
      <c r="K2948" s="2">
        <v>1</v>
      </c>
      <c r="L2948" t="s">
        <v>995</v>
      </c>
      <c r="M2948" t="s">
        <v>89</v>
      </c>
      <c r="N2948" t="s">
        <v>90</v>
      </c>
      <c r="O2948" t="s">
        <v>85</v>
      </c>
      <c r="P2948" t="s">
        <v>86</v>
      </c>
      <c r="Q2948">
        <v>29</v>
      </c>
      <c r="R2948">
        <v>30</v>
      </c>
      <c r="S2948">
        <v>30</v>
      </c>
      <c r="T2948">
        <v>30</v>
      </c>
      <c r="U2948">
        <v>31</v>
      </c>
      <c r="V2948">
        <v>31</v>
      </c>
      <c r="W2948">
        <v>31</v>
      </c>
      <c r="X2948">
        <v>32</v>
      </c>
      <c r="Y2948">
        <v>32</v>
      </c>
      <c r="Z2948">
        <v>32</v>
      </c>
      <c r="AA2948">
        <v>32</v>
      </c>
      <c r="AB2948">
        <v>32</v>
      </c>
      <c r="AC2948">
        <v>33</v>
      </c>
      <c r="AD2948">
        <v>33</v>
      </c>
      <c r="AE2948">
        <v>33</v>
      </c>
      <c r="AF2948">
        <v>32</v>
      </c>
      <c r="AG2948">
        <v>32</v>
      </c>
      <c r="AH2948">
        <v>32</v>
      </c>
      <c r="AI2948">
        <v>32</v>
      </c>
      <c r="AJ2948">
        <v>31</v>
      </c>
      <c r="AK2948">
        <v>31</v>
      </c>
      <c r="AL2948">
        <v>31</v>
      </c>
      <c r="AM2948">
        <v>31</v>
      </c>
      <c r="AN2948">
        <v>31</v>
      </c>
      <c r="AO2948">
        <v>30</v>
      </c>
      <c r="AP2948">
        <v>30</v>
      </c>
      <c r="AQ2948">
        <v>30</v>
      </c>
    </row>
    <row r="2949" spans="1:43">
      <c r="A2949" t="s">
        <v>1886</v>
      </c>
      <c r="B2949" t="s">
        <v>1887</v>
      </c>
      <c r="C2949" t="s">
        <v>1866</v>
      </c>
      <c r="D2949" t="s">
        <v>1867</v>
      </c>
      <c r="E2949" t="s">
        <v>1586</v>
      </c>
      <c r="F2949" t="s">
        <v>1587</v>
      </c>
      <c r="G2949" t="s">
        <v>80</v>
      </c>
      <c r="H2949" t="s">
        <v>81</v>
      </c>
      <c r="I2949" s="2">
        <v>0</v>
      </c>
      <c r="J2949" s="2">
        <v>0</v>
      </c>
      <c r="K2949" s="2">
        <v>1</v>
      </c>
      <c r="L2949" t="s">
        <v>995</v>
      </c>
      <c r="M2949" t="s">
        <v>83</v>
      </c>
      <c r="N2949" t="s">
        <v>91</v>
      </c>
      <c r="O2949" t="s">
        <v>85</v>
      </c>
      <c r="P2949" t="s">
        <v>86</v>
      </c>
      <c r="Q2949">
        <v>29</v>
      </c>
      <c r="R2949">
        <v>29</v>
      </c>
      <c r="S2949">
        <v>29</v>
      </c>
      <c r="T2949">
        <v>29</v>
      </c>
      <c r="U2949">
        <v>30</v>
      </c>
      <c r="V2949">
        <v>30</v>
      </c>
      <c r="W2949">
        <v>30</v>
      </c>
      <c r="X2949">
        <v>30</v>
      </c>
      <c r="Y2949">
        <v>30</v>
      </c>
      <c r="Z2949">
        <v>30</v>
      </c>
      <c r="AA2949">
        <v>30</v>
      </c>
      <c r="AB2949">
        <v>30</v>
      </c>
      <c r="AC2949">
        <v>30</v>
      </c>
      <c r="AD2949">
        <v>30</v>
      </c>
      <c r="AE2949">
        <v>31</v>
      </c>
      <c r="AF2949">
        <v>31</v>
      </c>
      <c r="AG2949">
        <v>31</v>
      </c>
      <c r="AH2949">
        <v>31</v>
      </c>
      <c r="AI2949">
        <v>31</v>
      </c>
      <c r="AJ2949">
        <v>31</v>
      </c>
      <c r="AK2949">
        <v>31</v>
      </c>
      <c r="AL2949">
        <v>31</v>
      </c>
      <c r="AM2949">
        <v>30</v>
      </c>
      <c r="AN2949">
        <v>30</v>
      </c>
      <c r="AO2949">
        <v>30</v>
      </c>
      <c r="AP2949">
        <v>30</v>
      </c>
      <c r="AQ2949">
        <v>30</v>
      </c>
    </row>
    <row r="2950" spans="1:43">
      <c r="A2950" t="s">
        <v>1888</v>
      </c>
      <c r="B2950" t="s">
        <v>1889</v>
      </c>
      <c r="C2950" t="s">
        <v>1890</v>
      </c>
      <c r="D2950" t="s">
        <v>1891</v>
      </c>
      <c r="E2950" t="s">
        <v>1586</v>
      </c>
      <c r="F2950" t="s">
        <v>1587</v>
      </c>
      <c r="G2950" t="s">
        <v>80</v>
      </c>
      <c r="H2950" t="s">
        <v>81</v>
      </c>
      <c r="I2950" s="2">
        <v>0</v>
      </c>
      <c r="J2950" s="2">
        <v>1</v>
      </c>
      <c r="K2950" s="2">
        <v>0</v>
      </c>
      <c r="L2950" t="s">
        <v>82</v>
      </c>
      <c r="M2950" t="s">
        <v>83</v>
      </c>
      <c r="N2950" t="s">
        <v>84</v>
      </c>
      <c r="O2950" t="s">
        <v>85</v>
      </c>
      <c r="P2950" t="s">
        <v>86</v>
      </c>
      <c r="Q2950">
        <v>9</v>
      </c>
      <c r="R2950">
        <v>9</v>
      </c>
      <c r="S2950">
        <v>9</v>
      </c>
      <c r="T2950">
        <v>9</v>
      </c>
      <c r="U2950">
        <v>9</v>
      </c>
      <c r="V2950">
        <v>10</v>
      </c>
      <c r="W2950">
        <v>10</v>
      </c>
      <c r="X2950">
        <v>10</v>
      </c>
      <c r="Y2950">
        <v>10</v>
      </c>
      <c r="Z2950">
        <v>10</v>
      </c>
      <c r="AA2950">
        <v>10</v>
      </c>
      <c r="AB2950">
        <v>10</v>
      </c>
      <c r="AC2950">
        <v>10</v>
      </c>
      <c r="AD2950">
        <v>10</v>
      </c>
      <c r="AE2950">
        <v>10</v>
      </c>
      <c r="AF2950">
        <v>10</v>
      </c>
      <c r="AG2950">
        <v>10</v>
      </c>
      <c r="AH2950">
        <v>10</v>
      </c>
      <c r="AI2950">
        <v>10</v>
      </c>
      <c r="AJ2950">
        <v>10</v>
      </c>
      <c r="AK2950">
        <v>10</v>
      </c>
      <c r="AL2950">
        <v>10</v>
      </c>
      <c r="AM2950">
        <v>10</v>
      </c>
      <c r="AN2950">
        <v>10</v>
      </c>
      <c r="AO2950">
        <v>10</v>
      </c>
      <c r="AP2950">
        <v>9</v>
      </c>
      <c r="AQ2950">
        <v>9</v>
      </c>
    </row>
    <row r="2951" spans="1:43">
      <c r="A2951" t="s">
        <v>1888</v>
      </c>
      <c r="B2951" t="s">
        <v>1889</v>
      </c>
      <c r="C2951" t="s">
        <v>1890</v>
      </c>
      <c r="D2951" t="s">
        <v>1891</v>
      </c>
      <c r="E2951" t="s">
        <v>1586</v>
      </c>
      <c r="F2951" t="s">
        <v>1587</v>
      </c>
      <c r="G2951" t="s">
        <v>80</v>
      </c>
      <c r="H2951" t="s">
        <v>81</v>
      </c>
      <c r="I2951" s="2">
        <v>0</v>
      </c>
      <c r="J2951" s="2">
        <v>1</v>
      </c>
      <c r="K2951" s="2">
        <v>0</v>
      </c>
      <c r="L2951" t="s">
        <v>82</v>
      </c>
      <c r="M2951" t="s">
        <v>87</v>
      </c>
      <c r="N2951" t="s">
        <v>88</v>
      </c>
      <c r="O2951" t="s">
        <v>85</v>
      </c>
      <c r="P2951" t="s">
        <v>86</v>
      </c>
      <c r="Q2951">
        <v>9</v>
      </c>
      <c r="R2951">
        <v>9</v>
      </c>
      <c r="S2951">
        <v>9</v>
      </c>
      <c r="T2951">
        <v>9</v>
      </c>
      <c r="U2951">
        <v>9</v>
      </c>
      <c r="V2951">
        <v>9</v>
      </c>
      <c r="W2951">
        <v>9</v>
      </c>
      <c r="X2951">
        <v>9</v>
      </c>
      <c r="Y2951">
        <v>9</v>
      </c>
      <c r="Z2951">
        <v>9</v>
      </c>
      <c r="AA2951">
        <v>9</v>
      </c>
      <c r="AB2951">
        <v>9</v>
      </c>
      <c r="AC2951">
        <v>9</v>
      </c>
      <c r="AD2951">
        <v>9</v>
      </c>
      <c r="AE2951">
        <v>9</v>
      </c>
      <c r="AF2951">
        <v>9</v>
      </c>
      <c r="AG2951">
        <v>9</v>
      </c>
      <c r="AH2951">
        <v>9</v>
      </c>
      <c r="AI2951">
        <v>8</v>
      </c>
      <c r="AJ2951">
        <v>8</v>
      </c>
      <c r="AK2951">
        <v>8</v>
      </c>
      <c r="AL2951">
        <v>8</v>
      </c>
      <c r="AM2951">
        <v>8</v>
      </c>
      <c r="AN2951">
        <v>8</v>
      </c>
      <c r="AO2951">
        <v>8</v>
      </c>
      <c r="AP2951">
        <v>8</v>
      </c>
      <c r="AQ2951">
        <v>8</v>
      </c>
    </row>
    <row r="2952" spans="1:43">
      <c r="A2952" t="s">
        <v>1888</v>
      </c>
      <c r="B2952" t="s">
        <v>1889</v>
      </c>
      <c r="C2952" t="s">
        <v>1890</v>
      </c>
      <c r="D2952" t="s">
        <v>1891</v>
      </c>
      <c r="E2952" t="s">
        <v>1586</v>
      </c>
      <c r="F2952" t="s">
        <v>1587</v>
      </c>
      <c r="G2952" t="s">
        <v>80</v>
      </c>
      <c r="H2952" t="s">
        <v>81</v>
      </c>
      <c r="I2952" s="2">
        <v>0</v>
      </c>
      <c r="J2952" s="2">
        <v>1</v>
      </c>
      <c r="K2952" s="2">
        <v>0</v>
      </c>
      <c r="L2952" t="s">
        <v>82</v>
      </c>
      <c r="M2952" t="s">
        <v>89</v>
      </c>
      <c r="N2952" t="s">
        <v>90</v>
      </c>
      <c r="O2952" t="s">
        <v>85</v>
      </c>
      <c r="P2952" t="s">
        <v>86</v>
      </c>
      <c r="Q2952">
        <v>9</v>
      </c>
      <c r="R2952">
        <v>10</v>
      </c>
      <c r="S2952">
        <v>10</v>
      </c>
      <c r="T2952">
        <v>10</v>
      </c>
      <c r="U2952">
        <v>10</v>
      </c>
      <c r="V2952">
        <v>10</v>
      </c>
      <c r="W2952">
        <v>10</v>
      </c>
      <c r="X2952">
        <v>10</v>
      </c>
      <c r="Y2952">
        <v>10</v>
      </c>
      <c r="Z2952">
        <v>10</v>
      </c>
      <c r="AA2952">
        <v>10</v>
      </c>
      <c r="AB2952">
        <v>10</v>
      </c>
      <c r="AC2952">
        <v>10</v>
      </c>
      <c r="AD2952">
        <v>10</v>
      </c>
      <c r="AE2952">
        <v>10</v>
      </c>
      <c r="AF2952">
        <v>10</v>
      </c>
      <c r="AG2952">
        <v>10</v>
      </c>
      <c r="AH2952">
        <v>10</v>
      </c>
      <c r="AI2952">
        <v>10</v>
      </c>
      <c r="AJ2952">
        <v>10</v>
      </c>
      <c r="AK2952">
        <v>10</v>
      </c>
      <c r="AL2952">
        <v>10</v>
      </c>
      <c r="AM2952">
        <v>10</v>
      </c>
      <c r="AN2952">
        <v>10</v>
      </c>
      <c r="AO2952">
        <v>10</v>
      </c>
      <c r="AP2952">
        <v>10</v>
      </c>
      <c r="AQ2952">
        <v>9</v>
      </c>
    </row>
    <row r="2953" spans="1:43">
      <c r="A2953" t="s">
        <v>1888</v>
      </c>
      <c r="B2953" t="s">
        <v>1889</v>
      </c>
      <c r="C2953" t="s">
        <v>1890</v>
      </c>
      <c r="D2953" t="s">
        <v>1891</v>
      </c>
      <c r="E2953" t="s">
        <v>1586</v>
      </c>
      <c r="F2953" t="s">
        <v>1587</v>
      </c>
      <c r="G2953" t="s">
        <v>80</v>
      </c>
      <c r="H2953" t="s">
        <v>81</v>
      </c>
      <c r="I2953" s="2">
        <v>0</v>
      </c>
      <c r="J2953" s="2">
        <v>1</v>
      </c>
      <c r="K2953" s="2">
        <v>0</v>
      </c>
      <c r="L2953" t="s">
        <v>82</v>
      </c>
      <c r="M2953" t="s">
        <v>83</v>
      </c>
      <c r="N2953" t="s">
        <v>91</v>
      </c>
      <c r="O2953" t="s">
        <v>85</v>
      </c>
      <c r="P2953" t="s">
        <v>86</v>
      </c>
      <c r="Q2953">
        <v>9</v>
      </c>
      <c r="R2953">
        <v>9</v>
      </c>
      <c r="S2953">
        <v>9</v>
      </c>
      <c r="T2953">
        <v>9</v>
      </c>
      <c r="U2953">
        <v>9</v>
      </c>
      <c r="V2953">
        <v>10</v>
      </c>
      <c r="W2953">
        <v>10</v>
      </c>
      <c r="X2953">
        <v>10</v>
      </c>
      <c r="Y2953">
        <v>10</v>
      </c>
      <c r="Z2953">
        <v>10</v>
      </c>
      <c r="AA2953">
        <v>10</v>
      </c>
      <c r="AB2953">
        <v>10</v>
      </c>
      <c r="AC2953">
        <v>10</v>
      </c>
      <c r="AD2953">
        <v>10</v>
      </c>
      <c r="AE2953">
        <v>10</v>
      </c>
      <c r="AF2953">
        <v>10</v>
      </c>
      <c r="AG2953">
        <v>10</v>
      </c>
      <c r="AH2953">
        <v>10</v>
      </c>
      <c r="AI2953">
        <v>10</v>
      </c>
      <c r="AJ2953">
        <v>10</v>
      </c>
      <c r="AK2953">
        <v>10</v>
      </c>
      <c r="AL2953">
        <v>10</v>
      </c>
      <c r="AM2953">
        <v>10</v>
      </c>
      <c r="AN2953">
        <v>10</v>
      </c>
      <c r="AO2953">
        <v>10</v>
      </c>
      <c r="AP2953">
        <v>9</v>
      </c>
      <c r="AQ2953">
        <v>9</v>
      </c>
    </row>
    <row r="2954" spans="1:43">
      <c r="A2954" t="s">
        <v>1892</v>
      </c>
      <c r="B2954" t="s">
        <v>1893</v>
      </c>
      <c r="C2954" t="s">
        <v>1754</v>
      </c>
      <c r="D2954" t="s">
        <v>1755</v>
      </c>
      <c r="E2954" t="s">
        <v>1586</v>
      </c>
      <c r="F2954" t="s">
        <v>1587</v>
      </c>
      <c r="G2954" t="s">
        <v>80</v>
      </c>
      <c r="H2954" t="s">
        <v>81</v>
      </c>
      <c r="I2954" s="2">
        <v>0</v>
      </c>
      <c r="J2954" s="2">
        <v>1</v>
      </c>
      <c r="K2954" s="2">
        <v>0</v>
      </c>
      <c r="L2954" t="s">
        <v>82</v>
      </c>
      <c r="M2954" t="s">
        <v>83</v>
      </c>
      <c r="N2954" t="s">
        <v>84</v>
      </c>
      <c r="O2954" t="s">
        <v>85</v>
      </c>
      <c r="P2954" t="s">
        <v>86</v>
      </c>
      <c r="Q2954">
        <v>20</v>
      </c>
      <c r="R2954">
        <v>20</v>
      </c>
      <c r="S2954">
        <v>20</v>
      </c>
      <c r="T2954">
        <v>20</v>
      </c>
      <c r="U2954">
        <v>20</v>
      </c>
      <c r="V2954">
        <v>20</v>
      </c>
      <c r="W2954">
        <v>20</v>
      </c>
      <c r="X2954">
        <v>20</v>
      </c>
      <c r="Y2954">
        <v>20</v>
      </c>
      <c r="Z2954">
        <v>20</v>
      </c>
      <c r="AA2954">
        <v>20</v>
      </c>
      <c r="AB2954">
        <v>20</v>
      </c>
      <c r="AC2954">
        <v>20</v>
      </c>
      <c r="AD2954">
        <v>20</v>
      </c>
      <c r="AE2954">
        <v>20</v>
      </c>
      <c r="AF2954">
        <v>21</v>
      </c>
      <c r="AG2954">
        <v>21</v>
      </c>
      <c r="AH2954">
        <v>21</v>
      </c>
      <c r="AI2954">
        <v>21</v>
      </c>
      <c r="AJ2954">
        <v>21</v>
      </c>
      <c r="AK2954">
        <v>21</v>
      </c>
      <c r="AL2954">
        <v>20</v>
      </c>
      <c r="AM2954">
        <v>20</v>
      </c>
      <c r="AN2954">
        <v>20</v>
      </c>
      <c r="AO2954">
        <v>20</v>
      </c>
      <c r="AP2954">
        <v>20</v>
      </c>
      <c r="AQ2954">
        <v>19</v>
      </c>
    </row>
    <row r="2955" spans="1:43">
      <c r="A2955" t="s">
        <v>1892</v>
      </c>
      <c r="B2955" t="s">
        <v>1893</v>
      </c>
      <c r="C2955" t="s">
        <v>1754</v>
      </c>
      <c r="D2955" t="s">
        <v>1755</v>
      </c>
      <c r="E2955" t="s">
        <v>1586</v>
      </c>
      <c r="F2955" t="s">
        <v>1587</v>
      </c>
      <c r="G2955" t="s">
        <v>80</v>
      </c>
      <c r="H2955" t="s">
        <v>81</v>
      </c>
      <c r="I2955" s="2">
        <v>0</v>
      </c>
      <c r="J2955" s="2">
        <v>1</v>
      </c>
      <c r="K2955" s="2">
        <v>0</v>
      </c>
      <c r="L2955" t="s">
        <v>82</v>
      </c>
      <c r="M2955" t="s">
        <v>87</v>
      </c>
      <c r="N2955" t="s">
        <v>88</v>
      </c>
      <c r="O2955" t="s">
        <v>85</v>
      </c>
      <c r="P2955" t="s">
        <v>86</v>
      </c>
      <c r="Q2955">
        <v>20</v>
      </c>
      <c r="R2955">
        <v>20</v>
      </c>
      <c r="S2955">
        <v>19</v>
      </c>
      <c r="T2955">
        <v>19</v>
      </c>
      <c r="U2955">
        <v>19</v>
      </c>
      <c r="V2955">
        <v>19</v>
      </c>
      <c r="W2955">
        <v>19</v>
      </c>
      <c r="X2955">
        <v>19</v>
      </c>
      <c r="Y2955">
        <v>19</v>
      </c>
      <c r="Z2955">
        <v>19</v>
      </c>
      <c r="AA2955">
        <v>19</v>
      </c>
      <c r="AB2955">
        <v>18</v>
      </c>
      <c r="AC2955">
        <v>18</v>
      </c>
      <c r="AD2955">
        <v>18</v>
      </c>
      <c r="AE2955">
        <v>18</v>
      </c>
      <c r="AF2955">
        <v>18</v>
      </c>
      <c r="AG2955">
        <v>18</v>
      </c>
      <c r="AH2955">
        <v>18</v>
      </c>
      <c r="AI2955">
        <v>18</v>
      </c>
      <c r="AJ2955">
        <v>18</v>
      </c>
      <c r="AK2955">
        <v>18</v>
      </c>
      <c r="AL2955">
        <v>17</v>
      </c>
      <c r="AM2955">
        <v>17</v>
      </c>
      <c r="AN2955">
        <v>17</v>
      </c>
      <c r="AO2955">
        <v>17</v>
      </c>
      <c r="AP2955">
        <v>17</v>
      </c>
      <c r="AQ2955">
        <v>17</v>
      </c>
    </row>
    <row r="2956" spans="1:43">
      <c r="A2956" t="s">
        <v>1892</v>
      </c>
      <c r="B2956" t="s">
        <v>1893</v>
      </c>
      <c r="C2956" t="s">
        <v>1754</v>
      </c>
      <c r="D2956" t="s">
        <v>1755</v>
      </c>
      <c r="E2956" t="s">
        <v>1586</v>
      </c>
      <c r="F2956" t="s">
        <v>1587</v>
      </c>
      <c r="G2956" t="s">
        <v>80</v>
      </c>
      <c r="H2956" t="s">
        <v>81</v>
      </c>
      <c r="I2956" s="2">
        <v>0</v>
      </c>
      <c r="J2956" s="2">
        <v>1</v>
      </c>
      <c r="K2956" s="2">
        <v>0</v>
      </c>
      <c r="L2956" t="s">
        <v>82</v>
      </c>
      <c r="M2956" t="s">
        <v>89</v>
      </c>
      <c r="N2956" t="s">
        <v>90</v>
      </c>
      <c r="O2956" t="s">
        <v>85</v>
      </c>
      <c r="P2956" t="s">
        <v>86</v>
      </c>
      <c r="Q2956">
        <v>20</v>
      </c>
      <c r="R2956">
        <v>20</v>
      </c>
      <c r="S2956">
        <v>21</v>
      </c>
      <c r="T2956">
        <v>21</v>
      </c>
      <c r="U2956">
        <v>21</v>
      </c>
      <c r="V2956">
        <v>21</v>
      </c>
      <c r="W2956">
        <v>21</v>
      </c>
      <c r="X2956">
        <v>21</v>
      </c>
      <c r="Y2956">
        <v>22</v>
      </c>
      <c r="Z2956">
        <v>22</v>
      </c>
      <c r="AA2956">
        <v>22</v>
      </c>
      <c r="AB2956">
        <v>22</v>
      </c>
      <c r="AC2956">
        <v>22</v>
      </c>
      <c r="AD2956">
        <v>22</v>
      </c>
      <c r="AE2956">
        <v>22</v>
      </c>
      <c r="AF2956">
        <v>22</v>
      </c>
      <c r="AG2956">
        <v>22</v>
      </c>
      <c r="AH2956">
        <v>21</v>
      </c>
      <c r="AI2956">
        <v>21</v>
      </c>
      <c r="AJ2956">
        <v>21</v>
      </c>
      <c r="AK2956">
        <v>21</v>
      </c>
      <c r="AL2956">
        <v>20</v>
      </c>
      <c r="AM2956">
        <v>20</v>
      </c>
      <c r="AN2956">
        <v>20</v>
      </c>
      <c r="AO2956">
        <v>20</v>
      </c>
      <c r="AP2956">
        <v>20</v>
      </c>
      <c r="AQ2956">
        <v>20</v>
      </c>
    </row>
    <row r="2957" spans="1:43">
      <c r="A2957" t="s">
        <v>1892</v>
      </c>
      <c r="B2957" t="s">
        <v>1893</v>
      </c>
      <c r="C2957" t="s">
        <v>1754</v>
      </c>
      <c r="D2957" t="s">
        <v>1755</v>
      </c>
      <c r="E2957" t="s">
        <v>1586</v>
      </c>
      <c r="F2957" t="s">
        <v>1587</v>
      </c>
      <c r="G2957" t="s">
        <v>80</v>
      </c>
      <c r="H2957" t="s">
        <v>81</v>
      </c>
      <c r="I2957" s="2">
        <v>0</v>
      </c>
      <c r="J2957" s="2">
        <v>1</v>
      </c>
      <c r="K2957" s="2">
        <v>0</v>
      </c>
      <c r="L2957" t="s">
        <v>82</v>
      </c>
      <c r="M2957" t="s">
        <v>83</v>
      </c>
      <c r="N2957" t="s">
        <v>91</v>
      </c>
      <c r="O2957" t="s">
        <v>85</v>
      </c>
      <c r="P2957" t="s">
        <v>86</v>
      </c>
      <c r="Q2957">
        <v>20</v>
      </c>
      <c r="R2957">
        <v>20</v>
      </c>
      <c r="S2957">
        <v>20</v>
      </c>
      <c r="T2957">
        <v>20</v>
      </c>
      <c r="U2957">
        <v>20</v>
      </c>
      <c r="V2957">
        <v>20</v>
      </c>
      <c r="W2957">
        <v>20</v>
      </c>
      <c r="X2957">
        <v>20</v>
      </c>
      <c r="Y2957">
        <v>20</v>
      </c>
      <c r="Z2957">
        <v>20</v>
      </c>
      <c r="AA2957">
        <v>20</v>
      </c>
      <c r="AB2957">
        <v>20</v>
      </c>
      <c r="AC2957">
        <v>20</v>
      </c>
      <c r="AD2957">
        <v>20</v>
      </c>
      <c r="AE2957">
        <v>20</v>
      </c>
      <c r="AF2957">
        <v>21</v>
      </c>
      <c r="AG2957">
        <v>21</v>
      </c>
      <c r="AH2957">
        <v>21</v>
      </c>
      <c r="AI2957">
        <v>21</v>
      </c>
      <c r="AJ2957">
        <v>21</v>
      </c>
      <c r="AK2957">
        <v>21</v>
      </c>
      <c r="AL2957">
        <v>20</v>
      </c>
      <c r="AM2957">
        <v>20</v>
      </c>
      <c r="AN2957">
        <v>20</v>
      </c>
      <c r="AO2957">
        <v>20</v>
      </c>
      <c r="AP2957">
        <v>20</v>
      </c>
      <c r="AQ2957">
        <v>19</v>
      </c>
    </row>
    <row r="2958" spans="1:43">
      <c r="A2958" t="s">
        <v>1894</v>
      </c>
      <c r="B2958" t="s">
        <v>1895</v>
      </c>
      <c r="C2958" t="s">
        <v>1740</v>
      </c>
      <c r="D2958" t="s">
        <v>1741</v>
      </c>
      <c r="E2958" t="s">
        <v>1586</v>
      </c>
      <c r="F2958" t="s">
        <v>1587</v>
      </c>
      <c r="G2958" t="s">
        <v>80</v>
      </c>
      <c r="H2958" t="s">
        <v>81</v>
      </c>
      <c r="I2958" s="2">
        <v>0</v>
      </c>
      <c r="J2958" s="2">
        <v>1</v>
      </c>
      <c r="K2958" s="2">
        <v>0</v>
      </c>
      <c r="L2958" t="s">
        <v>82</v>
      </c>
      <c r="M2958" t="s">
        <v>83</v>
      </c>
      <c r="N2958" t="s">
        <v>84</v>
      </c>
      <c r="O2958" t="s">
        <v>85</v>
      </c>
      <c r="P2958" t="s">
        <v>86</v>
      </c>
      <c r="Q2958">
        <v>34</v>
      </c>
      <c r="R2958">
        <v>34</v>
      </c>
      <c r="S2958">
        <v>34</v>
      </c>
      <c r="T2958">
        <v>34</v>
      </c>
      <c r="U2958">
        <v>35</v>
      </c>
      <c r="V2958">
        <v>35</v>
      </c>
      <c r="W2958">
        <v>35</v>
      </c>
      <c r="X2958">
        <v>35</v>
      </c>
      <c r="Y2958">
        <v>35</v>
      </c>
      <c r="Z2958">
        <v>35</v>
      </c>
      <c r="AA2958">
        <v>35</v>
      </c>
      <c r="AB2958">
        <v>35</v>
      </c>
      <c r="AC2958">
        <v>35</v>
      </c>
      <c r="AD2958">
        <v>36</v>
      </c>
      <c r="AE2958">
        <v>36</v>
      </c>
      <c r="AF2958">
        <v>36</v>
      </c>
      <c r="AG2958">
        <v>36</v>
      </c>
      <c r="AH2958">
        <v>36</v>
      </c>
      <c r="AI2958">
        <v>36</v>
      </c>
      <c r="AJ2958">
        <v>36</v>
      </c>
      <c r="AK2958">
        <v>36</v>
      </c>
      <c r="AL2958">
        <v>36</v>
      </c>
      <c r="AM2958">
        <v>35</v>
      </c>
      <c r="AN2958">
        <v>35</v>
      </c>
      <c r="AO2958">
        <v>35</v>
      </c>
      <c r="AP2958">
        <v>35</v>
      </c>
      <c r="AQ2958">
        <v>34</v>
      </c>
    </row>
    <row r="2959" spans="1:43">
      <c r="A2959" t="s">
        <v>1894</v>
      </c>
      <c r="B2959" t="s">
        <v>1895</v>
      </c>
      <c r="C2959" t="s">
        <v>1740</v>
      </c>
      <c r="D2959" t="s">
        <v>1741</v>
      </c>
      <c r="E2959" t="s">
        <v>1586</v>
      </c>
      <c r="F2959" t="s">
        <v>1587</v>
      </c>
      <c r="G2959" t="s">
        <v>80</v>
      </c>
      <c r="H2959" t="s">
        <v>81</v>
      </c>
      <c r="I2959" s="2">
        <v>0</v>
      </c>
      <c r="J2959" s="2">
        <v>1</v>
      </c>
      <c r="K2959" s="2">
        <v>0</v>
      </c>
      <c r="L2959" t="s">
        <v>82</v>
      </c>
      <c r="M2959" t="s">
        <v>87</v>
      </c>
      <c r="N2959" t="s">
        <v>88</v>
      </c>
      <c r="O2959" t="s">
        <v>85</v>
      </c>
      <c r="P2959" t="s">
        <v>86</v>
      </c>
      <c r="Q2959">
        <v>34</v>
      </c>
      <c r="R2959">
        <v>34</v>
      </c>
      <c r="S2959">
        <v>33</v>
      </c>
      <c r="T2959">
        <v>33</v>
      </c>
      <c r="U2959">
        <v>33</v>
      </c>
      <c r="V2959">
        <v>33</v>
      </c>
      <c r="W2959">
        <v>33</v>
      </c>
      <c r="X2959">
        <v>33</v>
      </c>
      <c r="Y2959">
        <v>32</v>
      </c>
      <c r="Z2959">
        <v>32</v>
      </c>
      <c r="AA2959">
        <v>32</v>
      </c>
      <c r="AB2959">
        <v>32</v>
      </c>
      <c r="AC2959">
        <v>32</v>
      </c>
      <c r="AD2959">
        <v>32</v>
      </c>
      <c r="AE2959">
        <v>32</v>
      </c>
      <c r="AF2959">
        <v>31</v>
      </c>
      <c r="AG2959">
        <v>31</v>
      </c>
      <c r="AH2959">
        <v>31</v>
      </c>
      <c r="AI2959">
        <v>31</v>
      </c>
      <c r="AJ2959">
        <v>31</v>
      </c>
      <c r="AK2959">
        <v>31</v>
      </c>
      <c r="AL2959">
        <v>31</v>
      </c>
      <c r="AM2959">
        <v>30</v>
      </c>
      <c r="AN2959">
        <v>30</v>
      </c>
      <c r="AO2959">
        <v>30</v>
      </c>
      <c r="AP2959">
        <v>30</v>
      </c>
      <c r="AQ2959">
        <v>30</v>
      </c>
    </row>
    <row r="2960" spans="1:43">
      <c r="A2960" t="s">
        <v>1894</v>
      </c>
      <c r="B2960" t="s">
        <v>1895</v>
      </c>
      <c r="C2960" t="s">
        <v>1740</v>
      </c>
      <c r="D2960" t="s">
        <v>1741</v>
      </c>
      <c r="E2960" t="s">
        <v>1586</v>
      </c>
      <c r="F2960" t="s">
        <v>1587</v>
      </c>
      <c r="G2960" t="s">
        <v>80</v>
      </c>
      <c r="H2960" t="s">
        <v>81</v>
      </c>
      <c r="I2960" s="2">
        <v>0</v>
      </c>
      <c r="J2960" s="2">
        <v>1</v>
      </c>
      <c r="K2960" s="2">
        <v>0</v>
      </c>
      <c r="L2960" t="s">
        <v>82</v>
      </c>
      <c r="M2960" t="s">
        <v>89</v>
      </c>
      <c r="N2960" t="s">
        <v>90</v>
      </c>
      <c r="O2960" t="s">
        <v>85</v>
      </c>
      <c r="P2960" t="s">
        <v>86</v>
      </c>
      <c r="Q2960">
        <v>34</v>
      </c>
      <c r="R2960">
        <v>35</v>
      </c>
      <c r="S2960">
        <v>35</v>
      </c>
      <c r="T2960">
        <v>36</v>
      </c>
      <c r="U2960">
        <v>36</v>
      </c>
      <c r="V2960">
        <v>36</v>
      </c>
      <c r="W2960">
        <v>37</v>
      </c>
      <c r="X2960">
        <v>37</v>
      </c>
      <c r="Y2960">
        <v>37</v>
      </c>
      <c r="Z2960">
        <v>37</v>
      </c>
      <c r="AA2960">
        <v>38</v>
      </c>
      <c r="AB2960">
        <v>38</v>
      </c>
      <c r="AC2960">
        <v>38</v>
      </c>
      <c r="AD2960">
        <v>38</v>
      </c>
      <c r="AE2960">
        <v>38</v>
      </c>
      <c r="AF2960">
        <v>38</v>
      </c>
      <c r="AG2960">
        <v>37</v>
      </c>
      <c r="AH2960">
        <v>37</v>
      </c>
      <c r="AI2960">
        <v>37</v>
      </c>
      <c r="AJ2960">
        <v>37</v>
      </c>
      <c r="AK2960">
        <v>36</v>
      </c>
      <c r="AL2960">
        <v>36</v>
      </c>
      <c r="AM2960">
        <v>36</v>
      </c>
      <c r="AN2960">
        <v>35</v>
      </c>
      <c r="AO2960">
        <v>35</v>
      </c>
      <c r="AP2960">
        <v>35</v>
      </c>
      <c r="AQ2960">
        <v>35</v>
      </c>
    </row>
    <row r="2961" spans="1:43">
      <c r="A2961" t="s">
        <v>1894</v>
      </c>
      <c r="B2961" t="s">
        <v>1895</v>
      </c>
      <c r="C2961" t="s">
        <v>1740</v>
      </c>
      <c r="D2961" t="s">
        <v>1741</v>
      </c>
      <c r="E2961" t="s">
        <v>1586</v>
      </c>
      <c r="F2961" t="s">
        <v>1587</v>
      </c>
      <c r="G2961" t="s">
        <v>80</v>
      </c>
      <c r="H2961" t="s">
        <v>81</v>
      </c>
      <c r="I2961" s="2">
        <v>0</v>
      </c>
      <c r="J2961" s="2">
        <v>1</v>
      </c>
      <c r="K2961" s="2">
        <v>0</v>
      </c>
      <c r="L2961" t="s">
        <v>82</v>
      </c>
      <c r="M2961" t="s">
        <v>83</v>
      </c>
      <c r="N2961" t="s">
        <v>91</v>
      </c>
      <c r="O2961" t="s">
        <v>85</v>
      </c>
      <c r="P2961" t="s">
        <v>86</v>
      </c>
      <c r="Q2961">
        <v>34</v>
      </c>
      <c r="R2961">
        <v>34</v>
      </c>
      <c r="S2961">
        <v>34</v>
      </c>
      <c r="T2961">
        <v>34</v>
      </c>
      <c r="U2961">
        <v>35</v>
      </c>
      <c r="V2961">
        <v>35</v>
      </c>
      <c r="W2961">
        <v>35</v>
      </c>
      <c r="X2961">
        <v>35</v>
      </c>
      <c r="Y2961">
        <v>35</v>
      </c>
      <c r="Z2961">
        <v>35</v>
      </c>
      <c r="AA2961">
        <v>35</v>
      </c>
      <c r="AB2961">
        <v>35</v>
      </c>
      <c r="AC2961">
        <v>35</v>
      </c>
      <c r="AD2961">
        <v>36</v>
      </c>
      <c r="AE2961">
        <v>36</v>
      </c>
      <c r="AF2961">
        <v>36</v>
      </c>
      <c r="AG2961">
        <v>36</v>
      </c>
      <c r="AH2961">
        <v>36</v>
      </c>
      <c r="AI2961">
        <v>36</v>
      </c>
      <c r="AJ2961">
        <v>36</v>
      </c>
      <c r="AK2961">
        <v>36</v>
      </c>
      <c r="AL2961">
        <v>36</v>
      </c>
      <c r="AM2961">
        <v>35</v>
      </c>
      <c r="AN2961">
        <v>35</v>
      </c>
      <c r="AO2961">
        <v>35</v>
      </c>
      <c r="AP2961">
        <v>35</v>
      </c>
      <c r="AQ2961">
        <v>34</v>
      </c>
    </row>
    <row r="2962" spans="1:43">
      <c r="A2962" t="s">
        <v>1896</v>
      </c>
      <c r="B2962" t="s">
        <v>1897</v>
      </c>
      <c r="C2962" t="s">
        <v>1754</v>
      </c>
      <c r="D2962" t="s">
        <v>1755</v>
      </c>
      <c r="E2962" t="s">
        <v>1586</v>
      </c>
      <c r="F2962" t="s">
        <v>1587</v>
      </c>
      <c r="G2962" t="s">
        <v>80</v>
      </c>
      <c r="H2962" t="s">
        <v>81</v>
      </c>
      <c r="I2962" s="2">
        <v>0</v>
      </c>
      <c r="J2962" s="2">
        <v>1</v>
      </c>
      <c r="K2962" s="2">
        <v>0</v>
      </c>
      <c r="L2962" t="s">
        <v>82</v>
      </c>
      <c r="M2962" t="s">
        <v>83</v>
      </c>
      <c r="N2962" t="s">
        <v>84</v>
      </c>
      <c r="O2962" t="s">
        <v>85</v>
      </c>
      <c r="P2962" t="s">
        <v>86</v>
      </c>
      <c r="Q2962">
        <v>53</v>
      </c>
      <c r="R2962">
        <v>53</v>
      </c>
      <c r="S2962">
        <v>53</v>
      </c>
      <c r="T2962">
        <v>53</v>
      </c>
      <c r="U2962">
        <v>53</v>
      </c>
      <c r="V2962">
        <v>53</v>
      </c>
      <c r="W2962">
        <v>53</v>
      </c>
      <c r="X2962">
        <v>54</v>
      </c>
      <c r="Y2962">
        <v>54</v>
      </c>
      <c r="Z2962">
        <v>54</v>
      </c>
      <c r="AA2962">
        <v>54</v>
      </c>
      <c r="AB2962">
        <v>54</v>
      </c>
      <c r="AC2962">
        <v>54</v>
      </c>
      <c r="AD2962">
        <v>54</v>
      </c>
      <c r="AE2962">
        <v>54</v>
      </c>
      <c r="AF2962">
        <v>54</v>
      </c>
      <c r="AG2962">
        <v>54</v>
      </c>
      <c r="AH2962">
        <v>54</v>
      </c>
      <c r="AI2962">
        <v>54</v>
      </c>
      <c r="AJ2962">
        <v>54</v>
      </c>
      <c r="AK2962">
        <v>54</v>
      </c>
      <c r="AL2962">
        <v>53</v>
      </c>
      <c r="AM2962">
        <v>53</v>
      </c>
      <c r="AN2962">
        <v>52</v>
      </c>
      <c r="AO2962">
        <v>52</v>
      </c>
      <c r="AP2962">
        <v>51</v>
      </c>
      <c r="AQ2962">
        <v>51</v>
      </c>
    </row>
    <row r="2963" spans="1:43">
      <c r="A2963" t="s">
        <v>1896</v>
      </c>
      <c r="B2963" t="s">
        <v>1897</v>
      </c>
      <c r="C2963" t="s">
        <v>1754</v>
      </c>
      <c r="D2963" t="s">
        <v>1755</v>
      </c>
      <c r="E2963" t="s">
        <v>1586</v>
      </c>
      <c r="F2963" t="s">
        <v>1587</v>
      </c>
      <c r="G2963" t="s">
        <v>80</v>
      </c>
      <c r="H2963" t="s">
        <v>81</v>
      </c>
      <c r="I2963" s="2">
        <v>0</v>
      </c>
      <c r="J2963" s="2">
        <v>1</v>
      </c>
      <c r="K2963" s="2">
        <v>0</v>
      </c>
      <c r="L2963" t="s">
        <v>82</v>
      </c>
      <c r="M2963" t="s">
        <v>87</v>
      </c>
      <c r="N2963" t="s">
        <v>88</v>
      </c>
      <c r="O2963" t="s">
        <v>85</v>
      </c>
      <c r="P2963" t="s">
        <v>86</v>
      </c>
      <c r="Q2963">
        <v>53</v>
      </c>
      <c r="R2963">
        <v>53</v>
      </c>
      <c r="S2963">
        <v>53</v>
      </c>
      <c r="T2963">
        <v>52</v>
      </c>
      <c r="U2963">
        <v>52</v>
      </c>
      <c r="V2963">
        <v>52</v>
      </c>
      <c r="W2963">
        <v>51</v>
      </c>
      <c r="X2963">
        <v>51</v>
      </c>
      <c r="Y2963">
        <v>51</v>
      </c>
      <c r="Z2963">
        <v>50</v>
      </c>
      <c r="AA2963">
        <v>50</v>
      </c>
      <c r="AB2963">
        <v>50</v>
      </c>
      <c r="AC2963">
        <v>49</v>
      </c>
      <c r="AD2963">
        <v>49</v>
      </c>
      <c r="AE2963">
        <v>49</v>
      </c>
      <c r="AF2963">
        <v>48</v>
      </c>
      <c r="AG2963">
        <v>48</v>
      </c>
      <c r="AH2963">
        <v>48</v>
      </c>
      <c r="AI2963">
        <v>48</v>
      </c>
      <c r="AJ2963">
        <v>47</v>
      </c>
      <c r="AK2963">
        <v>47</v>
      </c>
      <c r="AL2963">
        <v>47</v>
      </c>
      <c r="AM2963">
        <v>46</v>
      </c>
      <c r="AN2963">
        <v>46</v>
      </c>
      <c r="AO2963">
        <v>46</v>
      </c>
      <c r="AP2963">
        <v>46</v>
      </c>
      <c r="AQ2963">
        <v>45</v>
      </c>
    </row>
    <row r="2964" spans="1:43">
      <c r="A2964" t="s">
        <v>1896</v>
      </c>
      <c r="B2964" t="s">
        <v>1897</v>
      </c>
      <c r="C2964" t="s">
        <v>1754</v>
      </c>
      <c r="D2964" t="s">
        <v>1755</v>
      </c>
      <c r="E2964" t="s">
        <v>1586</v>
      </c>
      <c r="F2964" t="s">
        <v>1587</v>
      </c>
      <c r="G2964" t="s">
        <v>80</v>
      </c>
      <c r="H2964" t="s">
        <v>81</v>
      </c>
      <c r="I2964" s="2">
        <v>0</v>
      </c>
      <c r="J2964" s="2">
        <v>1</v>
      </c>
      <c r="K2964" s="2">
        <v>0</v>
      </c>
      <c r="L2964" t="s">
        <v>82</v>
      </c>
      <c r="M2964" t="s">
        <v>89</v>
      </c>
      <c r="N2964" t="s">
        <v>90</v>
      </c>
      <c r="O2964" t="s">
        <v>85</v>
      </c>
      <c r="P2964" t="s">
        <v>86</v>
      </c>
      <c r="Q2964">
        <v>53</v>
      </c>
      <c r="R2964">
        <v>54</v>
      </c>
      <c r="S2964">
        <v>54</v>
      </c>
      <c r="T2964">
        <v>55</v>
      </c>
      <c r="U2964">
        <v>55</v>
      </c>
      <c r="V2964">
        <v>56</v>
      </c>
      <c r="W2964">
        <v>56</v>
      </c>
      <c r="X2964">
        <v>57</v>
      </c>
      <c r="Y2964">
        <v>57</v>
      </c>
      <c r="Z2964">
        <v>57</v>
      </c>
      <c r="AA2964">
        <v>57</v>
      </c>
      <c r="AB2964">
        <v>57</v>
      </c>
      <c r="AC2964">
        <v>58</v>
      </c>
      <c r="AD2964">
        <v>58</v>
      </c>
      <c r="AE2964">
        <v>58</v>
      </c>
      <c r="AF2964">
        <v>57</v>
      </c>
      <c r="AG2964">
        <v>57</v>
      </c>
      <c r="AH2964">
        <v>56</v>
      </c>
      <c r="AI2964">
        <v>55</v>
      </c>
      <c r="AJ2964">
        <v>55</v>
      </c>
      <c r="AK2964">
        <v>54</v>
      </c>
      <c r="AL2964">
        <v>54</v>
      </c>
      <c r="AM2964">
        <v>53</v>
      </c>
      <c r="AN2964">
        <v>53</v>
      </c>
      <c r="AO2964">
        <v>52</v>
      </c>
      <c r="AP2964">
        <v>51</v>
      </c>
      <c r="AQ2964">
        <v>51</v>
      </c>
    </row>
    <row r="2965" spans="1:43">
      <c r="A2965" t="s">
        <v>1896</v>
      </c>
      <c r="B2965" t="s">
        <v>1897</v>
      </c>
      <c r="C2965" t="s">
        <v>1754</v>
      </c>
      <c r="D2965" t="s">
        <v>1755</v>
      </c>
      <c r="E2965" t="s">
        <v>1586</v>
      </c>
      <c r="F2965" t="s">
        <v>1587</v>
      </c>
      <c r="G2965" t="s">
        <v>80</v>
      </c>
      <c r="H2965" t="s">
        <v>81</v>
      </c>
      <c r="I2965" s="2">
        <v>0</v>
      </c>
      <c r="J2965" s="2">
        <v>1</v>
      </c>
      <c r="K2965" s="2">
        <v>0</v>
      </c>
      <c r="L2965" t="s">
        <v>82</v>
      </c>
      <c r="M2965" t="s">
        <v>83</v>
      </c>
      <c r="N2965" t="s">
        <v>91</v>
      </c>
      <c r="O2965" t="s">
        <v>85</v>
      </c>
      <c r="P2965" t="s">
        <v>86</v>
      </c>
      <c r="Q2965">
        <v>53</v>
      </c>
      <c r="R2965">
        <v>53</v>
      </c>
      <c r="S2965">
        <v>53</v>
      </c>
      <c r="T2965">
        <v>53</v>
      </c>
      <c r="U2965">
        <v>53</v>
      </c>
      <c r="V2965">
        <v>53</v>
      </c>
      <c r="W2965">
        <v>53</v>
      </c>
      <c r="X2965">
        <v>54</v>
      </c>
      <c r="Y2965">
        <v>54</v>
      </c>
      <c r="Z2965">
        <v>54</v>
      </c>
      <c r="AA2965">
        <v>54</v>
      </c>
      <c r="AB2965">
        <v>54</v>
      </c>
      <c r="AC2965">
        <v>54</v>
      </c>
      <c r="AD2965">
        <v>54</v>
      </c>
      <c r="AE2965">
        <v>54</v>
      </c>
      <c r="AF2965">
        <v>54</v>
      </c>
      <c r="AG2965">
        <v>54</v>
      </c>
      <c r="AH2965">
        <v>54</v>
      </c>
      <c r="AI2965">
        <v>54</v>
      </c>
      <c r="AJ2965">
        <v>54</v>
      </c>
      <c r="AK2965">
        <v>54</v>
      </c>
      <c r="AL2965">
        <v>53</v>
      </c>
      <c r="AM2965">
        <v>53</v>
      </c>
      <c r="AN2965">
        <v>52</v>
      </c>
      <c r="AO2965">
        <v>52</v>
      </c>
      <c r="AP2965">
        <v>51</v>
      </c>
      <c r="AQ2965">
        <v>51</v>
      </c>
    </row>
    <row r="2966" spans="1:43">
      <c r="A2966" t="s">
        <v>1898</v>
      </c>
      <c r="B2966" t="s">
        <v>1899</v>
      </c>
      <c r="C2966" t="s">
        <v>1890</v>
      </c>
      <c r="D2966" t="s">
        <v>1891</v>
      </c>
      <c r="E2966" t="s">
        <v>1586</v>
      </c>
      <c r="F2966" t="s">
        <v>1587</v>
      </c>
      <c r="G2966" t="s">
        <v>80</v>
      </c>
      <c r="H2966" t="s">
        <v>81</v>
      </c>
      <c r="I2966" s="2">
        <v>0</v>
      </c>
      <c r="J2966" s="2">
        <v>1</v>
      </c>
      <c r="K2966" s="2">
        <v>0</v>
      </c>
      <c r="L2966" t="s">
        <v>82</v>
      </c>
      <c r="M2966" t="s">
        <v>83</v>
      </c>
      <c r="N2966" t="s">
        <v>84</v>
      </c>
      <c r="O2966" t="s">
        <v>85</v>
      </c>
      <c r="P2966" t="s">
        <v>86</v>
      </c>
      <c r="Q2966">
        <v>4</v>
      </c>
      <c r="R2966">
        <v>4</v>
      </c>
      <c r="S2966">
        <v>4</v>
      </c>
      <c r="T2966">
        <v>4</v>
      </c>
      <c r="U2966">
        <v>4</v>
      </c>
      <c r="V2966">
        <v>4</v>
      </c>
      <c r="W2966">
        <v>4</v>
      </c>
      <c r="X2966">
        <v>4</v>
      </c>
      <c r="Y2966">
        <v>4</v>
      </c>
      <c r="Z2966">
        <v>4</v>
      </c>
      <c r="AA2966">
        <v>4</v>
      </c>
      <c r="AB2966">
        <v>4</v>
      </c>
      <c r="AC2966">
        <v>4</v>
      </c>
      <c r="AD2966">
        <v>4</v>
      </c>
      <c r="AE2966">
        <v>4</v>
      </c>
      <c r="AF2966">
        <v>4</v>
      </c>
      <c r="AG2966">
        <v>4</v>
      </c>
      <c r="AH2966">
        <v>4</v>
      </c>
      <c r="AI2966">
        <v>4</v>
      </c>
      <c r="AJ2966">
        <v>4</v>
      </c>
      <c r="AK2966">
        <v>4</v>
      </c>
      <c r="AL2966">
        <v>4</v>
      </c>
      <c r="AM2966">
        <v>4</v>
      </c>
      <c r="AN2966">
        <v>4</v>
      </c>
      <c r="AO2966">
        <v>4</v>
      </c>
      <c r="AP2966">
        <v>4</v>
      </c>
      <c r="AQ2966">
        <v>4</v>
      </c>
    </row>
    <row r="2967" spans="1:43">
      <c r="A2967" t="s">
        <v>1898</v>
      </c>
      <c r="B2967" t="s">
        <v>1899</v>
      </c>
      <c r="C2967" t="s">
        <v>1890</v>
      </c>
      <c r="D2967" t="s">
        <v>1891</v>
      </c>
      <c r="E2967" t="s">
        <v>1586</v>
      </c>
      <c r="F2967" t="s">
        <v>1587</v>
      </c>
      <c r="G2967" t="s">
        <v>80</v>
      </c>
      <c r="H2967" t="s">
        <v>81</v>
      </c>
      <c r="I2967" s="2">
        <v>0</v>
      </c>
      <c r="J2967" s="2">
        <v>1</v>
      </c>
      <c r="K2967" s="2">
        <v>0</v>
      </c>
      <c r="L2967" t="s">
        <v>82</v>
      </c>
      <c r="M2967" t="s">
        <v>87</v>
      </c>
      <c r="N2967" t="s">
        <v>88</v>
      </c>
      <c r="O2967" t="s">
        <v>85</v>
      </c>
      <c r="P2967" t="s">
        <v>86</v>
      </c>
      <c r="Q2967">
        <v>4</v>
      </c>
      <c r="R2967">
        <v>4</v>
      </c>
      <c r="S2967">
        <v>4</v>
      </c>
      <c r="T2967">
        <v>4</v>
      </c>
      <c r="U2967">
        <v>4</v>
      </c>
      <c r="V2967">
        <v>4</v>
      </c>
      <c r="W2967">
        <v>4</v>
      </c>
      <c r="X2967">
        <v>4</v>
      </c>
      <c r="Y2967">
        <v>4</v>
      </c>
      <c r="Z2967">
        <v>4</v>
      </c>
      <c r="AA2967">
        <v>4</v>
      </c>
      <c r="AB2967">
        <v>4</v>
      </c>
      <c r="AC2967">
        <v>4</v>
      </c>
      <c r="AD2967">
        <v>4</v>
      </c>
      <c r="AE2967">
        <v>4</v>
      </c>
      <c r="AF2967">
        <v>4</v>
      </c>
      <c r="AG2967">
        <v>4</v>
      </c>
      <c r="AH2967">
        <v>4</v>
      </c>
      <c r="AI2967">
        <v>4</v>
      </c>
      <c r="AJ2967">
        <v>4</v>
      </c>
      <c r="AK2967">
        <v>4</v>
      </c>
      <c r="AL2967">
        <v>4</v>
      </c>
      <c r="AM2967">
        <v>4</v>
      </c>
      <c r="AN2967">
        <v>4</v>
      </c>
      <c r="AO2967">
        <v>4</v>
      </c>
      <c r="AP2967">
        <v>4</v>
      </c>
      <c r="AQ2967">
        <v>4</v>
      </c>
    </row>
    <row r="2968" spans="1:43">
      <c r="A2968" t="s">
        <v>1898</v>
      </c>
      <c r="B2968" t="s">
        <v>1899</v>
      </c>
      <c r="C2968" t="s">
        <v>1890</v>
      </c>
      <c r="D2968" t="s">
        <v>1891</v>
      </c>
      <c r="E2968" t="s">
        <v>1586</v>
      </c>
      <c r="F2968" t="s">
        <v>1587</v>
      </c>
      <c r="G2968" t="s">
        <v>80</v>
      </c>
      <c r="H2968" t="s">
        <v>81</v>
      </c>
      <c r="I2968" s="2">
        <v>0</v>
      </c>
      <c r="J2968" s="2">
        <v>1</v>
      </c>
      <c r="K2968" s="2">
        <v>0</v>
      </c>
      <c r="L2968" t="s">
        <v>82</v>
      </c>
      <c r="M2968" t="s">
        <v>89</v>
      </c>
      <c r="N2968" t="s">
        <v>90</v>
      </c>
      <c r="O2968" t="s">
        <v>85</v>
      </c>
      <c r="P2968" t="s">
        <v>86</v>
      </c>
      <c r="Q2968">
        <v>4</v>
      </c>
      <c r="R2968">
        <v>4</v>
      </c>
      <c r="S2968">
        <v>4</v>
      </c>
      <c r="T2968">
        <v>4</v>
      </c>
      <c r="U2968">
        <v>4</v>
      </c>
      <c r="V2968">
        <v>4</v>
      </c>
      <c r="W2968">
        <v>4</v>
      </c>
      <c r="X2968">
        <v>4</v>
      </c>
      <c r="Y2968">
        <v>4</v>
      </c>
      <c r="Z2968">
        <v>4</v>
      </c>
      <c r="AA2968">
        <v>4</v>
      </c>
      <c r="AB2968">
        <v>4</v>
      </c>
      <c r="AC2968">
        <v>4</v>
      </c>
      <c r="AD2968">
        <v>5</v>
      </c>
      <c r="AE2968">
        <v>5</v>
      </c>
      <c r="AF2968">
        <v>4</v>
      </c>
      <c r="AG2968">
        <v>4</v>
      </c>
      <c r="AH2968">
        <v>4</v>
      </c>
      <c r="AI2968">
        <v>4</v>
      </c>
      <c r="AJ2968">
        <v>4</v>
      </c>
      <c r="AK2968">
        <v>4</v>
      </c>
      <c r="AL2968">
        <v>4</v>
      </c>
      <c r="AM2968">
        <v>4</v>
      </c>
      <c r="AN2968">
        <v>4</v>
      </c>
      <c r="AO2968">
        <v>4</v>
      </c>
      <c r="AP2968">
        <v>4</v>
      </c>
      <c r="AQ2968">
        <v>4</v>
      </c>
    </row>
    <row r="2969" spans="1:43">
      <c r="A2969" t="s">
        <v>1898</v>
      </c>
      <c r="B2969" t="s">
        <v>1899</v>
      </c>
      <c r="C2969" t="s">
        <v>1890</v>
      </c>
      <c r="D2969" t="s">
        <v>1891</v>
      </c>
      <c r="E2969" t="s">
        <v>1586</v>
      </c>
      <c r="F2969" t="s">
        <v>1587</v>
      </c>
      <c r="G2969" t="s">
        <v>80</v>
      </c>
      <c r="H2969" t="s">
        <v>81</v>
      </c>
      <c r="I2969" s="2">
        <v>0</v>
      </c>
      <c r="J2969" s="2">
        <v>1</v>
      </c>
      <c r="K2969" s="2">
        <v>0</v>
      </c>
      <c r="L2969" t="s">
        <v>82</v>
      </c>
      <c r="M2969" t="s">
        <v>83</v>
      </c>
      <c r="N2969" t="s">
        <v>91</v>
      </c>
      <c r="O2969" t="s">
        <v>85</v>
      </c>
      <c r="P2969" t="s">
        <v>86</v>
      </c>
      <c r="Q2969">
        <v>4</v>
      </c>
      <c r="R2969">
        <v>4</v>
      </c>
      <c r="S2969">
        <v>4</v>
      </c>
      <c r="T2969">
        <v>4</v>
      </c>
      <c r="U2969">
        <v>4</v>
      </c>
      <c r="V2969">
        <v>4</v>
      </c>
      <c r="W2969">
        <v>4</v>
      </c>
      <c r="X2969">
        <v>4</v>
      </c>
      <c r="Y2969">
        <v>4</v>
      </c>
      <c r="Z2969">
        <v>4</v>
      </c>
      <c r="AA2969">
        <v>4</v>
      </c>
      <c r="AB2969">
        <v>4</v>
      </c>
      <c r="AC2969">
        <v>4</v>
      </c>
      <c r="AD2969">
        <v>4</v>
      </c>
      <c r="AE2969">
        <v>4</v>
      </c>
      <c r="AF2969">
        <v>4</v>
      </c>
      <c r="AG2969">
        <v>4</v>
      </c>
      <c r="AH2969">
        <v>4</v>
      </c>
      <c r="AI2969">
        <v>4</v>
      </c>
      <c r="AJ2969">
        <v>4</v>
      </c>
      <c r="AK2969">
        <v>4</v>
      </c>
      <c r="AL2969">
        <v>4</v>
      </c>
      <c r="AM2969">
        <v>4</v>
      </c>
      <c r="AN2969">
        <v>4</v>
      </c>
      <c r="AO2969">
        <v>4</v>
      </c>
      <c r="AP2969">
        <v>4</v>
      </c>
      <c r="AQ2969">
        <v>4</v>
      </c>
    </row>
    <row r="2970" spans="1:43">
      <c r="A2970" t="s">
        <v>1900</v>
      </c>
      <c r="B2970" t="s">
        <v>1901</v>
      </c>
      <c r="C2970" t="s">
        <v>1740</v>
      </c>
      <c r="D2970" t="s">
        <v>1741</v>
      </c>
      <c r="E2970" t="s">
        <v>1586</v>
      </c>
      <c r="F2970" t="s">
        <v>1587</v>
      </c>
      <c r="G2970" t="s">
        <v>80</v>
      </c>
      <c r="H2970" t="s">
        <v>81</v>
      </c>
      <c r="I2970" s="2">
        <v>0</v>
      </c>
      <c r="J2970" s="2">
        <v>1</v>
      </c>
      <c r="K2970" s="2">
        <v>0</v>
      </c>
      <c r="L2970" t="s">
        <v>82</v>
      </c>
      <c r="M2970" t="s">
        <v>83</v>
      </c>
      <c r="N2970" t="s">
        <v>84</v>
      </c>
      <c r="O2970" t="s">
        <v>85</v>
      </c>
      <c r="P2970" t="s">
        <v>86</v>
      </c>
      <c r="Q2970">
        <v>22</v>
      </c>
      <c r="R2970">
        <v>22</v>
      </c>
      <c r="S2970">
        <v>22</v>
      </c>
      <c r="T2970">
        <v>23</v>
      </c>
      <c r="U2970">
        <v>23</v>
      </c>
      <c r="V2970">
        <v>23</v>
      </c>
      <c r="W2970">
        <v>23</v>
      </c>
      <c r="X2970">
        <v>23</v>
      </c>
      <c r="Y2970">
        <v>23</v>
      </c>
      <c r="Z2970">
        <v>23</v>
      </c>
      <c r="AA2970">
        <v>23</v>
      </c>
      <c r="AB2970">
        <v>23</v>
      </c>
      <c r="AC2970">
        <v>23</v>
      </c>
      <c r="AD2970">
        <v>23</v>
      </c>
      <c r="AE2970">
        <v>23</v>
      </c>
      <c r="AF2970">
        <v>23</v>
      </c>
      <c r="AG2970">
        <v>23</v>
      </c>
      <c r="AH2970">
        <v>23</v>
      </c>
      <c r="AI2970">
        <v>23</v>
      </c>
      <c r="AJ2970">
        <v>23</v>
      </c>
      <c r="AK2970">
        <v>23</v>
      </c>
      <c r="AL2970">
        <v>23</v>
      </c>
      <c r="AM2970">
        <v>23</v>
      </c>
      <c r="AN2970">
        <v>23</v>
      </c>
      <c r="AO2970">
        <v>23</v>
      </c>
      <c r="AP2970">
        <v>23</v>
      </c>
      <c r="AQ2970">
        <v>22</v>
      </c>
    </row>
    <row r="2971" spans="1:43">
      <c r="A2971" t="s">
        <v>1900</v>
      </c>
      <c r="B2971" t="s">
        <v>1901</v>
      </c>
      <c r="C2971" t="s">
        <v>1740</v>
      </c>
      <c r="D2971" t="s">
        <v>1741</v>
      </c>
      <c r="E2971" t="s">
        <v>1586</v>
      </c>
      <c r="F2971" t="s">
        <v>1587</v>
      </c>
      <c r="G2971" t="s">
        <v>80</v>
      </c>
      <c r="H2971" t="s">
        <v>81</v>
      </c>
      <c r="I2971" s="2">
        <v>0</v>
      </c>
      <c r="J2971" s="2">
        <v>1</v>
      </c>
      <c r="K2971" s="2">
        <v>0</v>
      </c>
      <c r="L2971" t="s">
        <v>82</v>
      </c>
      <c r="M2971" t="s">
        <v>87</v>
      </c>
      <c r="N2971" t="s">
        <v>88</v>
      </c>
      <c r="O2971" t="s">
        <v>85</v>
      </c>
      <c r="P2971" t="s">
        <v>86</v>
      </c>
      <c r="Q2971">
        <v>22</v>
      </c>
      <c r="R2971">
        <v>22</v>
      </c>
      <c r="S2971">
        <v>22</v>
      </c>
      <c r="T2971">
        <v>22</v>
      </c>
      <c r="U2971">
        <v>22</v>
      </c>
      <c r="V2971">
        <v>22</v>
      </c>
      <c r="W2971">
        <v>21</v>
      </c>
      <c r="X2971">
        <v>21</v>
      </c>
      <c r="Y2971">
        <v>21</v>
      </c>
      <c r="Z2971">
        <v>21</v>
      </c>
      <c r="AA2971">
        <v>21</v>
      </c>
      <c r="AB2971">
        <v>21</v>
      </c>
      <c r="AC2971">
        <v>21</v>
      </c>
      <c r="AD2971">
        <v>21</v>
      </c>
      <c r="AE2971">
        <v>21</v>
      </c>
      <c r="AF2971">
        <v>21</v>
      </c>
      <c r="AG2971">
        <v>21</v>
      </c>
      <c r="AH2971">
        <v>20</v>
      </c>
      <c r="AI2971">
        <v>20</v>
      </c>
      <c r="AJ2971">
        <v>20</v>
      </c>
      <c r="AK2971">
        <v>20</v>
      </c>
      <c r="AL2971">
        <v>20</v>
      </c>
      <c r="AM2971">
        <v>20</v>
      </c>
      <c r="AN2971">
        <v>20</v>
      </c>
      <c r="AO2971">
        <v>20</v>
      </c>
      <c r="AP2971">
        <v>20</v>
      </c>
      <c r="AQ2971">
        <v>20</v>
      </c>
    </row>
    <row r="2972" spans="1:43">
      <c r="A2972" t="s">
        <v>1900</v>
      </c>
      <c r="B2972" t="s">
        <v>1901</v>
      </c>
      <c r="C2972" t="s">
        <v>1740</v>
      </c>
      <c r="D2972" t="s">
        <v>1741</v>
      </c>
      <c r="E2972" t="s">
        <v>1586</v>
      </c>
      <c r="F2972" t="s">
        <v>1587</v>
      </c>
      <c r="G2972" t="s">
        <v>80</v>
      </c>
      <c r="H2972" t="s">
        <v>81</v>
      </c>
      <c r="I2972" s="2">
        <v>0</v>
      </c>
      <c r="J2972" s="2">
        <v>1</v>
      </c>
      <c r="K2972" s="2">
        <v>0</v>
      </c>
      <c r="L2972" t="s">
        <v>82</v>
      </c>
      <c r="M2972" t="s">
        <v>89</v>
      </c>
      <c r="N2972" t="s">
        <v>90</v>
      </c>
      <c r="O2972" t="s">
        <v>85</v>
      </c>
      <c r="P2972" t="s">
        <v>86</v>
      </c>
      <c r="Q2972">
        <v>22</v>
      </c>
      <c r="R2972">
        <v>23</v>
      </c>
      <c r="S2972">
        <v>23</v>
      </c>
      <c r="T2972">
        <v>23</v>
      </c>
      <c r="U2972">
        <v>24</v>
      </c>
      <c r="V2972">
        <v>24</v>
      </c>
      <c r="W2972">
        <v>24</v>
      </c>
      <c r="X2972">
        <v>24</v>
      </c>
      <c r="Y2972">
        <v>24</v>
      </c>
      <c r="Z2972">
        <v>24</v>
      </c>
      <c r="AA2972">
        <v>25</v>
      </c>
      <c r="AB2972">
        <v>25</v>
      </c>
      <c r="AC2972">
        <v>25</v>
      </c>
      <c r="AD2972">
        <v>25</v>
      </c>
      <c r="AE2972">
        <v>25</v>
      </c>
      <c r="AF2972">
        <v>25</v>
      </c>
      <c r="AG2972">
        <v>25</v>
      </c>
      <c r="AH2972">
        <v>24</v>
      </c>
      <c r="AI2972">
        <v>24</v>
      </c>
      <c r="AJ2972">
        <v>24</v>
      </c>
      <c r="AK2972">
        <v>24</v>
      </c>
      <c r="AL2972">
        <v>24</v>
      </c>
      <c r="AM2972">
        <v>23</v>
      </c>
      <c r="AN2972">
        <v>23</v>
      </c>
      <c r="AO2972">
        <v>23</v>
      </c>
      <c r="AP2972">
        <v>23</v>
      </c>
      <c r="AQ2972">
        <v>23</v>
      </c>
    </row>
    <row r="2973" spans="1:43">
      <c r="A2973" t="s">
        <v>1900</v>
      </c>
      <c r="B2973" t="s">
        <v>1901</v>
      </c>
      <c r="C2973" t="s">
        <v>1740</v>
      </c>
      <c r="D2973" t="s">
        <v>1741</v>
      </c>
      <c r="E2973" t="s">
        <v>1586</v>
      </c>
      <c r="F2973" t="s">
        <v>1587</v>
      </c>
      <c r="G2973" t="s">
        <v>80</v>
      </c>
      <c r="H2973" t="s">
        <v>81</v>
      </c>
      <c r="I2973" s="2">
        <v>0</v>
      </c>
      <c r="J2973" s="2">
        <v>1</v>
      </c>
      <c r="K2973" s="2">
        <v>0</v>
      </c>
      <c r="L2973" t="s">
        <v>82</v>
      </c>
      <c r="M2973" t="s">
        <v>83</v>
      </c>
      <c r="N2973" t="s">
        <v>91</v>
      </c>
      <c r="O2973" t="s">
        <v>85</v>
      </c>
      <c r="P2973" t="s">
        <v>86</v>
      </c>
      <c r="Q2973">
        <v>22</v>
      </c>
      <c r="R2973">
        <v>22</v>
      </c>
      <c r="S2973">
        <v>22</v>
      </c>
      <c r="T2973">
        <v>23</v>
      </c>
      <c r="U2973">
        <v>23</v>
      </c>
      <c r="V2973">
        <v>23</v>
      </c>
      <c r="W2973">
        <v>23</v>
      </c>
      <c r="X2973">
        <v>23</v>
      </c>
      <c r="Y2973">
        <v>23</v>
      </c>
      <c r="Z2973">
        <v>23</v>
      </c>
      <c r="AA2973">
        <v>23</v>
      </c>
      <c r="AB2973">
        <v>23</v>
      </c>
      <c r="AC2973">
        <v>23</v>
      </c>
      <c r="AD2973">
        <v>23</v>
      </c>
      <c r="AE2973">
        <v>23</v>
      </c>
      <c r="AF2973">
        <v>23</v>
      </c>
      <c r="AG2973">
        <v>23</v>
      </c>
      <c r="AH2973">
        <v>23</v>
      </c>
      <c r="AI2973">
        <v>23</v>
      </c>
      <c r="AJ2973">
        <v>23</v>
      </c>
      <c r="AK2973">
        <v>23</v>
      </c>
      <c r="AL2973">
        <v>23</v>
      </c>
      <c r="AM2973">
        <v>23</v>
      </c>
      <c r="AN2973">
        <v>23</v>
      </c>
      <c r="AO2973">
        <v>23</v>
      </c>
      <c r="AP2973">
        <v>23</v>
      </c>
      <c r="AQ2973">
        <v>22</v>
      </c>
    </row>
    <row r="2974" spans="1:43">
      <c r="A2974" t="s">
        <v>1902</v>
      </c>
      <c r="B2974" t="s">
        <v>1903</v>
      </c>
      <c r="C2974" t="s">
        <v>1890</v>
      </c>
      <c r="D2974" t="s">
        <v>1891</v>
      </c>
      <c r="E2974" t="s">
        <v>1586</v>
      </c>
      <c r="F2974" t="s">
        <v>1587</v>
      </c>
      <c r="G2974" t="s">
        <v>80</v>
      </c>
      <c r="H2974" t="s">
        <v>81</v>
      </c>
      <c r="I2974" s="2">
        <v>0</v>
      </c>
      <c r="J2974" s="2">
        <v>1</v>
      </c>
      <c r="K2974" s="2">
        <v>0</v>
      </c>
      <c r="L2974" t="s">
        <v>82</v>
      </c>
      <c r="M2974" t="s">
        <v>83</v>
      </c>
      <c r="N2974" t="s">
        <v>84</v>
      </c>
      <c r="O2974" t="s">
        <v>85</v>
      </c>
      <c r="P2974" t="s">
        <v>86</v>
      </c>
      <c r="Q2974">
        <v>17</v>
      </c>
      <c r="R2974">
        <v>17</v>
      </c>
      <c r="S2974">
        <v>17</v>
      </c>
      <c r="T2974">
        <v>17</v>
      </c>
      <c r="U2974">
        <v>17</v>
      </c>
      <c r="V2974">
        <v>18</v>
      </c>
      <c r="W2974">
        <v>18</v>
      </c>
      <c r="X2974">
        <v>18</v>
      </c>
      <c r="Y2974">
        <v>18</v>
      </c>
      <c r="Z2974">
        <v>18</v>
      </c>
      <c r="AA2974">
        <v>18</v>
      </c>
      <c r="AB2974">
        <v>18</v>
      </c>
      <c r="AC2974">
        <v>18</v>
      </c>
      <c r="AD2974">
        <v>18</v>
      </c>
      <c r="AE2974">
        <v>18</v>
      </c>
      <c r="AF2974">
        <v>18</v>
      </c>
      <c r="AG2974">
        <v>18</v>
      </c>
      <c r="AH2974">
        <v>18</v>
      </c>
      <c r="AI2974">
        <v>18</v>
      </c>
      <c r="AJ2974">
        <v>18</v>
      </c>
      <c r="AK2974">
        <v>18</v>
      </c>
      <c r="AL2974">
        <v>18</v>
      </c>
      <c r="AM2974">
        <v>18</v>
      </c>
      <c r="AN2974">
        <v>18</v>
      </c>
      <c r="AO2974">
        <v>18</v>
      </c>
      <c r="AP2974">
        <v>17</v>
      </c>
      <c r="AQ2974">
        <v>17</v>
      </c>
    </row>
    <row r="2975" spans="1:43">
      <c r="A2975" t="s">
        <v>1902</v>
      </c>
      <c r="B2975" t="s">
        <v>1903</v>
      </c>
      <c r="C2975" t="s">
        <v>1890</v>
      </c>
      <c r="D2975" t="s">
        <v>1891</v>
      </c>
      <c r="E2975" t="s">
        <v>1586</v>
      </c>
      <c r="F2975" t="s">
        <v>1587</v>
      </c>
      <c r="G2975" t="s">
        <v>80</v>
      </c>
      <c r="H2975" t="s">
        <v>81</v>
      </c>
      <c r="I2975" s="2">
        <v>0</v>
      </c>
      <c r="J2975" s="2">
        <v>1</v>
      </c>
      <c r="K2975" s="2">
        <v>0</v>
      </c>
      <c r="L2975" t="s">
        <v>82</v>
      </c>
      <c r="M2975" t="s">
        <v>87</v>
      </c>
      <c r="N2975" t="s">
        <v>88</v>
      </c>
      <c r="O2975" t="s">
        <v>85</v>
      </c>
      <c r="P2975" t="s">
        <v>86</v>
      </c>
      <c r="Q2975">
        <v>17</v>
      </c>
      <c r="R2975">
        <v>17</v>
      </c>
      <c r="S2975">
        <v>17</v>
      </c>
      <c r="T2975">
        <v>17</v>
      </c>
      <c r="U2975">
        <v>17</v>
      </c>
      <c r="V2975">
        <v>17</v>
      </c>
      <c r="W2975">
        <v>17</v>
      </c>
      <c r="X2975">
        <v>16</v>
      </c>
      <c r="Y2975">
        <v>16</v>
      </c>
      <c r="Z2975">
        <v>16</v>
      </c>
      <c r="AA2975">
        <v>16</v>
      </c>
      <c r="AB2975">
        <v>16</v>
      </c>
      <c r="AC2975">
        <v>16</v>
      </c>
      <c r="AD2975">
        <v>16</v>
      </c>
      <c r="AE2975">
        <v>16</v>
      </c>
      <c r="AF2975">
        <v>16</v>
      </c>
      <c r="AG2975">
        <v>16</v>
      </c>
      <c r="AH2975">
        <v>16</v>
      </c>
      <c r="AI2975">
        <v>16</v>
      </c>
      <c r="AJ2975">
        <v>16</v>
      </c>
      <c r="AK2975">
        <v>16</v>
      </c>
      <c r="AL2975">
        <v>15</v>
      </c>
      <c r="AM2975">
        <v>15</v>
      </c>
      <c r="AN2975">
        <v>15</v>
      </c>
      <c r="AO2975">
        <v>15</v>
      </c>
      <c r="AP2975">
        <v>15</v>
      </c>
      <c r="AQ2975">
        <v>15</v>
      </c>
    </row>
    <row r="2976" spans="1:43">
      <c r="A2976" t="s">
        <v>1902</v>
      </c>
      <c r="B2976" t="s">
        <v>1903</v>
      </c>
      <c r="C2976" t="s">
        <v>1890</v>
      </c>
      <c r="D2976" t="s">
        <v>1891</v>
      </c>
      <c r="E2976" t="s">
        <v>1586</v>
      </c>
      <c r="F2976" t="s">
        <v>1587</v>
      </c>
      <c r="G2976" t="s">
        <v>80</v>
      </c>
      <c r="H2976" t="s">
        <v>81</v>
      </c>
      <c r="I2976" s="2">
        <v>0</v>
      </c>
      <c r="J2976" s="2">
        <v>1</v>
      </c>
      <c r="K2976" s="2">
        <v>0</v>
      </c>
      <c r="L2976" t="s">
        <v>82</v>
      </c>
      <c r="M2976" t="s">
        <v>89</v>
      </c>
      <c r="N2976" t="s">
        <v>90</v>
      </c>
      <c r="O2976" t="s">
        <v>85</v>
      </c>
      <c r="P2976" t="s">
        <v>86</v>
      </c>
      <c r="Q2976">
        <v>17</v>
      </c>
      <c r="R2976">
        <v>18</v>
      </c>
      <c r="S2976">
        <v>18</v>
      </c>
      <c r="T2976">
        <v>18</v>
      </c>
      <c r="U2976">
        <v>18</v>
      </c>
      <c r="V2976">
        <v>18</v>
      </c>
      <c r="W2976">
        <v>19</v>
      </c>
      <c r="X2976">
        <v>19</v>
      </c>
      <c r="Y2976">
        <v>19</v>
      </c>
      <c r="Z2976">
        <v>19</v>
      </c>
      <c r="AA2976">
        <v>19</v>
      </c>
      <c r="AB2976">
        <v>19</v>
      </c>
      <c r="AC2976">
        <v>19</v>
      </c>
      <c r="AD2976">
        <v>19</v>
      </c>
      <c r="AE2976">
        <v>19</v>
      </c>
      <c r="AF2976">
        <v>19</v>
      </c>
      <c r="AG2976">
        <v>19</v>
      </c>
      <c r="AH2976">
        <v>19</v>
      </c>
      <c r="AI2976">
        <v>19</v>
      </c>
      <c r="AJ2976">
        <v>18</v>
      </c>
      <c r="AK2976">
        <v>18</v>
      </c>
      <c r="AL2976">
        <v>18</v>
      </c>
      <c r="AM2976">
        <v>18</v>
      </c>
      <c r="AN2976">
        <v>18</v>
      </c>
      <c r="AO2976">
        <v>18</v>
      </c>
      <c r="AP2976">
        <v>18</v>
      </c>
      <c r="AQ2976">
        <v>18</v>
      </c>
    </row>
    <row r="2977" spans="1:43">
      <c r="A2977" t="s">
        <v>1902</v>
      </c>
      <c r="B2977" t="s">
        <v>1903</v>
      </c>
      <c r="C2977" t="s">
        <v>1890</v>
      </c>
      <c r="D2977" t="s">
        <v>1891</v>
      </c>
      <c r="E2977" t="s">
        <v>1586</v>
      </c>
      <c r="F2977" t="s">
        <v>1587</v>
      </c>
      <c r="G2977" t="s">
        <v>80</v>
      </c>
      <c r="H2977" t="s">
        <v>81</v>
      </c>
      <c r="I2977" s="2">
        <v>0</v>
      </c>
      <c r="J2977" s="2">
        <v>1</v>
      </c>
      <c r="K2977" s="2">
        <v>0</v>
      </c>
      <c r="L2977" t="s">
        <v>82</v>
      </c>
      <c r="M2977" t="s">
        <v>83</v>
      </c>
      <c r="N2977" t="s">
        <v>91</v>
      </c>
      <c r="O2977" t="s">
        <v>85</v>
      </c>
      <c r="P2977" t="s">
        <v>86</v>
      </c>
      <c r="Q2977">
        <v>17</v>
      </c>
      <c r="R2977">
        <v>17</v>
      </c>
      <c r="S2977">
        <v>17</v>
      </c>
      <c r="T2977">
        <v>17</v>
      </c>
      <c r="U2977">
        <v>17</v>
      </c>
      <c r="V2977">
        <v>18</v>
      </c>
      <c r="W2977">
        <v>18</v>
      </c>
      <c r="X2977">
        <v>18</v>
      </c>
      <c r="Y2977">
        <v>18</v>
      </c>
      <c r="Z2977">
        <v>18</v>
      </c>
      <c r="AA2977">
        <v>18</v>
      </c>
      <c r="AB2977">
        <v>18</v>
      </c>
      <c r="AC2977">
        <v>18</v>
      </c>
      <c r="AD2977">
        <v>18</v>
      </c>
      <c r="AE2977">
        <v>18</v>
      </c>
      <c r="AF2977">
        <v>18</v>
      </c>
      <c r="AG2977">
        <v>18</v>
      </c>
      <c r="AH2977">
        <v>18</v>
      </c>
      <c r="AI2977">
        <v>18</v>
      </c>
      <c r="AJ2977">
        <v>18</v>
      </c>
      <c r="AK2977">
        <v>18</v>
      </c>
      <c r="AL2977">
        <v>18</v>
      </c>
      <c r="AM2977">
        <v>18</v>
      </c>
      <c r="AN2977">
        <v>18</v>
      </c>
      <c r="AO2977">
        <v>18</v>
      </c>
      <c r="AP2977">
        <v>17</v>
      </c>
      <c r="AQ2977">
        <v>17</v>
      </c>
    </row>
    <row r="2978" spans="1:43">
      <c r="A2978" t="s">
        <v>1904</v>
      </c>
      <c r="B2978" t="s">
        <v>1905</v>
      </c>
      <c r="C2978" t="s">
        <v>1890</v>
      </c>
      <c r="D2978" t="s">
        <v>1891</v>
      </c>
      <c r="E2978" t="s">
        <v>1586</v>
      </c>
      <c r="F2978" t="s">
        <v>1587</v>
      </c>
      <c r="G2978" t="s">
        <v>80</v>
      </c>
      <c r="H2978" t="s">
        <v>81</v>
      </c>
      <c r="I2978" s="2">
        <v>0</v>
      </c>
      <c r="J2978" s="2">
        <v>1</v>
      </c>
      <c r="K2978" s="2">
        <v>0</v>
      </c>
      <c r="L2978" t="s">
        <v>82</v>
      </c>
      <c r="M2978" t="s">
        <v>83</v>
      </c>
      <c r="N2978" t="s">
        <v>84</v>
      </c>
      <c r="O2978" t="s">
        <v>85</v>
      </c>
      <c r="P2978" t="s">
        <v>86</v>
      </c>
      <c r="Q2978">
        <v>41</v>
      </c>
      <c r="R2978">
        <v>41</v>
      </c>
      <c r="S2978">
        <v>41</v>
      </c>
      <c r="T2978">
        <v>41</v>
      </c>
      <c r="U2978">
        <v>42</v>
      </c>
      <c r="V2978">
        <v>42</v>
      </c>
      <c r="W2978">
        <v>42</v>
      </c>
      <c r="X2978">
        <v>42</v>
      </c>
      <c r="Y2978">
        <v>42</v>
      </c>
      <c r="Z2978">
        <v>42</v>
      </c>
      <c r="AA2978">
        <v>42</v>
      </c>
      <c r="AB2978">
        <v>43</v>
      </c>
      <c r="AC2978">
        <v>43</v>
      </c>
      <c r="AD2978">
        <v>43</v>
      </c>
      <c r="AE2978">
        <v>43</v>
      </c>
      <c r="AF2978">
        <v>43</v>
      </c>
      <c r="AG2978">
        <v>43</v>
      </c>
      <c r="AH2978">
        <v>43</v>
      </c>
      <c r="AI2978">
        <v>43</v>
      </c>
      <c r="AJ2978">
        <v>43</v>
      </c>
      <c r="AK2978">
        <v>43</v>
      </c>
      <c r="AL2978">
        <v>43</v>
      </c>
      <c r="AM2978">
        <v>43</v>
      </c>
      <c r="AN2978">
        <v>42</v>
      </c>
      <c r="AO2978">
        <v>42</v>
      </c>
      <c r="AP2978">
        <v>42</v>
      </c>
      <c r="AQ2978">
        <v>41</v>
      </c>
    </row>
    <row r="2979" spans="1:43">
      <c r="A2979" t="s">
        <v>1904</v>
      </c>
      <c r="B2979" t="s">
        <v>1905</v>
      </c>
      <c r="C2979" t="s">
        <v>1890</v>
      </c>
      <c r="D2979" t="s">
        <v>1891</v>
      </c>
      <c r="E2979" t="s">
        <v>1586</v>
      </c>
      <c r="F2979" t="s">
        <v>1587</v>
      </c>
      <c r="G2979" t="s">
        <v>80</v>
      </c>
      <c r="H2979" t="s">
        <v>81</v>
      </c>
      <c r="I2979" s="2">
        <v>0</v>
      </c>
      <c r="J2979" s="2">
        <v>1</v>
      </c>
      <c r="K2979" s="2">
        <v>0</v>
      </c>
      <c r="L2979" t="s">
        <v>82</v>
      </c>
      <c r="M2979" t="s">
        <v>87</v>
      </c>
      <c r="N2979" t="s">
        <v>88</v>
      </c>
      <c r="O2979" t="s">
        <v>85</v>
      </c>
      <c r="P2979" t="s">
        <v>86</v>
      </c>
      <c r="Q2979">
        <v>41</v>
      </c>
      <c r="R2979">
        <v>41</v>
      </c>
      <c r="S2979">
        <v>41</v>
      </c>
      <c r="T2979">
        <v>41</v>
      </c>
      <c r="U2979">
        <v>41</v>
      </c>
      <c r="V2979">
        <v>41</v>
      </c>
      <c r="W2979">
        <v>40</v>
      </c>
      <c r="X2979">
        <v>40</v>
      </c>
      <c r="Y2979">
        <v>40</v>
      </c>
      <c r="Z2979">
        <v>40</v>
      </c>
      <c r="AA2979">
        <v>40</v>
      </c>
      <c r="AB2979">
        <v>39</v>
      </c>
      <c r="AC2979">
        <v>39</v>
      </c>
      <c r="AD2979">
        <v>39</v>
      </c>
      <c r="AE2979">
        <v>39</v>
      </c>
      <c r="AF2979">
        <v>39</v>
      </c>
      <c r="AG2979">
        <v>39</v>
      </c>
      <c r="AH2979">
        <v>38</v>
      </c>
      <c r="AI2979">
        <v>38</v>
      </c>
      <c r="AJ2979">
        <v>38</v>
      </c>
      <c r="AK2979">
        <v>38</v>
      </c>
      <c r="AL2979">
        <v>38</v>
      </c>
      <c r="AM2979">
        <v>38</v>
      </c>
      <c r="AN2979">
        <v>37</v>
      </c>
      <c r="AO2979">
        <v>37</v>
      </c>
      <c r="AP2979">
        <v>37</v>
      </c>
      <c r="AQ2979">
        <v>37</v>
      </c>
    </row>
    <row r="2980" spans="1:43">
      <c r="A2980" t="s">
        <v>1904</v>
      </c>
      <c r="B2980" t="s">
        <v>1905</v>
      </c>
      <c r="C2980" t="s">
        <v>1890</v>
      </c>
      <c r="D2980" t="s">
        <v>1891</v>
      </c>
      <c r="E2980" t="s">
        <v>1586</v>
      </c>
      <c r="F2980" t="s">
        <v>1587</v>
      </c>
      <c r="G2980" t="s">
        <v>80</v>
      </c>
      <c r="H2980" t="s">
        <v>81</v>
      </c>
      <c r="I2980" s="2">
        <v>0</v>
      </c>
      <c r="J2980" s="2">
        <v>1</v>
      </c>
      <c r="K2980" s="2">
        <v>0</v>
      </c>
      <c r="L2980" t="s">
        <v>82</v>
      </c>
      <c r="M2980" t="s">
        <v>89</v>
      </c>
      <c r="N2980" t="s">
        <v>90</v>
      </c>
      <c r="O2980" t="s">
        <v>85</v>
      </c>
      <c r="P2980" t="s">
        <v>86</v>
      </c>
      <c r="Q2980">
        <v>41</v>
      </c>
      <c r="R2980">
        <v>42</v>
      </c>
      <c r="S2980">
        <v>42</v>
      </c>
      <c r="T2980">
        <v>43</v>
      </c>
      <c r="U2980">
        <v>43</v>
      </c>
      <c r="V2980">
        <v>44</v>
      </c>
      <c r="W2980">
        <v>44</v>
      </c>
      <c r="X2980">
        <v>44</v>
      </c>
      <c r="Y2980">
        <v>45</v>
      </c>
      <c r="Z2980">
        <v>45</v>
      </c>
      <c r="AA2980">
        <v>45</v>
      </c>
      <c r="AB2980">
        <v>45</v>
      </c>
      <c r="AC2980">
        <v>46</v>
      </c>
      <c r="AD2980">
        <v>46</v>
      </c>
      <c r="AE2980">
        <v>46</v>
      </c>
      <c r="AF2980">
        <v>45</v>
      </c>
      <c r="AG2980">
        <v>45</v>
      </c>
      <c r="AH2980">
        <v>45</v>
      </c>
      <c r="AI2980">
        <v>44</v>
      </c>
      <c r="AJ2980">
        <v>44</v>
      </c>
      <c r="AK2980">
        <v>44</v>
      </c>
      <c r="AL2980">
        <v>43</v>
      </c>
      <c r="AM2980">
        <v>43</v>
      </c>
      <c r="AN2980">
        <v>43</v>
      </c>
      <c r="AO2980">
        <v>42</v>
      </c>
      <c r="AP2980">
        <v>42</v>
      </c>
      <c r="AQ2980">
        <v>42</v>
      </c>
    </row>
    <row r="2981" spans="1:43">
      <c r="A2981" t="s">
        <v>1904</v>
      </c>
      <c r="B2981" t="s">
        <v>1905</v>
      </c>
      <c r="C2981" t="s">
        <v>1890</v>
      </c>
      <c r="D2981" t="s">
        <v>1891</v>
      </c>
      <c r="E2981" t="s">
        <v>1586</v>
      </c>
      <c r="F2981" t="s">
        <v>1587</v>
      </c>
      <c r="G2981" t="s">
        <v>80</v>
      </c>
      <c r="H2981" t="s">
        <v>81</v>
      </c>
      <c r="I2981" s="2">
        <v>0</v>
      </c>
      <c r="J2981" s="2">
        <v>1</v>
      </c>
      <c r="K2981" s="2">
        <v>0</v>
      </c>
      <c r="L2981" t="s">
        <v>82</v>
      </c>
      <c r="M2981" t="s">
        <v>83</v>
      </c>
      <c r="N2981" t="s">
        <v>91</v>
      </c>
      <c r="O2981" t="s">
        <v>85</v>
      </c>
      <c r="P2981" t="s">
        <v>86</v>
      </c>
      <c r="Q2981">
        <v>41</v>
      </c>
      <c r="R2981">
        <v>41</v>
      </c>
      <c r="S2981">
        <v>41</v>
      </c>
      <c r="T2981">
        <v>41</v>
      </c>
      <c r="U2981">
        <v>42</v>
      </c>
      <c r="V2981">
        <v>42</v>
      </c>
      <c r="W2981">
        <v>42</v>
      </c>
      <c r="X2981">
        <v>42</v>
      </c>
      <c r="Y2981">
        <v>42</v>
      </c>
      <c r="Z2981">
        <v>42</v>
      </c>
      <c r="AA2981">
        <v>42</v>
      </c>
      <c r="AB2981">
        <v>43</v>
      </c>
      <c r="AC2981">
        <v>43</v>
      </c>
      <c r="AD2981">
        <v>43</v>
      </c>
      <c r="AE2981">
        <v>43</v>
      </c>
      <c r="AF2981">
        <v>43</v>
      </c>
      <c r="AG2981">
        <v>43</v>
      </c>
      <c r="AH2981">
        <v>43</v>
      </c>
      <c r="AI2981">
        <v>43</v>
      </c>
      <c r="AJ2981">
        <v>43</v>
      </c>
      <c r="AK2981">
        <v>43</v>
      </c>
      <c r="AL2981">
        <v>43</v>
      </c>
      <c r="AM2981">
        <v>43</v>
      </c>
      <c r="AN2981">
        <v>42</v>
      </c>
      <c r="AO2981">
        <v>42</v>
      </c>
      <c r="AP2981">
        <v>42</v>
      </c>
      <c r="AQ2981">
        <v>41</v>
      </c>
    </row>
    <row r="2982" spans="1:43">
      <c r="A2982" t="s">
        <v>1906</v>
      </c>
      <c r="B2982" t="s">
        <v>1907</v>
      </c>
      <c r="C2982" t="s">
        <v>1890</v>
      </c>
      <c r="D2982" t="s">
        <v>1891</v>
      </c>
      <c r="E2982" t="s">
        <v>1586</v>
      </c>
      <c r="F2982" t="s">
        <v>1587</v>
      </c>
      <c r="G2982" t="s">
        <v>80</v>
      </c>
      <c r="H2982" t="s">
        <v>81</v>
      </c>
      <c r="I2982" s="2">
        <v>0</v>
      </c>
      <c r="J2982" s="2">
        <v>1</v>
      </c>
      <c r="K2982" s="2">
        <v>0</v>
      </c>
      <c r="L2982" t="s">
        <v>82</v>
      </c>
      <c r="M2982" t="s">
        <v>83</v>
      </c>
      <c r="N2982" t="s">
        <v>84</v>
      </c>
      <c r="O2982" t="s">
        <v>85</v>
      </c>
      <c r="P2982" t="s">
        <v>86</v>
      </c>
      <c r="Q2982">
        <v>13</v>
      </c>
      <c r="R2982">
        <v>13</v>
      </c>
      <c r="S2982">
        <v>13</v>
      </c>
      <c r="T2982">
        <v>13</v>
      </c>
      <c r="U2982">
        <v>13</v>
      </c>
      <c r="V2982">
        <v>13</v>
      </c>
      <c r="W2982">
        <v>13</v>
      </c>
      <c r="X2982">
        <v>13</v>
      </c>
      <c r="Y2982">
        <v>13</v>
      </c>
      <c r="Z2982">
        <v>13</v>
      </c>
      <c r="AA2982">
        <v>13</v>
      </c>
      <c r="AB2982">
        <v>13</v>
      </c>
      <c r="AC2982">
        <v>13</v>
      </c>
      <c r="AD2982">
        <v>13</v>
      </c>
      <c r="AE2982">
        <v>13</v>
      </c>
      <c r="AF2982">
        <v>13</v>
      </c>
      <c r="AG2982">
        <v>13</v>
      </c>
      <c r="AH2982">
        <v>13</v>
      </c>
      <c r="AI2982">
        <v>13</v>
      </c>
      <c r="AJ2982">
        <v>13</v>
      </c>
      <c r="AK2982">
        <v>13</v>
      </c>
      <c r="AL2982">
        <v>13</v>
      </c>
      <c r="AM2982">
        <v>13</v>
      </c>
      <c r="AN2982">
        <v>13</v>
      </c>
      <c r="AO2982">
        <v>13</v>
      </c>
      <c r="AP2982">
        <v>13</v>
      </c>
      <c r="AQ2982">
        <v>13</v>
      </c>
    </row>
    <row r="2983" spans="1:43">
      <c r="A2983" t="s">
        <v>1906</v>
      </c>
      <c r="B2983" t="s">
        <v>1907</v>
      </c>
      <c r="C2983" t="s">
        <v>1890</v>
      </c>
      <c r="D2983" t="s">
        <v>1891</v>
      </c>
      <c r="E2983" t="s">
        <v>1586</v>
      </c>
      <c r="F2983" t="s">
        <v>1587</v>
      </c>
      <c r="G2983" t="s">
        <v>80</v>
      </c>
      <c r="H2983" t="s">
        <v>81</v>
      </c>
      <c r="I2983" s="2">
        <v>0</v>
      </c>
      <c r="J2983" s="2">
        <v>1</v>
      </c>
      <c r="K2983" s="2">
        <v>0</v>
      </c>
      <c r="L2983" t="s">
        <v>82</v>
      </c>
      <c r="M2983" t="s">
        <v>87</v>
      </c>
      <c r="N2983" t="s">
        <v>88</v>
      </c>
      <c r="O2983" t="s">
        <v>85</v>
      </c>
      <c r="P2983" t="s">
        <v>86</v>
      </c>
      <c r="Q2983">
        <v>13</v>
      </c>
      <c r="R2983">
        <v>12</v>
      </c>
      <c r="S2983">
        <v>12</v>
      </c>
      <c r="T2983">
        <v>12</v>
      </c>
      <c r="U2983">
        <v>12</v>
      </c>
      <c r="V2983">
        <v>12</v>
      </c>
      <c r="W2983">
        <v>12</v>
      </c>
      <c r="X2983">
        <v>12</v>
      </c>
      <c r="Y2983">
        <v>12</v>
      </c>
      <c r="Z2983">
        <v>12</v>
      </c>
      <c r="AA2983">
        <v>12</v>
      </c>
      <c r="AB2983">
        <v>12</v>
      </c>
      <c r="AC2983">
        <v>12</v>
      </c>
      <c r="AD2983">
        <v>12</v>
      </c>
      <c r="AE2983">
        <v>12</v>
      </c>
      <c r="AF2983">
        <v>12</v>
      </c>
      <c r="AG2983">
        <v>12</v>
      </c>
      <c r="AH2983">
        <v>12</v>
      </c>
      <c r="AI2983">
        <v>12</v>
      </c>
      <c r="AJ2983">
        <v>12</v>
      </c>
      <c r="AK2983">
        <v>11</v>
      </c>
      <c r="AL2983">
        <v>11</v>
      </c>
      <c r="AM2983">
        <v>11</v>
      </c>
      <c r="AN2983">
        <v>11</v>
      </c>
      <c r="AO2983">
        <v>11</v>
      </c>
      <c r="AP2983">
        <v>11</v>
      </c>
      <c r="AQ2983">
        <v>11</v>
      </c>
    </row>
    <row r="2984" spans="1:43">
      <c r="A2984" t="s">
        <v>1906</v>
      </c>
      <c r="B2984" t="s">
        <v>1907</v>
      </c>
      <c r="C2984" t="s">
        <v>1890</v>
      </c>
      <c r="D2984" t="s">
        <v>1891</v>
      </c>
      <c r="E2984" t="s">
        <v>1586</v>
      </c>
      <c r="F2984" t="s">
        <v>1587</v>
      </c>
      <c r="G2984" t="s">
        <v>80</v>
      </c>
      <c r="H2984" t="s">
        <v>81</v>
      </c>
      <c r="I2984" s="2">
        <v>0</v>
      </c>
      <c r="J2984" s="2">
        <v>1</v>
      </c>
      <c r="K2984" s="2">
        <v>0</v>
      </c>
      <c r="L2984" t="s">
        <v>82</v>
      </c>
      <c r="M2984" t="s">
        <v>89</v>
      </c>
      <c r="N2984" t="s">
        <v>90</v>
      </c>
      <c r="O2984" t="s">
        <v>85</v>
      </c>
      <c r="P2984" t="s">
        <v>86</v>
      </c>
      <c r="Q2984">
        <v>13</v>
      </c>
      <c r="R2984">
        <v>13</v>
      </c>
      <c r="S2984">
        <v>13</v>
      </c>
      <c r="T2984">
        <v>13</v>
      </c>
      <c r="U2984">
        <v>13</v>
      </c>
      <c r="V2984">
        <v>14</v>
      </c>
      <c r="W2984">
        <v>14</v>
      </c>
      <c r="X2984">
        <v>14</v>
      </c>
      <c r="Y2984">
        <v>14</v>
      </c>
      <c r="Z2984">
        <v>14</v>
      </c>
      <c r="AA2984">
        <v>14</v>
      </c>
      <c r="AB2984">
        <v>14</v>
      </c>
      <c r="AC2984">
        <v>14</v>
      </c>
      <c r="AD2984">
        <v>14</v>
      </c>
      <c r="AE2984">
        <v>14</v>
      </c>
      <c r="AF2984">
        <v>14</v>
      </c>
      <c r="AG2984">
        <v>14</v>
      </c>
      <c r="AH2984">
        <v>14</v>
      </c>
      <c r="AI2984">
        <v>14</v>
      </c>
      <c r="AJ2984">
        <v>14</v>
      </c>
      <c r="AK2984">
        <v>14</v>
      </c>
      <c r="AL2984">
        <v>13</v>
      </c>
      <c r="AM2984">
        <v>13</v>
      </c>
      <c r="AN2984">
        <v>13</v>
      </c>
      <c r="AO2984">
        <v>13</v>
      </c>
      <c r="AP2984">
        <v>13</v>
      </c>
      <c r="AQ2984">
        <v>13</v>
      </c>
    </row>
    <row r="2985" spans="1:43">
      <c r="A2985" t="s">
        <v>1906</v>
      </c>
      <c r="B2985" t="s">
        <v>1907</v>
      </c>
      <c r="C2985" t="s">
        <v>1890</v>
      </c>
      <c r="D2985" t="s">
        <v>1891</v>
      </c>
      <c r="E2985" t="s">
        <v>1586</v>
      </c>
      <c r="F2985" t="s">
        <v>1587</v>
      </c>
      <c r="G2985" t="s">
        <v>80</v>
      </c>
      <c r="H2985" t="s">
        <v>81</v>
      </c>
      <c r="I2985" s="2">
        <v>0</v>
      </c>
      <c r="J2985" s="2">
        <v>1</v>
      </c>
      <c r="K2985" s="2">
        <v>0</v>
      </c>
      <c r="L2985" t="s">
        <v>82</v>
      </c>
      <c r="M2985" t="s">
        <v>83</v>
      </c>
      <c r="N2985" t="s">
        <v>91</v>
      </c>
      <c r="O2985" t="s">
        <v>85</v>
      </c>
      <c r="P2985" t="s">
        <v>86</v>
      </c>
      <c r="Q2985">
        <v>13</v>
      </c>
      <c r="R2985">
        <v>13</v>
      </c>
      <c r="S2985">
        <v>13</v>
      </c>
      <c r="T2985">
        <v>13</v>
      </c>
      <c r="U2985">
        <v>13</v>
      </c>
      <c r="V2985">
        <v>13</v>
      </c>
      <c r="W2985">
        <v>13</v>
      </c>
      <c r="X2985">
        <v>13</v>
      </c>
      <c r="Y2985">
        <v>13</v>
      </c>
      <c r="Z2985">
        <v>13</v>
      </c>
      <c r="AA2985">
        <v>13</v>
      </c>
      <c r="AB2985">
        <v>13</v>
      </c>
      <c r="AC2985">
        <v>13</v>
      </c>
      <c r="AD2985">
        <v>13</v>
      </c>
      <c r="AE2985">
        <v>13</v>
      </c>
      <c r="AF2985">
        <v>13</v>
      </c>
      <c r="AG2985">
        <v>13</v>
      </c>
      <c r="AH2985">
        <v>13</v>
      </c>
      <c r="AI2985">
        <v>13</v>
      </c>
      <c r="AJ2985">
        <v>13</v>
      </c>
      <c r="AK2985">
        <v>13</v>
      </c>
      <c r="AL2985">
        <v>13</v>
      </c>
      <c r="AM2985">
        <v>13</v>
      </c>
      <c r="AN2985">
        <v>13</v>
      </c>
      <c r="AO2985">
        <v>13</v>
      </c>
      <c r="AP2985">
        <v>13</v>
      </c>
      <c r="AQ2985">
        <v>13</v>
      </c>
    </row>
    <row r="2986" spans="1:43">
      <c r="A2986" t="s">
        <v>1908</v>
      </c>
      <c r="B2986" t="s">
        <v>1909</v>
      </c>
      <c r="C2986" t="s">
        <v>1910</v>
      </c>
      <c r="D2986" t="s">
        <v>1911</v>
      </c>
      <c r="E2986" t="s">
        <v>1586</v>
      </c>
      <c r="F2986" t="s">
        <v>1587</v>
      </c>
      <c r="G2986" t="s">
        <v>80</v>
      </c>
      <c r="H2986" t="s">
        <v>81</v>
      </c>
      <c r="I2986" s="2">
        <v>0</v>
      </c>
      <c r="J2986" s="2">
        <v>1</v>
      </c>
      <c r="K2986" s="2">
        <v>0</v>
      </c>
      <c r="L2986" t="s">
        <v>82</v>
      </c>
      <c r="M2986" t="s">
        <v>83</v>
      </c>
      <c r="N2986" t="s">
        <v>84</v>
      </c>
      <c r="O2986" t="s">
        <v>85</v>
      </c>
      <c r="P2986" t="s">
        <v>86</v>
      </c>
      <c r="Q2986">
        <v>32</v>
      </c>
      <c r="R2986">
        <v>32</v>
      </c>
      <c r="S2986">
        <v>32</v>
      </c>
      <c r="T2986">
        <v>32</v>
      </c>
      <c r="U2986">
        <v>32</v>
      </c>
      <c r="V2986">
        <v>32</v>
      </c>
      <c r="W2986">
        <v>32</v>
      </c>
      <c r="X2986">
        <v>33</v>
      </c>
      <c r="Y2986">
        <v>33</v>
      </c>
      <c r="Z2986">
        <v>33</v>
      </c>
      <c r="AA2986">
        <v>33</v>
      </c>
      <c r="AB2986">
        <v>33</v>
      </c>
      <c r="AC2986">
        <v>33</v>
      </c>
      <c r="AD2986">
        <v>33</v>
      </c>
      <c r="AE2986">
        <v>33</v>
      </c>
      <c r="AF2986">
        <v>33</v>
      </c>
      <c r="AG2986">
        <v>33</v>
      </c>
      <c r="AH2986">
        <v>33</v>
      </c>
      <c r="AI2986">
        <v>34</v>
      </c>
      <c r="AJ2986">
        <v>34</v>
      </c>
      <c r="AK2986">
        <v>34</v>
      </c>
      <c r="AL2986">
        <v>33</v>
      </c>
      <c r="AM2986">
        <v>33</v>
      </c>
      <c r="AN2986">
        <v>33</v>
      </c>
      <c r="AO2986">
        <v>33</v>
      </c>
      <c r="AP2986">
        <v>33</v>
      </c>
      <c r="AQ2986">
        <v>32</v>
      </c>
    </row>
    <row r="2987" spans="1:43">
      <c r="A2987" t="s">
        <v>1908</v>
      </c>
      <c r="B2987" t="s">
        <v>1909</v>
      </c>
      <c r="C2987" t="s">
        <v>1910</v>
      </c>
      <c r="D2987" t="s">
        <v>1911</v>
      </c>
      <c r="E2987" t="s">
        <v>1586</v>
      </c>
      <c r="F2987" t="s">
        <v>1587</v>
      </c>
      <c r="G2987" t="s">
        <v>80</v>
      </c>
      <c r="H2987" t="s">
        <v>81</v>
      </c>
      <c r="I2987" s="2">
        <v>0</v>
      </c>
      <c r="J2987" s="2">
        <v>1</v>
      </c>
      <c r="K2987" s="2">
        <v>0</v>
      </c>
      <c r="L2987" t="s">
        <v>82</v>
      </c>
      <c r="M2987" t="s">
        <v>87</v>
      </c>
      <c r="N2987" t="s">
        <v>88</v>
      </c>
      <c r="O2987" t="s">
        <v>85</v>
      </c>
      <c r="P2987" t="s">
        <v>86</v>
      </c>
      <c r="Q2987">
        <v>32</v>
      </c>
      <c r="R2987">
        <v>32</v>
      </c>
      <c r="S2987">
        <v>32</v>
      </c>
      <c r="T2987">
        <v>32</v>
      </c>
      <c r="U2987">
        <v>32</v>
      </c>
      <c r="V2987">
        <v>32</v>
      </c>
      <c r="W2987">
        <v>31</v>
      </c>
      <c r="X2987">
        <v>31</v>
      </c>
      <c r="Y2987">
        <v>31</v>
      </c>
      <c r="Z2987">
        <v>31</v>
      </c>
      <c r="AA2987">
        <v>31</v>
      </c>
      <c r="AB2987">
        <v>31</v>
      </c>
      <c r="AC2987">
        <v>31</v>
      </c>
      <c r="AD2987">
        <v>31</v>
      </c>
      <c r="AE2987">
        <v>31</v>
      </c>
      <c r="AF2987">
        <v>30</v>
      </c>
      <c r="AG2987">
        <v>30</v>
      </c>
      <c r="AH2987">
        <v>30</v>
      </c>
      <c r="AI2987">
        <v>30</v>
      </c>
      <c r="AJ2987">
        <v>30</v>
      </c>
      <c r="AK2987">
        <v>30</v>
      </c>
      <c r="AL2987">
        <v>30</v>
      </c>
      <c r="AM2987">
        <v>30</v>
      </c>
      <c r="AN2987">
        <v>30</v>
      </c>
      <c r="AO2987">
        <v>30</v>
      </c>
      <c r="AP2987">
        <v>29</v>
      </c>
      <c r="AQ2987">
        <v>29</v>
      </c>
    </row>
    <row r="2988" spans="1:43">
      <c r="A2988" t="s">
        <v>1908</v>
      </c>
      <c r="B2988" t="s">
        <v>1909</v>
      </c>
      <c r="C2988" t="s">
        <v>1910</v>
      </c>
      <c r="D2988" t="s">
        <v>1911</v>
      </c>
      <c r="E2988" t="s">
        <v>1586</v>
      </c>
      <c r="F2988" t="s">
        <v>1587</v>
      </c>
      <c r="G2988" t="s">
        <v>80</v>
      </c>
      <c r="H2988" t="s">
        <v>81</v>
      </c>
      <c r="I2988" s="2">
        <v>0</v>
      </c>
      <c r="J2988" s="2">
        <v>1</v>
      </c>
      <c r="K2988" s="2">
        <v>0</v>
      </c>
      <c r="L2988" t="s">
        <v>82</v>
      </c>
      <c r="M2988" t="s">
        <v>89</v>
      </c>
      <c r="N2988" t="s">
        <v>90</v>
      </c>
      <c r="O2988" t="s">
        <v>85</v>
      </c>
      <c r="P2988" t="s">
        <v>86</v>
      </c>
      <c r="Q2988">
        <v>32</v>
      </c>
      <c r="R2988">
        <v>32</v>
      </c>
      <c r="S2988">
        <v>33</v>
      </c>
      <c r="T2988">
        <v>33</v>
      </c>
      <c r="U2988">
        <v>33</v>
      </c>
      <c r="V2988">
        <v>34</v>
      </c>
      <c r="W2988">
        <v>34</v>
      </c>
      <c r="X2988">
        <v>34</v>
      </c>
      <c r="Y2988">
        <v>35</v>
      </c>
      <c r="Z2988">
        <v>35</v>
      </c>
      <c r="AA2988">
        <v>35</v>
      </c>
      <c r="AB2988">
        <v>35</v>
      </c>
      <c r="AC2988">
        <v>35</v>
      </c>
      <c r="AD2988">
        <v>36</v>
      </c>
      <c r="AE2988">
        <v>36</v>
      </c>
      <c r="AF2988">
        <v>35</v>
      </c>
      <c r="AG2988">
        <v>35</v>
      </c>
      <c r="AH2988">
        <v>35</v>
      </c>
      <c r="AI2988">
        <v>35</v>
      </c>
      <c r="AJ2988">
        <v>34</v>
      </c>
      <c r="AK2988">
        <v>34</v>
      </c>
      <c r="AL2988">
        <v>34</v>
      </c>
      <c r="AM2988">
        <v>34</v>
      </c>
      <c r="AN2988">
        <v>33</v>
      </c>
      <c r="AO2988">
        <v>33</v>
      </c>
      <c r="AP2988">
        <v>33</v>
      </c>
      <c r="AQ2988">
        <v>33</v>
      </c>
    </row>
    <row r="2989" spans="1:43">
      <c r="A2989" t="s">
        <v>1908</v>
      </c>
      <c r="B2989" t="s">
        <v>1909</v>
      </c>
      <c r="C2989" t="s">
        <v>1910</v>
      </c>
      <c r="D2989" t="s">
        <v>1911</v>
      </c>
      <c r="E2989" t="s">
        <v>1586</v>
      </c>
      <c r="F2989" t="s">
        <v>1587</v>
      </c>
      <c r="G2989" t="s">
        <v>80</v>
      </c>
      <c r="H2989" t="s">
        <v>81</v>
      </c>
      <c r="I2989" s="2">
        <v>0</v>
      </c>
      <c r="J2989" s="2">
        <v>1</v>
      </c>
      <c r="K2989" s="2">
        <v>0</v>
      </c>
      <c r="L2989" t="s">
        <v>82</v>
      </c>
      <c r="M2989" t="s">
        <v>83</v>
      </c>
      <c r="N2989" t="s">
        <v>91</v>
      </c>
      <c r="O2989" t="s">
        <v>85</v>
      </c>
      <c r="P2989" t="s">
        <v>86</v>
      </c>
      <c r="Q2989">
        <v>32</v>
      </c>
      <c r="R2989">
        <v>32</v>
      </c>
      <c r="S2989">
        <v>32</v>
      </c>
      <c r="T2989">
        <v>32</v>
      </c>
      <c r="U2989">
        <v>32</v>
      </c>
      <c r="V2989">
        <v>32</v>
      </c>
      <c r="W2989">
        <v>32</v>
      </c>
      <c r="X2989">
        <v>33</v>
      </c>
      <c r="Y2989">
        <v>33</v>
      </c>
      <c r="Z2989">
        <v>33</v>
      </c>
      <c r="AA2989">
        <v>33</v>
      </c>
      <c r="AB2989">
        <v>33</v>
      </c>
      <c r="AC2989">
        <v>33</v>
      </c>
      <c r="AD2989">
        <v>33</v>
      </c>
      <c r="AE2989">
        <v>33</v>
      </c>
      <c r="AF2989">
        <v>33</v>
      </c>
      <c r="AG2989">
        <v>33</v>
      </c>
      <c r="AH2989">
        <v>33</v>
      </c>
      <c r="AI2989">
        <v>34</v>
      </c>
      <c r="AJ2989">
        <v>34</v>
      </c>
      <c r="AK2989">
        <v>34</v>
      </c>
      <c r="AL2989">
        <v>33</v>
      </c>
      <c r="AM2989">
        <v>33</v>
      </c>
      <c r="AN2989">
        <v>33</v>
      </c>
      <c r="AO2989">
        <v>33</v>
      </c>
      <c r="AP2989">
        <v>33</v>
      </c>
      <c r="AQ2989">
        <v>32</v>
      </c>
    </row>
    <row r="2990" spans="1:43">
      <c r="A2990" t="s">
        <v>1912</v>
      </c>
      <c r="B2990" t="s">
        <v>1913</v>
      </c>
      <c r="C2990" t="s">
        <v>1910</v>
      </c>
      <c r="D2990" t="s">
        <v>1911</v>
      </c>
      <c r="E2990" t="s">
        <v>1586</v>
      </c>
      <c r="F2990" t="s">
        <v>1587</v>
      </c>
      <c r="G2990" t="s">
        <v>80</v>
      </c>
      <c r="H2990" t="s">
        <v>81</v>
      </c>
      <c r="I2990" s="2">
        <v>0</v>
      </c>
      <c r="J2990" s="2">
        <v>1</v>
      </c>
      <c r="K2990" s="2">
        <v>0</v>
      </c>
      <c r="L2990" t="s">
        <v>82</v>
      </c>
      <c r="M2990" t="s">
        <v>83</v>
      </c>
      <c r="N2990" t="s">
        <v>84</v>
      </c>
      <c r="O2990" t="s">
        <v>85</v>
      </c>
      <c r="P2990" t="s">
        <v>86</v>
      </c>
      <c r="Q2990">
        <v>32</v>
      </c>
      <c r="R2990">
        <v>32</v>
      </c>
      <c r="S2990">
        <v>32</v>
      </c>
      <c r="T2990">
        <v>32</v>
      </c>
      <c r="U2990">
        <v>32</v>
      </c>
      <c r="V2990">
        <v>32</v>
      </c>
      <c r="W2990">
        <v>32</v>
      </c>
      <c r="X2990">
        <v>33</v>
      </c>
      <c r="Y2990">
        <v>33</v>
      </c>
      <c r="Z2990">
        <v>33</v>
      </c>
      <c r="AA2990">
        <v>33</v>
      </c>
      <c r="AB2990">
        <v>33</v>
      </c>
      <c r="AC2990">
        <v>33</v>
      </c>
      <c r="AD2990">
        <v>33</v>
      </c>
      <c r="AE2990">
        <v>33</v>
      </c>
      <c r="AF2990">
        <v>33</v>
      </c>
      <c r="AG2990">
        <v>33</v>
      </c>
      <c r="AH2990">
        <v>34</v>
      </c>
      <c r="AI2990">
        <v>34</v>
      </c>
      <c r="AJ2990">
        <v>34</v>
      </c>
      <c r="AK2990">
        <v>34</v>
      </c>
      <c r="AL2990">
        <v>34</v>
      </c>
      <c r="AM2990">
        <v>33</v>
      </c>
      <c r="AN2990">
        <v>33</v>
      </c>
      <c r="AO2990">
        <v>33</v>
      </c>
      <c r="AP2990">
        <v>33</v>
      </c>
      <c r="AQ2990">
        <v>32</v>
      </c>
    </row>
    <row r="2991" spans="1:43">
      <c r="A2991" t="s">
        <v>1912</v>
      </c>
      <c r="B2991" t="s">
        <v>1913</v>
      </c>
      <c r="C2991" t="s">
        <v>1910</v>
      </c>
      <c r="D2991" t="s">
        <v>1911</v>
      </c>
      <c r="E2991" t="s">
        <v>1586</v>
      </c>
      <c r="F2991" t="s">
        <v>1587</v>
      </c>
      <c r="G2991" t="s">
        <v>80</v>
      </c>
      <c r="H2991" t="s">
        <v>81</v>
      </c>
      <c r="I2991" s="2">
        <v>0</v>
      </c>
      <c r="J2991" s="2">
        <v>1</v>
      </c>
      <c r="K2991" s="2">
        <v>0</v>
      </c>
      <c r="L2991" t="s">
        <v>82</v>
      </c>
      <c r="M2991" t="s">
        <v>87</v>
      </c>
      <c r="N2991" t="s">
        <v>88</v>
      </c>
      <c r="O2991" t="s">
        <v>85</v>
      </c>
      <c r="P2991" t="s">
        <v>86</v>
      </c>
      <c r="Q2991">
        <v>32</v>
      </c>
      <c r="R2991">
        <v>32</v>
      </c>
      <c r="S2991">
        <v>32</v>
      </c>
      <c r="T2991">
        <v>32</v>
      </c>
      <c r="U2991">
        <v>32</v>
      </c>
      <c r="V2991">
        <v>32</v>
      </c>
      <c r="W2991">
        <v>32</v>
      </c>
      <c r="X2991">
        <v>31</v>
      </c>
      <c r="Y2991">
        <v>31</v>
      </c>
      <c r="Z2991">
        <v>31</v>
      </c>
      <c r="AA2991">
        <v>31</v>
      </c>
      <c r="AB2991">
        <v>31</v>
      </c>
      <c r="AC2991">
        <v>31</v>
      </c>
      <c r="AD2991">
        <v>31</v>
      </c>
      <c r="AE2991">
        <v>31</v>
      </c>
      <c r="AF2991">
        <v>30</v>
      </c>
      <c r="AG2991">
        <v>30</v>
      </c>
      <c r="AH2991">
        <v>30</v>
      </c>
      <c r="AI2991">
        <v>30</v>
      </c>
      <c r="AJ2991">
        <v>30</v>
      </c>
      <c r="AK2991">
        <v>30</v>
      </c>
      <c r="AL2991">
        <v>30</v>
      </c>
      <c r="AM2991">
        <v>30</v>
      </c>
      <c r="AN2991">
        <v>30</v>
      </c>
      <c r="AO2991">
        <v>30</v>
      </c>
      <c r="AP2991">
        <v>29</v>
      </c>
      <c r="AQ2991">
        <v>29</v>
      </c>
    </row>
    <row r="2992" spans="1:43">
      <c r="A2992" t="s">
        <v>1912</v>
      </c>
      <c r="B2992" t="s">
        <v>1913</v>
      </c>
      <c r="C2992" t="s">
        <v>1910</v>
      </c>
      <c r="D2992" t="s">
        <v>1911</v>
      </c>
      <c r="E2992" t="s">
        <v>1586</v>
      </c>
      <c r="F2992" t="s">
        <v>1587</v>
      </c>
      <c r="G2992" t="s">
        <v>80</v>
      </c>
      <c r="H2992" t="s">
        <v>81</v>
      </c>
      <c r="I2992" s="2">
        <v>0</v>
      </c>
      <c r="J2992" s="2">
        <v>1</v>
      </c>
      <c r="K2992" s="2">
        <v>0</v>
      </c>
      <c r="L2992" t="s">
        <v>82</v>
      </c>
      <c r="M2992" t="s">
        <v>89</v>
      </c>
      <c r="N2992" t="s">
        <v>90</v>
      </c>
      <c r="O2992" t="s">
        <v>85</v>
      </c>
      <c r="P2992" t="s">
        <v>86</v>
      </c>
      <c r="Q2992">
        <v>32</v>
      </c>
      <c r="R2992">
        <v>32</v>
      </c>
      <c r="S2992">
        <v>33</v>
      </c>
      <c r="T2992">
        <v>33</v>
      </c>
      <c r="U2992">
        <v>33</v>
      </c>
      <c r="V2992">
        <v>34</v>
      </c>
      <c r="W2992">
        <v>34</v>
      </c>
      <c r="X2992">
        <v>34</v>
      </c>
      <c r="Y2992">
        <v>35</v>
      </c>
      <c r="Z2992">
        <v>35</v>
      </c>
      <c r="AA2992">
        <v>35</v>
      </c>
      <c r="AB2992">
        <v>35</v>
      </c>
      <c r="AC2992">
        <v>35</v>
      </c>
      <c r="AD2992">
        <v>36</v>
      </c>
      <c r="AE2992">
        <v>36</v>
      </c>
      <c r="AF2992">
        <v>35</v>
      </c>
      <c r="AG2992">
        <v>35</v>
      </c>
      <c r="AH2992">
        <v>35</v>
      </c>
      <c r="AI2992">
        <v>35</v>
      </c>
      <c r="AJ2992">
        <v>34</v>
      </c>
      <c r="AK2992">
        <v>34</v>
      </c>
      <c r="AL2992">
        <v>34</v>
      </c>
      <c r="AM2992">
        <v>34</v>
      </c>
      <c r="AN2992">
        <v>33</v>
      </c>
      <c r="AO2992">
        <v>33</v>
      </c>
      <c r="AP2992">
        <v>33</v>
      </c>
      <c r="AQ2992">
        <v>33</v>
      </c>
    </row>
    <row r="2993" spans="1:43">
      <c r="A2993" t="s">
        <v>1912</v>
      </c>
      <c r="B2993" t="s">
        <v>1913</v>
      </c>
      <c r="C2993" t="s">
        <v>1910</v>
      </c>
      <c r="D2993" t="s">
        <v>1911</v>
      </c>
      <c r="E2993" t="s">
        <v>1586</v>
      </c>
      <c r="F2993" t="s">
        <v>1587</v>
      </c>
      <c r="G2993" t="s">
        <v>80</v>
      </c>
      <c r="H2993" t="s">
        <v>81</v>
      </c>
      <c r="I2993" s="2">
        <v>0</v>
      </c>
      <c r="J2993" s="2">
        <v>1</v>
      </c>
      <c r="K2993" s="2">
        <v>0</v>
      </c>
      <c r="L2993" t="s">
        <v>82</v>
      </c>
      <c r="M2993" t="s">
        <v>83</v>
      </c>
      <c r="N2993" t="s">
        <v>91</v>
      </c>
      <c r="O2993" t="s">
        <v>85</v>
      </c>
      <c r="P2993" t="s">
        <v>86</v>
      </c>
      <c r="Q2993">
        <v>32</v>
      </c>
      <c r="R2993">
        <v>32</v>
      </c>
      <c r="S2993">
        <v>32</v>
      </c>
      <c r="T2993">
        <v>32</v>
      </c>
      <c r="U2993">
        <v>32</v>
      </c>
      <c r="V2993">
        <v>32</v>
      </c>
      <c r="W2993">
        <v>32</v>
      </c>
      <c r="X2993">
        <v>33</v>
      </c>
      <c r="Y2993">
        <v>33</v>
      </c>
      <c r="Z2993">
        <v>33</v>
      </c>
      <c r="AA2993">
        <v>33</v>
      </c>
      <c r="AB2993">
        <v>33</v>
      </c>
      <c r="AC2993">
        <v>33</v>
      </c>
      <c r="AD2993">
        <v>33</v>
      </c>
      <c r="AE2993">
        <v>33</v>
      </c>
      <c r="AF2993">
        <v>33</v>
      </c>
      <c r="AG2993">
        <v>33</v>
      </c>
      <c r="AH2993">
        <v>34</v>
      </c>
      <c r="AI2993">
        <v>34</v>
      </c>
      <c r="AJ2993">
        <v>34</v>
      </c>
      <c r="AK2993">
        <v>34</v>
      </c>
      <c r="AL2993">
        <v>34</v>
      </c>
      <c r="AM2993">
        <v>33</v>
      </c>
      <c r="AN2993">
        <v>33</v>
      </c>
      <c r="AO2993">
        <v>33</v>
      </c>
      <c r="AP2993">
        <v>33</v>
      </c>
      <c r="AQ2993">
        <v>32</v>
      </c>
    </row>
    <row r="2994" spans="1:43">
      <c r="A2994" t="s">
        <v>1914</v>
      </c>
      <c r="B2994" t="s">
        <v>1915</v>
      </c>
      <c r="C2994" t="s">
        <v>1910</v>
      </c>
      <c r="D2994" t="s">
        <v>1911</v>
      </c>
      <c r="E2994" t="s">
        <v>1586</v>
      </c>
      <c r="F2994" t="s">
        <v>1587</v>
      </c>
      <c r="G2994" t="s">
        <v>80</v>
      </c>
      <c r="H2994" t="s">
        <v>81</v>
      </c>
      <c r="I2994" s="2">
        <v>0</v>
      </c>
      <c r="J2994" s="2">
        <v>1</v>
      </c>
      <c r="K2994" s="2">
        <v>0</v>
      </c>
      <c r="L2994" t="s">
        <v>82</v>
      </c>
      <c r="M2994" t="s">
        <v>83</v>
      </c>
      <c r="N2994" t="s">
        <v>84</v>
      </c>
      <c r="O2994" t="s">
        <v>85</v>
      </c>
      <c r="P2994" t="s">
        <v>86</v>
      </c>
      <c r="Q2994">
        <v>6</v>
      </c>
      <c r="R2994">
        <v>6</v>
      </c>
      <c r="S2994">
        <v>6</v>
      </c>
      <c r="T2994">
        <v>6</v>
      </c>
      <c r="U2994">
        <v>6</v>
      </c>
      <c r="V2994">
        <v>6</v>
      </c>
      <c r="W2994">
        <v>6</v>
      </c>
      <c r="X2994">
        <v>6</v>
      </c>
      <c r="Y2994">
        <v>6</v>
      </c>
      <c r="Z2994">
        <v>6</v>
      </c>
      <c r="AA2994">
        <v>6</v>
      </c>
      <c r="AB2994">
        <v>6</v>
      </c>
      <c r="AC2994">
        <v>6</v>
      </c>
      <c r="AD2994">
        <v>6</v>
      </c>
      <c r="AE2994">
        <v>6</v>
      </c>
      <c r="AF2994">
        <v>6</v>
      </c>
      <c r="AG2994">
        <v>6</v>
      </c>
      <c r="AH2994">
        <v>6</v>
      </c>
      <c r="AI2994">
        <v>6</v>
      </c>
      <c r="AJ2994">
        <v>6</v>
      </c>
      <c r="AK2994">
        <v>6</v>
      </c>
      <c r="AL2994">
        <v>6</v>
      </c>
      <c r="AM2994">
        <v>6</v>
      </c>
      <c r="AN2994">
        <v>6</v>
      </c>
      <c r="AO2994">
        <v>6</v>
      </c>
      <c r="AP2994">
        <v>6</v>
      </c>
      <c r="AQ2994">
        <v>6</v>
      </c>
    </row>
    <row r="2995" spans="1:43">
      <c r="A2995" t="s">
        <v>1914</v>
      </c>
      <c r="B2995" t="s">
        <v>1915</v>
      </c>
      <c r="C2995" t="s">
        <v>1910</v>
      </c>
      <c r="D2995" t="s">
        <v>1911</v>
      </c>
      <c r="E2995" t="s">
        <v>1586</v>
      </c>
      <c r="F2995" t="s">
        <v>1587</v>
      </c>
      <c r="G2995" t="s">
        <v>80</v>
      </c>
      <c r="H2995" t="s">
        <v>81</v>
      </c>
      <c r="I2995" s="2">
        <v>0</v>
      </c>
      <c r="J2995" s="2">
        <v>1</v>
      </c>
      <c r="K2995" s="2">
        <v>0</v>
      </c>
      <c r="L2995" t="s">
        <v>82</v>
      </c>
      <c r="M2995" t="s">
        <v>87</v>
      </c>
      <c r="N2995" t="s">
        <v>88</v>
      </c>
      <c r="O2995" t="s">
        <v>85</v>
      </c>
      <c r="P2995" t="s">
        <v>86</v>
      </c>
      <c r="Q2995">
        <v>6</v>
      </c>
      <c r="R2995">
        <v>6</v>
      </c>
      <c r="S2995">
        <v>6</v>
      </c>
      <c r="T2995">
        <v>6</v>
      </c>
      <c r="U2995">
        <v>6</v>
      </c>
      <c r="V2995">
        <v>6</v>
      </c>
      <c r="W2995">
        <v>5</v>
      </c>
      <c r="X2995">
        <v>5</v>
      </c>
      <c r="Y2995">
        <v>5</v>
      </c>
      <c r="Z2995">
        <v>5</v>
      </c>
      <c r="AA2995">
        <v>5</v>
      </c>
      <c r="AB2995">
        <v>5</v>
      </c>
      <c r="AC2995">
        <v>5</v>
      </c>
      <c r="AD2995">
        <v>5</v>
      </c>
      <c r="AE2995">
        <v>5</v>
      </c>
      <c r="AF2995">
        <v>5</v>
      </c>
      <c r="AG2995">
        <v>5</v>
      </c>
      <c r="AH2995">
        <v>5</v>
      </c>
      <c r="AI2995">
        <v>5</v>
      </c>
      <c r="AJ2995">
        <v>5</v>
      </c>
      <c r="AK2995">
        <v>5</v>
      </c>
      <c r="AL2995">
        <v>5</v>
      </c>
      <c r="AM2995">
        <v>5</v>
      </c>
      <c r="AN2995">
        <v>5</v>
      </c>
      <c r="AO2995">
        <v>5</v>
      </c>
      <c r="AP2995">
        <v>5</v>
      </c>
      <c r="AQ2995">
        <v>5</v>
      </c>
    </row>
    <row r="2996" spans="1:43">
      <c r="A2996" t="s">
        <v>1914</v>
      </c>
      <c r="B2996" t="s">
        <v>1915</v>
      </c>
      <c r="C2996" t="s">
        <v>1910</v>
      </c>
      <c r="D2996" t="s">
        <v>1911</v>
      </c>
      <c r="E2996" t="s">
        <v>1586</v>
      </c>
      <c r="F2996" t="s">
        <v>1587</v>
      </c>
      <c r="G2996" t="s">
        <v>80</v>
      </c>
      <c r="H2996" t="s">
        <v>81</v>
      </c>
      <c r="I2996" s="2">
        <v>0</v>
      </c>
      <c r="J2996" s="2">
        <v>1</v>
      </c>
      <c r="K2996" s="2">
        <v>0</v>
      </c>
      <c r="L2996" t="s">
        <v>82</v>
      </c>
      <c r="M2996" t="s">
        <v>89</v>
      </c>
      <c r="N2996" t="s">
        <v>90</v>
      </c>
      <c r="O2996" t="s">
        <v>85</v>
      </c>
      <c r="P2996" t="s">
        <v>86</v>
      </c>
      <c r="Q2996">
        <v>6</v>
      </c>
      <c r="R2996">
        <v>6</v>
      </c>
      <c r="S2996">
        <v>6</v>
      </c>
      <c r="T2996">
        <v>6</v>
      </c>
      <c r="U2996">
        <v>6</v>
      </c>
      <c r="V2996">
        <v>6</v>
      </c>
      <c r="W2996">
        <v>6</v>
      </c>
      <c r="X2996">
        <v>6</v>
      </c>
      <c r="Y2996">
        <v>6</v>
      </c>
      <c r="Z2996">
        <v>6</v>
      </c>
      <c r="AA2996">
        <v>6</v>
      </c>
      <c r="AB2996">
        <v>6</v>
      </c>
      <c r="AC2996">
        <v>6</v>
      </c>
      <c r="AD2996">
        <v>6</v>
      </c>
      <c r="AE2996">
        <v>6</v>
      </c>
      <c r="AF2996">
        <v>6</v>
      </c>
      <c r="AG2996">
        <v>6</v>
      </c>
      <c r="AH2996">
        <v>6</v>
      </c>
      <c r="AI2996">
        <v>6</v>
      </c>
      <c r="AJ2996">
        <v>6</v>
      </c>
      <c r="AK2996">
        <v>6</v>
      </c>
      <c r="AL2996">
        <v>6</v>
      </c>
      <c r="AM2996">
        <v>6</v>
      </c>
      <c r="AN2996">
        <v>6</v>
      </c>
      <c r="AO2996">
        <v>6</v>
      </c>
      <c r="AP2996">
        <v>6</v>
      </c>
      <c r="AQ2996">
        <v>6</v>
      </c>
    </row>
    <row r="2997" spans="1:43">
      <c r="A2997" t="s">
        <v>1914</v>
      </c>
      <c r="B2997" t="s">
        <v>1915</v>
      </c>
      <c r="C2997" t="s">
        <v>1910</v>
      </c>
      <c r="D2997" t="s">
        <v>1911</v>
      </c>
      <c r="E2997" t="s">
        <v>1586</v>
      </c>
      <c r="F2997" t="s">
        <v>1587</v>
      </c>
      <c r="G2997" t="s">
        <v>80</v>
      </c>
      <c r="H2997" t="s">
        <v>81</v>
      </c>
      <c r="I2997" s="2">
        <v>0</v>
      </c>
      <c r="J2997" s="2">
        <v>1</v>
      </c>
      <c r="K2997" s="2">
        <v>0</v>
      </c>
      <c r="L2997" t="s">
        <v>82</v>
      </c>
      <c r="M2997" t="s">
        <v>83</v>
      </c>
      <c r="N2997" t="s">
        <v>91</v>
      </c>
      <c r="O2997" t="s">
        <v>85</v>
      </c>
      <c r="P2997" t="s">
        <v>86</v>
      </c>
      <c r="Q2997">
        <v>6</v>
      </c>
      <c r="R2997">
        <v>6</v>
      </c>
      <c r="S2997">
        <v>6</v>
      </c>
      <c r="T2997">
        <v>6</v>
      </c>
      <c r="U2997">
        <v>6</v>
      </c>
      <c r="V2997">
        <v>6</v>
      </c>
      <c r="W2997">
        <v>6</v>
      </c>
      <c r="X2997">
        <v>6</v>
      </c>
      <c r="Y2997">
        <v>6</v>
      </c>
      <c r="Z2997">
        <v>6</v>
      </c>
      <c r="AA2997">
        <v>6</v>
      </c>
      <c r="AB2997">
        <v>6</v>
      </c>
      <c r="AC2997">
        <v>6</v>
      </c>
      <c r="AD2997">
        <v>6</v>
      </c>
      <c r="AE2997">
        <v>6</v>
      </c>
      <c r="AF2997">
        <v>6</v>
      </c>
      <c r="AG2997">
        <v>6</v>
      </c>
      <c r="AH2997">
        <v>6</v>
      </c>
      <c r="AI2997">
        <v>6</v>
      </c>
      <c r="AJ2997">
        <v>6</v>
      </c>
      <c r="AK2997">
        <v>6</v>
      </c>
      <c r="AL2997">
        <v>6</v>
      </c>
      <c r="AM2997">
        <v>6</v>
      </c>
      <c r="AN2997">
        <v>6</v>
      </c>
      <c r="AO2997">
        <v>6</v>
      </c>
      <c r="AP2997">
        <v>6</v>
      </c>
      <c r="AQ2997">
        <v>6</v>
      </c>
    </row>
    <row r="2998" spans="1:43">
      <c r="A2998" t="s">
        <v>1916</v>
      </c>
      <c r="B2998" t="s">
        <v>1917</v>
      </c>
      <c r="C2998" t="s">
        <v>1910</v>
      </c>
      <c r="D2998" t="s">
        <v>1911</v>
      </c>
      <c r="E2998" t="s">
        <v>1586</v>
      </c>
      <c r="F2998" t="s">
        <v>1587</v>
      </c>
      <c r="G2998" t="s">
        <v>80</v>
      </c>
      <c r="H2998" t="s">
        <v>81</v>
      </c>
      <c r="I2998" s="2">
        <v>0</v>
      </c>
      <c r="J2998" s="2">
        <v>1</v>
      </c>
      <c r="K2998" s="2">
        <v>0</v>
      </c>
      <c r="L2998" t="s">
        <v>82</v>
      </c>
      <c r="M2998" t="s">
        <v>83</v>
      </c>
      <c r="N2998" t="s">
        <v>84</v>
      </c>
      <c r="O2998" t="s">
        <v>85</v>
      </c>
      <c r="P2998" t="s">
        <v>86</v>
      </c>
      <c r="Q2998">
        <v>6</v>
      </c>
      <c r="R2998">
        <v>6</v>
      </c>
      <c r="S2998">
        <v>6</v>
      </c>
      <c r="T2998">
        <v>6</v>
      </c>
      <c r="U2998">
        <v>6</v>
      </c>
      <c r="V2998">
        <v>6</v>
      </c>
      <c r="W2998">
        <v>6</v>
      </c>
      <c r="X2998">
        <v>6</v>
      </c>
      <c r="Y2998">
        <v>6</v>
      </c>
      <c r="Z2998">
        <v>6</v>
      </c>
      <c r="AA2998">
        <v>6</v>
      </c>
      <c r="AB2998">
        <v>6</v>
      </c>
      <c r="AC2998">
        <v>6</v>
      </c>
      <c r="AD2998">
        <v>7</v>
      </c>
      <c r="AE2998">
        <v>7</v>
      </c>
      <c r="AF2998">
        <v>7</v>
      </c>
      <c r="AG2998">
        <v>7</v>
      </c>
      <c r="AH2998">
        <v>7</v>
      </c>
      <c r="AI2998">
        <v>7</v>
      </c>
      <c r="AJ2998">
        <v>7</v>
      </c>
      <c r="AK2998">
        <v>7</v>
      </c>
      <c r="AL2998">
        <v>7</v>
      </c>
      <c r="AM2998">
        <v>7</v>
      </c>
      <c r="AN2998">
        <v>6</v>
      </c>
      <c r="AO2998">
        <v>6</v>
      </c>
      <c r="AP2998">
        <v>6</v>
      </c>
      <c r="AQ2998">
        <v>6</v>
      </c>
    </row>
    <row r="2999" spans="1:43">
      <c r="A2999" t="s">
        <v>1916</v>
      </c>
      <c r="B2999" t="s">
        <v>1917</v>
      </c>
      <c r="C2999" t="s">
        <v>1910</v>
      </c>
      <c r="D2999" t="s">
        <v>1911</v>
      </c>
      <c r="E2999" t="s">
        <v>1586</v>
      </c>
      <c r="F2999" t="s">
        <v>1587</v>
      </c>
      <c r="G2999" t="s">
        <v>80</v>
      </c>
      <c r="H2999" t="s">
        <v>81</v>
      </c>
      <c r="I2999" s="2">
        <v>0</v>
      </c>
      <c r="J2999" s="2">
        <v>1</v>
      </c>
      <c r="K2999" s="2">
        <v>0</v>
      </c>
      <c r="L2999" t="s">
        <v>82</v>
      </c>
      <c r="M2999" t="s">
        <v>87</v>
      </c>
      <c r="N2999" t="s">
        <v>88</v>
      </c>
      <c r="O2999" t="s">
        <v>85</v>
      </c>
      <c r="P2999" t="s">
        <v>86</v>
      </c>
      <c r="Q2999">
        <v>6</v>
      </c>
      <c r="R2999">
        <v>6</v>
      </c>
      <c r="S2999">
        <v>6</v>
      </c>
      <c r="T2999">
        <v>6</v>
      </c>
      <c r="U2999">
        <v>6</v>
      </c>
      <c r="V2999">
        <v>6</v>
      </c>
      <c r="W2999">
        <v>6</v>
      </c>
      <c r="X2999">
        <v>6</v>
      </c>
      <c r="Y2999">
        <v>6</v>
      </c>
      <c r="Z2999">
        <v>6</v>
      </c>
      <c r="AA2999">
        <v>6</v>
      </c>
      <c r="AB2999">
        <v>6</v>
      </c>
      <c r="AC2999">
        <v>6</v>
      </c>
      <c r="AD2999">
        <v>6</v>
      </c>
      <c r="AE2999">
        <v>6</v>
      </c>
      <c r="AF2999">
        <v>6</v>
      </c>
      <c r="AG2999">
        <v>6</v>
      </c>
      <c r="AH2999">
        <v>6</v>
      </c>
      <c r="AI2999">
        <v>6</v>
      </c>
      <c r="AJ2999">
        <v>6</v>
      </c>
      <c r="AK2999">
        <v>6</v>
      </c>
      <c r="AL2999">
        <v>6</v>
      </c>
      <c r="AM2999">
        <v>6</v>
      </c>
      <c r="AN2999">
        <v>6</v>
      </c>
      <c r="AO2999">
        <v>6</v>
      </c>
      <c r="AP2999">
        <v>6</v>
      </c>
      <c r="AQ2999">
        <v>6</v>
      </c>
    </row>
    <row r="3000" spans="1:43">
      <c r="A3000" t="s">
        <v>1916</v>
      </c>
      <c r="B3000" t="s">
        <v>1917</v>
      </c>
      <c r="C3000" t="s">
        <v>1910</v>
      </c>
      <c r="D3000" t="s">
        <v>1911</v>
      </c>
      <c r="E3000" t="s">
        <v>1586</v>
      </c>
      <c r="F3000" t="s">
        <v>1587</v>
      </c>
      <c r="G3000" t="s">
        <v>80</v>
      </c>
      <c r="H3000" t="s">
        <v>81</v>
      </c>
      <c r="I3000" s="2">
        <v>0</v>
      </c>
      <c r="J3000" s="2">
        <v>1</v>
      </c>
      <c r="K3000" s="2">
        <v>0</v>
      </c>
      <c r="L3000" t="s">
        <v>82</v>
      </c>
      <c r="M3000" t="s">
        <v>89</v>
      </c>
      <c r="N3000" t="s">
        <v>90</v>
      </c>
      <c r="O3000" t="s">
        <v>85</v>
      </c>
      <c r="P3000" t="s">
        <v>86</v>
      </c>
      <c r="Q3000">
        <v>6</v>
      </c>
      <c r="R3000">
        <v>6</v>
      </c>
      <c r="S3000">
        <v>6</v>
      </c>
      <c r="T3000">
        <v>6</v>
      </c>
      <c r="U3000">
        <v>7</v>
      </c>
      <c r="V3000">
        <v>7</v>
      </c>
      <c r="W3000">
        <v>7</v>
      </c>
      <c r="X3000">
        <v>7</v>
      </c>
      <c r="Y3000">
        <v>7</v>
      </c>
      <c r="Z3000">
        <v>7</v>
      </c>
      <c r="AA3000">
        <v>7</v>
      </c>
      <c r="AB3000">
        <v>7</v>
      </c>
      <c r="AC3000">
        <v>7</v>
      </c>
      <c r="AD3000">
        <v>7</v>
      </c>
      <c r="AE3000">
        <v>7</v>
      </c>
      <c r="AF3000">
        <v>7</v>
      </c>
      <c r="AG3000">
        <v>7</v>
      </c>
      <c r="AH3000">
        <v>7</v>
      </c>
      <c r="AI3000">
        <v>7</v>
      </c>
      <c r="AJ3000">
        <v>7</v>
      </c>
      <c r="AK3000">
        <v>7</v>
      </c>
      <c r="AL3000">
        <v>7</v>
      </c>
      <c r="AM3000">
        <v>7</v>
      </c>
      <c r="AN3000">
        <v>7</v>
      </c>
      <c r="AO3000">
        <v>6</v>
      </c>
      <c r="AP3000">
        <v>6</v>
      </c>
      <c r="AQ3000">
        <v>6</v>
      </c>
    </row>
    <row r="3001" spans="1:43">
      <c r="A3001" t="s">
        <v>1916</v>
      </c>
      <c r="B3001" t="s">
        <v>1917</v>
      </c>
      <c r="C3001" t="s">
        <v>1910</v>
      </c>
      <c r="D3001" t="s">
        <v>1911</v>
      </c>
      <c r="E3001" t="s">
        <v>1586</v>
      </c>
      <c r="F3001" t="s">
        <v>1587</v>
      </c>
      <c r="G3001" t="s">
        <v>80</v>
      </c>
      <c r="H3001" t="s">
        <v>81</v>
      </c>
      <c r="I3001" s="2">
        <v>0</v>
      </c>
      <c r="J3001" s="2">
        <v>1</v>
      </c>
      <c r="K3001" s="2">
        <v>0</v>
      </c>
      <c r="L3001" t="s">
        <v>82</v>
      </c>
      <c r="M3001" t="s">
        <v>83</v>
      </c>
      <c r="N3001" t="s">
        <v>91</v>
      </c>
      <c r="O3001" t="s">
        <v>85</v>
      </c>
      <c r="P3001" t="s">
        <v>86</v>
      </c>
      <c r="Q3001">
        <v>6</v>
      </c>
      <c r="R3001">
        <v>6</v>
      </c>
      <c r="S3001">
        <v>6</v>
      </c>
      <c r="T3001">
        <v>6</v>
      </c>
      <c r="U3001">
        <v>6</v>
      </c>
      <c r="V3001">
        <v>6</v>
      </c>
      <c r="W3001">
        <v>6</v>
      </c>
      <c r="X3001">
        <v>6</v>
      </c>
      <c r="Y3001">
        <v>6</v>
      </c>
      <c r="Z3001">
        <v>6</v>
      </c>
      <c r="AA3001">
        <v>6</v>
      </c>
      <c r="AB3001">
        <v>6</v>
      </c>
      <c r="AC3001">
        <v>6</v>
      </c>
      <c r="AD3001">
        <v>7</v>
      </c>
      <c r="AE3001">
        <v>7</v>
      </c>
      <c r="AF3001">
        <v>7</v>
      </c>
      <c r="AG3001">
        <v>7</v>
      </c>
      <c r="AH3001">
        <v>7</v>
      </c>
      <c r="AI3001">
        <v>7</v>
      </c>
      <c r="AJ3001">
        <v>7</v>
      </c>
      <c r="AK3001">
        <v>7</v>
      </c>
      <c r="AL3001">
        <v>7</v>
      </c>
      <c r="AM3001">
        <v>7</v>
      </c>
      <c r="AN3001">
        <v>6</v>
      </c>
      <c r="AO3001">
        <v>6</v>
      </c>
      <c r="AP3001">
        <v>6</v>
      </c>
      <c r="AQ3001">
        <v>6</v>
      </c>
    </row>
    <row r="3002" spans="1:43">
      <c r="A3002" t="s">
        <v>1918</v>
      </c>
      <c r="B3002" t="s">
        <v>1919</v>
      </c>
      <c r="C3002" t="s">
        <v>1910</v>
      </c>
      <c r="D3002" t="s">
        <v>1911</v>
      </c>
      <c r="E3002" t="s">
        <v>1586</v>
      </c>
      <c r="F3002" t="s">
        <v>1587</v>
      </c>
      <c r="G3002" t="s">
        <v>80</v>
      </c>
      <c r="H3002" t="s">
        <v>81</v>
      </c>
      <c r="I3002" s="2">
        <v>0</v>
      </c>
      <c r="J3002" s="2">
        <v>1</v>
      </c>
      <c r="K3002" s="2">
        <v>0</v>
      </c>
      <c r="L3002" t="s">
        <v>82</v>
      </c>
      <c r="M3002" t="s">
        <v>83</v>
      </c>
      <c r="N3002" t="s">
        <v>84</v>
      </c>
      <c r="O3002" t="s">
        <v>85</v>
      </c>
      <c r="P3002" t="s">
        <v>86</v>
      </c>
      <c r="Q3002">
        <v>40</v>
      </c>
      <c r="R3002">
        <v>40</v>
      </c>
      <c r="S3002">
        <v>41</v>
      </c>
      <c r="T3002">
        <v>41</v>
      </c>
      <c r="U3002">
        <v>41</v>
      </c>
      <c r="V3002">
        <v>41</v>
      </c>
      <c r="W3002">
        <v>41</v>
      </c>
      <c r="X3002">
        <v>42</v>
      </c>
      <c r="Y3002">
        <v>42</v>
      </c>
      <c r="Z3002">
        <v>42</v>
      </c>
      <c r="AA3002">
        <v>42</v>
      </c>
      <c r="AB3002">
        <v>42</v>
      </c>
      <c r="AC3002">
        <v>42</v>
      </c>
      <c r="AD3002">
        <v>42</v>
      </c>
      <c r="AE3002">
        <v>42</v>
      </c>
      <c r="AF3002">
        <v>43</v>
      </c>
      <c r="AG3002">
        <v>43</v>
      </c>
      <c r="AH3002">
        <v>43</v>
      </c>
      <c r="AI3002">
        <v>43</v>
      </c>
      <c r="AJ3002">
        <v>43</v>
      </c>
      <c r="AK3002">
        <v>43</v>
      </c>
      <c r="AL3002">
        <v>43</v>
      </c>
      <c r="AM3002">
        <v>42</v>
      </c>
      <c r="AN3002">
        <v>42</v>
      </c>
      <c r="AO3002">
        <v>42</v>
      </c>
      <c r="AP3002">
        <v>42</v>
      </c>
      <c r="AQ3002">
        <v>41</v>
      </c>
    </row>
    <row r="3003" spans="1:43">
      <c r="A3003" t="s">
        <v>1918</v>
      </c>
      <c r="B3003" t="s">
        <v>1919</v>
      </c>
      <c r="C3003" t="s">
        <v>1910</v>
      </c>
      <c r="D3003" t="s">
        <v>1911</v>
      </c>
      <c r="E3003" t="s">
        <v>1586</v>
      </c>
      <c r="F3003" t="s">
        <v>1587</v>
      </c>
      <c r="G3003" t="s">
        <v>80</v>
      </c>
      <c r="H3003" t="s">
        <v>81</v>
      </c>
      <c r="I3003" s="2">
        <v>0</v>
      </c>
      <c r="J3003" s="2">
        <v>1</v>
      </c>
      <c r="K3003" s="2">
        <v>0</v>
      </c>
      <c r="L3003" t="s">
        <v>82</v>
      </c>
      <c r="M3003" t="s">
        <v>87</v>
      </c>
      <c r="N3003" t="s">
        <v>88</v>
      </c>
      <c r="O3003" t="s">
        <v>85</v>
      </c>
      <c r="P3003" t="s">
        <v>86</v>
      </c>
      <c r="Q3003">
        <v>40</v>
      </c>
      <c r="R3003">
        <v>40</v>
      </c>
      <c r="S3003">
        <v>40</v>
      </c>
      <c r="T3003">
        <v>39</v>
      </c>
      <c r="U3003">
        <v>39</v>
      </c>
      <c r="V3003">
        <v>39</v>
      </c>
      <c r="W3003">
        <v>39</v>
      </c>
      <c r="X3003">
        <v>39</v>
      </c>
      <c r="Y3003">
        <v>39</v>
      </c>
      <c r="Z3003">
        <v>38</v>
      </c>
      <c r="AA3003">
        <v>38</v>
      </c>
      <c r="AB3003">
        <v>38</v>
      </c>
      <c r="AC3003">
        <v>38</v>
      </c>
      <c r="AD3003">
        <v>38</v>
      </c>
      <c r="AE3003">
        <v>38</v>
      </c>
      <c r="AF3003">
        <v>38</v>
      </c>
      <c r="AG3003">
        <v>37</v>
      </c>
      <c r="AH3003">
        <v>37</v>
      </c>
      <c r="AI3003">
        <v>37</v>
      </c>
      <c r="AJ3003">
        <v>37</v>
      </c>
      <c r="AK3003">
        <v>37</v>
      </c>
      <c r="AL3003">
        <v>37</v>
      </c>
      <c r="AM3003">
        <v>37</v>
      </c>
      <c r="AN3003">
        <v>37</v>
      </c>
      <c r="AO3003">
        <v>36</v>
      </c>
      <c r="AP3003">
        <v>36</v>
      </c>
      <c r="AQ3003">
        <v>36</v>
      </c>
    </row>
    <row r="3004" spans="1:43">
      <c r="A3004" t="s">
        <v>1918</v>
      </c>
      <c r="B3004" t="s">
        <v>1919</v>
      </c>
      <c r="C3004" t="s">
        <v>1910</v>
      </c>
      <c r="D3004" t="s">
        <v>1911</v>
      </c>
      <c r="E3004" t="s">
        <v>1586</v>
      </c>
      <c r="F3004" t="s">
        <v>1587</v>
      </c>
      <c r="G3004" t="s">
        <v>80</v>
      </c>
      <c r="H3004" t="s">
        <v>81</v>
      </c>
      <c r="I3004" s="2">
        <v>0</v>
      </c>
      <c r="J3004" s="2">
        <v>1</v>
      </c>
      <c r="K3004" s="2">
        <v>0</v>
      </c>
      <c r="L3004" t="s">
        <v>82</v>
      </c>
      <c r="M3004" t="s">
        <v>89</v>
      </c>
      <c r="N3004" t="s">
        <v>90</v>
      </c>
      <c r="O3004" t="s">
        <v>85</v>
      </c>
      <c r="P3004" t="s">
        <v>86</v>
      </c>
      <c r="Q3004">
        <v>40</v>
      </c>
      <c r="R3004">
        <v>40</v>
      </c>
      <c r="S3004">
        <v>41</v>
      </c>
      <c r="T3004">
        <v>41</v>
      </c>
      <c r="U3004">
        <v>42</v>
      </c>
      <c r="V3004">
        <v>42</v>
      </c>
      <c r="W3004">
        <v>43</v>
      </c>
      <c r="X3004">
        <v>43</v>
      </c>
      <c r="Y3004">
        <v>43</v>
      </c>
      <c r="Z3004">
        <v>43</v>
      </c>
      <c r="AA3004">
        <v>44</v>
      </c>
      <c r="AB3004">
        <v>44</v>
      </c>
      <c r="AC3004">
        <v>44</v>
      </c>
      <c r="AD3004">
        <v>44</v>
      </c>
      <c r="AE3004">
        <v>44</v>
      </c>
      <c r="AF3004">
        <v>44</v>
      </c>
      <c r="AG3004">
        <v>44</v>
      </c>
      <c r="AH3004">
        <v>43</v>
      </c>
      <c r="AI3004">
        <v>43</v>
      </c>
      <c r="AJ3004">
        <v>43</v>
      </c>
      <c r="AK3004">
        <v>42</v>
      </c>
      <c r="AL3004">
        <v>42</v>
      </c>
      <c r="AM3004">
        <v>42</v>
      </c>
      <c r="AN3004">
        <v>41</v>
      </c>
      <c r="AO3004">
        <v>41</v>
      </c>
      <c r="AP3004">
        <v>41</v>
      </c>
      <c r="AQ3004">
        <v>41</v>
      </c>
    </row>
    <row r="3005" spans="1:43">
      <c r="A3005" t="s">
        <v>1918</v>
      </c>
      <c r="B3005" t="s">
        <v>1919</v>
      </c>
      <c r="C3005" t="s">
        <v>1910</v>
      </c>
      <c r="D3005" t="s">
        <v>1911</v>
      </c>
      <c r="E3005" t="s">
        <v>1586</v>
      </c>
      <c r="F3005" t="s">
        <v>1587</v>
      </c>
      <c r="G3005" t="s">
        <v>80</v>
      </c>
      <c r="H3005" t="s">
        <v>81</v>
      </c>
      <c r="I3005" s="2">
        <v>0</v>
      </c>
      <c r="J3005" s="2">
        <v>1</v>
      </c>
      <c r="K3005" s="2">
        <v>0</v>
      </c>
      <c r="L3005" t="s">
        <v>82</v>
      </c>
      <c r="M3005" t="s">
        <v>83</v>
      </c>
      <c r="N3005" t="s">
        <v>91</v>
      </c>
      <c r="O3005" t="s">
        <v>85</v>
      </c>
      <c r="P3005" t="s">
        <v>86</v>
      </c>
      <c r="Q3005">
        <v>40</v>
      </c>
      <c r="R3005">
        <v>40</v>
      </c>
      <c r="S3005">
        <v>41</v>
      </c>
      <c r="T3005">
        <v>41</v>
      </c>
      <c r="U3005">
        <v>41</v>
      </c>
      <c r="V3005">
        <v>41</v>
      </c>
      <c r="W3005">
        <v>41</v>
      </c>
      <c r="X3005">
        <v>42</v>
      </c>
      <c r="Y3005">
        <v>42</v>
      </c>
      <c r="Z3005">
        <v>42</v>
      </c>
      <c r="AA3005">
        <v>42</v>
      </c>
      <c r="AB3005">
        <v>42</v>
      </c>
      <c r="AC3005">
        <v>42</v>
      </c>
      <c r="AD3005">
        <v>42</v>
      </c>
      <c r="AE3005">
        <v>42</v>
      </c>
      <c r="AF3005">
        <v>43</v>
      </c>
      <c r="AG3005">
        <v>43</v>
      </c>
      <c r="AH3005">
        <v>43</v>
      </c>
      <c r="AI3005">
        <v>43</v>
      </c>
      <c r="AJ3005">
        <v>43</v>
      </c>
      <c r="AK3005">
        <v>43</v>
      </c>
      <c r="AL3005">
        <v>43</v>
      </c>
      <c r="AM3005">
        <v>42</v>
      </c>
      <c r="AN3005">
        <v>42</v>
      </c>
      <c r="AO3005">
        <v>42</v>
      </c>
      <c r="AP3005">
        <v>42</v>
      </c>
      <c r="AQ3005">
        <v>41</v>
      </c>
    </row>
    <row r="3006" spans="1:43">
      <c r="A3006" t="s">
        <v>1920</v>
      </c>
      <c r="B3006" t="s">
        <v>1921</v>
      </c>
      <c r="C3006" t="s">
        <v>1696</v>
      </c>
      <c r="D3006" t="s">
        <v>1697</v>
      </c>
      <c r="E3006" t="s">
        <v>1586</v>
      </c>
      <c r="F3006" t="s">
        <v>1587</v>
      </c>
      <c r="G3006" t="s">
        <v>80</v>
      </c>
      <c r="H3006" t="s">
        <v>81</v>
      </c>
      <c r="I3006" s="2">
        <v>0</v>
      </c>
      <c r="J3006" s="2">
        <v>1</v>
      </c>
      <c r="K3006" s="2">
        <v>0</v>
      </c>
      <c r="L3006" t="s">
        <v>82</v>
      </c>
      <c r="M3006" t="s">
        <v>83</v>
      </c>
      <c r="N3006" t="s">
        <v>84</v>
      </c>
      <c r="O3006" t="s">
        <v>85</v>
      </c>
      <c r="P3006" t="s">
        <v>86</v>
      </c>
      <c r="Q3006">
        <v>8</v>
      </c>
      <c r="R3006">
        <v>8</v>
      </c>
      <c r="S3006">
        <v>8</v>
      </c>
      <c r="T3006">
        <v>8</v>
      </c>
      <c r="U3006">
        <v>8</v>
      </c>
      <c r="V3006">
        <v>8</v>
      </c>
      <c r="W3006">
        <v>8</v>
      </c>
      <c r="X3006">
        <v>8</v>
      </c>
      <c r="Y3006">
        <v>8</v>
      </c>
      <c r="Z3006">
        <v>8</v>
      </c>
      <c r="AA3006">
        <v>8</v>
      </c>
      <c r="AB3006">
        <v>8</v>
      </c>
      <c r="AC3006">
        <v>8</v>
      </c>
      <c r="AD3006">
        <v>8</v>
      </c>
      <c r="AE3006">
        <v>8</v>
      </c>
      <c r="AF3006">
        <v>8</v>
      </c>
      <c r="AG3006">
        <v>8</v>
      </c>
      <c r="AH3006">
        <v>8</v>
      </c>
      <c r="AI3006">
        <v>8</v>
      </c>
      <c r="AJ3006">
        <v>8</v>
      </c>
      <c r="AK3006">
        <v>8</v>
      </c>
      <c r="AL3006">
        <v>8</v>
      </c>
      <c r="AM3006">
        <v>8</v>
      </c>
      <c r="AN3006">
        <v>8</v>
      </c>
      <c r="AO3006">
        <v>8</v>
      </c>
      <c r="AP3006">
        <v>8</v>
      </c>
      <c r="AQ3006">
        <v>8</v>
      </c>
    </row>
    <row r="3007" spans="1:43">
      <c r="A3007" t="s">
        <v>1920</v>
      </c>
      <c r="B3007" t="s">
        <v>1921</v>
      </c>
      <c r="C3007" t="s">
        <v>1696</v>
      </c>
      <c r="D3007" t="s">
        <v>1697</v>
      </c>
      <c r="E3007" t="s">
        <v>1586</v>
      </c>
      <c r="F3007" t="s">
        <v>1587</v>
      </c>
      <c r="G3007" t="s">
        <v>80</v>
      </c>
      <c r="H3007" t="s">
        <v>81</v>
      </c>
      <c r="I3007" s="2">
        <v>0</v>
      </c>
      <c r="J3007" s="2">
        <v>1</v>
      </c>
      <c r="K3007" s="2">
        <v>0</v>
      </c>
      <c r="L3007" t="s">
        <v>82</v>
      </c>
      <c r="M3007" t="s">
        <v>87</v>
      </c>
      <c r="N3007" t="s">
        <v>88</v>
      </c>
      <c r="O3007" t="s">
        <v>85</v>
      </c>
      <c r="P3007" t="s">
        <v>86</v>
      </c>
      <c r="Q3007">
        <v>8</v>
      </c>
      <c r="R3007">
        <v>8</v>
      </c>
      <c r="S3007">
        <v>8</v>
      </c>
      <c r="T3007">
        <v>8</v>
      </c>
      <c r="U3007">
        <v>7</v>
      </c>
      <c r="V3007">
        <v>7</v>
      </c>
      <c r="W3007">
        <v>7</v>
      </c>
      <c r="X3007">
        <v>7</v>
      </c>
      <c r="Y3007">
        <v>7</v>
      </c>
      <c r="Z3007">
        <v>7</v>
      </c>
      <c r="AA3007">
        <v>7</v>
      </c>
      <c r="AB3007">
        <v>7</v>
      </c>
      <c r="AC3007">
        <v>7</v>
      </c>
      <c r="AD3007">
        <v>7</v>
      </c>
      <c r="AE3007">
        <v>7</v>
      </c>
      <c r="AF3007">
        <v>7</v>
      </c>
      <c r="AG3007">
        <v>7</v>
      </c>
      <c r="AH3007">
        <v>7</v>
      </c>
      <c r="AI3007">
        <v>7</v>
      </c>
      <c r="AJ3007">
        <v>7</v>
      </c>
      <c r="AK3007">
        <v>7</v>
      </c>
      <c r="AL3007">
        <v>7</v>
      </c>
      <c r="AM3007">
        <v>7</v>
      </c>
      <c r="AN3007">
        <v>7</v>
      </c>
      <c r="AO3007">
        <v>7</v>
      </c>
      <c r="AP3007">
        <v>7</v>
      </c>
      <c r="AQ3007">
        <v>7</v>
      </c>
    </row>
    <row r="3008" spans="1:43">
      <c r="A3008" t="s">
        <v>1920</v>
      </c>
      <c r="B3008" t="s">
        <v>1921</v>
      </c>
      <c r="C3008" t="s">
        <v>1696</v>
      </c>
      <c r="D3008" t="s">
        <v>1697</v>
      </c>
      <c r="E3008" t="s">
        <v>1586</v>
      </c>
      <c r="F3008" t="s">
        <v>1587</v>
      </c>
      <c r="G3008" t="s">
        <v>80</v>
      </c>
      <c r="H3008" t="s">
        <v>81</v>
      </c>
      <c r="I3008" s="2">
        <v>0</v>
      </c>
      <c r="J3008" s="2">
        <v>1</v>
      </c>
      <c r="K3008" s="2">
        <v>0</v>
      </c>
      <c r="L3008" t="s">
        <v>82</v>
      </c>
      <c r="M3008" t="s">
        <v>89</v>
      </c>
      <c r="N3008" t="s">
        <v>90</v>
      </c>
      <c r="O3008" t="s">
        <v>85</v>
      </c>
      <c r="P3008" t="s">
        <v>86</v>
      </c>
      <c r="Q3008">
        <v>8</v>
      </c>
      <c r="R3008">
        <v>8</v>
      </c>
      <c r="S3008">
        <v>8</v>
      </c>
      <c r="T3008">
        <v>8</v>
      </c>
      <c r="U3008">
        <v>8</v>
      </c>
      <c r="V3008">
        <v>8</v>
      </c>
      <c r="W3008">
        <v>8</v>
      </c>
      <c r="X3008">
        <v>8</v>
      </c>
      <c r="Y3008">
        <v>8</v>
      </c>
      <c r="Z3008">
        <v>8</v>
      </c>
      <c r="AA3008">
        <v>8</v>
      </c>
      <c r="AB3008">
        <v>8</v>
      </c>
      <c r="AC3008">
        <v>9</v>
      </c>
      <c r="AD3008">
        <v>9</v>
      </c>
      <c r="AE3008">
        <v>9</v>
      </c>
      <c r="AF3008">
        <v>8</v>
      </c>
      <c r="AG3008">
        <v>8</v>
      </c>
      <c r="AH3008">
        <v>8</v>
      </c>
      <c r="AI3008">
        <v>8</v>
      </c>
      <c r="AJ3008">
        <v>8</v>
      </c>
      <c r="AK3008">
        <v>8</v>
      </c>
      <c r="AL3008">
        <v>8</v>
      </c>
      <c r="AM3008">
        <v>8</v>
      </c>
      <c r="AN3008">
        <v>8</v>
      </c>
      <c r="AO3008">
        <v>8</v>
      </c>
      <c r="AP3008">
        <v>8</v>
      </c>
      <c r="AQ3008">
        <v>8</v>
      </c>
    </row>
    <row r="3009" spans="1:43">
      <c r="A3009" t="s">
        <v>1920</v>
      </c>
      <c r="B3009" t="s">
        <v>1921</v>
      </c>
      <c r="C3009" t="s">
        <v>1696</v>
      </c>
      <c r="D3009" t="s">
        <v>1697</v>
      </c>
      <c r="E3009" t="s">
        <v>1586</v>
      </c>
      <c r="F3009" t="s">
        <v>1587</v>
      </c>
      <c r="G3009" t="s">
        <v>80</v>
      </c>
      <c r="H3009" t="s">
        <v>81</v>
      </c>
      <c r="I3009" s="2">
        <v>0</v>
      </c>
      <c r="J3009" s="2">
        <v>1</v>
      </c>
      <c r="K3009" s="2">
        <v>0</v>
      </c>
      <c r="L3009" t="s">
        <v>82</v>
      </c>
      <c r="M3009" t="s">
        <v>83</v>
      </c>
      <c r="N3009" t="s">
        <v>91</v>
      </c>
      <c r="O3009" t="s">
        <v>85</v>
      </c>
      <c r="P3009" t="s">
        <v>86</v>
      </c>
      <c r="Q3009">
        <v>8</v>
      </c>
      <c r="R3009">
        <v>8</v>
      </c>
      <c r="S3009">
        <v>8</v>
      </c>
      <c r="T3009">
        <v>8</v>
      </c>
      <c r="U3009">
        <v>8</v>
      </c>
      <c r="V3009">
        <v>8</v>
      </c>
      <c r="W3009">
        <v>8</v>
      </c>
      <c r="X3009">
        <v>8</v>
      </c>
      <c r="Y3009">
        <v>8</v>
      </c>
      <c r="Z3009">
        <v>8</v>
      </c>
      <c r="AA3009">
        <v>8</v>
      </c>
      <c r="AB3009">
        <v>8</v>
      </c>
      <c r="AC3009">
        <v>8</v>
      </c>
      <c r="AD3009">
        <v>8</v>
      </c>
      <c r="AE3009">
        <v>8</v>
      </c>
      <c r="AF3009">
        <v>8</v>
      </c>
      <c r="AG3009">
        <v>8</v>
      </c>
      <c r="AH3009">
        <v>8</v>
      </c>
      <c r="AI3009">
        <v>8</v>
      </c>
      <c r="AJ3009">
        <v>8</v>
      </c>
      <c r="AK3009">
        <v>8</v>
      </c>
      <c r="AL3009">
        <v>8</v>
      </c>
      <c r="AM3009">
        <v>8</v>
      </c>
      <c r="AN3009">
        <v>8</v>
      </c>
      <c r="AO3009">
        <v>8</v>
      </c>
      <c r="AP3009">
        <v>8</v>
      </c>
      <c r="AQ3009">
        <v>8</v>
      </c>
    </row>
    <row r="3010" spans="1:43">
      <c r="A3010" t="s">
        <v>1922</v>
      </c>
      <c r="B3010" t="s">
        <v>1923</v>
      </c>
      <c r="C3010" t="s">
        <v>1910</v>
      </c>
      <c r="D3010" t="s">
        <v>1911</v>
      </c>
      <c r="E3010" t="s">
        <v>1586</v>
      </c>
      <c r="F3010" t="s">
        <v>1587</v>
      </c>
      <c r="G3010" t="s">
        <v>80</v>
      </c>
      <c r="H3010" t="s">
        <v>81</v>
      </c>
      <c r="I3010" s="2">
        <v>0</v>
      </c>
      <c r="J3010" s="2">
        <v>1</v>
      </c>
      <c r="K3010" s="2">
        <v>0</v>
      </c>
      <c r="L3010" t="s">
        <v>82</v>
      </c>
      <c r="M3010" t="s">
        <v>83</v>
      </c>
      <c r="N3010" t="s">
        <v>84</v>
      </c>
      <c r="O3010" t="s">
        <v>85</v>
      </c>
      <c r="P3010" t="s">
        <v>86</v>
      </c>
      <c r="Q3010">
        <v>8</v>
      </c>
      <c r="R3010">
        <v>8</v>
      </c>
      <c r="S3010">
        <v>8</v>
      </c>
      <c r="T3010">
        <v>8</v>
      </c>
      <c r="U3010">
        <v>8</v>
      </c>
      <c r="V3010">
        <v>8</v>
      </c>
      <c r="W3010">
        <v>8</v>
      </c>
      <c r="X3010">
        <v>8</v>
      </c>
      <c r="Y3010">
        <v>8</v>
      </c>
      <c r="Z3010">
        <v>8</v>
      </c>
      <c r="AA3010">
        <v>8</v>
      </c>
      <c r="AB3010">
        <v>8</v>
      </c>
      <c r="AC3010">
        <v>8</v>
      </c>
      <c r="AD3010">
        <v>8</v>
      </c>
      <c r="AE3010">
        <v>8</v>
      </c>
      <c r="AF3010">
        <v>8</v>
      </c>
      <c r="AG3010">
        <v>8</v>
      </c>
      <c r="AH3010">
        <v>8</v>
      </c>
      <c r="AI3010">
        <v>8</v>
      </c>
      <c r="AJ3010">
        <v>8</v>
      </c>
      <c r="AK3010">
        <v>8</v>
      </c>
      <c r="AL3010">
        <v>8</v>
      </c>
      <c r="AM3010">
        <v>8</v>
      </c>
      <c r="AN3010">
        <v>8</v>
      </c>
      <c r="AO3010">
        <v>8</v>
      </c>
      <c r="AP3010">
        <v>8</v>
      </c>
      <c r="AQ3010">
        <v>8</v>
      </c>
    </row>
    <row r="3011" spans="1:43">
      <c r="A3011" t="s">
        <v>1922</v>
      </c>
      <c r="B3011" t="s">
        <v>1923</v>
      </c>
      <c r="C3011" t="s">
        <v>1910</v>
      </c>
      <c r="D3011" t="s">
        <v>1911</v>
      </c>
      <c r="E3011" t="s">
        <v>1586</v>
      </c>
      <c r="F3011" t="s">
        <v>1587</v>
      </c>
      <c r="G3011" t="s">
        <v>80</v>
      </c>
      <c r="H3011" t="s">
        <v>81</v>
      </c>
      <c r="I3011" s="2">
        <v>0</v>
      </c>
      <c r="J3011" s="2">
        <v>1</v>
      </c>
      <c r="K3011" s="2">
        <v>0</v>
      </c>
      <c r="L3011" t="s">
        <v>82</v>
      </c>
      <c r="M3011" t="s">
        <v>87</v>
      </c>
      <c r="N3011" t="s">
        <v>88</v>
      </c>
      <c r="O3011" t="s">
        <v>85</v>
      </c>
      <c r="P3011" t="s">
        <v>86</v>
      </c>
      <c r="Q3011">
        <v>8</v>
      </c>
      <c r="R3011">
        <v>8</v>
      </c>
      <c r="S3011">
        <v>8</v>
      </c>
      <c r="T3011">
        <v>8</v>
      </c>
      <c r="U3011">
        <v>8</v>
      </c>
      <c r="V3011">
        <v>8</v>
      </c>
      <c r="W3011">
        <v>8</v>
      </c>
      <c r="X3011">
        <v>8</v>
      </c>
      <c r="Y3011">
        <v>8</v>
      </c>
      <c r="Z3011">
        <v>8</v>
      </c>
      <c r="AA3011">
        <v>8</v>
      </c>
      <c r="AB3011">
        <v>8</v>
      </c>
      <c r="AC3011">
        <v>8</v>
      </c>
      <c r="AD3011">
        <v>8</v>
      </c>
      <c r="AE3011">
        <v>8</v>
      </c>
      <c r="AF3011">
        <v>8</v>
      </c>
      <c r="AG3011">
        <v>8</v>
      </c>
      <c r="AH3011">
        <v>8</v>
      </c>
      <c r="AI3011">
        <v>8</v>
      </c>
      <c r="AJ3011">
        <v>8</v>
      </c>
      <c r="AK3011">
        <v>8</v>
      </c>
      <c r="AL3011">
        <v>8</v>
      </c>
      <c r="AM3011">
        <v>8</v>
      </c>
      <c r="AN3011">
        <v>8</v>
      </c>
      <c r="AO3011">
        <v>8</v>
      </c>
      <c r="AP3011">
        <v>8</v>
      </c>
      <c r="AQ3011">
        <v>8</v>
      </c>
    </row>
    <row r="3012" spans="1:43">
      <c r="A3012" t="s">
        <v>1922</v>
      </c>
      <c r="B3012" t="s">
        <v>1923</v>
      </c>
      <c r="C3012" t="s">
        <v>1910</v>
      </c>
      <c r="D3012" t="s">
        <v>1911</v>
      </c>
      <c r="E3012" t="s">
        <v>1586</v>
      </c>
      <c r="F3012" t="s">
        <v>1587</v>
      </c>
      <c r="G3012" t="s">
        <v>80</v>
      </c>
      <c r="H3012" t="s">
        <v>81</v>
      </c>
      <c r="I3012" s="2">
        <v>0</v>
      </c>
      <c r="J3012" s="2">
        <v>1</v>
      </c>
      <c r="K3012" s="2">
        <v>0</v>
      </c>
      <c r="L3012" t="s">
        <v>82</v>
      </c>
      <c r="M3012" t="s">
        <v>89</v>
      </c>
      <c r="N3012" t="s">
        <v>90</v>
      </c>
      <c r="O3012" t="s">
        <v>85</v>
      </c>
      <c r="P3012" t="s">
        <v>86</v>
      </c>
      <c r="Q3012">
        <v>8</v>
      </c>
      <c r="R3012">
        <v>8</v>
      </c>
      <c r="S3012">
        <v>8</v>
      </c>
      <c r="T3012">
        <v>8</v>
      </c>
      <c r="U3012">
        <v>8</v>
      </c>
      <c r="V3012">
        <v>8</v>
      </c>
      <c r="W3012">
        <v>8</v>
      </c>
      <c r="X3012">
        <v>8</v>
      </c>
      <c r="Y3012">
        <v>8</v>
      </c>
      <c r="Z3012">
        <v>8</v>
      </c>
      <c r="AA3012">
        <v>8</v>
      </c>
      <c r="AB3012">
        <v>8</v>
      </c>
      <c r="AC3012">
        <v>8</v>
      </c>
      <c r="AD3012">
        <v>9</v>
      </c>
      <c r="AE3012">
        <v>9</v>
      </c>
      <c r="AF3012">
        <v>8</v>
      </c>
      <c r="AG3012">
        <v>8</v>
      </c>
      <c r="AH3012">
        <v>8</v>
      </c>
      <c r="AI3012">
        <v>8</v>
      </c>
      <c r="AJ3012">
        <v>8</v>
      </c>
      <c r="AK3012">
        <v>8</v>
      </c>
      <c r="AL3012">
        <v>8</v>
      </c>
      <c r="AM3012">
        <v>8</v>
      </c>
      <c r="AN3012">
        <v>8</v>
      </c>
      <c r="AO3012">
        <v>8</v>
      </c>
      <c r="AP3012">
        <v>8</v>
      </c>
      <c r="AQ3012">
        <v>8</v>
      </c>
    </row>
    <row r="3013" spans="1:43">
      <c r="A3013" t="s">
        <v>1922</v>
      </c>
      <c r="B3013" t="s">
        <v>1923</v>
      </c>
      <c r="C3013" t="s">
        <v>1910</v>
      </c>
      <c r="D3013" t="s">
        <v>1911</v>
      </c>
      <c r="E3013" t="s">
        <v>1586</v>
      </c>
      <c r="F3013" t="s">
        <v>1587</v>
      </c>
      <c r="G3013" t="s">
        <v>80</v>
      </c>
      <c r="H3013" t="s">
        <v>81</v>
      </c>
      <c r="I3013" s="2">
        <v>0</v>
      </c>
      <c r="J3013" s="2">
        <v>1</v>
      </c>
      <c r="K3013" s="2">
        <v>0</v>
      </c>
      <c r="L3013" t="s">
        <v>82</v>
      </c>
      <c r="M3013" t="s">
        <v>83</v>
      </c>
      <c r="N3013" t="s">
        <v>91</v>
      </c>
      <c r="O3013" t="s">
        <v>85</v>
      </c>
      <c r="P3013" t="s">
        <v>86</v>
      </c>
      <c r="Q3013">
        <v>8</v>
      </c>
      <c r="R3013">
        <v>8</v>
      </c>
      <c r="S3013">
        <v>8</v>
      </c>
      <c r="T3013">
        <v>8</v>
      </c>
      <c r="U3013">
        <v>8</v>
      </c>
      <c r="V3013">
        <v>8</v>
      </c>
      <c r="W3013">
        <v>8</v>
      </c>
      <c r="X3013">
        <v>8</v>
      </c>
      <c r="Y3013">
        <v>8</v>
      </c>
      <c r="Z3013">
        <v>8</v>
      </c>
      <c r="AA3013">
        <v>8</v>
      </c>
      <c r="AB3013">
        <v>8</v>
      </c>
      <c r="AC3013">
        <v>8</v>
      </c>
      <c r="AD3013">
        <v>8</v>
      </c>
      <c r="AE3013">
        <v>8</v>
      </c>
      <c r="AF3013">
        <v>8</v>
      </c>
      <c r="AG3013">
        <v>8</v>
      </c>
      <c r="AH3013">
        <v>8</v>
      </c>
      <c r="AI3013">
        <v>8</v>
      </c>
      <c r="AJ3013">
        <v>8</v>
      </c>
      <c r="AK3013">
        <v>8</v>
      </c>
      <c r="AL3013">
        <v>8</v>
      </c>
      <c r="AM3013">
        <v>8</v>
      </c>
      <c r="AN3013">
        <v>8</v>
      </c>
      <c r="AO3013">
        <v>8</v>
      </c>
      <c r="AP3013">
        <v>8</v>
      </c>
      <c r="AQ3013">
        <v>8</v>
      </c>
    </row>
    <row r="3014" spans="1:43">
      <c r="A3014" t="s">
        <v>1924</v>
      </c>
      <c r="B3014" t="s">
        <v>1925</v>
      </c>
      <c r="C3014" t="s">
        <v>1926</v>
      </c>
      <c r="D3014" t="s">
        <v>1927</v>
      </c>
      <c r="E3014" t="s">
        <v>1586</v>
      </c>
      <c r="F3014" t="s">
        <v>1587</v>
      </c>
      <c r="G3014" t="s">
        <v>80</v>
      </c>
      <c r="H3014" t="s">
        <v>81</v>
      </c>
      <c r="I3014" s="2">
        <v>0</v>
      </c>
      <c r="J3014" s="2">
        <v>0</v>
      </c>
      <c r="K3014" s="2">
        <v>1</v>
      </c>
      <c r="L3014" t="s">
        <v>995</v>
      </c>
      <c r="M3014" t="s">
        <v>83</v>
      </c>
      <c r="N3014" t="s">
        <v>84</v>
      </c>
      <c r="O3014" t="s">
        <v>85</v>
      </c>
      <c r="P3014" t="s">
        <v>86</v>
      </c>
      <c r="Q3014">
        <v>31</v>
      </c>
      <c r="R3014">
        <v>31</v>
      </c>
      <c r="S3014">
        <v>31</v>
      </c>
      <c r="T3014">
        <v>31</v>
      </c>
      <c r="U3014">
        <v>31</v>
      </c>
      <c r="V3014">
        <v>31</v>
      </c>
      <c r="W3014">
        <v>31</v>
      </c>
      <c r="X3014">
        <v>31</v>
      </c>
      <c r="Y3014">
        <v>31</v>
      </c>
      <c r="Z3014">
        <v>31</v>
      </c>
      <c r="AA3014">
        <v>32</v>
      </c>
      <c r="AB3014">
        <v>32</v>
      </c>
      <c r="AC3014">
        <v>32</v>
      </c>
      <c r="AD3014">
        <v>32</v>
      </c>
      <c r="AE3014">
        <v>32</v>
      </c>
      <c r="AF3014">
        <v>32</v>
      </c>
      <c r="AG3014">
        <v>32</v>
      </c>
      <c r="AH3014">
        <v>32</v>
      </c>
      <c r="AI3014">
        <v>32</v>
      </c>
      <c r="AJ3014">
        <v>32</v>
      </c>
      <c r="AK3014">
        <v>32</v>
      </c>
      <c r="AL3014">
        <v>32</v>
      </c>
      <c r="AM3014">
        <v>31</v>
      </c>
      <c r="AN3014">
        <v>31</v>
      </c>
      <c r="AO3014">
        <v>31</v>
      </c>
      <c r="AP3014">
        <v>31</v>
      </c>
      <c r="AQ3014">
        <v>30</v>
      </c>
    </row>
    <row r="3015" spans="1:43">
      <c r="A3015" t="s">
        <v>1924</v>
      </c>
      <c r="B3015" t="s">
        <v>1925</v>
      </c>
      <c r="C3015" t="s">
        <v>1926</v>
      </c>
      <c r="D3015" t="s">
        <v>1927</v>
      </c>
      <c r="E3015" t="s">
        <v>1586</v>
      </c>
      <c r="F3015" t="s">
        <v>1587</v>
      </c>
      <c r="G3015" t="s">
        <v>80</v>
      </c>
      <c r="H3015" t="s">
        <v>81</v>
      </c>
      <c r="I3015" s="2">
        <v>0</v>
      </c>
      <c r="J3015" s="2">
        <v>0</v>
      </c>
      <c r="K3015" s="2">
        <v>1</v>
      </c>
      <c r="L3015" t="s">
        <v>995</v>
      </c>
      <c r="M3015" t="s">
        <v>87</v>
      </c>
      <c r="N3015" t="s">
        <v>88</v>
      </c>
      <c r="O3015" t="s">
        <v>85</v>
      </c>
      <c r="P3015" t="s">
        <v>86</v>
      </c>
      <c r="Q3015">
        <v>31</v>
      </c>
      <c r="R3015">
        <v>31</v>
      </c>
      <c r="S3015">
        <v>31</v>
      </c>
      <c r="T3015">
        <v>31</v>
      </c>
      <c r="U3015">
        <v>31</v>
      </c>
      <c r="V3015">
        <v>30</v>
      </c>
      <c r="W3015">
        <v>30</v>
      </c>
      <c r="X3015">
        <v>30</v>
      </c>
      <c r="Y3015">
        <v>30</v>
      </c>
      <c r="Z3015">
        <v>30</v>
      </c>
      <c r="AA3015">
        <v>30</v>
      </c>
      <c r="AB3015">
        <v>30</v>
      </c>
      <c r="AC3015">
        <v>29</v>
      </c>
      <c r="AD3015">
        <v>29</v>
      </c>
      <c r="AE3015">
        <v>29</v>
      </c>
      <c r="AF3015">
        <v>29</v>
      </c>
      <c r="AG3015">
        <v>29</v>
      </c>
      <c r="AH3015">
        <v>29</v>
      </c>
      <c r="AI3015">
        <v>29</v>
      </c>
      <c r="AJ3015">
        <v>29</v>
      </c>
      <c r="AK3015">
        <v>28</v>
      </c>
      <c r="AL3015">
        <v>28</v>
      </c>
      <c r="AM3015">
        <v>28</v>
      </c>
      <c r="AN3015">
        <v>28</v>
      </c>
      <c r="AO3015">
        <v>28</v>
      </c>
      <c r="AP3015">
        <v>28</v>
      </c>
      <c r="AQ3015">
        <v>28</v>
      </c>
    </row>
    <row r="3016" spans="1:43">
      <c r="A3016" t="s">
        <v>1924</v>
      </c>
      <c r="B3016" t="s">
        <v>1925</v>
      </c>
      <c r="C3016" t="s">
        <v>1926</v>
      </c>
      <c r="D3016" t="s">
        <v>1927</v>
      </c>
      <c r="E3016" t="s">
        <v>1586</v>
      </c>
      <c r="F3016" t="s">
        <v>1587</v>
      </c>
      <c r="G3016" t="s">
        <v>80</v>
      </c>
      <c r="H3016" t="s">
        <v>81</v>
      </c>
      <c r="I3016" s="2">
        <v>0</v>
      </c>
      <c r="J3016" s="2">
        <v>0</v>
      </c>
      <c r="K3016" s="2">
        <v>1</v>
      </c>
      <c r="L3016" t="s">
        <v>995</v>
      </c>
      <c r="M3016" t="s">
        <v>89</v>
      </c>
      <c r="N3016" t="s">
        <v>90</v>
      </c>
      <c r="O3016" t="s">
        <v>85</v>
      </c>
      <c r="P3016" t="s">
        <v>86</v>
      </c>
      <c r="Q3016">
        <v>31</v>
      </c>
      <c r="R3016">
        <v>31</v>
      </c>
      <c r="S3016">
        <v>32</v>
      </c>
      <c r="T3016">
        <v>32</v>
      </c>
      <c r="U3016">
        <v>32</v>
      </c>
      <c r="V3016">
        <v>33</v>
      </c>
      <c r="W3016">
        <v>33</v>
      </c>
      <c r="X3016">
        <v>33</v>
      </c>
      <c r="Y3016">
        <v>33</v>
      </c>
      <c r="Z3016">
        <v>33</v>
      </c>
      <c r="AA3016">
        <v>34</v>
      </c>
      <c r="AB3016">
        <v>34</v>
      </c>
      <c r="AC3016">
        <v>34</v>
      </c>
      <c r="AD3016">
        <v>34</v>
      </c>
      <c r="AE3016">
        <v>34</v>
      </c>
      <c r="AF3016">
        <v>34</v>
      </c>
      <c r="AG3016">
        <v>33</v>
      </c>
      <c r="AH3016">
        <v>33</v>
      </c>
      <c r="AI3016">
        <v>33</v>
      </c>
      <c r="AJ3016">
        <v>33</v>
      </c>
      <c r="AK3016">
        <v>32</v>
      </c>
      <c r="AL3016">
        <v>32</v>
      </c>
      <c r="AM3016">
        <v>32</v>
      </c>
      <c r="AN3016">
        <v>31</v>
      </c>
      <c r="AO3016">
        <v>31</v>
      </c>
      <c r="AP3016">
        <v>31</v>
      </c>
      <c r="AQ3016">
        <v>31</v>
      </c>
    </row>
    <row r="3017" spans="1:43">
      <c r="A3017" t="s">
        <v>1924</v>
      </c>
      <c r="B3017" t="s">
        <v>1925</v>
      </c>
      <c r="C3017" t="s">
        <v>1926</v>
      </c>
      <c r="D3017" t="s">
        <v>1927</v>
      </c>
      <c r="E3017" t="s">
        <v>1586</v>
      </c>
      <c r="F3017" t="s">
        <v>1587</v>
      </c>
      <c r="G3017" t="s">
        <v>80</v>
      </c>
      <c r="H3017" t="s">
        <v>81</v>
      </c>
      <c r="I3017" s="2">
        <v>0</v>
      </c>
      <c r="J3017" s="2">
        <v>0</v>
      </c>
      <c r="K3017" s="2">
        <v>1</v>
      </c>
      <c r="L3017" t="s">
        <v>995</v>
      </c>
      <c r="M3017" t="s">
        <v>83</v>
      </c>
      <c r="N3017" t="s">
        <v>91</v>
      </c>
      <c r="O3017" t="s">
        <v>85</v>
      </c>
      <c r="P3017" t="s">
        <v>86</v>
      </c>
      <c r="Q3017">
        <v>31</v>
      </c>
      <c r="R3017">
        <v>31</v>
      </c>
      <c r="S3017">
        <v>31</v>
      </c>
      <c r="T3017">
        <v>31</v>
      </c>
      <c r="U3017">
        <v>31</v>
      </c>
      <c r="V3017">
        <v>31</v>
      </c>
      <c r="W3017">
        <v>31</v>
      </c>
      <c r="X3017">
        <v>31</v>
      </c>
      <c r="Y3017">
        <v>31</v>
      </c>
      <c r="Z3017">
        <v>31</v>
      </c>
      <c r="AA3017">
        <v>32</v>
      </c>
      <c r="AB3017">
        <v>32</v>
      </c>
      <c r="AC3017">
        <v>32</v>
      </c>
      <c r="AD3017">
        <v>32</v>
      </c>
      <c r="AE3017">
        <v>32</v>
      </c>
      <c r="AF3017">
        <v>32</v>
      </c>
      <c r="AG3017">
        <v>32</v>
      </c>
      <c r="AH3017">
        <v>32</v>
      </c>
      <c r="AI3017">
        <v>32</v>
      </c>
      <c r="AJ3017">
        <v>32</v>
      </c>
      <c r="AK3017">
        <v>32</v>
      </c>
      <c r="AL3017">
        <v>32</v>
      </c>
      <c r="AM3017">
        <v>31</v>
      </c>
      <c r="AN3017">
        <v>31</v>
      </c>
      <c r="AO3017">
        <v>31</v>
      </c>
      <c r="AP3017">
        <v>31</v>
      </c>
      <c r="AQ3017">
        <v>30</v>
      </c>
    </row>
    <row r="3018" spans="1:43">
      <c r="A3018" t="s">
        <v>1928</v>
      </c>
      <c r="B3018" t="s">
        <v>1929</v>
      </c>
      <c r="C3018" t="s">
        <v>1782</v>
      </c>
      <c r="D3018" t="s">
        <v>1783</v>
      </c>
      <c r="E3018" t="s">
        <v>1586</v>
      </c>
      <c r="F3018" t="s">
        <v>1587</v>
      </c>
      <c r="G3018" t="s">
        <v>80</v>
      </c>
      <c r="H3018" t="s">
        <v>81</v>
      </c>
      <c r="I3018" s="2">
        <v>0</v>
      </c>
      <c r="J3018" s="2">
        <v>0</v>
      </c>
      <c r="K3018" s="2">
        <v>1</v>
      </c>
      <c r="L3018" t="s">
        <v>995</v>
      </c>
      <c r="M3018" t="s">
        <v>83</v>
      </c>
      <c r="N3018" t="s">
        <v>84</v>
      </c>
      <c r="O3018" t="s">
        <v>85</v>
      </c>
      <c r="P3018" t="s">
        <v>86</v>
      </c>
      <c r="Q3018">
        <v>4</v>
      </c>
      <c r="R3018">
        <v>4</v>
      </c>
      <c r="S3018">
        <v>4</v>
      </c>
      <c r="T3018">
        <v>4</v>
      </c>
      <c r="U3018">
        <v>4</v>
      </c>
      <c r="V3018">
        <v>4</v>
      </c>
      <c r="W3018">
        <v>4</v>
      </c>
      <c r="X3018">
        <v>4</v>
      </c>
      <c r="Y3018">
        <v>4</v>
      </c>
      <c r="Z3018">
        <v>4</v>
      </c>
      <c r="AA3018">
        <v>4</v>
      </c>
      <c r="AB3018">
        <v>4</v>
      </c>
      <c r="AC3018">
        <v>4</v>
      </c>
      <c r="AD3018">
        <v>4</v>
      </c>
      <c r="AE3018">
        <v>4</v>
      </c>
      <c r="AF3018">
        <v>4</v>
      </c>
      <c r="AG3018">
        <v>4</v>
      </c>
      <c r="AH3018">
        <v>4</v>
      </c>
      <c r="AI3018">
        <v>4</v>
      </c>
      <c r="AJ3018">
        <v>4</v>
      </c>
      <c r="AK3018">
        <v>4</v>
      </c>
      <c r="AL3018">
        <v>4</v>
      </c>
      <c r="AM3018">
        <v>4</v>
      </c>
      <c r="AN3018">
        <v>4</v>
      </c>
      <c r="AO3018">
        <v>4</v>
      </c>
      <c r="AP3018">
        <v>4</v>
      </c>
      <c r="AQ3018">
        <v>4</v>
      </c>
    </row>
    <row r="3019" spans="1:43">
      <c r="A3019" t="s">
        <v>1928</v>
      </c>
      <c r="B3019" t="s">
        <v>1929</v>
      </c>
      <c r="C3019" t="s">
        <v>1782</v>
      </c>
      <c r="D3019" t="s">
        <v>1783</v>
      </c>
      <c r="E3019" t="s">
        <v>1586</v>
      </c>
      <c r="F3019" t="s">
        <v>1587</v>
      </c>
      <c r="G3019" t="s">
        <v>80</v>
      </c>
      <c r="H3019" t="s">
        <v>81</v>
      </c>
      <c r="I3019" s="2">
        <v>0</v>
      </c>
      <c r="J3019" s="2">
        <v>0</v>
      </c>
      <c r="K3019" s="2">
        <v>1</v>
      </c>
      <c r="L3019" t="s">
        <v>995</v>
      </c>
      <c r="M3019" t="s">
        <v>87</v>
      </c>
      <c r="N3019" t="s">
        <v>88</v>
      </c>
      <c r="O3019" t="s">
        <v>85</v>
      </c>
      <c r="P3019" t="s">
        <v>86</v>
      </c>
      <c r="Q3019">
        <v>4</v>
      </c>
      <c r="R3019">
        <v>4</v>
      </c>
      <c r="S3019">
        <v>4</v>
      </c>
      <c r="T3019">
        <v>4</v>
      </c>
      <c r="U3019">
        <v>4</v>
      </c>
      <c r="V3019">
        <v>4</v>
      </c>
      <c r="W3019">
        <v>4</v>
      </c>
      <c r="X3019">
        <v>4</v>
      </c>
      <c r="Y3019">
        <v>4</v>
      </c>
      <c r="Z3019">
        <v>4</v>
      </c>
      <c r="AA3019">
        <v>4</v>
      </c>
      <c r="AB3019">
        <v>4</v>
      </c>
      <c r="AC3019">
        <v>4</v>
      </c>
      <c r="AD3019">
        <v>4</v>
      </c>
      <c r="AE3019">
        <v>4</v>
      </c>
      <c r="AF3019">
        <v>4</v>
      </c>
      <c r="AG3019">
        <v>4</v>
      </c>
      <c r="AH3019">
        <v>4</v>
      </c>
      <c r="AI3019">
        <v>4</v>
      </c>
      <c r="AJ3019">
        <v>4</v>
      </c>
      <c r="AK3019">
        <v>4</v>
      </c>
      <c r="AL3019">
        <v>4</v>
      </c>
      <c r="AM3019">
        <v>4</v>
      </c>
      <c r="AN3019">
        <v>4</v>
      </c>
      <c r="AO3019">
        <v>4</v>
      </c>
      <c r="AP3019">
        <v>4</v>
      </c>
      <c r="AQ3019">
        <v>4</v>
      </c>
    </row>
    <row r="3020" spans="1:43">
      <c r="A3020" t="s">
        <v>1928</v>
      </c>
      <c r="B3020" t="s">
        <v>1929</v>
      </c>
      <c r="C3020" t="s">
        <v>1782</v>
      </c>
      <c r="D3020" t="s">
        <v>1783</v>
      </c>
      <c r="E3020" t="s">
        <v>1586</v>
      </c>
      <c r="F3020" t="s">
        <v>1587</v>
      </c>
      <c r="G3020" t="s">
        <v>80</v>
      </c>
      <c r="H3020" t="s">
        <v>81</v>
      </c>
      <c r="I3020" s="2">
        <v>0</v>
      </c>
      <c r="J3020" s="2">
        <v>0</v>
      </c>
      <c r="K3020" s="2">
        <v>1</v>
      </c>
      <c r="L3020" t="s">
        <v>995</v>
      </c>
      <c r="M3020" t="s">
        <v>89</v>
      </c>
      <c r="N3020" t="s">
        <v>90</v>
      </c>
      <c r="O3020" t="s">
        <v>85</v>
      </c>
      <c r="P3020" t="s">
        <v>86</v>
      </c>
      <c r="Q3020">
        <v>4</v>
      </c>
      <c r="R3020">
        <v>4</v>
      </c>
      <c r="S3020">
        <v>4</v>
      </c>
      <c r="T3020">
        <v>4</v>
      </c>
      <c r="U3020">
        <v>4</v>
      </c>
      <c r="V3020">
        <v>4</v>
      </c>
      <c r="W3020">
        <v>4</v>
      </c>
      <c r="X3020">
        <v>4</v>
      </c>
      <c r="Y3020">
        <v>4</v>
      </c>
      <c r="Z3020">
        <v>4</v>
      </c>
      <c r="AA3020">
        <v>5</v>
      </c>
      <c r="AB3020">
        <v>5</v>
      </c>
      <c r="AC3020">
        <v>5</v>
      </c>
      <c r="AD3020">
        <v>5</v>
      </c>
      <c r="AE3020">
        <v>5</v>
      </c>
      <c r="AF3020">
        <v>5</v>
      </c>
      <c r="AG3020">
        <v>4</v>
      </c>
      <c r="AH3020">
        <v>4</v>
      </c>
      <c r="AI3020">
        <v>4</v>
      </c>
      <c r="AJ3020">
        <v>4</v>
      </c>
      <c r="AK3020">
        <v>4</v>
      </c>
      <c r="AL3020">
        <v>4</v>
      </c>
      <c r="AM3020">
        <v>4</v>
      </c>
      <c r="AN3020">
        <v>4</v>
      </c>
      <c r="AO3020">
        <v>4</v>
      </c>
      <c r="AP3020">
        <v>4</v>
      </c>
      <c r="AQ3020">
        <v>4</v>
      </c>
    </row>
    <row r="3021" spans="1:43">
      <c r="A3021" t="s">
        <v>1928</v>
      </c>
      <c r="B3021" t="s">
        <v>1929</v>
      </c>
      <c r="C3021" t="s">
        <v>1782</v>
      </c>
      <c r="D3021" t="s">
        <v>1783</v>
      </c>
      <c r="E3021" t="s">
        <v>1586</v>
      </c>
      <c r="F3021" t="s">
        <v>1587</v>
      </c>
      <c r="G3021" t="s">
        <v>80</v>
      </c>
      <c r="H3021" t="s">
        <v>81</v>
      </c>
      <c r="I3021" s="2">
        <v>0</v>
      </c>
      <c r="J3021" s="2">
        <v>0</v>
      </c>
      <c r="K3021" s="2">
        <v>1</v>
      </c>
      <c r="L3021" t="s">
        <v>995</v>
      </c>
      <c r="M3021" t="s">
        <v>83</v>
      </c>
      <c r="N3021" t="s">
        <v>91</v>
      </c>
      <c r="O3021" t="s">
        <v>85</v>
      </c>
      <c r="P3021" t="s">
        <v>86</v>
      </c>
      <c r="Q3021">
        <v>4</v>
      </c>
      <c r="R3021">
        <v>4</v>
      </c>
      <c r="S3021">
        <v>4</v>
      </c>
      <c r="T3021">
        <v>4</v>
      </c>
      <c r="U3021">
        <v>4</v>
      </c>
      <c r="V3021">
        <v>4</v>
      </c>
      <c r="W3021">
        <v>4</v>
      </c>
      <c r="X3021">
        <v>4</v>
      </c>
      <c r="Y3021">
        <v>4</v>
      </c>
      <c r="Z3021">
        <v>4</v>
      </c>
      <c r="AA3021">
        <v>4</v>
      </c>
      <c r="AB3021">
        <v>4</v>
      </c>
      <c r="AC3021">
        <v>4</v>
      </c>
      <c r="AD3021">
        <v>4</v>
      </c>
      <c r="AE3021">
        <v>4</v>
      </c>
      <c r="AF3021">
        <v>4</v>
      </c>
      <c r="AG3021">
        <v>4</v>
      </c>
      <c r="AH3021">
        <v>4</v>
      </c>
      <c r="AI3021">
        <v>4</v>
      </c>
      <c r="AJ3021">
        <v>4</v>
      </c>
      <c r="AK3021">
        <v>4</v>
      </c>
      <c r="AL3021">
        <v>4</v>
      </c>
      <c r="AM3021">
        <v>4</v>
      </c>
      <c r="AN3021">
        <v>4</v>
      </c>
      <c r="AO3021">
        <v>4</v>
      </c>
      <c r="AP3021">
        <v>4</v>
      </c>
      <c r="AQ3021">
        <v>4</v>
      </c>
    </row>
    <row r="3022" spans="1:43">
      <c r="A3022" t="s">
        <v>1930</v>
      </c>
      <c r="B3022" t="s">
        <v>1931</v>
      </c>
      <c r="C3022" t="s">
        <v>1782</v>
      </c>
      <c r="D3022" t="s">
        <v>1783</v>
      </c>
      <c r="E3022" t="s">
        <v>1586</v>
      </c>
      <c r="F3022" t="s">
        <v>1587</v>
      </c>
      <c r="G3022" t="s">
        <v>80</v>
      </c>
      <c r="H3022" t="s">
        <v>81</v>
      </c>
      <c r="I3022" s="2">
        <v>0</v>
      </c>
      <c r="J3022" s="2">
        <v>0</v>
      </c>
      <c r="K3022" s="2">
        <v>1</v>
      </c>
      <c r="L3022" t="s">
        <v>995</v>
      </c>
      <c r="M3022" t="s">
        <v>83</v>
      </c>
      <c r="N3022" t="s">
        <v>84</v>
      </c>
      <c r="O3022" t="s">
        <v>85</v>
      </c>
      <c r="P3022" t="s">
        <v>86</v>
      </c>
      <c r="Q3022">
        <v>23</v>
      </c>
      <c r="R3022">
        <v>23</v>
      </c>
      <c r="S3022">
        <v>23</v>
      </c>
      <c r="T3022">
        <v>23</v>
      </c>
      <c r="U3022">
        <v>23</v>
      </c>
      <c r="V3022">
        <v>23</v>
      </c>
      <c r="W3022">
        <v>24</v>
      </c>
      <c r="X3022">
        <v>24</v>
      </c>
      <c r="Y3022">
        <v>24</v>
      </c>
      <c r="Z3022">
        <v>24</v>
      </c>
      <c r="AA3022">
        <v>24</v>
      </c>
      <c r="AB3022">
        <v>24</v>
      </c>
      <c r="AC3022">
        <v>24</v>
      </c>
      <c r="AD3022">
        <v>24</v>
      </c>
      <c r="AE3022">
        <v>24</v>
      </c>
      <c r="AF3022">
        <v>24</v>
      </c>
      <c r="AG3022">
        <v>24</v>
      </c>
      <c r="AH3022">
        <v>24</v>
      </c>
      <c r="AI3022">
        <v>24</v>
      </c>
      <c r="AJ3022">
        <v>24</v>
      </c>
      <c r="AK3022">
        <v>24</v>
      </c>
      <c r="AL3022">
        <v>24</v>
      </c>
      <c r="AM3022">
        <v>24</v>
      </c>
      <c r="AN3022">
        <v>24</v>
      </c>
      <c r="AO3022">
        <v>24</v>
      </c>
      <c r="AP3022">
        <v>24</v>
      </c>
      <c r="AQ3022">
        <v>24</v>
      </c>
    </row>
    <row r="3023" spans="1:43">
      <c r="A3023" t="s">
        <v>1930</v>
      </c>
      <c r="B3023" t="s">
        <v>1931</v>
      </c>
      <c r="C3023" t="s">
        <v>1782</v>
      </c>
      <c r="D3023" t="s">
        <v>1783</v>
      </c>
      <c r="E3023" t="s">
        <v>1586</v>
      </c>
      <c r="F3023" t="s">
        <v>1587</v>
      </c>
      <c r="G3023" t="s">
        <v>80</v>
      </c>
      <c r="H3023" t="s">
        <v>81</v>
      </c>
      <c r="I3023" s="2">
        <v>0</v>
      </c>
      <c r="J3023" s="2">
        <v>0</v>
      </c>
      <c r="K3023" s="2">
        <v>1</v>
      </c>
      <c r="L3023" t="s">
        <v>995</v>
      </c>
      <c r="M3023" t="s">
        <v>87</v>
      </c>
      <c r="N3023" t="s">
        <v>88</v>
      </c>
      <c r="O3023" t="s">
        <v>85</v>
      </c>
      <c r="P3023" t="s">
        <v>86</v>
      </c>
      <c r="Q3023">
        <v>23</v>
      </c>
      <c r="R3023">
        <v>23</v>
      </c>
      <c r="S3023">
        <v>23</v>
      </c>
      <c r="T3023">
        <v>22</v>
      </c>
      <c r="U3023">
        <v>22</v>
      </c>
      <c r="V3023">
        <v>22</v>
      </c>
      <c r="W3023">
        <v>22</v>
      </c>
      <c r="X3023">
        <v>22</v>
      </c>
      <c r="Y3023">
        <v>22</v>
      </c>
      <c r="Z3023">
        <v>22</v>
      </c>
      <c r="AA3023">
        <v>22</v>
      </c>
      <c r="AB3023">
        <v>22</v>
      </c>
      <c r="AC3023">
        <v>22</v>
      </c>
      <c r="AD3023">
        <v>22</v>
      </c>
      <c r="AE3023">
        <v>21</v>
      </c>
      <c r="AF3023">
        <v>21</v>
      </c>
      <c r="AG3023">
        <v>21</v>
      </c>
      <c r="AH3023">
        <v>21</v>
      </c>
      <c r="AI3023">
        <v>21</v>
      </c>
      <c r="AJ3023">
        <v>21</v>
      </c>
      <c r="AK3023">
        <v>21</v>
      </c>
      <c r="AL3023">
        <v>21</v>
      </c>
      <c r="AM3023">
        <v>21</v>
      </c>
      <c r="AN3023">
        <v>21</v>
      </c>
      <c r="AO3023">
        <v>21</v>
      </c>
      <c r="AP3023">
        <v>20</v>
      </c>
      <c r="AQ3023">
        <v>20</v>
      </c>
    </row>
    <row r="3024" spans="1:43">
      <c r="A3024" t="s">
        <v>1930</v>
      </c>
      <c r="B3024" t="s">
        <v>1931</v>
      </c>
      <c r="C3024" t="s">
        <v>1782</v>
      </c>
      <c r="D3024" t="s">
        <v>1783</v>
      </c>
      <c r="E3024" t="s">
        <v>1586</v>
      </c>
      <c r="F3024" t="s">
        <v>1587</v>
      </c>
      <c r="G3024" t="s">
        <v>80</v>
      </c>
      <c r="H3024" t="s">
        <v>81</v>
      </c>
      <c r="I3024" s="2">
        <v>0</v>
      </c>
      <c r="J3024" s="2">
        <v>0</v>
      </c>
      <c r="K3024" s="2">
        <v>1</v>
      </c>
      <c r="L3024" t="s">
        <v>995</v>
      </c>
      <c r="M3024" t="s">
        <v>89</v>
      </c>
      <c r="N3024" t="s">
        <v>90</v>
      </c>
      <c r="O3024" t="s">
        <v>85</v>
      </c>
      <c r="P3024" t="s">
        <v>86</v>
      </c>
      <c r="Q3024">
        <v>23</v>
      </c>
      <c r="R3024">
        <v>23</v>
      </c>
      <c r="S3024">
        <v>24</v>
      </c>
      <c r="T3024">
        <v>24</v>
      </c>
      <c r="U3024">
        <v>24</v>
      </c>
      <c r="V3024">
        <v>25</v>
      </c>
      <c r="W3024">
        <v>25</v>
      </c>
      <c r="X3024">
        <v>25</v>
      </c>
      <c r="Y3024">
        <v>25</v>
      </c>
      <c r="Z3024">
        <v>25</v>
      </c>
      <c r="AA3024">
        <v>25</v>
      </c>
      <c r="AB3024">
        <v>26</v>
      </c>
      <c r="AC3024">
        <v>26</v>
      </c>
      <c r="AD3024">
        <v>26</v>
      </c>
      <c r="AE3024">
        <v>26</v>
      </c>
      <c r="AF3024">
        <v>26</v>
      </c>
      <c r="AG3024">
        <v>26</v>
      </c>
      <c r="AH3024">
        <v>25</v>
      </c>
      <c r="AI3024">
        <v>25</v>
      </c>
      <c r="AJ3024">
        <v>25</v>
      </c>
      <c r="AK3024">
        <v>25</v>
      </c>
      <c r="AL3024">
        <v>25</v>
      </c>
      <c r="AM3024">
        <v>24</v>
      </c>
      <c r="AN3024">
        <v>24</v>
      </c>
      <c r="AO3024">
        <v>24</v>
      </c>
      <c r="AP3024">
        <v>24</v>
      </c>
      <c r="AQ3024">
        <v>24</v>
      </c>
    </row>
    <row r="3025" spans="1:43">
      <c r="A3025" t="s">
        <v>1930</v>
      </c>
      <c r="B3025" t="s">
        <v>1931</v>
      </c>
      <c r="C3025" t="s">
        <v>1782</v>
      </c>
      <c r="D3025" t="s">
        <v>1783</v>
      </c>
      <c r="E3025" t="s">
        <v>1586</v>
      </c>
      <c r="F3025" t="s">
        <v>1587</v>
      </c>
      <c r="G3025" t="s">
        <v>80</v>
      </c>
      <c r="H3025" t="s">
        <v>81</v>
      </c>
      <c r="I3025" s="2">
        <v>0</v>
      </c>
      <c r="J3025" s="2">
        <v>0</v>
      </c>
      <c r="K3025" s="2">
        <v>1</v>
      </c>
      <c r="L3025" t="s">
        <v>995</v>
      </c>
      <c r="M3025" t="s">
        <v>83</v>
      </c>
      <c r="N3025" t="s">
        <v>91</v>
      </c>
      <c r="O3025" t="s">
        <v>85</v>
      </c>
      <c r="P3025" t="s">
        <v>86</v>
      </c>
      <c r="Q3025">
        <v>23</v>
      </c>
      <c r="R3025">
        <v>23</v>
      </c>
      <c r="S3025">
        <v>23</v>
      </c>
      <c r="T3025">
        <v>23</v>
      </c>
      <c r="U3025">
        <v>23</v>
      </c>
      <c r="V3025">
        <v>23</v>
      </c>
      <c r="W3025">
        <v>24</v>
      </c>
      <c r="X3025">
        <v>24</v>
      </c>
      <c r="Y3025">
        <v>24</v>
      </c>
      <c r="Z3025">
        <v>24</v>
      </c>
      <c r="AA3025">
        <v>24</v>
      </c>
      <c r="AB3025">
        <v>24</v>
      </c>
      <c r="AC3025">
        <v>24</v>
      </c>
      <c r="AD3025">
        <v>24</v>
      </c>
      <c r="AE3025">
        <v>24</v>
      </c>
      <c r="AF3025">
        <v>24</v>
      </c>
      <c r="AG3025">
        <v>24</v>
      </c>
      <c r="AH3025">
        <v>24</v>
      </c>
      <c r="AI3025">
        <v>24</v>
      </c>
      <c r="AJ3025">
        <v>24</v>
      </c>
      <c r="AK3025">
        <v>24</v>
      </c>
      <c r="AL3025">
        <v>24</v>
      </c>
      <c r="AM3025">
        <v>24</v>
      </c>
      <c r="AN3025">
        <v>24</v>
      </c>
      <c r="AO3025">
        <v>24</v>
      </c>
      <c r="AP3025">
        <v>24</v>
      </c>
      <c r="AQ3025">
        <v>24</v>
      </c>
    </row>
    <row r="3026" spans="1:43">
      <c r="A3026" t="s">
        <v>1932</v>
      </c>
      <c r="B3026" t="s">
        <v>1933</v>
      </c>
      <c r="C3026" t="s">
        <v>1926</v>
      </c>
      <c r="D3026" t="s">
        <v>1927</v>
      </c>
      <c r="E3026" t="s">
        <v>1586</v>
      </c>
      <c r="F3026" t="s">
        <v>1587</v>
      </c>
      <c r="G3026" t="s">
        <v>80</v>
      </c>
      <c r="H3026" t="s">
        <v>81</v>
      </c>
      <c r="I3026" s="2">
        <v>0</v>
      </c>
      <c r="J3026" s="2">
        <v>0</v>
      </c>
      <c r="K3026" s="2">
        <v>1</v>
      </c>
      <c r="L3026" t="s">
        <v>995</v>
      </c>
      <c r="M3026" t="s">
        <v>83</v>
      </c>
      <c r="N3026" t="s">
        <v>84</v>
      </c>
      <c r="O3026" t="s">
        <v>85</v>
      </c>
      <c r="P3026" t="s">
        <v>86</v>
      </c>
      <c r="Q3026">
        <v>15</v>
      </c>
      <c r="R3026">
        <v>15</v>
      </c>
      <c r="S3026">
        <v>15</v>
      </c>
      <c r="T3026">
        <v>16</v>
      </c>
      <c r="U3026">
        <v>16</v>
      </c>
      <c r="V3026">
        <v>16</v>
      </c>
      <c r="W3026">
        <v>16</v>
      </c>
      <c r="X3026">
        <v>16</v>
      </c>
      <c r="Y3026">
        <v>16</v>
      </c>
      <c r="Z3026">
        <v>16</v>
      </c>
      <c r="AA3026">
        <v>16</v>
      </c>
      <c r="AB3026">
        <v>16</v>
      </c>
      <c r="AC3026">
        <v>16</v>
      </c>
      <c r="AD3026">
        <v>16</v>
      </c>
      <c r="AE3026">
        <v>16</v>
      </c>
      <c r="AF3026">
        <v>16</v>
      </c>
      <c r="AG3026">
        <v>16</v>
      </c>
      <c r="AH3026">
        <v>16</v>
      </c>
      <c r="AI3026">
        <v>16</v>
      </c>
      <c r="AJ3026">
        <v>16</v>
      </c>
      <c r="AK3026">
        <v>16</v>
      </c>
      <c r="AL3026">
        <v>16</v>
      </c>
      <c r="AM3026">
        <v>16</v>
      </c>
      <c r="AN3026">
        <v>16</v>
      </c>
      <c r="AO3026">
        <v>16</v>
      </c>
      <c r="AP3026">
        <v>16</v>
      </c>
      <c r="AQ3026">
        <v>15</v>
      </c>
    </row>
    <row r="3027" spans="1:43">
      <c r="A3027" t="s">
        <v>1932</v>
      </c>
      <c r="B3027" t="s">
        <v>1933</v>
      </c>
      <c r="C3027" t="s">
        <v>1926</v>
      </c>
      <c r="D3027" t="s">
        <v>1927</v>
      </c>
      <c r="E3027" t="s">
        <v>1586</v>
      </c>
      <c r="F3027" t="s">
        <v>1587</v>
      </c>
      <c r="G3027" t="s">
        <v>80</v>
      </c>
      <c r="H3027" t="s">
        <v>81</v>
      </c>
      <c r="I3027" s="2">
        <v>0</v>
      </c>
      <c r="J3027" s="2">
        <v>0</v>
      </c>
      <c r="K3027" s="2">
        <v>1</v>
      </c>
      <c r="L3027" t="s">
        <v>995</v>
      </c>
      <c r="M3027" t="s">
        <v>87</v>
      </c>
      <c r="N3027" t="s">
        <v>88</v>
      </c>
      <c r="O3027" t="s">
        <v>85</v>
      </c>
      <c r="P3027" t="s">
        <v>86</v>
      </c>
      <c r="Q3027">
        <v>15</v>
      </c>
      <c r="R3027">
        <v>15</v>
      </c>
      <c r="S3027">
        <v>15</v>
      </c>
      <c r="T3027">
        <v>15</v>
      </c>
      <c r="U3027">
        <v>15</v>
      </c>
      <c r="V3027">
        <v>15</v>
      </c>
      <c r="W3027">
        <v>15</v>
      </c>
      <c r="X3027">
        <v>15</v>
      </c>
      <c r="Y3027">
        <v>15</v>
      </c>
      <c r="Z3027">
        <v>15</v>
      </c>
      <c r="AA3027">
        <v>14</v>
      </c>
      <c r="AB3027">
        <v>14</v>
      </c>
      <c r="AC3027">
        <v>14</v>
      </c>
      <c r="AD3027">
        <v>14</v>
      </c>
      <c r="AE3027">
        <v>14</v>
      </c>
      <c r="AF3027">
        <v>14</v>
      </c>
      <c r="AG3027">
        <v>14</v>
      </c>
      <c r="AH3027">
        <v>14</v>
      </c>
      <c r="AI3027">
        <v>14</v>
      </c>
      <c r="AJ3027">
        <v>14</v>
      </c>
      <c r="AK3027">
        <v>14</v>
      </c>
      <c r="AL3027">
        <v>14</v>
      </c>
      <c r="AM3027">
        <v>14</v>
      </c>
      <c r="AN3027">
        <v>14</v>
      </c>
      <c r="AO3027">
        <v>14</v>
      </c>
      <c r="AP3027">
        <v>14</v>
      </c>
      <c r="AQ3027">
        <v>14</v>
      </c>
    </row>
    <row r="3028" spans="1:43">
      <c r="A3028" t="s">
        <v>1932</v>
      </c>
      <c r="B3028" t="s">
        <v>1933</v>
      </c>
      <c r="C3028" t="s">
        <v>1926</v>
      </c>
      <c r="D3028" t="s">
        <v>1927</v>
      </c>
      <c r="E3028" t="s">
        <v>1586</v>
      </c>
      <c r="F3028" t="s">
        <v>1587</v>
      </c>
      <c r="G3028" t="s">
        <v>80</v>
      </c>
      <c r="H3028" t="s">
        <v>81</v>
      </c>
      <c r="I3028" s="2">
        <v>0</v>
      </c>
      <c r="J3028" s="2">
        <v>0</v>
      </c>
      <c r="K3028" s="2">
        <v>1</v>
      </c>
      <c r="L3028" t="s">
        <v>995</v>
      </c>
      <c r="M3028" t="s">
        <v>89</v>
      </c>
      <c r="N3028" t="s">
        <v>90</v>
      </c>
      <c r="O3028" t="s">
        <v>85</v>
      </c>
      <c r="P3028" t="s">
        <v>86</v>
      </c>
      <c r="Q3028">
        <v>15</v>
      </c>
      <c r="R3028">
        <v>16</v>
      </c>
      <c r="S3028">
        <v>16</v>
      </c>
      <c r="T3028">
        <v>16</v>
      </c>
      <c r="U3028">
        <v>16</v>
      </c>
      <c r="V3028">
        <v>16</v>
      </c>
      <c r="W3028">
        <v>17</v>
      </c>
      <c r="X3028">
        <v>17</v>
      </c>
      <c r="Y3028">
        <v>17</v>
      </c>
      <c r="Z3028">
        <v>17</v>
      </c>
      <c r="AA3028">
        <v>17</v>
      </c>
      <c r="AB3028">
        <v>17</v>
      </c>
      <c r="AC3028">
        <v>17</v>
      </c>
      <c r="AD3028">
        <v>17</v>
      </c>
      <c r="AE3028">
        <v>17</v>
      </c>
      <c r="AF3028">
        <v>17</v>
      </c>
      <c r="AG3028">
        <v>17</v>
      </c>
      <c r="AH3028">
        <v>17</v>
      </c>
      <c r="AI3028">
        <v>17</v>
      </c>
      <c r="AJ3028">
        <v>16</v>
      </c>
      <c r="AK3028">
        <v>16</v>
      </c>
      <c r="AL3028">
        <v>16</v>
      </c>
      <c r="AM3028">
        <v>16</v>
      </c>
      <c r="AN3028">
        <v>16</v>
      </c>
      <c r="AO3028">
        <v>16</v>
      </c>
      <c r="AP3028">
        <v>16</v>
      </c>
      <c r="AQ3028">
        <v>16</v>
      </c>
    </row>
    <row r="3029" spans="1:43">
      <c r="A3029" t="s">
        <v>1932</v>
      </c>
      <c r="B3029" t="s">
        <v>1933</v>
      </c>
      <c r="C3029" t="s">
        <v>1926</v>
      </c>
      <c r="D3029" t="s">
        <v>1927</v>
      </c>
      <c r="E3029" t="s">
        <v>1586</v>
      </c>
      <c r="F3029" t="s">
        <v>1587</v>
      </c>
      <c r="G3029" t="s">
        <v>80</v>
      </c>
      <c r="H3029" t="s">
        <v>81</v>
      </c>
      <c r="I3029" s="2">
        <v>0</v>
      </c>
      <c r="J3029" s="2">
        <v>0</v>
      </c>
      <c r="K3029" s="2">
        <v>1</v>
      </c>
      <c r="L3029" t="s">
        <v>995</v>
      </c>
      <c r="M3029" t="s">
        <v>83</v>
      </c>
      <c r="N3029" t="s">
        <v>91</v>
      </c>
      <c r="O3029" t="s">
        <v>85</v>
      </c>
      <c r="P3029" t="s">
        <v>86</v>
      </c>
      <c r="Q3029">
        <v>15</v>
      </c>
      <c r="R3029">
        <v>15</v>
      </c>
      <c r="S3029">
        <v>15</v>
      </c>
      <c r="T3029">
        <v>16</v>
      </c>
      <c r="U3029">
        <v>16</v>
      </c>
      <c r="V3029">
        <v>16</v>
      </c>
      <c r="W3029">
        <v>16</v>
      </c>
      <c r="X3029">
        <v>16</v>
      </c>
      <c r="Y3029">
        <v>16</v>
      </c>
      <c r="Z3029">
        <v>16</v>
      </c>
      <c r="AA3029">
        <v>16</v>
      </c>
      <c r="AB3029">
        <v>16</v>
      </c>
      <c r="AC3029">
        <v>16</v>
      </c>
      <c r="AD3029">
        <v>16</v>
      </c>
      <c r="AE3029">
        <v>16</v>
      </c>
      <c r="AF3029">
        <v>16</v>
      </c>
      <c r="AG3029">
        <v>16</v>
      </c>
      <c r="AH3029">
        <v>16</v>
      </c>
      <c r="AI3029">
        <v>16</v>
      </c>
      <c r="AJ3029">
        <v>16</v>
      </c>
      <c r="AK3029">
        <v>16</v>
      </c>
      <c r="AL3029">
        <v>16</v>
      </c>
      <c r="AM3029">
        <v>16</v>
      </c>
      <c r="AN3029">
        <v>16</v>
      </c>
      <c r="AO3029">
        <v>16</v>
      </c>
      <c r="AP3029">
        <v>16</v>
      </c>
      <c r="AQ3029">
        <v>15</v>
      </c>
    </row>
    <row r="3030" spans="1:43">
      <c r="A3030" t="s">
        <v>1934</v>
      </c>
      <c r="B3030" t="s">
        <v>1935</v>
      </c>
      <c r="C3030" t="s">
        <v>1792</v>
      </c>
      <c r="D3030" t="s">
        <v>1793</v>
      </c>
      <c r="E3030" t="s">
        <v>1586</v>
      </c>
      <c r="F3030" t="s">
        <v>1587</v>
      </c>
      <c r="G3030" t="s">
        <v>80</v>
      </c>
      <c r="H3030" t="s">
        <v>81</v>
      </c>
      <c r="I3030" s="2">
        <v>0</v>
      </c>
      <c r="J3030" s="2">
        <v>0</v>
      </c>
      <c r="K3030" s="2">
        <v>1</v>
      </c>
      <c r="L3030" t="s">
        <v>995</v>
      </c>
      <c r="M3030" t="s">
        <v>83</v>
      </c>
      <c r="N3030" t="s">
        <v>84</v>
      </c>
      <c r="O3030" t="s">
        <v>85</v>
      </c>
      <c r="P3030" t="s">
        <v>86</v>
      </c>
      <c r="Q3030">
        <v>208</v>
      </c>
      <c r="R3030">
        <v>209</v>
      </c>
      <c r="S3030">
        <v>210</v>
      </c>
      <c r="T3030">
        <v>211</v>
      </c>
      <c r="U3030">
        <v>212</v>
      </c>
      <c r="V3030">
        <v>213</v>
      </c>
      <c r="W3030">
        <v>214</v>
      </c>
      <c r="X3030">
        <v>214</v>
      </c>
      <c r="Y3030">
        <v>215</v>
      </c>
      <c r="Z3030">
        <v>216</v>
      </c>
      <c r="AA3030">
        <v>217</v>
      </c>
      <c r="AB3030">
        <v>217</v>
      </c>
      <c r="AC3030">
        <v>218</v>
      </c>
      <c r="AD3030">
        <v>218</v>
      </c>
      <c r="AE3030">
        <v>219</v>
      </c>
      <c r="AF3030">
        <v>219</v>
      </c>
      <c r="AG3030">
        <v>220</v>
      </c>
      <c r="AH3030">
        <v>220</v>
      </c>
      <c r="AI3030">
        <v>220</v>
      </c>
      <c r="AJ3030">
        <v>221</v>
      </c>
      <c r="AK3030">
        <v>221</v>
      </c>
      <c r="AL3030">
        <v>220</v>
      </c>
      <c r="AM3030">
        <v>218</v>
      </c>
      <c r="AN3030">
        <v>217</v>
      </c>
      <c r="AO3030">
        <v>216</v>
      </c>
      <c r="AP3030">
        <v>214</v>
      </c>
      <c r="AQ3030">
        <v>213</v>
      </c>
    </row>
    <row r="3031" spans="1:43">
      <c r="A3031" t="s">
        <v>1934</v>
      </c>
      <c r="B3031" t="s">
        <v>1935</v>
      </c>
      <c r="C3031" t="s">
        <v>1792</v>
      </c>
      <c r="D3031" t="s">
        <v>1793</v>
      </c>
      <c r="E3031" t="s">
        <v>1586</v>
      </c>
      <c r="F3031" t="s">
        <v>1587</v>
      </c>
      <c r="G3031" t="s">
        <v>80</v>
      </c>
      <c r="H3031" t="s">
        <v>81</v>
      </c>
      <c r="I3031" s="2">
        <v>0</v>
      </c>
      <c r="J3031" s="2">
        <v>0</v>
      </c>
      <c r="K3031" s="2">
        <v>1</v>
      </c>
      <c r="L3031" t="s">
        <v>995</v>
      </c>
      <c r="M3031" t="s">
        <v>87</v>
      </c>
      <c r="N3031" t="s">
        <v>88</v>
      </c>
      <c r="O3031" t="s">
        <v>85</v>
      </c>
      <c r="P3031" t="s">
        <v>86</v>
      </c>
      <c r="Q3031">
        <v>208</v>
      </c>
      <c r="R3031">
        <v>207</v>
      </c>
      <c r="S3031">
        <v>206</v>
      </c>
      <c r="T3031">
        <v>205</v>
      </c>
      <c r="U3031">
        <v>205</v>
      </c>
      <c r="V3031">
        <v>204</v>
      </c>
      <c r="W3031">
        <v>203</v>
      </c>
      <c r="X3031">
        <v>202</v>
      </c>
      <c r="Y3031">
        <v>201</v>
      </c>
      <c r="Z3031">
        <v>200</v>
      </c>
      <c r="AA3031">
        <v>199</v>
      </c>
      <c r="AB3031">
        <v>198</v>
      </c>
      <c r="AC3031">
        <v>198</v>
      </c>
      <c r="AD3031">
        <v>197</v>
      </c>
      <c r="AE3031">
        <v>196</v>
      </c>
      <c r="AF3031">
        <v>195</v>
      </c>
      <c r="AG3031">
        <v>194</v>
      </c>
      <c r="AH3031">
        <v>194</v>
      </c>
      <c r="AI3031">
        <v>193</v>
      </c>
      <c r="AJ3031">
        <v>192</v>
      </c>
      <c r="AK3031">
        <v>191</v>
      </c>
      <c r="AL3031">
        <v>190</v>
      </c>
      <c r="AM3031">
        <v>190</v>
      </c>
      <c r="AN3031">
        <v>189</v>
      </c>
      <c r="AO3031">
        <v>188</v>
      </c>
      <c r="AP3031">
        <v>187</v>
      </c>
      <c r="AQ3031">
        <v>187</v>
      </c>
    </row>
    <row r="3032" spans="1:43">
      <c r="A3032" t="s">
        <v>1934</v>
      </c>
      <c r="B3032" t="s">
        <v>1935</v>
      </c>
      <c r="C3032" t="s">
        <v>1792</v>
      </c>
      <c r="D3032" t="s">
        <v>1793</v>
      </c>
      <c r="E3032" t="s">
        <v>1586</v>
      </c>
      <c r="F3032" t="s">
        <v>1587</v>
      </c>
      <c r="G3032" t="s">
        <v>80</v>
      </c>
      <c r="H3032" t="s">
        <v>81</v>
      </c>
      <c r="I3032" s="2">
        <v>0</v>
      </c>
      <c r="J3032" s="2">
        <v>0</v>
      </c>
      <c r="K3032" s="2">
        <v>1</v>
      </c>
      <c r="L3032" t="s">
        <v>995</v>
      </c>
      <c r="M3032" t="s">
        <v>89</v>
      </c>
      <c r="N3032" t="s">
        <v>90</v>
      </c>
      <c r="O3032" t="s">
        <v>85</v>
      </c>
      <c r="P3032" t="s">
        <v>86</v>
      </c>
      <c r="Q3032">
        <v>208</v>
      </c>
      <c r="R3032">
        <v>211</v>
      </c>
      <c r="S3032">
        <v>213</v>
      </c>
      <c r="T3032">
        <v>216</v>
      </c>
      <c r="U3032">
        <v>218</v>
      </c>
      <c r="V3032">
        <v>221</v>
      </c>
      <c r="W3032">
        <v>223</v>
      </c>
      <c r="X3032">
        <v>224</v>
      </c>
      <c r="Y3032">
        <v>226</v>
      </c>
      <c r="Z3032">
        <v>227</v>
      </c>
      <c r="AA3032">
        <v>229</v>
      </c>
      <c r="AB3032">
        <v>230</v>
      </c>
      <c r="AC3032">
        <v>231</v>
      </c>
      <c r="AD3032">
        <v>232</v>
      </c>
      <c r="AE3032">
        <v>232</v>
      </c>
      <c r="AF3032">
        <v>231</v>
      </c>
      <c r="AG3032">
        <v>229</v>
      </c>
      <c r="AH3032">
        <v>227</v>
      </c>
      <c r="AI3032">
        <v>226</v>
      </c>
      <c r="AJ3032">
        <v>224</v>
      </c>
      <c r="AK3032">
        <v>222</v>
      </c>
      <c r="AL3032">
        <v>221</v>
      </c>
      <c r="AM3032">
        <v>219</v>
      </c>
      <c r="AN3032">
        <v>218</v>
      </c>
      <c r="AO3032">
        <v>216</v>
      </c>
      <c r="AP3032">
        <v>215</v>
      </c>
      <c r="AQ3032">
        <v>213</v>
      </c>
    </row>
    <row r="3033" spans="1:43">
      <c r="A3033" t="s">
        <v>1934</v>
      </c>
      <c r="B3033" t="s">
        <v>1935</v>
      </c>
      <c r="C3033" t="s">
        <v>1792</v>
      </c>
      <c r="D3033" t="s">
        <v>1793</v>
      </c>
      <c r="E3033" t="s">
        <v>1586</v>
      </c>
      <c r="F3033" t="s">
        <v>1587</v>
      </c>
      <c r="G3033" t="s">
        <v>80</v>
      </c>
      <c r="H3033" t="s">
        <v>81</v>
      </c>
      <c r="I3033" s="2">
        <v>0</v>
      </c>
      <c r="J3033" s="2">
        <v>0</v>
      </c>
      <c r="K3033" s="2">
        <v>1</v>
      </c>
      <c r="L3033" t="s">
        <v>995</v>
      </c>
      <c r="M3033" t="s">
        <v>83</v>
      </c>
      <c r="N3033" t="s">
        <v>91</v>
      </c>
      <c r="O3033" t="s">
        <v>85</v>
      </c>
      <c r="P3033" t="s">
        <v>86</v>
      </c>
      <c r="Q3033">
        <v>208</v>
      </c>
      <c r="R3033">
        <v>209</v>
      </c>
      <c r="S3033">
        <v>210</v>
      </c>
      <c r="T3033">
        <v>211</v>
      </c>
      <c r="U3033">
        <v>212</v>
      </c>
      <c r="V3033">
        <v>213</v>
      </c>
      <c r="W3033">
        <v>214</v>
      </c>
      <c r="X3033">
        <v>214</v>
      </c>
      <c r="Y3033">
        <v>215</v>
      </c>
      <c r="Z3033">
        <v>216</v>
      </c>
      <c r="AA3033">
        <v>217</v>
      </c>
      <c r="AB3033">
        <v>217</v>
      </c>
      <c r="AC3033">
        <v>218</v>
      </c>
      <c r="AD3033">
        <v>218</v>
      </c>
      <c r="AE3033">
        <v>219</v>
      </c>
      <c r="AF3033">
        <v>219</v>
      </c>
      <c r="AG3033">
        <v>220</v>
      </c>
      <c r="AH3033">
        <v>220</v>
      </c>
      <c r="AI3033">
        <v>220</v>
      </c>
      <c r="AJ3033">
        <v>221</v>
      </c>
      <c r="AK3033">
        <v>221</v>
      </c>
      <c r="AL3033">
        <v>220</v>
      </c>
      <c r="AM3033">
        <v>218</v>
      </c>
      <c r="AN3033">
        <v>217</v>
      </c>
      <c r="AO3033">
        <v>216</v>
      </c>
      <c r="AP3033">
        <v>214</v>
      </c>
      <c r="AQ3033">
        <v>213</v>
      </c>
    </row>
    <row r="3034" spans="1:43">
      <c r="A3034" t="s">
        <v>1936</v>
      </c>
      <c r="B3034" t="s">
        <v>1937</v>
      </c>
      <c r="C3034" t="s">
        <v>1782</v>
      </c>
      <c r="D3034" t="s">
        <v>1783</v>
      </c>
      <c r="E3034" t="s">
        <v>1586</v>
      </c>
      <c r="F3034" t="s">
        <v>1587</v>
      </c>
      <c r="G3034" t="s">
        <v>80</v>
      </c>
      <c r="H3034" t="s">
        <v>81</v>
      </c>
      <c r="I3034" s="2">
        <v>0</v>
      </c>
      <c r="J3034" s="2">
        <v>0</v>
      </c>
      <c r="K3034" s="2">
        <v>1</v>
      </c>
      <c r="L3034" t="s">
        <v>995</v>
      </c>
      <c r="M3034" t="s">
        <v>83</v>
      </c>
      <c r="N3034" t="s">
        <v>84</v>
      </c>
      <c r="O3034" t="s">
        <v>85</v>
      </c>
      <c r="P3034" t="s">
        <v>86</v>
      </c>
      <c r="Q3034">
        <v>12</v>
      </c>
      <c r="R3034">
        <v>12</v>
      </c>
      <c r="S3034">
        <v>12</v>
      </c>
      <c r="T3034">
        <v>12</v>
      </c>
      <c r="U3034">
        <v>12</v>
      </c>
      <c r="V3034">
        <v>12</v>
      </c>
      <c r="W3034">
        <v>12</v>
      </c>
      <c r="X3034">
        <v>12</v>
      </c>
      <c r="Y3034">
        <v>12</v>
      </c>
      <c r="Z3034">
        <v>12</v>
      </c>
      <c r="AA3034">
        <v>12</v>
      </c>
      <c r="AB3034">
        <v>12</v>
      </c>
      <c r="AC3034">
        <v>12</v>
      </c>
      <c r="AD3034">
        <v>12</v>
      </c>
      <c r="AE3034">
        <v>12</v>
      </c>
      <c r="AF3034">
        <v>12</v>
      </c>
      <c r="AG3034">
        <v>12</v>
      </c>
      <c r="AH3034">
        <v>12</v>
      </c>
      <c r="AI3034">
        <v>12</v>
      </c>
      <c r="AJ3034">
        <v>12</v>
      </c>
      <c r="AK3034">
        <v>12</v>
      </c>
      <c r="AL3034">
        <v>12</v>
      </c>
      <c r="AM3034">
        <v>12</v>
      </c>
      <c r="AN3034">
        <v>12</v>
      </c>
      <c r="AO3034">
        <v>12</v>
      </c>
      <c r="AP3034">
        <v>12</v>
      </c>
      <c r="AQ3034">
        <v>12</v>
      </c>
    </row>
    <row r="3035" spans="1:43">
      <c r="A3035" t="s">
        <v>1936</v>
      </c>
      <c r="B3035" t="s">
        <v>1937</v>
      </c>
      <c r="C3035" t="s">
        <v>1782</v>
      </c>
      <c r="D3035" t="s">
        <v>1783</v>
      </c>
      <c r="E3035" t="s">
        <v>1586</v>
      </c>
      <c r="F3035" t="s">
        <v>1587</v>
      </c>
      <c r="G3035" t="s">
        <v>80</v>
      </c>
      <c r="H3035" t="s">
        <v>81</v>
      </c>
      <c r="I3035" s="2">
        <v>0</v>
      </c>
      <c r="J3035" s="2">
        <v>0</v>
      </c>
      <c r="K3035" s="2">
        <v>1</v>
      </c>
      <c r="L3035" t="s">
        <v>995</v>
      </c>
      <c r="M3035" t="s">
        <v>87</v>
      </c>
      <c r="N3035" t="s">
        <v>88</v>
      </c>
      <c r="O3035" t="s">
        <v>85</v>
      </c>
      <c r="P3035" t="s">
        <v>86</v>
      </c>
      <c r="Q3035">
        <v>12</v>
      </c>
      <c r="R3035">
        <v>12</v>
      </c>
      <c r="S3035">
        <v>11</v>
      </c>
      <c r="T3035">
        <v>11</v>
      </c>
      <c r="U3035">
        <v>11</v>
      </c>
      <c r="V3035">
        <v>11</v>
      </c>
      <c r="W3035">
        <v>11</v>
      </c>
      <c r="X3035">
        <v>11</v>
      </c>
      <c r="Y3035">
        <v>11</v>
      </c>
      <c r="Z3035">
        <v>11</v>
      </c>
      <c r="AA3035">
        <v>11</v>
      </c>
      <c r="AB3035">
        <v>11</v>
      </c>
      <c r="AC3035">
        <v>11</v>
      </c>
      <c r="AD3035">
        <v>11</v>
      </c>
      <c r="AE3035">
        <v>11</v>
      </c>
      <c r="AF3035">
        <v>11</v>
      </c>
      <c r="AG3035">
        <v>11</v>
      </c>
      <c r="AH3035">
        <v>11</v>
      </c>
      <c r="AI3035">
        <v>11</v>
      </c>
      <c r="AJ3035">
        <v>11</v>
      </c>
      <c r="AK3035">
        <v>11</v>
      </c>
      <c r="AL3035">
        <v>11</v>
      </c>
      <c r="AM3035">
        <v>10</v>
      </c>
      <c r="AN3035">
        <v>10</v>
      </c>
      <c r="AO3035">
        <v>10</v>
      </c>
      <c r="AP3035">
        <v>10</v>
      </c>
      <c r="AQ3035">
        <v>10</v>
      </c>
    </row>
    <row r="3036" spans="1:43">
      <c r="A3036" t="s">
        <v>1936</v>
      </c>
      <c r="B3036" t="s">
        <v>1937</v>
      </c>
      <c r="C3036" t="s">
        <v>1782</v>
      </c>
      <c r="D3036" t="s">
        <v>1783</v>
      </c>
      <c r="E3036" t="s">
        <v>1586</v>
      </c>
      <c r="F3036" t="s">
        <v>1587</v>
      </c>
      <c r="G3036" t="s">
        <v>80</v>
      </c>
      <c r="H3036" t="s">
        <v>81</v>
      </c>
      <c r="I3036" s="2">
        <v>0</v>
      </c>
      <c r="J3036" s="2">
        <v>0</v>
      </c>
      <c r="K3036" s="2">
        <v>1</v>
      </c>
      <c r="L3036" t="s">
        <v>995</v>
      </c>
      <c r="M3036" t="s">
        <v>89</v>
      </c>
      <c r="N3036" t="s">
        <v>90</v>
      </c>
      <c r="O3036" t="s">
        <v>85</v>
      </c>
      <c r="P3036" t="s">
        <v>86</v>
      </c>
      <c r="Q3036">
        <v>12</v>
      </c>
      <c r="R3036">
        <v>12</v>
      </c>
      <c r="S3036">
        <v>12</v>
      </c>
      <c r="T3036">
        <v>12</v>
      </c>
      <c r="U3036">
        <v>12</v>
      </c>
      <c r="V3036">
        <v>12</v>
      </c>
      <c r="W3036">
        <v>13</v>
      </c>
      <c r="X3036">
        <v>13</v>
      </c>
      <c r="Y3036">
        <v>13</v>
      </c>
      <c r="Z3036">
        <v>13</v>
      </c>
      <c r="AA3036">
        <v>13</v>
      </c>
      <c r="AB3036">
        <v>13</v>
      </c>
      <c r="AC3036">
        <v>13</v>
      </c>
      <c r="AD3036">
        <v>13</v>
      </c>
      <c r="AE3036">
        <v>13</v>
      </c>
      <c r="AF3036">
        <v>13</v>
      </c>
      <c r="AG3036">
        <v>13</v>
      </c>
      <c r="AH3036">
        <v>13</v>
      </c>
      <c r="AI3036">
        <v>13</v>
      </c>
      <c r="AJ3036">
        <v>13</v>
      </c>
      <c r="AK3036">
        <v>12</v>
      </c>
      <c r="AL3036">
        <v>12</v>
      </c>
      <c r="AM3036">
        <v>12</v>
      </c>
      <c r="AN3036">
        <v>12</v>
      </c>
      <c r="AO3036">
        <v>12</v>
      </c>
      <c r="AP3036">
        <v>12</v>
      </c>
      <c r="AQ3036">
        <v>12</v>
      </c>
    </row>
    <row r="3037" spans="1:43">
      <c r="A3037" t="s">
        <v>1936</v>
      </c>
      <c r="B3037" t="s">
        <v>1937</v>
      </c>
      <c r="C3037" t="s">
        <v>1782</v>
      </c>
      <c r="D3037" t="s">
        <v>1783</v>
      </c>
      <c r="E3037" t="s">
        <v>1586</v>
      </c>
      <c r="F3037" t="s">
        <v>1587</v>
      </c>
      <c r="G3037" t="s">
        <v>80</v>
      </c>
      <c r="H3037" t="s">
        <v>81</v>
      </c>
      <c r="I3037" s="2">
        <v>0</v>
      </c>
      <c r="J3037" s="2">
        <v>0</v>
      </c>
      <c r="K3037" s="2">
        <v>1</v>
      </c>
      <c r="L3037" t="s">
        <v>995</v>
      </c>
      <c r="M3037" t="s">
        <v>83</v>
      </c>
      <c r="N3037" t="s">
        <v>91</v>
      </c>
      <c r="O3037" t="s">
        <v>85</v>
      </c>
      <c r="P3037" t="s">
        <v>86</v>
      </c>
      <c r="Q3037">
        <v>12</v>
      </c>
      <c r="R3037">
        <v>12</v>
      </c>
      <c r="S3037">
        <v>12</v>
      </c>
      <c r="T3037">
        <v>12</v>
      </c>
      <c r="U3037">
        <v>12</v>
      </c>
      <c r="V3037">
        <v>12</v>
      </c>
      <c r="W3037">
        <v>12</v>
      </c>
      <c r="X3037">
        <v>12</v>
      </c>
      <c r="Y3037">
        <v>12</v>
      </c>
      <c r="Z3037">
        <v>12</v>
      </c>
      <c r="AA3037">
        <v>12</v>
      </c>
      <c r="AB3037">
        <v>12</v>
      </c>
      <c r="AC3037">
        <v>12</v>
      </c>
      <c r="AD3037">
        <v>12</v>
      </c>
      <c r="AE3037">
        <v>12</v>
      </c>
      <c r="AF3037">
        <v>12</v>
      </c>
      <c r="AG3037">
        <v>12</v>
      </c>
      <c r="AH3037">
        <v>12</v>
      </c>
      <c r="AI3037">
        <v>12</v>
      </c>
      <c r="AJ3037">
        <v>12</v>
      </c>
      <c r="AK3037">
        <v>12</v>
      </c>
      <c r="AL3037">
        <v>12</v>
      </c>
      <c r="AM3037">
        <v>12</v>
      </c>
      <c r="AN3037">
        <v>12</v>
      </c>
      <c r="AO3037">
        <v>12</v>
      </c>
      <c r="AP3037">
        <v>12</v>
      </c>
      <c r="AQ3037">
        <v>12</v>
      </c>
    </row>
    <row r="3038" spans="1:43">
      <c r="A3038" t="s">
        <v>1938</v>
      </c>
      <c r="B3038" t="s">
        <v>1939</v>
      </c>
      <c r="C3038" t="s">
        <v>1926</v>
      </c>
      <c r="D3038" t="s">
        <v>1927</v>
      </c>
      <c r="E3038" t="s">
        <v>1586</v>
      </c>
      <c r="F3038" t="s">
        <v>1587</v>
      </c>
      <c r="G3038" t="s">
        <v>80</v>
      </c>
      <c r="H3038" t="s">
        <v>81</v>
      </c>
      <c r="I3038" s="2">
        <v>0</v>
      </c>
      <c r="J3038" s="2">
        <v>0</v>
      </c>
      <c r="K3038" s="2">
        <v>1</v>
      </c>
      <c r="L3038" t="s">
        <v>995</v>
      </c>
      <c r="M3038" t="s">
        <v>83</v>
      </c>
      <c r="N3038" t="s">
        <v>84</v>
      </c>
      <c r="O3038" t="s">
        <v>85</v>
      </c>
      <c r="P3038" t="s">
        <v>86</v>
      </c>
      <c r="Q3038">
        <v>21</v>
      </c>
      <c r="R3038">
        <v>21</v>
      </c>
      <c r="S3038">
        <v>21</v>
      </c>
      <c r="T3038">
        <v>21</v>
      </c>
      <c r="U3038">
        <v>22</v>
      </c>
      <c r="V3038">
        <v>22</v>
      </c>
      <c r="W3038">
        <v>22</v>
      </c>
      <c r="X3038">
        <v>22</v>
      </c>
      <c r="Y3038">
        <v>22</v>
      </c>
      <c r="Z3038">
        <v>22</v>
      </c>
      <c r="AA3038">
        <v>22</v>
      </c>
      <c r="AB3038">
        <v>22</v>
      </c>
      <c r="AC3038">
        <v>22</v>
      </c>
      <c r="AD3038">
        <v>22</v>
      </c>
      <c r="AE3038">
        <v>22</v>
      </c>
      <c r="AF3038">
        <v>22</v>
      </c>
      <c r="AG3038">
        <v>22</v>
      </c>
      <c r="AH3038">
        <v>22</v>
      </c>
      <c r="AI3038">
        <v>22</v>
      </c>
      <c r="AJ3038">
        <v>22</v>
      </c>
      <c r="AK3038">
        <v>22</v>
      </c>
      <c r="AL3038">
        <v>22</v>
      </c>
      <c r="AM3038">
        <v>22</v>
      </c>
      <c r="AN3038">
        <v>22</v>
      </c>
      <c r="AO3038">
        <v>22</v>
      </c>
      <c r="AP3038">
        <v>21</v>
      </c>
      <c r="AQ3038">
        <v>21</v>
      </c>
    </row>
    <row r="3039" spans="1:43">
      <c r="A3039" t="s">
        <v>1938</v>
      </c>
      <c r="B3039" t="s">
        <v>1939</v>
      </c>
      <c r="C3039" t="s">
        <v>1926</v>
      </c>
      <c r="D3039" t="s">
        <v>1927</v>
      </c>
      <c r="E3039" t="s">
        <v>1586</v>
      </c>
      <c r="F3039" t="s">
        <v>1587</v>
      </c>
      <c r="G3039" t="s">
        <v>80</v>
      </c>
      <c r="H3039" t="s">
        <v>81</v>
      </c>
      <c r="I3039" s="2">
        <v>0</v>
      </c>
      <c r="J3039" s="2">
        <v>0</v>
      </c>
      <c r="K3039" s="2">
        <v>1</v>
      </c>
      <c r="L3039" t="s">
        <v>995</v>
      </c>
      <c r="M3039" t="s">
        <v>87</v>
      </c>
      <c r="N3039" t="s">
        <v>88</v>
      </c>
      <c r="O3039" t="s">
        <v>85</v>
      </c>
      <c r="P3039" t="s">
        <v>86</v>
      </c>
      <c r="Q3039">
        <v>21</v>
      </c>
      <c r="R3039">
        <v>21</v>
      </c>
      <c r="S3039">
        <v>21</v>
      </c>
      <c r="T3039">
        <v>21</v>
      </c>
      <c r="U3039">
        <v>21</v>
      </c>
      <c r="V3039">
        <v>21</v>
      </c>
      <c r="W3039">
        <v>20</v>
      </c>
      <c r="X3039">
        <v>20</v>
      </c>
      <c r="Y3039">
        <v>20</v>
      </c>
      <c r="Z3039">
        <v>20</v>
      </c>
      <c r="AA3039">
        <v>20</v>
      </c>
      <c r="AB3039">
        <v>20</v>
      </c>
      <c r="AC3039">
        <v>20</v>
      </c>
      <c r="AD3039">
        <v>20</v>
      </c>
      <c r="AE3039">
        <v>20</v>
      </c>
      <c r="AF3039">
        <v>20</v>
      </c>
      <c r="AG3039">
        <v>19</v>
      </c>
      <c r="AH3039">
        <v>19</v>
      </c>
      <c r="AI3039">
        <v>19</v>
      </c>
      <c r="AJ3039">
        <v>19</v>
      </c>
      <c r="AK3039">
        <v>19</v>
      </c>
      <c r="AL3039">
        <v>19</v>
      </c>
      <c r="AM3039">
        <v>19</v>
      </c>
      <c r="AN3039">
        <v>19</v>
      </c>
      <c r="AO3039">
        <v>19</v>
      </c>
      <c r="AP3039">
        <v>19</v>
      </c>
      <c r="AQ3039">
        <v>19</v>
      </c>
    </row>
    <row r="3040" spans="1:43">
      <c r="A3040" t="s">
        <v>1938</v>
      </c>
      <c r="B3040" t="s">
        <v>1939</v>
      </c>
      <c r="C3040" t="s">
        <v>1926</v>
      </c>
      <c r="D3040" t="s">
        <v>1927</v>
      </c>
      <c r="E3040" t="s">
        <v>1586</v>
      </c>
      <c r="F3040" t="s">
        <v>1587</v>
      </c>
      <c r="G3040" t="s">
        <v>80</v>
      </c>
      <c r="H3040" t="s">
        <v>81</v>
      </c>
      <c r="I3040" s="2">
        <v>0</v>
      </c>
      <c r="J3040" s="2">
        <v>0</v>
      </c>
      <c r="K3040" s="2">
        <v>1</v>
      </c>
      <c r="L3040" t="s">
        <v>995</v>
      </c>
      <c r="M3040" t="s">
        <v>89</v>
      </c>
      <c r="N3040" t="s">
        <v>90</v>
      </c>
      <c r="O3040" t="s">
        <v>85</v>
      </c>
      <c r="P3040" t="s">
        <v>86</v>
      </c>
      <c r="Q3040">
        <v>21</v>
      </c>
      <c r="R3040">
        <v>22</v>
      </c>
      <c r="S3040">
        <v>22</v>
      </c>
      <c r="T3040">
        <v>22</v>
      </c>
      <c r="U3040">
        <v>22</v>
      </c>
      <c r="V3040">
        <v>23</v>
      </c>
      <c r="W3040">
        <v>23</v>
      </c>
      <c r="X3040">
        <v>23</v>
      </c>
      <c r="Y3040">
        <v>23</v>
      </c>
      <c r="Z3040">
        <v>23</v>
      </c>
      <c r="AA3040">
        <v>23</v>
      </c>
      <c r="AB3040">
        <v>23</v>
      </c>
      <c r="AC3040">
        <v>24</v>
      </c>
      <c r="AD3040">
        <v>24</v>
      </c>
      <c r="AE3040">
        <v>24</v>
      </c>
      <c r="AF3040">
        <v>23</v>
      </c>
      <c r="AG3040">
        <v>23</v>
      </c>
      <c r="AH3040">
        <v>23</v>
      </c>
      <c r="AI3040">
        <v>23</v>
      </c>
      <c r="AJ3040">
        <v>23</v>
      </c>
      <c r="AK3040">
        <v>23</v>
      </c>
      <c r="AL3040">
        <v>22</v>
      </c>
      <c r="AM3040">
        <v>22</v>
      </c>
      <c r="AN3040">
        <v>22</v>
      </c>
      <c r="AO3040">
        <v>22</v>
      </c>
      <c r="AP3040">
        <v>22</v>
      </c>
      <c r="AQ3040">
        <v>21</v>
      </c>
    </row>
    <row r="3041" spans="1:43">
      <c r="A3041" t="s">
        <v>1938</v>
      </c>
      <c r="B3041" t="s">
        <v>1939</v>
      </c>
      <c r="C3041" t="s">
        <v>1926</v>
      </c>
      <c r="D3041" t="s">
        <v>1927</v>
      </c>
      <c r="E3041" t="s">
        <v>1586</v>
      </c>
      <c r="F3041" t="s">
        <v>1587</v>
      </c>
      <c r="G3041" t="s">
        <v>80</v>
      </c>
      <c r="H3041" t="s">
        <v>81</v>
      </c>
      <c r="I3041" s="2">
        <v>0</v>
      </c>
      <c r="J3041" s="2">
        <v>0</v>
      </c>
      <c r="K3041" s="2">
        <v>1</v>
      </c>
      <c r="L3041" t="s">
        <v>995</v>
      </c>
      <c r="M3041" t="s">
        <v>83</v>
      </c>
      <c r="N3041" t="s">
        <v>91</v>
      </c>
      <c r="O3041" t="s">
        <v>85</v>
      </c>
      <c r="P3041" t="s">
        <v>86</v>
      </c>
      <c r="Q3041">
        <v>21</v>
      </c>
      <c r="R3041">
        <v>21</v>
      </c>
      <c r="S3041">
        <v>21</v>
      </c>
      <c r="T3041">
        <v>21</v>
      </c>
      <c r="U3041">
        <v>22</v>
      </c>
      <c r="V3041">
        <v>22</v>
      </c>
      <c r="W3041">
        <v>22</v>
      </c>
      <c r="X3041">
        <v>22</v>
      </c>
      <c r="Y3041">
        <v>22</v>
      </c>
      <c r="Z3041">
        <v>22</v>
      </c>
      <c r="AA3041">
        <v>22</v>
      </c>
      <c r="AB3041">
        <v>22</v>
      </c>
      <c r="AC3041">
        <v>22</v>
      </c>
      <c r="AD3041">
        <v>22</v>
      </c>
      <c r="AE3041">
        <v>22</v>
      </c>
      <c r="AF3041">
        <v>22</v>
      </c>
      <c r="AG3041">
        <v>22</v>
      </c>
      <c r="AH3041">
        <v>22</v>
      </c>
      <c r="AI3041">
        <v>22</v>
      </c>
      <c r="AJ3041">
        <v>22</v>
      </c>
      <c r="AK3041">
        <v>22</v>
      </c>
      <c r="AL3041">
        <v>22</v>
      </c>
      <c r="AM3041">
        <v>22</v>
      </c>
      <c r="AN3041">
        <v>22</v>
      </c>
      <c r="AO3041">
        <v>22</v>
      </c>
      <c r="AP3041">
        <v>21</v>
      </c>
      <c r="AQ3041">
        <v>21</v>
      </c>
    </row>
    <row r="3042" spans="1:43">
      <c r="A3042" t="s">
        <v>1940</v>
      </c>
      <c r="B3042" t="s">
        <v>1941</v>
      </c>
      <c r="C3042" t="s">
        <v>1926</v>
      </c>
      <c r="D3042" t="s">
        <v>1927</v>
      </c>
      <c r="E3042" t="s">
        <v>1586</v>
      </c>
      <c r="F3042" t="s">
        <v>1587</v>
      </c>
      <c r="G3042" t="s">
        <v>80</v>
      </c>
      <c r="H3042" t="s">
        <v>81</v>
      </c>
      <c r="I3042" s="2">
        <v>0</v>
      </c>
      <c r="J3042" s="2">
        <v>0</v>
      </c>
      <c r="K3042" s="2">
        <v>1</v>
      </c>
      <c r="L3042" t="s">
        <v>995</v>
      </c>
      <c r="M3042" t="s">
        <v>83</v>
      </c>
      <c r="N3042" t="s">
        <v>84</v>
      </c>
      <c r="O3042" t="s">
        <v>85</v>
      </c>
      <c r="P3042" t="s">
        <v>86</v>
      </c>
      <c r="Q3042">
        <v>12</v>
      </c>
      <c r="R3042">
        <v>12</v>
      </c>
      <c r="S3042">
        <v>12</v>
      </c>
      <c r="T3042">
        <v>12</v>
      </c>
      <c r="U3042">
        <v>12</v>
      </c>
      <c r="V3042">
        <v>12</v>
      </c>
      <c r="W3042">
        <v>12</v>
      </c>
      <c r="X3042">
        <v>13</v>
      </c>
      <c r="Y3042">
        <v>13</v>
      </c>
      <c r="Z3042">
        <v>13</v>
      </c>
      <c r="AA3042">
        <v>13</v>
      </c>
      <c r="AB3042">
        <v>13</v>
      </c>
      <c r="AC3042">
        <v>13</v>
      </c>
      <c r="AD3042">
        <v>13</v>
      </c>
      <c r="AE3042">
        <v>13</v>
      </c>
      <c r="AF3042">
        <v>13</v>
      </c>
      <c r="AG3042">
        <v>13</v>
      </c>
      <c r="AH3042">
        <v>13</v>
      </c>
      <c r="AI3042">
        <v>13</v>
      </c>
      <c r="AJ3042">
        <v>13</v>
      </c>
      <c r="AK3042">
        <v>13</v>
      </c>
      <c r="AL3042">
        <v>13</v>
      </c>
      <c r="AM3042">
        <v>13</v>
      </c>
      <c r="AN3042">
        <v>12</v>
      </c>
      <c r="AO3042">
        <v>12</v>
      </c>
      <c r="AP3042">
        <v>12</v>
      </c>
      <c r="AQ3042">
        <v>12</v>
      </c>
    </row>
    <row r="3043" spans="1:43">
      <c r="A3043" t="s">
        <v>1940</v>
      </c>
      <c r="B3043" t="s">
        <v>1941</v>
      </c>
      <c r="C3043" t="s">
        <v>1926</v>
      </c>
      <c r="D3043" t="s">
        <v>1927</v>
      </c>
      <c r="E3043" t="s">
        <v>1586</v>
      </c>
      <c r="F3043" t="s">
        <v>1587</v>
      </c>
      <c r="G3043" t="s">
        <v>80</v>
      </c>
      <c r="H3043" t="s">
        <v>81</v>
      </c>
      <c r="I3043" s="2">
        <v>0</v>
      </c>
      <c r="J3043" s="2">
        <v>0</v>
      </c>
      <c r="K3043" s="2">
        <v>1</v>
      </c>
      <c r="L3043" t="s">
        <v>995</v>
      </c>
      <c r="M3043" t="s">
        <v>87</v>
      </c>
      <c r="N3043" t="s">
        <v>88</v>
      </c>
      <c r="O3043" t="s">
        <v>85</v>
      </c>
      <c r="P3043" t="s">
        <v>86</v>
      </c>
      <c r="Q3043">
        <v>12</v>
      </c>
      <c r="R3043">
        <v>12</v>
      </c>
      <c r="S3043">
        <v>12</v>
      </c>
      <c r="T3043">
        <v>12</v>
      </c>
      <c r="U3043">
        <v>12</v>
      </c>
      <c r="V3043">
        <v>12</v>
      </c>
      <c r="W3043">
        <v>12</v>
      </c>
      <c r="X3043">
        <v>12</v>
      </c>
      <c r="Y3043">
        <v>12</v>
      </c>
      <c r="Z3043">
        <v>12</v>
      </c>
      <c r="AA3043">
        <v>11</v>
      </c>
      <c r="AB3043">
        <v>11</v>
      </c>
      <c r="AC3043">
        <v>11</v>
      </c>
      <c r="AD3043">
        <v>11</v>
      </c>
      <c r="AE3043">
        <v>11</v>
      </c>
      <c r="AF3043">
        <v>11</v>
      </c>
      <c r="AG3043">
        <v>11</v>
      </c>
      <c r="AH3043">
        <v>11</v>
      </c>
      <c r="AI3043">
        <v>11</v>
      </c>
      <c r="AJ3043">
        <v>11</v>
      </c>
      <c r="AK3043">
        <v>11</v>
      </c>
      <c r="AL3043">
        <v>11</v>
      </c>
      <c r="AM3043">
        <v>11</v>
      </c>
      <c r="AN3043">
        <v>11</v>
      </c>
      <c r="AO3043">
        <v>11</v>
      </c>
      <c r="AP3043">
        <v>11</v>
      </c>
      <c r="AQ3043">
        <v>11</v>
      </c>
    </row>
    <row r="3044" spans="1:43">
      <c r="A3044" t="s">
        <v>1940</v>
      </c>
      <c r="B3044" t="s">
        <v>1941</v>
      </c>
      <c r="C3044" t="s">
        <v>1926</v>
      </c>
      <c r="D3044" t="s">
        <v>1927</v>
      </c>
      <c r="E3044" t="s">
        <v>1586</v>
      </c>
      <c r="F3044" t="s">
        <v>1587</v>
      </c>
      <c r="G3044" t="s">
        <v>80</v>
      </c>
      <c r="H3044" t="s">
        <v>81</v>
      </c>
      <c r="I3044" s="2">
        <v>0</v>
      </c>
      <c r="J3044" s="2">
        <v>0</v>
      </c>
      <c r="K3044" s="2">
        <v>1</v>
      </c>
      <c r="L3044" t="s">
        <v>995</v>
      </c>
      <c r="M3044" t="s">
        <v>89</v>
      </c>
      <c r="N3044" t="s">
        <v>90</v>
      </c>
      <c r="O3044" t="s">
        <v>85</v>
      </c>
      <c r="P3044" t="s">
        <v>86</v>
      </c>
      <c r="Q3044">
        <v>12</v>
      </c>
      <c r="R3044">
        <v>12</v>
      </c>
      <c r="S3044">
        <v>13</v>
      </c>
      <c r="T3044">
        <v>13</v>
      </c>
      <c r="U3044">
        <v>13</v>
      </c>
      <c r="V3044">
        <v>13</v>
      </c>
      <c r="W3044">
        <v>13</v>
      </c>
      <c r="X3044">
        <v>13</v>
      </c>
      <c r="Y3044">
        <v>13</v>
      </c>
      <c r="Z3044">
        <v>13</v>
      </c>
      <c r="AA3044">
        <v>13</v>
      </c>
      <c r="AB3044">
        <v>13</v>
      </c>
      <c r="AC3044">
        <v>14</v>
      </c>
      <c r="AD3044">
        <v>14</v>
      </c>
      <c r="AE3044">
        <v>14</v>
      </c>
      <c r="AF3044">
        <v>13</v>
      </c>
      <c r="AG3044">
        <v>13</v>
      </c>
      <c r="AH3044">
        <v>13</v>
      </c>
      <c r="AI3044">
        <v>13</v>
      </c>
      <c r="AJ3044">
        <v>13</v>
      </c>
      <c r="AK3044">
        <v>13</v>
      </c>
      <c r="AL3044">
        <v>13</v>
      </c>
      <c r="AM3044">
        <v>13</v>
      </c>
      <c r="AN3044">
        <v>13</v>
      </c>
      <c r="AO3044">
        <v>12</v>
      </c>
      <c r="AP3044">
        <v>12</v>
      </c>
      <c r="AQ3044">
        <v>12</v>
      </c>
    </row>
    <row r="3045" spans="1:43">
      <c r="A3045" t="s">
        <v>1940</v>
      </c>
      <c r="B3045" t="s">
        <v>1941</v>
      </c>
      <c r="C3045" t="s">
        <v>1926</v>
      </c>
      <c r="D3045" t="s">
        <v>1927</v>
      </c>
      <c r="E3045" t="s">
        <v>1586</v>
      </c>
      <c r="F3045" t="s">
        <v>1587</v>
      </c>
      <c r="G3045" t="s">
        <v>80</v>
      </c>
      <c r="H3045" t="s">
        <v>81</v>
      </c>
      <c r="I3045" s="2">
        <v>0</v>
      </c>
      <c r="J3045" s="2">
        <v>0</v>
      </c>
      <c r="K3045" s="2">
        <v>1</v>
      </c>
      <c r="L3045" t="s">
        <v>995</v>
      </c>
      <c r="M3045" t="s">
        <v>83</v>
      </c>
      <c r="N3045" t="s">
        <v>91</v>
      </c>
      <c r="O3045" t="s">
        <v>85</v>
      </c>
      <c r="P3045" t="s">
        <v>86</v>
      </c>
      <c r="Q3045">
        <v>12</v>
      </c>
      <c r="R3045">
        <v>12</v>
      </c>
      <c r="S3045">
        <v>12</v>
      </c>
      <c r="T3045">
        <v>12</v>
      </c>
      <c r="U3045">
        <v>12</v>
      </c>
      <c r="V3045">
        <v>12</v>
      </c>
      <c r="W3045">
        <v>12</v>
      </c>
      <c r="X3045">
        <v>13</v>
      </c>
      <c r="Y3045">
        <v>13</v>
      </c>
      <c r="Z3045">
        <v>13</v>
      </c>
      <c r="AA3045">
        <v>13</v>
      </c>
      <c r="AB3045">
        <v>13</v>
      </c>
      <c r="AC3045">
        <v>13</v>
      </c>
      <c r="AD3045">
        <v>13</v>
      </c>
      <c r="AE3045">
        <v>13</v>
      </c>
      <c r="AF3045">
        <v>13</v>
      </c>
      <c r="AG3045">
        <v>13</v>
      </c>
      <c r="AH3045">
        <v>13</v>
      </c>
      <c r="AI3045">
        <v>13</v>
      </c>
      <c r="AJ3045">
        <v>13</v>
      </c>
      <c r="AK3045">
        <v>13</v>
      </c>
      <c r="AL3045">
        <v>13</v>
      </c>
      <c r="AM3045">
        <v>13</v>
      </c>
      <c r="AN3045">
        <v>12</v>
      </c>
      <c r="AO3045">
        <v>12</v>
      </c>
      <c r="AP3045">
        <v>12</v>
      </c>
      <c r="AQ3045">
        <v>12</v>
      </c>
    </row>
    <row r="3046" spans="1:43">
      <c r="A3046" t="s">
        <v>1942</v>
      </c>
      <c r="B3046" t="s">
        <v>1943</v>
      </c>
      <c r="C3046" t="s">
        <v>1678</v>
      </c>
      <c r="D3046" t="s">
        <v>1679</v>
      </c>
      <c r="E3046" t="s">
        <v>1586</v>
      </c>
      <c r="F3046" t="s">
        <v>1587</v>
      </c>
      <c r="G3046" t="s">
        <v>80</v>
      </c>
      <c r="H3046" t="s">
        <v>81</v>
      </c>
      <c r="I3046" s="2">
        <v>0</v>
      </c>
      <c r="J3046" s="2">
        <v>0</v>
      </c>
      <c r="K3046" s="2">
        <v>1</v>
      </c>
      <c r="L3046" t="s">
        <v>995</v>
      </c>
      <c r="M3046" t="s">
        <v>83</v>
      </c>
      <c r="N3046" t="s">
        <v>84</v>
      </c>
      <c r="O3046" t="s">
        <v>85</v>
      </c>
      <c r="P3046" t="s">
        <v>86</v>
      </c>
      <c r="Q3046">
        <v>7</v>
      </c>
      <c r="R3046">
        <v>7</v>
      </c>
      <c r="S3046">
        <v>7</v>
      </c>
      <c r="T3046">
        <v>7</v>
      </c>
      <c r="U3046">
        <v>7</v>
      </c>
      <c r="V3046">
        <v>7</v>
      </c>
      <c r="W3046">
        <v>7</v>
      </c>
      <c r="X3046">
        <v>7</v>
      </c>
      <c r="Y3046">
        <v>7</v>
      </c>
      <c r="Z3046">
        <v>7</v>
      </c>
      <c r="AA3046">
        <v>7</v>
      </c>
      <c r="AB3046">
        <v>7</v>
      </c>
      <c r="AC3046">
        <v>7</v>
      </c>
      <c r="AD3046">
        <v>7</v>
      </c>
      <c r="AE3046">
        <v>7</v>
      </c>
      <c r="AF3046">
        <v>7</v>
      </c>
      <c r="AG3046">
        <v>7</v>
      </c>
      <c r="AH3046">
        <v>7</v>
      </c>
      <c r="AI3046">
        <v>7</v>
      </c>
      <c r="AJ3046">
        <v>7</v>
      </c>
      <c r="AK3046">
        <v>7</v>
      </c>
      <c r="AL3046">
        <v>7</v>
      </c>
      <c r="AM3046">
        <v>7</v>
      </c>
      <c r="AN3046">
        <v>7</v>
      </c>
      <c r="AO3046">
        <v>7</v>
      </c>
      <c r="AP3046">
        <v>7</v>
      </c>
      <c r="AQ3046">
        <v>7</v>
      </c>
    </row>
    <row r="3047" spans="1:43">
      <c r="A3047" t="s">
        <v>1942</v>
      </c>
      <c r="B3047" t="s">
        <v>1943</v>
      </c>
      <c r="C3047" t="s">
        <v>1678</v>
      </c>
      <c r="D3047" t="s">
        <v>1679</v>
      </c>
      <c r="E3047" t="s">
        <v>1586</v>
      </c>
      <c r="F3047" t="s">
        <v>1587</v>
      </c>
      <c r="G3047" t="s">
        <v>80</v>
      </c>
      <c r="H3047" t="s">
        <v>81</v>
      </c>
      <c r="I3047" s="2">
        <v>0</v>
      </c>
      <c r="J3047" s="2">
        <v>0</v>
      </c>
      <c r="K3047" s="2">
        <v>1</v>
      </c>
      <c r="L3047" t="s">
        <v>995</v>
      </c>
      <c r="M3047" t="s">
        <v>87</v>
      </c>
      <c r="N3047" t="s">
        <v>88</v>
      </c>
      <c r="O3047" t="s">
        <v>85</v>
      </c>
      <c r="P3047" t="s">
        <v>86</v>
      </c>
      <c r="Q3047">
        <v>7</v>
      </c>
      <c r="R3047">
        <v>7</v>
      </c>
      <c r="S3047">
        <v>7</v>
      </c>
      <c r="T3047">
        <v>7</v>
      </c>
      <c r="U3047">
        <v>6</v>
      </c>
      <c r="V3047">
        <v>6</v>
      </c>
      <c r="W3047">
        <v>6</v>
      </c>
      <c r="X3047">
        <v>6</v>
      </c>
      <c r="Y3047">
        <v>6</v>
      </c>
      <c r="Z3047">
        <v>6</v>
      </c>
      <c r="AA3047">
        <v>6</v>
      </c>
      <c r="AB3047">
        <v>6</v>
      </c>
      <c r="AC3047">
        <v>6</v>
      </c>
      <c r="AD3047">
        <v>6</v>
      </c>
      <c r="AE3047">
        <v>6</v>
      </c>
      <c r="AF3047">
        <v>6</v>
      </c>
      <c r="AG3047">
        <v>6</v>
      </c>
      <c r="AH3047">
        <v>6</v>
      </c>
      <c r="AI3047">
        <v>6</v>
      </c>
      <c r="AJ3047">
        <v>6</v>
      </c>
      <c r="AK3047">
        <v>6</v>
      </c>
      <c r="AL3047">
        <v>6</v>
      </c>
      <c r="AM3047">
        <v>6</v>
      </c>
      <c r="AN3047">
        <v>6</v>
      </c>
      <c r="AO3047">
        <v>6</v>
      </c>
      <c r="AP3047">
        <v>6</v>
      </c>
      <c r="AQ3047">
        <v>6</v>
      </c>
    </row>
    <row r="3048" spans="1:43">
      <c r="A3048" t="s">
        <v>1942</v>
      </c>
      <c r="B3048" t="s">
        <v>1943</v>
      </c>
      <c r="C3048" t="s">
        <v>1678</v>
      </c>
      <c r="D3048" t="s">
        <v>1679</v>
      </c>
      <c r="E3048" t="s">
        <v>1586</v>
      </c>
      <c r="F3048" t="s">
        <v>1587</v>
      </c>
      <c r="G3048" t="s">
        <v>80</v>
      </c>
      <c r="H3048" t="s">
        <v>81</v>
      </c>
      <c r="I3048" s="2">
        <v>0</v>
      </c>
      <c r="J3048" s="2">
        <v>0</v>
      </c>
      <c r="K3048" s="2">
        <v>1</v>
      </c>
      <c r="L3048" t="s">
        <v>995</v>
      </c>
      <c r="M3048" t="s">
        <v>89</v>
      </c>
      <c r="N3048" t="s">
        <v>90</v>
      </c>
      <c r="O3048" t="s">
        <v>85</v>
      </c>
      <c r="P3048" t="s">
        <v>86</v>
      </c>
      <c r="Q3048">
        <v>7</v>
      </c>
      <c r="R3048">
        <v>7</v>
      </c>
      <c r="S3048">
        <v>7</v>
      </c>
      <c r="T3048">
        <v>7</v>
      </c>
      <c r="U3048">
        <v>7</v>
      </c>
      <c r="V3048">
        <v>7</v>
      </c>
      <c r="W3048">
        <v>7</v>
      </c>
      <c r="X3048">
        <v>7</v>
      </c>
      <c r="Y3048">
        <v>7</v>
      </c>
      <c r="Z3048">
        <v>7</v>
      </c>
      <c r="AA3048">
        <v>7</v>
      </c>
      <c r="AB3048">
        <v>7</v>
      </c>
      <c r="AC3048">
        <v>7</v>
      </c>
      <c r="AD3048">
        <v>7</v>
      </c>
      <c r="AE3048">
        <v>7</v>
      </c>
      <c r="AF3048">
        <v>7</v>
      </c>
      <c r="AG3048">
        <v>7</v>
      </c>
      <c r="AH3048">
        <v>7</v>
      </c>
      <c r="AI3048">
        <v>7</v>
      </c>
      <c r="AJ3048">
        <v>7</v>
      </c>
      <c r="AK3048">
        <v>7</v>
      </c>
      <c r="AL3048">
        <v>7</v>
      </c>
      <c r="AM3048">
        <v>7</v>
      </c>
      <c r="AN3048">
        <v>7</v>
      </c>
      <c r="AO3048">
        <v>7</v>
      </c>
      <c r="AP3048">
        <v>7</v>
      </c>
      <c r="AQ3048">
        <v>7</v>
      </c>
    </row>
    <row r="3049" spans="1:43">
      <c r="A3049" t="s">
        <v>1942</v>
      </c>
      <c r="B3049" t="s">
        <v>1943</v>
      </c>
      <c r="C3049" t="s">
        <v>1678</v>
      </c>
      <c r="D3049" t="s">
        <v>1679</v>
      </c>
      <c r="E3049" t="s">
        <v>1586</v>
      </c>
      <c r="F3049" t="s">
        <v>1587</v>
      </c>
      <c r="G3049" t="s">
        <v>80</v>
      </c>
      <c r="H3049" t="s">
        <v>81</v>
      </c>
      <c r="I3049" s="2">
        <v>0</v>
      </c>
      <c r="J3049" s="2">
        <v>0</v>
      </c>
      <c r="K3049" s="2">
        <v>1</v>
      </c>
      <c r="L3049" t="s">
        <v>995</v>
      </c>
      <c r="M3049" t="s">
        <v>83</v>
      </c>
      <c r="N3049" t="s">
        <v>91</v>
      </c>
      <c r="O3049" t="s">
        <v>85</v>
      </c>
      <c r="P3049" t="s">
        <v>86</v>
      </c>
      <c r="Q3049">
        <v>7</v>
      </c>
      <c r="R3049">
        <v>7</v>
      </c>
      <c r="S3049">
        <v>7</v>
      </c>
      <c r="T3049">
        <v>7</v>
      </c>
      <c r="U3049">
        <v>7</v>
      </c>
      <c r="V3049">
        <v>7</v>
      </c>
      <c r="W3049">
        <v>7</v>
      </c>
      <c r="X3049">
        <v>7</v>
      </c>
      <c r="Y3049">
        <v>7</v>
      </c>
      <c r="Z3049">
        <v>7</v>
      </c>
      <c r="AA3049">
        <v>7</v>
      </c>
      <c r="AB3049">
        <v>7</v>
      </c>
      <c r="AC3049">
        <v>7</v>
      </c>
      <c r="AD3049">
        <v>7</v>
      </c>
      <c r="AE3049">
        <v>7</v>
      </c>
      <c r="AF3049">
        <v>7</v>
      </c>
      <c r="AG3049">
        <v>7</v>
      </c>
      <c r="AH3049">
        <v>7</v>
      </c>
      <c r="AI3049">
        <v>7</v>
      </c>
      <c r="AJ3049">
        <v>7</v>
      </c>
      <c r="AK3049">
        <v>7</v>
      </c>
      <c r="AL3049">
        <v>7</v>
      </c>
      <c r="AM3049">
        <v>7</v>
      </c>
      <c r="AN3049">
        <v>7</v>
      </c>
      <c r="AO3049">
        <v>7</v>
      </c>
      <c r="AP3049">
        <v>7</v>
      </c>
      <c r="AQ3049">
        <v>7</v>
      </c>
    </row>
    <row r="3050" spans="1:43">
      <c r="A3050" t="s">
        <v>1944</v>
      </c>
      <c r="B3050" t="s">
        <v>1945</v>
      </c>
      <c r="C3050" t="s">
        <v>1926</v>
      </c>
      <c r="D3050" t="s">
        <v>1927</v>
      </c>
      <c r="E3050" t="s">
        <v>1586</v>
      </c>
      <c r="F3050" t="s">
        <v>1587</v>
      </c>
      <c r="G3050" t="s">
        <v>80</v>
      </c>
      <c r="H3050" t="s">
        <v>81</v>
      </c>
      <c r="I3050" s="2">
        <v>0</v>
      </c>
      <c r="J3050" s="2">
        <v>0</v>
      </c>
      <c r="K3050" s="2">
        <v>1</v>
      </c>
      <c r="L3050" t="s">
        <v>995</v>
      </c>
      <c r="M3050" t="s">
        <v>83</v>
      </c>
      <c r="N3050" t="s">
        <v>84</v>
      </c>
      <c r="O3050" t="s">
        <v>85</v>
      </c>
      <c r="P3050" t="s">
        <v>86</v>
      </c>
      <c r="Q3050">
        <v>6</v>
      </c>
      <c r="R3050">
        <v>6</v>
      </c>
      <c r="S3050">
        <v>6</v>
      </c>
      <c r="T3050">
        <v>6</v>
      </c>
      <c r="U3050">
        <v>6</v>
      </c>
      <c r="V3050">
        <v>7</v>
      </c>
      <c r="W3050">
        <v>7</v>
      </c>
      <c r="X3050">
        <v>7</v>
      </c>
      <c r="Y3050">
        <v>7</v>
      </c>
      <c r="Z3050">
        <v>7</v>
      </c>
      <c r="AA3050">
        <v>7</v>
      </c>
      <c r="AB3050">
        <v>7</v>
      </c>
      <c r="AC3050">
        <v>7</v>
      </c>
      <c r="AD3050">
        <v>7</v>
      </c>
      <c r="AE3050">
        <v>7</v>
      </c>
      <c r="AF3050">
        <v>7</v>
      </c>
      <c r="AG3050">
        <v>7</v>
      </c>
      <c r="AH3050">
        <v>7</v>
      </c>
      <c r="AI3050">
        <v>7</v>
      </c>
      <c r="AJ3050">
        <v>7</v>
      </c>
      <c r="AK3050">
        <v>7</v>
      </c>
      <c r="AL3050">
        <v>7</v>
      </c>
      <c r="AM3050">
        <v>7</v>
      </c>
      <c r="AN3050">
        <v>7</v>
      </c>
      <c r="AO3050">
        <v>6</v>
      </c>
      <c r="AP3050">
        <v>6</v>
      </c>
      <c r="AQ3050">
        <v>6</v>
      </c>
    </row>
    <row r="3051" spans="1:43">
      <c r="A3051" t="s">
        <v>1944</v>
      </c>
      <c r="B3051" t="s">
        <v>1945</v>
      </c>
      <c r="C3051" t="s">
        <v>1926</v>
      </c>
      <c r="D3051" t="s">
        <v>1927</v>
      </c>
      <c r="E3051" t="s">
        <v>1586</v>
      </c>
      <c r="F3051" t="s">
        <v>1587</v>
      </c>
      <c r="G3051" t="s">
        <v>80</v>
      </c>
      <c r="H3051" t="s">
        <v>81</v>
      </c>
      <c r="I3051" s="2">
        <v>0</v>
      </c>
      <c r="J3051" s="2">
        <v>0</v>
      </c>
      <c r="K3051" s="2">
        <v>1</v>
      </c>
      <c r="L3051" t="s">
        <v>995</v>
      </c>
      <c r="M3051" t="s">
        <v>87</v>
      </c>
      <c r="N3051" t="s">
        <v>88</v>
      </c>
      <c r="O3051" t="s">
        <v>85</v>
      </c>
      <c r="P3051" t="s">
        <v>86</v>
      </c>
      <c r="Q3051">
        <v>6</v>
      </c>
      <c r="R3051">
        <v>6</v>
      </c>
      <c r="S3051">
        <v>6</v>
      </c>
      <c r="T3051">
        <v>6</v>
      </c>
      <c r="U3051">
        <v>6</v>
      </c>
      <c r="V3051">
        <v>6</v>
      </c>
      <c r="W3051">
        <v>6</v>
      </c>
      <c r="X3051">
        <v>6</v>
      </c>
      <c r="Y3051">
        <v>6</v>
      </c>
      <c r="Z3051">
        <v>6</v>
      </c>
      <c r="AA3051">
        <v>6</v>
      </c>
      <c r="AB3051">
        <v>6</v>
      </c>
      <c r="AC3051">
        <v>6</v>
      </c>
      <c r="AD3051">
        <v>6</v>
      </c>
      <c r="AE3051">
        <v>6</v>
      </c>
      <c r="AF3051">
        <v>6</v>
      </c>
      <c r="AG3051">
        <v>6</v>
      </c>
      <c r="AH3051">
        <v>6</v>
      </c>
      <c r="AI3051">
        <v>6</v>
      </c>
      <c r="AJ3051">
        <v>6</v>
      </c>
      <c r="AK3051">
        <v>6</v>
      </c>
      <c r="AL3051">
        <v>6</v>
      </c>
      <c r="AM3051">
        <v>6</v>
      </c>
      <c r="AN3051">
        <v>6</v>
      </c>
      <c r="AO3051">
        <v>6</v>
      </c>
      <c r="AP3051">
        <v>6</v>
      </c>
      <c r="AQ3051">
        <v>6</v>
      </c>
    </row>
    <row r="3052" spans="1:43">
      <c r="A3052" t="s">
        <v>1944</v>
      </c>
      <c r="B3052" t="s">
        <v>1945</v>
      </c>
      <c r="C3052" t="s">
        <v>1926</v>
      </c>
      <c r="D3052" t="s">
        <v>1927</v>
      </c>
      <c r="E3052" t="s">
        <v>1586</v>
      </c>
      <c r="F3052" t="s">
        <v>1587</v>
      </c>
      <c r="G3052" t="s">
        <v>80</v>
      </c>
      <c r="H3052" t="s">
        <v>81</v>
      </c>
      <c r="I3052" s="2">
        <v>0</v>
      </c>
      <c r="J3052" s="2">
        <v>0</v>
      </c>
      <c r="K3052" s="2">
        <v>1</v>
      </c>
      <c r="L3052" t="s">
        <v>995</v>
      </c>
      <c r="M3052" t="s">
        <v>89</v>
      </c>
      <c r="N3052" t="s">
        <v>90</v>
      </c>
      <c r="O3052" t="s">
        <v>85</v>
      </c>
      <c r="P3052" t="s">
        <v>86</v>
      </c>
      <c r="Q3052">
        <v>6</v>
      </c>
      <c r="R3052">
        <v>7</v>
      </c>
      <c r="S3052">
        <v>7</v>
      </c>
      <c r="T3052">
        <v>7</v>
      </c>
      <c r="U3052">
        <v>7</v>
      </c>
      <c r="V3052">
        <v>7</v>
      </c>
      <c r="W3052">
        <v>7</v>
      </c>
      <c r="X3052">
        <v>7</v>
      </c>
      <c r="Y3052">
        <v>7</v>
      </c>
      <c r="Z3052">
        <v>7</v>
      </c>
      <c r="AA3052">
        <v>7</v>
      </c>
      <c r="AB3052">
        <v>7</v>
      </c>
      <c r="AC3052">
        <v>7</v>
      </c>
      <c r="AD3052">
        <v>7</v>
      </c>
      <c r="AE3052">
        <v>7</v>
      </c>
      <c r="AF3052">
        <v>7</v>
      </c>
      <c r="AG3052">
        <v>7</v>
      </c>
      <c r="AH3052">
        <v>7</v>
      </c>
      <c r="AI3052">
        <v>7</v>
      </c>
      <c r="AJ3052">
        <v>7</v>
      </c>
      <c r="AK3052">
        <v>7</v>
      </c>
      <c r="AL3052">
        <v>7</v>
      </c>
      <c r="AM3052">
        <v>7</v>
      </c>
      <c r="AN3052">
        <v>7</v>
      </c>
      <c r="AO3052">
        <v>6</v>
      </c>
      <c r="AP3052">
        <v>6</v>
      </c>
      <c r="AQ3052">
        <v>6</v>
      </c>
    </row>
    <row r="3053" spans="1:43">
      <c r="A3053" t="s">
        <v>1944</v>
      </c>
      <c r="B3053" t="s">
        <v>1945</v>
      </c>
      <c r="C3053" t="s">
        <v>1926</v>
      </c>
      <c r="D3053" t="s">
        <v>1927</v>
      </c>
      <c r="E3053" t="s">
        <v>1586</v>
      </c>
      <c r="F3053" t="s">
        <v>1587</v>
      </c>
      <c r="G3053" t="s">
        <v>80</v>
      </c>
      <c r="H3053" t="s">
        <v>81</v>
      </c>
      <c r="I3053" s="2">
        <v>0</v>
      </c>
      <c r="J3053" s="2">
        <v>0</v>
      </c>
      <c r="K3053" s="2">
        <v>1</v>
      </c>
      <c r="L3053" t="s">
        <v>995</v>
      </c>
      <c r="M3053" t="s">
        <v>83</v>
      </c>
      <c r="N3053" t="s">
        <v>91</v>
      </c>
      <c r="O3053" t="s">
        <v>85</v>
      </c>
      <c r="P3053" t="s">
        <v>86</v>
      </c>
      <c r="Q3053">
        <v>6</v>
      </c>
      <c r="R3053">
        <v>6</v>
      </c>
      <c r="S3053">
        <v>6</v>
      </c>
      <c r="T3053">
        <v>6</v>
      </c>
      <c r="U3053">
        <v>6</v>
      </c>
      <c r="V3053">
        <v>7</v>
      </c>
      <c r="W3053">
        <v>7</v>
      </c>
      <c r="X3053">
        <v>7</v>
      </c>
      <c r="Y3053">
        <v>7</v>
      </c>
      <c r="Z3053">
        <v>7</v>
      </c>
      <c r="AA3053">
        <v>7</v>
      </c>
      <c r="AB3053">
        <v>7</v>
      </c>
      <c r="AC3053">
        <v>7</v>
      </c>
      <c r="AD3053">
        <v>7</v>
      </c>
      <c r="AE3053">
        <v>7</v>
      </c>
      <c r="AF3053">
        <v>7</v>
      </c>
      <c r="AG3053">
        <v>7</v>
      </c>
      <c r="AH3053">
        <v>7</v>
      </c>
      <c r="AI3053">
        <v>7</v>
      </c>
      <c r="AJ3053">
        <v>7</v>
      </c>
      <c r="AK3053">
        <v>7</v>
      </c>
      <c r="AL3053">
        <v>7</v>
      </c>
      <c r="AM3053">
        <v>7</v>
      </c>
      <c r="AN3053">
        <v>7</v>
      </c>
      <c r="AO3053">
        <v>6</v>
      </c>
      <c r="AP3053">
        <v>6</v>
      </c>
      <c r="AQ3053">
        <v>6</v>
      </c>
    </row>
    <row r="3054" spans="1:43">
      <c r="A3054" t="s">
        <v>1946</v>
      </c>
      <c r="B3054" t="s">
        <v>1947</v>
      </c>
      <c r="C3054" t="s">
        <v>1828</v>
      </c>
      <c r="D3054" t="s">
        <v>1829</v>
      </c>
      <c r="E3054" t="s">
        <v>1586</v>
      </c>
      <c r="F3054" t="s">
        <v>1587</v>
      </c>
      <c r="G3054" t="s">
        <v>80</v>
      </c>
      <c r="H3054" t="s">
        <v>81</v>
      </c>
      <c r="I3054" s="2">
        <v>0</v>
      </c>
      <c r="J3054" s="2">
        <v>1</v>
      </c>
      <c r="K3054" s="2">
        <v>0</v>
      </c>
      <c r="L3054" t="s">
        <v>82</v>
      </c>
      <c r="M3054" t="s">
        <v>83</v>
      </c>
      <c r="N3054" t="s">
        <v>84</v>
      </c>
      <c r="O3054" t="s">
        <v>85</v>
      </c>
      <c r="P3054" t="s">
        <v>86</v>
      </c>
      <c r="Q3054">
        <v>29</v>
      </c>
      <c r="R3054">
        <v>29</v>
      </c>
      <c r="S3054">
        <v>29</v>
      </c>
      <c r="T3054">
        <v>29</v>
      </c>
      <c r="U3054">
        <v>30</v>
      </c>
      <c r="V3054">
        <v>30</v>
      </c>
      <c r="W3054">
        <v>30</v>
      </c>
      <c r="X3054">
        <v>30</v>
      </c>
      <c r="Y3054">
        <v>30</v>
      </c>
      <c r="Z3054">
        <v>30</v>
      </c>
      <c r="AA3054">
        <v>30</v>
      </c>
      <c r="AB3054">
        <v>30</v>
      </c>
      <c r="AC3054">
        <v>30</v>
      </c>
      <c r="AD3054">
        <v>30</v>
      </c>
      <c r="AE3054">
        <v>30</v>
      </c>
      <c r="AF3054">
        <v>30</v>
      </c>
      <c r="AG3054">
        <v>30</v>
      </c>
      <c r="AH3054">
        <v>30</v>
      </c>
      <c r="AI3054">
        <v>30</v>
      </c>
      <c r="AJ3054">
        <v>30</v>
      </c>
      <c r="AK3054">
        <v>30</v>
      </c>
      <c r="AL3054">
        <v>30</v>
      </c>
      <c r="AM3054">
        <v>30</v>
      </c>
      <c r="AN3054">
        <v>30</v>
      </c>
      <c r="AO3054">
        <v>29</v>
      </c>
      <c r="AP3054">
        <v>29</v>
      </c>
      <c r="AQ3054">
        <v>29</v>
      </c>
    </row>
    <row r="3055" spans="1:43">
      <c r="A3055" t="s">
        <v>1946</v>
      </c>
      <c r="B3055" t="s">
        <v>1947</v>
      </c>
      <c r="C3055" t="s">
        <v>1828</v>
      </c>
      <c r="D3055" t="s">
        <v>1829</v>
      </c>
      <c r="E3055" t="s">
        <v>1586</v>
      </c>
      <c r="F3055" t="s">
        <v>1587</v>
      </c>
      <c r="G3055" t="s">
        <v>80</v>
      </c>
      <c r="H3055" t="s">
        <v>81</v>
      </c>
      <c r="I3055" s="2">
        <v>0</v>
      </c>
      <c r="J3055" s="2">
        <v>1</v>
      </c>
      <c r="K3055" s="2">
        <v>0</v>
      </c>
      <c r="L3055" t="s">
        <v>82</v>
      </c>
      <c r="M3055" t="s">
        <v>87</v>
      </c>
      <c r="N3055" t="s">
        <v>88</v>
      </c>
      <c r="O3055" t="s">
        <v>85</v>
      </c>
      <c r="P3055" t="s">
        <v>86</v>
      </c>
      <c r="Q3055">
        <v>29</v>
      </c>
      <c r="R3055">
        <v>29</v>
      </c>
      <c r="S3055">
        <v>29</v>
      </c>
      <c r="T3055">
        <v>28</v>
      </c>
      <c r="U3055">
        <v>28</v>
      </c>
      <c r="V3055">
        <v>28</v>
      </c>
      <c r="W3055">
        <v>28</v>
      </c>
      <c r="X3055">
        <v>28</v>
      </c>
      <c r="Y3055">
        <v>28</v>
      </c>
      <c r="Z3055">
        <v>28</v>
      </c>
      <c r="AA3055">
        <v>27</v>
      </c>
      <c r="AB3055">
        <v>27</v>
      </c>
      <c r="AC3055">
        <v>27</v>
      </c>
      <c r="AD3055">
        <v>27</v>
      </c>
      <c r="AE3055">
        <v>27</v>
      </c>
      <c r="AF3055">
        <v>27</v>
      </c>
      <c r="AG3055">
        <v>27</v>
      </c>
      <c r="AH3055">
        <v>26</v>
      </c>
      <c r="AI3055">
        <v>26</v>
      </c>
      <c r="AJ3055">
        <v>26</v>
      </c>
      <c r="AK3055">
        <v>26</v>
      </c>
      <c r="AL3055">
        <v>26</v>
      </c>
      <c r="AM3055">
        <v>26</v>
      </c>
      <c r="AN3055">
        <v>26</v>
      </c>
      <c r="AO3055">
        <v>26</v>
      </c>
      <c r="AP3055">
        <v>25</v>
      </c>
      <c r="AQ3055">
        <v>25</v>
      </c>
    </row>
    <row r="3056" spans="1:43">
      <c r="A3056" t="s">
        <v>1946</v>
      </c>
      <c r="B3056" t="s">
        <v>1947</v>
      </c>
      <c r="C3056" t="s">
        <v>1828</v>
      </c>
      <c r="D3056" t="s">
        <v>1829</v>
      </c>
      <c r="E3056" t="s">
        <v>1586</v>
      </c>
      <c r="F3056" t="s">
        <v>1587</v>
      </c>
      <c r="G3056" t="s">
        <v>80</v>
      </c>
      <c r="H3056" t="s">
        <v>81</v>
      </c>
      <c r="I3056" s="2">
        <v>0</v>
      </c>
      <c r="J3056" s="2">
        <v>1</v>
      </c>
      <c r="K3056" s="2">
        <v>0</v>
      </c>
      <c r="L3056" t="s">
        <v>82</v>
      </c>
      <c r="M3056" t="s">
        <v>89</v>
      </c>
      <c r="N3056" t="s">
        <v>90</v>
      </c>
      <c r="O3056" t="s">
        <v>85</v>
      </c>
      <c r="P3056" t="s">
        <v>86</v>
      </c>
      <c r="Q3056">
        <v>29</v>
      </c>
      <c r="R3056">
        <v>30</v>
      </c>
      <c r="S3056">
        <v>30</v>
      </c>
      <c r="T3056">
        <v>30</v>
      </c>
      <c r="U3056">
        <v>31</v>
      </c>
      <c r="V3056">
        <v>31</v>
      </c>
      <c r="W3056">
        <v>31</v>
      </c>
      <c r="X3056">
        <v>32</v>
      </c>
      <c r="Y3056">
        <v>32</v>
      </c>
      <c r="Z3056">
        <v>32</v>
      </c>
      <c r="AA3056">
        <v>32</v>
      </c>
      <c r="AB3056">
        <v>32</v>
      </c>
      <c r="AC3056">
        <v>32</v>
      </c>
      <c r="AD3056">
        <v>32</v>
      </c>
      <c r="AE3056">
        <v>32</v>
      </c>
      <c r="AF3056">
        <v>32</v>
      </c>
      <c r="AG3056">
        <v>32</v>
      </c>
      <c r="AH3056">
        <v>32</v>
      </c>
      <c r="AI3056">
        <v>31</v>
      </c>
      <c r="AJ3056">
        <v>31</v>
      </c>
      <c r="AK3056">
        <v>31</v>
      </c>
      <c r="AL3056">
        <v>30</v>
      </c>
      <c r="AM3056">
        <v>30</v>
      </c>
      <c r="AN3056">
        <v>30</v>
      </c>
      <c r="AO3056">
        <v>30</v>
      </c>
      <c r="AP3056">
        <v>29</v>
      </c>
      <c r="AQ3056">
        <v>29</v>
      </c>
    </row>
    <row r="3057" spans="1:43">
      <c r="A3057" t="s">
        <v>1946</v>
      </c>
      <c r="B3057" t="s">
        <v>1947</v>
      </c>
      <c r="C3057" t="s">
        <v>1828</v>
      </c>
      <c r="D3057" t="s">
        <v>1829</v>
      </c>
      <c r="E3057" t="s">
        <v>1586</v>
      </c>
      <c r="F3057" t="s">
        <v>1587</v>
      </c>
      <c r="G3057" t="s">
        <v>80</v>
      </c>
      <c r="H3057" t="s">
        <v>81</v>
      </c>
      <c r="I3057" s="2">
        <v>0</v>
      </c>
      <c r="J3057" s="2">
        <v>1</v>
      </c>
      <c r="K3057" s="2">
        <v>0</v>
      </c>
      <c r="L3057" t="s">
        <v>82</v>
      </c>
      <c r="M3057" t="s">
        <v>83</v>
      </c>
      <c r="N3057" t="s">
        <v>91</v>
      </c>
      <c r="O3057" t="s">
        <v>85</v>
      </c>
      <c r="P3057" t="s">
        <v>86</v>
      </c>
      <c r="Q3057">
        <v>29</v>
      </c>
      <c r="R3057">
        <v>29</v>
      </c>
      <c r="S3057">
        <v>29</v>
      </c>
      <c r="T3057">
        <v>29</v>
      </c>
      <c r="U3057">
        <v>30</v>
      </c>
      <c r="V3057">
        <v>30</v>
      </c>
      <c r="W3057">
        <v>30</v>
      </c>
      <c r="X3057">
        <v>30</v>
      </c>
      <c r="Y3057">
        <v>30</v>
      </c>
      <c r="Z3057">
        <v>30</v>
      </c>
      <c r="AA3057">
        <v>30</v>
      </c>
      <c r="AB3057">
        <v>30</v>
      </c>
      <c r="AC3057">
        <v>30</v>
      </c>
      <c r="AD3057">
        <v>30</v>
      </c>
      <c r="AE3057">
        <v>30</v>
      </c>
      <c r="AF3057">
        <v>30</v>
      </c>
      <c r="AG3057">
        <v>30</v>
      </c>
      <c r="AH3057">
        <v>30</v>
      </c>
      <c r="AI3057">
        <v>30</v>
      </c>
      <c r="AJ3057">
        <v>30</v>
      </c>
      <c r="AK3057">
        <v>30</v>
      </c>
      <c r="AL3057">
        <v>30</v>
      </c>
      <c r="AM3057">
        <v>30</v>
      </c>
      <c r="AN3057">
        <v>30</v>
      </c>
      <c r="AO3057">
        <v>29</v>
      </c>
      <c r="AP3057">
        <v>29</v>
      </c>
      <c r="AQ3057">
        <v>29</v>
      </c>
    </row>
    <row r="3058" spans="1:43">
      <c r="A3058" t="s">
        <v>1948</v>
      </c>
      <c r="B3058" t="s">
        <v>1949</v>
      </c>
      <c r="C3058" t="s">
        <v>1724</v>
      </c>
      <c r="D3058" t="s">
        <v>1725</v>
      </c>
      <c r="E3058" t="s">
        <v>1586</v>
      </c>
      <c r="F3058" t="s">
        <v>1587</v>
      </c>
      <c r="G3058" t="s">
        <v>80</v>
      </c>
      <c r="H3058" t="s">
        <v>81</v>
      </c>
      <c r="I3058" s="2">
        <v>0</v>
      </c>
      <c r="J3058" s="2">
        <v>1</v>
      </c>
      <c r="K3058" s="2">
        <v>0</v>
      </c>
      <c r="L3058" t="s">
        <v>82</v>
      </c>
      <c r="M3058" t="s">
        <v>83</v>
      </c>
      <c r="N3058" t="s">
        <v>84</v>
      </c>
      <c r="O3058" t="s">
        <v>85</v>
      </c>
      <c r="P3058" t="s">
        <v>86</v>
      </c>
      <c r="Q3058">
        <v>42</v>
      </c>
      <c r="R3058">
        <v>42</v>
      </c>
      <c r="S3058">
        <v>42</v>
      </c>
      <c r="T3058">
        <v>42</v>
      </c>
      <c r="U3058">
        <v>42</v>
      </c>
      <c r="V3058">
        <v>42</v>
      </c>
      <c r="W3058">
        <v>43</v>
      </c>
      <c r="X3058">
        <v>43</v>
      </c>
      <c r="Y3058">
        <v>43</v>
      </c>
      <c r="Z3058">
        <v>43</v>
      </c>
      <c r="AA3058">
        <v>43</v>
      </c>
      <c r="AB3058">
        <v>43</v>
      </c>
      <c r="AC3058">
        <v>43</v>
      </c>
      <c r="AD3058">
        <v>43</v>
      </c>
      <c r="AE3058">
        <v>43</v>
      </c>
      <c r="AF3058">
        <v>43</v>
      </c>
      <c r="AG3058">
        <v>43</v>
      </c>
      <c r="AH3058">
        <v>43</v>
      </c>
      <c r="AI3058">
        <v>43</v>
      </c>
      <c r="AJ3058">
        <v>43</v>
      </c>
      <c r="AK3058">
        <v>43</v>
      </c>
      <c r="AL3058">
        <v>43</v>
      </c>
      <c r="AM3058">
        <v>43</v>
      </c>
      <c r="AN3058">
        <v>42</v>
      </c>
      <c r="AO3058">
        <v>42</v>
      </c>
      <c r="AP3058">
        <v>42</v>
      </c>
      <c r="AQ3058">
        <v>41</v>
      </c>
    </row>
    <row r="3059" spans="1:43">
      <c r="A3059" t="s">
        <v>1948</v>
      </c>
      <c r="B3059" t="s">
        <v>1949</v>
      </c>
      <c r="C3059" t="s">
        <v>1724</v>
      </c>
      <c r="D3059" t="s">
        <v>1725</v>
      </c>
      <c r="E3059" t="s">
        <v>1586</v>
      </c>
      <c r="F3059" t="s">
        <v>1587</v>
      </c>
      <c r="G3059" t="s">
        <v>80</v>
      </c>
      <c r="H3059" t="s">
        <v>81</v>
      </c>
      <c r="I3059" s="2">
        <v>0</v>
      </c>
      <c r="J3059" s="2">
        <v>1</v>
      </c>
      <c r="K3059" s="2">
        <v>0</v>
      </c>
      <c r="L3059" t="s">
        <v>82</v>
      </c>
      <c r="M3059" t="s">
        <v>87</v>
      </c>
      <c r="N3059" t="s">
        <v>88</v>
      </c>
      <c r="O3059" t="s">
        <v>85</v>
      </c>
      <c r="P3059" t="s">
        <v>86</v>
      </c>
      <c r="Q3059">
        <v>42</v>
      </c>
      <c r="R3059">
        <v>42</v>
      </c>
      <c r="S3059">
        <v>42</v>
      </c>
      <c r="T3059">
        <v>42</v>
      </c>
      <c r="U3059">
        <v>41</v>
      </c>
      <c r="V3059">
        <v>41</v>
      </c>
      <c r="W3059">
        <v>41</v>
      </c>
      <c r="X3059">
        <v>41</v>
      </c>
      <c r="Y3059">
        <v>41</v>
      </c>
      <c r="Z3059">
        <v>40</v>
      </c>
      <c r="AA3059">
        <v>40</v>
      </c>
      <c r="AB3059">
        <v>40</v>
      </c>
      <c r="AC3059">
        <v>40</v>
      </c>
      <c r="AD3059">
        <v>39</v>
      </c>
      <c r="AE3059">
        <v>39</v>
      </c>
      <c r="AF3059">
        <v>39</v>
      </c>
      <c r="AG3059">
        <v>39</v>
      </c>
      <c r="AH3059">
        <v>39</v>
      </c>
      <c r="AI3059">
        <v>38</v>
      </c>
      <c r="AJ3059">
        <v>38</v>
      </c>
      <c r="AK3059">
        <v>38</v>
      </c>
      <c r="AL3059">
        <v>38</v>
      </c>
      <c r="AM3059">
        <v>38</v>
      </c>
      <c r="AN3059">
        <v>37</v>
      </c>
      <c r="AO3059">
        <v>37</v>
      </c>
      <c r="AP3059">
        <v>37</v>
      </c>
      <c r="AQ3059">
        <v>37</v>
      </c>
    </row>
    <row r="3060" spans="1:43">
      <c r="A3060" t="s">
        <v>1948</v>
      </c>
      <c r="B3060" t="s">
        <v>1949</v>
      </c>
      <c r="C3060" t="s">
        <v>1724</v>
      </c>
      <c r="D3060" t="s">
        <v>1725</v>
      </c>
      <c r="E3060" t="s">
        <v>1586</v>
      </c>
      <c r="F3060" t="s">
        <v>1587</v>
      </c>
      <c r="G3060" t="s">
        <v>80</v>
      </c>
      <c r="H3060" t="s">
        <v>81</v>
      </c>
      <c r="I3060" s="2">
        <v>0</v>
      </c>
      <c r="J3060" s="2">
        <v>1</v>
      </c>
      <c r="K3060" s="2">
        <v>0</v>
      </c>
      <c r="L3060" t="s">
        <v>82</v>
      </c>
      <c r="M3060" t="s">
        <v>89</v>
      </c>
      <c r="N3060" t="s">
        <v>90</v>
      </c>
      <c r="O3060" t="s">
        <v>85</v>
      </c>
      <c r="P3060" t="s">
        <v>86</v>
      </c>
      <c r="Q3060">
        <v>42</v>
      </c>
      <c r="R3060">
        <v>43</v>
      </c>
      <c r="S3060">
        <v>43</v>
      </c>
      <c r="T3060">
        <v>43</v>
      </c>
      <c r="U3060">
        <v>44</v>
      </c>
      <c r="V3060">
        <v>44</v>
      </c>
      <c r="W3060">
        <v>45</v>
      </c>
      <c r="X3060">
        <v>45</v>
      </c>
      <c r="Y3060">
        <v>45</v>
      </c>
      <c r="Z3060">
        <v>46</v>
      </c>
      <c r="AA3060">
        <v>46</v>
      </c>
      <c r="AB3060">
        <v>46</v>
      </c>
      <c r="AC3060">
        <v>46</v>
      </c>
      <c r="AD3060">
        <v>46</v>
      </c>
      <c r="AE3060">
        <v>46</v>
      </c>
      <c r="AF3060">
        <v>46</v>
      </c>
      <c r="AG3060">
        <v>46</v>
      </c>
      <c r="AH3060">
        <v>45</v>
      </c>
      <c r="AI3060">
        <v>45</v>
      </c>
      <c r="AJ3060">
        <v>44</v>
      </c>
      <c r="AK3060">
        <v>44</v>
      </c>
      <c r="AL3060">
        <v>44</v>
      </c>
      <c r="AM3060">
        <v>43</v>
      </c>
      <c r="AN3060">
        <v>43</v>
      </c>
      <c r="AO3060">
        <v>43</v>
      </c>
      <c r="AP3060">
        <v>42</v>
      </c>
      <c r="AQ3060">
        <v>42</v>
      </c>
    </row>
    <row r="3061" spans="1:43">
      <c r="A3061" t="s">
        <v>1948</v>
      </c>
      <c r="B3061" t="s">
        <v>1949</v>
      </c>
      <c r="C3061" t="s">
        <v>1724</v>
      </c>
      <c r="D3061" t="s">
        <v>1725</v>
      </c>
      <c r="E3061" t="s">
        <v>1586</v>
      </c>
      <c r="F3061" t="s">
        <v>1587</v>
      </c>
      <c r="G3061" t="s">
        <v>80</v>
      </c>
      <c r="H3061" t="s">
        <v>81</v>
      </c>
      <c r="I3061" s="2">
        <v>0</v>
      </c>
      <c r="J3061" s="2">
        <v>1</v>
      </c>
      <c r="K3061" s="2">
        <v>0</v>
      </c>
      <c r="L3061" t="s">
        <v>82</v>
      </c>
      <c r="M3061" t="s">
        <v>83</v>
      </c>
      <c r="N3061" t="s">
        <v>91</v>
      </c>
      <c r="O3061" t="s">
        <v>85</v>
      </c>
      <c r="P3061" t="s">
        <v>86</v>
      </c>
      <c r="Q3061">
        <v>42</v>
      </c>
      <c r="R3061">
        <v>42</v>
      </c>
      <c r="S3061">
        <v>42</v>
      </c>
      <c r="T3061">
        <v>42</v>
      </c>
      <c r="U3061">
        <v>42</v>
      </c>
      <c r="V3061">
        <v>42</v>
      </c>
      <c r="W3061">
        <v>43</v>
      </c>
      <c r="X3061">
        <v>43</v>
      </c>
      <c r="Y3061">
        <v>43</v>
      </c>
      <c r="Z3061">
        <v>43</v>
      </c>
      <c r="AA3061">
        <v>43</v>
      </c>
      <c r="AB3061">
        <v>43</v>
      </c>
      <c r="AC3061">
        <v>43</v>
      </c>
      <c r="AD3061">
        <v>43</v>
      </c>
      <c r="AE3061">
        <v>43</v>
      </c>
      <c r="AF3061">
        <v>43</v>
      </c>
      <c r="AG3061">
        <v>43</v>
      </c>
      <c r="AH3061">
        <v>43</v>
      </c>
      <c r="AI3061">
        <v>43</v>
      </c>
      <c r="AJ3061">
        <v>43</v>
      </c>
      <c r="AK3061">
        <v>43</v>
      </c>
      <c r="AL3061">
        <v>43</v>
      </c>
      <c r="AM3061">
        <v>43</v>
      </c>
      <c r="AN3061">
        <v>42</v>
      </c>
      <c r="AO3061">
        <v>42</v>
      </c>
      <c r="AP3061">
        <v>42</v>
      </c>
      <c r="AQ3061">
        <v>41</v>
      </c>
    </row>
    <row r="3062" spans="1:43">
      <c r="A3062" t="s">
        <v>1950</v>
      </c>
      <c r="B3062" t="s">
        <v>1951</v>
      </c>
      <c r="C3062" t="s">
        <v>1828</v>
      </c>
      <c r="D3062" t="s">
        <v>1829</v>
      </c>
      <c r="E3062" t="s">
        <v>1586</v>
      </c>
      <c r="F3062" t="s">
        <v>1587</v>
      </c>
      <c r="G3062" t="s">
        <v>80</v>
      </c>
      <c r="H3062" t="s">
        <v>81</v>
      </c>
      <c r="I3062" s="2">
        <v>0</v>
      </c>
      <c r="J3062" s="2">
        <v>1</v>
      </c>
      <c r="K3062" s="2">
        <v>0</v>
      </c>
      <c r="L3062" t="s">
        <v>82</v>
      </c>
      <c r="M3062" t="s">
        <v>83</v>
      </c>
      <c r="N3062" t="s">
        <v>84</v>
      </c>
      <c r="O3062" t="s">
        <v>85</v>
      </c>
      <c r="P3062" t="s">
        <v>86</v>
      </c>
      <c r="Q3062">
        <v>50</v>
      </c>
      <c r="R3062">
        <v>50</v>
      </c>
      <c r="S3062">
        <v>50</v>
      </c>
      <c r="T3062">
        <v>50</v>
      </c>
      <c r="U3062">
        <v>50</v>
      </c>
      <c r="V3062">
        <v>51</v>
      </c>
      <c r="W3062">
        <v>51</v>
      </c>
      <c r="X3062">
        <v>51</v>
      </c>
      <c r="Y3062">
        <v>51</v>
      </c>
      <c r="Z3062">
        <v>51</v>
      </c>
      <c r="AA3062">
        <v>51</v>
      </c>
      <c r="AB3062">
        <v>51</v>
      </c>
      <c r="AC3062">
        <v>52</v>
      </c>
      <c r="AD3062">
        <v>52</v>
      </c>
      <c r="AE3062">
        <v>52</v>
      </c>
      <c r="AF3062">
        <v>52</v>
      </c>
      <c r="AG3062">
        <v>52</v>
      </c>
      <c r="AH3062">
        <v>52</v>
      </c>
      <c r="AI3062">
        <v>52</v>
      </c>
      <c r="AJ3062">
        <v>52</v>
      </c>
      <c r="AK3062">
        <v>52</v>
      </c>
      <c r="AL3062">
        <v>52</v>
      </c>
      <c r="AM3062">
        <v>51</v>
      </c>
      <c r="AN3062">
        <v>51</v>
      </c>
      <c r="AO3062">
        <v>50</v>
      </c>
      <c r="AP3062">
        <v>50</v>
      </c>
      <c r="AQ3062">
        <v>49</v>
      </c>
    </row>
    <row r="3063" spans="1:43">
      <c r="A3063" t="s">
        <v>1950</v>
      </c>
      <c r="B3063" t="s">
        <v>1951</v>
      </c>
      <c r="C3063" t="s">
        <v>1828</v>
      </c>
      <c r="D3063" t="s">
        <v>1829</v>
      </c>
      <c r="E3063" t="s">
        <v>1586</v>
      </c>
      <c r="F3063" t="s">
        <v>1587</v>
      </c>
      <c r="G3063" t="s">
        <v>80</v>
      </c>
      <c r="H3063" t="s">
        <v>81</v>
      </c>
      <c r="I3063" s="2">
        <v>0</v>
      </c>
      <c r="J3063" s="2">
        <v>1</v>
      </c>
      <c r="K3063" s="2">
        <v>0</v>
      </c>
      <c r="L3063" t="s">
        <v>82</v>
      </c>
      <c r="M3063" t="s">
        <v>87</v>
      </c>
      <c r="N3063" t="s">
        <v>88</v>
      </c>
      <c r="O3063" t="s">
        <v>85</v>
      </c>
      <c r="P3063" t="s">
        <v>86</v>
      </c>
      <c r="Q3063">
        <v>50</v>
      </c>
      <c r="R3063">
        <v>50</v>
      </c>
      <c r="S3063">
        <v>50</v>
      </c>
      <c r="T3063">
        <v>49</v>
      </c>
      <c r="U3063">
        <v>49</v>
      </c>
      <c r="V3063">
        <v>49</v>
      </c>
      <c r="W3063">
        <v>49</v>
      </c>
      <c r="X3063">
        <v>48</v>
      </c>
      <c r="Y3063">
        <v>48</v>
      </c>
      <c r="Z3063">
        <v>48</v>
      </c>
      <c r="AA3063">
        <v>48</v>
      </c>
      <c r="AB3063">
        <v>48</v>
      </c>
      <c r="AC3063">
        <v>47</v>
      </c>
      <c r="AD3063">
        <v>47</v>
      </c>
      <c r="AE3063">
        <v>47</v>
      </c>
      <c r="AF3063">
        <v>47</v>
      </c>
      <c r="AG3063">
        <v>46</v>
      </c>
      <c r="AH3063">
        <v>46</v>
      </c>
      <c r="AI3063">
        <v>46</v>
      </c>
      <c r="AJ3063">
        <v>46</v>
      </c>
      <c r="AK3063">
        <v>45</v>
      </c>
      <c r="AL3063">
        <v>45</v>
      </c>
      <c r="AM3063">
        <v>45</v>
      </c>
      <c r="AN3063">
        <v>45</v>
      </c>
      <c r="AO3063">
        <v>45</v>
      </c>
      <c r="AP3063">
        <v>44</v>
      </c>
      <c r="AQ3063">
        <v>44</v>
      </c>
    </row>
    <row r="3064" spans="1:43">
      <c r="A3064" t="s">
        <v>1950</v>
      </c>
      <c r="B3064" t="s">
        <v>1951</v>
      </c>
      <c r="C3064" t="s">
        <v>1828</v>
      </c>
      <c r="D3064" t="s">
        <v>1829</v>
      </c>
      <c r="E3064" t="s">
        <v>1586</v>
      </c>
      <c r="F3064" t="s">
        <v>1587</v>
      </c>
      <c r="G3064" t="s">
        <v>80</v>
      </c>
      <c r="H3064" t="s">
        <v>81</v>
      </c>
      <c r="I3064" s="2">
        <v>0</v>
      </c>
      <c r="J3064" s="2">
        <v>1</v>
      </c>
      <c r="K3064" s="2">
        <v>0</v>
      </c>
      <c r="L3064" t="s">
        <v>82</v>
      </c>
      <c r="M3064" t="s">
        <v>89</v>
      </c>
      <c r="N3064" t="s">
        <v>90</v>
      </c>
      <c r="O3064" t="s">
        <v>85</v>
      </c>
      <c r="P3064" t="s">
        <v>86</v>
      </c>
      <c r="Q3064">
        <v>50</v>
      </c>
      <c r="R3064">
        <v>51</v>
      </c>
      <c r="S3064">
        <v>51</v>
      </c>
      <c r="T3064">
        <v>52</v>
      </c>
      <c r="U3064">
        <v>52</v>
      </c>
      <c r="V3064">
        <v>53</v>
      </c>
      <c r="W3064">
        <v>53</v>
      </c>
      <c r="X3064">
        <v>54</v>
      </c>
      <c r="Y3064">
        <v>54</v>
      </c>
      <c r="Z3064">
        <v>54</v>
      </c>
      <c r="AA3064">
        <v>55</v>
      </c>
      <c r="AB3064">
        <v>55</v>
      </c>
      <c r="AC3064">
        <v>55</v>
      </c>
      <c r="AD3064">
        <v>55</v>
      </c>
      <c r="AE3064">
        <v>55</v>
      </c>
      <c r="AF3064">
        <v>55</v>
      </c>
      <c r="AG3064">
        <v>54</v>
      </c>
      <c r="AH3064">
        <v>54</v>
      </c>
      <c r="AI3064">
        <v>53</v>
      </c>
      <c r="AJ3064">
        <v>53</v>
      </c>
      <c r="AK3064">
        <v>52</v>
      </c>
      <c r="AL3064">
        <v>52</v>
      </c>
      <c r="AM3064">
        <v>52</v>
      </c>
      <c r="AN3064">
        <v>51</v>
      </c>
      <c r="AO3064">
        <v>51</v>
      </c>
      <c r="AP3064">
        <v>50</v>
      </c>
      <c r="AQ3064">
        <v>50</v>
      </c>
    </row>
    <row r="3065" spans="1:43">
      <c r="A3065" t="s">
        <v>1950</v>
      </c>
      <c r="B3065" t="s">
        <v>1951</v>
      </c>
      <c r="C3065" t="s">
        <v>1828</v>
      </c>
      <c r="D3065" t="s">
        <v>1829</v>
      </c>
      <c r="E3065" t="s">
        <v>1586</v>
      </c>
      <c r="F3065" t="s">
        <v>1587</v>
      </c>
      <c r="G3065" t="s">
        <v>80</v>
      </c>
      <c r="H3065" t="s">
        <v>81</v>
      </c>
      <c r="I3065" s="2">
        <v>0</v>
      </c>
      <c r="J3065" s="2">
        <v>1</v>
      </c>
      <c r="K3065" s="2">
        <v>0</v>
      </c>
      <c r="L3065" t="s">
        <v>82</v>
      </c>
      <c r="M3065" t="s">
        <v>83</v>
      </c>
      <c r="N3065" t="s">
        <v>91</v>
      </c>
      <c r="O3065" t="s">
        <v>85</v>
      </c>
      <c r="P3065" t="s">
        <v>86</v>
      </c>
      <c r="Q3065">
        <v>50</v>
      </c>
      <c r="R3065">
        <v>50</v>
      </c>
      <c r="S3065">
        <v>50</v>
      </c>
      <c r="T3065">
        <v>50</v>
      </c>
      <c r="U3065">
        <v>50</v>
      </c>
      <c r="V3065">
        <v>51</v>
      </c>
      <c r="W3065">
        <v>51</v>
      </c>
      <c r="X3065">
        <v>51</v>
      </c>
      <c r="Y3065">
        <v>51</v>
      </c>
      <c r="Z3065">
        <v>51</v>
      </c>
      <c r="AA3065">
        <v>51</v>
      </c>
      <c r="AB3065">
        <v>51</v>
      </c>
      <c r="AC3065">
        <v>52</v>
      </c>
      <c r="AD3065">
        <v>52</v>
      </c>
      <c r="AE3065">
        <v>52</v>
      </c>
      <c r="AF3065">
        <v>52</v>
      </c>
      <c r="AG3065">
        <v>52</v>
      </c>
      <c r="AH3065">
        <v>52</v>
      </c>
      <c r="AI3065">
        <v>52</v>
      </c>
      <c r="AJ3065">
        <v>52</v>
      </c>
      <c r="AK3065">
        <v>52</v>
      </c>
      <c r="AL3065">
        <v>52</v>
      </c>
      <c r="AM3065">
        <v>51</v>
      </c>
      <c r="AN3065">
        <v>51</v>
      </c>
      <c r="AO3065">
        <v>50</v>
      </c>
      <c r="AP3065">
        <v>50</v>
      </c>
      <c r="AQ3065">
        <v>49</v>
      </c>
    </row>
    <row r="3066" spans="1:43">
      <c r="A3066" t="s">
        <v>1952</v>
      </c>
      <c r="B3066" t="s">
        <v>1953</v>
      </c>
      <c r="C3066" t="s">
        <v>1954</v>
      </c>
      <c r="D3066" t="s">
        <v>1955</v>
      </c>
      <c r="E3066" t="s">
        <v>1586</v>
      </c>
      <c r="F3066" t="s">
        <v>1587</v>
      </c>
      <c r="G3066" t="s">
        <v>80</v>
      </c>
      <c r="H3066" t="s">
        <v>81</v>
      </c>
      <c r="I3066" s="2">
        <v>0</v>
      </c>
      <c r="J3066" s="2">
        <v>1</v>
      </c>
      <c r="K3066" s="2">
        <v>0</v>
      </c>
      <c r="L3066" t="s">
        <v>82</v>
      </c>
      <c r="M3066" t="s">
        <v>83</v>
      </c>
      <c r="N3066" t="s">
        <v>84</v>
      </c>
      <c r="O3066" t="s">
        <v>85</v>
      </c>
      <c r="P3066" t="s">
        <v>86</v>
      </c>
      <c r="Q3066">
        <v>48</v>
      </c>
      <c r="R3066">
        <v>49</v>
      </c>
      <c r="S3066">
        <v>49</v>
      </c>
      <c r="T3066">
        <v>49</v>
      </c>
      <c r="U3066">
        <v>49</v>
      </c>
      <c r="V3066">
        <v>49</v>
      </c>
      <c r="W3066">
        <v>50</v>
      </c>
      <c r="X3066">
        <v>50</v>
      </c>
      <c r="Y3066">
        <v>50</v>
      </c>
      <c r="Z3066">
        <v>50</v>
      </c>
      <c r="AA3066">
        <v>50</v>
      </c>
      <c r="AB3066">
        <v>50</v>
      </c>
      <c r="AC3066">
        <v>50</v>
      </c>
      <c r="AD3066">
        <v>51</v>
      </c>
      <c r="AE3066">
        <v>51</v>
      </c>
      <c r="AF3066">
        <v>51</v>
      </c>
      <c r="AG3066">
        <v>51</v>
      </c>
      <c r="AH3066">
        <v>51</v>
      </c>
      <c r="AI3066">
        <v>51</v>
      </c>
      <c r="AJ3066">
        <v>51</v>
      </c>
      <c r="AK3066">
        <v>51</v>
      </c>
      <c r="AL3066">
        <v>51</v>
      </c>
      <c r="AM3066">
        <v>50</v>
      </c>
      <c r="AN3066">
        <v>50</v>
      </c>
      <c r="AO3066">
        <v>50</v>
      </c>
      <c r="AP3066">
        <v>49</v>
      </c>
      <c r="AQ3066">
        <v>49</v>
      </c>
    </row>
    <row r="3067" spans="1:43">
      <c r="A3067" t="s">
        <v>1952</v>
      </c>
      <c r="B3067" t="s">
        <v>1953</v>
      </c>
      <c r="C3067" t="s">
        <v>1954</v>
      </c>
      <c r="D3067" t="s">
        <v>1955</v>
      </c>
      <c r="E3067" t="s">
        <v>1586</v>
      </c>
      <c r="F3067" t="s">
        <v>1587</v>
      </c>
      <c r="G3067" t="s">
        <v>80</v>
      </c>
      <c r="H3067" t="s">
        <v>81</v>
      </c>
      <c r="I3067" s="2">
        <v>0</v>
      </c>
      <c r="J3067" s="2">
        <v>1</v>
      </c>
      <c r="K3067" s="2">
        <v>0</v>
      </c>
      <c r="L3067" t="s">
        <v>82</v>
      </c>
      <c r="M3067" t="s">
        <v>87</v>
      </c>
      <c r="N3067" t="s">
        <v>88</v>
      </c>
      <c r="O3067" t="s">
        <v>85</v>
      </c>
      <c r="P3067" t="s">
        <v>86</v>
      </c>
      <c r="Q3067">
        <v>48</v>
      </c>
      <c r="R3067">
        <v>48</v>
      </c>
      <c r="S3067">
        <v>47</v>
      </c>
      <c r="T3067">
        <v>47</v>
      </c>
      <c r="U3067">
        <v>47</v>
      </c>
      <c r="V3067">
        <v>47</v>
      </c>
      <c r="W3067">
        <v>47</v>
      </c>
      <c r="X3067">
        <v>46</v>
      </c>
      <c r="Y3067">
        <v>46</v>
      </c>
      <c r="Z3067">
        <v>46</v>
      </c>
      <c r="AA3067">
        <v>46</v>
      </c>
      <c r="AB3067">
        <v>46</v>
      </c>
      <c r="AC3067">
        <v>45</v>
      </c>
      <c r="AD3067">
        <v>45</v>
      </c>
      <c r="AE3067">
        <v>45</v>
      </c>
      <c r="AF3067">
        <v>45</v>
      </c>
      <c r="AG3067">
        <v>44</v>
      </c>
      <c r="AH3067">
        <v>44</v>
      </c>
      <c r="AI3067">
        <v>44</v>
      </c>
      <c r="AJ3067">
        <v>44</v>
      </c>
      <c r="AK3067">
        <v>44</v>
      </c>
      <c r="AL3067">
        <v>43</v>
      </c>
      <c r="AM3067">
        <v>43</v>
      </c>
      <c r="AN3067">
        <v>43</v>
      </c>
      <c r="AO3067">
        <v>43</v>
      </c>
      <c r="AP3067">
        <v>43</v>
      </c>
      <c r="AQ3067">
        <v>43</v>
      </c>
    </row>
    <row r="3068" spans="1:43">
      <c r="A3068" t="s">
        <v>1952</v>
      </c>
      <c r="B3068" t="s">
        <v>1953</v>
      </c>
      <c r="C3068" t="s">
        <v>1954</v>
      </c>
      <c r="D3068" t="s">
        <v>1955</v>
      </c>
      <c r="E3068" t="s">
        <v>1586</v>
      </c>
      <c r="F3068" t="s">
        <v>1587</v>
      </c>
      <c r="G3068" t="s">
        <v>80</v>
      </c>
      <c r="H3068" t="s">
        <v>81</v>
      </c>
      <c r="I3068" s="2">
        <v>0</v>
      </c>
      <c r="J3068" s="2">
        <v>1</v>
      </c>
      <c r="K3068" s="2">
        <v>0</v>
      </c>
      <c r="L3068" t="s">
        <v>82</v>
      </c>
      <c r="M3068" t="s">
        <v>89</v>
      </c>
      <c r="N3068" t="s">
        <v>90</v>
      </c>
      <c r="O3068" t="s">
        <v>85</v>
      </c>
      <c r="P3068" t="s">
        <v>86</v>
      </c>
      <c r="Q3068">
        <v>48</v>
      </c>
      <c r="R3068">
        <v>48</v>
      </c>
      <c r="S3068">
        <v>49</v>
      </c>
      <c r="T3068">
        <v>50</v>
      </c>
      <c r="U3068">
        <v>50</v>
      </c>
      <c r="V3068">
        <v>51</v>
      </c>
      <c r="W3068">
        <v>51</v>
      </c>
      <c r="X3068">
        <v>52</v>
      </c>
      <c r="Y3068">
        <v>52</v>
      </c>
      <c r="Z3068">
        <v>52</v>
      </c>
      <c r="AA3068">
        <v>52</v>
      </c>
      <c r="AB3068">
        <v>53</v>
      </c>
      <c r="AC3068">
        <v>53</v>
      </c>
      <c r="AD3068">
        <v>53</v>
      </c>
      <c r="AE3068">
        <v>53</v>
      </c>
      <c r="AF3068">
        <v>53</v>
      </c>
      <c r="AG3068">
        <v>52</v>
      </c>
      <c r="AH3068">
        <v>52</v>
      </c>
      <c r="AI3068">
        <v>52</v>
      </c>
      <c r="AJ3068">
        <v>51</v>
      </c>
      <c r="AK3068">
        <v>51</v>
      </c>
      <c r="AL3068">
        <v>50</v>
      </c>
      <c r="AM3068">
        <v>50</v>
      </c>
      <c r="AN3068">
        <v>50</v>
      </c>
      <c r="AO3068">
        <v>49</v>
      </c>
      <c r="AP3068">
        <v>49</v>
      </c>
      <c r="AQ3068">
        <v>49</v>
      </c>
    </row>
    <row r="3069" spans="1:43">
      <c r="A3069" t="s">
        <v>1952</v>
      </c>
      <c r="B3069" t="s">
        <v>1953</v>
      </c>
      <c r="C3069" t="s">
        <v>1954</v>
      </c>
      <c r="D3069" t="s">
        <v>1955</v>
      </c>
      <c r="E3069" t="s">
        <v>1586</v>
      </c>
      <c r="F3069" t="s">
        <v>1587</v>
      </c>
      <c r="G3069" t="s">
        <v>80</v>
      </c>
      <c r="H3069" t="s">
        <v>81</v>
      </c>
      <c r="I3069" s="2">
        <v>0</v>
      </c>
      <c r="J3069" s="2">
        <v>1</v>
      </c>
      <c r="K3069" s="2">
        <v>0</v>
      </c>
      <c r="L3069" t="s">
        <v>82</v>
      </c>
      <c r="M3069" t="s">
        <v>83</v>
      </c>
      <c r="N3069" t="s">
        <v>91</v>
      </c>
      <c r="O3069" t="s">
        <v>85</v>
      </c>
      <c r="P3069" t="s">
        <v>86</v>
      </c>
      <c r="Q3069">
        <v>48</v>
      </c>
      <c r="R3069">
        <v>49</v>
      </c>
      <c r="S3069">
        <v>49</v>
      </c>
      <c r="T3069">
        <v>49</v>
      </c>
      <c r="U3069">
        <v>49</v>
      </c>
      <c r="V3069">
        <v>49</v>
      </c>
      <c r="W3069">
        <v>50</v>
      </c>
      <c r="X3069">
        <v>50</v>
      </c>
      <c r="Y3069">
        <v>50</v>
      </c>
      <c r="Z3069">
        <v>50</v>
      </c>
      <c r="AA3069">
        <v>50</v>
      </c>
      <c r="AB3069">
        <v>50</v>
      </c>
      <c r="AC3069">
        <v>50</v>
      </c>
      <c r="AD3069">
        <v>51</v>
      </c>
      <c r="AE3069">
        <v>51</v>
      </c>
      <c r="AF3069">
        <v>51</v>
      </c>
      <c r="AG3069">
        <v>51</v>
      </c>
      <c r="AH3069">
        <v>51</v>
      </c>
      <c r="AI3069">
        <v>51</v>
      </c>
      <c r="AJ3069">
        <v>51</v>
      </c>
      <c r="AK3069">
        <v>51</v>
      </c>
      <c r="AL3069">
        <v>51</v>
      </c>
      <c r="AM3069">
        <v>50</v>
      </c>
      <c r="AN3069">
        <v>50</v>
      </c>
      <c r="AO3069">
        <v>50</v>
      </c>
      <c r="AP3069">
        <v>49</v>
      </c>
      <c r="AQ3069">
        <v>49</v>
      </c>
    </row>
    <row r="3070" spans="1:43">
      <c r="A3070" t="s">
        <v>1956</v>
      </c>
      <c r="B3070" t="s">
        <v>1957</v>
      </c>
      <c r="C3070" t="s">
        <v>1828</v>
      </c>
      <c r="D3070" t="s">
        <v>1829</v>
      </c>
      <c r="E3070" t="s">
        <v>1586</v>
      </c>
      <c r="F3070" t="s">
        <v>1587</v>
      </c>
      <c r="G3070" t="s">
        <v>80</v>
      </c>
      <c r="H3070" t="s">
        <v>81</v>
      </c>
      <c r="I3070" s="2">
        <v>0</v>
      </c>
      <c r="J3070" s="2">
        <v>1</v>
      </c>
      <c r="K3070" s="2">
        <v>0</v>
      </c>
      <c r="L3070" t="s">
        <v>82</v>
      </c>
      <c r="M3070" t="s">
        <v>83</v>
      </c>
      <c r="N3070" t="s">
        <v>84</v>
      </c>
      <c r="O3070" t="s">
        <v>85</v>
      </c>
      <c r="P3070" t="s">
        <v>86</v>
      </c>
      <c r="Q3070">
        <v>50</v>
      </c>
      <c r="R3070">
        <v>50</v>
      </c>
      <c r="S3070">
        <v>50</v>
      </c>
      <c r="T3070">
        <v>50</v>
      </c>
      <c r="U3070">
        <v>51</v>
      </c>
      <c r="V3070">
        <v>51</v>
      </c>
      <c r="W3070">
        <v>51</v>
      </c>
      <c r="X3070">
        <v>51</v>
      </c>
      <c r="Y3070">
        <v>51</v>
      </c>
      <c r="Z3070">
        <v>51</v>
      </c>
      <c r="AA3070">
        <v>52</v>
      </c>
      <c r="AB3070">
        <v>52</v>
      </c>
      <c r="AC3070">
        <v>52</v>
      </c>
      <c r="AD3070">
        <v>52</v>
      </c>
      <c r="AE3070">
        <v>52</v>
      </c>
      <c r="AF3070">
        <v>52</v>
      </c>
      <c r="AG3070">
        <v>52</v>
      </c>
      <c r="AH3070">
        <v>52</v>
      </c>
      <c r="AI3070">
        <v>52</v>
      </c>
      <c r="AJ3070">
        <v>52</v>
      </c>
      <c r="AK3070">
        <v>52</v>
      </c>
      <c r="AL3070">
        <v>52</v>
      </c>
      <c r="AM3070">
        <v>51</v>
      </c>
      <c r="AN3070">
        <v>51</v>
      </c>
      <c r="AO3070">
        <v>50</v>
      </c>
      <c r="AP3070">
        <v>50</v>
      </c>
      <c r="AQ3070">
        <v>49</v>
      </c>
    </row>
    <row r="3071" spans="1:43">
      <c r="A3071" t="s">
        <v>1956</v>
      </c>
      <c r="B3071" t="s">
        <v>1957</v>
      </c>
      <c r="C3071" t="s">
        <v>1828</v>
      </c>
      <c r="D3071" t="s">
        <v>1829</v>
      </c>
      <c r="E3071" t="s">
        <v>1586</v>
      </c>
      <c r="F3071" t="s">
        <v>1587</v>
      </c>
      <c r="G3071" t="s">
        <v>80</v>
      </c>
      <c r="H3071" t="s">
        <v>81</v>
      </c>
      <c r="I3071" s="2">
        <v>0</v>
      </c>
      <c r="J3071" s="2">
        <v>1</v>
      </c>
      <c r="K3071" s="2">
        <v>0</v>
      </c>
      <c r="L3071" t="s">
        <v>82</v>
      </c>
      <c r="M3071" t="s">
        <v>87</v>
      </c>
      <c r="N3071" t="s">
        <v>88</v>
      </c>
      <c r="O3071" t="s">
        <v>85</v>
      </c>
      <c r="P3071" t="s">
        <v>86</v>
      </c>
      <c r="Q3071">
        <v>50</v>
      </c>
      <c r="R3071">
        <v>50</v>
      </c>
      <c r="S3071">
        <v>50</v>
      </c>
      <c r="T3071">
        <v>50</v>
      </c>
      <c r="U3071">
        <v>49</v>
      </c>
      <c r="V3071">
        <v>49</v>
      </c>
      <c r="W3071">
        <v>49</v>
      </c>
      <c r="X3071">
        <v>49</v>
      </c>
      <c r="Y3071">
        <v>48</v>
      </c>
      <c r="Z3071">
        <v>48</v>
      </c>
      <c r="AA3071">
        <v>48</v>
      </c>
      <c r="AB3071">
        <v>48</v>
      </c>
      <c r="AC3071">
        <v>47</v>
      </c>
      <c r="AD3071">
        <v>47</v>
      </c>
      <c r="AE3071">
        <v>47</v>
      </c>
      <c r="AF3071">
        <v>47</v>
      </c>
      <c r="AG3071">
        <v>46</v>
      </c>
      <c r="AH3071">
        <v>46</v>
      </c>
      <c r="AI3071">
        <v>46</v>
      </c>
      <c r="AJ3071">
        <v>46</v>
      </c>
      <c r="AK3071">
        <v>46</v>
      </c>
      <c r="AL3071">
        <v>45</v>
      </c>
      <c r="AM3071">
        <v>45</v>
      </c>
      <c r="AN3071">
        <v>45</v>
      </c>
      <c r="AO3071">
        <v>45</v>
      </c>
      <c r="AP3071">
        <v>44</v>
      </c>
      <c r="AQ3071">
        <v>44</v>
      </c>
    </row>
    <row r="3072" spans="1:43">
      <c r="A3072" t="s">
        <v>1956</v>
      </c>
      <c r="B3072" t="s">
        <v>1957</v>
      </c>
      <c r="C3072" t="s">
        <v>1828</v>
      </c>
      <c r="D3072" t="s">
        <v>1829</v>
      </c>
      <c r="E3072" t="s">
        <v>1586</v>
      </c>
      <c r="F3072" t="s">
        <v>1587</v>
      </c>
      <c r="G3072" t="s">
        <v>80</v>
      </c>
      <c r="H3072" t="s">
        <v>81</v>
      </c>
      <c r="I3072" s="2">
        <v>0</v>
      </c>
      <c r="J3072" s="2">
        <v>1</v>
      </c>
      <c r="K3072" s="2">
        <v>0</v>
      </c>
      <c r="L3072" t="s">
        <v>82</v>
      </c>
      <c r="M3072" t="s">
        <v>89</v>
      </c>
      <c r="N3072" t="s">
        <v>90</v>
      </c>
      <c r="O3072" t="s">
        <v>85</v>
      </c>
      <c r="P3072" t="s">
        <v>86</v>
      </c>
      <c r="Q3072">
        <v>50</v>
      </c>
      <c r="R3072">
        <v>51</v>
      </c>
      <c r="S3072">
        <v>52</v>
      </c>
      <c r="T3072">
        <v>52</v>
      </c>
      <c r="U3072">
        <v>53</v>
      </c>
      <c r="V3072">
        <v>53</v>
      </c>
      <c r="W3072">
        <v>54</v>
      </c>
      <c r="X3072">
        <v>54</v>
      </c>
      <c r="Y3072">
        <v>54</v>
      </c>
      <c r="Z3072">
        <v>55</v>
      </c>
      <c r="AA3072">
        <v>55</v>
      </c>
      <c r="AB3072">
        <v>55</v>
      </c>
      <c r="AC3072">
        <v>55</v>
      </c>
      <c r="AD3072">
        <v>55</v>
      </c>
      <c r="AE3072">
        <v>55</v>
      </c>
      <c r="AF3072">
        <v>55</v>
      </c>
      <c r="AG3072">
        <v>54</v>
      </c>
      <c r="AH3072">
        <v>54</v>
      </c>
      <c r="AI3072">
        <v>53</v>
      </c>
      <c r="AJ3072">
        <v>53</v>
      </c>
      <c r="AK3072">
        <v>53</v>
      </c>
      <c r="AL3072">
        <v>52</v>
      </c>
      <c r="AM3072">
        <v>52</v>
      </c>
      <c r="AN3072">
        <v>51</v>
      </c>
      <c r="AO3072">
        <v>51</v>
      </c>
      <c r="AP3072">
        <v>50</v>
      </c>
      <c r="AQ3072">
        <v>50</v>
      </c>
    </row>
    <row r="3073" spans="1:43">
      <c r="A3073" t="s">
        <v>1956</v>
      </c>
      <c r="B3073" t="s">
        <v>1957</v>
      </c>
      <c r="C3073" t="s">
        <v>1828</v>
      </c>
      <c r="D3073" t="s">
        <v>1829</v>
      </c>
      <c r="E3073" t="s">
        <v>1586</v>
      </c>
      <c r="F3073" t="s">
        <v>1587</v>
      </c>
      <c r="G3073" t="s">
        <v>80</v>
      </c>
      <c r="H3073" t="s">
        <v>81</v>
      </c>
      <c r="I3073" s="2">
        <v>0</v>
      </c>
      <c r="J3073" s="2">
        <v>1</v>
      </c>
      <c r="K3073" s="2">
        <v>0</v>
      </c>
      <c r="L3073" t="s">
        <v>82</v>
      </c>
      <c r="M3073" t="s">
        <v>83</v>
      </c>
      <c r="N3073" t="s">
        <v>91</v>
      </c>
      <c r="O3073" t="s">
        <v>85</v>
      </c>
      <c r="P3073" t="s">
        <v>86</v>
      </c>
      <c r="Q3073">
        <v>50</v>
      </c>
      <c r="R3073">
        <v>50</v>
      </c>
      <c r="S3073">
        <v>50</v>
      </c>
      <c r="T3073">
        <v>50</v>
      </c>
      <c r="U3073">
        <v>51</v>
      </c>
      <c r="V3073">
        <v>51</v>
      </c>
      <c r="W3073">
        <v>51</v>
      </c>
      <c r="X3073">
        <v>51</v>
      </c>
      <c r="Y3073">
        <v>51</v>
      </c>
      <c r="Z3073">
        <v>51</v>
      </c>
      <c r="AA3073">
        <v>52</v>
      </c>
      <c r="AB3073">
        <v>52</v>
      </c>
      <c r="AC3073">
        <v>52</v>
      </c>
      <c r="AD3073">
        <v>52</v>
      </c>
      <c r="AE3073">
        <v>52</v>
      </c>
      <c r="AF3073">
        <v>52</v>
      </c>
      <c r="AG3073">
        <v>52</v>
      </c>
      <c r="AH3073">
        <v>52</v>
      </c>
      <c r="AI3073">
        <v>52</v>
      </c>
      <c r="AJ3073">
        <v>52</v>
      </c>
      <c r="AK3073">
        <v>52</v>
      </c>
      <c r="AL3073">
        <v>52</v>
      </c>
      <c r="AM3073">
        <v>51</v>
      </c>
      <c r="AN3073">
        <v>51</v>
      </c>
      <c r="AO3073">
        <v>50</v>
      </c>
      <c r="AP3073">
        <v>50</v>
      </c>
      <c r="AQ3073">
        <v>49</v>
      </c>
    </row>
    <row r="3074" spans="1:43">
      <c r="A3074" t="s">
        <v>1958</v>
      </c>
      <c r="B3074" t="s">
        <v>1959</v>
      </c>
      <c r="C3074" t="s">
        <v>1720</v>
      </c>
      <c r="D3074" t="s">
        <v>1721</v>
      </c>
      <c r="E3074" t="s">
        <v>1586</v>
      </c>
      <c r="F3074" t="s">
        <v>1587</v>
      </c>
      <c r="G3074" t="s">
        <v>80</v>
      </c>
      <c r="H3074" t="s">
        <v>81</v>
      </c>
      <c r="I3074" s="2">
        <v>0</v>
      </c>
      <c r="J3074" s="2">
        <v>1</v>
      </c>
      <c r="K3074" s="2">
        <v>0</v>
      </c>
      <c r="L3074" t="s">
        <v>82</v>
      </c>
      <c r="M3074" t="s">
        <v>83</v>
      </c>
      <c r="N3074" t="s">
        <v>84</v>
      </c>
      <c r="O3074" t="s">
        <v>85</v>
      </c>
      <c r="P3074" t="s">
        <v>86</v>
      </c>
      <c r="Q3074">
        <v>42</v>
      </c>
      <c r="R3074">
        <v>42</v>
      </c>
      <c r="S3074">
        <v>42</v>
      </c>
      <c r="T3074">
        <v>42</v>
      </c>
      <c r="U3074">
        <v>42</v>
      </c>
      <c r="V3074">
        <v>43</v>
      </c>
      <c r="W3074">
        <v>43</v>
      </c>
      <c r="X3074">
        <v>43</v>
      </c>
      <c r="Y3074">
        <v>43</v>
      </c>
      <c r="Z3074">
        <v>43</v>
      </c>
      <c r="AA3074">
        <v>43</v>
      </c>
      <c r="AB3074">
        <v>43</v>
      </c>
      <c r="AC3074">
        <v>44</v>
      </c>
      <c r="AD3074">
        <v>44</v>
      </c>
      <c r="AE3074">
        <v>44</v>
      </c>
      <c r="AF3074">
        <v>44</v>
      </c>
      <c r="AG3074">
        <v>44</v>
      </c>
      <c r="AH3074">
        <v>44</v>
      </c>
      <c r="AI3074">
        <v>44</v>
      </c>
      <c r="AJ3074">
        <v>44</v>
      </c>
      <c r="AK3074">
        <v>44</v>
      </c>
      <c r="AL3074">
        <v>44</v>
      </c>
      <c r="AM3074">
        <v>44</v>
      </c>
      <c r="AN3074">
        <v>43</v>
      </c>
      <c r="AO3074">
        <v>43</v>
      </c>
      <c r="AP3074">
        <v>43</v>
      </c>
      <c r="AQ3074">
        <v>42</v>
      </c>
    </row>
    <row r="3075" spans="1:43">
      <c r="A3075" t="s">
        <v>1958</v>
      </c>
      <c r="B3075" t="s">
        <v>1959</v>
      </c>
      <c r="C3075" t="s">
        <v>1720</v>
      </c>
      <c r="D3075" t="s">
        <v>1721</v>
      </c>
      <c r="E3075" t="s">
        <v>1586</v>
      </c>
      <c r="F3075" t="s">
        <v>1587</v>
      </c>
      <c r="G3075" t="s">
        <v>80</v>
      </c>
      <c r="H3075" t="s">
        <v>81</v>
      </c>
      <c r="I3075" s="2">
        <v>0</v>
      </c>
      <c r="J3075" s="2">
        <v>1</v>
      </c>
      <c r="K3075" s="2">
        <v>0</v>
      </c>
      <c r="L3075" t="s">
        <v>82</v>
      </c>
      <c r="M3075" t="s">
        <v>87</v>
      </c>
      <c r="N3075" t="s">
        <v>88</v>
      </c>
      <c r="O3075" t="s">
        <v>85</v>
      </c>
      <c r="P3075" t="s">
        <v>86</v>
      </c>
      <c r="Q3075">
        <v>42</v>
      </c>
      <c r="R3075">
        <v>42</v>
      </c>
      <c r="S3075">
        <v>42</v>
      </c>
      <c r="T3075">
        <v>42</v>
      </c>
      <c r="U3075">
        <v>42</v>
      </c>
      <c r="V3075">
        <v>41</v>
      </c>
      <c r="W3075">
        <v>41</v>
      </c>
      <c r="X3075">
        <v>41</v>
      </c>
      <c r="Y3075">
        <v>41</v>
      </c>
      <c r="Z3075">
        <v>41</v>
      </c>
      <c r="AA3075">
        <v>40</v>
      </c>
      <c r="AB3075">
        <v>40</v>
      </c>
      <c r="AC3075">
        <v>40</v>
      </c>
      <c r="AD3075">
        <v>40</v>
      </c>
      <c r="AE3075">
        <v>40</v>
      </c>
      <c r="AF3075">
        <v>40</v>
      </c>
      <c r="AG3075">
        <v>39</v>
      </c>
      <c r="AH3075">
        <v>39</v>
      </c>
      <c r="AI3075">
        <v>39</v>
      </c>
      <c r="AJ3075">
        <v>39</v>
      </c>
      <c r="AK3075">
        <v>39</v>
      </c>
      <c r="AL3075">
        <v>39</v>
      </c>
      <c r="AM3075">
        <v>38</v>
      </c>
      <c r="AN3075">
        <v>38</v>
      </c>
      <c r="AO3075">
        <v>38</v>
      </c>
      <c r="AP3075">
        <v>38</v>
      </c>
      <c r="AQ3075">
        <v>38</v>
      </c>
    </row>
    <row r="3076" spans="1:43">
      <c r="A3076" t="s">
        <v>1958</v>
      </c>
      <c r="B3076" t="s">
        <v>1959</v>
      </c>
      <c r="C3076" t="s">
        <v>1720</v>
      </c>
      <c r="D3076" t="s">
        <v>1721</v>
      </c>
      <c r="E3076" t="s">
        <v>1586</v>
      </c>
      <c r="F3076" t="s">
        <v>1587</v>
      </c>
      <c r="G3076" t="s">
        <v>80</v>
      </c>
      <c r="H3076" t="s">
        <v>81</v>
      </c>
      <c r="I3076" s="2">
        <v>0</v>
      </c>
      <c r="J3076" s="2">
        <v>1</v>
      </c>
      <c r="K3076" s="2">
        <v>0</v>
      </c>
      <c r="L3076" t="s">
        <v>82</v>
      </c>
      <c r="M3076" t="s">
        <v>89</v>
      </c>
      <c r="N3076" t="s">
        <v>90</v>
      </c>
      <c r="O3076" t="s">
        <v>85</v>
      </c>
      <c r="P3076" t="s">
        <v>86</v>
      </c>
      <c r="Q3076">
        <v>42</v>
      </c>
      <c r="R3076">
        <v>43</v>
      </c>
      <c r="S3076">
        <v>43</v>
      </c>
      <c r="T3076">
        <v>44</v>
      </c>
      <c r="U3076">
        <v>44</v>
      </c>
      <c r="V3076">
        <v>45</v>
      </c>
      <c r="W3076">
        <v>45</v>
      </c>
      <c r="X3076">
        <v>45</v>
      </c>
      <c r="Y3076">
        <v>46</v>
      </c>
      <c r="Z3076">
        <v>46</v>
      </c>
      <c r="AA3076">
        <v>46</v>
      </c>
      <c r="AB3076">
        <v>46</v>
      </c>
      <c r="AC3076">
        <v>47</v>
      </c>
      <c r="AD3076">
        <v>47</v>
      </c>
      <c r="AE3076">
        <v>47</v>
      </c>
      <c r="AF3076">
        <v>46</v>
      </c>
      <c r="AG3076">
        <v>46</v>
      </c>
      <c r="AH3076">
        <v>46</v>
      </c>
      <c r="AI3076">
        <v>45</v>
      </c>
      <c r="AJ3076">
        <v>45</v>
      </c>
      <c r="AK3076">
        <v>45</v>
      </c>
      <c r="AL3076">
        <v>44</v>
      </c>
      <c r="AM3076">
        <v>44</v>
      </c>
      <c r="AN3076">
        <v>44</v>
      </c>
      <c r="AO3076">
        <v>43</v>
      </c>
      <c r="AP3076">
        <v>43</v>
      </c>
      <c r="AQ3076">
        <v>43</v>
      </c>
    </row>
    <row r="3077" spans="1:43">
      <c r="A3077" t="s">
        <v>1958</v>
      </c>
      <c r="B3077" t="s">
        <v>1959</v>
      </c>
      <c r="C3077" t="s">
        <v>1720</v>
      </c>
      <c r="D3077" t="s">
        <v>1721</v>
      </c>
      <c r="E3077" t="s">
        <v>1586</v>
      </c>
      <c r="F3077" t="s">
        <v>1587</v>
      </c>
      <c r="G3077" t="s">
        <v>80</v>
      </c>
      <c r="H3077" t="s">
        <v>81</v>
      </c>
      <c r="I3077" s="2">
        <v>0</v>
      </c>
      <c r="J3077" s="2">
        <v>1</v>
      </c>
      <c r="K3077" s="2">
        <v>0</v>
      </c>
      <c r="L3077" t="s">
        <v>82</v>
      </c>
      <c r="M3077" t="s">
        <v>83</v>
      </c>
      <c r="N3077" t="s">
        <v>91</v>
      </c>
      <c r="O3077" t="s">
        <v>85</v>
      </c>
      <c r="P3077" t="s">
        <v>86</v>
      </c>
      <c r="Q3077">
        <v>42</v>
      </c>
      <c r="R3077">
        <v>42</v>
      </c>
      <c r="S3077">
        <v>42</v>
      </c>
      <c r="T3077">
        <v>42</v>
      </c>
      <c r="U3077">
        <v>42</v>
      </c>
      <c r="V3077">
        <v>43</v>
      </c>
      <c r="W3077">
        <v>43</v>
      </c>
      <c r="X3077">
        <v>43</v>
      </c>
      <c r="Y3077">
        <v>43</v>
      </c>
      <c r="Z3077">
        <v>43</v>
      </c>
      <c r="AA3077">
        <v>43</v>
      </c>
      <c r="AB3077">
        <v>43</v>
      </c>
      <c r="AC3077">
        <v>44</v>
      </c>
      <c r="AD3077">
        <v>44</v>
      </c>
      <c r="AE3077">
        <v>44</v>
      </c>
      <c r="AF3077">
        <v>44</v>
      </c>
      <c r="AG3077">
        <v>44</v>
      </c>
      <c r="AH3077">
        <v>44</v>
      </c>
      <c r="AI3077">
        <v>44</v>
      </c>
      <c r="AJ3077">
        <v>44</v>
      </c>
      <c r="AK3077">
        <v>44</v>
      </c>
      <c r="AL3077">
        <v>44</v>
      </c>
      <c r="AM3077">
        <v>44</v>
      </c>
      <c r="AN3077">
        <v>43</v>
      </c>
      <c r="AO3077">
        <v>43</v>
      </c>
      <c r="AP3077">
        <v>43</v>
      </c>
      <c r="AQ3077">
        <v>42</v>
      </c>
    </row>
    <row r="3078" spans="1:43">
      <c r="A3078" t="s">
        <v>1960</v>
      </c>
      <c r="B3078" t="s">
        <v>1961</v>
      </c>
      <c r="C3078" t="s">
        <v>1954</v>
      </c>
      <c r="D3078" t="s">
        <v>1955</v>
      </c>
      <c r="E3078" t="s">
        <v>1586</v>
      </c>
      <c r="F3078" t="s">
        <v>1587</v>
      </c>
      <c r="G3078" t="s">
        <v>80</v>
      </c>
      <c r="H3078" t="s">
        <v>81</v>
      </c>
      <c r="I3078" s="2">
        <v>0</v>
      </c>
      <c r="J3078" s="2">
        <v>1</v>
      </c>
      <c r="K3078" s="2">
        <v>0</v>
      </c>
      <c r="L3078" t="s">
        <v>82</v>
      </c>
      <c r="M3078" t="s">
        <v>83</v>
      </c>
      <c r="N3078" t="s">
        <v>84</v>
      </c>
      <c r="O3078" t="s">
        <v>85</v>
      </c>
      <c r="P3078" t="s">
        <v>86</v>
      </c>
      <c r="Q3078">
        <v>20</v>
      </c>
      <c r="R3078">
        <v>20</v>
      </c>
      <c r="S3078">
        <v>20</v>
      </c>
      <c r="T3078">
        <v>20</v>
      </c>
      <c r="U3078">
        <v>20</v>
      </c>
      <c r="V3078">
        <v>20</v>
      </c>
      <c r="W3078">
        <v>20</v>
      </c>
      <c r="X3078">
        <v>20</v>
      </c>
      <c r="Y3078">
        <v>20</v>
      </c>
      <c r="Z3078">
        <v>20</v>
      </c>
      <c r="AA3078">
        <v>21</v>
      </c>
      <c r="AB3078">
        <v>21</v>
      </c>
      <c r="AC3078">
        <v>21</v>
      </c>
      <c r="AD3078">
        <v>21</v>
      </c>
      <c r="AE3078">
        <v>21</v>
      </c>
      <c r="AF3078">
        <v>21</v>
      </c>
      <c r="AG3078">
        <v>21</v>
      </c>
      <c r="AH3078">
        <v>21</v>
      </c>
      <c r="AI3078">
        <v>21</v>
      </c>
      <c r="AJ3078">
        <v>21</v>
      </c>
      <c r="AK3078">
        <v>21</v>
      </c>
      <c r="AL3078">
        <v>21</v>
      </c>
      <c r="AM3078">
        <v>21</v>
      </c>
      <c r="AN3078">
        <v>20</v>
      </c>
      <c r="AO3078">
        <v>20</v>
      </c>
      <c r="AP3078">
        <v>20</v>
      </c>
      <c r="AQ3078">
        <v>20</v>
      </c>
    </row>
    <row r="3079" spans="1:43">
      <c r="A3079" t="s">
        <v>1960</v>
      </c>
      <c r="B3079" t="s">
        <v>1961</v>
      </c>
      <c r="C3079" t="s">
        <v>1954</v>
      </c>
      <c r="D3079" t="s">
        <v>1955</v>
      </c>
      <c r="E3079" t="s">
        <v>1586</v>
      </c>
      <c r="F3079" t="s">
        <v>1587</v>
      </c>
      <c r="G3079" t="s">
        <v>80</v>
      </c>
      <c r="H3079" t="s">
        <v>81</v>
      </c>
      <c r="I3079" s="2">
        <v>0</v>
      </c>
      <c r="J3079" s="2">
        <v>1</v>
      </c>
      <c r="K3079" s="2">
        <v>0</v>
      </c>
      <c r="L3079" t="s">
        <v>82</v>
      </c>
      <c r="M3079" t="s">
        <v>87</v>
      </c>
      <c r="N3079" t="s">
        <v>88</v>
      </c>
      <c r="O3079" t="s">
        <v>85</v>
      </c>
      <c r="P3079" t="s">
        <v>86</v>
      </c>
      <c r="Q3079">
        <v>20</v>
      </c>
      <c r="R3079">
        <v>20</v>
      </c>
      <c r="S3079">
        <v>19</v>
      </c>
      <c r="T3079">
        <v>19</v>
      </c>
      <c r="U3079">
        <v>19</v>
      </c>
      <c r="V3079">
        <v>19</v>
      </c>
      <c r="W3079">
        <v>19</v>
      </c>
      <c r="X3079">
        <v>19</v>
      </c>
      <c r="Y3079">
        <v>19</v>
      </c>
      <c r="Z3079">
        <v>19</v>
      </c>
      <c r="AA3079">
        <v>19</v>
      </c>
      <c r="AB3079">
        <v>19</v>
      </c>
      <c r="AC3079">
        <v>19</v>
      </c>
      <c r="AD3079">
        <v>18</v>
      </c>
      <c r="AE3079">
        <v>18</v>
      </c>
      <c r="AF3079">
        <v>18</v>
      </c>
      <c r="AG3079">
        <v>18</v>
      </c>
      <c r="AH3079">
        <v>18</v>
      </c>
      <c r="AI3079">
        <v>18</v>
      </c>
      <c r="AJ3079">
        <v>18</v>
      </c>
      <c r="AK3079">
        <v>18</v>
      </c>
      <c r="AL3079">
        <v>18</v>
      </c>
      <c r="AM3079">
        <v>18</v>
      </c>
      <c r="AN3079">
        <v>18</v>
      </c>
      <c r="AO3079">
        <v>18</v>
      </c>
      <c r="AP3079">
        <v>17</v>
      </c>
      <c r="AQ3079">
        <v>17</v>
      </c>
    </row>
    <row r="3080" spans="1:43">
      <c r="A3080" t="s">
        <v>1960</v>
      </c>
      <c r="B3080" t="s">
        <v>1961</v>
      </c>
      <c r="C3080" t="s">
        <v>1954</v>
      </c>
      <c r="D3080" t="s">
        <v>1955</v>
      </c>
      <c r="E3080" t="s">
        <v>1586</v>
      </c>
      <c r="F3080" t="s">
        <v>1587</v>
      </c>
      <c r="G3080" t="s">
        <v>80</v>
      </c>
      <c r="H3080" t="s">
        <v>81</v>
      </c>
      <c r="I3080" s="2">
        <v>0</v>
      </c>
      <c r="J3080" s="2">
        <v>1</v>
      </c>
      <c r="K3080" s="2">
        <v>0</v>
      </c>
      <c r="L3080" t="s">
        <v>82</v>
      </c>
      <c r="M3080" t="s">
        <v>89</v>
      </c>
      <c r="N3080" t="s">
        <v>90</v>
      </c>
      <c r="O3080" t="s">
        <v>85</v>
      </c>
      <c r="P3080" t="s">
        <v>86</v>
      </c>
      <c r="Q3080">
        <v>20</v>
      </c>
      <c r="R3080">
        <v>20</v>
      </c>
      <c r="S3080">
        <v>20</v>
      </c>
      <c r="T3080">
        <v>21</v>
      </c>
      <c r="U3080">
        <v>21</v>
      </c>
      <c r="V3080">
        <v>21</v>
      </c>
      <c r="W3080">
        <v>21</v>
      </c>
      <c r="X3080">
        <v>21</v>
      </c>
      <c r="Y3080">
        <v>22</v>
      </c>
      <c r="Z3080">
        <v>22</v>
      </c>
      <c r="AA3080">
        <v>22</v>
      </c>
      <c r="AB3080">
        <v>22</v>
      </c>
      <c r="AC3080">
        <v>22</v>
      </c>
      <c r="AD3080">
        <v>22</v>
      </c>
      <c r="AE3080">
        <v>22</v>
      </c>
      <c r="AF3080">
        <v>22</v>
      </c>
      <c r="AG3080">
        <v>22</v>
      </c>
      <c r="AH3080">
        <v>22</v>
      </c>
      <c r="AI3080">
        <v>22</v>
      </c>
      <c r="AJ3080">
        <v>21</v>
      </c>
      <c r="AK3080">
        <v>21</v>
      </c>
      <c r="AL3080">
        <v>21</v>
      </c>
      <c r="AM3080">
        <v>21</v>
      </c>
      <c r="AN3080">
        <v>21</v>
      </c>
      <c r="AO3080">
        <v>21</v>
      </c>
      <c r="AP3080">
        <v>20</v>
      </c>
      <c r="AQ3080">
        <v>20</v>
      </c>
    </row>
    <row r="3081" spans="1:43">
      <c r="A3081" t="s">
        <v>1960</v>
      </c>
      <c r="B3081" t="s">
        <v>1961</v>
      </c>
      <c r="C3081" t="s">
        <v>1954</v>
      </c>
      <c r="D3081" t="s">
        <v>1955</v>
      </c>
      <c r="E3081" t="s">
        <v>1586</v>
      </c>
      <c r="F3081" t="s">
        <v>1587</v>
      </c>
      <c r="G3081" t="s">
        <v>80</v>
      </c>
      <c r="H3081" t="s">
        <v>81</v>
      </c>
      <c r="I3081" s="2">
        <v>0</v>
      </c>
      <c r="J3081" s="2">
        <v>1</v>
      </c>
      <c r="K3081" s="2">
        <v>0</v>
      </c>
      <c r="L3081" t="s">
        <v>82</v>
      </c>
      <c r="M3081" t="s">
        <v>83</v>
      </c>
      <c r="N3081" t="s">
        <v>91</v>
      </c>
      <c r="O3081" t="s">
        <v>85</v>
      </c>
      <c r="P3081" t="s">
        <v>86</v>
      </c>
      <c r="Q3081">
        <v>20</v>
      </c>
      <c r="R3081">
        <v>20</v>
      </c>
      <c r="S3081">
        <v>20</v>
      </c>
      <c r="T3081">
        <v>20</v>
      </c>
      <c r="U3081">
        <v>20</v>
      </c>
      <c r="V3081">
        <v>20</v>
      </c>
      <c r="W3081">
        <v>20</v>
      </c>
      <c r="X3081">
        <v>20</v>
      </c>
      <c r="Y3081">
        <v>20</v>
      </c>
      <c r="Z3081">
        <v>20</v>
      </c>
      <c r="AA3081">
        <v>21</v>
      </c>
      <c r="AB3081">
        <v>21</v>
      </c>
      <c r="AC3081">
        <v>21</v>
      </c>
      <c r="AD3081">
        <v>21</v>
      </c>
      <c r="AE3081">
        <v>21</v>
      </c>
      <c r="AF3081">
        <v>21</v>
      </c>
      <c r="AG3081">
        <v>21</v>
      </c>
      <c r="AH3081">
        <v>21</v>
      </c>
      <c r="AI3081">
        <v>21</v>
      </c>
      <c r="AJ3081">
        <v>21</v>
      </c>
      <c r="AK3081">
        <v>21</v>
      </c>
      <c r="AL3081">
        <v>21</v>
      </c>
      <c r="AM3081">
        <v>21</v>
      </c>
      <c r="AN3081">
        <v>20</v>
      </c>
      <c r="AO3081">
        <v>20</v>
      </c>
      <c r="AP3081">
        <v>20</v>
      </c>
      <c r="AQ3081">
        <v>20</v>
      </c>
    </row>
    <row r="3082" spans="1:43">
      <c r="A3082" t="s">
        <v>1962</v>
      </c>
      <c r="B3082" t="s">
        <v>1963</v>
      </c>
      <c r="C3082" t="s">
        <v>1954</v>
      </c>
      <c r="D3082" t="s">
        <v>1955</v>
      </c>
      <c r="E3082" t="s">
        <v>1586</v>
      </c>
      <c r="F3082" t="s">
        <v>1587</v>
      </c>
      <c r="G3082" t="s">
        <v>80</v>
      </c>
      <c r="H3082" t="s">
        <v>81</v>
      </c>
      <c r="I3082" s="2">
        <v>0</v>
      </c>
      <c r="J3082" s="2">
        <v>1</v>
      </c>
      <c r="K3082" s="2">
        <v>0</v>
      </c>
      <c r="L3082" t="s">
        <v>82</v>
      </c>
      <c r="M3082" t="s">
        <v>83</v>
      </c>
      <c r="N3082" t="s">
        <v>84</v>
      </c>
      <c r="O3082" t="s">
        <v>85</v>
      </c>
      <c r="P3082" t="s">
        <v>86</v>
      </c>
      <c r="Q3082">
        <v>42</v>
      </c>
      <c r="R3082">
        <v>42</v>
      </c>
      <c r="S3082">
        <v>43</v>
      </c>
      <c r="T3082">
        <v>43</v>
      </c>
      <c r="U3082">
        <v>43</v>
      </c>
      <c r="V3082">
        <v>43</v>
      </c>
      <c r="W3082">
        <v>43</v>
      </c>
      <c r="X3082">
        <v>43</v>
      </c>
      <c r="Y3082">
        <v>44</v>
      </c>
      <c r="Z3082">
        <v>44</v>
      </c>
      <c r="AA3082">
        <v>44</v>
      </c>
      <c r="AB3082">
        <v>44</v>
      </c>
      <c r="AC3082">
        <v>44</v>
      </c>
      <c r="AD3082">
        <v>44</v>
      </c>
      <c r="AE3082">
        <v>44</v>
      </c>
      <c r="AF3082">
        <v>44</v>
      </c>
      <c r="AG3082">
        <v>44</v>
      </c>
      <c r="AH3082">
        <v>44</v>
      </c>
      <c r="AI3082">
        <v>44</v>
      </c>
      <c r="AJ3082">
        <v>45</v>
      </c>
      <c r="AK3082">
        <v>45</v>
      </c>
      <c r="AL3082">
        <v>44</v>
      </c>
      <c r="AM3082">
        <v>44</v>
      </c>
      <c r="AN3082">
        <v>44</v>
      </c>
      <c r="AO3082">
        <v>43</v>
      </c>
      <c r="AP3082">
        <v>43</v>
      </c>
      <c r="AQ3082">
        <v>43</v>
      </c>
    </row>
    <row r="3083" spans="1:43">
      <c r="A3083" t="s">
        <v>1962</v>
      </c>
      <c r="B3083" t="s">
        <v>1963</v>
      </c>
      <c r="C3083" t="s">
        <v>1954</v>
      </c>
      <c r="D3083" t="s">
        <v>1955</v>
      </c>
      <c r="E3083" t="s">
        <v>1586</v>
      </c>
      <c r="F3083" t="s">
        <v>1587</v>
      </c>
      <c r="G3083" t="s">
        <v>80</v>
      </c>
      <c r="H3083" t="s">
        <v>81</v>
      </c>
      <c r="I3083" s="2">
        <v>0</v>
      </c>
      <c r="J3083" s="2">
        <v>1</v>
      </c>
      <c r="K3083" s="2">
        <v>0</v>
      </c>
      <c r="L3083" t="s">
        <v>82</v>
      </c>
      <c r="M3083" t="s">
        <v>87</v>
      </c>
      <c r="N3083" t="s">
        <v>88</v>
      </c>
      <c r="O3083" t="s">
        <v>85</v>
      </c>
      <c r="P3083" t="s">
        <v>86</v>
      </c>
      <c r="Q3083">
        <v>42</v>
      </c>
      <c r="R3083">
        <v>42</v>
      </c>
      <c r="S3083">
        <v>41</v>
      </c>
      <c r="T3083">
        <v>41</v>
      </c>
      <c r="U3083">
        <v>41</v>
      </c>
      <c r="V3083">
        <v>41</v>
      </c>
      <c r="W3083">
        <v>41</v>
      </c>
      <c r="X3083">
        <v>40</v>
      </c>
      <c r="Y3083">
        <v>40</v>
      </c>
      <c r="Z3083">
        <v>40</v>
      </c>
      <c r="AA3083">
        <v>40</v>
      </c>
      <c r="AB3083">
        <v>40</v>
      </c>
      <c r="AC3083">
        <v>40</v>
      </c>
      <c r="AD3083">
        <v>39</v>
      </c>
      <c r="AE3083">
        <v>39</v>
      </c>
      <c r="AF3083">
        <v>39</v>
      </c>
      <c r="AG3083">
        <v>39</v>
      </c>
      <c r="AH3083">
        <v>39</v>
      </c>
      <c r="AI3083">
        <v>38</v>
      </c>
      <c r="AJ3083">
        <v>38</v>
      </c>
      <c r="AK3083">
        <v>38</v>
      </c>
      <c r="AL3083">
        <v>38</v>
      </c>
      <c r="AM3083">
        <v>38</v>
      </c>
      <c r="AN3083">
        <v>37</v>
      </c>
      <c r="AO3083">
        <v>37</v>
      </c>
      <c r="AP3083">
        <v>37</v>
      </c>
      <c r="AQ3083">
        <v>37</v>
      </c>
    </row>
    <row r="3084" spans="1:43">
      <c r="A3084" t="s">
        <v>1962</v>
      </c>
      <c r="B3084" t="s">
        <v>1963</v>
      </c>
      <c r="C3084" t="s">
        <v>1954</v>
      </c>
      <c r="D3084" t="s">
        <v>1955</v>
      </c>
      <c r="E3084" t="s">
        <v>1586</v>
      </c>
      <c r="F3084" t="s">
        <v>1587</v>
      </c>
      <c r="G3084" t="s">
        <v>80</v>
      </c>
      <c r="H3084" t="s">
        <v>81</v>
      </c>
      <c r="I3084" s="2">
        <v>0</v>
      </c>
      <c r="J3084" s="2">
        <v>1</v>
      </c>
      <c r="K3084" s="2">
        <v>0</v>
      </c>
      <c r="L3084" t="s">
        <v>82</v>
      </c>
      <c r="M3084" t="s">
        <v>89</v>
      </c>
      <c r="N3084" t="s">
        <v>90</v>
      </c>
      <c r="O3084" t="s">
        <v>85</v>
      </c>
      <c r="P3084" t="s">
        <v>86</v>
      </c>
      <c r="Q3084">
        <v>42</v>
      </c>
      <c r="R3084">
        <v>42</v>
      </c>
      <c r="S3084">
        <v>43</v>
      </c>
      <c r="T3084">
        <v>43</v>
      </c>
      <c r="U3084">
        <v>44</v>
      </c>
      <c r="V3084">
        <v>44</v>
      </c>
      <c r="W3084">
        <v>45</v>
      </c>
      <c r="X3084">
        <v>45</v>
      </c>
      <c r="Y3084">
        <v>45</v>
      </c>
      <c r="Z3084">
        <v>45</v>
      </c>
      <c r="AA3084">
        <v>46</v>
      </c>
      <c r="AB3084">
        <v>46</v>
      </c>
      <c r="AC3084">
        <v>46</v>
      </c>
      <c r="AD3084">
        <v>46</v>
      </c>
      <c r="AE3084">
        <v>46</v>
      </c>
      <c r="AF3084">
        <v>46</v>
      </c>
      <c r="AG3084">
        <v>46</v>
      </c>
      <c r="AH3084">
        <v>45</v>
      </c>
      <c r="AI3084">
        <v>45</v>
      </c>
      <c r="AJ3084">
        <v>45</v>
      </c>
      <c r="AK3084">
        <v>44</v>
      </c>
      <c r="AL3084">
        <v>44</v>
      </c>
      <c r="AM3084">
        <v>44</v>
      </c>
      <c r="AN3084">
        <v>43</v>
      </c>
      <c r="AO3084">
        <v>43</v>
      </c>
      <c r="AP3084">
        <v>43</v>
      </c>
      <c r="AQ3084">
        <v>42</v>
      </c>
    </row>
    <row r="3085" spans="1:43">
      <c r="A3085" t="s">
        <v>1962</v>
      </c>
      <c r="B3085" t="s">
        <v>1963</v>
      </c>
      <c r="C3085" t="s">
        <v>1954</v>
      </c>
      <c r="D3085" t="s">
        <v>1955</v>
      </c>
      <c r="E3085" t="s">
        <v>1586</v>
      </c>
      <c r="F3085" t="s">
        <v>1587</v>
      </c>
      <c r="G3085" t="s">
        <v>80</v>
      </c>
      <c r="H3085" t="s">
        <v>81</v>
      </c>
      <c r="I3085" s="2">
        <v>0</v>
      </c>
      <c r="J3085" s="2">
        <v>1</v>
      </c>
      <c r="K3085" s="2">
        <v>0</v>
      </c>
      <c r="L3085" t="s">
        <v>82</v>
      </c>
      <c r="M3085" t="s">
        <v>83</v>
      </c>
      <c r="N3085" t="s">
        <v>91</v>
      </c>
      <c r="O3085" t="s">
        <v>85</v>
      </c>
      <c r="P3085" t="s">
        <v>86</v>
      </c>
      <c r="Q3085">
        <v>42</v>
      </c>
      <c r="R3085">
        <v>42</v>
      </c>
      <c r="S3085">
        <v>43</v>
      </c>
      <c r="T3085">
        <v>43</v>
      </c>
      <c r="U3085">
        <v>43</v>
      </c>
      <c r="V3085">
        <v>43</v>
      </c>
      <c r="W3085">
        <v>43</v>
      </c>
      <c r="X3085">
        <v>43</v>
      </c>
      <c r="Y3085">
        <v>44</v>
      </c>
      <c r="Z3085">
        <v>44</v>
      </c>
      <c r="AA3085">
        <v>44</v>
      </c>
      <c r="AB3085">
        <v>44</v>
      </c>
      <c r="AC3085">
        <v>44</v>
      </c>
      <c r="AD3085">
        <v>44</v>
      </c>
      <c r="AE3085">
        <v>44</v>
      </c>
      <c r="AF3085">
        <v>44</v>
      </c>
      <c r="AG3085">
        <v>44</v>
      </c>
      <c r="AH3085">
        <v>44</v>
      </c>
      <c r="AI3085">
        <v>44</v>
      </c>
      <c r="AJ3085">
        <v>45</v>
      </c>
      <c r="AK3085">
        <v>45</v>
      </c>
      <c r="AL3085">
        <v>44</v>
      </c>
      <c r="AM3085">
        <v>44</v>
      </c>
      <c r="AN3085">
        <v>44</v>
      </c>
      <c r="AO3085">
        <v>43</v>
      </c>
      <c r="AP3085">
        <v>43</v>
      </c>
      <c r="AQ3085">
        <v>43</v>
      </c>
    </row>
    <row r="3086" spans="1:43">
      <c r="A3086" t="s">
        <v>1964</v>
      </c>
      <c r="B3086" t="s">
        <v>1965</v>
      </c>
      <c r="C3086" t="s">
        <v>1954</v>
      </c>
      <c r="D3086" t="s">
        <v>1955</v>
      </c>
      <c r="E3086" t="s">
        <v>1586</v>
      </c>
      <c r="F3086" t="s">
        <v>1587</v>
      </c>
      <c r="G3086" t="s">
        <v>80</v>
      </c>
      <c r="H3086" t="s">
        <v>81</v>
      </c>
      <c r="I3086" s="2">
        <v>0</v>
      </c>
      <c r="J3086" s="2">
        <v>1</v>
      </c>
      <c r="K3086" s="2">
        <v>0</v>
      </c>
      <c r="L3086" t="s">
        <v>82</v>
      </c>
      <c r="M3086" t="s">
        <v>83</v>
      </c>
      <c r="N3086" t="s">
        <v>84</v>
      </c>
      <c r="O3086" t="s">
        <v>85</v>
      </c>
      <c r="P3086" t="s">
        <v>86</v>
      </c>
      <c r="Q3086">
        <v>76</v>
      </c>
      <c r="R3086">
        <v>76</v>
      </c>
      <c r="S3086">
        <v>76</v>
      </c>
      <c r="T3086">
        <v>77</v>
      </c>
      <c r="U3086">
        <v>77</v>
      </c>
      <c r="V3086">
        <v>77</v>
      </c>
      <c r="W3086">
        <v>77</v>
      </c>
      <c r="X3086">
        <v>77</v>
      </c>
      <c r="Y3086">
        <v>77</v>
      </c>
      <c r="Z3086">
        <v>78</v>
      </c>
      <c r="AA3086">
        <v>78</v>
      </c>
      <c r="AB3086">
        <v>78</v>
      </c>
      <c r="AC3086">
        <v>78</v>
      </c>
      <c r="AD3086">
        <v>78</v>
      </c>
      <c r="AE3086">
        <v>78</v>
      </c>
      <c r="AF3086">
        <v>78</v>
      </c>
      <c r="AG3086">
        <v>78</v>
      </c>
      <c r="AH3086">
        <v>78</v>
      </c>
      <c r="AI3086">
        <v>78</v>
      </c>
      <c r="AJ3086">
        <v>78</v>
      </c>
      <c r="AK3086">
        <v>78</v>
      </c>
      <c r="AL3086">
        <v>78</v>
      </c>
      <c r="AM3086">
        <v>77</v>
      </c>
      <c r="AN3086">
        <v>76</v>
      </c>
      <c r="AO3086">
        <v>75</v>
      </c>
      <c r="AP3086">
        <v>75</v>
      </c>
      <c r="AQ3086">
        <v>74</v>
      </c>
    </row>
    <row r="3087" spans="1:43">
      <c r="A3087" t="s">
        <v>1964</v>
      </c>
      <c r="B3087" t="s">
        <v>1965</v>
      </c>
      <c r="C3087" t="s">
        <v>1954</v>
      </c>
      <c r="D3087" t="s">
        <v>1955</v>
      </c>
      <c r="E3087" t="s">
        <v>1586</v>
      </c>
      <c r="F3087" t="s">
        <v>1587</v>
      </c>
      <c r="G3087" t="s">
        <v>80</v>
      </c>
      <c r="H3087" t="s">
        <v>81</v>
      </c>
      <c r="I3087" s="2">
        <v>0</v>
      </c>
      <c r="J3087" s="2">
        <v>1</v>
      </c>
      <c r="K3087" s="2">
        <v>0</v>
      </c>
      <c r="L3087" t="s">
        <v>82</v>
      </c>
      <c r="M3087" t="s">
        <v>87</v>
      </c>
      <c r="N3087" t="s">
        <v>88</v>
      </c>
      <c r="O3087" t="s">
        <v>85</v>
      </c>
      <c r="P3087" t="s">
        <v>86</v>
      </c>
      <c r="Q3087">
        <v>76</v>
      </c>
      <c r="R3087">
        <v>76</v>
      </c>
      <c r="S3087">
        <v>75</v>
      </c>
      <c r="T3087">
        <v>75</v>
      </c>
      <c r="U3087">
        <v>74</v>
      </c>
      <c r="V3087">
        <v>74</v>
      </c>
      <c r="W3087">
        <v>74</v>
      </c>
      <c r="X3087">
        <v>73</v>
      </c>
      <c r="Y3087">
        <v>73</v>
      </c>
      <c r="Z3087">
        <v>72</v>
      </c>
      <c r="AA3087">
        <v>72</v>
      </c>
      <c r="AB3087">
        <v>71</v>
      </c>
      <c r="AC3087">
        <v>71</v>
      </c>
      <c r="AD3087">
        <v>70</v>
      </c>
      <c r="AE3087">
        <v>70</v>
      </c>
      <c r="AF3087">
        <v>70</v>
      </c>
      <c r="AG3087">
        <v>69</v>
      </c>
      <c r="AH3087">
        <v>69</v>
      </c>
      <c r="AI3087">
        <v>68</v>
      </c>
      <c r="AJ3087">
        <v>68</v>
      </c>
      <c r="AK3087">
        <v>67</v>
      </c>
      <c r="AL3087">
        <v>67</v>
      </c>
      <c r="AM3087">
        <v>67</v>
      </c>
      <c r="AN3087">
        <v>66</v>
      </c>
      <c r="AO3087">
        <v>66</v>
      </c>
      <c r="AP3087">
        <v>65</v>
      </c>
      <c r="AQ3087">
        <v>65</v>
      </c>
    </row>
    <row r="3088" spans="1:43">
      <c r="A3088" t="s">
        <v>1964</v>
      </c>
      <c r="B3088" t="s">
        <v>1965</v>
      </c>
      <c r="C3088" t="s">
        <v>1954</v>
      </c>
      <c r="D3088" t="s">
        <v>1955</v>
      </c>
      <c r="E3088" t="s">
        <v>1586</v>
      </c>
      <c r="F3088" t="s">
        <v>1587</v>
      </c>
      <c r="G3088" t="s">
        <v>80</v>
      </c>
      <c r="H3088" t="s">
        <v>81</v>
      </c>
      <c r="I3088" s="2">
        <v>0</v>
      </c>
      <c r="J3088" s="2">
        <v>1</v>
      </c>
      <c r="K3088" s="2">
        <v>0</v>
      </c>
      <c r="L3088" t="s">
        <v>82</v>
      </c>
      <c r="M3088" t="s">
        <v>89</v>
      </c>
      <c r="N3088" t="s">
        <v>90</v>
      </c>
      <c r="O3088" t="s">
        <v>85</v>
      </c>
      <c r="P3088" t="s">
        <v>86</v>
      </c>
      <c r="Q3088">
        <v>76</v>
      </c>
      <c r="R3088">
        <v>77</v>
      </c>
      <c r="S3088">
        <v>77</v>
      </c>
      <c r="T3088">
        <v>78</v>
      </c>
      <c r="U3088">
        <v>79</v>
      </c>
      <c r="V3088">
        <v>80</v>
      </c>
      <c r="W3088">
        <v>80</v>
      </c>
      <c r="X3088">
        <v>81</v>
      </c>
      <c r="Y3088">
        <v>81</v>
      </c>
      <c r="Z3088">
        <v>82</v>
      </c>
      <c r="AA3088">
        <v>82</v>
      </c>
      <c r="AB3088">
        <v>82</v>
      </c>
      <c r="AC3088">
        <v>83</v>
      </c>
      <c r="AD3088">
        <v>83</v>
      </c>
      <c r="AE3088">
        <v>83</v>
      </c>
      <c r="AF3088">
        <v>82</v>
      </c>
      <c r="AG3088">
        <v>81</v>
      </c>
      <c r="AH3088">
        <v>80</v>
      </c>
      <c r="AI3088">
        <v>80</v>
      </c>
      <c r="AJ3088">
        <v>79</v>
      </c>
      <c r="AK3088">
        <v>78</v>
      </c>
      <c r="AL3088">
        <v>77</v>
      </c>
      <c r="AM3088">
        <v>77</v>
      </c>
      <c r="AN3088">
        <v>76</v>
      </c>
      <c r="AO3088">
        <v>75</v>
      </c>
      <c r="AP3088">
        <v>75</v>
      </c>
      <c r="AQ3088">
        <v>74</v>
      </c>
    </row>
    <row r="3089" spans="1:43">
      <c r="A3089" t="s">
        <v>1964</v>
      </c>
      <c r="B3089" t="s">
        <v>1965</v>
      </c>
      <c r="C3089" t="s">
        <v>1954</v>
      </c>
      <c r="D3089" t="s">
        <v>1955</v>
      </c>
      <c r="E3089" t="s">
        <v>1586</v>
      </c>
      <c r="F3089" t="s">
        <v>1587</v>
      </c>
      <c r="G3089" t="s">
        <v>80</v>
      </c>
      <c r="H3089" t="s">
        <v>81</v>
      </c>
      <c r="I3089" s="2">
        <v>0</v>
      </c>
      <c r="J3089" s="2">
        <v>1</v>
      </c>
      <c r="K3089" s="2">
        <v>0</v>
      </c>
      <c r="L3089" t="s">
        <v>82</v>
      </c>
      <c r="M3089" t="s">
        <v>83</v>
      </c>
      <c r="N3089" t="s">
        <v>91</v>
      </c>
      <c r="O3089" t="s">
        <v>85</v>
      </c>
      <c r="P3089" t="s">
        <v>86</v>
      </c>
      <c r="Q3089">
        <v>76</v>
      </c>
      <c r="R3089">
        <v>76</v>
      </c>
      <c r="S3089">
        <v>76</v>
      </c>
      <c r="T3089">
        <v>77</v>
      </c>
      <c r="U3089">
        <v>77</v>
      </c>
      <c r="V3089">
        <v>77</v>
      </c>
      <c r="W3089">
        <v>77</v>
      </c>
      <c r="X3089">
        <v>77</v>
      </c>
      <c r="Y3089">
        <v>77</v>
      </c>
      <c r="Z3089">
        <v>78</v>
      </c>
      <c r="AA3089">
        <v>78</v>
      </c>
      <c r="AB3089">
        <v>78</v>
      </c>
      <c r="AC3089">
        <v>78</v>
      </c>
      <c r="AD3089">
        <v>78</v>
      </c>
      <c r="AE3089">
        <v>78</v>
      </c>
      <c r="AF3089">
        <v>78</v>
      </c>
      <c r="AG3089">
        <v>78</v>
      </c>
      <c r="AH3089">
        <v>78</v>
      </c>
      <c r="AI3089">
        <v>78</v>
      </c>
      <c r="AJ3089">
        <v>78</v>
      </c>
      <c r="AK3089">
        <v>78</v>
      </c>
      <c r="AL3089">
        <v>78</v>
      </c>
      <c r="AM3089">
        <v>77</v>
      </c>
      <c r="AN3089">
        <v>76</v>
      </c>
      <c r="AO3089">
        <v>75</v>
      </c>
      <c r="AP3089">
        <v>75</v>
      </c>
      <c r="AQ3089">
        <v>74</v>
      </c>
    </row>
    <row r="3090" spans="1:43">
      <c r="A3090" t="s">
        <v>1966</v>
      </c>
      <c r="B3090" t="s">
        <v>1967</v>
      </c>
      <c r="C3090" t="s">
        <v>1954</v>
      </c>
      <c r="D3090" t="s">
        <v>1955</v>
      </c>
      <c r="E3090" t="s">
        <v>1586</v>
      </c>
      <c r="F3090" t="s">
        <v>1587</v>
      </c>
      <c r="G3090" t="s">
        <v>80</v>
      </c>
      <c r="H3090" t="s">
        <v>81</v>
      </c>
      <c r="I3090" s="2">
        <v>0</v>
      </c>
      <c r="J3090" s="2">
        <v>1</v>
      </c>
      <c r="K3090" s="2">
        <v>0</v>
      </c>
      <c r="L3090" t="s">
        <v>82</v>
      </c>
      <c r="M3090" t="s">
        <v>83</v>
      </c>
      <c r="N3090" t="s">
        <v>84</v>
      </c>
      <c r="O3090" t="s">
        <v>85</v>
      </c>
      <c r="P3090" t="s">
        <v>86</v>
      </c>
      <c r="Q3090">
        <v>45</v>
      </c>
      <c r="R3090">
        <v>45</v>
      </c>
      <c r="S3090">
        <v>45</v>
      </c>
      <c r="T3090">
        <v>45</v>
      </c>
      <c r="U3090">
        <v>46</v>
      </c>
      <c r="V3090">
        <v>46</v>
      </c>
      <c r="W3090">
        <v>46</v>
      </c>
      <c r="X3090">
        <v>46</v>
      </c>
      <c r="Y3090">
        <v>46</v>
      </c>
      <c r="Z3090">
        <v>46</v>
      </c>
      <c r="AA3090">
        <v>47</v>
      </c>
      <c r="AB3090">
        <v>47</v>
      </c>
      <c r="AC3090">
        <v>47</v>
      </c>
      <c r="AD3090">
        <v>47</v>
      </c>
      <c r="AE3090">
        <v>47</v>
      </c>
      <c r="AF3090">
        <v>47</v>
      </c>
      <c r="AG3090">
        <v>47</v>
      </c>
      <c r="AH3090">
        <v>47</v>
      </c>
      <c r="AI3090">
        <v>47</v>
      </c>
      <c r="AJ3090">
        <v>47</v>
      </c>
      <c r="AK3090">
        <v>47</v>
      </c>
      <c r="AL3090">
        <v>47</v>
      </c>
      <c r="AM3090">
        <v>47</v>
      </c>
      <c r="AN3090">
        <v>46</v>
      </c>
      <c r="AO3090">
        <v>46</v>
      </c>
      <c r="AP3090">
        <v>46</v>
      </c>
      <c r="AQ3090">
        <v>45</v>
      </c>
    </row>
    <row r="3091" spans="1:43">
      <c r="A3091" t="s">
        <v>1966</v>
      </c>
      <c r="B3091" t="s">
        <v>1967</v>
      </c>
      <c r="C3091" t="s">
        <v>1954</v>
      </c>
      <c r="D3091" t="s">
        <v>1955</v>
      </c>
      <c r="E3091" t="s">
        <v>1586</v>
      </c>
      <c r="F3091" t="s">
        <v>1587</v>
      </c>
      <c r="G3091" t="s">
        <v>80</v>
      </c>
      <c r="H3091" t="s">
        <v>81</v>
      </c>
      <c r="I3091" s="2">
        <v>0</v>
      </c>
      <c r="J3091" s="2">
        <v>1</v>
      </c>
      <c r="K3091" s="2">
        <v>0</v>
      </c>
      <c r="L3091" t="s">
        <v>82</v>
      </c>
      <c r="M3091" t="s">
        <v>87</v>
      </c>
      <c r="N3091" t="s">
        <v>88</v>
      </c>
      <c r="O3091" t="s">
        <v>85</v>
      </c>
      <c r="P3091" t="s">
        <v>86</v>
      </c>
      <c r="Q3091">
        <v>45</v>
      </c>
      <c r="R3091">
        <v>45</v>
      </c>
      <c r="S3091">
        <v>45</v>
      </c>
      <c r="T3091">
        <v>45</v>
      </c>
      <c r="U3091">
        <v>45</v>
      </c>
      <c r="V3091">
        <v>44</v>
      </c>
      <c r="W3091">
        <v>44</v>
      </c>
      <c r="X3091">
        <v>44</v>
      </c>
      <c r="Y3091">
        <v>44</v>
      </c>
      <c r="Z3091">
        <v>44</v>
      </c>
      <c r="AA3091">
        <v>43</v>
      </c>
      <c r="AB3091">
        <v>43</v>
      </c>
      <c r="AC3091">
        <v>43</v>
      </c>
      <c r="AD3091">
        <v>43</v>
      </c>
      <c r="AE3091">
        <v>43</v>
      </c>
      <c r="AF3091">
        <v>42</v>
      </c>
      <c r="AG3091">
        <v>42</v>
      </c>
      <c r="AH3091">
        <v>42</v>
      </c>
      <c r="AI3091">
        <v>42</v>
      </c>
      <c r="AJ3091">
        <v>42</v>
      </c>
      <c r="AK3091">
        <v>42</v>
      </c>
      <c r="AL3091">
        <v>41</v>
      </c>
      <c r="AM3091">
        <v>41</v>
      </c>
      <c r="AN3091">
        <v>41</v>
      </c>
      <c r="AO3091">
        <v>41</v>
      </c>
      <c r="AP3091">
        <v>41</v>
      </c>
      <c r="AQ3091">
        <v>40</v>
      </c>
    </row>
    <row r="3092" spans="1:43">
      <c r="A3092" t="s">
        <v>1966</v>
      </c>
      <c r="B3092" t="s">
        <v>1967</v>
      </c>
      <c r="C3092" t="s">
        <v>1954</v>
      </c>
      <c r="D3092" t="s">
        <v>1955</v>
      </c>
      <c r="E3092" t="s">
        <v>1586</v>
      </c>
      <c r="F3092" t="s">
        <v>1587</v>
      </c>
      <c r="G3092" t="s">
        <v>80</v>
      </c>
      <c r="H3092" t="s">
        <v>81</v>
      </c>
      <c r="I3092" s="2">
        <v>0</v>
      </c>
      <c r="J3092" s="2">
        <v>1</v>
      </c>
      <c r="K3092" s="2">
        <v>0</v>
      </c>
      <c r="L3092" t="s">
        <v>82</v>
      </c>
      <c r="M3092" t="s">
        <v>89</v>
      </c>
      <c r="N3092" t="s">
        <v>90</v>
      </c>
      <c r="O3092" t="s">
        <v>85</v>
      </c>
      <c r="P3092" t="s">
        <v>86</v>
      </c>
      <c r="Q3092">
        <v>45</v>
      </c>
      <c r="R3092">
        <v>46</v>
      </c>
      <c r="S3092">
        <v>46</v>
      </c>
      <c r="T3092">
        <v>47</v>
      </c>
      <c r="U3092">
        <v>47</v>
      </c>
      <c r="V3092">
        <v>48</v>
      </c>
      <c r="W3092">
        <v>48</v>
      </c>
      <c r="X3092">
        <v>49</v>
      </c>
      <c r="Y3092">
        <v>49</v>
      </c>
      <c r="Z3092">
        <v>49</v>
      </c>
      <c r="AA3092">
        <v>50</v>
      </c>
      <c r="AB3092">
        <v>50</v>
      </c>
      <c r="AC3092">
        <v>50</v>
      </c>
      <c r="AD3092">
        <v>50</v>
      </c>
      <c r="AE3092">
        <v>50</v>
      </c>
      <c r="AF3092">
        <v>50</v>
      </c>
      <c r="AG3092">
        <v>50</v>
      </c>
      <c r="AH3092">
        <v>49</v>
      </c>
      <c r="AI3092">
        <v>49</v>
      </c>
      <c r="AJ3092">
        <v>48</v>
      </c>
      <c r="AK3092">
        <v>48</v>
      </c>
      <c r="AL3092">
        <v>48</v>
      </c>
      <c r="AM3092">
        <v>47</v>
      </c>
      <c r="AN3092">
        <v>47</v>
      </c>
      <c r="AO3092">
        <v>47</v>
      </c>
      <c r="AP3092">
        <v>46</v>
      </c>
      <c r="AQ3092">
        <v>46</v>
      </c>
    </row>
    <row r="3093" spans="1:43">
      <c r="A3093" t="s">
        <v>1966</v>
      </c>
      <c r="B3093" t="s">
        <v>1967</v>
      </c>
      <c r="C3093" t="s">
        <v>1954</v>
      </c>
      <c r="D3093" t="s">
        <v>1955</v>
      </c>
      <c r="E3093" t="s">
        <v>1586</v>
      </c>
      <c r="F3093" t="s">
        <v>1587</v>
      </c>
      <c r="G3093" t="s">
        <v>80</v>
      </c>
      <c r="H3093" t="s">
        <v>81</v>
      </c>
      <c r="I3093" s="2">
        <v>0</v>
      </c>
      <c r="J3093" s="2">
        <v>1</v>
      </c>
      <c r="K3093" s="2">
        <v>0</v>
      </c>
      <c r="L3093" t="s">
        <v>82</v>
      </c>
      <c r="M3093" t="s">
        <v>83</v>
      </c>
      <c r="N3093" t="s">
        <v>91</v>
      </c>
      <c r="O3093" t="s">
        <v>85</v>
      </c>
      <c r="P3093" t="s">
        <v>86</v>
      </c>
      <c r="Q3093">
        <v>45</v>
      </c>
      <c r="R3093">
        <v>45</v>
      </c>
      <c r="S3093">
        <v>45</v>
      </c>
      <c r="T3093">
        <v>45</v>
      </c>
      <c r="U3093">
        <v>46</v>
      </c>
      <c r="V3093">
        <v>46</v>
      </c>
      <c r="W3093">
        <v>46</v>
      </c>
      <c r="X3093">
        <v>46</v>
      </c>
      <c r="Y3093">
        <v>46</v>
      </c>
      <c r="Z3093">
        <v>46</v>
      </c>
      <c r="AA3093">
        <v>47</v>
      </c>
      <c r="AB3093">
        <v>47</v>
      </c>
      <c r="AC3093">
        <v>47</v>
      </c>
      <c r="AD3093">
        <v>47</v>
      </c>
      <c r="AE3093">
        <v>47</v>
      </c>
      <c r="AF3093">
        <v>47</v>
      </c>
      <c r="AG3093">
        <v>47</v>
      </c>
      <c r="AH3093">
        <v>47</v>
      </c>
      <c r="AI3093">
        <v>47</v>
      </c>
      <c r="AJ3093">
        <v>47</v>
      </c>
      <c r="AK3093">
        <v>47</v>
      </c>
      <c r="AL3093">
        <v>47</v>
      </c>
      <c r="AM3093">
        <v>47</v>
      </c>
      <c r="AN3093">
        <v>46</v>
      </c>
      <c r="AO3093">
        <v>46</v>
      </c>
      <c r="AP3093">
        <v>46</v>
      </c>
      <c r="AQ3093">
        <v>45</v>
      </c>
    </row>
    <row r="3094" spans="1:43">
      <c r="A3094" t="s">
        <v>1968</v>
      </c>
      <c r="B3094" t="s">
        <v>1969</v>
      </c>
      <c r="C3094" t="s">
        <v>1828</v>
      </c>
      <c r="D3094" t="s">
        <v>1829</v>
      </c>
      <c r="E3094" t="s">
        <v>1586</v>
      </c>
      <c r="F3094" t="s">
        <v>1587</v>
      </c>
      <c r="G3094" t="s">
        <v>80</v>
      </c>
      <c r="H3094" t="s">
        <v>81</v>
      </c>
      <c r="I3094" s="2">
        <v>0</v>
      </c>
      <c r="J3094" s="2">
        <v>1</v>
      </c>
      <c r="K3094" s="2">
        <v>0</v>
      </c>
      <c r="L3094" t="s">
        <v>82</v>
      </c>
      <c r="M3094" t="s">
        <v>83</v>
      </c>
      <c r="N3094" t="s">
        <v>84</v>
      </c>
      <c r="O3094" t="s">
        <v>85</v>
      </c>
      <c r="P3094" t="s">
        <v>86</v>
      </c>
      <c r="Q3094">
        <v>87</v>
      </c>
      <c r="R3094">
        <v>87</v>
      </c>
      <c r="S3094">
        <v>88</v>
      </c>
      <c r="T3094">
        <v>88</v>
      </c>
      <c r="U3094">
        <v>88</v>
      </c>
      <c r="V3094">
        <v>89</v>
      </c>
      <c r="W3094">
        <v>89</v>
      </c>
      <c r="X3094">
        <v>89</v>
      </c>
      <c r="Y3094">
        <v>90</v>
      </c>
      <c r="Z3094">
        <v>90</v>
      </c>
      <c r="AA3094">
        <v>90</v>
      </c>
      <c r="AB3094">
        <v>90</v>
      </c>
      <c r="AC3094">
        <v>91</v>
      </c>
      <c r="AD3094">
        <v>91</v>
      </c>
      <c r="AE3094">
        <v>91</v>
      </c>
      <c r="AF3094">
        <v>91</v>
      </c>
      <c r="AG3094">
        <v>91</v>
      </c>
      <c r="AH3094">
        <v>91</v>
      </c>
      <c r="AI3094">
        <v>91</v>
      </c>
      <c r="AJ3094">
        <v>91</v>
      </c>
      <c r="AK3094">
        <v>92</v>
      </c>
      <c r="AL3094">
        <v>91</v>
      </c>
      <c r="AM3094">
        <v>90</v>
      </c>
      <c r="AN3094">
        <v>90</v>
      </c>
      <c r="AO3094">
        <v>89</v>
      </c>
      <c r="AP3094">
        <v>88</v>
      </c>
      <c r="AQ3094">
        <v>88</v>
      </c>
    </row>
    <row r="3095" spans="1:43">
      <c r="A3095" t="s">
        <v>1968</v>
      </c>
      <c r="B3095" t="s">
        <v>1969</v>
      </c>
      <c r="C3095" t="s">
        <v>1828</v>
      </c>
      <c r="D3095" t="s">
        <v>1829</v>
      </c>
      <c r="E3095" t="s">
        <v>1586</v>
      </c>
      <c r="F3095" t="s">
        <v>1587</v>
      </c>
      <c r="G3095" t="s">
        <v>80</v>
      </c>
      <c r="H3095" t="s">
        <v>81</v>
      </c>
      <c r="I3095" s="2">
        <v>0</v>
      </c>
      <c r="J3095" s="2">
        <v>1</v>
      </c>
      <c r="K3095" s="2">
        <v>0</v>
      </c>
      <c r="L3095" t="s">
        <v>82</v>
      </c>
      <c r="M3095" t="s">
        <v>87</v>
      </c>
      <c r="N3095" t="s">
        <v>88</v>
      </c>
      <c r="O3095" t="s">
        <v>85</v>
      </c>
      <c r="P3095" t="s">
        <v>86</v>
      </c>
      <c r="Q3095">
        <v>87</v>
      </c>
      <c r="R3095">
        <v>87</v>
      </c>
      <c r="S3095">
        <v>86</v>
      </c>
      <c r="T3095">
        <v>86</v>
      </c>
      <c r="U3095">
        <v>85</v>
      </c>
      <c r="V3095">
        <v>85</v>
      </c>
      <c r="W3095">
        <v>85</v>
      </c>
      <c r="X3095">
        <v>84</v>
      </c>
      <c r="Y3095">
        <v>84</v>
      </c>
      <c r="Z3095">
        <v>83</v>
      </c>
      <c r="AA3095">
        <v>83</v>
      </c>
      <c r="AB3095">
        <v>83</v>
      </c>
      <c r="AC3095">
        <v>82</v>
      </c>
      <c r="AD3095">
        <v>82</v>
      </c>
      <c r="AE3095">
        <v>82</v>
      </c>
      <c r="AF3095">
        <v>81</v>
      </c>
      <c r="AG3095">
        <v>81</v>
      </c>
      <c r="AH3095">
        <v>80</v>
      </c>
      <c r="AI3095">
        <v>80</v>
      </c>
      <c r="AJ3095">
        <v>80</v>
      </c>
      <c r="AK3095">
        <v>79</v>
      </c>
      <c r="AL3095">
        <v>79</v>
      </c>
      <c r="AM3095">
        <v>79</v>
      </c>
      <c r="AN3095">
        <v>78</v>
      </c>
      <c r="AO3095">
        <v>78</v>
      </c>
      <c r="AP3095">
        <v>78</v>
      </c>
      <c r="AQ3095">
        <v>77</v>
      </c>
    </row>
    <row r="3096" spans="1:43">
      <c r="A3096" t="s">
        <v>1968</v>
      </c>
      <c r="B3096" t="s">
        <v>1969</v>
      </c>
      <c r="C3096" t="s">
        <v>1828</v>
      </c>
      <c r="D3096" t="s">
        <v>1829</v>
      </c>
      <c r="E3096" t="s">
        <v>1586</v>
      </c>
      <c r="F3096" t="s">
        <v>1587</v>
      </c>
      <c r="G3096" t="s">
        <v>80</v>
      </c>
      <c r="H3096" t="s">
        <v>81</v>
      </c>
      <c r="I3096" s="2">
        <v>0</v>
      </c>
      <c r="J3096" s="2">
        <v>1</v>
      </c>
      <c r="K3096" s="2">
        <v>0</v>
      </c>
      <c r="L3096" t="s">
        <v>82</v>
      </c>
      <c r="M3096" t="s">
        <v>89</v>
      </c>
      <c r="N3096" t="s">
        <v>90</v>
      </c>
      <c r="O3096" t="s">
        <v>85</v>
      </c>
      <c r="P3096" t="s">
        <v>86</v>
      </c>
      <c r="Q3096">
        <v>87</v>
      </c>
      <c r="R3096">
        <v>88</v>
      </c>
      <c r="S3096">
        <v>89</v>
      </c>
      <c r="T3096">
        <v>90</v>
      </c>
      <c r="U3096">
        <v>91</v>
      </c>
      <c r="V3096">
        <v>92</v>
      </c>
      <c r="W3096">
        <v>93</v>
      </c>
      <c r="X3096">
        <v>93</v>
      </c>
      <c r="Y3096">
        <v>94</v>
      </c>
      <c r="Z3096">
        <v>94</v>
      </c>
      <c r="AA3096">
        <v>95</v>
      </c>
      <c r="AB3096">
        <v>95</v>
      </c>
      <c r="AC3096">
        <v>96</v>
      </c>
      <c r="AD3096">
        <v>96</v>
      </c>
      <c r="AE3096">
        <v>96</v>
      </c>
      <c r="AF3096">
        <v>96</v>
      </c>
      <c r="AG3096">
        <v>95</v>
      </c>
      <c r="AH3096">
        <v>94</v>
      </c>
      <c r="AI3096">
        <v>93</v>
      </c>
      <c r="AJ3096">
        <v>93</v>
      </c>
      <c r="AK3096">
        <v>92</v>
      </c>
      <c r="AL3096">
        <v>91</v>
      </c>
      <c r="AM3096">
        <v>90</v>
      </c>
      <c r="AN3096">
        <v>90</v>
      </c>
      <c r="AO3096">
        <v>89</v>
      </c>
      <c r="AP3096">
        <v>88</v>
      </c>
      <c r="AQ3096">
        <v>88</v>
      </c>
    </row>
    <row r="3097" spans="1:43">
      <c r="A3097" t="s">
        <v>1968</v>
      </c>
      <c r="B3097" t="s">
        <v>1969</v>
      </c>
      <c r="C3097" t="s">
        <v>1828</v>
      </c>
      <c r="D3097" t="s">
        <v>1829</v>
      </c>
      <c r="E3097" t="s">
        <v>1586</v>
      </c>
      <c r="F3097" t="s">
        <v>1587</v>
      </c>
      <c r="G3097" t="s">
        <v>80</v>
      </c>
      <c r="H3097" t="s">
        <v>81</v>
      </c>
      <c r="I3097" s="2">
        <v>0</v>
      </c>
      <c r="J3097" s="2">
        <v>1</v>
      </c>
      <c r="K3097" s="2">
        <v>0</v>
      </c>
      <c r="L3097" t="s">
        <v>82</v>
      </c>
      <c r="M3097" t="s">
        <v>83</v>
      </c>
      <c r="N3097" t="s">
        <v>91</v>
      </c>
      <c r="O3097" t="s">
        <v>85</v>
      </c>
      <c r="P3097" t="s">
        <v>86</v>
      </c>
      <c r="Q3097">
        <v>87</v>
      </c>
      <c r="R3097">
        <v>87</v>
      </c>
      <c r="S3097">
        <v>88</v>
      </c>
      <c r="T3097">
        <v>88</v>
      </c>
      <c r="U3097">
        <v>88</v>
      </c>
      <c r="V3097">
        <v>89</v>
      </c>
      <c r="W3097">
        <v>89</v>
      </c>
      <c r="X3097">
        <v>89</v>
      </c>
      <c r="Y3097">
        <v>90</v>
      </c>
      <c r="Z3097">
        <v>90</v>
      </c>
      <c r="AA3097">
        <v>90</v>
      </c>
      <c r="AB3097">
        <v>90</v>
      </c>
      <c r="AC3097">
        <v>91</v>
      </c>
      <c r="AD3097">
        <v>91</v>
      </c>
      <c r="AE3097">
        <v>91</v>
      </c>
      <c r="AF3097">
        <v>91</v>
      </c>
      <c r="AG3097">
        <v>91</v>
      </c>
      <c r="AH3097">
        <v>91</v>
      </c>
      <c r="AI3097">
        <v>91</v>
      </c>
      <c r="AJ3097">
        <v>91</v>
      </c>
      <c r="AK3097">
        <v>92</v>
      </c>
      <c r="AL3097">
        <v>91</v>
      </c>
      <c r="AM3097">
        <v>90</v>
      </c>
      <c r="AN3097">
        <v>90</v>
      </c>
      <c r="AO3097">
        <v>89</v>
      </c>
      <c r="AP3097">
        <v>88</v>
      </c>
      <c r="AQ3097">
        <v>88</v>
      </c>
    </row>
    <row r="3098" spans="1:43">
      <c r="A3098" t="s">
        <v>1970</v>
      </c>
      <c r="B3098" t="s">
        <v>1971</v>
      </c>
      <c r="C3098" t="s">
        <v>1600</v>
      </c>
      <c r="D3098" t="s">
        <v>1601</v>
      </c>
      <c r="E3098" t="s">
        <v>1586</v>
      </c>
      <c r="F3098" t="s">
        <v>1587</v>
      </c>
      <c r="G3098" t="s">
        <v>80</v>
      </c>
      <c r="H3098" t="s">
        <v>81</v>
      </c>
      <c r="I3098" s="2">
        <v>0</v>
      </c>
      <c r="J3098" s="2">
        <v>0</v>
      </c>
      <c r="K3098" s="2">
        <v>1</v>
      </c>
      <c r="L3098" t="s">
        <v>995</v>
      </c>
      <c r="M3098" t="s">
        <v>83</v>
      </c>
      <c r="N3098" t="s">
        <v>84</v>
      </c>
      <c r="O3098" t="s">
        <v>85</v>
      </c>
      <c r="P3098" t="s">
        <v>86</v>
      </c>
      <c r="Q3098">
        <v>39</v>
      </c>
      <c r="R3098">
        <v>39</v>
      </c>
      <c r="S3098">
        <v>40</v>
      </c>
      <c r="T3098">
        <v>40</v>
      </c>
      <c r="U3098">
        <v>40</v>
      </c>
      <c r="V3098">
        <v>40</v>
      </c>
      <c r="W3098">
        <v>40</v>
      </c>
      <c r="X3098">
        <v>40</v>
      </c>
      <c r="Y3098">
        <v>40</v>
      </c>
      <c r="Z3098">
        <v>40</v>
      </c>
      <c r="AA3098">
        <v>40</v>
      </c>
      <c r="AB3098">
        <v>40</v>
      </c>
      <c r="AC3098">
        <v>41</v>
      </c>
      <c r="AD3098">
        <v>41</v>
      </c>
      <c r="AE3098">
        <v>41</v>
      </c>
      <c r="AF3098">
        <v>41</v>
      </c>
      <c r="AG3098">
        <v>41</v>
      </c>
      <c r="AH3098">
        <v>41</v>
      </c>
      <c r="AI3098">
        <v>41</v>
      </c>
      <c r="AJ3098">
        <v>41</v>
      </c>
      <c r="AK3098">
        <v>41</v>
      </c>
      <c r="AL3098">
        <v>41</v>
      </c>
      <c r="AM3098">
        <v>40</v>
      </c>
      <c r="AN3098">
        <v>40</v>
      </c>
      <c r="AO3098">
        <v>40</v>
      </c>
      <c r="AP3098">
        <v>39</v>
      </c>
      <c r="AQ3098">
        <v>39</v>
      </c>
    </row>
    <row r="3099" spans="1:43">
      <c r="A3099" t="s">
        <v>1970</v>
      </c>
      <c r="B3099" t="s">
        <v>1971</v>
      </c>
      <c r="C3099" t="s">
        <v>1600</v>
      </c>
      <c r="D3099" t="s">
        <v>1601</v>
      </c>
      <c r="E3099" t="s">
        <v>1586</v>
      </c>
      <c r="F3099" t="s">
        <v>1587</v>
      </c>
      <c r="G3099" t="s">
        <v>80</v>
      </c>
      <c r="H3099" t="s">
        <v>81</v>
      </c>
      <c r="I3099" s="2">
        <v>0</v>
      </c>
      <c r="J3099" s="2">
        <v>0</v>
      </c>
      <c r="K3099" s="2">
        <v>1</v>
      </c>
      <c r="L3099" t="s">
        <v>995</v>
      </c>
      <c r="M3099" t="s">
        <v>87</v>
      </c>
      <c r="N3099" t="s">
        <v>88</v>
      </c>
      <c r="O3099" t="s">
        <v>85</v>
      </c>
      <c r="P3099" t="s">
        <v>86</v>
      </c>
      <c r="Q3099">
        <v>39</v>
      </c>
      <c r="R3099">
        <v>39</v>
      </c>
      <c r="S3099">
        <v>38</v>
      </c>
      <c r="T3099">
        <v>38</v>
      </c>
      <c r="U3099">
        <v>38</v>
      </c>
      <c r="V3099">
        <v>38</v>
      </c>
      <c r="W3099">
        <v>38</v>
      </c>
      <c r="X3099">
        <v>37</v>
      </c>
      <c r="Y3099">
        <v>37</v>
      </c>
      <c r="Z3099">
        <v>37</v>
      </c>
      <c r="AA3099">
        <v>37</v>
      </c>
      <c r="AB3099">
        <v>37</v>
      </c>
      <c r="AC3099">
        <v>36</v>
      </c>
      <c r="AD3099">
        <v>36</v>
      </c>
      <c r="AE3099">
        <v>36</v>
      </c>
      <c r="AF3099">
        <v>36</v>
      </c>
      <c r="AG3099">
        <v>36</v>
      </c>
      <c r="AH3099">
        <v>35</v>
      </c>
      <c r="AI3099">
        <v>35</v>
      </c>
      <c r="AJ3099">
        <v>35</v>
      </c>
      <c r="AK3099">
        <v>35</v>
      </c>
      <c r="AL3099">
        <v>35</v>
      </c>
      <c r="AM3099">
        <v>34</v>
      </c>
      <c r="AN3099">
        <v>34</v>
      </c>
      <c r="AO3099">
        <v>34</v>
      </c>
      <c r="AP3099">
        <v>34</v>
      </c>
      <c r="AQ3099">
        <v>34</v>
      </c>
    </row>
    <row r="3100" spans="1:43">
      <c r="A3100" t="s">
        <v>1970</v>
      </c>
      <c r="B3100" t="s">
        <v>1971</v>
      </c>
      <c r="C3100" t="s">
        <v>1600</v>
      </c>
      <c r="D3100" t="s">
        <v>1601</v>
      </c>
      <c r="E3100" t="s">
        <v>1586</v>
      </c>
      <c r="F3100" t="s">
        <v>1587</v>
      </c>
      <c r="G3100" t="s">
        <v>80</v>
      </c>
      <c r="H3100" t="s">
        <v>81</v>
      </c>
      <c r="I3100" s="2">
        <v>0</v>
      </c>
      <c r="J3100" s="2">
        <v>0</v>
      </c>
      <c r="K3100" s="2">
        <v>1</v>
      </c>
      <c r="L3100" t="s">
        <v>995</v>
      </c>
      <c r="M3100" t="s">
        <v>89</v>
      </c>
      <c r="N3100" t="s">
        <v>90</v>
      </c>
      <c r="O3100" t="s">
        <v>85</v>
      </c>
      <c r="P3100" t="s">
        <v>86</v>
      </c>
      <c r="Q3100">
        <v>39</v>
      </c>
      <c r="R3100">
        <v>39</v>
      </c>
      <c r="S3100">
        <v>40</v>
      </c>
      <c r="T3100">
        <v>40</v>
      </c>
      <c r="U3100">
        <v>40</v>
      </c>
      <c r="V3100">
        <v>41</v>
      </c>
      <c r="W3100">
        <v>41</v>
      </c>
      <c r="X3100">
        <v>41</v>
      </c>
      <c r="Y3100">
        <v>42</v>
      </c>
      <c r="Z3100">
        <v>42</v>
      </c>
      <c r="AA3100">
        <v>42</v>
      </c>
      <c r="AB3100">
        <v>42</v>
      </c>
      <c r="AC3100">
        <v>42</v>
      </c>
      <c r="AD3100">
        <v>43</v>
      </c>
      <c r="AE3100">
        <v>43</v>
      </c>
      <c r="AF3100">
        <v>42</v>
      </c>
      <c r="AG3100">
        <v>42</v>
      </c>
      <c r="AH3100">
        <v>41</v>
      </c>
      <c r="AI3100">
        <v>41</v>
      </c>
      <c r="AJ3100">
        <v>41</v>
      </c>
      <c r="AK3100">
        <v>40</v>
      </c>
      <c r="AL3100">
        <v>40</v>
      </c>
      <c r="AM3100">
        <v>40</v>
      </c>
      <c r="AN3100">
        <v>39</v>
      </c>
      <c r="AO3100">
        <v>39</v>
      </c>
      <c r="AP3100">
        <v>39</v>
      </c>
      <c r="AQ3100">
        <v>38</v>
      </c>
    </row>
    <row r="3101" spans="1:43">
      <c r="A3101" t="s">
        <v>1970</v>
      </c>
      <c r="B3101" t="s">
        <v>1971</v>
      </c>
      <c r="C3101" t="s">
        <v>1600</v>
      </c>
      <c r="D3101" t="s">
        <v>1601</v>
      </c>
      <c r="E3101" t="s">
        <v>1586</v>
      </c>
      <c r="F3101" t="s">
        <v>1587</v>
      </c>
      <c r="G3101" t="s">
        <v>80</v>
      </c>
      <c r="H3101" t="s">
        <v>81</v>
      </c>
      <c r="I3101" s="2">
        <v>0</v>
      </c>
      <c r="J3101" s="2">
        <v>0</v>
      </c>
      <c r="K3101" s="2">
        <v>1</v>
      </c>
      <c r="L3101" t="s">
        <v>995</v>
      </c>
      <c r="M3101" t="s">
        <v>83</v>
      </c>
      <c r="N3101" t="s">
        <v>91</v>
      </c>
      <c r="O3101" t="s">
        <v>85</v>
      </c>
      <c r="P3101" t="s">
        <v>86</v>
      </c>
      <c r="Q3101">
        <v>39</v>
      </c>
      <c r="R3101">
        <v>39</v>
      </c>
      <c r="S3101">
        <v>40</v>
      </c>
      <c r="T3101">
        <v>40</v>
      </c>
      <c r="U3101">
        <v>40</v>
      </c>
      <c r="V3101">
        <v>40</v>
      </c>
      <c r="W3101">
        <v>40</v>
      </c>
      <c r="X3101">
        <v>40</v>
      </c>
      <c r="Y3101">
        <v>40</v>
      </c>
      <c r="Z3101">
        <v>40</v>
      </c>
      <c r="AA3101">
        <v>40</v>
      </c>
      <c r="AB3101">
        <v>40</v>
      </c>
      <c r="AC3101">
        <v>41</v>
      </c>
      <c r="AD3101">
        <v>41</v>
      </c>
      <c r="AE3101">
        <v>41</v>
      </c>
      <c r="AF3101">
        <v>41</v>
      </c>
      <c r="AG3101">
        <v>41</v>
      </c>
      <c r="AH3101">
        <v>41</v>
      </c>
      <c r="AI3101">
        <v>41</v>
      </c>
      <c r="AJ3101">
        <v>41</v>
      </c>
      <c r="AK3101">
        <v>41</v>
      </c>
      <c r="AL3101">
        <v>41</v>
      </c>
      <c r="AM3101">
        <v>40</v>
      </c>
      <c r="AN3101">
        <v>40</v>
      </c>
      <c r="AO3101">
        <v>40</v>
      </c>
      <c r="AP3101">
        <v>39</v>
      </c>
      <c r="AQ3101">
        <v>39</v>
      </c>
    </row>
    <row r="3102" spans="1:43">
      <c r="A3102" t="s">
        <v>1972</v>
      </c>
      <c r="B3102" t="s">
        <v>1973</v>
      </c>
      <c r="C3102" t="s">
        <v>1974</v>
      </c>
      <c r="D3102" t="s">
        <v>1975</v>
      </c>
      <c r="E3102" t="s">
        <v>1586</v>
      </c>
      <c r="F3102" t="s">
        <v>1587</v>
      </c>
      <c r="G3102" t="s">
        <v>80</v>
      </c>
      <c r="H3102" t="s">
        <v>81</v>
      </c>
      <c r="I3102" s="2">
        <v>0</v>
      </c>
      <c r="J3102" s="2">
        <v>0</v>
      </c>
      <c r="K3102" s="2">
        <v>1</v>
      </c>
      <c r="L3102" t="s">
        <v>995</v>
      </c>
      <c r="M3102" t="s">
        <v>83</v>
      </c>
      <c r="N3102" t="s">
        <v>84</v>
      </c>
      <c r="O3102" t="s">
        <v>85</v>
      </c>
      <c r="P3102" t="s">
        <v>86</v>
      </c>
      <c r="Q3102">
        <v>13</v>
      </c>
      <c r="R3102">
        <v>13</v>
      </c>
      <c r="S3102">
        <v>13</v>
      </c>
      <c r="T3102">
        <v>13</v>
      </c>
      <c r="U3102">
        <v>13</v>
      </c>
      <c r="V3102">
        <v>14</v>
      </c>
      <c r="W3102">
        <v>14</v>
      </c>
      <c r="X3102">
        <v>14</v>
      </c>
      <c r="Y3102">
        <v>14</v>
      </c>
      <c r="Z3102">
        <v>14</v>
      </c>
      <c r="AA3102">
        <v>14</v>
      </c>
      <c r="AB3102">
        <v>14</v>
      </c>
      <c r="AC3102">
        <v>14</v>
      </c>
      <c r="AD3102">
        <v>14</v>
      </c>
      <c r="AE3102">
        <v>14</v>
      </c>
      <c r="AF3102">
        <v>14</v>
      </c>
      <c r="AG3102">
        <v>14</v>
      </c>
      <c r="AH3102">
        <v>14</v>
      </c>
      <c r="AI3102">
        <v>14</v>
      </c>
      <c r="AJ3102">
        <v>14</v>
      </c>
      <c r="AK3102">
        <v>14</v>
      </c>
      <c r="AL3102">
        <v>14</v>
      </c>
      <c r="AM3102">
        <v>14</v>
      </c>
      <c r="AN3102">
        <v>14</v>
      </c>
      <c r="AO3102">
        <v>14</v>
      </c>
      <c r="AP3102">
        <v>14</v>
      </c>
      <c r="AQ3102">
        <v>13</v>
      </c>
    </row>
    <row r="3103" spans="1:43">
      <c r="A3103" t="s">
        <v>1972</v>
      </c>
      <c r="B3103" t="s">
        <v>1973</v>
      </c>
      <c r="C3103" t="s">
        <v>1974</v>
      </c>
      <c r="D3103" t="s">
        <v>1975</v>
      </c>
      <c r="E3103" t="s">
        <v>1586</v>
      </c>
      <c r="F3103" t="s">
        <v>1587</v>
      </c>
      <c r="G3103" t="s">
        <v>80</v>
      </c>
      <c r="H3103" t="s">
        <v>81</v>
      </c>
      <c r="I3103" s="2">
        <v>0</v>
      </c>
      <c r="J3103" s="2">
        <v>0</v>
      </c>
      <c r="K3103" s="2">
        <v>1</v>
      </c>
      <c r="L3103" t="s">
        <v>995</v>
      </c>
      <c r="M3103" t="s">
        <v>87</v>
      </c>
      <c r="N3103" t="s">
        <v>88</v>
      </c>
      <c r="O3103" t="s">
        <v>85</v>
      </c>
      <c r="P3103" t="s">
        <v>86</v>
      </c>
      <c r="Q3103">
        <v>13</v>
      </c>
      <c r="R3103">
        <v>13</v>
      </c>
      <c r="S3103">
        <v>13</v>
      </c>
      <c r="T3103">
        <v>13</v>
      </c>
      <c r="U3103">
        <v>13</v>
      </c>
      <c r="V3103">
        <v>13</v>
      </c>
      <c r="W3103">
        <v>13</v>
      </c>
      <c r="X3103">
        <v>13</v>
      </c>
      <c r="Y3103">
        <v>13</v>
      </c>
      <c r="Z3103">
        <v>13</v>
      </c>
      <c r="AA3103">
        <v>13</v>
      </c>
      <c r="AB3103">
        <v>12</v>
      </c>
      <c r="AC3103">
        <v>12</v>
      </c>
      <c r="AD3103">
        <v>12</v>
      </c>
      <c r="AE3103">
        <v>12</v>
      </c>
      <c r="AF3103">
        <v>12</v>
      </c>
      <c r="AG3103">
        <v>12</v>
      </c>
      <c r="AH3103">
        <v>12</v>
      </c>
      <c r="AI3103">
        <v>12</v>
      </c>
      <c r="AJ3103">
        <v>12</v>
      </c>
      <c r="AK3103">
        <v>12</v>
      </c>
      <c r="AL3103">
        <v>12</v>
      </c>
      <c r="AM3103">
        <v>12</v>
      </c>
      <c r="AN3103">
        <v>12</v>
      </c>
      <c r="AO3103">
        <v>12</v>
      </c>
      <c r="AP3103">
        <v>12</v>
      </c>
      <c r="AQ3103">
        <v>12</v>
      </c>
    </row>
    <row r="3104" spans="1:43">
      <c r="A3104" t="s">
        <v>1972</v>
      </c>
      <c r="B3104" t="s">
        <v>1973</v>
      </c>
      <c r="C3104" t="s">
        <v>1974</v>
      </c>
      <c r="D3104" t="s">
        <v>1975</v>
      </c>
      <c r="E3104" t="s">
        <v>1586</v>
      </c>
      <c r="F3104" t="s">
        <v>1587</v>
      </c>
      <c r="G3104" t="s">
        <v>80</v>
      </c>
      <c r="H3104" t="s">
        <v>81</v>
      </c>
      <c r="I3104" s="2">
        <v>0</v>
      </c>
      <c r="J3104" s="2">
        <v>0</v>
      </c>
      <c r="K3104" s="2">
        <v>1</v>
      </c>
      <c r="L3104" t="s">
        <v>995</v>
      </c>
      <c r="M3104" t="s">
        <v>89</v>
      </c>
      <c r="N3104" t="s">
        <v>90</v>
      </c>
      <c r="O3104" t="s">
        <v>85</v>
      </c>
      <c r="P3104" t="s">
        <v>86</v>
      </c>
      <c r="Q3104">
        <v>13</v>
      </c>
      <c r="R3104">
        <v>14</v>
      </c>
      <c r="S3104">
        <v>14</v>
      </c>
      <c r="T3104">
        <v>14</v>
      </c>
      <c r="U3104">
        <v>14</v>
      </c>
      <c r="V3104">
        <v>14</v>
      </c>
      <c r="W3104">
        <v>14</v>
      </c>
      <c r="X3104">
        <v>14</v>
      </c>
      <c r="Y3104">
        <v>14</v>
      </c>
      <c r="Z3104">
        <v>15</v>
      </c>
      <c r="AA3104">
        <v>15</v>
      </c>
      <c r="AB3104">
        <v>15</v>
      </c>
      <c r="AC3104">
        <v>15</v>
      </c>
      <c r="AD3104">
        <v>15</v>
      </c>
      <c r="AE3104">
        <v>15</v>
      </c>
      <c r="AF3104">
        <v>15</v>
      </c>
      <c r="AG3104">
        <v>15</v>
      </c>
      <c r="AH3104">
        <v>15</v>
      </c>
      <c r="AI3104">
        <v>14</v>
      </c>
      <c r="AJ3104">
        <v>14</v>
      </c>
      <c r="AK3104">
        <v>14</v>
      </c>
      <c r="AL3104">
        <v>14</v>
      </c>
      <c r="AM3104">
        <v>14</v>
      </c>
      <c r="AN3104">
        <v>14</v>
      </c>
      <c r="AO3104">
        <v>14</v>
      </c>
      <c r="AP3104">
        <v>14</v>
      </c>
      <c r="AQ3104">
        <v>14</v>
      </c>
    </row>
    <row r="3105" spans="1:43">
      <c r="A3105" t="s">
        <v>1972</v>
      </c>
      <c r="B3105" t="s">
        <v>1973</v>
      </c>
      <c r="C3105" t="s">
        <v>1974</v>
      </c>
      <c r="D3105" t="s">
        <v>1975</v>
      </c>
      <c r="E3105" t="s">
        <v>1586</v>
      </c>
      <c r="F3105" t="s">
        <v>1587</v>
      </c>
      <c r="G3105" t="s">
        <v>80</v>
      </c>
      <c r="H3105" t="s">
        <v>81</v>
      </c>
      <c r="I3105" s="2">
        <v>0</v>
      </c>
      <c r="J3105" s="2">
        <v>0</v>
      </c>
      <c r="K3105" s="2">
        <v>1</v>
      </c>
      <c r="L3105" t="s">
        <v>995</v>
      </c>
      <c r="M3105" t="s">
        <v>83</v>
      </c>
      <c r="N3105" t="s">
        <v>91</v>
      </c>
      <c r="O3105" t="s">
        <v>85</v>
      </c>
      <c r="P3105" t="s">
        <v>86</v>
      </c>
      <c r="Q3105">
        <v>13</v>
      </c>
      <c r="R3105">
        <v>13</v>
      </c>
      <c r="S3105">
        <v>13</v>
      </c>
      <c r="T3105">
        <v>13</v>
      </c>
      <c r="U3105">
        <v>13</v>
      </c>
      <c r="V3105">
        <v>14</v>
      </c>
      <c r="W3105">
        <v>14</v>
      </c>
      <c r="X3105">
        <v>14</v>
      </c>
      <c r="Y3105">
        <v>14</v>
      </c>
      <c r="Z3105">
        <v>14</v>
      </c>
      <c r="AA3105">
        <v>14</v>
      </c>
      <c r="AB3105">
        <v>14</v>
      </c>
      <c r="AC3105">
        <v>14</v>
      </c>
      <c r="AD3105">
        <v>14</v>
      </c>
      <c r="AE3105">
        <v>14</v>
      </c>
      <c r="AF3105">
        <v>14</v>
      </c>
      <c r="AG3105">
        <v>14</v>
      </c>
      <c r="AH3105">
        <v>14</v>
      </c>
      <c r="AI3105">
        <v>14</v>
      </c>
      <c r="AJ3105">
        <v>14</v>
      </c>
      <c r="AK3105">
        <v>14</v>
      </c>
      <c r="AL3105">
        <v>14</v>
      </c>
      <c r="AM3105">
        <v>14</v>
      </c>
      <c r="AN3105">
        <v>14</v>
      </c>
      <c r="AO3105">
        <v>14</v>
      </c>
      <c r="AP3105">
        <v>14</v>
      </c>
      <c r="AQ3105">
        <v>13</v>
      </c>
    </row>
    <row r="3106" spans="1:43">
      <c r="A3106" t="s">
        <v>1976</v>
      </c>
      <c r="B3106" t="s">
        <v>1977</v>
      </c>
      <c r="C3106" t="s">
        <v>1600</v>
      </c>
      <c r="D3106" t="s">
        <v>1601</v>
      </c>
      <c r="E3106" t="s">
        <v>1586</v>
      </c>
      <c r="F3106" t="s">
        <v>1587</v>
      </c>
      <c r="G3106" t="s">
        <v>80</v>
      </c>
      <c r="H3106" t="s">
        <v>81</v>
      </c>
      <c r="I3106" s="2">
        <v>0</v>
      </c>
      <c r="J3106" s="2">
        <v>0</v>
      </c>
      <c r="K3106" s="2">
        <v>1</v>
      </c>
      <c r="L3106" t="s">
        <v>995</v>
      </c>
      <c r="M3106" t="s">
        <v>83</v>
      </c>
      <c r="N3106" t="s">
        <v>84</v>
      </c>
      <c r="O3106" t="s">
        <v>85</v>
      </c>
      <c r="P3106" t="s">
        <v>86</v>
      </c>
      <c r="Q3106">
        <v>18</v>
      </c>
      <c r="R3106">
        <v>18</v>
      </c>
      <c r="S3106">
        <v>18</v>
      </c>
      <c r="T3106">
        <v>18</v>
      </c>
      <c r="U3106">
        <v>18</v>
      </c>
      <c r="V3106">
        <v>19</v>
      </c>
      <c r="W3106">
        <v>19</v>
      </c>
      <c r="X3106">
        <v>19</v>
      </c>
      <c r="Y3106">
        <v>19</v>
      </c>
      <c r="Z3106">
        <v>19</v>
      </c>
      <c r="AA3106">
        <v>19</v>
      </c>
      <c r="AB3106">
        <v>19</v>
      </c>
      <c r="AC3106">
        <v>19</v>
      </c>
      <c r="AD3106">
        <v>19</v>
      </c>
      <c r="AE3106">
        <v>19</v>
      </c>
      <c r="AF3106">
        <v>19</v>
      </c>
      <c r="AG3106">
        <v>19</v>
      </c>
      <c r="AH3106">
        <v>19</v>
      </c>
      <c r="AI3106">
        <v>19</v>
      </c>
      <c r="AJ3106">
        <v>19</v>
      </c>
      <c r="AK3106">
        <v>19</v>
      </c>
      <c r="AL3106">
        <v>19</v>
      </c>
      <c r="AM3106">
        <v>19</v>
      </c>
      <c r="AN3106">
        <v>19</v>
      </c>
      <c r="AO3106">
        <v>18</v>
      </c>
      <c r="AP3106">
        <v>18</v>
      </c>
      <c r="AQ3106">
        <v>18</v>
      </c>
    </row>
    <row r="3107" spans="1:43">
      <c r="A3107" t="s">
        <v>1976</v>
      </c>
      <c r="B3107" t="s">
        <v>1977</v>
      </c>
      <c r="C3107" t="s">
        <v>1600</v>
      </c>
      <c r="D3107" t="s">
        <v>1601</v>
      </c>
      <c r="E3107" t="s">
        <v>1586</v>
      </c>
      <c r="F3107" t="s">
        <v>1587</v>
      </c>
      <c r="G3107" t="s">
        <v>80</v>
      </c>
      <c r="H3107" t="s">
        <v>81</v>
      </c>
      <c r="I3107" s="2">
        <v>0</v>
      </c>
      <c r="J3107" s="2">
        <v>0</v>
      </c>
      <c r="K3107" s="2">
        <v>1</v>
      </c>
      <c r="L3107" t="s">
        <v>995</v>
      </c>
      <c r="M3107" t="s">
        <v>87</v>
      </c>
      <c r="N3107" t="s">
        <v>88</v>
      </c>
      <c r="O3107" t="s">
        <v>85</v>
      </c>
      <c r="P3107" t="s">
        <v>86</v>
      </c>
      <c r="Q3107">
        <v>18</v>
      </c>
      <c r="R3107">
        <v>18</v>
      </c>
      <c r="S3107">
        <v>18</v>
      </c>
      <c r="T3107">
        <v>18</v>
      </c>
      <c r="U3107">
        <v>18</v>
      </c>
      <c r="V3107">
        <v>18</v>
      </c>
      <c r="W3107">
        <v>17</v>
      </c>
      <c r="X3107">
        <v>17</v>
      </c>
      <c r="Y3107">
        <v>17</v>
      </c>
      <c r="Z3107">
        <v>17</v>
      </c>
      <c r="AA3107">
        <v>17</v>
      </c>
      <c r="AB3107">
        <v>17</v>
      </c>
      <c r="AC3107">
        <v>17</v>
      </c>
      <c r="AD3107">
        <v>17</v>
      </c>
      <c r="AE3107">
        <v>17</v>
      </c>
      <c r="AF3107">
        <v>17</v>
      </c>
      <c r="AG3107">
        <v>17</v>
      </c>
      <c r="AH3107">
        <v>16</v>
      </c>
      <c r="AI3107">
        <v>16</v>
      </c>
      <c r="AJ3107">
        <v>16</v>
      </c>
      <c r="AK3107">
        <v>16</v>
      </c>
      <c r="AL3107">
        <v>16</v>
      </c>
      <c r="AM3107">
        <v>16</v>
      </c>
      <c r="AN3107">
        <v>16</v>
      </c>
      <c r="AO3107">
        <v>16</v>
      </c>
      <c r="AP3107">
        <v>16</v>
      </c>
      <c r="AQ3107">
        <v>16</v>
      </c>
    </row>
    <row r="3108" spans="1:43">
      <c r="A3108" t="s">
        <v>1976</v>
      </c>
      <c r="B3108" t="s">
        <v>1977</v>
      </c>
      <c r="C3108" t="s">
        <v>1600</v>
      </c>
      <c r="D3108" t="s">
        <v>1601</v>
      </c>
      <c r="E3108" t="s">
        <v>1586</v>
      </c>
      <c r="F3108" t="s">
        <v>1587</v>
      </c>
      <c r="G3108" t="s">
        <v>80</v>
      </c>
      <c r="H3108" t="s">
        <v>81</v>
      </c>
      <c r="I3108" s="2">
        <v>0</v>
      </c>
      <c r="J3108" s="2">
        <v>0</v>
      </c>
      <c r="K3108" s="2">
        <v>1</v>
      </c>
      <c r="L3108" t="s">
        <v>995</v>
      </c>
      <c r="M3108" t="s">
        <v>89</v>
      </c>
      <c r="N3108" t="s">
        <v>90</v>
      </c>
      <c r="O3108" t="s">
        <v>85</v>
      </c>
      <c r="P3108" t="s">
        <v>86</v>
      </c>
      <c r="Q3108">
        <v>18</v>
      </c>
      <c r="R3108">
        <v>19</v>
      </c>
      <c r="S3108">
        <v>19</v>
      </c>
      <c r="T3108">
        <v>19</v>
      </c>
      <c r="U3108">
        <v>19</v>
      </c>
      <c r="V3108">
        <v>19</v>
      </c>
      <c r="W3108">
        <v>20</v>
      </c>
      <c r="X3108">
        <v>20</v>
      </c>
      <c r="Y3108">
        <v>20</v>
      </c>
      <c r="Z3108">
        <v>20</v>
      </c>
      <c r="AA3108">
        <v>20</v>
      </c>
      <c r="AB3108">
        <v>20</v>
      </c>
      <c r="AC3108">
        <v>20</v>
      </c>
      <c r="AD3108">
        <v>20</v>
      </c>
      <c r="AE3108">
        <v>20</v>
      </c>
      <c r="AF3108">
        <v>20</v>
      </c>
      <c r="AG3108">
        <v>20</v>
      </c>
      <c r="AH3108">
        <v>20</v>
      </c>
      <c r="AI3108">
        <v>20</v>
      </c>
      <c r="AJ3108">
        <v>19</v>
      </c>
      <c r="AK3108">
        <v>19</v>
      </c>
      <c r="AL3108">
        <v>19</v>
      </c>
      <c r="AM3108">
        <v>19</v>
      </c>
      <c r="AN3108">
        <v>19</v>
      </c>
      <c r="AO3108">
        <v>19</v>
      </c>
      <c r="AP3108">
        <v>18</v>
      </c>
      <c r="AQ3108">
        <v>18</v>
      </c>
    </row>
    <row r="3109" spans="1:43">
      <c r="A3109" t="s">
        <v>1976</v>
      </c>
      <c r="B3109" t="s">
        <v>1977</v>
      </c>
      <c r="C3109" t="s">
        <v>1600</v>
      </c>
      <c r="D3109" t="s">
        <v>1601</v>
      </c>
      <c r="E3109" t="s">
        <v>1586</v>
      </c>
      <c r="F3109" t="s">
        <v>1587</v>
      </c>
      <c r="G3109" t="s">
        <v>80</v>
      </c>
      <c r="H3109" t="s">
        <v>81</v>
      </c>
      <c r="I3109" s="2">
        <v>0</v>
      </c>
      <c r="J3109" s="2">
        <v>0</v>
      </c>
      <c r="K3109" s="2">
        <v>1</v>
      </c>
      <c r="L3109" t="s">
        <v>995</v>
      </c>
      <c r="M3109" t="s">
        <v>83</v>
      </c>
      <c r="N3109" t="s">
        <v>91</v>
      </c>
      <c r="O3109" t="s">
        <v>85</v>
      </c>
      <c r="P3109" t="s">
        <v>86</v>
      </c>
      <c r="Q3109">
        <v>18</v>
      </c>
      <c r="R3109">
        <v>18</v>
      </c>
      <c r="S3109">
        <v>18</v>
      </c>
      <c r="T3109">
        <v>18</v>
      </c>
      <c r="U3109">
        <v>18</v>
      </c>
      <c r="V3109">
        <v>19</v>
      </c>
      <c r="W3109">
        <v>19</v>
      </c>
      <c r="X3109">
        <v>19</v>
      </c>
      <c r="Y3109">
        <v>19</v>
      </c>
      <c r="Z3109">
        <v>19</v>
      </c>
      <c r="AA3109">
        <v>19</v>
      </c>
      <c r="AB3109">
        <v>19</v>
      </c>
      <c r="AC3109">
        <v>19</v>
      </c>
      <c r="AD3109">
        <v>19</v>
      </c>
      <c r="AE3109">
        <v>19</v>
      </c>
      <c r="AF3109">
        <v>19</v>
      </c>
      <c r="AG3109">
        <v>19</v>
      </c>
      <c r="AH3109">
        <v>19</v>
      </c>
      <c r="AI3109">
        <v>19</v>
      </c>
      <c r="AJ3109">
        <v>19</v>
      </c>
      <c r="AK3109">
        <v>19</v>
      </c>
      <c r="AL3109">
        <v>19</v>
      </c>
      <c r="AM3109">
        <v>19</v>
      </c>
      <c r="AN3109">
        <v>19</v>
      </c>
      <c r="AO3109">
        <v>18</v>
      </c>
      <c r="AP3109">
        <v>18</v>
      </c>
      <c r="AQ3109">
        <v>18</v>
      </c>
    </row>
    <row r="3110" spans="1:43">
      <c r="A3110" t="s">
        <v>1978</v>
      </c>
      <c r="B3110" t="s">
        <v>1979</v>
      </c>
      <c r="C3110" t="s">
        <v>1974</v>
      </c>
      <c r="D3110" t="s">
        <v>1975</v>
      </c>
      <c r="E3110" t="s">
        <v>1586</v>
      </c>
      <c r="F3110" t="s">
        <v>1587</v>
      </c>
      <c r="G3110" t="s">
        <v>80</v>
      </c>
      <c r="H3110" t="s">
        <v>81</v>
      </c>
      <c r="I3110" s="2">
        <v>0</v>
      </c>
      <c r="J3110" s="2">
        <v>0</v>
      </c>
      <c r="K3110" s="2">
        <v>1</v>
      </c>
      <c r="L3110" t="s">
        <v>995</v>
      </c>
      <c r="M3110" t="s">
        <v>83</v>
      </c>
      <c r="N3110" t="s">
        <v>84</v>
      </c>
      <c r="O3110" t="s">
        <v>85</v>
      </c>
      <c r="P3110" t="s">
        <v>86</v>
      </c>
      <c r="Q3110">
        <v>35</v>
      </c>
      <c r="R3110">
        <v>35</v>
      </c>
      <c r="S3110">
        <v>35</v>
      </c>
      <c r="T3110">
        <v>36</v>
      </c>
      <c r="U3110">
        <v>36</v>
      </c>
      <c r="V3110">
        <v>36</v>
      </c>
      <c r="W3110">
        <v>36</v>
      </c>
      <c r="X3110">
        <v>36</v>
      </c>
      <c r="Y3110">
        <v>36</v>
      </c>
      <c r="Z3110">
        <v>36</v>
      </c>
      <c r="AA3110">
        <v>36</v>
      </c>
      <c r="AB3110">
        <v>36</v>
      </c>
      <c r="AC3110">
        <v>36</v>
      </c>
      <c r="AD3110">
        <v>36</v>
      </c>
      <c r="AE3110">
        <v>36</v>
      </c>
      <c r="AF3110">
        <v>36</v>
      </c>
      <c r="AG3110">
        <v>36</v>
      </c>
      <c r="AH3110">
        <v>36</v>
      </c>
      <c r="AI3110">
        <v>37</v>
      </c>
      <c r="AJ3110">
        <v>37</v>
      </c>
      <c r="AK3110">
        <v>37</v>
      </c>
      <c r="AL3110">
        <v>36</v>
      </c>
      <c r="AM3110">
        <v>36</v>
      </c>
      <c r="AN3110">
        <v>36</v>
      </c>
      <c r="AO3110">
        <v>35</v>
      </c>
      <c r="AP3110">
        <v>35</v>
      </c>
      <c r="AQ3110">
        <v>35</v>
      </c>
    </row>
    <row r="3111" spans="1:43">
      <c r="A3111" t="s">
        <v>1978</v>
      </c>
      <c r="B3111" t="s">
        <v>1979</v>
      </c>
      <c r="C3111" t="s">
        <v>1974</v>
      </c>
      <c r="D3111" t="s">
        <v>1975</v>
      </c>
      <c r="E3111" t="s">
        <v>1586</v>
      </c>
      <c r="F3111" t="s">
        <v>1587</v>
      </c>
      <c r="G3111" t="s">
        <v>80</v>
      </c>
      <c r="H3111" t="s">
        <v>81</v>
      </c>
      <c r="I3111" s="2">
        <v>0</v>
      </c>
      <c r="J3111" s="2">
        <v>0</v>
      </c>
      <c r="K3111" s="2">
        <v>1</v>
      </c>
      <c r="L3111" t="s">
        <v>995</v>
      </c>
      <c r="M3111" t="s">
        <v>87</v>
      </c>
      <c r="N3111" t="s">
        <v>88</v>
      </c>
      <c r="O3111" t="s">
        <v>85</v>
      </c>
      <c r="P3111" t="s">
        <v>86</v>
      </c>
      <c r="Q3111">
        <v>35</v>
      </c>
      <c r="R3111">
        <v>35</v>
      </c>
      <c r="S3111">
        <v>34</v>
      </c>
      <c r="T3111">
        <v>34</v>
      </c>
      <c r="U3111">
        <v>34</v>
      </c>
      <c r="V3111">
        <v>34</v>
      </c>
      <c r="W3111">
        <v>34</v>
      </c>
      <c r="X3111">
        <v>33</v>
      </c>
      <c r="Y3111">
        <v>33</v>
      </c>
      <c r="Z3111">
        <v>33</v>
      </c>
      <c r="AA3111">
        <v>33</v>
      </c>
      <c r="AB3111">
        <v>33</v>
      </c>
      <c r="AC3111">
        <v>33</v>
      </c>
      <c r="AD3111">
        <v>32</v>
      </c>
      <c r="AE3111">
        <v>32</v>
      </c>
      <c r="AF3111">
        <v>32</v>
      </c>
      <c r="AG3111">
        <v>32</v>
      </c>
      <c r="AH3111">
        <v>32</v>
      </c>
      <c r="AI3111">
        <v>31</v>
      </c>
      <c r="AJ3111">
        <v>31</v>
      </c>
      <c r="AK3111">
        <v>31</v>
      </c>
      <c r="AL3111">
        <v>31</v>
      </c>
      <c r="AM3111">
        <v>31</v>
      </c>
      <c r="AN3111">
        <v>31</v>
      </c>
      <c r="AO3111">
        <v>30</v>
      </c>
      <c r="AP3111">
        <v>30</v>
      </c>
      <c r="AQ3111">
        <v>30</v>
      </c>
    </row>
    <row r="3112" spans="1:43">
      <c r="A3112" t="s">
        <v>1978</v>
      </c>
      <c r="B3112" t="s">
        <v>1979</v>
      </c>
      <c r="C3112" t="s">
        <v>1974</v>
      </c>
      <c r="D3112" t="s">
        <v>1975</v>
      </c>
      <c r="E3112" t="s">
        <v>1586</v>
      </c>
      <c r="F3112" t="s">
        <v>1587</v>
      </c>
      <c r="G3112" t="s">
        <v>80</v>
      </c>
      <c r="H3112" t="s">
        <v>81</v>
      </c>
      <c r="I3112" s="2">
        <v>0</v>
      </c>
      <c r="J3112" s="2">
        <v>0</v>
      </c>
      <c r="K3112" s="2">
        <v>1</v>
      </c>
      <c r="L3112" t="s">
        <v>995</v>
      </c>
      <c r="M3112" t="s">
        <v>89</v>
      </c>
      <c r="N3112" t="s">
        <v>90</v>
      </c>
      <c r="O3112" t="s">
        <v>85</v>
      </c>
      <c r="P3112" t="s">
        <v>86</v>
      </c>
      <c r="Q3112">
        <v>35</v>
      </c>
      <c r="R3112">
        <v>36</v>
      </c>
      <c r="S3112">
        <v>36</v>
      </c>
      <c r="T3112">
        <v>37</v>
      </c>
      <c r="U3112">
        <v>37</v>
      </c>
      <c r="V3112">
        <v>37</v>
      </c>
      <c r="W3112">
        <v>38</v>
      </c>
      <c r="X3112">
        <v>38</v>
      </c>
      <c r="Y3112">
        <v>38</v>
      </c>
      <c r="Z3112">
        <v>38</v>
      </c>
      <c r="AA3112">
        <v>39</v>
      </c>
      <c r="AB3112">
        <v>39</v>
      </c>
      <c r="AC3112">
        <v>39</v>
      </c>
      <c r="AD3112">
        <v>39</v>
      </c>
      <c r="AE3112">
        <v>39</v>
      </c>
      <c r="AF3112">
        <v>39</v>
      </c>
      <c r="AG3112">
        <v>38</v>
      </c>
      <c r="AH3112">
        <v>38</v>
      </c>
      <c r="AI3112">
        <v>38</v>
      </c>
      <c r="AJ3112">
        <v>37</v>
      </c>
      <c r="AK3112">
        <v>37</v>
      </c>
      <c r="AL3112">
        <v>37</v>
      </c>
      <c r="AM3112">
        <v>36</v>
      </c>
      <c r="AN3112">
        <v>36</v>
      </c>
      <c r="AO3112">
        <v>36</v>
      </c>
      <c r="AP3112">
        <v>36</v>
      </c>
      <c r="AQ3112">
        <v>35</v>
      </c>
    </row>
    <row r="3113" spans="1:43">
      <c r="A3113" t="s">
        <v>1978</v>
      </c>
      <c r="B3113" t="s">
        <v>1979</v>
      </c>
      <c r="C3113" t="s">
        <v>1974</v>
      </c>
      <c r="D3113" t="s">
        <v>1975</v>
      </c>
      <c r="E3113" t="s">
        <v>1586</v>
      </c>
      <c r="F3113" t="s">
        <v>1587</v>
      </c>
      <c r="G3113" t="s">
        <v>80</v>
      </c>
      <c r="H3113" t="s">
        <v>81</v>
      </c>
      <c r="I3113" s="2">
        <v>0</v>
      </c>
      <c r="J3113" s="2">
        <v>0</v>
      </c>
      <c r="K3113" s="2">
        <v>1</v>
      </c>
      <c r="L3113" t="s">
        <v>995</v>
      </c>
      <c r="M3113" t="s">
        <v>83</v>
      </c>
      <c r="N3113" t="s">
        <v>91</v>
      </c>
      <c r="O3113" t="s">
        <v>85</v>
      </c>
      <c r="P3113" t="s">
        <v>86</v>
      </c>
      <c r="Q3113">
        <v>35</v>
      </c>
      <c r="R3113">
        <v>35</v>
      </c>
      <c r="S3113">
        <v>35</v>
      </c>
      <c r="T3113">
        <v>36</v>
      </c>
      <c r="U3113">
        <v>36</v>
      </c>
      <c r="V3113">
        <v>36</v>
      </c>
      <c r="W3113">
        <v>36</v>
      </c>
      <c r="X3113">
        <v>36</v>
      </c>
      <c r="Y3113">
        <v>36</v>
      </c>
      <c r="Z3113">
        <v>36</v>
      </c>
      <c r="AA3113">
        <v>36</v>
      </c>
      <c r="AB3113">
        <v>36</v>
      </c>
      <c r="AC3113">
        <v>36</v>
      </c>
      <c r="AD3113">
        <v>36</v>
      </c>
      <c r="AE3113">
        <v>36</v>
      </c>
      <c r="AF3113">
        <v>36</v>
      </c>
      <c r="AG3113">
        <v>36</v>
      </c>
      <c r="AH3113">
        <v>36</v>
      </c>
      <c r="AI3113">
        <v>37</v>
      </c>
      <c r="AJ3113">
        <v>37</v>
      </c>
      <c r="AK3113">
        <v>37</v>
      </c>
      <c r="AL3113">
        <v>36</v>
      </c>
      <c r="AM3113">
        <v>36</v>
      </c>
      <c r="AN3113">
        <v>36</v>
      </c>
      <c r="AO3113">
        <v>35</v>
      </c>
      <c r="AP3113">
        <v>35</v>
      </c>
      <c r="AQ3113">
        <v>35</v>
      </c>
    </row>
    <row r="3114" spans="1:43">
      <c r="A3114" t="s">
        <v>1980</v>
      </c>
      <c r="B3114" t="s">
        <v>1981</v>
      </c>
      <c r="C3114" t="s">
        <v>1974</v>
      </c>
      <c r="D3114" t="s">
        <v>1975</v>
      </c>
      <c r="E3114" t="s">
        <v>1586</v>
      </c>
      <c r="F3114" t="s">
        <v>1587</v>
      </c>
      <c r="G3114" t="s">
        <v>80</v>
      </c>
      <c r="H3114" t="s">
        <v>81</v>
      </c>
      <c r="I3114" s="2">
        <v>0</v>
      </c>
      <c r="J3114" s="2">
        <v>0</v>
      </c>
      <c r="K3114" s="2">
        <v>1</v>
      </c>
      <c r="L3114" t="s">
        <v>995</v>
      </c>
      <c r="M3114" t="s">
        <v>83</v>
      </c>
      <c r="N3114" t="s">
        <v>84</v>
      </c>
      <c r="O3114" t="s">
        <v>85</v>
      </c>
      <c r="P3114" t="s">
        <v>86</v>
      </c>
      <c r="Q3114">
        <v>51</v>
      </c>
      <c r="R3114">
        <v>51</v>
      </c>
      <c r="S3114">
        <v>51</v>
      </c>
      <c r="T3114">
        <v>51</v>
      </c>
      <c r="U3114">
        <v>51</v>
      </c>
      <c r="V3114">
        <v>52</v>
      </c>
      <c r="W3114">
        <v>52</v>
      </c>
      <c r="X3114">
        <v>52</v>
      </c>
      <c r="Y3114">
        <v>52</v>
      </c>
      <c r="Z3114">
        <v>52</v>
      </c>
      <c r="AA3114">
        <v>52</v>
      </c>
      <c r="AB3114">
        <v>52</v>
      </c>
      <c r="AC3114">
        <v>52</v>
      </c>
      <c r="AD3114">
        <v>52</v>
      </c>
      <c r="AE3114">
        <v>53</v>
      </c>
      <c r="AF3114">
        <v>53</v>
      </c>
      <c r="AG3114">
        <v>53</v>
      </c>
      <c r="AH3114">
        <v>53</v>
      </c>
      <c r="AI3114">
        <v>53</v>
      </c>
      <c r="AJ3114">
        <v>53</v>
      </c>
      <c r="AK3114">
        <v>53</v>
      </c>
      <c r="AL3114">
        <v>52</v>
      </c>
      <c r="AM3114">
        <v>52</v>
      </c>
      <c r="AN3114">
        <v>52</v>
      </c>
      <c r="AO3114">
        <v>51</v>
      </c>
      <c r="AP3114">
        <v>51</v>
      </c>
      <c r="AQ3114">
        <v>50</v>
      </c>
    </row>
    <row r="3115" spans="1:43">
      <c r="A3115" t="s">
        <v>1980</v>
      </c>
      <c r="B3115" t="s">
        <v>1981</v>
      </c>
      <c r="C3115" t="s">
        <v>1974</v>
      </c>
      <c r="D3115" t="s">
        <v>1975</v>
      </c>
      <c r="E3115" t="s">
        <v>1586</v>
      </c>
      <c r="F3115" t="s">
        <v>1587</v>
      </c>
      <c r="G3115" t="s">
        <v>80</v>
      </c>
      <c r="H3115" t="s">
        <v>81</v>
      </c>
      <c r="I3115" s="2">
        <v>0</v>
      </c>
      <c r="J3115" s="2">
        <v>0</v>
      </c>
      <c r="K3115" s="2">
        <v>1</v>
      </c>
      <c r="L3115" t="s">
        <v>995</v>
      </c>
      <c r="M3115" t="s">
        <v>87</v>
      </c>
      <c r="N3115" t="s">
        <v>88</v>
      </c>
      <c r="O3115" t="s">
        <v>85</v>
      </c>
      <c r="P3115" t="s">
        <v>86</v>
      </c>
      <c r="Q3115">
        <v>51</v>
      </c>
      <c r="R3115">
        <v>51</v>
      </c>
      <c r="S3115">
        <v>51</v>
      </c>
      <c r="T3115">
        <v>50</v>
      </c>
      <c r="U3115">
        <v>50</v>
      </c>
      <c r="V3115">
        <v>50</v>
      </c>
      <c r="W3115">
        <v>50</v>
      </c>
      <c r="X3115">
        <v>49</v>
      </c>
      <c r="Y3115">
        <v>49</v>
      </c>
      <c r="Z3115">
        <v>49</v>
      </c>
      <c r="AA3115">
        <v>49</v>
      </c>
      <c r="AB3115">
        <v>48</v>
      </c>
      <c r="AC3115">
        <v>48</v>
      </c>
      <c r="AD3115">
        <v>48</v>
      </c>
      <c r="AE3115">
        <v>47</v>
      </c>
      <c r="AF3115">
        <v>47</v>
      </c>
      <c r="AG3115">
        <v>47</v>
      </c>
      <c r="AH3115">
        <v>47</v>
      </c>
      <c r="AI3115">
        <v>46</v>
      </c>
      <c r="AJ3115">
        <v>46</v>
      </c>
      <c r="AK3115">
        <v>46</v>
      </c>
      <c r="AL3115">
        <v>46</v>
      </c>
      <c r="AM3115">
        <v>45</v>
      </c>
      <c r="AN3115">
        <v>45</v>
      </c>
      <c r="AO3115">
        <v>45</v>
      </c>
      <c r="AP3115">
        <v>45</v>
      </c>
      <c r="AQ3115">
        <v>44</v>
      </c>
    </row>
    <row r="3116" spans="1:43">
      <c r="A3116" t="s">
        <v>1980</v>
      </c>
      <c r="B3116" t="s">
        <v>1981</v>
      </c>
      <c r="C3116" t="s">
        <v>1974</v>
      </c>
      <c r="D3116" t="s">
        <v>1975</v>
      </c>
      <c r="E3116" t="s">
        <v>1586</v>
      </c>
      <c r="F3116" t="s">
        <v>1587</v>
      </c>
      <c r="G3116" t="s">
        <v>80</v>
      </c>
      <c r="H3116" t="s">
        <v>81</v>
      </c>
      <c r="I3116" s="2">
        <v>0</v>
      </c>
      <c r="J3116" s="2">
        <v>0</v>
      </c>
      <c r="K3116" s="2">
        <v>1</v>
      </c>
      <c r="L3116" t="s">
        <v>995</v>
      </c>
      <c r="M3116" t="s">
        <v>89</v>
      </c>
      <c r="N3116" t="s">
        <v>90</v>
      </c>
      <c r="O3116" t="s">
        <v>85</v>
      </c>
      <c r="P3116" t="s">
        <v>86</v>
      </c>
      <c r="Q3116">
        <v>51</v>
      </c>
      <c r="R3116">
        <v>52</v>
      </c>
      <c r="S3116">
        <v>52</v>
      </c>
      <c r="T3116">
        <v>53</v>
      </c>
      <c r="U3116">
        <v>54</v>
      </c>
      <c r="V3116">
        <v>54</v>
      </c>
      <c r="W3116">
        <v>54</v>
      </c>
      <c r="X3116">
        <v>55</v>
      </c>
      <c r="Y3116">
        <v>55</v>
      </c>
      <c r="Z3116">
        <v>55</v>
      </c>
      <c r="AA3116">
        <v>56</v>
      </c>
      <c r="AB3116">
        <v>56</v>
      </c>
      <c r="AC3116">
        <v>56</v>
      </c>
      <c r="AD3116">
        <v>56</v>
      </c>
      <c r="AE3116">
        <v>56</v>
      </c>
      <c r="AF3116">
        <v>56</v>
      </c>
      <c r="AG3116">
        <v>55</v>
      </c>
      <c r="AH3116">
        <v>55</v>
      </c>
      <c r="AI3116">
        <v>55</v>
      </c>
      <c r="AJ3116">
        <v>54</v>
      </c>
      <c r="AK3116">
        <v>54</v>
      </c>
      <c r="AL3116">
        <v>53</v>
      </c>
      <c r="AM3116">
        <v>53</v>
      </c>
      <c r="AN3116">
        <v>52</v>
      </c>
      <c r="AO3116">
        <v>52</v>
      </c>
      <c r="AP3116">
        <v>51</v>
      </c>
      <c r="AQ3116">
        <v>51</v>
      </c>
    </row>
    <row r="3117" spans="1:43">
      <c r="A3117" t="s">
        <v>1980</v>
      </c>
      <c r="B3117" t="s">
        <v>1981</v>
      </c>
      <c r="C3117" t="s">
        <v>1974</v>
      </c>
      <c r="D3117" t="s">
        <v>1975</v>
      </c>
      <c r="E3117" t="s">
        <v>1586</v>
      </c>
      <c r="F3117" t="s">
        <v>1587</v>
      </c>
      <c r="G3117" t="s">
        <v>80</v>
      </c>
      <c r="H3117" t="s">
        <v>81</v>
      </c>
      <c r="I3117" s="2">
        <v>0</v>
      </c>
      <c r="J3117" s="2">
        <v>0</v>
      </c>
      <c r="K3117" s="2">
        <v>1</v>
      </c>
      <c r="L3117" t="s">
        <v>995</v>
      </c>
      <c r="M3117" t="s">
        <v>83</v>
      </c>
      <c r="N3117" t="s">
        <v>91</v>
      </c>
      <c r="O3117" t="s">
        <v>85</v>
      </c>
      <c r="P3117" t="s">
        <v>86</v>
      </c>
      <c r="Q3117">
        <v>51</v>
      </c>
      <c r="R3117">
        <v>51</v>
      </c>
      <c r="S3117">
        <v>51</v>
      </c>
      <c r="T3117">
        <v>51</v>
      </c>
      <c r="U3117">
        <v>51</v>
      </c>
      <c r="V3117">
        <v>52</v>
      </c>
      <c r="W3117">
        <v>52</v>
      </c>
      <c r="X3117">
        <v>52</v>
      </c>
      <c r="Y3117">
        <v>52</v>
      </c>
      <c r="Z3117">
        <v>52</v>
      </c>
      <c r="AA3117">
        <v>52</v>
      </c>
      <c r="AB3117">
        <v>52</v>
      </c>
      <c r="AC3117">
        <v>52</v>
      </c>
      <c r="AD3117">
        <v>52</v>
      </c>
      <c r="AE3117">
        <v>53</v>
      </c>
      <c r="AF3117">
        <v>53</v>
      </c>
      <c r="AG3117">
        <v>53</v>
      </c>
      <c r="AH3117">
        <v>53</v>
      </c>
      <c r="AI3117">
        <v>53</v>
      </c>
      <c r="AJ3117">
        <v>53</v>
      </c>
      <c r="AK3117">
        <v>53</v>
      </c>
      <c r="AL3117">
        <v>52</v>
      </c>
      <c r="AM3117">
        <v>52</v>
      </c>
      <c r="AN3117">
        <v>52</v>
      </c>
      <c r="AO3117">
        <v>51</v>
      </c>
      <c r="AP3117">
        <v>51</v>
      </c>
      <c r="AQ3117">
        <v>50</v>
      </c>
    </row>
    <row r="3118" spans="1:43">
      <c r="A3118" t="s">
        <v>1982</v>
      </c>
      <c r="B3118" t="s">
        <v>1983</v>
      </c>
      <c r="C3118" t="s">
        <v>1792</v>
      </c>
      <c r="D3118" t="s">
        <v>1793</v>
      </c>
      <c r="E3118" t="s">
        <v>1586</v>
      </c>
      <c r="F3118" t="s">
        <v>1587</v>
      </c>
      <c r="G3118" t="s">
        <v>80</v>
      </c>
      <c r="H3118" t="s">
        <v>81</v>
      </c>
      <c r="I3118" s="2">
        <v>0</v>
      </c>
      <c r="J3118" s="2">
        <v>0</v>
      </c>
      <c r="K3118" s="2">
        <v>1</v>
      </c>
      <c r="L3118" t="s">
        <v>995</v>
      </c>
      <c r="M3118" t="s">
        <v>83</v>
      </c>
      <c r="N3118" t="s">
        <v>84</v>
      </c>
      <c r="O3118" t="s">
        <v>85</v>
      </c>
      <c r="P3118" t="s">
        <v>86</v>
      </c>
      <c r="Q3118">
        <v>35</v>
      </c>
      <c r="R3118">
        <v>35</v>
      </c>
      <c r="S3118">
        <v>35</v>
      </c>
      <c r="T3118">
        <v>35</v>
      </c>
      <c r="U3118">
        <v>36</v>
      </c>
      <c r="V3118">
        <v>36</v>
      </c>
      <c r="W3118">
        <v>36</v>
      </c>
      <c r="X3118">
        <v>36</v>
      </c>
      <c r="Y3118">
        <v>36</v>
      </c>
      <c r="Z3118">
        <v>36</v>
      </c>
      <c r="AA3118">
        <v>36</v>
      </c>
      <c r="AB3118">
        <v>37</v>
      </c>
      <c r="AC3118">
        <v>37</v>
      </c>
      <c r="AD3118">
        <v>37</v>
      </c>
      <c r="AE3118">
        <v>37</v>
      </c>
      <c r="AF3118">
        <v>37</v>
      </c>
      <c r="AG3118">
        <v>37</v>
      </c>
      <c r="AH3118">
        <v>37</v>
      </c>
      <c r="AI3118">
        <v>37</v>
      </c>
      <c r="AJ3118">
        <v>37</v>
      </c>
      <c r="AK3118">
        <v>37</v>
      </c>
      <c r="AL3118">
        <v>37</v>
      </c>
      <c r="AM3118">
        <v>37</v>
      </c>
      <c r="AN3118">
        <v>37</v>
      </c>
      <c r="AO3118">
        <v>36</v>
      </c>
      <c r="AP3118">
        <v>36</v>
      </c>
      <c r="AQ3118">
        <v>36</v>
      </c>
    </row>
    <row r="3119" spans="1:43">
      <c r="A3119" t="s">
        <v>1982</v>
      </c>
      <c r="B3119" t="s">
        <v>1983</v>
      </c>
      <c r="C3119" t="s">
        <v>1792</v>
      </c>
      <c r="D3119" t="s">
        <v>1793</v>
      </c>
      <c r="E3119" t="s">
        <v>1586</v>
      </c>
      <c r="F3119" t="s">
        <v>1587</v>
      </c>
      <c r="G3119" t="s">
        <v>80</v>
      </c>
      <c r="H3119" t="s">
        <v>81</v>
      </c>
      <c r="I3119" s="2">
        <v>0</v>
      </c>
      <c r="J3119" s="2">
        <v>0</v>
      </c>
      <c r="K3119" s="2">
        <v>1</v>
      </c>
      <c r="L3119" t="s">
        <v>995</v>
      </c>
      <c r="M3119" t="s">
        <v>87</v>
      </c>
      <c r="N3119" t="s">
        <v>88</v>
      </c>
      <c r="O3119" t="s">
        <v>85</v>
      </c>
      <c r="P3119" t="s">
        <v>86</v>
      </c>
      <c r="Q3119">
        <v>35</v>
      </c>
      <c r="R3119">
        <v>34</v>
      </c>
      <c r="S3119">
        <v>34</v>
      </c>
      <c r="T3119">
        <v>34</v>
      </c>
      <c r="U3119">
        <v>34</v>
      </c>
      <c r="V3119">
        <v>34</v>
      </c>
      <c r="W3119">
        <v>34</v>
      </c>
      <c r="X3119">
        <v>34</v>
      </c>
      <c r="Y3119">
        <v>33</v>
      </c>
      <c r="Z3119">
        <v>33</v>
      </c>
      <c r="AA3119">
        <v>33</v>
      </c>
      <c r="AB3119">
        <v>33</v>
      </c>
      <c r="AC3119">
        <v>33</v>
      </c>
      <c r="AD3119">
        <v>33</v>
      </c>
      <c r="AE3119">
        <v>33</v>
      </c>
      <c r="AF3119">
        <v>33</v>
      </c>
      <c r="AG3119">
        <v>32</v>
      </c>
      <c r="AH3119">
        <v>32</v>
      </c>
      <c r="AI3119">
        <v>32</v>
      </c>
      <c r="AJ3119">
        <v>32</v>
      </c>
      <c r="AK3119">
        <v>32</v>
      </c>
      <c r="AL3119">
        <v>32</v>
      </c>
      <c r="AM3119">
        <v>32</v>
      </c>
      <c r="AN3119">
        <v>31</v>
      </c>
      <c r="AO3119">
        <v>31</v>
      </c>
      <c r="AP3119">
        <v>31</v>
      </c>
      <c r="AQ3119">
        <v>31</v>
      </c>
    </row>
    <row r="3120" spans="1:43">
      <c r="A3120" t="s">
        <v>1982</v>
      </c>
      <c r="B3120" t="s">
        <v>1983</v>
      </c>
      <c r="C3120" t="s">
        <v>1792</v>
      </c>
      <c r="D3120" t="s">
        <v>1793</v>
      </c>
      <c r="E3120" t="s">
        <v>1586</v>
      </c>
      <c r="F3120" t="s">
        <v>1587</v>
      </c>
      <c r="G3120" t="s">
        <v>80</v>
      </c>
      <c r="H3120" t="s">
        <v>81</v>
      </c>
      <c r="I3120" s="2">
        <v>0</v>
      </c>
      <c r="J3120" s="2">
        <v>0</v>
      </c>
      <c r="K3120" s="2">
        <v>1</v>
      </c>
      <c r="L3120" t="s">
        <v>995</v>
      </c>
      <c r="M3120" t="s">
        <v>89</v>
      </c>
      <c r="N3120" t="s">
        <v>90</v>
      </c>
      <c r="O3120" t="s">
        <v>85</v>
      </c>
      <c r="P3120" t="s">
        <v>86</v>
      </c>
      <c r="Q3120">
        <v>35</v>
      </c>
      <c r="R3120">
        <v>36</v>
      </c>
      <c r="S3120">
        <v>36</v>
      </c>
      <c r="T3120">
        <v>37</v>
      </c>
      <c r="U3120">
        <v>37</v>
      </c>
      <c r="V3120">
        <v>37</v>
      </c>
      <c r="W3120">
        <v>38</v>
      </c>
      <c r="X3120">
        <v>38</v>
      </c>
      <c r="Y3120">
        <v>38</v>
      </c>
      <c r="Z3120">
        <v>39</v>
      </c>
      <c r="AA3120">
        <v>39</v>
      </c>
      <c r="AB3120">
        <v>39</v>
      </c>
      <c r="AC3120">
        <v>39</v>
      </c>
      <c r="AD3120">
        <v>39</v>
      </c>
      <c r="AE3120">
        <v>39</v>
      </c>
      <c r="AF3120">
        <v>39</v>
      </c>
      <c r="AG3120">
        <v>39</v>
      </c>
      <c r="AH3120">
        <v>39</v>
      </c>
      <c r="AI3120">
        <v>38</v>
      </c>
      <c r="AJ3120">
        <v>38</v>
      </c>
      <c r="AK3120">
        <v>38</v>
      </c>
      <c r="AL3120">
        <v>38</v>
      </c>
      <c r="AM3120">
        <v>37</v>
      </c>
      <c r="AN3120">
        <v>37</v>
      </c>
      <c r="AO3120">
        <v>37</v>
      </c>
      <c r="AP3120">
        <v>37</v>
      </c>
      <c r="AQ3120">
        <v>36</v>
      </c>
    </row>
    <row r="3121" spans="1:43">
      <c r="A3121" t="s">
        <v>1982</v>
      </c>
      <c r="B3121" t="s">
        <v>1983</v>
      </c>
      <c r="C3121" t="s">
        <v>1792</v>
      </c>
      <c r="D3121" t="s">
        <v>1793</v>
      </c>
      <c r="E3121" t="s">
        <v>1586</v>
      </c>
      <c r="F3121" t="s">
        <v>1587</v>
      </c>
      <c r="G3121" t="s">
        <v>80</v>
      </c>
      <c r="H3121" t="s">
        <v>81</v>
      </c>
      <c r="I3121" s="2">
        <v>0</v>
      </c>
      <c r="J3121" s="2">
        <v>0</v>
      </c>
      <c r="K3121" s="2">
        <v>1</v>
      </c>
      <c r="L3121" t="s">
        <v>995</v>
      </c>
      <c r="M3121" t="s">
        <v>83</v>
      </c>
      <c r="N3121" t="s">
        <v>91</v>
      </c>
      <c r="O3121" t="s">
        <v>85</v>
      </c>
      <c r="P3121" t="s">
        <v>86</v>
      </c>
      <c r="Q3121">
        <v>35</v>
      </c>
      <c r="R3121">
        <v>35</v>
      </c>
      <c r="S3121">
        <v>35</v>
      </c>
      <c r="T3121">
        <v>35</v>
      </c>
      <c r="U3121">
        <v>36</v>
      </c>
      <c r="V3121">
        <v>36</v>
      </c>
      <c r="W3121">
        <v>36</v>
      </c>
      <c r="X3121">
        <v>36</v>
      </c>
      <c r="Y3121">
        <v>36</v>
      </c>
      <c r="Z3121">
        <v>36</v>
      </c>
      <c r="AA3121">
        <v>36</v>
      </c>
      <c r="AB3121">
        <v>37</v>
      </c>
      <c r="AC3121">
        <v>37</v>
      </c>
      <c r="AD3121">
        <v>37</v>
      </c>
      <c r="AE3121">
        <v>37</v>
      </c>
      <c r="AF3121">
        <v>37</v>
      </c>
      <c r="AG3121">
        <v>37</v>
      </c>
      <c r="AH3121">
        <v>37</v>
      </c>
      <c r="AI3121">
        <v>37</v>
      </c>
      <c r="AJ3121">
        <v>37</v>
      </c>
      <c r="AK3121">
        <v>37</v>
      </c>
      <c r="AL3121">
        <v>37</v>
      </c>
      <c r="AM3121">
        <v>37</v>
      </c>
      <c r="AN3121">
        <v>37</v>
      </c>
      <c r="AO3121">
        <v>36</v>
      </c>
      <c r="AP3121">
        <v>36</v>
      </c>
      <c r="AQ3121">
        <v>36</v>
      </c>
    </row>
    <row r="3122" spans="1:43">
      <c r="A3122" t="s">
        <v>1984</v>
      </c>
      <c r="B3122" t="s">
        <v>1985</v>
      </c>
      <c r="C3122" t="s">
        <v>1974</v>
      </c>
      <c r="D3122" t="s">
        <v>1975</v>
      </c>
      <c r="E3122" t="s">
        <v>1586</v>
      </c>
      <c r="F3122" t="s">
        <v>1587</v>
      </c>
      <c r="G3122" t="s">
        <v>80</v>
      </c>
      <c r="H3122" t="s">
        <v>81</v>
      </c>
      <c r="I3122" s="2">
        <v>0</v>
      </c>
      <c r="J3122" s="2">
        <v>0</v>
      </c>
      <c r="K3122" s="2">
        <v>1</v>
      </c>
      <c r="L3122" t="s">
        <v>995</v>
      </c>
      <c r="M3122" t="s">
        <v>83</v>
      </c>
      <c r="N3122" t="s">
        <v>84</v>
      </c>
      <c r="O3122" t="s">
        <v>85</v>
      </c>
      <c r="P3122" t="s">
        <v>86</v>
      </c>
      <c r="Q3122">
        <v>7</v>
      </c>
      <c r="R3122">
        <v>7</v>
      </c>
      <c r="S3122">
        <v>7</v>
      </c>
      <c r="T3122">
        <v>7</v>
      </c>
      <c r="U3122">
        <v>7</v>
      </c>
      <c r="V3122">
        <v>7</v>
      </c>
      <c r="W3122">
        <v>7</v>
      </c>
      <c r="X3122">
        <v>7</v>
      </c>
      <c r="Y3122">
        <v>7</v>
      </c>
      <c r="Z3122">
        <v>7</v>
      </c>
      <c r="AA3122">
        <v>7</v>
      </c>
      <c r="AB3122">
        <v>7</v>
      </c>
      <c r="AC3122">
        <v>7</v>
      </c>
      <c r="AD3122">
        <v>7</v>
      </c>
      <c r="AE3122">
        <v>7</v>
      </c>
      <c r="AF3122">
        <v>7</v>
      </c>
      <c r="AG3122">
        <v>7</v>
      </c>
      <c r="AH3122">
        <v>7</v>
      </c>
      <c r="AI3122">
        <v>7</v>
      </c>
      <c r="AJ3122">
        <v>7</v>
      </c>
      <c r="AK3122">
        <v>7</v>
      </c>
      <c r="AL3122">
        <v>7</v>
      </c>
      <c r="AM3122">
        <v>7</v>
      </c>
      <c r="AN3122">
        <v>7</v>
      </c>
      <c r="AO3122">
        <v>7</v>
      </c>
      <c r="AP3122">
        <v>7</v>
      </c>
      <c r="AQ3122">
        <v>7</v>
      </c>
    </row>
    <row r="3123" spans="1:43">
      <c r="A3123" t="s">
        <v>1984</v>
      </c>
      <c r="B3123" t="s">
        <v>1985</v>
      </c>
      <c r="C3123" t="s">
        <v>1974</v>
      </c>
      <c r="D3123" t="s">
        <v>1975</v>
      </c>
      <c r="E3123" t="s">
        <v>1586</v>
      </c>
      <c r="F3123" t="s">
        <v>1587</v>
      </c>
      <c r="G3123" t="s">
        <v>80</v>
      </c>
      <c r="H3123" t="s">
        <v>81</v>
      </c>
      <c r="I3123" s="2">
        <v>0</v>
      </c>
      <c r="J3123" s="2">
        <v>0</v>
      </c>
      <c r="K3123" s="2">
        <v>1</v>
      </c>
      <c r="L3123" t="s">
        <v>995</v>
      </c>
      <c r="M3123" t="s">
        <v>87</v>
      </c>
      <c r="N3123" t="s">
        <v>88</v>
      </c>
      <c r="O3123" t="s">
        <v>85</v>
      </c>
      <c r="P3123" t="s">
        <v>86</v>
      </c>
      <c r="Q3123">
        <v>7</v>
      </c>
      <c r="R3123">
        <v>7</v>
      </c>
      <c r="S3123">
        <v>7</v>
      </c>
      <c r="T3123">
        <v>7</v>
      </c>
      <c r="U3123">
        <v>7</v>
      </c>
      <c r="V3123">
        <v>6</v>
      </c>
      <c r="W3123">
        <v>6</v>
      </c>
      <c r="X3123">
        <v>6</v>
      </c>
      <c r="Y3123">
        <v>6</v>
      </c>
      <c r="Z3123">
        <v>6</v>
      </c>
      <c r="AA3123">
        <v>6</v>
      </c>
      <c r="AB3123">
        <v>6</v>
      </c>
      <c r="AC3123">
        <v>6</v>
      </c>
      <c r="AD3123">
        <v>6</v>
      </c>
      <c r="AE3123">
        <v>6</v>
      </c>
      <c r="AF3123">
        <v>6</v>
      </c>
      <c r="AG3123">
        <v>6</v>
      </c>
      <c r="AH3123">
        <v>6</v>
      </c>
      <c r="AI3123">
        <v>6</v>
      </c>
      <c r="AJ3123">
        <v>6</v>
      </c>
      <c r="AK3123">
        <v>6</v>
      </c>
      <c r="AL3123">
        <v>6</v>
      </c>
      <c r="AM3123">
        <v>6</v>
      </c>
      <c r="AN3123">
        <v>6</v>
      </c>
      <c r="AO3123">
        <v>6</v>
      </c>
      <c r="AP3123">
        <v>6</v>
      </c>
      <c r="AQ3123">
        <v>6</v>
      </c>
    </row>
    <row r="3124" spans="1:43">
      <c r="A3124" t="s">
        <v>1984</v>
      </c>
      <c r="B3124" t="s">
        <v>1985</v>
      </c>
      <c r="C3124" t="s">
        <v>1974</v>
      </c>
      <c r="D3124" t="s">
        <v>1975</v>
      </c>
      <c r="E3124" t="s">
        <v>1586</v>
      </c>
      <c r="F3124" t="s">
        <v>1587</v>
      </c>
      <c r="G3124" t="s">
        <v>80</v>
      </c>
      <c r="H3124" t="s">
        <v>81</v>
      </c>
      <c r="I3124" s="2">
        <v>0</v>
      </c>
      <c r="J3124" s="2">
        <v>0</v>
      </c>
      <c r="K3124" s="2">
        <v>1</v>
      </c>
      <c r="L3124" t="s">
        <v>995</v>
      </c>
      <c r="M3124" t="s">
        <v>89</v>
      </c>
      <c r="N3124" t="s">
        <v>90</v>
      </c>
      <c r="O3124" t="s">
        <v>85</v>
      </c>
      <c r="P3124" t="s">
        <v>86</v>
      </c>
      <c r="Q3124">
        <v>7</v>
      </c>
      <c r="R3124">
        <v>7</v>
      </c>
      <c r="S3124">
        <v>7</v>
      </c>
      <c r="T3124">
        <v>7</v>
      </c>
      <c r="U3124">
        <v>7</v>
      </c>
      <c r="V3124">
        <v>7</v>
      </c>
      <c r="W3124">
        <v>7</v>
      </c>
      <c r="X3124">
        <v>7</v>
      </c>
      <c r="Y3124">
        <v>7</v>
      </c>
      <c r="Z3124">
        <v>7</v>
      </c>
      <c r="AA3124">
        <v>7</v>
      </c>
      <c r="AB3124">
        <v>7</v>
      </c>
      <c r="AC3124">
        <v>7</v>
      </c>
      <c r="AD3124">
        <v>7</v>
      </c>
      <c r="AE3124">
        <v>7</v>
      </c>
      <c r="AF3124">
        <v>7</v>
      </c>
      <c r="AG3124">
        <v>7</v>
      </c>
      <c r="AH3124">
        <v>7</v>
      </c>
      <c r="AI3124">
        <v>7</v>
      </c>
      <c r="AJ3124">
        <v>7</v>
      </c>
      <c r="AK3124">
        <v>7</v>
      </c>
      <c r="AL3124">
        <v>7</v>
      </c>
      <c r="AM3124">
        <v>7</v>
      </c>
      <c r="AN3124">
        <v>7</v>
      </c>
      <c r="AO3124">
        <v>7</v>
      </c>
      <c r="AP3124">
        <v>7</v>
      </c>
      <c r="AQ3124">
        <v>7</v>
      </c>
    </row>
    <row r="3125" spans="1:43">
      <c r="A3125" t="s">
        <v>1984</v>
      </c>
      <c r="B3125" t="s">
        <v>1985</v>
      </c>
      <c r="C3125" t="s">
        <v>1974</v>
      </c>
      <c r="D3125" t="s">
        <v>1975</v>
      </c>
      <c r="E3125" t="s">
        <v>1586</v>
      </c>
      <c r="F3125" t="s">
        <v>1587</v>
      </c>
      <c r="G3125" t="s">
        <v>80</v>
      </c>
      <c r="H3125" t="s">
        <v>81</v>
      </c>
      <c r="I3125" s="2">
        <v>0</v>
      </c>
      <c r="J3125" s="2">
        <v>0</v>
      </c>
      <c r="K3125" s="2">
        <v>1</v>
      </c>
      <c r="L3125" t="s">
        <v>995</v>
      </c>
      <c r="M3125" t="s">
        <v>83</v>
      </c>
      <c r="N3125" t="s">
        <v>91</v>
      </c>
      <c r="O3125" t="s">
        <v>85</v>
      </c>
      <c r="P3125" t="s">
        <v>86</v>
      </c>
      <c r="Q3125">
        <v>7</v>
      </c>
      <c r="R3125">
        <v>7</v>
      </c>
      <c r="S3125">
        <v>7</v>
      </c>
      <c r="T3125">
        <v>7</v>
      </c>
      <c r="U3125">
        <v>7</v>
      </c>
      <c r="V3125">
        <v>7</v>
      </c>
      <c r="W3125">
        <v>7</v>
      </c>
      <c r="X3125">
        <v>7</v>
      </c>
      <c r="Y3125">
        <v>7</v>
      </c>
      <c r="Z3125">
        <v>7</v>
      </c>
      <c r="AA3125">
        <v>7</v>
      </c>
      <c r="AB3125">
        <v>7</v>
      </c>
      <c r="AC3125">
        <v>7</v>
      </c>
      <c r="AD3125">
        <v>7</v>
      </c>
      <c r="AE3125">
        <v>7</v>
      </c>
      <c r="AF3125">
        <v>7</v>
      </c>
      <c r="AG3125">
        <v>7</v>
      </c>
      <c r="AH3125">
        <v>7</v>
      </c>
      <c r="AI3125">
        <v>7</v>
      </c>
      <c r="AJ3125">
        <v>7</v>
      </c>
      <c r="AK3125">
        <v>7</v>
      </c>
      <c r="AL3125">
        <v>7</v>
      </c>
      <c r="AM3125">
        <v>7</v>
      </c>
      <c r="AN3125">
        <v>7</v>
      </c>
      <c r="AO3125">
        <v>7</v>
      </c>
      <c r="AP3125">
        <v>7</v>
      </c>
      <c r="AQ3125">
        <v>7</v>
      </c>
    </row>
    <row r="3126" spans="1:43">
      <c r="A3126" t="s">
        <v>1986</v>
      </c>
      <c r="B3126" t="s">
        <v>1987</v>
      </c>
      <c r="C3126" t="s">
        <v>1792</v>
      </c>
      <c r="D3126" t="s">
        <v>1793</v>
      </c>
      <c r="E3126" t="s">
        <v>1586</v>
      </c>
      <c r="F3126" t="s">
        <v>1587</v>
      </c>
      <c r="G3126" t="s">
        <v>80</v>
      </c>
      <c r="H3126" t="s">
        <v>81</v>
      </c>
      <c r="I3126" s="2">
        <v>0</v>
      </c>
      <c r="J3126" s="2">
        <v>0</v>
      </c>
      <c r="K3126" s="2">
        <v>1</v>
      </c>
      <c r="L3126" t="s">
        <v>995</v>
      </c>
      <c r="M3126" t="s">
        <v>83</v>
      </c>
      <c r="N3126" t="s">
        <v>84</v>
      </c>
      <c r="O3126" t="s">
        <v>85</v>
      </c>
      <c r="P3126" t="s">
        <v>86</v>
      </c>
      <c r="Q3126">
        <v>10</v>
      </c>
      <c r="R3126">
        <v>10</v>
      </c>
      <c r="S3126">
        <v>10</v>
      </c>
      <c r="T3126">
        <v>10</v>
      </c>
      <c r="U3126">
        <v>10</v>
      </c>
      <c r="V3126">
        <v>10</v>
      </c>
      <c r="W3126">
        <v>10</v>
      </c>
      <c r="X3126">
        <v>10</v>
      </c>
      <c r="Y3126">
        <v>11</v>
      </c>
      <c r="Z3126">
        <v>11</v>
      </c>
      <c r="AA3126">
        <v>11</v>
      </c>
      <c r="AB3126">
        <v>11</v>
      </c>
      <c r="AC3126">
        <v>11</v>
      </c>
      <c r="AD3126">
        <v>11</v>
      </c>
      <c r="AE3126">
        <v>11</v>
      </c>
      <c r="AF3126">
        <v>11</v>
      </c>
      <c r="AG3126">
        <v>11</v>
      </c>
      <c r="AH3126">
        <v>11</v>
      </c>
      <c r="AI3126">
        <v>11</v>
      </c>
      <c r="AJ3126">
        <v>11</v>
      </c>
      <c r="AK3126">
        <v>11</v>
      </c>
      <c r="AL3126">
        <v>11</v>
      </c>
      <c r="AM3126">
        <v>11</v>
      </c>
      <c r="AN3126">
        <v>11</v>
      </c>
      <c r="AO3126">
        <v>11</v>
      </c>
      <c r="AP3126">
        <v>11</v>
      </c>
      <c r="AQ3126">
        <v>10</v>
      </c>
    </row>
    <row r="3127" spans="1:43">
      <c r="A3127" t="s">
        <v>1986</v>
      </c>
      <c r="B3127" t="s">
        <v>1987</v>
      </c>
      <c r="C3127" t="s">
        <v>1792</v>
      </c>
      <c r="D3127" t="s">
        <v>1793</v>
      </c>
      <c r="E3127" t="s">
        <v>1586</v>
      </c>
      <c r="F3127" t="s">
        <v>1587</v>
      </c>
      <c r="G3127" t="s">
        <v>80</v>
      </c>
      <c r="H3127" t="s">
        <v>81</v>
      </c>
      <c r="I3127" s="2">
        <v>0</v>
      </c>
      <c r="J3127" s="2">
        <v>0</v>
      </c>
      <c r="K3127" s="2">
        <v>1</v>
      </c>
      <c r="L3127" t="s">
        <v>995</v>
      </c>
      <c r="M3127" t="s">
        <v>87</v>
      </c>
      <c r="N3127" t="s">
        <v>88</v>
      </c>
      <c r="O3127" t="s">
        <v>85</v>
      </c>
      <c r="P3127" t="s">
        <v>86</v>
      </c>
      <c r="Q3127">
        <v>10</v>
      </c>
      <c r="R3127">
        <v>10</v>
      </c>
      <c r="S3127">
        <v>10</v>
      </c>
      <c r="T3127">
        <v>10</v>
      </c>
      <c r="U3127">
        <v>10</v>
      </c>
      <c r="V3127">
        <v>10</v>
      </c>
      <c r="W3127">
        <v>10</v>
      </c>
      <c r="X3127">
        <v>10</v>
      </c>
      <c r="Y3127">
        <v>10</v>
      </c>
      <c r="Z3127">
        <v>10</v>
      </c>
      <c r="AA3127">
        <v>10</v>
      </c>
      <c r="AB3127">
        <v>10</v>
      </c>
      <c r="AC3127">
        <v>10</v>
      </c>
      <c r="AD3127">
        <v>10</v>
      </c>
      <c r="AE3127">
        <v>10</v>
      </c>
      <c r="AF3127">
        <v>9</v>
      </c>
      <c r="AG3127">
        <v>9</v>
      </c>
      <c r="AH3127">
        <v>9</v>
      </c>
      <c r="AI3127">
        <v>9</v>
      </c>
      <c r="AJ3127">
        <v>9</v>
      </c>
      <c r="AK3127">
        <v>9</v>
      </c>
      <c r="AL3127">
        <v>9</v>
      </c>
      <c r="AM3127">
        <v>9</v>
      </c>
      <c r="AN3127">
        <v>9</v>
      </c>
      <c r="AO3127">
        <v>9</v>
      </c>
      <c r="AP3127">
        <v>9</v>
      </c>
      <c r="AQ3127">
        <v>9</v>
      </c>
    </row>
    <row r="3128" spans="1:43">
      <c r="A3128" t="s">
        <v>1986</v>
      </c>
      <c r="B3128" t="s">
        <v>1987</v>
      </c>
      <c r="C3128" t="s">
        <v>1792</v>
      </c>
      <c r="D3128" t="s">
        <v>1793</v>
      </c>
      <c r="E3128" t="s">
        <v>1586</v>
      </c>
      <c r="F3128" t="s">
        <v>1587</v>
      </c>
      <c r="G3128" t="s">
        <v>80</v>
      </c>
      <c r="H3128" t="s">
        <v>81</v>
      </c>
      <c r="I3128" s="2">
        <v>0</v>
      </c>
      <c r="J3128" s="2">
        <v>0</v>
      </c>
      <c r="K3128" s="2">
        <v>1</v>
      </c>
      <c r="L3128" t="s">
        <v>995</v>
      </c>
      <c r="M3128" t="s">
        <v>89</v>
      </c>
      <c r="N3128" t="s">
        <v>90</v>
      </c>
      <c r="O3128" t="s">
        <v>85</v>
      </c>
      <c r="P3128" t="s">
        <v>86</v>
      </c>
      <c r="Q3128">
        <v>10</v>
      </c>
      <c r="R3128">
        <v>10</v>
      </c>
      <c r="S3128">
        <v>11</v>
      </c>
      <c r="T3128">
        <v>11</v>
      </c>
      <c r="U3128">
        <v>11</v>
      </c>
      <c r="V3128">
        <v>11</v>
      </c>
      <c r="W3128">
        <v>11</v>
      </c>
      <c r="X3128">
        <v>11</v>
      </c>
      <c r="Y3128">
        <v>11</v>
      </c>
      <c r="Z3128">
        <v>11</v>
      </c>
      <c r="AA3128">
        <v>11</v>
      </c>
      <c r="AB3128">
        <v>11</v>
      </c>
      <c r="AC3128">
        <v>11</v>
      </c>
      <c r="AD3128">
        <v>11</v>
      </c>
      <c r="AE3128">
        <v>11</v>
      </c>
      <c r="AF3128">
        <v>11</v>
      </c>
      <c r="AG3128">
        <v>11</v>
      </c>
      <c r="AH3128">
        <v>11</v>
      </c>
      <c r="AI3128">
        <v>11</v>
      </c>
      <c r="AJ3128">
        <v>11</v>
      </c>
      <c r="AK3128">
        <v>11</v>
      </c>
      <c r="AL3128">
        <v>11</v>
      </c>
      <c r="AM3128">
        <v>11</v>
      </c>
      <c r="AN3128">
        <v>11</v>
      </c>
      <c r="AO3128">
        <v>11</v>
      </c>
      <c r="AP3128">
        <v>11</v>
      </c>
      <c r="AQ3128">
        <v>11</v>
      </c>
    </row>
    <row r="3129" spans="1:43">
      <c r="A3129" t="s">
        <v>1986</v>
      </c>
      <c r="B3129" t="s">
        <v>1987</v>
      </c>
      <c r="C3129" t="s">
        <v>1792</v>
      </c>
      <c r="D3129" t="s">
        <v>1793</v>
      </c>
      <c r="E3129" t="s">
        <v>1586</v>
      </c>
      <c r="F3129" t="s">
        <v>1587</v>
      </c>
      <c r="G3129" t="s">
        <v>80</v>
      </c>
      <c r="H3129" t="s">
        <v>81</v>
      </c>
      <c r="I3129" s="2">
        <v>0</v>
      </c>
      <c r="J3129" s="2">
        <v>0</v>
      </c>
      <c r="K3129" s="2">
        <v>1</v>
      </c>
      <c r="L3129" t="s">
        <v>995</v>
      </c>
      <c r="M3129" t="s">
        <v>83</v>
      </c>
      <c r="N3129" t="s">
        <v>91</v>
      </c>
      <c r="O3129" t="s">
        <v>85</v>
      </c>
      <c r="P3129" t="s">
        <v>86</v>
      </c>
      <c r="Q3129">
        <v>10</v>
      </c>
      <c r="R3129">
        <v>10</v>
      </c>
      <c r="S3129">
        <v>10</v>
      </c>
      <c r="T3129">
        <v>10</v>
      </c>
      <c r="U3129">
        <v>10</v>
      </c>
      <c r="V3129">
        <v>10</v>
      </c>
      <c r="W3129">
        <v>10</v>
      </c>
      <c r="X3129">
        <v>10</v>
      </c>
      <c r="Y3129">
        <v>11</v>
      </c>
      <c r="Z3129">
        <v>11</v>
      </c>
      <c r="AA3129">
        <v>11</v>
      </c>
      <c r="AB3129">
        <v>11</v>
      </c>
      <c r="AC3129">
        <v>11</v>
      </c>
      <c r="AD3129">
        <v>11</v>
      </c>
      <c r="AE3129">
        <v>11</v>
      </c>
      <c r="AF3129">
        <v>11</v>
      </c>
      <c r="AG3129">
        <v>11</v>
      </c>
      <c r="AH3129">
        <v>11</v>
      </c>
      <c r="AI3129">
        <v>11</v>
      </c>
      <c r="AJ3129">
        <v>11</v>
      </c>
      <c r="AK3129">
        <v>11</v>
      </c>
      <c r="AL3129">
        <v>11</v>
      </c>
      <c r="AM3129">
        <v>11</v>
      </c>
      <c r="AN3129">
        <v>11</v>
      </c>
      <c r="AO3129">
        <v>11</v>
      </c>
      <c r="AP3129">
        <v>11</v>
      </c>
      <c r="AQ3129">
        <v>10</v>
      </c>
    </row>
    <row r="3130" spans="1:43">
      <c r="A3130" t="s">
        <v>1988</v>
      </c>
      <c r="B3130" t="s">
        <v>1989</v>
      </c>
      <c r="C3130" t="s">
        <v>1974</v>
      </c>
      <c r="D3130" t="s">
        <v>1975</v>
      </c>
      <c r="E3130" t="s">
        <v>1586</v>
      </c>
      <c r="F3130" t="s">
        <v>1587</v>
      </c>
      <c r="G3130" t="s">
        <v>80</v>
      </c>
      <c r="H3130" t="s">
        <v>81</v>
      </c>
      <c r="I3130" s="2">
        <v>0</v>
      </c>
      <c r="J3130" s="2">
        <v>0</v>
      </c>
      <c r="K3130" s="2">
        <v>1</v>
      </c>
      <c r="L3130" t="s">
        <v>995</v>
      </c>
      <c r="M3130" t="s">
        <v>83</v>
      </c>
      <c r="N3130" t="s">
        <v>84</v>
      </c>
      <c r="O3130" t="s">
        <v>85</v>
      </c>
      <c r="P3130" t="s">
        <v>86</v>
      </c>
      <c r="Q3130">
        <v>8</v>
      </c>
      <c r="R3130">
        <v>8</v>
      </c>
      <c r="S3130">
        <v>8</v>
      </c>
      <c r="T3130">
        <v>8</v>
      </c>
      <c r="U3130">
        <v>8</v>
      </c>
      <c r="V3130">
        <v>8</v>
      </c>
      <c r="W3130">
        <v>8</v>
      </c>
      <c r="X3130">
        <v>8</v>
      </c>
      <c r="Y3130">
        <v>8</v>
      </c>
      <c r="Z3130">
        <v>8</v>
      </c>
      <c r="AA3130">
        <v>8</v>
      </c>
      <c r="AB3130">
        <v>8</v>
      </c>
      <c r="AC3130">
        <v>8</v>
      </c>
      <c r="AD3130">
        <v>8</v>
      </c>
      <c r="AE3130">
        <v>8</v>
      </c>
      <c r="AF3130">
        <v>8</v>
      </c>
      <c r="AG3130">
        <v>8</v>
      </c>
      <c r="AH3130">
        <v>8</v>
      </c>
      <c r="AI3130">
        <v>8</v>
      </c>
      <c r="AJ3130">
        <v>8</v>
      </c>
      <c r="AK3130">
        <v>8</v>
      </c>
      <c r="AL3130">
        <v>8</v>
      </c>
      <c r="AM3130">
        <v>8</v>
      </c>
      <c r="AN3130">
        <v>8</v>
      </c>
      <c r="AO3130">
        <v>8</v>
      </c>
      <c r="AP3130">
        <v>8</v>
      </c>
      <c r="AQ3130">
        <v>8</v>
      </c>
    </row>
    <row r="3131" spans="1:43">
      <c r="A3131" t="s">
        <v>1988</v>
      </c>
      <c r="B3131" t="s">
        <v>1989</v>
      </c>
      <c r="C3131" t="s">
        <v>1974</v>
      </c>
      <c r="D3131" t="s">
        <v>1975</v>
      </c>
      <c r="E3131" t="s">
        <v>1586</v>
      </c>
      <c r="F3131" t="s">
        <v>1587</v>
      </c>
      <c r="G3131" t="s">
        <v>80</v>
      </c>
      <c r="H3131" t="s">
        <v>81</v>
      </c>
      <c r="I3131" s="2">
        <v>0</v>
      </c>
      <c r="J3131" s="2">
        <v>0</v>
      </c>
      <c r="K3131" s="2">
        <v>1</v>
      </c>
      <c r="L3131" t="s">
        <v>995</v>
      </c>
      <c r="M3131" t="s">
        <v>87</v>
      </c>
      <c r="N3131" t="s">
        <v>88</v>
      </c>
      <c r="O3131" t="s">
        <v>85</v>
      </c>
      <c r="P3131" t="s">
        <v>86</v>
      </c>
      <c r="Q3131">
        <v>8</v>
      </c>
      <c r="R3131">
        <v>8</v>
      </c>
      <c r="S3131">
        <v>8</v>
      </c>
      <c r="T3131">
        <v>8</v>
      </c>
      <c r="U3131">
        <v>8</v>
      </c>
      <c r="V3131">
        <v>8</v>
      </c>
      <c r="W3131">
        <v>8</v>
      </c>
      <c r="X3131">
        <v>7</v>
      </c>
      <c r="Y3131">
        <v>7</v>
      </c>
      <c r="Z3131">
        <v>7</v>
      </c>
      <c r="AA3131">
        <v>7</v>
      </c>
      <c r="AB3131">
        <v>7</v>
      </c>
      <c r="AC3131">
        <v>7</v>
      </c>
      <c r="AD3131">
        <v>7</v>
      </c>
      <c r="AE3131">
        <v>7</v>
      </c>
      <c r="AF3131">
        <v>7</v>
      </c>
      <c r="AG3131">
        <v>7</v>
      </c>
      <c r="AH3131">
        <v>7</v>
      </c>
      <c r="AI3131">
        <v>7</v>
      </c>
      <c r="AJ3131">
        <v>7</v>
      </c>
      <c r="AK3131">
        <v>7</v>
      </c>
      <c r="AL3131">
        <v>7</v>
      </c>
      <c r="AM3131">
        <v>7</v>
      </c>
      <c r="AN3131">
        <v>7</v>
      </c>
      <c r="AO3131">
        <v>7</v>
      </c>
      <c r="AP3131">
        <v>7</v>
      </c>
      <c r="AQ3131">
        <v>7</v>
      </c>
    </row>
    <row r="3132" spans="1:43">
      <c r="A3132" t="s">
        <v>1988</v>
      </c>
      <c r="B3132" t="s">
        <v>1989</v>
      </c>
      <c r="C3132" t="s">
        <v>1974</v>
      </c>
      <c r="D3132" t="s">
        <v>1975</v>
      </c>
      <c r="E3132" t="s">
        <v>1586</v>
      </c>
      <c r="F3132" t="s">
        <v>1587</v>
      </c>
      <c r="G3132" t="s">
        <v>80</v>
      </c>
      <c r="H3132" t="s">
        <v>81</v>
      </c>
      <c r="I3132" s="2">
        <v>0</v>
      </c>
      <c r="J3132" s="2">
        <v>0</v>
      </c>
      <c r="K3132" s="2">
        <v>1</v>
      </c>
      <c r="L3132" t="s">
        <v>995</v>
      </c>
      <c r="M3132" t="s">
        <v>89</v>
      </c>
      <c r="N3132" t="s">
        <v>90</v>
      </c>
      <c r="O3132" t="s">
        <v>85</v>
      </c>
      <c r="P3132" t="s">
        <v>86</v>
      </c>
      <c r="Q3132">
        <v>8</v>
      </c>
      <c r="R3132">
        <v>8</v>
      </c>
      <c r="S3132">
        <v>8</v>
      </c>
      <c r="T3132">
        <v>8</v>
      </c>
      <c r="U3132">
        <v>8</v>
      </c>
      <c r="V3132">
        <v>8</v>
      </c>
      <c r="W3132">
        <v>8</v>
      </c>
      <c r="X3132">
        <v>8</v>
      </c>
      <c r="Y3132">
        <v>9</v>
      </c>
      <c r="Z3132">
        <v>9</v>
      </c>
      <c r="AA3132">
        <v>9</v>
      </c>
      <c r="AB3132">
        <v>9</v>
      </c>
      <c r="AC3132">
        <v>9</v>
      </c>
      <c r="AD3132">
        <v>9</v>
      </c>
      <c r="AE3132">
        <v>9</v>
      </c>
      <c r="AF3132">
        <v>9</v>
      </c>
      <c r="AG3132">
        <v>9</v>
      </c>
      <c r="AH3132">
        <v>9</v>
      </c>
      <c r="AI3132">
        <v>8</v>
      </c>
      <c r="AJ3132">
        <v>8</v>
      </c>
      <c r="AK3132">
        <v>8</v>
      </c>
      <c r="AL3132">
        <v>8</v>
      </c>
      <c r="AM3132">
        <v>8</v>
      </c>
      <c r="AN3132">
        <v>8</v>
      </c>
      <c r="AO3132">
        <v>8</v>
      </c>
      <c r="AP3132">
        <v>8</v>
      </c>
      <c r="AQ3132">
        <v>8</v>
      </c>
    </row>
    <row r="3133" spans="1:43">
      <c r="A3133" t="s">
        <v>1988</v>
      </c>
      <c r="B3133" t="s">
        <v>1989</v>
      </c>
      <c r="C3133" t="s">
        <v>1974</v>
      </c>
      <c r="D3133" t="s">
        <v>1975</v>
      </c>
      <c r="E3133" t="s">
        <v>1586</v>
      </c>
      <c r="F3133" t="s">
        <v>1587</v>
      </c>
      <c r="G3133" t="s">
        <v>80</v>
      </c>
      <c r="H3133" t="s">
        <v>81</v>
      </c>
      <c r="I3133" s="2">
        <v>0</v>
      </c>
      <c r="J3133" s="2">
        <v>0</v>
      </c>
      <c r="K3133" s="2">
        <v>1</v>
      </c>
      <c r="L3133" t="s">
        <v>995</v>
      </c>
      <c r="M3133" t="s">
        <v>83</v>
      </c>
      <c r="N3133" t="s">
        <v>91</v>
      </c>
      <c r="O3133" t="s">
        <v>85</v>
      </c>
      <c r="P3133" t="s">
        <v>86</v>
      </c>
      <c r="Q3133">
        <v>8</v>
      </c>
      <c r="R3133">
        <v>8</v>
      </c>
      <c r="S3133">
        <v>8</v>
      </c>
      <c r="T3133">
        <v>8</v>
      </c>
      <c r="U3133">
        <v>8</v>
      </c>
      <c r="V3133">
        <v>8</v>
      </c>
      <c r="W3133">
        <v>8</v>
      </c>
      <c r="X3133">
        <v>8</v>
      </c>
      <c r="Y3133">
        <v>8</v>
      </c>
      <c r="Z3133">
        <v>8</v>
      </c>
      <c r="AA3133">
        <v>8</v>
      </c>
      <c r="AB3133">
        <v>8</v>
      </c>
      <c r="AC3133">
        <v>8</v>
      </c>
      <c r="AD3133">
        <v>8</v>
      </c>
      <c r="AE3133">
        <v>8</v>
      </c>
      <c r="AF3133">
        <v>8</v>
      </c>
      <c r="AG3133">
        <v>8</v>
      </c>
      <c r="AH3133">
        <v>8</v>
      </c>
      <c r="AI3133">
        <v>8</v>
      </c>
      <c r="AJ3133">
        <v>8</v>
      </c>
      <c r="AK3133">
        <v>8</v>
      </c>
      <c r="AL3133">
        <v>8</v>
      </c>
      <c r="AM3133">
        <v>8</v>
      </c>
      <c r="AN3133">
        <v>8</v>
      </c>
      <c r="AO3133">
        <v>8</v>
      </c>
      <c r="AP3133">
        <v>8</v>
      </c>
      <c r="AQ3133">
        <v>8</v>
      </c>
    </row>
    <row r="3134" spans="1:43">
      <c r="A3134" t="s">
        <v>1990</v>
      </c>
      <c r="B3134" t="s">
        <v>1991</v>
      </c>
      <c r="C3134" t="s">
        <v>1992</v>
      </c>
      <c r="D3134" t="s">
        <v>1993</v>
      </c>
      <c r="E3134" t="s">
        <v>1586</v>
      </c>
      <c r="F3134" t="s">
        <v>1587</v>
      </c>
      <c r="G3134" t="s">
        <v>80</v>
      </c>
      <c r="H3134" t="s">
        <v>81</v>
      </c>
      <c r="I3134" s="2">
        <v>0</v>
      </c>
      <c r="J3134" s="2">
        <v>1</v>
      </c>
      <c r="K3134" s="2">
        <v>0</v>
      </c>
      <c r="L3134" t="s">
        <v>82</v>
      </c>
      <c r="M3134" t="s">
        <v>83</v>
      </c>
      <c r="N3134" t="s">
        <v>84</v>
      </c>
      <c r="O3134" t="s">
        <v>85</v>
      </c>
      <c r="P3134" t="s">
        <v>86</v>
      </c>
      <c r="Q3134">
        <v>15</v>
      </c>
      <c r="R3134">
        <v>15</v>
      </c>
      <c r="S3134">
        <v>15</v>
      </c>
      <c r="T3134">
        <v>15</v>
      </c>
      <c r="U3134">
        <v>15</v>
      </c>
      <c r="V3134">
        <v>15</v>
      </c>
      <c r="W3134">
        <v>16</v>
      </c>
      <c r="X3134">
        <v>16</v>
      </c>
      <c r="Y3134">
        <v>16</v>
      </c>
      <c r="Z3134">
        <v>16</v>
      </c>
      <c r="AA3134">
        <v>16</v>
      </c>
      <c r="AB3134">
        <v>16</v>
      </c>
      <c r="AC3134">
        <v>16</v>
      </c>
      <c r="AD3134">
        <v>16</v>
      </c>
      <c r="AE3134">
        <v>16</v>
      </c>
      <c r="AF3134">
        <v>16</v>
      </c>
      <c r="AG3134">
        <v>16</v>
      </c>
      <c r="AH3134">
        <v>16</v>
      </c>
      <c r="AI3134">
        <v>16</v>
      </c>
      <c r="AJ3134">
        <v>16</v>
      </c>
      <c r="AK3134">
        <v>16</v>
      </c>
      <c r="AL3134">
        <v>16</v>
      </c>
      <c r="AM3134">
        <v>16</v>
      </c>
      <c r="AN3134">
        <v>16</v>
      </c>
      <c r="AO3134">
        <v>16</v>
      </c>
      <c r="AP3134">
        <v>15</v>
      </c>
      <c r="AQ3134">
        <v>15</v>
      </c>
    </row>
    <row r="3135" spans="1:43">
      <c r="A3135" t="s">
        <v>1990</v>
      </c>
      <c r="B3135" t="s">
        <v>1991</v>
      </c>
      <c r="C3135" t="s">
        <v>1992</v>
      </c>
      <c r="D3135" t="s">
        <v>1993</v>
      </c>
      <c r="E3135" t="s">
        <v>1586</v>
      </c>
      <c r="F3135" t="s">
        <v>1587</v>
      </c>
      <c r="G3135" t="s">
        <v>80</v>
      </c>
      <c r="H3135" t="s">
        <v>81</v>
      </c>
      <c r="I3135" s="2">
        <v>0</v>
      </c>
      <c r="J3135" s="2">
        <v>1</v>
      </c>
      <c r="K3135" s="2">
        <v>0</v>
      </c>
      <c r="L3135" t="s">
        <v>82</v>
      </c>
      <c r="M3135" t="s">
        <v>87</v>
      </c>
      <c r="N3135" t="s">
        <v>88</v>
      </c>
      <c r="O3135" t="s">
        <v>85</v>
      </c>
      <c r="P3135" t="s">
        <v>86</v>
      </c>
      <c r="Q3135">
        <v>15</v>
      </c>
      <c r="R3135">
        <v>15</v>
      </c>
      <c r="S3135">
        <v>15</v>
      </c>
      <c r="T3135">
        <v>15</v>
      </c>
      <c r="U3135">
        <v>15</v>
      </c>
      <c r="V3135">
        <v>15</v>
      </c>
      <c r="W3135">
        <v>15</v>
      </c>
      <c r="X3135">
        <v>15</v>
      </c>
      <c r="Y3135">
        <v>14</v>
      </c>
      <c r="Z3135">
        <v>14</v>
      </c>
      <c r="AA3135">
        <v>14</v>
      </c>
      <c r="AB3135">
        <v>14</v>
      </c>
      <c r="AC3135">
        <v>14</v>
      </c>
      <c r="AD3135">
        <v>14</v>
      </c>
      <c r="AE3135">
        <v>14</v>
      </c>
      <c r="AF3135">
        <v>14</v>
      </c>
      <c r="AG3135">
        <v>14</v>
      </c>
      <c r="AH3135">
        <v>14</v>
      </c>
      <c r="AI3135">
        <v>14</v>
      </c>
      <c r="AJ3135">
        <v>14</v>
      </c>
      <c r="AK3135">
        <v>14</v>
      </c>
      <c r="AL3135">
        <v>14</v>
      </c>
      <c r="AM3135">
        <v>14</v>
      </c>
      <c r="AN3135">
        <v>14</v>
      </c>
      <c r="AO3135">
        <v>13</v>
      </c>
      <c r="AP3135">
        <v>13</v>
      </c>
      <c r="AQ3135">
        <v>13</v>
      </c>
    </row>
    <row r="3136" spans="1:43">
      <c r="A3136" t="s">
        <v>1990</v>
      </c>
      <c r="B3136" t="s">
        <v>1991</v>
      </c>
      <c r="C3136" t="s">
        <v>1992</v>
      </c>
      <c r="D3136" t="s">
        <v>1993</v>
      </c>
      <c r="E3136" t="s">
        <v>1586</v>
      </c>
      <c r="F3136" t="s">
        <v>1587</v>
      </c>
      <c r="G3136" t="s">
        <v>80</v>
      </c>
      <c r="H3136" t="s">
        <v>81</v>
      </c>
      <c r="I3136" s="2">
        <v>0</v>
      </c>
      <c r="J3136" s="2">
        <v>1</v>
      </c>
      <c r="K3136" s="2">
        <v>0</v>
      </c>
      <c r="L3136" t="s">
        <v>82</v>
      </c>
      <c r="M3136" t="s">
        <v>89</v>
      </c>
      <c r="N3136" t="s">
        <v>90</v>
      </c>
      <c r="O3136" t="s">
        <v>85</v>
      </c>
      <c r="P3136" t="s">
        <v>86</v>
      </c>
      <c r="Q3136">
        <v>15</v>
      </c>
      <c r="R3136">
        <v>16</v>
      </c>
      <c r="S3136">
        <v>16</v>
      </c>
      <c r="T3136">
        <v>16</v>
      </c>
      <c r="U3136">
        <v>16</v>
      </c>
      <c r="V3136">
        <v>16</v>
      </c>
      <c r="W3136">
        <v>16</v>
      </c>
      <c r="X3136">
        <v>16</v>
      </c>
      <c r="Y3136">
        <v>17</v>
      </c>
      <c r="Z3136">
        <v>17</v>
      </c>
      <c r="AA3136">
        <v>17</v>
      </c>
      <c r="AB3136">
        <v>17</v>
      </c>
      <c r="AC3136">
        <v>17</v>
      </c>
      <c r="AD3136">
        <v>17</v>
      </c>
      <c r="AE3136">
        <v>17</v>
      </c>
      <c r="AF3136">
        <v>17</v>
      </c>
      <c r="AG3136">
        <v>17</v>
      </c>
      <c r="AH3136">
        <v>17</v>
      </c>
      <c r="AI3136">
        <v>16</v>
      </c>
      <c r="AJ3136">
        <v>16</v>
      </c>
      <c r="AK3136">
        <v>16</v>
      </c>
      <c r="AL3136">
        <v>16</v>
      </c>
      <c r="AM3136">
        <v>16</v>
      </c>
      <c r="AN3136">
        <v>16</v>
      </c>
      <c r="AO3136">
        <v>16</v>
      </c>
      <c r="AP3136">
        <v>16</v>
      </c>
      <c r="AQ3136">
        <v>15</v>
      </c>
    </row>
    <row r="3137" spans="1:43">
      <c r="A3137" t="s">
        <v>1990</v>
      </c>
      <c r="B3137" t="s">
        <v>1991</v>
      </c>
      <c r="C3137" t="s">
        <v>1992</v>
      </c>
      <c r="D3137" t="s">
        <v>1993</v>
      </c>
      <c r="E3137" t="s">
        <v>1586</v>
      </c>
      <c r="F3137" t="s">
        <v>1587</v>
      </c>
      <c r="G3137" t="s">
        <v>80</v>
      </c>
      <c r="H3137" t="s">
        <v>81</v>
      </c>
      <c r="I3137" s="2">
        <v>0</v>
      </c>
      <c r="J3137" s="2">
        <v>1</v>
      </c>
      <c r="K3137" s="2">
        <v>0</v>
      </c>
      <c r="L3137" t="s">
        <v>82</v>
      </c>
      <c r="M3137" t="s">
        <v>83</v>
      </c>
      <c r="N3137" t="s">
        <v>91</v>
      </c>
      <c r="O3137" t="s">
        <v>85</v>
      </c>
      <c r="P3137" t="s">
        <v>86</v>
      </c>
      <c r="Q3137">
        <v>15</v>
      </c>
      <c r="R3137">
        <v>15</v>
      </c>
      <c r="S3137">
        <v>15</v>
      </c>
      <c r="T3137">
        <v>15</v>
      </c>
      <c r="U3137">
        <v>15</v>
      </c>
      <c r="V3137">
        <v>15</v>
      </c>
      <c r="W3137">
        <v>16</v>
      </c>
      <c r="X3137">
        <v>16</v>
      </c>
      <c r="Y3137">
        <v>16</v>
      </c>
      <c r="Z3137">
        <v>16</v>
      </c>
      <c r="AA3137">
        <v>16</v>
      </c>
      <c r="AB3137">
        <v>16</v>
      </c>
      <c r="AC3137">
        <v>16</v>
      </c>
      <c r="AD3137">
        <v>16</v>
      </c>
      <c r="AE3137">
        <v>16</v>
      </c>
      <c r="AF3137">
        <v>16</v>
      </c>
      <c r="AG3137">
        <v>16</v>
      </c>
      <c r="AH3137">
        <v>16</v>
      </c>
      <c r="AI3137">
        <v>16</v>
      </c>
      <c r="AJ3137">
        <v>16</v>
      </c>
      <c r="AK3137">
        <v>16</v>
      </c>
      <c r="AL3137">
        <v>16</v>
      </c>
      <c r="AM3137">
        <v>16</v>
      </c>
      <c r="AN3137">
        <v>16</v>
      </c>
      <c r="AO3137">
        <v>16</v>
      </c>
      <c r="AP3137">
        <v>15</v>
      </c>
      <c r="AQ3137">
        <v>15</v>
      </c>
    </row>
    <row r="3138" spans="1:43">
      <c r="A3138" t="s">
        <v>1994</v>
      </c>
      <c r="B3138" t="s">
        <v>1995</v>
      </c>
      <c r="C3138" t="s">
        <v>1992</v>
      </c>
      <c r="D3138" t="s">
        <v>1993</v>
      </c>
      <c r="E3138" t="s">
        <v>1586</v>
      </c>
      <c r="F3138" t="s">
        <v>1587</v>
      </c>
      <c r="G3138" t="s">
        <v>80</v>
      </c>
      <c r="H3138" t="s">
        <v>81</v>
      </c>
      <c r="I3138" s="2">
        <v>0</v>
      </c>
      <c r="J3138" s="2">
        <v>1</v>
      </c>
      <c r="K3138" s="2">
        <v>0</v>
      </c>
      <c r="L3138" t="s">
        <v>82</v>
      </c>
      <c r="M3138" t="s">
        <v>83</v>
      </c>
      <c r="N3138" t="s">
        <v>84</v>
      </c>
      <c r="O3138" t="s">
        <v>85</v>
      </c>
      <c r="P3138" t="s">
        <v>86</v>
      </c>
      <c r="Q3138">
        <v>31</v>
      </c>
      <c r="R3138">
        <v>31</v>
      </c>
      <c r="S3138">
        <v>31</v>
      </c>
      <c r="T3138">
        <v>31</v>
      </c>
      <c r="U3138">
        <v>31</v>
      </c>
      <c r="V3138">
        <v>31</v>
      </c>
      <c r="W3138">
        <v>31</v>
      </c>
      <c r="X3138">
        <v>31</v>
      </c>
      <c r="Y3138">
        <v>32</v>
      </c>
      <c r="Z3138">
        <v>32</v>
      </c>
      <c r="AA3138">
        <v>32</v>
      </c>
      <c r="AB3138">
        <v>32</v>
      </c>
      <c r="AC3138">
        <v>32</v>
      </c>
      <c r="AD3138">
        <v>32</v>
      </c>
      <c r="AE3138">
        <v>32</v>
      </c>
      <c r="AF3138">
        <v>32</v>
      </c>
      <c r="AG3138">
        <v>32</v>
      </c>
      <c r="AH3138">
        <v>32</v>
      </c>
      <c r="AI3138">
        <v>32</v>
      </c>
      <c r="AJ3138">
        <v>32</v>
      </c>
      <c r="AK3138">
        <v>32</v>
      </c>
      <c r="AL3138">
        <v>32</v>
      </c>
      <c r="AM3138">
        <v>32</v>
      </c>
      <c r="AN3138">
        <v>32</v>
      </c>
      <c r="AO3138">
        <v>31</v>
      </c>
      <c r="AP3138">
        <v>31</v>
      </c>
      <c r="AQ3138">
        <v>31</v>
      </c>
    </row>
    <row r="3139" spans="1:43">
      <c r="A3139" t="s">
        <v>1994</v>
      </c>
      <c r="B3139" t="s">
        <v>1995</v>
      </c>
      <c r="C3139" t="s">
        <v>1992</v>
      </c>
      <c r="D3139" t="s">
        <v>1993</v>
      </c>
      <c r="E3139" t="s">
        <v>1586</v>
      </c>
      <c r="F3139" t="s">
        <v>1587</v>
      </c>
      <c r="G3139" t="s">
        <v>80</v>
      </c>
      <c r="H3139" t="s">
        <v>81</v>
      </c>
      <c r="I3139" s="2">
        <v>0</v>
      </c>
      <c r="J3139" s="2">
        <v>1</v>
      </c>
      <c r="K3139" s="2">
        <v>0</v>
      </c>
      <c r="L3139" t="s">
        <v>82</v>
      </c>
      <c r="M3139" t="s">
        <v>87</v>
      </c>
      <c r="N3139" t="s">
        <v>88</v>
      </c>
      <c r="O3139" t="s">
        <v>85</v>
      </c>
      <c r="P3139" t="s">
        <v>86</v>
      </c>
      <c r="Q3139">
        <v>31</v>
      </c>
      <c r="R3139">
        <v>31</v>
      </c>
      <c r="S3139">
        <v>31</v>
      </c>
      <c r="T3139">
        <v>31</v>
      </c>
      <c r="U3139">
        <v>31</v>
      </c>
      <c r="V3139">
        <v>31</v>
      </c>
      <c r="W3139">
        <v>30</v>
      </c>
      <c r="X3139">
        <v>30</v>
      </c>
      <c r="Y3139">
        <v>30</v>
      </c>
      <c r="Z3139">
        <v>30</v>
      </c>
      <c r="AA3139">
        <v>30</v>
      </c>
      <c r="AB3139">
        <v>30</v>
      </c>
      <c r="AC3139">
        <v>30</v>
      </c>
      <c r="AD3139">
        <v>30</v>
      </c>
      <c r="AE3139">
        <v>29</v>
      </c>
      <c r="AF3139">
        <v>29</v>
      </c>
      <c r="AG3139">
        <v>29</v>
      </c>
      <c r="AH3139">
        <v>29</v>
      </c>
      <c r="AI3139">
        <v>29</v>
      </c>
      <c r="AJ3139">
        <v>29</v>
      </c>
      <c r="AK3139">
        <v>29</v>
      </c>
      <c r="AL3139">
        <v>29</v>
      </c>
      <c r="AM3139">
        <v>28</v>
      </c>
      <c r="AN3139">
        <v>28</v>
      </c>
      <c r="AO3139">
        <v>28</v>
      </c>
      <c r="AP3139">
        <v>28</v>
      </c>
      <c r="AQ3139">
        <v>28</v>
      </c>
    </row>
    <row r="3140" spans="1:43">
      <c r="A3140" t="s">
        <v>1994</v>
      </c>
      <c r="B3140" t="s">
        <v>1995</v>
      </c>
      <c r="C3140" t="s">
        <v>1992</v>
      </c>
      <c r="D3140" t="s">
        <v>1993</v>
      </c>
      <c r="E3140" t="s">
        <v>1586</v>
      </c>
      <c r="F3140" t="s">
        <v>1587</v>
      </c>
      <c r="G3140" t="s">
        <v>80</v>
      </c>
      <c r="H3140" t="s">
        <v>81</v>
      </c>
      <c r="I3140" s="2">
        <v>0</v>
      </c>
      <c r="J3140" s="2">
        <v>1</v>
      </c>
      <c r="K3140" s="2">
        <v>0</v>
      </c>
      <c r="L3140" t="s">
        <v>82</v>
      </c>
      <c r="M3140" t="s">
        <v>89</v>
      </c>
      <c r="N3140" t="s">
        <v>90</v>
      </c>
      <c r="O3140" t="s">
        <v>85</v>
      </c>
      <c r="P3140" t="s">
        <v>86</v>
      </c>
      <c r="Q3140">
        <v>31</v>
      </c>
      <c r="R3140">
        <v>31</v>
      </c>
      <c r="S3140">
        <v>32</v>
      </c>
      <c r="T3140">
        <v>32</v>
      </c>
      <c r="U3140">
        <v>32</v>
      </c>
      <c r="V3140">
        <v>33</v>
      </c>
      <c r="W3140">
        <v>33</v>
      </c>
      <c r="X3140">
        <v>33</v>
      </c>
      <c r="Y3140">
        <v>33</v>
      </c>
      <c r="Z3140">
        <v>34</v>
      </c>
      <c r="AA3140">
        <v>34</v>
      </c>
      <c r="AB3140">
        <v>34</v>
      </c>
      <c r="AC3140">
        <v>34</v>
      </c>
      <c r="AD3140">
        <v>34</v>
      </c>
      <c r="AE3140">
        <v>34</v>
      </c>
      <c r="AF3140">
        <v>34</v>
      </c>
      <c r="AG3140">
        <v>34</v>
      </c>
      <c r="AH3140">
        <v>33</v>
      </c>
      <c r="AI3140">
        <v>33</v>
      </c>
      <c r="AJ3140">
        <v>33</v>
      </c>
      <c r="AK3140">
        <v>33</v>
      </c>
      <c r="AL3140">
        <v>32</v>
      </c>
      <c r="AM3140">
        <v>32</v>
      </c>
      <c r="AN3140">
        <v>32</v>
      </c>
      <c r="AO3140">
        <v>32</v>
      </c>
      <c r="AP3140">
        <v>31</v>
      </c>
      <c r="AQ3140">
        <v>31</v>
      </c>
    </row>
    <row r="3141" spans="1:43">
      <c r="A3141" t="s">
        <v>1994</v>
      </c>
      <c r="B3141" t="s">
        <v>1995</v>
      </c>
      <c r="C3141" t="s">
        <v>1992</v>
      </c>
      <c r="D3141" t="s">
        <v>1993</v>
      </c>
      <c r="E3141" t="s">
        <v>1586</v>
      </c>
      <c r="F3141" t="s">
        <v>1587</v>
      </c>
      <c r="G3141" t="s">
        <v>80</v>
      </c>
      <c r="H3141" t="s">
        <v>81</v>
      </c>
      <c r="I3141" s="2">
        <v>0</v>
      </c>
      <c r="J3141" s="2">
        <v>1</v>
      </c>
      <c r="K3141" s="2">
        <v>0</v>
      </c>
      <c r="L3141" t="s">
        <v>82</v>
      </c>
      <c r="M3141" t="s">
        <v>83</v>
      </c>
      <c r="N3141" t="s">
        <v>91</v>
      </c>
      <c r="O3141" t="s">
        <v>85</v>
      </c>
      <c r="P3141" t="s">
        <v>86</v>
      </c>
      <c r="Q3141">
        <v>31</v>
      </c>
      <c r="R3141">
        <v>31</v>
      </c>
      <c r="S3141">
        <v>31</v>
      </c>
      <c r="T3141">
        <v>31</v>
      </c>
      <c r="U3141">
        <v>31</v>
      </c>
      <c r="V3141">
        <v>31</v>
      </c>
      <c r="W3141">
        <v>31</v>
      </c>
      <c r="X3141">
        <v>31</v>
      </c>
      <c r="Y3141">
        <v>32</v>
      </c>
      <c r="Z3141">
        <v>32</v>
      </c>
      <c r="AA3141">
        <v>32</v>
      </c>
      <c r="AB3141">
        <v>32</v>
      </c>
      <c r="AC3141">
        <v>32</v>
      </c>
      <c r="AD3141">
        <v>32</v>
      </c>
      <c r="AE3141">
        <v>32</v>
      </c>
      <c r="AF3141">
        <v>32</v>
      </c>
      <c r="AG3141">
        <v>32</v>
      </c>
      <c r="AH3141">
        <v>32</v>
      </c>
      <c r="AI3141">
        <v>32</v>
      </c>
      <c r="AJ3141">
        <v>32</v>
      </c>
      <c r="AK3141">
        <v>32</v>
      </c>
      <c r="AL3141">
        <v>32</v>
      </c>
      <c r="AM3141">
        <v>32</v>
      </c>
      <c r="AN3141">
        <v>32</v>
      </c>
      <c r="AO3141">
        <v>31</v>
      </c>
      <c r="AP3141">
        <v>31</v>
      </c>
      <c r="AQ3141">
        <v>31</v>
      </c>
    </row>
    <row r="3142" spans="1:43">
      <c r="A3142" t="s">
        <v>1996</v>
      </c>
      <c r="B3142" t="s">
        <v>1997</v>
      </c>
      <c r="C3142" t="s">
        <v>1992</v>
      </c>
      <c r="D3142" t="s">
        <v>1993</v>
      </c>
      <c r="E3142" t="s">
        <v>1586</v>
      </c>
      <c r="F3142" t="s">
        <v>1587</v>
      </c>
      <c r="G3142" t="s">
        <v>80</v>
      </c>
      <c r="H3142" t="s">
        <v>81</v>
      </c>
      <c r="I3142" s="2">
        <v>0</v>
      </c>
      <c r="J3142" s="2">
        <v>1</v>
      </c>
      <c r="K3142" s="2">
        <v>0</v>
      </c>
      <c r="L3142" t="s">
        <v>82</v>
      </c>
      <c r="M3142" t="s">
        <v>83</v>
      </c>
      <c r="N3142" t="s">
        <v>84</v>
      </c>
      <c r="O3142" t="s">
        <v>85</v>
      </c>
      <c r="P3142" t="s">
        <v>86</v>
      </c>
      <c r="Q3142">
        <v>12</v>
      </c>
      <c r="R3142">
        <v>12</v>
      </c>
      <c r="S3142">
        <v>12</v>
      </c>
      <c r="T3142">
        <v>12</v>
      </c>
      <c r="U3142">
        <v>12</v>
      </c>
      <c r="V3142">
        <v>12</v>
      </c>
      <c r="W3142">
        <v>12</v>
      </c>
      <c r="X3142">
        <v>12</v>
      </c>
      <c r="Y3142">
        <v>12</v>
      </c>
      <c r="Z3142">
        <v>12</v>
      </c>
      <c r="AA3142">
        <v>12</v>
      </c>
      <c r="AB3142">
        <v>12</v>
      </c>
      <c r="AC3142">
        <v>12</v>
      </c>
      <c r="AD3142">
        <v>12</v>
      </c>
      <c r="AE3142">
        <v>12</v>
      </c>
      <c r="AF3142">
        <v>12</v>
      </c>
      <c r="AG3142">
        <v>12</v>
      </c>
      <c r="AH3142">
        <v>12</v>
      </c>
      <c r="AI3142">
        <v>12</v>
      </c>
      <c r="AJ3142">
        <v>12</v>
      </c>
      <c r="AK3142">
        <v>12</v>
      </c>
      <c r="AL3142">
        <v>12</v>
      </c>
      <c r="AM3142">
        <v>12</v>
      </c>
      <c r="AN3142">
        <v>12</v>
      </c>
      <c r="AO3142">
        <v>12</v>
      </c>
      <c r="AP3142">
        <v>12</v>
      </c>
      <c r="AQ3142">
        <v>12</v>
      </c>
    </row>
    <row r="3143" spans="1:43">
      <c r="A3143" t="s">
        <v>1996</v>
      </c>
      <c r="B3143" t="s">
        <v>1997</v>
      </c>
      <c r="C3143" t="s">
        <v>1992</v>
      </c>
      <c r="D3143" t="s">
        <v>1993</v>
      </c>
      <c r="E3143" t="s">
        <v>1586</v>
      </c>
      <c r="F3143" t="s">
        <v>1587</v>
      </c>
      <c r="G3143" t="s">
        <v>80</v>
      </c>
      <c r="H3143" t="s">
        <v>81</v>
      </c>
      <c r="I3143" s="2">
        <v>0</v>
      </c>
      <c r="J3143" s="2">
        <v>1</v>
      </c>
      <c r="K3143" s="2">
        <v>0</v>
      </c>
      <c r="L3143" t="s">
        <v>82</v>
      </c>
      <c r="M3143" t="s">
        <v>87</v>
      </c>
      <c r="N3143" t="s">
        <v>88</v>
      </c>
      <c r="O3143" t="s">
        <v>85</v>
      </c>
      <c r="P3143" t="s">
        <v>86</v>
      </c>
      <c r="Q3143">
        <v>12</v>
      </c>
      <c r="R3143">
        <v>12</v>
      </c>
      <c r="S3143">
        <v>12</v>
      </c>
      <c r="T3143">
        <v>12</v>
      </c>
      <c r="U3143">
        <v>11</v>
      </c>
      <c r="V3143">
        <v>11</v>
      </c>
      <c r="W3143">
        <v>11</v>
      </c>
      <c r="X3143">
        <v>11</v>
      </c>
      <c r="Y3143">
        <v>11</v>
      </c>
      <c r="Z3143">
        <v>11</v>
      </c>
      <c r="AA3143">
        <v>11</v>
      </c>
      <c r="AB3143">
        <v>11</v>
      </c>
      <c r="AC3143">
        <v>11</v>
      </c>
      <c r="AD3143">
        <v>11</v>
      </c>
      <c r="AE3143">
        <v>11</v>
      </c>
      <c r="AF3143">
        <v>11</v>
      </c>
      <c r="AG3143">
        <v>11</v>
      </c>
      <c r="AH3143">
        <v>11</v>
      </c>
      <c r="AI3143">
        <v>11</v>
      </c>
      <c r="AJ3143">
        <v>11</v>
      </c>
      <c r="AK3143">
        <v>11</v>
      </c>
      <c r="AL3143">
        <v>11</v>
      </c>
      <c r="AM3143">
        <v>11</v>
      </c>
      <c r="AN3143">
        <v>11</v>
      </c>
      <c r="AO3143">
        <v>11</v>
      </c>
      <c r="AP3143">
        <v>10</v>
      </c>
      <c r="AQ3143">
        <v>10</v>
      </c>
    </row>
    <row r="3144" spans="1:43">
      <c r="A3144" t="s">
        <v>1996</v>
      </c>
      <c r="B3144" t="s">
        <v>1997</v>
      </c>
      <c r="C3144" t="s">
        <v>1992</v>
      </c>
      <c r="D3144" t="s">
        <v>1993</v>
      </c>
      <c r="E3144" t="s">
        <v>1586</v>
      </c>
      <c r="F3144" t="s">
        <v>1587</v>
      </c>
      <c r="G3144" t="s">
        <v>80</v>
      </c>
      <c r="H3144" t="s">
        <v>81</v>
      </c>
      <c r="I3144" s="2">
        <v>0</v>
      </c>
      <c r="J3144" s="2">
        <v>1</v>
      </c>
      <c r="K3144" s="2">
        <v>0</v>
      </c>
      <c r="L3144" t="s">
        <v>82</v>
      </c>
      <c r="M3144" t="s">
        <v>89</v>
      </c>
      <c r="N3144" t="s">
        <v>90</v>
      </c>
      <c r="O3144" t="s">
        <v>85</v>
      </c>
      <c r="P3144" t="s">
        <v>86</v>
      </c>
      <c r="Q3144">
        <v>12</v>
      </c>
      <c r="R3144">
        <v>12</v>
      </c>
      <c r="S3144">
        <v>12</v>
      </c>
      <c r="T3144">
        <v>12</v>
      </c>
      <c r="U3144">
        <v>13</v>
      </c>
      <c r="V3144">
        <v>13</v>
      </c>
      <c r="W3144">
        <v>13</v>
      </c>
      <c r="X3144">
        <v>13</v>
      </c>
      <c r="Y3144">
        <v>13</v>
      </c>
      <c r="Z3144">
        <v>13</v>
      </c>
      <c r="AA3144">
        <v>13</v>
      </c>
      <c r="AB3144">
        <v>13</v>
      </c>
      <c r="AC3144">
        <v>13</v>
      </c>
      <c r="AD3144">
        <v>13</v>
      </c>
      <c r="AE3144">
        <v>13</v>
      </c>
      <c r="AF3144">
        <v>13</v>
      </c>
      <c r="AG3144">
        <v>13</v>
      </c>
      <c r="AH3144">
        <v>13</v>
      </c>
      <c r="AI3144">
        <v>13</v>
      </c>
      <c r="AJ3144">
        <v>13</v>
      </c>
      <c r="AK3144">
        <v>13</v>
      </c>
      <c r="AL3144">
        <v>13</v>
      </c>
      <c r="AM3144">
        <v>12</v>
      </c>
      <c r="AN3144">
        <v>12</v>
      </c>
      <c r="AO3144">
        <v>12</v>
      </c>
      <c r="AP3144">
        <v>12</v>
      </c>
      <c r="AQ3144">
        <v>12</v>
      </c>
    </row>
    <row r="3145" spans="1:43">
      <c r="A3145" t="s">
        <v>1996</v>
      </c>
      <c r="B3145" t="s">
        <v>1997</v>
      </c>
      <c r="C3145" t="s">
        <v>1992</v>
      </c>
      <c r="D3145" t="s">
        <v>1993</v>
      </c>
      <c r="E3145" t="s">
        <v>1586</v>
      </c>
      <c r="F3145" t="s">
        <v>1587</v>
      </c>
      <c r="G3145" t="s">
        <v>80</v>
      </c>
      <c r="H3145" t="s">
        <v>81</v>
      </c>
      <c r="I3145" s="2">
        <v>0</v>
      </c>
      <c r="J3145" s="2">
        <v>1</v>
      </c>
      <c r="K3145" s="2">
        <v>0</v>
      </c>
      <c r="L3145" t="s">
        <v>82</v>
      </c>
      <c r="M3145" t="s">
        <v>83</v>
      </c>
      <c r="N3145" t="s">
        <v>91</v>
      </c>
      <c r="O3145" t="s">
        <v>85</v>
      </c>
      <c r="P3145" t="s">
        <v>86</v>
      </c>
      <c r="Q3145">
        <v>12</v>
      </c>
      <c r="R3145">
        <v>12</v>
      </c>
      <c r="S3145">
        <v>12</v>
      </c>
      <c r="T3145">
        <v>12</v>
      </c>
      <c r="U3145">
        <v>12</v>
      </c>
      <c r="V3145">
        <v>12</v>
      </c>
      <c r="W3145">
        <v>12</v>
      </c>
      <c r="X3145">
        <v>12</v>
      </c>
      <c r="Y3145">
        <v>12</v>
      </c>
      <c r="Z3145">
        <v>12</v>
      </c>
      <c r="AA3145">
        <v>12</v>
      </c>
      <c r="AB3145">
        <v>12</v>
      </c>
      <c r="AC3145">
        <v>12</v>
      </c>
      <c r="AD3145">
        <v>12</v>
      </c>
      <c r="AE3145">
        <v>12</v>
      </c>
      <c r="AF3145">
        <v>12</v>
      </c>
      <c r="AG3145">
        <v>12</v>
      </c>
      <c r="AH3145">
        <v>12</v>
      </c>
      <c r="AI3145">
        <v>12</v>
      </c>
      <c r="AJ3145">
        <v>12</v>
      </c>
      <c r="AK3145">
        <v>12</v>
      </c>
      <c r="AL3145">
        <v>12</v>
      </c>
      <c r="AM3145">
        <v>12</v>
      </c>
      <c r="AN3145">
        <v>12</v>
      </c>
      <c r="AO3145">
        <v>12</v>
      </c>
      <c r="AP3145">
        <v>12</v>
      </c>
      <c r="AQ3145">
        <v>12</v>
      </c>
    </row>
    <row r="3146" spans="1:43">
      <c r="A3146" t="s">
        <v>1998</v>
      </c>
      <c r="B3146" t="s">
        <v>1999</v>
      </c>
      <c r="C3146" t="s">
        <v>1662</v>
      </c>
      <c r="D3146" t="s">
        <v>1663</v>
      </c>
      <c r="E3146" t="s">
        <v>1586</v>
      </c>
      <c r="F3146" t="s">
        <v>1587</v>
      </c>
      <c r="G3146" t="s">
        <v>80</v>
      </c>
      <c r="H3146" t="s">
        <v>81</v>
      </c>
      <c r="I3146" s="2">
        <v>0</v>
      </c>
      <c r="J3146" s="2">
        <v>1</v>
      </c>
      <c r="K3146" s="2">
        <v>0</v>
      </c>
      <c r="L3146" t="s">
        <v>82</v>
      </c>
      <c r="M3146" t="s">
        <v>83</v>
      </c>
      <c r="N3146" t="s">
        <v>84</v>
      </c>
      <c r="O3146" t="s">
        <v>85</v>
      </c>
      <c r="P3146" t="s">
        <v>86</v>
      </c>
      <c r="Q3146">
        <v>47</v>
      </c>
      <c r="R3146">
        <v>48</v>
      </c>
      <c r="S3146">
        <v>48</v>
      </c>
      <c r="T3146">
        <v>48</v>
      </c>
      <c r="U3146">
        <v>48</v>
      </c>
      <c r="V3146">
        <v>48</v>
      </c>
      <c r="W3146">
        <v>48</v>
      </c>
      <c r="X3146">
        <v>49</v>
      </c>
      <c r="Y3146">
        <v>49</v>
      </c>
      <c r="Z3146">
        <v>49</v>
      </c>
      <c r="AA3146">
        <v>49</v>
      </c>
      <c r="AB3146">
        <v>49</v>
      </c>
      <c r="AC3146">
        <v>49</v>
      </c>
      <c r="AD3146">
        <v>49</v>
      </c>
      <c r="AE3146">
        <v>49</v>
      </c>
      <c r="AF3146">
        <v>49</v>
      </c>
      <c r="AG3146">
        <v>49</v>
      </c>
      <c r="AH3146">
        <v>49</v>
      </c>
      <c r="AI3146">
        <v>49</v>
      </c>
      <c r="AJ3146">
        <v>49</v>
      </c>
      <c r="AK3146">
        <v>49</v>
      </c>
      <c r="AL3146">
        <v>49</v>
      </c>
      <c r="AM3146">
        <v>49</v>
      </c>
      <c r="AN3146">
        <v>48</v>
      </c>
      <c r="AO3146">
        <v>48</v>
      </c>
      <c r="AP3146">
        <v>48</v>
      </c>
      <c r="AQ3146">
        <v>47</v>
      </c>
    </row>
    <row r="3147" spans="1:43">
      <c r="A3147" t="s">
        <v>1998</v>
      </c>
      <c r="B3147" t="s">
        <v>1999</v>
      </c>
      <c r="C3147" t="s">
        <v>1662</v>
      </c>
      <c r="D3147" t="s">
        <v>1663</v>
      </c>
      <c r="E3147" t="s">
        <v>1586</v>
      </c>
      <c r="F3147" t="s">
        <v>1587</v>
      </c>
      <c r="G3147" t="s">
        <v>80</v>
      </c>
      <c r="H3147" t="s">
        <v>81</v>
      </c>
      <c r="I3147" s="2">
        <v>0</v>
      </c>
      <c r="J3147" s="2">
        <v>1</v>
      </c>
      <c r="K3147" s="2">
        <v>0</v>
      </c>
      <c r="L3147" t="s">
        <v>82</v>
      </c>
      <c r="M3147" t="s">
        <v>87</v>
      </c>
      <c r="N3147" t="s">
        <v>88</v>
      </c>
      <c r="O3147" t="s">
        <v>85</v>
      </c>
      <c r="P3147" t="s">
        <v>86</v>
      </c>
      <c r="Q3147">
        <v>47</v>
      </c>
      <c r="R3147">
        <v>47</v>
      </c>
      <c r="S3147">
        <v>46</v>
      </c>
      <c r="T3147">
        <v>46</v>
      </c>
      <c r="U3147">
        <v>46</v>
      </c>
      <c r="V3147">
        <v>46</v>
      </c>
      <c r="W3147">
        <v>45</v>
      </c>
      <c r="X3147">
        <v>45</v>
      </c>
      <c r="Y3147">
        <v>45</v>
      </c>
      <c r="Z3147">
        <v>45</v>
      </c>
      <c r="AA3147">
        <v>45</v>
      </c>
      <c r="AB3147">
        <v>44</v>
      </c>
      <c r="AC3147">
        <v>44</v>
      </c>
      <c r="AD3147">
        <v>44</v>
      </c>
      <c r="AE3147">
        <v>44</v>
      </c>
      <c r="AF3147">
        <v>43</v>
      </c>
      <c r="AG3147">
        <v>43</v>
      </c>
      <c r="AH3147">
        <v>43</v>
      </c>
      <c r="AI3147">
        <v>43</v>
      </c>
      <c r="AJ3147">
        <v>43</v>
      </c>
      <c r="AK3147">
        <v>42</v>
      </c>
      <c r="AL3147">
        <v>42</v>
      </c>
      <c r="AM3147">
        <v>42</v>
      </c>
      <c r="AN3147">
        <v>42</v>
      </c>
      <c r="AO3147">
        <v>42</v>
      </c>
      <c r="AP3147">
        <v>41</v>
      </c>
      <c r="AQ3147">
        <v>41</v>
      </c>
    </row>
    <row r="3148" spans="1:43">
      <c r="A3148" t="s">
        <v>1998</v>
      </c>
      <c r="B3148" t="s">
        <v>1999</v>
      </c>
      <c r="C3148" t="s">
        <v>1662</v>
      </c>
      <c r="D3148" t="s">
        <v>1663</v>
      </c>
      <c r="E3148" t="s">
        <v>1586</v>
      </c>
      <c r="F3148" t="s">
        <v>1587</v>
      </c>
      <c r="G3148" t="s">
        <v>80</v>
      </c>
      <c r="H3148" t="s">
        <v>81</v>
      </c>
      <c r="I3148" s="2">
        <v>0</v>
      </c>
      <c r="J3148" s="2">
        <v>1</v>
      </c>
      <c r="K3148" s="2">
        <v>0</v>
      </c>
      <c r="L3148" t="s">
        <v>82</v>
      </c>
      <c r="M3148" t="s">
        <v>89</v>
      </c>
      <c r="N3148" t="s">
        <v>90</v>
      </c>
      <c r="O3148" t="s">
        <v>85</v>
      </c>
      <c r="P3148" t="s">
        <v>86</v>
      </c>
      <c r="Q3148">
        <v>47</v>
      </c>
      <c r="R3148">
        <v>47</v>
      </c>
      <c r="S3148">
        <v>48</v>
      </c>
      <c r="T3148">
        <v>48</v>
      </c>
      <c r="U3148">
        <v>49</v>
      </c>
      <c r="V3148">
        <v>49</v>
      </c>
      <c r="W3148">
        <v>50</v>
      </c>
      <c r="X3148">
        <v>50</v>
      </c>
      <c r="Y3148">
        <v>51</v>
      </c>
      <c r="Z3148">
        <v>51</v>
      </c>
      <c r="AA3148">
        <v>51</v>
      </c>
      <c r="AB3148">
        <v>51</v>
      </c>
      <c r="AC3148">
        <v>52</v>
      </c>
      <c r="AD3148">
        <v>52</v>
      </c>
      <c r="AE3148">
        <v>52</v>
      </c>
      <c r="AF3148">
        <v>51</v>
      </c>
      <c r="AG3148">
        <v>51</v>
      </c>
      <c r="AH3148">
        <v>50</v>
      </c>
      <c r="AI3148">
        <v>50</v>
      </c>
      <c r="AJ3148">
        <v>49</v>
      </c>
      <c r="AK3148">
        <v>49</v>
      </c>
      <c r="AL3148">
        <v>49</v>
      </c>
      <c r="AM3148">
        <v>48</v>
      </c>
      <c r="AN3148">
        <v>48</v>
      </c>
      <c r="AO3148">
        <v>47</v>
      </c>
      <c r="AP3148">
        <v>47</v>
      </c>
      <c r="AQ3148">
        <v>47</v>
      </c>
    </row>
    <row r="3149" spans="1:43">
      <c r="A3149" t="s">
        <v>1998</v>
      </c>
      <c r="B3149" t="s">
        <v>1999</v>
      </c>
      <c r="C3149" t="s">
        <v>1662</v>
      </c>
      <c r="D3149" t="s">
        <v>1663</v>
      </c>
      <c r="E3149" t="s">
        <v>1586</v>
      </c>
      <c r="F3149" t="s">
        <v>1587</v>
      </c>
      <c r="G3149" t="s">
        <v>80</v>
      </c>
      <c r="H3149" t="s">
        <v>81</v>
      </c>
      <c r="I3149" s="2">
        <v>0</v>
      </c>
      <c r="J3149" s="2">
        <v>1</v>
      </c>
      <c r="K3149" s="2">
        <v>0</v>
      </c>
      <c r="L3149" t="s">
        <v>82</v>
      </c>
      <c r="M3149" t="s">
        <v>83</v>
      </c>
      <c r="N3149" t="s">
        <v>91</v>
      </c>
      <c r="O3149" t="s">
        <v>85</v>
      </c>
      <c r="P3149" t="s">
        <v>86</v>
      </c>
      <c r="Q3149">
        <v>47</v>
      </c>
      <c r="R3149">
        <v>48</v>
      </c>
      <c r="S3149">
        <v>48</v>
      </c>
      <c r="T3149">
        <v>48</v>
      </c>
      <c r="U3149">
        <v>48</v>
      </c>
      <c r="V3149">
        <v>48</v>
      </c>
      <c r="W3149">
        <v>48</v>
      </c>
      <c r="X3149">
        <v>49</v>
      </c>
      <c r="Y3149">
        <v>49</v>
      </c>
      <c r="Z3149">
        <v>49</v>
      </c>
      <c r="AA3149">
        <v>49</v>
      </c>
      <c r="AB3149">
        <v>49</v>
      </c>
      <c r="AC3149">
        <v>49</v>
      </c>
      <c r="AD3149">
        <v>49</v>
      </c>
      <c r="AE3149">
        <v>49</v>
      </c>
      <c r="AF3149">
        <v>49</v>
      </c>
      <c r="AG3149">
        <v>49</v>
      </c>
      <c r="AH3149">
        <v>49</v>
      </c>
      <c r="AI3149">
        <v>49</v>
      </c>
      <c r="AJ3149">
        <v>49</v>
      </c>
      <c r="AK3149">
        <v>49</v>
      </c>
      <c r="AL3149">
        <v>49</v>
      </c>
      <c r="AM3149">
        <v>49</v>
      </c>
      <c r="AN3149">
        <v>48</v>
      </c>
      <c r="AO3149">
        <v>48</v>
      </c>
      <c r="AP3149">
        <v>48</v>
      </c>
      <c r="AQ3149">
        <v>47</v>
      </c>
    </row>
    <row r="3150" spans="1:43">
      <c r="A3150" t="s">
        <v>2000</v>
      </c>
      <c r="B3150" t="s">
        <v>2001</v>
      </c>
      <c r="C3150" t="s">
        <v>1662</v>
      </c>
      <c r="D3150" t="s">
        <v>1663</v>
      </c>
      <c r="E3150" t="s">
        <v>1586</v>
      </c>
      <c r="F3150" t="s">
        <v>1587</v>
      </c>
      <c r="G3150" t="s">
        <v>80</v>
      </c>
      <c r="H3150" t="s">
        <v>81</v>
      </c>
      <c r="I3150" s="2">
        <v>0</v>
      </c>
      <c r="J3150" s="2">
        <v>1</v>
      </c>
      <c r="K3150" s="2">
        <v>0</v>
      </c>
      <c r="L3150" t="s">
        <v>82</v>
      </c>
      <c r="M3150" t="s">
        <v>83</v>
      </c>
      <c r="N3150" t="s">
        <v>84</v>
      </c>
      <c r="O3150" t="s">
        <v>85</v>
      </c>
      <c r="P3150" t="s">
        <v>86</v>
      </c>
      <c r="Q3150">
        <v>40</v>
      </c>
      <c r="R3150">
        <v>41</v>
      </c>
      <c r="S3150">
        <v>41</v>
      </c>
      <c r="T3150">
        <v>41</v>
      </c>
      <c r="U3150">
        <v>41</v>
      </c>
      <c r="V3150">
        <v>41</v>
      </c>
      <c r="W3150">
        <v>41</v>
      </c>
      <c r="X3150">
        <v>41</v>
      </c>
      <c r="Y3150">
        <v>42</v>
      </c>
      <c r="Z3150">
        <v>42</v>
      </c>
      <c r="AA3150">
        <v>42</v>
      </c>
      <c r="AB3150">
        <v>42</v>
      </c>
      <c r="AC3150">
        <v>42</v>
      </c>
      <c r="AD3150">
        <v>42</v>
      </c>
      <c r="AE3150">
        <v>42</v>
      </c>
      <c r="AF3150">
        <v>42</v>
      </c>
      <c r="AG3150">
        <v>42</v>
      </c>
      <c r="AH3150">
        <v>42</v>
      </c>
      <c r="AI3150">
        <v>42</v>
      </c>
      <c r="AJ3150">
        <v>42</v>
      </c>
      <c r="AK3150">
        <v>42</v>
      </c>
      <c r="AL3150">
        <v>42</v>
      </c>
      <c r="AM3150">
        <v>42</v>
      </c>
      <c r="AN3150">
        <v>41</v>
      </c>
      <c r="AO3150">
        <v>41</v>
      </c>
      <c r="AP3150">
        <v>41</v>
      </c>
      <c r="AQ3150">
        <v>40</v>
      </c>
    </row>
    <row r="3151" spans="1:43">
      <c r="A3151" t="s">
        <v>2000</v>
      </c>
      <c r="B3151" t="s">
        <v>2001</v>
      </c>
      <c r="C3151" t="s">
        <v>1662</v>
      </c>
      <c r="D3151" t="s">
        <v>1663</v>
      </c>
      <c r="E3151" t="s">
        <v>1586</v>
      </c>
      <c r="F3151" t="s">
        <v>1587</v>
      </c>
      <c r="G3151" t="s">
        <v>80</v>
      </c>
      <c r="H3151" t="s">
        <v>81</v>
      </c>
      <c r="I3151" s="2">
        <v>0</v>
      </c>
      <c r="J3151" s="2">
        <v>1</v>
      </c>
      <c r="K3151" s="2">
        <v>0</v>
      </c>
      <c r="L3151" t="s">
        <v>82</v>
      </c>
      <c r="M3151" t="s">
        <v>87</v>
      </c>
      <c r="N3151" t="s">
        <v>88</v>
      </c>
      <c r="O3151" t="s">
        <v>85</v>
      </c>
      <c r="P3151" t="s">
        <v>86</v>
      </c>
      <c r="Q3151">
        <v>40</v>
      </c>
      <c r="R3151">
        <v>40</v>
      </c>
      <c r="S3151">
        <v>40</v>
      </c>
      <c r="T3151">
        <v>39</v>
      </c>
      <c r="U3151">
        <v>39</v>
      </c>
      <c r="V3151">
        <v>39</v>
      </c>
      <c r="W3151">
        <v>39</v>
      </c>
      <c r="X3151">
        <v>39</v>
      </c>
      <c r="Y3151">
        <v>38</v>
      </c>
      <c r="Z3151">
        <v>38</v>
      </c>
      <c r="AA3151">
        <v>38</v>
      </c>
      <c r="AB3151">
        <v>38</v>
      </c>
      <c r="AC3151">
        <v>38</v>
      </c>
      <c r="AD3151">
        <v>37</v>
      </c>
      <c r="AE3151">
        <v>37</v>
      </c>
      <c r="AF3151">
        <v>37</v>
      </c>
      <c r="AG3151">
        <v>37</v>
      </c>
      <c r="AH3151">
        <v>37</v>
      </c>
      <c r="AI3151">
        <v>37</v>
      </c>
      <c r="AJ3151">
        <v>36</v>
      </c>
      <c r="AK3151">
        <v>36</v>
      </c>
      <c r="AL3151">
        <v>36</v>
      </c>
      <c r="AM3151">
        <v>36</v>
      </c>
      <c r="AN3151">
        <v>36</v>
      </c>
      <c r="AO3151">
        <v>35</v>
      </c>
      <c r="AP3151">
        <v>35</v>
      </c>
      <c r="AQ3151">
        <v>35</v>
      </c>
    </row>
    <row r="3152" spans="1:43">
      <c r="A3152" t="s">
        <v>2000</v>
      </c>
      <c r="B3152" t="s">
        <v>2001</v>
      </c>
      <c r="C3152" t="s">
        <v>1662</v>
      </c>
      <c r="D3152" t="s">
        <v>1663</v>
      </c>
      <c r="E3152" t="s">
        <v>1586</v>
      </c>
      <c r="F3152" t="s">
        <v>1587</v>
      </c>
      <c r="G3152" t="s">
        <v>80</v>
      </c>
      <c r="H3152" t="s">
        <v>81</v>
      </c>
      <c r="I3152" s="2">
        <v>0</v>
      </c>
      <c r="J3152" s="2">
        <v>1</v>
      </c>
      <c r="K3152" s="2">
        <v>0</v>
      </c>
      <c r="L3152" t="s">
        <v>82</v>
      </c>
      <c r="M3152" t="s">
        <v>89</v>
      </c>
      <c r="N3152" t="s">
        <v>90</v>
      </c>
      <c r="O3152" t="s">
        <v>85</v>
      </c>
      <c r="P3152" t="s">
        <v>86</v>
      </c>
      <c r="Q3152">
        <v>40</v>
      </c>
      <c r="R3152">
        <v>40</v>
      </c>
      <c r="S3152">
        <v>41</v>
      </c>
      <c r="T3152">
        <v>41</v>
      </c>
      <c r="U3152">
        <v>42</v>
      </c>
      <c r="V3152">
        <v>42</v>
      </c>
      <c r="W3152">
        <v>42</v>
      </c>
      <c r="X3152">
        <v>43</v>
      </c>
      <c r="Y3152">
        <v>43</v>
      </c>
      <c r="Z3152">
        <v>43</v>
      </c>
      <c r="AA3152">
        <v>43</v>
      </c>
      <c r="AB3152">
        <v>44</v>
      </c>
      <c r="AC3152">
        <v>44</v>
      </c>
      <c r="AD3152">
        <v>44</v>
      </c>
      <c r="AE3152">
        <v>44</v>
      </c>
      <c r="AF3152">
        <v>44</v>
      </c>
      <c r="AG3152">
        <v>43</v>
      </c>
      <c r="AH3152">
        <v>43</v>
      </c>
      <c r="AI3152">
        <v>42</v>
      </c>
      <c r="AJ3152">
        <v>42</v>
      </c>
      <c r="AK3152">
        <v>42</v>
      </c>
      <c r="AL3152">
        <v>41</v>
      </c>
      <c r="AM3152">
        <v>41</v>
      </c>
      <c r="AN3152">
        <v>41</v>
      </c>
      <c r="AO3152">
        <v>40</v>
      </c>
      <c r="AP3152">
        <v>40</v>
      </c>
      <c r="AQ3152">
        <v>40</v>
      </c>
    </row>
    <row r="3153" spans="1:43">
      <c r="A3153" t="s">
        <v>2000</v>
      </c>
      <c r="B3153" t="s">
        <v>2001</v>
      </c>
      <c r="C3153" t="s">
        <v>1662</v>
      </c>
      <c r="D3153" t="s">
        <v>1663</v>
      </c>
      <c r="E3153" t="s">
        <v>1586</v>
      </c>
      <c r="F3153" t="s">
        <v>1587</v>
      </c>
      <c r="G3153" t="s">
        <v>80</v>
      </c>
      <c r="H3153" t="s">
        <v>81</v>
      </c>
      <c r="I3153" s="2">
        <v>0</v>
      </c>
      <c r="J3153" s="2">
        <v>1</v>
      </c>
      <c r="K3153" s="2">
        <v>0</v>
      </c>
      <c r="L3153" t="s">
        <v>82</v>
      </c>
      <c r="M3153" t="s">
        <v>83</v>
      </c>
      <c r="N3153" t="s">
        <v>91</v>
      </c>
      <c r="O3153" t="s">
        <v>85</v>
      </c>
      <c r="P3153" t="s">
        <v>86</v>
      </c>
      <c r="Q3153">
        <v>40</v>
      </c>
      <c r="R3153">
        <v>41</v>
      </c>
      <c r="S3153">
        <v>41</v>
      </c>
      <c r="T3153">
        <v>41</v>
      </c>
      <c r="U3153">
        <v>41</v>
      </c>
      <c r="V3153">
        <v>41</v>
      </c>
      <c r="W3153">
        <v>41</v>
      </c>
      <c r="X3153">
        <v>41</v>
      </c>
      <c r="Y3153">
        <v>42</v>
      </c>
      <c r="Z3153">
        <v>42</v>
      </c>
      <c r="AA3153">
        <v>42</v>
      </c>
      <c r="AB3153">
        <v>42</v>
      </c>
      <c r="AC3153">
        <v>42</v>
      </c>
      <c r="AD3153">
        <v>42</v>
      </c>
      <c r="AE3153">
        <v>42</v>
      </c>
      <c r="AF3153">
        <v>42</v>
      </c>
      <c r="AG3153">
        <v>42</v>
      </c>
      <c r="AH3153">
        <v>42</v>
      </c>
      <c r="AI3153">
        <v>42</v>
      </c>
      <c r="AJ3153">
        <v>42</v>
      </c>
      <c r="AK3153">
        <v>42</v>
      </c>
      <c r="AL3153">
        <v>42</v>
      </c>
      <c r="AM3153">
        <v>42</v>
      </c>
      <c r="AN3153">
        <v>41</v>
      </c>
      <c r="AO3153">
        <v>41</v>
      </c>
      <c r="AP3153">
        <v>41</v>
      </c>
      <c r="AQ3153">
        <v>40</v>
      </c>
    </row>
    <row r="3154" spans="1:43">
      <c r="A3154" t="s">
        <v>2002</v>
      </c>
      <c r="B3154" t="s">
        <v>2003</v>
      </c>
      <c r="C3154" t="s">
        <v>1662</v>
      </c>
      <c r="D3154" t="s">
        <v>1663</v>
      </c>
      <c r="E3154" t="s">
        <v>1586</v>
      </c>
      <c r="F3154" t="s">
        <v>1587</v>
      </c>
      <c r="G3154" t="s">
        <v>80</v>
      </c>
      <c r="H3154" t="s">
        <v>81</v>
      </c>
      <c r="I3154" s="2">
        <v>0</v>
      </c>
      <c r="J3154" s="2">
        <v>1</v>
      </c>
      <c r="K3154" s="2">
        <v>0</v>
      </c>
      <c r="L3154" t="s">
        <v>82</v>
      </c>
      <c r="M3154" t="s">
        <v>83</v>
      </c>
      <c r="N3154" t="s">
        <v>84</v>
      </c>
      <c r="O3154" t="s">
        <v>85</v>
      </c>
      <c r="P3154" t="s">
        <v>86</v>
      </c>
      <c r="Q3154">
        <v>28</v>
      </c>
      <c r="R3154">
        <v>28</v>
      </c>
      <c r="S3154">
        <v>28</v>
      </c>
      <c r="T3154">
        <v>28</v>
      </c>
      <c r="U3154">
        <v>29</v>
      </c>
      <c r="V3154">
        <v>29</v>
      </c>
      <c r="W3154">
        <v>29</v>
      </c>
      <c r="X3154">
        <v>29</v>
      </c>
      <c r="Y3154">
        <v>29</v>
      </c>
      <c r="Z3154">
        <v>29</v>
      </c>
      <c r="AA3154">
        <v>29</v>
      </c>
      <c r="AB3154">
        <v>29</v>
      </c>
      <c r="AC3154">
        <v>29</v>
      </c>
      <c r="AD3154">
        <v>29</v>
      </c>
      <c r="AE3154">
        <v>29</v>
      </c>
      <c r="AF3154">
        <v>29</v>
      </c>
      <c r="AG3154">
        <v>29</v>
      </c>
      <c r="AH3154">
        <v>29</v>
      </c>
      <c r="AI3154">
        <v>29</v>
      </c>
      <c r="AJ3154">
        <v>29</v>
      </c>
      <c r="AK3154">
        <v>29</v>
      </c>
      <c r="AL3154">
        <v>29</v>
      </c>
      <c r="AM3154">
        <v>29</v>
      </c>
      <c r="AN3154">
        <v>29</v>
      </c>
      <c r="AO3154">
        <v>28</v>
      </c>
      <c r="AP3154">
        <v>28</v>
      </c>
      <c r="AQ3154">
        <v>28</v>
      </c>
    </row>
    <row r="3155" spans="1:43">
      <c r="A3155" t="s">
        <v>2002</v>
      </c>
      <c r="B3155" t="s">
        <v>2003</v>
      </c>
      <c r="C3155" t="s">
        <v>1662</v>
      </c>
      <c r="D3155" t="s">
        <v>1663</v>
      </c>
      <c r="E3155" t="s">
        <v>1586</v>
      </c>
      <c r="F3155" t="s">
        <v>1587</v>
      </c>
      <c r="G3155" t="s">
        <v>80</v>
      </c>
      <c r="H3155" t="s">
        <v>81</v>
      </c>
      <c r="I3155" s="2">
        <v>0</v>
      </c>
      <c r="J3155" s="2">
        <v>1</v>
      </c>
      <c r="K3155" s="2">
        <v>0</v>
      </c>
      <c r="L3155" t="s">
        <v>82</v>
      </c>
      <c r="M3155" t="s">
        <v>87</v>
      </c>
      <c r="N3155" t="s">
        <v>88</v>
      </c>
      <c r="O3155" t="s">
        <v>85</v>
      </c>
      <c r="P3155" t="s">
        <v>86</v>
      </c>
      <c r="Q3155">
        <v>28</v>
      </c>
      <c r="R3155">
        <v>28</v>
      </c>
      <c r="S3155">
        <v>28</v>
      </c>
      <c r="T3155">
        <v>27</v>
      </c>
      <c r="U3155">
        <v>27</v>
      </c>
      <c r="V3155">
        <v>27</v>
      </c>
      <c r="W3155">
        <v>27</v>
      </c>
      <c r="X3155">
        <v>27</v>
      </c>
      <c r="Y3155">
        <v>27</v>
      </c>
      <c r="Z3155">
        <v>27</v>
      </c>
      <c r="AA3155">
        <v>26</v>
      </c>
      <c r="AB3155">
        <v>26</v>
      </c>
      <c r="AC3155">
        <v>26</v>
      </c>
      <c r="AD3155">
        <v>26</v>
      </c>
      <c r="AE3155">
        <v>26</v>
      </c>
      <c r="AF3155">
        <v>26</v>
      </c>
      <c r="AG3155">
        <v>26</v>
      </c>
      <c r="AH3155">
        <v>25</v>
      </c>
      <c r="AI3155">
        <v>25</v>
      </c>
      <c r="AJ3155">
        <v>25</v>
      </c>
      <c r="AK3155">
        <v>25</v>
      </c>
      <c r="AL3155">
        <v>25</v>
      </c>
      <c r="AM3155">
        <v>25</v>
      </c>
      <c r="AN3155">
        <v>25</v>
      </c>
      <c r="AO3155">
        <v>25</v>
      </c>
      <c r="AP3155">
        <v>25</v>
      </c>
      <c r="AQ3155">
        <v>24</v>
      </c>
    </row>
    <row r="3156" spans="1:43">
      <c r="A3156" t="s">
        <v>2002</v>
      </c>
      <c r="B3156" t="s">
        <v>2003</v>
      </c>
      <c r="C3156" t="s">
        <v>1662</v>
      </c>
      <c r="D3156" t="s">
        <v>1663</v>
      </c>
      <c r="E3156" t="s">
        <v>1586</v>
      </c>
      <c r="F3156" t="s">
        <v>1587</v>
      </c>
      <c r="G3156" t="s">
        <v>80</v>
      </c>
      <c r="H3156" t="s">
        <v>81</v>
      </c>
      <c r="I3156" s="2">
        <v>0</v>
      </c>
      <c r="J3156" s="2">
        <v>1</v>
      </c>
      <c r="K3156" s="2">
        <v>0</v>
      </c>
      <c r="L3156" t="s">
        <v>82</v>
      </c>
      <c r="M3156" t="s">
        <v>89</v>
      </c>
      <c r="N3156" t="s">
        <v>90</v>
      </c>
      <c r="O3156" t="s">
        <v>85</v>
      </c>
      <c r="P3156" t="s">
        <v>86</v>
      </c>
      <c r="Q3156">
        <v>28</v>
      </c>
      <c r="R3156">
        <v>29</v>
      </c>
      <c r="S3156">
        <v>29</v>
      </c>
      <c r="T3156">
        <v>29</v>
      </c>
      <c r="U3156">
        <v>30</v>
      </c>
      <c r="V3156">
        <v>30</v>
      </c>
      <c r="W3156">
        <v>30</v>
      </c>
      <c r="X3156">
        <v>30</v>
      </c>
      <c r="Y3156">
        <v>31</v>
      </c>
      <c r="Z3156">
        <v>31</v>
      </c>
      <c r="AA3156">
        <v>31</v>
      </c>
      <c r="AB3156">
        <v>31</v>
      </c>
      <c r="AC3156">
        <v>31</v>
      </c>
      <c r="AD3156">
        <v>31</v>
      </c>
      <c r="AE3156">
        <v>31</v>
      </c>
      <c r="AF3156">
        <v>31</v>
      </c>
      <c r="AG3156">
        <v>31</v>
      </c>
      <c r="AH3156">
        <v>30</v>
      </c>
      <c r="AI3156">
        <v>30</v>
      </c>
      <c r="AJ3156">
        <v>30</v>
      </c>
      <c r="AK3156">
        <v>30</v>
      </c>
      <c r="AL3156">
        <v>29</v>
      </c>
      <c r="AM3156">
        <v>29</v>
      </c>
      <c r="AN3156">
        <v>29</v>
      </c>
      <c r="AO3156">
        <v>29</v>
      </c>
      <c r="AP3156">
        <v>28</v>
      </c>
      <c r="AQ3156">
        <v>28</v>
      </c>
    </row>
    <row r="3157" spans="1:43">
      <c r="A3157" t="s">
        <v>2002</v>
      </c>
      <c r="B3157" t="s">
        <v>2003</v>
      </c>
      <c r="C3157" t="s">
        <v>1662</v>
      </c>
      <c r="D3157" t="s">
        <v>1663</v>
      </c>
      <c r="E3157" t="s">
        <v>1586</v>
      </c>
      <c r="F3157" t="s">
        <v>1587</v>
      </c>
      <c r="G3157" t="s">
        <v>80</v>
      </c>
      <c r="H3157" t="s">
        <v>81</v>
      </c>
      <c r="I3157" s="2">
        <v>0</v>
      </c>
      <c r="J3157" s="2">
        <v>1</v>
      </c>
      <c r="K3157" s="2">
        <v>0</v>
      </c>
      <c r="L3157" t="s">
        <v>82</v>
      </c>
      <c r="M3157" t="s">
        <v>83</v>
      </c>
      <c r="N3157" t="s">
        <v>91</v>
      </c>
      <c r="O3157" t="s">
        <v>85</v>
      </c>
      <c r="P3157" t="s">
        <v>86</v>
      </c>
      <c r="Q3157">
        <v>28</v>
      </c>
      <c r="R3157">
        <v>28</v>
      </c>
      <c r="S3157">
        <v>28</v>
      </c>
      <c r="T3157">
        <v>28</v>
      </c>
      <c r="U3157">
        <v>29</v>
      </c>
      <c r="V3157">
        <v>29</v>
      </c>
      <c r="W3157">
        <v>29</v>
      </c>
      <c r="X3157">
        <v>29</v>
      </c>
      <c r="Y3157">
        <v>29</v>
      </c>
      <c r="Z3157">
        <v>29</v>
      </c>
      <c r="AA3157">
        <v>29</v>
      </c>
      <c r="AB3157">
        <v>29</v>
      </c>
      <c r="AC3157">
        <v>29</v>
      </c>
      <c r="AD3157">
        <v>29</v>
      </c>
      <c r="AE3157">
        <v>29</v>
      </c>
      <c r="AF3157">
        <v>29</v>
      </c>
      <c r="AG3157">
        <v>29</v>
      </c>
      <c r="AH3157">
        <v>29</v>
      </c>
      <c r="AI3157">
        <v>29</v>
      </c>
      <c r="AJ3157">
        <v>29</v>
      </c>
      <c r="AK3157">
        <v>29</v>
      </c>
      <c r="AL3157">
        <v>29</v>
      </c>
      <c r="AM3157">
        <v>29</v>
      </c>
      <c r="AN3157">
        <v>29</v>
      </c>
      <c r="AO3157">
        <v>28</v>
      </c>
      <c r="AP3157">
        <v>28</v>
      </c>
      <c r="AQ3157">
        <v>28</v>
      </c>
    </row>
    <row r="3158" spans="1:43">
      <c r="A3158" t="s">
        <v>2004</v>
      </c>
      <c r="B3158" t="s">
        <v>2005</v>
      </c>
      <c r="C3158" t="s">
        <v>1662</v>
      </c>
      <c r="D3158" t="s">
        <v>1663</v>
      </c>
      <c r="E3158" t="s">
        <v>1586</v>
      </c>
      <c r="F3158" t="s">
        <v>1587</v>
      </c>
      <c r="G3158" t="s">
        <v>80</v>
      </c>
      <c r="H3158" t="s">
        <v>81</v>
      </c>
      <c r="I3158" s="2">
        <v>0</v>
      </c>
      <c r="J3158" s="2">
        <v>1</v>
      </c>
      <c r="K3158" s="2">
        <v>0</v>
      </c>
      <c r="L3158" t="s">
        <v>82</v>
      </c>
      <c r="M3158" t="s">
        <v>83</v>
      </c>
      <c r="N3158" t="s">
        <v>84</v>
      </c>
      <c r="O3158" t="s">
        <v>85</v>
      </c>
      <c r="P3158" t="s">
        <v>86</v>
      </c>
      <c r="Q3158">
        <v>75</v>
      </c>
      <c r="R3158">
        <v>75</v>
      </c>
      <c r="S3158">
        <v>75</v>
      </c>
      <c r="T3158">
        <v>75</v>
      </c>
      <c r="U3158">
        <v>76</v>
      </c>
      <c r="V3158">
        <v>76</v>
      </c>
      <c r="W3158">
        <v>76</v>
      </c>
      <c r="X3158">
        <v>76</v>
      </c>
      <c r="Y3158">
        <v>76</v>
      </c>
      <c r="Z3158">
        <v>77</v>
      </c>
      <c r="AA3158">
        <v>77</v>
      </c>
      <c r="AB3158">
        <v>77</v>
      </c>
      <c r="AC3158">
        <v>77</v>
      </c>
      <c r="AD3158">
        <v>77</v>
      </c>
      <c r="AE3158">
        <v>77</v>
      </c>
      <c r="AF3158">
        <v>77</v>
      </c>
      <c r="AG3158">
        <v>77</v>
      </c>
      <c r="AH3158">
        <v>77</v>
      </c>
      <c r="AI3158">
        <v>77</v>
      </c>
      <c r="AJ3158">
        <v>78</v>
      </c>
      <c r="AK3158">
        <v>78</v>
      </c>
      <c r="AL3158">
        <v>77</v>
      </c>
      <c r="AM3158">
        <v>76</v>
      </c>
      <c r="AN3158">
        <v>76</v>
      </c>
      <c r="AO3158">
        <v>75</v>
      </c>
      <c r="AP3158">
        <v>74</v>
      </c>
      <c r="AQ3158">
        <v>74</v>
      </c>
    </row>
    <row r="3159" spans="1:43">
      <c r="A3159" t="s">
        <v>2004</v>
      </c>
      <c r="B3159" t="s">
        <v>2005</v>
      </c>
      <c r="C3159" t="s">
        <v>1662</v>
      </c>
      <c r="D3159" t="s">
        <v>1663</v>
      </c>
      <c r="E3159" t="s">
        <v>1586</v>
      </c>
      <c r="F3159" t="s">
        <v>1587</v>
      </c>
      <c r="G3159" t="s">
        <v>80</v>
      </c>
      <c r="H3159" t="s">
        <v>81</v>
      </c>
      <c r="I3159" s="2">
        <v>0</v>
      </c>
      <c r="J3159" s="2">
        <v>1</v>
      </c>
      <c r="K3159" s="2">
        <v>0</v>
      </c>
      <c r="L3159" t="s">
        <v>82</v>
      </c>
      <c r="M3159" t="s">
        <v>87</v>
      </c>
      <c r="N3159" t="s">
        <v>88</v>
      </c>
      <c r="O3159" t="s">
        <v>85</v>
      </c>
      <c r="P3159" t="s">
        <v>86</v>
      </c>
      <c r="Q3159">
        <v>75</v>
      </c>
      <c r="R3159">
        <v>74</v>
      </c>
      <c r="S3159">
        <v>74</v>
      </c>
      <c r="T3159">
        <v>74</v>
      </c>
      <c r="U3159">
        <v>73</v>
      </c>
      <c r="V3159">
        <v>73</v>
      </c>
      <c r="W3159">
        <v>72</v>
      </c>
      <c r="X3159">
        <v>72</v>
      </c>
      <c r="Y3159">
        <v>72</v>
      </c>
      <c r="Z3159">
        <v>71</v>
      </c>
      <c r="AA3159">
        <v>71</v>
      </c>
      <c r="AB3159">
        <v>71</v>
      </c>
      <c r="AC3159">
        <v>70</v>
      </c>
      <c r="AD3159">
        <v>70</v>
      </c>
      <c r="AE3159">
        <v>70</v>
      </c>
      <c r="AF3159">
        <v>69</v>
      </c>
      <c r="AG3159">
        <v>69</v>
      </c>
      <c r="AH3159">
        <v>69</v>
      </c>
      <c r="AI3159">
        <v>68</v>
      </c>
      <c r="AJ3159">
        <v>68</v>
      </c>
      <c r="AK3159">
        <v>68</v>
      </c>
      <c r="AL3159">
        <v>67</v>
      </c>
      <c r="AM3159">
        <v>67</v>
      </c>
      <c r="AN3159">
        <v>67</v>
      </c>
      <c r="AO3159">
        <v>66</v>
      </c>
      <c r="AP3159">
        <v>66</v>
      </c>
      <c r="AQ3159">
        <v>66</v>
      </c>
    </row>
    <row r="3160" spans="1:43">
      <c r="A3160" t="s">
        <v>2004</v>
      </c>
      <c r="B3160" t="s">
        <v>2005</v>
      </c>
      <c r="C3160" t="s">
        <v>1662</v>
      </c>
      <c r="D3160" t="s">
        <v>1663</v>
      </c>
      <c r="E3160" t="s">
        <v>1586</v>
      </c>
      <c r="F3160" t="s">
        <v>1587</v>
      </c>
      <c r="G3160" t="s">
        <v>80</v>
      </c>
      <c r="H3160" t="s">
        <v>81</v>
      </c>
      <c r="I3160" s="2">
        <v>0</v>
      </c>
      <c r="J3160" s="2">
        <v>1</v>
      </c>
      <c r="K3160" s="2">
        <v>0</v>
      </c>
      <c r="L3160" t="s">
        <v>82</v>
      </c>
      <c r="M3160" t="s">
        <v>89</v>
      </c>
      <c r="N3160" t="s">
        <v>90</v>
      </c>
      <c r="O3160" t="s">
        <v>85</v>
      </c>
      <c r="P3160" t="s">
        <v>86</v>
      </c>
      <c r="Q3160">
        <v>75</v>
      </c>
      <c r="R3160">
        <v>76</v>
      </c>
      <c r="S3160">
        <v>77</v>
      </c>
      <c r="T3160">
        <v>78</v>
      </c>
      <c r="U3160">
        <v>79</v>
      </c>
      <c r="V3160">
        <v>79</v>
      </c>
      <c r="W3160">
        <v>80</v>
      </c>
      <c r="X3160">
        <v>81</v>
      </c>
      <c r="Y3160">
        <v>81</v>
      </c>
      <c r="Z3160">
        <v>81</v>
      </c>
      <c r="AA3160">
        <v>82</v>
      </c>
      <c r="AB3160">
        <v>82</v>
      </c>
      <c r="AC3160">
        <v>82</v>
      </c>
      <c r="AD3160">
        <v>83</v>
      </c>
      <c r="AE3160">
        <v>83</v>
      </c>
      <c r="AF3160">
        <v>82</v>
      </c>
      <c r="AG3160">
        <v>81</v>
      </c>
      <c r="AH3160">
        <v>80</v>
      </c>
      <c r="AI3160">
        <v>80</v>
      </c>
      <c r="AJ3160">
        <v>79</v>
      </c>
      <c r="AK3160">
        <v>78</v>
      </c>
      <c r="AL3160">
        <v>78</v>
      </c>
      <c r="AM3160">
        <v>77</v>
      </c>
      <c r="AN3160">
        <v>76</v>
      </c>
      <c r="AO3160">
        <v>76</v>
      </c>
      <c r="AP3160">
        <v>75</v>
      </c>
      <c r="AQ3160">
        <v>74</v>
      </c>
    </row>
    <row r="3161" spans="1:43">
      <c r="A3161" t="s">
        <v>2004</v>
      </c>
      <c r="B3161" t="s">
        <v>2005</v>
      </c>
      <c r="C3161" t="s">
        <v>1662</v>
      </c>
      <c r="D3161" t="s">
        <v>1663</v>
      </c>
      <c r="E3161" t="s">
        <v>1586</v>
      </c>
      <c r="F3161" t="s">
        <v>1587</v>
      </c>
      <c r="G3161" t="s">
        <v>80</v>
      </c>
      <c r="H3161" t="s">
        <v>81</v>
      </c>
      <c r="I3161" s="2">
        <v>0</v>
      </c>
      <c r="J3161" s="2">
        <v>1</v>
      </c>
      <c r="K3161" s="2">
        <v>0</v>
      </c>
      <c r="L3161" t="s">
        <v>82</v>
      </c>
      <c r="M3161" t="s">
        <v>83</v>
      </c>
      <c r="N3161" t="s">
        <v>91</v>
      </c>
      <c r="O3161" t="s">
        <v>85</v>
      </c>
      <c r="P3161" t="s">
        <v>86</v>
      </c>
      <c r="Q3161">
        <v>75</v>
      </c>
      <c r="R3161">
        <v>75</v>
      </c>
      <c r="S3161">
        <v>75</v>
      </c>
      <c r="T3161">
        <v>75</v>
      </c>
      <c r="U3161">
        <v>76</v>
      </c>
      <c r="V3161">
        <v>76</v>
      </c>
      <c r="W3161">
        <v>76</v>
      </c>
      <c r="X3161">
        <v>76</v>
      </c>
      <c r="Y3161">
        <v>76</v>
      </c>
      <c r="Z3161">
        <v>77</v>
      </c>
      <c r="AA3161">
        <v>77</v>
      </c>
      <c r="AB3161">
        <v>77</v>
      </c>
      <c r="AC3161">
        <v>77</v>
      </c>
      <c r="AD3161">
        <v>77</v>
      </c>
      <c r="AE3161">
        <v>77</v>
      </c>
      <c r="AF3161">
        <v>77</v>
      </c>
      <c r="AG3161">
        <v>77</v>
      </c>
      <c r="AH3161">
        <v>77</v>
      </c>
      <c r="AI3161">
        <v>77</v>
      </c>
      <c r="AJ3161">
        <v>78</v>
      </c>
      <c r="AK3161">
        <v>78</v>
      </c>
      <c r="AL3161">
        <v>77</v>
      </c>
      <c r="AM3161">
        <v>76</v>
      </c>
      <c r="AN3161">
        <v>76</v>
      </c>
      <c r="AO3161">
        <v>75</v>
      </c>
      <c r="AP3161">
        <v>74</v>
      </c>
      <c r="AQ3161">
        <v>74</v>
      </c>
    </row>
    <row r="3162" spans="1:43">
      <c r="A3162" t="s">
        <v>2006</v>
      </c>
      <c r="B3162" t="s">
        <v>2007</v>
      </c>
      <c r="C3162" t="s">
        <v>1662</v>
      </c>
      <c r="D3162" t="s">
        <v>1663</v>
      </c>
      <c r="E3162" t="s">
        <v>1586</v>
      </c>
      <c r="F3162" t="s">
        <v>1587</v>
      </c>
      <c r="G3162" t="s">
        <v>80</v>
      </c>
      <c r="H3162" t="s">
        <v>81</v>
      </c>
      <c r="I3162" s="2">
        <v>0</v>
      </c>
      <c r="J3162" s="2">
        <v>1</v>
      </c>
      <c r="K3162" s="2">
        <v>0</v>
      </c>
      <c r="L3162" t="s">
        <v>82</v>
      </c>
      <c r="M3162" t="s">
        <v>83</v>
      </c>
      <c r="N3162" t="s">
        <v>84</v>
      </c>
      <c r="O3162" t="s">
        <v>85</v>
      </c>
      <c r="P3162" t="s">
        <v>86</v>
      </c>
      <c r="Q3162">
        <v>43</v>
      </c>
      <c r="R3162">
        <v>43</v>
      </c>
      <c r="S3162">
        <v>43</v>
      </c>
      <c r="T3162">
        <v>43</v>
      </c>
      <c r="U3162">
        <v>43</v>
      </c>
      <c r="V3162">
        <v>44</v>
      </c>
      <c r="W3162">
        <v>44</v>
      </c>
      <c r="X3162">
        <v>44</v>
      </c>
      <c r="Y3162">
        <v>44</v>
      </c>
      <c r="Z3162">
        <v>44</v>
      </c>
      <c r="AA3162">
        <v>44</v>
      </c>
      <c r="AB3162">
        <v>44</v>
      </c>
      <c r="AC3162">
        <v>44</v>
      </c>
      <c r="AD3162">
        <v>44</v>
      </c>
      <c r="AE3162">
        <v>44</v>
      </c>
      <c r="AF3162">
        <v>44</v>
      </c>
      <c r="AG3162">
        <v>44</v>
      </c>
      <c r="AH3162">
        <v>44</v>
      </c>
      <c r="AI3162">
        <v>44</v>
      </c>
      <c r="AJ3162">
        <v>44</v>
      </c>
      <c r="AK3162">
        <v>44</v>
      </c>
      <c r="AL3162">
        <v>44</v>
      </c>
      <c r="AM3162">
        <v>44</v>
      </c>
      <c r="AN3162">
        <v>43</v>
      </c>
      <c r="AO3162">
        <v>43</v>
      </c>
      <c r="AP3162">
        <v>43</v>
      </c>
      <c r="AQ3162">
        <v>42</v>
      </c>
    </row>
    <row r="3163" spans="1:43">
      <c r="A3163" t="s">
        <v>2006</v>
      </c>
      <c r="B3163" t="s">
        <v>2007</v>
      </c>
      <c r="C3163" t="s">
        <v>1662</v>
      </c>
      <c r="D3163" t="s">
        <v>1663</v>
      </c>
      <c r="E3163" t="s">
        <v>1586</v>
      </c>
      <c r="F3163" t="s">
        <v>1587</v>
      </c>
      <c r="G3163" t="s">
        <v>80</v>
      </c>
      <c r="H3163" t="s">
        <v>81</v>
      </c>
      <c r="I3163" s="2">
        <v>0</v>
      </c>
      <c r="J3163" s="2">
        <v>1</v>
      </c>
      <c r="K3163" s="2">
        <v>0</v>
      </c>
      <c r="L3163" t="s">
        <v>82</v>
      </c>
      <c r="M3163" t="s">
        <v>87</v>
      </c>
      <c r="N3163" t="s">
        <v>88</v>
      </c>
      <c r="O3163" t="s">
        <v>85</v>
      </c>
      <c r="P3163" t="s">
        <v>86</v>
      </c>
      <c r="Q3163">
        <v>43</v>
      </c>
      <c r="R3163">
        <v>43</v>
      </c>
      <c r="S3163">
        <v>43</v>
      </c>
      <c r="T3163">
        <v>43</v>
      </c>
      <c r="U3163">
        <v>42</v>
      </c>
      <c r="V3163">
        <v>42</v>
      </c>
      <c r="W3163">
        <v>42</v>
      </c>
      <c r="X3163">
        <v>42</v>
      </c>
      <c r="Y3163">
        <v>42</v>
      </c>
      <c r="Z3163">
        <v>41</v>
      </c>
      <c r="AA3163">
        <v>41</v>
      </c>
      <c r="AB3163">
        <v>41</v>
      </c>
      <c r="AC3163">
        <v>41</v>
      </c>
      <c r="AD3163">
        <v>41</v>
      </c>
      <c r="AE3163">
        <v>40</v>
      </c>
      <c r="AF3163">
        <v>40</v>
      </c>
      <c r="AG3163">
        <v>40</v>
      </c>
      <c r="AH3163">
        <v>40</v>
      </c>
      <c r="AI3163">
        <v>40</v>
      </c>
      <c r="AJ3163">
        <v>39</v>
      </c>
      <c r="AK3163">
        <v>39</v>
      </c>
      <c r="AL3163">
        <v>39</v>
      </c>
      <c r="AM3163">
        <v>39</v>
      </c>
      <c r="AN3163">
        <v>39</v>
      </c>
      <c r="AO3163">
        <v>38</v>
      </c>
      <c r="AP3163">
        <v>38</v>
      </c>
      <c r="AQ3163">
        <v>38</v>
      </c>
    </row>
    <row r="3164" spans="1:43">
      <c r="A3164" t="s">
        <v>2006</v>
      </c>
      <c r="B3164" t="s">
        <v>2007</v>
      </c>
      <c r="C3164" t="s">
        <v>1662</v>
      </c>
      <c r="D3164" t="s">
        <v>1663</v>
      </c>
      <c r="E3164" t="s">
        <v>1586</v>
      </c>
      <c r="F3164" t="s">
        <v>1587</v>
      </c>
      <c r="G3164" t="s">
        <v>80</v>
      </c>
      <c r="H3164" t="s">
        <v>81</v>
      </c>
      <c r="I3164" s="2">
        <v>0</v>
      </c>
      <c r="J3164" s="2">
        <v>1</v>
      </c>
      <c r="K3164" s="2">
        <v>0</v>
      </c>
      <c r="L3164" t="s">
        <v>82</v>
      </c>
      <c r="M3164" t="s">
        <v>89</v>
      </c>
      <c r="N3164" t="s">
        <v>90</v>
      </c>
      <c r="O3164" t="s">
        <v>85</v>
      </c>
      <c r="P3164" t="s">
        <v>86</v>
      </c>
      <c r="Q3164">
        <v>43</v>
      </c>
      <c r="R3164">
        <v>44</v>
      </c>
      <c r="S3164">
        <v>44</v>
      </c>
      <c r="T3164">
        <v>45</v>
      </c>
      <c r="U3164">
        <v>45</v>
      </c>
      <c r="V3164">
        <v>46</v>
      </c>
      <c r="W3164">
        <v>46</v>
      </c>
      <c r="X3164">
        <v>46</v>
      </c>
      <c r="Y3164">
        <v>46</v>
      </c>
      <c r="Z3164">
        <v>47</v>
      </c>
      <c r="AA3164">
        <v>47</v>
      </c>
      <c r="AB3164">
        <v>47</v>
      </c>
      <c r="AC3164">
        <v>47</v>
      </c>
      <c r="AD3164">
        <v>47</v>
      </c>
      <c r="AE3164">
        <v>47</v>
      </c>
      <c r="AF3164">
        <v>47</v>
      </c>
      <c r="AG3164">
        <v>47</v>
      </c>
      <c r="AH3164">
        <v>46</v>
      </c>
      <c r="AI3164">
        <v>46</v>
      </c>
      <c r="AJ3164">
        <v>45</v>
      </c>
      <c r="AK3164">
        <v>45</v>
      </c>
      <c r="AL3164">
        <v>45</v>
      </c>
      <c r="AM3164">
        <v>44</v>
      </c>
      <c r="AN3164">
        <v>44</v>
      </c>
      <c r="AO3164">
        <v>43</v>
      </c>
      <c r="AP3164">
        <v>43</v>
      </c>
      <c r="AQ3164">
        <v>43</v>
      </c>
    </row>
    <row r="3165" spans="1:43">
      <c r="A3165" t="s">
        <v>2006</v>
      </c>
      <c r="B3165" t="s">
        <v>2007</v>
      </c>
      <c r="C3165" t="s">
        <v>1662</v>
      </c>
      <c r="D3165" t="s">
        <v>1663</v>
      </c>
      <c r="E3165" t="s">
        <v>1586</v>
      </c>
      <c r="F3165" t="s">
        <v>1587</v>
      </c>
      <c r="G3165" t="s">
        <v>80</v>
      </c>
      <c r="H3165" t="s">
        <v>81</v>
      </c>
      <c r="I3165" s="2">
        <v>0</v>
      </c>
      <c r="J3165" s="2">
        <v>1</v>
      </c>
      <c r="K3165" s="2">
        <v>0</v>
      </c>
      <c r="L3165" t="s">
        <v>82</v>
      </c>
      <c r="M3165" t="s">
        <v>83</v>
      </c>
      <c r="N3165" t="s">
        <v>91</v>
      </c>
      <c r="O3165" t="s">
        <v>85</v>
      </c>
      <c r="P3165" t="s">
        <v>86</v>
      </c>
      <c r="Q3165">
        <v>43</v>
      </c>
      <c r="R3165">
        <v>43</v>
      </c>
      <c r="S3165">
        <v>43</v>
      </c>
      <c r="T3165">
        <v>43</v>
      </c>
      <c r="U3165">
        <v>43</v>
      </c>
      <c r="V3165">
        <v>44</v>
      </c>
      <c r="W3165">
        <v>44</v>
      </c>
      <c r="X3165">
        <v>44</v>
      </c>
      <c r="Y3165">
        <v>44</v>
      </c>
      <c r="Z3165">
        <v>44</v>
      </c>
      <c r="AA3165">
        <v>44</v>
      </c>
      <c r="AB3165">
        <v>44</v>
      </c>
      <c r="AC3165">
        <v>44</v>
      </c>
      <c r="AD3165">
        <v>44</v>
      </c>
      <c r="AE3165">
        <v>44</v>
      </c>
      <c r="AF3165">
        <v>44</v>
      </c>
      <c r="AG3165">
        <v>44</v>
      </c>
      <c r="AH3165">
        <v>44</v>
      </c>
      <c r="AI3165">
        <v>44</v>
      </c>
      <c r="AJ3165">
        <v>44</v>
      </c>
      <c r="AK3165">
        <v>44</v>
      </c>
      <c r="AL3165">
        <v>44</v>
      </c>
      <c r="AM3165">
        <v>44</v>
      </c>
      <c r="AN3165">
        <v>43</v>
      </c>
      <c r="AO3165">
        <v>43</v>
      </c>
      <c r="AP3165">
        <v>43</v>
      </c>
      <c r="AQ3165">
        <v>42</v>
      </c>
    </row>
    <row r="3166" spans="1:43">
      <c r="A3166" t="s">
        <v>2008</v>
      </c>
      <c r="B3166" t="s">
        <v>2009</v>
      </c>
      <c r="C3166" t="s">
        <v>2010</v>
      </c>
      <c r="D3166" t="s">
        <v>2011</v>
      </c>
      <c r="E3166" t="s">
        <v>1586</v>
      </c>
      <c r="F3166" t="s">
        <v>1587</v>
      </c>
      <c r="G3166" t="s">
        <v>80</v>
      </c>
      <c r="H3166" t="s">
        <v>81</v>
      </c>
      <c r="I3166" s="2">
        <v>0</v>
      </c>
      <c r="J3166" s="2">
        <v>1</v>
      </c>
      <c r="K3166" s="2">
        <v>0</v>
      </c>
      <c r="L3166" t="s">
        <v>82</v>
      </c>
      <c r="M3166" t="s">
        <v>83</v>
      </c>
      <c r="N3166" t="s">
        <v>84</v>
      </c>
      <c r="O3166" t="s">
        <v>85</v>
      </c>
      <c r="P3166" t="s">
        <v>86</v>
      </c>
      <c r="Q3166">
        <v>10</v>
      </c>
      <c r="R3166">
        <v>10</v>
      </c>
      <c r="S3166">
        <v>10</v>
      </c>
      <c r="T3166">
        <v>10</v>
      </c>
      <c r="U3166">
        <v>10</v>
      </c>
      <c r="V3166">
        <v>10</v>
      </c>
      <c r="W3166">
        <v>10</v>
      </c>
      <c r="X3166">
        <v>10</v>
      </c>
      <c r="Y3166">
        <v>10</v>
      </c>
      <c r="Z3166">
        <v>10</v>
      </c>
      <c r="AA3166">
        <v>10</v>
      </c>
      <c r="AB3166">
        <v>10</v>
      </c>
      <c r="AC3166">
        <v>10</v>
      </c>
      <c r="AD3166">
        <v>10</v>
      </c>
      <c r="AE3166">
        <v>10</v>
      </c>
      <c r="AF3166">
        <v>10</v>
      </c>
      <c r="AG3166">
        <v>10</v>
      </c>
      <c r="AH3166">
        <v>10</v>
      </c>
      <c r="AI3166">
        <v>10</v>
      </c>
      <c r="AJ3166">
        <v>10</v>
      </c>
      <c r="AK3166">
        <v>10</v>
      </c>
      <c r="AL3166">
        <v>10</v>
      </c>
      <c r="AM3166">
        <v>10</v>
      </c>
      <c r="AN3166">
        <v>10</v>
      </c>
      <c r="AO3166">
        <v>10</v>
      </c>
      <c r="AP3166">
        <v>10</v>
      </c>
      <c r="AQ3166">
        <v>9</v>
      </c>
    </row>
    <row r="3167" spans="1:43">
      <c r="A3167" t="s">
        <v>2008</v>
      </c>
      <c r="B3167" t="s">
        <v>2009</v>
      </c>
      <c r="C3167" t="s">
        <v>2010</v>
      </c>
      <c r="D3167" t="s">
        <v>2011</v>
      </c>
      <c r="E3167" t="s">
        <v>1586</v>
      </c>
      <c r="F3167" t="s">
        <v>1587</v>
      </c>
      <c r="G3167" t="s">
        <v>80</v>
      </c>
      <c r="H3167" t="s">
        <v>81</v>
      </c>
      <c r="I3167" s="2">
        <v>0</v>
      </c>
      <c r="J3167" s="2">
        <v>1</v>
      </c>
      <c r="K3167" s="2">
        <v>0</v>
      </c>
      <c r="L3167" t="s">
        <v>82</v>
      </c>
      <c r="M3167" t="s">
        <v>87</v>
      </c>
      <c r="N3167" t="s">
        <v>88</v>
      </c>
      <c r="O3167" t="s">
        <v>85</v>
      </c>
      <c r="P3167" t="s">
        <v>86</v>
      </c>
      <c r="Q3167">
        <v>10</v>
      </c>
      <c r="R3167">
        <v>10</v>
      </c>
      <c r="S3167">
        <v>10</v>
      </c>
      <c r="T3167">
        <v>10</v>
      </c>
      <c r="U3167">
        <v>9</v>
      </c>
      <c r="V3167">
        <v>9</v>
      </c>
      <c r="W3167">
        <v>9</v>
      </c>
      <c r="X3167">
        <v>9</v>
      </c>
      <c r="Y3167">
        <v>9</v>
      </c>
      <c r="Z3167">
        <v>9</v>
      </c>
      <c r="AA3167">
        <v>9</v>
      </c>
      <c r="AB3167">
        <v>9</v>
      </c>
      <c r="AC3167">
        <v>9</v>
      </c>
      <c r="AD3167">
        <v>9</v>
      </c>
      <c r="AE3167">
        <v>9</v>
      </c>
      <c r="AF3167">
        <v>9</v>
      </c>
      <c r="AG3167">
        <v>9</v>
      </c>
      <c r="AH3167">
        <v>9</v>
      </c>
      <c r="AI3167">
        <v>9</v>
      </c>
      <c r="AJ3167">
        <v>9</v>
      </c>
      <c r="AK3167">
        <v>9</v>
      </c>
      <c r="AL3167">
        <v>9</v>
      </c>
      <c r="AM3167">
        <v>8</v>
      </c>
      <c r="AN3167">
        <v>8</v>
      </c>
      <c r="AO3167">
        <v>8</v>
      </c>
      <c r="AP3167">
        <v>8</v>
      </c>
      <c r="AQ3167">
        <v>8</v>
      </c>
    </row>
    <row r="3168" spans="1:43">
      <c r="A3168" t="s">
        <v>2008</v>
      </c>
      <c r="B3168" t="s">
        <v>2009</v>
      </c>
      <c r="C3168" t="s">
        <v>2010</v>
      </c>
      <c r="D3168" t="s">
        <v>2011</v>
      </c>
      <c r="E3168" t="s">
        <v>1586</v>
      </c>
      <c r="F3168" t="s">
        <v>1587</v>
      </c>
      <c r="G3168" t="s">
        <v>80</v>
      </c>
      <c r="H3168" t="s">
        <v>81</v>
      </c>
      <c r="I3168" s="2">
        <v>0</v>
      </c>
      <c r="J3168" s="2">
        <v>1</v>
      </c>
      <c r="K3168" s="2">
        <v>0</v>
      </c>
      <c r="L3168" t="s">
        <v>82</v>
      </c>
      <c r="M3168" t="s">
        <v>89</v>
      </c>
      <c r="N3168" t="s">
        <v>90</v>
      </c>
      <c r="O3168" t="s">
        <v>85</v>
      </c>
      <c r="P3168" t="s">
        <v>86</v>
      </c>
      <c r="Q3168">
        <v>10</v>
      </c>
      <c r="R3168">
        <v>10</v>
      </c>
      <c r="S3168">
        <v>10</v>
      </c>
      <c r="T3168">
        <v>10</v>
      </c>
      <c r="U3168">
        <v>10</v>
      </c>
      <c r="V3168">
        <v>10</v>
      </c>
      <c r="W3168">
        <v>10</v>
      </c>
      <c r="X3168">
        <v>11</v>
      </c>
      <c r="Y3168">
        <v>11</v>
      </c>
      <c r="Z3168">
        <v>11</v>
      </c>
      <c r="AA3168">
        <v>11</v>
      </c>
      <c r="AB3168">
        <v>11</v>
      </c>
      <c r="AC3168">
        <v>11</v>
      </c>
      <c r="AD3168">
        <v>11</v>
      </c>
      <c r="AE3168">
        <v>11</v>
      </c>
      <c r="AF3168">
        <v>11</v>
      </c>
      <c r="AG3168">
        <v>11</v>
      </c>
      <c r="AH3168">
        <v>10</v>
      </c>
      <c r="AI3168">
        <v>10</v>
      </c>
      <c r="AJ3168">
        <v>10</v>
      </c>
      <c r="AK3168">
        <v>10</v>
      </c>
      <c r="AL3168">
        <v>10</v>
      </c>
      <c r="AM3168">
        <v>10</v>
      </c>
      <c r="AN3168">
        <v>10</v>
      </c>
      <c r="AO3168">
        <v>10</v>
      </c>
      <c r="AP3168">
        <v>10</v>
      </c>
      <c r="AQ3168">
        <v>10</v>
      </c>
    </row>
    <row r="3169" spans="1:43">
      <c r="A3169" t="s">
        <v>2008</v>
      </c>
      <c r="B3169" t="s">
        <v>2009</v>
      </c>
      <c r="C3169" t="s">
        <v>2010</v>
      </c>
      <c r="D3169" t="s">
        <v>2011</v>
      </c>
      <c r="E3169" t="s">
        <v>1586</v>
      </c>
      <c r="F3169" t="s">
        <v>1587</v>
      </c>
      <c r="G3169" t="s">
        <v>80</v>
      </c>
      <c r="H3169" t="s">
        <v>81</v>
      </c>
      <c r="I3169" s="2">
        <v>0</v>
      </c>
      <c r="J3169" s="2">
        <v>1</v>
      </c>
      <c r="K3169" s="2">
        <v>0</v>
      </c>
      <c r="L3169" t="s">
        <v>82</v>
      </c>
      <c r="M3169" t="s">
        <v>83</v>
      </c>
      <c r="N3169" t="s">
        <v>91</v>
      </c>
      <c r="O3169" t="s">
        <v>85</v>
      </c>
      <c r="P3169" t="s">
        <v>86</v>
      </c>
      <c r="Q3169">
        <v>10</v>
      </c>
      <c r="R3169">
        <v>10</v>
      </c>
      <c r="S3169">
        <v>10</v>
      </c>
      <c r="T3169">
        <v>10</v>
      </c>
      <c r="U3169">
        <v>10</v>
      </c>
      <c r="V3169">
        <v>10</v>
      </c>
      <c r="W3169">
        <v>10</v>
      </c>
      <c r="X3169">
        <v>10</v>
      </c>
      <c r="Y3169">
        <v>10</v>
      </c>
      <c r="Z3169">
        <v>10</v>
      </c>
      <c r="AA3169">
        <v>10</v>
      </c>
      <c r="AB3169">
        <v>10</v>
      </c>
      <c r="AC3169">
        <v>10</v>
      </c>
      <c r="AD3169">
        <v>10</v>
      </c>
      <c r="AE3169">
        <v>10</v>
      </c>
      <c r="AF3169">
        <v>10</v>
      </c>
      <c r="AG3169">
        <v>10</v>
      </c>
      <c r="AH3169">
        <v>10</v>
      </c>
      <c r="AI3169">
        <v>10</v>
      </c>
      <c r="AJ3169">
        <v>10</v>
      </c>
      <c r="AK3169">
        <v>10</v>
      </c>
      <c r="AL3169">
        <v>10</v>
      </c>
      <c r="AM3169">
        <v>10</v>
      </c>
      <c r="AN3169">
        <v>10</v>
      </c>
      <c r="AO3169">
        <v>10</v>
      </c>
      <c r="AP3169">
        <v>10</v>
      </c>
      <c r="AQ3169">
        <v>9</v>
      </c>
    </row>
    <row r="3170" spans="1:43">
      <c r="A3170" t="s">
        <v>2012</v>
      </c>
      <c r="B3170" t="s">
        <v>2013</v>
      </c>
      <c r="C3170" t="s">
        <v>2010</v>
      </c>
      <c r="D3170" t="s">
        <v>2011</v>
      </c>
      <c r="E3170" t="s">
        <v>1586</v>
      </c>
      <c r="F3170" t="s">
        <v>1587</v>
      </c>
      <c r="G3170" t="s">
        <v>80</v>
      </c>
      <c r="H3170" t="s">
        <v>81</v>
      </c>
      <c r="I3170" s="2">
        <v>0</v>
      </c>
      <c r="J3170" s="2">
        <v>0.54</v>
      </c>
      <c r="K3170" s="2">
        <v>0.46</v>
      </c>
      <c r="L3170" t="s">
        <v>82</v>
      </c>
      <c r="M3170" t="s">
        <v>83</v>
      </c>
      <c r="N3170" t="s">
        <v>84</v>
      </c>
      <c r="O3170" t="s">
        <v>85</v>
      </c>
      <c r="P3170" t="s">
        <v>86</v>
      </c>
      <c r="Q3170">
        <v>21</v>
      </c>
      <c r="R3170">
        <v>21</v>
      </c>
      <c r="S3170">
        <v>21</v>
      </c>
      <c r="T3170">
        <v>21</v>
      </c>
      <c r="U3170">
        <v>21</v>
      </c>
      <c r="V3170">
        <v>21</v>
      </c>
      <c r="W3170">
        <v>21</v>
      </c>
      <c r="X3170">
        <v>21</v>
      </c>
      <c r="Y3170">
        <v>21</v>
      </c>
      <c r="Z3170">
        <v>21</v>
      </c>
      <c r="AA3170">
        <v>21</v>
      </c>
      <c r="AB3170">
        <v>21</v>
      </c>
      <c r="AC3170">
        <v>21</v>
      </c>
      <c r="AD3170">
        <v>21</v>
      </c>
      <c r="AE3170">
        <v>21</v>
      </c>
      <c r="AF3170">
        <v>21</v>
      </c>
      <c r="AG3170">
        <v>21</v>
      </c>
      <c r="AH3170">
        <v>21</v>
      </c>
      <c r="AI3170">
        <v>21</v>
      </c>
      <c r="AJ3170">
        <v>21</v>
      </c>
      <c r="AK3170">
        <v>21</v>
      </c>
      <c r="AL3170">
        <v>21</v>
      </c>
      <c r="AM3170">
        <v>21</v>
      </c>
      <c r="AN3170">
        <v>21</v>
      </c>
      <c r="AO3170">
        <v>21</v>
      </c>
      <c r="AP3170">
        <v>20</v>
      </c>
      <c r="AQ3170">
        <v>20</v>
      </c>
    </row>
    <row r="3171" spans="1:43">
      <c r="A3171" t="s">
        <v>2012</v>
      </c>
      <c r="B3171" t="s">
        <v>2013</v>
      </c>
      <c r="C3171" t="s">
        <v>2010</v>
      </c>
      <c r="D3171" t="s">
        <v>2011</v>
      </c>
      <c r="E3171" t="s">
        <v>1586</v>
      </c>
      <c r="F3171" t="s">
        <v>1587</v>
      </c>
      <c r="G3171" t="s">
        <v>80</v>
      </c>
      <c r="H3171" t="s">
        <v>81</v>
      </c>
      <c r="I3171" s="2">
        <v>0</v>
      </c>
      <c r="J3171" s="2">
        <v>0.54</v>
      </c>
      <c r="K3171" s="2">
        <v>0.46</v>
      </c>
      <c r="L3171" t="s">
        <v>82</v>
      </c>
      <c r="M3171" t="s">
        <v>87</v>
      </c>
      <c r="N3171" t="s">
        <v>88</v>
      </c>
      <c r="O3171" t="s">
        <v>85</v>
      </c>
      <c r="P3171" t="s">
        <v>86</v>
      </c>
      <c r="Q3171">
        <v>21</v>
      </c>
      <c r="R3171">
        <v>21</v>
      </c>
      <c r="S3171">
        <v>21</v>
      </c>
      <c r="T3171">
        <v>21</v>
      </c>
      <c r="U3171">
        <v>21</v>
      </c>
      <c r="V3171">
        <v>21</v>
      </c>
      <c r="W3171">
        <v>21</v>
      </c>
      <c r="X3171">
        <v>21</v>
      </c>
      <c r="Y3171">
        <v>21</v>
      </c>
      <c r="Z3171">
        <v>20</v>
      </c>
      <c r="AA3171">
        <v>20</v>
      </c>
      <c r="AB3171">
        <v>20</v>
      </c>
      <c r="AC3171">
        <v>20</v>
      </c>
      <c r="AD3171">
        <v>20</v>
      </c>
      <c r="AE3171">
        <v>20</v>
      </c>
      <c r="AF3171">
        <v>20</v>
      </c>
      <c r="AG3171">
        <v>20</v>
      </c>
      <c r="AH3171">
        <v>20</v>
      </c>
      <c r="AI3171">
        <v>19</v>
      </c>
      <c r="AJ3171">
        <v>19</v>
      </c>
      <c r="AK3171">
        <v>19</v>
      </c>
      <c r="AL3171">
        <v>19</v>
      </c>
      <c r="AM3171">
        <v>19</v>
      </c>
      <c r="AN3171">
        <v>19</v>
      </c>
      <c r="AO3171">
        <v>19</v>
      </c>
      <c r="AP3171">
        <v>19</v>
      </c>
      <c r="AQ3171">
        <v>19</v>
      </c>
    </row>
    <row r="3172" spans="1:43">
      <c r="A3172" t="s">
        <v>2012</v>
      </c>
      <c r="B3172" t="s">
        <v>2013</v>
      </c>
      <c r="C3172" t="s">
        <v>2010</v>
      </c>
      <c r="D3172" t="s">
        <v>2011</v>
      </c>
      <c r="E3172" t="s">
        <v>1586</v>
      </c>
      <c r="F3172" t="s">
        <v>1587</v>
      </c>
      <c r="G3172" t="s">
        <v>80</v>
      </c>
      <c r="H3172" t="s">
        <v>81</v>
      </c>
      <c r="I3172" s="2">
        <v>0</v>
      </c>
      <c r="J3172" s="2">
        <v>0.54</v>
      </c>
      <c r="K3172" s="2">
        <v>0.46</v>
      </c>
      <c r="L3172" t="s">
        <v>82</v>
      </c>
      <c r="M3172" t="s">
        <v>89</v>
      </c>
      <c r="N3172" t="s">
        <v>90</v>
      </c>
      <c r="O3172" t="s">
        <v>85</v>
      </c>
      <c r="P3172" t="s">
        <v>86</v>
      </c>
      <c r="Q3172">
        <v>21</v>
      </c>
      <c r="R3172">
        <v>21</v>
      </c>
      <c r="S3172">
        <v>21</v>
      </c>
      <c r="T3172">
        <v>22</v>
      </c>
      <c r="U3172">
        <v>22</v>
      </c>
      <c r="V3172">
        <v>22</v>
      </c>
      <c r="W3172">
        <v>22</v>
      </c>
      <c r="X3172">
        <v>22</v>
      </c>
      <c r="Y3172">
        <v>22</v>
      </c>
      <c r="Z3172">
        <v>22</v>
      </c>
      <c r="AA3172">
        <v>23</v>
      </c>
      <c r="AB3172">
        <v>23</v>
      </c>
      <c r="AC3172">
        <v>23</v>
      </c>
      <c r="AD3172">
        <v>23</v>
      </c>
      <c r="AE3172">
        <v>23</v>
      </c>
      <c r="AF3172">
        <v>23</v>
      </c>
      <c r="AG3172">
        <v>22</v>
      </c>
      <c r="AH3172">
        <v>22</v>
      </c>
      <c r="AI3172">
        <v>22</v>
      </c>
      <c r="AJ3172">
        <v>22</v>
      </c>
      <c r="AK3172">
        <v>22</v>
      </c>
      <c r="AL3172">
        <v>21</v>
      </c>
      <c r="AM3172">
        <v>21</v>
      </c>
      <c r="AN3172">
        <v>21</v>
      </c>
      <c r="AO3172">
        <v>21</v>
      </c>
      <c r="AP3172">
        <v>21</v>
      </c>
      <c r="AQ3172">
        <v>20</v>
      </c>
    </row>
    <row r="3173" spans="1:43">
      <c r="A3173" t="s">
        <v>2012</v>
      </c>
      <c r="B3173" t="s">
        <v>2013</v>
      </c>
      <c r="C3173" t="s">
        <v>2010</v>
      </c>
      <c r="D3173" t="s">
        <v>2011</v>
      </c>
      <c r="E3173" t="s">
        <v>1586</v>
      </c>
      <c r="F3173" t="s">
        <v>1587</v>
      </c>
      <c r="G3173" t="s">
        <v>80</v>
      </c>
      <c r="H3173" t="s">
        <v>81</v>
      </c>
      <c r="I3173" s="2">
        <v>0</v>
      </c>
      <c r="J3173" s="2">
        <v>0.54</v>
      </c>
      <c r="K3173" s="2">
        <v>0.46</v>
      </c>
      <c r="L3173" t="s">
        <v>82</v>
      </c>
      <c r="M3173" t="s">
        <v>83</v>
      </c>
      <c r="N3173" t="s">
        <v>91</v>
      </c>
      <c r="O3173" t="s">
        <v>85</v>
      </c>
      <c r="P3173" t="s">
        <v>86</v>
      </c>
      <c r="Q3173">
        <v>21</v>
      </c>
      <c r="R3173">
        <v>21</v>
      </c>
      <c r="S3173">
        <v>21</v>
      </c>
      <c r="T3173">
        <v>21</v>
      </c>
      <c r="U3173">
        <v>21</v>
      </c>
      <c r="V3173">
        <v>21</v>
      </c>
      <c r="W3173">
        <v>21</v>
      </c>
      <c r="X3173">
        <v>21</v>
      </c>
      <c r="Y3173">
        <v>21</v>
      </c>
      <c r="Z3173">
        <v>21</v>
      </c>
      <c r="AA3173">
        <v>21</v>
      </c>
      <c r="AB3173">
        <v>21</v>
      </c>
      <c r="AC3173">
        <v>21</v>
      </c>
      <c r="AD3173">
        <v>21</v>
      </c>
      <c r="AE3173">
        <v>21</v>
      </c>
      <c r="AF3173">
        <v>21</v>
      </c>
      <c r="AG3173">
        <v>21</v>
      </c>
      <c r="AH3173">
        <v>21</v>
      </c>
      <c r="AI3173">
        <v>21</v>
      </c>
      <c r="AJ3173">
        <v>21</v>
      </c>
      <c r="AK3173">
        <v>21</v>
      </c>
      <c r="AL3173">
        <v>21</v>
      </c>
      <c r="AM3173">
        <v>21</v>
      </c>
      <c r="AN3173">
        <v>21</v>
      </c>
      <c r="AO3173">
        <v>21</v>
      </c>
      <c r="AP3173">
        <v>20</v>
      </c>
      <c r="AQ3173">
        <v>20</v>
      </c>
    </row>
    <row r="3174" spans="1:43">
      <c r="A3174" t="s">
        <v>2014</v>
      </c>
      <c r="B3174" t="s">
        <v>2015</v>
      </c>
      <c r="C3174" t="s">
        <v>1656</v>
      </c>
      <c r="D3174" t="s">
        <v>1657</v>
      </c>
      <c r="E3174" t="s">
        <v>1586</v>
      </c>
      <c r="F3174" t="s">
        <v>1587</v>
      </c>
      <c r="G3174" t="s">
        <v>80</v>
      </c>
      <c r="H3174" t="s">
        <v>81</v>
      </c>
      <c r="I3174" s="2">
        <v>0</v>
      </c>
      <c r="J3174" s="2">
        <v>1</v>
      </c>
      <c r="K3174" s="2">
        <v>0</v>
      </c>
      <c r="L3174" t="s">
        <v>82</v>
      </c>
      <c r="M3174" t="s">
        <v>83</v>
      </c>
      <c r="N3174" t="s">
        <v>84</v>
      </c>
      <c r="O3174" t="s">
        <v>85</v>
      </c>
      <c r="P3174" t="s">
        <v>86</v>
      </c>
      <c r="Q3174">
        <v>29</v>
      </c>
      <c r="R3174">
        <v>29</v>
      </c>
      <c r="S3174">
        <v>29</v>
      </c>
      <c r="T3174">
        <v>29</v>
      </c>
      <c r="U3174">
        <v>30</v>
      </c>
      <c r="V3174">
        <v>30</v>
      </c>
      <c r="W3174">
        <v>30</v>
      </c>
      <c r="X3174">
        <v>30</v>
      </c>
      <c r="Y3174">
        <v>30</v>
      </c>
      <c r="Z3174">
        <v>30</v>
      </c>
      <c r="AA3174">
        <v>30</v>
      </c>
      <c r="AB3174">
        <v>30</v>
      </c>
      <c r="AC3174">
        <v>30</v>
      </c>
      <c r="AD3174">
        <v>30</v>
      </c>
      <c r="AE3174">
        <v>30</v>
      </c>
      <c r="AF3174">
        <v>30</v>
      </c>
      <c r="AG3174">
        <v>30</v>
      </c>
      <c r="AH3174">
        <v>30</v>
      </c>
      <c r="AI3174">
        <v>30</v>
      </c>
      <c r="AJ3174">
        <v>30</v>
      </c>
      <c r="AK3174">
        <v>30</v>
      </c>
      <c r="AL3174">
        <v>30</v>
      </c>
      <c r="AM3174">
        <v>30</v>
      </c>
      <c r="AN3174">
        <v>29</v>
      </c>
      <c r="AO3174">
        <v>29</v>
      </c>
      <c r="AP3174">
        <v>29</v>
      </c>
      <c r="AQ3174">
        <v>29</v>
      </c>
    </row>
    <row r="3175" spans="1:43">
      <c r="A3175" t="s">
        <v>2014</v>
      </c>
      <c r="B3175" t="s">
        <v>2015</v>
      </c>
      <c r="C3175" t="s">
        <v>1656</v>
      </c>
      <c r="D3175" t="s">
        <v>1657</v>
      </c>
      <c r="E3175" t="s">
        <v>1586</v>
      </c>
      <c r="F3175" t="s">
        <v>1587</v>
      </c>
      <c r="G3175" t="s">
        <v>80</v>
      </c>
      <c r="H3175" t="s">
        <v>81</v>
      </c>
      <c r="I3175" s="2">
        <v>0</v>
      </c>
      <c r="J3175" s="2">
        <v>1</v>
      </c>
      <c r="K3175" s="2">
        <v>0</v>
      </c>
      <c r="L3175" t="s">
        <v>82</v>
      </c>
      <c r="M3175" t="s">
        <v>87</v>
      </c>
      <c r="N3175" t="s">
        <v>88</v>
      </c>
      <c r="O3175" t="s">
        <v>85</v>
      </c>
      <c r="P3175" t="s">
        <v>86</v>
      </c>
      <c r="Q3175">
        <v>29</v>
      </c>
      <c r="R3175">
        <v>29</v>
      </c>
      <c r="S3175">
        <v>29</v>
      </c>
      <c r="T3175">
        <v>28</v>
      </c>
      <c r="U3175">
        <v>28</v>
      </c>
      <c r="V3175">
        <v>28</v>
      </c>
      <c r="W3175">
        <v>28</v>
      </c>
      <c r="X3175">
        <v>28</v>
      </c>
      <c r="Y3175">
        <v>28</v>
      </c>
      <c r="Z3175">
        <v>27</v>
      </c>
      <c r="AA3175">
        <v>27</v>
      </c>
      <c r="AB3175">
        <v>27</v>
      </c>
      <c r="AC3175">
        <v>27</v>
      </c>
      <c r="AD3175">
        <v>27</v>
      </c>
      <c r="AE3175">
        <v>27</v>
      </c>
      <c r="AF3175">
        <v>27</v>
      </c>
      <c r="AG3175">
        <v>26</v>
      </c>
      <c r="AH3175">
        <v>26</v>
      </c>
      <c r="AI3175">
        <v>26</v>
      </c>
      <c r="AJ3175">
        <v>26</v>
      </c>
      <c r="AK3175">
        <v>26</v>
      </c>
      <c r="AL3175">
        <v>26</v>
      </c>
      <c r="AM3175">
        <v>26</v>
      </c>
      <c r="AN3175">
        <v>25</v>
      </c>
      <c r="AO3175">
        <v>25</v>
      </c>
      <c r="AP3175">
        <v>25</v>
      </c>
      <c r="AQ3175">
        <v>25</v>
      </c>
    </row>
    <row r="3176" spans="1:43">
      <c r="A3176" t="s">
        <v>2014</v>
      </c>
      <c r="B3176" t="s">
        <v>2015</v>
      </c>
      <c r="C3176" t="s">
        <v>1656</v>
      </c>
      <c r="D3176" t="s">
        <v>1657</v>
      </c>
      <c r="E3176" t="s">
        <v>1586</v>
      </c>
      <c r="F3176" t="s">
        <v>1587</v>
      </c>
      <c r="G3176" t="s">
        <v>80</v>
      </c>
      <c r="H3176" t="s">
        <v>81</v>
      </c>
      <c r="I3176" s="2">
        <v>0</v>
      </c>
      <c r="J3176" s="2">
        <v>1</v>
      </c>
      <c r="K3176" s="2">
        <v>0</v>
      </c>
      <c r="L3176" t="s">
        <v>82</v>
      </c>
      <c r="M3176" t="s">
        <v>89</v>
      </c>
      <c r="N3176" t="s">
        <v>90</v>
      </c>
      <c r="O3176" t="s">
        <v>85</v>
      </c>
      <c r="P3176" t="s">
        <v>86</v>
      </c>
      <c r="Q3176">
        <v>29</v>
      </c>
      <c r="R3176">
        <v>30</v>
      </c>
      <c r="S3176">
        <v>30</v>
      </c>
      <c r="T3176">
        <v>30</v>
      </c>
      <c r="U3176">
        <v>31</v>
      </c>
      <c r="V3176">
        <v>31</v>
      </c>
      <c r="W3176">
        <v>31</v>
      </c>
      <c r="X3176">
        <v>31</v>
      </c>
      <c r="Y3176">
        <v>32</v>
      </c>
      <c r="Z3176">
        <v>32</v>
      </c>
      <c r="AA3176">
        <v>32</v>
      </c>
      <c r="AB3176">
        <v>32</v>
      </c>
      <c r="AC3176">
        <v>32</v>
      </c>
      <c r="AD3176">
        <v>32</v>
      </c>
      <c r="AE3176">
        <v>32</v>
      </c>
      <c r="AF3176">
        <v>32</v>
      </c>
      <c r="AG3176">
        <v>32</v>
      </c>
      <c r="AH3176">
        <v>31</v>
      </c>
      <c r="AI3176">
        <v>31</v>
      </c>
      <c r="AJ3176">
        <v>31</v>
      </c>
      <c r="AK3176">
        <v>30</v>
      </c>
      <c r="AL3176">
        <v>30</v>
      </c>
      <c r="AM3176">
        <v>30</v>
      </c>
      <c r="AN3176">
        <v>30</v>
      </c>
      <c r="AO3176">
        <v>29</v>
      </c>
      <c r="AP3176">
        <v>29</v>
      </c>
      <c r="AQ3176">
        <v>29</v>
      </c>
    </row>
    <row r="3177" spans="1:43">
      <c r="A3177" t="s">
        <v>2014</v>
      </c>
      <c r="B3177" t="s">
        <v>2015</v>
      </c>
      <c r="C3177" t="s">
        <v>1656</v>
      </c>
      <c r="D3177" t="s">
        <v>1657</v>
      </c>
      <c r="E3177" t="s">
        <v>1586</v>
      </c>
      <c r="F3177" t="s">
        <v>1587</v>
      </c>
      <c r="G3177" t="s">
        <v>80</v>
      </c>
      <c r="H3177" t="s">
        <v>81</v>
      </c>
      <c r="I3177" s="2">
        <v>0</v>
      </c>
      <c r="J3177" s="2">
        <v>1</v>
      </c>
      <c r="K3177" s="2">
        <v>0</v>
      </c>
      <c r="L3177" t="s">
        <v>82</v>
      </c>
      <c r="M3177" t="s">
        <v>83</v>
      </c>
      <c r="N3177" t="s">
        <v>91</v>
      </c>
      <c r="O3177" t="s">
        <v>85</v>
      </c>
      <c r="P3177" t="s">
        <v>86</v>
      </c>
      <c r="Q3177">
        <v>29</v>
      </c>
      <c r="R3177">
        <v>29</v>
      </c>
      <c r="S3177">
        <v>29</v>
      </c>
      <c r="T3177">
        <v>29</v>
      </c>
      <c r="U3177">
        <v>30</v>
      </c>
      <c r="V3177">
        <v>30</v>
      </c>
      <c r="W3177">
        <v>30</v>
      </c>
      <c r="X3177">
        <v>30</v>
      </c>
      <c r="Y3177">
        <v>30</v>
      </c>
      <c r="Z3177">
        <v>30</v>
      </c>
      <c r="AA3177">
        <v>30</v>
      </c>
      <c r="AB3177">
        <v>30</v>
      </c>
      <c r="AC3177">
        <v>30</v>
      </c>
      <c r="AD3177">
        <v>30</v>
      </c>
      <c r="AE3177">
        <v>30</v>
      </c>
      <c r="AF3177">
        <v>30</v>
      </c>
      <c r="AG3177">
        <v>30</v>
      </c>
      <c r="AH3177">
        <v>30</v>
      </c>
      <c r="AI3177">
        <v>30</v>
      </c>
      <c r="AJ3177">
        <v>30</v>
      </c>
      <c r="AK3177">
        <v>30</v>
      </c>
      <c r="AL3177">
        <v>30</v>
      </c>
      <c r="AM3177">
        <v>30</v>
      </c>
      <c r="AN3177">
        <v>29</v>
      </c>
      <c r="AO3177">
        <v>29</v>
      </c>
      <c r="AP3177">
        <v>29</v>
      </c>
      <c r="AQ3177">
        <v>29</v>
      </c>
    </row>
    <row r="3178" spans="1:43">
      <c r="A3178" t="s">
        <v>2016</v>
      </c>
      <c r="B3178" t="s">
        <v>2017</v>
      </c>
      <c r="C3178" t="s">
        <v>1650</v>
      </c>
      <c r="D3178" t="s">
        <v>1651</v>
      </c>
      <c r="E3178" t="s">
        <v>1586</v>
      </c>
      <c r="F3178" t="s">
        <v>1587</v>
      </c>
      <c r="G3178" t="s">
        <v>80</v>
      </c>
      <c r="H3178" t="s">
        <v>81</v>
      </c>
      <c r="I3178" s="2">
        <v>0</v>
      </c>
      <c r="J3178" s="2">
        <v>1</v>
      </c>
      <c r="K3178" s="2">
        <v>0</v>
      </c>
      <c r="L3178" t="s">
        <v>82</v>
      </c>
      <c r="M3178" t="s">
        <v>83</v>
      </c>
      <c r="N3178" t="s">
        <v>84</v>
      </c>
      <c r="O3178" t="s">
        <v>85</v>
      </c>
      <c r="P3178" t="s">
        <v>86</v>
      </c>
      <c r="Q3178">
        <v>36</v>
      </c>
      <c r="R3178">
        <v>36</v>
      </c>
      <c r="S3178">
        <v>36</v>
      </c>
      <c r="T3178">
        <v>36</v>
      </c>
      <c r="U3178">
        <v>36</v>
      </c>
      <c r="V3178">
        <v>36</v>
      </c>
      <c r="W3178">
        <v>37</v>
      </c>
      <c r="X3178">
        <v>37</v>
      </c>
      <c r="Y3178">
        <v>37</v>
      </c>
      <c r="Z3178">
        <v>37</v>
      </c>
      <c r="AA3178">
        <v>37</v>
      </c>
      <c r="AB3178">
        <v>37</v>
      </c>
      <c r="AC3178">
        <v>37</v>
      </c>
      <c r="AD3178">
        <v>37</v>
      </c>
      <c r="AE3178">
        <v>37</v>
      </c>
      <c r="AF3178">
        <v>37</v>
      </c>
      <c r="AG3178">
        <v>37</v>
      </c>
      <c r="AH3178">
        <v>37</v>
      </c>
      <c r="AI3178">
        <v>37</v>
      </c>
      <c r="AJ3178">
        <v>37</v>
      </c>
      <c r="AK3178">
        <v>37</v>
      </c>
      <c r="AL3178">
        <v>37</v>
      </c>
      <c r="AM3178">
        <v>37</v>
      </c>
      <c r="AN3178">
        <v>36</v>
      </c>
      <c r="AO3178">
        <v>36</v>
      </c>
      <c r="AP3178">
        <v>36</v>
      </c>
      <c r="AQ3178">
        <v>35</v>
      </c>
    </row>
    <row r="3179" spans="1:43">
      <c r="A3179" t="s">
        <v>2016</v>
      </c>
      <c r="B3179" t="s">
        <v>2017</v>
      </c>
      <c r="C3179" t="s">
        <v>1650</v>
      </c>
      <c r="D3179" t="s">
        <v>1651</v>
      </c>
      <c r="E3179" t="s">
        <v>1586</v>
      </c>
      <c r="F3179" t="s">
        <v>1587</v>
      </c>
      <c r="G3179" t="s">
        <v>80</v>
      </c>
      <c r="H3179" t="s">
        <v>81</v>
      </c>
      <c r="I3179" s="2">
        <v>0</v>
      </c>
      <c r="J3179" s="2">
        <v>1</v>
      </c>
      <c r="K3179" s="2">
        <v>0</v>
      </c>
      <c r="L3179" t="s">
        <v>82</v>
      </c>
      <c r="M3179" t="s">
        <v>87</v>
      </c>
      <c r="N3179" t="s">
        <v>88</v>
      </c>
      <c r="O3179" t="s">
        <v>85</v>
      </c>
      <c r="P3179" t="s">
        <v>86</v>
      </c>
      <c r="Q3179">
        <v>36</v>
      </c>
      <c r="R3179">
        <v>35</v>
      </c>
      <c r="S3179">
        <v>35</v>
      </c>
      <c r="T3179">
        <v>35</v>
      </c>
      <c r="U3179">
        <v>35</v>
      </c>
      <c r="V3179">
        <v>35</v>
      </c>
      <c r="W3179">
        <v>34</v>
      </c>
      <c r="X3179">
        <v>34</v>
      </c>
      <c r="Y3179">
        <v>34</v>
      </c>
      <c r="Z3179">
        <v>34</v>
      </c>
      <c r="AA3179">
        <v>34</v>
      </c>
      <c r="AB3179">
        <v>33</v>
      </c>
      <c r="AC3179">
        <v>33</v>
      </c>
      <c r="AD3179">
        <v>33</v>
      </c>
      <c r="AE3179">
        <v>33</v>
      </c>
      <c r="AF3179">
        <v>33</v>
      </c>
      <c r="AG3179">
        <v>33</v>
      </c>
      <c r="AH3179">
        <v>32</v>
      </c>
      <c r="AI3179">
        <v>32</v>
      </c>
      <c r="AJ3179">
        <v>32</v>
      </c>
      <c r="AK3179">
        <v>32</v>
      </c>
      <c r="AL3179">
        <v>32</v>
      </c>
      <c r="AM3179">
        <v>31</v>
      </c>
      <c r="AN3179">
        <v>31</v>
      </c>
      <c r="AO3179">
        <v>31</v>
      </c>
      <c r="AP3179">
        <v>31</v>
      </c>
      <c r="AQ3179">
        <v>31</v>
      </c>
    </row>
    <row r="3180" spans="1:43">
      <c r="A3180" t="s">
        <v>2016</v>
      </c>
      <c r="B3180" t="s">
        <v>2017</v>
      </c>
      <c r="C3180" t="s">
        <v>1650</v>
      </c>
      <c r="D3180" t="s">
        <v>1651</v>
      </c>
      <c r="E3180" t="s">
        <v>1586</v>
      </c>
      <c r="F3180" t="s">
        <v>1587</v>
      </c>
      <c r="G3180" t="s">
        <v>80</v>
      </c>
      <c r="H3180" t="s">
        <v>81</v>
      </c>
      <c r="I3180" s="2">
        <v>0</v>
      </c>
      <c r="J3180" s="2">
        <v>1</v>
      </c>
      <c r="K3180" s="2">
        <v>0</v>
      </c>
      <c r="L3180" t="s">
        <v>82</v>
      </c>
      <c r="M3180" t="s">
        <v>89</v>
      </c>
      <c r="N3180" t="s">
        <v>90</v>
      </c>
      <c r="O3180" t="s">
        <v>85</v>
      </c>
      <c r="P3180" t="s">
        <v>86</v>
      </c>
      <c r="Q3180">
        <v>36</v>
      </c>
      <c r="R3180">
        <v>37</v>
      </c>
      <c r="S3180">
        <v>37</v>
      </c>
      <c r="T3180">
        <v>37</v>
      </c>
      <c r="U3180">
        <v>38</v>
      </c>
      <c r="V3180">
        <v>38</v>
      </c>
      <c r="W3180">
        <v>38</v>
      </c>
      <c r="X3180">
        <v>39</v>
      </c>
      <c r="Y3180">
        <v>39</v>
      </c>
      <c r="Z3180">
        <v>39</v>
      </c>
      <c r="AA3180">
        <v>39</v>
      </c>
      <c r="AB3180">
        <v>39</v>
      </c>
      <c r="AC3180">
        <v>40</v>
      </c>
      <c r="AD3180">
        <v>40</v>
      </c>
      <c r="AE3180">
        <v>40</v>
      </c>
      <c r="AF3180">
        <v>39</v>
      </c>
      <c r="AG3180">
        <v>39</v>
      </c>
      <c r="AH3180">
        <v>39</v>
      </c>
      <c r="AI3180">
        <v>38</v>
      </c>
      <c r="AJ3180">
        <v>38</v>
      </c>
      <c r="AK3180">
        <v>37</v>
      </c>
      <c r="AL3180">
        <v>37</v>
      </c>
      <c r="AM3180">
        <v>37</v>
      </c>
      <c r="AN3180">
        <v>36</v>
      </c>
      <c r="AO3180">
        <v>36</v>
      </c>
      <c r="AP3180">
        <v>36</v>
      </c>
      <c r="AQ3180">
        <v>35</v>
      </c>
    </row>
    <row r="3181" spans="1:43">
      <c r="A3181" t="s">
        <v>2016</v>
      </c>
      <c r="B3181" t="s">
        <v>2017</v>
      </c>
      <c r="C3181" t="s">
        <v>1650</v>
      </c>
      <c r="D3181" t="s">
        <v>1651</v>
      </c>
      <c r="E3181" t="s">
        <v>1586</v>
      </c>
      <c r="F3181" t="s">
        <v>1587</v>
      </c>
      <c r="G3181" t="s">
        <v>80</v>
      </c>
      <c r="H3181" t="s">
        <v>81</v>
      </c>
      <c r="I3181" s="2">
        <v>0</v>
      </c>
      <c r="J3181" s="2">
        <v>1</v>
      </c>
      <c r="K3181" s="2">
        <v>0</v>
      </c>
      <c r="L3181" t="s">
        <v>82</v>
      </c>
      <c r="M3181" t="s">
        <v>83</v>
      </c>
      <c r="N3181" t="s">
        <v>91</v>
      </c>
      <c r="O3181" t="s">
        <v>85</v>
      </c>
      <c r="P3181" t="s">
        <v>86</v>
      </c>
      <c r="Q3181">
        <v>36</v>
      </c>
      <c r="R3181">
        <v>36</v>
      </c>
      <c r="S3181">
        <v>36</v>
      </c>
      <c r="T3181">
        <v>36</v>
      </c>
      <c r="U3181">
        <v>36</v>
      </c>
      <c r="V3181">
        <v>36</v>
      </c>
      <c r="W3181">
        <v>37</v>
      </c>
      <c r="X3181">
        <v>37</v>
      </c>
      <c r="Y3181">
        <v>37</v>
      </c>
      <c r="Z3181">
        <v>37</v>
      </c>
      <c r="AA3181">
        <v>37</v>
      </c>
      <c r="AB3181">
        <v>37</v>
      </c>
      <c r="AC3181">
        <v>37</v>
      </c>
      <c r="AD3181">
        <v>37</v>
      </c>
      <c r="AE3181">
        <v>37</v>
      </c>
      <c r="AF3181">
        <v>37</v>
      </c>
      <c r="AG3181">
        <v>37</v>
      </c>
      <c r="AH3181">
        <v>37</v>
      </c>
      <c r="AI3181">
        <v>37</v>
      </c>
      <c r="AJ3181">
        <v>37</v>
      </c>
      <c r="AK3181">
        <v>37</v>
      </c>
      <c r="AL3181">
        <v>37</v>
      </c>
      <c r="AM3181">
        <v>37</v>
      </c>
      <c r="AN3181">
        <v>36</v>
      </c>
      <c r="AO3181">
        <v>36</v>
      </c>
      <c r="AP3181">
        <v>36</v>
      </c>
      <c r="AQ3181">
        <v>35</v>
      </c>
    </row>
    <row r="3182" spans="1:43">
      <c r="A3182" t="s">
        <v>2018</v>
      </c>
      <c r="B3182" t="s">
        <v>2019</v>
      </c>
      <c r="C3182" t="s">
        <v>2010</v>
      </c>
      <c r="D3182" t="s">
        <v>2011</v>
      </c>
      <c r="E3182" t="s">
        <v>1586</v>
      </c>
      <c r="F3182" t="s">
        <v>1587</v>
      </c>
      <c r="G3182" t="s">
        <v>80</v>
      </c>
      <c r="H3182" t="s">
        <v>81</v>
      </c>
      <c r="I3182" s="2">
        <v>0</v>
      </c>
      <c r="J3182" s="2">
        <v>1</v>
      </c>
      <c r="K3182" s="2">
        <v>0</v>
      </c>
      <c r="L3182" t="s">
        <v>82</v>
      </c>
      <c r="M3182" t="s">
        <v>83</v>
      </c>
      <c r="N3182" t="s">
        <v>84</v>
      </c>
      <c r="O3182" t="s">
        <v>85</v>
      </c>
      <c r="P3182" t="s">
        <v>86</v>
      </c>
      <c r="Q3182">
        <v>9</v>
      </c>
      <c r="R3182">
        <v>9</v>
      </c>
      <c r="S3182">
        <v>9</v>
      </c>
      <c r="T3182">
        <v>10</v>
      </c>
      <c r="U3182">
        <v>10</v>
      </c>
      <c r="V3182">
        <v>10</v>
      </c>
      <c r="W3182">
        <v>10</v>
      </c>
      <c r="X3182">
        <v>10</v>
      </c>
      <c r="Y3182">
        <v>10</v>
      </c>
      <c r="Z3182">
        <v>10</v>
      </c>
      <c r="AA3182">
        <v>10</v>
      </c>
      <c r="AB3182">
        <v>10</v>
      </c>
      <c r="AC3182">
        <v>10</v>
      </c>
      <c r="AD3182">
        <v>10</v>
      </c>
      <c r="AE3182">
        <v>10</v>
      </c>
      <c r="AF3182">
        <v>10</v>
      </c>
      <c r="AG3182">
        <v>10</v>
      </c>
      <c r="AH3182">
        <v>10</v>
      </c>
      <c r="AI3182">
        <v>10</v>
      </c>
      <c r="AJ3182">
        <v>10</v>
      </c>
      <c r="AK3182">
        <v>10</v>
      </c>
      <c r="AL3182">
        <v>10</v>
      </c>
      <c r="AM3182">
        <v>10</v>
      </c>
      <c r="AN3182">
        <v>9</v>
      </c>
      <c r="AO3182">
        <v>9</v>
      </c>
      <c r="AP3182">
        <v>9</v>
      </c>
      <c r="AQ3182">
        <v>9</v>
      </c>
    </row>
    <row r="3183" spans="1:43">
      <c r="A3183" t="s">
        <v>2018</v>
      </c>
      <c r="B3183" t="s">
        <v>2019</v>
      </c>
      <c r="C3183" t="s">
        <v>2010</v>
      </c>
      <c r="D3183" t="s">
        <v>2011</v>
      </c>
      <c r="E3183" t="s">
        <v>1586</v>
      </c>
      <c r="F3183" t="s">
        <v>1587</v>
      </c>
      <c r="G3183" t="s">
        <v>80</v>
      </c>
      <c r="H3183" t="s">
        <v>81</v>
      </c>
      <c r="I3183" s="2">
        <v>0</v>
      </c>
      <c r="J3183" s="2">
        <v>1</v>
      </c>
      <c r="K3183" s="2">
        <v>0</v>
      </c>
      <c r="L3183" t="s">
        <v>82</v>
      </c>
      <c r="M3183" t="s">
        <v>87</v>
      </c>
      <c r="N3183" t="s">
        <v>88</v>
      </c>
      <c r="O3183" t="s">
        <v>85</v>
      </c>
      <c r="P3183" t="s">
        <v>86</v>
      </c>
      <c r="Q3183">
        <v>9</v>
      </c>
      <c r="R3183">
        <v>9</v>
      </c>
      <c r="S3183">
        <v>9</v>
      </c>
      <c r="T3183">
        <v>9</v>
      </c>
      <c r="U3183">
        <v>9</v>
      </c>
      <c r="V3183">
        <v>9</v>
      </c>
      <c r="W3183">
        <v>9</v>
      </c>
      <c r="X3183">
        <v>9</v>
      </c>
      <c r="Y3183">
        <v>9</v>
      </c>
      <c r="Z3183">
        <v>9</v>
      </c>
      <c r="AA3183">
        <v>9</v>
      </c>
      <c r="AB3183">
        <v>9</v>
      </c>
      <c r="AC3183">
        <v>9</v>
      </c>
      <c r="AD3183">
        <v>9</v>
      </c>
      <c r="AE3183">
        <v>9</v>
      </c>
      <c r="AF3183">
        <v>9</v>
      </c>
      <c r="AG3183">
        <v>8</v>
      </c>
      <c r="AH3183">
        <v>8</v>
      </c>
      <c r="AI3183">
        <v>8</v>
      </c>
      <c r="AJ3183">
        <v>8</v>
      </c>
      <c r="AK3183">
        <v>8</v>
      </c>
      <c r="AL3183">
        <v>8</v>
      </c>
      <c r="AM3183">
        <v>8</v>
      </c>
      <c r="AN3183">
        <v>8</v>
      </c>
      <c r="AO3183">
        <v>8</v>
      </c>
      <c r="AP3183">
        <v>8</v>
      </c>
      <c r="AQ3183">
        <v>8</v>
      </c>
    </row>
    <row r="3184" spans="1:43">
      <c r="A3184" t="s">
        <v>2018</v>
      </c>
      <c r="B3184" t="s">
        <v>2019</v>
      </c>
      <c r="C3184" t="s">
        <v>2010</v>
      </c>
      <c r="D3184" t="s">
        <v>2011</v>
      </c>
      <c r="E3184" t="s">
        <v>1586</v>
      </c>
      <c r="F3184" t="s">
        <v>1587</v>
      </c>
      <c r="G3184" t="s">
        <v>80</v>
      </c>
      <c r="H3184" t="s">
        <v>81</v>
      </c>
      <c r="I3184" s="2">
        <v>0</v>
      </c>
      <c r="J3184" s="2">
        <v>1</v>
      </c>
      <c r="K3184" s="2">
        <v>0</v>
      </c>
      <c r="L3184" t="s">
        <v>82</v>
      </c>
      <c r="M3184" t="s">
        <v>89</v>
      </c>
      <c r="N3184" t="s">
        <v>90</v>
      </c>
      <c r="O3184" t="s">
        <v>85</v>
      </c>
      <c r="P3184" t="s">
        <v>86</v>
      </c>
      <c r="Q3184">
        <v>9</v>
      </c>
      <c r="R3184">
        <v>9</v>
      </c>
      <c r="S3184">
        <v>9</v>
      </c>
      <c r="T3184">
        <v>9</v>
      </c>
      <c r="U3184">
        <v>9</v>
      </c>
      <c r="V3184">
        <v>9</v>
      </c>
      <c r="W3184">
        <v>9</v>
      </c>
      <c r="X3184">
        <v>9</v>
      </c>
      <c r="Y3184">
        <v>9</v>
      </c>
      <c r="Z3184">
        <v>9</v>
      </c>
      <c r="AA3184">
        <v>9</v>
      </c>
      <c r="AB3184">
        <v>9</v>
      </c>
      <c r="AC3184">
        <v>9</v>
      </c>
      <c r="AD3184">
        <v>9</v>
      </c>
      <c r="AE3184">
        <v>9</v>
      </c>
      <c r="AF3184">
        <v>9</v>
      </c>
      <c r="AG3184">
        <v>9</v>
      </c>
      <c r="AH3184">
        <v>9</v>
      </c>
      <c r="AI3184">
        <v>9</v>
      </c>
      <c r="AJ3184">
        <v>9</v>
      </c>
      <c r="AK3184">
        <v>9</v>
      </c>
      <c r="AL3184">
        <v>9</v>
      </c>
      <c r="AM3184">
        <v>9</v>
      </c>
      <c r="AN3184">
        <v>9</v>
      </c>
      <c r="AO3184">
        <v>8</v>
      </c>
      <c r="AP3184">
        <v>8</v>
      </c>
      <c r="AQ3184">
        <v>8</v>
      </c>
    </row>
    <row r="3185" spans="1:43">
      <c r="A3185" t="s">
        <v>2018</v>
      </c>
      <c r="B3185" t="s">
        <v>2019</v>
      </c>
      <c r="C3185" t="s">
        <v>2010</v>
      </c>
      <c r="D3185" t="s">
        <v>2011</v>
      </c>
      <c r="E3185" t="s">
        <v>1586</v>
      </c>
      <c r="F3185" t="s">
        <v>1587</v>
      </c>
      <c r="G3185" t="s">
        <v>80</v>
      </c>
      <c r="H3185" t="s">
        <v>81</v>
      </c>
      <c r="I3185" s="2">
        <v>0</v>
      </c>
      <c r="J3185" s="2">
        <v>1</v>
      </c>
      <c r="K3185" s="2">
        <v>0</v>
      </c>
      <c r="L3185" t="s">
        <v>82</v>
      </c>
      <c r="M3185" t="s">
        <v>83</v>
      </c>
      <c r="N3185" t="s">
        <v>91</v>
      </c>
      <c r="O3185" t="s">
        <v>85</v>
      </c>
      <c r="P3185" t="s">
        <v>86</v>
      </c>
      <c r="Q3185">
        <v>9</v>
      </c>
      <c r="R3185">
        <v>9</v>
      </c>
      <c r="S3185">
        <v>9</v>
      </c>
      <c r="T3185">
        <v>10</v>
      </c>
      <c r="U3185">
        <v>10</v>
      </c>
      <c r="V3185">
        <v>10</v>
      </c>
      <c r="W3185">
        <v>10</v>
      </c>
      <c r="X3185">
        <v>10</v>
      </c>
      <c r="Y3185">
        <v>10</v>
      </c>
      <c r="Z3185">
        <v>10</v>
      </c>
      <c r="AA3185">
        <v>10</v>
      </c>
      <c r="AB3185">
        <v>10</v>
      </c>
      <c r="AC3185">
        <v>10</v>
      </c>
      <c r="AD3185">
        <v>10</v>
      </c>
      <c r="AE3185">
        <v>10</v>
      </c>
      <c r="AF3185">
        <v>10</v>
      </c>
      <c r="AG3185">
        <v>10</v>
      </c>
      <c r="AH3185">
        <v>10</v>
      </c>
      <c r="AI3185">
        <v>10</v>
      </c>
      <c r="AJ3185">
        <v>10</v>
      </c>
      <c r="AK3185">
        <v>10</v>
      </c>
      <c r="AL3185">
        <v>10</v>
      </c>
      <c r="AM3185">
        <v>10</v>
      </c>
      <c r="AN3185">
        <v>9</v>
      </c>
      <c r="AO3185">
        <v>9</v>
      </c>
      <c r="AP3185">
        <v>9</v>
      </c>
      <c r="AQ3185">
        <v>9</v>
      </c>
    </row>
    <row r="3186" spans="1:43">
      <c r="A3186" t="s">
        <v>2020</v>
      </c>
      <c r="B3186" t="s">
        <v>2021</v>
      </c>
      <c r="C3186" t="s">
        <v>2010</v>
      </c>
      <c r="D3186" t="s">
        <v>2011</v>
      </c>
      <c r="E3186" t="s">
        <v>1586</v>
      </c>
      <c r="F3186" t="s">
        <v>1587</v>
      </c>
      <c r="G3186" t="s">
        <v>80</v>
      </c>
      <c r="H3186" t="s">
        <v>81</v>
      </c>
      <c r="I3186" s="2">
        <v>0</v>
      </c>
      <c r="J3186" s="2">
        <v>1</v>
      </c>
      <c r="K3186" s="2">
        <v>0</v>
      </c>
      <c r="L3186" t="s">
        <v>82</v>
      </c>
      <c r="M3186" t="s">
        <v>83</v>
      </c>
      <c r="N3186" t="s">
        <v>84</v>
      </c>
      <c r="O3186" t="s">
        <v>85</v>
      </c>
      <c r="P3186" t="s">
        <v>86</v>
      </c>
      <c r="Q3186">
        <v>20</v>
      </c>
      <c r="R3186">
        <v>20</v>
      </c>
      <c r="S3186">
        <v>20</v>
      </c>
      <c r="T3186">
        <v>20</v>
      </c>
      <c r="U3186">
        <v>20</v>
      </c>
      <c r="V3186">
        <v>20</v>
      </c>
      <c r="W3186">
        <v>20</v>
      </c>
      <c r="X3186">
        <v>20</v>
      </c>
      <c r="Y3186">
        <v>20</v>
      </c>
      <c r="Z3186">
        <v>20</v>
      </c>
      <c r="AA3186">
        <v>20</v>
      </c>
      <c r="AB3186">
        <v>20</v>
      </c>
      <c r="AC3186">
        <v>20</v>
      </c>
      <c r="AD3186">
        <v>20</v>
      </c>
      <c r="AE3186">
        <v>20</v>
      </c>
      <c r="AF3186">
        <v>20</v>
      </c>
      <c r="AG3186">
        <v>20</v>
      </c>
      <c r="AH3186">
        <v>20</v>
      </c>
      <c r="AI3186">
        <v>20</v>
      </c>
      <c r="AJ3186">
        <v>20</v>
      </c>
      <c r="AK3186">
        <v>20</v>
      </c>
      <c r="AL3186">
        <v>20</v>
      </c>
      <c r="AM3186">
        <v>20</v>
      </c>
      <c r="AN3186">
        <v>20</v>
      </c>
      <c r="AO3186">
        <v>20</v>
      </c>
      <c r="AP3186">
        <v>19</v>
      </c>
      <c r="AQ3186">
        <v>19</v>
      </c>
    </row>
    <row r="3187" spans="1:43">
      <c r="A3187" t="s">
        <v>2020</v>
      </c>
      <c r="B3187" t="s">
        <v>2021</v>
      </c>
      <c r="C3187" t="s">
        <v>2010</v>
      </c>
      <c r="D3187" t="s">
        <v>2011</v>
      </c>
      <c r="E3187" t="s">
        <v>1586</v>
      </c>
      <c r="F3187" t="s">
        <v>1587</v>
      </c>
      <c r="G3187" t="s">
        <v>80</v>
      </c>
      <c r="H3187" t="s">
        <v>81</v>
      </c>
      <c r="I3187" s="2">
        <v>0</v>
      </c>
      <c r="J3187" s="2">
        <v>1</v>
      </c>
      <c r="K3187" s="2">
        <v>0</v>
      </c>
      <c r="L3187" t="s">
        <v>82</v>
      </c>
      <c r="M3187" t="s">
        <v>87</v>
      </c>
      <c r="N3187" t="s">
        <v>88</v>
      </c>
      <c r="O3187" t="s">
        <v>85</v>
      </c>
      <c r="P3187" t="s">
        <v>86</v>
      </c>
      <c r="Q3187">
        <v>20</v>
      </c>
      <c r="R3187">
        <v>20</v>
      </c>
      <c r="S3187">
        <v>20</v>
      </c>
      <c r="T3187">
        <v>20</v>
      </c>
      <c r="U3187">
        <v>20</v>
      </c>
      <c r="V3187">
        <v>20</v>
      </c>
      <c r="W3187">
        <v>20</v>
      </c>
      <c r="X3187">
        <v>20</v>
      </c>
      <c r="Y3187">
        <v>20</v>
      </c>
      <c r="Z3187">
        <v>19</v>
      </c>
      <c r="AA3187">
        <v>19</v>
      </c>
      <c r="AB3187">
        <v>19</v>
      </c>
      <c r="AC3187">
        <v>19</v>
      </c>
      <c r="AD3187">
        <v>19</v>
      </c>
      <c r="AE3187">
        <v>19</v>
      </c>
      <c r="AF3187">
        <v>19</v>
      </c>
      <c r="AG3187">
        <v>19</v>
      </c>
      <c r="AH3187">
        <v>19</v>
      </c>
      <c r="AI3187">
        <v>19</v>
      </c>
      <c r="AJ3187">
        <v>18</v>
      </c>
      <c r="AK3187">
        <v>18</v>
      </c>
      <c r="AL3187">
        <v>18</v>
      </c>
      <c r="AM3187">
        <v>18</v>
      </c>
      <c r="AN3187">
        <v>18</v>
      </c>
      <c r="AO3187">
        <v>18</v>
      </c>
      <c r="AP3187">
        <v>18</v>
      </c>
      <c r="AQ3187">
        <v>18</v>
      </c>
    </row>
    <row r="3188" spans="1:43">
      <c r="A3188" t="s">
        <v>2020</v>
      </c>
      <c r="B3188" t="s">
        <v>2021</v>
      </c>
      <c r="C3188" t="s">
        <v>2010</v>
      </c>
      <c r="D3188" t="s">
        <v>2011</v>
      </c>
      <c r="E3188" t="s">
        <v>1586</v>
      </c>
      <c r="F3188" t="s">
        <v>1587</v>
      </c>
      <c r="G3188" t="s">
        <v>80</v>
      </c>
      <c r="H3188" t="s">
        <v>81</v>
      </c>
      <c r="I3188" s="2">
        <v>0</v>
      </c>
      <c r="J3188" s="2">
        <v>1</v>
      </c>
      <c r="K3188" s="2">
        <v>0</v>
      </c>
      <c r="L3188" t="s">
        <v>82</v>
      </c>
      <c r="M3188" t="s">
        <v>89</v>
      </c>
      <c r="N3188" t="s">
        <v>90</v>
      </c>
      <c r="O3188" t="s">
        <v>85</v>
      </c>
      <c r="P3188" t="s">
        <v>86</v>
      </c>
      <c r="Q3188">
        <v>20</v>
      </c>
      <c r="R3188">
        <v>20</v>
      </c>
      <c r="S3188">
        <v>20</v>
      </c>
      <c r="T3188">
        <v>20</v>
      </c>
      <c r="U3188">
        <v>21</v>
      </c>
      <c r="V3188">
        <v>21</v>
      </c>
      <c r="W3188">
        <v>21</v>
      </c>
      <c r="X3188">
        <v>21</v>
      </c>
      <c r="Y3188">
        <v>21</v>
      </c>
      <c r="Z3188">
        <v>21</v>
      </c>
      <c r="AA3188">
        <v>21</v>
      </c>
      <c r="AB3188">
        <v>22</v>
      </c>
      <c r="AC3188">
        <v>22</v>
      </c>
      <c r="AD3188">
        <v>22</v>
      </c>
      <c r="AE3188">
        <v>22</v>
      </c>
      <c r="AF3188">
        <v>21</v>
      </c>
      <c r="AG3188">
        <v>21</v>
      </c>
      <c r="AH3188">
        <v>21</v>
      </c>
      <c r="AI3188">
        <v>21</v>
      </c>
      <c r="AJ3188">
        <v>21</v>
      </c>
      <c r="AK3188">
        <v>20</v>
      </c>
      <c r="AL3188">
        <v>20</v>
      </c>
      <c r="AM3188">
        <v>20</v>
      </c>
      <c r="AN3188">
        <v>20</v>
      </c>
      <c r="AO3188">
        <v>20</v>
      </c>
      <c r="AP3188">
        <v>20</v>
      </c>
      <c r="AQ3188">
        <v>19</v>
      </c>
    </row>
    <row r="3189" spans="1:43">
      <c r="A3189" t="s">
        <v>2020</v>
      </c>
      <c r="B3189" t="s">
        <v>2021</v>
      </c>
      <c r="C3189" t="s">
        <v>2010</v>
      </c>
      <c r="D3189" t="s">
        <v>2011</v>
      </c>
      <c r="E3189" t="s">
        <v>1586</v>
      </c>
      <c r="F3189" t="s">
        <v>1587</v>
      </c>
      <c r="G3189" t="s">
        <v>80</v>
      </c>
      <c r="H3189" t="s">
        <v>81</v>
      </c>
      <c r="I3189" s="2">
        <v>0</v>
      </c>
      <c r="J3189" s="2">
        <v>1</v>
      </c>
      <c r="K3189" s="2">
        <v>0</v>
      </c>
      <c r="L3189" t="s">
        <v>82</v>
      </c>
      <c r="M3189" t="s">
        <v>83</v>
      </c>
      <c r="N3189" t="s">
        <v>91</v>
      </c>
      <c r="O3189" t="s">
        <v>85</v>
      </c>
      <c r="P3189" t="s">
        <v>86</v>
      </c>
      <c r="Q3189">
        <v>20</v>
      </c>
      <c r="R3189">
        <v>20</v>
      </c>
      <c r="S3189">
        <v>20</v>
      </c>
      <c r="T3189">
        <v>20</v>
      </c>
      <c r="U3189">
        <v>20</v>
      </c>
      <c r="V3189">
        <v>20</v>
      </c>
      <c r="W3189">
        <v>20</v>
      </c>
      <c r="X3189">
        <v>20</v>
      </c>
      <c r="Y3189">
        <v>20</v>
      </c>
      <c r="Z3189">
        <v>20</v>
      </c>
      <c r="AA3189">
        <v>20</v>
      </c>
      <c r="AB3189">
        <v>20</v>
      </c>
      <c r="AC3189">
        <v>20</v>
      </c>
      <c r="AD3189">
        <v>20</v>
      </c>
      <c r="AE3189">
        <v>20</v>
      </c>
      <c r="AF3189">
        <v>20</v>
      </c>
      <c r="AG3189">
        <v>20</v>
      </c>
      <c r="AH3189">
        <v>20</v>
      </c>
      <c r="AI3189">
        <v>20</v>
      </c>
      <c r="AJ3189">
        <v>20</v>
      </c>
      <c r="AK3189">
        <v>20</v>
      </c>
      <c r="AL3189">
        <v>20</v>
      </c>
      <c r="AM3189">
        <v>20</v>
      </c>
      <c r="AN3189">
        <v>20</v>
      </c>
      <c r="AO3189">
        <v>20</v>
      </c>
      <c r="AP3189">
        <v>19</v>
      </c>
      <c r="AQ3189">
        <v>19</v>
      </c>
    </row>
    <row r="3190" spans="1:43">
      <c r="A3190" t="s">
        <v>2022</v>
      </c>
      <c r="B3190" t="s">
        <v>2023</v>
      </c>
      <c r="C3190" t="s">
        <v>2024</v>
      </c>
      <c r="D3190" t="s">
        <v>2025</v>
      </c>
      <c r="E3190" t="s">
        <v>1586</v>
      </c>
      <c r="F3190" t="s">
        <v>1587</v>
      </c>
      <c r="G3190" t="s">
        <v>80</v>
      </c>
      <c r="H3190" t="s">
        <v>81</v>
      </c>
      <c r="I3190" s="2">
        <v>0</v>
      </c>
      <c r="J3190" s="2">
        <v>0</v>
      </c>
      <c r="K3190" s="2">
        <v>1</v>
      </c>
      <c r="L3190" t="s">
        <v>995</v>
      </c>
      <c r="M3190" t="s">
        <v>83</v>
      </c>
      <c r="N3190" t="s">
        <v>84</v>
      </c>
      <c r="O3190" t="s">
        <v>85</v>
      </c>
      <c r="P3190" t="s">
        <v>86</v>
      </c>
      <c r="Q3190">
        <v>14</v>
      </c>
      <c r="R3190">
        <v>15</v>
      </c>
      <c r="S3190">
        <v>15</v>
      </c>
      <c r="T3190">
        <v>15</v>
      </c>
      <c r="U3190">
        <v>15</v>
      </c>
      <c r="V3190">
        <v>15</v>
      </c>
      <c r="W3190">
        <v>15</v>
      </c>
      <c r="X3190">
        <v>15</v>
      </c>
      <c r="Y3190">
        <v>15</v>
      </c>
      <c r="Z3190">
        <v>15</v>
      </c>
      <c r="AA3190">
        <v>15</v>
      </c>
      <c r="AB3190">
        <v>15</v>
      </c>
      <c r="AC3190">
        <v>15</v>
      </c>
      <c r="AD3190">
        <v>15</v>
      </c>
      <c r="AE3190">
        <v>15</v>
      </c>
      <c r="AF3190">
        <v>15</v>
      </c>
      <c r="AG3190">
        <v>15</v>
      </c>
      <c r="AH3190">
        <v>15</v>
      </c>
      <c r="AI3190">
        <v>15</v>
      </c>
      <c r="AJ3190">
        <v>15</v>
      </c>
      <c r="AK3190">
        <v>15</v>
      </c>
      <c r="AL3190">
        <v>15</v>
      </c>
      <c r="AM3190">
        <v>15</v>
      </c>
      <c r="AN3190">
        <v>15</v>
      </c>
      <c r="AO3190">
        <v>15</v>
      </c>
      <c r="AP3190">
        <v>15</v>
      </c>
      <c r="AQ3190">
        <v>15</v>
      </c>
    </row>
    <row r="3191" spans="1:43">
      <c r="A3191" t="s">
        <v>2022</v>
      </c>
      <c r="B3191" t="s">
        <v>2023</v>
      </c>
      <c r="C3191" t="s">
        <v>2024</v>
      </c>
      <c r="D3191" t="s">
        <v>2025</v>
      </c>
      <c r="E3191" t="s">
        <v>1586</v>
      </c>
      <c r="F3191" t="s">
        <v>1587</v>
      </c>
      <c r="G3191" t="s">
        <v>80</v>
      </c>
      <c r="H3191" t="s">
        <v>81</v>
      </c>
      <c r="I3191" s="2">
        <v>0</v>
      </c>
      <c r="J3191" s="2">
        <v>0</v>
      </c>
      <c r="K3191" s="2">
        <v>1</v>
      </c>
      <c r="L3191" t="s">
        <v>995</v>
      </c>
      <c r="M3191" t="s">
        <v>87</v>
      </c>
      <c r="N3191" t="s">
        <v>88</v>
      </c>
      <c r="O3191" t="s">
        <v>85</v>
      </c>
      <c r="P3191" t="s">
        <v>86</v>
      </c>
      <c r="Q3191">
        <v>14</v>
      </c>
      <c r="R3191">
        <v>14</v>
      </c>
      <c r="S3191">
        <v>14</v>
      </c>
      <c r="T3191">
        <v>14</v>
      </c>
      <c r="U3191">
        <v>14</v>
      </c>
      <c r="V3191">
        <v>14</v>
      </c>
      <c r="W3191">
        <v>14</v>
      </c>
      <c r="X3191">
        <v>14</v>
      </c>
      <c r="Y3191">
        <v>14</v>
      </c>
      <c r="Z3191">
        <v>14</v>
      </c>
      <c r="AA3191">
        <v>14</v>
      </c>
      <c r="AB3191">
        <v>14</v>
      </c>
      <c r="AC3191">
        <v>14</v>
      </c>
      <c r="AD3191">
        <v>14</v>
      </c>
      <c r="AE3191">
        <v>14</v>
      </c>
      <c r="AF3191">
        <v>13</v>
      </c>
      <c r="AG3191">
        <v>13</v>
      </c>
      <c r="AH3191">
        <v>13</v>
      </c>
      <c r="AI3191">
        <v>13</v>
      </c>
      <c r="AJ3191">
        <v>13</v>
      </c>
      <c r="AK3191">
        <v>13</v>
      </c>
      <c r="AL3191">
        <v>13</v>
      </c>
      <c r="AM3191">
        <v>13</v>
      </c>
      <c r="AN3191">
        <v>13</v>
      </c>
      <c r="AO3191">
        <v>13</v>
      </c>
      <c r="AP3191">
        <v>13</v>
      </c>
      <c r="AQ3191">
        <v>13</v>
      </c>
    </row>
    <row r="3192" spans="1:43">
      <c r="A3192" t="s">
        <v>2022</v>
      </c>
      <c r="B3192" t="s">
        <v>2023</v>
      </c>
      <c r="C3192" t="s">
        <v>2024</v>
      </c>
      <c r="D3192" t="s">
        <v>2025</v>
      </c>
      <c r="E3192" t="s">
        <v>1586</v>
      </c>
      <c r="F3192" t="s">
        <v>1587</v>
      </c>
      <c r="G3192" t="s">
        <v>80</v>
      </c>
      <c r="H3192" t="s">
        <v>81</v>
      </c>
      <c r="I3192" s="2">
        <v>0</v>
      </c>
      <c r="J3192" s="2">
        <v>0</v>
      </c>
      <c r="K3192" s="2">
        <v>1</v>
      </c>
      <c r="L3192" t="s">
        <v>995</v>
      </c>
      <c r="M3192" t="s">
        <v>89</v>
      </c>
      <c r="N3192" t="s">
        <v>90</v>
      </c>
      <c r="O3192" t="s">
        <v>85</v>
      </c>
      <c r="P3192" t="s">
        <v>86</v>
      </c>
      <c r="Q3192">
        <v>14</v>
      </c>
      <c r="R3192">
        <v>14</v>
      </c>
      <c r="S3192">
        <v>14</v>
      </c>
      <c r="T3192">
        <v>14</v>
      </c>
      <c r="U3192">
        <v>14</v>
      </c>
      <c r="V3192">
        <v>14</v>
      </c>
      <c r="W3192">
        <v>15</v>
      </c>
      <c r="X3192">
        <v>15</v>
      </c>
      <c r="Y3192">
        <v>15</v>
      </c>
      <c r="Z3192">
        <v>15</v>
      </c>
      <c r="AA3192">
        <v>15</v>
      </c>
      <c r="AB3192">
        <v>15</v>
      </c>
      <c r="AC3192">
        <v>15</v>
      </c>
      <c r="AD3192">
        <v>15</v>
      </c>
      <c r="AE3192">
        <v>15</v>
      </c>
      <c r="AF3192">
        <v>15</v>
      </c>
      <c r="AG3192">
        <v>15</v>
      </c>
      <c r="AH3192">
        <v>15</v>
      </c>
      <c r="AI3192">
        <v>15</v>
      </c>
      <c r="AJ3192">
        <v>15</v>
      </c>
      <c r="AK3192">
        <v>15</v>
      </c>
      <c r="AL3192">
        <v>15</v>
      </c>
      <c r="AM3192">
        <v>15</v>
      </c>
      <c r="AN3192">
        <v>14</v>
      </c>
      <c r="AO3192">
        <v>14</v>
      </c>
      <c r="AP3192">
        <v>14</v>
      </c>
      <c r="AQ3192">
        <v>14</v>
      </c>
    </row>
    <row r="3193" spans="1:43">
      <c r="A3193" t="s">
        <v>2022</v>
      </c>
      <c r="B3193" t="s">
        <v>2023</v>
      </c>
      <c r="C3193" t="s">
        <v>2024</v>
      </c>
      <c r="D3193" t="s">
        <v>2025</v>
      </c>
      <c r="E3193" t="s">
        <v>1586</v>
      </c>
      <c r="F3193" t="s">
        <v>1587</v>
      </c>
      <c r="G3193" t="s">
        <v>80</v>
      </c>
      <c r="H3193" t="s">
        <v>81</v>
      </c>
      <c r="I3193" s="2">
        <v>0</v>
      </c>
      <c r="J3193" s="2">
        <v>0</v>
      </c>
      <c r="K3193" s="2">
        <v>1</v>
      </c>
      <c r="L3193" t="s">
        <v>995</v>
      </c>
      <c r="M3193" t="s">
        <v>83</v>
      </c>
      <c r="N3193" t="s">
        <v>91</v>
      </c>
      <c r="O3193" t="s">
        <v>85</v>
      </c>
      <c r="P3193" t="s">
        <v>86</v>
      </c>
      <c r="Q3193">
        <v>14</v>
      </c>
      <c r="R3193">
        <v>15</v>
      </c>
      <c r="S3193">
        <v>15</v>
      </c>
      <c r="T3193">
        <v>15</v>
      </c>
      <c r="U3193">
        <v>15</v>
      </c>
      <c r="V3193">
        <v>15</v>
      </c>
      <c r="W3193">
        <v>15</v>
      </c>
      <c r="X3193">
        <v>15</v>
      </c>
      <c r="Y3193">
        <v>15</v>
      </c>
      <c r="Z3193">
        <v>15</v>
      </c>
      <c r="AA3193">
        <v>15</v>
      </c>
      <c r="AB3193">
        <v>15</v>
      </c>
      <c r="AC3193">
        <v>15</v>
      </c>
      <c r="AD3193">
        <v>15</v>
      </c>
      <c r="AE3193">
        <v>15</v>
      </c>
      <c r="AF3193">
        <v>15</v>
      </c>
      <c r="AG3193">
        <v>15</v>
      </c>
      <c r="AH3193">
        <v>15</v>
      </c>
      <c r="AI3193">
        <v>15</v>
      </c>
      <c r="AJ3193">
        <v>15</v>
      </c>
      <c r="AK3193">
        <v>15</v>
      </c>
      <c r="AL3193">
        <v>15</v>
      </c>
      <c r="AM3193">
        <v>15</v>
      </c>
      <c r="AN3193">
        <v>15</v>
      </c>
      <c r="AO3193">
        <v>15</v>
      </c>
      <c r="AP3193">
        <v>15</v>
      </c>
      <c r="AQ3193">
        <v>15</v>
      </c>
    </row>
    <row r="3194" spans="1:43">
      <c r="A3194" t="s">
        <v>2026</v>
      </c>
      <c r="B3194" t="s">
        <v>2027</v>
      </c>
      <c r="C3194" t="s">
        <v>2010</v>
      </c>
      <c r="D3194" t="s">
        <v>2011</v>
      </c>
      <c r="E3194" t="s">
        <v>1586</v>
      </c>
      <c r="F3194" t="s">
        <v>1587</v>
      </c>
      <c r="G3194" t="s">
        <v>80</v>
      </c>
      <c r="H3194" t="s">
        <v>81</v>
      </c>
      <c r="I3194" s="2">
        <v>0</v>
      </c>
      <c r="J3194" s="2">
        <v>0</v>
      </c>
      <c r="K3194" s="2">
        <v>1</v>
      </c>
      <c r="L3194" t="s">
        <v>995</v>
      </c>
      <c r="M3194" t="s">
        <v>83</v>
      </c>
      <c r="N3194" t="s">
        <v>84</v>
      </c>
      <c r="O3194" t="s">
        <v>85</v>
      </c>
      <c r="P3194" t="s">
        <v>86</v>
      </c>
      <c r="Q3194">
        <v>5</v>
      </c>
      <c r="R3194">
        <v>5</v>
      </c>
      <c r="S3194">
        <v>5</v>
      </c>
      <c r="T3194">
        <v>5</v>
      </c>
      <c r="U3194">
        <v>5</v>
      </c>
      <c r="V3194">
        <v>5</v>
      </c>
      <c r="W3194">
        <v>5</v>
      </c>
      <c r="X3194">
        <v>5</v>
      </c>
      <c r="Y3194">
        <v>5</v>
      </c>
      <c r="Z3194">
        <v>5</v>
      </c>
      <c r="AA3194">
        <v>5</v>
      </c>
      <c r="AB3194">
        <v>5</v>
      </c>
      <c r="AC3194">
        <v>5</v>
      </c>
      <c r="AD3194">
        <v>5</v>
      </c>
      <c r="AE3194">
        <v>5</v>
      </c>
      <c r="AF3194">
        <v>5</v>
      </c>
      <c r="AG3194">
        <v>5</v>
      </c>
      <c r="AH3194">
        <v>5</v>
      </c>
      <c r="AI3194">
        <v>5</v>
      </c>
      <c r="AJ3194">
        <v>5</v>
      </c>
      <c r="AK3194">
        <v>5</v>
      </c>
      <c r="AL3194">
        <v>5</v>
      </c>
      <c r="AM3194">
        <v>5</v>
      </c>
      <c r="AN3194">
        <v>5</v>
      </c>
      <c r="AO3194">
        <v>5</v>
      </c>
      <c r="AP3194">
        <v>5</v>
      </c>
      <c r="AQ3194">
        <v>5</v>
      </c>
    </row>
    <row r="3195" spans="1:43">
      <c r="A3195" t="s">
        <v>2026</v>
      </c>
      <c r="B3195" t="s">
        <v>2027</v>
      </c>
      <c r="C3195" t="s">
        <v>2010</v>
      </c>
      <c r="D3195" t="s">
        <v>2011</v>
      </c>
      <c r="E3195" t="s">
        <v>1586</v>
      </c>
      <c r="F3195" t="s">
        <v>1587</v>
      </c>
      <c r="G3195" t="s">
        <v>80</v>
      </c>
      <c r="H3195" t="s">
        <v>81</v>
      </c>
      <c r="I3195" s="2">
        <v>0</v>
      </c>
      <c r="J3195" s="2">
        <v>0</v>
      </c>
      <c r="K3195" s="2">
        <v>1</v>
      </c>
      <c r="L3195" t="s">
        <v>995</v>
      </c>
      <c r="M3195" t="s">
        <v>87</v>
      </c>
      <c r="N3195" t="s">
        <v>88</v>
      </c>
      <c r="O3195" t="s">
        <v>85</v>
      </c>
      <c r="P3195" t="s">
        <v>86</v>
      </c>
      <c r="Q3195">
        <v>5</v>
      </c>
      <c r="R3195">
        <v>5</v>
      </c>
      <c r="S3195">
        <v>5</v>
      </c>
      <c r="T3195">
        <v>5</v>
      </c>
      <c r="U3195">
        <v>5</v>
      </c>
      <c r="V3195">
        <v>5</v>
      </c>
      <c r="W3195">
        <v>5</v>
      </c>
      <c r="X3195">
        <v>5</v>
      </c>
      <c r="Y3195">
        <v>5</v>
      </c>
      <c r="Z3195">
        <v>5</v>
      </c>
      <c r="AA3195">
        <v>5</v>
      </c>
      <c r="AB3195">
        <v>4</v>
      </c>
      <c r="AC3195">
        <v>4</v>
      </c>
      <c r="AD3195">
        <v>4</v>
      </c>
      <c r="AE3195">
        <v>4</v>
      </c>
      <c r="AF3195">
        <v>4</v>
      </c>
      <c r="AG3195">
        <v>4</v>
      </c>
      <c r="AH3195">
        <v>4</v>
      </c>
      <c r="AI3195">
        <v>4</v>
      </c>
      <c r="AJ3195">
        <v>4</v>
      </c>
      <c r="AK3195">
        <v>4</v>
      </c>
      <c r="AL3195">
        <v>4</v>
      </c>
      <c r="AM3195">
        <v>4</v>
      </c>
      <c r="AN3195">
        <v>4</v>
      </c>
      <c r="AO3195">
        <v>4</v>
      </c>
      <c r="AP3195">
        <v>4</v>
      </c>
      <c r="AQ3195">
        <v>4</v>
      </c>
    </row>
    <row r="3196" spans="1:43">
      <c r="A3196" t="s">
        <v>2026</v>
      </c>
      <c r="B3196" t="s">
        <v>2027</v>
      </c>
      <c r="C3196" t="s">
        <v>2010</v>
      </c>
      <c r="D3196" t="s">
        <v>2011</v>
      </c>
      <c r="E3196" t="s">
        <v>1586</v>
      </c>
      <c r="F3196" t="s">
        <v>1587</v>
      </c>
      <c r="G3196" t="s">
        <v>80</v>
      </c>
      <c r="H3196" t="s">
        <v>81</v>
      </c>
      <c r="I3196" s="2">
        <v>0</v>
      </c>
      <c r="J3196" s="2">
        <v>0</v>
      </c>
      <c r="K3196" s="2">
        <v>1</v>
      </c>
      <c r="L3196" t="s">
        <v>995</v>
      </c>
      <c r="M3196" t="s">
        <v>89</v>
      </c>
      <c r="N3196" t="s">
        <v>90</v>
      </c>
      <c r="O3196" t="s">
        <v>85</v>
      </c>
      <c r="P3196" t="s">
        <v>86</v>
      </c>
      <c r="Q3196">
        <v>5</v>
      </c>
      <c r="R3196">
        <v>5</v>
      </c>
      <c r="S3196">
        <v>5</v>
      </c>
      <c r="T3196">
        <v>5</v>
      </c>
      <c r="U3196">
        <v>5</v>
      </c>
      <c r="V3196">
        <v>5</v>
      </c>
      <c r="W3196">
        <v>5</v>
      </c>
      <c r="X3196">
        <v>5</v>
      </c>
      <c r="Y3196">
        <v>5</v>
      </c>
      <c r="Z3196">
        <v>5</v>
      </c>
      <c r="AA3196">
        <v>5</v>
      </c>
      <c r="AB3196">
        <v>5</v>
      </c>
      <c r="AC3196">
        <v>5</v>
      </c>
      <c r="AD3196">
        <v>5</v>
      </c>
      <c r="AE3196">
        <v>5</v>
      </c>
      <c r="AF3196">
        <v>5</v>
      </c>
      <c r="AG3196">
        <v>5</v>
      </c>
      <c r="AH3196">
        <v>5</v>
      </c>
      <c r="AI3196">
        <v>5</v>
      </c>
      <c r="AJ3196">
        <v>5</v>
      </c>
      <c r="AK3196">
        <v>5</v>
      </c>
      <c r="AL3196">
        <v>5</v>
      </c>
      <c r="AM3196">
        <v>5</v>
      </c>
      <c r="AN3196">
        <v>5</v>
      </c>
      <c r="AO3196">
        <v>5</v>
      </c>
      <c r="AP3196">
        <v>5</v>
      </c>
      <c r="AQ3196">
        <v>5</v>
      </c>
    </row>
    <row r="3197" spans="1:43">
      <c r="A3197" t="s">
        <v>2026</v>
      </c>
      <c r="B3197" t="s">
        <v>2027</v>
      </c>
      <c r="C3197" t="s">
        <v>2010</v>
      </c>
      <c r="D3197" t="s">
        <v>2011</v>
      </c>
      <c r="E3197" t="s">
        <v>1586</v>
      </c>
      <c r="F3197" t="s">
        <v>1587</v>
      </c>
      <c r="G3197" t="s">
        <v>80</v>
      </c>
      <c r="H3197" t="s">
        <v>81</v>
      </c>
      <c r="I3197" s="2">
        <v>0</v>
      </c>
      <c r="J3197" s="2">
        <v>0</v>
      </c>
      <c r="K3197" s="2">
        <v>1</v>
      </c>
      <c r="L3197" t="s">
        <v>995</v>
      </c>
      <c r="M3197" t="s">
        <v>83</v>
      </c>
      <c r="N3197" t="s">
        <v>91</v>
      </c>
      <c r="O3197" t="s">
        <v>85</v>
      </c>
      <c r="P3197" t="s">
        <v>86</v>
      </c>
      <c r="Q3197">
        <v>5</v>
      </c>
      <c r="R3197">
        <v>5</v>
      </c>
      <c r="S3197">
        <v>5</v>
      </c>
      <c r="T3197">
        <v>5</v>
      </c>
      <c r="U3197">
        <v>5</v>
      </c>
      <c r="V3197">
        <v>5</v>
      </c>
      <c r="W3197">
        <v>5</v>
      </c>
      <c r="X3197">
        <v>5</v>
      </c>
      <c r="Y3197">
        <v>5</v>
      </c>
      <c r="Z3197">
        <v>5</v>
      </c>
      <c r="AA3197">
        <v>5</v>
      </c>
      <c r="AB3197">
        <v>5</v>
      </c>
      <c r="AC3197">
        <v>5</v>
      </c>
      <c r="AD3197">
        <v>5</v>
      </c>
      <c r="AE3197">
        <v>5</v>
      </c>
      <c r="AF3197">
        <v>5</v>
      </c>
      <c r="AG3197">
        <v>5</v>
      </c>
      <c r="AH3197">
        <v>5</v>
      </c>
      <c r="AI3197">
        <v>5</v>
      </c>
      <c r="AJ3197">
        <v>5</v>
      </c>
      <c r="AK3197">
        <v>5</v>
      </c>
      <c r="AL3197">
        <v>5</v>
      </c>
      <c r="AM3197">
        <v>5</v>
      </c>
      <c r="AN3197">
        <v>5</v>
      </c>
      <c r="AO3197">
        <v>5</v>
      </c>
      <c r="AP3197">
        <v>5</v>
      </c>
      <c r="AQ3197">
        <v>5</v>
      </c>
    </row>
    <row r="3198" spans="1:43">
      <c r="A3198" t="s">
        <v>2028</v>
      </c>
      <c r="B3198" t="s">
        <v>2029</v>
      </c>
      <c r="C3198" t="s">
        <v>1876</v>
      </c>
      <c r="D3198" t="s">
        <v>1877</v>
      </c>
      <c r="E3198" t="s">
        <v>1586</v>
      </c>
      <c r="F3198" t="s">
        <v>1587</v>
      </c>
      <c r="G3198" t="s">
        <v>80</v>
      </c>
      <c r="H3198" t="s">
        <v>81</v>
      </c>
      <c r="I3198" s="2">
        <v>0</v>
      </c>
      <c r="J3198" s="2">
        <v>0</v>
      </c>
      <c r="K3198" s="2">
        <v>1</v>
      </c>
      <c r="L3198" t="s">
        <v>995</v>
      </c>
      <c r="M3198" t="s">
        <v>83</v>
      </c>
      <c r="N3198" t="s">
        <v>84</v>
      </c>
      <c r="O3198" t="s">
        <v>85</v>
      </c>
      <c r="P3198" t="s">
        <v>86</v>
      </c>
      <c r="Q3198">
        <v>4</v>
      </c>
      <c r="R3198">
        <v>4</v>
      </c>
      <c r="S3198">
        <v>4</v>
      </c>
      <c r="T3198">
        <v>4</v>
      </c>
      <c r="U3198">
        <v>4</v>
      </c>
      <c r="V3198">
        <v>4</v>
      </c>
      <c r="W3198">
        <v>5</v>
      </c>
      <c r="X3198">
        <v>5</v>
      </c>
      <c r="Y3198">
        <v>5</v>
      </c>
      <c r="Z3198">
        <v>5</v>
      </c>
      <c r="AA3198">
        <v>5</v>
      </c>
      <c r="AB3198">
        <v>5</v>
      </c>
      <c r="AC3198">
        <v>5</v>
      </c>
      <c r="AD3198">
        <v>5</v>
      </c>
      <c r="AE3198">
        <v>5</v>
      </c>
      <c r="AF3198">
        <v>5</v>
      </c>
      <c r="AG3198">
        <v>5</v>
      </c>
      <c r="AH3198">
        <v>5</v>
      </c>
      <c r="AI3198">
        <v>5</v>
      </c>
      <c r="AJ3198">
        <v>5</v>
      </c>
      <c r="AK3198">
        <v>5</v>
      </c>
      <c r="AL3198">
        <v>5</v>
      </c>
      <c r="AM3198">
        <v>5</v>
      </c>
      <c r="AN3198">
        <v>5</v>
      </c>
      <c r="AO3198">
        <v>5</v>
      </c>
      <c r="AP3198">
        <v>5</v>
      </c>
      <c r="AQ3198">
        <v>5</v>
      </c>
    </row>
    <row r="3199" spans="1:43">
      <c r="A3199" t="s">
        <v>2028</v>
      </c>
      <c r="B3199" t="s">
        <v>2029</v>
      </c>
      <c r="C3199" t="s">
        <v>1876</v>
      </c>
      <c r="D3199" t="s">
        <v>1877</v>
      </c>
      <c r="E3199" t="s">
        <v>1586</v>
      </c>
      <c r="F3199" t="s">
        <v>1587</v>
      </c>
      <c r="G3199" t="s">
        <v>80</v>
      </c>
      <c r="H3199" t="s">
        <v>81</v>
      </c>
      <c r="I3199" s="2">
        <v>0</v>
      </c>
      <c r="J3199" s="2">
        <v>0</v>
      </c>
      <c r="K3199" s="2">
        <v>1</v>
      </c>
      <c r="L3199" t="s">
        <v>995</v>
      </c>
      <c r="M3199" t="s">
        <v>87</v>
      </c>
      <c r="N3199" t="s">
        <v>88</v>
      </c>
      <c r="O3199" t="s">
        <v>85</v>
      </c>
      <c r="P3199" t="s">
        <v>86</v>
      </c>
      <c r="Q3199">
        <v>4</v>
      </c>
      <c r="R3199">
        <v>4</v>
      </c>
      <c r="S3199">
        <v>4</v>
      </c>
      <c r="T3199">
        <v>4</v>
      </c>
      <c r="U3199">
        <v>4</v>
      </c>
      <c r="V3199">
        <v>4</v>
      </c>
      <c r="W3199">
        <v>4</v>
      </c>
      <c r="X3199">
        <v>4</v>
      </c>
      <c r="Y3199">
        <v>4</v>
      </c>
      <c r="Z3199">
        <v>4</v>
      </c>
      <c r="AA3199">
        <v>4</v>
      </c>
      <c r="AB3199">
        <v>4</v>
      </c>
      <c r="AC3199">
        <v>4</v>
      </c>
      <c r="AD3199">
        <v>4</v>
      </c>
      <c r="AE3199">
        <v>4</v>
      </c>
      <c r="AF3199">
        <v>4</v>
      </c>
      <c r="AG3199">
        <v>4</v>
      </c>
      <c r="AH3199">
        <v>4</v>
      </c>
      <c r="AI3199">
        <v>4</v>
      </c>
      <c r="AJ3199">
        <v>4</v>
      </c>
      <c r="AK3199">
        <v>4</v>
      </c>
      <c r="AL3199">
        <v>4</v>
      </c>
      <c r="AM3199">
        <v>4</v>
      </c>
      <c r="AN3199">
        <v>4</v>
      </c>
      <c r="AO3199">
        <v>4</v>
      </c>
      <c r="AP3199">
        <v>4</v>
      </c>
      <c r="AQ3199">
        <v>4</v>
      </c>
    </row>
    <row r="3200" spans="1:43">
      <c r="A3200" t="s">
        <v>2028</v>
      </c>
      <c r="B3200" t="s">
        <v>2029</v>
      </c>
      <c r="C3200" t="s">
        <v>1876</v>
      </c>
      <c r="D3200" t="s">
        <v>1877</v>
      </c>
      <c r="E3200" t="s">
        <v>1586</v>
      </c>
      <c r="F3200" t="s">
        <v>1587</v>
      </c>
      <c r="G3200" t="s">
        <v>80</v>
      </c>
      <c r="H3200" t="s">
        <v>81</v>
      </c>
      <c r="I3200" s="2">
        <v>0</v>
      </c>
      <c r="J3200" s="2">
        <v>0</v>
      </c>
      <c r="K3200" s="2">
        <v>1</v>
      </c>
      <c r="L3200" t="s">
        <v>995</v>
      </c>
      <c r="M3200" t="s">
        <v>89</v>
      </c>
      <c r="N3200" t="s">
        <v>90</v>
      </c>
      <c r="O3200" t="s">
        <v>85</v>
      </c>
      <c r="P3200" t="s">
        <v>86</v>
      </c>
      <c r="Q3200">
        <v>4</v>
      </c>
      <c r="R3200">
        <v>4</v>
      </c>
      <c r="S3200">
        <v>5</v>
      </c>
      <c r="T3200">
        <v>5</v>
      </c>
      <c r="U3200">
        <v>5</v>
      </c>
      <c r="V3200">
        <v>5</v>
      </c>
      <c r="W3200">
        <v>5</v>
      </c>
      <c r="X3200">
        <v>5</v>
      </c>
      <c r="Y3200">
        <v>5</v>
      </c>
      <c r="Z3200">
        <v>5</v>
      </c>
      <c r="AA3200">
        <v>5</v>
      </c>
      <c r="AB3200">
        <v>5</v>
      </c>
      <c r="AC3200">
        <v>5</v>
      </c>
      <c r="AD3200">
        <v>5</v>
      </c>
      <c r="AE3200">
        <v>5</v>
      </c>
      <c r="AF3200">
        <v>5</v>
      </c>
      <c r="AG3200">
        <v>5</v>
      </c>
      <c r="AH3200">
        <v>5</v>
      </c>
      <c r="AI3200">
        <v>5</v>
      </c>
      <c r="AJ3200">
        <v>5</v>
      </c>
      <c r="AK3200">
        <v>5</v>
      </c>
      <c r="AL3200">
        <v>5</v>
      </c>
      <c r="AM3200">
        <v>5</v>
      </c>
      <c r="AN3200">
        <v>5</v>
      </c>
      <c r="AO3200">
        <v>5</v>
      </c>
      <c r="AP3200">
        <v>5</v>
      </c>
      <c r="AQ3200">
        <v>5</v>
      </c>
    </row>
    <row r="3201" spans="1:43">
      <c r="A3201" t="s">
        <v>2028</v>
      </c>
      <c r="B3201" t="s">
        <v>2029</v>
      </c>
      <c r="C3201" t="s">
        <v>1876</v>
      </c>
      <c r="D3201" t="s">
        <v>1877</v>
      </c>
      <c r="E3201" t="s">
        <v>1586</v>
      </c>
      <c r="F3201" t="s">
        <v>1587</v>
      </c>
      <c r="G3201" t="s">
        <v>80</v>
      </c>
      <c r="H3201" t="s">
        <v>81</v>
      </c>
      <c r="I3201" s="2">
        <v>0</v>
      </c>
      <c r="J3201" s="2">
        <v>0</v>
      </c>
      <c r="K3201" s="2">
        <v>1</v>
      </c>
      <c r="L3201" t="s">
        <v>995</v>
      </c>
      <c r="M3201" t="s">
        <v>83</v>
      </c>
      <c r="N3201" t="s">
        <v>91</v>
      </c>
      <c r="O3201" t="s">
        <v>85</v>
      </c>
      <c r="P3201" t="s">
        <v>86</v>
      </c>
      <c r="Q3201">
        <v>4</v>
      </c>
      <c r="R3201">
        <v>4</v>
      </c>
      <c r="S3201">
        <v>4</v>
      </c>
      <c r="T3201">
        <v>4</v>
      </c>
      <c r="U3201">
        <v>4</v>
      </c>
      <c r="V3201">
        <v>4</v>
      </c>
      <c r="W3201">
        <v>5</v>
      </c>
      <c r="X3201">
        <v>5</v>
      </c>
      <c r="Y3201">
        <v>5</v>
      </c>
      <c r="Z3201">
        <v>5</v>
      </c>
      <c r="AA3201">
        <v>5</v>
      </c>
      <c r="AB3201">
        <v>5</v>
      </c>
      <c r="AC3201">
        <v>5</v>
      </c>
      <c r="AD3201">
        <v>5</v>
      </c>
      <c r="AE3201">
        <v>5</v>
      </c>
      <c r="AF3201">
        <v>5</v>
      </c>
      <c r="AG3201">
        <v>5</v>
      </c>
      <c r="AH3201">
        <v>5</v>
      </c>
      <c r="AI3201">
        <v>5</v>
      </c>
      <c r="AJ3201">
        <v>5</v>
      </c>
      <c r="AK3201">
        <v>5</v>
      </c>
      <c r="AL3201">
        <v>5</v>
      </c>
      <c r="AM3201">
        <v>5</v>
      </c>
      <c r="AN3201">
        <v>5</v>
      </c>
      <c r="AO3201">
        <v>5</v>
      </c>
      <c r="AP3201">
        <v>5</v>
      </c>
      <c r="AQ3201">
        <v>5</v>
      </c>
    </row>
    <row r="3202" spans="1:43">
      <c r="A3202" t="s">
        <v>2030</v>
      </c>
      <c r="B3202" t="s">
        <v>2031</v>
      </c>
      <c r="C3202" t="s">
        <v>2024</v>
      </c>
      <c r="D3202" t="s">
        <v>2025</v>
      </c>
      <c r="E3202" t="s">
        <v>1586</v>
      </c>
      <c r="F3202" t="s">
        <v>1587</v>
      </c>
      <c r="G3202" t="s">
        <v>80</v>
      </c>
      <c r="H3202" t="s">
        <v>81</v>
      </c>
      <c r="I3202" s="2">
        <v>0</v>
      </c>
      <c r="J3202" s="2">
        <v>0</v>
      </c>
      <c r="K3202" s="2">
        <v>1</v>
      </c>
      <c r="L3202" t="s">
        <v>995</v>
      </c>
      <c r="M3202" t="s">
        <v>83</v>
      </c>
      <c r="N3202" t="s">
        <v>84</v>
      </c>
      <c r="O3202" t="s">
        <v>85</v>
      </c>
      <c r="P3202" t="s">
        <v>86</v>
      </c>
      <c r="Q3202">
        <v>113</v>
      </c>
      <c r="R3202">
        <v>114</v>
      </c>
      <c r="S3202">
        <v>114</v>
      </c>
      <c r="T3202">
        <v>115</v>
      </c>
      <c r="U3202">
        <v>115</v>
      </c>
      <c r="V3202">
        <v>116</v>
      </c>
      <c r="W3202">
        <v>116</v>
      </c>
      <c r="X3202">
        <v>117</v>
      </c>
      <c r="Y3202">
        <v>117</v>
      </c>
      <c r="Z3202">
        <v>118</v>
      </c>
      <c r="AA3202">
        <v>118</v>
      </c>
      <c r="AB3202">
        <v>118</v>
      </c>
      <c r="AC3202">
        <v>119</v>
      </c>
      <c r="AD3202">
        <v>119</v>
      </c>
      <c r="AE3202">
        <v>119</v>
      </c>
      <c r="AF3202">
        <v>119</v>
      </c>
      <c r="AG3202">
        <v>120</v>
      </c>
      <c r="AH3202">
        <v>120</v>
      </c>
      <c r="AI3202">
        <v>120</v>
      </c>
      <c r="AJ3202">
        <v>120</v>
      </c>
      <c r="AK3202">
        <v>120</v>
      </c>
      <c r="AL3202">
        <v>120</v>
      </c>
      <c r="AM3202">
        <v>119</v>
      </c>
      <c r="AN3202">
        <v>118</v>
      </c>
      <c r="AO3202">
        <v>118</v>
      </c>
      <c r="AP3202">
        <v>117</v>
      </c>
      <c r="AQ3202">
        <v>116</v>
      </c>
    </row>
    <row r="3203" spans="1:43">
      <c r="A3203" t="s">
        <v>2030</v>
      </c>
      <c r="B3203" t="s">
        <v>2031</v>
      </c>
      <c r="C3203" t="s">
        <v>2024</v>
      </c>
      <c r="D3203" t="s">
        <v>2025</v>
      </c>
      <c r="E3203" t="s">
        <v>1586</v>
      </c>
      <c r="F3203" t="s">
        <v>1587</v>
      </c>
      <c r="G3203" t="s">
        <v>80</v>
      </c>
      <c r="H3203" t="s">
        <v>81</v>
      </c>
      <c r="I3203" s="2">
        <v>0</v>
      </c>
      <c r="J3203" s="2">
        <v>0</v>
      </c>
      <c r="K3203" s="2">
        <v>1</v>
      </c>
      <c r="L3203" t="s">
        <v>995</v>
      </c>
      <c r="M3203" t="s">
        <v>87</v>
      </c>
      <c r="N3203" t="s">
        <v>88</v>
      </c>
      <c r="O3203" t="s">
        <v>85</v>
      </c>
      <c r="P3203" t="s">
        <v>86</v>
      </c>
      <c r="Q3203">
        <v>113</v>
      </c>
      <c r="R3203">
        <v>113</v>
      </c>
      <c r="S3203">
        <v>112</v>
      </c>
      <c r="T3203">
        <v>112</v>
      </c>
      <c r="U3203">
        <v>111</v>
      </c>
      <c r="V3203">
        <v>111</v>
      </c>
      <c r="W3203">
        <v>110</v>
      </c>
      <c r="X3203">
        <v>110</v>
      </c>
      <c r="Y3203">
        <v>109</v>
      </c>
      <c r="Z3203">
        <v>109</v>
      </c>
      <c r="AA3203">
        <v>108</v>
      </c>
      <c r="AB3203">
        <v>108</v>
      </c>
      <c r="AC3203">
        <v>107</v>
      </c>
      <c r="AD3203">
        <v>107</v>
      </c>
      <c r="AE3203">
        <v>107</v>
      </c>
      <c r="AF3203">
        <v>106</v>
      </c>
      <c r="AG3203">
        <v>106</v>
      </c>
      <c r="AH3203">
        <v>105</v>
      </c>
      <c r="AI3203">
        <v>105</v>
      </c>
      <c r="AJ3203">
        <v>104</v>
      </c>
      <c r="AK3203">
        <v>104</v>
      </c>
      <c r="AL3203">
        <v>104</v>
      </c>
      <c r="AM3203">
        <v>103</v>
      </c>
      <c r="AN3203">
        <v>103</v>
      </c>
      <c r="AO3203">
        <v>102</v>
      </c>
      <c r="AP3203">
        <v>102</v>
      </c>
      <c r="AQ3203">
        <v>102</v>
      </c>
    </row>
    <row r="3204" spans="1:43">
      <c r="A3204" t="s">
        <v>2030</v>
      </c>
      <c r="B3204" t="s">
        <v>2031</v>
      </c>
      <c r="C3204" t="s">
        <v>2024</v>
      </c>
      <c r="D3204" t="s">
        <v>2025</v>
      </c>
      <c r="E3204" t="s">
        <v>1586</v>
      </c>
      <c r="F3204" t="s">
        <v>1587</v>
      </c>
      <c r="G3204" t="s">
        <v>80</v>
      </c>
      <c r="H3204" t="s">
        <v>81</v>
      </c>
      <c r="I3204" s="2">
        <v>0</v>
      </c>
      <c r="J3204" s="2">
        <v>0</v>
      </c>
      <c r="K3204" s="2">
        <v>1</v>
      </c>
      <c r="L3204" t="s">
        <v>995</v>
      </c>
      <c r="M3204" t="s">
        <v>89</v>
      </c>
      <c r="N3204" t="s">
        <v>90</v>
      </c>
      <c r="O3204" t="s">
        <v>85</v>
      </c>
      <c r="P3204" t="s">
        <v>86</v>
      </c>
      <c r="Q3204">
        <v>113</v>
      </c>
      <c r="R3204">
        <v>115</v>
      </c>
      <c r="S3204">
        <v>116</v>
      </c>
      <c r="T3204">
        <v>117</v>
      </c>
      <c r="U3204">
        <v>119</v>
      </c>
      <c r="V3204">
        <v>120</v>
      </c>
      <c r="W3204">
        <v>121</v>
      </c>
      <c r="X3204">
        <v>122</v>
      </c>
      <c r="Y3204">
        <v>123</v>
      </c>
      <c r="Z3204">
        <v>124</v>
      </c>
      <c r="AA3204">
        <v>124</v>
      </c>
      <c r="AB3204">
        <v>125</v>
      </c>
      <c r="AC3204">
        <v>126</v>
      </c>
      <c r="AD3204">
        <v>127</v>
      </c>
      <c r="AE3204">
        <v>127</v>
      </c>
      <c r="AF3204">
        <v>126</v>
      </c>
      <c r="AG3204">
        <v>125</v>
      </c>
      <c r="AH3204">
        <v>124</v>
      </c>
      <c r="AI3204">
        <v>123</v>
      </c>
      <c r="AJ3204">
        <v>122</v>
      </c>
      <c r="AK3204">
        <v>122</v>
      </c>
      <c r="AL3204">
        <v>121</v>
      </c>
      <c r="AM3204">
        <v>120</v>
      </c>
      <c r="AN3204">
        <v>119</v>
      </c>
      <c r="AO3204">
        <v>118</v>
      </c>
      <c r="AP3204">
        <v>117</v>
      </c>
      <c r="AQ3204">
        <v>117</v>
      </c>
    </row>
    <row r="3205" spans="1:43">
      <c r="A3205" t="s">
        <v>2030</v>
      </c>
      <c r="B3205" t="s">
        <v>2031</v>
      </c>
      <c r="C3205" t="s">
        <v>2024</v>
      </c>
      <c r="D3205" t="s">
        <v>2025</v>
      </c>
      <c r="E3205" t="s">
        <v>1586</v>
      </c>
      <c r="F3205" t="s">
        <v>1587</v>
      </c>
      <c r="G3205" t="s">
        <v>80</v>
      </c>
      <c r="H3205" t="s">
        <v>81</v>
      </c>
      <c r="I3205" s="2">
        <v>0</v>
      </c>
      <c r="J3205" s="2">
        <v>0</v>
      </c>
      <c r="K3205" s="2">
        <v>1</v>
      </c>
      <c r="L3205" t="s">
        <v>995</v>
      </c>
      <c r="M3205" t="s">
        <v>83</v>
      </c>
      <c r="N3205" t="s">
        <v>91</v>
      </c>
      <c r="O3205" t="s">
        <v>85</v>
      </c>
      <c r="P3205" t="s">
        <v>86</v>
      </c>
      <c r="Q3205">
        <v>113</v>
      </c>
      <c r="R3205">
        <v>114</v>
      </c>
      <c r="S3205">
        <v>114</v>
      </c>
      <c r="T3205">
        <v>115</v>
      </c>
      <c r="U3205">
        <v>115</v>
      </c>
      <c r="V3205">
        <v>116</v>
      </c>
      <c r="W3205">
        <v>116</v>
      </c>
      <c r="X3205">
        <v>117</v>
      </c>
      <c r="Y3205">
        <v>117</v>
      </c>
      <c r="Z3205">
        <v>118</v>
      </c>
      <c r="AA3205">
        <v>118</v>
      </c>
      <c r="AB3205">
        <v>118</v>
      </c>
      <c r="AC3205">
        <v>119</v>
      </c>
      <c r="AD3205">
        <v>119</v>
      </c>
      <c r="AE3205">
        <v>119</v>
      </c>
      <c r="AF3205">
        <v>119</v>
      </c>
      <c r="AG3205">
        <v>120</v>
      </c>
      <c r="AH3205">
        <v>120</v>
      </c>
      <c r="AI3205">
        <v>120</v>
      </c>
      <c r="AJ3205">
        <v>120</v>
      </c>
      <c r="AK3205">
        <v>120</v>
      </c>
      <c r="AL3205">
        <v>120</v>
      </c>
      <c r="AM3205">
        <v>119</v>
      </c>
      <c r="AN3205">
        <v>118</v>
      </c>
      <c r="AO3205">
        <v>118</v>
      </c>
      <c r="AP3205">
        <v>117</v>
      </c>
      <c r="AQ3205">
        <v>116</v>
      </c>
    </row>
    <row r="3206" spans="1:43">
      <c r="A3206" t="s">
        <v>2032</v>
      </c>
      <c r="B3206" t="s">
        <v>2033</v>
      </c>
      <c r="C3206" t="s">
        <v>2024</v>
      </c>
      <c r="D3206" t="s">
        <v>2025</v>
      </c>
      <c r="E3206" t="s">
        <v>1586</v>
      </c>
      <c r="F3206" t="s">
        <v>1587</v>
      </c>
      <c r="G3206" t="s">
        <v>80</v>
      </c>
      <c r="H3206" t="s">
        <v>81</v>
      </c>
      <c r="I3206" s="2">
        <v>0</v>
      </c>
      <c r="J3206" s="2">
        <v>0</v>
      </c>
      <c r="K3206" s="2">
        <v>1</v>
      </c>
      <c r="L3206" t="s">
        <v>995</v>
      </c>
      <c r="M3206" t="s">
        <v>83</v>
      </c>
      <c r="N3206" t="s">
        <v>84</v>
      </c>
      <c r="O3206" t="s">
        <v>85</v>
      </c>
      <c r="P3206" t="s">
        <v>86</v>
      </c>
      <c r="Q3206">
        <v>3</v>
      </c>
      <c r="R3206">
        <v>3</v>
      </c>
      <c r="S3206">
        <v>3</v>
      </c>
      <c r="T3206">
        <v>3</v>
      </c>
      <c r="U3206">
        <v>3</v>
      </c>
      <c r="V3206">
        <v>3</v>
      </c>
      <c r="W3206">
        <v>3</v>
      </c>
      <c r="X3206">
        <v>3</v>
      </c>
      <c r="Y3206">
        <v>3</v>
      </c>
      <c r="Z3206">
        <v>3</v>
      </c>
      <c r="AA3206">
        <v>3</v>
      </c>
      <c r="AB3206">
        <v>3</v>
      </c>
      <c r="AC3206">
        <v>3</v>
      </c>
      <c r="AD3206">
        <v>3</v>
      </c>
      <c r="AE3206">
        <v>3</v>
      </c>
      <c r="AF3206">
        <v>3</v>
      </c>
      <c r="AG3206">
        <v>3</v>
      </c>
      <c r="AH3206">
        <v>3</v>
      </c>
      <c r="AI3206">
        <v>3</v>
      </c>
      <c r="AJ3206">
        <v>3</v>
      </c>
      <c r="AK3206">
        <v>3</v>
      </c>
      <c r="AL3206">
        <v>3</v>
      </c>
      <c r="AM3206">
        <v>3</v>
      </c>
      <c r="AN3206">
        <v>3</v>
      </c>
      <c r="AO3206">
        <v>3</v>
      </c>
      <c r="AP3206">
        <v>3</v>
      </c>
      <c r="AQ3206">
        <v>3</v>
      </c>
    </row>
    <row r="3207" spans="1:43">
      <c r="A3207" t="s">
        <v>2032</v>
      </c>
      <c r="B3207" t="s">
        <v>2033</v>
      </c>
      <c r="C3207" t="s">
        <v>2024</v>
      </c>
      <c r="D3207" t="s">
        <v>2025</v>
      </c>
      <c r="E3207" t="s">
        <v>1586</v>
      </c>
      <c r="F3207" t="s">
        <v>1587</v>
      </c>
      <c r="G3207" t="s">
        <v>80</v>
      </c>
      <c r="H3207" t="s">
        <v>81</v>
      </c>
      <c r="I3207" s="2">
        <v>0</v>
      </c>
      <c r="J3207" s="2">
        <v>0</v>
      </c>
      <c r="K3207" s="2">
        <v>1</v>
      </c>
      <c r="L3207" t="s">
        <v>995</v>
      </c>
      <c r="M3207" t="s">
        <v>87</v>
      </c>
      <c r="N3207" t="s">
        <v>88</v>
      </c>
      <c r="O3207" t="s">
        <v>85</v>
      </c>
      <c r="P3207" t="s">
        <v>86</v>
      </c>
      <c r="Q3207">
        <v>3</v>
      </c>
      <c r="R3207">
        <v>3</v>
      </c>
      <c r="S3207">
        <v>3</v>
      </c>
      <c r="T3207">
        <v>3</v>
      </c>
      <c r="U3207">
        <v>3</v>
      </c>
      <c r="V3207">
        <v>3</v>
      </c>
      <c r="W3207">
        <v>3</v>
      </c>
      <c r="X3207">
        <v>3</v>
      </c>
      <c r="Y3207">
        <v>3</v>
      </c>
      <c r="Z3207">
        <v>3</v>
      </c>
      <c r="AA3207">
        <v>3</v>
      </c>
      <c r="AB3207">
        <v>3</v>
      </c>
      <c r="AC3207">
        <v>3</v>
      </c>
      <c r="AD3207">
        <v>3</v>
      </c>
      <c r="AE3207">
        <v>3</v>
      </c>
      <c r="AF3207">
        <v>3</v>
      </c>
      <c r="AG3207">
        <v>3</v>
      </c>
      <c r="AH3207">
        <v>3</v>
      </c>
      <c r="AI3207">
        <v>3</v>
      </c>
      <c r="AJ3207">
        <v>3</v>
      </c>
      <c r="AK3207">
        <v>3</v>
      </c>
      <c r="AL3207">
        <v>3</v>
      </c>
      <c r="AM3207">
        <v>3</v>
      </c>
      <c r="AN3207">
        <v>3</v>
      </c>
      <c r="AO3207">
        <v>3</v>
      </c>
      <c r="AP3207">
        <v>3</v>
      </c>
      <c r="AQ3207">
        <v>3</v>
      </c>
    </row>
    <row r="3208" spans="1:43">
      <c r="A3208" t="s">
        <v>2032</v>
      </c>
      <c r="B3208" t="s">
        <v>2033</v>
      </c>
      <c r="C3208" t="s">
        <v>2024</v>
      </c>
      <c r="D3208" t="s">
        <v>2025</v>
      </c>
      <c r="E3208" t="s">
        <v>1586</v>
      </c>
      <c r="F3208" t="s">
        <v>1587</v>
      </c>
      <c r="G3208" t="s">
        <v>80</v>
      </c>
      <c r="H3208" t="s">
        <v>81</v>
      </c>
      <c r="I3208" s="2">
        <v>0</v>
      </c>
      <c r="J3208" s="2">
        <v>0</v>
      </c>
      <c r="K3208" s="2">
        <v>1</v>
      </c>
      <c r="L3208" t="s">
        <v>995</v>
      </c>
      <c r="M3208" t="s">
        <v>89</v>
      </c>
      <c r="N3208" t="s">
        <v>90</v>
      </c>
      <c r="O3208" t="s">
        <v>85</v>
      </c>
      <c r="P3208" t="s">
        <v>86</v>
      </c>
      <c r="Q3208">
        <v>3</v>
      </c>
      <c r="R3208">
        <v>3</v>
      </c>
      <c r="S3208">
        <v>3</v>
      </c>
      <c r="T3208">
        <v>3</v>
      </c>
      <c r="U3208">
        <v>3</v>
      </c>
      <c r="V3208">
        <v>3</v>
      </c>
      <c r="W3208">
        <v>3</v>
      </c>
      <c r="X3208">
        <v>3</v>
      </c>
      <c r="Y3208">
        <v>3</v>
      </c>
      <c r="Z3208">
        <v>3</v>
      </c>
      <c r="AA3208">
        <v>3</v>
      </c>
      <c r="AB3208">
        <v>3</v>
      </c>
      <c r="AC3208">
        <v>3</v>
      </c>
      <c r="AD3208">
        <v>3</v>
      </c>
      <c r="AE3208">
        <v>3</v>
      </c>
      <c r="AF3208">
        <v>3</v>
      </c>
      <c r="AG3208">
        <v>3</v>
      </c>
      <c r="AH3208">
        <v>3</v>
      </c>
      <c r="AI3208">
        <v>3</v>
      </c>
      <c r="AJ3208">
        <v>3</v>
      </c>
      <c r="AK3208">
        <v>3</v>
      </c>
      <c r="AL3208">
        <v>3</v>
      </c>
      <c r="AM3208">
        <v>3</v>
      </c>
      <c r="AN3208">
        <v>3</v>
      </c>
      <c r="AO3208">
        <v>3</v>
      </c>
      <c r="AP3208">
        <v>3</v>
      </c>
      <c r="AQ3208">
        <v>3</v>
      </c>
    </row>
    <row r="3209" spans="1:43">
      <c r="A3209" t="s">
        <v>2032</v>
      </c>
      <c r="B3209" t="s">
        <v>2033</v>
      </c>
      <c r="C3209" t="s">
        <v>2024</v>
      </c>
      <c r="D3209" t="s">
        <v>2025</v>
      </c>
      <c r="E3209" t="s">
        <v>1586</v>
      </c>
      <c r="F3209" t="s">
        <v>1587</v>
      </c>
      <c r="G3209" t="s">
        <v>80</v>
      </c>
      <c r="H3209" t="s">
        <v>81</v>
      </c>
      <c r="I3209" s="2">
        <v>0</v>
      </c>
      <c r="J3209" s="2">
        <v>0</v>
      </c>
      <c r="K3209" s="2">
        <v>1</v>
      </c>
      <c r="L3209" t="s">
        <v>995</v>
      </c>
      <c r="M3209" t="s">
        <v>83</v>
      </c>
      <c r="N3209" t="s">
        <v>91</v>
      </c>
      <c r="O3209" t="s">
        <v>85</v>
      </c>
      <c r="P3209" t="s">
        <v>86</v>
      </c>
      <c r="Q3209">
        <v>3</v>
      </c>
      <c r="R3209">
        <v>3</v>
      </c>
      <c r="S3209">
        <v>3</v>
      </c>
      <c r="T3209">
        <v>3</v>
      </c>
      <c r="U3209">
        <v>3</v>
      </c>
      <c r="V3209">
        <v>3</v>
      </c>
      <c r="W3209">
        <v>3</v>
      </c>
      <c r="X3209">
        <v>3</v>
      </c>
      <c r="Y3209">
        <v>3</v>
      </c>
      <c r="Z3209">
        <v>3</v>
      </c>
      <c r="AA3209">
        <v>3</v>
      </c>
      <c r="AB3209">
        <v>3</v>
      </c>
      <c r="AC3209">
        <v>3</v>
      </c>
      <c r="AD3209">
        <v>3</v>
      </c>
      <c r="AE3209">
        <v>3</v>
      </c>
      <c r="AF3209">
        <v>3</v>
      </c>
      <c r="AG3209">
        <v>3</v>
      </c>
      <c r="AH3209">
        <v>3</v>
      </c>
      <c r="AI3209">
        <v>3</v>
      </c>
      <c r="AJ3209">
        <v>3</v>
      </c>
      <c r="AK3209">
        <v>3</v>
      </c>
      <c r="AL3209">
        <v>3</v>
      </c>
      <c r="AM3209">
        <v>3</v>
      </c>
      <c r="AN3209">
        <v>3</v>
      </c>
      <c r="AO3209">
        <v>3</v>
      </c>
      <c r="AP3209">
        <v>3</v>
      </c>
      <c r="AQ3209">
        <v>3</v>
      </c>
    </row>
    <row r="3210" spans="1:43">
      <c r="A3210" t="s">
        <v>2034</v>
      </c>
      <c r="B3210" t="s">
        <v>2035</v>
      </c>
      <c r="C3210" t="s">
        <v>2024</v>
      </c>
      <c r="D3210" t="s">
        <v>2025</v>
      </c>
      <c r="E3210" t="s">
        <v>1586</v>
      </c>
      <c r="F3210" t="s">
        <v>1587</v>
      </c>
      <c r="G3210" t="s">
        <v>80</v>
      </c>
      <c r="H3210" t="s">
        <v>81</v>
      </c>
      <c r="I3210" s="2">
        <v>0</v>
      </c>
      <c r="J3210" s="2">
        <v>0</v>
      </c>
      <c r="K3210" s="2">
        <v>1</v>
      </c>
      <c r="L3210" t="s">
        <v>995</v>
      </c>
      <c r="M3210" t="s">
        <v>83</v>
      </c>
      <c r="N3210" t="s">
        <v>84</v>
      </c>
      <c r="O3210" t="s">
        <v>85</v>
      </c>
      <c r="P3210" t="s">
        <v>86</v>
      </c>
      <c r="Q3210">
        <v>36</v>
      </c>
      <c r="R3210">
        <v>36</v>
      </c>
      <c r="S3210">
        <v>36</v>
      </c>
      <c r="T3210">
        <v>37</v>
      </c>
      <c r="U3210">
        <v>37</v>
      </c>
      <c r="V3210">
        <v>37</v>
      </c>
      <c r="W3210">
        <v>37</v>
      </c>
      <c r="X3210">
        <v>37</v>
      </c>
      <c r="Y3210">
        <v>37</v>
      </c>
      <c r="Z3210">
        <v>38</v>
      </c>
      <c r="AA3210">
        <v>38</v>
      </c>
      <c r="AB3210">
        <v>38</v>
      </c>
      <c r="AC3210">
        <v>38</v>
      </c>
      <c r="AD3210">
        <v>38</v>
      </c>
      <c r="AE3210">
        <v>38</v>
      </c>
      <c r="AF3210">
        <v>38</v>
      </c>
      <c r="AG3210">
        <v>38</v>
      </c>
      <c r="AH3210">
        <v>38</v>
      </c>
      <c r="AI3210">
        <v>38</v>
      </c>
      <c r="AJ3210">
        <v>38</v>
      </c>
      <c r="AK3210">
        <v>38</v>
      </c>
      <c r="AL3210">
        <v>38</v>
      </c>
      <c r="AM3210">
        <v>38</v>
      </c>
      <c r="AN3210">
        <v>38</v>
      </c>
      <c r="AO3210">
        <v>37</v>
      </c>
      <c r="AP3210">
        <v>37</v>
      </c>
      <c r="AQ3210">
        <v>37</v>
      </c>
    </row>
    <row r="3211" spans="1:43">
      <c r="A3211" t="s">
        <v>2034</v>
      </c>
      <c r="B3211" t="s">
        <v>2035</v>
      </c>
      <c r="C3211" t="s">
        <v>2024</v>
      </c>
      <c r="D3211" t="s">
        <v>2025</v>
      </c>
      <c r="E3211" t="s">
        <v>1586</v>
      </c>
      <c r="F3211" t="s">
        <v>1587</v>
      </c>
      <c r="G3211" t="s">
        <v>80</v>
      </c>
      <c r="H3211" t="s">
        <v>81</v>
      </c>
      <c r="I3211" s="2">
        <v>0</v>
      </c>
      <c r="J3211" s="2">
        <v>0</v>
      </c>
      <c r="K3211" s="2">
        <v>1</v>
      </c>
      <c r="L3211" t="s">
        <v>995</v>
      </c>
      <c r="M3211" t="s">
        <v>87</v>
      </c>
      <c r="N3211" t="s">
        <v>88</v>
      </c>
      <c r="O3211" t="s">
        <v>85</v>
      </c>
      <c r="P3211" t="s">
        <v>86</v>
      </c>
      <c r="Q3211">
        <v>36</v>
      </c>
      <c r="R3211">
        <v>36</v>
      </c>
      <c r="S3211">
        <v>35</v>
      </c>
      <c r="T3211">
        <v>35</v>
      </c>
      <c r="U3211">
        <v>35</v>
      </c>
      <c r="V3211">
        <v>35</v>
      </c>
      <c r="W3211">
        <v>35</v>
      </c>
      <c r="X3211">
        <v>35</v>
      </c>
      <c r="Y3211">
        <v>35</v>
      </c>
      <c r="Z3211">
        <v>34</v>
      </c>
      <c r="AA3211">
        <v>34</v>
      </c>
      <c r="AB3211">
        <v>34</v>
      </c>
      <c r="AC3211">
        <v>34</v>
      </c>
      <c r="AD3211">
        <v>34</v>
      </c>
      <c r="AE3211">
        <v>34</v>
      </c>
      <c r="AF3211">
        <v>34</v>
      </c>
      <c r="AG3211">
        <v>33</v>
      </c>
      <c r="AH3211">
        <v>33</v>
      </c>
      <c r="AI3211">
        <v>33</v>
      </c>
      <c r="AJ3211">
        <v>33</v>
      </c>
      <c r="AK3211">
        <v>33</v>
      </c>
      <c r="AL3211">
        <v>33</v>
      </c>
      <c r="AM3211">
        <v>33</v>
      </c>
      <c r="AN3211">
        <v>32</v>
      </c>
      <c r="AO3211">
        <v>32</v>
      </c>
      <c r="AP3211">
        <v>32</v>
      </c>
      <c r="AQ3211">
        <v>32</v>
      </c>
    </row>
    <row r="3212" spans="1:43">
      <c r="A3212" t="s">
        <v>2034</v>
      </c>
      <c r="B3212" t="s">
        <v>2035</v>
      </c>
      <c r="C3212" t="s">
        <v>2024</v>
      </c>
      <c r="D3212" t="s">
        <v>2025</v>
      </c>
      <c r="E3212" t="s">
        <v>1586</v>
      </c>
      <c r="F3212" t="s">
        <v>1587</v>
      </c>
      <c r="G3212" t="s">
        <v>80</v>
      </c>
      <c r="H3212" t="s">
        <v>81</v>
      </c>
      <c r="I3212" s="2">
        <v>0</v>
      </c>
      <c r="J3212" s="2">
        <v>0</v>
      </c>
      <c r="K3212" s="2">
        <v>1</v>
      </c>
      <c r="L3212" t="s">
        <v>995</v>
      </c>
      <c r="M3212" t="s">
        <v>89</v>
      </c>
      <c r="N3212" t="s">
        <v>90</v>
      </c>
      <c r="O3212" t="s">
        <v>85</v>
      </c>
      <c r="P3212" t="s">
        <v>86</v>
      </c>
      <c r="Q3212">
        <v>36</v>
      </c>
      <c r="R3212">
        <v>37</v>
      </c>
      <c r="S3212">
        <v>37</v>
      </c>
      <c r="T3212">
        <v>38</v>
      </c>
      <c r="U3212">
        <v>38</v>
      </c>
      <c r="V3212">
        <v>39</v>
      </c>
      <c r="W3212">
        <v>39</v>
      </c>
      <c r="X3212">
        <v>39</v>
      </c>
      <c r="Y3212">
        <v>40</v>
      </c>
      <c r="Z3212">
        <v>40</v>
      </c>
      <c r="AA3212">
        <v>40</v>
      </c>
      <c r="AB3212">
        <v>40</v>
      </c>
      <c r="AC3212">
        <v>40</v>
      </c>
      <c r="AD3212">
        <v>41</v>
      </c>
      <c r="AE3212">
        <v>41</v>
      </c>
      <c r="AF3212">
        <v>40</v>
      </c>
      <c r="AG3212">
        <v>40</v>
      </c>
      <c r="AH3212">
        <v>40</v>
      </c>
      <c r="AI3212">
        <v>40</v>
      </c>
      <c r="AJ3212">
        <v>39</v>
      </c>
      <c r="AK3212">
        <v>39</v>
      </c>
      <c r="AL3212">
        <v>39</v>
      </c>
      <c r="AM3212">
        <v>38</v>
      </c>
      <c r="AN3212">
        <v>38</v>
      </c>
      <c r="AO3212">
        <v>38</v>
      </c>
      <c r="AP3212">
        <v>38</v>
      </c>
      <c r="AQ3212">
        <v>37</v>
      </c>
    </row>
    <row r="3213" spans="1:43">
      <c r="A3213" t="s">
        <v>2034</v>
      </c>
      <c r="B3213" t="s">
        <v>2035</v>
      </c>
      <c r="C3213" t="s">
        <v>2024</v>
      </c>
      <c r="D3213" t="s">
        <v>2025</v>
      </c>
      <c r="E3213" t="s">
        <v>1586</v>
      </c>
      <c r="F3213" t="s">
        <v>1587</v>
      </c>
      <c r="G3213" t="s">
        <v>80</v>
      </c>
      <c r="H3213" t="s">
        <v>81</v>
      </c>
      <c r="I3213" s="2">
        <v>0</v>
      </c>
      <c r="J3213" s="2">
        <v>0</v>
      </c>
      <c r="K3213" s="2">
        <v>1</v>
      </c>
      <c r="L3213" t="s">
        <v>995</v>
      </c>
      <c r="M3213" t="s">
        <v>83</v>
      </c>
      <c r="N3213" t="s">
        <v>91</v>
      </c>
      <c r="O3213" t="s">
        <v>85</v>
      </c>
      <c r="P3213" t="s">
        <v>86</v>
      </c>
      <c r="Q3213">
        <v>36</v>
      </c>
      <c r="R3213">
        <v>36</v>
      </c>
      <c r="S3213">
        <v>36</v>
      </c>
      <c r="T3213">
        <v>37</v>
      </c>
      <c r="U3213">
        <v>37</v>
      </c>
      <c r="V3213">
        <v>37</v>
      </c>
      <c r="W3213">
        <v>37</v>
      </c>
      <c r="X3213">
        <v>37</v>
      </c>
      <c r="Y3213">
        <v>37</v>
      </c>
      <c r="Z3213">
        <v>38</v>
      </c>
      <c r="AA3213">
        <v>38</v>
      </c>
      <c r="AB3213">
        <v>38</v>
      </c>
      <c r="AC3213">
        <v>38</v>
      </c>
      <c r="AD3213">
        <v>38</v>
      </c>
      <c r="AE3213">
        <v>38</v>
      </c>
      <c r="AF3213">
        <v>38</v>
      </c>
      <c r="AG3213">
        <v>38</v>
      </c>
      <c r="AH3213">
        <v>38</v>
      </c>
      <c r="AI3213">
        <v>38</v>
      </c>
      <c r="AJ3213">
        <v>38</v>
      </c>
      <c r="AK3213">
        <v>38</v>
      </c>
      <c r="AL3213">
        <v>38</v>
      </c>
      <c r="AM3213">
        <v>38</v>
      </c>
      <c r="AN3213">
        <v>38</v>
      </c>
      <c r="AO3213">
        <v>37</v>
      </c>
      <c r="AP3213">
        <v>37</v>
      </c>
      <c r="AQ3213">
        <v>37</v>
      </c>
    </row>
    <row r="3214" spans="1:43">
      <c r="A3214" t="s">
        <v>2036</v>
      </c>
      <c r="B3214" t="s">
        <v>2037</v>
      </c>
      <c r="C3214" t="s">
        <v>2024</v>
      </c>
      <c r="D3214" t="s">
        <v>2025</v>
      </c>
      <c r="E3214" t="s">
        <v>1586</v>
      </c>
      <c r="F3214" t="s">
        <v>1587</v>
      </c>
      <c r="G3214" t="s">
        <v>80</v>
      </c>
      <c r="H3214" t="s">
        <v>81</v>
      </c>
      <c r="I3214" s="2">
        <v>0</v>
      </c>
      <c r="J3214" s="2">
        <v>0</v>
      </c>
      <c r="K3214" s="2">
        <v>1</v>
      </c>
      <c r="L3214" t="s">
        <v>995</v>
      </c>
      <c r="M3214" t="s">
        <v>83</v>
      </c>
      <c r="N3214" t="s">
        <v>84</v>
      </c>
      <c r="O3214" t="s">
        <v>85</v>
      </c>
      <c r="P3214" t="s">
        <v>86</v>
      </c>
      <c r="Q3214">
        <v>20</v>
      </c>
      <c r="R3214">
        <v>20</v>
      </c>
      <c r="S3214">
        <v>20</v>
      </c>
      <c r="T3214">
        <v>20</v>
      </c>
      <c r="U3214">
        <v>20</v>
      </c>
      <c r="V3214">
        <v>20</v>
      </c>
      <c r="W3214">
        <v>20</v>
      </c>
      <c r="X3214">
        <v>20</v>
      </c>
      <c r="Y3214">
        <v>21</v>
      </c>
      <c r="Z3214">
        <v>21</v>
      </c>
      <c r="AA3214">
        <v>21</v>
      </c>
      <c r="AB3214">
        <v>21</v>
      </c>
      <c r="AC3214">
        <v>21</v>
      </c>
      <c r="AD3214">
        <v>21</v>
      </c>
      <c r="AE3214">
        <v>21</v>
      </c>
      <c r="AF3214">
        <v>21</v>
      </c>
      <c r="AG3214">
        <v>21</v>
      </c>
      <c r="AH3214">
        <v>21</v>
      </c>
      <c r="AI3214">
        <v>21</v>
      </c>
      <c r="AJ3214">
        <v>21</v>
      </c>
      <c r="AK3214">
        <v>21</v>
      </c>
      <c r="AL3214">
        <v>21</v>
      </c>
      <c r="AM3214">
        <v>21</v>
      </c>
      <c r="AN3214">
        <v>21</v>
      </c>
      <c r="AO3214">
        <v>20</v>
      </c>
      <c r="AP3214">
        <v>20</v>
      </c>
      <c r="AQ3214">
        <v>20</v>
      </c>
    </row>
    <row r="3215" spans="1:43">
      <c r="A3215" t="s">
        <v>2036</v>
      </c>
      <c r="B3215" t="s">
        <v>2037</v>
      </c>
      <c r="C3215" t="s">
        <v>2024</v>
      </c>
      <c r="D3215" t="s">
        <v>2025</v>
      </c>
      <c r="E3215" t="s">
        <v>1586</v>
      </c>
      <c r="F3215" t="s">
        <v>1587</v>
      </c>
      <c r="G3215" t="s">
        <v>80</v>
      </c>
      <c r="H3215" t="s">
        <v>81</v>
      </c>
      <c r="I3215" s="2">
        <v>0</v>
      </c>
      <c r="J3215" s="2">
        <v>0</v>
      </c>
      <c r="K3215" s="2">
        <v>1</v>
      </c>
      <c r="L3215" t="s">
        <v>995</v>
      </c>
      <c r="M3215" t="s">
        <v>87</v>
      </c>
      <c r="N3215" t="s">
        <v>88</v>
      </c>
      <c r="O3215" t="s">
        <v>85</v>
      </c>
      <c r="P3215" t="s">
        <v>86</v>
      </c>
      <c r="Q3215">
        <v>20</v>
      </c>
      <c r="R3215">
        <v>20</v>
      </c>
      <c r="S3215">
        <v>20</v>
      </c>
      <c r="T3215">
        <v>19</v>
      </c>
      <c r="U3215">
        <v>19</v>
      </c>
      <c r="V3215">
        <v>19</v>
      </c>
      <c r="W3215">
        <v>19</v>
      </c>
      <c r="X3215">
        <v>19</v>
      </c>
      <c r="Y3215">
        <v>19</v>
      </c>
      <c r="Z3215">
        <v>19</v>
      </c>
      <c r="AA3215">
        <v>19</v>
      </c>
      <c r="AB3215">
        <v>19</v>
      </c>
      <c r="AC3215">
        <v>19</v>
      </c>
      <c r="AD3215">
        <v>19</v>
      </c>
      <c r="AE3215">
        <v>18</v>
      </c>
      <c r="AF3215">
        <v>18</v>
      </c>
      <c r="AG3215">
        <v>18</v>
      </c>
      <c r="AH3215">
        <v>18</v>
      </c>
      <c r="AI3215">
        <v>18</v>
      </c>
      <c r="AJ3215">
        <v>18</v>
      </c>
      <c r="AK3215">
        <v>18</v>
      </c>
      <c r="AL3215">
        <v>18</v>
      </c>
      <c r="AM3215">
        <v>18</v>
      </c>
      <c r="AN3215">
        <v>18</v>
      </c>
      <c r="AO3215">
        <v>18</v>
      </c>
      <c r="AP3215">
        <v>18</v>
      </c>
      <c r="AQ3215">
        <v>18</v>
      </c>
    </row>
    <row r="3216" spans="1:43">
      <c r="A3216" t="s">
        <v>2036</v>
      </c>
      <c r="B3216" t="s">
        <v>2037</v>
      </c>
      <c r="C3216" t="s">
        <v>2024</v>
      </c>
      <c r="D3216" t="s">
        <v>2025</v>
      </c>
      <c r="E3216" t="s">
        <v>1586</v>
      </c>
      <c r="F3216" t="s">
        <v>1587</v>
      </c>
      <c r="G3216" t="s">
        <v>80</v>
      </c>
      <c r="H3216" t="s">
        <v>81</v>
      </c>
      <c r="I3216" s="2">
        <v>0</v>
      </c>
      <c r="J3216" s="2">
        <v>0</v>
      </c>
      <c r="K3216" s="2">
        <v>1</v>
      </c>
      <c r="L3216" t="s">
        <v>995</v>
      </c>
      <c r="M3216" t="s">
        <v>89</v>
      </c>
      <c r="N3216" t="s">
        <v>90</v>
      </c>
      <c r="O3216" t="s">
        <v>85</v>
      </c>
      <c r="P3216" t="s">
        <v>86</v>
      </c>
      <c r="Q3216">
        <v>20</v>
      </c>
      <c r="R3216">
        <v>20</v>
      </c>
      <c r="S3216">
        <v>21</v>
      </c>
      <c r="T3216">
        <v>21</v>
      </c>
      <c r="U3216">
        <v>21</v>
      </c>
      <c r="V3216">
        <v>21</v>
      </c>
      <c r="W3216">
        <v>21</v>
      </c>
      <c r="X3216">
        <v>22</v>
      </c>
      <c r="Y3216">
        <v>22</v>
      </c>
      <c r="Z3216">
        <v>22</v>
      </c>
      <c r="AA3216">
        <v>22</v>
      </c>
      <c r="AB3216">
        <v>22</v>
      </c>
      <c r="AC3216">
        <v>22</v>
      </c>
      <c r="AD3216">
        <v>22</v>
      </c>
      <c r="AE3216">
        <v>22</v>
      </c>
      <c r="AF3216">
        <v>22</v>
      </c>
      <c r="AG3216">
        <v>22</v>
      </c>
      <c r="AH3216">
        <v>22</v>
      </c>
      <c r="AI3216">
        <v>22</v>
      </c>
      <c r="AJ3216">
        <v>21</v>
      </c>
      <c r="AK3216">
        <v>21</v>
      </c>
      <c r="AL3216">
        <v>21</v>
      </c>
      <c r="AM3216">
        <v>21</v>
      </c>
      <c r="AN3216">
        <v>21</v>
      </c>
      <c r="AO3216">
        <v>21</v>
      </c>
      <c r="AP3216">
        <v>21</v>
      </c>
      <c r="AQ3216">
        <v>20</v>
      </c>
    </row>
    <row r="3217" spans="1:43">
      <c r="A3217" t="s">
        <v>2036</v>
      </c>
      <c r="B3217" t="s">
        <v>2037</v>
      </c>
      <c r="C3217" t="s">
        <v>2024</v>
      </c>
      <c r="D3217" t="s">
        <v>2025</v>
      </c>
      <c r="E3217" t="s">
        <v>1586</v>
      </c>
      <c r="F3217" t="s">
        <v>1587</v>
      </c>
      <c r="G3217" t="s">
        <v>80</v>
      </c>
      <c r="H3217" t="s">
        <v>81</v>
      </c>
      <c r="I3217" s="2">
        <v>0</v>
      </c>
      <c r="J3217" s="2">
        <v>0</v>
      </c>
      <c r="K3217" s="2">
        <v>1</v>
      </c>
      <c r="L3217" t="s">
        <v>995</v>
      </c>
      <c r="M3217" t="s">
        <v>83</v>
      </c>
      <c r="N3217" t="s">
        <v>91</v>
      </c>
      <c r="O3217" t="s">
        <v>85</v>
      </c>
      <c r="P3217" t="s">
        <v>86</v>
      </c>
      <c r="Q3217">
        <v>20</v>
      </c>
      <c r="R3217">
        <v>20</v>
      </c>
      <c r="S3217">
        <v>20</v>
      </c>
      <c r="T3217">
        <v>20</v>
      </c>
      <c r="U3217">
        <v>20</v>
      </c>
      <c r="V3217">
        <v>20</v>
      </c>
      <c r="W3217">
        <v>20</v>
      </c>
      <c r="X3217">
        <v>20</v>
      </c>
      <c r="Y3217">
        <v>21</v>
      </c>
      <c r="Z3217">
        <v>21</v>
      </c>
      <c r="AA3217">
        <v>21</v>
      </c>
      <c r="AB3217">
        <v>21</v>
      </c>
      <c r="AC3217">
        <v>21</v>
      </c>
      <c r="AD3217">
        <v>21</v>
      </c>
      <c r="AE3217">
        <v>21</v>
      </c>
      <c r="AF3217">
        <v>21</v>
      </c>
      <c r="AG3217">
        <v>21</v>
      </c>
      <c r="AH3217">
        <v>21</v>
      </c>
      <c r="AI3217">
        <v>21</v>
      </c>
      <c r="AJ3217">
        <v>21</v>
      </c>
      <c r="AK3217">
        <v>21</v>
      </c>
      <c r="AL3217">
        <v>21</v>
      </c>
      <c r="AM3217">
        <v>21</v>
      </c>
      <c r="AN3217">
        <v>21</v>
      </c>
      <c r="AO3217">
        <v>20</v>
      </c>
      <c r="AP3217">
        <v>20</v>
      </c>
      <c r="AQ3217">
        <v>20</v>
      </c>
    </row>
    <row r="3218" spans="1:43">
      <c r="A3218" t="s">
        <v>2038</v>
      </c>
      <c r="B3218" t="s">
        <v>2039</v>
      </c>
      <c r="C3218" t="s">
        <v>2024</v>
      </c>
      <c r="D3218" t="s">
        <v>2025</v>
      </c>
      <c r="E3218" t="s">
        <v>1586</v>
      </c>
      <c r="F3218" t="s">
        <v>1587</v>
      </c>
      <c r="G3218" t="s">
        <v>80</v>
      </c>
      <c r="H3218" t="s">
        <v>81</v>
      </c>
      <c r="I3218" s="2">
        <v>0</v>
      </c>
      <c r="J3218" s="2">
        <v>0</v>
      </c>
      <c r="K3218" s="2">
        <v>1</v>
      </c>
      <c r="L3218" t="s">
        <v>995</v>
      </c>
      <c r="M3218" t="s">
        <v>83</v>
      </c>
      <c r="N3218" t="s">
        <v>84</v>
      </c>
      <c r="O3218" t="s">
        <v>85</v>
      </c>
      <c r="P3218" t="s">
        <v>86</v>
      </c>
      <c r="Q3218">
        <v>6</v>
      </c>
      <c r="R3218">
        <v>6</v>
      </c>
      <c r="S3218">
        <v>6</v>
      </c>
      <c r="T3218">
        <v>6</v>
      </c>
      <c r="U3218">
        <v>6</v>
      </c>
      <c r="V3218">
        <v>6</v>
      </c>
      <c r="W3218">
        <v>6</v>
      </c>
      <c r="X3218">
        <v>6</v>
      </c>
      <c r="Y3218">
        <v>6</v>
      </c>
      <c r="Z3218">
        <v>6</v>
      </c>
      <c r="AA3218">
        <v>6</v>
      </c>
      <c r="AB3218">
        <v>6</v>
      </c>
      <c r="AC3218">
        <v>6</v>
      </c>
      <c r="AD3218">
        <v>6</v>
      </c>
      <c r="AE3218">
        <v>6</v>
      </c>
      <c r="AF3218">
        <v>6</v>
      </c>
      <c r="AG3218">
        <v>6</v>
      </c>
      <c r="AH3218">
        <v>6</v>
      </c>
      <c r="AI3218">
        <v>6</v>
      </c>
      <c r="AJ3218">
        <v>6</v>
      </c>
      <c r="AK3218">
        <v>6</v>
      </c>
      <c r="AL3218">
        <v>6</v>
      </c>
      <c r="AM3218">
        <v>6</v>
      </c>
      <c r="AN3218">
        <v>6</v>
      </c>
      <c r="AO3218">
        <v>6</v>
      </c>
      <c r="AP3218">
        <v>6</v>
      </c>
      <c r="AQ3218">
        <v>6</v>
      </c>
    </row>
    <row r="3219" spans="1:43">
      <c r="A3219" t="s">
        <v>2038</v>
      </c>
      <c r="B3219" t="s">
        <v>2039</v>
      </c>
      <c r="C3219" t="s">
        <v>2024</v>
      </c>
      <c r="D3219" t="s">
        <v>2025</v>
      </c>
      <c r="E3219" t="s">
        <v>1586</v>
      </c>
      <c r="F3219" t="s">
        <v>1587</v>
      </c>
      <c r="G3219" t="s">
        <v>80</v>
      </c>
      <c r="H3219" t="s">
        <v>81</v>
      </c>
      <c r="I3219" s="2">
        <v>0</v>
      </c>
      <c r="J3219" s="2">
        <v>0</v>
      </c>
      <c r="K3219" s="2">
        <v>1</v>
      </c>
      <c r="L3219" t="s">
        <v>995</v>
      </c>
      <c r="M3219" t="s">
        <v>87</v>
      </c>
      <c r="N3219" t="s">
        <v>88</v>
      </c>
      <c r="O3219" t="s">
        <v>85</v>
      </c>
      <c r="P3219" t="s">
        <v>86</v>
      </c>
      <c r="Q3219">
        <v>6</v>
      </c>
      <c r="R3219">
        <v>6</v>
      </c>
      <c r="S3219">
        <v>6</v>
      </c>
      <c r="T3219">
        <v>6</v>
      </c>
      <c r="U3219">
        <v>6</v>
      </c>
      <c r="V3219">
        <v>6</v>
      </c>
      <c r="W3219">
        <v>6</v>
      </c>
      <c r="X3219">
        <v>6</v>
      </c>
      <c r="Y3219">
        <v>6</v>
      </c>
      <c r="Z3219">
        <v>5</v>
      </c>
      <c r="AA3219">
        <v>5</v>
      </c>
      <c r="AB3219">
        <v>5</v>
      </c>
      <c r="AC3219">
        <v>5</v>
      </c>
      <c r="AD3219">
        <v>5</v>
      </c>
      <c r="AE3219">
        <v>5</v>
      </c>
      <c r="AF3219">
        <v>5</v>
      </c>
      <c r="AG3219">
        <v>5</v>
      </c>
      <c r="AH3219">
        <v>5</v>
      </c>
      <c r="AI3219">
        <v>5</v>
      </c>
      <c r="AJ3219">
        <v>5</v>
      </c>
      <c r="AK3219">
        <v>5</v>
      </c>
      <c r="AL3219">
        <v>5</v>
      </c>
      <c r="AM3219">
        <v>5</v>
      </c>
      <c r="AN3219">
        <v>5</v>
      </c>
      <c r="AO3219">
        <v>5</v>
      </c>
      <c r="AP3219">
        <v>5</v>
      </c>
      <c r="AQ3219">
        <v>5</v>
      </c>
    </row>
    <row r="3220" spans="1:43">
      <c r="A3220" t="s">
        <v>2038</v>
      </c>
      <c r="B3220" t="s">
        <v>2039</v>
      </c>
      <c r="C3220" t="s">
        <v>2024</v>
      </c>
      <c r="D3220" t="s">
        <v>2025</v>
      </c>
      <c r="E3220" t="s">
        <v>1586</v>
      </c>
      <c r="F3220" t="s">
        <v>1587</v>
      </c>
      <c r="G3220" t="s">
        <v>80</v>
      </c>
      <c r="H3220" t="s">
        <v>81</v>
      </c>
      <c r="I3220" s="2">
        <v>0</v>
      </c>
      <c r="J3220" s="2">
        <v>0</v>
      </c>
      <c r="K3220" s="2">
        <v>1</v>
      </c>
      <c r="L3220" t="s">
        <v>995</v>
      </c>
      <c r="M3220" t="s">
        <v>89</v>
      </c>
      <c r="N3220" t="s">
        <v>90</v>
      </c>
      <c r="O3220" t="s">
        <v>85</v>
      </c>
      <c r="P3220" t="s">
        <v>86</v>
      </c>
      <c r="Q3220">
        <v>6</v>
      </c>
      <c r="R3220">
        <v>6</v>
      </c>
      <c r="S3220">
        <v>6</v>
      </c>
      <c r="T3220">
        <v>6</v>
      </c>
      <c r="U3220">
        <v>6</v>
      </c>
      <c r="V3220">
        <v>6</v>
      </c>
      <c r="W3220">
        <v>6</v>
      </c>
      <c r="X3220">
        <v>6</v>
      </c>
      <c r="Y3220">
        <v>6</v>
      </c>
      <c r="Z3220">
        <v>6</v>
      </c>
      <c r="AA3220">
        <v>6</v>
      </c>
      <c r="AB3220">
        <v>6</v>
      </c>
      <c r="AC3220">
        <v>6</v>
      </c>
      <c r="AD3220">
        <v>6</v>
      </c>
      <c r="AE3220">
        <v>6</v>
      </c>
      <c r="AF3220">
        <v>6</v>
      </c>
      <c r="AG3220">
        <v>6</v>
      </c>
      <c r="AH3220">
        <v>6</v>
      </c>
      <c r="AI3220">
        <v>6</v>
      </c>
      <c r="AJ3220">
        <v>6</v>
      </c>
      <c r="AK3220">
        <v>6</v>
      </c>
      <c r="AL3220">
        <v>6</v>
      </c>
      <c r="AM3220">
        <v>6</v>
      </c>
      <c r="AN3220">
        <v>6</v>
      </c>
      <c r="AO3220">
        <v>6</v>
      </c>
      <c r="AP3220">
        <v>6</v>
      </c>
      <c r="AQ3220">
        <v>6</v>
      </c>
    </row>
    <row r="3221" spans="1:43">
      <c r="A3221" t="s">
        <v>2038</v>
      </c>
      <c r="B3221" t="s">
        <v>2039</v>
      </c>
      <c r="C3221" t="s">
        <v>2024</v>
      </c>
      <c r="D3221" t="s">
        <v>2025</v>
      </c>
      <c r="E3221" t="s">
        <v>1586</v>
      </c>
      <c r="F3221" t="s">
        <v>1587</v>
      </c>
      <c r="G3221" t="s">
        <v>80</v>
      </c>
      <c r="H3221" t="s">
        <v>81</v>
      </c>
      <c r="I3221" s="2">
        <v>0</v>
      </c>
      <c r="J3221" s="2">
        <v>0</v>
      </c>
      <c r="K3221" s="2">
        <v>1</v>
      </c>
      <c r="L3221" t="s">
        <v>995</v>
      </c>
      <c r="M3221" t="s">
        <v>83</v>
      </c>
      <c r="N3221" t="s">
        <v>91</v>
      </c>
      <c r="O3221" t="s">
        <v>85</v>
      </c>
      <c r="P3221" t="s">
        <v>86</v>
      </c>
      <c r="Q3221">
        <v>6</v>
      </c>
      <c r="R3221">
        <v>6</v>
      </c>
      <c r="S3221">
        <v>6</v>
      </c>
      <c r="T3221">
        <v>6</v>
      </c>
      <c r="U3221">
        <v>6</v>
      </c>
      <c r="V3221">
        <v>6</v>
      </c>
      <c r="W3221">
        <v>6</v>
      </c>
      <c r="X3221">
        <v>6</v>
      </c>
      <c r="Y3221">
        <v>6</v>
      </c>
      <c r="Z3221">
        <v>6</v>
      </c>
      <c r="AA3221">
        <v>6</v>
      </c>
      <c r="AB3221">
        <v>6</v>
      </c>
      <c r="AC3221">
        <v>6</v>
      </c>
      <c r="AD3221">
        <v>6</v>
      </c>
      <c r="AE3221">
        <v>6</v>
      </c>
      <c r="AF3221">
        <v>6</v>
      </c>
      <c r="AG3221">
        <v>6</v>
      </c>
      <c r="AH3221">
        <v>6</v>
      </c>
      <c r="AI3221">
        <v>6</v>
      </c>
      <c r="AJ3221">
        <v>6</v>
      </c>
      <c r="AK3221">
        <v>6</v>
      </c>
      <c r="AL3221">
        <v>6</v>
      </c>
      <c r="AM3221">
        <v>6</v>
      </c>
      <c r="AN3221">
        <v>6</v>
      </c>
      <c r="AO3221">
        <v>6</v>
      </c>
      <c r="AP3221">
        <v>6</v>
      </c>
      <c r="AQ3221">
        <v>6</v>
      </c>
    </row>
    <row r="3222" spans="1:43">
      <c r="A3222" t="s">
        <v>2040</v>
      </c>
      <c r="B3222" t="s">
        <v>2041</v>
      </c>
      <c r="C3222" t="s">
        <v>2024</v>
      </c>
      <c r="D3222" t="s">
        <v>2025</v>
      </c>
      <c r="E3222" t="s">
        <v>1586</v>
      </c>
      <c r="F3222" t="s">
        <v>1587</v>
      </c>
      <c r="G3222" t="s">
        <v>80</v>
      </c>
      <c r="H3222" t="s">
        <v>81</v>
      </c>
      <c r="I3222" s="2">
        <v>0</v>
      </c>
      <c r="J3222" s="2">
        <v>0</v>
      </c>
      <c r="K3222" s="2">
        <v>1</v>
      </c>
      <c r="L3222" t="s">
        <v>995</v>
      </c>
      <c r="M3222" t="s">
        <v>83</v>
      </c>
      <c r="N3222" t="s">
        <v>84</v>
      </c>
      <c r="O3222" t="s">
        <v>85</v>
      </c>
      <c r="P3222" t="s">
        <v>86</v>
      </c>
      <c r="Q3222">
        <v>18</v>
      </c>
      <c r="R3222">
        <v>18</v>
      </c>
      <c r="S3222">
        <v>18</v>
      </c>
      <c r="T3222">
        <v>18</v>
      </c>
      <c r="U3222">
        <v>18</v>
      </c>
      <c r="V3222">
        <v>19</v>
      </c>
      <c r="W3222">
        <v>19</v>
      </c>
      <c r="X3222">
        <v>19</v>
      </c>
      <c r="Y3222">
        <v>19</v>
      </c>
      <c r="Z3222">
        <v>19</v>
      </c>
      <c r="AA3222">
        <v>19</v>
      </c>
      <c r="AB3222">
        <v>19</v>
      </c>
      <c r="AC3222">
        <v>19</v>
      </c>
      <c r="AD3222">
        <v>19</v>
      </c>
      <c r="AE3222">
        <v>19</v>
      </c>
      <c r="AF3222">
        <v>19</v>
      </c>
      <c r="AG3222">
        <v>19</v>
      </c>
      <c r="AH3222">
        <v>19</v>
      </c>
      <c r="AI3222">
        <v>19</v>
      </c>
      <c r="AJ3222">
        <v>19</v>
      </c>
      <c r="AK3222">
        <v>19</v>
      </c>
      <c r="AL3222">
        <v>19</v>
      </c>
      <c r="AM3222">
        <v>19</v>
      </c>
      <c r="AN3222">
        <v>19</v>
      </c>
      <c r="AO3222">
        <v>18</v>
      </c>
      <c r="AP3222">
        <v>18</v>
      </c>
      <c r="AQ3222">
        <v>18</v>
      </c>
    </row>
    <row r="3223" spans="1:43">
      <c r="A3223" t="s">
        <v>2040</v>
      </c>
      <c r="B3223" t="s">
        <v>2041</v>
      </c>
      <c r="C3223" t="s">
        <v>2024</v>
      </c>
      <c r="D3223" t="s">
        <v>2025</v>
      </c>
      <c r="E3223" t="s">
        <v>1586</v>
      </c>
      <c r="F3223" t="s">
        <v>1587</v>
      </c>
      <c r="G3223" t="s">
        <v>80</v>
      </c>
      <c r="H3223" t="s">
        <v>81</v>
      </c>
      <c r="I3223" s="2">
        <v>0</v>
      </c>
      <c r="J3223" s="2">
        <v>0</v>
      </c>
      <c r="K3223" s="2">
        <v>1</v>
      </c>
      <c r="L3223" t="s">
        <v>995</v>
      </c>
      <c r="M3223" t="s">
        <v>87</v>
      </c>
      <c r="N3223" t="s">
        <v>88</v>
      </c>
      <c r="O3223" t="s">
        <v>85</v>
      </c>
      <c r="P3223" t="s">
        <v>86</v>
      </c>
      <c r="Q3223">
        <v>18</v>
      </c>
      <c r="R3223">
        <v>18</v>
      </c>
      <c r="S3223">
        <v>18</v>
      </c>
      <c r="T3223">
        <v>18</v>
      </c>
      <c r="U3223">
        <v>18</v>
      </c>
      <c r="V3223">
        <v>18</v>
      </c>
      <c r="W3223">
        <v>17</v>
      </c>
      <c r="X3223">
        <v>17</v>
      </c>
      <c r="Y3223">
        <v>17</v>
      </c>
      <c r="Z3223">
        <v>17</v>
      </c>
      <c r="AA3223">
        <v>17</v>
      </c>
      <c r="AB3223">
        <v>17</v>
      </c>
      <c r="AC3223">
        <v>17</v>
      </c>
      <c r="AD3223">
        <v>17</v>
      </c>
      <c r="AE3223">
        <v>17</v>
      </c>
      <c r="AF3223">
        <v>17</v>
      </c>
      <c r="AG3223">
        <v>17</v>
      </c>
      <c r="AH3223">
        <v>17</v>
      </c>
      <c r="AI3223">
        <v>16</v>
      </c>
      <c r="AJ3223">
        <v>16</v>
      </c>
      <c r="AK3223">
        <v>16</v>
      </c>
      <c r="AL3223">
        <v>16</v>
      </c>
      <c r="AM3223">
        <v>16</v>
      </c>
      <c r="AN3223">
        <v>16</v>
      </c>
      <c r="AO3223">
        <v>16</v>
      </c>
      <c r="AP3223">
        <v>16</v>
      </c>
      <c r="AQ3223">
        <v>16</v>
      </c>
    </row>
    <row r="3224" spans="1:43">
      <c r="A3224" t="s">
        <v>2040</v>
      </c>
      <c r="B3224" t="s">
        <v>2041</v>
      </c>
      <c r="C3224" t="s">
        <v>2024</v>
      </c>
      <c r="D3224" t="s">
        <v>2025</v>
      </c>
      <c r="E3224" t="s">
        <v>1586</v>
      </c>
      <c r="F3224" t="s">
        <v>1587</v>
      </c>
      <c r="G3224" t="s">
        <v>80</v>
      </c>
      <c r="H3224" t="s">
        <v>81</v>
      </c>
      <c r="I3224" s="2">
        <v>0</v>
      </c>
      <c r="J3224" s="2">
        <v>0</v>
      </c>
      <c r="K3224" s="2">
        <v>1</v>
      </c>
      <c r="L3224" t="s">
        <v>995</v>
      </c>
      <c r="M3224" t="s">
        <v>89</v>
      </c>
      <c r="N3224" t="s">
        <v>90</v>
      </c>
      <c r="O3224" t="s">
        <v>85</v>
      </c>
      <c r="P3224" t="s">
        <v>86</v>
      </c>
      <c r="Q3224">
        <v>18</v>
      </c>
      <c r="R3224">
        <v>19</v>
      </c>
      <c r="S3224">
        <v>19</v>
      </c>
      <c r="T3224">
        <v>19</v>
      </c>
      <c r="U3224">
        <v>19</v>
      </c>
      <c r="V3224">
        <v>19</v>
      </c>
      <c r="W3224">
        <v>20</v>
      </c>
      <c r="X3224">
        <v>20</v>
      </c>
      <c r="Y3224">
        <v>20</v>
      </c>
      <c r="Z3224">
        <v>20</v>
      </c>
      <c r="AA3224">
        <v>20</v>
      </c>
      <c r="AB3224">
        <v>20</v>
      </c>
      <c r="AC3224">
        <v>20</v>
      </c>
      <c r="AD3224">
        <v>20</v>
      </c>
      <c r="AE3224">
        <v>20</v>
      </c>
      <c r="AF3224">
        <v>20</v>
      </c>
      <c r="AG3224">
        <v>20</v>
      </c>
      <c r="AH3224">
        <v>20</v>
      </c>
      <c r="AI3224">
        <v>20</v>
      </c>
      <c r="AJ3224">
        <v>19</v>
      </c>
      <c r="AK3224">
        <v>19</v>
      </c>
      <c r="AL3224">
        <v>19</v>
      </c>
      <c r="AM3224">
        <v>19</v>
      </c>
      <c r="AN3224">
        <v>19</v>
      </c>
      <c r="AO3224">
        <v>19</v>
      </c>
      <c r="AP3224">
        <v>18</v>
      </c>
      <c r="AQ3224">
        <v>18</v>
      </c>
    </row>
    <row r="3225" spans="1:43">
      <c r="A3225" t="s">
        <v>2040</v>
      </c>
      <c r="B3225" t="s">
        <v>2041</v>
      </c>
      <c r="C3225" t="s">
        <v>2024</v>
      </c>
      <c r="D3225" t="s">
        <v>2025</v>
      </c>
      <c r="E3225" t="s">
        <v>1586</v>
      </c>
      <c r="F3225" t="s">
        <v>1587</v>
      </c>
      <c r="G3225" t="s">
        <v>80</v>
      </c>
      <c r="H3225" t="s">
        <v>81</v>
      </c>
      <c r="I3225" s="2">
        <v>0</v>
      </c>
      <c r="J3225" s="2">
        <v>0</v>
      </c>
      <c r="K3225" s="2">
        <v>1</v>
      </c>
      <c r="L3225" t="s">
        <v>995</v>
      </c>
      <c r="M3225" t="s">
        <v>83</v>
      </c>
      <c r="N3225" t="s">
        <v>91</v>
      </c>
      <c r="O3225" t="s">
        <v>85</v>
      </c>
      <c r="P3225" t="s">
        <v>86</v>
      </c>
      <c r="Q3225">
        <v>18</v>
      </c>
      <c r="R3225">
        <v>18</v>
      </c>
      <c r="S3225">
        <v>18</v>
      </c>
      <c r="T3225">
        <v>18</v>
      </c>
      <c r="U3225">
        <v>18</v>
      </c>
      <c r="V3225">
        <v>19</v>
      </c>
      <c r="W3225">
        <v>19</v>
      </c>
      <c r="X3225">
        <v>19</v>
      </c>
      <c r="Y3225">
        <v>19</v>
      </c>
      <c r="Z3225">
        <v>19</v>
      </c>
      <c r="AA3225">
        <v>19</v>
      </c>
      <c r="AB3225">
        <v>19</v>
      </c>
      <c r="AC3225">
        <v>19</v>
      </c>
      <c r="AD3225">
        <v>19</v>
      </c>
      <c r="AE3225">
        <v>19</v>
      </c>
      <c r="AF3225">
        <v>19</v>
      </c>
      <c r="AG3225">
        <v>19</v>
      </c>
      <c r="AH3225">
        <v>19</v>
      </c>
      <c r="AI3225">
        <v>19</v>
      </c>
      <c r="AJ3225">
        <v>19</v>
      </c>
      <c r="AK3225">
        <v>19</v>
      </c>
      <c r="AL3225">
        <v>19</v>
      </c>
      <c r="AM3225">
        <v>19</v>
      </c>
      <c r="AN3225">
        <v>19</v>
      </c>
      <c r="AO3225">
        <v>18</v>
      </c>
      <c r="AP3225">
        <v>18</v>
      </c>
      <c r="AQ3225">
        <v>18</v>
      </c>
    </row>
    <row r="3226" spans="1:43">
      <c r="A3226" t="s">
        <v>2042</v>
      </c>
      <c r="B3226" t="s">
        <v>2043</v>
      </c>
      <c r="C3226" t="s">
        <v>2024</v>
      </c>
      <c r="D3226" t="s">
        <v>2025</v>
      </c>
      <c r="E3226" t="s">
        <v>1586</v>
      </c>
      <c r="F3226" t="s">
        <v>1587</v>
      </c>
      <c r="G3226" t="s">
        <v>80</v>
      </c>
      <c r="H3226" t="s">
        <v>81</v>
      </c>
      <c r="I3226" s="2">
        <v>0</v>
      </c>
      <c r="J3226" s="2">
        <v>0</v>
      </c>
      <c r="K3226" s="2">
        <v>1</v>
      </c>
      <c r="L3226" t="s">
        <v>995</v>
      </c>
      <c r="M3226" t="s">
        <v>83</v>
      </c>
      <c r="N3226" t="s">
        <v>84</v>
      </c>
      <c r="O3226" t="s">
        <v>85</v>
      </c>
      <c r="P3226" t="s">
        <v>86</v>
      </c>
      <c r="Q3226">
        <v>15</v>
      </c>
      <c r="R3226">
        <v>15</v>
      </c>
      <c r="S3226">
        <v>15</v>
      </c>
      <c r="T3226">
        <v>15</v>
      </c>
      <c r="U3226">
        <v>15</v>
      </c>
      <c r="V3226">
        <v>15</v>
      </c>
      <c r="W3226">
        <v>15</v>
      </c>
      <c r="X3226">
        <v>15</v>
      </c>
      <c r="Y3226">
        <v>15</v>
      </c>
      <c r="Z3226">
        <v>15</v>
      </c>
      <c r="AA3226">
        <v>15</v>
      </c>
      <c r="AB3226">
        <v>15</v>
      </c>
      <c r="AC3226">
        <v>15</v>
      </c>
      <c r="AD3226">
        <v>15</v>
      </c>
      <c r="AE3226">
        <v>15</v>
      </c>
      <c r="AF3226">
        <v>16</v>
      </c>
      <c r="AG3226">
        <v>16</v>
      </c>
      <c r="AH3226">
        <v>16</v>
      </c>
      <c r="AI3226">
        <v>16</v>
      </c>
      <c r="AJ3226">
        <v>16</v>
      </c>
      <c r="AK3226">
        <v>16</v>
      </c>
      <c r="AL3226">
        <v>16</v>
      </c>
      <c r="AM3226">
        <v>15</v>
      </c>
      <c r="AN3226">
        <v>15</v>
      </c>
      <c r="AO3226">
        <v>15</v>
      </c>
      <c r="AP3226">
        <v>15</v>
      </c>
      <c r="AQ3226">
        <v>15</v>
      </c>
    </row>
    <row r="3227" spans="1:43">
      <c r="A3227" t="s">
        <v>2042</v>
      </c>
      <c r="B3227" t="s">
        <v>2043</v>
      </c>
      <c r="C3227" t="s">
        <v>2024</v>
      </c>
      <c r="D3227" t="s">
        <v>2025</v>
      </c>
      <c r="E3227" t="s">
        <v>1586</v>
      </c>
      <c r="F3227" t="s">
        <v>1587</v>
      </c>
      <c r="G3227" t="s">
        <v>80</v>
      </c>
      <c r="H3227" t="s">
        <v>81</v>
      </c>
      <c r="I3227" s="2">
        <v>0</v>
      </c>
      <c r="J3227" s="2">
        <v>0</v>
      </c>
      <c r="K3227" s="2">
        <v>1</v>
      </c>
      <c r="L3227" t="s">
        <v>995</v>
      </c>
      <c r="M3227" t="s">
        <v>87</v>
      </c>
      <c r="N3227" t="s">
        <v>88</v>
      </c>
      <c r="O3227" t="s">
        <v>85</v>
      </c>
      <c r="P3227" t="s">
        <v>86</v>
      </c>
      <c r="Q3227">
        <v>15</v>
      </c>
      <c r="R3227">
        <v>15</v>
      </c>
      <c r="S3227">
        <v>14</v>
      </c>
      <c r="T3227">
        <v>14</v>
      </c>
      <c r="U3227">
        <v>14</v>
      </c>
      <c r="V3227">
        <v>14</v>
      </c>
      <c r="W3227">
        <v>14</v>
      </c>
      <c r="X3227">
        <v>14</v>
      </c>
      <c r="Y3227">
        <v>14</v>
      </c>
      <c r="Z3227">
        <v>14</v>
      </c>
      <c r="AA3227">
        <v>14</v>
      </c>
      <c r="AB3227">
        <v>14</v>
      </c>
      <c r="AC3227">
        <v>14</v>
      </c>
      <c r="AD3227">
        <v>14</v>
      </c>
      <c r="AE3227">
        <v>14</v>
      </c>
      <c r="AF3227">
        <v>14</v>
      </c>
      <c r="AG3227">
        <v>14</v>
      </c>
      <c r="AH3227">
        <v>14</v>
      </c>
      <c r="AI3227">
        <v>14</v>
      </c>
      <c r="AJ3227">
        <v>13</v>
      </c>
      <c r="AK3227">
        <v>13</v>
      </c>
      <c r="AL3227">
        <v>13</v>
      </c>
      <c r="AM3227">
        <v>13</v>
      </c>
      <c r="AN3227">
        <v>13</v>
      </c>
      <c r="AO3227">
        <v>13</v>
      </c>
      <c r="AP3227">
        <v>13</v>
      </c>
      <c r="AQ3227">
        <v>13</v>
      </c>
    </row>
    <row r="3228" spans="1:43">
      <c r="A3228" t="s">
        <v>2042</v>
      </c>
      <c r="B3228" t="s">
        <v>2043</v>
      </c>
      <c r="C3228" t="s">
        <v>2024</v>
      </c>
      <c r="D3228" t="s">
        <v>2025</v>
      </c>
      <c r="E3228" t="s">
        <v>1586</v>
      </c>
      <c r="F3228" t="s">
        <v>1587</v>
      </c>
      <c r="G3228" t="s">
        <v>80</v>
      </c>
      <c r="H3228" t="s">
        <v>81</v>
      </c>
      <c r="I3228" s="2">
        <v>0</v>
      </c>
      <c r="J3228" s="2">
        <v>0</v>
      </c>
      <c r="K3228" s="2">
        <v>1</v>
      </c>
      <c r="L3228" t="s">
        <v>995</v>
      </c>
      <c r="M3228" t="s">
        <v>89</v>
      </c>
      <c r="N3228" t="s">
        <v>90</v>
      </c>
      <c r="O3228" t="s">
        <v>85</v>
      </c>
      <c r="P3228" t="s">
        <v>86</v>
      </c>
      <c r="Q3228">
        <v>15</v>
      </c>
      <c r="R3228">
        <v>15</v>
      </c>
      <c r="S3228">
        <v>15</v>
      </c>
      <c r="T3228">
        <v>15</v>
      </c>
      <c r="U3228">
        <v>16</v>
      </c>
      <c r="V3228">
        <v>16</v>
      </c>
      <c r="W3228">
        <v>16</v>
      </c>
      <c r="X3228">
        <v>16</v>
      </c>
      <c r="Y3228">
        <v>16</v>
      </c>
      <c r="Z3228">
        <v>16</v>
      </c>
      <c r="AA3228">
        <v>16</v>
      </c>
      <c r="AB3228">
        <v>16</v>
      </c>
      <c r="AC3228">
        <v>17</v>
      </c>
      <c r="AD3228">
        <v>17</v>
      </c>
      <c r="AE3228">
        <v>17</v>
      </c>
      <c r="AF3228">
        <v>16</v>
      </c>
      <c r="AG3228">
        <v>16</v>
      </c>
      <c r="AH3228">
        <v>16</v>
      </c>
      <c r="AI3228">
        <v>16</v>
      </c>
      <c r="AJ3228">
        <v>16</v>
      </c>
      <c r="AK3228">
        <v>16</v>
      </c>
      <c r="AL3228">
        <v>16</v>
      </c>
      <c r="AM3228">
        <v>16</v>
      </c>
      <c r="AN3228">
        <v>16</v>
      </c>
      <c r="AO3228">
        <v>15</v>
      </c>
      <c r="AP3228">
        <v>15</v>
      </c>
      <c r="AQ3228">
        <v>15</v>
      </c>
    </row>
    <row r="3229" spans="1:43">
      <c r="A3229" t="s">
        <v>2042</v>
      </c>
      <c r="B3229" t="s">
        <v>2043</v>
      </c>
      <c r="C3229" t="s">
        <v>2024</v>
      </c>
      <c r="D3229" t="s">
        <v>2025</v>
      </c>
      <c r="E3229" t="s">
        <v>1586</v>
      </c>
      <c r="F3229" t="s">
        <v>1587</v>
      </c>
      <c r="G3229" t="s">
        <v>80</v>
      </c>
      <c r="H3229" t="s">
        <v>81</v>
      </c>
      <c r="I3229" s="2">
        <v>0</v>
      </c>
      <c r="J3229" s="2">
        <v>0</v>
      </c>
      <c r="K3229" s="2">
        <v>1</v>
      </c>
      <c r="L3229" t="s">
        <v>995</v>
      </c>
      <c r="M3229" t="s">
        <v>83</v>
      </c>
      <c r="N3229" t="s">
        <v>91</v>
      </c>
      <c r="O3229" t="s">
        <v>85</v>
      </c>
      <c r="P3229" t="s">
        <v>86</v>
      </c>
      <c r="Q3229">
        <v>15</v>
      </c>
      <c r="R3229">
        <v>15</v>
      </c>
      <c r="S3229">
        <v>15</v>
      </c>
      <c r="T3229">
        <v>15</v>
      </c>
      <c r="U3229">
        <v>15</v>
      </c>
      <c r="V3229">
        <v>15</v>
      </c>
      <c r="W3229">
        <v>15</v>
      </c>
      <c r="X3229">
        <v>15</v>
      </c>
      <c r="Y3229">
        <v>15</v>
      </c>
      <c r="Z3229">
        <v>15</v>
      </c>
      <c r="AA3229">
        <v>15</v>
      </c>
      <c r="AB3229">
        <v>15</v>
      </c>
      <c r="AC3229">
        <v>15</v>
      </c>
      <c r="AD3229">
        <v>15</v>
      </c>
      <c r="AE3229">
        <v>15</v>
      </c>
      <c r="AF3229">
        <v>16</v>
      </c>
      <c r="AG3229">
        <v>16</v>
      </c>
      <c r="AH3229">
        <v>16</v>
      </c>
      <c r="AI3229">
        <v>16</v>
      </c>
      <c r="AJ3229">
        <v>16</v>
      </c>
      <c r="AK3229">
        <v>16</v>
      </c>
      <c r="AL3229">
        <v>16</v>
      </c>
      <c r="AM3229">
        <v>15</v>
      </c>
      <c r="AN3229">
        <v>15</v>
      </c>
      <c r="AO3229">
        <v>15</v>
      </c>
      <c r="AP3229">
        <v>15</v>
      </c>
      <c r="AQ3229">
        <v>15</v>
      </c>
    </row>
    <row r="3230" spans="1:43">
      <c r="A3230" t="s">
        <v>2044</v>
      </c>
      <c r="B3230" t="s">
        <v>2045</v>
      </c>
      <c r="C3230" t="s">
        <v>2046</v>
      </c>
      <c r="D3230" t="s">
        <v>2047</v>
      </c>
      <c r="E3230" t="s">
        <v>2048</v>
      </c>
      <c r="F3230" t="s">
        <v>2049</v>
      </c>
      <c r="G3230" t="s">
        <v>80</v>
      </c>
      <c r="H3230" t="s">
        <v>81</v>
      </c>
      <c r="I3230" s="2">
        <v>0</v>
      </c>
      <c r="J3230" s="2">
        <v>1</v>
      </c>
      <c r="K3230" s="2">
        <v>0</v>
      </c>
      <c r="L3230" t="s">
        <v>82</v>
      </c>
      <c r="M3230" t="s">
        <v>83</v>
      </c>
      <c r="N3230" t="s">
        <v>84</v>
      </c>
      <c r="O3230" t="s">
        <v>85</v>
      </c>
      <c r="P3230" t="s">
        <v>86</v>
      </c>
      <c r="Q3230">
        <v>141</v>
      </c>
      <c r="R3230">
        <v>145</v>
      </c>
      <c r="S3230">
        <v>148</v>
      </c>
      <c r="T3230">
        <v>152</v>
      </c>
      <c r="U3230">
        <v>155</v>
      </c>
      <c r="V3230">
        <v>159</v>
      </c>
      <c r="W3230">
        <v>162</v>
      </c>
      <c r="X3230">
        <v>166</v>
      </c>
      <c r="Y3230">
        <v>170</v>
      </c>
      <c r="Z3230">
        <v>174</v>
      </c>
      <c r="AA3230">
        <v>177</v>
      </c>
      <c r="AB3230">
        <v>181</v>
      </c>
      <c r="AC3230">
        <v>185</v>
      </c>
      <c r="AD3230">
        <v>189</v>
      </c>
      <c r="AE3230">
        <v>193</v>
      </c>
      <c r="AF3230">
        <v>197</v>
      </c>
      <c r="AG3230">
        <v>201</v>
      </c>
      <c r="AH3230">
        <v>205</v>
      </c>
      <c r="AI3230">
        <v>209</v>
      </c>
      <c r="AJ3230">
        <v>213</v>
      </c>
      <c r="AK3230">
        <v>218</v>
      </c>
      <c r="AL3230">
        <v>220</v>
      </c>
      <c r="AM3230">
        <v>222</v>
      </c>
      <c r="AN3230">
        <v>225</v>
      </c>
      <c r="AO3230">
        <v>227</v>
      </c>
      <c r="AP3230">
        <v>229</v>
      </c>
      <c r="AQ3230">
        <v>231</v>
      </c>
    </row>
    <row r="3231" spans="1:43">
      <c r="A3231" t="s">
        <v>2044</v>
      </c>
      <c r="B3231" t="s">
        <v>2045</v>
      </c>
      <c r="C3231" t="s">
        <v>2046</v>
      </c>
      <c r="D3231" t="s">
        <v>2047</v>
      </c>
      <c r="E3231" t="s">
        <v>2048</v>
      </c>
      <c r="F3231" t="s">
        <v>2049</v>
      </c>
      <c r="G3231" t="s">
        <v>80</v>
      </c>
      <c r="H3231" t="s">
        <v>81</v>
      </c>
      <c r="I3231" s="2">
        <v>0</v>
      </c>
      <c r="J3231" s="2">
        <v>1</v>
      </c>
      <c r="K3231" s="2">
        <v>0</v>
      </c>
      <c r="L3231" t="s">
        <v>82</v>
      </c>
      <c r="M3231" t="s">
        <v>87</v>
      </c>
      <c r="N3231" t="s">
        <v>88</v>
      </c>
      <c r="O3231" t="s">
        <v>85</v>
      </c>
      <c r="P3231" t="s">
        <v>86</v>
      </c>
      <c r="Q3231">
        <v>141</v>
      </c>
      <c r="R3231">
        <v>143</v>
      </c>
      <c r="S3231">
        <v>145</v>
      </c>
      <c r="T3231">
        <v>147</v>
      </c>
      <c r="U3231">
        <v>149</v>
      </c>
      <c r="V3231">
        <v>151</v>
      </c>
      <c r="W3231">
        <v>154</v>
      </c>
      <c r="X3231">
        <v>156</v>
      </c>
      <c r="Y3231">
        <v>158</v>
      </c>
      <c r="Z3231">
        <v>160</v>
      </c>
      <c r="AA3231">
        <v>163</v>
      </c>
      <c r="AB3231">
        <v>165</v>
      </c>
      <c r="AC3231">
        <v>167</v>
      </c>
      <c r="AD3231">
        <v>169</v>
      </c>
      <c r="AE3231">
        <v>172</v>
      </c>
      <c r="AF3231">
        <v>174</v>
      </c>
      <c r="AG3231">
        <v>176</v>
      </c>
      <c r="AH3231">
        <v>179</v>
      </c>
      <c r="AI3231">
        <v>181</v>
      </c>
      <c r="AJ3231">
        <v>184</v>
      </c>
      <c r="AK3231">
        <v>186</v>
      </c>
      <c r="AL3231">
        <v>189</v>
      </c>
      <c r="AM3231">
        <v>191</v>
      </c>
      <c r="AN3231">
        <v>194</v>
      </c>
      <c r="AO3231">
        <v>196</v>
      </c>
      <c r="AP3231">
        <v>199</v>
      </c>
      <c r="AQ3231">
        <v>201</v>
      </c>
    </row>
    <row r="3232" spans="1:43">
      <c r="A3232" t="s">
        <v>2044</v>
      </c>
      <c r="B3232" t="s">
        <v>2045</v>
      </c>
      <c r="C3232" t="s">
        <v>2046</v>
      </c>
      <c r="D3232" t="s">
        <v>2047</v>
      </c>
      <c r="E3232" t="s">
        <v>2048</v>
      </c>
      <c r="F3232" t="s">
        <v>2049</v>
      </c>
      <c r="G3232" t="s">
        <v>80</v>
      </c>
      <c r="H3232" t="s">
        <v>81</v>
      </c>
      <c r="I3232" s="2">
        <v>0</v>
      </c>
      <c r="J3232" s="2">
        <v>1</v>
      </c>
      <c r="K3232" s="2">
        <v>0</v>
      </c>
      <c r="L3232" t="s">
        <v>82</v>
      </c>
      <c r="M3232" t="s">
        <v>89</v>
      </c>
      <c r="N3232" t="s">
        <v>90</v>
      </c>
      <c r="O3232" t="s">
        <v>85</v>
      </c>
      <c r="P3232" t="s">
        <v>86</v>
      </c>
      <c r="Q3232">
        <v>141</v>
      </c>
      <c r="R3232">
        <v>145</v>
      </c>
      <c r="S3232">
        <v>150</v>
      </c>
      <c r="T3232">
        <v>155</v>
      </c>
      <c r="U3232">
        <v>159</v>
      </c>
      <c r="V3232">
        <v>164</v>
      </c>
      <c r="W3232">
        <v>169</v>
      </c>
      <c r="X3232">
        <v>173</v>
      </c>
      <c r="Y3232">
        <v>178</v>
      </c>
      <c r="Z3232">
        <v>183</v>
      </c>
      <c r="AA3232">
        <v>187</v>
      </c>
      <c r="AB3232">
        <v>192</v>
      </c>
      <c r="AC3232">
        <v>197</v>
      </c>
      <c r="AD3232">
        <v>201</v>
      </c>
      <c r="AE3232">
        <v>205</v>
      </c>
      <c r="AF3232">
        <v>207</v>
      </c>
      <c r="AG3232">
        <v>209</v>
      </c>
      <c r="AH3232">
        <v>211</v>
      </c>
      <c r="AI3232">
        <v>213</v>
      </c>
      <c r="AJ3232">
        <v>215</v>
      </c>
      <c r="AK3232">
        <v>217</v>
      </c>
      <c r="AL3232">
        <v>219</v>
      </c>
      <c r="AM3232">
        <v>221</v>
      </c>
      <c r="AN3232">
        <v>223</v>
      </c>
      <c r="AO3232">
        <v>226</v>
      </c>
      <c r="AP3232">
        <v>228</v>
      </c>
      <c r="AQ3232">
        <v>230</v>
      </c>
    </row>
    <row r="3233" spans="1:43">
      <c r="A3233" t="s">
        <v>2044</v>
      </c>
      <c r="B3233" t="s">
        <v>2045</v>
      </c>
      <c r="C3233" t="s">
        <v>2046</v>
      </c>
      <c r="D3233" t="s">
        <v>2047</v>
      </c>
      <c r="E3233" t="s">
        <v>2048</v>
      </c>
      <c r="F3233" t="s">
        <v>2049</v>
      </c>
      <c r="G3233" t="s">
        <v>80</v>
      </c>
      <c r="H3233" t="s">
        <v>81</v>
      </c>
      <c r="I3233" s="2">
        <v>0</v>
      </c>
      <c r="J3233" s="2">
        <v>1</v>
      </c>
      <c r="K3233" s="2">
        <v>0</v>
      </c>
      <c r="L3233" t="s">
        <v>82</v>
      </c>
      <c r="M3233" t="s">
        <v>83</v>
      </c>
      <c r="N3233" t="s">
        <v>91</v>
      </c>
      <c r="O3233" t="s">
        <v>85</v>
      </c>
      <c r="P3233" t="s">
        <v>86</v>
      </c>
      <c r="Q3233">
        <v>141</v>
      </c>
      <c r="R3233">
        <v>145</v>
      </c>
      <c r="S3233">
        <v>148</v>
      </c>
      <c r="T3233">
        <v>152</v>
      </c>
      <c r="U3233">
        <v>155</v>
      </c>
      <c r="V3233">
        <v>159</v>
      </c>
      <c r="W3233">
        <v>162</v>
      </c>
      <c r="X3233">
        <v>166</v>
      </c>
      <c r="Y3233">
        <v>170</v>
      </c>
      <c r="Z3233">
        <v>174</v>
      </c>
      <c r="AA3233">
        <v>177</v>
      </c>
      <c r="AB3233">
        <v>181</v>
      </c>
      <c r="AC3233">
        <v>185</v>
      </c>
      <c r="AD3233">
        <v>189</v>
      </c>
      <c r="AE3233">
        <v>193</v>
      </c>
      <c r="AF3233">
        <v>197</v>
      </c>
      <c r="AG3233">
        <v>201</v>
      </c>
      <c r="AH3233">
        <v>205</v>
      </c>
      <c r="AI3233">
        <v>209</v>
      </c>
      <c r="AJ3233">
        <v>213</v>
      </c>
      <c r="AK3233">
        <v>218</v>
      </c>
      <c r="AL3233">
        <v>220</v>
      </c>
      <c r="AM3233">
        <v>222</v>
      </c>
      <c r="AN3233">
        <v>225</v>
      </c>
      <c r="AO3233">
        <v>227</v>
      </c>
      <c r="AP3233">
        <v>229</v>
      </c>
      <c r="AQ3233">
        <v>231</v>
      </c>
    </row>
    <row r="3234" spans="1:43">
      <c r="A3234" t="s">
        <v>2050</v>
      </c>
      <c r="B3234" t="s">
        <v>2051</v>
      </c>
      <c r="C3234" t="s">
        <v>2052</v>
      </c>
      <c r="D3234" t="s">
        <v>2053</v>
      </c>
      <c r="E3234" t="s">
        <v>2048</v>
      </c>
      <c r="F3234" t="s">
        <v>2049</v>
      </c>
      <c r="G3234" t="s">
        <v>80</v>
      </c>
      <c r="H3234" t="s">
        <v>81</v>
      </c>
      <c r="I3234" s="2">
        <v>0</v>
      </c>
      <c r="J3234" s="2">
        <v>1</v>
      </c>
      <c r="K3234" s="2">
        <v>0</v>
      </c>
      <c r="L3234" t="s">
        <v>82</v>
      </c>
      <c r="M3234" t="s">
        <v>83</v>
      </c>
      <c r="N3234" t="s">
        <v>84</v>
      </c>
      <c r="O3234" t="s">
        <v>85</v>
      </c>
      <c r="P3234" t="s">
        <v>86</v>
      </c>
      <c r="Q3234">
        <v>148</v>
      </c>
      <c r="R3234">
        <v>152</v>
      </c>
      <c r="S3234">
        <v>155</v>
      </c>
      <c r="T3234">
        <v>159</v>
      </c>
      <c r="U3234">
        <v>163</v>
      </c>
      <c r="V3234">
        <v>166</v>
      </c>
      <c r="W3234">
        <v>170</v>
      </c>
      <c r="X3234">
        <v>174</v>
      </c>
      <c r="Y3234">
        <v>178</v>
      </c>
      <c r="Z3234">
        <v>182</v>
      </c>
      <c r="AA3234">
        <v>186</v>
      </c>
      <c r="AB3234">
        <v>190</v>
      </c>
      <c r="AC3234">
        <v>194</v>
      </c>
      <c r="AD3234">
        <v>198</v>
      </c>
      <c r="AE3234">
        <v>202</v>
      </c>
      <c r="AF3234">
        <v>206</v>
      </c>
      <c r="AG3234">
        <v>211</v>
      </c>
      <c r="AH3234">
        <v>215</v>
      </c>
      <c r="AI3234">
        <v>219</v>
      </c>
      <c r="AJ3234">
        <v>224</v>
      </c>
      <c r="AK3234">
        <v>228</v>
      </c>
      <c r="AL3234">
        <v>231</v>
      </c>
      <c r="AM3234">
        <v>233</v>
      </c>
      <c r="AN3234">
        <v>235</v>
      </c>
      <c r="AO3234">
        <v>238</v>
      </c>
      <c r="AP3234">
        <v>240</v>
      </c>
      <c r="AQ3234">
        <v>242</v>
      </c>
    </row>
    <row r="3235" spans="1:43">
      <c r="A3235" t="s">
        <v>2050</v>
      </c>
      <c r="B3235" t="s">
        <v>2051</v>
      </c>
      <c r="C3235" t="s">
        <v>2052</v>
      </c>
      <c r="D3235" t="s">
        <v>2053</v>
      </c>
      <c r="E3235" t="s">
        <v>2048</v>
      </c>
      <c r="F3235" t="s">
        <v>2049</v>
      </c>
      <c r="G3235" t="s">
        <v>80</v>
      </c>
      <c r="H3235" t="s">
        <v>81</v>
      </c>
      <c r="I3235" s="2">
        <v>0</v>
      </c>
      <c r="J3235" s="2">
        <v>1</v>
      </c>
      <c r="K3235" s="2">
        <v>0</v>
      </c>
      <c r="L3235" t="s">
        <v>82</v>
      </c>
      <c r="M3235" t="s">
        <v>87</v>
      </c>
      <c r="N3235" t="s">
        <v>88</v>
      </c>
      <c r="O3235" t="s">
        <v>85</v>
      </c>
      <c r="P3235" t="s">
        <v>86</v>
      </c>
      <c r="Q3235">
        <v>148</v>
      </c>
      <c r="R3235">
        <v>150</v>
      </c>
      <c r="S3235">
        <v>152</v>
      </c>
      <c r="T3235">
        <v>154</v>
      </c>
      <c r="U3235">
        <v>156</v>
      </c>
      <c r="V3235">
        <v>159</v>
      </c>
      <c r="W3235">
        <v>161</v>
      </c>
      <c r="X3235">
        <v>163</v>
      </c>
      <c r="Y3235">
        <v>166</v>
      </c>
      <c r="Z3235">
        <v>168</v>
      </c>
      <c r="AA3235">
        <v>170</v>
      </c>
      <c r="AB3235">
        <v>173</v>
      </c>
      <c r="AC3235">
        <v>175</v>
      </c>
      <c r="AD3235">
        <v>178</v>
      </c>
      <c r="AE3235">
        <v>180</v>
      </c>
      <c r="AF3235">
        <v>182</v>
      </c>
      <c r="AG3235">
        <v>185</v>
      </c>
      <c r="AH3235">
        <v>187</v>
      </c>
      <c r="AI3235">
        <v>190</v>
      </c>
      <c r="AJ3235">
        <v>193</v>
      </c>
      <c r="AK3235">
        <v>195</v>
      </c>
      <c r="AL3235">
        <v>198</v>
      </c>
      <c r="AM3235">
        <v>200</v>
      </c>
      <c r="AN3235">
        <v>203</v>
      </c>
      <c r="AO3235">
        <v>206</v>
      </c>
      <c r="AP3235">
        <v>208</v>
      </c>
      <c r="AQ3235">
        <v>211</v>
      </c>
    </row>
    <row r="3236" spans="1:43">
      <c r="A3236" t="s">
        <v>2050</v>
      </c>
      <c r="B3236" t="s">
        <v>2051</v>
      </c>
      <c r="C3236" t="s">
        <v>2052</v>
      </c>
      <c r="D3236" t="s">
        <v>2053</v>
      </c>
      <c r="E3236" t="s">
        <v>2048</v>
      </c>
      <c r="F3236" t="s">
        <v>2049</v>
      </c>
      <c r="G3236" t="s">
        <v>80</v>
      </c>
      <c r="H3236" t="s">
        <v>81</v>
      </c>
      <c r="I3236" s="2">
        <v>0</v>
      </c>
      <c r="J3236" s="2">
        <v>1</v>
      </c>
      <c r="K3236" s="2">
        <v>0</v>
      </c>
      <c r="L3236" t="s">
        <v>82</v>
      </c>
      <c r="M3236" t="s">
        <v>89</v>
      </c>
      <c r="N3236" t="s">
        <v>90</v>
      </c>
      <c r="O3236" t="s">
        <v>85</v>
      </c>
      <c r="P3236" t="s">
        <v>86</v>
      </c>
      <c r="Q3236">
        <v>148</v>
      </c>
      <c r="R3236">
        <v>153</v>
      </c>
      <c r="S3236">
        <v>158</v>
      </c>
      <c r="T3236">
        <v>163</v>
      </c>
      <c r="U3236">
        <v>168</v>
      </c>
      <c r="V3236">
        <v>173</v>
      </c>
      <c r="W3236">
        <v>178</v>
      </c>
      <c r="X3236">
        <v>183</v>
      </c>
      <c r="Y3236">
        <v>188</v>
      </c>
      <c r="Z3236">
        <v>193</v>
      </c>
      <c r="AA3236">
        <v>197</v>
      </c>
      <c r="AB3236">
        <v>202</v>
      </c>
      <c r="AC3236">
        <v>207</v>
      </c>
      <c r="AD3236">
        <v>212</v>
      </c>
      <c r="AE3236">
        <v>216</v>
      </c>
      <c r="AF3236">
        <v>218</v>
      </c>
      <c r="AG3236">
        <v>220</v>
      </c>
      <c r="AH3236">
        <v>223</v>
      </c>
      <c r="AI3236">
        <v>225</v>
      </c>
      <c r="AJ3236">
        <v>227</v>
      </c>
      <c r="AK3236">
        <v>229</v>
      </c>
      <c r="AL3236">
        <v>231</v>
      </c>
      <c r="AM3236">
        <v>233</v>
      </c>
      <c r="AN3236">
        <v>235</v>
      </c>
      <c r="AO3236">
        <v>238</v>
      </c>
      <c r="AP3236">
        <v>240</v>
      </c>
      <c r="AQ3236">
        <v>242</v>
      </c>
    </row>
    <row r="3237" spans="1:43">
      <c r="A3237" t="s">
        <v>2050</v>
      </c>
      <c r="B3237" t="s">
        <v>2051</v>
      </c>
      <c r="C3237" t="s">
        <v>2052</v>
      </c>
      <c r="D3237" t="s">
        <v>2053</v>
      </c>
      <c r="E3237" t="s">
        <v>2048</v>
      </c>
      <c r="F3237" t="s">
        <v>2049</v>
      </c>
      <c r="G3237" t="s">
        <v>80</v>
      </c>
      <c r="H3237" t="s">
        <v>81</v>
      </c>
      <c r="I3237" s="2">
        <v>0</v>
      </c>
      <c r="J3237" s="2">
        <v>1</v>
      </c>
      <c r="K3237" s="2">
        <v>0</v>
      </c>
      <c r="L3237" t="s">
        <v>82</v>
      </c>
      <c r="M3237" t="s">
        <v>83</v>
      </c>
      <c r="N3237" t="s">
        <v>91</v>
      </c>
      <c r="O3237" t="s">
        <v>85</v>
      </c>
      <c r="P3237" t="s">
        <v>86</v>
      </c>
      <c r="Q3237">
        <v>148</v>
      </c>
      <c r="R3237">
        <v>152</v>
      </c>
      <c r="S3237">
        <v>155</v>
      </c>
      <c r="T3237">
        <v>159</v>
      </c>
      <c r="U3237">
        <v>163</v>
      </c>
      <c r="V3237">
        <v>166</v>
      </c>
      <c r="W3237">
        <v>170</v>
      </c>
      <c r="X3237">
        <v>174</v>
      </c>
      <c r="Y3237">
        <v>178</v>
      </c>
      <c r="Z3237">
        <v>182</v>
      </c>
      <c r="AA3237">
        <v>186</v>
      </c>
      <c r="AB3237">
        <v>190</v>
      </c>
      <c r="AC3237">
        <v>194</v>
      </c>
      <c r="AD3237">
        <v>198</v>
      </c>
      <c r="AE3237">
        <v>202</v>
      </c>
      <c r="AF3237">
        <v>206</v>
      </c>
      <c r="AG3237">
        <v>211</v>
      </c>
      <c r="AH3237">
        <v>215</v>
      </c>
      <c r="AI3237">
        <v>219</v>
      </c>
      <c r="AJ3237">
        <v>224</v>
      </c>
      <c r="AK3237">
        <v>228</v>
      </c>
      <c r="AL3237">
        <v>231</v>
      </c>
      <c r="AM3237">
        <v>233</v>
      </c>
      <c r="AN3237">
        <v>235</v>
      </c>
      <c r="AO3237">
        <v>238</v>
      </c>
      <c r="AP3237">
        <v>240</v>
      </c>
      <c r="AQ3237">
        <v>242</v>
      </c>
    </row>
    <row r="3238" spans="1:43">
      <c r="A3238" t="s">
        <v>2054</v>
      </c>
      <c r="B3238" t="s">
        <v>2055</v>
      </c>
      <c r="C3238" t="s">
        <v>2046</v>
      </c>
      <c r="D3238" t="s">
        <v>2047</v>
      </c>
      <c r="E3238" t="s">
        <v>2048</v>
      </c>
      <c r="F3238" t="s">
        <v>2049</v>
      </c>
      <c r="G3238" t="s">
        <v>80</v>
      </c>
      <c r="H3238" t="s">
        <v>81</v>
      </c>
      <c r="I3238" s="2">
        <v>0</v>
      </c>
      <c r="J3238" s="2">
        <v>1</v>
      </c>
      <c r="K3238" s="2">
        <v>0</v>
      </c>
      <c r="L3238" t="s">
        <v>82</v>
      </c>
      <c r="M3238" t="s">
        <v>83</v>
      </c>
      <c r="N3238" t="s">
        <v>84</v>
      </c>
      <c r="O3238" t="s">
        <v>85</v>
      </c>
      <c r="P3238" t="s">
        <v>86</v>
      </c>
      <c r="Q3238">
        <v>87</v>
      </c>
      <c r="R3238">
        <v>89</v>
      </c>
      <c r="S3238">
        <v>91</v>
      </c>
      <c r="T3238">
        <v>93</v>
      </c>
      <c r="U3238">
        <v>95</v>
      </c>
      <c r="V3238">
        <v>97</v>
      </c>
      <c r="W3238">
        <v>100</v>
      </c>
      <c r="X3238">
        <v>102</v>
      </c>
      <c r="Y3238">
        <v>104</v>
      </c>
      <c r="Z3238">
        <v>106</v>
      </c>
      <c r="AA3238">
        <v>109</v>
      </c>
      <c r="AB3238">
        <v>111</v>
      </c>
      <c r="AC3238">
        <v>113</v>
      </c>
      <c r="AD3238">
        <v>116</v>
      </c>
      <c r="AE3238">
        <v>118</v>
      </c>
      <c r="AF3238">
        <v>121</v>
      </c>
      <c r="AG3238">
        <v>123</v>
      </c>
      <c r="AH3238">
        <v>125</v>
      </c>
      <c r="AI3238">
        <v>128</v>
      </c>
      <c r="AJ3238">
        <v>130</v>
      </c>
      <c r="AK3238">
        <v>133</v>
      </c>
      <c r="AL3238">
        <v>135</v>
      </c>
      <c r="AM3238">
        <v>136</v>
      </c>
      <c r="AN3238">
        <v>137</v>
      </c>
      <c r="AO3238">
        <v>139</v>
      </c>
      <c r="AP3238">
        <v>140</v>
      </c>
      <c r="AQ3238">
        <v>141</v>
      </c>
    </row>
    <row r="3239" spans="1:43">
      <c r="A3239" t="s">
        <v>2054</v>
      </c>
      <c r="B3239" t="s">
        <v>2055</v>
      </c>
      <c r="C3239" t="s">
        <v>2046</v>
      </c>
      <c r="D3239" t="s">
        <v>2047</v>
      </c>
      <c r="E3239" t="s">
        <v>2048</v>
      </c>
      <c r="F3239" t="s">
        <v>2049</v>
      </c>
      <c r="G3239" t="s">
        <v>80</v>
      </c>
      <c r="H3239" t="s">
        <v>81</v>
      </c>
      <c r="I3239" s="2">
        <v>0</v>
      </c>
      <c r="J3239" s="2">
        <v>1</v>
      </c>
      <c r="K3239" s="2">
        <v>0</v>
      </c>
      <c r="L3239" t="s">
        <v>82</v>
      </c>
      <c r="M3239" t="s">
        <v>87</v>
      </c>
      <c r="N3239" t="s">
        <v>88</v>
      </c>
      <c r="O3239" t="s">
        <v>85</v>
      </c>
      <c r="P3239" t="s">
        <v>86</v>
      </c>
      <c r="Q3239">
        <v>87</v>
      </c>
      <c r="R3239">
        <v>88</v>
      </c>
      <c r="S3239">
        <v>89</v>
      </c>
      <c r="T3239">
        <v>91</v>
      </c>
      <c r="U3239">
        <v>92</v>
      </c>
      <c r="V3239">
        <v>93</v>
      </c>
      <c r="W3239">
        <v>95</v>
      </c>
      <c r="X3239">
        <v>96</v>
      </c>
      <c r="Y3239">
        <v>97</v>
      </c>
      <c r="Z3239">
        <v>99</v>
      </c>
      <c r="AA3239">
        <v>100</v>
      </c>
      <c r="AB3239">
        <v>101</v>
      </c>
      <c r="AC3239">
        <v>103</v>
      </c>
      <c r="AD3239">
        <v>104</v>
      </c>
      <c r="AE3239">
        <v>106</v>
      </c>
      <c r="AF3239">
        <v>107</v>
      </c>
      <c r="AG3239">
        <v>109</v>
      </c>
      <c r="AH3239">
        <v>110</v>
      </c>
      <c r="AI3239">
        <v>111</v>
      </c>
      <c r="AJ3239">
        <v>113</v>
      </c>
      <c r="AK3239">
        <v>114</v>
      </c>
      <c r="AL3239">
        <v>116</v>
      </c>
      <c r="AM3239">
        <v>117</v>
      </c>
      <c r="AN3239">
        <v>119</v>
      </c>
      <c r="AO3239">
        <v>121</v>
      </c>
      <c r="AP3239">
        <v>122</v>
      </c>
      <c r="AQ3239">
        <v>124</v>
      </c>
    </row>
    <row r="3240" spans="1:43">
      <c r="A3240" t="s">
        <v>2054</v>
      </c>
      <c r="B3240" t="s">
        <v>2055</v>
      </c>
      <c r="C3240" t="s">
        <v>2046</v>
      </c>
      <c r="D3240" t="s">
        <v>2047</v>
      </c>
      <c r="E3240" t="s">
        <v>2048</v>
      </c>
      <c r="F3240" t="s">
        <v>2049</v>
      </c>
      <c r="G3240" t="s">
        <v>80</v>
      </c>
      <c r="H3240" t="s">
        <v>81</v>
      </c>
      <c r="I3240" s="2">
        <v>0</v>
      </c>
      <c r="J3240" s="2">
        <v>1</v>
      </c>
      <c r="K3240" s="2">
        <v>0</v>
      </c>
      <c r="L3240" t="s">
        <v>82</v>
      </c>
      <c r="M3240" t="s">
        <v>89</v>
      </c>
      <c r="N3240" t="s">
        <v>90</v>
      </c>
      <c r="O3240" t="s">
        <v>85</v>
      </c>
      <c r="P3240" t="s">
        <v>86</v>
      </c>
      <c r="Q3240">
        <v>87</v>
      </c>
      <c r="R3240">
        <v>90</v>
      </c>
      <c r="S3240">
        <v>93</v>
      </c>
      <c r="T3240">
        <v>96</v>
      </c>
      <c r="U3240">
        <v>99</v>
      </c>
      <c r="V3240">
        <v>102</v>
      </c>
      <c r="W3240">
        <v>105</v>
      </c>
      <c r="X3240">
        <v>108</v>
      </c>
      <c r="Y3240">
        <v>110</v>
      </c>
      <c r="Z3240">
        <v>113</v>
      </c>
      <c r="AA3240">
        <v>116</v>
      </c>
      <c r="AB3240">
        <v>119</v>
      </c>
      <c r="AC3240">
        <v>122</v>
      </c>
      <c r="AD3240">
        <v>124</v>
      </c>
      <c r="AE3240">
        <v>127</v>
      </c>
      <c r="AF3240">
        <v>128</v>
      </c>
      <c r="AG3240">
        <v>129</v>
      </c>
      <c r="AH3240">
        <v>130</v>
      </c>
      <c r="AI3240">
        <v>132</v>
      </c>
      <c r="AJ3240">
        <v>133</v>
      </c>
      <c r="AK3240">
        <v>134</v>
      </c>
      <c r="AL3240">
        <v>135</v>
      </c>
      <c r="AM3240">
        <v>137</v>
      </c>
      <c r="AN3240">
        <v>138</v>
      </c>
      <c r="AO3240">
        <v>139</v>
      </c>
      <c r="AP3240">
        <v>140</v>
      </c>
      <c r="AQ3240">
        <v>142</v>
      </c>
    </row>
    <row r="3241" spans="1:43">
      <c r="A3241" t="s">
        <v>2054</v>
      </c>
      <c r="B3241" t="s">
        <v>2055</v>
      </c>
      <c r="C3241" t="s">
        <v>2046</v>
      </c>
      <c r="D3241" t="s">
        <v>2047</v>
      </c>
      <c r="E3241" t="s">
        <v>2048</v>
      </c>
      <c r="F3241" t="s">
        <v>2049</v>
      </c>
      <c r="G3241" t="s">
        <v>80</v>
      </c>
      <c r="H3241" t="s">
        <v>81</v>
      </c>
      <c r="I3241" s="2">
        <v>0</v>
      </c>
      <c r="J3241" s="2">
        <v>1</v>
      </c>
      <c r="K3241" s="2">
        <v>0</v>
      </c>
      <c r="L3241" t="s">
        <v>82</v>
      </c>
      <c r="M3241" t="s">
        <v>83</v>
      </c>
      <c r="N3241" t="s">
        <v>91</v>
      </c>
      <c r="O3241" t="s">
        <v>85</v>
      </c>
      <c r="P3241" t="s">
        <v>86</v>
      </c>
      <c r="Q3241">
        <v>87</v>
      </c>
      <c r="R3241">
        <v>89</v>
      </c>
      <c r="S3241">
        <v>91</v>
      </c>
      <c r="T3241">
        <v>93</v>
      </c>
      <c r="U3241">
        <v>95</v>
      </c>
      <c r="V3241">
        <v>97</v>
      </c>
      <c r="W3241">
        <v>100</v>
      </c>
      <c r="X3241">
        <v>102</v>
      </c>
      <c r="Y3241">
        <v>104</v>
      </c>
      <c r="Z3241">
        <v>106</v>
      </c>
      <c r="AA3241">
        <v>109</v>
      </c>
      <c r="AB3241">
        <v>111</v>
      </c>
      <c r="AC3241">
        <v>113</v>
      </c>
      <c r="AD3241">
        <v>116</v>
      </c>
      <c r="AE3241">
        <v>118</v>
      </c>
      <c r="AF3241">
        <v>121</v>
      </c>
      <c r="AG3241">
        <v>123</v>
      </c>
      <c r="AH3241">
        <v>125</v>
      </c>
      <c r="AI3241">
        <v>128</v>
      </c>
      <c r="AJ3241">
        <v>130</v>
      </c>
      <c r="AK3241">
        <v>133</v>
      </c>
      <c r="AL3241">
        <v>135</v>
      </c>
      <c r="AM3241">
        <v>136</v>
      </c>
      <c r="AN3241">
        <v>137</v>
      </c>
      <c r="AO3241">
        <v>139</v>
      </c>
      <c r="AP3241">
        <v>140</v>
      </c>
      <c r="AQ3241">
        <v>141</v>
      </c>
    </row>
    <row r="3242" spans="1:43">
      <c r="A3242" t="s">
        <v>2056</v>
      </c>
      <c r="B3242" t="s">
        <v>2057</v>
      </c>
      <c r="C3242" t="s">
        <v>2052</v>
      </c>
      <c r="D3242" t="s">
        <v>2053</v>
      </c>
      <c r="E3242" t="s">
        <v>2048</v>
      </c>
      <c r="F3242" t="s">
        <v>2049</v>
      </c>
      <c r="G3242" t="s">
        <v>80</v>
      </c>
      <c r="H3242" t="s">
        <v>81</v>
      </c>
      <c r="I3242" s="2">
        <v>0</v>
      </c>
      <c r="J3242" s="2">
        <v>1</v>
      </c>
      <c r="K3242" s="2">
        <v>0</v>
      </c>
      <c r="L3242" t="s">
        <v>82</v>
      </c>
      <c r="M3242" t="s">
        <v>83</v>
      </c>
      <c r="N3242" t="s">
        <v>84</v>
      </c>
      <c r="O3242" t="s">
        <v>85</v>
      </c>
      <c r="P3242" t="s">
        <v>86</v>
      </c>
      <c r="Q3242">
        <v>56</v>
      </c>
      <c r="R3242">
        <v>58</v>
      </c>
      <c r="S3242">
        <v>59</v>
      </c>
      <c r="T3242">
        <v>60</v>
      </c>
      <c r="U3242">
        <v>62</v>
      </c>
      <c r="V3242">
        <v>63</v>
      </c>
      <c r="W3242">
        <v>65</v>
      </c>
      <c r="X3242">
        <v>66</v>
      </c>
      <c r="Y3242">
        <v>68</v>
      </c>
      <c r="Z3242">
        <v>69</v>
      </c>
      <c r="AA3242">
        <v>71</v>
      </c>
      <c r="AB3242">
        <v>72</v>
      </c>
      <c r="AC3242">
        <v>74</v>
      </c>
      <c r="AD3242">
        <v>75</v>
      </c>
      <c r="AE3242">
        <v>77</v>
      </c>
      <c r="AF3242">
        <v>78</v>
      </c>
      <c r="AG3242">
        <v>80</v>
      </c>
      <c r="AH3242">
        <v>81</v>
      </c>
      <c r="AI3242">
        <v>83</v>
      </c>
      <c r="AJ3242">
        <v>85</v>
      </c>
      <c r="AK3242">
        <v>86</v>
      </c>
      <c r="AL3242">
        <v>87</v>
      </c>
      <c r="AM3242">
        <v>88</v>
      </c>
      <c r="AN3242">
        <v>89</v>
      </c>
      <c r="AO3242">
        <v>90</v>
      </c>
      <c r="AP3242">
        <v>91</v>
      </c>
      <c r="AQ3242">
        <v>92</v>
      </c>
    </row>
    <row r="3243" spans="1:43">
      <c r="A3243" t="s">
        <v>2056</v>
      </c>
      <c r="B3243" t="s">
        <v>2057</v>
      </c>
      <c r="C3243" t="s">
        <v>2052</v>
      </c>
      <c r="D3243" t="s">
        <v>2053</v>
      </c>
      <c r="E3243" t="s">
        <v>2048</v>
      </c>
      <c r="F3243" t="s">
        <v>2049</v>
      </c>
      <c r="G3243" t="s">
        <v>80</v>
      </c>
      <c r="H3243" t="s">
        <v>81</v>
      </c>
      <c r="I3243" s="2">
        <v>0</v>
      </c>
      <c r="J3243" s="2">
        <v>1</v>
      </c>
      <c r="K3243" s="2">
        <v>0</v>
      </c>
      <c r="L3243" t="s">
        <v>82</v>
      </c>
      <c r="M3243" t="s">
        <v>87</v>
      </c>
      <c r="N3243" t="s">
        <v>88</v>
      </c>
      <c r="O3243" t="s">
        <v>85</v>
      </c>
      <c r="P3243" t="s">
        <v>86</v>
      </c>
      <c r="Q3243">
        <v>56</v>
      </c>
      <c r="R3243">
        <v>56</v>
      </c>
      <c r="S3243">
        <v>57</v>
      </c>
      <c r="T3243">
        <v>58</v>
      </c>
      <c r="U3243">
        <v>59</v>
      </c>
      <c r="V3243">
        <v>60</v>
      </c>
      <c r="W3243">
        <v>61</v>
      </c>
      <c r="X3243">
        <v>62</v>
      </c>
      <c r="Y3243">
        <v>62</v>
      </c>
      <c r="Z3243">
        <v>63</v>
      </c>
      <c r="AA3243">
        <v>64</v>
      </c>
      <c r="AB3243">
        <v>65</v>
      </c>
      <c r="AC3243">
        <v>66</v>
      </c>
      <c r="AD3243">
        <v>67</v>
      </c>
      <c r="AE3243">
        <v>68</v>
      </c>
      <c r="AF3243">
        <v>69</v>
      </c>
      <c r="AG3243">
        <v>70</v>
      </c>
      <c r="AH3243">
        <v>71</v>
      </c>
      <c r="AI3243">
        <v>72</v>
      </c>
      <c r="AJ3243">
        <v>73</v>
      </c>
      <c r="AK3243">
        <v>74</v>
      </c>
      <c r="AL3243">
        <v>75</v>
      </c>
      <c r="AM3243">
        <v>76</v>
      </c>
      <c r="AN3243">
        <v>77</v>
      </c>
      <c r="AO3243">
        <v>78</v>
      </c>
      <c r="AP3243">
        <v>79</v>
      </c>
      <c r="AQ3243">
        <v>80</v>
      </c>
    </row>
    <row r="3244" spans="1:43">
      <c r="A3244" t="s">
        <v>2056</v>
      </c>
      <c r="B3244" t="s">
        <v>2057</v>
      </c>
      <c r="C3244" t="s">
        <v>2052</v>
      </c>
      <c r="D3244" t="s">
        <v>2053</v>
      </c>
      <c r="E3244" t="s">
        <v>2048</v>
      </c>
      <c r="F3244" t="s">
        <v>2049</v>
      </c>
      <c r="G3244" t="s">
        <v>80</v>
      </c>
      <c r="H3244" t="s">
        <v>81</v>
      </c>
      <c r="I3244" s="2">
        <v>0</v>
      </c>
      <c r="J3244" s="2">
        <v>1</v>
      </c>
      <c r="K3244" s="2">
        <v>0</v>
      </c>
      <c r="L3244" t="s">
        <v>82</v>
      </c>
      <c r="M3244" t="s">
        <v>89</v>
      </c>
      <c r="N3244" t="s">
        <v>90</v>
      </c>
      <c r="O3244" t="s">
        <v>85</v>
      </c>
      <c r="P3244" t="s">
        <v>86</v>
      </c>
      <c r="Q3244">
        <v>56</v>
      </c>
      <c r="R3244">
        <v>58</v>
      </c>
      <c r="S3244">
        <v>59</v>
      </c>
      <c r="T3244">
        <v>61</v>
      </c>
      <c r="U3244">
        <v>63</v>
      </c>
      <c r="V3244">
        <v>65</v>
      </c>
      <c r="W3244">
        <v>67</v>
      </c>
      <c r="X3244">
        <v>69</v>
      </c>
      <c r="Y3244">
        <v>71</v>
      </c>
      <c r="Z3244">
        <v>72</v>
      </c>
      <c r="AA3244">
        <v>74</v>
      </c>
      <c r="AB3244">
        <v>76</v>
      </c>
      <c r="AC3244">
        <v>78</v>
      </c>
      <c r="AD3244">
        <v>80</v>
      </c>
      <c r="AE3244">
        <v>81</v>
      </c>
      <c r="AF3244">
        <v>82</v>
      </c>
      <c r="AG3244">
        <v>83</v>
      </c>
      <c r="AH3244">
        <v>84</v>
      </c>
      <c r="AI3244">
        <v>84</v>
      </c>
      <c r="AJ3244">
        <v>85</v>
      </c>
      <c r="AK3244">
        <v>86</v>
      </c>
      <c r="AL3244">
        <v>87</v>
      </c>
      <c r="AM3244">
        <v>88</v>
      </c>
      <c r="AN3244">
        <v>88</v>
      </c>
      <c r="AO3244">
        <v>89</v>
      </c>
      <c r="AP3244">
        <v>90</v>
      </c>
      <c r="AQ3244">
        <v>91</v>
      </c>
    </row>
    <row r="3245" spans="1:43">
      <c r="A3245" t="s">
        <v>2056</v>
      </c>
      <c r="B3245" t="s">
        <v>2057</v>
      </c>
      <c r="C3245" t="s">
        <v>2052</v>
      </c>
      <c r="D3245" t="s">
        <v>2053</v>
      </c>
      <c r="E3245" t="s">
        <v>2048</v>
      </c>
      <c r="F3245" t="s">
        <v>2049</v>
      </c>
      <c r="G3245" t="s">
        <v>80</v>
      </c>
      <c r="H3245" t="s">
        <v>81</v>
      </c>
      <c r="I3245" s="2">
        <v>0</v>
      </c>
      <c r="J3245" s="2">
        <v>1</v>
      </c>
      <c r="K3245" s="2">
        <v>0</v>
      </c>
      <c r="L3245" t="s">
        <v>82</v>
      </c>
      <c r="M3245" t="s">
        <v>83</v>
      </c>
      <c r="N3245" t="s">
        <v>91</v>
      </c>
      <c r="O3245" t="s">
        <v>85</v>
      </c>
      <c r="P3245" t="s">
        <v>86</v>
      </c>
      <c r="Q3245">
        <v>56</v>
      </c>
      <c r="R3245">
        <v>58</v>
      </c>
      <c r="S3245">
        <v>59</v>
      </c>
      <c r="T3245">
        <v>60</v>
      </c>
      <c r="U3245">
        <v>62</v>
      </c>
      <c r="V3245">
        <v>63</v>
      </c>
      <c r="W3245">
        <v>65</v>
      </c>
      <c r="X3245">
        <v>66</v>
      </c>
      <c r="Y3245">
        <v>68</v>
      </c>
      <c r="Z3245">
        <v>69</v>
      </c>
      <c r="AA3245">
        <v>71</v>
      </c>
      <c r="AB3245">
        <v>72</v>
      </c>
      <c r="AC3245">
        <v>74</v>
      </c>
      <c r="AD3245">
        <v>75</v>
      </c>
      <c r="AE3245">
        <v>77</v>
      </c>
      <c r="AF3245">
        <v>78</v>
      </c>
      <c r="AG3245">
        <v>80</v>
      </c>
      <c r="AH3245">
        <v>81</v>
      </c>
      <c r="AI3245">
        <v>83</v>
      </c>
      <c r="AJ3245">
        <v>85</v>
      </c>
      <c r="AK3245">
        <v>86</v>
      </c>
      <c r="AL3245">
        <v>87</v>
      </c>
      <c r="AM3245">
        <v>88</v>
      </c>
      <c r="AN3245">
        <v>89</v>
      </c>
      <c r="AO3245">
        <v>90</v>
      </c>
      <c r="AP3245">
        <v>91</v>
      </c>
      <c r="AQ3245">
        <v>92</v>
      </c>
    </row>
    <row r="3246" spans="1:43">
      <c r="A3246" t="s">
        <v>2058</v>
      </c>
      <c r="B3246" t="s">
        <v>2059</v>
      </c>
      <c r="C3246" t="s">
        <v>2052</v>
      </c>
      <c r="D3246" t="s">
        <v>2053</v>
      </c>
      <c r="E3246" t="s">
        <v>2048</v>
      </c>
      <c r="F3246" t="s">
        <v>2049</v>
      </c>
      <c r="G3246" t="s">
        <v>80</v>
      </c>
      <c r="H3246" t="s">
        <v>81</v>
      </c>
      <c r="I3246" s="2">
        <v>0</v>
      </c>
      <c r="J3246" s="2">
        <v>1</v>
      </c>
      <c r="K3246" s="2">
        <v>0</v>
      </c>
      <c r="L3246" t="s">
        <v>82</v>
      </c>
      <c r="M3246" t="s">
        <v>83</v>
      </c>
      <c r="N3246" t="s">
        <v>84</v>
      </c>
      <c r="O3246" t="s">
        <v>85</v>
      </c>
      <c r="P3246" t="s">
        <v>86</v>
      </c>
      <c r="Q3246">
        <v>26</v>
      </c>
      <c r="R3246">
        <v>26</v>
      </c>
      <c r="S3246">
        <v>27</v>
      </c>
      <c r="T3246">
        <v>27</v>
      </c>
      <c r="U3246">
        <v>28</v>
      </c>
      <c r="V3246">
        <v>29</v>
      </c>
      <c r="W3246">
        <v>29</v>
      </c>
      <c r="X3246">
        <v>30</v>
      </c>
      <c r="Y3246">
        <v>31</v>
      </c>
      <c r="Z3246">
        <v>31</v>
      </c>
      <c r="AA3246">
        <v>32</v>
      </c>
      <c r="AB3246">
        <v>33</v>
      </c>
      <c r="AC3246">
        <v>33</v>
      </c>
      <c r="AD3246">
        <v>34</v>
      </c>
      <c r="AE3246">
        <v>35</v>
      </c>
      <c r="AF3246">
        <v>35</v>
      </c>
      <c r="AG3246">
        <v>36</v>
      </c>
      <c r="AH3246">
        <v>37</v>
      </c>
      <c r="AI3246">
        <v>38</v>
      </c>
      <c r="AJ3246">
        <v>38</v>
      </c>
      <c r="AK3246">
        <v>39</v>
      </c>
      <c r="AL3246">
        <v>40</v>
      </c>
      <c r="AM3246">
        <v>40</v>
      </c>
      <c r="AN3246">
        <v>40</v>
      </c>
      <c r="AO3246">
        <v>41</v>
      </c>
      <c r="AP3246">
        <v>41</v>
      </c>
      <c r="AQ3246">
        <v>41</v>
      </c>
    </row>
    <row r="3247" spans="1:43">
      <c r="A3247" t="s">
        <v>2058</v>
      </c>
      <c r="B3247" t="s">
        <v>2059</v>
      </c>
      <c r="C3247" t="s">
        <v>2052</v>
      </c>
      <c r="D3247" t="s">
        <v>2053</v>
      </c>
      <c r="E3247" t="s">
        <v>2048</v>
      </c>
      <c r="F3247" t="s">
        <v>2049</v>
      </c>
      <c r="G3247" t="s">
        <v>80</v>
      </c>
      <c r="H3247" t="s">
        <v>81</v>
      </c>
      <c r="I3247" s="2">
        <v>0</v>
      </c>
      <c r="J3247" s="2">
        <v>1</v>
      </c>
      <c r="K3247" s="2">
        <v>0</v>
      </c>
      <c r="L3247" t="s">
        <v>82</v>
      </c>
      <c r="M3247" t="s">
        <v>87</v>
      </c>
      <c r="N3247" t="s">
        <v>88</v>
      </c>
      <c r="O3247" t="s">
        <v>85</v>
      </c>
      <c r="P3247" t="s">
        <v>86</v>
      </c>
      <c r="Q3247">
        <v>26</v>
      </c>
      <c r="R3247">
        <v>27</v>
      </c>
      <c r="S3247">
        <v>27</v>
      </c>
      <c r="T3247">
        <v>27</v>
      </c>
      <c r="U3247">
        <v>28</v>
      </c>
      <c r="V3247">
        <v>28</v>
      </c>
      <c r="W3247">
        <v>29</v>
      </c>
      <c r="X3247">
        <v>29</v>
      </c>
      <c r="Y3247">
        <v>29</v>
      </c>
      <c r="Z3247">
        <v>30</v>
      </c>
      <c r="AA3247">
        <v>30</v>
      </c>
      <c r="AB3247">
        <v>31</v>
      </c>
      <c r="AC3247">
        <v>31</v>
      </c>
      <c r="AD3247">
        <v>31</v>
      </c>
      <c r="AE3247">
        <v>32</v>
      </c>
      <c r="AF3247">
        <v>32</v>
      </c>
      <c r="AG3247">
        <v>33</v>
      </c>
      <c r="AH3247">
        <v>33</v>
      </c>
      <c r="AI3247">
        <v>34</v>
      </c>
      <c r="AJ3247">
        <v>34</v>
      </c>
      <c r="AK3247">
        <v>34</v>
      </c>
      <c r="AL3247">
        <v>35</v>
      </c>
      <c r="AM3247">
        <v>35</v>
      </c>
      <c r="AN3247">
        <v>36</v>
      </c>
      <c r="AO3247">
        <v>36</v>
      </c>
      <c r="AP3247">
        <v>37</v>
      </c>
      <c r="AQ3247">
        <v>37</v>
      </c>
    </row>
    <row r="3248" spans="1:43">
      <c r="A3248" t="s">
        <v>2058</v>
      </c>
      <c r="B3248" t="s">
        <v>2059</v>
      </c>
      <c r="C3248" t="s">
        <v>2052</v>
      </c>
      <c r="D3248" t="s">
        <v>2053</v>
      </c>
      <c r="E3248" t="s">
        <v>2048</v>
      </c>
      <c r="F3248" t="s">
        <v>2049</v>
      </c>
      <c r="G3248" t="s">
        <v>80</v>
      </c>
      <c r="H3248" t="s">
        <v>81</v>
      </c>
      <c r="I3248" s="2">
        <v>0</v>
      </c>
      <c r="J3248" s="2">
        <v>1</v>
      </c>
      <c r="K3248" s="2">
        <v>0</v>
      </c>
      <c r="L3248" t="s">
        <v>82</v>
      </c>
      <c r="M3248" t="s">
        <v>89</v>
      </c>
      <c r="N3248" t="s">
        <v>90</v>
      </c>
      <c r="O3248" t="s">
        <v>85</v>
      </c>
      <c r="P3248" t="s">
        <v>86</v>
      </c>
      <c r="Q3248">
        <v>26</v>
      </c>
      <c r="R3248">
        <v>27</v>
      </c>
      <c r="S3248">
        <v>27</v>
      </c>
      <c r="T3248">
        <v>28</v>
      </c>
      <c r="U3248">
        <v>29</v>
      </c>
      <c r="V3248">
        <v>30</v>
      </c>
      <c r="W3248">
        <v>31</v>
      </c>
      <c r="X3248">
        <v>32</v>
      </c>
      <c r="Y3248">
        <v>32</v>
      </c>
      <c r="Z3248">
        <v>33</v>
      </c>
      <c r="AA3248">
        <v>34</v>
      </c>
      <c r="AB3248">
        <v>35</v>
      </c>
      <c r="AC3248">
        <v>36</v>
      </c>
      <c r="AD3248">
        <v>37</v>
      </c>
      <c r="AE3248">
        <v>37</v>
      </c>
      <c r="AF3248">
        <v>38</v>
      </c>
      <c r="AG3248">
        <v>38</v>
      </c>
      <c r="AH3248">
        <v>38</v>
      </c>
      <c r="AI3248">
        <v>39</v>
      </c>
      <c r="AJ3248">
        <v>39</v>
      </c>
      <c r="AK3248">
        <v>39</v>
      </c>
      <c r="AL3248">
        <v>40</v>
      </c>
      <c r="AM3248">
        <v>40</v>
      </c>
      <c r="AN3248">
        <v>40</v>
      </c>
      <c r="AO3248">
        <v>41</v>
      </c>
      <c r="AP3248">
        <v>41</v>
      </c>
      <c r="AQ3248">
        <v>42</v>
      </c>
    </row>
    <row r="3249" spans="1:43">
      <c r="A3249" t="s">
        <v>2058</v>
      </c>
      <c r="B3249" t="s">
        <v>2059</v>
      </c>
      <c r="C3249" t="s">
        <v>2052</v>
      </c>
      <c r="D3249" t="s">
        <v>2053</v>
      </c>
      <c r="E3249" t="s">
        <v>2048</v>
      </c>
      <c r="F3249" t="s">
        <v>2049</v>
      </c>
      <c r="G3249" t="s">
        <v>80</v>
      </c>
      <c r="H3249" t="s">
        <v>81</v>
      </c>
      <c r="I3249" s="2">
        <v>0</v>
      </c>
      <c r="J3249" s="2">
        <v>1</v>
      </c>
      <c r="K3249" s="2">
        <v>0</v>
      </c>
      <c r="L3249" t="s">
        <v>82</v>
      </c>
      <c r="M3249" t="s">
        <v>83</v>
      </c>
      <c r="N3249" t="s">
        <v>91</v>
      </c>
      <c r="O3249" t="s">
        <v>85</v>
      </c>
      <c r="P3249" t="s">
        <v>86</v>
      </c>
      <c r="Q3249">
        <v>26</v>
      </c>
      <c r="R3249">
        <v>26</v>
      </c>
      <c r="S3249">
        <v>27</v>
      </c>
      <c r="T3249">
        <v>27</v>
      </c>
      <c r="U3249">
        <v>28</v>
      </c>
      <c r="V3249">
        <v>29</v>
      </c>
      <c r="W3249">
        <v>29</v>
      </c>
      <c r="X3249">
        <v>30</v>
      </c>
      <c r="Y3249">
        <v>31</v>
      </c>
      <c r="Z3249">
        <v>31</v>
      </c>
      <c r="AA3249">
        <v>32</v>
      </c>
      <c r="AB3249">
        <v>33</v>
      </c>
      <c r="AC3249">
        <v>33</v>
      </c>
      <c r="AD3249">
        <v>34</v>
      </c>
      <c r="AE3249">
        <v>35</v>
      </c>
      <c r="AF3249">
        <v>35</v>
      </c>
      <c r="AG3249">
        <v>36</v>
      </c>
      <c r="AH3249">
        <v>37</v>
      </c>
      <c r="AI3249">
        <v>38</v>
      </c>
      <c r="AJ3249">
        <v>38</v>
      </c>
      <c r="AK3249">
        <v>39</v>
      </c>
      <c r="AL3249">
        <v>40</v>
      </c>
      <c r="AM3249">
        <v>40</v>
      </c>
      <c r="AN3249">
        <v>40</v>
      </c>
      <c r="AO3249">
        <v>41</v>
      </c>
      <c r="AP3249">
        <v>41</v>
      </c>
      <c r="AQ3249">
        <v>41</v>
      </c>
    </row>
    <row r="3250" spans="1:43">
      <c r="A3250" t="s">
        <v>2060</v>
      </c>
      <c r="B3250" t="s">
        <v>2061</v>
      </c>
      <c r="C3250" t="s">
        <v>2052</v>
      </c>
      <c r="D3250" t="s">
        <v>2053</v>
      </c>
      <c r="E3250" t="s">
        <v>2048</v>
      </c>
      <c r="F3250" t="s">
        <v>2049</v>
      </c>
      <c r="G3250" t="s">
        <v>80</v>
      </c>
      <c r="H3250" t="s">
        <v>81</v>
      </c>
      <c r="I3250" s="2">
        <v>0</v>
      </c>
      <c r="J3250" s="2">
        <v>1</v>
      </c>
      <c r="K3250" s="2">
        <v>0</v>
      </c>
      <c r="L3250" t="s">
        <v>82</v>
      </c>
      <c r="M3250" t="s">
        <v>83</v>
      </c>
      <c r="N3250" t="s">
        <v>84</v>
      </c>
      <c r="O3250" t="s">
        <v>85</v>
      </c>
      <c r="P3250" t="s">
        <v>86</v>
      </c>
      <c r="Q3250">
        <v>42</v>
      </c>
      <c r="R3250">
        <v>43</v>
      </c>
      <c r="S3250">
        <v>44</v>
      </c>
      <c r="T3250">
        <v>45</v>
      </c>
      <c r="U3250">
        <v>46</v>
      </c>
      <c r="V3250">
        <v>47</v>
      </c>
      <c r="W3250">
        <v>49</v>
      </c>
      <c r="X3250">
        <v>50</v>
      </c>
      <c r="Y3250">
        <v>51</v>
      </c>
      <c r="Z3250">
        <v>52</v>
      </c>
      <c r="AA3250">
        <v>53</v>
      </c>
      <c r="AB3250">
        <v>54</v>
      </c>
      <c r="AC3250">
        <v>55</v>
      </c>
      <c r="AD3250">
        <v>56</v>
      </c>
      <c r="AE3250">
        <v>58</v>
      </c>
      <c r="AF3250">
        <v>59</v>
      </c>
      <c r="AG3250">
        <v>60</v>
      </c>
      <c r="AH3250">
        <v>61</v>
      </c>
      <c r="AI3250">
        <v>62</v>
      </c>
      <c r="AJ3250">
        <v>64</v>
      </c>
      <c r="AK3250">
        <v>65</v>
      </c>
      <c r="AL3250">
        <v>66</v>
      </c>
      <c r="AM3250">
        <v>66</v>
      </c>
      <c r="AN3250">
        <v>67</v>
      </c>
      <c r="AO3250">
        <v>67</v>
      </c>
      <c r="AP3250">
        <v>68</v>
      </c>
      <c r="AQ3250">
        <v>69</v>
      </c>
    </row>
    <row r="3251" spans="1:43">
      <c r="A3251" t="s">
        <v>2060</v>
      </c>
      <c r="B3251" t="s">
        <v>2061</v>
      </c>
      <c r="C3251" t="s">
        <v>2052</v>
      </c>
      <c r="D3251" t="s">
        <v>2053</v>
      </c>
      <c r="E3251" t="s">
        <v>2048</v>
      </c>
      <c r="F3251" t="s">
        <v>2049</v>
      </c>
      <c r="G3251" t="s">
        <v>80</v>
      </c>
      <c r="H3251" t="s">
        <v>81</v>
      </c>
      <c r="I3251" s="2">
        <v>0</v>
      </c>
      <c r="J3251" s="2">
        <v>1</v>
      </c>
      <c r="K3251" s="2">
        <v>0</v>
      </c>
      <c r="L3251" t="s">
        <v>82</v>
      </c>
      <c r="M3251" t="s">
        <v>87</v>
      </c>
      <c r="N3251" t="s">
        <v>88</v>
      </c>
      <c r="O3251" t="s">
        <v>85</v>
      </c>
      <c r="P3251" t="s">
        <v>86</v>
      </c>
      <c r="Q3251">
        <v>42</v>
      </c>
      <c r="R3251">
        <v>42</v>
      </c>
      <c r="S3251">
        <v>43</v>
      </c>
      <c r="T3251">
        <v>44</v>
      </c>
      <c r="U3251">
        <v>44</v>
      </c>
      <c r="V3251">
        <v>45</v>
      </c>
      <c r="W3251">
        <v>46</v>
      </c>
      <c r="X3251">
        <v>46</v>
      </c>
      <c r="Y3251">
        <v>47</v>
      </c>
      <c r="Z3251">
        <v>48</v>
      </c>
      <c r="AA3251">
        <v>48</v>
      </c>
      <c r="AB3251">
        <v>49</v>
      </c>
      <c r="AC3251">
        <v>50</v>
      </c>
      <c r="AD3251">
        <v>50</v>
      </c>
      <c r="AE3251">
        <v>51</v>
      </c>
      <c r="AF3251">
        <v>52</v>
      </c>
      <c r="AG3251">
        <v>52</v>
      </c>
      <c r="AH3251">
        <v>53</v>
      </c>
      <c r="AI3251">
        <v>54</v>
      </c>
      <c r="AJ3251">
        <v>55</v>
      </c>
      <c r="AK3251">
        <v>55</v>
      </c>
      <c r="AL3251">
        <v>56</v>
      </c>
      <c r="AM3251">
        <v>57</v>
      </c>
      <c r="AN3251">
        <v>57</v>
      </c>
      <c r="AO3251">
        <v>58</v>
      </c>
      <c r="AP3251">
        <v>59</v>
      </c>
      <c r="AQ3251">
        <v>60</v>
      </c>
    </row>
    <row r="3252" spans="1:43">
      <c r="A3252" t="s">
        <v>2060</v>
      </c>
      <c r="B3252" t="s">
        <v>2061</v>
      </c>
      <c r="C3252" t="s">
        <v>2052</v>
      </c>
      <c r="D3252" t="s">
        <v>2053</v>
      </c>
      <c r="E3252" t="s">
        <v>2048</v>
      </c>
      <c r="F3252" t="s">
        <v>2049</v>
      </c>
      <c r="G3252" t="s">
        <v>80</v>
      </c>
      <c r="H3252" t="s">
        <v>81</v>
      </c>
      <c r="I3252" s="2">
        <v>0</v>
      </c>
      <c r="J3252" s="2">
        <v>1</v>
      </c>
      <c r="K3252" s="2">
        <v>0</v>
      </c>
      <c r="L3252" t="s">
        <v>82</v>
      </c>
      <c r="M3252" t="s">
        <v>89</v>
      </c>
      <c r="N3252" t="s">
        <v>90</v>
      </c>
      <c r="O3252" t="s">
        <v>85</v>
      </c>
      <c r="P3252" t="s">
        <v>86</v>
      </c>
      <c r="Q3252">
        <v>42</v>
      </c>
      <c r="R3252">
        <v>43</v>
      </c>
      <c r="S3252">
        <v>44</v>
      </c>
      <c r="T3252">
        <v>46</v>
      </c>
      <c r="U3252">
        <v>47</v>
      </c>
      <c r="V3252">
        <v>49</v>
      </c>
      <c r="W3252">
        <v>50</v>
      </c>
      <c r="X3252">
        <v>51</v>
      </c>
      <c r="Y3252">
        <v>53</v>
      </c>
      <c r="Z3252">
        <v>54</v>
      </c>
      <c r="AA3252">
        <v>55</v>
      </c>
      <c r="AB3252">
        <v>57</v>
      </c>
      <c r="AC3252">
        <v>58</v>
      </c>
      <c r="AD3252">
        <v>60</v>
      </c>
      <c r="AE3252">
        <v>61</v>
      </c>
      <c r="AF3252">
        <v>61</v>
      </c>
      <c r="AG3252">
        <v>62</v>
      </c>
      <c r="AH3252">
        <v>62</v>
      </c>
      <c r="AI3252">
        <v>63</v>
      </c>
      <c r="AJ3252">
        <v>64</v>
      </c>
      <c r="AK3252">
        <v>64</v>
      </c>
      <c r="AL3252">
        <v>65</v>
      </c>
      <c r="AM3252">
        <v>65</v>
      </c>
      <c r="AN3252">
        <v>66</v>
      </c>
      <c r="AO3252">
        <v>67</v>
      </c>
      <c r="AP3252">
        <v>67</v>
      </c>
      <c r="AQ3252">
        <v>68</v>
      </c>
    </row>
    <row r="3253" spans="1:43">
      <c r="A3253" t="s">
        <v>2060</v>
      </c>
      <c r="B3253" t="s">
        <v>2061</v>
      </c>
      <c r="C3253" t="s">
        <v>2052</v>
      </c>
      <c r="D3253" t="s">
        <v>2053</v>
      </c>
      <c r="E3253" t="s">
        <v>2048</v>
      </c>
      <c r="F3253" t="s">
        <v>2049</v>
      </c>
      <c r="G3253" t="s">
        <v>80</v>
      </c>
      <c r="H3253" t="s">
        <v>81</v>
      </c>
      <c r="I3253" s="2">
        <v>0</v>
      </c>
      <c r="J3253" s="2">
        <v>1</v>
      </c>
      <c r="K3253" s="2">
        <v>0</v>
      </c>
      <c r="L3253" t="s">
        <v>82</v>
      </c>
      <c r="M3253" t="s">
        <v>83</v>
      </c>
      <c r="N3253" t="s">
        <v>91</v>
      </c>
      <c r="O3253" t="s">
        <v>85</v>
      </c>
      <c r="P3253" t="s">
        <v>86</v>
      </c>
      <c r="Q3253">
        <v>42</v>
      </c>
      <c r="R3253">
        <v>43</v>
      </c>
      <c r="S3253">
        <v>44</v>
      </c>
      <c r="T3253">
        <v>45</v>
      </c>
      <c r="U3253">
        <v>46</v>
      </c>
      <c r="V3253">
        <v>47</v>
      </c>
      <c r="W3253">
        <v>49</v>
      </c>
      <c r="X3253">
        <v>50</v>
      </c>
      <c r="Y3253">
        <v>51</v>
      </c>
      <c r="Z3253">
        <v>52</v>
      </c>
      <c r="AA3253">
        <v>53</v>
      </c>
      <c r="AB3253">
        <v>54</v>
      </c>
      <c r="AC3253">
        <v>55</v>
      </c>
      <c r="AD3253">
        <v>56</v>
      </c>
      <c r="AE3253">
        <v>58</v>
      </c>
      <c r="AF3253">
        <v>59</v>
      </c>
      <c r="AG3253">
        <v>60</v>
      </c>
      <c r="AH3253">
        <v>61</v>
      </c>
      <c r="AI3253">
        <v>62</v>
      </c>
      <c r="AJ3253">
        <v>64</v>
      </c>
      <c r="AK3253">
        <v>65</v>
      </c>
      <c r="AL3253">
        <v>66</v>
      </c>
      <c r="AM3253">
        <v>66</v>
      </c>
      <c r="AN3253">
        <v>67</v>
      </c>
      <c r="AO3253">
        <v>67</v>
      </c>
      <c r="AP3253">
        <v>68</v>
      </c>
      <c r="AQ3253">
        <v>69</v>
      </c>
    </row>
    <row r="3254" spans="1:43">
      <c r="A3254" t="s">
        <v>2062</v>
      </c>
      <c r="B3254" t="s">
        <v>2063</v>
      </c>
      <c r="C3254" t="s">
        <v>2046</v>
      </c>
      <c r="D3254" t="s">
        <v>2047</v>
      </c>
      <c r="E3254" t="s">
        <v>2048</v>
      </c>
      <c r="F3254" t="s">
        <v>2049</v>
      </c>
      <c r="G3254" t="s">
        <v>80</v>
      </c>
      <c r="H3254" t="s">
        <v>81</v>
      </c>
      <c r="I3254" s="2">
        <v>0</v>
      </c>
      <c r="J3254" s="2">
        <v>1</v>
      </c>
      <c r="K3254" s="2">
        <v>0</v>
      </c>
      <c r="L3254" t="s">
        <v>82</v>
      </c>
      <c r="M3254" t="s">
        <v>83</v>
      </c>
      <c r="N3254" t="s">
        <v>84</v>
      </c>
      <c r="O3254" t="s">
        <v>85</v>
      </c>
      <c r="P3254" t="s">
        <v>86</v>
      </c>
      <c r="Q3254">
        <v>116</v>
      </c>
      <c r="R3254">
        <v>119</v>
      </c>
      <c r="S3254">
        <v>122</v>
      </c>
      <c r="T3254">
        <v>125</v>
      </c>
      <c r="U3254">
        <v>128</v>
      </c>
      <c r="V3254">
        <v>131</v>
      </c>
      <c r="W3254">
        <v>134</v>
      </c>
      <c r="X3254">
        <v>137</v>
      </c>
      <c r="Y3254">
        <v>140</v>
      </c>
      <c r="Z3254">
        <v>143</v>
      </c>
      <c r="AA3254">
        <v>146</v>
      </c>
      <c r="AB3254">
        <v>149</v>
      </c>
      <c r="AC3254">
        <v>153</v>
      </c>
      <c r="AD3254">
        <v>156</v>
      </c>
      <c r="AE3254">
        <v>159</v>
      </c>
      <c r="AF3254">
        <v>162</v>
      </c>
      <c r="AG3254">
        <v>166</v>
      </c>
      <c r="AH3254">
        <v>169</v>
      </c>
      <c r="AI3254">
        <v>172</v>
      </c>
      <c r="AJ3254">
        <v>176</v>
      </c>
      <c r="AK3254">
        <v>179</v>
      </c>
      <c r="AL3254">
        <v>182</v>
      </c>
      <c r="AM3254">
        <v>183</v>
      </c>
      <c r="AN3254">
        <v>185</v>
      </c>
      <c r="AO3254">
        <v>187</v>
      </c>
      <c r="AP3254">
        <v>188</v>
      </c>
      <c r="AQ3254">
        <v>190</v>
      </c>
    </row>
    <row r="3255" spans="1:43">
      <c r="A3255" t="s">
        <v>2062</v>
      </c>
      <c r="B3255" t="s">
        <v>2063</v>
      </c>
      <c r="C3255" t="s">
        <v>2046</v>
      </c>
      <c r="D3255" t="s">
        <v>2047</v>
      </c>
      <c r="E3255" t="s">
        <v>2048</v>
      </c>
      <c r="F3255" t="s">
        <v>2049</v>
      </c>
      <c r="G3255" t="s">
        <v>80</v>
      </c>
      <c r="H3255" t="s">
        <v>81</v>
      </c>
      <c r="I3255" s="2">
        <v>0</v>
      </c>
      <c r="J3255" s="2">
        <v>1</v>
      </c>
      <c r="K3255" s="2">
        <v>0</v>
      </c>
      <c r="L3255" t="s">
        <v>82</v>
      </c>
      <c r="M3255" t="s">
        <v>87</v>
      </c>
      <c r="N3255" t="s">
        <v>88</v>
      </c>
      <c r="O3255" t="s">
        <v>85</v>
      </c>
      <c r="P3255" t="s">
        <v>86</v>
      </c>
      <c r="Q3255">
        <v>116</v>
      </c>
      <c r="R3255">
        <v>118</v>
      </c>
      <c r="S3255">
        <v>120</v>
      </c>
      <c r="T3255">
        <v>121</v>
      </c>
      <c r="U3255">
        <v>123</v>
      </c>
      <c r="V3255">
        <v>125</v>
      </c>
      <c r="W3255">
        <v>127</v>
      </c>
      <c r="X3255">
        <v>129</v>
      </c>
      <c r="Y3255">
        <v>130</v>
      </c>
      <c r="Z3255">
        <v>132</v>
      </c>
      <c r="AA3255">
        <v>134</v>
      </c>
      <c r="AB3255">
        <v>136</v>
      </c>
      <c r="AC3255">
        <v>138</v>
      </c>
      <c r="AD3255">
        <v>140</v>
      </c>
      <c r="AE3255">
        <v>142</v>
      </c>
      <c r="AF3255">
        <v>144</v>
      </c>
      <c r="AG3255">
        <v>146</v>
      </c>
      <c r="AH3255">
        <v>148</v>
      </c>
      <c r="AI3255">
        <v>150</v>
      </c>
      <c r="AJ3255">
        <v>152</v>
      </c>
      <c r="AK3255">
        <v>154</v>
      </c>
      <c r="AL3255">
        <v>156</v>
      </c>
      <c r="AM3255">
        <v>158</v>
      </c>
      <c r="AN3255">
        <v>160</v>
      </c>
      <c r="AO3255">
        <v>162</v>
      </c>
      <c r="AP3255">
        <v>164</v>
      </c>
      <c r="AQ3255">
        <v>166</v>
      </c>
    </row>
    <row r="3256" spans="1:43">
      <c r="A3256" t="s">
        <v>2062</v>
      </c>
      <c r="B3256" t="s">
        <v>2063</v>
      </c>
      <c r="C3256" t="s">
        <v>2046</v>
      </c>
      <c r="D3256" t="s">
        <v>2047</v>
      </c>
      <c r="E3256" t="s">
        <v>2048</v>
      </c>
      <c r="F3256" t="s">
        <v>2049</v>
      </c>
      <c r="G3256" t="s">
        <v>80</v>
      </c>
      <c r="H3256" t="s">
        <v>81</v>
      </c>
      <c r="I3256" s="2">
        <v>0</v>
      </c>
      <c r="J3256" s="2">
        <v>1</v>
      </c>
      <c r="K3256" s="2">
        <v>0</v>
      </c>
      <c r="L3256" t="s">
        <v>82</v>
      </c>
      <c r="M3256" t="s">
        <v>89</v>
      </c>
      <c r="N3256" t="s">
        <v>90</v>
      </c>
      <c r="O3256" t="s">
        <v>85</v>
      </c>
      <c r="P3256" t="s">
        <v>86</v>
      </c>
      <c r="Q3256">
        <v>116</v>
      </c>
      <c r="R3256">
        <v>120</v>
      </c>
      <c r="S3256">
        <v>124</v>
      </c>
      <c r="T3256">
        <v>128</v>
      </c>
      <c r="U3256">
        <v>132</v>
      </c>
      <c r="V3256">
        <v>136</v>
      </c>
      <c r="W3256">
        <v>140</v>
      </c>
      <c r="X3256">
        <v>144</v>
      </c>
      <c r="Y3256">
        <v>147</v>
      </c>
      <c r="Z3256">
        <v>151</v>
      </c>
      <c r="AA3256">
        <v>155</v>
      </c>
      <c r="AB3256">
        <v>159</v>
      </c>
      <c r="AC3256">
        <v>163</v>
      </c>
      <c r="AD3256">
        <v>167</v>
      </c>
      <c r="AE3256">
        <v>170</v>
      </c>
      <c r="AF3256">
        <v>171</v>
      </c>
      <c r="AG3256">
        <v>173</v>
      </c>
      <c r="AH3256">
        <v>175</v>
      </c>
      <c r="AI3256">
        <v>176</v>
      </c>
      <c r="AJ3256">
        <v>178</v>
      </c>
      <c r="AK3256">
        <v>180</v>
      </c>
      <c r="AL3256">
        <v>181</v>
      </c>
      <c r="AM3256">
        <v>183</v>
      </c>
      <c r="AN3256">
        <v>185</v>
      </c>
      <c r="AO3256">
        <v>186</v>
      </c>
      <c r="AP3256">
        <v>188</v>
      </c>
      <c r="AQ3256">
        <v>190</v>
      </c>
    </row>
    <row r="3257" spans="1:43">
      <c r="A3257" t="s">
        <v>2062</v>
      </c>
      <c r="B3257" t="s">
        <v>2063</v>
      </c>
      <c r="C3257" t="s">
        <v>2046</v>
      </c>
      <c r="D3257" t="s">
        <v>2047</v>
      </c>
      <c r="E3257" t="s">
        <v>2048</v>
      </c>
      <c r="F3257" t="s">
        <v>2049</v>
      </c>
      <c r="G3257" t="s">
        <v>80</v>
      </c>
      <c r="H3257" t="s">
        <v>81</v>
      </c>
      <c r="I3257" s="2">
        <v>0</v>
      </c>
      <c r="J3257" s="2">
        <v>1</v>
      </c>
      <c r="K3257" s="2">
        <v>0</v>
      </c>
      <c r="L3257" t="s">
        <v>82</v>
      </c>
      <c r="M3257" t="s">
        <v>83</v>
      </c>
      <c r="N3257" t="s">
        <v>91</v>
      </c>
      <c r="O3257" t="s">
        <v>85</v>
      </c>
      <c r="P3257" t="s">
        <v>86</v>
      </c>
      <c r="Q3257">
        <v>116</v>
      </c>
      <c r="R3257">
        <v>119</v>
      </c>
      <c r="S3257">
        <v>122</v>
      </c>
      <c r="T3257">
        <v>125</v>
      </c>
      <c r="U3257">
        <v>128</v>
      </c>
      <c r="V3257">
        <v>131</v>
      </c>
      <c r="W3257">
        <v>134</v>
      </c>
      <c r="X3257">
        <v>137</v>
      </c>
      <c r="Y3257">
        <v>140</v>
      </c>
      <c r="Z3257">
        <v>143</v>
      </c>
      <c r="AA3257">
        <v>146</v>
      </c>
      <c r="AB3257">
        <v>149</v>
      </c>
      <c r="AC3257">
        <v>153</v>
      </c>
      <c r="AD3257">
        <v>156</v>
      </c>
      <c r="AE3257">
        <v>159</v>
      </c>
      <c r="AF3257">
        <v>162</v>
      </c>
      <c r="AG3257">
        <v>166</v>
      </c>
      <c r="AH3257">
        <v>169</v>
      </c>
      <c r="AI3257">
        <v>172</v>
      </c>
      <c r="AJ3257">
        <v>176</v>
      </c>
      <c r="AK3257">
        <v>179</v>
      </c>
      <c r="AL3257">
        <v>182</v>
      </c>
      <c r="AM3257">
        <v>183</v>
      </c>
      <c r="AN3257">
        <v>185</v>
      </c>
      <c r="AO3257">
        <v>187</v>
      </c>
      <c r="AP3257">
        <v>188</v>
      </c>
      <c r="AQ3257">
        <v>190</v>
      </c>
    </row>
    <row r="3258" spans="1:43">
      <c r="A3258" t="s">
        <v>2064</v>
      </c>
      <c r="B3258" t="s">
        <v>2065</v>
      </c>
      <c r="C3258" t="s">
        <v>2046</v>
      </c>
      <c r="D3258" t="s">
        <v>2047</v>
      </c>
      <c r="E3258" t="s">
        <v>2048</v>
      </c>
      <c r="F3258" t="s">
        <v>2049</v>
      </c>
      <c r="G3258" t="s">
        <v>80</v>
      </c>
      <c r="H3258" t="s">
        <v>81</v>
      </c>
      <c r="I3258" s="2">
        <v>0</v>
      </c>
      <c r="J3258" s="2">
        <v>1</v>
      </c>
      <c r="K3258" s="2">
        <v>0</v>
      </c>
      <c r="L3258" t="s">
        <v>82</v>
      </c>
      <c r="M3258" t="s">
        <v>83</v>
      </c>
      <c r="N3258" t="s">
        <v>84</v>
      </c>
      <c r="O3258" t="s">
        <v>85</v>
      </c>
      <c r="P3258" t="s">
        <v>86</v>
      </c>
      <c r="Q3258">
        <v>38</v>
      </c>
      <c r="R3258">
        <v>38</v>
      </c>
      <c r="S3258">
        <v>39</v>
      </c>
      <c r="T3258">
        <v>40</v>
      </c>
      <c r="U3258">
        <v>41</v>
      </c>
      <c r="V3258">
        <v>42</v>
      </c>
      <c r="W3258">
        <v>43</v>
      </c>
      <c r="X3258">
        <v>44</v>
      </c>
      <c r="Y3258">
        <v>45</v>
      </c>
      <c r="Z3258">
        <v>46</v>
      </c>
      <c r="AA3258">
        <v>47</v>
      </c>
      <c r="AB3258">
        <v>48</v>
      </c>
      <c r="AC3258">
        <v>49</v>
      </c>
      <c r="AD3258">
        <v>50</v>
      </c>
      <c r="AE3258">
        <v>51</v>
      </c>
      <c r="AF3258">
        <v>52</v>
      </c>
      <c r="AG3258">
        <v>53</v>
      </c>
      <c r="AH3258">
        <v>55</v>
      </c>
      <c r="AI3258">
        <v>56</v>
      </c>
      <c r="AJ3258">
        <v>57</v>
      </c>
      <c r="AK3258">
        <v>58</v>
      </c>
      <c r="AL3258">
        <v>59</v>
      </c>
      <c r="AM3258">
        <v>59</v>
      </c>
      <c r="AN3258">
        <v>60</v>
      </c>
      <c r="AO3258">
        <v>60</v>
      </c>
      <c r="AP3258">
        <v>61</v>
      </c>
      <c r="AQ3258">
        <v>61</v>
      </c>
    </row>
    <row r="3259" spans="1:43">
      <c r="A3259" t="s">
        <v>2064</v>
      </c>
      <c r="B3259" t="s">
        <v>2065</v>
      </c>
      <c r="C3259" t="s">
        <v>2046</v>
      </c>
      <c r="D3259" t="s">
        <v>2047</v>
      </c>
      <c r="E3259" t="s">
        <v>2048</v>
      </c>
      <c r="F3259" t="s">
        <v>2049</v>
      </c>
      <c r="G3259" t="s">
        <v>80</v>
      </c>
      <c r="H3259" t="s">
        <v>81</v>
      </c>
      <c r="I3259" s="2">
        <v>0</v>
      </c>
      <c r="J3259" s="2">
        <v>1</v>
      </c>
      <c r="K3259" s="2">
        <v>0</v>
      </c>
      <c r="L3259" t="s">
        <v>82</v>
      </c>
      <c r="M3259" t="s">
        <v>87</v>
      </c>
      <c r="N3259" t="s">
        <v>88</v>
      </c>
      <c r="O3259" t="s">
        <v>85</v>
      </c>
      <c r="P3259" t="s">
        <v>86</v>
      </c>
      <c r="Q3259">
        <v>38</v>
      </c>
      <c r="R3259">
        <v>39</v>
      </c>
      <c r="S3259">
        <v>39</v>
      </c>
      <c r="T3259">
        <v>40</v>
      </c>
      <c r="U3259">
        <v>40</v>
      </c>
      <c r="V3259">
        <v>41</v>
      </c>
      <c r="W3259">
        <v>42</v>
      </c>
      <c r="X3259">
        <v>42</v>
      </c>
      <c r="Y3259">
        <v>43</v>
      </c>
      <c r="Z3259">
        <v>43</v>
      </c>
      <c r="AA3259">
        <v>44</v>
      </c>
      <c r="AB3259">
        <v>45</v>
      </c>
      <c r="AC3259">
        <v>45</v>
      </c>
      <c r="AD3259">
        <v>46</v>
      </c>
      <c r="AE3259">
        <v>46</v>
      </c>
      <c r="AF3259">
        <v>47</v>
      </c>
      <c r="AG3259">
        <v>48</v>
      </c>
      <c r="AH3259">
        <v>48</v>
      </c>
      <c r="AI3259">
        <v>49</v>
      </c>
      <c r="AJ3259">
        <v>50</v>
      </c>
      <c r="AK3259">
        <v>50</v>
      </c>
      <c r="AL3259">
        <v>51</v>
      </c>
      <c r="AM3259">
        <v>52</v>
      </c>
      <c r="AN3259">
        <v>52</v>
      </c>
      <c r="AO3259">
        <v>53</v>
      </c>
      <c r="AP3259">
        <v>54</v>
      </c>
      <c r="AQ3259">
        <v>54</v>
      </c>
    </row>
    <row r="3260" spans="1:43">
      <c r="A3260" t="s">
        <v>2064</v>
      </c>
      <c r="B3260" t="s">
        <v>2065</v>
      </c>
      <c r="C3260" t="s">
        <v>2046</v>
      </c>
      <c r="D3260" t="s">
        <v>2047</v>
      </c>
      <c r="E3260" t="s">
        <v>2048</v>
      </c>
      <c r="F3260" t="s">
        <v>2049</v>
      </c>
      <c r="G3260" t="s">
        <v>80</v>
      </c>
      <c r="H3260" t="s">
        <v>81</v>
      </c>
      <c r="I3260" s="2">
        <v>0</v>
      </c>
      <c r="J3260" s="2">
        <v>1</v>
      </c>
      <c r="K3260" s="2">
        <v>0</v>
      </c>
      <c r="L3260" t="s">
        <v>82</v>
      </c>
      <c r="M3260" t="s">
        <v>89</v>
      </c>
      <c r="N3260" t="s">
        <v>90</v>
      </c>
      <c r="O3260" t="s">
        <v>85</v>
      </c>
      <c r="P3260" t="s">
        <v>86</v>
      </c>
      <c r="Q3260">
        <v>38</v>
      </c>
      <c r="R3260">
        <v>39</v>
      </c>
      <c r="S3260">
        <v>40</v>
      </c>
      <c r="T3260">
        <v>42</v>
      </c>
      <c r="U3260">
        <v>43</v>
      </c>
      <c r="V3260">
        <v>44</v>
      </c>
      <c r="W3260">
        <v>45</v>
      </c>
      <c r="X3260">
        <v>47</v>
      </c>
      <c r="Y3260">
        <v>48</v>
      </c>
      <c r="Z3260">
        <v>49</v>
      </c>
      <c r="AA3260">
        <v>50</v>
      </c>
      <c r="AB3260">
        <v>52</v>
      </c>
      <c r="AC3260">
        <v>53</v>
      </c>
      <c r="AD3260">
        <v>54</v>
      </c>
      <c r="AE3260">
        <v>55</v>
      </c>
      <c r="AF3260">
        <v>56</v>
      </c>
      <c r="AG3260">
        <v>56</v>
      </c>
      <c r="AH3260">
        <v>57</v>
      </c>
      <c r="AI3260">
        <v>57</v>
      </c>
      <c r="AJ3260">
        <v>58</v>
      </c>
      <c r="AK3260">
        <v>58</v>
      </c>
      <c r="AL3260">
        <v>59</v>
      </c>
      <c r="AM3260">
        <v>59</v>
      </c>
      <c r="AN3260">
        <v>60</v>
      </c>
      <c r="AO3260">
        <v>61</v>
      </c>
      <c r="AP3260">
        <v>61</v>
      </c>
      <c r="AQ3260">
        <v>62</v>
      </c>
    </row>
    <row r="3261" spans="1:43">
      <c r="A3261" t="s">
        <v>2064</v>
      </c>
      <c r="B3261" t="s">
        <v>2065</v>
      </c>
      <c r="C3261" t="s">
        <v>2046</v>
      </c>
      <c r="D3261" t="s">
        <v>2047</v>
      </c>
      <c r="E3261" t="s">
        <v>2048</v>
      </c>
      <c r="F3261" t="s">
        <v>2049</v>
      </c>
      <c r="G3261" t="s">
        <v>80</v>
      </c>
      <c r="H3261" t="s">
        <v>81</v>
      </c>
      <c r="I3261" s="2">
        <v>0</v>
      </c>
      <c r="J3261" s="2">
        <v>1</v>
      </c>
      <c r="K3261" s="2">
        <v>0</v>
      </c>
      <c r="L3261" t="s">
        <v>82</v>
      </c>
      <c r="M3261" t="s">
        <v>83</v>
      </c>
      <c r="N3261" t="s">
        <v>91</v>
      </c>
      <c r="O3261" t="s">
        <v>85</v>
      </c>
      <c r="P3261" t="s">
        <v>86</v>
      </c>
      <c r="Q3261">
        <v>38</v>
      </c>
      <c r="R3261">
        <v>38</v>
      </c>
      <c r="S3261">
        <v>39</v>
      </c>
      <c r="T3261">
        <v>40</v>
      </c>
      <c r="U3261">
        <v>41</v>
      </c>
      <c r="V3261">
        <v>42</v>
      </c>
      <c r="W3261">
        <v>43</v>
      </c>
      <c r="X3261">
        <v>44</v>
      </c>
      <c r="Y3261">
        <v>45</v>
      </c>
      <c r="Z3261">
        <v>46</v>
      </c>
      <c r="AA3261">
        <v>47</v>
      </c>
      <c r="AB3261">
        <v>48</v>
      </c>
      <c r="AC3261">
        <v>49</v>
      </c>
      <c r="AD3261">
        <v>50</v>
      </c>
      <c r="AE3261">
        <v>51</v>
      </c>
      <c r="AF3261">
        <v>52</v>
      </c>
      <c r="AG3261">
        <v>53</v>
      </c>
      <c r="AH3261">
        <v>55</v>
      </c>
      <c r="AI3261">
        <v>56</v>
      </c>
      <c r="AJ3261">
        <v>57</v>
      </c>
      <c r="AK3261">
        <v>58</v>
      </c>
      <c r="AL3261">
        <v>59</v>
      </c>
      <c r="AM3261">
        <v>59</v>
      </c>
      <c r="AN3261">
        <v>60</v>
      </c>
      <c r="AO3261">
        <v>60</v>
      </c>
      <c r="AP3261">
        <v>61</v>
      </c>
      <c r="AQ3261">
        <v>61</v>
      </c>
    </row>
    <row r="3262" spans="1:43">
      <c r="A3262" t="s">
        <v>2066</v>
      </c>
      <c r="B3262" t="s">
        <v>2067</v>
      </c>
      <c r="C3262" t="s">
        <v>2068</v>
      </c>
      <c r="D3262" t="s">
        <v>2069</v>
      </c>
      <c r="E3262" t="s">
        <v>2048</v>
      </c>
      <c r="F3262" t="s">
        <v>2049</v>
      </c>
      <c r="G3262" t="s">
        <v>80</v>
      </c>
      <c r="H3262" t="s">
        <v>81</v>
      </c>
      <c r="I3262" s="2">
        <v>0</v>
      </c>
      <c r="J3262" s="2">
        <v>1</v>
      </c>
      <c r="K3262" s="2">
        <v>0</v>
      </c>
      <c r="L3262" t="s">
        <v>82</v>
      </c>
      <c r="M3262" t="s">
        <v>83</v>
      </c>
      <c r="N3262" t="s">
        <v>84</v>
      </c>
      <c r="O3262" t="s">
        <v>85</v>
      </c>
      <c r="P3262" t="s">
        <v>86</v>
      </c>
      <c r="Q3262">
        <v>405</v>
      </c>
      <c r="R3262">
        <v>414</v>
      </c>
      <c r="S3262">
        <v>424</v>
      </c>
      <c r="T3262">
        <v>434</v>
      </c>
      <c r="U3262">
        <v>444</v>
      </c>
      <c r="V3262">
        <v>454</v>
      </c>
      <c r="W3262">
        <v>465</v>
      </c>
      <c r="X3262">
        <v>475</v>
      </c>
      <c r="Y3262">
        <v>486</v>
      </c>
      <c r="Z3262">
        <v>497</v>
      </c>
      <c r="AA3262">
        <v>508</v>
      </c>
      <c r="AB3262">
        <v>518</v>
      </c>
      <c r="AC3262">
        <v>529</v>
      </c>
      <c r="AD3262">
        <v>540</v>
      </c>
      <c r="AE3262">
        <v>552</v>
      </c>
      <c r="AF3262">
        <v>563</v>
      </c>
      <c r="AG3262">
        <v>574</v>
      </c>
      <c r="AH3262">
        <v>586</v>
      </c>
      <c r="AI3262">
        <v>598</v>
      </c>
      <c r="AJ3262">
        <v>610</v>
      </c>
      <c r="AK3262">
        <v>622</v>
      </c>
      <c r="AL3262">
        <v>630</v>
      </c>
      <c r="AM3262">
        <v>636</v>
      </c>
      <c r="AN3262">
        <v>642</v>
      </c>
      <c r="AO3262">
        <v>648</v>
      </c>
      <c r="AP3262">
        <v>654</v>
      </c>
      <c r="AQ3262">
        <v>660</v>
      </c>
    </row>
    <row r="3263" spans="1:43">
      <c r="A3263" t="s">
        <v>2066</v>
      </c>
      <c r="B3263" t="s">
        <v>2067</v>
      </c>
      <c r="C3263" t="s">
        <v>2068</v>
      </c>
      <c r="D3263" t="s">
        <v>2069</v>
      </c>
      <c r="E3263" t="s">
        <v>2048</v>
      </c>
      <c r="F3263" t="s">
        <v>2049</v>
      </c>
      <c r="G3263" t="s">
        <v>80</v>
      </c>
      <c r="H3263" t="s">
        <v>81</v>
      </c>
      <c r="I3263" s="2">
        <v>0</v>
      </c>
      <c r="J3263" s="2">
        <v>1</v>
      </c>
      <c r="K3263" s="2">
        <v>0</v>
      </c>
      <c r="L3263" t="s">
        <v>82</v>
      </c>
      <c r="M3263" t="s">
        <v>87</v>
      </c>
      <c r="N3263" t="s">
        <v>88</v>
      </c>
      <c r="O3263" t="s">
        <v>85</v>
      </c>
      <c r="P3263" t="s">
        <v>86</v>
      </c>
      <c r="Q3263">
        <v>405</v>
      </c>
      <c r="R3263">
        <v>411</v>
      </c>
      <c r="S3263">
        <v>417</v>
      </c>
      <c r="T3263">
        <v>423</v>
      </c>
      <c r="U3263">
        <v>429</v>
      </c>
      <c r="V3263">
        <v>435</v>
      </c>
      <c r="W3263">
        <v>441</v>
      </c>
      <c r="X3263">
        <v>447</v>
      </c>
      <c r="Y3263">
        <v>453</v>
      </c>
      <c r="Z3263">
        <v>460</v>
      </c>
      <c r="AA3263">
        <v>466</v>
      </c>
      <c r="AB3263">
        <v>472</v>
      </c>
      <c r="AC3263">
        <v>479</v>
      </c>
      <c r="AD3263">
        <v>485</v>
      </c>
      <c r="AE3263">
        <v>492</v>
      </c>
      <c r="AF3263">
        <v>498</v>
      </c>
      <c r="AG3263">
        <v>505</v>
      </c>
      <c r="AH3263">
        <v>512</v>
      </c>
      <c r="AI3263">
        <v>519</v>
      </c>
      <c r="AJ3263">
        <v>526</v>
      </c>
      <c r="AK3263">
        <v>532</v>
      </c>
      <c r="AL3263">
        <v>539</v>
      </c>
      <c r="AM3263">
        <v>547</v>
      </c>
      <c r="AN3263">
        <v>554</v>
      </c>
      <c r="AO3263">
        <v>561</v>
      </c>
      <c r="AP3263">
        <v>568</v>
      </c>
      <c r="AQ3263">
        <v>575</v>
      </c>
    </row>
    <row r="3264" spans="1:43">
      <c r="A3264" t="s">
        <v>2066</v>
      </c>
      <c r="B3264" t="s">
        <v>2067</v>
      </c>
      <c r="C3264" t="s">
        <v>2068</v>
      </c>
      <c r="D3264" t="s">
        <v>2069</v>
      </c>
      <c r="E3264" t="s">
        <v>2048</v>
      </c>
      <c r="F3264" t="s">
        <v>2049</v>
      </c>
      <c r="G3264" t="s">
        <v>80</v>
      </c>
      <c r="H3264" t="s">
        <v>81</v>
      </c>
      <c r="I3264" s="2">
        <v>0</v>
      </c>
      <c r="J3264" s="2">
        <v>1</v>
      </c>
      <c r="K3264" s="2">
        <v>0</v>
      </c>
      <c r="L3264" t="s">
        <v>82</v>
      </c>
      <c r="M3264" t="s">
        <v>89</v>
      </c>
      <c r="N3264" t="s">
        <v>90</v>
      </c>
      <c r="O3264" t="s">
        <v>85</v>
      </c>
      <c r="P3264" t="s">
        <v>86</v>
      </c>
      <c r="Q3264">
        <v>405</v>
      </c>
      <c r="R3264">
        <v>418</v>
      </c>
      <c r="S3264">
        <v>431</v>
      </c>
      <c r="T3264">
        <v>445</v>
      </c>
      <c r="U3264">
        <v>458</v>
      </c>
      <c r="V3264">
        <v>471</v>
      </c>
      <c r="W3264">
        <v>485</v>
      </c>
      <c r="X3264">
        <v>498</v>
      </c>
      <c r="Y3264">
        <v>511</v>
      </c>
      <c r="Z3264">
        <v>524</v>
      </c>
      <c r="AA3264">
        <v>537</v>
      </c>
      <c r="AB3264">
        <v>550</v>
      </c>
      <c r="AC3264">
        <v>564</v>
      </c>
      <c r="AD3264">
        <v>578</v>
      </c>
      <c r="AE3264">
        <v>589</v>
      </c>
      <c r="AF3264">
        <v>595</v>
      </c>
      <c r="AG3264">
        <v>600</v>
      </c>
      <c r="AH3264">
        <v>606</v>
      </c>
      <c r="AI3264">
        <v>612</v>
      </c>
      <c r="AJ3264">
        <v>618</v>
      </c>
      <c r="AK3264">
        <v>624</v>
      </c>
      <c r="AL3264">
        <v>630</v>
      </c>
      <c r="AM3264">
        <v>636</v>
      </c>
      <c r="AN3264">
        <v>641</v>
      </c>
      <c r="AO3264">
        <v>647</v>
      </c>
      <c r="AP3264">
        <v>653</v>
      </c>
      <c r="AQ3264">
        <v>659</v>
      </c>
    </row>
    <row r="3265" spans="1:43">
      <c r="A3265" t="s">
        <v>2066</v>
      </c>
      <c r="B3265" t="s">
        <v>2067</v>
      </c>
      <c r="C3265" t="s">
        <v>2068</v>
      </c>
      <c r="D3265" t="s">
        <v>2069</v>
      </c>
      <c r="E3265" t="s">
        <v>2048</v>
      </c>
      <c r="F3265" t="s">
        <v>2049</v>
      </c>
      <c r="G3265" t="s">
        <v>80</v>
      </c>
      <c r="H3265" t="s">
        <v>81</v>
      </c>
      <c r="I3265" s="2">
        <v>0</v>
      </c>
      <c r="J3265" s="2">
        <v>1</v>
      </c>
      <c r="K3265" s="2">
        <v>0</v>
      </c>
      <c r="L3265" t="s">
        <v>82</v>
      </c>
      <c r="M3265" t="s">
        <v>83</v>
      </c>
      <c r="N3265" t="s">
        <v>91</v>
      </c>
      <c r="O3265" t="s">
        <v>85</v>
      </c>
      <c r="P3265" t="s">
        <v>86</v>
      </c>
      <c r="Q3265">
        <v>405</v>
      </c>
      <c r="R3265">
        <v>414</v>
      </c>
      <c r="S3265">
        <v>424</v>
      </c>
      <c r="T3265">
        <v>434</v>
      </c>
      <c r="U3265">
        <v>444</v>
      </c>
      <c r="V3265">
        <v>454</v>
      </c>
      <c r="W3265">
        <v>465</v>
      </c>
      <c r="X3265">
        <v>475</v>
      </c>
      <c r="Y3265">
        <v>486</v>
      </c>
      <c r="Z3265">
        <v>497</v>
      </c>
      <c r="AA3265">
        <v>508</v>
      </c>
      <c r="AB3265">
        <v>518</v>
      </c>
      <c r="AC3265">
        <v>529</v>
      </c>
      <c r="AD3265">
        <v>540</v>
      </c>
      <c r="AE3265">
        <v>552</v>
      </c>
      <c r="AF3265">
        <v>563</v>
      </c>
      <c r="AG3265">
        <v>574</v>
      </c>
      <c r="AH3265">
        <v>586</v>
      </c>
      <c r="AI3265">
        <v>598</v>
      </c>
      <c r="AJ3265">
        <v>610</v>
      </c>
      <c r="AK3265">
        <v>622</v>
      </c>
      <c r="AL3265">
        <v>630</v>
      </c>
      <c r="AM3265">
        <v>636</v>
      </c>
      <c r="AN3265">
        <v>642</v>
      </c>
      <c r="AO3265">
        <v>648</v>
      </c>
      <c r="AP3265">
        <v>654</v>
      </c>
      <c r="AQ3265">
        <v>660</v>
      </c>
    </row>
    <row r="3266" spans="1:43">
      <c r="A3266" t="s">
        <v>2070</v>
      </c>
      <c r="B3266" t="s">
        <v>2071</v>
      </c>
      <c r="C3266" t="s">
        <v>2068</v>
      </c>
      <c r="D3266" t="s">
        <v>2069</v>
      </c>
      <c r="E3266" t="s">
        <v>2048</v>
      </c>
      <c r="F3266" t="s">
        <v>2049</v>
      </c>
      <c r="G3266" t="s">
        <v>80</v>
      </c>
      <c r="H3266" t="s">
        <v>81</v>
      </c>
      <c r="I3266" s="2">
        <v>0</v>
      </c>
      <c r="J3266" s="2">
        <v>1</v>
      </c>
      <c r="K3266" s="2">
        <v>0</v>
      </c>
      <c r="L3266" t="s">
        <v>82</v>
      </c>
      <c r="M3266" t="s">
        <v>83</v>
      </c>
      <c r="N3266" t="s">
        <v>84</v>
      </c>
      <c r="O3266" t="s">
        <v>85</v>
      </c>
      <c r="P3266" t="s">
        <v>86</v>
      </c>
      <c r="Q3266">
        <v>281</v>
      </c>
      <c r="R3266">
        <v>288</v>
      </c>
      <c r="S3266">
        <v>295</v>
      </c>
      <c r="T3266">
        <v>302</v>
      </c>
      <c r="U3266">
        <v>309</v>
      </c>
      <c r="V3266">
        <v>316</v>
      </c>
      <c r="W3266">
        <v>323</v>
      </c>
      <c r="X3266">
        <v>331</v>
      </c>
      <c r="Y3266">
        <v>338</v>
      </c>
      <c r="Z3266">
        <v>346</v>
      </c>
      <c r="AA3266">
        <v>353</v>
      </c>
      <c r="AB3266">
        <v>361</v>
      </c>
      <c r="AC3266">
        <v>368</v>
      </c>
      <c r="AD3266">
        <v>376</v>
      </c>
      <c r="AE3266">
        <v>384</v>
      </c>
      <c r="AF3266">
        <v>392</v>
      </c>
      <c r="AG3266">
        <v>400</v>
      </c>
      <c r="AH3266">
        <v>408</v>
      </c>
      <c r="AI3266">
        <v>416</v>
      </c>
      <c r="AJ3266">
        <v>424</v>
      </c>
      <c r="AK3266">
        <v>433</v>
      </c>
      <c r="AL3266">
        <v>438</v>
      </c>
      <c r="AM3266">
        <v>443</v>
      </c>
      <c r="AN3266">
        <v>447</v>
      </c>
      <c r="AO3266">
        <v>451</v>
      </c>
      <c r="AP3266">
        <v>455</v>
      </c>
      <c r="AQ3266">
        <v>459</v>
      </c>
    </row>
    <row r="3267" spans="1:43">
      <c r="A3267" t="s">
        <v>2070</v>
      </c>
      <c r="B3267" t="s">
        <v>2071</v>
      </c>
      <c r="C3267" t="s">
        <v>2068</v>
      </c>
      <c r="D3267" t="s">
        <v>2069</v>
      </c>
      <c r="E3267" t="s">
        <v>2048</v>
      </c>
      <c r="F3267" t="s">
        <v>2049</v>
      </c>
      <c r="G3267" t="s">
        <v>80</v>
      </c>
      <c r="H3267" t="s">
        <v>81</v>
      </c>
      <c r="I3267" s="2">
        <v>0</v>
      </c>
      <c r="J3267" s="2">
        <v>1</v>
      </c>
      <c r="K3267" s="2">
        <v>0</v>
      </c>
      <c r="L3267" t="s">
        <v>82</v>
      </c>
      <c r="M3267" t="s">
        <v>87</v>
      </c>
      <c r="N3267" t="s">
        <v>88</v>
      </c>
      <c r="O3267" t="s">
        <v>85</v>
      </c>
      <c r="P3267" t="s">
        <v>86</v>
      </c>
      <c r="Q3267">
        <v>281</v>
      </c>
      <c r="R3267">
        <v>285</v>
      </c>
      <c r="S3267">
        <v>289</v>
      </c>
      <c r="T3267">
        <v>293</v>
      </c>
      <c r="U3267">
        <v>297</v>
      </c>
      <c r="V3267">
        <v>302</v>
      </c>
      <c r="W3267">
        <v>306</v>
      </c>
      <c r="X3267">
        <v>310</v>
      </c>
      <c r="Y3267">
        <v>315</v>
      </c>
      <c r="Z3267">
        <v>319</v>
      </c>
      <c r="AA3267">
        <v>323</v>
      </c>
      <c r="AB3267">
        <v>328</v>
      </c>
      <c r="AC3267">
        <v>333</v>
      </c>
      <c r="AD3267">
        <v>337</v>
      </c>
      <c r="AE3267">
        <v>342</v>
      </c>
      <c r="AF3267">
        <v>346</v>
      </c>
      <c r="AG3267">
        <v>351</v>
      </c>
      <c r="AH3267">
        <v>356</v>
      </c>
      <c r="AI3267">
        <v>361</v>
      </c>
      <c r="AJ3267">
        <v>365</v>
      </c>
      <c r="AK3267">
        <v>370</v>
      </c>
      <c r="AL3267">
        <v>375</v>
      </c>
      <c r="AM3267">
        <v>380</v>
      </c>
      <c r="AN3267">
        <v>385</v>
      </c>
      <c r="AO3267">
        <v>390</v>
      </c>
      <c r="AP3267">
        <v>395</v>
      </c>
      <c r="AQ3267">
        <v>401</v>
      </c>
    </row>
    <row r="3268" spans="1:43">
      <c r="A3268" t="s">
        <v>2070</v>
      </c>
      <c r="B3268" t="s">
        <v>2071</v>
      </c>
      <c r="C3268" t="s">
        <v>2068</v>
      </c>
      <c r="D3268" t="s">
        <v>2069</v>
      </c>
      <c r="E3268" t="s">
        <v>2048</v>
      </c>
      <c r="F3268" t="s">
        <v>2049</v>
      </c>
      <c r="G3268" t="s">
        <v>80</v>
      </c>
      <c r="H3268" t="s">
        <v>81</v>
      </c>
      <c r="I3268" s="2">
        <v>0</v>
      </c>
      <c r="J3268" s="2">
        <v>1</v>
      </c>
      <c r="K3268" s="2">
        <v>0</v>
      </c>
      <c r="L3268" t="s">
        <v>82</v>
      </c>
      <c r="M3268" t="s">
        <v>89</v>
      </c>
      <c r="N3268" t="s">
        <v>90</v>
      </c>
      <c r="O3268" t="s">
        <v>85</v>
      </c>
      <c r="P3268" t="s">
        <v>86</v>
      </c>
      <c r="Q3268">
        <v>281</v>
      </c>
      <c r="R3268">
        <v>290</v>
      </c>
      <c r="S3268">
        <v>299</v>
      </c>
      <c r="T3268">
        <v>309</v>
      </c>
      <c r="U3268">
        <v>318</v>
      </c>
      <c r="V3268">
        <v>328</v>
      </c>
      <c r="W3268">
        <v>337</v>
      </c>
      <c r="X3268">
        <v>346</v>
      </c>
      <c r="Y3268">
        <v>355</v>
      </c>
      <c r="Z3268">
        <v>364</v>
      </c>
      <c r="AA3268">
        <v>373</v>
      </c>
      <c r="AB3268">
        <v>383</v>
      </c>
      <c r="AC3268">
        <v>392</v>
      </c>
      <c r="AD3268">
        <v>402</v>
      </c>
      <c r="AE3268">
        <v>409</v>
      </c>
      <c r="AF3268">
        <v>413</v>
      </c>
      <c r="AG3268">
        <v>417</v>
      </c>
      <c r="AH3268">
        <v>421</v>
      </c>
      <c r="AI3268">
        <v>425</v>
      </c>
      <c r="AJ3268">
        <v>429</v>
      </c>
      <c r="AK3268">
        <v>433</v>
      </c>
      <c r="AL3268">
        <v>438</v>
      </c>
      <c r="AM3268">
        <v>442</v>
      </c>
      <c r="AN3268">
        <v>446</v>
      </c>
      <c r="AO3268">
        <v>450</v>
      </c>
      <c r="AP3268">
        <v>454</v>
      </c>
      <c r="AQ3268">
        <v>458</v>
      </c>
    </row>
    <row r="3269" spans="1:43">
      <c r="A3269" t="s">
        <v>2070</v>
      </c>
      <c r="B3269" t="s">
        <v>2071</v>
      </c>
      <c r="C3269" t="s">
        <v>2068</v>
      </c>
      <c r="D3269" t="s">
        <v>2069</v>
      </c>
      <c r="E3269" t="s">
        <v>2048</v>
      </c>
      <c r="F3269" t="s">
        <v>2049</v>
      </c>
      <c r="G3269" t="s">
        <v>80</v>
      </c>
      <c r="H3269" t="s">
        <v>81</v>
      </c>
      <c r="I3269" s="2">
        <v>0</v>
      </c>
      <c r="J3269" s="2">
        <v>1</v>
      </c>
      <c r="K3269" s="2">
        <v>0</v>
      </c>
      <c r="L3269" t="s">
        <v>82</v>
      </c>
      <c r="M3269" t="s">
        <v>83</v>
      </c>
      <c r="N3269" t="s">
        <v>91</v>
      </c>
      <c r="O3269" t="s">
        <v>85</v>
      </c>
      <c r="P3269" t="s">
        <v>86</v>
      </c>
      <c r="Q3269">
        <v>281</v>
      </c>
      <c r="R3269">
        <v>288</v>
      </c>
      <c r="S3269">
        <v>295</v>
      </c>
      <c r="T3269">
        <v>302</v>
      </c>
      <c r="U3269">
        <v>309</v>
      </c>
      <c r="V3269">
        <v>316</v>
      </c>
      <c r="W3269">
        <v>323</v>
      </c>
      <c r="X3269">
        <v>331</v>
      </c>
      <c r="Y3269">
        <v>338</v>
      </c>
      <c r="Z3269">
        <v>346</v>
      </c>
      <c r="AA3269">
        <v>353</v>
      </c>
      <c r="AB3269">
        <v>361</v>
      </c>
      <c r="AC3269">
        <v>368</v>
      </c>
      <c r="AD3269">
        <v>376</v>
      </c>
      <c r="AE3269">
        <v>384</v>
      </c>
      <c r="AF3269">
        <v>392</v>
      </c>
      <c r="AG3269">
        <v>400</v>
      </c>
      <c r="AH3269">
        <v>408</v>
      </c>
      <c r="AI3269">
        <v>416</v>
      </c>
      <c r="AJ3269">
        <v>424</v>
      </c>
      <c r="AK3269">
        <v>433</v>
      </c>
      <c r="AL3269">
        <v>438</v>
      </c>
      <c r="AM3269">
        <v>443</v>
      </c>
      <c r="AN3269">
        <v>447</v>
      </c>
      <c r="AO3269">
        <v>451</v>
      </c>
      <c r="AP3269">
        <v>455</v>
      </c>
      <c r="AQ3269">
        <v>459</v>
      </c>
    </row>
    <row r="3270" spans="1:43">
      <c r="A3270" t="s">
        <v>2072</v>
      </c>
      <c r="B3270" t="s">
        <v>2073</v>
      </c>
      <c r="C3270" t="s">
        <v>2074</v>
      </c>
      <c r="D3270" t="s">
        <v>2075</v>
      </c>
      <c r="E3270" t="s">
        <v>2048</v>
      </c>
      <c r="F3270" t="s">
        <v>2049</v>
      </c>
      <c r="G3270" t="s">
        <v>80</v>
      </c>
      <c r="H3270" t="s">
        <v>81</v>
      </c>
      <c r="I3270" s="2">
        <v>0</v>
      </c>
      <c r="J3270" s="2">
        <v>1</v>
      </c>
      <c r="K3270" s="2">
        <v>0</v>
      </c>
      <c r="L3270" t="s">
        <v>82</v>
      </c>
      <c r="M3270" t="s">
        <v>83</v>
      </c>
      <c r="N3270" t="s">
        <v>84</v>
      </c>
      <c r="O3270" t="s">
        <v>85</v>
      </c>
      <c r="P3270" t="s">
        <v>86</v>
      </c>
      <c r="Q3270">
        <v>75</v>
      </c>
      <c r="R3270">
        <v>77</v>
      </c>
      <c r="S3270">
        <v>79</v>
      </c>
      <c r="T3270">
        <v>80</v>
      </c>
      <c r="U3270">
        <v>82</v>
      </c>
      <c r="V3270">
        <v>84</v>
      </c>
      <c r="W3270">
        <v>86</v>
      </c>
      <c r="X3270">
        <v>88</v>
      </c>
      <c r="Y3270">
        <v>90</v>
      </c>
      <c r="Z3270">
        <v>92</v>
      </c>
      <c r="AA3270">
        <v>94</v>
      </c>
      <c r="AB3270">
        <v>96</v>
      </c>
      <c r="AC3270">
        <v>97</v>
      </c>
      <c r="AD3270">
        <v>99</v>
      </c>
      <c r="AE3270">
        <v>101</v>
      </c>
      <c r="AF3270">
        <v>103</v>
      </c>
      <c r="AG3270">
        <v>106</v>
      </c>
      <c r="AH3270">
        <v>108</v>
      </c>
      <c r="AI3270">
        <v>110</v>
      </c>
      <c r="AJ3270">
        <v>112</v>
      </c>
      <c r="AK3270">
        <v>114</v>
      </c>
      <c r="AL3270">
        <v>115</v>
      </c>
      <c r="AM3270">
        <v>116</v>
      </c>
      <c r="AN3270">
        <v>118</v>
      </c>
      <c r="AO3270">
        <v>119</v>
      </c>
      <c r="AP3270">
        <v>120</v>
      </c>
      <c r="AQ3270">
        <v>121</v>
      </c>
    </row>
    <row r="3271" spans="1:43">
      <c r="A3271" t="s">
        <v>2072</v>
      </c>
      <c r="B3271" t="s">
        <v>2073</v>
      </c>
      <c r="C3271" t="s">
        <v>2074</v>
      </c>
      <c r="D3271" t="s">
        <v>2075</v>
      </c>
      <c r="E3271" t="s">
        <v>2048</v>
      </c>
      <c r="F3271" t="s">
        <v>2049</v>
      </c>
      <c r="G3271" t="s">
        <v>80</v>
      </c>
      <c r="H3271" t="s">
        <v>81</v>
      </c>
      <c r="I3271" s="2">
        <v>0</v>
      </c>
      <c r="J3271" s="2">
        <v>1</v>
      </c>
      <c r="K3271" s="2">
        <v>0</v>
      </c>
      <c r="L3271" t="s">
        <v>82</v>
      </c>
      <c r="M3271" t="s">
        <v>87</v>
      </c>
      <c r="N3271" t="s">
        <v>88</v>
      </c>
      <c r="O3271" t="s">
        <v>85</v>
      </c>
      <c r="P3271" t="s">
        <v>86</v>
      </c>
      <c r="Q3271">
        <v>75</v>
      </c>
      <c r="R3271">
        <v>76</v>
      </c>
      <c r="S3271">
        <v>77</v>
      </c>
      <c r="T3271">
        <v>79</v>
      </c>
      <c r="U3271">
        <v>80</v>
      </c>
      <c r="V3271">
        <v>81</v>
      </c>
      <c r="W3271">
        <v>82</v>
      </c>
      <c r="X3271">
        <v>83</v>
      </c>
      <c r="Y3271">
        <v>84</v>
      </c>
      <c r="Z3271">
        <v>85</v>
      </c>
      <c r="AA3271">
        <v>86</v>
      </c>
      <c r="AB3271">
        <v>87</v>
      </c>
      <c r="AC3271">
        <v>88</v>
      </c>
      <c r="AD3271">
        <v>90</v>
      </c>
      <c r="AE3271">
        <v>91</v>
      </c>
      <c r="AF3271">
        <v>92</v>
      </c>
      <c r="AG3271">
        <v>93</v>
      </c>
      <c r="AH3271">
        <v>94</v>
      </c>
      <c r="AI3271">
        <v>95</v>
      </c>
      <c r="AJ3271">
        <v>97</v>
      </c>
      <c r="AK3271">
        <v>98</v>
      </c>
      <c r="AL3271">
        <v>99</v>
      </c>
      <c r="AM3271">
        <v>100</v>
      </c>
      <c r="AN3271">
        <v>102</v>
      </c>
      <c r="AO3271">
        <v>103</v>
      </c>
      <c r="AP3271">
        <v>104</v>
      </c>
      <c r="AQ3271">
        <v>106</v>
      </c>
    </row>
    <row r="3272" spans="1:43">
      <c r="A3272" t="s">
        <v>2072</v>
      </c>
      <c r="B3272" t="s">
        <v>2073</v>
      </c>
      <c r="C3272" t="s">
        <v>2074</v>
      </c>
      <c r="D3272" t="s">
        <v>2075</v>
      </c>
      <c r="E3272" t="s">
        <v>2048</v>
      </c>
      <c r="F3272" t="s">
        <v>2049</v>
      </c>
      <c r="G3272" t="s">
        <v>80</v>
      </c>
      <c r="H3272" t="s">
        <v>81</v>
      </c>
      <c r="I3272" s="2">
        <v>0</v>
      </c>
      <c r="J3272" s="2">
        <v>1</v>
      </c>
      <c r="K3272" s="2">
        <v>0</v>
      </c>
      <c r="L3272" t="s">
        <v>82</v>
      </c>
      <c r="M3272" t="s">
        <v>89</v>
      </c>
      <c r="N3272" t="s">
        <v>90</v>
      </c>
      <c r="O3272" t="s">
        <v>85</v>
      </c>
      <c r="P3272" t="s">
        <v>86</v>
      </c>
      <c r="Q3272">
        <v>75</v>
      </c>
      <c r="R3272">
        <v>77</v>
      </c>
      <c r="S3272">
        <v>80</v>
      </c>
      <c r="T3272">
        <v>82</v>
      </c>
      <c r="U3272">
        <v>84</v>
      </c>
      <c r="V3272">
        <v>87</v>
      </c>
      <c r="W3272">
        <v>89</v>
      </c>
      <c r="X3272">
        <v>92</v>
      </c>
      <c r="Y3272">
        <v>94</v>
      </c>
      <c r="Z3272">
        <v>96</v>
      </c>
      <c r="AA3272">
        <v>99</v>
      </c>
      <c r="AB3272">
        <v>101</v>
      </c>
      <c r="AC3272">
        <v>104</v>
      </c>
      <c r="AD3272">
        <v>106</v>
      </c>
      <c r="AE3272">
        <v>108</v>
      </c>
      <c r="AF3272">
        <v>109</v>
      </c>
      <c r="AG3272">
        <v>110</v>
      </c>
      <c r="AH3272">
        <v>111</v>
      </c>
      <c r="AI3272">
        <v>112</v>
      </c>
      <c r="AJ3272">
        <v>113</v>
      </c>
      <c r="AK3272">
        <v>114</v>
      </c>
      <c r="AL3272">
        <v>116</v>
      </c>
      <c r="AM3272">
        <v>117</v>
      </c>
      <c r="AN3272">
        <v>118</v>
      </c>
      <c r="AO3272">
        <v>119</v>
      </c>
      <c r="AP3272">
        <v>120</v>
      </c>
      <c r="AQ3272">
        <v>121</v>
      </c>
    </row>
    <row r="3273" spans="1:43">
      <c r="A3273" t="s">
        <v>2072</v>
      </c>
      <c r="B3273" t="s">
        <v>2073</v>
      </c>
      <c r="C3273" t="s">
        <v>2074</v>
      </c>
      <c r="D3273" t="s">
        <v>2075</v>
      </c>
      <c r="E3273" t="s">
        <v>2048</v>
      </c>
      <c r="F3273" t="s">
        <v>2049</v>
      </c>
      <c r="G3273" t="s">
        <v>80</v>
      </c>
      <c r="H3273" t="s">
        <v>81</v>
      </c>
      <c r="I3273" s="2">
        <v>0</v>
      </c>
      <c r="J3273" s="2">
        <v>1</v>
      </c>
      <c r="K3273" s="2">
        <v>0</v>
      </c>
      <c r="L3273" t="s">
        <v>82</v>
      </c>
      <c r="M3273" t="s">
        <v>83</v>
      </c>
      <c r="N3273" t="s">
        <v>91</v>
      </c>
      <c r="O3273" t="s">
        <v>85</v>
      </c>
      <c r="P3273" t="s">
        <v>86</v>
      </c>
      <c r="Q3273">
        <v>75</v>
      </c>
      <c r="R3273">
        <v>77</v>
      </c>
      <c r="S3273">
        <v>79</v>
      </c>
      <c r="T3273">
        <v>80</v>
      </c>
      <c r="U3273">
        <v>82</v>
      </c>
      <c r="V3273">
        <v>84</v>
      </c>
      <c r="W3273">
        <v>86</v>
      </c>
      <c r="X3273">
        <v>88</v>
      </c>
      <c r="Y3273">
        <v>90</v>
      </c>
      <c r="Z3273">
        <v>92</v>
      </c>
      <c r="AA3273">
        <v>94</v>
      </c>
      <c r="AB3273">
        <v>96</v>
      </c>
      <c r="AC3273">
        <v>97</v>
      </c>
      <c r="AD3273">
        <v>99</v>
      </c>
      <c r="AE3273">
        <v>101</v>
      </c>
      <c r="AF3273">
        <v>103</v>
      </c>
      <c r="AG3273">
        <v>106</v>
      </c>
      <c r="AH3273">
        <v>108</v>
      </c>
      <c r="AI3273">
        <v>110</v>
      </c>
      <c r="AJ3273">
        <v>112</v>
      </c>
      <c r="AK3273">
        <v>114</v>
      </c>
      <c r="AL3273">
        <v>115</v>
      </c>
      <c r="AM3273">
        <v>116</v>
      </c>
      <c r="AN3273">
        <v>118</v>
      </c>
      <c r="AO3273">
        <v>119</v>
      </c>
      <c r="AP3273">
        <v>120</v>
      </c>
      <c r="AQ3273">
        <v>121</v>
      </c>
    </row>
    <row r="3274" spans="1:43">
      <c r="A3274" t="s">
        <v>2076</v>
      </c>
      <c r="B3274" t="s">
        <v>2077</v>
      </c>
      <c r="C3274" t="s">
        <v>2078</v>
      </c>
      <c r="D3274" t="s">
        <v>2079</v>
      </c>
      <c r="E3274" t="s">
        <v>2048</v>
      </c>
      <c r="F3274" t="s">
        <v>2049</v>
      </c>
      <c r="G3274" t="s">
        <v>80</v>
      </c>
      <c r="H3274" t="s">
        <v>81</v>
      </c>
      <c r="I3274" s="2">
        <v>0</v>
      </c>
      <c r="J3274" s="2">
        <v>1</v>
      </c>
      <c r="K3274" s="2">
        <v>0</v>
      </c>
      <c r="L3274" t="s">
        <v>82</v>
      </c>
      <c r="M3274" t="s">
        <v>83</v>
      </c>
      <c r="N3274" t="s">
        <v>84</v>
      </c>
      <c r="O3274" t="s">
        <v>85</v>
      </c>
      <c r="P3274" t="s">
        <v>86</v>
      </c>
      <c r="Q3274">
        <v>184</v>
      </c>
      <c r="R3274">
        <v>189</v>
      </c>
      <c r="S3274">
        <v>193</v>
      </c>
      <c r="T3274">
        <v>197</v>
      </c>
      <c r="U3274">
        <v>202</v>
      </c>
      <c r="V3274">
        <v>207</v>
      </c>
      <c r="W3274">
        <v>211</v>
      </c>
      <c r="X3274">
        <v>216</v>
      </c>
      <c r="Y3274">
        <v>221</v>
      </c>
      <c r="Z3274">
        <v>226</v>
      </c>
      <c r="AA3274">
        <v>231</v>
      </c>
      <c r="AB3274">
        <v>236</v>
      </c>
      <c r="AC3274">
        <v>241</v>
      </c>
      <c r="AD3274">
        <v>246</v>
      </c>
      <c r="AE3274">
        <v>251</v>
      </c>
      <c r="AF3274">
        <v>256</v>
      </c>
      <c r="AG3274">
        <v>261</v>
      </c>
      <c r="AH3274">
        <v>266</v>
      </c>
      <c r="AI3274">
        <v>272</v>
      </c>
      <c r="AJ3274">
        <v>277</v>
      </c>
      <c r="AK3274">
        <v>283</v>
      </c>
      <c r="AL3274">
        <v>286</v>
      </c>
      <c r="AM3274">
        <v>289</v>
      </c>
      <c r="AN3274">
        <v>292</v>
      </c>
      <c r="AO3274">
        <v>295</v>
      </c>
      <c r="AP3274">
        <v>297</v>
      </c>
      <c r="AQ3274">
        <v>300</v>
      </c>
    </row>
    <row r="3275" spans="1:43">
      <c r="A3275" t="s">
        <v>2076</v>
      </c>
      <c r="B3275" t="s">
        <v>2077</v>
      </c>
      <c r="C3275" t="s">
        <v>2078</v>
      </c>
      <c r="D3275" t="s">
        <v>2079</v>
      </c>
      <c r="E3275" t="s">
        <v>2048</v>
      </c>
      <c r="F3275" t="s">
        <v>2049</v>
      </c>
      <c r="G3275" t="s">
        <v>80</v>
      </c>
      <c r="H3275" t="s">
        <v>81</v>
      </c>
      <c r="I3275" s="2">
        <v>0</v>
      </c>
      <c r="J3275" s="2">
        <v>1</v>
      </c>
      <c r="K3275" s="2">
        <v>0</v>
      </c>
      <c r="L3275" t="s">
        <v>82</v>
      </c>
      <c r="M3275" t="s">
        <v>87</v>
      </c>
      <c r="N3275" t="s">
        <v>88</v>
      </c>
      <c r="O3275" t="s">
        <v>85</v>
      </c>
      <c r="P3275" t="s">
        <v>86</v>
      </c>
      <c r="Q3275">
        <v>184</v>
      </c>
      <c r="R3275">
        <v>187</v>
      </c>
      <c r="S3275">
        <v>190</v>
      </c>
      <c r="T3275">
        <v>192</v>
      </c>
      <c r="U3275">
        <v>195</v>
      </c>
      <c r="V3275">
        <v>198</v>
      </c>
      <c r="W3275">
        <v>201</v>
      </c>
      <c r="X3275">
        <v>203</v>
      </c>
      <c r="Y3275">
        <v>206</v>
      </c>
      <c r="Z3275">
        <v>209</v>
      </c>
      <c r="AA3275">
        <v>212</v>
      </c>
      <c r="AB3275">
        <v>215</v>
      </c>
      <c r="AC3275">
        <v>218</v>
      </c>
      <c r="AD3275">
        <v>221</v>
      </c>
      <c r="AE3275">
        <v>224</v>
      </c>
      <c r="AF3275">
        <v>227</v>
      </c>
      <c r="AG3275">
        <v>230</v>
      </c>
      <c r="AH3275">
        <v>233</v>
      </c>
      <c r="AI3275">
        <v>236</v>
      </c>
      <c r="AJ3275">
        <v>239</v>
      </c>
      <c r="AK3275">
        <v>242</v>
      </c>
      <c r="AL3275">
        <v>245</v>
      </c>
      <c r="AM3275">
        <v>248</v>
      </c>
      <c r="AN3275">
        <v>252</v>
      </c>
      <c r="AO3275">
        <v>255</v>
      </c>
      <c r="AP3275">
        <v>258</v>
      </c>
      <c r="AQ3275">
        <v>261</v>
      </c>
    </row>
    <row r="3276" spans="1:43">
      <c r="A3276" t="s">
        <v>2076</v>
      </c>
      <c r="B3276" t="s">
        <v>2077</v>
      </c>
      <c r="C3276" t="s">
        <v>2078</v>
      </c>
      <c r="D3276" t="s">
        <v>2079</v>
      </c>
      <c r="E3276" t="s">
        <v>2048</v>
      </c>
      <c r="F3276" t="s">
        <v>2049</v>
      </c>
      <c r="G3276" t="s">
        <v>80</v>
      </c>
      <c r="H3276" t="s">
        <v>81</v>
      </c>
      <c r="I3276" s="2">
        <v>0</v>
      </c>
      <c r="J3276" s="2">
        <v>1</v>
      </c>
      <c r="K3276" s="2">
        <v>0</v>
      </c>
      <c r="L3276" t="s">
        <v>82</v>
      </c>
      <c r="M3276" t="s">
        <v>89</v>
      </c>
      <c r="N3276" t="s">
        <v>90</v>
      </c>
      <c r="O3276" t="s">
        <v>85</v>
      </c>
      <c r="P3276" t="s">
        <v>86</v>
      </c>
      <c r="Q3276">
        <v>184</v>
      </c>
      <c r="R3276">
        <v>190</v>
      </c>
      <c r="S3276">
        <v>196</v>
      </c>
      <c r="T3276">
        <v>202</v>
      </c>
      <c r="U3276">
        <v>208</v>
      </c>
      <c r="V3276">
        <v>214</v>
      </c>
      <c r="W3276">
        <v>220</v>
      </c>
      <c r="X3276">
        <v>226</v>
      </c>
      <c r="Y3276">
        <v>232</v>
      </c>
      <c r="Z3276">
        <v>238</v>
      </c>
      <c r="AA3276">
        <v>244</v>
      </c>
      <c r="AB3276">
        <v>250</v>
      </c>
      <c r="AC3276">
        <v>257</v>
      </c>
      <c r="AD3276">
        <v>263</v>
      </c>
      <c r="AE3276">
        <v>268</v>
      </c>
      <c r="AF3276">
        <v>270</v>
      </c>
      <c r="AG3276">
        <v>273</v>
      </c>
      <c r="AH3276">
        <v>276</v>
      </c>
      <c r="AI3276">
        <v>278</v>
      </c>
      <c r="AJ3276">
        <v>281</v>
      </c>
      <c r="AK3276">
        <v>284</v>
      </c>
      <c r="AL3276">
        <v>286</v>
      </c>
      <c r="AM3276">
        <v>289</v>
      </c>
      <c r="AN3276">
        <v>292</v>
      </c>
      <c r="AO3276">
        <v>295</v>
      </c>
      <c r="AP3276">
        <v>297</v>
      </c>
      <c r="AQ3276">
        <v>300</v>
      </c>
    </row>
    <row r="3277" spans="1:43">
      <c r="A3277" t="s">
        <v>2076</v>
      </c>
      <c r="B3277" t="s">
        <v>2077</v>
      </c>
      <c r="C3277" t="s">
        <v>2078</v>
      </c>
      <c r="D3277" t="s">
        <v>2079</v>
      </c>
      <c r="E3277" t="s">
        <v>2048</v>
      </c>
      <c r="F3277" t="s">
        <v>2049</v>
      </c>
      <c r="G3277" t="s">
        <v>80</v>
      </c>
      <c r="H3277" t="s">
        <v>81</v>
      </c>
      <c r="I3277" s="2">
        <v>0</v>
      </c>
      <c r="J3277" s="2">
        <v>1</v>
      </c>
      <c r="K3277" s="2">
        <v>0</v>
      </c>
      <c r="L3277" t="s">
        <v>82</v>
      </c>
      <c r="M3277" t="s">
        <v>83</v>
      </c>
      <c r="N3277" t="s">
        <v>91</v>
      </c>
      <c r="O3277" t="s">
        <v>85</v>
      </c>
      <c r="P3277" t="s">
        <v>86</v>
      </c>
      <c r="Q3277">
        <v>184</v>
      </c>
      <c r="R3277">
        <v>189</v>
      </c>
      <c r="S3277">
        <v>193</v>
      </c>
      <c r="T3277">
        <v>197</v>
      </c>
      <c r="U3277">
        <v>202</v>
      </c>
      <c r="V3277">
        <v>207</v>
      </c>
      <c r="W3277">
        <v>211</v>
      </c>
      <c r="X3277">
        <v>216</v>
      </c>
      <c r="Y3277">
        <v>221</v>
      </c>
      <c r="Z3277">
        <v>226</v>
      </c>
      <c r="AA3277">
        <v>231</v>
      </c>
      <c r="AB3277">
        <v>236</v>
      </c>
      <c r="AC3277">
        <v>241</v>
      </c>
      <c r="AD3277">
        <v>246</v>
      </c>
      <c r="AE3277">
        <v>251</v>
      </c>
      <c r="AF3277">
        <v>256</v>
      </c>
      <c r="AG3277">
        <v>261</v>
      </c>
      <c r="AH3277">
        <v>266</v>
      </c>
      <c r="AI3277">
        <v>272</v>
      </c>
      <c r="AJ3277">
        <v>277</v>
      </c>
      <c r="AK3277">
        <v>283</v>
      </c>
      <c r="AL3277">
        <v>286</v>
      </c>
      <c r="AM3277">
        <v>289</v>
      </c>
      <c r="AN3277">
        <v>292</v>
      </c>
      <c r="AO3277">
        <v>295</v>
      </c>
      <c r="AP3277">
        <v>297</v>
      </c>
      <c r="AQ3277">
        <v>300</v>
      </c>
    </row>
    <row r="3278" spans="1:43">
      <c r="A3278" t="s">
        <v>2080</v>
      </c>
      <c r="B3278" t="s">
        <v>2081</v>
      </c>
      <c r="C3278" t="s">
        <v>2082</v>
      </c>
      <c r="D3278" t="s">
        <v>2083</v>
      </c>
      <c r="E3278" t="s">
        <v>2048</v>
      </c>
      <c r="F3278" t="s">
        <v>2049</v>
      </c>
      <c r="G3278" t="s">
        <v>80</v>
      </c>
      <c r="H3278" t="s">
        <v>81</v>
      </c>
      <c r="I3278" s="2">
        <v>0</v>
      </c>
      <c r="J3278" s="2">
        <v>1</v>
      </c>
      <c r="K3278" s="2">
        <v>0</v>
      </c>
      <c r="L3278" t="s">
        <v>82</v>
      </c>
      <c r="M3278" t="s">
        <v>83</v>
      </c>
      <c r="N3278" t="s">
        <v>84</v>
      </c>
      <c r="O3278" t="s">
        <v>85</v>
      </c>
      <c r="P3278" t="s">
        <v>86</v>
      </c>
      <c r="Q3278">
        <v>139</v>
      </c>
      <c r="R3278">
        <v>143</v>
      </c>
      <c r="S3278">
        <v>146</v>
      </c>
      <c r="T3278">
        <v>149</v>
      </c>
      <c r="U3278">
        <v>153</v>
      </c>
      <c r="V3278">
        <v>156</v>
      </c>
      <c r="W3278">
        <v>160</v>
      </c>
      <c r="X3278">
        <v>163</v>
      </c>
      <c r="Y3278">
        <v>167</v>
      </c>
      <c r="Z3278">
        <v>171</v>
      </c>
      <c r="AA3278">
        <v>174</v>
      </c>
      <c r="AB3278">
        <v>178</v>
      </c>
      <c r="AC3278">
        <v>182</v>
      </c>
      <c r="AD3278">
        <v>186</v>
      </c>
      <c r="AE3278">
        <v>190</v>
      </c>
      <c r="AF3278">
        <v>193</v>
      </c>
      <c r="AG3278">
        <v>197</v>
      </c>
      <c r="AH3278">
        <v>201</v>
      </c>
      <c r="AI3278">
        <v>205</v>
      </c>
      <c r="AJ3278">
        <v>209</v>
      </c>
      <c r="AK3278">
        <v>213</v>
      </c>
      <c r="AL3278">
        <v>216</v>
      </c>
      <c r="AM3278">
        <v>218</v>
      </c>
      <c r="AN3278">
        <v>220</v>
      </c>
      <c r="AO3278">
        <v>222</v>
      </c>
      <c r="AP3278">
        <v>224</v>
      </c>
      <c r="AQ3278">
        <v>226</v>
      </c>
    </row>
    <row r="3279" spans="1:43">
      <c r="A3279" t="s">
        <v>2080</v>
      </c>
      <c r="B3279" t="s">
        <v>2081</v>
      </c>
      <c r="C3279" t="s">
        <v>2082</v>
      </c>
      <c r="D3279" t="s">
        <v>2083</v>
      </c>
      <c r="E3279" t="s">
        <v>2048</v>
      </c>
      <c r="F3279" t="s">
        <v>2049</v>
      </c>
      <c r="G3279" t="s">
        <v>80</v>
      </c>
      <c r="H3279" t="s">
        <v>81</v>
      </c>
      <c r="I3279" s="2">
        <v>0</v>
      </c>
      <c r="J3279" s="2">
        <v>1</v>
      </c>
      <c r="K3279" s="2">
        <v>0</v>
      </c>
      <c r="L3279" t="s">
        <v>82</v>
      </c>
      <c r="M3279" t="s">
        <v>87</v>
      </c>
      <c r="N3279" t="s">
        <v>88</v>
      </c>
      <c r="O3279" t="s">
        <v>85</v>
      </c>
      <c r="P3279" t="s">
        <v>86</v>
      </c>
      <c r="Q3279">
        <v>139</v>
      </c>
      <c r="R3279">
        <v>141</v>
      </c>
      <c r="S3279">
        <v>143</v>
      </c>
      <c r="T3279">
        <v>145</v>
      </c>
      <c r="U3279">
        <v>147</v>
      </c>
      <c r="V3279">
        <v>149</v>
      </c>
      <c r="W3279">
        <v>151</v>
      </c>
      <c r="X3279">
        <v>153</v>
      </c>
      <c r="Y3279">
        <v>155</v>
      </c>
      <c r="Z3279">
        <v>158</v>
      </c>
      <c r="AA3279">
        <v>160</v>
      </c>
      <c r="AB3279">
        <v>162</v>
      </c>
      <c r="AC3279">
        <v>164</v>
      </c>
      <c r="AD3279">
        <v>166</v>
      </c>
      <c r="AE3279">
        <v>169</v>
      </c>
      <c r="AF3279">
        <v>171</v>
      </c>
      <c r="AG3279">
        <v>173</v>
      </c>
      <c r="AH3279">
        <v>175</v>
      </c>
      <c r="AI3279">
        <v>178</v>
      </c>
      <c r="AJ3279">
        <v>180</v>
      </c>
      <c r="AK3279">
        <v>182</v>
      </c>
      <c r="AL3279">
        <v>185</v>
      </c>
      <c r="AM3279">
        <v>187</v>
      </c>
      <c r="AN3279">
        <v>190</v>
      </c>
      <c r="AO3279">
        <v>192</v>
      </c>
      <c r="AP3279">
        <v>194</v>
      </c>
      <c r="AQ3279">
        <v>197</v>
      </c>
    </row>
    <row r="3280" spans="1:43">
      <c r="A3280" t="s">
        <v>2080</v>
      </c>
      <c r="B3280" t="s">
        <v>2081</v>
      </c>
      <c r="C3280" t="s">
        <v>2082</v>
      </c>
      <c r="D3280" t="s">
        <v>2083</v>
      </c>
      <c r="E3280" t="s">
        <v>2048</v>
      </c>
      <c r="F3280" t="s">
        <v>2049</v>
      </c>
      <c r="G3280" t="s">
        <v>80</v>
      </c>
      <c r="H3280" t="s">
        <v>81</v>
      </c>
      <c r="I3280" s="2">
        <v>0</v>
      </c>
      <c r="J3280" s="2">
        <v>1</v>
      </c>
      <c r="K3280" s="2">
        <v>0</v>
      </c>
      <c r="L3280" t="s">
        <v>82</v>
      </c>
      <c r="M3280" t="s">
        <v>89</v>
      </c>
      <c r="N3280" t="s">
        <v>90</v>
      </c>
      <c r="O3280" t="s">
        <v>85</v>
      </c>
      <c r="P3280" t="s">
        <v>86</v>
      </c>
      <c r="Q3280">
        <v>139</v>
      </c>
      <c r="R3280">
        <v>143</v>
      </c>
      <c r="S3280">
        <v>148</v>
      </c>
      <c r="T3280">
        <v>152</v>
      </c>
      <c r="U3280">
        <v>157</v>
      </c>
      <c r="V3280">
        <v>162</v>
      </c>
      <c r="W3280">
        <v>166</v>
      </c>
      <c r="X3280">
        <v>171</v>
      </c>
      <c r="Y3280">
        <v>175</v>
      </c>
      <c r="Z3280">
        <v>180</v>
      </c>
      <c r="AA3280">
        <v>184</v>
      </c>
      <c r="AB3280">
        <v>189</v>
      </c>
      <c r="AC3280">
        <v>193</v>
      </c>
      <c r="AD3280">
        <v>198</v>
      </c>
      <c r="AE3280">
        <v>202</v>
      </c>
      <c r="AF3280">
        <v>204</v>
      </c>
      <c r="AG3280">
        <v>206</v>
      </c>
      <c r="AH3280">
        <v>208</v>
      </c>
      <c r="AI3280">
        <v>210</v>
      </c>
      <c r="AJ3280">
        <v>212</v>
      </c>
      <c r="AK3280">
        <v>214</v>
      </c>
      <c r="AL3280">
        <v>216</v>
      </c>
      <c r="AM3280">
        <v>218</v>
      </c>
      <c r="AN3280">
        <v>220</v>
      </c>
      <c r="AO3280">
        <v>222</v>
      </c>
      <c r="AP3280">
        <v>224</v>
      </c>
      <c r="AQ3280">
        <v>226</v>
      </c>
    </row>
    <row r="3281" spans="1:43">
      <c r="A3281" t="s">
        <v>2080</v>
      </c>
      <c r="B3281" t="s">
        <v>2081</v>
      </c>
      <c r="C3281" t="s">
        <v>2082</v>
      </c>
      <c r="D3281" t="s">
        <v>2083</v>
      </c>
      <c r="E3281" t="s">
        <v>2048</v>
      </c>
      <c r="F3281" t="s">
        <v>2049</v>
      </c>
      <c r="G3281" t="s">
        <v>80</v>
      </c>
      <c r="H3281" t="s">
        <v>81</v>
      </c>
      <c r="I3281" s="2">
        <v>0</v>
      </c>
      <c r="J3281" s="2">
        <v>1</v>
      </c>
      <c r="K3281" s="2">
        <v>0</v>
      </c>
      <c r="L3281" t="s">
        <v>82</v>
      </c>
      <c r="M3281" t="s">
        <v>83</v>
      </c>
      <c r="N3281" t="s">
        <v>91</v>
      </c>
      <c r="O3281" t="s">
        <v>85</v>
      </c>
      <c r="P3281" t="s">
        <v>86</v>
      </c>
      <c r="Q3281">
        <v>139</v>
      </c>
      <c r="R3281">
        <v>143</v>
      </c>
      <c r="S3281">
        <v>146</v>
      </c>
      <c r="T3281">
        <v>149</v>
      </c>
      <c r="U3281">
        <v>153</v>
      </c>
      <c r="V3281">
        <v>156</v>
      </c>
      <c r="W3281">
        <v>160</v>
      </c>
      <c r="X3281">
        <v>163</v>
      </c>
      <c r="Y3281">
        <v>167</v>
      </c>
      <c r="Z3281">
        <v>171</v>
      </c>
      <c r="AA3281">
        <v>174</v>
      </c>
      <c r="AB3281">
        <v>178</v>
      </c>
      <c r="AC3281">
        <v>182</v>
      </c>
      <c r="AD3281">
        <v>186</v>
      </c>
      <c r="AE3281">
        <v>190</v>
      </c>
      <c r="AF3281">
        <v>193</v>
      </c>
      <c r="AG3281">
        <v>197</v>
      </c>
      <c r="AH3281">
        <v>201</v>
      </c>
      <c r="AI3281">
        <v>205</v>
      </c>
      <c r="AJ3281">
        <v>209</v>
      </c>
      <c r="AK3281">
        <v>213</v>
      </c>
      <c r="AL3281">
        <v>216</v>
      </c>
      <c r="AM3281">
        <v>218</v>
      </c>
      <c r="AN3281">
        <v>220</v>
      </c>
      <c r="AO3281">
        <v>222</v>
      </c>
      <c r="AP3281">
        <v>224</v>
      </c>
      <c r="AQ3281">
        <v>226</v>
      </c>
    </row>
    <row r="3282" spans="1:43">
      <c r="A3282" t="s">
        <v>2084</v>
      </c>
      <c r="B3282" t="s">
        <v>2085</v>
      </c>
      <c r="C3282" t="s">
        <v>2086</v>
      </c>
      <c r="D3282" t="s">
        <v>2087</v>
      </c>
      <c r="E3282" t="s">
        <v>2048</v>
      </c>
      <c r="F3282" t="s">
        <v>2049</v>
      </c>
      <c r="G3282" t="s">
        <v>80</v>
      </c>
      <c r="H3282" t="s">
        <v>81</v>
      </c>
      <c r="I3282" s="2">
        <v>0</v>
      </c>
      <c r="J3282" s="2">
        <v>1</v>
      </c>
      <c r="K3282" s="2">
        <v>0</v>
      </c>
      <c r="L3282" t="s">
        <v>82</v>
      </c>
      <c r="M3282" t="s">
        <v>83</v>
      </c>
      <c r="N3282" t="s">
        <v>84</v>
      </c>
      <c r="O3282" t="s">
        <v>85</v>
      </c>
      <c r="P3282" t="s">
        <v>86</v>
      </c>
      <c r="Q3282">
        <v>87</v>
      </c>
      <c r="R3282">
        <v>89</v>
      </c>
      <c r="S3282">
        <v>91</v>
      </c>
      <c r="T3282">
        <v>94</v>
      </c>
      <c r="U3282">
        <v>96</v>
      </c>
      <c r="V3282">
        <v>98</v>
      </c>
      <c r="W3282">
        <v>100</v>
      </c>
      <c r="X3282">
        <v>103</v>
      </c>
      <c r="Y3282">
        <v>105</v>
      </c>
      <c r="Z3282">
        <v>107</v>
      </c>
      <c r="AA3282">
        <v>109</v>
      </c>
      <c r="AB3282">
        <v>112</v>
      </c>
      <c r="AC3282">
        <v>114</v>
      </c>
      <c r="AD3282">
        <v>116</v>
      </c>
      <c r="AE3282">
        <v>119</v>
      </c>
      <c r="AF3282">
        <v>121</v>
      </c>
      <c r="AG3282">
        <v>124</v>
      </c>
      <c r="AH3282">
        <v>126</v>
      </c>
      <c r="AI3282">
        <v>129</v>
      </c>
      <c r="AJ3282">
        <v>131</v>
      </c>
      <c r="AK3282">
        <v>134</v>
      </c>
      <c r="AL3282">
        <v>135</v>
      </c>
      <c r="AM3282">
        <v>137</v>
      </c>
      <c r="AN3282">
        <v>138</v>
      </c>
      <c r="AO3282">
        <v>139</v>
      </c>
      <c r="AP3282">
        <v>140</v>
      </c>
      <c r="AQ3282">
        <v>142</v>
      </c>
    </row>
    <row r="3283" spans="1:43">
      <c r="A3283" t="s">
        <v>2084</v>
      </c>
      <c r="B3283" t="s">
        <v>2085</v>
      </c>
      <c r="C3283" t="s">
        <v>2086</v>
      </c>
      <c r="D3283" t="s">
        <v>2087</v>
      </c>
      <c r="E3283" t="s">
        <v>2048</v>
      </c>
      <c r="F3283" t="s">
        <v>2049</v>
      </c>
      <c r="G3283" t="s">
        <v>80</v>
      </c>
      <c r="H3283" t="s">
        <v>81</v>
      </c>
      <c r="I3283" s="2">
        <v>0</v>
      </c>
      <c r="J3283" s="2">
        <v>1</v>
      </c>
      <c r="K3283" s="2">
        <v>0</v>
      </c>
      <c r="L3283" t="s">
        <v>82</v>
      </c>
      <c r="M3283" t="s">
        <v>87</v>
      </c>
      <c r="N3283" t="s">
        <v>88</v>
      </c>
      <c r="O3283" t="s">
        <v>85</v>
      </c>
      <c r="P3283" t="s">
        <v>86</v>
      </c>
      <c r="Q3283">
        <v>87</v>
      </c>
      <c r="R3283">
        <v>89</v>
      </c>
      <c r="S3283">
        <v>90</v>
      </c>
      <c r="T3283">
        <v>91</v>
      </c>
      <c r="U3283">
        <v>93</v>
      </c>
      <c r="V3283">
        <v>94</v>
      </c>
      <c r="W3283">
        <v>95</v>
      </c>
      <c r="X3283">
        <v>97</v>
      </c>
      <c r="Y3283">
        <v>98</v>
      </c>
      <c r="Z3283">
        <v>99</v>
      </c>
      <c r="AA3283">
        <v>101</v>
      </c>
      <c r="AB3283">
        <v>102</v>
      </c>
      <c r="AC3283">
        <v>103</v>
      </c>
      <c r="AD3283">
        <v>105</v>
      </c>
      <c r="AE3283">
        <v>106</v>
      </c>
      <c r="AF3283">
        <v>108</v>
      </c>
      <c r="AG3283">
        <v>109</v>
      </c>
      <c r="AH3283">
        <v>111</v>
      </c>
      <c r="AI3283">
        <v>112</v>
      </c>
      <c r="AJ3283">
        <v>114</v>
      </c>
      <c r="AK3283">
        <v>115</v>
      </c>
      <c r="AL3283">
        <v>117</v>
      </c>
      <c r="AM3283">
        <v>118</v>
      </c>
      <c r="AN3283">
        <v>120</v>
      </c>
      <c r="AO3283">
        <v>121</v>
      </c>
      <c r="AP3283">
        <v>123</v>
      </c>
      <c r="AQ3283">
        <v>124</v>
      </c>
    </row>
    <row r="3284" spans="1:43">
      <c r="A3284" t="s">
        <v>2084</v>
      </c>
      <c r="B3284" t="s">
        <v>2085</v>
      </c>
      <c r="C3284" t="s">
        <v>2086</v>
      </c>
      <c r="D3284" t="s">
        <v>2087</v>
      </c>
      <c r="E3284" t="s">
        <v>2048</v>
      </c>
      <c r="F3284" t="s">
        <v>2049</v>
      </c>
      <c r="G3284" t="s">
        <v>80</v>
      </c>
      <c r="H3284" t="s">
        <v>81</v>
      </c>
      <c r="I3284" s="2">
        <v>0</v>
      </c>
      <c r="J3284" s="2">
        <v>1</v>
      </c>
      <c r="K3284" s="2">
        <v>0</v>
      </c>
      <c r="L3284" t="s">
        <v>82</v>
      </c>
      <c r="M3284" t="s">
        <v>89</v>
      </c>
      <c r="N3284" t="s">
        <v>90</v>
      </c>
      <c r="O3284" t="s">
        <v>85</v>
      </c>
      <c r="P3284" t="s">
        <v>86</v>
      </c>
      <c r="Q3284">
        <v>87</v>
      </c>
      <c r="R3284">
        <v>90</v>
      </c>
      <c r="S3284">
        <v>93</v>
      </c>
      <c r="T3284">
        <v>96</v>
      </c>
      <c r="U3284">
        <v>99</v>
      </c>
      <c r="V3284">
        <v>102</v>
      </c>
      <c r="W3284">
        <v>104</v>
      </c>
      <c r="X3284">
        <v>107</v>
      </c>
      <c r="Y3284">
        <v>110</v>
      </c>
      <c r="Z3284">
        <v>113</v>
      </c>
      <c r="AA3284">
        <v>116</v>
      </c>
      <c r="AB3284">
        <v>118</v>
      </c>
      <c r="AC3284">
        <v>121</v>
      </c>
      <c r="AD3284">
        <v>124</v>
      </c>
      <c r="AE3284">
        <v>126</v>
      </c>
      <c r="AF3284">
        <v>128</v>
      </c>
      <c r="AG3284">
        <v>129</v>
      </c>
      <c r="AH3284">
        <v>130</v>
      </c>
      <c r="AI3284">
        <v>131</v>
      </c>
      <c r="AJ3284">
        <v>133</v>
      </c>
      <c r="AK3284">
        <v>134</v>
      </c>
      <c r="AL3284">
        <v>135</v>
      </c>
      <c r="AM3284">
        <v>136</v>
      </c>
      <c r="AN3284">
        <v>138</v>
      </c>
      <c r="AO3284">
        <v>139</v>
      </c>
      <c r="AP3284">
        <v>140</v>
      </c>
      <c r="AQ3284">
        <v>141</v>
      </c>
    </row>
    <row r="3285" spans="1:43">
      <c r="A3285" t="s">
        <v>2084</v>
      </c>
      <c r="B3285" t="s">
        <v>2085</v>
      </c>
      <c r="C3285" t="s">
        <v>2086</v>
      </c>
      <c r="D3285" t="s">
        <v>2087</v>
      </c>
      <c r="E3285" t="s">
        <v>2048</v>
      </c>
      <c r="F3285" t="s">
        <v>2049</v>
      </c>
      <c r="G3285" t="s">
        <v>80</v>
      </c>
      <c r="H3285" t="s">
        <v>81</v>
      </c>
      <c r="I3285" s="2">
        <v>0</v>
      </c>
      <c r="J3285" s="2">
        <v>1</v>
      </c>
      <c r="K3285" s="2">
        <v>0</v>
      </c>
      <c r="L3285" t="s">
        <v>82</v>
      </c>
      <c r="M3285" t="s">
        <v>83</v>
      </c>
      <c r="N3285" t="s">
        <v>91</v>
      </c>
      <c r="O3285" t="s">
        <v>85</v>
      </c>
      <c r="P3285" t="s">
        <v>86</v>
      </c>
      <c r="Q3285">
        <v>87</v>
      </c>
      <c r="R3285">
        <v>89</v>
      </c>
      <c r="S3285">
        <v>91</v>
      </c>
      <c r="T3285">
        <v>94</v>
      </c>
      <c r="U3285">
        <v>96</v>
      </c>
      <c r="V3285">
        <v>98</v>
      </c>
      <c r="W3285">
        <v>100</v>
      </c>
      <c r="X3285">
        <v>103</v>
      </c>
      <c r="Y3285">
        <v>105</v>
      </c>
      <c r="Z3285">
        <v>107</v>
      </c>
      <c r="AA3285">
        <v>109</v>
      </c>
      <c r="AB3285">
        <v>112</v>
      </c>
      <c r="AC3285">
        <v>114</v>
      </c>
      <c r="AD3285">
        <v>116</v>
      </c>
      <c r="AE3285">
        <v>119</v>
      </c>
      <c r="AF3285">
        <v>121</v>
      </c>
      <c r="AG3285">
        <v>124</v>
      </c>
      <c r="AH3285">
        <v>126</v>
      </c>
      <c r="AI3285">
        <v>129</v>
      </c>
      <c r="AJ3285">
        <v>131</v>
      </c>
      <c r="AK3285">
        <v>134</v>
      </c>
      <c r="AL3285">
        <v>135</v>
      </c>
      <c r="AM3285">
        <v>137</v>
      </c>
      <c r="AN3285">
        <v>138</v>
      </c>
      <c r="AO3285">
        <v>139</v>
      </c>
      <c r="AP3285">
        <v>140</v>
      </c>
      <c r="AQ3285">
        <v>142</v>
      </c>
    </row>
    <row r="3286" spans="1:43">
      <c r="A3286" t="s">
        <v>2088</v>
      </c>
      <c r="B3286" t="s">
        <v>2089</v>
      </c>
      <c r="C3286" t="s">
        <v>2086</v>
      </c>
      <c r="D3286" t="s">
        <v>2087</v>
      </c>
      <c r="E3286" t="s">
        <v>2048</v>
      </c>
      <c r="F3286" t="s">
        <v>2049</v>
      </c>
      <c r="G3286" t="s">
        <v>80</v>
      </c>
      <c r="H3286" t="s">
        <v>81</v>
      </c>
      <c r="I3286" s="2">
        <v>0</v>
      </c>
      <c r="J3286" s="2">
        <v>1</v>
      </c>
      <c r="K3286" s="2">
        <v>0</v>
      </c>
      <c r="L3286" t="s">
        <v>82</v>
      </c>
      <c r="M3286" t="s">
        <v>83</v>
      </c>
      <c r="N3286" t="s">
        <v>84</v>
      </c>
      <c r="O3286" t="s">
        <v>85</v>
      </c>
      <c r="P3286" t="s">
        <v>86</v>
      </c>
      <c r="Q3286">
        <v>121</v>
      </c>
      <c r="R3286">
        <v>123</v>
      </c>
      <c r="S3286">
        <v>126</v>
      </c>
      <c r="T3286">
        <v>129</v>
      </c>
      <c r="U3286">
        <v>132</v>
      </c>
      <c r="V3286">
        <v>135</v>
      </c>
      <c r="W3286">
        <v>138</v>
      </c>
      <c r="X3286">
        <v>141</v>
      </c>
      <c r="Y3286">
        <v>144</v>
      </c>
      <c r="Z3286">
        <v>147</v>
      </c>
      <c r="AA3286">
        <v>150</v>
      </c>
      <c r="AB3286">
        <v>154</v>
      </c>
      <c r="AC3286">
        <v>157</v>
      </c>
      <c r="AD3286">
        <v>160</v>
      </c>
      <c r="AE3286">
        <v>163</v>
      </c>
      <c r="AF3286">
        <v>167</v>
      </c>
      <c r="AG3286">
        <v>170</v>
      </c>
      <c r="AH3286">
        <v>173</v>
      </c>
      <c r="AI3286">
        <v>177</v>
      </c>
      <c r="AJ3286">
        <v>180</v>
      </c>
      <c r="AK3286">
        <v>184</v>
      </c>
      <c r="AL3286">
        <v>186</v>
      </c>
      <c r="AM3286">
        <v>188</v>
      </c>
      <c r="AN3286">
        <v>190</v>
      </c>
      <c r="AO3286">
        <v>191</v>
      </c>
      <c r="AP3286">
        <v>193</v>
      </c>
      <c r="AQ3286">
        <v>195</v>
      </c>
    </row>
    <row r="3287" spans="1:43">
      <c r="A3287" t="s">
        <v>2088</v>
      </c>
      <c r="B3287" t="s">
        <v>2089</v>
      </c>
      <c r="C3287" t="s">
        <v>2086</v>
      </c>
      <c r="D3287" t="s">
        <v>2087</v>
      </c>
      <c r="E3287" t="s">
        <v>2048</v>
      </c>
      <c r="F3287" t="s">
        <v>2049</v>
      </c>
      <c r="G3287" t="s">
        <v>80</v>
      </c>
      <c r="H3287" t="s">
        <v>81</v>
      </c>
      <c r="I3287" s="2">
        <v>0</v>
      </c>
      <c r="J3287" s="2">
        <v>1</v>
      </c>
      <c r="K3287" s="2">
        <v>0</v>
      </c>
      <c r="L3287" t="s">
        <v>82</v>
      </c>
      <c r="M3287" t="s">
        <v>87</v>
      </c>
      <c r="N3287" t="s">
        <v>88</v>
      </c>
      <c r="O3287" t="s">
        <v>85</v>
      </c>
      <c r="P3287" t="s">
        <v>86</v>
      </c>
      <c r="Q3287">
        <v>121</v>
      </c>
      <c r="R3287">
        <v>123</v>
      </c>
      <c r="S3287">
        <v>125</v>
      </c>
      <c r="T3287">
        <v>126</v>
      </c>
      <c r="U3287">
        <v>128</v>
      </c>
      <c r="V3287">
        <v>130</v>
      </c>
      <c r="W3287">
        <v>132</v>
      </c>
      <c r="X3287">
        <v>134</v>
      </c>
      <c r="Y3287">
        <v>135</v>
      </c>
      <c r="Z3287">
        <v>137</v>
      </c>
      <c r="AA3287">
        <v>139</v>
      </c>
      <c r="AB3287">
        <v>141</v>
      </c>
      <c r="AC3287">
        <v>143</v>
      </c>
      <c r="AD3287">
        <v>145</v>
      </c>
      <c r="AE3287">
        <v>146</v>
      </c>
      <c r="AF3287">
        <v>148</v>
      </c>
      <c r="AG3287">
        <v>150</v>
      </c>
      <c r="AH3287">
        <v>152</v>
      </c>
      <c r="AI3287">
        <v>154</v>
      </c>
      <c r="AJ3287">
        <v>156</v>
      </c>
      <c r="AK3287">
        <v>158</v>
      </c>
      <c r="AL3287">
        <v>160</v>
      </c>
      <c r="AM3287">
        <v>162</v>
      </c>
      <c r="AN3287">
        <v>164</v>
      </c>
      <c r="AO3287">
        <v>166</v>
      </c>
      <c r="AP3287">
        <v>168</v>
      </c>
      <c r="AQ3287">
        <v>170</v>
      </c>
    </row>
    <row r="3288" spans="1:43">
      <c r="A3288" t="s">
        <v>2088</v>
      </c>
      <c r="B3288" t="s">
        <v>2089</v>
      </c>
      <c r="C3288" t="s">
        <v>2086</v>
      </c>
      <c r="D3288" t="s">
        <v>2087</v>
      </c>
      <c r="E3288" t="s">
        <v>2048</v>
      </c>
      <c r="F3288" t="s">
        <v>2049</v>
      </c>
      <c r="G3288" t="s">
        <v>80</v>
      </c>
      <c r="H3288" t="s">
        <v>81</v>
      </c>
      <c r="I3288" s="2">
        <v>0</v>
      </c>
      <c r="J3288" s="2">
        <v>1</v>
      </c>
      <c r="K3288" s="2">
        <v>0</v>
      </c>
      <c r="L3288" t="s">
        <v>82</v>
      </c>
      <c r="M3288" t="s">
        <v>89</v>
      </c>
      <c r="N3288" t="s">
        <v>90</v>
      </c>
      <c r="O3288" t="s">
        <v>85</v>
      </c>
      <c r="P3288" t="s">
        <v>86</v>
      </c>
      <c r="Q3288">
        <v>121</v>
      </c>
      <c r="R3288">
        <v>125</v>
      </c>
      <c r="S3288">
        <v>128</v>
      </c>
      <c r="T3288">
        <v>132</v>
      </c>
      <c r="U3288">
        <v>136</v>
      </c>
      <c r="V3288">
        <v>140</v>
      </c>
      <c r="W3288">
        <v>144</v>
      </c>
      <c r="X3288">
        <v>148</v>
      </c>
      <c r="Y3288">
        <v>152</v>
      </c>
      <c r="Z3288">
        <v>156</v>
      </c>
      <c r="AA3288">
        <v>160</v>
      </c>
      <c r="AB3288">
        <v>163</v>
      </c>
      <c r="AC3288">
        <v>167</v>
      </c>
      <c r="AD3288">
        <v>171</v>
      </c>
      <c r="AE3288">
        <v>174</v>
      </c>
      <c r="AF3288">
        <v>176</v>
      </c>
      <c r="AG3288">
        <v>178</v>
      </c>
      <c r="AH3288">
        <v>180</v>
      </c>
      <c r="AI3288">
        <v>182</v>
      </c>
      <c r="AJ3288">
        <v>183</v>
      </c>
      <c r="AK3288">
        <v>185</v>
      </c>
      <c r="AL3288">
        <v>187</v>
      </c>
      <c r="AM3288">
        <v>188</v>
      </c>
      <c r="AN3288">
        <v>190</v>
      </c>
      <c r="AO3288">
        <v>192</v>
      </c>
      <c r="AP3288">
        <v>194</v>
      </c>
      <c r="AQ3288">
        <v>195</v>
      </c>
    </row>
    <row r="3289" spans="1:43">
      <c r="A3289" t="s">
        <v>2088</v>
      </c>
      <c r="B3289" t="s">
        <v>2089</v>
      </c>
      <c r="C3289" t="s">
        <v>2086</v>
      </c>
      <c r="D3289" t="s">
        <v>2087</v>
      </c>
      <c r="E3289" t="s">
        <v>2048</v>
      </c>
      <c r="F3289" t="s">
        <v>2049</v>
      </c>
      <c r="G3289" t="s">
        <v>80</v>
      </c>
      <c r="H3289" t="s">
        <v>81</v>
      </c>
      <c r="I3289" s="2">
        <v>0</v>
      </c>
      <c r="J3289" s="2">
        <v>1</v>
      </c>
      <c r="K3289" s="2">
        <v>0</v>
      </c>
      <c r="L3289" t="s">
        <v>82</v>
      </c>
      <c r="M3289" t="s">
        <v>83</v>
      </c>
      <c r="N3289" t="s">
        <v>91</v>
      </c>
      <c r="O3289" t="s">
        <v>85</v>
      </c>
      <c r="P3289" t="s">
        <v>86</v>
      </c>
      <c r="Q3289">
        <v>121</v>
      </c>
      <c r="R3289">
        <v>123</v>
      </c>
      <c r="S3289">
        <v>126</v>
      </c>
      <c r="T3289">
        <v>129</v>
      </c>
      <c r="U3289">
        <v>132</v>
      </c>
      <c r="V3289">
        <v>135</v>
      </c>
      <c r="W3289">
        <v>138</v>
      </c>
      <c r="X3289">
        <v>141</v>
      </c>
      <c r="Y3289">
        <v>144</v>
      </c>
      <c r="Z3289">
        <v>147</v>
      </c>
      <c r="AA3289">
        <v>150</v>
      </c>
      <c r="AB3289">
        <v>154</v>
      </c>
      <c r="AC3289">
        <v>157</v>
      </c>
      <c r="AD3289">
        <v>160</v>
      </c>
      <c r="AE3289">
        <v>163</v>
      </c>
      <c r="AF3289">
        <v>167</v>
      </c>
      <c r="AG3289">
        <v>170</v>
      </c>
      <c r="AH3289">
        <v>173</v>
      </c>
      <c r="AI3289">
        <v>177</v>
      </c>
      <c r="AJ3289">
        <v>180</v>
      </c>
      <c r="AK3289">
        <v>184</v>
      </c>
      <c r="AL3289">
        <v>186</v>
      </c>
      <c r="AM3289">
        <v>188</v>
      </c>
      <c r="AN3289">
        <v>190</v>
      </c>
      <c r="AO3289">
        <v>191</v>
      </c>
      <c r="AP3289">
        <v>193</v>
      </c>
      <c r="AQ3289">
        <v>195</v>
      </c>
    </row>
    <row r="3290" spans="1:43">
      <c r="A3290" t="s">
        <v>2090</v>
      </c>
      <c r="B3290" t="s">
        <v>2091</v>
      </c>
      <c r="C3290" t="s">
        <v>2086</v>
      </c>
      <c r="D3290" t="s">
        <v>2087</v>
      </c>
      <c r="E3290" t="s">
        <v>2048</v>
      </c>
      <c r="F3290" t="s">
        <v>2049</v>
      </c>
      <c r="G3290" t="s">
        <v>80</v>
      </c>
      <c r="H3290" t="s">
        <v>81</v>
      </c>
      <c r="I3290" s="2">
        <v>0</v>
      </c>
      <c r="J3290" s="2">
        <v>1</v>
      </c>
      <c r="K3290" s="2">
        <v>0</v>
      </c>
      <c r="L3290" t="s">
        <v>82</v>
      </c>
      <c r="M3290" t="s">
        <v>83</v>
      </c>
      <c r="N3290" t="s">
        <v>84</v>
      </c>
      <c r="O3290" t="s">
        <v>85</v>
      </c>
      <c r="P3290" t="s">
        <v>86</v>
      </c>
      <c r="Q3290">
        <v>93</v>
      </c>
      <c r="R3290">
        <v>95</v>
      </c>
      <c r="S3290">
        <v>97</v>
      </c>
      <c r="T3290">
        <v>99</v>
      </c>
      <c r="U3290">
        <v>101</v>
      </c>
      <c r="V3290">
        <v>104</v>
      </c>
      <c r="W3290">
        <v>106</v>
      </c>
      <c r="X3290">
        <v>108</v>
      </c>
      <c r="Y3290">
        <v>111</v>
      </c>
      <c r="Z3290">
        <v>113</v>
      </c>
      <c r="AA3290">
        <v>116</v>
      </c>
      <c r="AB3290">
        <v>118</v>
      </c>
      <c r="AC3290">
        <v>120</v>
      </c>
      <c r="AD3290">
        <v>123</v>
      </c>
      <c r="AE3290">
        <v>125</v>
      </c>
      <c r="AF3290">
        <v>128</v>
      </c>
      <c r="AG3290">
        <v>131</v>
      </c>
      <c r="AH3290">
        <v>133</v>
      </c>
      <c r="AI3290">
        <v>136</v>
      </c>
      <c r="AJ3290">
        <v>138</v>
      </c>
      <c r="AK3290">
        <v>141</v>
      </c>
      <c r="AL3290">
        <v>143</v>
      </c>
      <c r="AM3290">
        <v>144</v>
      </c>
      <c r="AN3290">
        <v>146</v>
      </c>
      <c r="AO3290">
        <v>147</v>
      </c>
      <c r="AP3290">
        <v>148</v>
      </c>
      <c r="AQ3290">
        <v>150</v>
      </c>
    </row>
    <row r="3291" spans="1:43">
      <c r="A3291" t="s">
        <v>2090</v>
      </c>
      <c r="B3291" t="s">
        <v>2091</v>
      </c>
      <c r="C3291" t="s">
        <v>2086</v>
      </c>
      <c r="D3291" t="s">
        <v>2087</v>
      </c>
      <c r="E3291" t="s">
        <v>2048</v>
      </c>
      <c r="F3291" t="s">
        <v>2049</v>
      </c>
      <c r="G3291" t="s">
        <v>80</v>
      </c>
      <c r="H3291" t="s">
        <v>81</v>
      </c>
      <c r="I3291" s="2">
        <v>0</v>
      </c>
      <c r="J3291" s="2">
        <v>1</v>
      </c>
      <c r="K3291" s="2">
        <v>0</v>
      </c>
      <c r="L3291" t="s">
        <v>82</v>
      </c>
      <c r="M3291" t="s">
        <v>87</v>
      </c>
      <c r="N3291" t="s">
        <v>88</v>
      </c>
      <c r="O3291" t="s">
        <v>85</v>
      </c>
      <c r="P3291" t="s">
        <v>86</v>
      </c>
      <c r="Q3291">
        <v>93</v>
      </c>
      <c r="R3291">
        <v>94</v>
      </c>
      <c r="S3291">
        <v>95</v>
      </c>
      <c r="T3291">
        <v>97</v>
      </c>
      <c r="U3291">
        <v>98</v>
      </c>
      <c r="V3291">
        <v>99</v>
      </c>
      <c r="W3291">
        <v>101</v>
      </c>
      <c r="X3291">
        <v>102</v>
      </c>
      <c r="Y3291">
        <v>103</v>
      </c>
      <c r="Z3291">
        <v>105</v>
      </c>
      <c r="AA3291">
        <v>106</v>
      </c>
      <c r="AB3291">
        <v>108</v>
      </c>
      <c r="AC3291">
        <v>109</v>
      </c>
      <c r="AD3291">
        <v>110</v>
      </c>
      <c r="AE3291">
        <v>112</v>
      </c>
      <c r="AF3291">
        <v>113</v>
      </c>
      <c r="AG3291">
        <v>115</v>
      </c>
      <c r="AH3291">
        <v>116</v>
      </c>
      <c r="AI3291">
        <v>118</v>
      </c>
      <c r="AJ3291">
        <v>119</v>
      </c>
      <c r="AK3291">
        <v>121</v>
      </c>
      <c r="AL3291">
        <v>122</v>
      </c>
      <c r="AM3291">
        <v>124</v>
      </c>
      <c r="AN3291">
        <v>126</v>
      </c>
      <c r="AO3291">
        <v>127</v>
      </c>
      <c r="AP3291">
        <v>129</v>
      </c>
      <c r="AQ3291">
        <v>130</v>
      </c>
    </row>
    <row r="3292" spans="1:43">
      <c r="A3292" t="s">
        <v>2090</v>
      </c>
      <c r="B3292" t="s">
        <v>2091</v>
      </c>
      <c r="C3292" t="s">
        <v>2086</v>
      </c>
      <c r="D3292" t="s">
        <v>2087</v>
      </c>
      <c r="E3292" t="s">
        <v>2048</v>
      </c>
      <c r="F3292" t="s">
        <v>2049</v>
      </c>
      <c r="G3292" t="s">
        <v>80</v>
      </c>
      <c r="H3292" t="s">
        <v>81</v>
      </c>
      <c r="I3292" s="2">
        <v>0</v>
      </c>
      <c r="J3292" s="2">
        <v>1</v>
      </c>
      <c r="K3292" s="2">
        <v>0</v>
      </c>
      <c r="L3292" t="s">
        <v>82</v>
      </c>
      <c r="M3292" t="s">
        <v>89</v>
      </c>
      <c r="N3292" t="s">
        <v>90</v>
      </c>
      <c r="O3292" t="s">
        <v>85</v>
      </c>
      <c r="P3292" t="s">
        <v>86</v>
      </c>
      <c r="Q3292">
        <v>93</v>
      </c>
      <c r="R3292">
        <v>96</v>
      </c>
      <c r="S3292">
        <v>99</v>
      </c>
      <c r="T3292">
        <v>102</v>
      </c>
      <c r="U3292">
        <v>105</v>
      </c>
      <c r="V3292">
        <v>108</v>
      </c>
      <c r="W3292">
        <v>112</v>
      </c>
      <c r="X3292">
        <v>114</v>
      </c>
      <c r="Y3292">
        <v>117</v>
      </c>
      <c r="Z3292">
        <v>120</v>
      </c>
      <c r="AA3292">
        <v>123</v>
      </c>
      <c r="AB3292">
        <v>126</v>
      </c>
      <c r="AC3292">
        <v>129</v>
      </c>
      <c r="AD3292">
        <v>132</v>
      </c>
      <c r="AE3292">
        <v>135</v>
      </c>
      <c r="AF3292">
        <v>136</v>
      </c>
      <c r="AG3292">
        <v>137</v>
      </c>
      <c r="AH3292">
        <v>139</v>
      </c>
      <c r="AI3292">
        <v>140</v>
      </c>
      <c r="AJ3292">
        <v>142</v>
      </c>
      <c r="AK3292">
        <v>143</v>
      </c>
      <c r="AL3292">
        <v>144</v>
      </c>
      <c r="AM3292">
        <v>146</v>
      </c>
      <c r="AN3292">
        <v>147</v>
      </c>
      <c r="AO3292">
        <v>148</v>
      </c>
      <c r="AP3292">
        <v>150</v>
      </c>
      <c r="AQ3292">
        <v>151</v>
      </c>
    </row>
    <row r="3293" spans="1:43">
      <c r="A3293" t="s">
        <v>2090</v>
      </c>
      <c r="B3293" t="s">
        <v>2091</v>
      </c>
      <c r="C3293" t="s">
        <v>2086</v>
      </c>
      <c r="D3293" t="s">
        <v>2087</v>
      </c>
      <c r="E3293" t="s">
        <v>2048</v>
      </c>
      <c r="F3293" t="s">
        <v>2049</v>
      </c>
      <c r="G3293" t="s">
        <v>80</v>
      </c>
      <c r="H3293" t="s">
        <v>81</v>
      </c>
      <c r="I3293" s="2">
        <v>0</v>
      </c>
      <c r="J3293" s="2">
        <v>1</v>
      </c>
      <c r="K3293" s="2">
        <v>0</v>
      </c>
      <c r="L3293" t="s">
        <v>82</v>
      </c>
      <c r="M3293" t="s">
        <v>83</v>
      </c>
      <c r="N3293" t="s">
        <v>91</v>
      </c>
      <c r="O3293" t="s">
        <v>85</v>
      </c>
      <c r="P3293" t="s">
        <v>86</v>
      </c>
      <c r="Q3293">
        <v>93</v>
      </c>
      <c r="R3293">
        <v>95</v>
      </c>
      <c r="S3293">
        <v>97</v>
      </c>
      <c r="T3293">
        <v>99</v>
      </c>
      <c r="U3293">
        <v>101</v>
      </c>
      <c r="V3293">
        <v>104</v>
      </c>
      <c r="W3293">
        <v>106</v>
      </c>
      <c r="X3293">
        <v>108</v>
      </c>
      <c r="Y3293">
        <v>111</v>
      </c>
      <c r="Z3293">
        <v>113</v>
      </c>
      <c r="AA3293">
        <v>116</v>
      </c>
      <c r="AB3293">
        <v>118</v>
      </c>
      <c r="AC3293">
        <v>120</v>
      </c>
      <c r="AD3293">
        <v>123</v>
      </c>
      <c r="AE3293">
        <v>125</v>
      </c>
      <c r="AF3293">
        <v>128</v>
      </c>
      <c r="AG3293">
        <v>131</v>
      </c>
      <c r="AH3293">
        <v>133</v>
      </c>
      <c r="AI3293">
        <v>136</v>
      </c>
      <c r="AJ3293">
        <v>138</v>
      </c>
      <c r="AK3293">
        <v>141</v>
      </c>
      <c r="AL3293">
        <v>143</v>
      </c>
      <c r="AM3293">
        <v>144</v>
      </c>
      <c r="AN3293">
        <v>146</v>
      </c>
      <c r="AO3293">
        <v>147</v>
      </c>
      <c r="AP3293">
        <v>148</v>
      </c>
      <c r="AQ3293">
        <v>150</v>
      </c>
    </row>
    <row r="3294" spans="1:43">
      <c r="A3294" t="s">
        <v>2092</v>
      </c>
      <c r="B3294" t="s">
        <v>2093</v>
      </c>
      <c r="C3294" t="s">
        <v>2086</v>
      </c>
      <c r="D3294" t="s">
        <v>2087</v>
      </c>
      <c r="E3294" t="s">
        <v>2048</v>
      </c>
      <c r="F3294" t="s">
        <v>2049</v>
      </c>
      <c r="G3294" t="s">
        <v>80</v>
      </c>
      <c r="H3294" t="s">
        <v>81</v>
      </c>
      <c r="I3294" s="2">
        <v>0</v>
      </c>
      <c r="J3294" s="2">
        <v>1</v>
      </c>
      <c r="K3294" s="2">
        <v>0</v>
      </c>
      <c r="L3294" t="s">
        <v>82</v>
      </c>
      <c r="M3294" t="s">
        <v>83</v>
      </c>
      <c r="N3294" t="s">
        <v>84</v>
      </c>
      <c r="O3294" t="s">
        <v>85</v>
      </c>
      <c r="P3294" t="s">
        <v>86</v>
      </c>
      <c r="Q3294">
        <v>54</v>
      </c>
      <c r="R3294">
        <v>55</v>
      </c>
      <c r="S3294">
        <v>56</v>
      </c>
      <c r="T3294">
        <v>57</v>
      </c>
      <c r="U3294">
        <v>59</v>
      </c>
      <c r="V3294">
        <v>60</v>
      </c>
      <c r="W3294">
        <v>61</v>
      </c>
      <c r="X3294">
        <v>63</v>
      </c>
      <c r="Y3294">
        <v>64</v>
      </c>
      <c r="Z3294">
        <v>66</v>
      </c>
      <c r="AA3294">
        <v>67</v>
      </c>
      <c r="AB3294">
        <v>68</v>
      </c>
      <c r="AC3294">
        <v>70</v>
      </c>
      <c r="AD3294">
        <v>71</v>
      </c>
      <c r="AE3294">
        <v>73</v>
      </c>
      <c r="AF3294">
        <v>74</v>
      </c>
      <c r="AG3294">
        <v>76</v>
      </c>
      <c r="AH3294">
        <v>77</v>
      </c>
      <c r="AI3294">
        <v>79</v>
      </c>
      <c r="AJ3294">
        <v>80</v>
      </c>
      <c r="AK3294">
        <v>82</v>
      </c>
      <c r="AL3294">
        <v>83</v>
      </c>
      <c r="AM3294">
        <v>84</v>
      </c>
      <c r="AN3294">
        <v>84</v>
      </c>
      <c r="AO3294">
        <v>85</v>
      </c>
      <c r="AP3294">
        <v>86</v>
      </c>
      <c r="AQ3294">
        <v>87</v>
      </c>
    </row>
    <row r="3295" spans="1:43">
      <c r="A3295" t="s">
        <v>2092</v>
      </c>
      <c r="B3295" t="s">
        <v>2093</v>
      </c>
      <c r="C3295" t="s">
        <v>2086</v>
      </c>
      <c r="D3295" t="s">
        <v>2087</v>
      </c>
      <c r="E3295" t="s">
        <v>2048</v>
      </c>
      <c r="F3295" t="s">
        <v>2049</v>
      </c>
      <c r="G3295" t="s">
        <v>80</v>
      </c>
      <c r="H3295" t="s">
        <v>81</v>
      </c>
      <c r="I3295" s="2">
        <v>0</v>
      </c>
      <c r="J3295" s="2">
        <v>1</v>
      </c>
      <c r="K3295" s="2">
        <v>0</v>
      </c>
      <c r="L3295" t="s">
        <v>82</v>
      </c>
      <c r="M3295" t="s">
        <v>87</v>
      </c>
      <c r="N3295" t="s">
        <v>88</v>
      </c>
      <c r="O3295" t="s">
        <v>85</v>
      </c>
      <c r="P3295" t="s">
        <v>86</v>
      </c>
      <c r="Q3295">
        <v>54</v>
      </c>
      <c r="R3295">
        <v>55</v>
      </c>
      <c r="S3295">
        <v>56</v>
      </c>
      <c r="T3295">
        <v>56</v>
      </c>
      <c r="U3295">
        <v>57</v>
      </c>
      <c r="V3295">
        <v>58</v>
      </c>
      <c r="W3295">
        <v>59</v>
      </c>
      <c r="X3295">
        <v>59</v>
      </c>
      <c r="Y3295">
        <v>60</v>
      </c>
      <c r="Z3295">
        <v>61</v>
      </c>
      <c r="AA3295">
        <v>62</v>
      </c>
      <c r="AB3295">
        <v>63</v>
      </c>
      <c r="AC3295">
        <v>64</v>
      </c>
      <c r="AD3295">
        <v>64</v>
      </c>
      <c r="AE3295">
        <v>65</v>
      </c>
      <c r="AF3295">
        <v>66</v>
      </c>
      <c r="AG3295">
        <v>67</v>
      </c>
      <c r="AH3295">
        <v>68</v>
      </c>
      <c r="AI3295">
        <v>69</v>
      </c>
      <c r="AJ3295">
        <v>70</v>
      </c>
      <c r="AK3295">
        <v>70</v>
      </c>
      <c r="AL3295">
        <v>71</v>
      </c>
      <c r="AM3295">
        <v>72</v>
      </c>
      <c r="AN3295">
        <v>73</v>
      </c>
      <c r="AO3295">
        <v>74</v>
      </c>
      <c r="AP3295">
        <v>75</v>
      </c>
      <c r="AQ3295">
        <v>76</v>
      </c>
    </row>
    <row r="3296" spans="1:43">
      <c r="A3296" t="s">
        <v>2092</v>
      </c>
      <c r="B3296" t="s">
        <v>2093</v>
      </c>
      <c r="C3296" t="s">
        <v>2086</v>
      </c>
      <c r="D3296" t="s">
        <v>2087</v>
      </c>
      <c r="E3296" t="s">
        <v>2048</v>
      </c>
      <c r="F3296" t="s">
        <v>2049</v>
      </c>
      <c r="G3296" t="s">
        <v>80</v>
      </c>
      <c r="H3296" t="s">
        <v>81</v>
      </c>
      <c r="I3296" s="2">
        <v>0</v>
      </c>
      <c r="J3296" s="2">
        <v>1</v>
      </c>
      <c r="K3296" s="2">
        <v>0</v>
      </c>
      <c r="L3296" t="s">
        <v>82</v>
      </c>
      <c r="M3296" t="s">
        <v>89</v>
      </c>
      <c r="N3296" t="s">
        <v>90</v>
      </c>
      <c r="O3296" t="s">
        <v>85</v>
      </c>
      <c r="P3296" t="s">
        <v>86</v>
      </c>
      <c r="Q3296">
        <v>54</v>
      </c>
      <c r="R3296">
        <v>56</v>
      </c>
      <c r="S3296">
        <v>58</v>
      </c>
      <c r="T3296">
        <v>59</v>
      </c>
      <c r="U3296">
        <v>61</v>
      </c>
      <c r="V3296">
        <v>63</v>
      </c>
      <c r="W3296">
        <v>65</v>
      </c>
      <c r="X3296">
        <v>66</v>
      </c>
      <c r="Y3296">
        <v>68</v>
      </c>
      <c r="Z3296">
        <v>70</v>
      </c>
      <c r="AA3296">
        <v>71</v>
      </c>
      <c r="AB3296">
        <v>73</v>
      </c>
      <c r="AC3296">
        <v>75</v>
      </c>
      <c r="AD3296">
        <v>77</v>
      </c>
      <c r="AE3296">
        <v>78</v>
      </c>
      <c r="AF3296">
        <v>79</v>
      </c>
      <c r="AG3296">
        <v>80</v>
      </c>
      <c r="AH3296">
        <v>80</v>
      </c>
      <c r="AI3296">
        <v>81</v>
      </c>
      <c r="AJ3296">
        <v>82</v>
      </c>
      <c r="AK3296">
        <v>83</v>
      </c>
      <c r="AL3296">
        <v>84</v>
      </c>
      <c r="AM3296">
        <v>84</v>
      </c>
      <c r="AN3296">
        <v>85</v>
      </c>
      <c r="AO3296">
        <v>86</v>
      </c>
      <c r="AP3296">
        <v>87</v>
      </c>
      <c r="AQ3296">
        <v>87</v>
      </c>
    </row>
    <row r="3297" spans="1:43">
      <c r="A3297" t="s">
        <v>2092</v>
      </c>
      <c r="B3297" t="s">
        <v>2093</v>
      </c>
      <c r="C3297" t="s">
        <v>2086</v>
      </c>
      <c r="D3297" t="s">
        <v>2087</v>
      </c>
      <c r="E3297" t="s">
        <v>2048</v>
      </c>
      <c r="F3297" t="s">
        <v>2049</v>
      </c>
      <c r="G3297" t="s">
        <v>80</v>
      </c>
      <c r="H3297" t="s">
        <v>81</v>
      </c>
      <c r="I3297" s="2">
        <v>0</v>
      </c>
      <c r="J3297" s="2">
        <v>1</v>
      </c>
      <c r="K3297" s="2">
        <v>0</v>
      </c>
      <c r="L3297" t="s">
        <v>82</v>
      </c>
      <c r="M3297" t="s">
        <v>83</v>
      </c>
      <c r="N3297" t="s">
        <v>91</v>
      </c>
      <c r="O3297" t="s">
        <v>85</v>
      </c>
      <c r="P3297" t="s">
        <v>86</v>
      </c>
      <c r="Q3297">
        <v>54</v>
      </c>
      <c r="R3297">
        <v>55</v>
      </c>
      <c r="S3297">
        <v>56</v>
      </c>
      <c r="T3297">
        <v>57</v>
      </c>
      <c r="U3297">
        <v>59</v>
      </c>
      <c r="V3297">
        <v>60</v>
      </c>
      <c r="W3297">
        <v>61</v>
      </c>
      <c r="X3297">
        <v>63</v>
      </c>
      <c r="Y3297">
        <v>64</v>
      </c>
      <c r="Z3297">
        <v>66</v>
      </c>
      <c r="AA3297">
        <v>67</v>
      </c>
      <c r="AB3297">
        <v>68</v>
      </c>
      <c r="AC3297">
        <v>70</v>
      </c>
      <c r="AD3297">
        <v>71</v>
      </c>
      <c r="AE3297">
        <v>73</v>
      </c>
      <c r="AF3297">
        <v>74</v>
      </c>
      <c r="AG3297">
        <v>76</v>
      </c>
      <c r="AH3297">
        <v>77</v>
      </c>
      <c r="AI3297">
        <v>79</v>
      </c>
      <c r="AJ3297">
        <v>80</v>
      </c>
      <c r="AK3297">
        <v>82</v>
      </c>
      <c r="AL3297">
        <v>83</v>
      </c>
      <c r="AM3297">
        <v>84</v>
      </c>
      <c r="AN3297">
        <v>84</v>
      </c>
      <c r="AO3297">
        <v>85</v>
      </c>
      <c r="AP3297">
        <v>86</v>
      </c>
      <c r="AQ3297">
        <v>87</v>
      </c>
    </row>
    <row r="3298" spans="1:43">
      <c r="A3298" t="s">
        <v>2094</v>
      </c>
      <c r="B3298" t="s">
        <v>2095</v>
      </c>
      <c r="C3298" t="s">
        <v>2082</v>
      </c>
      <c r="D3298" t="s">
        <v>2083</v>
      </c>
      <c r="E3298" t="s">
        <v>2048</v>
      </c>
      <c r="F3298" t="s">
        <v>2049</v>
      </c>
      <c r="G3298" t="s">
        <v>80</v>
      </c>
      <c r="H3298" t="s">
        <v>81</v>
      </c>
      <c r="I3298" s="2">
        <v>0</v>
      </c>
      <c r="J3298" s="2">
        <v>1</v>
      </c>
      <c r="K3298" s="2">
        <v>0</v>
      </c>
      <c r="L3298" t="s">
        <v>82</v>
      </c>
      <c r="M3298" t="s">
        <v>83</v>
      </c>
      <c r="N3298" t="s">
        <v>84</v>
      </c>
      <c r="O3298" t="s">
        <v>85</v>
      </c>
      <c r="P3298" t="s">
        <v>86</v>
      </c>
      <c r="Q3298">
        <v>230</v>
      </c>
      <c r="R3298">
        <v>236</v>
      </c>
      <c r="S3298">
        <v>241</v>
      </c>
      <c r="T3298">
        <v>247</v>
      </c>
      <c r="U3298">
        <v>253</v>
      </c>
      <c r="V3298">
        <v>258</v>
      </c>
      <c r="W3298">
        <v>264</v>
      </c>
      <c r="X3298">
        <v>270</v>
      </c>
      <c r="Y3298">
        <v>276</v>
      </c>
      <c r="Z3298">
        <v>282</v>
      </c>
      <c r="AA3298">
        <v>288</v>
      </c>
      <c r="AB3298">
        <v>295</v>
      </c>
      <c r="AC3298">
        <v>301</v>
      </c>
      <c r="AD3298">
        <v>307</v>
      </c>
      <c r="AE3298">
        <v>313</v>
      </c>
      <c r="AF3298">
        <v>320</v>
      </c>
      <c r="AG3298">
        <v>326</v>
      </c>
      <c r="AH3298">
        <v>333</v>
      </c>
      <c r="AI3298">
        <v>339</v>
      </c>
      <c r="AJ3298">
        <v>346</v>
      </c>
      <c r="AK3298">
        <v>353</v>
      </c>
      <c r="AL3298">
        <v>357</v>
      </c>
      <c r="AM3298">
        <v>361</v>
      </c>
      <c r="AN3298">
        <v>364</v>
      </c>
      <c r="AO3298">
        <v>367</v>
      </c>
      <c r="AP3298">
        <v>371</v>
      </c>
      <c r="AQ3298">
        <v>374</v>
      </c>
    </row>
    <row r="3299" spans="1:43">
      <c r="A3299" t="s">
        <v>2094</v>
      </c>
      <c r="B3299" t="s">
        <v>2095</v>
      </c>
      <c r="C3299" t="s">
        <v>2082</v>
      </c>
      <c r="D3299" t="s">
        <v>2083</v>
      </c>
      <c r="E3299" t="s">
        <v>2048</v>
      </c>
      <c r="F3299" t="s">
        <v>2049</v>
      </c>
      <c r="G3299" t="s">
        <v>80</v>
      </c>
      <c r="H3299" t="s">
        <v>81</v>
      </c>
      <c r="I3299" s="2">
        <v>0</v>
      </c>
      <c r="J3299" s="2">
        <v>1</v>
      </c>
      <c r="K3299" s="2">
        <v>0</v>
      </c>
      <c r="L3299" t="s">
        <v>82</v>
      </c>
      <c r="M3299" t="s">
        <v>87</v>
      </c>
      <c r="N3299" t="s">
        <v>88</v>
      </c>
      <c r="O3299" t="s">
        <v>85</v>
      </c>
      <c r="P3299" t="s">
        <v>86</v>
      </c>
      <c r="Q3299">
        <v>230</v>
      </c>
      <c r="R3299">
        <v>233</v>
      </c>
      <c r="S3299">
        <v>237</v>
      </c>
      <c r="T3299">
        <v>240</v>
      </c>
      <c r="U3299">
        <v>243</v>
      </c>
      <c r="V3299">
        <v>247</v>
      </c>
      <c r="W3299">
        <v>250</v>
      </c>
      <c r="X3299">
        <v>254</v>
      </c>
      <c r="Y3299">
        <v>257</v>
      </c>
      <c r="Z3299">
        <v>261</v>
      </c>
      <c r="AA3299">
        <v>264</v>
      </c>
      <c r="AB3299">
        <v>268</v>
      </c>
      <c r="AC3299">
        <v>272</v>
      </c>
      <c r="AD3299">
        <v>275</v>
      </c>
      <c r="AE3299">
        <v>279</v>
      </c>
      <c r="AF3299">
        <v>283</v>
      </c>
      <c r="AG3299">
        <v>287</v>
      </c>
      <c r="AH3299">
        <v>291</v>
      </c>
      <c r="AI3299">
        <v>294</v>
      </c>
      <c r="AJ3299">
        <v>298</v>
      </c>
      <c r="AK3299">
        <v>302</v>
      </c>
      <c r="AL3299">
        <v>306</v>
      </c>
      <c r="AM3299">
        <v>310</v>
      </c>
      <c r="AN3299">
        <v>314</v>
      </c>
      <c r="AO3299">
        <v>318</v>
      </c>
      <c r="AP3299">
        <v>322</v>
      </c>
      <c r="AQ3299">
        <v>327</v>
      </c>
    </row>
    <row r="3300" spans="1:43">
      <c r="A3300" t="s">
        <v>2094</v>
      </c>
      <c r="B3300" t="s">
        <v>2095</v>
      </c>
      <c r="C3300" t="s">
        <v>2082</v>
      </c>
      <c r="D3300" t="s">
        <v>2083</v>
      </c>
      <c r="E3300" t="s">
        <v>2048</v>
      </c>
      <c r="F3300" t="s">
        <v>2049</v>
      </c>
      <c r="G3300" t="s">
        <v>80</v>
      </c>
      <c r="H3300" t="s">
        <v>81</v>
      </c>
      <c r="I3300" s="2">
        <v>0</v>
      </c>
      <c r="J3300" s="2">
        <v>1</v>
      </c>
      <c r="K3300" s="2">
        <v>0</v>
      </c>
      <c r="L3300" t="s">
        <v>82</v>
      </c>
      <c r="M3300" t="s">
        <v>89</v>
      </c>
      <c r="N3300" t="s">
        <v>90</v>
      </c>
      <c r="O3300" t="s">
        <v>85</v>
      </c>
      <c r="P3300" t="s">
        <v>86</v>
      </c>
      <c r="Q3300">
        <v>230</v>
      </c>
      <c r="R3300">
        <v>238</v>
      </c>
      <c r="S3300">
        <v>245</v>
      </c>
      <c r="T3300">
        <v>253</v>
      </c>
      <c r="U3300">
        <v>261</v>
      </c>
      <c r="V3300">
        <v>268</v>
      </c>
      <c r="W3300">
        <v>276</v>
      </c>
      <c r="X3300">
        <v>283</v>
      </c>
      <c r="Y3300">
        <v>291</v>
      </c>
      <c r="Z3300">
        <v>298</v>
      </c>
      <c r="AA3300">
        <v>305</v>
      </c>
      <c r="AB3300">
        <v>313</v>
      </c>
      <c r="AC3300">
        <v>321</v>
      </c>
      <c r="AD3300">
        <v>328</v>
      </c>
      <c r="AE3300">
        <v>334</v>
      </c>
      <c r="AF3300">
        <v>338</v>
      </c>
      <c r="AG3300">
        <v>341</v>
      </c>
      <c r="AH3300">
        <v>344</v>
      </c>
      <c r="AI3300">
        <v>348</v>
      </c>
      <c r="AJ3300">
        <v>351</v>
      </c>
      <c r="AK3300">
        <v>354</v>
      </c>
      <c r="AL3300">
        <v>358</v>
      </c>
      <c r="AM3300">
        <v>361</v>
      </c>
      <c r="AN3300">
        <v>364</v>
      </c>
      <c r="AO3300">
        <v>367</v>
      </c>
      <c r="AP3300">
        <v>371</v>
      </c>
      <c r="AQ3300">
        <v>374</v>
      </c>
    </row>
    <row r="3301" spans="1:43">
      <c r="A3301" t="s">
        <v>2094</v>
      </c>
      <c r="B3301" t="s">
        <v>2095</v>
      </c>
      <c r="C3301" t="s">
        <v>2082</v>
      </c>
      <c r="D3301" t="s">
        <v>2083</v>
      </c>
      <c r="E3301" t="s">
        <v>2048</v>
      </c>
      <c r="F3301" t="s">
        <v>2049</v>
      </c>
      <c r="G3301" t="s">
        <v>80</v>
      </c>
      <c r="H3301" t="s">
        <v>81</v>
      </c>
      <c r="I3301" s="2">
        <v>0</v>
      </c>
      <c r="J3301" s="2">
        <v>1</v>
      </c>
      <c r="K3301" s="2">
        <v>0</v>
      </c>
      <c r="L3301" t="s">
        <v>82</v>
      </c>
      <c r="M3301" t="s">
        <v>83</v>
      </c>
      <c r="N3301" t="s">
        <v>91</v>
      </c>
      <c r="O3301" t="s">
        <v>85</v>
      </c>
      <c r="P3301" t="s">
        <v>86</v>
      </c>
      <c r="Q3301">
        <v>230</v>
      </c>
      <c r="R3301">
        <v>236</v>
      </c>
      <c r="S3301">
        <v>241</v>
      </c>
      <c r="T3301">
        <v>247</v>
      </c>
      <c r="U3301">
        <v>253</v>
      </c>
      <c r="V3301">
        <v>258</v>
      </c>
      <c r="W3301">
        <v>264</v>
      </c>
      <c r="X3301">
        <v>270</v>
      </c>
      <c r="Y3301">
        <v>276</v>
      </c>
      <c r="Z3301">
        <v>282</v>
      </c>
      <c r="AA3301">
        <v>288</v>
      </c>
      <c r="AB3301">
        <v>295</v>
      </c>
      <c r="AC3301">
        <v>301</v>
      </c>
      <c r="AD3301">
        <v>307</v>
      </c>
      <c r="AE3301">
        <v>313</v>
      </c>
      <c r="AF3301">
        <v>320</v>
      </c>
      <c r="AG3301">
        <v>326</v>
      </c>
      <c r="AH3301">
        <v>333</v>
      </c>
      <c r="AI3301">
        <v>339</v>
      </c>
      <c r="AJ3301">
        <v>346</v>
      </c>
      <c r="AK3301">
        <v>353</v>
      </c>
      <c r="AL3301">
        <v>357</v>
      </c>
      <c r="AM3301">
        <v>361</v>
      </c>
      <c r="AN3301">
        <v>364</v>
      </c>
      <c r="AO3301">
        <v>367</v>
      </c>
      <c r="AP3301">
        <v>371</v>
      </c>
      <c r="AQ3301">
        <v>374</v>
      </c>
    </row>
    <row r="3302" spans="1:43">
      <c r="A3302" t="s">
        <v>2096</v>
      </c>
      <c r="B3302" t="s">
        <v>2097</v>
      </c>
      <c r="C3302" t="s">
        <v>2086</v>
      </c>
      <c r="D3302" t="s">
        <v>2087</v>
      </c>
      <c r="E3302" t="s">
        <v>2048</v>
      </c>
      <c r="F3302" t="s">
        <v>2049</v>
      </c>
      <c r="G3302" t="s">
        <v>80</v>
      </c>
      <c r="H3302" t="s">
        <v>81</v>
      </c>
      <c r="I3302" s="2">
        <v>0</v>
      </c>
      <c r="J3302" s="2">
        <v>1</v>
      </c>
      <c r="K3302" s="2">
        <v>0</v>
      </c>
      <c r="L3302" t="s">
        <v>82</v>
      </c>
      <c r="M3302" t="s">
        <v>83</v>
      </c>
      <c r="N3302" t="s">
        <v>84</v>
      </c>
      <c r="O3302" t="s">
        <v>85</v>
      </c>
      <c r="P3302" t="s">
        <v>86</v>
      </c>
      <c r="Q3302">
        <v>120</v>
      </c>
      <c r="R3302">
        <v>123</v>
      </c>
      <c r="S3302">
        <v>125</v>
      </c>
      <c r="T3302">
        <v>128</v>
      </c>
      <c r="U3302">
        <v>131</v>
      </c>
      <c r="V3302">
        <v>134</v>
      </c>
      <c r="W3302">
        <v>137</v>
      </c>
      <c r="X3302">
        <v>140</v>
      </c>
      <c r="Y3302">
        <v>143</v>
      </c>
      <c r="Z3302">
        <v>147</v>
      </c>
      <c r="AA3302">
        <v>150</v>
      </c>
      <c r="AB3302">
        <v>153</v>
      </c>
      <c r="AC3302">
        <v>156</v>
      </c>
      <c r="AD3302">
        <v>160</v>
      </c>
      <c r="AE3302">
        <v>163</v>
      </c>
      <c r="AF3302">
        <v>166</v>
      </c>
      <c r="AG3302">
        <v>170</v>
      </c>
      <c r="AH3302">
        <v>173</v>
      </c>
      <c r="AI3302">
        <v>176</v>
      </c>
      <c r="AJ3302">
        <v>180</v>
      </c>
      <c r="AK3302">
        <v>184</v>
      </c>
      <c r="AL3302">
        <v>186</v>
      </c>
      <c r="AM3302">
        <v>188</v>
      </c>
      <c r="AN3302">
        <v>189</v>
      </c>
      <c r="AO3302">
        <v>191</v>
      </c>
      <c r="AP3302">
        <v>193</v>
      </c>
      <c r="AQ3302">
        <v>195</v>
      </c>
    </row>
    <row r="3303" spans="1:43">
      <c r="A3303" t="s">
        <v>2096</v>
      </c>
      <c r="B3303" t="s">
        <v>2097</v>
      </c>
      <c r="C3303" t="s">
        <v>2086</v>
      </c>
      <c r="D3303" t="s">
        <v>2087</v>
      </c>
      <c r="E3303" t="s">
        <v>2048</v>
      </c>
      <c r="F3303" t="s">
        <v>2049</v>
      </c>
      <c r="G3303" t="s">
        <v>80</v>
      </c>
      <c r="H3303" t="s">
        <v>81</v>
      </c>
      <c r="I3303" s="2">
        <v>0</v>
      </c>
      <c r="J3303" s="2">
        <v>1</v>
      </c>
      <c r="K3303" s="2">
        <v>0</v>
      </c>
      <c r="L3303" t="s">
        <v>82</v>
      </c>
      <c r="M3303" t="s">
        <v>87</v>
      </c>
      <c r="N3303" t="s">
        <v>88</v>
      </c>
      <c r="O3303" t="s">
        <v>85</v>
      </c>
      <c r="P3303" t="s">
        <v>86</v>
      </c>
      <c r="Q3303">
        <v>120</v>
      </c>
      <c r="R3303">
        <v>121</v>
      </c>
      <c r="S3303">
        <v>123</v>
      </c>
      <c r="T3303">
        <v>125</v>
      </c>
      <c r="U3303">
        <v>126</v>
      </c>
      <c r="V3303">
        <v>128</v>
      </c>
      <c r="W3303">
        <v>130</v>
      </c>
      <c r="X3303">
        <v>132</v>
      </c>
      <c r="Y3303">
        <v>134</v>
      </c>
      <c r="Z3303">
        <v>135</v>
      </c>
      <c r="AA3303">
        <v>137</v>
      </c>
      <c r="AB3303">
        <v>139</v>
      </c>
      <c r="AC3303">
        <v>141</v>
      </c>
      <c r="AD3303">
        <v>143</v>
      </c>
      <c r="AE3303">
        <v>145</v>
      </c>
      <c r="AF3303">
        <v>147</v>
      </c>
      <c r="AG3303">
        <v>149</v>
      </c>
      <c r="AH3303">
        <v>151</v>
      </c>
      <c r="AI3303">
        <v>153</v>
      </c>
      <c r="AJ3303">
        <v>155</v>
      </c>
      <c r="AK3303">
        <v>157</v>
      </c>
      <c r="AL3303">
        <v>159</v>
      </c>
      <c r="AM3303">
        <v>161</v>
      </c>
      <c r="AN3303">
        <v>163</v>
      </c>
      <c r="AO3303">
        <v>165</v>
      </c>
      <c r="AP3303">
        <v>167</v>
      </c>
      <c r="AQ3303">
        <v>169</v>
      </c>
    </row>
    <row r="3304" spans="1:43">
      <c r="A3304" t="s">
        <v>2096</v>
      </c>
      <c r="B3304" t="s">
        <v>2097</v>
      </c>
      <c r="C3304" t="s">
        <v>2086</v>
      </c>
      <c r="D3304" t="s">
        <v>2087</v>
      </c>
      <c r="E3304" t="s">
        <v>2048</v>
      </c>
      <c r="F3304" t="s">
        <v>2049</v>
      </c>
      <c r="G3304" t="s">
        <v>80</v>
      </c>
      <c r="H3304" t="s">
        <v>81</v>
      </c>
      <c r="I3304" s="2">
        <v>0</v>
      </c>
      <c r="J3304" s="2">
        <v>1</v>
      </c>
      <c r="K3304" s="2">
        <v>0</v>
      </c>
      <c r="L3304" t="s">
        <v>82</v>
      </c>
      <c r="M3304" t="s">
        <v>89</v>
      </c>
      <c r="N3304" t="s">
        <v>90</v>
      </c>
      <c r="O3304" t="s">
        <v>85</v>
      </c>
      <c r="P3304" t="s">
        <v>86</v>
      </c>
      <c r="Q3304">
        <v>120</v>
      </c>
      <c r="R3304">
        <v>124</v>
      </c>
      <c r="S3304">
        <v>128</v>
      </c>
      <c r="T3304">
        <v>132</v>
      </c>
      <c r="U3304">
        <v>135</v>
      </c>
      <c r="V3304">
        <v>139</v>
      </c>
      <c r="W3304">
        <v>143</v>
      </c>
      <c r="X3304">
        <v>147</v>
      </c>
      <c r="Y3304">
        <v>151</v>
      </c>
      <c r="Z3304">
        <v>155</v>
      </c>
      <c r="AA3304">
        <v>159</v>
      </c>
      <c r="AB3304">
        <v>163</v>
      </c>
      <c r="AC3304">
        <v>167</v>
      </c>
      <c r="AD3304">
        <v>171</v>
      </c>
      <c r="AE3304">
        <v>174</v>
      </c>
      <c r="AF3304">
        <v>176</v>
      </c>
      <c r="AG3304">
        <v>178</v>
      </c>
      <c r="AH3304">
        <v>179</v>
      </c>
      <c r="AI3304">
        <v>181</v>
      </c>
      <c r="AJ3304">
        <v>183</v>
      </c>
      <c r="AK3304">
        <v>185</v>
      </c>
      <c r="AL3304">
        <v>186</v>
      </c>
      <c r="AM3304">
        <v>188</v>
      </c>
      <c r="AN3304">
        <v>190</v>
      </c>
      <c r="AO3304">
        <v>192</v>
      </c>
      <c r="AP3304">
        <v>193</v>
      </c>
      <c r="AQ3304">
        <v>195</v>
      </c>
    </row>
    <row r="3305" spans="1:43">
      <c r="A3305" t="s">
        <v>2096</v>
      </c>
      <c r="B3305" t="s">
        <v>2097</v>
      </c>
      <c r="C3305" t="s">
        <v>2086</v>
      </c>
      <c r="D3305" t="s">
        <v>2087</v>
      </c>
      <c r="E3305" t="s">
        <v>2048</v>
      </c>
      <c r="F3305" t="s">
        <v>2049</v>
      </c>
      <c r="G3305" t="s">
        <v>80</v>
      </c>
      <c r="H3305" t="s">
        <v>81</v>
      </c>
      <c r="I3305" s="2">
        <v>0</v>
      </c>
      <c r="J3305" s="2">
        <v>1</v>
      </c>
      <c r="K3305" s="2">
        <v>0</v>
      </c>
      <c r="L3305" t="s">
        <v>82</v>
      </c>
      <c r="M3305" t="s">
        <v>83</v>
      </c>
      <c r="N3305" t="s">
        <v>91</v>
      </c>
      <c r="O3305" t="s">
        <v>85</v>
      </c>
      <c r="P3305" t="s">
        <v>86</v>
      </c>
      <c r="Q3305">
        <v>120</v>
      </c>
      <c r="R3305">
        <v>123</v>
      </c>
      <c r="S3305">
        <v>125</v>
      </c>
      <c r="T3305">
        <v>128</v>
      </c>
      <c r="U3305">
        <v>131</v>
      </c>
      <c r="V3305">
        <v>134</v>
      </c>
      <c r="W3305">
        <v>137</v>
      </c>
      <c r="X3305">
        <v>140</v>
      </c>
      <c r="Y3305">
        <v>143</v>
      </c>
      <c r="Z3305">
        <v>147</v>
      </c>
      <c r="AA3305">
        <v>150</v>
      </c>
      <c r="AB3305">
        <v>153</v>
      </c>
      <c r="AC3305">
        <v>156</v>
      </c>
      <c r="AD3305">
        <v>160</v>
      </c>
      <c r="AE3305">
        <v>163</v>
      </c>
      <c r="AF3305">
        <v>166</v>
      </c>
      <c r="AG3305">
        <v>170</v>
      </c>
      <c r="AH3305">
        <v>173</v>
      </c>
      <c r="AI3305">
        <v>176</v>
      </c>
      <c r="AJ3305">
        <v>180</v>
      </c>
      <c r="AK3305">
        <v>184</v>
      </c>
      <c r="AL3305">
        <v>186</v>
      </c>
      <c r="AM3305">
        <v>188</v>
      </c>
      <c r="AN3305">
        <v>189</v>
      </c>
      <c r="AO3305">
        <v>191</v>
      </c>
      <c r="AP3305">
        <v>193</v>
      </c>
      <c r="AQ3305">
        <v>195</v>
      </c>
    </row>
    <row r="3306" spans="1:43">
      <c r="A3306" t="s">
        <v>2098</v>
      </c>
      <c r="B3306" t="s">
        <v>2099</v>
      </c>
      <c r="C3306" t="s">
        <v>2100</v>
      </c>
      <c r="D3306" t="s">
        <v>2101</v>
      </c>
      <c r="E3306" t="s">
        <v>2048</v>
      </c>
      <c r="F3306" t="s">
        <v>2049</v>
      </c>
      <c r="G3306" t="s">
        <v>80</v>
      </c>
      <c r="H3306" t="s">
        <v>81</v>
      </c>
      <c r="I3306" s="2">
        <v>0</v>
      </c>
      <c r="J3306" s="2">
        <v>1</v>
      </c>
      <c r="K3306" s="2">
        <v>0</v>
      </c>
      <c r="L3306" t="s">
        <v>82</v>
      </c>
      <c r="M3306" t="s">
        <v>83</v>
      </c>
      <c r="N3306" t="s">
        <v>84</v>
      </c>
      <c r="O3306" t="s">
        <v>85</v>
      </c>
      <c r="P3306" t="s">
        <v>86</v>
      </c>
      <c r="Q3306">
        <v>218</v>
      </c>
      <c r="R3306">
        <v>223</v>
      </c>
      <c r="S3306">
        <v>228</v>
      </c>
      <c r="T3306">
        <v>233</v>
      </c>
      <c r="U3306">
        <v>239</v>
      </c>
      <c r="V3306">
        <v>244</v>
      </c>
      <c r="W3306">
        <v>250</v>
      </c>
      <c r="X3306">
        <v>255</v>
      </c>
      <c r="Y3306">
        <v>261</v>
      </c>
      <c r="Z3306">
        <v>266</v>
      </c>
      <c r="AA3306">
        <v>272</v>
      </c>
      <c r="AB3306">
        <v>278</v>
      </c>
      <c r="AC3306">
        <v>284</v>
      </c>
      <c r="AD3306">
        <v>290</v>
      </c>
      <c r="AE3306">
        <v>296</v>
      </c>
      <c r="AF3306">
        <v>302</v>
      </c>
      <c r="AG3306">
        <v>308</v>
      </c>
      <c r="AH3306">
        <v>314</v>
      </c>
      <c r="AI3306">
        <v>320</v>
      </c>
      <c r="AJ3306">
        <v>327</v>
      </c>
      <c r="AK3306">
        <v>333</v>
      </c>
      <c r="AL3306">
        <v>337</v>
      </c>
      <c r="AM3306">
        <v>340</v>
      </c>
      <c r="AN3306">
        <v>344</v>
      </c>
      <c r="AO3306">
        <v>347</v>
      </c>
      <c r="AP3306">
        <v>350</v>
      </c>
      <c r="AQ3306">
        <v>353</v>
      </c>
    </row>
    <row r="3307" spans="1:43">
      <c r="A3307" t="s">
        <v>2098</v>
      </c>
      <c r="B3307" t="s">
        <v>2099</v>
      </c>
      <c r="C3307" t="s">
        <v>2100</v>
      </c>
      <c r="D3307" t="s">
        <v>2101</v>
      </c>
      <c r="E3307" t="s">
        <v>2048</v>
      </c>
      <c r="F3307" t="s">
        <v>2049</v>
      </c>
      <c r="G3307" t="s">
        <v>80</v>
      </c>
      <c r="H3307" t="s">
        <v>81</v>
      </c>
      <c r="I3307" s="2">
        <v>0</v>
      </c>
      <c r="J3307" s="2">
        <v>1</v>
      </c>
      <c r="K3307" s="2">
        <v>0</v>
      </c>
      <c r="L3307" t="s">
        <v>82</v>
      </c>
      <c r="M3307" t="s">
        <v>87</v>
      </c>
      <c r="N3307" t="s">
        <v>88</v>
      </c>
      <c r="O3307" t="s">
        <v>85</v>
      </c>
      <c r="P3307" t="s">
        <v>86</v>
      </c>
      <c r="Q3307">
        <v>218</v>
      </c>
      <c r="R3307">
        <v>221</v>
      </c>
      <c r="S3307">
        <v>224</v>
      </c>
      <c r="T3307">
        <v>227</v>
      </c>
      <c r="U3307">
        <v>230</v>
      </c>
      <c r="V3307">
        <v>233</v>
      </c>
      <c r="W3307">
        <v>237</v>
      </c>
      <c r="X3307">
        <v>240</v>
      </c>
      <c r="Y3307">
        <v>243</v>
      </c>
      <c r="Z3307">
        <v>246</v>
      </c>
      <c r="AA3307">
        <v>250</v>
      </c>
      <c r="AB3307">
        <v>253</v>
      </c>
      <c r="AC3307">
        <v>256</v>
      </c>
      <c r="AD3307">
        <v>260</v>
      </c>
      <c r="AE3307">
        <v>263</v>
      </c>
      <c r="AF3307">
        <v>267</v>
      </c>
      <c r="AG3307">
        <v>270</v>
      </c>
      <c r="AH3307">
        <v>274</v>
      </c>
      <c r="AI3307">
        <v>277</v>
      </c>
      <c r="AJ3307">
        <v>281</v>
      </c>
      <c r="AK3307">
        <v>285</v>
      </c>
      <c r="AL3307">
        <v>288</v>
      </c>
      <c r="AM3307">
        <v>292</v>
      </c>
      <c r="AN3307">
        <v>296</v>
      </c>
      <c r="AO3307">
        <v>299</v>
      </c>
      <c r="AP3307">
        <v>303</v>
      </c>
      <c r="AQ3307">
        <v>307</v>
      </c>
    </row>
    <row r="3308" spans="1:43">
      <c r="A3308" t="s">
        <v>2098</v>
      </c>
      <c r="B3308" t="s">
        <v>2099</v>
      </c>
      <c r="C3308" t="s">
        <v>2100</v>
      </c>
      <c r="D3308" t="s">
        <v>2101</v>
      </c>
      <c r="E3308" t="s">
        <v>2048</v>
      </c>
      <c r="F3308" t="s">
        <v>2049</v>
      </c>
      <c r="G3308" t="s">
        <v>80</v>
      </c>
      <c r="H3308" t="s">
        <v>81</v>
      </c>
      <c r="I3308" s="2">
        <v>0</v>
      </c>
      <c r="J3308" s="2">
        <v>1</v>
      </c>
      <c r="K3308" s="2">
        <v>0</v>
      </c>
      <c r="L3308" t="s">
        <v>82</v>
      </c>
      <c r="M3308" t="s">
        <v>89</v>
      </c>
      <c r="N3308" t="s">
        <v>90</v>
      </c>
      <c r="O3308" t="s">
        <v>85</v>
      </c>
      <c r="P3308" t="s">
        <v>86</v>
      </c>
      <c r="Q3308">
        <v>218</v>
      </c>
      <c r="R3308">
        <v>225</v>
      </c>
      <c r="S3308">
        <v>232</v>
      </c>
      <c r="T3308">
        <v>239</v>
      </c>
      <c r="U3308">
        <v>246</v>
      </c>
      <c r="V3308">
        <v>253</v>
      </c>
      <c r="W3308">
        <v>260</v>
      </c>
      <c r="X3308">
        <v>268</v>
      </c>
      <c r="Y3308">
        <v>275</v>
      </c>
      <c r="Z3308">
        <v>282</v>
      </c>
      <c r="AA3308">
        <v>289</v>
      </c>
      <c r="AB3308">
        <v>295</v>
      </c>
      <c r="AC3308">
        <v>303</v>
      </c>
      <c r="AD3308">
        <v>310</v>
      </c>
      <c r="AE3308">
        <v>316</v>
      </c>
      <c r="AF3308">
        <v>319</v>
      </c>
      <c r="AG3308">
        <v>322</v>
      </c>
      <c r="AH3308">
        <v>325</v>
      </c>
      <c r="AI3308">
        <v>328</v>
      </c>
      <c r="AJ3308">
        <v>331</v>
      </c>
      <c r="AK3308">
        <v>335</v>
      </c>
      <c r="AL3308">
        <v>338</v>
      </c>
      <c r="AM3308">
        <v>341</v>
      </c>
      <c r="AN3308">
        <v>344</v>
      </c>
      <c r="AO3308">
        <v>347</v>
      </c>
      <c r="AP3308">
        <v>350</v>
      </c>
      <c r="AQ3308">
        <v>353</v>
      </c>
    </row>
    <row r="3309" spans="1:43">
      <c r="A3309" t="s">
        <v>2098</v>
      </c>
      <c r="B3309" t="s">
        <v>2099</v>
      </c>
      <c r="C3309" t="s">
        <v>2100</v>
      </c>
      <c r="D3309" t="s">
        <v>2101</v>
      </c>
      <c r="E3309" t="s">
        <v>2048</v>
      </c>
      <c r="F3309" t="s">
        <v>2049</v>
      </c>
      <c r="G3309" t="s">
        <v>80</v>
      </c>
      <c r="H3309" t="s">
        <v>81</v>
      </c>
      <c r="I3309" s="2">
        <v>0</v>
      </c>
      <c r="J3309" s="2">
        <v>1</v>
      </c>
      <c r="K3309" s="2">
        <v>0</v>
      </c>
      <c r="L3309" t="s">
        <v>82</v>
      </c>
      <c r="M3309" t="s">
        <v>83</v>
      </c>
      <c r="N3309" t="s">
        <v>91</v>
      </c>
      <c r="O3309" t="s">
        <v>85</v>
      </c>
      <c r="P3309" t="s">
        <v>86</v>
      </c>
      <c r="Q3309">
        <v>218</v>
      </c>
      <c r="R3309">
        <v>223</v>
      </c>
      <c r="S3309">
        <v>228</v>
      </c>
      <c r="T3309">
        <v>233</v>
      </c>
      <c r="U3309">
        <v>239</v>
      </c>
      <c r="V3309">
        <v>244</v>
      </c>
      <c r="W3309">
        <v>250</v>
      </c>
      <c r="X3309">
        <v>255</v>
      </c>
      <c r="Y3309">
        <v>261</v>
      </c>
      <c r="Z3309">
        <v>266</v>
      </c>
      <c r="AA3309">
        <v>272</v>
      </c>
      <c r="AB3309">
        <v>278</v>
      </c>
      <c r="AC3309">
        <v>284</v>
      </c>
      <c r="AD3309">
        <v>290</v>
      </c>
      <c r="AE3309">
        <v>296</v>
      </c>
      <c r="AF3309">
        <v>302</v>
      </c>
      <c r="AG3309">
        <v>308</v>
      </c>
      <c r="AH3309">
        <v>314</v>
      </c>
      <c r="AI3309">
        <v>320</v>
      </c>
      <c r="AJ3309">
        <v>327</v>
      </c>
      <c r="AK3309">
        <v>333</v>
      </c>
      <c r="AL3309">
        <v>337</v>
      </c>
      <c r="AM3309">
        <v>340</v>
      </c>
      <c r="AN3309">
        <v>344</v>
      </c>
      <c r="AO3309">
        <v>347</v>
      </c>
      <c r="AP3309">
        <v>350</v>
      </c>
      <c r="AQ3309">
        <v>353</v>
      </c>
    </row>
    <row r="3310" spans="1:43">
      <c r="A3310" t="s">
        <v>2102</v>
      </c>
      <c r="B3310" t="s">
        <v>2103</v>
      </c>
      <c r="C3310" t="s">
        <v>2104</v>
      </c>
      <c r="D3310" t="s">
        <v>2105</v>
      </c>
      <c r="E3310" t="s">
        <v>2048</v>
      </c>
      <c r="F3310" t="s">
        <v>2049</v>
      </c>
      <c r="G3310" t="s">
        <v>80</v>
      </c>
      <c r="H3310" t="s">
        <v>81</v>
      </c>
      <c r="I3310" s="2">
        <v>0</v>
      </c>
      <c r="J3310" s="2">
        <v>1</v>
      </c>
      <c r="K3310" s="2">
        <v>0</v>
      </c>
      <c r="L3310" t="s">
        <v>82</v>
      </c>
      <c r="M3310" t="s">
        <v>83</v>
      </c>
      <c r="N3310" t="s">
        <v>84</v>
      </c>
      <c r="O3310" t="s">
        <v>85</v>
      </c>
      <c r="P3310" t="s">
        <v>86</v>
      </c>
      <c r="Q3310">
        <v>120</v>
      </c>
      <c r="R3310">
        <v>123</v>
      </c>
      <c r="S3310">
        <v>126</v>
      </c>
      <c r="T3310">
        <v>129</v>
      </c>
      <c r="U3310">
        <v>132</v>
      </c>
      <c r="V3310">
        <v>135</v>
      </c>
      <c r="W3310">
        <v>138</v>
      </c>
      <c r="X3310">
        <v>141</v>
      </c>
      <c r="Y3310">
        <v>144</v>
      </c>
      <c r="Z3310">
        <v>148</v>
      </c>
      <c r="AA3310">
        <v>151</v>
      </c>
      <c r="AB3310">
        <v>154</v>
      </c>
      <c r="AC3310">
        <v>157</v>
      </c>
      <c r="AD3310">
        <v>161</v>
      </c>
      <c r="AE3310">
        <v>164</v>
      </c>
      <c r="AF3310">
        <v>167</v>
      </c>
      <c r="AG3310">
        <v>171</v>
      </c>
      <c r="AH3310">
        <v>174</v>
      </c>
      <c r="AI3310">
        <v>178</v>
      </c>
      <c r="AJ3310">
        <v>181</v>
      </c>
      <c r="AK3310">
        <v>185</v>
      </c>
      <c r="AL3310">
        <v>187</v>
      </c>
      <c r="AM3310">
        <v>189</v>
      </c>
      <c r="AN3310">
        <v>191</v>
      </c>
      <c r="AO3310">
        <v>192</v>
      </c>
      <c r="AP3310">
        <v>194</v>
      </c>
      <c r="AQ3310">
        <v>196</v>
      </c>
    </row>
    <row r="3311" spans="1:43">
      <c r="A3311" t="s">
        <v>2102</v>
      </c>
      <c r="B3311" t="s">
        <v>2103</v>
      </c>
      <c r="C3311" t="s">
        <v>2104</v>
      </c>
      <c r="D3311" t="s">
        <v>2105</v>
      </c>
      <c r="E3311" t="s">
        <v>2048</v>
      </c>
      <c r="F3311" t="s">
        <v>2049</v>
      </c>
      <c r="G3311" t="s">
        <v>80</v>
      </c>
      <c r="H3311" t="s">
        <v>81</v>
      </c>
      <c r="I3311" s="2">
        <v>0</v>
      </c>
      <c r="J3311" s="2">
        <v>1</v>
      </c>
      <c r="K3311" s="2">
        <v>0</v>
      </c>
      <c r="L3311" t="s">
        <v>82</v>
      </c>
      <c r="M3311" t="s">
        <v>87</v>
      </c>
      <c r="N3311" t="s">
        <v>88</v>
      </c>
      <c r="O3311" t="s">
        <v>85</v>
      </c>
      <c r="P3311" t="s">
        <v>86</v>
      </c>
      <c r="Q3311">
        <v>120</v>
      </c>
      <c r="R3311">
        <v>122</v>
      </c>
      <c r="S3311">
        <v>124</v>
      </c>
      <c r="T3311">
        <v>125</v>
      </c>
      <c r="U3311">
        <v>127</v>
      </c>
      <c r="V3311">
        <v>129</v>
      </c>
      <c r="W3311">
        <v>131</v>
      </c>
      <c r="X3311">
        <v>133</v>
      </c>
      <c r="Y3311">
        <v>134</v>
      </c>
      <c r="Z3311">
        <v>136</v>
      </c>
      <c r="AA3311">
        <v>138</v>
      </c>
      <c r="AB3311">
        <v>140</v>
      </c>
      <c r="AC3311">
        <v>142</v>
      </c>
      <c r="AD3311">
        <v>144</v>
      </c>
      <c r="AE3311">
        <v>146</v>
      </c>
      <c r="AF3311">
        <v>148</v>
      </c>
      <c r="AG3311">
        <v>150</v>
      </c>
      <c r="AH3311">
        <v>152</v>
      </c>
      <c r="AI3311">
        <v>154</v>
      </c>
      <c r="AJ3311">
        <v>156</v>
      </c>
      <c r="AK3311">
        <v>158</v>
      </c>
      <c r="AL3311">
        <v>160</v>
      </c>
      <c r="AM3311">
        <v>162</v>
      </c>
      <c r="AN3311">
        <v>164</v>
      </c>
      <c r="AO3311">
        <v>166</v>
      </c>
      <c r="AP3311">
        <v>169</v>
      </c>
      <c r="AQ3311">
        <v>171</v>
      </c>
    </row>
    <row r="3312" spans="1:43">
      <c r="A3312" t="s">
        <v>2102</v>
      </c>
      <c r="B3312" t="s">
        <v>2103</v>
      </c>
      <c r="C3312" t="s">
        <v>2104</v>
      </c>
      <c r="D3312" t="s">
        <v>2105</v>
      </c>
      <c r="E3312" t="s">
        <v>2048</v>
      </c>
      <c r="F3312" t="s">
        <v>2049</v>
      </c>
      <c r="G3312" t="s">
        <v>80</v>
      </c>
      <c r="H3312" t="s">
        <v>81</v>
      </c>
      <c r="I3312" s="2">
        <v>0</v>
      </c>
      <c r="J3312" s="2">
        <v>1</v>
      </c>
      <c r="K3312" s="2">
        <v>0</v>
      </c>
      <c r="L3312" t="s">
        <v>82</v>
      </c>
      <c r="M3312" t="s">
        <v>89</v>
      </c>
      <c r="N3312" t="s">
        <v>90</v>
      </c>
      <c r="O3312" t="s">
        <v>85</v>
      </c>
      <c r="P3312" t="s">
        <v>86</v>
      </c>
      <c r="Q3312">
        <v>120</v>
      </c>
      <c r="R3312">
        <v>124</v>
      </c>
      <c r="S3312">
        <v>128</v>
      </c>
      <c r="T3312">
        <v>132</v>
      </c>
      <c r="U3312">
        <v>136</v>
      </c>
      <c r="V3312">
        <v>140</v>
      </c>
      <c r="W3312">
        <v>144</v>
      </c>
      <c r="X3312">
        <v>148</v>
      </c>
      <c r="Y3312">
        <v>152</v>
      </c>
      <c r="Z3312">
        <v>156</v>
      </c>
      <c r="AA3312">
        <v>160</v>
      </c>
      <c r="AB3312">
        <v>164</v>
      </c>
      <c r="AC3312">
        <v>168</v>
      </c>
      <c r="AD3312">
        <v>172</v>
      </c>
      <c r="AE3312">
        <v>175</v>
      </c>
      <c r="AF3312">
        <v>177</v>
      </c>
      <c r="AG3312">
        <v>178</v>
      </c>
      <c r="AH3312">
        <v>180</v>
      </c>
      <c r="AI3312">
        <v>182</v>
      </c>
      <c r="AJ3312">
        <v>184</v>
      </c>
      <c r="AK3312">
        <v>185</v>
      </c>
      <c r="AL3312">
        <v>187</v>
      </c>
      <c r="AM3312">
        <v>189</v>
      </c>
      <c r="AN3312">
        <v>191</v>
      </c>
      <c r="AO3312">
        <v>192</v>
      </c>
      <c r="AP3312">
        <v>194</v>
      </c>
      <c r="AQ3312">
        <v>196</v>
      </c>
    </row>
    <row r="3313" spans="1:43">
      <c r="A3313" t="s">
        <v>2102</v>
      </c>
      <c r="B3313" t="s">
        <v>2103</v>
      </c>
      <c r="C3313" t="s">
        <v>2104</v>
      </c>
      <c r="D3313" t="s">
        <v>2105</v>
      </c>
      <c r="E3313" t="s">
        <v>2048</v>
      </c>
      <c r="F3313" t="s">
        <v>2049</v>
      </c>
      <c r="G3313" t="s">
        <v>80</v>
      </c>
      <c r="H3313" t="s">
        <v>81</v>
      </c>
      <c r="I3313" s="2">
        <v>0</v>
      </c>
      <c r="J3313" s="2">
        <v>1</v>
      </c>
      <c r="K3313" s="2">
        <v>0</v>
      </c>
      <c r="L3313" t="s">
        <v>82</v>
      </c>
      <c r="M3313" t="s">
        <v>83</v>
      </c>
      <c r="N3313" t="s">
        <v>91</v>
      </c>
      <c r="O3313" t="s">
        <v>85</v>
      </c>
      <c r="P3313" t="s">
        <v>86</v>
      </c>
      <c r="Q3313">
        <v>120</v>
      </c>
      <c r="R3313">
        <v>123</v>
      </c>
      <c r="S3313">
        <v>126</v>
      </c>
      <c r="T3313">
        <v>129</v>
      </c>
      <c r="U3313">
        <v>132</v>
      </c>
      <c r="V3313">
        <v>135</v>
      </c>
      <c r="W3313">
        <v>138</v>
      </c>
      <c r="X3313">
        <v>141</v>
      </c>
      <c r="Y3313">
        <v>144</v>
      </c>
      <c r="Z3313">
        <v>148</v>
      </c>
      <c r="AA3313">
        <v>151</v>
      </c>
      <c r="AB3313">
        <v>154</v>
      </c>
      <c r="AC3313">
        <v>157</v>
      </c>
      <c r="AD3313">
        <v>161</v>
      </c>
      <c r="AE3313">
        <v>164</v>
      </c>
      <c r="AF3313">
        <v>167</v>
      </c>
      <c r="AG3313">
        <v>171</v>
      </c>
      <c r="AH3313">
        <v>174</v>
      </c>
      <c r="AI3313">
        <v>178</v>
      </c>
      <c r="AJ3313">
        <v>181</v>
      </c>
      <c r="AK3313">
        <v>185</v>
      </c>
      <c r="AL3313">
        <v>187</v>
      </c>
      <c r="AM3313">
        <v>189</v>
      </c>
      <c r="AN3313">
        <v>191</v>
      </c>
      <c r="AO3313">
        <v>192</v>
      </c>
      <c r="AP3313">
        <v>194</v>
      </c>
      <c r="AQ3313">
        <v>196</v>
      </c>
    </row>
    <row r="3314" spans="1:43">
      <c r="A3314" t="s">
        <v>2106</v>
      </c>
      <c r="B3314" t="s">
        <v>2107</v>
      </c>
      <c r="C3314" t="s">
        <v>2108</v>
      </c>
      <c r="D3314" t="s">
        <v>2109</v>
      </c>
      <c r="E3314" t="s">
        <v>2048</v>
      </c>
      <c r="F3314" t="s">
        <v>2049</v>
      </c>
      <c r="G3314" t="s">
        <v>80</v>
      </c>
      <c r="H3314" t="s">
        <v>81</v>
      </c>
      <c r="I3314" s="2">
        <v>0</v>
      </c>
      <c r="J3314" s="2">
        <v>1</v>
      </c>
      <c r="K3314" s="2">
        <v>0</v>
      </c>
      <c r="L3314" t="s">
        <v>82</v>
      </c>
      <c r="M3314" t="s">
        <v>83</v>
      </c>
      <c r="N3314" t="s">
        <v>84</v>
      </c>
      <c r="O3314" t="s">
        <v>85</v>
      </c>
      <c r="P3314" t="s">
        <v>86</v>
      </c>
      <c r="Q3314">
        <v>65</v>
      </c>
      <c r="R3314">
        <v>67</v>
      </c>
      <c r="S3314">
        <v>68</v>
      </c>
      <c r="T3314">
        <v>70</v>
      </c>
      <c r="U3314">
        <v>71</v>
      </c>
      <c r="V3314">
        <v>73</v>
      </c>
      <c r="W3314">
        <v>75</v>
      </c>
      <c r="X3314">
        <v>76</v>
      </c>
      <c r="Y3314">
        <v>78</v>
      </c>
      <c r="Z3314">
        <v>80</v>
      </c>
      <c r="AA3314">
        <v>82</v>
      </c>
      <c r="AB3314">
        <v>83</v>
      </c>
      <c r="AC3314">
        <v>85</v>
      </c>
      <c r="AD3314">
        <v>87</v>
      </c>
      <c r="AE3314">
        <v>89</v>
      </c>
      <c r="AF3314">
        <v>90</v>
      </c>
      <c r="AG3314">
        <v>92</v>
      </c>
      <c r="AH3314">
        <v>94</v>
      </c>
      <c r="AI3314">
        <v>96</v>
      </c>
      <c r="AJ3314">
        <v>98</v>
      </c>
      <c r="AK3314">
        <v>100</v>
      </c>
      <c r="AL3314">
        <v>101</v>
      </c>
      <c r="AM3314">
        <v>102</v>
      </c>
      <c r="AN3314">
        <v>103</v>
      </c>
      <c r="AO3314">
        <v>104</v>
      </c>
      <c r="AP3314">
        <v>105</v>
      </c>
      <c r="AQ3314">
        <v>106</v>
      </c>
    </row>
    <row r="3315" spans="1:43">
      <c r="A3315" t="s">
        <v>2106</v>
      </c>
      <c r="B3315" t="s">
        <v>2107</v>
      </c>
      <c r="C3315" t="s">
        <v>2108</v>
      </c>
      <c r="D3315" t="s">
        <v>2109</v>
      </c>
      <c r="E3315" t="s">
        <v>2048</v>
      </c>
      <c r="F3315" t="s">
        <v>2049</v>
      </c>
      <c r="G3315" t="s">
        <v>80</v>
      </c>
      <c r="H3315" t="s">
        <v>81</v>
      </c>
      <c r="I3315" s="2">
        <v>0</v>
      </c>
      <c r="J3315" s="2">
        <v>1</v>
      </c>
      <c r="K3315" s="2">
        <v>0</v>
      </c>
      <c r="L3315" t="s">
        <v>82</v>
      </c>
      <c r="M3315" t="s">
        <v>87</v>
      </c>
      <c r="N3315" t="s">
        <v>88</v>
      </c>
      <c r="O3315" t="s">
        <v>85</v>
      </c>
      <c r="P3315" t="s">
        <v>86</v>
      </c>
      <c r="Q3315">
        <v>65</v>
      </c>
      <c r="R3315">
        <v>66</v>
      </c>
      <c r="S3315">
        <v>67</v>
      </c>
      <c r="T3315">
        <v>68</v>
      </c>
      <c r="U3315">
        <v>69</v>
      </c>
      <c r="V3315">
        <v>70</v>
      </c>
      <c r="W3315">
        <v>71</v>
      </c>
      <c r="X3315">
        <v>72</v>
      </c>
      <c r="Y3315">
        <v>73</v>
      </c>
      <c r="Z3315">
        <v>74</v>
      </c>
      <c r="AA3315">
        <v>75</v>
      </c>
      <c r="AB3315">
        <v>76</v>
      </c>
      <c r="AC3315">
        <v>77</v>
      </c>
      <c r="AD3315">
        <v>78</v>
      </c>
      <c r="AE3315">
        <v>79</v>
      </c>
      <c r="AF3315">
        <v>80</v>
      </c>
      <c r="AG3315">
        <v>82</v>
      </c>
      <c r="AH3315">
        <v>83</v>
      </c>
      <c r="AI3315">
        <v>84</v>
      </c>
      <c r="AJ3315">
        <v>85</v>
      </c>
      <c r="AK3315">
        <v>86</v>
      </c>
      <c r="AL3315">
        <v>87</v>
      </c>
      <c r="AM3315">
        <v>88</v>
      </c>
      <c r="AN3315">
        <v>89</v>
      </c>
      <c r="AO3315">
        <v>90</v>
      </c>
      <c r="AP3315">
        <v>92</v>
      </c>
      <c r="AQ3315">
        <v>93</v>
      </c>
    </row>
    <row r="3316" spans="1:43">
      <c r="A3316" t="s">
        <v>2106</v>
      </c>
      <c r="B3316" t="s">
        <v>2107</v>
      </c>
      <c r="C3316" t="s">
        <v>2108</v>
      </c>
      <c r="D3316" t="s">
        <v>2109</v>
      </c>
      <c r="E3316" t="s">
        <v>2048</v>
      </c>
      <c r="F3316" t="s">
        <v>2049</v>
      </c>
      <c r="G3316" t="s">
        <v>80</v>
      </c>
      <c r="H3316" t="s">
        <v>81</v>
      </c>
      <c r="I3316" s="2">
        <v>0</v>
      </c>
      <c r="J3316" s="2">
        <v>1</v>
      </c>
      <c r="K3316" s="2">
        <v>0</v>
      </c>
      <c r="L3316" t="s">
        <v>82</v>
      </c>
      <c r="M3316" t="s">
        <v>89</v>
      </c>
      <c r="N3316" t="s">
        <v>90</v>
      </c>
      <c r="O3316" t="s">
        <v>85</v>
      </c>
      <c r="P3316" t="s">
        <v>86</v>
      </c>
      <c r="Q3316">
        <v>65</v>
      </c>
      <c r="R3316">
        <v>67</v>
      </c>
      <c r="S3316">
        <v>69</v>
      </c>
      <c r="T3316">
        <v>71</v>
      </c>
      <c r="U3316">
        <v>73</v>
      </c>
      <c r="V3316">
        <v>75</v>
      </c>
      <c r="W3316">
        <v>78</v>
      </c>
      <c r="X3316">
        <v>80</v>
      </c>
      <c r="Y3316">
        <v>82</v>
      </c>
      <c r="Z3316">
        <v>84</v>
      </c>
      <c r="AA3316">
        <v>86</v>
      </c>
      <c r="AB3316">
        <v>88</v>
      </c>
      <c r="AC3316">
        <v>90</v>
      </c>
      <c r="AD3316">
        <v>92</v>
      </c>
      <c r="AE3316">
        <v>94</v>
      </c>
      <c r="AF3316">
        <v>95</v>
      </c>
      <c r="AG3316">
        <v>96</v>
      </c>
      <c r="AH3316">
        <v>97</v>
      </c>
      <c r="AI3316">
        <v>98</v>
      </c>
      <c r="AJ3316">
        <v>99</v>
      </c>
      <c r="AK3316">
        <v>100</v>
      </c>
      <c r="AL3316">
        <v>101</v>
      </c>
      <c r="AM3316">
        <v>102</v>
      </c>
      <c r="AN3316">
        <v>103</v>
      </c>
      <c r="AO3316">
        <v>104</v>
      </c>
      <c r="AP3316">
        <v>105</v>
      </c>
      <c r="AQ3316">
        <v>105</v>
      </c>
    </row>
    <row r="3317" spans="1:43">
      <c r="A3317" t="s">
        <v>2106</v>
      </c>
      <c r="B3317" t="s">
        <v>2107</v>
      </c>
      <c r="C3317" t="s">
        <v>2108</v>
      </c>
      <c r="D3317" t="s">
        <v>2109</v>
      </c>
      <c r="E3317" t="s">
        <v>2048</v>
      </c>
      <c r="F3317" t="s">
        <v>2049</v>
      </c>
      <c r="G3317" t="s">
        <v>80</v>
      </c>
      <c r="H3317" t="s">
        <v>81</v>
      </c>
      <c r="I3317" s="2">
        <v>0</v>
      </c>
      <c r="J3317" s="2">
        <v>1</v>
      </c>
      <c r="K3317" s="2">
        <v>0</v>
      </c>
      <c r="L3317" t="s">
        <v>82</v>
      </c>
      <c r="M3317" t="s">
        <v>83</v>
      </c>
      <c r="N3317" t="s">
        <v>91</v>
      </c>
      <c r="O3317" t="s">
        <v>85</v>
      </c>
      <c r="P3317" t="s">
        <v>86</v>
      </c>
      <c r="Q3317">
        <v>65</v>
      </c>
      <c r="R3317">
        <v>67</v>
      </c>
      <c r="S3317">
        <v>68</v>
      </c>
      <c r="T3317">
        <v>70</v>
      </c>
      <c r="U3317">
        <v>71</v>
      </c>
      <c r="V3317">
        <v>73</v>
      </c>
      <c r="W3317">
        <v>75</v>
      </c>
      <c r="X3317">
        <v>76</v>
      </c>
      <c r="Y3317">
        <v>78</v>
      </c>
      <c r="Z3317">
        <v>80</v>
      </c>
      <c r="AA3317">
        <v>82</v>
      </c>
      <c r="AB3317">
        <v>83</v>
      </c>
      <c r="AC3317">
        <v>85</v>
      </c>
      <c r="AD3317">
        <v>87</v>
      </c>
      <c r="AE3317">
        <v>89</v>
      </c>
      <c r="AF3317">
        <v>90</v>
      </c>
      <c r="AG3317">
        <v>92</v>
      </c>
      <c r="AH3317">
        <v>94</v>
      </c>
      <c r="AI3317">
        <v>96</v>
      </c>
      <c r="AJ3317">
        <v>98</v>
      </c>
      <c r="AK3317">
        <v>100</v>
      </c>
      <c r="AL3317">
        <v>101</v>
      </c>
      <c r="AM3317">
        <v>102</v>
      </c>
      <c r="AN3317">
        <v>103</v>
      </c>
      <c r="AO3317">
        <v>104</v>
      </c>
      <c r="AP3317">
        <v>105</v>
      </c>
      <c r="AQ3317">
        <v>106</v>
      </c>
    </row>
    <row r="3318" spans="1:43">
      <c r="A3318" t="s">
        <v>2110</v>
      </c>
      <c r="B3318" t="s">
        <v>2111</v>
      </c>
      <c r="C3318" t="s">
        <v>2108</v>
      </c>
      <c r="D3318" t="s">
        <v>2109</v>
      </c>
      <c r="E3318" t="s">
        <v>2048</v>
      </c>
      <c r="F3318" t="s">
        <v>2049</v>
      </c>
      <c r="G3318" t="s">
        <v>80</v>
      </c>
      <c r="H3318" t="s">
        <v>81</v>
      </c>
      <c r="I3318" s="2">
        <v>0</v>
      </c>
      <c r="J3318" s="2">
        <v>1</v>
      </c>
      <c r="K3318" s="2">
        <v>0</v>
      </c>
      <c r="L3318" t="s">
        <v>82</v>
      </c>
      <c r="M3318" t="s">
        <v>83</v>
      </c>
      <c r="N3318" t="s">
        <v>84</v>
      </c>
      <c r="O3318" t="s">
        <v>85</v>
      </c>
      <c r="P3318" t="s">
        <v>86</v>
      </c>
      <c r="Q3318">
        <v>78</v>
      </c>
      <c r="R3318">
        <v>80</v>
      </c>
      <c r="S3318">
        <v>82</v>
      </c>
      <c r="T3318">
        <v>84</v>
      </c>
      <c r="U3318">
        <v>86</v>
      </c>
      <c r="V3318">
        <v>88</v>
      </c>
      <c r="W3318">
        <v>90</v>
      </c>
      <c r="X3318">
        <v>92</v>
      </c>
      <c r="Y3318">
        <v>94</v>
      </c>
      <c r="Z3318">
        <v>96</v>
      </c>
      <c r="AA3318">
        <v>98</v>
      </c>
      <c r="AB3318">
        <v>100</v>
      </c>
      <c r="AC3318">
        <v>102</v>
      </c>
      <c r="AD3318">
        <v>104</v>
      </c>
      <c r="AE3318">
        <v>106</v>
      </c>
      <c r="AF3318">
        <v>108</v>
      </c>
      <c r="AG3318">
        <v>111</v>
      </c>
      <c r="AH3318">
        <v>113</v>
      </c>
      <c r="AI3318">
        <v>115</v>
      </c>
      <c r="AJ3318">
        <v>118</v>
      </c>
      <c r="AK3318">
        <v>120</v>
      </c>
      <c r="AL3318">
        <v>121</v>
      </c>
      <c r="AM3318">
        <v>123</v>
      </c>
      <c r="AN3318">
        <v>124</v>
      </c>
      <c r="AO3318">
        <v>125</v>
      </c>
      <c r="AP3318">
        <v>126</v>
      </c>
      <c r="AQ3318">
        <v>127</v>
      </c>
    </row>
    <row r="3319" spans="1:43">
      <c r="A3319" t="s">
        <v>2110</v>
      </c>
      <c r="B3319" t="s">
        <v>2111</v>
      </c>
      <c r="C3319" t="s">
        <v>2108</v>
      </c>
      <c r="D3319" t="s">
        <v>2109</v>
      </c>
      <c r="E3319" t="s">
        <v>2048</v>
      </c>
      <c r="F3319" t="s">
        <v>2049</v>
      </c>
      <c r="G3319" t="s">
        <v>80</v>
      </c>
      <c r="H3319" t="s">
        <v>81</v>
      </c>
      <c r="I3319" s="2">
        <v>0</v>
      </c>
      <c r="J3319" s="2">
        <v>1</v>
      </c>
      <c r="K3319" s="2">
        <v>0</v>
      </c>
      <c r="L3319" t="s">
        <v>82</v>
      </c>
      <c r="M3319" t="s">
        <v>87</v>
      </c>
      <c r="N3319" t="s">
        <v>88</v>
      </c>
      <c r="O3319" t="s">
        <v>85</v>
      </c>
      <c r="P3319" t="s">
        <v>86</v>
      </c>
      <c r="Q3319">
        <v>78</v>
      </c>
      <c r="R3319">
        <v>79</v>
      </c>
      <c r="S3319">
        <v>80</v>
      </c>
      <c r="T3319">
        <v>82</v>
      </c>
      <c r="U3319">
        <v>83</v>
      </c>
      <c r="V3319">
        <v>84</v>
      </c>
      <c r="W3319">
        <v>85</v>
      </c>
      <c r="X3319">
        <v>86</v>
      </c>
      <c r="Y3319">
        <v>88</v>
      </c>
      <c r="Z3319">
        <v>89</v>
      </c>
      <c r="AA3319">
        <v>90</v>
      </c>
      <c r="AB3319">
        <v>91</v>
      </c>
      <c r="AC3319">
        <v>92</v>
      </c>
      <c r="AD3319">
        <v>94</v>
      </c>
      <c r="AE3319">
        <v>95</v>
      </c>
      <c r="AF3319">
        <v>96</v>
      </c>
      <c r="AG3319">
        <v>98</v>
      </c>
      <c r="AH3319">
        <v>99</v>
      </c>
      <c r="AI3319">
        <v>100</v>
      </c>
      <c r="AJ3319">
        <v>102</v>
      </c>
      <c r="AK3319">
        <v>103</v>
      </c>
      <c r="AL3319">
        <v>104</v>
      </c>
      <c r="AM3319">
        <v>106</v>
      </c>
      <c r="AN3319">
        <v>107</v>
      </c>
      <c r="AO3319">
        <v>108</v>
      </c>
      <c r="AP3319">
        <v>110</v>
      </c>
      <c r="AQ3319">
        <v>111</v>
      </c>
    </row>
    <row r="3320" spans="1:43">
      <c r="A3320" t="s">
        <v>2110</v>
      </c>
      <c r="B3320" t="s">
        <v>2111</v>
      </c>
      <c r="C3320" t="s">
        <v>2108</v>
      </c>
      <c r="D3320" t="s">
        <v>2109</v>
      </c>
      <c r="E3320" t="s">
        <v>2048</v>
      </c>
      <c r="F3320" t="s">
        <v>2049</v>
      </c>
      <c r="G3320" t="s">
        <v>80</v>
      </c>
      <c r="H3320" t="s">
        <v>81</v>
      </c>
      <c r="I3320" s="2">
        <v>0</v>
      </c>
      <c r="J3320" s="2">
        <v>1</v>
      </c>
      <c r="K3320" s="2">
        <v>0</v>
      </c>
      <c r="L3320" t="s">
        <v>82</v>
      </c>
      <c r="M3320" t="s">
        <v>89</v>
      </c>
      <c r="N3320" t="s">
        <v>90</v>
      </c>
      <c r="O3320" t="s">
        <v>85</v>
      </c>
      <c r="P3320" t="s">
        <v>86</v>
      </c>
      <c r="Q3320">
        <v>78</v>
      </c>
      <c r="R3320">
        <v>80</v>
      </c>
      <c r="S3320">
        <v>83</v>
      </c>
      <c r="T3320">
        <v>85</v>
      </c>
      <c r="U3320">
        <v>88</v>
      </c>
      <c r="V3320">
        <v>91</v>
      </c>
      <c r="W3320">
        <v>93</v>
      </c>
      <c r="X3320">
        <v>96</v>
      </c>
      <c r="Y3320">
        <v>98</v>
      </c>
      <c r="Z3320">
        <v>101</v>
      </c>
      <c r="AA3320">
        <v>103</v>
      </c>
      <c r="AB3320">
        <v>106</v>
      </c>
      <c r="AC3320">
        <v>109</v>
      </c>
      <c r="AD3320">
        <v>111</v>
      </c>
      <c r="AE3320">
        <v>113</v>
      </c>
      <c r="AF3320">
        <v>114</v>
      </c>
      <c r="AG3320">
        <v>115</v>
      </c>
      <c r="AH3320">
        <v>117</v>
      </c>
      <c r="AI3320">
        <v>118</v>
      </c>
      <c r="AJ3320">
        <v>119</v>
      </c>
      <c r="AK3320">
        <v>120</v>
      </c>
      <c r="AL3320">
        <v>121</v>
      </c>
      <c r="AM3320">
        <v>122</v>
      </c>
      <c r="AN3320">
        <v>123</v>
      </c>
      <c r="AO3320">
        <v>124</v>
      </c>
      <c r="AP3320">
        <v>126</v>
      </c>
      <c r="AQ3320">
        <v>127</v>
      </c>
    </row>
    <row r="3321" spans="1:43">
      <c r="A3321" t="s">
        <v>2110</v>
      </c>
      <c r="B3321" t="s">
        <v>2111</v>
      </c>
      <c r="C3321" t="s">
        <v>2108</v>
      </c>
      <c r="D3321" t="s">
        <v>2109</v>
      </c>
      <c r="E3321" t="s">
        <v>2048</v>
      </c>
      <c r="F3321" t="s">
        <v>2049</v>
      </c>
      <c r="G3321" t="s">
        <v>80</v>
      </c>
      <c r="H3321" t="s">
        <v>81</v>
      </c>
      <c r="I3321" s="2">
        <v>0</v>
      </c>
      <c r="J3321" s="2">
        <v>1</v>
      </c>
      <c r="K3321" s="2">
        <v>0</v>
      </c>
      <c r="L3321" t="s">
        <v>82</v>
      </c>
      <c r="M3321" t="s">
        <v>83</v>
      </c>
      <c r="N3321" t="s">
        <v>91</v>
      </c>
      <c r="O3321" t="s">
        <v>85</v>
      </c>
      <c r="P3321" t="s">
        <v>86</v>
      </c>
      <c r="Q3321">
        <v>78</v>
      </c>
      <c r="R3321">
        <v>80</v>
      </c>
      <c r="S3321">
        <v>82</v>
      </c>
      <c r="T3321">
        <v>84</v>
      </c>
      <c r="U3321">
        <v>86</v>
      </c>
      <c r="V3321">
        <v>88</v>
      </c>
      <c r="W3321">
        <v>90</v>
      </c>
      <c r="X3321">
        <v>92</v>
      </c>
      <c r="Y3321">
        <v>94</v>
      </c>
      <c r="Z3321">
        <v>96</v>
      </c>
      <c r="AA3321">
        <v>98</v>
      </c>
      <c r="AB3321">
        <v>100</v>
      </c>
      <c r="AC3321">
        <v>102</v>
      </c>
      <c r="AD3321">
        <v>104</v>
      </c>
      <c r="AE3321">
        <v>106</v>
      </c>
      <c r="AF3321">
        <v>108</v>
      </c>
      <c r="AG3321">
        <v>111</v>
      </c>
      <c r="AH3321">
        <v>113</v>
      </c>
      <c r="AI3321">
        <v>115</v>
      </c>
      <c r="AJ3321">
        <v>118</v>
      </c>
      <c r="AK3321">
        <v>120</v>
      </c>
      <c r="AL3321">
        <v>121</v>
      </c>
      <c r="AM3321">
        <v>123</v>
      </c>
      <c r="AN3321">
        <v>124</v>
      </c>
      <c r="AO3321">
        <v>125</v>
      </c>
      <c r="AP3321">
        <v>126</v>
      </c>
      <c r="AQ3321">
        <v>127</v>
      </c>
    </row>
    <row r="3322" spans="1:43">
      <c r="A3322" t="s">
        <v>2112</v>
      </c>
      <c r="B3322" t="s">
        <v>2113</v>
      </c>
      <c r="C3322" t="s">
        <v>2108</v>
      </c>
      <c r="D3322" t="s">
        <v>2109</v>
      </c>
      <c r="E3322" t="s">
        <v>2048</v>
      </c>
      <c r="F3322" t="s">
        <v>2049</v>
      </c>
      <c r="G3322" t="s">
        <v>80</v>
      </c>
      <c r="H3322" t="s">
        <v>81</v>
      </c>
      <c r="I3322" s="2">
        <v>0</v>
      </c>
      <c r="J3322" s="2">
        <v>1</v>
      </c>
      <c r="K3322" s="2">
        <v>0</v>
      </c>
      <c r="L3322" t="s">
        <v>82</v>
      </c>
      <c r="M3322" t="s">
        <v>83</v>
      </c>
      <c r="N3322" t="s">
        <v>84</v>
      </c>
      <c r="O3322" t="s">
        <v>85</v>
      </c>
      <c r="P3322" t="s">
        <v>86</v>
      </c>
      <c r="Q3322">
        <v>85</v>
      </c>
      <c r="R3322">
        <v>87</v>
      </c>
      <c r="S3322">
        <v>89</v>
      </c>
      <c r="T3322">
        <v>91</v>
      </c>
      <c r="U3322">
        <v>93</v>
      </c>
      <c r="V3322">
        <v>96</v>
      </c>
      <c r="W3322">
        <v>98</v>
      </c>
      <c r="X3322">
        <v>100</v>
      </c>
      <c r="Y3322">
        <v>102</v>
      </c>
      <c r="Z3322">
        <v>104</v>
      </c>
      <c r="AA3322">
        <v>107</v>
      </c>
      <c r="AB3322">
        <v>109</v>
      </c>
      <c r="AC3322">
        <v>111</v>
      </c>
      <c r="AD3322">
        <v>114</v>
      </c>
      <c r="AE3322">
        <v>116</v>
      </c>
      <c r="AF3322">
        <v>118</v>
      </c>
      <c r="AG3322">
        <v>121</v>
      </c>
      <c r="AH3322">
        <v>123</v>
      </c>
      <c r="AI3322">
        <v>126</v>
      </c>
      <c r="AJ3322">
        <v>128</v>
      </c>
      <c r="AK3322">
        <v>131</v>
      </c>
      <c r="AL3322">
        <v>133</v>
      </c>
      <c r="AM3322">
        <v>134</v>
      </c>
      <c r="AN3322">
        <v>135</v>
      </c>
      <c r="AO3322">
        <v>136</v>
      </c>
      <c r="AP3322">
        <v>138</v>
      </c>
      <c r="AQ3322">
        <v>139</v>
      </c>
    </row>
    <row r="3323" spans="1:43">
      <c r="A3323" t="s">
        <v>2112</v>
      </c>
      <c r="B3323" t="s">
        <v>2113</v>
      </c>
      <c r="C3323" t="s">
        <v>2108</v>
      </c>
      <c r="D3323" t="s">
        <v>2109</v>
      </c>
      <c r="E3323" t="s">
        <v>2048</v>
      </c>
      <c r="F3323" t="s">
        <v>2049</v>
      </c>
      <c r="G3323" t="s">
        <v>80</v>
      </c>
      <c r="H3323" t="s">
        <v>81</v>
      </c>
      <c r="I3323" s="2">
        <v>0</v>
      </c>
      <c r="J3323" s="2">
        <v>1</v>
      </c>
      <c r="K3323" s="2">
        <v>0</v>
      </c>
      <c r="L3323" t="s">
        <v>82</v>
      </c>
      <c r="M3323" t="s">
        <v>87</v>
      </c>
      <c r="N3323" t="s">
        <v>88</v>
      </c>
      <c r="O3323" t="s">
        <v>85</v>
      </c>
      <c r="P3323" t="s">
        <v>86</v>
      </c>
      <c r="Q3323">
        <v>85</v>
      </c>
      <c r="R3323">
        <v>87</v>
      </c>
      <c r="S3323">
        <v>88</v>
      </c>
      <c r="T3323">
        <v>89</v>
      </c>
      <c r="U3323">
        <v>90</v>
      </c>
      <c r="V3323">
        <v>92</v>
      </c>
      <c r="W3323">
        <v>93</v>
      </c>
      <c r="X3323">
        <v>94</v>
      </c>
      <c r="Y3323">
        <v>95</v>
      </c>
      <c r="Z3323">
        <v>97</v>
      </c>
      <c r="AA3323">
        <v>98</v>
      </c>
      <c r="AB3323">
        <v>100</v>
      </c>
      <c r="AC3323">
        <v>101</v>
      </c>
      <c r="AD3323">
        <v>102</v>
      </c>
      <c r="AE3323">
        <v>104</v>
      </c>
      <c r="AF3323">
        <v>105</v>
      </c>
      <c r="AG3323">
        <v>106</v>
      </c>
      <c r="AH3323">
        <v>108</v>
      </c>
      <c r="AI3323">
        <v>109</v>
      </c>
      <c r="AJ3323">
        <v>111</v>
      </c>
      <c r="AK3323">
        <v>112</v>
      </c>
      <c r="AL3323">
        <v>114</v>
      </c>
      <c r="AM3323">
        <v>115</v>
      </c>
      <c r="AN3323">
        <v>117</v>
      </c>
      <c r="AO3323">
        <v>118</v>
      </c>
      <c r="AP3323">
        <v>120</v>
      </c>
      <c r="AQ3323">
        <v>121</v>
      </c>
    </row>
    <row r="3324" spans="1:43">
      <c r="A3324" t="s">
        <v>2112</v>
      </c>
      <c r="B3324" t="s">
        <v>2113</v>
      </c>
      <c r="C3324" t="s">
        <v>2108</v>
      </c>
      <c r="D3324" t="s">
        <v>2109</v>
      </c>
      <c r="E3324" t="s">
        <v>2048</v>
      </c>
      <c r="F3324" t="s">
        <v>2049</v>
      </c>
      <c r="G3324" t="s">
        <v>80</v>
      </c>
      <c r="H3324" t="s">
        <v>81</v>
      </c>
      <c r="I3324" s="2">
        <v>0</v>
      </c>
      <c r="J3324" s="2">
        <v>1</v>
      </c>
      <c r="K3324" s="2">
        <v>0</v>
      </c>
      <c r="L3324" t="s">
        <v>82</v>
      </c>
      <c r="M3324" t="s">
        <v>89</v>
      </c>
      <c r="N3324" t="s">
        <v>90</v>
      </c>
      <c r="O3324" t="s">
        <v>85</v>
      </c>
      <c r="P3324" t="s">
        <v>86</v>
      </c>
      <c r="Q3324">
        <v>85</v>
      </c>
      <c r="R3324">
        <v>88</v>
      </c>
      <c r="S3324">
        <v>90</v>
      </c>
      <c r="T3324">
        <v>93</v>
      </c>
      <c r="U3324">
        <v>96</v>
      </c>
      <c r="V3324">
        <v>99</v>
      </c>
      <c r="W3324">
        <v>102</v>
      </c>
      <c r="X3324">
        <v>105</v>
      </c>
      <c r="Y3324">
        <v>107</v>
      </c>
      <c r="Z3324">
        <v>110</v>
      </c>
      <c r="AA3324">
        <v>113</v>
      </c>
      <c r="AB3324">
        <v>116</v>
      </c>
      <c r="AC3324">
        <v>119</v>
      </c>
      <c r="AD3324">
        <v>121</v>
      </c>
      <c r="AE3324">
        <v>124</v>
      </c>
      <c r="AF3324">
        <v>125</v>
      </c>
      <c r="AG3324">
        <v>126</v>
      </c>
      <c r="AH3324">
        <v>127</v>
      </c>
      <c r="AI3324">
        <v>129</v>
      </c>
      <c r="AJ3324">
        <v>130</v>
      </c>
      <c r="AK3324">
        <v>131</v>
      </c>
      <c r="AL3324">
        <v>132</v>
      </c>
      <c r="AM3324">
        <v>134</v>
      </c>
      <c r="AN3324">
        <v>135</v>
      </c>
      <c r="AO3324">
        <v>136</v>
      </c>
      <c r="AP3324">
        <v>137</v>
      </c>
      <c r="AQ3324">
        <v>138</v>
      </c>
    </row>
    <row r="3325" spans="1:43">
      <c r="A3325" t="s">
        <v>2112</v>
      </c>
      <c r="B3325" t="s">
        <v>2113</v>
      </c>
      <c r="C3325" t="s">
        <v>2108</v>
      </c>
      <c r="D3325" t="s">
        <v>2109</v>
      </c>
      <c r="E3325" t="s">
        <v>2048</v>
      </c>
      <c r="F3325" t="s">
        <v>2049</v>
      </c>
      <c r="G3325" t="s">
        <v>80</v>
      </c>
      <c r="H3325" t="s">
        <v>81</v>
      </c>
      <c r="I3325" s="2">
        <v>0</v>
      </c>
      <c r="J3325" s="2">
        <v>1</v>
      </c>
      <c r="K3325" s="2">
        <v>0</v>
      </c>
      <c r="L3325" t="s">
        <v>82</v>
      </c>
      <c r="M3325" t="s">
        <v>83</v>
      </c>
      <c r="N3325" t="s">
        <v>91</v>
      </c>
      <c r="O3325" t="s">
        <v>85</v>
      </c>
      <c r="P3325" t="s">
        <v>86</v>
      </c>
      <c r="Q3325">
        <v>85</v>
      </c>
      <c r="R3325">
        <v>87</v>
      </c>
      <c r="S3325">
        <v>89</v>
      </c>
      <c r="T3325">
        <v>91</v>
      </c>
      <c r="U3325">
        <v>93</v>
      </c>
      <c r="V3325">
        <v>96</v>
      </c>
      <c r="W3325">
        <v>98</v>
      </c>
      <c r="X3325">
        <v>100</v>
      </c>
      <c r="Y3325">
        <v>102</v>
      </c>
      <c r="Z3325">
        <v>104</v>
      </c>
      <c r="AA3325">
        <v>107</v>
      </c>
      <c r="AB3325">
        <v>109</v>
      </c>
      <c r="AC3325">
        <v>111</v>
      </c>
      <c r="AD3325">
        <v>114</v>
      </c>
      <c r="AE3325">
        <v>116</v>
      </c>
      <c r="AF3325">
        <v>118</v>
      </c>
      <c r="AG3325">
        <v>121</v>
      </c>
      <c r="AH3325">
        <v>123</v>
      </c>
      <c r="AI3325">
        <v>126</v>
      </c>
      <c r="AJ3325">
        <v>128</v>
      </c>
      <c r="AK3325">
        <v>131</v>
      </c>
      <c r="AL3325">
        <v>133</v>
      </c>
      <c r="AM3325">
        <v>134</v>
      </c>
      <c r="AN3325">
        <v>135</v>
      </c>
      <c r="AO3325">
        <v>136</v>
      </c>
      <c r="AP3325">
        <v>138</v>
      </c>
      <c r="AQ3325">
        <v>139</v>
      </c>
    </row>
    <row r="3326" spans="1:43">
      <c r="A3326" t="s">
        <v>2114</v>
      </c>
      <c r="B3326" t="s">
        <v>2115</v>
      </c>
      <c r="C3326" t="s">
        <v>2104</v>
      </c>
      <c r="D3326" t="s">
        <v>2105</v>
      </c>
      <c r="E3326" t="s">
        <v>2048</v>
      </c>
      <c r="F3326" t="s">
        <v>2049</v>
      </c>
      <c r="G3326" t="s">
        <v>80</v>
      </c>
      <c r="H3326" t="s">
        <v>81</v>
      </c>
      <c r="I3326" s="2">
        <v>0</v>
      </c>
      <c r="J3326" s="2">
        <v>1</v>
      </c>
      <c r="K3326" s="2">
        <v>0</v>
      </c>
      <c r="L3326" t="s">
        <v>82</v>
      </c>
      <c r="M3326" t="s">
        <v>83</v>
      </c>
      <c r="N3326" t="s">
        <v>84</v>
      </c>
      <c r="O3326" t="s">
        <v>85</v>
      </c>
      <c r="P3326" t="s">
        <v>86</v>
      </c>
      <c r="Q3326">
        <v>104</v>
      </c>
      <c r="R3326">
        <v>107</v>
      </c>
      <c r="S3326">
        <v>109</v>
      </c>
      <c r="T3326">
        <v>112</v>
      </c>
      <c r="U3326">
        <v>114</v>
      </c>
      <c r="V3326">
        <v>117</v>
      </c>
      <c r="W3326">
        <v>120</v>
      </c>
      <c r="X3326">
        <v>122</v>
      </c>
      <c r="Y3326">
        <v>125</v>
      </c>
      <c r="Z3326">
        <v>128</v>
      </c>
      <c r="AA3326">
        <v>131</v>
      </c>
      <c r="AB3326">
        <v>133</v>
      </c>
      <c r="AC3326">
        <v>136</v>
      </c>
      <c r="AD3326">
        <v>139</v>
      </c>
      <c r="AE3326">
        <v>142</v>
      </c>
      <c r="AF3326">
        <v>145</v>
      </c>
      <c r="AG3326">
        <v>148</v>
      </c>
      <c r="AH3326">
        <v>151</v>
      </c>
      <c r="AI3326">
        <v>154</v>
      </c>
      <c r="AJ3326">
        <v>157</v>
      </c>
      <c r="AK3326">
        <v>160</v>
      </c>
      <c r="AL3326">
        <v>162</v>
      </c>
      <c r="AM3326">
        <v>163</v>
      </c>
      <c r="AN3326">
        <v>165</v>
      </c>
      <c r="AO3326">
        <v>166</v>
      </c>
      <c r="AP3326">
        <v>168</v>
      </c>
      <c r="AQ3326">
        <v>169</v>
      </c>
    </row>
    <row r="3327" spans="1:43">
      <c r="A3327" t="s">
        <v>2114</v>
      </c>
      <c r="B3327" t="s">
        <v>2115</v>
      </c>
      <c r="C3327" t="s">
        <v>2104</v>
      </c>
      <c r="D3327" t="s">
        <v>2105</v>
      </c>
      <c r="E3327" t="s">
        <v>2048</v>
      </c>
      <c r="F3327" t="s">
        <v>2049</v>
      </c>
      <c r="G3327" t="s">
        <v>80</v>
      </c>
      <c r="H3327" t="s">
        <v>81</v>
      </c>
      <c r="I3327" s="2">
        <v>0</v>
      </c>
      <c r="J3327" s="2">
        <v>1</v>
      </c>
      <c r="K3327" s="2">
        <v>0</v>
      </c>
      <c r="L3327" t="s">
        <v>82</v>
      </c>
      <c r="M3327" t="s">
        <v>87</v>
      </c>
      <c r="N3327" t="s">
        <v>88</v>
      </c>
      <c r="O3327" t="s">
        <v>85</v>
      </c>
      <c r="P3327" t="s">
        <v>86</v>
      </c>
      <c r="Q3327">
        <v>104</v>
      </c>
      <c r="R3327">
        <v>106</v>
      </c>
      <c r="S3327">
        <v>107</v>
      </c>
      <c r="T3327">
        <v>109</v>
      </c>
      <c r="U3327">
        <v>110</v>
      </c>
      <c r="V3327">
        <v>112</v>
      </c>
      <c r="W3327">
        <v>113</v>
      </c>
      <c r="X3327">
        <v>115</v>
      </c>
      <c r="Y3327">
        <v>117</v>
      </c>
      <c r="Z3327">
        <v>118</v>
      </c>
      <c r="AA3327">
        <v>120</v>
      </c>
      <c r="AB3327">
        <v>122</v>
      </c>
      <c r="AC3327">
        <v>123</v>
      </c>
      <c r="AD3327">
        <v>125</v>
      </c>
      <c r="AE3327">
        <v>127</v>
      </c>
      <c r="AF3327">
        <v>128</v>
      </c>
      <c r="AG3327">
        <v>130</v>
      </c>
      <c r="AH3327">
        <v>132</v>
      </c>
      <c r="AI3327">
        <v>133</v>
      </c>
      <c r="AJ3327">
        <v>135</v>
      </c>
      <c r="AK3327">
        <v>137</v>
      </c>
      <c r="AL3327">
        <v>139</v>
      </c>
      <c r="AM3327">
        <v>141</v>
      </c>
      <c r="AN3327">
        <v>142</v>
      </c>
      <c r="AO3327">
        <v>144</v>
      </c>
      <c r="AP3327">
        <v>146</v>
      </c>
      <c r="AQ3327">
        <v>148</v>
      </c>
    </row>
    <row r="3328" spans="1:43">
      <c r="A3328" t="s">
        <v>2114</v>
      </c>
      <c r="B3328" t="s">
        <v>2115</v>
      </c>
      <c r="C3328" t="s">
        <v>2104</v>
      </c>
      <c r="D3328" t="s">
        <v>2105</v>
      </c>
      <c r="E3328" t="s">
        <v>2048</v>
      </c>
      <c r="F3328" t="s">
        <v>2049</v>
      </c>
      <c r="G3328" t="s">
        <v>80</v>
      </c>
      <c r="H3328" t="s">
        <v>81</v>
      </c>
      <c r="I3328" s="2">
        <v>0</v>
      </c>
      <c r="J3328" s="2">
        <v>1</v>
      </c>
      <c r="K3328" s="2">
        <v>0</v>
      </c>
      <c r="L3328" t="s">
        <v>82</v>
      </c>
      <c r="M3328" t="s">
        <v>89</v>
      </c>
      <c r="N3328" t="s">
        <v>90</v>
      </c>
      <c r="O3328" t="s">
        <v>85</v>
      </c>
      <c r="P3328" t="s">
        <v>86</v>
      </c>
      <c r="Q3328">
        <v>104</v>
      </c>
      <c r="R3328">
        <v>108</v>
      </c>
      <c r="S3328">
        <v>111</v>
      </c>
      <c r="T3328">
        <v>115</v>
      </c>
      <c r="U3328">
        <v>118</v>
      </c>
      <c r="V3328">
        <v>121</v>
      </c>
      <c r="W3328">
        <v>125</v>
      </c>
      <c r="X3328">
        <v>128</v>
      </c>
      <c r="Y3328">
        <v>132</v>
      </c>
      <c r="Z3328">
        <v>135</v>
      </c>
      <c r="AA3328">
        <v>138</v>
      </c>
      <c r="AB3328">
        <v>142</v>
      </c>
      <c r="AC3328">
        <v>145</v>
      </c>
      <c r="AD3328">
        <v>149</v>
      </c>
      <c r="AE3328">
        <v>151</v>
      </c>
      <c r="AF3328">
        <v>153</v>
      </c>
      <c r="AG3328">
        <v>154</v>
      </c>
      <c r="AH3328">
        <v>156</v>
      </c>
      <c r="AI3328">
        <v>157</v>
      </c>
      <c r="AJ3328">
        <v>159</v>
      </c>
      <c r="AK3328">
        <v>160</v>
      </c>
      <c r="AL3328">
        <v>162</v>
      </c>
      <c r="AM3328">
        <v>163</v>
      </c>
      <c r="AN3328">
        <v>165</v>
      </c>
      <c r="AO3328">
        <v>166</v>
      </c>
      <c r="AP3328">
        <v>168</v>
      </c>
      <c r="AQ3328">
        <v>169</v>
      </c>
    </row>
    <row r="3329" spans="1:43">
      <c r="A3329" t="s">
        <v>2114</v>
      </c>
      <c r="B3329" t="s">
        <v>2115</v>
      </c>
      <c r="C3329" t="s">
        <v>2104</v>
      </c>
      <c r="D3329" t="s">
        <v>2105</v>
      </c>
      <c r="E3329" t="s">
        <v>2048</v>
      </c>
      <c r="F3329" t="s">
        <v>2049</v>
      </c>
      <c r="G3329" t="s">
        <v>80</v>
      </c>
      <c r="H3329" t="s">
        <v>81</v>
      </c>
      <c r="I3329" s="2">
        <v>0</v>
      </c>
      <c r="J3329" s="2">
        <v>1</v>
      </c>
      <c r="K3329" s="2">
        <v>0</v>
      </c>
      <c r="L3329" t="s">
        <v>82</v>
      </c>
      <c r="M3329" t="s">
        <v>83</v>
      </c>
      <c r="N3329" t="s">
        <v>91</v>
      </c>
      <c r="O3329" t="s">
        <v>85</v>
      </c>
      <c r="P3329" t="s">
        <v>86</v>
      </c>
      <c r="Q3329">
        <v>104</v>
      </c>
      <c r="R3329">
        <v>107</v>
      </c>
      <c r="S3329">
        <v>109</v>
      </c>
      <c r="T3329">
        <v>112</v>
      </c>
      <c r="U3329">
        <v>114</v>
      </c>
      <c r="V3329">
        <v>117</v>
      </c>
      <c r="W3329">
        <v>120</v>
      </c>
      <c r="X3329">
        <v>122</v>
      </c>
      <c r="Y3329">
        <v>125</v>
      </c>
      <c r="Z3329">
        <v>128</v>
      </c>
      <c r="AA3329">
        <v>131</v>
      </c>
      <c r="AB3329">
        <v>133</v>
      </c>
      <c r="AC3329">
        <v>136</v>
      </c>
      <c r="AD3329">
        <v>139</v>
      </c>
      <c r="AE3329">
        <v>142</v>
      </c>
      <c r="AF3329">
        <v>145</v>
      </c>
      <c r="AG3329">
        <v>148</v>
      </c>
      <c r="AH3329">
        <v>151</v>
      </c>
      <c r="AI3329">
        <v>154</v>
      </c>
      <c r="AJ3329">
        <v>157</v>
      </c>
      <c r="AK3329">
        <v>160</v>
      </c>
      <c r="AL3329">
        <v>162</v>
      </c>
      <c r="AM3329">
        <v>163</v>
      </c>
      <c r="AN3329">
        <v>165</v>
      </c>
      <c r="AO3329">
        <v>166</v>
      </c>
      <c r="AP3329">
        <v>168</v>
      </c>
      <c r="AQ3329">
        <v>169</v>
      </c>
    </row>
    <row r="3330" spans="1:43">
      <c r="A3330" t="s">
        <v>2116</v>
      </c>
      <c r="B3330" t="s">
        <v>2117</v>
      </c>
      <c r="C3330" t="s">
        <v>2118</v>
      </c>
      <c r="D3330" t="s">
        <v>2119</v>
      </c>
      <c r="E3330" t="s">
        <v>2048</v>
      </c>
      <c r="F3330" t="s">
        <v>2049</v>
      </c>
      <c r="G3330" t="s">
        <v>80</v>
      </c>
      <c r="H3330" t="s">
        <v>81</v>
      </c>
      <c r="I3330" s="2">
        <v>0</v>
      </c>
      <c r="J3330" s="2">
        <v>1</v>
      </c>
      <c r="K3330" s="2">
        <v>0</v>
      </c>
      <c r="L3330" t="s">
        <v>82</v>
      </c>
      <c r="M3330" t="s">
        <v>83</v>
      </c>
      <c r="N3330" t="s">
        <v>84</v>
      </c>
      <c r="O3330" t="s">
        <v>85</v>
      </c>
      <c r="P3330" t="s">
        <v>86</v>
      </c>
      <c r="Q3330">
        <v>44</v>
      </c>
      <c r="R3330">
        <v>45</v>
      </c>
      <c r="S3330">
        <v>45</v>
      </c>
      <c r="T3330">
        <v>46</v>
      </c>
      <c r="U3330">
        <v>46</v>
      </c>
      <c r="V3330">
        <v>47</v>
      </c>
      <c r="W3330">
        <v>47</v>
      </c>
      <c r="X3330">
        <v>48</v>
      </c>
      <c r="Y3330">
        <v>49</v>
      </c>
      <c r="Z3330">
        <v>49</v>
      </c>
      <c r="AA3330">
        <v>50</v>
      </c>
      <c r="AB3330">
        <v>50</v>
      </c>
      <c r="AC3330">
        <v>51</v>
      </c>
      <c r="AD3330">
        <v>51</v>
      </c>
      <c r="AE3330">
        <v>52</v>
      </c>
      <c r="AF3330">
        <v>52</v>
      </c>
      <c r="AG3330">
        <v>53</v>
      </c>
      <c r="AH3330">
        <v>53</v>
      </c>
      <c r="AI3330">
        <v>54</v>
      </c>
      <c r="AJ3330">
        <v>54</v>
      </c>
      <c r="AK3330">
        <v>55</v>
      </c>
      <c r="AL3330">
        <v>55</v>
      </c>
      <c r="AM3330">
        <v>55</v>
      </c>
      <c r="AN3330">
        <v>55</v>
      </c>
      <c r="AO3330">
        <v>55</v>
      </c>
      <c r="AP3330">
        <v>55</v>
      </c>
      <c r="AQ3330">
        <v>55</v>
      </c>
    </row>
    <row r="3331" spans="1:43">
      <c r="A3331" t="s">
        <v>2116</v>
      </c>
      <c r="B3331" t="s">
        <v>2117</v>
      </c>
      <c r="C3331" t="s">
        <v>2118</v>
      </c>
      <c r="D3331" t="s">
        <v>2119</v>
      </c>
      <c r="E3331" t="s">
        <v>2048</v>
      </c>
      <c r="F3331" t="s">
        <v>2049</v>
      </c>
      <c r="G3331" t="s">
        <v>80</v>
      </c>
      <c r="H3331" t="s">
        <v>81</v>
      </c>
      <c r="I3331" s="2">
        <v>0</v>
      </c>
      <c r="J3331" s="2">
        <v>1</v>
      </c>
      <c r="K3331" s="2">
        <v>0</v>
      </c>
      <c r="L3331" t="s">
        <v>82</v>
      </c>
      <c r="M3331" t="s">
        <v>87</v>
      </c>
      <c r="N3331" t="s">
        <v>88</v>
      </c>
      <c r="O3331" t="s">
        <v>85</v>
      </c>
      <c r="P3331" t="s">
        <v>86</v>
      </c>
      <c r="Q3331">
        <v>44</v>
      </c>
      <c r="R3331">
        <v>44</v>
      </c>
      <c r="S3331">
        <v>44</v>
      </c>
      <c r="T3331">
        <v>44</v>
      </c>
      <c r="U3331">
        <v>44</v>
      </c>
      <c r="V3331">
        <v>44</v>
      </c>
      <c r="W3331">
        <v>45</v>
      </c>
      <c r="X3331">
        <v>45</v>
      </c>
      <c r="Y3331">
        <v>45</v>
      </c>
      <c r="Z3331">
        <v>45</v>
      </c>
      <c r="AA3331">
        <v>45</v>
      </c>
      <c r="AB3331">
        <v>45</v>
      </c>
      <c r="AC3331">
        <v>45</v>
      </c>
      <c r="AD3331">
        <v>46</v>
      </c>
      <c r="AE3331">
        <v>46</v>
      </c>
      <c r="AF3331">
        <v>46</v>
      </c>
      <c r="AG3331">
        <v>46</v>
      </c>
      <c r="AH3331">
        <v>46</v>
      </c>
      <c r="AI3331">
        <v>46</v>
      </c>
      <c r="AJ3331">
        <v>46</v>
      </c>
      <c r="AK3331">
        <v>47</v>
      </c>
      <c r="AL3331">
        <v>47</v>
      </c>
      <c r="AM3331">
        <v>47</v>
      </c>
      <c r="AN3331">
        <v>47</v>
      </c>
      <c r="AO3331">
        <v>47</v>
      </c>
      <c r="AP3331">
        <v>47</v>
      </c>
      <c r="AQ3331">
        <v>47</v>
      </c>
    </row>
    <row r="3332" spans="1:43">
      <c r="A3332" t="s">
        <v>2116</v>
      </c>
      <c r="B3332" t="s">
        <v>2117</v>
      </c>
      <c r="C3332" t="s">
        <v>2118</v>
      </c>
      <c r="D3332" t="s">
        <v>2119</v>
      </c>
      <c r="E3332" t="s">
        <v>2048</v>
      </c>
      <c r="F3332" t="s">
        <v>2049</v>
      </c>
      <c r="G3332" t="s">
        <v>80</v>
      </c>
      <c r="H3332" t="s">
        <v>81</v>
      </c>
      <c r="I3332" s="2">
        <v>0</v>
      </c>
      <c r="J3332" s="2">
        <v>1</v>
      </c>
      <c r="K3332" s="2">
        <v>0</v>
      </c>
      <c r="L3332" t="s">
        <v>82</v>
      </c>
      <c r="M3332" t="s">
        <v>89</v>
      </c>
      <c r="N3332" t="s">
        <v>90</v>
      </c>
      <c r="O3332" t="s">
        <v>85</v>
      </c>
      <c r="P3332" t="s">
        <v>86</v>
      </c>
      <c r="Q3332">
        <v>44</v>
      </c>
      <c r="R3332">
        <v>45</v>
      </c>
      <c r="S3332">
        <v>45</v>
      </c>
      <c r="T3332">
        <v>46</v>
      </c>
      <c r="U3332">
        <v>47</v>
      </c>
      <c r="V3332">
        <v>48</v>
      </c>
      <c r="W3332">
        <v>49</v>
      </c>
      <c r="X3332">
        <v>50</v>
      </c>
      <c r="Y3332">
        <v>50</v>
      </c>
      <c r="Z3332">
        <v>51</v>
      </c>
      <c r="AA3332">
        <v>52</v>
      </c>
      <c r="AB3332">
        <v>53</v>
      </c>
      <c r="AC3332">
        <v>53</v>
      </c>
      <c r="AD3332">
        <v>54</v>
      </c>
      <c r="AE3332">
        <v>54</v>
      </c>
      <c r="AF3332">
        <v>54</v>
      </c>
      <c r="AG3332">
        <v>54</v>
      </c>
      <c r="AH3332">
        <v>54</v>
      </c>
      <c r="AI3332">
        <v>54</v>
      </c>
      <c r="AJ3332">
        <v>54</v>
      </c>
      <c r="AK3332">
        <v>54</v>
      </c>
      <c r="AL3332">
        <v>54</v>
      </c>
      <c r="AM3332">
        <v>54</v>
      </c>
      <c r="AN3332">
        <v>54</v>
      </c>
      <c r="AO3332">
        <v>54</v>
      </c>
      <c r="AP3332">
        <v>54</v>
      </c>
      <c r="AQ3332">
        <v>54</v>
      </c>
    </row>
    <row r="3333" spans="1:43">
      <c r="A3333" t="s">
        <v>2116</v>
      </c>
      <c r="B3333" t="s">
        <v>2117</v>
      </c>
      <c r="C3333" t="s">
        <v>2118</v>
      </c>
      <c r="D3333" t="s">
        <v>2119</v>
      </c>
      <c r="E3333" t="s">
        <v>2048</v>
      </c>
      <c r="F3333" t="s">
        <v>2049</v>
      </c>
      <c r="G3333" t="s">
        <v>80</v>
      </c>
      <c r="H3333" t="s">
        <v>81</v>
      </c>
      <c r="I3333" s="2">
        <v>0</v>
      </c>
      <c r="J3333" s="2">
        <v>1</v>
      </c>
      <c r="K3333" s="2">
        <v>0</v>
      </c>
      <c r="L3333" t="s">
        <v>82</v>
      </c>
      <c r="M3333" t="s">
        <v>83</v>
      </c>
      <c r="N3333" t="s">
        <v>91</v>
      </c>
      <c r="O3333" t="s">
        <v>85</v>
      </c>
      <c r="P3333" t="s">
        <v>86</v>
      </c>
      <c r="Q3333">
        <v>44</v>
      </c>
      <c r="R3333">
        <v>45</v>
      </c>
      <c r="S3333">
        <v>45</v>
      </c>
      <c r="T3333">
        <v>46</v>
      </c>
      <c r="U3333">
        <v>46</v>
      </c>
      <c r="V3333">
        <v>47</v>
      </c>
      <c r="W3333">
        <v>47</v>
      </c>
      <c r="X3333">
        <v>48</v>
      </c>
      <c r="Y3333">
        <v>49</v>
      </c>
      <c r="Z3333">
        <v>49</v>
      </c>
      <c r="AA3333">
        <v>50</v>
      </c>
      <c r="AB3333">
        <v>50</v>
      </c>
      <c r="AC3333">
        <v>51</v>
      </c>
      <c r="AD3333">
        <v>51</v>
      </c>
      <c r="AE3333">
        <v>52</v>
      </c>
      <c r="AF3333">
        <v>52</v>
      </c>
      <c r="AG3333">
        <v>53</v>
      </c>
      <c r="AH3333">
        <v>53</v>
      </c>
      <c r="AI3333">
        <v>54</v>
      </c>
      <c r="AJ3333">
        <v>54</v>
      </c>
      <c r="AK3333">
        <v>55</v>
      </c>
      <c r="AL3333">
        <v>55</v>
      </c>
      <c r="AM3333">
        <v>55</v>
      </c>
      <c r="AN3333">
        <v>55</v>
      </c>
      <c r="AO3333">
        <v>55</v>
      </c>
      <c r="AP3333">
        <v>55</v>
      </c>
      <c r="AQ3333">
        <v>55</v>
      </c>
    </row>
    <row r="3334" spans="1:43">
      <c r="A3334" t="s">
        <v>2120</v>
      </c>
      <c r="B3334" t="s">
        <v>2121</v>
      </c>
      <c r="C3334" t="s">
        <v>2118</v>
      </c>
      <c r="D3334" t="s">
        <v>2119</v>
      </c>
      <c r="E3334" t="s">
        <v>2048</v>
      </c>
      <c r="F3334" t="s">
        <v>2049</v>
      </c>
      <c r="G3334" t="s">
        <v>80</v>
      </c>
      <c r="H3334" t="s">
        <v>81</v>
      </c>
      <c r="I3334" s="2">
        <v>0</v>
      </c>
      <c r="J3334" s="2">
        <v>1</v>
      </c>
      <c r="K3334" s="2">
        <v>0</v>
      </c>
      <c r="L3334" t="s">
        <v>82</v>
      </c>
      <c r="M3334" t="s">
        <v>83</v>
      </c>
      <c r="N3334" t="s">
        <v>84</v>
      </c>
      <c r="O3334" t="s">
        <v>85</v>
      </c>
      <c r="P3334" t="s">
        <v>86</v>
      </c>
      <c r="Q3334">
        <v>57</v>
      </c>
      <c r="R3334">
        <v>58</v>
      </c>
      <c r="S3334">
        <v>59</v>
      </c>
      <c r="T3334">
        <v>61</v>
      </c>
      <c r="U3334">
        <v>62</v>
      </c>
      <c r="V3334">
        <v>63</v>
      </c>
      <c r="W3334">
        <v>65</v>
      </c>
      <c r="X3334">
        <v>66</v>
      </c>
      <c r="Y3334">
        <v>68</v>
      </c>
      <c r="Z3334">
        <v>69</v>
      </c>
      <c r="AA3334">
        <v>71</v>
      </c>
      <c r="AB3334">
        <v>72</v>
      </c>
      <c r="AC3334">
        <v>74</v>
      </c>
      <c r="AD3334">
        <v>75</v>
      </c>
      <c r="AE3334">
        <v>77</v>
      </c>
      <c r="AF3334">
        <v>78</v>
      </c>
      <c r="AG3334">
        <v>80</v>
      </c>
      <c r="AH3334">
        <v>81</v>
      </c>
      <c r="AI3334">
        <v>83</v>
      </c>
      <c r="AJ3334">
        <v>85</v>
      </c>
      <c r="AK3334">
        <v>86</v>
      </c>
      <c r="AL3334">
        <v>87</v>
      </c>
      <c r="AM3334">
        <v>88</v>
      </c>
      <c r="AN3334">
        <v>89</v>
      </c>
      <c r="AO3334">
        <v>90</v>
      </c>
      <c r="AP3334">
        <v>91</v>
      </c>
      <c r="AQ3334">
        <v>92</v>
      </c>
    </row>
    <row r="3335" spans="1:43">
      <c r="A3335" t="s">
        <v>2120</v>
      </c>
      <c r="B3335" t="s">
        <v>2121</v>
      </c>
      <c r="C3335" t="s">
        <v>2118</v>
      </c>
      <c r="D3335" t="s">
        <v>2119</v>
      </c>
      <c r="E3335" t="s">
        <v>2048</v>
      </c>
      <c r="F3335" t="s">
        <v>2049</v>
      </c>
      <c r="G3335" t="s">
        <v>80</v>
      </c>
      <c r="H3335" t="s">
        <v>81</v>
      </c>
      <c r="I3335" s="2">
        <v>0</v>
      </c>
      <c r="J3335" s="2">
        <v>1</v>
      </c>
      <c r="K3335" s="2">
        <v>0</v>
      </c>
      <c r="L3335" t="s">
        <v>82</v>
      </c>
      <c r="M3335" t="s">
        <v>87</v>
      </c>
      <c r="N3335" t="s">
        <v>88</v>
      </c>
      <c r="O3335" t="s">
        <v>85</v>
      </c>
      <c r="P3335" t="s">
        <v>86</v>
      </c>
      <c r="Q3335">
        <v>57</v>
      </c>
      <c r="R3335">
        <v>58</v>
      </c>
      <c r="S3335">
        <v>59</v>
      </c>
      <c r="T3335">
        <v>59</v>
      </c>
      <c r="U3335">
        <v>60</v>
      </c>
      <c r="V3335">
        <v>61</v>
      </c>
      <c r="W3335">
        <v>62</v>
      </c>
      <c r="X3335">
        <v>63</v>
      </c>
      <c r="Y3335">
        <v>64</v>
      </c>
      <c r="Z3335">
        <v>64</v>
      </c>
      <c r="AA3335">
        <v>65</v>
      </c>
      <c r="AB3335">
        <v>66</v>
      </c>
      <c r="AC3335">
        <v>67</v>
      </c>
      <c r="AD3335">
        <v>68</v>
      </c>
      <c r="AE3335">
        <v>69</v>
      </c>
      <c r="AF3335">
        <v>70</v>
      </c>
      <c r="AG3335">
        <v>71</v>
      </c>
      <c r="AH3335">
        <v>72</v>
      </c>
      <c r="AI3335">
        <v>73</v>
      </c>
      <c r="AJ3335">
        <v>73</v>
      </c>
      <c r="AK3335">
        <v>74</v>
      </c>
      <c r="AL3335">
        <v>75</v>
      </c>
      <c r="AM3335">
        <v>76</v>
      </c>
      <c r="AN3335">
        <v>77</v>
      </c>
      <c r="AO3335">
        <v>78</v>
      </c>
      <c r="AP3335">
        <v>79</v>
      </c>
      <c r="AQ3335">
        <v>80</v>
      </c>
    </row>
    <row r="3336" spans="1:43">
      <c r="A3336" t="s">
        <v>2120</v>
      </c>
      <c r="B3336" t="s">
        <v>2121</v>
      </c>
      <c r="C3336" t="s">
        <v>2118</v>
      </c>
      <c r="D3336" t="s">
        <v>2119</v>
      </c>
      <c r="E3336" t="s">
        <v>2048</v>
      </c>
      <c r="F3336" t="s">
        <v>2049</v>
      </c>
      <c r="G3336" t="s">
        <v>80</v>
      </c>
      <c r="H3336" t="s">
        <v>81</v>
      </c>
      <c r="I3336" s="2">
        <v>0</v>
      </c>
      <c r="J3336" s="2">
        <v>1</v>
      </c>
      <c r="K3336" s="2">
        <v>0</v>
      </c>
      <c r="L3336" t="s">
        <v>82</v>
      </c>
      <c r="M3336" t="s">
        <v>89</v>
      </c>
      <c r="N3336" t="s">
        <v>90</v>
      </c>
      <c r="O3336" t="s">
        <v>85</v>
      </c>
      <c r="P3336" t="s">
        <v>86</v>
      </c>
      <c r="Q3336">
        <v>57</v>
      </c>
      <c r="R3336">
        <v>59</v>
      </c>
      <c r="S3336">
        <v>61</v>
      </c>
      <c r="T3336">
        <v>63</v>
      </c>
      <c r="U3336">
        <v>64</v>
      </c>
      <c r="V3336">
        <v>66</v>
      </c>
      <c r="W3336">
        <v>68</v>
      </c>
      <c r="X3336">
        <v>70</v>
      </c>
      <c r="Y3336">
        <v>72</v>
      </c>
      <c r="Z3336">
        <v>74</v>
      </c>
      <c r="AA3336">
        <v>75</v>
      </c>
      <c r="AB3336">
        <v>77</v>
      </c>
      <c r="AC3336">
        <v>79</v>
      </c>
      <c r="AD3336">
        <v>81</v>
      </c>
      <c r="AE3336">
        <v>82</v>
      </c>
      <c r="AF3336">
        <v>83</v>
      </c>
      <c r="AG3336">
        <v>84</v>
      </c>
      <c r="AH3336">
        <v>85</v>
      </c>
      <c r="AI3336">
        <v>86</v>
      </c>
      <c r="AJ3336">
        <v>86</v>
      </c>
      <c r="AK3336">
        <v>87</v>
      </c>
      <c r="AL3336">
        <v>88</v>
      </c>
      <c r="AM3336">
        <v>89</v>
      </c>
      <c r="AN3336">
        <v>90</v>
      </c>
      <c r="AO3336">
        <v>90</v>
      </c>
      <c r="AP3336">
        <v>91</v>
      </c>
      <c r="AQ3336">
        <v>92</v>
      </c>
    </row>
    <row r="3337" spans="1:43">
      <c r="A3337" t="s">
        <v>2120</v>
      </c>
      <c r="B3337" t="s">
        <v>2121</v>
      </c>
      <c r="C3337" t="s">
        <v>2118</v>
      </c>
      <c r="D3337" t="s">
        <v>2119</v>
      </c>
      <c r="E3337" t="s">
        <v>2048</v>
      </c>
      <c r="F3337" t="s">
        <v>2049</v>
      </c>
      <c r="G3337" t="s">
        <v>80</v>
      </c>
      <c r="H3337" t="s">
        <v>81</v>
      </c>
      <c r="I3337" s="2">
        <v>0</v>
      </c>
      <c r="J3337" s="2">
        <v>1</v>
      </c>
      <c r="K3337" s="2">
        <v>0</v>
      </c>
      <c r="L3337" t="s">
        <v>82</v>
      </c>
      <c r="M3337" t="s">
        <v>83</v>
      </c>
      <c r="N3337" t="s">
        <v>91</v>
      </c>
      <c r="O3337" t="s">
        <v>85</v>
      </c>
      <c r="P3337" t="s">
        <v>86</v>
      </c>
      <c r="Q3337">
        <v>57</v>
      </c>
      <c r="R3337">
        <v>58</v>
      </c>
      <c r="S3337">
        <v>59</v>
      </c>
      <c r="T3337">
        <v>61</v>
      </c>
      <c r="U3337">
        <v>62</v>
      </c>
      <c r="V3337">
        <v>63</v>
      </c>
      <c r="W3337">
        <v>65</v>
      </c>
      <c r="X3337">
        <v>66</v>
      </c>
      <c r="Y3337">
        <v>68</v>
      </c>
      <c r="Z3337">
        <v>69</v>
      </c>
      <c r="AA3337">
        <v>71</v>
      </c>
      <c r="AB3337">
        <v>72</v>
      </c>
      <c r="AC3337">
        <v>74</v>
      </c>
      <c r="AD3337">
        <v>75</v>
      </c>
      <c r="AE3337">
        <v>77</v>
      </c>
      <c r="AF3337">
        <v>78</v>
      </c>
      <c r="AG3337">
        <v>80</v>
      </c>
      <c r="AH3337">
        <v>81</v>
      </c>
      <c r="AI3337">
        <v>83</v>
      </c>
      <c r="AJ3337">
        <v>85</v>
      </c>
      <c r="AK3337">
        <v>86</v>
      </c>
      <c r="AL3337">
        <v>87</v>
      </c>
      <c r="AM3337">
        <v>88</v>
      </c>
      <c r="AN3337">
        <v>89</v>
      </c>
      <c r="AO3337">
        <v>90</v>
      </c>
      <c r="AP3337">
        <v>91</v>
      </c>
      <c r="AQ3337">
        <v>92</v>
      </c>
    </row>
    <row r="3338" spans="1:43">
      <c r="A3338" t="s">
        <v>2122</v>
      </c>
      <c r="B3338" t="s">
        <v>2123</v>
      </c>
      <c r="C3338" t="s">
        <v>2118</v>
      </c>
      <c r="D3338" t="s">
        <v>2119</v>
      </c>
      <c r="E3338" t="s">
        <v>2048</v>
      </c>
      <c r="F3338" t="s">
        <v>2049</v>
      </c>
      <c r="G3338" t="s">
        <v>80</v>
      </c>
      <c r="H3338" t="s">
        <v>81</v>
      </c>
      <c r="I3338" s="2">
        <v>0</v>
      </c>
      <c r="J3338" s="2">
        <v>1</v>
      </c>
      <c r="K3338" s="2">
        <v>0</v>
      </c>
      <c r="L3338" t="s">
        <v>82</v>
      </c>
      <c r="M3338" t="s">
        <v>83</v>
      </c>
      <c r="N3338" t="s">
        <v>84</v>
      </c>
      <c r="O3338" t="s">
        <v>85</v>
      </c>
      <c r="P3338" t="s">
        <v>86</v>
      </c>
      <c r="Q3338">
        <v>26</v>
      </c>
      <c r="R3338">
        <v>27</v>
      </c>
      <c r="S3338">
        <v>27</v>
      </c>
      <c r="T3338">
        <v>28</v>
      </c>
      <c r="U3338">
        <v>29</v>
      </c>
      <c r="V3338">
        <v>29</v>
      </c>
      <c r="W3338">
        <v>30</v>
      </c>
      <c r="X3338">
        <v>31</v>
      </c>
      <c r="Y3338">
        <v>31</v>
      </c>
      <c r="Z3338">
        <v>32</v>
      </c>
      <c r="AA3338">
        <v>33</v>
      </c>
      <c r="AB3338">
        <v>33</v>
      </c>
      <c r="AC3338">
        <v>34</v>
      </c>
      <c r="AD3338">
        <v>35</v>
      </c>
      <c r="AE3338">
        <v>35</v>
      </c>
      <c r="AF3338">
        <v>36</v>
      </c>
      <c r="AG3338">
        <v>37</v>
      </c>
      <c r="AH3338">
        <v>38</v>
      </c>
      <c r="AI3338">
        <v>38</v>
      </c>
      <c r="AJ3338">
        <v>39</v>
      </c>
      <c r="AK3338">
        <v>40</v>
      </c>
      <c r="AL3338">
        <v>40</v>
      </c>
      <c r="AM3338">
        <v>41</v>
      </c>
      <c r="AN3338">
        <v>41</v>
      </c>
      <c r="AO3338">
        <v>42</v>
      </c>
      <c r="AP3338">
        <v>42</v>
      </c>
      <c r="AQ3338">
        <v>42</v>
      </c>
    </row>
    <row r="3339" spans="1:43">
      <c r="A3339" t="s">
        <v>2122</v>
      </c>
      <c r="B3339" t="s">
        <v>2123</v>
      </c>
      <c r="C3339" t="s">
        <v>2118</v>
      </c>
      <c r="D3339" t="s">
        <v>2119</v>
      </c>
      <c r="E3339" t="s">
        <v>2048</v>
      </c>
      <c r="F3339" t="s">
        <v>2049</v>
      </c>
      <c r="G3339" t="s">
        <v>80</v>
      </c>
      <c r="H3339" t="s">
        <v>81</v>
      </c>
      <c r="I3339" s="2">
        <v>0</v>
      </c>
      <c r="J3339" s="2">
        <v>1</v>
      </c>
      <c r="K3339" s="2">
        <v>0</v>
      </c>
      <c r="L3339" t="s">
        <v>82</v>
      </c>
      <c r="M3339" t="s">
        <v>87</v>
      </c>
      <c r="N3339" t="s">
        <v>88</v>
      </c>
      <c r="O3339" t="s">
        <v>85</v>
      </c>
      <c r="P3339" t="s">
        <v>86</v>
      </c>
      <c r="Q3339">
        <v>26</v>
      </c>
      <c r="R3339">
        <v>26</v>
      </c>
      <c r="S3339">
        <v>27</v>
      </c>
      <c r="T3339">
        <v>27</v>
      </c>
      <c r="U3339">
        <v>27</v>
      </c>
      <c r="V3339">
        <v>28</v>
      </c>
      <c r="W3339">
        <v>28</v>
      </c>
      <c r="X3339">
        <v>28</v>
      </c>
      <c r="Y3339">
        <v>29</v>
      </c>
      <c r="Z3339">
        <v>29</v>
      </c>
      <c r="AA3339">
        <v>30</v>
      </c>
      <c r="AB3339">
        <v>30</v>
      </c>
      <c r="AC3339">
        <v>31</v>
      </c>
      <c r="AD3339">
        <v>31</v>
      </c>
      <c r="AE3339">
        <v>31</v>
      </c>
      <c r="AF3339">
        <v>32</v>
      </c>
      <c r="AG3339">
        <v>32</v>
      </c>
      <c r="AH3339">
        <v>33</v>
      </c>
      <c r="AI3339">
        <v>33</v>
      </c>
      <c r="AJ3339">
        <v>34</v>
      </c>
      <c r="AK3339">
        <v>34</v>
      </c>
      <c r="AL3339">
        <v>34</v>
      </c>
      <c r="AM3339">
        <v>35</v>
      </c>
      <c r="AN3339">
        <v>35</v>
      </c>
      <c r="AO3339">
        <v>36</v>
      </c>
      <c r="AP3339">
        <v>36</v>
      </c>
      <c r="AQ3339">
        <v>37</v>
      </c>
    </row>
    <row r="3340" spans="1:43">
      <c r="A3340" t="s">
        <v>2122</v>
      </c>
      <c r="B3340" t="s">
        <v>2123</v>
      </c>
      <c r="C3340" t="s">
        <v>2118</v>
      </c>
      <c r="D3340" t="s">
        <v>2119</v>
      </c>
      <c r="E3340" t="s">
        <v>2048</v>
      </c>
      <c r="F3340" t="s">
        <v>2049</v>
      </c>
      <c r="G3340" t="s">
        <v>80</v>
      </c>
      <c r="H3340" t="s">
        <v>81</v>
      </c>
      <c r="I3340" s="2">
        <v>0</v>
      </c>
      <c r="J3340" s="2">
        <v>1</v>
      </c>
      <c r="K3340" s="2">
        <v>0</v>
      </c>
      <c r="L3340" t="s">
        <v>82</v>
      </c>
      <c r="M3340" t="s">
        <v>89</v>
      </c>
      <c r="N3340" t="s">
        <v>90</v>
      </c>
      <c r="O3340" t="s">
        <v>85</v>
      </c>
      <c r="P3340" t="s">
        <v>86</v>
      </c>
      <c r="Q3340">
        <v>26</v>
      </c>
      <c r="R3340">
        <v>27</v>
      </c>
      <c r="S3340">
        <v>28</v>
      </c>
      <c r="T3340">
        <v>29</v>
      </c>
      <c r="U3340">
        <v>30</v>
      </c>
      <c r="V3340">
        <v>31</v>
      </c>
      <c r="W3340">
        <v>31</v>
      </c>
      <c r="X3340">
        <v>32</v>
      </c>
      <c r="Y3340">
        <v>33</v>
      </c>
      <c r="Z3340">
        <v>34</v>
      </c>
      <c r="AA3340">
        <v>35</v>
      </c>
      <c r="AB3340">
        <v>36</v>
      </c>
      <c r="AC3340">
        <v>36</v>
      </c>
      <c r="AD3340">
        <v>37</v>
      </c>
      <c r="AE3340">
        <v>38</v>
      </c>
      <c r="AF3340">
        <v>38</v>
      </c>
      <c r="AG3340">
        <v>39</v>
      </c>
      <c r="AH3340">
        <v>39</v>
      </c>
      <c r="AI3340">
        <v>40</v>
      </c>
      <c r="AJ3340">
        <v>40</v>
      </c>
      <c r="AK3340">
        <v>40</v>
      </c>
      <c r="AL3340">
        <v>41</v>
      </c>
      <c r="AM3340">
        <v>41</v>
      </c>
      <c r="AN3340">
        <v>41</v>
      </c>
      <c r="AO3340">
        <v>42</v>
      </c>
      <c r="AP3340">
        <v>42</v>
      </c>
      <c r="AQ3340">
        <v>43</v>
      </c>
    </row>
    <row r="3341" spans="1:43">
      <c r="A3341" t="s">
        <v>2122</v>
      </c>
      <c r="B3341" t="s">
        <v>2123</v>
      </c>
      <c r="C3341" t="s">
        <v>2118</v>
      </c>
      <c r="D3341" t="s">
        <v>2119</v>
      </c>
      <c r="E3341" t="s">
        <v>2048</v>
      </c>
      <c r="F3341" t="s">
        <v>2049</v>
      </c>
      <c r="G3341" t="s">
        <v>80</v>
      </c>
      <c r="H3341" t="s">
        <v>81</v>
      </c>
      <c r="I3341" s="2">
        <v>0</v>
      </c>
      <c r="J3341" s="2">
        <v>1</v>
      </c>
      <c r="K3341" s="2">
        <v>0</v>
      </c>
      <c r="L3341" t="s">
        <v>82</v>
      </c>
      <c r="M3341" t="s">
        <v>83</v>
      </c>
      <c r="N3341" t="s">
        <v>91</v>
      </c>
      <c r="O3341" t="s">
        <v>85</v>
      </c>
      <c r="P3341" t="s">
        <v>86</v>
      </c>
      <c r="Q3341">
        <v>26</v>
      </c>
      <c r="R3341">
        <v>27</v>
      </c>
      <c r="S3341">
        <v>27</v>
      </c>
      <c r="T3341">
        <v>28</v>
      </c>
      <c r="U3341">
        <v>29</v>
      </c>
      <c r="V3341">
        <v>29</v>
      </c>
      <c r="W3341">
        <v>30</v>
      </c>
      <c r="X3341">
        <v>31</v>
      </c>
      <c r="Y3341">
        <v>31</v>
      </c>
      <c r="Z3341">
        <v>32</v>
      </c>
      <c r="AA3341">
        <v>33</v>
      </c>
      <c r="AB3341">
        <v>33</v>
      </c>
      <c r="AC3341">
        <v>34</v>
      </c>
      <c r="AD3341">
        <v>35</v>
      </c>
      <c r="AE3341">
        <v>35</v>
      </c>
      <c r="AF3341">
        <v>36</v>
      </c>
      <c r="AG3341">
        <v>37</v>
      </c>
      <c r="AH3341">
        <v>38</v>
      </c>
      <c r="AI3341">
        <v>38</v>
      </c>
      <c r="AJ3341">
        <v>39</v>
      </c>
      <c r="AK3341">
        <v>40</v>
      </c>
      <c r="AL3341">
        <v>40</v>
      </c>
      <c r="AM3341">
        <v>41</v>
      </c>
      <c r="AN3341">
        <v>41</v>
      </c>
      <c r="AO3341">
        <v>42</v>
      </c>
      <c r="AP3341">
        <v>42</v>
      </c>
      <c r="AQ3341">
        <v>42</v>
      </c>
    </row>
    <row r="3342" spans="1:43">
      <c r="A3342" t="s">
        <v>2124</v>
      </c>
      <c r="B3342" t="s">
        <v>2125</v>
      </c>
      <c r="C3342" t="s">
        <v>2118</v>
      </c>
      <c r="D3342" t="s">
        <v>2119</v>
      </c>
      <c r="E3342" t="s">
        <v>2048</v>
      </c>
      <c r="F3342" t="s">
        <v>2049</v>
      </c>
      <c r="G3342" t="s">
        <v>80</v>
      </c>
      <c r="H3342" t="s">
        <v>81</v>
      </c>
      <c r="I3342" s="2">
        <v>0</v>
      </c>
      <c r="J3342" s="2">
        <v>1</v>
      </c>
      <c r="K3342" s="2">
        <v>0</v>
      </c>
      <c r="L3342" t="s">
        <v>82</v>
      </c>
      <c r="M3342" t="s">
        <v>83</v>
      </c>
      <c r="N3342" t="s">
        <v>84</v>
      </c>
      <c r="O3342" t="s">
        <v>85</v>
      </c>
      <c r="P3342" t="s">
        <v>86</v>
      </c>
      <c r="Q3342">
        <v>83</v>
      </c>
      <c r="R3342">
        <v>85</v>
      </c>
      <c r="S3342">
        <v>87</v>
      </c>
      <c r="T3342">
        <v>89</v>
      </c>
      <c r="U3342">
        <v>91</v>
      </c>
      <c r="V3342">
        <v>93</v>
      </c>
      <c r="W3342">
        <v>95</v>
      </c>
      <c r="X3342">
        <v>97</v>
      </c>
      <c r="Y3342">
        <v>100</v>
      </c>
      <c r="Z3342">
        <v>102</v>
      </c>
      <c r="AA3342">
        <v>104</v>
      </c>
      <c r="AB3342">
        <v>106</v>
      </c>
      <c r="AC3342">
        <v>108</v>
      </c>
      <c r="AD3342">
        <v>111</v>
      </c>
      <c r="AE3342">
        <v>113</v>
      </c>
      <c r="AF3342">
        <v>115</v>
      </c>
      <c r="AG3342">
        <v>117</v>
      </c>
      <c r="AH3342">
        <v>120</v>
      </c>
      <c r="AI3342">
        <v>122</v>
      </c>
      <c r="AJ3342">
        <v>125</v>
      </c>
      <c r="AK3342">
        <v>127</v>
      </c>
      <c r="AL3342">
        <v>129</v>
      </c>
      <c r="AM3342">
        <v>130</v>
      </c>
      <c r="AN3342">
        <v>131</v>
      </c>
      <c r="AO3342">
        <v>132</v>
      </c>
      <c r="AP3342">
        <v>134</v>
      </c>
      <c r="AQ3342">
        <v>135</v>
      </c>
    </row>
    <row r="3343" spans="1:43">
      <c r="A3343" t="s">
        <v>2124</v>
      </c>
      <c r="B3343" t="s">
        <v>2125</v>
      </c>
      <c r="C3343" t="s">
        <v>2118</v>
      </c>
      <c r="D3343" t="s">
        <v>2119</v>
      </c>
      <c r="E3343" t="s">
        <v>2048</v>
      </c>
      <c r="F3343" t="s">
        <v>2049</v>
      </c>
      <c r="G3343" t="s">
        <v>80</v>
      </c>
      <c r="H3343" t="s">
        <v>81</v>
      </c>
      <c r="I3343" s="2">
        <v>0</v>
      </c>
      <c r="J3343" s="2">
        <v>1</v>
      </c>
      <c r="K3343" s="2">
        <v>0</v>
      </c>
      <c r="L3343" t="s">
        <v>82</v>
      </c>
      <c r="M3343" t="s">
        <v>87</v>
      </c>
      <c r="N3343" t="s">
        <v>88</v>
      </c>
      <c r="O3343" t="s">
        <v>85</v>
      </c>
      <c r="P3343" t="s">
        <v>86</v>
      </c>
      <c r="Q3343">
        <v>83</v>
      </c>
      <c r="R3343">
        <v>84</v>
      </c>
      <c r="S3343">
        <v>86</v>
      </c>
      <c r="T3343">
        <v>87</v>
      </c>
      <c r="U3343">
        <v>88</v>
      </c>
      <c r="V3343">
        <v>89</v>
      </c>
      <c r="W3343">
        <v>90</v>
      </c>
      <c r="X3343">
        <v>92</v>
      </c>
      <c r="Y3343">
        <v>93</v>
      </c>
      <c r="Z3343">
        <v>94</v>
      </c>
      <c r="AA3343">
        <v>96</v>
      </c>
      <c r="AB3343">
        <v>97</v>
      </c>
      <c r="AC3343">
        <v>98</v>
      </c>
      <c r="AD3343">
        <v>100</v>
      </c>
      <c r="AE3343">
        <v>101</v>
      </c>
      <c r="AF3343">
        <v>102</v>
      </c>
      <c r="AG3343">
        <v>104</v>
      </c>
      <c r="AH3343">
        <v>105</v>
      </c>
      <c r="AI3343">
        <v>106</v>
      </c>
      <c r="AJ3343">
        <v>108</v>
      </c>
      <c r="AK3343">
        <v>109</v>
      </c>
      <c r="AL3343">
        <v>111</v>
      </c>
      <c r="AM3343">
        <v>112</v>
      </c>
      <c r="AN3343">
        <v>114</v>
      </c>
      <c r="AO3343">
        <v>115</v>
      </c>
      <c r="AP3343">
        <v>117</v>
      </c>
      <c r="AQ3343">
        <v>118</v>
      </c>
    </row>
    <row r="3344" spans="1:43">
      <c r="A3344" t="s">
        <v>2124</v>
      </c>
      <c r="B3344" t="s">
        <v>2125</v>
      </c>
      <c r="C3344" t="s">
        <v>2118</v>
      </c>
      <c r="D3344" t="s">
        <v>2119</v>
      </c>
      <c r="E3344" t="s">
        <v>2048</v>
      </c>
      <c r="F3344" t="s">
        <v>2049</v>
      </c>
      <c r="G3344" t="s">
        <v>80</v>
      </c>
      <c r="H3344" t="s">
        <v>81</v>
      </c>
      <c r="I3344" s="2">
        <v>0</v>
      </c>
      <c r="J3344" s="2">
        <v>1</v>
      </c>
      <c r="K3344" s="2">
        <v>0</v>
      </c>
      <c r="L3344" t="s">
        <v>82</v>
      </c>
      <c r="M3344" t="s">
        <v>89</v>
      </c>
      <c r="N3344" t="s">
        <v>90</v>
      </c>
      <c r="O3344" t="s">
        <v>85</v>
      </c>
      <c r="P3344" t="s">
        <v>86</v>
      </c>
      <c r="Q3344">
        <v>83</v>
      </c>
      <c r="R3344">
        <v>85</v>
      </c>
      <c r="S3344">
        <v>88</v>
      </c>
      <c r="T3344">
        <v>91</v>
      </c>
      <c r="U3344">
        <v>94</v>
      </c>
      <c r="V3344">
        <v>96</v>
      </c>
      <c r="W3344">
        <v>99</v>
      </c>
      <c r="X3344">
        <v>102</v>
      </c>
      <c r="Y3344">
        <v>104</v>
      </c>
      <c r="Z3344">
        <v>107</v>
      </c>
      <c r="AA3344">
        <v>110</v>
      </c>
      <c r="AB3344">
        <v>112</v>
      </c>
      <c r="AC3344">
        <v>115</v>
      </c>
      <c r="AD3344">
        <v>118</v>
      </c>
      <c r="AE3344">
        <v>120</v>
      </c>
      <c r="AF3344">
        <v>121</v>
      </c>
      <c r="AG3344">
        <v>122</v>
      </c>
      <c r="AH3344">
        <v>124</v>
      </c>
      <c r="AI3344">
        <v>125</v>
      </c>
      <c r="AJ3344">
        <v>126</v>
      </c>
      <c r="AK3344">
        <v>127</v>
      </c>
      <c r="AL3344">
        <v>128</v>
      </c>
      <c r="AM3344">
        <v>130</v>
      </c>
      <c r="AN3344">
        <v>131</v>
      </c>
      <c r="AO3344">
        <v>132</v>
      </c>
      <c r="AP3344">
        <v>133</v>
      </c>
      <c r="AQ3344">
        <v>134</v>
      </c>
    </row>
    <row r="3345" spans="1:43">
      <c r="A3345" t="s">
        <v>2124</v>
      </c>
      <c r="B3345" t="s">
        <v>2125</v>
      </c>
      <c r="C3345" t="s">
        <v>2118</v>
      </c>
      <c r="D3345" t="s">
        <v>2119</v>
      </c>
      <c r="E3345" t="s">
        <v>2048</v>
      </c>
      <c r="F3345" t="s">
        <v>2049</v>
      </c>
      <c r="G3345" t="s">
        <v>80</v>
      </c>
      <c r="H3345" t="s">
        <v>81</v>
      </c>
      <c r="I3345" s="2">
        <v>0</v>
      </c>
      <c r="J3345" s="2">
        <v>1</v>
      </c>
      <c r="K3345" s="2">
        <v>0</v>
      </c>
      <c r="L3345" t="s">
        <v>82</v>
      </c>
      <c r="M3345" t="s">
        <v>83</v>
      </c>
      <c r="N3345" t="s">
        <v>91</v>
      </c>
      <c r="O3345" t="s">
        <v>85</v>
      </c>
      <c r="P3345" t="s">
        <v>86</v>
      </c>
      <c r="Q3345">
        <v>83</v>
      </c>
      <c r="R3345">
        <v>85</v>
      </c>
      <c r="S3345">
        <v>87</v>
      </c>
      <c r="T3345">
        <v>89</v>
      </c>
      <c r="U3345">
        <v>91</v>
      </c>
      <c r="V3345">
        <v>93</v>
      </c>
      <c r="W3345">
        <v>95</v>
      </c>
      <c r="X3345">
        <v>97</v>
      </c>
      <c r="Y3345">
        <v>100</v>
      </c>
      <c r="Z3345">
        <v>102</v>
      </c>
      <c r="AA3345">
        <v>104</v>
      </c>
      <c r="AB3345">
        <v>106</v>
      </c>
      <c r="AC3345">
        <v>108</v>
      </c>
      <c r="AD3345">
        <v>111</v>
      </c>
      <c r="AE3345">
        <v>113</v>
      </c>
      <c r="AF3345">
        <v>115</v>
      </c>
      <c r="AG3345">
        <v>117</v>
      </c>
      <c r="AH3345">
        <v>120</v>
      </c>
      <c r="AI3345">
        <v>122</v>
      </c>
      <c r="AJ3345">
        <v>125</v>
      </c>
      <c r="AK3345">
        <v>127</v>
      </c>
      <c r="AL3345">
        <v>129</v>
      </c>
      <c r="AM3345">
        <v>130</v>
      </c>
      <c r="AN3345">
        <v>131</v>
      </c>
      <c r="AO3345">
        <v>132</v>
      </c>
      <c r="AP3345">
        <v>134</v>
      </c>
      <c r="AQ3345">
        <v>135</v>
      </c>
    </row>
    <row r="3346" spans="1:43">
      <c r="A3346" t="s">
        <v>2126</v>
      </c>
      <c r="B3346" t="s">
        <v>2127</v>
      </c>
      <c r="C3346" t="s">
        <v>2128</v>
      </c>
      <c r="D3346" t="s">
        <v>2129</v>
      </c>
      <c r="E3346" t="s">
        <v>2048</v>
      </c>
      <c r="F3346" t="s">
        <v>2049</v>
      </c>
      <c r="G3346" t="s">
        <v>80</v>
      </c>
      <c r="H3346" t="s">
        <v>81</v>
      </c>
      <c r="I3346" s="2">
        <v>0</v>
      </c>
      <c r="J3346" s="2">
        <v>1</v>
      </c>
      <c r="K3346" s="2">
        <v>0</v>
      </c>
      <c r="L3346" t="s">
        <v>82</v>
      </c>
      <c r="M3346" t="s">
        <v>83</v>
      </c>
      <c r="N3346" t="s">
        <v>84</v>
      </c>
      <c r="O3346" t="s">
        <v>85</v>
      </c>
      <c r="P3346" t="s">
        <v>86</v>
      </c>
      <c r="Q3346">
        <v>68</v>
      </c>
      <c r="R3346">
        <v>69</v>
      </c>
      <c r="S3346">
        <v>71</v>
      </c>
      <c r="T3346">
        <v>73</v>
      </c>
      <c r="U3346">
        <v>74</v>
      </c>
      <c r="V3346">
        <v>76</v>
      </c>
      <c r="W3346">
        <v>78</v>
      </c>
      <c r="X3346">
        <v>79</v>
      </c>
      <c r="Y3346">
        <v>81</v>
      </c>
      <c r="Z3346">
        <v>83</v>
      </c>
      <c r="AA3346">
        <v>85</v>
      </c>
      <c r="AB3346">
        <v>86</v>
      </c>
      <c r="AC3346">
        <v>88</v>
      </c>
      <c r="AD3346">
        <v>90</v>
      </c>
      <c r="AE3346">
        <v>92</v>
      </c>
      <c r="AF3346">
        <v>94</v>
      </c>
      <c r="AG3346">
        <v>96</v>
      </c>
      <c r="AH3346">
        <v>97</v>
      </c>
      <c r="AI3346">
        <v>99</v>
      </c>
      <c r="AJ3346">
        <v>101</v>
      </c>
      <c r="AK3346">
        <v>103</v>
      </c>
      <c r="AL3346">
        <v>105</v>
      </c>
      <c r="AM3346">
        <v>106</v>
      </c>
      <c r="AN3346">
        <v>107</v>
      </c>
      <c r="AO3346">
        <v>108</v>
      </c>
      <c r="AP3346">
        <v>109</v>
      </c>
      <c r="AQ3346">
        <v>110</v>
      </c>
    </row>
    <row r="3347" spans="1:43">
      <c r="A3347" t="s">
        <v>2126</v>
      </c>
      <c r="B3347" t="s">
        <v>2127</v>
      </c>
      <c r="C3347" t="s">
        <v>2128</v>
      </c>
      <c r="D3347" t="s">
        <v>2129</v>
      </c>
      <c r="E3347" t="s">
        <v>2048</v>
      </c>
      <c r="F3347" t="s">
        <v>2049</v>
      </c>
      <c r="G3347" t="s">
        <v>80</v>
      </c>
      <c r="H3347" t="s">
        <v>81</v>
      </c>
      <c r="I3347" s="2">
        <v>0</v>
      </c>
      <c r="J3347" s="2">
        <v>1</v>
      </c>
      <c r="K3347" s="2">
        <v>0</v>
      </c>
      <c r="L3347" t="s">
        <v>82</v>
      </c>
      <c r="M3347" t="s">
        <v>87</v>
      </c>
      <c r="N3347" t="s">
        <v>88</v>
      </c>
      <c r="O3347" t="s">
        <v>85</v>
      </c>
      <c r="P3347" t="s">
        <v>86</v>
      </c>
      <c r="Q3347">
        <v>68</v>
      </c>
      <c r="R3347">
        <v>69</v>
      </c>
      <c r="S3347">
        <v>70</v>
      </c>
      <c r="T3347">
        <v>71</v>
      </c>
      <c r="U3347">
        <v>72</v>
      </c>
      <c r="V3347">
        <v>73</v>
      </c>
      <c r="W3347">
        <v>74</v>
      </c>
      <c r="X3347">
        <v>75</v>
      </c>
      <c r="Y3347">
        <v>76</v>
      </c>
      <c r="Z3347">
        <v>77</v>
      </c>
      <c r="AA3347">
        <v>78</v>
      </c>
      <c r="AB3347">
        <v>79</v>
      </c>
      <c r="AC3347">
        <v>80</v>
      </c>
      <c r="AD3347">
        <v>81</v>
      </c>
      <c r="AE3347">
        <v>82</v>
      </c>
      <c r="AF3347">
        <v>83</v>
      </c>
      <c r="AG3347">
        <v>84</v>
      </c>
      <c r="AH3347">
        <v>86</v>
      </c>
      <c r="AI3347">
        <v>87</v>
      </c>
      <c r="AJ3347">
        <v>88</v>
      </c>
      <c r="AK3347">
        <v>89</v>
      </c>
      <c r="AL3347">
        <v>90</v>
      </c>
      <c r="AM3347">
        <v>91</v>
      </c>
      <c r="AN3347">
        <v>92</v>
      </c>
      <c r="AO3347">
        <v>94</v>
      </c>
      <c r="AP3347">
        <v>95</v>
      </c>
      <c r="AQ3347">
        <v>96</v>
      </c>
    </row>
    <row r="3348" spans="1:43">
      <c r="A3348" t="s">
        <v>2126</v>
      </c>
      <c r="B3348" t="s">
        <v>2127</v>
      </c>
      <c r="C3348" t="s">
        <v>2128</v>
      </c>
      <c r="D3348" t="s">
        <v>2129</v>
      </c>
      <c r="E3348" t="s">
        <v>2048</v>
      </c>
      <c r="F3348" t="s">
        <v>2049</v>
      </c>
      <c r="G3348" t="s">
        <v>80</v>
      </c>
      <c r="H3348" t="s">
        <v>81</v>
      </c>
      <c r="I3348" s="2">
        <v>0</v>
      </c>
      <c r="J3348" s="2">
        <v>1</v>
      </c>
      <c r="K3348" s="2">
        <v>0</v>
      </c>
      <c r="L3348" t="s">
        <v>82</v>
      </c>
      <c r="M3348" t="s">
        <v>89</v>
      </c>
      <c r="N3348" t="s">
        <v>90</v>
      </c>
      <c r="O3348" t="s">
        <v>85</v>
      </c>
      <c r="P3348" t="s">
        <v>86</v>
      </c>
      <c r="Q3348">
        <v>68</v>
      </c>
      <c r="R3348">
        <v>71</v>
      </c>
      <c r="S3348">
        <v>73</v>
      </c>
      <c r="T3348">
        <v>75</v>
      </c>
      <c r="U3348">
        <v>77</v>
      </c>
      <c r="V3348">
        <v>79</v>
      </c>
      <c r="W3348">
        <v>82</v>
      </c>
      <c r="X3348">
        <v>84</v>
      </c>
      <c r="Y3348">
        <v>86</v>
      </c>
      <c r="Z3348">
        <v>88</v>
      </c>
      <c r="AA3348">
        <v>90</v>
      </c>
      <c r="AB3348">
        <v>92</v>
      </c>
      <c r="AC3348">
        <v>95</v>
      </c>
      <c r="AD3348">
        <v>97</v>
      </c>
      <c r="AE3348">
        <v>99</v>
      </c>
      <c r="AF3348">
        <v>100</v>
      </c>
      <c r="AG3348">
        <v>101</v>
      </c>
      <c r="AH3348">
        <v>102</v>
      </c>
      <c r="AI3348">
        <v>102</v>
      </c>
      <c r="AJ3348">
        <v>103</v>
      </c>
      <c r="AK3348">
        <v>104</v>
      </c>
      <c r="AL3348">
        <v>105</v>
      </c>
      <c r="AM3348">
        <v>106</v>
      </c>
      <c r="AN3348">
        <v>107</v>
      </c>
      <c r="AO3348">
        <v>108</v>
      </c>
      <c r="AP3348">
        <v>109</v>
      </c>
      <c r="AQ3348">
        <v>110</v>
      </c>
    </row>
    <row r="3349" spans="1:43">
      <c r="A3349" t="s">
        <v>2126</v>
      </c>
      <c r="B3349" t="s">
        <v>2127</v>
      </c>
      <c r="C3349" t="s">
        <v>2128</v>
      </c>
      <c r="D3349" t="s">
        <v>2129</v>
      </c>
      <c r="E3349" t="s">
        <v>2048</v>
      </c>
      <c r="F3349" t="s">
        <v>2049</v>
      </c>
      <c r="G3349" t="s">
        <v>80</v>
      </c>
      <c r="H3349" t="s">
        <v>81</v>
      </c>
      <c r="I3349" s="2">
        <v>0</v>
      </c>
      <c r="J3349" s="2">
        <v>1</v>
      </c>
      <c r="K3349" s="2">
        <v>0</v>
      </c>
      <c r="L3349" t="s">
        <v>82</v>
      </c>
      <c r="M3349" t="s">
        <v>83</v>
      </c>
      <c r="N3349" t="s">
        <v>91</v>
      </c>
      <c r="O3349" t="s">
        <v>85</v>
      </c>
      <c r="P3349" t="s">
        <v>86</v>
      </c>
      <c r="Q3349">
        <v>68</v>
      </c>
      <c r="R3349">
        <v>69</v>
      </c>
      <c r="S3349">
        <v>71</v>
      </c>
      <c r="T3349">
        <v>73</v>
      </c>
      <c r="U3349">
        <v>74</v>
      </c>
      <c r="V3349">
        <v>76</v>
      </c>
      <c r="W3349">
        <v>78</v>
      </c>
      <c r="X3349">
        <v>79</v>
      </c>
      <c r="Y3349">
        <v>81</v>
      </c>
      <c r="Z3349">
        <v>83</v>
      </c>
      <c r="AA3349">
        <v>85</v>
      </c>
      <c r="AB3349">
        <v>86</v>
      </c>
      <c r="AC3349">
        <v>88</v>
      </c>
      <c r="AD3349">
        <v>90</v>
      </c>
      <c r="AE3349">
        <v>92</v>
      </c>
      <c r="AF3349">
        <v>94</v>
      </c>
      <c r="AG3349">
        <v>96</v>
      </c>
      <c r="AH3349">
        <v>97</v>
      </c>
      <c r="AI3349">
        <v>99</v>
      </c>
      <c r="AJ3349">
        <v>101</v>
      </c>
      <c r="AK3349">
        <v>103</v>
      </c>
      <c r="AL3349">
        <v>105</v>
      </c>
      <c r="AM3349">
        <v>106</v>
      </c>
      <c r="AN3349">
        <v>107</v>
      </c>
      <c r="AO3349">
        <v>108</v>
      </c>
      <c r="AP3349">
        <v>109</v>
      </c>
      <c r="AQ3349">
        <v>110</v>
      </c>
    </row>
    <row r="3350" spans="1:43">
      <c r="A3350" t="s">
        <v>2130</v>
      </c>
      <c r="B3350" t="s">
        <v>2131</v>
      </c>
      <c r="C3350" t="s">
        <v>2128</v>
      </c>
      <c r="D3350" t="s">
        <v>2129</v>
      </c>
      <c r="E3350" t="s">
        <v>2048</v>
      </c>
      <c r="F3350" t="s">
        <v>2049</v>
      </c>
      <c r="G3350" t="s">
        <v>80</v>
      </c>
      <c r="H3350" t="s">
        <v>81</v>
      </c>
      <c r="I3350" s="2">
        <v>0</v>
      </c>
      <c r="J3350" s="2">
        <v>1</v>
      </c>
      <c r="K3350" s="2">
        <v>0</v>
      </c>
      <c r="L3350" t="s">
        <v>82</v>
      </c>
      <c r="M3350" t="s">
        <v>83</v>
      </c>
      <c r="N3350" t="s">
        <v>84</v>
      </c>
      <c r="O3350" t="s">
        <v>85</v>
      </c>
      <c r="P3350" t="s">
        <v>86</v>
      </c>
      <c r="Q3350">
        <v>109</v>
      </c>
      <c r="R3350">
        <v>111</v>
      </c>
      <c r="S3350">
        <v>114</v>
      </c>
      <c r="T3350">
        <v>116</v>
      </c>
      <c r="U3350">
        <v>119</v>
      </c>
      <c r="V3350">
        <v>122</v>
      </c>
      <c r="W3350">
        <v>125</v>
      </c>
      <c r="X3350">
        <v>127</v>
      </c>
      <c r="Y3350">
        <v>130</v>
      </c>
      <c r="Z3350">
        <v>133</v>
      </c>
      <c r="AA3350">
        <v>136</v>
      </c>
      <c r="AB3350">
        <v>139</v>
      </c>
      <c r="AC3350">
        <v>142</v>
      </c>
      <c r="AD3350">
        <v>145</v>
      </c>
      <c r="AE3350">
        <v>148</v>
      </c>
      <c r="AF3350">
        <v>151</v>
      </c>
      <c r="AG3350">
        <v>154</v>
      </c>
      <c r="AH3350">
        <v>157</v>
      </c>
      <c r="AI3350">
        <v>160</v>
      </c>
      <c r="AJ3350">
        <v>163</v>
      </c>
      <c r="AK3350">
        <v>166</v>
      </c>
      <c r="AL3350">
        <v>168</v>
      </c>
      <c r="AM3350">
        <v>170</v>
      </c>
      <c r="AN3350">
        <v>172</v>
      </c>
      <c r="AO3350">
        <v>173</v>
      </c>
      <c r="AP3350">
        <v>175</v>
      </c>
      <c r="AQ3350">
        <v>176</v>
      </c>
    </row>
    <row r="3351" spans="1:43">
      <c r="A3351" t="s">
        <v>2130</v>
      </c>
      <c r="B3351" t="s">
        <v>2131</v>
      </c>
      <c r="C3351" t="s">
        <v>2128</v>
      </c>
      <c r="D3351" t="s">
        <v>2129</v>
      </c>
      <c r="E3351" t="s">
        <v>2048</v>
      </c>
      <c r="F3351" t="s">
        <v>2049</v>
      </c>
      <c r="G3351" t="s">
        <v>80</v>
      </c>
      <c r="H3351" t="s">
        <v>81</v>
      </c>
      <c r="I3351" s="2">
        <v>0</v>
      </c>
      <c r="J3351" s="2">
        <v>1</v>
      </c>
      <c r="K3351" s="2">
        <v>0</v>
      </c>
      <c r="L3351" t="s">
        <v>82</v>
      </c>
      <c r="M3351" t="s">
        <v>87</v>
      </c>
      <c r="N3351" t="s">
        <v>88</v>
      </c>
      <c r="O3351" t="s">
        <v>85</v>
      </c>
      <c r="P3351" t="s">
        <v>86</v>
      </c>
      <c r="Q3351">
        <v>109</v>
      </c>
      <c r="R3351">
        <v>110</v>
      </c>
      <c r="S3351">
        <v>112</v>
      </c>
      <c r="T3351">
        <v>113</v>
      </c>
      <c r="U3351">
        <v>115</v>
      </c>
      <c r="V3351">
        <v>116</v>
      </c>
      <c r="W3351">
        <v>118</v>
      </c>
      <c r="X3351">
        <v>120</v>
      </c>
      <c r="Y3351">
        <v>121</v>
      </c>
      <c r="Z3351">
        <v>123</v>
      </c>
      <c r="AA3351">
        <v>125</v>
      </c>
      <c r="AB3351">
        <v>126</v>
      </c>
      <c r="AC3351">
        <v>128</v>
      </c>
      <c r="AD3351">
        <v>130</v>
      </c>
      <c r="AE3351">
        <v>132</v>
      </c>
      <c r="AF3351">
        <v>133</v>
      </c>
      <c r="AG3351">
        <v>135</v>
      </c>
      <c r="AH3351">
        <v>137</v>
      </c>
      <c r="AI3351">
        <v>139</v>
      </c>
      <c r="AJ3351">
        <v>141</v>
      </c>
      <c r="AK3351">
        <v>142</v>
      </c>
      <c r="AL3351">
        <v>144</v>
      </c>
      <c r="AM3351">
        <v>146</v>
      </c>
      <c r="AN3351">
        <v>148</v>
      </c>
      <c r="AO3351">
        <v>150</v>
      </c>
      <c r="AP3351">
        <v>152</v>
      </c>
      <c r="AQ3351">
        <v>154</v>
      </c>
    </row>
    <row r="3352" spans="1:43">
      <c r="A3352" t="s">
        <v>2130</v>
      </c>
      <c r="B3352" t="s">
        <v>2131</v>
      </c>
      <c r="C3352" t="s">
        <v>2128</v>
      </c>
      <c r="D3352" t="s">
        <v>2129</v>
      </c>
      <c r="E3352" t="s">
        <v>2048</v>
      </c>
      <c r="F3352" t="s">
        <v>2049</v>
      </c>
      <c r="G3352" t="s">
        <v>80</v>
      </c>
      <c r="H3352" t="s">
        <v>81</v>
      </c>
      <c r="I3352" s="2">
        <v>0</v>
      </c>
      <c r="J3352" s="2">
        <v>1</v>
      </c>
      <c r="K3352" s="2">
        <v>0</v>
      </c>
      <c r="L3352" t="s">
        <v>82</v>
      </c>
      <c r="M3352" t="s">
        <v>89</v>
      </c>
      <c r="N3352" t="s">
        <v>90</v>
      </c>
      <c r="O3352" t="s">
        <v>85</v>
      </c>
      <c r="P3352" t="s">
        <v>86</v>
      </c>
      <c r="Q3352">
        <v>109</v>
      </c>
      <c r="R3352">
        <v>112</v>
      </c>
      <c r="S3352">
        <v>116</v>
      </c>
      <c r="T3352">
        <v>119</v>
      </c>
      <c r="U3352">
        <v>123</v>
      </c>
      <c r="V3352">
        <v>126</v>
      </c>
      <c r="W3352">
        <v>130</v>
      </c>
      <c r="X3352">
        <v>133</v>
      </c>
      <c r="Y3352">
        <v>137</v>
      </c>
      <c r="Z3352">
        <v>140</v>
      </c>
      <c r="AA3352">
        <v>144</v>
      </c>
      <c r="AB3352">
        <v>147</v>
      </c>
      <c r="AC3352">
        <v>151</v>
      </c>
      <c r="AD3352">
        <v>155</v>
      </c>
      <c r="AE3352">
        <v>158</v>
      </c>
      <c r="AF3352">
        <v>159</v>
      </c>
      <c r="AG3352">
        <v>161</v>
      </c>
      <c r="AH3352">
        <v>162</v>
      </c>
      <c r="AI3352">
        <v>164</v>
      </c>
      <c r="AJ3352">
        <v>165</v>
      </c>
      <c r="AK3352">
        <v>167</v>
      </c>
      <c r="AL3352">
        <v>168</v>
      </c>
      <c r="AM3352">
        <v>170</v>
      </c>
      <c r="AN3352">
        <v>172</v>
      </c>
      <c r="AO3352">
        <v>173</v>
      </c>
      <c r="AP3352">
        <v>175</v>
      </c>
      <c r="AQ3352">
        <v>176</v>
      </c>
    </row>
    <row r="3353" spans="1:43">
      <c r="A3353" t="s">
        <v>2130</v>
      </c>
      <c r="B3353" t="s">
        <v>2131</v>
      </c>
      <c r="C3353" t="s">
        <v>2128</v>
      </c>
      <c r="D3353" t="s">
        <v>2129</v>
      </c>
      <c r="E3353" t="s">
        <v>2048</v>
      </c>
      <c r="F3353" t="s">
        <v>2049</v>
      </c>
      <c r="G3353" t="s">
        <v>80</v>
      </c>
      <c r="H3353" t="s">
        <v>81</v>
      </c>
      <c r="I3353" s="2">
        <v>0</v>
      </c>
      <c r="J3353" s="2">
        <v>1</v>
      </c>
      <c r="K3353" s="2">
        <v>0</v>
      </c>
      <c r="L3353" t="s">
        <v>82</v>
      </c>
      <c r="M3353" t="s">
        <v>83</v>
      </c>
      <c r="N3353" t="s">
        <v>91</v>
      </c>
      <c r="O3353" t="s">
        <v>85</v>
      </c>
      <c r="P3353" t="s">
        <v>86</v>
      </c>
      <c r="Q3353">
        <v>109</v>
      </c>
      <c r="R3353">
        <v>111</v>
      </c>
      <c r="S3353">
        <v>114</v>
      </c>
      <c r="T3353">
        <v>116</v>
      </c>
      <c r="U3353">
        <v>119</v>
      </c>
      <c r="V3353">
        <v>122</v>
      </c>
      <c r="W3353">
        <v>125</v>
      </c>
      <c r="X3353">
        <v>127</v>
      </c>
      <c r="Y3353">
        <v>130</v>
      </c>
      <c r="Z3353">
        <v>133</v>
      </c>
      <c r="AA3353">
        <v>136</v>
      </c>
      <c r="AB3353">
        <v>139</v>
      </c>
      <c r="AC3353">
        <v>142</v>
      </c>
      <c r="AD3353">
        <v>145</v>
      </c>
      <c r="AE3353">
        <v>148</v>
      </c>
      <c r="AF3353">
        <v>151</v>
      </c>
      <c r="AG3353">
        <v>154</v>
      </c>
      <c r="AH3353">
        <v>157</v>
      </c>
      <c r="AI3353">
        <v>160</v>
      </c>
      <c r="AJ3353">
        <v>163</v>
      </c>
      <c r="AK3353">
        <v>166</v>
      </c>
      <c r="AL3353">
        <v>168</v>
      </c>
      <c r="AM3353">
        <v>170</v>
      </c>
      <c r="AN3353">
        <v>172</v>
      </c>
      <c r="AO3353">
        <v>173</v>
      </c>
      <c r="AP3353">
        <v>175</v>
      </c>
      <c r="AQ3353">
        <v>176</v>
      </c>
    </row>
    <row r="3354" spans="1:43">
      <c r="A3354" t="s">
        <v>2132</v>
      </c>
      <c r="B3354" t="s">
        <v>2133</v>
      </c>
      <c r="C3354" t="s">
        <v>2118</v>
      </c>
      <c r="D3354" t="s">
        <v>2119</v>
      </c>
      <c r="E3354" t="s">
        <v>2048</v>
      </c>
      <c r="F3354" t="s">
        <v>2049</v>
      </c>
      <c r="G3354" t="s">
        <v>80</v>
      </c>
      <c r="H3354" t="s">
        <v>81</v>
      </c>
      <c r="I3354" s="2">
        <v>0</v>
      </c>
      <c r="J3354" s="2">
        <v>1</v>
      </c>
      <c r="K3354" s="2">
        <v>0</v>
      </c>
      <c r="L3354" t="s">
        <v>82</v>
      </c>
      <c r="M3354" t="s">
        <v>83</v>
      </c>
      <c r="N3354" t="s">
        <v>84</v>
      </c>
      <c r="O3354" t="s">
        <v>85</v>
      </c>
      <c r="P3354" t="s">
        <v>86</v>
      </c>
      <c r="Q3354">
        <v>81</v>
      </c>
      <c r="R3354">
        <v>83</v>
      </c>
      <c r="S3354">
        <v>85</v>
      </c>
      <c r="T3354">
        <v>87</v>
      </c>
      <c r="U3354">
        <v>89</v>
      </c>
      <c r="V3354">
        <v>91</v>
      </c>
      <c r="W3354">
        <v>94</v>
      </c>
      <c r="X3354">
        <v>96</v>
      </c>
      <c r="Y3354">
        <v>98</v>
      </c>
      <c r="Z3354">
        <v>100</v>
      </c>
      <c r="AA3354">
        <v>102</v>
      </c>
      <c r="AB3354">
        <v>104</v>
      </c>
      <c r="AC3354">
        <v>107</v>
      </c>
      <c r="AD3354">
        <v>109</v>
      </c>
      <c r="AE3354">
        <v>111</v>
      </c>
      <c r="AF3354">
        <v>113</v>
      </c>
      <c r="AG3354">
        <v>116</v>
      </c>
      <c r="AH3354">
        <v>118</v>
      </c>
      <c r="AI3354">
        <v>120</v>
      </c>
      <c r="AJ3354">
        <v>123</v>
      </c>
      <c r="AK3354">
        <v>125</v>
      </c>
      <c r="AL3354">
        <v>127</v>
      </c>
      <c r="AM3354">
        <v>128</v>
      </c>
      <c r="AN3354">
        <v>129</v>
      </c>
      <c r="AO3354">
        <v>130</v>
      </c>
      <c r="AP3354">
        <v>131</v>
      </c>
      <c r="AQ3354">
        <v>133</v>
      </c>
    </row>
    <row r="3355" spans="1:43">
      <c r="A3355" t="s">
        <v>2132</v>
      </c>
      <c r="B3355" t="s">
        <v>2133</v>
      </c>
      <c r="C3355" t="s">
        <v>2118</v>
      </c>
      <c r="D3355" t="s">
        <v>2119</v>
      </c>
      <c r="E3355" t="s">
        <v>2048</v>
      </c>
      <c r="F3355" t="s">
        <v>2049</v>
      </c>
      <c r="G3355" t="s">
        <v>80</v>
      </c>
      <c r="H3355" t="s">
        <v>81</v>
      </c>
      <c r="I3355" s="2">
        <v>0</v>
      </c>
      <c r="J3355" s="2">
        <v>1</v>
      </c>
      <c r="K3355" s="2">
        <v>0</v>
      </c>
      <c r="L3355" t="s">
        <v>82</v>
      </c>
      <c r="M3355" t="s">
        <v>87</v>
      </c>
      <c r="N3355" t="s">
        <v>88</v>
      </c>
      <c r="O3355" t="s">
        <v>85</v>
      </c>
      <c r="P3355" t="s">
        <v>86</v>
      </c>
      <c r="Q3355">
        <v>81</v>
      </c>
      <c r="R3355">
        <v>82</v>
      </c>
      <c r="S3355">
        <v>83</v>
      </c>
      <c r="T3355">
        <v>84</v>
      </c>
      <c r="U3355">
        <v>85</v>
      </c>
      <c r="V3355">
        <v>87</v>
      </c>
      <c r="W3355">
        <v>88</v>
      </c>
      <c r="X3355">
        <v>89</v>
      </c>
      <c r="Y3355">
        <v>90</v>
      </c>
      <c r="Z3355">
        <v>92</v>
      </c>
      <c r="AA3355">
        <v>93</v>
      </c>
      <c r="AB3355">
        <v>94</v>
      </c>
      <c r="AC3355">
        <v>96</v>
      </c>
      <c r="AD3355">
        <v>97</v>
      </c>
      <c r="AE3355">
        <v>98</v>
      </c>
      <c r="AF3355">
        <v>100</v>
      </c>
      <c r="AG3355">
        <v>101</v>
      </c>
      <c r="AH3355">
        <v>102</v>
      </c>
      <c r="AI3355">
        <v>104</v>
      </c>
      <c r="AJ3355">
        <v>105</v>
      </c>
      <c r="AK3355">
        <v>106</v>
      </c>
      <c r="AL3355">
        <v>108</v>
      </c>
      <c r="AM3355">
        <v>109</v>
      </c>
      <c r="AN3355">
        <v>111</v>
      </c>
      <c r="AO3355">
        <v>112</v>
      </c>
      <c r="AP3355">
        <v>114</v>
      </c>
      <c r="AQ3355">
        <v>115</v>
      </c>
    </row>
    <row r="3356" spans="1:43">
      <c r="A3356" t="s">
        <v>2132</v>
      </c>
      <c r="B3356" t="s">
        <v>2133</v>
      </c>
      <c r="C3356" t="s">
        <v>2118</v>
      </c>
      <c r="D3356" t="s">
        <v>2119</v>
      </c>
      <c r="E3356" t="s">
        <v>2048</v>
      </c>
      <c r="F3356" t="s">
        <v>2049</v>
      </c>
      <c r="G3356" t="s">
        <v>80</v>
      </c>
      <c r="H3356" t="s">
        <v>81</v>
      </c>
      <c r="I3356" s="2">
        <v>0</v>
      </c>
      <c r="J3356" s="2">
        <v>1</v>
      </c>
      <c r="K3356" s="2">
        <v>0</v>
      </c>
      <c r="L3356" t="s">
        <v>82</v>
      </c>
      <c r="M3356" t="s">
        <v>89</v>
      </c>
      <c r="N3356" t="s">
        <v>90</v>
      </c>
      <c r="O3356" t="s">
        <v>85</v>
      </c>
      <c r="P3356" t="s">
        <v>86</v>
      </c>
      <c r="Q3356">
        <v>81</v>
      </c>
      <c r="R3356">
        <v>84</v>
      </c>
      <c r="S3356">
        <v>86</v>
      </c>
      <c r="T3356">
        <v>89</v>
      </c>
      <c r="U3356">
        <v>92</v>
      </c>
      <c r="V3356">
        <v>95</v>
      </c>
      <c r="W3356">
        <v>97</v>
      </c>
      <c r="X3356">
        <v>100</v>
      </c>
      <c r="Y3356">
        <v>103</v>
      </c>
      <c r="Z3356">
        <v>105</v>
      </c>
      <c r="AA3356">
        <v>108</v>
      </c>
      <c r="AB3356">
        <v>110</v>
      </c>
      <c r="AC3356">
        <v>113</v>
      </c>
      <c r="AD3356">
        <v>116</v>
      </c>
      <c r="AE3356">
        <v>118</v>
      </c>
      <c r="AF3356">
        <v>119</v>
      </c>
      <c r="AG3356">
        <v>120</v>
      </c>
      <c r="AH3356">
        <v>122</v>
      </c>
      <c r="AI3356">
        <v>123</v>
      </c>
      <c r="AJ3356">
        <v>124</v>
      </c>
      <c r="AK3356">
        <v>125</v>
      </c>
      <c r="AL3356">
        <v>126</v>
      </c>
      <c r="AM3356">
        <v>127</v>
      </c>
      <c r="AN3356">
        <v>129</v>
      </c>
      <c r="AO3356">
        <v>130</v>
      </c>
      <c r="AP3356">
        <v>131</v>
      </c>
      <c r="AQ3356">
        <v>132</v>
      </c>
    </row>
    <row r="3357" spans="1:43">
      <c r="A3357" t="s">
        <v>2132</v>
      </c>
      <c r="B3357" t="s">
        <v>2133</v>
      </c>
      <c r="C3357" t="s">
        <v>2118</v>
      </c>
      <c r="D3357" t="s">
        <v>2119</v>
      </c>
      <c r="E3357" t="s">
        <v>2048</v>
      </c>
      <c r="F3357" t="s">
        <v>2049</v>
      </c>
      <c r="G3357" t="s">
        <v>80</v>
      </c>
      <c r="H3357" t="s">
        <v>81</v>
      </c>
      <c r="I3357" s="2">
        <v>0</v>
      </c>
      <c r="J3357" s="2">
        <v>1</v>
      </c>
      <c r="K3357" s="2">
        <v>0</v>
      </c>
      <c r="L3357" t="s">
        <v>82</v>
      </c>
      <c r="M3357" t="s">
        <v>83</v>
      </c>
      <c r="N3357" t="s">
        <v>91</v>
      </c>
      <c r="O3357" t="s">
        <v>85</v>
      </c>
      <c r="P3357" t="s">
        <v>86</v>
      </c>
      <c r="Q3357">
        <v>81</v>
      </c>
      <c r="R3357">
        <v>83</v>
      </c>
      <c r="S3357">
        <v>85</v>
      </c>
      <c r="T3357">
        <v>87</v>
      </c>
      <c r="U3357">
        <v>89</v>
      </c>
      <c r="V3357">
        <v>91</v>
      </c>
      <c r="W3357">
        <v>94</v>
      </c>
      <c r="X3357">
        <v>96</v>
      </c>
      <c r="Y3357">
        <v>98</v>
      </c>
      <c r="Z3357">
        <v>100</v>
      </c>
      <c r="AA3357">
        <v>102</v>
      </c>
      <c r="AB3357">
        <v>104</v>
      </c>
      <c r="AC3357">
        <v>107</v>
      </c>
      <c r="AD3357">
        <v>109</v>
      </c>
      <c r="AE3357">
        <v>111</v>
      </c>
      <c r="AF3357">
        <v>113</v>
      </c>
      <c r="AG3357">
        <v>116</v>
      </c>
      <c r="AH3357">
        <v>118</v>
      </c>
      <c r="AI3357">
        <v>120</v>
      </c>
      <c r="AJ3357">
        <v>123</v>
      </c>
      <c r="AK3357">
        <v>125</v>
      </c>
      <c r="AL3357">
        <v>127</v>
      </c>
      <c r="AM3357">
        <v>128</v>
      </c>
      <c r="AN3357">
        <v>129</v>
      </c>
      <c r="AO3357">
        <v>130</v>
      </c>
      <c r="AP3357">
        <v>131</v>
      </c>
      <c r="AQ3357">
        <v>133</v>
      </c>
    </row>
    <row r="3358" spans="1:43">
      <c r="A3358" t="s">
        <v>2134</v>
      </c>
      <c r="B3358" t="s">
        <v>2135</v>
      </c>
      <c r="C3358" t="s">
        <v>2136</v>
      </c>
      <c r="D3358" t="s">
        <v>2137</v>
      </c>
      <c r="E3358" t="s">
        <v>2048</v>
      </c>
      <c r="F3358" t="s">
        <v>2049</v>
      </c>
      <c r="G3358" t="s">
        <v>80</v>
      </c>
      <c r="H3358" t="s">
        <v>81</v>
      </c>
      <c r="I3358" s="2">
        <v>0</v>
      </c>
      <c r="J3358" s="2">
        <v>1</v>
      </c>
      <c r="K3358" s="2">
        <v>0</v>
      </c>
      <c r="L3358" t="s">
        <v>82</v>
      </c>
      <c r="M3358" t="s">
        <v>83</v>
      </c>
      <c r="N3358" t="s">
        <v>84</v>
      </c>
      <c r="O3358" t="s">
        <v>85</v>
      </c>
      <c r="P3358" t="s">
        <v>86</v>
      </c>
      <c r="Q3358">
        <v>107</v>
      </c>
      <c r="R3358">
        <v>109</v>
      </c>
      <c r="S3358">
        <v>112</v>
      </c>
      <c r="T3358">
        <v>115</v>
      </c>
      <c r="U3358">
        <v>117</v>
      </c>
      <c r="V3358">
        <v>120</v>
      </c>
      <c r="W3358">
        <v>123</v>
      </c>
      <c r="X3358">
        <v>126</v>
      </c>
      <c r="Y3358">
        <v>129</v>
      </c>
      <c r="Z3358">
        <v>131</v>
      </c>
      <c r="AA3358">
        <v>134</v>
      </c>
      <c r="AB3358">
        <v>137</v>
      </c>
      <c r="AC3358">
        <v>140</v>
      </c>
      <c r="AD3358">
        <v>143</v>
      </c>
      <c r="AE3358">
        <v>146</v>
      </c>
      <c r="AF3358">
        <v>149</v>
      </c>
      <c r="AG3358">
        <v>152</v>
      </c>
      <c r="AH3358">
        <v>155</v>
      </c>
      <c r="AI3358">
        <v>159</v>
      </c>
      <c r="AJ3358">
        <v>162</v>
      </c>
      <c r="AK3358">
        <v>165</v>
      </c>
      <c r="AL3358">
        <v>167</v>
      </c>
      <c r="AM3358">
        <v>169</v>
      </c>
      <c r="AN3358">
        <v>170</v>
      </c>
      <c r="AO3358">
        <v>172</v>
      </c>
      <c r="AP3358">
        <v>173</v>
      </c>
      <c r="AQ3358">
        <v>175</v>
      </c>
    </row>
    <row r="3359" spans="1:43">
      <c r="A3359" t="s">
        <v>2134</v>
      </c>
      <c r="B3359" t="s">
        <v>2135</v>
      </c>
      <c r="C3359" t="s">
        <v>2136</v>
      </c>
      <c r="D3359" t="s">
        <v>2137</v>
      </c>
      <c r="E3359" t="s">
        <v>2048</v>
      </c>
      <c r="F3359" t="s">
        <v>2049</v>
      </c>
      <c r="G3359" t="s">
        <v>80</v>
      </c>
      <c r="H3359" t="s">
        <v>81</v>
      </c>
      <c r="I3359" s="2">
        <v>0</v>
      </c>
      <c r="J3359" s="2">
        <v>1</v>
      </c>
      <c r="K3359" s="2">
        <v>0</v>
      </c>
      <c r="L3359" t="s">
        <v>82</v>
      </c>
      <c r="M3359" t="s">
        <v>87</v>
      </c>
      <c r="N3359" t="s">
        <v>88</v>
      </c>
      <c r="O3359" t="s">
        <v>85</v>
      </c>
      <c r="P3359" t="s">
        <v>86</v>
      </c>
      <c r="Q3359">
        <v>107</v>
      </c>
      <c r="R3359">
        <v>108</v>
      </c>
      <c r="S3359">
        <v>110</v>
      </c>
      <c r="T3359">
        <v>111</v>
      </c>
      <c r="U3359">
        <v>113</v>
      </c>
      <c r="V3359">
        <v>115</v>
      </c>
      <c r="W3359">
        <v>116</v>
      </c>
      <c r="X3359">
        <v>118</v>
      </c>
      <c r="Y3359">
        <v>120</v>
      </c>
      <c r="Z3359">
        <v>122</v>
      </c>
      <c r="AA3359">
        <v>123</v>
      </c>
      <c r="AB3359">
        <v>125</v>
      </c>
      <c r="AC3359">
        <v>127</v>
      </c>
      <c r="AD3359">
        <v>129</v>
      </c>
      <c r="AE3359">
        <v>130</v>
      </c>
      <c r="AF3359">
        <v>132</v>
      </c>
      <c r="AG3359">
        <v>134</v>
      </c>
      <c r="AH3359">
        <v>136</v>
      </c>
      <c r="AI3359">
        <v>138</v>
      </c>
      <c r="AJ3359">
        <v>140</v>
      </c>
      <c r="AK3359">
        <v>141</v>
      </c>
      <c r="AL3359">
        <v>143</v>
      </c>
      <c r="AM3359">
        <v>145</v>
      </c>
      <c r="AN3359">
        <v>147</v>
      </c>
      <c r="AO3359">
        <v>149</v>
      </c>
      <c r="AP3359">
        <v>151</v>
      </c>
      <c r="AQ3359">
        <v>153</v>
      </c>
    </row>
    <row r="3360" spans="1:43">
      <c r="A3360" t="s">
        <v>2134</v>
      </c>
      <c r="B3360" t="s">
        <v>2135</v>
      </c>
      <c r="C3360" t="s">
        <v>2136</v>
      </c>
      <c r="D3360" t="s">
        <v>2137</v>
      </c>
      <c r="E3360" t="s">
        <v>2048</v>
      </c>
      <c r="F3360" t="s">
        <v>2049</v>
      </c>
      <c r="G3360" t="s">
        <v>80</v>
      </c>
      <c r="H3360" t="s">
        <v>81</v>
      </c>
      <c r="I3360" s="2">
        <v>0</v>
      </c>
      <c r="J3360" s="2">
        <v>1</v>
      </c>
      <c r="K3360" s="2">
        <v>0</v>
      </c>
      <c r="L3360" t="s">
        <v>82</v>
      </c>
      <c r="M3360" t="s">
        <v>89</v>
      </c>
      <c r="N3360" t="s">
        <v>90</v>
      </c>
      <c r="O3360" t="s">
        <v>85</v>
      </c>
      <c r="P3360" t="s">
        <v>86</v>
      </c>
      <c r="Q3360">
        <v>107</v>
      </c>
      <c r="R3360">
        <v>110</v>
      </c>
      <c r="S3360">
        <v>114</v>
      </c>
      <c r="T3360">
        <v>117</v>
      </c>
      <c r="U3360">
        <v>121</v>
      </c>
      <c r="V3360">
        <v>125</v>
      </c>
      <c r="W3360">
        <v>128</v>
      </c>
      <c r="X3360">
        <v>132</v>
      </c>
      <c r="Y3360">
        <v>135</v>
      </c>
      <c r="Z3360">
        <v>139</v>
      </c>
      <c r="AA3360">
        <v>142</v>
      </c>
      <c r="AB3360">
        <v>146</v>
      </c>
      <c r="AC3360">
        <v>150</v>
      </c>
      <c r="AD3360">
        <v>153</v>
      </c>
      <c r="AE3360">
        <v>156</v>
      </c>
      <c r="AF3360">
        <v>158</v>
      </c>
      <c r="AG3360">
        <v>159</v>
      </c>
      <c r="AH3360">
        <v>161</v>
      </c>
      <c r="AI3360">
        <v>162</v>
      </c>
      <c r="AJ3360">
        <v>164</v>
      </c>
      <c r="AK3360">
        <v>165</v>
      </c>
      <c r="AL3360">
        <v>167</v>
      </c>
      <c r="AM3360">
        <v>168</v>
      </c>
      <c r="AN3360">
        <v>170</v>
      </c>
      <c r="AO3360">
        <v>171</v>
      </c>
      <c r="AP3360">
        <v>173</v>
      </c>
      <c r="AQ3360">
        <v>175</v>
      </c>
    </row>
    <row r="3361" spans="1:43">
      <c r="A3361" t="s">
        <v>2134</v>
      </c>
      <c r="B3361" t="s">
        <v>2135</v>
      </c>
      <c r="C3361" t="s">
        <v>2136</v>
      </c>
      <c r="D3361" t="s">
        <v>2137</v>
      </c>
      <c r="E3361" t="s">
        <v>2048</v>
      </c>
      <c r="F3361" t="s">
        <v>2049</v>
      </c>
      <c r="G3361" t="s">
        <v>80</v>
      </c>
      <c r="H3361" t="s">
        <v>81</v>
      </c>
      <c r="I3361" s="2">
        <v>0</v>
      </c>
      <c r="J3361" s="2">
        <v>1</v>
      </c>
      <c r="K3361" s="2">
        <v>0</v>
      </c>
      <c r="L3361" t="s">
        <v>82</v>
      </c>
      <c r="M3361" t="s">
        <v>83</v>
      </c>
      <c r="N3361" t="s">
        <v>91</v>
      </c>
      <c r="O3361" t="s">
        <v>85</v>
      </c>
      <c r="P3361" t="s">
        <v>86</v>
      </c>
      <c r="Q3361">
        <v>107</v>
      </c>
      <c r="R3361">
        <v>109</v>
      </c>
      <c r="S3361">
        <v>112</v>
      </c>
      <c r="T3361">
        <v>115</v>
      </c>
      <c r="U3361">
        <v>117</v>
      </c>
      <c r="V3361">
        <v>120</v>
      </c>
      <c r="W3361">
        <v>123</v>
      </c>
      <c r="X3361">
        <v>126</v>
      </c>
      <c r="Y3361">
        <v>129</v>
      </c>
      <c r="Z3361">
        <v>131</v>
      </c>
      <c r="AA3361">
        <v>134</v>
      </c>
      <c r="AB3361">
        <v>137</v>
      </c>
      <c r="AC3361">
        <v>140</v>
      </c>
      <c r="AD3361">
        <v>143</v>
      </c>
      <c r="AE3361">
        <v>146</v>
      </c>
      <c r="AF3361">
        <v>149</v>
      </c>
      <c r="AG3361">
        <v>152</v>
      </c>
      <c r="AH3361">
        <v>155</v>
      </c>
      <c r="AI3361">
        <v>159</v>
      </c>
      <c r="AJ3361">
        <v>162</v>
      </c>
      <c r="AK3361">
        <v>165</v>
      </c>
      <c r="AL3361">
        <v>167</v>
      </c>
      <c r="AM3361">
        <v>169</v>
      </c>
      <c r="AN3361">
        <v>170</v>
      </c>
      <c r="AO3361">
        <v>172</v>
      </c>
      <c r="AP3361">
        <v>173</v>
      </c>
      <c r="AQ3361">
        <v>175</v>
      </c>
    </row>
    <row r="3362" spans="1:43">
      <c r="A3362" t="s">
        <v>2138</v>
      </c>
      <c r="B3362" t="s">
        <v>2139</v>
      </c>
      <c r="C3362" t="s">
        <v>2136</v>
      </c>
      <c r="D3362" t="s">
        <v>2137</v>
      </c>
      <c r="E3362" t="s">
        <v>2048</v>
      </c>
      <c r="F3362" t="s">
        <v>2049</v>
      </c>
      <c r="G3362" t="s">
        <v>80</v>
      </c>
      <c r="H3362" t="s">
        <v>81</v>
      </c>
      <c r="I3362" s="2">
        <v>0</v>
      </c>
      <c r="J3362" s="2">
        <v>1</v>
      </c>
      <c r="K3362" s="2">
        <v>0</v>
      </c>
      <c r="L3362" t="s">
        <v>82</v>
      </c>
      <c r="M3362" t="s">
        <v>83</v>
      </c>
      <c r="N3362" t="s">
        <v>84</v>
      </c>
      <c r="O3362" t="s">
        <v>85</v>
      </c>
      <c r="P3362" t="s">
        <v>86</v>
      </c>
      <c r="Q3362">
        <v>98</v>
      </c>
      <c r="R3362">
        <v>101</v>
      </c>
      <c r="S3362">
        <v>103</v>
      </c>
      <c r="T3362">
        <v>105</v>
      </c>
      <c r="U3362">
        <v>108</v>
      </c>
      <c r="V3362">
        <v>110</v>
      </c>
      <c r="W3362">
        <v>113</v>
      </c>
      <c r="X3362">
        <v>115</v>
      </c>
      <c r="Y3362">
        <v>118</v>
      </c>
      <c r="Z3362">
        <v>120</v>
      </c>
      <c r="AA3362">
        <v>123</v>
      </c>
      <c r="AB3362">
        <v>125</v>
      </c>
      <c r="AC3362">
        <v>128</v>
      </c>
      <c r="AD3362">
        <v>131</v>
      </c>
      <c r="AE3362">
        <v>133</v>
      </c>
      <c r="AF3362">
        <v>136</v>
      </c>
      <c r="AG3362">
        <v>139</v>
      </c>
      <c r="AH3362">
        <v>141</v>
      </c>
      <c r="AI3362">
        <v>144</v>
      </c>
      <c r="AJ3362">
        <v>147</v>
      </c>
      <c r="AK3362">
        <v>150</v>
      </c>
      <c r="AL3362">
        <v>152</v>
      </c>
      <c r="AM3362">
        <v>153</v>
      </c>
      <c r="AN3362">
        <v>154</v>
      </c>
      <c r="AO3362">
        <v>156</v>
      </c>
      <c r="AP3362">
        <v>157</v>
      </c>
      <c r="AQ3362">
        <v>159</v>
      </c>
    </row>
    <row r="3363" spans="1:43">
      <c r="A3363" t="s">
        <v>2138</v>
      </c>
      <c r="B3363" t="s">
        <v>2139</v>
      </c>
      <c r="C3363" t="s">
        <v>2136</v>
      </c>
      <c r="D3363" t="s">
        <v>2137</v>
      </c>
      <c r="E3363" t="s">
        <v>2048</v>
      </c>
      <c r="F3363" t="s">
        <v>2049</v>
      </c>
      <c r="G3363" t="s">
        <v>80</v>
      </c>
      <c r="H3363" t="s">
        <v>81</v>
      </c>
      <c r="I3363" s="2">
        <v>0</v>
      </c>
      <c r="J3363" s="2">
        <v>1</v>
      </c>
      <c r="K3363" s="2">
        <v>0</v>
      </c>
      <c r="L3363" t="s">
        <v>82</v>
      </c>
      <c r="M3363" t="s">
        <v>87</v>
      </c>
      <c r="N3363" t="s">
        <v>88</v>
      </c>
      <c r="O3363" t="s">
        <v>85</v>
      </c>
      <c r="P3363" t="s">
        <v>86</v>
      </c>
      <c r="Q3363">
        <v>98</v>
      </c>
      <c r="R3363">
        <v>99</v>
      </c>
      <c r="S3363">
        <v>100</v>
      </c>
      <c r="T3363">
        <v>102</v>
      </c>
      <c r="U3363">
        <v>103</v>
      </c>
      <c r="V3363">
        <v>105</v>
      </c>
      <c r="W3363">
        <v>106</v>
      </c>
      <c r="X3363">
        <v>107</v>
      </c>
      <c r="Y3363">
        <v>109</v>
      </c>
      <c r="Z3363">
        <v>110</v>
      </c>
      <c r="AA3363">
        <v>112</v>
      </c>
      <c r="AB3363">
        <v>113</v>
      </c>
      <c r="AC3363">
        <v>115</v>
      </c>
      <c r="AD3363">
        <v>116</v>
      </c>
      <c r="AE3363">
        <v>118</v>
      </c>
      <c r="AF3363">
        <v>120</v>
      </c>
      <c r="AG3363">
        <v>121</v>
      </c>
      <c r="AH3363">
        <v>123</v>
      </c>
      <c r="AI3363">
        <v>124</v>
      </c>
      <c r="AJ3363">
        <v>126</v>
      </c>
      <c r="AK3363">
        <v>128</v>
      </c>
      <c r="AL3363">
        <v>129</v>
      </c>
      <c r="AM3363">
        <v>131</v>
      </c>
      <c r="AN3363">
        <v>133</v>
      </c>
      <c r="AO3363">
        <v>134</v>
      </c>
      <c r="AP3363">
        <v>136</v>
      </c>
      <c r="AQ3363">
        <v>138</v>
      </c>
    </row>
    <row r="3364" spans="1:43">
      <c r="A3364" t="s">
        <v>2138</v>
      </c>
      <c r="B3364" t="s">
        <v>2139</v>
      </c>
      <c r="C3364" t="s">
        <v>2136</v>
      </c>
      <c r="D3364" t="s">
        <v>2137</v>
      </c>
      <c r="E3364" t="s">
        <v>2048</v>
      </c>
      <c r="F3364" t="s">
        <v>2049</v>
      </c>
      <c r="G3364" t="s">
        <v>80</v>
      </c>
      <c r="H3364" t="s">
        <v>81</v>
      </c>
      <c r="I3364" s="2">
        <v>0</v>
      </c>
      <c r="J3364" s="2">
        <v>1</v>
      </c>
      <c r="K3364" s="2">
        <v>0</v>
      </c>
      <c r="L3364" t="s">
        <v>82</v>
      </c>
      <c r="M3364" t="s">
        <v>89</v>
      </c>
      <c r="N3364" t="s">
        <v>90</v>
      </c>
      <c r="O3364" t="s">
        <v>85</v>
      </c>
      <c r="P3364" t="s">
        <v>86</v>
      </c>
      <c r="Q3364">
        <v>98</v>
      </c>
      <c r="R3364">
        <v>102</v>
      </c>
      <c r="S3364">
        <v>105</v>
      </c>
      <c r="T3364">
        <v>108</v>
      </c>
      <c r="U3364">
        <v>111</v>
      </c>
      <c r="V3364">
        <v>114</v>
      </c>
      <c r="W3364">
        <v>118</v>
      </c>
      <c r="X3364">
        <v>121</v>
      </c>
      <c r="Y3364">
        <v>124</v>
      </c>
      <c r="Z3364">
        <v>127</v>
      </c>
      <c r="AA3364">
        <v>130</v>
      </c>
      <c r="AB3364">
        <v>133</v>
      </c>
      <c r="AC3364">
        <v>136</v>
      </c>
      <c r="AD3364">
        <v>139</v>
      </c>
      <c r="AE3364">
        <v>142</v>
      </c>
      <c r="AF3364">
        <v>143</v>
      </c>
      <c r="AG3364">
        <v>145</v>
      </c>
      <c r="AH3364">
        <v>146</v>
      </c>
      <c r="AI3364">
        <v>148</v>
      </c>
      <c r="AJ3364">
        <v>149</v>
      </c>
      <c r="AK3364">
        <v>150</v>
      </c>
      <c r="AL3364">
        <v>152</v>
      </c>
      <c r="AM3364">
        <v>153</v>
      </c>
      <c r="AN3364">
        <v>155</v>
      </c>
      <c r="AO3364">
        <v>156</v>
      </c>
      <c r="AP3364">
        <v>157</v>
      </c>
      <c r="AQ3364">
        <v>159</v>
      </c>
    </row>
    <row r="3365" spans="1:43">
      <c r="A3365" t="s">
        <v>2138</v>
      </c>
      <c r="B3365" t="s">
        <v>2139</v>
      </c>
      <c r="C3365" t="s">
        <v>2136</v>
      </c>
      <c r="D3365" t="s">
        <v>2137</v>
      </c>
      <c r="E3365" t="s">
        <v>2048</v>
      </c>
      <c r="F3365" t="s">
        <v>2049</v>
      </c>
      <c r="G3365" t="s">
        <v>80</v>
      </c>
      <c r="H3365" t="s">
        <v>81</v>
      </c>
      <c r="I3365" s="2">
        <v>0</v>
      </c>
      <c r="J3365" s="2">
        <v>1</v>
      </c>
      <c r="K3365" s="2">
        <v>0</v>
      </c>
      <c r="L3365" t="s">
        <v>82</v>
      </c>
      <c r="M3365" t="s">
        <v>83</v>
      </c>
      <c r="N3365" t="s">
        <v>91</v>
      </c>
      <c r="O3365" t="s">
        <v>85</v>
      </c>
      <c r="P3365" t="s">
        <v>86</v>
      </c>
      <c r="Q3365">
        <v>98</v>
      </c>
      <c r="R3365">
        <v>101</v>
      </c>
      <c r="S3365">
        <v>103</v>
      </c>
      <c r="T3365">
        <v>105</v>
      </c>
      <c r="U3365">
        <v>108</v>
      </c>
      <c r="V3365">
        <v>110</v>
      </c>
      <c r="W3365">
        <v>113</v>
      </c>
      <c r="X3365">
        <v>115</v>
      </c>
      <c r="Y3365">
        <v>118</v>
      </c>
      <c r="Z3365">
        <v>120</v>
      </c>
      <c r="AA3365">
        <v>123</v>
      </c>
      <c r="AB3365">
        <v>125</v>
      </c>
      <c r="AC3365">
        <v>128</v>
      </c>
      <c r="AD3365">
        <v>131</v>
      </c>
      <c r="AE3365">
        <v>133</v>
      </c>
      <c r="AF3365">
        <v>136</v>
      </c>
      <c r="AG3365">
        <v>139</v>
      </c>
      <c r="AH3365">
        <v>141</v>
      </c>
      <c r="AI3365">
        <v>144</v>
      </c>
      <c r="AJ3365">
        <v>147</v>
      </c>
      <c r="AK3365">
        <v>150</v>
      </c>
      <c r="AL3365">
        <v>152</v>
      </c>
      <c r="AM3365">
        <v>153</v>
      </c>
      <c r="AN3365">
        <v>154</v>
      </c>
      <c r="AO3365">
        <v>156</v>
      </c>
      <c r="AP3365">
        <v>157</v>
      </c>
      <c r="AQ3365">
        <v>159</v>
      </c>
    </row>
    <row r="3366" spans="1:43">
      <c r="A3366" t="s">
        <v>2140</v>
      </c>
      <c r="B3366" t="s">
        <v>2141</v>
      </c>
      <c r="C3366" t="s">
        <v>2136</v>
      </c>
      <c r="D3366" t="s">
        <v>2137</v>
      </c>
      <c r="E3366" t="s">
        <v>2048</v>
      </c>
      <c r="F3366" t="s">
        <v>2049</v>
      </c>
      <c r="G3366" t="s">
        <v>80</v>
      </c>
      <c r="H3366" t="s">
        <v>81</v>
      </c>
      <c r="I3366" s="2">
        <v>0</v>
      </c>
      <c r="J3366" s="2">
        <v>1</v>
      </c>
      <c r="K3366" s="2">
        <v>0</v>
      </c>
      <c r="L3366" t="s">
        <v>82</v>
      </c>
      <c r="M3366" t="s">
        <v>83</v>
      </c>
      <c r="N3366" t="s">
        <v>84</v>
      </c>
      <c r="O3366" t="s">
        <v>85</v>
      </c>
      <c r="P3366" t="s">
        <v>86</v>
      </c>
      <c r="Q3366">
        <v>37</v>
      </c>
      <c r="R3366">
        <v>38</v>
      </c>
      <c r="S3366">
        <v>39</v>
      </c>
      <c r="T3366">
        <v>40</v>
      </c>
      <c r="U3366">
        <v>41</v>
      </c>
      <c r="V3366">
        <v>42</v>
      </c>
      <c r="W3366">
        <v>43</v>
      </c>
      <c r="X3366">
        <v>44</v>
      </c>
      <c r="Y3366">
        <v>45</v>
      </c>
      <c r="Z3366">
        <v>46</v>
      </c>
      <c r="AA3366">
        <v>47</v>
      </c>
      <c r="AB3366">
        <v>48</v>
      </c>
      <c r="AC3366">
        <v>49</v>
      </c>
      <c r="AD3366">
        <v>50</v>
      </c>
      <c r="AE3366">
        <v>51</v>
      </c>
      <c r="AF3366">
        <v>52</v>
      </c>
      <c r="AG3366">
        <v>53</v>
      </c>
      <c r="AH3366">
        <v>54</v>
      </c>
      <c r="AI3366">
        <v>55</v>
      </c>
      <c r="AJ3366">
        <v>56</v>
      </c>
      <c r="AK3366">
        <v>57</v>
      </c>
      <c r="AL3366">
        <v>58</v>
      </c>
      <c r="AM3366">
        <v>58</v>
      </c>
      <c r="AN3366">
        <v>59</v>
      </c>
      <c r="AO3366">
        <v>60</v>
      </c>
      <c r="AP3366">
        <v>60</v>
      </c>
      <c r="AQ3366">
        <v>61</v>
      </c>
    </row>
    <row r="3367" spans="1:43">
      <c r="A3367" t="s">
        <v>2140</v>
      </c>
      <c r="B3367" t="s">
        <v>2141</v>
      </c>
      <c r="C3367" t="s">
        <v>2136</v>
      </c>
      <c r="D3367" t="s">
        <v>2137</v>
      </c>
      <c r="E3367" t="s">
        <v>2048</v>
      </c>
      <c r="F3367" t="s">
        <v>2049</v>
      </c>
      <c r="G3367" t="s">
        <v>80</v>
      </c>
      <c r="H3367" t="s">
        <v>81</v>
      </c>
      <c r="I3367" s="2">
        <v>0</v>
      </c>
      <c r="J3367" s="2">
        <v>1</v>
      </c>
      <c r="K3367" s="2">
        <v>0</v>
      </c>
      <c r="L3367" t="s">
        <v>82</v>
      </c>
      <c r="M3367" t="s">
        <v>87</v>
      </c>
      <c r="N3367" t="s">
        <v>88</v>
      </c>
      <c r="O3367" t="s">
        <v>85</v>
      </c>
      <c r="P3367" t="s">
        <v>86</v>
      </c>
      <c r="Q3367">
        <v>37</v>
      </c>
      <c r="R3367">
        <v>37</v>
      </c>
      <c r="S3367">
        <v>38</v>
      </c>
      <c r="T3367">
        <v>39</v>
      </c>
      <c r="U3367">
        <v>39</v>
      </c>
      <c r="V3367">
        <v>40</v>
      </c>
      <c r="W3367">
        <v>40</v>
      </c>
      <c r="X3367">
        <v>41</v>
      </c>
      <c r="Y3367">
        <v>41</v>
      </c>
      <c r="Z3367">
        <v>42</v>
      </c>
      <c r="AA3367">
        <v>43</v>
      </c>
      <c r="AB3367">
        <v>43</v>
      </c>
      <c r="AC3367">
        <v>44</v>
      </c>
      <c r="AD3367">
        <v>44</v>
      </c>
      <c r="AE3367">
        <v>45</v>
      </c>
      <c r="AF3367">
        <v>46</v>
      </c>
      <c r="AG3367">
        <v>46</v>
      </c>
      <c r="AH3367">
        <v>47</v>
      </c>
      <c r="AI3367">
        <v>47</v>
      </c>
      <c r="AJ3367">
        <v>48</v>
      </c>
      <c r="AK3367">
        <v>49</v>
      </c>
      <c r="AL3367">
        <v>49</v>
      </c>
      <c r="AM3367">
        <v>50</v>
      </c>
      <c r="AN3367">
        <v>51</v>
      </c>
      <c r="AO3367">
        <v>51</v>
      </c>
      <c r="AP3367">
        <v>52</v>
      </c>
      <c r="AQ3367">
        <v>53</v>
      </c>
    </row>
    <row r="3368" spans="1:43">
      <c r="A3368" t="s">
        <v>2140</v>
      </c>
      <c r="B3368" t="s">
        <v>2141</v>
      </c>
      <c r="C3368" t="s">
        <v>2136</v>
      </c>
      <c r="D3368" t="s">
        <v>2137</v>
      </c>
      <c r="E3368" t="s">
        <v>2048</v>
      </c>
      <c r="F3368" t="s">
        <v>2049</v>
      </c>
      <c r="G3368" t="s">
        <v>80</v>
      </c>
      <c r="H3368" t="s">
        <v>81</v>
      </c>
      <c r="I3368" s="2">
        <v>0</v>
      </c>
      <c r="J3368" s="2">
        <v>1</v>
      </c>
      <c r="K3368" s="2">
        <v>0</v>
      </c>
      <c r="L3368" t="s">
        <v>82</v>
      </c>
      <c r="M3368" t="s">
        <v>89</v>
      </c>
      <c r="N3368" t="s">
        <v>90</v>
      </c>
      <c r="O3368" t="s">
        <v>85</v>
      </c>
      <c r="P3368" t="s">
        <v>86</v>
      </c>
      <c r="Q3368">
        <v>37</v>
      </c>
      <c r="R3368">
        <v>38</v>
      </c>
      <c r="S3368">
        <v>39</v>
      </c>
      <c r="T3368">
        <v>40</v>
      </c>
      <c r="U3368">
        <v>42</v>
      </c>
      <c r="V3368">
        <v>43</v>
      </c>
      <c r="W3368">
        <v>44</v>
      </c>
      <c r="X3368">
        <v>45</v>
      </c>
      <c r="Y3368">
        <v>46</v>
      </c>
      <c r="Z3368">
        <v>48</v>
      </c>
      <c r="AA3368">
        <v>49</v>
      </c>
      <c r="AB3368">
        <v>50</v>
      </c>
      <c r="AC3368">
        <v>51</v>
      </c>
      <c r="AD3368">
        <v>53</v>
      </c>
      <c r="AE3368">
        <v>53</v>
      </c>
      <c r="AF3368">
        <v>54</v>
      </c>
      <c r="AG3368">
        <v>55</v>
      </c>
      <c r="AH3368">
        <v>55</v>
      </c>
      <c r="AI3368">
        <v>56</v>
      </c>
      <c r="AJ3368">
        <v>56</v>
      </c>
      <c r="AK3368">
        <v>57</v>
      </c>
      <c r="AL3368">
        <v>57</v>
      </c>
      <c r="AM3368">
        <v>58</v>
      </c>
      <c r="AN3368">
        <v>58</v>
      </c>
      <c r="AO3368">
        <v>59</v>
      </c>
      <c r="AP3368">
        <v>59</v>
      </c>
      <c r="AQ3368">
        <v>60</v>
      </c>
    </row>
    <row r="3369" spans="1:43">
      <c r="A3369" t="s">
        <v>2140</v>
      </c>
      <c r="B3369" t="s">
        <v>2141</v>
      </c>
      <c r="C3369" t="s">
        <v>2136</v>
      </c>
      <c r="D3369" t="s">
        <v>2137</v>
      </c>
      <c r="E3369" t="s">
        <v>2048</v>
      </c>
      <c r="F3369" t="s">
        <v>2049</v>
      </c>
      <c r="G3369" t="s">
        <v>80</v>
      </c>
      <c r="H3369" t="s">
        <v>81</v>
      </c>
      <c r="I3369" s="2">
        <v>0</v>
      </c>
      <c r="J3369" s="2">
        <v>1</v>
      </c>
      <c r="K3369" s="2">
        <v>0</v>
      </c>
      <c r="L3369" t="s">
        <v>82</v>
      </c>
      <c r="M3369" t="s">
        <v>83</v>
      </c>
      <c r="N3369" t="s">
        <v>91</v>
      </c>
      <c r="O3369" t="s">
        <v>85</v>
      </c>
      <c r="P3369" t="s">
        <v>86</v>
      </c>
      <c r="Q3369">
        <v>37</v>
      </c>
      <c r="R3369">
        <v>38</v>
      </c>
      <c r="S3369">
        <v>39</v>
      </c>
      <c r="T3369">
        <v>40</v>
      </c>
      <c r="U3369">
        <v>41</v>
      </c>
      <c r="V3369">
        <v>42</v>
      </c>
      <c r="W3369">
        <v>43</v>
      </c>
      <c r="X3369">
        <v>44</v>
      </c>
      <c r="Y3369">
        <v>45</v>
      </c>
      <c r="Z3369">
        <v>46</v>
      </c>
      <c r="AA3369">
        <v>47</v>
      </c>
      <c r="AB3369">
        <v>48</v>
      </c>
      <c r="AC3369">
        <v>49</v>
      </c>
      <c r="AD3369">
        <v>50</v>
      </c>
      <c r="AE3369">
        <v>51</v>
      </c>
      <c r="AF3369">
        <v>52</v>
      </c>
      <c r="AG3369">
        <v>53</v>
      </c>
      <c r="AH3369">
        <v>54</v>
      </c>
      <c r="AI3369">
        <v>55</v>
      </c>
      <c r="AJ3369">
        <v>56</v>
      </c>
      <c r="AK3369">
        <v>57</v>
      </c>
      <c r="AL3369">
        <v>58</v>
      </c>
      <c r="AM3369">
        <v>58</v>
      </c>
      <c r="AN3369">
        <v>59</v>
      </c>
      <c r="AO3369">
        <v>60</v>
      </c>
      <c r="AP3369">
        <v>60</v>
      </c>
      <c r="AQ3369">
        <v>61</v>
      </c>
    </row>
    <row r="3370" spans="1:43">
      <c r="A3370" t="s">
        <v>2142</v>
      </c>
      <c r="B3370" t="s">
        <v>2143</v>
      </c>
      <c r="C3370" t="s">
        <v>2144</v>
      </c>
      <c r="D3370" t="s">
        <v>2145</v>
      </c>
      <c r="E3370" t="s">
        <v>2048</v>
      </c>
      <c r="F3370" t="s">
        <v>2049</v>
      </c>
      <c r="G3370" t="s">
        <v>80</v>
      </c>
      <c r="H3370" t="s">
        <v>81</v>
      </c>
      <c r="I3370" s="2">
        <v>0</v>
      </c>
      <c r="J3370" s="2">
        <v>1</v>
      </c>
      <c r="K3370" s="2">
        <v>0</v>
      </c>
      <c r="L3370" t="s">
        <v>82</v>
      </c>
      <c r="M3370" t="s">
        <v>83</v>
      </c>
      <c r="N3370" t="s">
        <v>84</v>
      </c>
      <c r="O3370" t="s">
        <v>85</v>
      </c>
      <c r="P3370" t="s">
        <v>86</v>
      </c>
      <c r="Q3370">
        <v>133</v>
      </c>
      <c r="R3370">
        <v>136</v>
      </c>
      <c r="S3370">
        <v>139</v>
      </c>
      <c r="T3370">
        <v>142</v>
      </c>
      <c r="U3370">
        <v>146</v>
      </c>
      <c r="V3370">
        <v>149</v>
      </c>
      <c r="W3370">
        <v>152</v>
      </c>
      <c r="X3370">
        <v>156</v>
      </c>
      <c r="Y3370">
        <v>159</v>
      </c>
      <c r="Z3370">
        <v>162</v>
      </c>
      <c r="AA3370">
        <v>166</v>
      </c>
      <c r="AB3370">
        <v>169</v>
      </c>
      <c r="AC3370">
        <v>173</v>
      </c>
      <c r="AD3370">
        <v>177</v>
      </c>
      <c r="AE3370">
        <v>180</v>
      </c>
      <c r="AF3370">
        <v>184</v>
      </c>
      <c r="AG3370">
        <v>187</v>
      </c>
      <c r="AH3370">
        <v>191</v>
      </c>
      <c r="AI3370">
        <v>195</v>
      </c>
      <c r="AJ3370">
        <v>199</v>
      </c>
      <c r="AK3370">
        <v>202</v>
      </c>
      <c r="AL3370">
        <v>205</v>
      </c>
      <c r="AM3370">
        <v>207</v>
      </c>
      <c r="AN3370">
        <v>209</v>
      </c>
      <c r="AO3370">
        <v>211</v>
      </c>
      <c r="AP3370">
        <v>213</v>
      </c>
      <c r="AQ3370">
        <v>215</v>
      </c>
    </row>
    <row r="3371" spans="1:43">
      <c r="A3371" t="s">
        <v>2142</v>
      </c>
      <c r="B3371" t="s">
        <v>2143</v>
      </c>
      <c r="C3371" t="s">
        <v>2144</v>
      </c>
      <c r="D3371" t="s">
        <v>2145</v>
      </c>
      <c r="E3371" t="s">
        <v>2048</v>
      </c>
      <c r="F3371" t="s">
        <v>2049</v>
      </c>
      <c r="G3371" t="s">
        <v>80</v>
      </c>
      <c r="H3371" t="s">
        <v>81</v>
      </c>
      <c r="I3371" s="2">
        <v>0</v>
      </c>
      <c r="J3371" s="2">
        <v>1</v>
      </c>
      <c r="K3371" s="2">
        <v>0</v>
      </c>
      <c r="L3371" t="s">
        <v>82</v>
      </c>
      <c r="M3371" t="s">
        <v>87</v>
      </c>
      <c r="N3371" t="s">
        <v>88</v>
      </c>
      <c r="O3371" t="s">
        <v>85</v>
      </c>
      <c r="P3371" t="s">
        <v>86</v>
      </c>
      <c r="Q3371">
        <v>133</v>
      </c>
      <c r="R3371">
        <v>135</v>
      </c>
      <c r="S3371">
        <v>137</v>
      </c>
      <c r="T3371">
        <v>139</v>
      </c>
      <c r="U3371">
        <v>141</v>
      </c>
      <c r="V3371">
        <v>143</v>
      </c>
      <c r="W3371">
        <v>145</v>
      </c>
      <c r="X3371">
        <v>147</v>
      </c>
      <c r="Y3371">
        <v>149</v>
      </c>
      <c r="Z3371">
        <v>151</v>
      </c>
      <c r="AA3371">
        <v>153</v>
      </c>
      <c r="AB3371">
        <v>155</v>
      </c>
      <c r="AC3371">
        <v>157</v>
      </c>
      <c r="AD3371">
        <v>159</v>
      </c>
      <c r="AE3371">
        <v>161</v>
      </c>
      <c r="AF3371">
        <v>164</v>
      </c>
      <c r="AG3371">
        <v>166</v>
      </c>
      <c r="AH3371">
        <v>168</v>
      </c>
      <c r="AI3371">
        <v>170</v>
      </c>
      <c r="AJ3371">
        <v>172</v>
      </c>
      <c r="AK3371">
        <v>175</v>
      </c>
      <c r="AL3371">
        <v>177</v>
      </c>
      <c r="AM3371">
        <v>179</v>
      </c>
      <c r="AN3371">
        <v>181</v>
      </c>
      <c r="AO3371">
        <v>184</v>
      </c>
      <c r="AP3371">
        <v>186</v>
      </c>
      <c r="AQ3371">
        <v>188</v>
      </c>
    </row>
    <row r="3372" spans="1:43">
      <c r="A3372" t="s">
        <v>2142</v>
      </c>
      <c r="B3372" t="s">
        <v>2143</v>
      </c>
      <c r="C3372" t="s">
        <v>2144</v>
      </c>
      <c r="D3372" t="s">
        <v>2145</v>
      </c>
      <c r="E3372" t="s">
        <v>2048</v>
      </c>
      <c r="F3372" t="s">
        <v>2049</v>
      </c>
      <c r="G3372" t="s">
        <v>80</v>
      </c>
      <c r="H3372" t="s">
        <v>81</v>
      </c>
      <c r="I3372" s="2">
        <v>0</v>
      </c>
      <c r="J3372" s="2">
        <v>1</v>
      </c>
      <c r="K3372" s="2">
        <v>0</v>
      </c>
      <c r="L3372" t="s">
        <v>82</v>
      </c>
      <c r="M3372" t="s">
        <v>89</v>
      </c>
      <c r="N3372" t="s">
        <v>90</v>
      </c>
      <c r="O3372" t="s">
        <v>85</v>
      </c>
      <c r="P3372" t="s">
        <v>86</v>
      </c>
      <c r="Q3372">
        <v>133</v>
      </c>
      <c r="R3372">
        <v>137</v>
      </c>
      <c r="S3372">
        <v>142</v>
      </c>
      <c r="T3372">
        <v>146</v>
      </c>
      <c r="U3372">
        <v>150</v>
      </c>
      <c r="V3372">
        <v>155</v>
      </c>
      <c r="W3372">
        <v>159</v>
      </c>
      <c r="X3372">
        <v>163</v>
      </c>
      <c r="Y3372">
        <v>167</v>
      </c>
      <c r="Z3372">
        <v>172</v>
      </c>
      <c r="AA3372">
        <v>176</v>
      </c>
      <c r="AB3372">
        <v>180</v>
      </c>
      <c r="AC3372">
        <v>184</v>
      </c>
      <c r="AD3372">
        <v>189</v>
      </c>
      <c r="AE3372">
        <v>192</v>
      </c>
      <c r="AF3372">
        <v>194</v>
      </c>
      <c r="AG3372">
        <v>196</v>
      </c>
      <c r="AH3372">
        <v>198</v>
      </c>
      <c r="AI3372">
        <v>200</v>
      </c>
      <c r="AJ3372">
        <v>202</v>
      </c>
      <c r="AK3372">
        <v>204</v>
      </c>
      <c r="AL3372">
        <v>205</v>
      </c>
      <c r="AM3372">
        <v>207</v>
      </c>
      <c r="AN3372">
        <v>209</v>
      </c>
      <c r="AO3372">
        <v>211</v>
      </c>
      <c r="AP3372">
        <v>213</v>
      </c>
      <c r="AQ3372">
        <v>215</v>
      </c>
    </row>
    <row r="3373" spans="1:43">
      <c r="A3373" t="s">
        <v>2142</v>
      </c>
      <c r="B3373" t="s">
        <v>2143</v>
      </c>
      <c r="C3373" t="s">
        <v>2144</v>
      </c>
      <c r="D3373" t="s">
        <v>2145</v>
      </c>
      <c r="E3373" t="s">
        <v>2048</v>
      </c>
      <c r="F3373" t="s">
        <v>2049</v>
      </c>
      <c r="G3373" t="s">
        <v>80</v>
      </c>
      <c r="H3373" t="s">
        <v>81</v>
      </c>
      <c r="I3373" s="2">
        <v>0</v>
      </c>
      <c r="J3373" s="2">
        <v>1</v>
      </c>
      <c r="K3373" s="2">
        <v>0</v>
      </c>
      <c r="L3373" t="s">
        <v>82</v>
      </c>
      <c r="M3373" t="s">
        <v>83</v>
      </c>
      <c r="N3373" t="s">
        <v>91</v>
      </c>
      <c r="O3373" t="s">
        <v>85</v>
      </c>
      <c r="P3373" t="s">
        <v>86</v>
      </c>
      <c r="Q3373">
        <v>133</v>
      </c>
      <c r="R3373">
        <v>136</v>
      </c>
      <c r="S3373">
        <v>139</v>
      </c>
      <c r="T3373">
        <v>142</v>
      </c>
      <c r="U3373">
        <v>146</v>
      </c>
      <c r="V3373">
        <v>149</v>
      </c>
      <c r="W3373">
        <v>152</v>
      </c>
      <c r="X3373">
        <v>156</v>
      </c>
      <c r="Y3373">
        <v>159</v>
      </c>
      <c r="Z3373">
        <v>162</v>
      </c>
      <c r="AA3373">
        <v>166</v>
      </c>
      <c r="AB3373">
        <v>169</v>
      </c>
      <c r="AC3373">
        <v>173</v>
      </c>
      <c r="AD3373">
        <v>177</v>
      </c>
      <c r="AE3373">
        <v>180</v>
      </c>
      <c r="AF3373">
        <v>184</v>
      </c>
      <c r="AG3373">
        <v>187</v>
      </c>
      <c r="AH3373">
        <v>191</v>
      </c>
      <c r="AI3373">
        <v>195</v>
      </c>
      <c r="AJ3373">
        <v>199</v>
      </c>
      <c r="AK3373">
        <v>202</v>
      </c>
      <c r="AL3373">
        <v>205</v>
      </c>
      <c r="AM3373">
        <v>207</v>
      </c>
      <c r="AN3373">
        <v>209</v>
      </c>
      <c r="AO3373">
        <v>211</v>
      </c>
      <c r="AP3373">
        <v>213</v>
      </c>
      <c r="AQ3373">
        <v>215</v>
      </c>
    </row>
    <row r="3374" spans="1:43">
      <c r="A3374" t="s">
        <v>2146</v>
      </c>
      <c r="B3374" t="s">
        <v>2147</v>
      </c>
      <c r="C3374" t="s">
        <v>2144</v>
      </c>
      <c r="D3374" t="s">
        <v>2145</v>
      </c>
      <c r="E3374" t="s">
        <v>2048</v>
      </c>
      <c r="F3374" t="s">
        <v>2049</v>
      </c>
      <c r="G3374" t="s">
        <v>80</v>
      </c>
      <c r="H3374" t="s">
        <v>81</v>
      </c>
      <c r="I3374" s="2">
        <v>0</v>
      </c>
      <c r="J3374" s="2">
        <v>1</v>
      </c>
      <c r="K3374" s="2">
        <v>0</v>
      </c>
      <c r="L3374" t="s">
        <v>82</v>
      </c>
      <c r="M3374" t="s">
        <v>83</v>
      </c>
      <c r="N3374" t="s">
        <v>84</v>
      </c>
      <c r="O3374" t="s">
        <v>85</v>
      </c>
      <c r="P3374" t="s">
        <v>86</v>
      </c>
      <c r="Q3374">
        <v>80</v>
      </c>
      <c r="R3374">
        <v>82</v>
      </c>
      <c r="S3374">
        <v>83</v>
      </c>
      <c r="T3374">
        <v>85</v>
      </c>
      <c r="U3374">
        <v>87</v>
      </c>
      <c r="V3374">
        <v>89</v>
      </c>
      <c r="W3374">
        <v>92</v>
      </c>
      <c r="X3374">
        <v>94</v>
      </c>
      <c r="Y3374">
        <v>96</v>
      </c>
      <c r="Z3374">
        <v>98</v>
      </c>
      <c r="AA3374">
        <v>100</v>
      </c>
      <c r="AB3374">
        <v>102</v>
      </c>
      <c r="AC3374">
        <v>104</v>
      </c>
      <c r="AD3374">
        <v>106</v>
      </c>
      <c r="AE3374">
        <v>109</v>
      </c>
      <c r="AF3374">
        <v>111</v>
      </c>
      <c r="AG3374">
        <v>113</v>
      </c>
      <c r="AH3374">
        <v>115</v>
      </c>
      <c r="AI3374">
        <v>118</v>
      </c>
      <c r="AJ3374">
        <v>120</v>
      </c>
      <c r="AK3374">
        <v>122</v>
      </c>
      <c r="AL3374">
        <v>124</v>
      </c>
      <c r="AM3374">
        <v>125</v>
      </c>
      <c r="AN3374">
        <v>126</v>
      </c>
      <c r="AO3374">
        <v>127</v>
      </c>
      <c r="AP3374">
        <v>128</v>
      </c>
      <c r="AQ3374">
        <v>130</v>
      </c>
    </row>
    <row r="3375" spans="1:43">
      <c r="A3375" t="s">
        <v>2146</v>
      </c>
      <c r="B3375" t="s">
        <v>2147</v>
      </c>
      <c r="C3375" t="s">
        <v>2144</v>
      </c>
      <c r="D3375" t="s">
        <v>2145</v>
      </c>
      <c r="E3375" t="s">
        <v>2048</v>
      </c>
      <c r="F3375" t="s">
        <v>2049</v>
      </c>
      <c r="G3375" t="s">
        <v>80</v>
      </c>
      <c r="H3375" t="s">
        <v>81</v>
      </c>
      <c r="I3375" s="2">
        <v>0</v>
      </c>
      <c r="J3375" s="2">
        <v>1</v>
      </c>
      <c r="K3375" s="2">
        <v>0</v>
      </c>
      <c r="L3375" t="s">
        <v>82</v>
      </c>
      <c r="M3375" t="s">
        <v>87</v>
      </c>
      <c r="N3375" t="s">
        <v>88</v>
      </c>
      <c r="O3375" t="s">
        <v>85</v>
      </c>
      <c r="P3375" t="s">
        <v>86</v>
      </c>
      <c r="Q3375">
        <v>80</v>
      </c>
      <c r="R3375">
        <v>81</v>
      </c>
      <c r="S3375">
        <v>82</v>
      </c>
      <c r="T3375">
        <v>83</v>
      </c>
      <c r="U3375">
        <v>85</v>
      </c>
      <c r="V3375">
        <v>86</v>
      </c>
      <c r="W3375">
        <v>87</v>
      </c>
      <c r="X3375">
        <v>88</v>
      </c>
      <c r="Y3375">
        <v>89</v>
      </c>
      <c r="Z3375">
        <v>91</v>
      </c>
      <c r="AA3375">
        <v>92</v>
      </c>
      <c r="AB3375">
        <v>93</v>
      </c>
      <c r="AC3375">
        <v>95</v>
      </c>
      <c r="AD3375">
        <v>96</v>
      </c>
      <c r="AE3375">
        <v>97</v>
      </c>
      <c r="AF3375">
        <v>98</v>
      </c>
      <c r="AG3375">
        <v>100</v>
      </c>
      <c r="AH3375">
        <v>101</v>
      </c>
      <c r="AI3375">
        <v>102</v>
      </c>
      <c r="AJ3375">
        <v>104</v>
      </c>
      <c r="AK3375">
        <v>105</v>
      </c>
      <c r="AL3375">
        <v>107</v>
      </c>
      <c r="AM3375">
        <v>108</v>
      </c>
      <c r="AN3375">
        <v>109</v>
      </c>
      <c r="AO3375">
        <v>111</v>
      </c>
      <c r="AP3375">
        <v>112</v>
      </c>
      <c r="AQ3375">
        <v>114</v>
      </c>
    </row>
    <row r="3376" spans="1:43">
      <c r="A3376" t="s">
        <v>2146</v>
      </c>
      <c r="B3376" t="s">
        <v>2147</v>
      </c>
      <c r="C3376" t="s">
        <v>2144</v>
      </c>
      <c r="D3376" t="s">
        <v>2145</v>
      </c>
      <c r="E3376" t="s">
        <v>2048</v>
      </c>
      <c r="F3376" t="s">
        <v>2049</v>
      </c>
      <c r="G3376" t="s">
        <v>80</v>
      </c>
      <c r="H3376" t="s">
        <v>81</v>
      </c>
      <c r="I3376" s="2">
        <v>0</v>
      </c>
      <c r="J3376" s="2">
        <v>1</v>
      </c>
      <c r="K3376" s="2">
        <v>0</v>
      </c>
      <c r="L3376" t="s">
        <v>82</v>
      </c>
      <c r="M3376" t="s">
        <v>89</v>
      </c>
      <c r="N3376" t="s">
        <v>90</v>
      </c>
      <c r="O3376" t="s">
        <v>85</v>
      </c>
      <c r="P3376" t="s">
        <v>86</v>
      </c>
      <c r="Q3376">
        <v>80</v>
      </c>
      <c r="R3376">
        <v>83</v>
      </c>
      <c r="S3376">
        <v>86</v>
      </c>
      <c r="T3376">
        <v>88</v>
      </c>
      <c r="U3376">
        <v>91</v>
      </c>
      <c r="V3376">
        <v>94</v>
      </c>
      <c r="W3376">
        <v>96</v>
      </c>
      <c r="X3376">
        <v>99</v>
      </c>
      <c r="Y3376">
        <v>101</v>
      </c>
      <c r="Z3376">
        <v>104</v>
      </c>
      <c r="AA3376">
        <v>106</v>
      </c>
      <c r="AB3376">
        <v>109</v>
      </c>
      <c r="AC3376">
        <v>112</v>
      </c>
      <c r="AD3376">
        <v>114</v>
      </c>
      <c r="AE3376">
        <v>116</v>
      </c>
      <c r="AF3376">
        <v>118</v>
      </c>
      <c r="AG3376">
        <v>119</v>
      </c>
      <c r="AH3376">
        <v>120</v>
      </c>
      <c r="AI3376">
        <v>121</v>
      </c>
      <c r="AJ3376">
        <v>122</v>
      </c>
      <c r="AK3376">
        <v>123</v>
      </c>
      <c r="AL3376">
        <v>124</v>
      </c>
      <c r="AM3376">
        <v>126</v>
      </c>
      <c r="AN3376">
        <v>127</v>
      </c>
      <c r="AO3376">
        <v>128</v>
      </c>
      <c r="AP3376">
        <v>129</v>
      </c>
      <c r="AQ3376">
        <v>130</v>
      </c>
    </row>
    <row r="3377" spans="1:43">
      <c r="A3377" t="s">
        <v>2146</v>
      </c>
      <c r="B3377" t="s">
        <v>2147</v>
      </c>
      <c r="C3377" t="s">
        <v>2144</v>
      </c>
      <c r="D3377" t="s">
        <v>2145</v>
      </c>
      <c r="E3377" t="s">
        <v>2048</v>
      </c>
      <c r="F3377" t="s">
        <v>2049</v>
      </c>
      <c r="G3377" t="s">
        <v>80</v>
      </c>
      <c r="H3377" t="s">
        <v>81</v>
      </c>
      <c r="I3377" s="2">
        <v>0</v>
      </c>
      <c r="J3377" s="2">
        <v>1</v>
      </c>
      <c r="K3377" s="2">
        <v>0</v>
      </c>
      <c r="L3377" t="s">
        <v>82</v>
      </c>
      <c r="M3377" t="s">
        <v>83</v>
      </c>
      <c r="N3377" t="s">
        <v>91</v>
      </c>
      <c r="O3377" t="s">
        <v>85</v>
      </c>
      <c r="P3377" t="s">
        <v>86</v>
      </c>
      <c r="Q3377">
        <v>80</v>
      </c>
      <c r="R3377">
        <v>82</v>
      </c>
      <c r="S3377">
        <v>83</v>
      </c>
      <c r="T3377">
        <v>85</v>
      </c>
      <c r="U3377">
        <v>87</v>
      </c>
      <c r="V3377">
        <v>89</v>
      </c>
      <c r="W3377">
        <v>92</v>
      </c>
      <c r="X3377">
        <v>94</v>
      </c>
      <c r="Y3377">
        <v>96</v>
      </c>
      <c r="Z3377">
        <v>98</v>
      </c>
      <c r="AA3377">
        <v>100</v>
      </c>
      <c r="AB3377">
        <v>102</v>
      </c>
      <c r="AC3377">
        <v>104</v>
      </c>
      <c r="AD3377">
        <v>106</v>
      </c>
      <c r="AE3377">
        <v>109</v>
      </c>
      <c r="AF3377">
        <v>111</v>
      </c>
      <c r="AG3377">
        <v>113</v>
      </c>
      <c r="AH3377">
        <v>115</v>
      </c>
      <c r="AI3377">
        <v>118</v>
      </c>
      <c r="AJ3377">
        <v>120</v>
      </c>
      <c r="AK3377">
        <v>122</v>
      </c>
      <c r="AL3377">
        <v>124</v>
      </c>
      <c r="AM3377">
        <v>125</v>
      </c>
      <c r="AN3377">
        <v>126</v>
      </c>
      <c r="AO3377">
        <v>127</v>
      </c>
      <c r="AP3377">
        <v>128</v>
      </c>
      <c r="AQ3377">
        <v>130</v>
      </c>
    </row>
    <row r="3378" spans="1:43">
      <c r="A3378" t="s">
        <v>2148</v>
      </c>
      <c r="B3378" t="s">
        <v>2149</v>
      </c>
      <c r="C3378" t="s">
        <v>2144</v>
      </c>
      <c r="D3378" t="s">
        <v>2145</v>
      </c>
      <c r="E3378" t="s">
        <v>2048</v>
      </c>
      <c r="F3378" t="s">
        <v>2049</v>
      </c>
      <c r="G3378" t="s">
        <v>80</v>
      </c>
      <c r="H3378" t="s">
        <v>81</v>
      </c>
      <c r="I3378" s="2">
        <v>0</v>
      </c>
      <c r="J3378" s="2">
        <v>1</v>
      </c>
      <c r="K3378" s="2">
        <v>0</v>
      </c>
      <c r="L3378" t="s">
        <v>82</v>
      </c>
      <c r="M3378" t="s">
        <v>83</v>
      </c>
      <c r="N3378" t="s">
        <v>84</v>
      </c>
      <c r="O3378" t="s">
        <v>85</v>
      </c>
      <c r="P3378" t="s">
        <v>86</v>
      </c>
      <c r="Q3378">
        <v>137</v>
      </c>
      <c r="R3378">
        <v>141</v>
      </c>
      <c r="S3378">
        <v>144</v>
      </c>
      <c r="T3378">
        <v>147</v>
      </c>
      <c r="U3378">
        <v>151</v>
      </c>
      <c r="V3378">
        <v>154</v>
      </c>
      <c r="W3378">
        <v>158</v>
      </c>
      <c r="X3378">
        <v>162</v>
      </c>
      <c r="Y3378">
        <v>165</v>
      </c>
      <c r="Z3378">
        <v>169</v>
      </c>
      <c r="AA3378">
        <v>173</v>
      </c>
      <c r="AB3378">
        <v>176</v>
      </c>
      <c r="AC3378">
        <v>180</v>
      </c>
      <c r="AD3378">
        <v>184</v>
      </c>
      <c r="AE3378">
        <v>187</v>
      </c>
      <c r="AF3378">
        <v>191</v>
      </c>
      <c r="AG3378">
        <v>195</v>
      </c>
      <c r="AH3378">
        <v>199</v>
      </c>
      <c r="AI3378">
        <v>203</v>
      </c>
      <c r="AJ3378">
        <v>207</v>
      </c>
      <c r="AK3378">
        <v>211</v>
      </c>
      <c r="AL3378">
        <v>214</v>
      </c>
      <c r="AM3378">
        <v>216</v>
      </c>
      <c r="AN3378">
        <v>218</v>
      </c>
      <c r="AO3378">
        <v>220</v>
      </c>
      <c r="AP3378">
        <v>222</v>
      </c>
      <c r="AQ3378">
        <v>224</v>
      </c>
    </row>
    <row r="3379" spans="1:43">
      <c r="A3379" t="s">
        <v>2148</v>
      </c>
      <c r="B3379" t="s">
        <v>2149</v>
      </c>
      <c r="C3379" t="s">
        <v>2144</v>
      </c>
      <c r="D3379" t="s">
        <v>2145</v>
      </c>
      <c r="E3379" t="s">
        <v>2048</v>
      </c>
      <c r="F3379" t="s">
        <v>2049</v>
      </c>
      <c r="G3379" t="s">
        <v>80</v>
      </c>
      <c r="H3379" t="s">
        <v>81</v>
      </c>
      <c r="I3379" s="2">
        <v>0</v>
      </c>
      <c r="J3379" s="2">
        <v>1</v>
      </c>
      <c r="K3379" s="2">
        <v>0</v>
      </c>
      <c r="L3379" t="s">
        <v>82</v>
      </c>
      <c r="M3379" t="s">
        <v>87</v>
      </c>
      <c r="N3379" t="s">
        <v>88</v>
      </c>
      <c r="O3379" t="s">
        <v>85</v>
      </c>
      <c r="P3379" t="s">
        <v>86</v>
      </c>
      <c r="Q3379">
        <v>137</v>
      </c>
      <c r="R3379">
        <v>139</v>
      </c>
      <c r="S3379">
        <v>141</v>
      </c>
      <c r="T3379">
        <v>143</v>
      </c>
      <c r="U3379">
        <v>145</v>
      </c>
      <c r="V3379">
        <v>147</v>
      </c>
      <c r="W3379">
        <v>149</v>
      </c>
      <c r="X3379">
        <v>152</v>
      </c>
      <c r="Y3379">
        <v>154</v>
      </c>
      <c r="Z3379">
        <v>156</v>
      </c>
      <c r="AA3379">
        <v>158</v>
      </c>
      <c r="AB3379">
        <v>160</v>
      </c>
      <c r="AC3379">
        <v>162</v>
      </c>
      <c r="AD3379">
        <v>165</v>
      </c>
      <c r="AE3379">
        <v>167</v>
      </c>
      <c r="AF3379">
        <v>169</v>
      </c>
      <c r="AG3379">
        <v>171</v>
      </c>
      <c r="AH3379">
        <v>174</v>
      </c>
      <c r="AI3379">
        <v>176</v>
      </c>
      <c r="AJ3379">
        <v>178</v>
      </c>
      <c r="AK3379">
        <v>181</v>
      </c>
      <c r="AL3379">
        <v>183</v>
      </c>
      <c r="AM3379">
        <v>186</v>
      </c>
      <c r="AN3379">
        <v>188</v>
      </c>
      <c r="AO3379">
        <v>191</v>
      </c>
      <c r="AP3379">
        <v>193</v>
      </c>
      <c r="AQ3379">
        <v>196</v>
      </c>
    </row>
    <row r="3380" spans="1:43">
      <c r="A3380" t="s">
        <v>2148</v>
      </c>
      <c r="B3380" t="s">
        <v>2149</v>
      </c>
      <c r="C3380" t="s">
        <v>2144</v>
      </c>
      <c r="D3380" t="s">
        <v>2145</v>
      </c>
      <c r="E3380" t="s">
        <v>2048</v>
      </c>
      <c r="F3380" t="s">
        <v>2049</v>
      </c>
      <c r="G3380" t="s">
        <v>80</v>
      </c>
      <c r="H3380" t="s">
        <v>81</v>
      </c>
      <c r="I3380" s="2">
        <v>0</v>
      </c>
      <c r="J3380" s="2">
        <v>1</v>
      </c>
      <c r="K3380" s="2">
        <v>0</v>
      </c>
      <c r="L3380" t="s">
        <v>82</v>
      </c>
      <c r="M3380" t="s">
        <v>89</v>
      </c>
      <c r="N3380" t="s">
        <v>90</v>
      </c>
      <c r="O3380" t="s">
        <v>85</v>
      </c>
      <c r="P3380" t="s">
        <v>86</v>
      </c>
      <c r="Q3380">
        <v>137</v>
      </c>
      <c r="R3380">
        <v>141</v>
      </c>
      <c r="S3380">
        <v>146</v>
      </c>
      <c r="T3380">
        <v>150</v>
      </c>
      <c r="U3380">
        <v>155</v>
      </c>
      <c r="V3380">
        <v>159</v>
      </c>
      <c r="W3380">
        <v>164</v>
      </c>
      <c r="X3380">
        <v>169</v>
      </c>
      <c r="Y3380">
        <v>173</v>
      </c>
      <c r="Z3380">
        <v>177</v>
      </c>
      <c r="AA3380">
        <v>182</v>
      </c>
      <c r="AB3380">
        <v>186</v>
      </c>
      <c r="AC3380">
        <v>191</v>
      </c>
      <c r="AD3380">
        <v>195</v>
      </c>
      <c r="AE3380">
        <v>199</v>
      </c>
      <c r="AF3380">
        <v>201</v>
      </c>
      <c r="AG3380">
        <v>203</v>
      </c>
      <c r="AH3380">
        <v>205</v>
      </c>
      <c r="AI3380">
        <v>207</v>
      </c>
      <c r="AJ3380">
        <v>209</v>
      </c>
      <c r="AK3380">
        <v>211</v>
      </c>
      <c r="AL3380">
        <v>213</v>
      </c>
      <c r="AM3380">
        <v>215</v>
      </c>
      <c r="AN3380">
        <v>217</v>
      </c>
      <c r="AO3380">
        <v>219</v>
      </c>
      <c r="AP3380">
        <v>220</v>
      </c>
      <c r="AQ3380">
        <v>222</v>
      </c>
    </row>
    <row r="3381" spans="1:43">
      <c r="A3381" t="s">
        <v>2148</v>
      </c>
      <c r="B3381" t="s">
        <v>2149</v>
      </c>
      <c r="C3381" t="s">
        <v>2144</v>
      </c>
      <c r="D3381" t="s">
        <v>2145</v>
      </c>
      <c r="E3381" t="s">
        <v>2048</v>
      </c>
      <c r="F3381" t="s">
        <v>2049</v>
      </c>
      <c r="G3381" t="s">
        <v>80</v>
      </c>
      <c r="H3381" t="s">
        <v>81</v>
      </c>
      <c r="I3381" s="2">
        <v>0</v>
      </c>
      <c r="J3381" s="2">
        <v>1</v>
      </c>
      <c r="K3381" s="2">
        <v>0</v>
      </c>
      <c r="L3381" t="s">
        <v>82</v>
      </c>
      <c r="M3381" t="s">
        <v>83</v>
      </c>
      <c r="N3381" t="s">
        <v>91</v>
      </c>
      <c r="O3381" t="s">
        <v>85</v>
      </c>
      <c r="P3381" t="s">
        <v>86</v>
      </c>
      <c r="Q3381">
        <v>137</v>
      </c>
      <c r="R3381">
        <v>141</v>
      </c>
      <c r="S3381">
        <v>144</v>
      </c>
      <c r="T3381">
        <v>147</v>
      </c>
      <c r="U3381">
        <v>151</v>
      </c>
      <c r="V3381">
        <v>154</v>
      </c>
      <c r="W3381">
        <v>158</v>
      </c>
      <c r="X3381">
        <v>162</v>
      </c>
      <c r="Y3381">
        <v>165</v>
      </c>
      <c r="Z3381">
        <v>169</v>
      </c>
      <c r="AA3381">
        <v>173</v>
      </c>
      <c r="AB3381">
        <v>176</v>
      </c>
      <c r="AC3381">
        <v>180</v>
      </c>
      <c r="AD3381">
        <v>184</v>
      </c>
      <c r="AE3381">
        <v>187</v>
      </c>
      <c r="AF3381">
        <v>191</v>
      </c>
      <c r="AG3381">
        <v>195</v>
      </c>
      <c r="AH3381">
        <v>199</v>
      </c>
      <c r="AI3381">
        <v>203</v>
      </c>
      <c r="AJ3381">
        <v>207</v>
      </c>
      <c r="AK3381">
        <v>211</v>
      </c>
      <c r="AL3381">
        <v>214</v>
      </c>
      <c r="AM3381">
        <v>216</v>
      </c>
      <c r="AN3381">
        <v>218</v>
      </c>
      <c r="AO3381">
        <v>220</v>
      </c>
      <c r="AP3381">
        <v>222</v>
      </c>
      <c r="AQ3381">
        <v>224</v>
      </c>
    </row>
    <row r="3382" spans="1:43">
      <c r="A3382" t="s">
        <v>2150</v>
      </c>
      <c r="B3382" t="s">
        <v>2151</v>
      </c>
      <c r="C3382" t="s">
        <v>2136</v>
      </c>
      <c r="D3382" t="s">
        <v>2137</v>
      </c>
      <c r="E3382" t="s">
        <v>2048</v>
      </c>
      <c r="F3382" t="s">
        <v>2049</v>
      </c>
      <c r="G3382" t="s">
        <v>80</v>
      </c>
      <c r="H3382" t="s">
        <v>81</v>
      </c>
      <c r="I3382" s="2">
        <v>0</v>
      </c>
      <c r="J3382" s="2">
        <v>1</v>
      </c>
      <c r="K3382" s="2">
        <v>0</v>
      </c>
      <c r="L3382" t="s">
        <v>82</v>
      </c>
      <c r="M3382" t="s">
        <v>83</v>
      </c>
      <c r="N3382" t="s">
        <v>84</v>
      </c>
      <c r="O3382" t="s">
        <v>85</v>
      </c>
      <c r="P3382" t="s">
        <v>86</v>
      </c>
      <c r="Q3382">
        <v>30</v>
      </c>
      <c r="R3382">
        <v>30</v>
      </c>
      <c r="S3382">
        <v>31</v>
      </c>
      <c r="T3382">
        <v>32</v>
      </c>
      <c r="U3382">
        <v>33</v>
      </c>
      <c r="V3382">
        <v>33</v>
      </c>
      <c r="W3382">
        <v>34</v>
      </c>
      <c r="X3382">
        <v>35</v>
      </c>
      <c r="Y3382">
        <v>36</v>
      </c>
      <c r="Z3382">
        <v>37</v>
      </c>
      <c r="AA3382">
        <v>37</v>
      </c>
      <c r="AB3382">
        <v>38</v>
      </c>
      <c r="AC3382">
        <v>39</v>
      </c>
      <c r="AD3382">
        <v>40</v>
      </c>
      <c r="AE3382">
        <v>41</v>
      </c>
      <c r="AF3382">
        <v>42</v>
      </c>
      <c r="AG3382">
        <v>43</v>
      </c>
      <c r="AH3382">
        <v>43</v>
      </c>
      <c r="AI3382">
        <v>44</v>
      </c>
      <c r="AJ3382">
        <v>45</v>
      </c>
      <c r="AK3382">
        <v>46</v>
      </c>
      <c r="AL3382">
        <v>47</v>
      </c>
      <c r="AM3382">
        <v>47</v>
      </c>
      <c r="AN3382">
        <v>48</v>
      </c>
      <c r="AO3382">
        <v>48</v>
      </c>
      <c r="AP3382">
        <v>48</v>
      </c>
      <c r="AQ3382">
        <v>49</v>
      </c>
    </row>
    <row r="3383" spans="1:43">
      <c r="A3383" t="s">
        <v>2150</v>
      </c>
      <c r="B3383" t="s">
        <v>2151</v>
      </c>
      <c r="C3383" t="s">
        <v>2136</v>
      </c>
      <c r="D3383" t="s">
        <v>2137</v>
      </c>
      <c r="E3383" t="s">
        <v>2048</v>
      </c>
      <c r="F3383" t="s">
        <v>2049</v>
      </c>
      <c r="G3383" t="s">
        <v>80</v>
      </c>
      <c r="H3383" t="s">
        <v>81</v>
      </c>
      <c r="I3383" s="2">
        <v>0</v>
      </c>
      <c r="J3383" s="2">
        <v>1</v>
      </c>
      <c r="K3383" s="2">
        <v>0</v>
      </c>
      <c r="L3383" t="s">
        <v>82</v>
      </c>
      <c r="M3383" t="s">
        <v>87</v>
      </c>
      <c r="N3383" t="s">
        <v>88</v>
      </c>
      <c r="O3383" t="s">
        <v>85</v>
      </c>
      <c r="P3383" t="s">
        <v>86</v>
      </c>
      <c r="Q3383">
        <v>30</v>
      </c>
      <c r="R3383">
        <v>31</v>
      </c>
      <c r="S3383">
        <v>31</v>
      </c>
      <c r="T3383">
        <v>32</v>
      </c>
      <c r="U3383">
        <v>32</v>
      </c>
      <c r="V3383">
        <v>33</v>
      </c>
      <c r="W3383">
        <v>33</v>
      </c>
      <c r="X3383">
        <v>34</v>
      </c>
      <c r="Y3383">
        <v>34</v>
      </c>
      <c r="Z3383">
        <v>35</v>
      </c>
      <c r="AA3383">
        <v>35</v>
      </c>
      <c r="AB3383">
        <v>36</v>
      </c>
      <c r="AC3383">
        <v>36</v>
      </c>
      <c r="AD3383">
        <v>37</v>
      </c>
      <c r="AE3383">
        <v>37</v>
      </c>
      <c r="AF3383">
        <v>38</v>
      </c>
      <c r="AG3383">
        <v>38</v>
      </c>
      <c r="AH3383">
        <v>39</v>
      </c>
      <c r="AI3383">
        <v>39</v>
      </c>
      <c r="AJ3383">
        <v>40</v>
      </c>
      <c r="AK3383">
        <v>40</v>
      </c>
      <c r="AL3383">
        <v>41</v>
      </c>
      <c r="AM3383">
        <v>41</v>
      </c>
      <c r="AN3383">
        <v>42</v>
      </c>
      <c r="AO3383">
        <v>42</v>
      </c>
      <c r="AP3383">
        <v>43</v>
      </c>
      <c r="AQ3383">
        <v>43</v>
      </c>
    </row>
    <row r="3384" spans="1:43">
      <c r="A3384" t="s">
        <v>2150</v>
      </c>
      <c r="B3384" t="s">
        <v>2151</v>
      </c>
      <c r="C3384" t="s">
        <v>2136</v>
      </c>
      <c r="D3384" t="s">
        <v>2137</v>
      </c>
      <c r="E3384" t="s">
        <v>2048</v>
      </c>
      <c r="F3384" t="s">
        <v>2049</v>
      </c>
      <c r="G3384" t="s">
        <v>80</v>
      </c>
      <c r="H3384" t="s">
        <v>81</v>
      </c>
      <c r="I3384" s="2">
        <v>0</v>
      </c>
      <c r="J3384" s="2">
        <v>1</v>
      </c>
      <c r="K3384" s="2">
        <v>0</v>
      </c>
      <c r="L3384" t="s">
        <v>82</v>
      </c>
      <c r="M3384" t="s">
        <v>89</v>
      </c>
      <c r="N3384" t="s">
        <v>90</v>
      </c>
      <c r="O3384" t="s">
        <v>85</v>
      </c>
      <c r="P3384" t="s">
        <v>86</v>
      </c>
      <c r="Q3384">
        <v>30</v>
      </c>
      <c r="R3384">
        <v>31</v>
      </c>
      <c r="S3384">
        <v>32</v>
      </c>
      <c r="T3384">
        <v>33</v>
      </c>
      <c r="U3384">
        <v>34</v>
      </c>
      <c r="V3384">
        <v>35</v>
      </c>
      <c r="W3384">
        <v>36</v>
      </c>
      <c r="X3384">
        <v>37</v>
      </c>
      <c r="Y3384">
        <v>38</v>
      </c>
      <c r="Z3384">
        <v>39</v>
      </c>
      <c r="AA3384">
        <v>40</v>
      </c>
      <c r="AB3384">
        <v>41</v>
      </c>
      <c r="AC3384">
        <v>42</v>
      </c>
      <c r="AD3384">
        <v>43</v>
      </c>
      <c r="AE3384">
        <v>44</v>
      </c>
      <c r="AF3384">
        <v>44</v>
      </c>
      <c r="AG3384">
        <v>45</v>
      </c>
      <c r="AH3384">
        <v>45</v>
      </c>
      <c r="AI3384">
        <v>46</v>
      </c>
      <c r="AJ3384">
        <v>46</v>
      </c>
      <c r="AK3384">
        <v>46</v>
      </c>
      <c r="AL3384">
        <v>47</v>
      </c>
      <c r="AM3384">
        <v>47</v>
      </c>
      <c r="AN3384">
        <v>48</v>
      </c>
      <c r="AO3384">
        <v>48</v>
      </c>
      <c r="AP3384">
        <v>49</v>
      </c>
      <c r="AQ3384">
        <v>49</v>
      </c>
    </row>
    <row r="3385" spans="1:43">
      <c r="A3385" t="s">
        <v>2150</v>
      </c>
      <c r="B3385" t="s">
        <v>2151</v>
      </c>
      <c r="C3385" t="s">
        <v>2136</v>
      </c>
      <c r="D3385" t="s">
        <v>2137</v>
      </c>
      <c r="E3385" t="s">
        <v>2048</v>
      </c>
      <c r="F3385" t="s">
        <v>2049</v>
      </c>
      <c r="G3385" t="s">
        <v>80</v>
      </c>
      <c r="H3385" t="s">
        <v>81</v>
      </c>
      <c r="I3385" s="2">
        <v>0</v>
      </c>
      <c r="J3385" s="2">
        <v>1</v>
      </c>
      <c r="K3385" s="2">
        <v>0</v>
      </c>
      <c r="L3385" t="s">
        <v>82</v>
      </c>
      <c r="M3385" t="s">
        <v>83</v>
      </c>
      <c r="N3385" t="s">
        <v>91</v>
      </c>
      <c r="O3385" t="s">
        <v>85</v>
      </c>
      <c r="P3385" t="s">
        <v>86</v>
      </c>
      <c r="Q3385">
        <v>30</v>
      </c>
      <c r="R3385">
        <v>30</v>
      </c>
      <c r="S3385">
        <v>31</v>
      </c>
      <c r="T3385">
        <v>32</v>
      </c>
      <c r="U3385">
        <v>33</v>
      </c>
      <c r="V3385">
        <v>33</v>
      </c>
      <c r="W3385">
        <v>34</v>
      </c>
      <c r="X3385">
        <v>35</v>
      </c>
      <c r="Y3385">
        <v>36</v>
      </c>
      <c r="Z3385">
        <v>37</v>
      </c>
      <c r="AA3385">
        <v>37</v>
      </c>
      <c r="AB3385">
        <v>38</v>
      </c>
      <c r="AC3385">
        <v>39</v>
      </c>
      <c r="AD3385">
        <v>40</v>
      </c>
      <c r="AE3385">
        <v>41</v>
      </c>
      <c r="AF3385">
        <v>42</v>
      </c>
      <c r="AG3385">
        <v>43</v>
      </c>
      <c r="AH3385">
        <v>43</v>
      </c>
      <c r="AI3385">
        <v>44</v>
      </c>
      <c r="AJ3385">
        <v>45</v>
      </c>
      <c r="AK3385">
        <v>46</v>
      </c>
      <c r="AL3385">
        <v>47</v>
      </c>
      <c r="AM3385">
        <v>47</v>
      </c>
      <c r="AN3385">
        <v>48</v>
      </c>
      <c r="AO3385">
        <v>48</v>
      </c>
      <c r="AP3385">
        <v>48</v>
      </c>
      <c r="AQ3385">
        <v>49</v>
      </c>
    </row>
    <row r="3386" spans="1:43">
      <c r="A3386" t="s">
        <v>2152</v>
      </c>
      <c r="B3386" t="s">
        <v>2153</v>
      </c>
      <c r="C3386" t="s">
        <v>2136</v>
      </c>
      <c r="D3386" t="s">
        <v>2137</v>
      </c>
      <c r="E3386" t="s">
        <v>2048</v>
      </c>
      <c r="F3386" t="s">
        <v>2049</v>
      </c>
      <c r="G3386" t="s">
        <v>80</v>
      </c>
      <c r="H3386" t="s">
        <v>81</v>
      </c>
      <c r="I3386" s="2">
        <v>0</v>
      </c>
      <c r="J3386" s="2">
        <v>1</v>
      </c>
      <c r="K3386" s="2">
        <v>0</v>
      </c>
      <c r="L3386" t="s">
        <v>82</v>
      </c>
      <c r="M3386" t="s">
        <v>83</v>
      </c>
      <c r="N3386" t="s">
        <v>84</v>
      </c>
      <c r="O3386" t="s">
        <v>85</v>
      </c>
      <c r="P3386" t="s">
        <v>86</v>
      </c>
      <c r="Q3386">
        <v>47</v>
      </c>
      <c r="R3386">
        <v>48</v>
      </c>
      <c r="S3386">
        <v>49</v>
      </c>
      <c r="T3386">
        <v>51</v>
      </c>
      <c r="U3386">
        <v>52</v>
      </c>
      <c r="V3386">
        <v>53</v>
      </c>
      <c r="W3386">
        <v>54</v>
      </c>
      <c r="X3386">
        <v>55</v>
      </c>
      <c r="Y3386">
        <v>57</v>
      </c>
      <c r="Z3386">
        <v>58</v>
      </c>
      <c r="AA3386">
        <v>59</v>
      </c>
      <c r="AB3386">
        <v>60</v>
      </c>
      <c r="AC3386">
        <v>62</v>
      </c>
      <c r="AD3386">
        <v>63</v>
      </c>
      <c r="AE3386">
        <v>64</v>
      </c>
      <c r="AF3386">
        <v>66</v>
      </c>
      <c r="AG3386">
        <v>67</v>
      </c>
      <c r="AH3386">
        <v>68</v>
      </c>
      <c r="AI3386">
        <v>70</v>
      </c>
      <c r="AJ3386">
        <v>71</v>
      </c>
      <c r="AK3386">
        <v>73</v>
      </c>
      <c r="AL3386">
        <v>73</v>
      </c>
      <c r="AM3386">
        <v>74</v>
      </c>
      <c r="AN3386">
        <v>75</v>
      </c>
      <c r="AO3386">
        <v>76</v>
      </c>
      <c r="AP3386">
        <v>76</v>
      </c>
      <c r="AQ3386">
        <v>77</v>
      </c>
    </row>
    <row r="3387" spans="1:43">
      <c r="A3387" t="s">
        <v>2152</v>
      </c>
      <c r="B3387" t="s">
        <v>2153</v>
      </c>
      <c r="C3387" t="s">
        <v>2136</v>
      </c>
      <c r="D3387" t="s">
        <v>2137</v>
      </c>
      <c r="E3387" t="s">
        <v>2048</v>
      </c>
      <c r="F3387" t="s">
        <v>2049</v>
      </c>
      <c r="G3387" t="s">
        <v>80</v>
      </c>
      <c r="H3387" t="s">
        <v>81</v>
      </c>
      <c r="I3387" s="2">
        <v>0</v>
      </c>
      <c r="J3387" s="2">
        <v>1</v>
      </c>
      <c r="K3387" s="2">
        <v>0</v>
      </c>
      <c r="L3387" t="s">
        <v>82</v>
      </c>
      <c r="M3387" t="s">
        <v>87</v>
      </c>
      <c r="N3387" t="s">
        <v>88</v>
      </c>
      <c r="O3387" t="s">
        <v>85</v>
      </c>
      <c r="P3387" t="s">
        <v>86</v>
      </c>
      <c r="Q3387">
        <v>47</v>
      </c>
      <c r="R3387">
        <v>47</v>
      </c>
      <c r="S3387">
        <v>48</v>
      </c>
      <c r="T3387">
        <v>49</v>
      </c>
      <c r="U3387">
        <v>49</v>
      </c>
      <c r="V3387">
        <v>50</v>
      </c>
      <c r="W3387">
        <v>51</v>
      </c>
      <c r="X3387">
        <v>52</v>
      </c>
      <c r="Y3387">
        <v>52</v>
      </c>
      <c r="Z3387">
        <v>53</v>
      </c>
      <c r="AA3387">
        <v>54</v>
      </c>
      <c r="AB3387">
        <v>55</v>
      </c>
      <c r="AC3387">
        <v>55</v>
      </c>
      <c r="AD3387">
        <v>56</v>
      </c>
      <c r="AE3387">
        <v>57</v>
      </c>
      <c r="AF3387">
        <v>58</v>
      </c>
      <c r="AG3387">
        <v>58</v>
      </c>
      <c r="AH3387">
        <v>59</v>
      </c>
      <c r="AI3387">
        <v>60</v>
      </c>
      <c r="AJ3387">
        <v>61</v>
      </c>
      <c r="AK3387">
        <v>62</v>
      </c>
      <c r="AL3387">
        <v>63</v>
      </c>
      <c r="AM3387">
        <v>63</v>
      </c>
      <c r="AN3387">
        <v>64</v>
      </c>
      <c r="AO3387">
        <v>65</v>
      </c>
      <c r="AP3387">
        <v>66</v>
      </c>
      <c r="AQ3387">
        <v>67</v>
      </c>
    </row>
    <row r="3388" spans="1:43">
      <c r="A3388" t="s">
        <v>2152</v>
      </c>
      <c r="B3388" t="s">
        <v>2153</v>
      </c>
      <c r="C3388" t="s">
        <v>2136</v>
      </c>
      <c r="D3388" t="s">
        <v>2137</v>
      </c>
      <c r="E3388" t="s">
        <v>2048</v>
      </c>
      <c r="F3388" t="s">
        <v>2049</v>
      </c>
      <c r="G3388" t="s">
        <v>80</v>
      </c>
      <c r="H3388" t="s">
        <v>81</v>
      </c>
      <c r="I3388" s="2">
        <v>0</v>
      </c>
      <c r="J3388" s="2">
        <v>1</v>
      </c>
      <c r="K3388" s="2">
        <v>0</v>
      </c>
      <c r="L3388" t="s">
        <v>82</v>
      </c>
      <c r="M3388" t="s">
        <v>89</v>
      </c>
      <c r="N3388" t="s">
        <v>90</v>
      </c>
      <c r="O3388" t="s">
        <v>85</v>
      </c>
      <c r="P3388" t="s">
        <v>86</v>
      </c>
      <c r="Q3388">
        <v>47</v>
      </c>
      <c r="R3388">
        <v>48</v>
      </c>
      <c r="S3388">
        <v>50</v>
      </c>
      <c r="T3388">
        <v>51</v>
      </c>
      <c r="U3388">
        <v>53</v>
      </c>
      <c r="V3388">
        <v>54</v>
      </c>
      <c r="W3388">
        <v>56</v>
      </c>
      <c r="X3388">
        <v>57</v>
      </c>
      <c r="Y3388">
        <v>59</v>
      </c>
      <c r="Z3388">
        <v>61</v>
      </c>
      <c r="AA3388">
        <v>62</v>
      </c>
      <c r="AB3388">
        <v>64</v>
      </c>
      <c r="AC3388">
        <v>65</v>
      </c>
      <c r="AD3388">
        <v>67</v>
      </c>
      <c r="AE3388">
        <v>68</v>
      </c>
      <c r="AF3388">
        <v>69</v>
      </c>
      <c r="AG3388">
        <v>69</v>
      </c>
      <c r="AH3388">
        <v>70</v>
      </c>
      <c r="AI3388">
        <v>71</v>
      </c>
      <c r="AJ3388">
        <v>71</v>
      </c>
      <c r="AK3388">
        <v>72</v>
      </c>
      <c r="AL3388">
        <v>73</v>
      </c>
      <c r="AM3388">
        <v>73</v>
      </c>
      <c r="AN3388">
        <v>74</v>
      </c>
      <c r="AO3388">
        <v>75</v>
      </c>
      <c r="AP3388">
        <v>76</v>
      </c>
      <c r="AQ3388">
        <v>76</v>
      </c>
    </row>
    <row r="3389" spans="1:43">
      <c r="A3389" t="s">
        <v>2152</v>
      </c>
      <c r="B3389" t="s">
        <v>2153</v>
      </c>
      <c r="C3389" t="s">
        <v>2136</v>
      </c>
      <c r="D3389" t="s">
        <v>2137</v>
      </c>
      <c r="E3389" t="s">
        <v>2048</v>
      </c>
      <c r="F3389" t="s">
        <v>2049</v>
      </c>
      <c r="G3389" t="s">
        <v>80</v>
      </c>
      <c r="H3389" t="s">
        <v>81</v>
      </c>
      <c r="I3389" s="2">
        <v>0</v>
      </c>
      <c r="J3389" s="2">
        <v>1</v>
      </c>
      <c r="K3389" s="2">
        <v>0</v>
      </c>
      <c r="L3389" t="s">
        <v>82</v>
      </c>
      <c r="M3389" t="s">
        <v>83</v>
      </c>
      <c r="N3389" t="s">
        <v>91</v>
      </c>
      <c r="O3389" t="s">
        <v>85</v>
      </c>
      <c r="P3389" t="s">
        <v>86</v>
      </c>
      <c r="Q3389">
        <v>47</v>
      </c>
      <c r="R3389">
        <v>48</v>
      </c>
      <c r="S3389">
        <v>49</v>
      </c>
      <c r="T3389">
        <v>51</v>
      </c>
      <c r="U3389">
        <v>52</v>
      </c>
      <c r="V3389">
        <v>53</v>
      </c>
      <c r="W3389">
        <v>54</v>
      </c>
      <c r="X3389">
        <v>55</v>
      </c>
      <c r="Y3389">
        <v>57</v>
      </c>
      <c r="Z3389">
        <v>58</v>
      </c>
      <c r="AA3389">
        <v>59</v>
      </c>
      <c r="AB3389">
        <v>60</v>
      </c>
      <c r="AC3389">
        <v>62</v>
      </c>
      <c r="AD3389">
        <v>63</v>
      </c>
      <c r="AE3389">
        <v>64</v>
      </c>
      <c r="AF3389">
        <v>66</v>
      </c>
      <c r="AG3389">
        <v>67</v>
      </c>
      <c r="AH3389">
        <v>68</v>
      </c>
      <c r="AI3389">
        <v>70</v>
      </c>
      <c r="AJ3389">
        <v>71</v>
      </c>
      <c r="AK3389">
        <v>73</v>
      </c>
      <c r="AL3389">
        <v>73</v>
      </c>
      <c r="AM3389">
        <v>74</v>
      </c>
      <c r="AN3389">
        <v>75</v>
      </c>
      <c r="AO3389">
        <v>76</v>
      </c>
      <c r="AP3389">
        <v>76</v>
      </c>
      <c r="AQ3389">
        <v>77</v>
      </c>
    </row>
    <row r="3390" spans="1:43">
      <c r="A3390" t="s">
        <v>2154</v>
      </c>
      <c r="B3390" t="s">
        <v>2155</v>
      </c>
      <c r="C3390" t="s">
        <v>2156</v>
      </c>
      <c r="D3390" t="s">
        <v>2157</v>
      </c>
      <c r="E3390" t="s">
        <v>2048</v>
      </c>
      <c r="F3390" t="s">
        <v>2049</v>
      </c>
      <c r="G3390" t="s">
        <v>80</v>
      </c>
      <c r="H3390" t="s">
        <v>81</v>
      </c>
      <c r="I3390" s="2">
        <v>0</v>
      </c>
      <c r="J3390" s="2">
        <v>1</v>
      </c>
      <c r="K3390" s="2">
        <v>0</v>
      </c>
      <c r="L3390" t="s">
        <v>82</v>
      </c>
      <c r="M3390" t="s">
        <v>83</v>
      </c>
      <c r="N3390" t="s">
        <v>84</v>
      </c>
      <c r="O3390" t="s">
        <v>85</v>
      </c>
      <c r="P3390" t="s">
        <v>86</v>
      </c>
      <c r="Q3390">
        <v>34</v>
      </c>
      <c r="R3390">
        <v>35</v>
      </c>
      <c r="S3390">
        <v>36</v>
      </c>
      <c r="T3390">
        <v>37</v>
      </c>
      <c r="U3390">
        <v>38</v>
      </c>
      <c r="V3390">
        <v>38</v>
      </c>
      <c r="W3390">
        <v>39</v>
      </c>
      <c r="X3390">
        <v>40</v>
      </c>
      <c r="Y3390">
        <v>41</v>
      </c>
      <c r="Z3390">
        <v>42</v>
      </c>
      <c r="AA3390">
        <v>43</v>
      </c>
      <c r="AB3390">
        <v>44</v>
      </c>
      <c r="AC3390">
        <v>45</v>
      </c>
      <c r="AD3390">
        <v>46</v>
      </c>
      <c r="AE3390">
        <v>47</v>
      </c>
      <c r="AF3390">
        <v>48</v>
      </c>
      <c r="AG3390">
        <v>48</v>
      </c>
      <c r="AH3390">
        <v>49</v>
      </c>
      <c r="AI3390">
        <v>50</v>
      </c>
      <c r="AJ3390">
        <v>51</v>
      </c>
      <c r="AK3390">
        <v>52</v>
      </c>
      <c r="AL3390">
        <v>53</v>
      </c>
      <c r="AM3390">
        <v>54</v>
      </c>
      <c r="AN3390">
        <v>54</v>
      </c>
      <c r="AO3390">
        <v>55</v>
      </c>
      <c r="AP3390">
        <v>55</v>
      </c>
      <c r="AQ3390">
        <v>56</v>
      </c>
    </row>
    <row r="3391" spans="1:43">
      <c r="A3391" t="s">
        <v>2154</v>
      </c>
      <c r="B3391" t="s">
        <v>2155</v>
      </c>
      <c r="C3391" t="s">
        <v>2156</v>
      </c>
      <c r="D3391" t="s">
        <v>2157</v>
      </c>
      <c r="E3391" t="s">
        <v>2048</v>
      </c>
      <c r="F3391" t="s">
        <v>2049</v>
      </c>
      <c r="G3391" t="s">
        <v>80</v>
      </c>
      <c r="H3391" t="s">
        <v>81</v>
      </c>
      <c r="I3391" s="2">
        <v>0</v>
      </c>
      <c r="J3391" s="2">
        <v>1</v>
      </c>
      <c r="K3391" s="2">
        <v>0</v>
      </c>
      <c r="L3391" t="s">
        <v>82</v>
      </c>
      <c r="M3391" t="s">
        <v>87</v>
      </c>
      <c r="N3391" t="s">
        <v>88</v>
      </c>
      <c r="O3391" t="s">
        <v>85</v>
      </c>
      <c r="P3391" t="s">
        <v>86</v>
      </c>
      <c r="Q3391">
        <v>34</v>
      </c>
      <c r="R3391">
        <v>34</v>
      </c>
      <c r="S3391">
        <v>35</v>
      </c>
      <c r="T3391">
        <v>35</v>
      </c>
      <c r="U3391">
        <v>36</v>
      </c>
      <c r="V3391">
        <v>36</v>
      </c>
      <c r="W3391">
        <v>37</v>
      </c>
      <c r="X3391">
        <v>37</v>
      </c>
      <c r="Y3391">
        <v>38</v>
      </c>
      <c r="Z3391">
        <v>39</v>
      </c>
      <c r="AA3391">
        <v>39</v>
      </c>
      <c r="AB3391">
        <v>40</v>
      </c>
      <c r="AC3391">
        <v>40</v>
      </c>
      <c r="AD3391">
        <v>41</v>
      </c>
      <c r="AE3391">
        <v>41</v>
      </c>
      <c r="AF3391">
        <v>42</v>
      </c>
      <c r="AG3391">
        <v>42</v>
      </c>
      <c r="AH3391">
        <v>43</v>
      </c>
      <c r="AI3391">
        <v>44</v>
      </c>
      <c r="AJ3391">
        <v>44</v>
      </c>
      <c r="AK3391">
        <v>45</v>
      </c>
      <c r="AL3391">
        <v>45</v>
      </c>
      <c r="AM3391">
        <v>46</v>
      </c>
      <c r="AN3391">
        <v>47</v>
      </c>
      <c r="AO3391">
        <v>47</v>
      </c>
      <c r="AP3391">
        <v>48</v>
      </c>
      <c r="AQ3391">
        <v>48</v>
      </c>
    </row>
    <row r="3392" spans="1:43">
      <c r="A3392" t="s">
        <v>2154</v>
      </c>
      <c r="B3392" t="s">
        <v>2155</v>
      </c>
      <c r="C3392" t="s">
        <v>2156</v>
      </c>
      <c r="D3392" t="s">
        <v>2157</v>
      </c>
      <c r="E3392" t="s">
        <v>2048</v>
      </c>
      <c r="F3392" t="s">
        <v>2049</v>
      </c>
      <c r="G3392" t="s">
        <v>80</v>
      </c>
      <c r="H3392" t="s">
        <v>81</v>
      </c>
      <c r="I3392" s="2">
        <v>0</v>
      </c>
      <c r="J3392" s="2">
        <v>1</v>
      </c>
      <c r="K3392" s="2">
        <v>0</v>
      </c>
      <c r="L3392" t="s">
        <v>82</v>
      </c>
      <c r="M3392" t="s">
        <v>89</v>
      </c>
      <c r="N3392" t="s">
        <v>90</v>
      </c>
      <c r="O3392" t="s">
        <v>85</v>
      </c>
      <c r="P3392" t="s">
        <v>86</v>
      </c>
      <c r="Q3392">
        <v>34</v>
      </c>
      <c r="R3392">
        <v>35</v>
      </c>
      <c r="S3392">
        <v>36</v>
      </c>
      <c r="T3392">
        <v>37</v>
      </c>
      <c r="U3392">
        <v>38</v>
      </c>
      <c r="V3392">
        <v>39</v>
      </c>
      <c r="W3392">
        <v>40</v>
      </c>
      <c r="X3392">
        <v>41</v>
      </c>
      <c r="Y3392">
        <v>43</v>
      </c>
      <c r="Z3392">
        <v>44</v>
      </c>
      <c r="AA3392">
        <v>45</v>
      </c>
      <c r="AB3392">
        <v>46</v>
      </c>
      <c r="AC3392">
        <v>47</v>
      </c>
      <c r="AD3392">
        <v>48</v>
      </c>
      <c r="AE3392">
        <v>49</v>
      </c>
      <c r="AF3392">
        <v>49</v>
      </c>
      <c r="AG3392">
        <v>50</v>
      </c>
      <c r="AH3392">
        <v>50</v>
      </c>
      <c r="AI3392">
        <v>51</v>
      </c>
      <c r="AJ3392">
        <v>51</v>
      </c>
      <c r="AK3392">
        <v>52</v>
      </c>
      <c r="AL3392">
        <v>52</v>
      </c>
      <c r="AM3392">
        <v>53</v>
      </c>
      <c r="AN3392">
        <v>53</v>
      </c>
      <c r="AO3392">
        <v>54</v>
      </c>
      <c r="AP3392">
        <v>54</v>
      </c>
      <c r="AQ3392">
        <v>55</v>
      </c>
    </row>
    <row r="3393" spans="1:43">
      <c r="A3393" t="s">
        <v>2154</v>
      </c>
      <c r="B3393" t="s">
        <v>2155</v>
      </c>
      <c r="C3393" t="s">
        <v>2156</v>
      </c>
      <c r="D3393" t="s">
        <v>2157</v>
      </c>
      <c r="E3393" t="s">
        <v>2048</v>
      </c>
      <c r="F3393" t="s">
        <v>2049</v>
      </c>
      <c r="G3393" t="s">
        <v>80</v>
      </c>
      <c r="H3393" t="s">
        <v>81</v>
      </c>
      <c r="I3393" s="2">
        <v>0</v>
      </c>
      <c r="J3393" s="2">
        <v>1</v>
      </c>
      <c r="K3393" s="2">
        <v>0</v>
      </c>
      <c r="L3393" t="s">
        <v>82</v>
      </c>
      <c r="M3393" t="s">
        <v>83</v>
      </c>
      <c r="N3393" t="s">
        <v>91</v>
      </c>
      <c r="O3393" t="s">
        <v>85</v>
      </c>
      <c r="P3393" t="s">
        <v>86</v>
      </c>
      <c r="Q3393">
        <v>34</v>
      </c>
      <c r="R3393">
        <v>35</v>
      </c>
      <c r="S3393">
        <v>36</v>
      </c>
      <c r="T3393">
        <v>37</v>
      </c>
      <c r="U3393">
        <v>38</v>
      </c>
      <c r="V3393">
        <v>38</v>
      </c>
      <c r="W3393">
        <v>39</v>
      </c>
      <c r="X3393">
        <v>40</v>
      </c>
      <c r="Y3393">
        <v>41</v>
      </c>
      <c r="Z3393">
        <v>42</v>
      </c>
      <c r="AA3393">
        <v>43</v>
      </c>
      <c r="AB3393">
        <v>44</v>
      </c>
      <c r="AC3393">
        <v>45</v>
      </c>
      <c r="AD3393">
        <v>46</v>
      </c>
      <c r="AE3393">
        <v>47</v>
      </c>
      <c r="AF3393">
        <v>48</v>
      </c>
      <c r="AG3393">
        <v>48</v>
      </c>
      <c r="AH3393">
        <v>49</v>
      </c>
      <c r="AI3393">
        <v>50</v>
      </c>
      <c r="AJ3393">
        <v>51</v>
      </c>
      <c r="AK3393">
        <v>52</v>
      </c>
      <c r="AL3393">
        <v>53</v>
      </c>
      <c r="AM3393">
        <v>54</v>
      </c>
      <c r="AN3393">
        <v>54</v>
      </c>
      <c r="AO3393">
        <v>55</v>
      </c>
      <c r="AP3393">
        <v>55</v>
      </c>
      <c r="AQ3393">
        <v>56</v>
      </c>
    </row>
    <row r="3394" spans="1:43">
      <c r="A3394" t="s">
        <v>2158</v>
      </c>
      <c r="B3394" t="s">
        <v>2159</v>
      </c>
      <c r="C3394" t="s">
        <v>2156</v>
      </c>
      <c r="D3394" t="s">
        <v>2157</v>
      </c>
      <c r="E3394" t="s">
        <v>2048</v>
      </c>
      <c r="F3394" t="s">
        <v>2049</v>
      </c>
      <c r="G3394" t="s">
        <v>80</v>
      </c>
      <c r="H3394" t="s">
        <v>81</v>
      </c>
      <c r="I3394" s="2">
        <v>0</v>
      </c>
      <c r="J3394" s="2">
        <v>1</v>
      </c>
      <c r="K3394" s="2">
        <v>0</v>
      </c>
      <c r="L3394" t="s">
        <v>82</v>
      </c>
      <c r="M3394" t="s">
        <v>83</v>
      </c>
      <c r="N3394" t="s">
        <v>84</v>
      </c>
      <c r="O3394" t="s">
        <v>85</v>
      </c>
      <c r="P3394" t="s">
        <v>86</v>
      </c>
      <c r="Q3394">
        <v>72</v>
      </c>
      <c r="R3394">
        <v>74</v>
      </c>
      <c r="S3394">
        <v>76</v>
      </c>
      <c r="T3394">
        <v>77</v>
      </c>
      <c r="U3394">
        <v>79</v>
      </c>
      <c r="V3394">
        <v>81</v>
      </c>
      <c r="W3394">
        <v>83</v>
      </c>
      <c r="X3394">
        <v>85</v>
      </c>
      <c r="Y3394">
        <v>87</v>
      </c>
      <c r="Z3394">
        <v>88</v>
      </c>
      <c r="AA3394">
        <v>90</v>
      </c>
      <c r="AB3394">
        <v>92</v>
      </c>
      <c r="AC3394">
        <v>94</v>
      </c>
      <c r="AD3394">
        <v>96</v>
      </c>
      <c r="AE3394">
        <v>98</v>
      </c>
      <c r="AF3394">
        <v>100</v>
      </c>
      <c r="AG3394">
        <v>102</v>
      </c>
      <c r="AH3394">
        <v>104</v>
      </c>
      <c r="AI3394">
        <v>106</v>
      </c>
      <c r="AJ3394">
        <v>108</v>
      </c>
      <c r="AK3394">
        <v>110</v>
      </c>
      <c r="AL3394">
        <v>112</v>
      </c>
      <c r="AM3394">
        <v>113</v>
      </c>
      <c r="AN3394">
        <v>114</v>
      </c>
      <c r="AO3394">
        <v>115</v>
      </c>
      <c r="AP3394">
        <v>116</v>
      </c>
      <c r="AQ3394">
        <v>117</v>
      </c>
    </row>
    <row r="3395" spans="1:43">
      <c r="A3395" t="s">
        <v>2158</v>
      </c>
      <c r="B3395" t="s">
        <v>2159</v>
      </c>
      <c r="C3395" t="s">
        <v>2156</v>
      </c>
      <c r="D3395" t="s">
        <v>2157</v>
      </c>
      <c r="E3395" t="s">
        <v>2048</v>
      </c>
      <c r="F3395" t="s">
        <v>2049</v>
      </c>
      <c r="G3395" t="s">
        <v>80</v>
      </c>
      <c r="H3395" t="s">
        <v>81</v>
      </c>
      <c r="I3395" s="2">
        <v>0</v>
      </c>
      <c r="J3395" s="2">
        <v>1</v>
      </c>
      <c r="K3395" s="2">
        <v>0</v>
      </c>
      <c r="L3395" t="s">
        <v>82</v>
      </c>
      <c r="M3395" t="s">
        <v>87</v>
      </c>
      <c r="N3395" t="s">
        <v>88</v>
      </c>
      <c r="O3395" t="s">
        <v>85</v>
      </c>
      <c r="P3395" t="s">
        <v>86</v>
      </c>
      <c r="Q3395">
        <v>72</v>
      </c>
      <c r="R3395">
        <v>73</v>
      </c>
      <c r="S3395">
        <v>74</v>
      </c>
      <c r="T3395">
        <v>76</v>
      </c>
      <c r="U3395">
        <v>77</v>
      </c>
      <c r="V3395">
        <v>78</v>
      </c>
      <c r="W3395">
        <v>79</v>
      </c>
      <c r="X3395">
        <v>80</v>
      </c>
      <c r="Y3395">
        <v>81</v>
      </c>
      <c r="Z3395">
        <v>82</v>
      </c>
      <c r="AA3395">
        <v>83</v>
      </c>
      <c r="AB3395">
        <v>84</v>
      </c>
      <c r="AC3395">
        <v>86</v>
      </c>
      <c r="AD3395">
        <v>87</v>
      </c>
      <c r="AE3395">
        <v>88</v>
      </c>
      <c r="AF3395">
        <v>89</v>
      </c>
      <c r="AG3395">
        <v>90</v>
      </c>
      <c r="AH3395">
        <v>91</v>
      </c>
      <c r="AI3395">
        <v>93</v>
      </c>
      <c r="AJ3395">
        <v>94</v>
      </c>
      <c r="AK3395">
        <v>95</v>
      </c>
      <c r="AL3395">
        <v>96</v>
      </c>
      <c r="AM3395">
        <v>98</v>
      </c>
      <c r="AN3395">
        <v>99</v>
      </c>
      <c r="AO3395">
        <v>100</v>
      </c>
      <c r="AP3395">
        <v>102</v>
      </c>
      <c r="AQ3395">
        <v>103</v>
      </c>
    </row>
    <row r="3396" spans="1:43">
      <c r="A3396" t="s">
        <v>2158</v>
      </c>
      <c r="B3396" t="s">
        <v>2159</v>
      </c>
      <c r="C3396" t="s">
        <v>2156</v>
      </c>
      <c r="D3396" t="s">
        <v>2157</v>
      </c>
      <c r="E3396" t="s">
        <v>2048</v>
      </c>
      <c r="F3396" t="s">
        <v>2049</v>
      </c>
      <c r="G3396" t="s">
        <v>80</v>
      </c>
      <c r="H3396" t="s">
        <v>81</v>
      </c>
      <c r="I3396" s="2">
        <v>0</v>
      </c>
      <c r="J3396" s="2">
        <v>1</v>
      </c>
      <c r="K3396" s="2">
        <v>0</v>
      </c>
      <c r="L3396" t="s">
        <v>82</v>
      </c>
      <c r="M3396" t="s">
        <v>89</v>
      </c>
      <c r="N3396" t="s">
        <v>90</v>
      </c>
      <c r="O3396" t="s">
        <v>85</v>
      </c>
      <c r="P3396" t="s">
        <v>86</v>
      </c>
      <c r="Q3396">
        <v>72</v>
      </c>
      <c r="R3396">
        <v>74</v>
      </c>
      <c r="S3396">
        <v>76</v>
      </c>
      <c r="T3396">
        <v>79</v>
      </c>
      <c r="U3396">
        <v>81</v>
      </c>
      <c r="V3396">
        <v>84</v>
      </c>
      <c r="W3396">
        <v>86</v>
      </c>
      <c r="X3396">
        <v>88</v>
      </c>
      <c r="Y3396">
        <v>91</v>
      </c>
      <c r="Z3396">
        <v>93</v>
      </c>
      <c r="AA3396">
        <v>95</v>
      </c>
      <c r="AB3396">
        <v>97</v>
      </c>
      <c r="AC3396">
        <v>100</v>
      </c>
      <c r="AD3396">
        <v>102</v>
      </c>
      <c r="AE3396">
        <v>104</v>
      </c>
      <c r="AF3396">
        <v>105</v>
      </c>
      <c r="AG3396">
        <v>106</v>
      </c>
      <c r="AH3396">
        <v>107</v>
      </c>
      <c r="AI3396">
        <v>108</v>
      </c>
      <c r="AJ3396">
        <v>109</v>
      </c>
      <c r="AK3396">
        <v>110</v>
      </c>
      <c r="AL3396">
        <v>111</v>
      </c>
      <c r="AM3396">
        <v>112</v>
      </c>
      <c r="AN3396">
        <v>113</v>
      </c>
      <c r="AO3396">
        <v>114</v>
      </c>
      <c r="AP3396">
        <v>115</v>
      </c>
      <c r="AQ3396">
        <v>116</v>
      </c>
    </row>
    <row r="3397" spans="1:43">
      <c r="A3397" t="s">
        <v>2158</v>
      </c>
      <c r="B3397" t="s">
        <v>2159</v>
      </c>
      <c r="C3397" t="s">
        <v>2156</v>
      </c>
      <c r="D3397" t="s">
        <v>2157</v>
      </c>
      <c r="E3397" t="s">
        <v>2048</v>
      </c>
      <c r="F3397" t="s">
        <v>2049</v>
      </c>
      <c r="G3397" t="s">
        <v>80</v>
      </c>
      <c r="H3397" t="s">
        <v>81</v>
      </c>
      <c r="I3397" s="2">
        <v>0</v>
      </c>
      <c r="J3397" s="2">
        <v>1</v>
      </c>
      <c r="K3397" s="2">
        <v>0</v>
      </c>
      <c r="L3397" t="s">
        <v>82</v>
      </c>
      <c r="M3397" t="s">
        <v>83</v>
      </c>
      <c r="N3397" t="s">
        <v>91</v>
      </c>
      <c r="O3397" t="s">
        <v>85</v>
      </c>
      <c r="P3397" t="s">
        <v>86</v>
      </c>
      <c r="Q3397">
        <v>72</v>
      </c>
      <c r="R3397">
        <v>74</v>
      </c>
      <c r="S3397">
        <v>76</v>
      </c>
      <c r="T3397">
        <v>77</v>
      </c>
      <c r="U3397">
        <v>79</v>
      </c>
      <c r="V3397">
        <v>81</v>
      </c>
      <c r="W3397">
        <v>83</v>
      </c>
      <c r="X3397">
        <v>85</v>
      </c>
      <c r="Y3397">
        <v>87</v>
      </c>
      <c r="Z3397">
        <v>88</v>
      </c>
      <c r="AA3397">
        <v>90</v>
      </c>
      <c r="AB3397">
        <v>92</v>
      </c>
      <c r="AC3397">
        <v>94</v>
      </c>
      <c r="AD3397">
        <v>96</v>
      </c>
      <c r="AE3397">
        <v>98</v>
      </c>
      <c r="AF3397">
        <v>100</v>
      </c>
      <c r="AG3397">
        <v>102</v>
      </c>
      <c r="AH3397">
        <v>104</v>
      </c>
      <c r="AI3397">
        <v>106</v>
      </c>
      <c r="AJ3397">
        <v>108</v>
      </c>
      <c r="AK3397">
        <v>110</v>
      </c>
      <c r="AL3397">
        <v>112</v>
      </c>
      <c r="AM3397">
        <v>113</v>
      </c>
      <c r="AN3397">
        <v>114</v>
      </c>
      <c r="AO3397">
        <v>115</v>
      </c>
      <c r="AP3397">
        <v>116</v>
      </c>
      <c r="AQ3397">
        <v>117</v>
      </c>
    </row>
    <row r="3398" spans="1:43">
      <c r="A3398" t="s">
        <v>2160</v>
      </c>
      <c r="B3398" t="s">
        <v>2161</v>
      </c>
      <c r="C3398" t="s">
        <v>2156</v>
      </c>
      <c r="D3398" t="s">
        <v>2157</v>
      </c>
      <c r="E3398" t="s">
        <v>2048</v>
      </c>
      <c r="F3398" t="s">
        <v>2049</v>
      </c>
      <c r="G3398" t="s">
        <v>80</v>
      </c>
      <c r="H3398" t="s">
        <v>81</v>
      </c>
      <c r="I3398" s="2">
        <v>0</v>
      </c>
      <c r="J3398" s="2">
        <v>1</v>
      </c>
      <c r="K3398" s="2">
        <v>0</v>
      </c>
      <c r="L3398" t="s">
        <v>82</v>
      </c>
      <c r="M3398" t="s">
        <v>83</v>
      </c>
      <c r="N3398" t="s">
        <v>84</v>
      </c>
      <c r="O3398" t="s">
        <v>85</v>
      </c>
      <c r="P3398" t="s">
        <v>86</v>
      </c>
      <c r="Q3398">
        <v>26</v>
      </c>
      <c r="R3398">
        <v>27</v>
      </c>
      <c r="S3398">
        <v>27</v>
      </c>
      <c r="T3398">
        <v>28</v>
      </c>
      <c r="U3398">
        <v>28</v>
      </c>
      <c r="V3398">
        <v>29</v>
      </c>
      <c r="W3398">
        <v>30</v>
      </c>
      <c r="X3398">
        <v>30</v>
      </c>
      <c r="Y3398">
        <v>31</v>
      </c>
      <c r="Z3398">
        <v>32</v>
      </c>
      <c r="AA3398">
        <v>33</v>
      </c>
      <c r="AB3398">
        <v>33</v>
      </c>
      <c r="AC3398">
        <v>34</v>
      </c>
      <c r="AD3398">
        <v>35</v>
      </c>
      <c r="AE3398">
        <v>35</v>
      </c>
      <c r="AF3398">
        <v>36</v>
      </c>
      <c r="AG3398">
        <v>37</v>
      </c>
      <c r="AH3398">
        <v>37</v>
      </c>
      <c r="AI3398">
        <v>38</v>
      </c>
      <c r="AJ3398">
        <v>39</v>
      </c>
      <c r="AK3398">
        <v>40</v>
      </c>
      <c r="AL3398">
        <v>40</v>
      </c>
      <c r="AM3398">
        <v>41</v>
      </c>
      <c r="AN3398">
        <v>41</v>
      </c>
      <c r="AO3398">
        <v>41</v>
      </c>
      <c r="AP3398">
        <v>42</v>
      </c>
      <c r="AQ3398">
        <v>42</v>
      </c>
    </row>
    <row r="3399" spans="1:43">
      <c r="A3399" t="s">
        <v>2160</v>
      </c>
      <c r="B3399" t="s">
        <v>2161</v>
      </c>
      <c r="C3399" t="s">
        <v>2156</v>
      </c>
      <c r="D3399" t="s">
        <v>2157</v>
      </c>
      <c r="E3399" t="s">
        <v>2048</v>
      </c>
      <c r="F3399" t="s">
        <v>2049</v>
      </c>
      <c r="G3399" t="s">
        <v>80</v>
      </c>
      <c r="H3399" t="s">
        <v>81</v>
      </c>
      <c r="I3399" s="2">
        <v>0</v>
      </c>
      <c r="J3399" s="2">
        <v>1</v>
      </c>
      <c r="K3399" s="2">
        <v>0</v>
      </c>
      <c r="L3399" t="s">
        <v>82</v>
      </c>
      <c r="M3399" t="s">
        <v>87</v>
      </c>
      <c r="N3399" t="s">
        <v>88</v>
      </c>
      <c r="O3399" t="s">
        <v>85</v>
      </c>
      <c r="P3399" t="s">
        <v>86</v>
      </c>
      <c r="Q3399">
        <v>26</v>
      </c>
      <c r="R3399">
        <v>26</v>
      </c>
      <c r="S3399">
        <v>26</v>
      </c>
      <c r="T3399">
        <v>27</v>
      </c>
      <c r="U3399">
        <v>27</v>
      </c>
      <c r="V3399">
        <v>28</v>
      </c>
      <c r="W3399">
        <v>28</v>
      </c>
      <c r="X3399">
        <v>28</v>
      </c>
      <c r="Y3399">
        <v>29</v>
      </c>
      <c r="Z3399">
        <v>29</v>
      </c>
      <c r="AA3399">
        <v>30</v>
      </c>
      <c r="AB3399">
        <v>30</v>
      </c>
      <c r="AC3399">
        <v>30</v>
      </c>
      <c r="AD3399">
        <v>31</v>
      </c>
      <c r="AE3399">
        <v>31</v>
      </c>
      <c r="AF3399">
        <v>32</v>
      </c>
      <c r="AG3399">
        <v>32</v>
      </c>
      <c r="AH3399">
        <v>33</v>
      </c>
      <c r="AI3399">
        <v>33</v>
      </c>
      <c r="AJ3399">
        <v>33</v>
      </c>
      <c r="AK3399">
        <v>34</v>
      </c>
      <c r="AL3399">
        <v>34</v>
      </c>
      <c r="AM3399">
        <v>35</v>
      </c>
      <c r="AN3399">
        <v>35</v>
      </c>
      <c r="AO3399">
        <v>36</v>
      </c>
      <c r="AP3399">
        <v>36</v>
      </c>
      <c r="AQ3399">
        <v>37</v>
      </c>
    </row>
    <row r="3400" spans="1:43">
      <c r="A3400" t="s">
        <v>2160</v>
      </c>
      <c r="B3400" t="s">
        <v>2161</v>
      </c>
      <c r="C3400" t="s">
        <v>2156</v>
      </c>
      <c r="D3400" t="s">
        <v>2157</v>
      </c>
      <c r="E3400" t="s">
        <v>2048</v>
      </c>
      <c r="F3400" t="s">
        <v>2049</v>
      </c>
      <c r="G3400" t="s">
        <v>80</v>
      </c>
      <c r="H3400" t="s">
        <v>81</v>
      </c>
      <c r="I3400" s="2">
        <v>0</v>
      </c>
      <c r="J3400" s="2">
        <v>1</v>
      </c>
      <c r="K3400" s="2">
        <v>0</v>
      </c>
      <c r="L3400" t="s">
        <v>82</v>
      </c>
      <c r="M3400" t="s">
        <v>89</v>
      </c>
      <c r="N3400" t="s">
        <v>90</v>
      </c>
      <c r="O3400" t="s">
        <v>85</v>
      </c>
      <c r="P3400" t="s">
        <v>86</v>
      </c>
      <c r="Q3400">
        <v>26</v>
      </c>
      <c r="R3400">
        <v>27</v>
      </c>
      <c r="S3400">
        <v>28</v>
      </c>
      <c r="T3400">
        <v>29</v>
      </c>
      <c r="U3400">
        <v>30</v>
      </c>
      <c r="V3400">
        <v>30</v>
      </c>
      <c r="W3400">
        <v>31</v>
      </c>
      <c r="X3400">
        <v>32</v>
      </c>
      <c r="Y3400">
        <v>33</v>
      </c>
      <c r="Z3400">
        <v>34</v>
      </c>
      <c r="AA3400">
        <v>35</v>
      </c>
      <c r="AB3400">
        <v>35</v>
      </c>
      <c r="AC3400">
        <v>36</v>
      </c>
      <c r="AD3400">
        <v>37</v>
      </c>
      <c r="AE3400">
        <v>38</v>
      </c>
      <c r="AF3400">
        <v>38</v>
      </c>
      <c r="AG3400">
        <v>39</v>
      </c>
      <c r="AH3400">
        <v>39</v>
      </c>
      <c r="AI3400">
        <v>39</v>
      </c>
      <c r="AJ3400">
        <v>40</v>
      </c>
      <c r="AK3400">
        <v>40</v>
      </c>
      <c r="AL3400">
        <v>40</v>
      </c>
      <c r="AM3400">
        <v>41</v>
      </c>
      <c r="AN3400">
        <v>41</v>
      </c>
      <c r="AO3400">
        <v>42</v>
      </c>
      <c r="AP3400">
        <v>42</v>
      </c>
      <c r="AQ3400">
        <v>42</v>
      </c>
    </row>
    <row r="3401" spans="1:43">
      <c r="A3401" t="s">
        <v>2160</v>
      </c>
      <c r="B3401" t="s">
        <v>2161</v>
      </c>
      <c r="C3401" t="s">
        <v>2156</v>
      </c>
      <c r="D3401" t="s">
        <v>2157</v>
      </c>
      <c r="E3401" t="s">
        <v>2048</v>
      </c>
      <c r="F3401" t="s">
        <v>2049</v>
      </c>
      <c r="G3401" t="s">
        <v>80</v>
      </c>
      <c r="H3401" t="s">
        <v>81</v>
      </c>
      <c r="I3401" s="2">
        <v>0</v>
      </c>
      <c r="J3401" s="2">
        <v>1</v>
      </c>
      <c r="K3401" s="2">
        <v>0</v>
      </c>
      <c r="L3401" t="s">
        <v>82</v>
      </c>
      <c r="M3401" t="s">
        <v>83</v>
      </c>
      <c r="N3401" t="s">
        <v>91</v>
      </c>
      <c r="O3401" t="s">
        <v>85</v>
      </c>
      <c r="P3401" t="s">
        <v>86</v>
      </c>
      <c r="Q3401">
        <v>26</v>
      </c>
      <c r="R3401">
        <v>27</v>
      </c>
      <c r="S3401">
        <v>27</v>
      </c>
      <c r="T3401">
        <v>28</v>
      </c>
      <c r="U3401">
        <v>28</v>
      </c>
      <c r="V3401">
        <v>29</v>
      </c>
      <c r="W3401">
        <v>30</v>
      </c>
      <c r="X3401">
        <v>30</v>
      </c>
      <c r="Y3401">
        <v>31</v>
      </c>
      <c r="Z3401">
        <v>32</v>
      </c>
      <c r="AA3401">
        <v>33</v>
      </c>
      <c r="AB3401">
        <v>33</v>
      </c>
      <c r="AC3401">
        <v>34</v>
      </c>
      <c r="AD3401">
        <v>35</v>
      </c>
      <c r="AE3401">
        <v>35</v>
      </c>
      <c r="AF3401">
        <v>36</v>
      </c>
      <c r="AG3401">
        <v>37</v>
      </c>
      <c r="AH3401">
        <v>37</v>
      </c>
      <c r="AI3401">
        <v>38</v>
      </c>
      <c r="AJ3401">
        <v>39</v>
      </c>
      <c r="AK3401">
        <v>40</v>
      </c>
      <c r="AL3401">
        <v>40</v>
      </c>
      <c r="AM3401">
        <v>41</v>
      </c>
      <c r="AN3401">
        <v>41</v>
      </c>
      <c r="AO3401">
        <v>41</v>
      </c>
      <c r="AP3401">
        <v>42</v>
      </c>
      <c r="AQ3401">
        <v>42</v>
      </c>
    </row>
    <row r="3402" spans="1:43">
      <c r="A3402" t="s">
        <v>2162</v>
      </c>
      <c r="B3402" t="s">
        <v>2163</v>
      </c>
      <c r="C3402" t="s">
        <v>2164</v>
      </c>
      <c r="D3402" t="s">
        <v>2165</v>
      </c>
      <c r="E3402" t="s">
        <v>2048</v>
      </c>
      <c r="F3402" t="s">
        <v>2049</v>
      </c>
      <c r="G3402" t="s">
        <v>80</v>
      </c>
      <c r="H3402" t="s">
        <v>81</v>
      </c>
      <c r="I3402" s="2">
        <v>0</v>
      </c>
      <c r="J3402" s="2">
        <v>1</v>
      </c>
      <c r="K3402" s="2">
        <v>0</v>
      </c>
      <c r="L3402" t="s">
        <v>82</v>
      </c>
      <c r="M3402" t="s">
        <v>83</v>
      </c>
      <c r="N3402" t="s">
        <v>84</v>
      </c>
      <c r="O3402" t="s">
        <v>85</v>
      </c>
      <c r="P3402" t="s">
        <v>86</v>
      </c>
      <c r="Q3402">
        <v>56</v>
      </c>
      <c r="R3402">
        <v>57</v>
      </c>
      <c r="S3402">
        <v>58</v>
      </c>
      <c r="T3402">
        <v>60</v>
      </c>
      <c r="U3402">
        <v>61</v>
      </c>
      <c r="V3402">
        <v>63</v>
      </c>
      <c r="W3402">
        <v>64</v>
      </c>
      <c r="X3402">
        <v>65</v>
      </c>
      <c r="Y3402">
        <v>67</v>
      </c>
      <c r="Z3402">
        <v>68</v>
      </c>
      <c r="AA3402">
        <v>70</v>
      </c>
      <c r="AB3402">
        <v>71</v>
      </c>
      <c r="AC3402">
        <v>73</v>
      </c>
      <c r="AD3402">
        <v>74</v>
      </c>
      <c r="AE3402">
        <v>76</v>
      </c>
      <c r="AF3402">
        <v>77</v>
      </c>
      <c r="AG3402">
        <v>79</v>
      </c>
      <c r="AH3402">
        <v>80</v>
      </c>
      <c r="AI3402">
        <v>82</v>
      </c>
      <c r="AJ3402">
        <v>83</v>
      </c>
      <c r="AK3402">
        <v>85</v>
      </c>
      <c r="AL3402">
        <v>86</v>
      </c>
      <c r="AM3402">
        <v>87</v>
      </c>
      <c r="AN3402">
        <v>88</v>
      </c>
      <c r="AO3402">
        <v>88</v>
      </c>
      <c r="AP3402">
        <v>89</v>
      </c>
      <c r="AQ3402">
        <v>90</v>
      </c>
    </row>
    <row r="3403" spans="1:43">
      <c r="A3403" t="s">
        <v>2162</v>
      </c>
      <c r="B3403" t="s">
        <v>2163</v>
      </c>
      <c r="C3403" t="s">
        <v>2164</v>
      </c>
      <c r="D3403" t="s">
        <v>2165</v>
      </c>
      <c r="E3403" t="s">
        <v>2048</v>
      </c>
      <c r="F3403" t="s">
        <v>2049</v>
      </c>
      <c r="G3403" t="s">
        <v>80</v>
      </c>
      <c r="H3403" t="s">
        <v>81</v>
      </c>
      <c r="I3403" s="2">
        <v>0</v>
      </c>
      <c r="J3403" s="2">
        <v>1</v>
      </c>
      <c r="K3403" s="2">
        <v>0</v>
      </c>
      <c r="L3403" t="s">
        <v>82</v>
      </c>
      <c r="M3403" t="s">
        <v>87</v>
      </c>
      <c r="N3403" t="s">
        <v>88</v>
      </c>
      <c r="O3403" t="s">
        <v>85</v>
      </c>
      <c r="P3403" t="s">
        <v>86</v>
      </c>
      <c r="Q3403">
        <v>56</v>
      </c>
      <c r="R3403">
        <v>57</v>
      </c>
      <c r="S3403">
        <v>58</v>
      </c>
      <c r="T3403">
        <v>59</v>
      </c>
      <c r="U3403">
        <v>59</v>
      </c>
      <c r="V3403">
        <v>60</v>
      </c>
      <c r="W3403">
        <v>61</v>
      </c>
      <c r="X3403">
        <v>62</v>
      </c>
      <c r="Y3403">
        <v>63</v>
      </c>
      <c r="Z3403">
        <v>64</v>
      </c>
      <c r="AA3403">
        <v>64</v>
      </c>
      <c r="AB3403">
        <v>65</v>
      </c>
      <c r="AC3403">
        <v>66</v>
      </c>
      <c r="AD3403">
        <v>67</v>
      </c>
      <c r="AE3403">
        <v>68</v>
      </c>
      <c r="AF3403">
        <v>69</v>
      </c>
      <c r="AG3403">
        <v>70</v>
      </c>
      <c r="AH3403">
        <v>71</v>
      </c>
      <c r="AI3403">
        <v>72</v>
      </c>
      <c r="AJ3403">
        <v>73</v>
      </c>
      <c r="AK3403">
        <v>73</v>
      </c>
      <c r="AL3403">
        <v>74</v>
      </c>
      <c r="AM3403">
        <v>75</v>
      </c>
      <c r="AN3403">
        <v>76</v>
      </c>
      <c r="AO3403">
        <v>77</v>
      </c>
      <c r="AP3403">
        <v>78</v>
      </c>
      <c r="AQ3403">
        <v>79</v>
      </c>
    </row>
    <row r="3404" spans="1:43">
      <c r="A3404" t="s">
        <v>2162</v>
      </c>
      <c r="B3404" t="s">
        <v>2163</v>
      </c>
      <c r="C3404" t="s">
        <v>2164</v>
      </c>
      <c r="D3404" t="s">
        <v>2165</v>
      </c>
      <c r="E3404" t="s">
        <v>2048</v>
      </c>
      <c r="F3404" t="s">
        <v>2049</v>
      </c>
      <c r="G3404" t="s">
        <v>80</v>
      </c>
      <c r="H3404" t="s">
        <v>81</v>
      </c>
      <c r="I3404" s="2">
        <v>0</v>
      </c>
      <c r="J3404" s="2">
        <v>1</v>
      </c>
      <c r="K3404" s="2">
        <v>0</v>
      </c>
      <c r="L3404" t="s">
        <v>82</v>
      </c>
      <c r="M3404" t="s">
        <v>89</v>
      </c>
      <c r="N3404" t="s">
        <v>90</v>
      </c>
      <c r="O3404" t="s">
        <v>85</v>
      </c>
      <c r="P3404" t="s">
        <v>86</v>
      </c>
      <c r="Q3404">
        <v>56</v>
      </c>
      <c r="R3404">
        <v>58</v>
      </c>
      <c r="S3404">
        <v>60</v>
      </c>
      <c r="T3404">
        <v>62</v>
      </c>
      <c r="U3404">
        <v>64</v>
      </c>
      <c r="V3404">
        <v>65</v>
      </c>
      <c r="W3404">
        <v>67</v>
      </c>
      <c r="X3404">
        <v>69</v>
      </c>
      <c r="Y3404">
        <v>71</v>
      </c>
      <c r="Z3404">
        <v>73</v>
      </c>
      <c r="AA3404">
        <v>74</v>
      </c>
      <c r="AB3404">
        <v>76</v>
      </c>
      <c r="AC3404">
        <v>78</v>
      </c>
      <c r="AD3404">
        <v>80</v>
      </c>
      <c r="AE3404">
        <v>81</v>
      </c>
      <c r="AF3404">
        <v>82</v>
      </c>
      <c r="AG3404">
        <v>83</v>
      </c>
      <c r="AH3404">
        <v>83</v>
      </c>
      <c r="AI3404">
        <v>84</v>
      </c>
      <c r="AJ3404">
        <v>85</v>
      </c>
      <c r="AK3404">
        <v>86</v>
      </c>
      <c r="AL3404">
        <v>87</v>
      </c>
      <c r="AM3404">
        <v>87</v>
      </c>
      <c r="AN3404">
        <v>88</v>
      </c>
      <c r="AO3404">
        <v>89</v>
      </c>
      <c r="AP3404">
        <v>90</v>
      </c>
      <c r="AQ3404">
        <v>91</v>
      </c>
    </row>
    <row r="3405" spans="1:43">
      <c r="A3405" t="s">
        <v>2162</v>
      </c>
      <c r="B3405" t="s">
        <v>2163</v>
      </c>
      <c r="C3405" t="s">
        <v>2164</v>
      </c>
      <c r="D3405" t="s">
        <v>2165</v>
      </c>
      <c r="E3405" t="s">
        <v>2048</v>
      </c>
      <c r="F3405" t="s">
        <v>2049</v>
      </c>
      <c r="G3405" t="s">
        <v>80</v>
      </c>
      <c r="H3405" t="s">
        <v>81</v>
      </c>
      <c r="I3405" s="2">
        <v>0</v>
      </c>
      <c r="J3405" s="2">
        <v>1</v>
      </c>
      <c r="K3405" s="2">
        <v>0</v>
      </c>
      <c r="L3405" t="s">
        <v>82</v>
      </c>
      <c r="M3405" t="s">
        <v>83</v>
      </c>
      <c r="N3405" t="s">
        <v>91</v>
      </c>
      <c r="O3405" t="s">
        <v>85</v>
      </c>
      <c r="P3405" t="s">
        <v>86</v>
      </c>
      <c r="Q3405">
        <v>56</v>
      </c>
      <c r="R3405">
        <v>57</v>
      </c>
      <c r="S3405">
        <v>58</v>
      </c>
      <c r="T3405">
        <v>60</v>
      </c>
      <c r="U3405">
        <v>61</v>
      </c>
      <c r="V3405">
        <v>63</v>
      </c>
      <c r="W3405">
        <v>64</v>
      </c>
      <c r="X3405">
        <v>65</v>
      </c>
      <c r="Y3405">
        <v>67</v>
      </c>
      <c r="Z3405">
        <v>68</v>
      </c>
      <c r="AA3405">
        <v>70</v>
      </c>
      <c r="AB3405">
        <v>71</v>
      </c>
      <c r="AC3405">
        <v>73</v>
      </c>
      <c r="AD3405">
        <v>74</v>
      </c>
      <c r="AE3405">
        <v>76</v>
      </c>
      <c r="AF3405">
        <v>77</v>
      </c>
      <c r="AG3405">
        <v>79</v>
      </c>
      <c r="AH3405">
        <v>80</v>
      </c>
      <c r="AI3405">
        <v>82</v>
      </c>
      <c r="AJ3405">
        <v>83</v>
      </c>
      <c r="AK3405">
        <v>85</v>
      </c>
      <c r="AL3405">
        <v>86</v>
      </c>
      <c r="AM3405">
        <v>87</v>
      </c>
      <c r="AN3405">
        <v>88</v>
      </c>
      <c r="AO3405">
        <v>88</v>
      </c>
      <c r="AP3405">
        <v>89</v>
      </c>
      <c r="AQ3405">
        <v>90</v>
      </c>
    </row>
    <row r="3406" spans="1:43">
      <c r="A3406" t="s">
        <v>2166</v>
      </c>
      <c r="B3406" t="s">
        <v>2167</v>
      </c>
      <c r="C3406" t="s">
        <v>2164</v>
      </c>
      <c r="D3406" t="s">
        <v>2165</v>
      </c>
      <c r="E3406" t="s">
        <v>2048</v>
      </c>
      <c r="F3406" t="s">
        <v>2049</v>
      </c>
      <c r="G3406" t="s">
        <v>80</v>
      </c>
      <c r="H3406" t="s">
        <v>81</v>
      </c>
      <c r="I3406" s="2">
        <v>0</v>
      </c>
      <c r="J3406" s="2">
        <v>1</v>
      </c>
      <c r="K3406" s="2">
        <v>0</v>
      </c>
      <c r="L3406" t="s">
        <v>82</v>
      </c>
      <c r="M3406" t="s">
        <v>83</v>
      </c>
      <c r="N3406" t="s">
        <v>84</v>
      </c>
      <c r="O3406" t="s">
        <v>85</v>
      </c>
      <c r="P3406" t="s">
        <v>86</v>
      </c>
      <c r="Q3406">
        <v>73</v>
      </c>
      <c r="R3406">
        <v>74</v>
      </c>
      <c r="S3406">
        <v>76</v>
      </c>
      <c r="T3406">
        <v>78</v>
      </c>
      <c r="U3406">
        <v>80</v>
      </c>
      <c r="V3406">
        <v>81</v>
      </c>
      <c r="W3406">
        <v>83</v>
      </c>
      <c r="X3406">
        <v>85</v>
      </c>
      <c r="Y3406">
        <v>87</v>
      </c>
      <c r="Z3406">
        <v>89</v>
      </c>
      <c r="AA3406">
        <v>91</v>
      </c>
      <c r="AB3406">
        <v>93</v>
      </c>
      <c r="AC3406">
        <v>95</v>
      </c>
      <c r="AD3406">
        <v>97</v>
      </c>
      <c r="AE3406">
        <v>99</v>
      </c>
      <c r="AF3406">
        <v>101</v>
      </c>
      <c r="AG3406">
        <v>103</v>
      </c>
      <c r="AH3406">
        <v>105</v>
      </c>
      <c r="AI3406">
        <v>107</v>
      </c>
      <c r="AJ3406">
        <v>109</v>
      </c>
      <c r="AK3406">
        <v>111</v>
      </c>
      <c r="AL3406">
        <v>112</v>
      </c>
      <c r="AM3406">
        <v>113</v>
      </c>
      <c r="AN3406">
        <v>114</v>
      </c>
      <c r="AO3406">
        <v>115</v>
      </c>
      <c r="AP3406">
        <v>116</v>
      </c>
      <c r="AQ3406">
        <v>117</v>
      </c>
    </row>
    <row r="3407" spans="1:43">
      <c r="A3407" t="s">
        <v>2166</v>
      </c>
      <c r="B3407" t="s">
        <v>2167</v>
      </c>
      <c r="C3407" t="s">
        <v>2164</v>
      </c>
      <c r="D3407" t="s">
        <v>2165</v>
      </c>
      <c r="E3407" t="s">
        <v>2048</v>
      </c>
      <c r="F3407" t="s">
        <v>2049</v>
      </c>
      <c r="G3407" t="s">
        <v>80</v>
      </c>
      <c r="H3407" t="s">
        <v>81</v>
      </c>
      <c r="I3407" s="2">
        <v>0</v>
      </c>
      <c r="J3407" s="2">
        <v>1</v>
      </c>
      <c r="K3407" s="2">
        <v>0</v>
      </c>
      <c r="L3407" t="s">
        <v>82</v>
      </c>
      <c r="M3407" t="s">
        <v>87</v>
      </c>
      <c r="N3407" t="s">
        <v>88</v>
      </c>
      <c r="O3407" t="s">
        <v>85</v>
      </c>
      <c r="P3407" t="s">
        <v>86</v>
      </c>
      <c r="Q3407">
        <v>73</v>
      </c>
      <c r="R3407">
        <v>74</v>
      </c>
      <c r="S3407">
        <v>75</v>
      </c>
      <c r="T3407">
        <v>76</v>
      </c>
      <c r="U3407">
        <v>77</v>
      </c>
      <c r="V3407">
        <v>78</v>
      </c>
      <c r="W3407">
        <v>79</v>
      </c>
      <c r="X3407">
        <v>80</v>
      </c>
      <c r="Y3407">
        <v>81</v>
      </c>
      <c r="Z3407">
        <v>83</v>
      </c>
      <c r="AA3407">
        <v>84</v>
      </c>
      <c r="AB3407">
        <v>85</v>
      </c>
      <c r="AC3407">
        <v>86</v>
      </c>
      <c r="AD3407">
        <v>87</v>
      </c>
      <c r="AE3407">
        <v>88</v>
      </c>
      <c r="AF3407">
        <v>89</v>
      </c>
      <c r="AG3407">
        <v>91</v>
      </c>
      <c r="AH3407">
        <v>92</v>
      </c>
      <c r="AI3407">
        <v>93</v>
      </c>
      <c r="AJ3407">
        <v>94</v>
      </c>
      <c r="AK3407">
        <v>95</v>
      </c>
      <c r="AL3407">
        <v>97</v>
      </c>
      <c r="AM3407">
        <v>98</v>
      </c>
      <c r="AN3407">
        <v>99</v>
      </c>
      <c r="AO3407">
        <v>100</v>
      </c>
      <c r="AP3407">
        <v>102</v>
      </c>
      <c r="AQ3407">
        <v>103</v>
      </c>
    </row>
    <row r="3408" spans="1:43">
      <c r="A3408" t="s">
        <v>2166</v>
      </c>
      <c r="B3408" t="s">
        <v>2167</v>
      </c>
      <c r="C3408" t="s">
        <v>2164</v>
      </c>
      <c r="D3408" t="s">
        <v>2165</v>
      </c>
      <c r="E3408" t="s">
        <v>2048</v>
      </c>
      <c r="F3408" t="s">
        <v>2049</v>
      </c>
      <c r="G3408" t="s">
        <v>80</v>
      </c>
      <c r="H3408" t="s">
        <v>81</v>
      </c>
      <c r="I3408" s="2">
        <v>0</v>
      </c>
      <c r="J3408" s="2">
        <v>1</v>
      </c>
      <c r="K3408" s="2">
        <v>0</v>
      </c>
      <c r="L3408" t="s">
        <v>82</v>
      </c>
      <c r="M3408" t="s">
        <v>89</v>
      </c>
      <c r="N3408" t="s">
        <v>90</v>
      </c>
      <c r="O3408" t="s">
        <v>85</v>
      </c>
      <c r="P3408" t="s">
        <v>86</v>
      </c>
      <c r="Q3408">
        <v>73</v>
      </c>
      <c r="R3408">
        <v>76</v>
      </c>
      <c r="S3408">
        <v>78</v>
      </c>
      <c r="T3408">
        <v>80</v>
      </c>
      <c r="U3408">
        <v>83</v>
      </c>
      <c r="V3408">
        <v>85</v>
      </c>
      <c r="W3408">
        <v>88</v>
      </c>
      <c r="X3408">
        <v>90</v>
      </c>
      <c r="Y3408">
        <v>92</v>
      </c>
      <c r="Z3408">
        <v>94</v>
      </c>
      <c r="AA3408">
        <v>97</v>
      </c>
      <c r="AB3408">
        <v>99</v>
      </c>
      <c r="AC3408">
        <v>101</v>
      </c>
      <c r="AD3408">
        <v>104</v>
      </c>
      <c r="AE3408">
        <v>106</v>
      </c>
      <c r="AF3408">
        <v>107</v>
      </c>
      <c r="AG3408">
        <v>108</v>
      </c>
      <c r="AH3408">
        <v>109</v>
      </c>
      <c r="AI3408">
        <v>110</v>
      </c>
      <c r="AJ3408">
        <v>111</v>
      </c>
      <c r="AK3408">
        <v>112</v>
      </c>
      <c r="AL3408">
        <v>113</v>
      </c>
      <c r="AM3408">
        <v>114</v>
      </c>
      <c r="AN3408">
        <v>115</v>
      </c>
      <c r="AO3408">
        <v>116</v>
      </c>
      <c r="AP3408">
        <v>117</v>
      </c>
      <c r="AQ3408">
        <v>118</v>
      </c>
    </row>
    <row r="3409" spans="1:43">
      <c r="A3409" t="s">
        <v>2166</v>
      </c>
      <c r="B3409" t="s">
        <v>2167</v>
      </c>
      <c r="C3409" t="s">
        <v>2164</v>
      </c>
      <c r="D3409" t="s">
        <v>2165</v>
      </c>
      <c r="E3409" t="s">
        <v>2048</v>
      </c>
      <c r="F3409" t="s">
        <v>2049</v>
      </c>
      <c r="G3409" t="s">
        <v>80</v>
      </c>
      <c r="H3409" t="s">
        <v>81</v>
      </c>
      <c r="I3409" s="2">
        <v>0</v>
      </c>
      <c r="J3409" s="2">
        <v>1</v>
      </c>
      <c r="K3409" s="2">
        <v>0</v>
      </c>
      <c r="L3409" t="s">
        <v>82</v>
      </c>
      <c r="M3409" t="s">
        <v>83</v>
      </c>
      <c r="N3409" t="s">
        <v>91</v>
      </c>
      <c r="O3409" t="s">
        <v>85</v>
      </c>
      <c r="P3409" t="s">
        <v>86</v>
      </c>
      <c r="Q3409">
        <v>73</v>
      </c>
      <c r="R3409">
        <v>74</v>
      </c>
      <c r="S3409">
        <v>76</v>
      </c>
      <c r="T3409">
        <v>78</v>
      </c>
      <c r="U3409">
        <v>80</v>
      </c>
      <c r="V3409">
        <v>81</v>
      </c>
      <c r="W3409">
        <v>83</v>
      </c>
      <c r="X3409">
        <v>85</v>
      </c>
      <c r="Y3409">
        <v>87</v>
      </c>
      <c r="Z3409">
        <v>89</v>
      </c>
      <c r="AA3409">
        <v>91</v>
      </c>
      <c r="AB3409">
        <v>93</v>
      </c>
      <c r="AC3409">
        <v>95</v>
      </c>
      <c r="AD3409">
        <v>97</v>
      </c>
      <c r="AE3409">
        <v>99</v>
      </c>
      <c r="AF3409">
        <v>101</v>
      </c>
      <c r="AG3409">
        <v>103</v>
      </c>
      <c r="AH3409">
        <v>105</v>
      </c>
      <c r="AI3409">
        <v>107</v>
      </c>
      <c r="AJ3409">
        <v>109</v>
      </c>
      <c r="AK3409">
        <v>111</v>
      </c>
      <c r="AL3409">
        <v>112</v>
      </c>
      <c r="AM3409">
        <v>113</v>
      </c>
      <c r="AN3409">
        <v>114</v>
      </c>
      <c r="AO3409">
        <v>115</v>
      </c>
      <c r="AP3409">
        <v>116</v>
      </c>
      <c r="AQ3409">
        <v>117</v>
      </c>
    </row>
    <row r="3410" spans="1:43">
      <c r="A3410" t="s">
        <v>2168</v>
      </c>
      <c r="B3410" t="s">
        <v>2169</v>
      </c>
      <c r="C3410" t="s">
        <v>2164</v>
      </c>
      <c r="D3410" t="s">
        <v>2165</v>
      </c>
      <c r="E3410" t="s">
        <v>2048</v>
      </c>
      <c r="F3410" t="s">
        <v>2049</v>
      </c>
      <c r="G3410" t="s">
        <v>80</v>
      </c>
      <c r="H3410" t="s">
        <v>81</v>
      </c>
      <c r="I3410" s="2">
        <v>0</v>
      </c>
      <c r="J3410" s="2">
        <v>1</v>
      </c>
      <c r="K3410" s="2">
        <v>0</v>
      </c>
      <c r="L3410" t="s">
        <v>82</v>
      </c>
      <c r="M3410" t="s">
        <v>83</v>
      </c>
      <c r="N3410" t="s">
        <v>84</v>
      </c>
      <c r="O3410" t="s">
        <v>85</v>
      </c>
      <c r="P3410" t="s">
        <v>86</v>
      </c>
      <c r="Q3410">
        <v>20</v>
      </c>
      <c r="R3410">
        <v>20</v>
      </c>
      <c r="S3410">
        <v>21</v>
      </c>
      <c r="T3410">
        <v>21</v>
      </c>
      <c r="U3410">
        <v>22</v>
      </c>
      <c r="V3410">
        <v>22</v>
      </c>
      <c r="W3410">
        <v>23</v>
      </c>
      <c r="X3410">
        <v>23</v>
      </c>
      <c r="Y3410">
        <v>24</v>
      </c>
      <c r="Z3410">
        <v>24</v>
      </c>
      <c r="AA3410">
        <v>25</v>
      </c>
      <c r="AB3410">
        <v>25</v>
      </c>
      <c r="AC3410">
        <v>26</v>
      </c>
      <c r="AD3410">
        <v>26</v>
      </c>
      <c r="AE3410">
        <v>27</v>
      </c>
      <c r="AF3410">
        <v>27</v>
      </c>
      <c r="AG3410">
        <v>28</v>
      </c>
      <c r="AH3410">
        <v>29</v>
      </c>
      <c r="AI3410">
        <v>29</v>
      </c>
      <c r="AJ3410">
        <v>30</v>
      </c>
      <c r="AK3410">
        <v>30</v>
      </c>
      <c r="AL3410">
        <v>31</v>
      </c>
      <c r="AM3410">
        <v>31</v>
      </c>
      <c r="AN3410">
        <v>31</v>
      </c>
      <c r="AO3410">
        <v>31</v>
      </c>
      <c r="AP3410">
        <v>32</v>
      </c>
      <c r="AQ3410">
        <v>32</v>
      </c>
    </row>
    <row r="3411" spans="1:43">
      <c r="A3411" t="s">
        <v>2168</v>
      </c>
      <c r="B3411" t="s">
        <v>2169</v>
      </c>
      <c r="C3411" t="s">
        <v>2164</v>
      </c>
      <c r="D3411" t="s">
        <v>2165</v>
      </c>
      <c r="E3411" t="s">
        <v>2048</v>
      </c>
      <c r="F3411" t="s">
        <v>2049</v>
      </c>
      <c r="G3411" t="s">
        <v>80</v>
      </c>
      <c r="H3411" t="s">
        <v>81</v>
      </c>
      <c r="I3411" s="2">
        <v>0</v>
      </c>
      <c r="J3411" s="2">
        <v>1</v>
      </c>
      <c r="K3411" s="2">
        <v>0</v>
      </c>
      <c r="L3411" t="s">
        <v>82</v>
      </c>
      <c r="M3411" t="s">
        <v>87</v>
      </c>
      <c r="N3411" t="s">
        <v>88</v>
      </c>
      <c r="O3411" t="s">
        <v>85</v>
      </c>
      <c r="P3411" t="s">
        <v>86</v>
      </c>
      <c r="Q3411">
        <v>20</v>
      </c>
      <c r="R3411">
        <v>20</v>
      </c>
      <c r="S3411">
        <v>20</v>
      </c>
      <c r="T3411">
        <v>21</v>
      </c>
      <c r="U3411">
        <v>21</v>
      </c>
      <c r="V3411">
        <v>21</v>
      </c>
      <c r="W3411">
        <v>21</v>
      </c>
      <c r="X3411">
        <v>22</v>
      </c>
      <c r="Y3411">
        <v>22</v>
      </c>
      <c r="Z3411">
        <v>22</v>
      </c>
      <c r="AA3411">
        <v>23</v>
      </c>
      <c r="AB3411">
        <v>23</v>
      </c>
      <c r="AC3411">
        <v>23</v>
      </c>
      <c r="AD3411">
        <v>24</v>
      </c>
      <c r="AE3411">
        <v>24</v>
      </c>
      <c r="AF3411">
        <v>24</v>
      </c>
      <c r="AG3411">
        <v>24</v>
      </c>
      <c r="AH3411">
        <v>25</v>
      </c>
      <c r="AI3411">
        <v>25</v>
      </c>
      <c r="AJ3411">
        <v>25</v>
      </c>
      <c r="AK3411">
        <v>26</v>
      </c>
      <c r="AL3411">
        <v>26</v>
      </c>
      <c r="AM3411">
        <v>26</v>
      </c>
      <c r="AN3411">
        <v>27</v>
      </c>
      <c r="AO3411">
        <v>27</v>
      </c>
      <c r="AP3411">
        <v>27</v>
      </c>
      <c r="AQ3411">
        <v>28</v>
      </c>
    </row>
    <row r="3412" spans="1:43">
      <c r="A3412" t="s">
        <v>2168</v>
      </c>
      <c r="B3412" t="s">
        <v>2169</v>
      </c>
      <c r="C3412" t="s">
        <v>2164</v>
      </c>
      <c r="D3412" t="s">
        <v>2165</v>
      </c>
      <c r="E3412" t="s">
        <v>2048</v>
      </c>
      <c r="F3412" t="s">
        <v>2049</v>
      </c>
      <c r="G3412" t="s">
        <v>80</v>
      </c>
      <c r="H3412" t="s">
        <v>81</v>
      </c>
      <c r="I3412" s="2">
        <v>0</v>
      </c>
      <c r="J3412" s="2">
        <v>1</v>
      </c>
      <c r="K3412" s="2">
        <v>0</v>
      </c>
      <c r="L3412" t="s">
        <v>82</v>
      </c>
      <c r="M3412" t="s">
        <v>89</v>
      </c>
      <c r="N3412" t="s">
        <v>90</v>
      </c>
      <c r="O3412" t="s">
        <v>85</v>
      </c>
      <c r="P3412" t="s">
        <v>86</v>
      </c>
      <c r="Q3412">
        <v>20</v>
      </c>
      <c r="R3412">
        <v>21</v>
      </c>
      <c r="S3412">
        <v>21</v>
      </c>
      <c r="T3412">
        <v>22</v>
      </c>
      <c r="U3412">
        <v>23</v>
      </c>
      <c r="V3412">
        <v>23</v>
      </c>
      <c r="W3412">
        <v>24</v>
      </c>
      <c r="X3412">
        <v>25</v>
      </c>
      <c r="Y3412">
        <v>25</v>
      </c>
      <c r="Z3412">
        <v>26</v>
      </c>
      <c r="AA3412">
        <v>26</v>
      </c>
      <c r="AB3412">
        <v>27</v>
      </c>
      <c r="AC3412">
        <v>28</v>
      </c>
      <c r="AD3412">
        <v>28</v>
      </c>
      <c r="AE3412">
        <v>29</v>
      </c>
      <c r="AF3412">
        <v>29</v>
      </c>
      <c r="AG3412">
        <v>29</v>
      </c>
      <c r="AH3412">
        <v>30</v>
      </c>
      <c r="AI3412">
        <v>30</v>
      </c>
      <c r="AJ3412">
        <v>30</v>
      </c>
      <c r="AK3412">
        <v>31</v>
      </c>
      <c r="AL3412">
        <v>31</v>
      </c>
      <c r="AM3412">
        <v>31</v>
      </c>
      <c r="AN3412">
        <v>31</v>
      </c>
      <c r="AO3412">
        <v>32</v>
      </c>
      <c r="AP3412">
        <v>32</v>
      </c>
      <c r="AQ3412">
        <v>32</v>
      </c>
    </row>
    <row r="3413" spans="1:43">
      <c r="A3413" t="s">
        <v>2168</v>
      </c>
      <c r="B3413" t="s">
        <v>2169</v>
      </c>
      <c r="C3413" t="s">
        <v>2164</v>
      </c>
      <c r="D3413" t="s">
        <v>2165</v>
      </c>
      <c r="E3413" t="s">
        <v>2048</v>
      </c>
      <c r="F3413" t="s">
        <v>2049</v>
      </c>
      <c r="G3413" t="s">
        <v>80</v>
      </c>
      <c r="H3413" t="s">
        <v>81</v>
      </c>
      <c r="I3413" s="2">
        <v>0</v>
      </c>
      <c r="J3413" s="2">
        <v>1</v>
      </c>
      <c r="K3413" s="2">
        <v>0</v>
      </c>
      <c r="L3413" t="s">
        <v>82</v>
      </c>
      <c r="M3413" t="s">
        <v>83</v>
      </c>
      <c r="N3413" t="s">
        <v>91</v>
      </c>
      <c r="O3413" t="s">
        <v>85</v>
      </c>
      <c r="P3413" t="s">
        <v>86</v>
      </c>
      <c r="Q3413">
        <v>20</v>
      </c>
      <c r="R3413">
        <v>20</v>
      </c>
      <c r="S3413">
        <v>21</v>
      </c>
      <c r="T3413">
        <v>21</v>
      </c>
      <c r="U3413">
        <v>22</v>
      </c>
      <c r="V3413">
        <v>22</v>
      </c>
      <c r="W3413">
        <v>23</v>
      </c>
      <c r="X3413">
        <v>23</v>
      </c>
      <c r="Y3413">
        <v>24</v>
      </c>
      <c r="Z3413">
        <v>24</v>
      </c>
      <c r="AA3413">
        <v>25</v>
      </c>
      <c r="AB3413">
        <v>25</v>
      </c>
      <c r="AC3413">
        <v>26</v>
      </c>
      <c r="AD3413">
        <v>26</v>
      </c>
      <c r="AE3413">
        <v>27</v>
      </c>
      <c r="AF3413">
        <v>27</v>
      </c>
      <c r="AG3413">
        <v>28</v>
      </c>
      <c r="AH3413">
        <v>29</v>
      </c>
      <c r="AI3413">
        <v>29</v>
      </c>
      <c r="AJ3413">
        <v>30</v>
      </c>
      <c r="AK3413">
        <v>30</v>
      </c>
      <c r="AL3413">
        <v>31</v>
      </c>
      <c r="AM3413">
        <v>31</v>
      </c>
      <c r="AN3413">
        <v>31</v>
      </c>
      <c r="AO3413">
        <v>31</v>
      </c>
      <c r="AP3413">
        <v>32</v>
      </c>
      <c r="AQ3413">
        <v>32</v>
      </c>
    </row>
    <row r="3414" spans="1:43">
      <c r="A3414" t="s">
        <v>2170</v>
      </c>
      <c r="B3414" t="s">
        <v>2171</v>
      </c>
      <c r="C3414" t="s">
        <v>2156</v>
      </c>
      <c r="D3414" t="s">
        <v>2157</v>
      </c>
      <c r="E3414" t="s">
        <v>2048</v>
      </c>
      <c r="F3414" t="s">
        <v>2049</v>
      </c>
      <c r="G3414" t="s">
        <v>80</v>
      </c>
      <c r="H3414" t="s">
        <v>81</v>
      </c>
      <c r="I3414" s="2">
        <v>0</v>
      </c>
      <c r="J3414" s="2">
        <v>1</v>
      </c>
      <c r="K3414" s="2">
        <v>0</v>
      </c>
      <c r="L3414" t="s">
        <v>82</v>
      </c>
      <c r="M3414" t="s">
        <v>83</v>
      </c>
      <c r="N3414" t="s">
        <v>84</v>
      </c>
      <c r="O3414" t="s">
        <v>85</v>
      </c>
      <c r="P3414" t="s">
        <v>86</v>
      </c>
      <c r="Q3414">
        <v>29</v>
      </c>
      <c r="R3414">
        <v>30</v>
      </c>
      <c r="S3414">
        <v>30</v>
      </c>
      <c r="T3414">
        <v>31</v>
      </c>
      <c r="U3414">
        <v>32</v>
      </c>
      <c r="V3414">
        <v>33</v>
      </c>
      <c r="W3414">
        <v>33</v>
      </c>
      <c r="X3414">
        <v>34</v>
      </c>
      <c r="Y3414">
        <v>35</v>
      </c>
      <c r="Z3414">
        <v>36</v>
      </c>
      <c r="AA3414">
        <v>36</v>
      </c>
      <c r="AB3414">
        <v>37</v>
      </c>
      <c r="AC3414">
        <v>38</v>
      </c>
      <c r="AD3414">
        <v>39</v>
      </c>
      <c r="AE3414">
        <v>40</v>
      </c>
      <c r="AF3414">
        <v>40</v>
      </c>
      <c r="AG3414">
        <v>41</v>
      </c>
      <c r="AH3414">
        <v>42</v>
      </c>
      <c r="AI3414">
        <v>43</v>
      </c>
      <c r="AJ3414">
        <v>44</v>
      </c>
      <c r="AK3414">
        <v>44</v>
      </c>
      <c r="AL3414">
        <v>45</v>
      </c>
      <c r="AM3414">
        <v>45</v>
      </c>
      <c r="AN3414">
        <v>46</v>
      </c>
      <c r="AO3414">
        <v>46</v>
      </c>
      <c r="AP3414">
        <v>47</v>
      </c>
      <c r="AQ3414">
        <v>47</v>
      </c>
    </row>
    <row r="3415" spans="1:43">
      <c r="A3415" t="s">
        <v>2170</v>
      </c>
      <c r="B3415" t="s">
        <v>2171</v>
      </c>
      <c r="C3415" t="s">
        <v>2156</v>
      </c>
      <c r="D3415" t="s">
        <v>2157</v>
      </c>
      <c r="E3415" t="s">
        <v>2048</v>
      </c>
      <c r="F3415" t="s">
        <v>2049</v>
      </c>
      <c r="G3415" t="s">
        <v>80</v>
      </c>
      <c r="H3415" t="s">
        <v>81</v>
      </c>
      <c r="I3415" s="2">
        <v>0</v>
      </c>
      <c r="J3415" s="2">
        <v>1</v>
      </c>
      <c r="K3415" s="2">
        <v>0</v>
      </c>
      <c r="L3415" t="s">
        <v>82</v>
      </c>
      <c r="M3415" t="s">
        <v>87</v>
      </c>
      <c r="N3415" t="s">
        <v>88</v>
      </c>
      <c r="O3415" t="s">
        <v>85</v>
      </c>
      <c r="P3415" t="s">
        <v>86</v>
      </c>
      <c r="Q3415">
        <v>29</v>
      </c>
      <c r="R3415">
        <v>29</v>
      </c>
      <c r="S3415">
        <v>30</v>
      </c>
      <c r="T3415">
        <v>30</v>
      </c>
      <c r="U3415">
        <v>30</v>
      </c>
      <c r="V3415">
        <v>31</v>
      </c>
      <c r="W3415">
        <v>31</v>
      </c>
      <c r="X3415">
        <v>32</v>
      </c>
      <c r="Y3415">
        <v>32</v>
      </c>
      <c r="Z3415">
        <v>33</v>
      </c>
      <c r="AA3415">
        <v>33</v>
      </c>
      <c r="AB3415">
        <v>34</v>
      </c>
      <c r="AC3415">
        <v>34</v>
      </c>
      <c r="AD3415">
        <v>35</v>
      </c>
      <c r="AE3415">
        <v>35</v>
      </c>
      <c r="AF3415">
        <v>36</v>
      </c>
      <c r="AG3415">
        <v>36</v>
      </c>
      <c r="AH3415">
        <v>36</v>
      </c>
      <c r="AI3415">
        <v>37</v>
      </c>
      <c r="AJ3415">
        <v>37</v>
      </c>
      <c r="AK3415">
        <v>38</v>
      </c>
      <c r="AL3415">
        <v>38</v>
      </c>
      <c r="AM3415">
        <v>39</v>
      </c>
      <c r="AN3415">
        <v>39</v>
      </c>
      <c r="AO3415">
        <v>40</v>
      </c>
      <c r="AP3415">
        <v>41</v>
      </c>
      <c r="AQ3415">
        <v>41</v>
      </c>
    </row>
    <row r="3416" spans="1:43">
      <c r="A3416" t="s">
        <v>2170</v>
      </c>
      <c r="B3416" t="s">
        <v>2171</v>
      </c>
      <c r="C3416" t="s">
        <v>2156</v>
      </c>
      <c r="D3416" t="s">
        <v>2157</v>
      </c>
      <c r="E3416" t="s">
        <v>2048</v>
      </c>
      <c r="F3416" t="s">
        <v>2049</v>
      </c>
      <c r="G3416" t="s">
        <v>80</v>
      </c>
      <c r="H3416" t="s">
        <v>81</v>
      </c>
      <c r="I3416" s="2">
        <v>0</v>
      </c>
      <c r="J3416" s="2">
        <v>1</v>
      </c>
      <c r="K3416" s="2">
        <v>0</v>
      </c>
      <c r="L3416" t="s">
        <v>82</v>
      </c>
      <c r="M3416" t="s">
        <v>89</v>
      </c>
      <c r="N3416" t="s">
        <v>90</v>
      </c>
      <c r="O3416" t="s">
        <v>85</v>
      </c>
      <c r="P3416" t="s">
        <v>86</v>
      </c>
      <c r="Q3416">
        <v>29</v>
      </c>
      <c r="R3416">
        <v>30</v>
      </c>
      <c r="S3416">
        <v>31</v>
      </c>
      <c r="T3416">
        <v>32</v>
      </c>
      <c r="U3416">
        <v>33</v>
      </c>
      <c r="V3416">
        <v>34</v>
      </c>
      <c r="W3416">
        <v>35</v>
      </c>
      <c r="X3416">
        <v>36</v>
      </c>
      <c r="Y3416">
        <v>37</v>
      </c>
      <c r="Z3416">
        <v>38</v>
      </c>
      <c r="AA3416">
        <v>39</v>
      </c>
      <c r="AB3416">
        <v>40</v>
      </c>
      <c r="AC3416">
        <v>41</v>
      </c>
      <c r="AD3416">
        <v>42</v>
      </c>
      <c r="AE3416">
        <v>42</v>
      </c>
      <c r="AF3416">
        <v>43</v>
      </c>
      <c r="AG3416">
        <v>43</v>
      </c>
      <c r="AH3416">
        <v>44</v>
      </c>
      <c r="AI3416">
        <v>44</v>
      </c>
      <c r="AJ3416">
        <v>44</v>
      </c>
      <c r="AK3416">
        <v>45</v>
      </c>
      <c r="AL3416">
        <v>45</v>
      </c>
      <c r="AM3416">
        <v>46</v>
      </c>
      <c r="AN3416">
        <v>46</v>
      </c>
      <c r="AO3416">
        <v>47</v>
      </c>
      <c r="AP3416">
        <v>47</v>
      </c>
      <c r="AQ3416">
        <v>47</v>
      </c>
    </row>
    <row r="3417" spans="1:43">
      <c r="A3417" t="s">
        <v>2170</v>
      </c>
      <c r="B3417" t="s">
        <v>2171</v>
      </c>
      <c r="C3417" t="s">
        <v>2156</v>
      </c>
      <c r="D3417" t="s">
        <v>2157</v>
      </c>
      <c r="E3417" t="s">
        <v>2048</v>
      </c>
      <c r="F3417" t="s">
        <v>2049</v>
      </c>
      <c r="G3417" t="s">
        <v>80</v>
      </c>
      <c r="H3417" t="s">
        <v>81</v>
      </c>
      <c r="I3417" s="2">
        <v>0</v>
      </c>
      <c r="J3417" s="2">
        <v>1</v>
      </c>
      <c r="K3417" s="2">
        <v>0</v>
      </c>
      <c r="L3417" t="s">
        <v>82</v>
      </c>
      <c r="M3417" t="s">
        <v>83</v>
      </c>
      <c r="N3417" t="s">
        <v>91</v>
      </c>
      <c r="O3417" t="s">
        <v>85</v>
      </c>
      <c r="P3417" t="s">
        <v>86</v>
      </c>
      <c r="Q3417">
        <v>29</v>
      </c>
      <c r="R3417">
        <v>30</v>
      </c>
      <c r="S3417">
        <v>30</v>
      </c>
      <c r="T3417">
        <v>31</v>
      </c>
      <c r="U3417">
        <v>32</v>
      </c>
      <c r="V3417">
        <v>33</v>
      </c>
      <c r="W3417">
        <v>33</v>
      </c>
      <c r="X3417">
        <v>34</v>
      </c>
      <c r="Y3417">
        <v>35</v>
      </c>
      <c r="Z3417">
        <v>36</v>
      </c>
      <c r="AA3417">
        <v>36</v>
      </c>
      <c r="AB3417">
        <v>37</v>
      </c>
      <c r="AC3417">
        <v>38</v>
      </c>
      <c r="AD3417">
        <v>39</v>
      </c>
      <c r="AE3417">
        <v>40</v>
      </c>
      <c r="AF3417">
        <v>40</v>
      </c>
      <c r="AG3417">
        <v>41</v>
      </c>
      <c r="AH3417">
        <v>42</v>
      </c>
      <c r="AI3417">
        <v>43</v>
      </c>
      <c r="AJ3417">
        <v>44</v>
      </c>
      <c r="AK3417">
        <v>44</v>
      </c>
      <c r="AL3417">
        <v>45</v>
      </c>
      <c r="AM3417">
        <v>45</v>
      </c>
      <c r="AN3417">
        <v>46</v>
      </c>
      <c r="AO3417">
        <v>46</v>
      </c>
      <c r="AP3417">
        <v>47</v>
      </c>
      <c r="AQ3417">
        <v>47</v>
      </c>
    </row>
    <row r="3418" spans="1:43">
      <c r="A3418" t="s">
        <v>2172</v>
      </c>
      <c r="B3418" t="s">
        <v>2173</v>
      </c>
      <c r="C3418" t="s">
        <v>2174</v>
      </c>
      <c r="D3418" t="s">
        <v>2175</v>
      </c>
      <c r="E3418" t="s">
        <v>2048</v>
      </c>
      <c r="F3418" t="s">
        <v>2049</v>
      </c>
      <c r="G3418" t="s">
        <v>80</v>
      </c>
      <c r="H3418" t="s">
        <v>81</v>
      </c>
      <c r="I3418" s="2">
        <v>0</v>
      </c>
      <c r="J3418" s="2">
        <v>1</v>
      </c>
      <c r="K3418" s="2">
        <v>0</v>
      </c>
      <c r="L3418" t="s">
        <v>82</v>
      </c>
      <c r="M3418" t="s">
        <v>83</v>
      </c>
      <c r="N3418" t="s">
        <v>84</v>
      </c>
      <c r="O3418" t="s">
        <v>85</v>
      </c>
      <c r="P3418" t="s">
        <v>86</v>
      </c>
      <c r="Q3418">
        <v>69</v>
      </c>
      <c r="R3418">
        <v>71</v>
      </c>
      <c r="S3418">
        <v>73</v>
      </c>
      <c r="T3418">
        <v>74</v>
      </c>
      <c r="U3418">
        <v>76</v>
      </c>
      <c r="V3418">
        <v>78</v>
      </c>
      <c r="W3418">
        <v>80</v>
      </c>
      <c r="X3418">
        <v>81</v>
      </c>
      <c r="Y3418">
        <v>83</v>
      </c>
      <c r="Z3418">
        <v>85</v>
      </c>
      <c r="AA3418">
        <v>87</v>
      </c>
      <c r="AB3418">
        <v>89</v>
      </c>
      <c r="AC3418">
        <v>91</v>
      </c>
      <c r="AD3418">
        <v>93</v>
      </c>
      <c r="AE3418">
        <v>94</v>
      </c>
      <c r="AF3418">
        <v>96</v>
      </c>
      <c r="AG3418">
        <v>98</v>
      </c>
      <c r="AH3418">
        <v>100</v>
      </c>
      <c r="AI3418">
        <v>102</v>
      </c>
      <c r="AJ3418">
        <v>104</v>
      </c>
      <c r="AK3418">
        <v>106</v>
      </c>
      <c r="AL3418">
        <v>108</v>
      </c>
      <c r="AM3418">
        <v>109</v>
      </c>
      <c r="AN3418">
        <v>110</v>
      </c>
      <c r="AO3418">
        <v>111</v>
      </c>
      <c r="AP3418">
        <v>112</v>
      </c>
      <c r="AQ3418">
        <v>113</v>
      </c>
    </row>
    <row r="3419" spans="1:43">
      <c r="A3419" t="s">
        <v>2172</v>
      </c>
      <c r="B3419" t="s">
        <v>2173</v>
      </c>
      <c r="C3419" t="s">
        <v>2174</v>
      </c>
      <c r="D3419" t="s">
        <v>2175</v>
      </c>
      <c r="E3419" t="s">
        <v>2048</v>
      </c>
      <c r="F3419" t="s">
        <v>2049</v>
      </c>
      <c r="G3419" t="s">
        <v>80</v>
      </c>
      <c r="H3419" t="s">
        <v>81</v>
      </c>
      <c r="I3419" s="2">
        <v>0</v>
      </c>
      <c r="J3419" s="2">
        <v>1</v>
      </c>
      <c r="K3419" s="2">
        <v>0</v>
      </c>
      <c r="L3419" t="s">
        <v>82</v>
      </c>
      <c r="M3419" t="s">
        <v>87</v>
      </c>
      <c r="N3419" t="s">
        <v>88</v>
      </c>
      <c r="O3419" t="s">
        <v>85</v>
      </c>
      <c r="P3419" t="s">
        <v>86</v>
      </c>
      <c r="Q3419">
        <v>69</v>
      </c>
      <c r="R3419">
        <v>70</v>
      </c>
      <c r="S3419">
        <v>71</v>
      </c>
      <c r="T3419">
        <v>72</v>
      </c>
      <c r="U3419">
        <v>73</v>
      </c>
      <c r="V3419">
        <v>74</v>
      </c>
      <c r="W3419">
        <v>75</v>
      </c>
      <c r="X3419">
        <v>76</v>
      </c>
      <c r="Y3419">
        <v>77</v>
      </c>
      <c r="Z3419">
        <v>78</v>
      </c>
      <c r="AA3419">
        <v>79</v>
      </c>
      <c r="AB3419">
        <v>80</v>
      </c>
      <c r="AC3419">
        <v>81</v>
      </c>
      <c r="AD3419">
        <v>82</v>
      </c>
      <c r="AE3419">
        <v>84</v>
      </c>
      <c r="AF3419">
        <v>85</v>
      </c>
      <c r="AG3419">
        <v>86</v>
      </c>
      <c r="AH3419">
        <v>87</v>
      </c>
      <c r="AI3419">
        <v>88</v>
      </c>
      <c r="AJ3419">
        <v>89</v>
      </c>
      <c r="AK3419">
        <v>91</v>
      </c>
      <c r="AL3419">
        <v>92</v>
      </c>
      <c r="AM3419">
        <v>93</v>
      </c>
      <c r="AN3419">
        <v>94</v>
      </c>
      <c r="AO3419">
        <v>96</v>
      </c>
      <c r="AP3419">
        <v>97</v>
      </c>
      <c r="AQ3419">
        <v>98</v>
      </c>
    </row>
    <row r="3420" spans="1:43">
      <c r="A3420" t="s">
        <v>2172</v>
      </c>
      <c r="B3420" t="s">
        <v>2173</v>
      </c>
      <c r="C3420" t="s">
        <v>2174</v>
      </c>
      <c r="D3420" t="s">
        <v>2175</v>
      </c>
      <c r="E3420" t="s">
        <v>2048</v>
      </c>
      <c r="F3420" t="s">
        <v>2049</v>
      </c>
      <c r="G3420" t="s">
        <v>80</v>
      </c>
      <c r="H3420" t="s">
        <v>81</v>
      </c>
      <c r="I3420" s="2">
        <v>0</v>
      </c>
      <c r="J3420" s="2">
        <v>1</v>
      </c>
      <c r="K3420" s="2">
        <v>0</v>
      </c>
      <c r="L3420" t="s">
        <v>82</v>
      </c>
      <c r="M3420" t="s">
        <v>89</v>
      </c>
      <c r="N3420" t="s">
        <v>90</v>
      </c>
      <c r="O3420" t="s">
        <v>85</v>
      </c>
      <c r="P3420" t="s">
        <v>86</v>
      </c>
      <c r="Q3420">
        <v>69</v>
      </c>
      <c r="R3420">
        <v>71</v>
      </c>
      <c r="S3420">
        <v>73</v>
      </c>
      <c r="T3420">
        <v>76</v>
      </c>
      <c r="U3420">
        <v>78</v>
      </c>
      <c r="V3420">
        <v>80</v>
      </c>
      <c r="W3420">
        <v>83</v>
      </c>
      <c r="X3420">
        <v>85</v>
      </c>
      <c r="Y3420">
        <v>87</v>
      </c>
      <c r="Z3420">
        <v>89</v>
      </c>
      <c r="AA3420">
        <v>92</v>
      </c>
      <c r="AB3420">
        <v>94</v>
      </c>
      <c r="AC3420">
        <v>96</v>
      </c>
      <c r="AD3420">
        <v>98</v>
      </c>
      <c r="AE3420">
        <v>100</v>
      </c>
      <c r="AF3420">
        <v>101</v>
      </c>
      <c r="AG3420">
        <v>102</v>
      </c>
      <c r="AH3420">
        <v>103</v>
      </c>
      <c r="AI3420">
        <v>104</v>
      </c>
      <c r="AJ3420">
        <v>105</v>
      </c>
      <c r="AK3420">
        <v>106</v>
      </c>
      <c r="AL3420">
        <v>107</v>
      </c>
      <c r="AM3420">
        <v>108</v>
      </c>
      <c r="AN3420">
        <v>109</v>
      </c>
      <c r="AO3420">
        <v>110</v>
      </c>
      <c r="AP3420">
        <v>111</v>
      </c>
      <c r="AQ3420">
        <v>112</v>
      </c>
    </row>
    <row r="3421" spans="1:43">
      <c r="A3421" t="s">
        <v>2172</v>
      </c>
      <c r="B3421" t="s">
        <v>2173</v>
      </c>
      <c r="C3421" t="s">
        <v>2174</v>
      </c>
      <c r="D3421" t="s">
        <v>2175</v>
      </c>
      <c r="E3421" t="s">
        <v>2048</v>
      </c>
      <c r="F3421" t="s">
        <v>2049</v>
      </c>
      <c r="G3421" t="s">
        <v>80</v>
      </c>
      <c r="H3421" t="s">
        <v>81</v>
      </c>
      <c r="I3421" s="2">
        <v>0</v>
      </c>
      <c r="J3421" s="2">
        <v>1</v>
      </c>
      <c r="K3421" s="2">
        <v>0</v>
      </c>
      <c r="L3421" t="s">
        <v>82</v>
      </c>
      <c r="M3421" t="s">
        <v>83</v>
      </c>
      <c r="N3421" t="s">
        <v>91</v>
      </c>
      <c r="O3421" t="s">
        <v>85</v>
      </c>
      <c r="P3421" t="s">
        <v>86</v>
      </c>
      <c r="Q3421">
        <v>69</v>
      </c>
      <c r="R3421">
        <v>71</v>
      </c>
      <c r="S3421">
        <v>73</v>
      </c>
      <c r="T3421">
        <v>74</v>
      </c>
      <c r="U3421">
        <v>76</v>
      </c>
      <c r="V3421">
        <v>78</v>
      </c>
      <c r="W3421">
        <v>80</v>
      </c>
      <c r="X3421">
        <v>81</v>
      </c>
      <c r="Y3421">
        <v>83</v>
      </c>
      <c r="Z3421">
        <v>85</v>
      </c>
      <c r="AA3421">
        <v>87</v>
      </c>
      <c r="AB3421">
        <v>89</v>
      </c>
      <c r="AC3421">
        <v>91</v>
      </c>
      <c r="AD3421">
        <v>93</v>
      </c>
      <c r="AE3421">
        <v>94</v>
      </c>
      <c r="AF3421">
        <v>96</v>
      </c>
      <c r="AG3421">
        <v>98</v>
      </c>
      <c r="AH3421">
        <v>100</v>
      </c>
      <c r="AI3421">
        <v>102</v>
      </c>
      <c r="AJ3421">
        <v>104</v>
      </c>
      <c r="AK3421">
        <v>106</v>
      </c>
      <c r="AL3421">
        <v>108</v>
      </c>
      <c r="AM3421">
        <v>109</v>
      </c>
      <c r="AN3421">
        <v>110</v>
      </c>
      <c r="AO3421">
        <v>111</v>
      </c>
      <c r="AP3421">
        <v>112</v>
      </c>
      <c r="AQ3421">
        <v>113</v>
      </c>
    </row>
    <row r="3422" spans="1:43">
      <c r="A3422" t="s">
        <v>2176</v>
      </c>
      <c r="B3422" t="s">
        <v>2177</v>
      </c>
      <c r="C3422" t="s">
        <v>2174</v>
      </c>
      <c r="D3422" t="s">
        <v>2175</v>
      </c>
      <c r="E3422" t="s">
        <v>2048</v>
      </c>
      <c r="F3422" t="s">
        <v>2049</v>
      </c>
      <c r="G3422" t="s">
        <v>80</v>
      </c>
      <c r="H3422" t="s">
        <v>81</v>
      </c>
      <c r="I3422" s="2">
        <v>0</v>
      </c>
      <c r="J3422" s="2">
        <v>1</v>
      </c>
      <c r="K3422" s="2">
        <v>0</v>
      </c>
      <c r="L3422" t="s">
        <v>82</v>
      </c>
      <c r="M3422" t="s">
        <v>83</v>
      </c>
      <c r="N3422" t="s">
        <v>84</v>
      </c>
      <c r="O3422" t="s">
        <v>85</v>
      </c>
      <c r="P3422" t="s">
        <v>86</v>
      </c>
      <c r="Q3422">
        <v>133</v>
      </c>
      <c r="R3422">
        <v>136</v>
      </c>
      <c r="S3422">
        <v>139</v>
      </c>
      <c r="T3422">
        <v>142</v>
      </c>
      <c r="U3422">
        <v>146</v>
      </c>
      <c r="V3422">
        <v>149</v>
      </c>
      <c r="W3422">
        <v>152</v>
      </c>
      <c r="X3422">
        <v>156</v>
      </c>
      <c r="Y3422">
        <v>159</v>
      </c>
      <c r="Z3422">
        <v>162</v>
      </c>
      <c r="AA3422">
        <v>166</v>
      </c>
      <c r="AB3422">
        <v>169</v>
      </c>
      <c r="AC3422">
        <v>173</v>
      </c>
      <c r="AD3422">
        <v>176</v>
      </c>
      <c r="AE3422">
        <v>180</v>
      </c>
      <c r="AF3422">
        <v>184</v>
      </c>
      <c r="AG3422">
        <v>187</v>
      </c>
      <c r="AH3422">
        <v>191</v>
      </c>
      <c r="AI3422">
        <v>195</v>
      </c>
      <c r="AJ3422">
        <v>199</v>
      </c>
      <c r="AK3422">
        <v>202</v>
      </c>
      <c r="AL3422">
        <v>205</v>
      </c>
      <c r="AM3422">
        <v>207</v>
      </c>
      <c r="AN3422">
        <v>209</v>
      </c>
      <c r="AO3422">
        <v>211</v>
      </c>
      <c r="AP3422">
        <v>213</v>
      </c>
      <c r="AQ3422">
        <v>215</v>
      </c>
    </row>
    <row r="3423" spans="1:43">
      <c r="A3423" t="s">
        <v>2176</v>
      </c>
      <c r="B3423" t="s">
        <v>2177</v>
      </c>
      <c r="C3423" t="s">
        <v>2174</v>
      </c>
      <c r="D3423" t="s">
        <v>2175</v>
      </c>
      <c r="E3423" t="s">
        <v>2048</v>
      </c>
      <c r="F3423" t="s">
        <v>2049</v>
      </c>
      <c r="G3423" t="s">
        <v>80</v>
      </c>
      <c r="H3423" t="s">
        <v>81</v>
      </c>
      <c r="I3423" s="2">
        <v>0</v>
      </c>
      <c r="J3423" s="2">
        <v>1</v>
      </c>
      <c r="K3423" s="2">
        <v>0</v>
      </c>
      <c r="L3423" t="s">
        <v>82</v>
      </c>
      <c r="M3423" t="s">
        <v>87</v>
      </c>
      <c r="N3423" t="s">
        <v>88</v>
      </c>
      <c r="O3423" t="s">
        <v>85</v>
      </c>
      <c r="P3423" t="s">
        <v>86</v>
      </c>
      <c r="Q3423">
        <v>133</v>
      </c>
      <c r="R3423">
        <v>134</v>
      </c>
      <c r="S3423">
        <v>136</v>
      </c>
      <c r="T3423">
        <v>138</v>
      </c>
      <c r="U3423">
        <v>140</v>
      </c>
      <c r="V3423">
        <v>142</v>
      </c>
      <c r="W3423">
        <v>144</v>
      </c>
      <c r="X3423">
        <v>146</v>
      </c>
      <c r="Y3423">
        <v>148</v>
      </c>
      <c r="Z3423">
        <v>150</v>
      </c>
      <c r="AA3423">
        <v>152</v>
      </c>
      <c r="AB3423">
        <v>154</v>
      </c>
      <c r="AC3423">
        <v>156</v>
      </c>
      <c r="AD3423">
        <v>158</v>
      </c>
      <c r="AE3423">
        <v>160</v>
      </c>
      <c r="AF3423">
        <v>162</v>
      </c>
      <c r="AG3423">
        <v>165</v>
      </c>
      <c r="AH3423">
        <v>167</v>
      </c>
      <c r="AI3423">
        <v>169</v>
      </c>
      <c r="AJ3423">
        <v>171</v>
      </c>
      <c r="AK3423">
        <v>173</v>
      </c>
      <c r="AL3423">
        <v>176</v>
      </c>
      <c r="AM3423">
        <v>178</v>
      </c>
      <c r="AN3423">
        <v>180</v>
      </c>
      <c r="AO3423">
        <v>182</v>
      </c>
      <c r="AP3423">
        <v>185</v>
      </c>
      <c r="AQ3423">
        <v>187</v>
      </c>
    </row>
    <row r="3424" spans="1:43">
      <c r="A3424" t="s">
        <v>2176</v>
      </c>
      <c r="B3424" t="s">
        <v>2177</v>
      </c>
      <c r="C3424" t="s">
        <v>2174</v>
      </c>
      <c r="D3424" t="s">
        <v>2175</v>
      </c>
      <c r="E3424" t="s">
        <v>2048</v>
      </c>
      <c r="F3424" t="s">
        <v>2049</v>
      </c>
      <c r="G3424" t="s">
        <v>80</v>
      </c>
      <c r="H3424" t="s">
        <v>81</v>
      </c>
      <c r="I3424" s="2">
        <v>0</v>
      </c>
      <c r="J3424" s="2">
        <v>1</v>
      </c>
      <c r="K3424" s="2">
        <v>0</v>
      </c>
      <c r="L3424" t="s">
        <v>82</v>
      </c>
      <c r="M3424" t="s">
        <v>89</v>
      </c>
      <c r="N3424" t="s">
        <v>90</v>
      </c>
      <c r="O3424" t="s">
        <v>85</v>
      </c>
      <c r="P3424" t="s">
        <v>86</v>
      </c>
      <c r="Q3424">
        <v>133</v>
      </c>
      <c r="R3424">
        <v>137</v>
      </c>
      <c r="S3424">
        <v>142</v>
      </c>
      <c r="T3424">
        <v>146</v>
      </c>
      <c r="U3424">
        <v>150</v>
      </c>
      <c r="V3424">
        <v>155</v>
      </c>
      <c r="W3424">
        <v>159</v>
      </c>
      <c r="X3424">
        <v>163</v>
      </c>
      <c r="Y3424">
        <v>167</v>
      </c>
      <c r="Z3424">
        <v>172</v>
      </c>
      <c r="AA3424">
        <v>176</v>
      </c>
      <c r="AB3424">
        <v>180</v>
      </c>
      <c r="AC3424">
        <v>185</v>
      </c>
      <c r="AD3424">
        <v>189</v>
      </c>
      <c r="AE3424">
        <v>192</v>
      </c>
      <c r="AF3424">
        <v>194</v>
      </c>
      <c r="AG3424">
        <v>196</v>
      </c>
      <c r="AH3424">
        <v>198</v>
      </c>
      <c r="AI3424">
        <v>200</v>
      </c>
      <c r="AJ3424">
        <v>202</v>
      </c>
      <c r="AK3424">
        <v>204</v>
      </c>
      <c r="AL3424">
        <v>206</v>
      </c>
      <c r="AM3424">
        <v>208</v>
      </c>
      <c r="AN3424">
        <v>210</v>
      </c>
      <c r="AO3424">
        <v>211</v>
      </c>
      <c r="AP3424">
        <v>213</v>
      </c>
      <c r="AQ3424">
        <v>215</v>
      </c>
    </row>
    <row r="3425" spans="1:43">
      <c r="A3425" t="s">
        <v>2176</v>
      </c>
      <c r="B3425" t="s">
        <v>2177</v>
      </c>
      <c r="C3425" t="s">
        <v>2174</v>
      </c>
      <c r="D3425" t="s">
        <v>2175</v>
      </c>
      <c r="E3425" t="s">
        <v>2048</v>
      </c>
      <c r="F3425" t="s">
        <v>2049</v>
      </c>
      <c r="G3425" t="s">
        <v>80</v>
      </c>
      <c r="H3425" t="s">
        <v>81</v>
      </c>
      <c r="I3425" s="2">
        <v>0</v>
      </c>
      <c r="J3425" s="2">
        <v>1</v>
      </c>
      <c r="K3425" s="2">
        <v>0</v>
      </c>
      <c r="L3425" t="s">
        <v>82</v>
      </c>
      <c r="M3425" t="s">
        <v>83</v>
      </c>
      <c r="N3425" t="s">
        <v>91</v>
      </c>
      <c r="O3425" t="s">
        <v>85</v>
      </c>
      <c r="P3425" t="s">
        <v>86</v>
      </c>
      <c r="Q3425">
        <v>133</v>
      </c>
      <c r="R3425">
        <v>136</v>
      </c>
      <c r="S3425">
        <v>139</v>
      </c>
      <c r="T3425">
        <v>142</v>
      </c>
      <c r="U3425">
        <v>146</v>
      </c>
      <c r="V3425">
        <v>149</v>
      </c>
      <c r="W3425">
        <v>152</v>
      </c>
      <c r="X3425">
        <v>156</v>
      </c>
      <c r="Y3425">
        <v>159</v>
      </c>
      <c r="Z3425">
        <v>162</v>
      </c>
      <c r="AA3425">
        <v>166</v>
      </c>
      <c r="AB3425">
        <v>169</v>
      </c>
      <c r="AC3425">
        <v>173</v>
      </c>
      <c r="AD3425">
        <v>176</v>
      </c>
      <c r="AE3425">
        <v>180</v>
      </c>
      <c r="AF3425">
        <v>184</v>
      </c>
      <c r="AG3425">
        <v>187</v>
      </c>
      <c r="AH3425">
        <v>191</v>
      </c>
      <c r="AI3425">
        <v>195</v>
      </c>
      <c r="AJ3425">
        <v>199</v>
      </c>
      <c r="AK3425">
        <v>202</v>
      </c>
      <c r="AL3425">
        <v>205</v>
      </c>
      <c r="AM3425">
        <v>207</v>
      </c>
      <c r="AN3425">
        <v>209</v>
      </c>
      <c r="AO3425">
        <v>211</v>
      </c>
      <c r="AP3425">
        <v>213</v>
      </c>
      <c r="AQ3425">
        <v>215</v>
      </c>
    </row>
    <row r="3426" spans="1:43">
      <c r="A3426" t="s">
        <v>2178</v>
      </c>
      <c r="B3426" t="s">
        <v>2179</v>
      </c>
      <c r="C3426" t="s">
        <v>2174</v>
      </c>
      <c r="D3426" t="s">
        <v>2175</v>
      </c>
      <c r="E3426" t="s">
        <v>2048</v>
      </c>
      <c r="F3426" t="s">
        <v>2049</v>
      </c>
      <c r="G3426" t="s">
        <v>80</v>
      </c>
      <c r="H3426" t="s">
        <v>81</v>
      </c>
      <c r="I3426" s="2">
        <v>0</v>
      </c>
      <c r="J3426" s="2">
        <v>1</v>
      </c>
      <c r="K3426" s="2">
        <v>0</v>
      </c>
      <c r="L3426" t="s">
        <v>82</v>
      </c>
      <c r="M3426" t="s">
        <v>83</v>
      </c>
      <c r="N3426" t="s">
        <v>84</v>
      </c>
      <c r="O3426" t="s">
        <v>85</v>
      </c>
      <c r="P3426" t="s">
        <v>86</v>
      </c>
      <c r="Q3426">
        <v>101</v>
      </c>
      <c r="R3426">
        <v>104</v>
      </c>
      <c r="S3426">
        <v>106</v>
      </c>
      <c r="T3426">
        <v>109</v>
      </c>
      <c r="U3426">
        <v>111</v>
      </c>
      <c r="V3426">
        <v>114</v>
      </c>
      <c r="W3426">
        <v>116</v>
      </c>
      <c r="X3426">
        <v>119</v>
      </c>
      <c r="Y3426">
        <v>121</v>
      </c>
      <c r="Z3426">
        <v>124</v>
      </c>
      <c r="AA3426">
        <v>127</v>
      </c>
      <c r="AB3426">
        <v>129</v>
      </c>
      <c r="AC3426">
        <v>132</v>
      </c>
      <c r="AD3426">
        <v>135</v>
      </c>
      <c r="AE3426">
        <v>137</v>
      </c>
      <c r="AF3426">
        <v>140</v>
      </c>
      <c r="AG3426">
        <v>143</v>
      </c>
      <c r="AH3426">
        <v>146</v>
      </c>
      <c r="AI3426">
        <v>149</v>
      </c>
      <c r="AJ3426">
        <v>152</v>
      </c>
      <c r="AK3426">
        <v>154</v>
      </c>
      <c r="AL3426">
        <v>156</v>
      </c>
      <c r="AM3426">
        <v>158</v>
      </c>
      <c r="AN3426">
        <v>159</v>
      </c>
      <c r="AO3426">
        <v>161</v>
      </c>
      <c r="AP3426">
        <v>162</v>
      </c>
      <c r="AQ3426">
        <v>164</v>
      </c>
    </row>
    <row r="3427" spans="1:43">
      <c r="A3427" t="s">
        <v>2178</v>
      </c>
      <c r="B3427" t="s">
        <v>2179</v>
      </c>
      <c r="C3427" t="s">
        <v>2174</v>
      </c>
      <c r="D3427" t="s">
        <v>2175</v>
      </c>
      <c r="E3427" t="s">
        <v>2048</v>
      </c>
      <c r="F3427" t="s">
        <v>2049</v>
      </c>
      <c r="G3427" t="s">
        <v>80</v>
      </c>
      <c r="H3427" t="s">
        <v>81</v>
      </c>
      <c r="I3427" s="2">
        <v>0</v>
      </c>
      <c r="J3427" s="2">
        <v>1</v>
      </c>
      <c r="K3427" s="2">
        <v>0</v>
      </c>
      <c r="L3427" t="s">
        <v>82</v>
      </c>
      <c r="M3427" t="s">
        <v>87</v>
      </c>
      <c r="N3427" t="s">
        <v>88</v>
      </c>
      <c r="O3427" t="s">
        <v>85</v>
      </c>
      <c r="P3427" t="s">
        <v>86</v>
      </c>
      <c r="Q3427">
        <v>101</v>
      </c>
      <c r="R3427">
        <v>102</v>
      </c>
      <c r="S3427">
        <v>103</v>
      </c>
      <c r="T3427">
        <v>105</v>
      </c>
      <c r="U3427">
        <v>106</v>
      </c>
      <c r="V3427">
        <v>108</v>
      </c>
      <c r="W3427">
        <v>109</v>
      </c>
      <c r="X3427">
        <v>111</v>
      </c>
      <c r="Y3427">
        <v>112</v>
      </c>
      <c r="Z3427">
        <v>114</v>
      </c>
      <c r="AA3427">
        <v>115</v>
      </c>
      <c r="AB3427">
        <v>117</v>
      </c>
      <c r="AC3427">
        <v>118</v>
      </c>
      <c r="AD3427">
        <v>120</v>
      </c>
      <c r="AE3427">
        <v>122</v>
      </c>
      <c r="AF3427">
        <v>123</v>
      </c>
      <c r="AG3427">
        <v>125</v>
      </c>
      <c r="AH3427">
        <v>126</v>
      </c>
      <c r="AI3427">
        <v>128</v>
      </c>
      <c r="AJ3427">
        <v>130</v>
      </c>
      <c r="AK3427">
        <v>131</v>
      </c>
      <c r="AL3427">
        <v>133</v>
      </c>
      <c r="AM3427">
        <v>135</v>
      </c>
      <c r="AN3427">
        <v>137</v>
      </c>
      <c r="AO3427">
        <v>138</v>
      </c>
      <c r="AP3427">
        <v>140</v>
      </c>
      <c r="AQ3427">
        <v>142</v>
      </c>
    </row>
    <row r="3428" spans="1:43">
      <c r="A3428" t="s">
        <v>2178</v>
      </c>
      <c r="B3428" t="s">
        <v>2179</v>
      </c>
      <c r="C3428" t="s">
        <v>2174</v>
      </c>
      <c r="D3428" t="s">
        <v>2175</v>
      </c>
      <c r="E3428" t="s">
        <v>2048</v>
      </c>
      <c r="F3428" t="s">
        <v>2049</v>
      </c>
      <c r="G3428" t="s">
        <v>80</v>
      </c>
      <c r="H3428" t="s">
        <v>81</v>
      </c>
      <c r="I3428" s="2">
        <v>0</v>
      </c>
      <c r="J3428" s="2">
        <v>1</v>
      </c>
      <c r="K3428" s="2">
        <v>0</v>
      </c>
      <c r="L3428" t="s">
        <v>82</v>
      </c>
      <c r="M3428" t="s">
        <v>89</v>
      </c>
      <c r="N3428" t="s">
        <v>90</v>
      </c>
      <c r="O3428" t="s">
        <v>85</v>
      </c>
      <c r="P3428" t="s">
        <v>86</v>
      </c>
      <c r="Q3428">
        <v>101</v>
      </c>
      <c r="R3428">
        <v>105</v>
      </c>
      <c r="S3428">
        <v>108</v>
      </c>
      <c r="T3428">
        <v>111</v>
      </c>
      <c r="U3428">
        <v>115</v>
      </c>
      <c r="V3428">
        <v>118</v>
      </c>
      <c r="W3428">
        <v>121</v>
      </c>
      <c r="X3428">
        <v>124</v>
      </c>
      <c r="Y3428">
        <v>128</v>
      </c>
      <c r="Z3428">
        <v>131</v>
      </c>
      <c r="AA3428">
        <v>134</v>
      </c>
      <c r="AB3428">
        <v>137</v>
      </c>
      <c r="AC3428">
        <v>141</v>
      </c>
      <c r="AD3428">
        <v>144</v>
      </c>
      <c r="AE3428">
        <v>146</v>
      </c>
      <c r="AF3428">
        <v>148</v>
      </c>
      <c r="AG3428">
        <v>149</v>
      </c>
      <c r="AH3428">
        <v>151</v>
      </c>
      <c r="AI3428">
        <v>152</v>
      </c>
      <c r="AJ3428">
        <v>154</v>
      </c>
      <c r="AK3428">
        <v>155</v>
      </c>
      <c r="AL3428">
        <v>157</v>
      </c>
      <c r="AM3428">
        <v>158</v>
      </c>
      <c r="AN3428">
        <v>160</v>
      </c>
      <c r="AO3428">
        <v>161</v>
      </c>
      <c r="AP3428">
        <v>163</v>
      </c>
      <c r="AQ3428">
        <v>164</v>
      </c>
    </row>
    <row r="3429" spans="1:43">
      <c r="A3429" t="s">
        <v>2178</v>
      </c>
      <c r="B3429" t="s">
        <v>2179</v>
      </c>
      <c r="C3429" t="s">
        <v>2174</v>
      </c>
      <c r="D3429" t="s">
        <v>2175</v>
      </c>
      <c r="E3429" t="s">
        <v>2048</v>
      </c>
      <c r="F3429" t="s">
        <v>2049</v>
      </c>
      <c r="G3429" t="s">
        <v>80</v>
      </c>
      <c r="H3429" t="s">
        <v>81</v>
      </c>
      <c r="I3429" s="2">
        <v>0</v>
      </c>
      <c r="J3429" s="2">
        <v>1</v>
      </c>
      <c r="K3429" s="2">
        <v>0</v>
      </c>
      <c r="L3429" t="s">
        <v>82</v>
      </c>
      <c r="M3429" t="s">
        <v>83</v>
      </c>
      <c r="N3429" t="s">
        <v>91</v>
      </c>
      <c r="O3429" t="s">
        <v>85</v>
      </c>
      <c r="P3429" t="s">
        <v>86</v>
      </c>
      <c r="Q3429">
        <v>101</v>
      </c>
      <c r="R3429">
        <v>104</v>
      </c>
      <c r="S3429">
        <v>106</v>
      </c>
      <c r="T3429">
        <v>109</v>
      </c>
      <c r="U3429">
        <v>111</v>
      </c>
      <c r="V3429">
        <v>114</v>
      </c>
      <c r="W3429">
        <v>116</v>
      </c>
      <c r="X3429">
        <v>119</v>
      </c>
      <c r="Y3429">
        <v>121</v>
      </c>
      <c r="Z3429">
        <v>124</v>
      </c>
      <c r="AA3429">
        <v>127</v>
      </c>
      <c r="AB3429">
        <v>129</v>
      </c>
      <c r="AC3429">
        <v>132</v>
      </c>
      <c r="AD3429">
        <v>135</v>
      </c>
      <c r="AE3429">
        <v>137</v>
      </c>
      <c r="AF3429">
        <v>140</v>
      </c>
      <c r="AG3429">
        <v>143</v>
      </c>
      <c r="AH3429">
        <v>146</v>
      </c>
      <c r="AI3429">
        <v>149</v>
      </c>
      <c r="AJ3429">
        <v>152</v>
      </c>
      <c r="AK3429">
        <v>154</v>
      </c>
      <c r="AL3429">
        <v>156</v>
      </c>
      <c r="AM3429">
        <v>158</v>
      </c>
      <c r="AN3429">
        <v>159</v>
      </c>
      <c r="AO3429">
        <v>161</v>
      </c>
      <c r="AP3429">
        <v>162</v>
      </c>
      <c r="AQ3429">
        <v>164</v>
      </c>
    </row>
    <row r="3430" spans="1:43">
      <c r="A3430" t="s">
        <v>2180</v>
      </c>
      <c r="B3430" t="s">
        <v>2181</v>
      </c>
      <c r="C3430" t="s">
        <v>2174</v>
      </c>
      <c r="D3430" t="s">
        <v>2175</v>
      </c>
      <c r="E3430" t="s">
        <v>2048</v>
      </c>
      <c r="F3430" t="s">
        <v>2049</v>
      </c>
      <c r="G3430" t="s">
        <v>80</v>
      </c>
      <c r="H3430" t="s">
        <v>81</v>
      </c>
      <c r="I3430" s="2">
        <v>0</v>
      </c>
      <c r="J3430" s="2">
        <v>1</v>
      </c>
      <c r="K3430" s="2">
        <v>0</v>
      </c>
      <c r="L3430" t="s">
        <v>82</v>
      </c>
      <c r="M3430" t="s">
        <v>83</v>
      </c>
      <c r="N3430" t="s">
        <v>84</v>
      </c>
      <c r="O3430" t="s">
        <v>85</v>
      </c>
      <c r="P3430" t="s">
        <v>86</v>
      </c>
      <c r="Q3430">
        <v>9</v>
      </c>
      <c r="R3430">
        <v>10</v>
      </c>
      <c r="S3430">
        <v>10</v>
      </c>
      <c r="T3430">
        <v>10</v>
      </c>
      <c r="U3430">
        <v>10</v>
      </c>
      <c r="V3430">
        <v>11</v>
      </c>
      <c r="W3430">
        <v>11</v>
      </c>
      <c r="X3430">
        <v>11</v>
      </c>
      <c r="Y3430">
        <v>11</v>
      </c>
      <c r="Z3430">
        <v>11</v>
      </c>
      <c r="AA3430">
        <v>12</v>
      </c>
      <c r="AB3430">
        <v>12</v>
      </c>
      <c r="AC3430">
        <v>12</v>
      </c>
      <c r="AD3430">
        <v>12</v>
      </c>
      <c r="AE3430">
        <v>13</v>
      </c>
      <c r="AF3430">
        <v>13</v>
      </c>
      <c r="AG3430">
        <v>13</v>
      </c>
      <c r="AH3430">
        <v>13</v>
      </c>
      <c r="AI3430">
        <v>14</v>
      </c>
      <c r="AJ3430">
        <v>14</v>
      </c>
      <c r="AK3430">
        <v>14</v>
      </c>
      <c r="AL3430">
        <v>14</v>
      </c>
      <c r="AM3430">
        <v>15</v>
      </c>
      <c r="AN3430">
        <v>15</v>
      </c>
      <c r="AO3430">
        <v>15</v>
      </c>
      <c r="AP3430">
        <v>15</v>
      </c>
      <c r="AQ3430">
        <v>15</v>
      </c>
    </row>
    <row r="3431" spans="1:43">
      <c r="A3431" t="s">
        <v>2180</v>
      </c>
      <c r="B3431" t="s">
        <v>2181</v>
      </c>
      <c r="C3431" t="s">
        <v>2174</v>
      </c>
      <c r="D3431" t="s">
        <v>2175</v>
      </c>
      <c r="E3431" t="s">
        <v>2048</v>
      </c>
      <c r="F3431" t="s">
        <v>2049</v>
      </c>
      <c r="G3431" t="s">
        <v>80</v>
      </c>
      <c r="H3431" t="s">
        <v>81</v>
      </c>
      <c r="I3431" s="2">
        <v>0</v>
      </c>
      <c r="J3431" s="2">
        <v>1</v>
      </c>
      <c r="K3431" s="2">
        <v>0</v>
      </c>
      <c r="L3431" t="s">
        <v>82</v>
      </c>
      <c r="M3431" t="s">
        <v>87</v>
      </c>
      <c r="N3431" t="s">
        <v>88</v>
      </c>
      <c r="O3431" t="s">
        <v>85</v>
      </c>
      <c r="P3431" t="s">
        <v>86</v>
      </c>
      <c r="Q3431">
        <v>9</v>
      </c>
      <c r="R3431">
        <v>9</v>
      </c>
      <c r="S3431">
        <v>10</v>
      </c>
      <c r="T3431">
        <v>10</v>
      </c>
      <c r="U3431">
        <v>10</v>
      </c>
      <c r="V3431">
        <v>10</v>
      </c>
      <c r="W3431">
        <v>10</v>
      </c>
      <c r="X3431">
        <v>10</v>
      </c>
      <c r="Y3431">
        <v>10</v>
      </c>
      <c r="Z3431">
        <v>11</v>
      </c>
      <c r="AA3431">
        <v>11</v>
      </c>
      <c r="AB3431">
        <v>11</v>
      </c>
      <c r="AC3431">
        <v>11</v>
      </c>
      <c r="AD3431">
        <v>11</v>
      </c>
      <c r="AE3431">
        <v>11</v>
      </c>
      <c r="AF3431">
        <v>11</v>
      </c>
      <c r="AG3431">
        <v>12</v>
      </c>
      <c r="AH3431">
        <v>12</v>
      </c>
      <c r="AI3431">
        <v>12</v>
      </c>
      <c r="AJ3431">
        <v>12</v>
      </c>
      <c r="AK3431">
        <v>12</v>
      </c>
      <c r="AL3431">
        <v>12</v>
      </c>
      <c r="AM3431">
        <v>13</v>
      </c>
      <c r="AN3431">
        <v>13</v>
      </c>
      <c r="AO3431">
        <v>13</v>
      </c>
      <c r="AP3431">
        <v>13</v>
      </c>
      <c r="AQ3431">
        <v>13</v>
      </c>
    </row>
    <row r="3432" spans="1:43">
      <c r="A3432" t="s">
        <v>2180</v>
      </c>
      <c r="B3432" t="s">
        <v>2181</v>
      </c>
      <c r="C3432" t="s">
        <v>2174</v>
      </c>
      <c r="D3432" t="s">
        <v>2175</v>
      </c>
      <c r="E3432" t="s">
        <v>2048</v>
      </c>
      <c r="F3432" t="s">
        <v>2049</v>
      </c>
      <c r="G3432" t="s">
        <v>80</v>
      </c>
      <c r="H3432" t="s">
        <v>81</v>
      </c>
      <c r="I3432" s="2">
        <v>0</v>
      </c>
      <c r="J3432" s="2">
        <v>1</v>
      </c>
      <c r="K3432" s="2">
        <v>0</v>
      </c>
      <c r="L3432" t="s">
        <v>82</v>
      </c>
      <c r="M3432" t="s">
        <v>89</v>
      </c>
      <c r="N3432" t="s">
        <v>90</v>
      </c>
      <c r="O3432" t="s">
        <v>85</v>
      </c>
      <c r="P3432" t="s">
        <v>86</v>
      </c>
      <c r="Q3432">
        <v>9</v>
      </c>
      <c r="R3432">
        <v>10</v>
      </c>
      <c r="S3432">
        <v>10</v>
      </c>
      <c r="T3432">
        <v>10</v>
      </c>
      <c r="U3432">
        <v>11</v>
      </c>
      <c r="V3432">
        <v>11</v>
      </c>
      <c r="W3432">
        <v>11</v>
      </c>
      <c r="X3432">
        <v>12</v>
      </c>
      <c r="Y3432">
        <v>12</v>
      </c>
      <c r="Z3432">
        <v>12</v>
      </c>
      <c r="AA3432">
        <v>12</v>
      </c>
      <c r="AB3432">
        <v>13</v>
      </c>
      <c r="AC3432">
        <v>13</v>
      </c>
      <c r="AD3432">
        <v>13</v>
      </c>
      <c r="AE3432">
        <v>14</v>
      </c>
      <c r="AF3432">
        <v>14</v>
      </c>
      <c r="AG3432">
        <v>14</v>
      </c>
      <c r="AH3432">
        <v>14</v>
      </c>
      <c r="AI3432">
        <v>14</v>
      </c>
      <c r="AJ3432">
        <v>14</v>
      </c>
      <c r="AK3432">
        <v>14</v>
      </c>
      <c r="AL3432">
        <v>15</v>
      </c>
      <c r="AM3432">
        <v>15</v>
      </c>
      <c r="AN3432">
        <v>15</v>
      </c>
      <c r="AO3432">
        <v>15</v>
      </c>
      <c r="AP3432">
        <v>15</v>
      </c>
      <c r="AQ3432">
        <v>15</v>
      </c>
    </row>
    <row r="3433" spans="1:43">
      <c r="A3433" t="s">
        <v>2180</v>
      </c>
      <c r="B3433" t="s">
        <v>2181</v>
      </c>
      <c r="C3433" t="s">
        <v>2174</v>
      </c>
      <c r="D3433" t="s">
        <v>2175</v>
      </c>
      <c r="E3433" t="s">
        <v>2048</v>
      </c>
      <c r="F3433" t="s">
        <v>2049</v>
      </c>
      <c r="G3433" t="s">
        <v>80</v>
      </c>
      <c r="H3433" t="s">
        <v>81</v>
      </c>
      <c r="I3433" s="2">
        <v>0</v>
      </c>
      <c r="J3433" s="2">
        <v>1</v>
      </c>
      <c r="K3433" s="2">
        <v>0</v>
      </c>
      <c r="L3433" t="s">
        <v>82</v>
      </c>
      <c r="M3433" t="s">
        <v>83</v>
      </c>
      <c r="N3433" t="s">
        <v>91</v>
      </c>
      <c r="O3433" t="s">
        <v>85</v>
      </c>
      <c r="P3433" t="s">
        <v>86</v>
      </c>
      <c r="Q3433">
        <v>9</v>
      </c>
      <c r="R3433">
        <v>10</v>
      </c>
      <c r="S3433">
        <v>10</v>
      </c>
      <c r="T3433">
        <v>10</v>
      </c>
      <c r="U3433">
        <v>10</v>
      </c>
      <c r="V3433">
        <v>11</v>
      </c>
      <c r="W3433">
        <v>11</v>
      </c>
      <c r="X3433">
        <v>11</v>
      </c>
      <c r="Y3433">
        <v>11</v>
      </c>
      <c r="Z3433">
        <v>11</v>
      </c>
      <c r="AA3433">
        <v>12</v>
      </c>
      <c r="AB3433">
        <v>12</v>
      </c>
      <c r="AC3433">
        <v>12</v>
      </c>
      <c r="AD3433">
        <v>12</v>
      </c>
      <c r="AE3433">
        <v>13</v>
      </c>
      <c r="AF3433">
        <v>13</v>
      </c>
      <c r="AG3433">
        <v>13</v>
      </c>
      <c r="AH3433">
        <v>13</v>
      </c>
      <c r="AI3433">
        <v>14</v>
      </c>
      <c r="AJ3433">
        <v>14</v>
      </c>
      <c r="AK3433">
        <v>14</v>
      </c>
      <c r="AL3433">
        <v>14</v>
      </c>
      <c r="AM3433">
        <v>15</v>
      </c>
      <c r="AN3433">
        <v>15</v>
      </c>
      <c r="AO3433">
        <v>15</v>
      </c>
      <c r="AP3433">
        <v>15</v>
      </c>
      <c r="AQ3433">
        <v>15</v>
      </c>
    </row>
    <row r="3434" spans="1:43">
      <c r="A3434" t="s">
        <v>2182</v>
      </c>
      <c r="B3434" t="s">
        <v>2183</v>
      </c>
      <c r="C3434" t="s">
        <v>2144</v>
      </c>
      <c r="D3434" t="s">
        <v>2145</v>
      </c>
      <c r="E3434" t="s">
        <v>2048</v>
      </c>
      <c r="F3434" t="s">
        <v>2049</v>
      </c>
      <c r="G3434" t="s">
        <v>80</v>
      </c>
      <c r="H3434" t="s">
        <v>81</v>
      </c>
      <c r="I3434" s="2">
        <v>0</v>
      </c>
      <c r="J3434" s="2">
        <v>1</v>
      </c>
      <c r="K3434" s="2">
        <v>0</v>
      </c>
      <c r="L3434" t="s">
        <v>82</v>
      </c>
      <c r="M3434" t="s">
        <v>83</v>
      </c>
      <c r="N3434" t="s">
        <v>84</v>
      </c>
      <c r="O3434" t="s">
        <v>85</v>
      </c>
      <c r="P3434" t="s">
        <v>86</v>
      </c>
      <c r="Q3434">
        <v>22</v>
      </c>
      <c r="R3434">
        <v>22</v>
      </c>
      <c r="S3434">
        <v>23</v>
      </c>
      <c r="T3434">
        <v>23</v>
      </c>
      <c r="U3434">
        <v>24</v>
      </c>
      <c r="V3434">
        <v>24</v>
      </c>
      <c r="W3434">
        <v>25</v>
      </c>
      <c r="X3434">
        <v>25</v>
      </c>
      <c r="Y3434">
        <v>26</v>
      </c>
      <c r="Z3434">
        <v>26</v>
      </c>
      <c r="AA3434">
        <v>27</v>
      </c>
      <c r="AB3434">
        <v>28</v>
      </c>
      <c r="AC3434">
        <v>28</v>
      </c>
      <c r="AD3434">
        <v>29</v>
      </c>
      <c r="AE3434">
        <v>29</v>
      </c>
      <c r="AF3434">
        <v>30</v>
      </c>
      <c r="AG3434">
        <v>31</v>
      </c>
      <c r="AH3434">
        <v>31</v>
      </c>
      <c r="AI3434">
        <v>32</v>
      </c>
      <c r="AJ3434">
        <v>32</v>
      </c>
      <c r="AK3434">
        <v>33</v>
      </c>
      <c r="AL3434">
        <v>33</v>
      </c>
      <c r="AM3434">
        <v>34</v>
      </c>
      <c r="AN3434">
        <v>34</v>
      </c>
      <c r="AO3434">
        <v>34</v>
      </c>
      <c r="AP3434">
        <v>35</v>
      </c>
      <c r="AQ3434">
        <v>35</v>
      </c>
    </row>
    <row r="3435" spans="1:43">
      <c r="A3435" t="s">
        <v>2182</v>
      </c>
      <c r="B3435" t="s">
        <v>2183</v>
      </c>
      <c r="C3435" t="s">
        <v>2144</v>
      </c>
      <c r="D3435" t="s">
        <v>2145</v>
      </c>
      <c r="E3435" t="s">
        <v>2048</v>
      </c>
      <c r="F3435" t="s">
        <v>2049</v>
      </c>
      <c r="G3435" t="s">
        <v>80</v>
      </c>
      <c r="H3435" t="s">
        <v>81</v>
      </c>
      <c r="I3435" s="2">
        <v>0</v>
      </c>
      <c r="J3435" s="2">
        <v>1</v>
      </c>
      <c r="K3435" s="2">
        <v>0</v>
      </c>
      <c r="L3435" t="s">
        <v>82</v>
      </c>
      <c r="M3435" t="s">
        <v>87</v>
      </c>
      <c r="N3435" t="s">
        <v>88</v>
      </c>
      <c r="O3435" t="s">
        <v>85</v>
      </c>
      <c r="P3435" t="s">
        <v>86</v>
      </c>
      <c r="Q3435">
        <v>22</v>
      </c>
      <c r="R3435">
        <v>23</v>
      </c>
      <c r="S3435">
        <v>23</v>
      </c>
      <c r="T3435">
        <v>23</v>
      </c>
      <c r="U3435">
        <v>24</v>
      </c>
      <c r="V3435">
        <v>24</v>
      </c>
      <c r="W3435">
        <v>24</v>
      </c>
      <c r="X3435">
        <v>25</v>
      </c>
      <c r="Y3435">
        <v>25</v>
      </c>
      <c r="Z3435">
        <v>25</v>
      </c>
      <c r="AA3435">
        <v>26</v>
      </c>
      <c r="AB3435">
        <v>26</v>
      </c>
      <c r="AC3435">
        <v>26</v>
      </c>
      <c r="AD3435">
        <v>27</v>
      </c>
      <c r="AE3435">
        <v>27</v>
      </c>
      <c r="AF3435">
        <v>27</v>
      </c>
      <c r="AG3435">
        <v>28</v>
      </c>
      <c r="AH3435">
        <v>28</v>
      </c>
      <c r="AI3435">
        <v>28</v>
      </c>
      <c r="AJ3435">
        <v>29</v>
      </c>
      <c r="AK3435">
        <v>29</v>
      </c>
      <c r="AL3435">
        <v>30</v>
      </c>
      <c r="AM3435">
        <v>30</v>
      </c>
      <c r="AN3435">
        <v>30</v>
      </c>
      <c r="AO3435">
        <v>31</v>
      </c>
      <c r="AP3435">
        <v>31</v>
      </c>
      <c r="AQ3435">
        <v>31</v>
      </c>
    </row>
    <row r="3436" spans="1:43">
      <c r="A3436" t="s">
        <v>2182</v>
      </c>
      <c r="B3436" t="s">
        <v>2183</v>
      </c>
      <c r="C3436" t="s">
        <v>2144</v>
      </c>
      <c r="D3436" t="s">
        <v>2145</v>
      </c>
      <c r="E3436" t="s">
        <v>2048</v>
      </c>
      <c r="F3436" t="s">
        <v>2049</v>
      </c>
      <c r="G3436" t="s">
        <v>80</v>
      </c>
      <c r="H3436" t="s">
        <v>81</v>
      </c>
      <c r="I3436" s="2">
        <v>0</v>
      </c>
      <c r="J3436" s="2">
        <v>1</v>
      </c>
      <c r="K3436" s="2">
        <v>0</v>
      </c>
      <c r="L3436" t="s">
        <v>82</v>
      </c>
      <c r="M3436" t="s">
        <v>89</v>
      </c>
      <c r="N3436" t="s">
        <v>90</v>
      </c>
      <c r="O3436" t="s">
        <v>85</v>
      </c>
      <c r="P3436" t="s">
        <v>86</v>
      </c>
      <c r="Q3436">
        <v>22</v>
      </c>
      <c r="R3436">
        <v>22</v>
      </c>
      <c r="S3436">
        <v>23</v>
      </c>
      <c r="T3436">
        <v>24</v>
      </c>
      <c r="U3436">
        <v>25</v>
      </c>
      <c r="V3436">
        <v>25</v>
      </c>
      <c r="W3436">
        <v>26</v>
      </c>
      <c r="X3436">
        <v>27</v>
      </c>
      <c r="Y3436">
        <v>27</v>
      </c>
      <c r="Z3436">
        <v>28</v>
      </c>
      <c r="AA3436">
        <v>29</v>
      </c>
      <c r="AB3436">
        <v>29</v>
      </c>
      <c r="AC3436">
        <v>30</v>
      </c>
      <c r="AD3436">
        <v>31</v>
      </c>
      <c r="AE3436">
        <v>31</v>
      </c>
      <c r="AF3436">
        <v>32</v>
      </c>
      <c r="AG3436">
        <v>32</v>
      </c>
      <c r="AH3436">
        <v>32</v>
      </c>
      <c r="AI3436">
        <v>33</v>
      </c>
      <c r="AJ3436">
        <v>33</v>
      </c>
      <c r="AK3436">
        <v>33</v>
      </c>
      <c r="AL3436">
        <v>34</v>
      </c>
      <c r="AM3436">
        <v>34</v>
      </c>
      <c r="AN3436">
        <v>34</v>
      </c>
      <c r="AO3436">
        <v>35</v>
      </c>
      <c r="AP3436">
        <v>35</v>
      </c>
      <c r="AQ3436">
        <v>35</v>
      </c>
    </row>
    <row r="3437" spans="1:43">
      <c r="A3437" t="s">
        <v>2182</v>
      </c>
      <c r="B3437" t="s">
        <v>2183</v>
      </c>
      <c r="C3437" t="s">
        <v>2144</v>
      </c>
      <c r="D3437" t="s">
        <v>2145</v>
      </c>
      <c r="E3437" t="s">
        <v>2048</v>
      </c>
      <c r="F3437" t="s">
        <v>2049</v>
      </c>
      <c r="G3437" t="s">
        <v>80</v>
      </c>
      <c r="H3437" t="s">
        <v>81</v>
      </c>
      <c r="I3437" s="2">
        <v>0</v>
      </c>
      <c r="J3437" s="2">
        <v>1</v>
      </c>
      <c r="K3437" s="2">
        <v>0</v>
      </c>
      <c r="L3437" t="s">
        <v>82</v>
      </c>
      <c r="M3437" t="s">
        <v>83</v>
      </c>
      <c r="N3437" t="s">
        <v>91</v>
      </c>
      <c r="O3437" t="s">
        <v>85</v>
      </c>
      <c r="P3437" t="s">
        <v>86</v>
      </c>
      <c r="Q3437">
        <v>22</v>
      </c>
      <c r="R3437">
        <v>22</v>
      </c>
      <c r="S3437">
        <v>23</v>
      </c>
      <c r="T3437">
        <v>23</v>
      </c>
      <c r="U3437">
        <v>24</v>
      </c>
      <c r="V3437">
        <v>24</v>
      </c>
      <c r="W3437">
        <v>25</v>
      </c>
      <c r="X3437">
        <v>25</v>
      </c>
      <c r="Y3437">
        <v>26</v>
      </c>
      <c r="Z3437">
        <v>26</v>
      </c>
      <c r="AA3437">
        <v>27</v>
      </c>
      <c r="AB3437">
        <v>28</v>
      </c>
      <c r="AC3437">
        <v>28</v>
      </c>
      <c r="AD3437">
        <v>29</v>
      </c>
      <c r="AE3437">
        <v>29</v>
      </c>
      <c r="AF3437">
        <v>30</v>
      </c>
      <c r="AG3437">
        <v>31</v>
      </c>
      <c r="AH3437">
        <v>31</v>
      </c>
      <c r="AI3437">
        <v>32</v>
      </c>
      <c r="AJ3437">
        <v>32</v>
      </c>
      <c r="AK3437">
        <v>33</v>
      </c>
      <c r="AL3437">
        <v>33</v>
      </c>
      <c r="AM3437">
        <v>34</v>
      </c>
      <c r="AN3437">
        <v>34</v>
      </c>
      <c r="AO3437">
        <v>34</v>
      </c>
      <c r="AP3437">
        <v>35</v>
      </c>
      <c r="AQ3437">
        <v>35</v>
      </c>
    </row>
    <row r="3438" spans="1:43">
      <c r="A3438" t="s">
        <v>2184</v>
      </c>
      <c r="B3438" t="s">
        <v>2185</v>
      </c>
      <c r="C3438" t="s">
        <v>2144</v>
      </c>
      <c r="D3438" t="s">
        <v>2145</v>
      </c>
      <c r="E3438" t="s">
        <v>2048</v>
      </c>
      <c r="F3438" t="s">
        <v>2049</v>
      </c>
      <c r="G3438" t="s">
        <v>80</v>
      </c>
      <c r="H3438" t="s">
        <v>81</v>
      </c>
      <c r="I3438" s="2">
        <v>0</v>
      </c>
      <c r="J3438" s="2">
        <v>1</v>
      </c>
      <c r="K3438" s="2">
        <v>0</v>
      </c>
      <c r="L3438" t="s">
        <v>82</v>
      </c>
      <c r="M3438" t="s">
        <v>83</v>
      </c>
      <c r="N3438" t="s">
        <v>84</v>
      </c>
      <c r="O3438" t="s">
        <v>85</v>
      </c>
      <c r="P3438" t="s">
        <v>86</v>
      </c>
      <c r="Q3438">
        <v>120</v>
      </c>
      <c r="R3438">
        <v>123</v>
      </c>
      <c r="S3438">
        <v>126</v>
      </c>
      <c r="T3438">
        <v>129</v>
      </c>
      <c r="U3438">
        <v>132</v>
      </c>
      <c r="V3438">
        <v>135</v>
      </c>
      <c r="W3438">
        <v>138</v>
      </c>
      <c r="X3438">
        <v>141</v>
      </c>
      <c r="Y3438">
        <v>144</v>
      </c>
      <c r="Z3438">
        <v>148</v>
      </c>
      <c r="AA3438">
        <v>151</v>
      </c>
      <c r="AB3438">
        <v>154</v>
      </c>
      <c r="AC3438">
        <v>157</v>
      </c>
      <c r="AD3438">
        <v>160</v>
      </c>
      <c r="AE3438">
        <v>164</v>
      </c>
      <c r="AF3438">
        <v>167</v>
      </c>
      <c r="AG3438">
        <v>170</v>
      </c>
      <c r="AH3438">
        <v>174</v>
      </c>
      <c r="AI3438">
        <v>177</v>
      </c>
      <c r="AJ3438">
        <v>181</v>
      </c>
      <c r="AK3438">
        <v>184</v>
      </c>
      <c r="AL3438">
        <v>187</v>
      </c>
      <c r="AM3438">
        <v>188</v>
      </c>
      <c r="AN3438">
        <v>190</v>
      </c>
      <c r="AO3438">
        <v>192</v>
      </c>
      <c r="AP3438">
        <v>194</v>
      </c>
      <c r="AQ3438">
        <v>195</v>
      </c>
    </row>
    <row r="3439" spans="1:43">
      <c r="A3439" t="s">
        <v>2184</v>
      </c>
      <c r="B3439" t="s">
        <v>2185</v>
      </c>
      <c r="C3439" t="s">
        <v>2144</v>
      </c>
      <c r="D3439" t="s">
        <v>2145</v>
      </c>
      <c r="E3439" t="s">
        <v>2048</v>
      </c>
      <c r="F3439" t="s">
        <v>2049</v>
      </c>
      <c r="G3439" t="s">
        <v>80</v>
      </c>
      <c r="H3439" t="s">
        <v>81</v>
      </c>
      <c r="I3439" s="2">
        <v>0</v>
      </c>
      <c r="J3439" s="2">
        <v>1</v>
      </c>
      <c r="K3439" s="2">
        <v>0</v>
      </c>
      <c r="L3439" t="s">
        <v>82</v>
      </c>
      <c r="M3439" t="s">
        <v>87</v>
      </c>
      <c r="N3439" t="s">
        <v>88</v>
      </c>
      <c r="O3439" t="s">
        <v>85</v>
      </c>
      <c r="P3439" t="s">
        <v>86</v>
      </c>
      <c r="Q3439">
        <v>120</v>
      </c>
      <c r="R3439">
        <v>122</v>
      </c>
      <c r="S3439">
        <v>124</v>
      </c>
      <c r="T3439">
        <v>125</v>
      </c>
      <c r="U3439">
        <v>127</v>
      </c>
      <c r="V3439">
        <v>129</v>
      </c>
      <c r="W3439">
        <v>131</v>
      </c>
      <c r="X3439">
        <v>133</v>
      </c>
      <c r="Y3439">
        <v>134</v>
      </c>
      <c r="Z3439">
        <v>136</v>
      </c>
      <c r="AA3439">
        <v>138</v>
      </c>
      <c r="AB3439">
        <v>140</v>
      </c>
      <c r="AC3439">
        <v>142</v>
      </c>
      <c r="AD3439">
        <v>144</v>
      </c>
      <c r="AE3439">
        <v>146</v>
      </c>
      <c r="AF3439">
        <v>148</v>
      </c>
      <c r="AG3439">
        <v>150</v>
      </c>
      <c r="AH3439">
        <v>152</v>
      </c>
      <c r="AI3439">
        <v>154</v>
      </c>
      <c r="AJ3439">
        <v>156</v>
      </c>
      <c r="AK3439">
        <v>158</v>
      </c>
      <c r="AL3439">
        <v>160</v>
      </c>
      <c r="AM3439">
        <v>162</v>
      </c>
      <c r="AN3439">
        <v>165</v>
      </c>
      <c r="AO3439">
        <v>167</v>
      </c>
      <c r="AP3439">
        <v>169</v>
      </c>
      <c r="AQ3439">
        <v>171</v>
      </c>
    </row>
    <row r="3440" spans="1:43">
      <c r="A3440" t="s">
        <v>2184</v>
      </c>
      <c r="B3440" t="s">
        <v>2185</v>
      </c>
      <c r="C3440" t="s">
        <v>2144</v>
      </c>
      <c r="D3440" t="s">
        <v>2145</v>
      </c>
      <c r="E3440" t="s">
        <v>2048</v>
      </c>
      <c r="F3440" t="s">
        <v>2049</v>
      </c>
      <c r="G3440" t="s">
        <v>80</v>
      </c>
      <c r="H3440" t="s">
        <v>81</v>
      </c>
      <c r="I3440" s="2">
        <v>0</v>
      </c>
      <c r="J3440" s="2">
        <v>1</v>
      </c>
      <c r="K3440" s="2">
        <v>0</v>
      </c>
      <c r="L3440" t="s">
        <v>82</v>
      </c>
      <c r="M3440" t="s">
        <v>89</v>
      </c>
      <c r="N3440" t="s">
        <v>90</v>
      </c>
      <c r="O3440" t="s">
        <v>85</v>
      </c>
      <c r="P3440" t="s">
        <v>86</v>
      </c>
      <c r="Q3440">
        <v>120</v>
      </c>
      <c r="R3440">
        <v>124</v>
      </c>
      <c r="S3440">
        <v>128</v>
      </c>
      <c r="T3440">
        <v>132</v>
      </c>
      <c r="U3440">
        <v>136</v>
      </c>
      <c r="V3440">
        <v>140</v>
      </c>
      <c r="W3440">
        <v>144</v>
      </c>
      <c r="X3440">
        <v>148</v>
      </c>
      <c r="Y3440">
        <v>152</v>
      </c>
      <c r="Z3440">
        <v>156</v>
      </c>
      <c r="AA3440">
        <v>160</v>
      </c>
      <c r="AB3440">
        <v>163</v>
      </c>
      <c r="AC3440">
        <v>167</v>
      </c>
      <c r="AD3440">
        <v>171</v>
      </c>
      <c r="AE3440">
        <v>175</v>
      </c>
      <c r="AF3440">
        <v>176</v>
      </c>
      <c r="AG3440">
        <v>178</v>
      </c>
      <c r="AH3440">
        <v>180</v>
      </c>
      <c r="AI3440">
        <v>181</v>
      </c>
      <c r="AJ3440">
        <v>183</v>
      </c>
      <c r="AK3440">
        <v>185</v>
      </c>
      <c r="AL3440">
        <v>187</v>
      </c>
      <c r="AM3440">
        <v>188</v>
      </c>
      <c r="AN3440">
        <v>190</v>
      </c>
      <c r="AO3440">
        <v>192</v>
      </c>
      <c r="AP3440">
        <v>193</v>
      </c>
      <c r="AQ3440">
        <v>195</v>
      </c>
    </row>
    <row r="3441" spans="1:43">
      <c r="A3441" t="s">
        <v>2184</v>
      </c>
      <c r="B3441" t="s">
        <v>2185</v>
      </c>
      <c r="C3441" t="s">
        <v>2144</v>
      </c>
      <c r="D3441" t="s">
        <v>2145</v>
      </c>
      <c r="E3441" t="s">
        <v>2048</v>
      </c>
      <c r="F3441" t="s">
        <v>2049</v>
      </c>
      <c r="G3441" t="s">
        <v>80</v>
      </c>
      <c r="H3441" t="s">
        <v>81</v>
      </c>
      <c r="I3441" s="2">
        <v>0</v>
      </c>
      <c r="J3441" s="2">
        <v>1</v>
      </c>
      <c r="K3441" s="2">
        <v>0</v>
      </c>
      <c r="L3441" t="s">
        <v>82</v>
      </c>
      <c r="M3441" t="s">
        <v>83</v>
      </c>
      <c r="N3441" t="s">
        <v>91</v>
      </c>
      <c r="O3441" t="s">
        <v>85</v>
      </c>
      <c r="P3441" t="s">
        <v>86</v>
      </c>
      <c r="Q3441">
        <v>120</v>
      </c>
      <c r="R3441">
        <v>123</v>
      </c>
      <c r="S3441">
        <v>126</v>
      </c>
      <c r="T3441">
        <v>129</v>
      </c>
      <c r="U3441">
        <v>132</v>
      </c>
      <c r="V3441">
        <v>135</v>
      </c>
      <c r="W3441">
        <v>138</v>
      </c>
      <c r="X3441">
        <v>141</v>
      </c>
      <c r="Y3441">
        <v>144</v>
      </c>
      <c r="Z3441">
        <v>148</v>
      </c>
      <c r="AA3441">
        <v>151</v>
      </c>
      <c r="AB3441">
        <v>154</v>
      </c>
      <c r="AC3441">
        <v>157</v>
      </c>
      <c r="AD3441">
        <v>160</v>
      </c>
      <c r="AE3441">
        <v>164</v>
      </c>
      <c r="AF3441">
        <v>167</v>
      </c>
      <c r="AG3441">
        <v>170</v>
      </c>
      <c r="AH3441">
        <v>174</v>
      </c>
      <c r="AI3441">
        <v>177</v>
      </c>
      <c r="AJ3441">
        <v>181</v>
      </c>
      <c r="AK3441">
        <v>184</v>
      </c>
      <c r="AL3441">
        <v>187</v>
      </c>
      <c r="AM3441">
        <v>188</v>
      </c>
      <c r="AN3441">
        <v>190</v>
      </c>
      <c r="AO3441">
        <v>192</v>
      </c>
      <c r="AP3441">
        <v>194</v>
      </c>
      <c r="AQ3441">
        <v>195</v>
      </c>
    </row>
    <row r="3442" spans="1:43">
      <c r="A3442" t="s">
        <v>2186</v>
      </c>
      <c r="B3442" t="s">
        <v>2187</v>
      </c>
      <c r="C3442" t="s">
        <v>2174</v>
      </c>
      <c r="D3442" t="s">
        <v>2175</v>
      </c>
      <c r="E3442" t="s">
        <v>2048</v>
      </c>
      <c r="F3442" t="s">
        <v>2049</v>
      </c>
      <c r="G3442" t="s">
        <v>80</v>
      </c>
      <c r="H3442" t="s">
        <v>81</v>
      </c>
      <c r="I3442" s="2">
        <v>0</v>
      </c>
      <c r="J3442" s="2">
        <v>1</v>
      </c>
      <c r="K3442" s="2">
        <v>0</v>
      </c>
      <c r="L3442" t="s">
        <v>82</v>
      </c>
      <c r="M3442" t="s">
        <v>83</v>
      </c>
      <c r="N3442" t="s">
        <v>84</v>
      </c>
      <c r="O3442" t="s">
        <v>85</v>
      </c>
      <c r="P3442" t="s">
        <v>86</v>
      </c>
      <c r="Q3442">
        <v>62</v>
      </c>
      <c r="R3442">
        <v>64</v>
      </c>
      <c r="S3442">
        <v>65</v>
      </c>
      <c r="T3442">
        <v>67</v>
      </c>
      <c r="U3442">
        <v>68</v>
      </c>
      <c r="V3442">
        <v>70</v>
      </c>
      <c r="W3442">
        <v>71</v>
      </c>
      <c r="X3442">
        <v>73</v>
      </c>
      <c r="Y3442">
        <v>74</v>
      </c>
      <c r="Z3442">
        <v>76</v>
      </c>
      <c r="AA3442">
        <v>78</v>
      </c>
      <c r="AB3442">
        <v>79</v>
      </c>
      <c r="AC3442">
        <v>81</v>
      </c>
      <c r="AD3442">
        <v>83</v>
      </c>
      <c r="AE3442">
        <v>84</v>
      </c>
      <c r="AF3442">
        <v>86</v>
      </c>
      <c r="AG3442">
        <v>88</v>
      </c>
      <c r="AH3442">
        <v>90</v>
      </c>
      <c r="AI3442">
        <v>91</v>
      </c>
      <c r="AJ3442">
        <v>93</v>
      </c>
      <c r="AK3442">
        <v>95</v>
      </c>
      <c r="AL3442">
        <v>96</v>
      </c>
      <c r="AM3442">
        <v>97</v>
      </c>
      <c r="AN3442">
        <v>98</v>
      </c>
      <c r="AO3442">
        <v>99</v>
      </c>
      <c r="AP3442">
        <v>100</v>
      </c>
      <c r="AQ3442">
        <v>101</v>
      </c>
    </row>
    <row r="3443" spans="1:43">
      <c r="A3443" t="s">
        <v>2186</v>
      </c>
      <c r="B3443" t="s">
        <v>2187</v>
      </c>
      <c r="C3443" t="s">
        <v>2174</v>
      </c>
      <c r="D3443" t="s">
        <v>2175</v>
      </c>
      <c r="E3443" t="s">
        <v>2048</v>
      </c>
      <c r="F3443" t="s">
        <v>2049</v>
      </c>
      <c r="G3443" t="s">
        <v>80</v>
      </c>
      <c r="H3443" t="s">
        <v>81</v>
      </c>
      <c r="I3443" s="2">
        <v>0</v>
      </c>
      <c r="J3443" s="2">
        <v>1</v>
      </c>
      <c r="K3443" s="2">
        <v>0</v>
      </c>
      <c r="L3443" t="s">
        <v>82</v>
      </c>
      <c r="M3443" t="s">
        <v>87</v>
      </c>
      <c r="N3443" t="s">
        <v>88</v>
      </c>
      <c r="O3443" t="s">
        <v>85</v>
      </c>
      <c r="P3443" t="s">
        <v>86</v>
      </c>
      <c r="Q3443">
        <v>62</v>
      </c>
      <c r="R3443">
        <v>62</v>
      </c>
      <c r="S3443">
        <v>63</v>
      </c>
      <c r="T3443">
        <v>64</v>
      </c>
      <c r="U3443">
        <v>65</v>
      </c>
      <c r="V3443">
        <v>66</v>
      </c>
      <c r="W3443">
        <v>67</v>
      </c>
      <c r="X3443">
        <v>68</v>
      </c>
      <c r="Y3443">
        <v>69</v>
      </c>
      <c r="Z3443">
        <v>70</v>
      </c>
      <c r="AA3443">
        <v>71</v>
      </c>
      <c r="AB3443">
        <v>72</v>
      </c>
      <c r="AC3443">
        <v>73</v>
      </c>
      <c r="AD3443">
        <v>74</v>
      </c>
      <c r="AE3443">
        <v>75</v>
      </c>
      <c r="AF3443">
        <v>76</v>
      </c>
      <c r="AG3443">
        <v>77</v>
      </c>
      <c r="AH3443">
        <v>78</v>
      </c>
      <c r="AI3443">
        <v>79</v>
      </c>
      <c r="AJ3443">
        <v>80</v>
      </c>
      <c r="AK3443">
        <v>81</v>
      </c>
      <c r="AL3443">
        <v>82</v>
      </c>
      <c r="AM3443">
        <v>83</v>
      </c>
      <c r="AN3443">
        <v>84</v>
      </c>
      <c r="AO3443">
        <v>85</v>
      </c>
      <c r="AP3443">
        <v>86</v>
      </c>
      <c r="AQ3443">
        <v>87</v>
      </c>
    </row>
    <row r="3444" spans="1:43">
      <c r="A3444" t="s">
        <v>2186</v>
      </c>
      <c r="B3444" t="s">
        <v>2187</v>
      </c>
      <c r="C3444" t="s">
        <v>2174</v>
      </c>
      <c r="D3444" t="s">
        <v>2175</v>
      </c>
      <c r="E3444" t="s">
        <v>2048</v>
      </c>
      <c r="F3444" t="s">
        <v>2049</v>
      </c>
      <c r="G3444" t="s">
        <v>80</v>
      </c>
      <c r="H3444" t="s">
        <v>81</v>
      </c>
      <c r="I3444" s="2">
        <v>0</v>
      </c>
      <c r="J3444" s="2">
        <v>1</v>
      </c>
      <c r="K3444" s="2">
        <v>0</v>
      </c>
      <c r="L3444" t="s">
        <v>82</v>
      </c>
      <c r="M3444" t="s">
        <v>89</v>
      </c>
      <c r="N3444" t="s">
        <v>90</v>
      </c>
      <c r="O3444" t="s">
        <v>85</v>
      </c>
      <c r="P3444" t="s">
        <v>86</v>
      </c>
      <c r="Q3444">
        <v>62</v>
      </c>
      <c r="R3444">
        <v>64</v>
      </c>
      <c r="S3444">
        <v>66</v>
      </c>
      <c r="T3444">
        <v>68</v>
      </c>
      <c r="U3444">
        <v>70</v>
      </c>
      <c r="V3444">
        <v>72</v>
      </c>
      <c r="W3444">
        <v>74</v>
      </c>
      <c r="X3444">
        <v>76</v>
      </c>
      <c r="Y3444">
        <v>78</v>
      </c>
      <c r="Z3444">
        <v>80</v>
      </c>
      <c r="AA3444">
        <v>82</v>
      </c>
      <c r="AB3444">
        <v>84</v>
      </c>
      <c r="AC3444">
        <v>86</v>
      </c>
      <c r="AD3444">
        <v>88</v>
      </c>
      <c r="AE3444">
        <v>90</v>
      </c>
      <c r="AF3444">
        <v>90</v>
      </c>
      <c r="AG3444">
        <v>91</v>
      </c>
      <c r="AH3444">
        <v>92</v>
      </c>
      <c r="AI3444">
        <v>93</v>
      </c>
      <c r="AJ3444">
        <v>94</v>
      </c>
      <c r="AK3444">
        <v>95</v>
      </c>
      <c r="AL3444">
        <v>96</v>
      </c>
      <c r="AM3444">
        <v>97</v>
      </c>
      <c r="AN3444">
        <v>98</v>
      </c>
      <c r="AO3444">
        <v>99</v>
      </c>
      <c r="AP3444">
        <v>99</v>
      </c>
      <c r="AQ3444">
        <v>100</v>
      </c>
    </row>
    <row r="3445" spans="1:43">
      <c r="A3445" t="s">
        <v>2186</v>
      </c>
      <c r="B3445" t="s">
        <v>2187</v>
      </c>
      <c r="C3445" t="s">
        <v>2174</v>
      </c>
      <c r="D3445" t="s">
        <v>2175</v>
      </c>
      <c r="E3445" t="s">
        <v>2048</v>
      </c>
      <c r="F3445" t="s">
        <v>2049</v>
      </c>
      <c r="G3445" t="s">
        <v>80</v>
      </c>
      <c r="H3445" t="s">
        <v>81</v>
      </c>
      <c r="I3445" s="2">
        <v>0</v>
      </c>
      <c r="J3445" s="2">
        <v>1</v>
      </c>
      <c r="K3445" s="2">
        <v>0</v>
      </c>
      <c r="L3445" t="s">
        <v>82</v>
      </c>
      <c r="M3445" t="s">
        <v>83</v>
      </c>
      <c r="N3445" t="s">
        <v>91</v>
      </c>
      <c r="O3445" t="s">
        <v>85</v>
      </c>
      <c r="P3445" t="s">
        <v>86</v>
      </c>
      <c r="Q3445">
        <v>62</v>
      </c>
      <c r="R3445">
        <v>64</v>
      </c>
      <c r="S3445">
        <v>65</v>
      </c>
      <c r="T3445">
        <v>67</v>
      </c>
      <c r="U3445">
        <v>68</v>
      </c>
      <c r="V3445">
        <v>70</v>
      </c>
      <c r="W3445">
        <v>71</v>
      </c>
      <c r="X3445">
        <v>73</v>
      </c>
      <c r="Y3445">
        <v>74</v>
      </c>
      <c r="Z3445">
        <v>76</v>
      </c>
      <c r="AA3445">
        <v>78</v>
      </c>
      <c r="AB3445">
        <v>79</v>
      </c>
      <c r="AC3445">
        <v>81</v>
      </c>
      <c r="AD3445">
        <v>83</v>
      </c>
      <c r="AE3445">
        <v>84</v>
      </c>
      <c r="AF3445">
        <v>86</v>
      </c>
      <c r="AG3445">
        <v>88</v>
      </c>
      <c r="AH3445">
        <v>90</v>
      </c>
      <c r="AI3445">
        <v>91</v>
      </c>
      <c r="AJ3445">
        <v>93</v>
      </c>
      <c r="AK3445">
        <v>95</v>
      </c>
      <c r="AL3445">
        <v>96</v>
      </c>
      <c r="AM3445">
        <v>97</v>
      </c>
      <c r="AN3445">
        <v>98</v>
      </c>
      <c r="AO3445">
        <v>99</v>
      </c>
      <c r="AP3445">
        <v>100</v>
      </c>
      <c r="AQ3445">
        <v>101</v>
      </c>
    </row>
    <row r="3446" spans="1:43">
      <c r="A3446" t="s">
        <v>2188</v>
      </c>
      <c r="B3446" t="s">
        <v>2189</v>
      </c>
      <c r="C3446" t="s">
        <v>2190</v>
      </c>
      <c r="D3446" t="s">
        <v>2191</v>
      </c>
      <c r="E3446" t="s">
        <v>2048</v>
      </c>
      <c r="F3446" t="s">
        <v>2049</v>
      </c>
      <c r="G3446" t="s">
        <v>80</v>
      </c>
      <c r="H3446" t="s">
        <v>81</v>
      </c>
      <c r="I3446" s="2">
        <v>0</v>
      </c>
      <c r="J3446" s="2">
        <v>1</v>
      </c>
      <c r="K3446" s="2">
        <v>0</v>
      </c>
      <c r="L3446" t="s">
        <v>82</v>
      </c>
      <c r="M3446" t="s">
        <v>83</v>
      </c>
      <c r="N3446" t="s">
        <v>84</v>
      </c>
      <c r="O3446" t="s">
        <v>85</v>
      </c>
      <c r="P3446" t="s">
        <v>86</v>
      </c>
      <c r="Q3446">
        <v>49</v>
      </c>
      <c r="R3446">
        <v>50</v>
      </c>
      <c r="S3446">
        <v>52</v>
      </c>
      <c r="T3446">
        <v>53</v>
      </c>
      <c r="U3446">
        <v>54</v>
      </c>
      <c r="V3446">
        <v>55</v>
      </c>
      <c r="W3446">
        <v>56</v>
      </c>
      <c r="X3446">
        <v>58</v>
      </c>
      <c r="Y3446">
        <v>59</v>
      </c>
      <c r="Z3446">
        <v>60</v>
      </c>
      <c r="AA3446">
        <v>62</v>
      </c>
      <c r="AB3446">
        <v>63</v>
      </c>
      <c r="AC3446">
        <v>64</v>
      </c>
      <c r="AD3446">
        <v>65</v>
      </c>
      <c r="AE3446">
        <v>67</v>
      </c>
      <c r="AF3446">
        <v>68</v>
      </c>
      <c r="AG3446">
        <v>69</v>
      </c>
      <c r="AH3446">
        <v>71</v>
      </c>
      <c r="AI3446">
        <v>72</v>
      </c>
      <c r="AJ3446">
        <v>74</v>
      </c>
      <c r="AK3446">
        <v>75</v>
      </c>
      <c r="AL3446">
        <v>76</v>
      </c>
      <c r="AM3446">
        <v>77</v>
      </c>
      <c r="AN3446">
        <v>77</v>
      </c>
      <c r="AO3446">
        <v>78</v>
      </c>
      <c r="AP3446">
        <v>79</v>
      </c>
      <c r="AQ3446">
        <v>79</v>
      </c>
    </row>
    <row r="3447" spans="1:43">
      <c r="A3447" t="s">
        <v>2188</v>
      </c>
      <c r="B3447" t="s">
        <v>2189</v>
      </c>
      <c r="C3447" t="s">
        <v>2190</v>
      </c>
      <c r="D3447" t="s">
        <v>2191</v>
      </c>
      <c r="E3447" t="s">
        <v>2048</v>
      </c>
      <c r="F3447" t="s">
        <v>2049</v>
      </c>
      <c r="G3447" t="s">
        <v>80</v>
      </c>
      <c r="H3447" t="s">
        <v>81</v>
      </c>
      <c r="I3447" s="2">
        <v>0</v>
      </c>
      <c r="J3447" s="2">
        <v>1</v>
      </c>
      <c r="K3447" s="2">
        <v>0</v>
      </c>
      <c r="L3447" t="s">
        <v>82</v>
      </c>
      <c r="M3447" t="s">
        <v>87</v>
      </c>
      <c r="N3447" t="s">
        <v>88</v>
      </c>
      <c r="O3447" t="s">
        <v>85</v>
      </c>
      <c r="P3447" t="s">
        <v>86</v>
      </c>
      <c r="Q3447">
        <v>49</v>
      </c>
      <c r="R3447">
        <v>49</v>
      </c>
      <c r="S3447">
        <v>50</v>
      </c>
      <c r="T3447">
        <v>51</v>
      </c>
      <c r="U3447">
        <v>52</v>
      </c>
      <c r="V3447">
        <v>52</v>
      </c>
      <c r="W3447">
        <v>53</v>
      </c>
      <c r="X3447">
        <v>54</v>
      </c>
      <c r="Y3447">
        <v>54</v>
      </c>
      <c r="Z3447">
        <v>55</v>
      </c>
      <c r="AA3447">
        <v>56</v>
      </c>
      <c r="AB3447">
        <v>57</v>
      </c>
      <c r="AC3447">
        <v>58</v>
      </c>
      <c r="AD3447">
        <v>58</v>
      </c>
      <c r="AE3447">
        <v>59</v>
      </c>
      <c r="AF3447">
        <v>60</v>
      </c>
      <c r="AG3447">
        <v>61</v>
      </c>
      <c r="AH3447">
        <v>61</v>
      </c>
      <c r="AI3447">
        <v>62</v>
      </c>
      <c r="AJ3447">
        <v>63</v>
      </c>
      <c r="AK3447">
        <v>64</v>
      </c>
      <c r="AL3447">
        <v>65</v>
      </c>
      <c r="AM3447">
        <v>66</v>
      </c>
      <c r="AN3447">
        <v>66</v>
      </c>
      <c r="AO3447">
        <v>67</v>
      </c>
      <c r="AP3447">
        <v>68</v>
      </c>
      <c r="AQ3447">
        <v>69</v>
      </c>
    </row>
    <row r="3448" spans="1:43">
      <c r="A3448" t="s">
        <v>2188</v>
      </c>
      <c r="B3448" t="s">
        <v>2189</v>
      </c>
      <c r="C3448" t="s">
        <v>2190</v>
      </c>
      <c r="D3448" t="s">
        <v>2191</v>
      </c>
      <c r="E3448" t="s">
        <v>2048</v>
      </c>
      <c r="F3448" t="s">
        <v>2049</v>
      </c>
      <c r="G3448" t="s">
        <v>80</v>
      </c>
      <c r="H3448" t="s">
        <v>81</v>
      </c>
      <c r="I3448" s="2">
        <v>0</v>
      </c>
      <c r="J3448" s="2">
        <v>1</v>
      </c>
      <c r="K3448" s="2">
        <v>0</v>
      </c>
      <c r="L3448" t="s">
        <v>82</v>
      </c>
      <c r="M3448" t="s">
        <v>89</v>
      </c>
      <c r="N3448" t="s">
        <v>90</v>
      </c>
      <c r="O3448" t="s">
        <v>85</v>
      </c>
      <c r="P3448" t="s">
        <v>86</v>
      </c>
      <c r="Q3448">
        <v>49</v>
      </c>
      <c r="R3448">
        <v>50</v>
      </c>
      <c r="S3448">
        <v>52</v>
      </c>
      <c r="T3448">
        <v>53</v>
      </c>
      <c r="U3448">
        <v>55</v>
      </c>
      <c r="V3448">
        <v>57</v>
      </c>
      <c r="W3448">
        <v>58</v>
      </c>
      <c r="X3448">
        <v>60</v>
      </c>
      <c r="Y3448">
        <v>61</v>
      </c>
      <c r="Z3448">
        <v>63</v>
      </c>
      <c r="AA3448">
        <v>64</v>
      </c>
      <c r="AB3448">
        <v>66</v>
      </c>
      <c r="AC3448">
        <v>68</v>
      </c>
      <c r="AD3448">
        <v>69</v>
      </c>
      <c r="AE3448">
        <v>70</v>
      </c>
      <c r="AF3448">
        <v>71</v>
      </c>
      <c r="AG3448">
        <v>72</v>
      </c>
      <c r="AH3448">
        <v>73</v>
      </c>
      <c r="AI3448">
        <v>73</v>
      </c>
      <c r="AJ3448">
        <v>74</v>
      </c>
      <c r="AK3448">
        <v>75</v>
      </c>
      <c r="AL3448">
        <v>75</v>
      </c>
      <c r="AM3448">
        <v>76</v>
      </c>
      <c r="AN3448">
        <v>77</v>
      </c>
      <c r="AO3448">
        <v>78</v>
      </c>
      <c r="AP3448">
        <v>78</v>
      </c>
      <c r="AQ3448">
        <v>79</v>
      </c>
    </row>
    <row r="3449" spans="1:43">
      <c r="A3449" t="s">
        <v>2188</v>
      </c>
      <c r="B3449" t="s">
        <v>2189</v>
      </c>
      <c r="C3449" t="s">
        <v>2190</v>
      </c>
      <c r="D3449" t="s">
        <v>2191</v>
      </c>
      <c r="E3449" t="s">
        <v>2048</v>
      </c>
      <c r="F3449" t="s">
        <v>2049</v>
      </c>
      <c r="G3449" t="s">
        <v>80</v>
      </c>
      <c r="H3449" t="s">
        <v>81</v>
      </c>
      <c r="I3449" s="2">
        <v>0</v>
      </c>
      <c r="J3449" s="2">
        <v>1</v>
      </c>
      <c r="K3449" s="2">
        <v>0</v>
      </c>
      <c r="L3449" t="s">
        <v>82</v>
      </c>
      <c r="M3449" t="s">
        <v>83</v>
      </c>
      <c r="N3449" t="s">
        <v>91</v>
      </c>
      <c r="O3449" t="s">
        <v>85</v>
      </c>
      <c r="P3449" t="s">
        <v>86</v>
      </c>
      <c r="Q3449">
        <v>49</v>
      </c>
      <c r="R3449">
        <v>50</v>
      </c>
      <c r="S3449">
        <v>52</v>
      </c>
      <c r="T3449">
        <v>53</v>
      </c>
      <c r="U3449">
        <v>54</v>
      </c>
      <c r="V3449">
        <v>55</v>
      </c>
      <c r="W3449">
        <v>56</v>
      </c>
      <c r="X3449">
        <v>58</v>
      </c>
      <c r="Y3449">
        <v>59</v>
      </c>
      <c r="Z3449">
        <v>60</v>
      </c>
      <c r="AA3449">
        <v>62</v>
      </c>
      <c r="AB3449">
        <v>63</v>
      </c>
      <c r="AC3449">
        <v>64</v>
      </c>
      <c r="AD3449">
        <v>65</v>
      </c>
      <c r="AE3449">
        <v>67</v>
      </c>
      <c r="AF3449">
        <v>68</v>
      </c>
      <c r="AG3449">
        <v>69</v>
      </c>
      <c r="AH3449">
        <v>71</v>
      </c>
      <c r="AI3449">
        <v>72</v>
      </c>
      <c r="AJ3449">
        <v>74</v>
      </c>
      <c r="AK3449">
        <v>75</v>
      </c>
      <c r="AL3449">
        <v>76</v>
      </c>
      <c r="AM3449">
        <v>77</v>
      </c>
      <c r="AN3449">
        <v>77</v>
      </c>
      <c r="AO3449">
        <v>78</v>
      </c>
      <c r="AP3449">
        <v>79</v>
      </c>
      <c r="AQ3449">
        <v>79</v>
      </c>
    </row>
    <row r="3450" spans="1:43">
      <c r="A3450" t="s">
        <v>2192</v>
      </c>
      <c r="B3450" t="s">
        <v>2193</v>
      </c>
      <c r="C3450" t="s">
        <v>2164</v>
      </c>
      <c r="D3450" t="s">
        <v>2165</v>
      </c>
      <c r="E3450" t="s">
        <v>2048</v>
      </c>
      <c r="F3450" t="s">
        <v>2049</v>
      </c>
      <c r="G3450" t="s">
        <v>80</v>
      </c>
      <c r="H3450" t="s">
        <v>81</v>
      </c>
      <c r="I3450" s="2">
        <v>0</v>
      </c>
      <c r="J3450" s="2">
        <v>1</v>
      </c>
      <c r="K3450" s="2">
        <v>0</v>
      </c>
      <c r="L3450" t="s">
        <v>82</v>
      </c>
      <c r="M3450" t="s">
        <v>83</v>
      </c>
      <c r="N3450" t="s">
        <v>84</v>
      </c>
      <c r="O3450" t="s">
        <v>85</v>
      </c>
      <c r="P3450" t="s">
        <v>86</v>
      </c>
      <c r="Q3450">
        <v>113</v>
      </c>
      <c r="R3450">
        <v>116</v>
      </c>
      <c r="S3450">
        <v>118</v>
      </c>
      <c r="T3450">
        <v>121</v>
      </c>
      <c r="U3450">
        <v>124</v>
      </c>
      <c r="V3450">
        <v>127</v>
      </c>
      <c r="W3450">
        <v>130</v>
      </c>
      <c r="X3450">
        <v>132</v>
      </c>
      <c r="Y3450">
        <v>135</v>
      </c>
      <c r="Z3450">
        <v>138</v>
      </c>
      <c r="AA3450">
        <v>141</v>
      </c>
      <c r="AB3450">
        <v>144</v>
      </c>
      <c r="AC3450">
        <v>147</v>
      </c>
      <c r="AD3450">
        <v>150</v>
      </c>
      <c r="AE3450">
        <v>153</v>
      </c>
      <c r="AF3450">
        <v>156</v>
      </c>
      <c r="AG3450">
        <v>159</v>
      </c>
      <c r="AH3450">
        <v>162</v>
      </c>
      <c r="AI3450">
        <v>166</v>
      </c>
      <c r="AJ3450">
        <v>169</v>
      </c>
      <c r="AK3450">
        <v>172</v>
      </c>
      <c r="AL3450">
        <v>174</v>
      </c>
      <c r="AM3450">
        <v>176</v>
      </c>
      <c r="AN3450">
        <v>177</v>
      </c>
      <c r="AO3450">
        <v>179</v>
      </c>
      <c r="AP3450">
        <v>181</v>
      </c>
      <c r="AQ3450">
        <v>182</v>
      </c>
    </row>
    <row r="3451" spans="1:43">
      <c r="A3451" t="s">
        <v>2192</v>
      </c>
      <c r="B3451" t="s">
        <v>2193</v>
      </c>
      <c r="C3451" t="s">
        <v>2164</v>
      </c>
      <c r="D3451" t="s">
        <v>2165</v>
      </c>
      <c r="E3451" t="s">
        <v>2048</v>
      </c>
      <c r="F3451" t="s">
        <v>2049</v>
      </c>
      <c r="G3451" t="s">
        <v>80</v>
      </c>
      <c r="H3451" t="s">
        <v>81</v>
      </c>
      <c r="I3451" s="2">
        <v>0</v>
      </c>
      <c r="J3451" s="2">
        <v>1</v>
      </c>
      <c r="K3451" s="2">
        <v>0</v>
      </c>
      <c r="L3451" t="s">
        <v>82</v>
      </c>
      <c r="M3451" t="s">
        <v>87</v>
      </c>
      <c r="N3451" t="s">
        <v>88</v>
      </c>
      <c r="O3451" t="s">
        <v>85</v>
      </c>
      <c r="P3451" t="s">
        <v>86</v>
      </c>
      <c r="Q3451">
        <v>113</v>
      </c>
      <c r="R3451">
        <v>115</v>
      </c>
      <c r="S3451">
        <v>116</v>
      </c>
      <c r="T3451">
        <v>118</v>
      </c>
      <c r="U3451">
        <v>119</v>
      </c>
      <c r="V3451">
        <v>121</v>
      </c>
      <c r="W3451">
        <v>123</v>
      </c>
      <c r="X3451">
        <v>124</v>
      </c>
      <c r="Y3451">
        <v>126</v>
      </c>
      <c r="Z3451">
        <v>128</v>
      </c>
      <c r="AA3451">
        <v>130</v>
      </c>
      <c r="AB3451">
        <v>131</v>
      </c>
      <c r="AC3451">
        <v>133</v>
      </c>
      <c r="AD3451">
        <v>135</v>
      </c>
      <c r="AE3451">
        <v>137</v>
      </c>
      <c r="AF3451">
        <v>138</v>
      </c>
      <c r="AG3451">
        <v>140</v>
      </c>
      <c r="AH3451">
        <v>142</v>
      </c>
      <c r="AI3451">
        <v>144</v>
      </c>
      <c r="AJ3451">
        <v>146</v>
      </c>
      <c r="AK3451">
        <v>148</v>
      </c>
      <c r="AL3451">
        <v>150</v>
      </c>
      <c r="AM3451">
        <v>151</v>
      </c>
      <c r="AN3451">
        <v>153</v>
      </c>
      <c r="AO3451">
        <v>155</v>
      </c>
      <c r="AP3451">
        <v>157</v>
      </c>
      <c r="AQ3451">
        <v>159</v>
      </c>
    </row>
    <row r="3452" spans="1:43">
      <c r="A3452" t="s">
        <v>2192</v>
      </c>
      <c r="B3452" t="s">
        <v>2193</v>
      </c>
      <c r="C3452" t="s">
        <v>2164</v>
      </c>
      <c r="D3452" t="s">
        <v>2165</v>
      </c>
      <c r="E3452" t="s">
        <v>2048</v>
      </c>
      <c r="F3452" t="s">
        <v>2049</v>
      </c>
      <c r="G3452" t="s">
        <v>80</v>
      </c>
      <c r="H3452" t="s">
        <v>81</v>
      </c>
      <c r="I3452" s="2">
        <v>0</v>
      </c>
      <c r="J3452" s="2">
        <v>1</v>
      </c>
      <c r="K3452" s="2">
        <v>0</v>
      </c>
      <c r="L3452" t="s">
        <v>82</v>
      </c>
      <c r="M3452" t="s">
        <v>89</v>
      </c>
      <c r="N3452" t="s">
        <v>90</v>
      </c>
      <c r="O3452" t="s">
        <v>85</v>
      </c>
      <c r="P3452" t="s">
        <v>86</v>
      </c>
      <c r="Q3452">
        <v>113</v>
      </c>
      <c r="R3452">
        <v>117</v>
      </c>
      <c r="S3452">
        <v>120</v>
      </c>
      <c r="T3452">
        <v>124</v>
      </c>
      <c r="U3452">
        <v>128</v>
      </c>
      <c r="V3452">
        <v>132</v>
      </c>
      <c r="W3452">
        <v>135</v>
      </c>
      <c r="X3452">
        <v>139</v>
      </c>
      <c r="Y3452">
        <v>142</v>
      </c>
      <c r="Z3452">
        <v>146</v>
      </c>
      <c r="AA3452">
        <v>149</v>
      </c>
      <c r="AB3452">
        <v>153</v>
      </c>
      <c r="AC3452">
        <v>157</v>
      </c>
      <c r="AD3452">
        <v>160</v>
      </c>
      <c r="AE3452">
        <v>163</v>
      </c>
      <c r="AF3452">
        <v>165</v>
      </c>
      <c r="AG3452">
        <v>166</v>
      </c>
      <c r="AH3452">
        <v>168</v>
      </c>
      <c r="AI3452">
        <v>170</v>
      </c>
      <c r="AJ3452">
        <v>171</v>
      </c>
      <c r="AK3452">
        <v>173</v>
      </c>
      <c r="AL3452">
        <v>175</v>
      </c>
      <c r="AM3452">
        <v>176</v>
      </c>
      <c r="AN3452">
        <v>178</v>
      </c>
      <c r="AO3452">
        <v>179</v>
      </c>
      <c r="AP3452">
        <v>181</v>
      </c>
      <c r="AQ3452">
        <v>183</v>
      </c>
    </row>
    <row r="3453" spans="1:43">
      <c r="A3453" t="s">
        <v>2192</v>
      </c>
      <c r="B3453" t="s">
        <v>2193</v>
      </c>
      <c r="C3453" t="s">
        <v>2164</v>
      </c>
      <c r="D3453" t="s">
        <v>2165</v>
      </c>
      <c r="E3453" t="s">
        <v>2048</v>
      </c>
      <c r="F3453" t="s">
        <v>2049</v>
      </c>
      <c r="G3453" t="s">
        <v>80</v>
      </c>
      <c r="H3453" t="s">
        <v>81</v>
      </c>
      <c r="I3453" s="2">
        <v>0</v>
      </c>
      <c r="J3453" s="2">
        <v>1</v>
      </c>
      <c r="K3453" s="2">
        <v>0</v>
      </c>
      <c r="L3453" t="s">
        <v>82</v>
      </c>
      <c r="M3453" t="s">
        <v>83</v>
      </c>
      <c r="N3453" t="s">
        <v>91</v>
      </c>
      <c r="O3453" t="s">
        <v>85</v>
      </c>
      <c r="P3453" t="s">
        <v>86</v>
      </c>
      <c r="Q3453">
        <v>113</v>
      </c>
      <c r="R3453">
        <v>116</v>
      </c>
      <c r="S3453">
        <v>118</v>
      </c>
      <c r="T3453">
        <v>121</v>
      </c>
      <c r="U3453">
        <v>124</v>
      </c>
      <c r="V3453">
        <v>127</v>
      </c>
      <c r="W3453">
        <v>130</v>
      </c>
      <c r="X3453">
        <v>132</v>
      </c>
      <c r="Y3453">
        <v>135</v>
      </c>
      <c r="Z3453">
        <v>138</v>
      </c>
      <c r="AA3453">
        <v>141</v>
      </c>
      <c r="AB3453">
        <v>144</v>
      </c>
      <c r="AC3453">
        <v>147</v>
      </c>
      <c r="AD3453">
        <v>150</v>
      </c>
      <c r="AE3453">
        <v>153</v>
      </c>
      <c r="AF3453">
        <v>156</v>
      </c>
      <c r="AG3453">
        <v>159</v>
      </c>
      <c r="AH3453">
        <v>162</v>
      </c>
      <c r="AI3453">
        <v>166</v>
      </c>
      <c r="AJ3453">
        <v>169</v>
      </c>
      <c r="AK3453">
        <v>172</v>
      </c>
      <c r="AL3453">
        <v>174</v>
      </c>
      <c r="AM3453">
        <v>176</v>
      </c>
      <c r="AN3453">
        <v>177</v>
      </c>
      <c r="AO3453">
        <v>179</v>
      </c>
      <c r="AP3453">
        <v>181</v>
      </c>
      <c r="AQ3453">
        <v>182</v>
      </c>
    </row>
    <row r="3454" spans="1:43">
      <c r="A3454" t="s">
        <v>2194</v>
      </c>
      <c r="B3454" t="s">
        <v>2195</v>
      </c>
      <c r="C3454" t="s">
        <v>2190</v>
      </c>
      <c r="D3454" t="s">
        <v>2191</v>
      </c>
      <c r="E3454" t="s">
        <v>2048</v>
      </c>
      <c r="F3454" t="s">
        <v>2049</v>
      </c>
      <c r="G3454" t="s">
        <v>80</v>
      </c>
      <c r="H3454" t="s">
        <v>81</v>
      </c>
      <c r="I3454" s="2">
        <v>0</v>
      </c>
      <c r="J3454" s="2">
        <v>1</v>
      </c>
      <c r="K3454" s="2">
        <v>0</v>
      </c>
      <c r="L3454" t="s">
        <v>82</v>
      </c>
      <c r="M3454" t="s">
        <v>83</v>
      </c>
      <c r="N3454" t="s">
        <v>84</v>
      </c>
      <c r="O3454" t="s">
        <v>85</v>
      </c>
      <c r="P3454" t="s">
        <v>86</v>
      </c>
      <c r="Q3454">
        <v>33</v>
      </c>
      <c r="R3454">
        <v>34</v>
      </c>
      <c r="S3454">
        <v>34</v>
      </c>
      <c r="T3454">
        <v>35</v>
      </c>
      <c r="U3454">
        <v>36</v>
      </c>
      <c r="V3454">
        <v>37</v>
      </c>
      <c r="W3454">
        <v>38</v>
      </c>
      <c r="X3454">
        <v>39</v>
      </c>
      <c r="Y3454">
        <v>39</v>
      </c>
      <c r="Z3454">
        <v>40</v>
      </c>
      <c r="AA3454">
        <v>41</v>
      </c>
      <c r="AB3454">
        <v>42</v>
      </c>
      <c r="AC3454">
        <v>43</v>
      </c>
      <c r="AD3454">
        <v>44</v>
      </c>
      <c r="AE3454">
        <v>45</v>
      </c>
      <c r="AF3454">
        <v>46</v>
      </c>
      <c r="AG3454">
        <v>47</v>
      </c>
      <c r="AH3454">
        <v>48</v>
      </c>
      <c r="AI3454">
        <v>48</v>
      </c>
      <c r="AJ3454">
        <v>49</v>
      </c>
      <c r="AK3454">
        <v>50</v>
      </c>
      <c r="AL3454">
        <v>51</v>
      </c>
      <c r="AM3454">
        <v>51</v>
      </c>
      <c r="AN3454">
        <v>52</v>
      </c>
      <c r="AO3454">
        <v>52</v>
      </c>
      <c r="AP3454">
        <v>53</v>
      </c>
      <c r="AQ3454">
        <v>53</v>
      </c>
    </row>
    <row r="3455" spans="1:43">
      <c r="A3455" t="s">
        <v>2194</v>
      </c>
      <c r="B3455" t="s">
        <v>2195</v>
      </c>
      <c r="C3455" t="s">
        <v>2190</v>
      </c>
      <c r="D3455" t="s">
        <v>2191</v>
      </c>
      <c r="E3455" t="s">
        <v>2048</v>
      </c>
      <c r="F3455" t="s">
        <v>2049</v>
      </c>
      <c r="G3455" t="s">
        <v>80</v>
      </c>
      <c r="H3455" t="s">
        <v>81</v>
      </c>
      <c r="I3455" s="2">
        <v>0</v>
      </c>
      <c r="J3455" s="2">
        <v>1</v>
      </c>
      <c r="K3455" s="2">
        <v>0</v>
      </c>
      <c r="L3455" t="s">
        <v>82</v>
      </c>
      <c r="M3455" t="s">
        <v>87</v>
      </c>
      <c r="N3455" t="s">
        <v>88</v>
      </c>
      <c r="O3455" t="s">
        <v>85</v>
      </c>
      <c r="P3455" t="s">
        <v>86</v>
      </c>
      <c r="Q3455">
        <v>33</v>
      </c>
      <c r="R3455">
        <v>33</v>
      </c>
      <c r="S3455">
        <v>34</v>
      </c>
      <c r="T3455">
        <v>34</v>
      </c>
      <c r="U3455">
        <v>34</v>
      </c>
      <c r="V3455">
        <v>35</v>
      </c>
      <c r="W3455">
        <v>35</v>
      </c>
      <c r="X3455">
        <v>36</v>
      </c>
      <c r="Y3455">
        <v>36</v>
      </c>
      <c r="Z3455">
        <v>37</v>
      </c>
      <c r="AA3455">
        <v>38</v>
      </c>
      <c r="AB3455">
        <v>38</v>
      </c>
      <c r="AC3455">
        <v>39</v>
      </c>
      <c r="AD3455">
        <v>39</v>
      </c>
      <c r="AE3455">
        <v>40</v>
      </c>
      <c r="AF3455">
        <v>40</v>
      </c>
      <c r="AG3455">
        <v>41</v>
      </c>
      <c r="AH3455">
        <v>41</v>
      </c>
      <c r="AI3455">
        <v>42</v>
      </c>
      <c r="AJ3455">
        <v>42</v>
      </c>
      <c r="AK3455">
        <v>43</v>
      </c>
      <c r="AL3455">
        <v>44</v>
      </c>
      <c r="AM3455">
        <v>44</v>
      </c>
      <c r="AN3455">
        <v>45</v>
      </c>
      <c r="AO3455">
        <v>45</v>
      </c>
      <c r="AP3455">
        <v>46</v>
      </c>
      <c r="AQ3455">
        <v>46</v>
      </c>
    </row>
    <row r="3456" spans="1:43">
      <c r="A3456" t="s">
        <v>2194</v>
      </c>
      <c r="B3456" t="s">
        <v>2195</v>
      </c>
      <c r="C3456" t="s">
        <v>2190</v>
      </c>
      <c r="D3456" t="s">
        <v>2191</v>
      </c>
      <c r="E3456" t="s">
        <v>2048</v>
      </c>
      <c r="F3456" t="s">
        <v>2049</v>
      </c>
      <c r="G3456" t="s">
        <v>80</v>
      </c>
      <c r="H3456" t="s">
        <v>81</v>
      </c>
      <c r="I3456" s="2">
        <v>0</v>
      </c>
      <c r="J3456" s="2">
        <v>1</v>
      </c>
      <c r="K3456" s="2">
        <v>0</v>
      </c>
      <c r="L3456" t="s">
        <v>82</v>
      </c>
      <c r="M3456" t="s">
        <v>89</v>
      </c>
      <c r="N3456" t="s">
        <v>90</v>
      </c>
      <c r="O3456" t="s">
        <v>85</v>
      </c>
      <c r="P3456" t="s">
        <v>86</v>
      </c>
      <c r="Q3456">
        <v>33</v>
      </c>
      <c r="R3456">
        <v>34</v>
      </c>
      <c r="S3456">
        <v>35</v>
      </c>
      <c r="T3456">
        <v>36</v>
      </c>
      <c r="U3456">
        <v>38</v>
      </c>
      <c r="V3456">
        <v>39</v>
      </c>
      <c r="W3456">
        <v>40</v>
      </c>
      <c r="X3456">
        <v>41</v>
      </c>
      <c r="Y3456">
        <v>42</v>
      </c>
      <c r="Z3456">
        <v>43</v>
      </c>
      <c r="AA3456">
        <v>44</v>
      </c>
      <c r="AB3456">
        <v>45</v>
      </c>
      <c r="AC3456">
        <v>46</v>
      </c>
      <c r="AD3456">
        <v>47</v>
      </c>
      <c r="AE3456">
        <v>48</v>
      </c>
      <c r="AF3456">
        <v>48</v>
      </c>
      <c r="AG3456">
        <v>49</v>
      </c>
      <c r="AH3456">
        <v>49</v>
      </c>
      <c r="AI3456">
        <v>50</v>
      </c>
      <c r="AJ3456">
        <v>50</v>
      </c>
      <c r="AK3456">
        <v>51</v>
      </c>
      <c r="AL3456">
        <v>51</v>
      </c>
      <c r="AM3456">
        <v>52</v>
      </c>
      <c r="AN3456">
        <v>52</v>
      </c>
      <c r="AO3456">
        <v>53</v>
      </c>
      <c r="AP3456">
        <v>53</v>
      </c>
      <c r="AQ3456">
        <v>54</v>
      </c>
    </row>
    <row r="3457" spans="1:43">
      <c r="A3457" t="s">
        <v>2194</v>
      </c>
      <c r="B3457" t="s">
        <v>2195</v>
      </c>
      <c r="C3457" t="s">
        <v>2190</v>
      </c>
      <c r="D3457" t="s">
        <v>2191</v>
      </c>
      <c r="E3457" t="s">
        <v>2048</v>
      </c>
      <c r="F3457" t="s">
        <v>2049</v>
      </c>
      <c r="G3457" t="s">
        <v>80</v>
      </c>
      <c r="H3457" t="s">
        <v>81</v>
      </c>
      <c r="I3457" s="2">
        <v>0</v>
      </c>
      <c r="J3457" s="2">
        <v>1</v>
      </c>
      <c r="K3457" s="2">
        <v>0</v>
      </c>
      <c r="L3457" t="s">
        <v>82</v>
      </c>
      <c r="M3457" t="s">
        <v>83</v>
      </c>
      <c r="N3457" t="s">
        <v>91</v>
      </c>
      <c r="O3457" t="s">
        <v>85</v>
      </c>
      <c r="P3457" t="s">
        <v>86</v>
      </c>
      <c r="Q3457">
        <v>33</v>
      </c>
      <c r="R3457">
        <v>34</v>
      </c>
      <c r="S3457">
        <v>34</v>
      </c>
      <c r="T3457">
        <v>35</v>
      </c>
      <c r="U3457">
        <v>36</v>
      </c>
      <c r="V3457">
        <v>37</v>
      </c>
      <c r="W3457">
        <v>38</v>
      </c>
      <c r="X3457">
        <v>39</v>
      </c>
      <c r="Y3457">
        <v>39</v>
      </c>
      <c r="Z3457">
        <v>40</v>
      </c>
      <c r="AA3457">
        <v>41</v>
      </c>
      <c r="AB3457">
        <v>42</v>
      </c>
      <c r="AC3457">
        <v>43</v>
      </c>
      <c r="AD3457">
        <v>44</v>
      </c>
      <c r="AE3457">
        <v>45</v>
      </c>
      <c r="AF3457">
        <v>46</v>
      </c>
      <c r="AG3457">
        <v>47</v>
      </c>
      <c r="AH3457">
        <v>48</v>
      </c>
      <c r="AI3457">
        <v>48</v>
      </c>
      <c r="AJ3457">
        <v>49</v>
      </c>
      <c r="AK3457">
        <v>50</v>
      </c>
      <c r="AL3457">
        <v>51</v>
      </c>
      <c r="AM3457">
        <v>51</v>
      </c>
      <c r="AN3457">
        <v>52</v>
      </c>
      <c r="AO3457">
        <v>52</v>
      </c>
      <c r="AP3457">
        <v>53</v>
      </c>
      <c r="AQ3457">
        <v>53</v>
      </c>
    </row>
    <row r="3458" spans="1:43">
      <c r="A3458" t="s">
        <v>2196</v>
      </c>
      <c r="B3458" t="s">
        <v>2197</v>
      </c>
      <c r="C3458" t="s">
        <v>2156</v>
      </c>
      <c r="D3458" t="s">
        <v>2157</v>
      </c>
      <c r="E3458" t="s">
        <v>2048</v>
      </c>
      <c r="F3458" t="s">
        <v>2049</v>
      </c>
      <c r="G3458" t="s">
        <v>80</v>
      </c>
      <c r="H3458" t="s">
        <v>81</v>
      </c>
      <c r="I3458" s="2">
        <v>0</v>
      </c>
      <c r="J3458" s="2">
        <v>1</v>
      </c>
      <c r="K3458" s="2">
        <v>0</v>
      </c>
      <c r="L3458" t="s">
        <v>82</v>
      </c>
      <c r="M3458" t="s">
        <v>83</v>
      </c>
      <c r="N3458" t="s">
        <v>84</v>
      </c>
      <c r="O3458" t="s">
        <v>85</v>
      </c>
      <c r="P3458" t="s">
        <v>86</v>
      </c>
      <c r="Q3458">
        <v>28</v>
      </c>
      <c r="R3458">
        <v>29</v>
      </c>
      <c r="S3458">
        <v>30</v>
      </c>
      <c r="T3458">
        <v>31</v>
      </c>
      <c r="U3458">
        <v>31</v>
      </c>
      <c r="V3458">
        <v>32</v>
      </c>
      <c r="W3458">
        <v>33</v>
      </c>
      <c r="X3458">
        <v>33</v>
      </c>
      <c r="Y3458">
        <v>34</v>
      </c>
      <c r="Z3458">
        <v>35</v>
      </c>
      <c r="AA3458">
        <v>36</v>
      </c>
      <c r="AB3458">
        <v>36</v>
      </c>
      <c r="AC3458">
        <v>37</v>
      </c>
      <c r="AD3458">
        <v>38</v>
      </c>
      <c r="AE3458">
        <v>39</v>
      </c>
      <c r="AF3458">
        <v>39</v>
      </c>
      <c r="AG3458">
        <v>40</v>
      </c>
      <c r="AH3458">
        <v>41</v>
      </c>
      <c r="AI3458">
        <v>42</v>
      </c>
      <c r="AJ3458">
        <v>43</v>
      </c>
      <c r="AK3458">
        <v>44</v>
      </c>
      <c r="AL3458">
        <v>44</v>
      </c>
      <c r="AM3458">
        <v>44</v>
      </c>
      <c r="AN3458">
        <v>45</v>
      </c>
      <c r="AO3458">
        <v>45</v>
      </c>
      <c r="AP3458">
        <v>46</v>
      </c>
      <c r="AQ3458">
        <v>46</v>
      </c>
    </row>
    <row r="3459" spans="1:43">
      <c r="A3459" t="s">
        <v>2196</v>
      </c>
      <c r="B3459" t="s">
        <v>2197</v>
      </c>
      <c r="C3459" t="s">
        <v>2156</v>
      </c>
      <c r="D3459" t="s">
        <v>2157</v>
      </c>
      <c r="E3459" t="s">
        <v>2048</v>
      </c>
      <c r="F3459" t="s">
        <v>2049</v>
      </c>
      <c r="G3459" t="s">
        <v>80</v>
      </c>
      <c r="H3459" t="s">
        <v>81</v>
      </c>
      <c r="I3459" s="2">
        <v>0</v>
      </c>
      <c r="J3459" s="2">
        <v>1</v>
      </c>
      <c r="K3459" s="2">
        <v>0</v>
      </c>
      <c r="L3459" t="s">
        <v>82</v>
      </c>
      <c r="M3459" t="s">
        <v>87</v>
      </c>
      <c r="N3459" t="s">
        <v>88</v>
      </c>
      <c r="O3459" t="s">
        <v>85</v>
      </c>
      <c r="P3459" t="s">
        <v>86</v>
      </c>
      <c r="Q3459">
        <v>28</v>
      </c>
      <c r="R3459">
        <v>29</v>
      </c>
      <c r="S3459">
        <v>29</v>
      </c>
      <c r="T3459">
        <v>29</v>
      </c>
      <c r="U3459">
        <v>30</v>
      </c>
      <c r="V3459">
        <v>30</v>
      </c>
      <c r="W3459">
        <v>31</v>
      </c>
      <c r="X3459">
        <v>31</v>
      </c>
      <c r="Y3459">
        <v>32</v>
      </c>
      <c r="Z3459">
        <v>32</v>
      </c>
      <c r="AA3459">
        <v>32</v>
      </c>
      <c r="AB3459">
        <v>33</v>
      </c>
      <c r="AC3459">
        <v>33</v>
      </c>
      <c r="AD3459">
        <v>34</v>
      </c>
      <c r="AE3459">
        <v>34</v>
      </c>
      <c r="AF3459">
        <v>35</v>
      </c>
      <c r="AG3459">
        <v>35</v>
      </c>
      <c r="AH3459">
        <v>36</v>
      </c>
      <c r="AI3459">
        <v>36</v>
      </c>
      <c r="AJ3459">
        <v>37</v>
      </c>
      <c r="AK3459">
        <v>37</v>
      </c>
      <c r="AL3459">
        <v>38</v>
      </c>
      <c r="AM3459">
        <v>38</v>
      </c>
      <c r="AN3459">
        <v>39</v>
      </c>
      <c r="AO3459">
        <v>39</v>
      </c>
      <c r="AP3459">
        <v>40</v>
      </c>
      <c r="AQ3459">
        <v>40</v>
      </c>
    </row>
    <row r="3460" spans="1:43">
      <c r="A3460" t="s">
        <v>2196</v>
      </c>
      <c r="B3460" t="s">
        <v>2197</v>
      </c>
      <c r="C3460" t="s">
        <v>2156</v>
      </c>
      <c r="D3460" t="s">
        <v>2157</v>
      </c>
      <c r="E3460" t="s">
        <v>2048</v>
      </c>
      <c r="F3460" t="s">
        <v>2049</v>
      </c>
      <c r="G3460" t="s">
        <v>80</v>
      </c>
      <c r="H3460" t="s">
        <v>81</v>
      </c>
      <c r="I3460" s="2">
        <v>0</v>
      </c>
      <c r="J3460" s="2">
        <v>1</v>
      </c>
      <c r="K3460" s="2">
        <v>0</v>
      </c>
      <c r="L3460" t="s">
        <v>82</v>
      </c>
      <c r="M3460" t="s">
        <v>89</v>
      </c>
      <c r="N3460" t="s">
        <v>90</v>
      </c>
      <c r="O3460" t="s">
        <v>85</v>
      </c>
      <c r="P3460" t="s">
        <v>86</v>
      </c>
      <c r="Q3460">
        <v>28</v>
      </c>
      <c r="R3460">
        <v>29</v>
      </c>
      <c r="S3460">
        <v>30</v>
      </c>
      <c r="T3460">
        <v>31</v>
      </c>
      <c r="U3460">
        <v>31</v>
      </c>
      <c r="V3460">
        <v>32</v>
      </c>
      <c r="W3460">
        <v>33</v>
      </c>
      <c r="X3460">
        <v>34</v>
      </c>
      <c r="Y3460">
        <v>35</v>
      </c>
      <c r="Z3460">
        <v>36</v>
      </c>
      <c r="AA3460">
        <v>37</v>
      </c>
      <c r="AB3460">
        <v>38</v>
      </c>
      <c r="AC3460">
        <v>39</v>
      </c>
      <c r="AD3460">
        <v>40</v>
      </c>
      <c r="AE3460">
        <v>40</v>
      </c>
      <c r="AF3460">
        <v>41</v>
      </c>
      <c r="AG3460">
        <v>41</v>
      </c>
      <c r="AH3460">
        <v>42</v>
      </c>
      <c r="AI3460">
        <v>42</v>
      </c>
      <c r="AJ3460">
        <v>42</v>
      </c>
      <c r="AK3460">
        <v>43</v>
      </c>
      <c r="AL3460">
        <v>43</v>
      </c>
      <c r="AM3460">
        <v>44</v>
      </c>
      <c r="AN3460">
        <v>44</v>
      </c>
      <c r="AO3460">
        <v>45</v>
      </c>
      <c r="AP3460">
        <v>45</v>
      </c>
      <c r="AQ3460">
        <v>45</v>
      </c>
    </row>
    <row r="3461" spans="1:43">
      <c r="A3461" t="s">
        <v>2196</v>
      </c>
      <c r="B3461" t="s">
        <v>2197</v>
      </c>
      <c r="C3461" t="s">
        <v>2156</v>
      </c>
      <c r="D3461" t="s">
        <v>2157</v>
      </c>
      <c r="E3461" t="s">
        <v>2048</v>
      </c>
      <c r="F3461" t="s">
        <v>2049</v>
      </c>
      <c r="G3461" t="s">
        <v>80</v>
      </c>
      <c r="H3461" t="s">
        <v>81</v>
      </c>
      <c r="I3461" s="2">
        <v>0</v>
      </c>
      <c r="J3461" s="2">
        <v>1</v>
      </c>
      <c r="K3461" s="2">
        <v>0</v>
      </c>
      <c r="L3461" t="s">
        <v>82</v>
      </c>
      <c r="M3461" t="s">
        <v>83</v>
      </c>
      <c r="N3461" t="s">
        <v>91</v>
      </c>
      <c r="O3461" t="s">
        <v>85</v>
      </c>
      <c r="P3461" t="s">
        <v>86</v>
      </c>
      <c r="Q3461">
        <v>28</v>
      </c>
      <c r="R3461">
        <v>29</v>
      </c>
      <c r="S3461">
        <v>30</v>
      </c>
      <c r="T3461">
        <v>31</v>
      </c>
      <c r="U3461">
        <v>31</v>
      </c>
      <c r="V3461">
        <v>32</v>
      </c>
      <c r="W3461">
        <v>33</v>
      </c>
      <c r="X3461">
        <v>33</v>
      </c>
      <c r="Y3461">
        <v>34</v>
      </c>
      <c r="Z3461">
        <v>35</v>
      </c>
      <c r="AA3461">
        <v>36</v>
      </c>
      <c r="AB3461">
        <v>36</v>
      </c>
      <c r="AC3461">
        <v>37</v>
      </c>
      <c r="AD3461">
        <v>38</v>
      </c>
      <c r="AE3461">
        <v>39</v>
      </c>
      <c r="AF3461">
        <v>39</v>
      </c>
      <c r="AG3461">
        <v>40</v>
      </c>
      <c r="AH3461">
        <v>41</v>
      </c>
      <c r="AI3461">
        <v>42</v>
      </c>
      <c r="AJ3461">
        <v>43</v>
      </c>
      <c r="AK3461">
        <v>44</v>
      </c>
      <c r="AL3461">
        <v>44</v>
      </c>
      <c r="AM3461">
        <v>44</v>
      </c>
      <c r="AN3461">
        <v>45</v>
      </c>
      <c r="AO3461">
        <v>45</v>
      </c>
      <c r="AP3461">
        <v>46</v>
      </c>
      <c r="AQ3461">
        <v>46</v>
      </c>
    </row>
    <row r="3462" spans="1:43">
      <c r="A3462" t="s">
        <v>2198</v>
      </c>
      <c r="B3462" t="s">
        <v>2199</v>
      </c>
      <c r="C3462" t="s">
        <v>2190</v>
      </c>
      <c r="D3462" t="s">
        <v>2191</v>
      </c>
      <c r="E3462" t="s">
        <v>2048</v>
      </c>
      <c r="F3462" t="s">
        <v>2049</v>
      </c>
      <c r="G3462" t="s">
        <v>80</v>
      </c>
      <c r="H3462" t="s">
        <v>81</v>
      </c>
      <c r="I3462" s="2">
        <v>0</v>
      </c>
      <c r="J3462" s="2">
        <v>1</v>
      </c>
      <c r="K3462" s="2">
        <v>0</v>
      </c>
      <c r="L3462" t="s">
        <v>82</v>
      </c>
      <c r="M3462" t="s">
        <v>83</v>
      </c>
      <c r="N3462" t="s">
        <v>84</v>
      </c>
      <c r="O3462" t="s">
        <v>85</v>
      </c>
      <c r="P3462" t="s">
        <v>86</v>
      </c>
      <c r="Q3462">
        <v>64</v>
      </c>
      <c r="R3462">
        <v>65</v>
      </c>
      <c r="S3462">
        <v>67</v>
      </c>
      <c r="T3462">
        <v>68</v>
      </c>
      <c r="U3462">
        <v>70</v>
      </c>
      <c r="V3462">
        <v>71</v>
      </c>
      <c r="W3462">
        <v>73</v>
      </c>
      <c r="X3462">
        <v>74</v>
      </c>
      <c r="Y3462">
        <v>76</v>
      </c>
      <c r="Z3462">
        <v>78</v>
      </c>
      <c r="AA3462">
        <v>79</v>
      </c>
      <c r="AB3462">
        <v>81</v>
      </c>
      <c r="AC3462">
        <v>83</v>
      </c>
      <c r="AD3462">
        <v>84</v>
      </c>
      <c r="AE3462">
        <v>86</v>
      </c>
      <c r="AF3462">
        <v>88</v>
      </c>
      <c r="AG3462">
        <v>90</v>
      </c>
      <c r="AH3462">
        <v>91</v>
      </c>
      <c r="AI3462">
        <v>93</v>
      </c>
      <c r="AJ3462">
        <v>95</v>
      </c>
      <c r="AK3462">
        <v>97</v>
      </c>
      <c r="AL3462">
        <v>98</v>
      </c>
      <c r="AM3462">
        <v>99</v>
      </c>
      <c r="AN3462">
        <v>100</v>
      </c>
      <c r="AO3462">
        <v>101</v>
      </c>
      <c r="AP3462">
        <v>102</v>
      </c>
      <c r="AQ3462">
        <v>103</v>
      </c>
    </row>
    <row r="3463" spans="1:43">
      <c r="A3463" t="s">
        <v>2198</v>
      </c>
      <c r="B3463" t="s">
        <v>2199</v>
      </c>
      <c r="C3463" t="s">
        <v>2190</v>
      </c>
      <c r="D3463" t="s">
        <v>2191</v>
      </c>
      <c r="E3463" t="s">
        <v>2048</v>
      </c>
      <c r="F3463" t="s">
        <v>2049</v>
      </c>
      <c r="G3463" t="s">
        <v>80</v>
      </c>
      <c r="H3463" t="s">
        <v>81</v>
      </c>
      <c r="I3463" s="2">
        <v>0</v>
      </c>
      <c r="J3463" s="2">
        <v>1</v>
      </c>
      <c r="K3463" s="2">
        <v>0</v>
      </c>
      <c r="L3463" t="s">
        <v>82</v>
      </c>
      <c r="M3463" t="s">
        <v>87</v>
      </c>
      <c r="N3463" t="s">
        <v>88</v>
      </c>
      <c r="O3463" t="s">
        <v>85</v>
      </c>
      <c r="P3463" t="s">
        <v>86</v>
      </c>
      <c r="Q3463">
        <v>64</v>
      </c>
      <c r="R3463">
        <v>65</v>
      </c>
      <c r="S3463">
        <v>66</v>
      </c>
      <c r="T3463">
        <v>67</v>
      </c>
      <c r="U3463">
        <v>68</v>
      </c>
      <c r="V3463">
        <v>68</v>
      </c>
      <c r="W3463">
        <v>69</v>
      </c>
      <c r="X3463">
        <v>70</v>
      </c>
      <c r="Y3463">
        <v>71</v>
      </c>
      <c r="Z3463">
        <v>72</v>
      </c>
      <c r="AA3463">
        <v>73</v>
      </c>
      <c r="AB3463">
        <v>74</v>
      </c>
      <c r="AC3463">
        <v>75</v>
      </c>
      <c r="AD3463">
        <v>76</v>
      </c>
      <c r="AE3463">
        <v>77</v>
      </c>
      <c r="AF3463">
        <v>78</v>
      </c>
      <c r="AG3463">
        <v>79</v>
      </c>
      <c r="AH3463">
        <v>80</v>
      </c>
      <c r="AI3463">
        <v>81</v>
      </c>
      <c r="AJ3463">
        <v>82</v>
      </c>
      <c r="AK3463">
        <v>83</v>
      </c>
      <c r="AL3463">
        <v>84</v>
      </c>
      <c r="AM3463">
        <v>85</v>
      </c>
      <c r="AN3463">
        <v>87</v>
      </c>
      <c r="AO3463">
        <v>88</v>
      </c>
      <c r="AP3463">
        <v>89</v>
      </c>
      <c r="AQ3463">
        <v>90</v>
      </c>
    </row>
    <row r="3464" spans="1:43">
      <c r="A3464" t="s">
        <v>2198</v>
      </c>
      <c r="B3464" t="s">
        <v>2199</v>
      </c>
      <c r="C3464" t="s">
        <v>2190</v>
      </c>
      <c r="D3464" t="s">
        <v>2191</v>
      </c>
      <c r="E3464" t="s">
        <v>2048</v>
      </c>
      <c r="F3464" t="s">
        <v>2049</v>
      </c>
      <c r="G3464" t="s">
        <v>80</v>
      </c>
      <c r="H3464" t="s">
        <v>81</v>
      </c>
      <c r="I3464" s="2">
        <v>0</v>
      </c>
      <c r="J3464" s="2">
        <v>1</v>
      </c>
      <c r="K3464" s="2">
        <v>0</v>
      </c>
      <c r="L3464" t="s">
        <v>82</v>
      </c>
      <c r="M3464" t="s">
        <v>89</v>
      </c>
      <c r="N3464" t="s">
        <v>90</v>
      </c>
      <c r="O3464" t="s">
        <v>85</v>
      </c>
      <c r="P3464" t="s">
        <v>86</v>
      </c>
      <c r="Q3464">
        <v>64</v>
      </c>
      <c r="R3464">
        <v>66</v>
      </c>
      <c r="S3464">
        <v>68</v>
      </c>
      <c r="T3464">
        <v>70</v>
      </c>
      <c r="U3464">
        <v>72</v>
      </c>
      <c r="V3464">
        <v>74</v>
      </c>
      <c r="W3464">
        <v>77</v>
      </c>
      <c r="X3464">
        <v>79</v>
      </c>
      <c r="Y3464">
        <v>81</v>
      </c>
      <c r="Z3464">
        <v>83</v>
      </c>
      <c r="AA3464">
        <v>85</v>
      </c>
      <c r="AB3464">
        <v>87</v>
      </c>
      <c r="AC3464">
        <v>89</v>
      </c>
      <c r="AD3464">
        <v>91</v>
      </c>
      <c r="AE3464">
        <v>93</v>
      </c>
      <c r="AF3464">
        <v>93</v>
      </c>
      <c r="AG3464">
        <v>94</v>
      </c>
      <c r="AH3464">
        <v>95</v>
      </c>
      <c r="AI3464">
        <v>96</v>
      </c>
      <c r="AJ3464">
        <v>97</v>
      </c>
      <c r="AK3464">
        <v>98</v>
      </c>
      <c r="AL3464">
        <v>99</v>
      </c>
      <c r="AM3464">
        <v>100</v>
      </c>
      <c r="AN3464">
        <v>101</v>
      </c>
      <c r="AO3464">
        <v>102</v>
      </c>
      <c r="AP3464">
        <v>103</v>
      </c>
      <c r="AQ3464">
        <v>104</v>
      </c>
    </row>
    <row r="3465" spans="1:43">
      <c r="A3465" t="s">
        <v>2198</v>
      </c>
      <c r="B3465" t="s">
        <v>2199</v>
      </c>
      <c r="C3465" t="s">
        <v>2190</v>
      </c>
      <c r="D3465" t="s">
        <v>2191</v>
      </c>
      <c r="E3465" t="s">
        <v>2048</v>
      </c>
      <c r="F3465" t="s">
        <v>2049</v>
      </c>
      <c r="G3465" t="s">
        <v>80</v>
      </c>
      <c r="H3465" t="s">
        <v>81</v>
      </c>
      <c r="I3465" s="2">
        <v>0</v>
      </c>
      <c r="J3465" s="2">
        <v>1</v>
      </c>
      <c r="K3465" s="2">
        <v>0</v>
      </c>
      <c r="L3465" t="s">
        <v>82</v>
      </c>
      <c r="M3465" t="s">
        <v>83</v>
      </c>
      <c r="N3465" t="s">
        <v>91</v>
      </c>
      <c r="O3465" t="s">
        <v>85</v>
      </c>
      <c r="P3465" t="s">
        <v>86</v>
      </c>
      <c r="Q3465">
        <v>64</v>
      </c>
      <c r="R3465">
        <v>65</v>
      </c>
      <c r="S3465">
        <v>67</v>
      </c>
      <c r="T3465">
        <v>68</v>
      </c>
      <c r="U3465">
        <v>70</v>
      </c>
      <c r="V3465">
        <v>71</v>
      </c>
      <c r="W3465">
        <v>73</v>
      </c>
      <c r="X3465">
        <v>74</v>
      </c>
      <c r="Y3465">
        <v>76</v>
      </c>
      <c r="Z3465">
        <v>78</v>
      </c>
      <c r="AA3465">
        <v>79</v>
      </c>
      <c r="AB3465">
        <v>81</v>
      </c>
      <c r="AC3465">
        <v>83</v>
      </c>
      <c r="AD3465">
        <v>84</v>
      </c>
      <c r="AE3465">
        <v>86</v>
      </c>
      <c r="AF3465">
        <v>88</v>
      </c>
      <c r="AG3465">
        <v>90</v>
      </c>
      <c r="AH3465">
        <v>91</v>
      </c>
      <c r="AI3465">
        <v>93</v>
      </c>
      <c r="AJ3465">
        <v>95</v>
      </c>
      <c r="AK3465">
        <v>97</v>
      </c>
      <c r="AL3465">
        <v>98</v>
      </c>
      <c r="AM3465">
        <v>99</v>
      </c>
      <c r="AN3465">
        <v>100</v>
      </c>
      <c r="AO3465">
        <v>101</v>
      </c>
      <c r="AP3465">
        <v>102</v>
      </c>
      <c r="AQ3465">
        <v>103</v>
      </c>
    </row>
    <row r="3466" spans="1:43">
      <c r="A3466" t="s">
        <v>2200</v>
      </c>
      <c r="B3466" t="s">
        <v>2201</v>
      </c>
      <c r="C3466" t="s">
        <v>2190</v>
      </c>
      <c r="D3466" t="s">
        <v>2191</v>
      </c>
      <c r="E3466" t="s">
        <v>2048</v>
      </c>
      <c r="F3466" t="s">
        <v>2049</v>
      </c>
      <c r="G3466" t="s">
        <v>80</v>
      </c>
      <c r="H3466" t="s">
        <v>81</v>
      </c>
      <c r="I3466" s="2">
        <v>0</v>
      </c>
      <c r="J3466" s="2">
        <v>1</v>
      </c>
      <c r="K3466" s="2">
        <v>0</v>
      </c>
      <c r="L3466" t="s">
        <v>82</v>
      </c>
      <c r="M3466" t="s">
        <v>83</v>
      </c>
      <c r="N3466" t="s">
        <v>84</v>
      </c>
      <c r="O3466" t="s">
        <v>85</v>
      </c>
      <c r="P3466" t="s">
        <v>86</v>
      </c>
      <c r="Q3466">
        <v>100</v>
      </c>
      <c r="R3466">
        <v>102</v>
      </c>
      <c r="S3466">
        <v>104</v>
      </c>
      <c r="T3466">
        <v>107</v>
      </c>
      <c r="U3466">
        <v>109</v>
      </c>
      <c r="V3466">
        <v>112</v>
      </c>
      <c r="W3466">
        <v>114</v>
      </c>
      <c r="X3466">
        <v>117</v>
      </c>
      <c r="Y3466">
        <v>119</v>
      </c>
      <c r="Z3466">
        <v>122</v>
      </c>
      <c r="AA3466">
        <v>124</v>
      </c>
      <c r="AB3466">
        <v>127</v>
      </c>
      <c r="AC3466">
        <v>130</v>
      </c>
      <c r="AD3466">
        <v>132</v>
      </c>
      <c r="AE3466">
        <v>135</v>
      </c>
      <c r="AF3466">
        <v>138</v>
      </c>
      <c r="AG3466">
        <v>140</v>
      </c>
      <c r="AH3466">
        <v>143</v>
      </c>
      <c r="AI3466">
        <v>146</v>
      </c>
      <c r="AJ3466">
        <v>149</v>
      </c>
      <c r="AK3466">
        <v>152</v>
      </c>
      <c r="AL3466">
        <v>154</v>
      </c>
      <c r="AM3466">
        <v>155</v>
      </c>
      <c r="AN3466">
        <v>157</v>
      </c>
      <c r="AO3466">
        <v>158</v>
      </c>
      <c r="AP3466">
        <v>160</v>
      </c>
      <c r="AQ3466">
        <v>161</v>
      </c>
    </row>
    <row r="3467" spans="1:43">
      <c r="A3467" t="s">
        <v>2200</v>
      </c>
      <c r="B3467" t="s">
        <v>2201</v>
      </c>
      <c r="C3467" t="s">
        <v>2190</v>
      </c>
      <c r="D3467" t="s">
        <v>2191</v>
      </c>
      <c r="E3467" t="s">
        <v>2048</v>
      </c>
      <c r="F3467" t="s">
        <v>2049</v>
      </c>
      <c r="G3467" t="s">
        <v>80</v>
      </c>
      <c r="H3467" t="s">
        <v>81</v>
      </c>
      <c r="I3467" s="2">
        <v>0</v>
      </c>
      <c r="J3467" s="2">
        <v>1</v>
      </c>
      <c r="K3467" s="2">
        <v>0</v>
      </c>
      <c r="L3467" t="s">
        <v>82</v>
      </c>
      <c r="M3467" t="s">
        <v>87</v>
      </c>
      <c r="N3467" t="s">
        <v>88</v>
      </c>
      <c r="O3467" t="s">
        <v>85</v>
      </c>
      <c r="P3467" t="s">
        <v>86</v>
      </c>
      <c r="Q3467">
        <v>100</v>
      </c>
      <c r="R3467">
        <v>101</v>
      </c>
      <c r="S3467">
        <v>102</v>
      </c>
      <c r="T3467">
        <v>104</v>
      </c>
      <c r="U3467">
        <v>105</v>
      </c>
      <c r="V3467">
        <v>107</v>
      </c>
      <c r="W3467">
        <v>108</v>
      </c>
      <c r="X3467">
        <v>110</v>
      </c>
      <c r="Y3467">
        <v>111</v>
      </c>
      <c r="Z3467">
        <v>113</v>
      </c>
      <c r="AA3467">
        <v>114</v>
      </c>
      <c r="AB3467">
        <v>116</v>
      </c>
      <c r="AC3467">
        <v>117</v>
      </c>
      <c r="AD3467">
        <v>119</v>
      </c>
      <c r="AE3467">
        <v>121</v>
      </c>
      <c r="AF3467">
        <v>122</v>
      </c>
      <c r="AG3467">
        <v>124</v>
      </c>
      <c r="AH3467">
        <v>125</v>
      </c>
      <c r="AI3467">
        <v>127</v>
      </c>
      <c r="AJ3467">
        <v>129</v>
      </c>
      <c r="AK3467">
        <v>130</v>
      </c>
      <c r="AL3467">
        <v>132</v>
      </c>
      <c r="AM3467">
        <v>134</v>
      </c>
      <c r="AN3467">
        <v>135</v>
      </c>
      <c r="AO3467">
        <v>137</v>
      </c>
      <c r="AP3467">
        <v>139</v>
      </c>
      <c r="AQ3467">
        <v>141</v>
      </c>
    </row>
    <row r="3468" spans="1:43">
      <c r="A3468" t="s">
        <v>2200</v>
      </c>
      <c r="B3468" t="s">
        <v>2201</v>
      </c>
      <c r="C3468" t="s">
        <v>2190</v>
      </c>
      <c r="D3468" t="s">
        <v>2191</v>
      </c>
      <c r="E3468" t="s">
        <v>2048</v>
      </c>
      <c r="F3468" t="s">
        <v>2049</v>
      </c>
      <c r="G3468" t="s">
        <v>80</v>
      </c>
      <c r="H3468" t="s">
        <v>81</v>
      </c>
      <c r="I3468" s="2">
        <v>0</v>
      </c>
      <c r="J3468" s="2">
        <v>1</v>
      </c>
      <c r="K3468" s="2">
        <v>0</v>
      </c>
      <c r="L3468" t="s">
        <v>82</v>
      </c>
      <c r="M3468" t="s">
        <v>89</v>
      </c>
      <c r="N3468" t="s">
        <v>90</v>
      </c>
      <c r="O3468" t="s">
        <v>85</v>
      </c>
      <c r="P3468" t="s">
        <v>86</v>
      </c>
      <c r="Q3468">
        <v>100</v>
      </c>
      <c r="R3468">
        <v>104</v>
      </c>
      <c r="S3468">
        <v>107</v>
      </c>
      <c r="T3468">
        <v>110</v>
      </c>
      <c r="U3468">
        <v>113</v>
      </c>
      <c r="V3468">
        <v>117</v>
      </c>
      <c r="W3468">
        <v>120</v>
      </c>
      <c r="X3468">
        <v>123</v>
      </c>
      <c r="Y3468">
        <v>126</v>
      </c>
      <c r="Z3468">
        <v>129</v>
      </c>
      <c r="AA3468">
        <v>133</v>
      </c>
      <c r="AB3468">
        <v>136</v>
      </c>
      <c r="AC3468">
        <v>139</v>
      </c>
      <c r="AD3468">
        <v>142</v>
      </c>
      <c r="AE3468">
        <v>145</v>
      </c>
      <c r="AF3468">
        <v>146</v>
      </c>
      <c r="AG3468">
        <v>148</v>
      </c>
      <c r="AH3468">
        <v>149</v>
      </c>
      <c r="AI3468">
        <v>151</v>
      </c>
      <c r="AJ3468">
        <v>152</v>
      </c>
      <c r="AK3468">
        <v>153</v>
      </c>
      <c r="AL3468">
        <v>155</v>
      </c>
      <c r="AM3468">
        <v>156</v>
      </c>
      <c r="AN3468">
        <v>158</v>
      </c>
      <c r="AO3468">
        <v>159</v>
      </c>
      <c r="AP3468">
        <v>160</v>
      </c>
      <c r="AQ3468">
        <v>162</v>
      </c>
    </row>
    <row r="3469" spans="1:43">
      <c r="A3469" t="s">
        <v>2200</v>
      </c>
      <c r="B3469" t="s">
        <v>2201</v>
      </c>
      <c r="C3469" t="s">
        <v>2190</v>
      </c>
      <c r="D3469" t="s">
        <v>2191</v>
      </c>
      <c r="E3469" t="s">
        <v>2048</v>
      </c>
      <c r="F3469" t="s">
        <v>2049</v>
      </c>
      <c r="G3469" t="s">
        <v>80</v>
      </c>
      <c r="H3469" t="s">
        <v>81</v>
      </c>
      <c r="I3469" s="2">
        <v>0</v>
      </c>
      <c r="J3469" s="2">
        <v>1</v>
      </c>
      <c r="K3469" s="2">
        <v>0</v>
      </c>
      <c r="L3469" t="s">
        <v>82</v>
      </c>
      <c r="M3469" t="s">
        <v>83</v>
      </c>
      <c r="N3469" t="s">
        <v>91</v>
      </c>
      <c r="O3469" t="s">
        <v>85</v>
      </c>
      <c r="P3469" t="s">
        <v>86</v>
      </c>
      <c r="Q3469">
        <v>100</v>
      </c>
      <c r="R3469">
        <v>102</v>
      </c>
      <c r="S3469">
        <v>104</v>
      </c>
      <c r="T3469">
        <v>107</v>
      </c>
      <c r="U3469">
        <v>109</v>
      </c>
      <c r="V3469">
        <v>112</v>
      </c>
      <c r="W3469">
        <v>114</v>
      </c>
      <c r="X3469">
        <v>117</v>
      </c>
      <c r="Y3469">
        <v>119</v>
      </c>
      <c r="Z3469">
        <v>122</v>
      </c>
      <c r="AA3469">
        <v>124</v>
      </c>
      <c r="AB3469">
        <v>127</v>
      </c>
      <c r="AC3469">
        <v>130</v>
      </c>
      <c r="AD3469">
        <v>132</v>
      </c>
      <c r="AE3469">
        <v>135</v>
      </c>
      <c r="AF3469">
        <v>138</v>
      </c>
      <c r="AG3469">
        <v>140</v>
      </c>
      <c r="AH3469">
        <v>143</v>
      </c>
      <c r="AI3469">
        <v>146</v>
      </c>
      <c r="AJ3469">
        <v>149</v>
      </c>
      <c r="AK3469">
        <v>152</v>
      </c>
      <c r="AL3469">
        <v>154</v>
      </c>
      <c r="AM3469">
        <v>155</v>
      </c>
      <c r="AN3469">
        <v>157</v>
      </c>
      <c r="AO3469">
        <v>158</v>
      </c>
      <c r="AP3469">
        <v>160</v>
      </c>
      <c r="AQ3469">
        <v>161</v>
      </c>
    </row>
    <row r="3470" spans="1:43">
      <c r="A3470" t="s">
        <v>2202</v>
      </c>
      <c r="B3470" t="s">
        <v>2203</v>
      </c>
      <c r="C3470" t="s">
        <v>2190</v>
      </c>
      <c r="D3470" t="s">
        <v>2191</v>
      </c>
      <c r="E3470" t="s">
        <v>2048</v>
      </c>
      <c r="F3470" t="s">
        <v>2049</v>
      </c>
      <c r="G3470" t="s">
        <v>80</v>
      </c>
      <c r="H3470" t="s">
        <v>81</v>
      </c>
      <c r="I3470" s="2">
        <v>0</v>
      </c>
      <c r="J3470" s="2">
        <v>1</v>
      </c>
      <c r="K3470" s="2">
        <v>0</v>
      </c>
      <c r="L3470" t="s">
        <v>82</v>
      </c>
      <c r="M3470" t="s">
        <v>83</v>
      </c>
      <c r="N3470" t="s">
        <v>84</v>
      </c>
      <c r="O3470" t="s">
        <v>85</v>
      </c>
      <c r="P3470" t="s">
        <v>86</v>
      </c>
      <c r="Q3470">
        <v>49</v>
      </c>
      <c r="R3470">
        <v>50</v>
      </c>
      <c r="S3470">
        <v>52</v>
      </c>
      <c r="T3470">
        <v>53</v>
      </c>
      <c r="U3470">
        <v>54</v>
      </c>
      <c r="V3470">
        <v>55</v>
      </c>
      <c r="W3470">
        <v>57</v>
      </c>
      <c r="X3470">
        <v>58</v>
      </c>
      <c r="Y3470">
        <v>59</v>
      </c>
      <c r="Z3470">
        <v>60</v>
      </c>
      <c r="AA3470">
        <v>62</v>
      </c>
      <c r="AB3470">
        <v>63</v>
      </c>
      <c r="AC3470">
        <v>64</v>
      </c>
      <c r="AD3470">
        <v>66</v>
      </c>
      <c r="AE3470">
        <v>67</v>
      </c>
      <c r="AF3470">
        <v>68</v>
      </c>
      <c r="AG3470">
        <v>70</v>
      </c>
      <c r="AH3470">
        <v>71</v>
      </c>
      <c r="AI3470">
        <v>73</v>
      </c>
      <c r="AJ3470">
        <v>74</v>
      </c>
      <c r="AK3470">
        <v>76</v>
      </c>
      <c r="AL3470">
        <v>77</v>
      </c>
      <c r="AM3470">
        <v>77</v>
      </c>
      <c r="AN3470">
        <v>78</v>
      </c>
      <c r="AO3470">
        <v>79</v>
      </c>
      <c r="AP3470">
        <v>79</v>
      </c>
      <c r="AQ3470">
        <v>80</v>
      </c>
    </row>
    <row r="3471" spans="1:43">
      <c r="A3471" t="s">
        <v>2202</v>
      </c>
      <c r="B3471" t="s">
        <v>2203</v>
      </c>
      <c r="C3471" t="s">
        <v>2190</v>
      </c>
      <c r="D3471" t="s">
        <v>2191</v>
      </c>
      <c r="E3471" t="s">
        <v>2048</v>
      </c>
      <c r="F3471" t="s">
        <v>2049</v>
      </c>
      <c r="G3471" t="s">
        <v>80</v>
      </c>
      <c r="H3471" t="s">
        <v>81</v>
      </c>
      <c r="I3471" s="2">
        <v>0</v>
      </c>
      <c r="J3471" s="2">
        <v>1</v>
      </c>
      <c r="K3471" s="2">
        <v>0</v>
      </c>
      <c r="L3471" t="s">
        <v>82</v>
      </c>
      <c r="M3471" t="s">
        <v>87</v>
      </c>
      <c r="N3471" t="s">
        <v>88</v>
      </c>
      <c r="O3471" t="s">
        <v>85</v>
      </c>
      <c r="P3471" t="s">
        <v>86</v>
      </c>
      <c r="Q3471">
        <v>49</v>
      </c>
      <c r="R3471">
        <v>49</v>
      </c>
      <c r="S3471">
        <v>50</v>
      </c>
      <c r="T3471">
        <v>51</v>
      </c>
      <c r="U3471">
        <v>52</v>
      </c>
      <c r="V3471">
        <v>52</v>
      </c>
      <c r="W3471">
        <v>53</v>
      </c>
      <c r="X3471">
        <v>54</v>
      </c>
      <c r="Y3471">
        <v>55</v>
      </c>
      <c r="Z3471">
        <v>55</v>
      </c>
      <c r="AA3471">
        <v>56</v>
      </c>
      <c r="AB3471">
        <v>57</v>
      </c>
      <c r="AC3471">
        <v>58</v>
      </c>
      <c r="AD3471">
        <v>59</v>
      </c>
      <c r="AE3471">
        <v>59</v>
      </c>
      <c r="AF3471">
        <v>60</v>
      </c>
      <c r="AG3471">
        <v>61</v>
      </c>
      <c r="AH3471">
        <v>62</v>
      </c>
      <c r="AI3471">
        <v>63</v>
      </c>
      <c r="AJ3471">
        <v>64</v>
      </c>
      <c r="AK3471">
        <v>64</v>
      </c>
      <c r="AL3471">
        <v>65</v>
      </c>
      <c r="AM3471">
        <v>66</v>
      </c>
      <c r="AN3471">
        <v>67</v>
      </c>
      <c r="AO3471">
        <v>68</v>
      </c>
      <c r="AP3471">
        <v>69</v>
      </c>
      <c r="AQ3471">
        <v>70</v>
      </c>
    </row>
    <row r="3472" spans="1:43">
      <c r="A3472" t="s">
        <v>2202</v>
      </c>
      <c r="B3472" t="s">
        <v>2203</v>
      </c>
      <c r="C3472" t="s">
        <v>2190</v>
      </c>
      <c r="D3472" t="s">
        <v>2191</v>
      </c>
      <c r="E3472" t="s">
        <v>2048</v>
      </c>
      <c r="F3472" t="s">
        <v>2049</v>
      </c>
      <c r="G3472" t="s">
        <v>80</v>
      </c>
      <c r="H3472" t="s">
        <v>81</v>
      </c>
      <c r="I3472" s="2">
        <v>0</v>
      </c>
      <c r="J3472" s="2">
        <v>1</v>
      </c>
      <c r="K3472" s="2">
        <v>0</v>
      </c>
      <c r="L3472" t="s">
        <v>82</v>
      </c>
      <c r="M3472" t="s">
        <v>89</v>
      </c>
      <c r="N3472" t="s">
        <v>90</v>
      </c>
      <c r="O3472" t="s">
        <v>85</v>
      </c>
      <c r="P3472" t="s">
        <v>86</v>
      </c>
      <c r="Q3472">
        <v>49</v>
      </c>
      <c r="R3472">
        <v>50</v>
      </c>
      <c r="S3472">
        <v>52</v>
      </c>
      <c r="T3472">
        <v>54</v>
      </c>
      <c r="U3472">
        <v>55</v>
      </c>
      <c r="V3472">
        <v>57</v>
      </c>
      <c r="W3472">
        <v>58</v>
      </c>
      <c r="X3472">
        <v>60</v>
      </c>
      <c r="Y3472">
        <v>62</v>
      </c>
      <c r="Z3472">
        <v>63</v>
      </c>
      <c r="AA3472">
        <v>65</v>
      </c>
      <c r="AB3472">
        <v>66</v>
      </c>
      <c r="AC3472">
        <v>68</v>
      </c>
      <c r="AD3472">
        <v>70</v>
      </c>
      <c r="AE3472">
        <v>71</v>
      </c>
      <c r="AF3472">
        <v>72</v>
      </c>
      <c r="AG3472">
        <v>72</v>
      </c>
      <c r="AH3472">
        <v>73</v>
      </c>
      <c r="AI3472">
        <v>74</v>
      </c>
      <c r="AJ3472">
        <v>74</v>
      </c>
      <c r="AK3472">
        <v>75</v>
      </c>
      <c r="AL3472">
        <v>76</v>
      </c>
      <c r="AM3472">
        <v>77</v>
      </c>
      <c r="AN3472">
        <v>77</v>
      </c>
      <c r="AO3472">
        <v>78</v>
      </c>
      <c r="AP3472">
        <v>79</v>
      </c>
      <c r="AQ3472">
        <v>79</v>
      </c>
    </row>
    <row r="3473" spans="1:43">
      <c r="A3473" t="s">
        <v>2202</v>
      </c>
      <c r="B3473" t="s">
        <v>2203</v>
      </c>
      <c r="C3473" t="s">
        <v>2190</v>
      </c>
      <c r="D3473" t="s">
        <v>2191</v>
      </c>
      <c r="E3473" t="s">
        <v>2048</v>
      </c>
      <c r="F3473" t="s">
        <v>2049</v>
      </c>
      <c r="G3473" t="s">
        <v>80</v>
      </c>
      <c r="H3473" t="s">
        <v>81</v>
      </c>
      <c r="I3473" s="2">
        <v>0</v>
      </c>
      <c r="J3473" s="2">
        <v>1</v>
      </c>
      <c r="K3473" s="2">
        <v>0</v>
      </c>
      <c r="L3473" t="s">
        <v>82</v>
      </c>
      <c r="M3473" t="s">
        <v>83</v>
      </c>
      <c r="N3473" t="s">
        <v>91</v>
      </c>
      <c r="O3473" t="s">
        <v>85</v>
      </c>
      <c r="P3473" t="s">
        <v>86</v>
      </c>
      <c r="Q3473">
        <v>49</v>
      </c>
      <c r="R3473">
        <v>50</v>
      </c>
      <c r="S3473">
        <v>52</v>
      </c>
      <c r="T3473">
        <v>53</v>
      </c>
      <c r="U3473">
        <v>54</v>
      </c>
      <c r="V3473">
        <v>55</v>
      </c>
      <c r="W3473">
        <v>57</v>
      </c>
      <c r="X3473">
        <v>58</v>
      </c>
      <c r="Y3473">
        <v>59</v>
      </c>
      <c r="Z3473">
        <v>60</v>
      </c>
      <c r="AA3473">
        <v>62</v>
      </c>
      <c r="AB3473">
        <v>63</v>
      </c>
      <c r="AC3473">
        <v>64</v>
      </c>
      <c r="AD3473">
        <v>66</v>
      </c>
      <c r="AE3473">
        <v>67</v>
      </c>
      <c r="AF3473">
        <v>68</v>
      </c>
      <c r="AG3473">
        <v>70</v>
      </c>
      <c r="AH3473">
        <v>71</v>
      </c>
      <c r="AI3473">
        <v>73</v>
      </c>
      <c r="AJ3473">
        <v>74</v>
      </c>
      <c r="AK3473">
        <v>76</v>
      </c>
      <c r="AL3473">
        <v>77</v>
      </c>
      <c r="AM3473">
        <v>77</v>
      </c>
      <c r="AN3473">
        <v>78</v>
      </c>
      <c r="AO3473">
        <v>79</v>
      </c>
      <c r="AP3473">
        <v>79</v>
      </c>
      <c r="AQ3473">
        <v>80</v>
      </c>
    </row>
    <row r="3474" spans="1:43">
      <c r="A3474" t="s">
        <v>2204</v>
      </c>
      <c r="B3474" t="s">
        <v>2205</v>
      </c>
      <c r="C3474" t="s">
        <v>2206</v>
      </c>
      <c r="D3474" t="s">
        <v>2207</v>
      </c>
      <c r="E3474" t="s">
        <v>2048</v>
      </c>
      <c r="F3474" t="s">
        <v>2049</v>
      </c>
      <c r="G3474" t="s">
        <v>80</v>
      </c>
      <c r="H3474" t="s">
        <v>81</v>
      </c>
      <c r="I3474" s="2">
        <v>0</v>
      </c>
      <c r="J3474" s="2">
        <v>1</v>
      </c>
      <c r="K3474" s="2">
        <v>0</v>
      </c>
      <c r="L3474" t="s">
        <v>82</v>
      </c>
      <c r="M3474" t="s">
        <v>83</v>
      </c>
      <c r="N3474" t="s">
        <v>84</v>
      </c>
      <c r="O3474" t="s">
        <v>85</v>
      </c>
      <c r="P3474" t="s">
        <v>86</v>
      </c>
      <c r="Q3474">
        <v>27</v>
      </c>
      <c r="R3474">
        <v>28</v>
      </c>
      <c r="S3474">
        <v>28</v>
      </c>
      <c r="T3474">
        <v>29</v>
      </c>
      <c r="U3474">
        <v>30</v>
      </c>
      <c r="V3474">
        <v>30</v>
      </c>
      <c r="W3474">
        <v>31</v>
      </c>
      <c r="X3474">
        <v>32</v>
      </c>
      <c r="Y3474">
        <v>32</v>
      </c>
      <c r="Z3474">
        <v>33</v>
      </c>
      <c r="AA3474">
        <v>34</v>
      </c>
      <c r="AB3474">
        <v>34</v>
      </c>
      <c r="AC3474">
        <v>35</v>
      </c>
      <c r="AD3474">
        <v>36</v>
      </c>
      <c r="AE3474">
        <v>37</v>
      </c>
      <c r="AF3474">
        <v>37</v>
      </c>
      <c r="AG3474">
        <v>38</v>
      </c>
      <c r="AH3474">
        <v>39</v>
      </c>
      <c r="AI3474">
        <v>40</v>
      </c>
      <c r="AJ3474">
        <v>40</v>
      </c>
      <c r="AK3474">
        <v>41</v>
      </c>
      <c r="AL3474">
        <v>42</v>
      </c>
      <c r="AM3474">
        <v>42</v>
      </c>
      <c r="AN3474">
        <v>43</v>
      </c>
      <c r="AO3474">
        <v>43</v>
      </c>
      <c r="AP3474">
        <v>43</v>
      </c>
      <c r="AQ3474">
        <v>44</v>
      </c>
    </row>
    <row r="3475" spans="1:43">
      <c r="A3475" t="s">
        <v>2204</v>
      </c>
      <c r="B3475" t="s">
        <v>2205</v>
      </c>
      <c r="C3475" t="s">
        <v>2206</v>
      </c>
      <c r="D3475" t="s">
        <v>2207</v>
      </c>
      <c r="E3475" t="s">
        <v>2048</v>
      </c>
      <c r="F3475" t="s">
        <v>2049</v>
      </c>
      <c r="G3475" t="s">
        <v>80</v>
      </c>
      <c r="H3475" t="s">
        <v>81</v>
      </c>
      <c r="I3475" s="2">
        <v>0</v>
      </c>
      <c r="J3475" s="2">
        <v>1</v>
      </c>
      <c r="K3475" s="2">
        <v>0</v>
      </c>
      <c r="L3475" t="s">
        <v>82</v>
      </c>
      <c r="M3475" t="s">
        <v>87</v>
      </c>
      <c r="N3475" t="s">
        <v>88</v>
      </c>
      <c r="O3475" t="s">
        <v>85</v>
      </c>
      <c r="P3475" t="s">
        <v>86</v>
      </c>
      <c r="Q3475">
        <v>27</v>
      </c>
      <c r="R3475">
        <v>27</v>
      </c>
      <c r="S3475">
        <v>27</v>
      </c>
      <c r="T3475">
        <v>28</v>
      </c>
      <c r="U3475">
        <v>28</v>
      </c>
      <c r="V3475">
        <v>29</v>
      </c>
      <c r="W3475">
        <v>29</v>
      </c>
      <c r="X3475">
        <v>29</v>
      </c>
      <c r="Y3475">
        <v>30</v>
      </c>
      <c r="Z3475">
        <v>30</v>
      </c>
      <c r="AA3475">
        <v>31</v>
      </c>
      <c r="AB3475">
        <v>31</v>
      </c>
      <c r="AC3475">
        <v>32</v>
      </c>
      <c r="AD3475">
        <v>32</v>
      </c>
      <c r="AE3475">
        <v>32</v>
      </c>
      <c r="AF3475">
        <v>33</v>
      </c>
      <c r="AG3475">
        <v>33</v>
      </c>
      <c r="AH3475">
        <v>34</v>
      </c>
      <c r="AI3475">
        <v>34</v>
      </c>
      <c r="AJ3475">
        <v>35</v>
      </c>
      <c r="AK3475">
        <v>35</v>
      </c>
      <c r="AL3475">
        <v>36</v>
      </c>
      <c r="AM3475">
        <v>36</v>
      </c>
      <c r="AN3475">
        <v>37</v>
      </c>
      <c r="AO3475">
        <v>37</v>
      </c>
      <c r="AP3475">
        <v>38</v>
      </c>
      <c r="AQ3475">
        <v>38</v>
      </c>
    </row>
    <row r="3476" spans="1:43">
      <c r="A3476" t="s">
        <v>2204</v>
      </c>
      <c r="B3476" t="s">
        <v>2205</v>
      </c>
      <c r="C3476" t="s">
        <v>2206</v>
      </c>
      <c r="D3476" t="s">
        <v>2207</v>
      </c>
      <c r="E3476" t="s">
        <v>2048</v>
      </c>
      <c r="F3476" t="s">
        <v>2049</v>
      </c>
      <c r="G3476" t="s">
        <v>80</v>
      </c>
      <c r="H3476" t="s">
        <v>81</v>
      </c>
      <c r="I3476" s="2">
        <v>0</v>
      </c>
      <c r="J3476" s="2">
        <v>1</v>
      </c>
      <c r="K3476" s="2">
        <v>0</v>
      </c>
      <c r="L3476" t="s">
        <v>82</v>
      </c>
      <c r="M3476" t="s">
        <v>89</v>
      </c>
      <c r="N3476" t="s">
        <v>90</v>
      </c>
      <c r="O3476" t="s">
        <v>85</v>
      </c>
      <c r="P3476" t="s">
        <v>86</v>
      </c>
      <c r="Q3476">
        <v>27</v>
      </c>
      <c r="R3476">
        <v>28</v>
      </c>
      <c r="S3476">
        <v>29</v>
      </c>
      <c r="T3476">
        <v>30</v>
      </c>
      <c r="U3476">
        <v>31</v>
      </c>
      <c r="V3476">
        <v>32</v>
      </c>
      <c r="W3476">
        <v>33</v>
      </c>
      <c r="X3476">
        <v>33</v>
      </c>
      <c r="Y3476">
        <v>34</v>
      </c>
      <c r="Z3476">
        <v>35</v>
      </c>
      <c r="AA3476">
        <v>36</v>
      </c>
      <c r="AB3476">
        <v>37</v>
      </c>
      <c r="AC3476">
        <v>38</v>
      </c>
      <c r="AD3476">
        <v>39</v>
      </c>
      <c r="AE3476">
        <v>39</v>
      </c>
      <c r="AF3476">
        <v>40</v>
      </c>
      <c r="AG3476">
        <v>40</v>
      </c>
      <c r="AH3476">
        <v>41</v>
      </c>
      <c r="AI3476">
        <v>41</v>
      </c>
      <c r="AJ3476">
        <v>41</v>
      </c>
      <c r="AK3476">
        <v>42</v>
      </c>
      <c r="AL3476">
        <v>42</v>
      </c>
      <c r="AM3476">
        <v>42</v>
      </c>
      <c r="AN3476">
        <v>43</v>
      </c>
      <c r="AO3476">
        <v>43</v>
      </c>
      <c r="AP3476">
        <v>44</v>
      </c>
      <c r="AQ3476">
        <v>44</v>
      </c>
    </row>
    <row r="3477" spans="1:43">
      <c r="A3477" t="s">
        <v>2204</v>
      </c>
      <c r="B3477" t="s">
        <v>2205</v>
      </c>
      <c r="C3477" t="s">
        <v>2206</v>
      </c>
      <c r="D3477" t="s">
        <v>2207</v>
      </c>
      <c r="E3477" t="s">
        <v>2048</v>
      </c>
      <c r="F3477" t="s">
        <v>2049</v>
      </c>
      <c r="G3477" t="s">
        <v>80</v>
      </c>
      <c r="H3477" t="s">
        <v>81</v>
      </c>
      <c r="I3477" s="2">
        <v>0</v>
      </c>
      <c r="J3477" s="2">
        <v>1</v>
      </c>
      <c r="K3477" s="2">
        <v>0</v>
      </c>
      <c r="L3477" t="s">
        <v>82</v>
      </c>
      <c r="M3477" t="s">
        <v>83</v>
      </c>
      <c r="N3477" t="s">
        <v>91</v>
      </c>
      <c r="O3477" t="s">
        <v>85</v>
      </c>
      <c r="P3477" t="s">
        <v>86</v>
      </c>
      <c r="Q3477">
        <v>27</v>
      </c>
      <c r="R3477">
        <v>28</v>
      </c>
      <c r="S3477">
        <v>28</v>
      </c>
      <c r="T3477">
        <v>29</v>
      </c>
      <c r="U3477">
        <v>30</v>
      </c>
      <c r="V3477">
        <v>30</v>
      </c>
      <c r="W3477">
        <v>31</v>
      </c>
      <c r="X3477">
        <v>32</v>
      </c>
      <c r="Y3477">
        <v>32</v>
      </c>
      <c r="Z3477">
        <v>33</v>
      </c>
      <c r="AA3477">
        <v>34</v>
      </c>
      <c r="AB3477">
        <v>34</v>
      </c>
      <c r="AC3477">
        <v>35</v>
      </c>
      <c r="AD3477">
        <v>36</v>
      </c>
      <c r="AE3477">
        <v>37</v>
      </c>
      <c r="AF3477">
        <v>37</v>
      </c>
      <c r="AG3477">
        <v>38</v>
      </c>
      <c r="AH3477">
        <v>39</v>
      </c>
      <c r="AI3477">
        <v>40</v>
      </c>
      <c r="AJ3477">
        <v>40</v>
      </c>
      <c r="AK3477">
        <v>41</v>
      </c>
      <c r="AL3477">
        <v>42</v>
      </c>
      <c r="AM3477">
        <v>42</v>
      </c>
      <c r="AN3477">
        <v>43</v>
      </c>
      <c r="AO3477">
        <v>43</v>
      </c>
      <c r="AP3477">
        <v>43</v>
      </c>
      <c r="AQ3477">
        <v>44</v>
      </c>
    </row>
    <row r="3478" spans="1:43">
      <c r="A3478" t="s">
        <v>2208</v>
      </c>
      <c r="B3478" t="s">
        <v>2209</v>
      </c>
      <c r="C3478" t="s">
        <v>2206</v>
      </c>
      <c r="D3478" t="s">
        <v>2207</v>
      </c>
      <c r="E3478" t="s">
        <v>2048</v>
      </c>
      <c r="F3478" t="s">
        <v>2049</v>
      </c>
      <c r="G3478" t="s">
        <v>80</v>
      </c>
      <c r="H3478" t="s">
        <v>81</v>
      </c>
      <c r="I3478" s="2">
        <v>0</v>
      </c>
      <c r="J3478" s="2">
        <v>1</v>
      </c>
      <c r="K3478" s="2">
        <v>0</v>
      </c>
      <c r="L3478" t="s">
        <v>82</v>
      </c>
      <c r="M3478" t="s">
        <v>83</v>
      </c>
      <c r="N3478" t="s">
        <v>84</v>
      </c>
      <c r="O3478" t="s">
        <v>85</v>
      </c>
      <c r="P3478" t="s">
        <v>86</v>
      </c>
      <c r="Q3478">
        <v>66</v>
      </c>
      <c r="R3478">
        <v>67</v>
      </c>
      <c r="S3478">
        <v>69</v>
      </c>
      <c r="T3478">
        <v>71</v>
      </c>
      <c r="U3478">
        <v>72</v>
      </c>
      <c r="V3478">
        <v>74</v>
      </c>
      <c r="W3478">
        <v>76</v>
      </c>
      <c r="X3478">
        <v>77</v>
      </c>
      <c r="Y3478">
        <v>79</v>
      </c>
      <c r="Z3478">
        <v>81</v>
      </c>
      <c r="AA3478">
        <v>83</v>
      </c>
      <c r="AB3478">
        <v>84</v>
      </c>
      <c r="AC3478">
        <v>86</v>
      </c>
      <c r="AD3478">
        <v>88</v>
      </c>
      <c r="AE3478">
        <v>90</v>
      </c>
      <c r="AF3478">
        <v>91</v>
      </c>
      <c r="AG3478">
        <v>93</v>
      </c>
      <c r="AH3478">
        <v>95</v>
      </c>
      <c r="AI3478">
        <v>97</v>
      </c>
      <c r="AJ3478">
        <v>99</v>
      </c>
      <c r="AK3478">
        <v>101</v>
      </c>
      <c r="AL3478">
        <v>102</v>
      </c>
      <c r="AM3478">
        <v>103</v>
      </c>
      <c r="AN3478">
        <v>104</v>
      </c>
      <c r="AO3478">
        <v>105</v>
      </c>
      <c r="AP3478">
        <v>106</v>
      </c>
      <c r="AQ3478">
        <v>107</v>
      </c>
    </row>
    <row r="3479" spans="1:43">
      <c r="A3479" t="s">
        <v>2208</v>
      </c>
      <c r="B3479" t="s">
        <v>2209</v>
      </c>
      <c r="C3479" t="s">
        <v>2206</v>
      </c>
      <c r="D3479" t="s">
        <v>2207</v>
      </c>
      <c r="E3479" t="s">
        <v>2048</v>
      </c>
      <c r="F3479" t="s">
        <v>2049</v>
      </c>
      <c r="G3479" t="s">
        <v>80</v>
      </c>
      <c r="H3479" t="s">
        <v>81</v>
      </c>
      <c r="I3479" s="2">
        <v>0</v>
      </c>
      <c r="J3479" s="2">
        <v>1</v>
      </c>
      <c r="K3479" s="2">
        <v>0</v>
      </c>
      <c r="L3479" t="s">
        <v>82</v>
      </c>
      <c r="M3479" t="s">
        <v>87</v>
      </c>
      <c r="N3479" t="s">
        <v>88</v>
      </c>
      <c r="O3479" t="s">
        <v>85</v>
      </c>
      <c r="P3479" t="s">
        <v>86</v>
      </c>
      <c r="Q3479">
        <v>66</v>
      </c>
      <c r="R3479">
        <v>67</v>
      </c>
      <c r="S3479">
        <v>68</v>
      </c>
      <c r="T3479">
        <v>69</v>
      </c>
      <c r="U3479">
        <v>70</v>
      </c>
      <c r="V3479">
        <v>71</v>
      </c>
      <c r="W3479">
        <v>72</v>
      </c>
      <c r="X3479">
        <v>73</v>
      </c>
      <c r="Y3479">
        <v>74</v>
      </c>
      <c r="Z3479">
        <v>75</v>
      </c>
      <c r="AA3479">
        <v>76</v>
      </c>
      <c r="AB3479">
        <v>77</v>
      </c>
      <c r="AC3479">
        <v>78</v>
      </c>
      <c r="AD3479">
        <v>79</v>
      </c>
      <c r="AE3479">
        <v>80</v>
      </c>
      <c r="AF3479">
        <v>81</v>
      </c>
      <c r="AG3479">
        <v>83</v>
      </c>
      <c r="AH3479">
        <v>84</v>
      </c>
      <c r="AI3479">
        <v>85</v>
      </c>
      <c r="AJ3479">
        <v>86</v>
      </c>
      <c r="AK3479">
        <v>87</v>
      </c>
      <c r="AL3479">
        <v>88</v>
      </c>
      <c r="AM3479">
        <v>89</v>
      </c>
      <c r="AN3479">
        <v>90</v>
      </c>
      <c r="AO3479">
        <v>92</v>
      </c>
      <c r="AP3479">
        <v>93</v>
      </c>
      <c r="AQ3479">
        <v>94</v>
      </c>
    </row>
    <row r="3480" spans="1:43">
      <c r="A3480" t="s">
        <v>2208</v>
      </c>
      <c r="B3480" t="s">
        <v>2209</v>
      </c>
      <c r="C3480" t="s">
        <v>2206</v>
      </c>
      <c r="D3480" t="s">
        <v>2207</v>
      </c>
      <c r="E3480" t="s">
        <v>2048</v>
      </c>
      <c r="F3480" t="s">
        <v>2049</v>
      </c>
      <c r="G3480" t="s">
        <v>80</v>
      </c>
      <c r="H3480" t="s">
        <v>81</v>
      </c>
      <c r="I3480" s="2">
        <v>0</v>
      </c>
      <c r="J3480" s="2">
        <v>1</v>
      </c>
      <c r="K3480" s="2">
        <v>0</v>
      </c>
      <c r="L3480" t="s">
        <v>82</v>
      </c>
      <c r="M3480" t="s">
        <v>89</v>
      </c>
      <c r="N3480" t="s">
        <v>90</v>
      </c>
      <c r="O3480" t="s">
        <v>85</v>
      </c>
      <c r="P3480" t="s">
        <v>86</v>
      </c>
      <c r="Q3480">
        <v>66</v>
      </c>
      <c r="R3480">
        <v>69</v>
      </c>
      <c r="S3480">
        <v>71</v>
      </c>
      <c r="T3480">
        <v>73</v>
      </c>
      <c r="U3480">
        <v>75</v>
      </c>
      <c r="V3480">
        <v>77</v>
      </c>
      <c r="W3480">
        <v>79</v>
      </c>
      <c r="X3480">
        <v>82</v>
      </c>
      <c r="Y3480">
        <v>84</v>
      </c>
      <c r="Z3480">
        <v>86</v>
      </c>
      <c r="AA3480">
        <v>88</v>
      </c>
      <c r="AB3480">
        <v>90</v>
      </c>
      <c r="AC3480">
        <v>92</v>
      </c>
      <c r="AD3480">
        <v>94</v>
      </c>
      <c r="AE3480">
        <v>96</v>
      </c>
      <c r="AF3480">
        <v>97</v>
      </c>
      <c r="AG3480">
        <v>98</v>
      </c>
      <c r="AH3480">
        <v>99</v>
      </c>
      <c r="AI3480">
        <v>100</v>
      </c>
      <c r="AJ3480">
        <v>101</v>
      </c>
      <c r="AK3480">
        <v>102</v>
      </c>
      <c r="AL3480">
        <v>103</v>
      </c>
      <c r="AM3480">
        <v>104</v>
      </c>
      <c r="AN3480">
        <v>105</v>
      </c>
      <c r="AO3480">
        <v>106</v>
      </c>
      <c r="AP3480">
        <v>107</v>
      </c>
      <c r="AQ3480">
        <v>108</v>
      </c>
    </row>
    <row r="3481" spans="1:43">
      <c r="A3481" t="s">
        <v>2208</v>
      </c>
      <c r="B3481" t="s">
        <v>2209</v>
      </c>
      <c r="C3481" t="s">
        <v>2206</v>
      </c>
      <c r="D3481" t="s">
        <v>2207</v>
      </c>
      <c r="E3481" t="s">
        <v>2048</v>
      </c>
      <c r="F3481" t="s">
        <v>2049</v>
      </c>
      <c r="G3481" t="s">
        <v>80</v>
      </c>
      <c r="H3481" t="s">
        <v>81</v>
      </c>
      <c r="I3481" s="2">
        <v>0</v>
      </c>
      <c r="J3481" s="2">
        <v>1</v>
      </c>
      <c r="K3481" s="2">
        <v>0</v>
      </c>
      <c r="L3481" t="s">
        <v>82</v>
      </c>
      <c r="M3481" t="s">
        <v>83</v>
      </c>
      <c r="N3481" t="s">
        <v>91</v>
      </c>
      <c r="O3481" t="s">
        <v>85</v>
      </c>
      <c r="P3481" t="s">
        <v>86</v>
      </c>
      <c r="Q3481">
        <v>66</v>
      </c>
      <c r="R3481">
        <v>67</v>
      </c>
      <c r="S3481">
        <v>69</v>
      </c>
      <c r="T3481">
        <v>71</v>
      </c>
      <c r="U3481">
        <v>72</v>
      </c>
      <c r="V3481">
        <v>74</v>
      </c>
      <c r="W3481">
        <v>76</v>
      </c>
      <c r="X3481">
        <v>77</v>
      </c>
      <c r="Y3481">
        <v>79</v>
      </c>
      <c r="Z3481">
        <v>81</v>
      </c>
      <c r="AA3481">
        <v>83</v>
      </c>
      <c r="AB3481">
        <v>84</v>
      </c>
      <c r="AC3481">
        <v>86</v>
      </c>
      <c r="AD3481">
        <v>88</v>
      </c>
      <c r="AE3481">
        <v>90</v>
      </c>
      <c r="AF3481">
        <v>91</v>
      </c>
      <c r="AG3481">
        <v>93</v>
      </c>
      <c r="AH3481">
        <v>95</v>
      </c>
      <c r="AI3481">
        <v>97</v>
      </c>
      <c r="AJ3481">
        <v>99</v>
      </c>
      <c r="AK3481">
        <v>101</v>
      </c>
      <c r="AL3481">
        <v>102</v>
      </c>
      <c r="AM3481">
        <v>103</v>
      </c>
      <c r="AN3481">
        <v>104</v>
      </c>
      <c r="AO3481">
        <v>105</v>
      </c>
      <c r="AP3481">
        <v>106</v>
      </c>
      <c r="AQ3481">
        <v>107</v>
      </c>
    </row>
    <row r="3482" spans="1:43">
      <c r="A3482" t="s">
        <v>2210</v>
      </c>
      <c r="B3482" t="s">
        <v>2211</v>
      </c>
      <c r="C3482" t="s">
        <v>2206</v>
      </c>
      <c r="D3482" t="s">
        <v>2207</v>
      </c>
      <c r="E3482" t="s">
        <v>2048</v>
      </c>
      <c r="F3482" t="s">
        <v>2049</v>
      </c>
      <c r="G3482" t="s">
        <v>80</v>
      </c>
      <c r="H3482" t="s">
        <v>81</v>
      </c>
      <c r="I3482" s="2">
        <v>0</v>
      </c>
      <c r="J3482" s="2">
        <v>1</v>
      </c>
      <c r="K3482" s="2">
        <v>0</v>
      </c>
      <c r="L3482" t="s">
        <v>82</v>
      </c>
      <c r="M3482" t="s">
        <v>83</v>
      </c>
      <c r="N3482" t="s">
        <v>84</v>
      </c>
      <c r="O3482" t="s">
        <v>85</v>
      </c>
      <c r="P3482" t="s">
        <v>86</v>
      </c>
      <c r="Q3482">
        <v>47</v>
      </c>
      <c r="R3482">
        <v>48</v>
      </c>
      <c r="S3482">
        <v>49</v>
      </c>
      <c r="T3482">
        <v>51</v>
      </c>
      <c r="U3482">
        <v>52</v>
      </c>
      <c r="V3482">
        <v>53</v>
      </c>
      <c r="W3482">
        <v>54</v>
      </c>
      <c r="X3482">
        <v>55</v>
      </c>
      <c r="Y3482">
        <v>57</v>
      </c>
      <c r="Z3482">
        <v>58</v>
      </c>
      <c r="AA3482">
        <v>59</v>
      </c>
      <c r="AB3482">
        <v>61</v>
      </c>
      <c r="AC3482">
        <v>62</v>
      </c>
      <c r="AD3482">
        <v>63</v>
      </c>
      <c r="AE3482">
        <v>64</v>
      </c>
      <c r="AF3482">
        <v>66</v>
      </c>
      <c r="AG3482">
        <v>67</v>
      </c>
      <c r="AH3482">
        <v>69</v>
      </c>
      <c r="AI3482">
        <v>70</v>
      </c>
      <c r="AJ3482">
        <v>71</v>
      </c>
      <c r="AK3482">
        <v>73</v>
      </c>
      <c r="AL3482">
        <v>74</v>
      </c>
      <c r="AM3482">
        <v>74</v>
      </c>
      <c r="AN3482">
        <v>75</v>
      </c>
      <c r="AO3482">
        <v>76</v>
      </c>
      <c r="AP3482">
        <v>76</v>
      </c>
      <c r="AQ3482">
        <v>77</v>
      </c>
    </row>
    <row r="3483" spans="1:43">
      <c r="A3483" t="s">
        <v>2210</v>
      </c>
      <c r="B3483" t="s">
        <v>2211</v>
      </c>
      <c r="C3483" t="s">
        <v>2206</v>
      </c>
      <c r="D3483" t="s">
        <v>2207</v>
      </c>
      <c r="E3483" t="s">
        <v>2048</v>
      </c>
      <c r="F3483" t="s">
        <v>2049</v>
      </c>
      <c r="G3483" t="s">
        <v>80</v>
      </c>
      <c r="H3483" t="s">
        <v>81</v>
      </c>
      <c r="I3483" s="2">
        <v>0</v>
      </c>
      <c r="J3483" s="2">
        <v>1</v>
      </c>
      <c r="K3483" s="2">
        <v>0</v>
      </c>
      <c r="L3483" t="s">
        <v>82</v>
      </c>
      <c r="M3483" t="s">
        <v>87</v>
      </c>
      <c r="N3483" t="s">
        <v>88</v>
      </c>
      <c r="O3483" t="s">
        <v>85</v>
      </c>
      <c r="P3483" t="s">
        <v>86</v>
      </c>
      <c r="Q3483">
        <v>47</v>
      </c>
      <c r="R3483">
        <v>47</v>
      </c>
      <c r="S3483">
        <v>48</v>
      </c>
      <c r="T3483">
        <v>49</v>
      </c>
      <c r="U3483">
        <v>50</v>
      </c>
      <c r="V3483">
        <v>50</v>
      </c>
      <c r="W3483">
        <v>51</v>
      </c>
      <c r="X3483">
        <v>52</v>
      </c>
      <c r="Y3483">
        <v>52</v>
      </c>
      <c r="Z3483">
        <v>53</v>
      </c>
      <c r="AA3483">
        <v>54</v>
      </c>
      <c r="AB3483">
        <v>55</v>
      </c>
      <c r="AC3483">
        <v>55</v>
      </c>
      <c r="AD3483">
        <v>56</v>
      </c>
      <c r="AE3483">
        <v>57</v>
      </c>
      <c r="AF3483">
        <v>58</v>
      </c>
      <c r="AG3483">
        <v>59</v>
      </c>
      <c r="AH3483">
        <v>59</v>
      </c>
      <c r="AI3483">
        <v>60</v>
      </c>
      <c r="AJ3483">
        <v>61</v>
      </c>
      <c r="AK3483">
        <v>62</v>
      </c>
      <c r="AL3483">
        <v>63</v>
      </c>
      <c r="AM3483">
        <v>64</v>
      </c>
      <c r="AN3483">
        <v>64</v>
      </c>
      <c r="AO3483">
        <v>65</v>
      </c>
      <c r="AP3483">
        <v>66</v>
      </c>
      <c r="AQ3483">
        <v>67</v>
      </c>
    </row>
    <row r="3484" spans="1:43">
      <c r="A3484" t="s">
        <v>2210</v>
      </c>
      <c r="B3484" t="s">
        <v>2211</v>
      </c>
      <c r="C3484" t="s">
        <v>2206</v>
      </c>
      <c r="D3484" t="s">
        <v>2207</v>
      </c>
      <c r="E3484" t="s">
        <v>2048</v>
      </c>
      <c r="F3484" t="s">
        <v>2049</v>
      </c>
      <c r="G3484" t="s">
        <v>80</v>
      </c>
      <c r="H3484" t="s">
        <v>81</v>
      </c>
      <c r="I3484" s="2">
        <v>0</v>
      </c>
      <c r="J3484" s="2">
        <v>1</v>
      </c>
      <c r="K3484" s="2">
        <v>0</v>
      </c>
      <c r="L3484" t="s">
        <v>82</v>
      </c>
      <c r="M3484" t="s">
        <v>89</v>
      </c>
      <c r="N3484" t="s">
        <v>90</v>
      </c>
      <c r="O3484" t="s">
        <v>85</v>
      </c>
      <c r="P3484" t="s">
        <v>86</v>
      </c>
      <c r="Q3484">
        <v>47</v>
      </c>
      <c r="R3484">
        <v>48</v>
      </c>
      <c r="S3484">
        <v>50</v>
      </c>
      <c r="T3484">
        <v>51</v>
      </c>
      <c r="U3484">
        <v>53</v>
      </c>
      <c r="V3484">
        <v>54</v>
      </c>
      <c r="W3484">
        <v>56</v>
      </c>
      <c r="X3484">
        <v>58</v>
      </c>
      <c r="Y3484">
        <v>59</v>
      </c>
      <c r="Z3484">
        <v>61</v>
      </c>
      <c r="AA3484">
        <v>62</v>
      </c>
      <c r="AB3484">
        <v>64</v>
      </c>
      <c r="AC3484">
        <v>65</v>
      </c>
      <c r="AD3484">
        <v>67</v>
      </c>
      <c r="AE3484">
        <v>68</v>
      </c>
      <c r="AF3484">
        <v>69</v>
      </c>
      <c r="AG3484">
        <v>70</v>
      </c>
      <c r="AH3484">
        <v>70</v>
      </c>
      <c r="AI3484">
        <v>71</v>
      </c>
      <c r="AJ3484">
        <v>72</v>
      </c>
      <c r="AK3484">
        <v>72</v>
      </c>
      <c r="AL3484">
        <v>73</v>
      </c>
      <c r="AM3484">
        <v>74</v>
      </c>
      <c r="AN3484">
        <v>74</v>
      </c>
      <c r="AO3484">
        <v>75</v>
      </c>
      <c r="AP3484">
        <v>76</v>
      </c>
      <c r="AQ3484">
        <v>76</v>
      </c>
    </row>
    <row r="3485" spans="1:43">
      <c r="A3485" t="s">
        <v>2210</v>
      </c>
      <c r="B3485" t="s">
        <v>2211</v>
      </c>
      <c r="C3485" t="s">
        <v>2206</v>
      </c>
      <c r="D3485" t="s">
        <v>2207</v>
      </c>
      <c r="E3485" t="s">
        <v>2048</v>
      </c>
      <c r="F3485" t="s">
        <v>2049</v>
      </c>
      <c r="G3485" t="s">
        <v>80</v>
      </c>
      <c r="H3485" t="s">
        <v>81</v>
      </c>
      <c r="I3485" s="2">
        <v>0</v>
      </c>
      <c r="J3485" s="2">
        <v>1</v>
      </c>
      <c r="K3485" s="2">
        <v>0</v>
      </c>
      <c r="L3485" t="s">
        <v>82</v>
      </c>
      <c r="M3485" t="s">
        <v>83</v>
      </c>
      <c r="N3485" t="s">
        <v>91</v>
      </c>
      <c r="O3485" t="s">
        <v>85</v>
      </c>
      <c r="P3485" t="s">
        <v>86</v>
      </c>
      <c r="Q3485">
        <v>47</v>
      </c>
      <c r="R3485">
        <v>48</v>
      </c>
      <c r="S3485">
        <v>49</v>
      </c>
      <c r="T3485">
        <v>51</v>
      </c>
      <c r="U3485">
        <v>52</v>
      </c>
      <c r="V3485">
        <v>53</v>
      </c>
      <c r="W3485">
        <v>54</v>
      </c>
      <c r="X3485">
        <v>55</v>
      </c>
      <c r="Y3485">
        <v>57</v>
      </c>
      <c r="Z3485">
        <v>58</v>
      </c>
      <c r="AA3485">
        <v>59</v>
      </c>
      <c r="AB3485">
        <v>61</v>
      </c>
      <c r="AC3485">
        <v>62</v>
      </c>
      <c r="AD3485">
        <v>63</v>
      </c>
      <c r="AE3485">
        <v>64</v>
      </c>
      <c r="AF3485">
        <v>66</v>
      </c>
      <c r="AG3485">
        <v>67</v>
      </c>
      <c r="AH3485">
        <v>69</v>
      </c>
      <c r="AI3485">
        <v>70</v>
      </c>
      <c r="AJ3485">
        <v>71</v>
      </c>
      <c r="AK3485">
        <v>73</v>
      </c>
      <c r="AL3485">
        <v>74</v>
      </c>
      <c r="AM3485">
        <v>74</v>
      </c>
      <c r="AN3485">
        <v>75</v>
      </c>
      <c r="AO3485">
        <v>76</v>
      </c>
      <c r="AP3485">
        <v>76</v>
      </c>
      <c r="AQ3485">
        <v>77</v>
      </c>
    </row>
    <row r="3486" spans="1:43">
      <c r="A3486" t="s">
        <v>2212</v>
      </c>
      <c r="B3486" t="s">
        <v>2213</v>
      </c>
      <c r="C3486" t="s">
        <v>2214</v>
      </c>
      <c r="D3486" t="s">
        <v>2215</v>
      </c>
      <c r="E3486" t="s">
        <v>2048</v>
      </c>
      <c r="F3486" t="s">
        <v>2049</v>
      </c>
      <c r="G3486" t="s">
        <v>80</v>
      </c>
      <c r="H3486" t="s">
        <v>81</v>
      </c>
      <c r="I3486" s="2">
        <v>0</v>
      </c>
      <c r="J3486" s="2">
        <v>1</v>
      </c>
      <c r="K3486" s="2">
        <v>0</v>
      </c>
      <c r="L3486" t="s">
        <v>82</v>
      </c>
      <c r="M3486" t="s">
        <v>83</v>
      </c>
      <c r="N3486" t="s">
        <v>84</v>
      </c>
      <c r="O3486" t="s">
        <v>85</v>
      </c>
      <c r="P3486" t="s">
        <v>86</v>
      </c>
      <c r="Q3486">
        <v>44</v>
      </c>
      <c r="R3486">
        <v>45</v>
      </c>
      <c r="S3486">
        <v>46</v>
      </c>
      <c r="T3486">
        <v>47</v>
      </c>
      <c r="U3486">
        <v>48</v>
      </c>
      <c r="V3486">
        <v>50</v>
      </c>
      <c r="W3486">
        <v>51</v>
      </c>
      <c r="X3486">
        <v>52</v>
      </c>
      <c r="Y3486">
        <v>53</v>
      </c>
      <c r="Z3486">
        <v>54</v>
      </c>
      <c r="AA3486">
        <v>55</v>
      </c>
      <c r="AB3486">
        <v>57</v>
      </c>
      <c r="AC3486">
        <v>58</v>
      </c>
      <c r="AD3486">
        <v>59</v>
      </c>
      <c r="AE3486">
        <v>60</v>
      </c>
      <c r="AF3486">
        <v>62</v>
      </c>
      <c r="AG3486">
        <v>63</v>
      </c>
      <c r="AH3486">
        <v>64</v>
      </c>
      <c r="AI3486">
        <v>65</v>
      </c>
      <c r="AJ3486">
        <v>67</v>
      </c>
      <c r="AK3486">
        <v>68</v>
      </c>
      <c r="AL3486">
        <v>69</v>
      </c>
      <c r="AM3486">
        <v>69</v>
      </c>
      <c r="AN3486">
        <v>70</v>
      </c>
      <c r="AO3486">
        <v>71</v>
      </c>
      <c r="AP3486">
        <v>71</v>
      </c>
      <c r="AQ3486">
        <v>72</v>
      </c>
    </row>
    <row r="3487" spans="1:43">
      <c r="A3487" t="s">
        <v>2212</v>
      </c>
      <c r="B3487" t="s">
        <v>2213</v>
      </c>
      <c r="C3487" t="s">
        <v>2214</v>
      </c>
      <c r="D3487" t="s">
        <v>2215</v>
      </c>
      <c r="E3487" t="s">
        <v>2048</v>
      </c>
      <c r="F3487" t="s">
        <v>2049</v>
      </c>
      <c r="G3487" t="s">
        <v>80</v>
      </c>
      <c r="H3487" t="s">
        <v>81</v>
      </c>
      <c r="I3487" s="2">
        <v>0</v>
      </c>
      <c r="J3487" s="2">
        <v>1</v>
      </c>
      <c r="K3487" s="2">
        <v>0</v>
      </c>
      <c r="L3487" t="s">
        <v>82</v>
      </c>
      <c r="M3487" t="s">
        <v>87</v>
      </c>
      <c r="N3487" t="s">
        <v>88</v>
      </c>
      <c r="O3487" t="s">
        <v>85</v>
      </c>
      <c r="P3487" t="s">
        <v>86</v>
      </c>
      <c r="Q3487">
        <v>44</v>
      </c>
      <c r="R3487">
        <v>44</v>
      </c>
      <c r="S3487">
        <v>45</v>
      </c>
      <c r="T3487">
        <v>46</v>
      </c>
      <c r="U3487">
        <v>46</v>
      </c>
      <c r="V3487">
        <v>47</v>
      </c>
      <c r="W3487">
        <v>48</v>
      </c>
      <c r="X3487">
        <v>48</v>
      </c>
      <c r="Y3487">
        <v>49</v>
      </c>
      <c r="Z3487">
        <v>50</v>
      </c>
      <c r="AA3487">
        <v>50</v>
      </c>
      <c r="AB3487">
        <v>51</v>
      </c>
      <c r="AC3487">
        <v>52</v>
      </c>
      <c r="AD3487">
        <v>53</v>
      </c>
      <c r="AE3487">
        <v>53</v>
      </c>
      <c r="AF3487">
        <v>54</v>
      </c>
      <c r="AG3487">
        <v>55</v>
      </c>
      <c r="AH3487">
        <v>56</v>
      </c>
      <c r="AI3487">
        <v>56</v>
      </c>
      <c r="AJ3487">
        <v>57</v>
      </c>
      <c r="AK3487">
        <v>58</v>
      </c>
      <c r="AL3487">
        <v>59</v>
      </c>
      <c r="AM3487">
        <v>59</v>
      </c>
      <c r="AN3487">
        <v>60</v>
      </c>
      <c r="AO3487">
        <v>61</v>
      </c>
      <c r="AP3487">
        <v>62</v>
      </c>
      <c r="AQ3487">
        <v>63</v>
      </c>
    </row>
    <row r="3488" spans="1:43">
      <c r="A3488" t="s">
        <v>2212</v>
      </c>
      <c r="B3488" t="s">
        <v>2213</v>
      </c>
      <c r="C3488" t="s">
        <v>2214</v>
      </c>
      <c r="D3488" t="s">
        <v>2215</v>
      </c>
      <c r="E3488" t="s">
        <v>2048</v>
      </c>
      <c r="F3488" t="s">
        <v>2049</v>
      </c>
      <c r="G3488" t="s">
        <v>80</v>
      </c>
      <c r="H3488" t="s">
        <v>81</v>
      </c>
      <c r="I3488" s="2">
        <v>0</v>
      </c>
      <c r="J3488" s="2">
        <v>1</v>
      </c>
      <c r="K3488" s="2">
        <v>0</v>
      </c>
      <c r="L3488" t="s">
        <v>82</v>
      </c>
      <c r="M3488" t="s">
        <v>89</v>
      </c>
      <c r="N3488" t="s">
        <v>90</v>
      </c>
      <c r="O3488" t="s">
        <v>85</v>
      </c>
      <c r="P3488" t="s">
        <v>86</v>
      </c>
      <c r="Q3488">
        <v>44</v>
      </c>
      <c r="R3488">
        <v>46</v>
      </c>
      <c r="S3488">
        <v>47</v>
      </c>
      <c r="T3488">
        <v>49</v>
      </c>
      <c r="U3488">
        <v>50</v>
      </c>
      <c r="V3488">
        <v>52</v>
      </c>
      <c r="W3488">
        <v>53</v>
      </c>
      <c r="X3488">
        <v>55</v>
      </c>
      <c r="Y3488">
        <v>56</v>
      </c>
      <c r="Z3488">
        <v>58</v>
      </c>
      <c r="AA3488">
        <v>59</v>
      </c>
      <c r="AB3488">
        <v>60</v>
      </c>
      <c r="AC3488">
        <v>62</v>
      </c>
      <c r="AD3488">
        <v>64</v>
      </c>
      <c r="AE3488">
        <v>65</v>
      </c>
      <c r="AF3488">
        <v>65</v>
      </c>
      <c r="AG3488">
        <v>66</v>
      </c>
      <c r="AH3488">
        <v>67</v>
      </c>
      <c r="AI3488">
        <v>67</v>
      </c>
      <c r="AJ3488">
        <v>68</v>
      </c>
      <c r="AK3488">
        <v>68</v>
      </c>
      <c r="AL3488">
        <v>69</v>
      </c>
      <c r="AM3488">
        <v>70</v>
      </c>
      <c r="AN3488">
        <v>70</v>
      </c>
      <c r="AO3488">
        <v>71</v>
      </c>
      <c r="AP3488">
        <v>72</v>
      </c>
      <c r="AQ3488">
        <v>72</v>
      </c>
    </row>
    <row r="3489" spans="1:43">
      <c r="A3489" t="s">
        <v>2212</v>
      </c>
      <c r="B3489" t="s">
        <v>2213</v>
      </c>
      <c r="C3489" t="s">
        <v>2214</v>
      </c>
      <c r="D3489" t="s">
        <v>2215</v>
      </c>
      <c r="E3489" t="s">
        <v>2048</v>
      </c>
      <c r="F3489" t="s">
        <v>2049</v>
      </c>
      <c r="G3489" t="s">
        <v>80</v>
      </c>
      <c r="H3489" t="s">
        <v>81</v>
      </c>
      <c r="I3489" s="2">
        <v>0</v>
      </c>
      <c r="J3489" s="2">
        <v>1</v>
      </c>
      <c r="K3489" s="2">
        <v>0</v>
      </c>
      <c r="L3489" t="s">
        <v>82</v>
      </c>
      <c r="M3489" t="s">
        <v>83</v>
      </c>
      <c r="N3489" t="s">
        <v>91</v>
      </c>
      <c r="O3489" t="s">
        <v>85</v>
      </c>
      <c r="P3489" t="s">
        <v>86</v>
      </c>
      <c r="Q3489">
        <v>44</v>
      </c>
      <c r="R3489">
        <v>45</v>
      </c>
      <c r="S3489">
        <v>46</v>
      </c>
      <c r="T3489">
        <v>47</v>
      </c>
      <c r="U3489">
        <v>48</v>
      </c>
      <c r="V3489">
        <v>50</v>
      </c>
      <c r="W3489">
        <v>51</v>
      </c>
      <c r="X3489">
        <v>52</v>
      </c>
      <c r="Y3489">
        <v>53</v>
      </c>
      <c r="Z3489">
        <v>54</v>
      </c>
      <c r="AA3489">
        <v>55</v>
      </c>
      <c r="AB3489">
        <v>57</v>
      </c>
      <c r="AC3489">
        <v>58</v>
      </c>
      <c r="AD3489">
        <v>59</v>
      </c>
      <c r="AE3489">
        <v>60</v>
      </c>
      <c r="AF3489">
        <v>62</v>
      </c>
      <c r="AG3489">
        <v>63</v>
      </c>
      <c r="AH3489">
        <v>64</v>
      </c>
      <c r="AI3489">
        <v>65</v>
      </c>
      <c r="AJ3489">
        <v>67</v>
      </c>
      <c r="AK3489">
        <v>68</v>
      </c>
      <c r="AL3489">
        <v>69</v>
      </c>
      <c r="AM3489">
        <v>69</v>
      </c>
      <c r="AN3489">
        <v>70</v>
      </c>
      <c r="AO3489">
        <v>71</v>
      </c>
      <c r="AP3489">
        <v>71</v>
      </c>
      <c r="AQ3489">
        <v>72</v>
      </c>
    </row>
    <row r="3490" spans="1:43">
      <c r="A3490" t="s">
        <v>2216</v>
      </c>
      <c r="B3490" t="s">
        <v>2217</v>
      </c>
      <c r="C3490" t="s">
        <v>2214</v>
      </c>
      <c r="D3490" t="s">
        <v>2215</v>
      </c>
      <c r="E3490" t="s">
        <v>2048</v>
      </c>
      <c r="F3490" t="s">
        <v>2049</v>
      </c>
      <c r="G3490" t="s">
        <v>80</v>
      </c>
      <c r="H3490" t="s">
        <v>81</v>
      </c>
      <c r="I3490" s="2">
        <v>0</v>
      </c>
      <c r="J3490" s="2">
        <v>1</v>
      </c>
      <c r="K3490" s="2">
        <v>0</v>
      </c>
      <c r="L3490" t="s">
        <v>82</v>
      </c>
      <c r="M3490" t="s">
        <v>83</v>
      </c>
      <c r="N3490" t="s">
        <v>84</v>
      </c>
      <c r="O3490" t="s">
        <v>85</v>
      </c>
      <c r="P3490" t="s">
        <v>86</v>
      </c>
      <c r="Q3490">
        <v>22</v>
      </c>
      <c r="R3490">
        <v>22</v>
      </c>
      <c r="S3490">
        <v>23</v>
      </c>
      <c r="T3490">
        <v>23</v>
      </c>
      <c r="U3490">
        <v>24</v>
      </c>
      <c r="V3490">
        <v>25</v>
      </c>
      <c r="W3490">
        <v>25</v>
      </c>
      <c r="X3490">
        <v>26</v>
      </c>
      <c r="Y3490">
        <v>26</v>
      </c>
      <c r="Z3490">
        <v>27</v>
      </c>
      <c r="AA3490">
        <v>27</v>
      </c>
      <c r="AB3490">
        <v>28</v>
      </c>
      <c r="AC3490">
        <v>29</v>
      </c>
      <c r="AD3490">
        <v>29</v>
      </c>
      <c r="AE3490">
        <v>30</v>
      </c>
      <c r="AF3490">
        <v>31</v>
      </c>
      <c r="AG3490">
        <v>31</v>
      </c>
      <c r="AH3490">
        <v>32</v>
      </c>
      <c r="AI3490">
        <v>32</v>
      </c>
      <c r="AJ3490">
        <v>33</v>
      </c>
      <c r="AK3490">
        <v>34</v>
      </c>
      <c r="AL3490">
        <v>34</v>
      </c>
      <c r="AM3490">
        <v>34</v>
      </c>
      <c r="AN3490">
        <v>35</v>
      </c>
      <c r="AO3490">
        <v>35</v>
      </c>
      <c r="AP3490">
        <v>35</v>
      </c>
      <c r="AQ3490">
        <v>36</v>
      </c>
    </row>
    <row r="3491" spans="1:43">
      <c r="A3491" t="s">
        <v>2216</v>
      </c>
      <c r="B3491" t="s">
        <v>2217</v>
      </c>
      <c r="C3491" t="s">
        <v>2214</v>
      </c>
      <c r="D3491" t="s">
        <v>2215</v>
      </c>
      <c r="E3491" t="s">
        <v>2048</v>
      </c>
      <c r="F3491" t="s">
        <v>2049</v>
      </c>
      <c r="G3491" t="s">
        <v>80</v>
      </c>
      <c r="H3491" t="s">
        <v>81</v>
      </c>
      <c r="I3491" s="2">
        <v>0</v>
      </c>
      <c r="J3491" s="2">
        <v>1</v>
      </c>
      <c r="K3491" s="2">
        <v>0</v>
      </c>
      <c r="L3491" t="s">
        <v>82</v>
      </c>
      <c r="M3491" t="s">
        <v>87</v>
      </c>
      <c r="N3491" t="s">
        <v>88</v>
      </c>
      <c r="O3491" t="s">
        <v>85</v>
      </c>
      <c r="P3491" t="s">
        <v>86</v>
      </c>
      <c r="Q3491">
        <v>22</v>
      </c>
      <c r="R3491">
        <v>22</v>
      </c>
      <c r="S3491">
        <v>22</v>
      </c>
      <c r="T3491">
        <v>23</v>
      </c>
      <c r="U3491">
        <v>23</v>
      </c>
      <c r="V3491">
        <v>23</v>
      </c>
      <c r="W3491">
        <v>24</v>
      </c>
      <c r="X3491">
        <v>24</v>
      </c>
      <c r="Y3491">
        <v>24</v>
      </c>
      <c r="Z3491">
        <v>25</v>
      </c>
      <c r="AA3491">
        <v>25</v>
      </c>
      <c r="AB3491">
        <v>25</v>
      </c>
      <c r="AC3491">
        <v>26</v>
      </c>
      <c r="AD3491">
        <v>26</v>
      </c>
      <c r="AE3491">
        <v>26</v>
      </c>
      <c r="AF3491">
        <v>27</v>
      </c>
      <c r="AG3491">
        <v>27</v>
      </c>
      <c r="AH3491">
        <v>28</v>
      </c>
      <c r="AI3491">
        <v>28</v>
      </c>
      <c r="AJ3491">
        <v>28</v>
      </c>
      <c r="AK3491">
        <v>29</v>
      </c>
      <c r="AL3491">
        <v>29</v>
      </c>
      <c r="AM3491">
        <v>29</v>
      </c>
      <c r="AN3491">
        <v>30</v>
      </c>
      <c r="AO3491">
        <v>30</v>
      </c>
      <c r="AP3491">
        <v>31</v>
      </c>
      <c r="AQ3491">
        <v>31</v>
      </c>
    </row>
    <row r="3492" spans="1:43">
      <c r="A3492" t="s">
        <v>2216</v>
      </c>
      <c r="B3492" t="s">
        <v>2217</v>
      </c>
      <c r="C3492" t="s">
        <v>2214</v>
      </c>
      <c r="D3492" t="s">
        <v>2215</v>
      </c>
      <c r="E3492" t="s">
        <v>2048</v>
      </c>
      <c r="F3492" t="s">
        <v>2049</v>
      </c>
      <c r="G3492" t="s">
        <v>80</v>
      </c>
      <c r="H3492" t="s">
        <v>81</v>
      </c>
      <c r="I3492" s="2">
        <v>0</v>
      </c>
      <c r="J3492" s="2">
        <v>1</v>
      </c>
      <c r="K3492" s="2">
        <v>0</v>
      </c>
      <c r="L3492" t="s">
        <v>82</v>
      </c>
      <c r="M3492" t="s">
        <v>89</v>
      </c>
      <c r="N3492" t="s">
        <v>90</v>
      </c>
      <c r="O3492" t="s">
        <v>85</v>
      </c>
      <c r="P3492" t="s">
        <v>86</v>
      </c>
      <c r="Q3492">
        <v>22</v>
      </c>
      <c r="R3492">
        <v>23</v>
      </c>
      <c r="S3492">
        <v>24</v>
      </c>
      <c r="T3492">
        <v>24</v>
      </c>
      <c r="U3492">
        <v>25</v>
      </c>
      <c r="V3492">
        <v>26</v>
      </c>
      <c r="W3492">
        <v>26</v>
      </c>
      <c r="X3492">
        <v>27</v>
      </c>
      <c r="Y3492">
        <v>28</v>
      </c>
      <c r="Z3492">
        <v>29</v>
      </c>
      <c r="AA3492">
        <v>29</v>
      </c>
      <c r="AB3492">
        <v>30</v>
      </c>
      <c r="AC3492">
        <v>31</v>
      </c>
      <c r="AD3492">
        <v>32</v>
      </c>
      <c r="AE3492">
        <v>32</v>
      </c>
      <c r="AF3492">
        <v>32</v>
      </c>
      <c r="AG3492">
        <v>33</v>
      </c>
      <c r="AH3492">
        <v>33</v>
      </c>
      <c r="AI3492">
        <v>33</v>
      </c>
      <c r="AJ3492">
        <v>34</v>
      </c>
      <c r="AK3492">
        <v>34</v>
      </c>
      <c r="AL3492">
        <v>34</v>
      </c>
      <c r="AM3492">
        <v>35</v>
      </c>
      <c r="AN3492">
        <v>35</v>
      </c>
      <c r="AO3492">
        <v>35</v>
      </c>
      <c r="AP3492">
        <v>36</v>
      </c>
      <c r="AQ3492">
        <v>36</v>
      </c>
    </row>
    <row r="3493" spans="1:43">
      <c r="A3493" t="s">
        <v>2216</v>
      </c>
      <c r="B3493" t="s">
        <v>2217</v>
      </c>
      <c r="C3493" t="s">
        <v>2214</v>
      </c>
      <c r="D3493" t="s">
        <v>2215</v>
      </c>
      <c r="E3493" t="s">
        <v>2048</v>
      </c>
      <c r="F3493" t="s">
        <v>2049</v>
      </c>
      <c r="G3493" t="s">
        <v>80</v>
      </c>
      <c r="H3493" t="s">
        <v>81</v>
      </c>
      <c r="I3493" s="2">
        <v>0</v>
      </c>
      <c r="J3493" s="2">
        <v>1</v>
      </c>
      <c r="K3493" s="2">
        <v>0</v>
      </c>
      <c r="L3493" t="s">
        <v>82</v>
      </c>
      <c r="M3493" t="s">
        <v>83</v>
      </c>
      <c r="N3493" t="s">
        <v>91</v>
      </c>
      <c r="O3493" t="s">
        <v>85</v>
      </c>
      <c r="P3493" t="s">
        <v>86</v>
      </c>
      <c r="Q3493">
        <v>22</v>
      </c>
      <c r="R3493">
        <v>22</v>
      </c>
      <c r="S3493">
        <v>23</v>
      </c>
      <c r="T3493">
        <v>23</v>
      </c>
      <c r="U3493">
        <v>24</v>
      </c>
      <c r="V3493">
        <v>25</v>
      </c>
      <c r="W3493">
        <v>25</v>
      </c>
      <c r="X3493">
        <v>26</v>
      </c>
      <c r="Y3493">
        <v>26</v>
      </c>
      <c r="Z3493">
        <v>27</v>
      </c>
      <c r="AA3493">
        <v>27</v>
      </c>
      <c r="AB3493">
        <v>28</v>
      </c>
      <c r="AC3493">
        <v>29</v>
      </c>
      <c r="AD3493">
        <v>29</v>
      </c>
      <c r="AE3493">
        <v>30</v>
      </c>
      <c r="AF3493">
        <v>31</v>
      </c>
      <c r="AG3493">
        <v>31</v>
      </c>
      <c r="AH3493">
        <v>32</v>
      </c>
      <c r="AI3493">
        <v>32</v>
      </c>
      <c r="AJ3493">
        <v>33</v>
      </c>
      <c r="AK3493">
        <v>34</v>
      </c>
      <c r="AL3493">
        <v>34</v>
      </c>
      <c r="AM3493">
        <v>34</v>
      </c>
      <c r="AN3493">
        <v>35</v>
      </c>
      <c r="AO3493">
        <v>35</v>
      </c>
      <c r="AP3493">
        <v>35</v>
      </c>
      <c r="AQ3493">
        <v>36</v>
      </c>
    </row>
    <row r="3494" spans="1:43">
      <c r="A3494" t="s">
        <v>2218</v>
      </c>
      <c r="B3494" t="s">
        <v>2219</v>
      </c>
      <c r="C3494" t="s">
        <v>2206</v>
      </c>
      <c r="D3494" t="s">
        <v>2207</v>
      </c>
      <c r="E3494" t="s">
        <v>2048</v>
      </c>
      <c r="F3494" t="s">
        <v>2049</v>
      </c>
      <c r="G3494" t="s">
        <v>80</v>
      </c>
      <c r="H3494" t="s">
        <v>81</v>
      </c>
      <c r="I3494" s="2">
        <v>0</v>
      </c>
      <c r="J3494" s="2">
        <v>1</v>
      </c>
      <c r="K3494" s="2">
        <v>0</v>
      </c>
      <c r="L3494" t="s">
        <v>82</v>
      </c>
      <c r="M3494" t="s">
        <v>83</v>
      </c>
      <c r="N3494" t="s">
        <v>84</v>
      </c>
      <c r="O3494" t="s">
        <v>85</v>
      </c>
      <c r="P3494" t="s">
        <v>86</v>
      </c>
      <c r="Q3494">
        <v>82</v>
      </c>
      <c r="R3494">
        <v>84</v>
      </c>
      <c r="S3494">
        <v>86</v>
      </c>
      <c r="T3494">
        <v>88</v>
      </c>
      <c r="U3494">
        <v>90</v>
      </c>
      <c r="V3494">
        <v>92</v>
      </c>
      <c r="W3494">
        <v>95</v>
      </c>
      <c r="X3494">
        <v>97</v>
      </c>
      <c r="Y3494">
        <v>99</v>
      </c>
      <c r="Z3494">
        <v>101</v>
      </c>
      <c r="AA3494">
        <v>103</v>
      </c>
      <c r="AB3494">
        <v>106</v>
      </c>
      <c r="AC3494">
        <v>108</v>
      </c>
      <c r="AD3494">
        <v>110</v>
      </c>
      <c r="AE3494">
        <v>112</v>
      </c>
      <c r="AF3494">
        <v>115</v>
      </c>
      <c r="AG3494">
        <v>117</v>
      </c>
      <c r="AH3494">
        <v>120</v>
      </c>
      <c r="AI3494">
        <v>122</v>
      </c>
      <c r="AJ3494">
        <v>124</v>
      </c>
      <c r="AK3494">
        <v>127</v>
      </c>
      <c r="AL3494">
        <v>129</v>
      </c>
      <c r="AM3494">
        <v>130</v>
      </c>
      <c r="AN3494">
        <v>131</v>
      </c>
      <c r="AO3494">
        <v>132</v>
      </c>
      <c r="AP3494">
        <v>133</v>
      </c>
      <c r="AQ3494">
        <v>135</v>
      </c>
    </row>
    <row r="3495" spans="1:43">
      <c r="A3495" t="s">
        <v>2218</v>
      </c>
      <c r="B3495" t="s">
        <v>2219</v>
      </c>
      <c r="C3495" t="s">
        <v>2206</v>
      </c>
      <c r="D3495" t="s">
        <v>2207</v>
      </c>
      <c r="E3495" t="s">
        <v>2048</v>
      </c>
      <c r="F3495" t="s">
        <v>2049</v>
      </c>
      <c r="G3495" t="s">
        <v>80</v>
      </c>
      <c r="H3495" t="s">
        <v>81</v>
      </c>
      <c r="I3495" s="2">
        <v>0</v>
      </c>
      <c r="J3495" s="2">
        <v>1</v>
      </c>
      <c r="K3495" s="2">
        <v>0</v>
      </c>
      <c r="L3495" t="s">
        <v>82</v>
      </c>
      <c r="M3495" t="s">
        <v>87</v>
      </c>
      <c r="N3495" t="s">
        <v>88</v>
      </c>
      <c r="O3495" t="s">
        <v>85</v>
      </c>
      <c r="P3495" t="s">
        <v>86</v>
      </c>
      <c r="Q3495">
        <v>82</v>
      </c>
      <c r="R3495">
        <v>84</v>
      </c>
      <c r="S3495">
        <v>85</v>
      </c>
      <c r="T3495">
        <v>86</v>
      </c>
      <c r="U3495">
        <v>87</v>
      </c>
      <c r="V3495">
        <v>89</v>
      </c>
      <c r="W3495">
        <v>90</v>
      </c>
      <c r="X3495">
        <v>91</v>
      </c>
      <c r="Y3495">
        <v>92</v>
      </c>
      <c r="Z3495">
        <v>94</v>
      </c>
      <c r="AA3495">
        <v>95</v>
      </c>
      <c r="AB3495">
        <v>96</v>
      </c>
      <c r="AC3495">
        <v>98</v>
      </c>
      <c r="AD3495">
        <v>99</v>
      </c>
      <c r="AE3495">
        <v>101</v>
      </c>
      <c r="AF3495">
        <v>102</v>
      </c>
      <c r="AG3495">
        <v>103</v>
      </c>
      <c r="AH3495">
        <v>105</v>
      </c>
      <c r="AI3495">
        <v>106</v>
      </c>
      <c r="AJ3495">
        <v>108</v>
      </c>
      <c r="AK3495">
        <v>109</v>
      </c>
      <c r="AL3495">
        <v>110</v>
      </c>
      <c r="AM3495">
        <v>112</v>
      </c>
      <c r="AN3495">
        <v>113</v>
      </c>
      <c r="AO3495">
        <v>115</v>
      </c>
      <c r="AP3495">
        <v>116</v>
      </c>
      <c r="AQ3495">
        <v>118</v>
      </c>
    </row>
    <row r="3496" spans="1:43">
      <c r="A3496" t="s">
        <v>2218</v>
      </c>
      <c r="B3496" t="s">
        <v>2219</v>
      </c>
      <c r="C3496" t="s">
        <v>2206</v>
      </c>
      <c r="D3496" t="s">
        <v>2207</v>
      </c>
      <c r="E3496" t="s">
        <v>2048</v>
      </c>
      <c r="F3496" t="s">
        <v>2049</v>
      </c>
      <c r="G3496" t="s">
        <v>80</v>
      </c>
      <c r="H3496" t="s">
        <v>81</v>
      </c>
      <c r="I3496" s="2">
        <v>0</v>
      </c>
      <c r="J3496" s="2">
        <v>1</v>
      </c>
      <c r="K3496" s="2">
        <v>0</v>
      </c>
      <c r="L3496" t="s">
        <v>82</v>
      </c>
      <c r="M3496" t="s">
        <v>89</v>
      </c>
      <c r="N3496" t="s">
        <v>90</v>
      </c>
      <c r="O3496" t="s">
        <v>85</v>
      </c>
      <c r="P3496" t="s">
        <v>86</v>
      </c>
      <c r="Q3496">
        <v>82</v>
      </c>
      <c r="R3496">
        <v>85</v>
      </c>
      <c r="S3496">
        <v>87</v>
      </c>
      <c r="T3496">
        <v>90</v>
      </c>
      <c r="U3496">
        <v>93</v>
      </c>
      <c r="V3496">
        <v>96</v>
      </c>
      <c r="W3496">
        <v>98</v>
      </c>
      <c r="X3496">
        <v>101</v>
      </c>
      <c r="Y3496">
        <v>104</v>
      </c>
      <c r="Z3496">
        <v>107</v>
      </c>
      <c r="AA3496">
        <v>109</v>
      </c>
      <c r="AB3496">
        <v>112</v>
      </c>
      <c r="AC3496">
        <v>115</v>
      </c>
      <c r="AD3496">
        <v>118</v>
      </c>
      <c r="AE3496">
        <v>120</v>
      </c>
      <c r="AF3496">
        <v>121</v>
      </c>
      <c r="AG3496">
        <v>122</v>
      </c>
      <c r="AH3496">
        <v>123</v>
      </c>
      <c r="AI3496">
        <v>125</v>
      </c>
      <c r="AJ3496">
        <v>126</v>
      </c>
      <c r="AK3496">
        <v>127</v>
      </c>
      <c r="AL3496">
        <v>128</v>
      </c>
      <c r="AM3496">
        <v>129</v>
      </c>
      <c r="AN3496">
        <v>130</v>
      </c>
      <c r="AO3496">
        <v>132</v>
      </c>
      <c r="AP3496">
        <v>133</v>
      </c>
      <c r="AQ3496">
        <v>134</v>
      </c>
    </row>
    <row r="3497" spans="1:43">
      <c r="A3497" t="s">
        <v>2218</v>
      </c>
      <c r="B3497" t="s">
        <v>2219</v>
      </c>
      <c r="C3497" t="s">
        <v>2206</v>
      </c>
      <c r="D3497" t="s">
        <v>2207</v>
      </c>
      <c r="E3497" t="s">
        <v>2048</v>
      </c>
      <c r="F3497" t="s">
        <v>2049</v>
      </c>
      <c r="G3497" t="s">
        <v>80</v>
      </c>
      <c r="H3497" t="s">
        <v>81</v>
      </c>
      <c r="I3497" s="2">
        <v>0</v>
      </c>
      <c r="J3497" s="2">
        <v>1</v>
      </c>
      <c r="K3497" s="2">
        <v>0</v>
      </c>
      <c r="L3497" t="s">
        <v>82</v>
      </c>
      <c r="M3497" t="s">
        <v>83</v>
      </c>
      <c r="N3497" t="s">
        <v>91</v>
      </c>
      <c r="O3497" t="s">
        <v>85</v>
      </c>
      <c r="P3497" t="s">
        <v>86</v>
      </c>
      <c r="Q3497">
        <v>82</v>
      </c>
      <c r="R3497">
        <v>84</v>
      </c>
      <c r="S3497">
        <v>86</v>
      </c>
      <c r="T3497">
        <v>88</v>
      </c>
      <c r="U3497">
        <v>90</v>
      </c>
      <c r="V3497">
        <v>92</v>
      </c>
      <c r="W3497">
        <v>95</v>
      </c>
      <c r="X3497">
        <v>97</v>
      </c>
      <c r="Y3497">
        <v>99</v>
      </c>
      <c r="Z3497">
        <v>101</v>
      </c>
      <c r="AA3497">
        <v>103</v>
      </c>
      <c r="AB3497">
        <v>106</v>
      </c>
      <c r="AC3497">
        <v>108</v>
      </c>
      <c r="AD3497">
        <v>110</v>
      </c>
      <c r="AE3497">
        <v>112</v>
      </c>
      <c r="AF3497">
        <v>115</v>
      </c>
      <c r="AG3497">
        <v>117</v>
      </c>
      <c r="AH3497">
        <v>120</v>
      </c>
      <c r="AI3497">
        <v>122</v>
      </c>
      <c r="AJ3497">
        <v>124</v>
      </c>
      <c r="AK3497">
        <v>127</v>
      </c>
      <c r="AL3497">
        <v>129</v>
      </c>
      <c r="AM3497">
        <v>130</v>
      </c>
      <c r="AN3497">
        <v>131</v>
      </c>
      <c r="AO3497">
        <v>132</v>
      </c>
      <c r="AP3497">
        <v>133</v>
      </c>
      <c r="AQ3497">
        <v>135</v>
      </c>
    </row>
    <row r="3498" spans="1:43">
      <c r="A3498" t="s">
        <v>2220</v>
      </c>
      <c r="B3498" t="s">
        <v>2221</v>
      </c>
      <c r="C3498" t="s">
        <v>2206</v>
      </c>
      <c r="D3498" t="s">
        <v>2207</v>
      </c>
      <c r="E3498" t="s">
        <v>2048</v>
      </c>
      <c r="F3498" t="s">
        <v>2049</v>
      </c>
      <c r="G3498" t="s">
        <v>80</v>
      </c>
      <c r="H3498" t="s">
        <v>81</v>
      </c>
      <c r="I3498" s="2">
        <v>0.15</v>
      </c>
      <c r="J3498" s="2">
        <v>0.85</v>
      </c>
      <c r="K3498" s="2">
        <v>0</v>
      </c>
      <c r="L3498" t="s">
        <v>82</v>
      </c>
      <c r="M3498" t="s">
        <v>83</v>
      </c>
      <c r="N3498" t="s">
        <v>84</v>
      </c>
      <c r="O3498" t="s">
        <v>85</v>
      </c>
      <c r="P3498" t="s">
        <v>86</v>
      </c>
      <c r="Q3498">
        <v>122</v>
      </c>
      <c r="R3498">
        <v>124</v>
      </c>
      <c r="S3498">
        <v>127</v>
      </c>
      <c r="T3498">
        <v>130</v>
      </c>
      <c r="U3498">
        <v>133</v>
      </c>
      <c r="V3498">
        <v>137</v>
      </c>
      <c r="W3498">
        <v>140</v>
      </c>
      <c r="X3498">
        <v>143</v>
      </c>
      <c r="Y3498">
        <v>146</v>
      </c>
      <c r="Z3498">
        <v>149</v>
      </c>
      <c r="AA3498">
        <v>153</v>
      </c>
      <c r="AB3498">
        <v>156</v>
      </c>
      <c r="AC3498">
        <v>159</v>
      </c>
      <c r="AD3498">
        <v>162</v>
      </c>
      <c r="AE3498">
        <v>166</v>
      </c>
      <c r="AF3498">
        <v>169</v>
      </c>
      <c r="AG3498">
        <v>173</v>
      </c>
      <c r="AH3498">
        <v>176</v>
      </c>
      <c r="AI3498">
        <v>180</v>
      </c>
      <c r="AJ3498">
        <v>183</v>
      </c>
      <c r="AK3498">
        <v>187</v>
      </c>
      <c r="AL3498">
        <v>189</v>
      </c>
      <c r="AM3498">
        <v>191</v>
      </c>
      <c r="AN3498">
        <v>193</v>
      </c>
      <c r="AO3498">
        <v>194</v>
      </c>
      <c r="AP3498">
        <v>196</v>
      </c>
      <c r="AQ3498">
        <v>198</v>
      </c>
    </row>
    <row r="3499" spans="1:43">
      <c r="A3499" t="s">
        <v>2220</v>
      </c>
      <c r="B3499" t="s">
        <v>2221</v>
      </c>
      <c r="C3499" t="s">
        <v>2206</v>
      </c>
      <c r="D3499" t="s">
        <v>2207</v>
      </c>
      <c r="E3499" t="s">
        <v>2048</v>
      </c>
      <c r="F3499" t="s">
        <v>2049</v>
      </c>
      <c r="G3499" t="s">
        <v>80</v>
      </c>
      <c r="H3499" t="s">
        <v>81</v>
      </c>
      <c r="I3499" s="2">
        <v>0.15</v>
      </c>
      <c r="J3499" s="2">
        <v>0.85</v>
      </c>
      <c r="K3499" s="2">
        <v>0</v>
      </c>
      <c r="L3499" t="s">
        <v>82</v>
      </c>
      <c r="M3499" t="s">
        <v>87</v>
      </c>
      <c r="N3499" t="s">
        <v>88</v>
      </c>
      <c r="O3499" t="s">
        <v>85</v>
      </c>
      <c r="P3499" t="s">
        <v>86</v>
      </c>
      <c r="Q3499">
        <v>122</v>
      </c>
      <c r="R3499">
        <v>124</v>
      </c>
      <c r="S3499">
        <v>126</v>
      </c>
      <c r="T3499">
        <v>128</v>
      </c>
      <c r="U3499">
        <v>130</v>
      </c>
      <c r="V3499">
        <v>131</v>
      </c>
      <c r="W3499">
        <v>133</v>
      </c>
      <c r="X3499">
        <v>135</v>
      </c>
      <c r="Y3499">
        <v>137</v>
      </c>
      <c r="Z3499">
        <v>139</v>
      </c>
      <c r="AA3499">
        <v>141</v>
      </c>
      <c r="AB3499">
        <v>143</v>
      </c>
      <c r="AC3499">
        <v>145</v>
      </c>
      <c r="AD3499">
        <v>147</v>
      </c>
      <c r="AE3499">
        <v>149</v>
      </c>
      <c r="AF3499">
        <v>151</v>
      </c>
      <c r="AG3499">
        <v>153</v>
      </c>
      <c r="AH3499">
        <v>155</v>
      </c>
      <c r="AI3499">
        <v>157</v>
      </c>
      <c r="AJ3499">
        <v>159</v>
      </c>
      <c r="AK3499">
        <v>161</v>
      </c>
      <c r="AL3499">
        <v>163</v>
      </c>
      <c r="AM3499">
        <v>165</v>
      </c>
      <c r="AN3499">
        <v>168</v>
      </c>
      <c r="AO3499">
        <v>170</v>
      </c>
      <c r="AP3499">
        <v>172</v>
      </c>
      <c r="AQ3499">
        <v>174</v>
      </c>
    </row>
    <row r="3500" spans="1:43">
      <c r="A3500" t="s">
        <v>2220</v>
      </c>
      <c r="B3500" t="s">
        <v>2221</v>
      </c>
      <c r="C3500" t="s">
        <v>2206</v>
      </c>
      <c r="D3500" t="s">
        <v>2207</v>
      </c>
      <c r="E3500" t="s">
        <v>2048</v>
      </c>
      <c r="F3500" t="s">
        <v>2049</v>
      </c>
      <c r="G3500" t="s">
        <v>80</v>
      </c>
      <c r="H3500" t="s">
        <v>81</v>
      </c>
      <c r="I3500" s="2">
        <v>0.15</v>
      </c>
      <c r="J3500" s="2">
        <v>0.85</v>
      </c>
      <c r="K3500" s="2">
        <v>0</v>
      </c>
      <c r="L3500" t="s">
        <v>82</v>
      </c>
      <c r="M3500" t="s">
        <v>89</v>
      </c>
      <c r="N3500" t="s">
        <v>90</v>
      </c>
      <c r="O3500" t="s">
        <v>85</v>
      </c>
      <c r="P3500" t="s">
        <v>86</v>
      </c>
      <c r="Q3500">
        <v>122</v>
      </c>
      <c r="R3500">
        <v>126</v>
      </c>
      <c r="S3500">
        <v>130</v>
      </c>
      <c r="T3500">
        <v>134</v>
      </c>
      <c r="U3500">
        <v>138</v>
      </c>
      <c r="V3500">
        <v>142</v>
      </c>
      <c r="W3500">
        <v>146</v>
      </c>
      <c r="X3500">
        <v>150</v>
      </c>
      <c r="Y3500">
        <v>154</v>
      </c>
      <c r="Z3500">
        <v>158</v>
      </c>
      <c r="AA3500">
        <v>162</v>
      </c>
      <c r="AB3500">
        <v>165</v>
      </c>
      <c r="AC3500">
        <v>170</v>
      </c>
      <c r="AD3500">
        <v>174</v>
      </c>
      <c r="AE3500">
        <v>177</v>
      </c>
      <c r="AF3500">
        <v>179</v>
      </c>
      <c r="AG3500">
        <v>180</v>
      </c>
      <c r="AH3500">
        <v>182</v>
      </c>
      <c r="AI3500">
        <v>184</v>
      </c>
      <c r="AJ3500">
        <v>186</v>
      </c>
      <c r="AK3500">
        <v>187</v>
      </c>
      <c r="AL3500">
        <v>189</v>
      </c>
      <c r="AM3500">
        <v>191</v>
      </c>
      <c r="AN3500">
        <v>193</v>
      </c>
      <c r="AO3500">
        <v>194</v>
      </c>
      <c r="AP3500">
        <v>196</v>
      </c>
      <c r="AQ3500">
        <v>198</v>
      </c>
    </row>
    <row r="3501" spans="1:43">
      <c r="A3501" t="s">
        <v>2220</v>
      </c>
      <c r="B3501" t="s">
        <v>2221</v>
      </c>
      <c r="C3501" t="s">
        <v>2206</v>
      </c>
      <c r="D3501" t="s">
        <v>2207</v>
      </c>
      <c r="E3501" t="s">
        <v>2048</v>
      </c>
      <c r="F3501" t="s">
        <v>2049</v>
      </c>
      <c r="G3501" t="s">
        <v>80</v>
      </c>
      <c r="H3501" t="s">
        <v>81</v>
      </c>
      <c r="I3501" s="2">
        <v>0.15</v>
      </c>
      <c r="J3501" s="2">
        <v>0.85</v>
      </c>
      <c r="K3501" s="2">
        <v>0</v>
      </c>
      <c r="L3501" t="s">
        <v>82</v>
      </c>
      <c r="M3501" t="s">
        <v>83</v>
      </c>
      <c r="N3501" t="s">
        <v>91</v>
      </c>
      <c r="O3501" t="s">
        <v>85</v>
      </c>
      <c r="P3501" t="s">
        <v>86</v>
      </c>
      <c r="Q3501">
        <v>122</v>
      </c>
      <c r="R3501">
        <v>124</v>
      </c>
      <c r="S3501">
        <v>127</v>
      </c>
      <c r="T3501">
        <v>130</v>
      </c>
      <c r="U3501">
        <v>133</v>
      </c>
      <c r="V3501">
        <v>137</v>
      </c>
      <c r="W3501">
        <v>140</v>
      </c>
      <c r="X3501">
        <v>143</v>
      </c>
      <c r="Y3501">
        <v>146</v>
      </c>
      <c r="Z3501">
        <v>149</v>
      </c>
      <c r="AA3501">
        <v>153</v>
      </c>
      <c r="AB3501">
        <v>156</v>
      </c>
      <c r="AC3501">
        <v>159</v>
      </c>
      <c r="AD3501">
        <v>162</v>
      </c>
      <c r="AE3501">
        <v>166</v>
      </c>
      <c r="AF3501">
        <v>169</v>
      </c>
      <c r="AG3501">
        <v>173</v>
      </c>
      <c r="AH3501">
        <v>176</v>
      </c>
      <c r="AI3501">
        <v>180</v>
      </c>
      <c r="AJ3501">
        <v>183</v>
      </c>
      <c r="AK3501">
        <v>187</v>
      </c>
      <c r="AL3501">
        <v>189</v>
      </c>
      <c r="AM3501">
        <v>191</v>
      </c>
      <c r="AN3501">
        <v>193</v>
      </c>
      <c r="AO3501">
        <v>194</v>
      </c>
      <c r="AP3501">
        <v>196</v>
      </c>
      <c r="AQ3501">
        <v>198</v>
      </c>
    </row>
    <row r="3502" spans="1:43">
      <c r="A3502" t="s">
        <v>2222</v>
      </c>
      <c r="B3502" t="s">
        <v>2223</v>
      </c>
      <c r="C3502" t="s">
        <v>2078</v>
      </c>
      <c r="D3502" t="s">
        <v>2079</v>
      </c>
      <c r="E3502" t="s">
        <v>2048</v>
      </c>
      <c r="F3502" t="s">
        <v>2049</v>
      </c>
      <c r="G3502" t="s">
        <v>80</v>
      </c>
      <c r="H3502" t="s">
        <v>81</v>
      </c>
      <c r="I3502" s="2">
        <v>0</v>
      </c>
      <c r="J3502" s="2">
        <v>1</v>
      </c>
      <c r="K3502" s="2">
        <v>0</v>
      </c>
      <c r="L3502" t="s">
        <v>82</v>
      </c>
      <c r="M3502" t="s">
        <v>83</v>
      </c>
      <c r="N3502" t="s">
        <v>84</v>
      </c>
      <c r="O3502" t="s">
        <v>85</v>
      </c>
      <c r="P3502" t="s">
        <v>86</v>
      </c>
      <c r="Q3502">
        <v>928</v>
      </c>
      <c r="R3502">
        <v>950</v>
      </c>
      <c r="S3502">
        <v>973</v>
      </c>
      <c r="T3502">
        <v>996</v>
      </c>
      <c r="U3502">
        <v>1020</v>
      </c>
      <c r="V3502">
        <v>1044</v>
      </c>
      <c r="W3502">
        <v>1068</v>
      </c>
      <c r="X3502">
        <v>1093</v>
      </c>
      <c r="Y3502">
        <v>1118</v>
      </c>
      <c r="Z3502">
        <v>1143</v>
      </c>
      <c r="AA3502">
        <v>1168</v>
      </c>
      <c r="AB3502">
        <v>1194</v>
      </c>
      <c r="AC3502">
        <v>1220</v>
      </c>
      <c r="AD3502">
        <v>1246</v>
      </c>
      <c r="AE3502">
        <v>1273</v>
      </c>
      <c r="AF3502">
        <v>1299</v>
      </c>
      <c r="AG3502">
        <v>1327</v>
      </c>
      <c r="AH3502">
        <v>1354</v>
      </c>
      <c r="AI3502">
        <v>1382</v>
      </c>
      <c r="AJ3502">
        <v>1410</v>
      </c>
      <c r="AK3502">
        <v>1438</v>
      </c>
      <c r="AL3502">
        <v>1457</v>
      </c>
      <c r="AM3502">
        <v>1471</v>
      </c>
      <c r="AN3502">
        <v>1484</v>
      </c>
      <c r="AO3502">
        <v>1498</v>
      </c>
      <c r="AP3502">
        <v>1512</v>
      </c>
      <c r="AQ3502">
        <v>1526</v>
      </c>
    </row>
    <row r="3503" spans="1:43">
      <c r="A3503" t="s">
        <v>2222</v>
      </c>
      <c r="B3503" t="s">
        <v>2223</v>
      </c>
      <c r="C3503" t="s">
        <v>2078</v>
      </c>
      <c r="D3503" t="s">
        <v>2079</v>
      </c>
      <c r="E3503" t="s">
        <v>2048</v>
      </c>
      <c r="F3503" t="s">
        <v>2049</v>
      </c>
      <c r="G3503" t="s">
        <v>80</v>
      </c>
      <c r="H3503" t="s">
        <v>81</v>
      </c>
      <c r="I3503" s="2">
        <v>0</v>
      </c>
      <c r="J3503" s="2">
        <v>1</v>
      </c>
      <c r="K3503" s="2">
        <v>0</v>
      </c>
      <c r="L3503" t="s">
        <v>82</v>
      </c>
      <c r="M3503" t="s">
        <v>87</v>
      </c>
      <c r="N3503" t="s">
        <v>88</v>
      </c>
      <c r="O3503" t="s">
        <v>85</v>
      </c>
      <c r="P3503" t="s">
        <v>86</v>
      </c>
      <c r="Q3503">
        <v>928</v>
      </c>
      <c r="R3503">
        <v>942</v>
      </c>
      <c r="S3503">
        <v>956</v>
      </c>
      <c r="T3503">
        <v>970</v>
      </c>
      <c r="U3503">
        <v>984</v>
      </c>
      <c r="V3503">
        <v>998</v>
      </c>
      <c r="W3503">
        <v>1013</v>
      </c>
      <c r="X3503">
        <v>1028</v>
      </c>
      <c r="Y3503">
        <v>1042</v>
      </c>
      <c r="Z3503">
        <v>1057</v>
      </c>
      <c r="AA3503">
        <v>1072</v>
      </c>
      <c r="AB3503">
        <v>1087</v>
      </c>
      <c r="AC3503">
        <v>1103</v>
      </c>
      <c r="AD3503">
        <v>1118</v>
      </c>
      <c r="AE3503">
        <v>1134</v>
      </c>
      <c r="AF3503">
        <v>1150</v>
      </c>
      <c r="AG3503">
        <v>1165</v>
      </c>
      <c r="AH3503">
        <v>1181</v>
      </c>
      <c r="AI3503">
        <v>1198</v>
      </c>
      <c r="AJ3503">
        <v>1214</v>
      </c>
      <c r="AK3503">
        <v>1230</v>
      </c>
      <c r="AL3503">
        <v>1247</v>
      </c>
      <c r="AM3503">
        <v>1264</v>
      </c>
      <c r="AN3503">
        <v>1281</v>
      </c>
      <c r="AO3503">
        <v>1298</v>
      </c>
      <c r="AP3503">
        <v>1315</v>
      </c>
      <c r="AQ3503">
        <v>1332</v>
      </c>
    </row>
    <row r="3504" spans="1:43">
      <c r="A3504" t="s">
        <v>2222</v>
      </c>
      <c r="B3504" t="s">
        <v>2223</v>
      </c>
      <c r="C3504" t="s">
        <v>2078</v>
      </c>
      <c r="D3504" t="s">
        <v>2079</v>
      </c>
      <c r="E3504" t="s">
        <v>2048</v>
      </c>
      <c r="F3504" t="s">
        <v>2049</v>
      </c>
      <c r="G3504" t="s">
        <v>80</v>
      </c>
      <c r="H3504" t="s">
        <v>81</v>
      </c>
      <c r="I3504" s="2">
        <v>0</v>
      </c>
      <c r="J3504" s="2">
        <v>1</v>
      </c>
      <c r="K3504" s="2">
        <v>0</v>
      </c>
      <c r="L3504" t="s">
        <v>82</v>
      </c>
      <c r="M3504" t="s">
        <v>89</v>
      </c>
      <c r="N3504" t="s">
        <v>90</v>
      </c>
      <c r="O3504" t="s">
        <v>85</v>
      </c>
      <c r="P3504" t="s">
        <v>86</v>
      </c>
      <c r="Q3504">
        <v>928</v>
      </c>
      <c r="R3504">
        <v>959</v>
      </c>
      <c r="S3504">
        <v>990</v>
      </c>
      <c r="T3504">
        <v>1021</v>
      </c>
      <c r="U3504">
        <v>1053</v>
      </c>
      <c r="V3504">
        <v>1084</v>
      </c>
      <c r="W3504">
        <v>1115</v>
      </c>
      <c r="X3504">
        <v>1146</v>
      </c>
      <c r="Y3504">
        <v>1177</v>
      </c>
      <c r="Z3504">
        <v>1208</v>
      </c>
      <c r="AA3504">
        <v>1239</v>
      </c>
      <c r="AB3504">
        <v>1270</v>
      </c>
      <c r="AC3504">
        <v>1303</v>
      </c>
      <c r="AD3504">
        <v>1335</v>
      </c>
      <c r="AE3504">
        <v>1360</v>
      </c>
      <c r="AF3504">
        <v>1373</v>
      </c>
      <c r="AG3504">
        <v>1387</v>
      </c>
      <c r="AH3504">
        <v>1400</v>
      </c>
      <c r="AI3504">
        <v>1414</v>
      </c>
      <c r="AJ3504">
        <v>1427</v>
      </c>
      <c r="AK3504">
        <v>1441</v>
      </c>
      <c r="AL3504">
        <v>1454</v>
      </c>
      <c r="AM3504">
        <v>1468</v>
      </c>
      <c r="AN3504">
        <v>1481</v>
      </c>
      <c r="AO3504">
        <v>1495</v>
      </c>
      <c r="AP3504">
        <v>1509</v>
      </c>
      <c r="AQ3504">
        <v>1522</v>
      </c>
    </row>
    <row r="3505" spans="1:43">
      <c r="A3505" t="s">
        <v>2222</v>
      </c>
      <c r="B3505" t="s">
        <v>2223</v>
      </c>
      <c r="C3505" t="s">
        <v>2078</v>
      </c>
      <c r="D3505" t="s">
        <v>2079</v>
      </c>
      <c r="E3505" t="s">
        <v>2048</v>
      </c>
      <c r="F3505" t="s">
        <v>2049</v>
      </c>
      <c r="G3505" t="s">
        <v>80</v>
      </c>
      <c r="H3505" t="s">
        <v>81</v>
      </c>
      <c r="I3505" s="2">
        <v>0</v>
      </c>
      <c r="J3505" s="2">
        <v>1</v>
      </c>
      <c r="K3505" s="2">
        <v>0</v>
      </c>
      <c r="L3505" t="s">
        <v>82</v>
      </c>
      <c r="M3505" t="s">
        <v>83</v>
      </c>
      <c r="N3505" t="s">
        <v>91</v>
      </c>
      <c r="O3505" t="s">
        <v>85</v>
      </c>
      <c r="P3505" t="s">
        <v>86</v>
      </c>
      <c r="Q3505">
        <v>928</v>
      </c>
      <c r="R3505">
        <v>950</v>
      </c>
      <c r="S3505">
        <v>973</v>
      </c>
      <c r="T3505">
        <v>996</v>
      </c>
      <c r="U3505">
        <v>1020</v>
      </c>
      <c r="V3505">
        <v>1044</v>
      </c>
      <c r="W3505">
        <v>1068</v>
      </c>
      <c r="X3505">
        <v>1093</v>
      </c>
      <c r="Y3505">
        <v>1118</v>
      </c>
      <c r="Z3505">
        <v>1143</v>
      </c>
      <c r="AA3505">
        <v>1168</v>
      </c>
      <c r="AB3505">
        <v>1194</v>
      </c>
      <c r="AC3505">
        <v>1220</v>
      </c>
      <c r="AD3505">
        <v>1246</v>
      </c>
      <c r="AE3505">
        <v>1273</v>
      </c>
      <c r="AF3505">
        <v>1299</v>
      </c>
      <c r="AG3505">
        <v>1327</v>
      </c>
      <c r="AH3505">
        <v>1354</v>
      </c>
      <c r="AI3505">
        <v>1382</v>
      </c>
      <c r="AJ3505">
        <v>1410</v>
      </c>
      <c r="AK3505">
        <v>1438</v>
      </c>
      <c r="AL3505">
        <v>1457</v>
      </c>
      <c r="AM3505">
        <v>1471</v>
      </c>
      <c r="AN3505">
        <v>1484</v>
      </c>
      <c r="AO3505">
        <v>1498</v>
      </c>
      <c r="AP3505">
        <v>1512</v>
      </c>
      <c r="AQ3505">
        <v>1526</v>
      </c>
    </row>
    <row r="3506" spans="1:43">
      <c r="A3506" t="s">
        <v>2224</v>
      </c>
      <c r="B3506" t="s">
        <v>2225</v>
      </c>
      <c r="C3506" t="s">
        <v>2226</v>
      </c>
      <c r="D3506" t="s">
        <v>2227</v>
      </c>
      <c r="E3506" t="s">
        <v>2048</v>
      </c>
      <c r="F3506" t="s">
        <v>2049</v>
      </c>
      <c r="G3506" t="s">
        <v>80</v>
      </c>
      <c r="H3506" t="s">
        <v>81</v>
      </c>
      <c r="I3506" s="2">
        <v>0</v>
      </c>
      <c r="J3506" s="2">
        <v>1</v>
      </c>
      <c r="K3506" s="2">
        <v>0</v>
      </c>
      <c r="L3506" t="s">
        <v>82</v>
      </c>
      <c r="M3506" t="s">
        <v>83</v>
      </c>
      <c r="N3506" t="s">
        <v>84</v>
      </c>
      <c r="O3506" t="s">
        <v>85</v>
      </c>
      <c r="P3506" t="s">
        <v>86</v>
      </c>
      <c r="Q3506">
        <v>100</v>
      </c>
      <c r="R3506">
        <v>102</v>
      </c>
      <c r="S3506">
        <v>105</v>
      </c>
      <c r="T3506">
        <v>107</v>
      </c>
      <c r="U3506">
        <v>110</v>
      </c>
      <c r="V3506">
        <v>112</v>
      </c>
      <c r="W3506">
        <v>115</v>
      </c>
      <c r="X3506">
        <v>117</v>
      </c>
      <c r="Y3506">
        <v>120</v>
      </c>
      <c r="Z3506">
        <v>123</v>
      </c>
      <c r="AA3506">
        <v>125</v>
      </c>
      <c r="AB3506">
        <v>128</v>
      </c>
      <c r="AC3506">
        <v>131</v>
      </c>
      <c r="AD3506">
        <v>134</v>
      </c>
      <c r="AE3506">
        <v>136</v>
      </c>
      <c r="AF3506">
        <v>139</v>
      </c>
      <c r="AG3506">
        <v>142</v>
      </c>
      <c r="AH3506">
        <v>145</v>
      </c>
      <c r="AI3506">
        <v>148</v>
      </c>
      <c r="AJ3506">
        <v>151</v>
      </c>
      <c r="AK3506">
        <v>154</v>
      </c>
      <c r="AL3506">
        <v>156</v>
      </c>
      <c r="AM3506">
        <v>157</v>
      </c>
      <c r="AN3506">
        <v>158</v>
      </c>
      <c r="AO3506">
        <v>160</v>
      </c>
      <c r="AP3506">
        <v>161</v>
      </c>
      <c r="AQ3506">
        <v>163</v>
      </c>
    </row>
    <row r="3507" spans="1:43">
      <c r="A3507" t="s">
        <v>2224</v>
      </c>
      <c r="B3507" t="s">
        <v>2225</v>
      </c>
      <c r="C3507" t="s">
        <v>2226</v>
      </c>
      <c r="D3507" t="s">
        <v>2227</v>
      </c>
      <c r="E3507" t="s">
        <v>2048</v>
      </c>
      <c r="F3507" t="s">
        <v>2049</v>
      </c>
      <c r="G3507" t="s">
        <v>80</v>
      </c>
      <c r="H3507" t="s">
        <v>81</v>
      </c>
      <c r="I3507" s="2">
        <v>0</v>
      </c>
      <c r="J3507" s="2">
        <v>1</v>
      </c>
      <c r="K3507" s="2">
        <v>0</v>
      </c>
      <c r="L3507" t="s">
        <v>82</v>
      </c>
      <c r="M3507" t="s">
        <v>87</v>
      </c>
      <c r="N3507" t="s">
        <v>88</v>
      </c>
      <c r="O3507" t="s">
        <v>85</v>
      </c>
      <c r="P3507" t="s">
        <v>86</v>
      </c>
      <c r="Q3507">
        <v>100</v>
      </c>
      <c r="R3507">
        <v>101</v>
      </c>
      <c r="S3507">
        <v>103</v>
      </c>
      <c r="T3507">
        <v>104</v>
      </c>
      <c r="U3507">
        <v>106</v>
      </c>
      <c r="V3507">
        <v>107</v>
      </c>
      <c r="W3507">
        <v>109</v>
      </c>
      <c r="X3507">
        <v>110</v>
      </c>
      <c r="Y3507">
        <v>112</v>
      </c>
      <c r="Z3507">
        <v>114</v>
      </c>
      <c r="AA3507">
        <v>115</v>
      </c>
      <c r="AB3507">
        <v>117</v>
      </c>
      <c r="AC3507">
        <v>118</v>
      </c>
      <c r="AD3507">
        <v>120</v>
      </c>
      <c r="AE3507">
        <v>122</v>
      </c>
      <c r="AF3507">
        <v>123</v>
      </c>
      <c r="AG3507">
        <v>125</v>
      </c>
      <c r="AH3507">
        <v>127</v>
      </c>
      <c r="AI3507">
        <v>128</v>
      </c>
      <c r="AJ3507">
        <v>130</v>
      </c>
      <c r="AK3507">
        <v>132</v>
      </c>
      <c r="AL3507">
        <v>133</v>
      </c>
      <c r="AM3507">
        <v>135</v>
      </c>
      <c r="AN3507">
        <v>137</v>
      </c>
      <c r="AO3507">
        <v>139</v>
      </c>
      <c r="AP3507">
        <v>141</v>
      </c>
      <c r="AQ3507">
        <v>142</v>
      </c>
    </row>
    <row r="3508" spans="1:43">
      <c r="A3508" t="s">
        <v>2224</v>
      </c>
      <c r="B3508" t="s">
        <v>2225</v>
      </c>
      <c r="C3508" t="s">
        <v>2226</v>
      </c>
      <c r="D3508" t="s">
        <v>2227</v>
      </c>
      <c r="E3508" t="s">
        <v>2048</v>
      </c>
      <c r="F3508" t="s">
        <v>2049</v>
      </c>
      <c r="G3508" t="s">
        <v>80</v>
      </c>
      <c r="H3508" t="s">
        <v>81</v>
      </c>
      <c r="I3508" s="2">
        <v>0</v>
      </c>
      <c r="J3508" s="2">
        <v>1</v>
      </c>
      <c r="K3508" s="2">
        <v>0</v>
      </c>
      <c r="L3508" t="s">
        <v>82</v>
      </c>
      <c r="M3508" t="s">
        <v>89</v>
      </c>
      <c r="N3508" t="s">
        <v>90</v>
      </c>
      <c r="O3508" t="s">
        <v>85</v>
      </c>
      <c r="P3508" t="s">
        <v>86</v>
      </c>
      <c r="Q3508">
        <v>100</v>
      </c>
      <c r="R3508">
        <v>103</v>
      </c>
      <c r="S3508">
        <v>106</v>
      </c>
      <c r="T3508">
        <v>110</v>
      </c>
      <c r="U3508">
        <v>113</v>
      </c>
      <c r="V3508">
        <v>116</v>
      </c>
      <c r="W3508">
        <v>120</v>
      </c>
      <c r="X3508">
        <v>123</v>
      </c>
      <c r="Y3508">
        <v>126</v>
      </c>
      <c r="Z3508">
        <v>129</v>
      </c>
      <c r="AA3508">
        <v>133</v>
      </c>
      <c r="AB3508">
        <v>136</v>
      </c>
      <c r="AC3508">
        <v>139</v>
      </c>
      <c r="AD3508">
        <v>143</v>
      </c>
      <c r="AE3508">
        <v>145</v>
      </c>
      <c r="AF3508">
        <v>147</v>
      </c>
      <c r="AG3508">
        <v>148</v>
      </c>
      <c r="AH3508">
        <v>150</v>
      </c>
      <c r="AI3508">
        <v>151</v>
      </c>
      <c r="AJ3508">
        <v>153</v>
      </c>
      <c r="AK3508">
        <v>154</v>
      </c>
      <c r="AL3508">
        <v>155</v>
      </c>
      <c r="AM3508">
        <v>157</v>
      </c>
      <c r="AN3508">
        <v>158</v>
      </c>
      <c r="AO3508">
        <v>160</v>
      </c>
      <c r="AP3508">
        <v>161</v>
      </c>
      <c r="AQ3508">
        <v>163</v>
      </c>
    </row>
    <row r="3509" spans="1:43">
      <c r="A3509" t="s">
        <v>2224</v>
      </c>
      <c r="B3509" t="s">
        <v>2225</v>
      </c>
      <c r="C3509" t="s">
        <v>2226</v>
      </c>
      <c r="D3509" t="s">
        <v>2227</v>
      </c>
      <c r="E3509" t="s">
        <v>2048</v>
      </c>
      <c r="F3509" t="s">
        <v>2049</v>
      </c>
      <c r="G3509" t="s">
        <v>80</v>
      </c>
      <c r="H3509" t="s">
        <v>81</v>
      </c>
      <c r="I3509" s="2">
        <v>0</v>
      </c>
      <c r="J3509" s="2">
        <v>1</v>
      </c>
      <c r="K3509" s="2">
        <v>0</v>
      </c>
      <c r="L3509" t="s">
        <v>82</v>
      </c>
      <c r="M3509" t="s">
        <v>83</v>
      </c>
      <c r="N3509" t="s">
        <v>91</v>
      </c>
      <c r="O3509" t="s">
        <v>85</v>
      </c>
      <c r="P3509" t="s">
        <v>86</v>
      </c>
      <c r="Q3509">
        <v>100</v>
      </c>
      <c r="R3509">
        <v>102</v>
      </c>
      <c r="S3509">
        <v>105</v>
      </c>
      <c r="T3509">
        <v>107</v>
      </c>
      <c r="U3509">
        <v>110</v>
      </c>
      <c r="V3509">
        <v>112</v>
      </c>
      <c r="W3509">
        <v>115</v>
      </c>
      <c r="X3509">
        <v>117</v>
      </c>
      <c r="Y3509">
        <v>120</v>
      </c>
      <c r="Z3509">
        <v>123</v>
      </c>
      <c r="AA3509">
        <v>125</v>
      </c>
      <c r="AB3509">
        <v>128</v>
      </c>
      <c r="AC3509">
        <v>131</v>
      </c>
      <c r="AD3509">
        <v>134</v>
      </c>
      <c r="AE3509">
        <v>136</v>
      </c>
      <c r="AF3509">
        <v>139</v>
      </c>
      <c r="AG3509">
        <v>142</v>
      </c>
      <c r="AH3509">
        <v>145</v>
      </c>
      <c r="AI3509">
        <v>148</v>
      </c>
      <c r="AJ3509">
        <v>151</v>
      </c>
      <c r="AK3509">
        <v>154</v>
      </c>
      <c r="AL3509">
        <v>156</v>
      </c>
      <c r="AM3509">
        <v>157</v>
      </c>
      <c r="AN3509">
        <v>158</v>
      </c>
      <c r="AO3509">
        <v>160</v>
      </c>
      <c r="AP3509">
        <v>161</v>
      </c>
      <c r="AQ3509">
        <v>163</v>
      </c>
    </row>
    <row r="3510" spans="1:43">
      <c r="A3510" t="s">
        <v>2228</v>
      </c>
      <c r="B3510" t="s">
        <v>2229</v>
      </c>
      <c r="C3510" t="s">
        <v>2226</v>
      </c>
      <c r="D3510" t="s">
        <v>2227</v>
      </c>
      <c r="E3510" t="s">
        <v>2048</v>
      </c>
      <c r="F3510" t="s">
        <v>2049</v>
      </c>
      <c r="G3510" t="s">
        <v>80</v>
      </c>
      <c r="H3510" t="s">
        <v>81</v>
      </c>
      <c r="I3510" s="2">
        <v>0</v>
      </c>
      <c r="J3510" s="2">
        <v>1</v>
      </c>
      <c r="K3510" s="2">
        <v>0</v>
      </c>
      <c r="L3510" t="s">
        <v>82</v>
      </c>
      <c r="M3510" t="s">
        <v>83</v>
      </c>
      <c r="N3510" t="s">
        <v>84</v>
      </c>
      <c r="O3510" t="s">
        <v>85</v>
      </c>
      <c r="P3510" t="s">
        <v>86</v>
      </c>
      <c r="Q3510">
        <v>575</v>
      </c>
      <c r="R3510">
        <v>588</v>
      </c>
      <c r="S3510">
        <v>602</v>
      </c>
      <c r="T3510">
        <v>615</v>
      </c>
      <c r="U3510">
        <v>629</v>
      </c>
      <c r="V3510">
        <v>644</v>
      </c>
      <c r="W3510">
        <v>658</v>
      </c>
      <c r="X3510">
        <v>672</v>
      </c>
      <c r="Y3510">
        <v>687</v>
      </c>
      <c r="Z3510">
        <v>702</v>
      </c>
      <c r="AA3510">
        <v>717</v>
      </c>
      <c r="AB3510">
        <v>732</v>
      </c>
      <c r="AC3510">
        <v>747</v>
      </c>
      <c r="AD3510">
        <v>763</v>
      </c>
      <c r="AE3510">
        <v>778</v>
      </c>
      <c r="AF3510">
        <v>794</v>
      </c>
      <c r="AG3510">
        <v>810</v>
      </c>
      <c r="AH3510">
        <v>826</v>
      </c>
      <c r="AI3510">
        <v>843</v>
      </c>
      <c r="AJ3510">
        <v>859</v>
      </c>
      <c r="AK3510">
        <v>876</v>
      </c>
      <c r="AL3510">
        <v>887</v>
      </c>
      <c r="AM3510">
        <v>896</v>
      </c>
      <c r="AN3510">
        <v>904</v>
      </c>
      <c r="AO3510">
        <v>913</v>
      </c>
      <c r="AP3510">
        <v>921</v>
      </c>
      <c r="AQ3510">
        <v>930</v>
      </c>
    </row>
    <row r="3511" spans="1:43">
      <c r="A3511" t="s">
        <v>2228</v>
      </c>
      <c r="B3511" t="s">
        <v>2229</v>
      </c>
      <c r="C3511" t="s">
        <v>2226</v>
      </c>
      <c r="D3511" t="s">
        <v>2227</v>
      </c>
      <c r="E3511" t="s">
        <v>2048</v>
      </c>
      <c r="F3511" t="s">
        <v>2049</v>
      </c>
      <c r="G3511" t="s">
        <v>80</v>
      </c>
      <c r="H3511" t="s">
        <v>81</v>
      </c>
      <c r="I3511" s="2">
        <v>0</v>
      </c>
      <c r="J3511" s="2">
        <v>1</v>
      </c>
      <c r="K3511" s="2">
        <v>0</v>
      </c>
      <c r="L3511" t="s">
        <v>82</v>
      </c>
      <c r="M3511" t="s">
        <v>87</v>
      </c>
      <c r="N3511" t="s">
        <v>88</v>
      </c>
      <c r="O3511" t="s">
        <v>85</v>
      </c>
      <c r="P3511" t="s">
        <v>86</v>
      </c>
      <c r="Q3511">
        <v>575</v>
      </c>
      <c r="R3511">
        <v>583</v>
      </c>
      <c r="S3511">
        <v>591</v>
      </c>
      <c r="T3511">
        <v>599</v>
      </c>
      <c r="U3511">
        <v>608</v>
      </c>
      <c r="V3511">
        <v>616</v>
      </c>
      <c r="W3511">
        <v>624</v>
      </c>
      <c r="X3511">
        <v>633</v>
      </c>
      <c r="Y3511">
        <v>641</v>
      </c>
      <c r="Z3511">
        <v>650</v>
      </c>
      <c r="AA3511">
        <v>658</v>
      </c>
      <c r="AB3511">
        <v>667</v>
      </c>
      <c r="AC3511">
        <v>676</v>
      </c>
      <c r="AD3511">
        <v>685</v>
      </c>
      <c r="AE3511">
        <v>694</v>
      </c>
      <c r="AF3511">
        <v>703</v>
      </c>
      <c r="AG3511">
        <v>712</v>
      </c>
      <c r="AH3511">
        <v>721</v>
      </c>
      <c r="AI3511">
        <v>730</v>
      </c>
      <c r="AJ3511">
        <v>740</v>
      </c>
      <c r="AK3511">
        <v>749</v>
      </c>
      <c r="AL3511">
        <v>759</v>
      </c>
      <c r="AM3511">
        <v>768</v>
      </c>
      <c r="AN3511">
        <v>778</v>
      </c>
      <c r="AO3511">
        <v>788</v>
      </c>
      <c r="AP3511">
        <v>798</v>
      </c>
      <c r="AQ3511">
        <v>808</v>
      </c>
    </row>
    <row r="3512" spans="1:43">
      <c r="A3512" t="s">
        <v>2228</v>
      </c>
      <c r="B3512" t="s">
        <v>2229</v>
      </c>
      <c r="C3512" t="s">
        <v>2226</v>
      </c>
      <c r="D3512" t="s">
        <v>2227</v>
      </c>
      <c r="E3512" t="s">
        <v>2048</v>
      </c>
      <c r="F3512" t="s">
        <v>2049</v>
      </c>
      <c r="G3512" t="s">
        <v>80</v>
      </c>
      <c r="H3512" t="s">
        <v>81</v>
      </c>
      <c r="I3512" s="2">
        <v>0</v>
      </c>
      <c r="J3512" s="2">
        <v>1</v>
      </c>
      <c r="K3512" s="2">
        <v>0</v>
      </c>
      <c r="L3512" t="s">
        <v>82</v>
      </c>
      <c r="M3512" t="s">
        <v>89</v>
      </c>
      <c r="N3512" t="s">
        <v>90</v>
      </c>
      <c r="O3512" t="s">
        <v>85</v>
      </c>
      <c r="P3512" t="s">
        <v>86</v>
      </c>
      <c r="Q3512">
        <v>575</v>
      </c>
      <c r="R3512">
        <v>594</v>
      </c>
      <c r="S3512">
        <v>612</v>
      </c>
      <c r="T3512">
        <v>631</v>
      </c>
      <c r="U3512">
        <v>649</v>
      </c>
      <c r="V3512">
        <v>668</v>
      </c>
      <c r="W3512">
        <v>687</v>
      </c>
      <c r="X3512">
        <v>705</v>
      </c>
      <c r="Y3512">
        <v>724</v>
      </c>
      <c r="Z3512">
        <v>742</v>
      </c>
      <c r="AA3512">
        <v>760</v>
      </c>
      <c r="AB3512">
        <v>778</v>
      </c>
      <c r="AC3512">
        <v>798</v>
      </c>
      <c r="AD3512">
        <v>817</v>
      </c>
      <c r="AE3512">
        <v>832</v>
      </c>
      <c r="AF3512">
        <v>840</v>
      </c>
      <c r="AG3512">
        <v>849</v>
      </c>
      <c r="AH3512">
        <v>857</v>
      </c>
      <c r="AI3512">
        <v>865</v>
      </c>
      <c r="AJ3512">
        <v>874</v>
      </c>
      <c r="AK3512">
        <v>882</v>
      </c>
      <c r="AL3512">
        <v>890</v>
      </c>
      <c r="AM3512">
        <v>899</v>
      </c>
      <c r="AN3512">
        <v>907</v>
      </c>
      <c r="AO3512">
        <v>915</v>
      </c>
      <c r="AP3512">
        <v>924</v>
      </c>
      <c r="AQ3512">
        <v>932</v>
      </c>
    </row>
    <row r="3513" spans="1:43">
      <c r="A3513" t="s">
        <v>2228</v>
      </c>
      <c r="B3513" t="s">
        <v>2229</v>
      </c>
      <c r="C3513" t="s">
        <v>2226</v>
      </c>
      <c r="D3513" t="s">
        <v>2227</v>
      </c>
      <c r="E3513" t="s">
        <v>2048</v>
      </c>
      <c r="F3513" t="s">
        <v>2049</v>
      </c>
      <c r="G3513" t="s">
        <v>80</v>
      </c>
      <c r="H3513" t="s">
        <v>81</v>
      </c>
      <c r="I3513" s="2">
        <v>0</v>
      </c>
      <c r="J3513" s="2">
        <v>1</v>
      </c>
      <c r="K3513" s="2">
        <v>0</v>
      </c>
      <c r="L3513" t="s">
        <v>82</v>
      </c>
      <c r="M3513" t="s">
        <v>83</v>
      </c>
      <c r="N3513" t="s">
        <v>91</v>
      </c>
      <c r="O3513" t="s">
        <v>85</v>
      </c>
      <c r="P3513" t="s">
        <v>86</v>
      </c>
      <c r="Q3513">
        <v>575</v>
      </c>
      <c r="R3513">
        <v>588</v>
      </c>
      <c r="S3513">
        <v>602</v>
      </c>
      <c r="T3513">
        <v>615</v>
      </c>
      <c r="U3513">
        <v>629</v>
      </c>
      <c r="V3513">
        <v>644</v>
      </c>
      <c r="W3513">
        <v>658</v>
      </c>
      <c r="X3513">
        <v>672</v>
      </c>
      <c r="Y3513">
        <v>687</v>
      </c>
      <c r="Z3513">
        <v>702</v>
      </c>
      <c r="AA3513">
        <v>717</v>
      </c>
      <c r="AB3513">
        <v>732</v>
      </c>
      <c r="AC3513">
        <v>747</v>
      </c>
      <c r="AD3513">
        <v>763</v>
      </c>
      <c r="AE3513">
        <v>778</v>
      </c>
      <c r="AF3513">
        <v>794</v>
      </c>
      <c r="AG3513">
        <v>810</v>
      </c>
      <c r="AH3513">
        <v>826</v>
      </c>
      <c r="AI3513">
        <v>843</v>
      </c>
      <c r="AJ3513">
        <v>859</v>
      </c>
      <c r="AK3513">
        <v>876</v>
      </c>
      <c r="AL3513">
        <v>887</v>
      </c>
      <c r="AM3513">
        <v>896</v>
      </c>
      <c r="AN3513">
        <v>904</v>
      </c>
      <c r="AO3513">
        <v>913</v>
      </c>
      <c r="AP3513">
        <v>921</v>
      </c>
      <c r="AQ3513">
        <v>930</v>
      </c>
    </row>
    <row r="3514" spans="1:43">
      <c r="A3514" t="s">
        <v>2230</v>
      </c>
      <c r="B3514" t="s">
        <v>2231</v>
      </c>
      <c r="C3514" t="s">
        <v>2226</v>
      </c>
      <c r="D3514" t="s">
        <v>2227</v>
      </c>
      <c r="E3514" t="s">
        <v>2048</v>
      </c>
      <c r="F3514" t="s">
        <v>2049</v>
      </c>
      <c r="G3514" t="s">
        <v>80</v>
      </c>
      <c r="H3514" t="s">
        <v>81</v>
      </c>
      <c r="I3514" s="2">
        <v>0</v>
      </c>
      <c r="J3514" s="2">
        <v>1</v>
      </c>
      <c r="K3514" s="2">
        <v>0</v>
      </c>
      <c r="L3514" t="s">
        <v>82</v>
      </c>
      <c r="M3514" t="s">
        <v>83</v>
      </c>
      <c r="N3514" t="s">
        <v>84</v>
      </c>
      <c r="O3514" t="s">
        <v>85</v>
      </c>
      <c r="P3514" t="s">
        <v>86</v>
      </c>
      <c r="Q3514">
        <v>128</v>
      </c>
      <c r="R3514">
        <v>131</v>
      </c>
      <c r="S3514">
        <v>134</v>
      </c>
      <c r="T3514">
        <v>137</v>
      </c>
      <c r="U3514">
        <v>141</v>
      </c>
      <c r="V3514">
        <v>144</v>
      </c>
      <c r="W3514">
        <v>147</v>
      </c>
      <c r="X3514">
        <v>151</v>
      </c>
      <c r="Y3514">
        <v>154</v>
      </c>
      <c r="Z3514">
        <v>157</v>
      </c>
      <c r="AA3514">
        <v>161</v>
      </c>
      <c r="AB3514">
        <v>164</v>
      </c>
      <c r="AC3514">
        <v>168</v>
      </c>
      <c r="AD3514">
        <v>171</v>
      </c>
      <c r="AE3514">
        <v>175</v>
      </c>
      <c r="AF3514">
        <v>179</v>
      </c>
      <c r="AG3514">
        <v>182</v>
      </c>
      <c r="AH3514">
        <v>186</v>
      </c>
      <c r="AI3514">
        <v>190</v>
      </c>
      <c r="AJ3514">
        <v>194</v>
      </c>
      <c r="AK3514">
        <v>198</v>
      </c>
      <c r="AL3514">
        <v>200</v>
      </c>
      <c r="AM3514">
        <v>202</v>
      </c>
      <c r="AN3514">
        <v>204</v>
      </c>
      <c r="AO3514">
        <v>206</v>
      </c>
      <c r="AP3514">
        <v>208</v>
      </c>
      <c r="AQ3514">
        <v>210</v>
      </c>
    </row>
    <row r="3515" spans="1:43">
      <c r="A3515" t="s">
        <v>2230</v>
      </c>
      <c r="B3515" t="s">
        <v>2231</v>
      </c>
      <c r="C3515" t="s">
        <v>2226</v>
      </c>
      <c r="D3515" t="s">
        <v>2227</v>
      </c>
      <c r="E3515" t="s">
        <v>2048</v>
      </c>
      <c r="F3515" t="s">
        <v>2049</v>
      </c>
      <c r="G3515" t="s">
        <v>80</v>
      </c>
      <c r="H3515" t="s">
        <v>81</v>
      </c>
      <c r="I3515" s="2">
        <v>0</v>
      </c>
      <c r="J3515" s="2">
        <v>1</v>
      </c>
      <c r="K3515" s="2">
        <v>0</v>
      </c>
      <c r="L3515" t="s">
        <v>82</v>
      </c>
      <c r="M3515" t="s">
        <v>87</v>
      </c>
      <c r="N3515" t="s">
        <v>88</v>
      </c>
      <c r="O3515" t="s">
        <v>85</v>
      </c>
      <c r="P3515" t="s">
        <v>86</v>
      </c>
      <c r="Q3515">
        <v>128</v>
      </c>
      <c r="R3515">
        <v>130</v>
      </c>
      <c r="S3515">
        <v>132</v>
      </c>
      <c r="T3515">
        <v>133</v>
      </c>
      <c r="U3515">
        <v>135</v>
      </c>
      <c r="V3515">
        <v>137</v>
      </c>
      <c r="W3515">
        <v>139</v>
      </c>
      <c r="X3515">
        <v>141</v>
      </c>
      <c r="Y3515">
        <v>143</v>
      </c>
      <c r="Z3515">
        <v>145</v>
      </c>
      <c r="AA3515">
        <v>147</v>
      </c>
      <c r="AB3515">
        <v>149</v>
      </c>
      <c r="AC3515">
        <v>151</v>
      </c>
      <c r="AD3515">
        <v>154</v>
      </c>
      <c r="AE3515">
        <v>156</v>
      </c>
      <c r="AF3515">
        <v>158</v>
      </c>
      <c r="AG3515">
        <v>160</v>
      </c>
      <c r="AH3515">
        <v>162</v>
      </c>
      <c r="AI3515">
        <v>164</v>
      </c>
      <c r="AJ3515">
        <v>166</v>
      </c>
      <c r="AK3515">
        <v>169</v>
      </c>
      <c r="AL3515">
        <v>171</v>
      </c>
      <c r="AM3515">
        <v>173</v>
      </c>
      <c r="AN3515">
        <v>175</v>
      </c>
      <c r="AO3515">
        <v>178</v>
      </c>
      <c r="AP3515">
        <v>180</v>
      </c>
      <c r="AQ3515">
        <v>182</v>
      </c>
    </row>
    <row r="3516" spans="1:43">
      <c r="A3516" t="s">
        <v>2230</v>
      </c>
      <c r="B3516" t="s">
        <v>2231</v>
      </c>
      <c r="C3516" t="s">
        <v>2226</v>
      </c>
      <c r="D3516" t="s">
        <v>2227</v>
      </c>
      <c r="E3516" t="s">
        <v>2048</v>
      </c>
      <c r="F3516" t="s">
        <v>2049</v>
      </c>
      <c r="G3516" t="s">
        <v>80</v>
      </c>
      <c r="H3516" t="s">
        <v>81</v>
      </c>
      <c r="I3516" s="2">
        <v>0</v>
      </c>
      <c r="J3516" s="2">
        <v>1</v>
      </c>
      <c r="K3516" s="2">
        <v>0</v>
      </c>
      <c r="L3516" t="s">
        <v>82</v>
      </c>
      <c r="M3516" t="s">
        <v>89</v>
      </c>
      <c r="N3516" t="s">
        <v>90</v>
      </c>
      <c r="O3516" t="s">
        <v>85</v>
      </c>
      <c r="P3516" t="s">
        <v>86</v>
      </c>
      <c r="Q3516">
        <v>128</v>
      </c>
      <c r="R3516">
        <v>132</v>
      </c>
      <c r="S3516">
        <v>137</v>
      </c>
      <c r="T3516">
        <v>141</v>
      </c>
      <c r="U3516">
        <v>145</v>
      </c>
      <c r="V3516">
        <v>149</v>
      </c>
      <c r="W3516">
        <v>154</v>
      </c>
      <c r="X3516">
        <v>158</v>
      </c>
      <c r="Y3516">
        <v>162</v>
      </c>
      <c r="Z3516">
        <v>166</v>
      </c>
      <c r="AA3516">
        <v>171</v>
      </c>
      <c r="AB3516">
        <v>175</v>
      </c>
      <c r="AC3516">
        <v>179</v>
      </c>
      <c r="AD3516">
        <v>184</v>
      </c>
      <c r="AE3516">
        <v>187</v>
      </c>
      <c r="AF3516">
        <v>189</v>
      </c>
      <c r="AG3516">
        <v>191</v>
      </c>
      <c r="AH3516">
        <v>193</v>
      </c>
      <c r="AI3516">
        <v>195</v>
      </c>
      <c r="AJ3516">
        <v>197</v>
      </c>
      <c r="AK3516">
        <v>198</v>
      </c>
      <c r="AL3516">
        <v>200</v>
      </c>
      <c r="AM3516">
        <v>202</v>
      </c>
      <c r="AN3516">
        <v>204</v>
      </c>
      <c r="AO3516">
        <v>206</v>
      </c>
      <c r="AP3516">
        <v>208</v>
      </c>
      <c r="AQ3516">
        <v>210</v>
      </c>
    </row>
    <row r="3517" spans="1:43">
      <c r="A3517" t="s">
        <v>2230</v>
      </c>
      <c r="B3517" t="s">
        <v>2231</v>
      </c>
      <c r="C3517" t="s">
        <v>2226</v>
      </c>
      <c r="D3517" t="s">
        <v>2227</v>
      </c>
      <c r="E3517" t="s">
        <v>2048</v>
      </c>
      <c r="F3517" t="s">
        <v>2049</v>
      </c>
      <c r="G3517" t="s">
        <v>80</v>
      </c>
      <c r="H3517" t="s">
        <v>81</v>
      </c>
      <c r="I3517" s="2">
        <v>0</v>
      </c>
      <c r="J3517" s="2">
        <v>1</v>
      </c>
      <c r="K3517" s="2">
        <v>0</v>
      </c>
      <c r="L3517" t="s">
        <v>82</v>
      </c>
      <c r="M3517" t="s">
        <v>83</v>
      </c>
      <c r="N3517" t="s">
        <v>91</v>
      </c>
      <c r="O3517" t="s">
        <v>85</v>
      </c>
      <c r="P3517" t="s">
        <v>86</v>
      </c>
      <c r="Q3517">
        <v>128</v>
      </c>
      <c r="R3517">
        <v>131</v>
      </c>
      <c r="S3517">
        <v>134</v>
      </c>
      <c r="T3517">
        <v>137</v>
      </c>
      <c r="U3517">
        <v>141</v>
      </c>
      <c r="V3517">
        <v>144</v>
      </c>
      <c r="W3517">
        <v>147</v>
      </c>
      <c r="X3517">
        <v>151</v>
      </c>
      <c r="Y3517">
        <v>154</v>
      </c>
      <c r="Z3517">
        <v>157</v>
      </c>
      <c r="AA3517">
        <v>161</v>
      </c>
      <c r="AB3517">
        <v>164</v>
      </c>
      <c r="AC3517">
        <v>168</v>
      </c>
      <c r="AD3517">
        <v>171</v>
      </c>
      <c r="AE3517">
        <v>175</v>
      </c>
      <c r="AF3517">
        <v>179</v>
      </c>
      <c r="AG3517">
        <v>182</v>
      </c>
      <c r="AH3517">
        <v>186</v>
      </c>
      <c r="AI3517">
        <v>190</v>
      </c>
      <c r="AJ3517">
        <v>194</v>
      </c>
      <c r="AK3517">
        <v>198</v>
      </c>
      <c r="AL3517">
        <v>200</v>
      </c>
      <c r="AM3517">
        <v>202</v>
      </c>
      <c r="AN3517">
        <v>204</v>
      </c>
      <c r="AO3517">
        <v>206</v>
      </c>
      <c r="AP3517">
        <v>208</v>
      </c>
      <c r="AQ3517">
        <v>210</v>
      </c>
    </row>
    <row r="3518" spans="1:43">
      <c r="A3518" t="s">
        <v>2232</v>
      </c>
      <c r="B3518" t="s">
        <v>2233</v>
      </c>
      <c r="C3518" t="s">
        <v>2078</v>
      </c>
      <c r="D3518" t="s">
        <v>2079</v>
      </c>
      <c r="E3518" t="s">
        <v>2048</v>
      </c>
      <c r="F3518" t="s">
        <v>2049</v>
      </c>
      <c r="G3518" t="s">
        <v>80</v>
      </c>
      <c r="H3518" t="s">
        <v>81</v>
      </c>
      <c r="I3518" s="2">
        <v>0</v>
      </c>
      <c r="J3518" s="2">
        <v>1</v>
      </c>
      <c r="K3518" s="2">
        <v>0</v>
      </c>
      <c r="L3518" t="s">
        <v>82</v>
      </c>
      <c r="M3518" t="s">
        <v>83</v>
      </c>
      <c r="N3518" t="s">
        <v>84</v>
      </c>
      <c r="O3518" t="s">
        <v>85</v>
      </c>
      <c r="P3518" t="s">
        <v>86</v>
      </c>
      <c r="Q3518">
        <v>386</v>
      </c>
      <c r="R3518">
        <v>395</v>
      </c>
      <c r="S3518">
        <v>404</v>
      </c>
      <c r="T3518">
        <v>414</v>
      </c>
      <c r="U3518">
        <v>423</v>
      </c>
      <c r="V3518">
        <v>433</v>
      </c>
      <c r="W3518">
        <v>443</v>
      </c>
      <c r="X3518">
        <v>453</v>
      </c>
      <c r="Y3518">
        <v>463</v>
      </c>
      <c r="Z3518">
        <v>474</v>
      </c>
      <c r="AA3518">
        <v>484</v>
      </c>
      <c r="AB3518">
        <v>495</v>
      </c>
      <c r="AC3518">
        <v>505</v>
      </c>
      <c r="AD3518">
        <v>516</v>
      </c>
      <c r="AE3518">
        <v>527</v>
      </c>
      <c r="AF3518">
        <v>538</v>
      </c>
      <c r="AG3518">
        <v>549</v>
      </c>
      <c r="AH3518">
        <v>560</v>
      </c>
      <c r="AI3518">
        <v>571</v>
      </c>
      <c r="AJ3518">
        <v>583</v>
      </c>
      <c r="AK3518">
        <v>595</v>
      </c>
      <c r="AL3518">
        <v>602</v>
      </c>
      <c r="AM3518">
        <v>608</v>
      </c>
      <c r="AN3518">
        <v>614</v>
      </c>
      <c r="AO3518">
        <v>619</v>
      </c>
      <c r="AP3518">
        <v>625</v>
      </c>
      <c r="AQ3518">
        <v>631</v>
      </c>
    </row>
    <row r="3519" spans="1:43">
      <c r="A3519" t="s">
        <v>2232</v>
      </c>
      <c r="B3519" t="s">
        <v>2233</v>
      </c>
      <c r="C3519" t="s">
        <v>2078</v>
      </c>
      <c r="D3519" t="s">
        <v>2079</v>
      </c>
      <c r="E3519" t="s">
        <v>2048</v>
      </c>
      <c r="F3519" t="s">
        <v>2049</v>
      </c>
      <c r="G3519" t="s">
        <v>80</v>
      </c>
      <c r="H3519" t="s">
        <v>81</v>
      </c>
      <c r="I3519" s="2">
        <v>0</v>
      </c>
      <c r="J3519" s="2">
        <v>1</v>
      </c>
      <c r="K3519" s="2">
        <v>0</v>
      </c>
      <c r="L3519" t="s">
        <v>82</v>
      </c>
      <c r="M3519" t="s">
        <v>87</v>
      </c>
      <c r="N3519" t="s">
        <v>88</v>
      </c>
      <c r="O3519" t="s">
        <v>85</v>
      </c>
      <c r="P3519" t="s">
        <v>86</v>
      </c>
      <c r="Q3519">
        <v>386</v>
      </c>
      <c r="R3519">
        <v>392</v>
      </c>
      <c r="S3519">
        <v>397</v>
      </c>
      <c r="T3519">
        <v>403</v>
      </c>
      <c r="U3519">
        <v>409</v>
      </c>
      <c r="V3519">
        <v>415</v>
      </c>
      <c r="W3519">
        <v>420</v>
      </c>
      <c r="X3519">
        <v>426</v>
      </c>
      <c r="Y3519">
        <v>432</v>
      </c>
      <c r="Z3519">
        <v>439</v>
      </c>
      <c r="AA3519">
        <v>445</v>
      </c>
      <c r="AB3519">
        <v>451</v>
      </c>
      <c r="AC3519">
        <v>457</v>
      </c>
      <c r="AD3519">
        <v>463</v>
      </c>
      <c r="AE3519">
        <v>470</v>
      </c>
      <c r="AF3519">
        <v>476</v>
      </c>
      <c r="AG3519">
        <v>483</v>
      </c>
      <c r="AH3519">
        <v>489</v>
      </c>
      <c r="AI3519">
        <v>496</v>
      </c>
      <c r="AJ3519">
        <v>502</v>
      </c>
      <c r="AK3519">
        <v>509</v>
      </c>
      <c r="AL3519">
        <v>516</v>
      </c>
      <c r="AM3519">
        <v>522</v>
      </c>
      <c r="AN3519">
        <v>529</v>
      </c>
      <c r="AO3519">
        <v>536</v>
      </c>
      <c r="AP3519">
        <v>543</v>
      </c>
      <c r="AQ3519">
        <v>550</v>
      </c>
    </row>
    <row r="3520" spans="1:43">
      <c r="A3520" t="s">
        <v>2232</v>
      </c>
      <c r="B3520" t="s">
        <v>2233</v>
      </c>
      <c r="C3520" t="s">
        <v>2078</v>
      </c>
      <c r="D3520" t="s">
        <v>2079</v>
      </c>
      <c r="E3520" t="s">
        <v>2048</v>
      </c>
      <c r="F3520" t="s">
        <v>2049</v>
      </c>
      <c r="G3520" t="s">
        <v>80</v>
      </c>
      <c r="H3520" t="s">
        <v>81</v>
      </c>
      <c r="I3520" s="2">
        <v>0</v>
      </c>
      <c r="J3520" s="2">
        <v>1</v>
      </c>
      <c r="K3520" s="2">
        <v>0</v>
      </c>
      <c r="L3520" t="s">
        <v>82</v>
      </c>
      <c r="M3520" t="s">
        <v>89</v>
      </c>
      <c r="N3520" t="s">
        <v>90</v>
      </c>
      <c r="O3520" t="s">
        <v>85</v>
      </c>
      <c r="P3520" t="s">
        <v>86</v>
      </c>
      <c r="Q3520">
        <v>386</v>
      </c>
      <c r="R3520">
        <v>399</v>
      </c>
      <c r="S3520">
        <v>412</v>
      </c>
      <c r="T3520">
        <v>424</v>
      </c>
      <c r="U3520">
        <v>437</v>
      </c>
      <c r="V3520">
        <v>450</v>
      </c>
      <c r="W3520">
        <v>463</v>
      </c>
      <c r="X3520">
        <v>476</v>
      </c>
      <c r="Y3520">
        <v>488</v>
      </c>
      <c r="Z3520">
        <v>501</v>
      </c>
      <c r="AA3520">
        <v>514</v>
      </c>
      <c r="AB3520">
        <v>526</v>
      </c>
      <c r="AC3520">
        <v>540</v>
      </c>
      <c r="AD3520">
        <v>553</v>
      </c>
      <c r="AE3520">
        <v>563</v>
      </c>
      <c r="AF3520">
        <v>569</v>
      </c>
      <c r="AG3520">
        <v>575</v>
      </c>
      <c r="AH3520">
        <v>580</v>
      </c>
      <c r="AI3520">
        <v>586</v>
      </c>
      <c r="AJ3520">
        <v>591</v>
      </c>
      <c r="AK3520">
        <v>597</v>
      </c>
      <c r="AL3520">
        <v>603</v>
      </c>
      <c r="AM3520">
        <v>608</v>
      </c>
      <c r="AN3520">
        <v>614</v>
      </c>
      <c r="AO3520">
        <v>619</v>
      </c>
      <c r="AP3520">
        <v>625</v>
      </c>
      <c r="AQ3520">
        <v>631</v>
      </c>
    </row>
    <row r="3521" spans="1:43">
      <c r="A3521" t="s">
        <v>2232</v>
      </c>
      <c r="B3521" t="s">
        <v>2233</v>
      </c>
      <c r="C3521" t="s">
        <v>2078</v>
      </c>
      <c r="D3521" t="s">
        <v>2079</v>
      </c>
      <c r="E3521" t="s">
        <v>2048</v>
      </c>
      <c r="F3521" t="s">
        <v>2049</v>
      </c>
      <c r="G3521" t="s">
        <v>80</v>
      </c>
      <c r="H3521" t="s">
        <v>81</v>
      </c>
      <c r="I3521" s="2">
        <v>0</v>
      </c>
      <c r="J3521" s="2">
        <v>1</v>
      </c>
      <c r="K3521" s="2">
        <v>0</v>
      </c>
      <c r="L3521" t="s">
        <v>82</v>
      </c>
      <c r="M3521" t="s">
        <v>83</v>
      </c>
      <c r="N3521" t="s">
        <v>91</v>
      </c>
      <c r="O3521" t="s">
        <v>85</v>
      </c>
      <c r="P3521" t="s">
        <v>86</v>
      </c>
      <c r="Q3521">
        <v>386</v>
      </c>
      <c r="R3521">
        <v>395</v>
      </c>
      <c r="S3521">
        <v>404</v>
      </c>
      <c r="T3521">
        <v>414</v>
      </c>
      <c r="U3521">
        <v>423</v>
      </c>
      <c r="V3521">
        <v>433</v>
      </c>
      <c r="W3521">
        <v>443</v>
      </c>
      <c r="X3521">
        <v>453</v>
      </c>
      <c r="Y3521">
        <v>463</v>
      </c>
      <c r="Z3521">
        <v>474</v>
      </c>
      <c r="AA3521">
        <v>484</v>
      </c>
      <c r="AB3521">
        <v>495</v>
      </c>
      <c r="AC3521">
        <v>505</v>
      </c>
      <c r="AD3521">
        <v>516</v>
      </c>
      <c r="AE3521">
        <v>527</v>
      </c>
      <c r="AF3521">
        <v>538</v>
      </c>
      <c r="AG3521">
        <v>549</v>
      </c>
      <c r="AH3521">
        <v>560</v>
      </c>
      <c r="AI3521">
        <v>571</v>
      </c>
      <c r="AJ3521">
        <v>583</v>
      </c>
      <c r="AK3521">
        <v>595</v>
      </c>
      <c r="AL3521">
        <v>602</v>
      </c>
      <c r="AM3521">
        <v>608</v>
      </c>
      <c r="AN3521">
        <v>614</v>
      </c>
      <c r="AO3521">
        <v>619</v>
      </c>
      <c r="AP3521">
        <v>625</v>
      </c>
      <c r="AQ3521">
        <v>631</v>
      </c>
    </row>
    <row r="3522" spans="1:43">
      <c r="A3522" t="s">
        <v>2234</v>
      </c>
      <c r="B3522" t="s">
        <v>2235</v>
      </c>
      <c r="C3522" t="s">
        <v>2078</v>
      </c>
      <c r="D3522" t="s">
        <v>2079</v>
      </c>
      <c r="E3522" t="s">
        <v>2048</v>
      </c>
      <c r="F3522" t="s">
        <v>2049</v>
      </c>
      <c r="G3522" t="s">
        <v>80</v>
      </c>
      <c r="H3522" t="s">
        <v>81</v>
      </c>
      <c r="I3522" s="2">
        <v>0</v>
      </c>
      <c r="J3522" s="2">
        <v>1</v>
      </c>
      <c r="K3522" s="2">
        <v>0</v>
      </c>
      <c r="L3522" t="s">
        <v>82</v>
      </c>
      <c r="M3522" t="s">
        <v>83</v>
      </c>
      <c r="N3522" t="s">
        <v>84</v>
      </c>
      <c r="O3522" t="s">
        <v>85</v>
      </c>
      <c r="P3522" t="s">
        <v>86</v>
      </c>
      <c r="Q3522">
        <v>380</v>
      </c>
      <c r="R3522">
        <v>389</v>
      </c>
      <c r="S3522">
        <v>398</v>
      </c>
      <c r="T3522">
        <v>407</v>
      </c>
      <c r="U3522">
        <v>417</v>
      </c>
      <c r="V3522">
        <v>426</v>
      </c>
      <c r="W3522">
        <v>436</v>
      </c>
      <c r="X3522">
        <v>446</v>
      </c>
      <c r="Y3522">
        <v>455</v>
      </c>
      <c r="Z3522">
        <v>465</v>
      </c>
      <c r="AA3522">
        <v>476</v>
      </c>
      <c r="AB3522">
        <v>486</v>
      </c>
      <c r="AC3522">
        <v>496</v>
      </c>
      <c r="AD3522">
        <v>506</v>
      </c>
      <c r="AE3522">
        <v>517</v>
      </c>
      <c r="AF3522">
        <v>527</v>
      </c>
      <c r="AG3522">
        <v>538</v>
      </c>
      <c r="AH3522">
        <v>549</v>
      </c>
      <c r="AI3522">
        <v>560</v>
      </c>
      <c r="AJ3522">
        <v>571</v>
      </c>
      <c r="AK3522">
        <v>582</v>
      </c>
      <c r="AL3522">
        <v>590</v>
      </c>
      <c r="AM3522">
        <v>595</v>
      </c>
      <c r="AN3522">
        <v>601</v>
      </c>
      <c r="AO3522">
        <v>606</v>
      </c>
      <c r="AP3522">
        <v>612</v>
      </c>
      <c r="AQ3522">
        <v>618</v>
      </c>
    </row>
    <row r="3523" spans="1:43">
      <c r="A3523" t="s">
        <v>2234</v>
      </c>
      <c r="B3523" t="s">
        <v>2235</v>
      </c>
      <c r="C3523" t="s">
        <v>2078</v>
      </c>
      <c r="D3523" t="s">
        <v>2079</v>
      </c>
      <c r="E3523" t="s">
        <v>2048</v>
      </c>
      <c r="F3523" t="s">
        <v>2049</v>
      </c>
      <c r="G3523" t="s">
        <v>80</v>
      </c>
      <c r="H3523" t="s">
        <v>81</v>
      </c>
      <c r="I3523" s="2">
        <v>0</v>
      </c>
      <c r="J3523" s="2">
        <v>1</v>
      </c>
      <c r="K3523" s="2">
        <v>0</v>
      </c>
      <c r="L3523" t="s">
        <v>82</v>
      </c>
      <c r="M3523" t="s">
        <v>87</v>
      </c>
      <c r="N3523" t="s">
        <v>88</v>
      </c>
      <c r="O3523" t="s">
        <v>85</v>
      </c>
      <c r="P3523" t="s">
        <v>86</v>
      </c>
      <c r="Q3523">
        <v>380</v>
      </c>
      <c r="R3523">
        <v>386</v>
      </c>
      <c r="S3523">
        <v>391</v>
      </c>
      <c r="T3523">
        <v>397</v>
      </c>
      <c r="U3523">
        <v>402</v>
      </c>
      <c r="V3523">
        <v>408</v>
      </c>
      <c r="W3523">
        <v>414</v>
      </c>
      <c r="X3523">
        <v>419</v>
      </c>
      <c r="Y3523">
        <v>425</v>
      </c>
      <c r="Z3523">
        <v>431</v>
      </c>
      <c r="AA3523">
        <v>437</v>
      </c>
      <c r="AB3523">
        <v>443</v>
      </c>
      <c r="AC3523">
        <v>449</v>
      </c>
      <c r="AD3523">
        <v>455</v>
      </c>
      <c r="AE3523">
        <v>461</v>
      </c>
      <c r="AF3523">
        <v>467</v>
      </c>
      <c r="AG3523">
        <v>473</v>
      </c>
      <c r="AH3523">
        <v>479</v>
      </c>
      <c r="AI3523">
        <v>486</v>
      </c>
      <c r="AJ3523">
        <v>492</v>
      </c>
      <c r="AK3523">
        <v>499</v>
      </c>
      <c r="AL3523">
        <v>505</v>
      </c>
      <c r="AM3523">
        <v>512</v>
      </c>
      <c r="AN3523">
        <v>518</v>
      </c>
      <c r="AO3523">
        <v>525</v>
      </c>
      <c r="AP3523">
        <v>532</v>
      </c>
      <c r="AQ3523">
        <v>538</v>
      </c>
    </row>
    <row r="3524" spans="1:43">
      <c r="A3524" t="s">
        <v>2234</v>
      </c>
      <c r="B3524" t="s">
        <v>2235</v>
      </c>
      <c r="C3524" t="s">
        <v>2078</v>
      </c>
      <c r="D3524" t="s">
        <v>2079</v>
      </c>
      <c r="E3524" t="s">
        <v>2048</v>
      </c>
      <c r="F3524" t="s">
        <v>2049</v>
      </c>
      <c r="G3524" t="s">
        <v>80</v>
      </c>
      <c r="H3524" t="s">
        <v>81</v>
      </c>
      <c r="I3524" s="2">
        <v>0</v>
      </c>
      <c r="J3524" s="2">
        <v>1</v>
      </c>
      <c r="K3524" s="2">
        <v>0</v>
      </c>
      <c r="L3524" t="s">
        <v>82</v>
      </c>
      <c r="M3524" t="s">
        <v>89</v>
      </c>
      <c r="N3524" t="s">
        <v>90</v>
      </c>
      <c r="O3524" t="s">
        <v>85</v>
      </c>
      <c r="P3524" t="s">
        <v>86</v>
      </c>
      <c r="Q3524">
        <v>380</v>
      </c>
      <c r="R3524">
        <v>393</v>
      </c>
      <c r="S3524">
        <v>405</v>
      </c>
      <c r="T3524">
        <v>418</v>
      </c>
      <c r="U3524">
        <v>430</v>
      </c>
      <c r="V3524">
        <v>443</v>
      </c>
      <c r="W3524">
        <v>455</v>
      </c>
      <c r="X3524">
        <v>468</v>
      </c>
      <c r="Y3524">
        <v>480</v>
      </c>
      <c r="Z3524">
        <v>492</v>
      </c>
      <c r="AA3524">
        <v>504</v>
      </c>
      <c r="AB3524">
        <v>516</v>
      </c>
      <c r="AC3524">
        <v>530</v>
      </c>
      <c r="AD3524">
        <v>542</v>
      </c>
      <c r="AE3524">
        <v>552</v>
      </c>
      <c r="AF3524">
        <v>558</v>
      </c>
      <c r="AG3524">
        <v>563</v>
      </c>
      <c r="AH3524">
        <v>569</v>
      </c>
      <c r="AI3524">
        <v>574</v>
      </c>
      <c r="AJ3524">
        <v>580</v>
      </c>
      <c r="AK3524">
        <v>585</v>
      </c>
      <c r="AL3524">
        <v>591</v>
      </c>
      <c r="AM3524">
        <v>596</v>
      </c>
      <c r="AN3524">
        <v>602</v>
      </c>
      <c r="AO3524">
        <v>608</v>
      </c>
      <c r="AP3524">
        <v>613</v>
      </c>
      <c r="AQ3524">
        <v>619</v>
      </c>
    </row>
    <row r="3525" spans="1:43">
      <c r="A3525" t="s">
        <v>2234</v>
      </c>
      <c r="B3525" t="s">
        <v>2235</v>
      </c>
      <c r="C3525" t="s">
        <v>2078</v>
      </c>
      <c r="D3525" t="s">
        <v>2079</v>
      </c>
      <c r="E3525" t="s">
        <v>2048</v>
      </c>
      <c r="F3525" t="s">
        <v>2049</v>
      </c>
      <c r="G3525" t="s">
        <v>80</v>
      </c>
      <c r="H3525" t="s">
        <v>81</v>
      </c>
      <c r="I3525" s="2">
        <v>0</v>
      </c>
      <c r="J3525" s="2">
        <v>1</v>
      </c>
      <c r="K3525" s="2">
        <v>0</v>
      </c>
      <c r="L3525" t="s">
        <v>82</v>
      </c>
      <c r="M3525" t="s">
        <v>83</v>
      </c>
      <c r="N3525" t="s">
        <v>91</v>
      </c>
      <c r="O3525" t="s">
        <v>85</v>
      </c>
      <c r="P3525" t="s">
        <v>86</v>
      </c>
      <c r="Q3525">
        <v>380</v>
      </c>
      <c r="R3525">
        <v>389</v>
      </c>
      <c r="S3525">
        <v>398</v>
      </c>
      <c r="T3525">
        <v>407</v>
      </c>
      <c r="U3525">
        <v>417</v>
      </c>
      <c r="V3525">
        <v>426</v>
      </c>
      <c r="W3525">
        <v>436</v>
      </c>
      <c r="X3525">
        <v>446</v>
      </c>
      <c r="Y3525">
        <v>455</v>
      </c>
      <c r="Z3525">
        <v>465</v>
      </c>
      <c r="AA3525">
        <v>476</v>
      </c>
      <c r="AB3525">
        <v>486</v>
      </c>
      <c r="AC3525">
        <v>496</v>
      </c>
      <c r="AD3525">
        <v>506</v>
      </c>
      <c r="AE3525">
        <v>517</v>
      </c>
      <c r="AF3525">
        <v>527</v>
      </c>
      <c r="AG3525">
        <v>538</v>
      </c>
      <c r="AH3525">
        <v>549</v>
      </c>
      <c r="AI3525">
        <v>560</v>
      </c>
      <c r="AJ3525">
        <v>571</v>
      </c>
      <c r="AK3525">
        <v>582</v>
      </c>
      <c r="AL3525">
        <v>590</v>
      </c>
      <c r="AM3525">
        <v>595</v>
      </c>
      <c r="AN3525">
        <v>601</v>
      </c>
      <c r="AO3525">
        <v>606</v>
      </c>
      <c r="AP3525">
        <v>612</v>
      </c>
      <c r="AQ3525">
        <v>618</v>
      </c>
    </row>
    <row r="3526" spans="1:43">
      <c r="A3526" t="s">
        <v>2236</v>
      </c>
      <c r="B3526" t="s">
        <v>2237</v>
      </c>
      <c r="C3526" t="s">
        <v>2226</v>
      </c>
      <c r="D3526" t="s">
        <v>2227</v>
      </c>
      <c r="E3526" t="s">
        <v>2048</v>
      </c>
      <c r="F3526" t="s">
        <v>2049</v>
      </c>
      <c r="G3526" t="s">
        <v>80</v>
      </c>
      <c r="H3526" t="s">
        <v>81</v>
      </c>
      <c r="I3526" s="2">
        <v>0</v>
      </c>
      <c r="J3526" s="2">
        <v>1</v>
      </c>
      <c r="K3526" s="2">
        <v>0</v>
      </c>
      <c r="L3526" t="s">
        <v>82</v>
      </c>
      <c r="M3526" t="s">
        <v>83</v>
      </c>
      <c r="N3526" t="s">
        <v>84</v>
      </c>
      <c r="O3526" t="s">
        <v>85</v>
      </c>
      <c r="P3526" t="s">
        <v>86</v>
      </c>
      <c r="Q3526">
        <v>232</v>
      </c>
      <c r="R3526">
        <v>237</v>
      </c>
      <c r="S3526">
        <v>243</v>
      </c>
      <c r="T3526">
        <v>249</v>
      </c>
      <c r="U3526">
        <v>254</v>
      </c>
      <c r="V3526">
        <v>260</v>
      </c>
      <c r="W3526">
        <v>266</v>
      </c>
      <c r="X3526">
        <v>272</v>
      </c>
      <c r="Y3526">
        <v>279</v>
      </c>
      <c r="Z3526">
        <v>285</v>
      </c>
      <c r="AA3526">
        <v>291</v>
      </c>
      <c r="AB3526">
        <v>297</v>
      </c>
      <c r="AC3526">
        <v>304</v>
      </c>
      <c r="AD3526">
        <v>310</v>
      </c>
      <c r="AE3526">
        <v>317</v>
      </c>
      <c r="AF3526">
        <v>323</v>
      </c>
      <c r="AG3526">
        <v>330</v>
      </c>
      <c r="AH3526">
        <v>337</v>
      </c>
      <c r="AI3526">
        <v>343</v>
      </c>
      <c r="AJ3526">
        <v>350</v>
      </c>
      <c r="AK3526">
        <v>357</v>
      </c>
      <c r="AL3526">
        <v>362</v>
      </c>
      <c r="AM3526">
        <v>365</v>
      </c>
      <c r="AN3526">
        <v>369</v>
      </c>
      <c r="AO3526">
        <v>372</v>
      </c>
      <c r="AP3526">
        <v>375</v>
      </c>
      <c r="AQ3526">
        <v>379</v>
      </c>
    </row>
    <row r="3527" spans="1:43">
      <c r="A3527" t="s">
        <v>2236</v>
      </c>
      <c r="B3527" t="s">
        <v>2237</v>
      </c>
      <c r="C3527" t="s">
        <v>2226</v>
      </c>
      <c r="D3527" t="s">
        <v>2227</v>
      </c>
      <c r="E3527" t="s">
        <v>2048</v>
      </c>
      <c r="F3527" t="s">
        <v>2049</v>
      </c>
      <c r="G3527" t="s">
        <v>80</v>
      </c>
      <c r="H3527" t="s">
        <v>81</v>
      </c>
      <c r="I3527" s="2">
        <v>0</v>
      </c>
      <c r="J3527" s="2">
        <v>1</v>
      </c>
      <c r="K3527" s="2">
        <v>0</v>
      </c>
      <c r="L3527" t="s">
        <v>82</v>
      </c>
      <c r="M3527" t="s">
        <v>87</v>
      </c>
      <c r="N3527" t="s">
        <v>88</v>
      </c>
      <c r="O3527" t="s">
        <v>85</v>
      </c>
      <c r="P3527" t="s">
        <v>86</v>
      </c>
      <c r="Q3527">
        <v>232</v>
      </c>
      <c r="R3527">
        <v>235</v>
      </c>
      <c r="S3527">
        <v>238</v>
      </c>
      <c r="T3527">
        <v>242</v>
      </c>
      <c r="U3527">
        <v>245</v>
      </c>
      <c r="V3527">
        <v>249</v>
      </c>
      <c r="W3527">
        <v>252</v>
      </c>
      <c r="X3527">
        <v>256</v>
      </c>
      <c r="Y3527">
        <v>260</v>
      </c>
      <c r="Z3527">
        <v>263</v>
      </c>
      <c r="AA3527">
        <v>267</v>
      </c>
      <c r="AB3527">
        <v>271</v>
      </c>
      <c r="AC3527">
        <v>274</v>
      </c>
      <c r="AD3527">
        <v>278</v>
      </c>
      <c r="AE3527">
        <v>282</v>
      </c>
      <c r="AF3527">
        <v>286</v>
      </c>
      <c r="AG3527">
        <v>290</v>
      </c>
      <c r="AH3527">
        <v>294</v>
      </c>
      <c r="AI3527">
        <v>298</v>
      </c>
      <c r="AJ3527">
        <v>302</v>
      </c>
      <c r="AK3527">
        <v>306</v>
      </c>
      <c r="AL3527">
        <v>310</v>
      </c>
      <c r="AM3527">
        <v>314</v>
      </c>
      <c r="AN3527">
        <v>318</v>
      </c>
      <c r="AO3527">
        <v>322</v>
      </c>
      <c r="AP3527">
        <v>326</v>
      </c>
      <c r="AQ3527">
        <v>331</v>
      </c>
    </row>
    <row r="3528" spans="1:43">
      <c r="A3528" t="s">
        <v>2236</v>
      </c>
      <c r="B3528" t="s">
        <v>2237</v>
      </c>
      <c r="C3528" t="s">
        <v>2226</v>
      </c>
      <c r="D3528" t="s">
        <v>2227</v>
      </c>
      <c r="E3528" t="s">
        <v>2048</v>
      </c>
      <c r="F3528" t="s">
        <v>2049</v>
      </c>
      <c r="G3528" t="s">
        <v>80</v>
      </c>
      <c r="H3528" t="s">
        <v>81</v>
      </c>
      <c r="I3528" s="2">
        <v>0</v>
      </c>
      <c r="J3528" s="2">
        <v>1</v>
      </c>
      <c r="K3528" s="2">
        <v>0</v>
      </c>
      <c r="L3528" t="s">
        <v>82</v>
      </c>
      <c r="M3528" t="s">
        <v>89</v>
      </c>
      <c r="N3528" t="s">
        <v>90</v>
      </c>
      <c r="O3528" t="s">
        <v>85</v>
      </c>
      <c r="P3528" t="s">
        <v>86</v>
      </c>
      <c r="Q3528">
        <v>232</v>
      </c>
      <c r="R3528">
        <v>239</v>
      </c>
      <c r="S3528">
        <v>247</v>
      </c>
      <c r="T3528">
        <v>255</v>
      </c>
      <c r="U3528">
        <v>263</v>
      </c>
      <c r="V3528">
        <v>270</v>
      </c>
      <c r="W3528">
        <v>278</v>
      </c>
      <c r="X3528">
        <v>286</v>
      </c>
      <c r="Y3528">
        <v>293</v>
      </c>
      <c r="Z3528">
        <v>301</v>
      </c>
      <c r="AA3528">
        <v>308</v>
      </c>
      <c r="AB3528">
        <v>316</v>
      </c>
      <c r="AC3528">
        <v>324</v>
      </c>
      <c r="AD3528">
        <v>332</v>
      </c>
      <c r="AE3528">
        <v>338</v>
      </c>
      <c r="AF3528">
        <v>341</v>
      </c>
      <c r="AG3528">
        <v>345</v>
      </c>
      <c r="AH3528">
        <v>348</v>
      </c>
      <c r="AI3528">
        <v>351</v>
      </c>
      <c r="AJ3528">
        <v>355</v>
      </c>
      <c r="AK3528">
        <v>358</v>
      </c>
      <c r="AL3528">
        <v>361</v>
      </c>
      <c r="AM3528">
        <v>365</v>
      </c>
      <c r="AN3528">
        <v>368</v>
      </c>
      <c r="AO3528">
        <v>372</v>
      </c>
      <c r="AP3528">
        <v>375</v>
      </c>
      <c r="AQ3528">
        <v>378</v>
      </c>
    </row>
    <row r="3529" spans="1:43">
      <c r="A3529" t="s">
        <v>2236</v>
      </c>
      <c r="B3529" t="s">
        <v>2237</v>
      </c>
      <c r="C3529" t="s">
        <v>2226</v>
      </c>
      <c r="D3529" t="s">
        <v>2227</v>
      </c>
      <c r="E3529" t="s">
        <v>2048</v>
      </c>
      <c r="F3529" t="s">
        <v>2049</v>
      </c>
      <c r="G3529" t="s">
        <v>80</v>
      </c>
      <c r="H3529" t="s">
        <v>81</v>
      </c>
      <c r="I3529" s="2">
        <v>0</v>
      </c>
      <c r="J3529" s="2">
        <v>1</v>
      </c>
      <c r="K3529" s="2">
        <v>0</v>
      </c>
      <c r="L3529" t="s">
        <v>82</v>
      </c>
      <c r="M3529" t="s">
        <v>83</v>
      </c>
      <c r="N3529" t="s">
        <v>91</v>
      </c>
      <c r="O3529" t="s">
        <v>85</v>
      </c>
      <c r="P3529" t="s">
        <v>86</v>
      </c>
      <c r="Q3529">
        <v>232</v>
      </c>
      <c r="R3529">
        <v>237</v>
      </c>
      <c r="S3529">
        <v>243</v>
      </c>
      <c r="T3529">
        <v>249</v>
      </c>
      <c r="U3529">
        <v>254</v>
      </c>
      <c r="V3529">
        <v>260</v>
      </c>
      <c r="W3529">
        <v>266</v>
      </c>
      <c r="X3529">
        <v>272</v>
      </c>
      <c r="Y3529">
        <v>279</v>
      </c>
      <c r="Z3529">
        <v>285</v>
      </c>
      <c r="AA3529">
        <v>291</v>
      </c>
      <c r="AB3529">
        <v>297</v>
      </c>
      <c r="AC3529">
        <v>304</v>
      </c>
      <c r="AD3529">
        <v>310</v>
      </c>
      <c r="AE3529">
        <v>317</v>
      </c>
      <c r="AF3529">
        <v>323</v>
      </c>
      <c r="AG3529">
        <v>330</v>
      </c>
      <c r="AH3529">
        <v>337</v>
      </c>
      <c r="AI3529">
        <v>343</v>
      </c>
      <c r="AJ3529">
        <v>350</v>
      </c>
      <c r="AK3529">
        <v>357</v>
      </c>
      <c r="AL3529">
        <v>362</v>
      </c>
      <c r="AM3529">
        <v>365</v>
      </c>
      <c r="AN3529">
        <v>369</v>
      </c>
      <c r="AO3529">
        <v>372</v>
      </c>
      <c r="AP3529">
        <v>375</v>
      </c>
      <c r="AQ3529">
        <v>379</v>
      </c>
    </row>
    <row r="3530" spans="1:43">
      <c r="A3530" t="s">
        <v>2238</v>
      </c>
      <c r="B3530" t="s">
        <v>2239</v>
      </c>
      <c r="C3530" t="s">
        <v>2214</v>
      </c>
      <c r="D3530" t="s">
        <v>2215</v>
      </c>
      <c r="E3530" t="s">
        <v>2048</v>
      </c>
      <c r="F3530" t="s">
        <v>2049</v>
      </c>
      <c r="G3530" t="s">
        <v>80</v>
      </c>
      <c r="H3530" t="s">
        <v>81</v>
      </c>
      <c r="I3530" s="2">
        <v>0</v>
      </c>
      <c r="J3530" s="2">
        <v>1</v>
      </c>
      <c r="K3530" s="2">
        <v>0</v>
      </c>
      <c r="L3530" t="s">
        <v>82</v>
      </c>
      <c r="M3530" t="s">
        <v>83</v>
      </c>
      <c r="N3530" t="s">
        <v>84</v>
      </c>
      <c r="O3530" t="s">
        <v>85</v>
      </c>
      <c r="P3530" t="s">
        <v>86</v>
      </c>
      <c r="Q3530">
        <v>44</v>
      </c>
      <c r="R3530">
        <v>45</v>
      </c>
      <c r="S3530">
        <v>46</v>
      </c>
      <c r="T3530">
        <v>47</v>
      </c>
      <c r="U3530">
        <v>48</v>
      </c>
      <c r="V3530">
        <v>49</v>
      </c>
      <c r="W3530">
        <v>50</v>
      </c>
      <c r="X3530">
        <v>51</v>
      </c>
      <c r="Y3530">
        <v>53</v>
      </c>
      <c r="Z3530">
        <v>54</v>
      </c>
      <c r="AA3530">
        <v>55</v>
      </c>
      <c r="AB3530">
        <v>56</v>
      </c>
      <c r="AC3530">
        <v>57</v>
      </c>
      <c r="AD3530">
        <v>58</v>
      </c>
      <c r="AE3530">
        <v>60</v>
      </c>
      <c r="AF3530">
        <v>61</v>
      </c>
      <c r="AG3530">
        <v>62</v>
      </c>
      <c r="AH3530">
        <v>63</v>
      </c>
      <c r="AI3530">
        <v>65</v>
      </c>
      <c r="AJ3530">
        <v>66</v>
      </c>
      <c r="AK3530">
        <v>67</v>
      </c>
      <c r="AL3530">
        <v>68</v>
      </c>
      <c r="AM3530">
        <v>69</v>
      </c>
      <c r="AN3530">
        <v>69</v>
      </c>
      <c r="AO3530">
        <v>70</v>
      </c>
      <c r="AP3530">
        <v>71</v>
      </c>
      <c r="AQ3530">
        <v>71</v>
      </c>
    </row>
    <row r="3531" spans="1:43">
      <c r="A3531" t="s">
        <v>2238</v>
      </c>
      <c r="B3531" t="s">
        <v>2239</v>
      </c>
      <c r="C3531" t="s">
        <v>2214</v>
      </c>
      <c r="D3531" t="s">
        <v>2215</v>
      </c>
      <c r="E3531" t="s">
        <v>2048</v>
      </c>
      <c r="F3531" t="s">
        <v>2049</v>
      </c>
      <c r="G3531" t="s">
        <v>80</v>
      </c>
      <c r="H3531" t="s">
        <v>81</v>
      </c>
      <c r="I3531" s="2">
        <v>0</v>
      </c>
      <c r="J3531" s="2">
        <v>1</v>
      </c>
      <c r="K3531" s="2">
        <v>0</v>
      </c>
      <c r="L3531" t="s">
        <v>82</v>
      </c>
      <c r="M3531" t="s">
        <v>87</v>
      </c>
      <c r="N3531" t="s">
        <v>88</v>
      </c>
      <c r="O3531" t="s">
        <v>85</v>
      </c>
      <c r="P3531" t="s">
        <v>86</v>
      </c>
      <c r="Q3531">
        <v>44</v>
      </c>
      <c r="R3531">
        <v>45</v>
      </c>
      <c r="S3531">
        <v>46</v>
      </c>
      <c r="T3531">
        <v>46</v>
      </c>
      <c r="U3531">
        <v>47</v>
      </c>
      <c r="V3531">
        <v>48</v>
      </c>
      <c r="W3531">
        <v>48</v>
      </c>
      <c r="X3531">
        <v>49</v>
      </c>
      <c r="Y3531">
        <v>50</v>
      </c>
      <c r="Z3531">
        <v>50</v>
      </c>
      <c r="AA3531">
        <v>51</v>
      </c>
      <c r="AB3531">
        <v>52</v>
      </c>
      <c r="AC3531">
        <v>52</v>
      </c>
      <c r="AD3531">
        <v>53</v>
      </c>
      <c r="AE3531">
        <v>54</v>
      </c>
      <c r="AF3531">
        <v>55</v>
      </c>
      <c r="AG3531">
        <v>55</v>
      </c>
      <c r="AH3531">
        <v>56</v>
      </c>
      <c r="AI3531">
        <v>57</v>
      </c>
      <c r="AJ3531">
        <v>57</v>
      </c>
      <c r="AK3531">
        <v>58</v>
      </c>
      <c r="AL3531">
        <v>59</v>
      </c>
      <c r="AM3531">
        <v>60</v>
      </c>
      <c r="AN3531">
        <v>60</v>
      </c>
      <c r="AO3531">
        <v>61</v>
      </c>
      <c r="AP3531">
        <v>62</v>
      </c>
      <c r="AQ3531">
        <v>63</v>
      </c>
    </row>
    <row r="3532" spans="1:43">
      <c r="A3532" t="s">
        <v>2238</v>
      </c>
      <c r="B3532" t="s">
        <v>2239</v>
      </c>
      <c r="C3532" t="s">
        <v>2214</v>
      </c>
      <c r="D3532" t="s">
        <v>2215</v>
      </c>
      <c r="E3532" t="s">
        <v>2048</v>
      </c>
      <c r="F3532" t="s">
        <v>2049</v>
      </c>
      <c r="G3532" t="s">
        <v>80</v>
      </c>
      <c r="H3532" t="s">
        <v>81</v>
      </c>
      <c r="I3532" s="2">
        <v>0</v>
      </c>
      <c r="J3532" s="2">
        <v>1</v>
      </c>
      <c r="K3532" s="2">
        <v>0</v>
      </c>
      <c r="L3532" t="s">
        <v>82</v>
      </c>
      <c r="M3532" t="s">
        <v>89</v>
      </c>
      <c r="N3532" t="s">
        <v>90</v>
      </c>
      <c r="O3532" t="s">
        <v>85</v>
      </c>
      <c r="P3532" t="s">
        <v>86</v>
      </c>
      <c r="Q3532">
        <v>44</v>
      </c>
      <c r="R3532">
        <v>46</v>
      </c>
      <c r="S3532">
        <v>47</v>
      </c>
      <c r="T3532">
        <v>49</v>
      </c>
      <c r="U3532">
        <v>50</v>
      </c>
      <c r="V3532">
        <v>51</v>
      </c>
      <c r="W3532">
        <v>53</v>
      </c>
      <c r="X3532">
        <v>54</v>
      </c>
      <c r="Y3532">
        <v>56</v>
      </c>
      <c r="Z3532">
        <v>57</v>
      </c>
      <c r="AA3532">
        <v>59</v>
      </c>
      <c r="AB3532">
        <v>60</v>
      </c>
      <c r="AC3532">
        <v>61</v>
      </c>
      <c r="AD3532">
        <v>63</v>
      </c>
      <c r="AE3532">
        <v>64</v>
      </c>
      <c r="AF3532">
        <v>65</v>
      </c>
      <c r="AG3532">
        <v>65</v>
      </c>
      <c r="AH3532">
        <v>66</v>
      </c>
      <c r="AI3532">
        <v>67</v>
      </c>
      <c r="AJ3532">
        <v>67</v>
      </c>
      <c r="AK3532">
        <v>68</v>
      </c>
      <c r="AL3532">
        <v>68</v>
      </c>
      <c r="AM3532">
        <v>69</v>
      </c>
      <c r="AN3532">
        <v>70</v>
      </c>
      <c r="AO3532">
        <v>70</v>
      </c>
      <c r="AP3532">
        <v>71</v>
      </c>
      <c r="AQ3532">
        <v>72</v>
      </c>
    </row>
    <row r="3533" spans="1:43">
      <c r="A3533" t="s">
        <v>2238</v>
      </c>
      <c r="B3533" t="s">
        <v>2239</v>
      </c>
      <c r="C3533" t="s">
        <v>2214</v>
      </c>
      <c r="D3533" t="s">
        <v>2215</v>
      </c>
      <c r="E3533" t="s">
        <v>2048</v>
      </c>
      <c r="F3533" t="s">
        <v>2049</v>
      </c>
      <c r="G3533" t="s">
        <v>80</v>
      </c>
      <c r="H3533" t="s">
        <v>81</v>
      </c>
      <c r="I3533" s="2">
        <v>0</v>
      </c>
      <c r="J3533" s="2">
        <v>1</v>
      </c>
      <c r="K3533" s="2">
        <v>0</v>
      </c>
      <c r="L3533" t="s">
        <v>82</v>
      </c>
      <c r="M3533" t="s">
        <v>83</v>
      </c>
      <c r="N3533" t="s">
        <v>91</v>
      </c>
      <c r="O3533" t="s">
        <v>85</v>
      </c>
      <c r="P3533" t="s">
        <v>86</v>
      </c>
      <c r="Q3533">
        <v>44</v>
      </c>
      <c r="R3533">
        <v>45</v>
      </c>
      <c r="S3533">
        <v>46</v>
      </c>
      <c r="T3533">
        <v>47</v>
      </c>
      <c r="U3533">
        <v>48</v>
      </c>
      <c r="V3533">
        <v>49</v>
      </c>
      <c r="W3533">
        <v>50</v>
      </c>
      <c r="X3533">
        <v>51</v>
      </c>
      <c r="Y3533">
        <v>53</v>
      </c>
      <c r="Z3533">
        <v>54</v>
      </c>
      <c r="AA3533">
        <v>55</v>
      </c>
      <c r="AB3533">
        <v>56</v>
      </c>
      <c r="AC3533">
        <v>57</v>
      </c>
      <c r="AD3533">
        <v>58</v>
      </c>
      <c r="AE3533">
        <v>60</v>
      </c>
      <c r="AF3533">
        <v>61</v>
      </c>
      <c r="AG3533">
        <v>62</v>
      </c>
      <c r="AH3533">
        <v>63</v>
      </c>
      <c r="AI3533">
        <v>65</v>
      </c>
      <c r="AJ3533">
        <v>66</v>
      </c>
      <c r="AK3533">
        <v>67</v>
      </c>
      <c r="AL3533">
        <v>68</v>
      </c>
      <c r="AM3533">
        <v>69</v>
      </c>
      <c r="AN3533">
        <v>69</v>
      </c>
      <c r="AO3533">
        <v>70</v>
      </c>
      <c r="AP3533">
        <v>71</v>
      </c>
      <c r="AQ3533">
        <v>71</v>
      </c>
    </row>
    <row r="3534" spans="1:43">
      <c r="A3534" t="s">
        <v>2240</v>
      </c>
      <c r="B3534" t="s">
        <v>2241</v>
      </c>
      <c r="C3534" t="s">
        <v>2164</v>
      </c>
      <c r="D3534" t="s">
        <v>2165</v>
      </c>
      <c r="E3534" t="s">
        <v>2048</v>
      </c>
      <c r="F3534" t="s">
        <v>2049</v>
      </c>
      <c r="G3534" t="s">
        <v>80</v>
      </c>
      <c r="H3534" t="s">
        <v>81</v>
      </c>
      <c r="I3534" s="2">
        <v>0</v>
      </c>
      <c r="J3534" s="2">
        <v>1</v>
      </c>
      <c r="K3534" s="2">
        <v>0</v>
      </c>
      <c r="L3534" t="s">
        <v>82</v>
      </c>
      <c r="M3534" t="s">
        <v>83</v>
      </c>
      <c r="N3534" t="s">
        <v>84</v>
      </c>
      <c r="O3534" t="s">
        <v>85</v>
      </c>
      <c r="P3534" t="s">
        <v>86</v>
      </c>
      <c r="Q3534">
        <v>137</v>
      </c>
      <c r="R3534">
        <v>140</v>
      </c>
      <c r="S3534">
        <v>143</v>
      </c>
      <c r="T3534">
        <v>147</v>
      </c>
      <c r="U3534">
        <v>150</v>
      </c>
      <c r="V3534">
        <v>153</v>
      </c>
      <c r="W3534">
        <v>157</v>
      </c>
      <c r="X3534">
        <v>160</v>
      </c>
      <c r="Y3534">
        <v>164</v>
      </c>
      <c r="Z3534">
        <v>168</v>
      </c>
      <c r="AA3534">
        <v>171</v>
      </c>
      <c r="AB3534">
        <v>175</v>
      </c>
      <c r="AC3534">
        <v>179</v>
      </c>
      <c r="AD3534">
        <v>182</v>
      </c>
      <c r="AE3534">
        <v>186</v>
      </c>
      <c r="AF3534">
        <v>190</v>
      </c>
      <c r="AG3534">
        <v>193</v>
      </c>
      <c r="AH3534">
        <v>197</v>
      </c>
      <c r="AI3534">
        <v>201</v>
      </c>
      <c r="AJ3534">
        <v>205</v>
      </c>
      <c r="AK3534">
        <v>209</v>
      </c>
      <c r="AL3534">
        <v>212</v>
      </c>
      <c r="AM3534">
        <v>214</v>
      </c>
      <c r="AN3534">
        <v>216</v>
      </c>
      <c r="AO3534">
        <v>218</v>
      </c>
      <c r="AP3534">
        <v>220</v>
      </c>
      <c r="AQ3534">
        <v>222</v>
      </c>
    </row>
    <row r="3535" spans="1:43">
      <c r="A3535" t="s">
        <v>2240</v>
      </c>
      <c r="B3535" t="s">
        <v>2241</v>
      </c>
      <c r="C3535" t="s">
        <v>2164</v>
      </c>
      <c r="D3535" t="s">
        <v>2165</v>
      </c>
      <c r="E3535" t="s">
        <v>2048</v>
      </c>
      <c r="F3535" t="s">
        <v>2049</v>
      </c>
      <c r="G3535" t="s">
        <v>80</v>
      </c>
      <c r="H3535" t="s">
        <v>81</v>
      </c>
      <c r="I3535" s="2">
        <v>0</v>
      </c>
      <c r="J3535" s="2">
        <v>1</v>
      </c>
      <c r="K3535" s="2">
        <v>0</v>
      </c>
      <c r="L3535" t="s">
        <v>82</v>
      </c>
      <c r="M3535" t="s">
        <v>87</v>
      </c>
      <c r="N3535" t="s">
        <v>88</v>
      </c>
      <c r="O3535" t="s">
        <v>85</v>
      </c>
      <c r="P3535" t="s">
        <v>86</v>
      </c>
      <c r="Q3535">
        <v>137</v>
      </c>
      <c r="R3535">
        <v>139</v>
      </c>
      <c r="S3535">
        <v>141</v>
      </c>
      <c r="T3535">
        <v>143</v>
      </c>
      <c r="U3535">
        <v>145</v>
      </c>
      <c r="V3535">
        <v>147</v>
      </c>
      <c r="W3535">
        <v>149</v>
      </c>
      <c r="X3535">
        <v>152</v>
      </c>
      <c r="Y3535">
        <v>154</v>
      </c>
      <c r="Z3535">
        <v>156</v>
      </c>
      <c r="AA3535">
        <v>158</v>
      </c>
      <c r="AB3535">
        <v>160</v>
      </c>
      <c r="AC3535">
        <v>162</v>
      </c>
      <c r="AD3535">
        <v>164</v>
      </c>
      <c r="AE3535">
        <v>167</v>
      </c>
      <c r="AF3535">
        <v>169</v>
      </c>
      <c r="AG3535">
        <v>171</v>
      </c>
      <c r="AH3535">
        <v>173</v>
      </c>
      <c r="AI3535">
        <v>176</v>
      </c>
      <c r="AJ3535">
        <v>178</v>
      </c>
      <c r="AK3535">
        <v>180</v>
      </c>
      <c r="AL3535">
        <v>183</v>
      </c>
      <c r="AM3535">
        <v>185</v>
      </c>
      <c r="AN3535">
        <v>187</v>
      </c>
      <c r="AO3535">
        <v>190</v>
      </c>
      <c r="AP3535">
        <v>192</v>
      </c>
      <c r="AQ3535">
        <v>195</v>
      </c>
    </row>
    <row r="3536" spans="1:43">
      <c r="A3536" t="s">
        <v>2240</v>
      </c>
      <c r="B3536" t="s">
        <v>2241</v>
      </c>
      <c r="C3536" t="s">
        <v>2164</v>
      </c>
      <c r="D3536" t="s">
        <v>2165</v>
      </c>
      <c r="E3536" t="s">
        <v>2048</v>
      </c>
      <c r="F3536" t="s">
        <v>2049</v>
      </c>
      <c r="G3536" t="s">
        <v>80</v>
      </c>
      <c r="H3536" t="s">
        <v>81</v>
      </c>
      <c r="I3536" s="2">
        <v>0</v>
      </c>
      <c r="J3536" s="2">
        <v>1</v>
      </c>
      <c r="K3536" s="2">
        <v>0</v>
      </c>
      <c r="L3536" t="s">
        <v>82</v>
      </c>
      <c r="M3536" t="s">
        <v>89</v>
      </c>
      <c r="N3536" t="s">
        <v>90</v>
      </c>
      <c r="O3536" t="s">
        <v>85</v>
      </c>
      <c r="P3536" t="s">
        <v>86</v>
      </c>
      <c r="Q3536">
        <v>137</v>
      </c>
      <c r="R3536">
        <v>141</v>
      </c>
      <c r="S3536">
        <v>146</v>
      </c>
      <c r="T3536">
        <v>150</v>
      </c>
      <c r="U3536">
        <v>155</v>
      </c>
      <c r="V3536">
        <v>160</v>
      </c>
      <c r="W3536">
        <v>164</v>
      </c>
      <c r="X3536">
        <v>168</v>
      </c>
      <c r="Y3536">
        <v>173</v>
      </c>
      <c r="Z3536">
        <v>177</v>
      </c>
      <c r="AA3536">
        <v>181</v>
      </c>
      <c r="AB3536">
        <v>186</v>
      </c>
      <c r="AC3536">
        <v>190</v>
      </c>
      <c r="AD3536">
        <v>195</v>
      </c>
      <c r="AE3536">
        <v>198</v>
      </c>
      <c r="AF3536">
        <v>200</v>
      </c>
      <c r="AG3536">
        <v>202</v>
      </c>
      <c r="AH3536">
        <v>204</v>
      </c>
      <c r="AI3536">
        <v>206</v>
      </c>
      <c r="AJ3536">
        <v>208</v>
      </c>
      <c r="AK3536">
        <v>210</v>
      </c>
      <c r="AL3536">
        <v>212</v>
      </c>
      <c r="AM3536">
        <v>214</v>
      </c>
      <c r="AN3536">
        <v>216</v>
      </c>
      <c r="AO3536">
        <v>218</v>
      </c>
      <c r="AP3536">
        <v>220</v>
      </c>
      <c r="AQ3536">
        <v>222</v>
      </c>
    </row>
    <row r="3537" spans="1:43">
      <c r="A3537" t="s">
        <v>2240</v>
      </c>
      <c r="B3537" t="s">
        <v>2241</v>
      </c>
      <c r="C3537" t="s">
        <v>2164</v>
      </c>
      <c r="D3537" t="s">
        <v>2165</v>
      </c>
      <c r="E3537" t="s">
        <v>2048</v>
      </c>
      <c r="F3537" t="s">
        <v>2049</v>
      </c>
      <c r="G3537" t="s">
        <v>80</v>
      </c>
      <c r="H3537" t="s">
        <v>81</v>
      </c>
      <c r="I3537" s="2">
        <v>0</v>
      </c>
      <c r="J3537" s="2">
        <v>1</v>
      </c>
      <c r="K3537" s="2">
        <v>0</v>
      </c>
      <c r="L3537" t="s">
        <v>82</v>
      </c>
      <c r="M3537" t="s">
        <v>83</v>
      </c>
      <c r="N3537" t="s">
        <v>91</v>
      </c>
      <c r="O3537" t="s">
        <v>85</v>
      </c>
      <c r="P3537" t="s">
        <v>86</v>
      </c>
      <c r="Q3537">
        <v>137</v>
      </c>
      <c r="R3537">
        <v>140</v>
      </c>
      <c r="S3537">
        <v>143</v>
      </c>
      <c r="T3537">
        <v>147</v>
      </c>
      <c r="U3537">
        <v>150</v>
      </c>
      <c r="V3537">
        <v>153</v>
      </c>
      <c r="W3537">
        <v>157</v>
      </c>
      <c r="X3537">
        <v>160</v>
      </c>
      <c r="Y3537">
        <v>164</v>
      </c>
      <c r="Z3537">
        <v>168</v>
      </c>
      <c r="AA3537">
        <v>171</v>
      </c>
      <c r="AB3537">
        <v>175</v>
      </c>
      <c r="AC3537">
        <v>179</v>
      </c>
      <c r="AD3537">
        <v>182</v>
      </c>
      <c r="AE3537">
        <v>186</v>
      </c>
      <c r="AF3537">
        <v>190</v>
      </c>
      <c r="AG3537">
        <v>193</v>
      </c>
      <c r="AH3537">
        <v>197</v>
      </c>
      <c r="AI3537">
        <v>201</v>
      </c>
      <c r="AJ3537">
        <v>205</v>
      </c>
      <c r="AK3537">
        <v>209</v>
      </c>
      <c r="AL3537">
        <v>212</v>
      </c>
      <c r="AM3537">
        <v>214</v>
      </c>
      <c r="AN3537">
        <v>216</v>
      </c>
      <c r="AO3537">
        <v>218</v>
      </c>
      <c r="AP3537">
        <v>220</v>
      </c>
      <c r="AQ3537">
        <v>222</v>
      </c>
    </row>
    <row r="3538" spans="1:43">
      <c r="A3538" t="s">
        <v>2242</v>
      </c>
      <c r="B3538" t="s">
        <v>2243</v>
      </c>
      <c r="C3538" t="s">
        <v>2214</v>
      </c>
      <c r="D3538" t="s">
        <v>2215</v>
      </c>
      <c r="E3538" t="s">
        <v>2048</v>
      </c>
      <c r="F3538" t="s">
        <v>2049</v>
      </c>
      <c r="G3538" t="s">
        <v>80</v>
      </c>
      <c r="H3538" t="s">
        <v>81</v>
      </c>
      <c r="I3538" s="2">
        <v>0</v>
      </c>
      <c r="J3538" s="2">
        <v>1</v>
      </c>
      <c r="K3538" s="2">
        <v>0</v>
      </c>
      <c r="L3538" t="s">
        <v>82</v>
      </c>
      <c r="M3538" t="s">
        <v>83</v>
      </c>
      <c r="N3538" t="s">
        <v>84</v>
      </c>
      <c r="O3538" t="s">
        <v>85</v>
      </c>
      <c r="P3538" t="s">
        <v>86</v>
      </c>
      <c r="Q3538">
        <v>55</v>
      </c>
      <c r="R3538">
        <v>56</v>
      </c>
      <c r="S3538">
        <v>58</v>
      </c>
      <c r="T3538">
        <v>59</v>
      </c>
      <c r="U3538">
        <v>60</v>
      </c>
      <c r="V3538">
        <v>62</v>
      </c>
      <c r="W3538">
        <v>63</v>
      </c>
      <c r="X3538">
        <v>65</v>
      </c>
      <c r="Y3538">
        <v>66</v>
      </c>
      <c r="Z3538">
        <v>67</v>
      </c>
      <c r="AA3538">
        <v>69</v>
      </c>
      <c r="AB3538">
        <v>70</v>
      </c>
      <c r="AC3538">
        <v>72</v>
      </c>
      <c r="AD3538">
        <v>73</v>
      </c>
      <c r="AE3538">
        <v>75</v>
      </c>
      <c r="AF3538">
        <v>76</v>
      </c>
      <c r="AG3538">
        <v>78</v>
      </c>
      <c r="AH3538">
        <v>80</v>
      </c>
      <c r="AI3538">
        <v>81</v>
      </c>
      <c r="AJ3538">
        <v>83</v>
      </c>
      <c r="AK3538">
        <v>84</v>
      </c>
      <c r="AL3538">
        <v>85</v>
      </c>
      <c r="AM3538">
        <v>86</v>
      </c>
      <c r="AN3538">
        <v>87</v>
      </c>
      <c r="AO3538">
        <v>88</v>
      </c>
      <c r="AP3538">
        <v>89</v>
      </c>
      <c r="AQ3538">
        <v>89</v>
      </c>
    </row>
    <row r="3539" spans="1:43">
      <c r="A3539" t="s">
        <v>2242</v>
      </c>
      <c r="B3539" t="s">
        <v>2243</v>
      </c>
      <c r="C3539" t="s">
        <v>2214</v>
      </c>
      <c r="D3539" t="s">
        <v>2215</v>
      </c>
      <c r="E3539" t="s">
        <v>2048</v>
      </c>
      <c r="F3539" t="s">
        <v>2049</v>
      </c>
      <c r="G3539" t="s">
        <v>80</v>
      </c>
      <c r="H3539" t="s">
        <v>81</v>
      </c>
      <c r="I3539" s="2">
        <v>0</v>
      </c>
      <c r="J3539" s="2">
        <v>1</v>
      </c>
      <c r="K3539" s="2">
        <v>0</v>
      </c>
      <c r="L3539" t="s">
        <v>82</v>
      </c>
      <c r="M3539" t="s">
        <v>87</v>
      </c>
      <c r="N3539" t="s">
        <v>88</v>
      </c>
      <c r="O3539" t="s">
        <v>85</v>
      </c>
      <c r="P3539" t="s">
        <v>86</v>
      </c>
      <c r="Q3539">
        <v>55</v>
      </c>
      <c r="R3539">
        <v>55</v>
      </c>
      <c r="S3539">
        <v>56</v>
      </c>
      <c r="T3539">
        <v>57</v>
      </c>
      <c r="U3539">
        <v>58</v>
      </c>
      <c r="V3539">
        <v>59</v>
      </c>
      <c r="W3539">
        <v>59</v>
      </c>
      <c r="X3539">
        <v>60</v>
      </c>
      <c r="Y3539">
        <v>61</v>
      </c>
      <c r="Z3539">
        <v>62</v>
      </c>
      <c r="AA3539">
        <v>63</v>
      </c>
      <c r="AB3539">
        <v>64</v>
      </c>
      <c r="AC3539">
        <v>64</v>
      </c>
      <c r="AD3539">
        <v>65</v>
      </c>
      <c r="AE3539">
        <v>66</v>
      </c>
      <c r="AF3539">
        <v>67</v>
      </c>
      <c r="AG3539">
        <v>68</v>
      </c>
      <c r="AH3539">
        <v>69</v>
      </c>
      <c r="AI3539">
        <v>70</v>
      </c>
      <c r="AJ3539">
        <v>71</v>
      </c>
      <c r="AK3539">
        <v>72</v>
      </c>
      <c r="AL3539">
        <v>73</v>
      </c>
      <c r="AM3539">
        <v>74</v>
      </c>
      <c r="AN3539">
        <v>75</v>
      </c>
      <c r="AO3539">
        <v>76</v>
      </c>
      <c r="AP3539">
        <v>77</v>
      </c>
      <c r="AQ3539">
        <v>78</v>
      </c>
    </row>
    <row r="3540" spans="1:43">
      <c r="A3540" t="s">
        <v>2242</v>
      </c>
      <c r="B3540" t="s">
        <v>2243</v>
      </c>
      <c r="C3540" t="s">
        <v>2214</v>
      </c>
      <c r="D3540" t="s">
        <v>2215</v>
      </c>
      <c r="E3540" t="s">
        <v>2048</v>
      </c>
      <c r="F3540" t="s">
        <v>2049</v>
      </c>
      <c r="G3540" t="s">
        <v>80</v>
      </c>
      <c r="H3540" t="s">
        <v>81</v>
      </c>
      <c r="I3540" s="2">
        <v>0</v>
      </c>
      <c r="J3540" s="2">
        <v>1</v>
      </c>
      <c r="K3540" s="2">
        <v>0</v>
      </c>
      <c r="L3540" t="s">
        <v>82</v>
      </c>
      <c r="M3540" t="s">
        <v>89</v>
      </c>
      <c r="N3540" t="s">
        <v>90</v>
      </c>
      <c r="O3540" t="s">
        <v>85</v>
      </c>
      <c r="P3540" t="s">
        <v>86</v>
      </c>
      <c r="Q3540">
        <v>55</v>
      </c>
      <c r="R3540">
        <v>56</v>
      </c>
      <c r="S3540">
        <v>58</v>
      </c>
      <c r="T3540">
        <v>60</v>
      </c>
      <c r="U3540">
        <v>62</v>
      </c>
      <c r="V3540">
        <v>64</v>
      </c>
      <c r="W3540">
        <v>65</v>
      </c>
      <c r="X3540">
        <v>67</v>
      </c>
      <c r="Y3540">
        <v>69</v>
      </c>
      <c r="Z3540">
        <v>71</v>
      </c>
      <c r="AA3540">
        <v>72</v>
      </c>
      <c r="AB3540">
        <v>74</v>
      </c>
      <c r="AC3540">
        <v>76</v>
      </c>
      <c r="AD3540">
        <v>78</v>
      </c>
      <c r="AE3540">
        <v>79</v>
      </c>
      <c r="AF3540">
        <v>80</v>
      </c>
      <c r="AG3540">
        <v>81</v>
      </c>
      <c r="AH3540">
        <v>82</v>
      </c>
      <c r="AI3540">
        <v>83</v>
      </c>
      <c r="AJ3540">
        <v>83</v>
      </c>
      <c r="AK3540">
        <v>84</v>
      </c>
      <c r="AL3540">
        <v>85</v>
      </c>
      <c r="AM3540">
        <v>86</v>
      </c>
      <c r="AN3540">
        <v>87</v>
      </c>
      <c r="AO3540">
        <v>87</v>
      </c>
      <c r="AP3540">
        <v>88</v>
      </c>
      <c r="AQ3540">
        <v>89</v>
      </c>
    </row>
    <row r="3541" spans="1:43">
      <c r="A3541" t="s">
        <v>2242</v>
      </c>
      <c r="B3541" t="s">
        <v>2243</v>
      </c>
      <c r="C3541" t="s">
        <v>2214</v>
      </c>
      <c r="D3541" t="s">
        <v>2215</v>
      </c>
      <c r="E3541" t="s">
        <v>2048</v>
      </c>
      <c r="F3541" t="s">
        <v>2049</v>
      </c>
      <c r="G3541" t="s">
        <v>80</v>
      </c>
      <c r="H3541" t="s">
        <v>81</v>
      </c>
      <c r="I3541" s="2">
        <v>0</v>
      </c>
      <c r="J3541" s="2">
        <v>1</v>
      </c>
      <c r="K3541" s="2">
        <v>0</v>
      </c>
      <c r="L3541" t="s">
        <v>82</v>
      </c>
      <c r="M3541" t="s">
        <v>83</v>
      </c>
      <c r="N3541" t="s">
        <v>91</v>
      </c>
      <c r="O3541" t="s">
        <v>85</v>
      </c>
      <c r="P3541" t="s">
        <v>86</v>
      </c>
      <c r="Q3541">
        <v>55</v>
      </c>
      <c r="R3541">
        <v>56</v>
      </c>
      <c r="S3541">
        <v>58</v>
      </c>
      <c r="T3541">
        <v>59</v>
      </c>
      <c r="U3541">
        <v>60</v>
      </c>
      <c r="V3541">
        <v>62</v>
      </c>
      <c r="W3541">
        <v>63</v>
      </c>
      <c r="X3541">
        <v>65</v>
      </c>
      <c r="Y3541">
        <v>66</v>
      </c>
      <c r="Z3541">
        <v>67</v>
      </c>
      <c r="AA3541">
        <v>69</v>
      </c>
      <c r="AB3541">
        <v>70</v>
      </c>
      <c r="AC3541">
        <v>72</v>
      </c>
      <c r="AD3541">
        <v>73</v>
      </c>
      <c r="AE3541">
        <v>75</v>
      </c>
      <c r="AF3541">
        <v>76</v>
      </c>
      <c r="AG3541">
        <v>78</v>
      </c>
      <c r="AH3541">
        <v>80</v>
      </c>
      <c r="AI3541">
        <v>81</v>
      </c>
      <c r="AJ3541">
        <v>83</v>
      </c>
      <c r="AK3541">
        <v>84</v>
      </c>
      <c r="AL3541">
        <v>85</v>
      </c>
      <c r="AM3541">
        <v>86</v>
      </c>
      <c r="AN3541">
        <v>87</v>
      </c>
      <c r="AO3541">
        <v>88</v>
      </c>
      <c r="AP3541">
        <v>89</v>
      </c>
      <c r="AQ3541">
        <v>89</v>
      </c>
    </row>
    <row r="3542" spans="1:43">
      <c r="A3542" t="s">
        <v>2244</v>
      </c>
      <c r="B3542" t="s">
        <v>2245</v>
      </c>
      <c r="C3542" t="s">
        <v>2104</v>
      </c>
      <c r="D3542" t="s">
        <v>2105</v>
      </c>
      <c r="E3542" t="s">
        <v>2048</v>
      </c>
      <c r="F3542" t="s">
        <v>2049</v>
      </c>
      <c r="G3542" t="s">
        <v>80</v>
      </c>
      <c r="H3542" t="s">
        <v>81</v>
      </c>
      <c r="I3542" s="2">
        <v>0</v>
      </c>
      <c r="J3542" s="2">
        <v>1</v>
      </c>
      <c r="K3542" s="2">
        <v>0</v>
      </c>
      <c r="L3542" t="s">
        <v>82</v>
      </c>
      <c r="M3542" t="s">
        <v>83</v>
      </c>
      <c r="N3542" t="s">
        <v>84</v>
      </c>
      <c r="O3542" t="s">
        <v>85</v>
      </c>
      <c r="P3542" t="s">
        <v>86</v>
      </c>
      <c r="Q3542">
        <v>0</v>
      </c>
      <c r="R3542">
        <v>0</v>
      </c>
      <c r="S3542">
        <v>0</v>
      </c>
      <c r="T3542">
        <v>0</v>
      </c>
      <c r="U3542">
        <v>0</v>
      </c>
      <c r="V3542">
        <v>0</v>
      </c>
      <c r="W3542">
        <v>0</v>
      </c>
      <c r="X3542">
        <v>0</v>
      </c>
      <c r="Y3542">
        <v>0</v>
      </c>
      <c r="Z3542">
        <v>0</v>
      </c>
      <c r="AA3542">
        <v>0</v>
      </c>
      <c r="AB3542">
        <v>0</v>
      </c>
      <c r="AC3542">
        <v>0</v>
      </c>
      <c r="AD3542">
        <v>0</v>
      </c>
      <c r="AE3542">
        <v>0</v>
      </c>
      <c r="AF3542">
        <v>0</v>
      </c>
      <c r="AG3542">
        <v>0</v>
      </c>
      <c r="AH3542">
        <v>0</v>
      </c>
      <c r="AI3542">
        <v>0</v>
      </c>
      <c r="AJ3542">
        <v>0</v>
      </c>
      <c r="AK3542">
        <v>0</v>
      </c>
      <c r="AL3542">
        <v>0</v>
      </c>
      <c r="AM3542">
        <v>0</v>
      </c>
      <c r="AN3542">
        <v>0</v>
      </c>
      <c r="AO3542">
        <v>0</v>
      </c>
      <c r="AP3542">
        <v>0</v>
      </c>
      <c r="AQ3542">
        <v>0</v>
      </c>
    </row>
    <row r="3543" spans="1:43">
      <c r="A3543" t="s">
        <v>2244</v>
      </c>
      <c r="B3543" t="s">
        <v>2245</v>
      </c>
      <c r="C3543" t="s">
        <v>2104</v>
      </c>
      <c r="D3543" t="s">
        <v>2105</v>
      </c>
      <c r="E3543" t="s">
        <v>2048</v>
      </c>
      <c r="F3543" t="s">
        <v>2049</v>
      </c>
      <c r="G3543" t="s">
        <v>80</v>
      </c>
      <c r="H3543" t="s">
        <v>81</v>
      </c>
      <c r="I3543" s="2">
        <v>0</v>
      </c>
      <c r="J3543" s="2">
        <v>1</v>
      </c>
      <c r="K3543" s="2">
        <v>0</v>
      </c>
      <c r="L3543" t="s">
        <v>82</v>
      </c>
      <c r="M3543" t="s">
        <v>87</v>
      </c>
      <c r="N3543" t="s">
        <v>88</v>
      </c>
      <c r="O3543" t="s">
        <v>85</v>
      </c>
      <c r="P3543" t="s">
        <v>86</v>
      </c>
      <c r="Q3543">
        <v>0</v>
      </c>
      <c r="R3543">
        <v>0</v>
      </c>
      <c r="S3543">
        <v>0</v>
      </c>
      <c r="T3543">
        <v>0</v>
      </c>
      <c r="U3543">
        <v>0</v>
      </c>
      <c r="V3543">
        <v>0</v>
      </c>
      <c r="W3543">
        <v>0</v>
      </c>
      <c r="X3543">
        <v>0</v>
      </c>
      <c r="Y3543">
        <v>0</v>
      </c>
      <c r="Z3543">
        <v>0</v>
      </c>
      <c r="AA3543">
        <v>0</v>
      </c>
      <c r="AB3543">
        <v>0</v>
      </c>
      <c r="AC3543">
        <v>0</v>
      </c>
      <c r="AD3543">
        <v>0</v>
      </c>
      <c r="AE3543">
        <v>0</v>
      </c>
      <c r="AF3543">
        <v>0</v>
      </c>
      <c r="AG3543">
        <v>0</v>
      </c>
      <c r="AH3543">
        <v>0</v>
      </c>
      <c r="AI3543">
        <v>0</v>
      </c>
      <c r="AJ3543">
        <v>0</v>
      </c>
      <c r="AK3543">
        <v>0</v>
      </c>
      <c r="AL3543">
        <v>0</v>
      </c>
      <c r="AM3543">
        <v>0</v>
      </c>
      <c r="AN3543">
        <v>0</v>
      </c>
      <c r="AO3543">
        <v>0</v>
      </c>
      <c r="AP3543">
        <v>0</v>
      </c>
      <c r="AQ3543">
        <v>0</v>
      </c>
    </row>
    <row r="3544" spans="1:43">
      <c r="A3544" t="s">
        <v>2244</v>
      </c>
      <c r="B3544" t="s">
        <v>2245</v>
      </c>
      <c r="C3544" t="s">
        <v>2104</v>
      </c>
      <c r="D3544" t="s">
        <v>2105</v>
      </c>
      <c r="E3544" t="s">
        <v>2048</v>
      </c>
      <c r="F3544" t="s">
        <v>2049</v>
      </c>
      <c r="G3544" t="s">
        <v>80</v>
      </c>
      <c r="H3544" t="s">
        <v>81</v>
      </c>
      <c r="I3544" s="2">
        <v>0</v>
      </c>
      <c r="J3544" s="2">
        <v>1</v>
      </c>
      <c r="K3544" s="2">
        <v>0</v>
      </c>
      <c r="L3544" t="s">
        <v>82</v>
      </c>
      <c r="M3544" t="s">
        <v>89</v>
      </c>
      <c r="N3544" t="s">
        <v>90</v>
      </c>
      <c r="O3544" t="s">
        <v>85</v>
      </c>
      <c r="P3544" t="s">
        <v>86</v>
      </c>
      <c r="Q3544">
        <v>0</v>
      </c>
      <c r="R3544">
        <v>0</v>
      </c>
      <c r="S3544">
        <v>0</v>
      </c>
      <c r="T3544">
        <v>0</v>
      </c>
      <c r="U3544">
        <v>0</v>
      </c>
      <c r="V3544">
        <v>0</v>
      </c>
      <c r="W3544">
        <v>0</v>
      </c>
      <c r="X3544">
        <v>0</v>
      </c>
      <c r="Y3544">
        <v>0</v>
      </c>
      <c r="Z3544">
        <v>0</v>
      </c>
      <c r="AA3544">
        <v>0</v>
      </c>
      <c r="AB3544">
        <v>0</v>
      </c>
      <c r="AC3544">
        <v>0</v>
      </c>
      <c r="AD3544">
        <v>0</v>
      </c>
      <c r="AE3544">
        <v>0</v>
      </c>
      <c r="AF3544">
        <v>0</v>
      </c>
      <c r="AG3544">
        <v>0</v>
      </c>
      <c r="AH3544">
        <v>0</v>
      </c>
      <c r="AI3544">
        <v>0</v>
      </c>
      <c r="AJ3544">
        <v>0</v>
      </c>
      <c r="AK3544">
        <v>0</v>
      </c>
      <c r="AL3544">
        <v>0</v>
      </c>
      <c r="AM3544">
        <v>0</v>
      </c>
      <c r="AN3544">
        <v>0</v>
      </c>
      <c r="AO3544">
        <v>0</v>
      </c>
      <c r="AP3544">
        <v>0</v>
      </c>
      <c r="AQ3544">
        <v>0</v>
      </c>
    </row>
    <row r="3545" spans="1:43">
      <c r="A3545" t="s">
        <v>2244</v>
      </c>
      <c r="B3545" t="s">
        <v>2245</v>
      </c>
      <c r="C3545" t="s">
        <v>2104</v>
      </c>
      <c r="D3545" t="s">
        <v>2105</v>
      </c>
      <c r="E3545" t="s">
        <v>2048</v>
      </c>
      <c r="F3545" t="s">
        <v>2049</v>
      </c>
      <c r="G3545" t="s">
        <v>80</v>
      </c>
      <c r="H3545" t="s">
        <v>81</v>
      </c>
      <c r="I3545" s="2">
        <v>0</v>
      </c>
      <c r="J3545" s="2">
        <v>1</v>
      </c>
      <c r="K3545" s="2">
        <v>0</v>
      </c>
      <c r="L3545" t="s">
        <v>82</v>
      </c>
      <c r="M3545" t="s">
        <v>83</v>
      </c>
      <c r="N3545" t="s">
        <v>91</v>
      </c>
      <c r="O3545" t="s">
        <v>85</v>
      </c>
      <c r="P3545" t="s">
        <v>86</v>
      </c>
      <c r="Q3545">
        <v>0</v>
      </c>
      <c r="R3545">
        <v>0</v>
      </c>
      <c r="S3545">
        <v>0</v>
      </c>
      <c r="T3545">
        <v>0</v>
      </c>
      <c r="U3545">
        <v>0</v>
      </c>
      <c r="V3545">
        <v>0</v>
      </c>
      <c r="W3545">
        <v>0</v>
      </c>
      <c r="X3545">
        <v>0</v>
      </c>
      <c r="Y3545">
        <v>0</v>
      </c>
      <c r="Z3545">
        <v>0</v>
      </c>
      <c r="AA3545">
        <v>0</v>
      </c>
      <c r="AB3545">
        <v>0</v>
      </c>
      <c r="AC3545">
        <v>0</v>
      </c>
      <c r="AD3545">
        <v>0</v>
      </c>
      <c r="AE3545">
        <v>0</v>
      </c>
      <c r="AF3545">
        <v>0</v>
      </c>
      <c r="AG3545">
        <v>0</v>
      </c>
      <c r="AH3545">
        <v>0</v>
      </c>
      <c r="AI3545">
        <v>0</v>
      </c>
      <c r="AJ3545">
        <v>0</v>
      </c>
      <c r="AK3545">
        <v>0</v>
      </c>
      <c r="AL3545">
        <v>0</v>
      </c>
      <c r="AM3545">
        <v>0</v>
      </c>
      <c r="AN3545">
        <v>0</v>
      </c>
      <c r="AO3545">
        <v>0</v>
      </c>
      <c r="AP3545">
        <v>0</v>
      </c>
      <c r="AQ3545">
        <v>0</v>
      </c>
    </row>
    <row r="3546" spans="1:43">
      <c r="A3546" t="s">
        <v>2246</v>
      </c>
      <c r="B3546" t="s">
        <v>2247</v>
      </c>
      <c r="C3546" t="s">
        <v>2104</v>
      </c>
      <c r="D3546" t="s">
        <v>2105</v>
      </c>
      <c r="E3546" t="s">
        <v>2048</v>
      </c>
      <c r="F3546" t="s">
        <v>2049</v>
      </c>
      <c r="G3546" t="s">
        <v>80</v>
      </c>
      <c r="H3546" t="s">
        <v>81</v>
      </c>
      <c r="I3546" s="2">
        <v>0</v>
      </c>
      <c r="J3546" s="2">
        <v>1</v>
      </c>
      <c r="K3546" s="2">
        <v>0</v>
      </c>
      <c r="L3546" t="s">
        <v>82</v>
      </c>
      <c r="M3546" t="s">
        <v>83</v>
      </c>
      <c r="N3546" t="s">
        <v>84</v>
      </c>
      <c r="O3546" t="s">
        <v>85</v>
      </c>
      <c r="P3546" t="s">
        <v>86</v>
      </c>
      <c r="Q3546">
        <v>116</v>
      </c>
      <c r="R3546">
        <v>118</v>
      </c>
      <c r="S3546">
        <v>121</v>
      </c>
      <c r="T3546">
        <v>124</v>
      </c>
      <c r="U3546">
        <v>127</v>
      </c>
      <c r="V3546">
        <v>130</v>
      </c>
      <c r="W3546">
        <v>133</v>
      </c>
      <c r="X3546">
        <v>136</v>
      </c>
      <c r="Y3546">
        <v>139</v>
      </c>
      <c r="Z3546">
        <v>142</v>
      </c>
      <c r="AA3546">
        <v>145</v>
      </c>
      <c r="AB3546">
        <v>148</v>
      </c>
      <c r="AC3546">
        <v>151</v>
      </c>
      <c r="AD3546">
        <v>154</v>
      </c>
      <c r="AE3546">
        <v>157</v>
      </c>
      <c r="AF3546">
        <v>161</v>
      </c>
      <c r="AG3546">
        <v>164</v>
      </c>
      <c r="AH3546">
        <v>167</v>
      </c>
      <c r="AI3546">
        <v>170</v>
      </c>
      <c r="AJ3546">
        <v>174</v>
      </c>
      <c r="AK3546">
        <v>177</v>
      </c>
      <c r="AL3546">
        <v>180</v>
      </c>
      <c r="AM3546">
        <v>181</v>
      </c>
      <c r="AN3546">
        <v>183</v>
      </c>
      <c r="AO3546">
        <v>185</v>
      </c>
      <c r="AP3546">
        <v>186</v>
      </c>
      <c r="AQ3546">
        <v>188</v>
      </c>
    </row>
    <row r="3547" spans="1:43">
      <c r="A3547" t="s">
        <v>2246</v>
      </c>
      <c r="B3547" t="s">
        <v>2247</v>
      </c>
      <c r="C3547" t="s">
        <v>2104</v>
      </c>
      <c r="D3547" t="s">
        <v>2105</v>
      </c>
      <c r="E3547" t="s">
        <v>2048</v>
      </c>
      <c r="F3547" t="s">
        <v>2049</v>
      </c>
      <c r="G3547" t="s">
        <v>80</v>
      </c>
      <c r="H3547" t="s">
        <v>81</v>
      </c>
      <c r="I3547" s="2">
        <v>0</v>
      </c>
      <c r="J3547" s="2">
        <v>1</v>
      </c>
      <c r="K3547" s="2">
        <v>0</v>
      </c>
      <c r="L3547" t="s">
        <v>82</v>
      </c>
      <c r="M3547" t="s">
        <v>87</v>
      </c>
      <c r="N3547" t="s">
        <v>88</v>
      </c>
      <c r="O3547" t="s">
        <v>85</v>
      </c>
      <c r="P3547" t="s">
        <v>86</v>
      </c>
      <c r="Q3547">
        <v>116</v>
      </c>
      <c r="R3547">
        <v>117</v>
      </c>
      <c r="S3547">
        <v>119</v>
      </c>
      <c r="T3547">
        <v>121</v>
      </c>
      <c r="U3547">
        <v>122</v>
      </c>
      <c r="V3547">
        <v>124</v>
      </c>
      <c r="W3547">
        <v>126</v>
      </c>
      <c r="X3547">
        <v>128</v>
      </c>
      <c r="Y3547">
        <v>129</v>
      </c>
      <c r="Z3547">
        <v>131</v>
      </c>
      <c r="AA3547">
        <v>133</v>
      </c>
      <c r="AB3547">
        <v>135</v>
      </c>
      <c r="AC3547">
        <v>137</v>
      </c>
      <c r="AD3547">
        <v>138</v>
      </c>
      <c r="AE3547">
        <v>140</v>
      </c>
      <c r="AF3547">
        <v>142</v>
      </c>
      <c r="AG3547">
        <v>144</v>
      </c>
      <c r="AH3547">
        <v>146</v>
      </c>
      <c r="AI3547">
        <v>148</v>
      </c>
      <c r="AJ3547">
        <v>150</v>
      </c>
      <c r="AK3547">
        <v>152</v>
      </c>
      <c r="AL3547">
        <v>154</v>
      </c>
      <c r="AM3547">
        <v>156</v>
      </c>
      <c r="AN3547">
        <v>158</v>
      </c>
      <c r="AO3547">
        <v>160</v>
      </c>
      <c r="AP3547">
        <v>162</v>
      </c>
      <c r="AQ3547">
        <v>164</v>
      </c>
    </row>
    <row r="3548" spans="1:43">
      <c r="A3548" t="s">
        <v>2246</v>
      </c>
      <c r="B3548" t="s">
        <v>2247</v>
      </c>
      <c r="C3548" t="s">
        <v>2104</v>
      </c>
      <c r="D3548" t="s">
        <v>2105</v>
      </c>
      <c r="E3548" t="s">
        <v>2048</v>
      </c>
      <c r="F3548" t="s">
        <v>2049</v>
      </c>
      <c r="G3548" t="s">
        <v>80</v>
      </c>
      <c r="H3548" t="s">
        <v>81</v>
      </c>
      <c r="I3548" s="2">
        <v>0</v>
      </c>
      <c r="J3548" s="2">
        <v>1</v>
      </c>
      <c r="K3548" s="2">
        <v>0</v>
      </c>
      <c r="L3548" t="s">
        <v>82</v>
      </c>
      <c r="M3548" t="s">
        <v>89</v>
      </c>
      <c r="N3548" t="s">
        <v>90</v>
      </c>
      <c r="O3548" t="s">
        <v>85</v>
      </c>
      <c r="P3548" t="s">
        <v>86</v>
      </c>
      <c r="Q3548">
        <v>116</v>
      </c>
      <c r="R3548">
        <v>120</v>
      </c>
      <c r="S3548">
        <v>123</v>
      </c>
      <c r="T3548">
        <v>127</v>
      </c>
      <c r="U3548">
        <v>131</v>
      </c>
      <c r="V3548">
        <v>135</v>
      </c>
      <c r="W3548">
        <v>139</v>
      </c>
      <c r="X3548">
        <v>142</v>
      </c>
      <c r="Y3548">
        <v>146</v>
      </c>
      <c r="Z3548">
        <v>150</v>
      </c>
      <c r="AA3548">
        <v>154</v>
      </c>
      <c r="AB3548">
        <v>157</v>
      </c>
      <c r="AC3548">
        <v>161</v>
      </c>
      <c r="AD3548">
        <v>165</v>
      </c>
      <c r="AE3548">
        <v>168</v>
      </c>
      <c r="AF3548">
        <v>170</v>
      </c>
      <c r="AG3548">
        <v>171</v>
      </c>
      <c r="AH3548">
        <v>173</v>
      </c>
      <c r="AI3548">
        <v>175</v>
      </c>
      <c r="AJ3548">
        <v>176</v>
      </c>
      <c r="AK3548">
        <v>178</v>
      </c>
      <c r="AL3548">
        <v>180</v>
      </c>
      <c r="AM3548">
        <v>181</v>
      </c>
      <c r="AN3548">
        <v>183</v>
      </c>
      <c r="AO3548">
        <v>185</v>
      </c>
      <c r="AP3548">
        <v>186</v>
      </c>
      <c r="AQ3548">
        <v>188</v>
      </c>
    </row>
    <row r="3549" spans="1:43">
      <c r="A3549" t="s">
        <v>2246</v>
      </c>
      <c r="B3549" t="s">
        <v>2247</v>
      </c>
      <c r="C3549" t="s">
        <v>2104</v>
      </c>
      <c r="D3549" t="s">
        <v>2105</v>
      </c>
      <c r="E3549" t="s">
        <v>2048</v>
      </c>
      <c r="F3549" t="s">
        <v>2049</v>
      </c>
      <c r="G3549" t="s">
        <v>80</v>
      </c>
      <c r="H3549" t="s">
        <v>81</v>
      </c>
      <c r="I3549" s="2">
        <v>0</v>
      </c>
      <c r="J3549" s="2">
        <v>1</v>
      </c>
      <c r="K3549" s="2">
        <v>0</v>
      </c>
      <c r="L3549" t="s">
        <v>82</v>
      </c>
      <c r="M3549" t="s">
        <v>83</v>
      </c>
      <c r="N3549" t="s">
        <v>91</v>
      </c>
      <c r="O3549" t="s">
        <v>85</v>
      </c>
      <c r="P3549" t="s">
        <v>86</v>
      </c>
      <c r="Q3549">
        <v>116</v>
      </c>
      <c r="R3549">
        <v>118</v>
      </c>
      <c r="S3549">
        <v>121</v>
      </c>
      <c r="T3549">
        <v>124</v>
      </c>
      <c r="U3549">
        <v>127</v>
      </c>
      <c r="V3549">
        <v>130</v>
      </c>
      <c r="W3549">
        <v>133</v>
      </c>
      <c r="X3549">
        <v>136</v>
      </c>
      <c r="Y3549">
        <v>139</v>
      </c>
      <c r="Z3549">
        <v>142</v>
      </c>
      <c r="AA3549">
        <v>145</v>
      </c>
      <c r="AB3549">
        <v>148</v>
      </c>
      <c r="AC3549">
        <v>151</v>
      </c>
      <c r="AD3549">
        <v>154</v>
      </c>
      <c r="AE3549">
        <v>157</v>
      </c>
      <c r="AF3549">
        <v>161</v>
      </c>
      <c r="AG3549">
        <v>164</v>
      </c>
      <c r="AH3549">
        <v>167</v>
      </c>
      <c r="AI3549">
        <v>170</v>
      </c>
      <c r="AJ3549">
        <v>174</v>
      </c>
      <c r="AK3549">
        <v>177</v>
      </c>
      <c r="AL3549">
        <v>180</v>
      </c>
      <c r="AM3549">
        <v>181</v>
      </c>
      <c r="AN3549">
        <v>183</v>
      </c>
      <c r="AO3549">
        <v>185</v>
      </c>
      <c r="AP3549">
        <v>186</v>
      </c>
      <c r="AQ3549">
        <v>188</v>
      </c>
    </row>
    <row r="3550" spans="1:43">
      <c r="A3550" t="s">
        <v>2248</v>
      </c>
      <c r="B3550" t="s">
        <v>2249</v>
      </c>
      <c r="C3550" t="s">
        <v>2104</v>
      </c>
      <c r="D3550" t="s">
        <v>2105</v>
      </c>
      <c r="E3550" t="s">
        <v>2048</v>
      </c>
      <c r="F3550" t="s">
        <v>2049</v>
      </c>
      <c r="G3550" t="s">
        <v>80</v>
      </c>
      <c r="H3550" t="s">
        <v>81</v>
      </c>
      <c r="I3550" s="2">
        <v>0</v>
      </c>
      <c r="J3550" s="2">
        <v>1</v>
      </c>
      <c r="K3550" s="2">
        <v>0</v>
      </c>
      <c r="L3550" t="s">
        <v>82</v>
      </c>
      <c r="M3550" t="s">
        <v>83</v>
      </c>
      <c r="N3550" t="s">
        <v>84</v>
      </c>
      <c r="O3550" t="s">
        <v>85</v>
      </c>
      <c r="P3550" t="s">
        <v>86</v>
      </c>
      <c r="Q3550">
        <v>84</v>
      </c>
      <c r="R3550">
        <v>86</v>
      </c>
      <c r="S3550">
        <v>88</v>
      </c>
      <c r="T3550">
        <v>90</v>
      </c>
      <c r="U3550">
        <v>92</v>
      </c>
      <c r="V3550">
        <v>94</v>
      </c>
      <c r="W3550">
        <v>97</v>
      </c>
      <c r="X3550">
        <v>99</v>
      </c>
      <c r="Y3550">
        <v>101</v>
      </c>
      <c r="Z3550">
        <v>103</v>
      </c>
      <c r="AA3550">
        <v>105</v>
      </c>
      <c r="AB3550">
        <v>108</v>
      </c>
      <c r="AC3550">
        <v>110</v>
      </c>
      <c r="AD3550">
        <v>112</v>
      </c>
      <c r="AE3550">
        <v>115</v>
      </c>
      <c r="AF3550">
        <v>117</v>
      </c>
      <c r="AG3550">
        <v>119</v>
      </c>
      <c r="AH3550">
        <v>122</v>
      </c>
      <c r="AI3550">
        <v>124</v>
      </c>
      <c r="AJ3550">
        <v>127</v>
      </c>
      <c r="AK3550">
        <v>129</v>
      </c>
      <c r="AL3550">
        <v>131</v>
      </c>
      <c r="AM3550">
        <v>132</v>
      </c>
      <c r="AN3550">
        <v>133</v>
      </c>
      <c r="AO3550">
        <v>134</v>
      </c>
      <c r="AP3550">
        <v>136</v>
      </c>
      <c r="AQ3550">
        <v>137</v>
      </c>
    </row>
    <row r="3551" spans="1:43">
      <c r="A3551" t="s">
        <v>2248</v>
      </c>
      <c r="B3551" t="s">
        <v>2249</v>
      </c>
      <c r="C3551" t="s">
        <v>2104</v>
      </c>
      <c r="D3551" t="s">
        <v>2105</v>
      </c>
      <c r="E3551" t="s">
        <v>2048</v>
      </c>
      <c r="F3551" t="s">
        <v>2049</v>
      </c>
      <c r="G3551" t="s">
        <v>80</v>
      </c>
      <c r="H3551" t="s">
        <v>81</v>
      </c>
      <c r="I3551" s="2">
        <v>0</v>
      </c>
      <c r="J3551" s="2">
        <v>1</v>
      </c>
      <c r="K3551" s="2">
        <v>0</v>
      </c>
      <c r="L3551" t="s">
        <v>82</v>
      </c>
      <c r="M3551" t="s">
        <v>87</v>
      </c>
      <c r="N3551" t="s">
        <v>88</v>
      </c>
      <c r="O3551" t="s">
        <v>85</v>
      </c>
      <c r="P3551" t="s">
        <v>86</v>
      </c>
      <c r="Q3551">
        <v>84</v>
      </c>
      <c r="R3551">
        <v>86</v>
      </c>
      <c r="S3551">
        <v>87</v>
      </c>
      <c r="T3551">
        <v>88</v>
      </c>
      <c r="U3551">
        <v>89</v>
      </c>
      <c r="V3551">
        <v>91</v>
      </c>
      <c r="W3551">
        <v>92</v>
      </c>
      <c r="X3551">
        <v>93</v>
      </c>
      <c r="Y3551">
        <v>94</v>
      </c>
      <c r="Z3551">
        <v>96</v>
      </c>
      <c r="AA3551">
        <v>97</v>
      </c>
      <c r="AB3551">
        <v>98</v>
      </c>
      <c r="AC3551">
        <v>100</v>
      </c>
      <c r="AD3551">
        <v>101</v>
      </c>
      <c r="AE3551">
        <v>102</v>
      </c>
      <c r="AF3551">
        <v>104</v>
      </c>
      <c r="AG3551">
        <v>105</v>
      </c>
      <c r="AH3551">
        <v>106</v>
      </c>
      <c r="AI3551">
        <v>108</v>
      </c>
      <c r="AJ3551">
        <v>109</v>
      </c>
      <c r="AK3551">
        <v>111</v>
      </c>
      <c r="AL3551">
        <v>112</v>
      </c>
      <c r="AM3551">
        <v>114</v>
      </c>
      <c r="AN3551">
        <v>115</v>
      </c>
      <c r="AO3551">
        <v>117</v>
      </c>
      <c r="AP3551">
        <v>118</v>
      </c>
      <c r="AQ3551">
        <v>120</v>
      </c>
    </row>
    <row r="3552" spans="1:43">
      <c r="A3552" t="s">
        <v>2248</v>
      </c>
      <c r="B3552" t="s">
        <v>2249</v>
      </c>
      <c r="C3552" t="s">
        <v>2104</v>
      </c>
      <c r="D3552" t="s">
        <v>2105</v>
      </c>
      <c r="E3552" t="s">
        <v>2048</v>
      </c>
      <c r="F3552" t="s">
        <v>2049</v>
      </c>
      <c r="G3552" t="s">
        <v>80</v>
      </c>
      <c r="H3552" t="s">
        <v>81</v>
      </c>
      <c r="I3552" s="2">
        <v>0</v>
      </c>
      <c r="J3552" s="2">
        <v>1</v>
      </c>
      <c r="K3552" s="2">
        <v>0</v>
      </c>
      <c r="L3552" t="s">
        <v>82</v>
      </c>
      <c r="M3552" t="s">
        <v>89</v>
      </c>
      <c r="N3552" t="s">
        <v>90</v>
      </c>
      <c r="O3552" t="s">
        <v>85</v>
      </c>
      <c r="P3552" t="s">
        <v>86</v>
      </c>
      <c r="Q3552">
        <v>84</v>
      </c>
      <c r="R3552">
        <v>87</v>
      </c>
      <c r="S3552">
        <v>89</v>
      </c>
      <c r="T3552">
        <v>92</v>
      </c>
      <c r="U3552">
        <v>95</v>
      </c>
      <c r="V3552">
        <v>98</v>
      </c>
      <c r="W3552">
        <v>101</v>
      </c>
      <c r="X3552">
        <v>103</v>
      </c>
      <c r="Y3552">
        <v>106</v>
      </c>
      <c r="Z3552">
        <v>109</v>
      </c>
      <c r="AA3552">
        <v>111</v>
      </c>
      <c r="AB3552">
        <v>114</v>
      </c>
      <c r="AC3552">
        <v>117</v>
      </c>
      <c r="AD3552">
        <v>120</v>
      </c>
      <c r="AE3552">
        <v>122</v>
      </c>
      <c r="AF3552">
        <v>123</v>
      </c>
      <c r="AG3552">
        <v>124</v>
      </c>
      <c r="AH3552">
        <v>126</v>
      </c>
      <c r="AI3552">
        <v>127</v>
      </c>
      <c r="AJ3552">
        <v>128</v>
      </c>
      <c r="AK3552">
        <v>129</v>
      </c>
      <c r="AL3552">
        <v>130</v>
      </c>
      <c r="AM3552">
        <v>132</v>
      </c>
      <c r="AN3552">
        <v>133</v>
      </c>
      <c r="AO3552">
        <v>134</v>
      </c>
      <c r="AP3552">
        <v>135</v>
      </c>
      <c r="AQ3552">
        <v>137</v>
      </c>
    </row>
    <row r="3553" spans="1:43">
      <c r="A3553" t="s">
        <v>2248</v>
      </c>
      <c r="B3553" t="s">
        <v>2249</v>
      </c>
      <c r="C3553" t="s">
        <v>2104</v>
      </c>
      <c r="D3553" t="s">
        <v>2105</v>
      </c>
      <c r="E3553" t="s">
        <v>2048</v>
      </c>
      <c r="F3553" t="s">
        <v>2049</v>
      </c>
      <c r="G3553" t="s">
        <v>80</v>
      </c>
      <c r="H3553" t="s">
        <v>81</v>
      </c>
      <c r="I3553" s="2">
        <v>0</v>
      </c>
      <c r="J3553" s="2">
        <v>1</v>
      </c>
      <c r="K3553" s="2">
        <v>0</v>
      </c>
      <c r="L3553" t="s">
        <v>82</v>
      </c>
      <c r="M3553" t="s">
        <v>83</v>
      </c>
      <c r="N3553" t="s">
        <v>91</v>
      </c>
      <c r="O3553" t="s">
        <v>85</v>
      </c>
      <c r="P3553" t="s">
        <v>86</v>
      </c>
      <c r="Q3553">
        <v>84</v>
      </c>
      <c r="R3553">
        <v>86</v>
      </c>
      <c r="S3553">
        <v>88</v>
      </c>
      <c r="T3553">
        <v>90</v>
      </c>
      <c r="U3553">
        <v>92</v>
      </c>
      <c r="V3553">
        <v>94</v>
      </c>
      <c r="W3553">
        <v>97</v>
      </c>
      <c r="X3553">
        <v>99</v>
      </c>
      <c r="Y3553">
        <v>101</v>
      </c>
      <c r="Z3553">
        <v>103</v>
      </c>
      <c r="AA3553">
        <v>105</v>
      </c>
      <c r="AB3553">
        <v>108</v>
      </c>
      <c r="AC3553">
        <v>110</v>
      </c>
      <c r="AD3553">
        <v>112</v>
      </c>
      <c r="AE3553">
        <v>115</v>
      </c>
      <c r="AF3553">
        <v>117</v>
      </c>
      <c r="AG3553">
        <v>119</v>
      </c>
      <c r="AH3553">
        <v>122</v>
      </c>
      <c r="AI3553">
        <v>124</v>
      </c>
      <c r="AJ3553">
        <v>127</v>
      </c>
      <c r="AK3553">
        <v>129</v>
      </c>
      <c r="AL3553">
        <v>131</v>
      </c>
      <c r="AM3553">
        <v>132</v>
      </c>
      <c r="AN3553">
        <v>133</v>
      </c>
      <c r="AO3553">
        <v>134</v>
      </c>
      <c r="AP3553">
        <v>136</v>
      </c>
      <c r="AQ3553">
        <v>137</v>
      </c>
    </row>
    <row r="3554" spans="1:43">
      <c r="A3554" t="s">
        <v>2250</v>
      </c>
      <c r="B3554" t="s">
        <v>2251</v>
      </c>
      <c r="C3554" t="s">
        <v>2164</v>
      </c>
      <c r="D3554" t="s">
        <v>2165</v>
      </c>
      <c r="E3554" t="s">
        <v>2048</v>
      </c>
      <c r="F3554" t="s">
        <v>2049</v>
      </c>
      <c r="G3554" t="s">
        <v>80</v>
      </c>
      <c r="H3554" t="s">
        <v>81</v>
      </c>
      <c r="I3554" s="2">
        <v>0</v>
      </c>
      <c r="J3554" s="2">
        <v>1</v>
      </c>
      <c r="K3554" s="2">
        <v>0</v>
      </c>
      <c r="L3554" t="s">
        <v>82</v>
      </c>
      <c r="M3554" t="s">
        <v>83</v>
      </c>
      <c r="N3554" t="s">
        <v>84</v>
      </c>
      <c r="O3554" t="s">
        <v>85</v>
      </c>
      <c r="P3554" t="s">
        <v>86</v>
      </c>
      <c r="Q3554">
        <v>62</v>
      </c>
      <c r="R3554">
        <v>63</v>
      </c>
      <c r="S3554">
        <v>64</v>
      </c>
      <c r="T3554">
        <v>66</v>
      </c>
      <c r="U3554">
        <v>67</v>
      </c>
      <c r="V3554">
        <v>69</v>
      </c>
      <c r="W3554">
        <v>71</v>
      </c>
      <c r="X3554">
        <v>72</v>
      </c>
      <c r="Y3554">
        <v>74</v>
      </c>
      <c r="Z3554">
        <v>75</v>
      </c>
      <c r="AA3554">
        <v>77</v>
      </c>
      <c r="AB3554">
        <v>79</v>
      </c>
      <c r="AC3554">
        <v>80</v>
      </c>
      <c r="AD3554">
        <v>82</v>
      </c>
      <c r="AE3554">
        <v>84</v>
      </c>
      <c r="AF3554">
        <v>85</v>
      </c>
      <c r="AG3554">
        <v>87</v>
      </c>
      <c r="AH3554">
        <v>89</v>
      </c>
      <c r="AI3554">
        <v>90</v>
      </c>
      <c r="AJ3554">
        <v>92</v>
      </c>
      <c r="AK3554">
        <v>94</v>
      </c>
      <c r="AL3554">
        <v>95</v>
      </c>
      <c r="AM3554">
        <v>96</v>
      </c>
      <c r="AN3554">
        <v>97</v>
      </c>
      <c r="AO3554">
        <v>98</v>
      </c>
      <c r="AP3554">
        <v>99</v>
      </c>
      <c r="AQ3554">
        <v>100</v>
      </c>
    </row>
    <row r="3555" spans="1:43">
      <c r="A3555" t="s">
        <v>2250</v>
      </c>
      <c r="B3555" t="s">
        <v>2251</v>
      </c>
      <c r="C3555" t="s">
        <v>2164</v>
      </c>
      <c r="D3555" t="s">
        <v>2165</v>
      </c>
      <c r="E3555" t="s">
        <v>2048</v>
      </c>
      <c r="F3555" t="s">
        <v>2049</v>
      </c>
      <c r="G3555" t="s">
        <v>80</v>
      </c>
      <c r="H3555" t="s">
        <v>81</v>
      </c>
      <c r="I3555" s="2">
        <v>0</v>
      </c>
      <c r="J3555" s="2">
        <v>1</v>
      </c>
      <c r="K3555" s="2">
        <v>0</v>
      </c>
      <c r="L3555" t="s">
        <v>82</v>
      </c>
      <c r="M3555" t="s">
        <v>87</v>
      </c>
      <c r="N3555" t="s">
        <v>88</v>
      </c>
      <c r="O3555" t="s">
        <v>85</v>
      </c>
      <c r="P3555" t="s">
        <v>86</v>
      </c>
      <c r="Q3555">
        <v>62</v>
      </c>
      <c r="R3555">
        <v>63</v>
      </c>
      <c r="S3555">
        <v>64</v>
      </c>
      <c r="T3555">
        <v>65</v>
      </c>
      <c r="U3555">
        <v>65</v>
      </c>
      <c r="V3555">
        <v>66</v>
      </c>
      <c r="W3555">
        <v>67</v>
      </c>
      <c r="X3555">
        <v>68</v>
      </c>
      <c r="Y3555">
        <v>69</v>
      </c>
      <c r="Z3555">
        <v>70</v>
      </c>
      <c r="AA3555">
        <v>71</v>
      </c>
      <c r="AB3555">
        <v>72</v>
      </c>
      <c r="AC3555">
        <v>73</v>
      </c>
      <c r="AD3555">
        <v>74</v>
      </c>
      <c r="AE3555">
        <v>75</v>
      </c>
      <c r="AF3555">
        <v>76</v>
      </c>
      <c r="AG3555">
        <v>77</v>
      </c>
      <c r="AH3555">
        <v>78</v>
      </c>
      <c r="AI3555">
        <v>79</v>
      </c>
      <c r="AJ3555">
        <v>80</v>
      </c>
      <c r="AK3555">
        <v>81</v>
      </c>
      <c r="AL3555">
        <v>82</v>
      </c>
      <c r="AM3555">
        <v>83</v>
      </c>
      <c r="AN3555">
        <v>84</v>
      </c>
      <c r="AO3555">
        <v>85</v>
      </c>
      <c r="AP3555">
        <v>86</v>
      </c>
      <c r="AQ3555">
        <v>87</v>
      </c>
    </row>
    <row r="3556" spans="1:43">
      <c r="A3556" t="s">
        <v>2250</v>
      </c>
      <c r="B3556" t="s">
        <v>2251</v>
      </c>
      <c r="C3556" t="s">
        <v>2164</v>
      </c>
      <c r="D3556" t="s">
        <v>2165</v>
      </c>
      <c r="E3556" t="s">
        <v>2048</v>
      </c>
      <c r="F3556" t="s">
        <v>2049</v>
      </c>
      <c r="G3556" t="s">
        <v>80</v>
      </c>
      <c r="H3556" t="s">
        <v>81</v>
      </c>
      <c r="I3556" s="2">
        <v>0</v>
      </c>
      <c r="J3556" s="2">
        <v>1</v>
      </c>
      <c r="K3556" s="2">
        <v>0</v>
      </c>
      <c r="L3556" t="s">
        <v>82</v>
      </c>
      <c r="M3556" t="s">
        <v>89</v>
      </c>
      <c r="N3556" t="s">
        <v>90</v>
      </c>
      <c r="O3556" t="s">
        <v>85</v>
      </c>
      <c r="P3556" t="s">
        <v>86</v>
      </c>
      <c r="Q3556">
        <v>62</v>
      </c>
      <c r="R3556">
        <v>64</v>
      </c>
      <c r="S3556">
        <v>66</v>
      </c>
      <c r="T3556">
        <v>68</v>
      </c>
      <c r="U3556">
        <v>70</v>
      </c>
      <c r="V3556">
        <v>72</v>
      </c>
      <c r="W3556">
        <v>74</v>
      </c>
      <c r="X3556">
        <v>76</v>
      </c>
      <c r="Y3556">
        <v>78</v>
      </c>
      <c r="Z3556">
        <v>80</v>
      </c>
      <c r="AA3556">
        <v>82</v>
      </c>
      <c r="AB3556">
        <v>84</v>
      </c>
      <c r="AC3556">
        <v>86</v>
      </c>
      <c r="AD3556">
        <v>88</v>
      </c>
      <c r="AE3556">
        <v>90</v>
      </c>
      <c r="AF3556">
        <v>90</v>
      </c>
      <c r="AG3556">
        <v>91</v>
      </c>
      <c r="AH3556">
        <v>92</v>
      </c>
      <c r="AI3556">
        <v>93</v>
      </c>
      <c r="AJ3556">
        <v>94</v>
      </c>
      <c r="AK3556">
        <v>95</v>
      </c>
      <c r="AL3556">
        <v>96</v>
      </c>
      <c r="AM3556">
        <v>97</v>
      </c>
      <c r="AN3556">
        <v>98</v>
      </c>
      <c r="AO3556">
        <v>98</v>
      </c>
      <c r="AP3556">
        <v>99</v>
      </c>
      <c r="AQ3556">
        <v>100</v>
      </c>
    </row>
    <row r="3557" spans="1:43">
      <c r="A3557" t="s">
        <v>2250</v>
      </c>
      <c r="B3557" t="s">
        <v>2251</v>
      </c>
      <c r="C3557" t="s">
        <v>2164</v>
      </c>
      <c r="D3557" t="s">
        <v>2165</v>
      </c>
      <c r="E3557" t="s">
        <v>2048</v>
      </c>
      <c r="F3557" t="s">
        <v>2049</v>
      </c>
      <c r="G3557" t="s">
        <v>80</v>
      </c>
      <c r="H3557" t="s">
        <v>81</v>
      </c>
      <c r="I3557" s="2">
        <v>0</v>
      </c>
      <c r="J3557" s="2">
        <v>1</v>
      </c>
      <c r="K3557" s="2">
        <v>0</v>
      </c>
      <c r="L3557" t="s">
        <v>82</v>
      </c>
      <c r="M3557" t="s">
        <v>83</v>
      </c>
      <c r="N3557" t="s">
        <v>91</v>
      </c>
      <c r="O3557" t="s">
        <v>85</v>
      </c>
      <c r="P3557" t="s">
        <v>86</v>
      </c>
      <c r="Q3557">
        <v>62</v>
      </c>
      <c r="R3557">
        <v>63</v>
      </c>
      <c r="S3557">
        <v>64</v>
      </c>
      <c r="T3557">
        <v>66</v>
      </c>
      <c r="U3557">
        <v>67</v>
      </c>
      <c r="V3557">
        <v>69</v>
      </c>
      <c r="W3557">
        <v>71</v>
      </c>
      <c r="X3557">
        <v>72</v>
      </c>
      <c r="Y3557">
        <v>74</v>
      </c>
      <c r="Z3557">
        <v>75</v>
      </c>
      <c r="AA3557">
        <v>77</v>
      </c>
      <c r="AB3557">
        <v>79</v>
      </c>
      <c r="AC3557">
        <v>80</v>
      </c>
      <c r="AD3557">
        <v>82</v>
      </c>
      <c r="AE3557">
        <v>84</v>
      </c>
      <c r="AF3557">
        <v>85</v>
      </c>
      <c r="AG3557">
        <v>87</v>
      </c>
      <c r="AH3557">
        <v>89</v>
      </c>
      <c r="AI3557">
        <v>90</v>
      </c>
      <c r="AJ3557">
        <v>92</v>
      </c>
      <c r="AK3557">
        <v>94</v>
      </c>
      <c r="AL3557">
        <v>95</v>
      </c>
      <c r="AM3557">
        <v>96</v>
      </c>
      <c r="AN3557">
        <v>97</v>
      </c>
      <c r="AO3557">
        <v>98</v>
      </c>
      <c r="AP3557">
        <v>99</v>
      </c>
      <c r="AQ3557">
        <v>100</v>
      </c>
    </row>
    <row r="3558" spans="1:43">
      <c r="A3558" t="s">
        <v>2252</v>
      </c>
      <c r="B3558" t="s">
        <v>2253</v>
      </c>
      <c r="C3558" t="s">
        <v>2214</v>
      </c>
      <c r="D3558" t="s">
        <v>2215</v>
      </c>
      <c r="E3558" t="s">
        <v>2048</v>
      </c>
      <c r="F3558" t="s">
        <v>2049</v>
      </c>
      <c r="G3558" t="s">
        <v>80</v>
      </c>
      <c r="H3558" t="s">
        <v>81</v>
      </c>
      <c r="I3558" s="2">
        <v>0</v>
      </c>
      <c r="J3558" s="2">
        <v>1</v>
      </c>
      <c r="K3558" s="2">
        <v>0</v>
      </c>
      <c r="L3558" t="s">
        <v>82</v>
      </c>
      <c r="M3558" t="s">
        <v>83</v>
      </c>
      <c r="N3558" t="s">
        <v>84</v>
      </c>
      <c r="O3558" t="s">
        <v>85</v>
      </c>
      <c r="P3558" t="s">
        <v>86</v>
      </c>
      <c r="Q3558">
        <v>239</v>
      </c>
      <c r="R3558">
        <v>245</v>
      </c>
      <c r="S3558">
        <v>251</v>
      </c>
      <c r="T3558">
        <v>257</v>
      </c>
      <c r="U3558">
        <v>263</v>
      </c>
      <c r="V3558">
        <v>269</v>
      </c>
      <c r="W3558">
        <v>275</v>
      </c>
      <c r="X3558">
        <v>282</v>
      </c>
      <c r="Y3558">
        <v>288</v>
      </c>
      <c r="Z3558">
        <v>294</v>
      </c>
      <c r="AA3558">
        <v>301</v>
      </c>
      <c r="AB3558">
        <v>307</v>
      </c>
      <c r="AC3558">
        <v>314</v>
      </c>
      <c r="AD3558">
        <v>321</v>
      </c>
      <c r="AE3558">
        <v>327</v>
      </c>
      <c r="AF3558">
        <v>334</v>
      </c>
      <c r="AG3558">
        <v>341</v>
      </c>
      <c r="AH3558">
        <v>348</v>
      </c>
      <c r="AI3558">
        <v>355</v>
      </c>
      <c r="AJ3558">
        <v>362</v>
      </c>
      <c r="AK3558">
        <v>369</v>
      </c>
      <c r="AL3558">
        <v>374</v>
      </c>
      <c r="AM3558">
        <v>377</v>
      </c>
      <c r="AN3558">
        <v>381</v>
      </c>
      <c r="AO3558">
        <v>384</v>
      </c>
      <c r="AP3558">
        <v>388</v>
      </c>
      <c r="AQ3558">
        <v>392</v>
      </c>
    </row>
    <row r="3559" spans="1:43">
      <c r="A3559" t="s">
        <v>2252</v>
      </c>
      <c r="B3559" t="s">
        <v>2253</v>
      </c>
      <c r="C3559" t="s">
        <v>2214</v>
      </c>
      <c r="D3559" t="s">
        <v>2215</v>
      </c>
      <c r="E3559" t="s">
        <v>2048</v>
      </c>
      <c r="F3559" t="s">
        <v>2049</v>
      </c>
      <c r="G3559" t="s">
        <v>80</v>
      </c>
      <c r="H3559" t="s">
        <v>81</v>
      </c>
      <c r="I3559" s="2">
        <v>0</v>
      </c>
      <c r="J3559" s="2">
        <v>1</v>
      </c>
      <c r="K3559" s="2">
        <v>0</v>
      </c>
      <c r="L3559" t="s">
        <v>82</v>
      </c>
      <c r="M3559" t="s">
        <v>87</v>
      </c>
      <c r="N3559" t="s">
        <v>88</v>
      </c>
      <c r="O3559" t="s">
        <v>85</v>
      </c>
      <c r="P3559" t="s">
        <v>86</v>
      </c>
      <c r="Q3559">
        <v>239</v>
      </c>
      <c r="R3559">
        <v>243</v>
      </c>
      <c r="S3559">
        <v>246</v>
      </c>
      <c r="T3559">
        <v>250</v>
      </c>
      <c r="U3559">
        <v>253</v>
      </c>
      <c r="V3559">
        <v>257</v>
      </c>
      <c r="W3559">
        <v>261</v>
      </c>
      <c r="X3559">
        <v>265</v>
      </c>
      <c r="Y3559">
        <v>268</v>
      </c>
      <c r="Z3559">
        <v>272</v>
      </c>
      <c r="AA3559">
        <v>276</v>
      </c>
      <c r="AB3559">
        <v>280</v>
      </c>
      <c r="AC3559">
        <v>284</v>
      </c>
      <c r="AD3559">
        <v>288</v>
      </c>
      <c r="AE3559">
        <v>292</v>
      </c>
      <c r="AF3559">
        <v>296</v>
      </c>
      <c r="AG3559">
        <v>300</v>
      </c>
      <c r="AH3559">
        <v>304</v>
      </c>
      <c r="AI3559">
        <v>308</v>
      </c>
      <c r="AJ3559">
        <v>312</v>
      </c>
      <c r="AK3559">
        <v>316</v>
      </c>
      <c r="AL3559">
        <v>320</v>
      </c>
      <c r="AM3559">
        <v>325</v>
      </c>
      <c r="AN3559">
        <v>329</v>
      </c>
      <c r="AO3559">
        <v>333</v>
      </c>
      <c r="AP3559">
        <v>338</v>
      </c>
      <c r="AQ3559">
        <v>342</v>
      </c>
    </row>
    <row r="3560" spans="1:43">
      <c r="A3560" t="s">
        <v>2252</v>
      </c>
      <c r="B3560" t="s">
        <v>2253</v>
      </c>
      <c r="C3560" t="s">
        <v>2214</v>
      </c>
      <c r="D3560" t="s">
        <v>2215</v>
      </c>
      <c r="E3560" t="s">
        <v>2048</v>
      </c>
      <c r="F3560" t="s">
        <v>2049</v>
      </c>
      <c r="G3560" t="s">
        <v>80</v>
      </c>
      <c r="H3560" t="s">
        <v>81</v>
      </c>
      <c r="I3560" s="2">
        <v>0</v>
      </c>
      <c r="J3560" s="2">
        <v>1</v>
      </c>
      <c r="K3560" s="2">
        <v>0</v>
      </c>
      <c r="L3560" t="s">
        <v>82</v>
      </c>
      <c r="M3560" t="s">
        <v>89</v>
      </c>
      <c r="N3560" t="s">
        <v>90</v>
      </c>
      <c r="O3560" t="s">
        <v>85</v>
      </c>
      <c r="P3560" t="s">
        <v>86</v>
      </c>
      <c r="Q3560">
        <v>239</v>
      </c>
      <c r="R3560">
        <v>247</v>
      </c>
      <c r="S3560">
        <v>255</v>
      </c>
      <c r="T3560">
        <v>263</v>
      </c>
      <c r="U3560">
        <v>271</v>
      </c>
      <c r="V3560">
        <v>279</v>
      </c>
      <c r="W3560">
        <v>287</v>
      </c>
      <c r="X3560">
        <v>294</v>
      </c>
      <c r="Y3560">
        <v>302</v>
      </c>
      <c r="Z3560">
        <v>310</v>
      </c>
      <c r="AA3560">
        <v>318</v>
      </c>
      <c r="AB3560">
        <v>326</v>
      </c>
      <c r="AC3560">
        <v>334</v>
      </c>
      <c r="AD3560">
        <v>342</v>
      </c>
      <c r="AE3560">
        <v>348</v>
      </c>
      <c r="AF3560">
        <v>352</v>
      </c>
      <c r="AG3560">
        <v>355</v>
      </c>
      <c r="AH3560">
        <v>359</v>
      </c>
      <c r="AI3560">
        <v>362</v>
      </c>
      <c r="AJ3560">
        <v>366</v>
      </c>
      <c r="AK3560">
        <v>369</v>
      </c>
      <c r="AL3560">
        <v>373</v>
      </c>
      <c r="AM3560">
        <v>376</v>
      </c>
      <c r="AN3560">
        <v>379</v>
      </c>
      <c r="AO3560">
        <v>383</v>
      </c>
      <c r="AP3560">
        <v>386</v>
      </c>
      <c r="AQ3560">
        <v>390</v>
      </c>
    </row>
    <row r="3561" spans="1:43">
      <c r="A3561" t="s">
        <v>2252</v>
      </c>
      <c r="B3561" t="s">
        <v>2253</v>
      </c>
      <c r="C3561" t="s">
        <v>2214</v>
      </c>
      <c r="D3561" t="s">
        <v>2215</v>
      </c>
      <c r="E3561" t="s">
        <v>2048</v>
      </c>
      <c r="F3561" t="s">
        <v>2049</v>
      </c>
      <c r="G3561" t="s">
        <v>80</v>
      </c>
      <c r="H3561" t="s">
        <v>81</v>
      </c>
      <c r="I3561" s="2">
        <v>0</v>
      </c>
      <c r="J3561" s="2">
        <v>1</v>
      </c>
      <c r="K3561" s="2">
        <v>0</v>
      </c>
      <c r="L3561" t="s">
        <v>82</v>
      </c>
      <c r="M3561" t="s">
        <v>83</v>
      </c>
      <c r="N3561" t="s">
        <v>91</v>
      </c>
      <c r="O3561" t="s">
        <v>85</v>
      </c>
      <c r="P3561" t="s">
        <v>86</v>
      </c>
      <c r="Q3561">
        <v>239</v>
      </c>
      <c r="R3561">
        <v>245</v>
      </c>
      <c r="S3561">
        <v>251</v>
      </c>
      <c r="T3561">
        <v>257</v>
      </c>
      <c r="U3561">
        <v>263</v>
      </c>
      <c r="V3561">
        <v>269</v>
      </c>
      <c r="W3561">
        <v>275</v>
      </c>
      <c r="X3561">
        <v>282</v>
      </c>
      <c r="Y3561">
        <v>288</v>
      </c>
      <c r="Z3561">
        <v>294</v>
      </c>
      <c r="AA3561">
        <v>301</v>
      </c>
      <c r="AB3561">
        <v>307</v>
      </c>
      <c r="AC3561">
        <v>314</v>
      </c>
      <c r="AD3561">
        <v>321</v>
      </c>
      <c r="AE3561">
        <v>327</v>
      </c>
      <c r="AF3561">
        <v>334</v>
      </c>
      <c r="AG3561">
        <v>341</v>
      </c>
      <c r="AH3561">
        <v>348</v>
      </c>
      <c r="AI3561">
        <v>355</v>
      </c>
      <c r="AJ3561">
        <v>362</v>
      </c>
      <c r="AK3561">
        <v>369</v>
      </c>
      <c r="AL3561">
        <v>374</v>
      </c>
      <c r="AM3561">
        <v>377</v>
      </c>
      <c r="AN3561">
        <v>381</v>
      </c>
      <c r="AO3561">
        <v>384</v>
      </c>
      <c r="AP3561">
        <v>388</v>
      </c>
      <c r="AQ3561">
        <v>392</v>
      </c>
    </row>
    <row r="3562" spans="1:43">
      <c r="A3562" t="s">
        <v>2254</v>
      </c>
      <c r="B3562" t="s">
        <v>2255</v>
      </c>
      <c r="C3562" t="s">
        <v>2256</v>
      </c>
      <c r="D3562" t="s">
        <v>2257</v>
      </c>
      <c r="E3562" t="s">
        <v>2048</v>
      </c>
      <c r="F3562" t="s">
        <v>2049</v>
      </c>
      <c r="G3562" t="s">
        <v>80</v>
      </c>
      <c r="H3562" t="s">
        <v>81</v>
      </c>
      <c r="I3562" s="2">
        <v>0</v>
      </c>
      <c r="J3562" s="2">
        <v>1</v>
      </c>
      <c r="K3562" s="2">
        <v>0</v>
      </c>
      <c r="L3562" t="s">
        <v>82</v>
      </c>
      <c r="M3562" t="s">
        <v>83</v>
      </c>
      <c r="N3562" t="s">
        <v>84</v>
      </c>
      <c r="O3562" t="s">
        <v>85</v>
      </c>
      <c r="P3562" t="s">
        <v>86</v>
      </c>
      <c r="Q3562">
        <v>17</v>
      </c>
      <c r="R3562">
        <v>18</v>
      </c>
      <c r="S3562">
        <v>18</v>
      </c>
      <c r="T3562">
        <v>18</v>
      </c>
      <c r="U3562">
        <v>19</v>
      </c>
      <c r="V3562">
        <v>19</v>
      </c>
      <c r="W3562">
        <v>20</v>
      </c>
      <c r="X3562">
        <v>20</v>
      </c>
      <c r="Y3562">
        <v>21</v>
      </c>
      <c r="Z3562">
        <v>21</v>
      </c>
      <c r="AA3562">
        <v>22</v>
      </c>
      <c r="AB3562">
        <v>22</v>
      </c>
      <c r="AC3562">
        <v>22</v>
      </c>
      <c r="AD3562">
        <v>23</v>
      </c>
      <c r="AE3562">
        <v>23</v>
      </c>
      <c r="AF3562">
        <v>24</v>
      </c>
      <c r="AG3562">
        <v>24</v>
      </c>
      <c r="AH3562">
        <v>25</v>
      </c>
      <c r="AI3562">
        <v>25</v>
      </c>
      <c r="AJ3562">
        <v>26</v>
      </c>
      <c r="AK3562">
        <v>26</v>
      </c>
      <c r="AL3562">
        <v>27</v>
      </c>
      <c r="AM3562">
        <v>27</v>
      </c>
      <c r="AN3562">
        <v>27</v>
      </c>
      <c r="AO3562">
        <v>27</v>
      </c>
      <c r="AP3562">
        <v>28</v>
      </c>
      <c r="AQ3562">
        <v>28</v>
      </c>
    </row>
    <row r="3563" spans="1:43">
      <c r="A3563" t="s">
        <v>2254</v>
      </c>
      <c r="B3563" t="s">
        <v>2255</v>
      </c>
      <c r="C3563" t="s">
        <v>2256</v>
      </c>
      <c r="D3563" t="s">
        <v>2257</v>
      </c>
      <c r="E3563" t="s">
        <v>2048</v>
      </c>
      <c r="F3563" t="s">
        <v>2049</v>
      </c>
      <c r="G3563" t="s">
        <v>80</v>
      </c>
      <c r="H3563" t="s">
        <v>81</v>
      </c>
      <c r="I3563" s="2">
        <v>0</v>
      </c>
      <c r="J3563" s="2">
        <v>1</v>
      </c>
      <c r="K3563" s="2">
        <v>0</v>
      </c>
      <c r="L3563" t="s">
        <v>82</v>
      </c>
      <c r="M3563" t="s">
        <v>87</v>
      </c>
      <c r="N3563" t="s">
        <v>88</v>
      </c>
      <c r="O3563" t="s">
        <v>85</v>
      </c>
      <c r="P3563" t="s">
        <v>86</v>
      </c>
      <c r="Q3563">
        <v>17</v>
      </c>
      <c r="R3563">
        <v>17</v>
      </c>
      <c r="S3563">
        <v>18</v>
      </c>
      <c r="T3563">
        <v>18</v>
      </c>
      <c r="U3563">
        <v>18</v>
      </c>
      <c r="V3563">
        <v>18</v>
      </c>
      <c r="W3563">
        <v>19</v>
      </c>
      <c r="X3563">
        <v>19</v>
      </c>
      <c r="Y3563">
        <v>19</v>
      </c>
      <c r="Z3563">
        <v>19</v>
      </c>
      <c r="AA3563">
        <v>20</v>
      </c>
      <c r="AB3563">
        <v>20</v>
      </c>
      <c r="AC3563">
        <v>20</v>
      </c>
      <c r="AD3563">
        <v>20</v>
      </c>
      <c r="AE3563">
        <v>21</v>
      </c>
      <c r="AF3563">
        <v>21</v>
      </c>
      <c r="AG3563">
        <v>21</v>
      </c>
      <c r="AH3563">
        <v>22</v>
      </c>
      <c r="AI3563">
        <v>22</v>
      </c>
      <c r="AJ3563">
        <v>22</v>
      </c>
      <c r="AK3563">
        <v>22</v>
      </c>
      <c r="AL3563">
        <v>23</v>
      </c>
      <c r="AM3563">
        <v>23</v>
      </c>
      <c r="AN3563">
        <v>23</v>
      </c>
      <c r="AO3563">
        <v>24</v>
      </c>
      <c r="AP3563">
        <v>24</v>
      </c>
      <c r="AQ3563">
        <v>24</v>
      </c>
    </row>
    <row r="3564" spans="1:43">
      <c r="A3564" t="s">
        <v>2254</v>
      </c>
      <c r="B3564" t="s">
        <v>2255</v>
      </c>
      <c r="C3564" t="s">
        <v>2256</v>
      </c>
      <c r="D3564" t="s">
        <v>2257</v>
      </c>
      <c r="E3564" t="s">
        <v>2048</v>
      </c>
      <c r="F3564" t="s">
        <v>2049</v>
      </c>
      <c r="G3564" t="s">
        <v>80</v>
      </c>
      <c r="H3564" t="s">
        <v>81</v>
      </c>
      <c r="I3564" s="2">
        <v>0</v>
      </c>
      <c r="J3564" s="2">
        <v>1</v>
      </c>
      <c r="K3564" s="2">
        <v>0</v>
      </c>
      <c r="L3564" t="s">
        <v>82</v>
      </c>
      <c r="M3564" t="s">
        <v>89</v>
      </c>
      <c r="N3564" t="s">
        <v>90</v>
      </c>
      <c r="O3564" t="s">
        <v>85</v>
      </c>
      <c r="P3564" t="s">
        <v>86</v>
      </c>
      <c r="Q3564">
        <v>17</v>
      </c>
      <c r="R3564">
        <v>18</v>
      </c>
      <c r="S3564">
        <v>18</v>
      </c>
      <c r="T3564">
        <v>19</v>
      </c>
      <c r="U3564">
        <v>20</v>
      </c>
      <c r="V3564">
        <v>20</v>
      </c>
      <c r="W3564">
        <v>21</v>
      </c>
      <c r="X3564">
        <v>21</v>
      </c>
      <c r="Y3564">
        <v>22</v>
      </c>
      <c r="Z3564">
        <v>22</v>
      </c>
      <c r="AA3564">
        <v>23</v>
      </c>
      <c r="AB3564">
        <v>23</v>
      </c>
      <c r="AC3564">
        <v>24</v>
      </c>
      <c r="AD3564">
        <v>25</v>
      </c>
      <c r="AE3564">
        <v>25</v>
      </c>
      <c r="AF3564">
        <v>25</v>
      </c>
      <c r="AG3564">
        <v>26</v>
      </c>
      <c r="AH3564">
        <v>26</v>
      </c>
      <c r="AI3564">
        <v>26</v>
      </c>
      <c r="AJ3564">
        <v>26</v>
      </c>
      <c r="AK3564">
        <v>27</v>
      </c>
      <c r="AL3564">
        <v>27</v>
      </c>
      <c r="AM3564">
        <v>27</v>
      </c>
      <c r="AN3564">
        <v>27</v>
      </c>
      <c r="AO3564">
        <v>28</v>
      </c>
      <c r="AP3564">
        <v>28</v>
      </c>
      <c r="AQ3564">
        <v>28</v>
      </c>
    </row>
    <row r="3565" spans="1:43">
      <c r="A3565" t="s">
        <v>2254</v>
      </c>
      <c r="B3565" t="s">
        <v>2255</v>
      </c>
      <c r="C3565" t="s">
        <v>2256</v>
      </c>
      <c r="D3565" t="s">
        <v>2257</v>
      </c>
      <c r="E3565" t="s">
        <v>2048</v>
      </c>
      <c r="F3565" t="s">
        <v>2049</v>
      </c>
      <c r="G3565" t="s">
        <v>80</v>
      </c>
      <c r="H3565" t="s">
        <v>81</v>
      </c>
      <c r="I3565" s="2">
        <v>0</v>
      </c>
      <c r="J3565" s="2">
        <v>1</v>
      </c>
      <c r="K3565" s="2">
        <v>0</v>
      </c>
      <c r="L3565" t="s">
        <v>82</v>
      </c>
      <c r="M3565" t="s">
        <v>83</v>
      </c>
      <c r="N3565" t="s">
        <v>91</v>
      </c>
      <c r="O3565" t="s">
        <v>85</v>
      </c>
      <c r="P3565" t="s">
        <v>86</v>
      </c>
      <c r="Q3565">
        <v>17</v>
      </c>
      <c r="R3565">
        <v>18</v>
      </c>
      <c r="S3565">
        <v>18</v>
      </c>
      <c r="T3565">
        <v>18</v>
      </c>
      <c r="U3565">
        <v>19</v>
      </c>
      <c r="V3565">
        <v>19</v>
      </c>
      <c r="W3565">
        <v>20</v>
      </c>
      <c r="X3565">
        <v>20</v>
      </c>
      <c r="Y3565">
        <v>21</v>
      </c>
      <c r="Z3565">
        <v>21</v>
      </c>
      <c r="AA3565">
        <v>22</v>
      </c>
      <c r="AB3565">
        <v>22</v>
      </c>
      <c r="AC3565">
        <v>22</v>
      </c>
      <c r="AD3565">
        <v>23</v>
      </c>
      <c r="AE3565">
        <v>23</v>
      </c>
      <c r="AF3565">
        <v>24</v>
      </c>
      <c r="AG3565">
        <v>24</v>
      </c>
      <c r="AH3565">
        <v>25</v>
      </c>
      <c r="AI3565">
        <v>25</v>
      </c>
      <c r="AJ3565">
        <v>26</v>
      </c>
      <c r="AK3565">
        <v>26</v>
      </c>
      <c r="AL3565">
        <v>27</v>
      </c>
      <c r="AM3565">
        <v>27</v>
      </c>
      <c r="AN3565">
        <v>27</v>
      </c>
      <c r="AO3565">
        <v>27</v>
      </c>
      <c r="AP3565">
        <v>28</v>
      </c>
      <c r="AQ3565">
        <v>28</v>
      </c>
    </row>
    <row r="3566" spans="1:43">
      <c r="A3566" t="s">
        <v>2258</v>
      </c>
      <c r="B3566" t="s">
        <v>2259</v>
      </c>
      <c r="C3566" t="s">
        <v>2256</v>
      </c>
      <c r="D3566" t="s">
        <v>2257</v>
      </c>
      <c r="E3566" t="s">
        <v>2048</v>
      </c>
      <c r="F3566" t="s">
        <v>2049</v>
      </c>
      <c r="G3566" t="s">
        <v>80</v>
      </c>
      <c r="H3566" t="s">
        <v>81</v>
      </c>
      <c r="I3566" s="2">
        <v>0</v>
      </c>
      <c r="J3566" s="2">
        <v>1</v>
      </c>
      <c r="K3566" s="2">
        <v>0</v>
      </c>
      <c r="L3566" t="s">
        <v>82</v>
      </c>
      <c r="M3566" t="s">
        <v>83</v>
      </c>
      <c r="N3566" t="s">
        <v>84</v>
      </c>
      <c r="O3566" t="s">
        <v>85</v>
      </c>
      <c r="P3566" t="s">
        <v>86</v>
      </c>
      <c r="Q3566">
        <v>124</v>
      </c>
      <c r="R3566">
        <v>127</v>
      </c>
      <c r="S3566">
        <v>130</v>
      </c>
      <c r="T3566">
        <v>133</v>
      </c>
      <c r="U3566">
        <v>136</v>
      </c>
      <c r="V3566">
        <v>139</v>
      </c>
      <c r="W3566">
        <v>142</v>
      </c>
      <c r="X3566">
        <v>145</v>
      </c>
      <c r="Y3566">
        <v>148</v>
      </c>
      <c r="Z3566">
        <v>151</v>
      </c>
      <c r="AA3566">
        <v>155</v>
      </c>
      <c r="AB3566">
        <v>158</v>
      </c>
      <c r="AC3566">
        <v>161</v>
      </c>
      <c r="AD3566">
        <v>164</v>
      </c>
      <c r="AE3566">
        <v>168</v>
      </c>
      <c r="AF3566">
        <v>171</v>
      </c>
      <c r="AG3566">
        <v>175</v>
      </c>
      <c r="AH3566">
        <v>178</v>
      </c>
      <c r="AI3566">
        <v>181</v>
      </c>
      <c r="AJ3566">
        <v>185</v>
      </c>
      <c r="AK3566">
        <v>189</v>
      </c>
      <c r="AL3566">
        <v>191</v>
      </c>
      <c r="AM3566">
        <v>193</v>
      </c>
      <c r="AN3566">
        <v>195</v>
      </c>
      <c r="AO3566">
        <v>196</v>
      </c>
      <c r="AP3566">
        <v>198</v>
      </c>
      <c r="AQ3566">
        <v>200</v>
      </c>
    </row>
    <row r="3567" spans="1:43">
      <c r="A3567" t="s">
        <v>2258</v>
      </c>
      <c r="B3567" t="s">
        <v>2259</v>
      </c>
      <c r="C3567" t="s">
        <v>2256</v>
      </c>
      <c r="D3567" t="s">
        <v>2257</v>
      </c>
      <c r="E3567" t="s">
        <v>2048</v>
      </c>
      <c r="F3567" t="s">
        <v>2049</v>
      </c>
      <c r="G3567" t="s">
        <v>80</v>
      </c>
      <c r="H3567" t="s">
        <v>81</v>
      </c>
      <c r="I3567" s="2">
        <v>0</v>
      </c>
      <c r="J3567" s="2">
        <v>1</v>
      </c>
      <c r="K3567" s="2">
        <v>0</v>
      </c>
      <c r="L3567" t="s">
        <v>82</v>
      </c>
      <c r="M3567" t="s">
        <v>87</v>
      </c>
      <c r="N3567" t="s">
        <v>88</v>
      </c>
      <c r="O3567" t="s">
        <v>85</v>
      </c>
      <c r="P3567" t="s">
        <v>86</v>
      </c>
      <c r="Q3567">
        <v>124</v>
      </c>
      <c r="R3567">
        <v>125</v>
      </c>
      <c r="S3567">
        <v>127</v>
      </c>
      <c r="T3567">
        <v>129</v>
      </c>
      <c r="U3567">
        <v>131</v>
      </c>
      <c r="V3567">
        <v>132</v>
      </c>
      <c r="W3567">
        <v>134</v>
      </c>
      <c r="X3567">
        <v>136</v>
      </c>
      <c r="Y3567">
        <v>138</v>
      </c>
      <c r="Z3567">
        <v>140</v>
      </c>
      <c r="AA3567">
        <v>142</v>
      </c>
      <c r="AB3567">
        <v>144</v>
      </c>
      <c r="AC3567">
        <v>146</v>
      </c>
      <c r="AD3567">
        <v>148</v>
      </c>
      <c r="AE3567">
        <v>150</v>
      </c>
      <c r="AF3567">
        <v>152</v>
      </c>
      <c r="AG3567">
        <v>154</v>
      </c>
      <c r="AH3567">
        <v>156</v>
      </c>
      <c r="AI3567">
        <v>158</v>
      </c>
      <c r="AJ3567">
        <v>160</v>
      </c>
      <c r="AK3567">
        <v>162</v>
      </c>
      <c r="AL3567">
        <v>164</v>
      </c>
      <c r="AM3567">
        <v>166</v>
      </c>
      <c r="AN3567">
        <v>168</v>
      </c>
      <c r="AO3567">
        <v>170</v>
      </c>
      <c r="AP3567">
        <v>173</v>
      </c>
      <c r="AQ3567">
        <v>175</v>
      </c>
    </row>
    <row r="3568" spans="1:43">
      <c r="A3568" t="s">
        <v>2258</v>
      </c>
      <c r="B3568" t="s">
        <v>2259</v>
      </c>
      <c r="C3568" t="s">
        <v>2256</v>
      </c>
      <c r="D3568" t="s">
        <v>2257</v>
      </c>
      <c r="E3568" t="s">
        <v>2048</v>
      </c>
      <c r="F3568" t="s">
        <v>2049</v>
      </c>
      <c r="G3568" t="s">
        <v>80</v>
      </c>
      <c r="H3568" t="s">
        <v>81</v>
      </c>
      <c r="I3568" s="2">
        <v>0</v>
      </c>
      <c r="J3568" s="2">
        <v>1</v>
      </c>
      <c r="K3568" s="2">
        <v>0</v>
      </c>
      <c r="L3568" t="s">
        <v>82</v>
      </c>
      <c r="M3568" t="s">
        <v>89</v>
      </c>
      <c r="N3568" t="s">
        <v>90</v>
      </c>
      <c r="O3568" t="s">
        <v>85</v>
      </c>
      <c r="P3568" t="s">
        <v>86</v>
      </c>
      <c r="Q3568">
        <v>124</v>
      </c>
      <c r="R3568">
        <v>128</v>
      </c>
      <c r="S3568">
        <v>132</v>
      </c>
      <c r="T3568">
        <v>136</v>
      </c>
      <c r="U3568">
        <v>140</v>
      </c>
      <c r="V3568">
        <v>144</v>
      </c>
      <c r="W3568">
        <v>148</v>
      </c>
      <c r="X3568">
        <v>152</v>
      </c>
      <c r="Y3568">
        <v>156</v>
      </c>
      <c r="Z3568">
        <v>160</v>
      </c>
      <c r="AA3568">
        <v>164</v>
      </c>
      <c r="AB3568">
        <v>168</v>
      </c>
      <c r="AC3568">
        <v>172</v>
      </c>
      <c r="AD3568">
        <v>176</v>
      </c>
      <c r="AE3568">
        <v>179</v>
      </c>
      <c r="AF3568">
        <v>181</v>
      </c>
      <c r="AG3568">
        <v>182</v>
      </c>
      <c r="AH3568">
        <v>184</v>
      </c>
      <c r="AI3568">
        <v>186</v>
      </c>
      <c r="AJ3568">
        <v>188</v>
      </c>
      <c r="AK3568">
        <v>189</v>
      </c>
      <c r="AL3568">
        <v>191</v>
      </c>
      <c r="AM3568">
        <v>193</v>
      </c>
      <c r="AN3568">
        <v>195</v>
      </c>
      <c r="AO3568">
        <v>197</v>
      </c>
      <c r="AP3568">
        <v>198</v>
      </c>
      <c r="AQ3568">
        <v>200</v>
      </c>
    </row>
    <row r="3569" spans="1:43">
      <c r="A3569" t="s">
        <v>2258</v>
      </c>
      <c r="B3569" t="s">
        <v>2259</v>
      </c>
      <c r="C3569" t="s">
        <v>2256</v>
      </c>
      <c r="D3569" t="s">
        <v>2257</v>
      </c>
      <c r="E3569" t="s">
        <v>2048</v>
      </c>
      <c r="F3569" t="s">
        <v>2049</v>
      </c>
      <c r="G3569" t="s">
        <v>80</v>
      </c>
      <c r="H3569" t="s">
        <v>81</v>
      </c>
      <c r="I3569" s="2">
        <v>0</v>
      </c>
      <c r="J3569" s="2">
        <v>1</v>
      </c>
      <c r="K3569" s="2">
        <v>0</v>
      </c>
      <c r="L3569" t="s">
        <v>82</v>
      </c>
      <c r="M3569" t="s">
        <v>83</v>
      </c>
      <c r="N3569" t="s">
        <v>91</v>
      </c>
      <c r="O3569" t="s">
        <v>85</v>
      </c>
      <c r="P3569" t="s">
        <v>86</v>
      </c>
      <c r="Q3569">
        <v>124</v>
      </c>
      <c r="R3569">
        <v>127</v>
      </c>
      <c r="S3569">
        <v>130</v>
      </c>
      <c r="T3569">
        <v>133</v>
      </c>
      <c r="U3569">
        <v>136</v>
      </c>
      <c r="V3569">
        <v>139</v>
      </c>
      <c r="W3569">
        <v>142</v>
      </c>
      <c r="X3569">
        <v>145</v>
      </c>
      <c r="Y3569">
        <v>148</v>
      </c>
      <c r="Z3569">
        <v>151</v>
      </c>
      <c r="AA3569">
        <v>155</v>
      </c>
      <c r="AB3569">
        <v>158</v>
      </c>
      <c r="AC3569">
        <v>161</v>
      </c>
      <c r="AD3569">
        <v>164</v>
      </c>
      <c r="AE3569">
        <v>168</v>
      </c>
      <c r="AF3569">
        <v>171</v>
      </c>
      <c r="AG3569">
        <v>175</v>
      </c>
      <c r="AH3569">
        <v>178</v>
      </c>
      <c r="AI3569">
        <v>181</v>
      </c>
      <c r="AJ3569">
        <v>185</v>
      </c>
      <c r="AK3569">
        <v>189</v>
      </c>
      <c r="AL3569">
        <v>191</v>
      </c>
      <c r="AM3569">
        <v>193</v>
      </c>
      <c r="AN3569">
        <v>195</v>
      </c>
      <c r="AO3569">
        <v>196</v>
      </c>
      <c r="AP3569">
        <v>198</v>
      </c>
      <c r="AQ3569">
        <v>200</v>
      </c>
    </row>
    <row r="3570" spans="1:43">
      <c r="A3570" t="s">
        <v>2260</v>
      </c>
      <c r="B3570" t="s">
        <v>2261</v>
      </c>
      <c r="C3570" t="s">
        <v>2128</v>
      </c>
      <c r="D3570" t="s">
        <v>2129</v>
      </c>
      <c r="E3570" t="s">
        <v>2048</v>
      </c>
      <c r="F3570" t="s">
        <v>2049</v>
      </c>
      <c r="G3570" t="s">
        <v>80</v>
      </c>
      <c r="H3570" t="s">
        <v>81</v>
      </c>
      <c r="I3570" s="2">
        <v>0</v>
      </c>
      <c r="J3570" s="2">
        <v>1</v>
      </c>
      <c r="K3570" s="2">
        <v>0</v>
      </c>
      <c r="L3570" t="s">
        <v>82</v>
      </c>
      <c r="M3570" t="s">
        <v>83</v>
      </c>
      <c r="N3570" t="s">
        <v>84</v>
      </c>
      <c r="O3570" t="s">
        <v>85</v>
      </c>
      <c r="P3570" t="s">
        <v>86</v>
      </c>
      <c r="Q3570">
        <v>185</v>
      </c>
      <c r="R3570">
        <v>189</v>
      </c>
      <c r="S3570">
        <v>194</v>
      </c>
      <c r="T3570">
        <v>198</v>
      </c>
      <c r="U3570">
        <v>203</v>
      </c>
      <c r="V3570">
        <v>207</v>
      </c>
      <c r="W3570">
        <v>212</v>
      </c>
      <c r="X3570">
        <v>217</v>
      </c>
      <c r="Y3570">
        <v>222</v>
      </c>
      <c r="Z3570">
        <v>226</v>
      </c>
      <c r="AA3570">
        <v>231</v>
      </c>
      <c r="AB3570">
        <v>236</v>
      </c>
      <c r="AC3570">
        <v>241</v>
      </c>
      <c r="AD3570">
        <v>246</v>
      </c>
      <c r="AE3570">
        <v>251</v>
      </c>
      <c r="AF3570">
        <v>256</v>
      </c>
      <c r="AG3570">
        <v>261</v>
      </c>
      <c r="AH3570">
        <v>266</v>
      </c>
      <c r="AI3570">
        <v>272</v>
      </c>
      <c r="AJ3570">
        <v>277</v>
      </c>
      <c r="AK3570">
        <v>282</v>
      </c>
      <c r="AL3570">
        <v>286</v>
      </c>
      <c r="AM3570">
        <v>289</v>
      </c>
      <c r="AN3570">
        <v>291</v>
      </c>
      <c r="AO3570">
        <v>294</v>
      </c>
      <c r="AP3570">
        <v>297</v>
      </c>
      <c r="AQ3570">
        <v>300</v>
      </c>
    </row>
    <row r="3571" spans="1:43">
      <c r="A3571" t="s">
        <v>2260</v>
      </c>
      <c r="B3571" t="s">
        <v>2261</v>
      </c>
      <c r="C3571" t="s">
        <v>2128</v>
      </c>
      <c r="D3571" t="s">
        <v>2129</v>
      </c>
      <c r="E3571" t="s">
        <v>2048</v>
      </c>
      <c r="F3571" t="s">
        <v>2049</v>
      </c>
      <c r="G3571" t="s">
        <v>80</v>
      </c>
      <c r="H3571" t="s">
        <v>81</v>
      </c>
      <c r="I3571" s="2">
        <v>0</v>
      </c>
      <c r="J3571" s="2">
        <v>1</v>
      </c>
      <c r="K3571" s="2">
        <v>0</v>
      </c>
      <c r="L3571" t="s">
        <v>82</v>
      </c>
      <c r="M3571" t="s">
        <v>87</v>
      </c>
      <c r="N3571" t="s">
        <v>88</v>
      </c>
      <c r="O3571" t="s">
        <v>85</v>
      </c>
      <c r="P3571" t="s">
        <v>86</v>
      </c>
      <c r="Q3571">
        <v>185</v>
      </c>
      <c r="R3571">
        <v>188</v>
      </c>
      <c r="S3571">
        <v>190</v>
      </c>
      <c r="T3571">
        <v>193</v>
      </c>
      <c r="U3571">
        <v>196</v>
      </c>
      <c r="V3571">
        <v>199</v>
      </c>
      <c r="W3571">
        <v>201</v>
      </c>
      <c r="X3571">
        <v>204</v>
      </c>
      <c r="Y3571">
        <v>207</v>
      </c>
      <c r="Z3571">
        <v>210</v>
      </c>
      <c r="AA3571">
        <v>213</v>
      </c>
      <c r="AB3571">
        <v>215</v>
      </c>
      <c r="AC3571">
        <v>218</v>
      </c>
      <c r="AD3571">
        <v>221</v>
      </c>
      <c r="AE3571">
        <v>224</v>
      </c>
      <c r="AF3571">
        <v>227</v>
      </c>
      <c r="AG3571">
        <v>230</v>
      </c>
      <c r="AH3571">
        <v>233</v>
      </c>
      <c r="AI3571">
        <v>236</v>
      </c>
      <c r="AJ3571">
        <v>239</v>
      </c>
      <c r="AK3571">
        <v>242</v>
      </c>
      <c r="AL3571">
        <v>246</v>
      </c>
      <c r="AM3571">
        <v>249</v>
      </c>
      <c r="AN3571">
        <v>252</v>
      </c>
      <c r="AO3571">
        <v>255</v>
      </c>
      <c r="AP3571">
        <v>258</v>
      </c>
      <c r="AQ3571">
        <v>262</v>
      </c>
    </row>
    <row r="3572" spans="1:43">
      <c r="A3572" t="s">
        <v>2260</v>
      </c>
      <c r="B3572" t="s">
        <v>2261</v>
      </c>
      <c r="C3572" t="s">
        <v>2128</v>
      </c>
      <c r="D3572" t="s">
        <v>2129</v>
      </c>
      <c r="E3572" t="s">
        <v>2048</v>
      </c>
      <c r="F3572" t="s">
        <v>2049</v>
      </c>
      <c r="G3572" t="s">
        <v>80</v>
      </c>
      <c r="H3572" t="s">
        <v>81</v>
      </c>
      <c r="I3572" s="2">
        <v>0</v>
      </c>
      <c r="J3572" s="2">
        <v>1</v>
      </c>
      <c r="K3572" s="2">
        <v>0</v>
      </c>
      <c r="L3572" t="s">
        <v>82</v>
      </c>
      <c r="M3572" t="s">
        <v>89</v>
      </c>
      <c r="N3572" t="s">
        <v>90</v>
      </c>
      <c r="O3572" t="s">
        <v>85</v>
      </c>
      <c r="P3572" t="s">
        <v>86</v>
      </c>
      <c r="Q3572">
        <v>185</v>
      </c>
      <c r="R3572">
        <v>191</v>
      </c>
      <c r="S3572">
        <v>197</v>
      </c>
      <c r="T3572">
        <v>203</v>
      </c>
      <c r="U3572">
        <v>209</v>
      </c>
      <c r="V3572">
        <v>215</v>
      </c>
      <c r="W3572">
        <v>221</v>
      </c>
      <c r="X3572">
        <v>227</v>
      </c>
      <c r="Y3572">
        <v>233</v>
      </c>
      <c r="Z3572">
        <v>239</v>
      </c>
      <c r="AA3572">
        <v>245</v>
      </c>
      <c r="AB3572">
        <v>250</v>
      </c>
      <c r="AC3572">
        <v>257</v>
      </c>
      <c r="AD3572">
        <v>263</v>
      </c>
      <c r="AE3572">
        <v>268</v>
      </c>
      <c r="AF3572">
        <v>270</v>
      </c>
      <c r="AG3572">
        <v>273</v>
      </c>
      <c r="AH3572">
        <v>275</v>
      </c>
      <c r="AI3572">
        <v>278</v>
      </c>
      <c r="AJ3572">
        <v>281</v>
      </c>
      <c r="AK3572">
        <v>283</v>
      </c>
      <c r="AL3572">
        <v>286</v>
      </c>
      <c r="AM3572">
        <v>289</v>
      </c>
      <c r="AN3572">
        <v>291</v>
      </c>
      <c r="AO3572">
        <v>294</v>
      </c>
      <c r="AP3572">
        <v>297</v>
      </c>
      <c r="AQ3572">
        <v>299</v>
      </c>
    </row>
    <row r="3573" spans="1:43">
      <c r="A3573" t="s">
        <v>2260</v>
      </c>
      <c r="B3573" t="s">
        <v>2261</v>
      </c>
      <c r="C3573" t="s">
        <v>2128</v>
      </c>
      <c r="D3573" t="s">
        <v>2129</v>
      </c>
      <c r="E3573" t="s">
        <v>2048</v>
      </c>
      <c r="F3573" t="s">
        <v>2049</v>
      </c>
      <c r="G3573" t="s">
        <v>80</v>
      </c>
      <c r="H3573" t="s">
        <v>81</v>
      </c>
      <c r="I3573" s="2">
        <v>0</v>
      </c>
      <c r="J3573" s="2">
        <v>1</v>
      </c>
      <c r="K3573" s="2">
        <v>0</v>
      </c>
      <c r="L3573" t="s">
        <v>82</v>
      </c>
      <c r="M3573" t="s">
        <v>83</v>
      </c>
      <c r="N3573" t="s">
        <v>91</v>
      </c>
      <c r="O3573" t="s">
        <v>85</v>
      </c>
      <c r="P3573" t="s">
        <v>86</v>
      </c>
      <c r="Q3573">
        <v>185</v>
      </c>
      <c r="R3573">
        <v>189</v>
      </c>
      <c r="S3573">
        <v>194</v>
      </c>
      <c r="T3573">
        <v>198</v>
      </c>
      <c r="U3573">
        <v>203</v>
      </c>
      <c r="V3573">
        <v>207</v>
      </c>
      <c r="W3573">
        <v>212</v>
      </c>
      <c r="X3573">
        <v>217</v>
      </c>
      <c r="Y3573">
        <v>222</v>
      </c>
      <c r="Z3573">
        <v>226</v>
      </c>
      <c r="AA3573">
        <v>231</v>
      </c>
      <c r="AB3573">
        <v>236</v>
      </c>
      <c r="AC3573">
        <v>241</v>
      </c>
      <c r="AD3573">
        <v>246</v>
      </c>
      <c r="AE3573">
        <v>251</v>
      </c>
      <c r="AF3573">
        <v>256</v>
      </c>
      <c r="AG3573">
        <v>261</v>
      </c>
      <c r="AH3573">
        <v>266</v>
      </c>
      <c r="AI3573">
        <v>272</v>
      </c>
      <c r="AJ3573">
        <v>277</v>
      </c>
      <c r="AK3573">
        <v>282</v>
      </c>
      <c r="AL3573">
        <v>286</v>
      </c>
      <c r="AM3573">
        <v>289</v>
      </c>
      <c r="AN3573">
        <v>291</v>
      </c>
      <c r="AO3573">
        <v>294</v>
      </c>
      <c r="AP3573">
        <v>297</v>
      </c>
      <c r="AQ3573">
        <v>300</v>
      </c>
    </row>
    <row r="3574" spans="1:43">
      <c r="A3574" t="s">
        <v>2262</v>
      </c>
      <c r="B3574" t="s">
        <v>2263</v>
      </c>
      <c r="C3574" t="s">
        <v>2128</v>
      </c>
      <c r="D3574" t="s">
        <v>2129</v>
      </c>
      <c r="E3574" t="s">
        <v>2048</v>
      </c>
      <c r="F3574" t="s">
        <v>2049</v>
      </c>
      <c r="G3574" t="s">
        <v>80</v>
      </c>
      <c r="H3574" t="s">
        <v>81</v>
      </c>
      <c r="I3574" s="2">
        <v>0</v>
      </c>
      <c r="J3574" s="2">
        <v>1</v>
      </c>
      <c r="K3574" s="2">
        <v>0</v>
      </c>
      <c r="L3574" t="s">
        <v>82</v>
      </c>
      <c r="M3574" t="s">
        <v>83</v>
      </c>
      <c r="N3574" t="s">
        <v>84</v>
      </c>
      <c r="O3574" t="s">
        <v>85</v>
      </c>
      <c r="P3574" t="s">
        <v>86</v>
      </c>
      <c r="Q3574">
        <v>40</v>
      </c>
      <c r="R3574">
        <v>41</v>
      </c>
      <c r="S3574">
        <v>42</v>
      </c>
      <c r="T3574">
        <v>43</v>
      </c>
      <c r="U3574">
        <v>44</v>
      </c>
      <c r="V3574">
        <v>45</v>
      </c>
      <c r="W3574">
        <v>46</v>
      </c>
      <c r="X3574">
        <v>47</v>
      </c>
      <c r="Y3574">
        <v>48</v>
      </c>
      <c r="Z3574">
        <v>49</v>
      </c>
      <c r="AA3574">
        <v>50</v>
      </c>
      <c r="AB3574">
        <v>51</v>
      </c>
      <c r="AC3574">
        <v>52</v>
      </c>
      <c r="AD3574">
        <v>53</v>
      </c>
      <c r="AE3574">
        <v>55</v>
      </c>
      <c r="AF3574">
        <v>56</v>
      </c>
      <c r="AG3574">
        <v>57</v>
      </c>
      <c r="AH3574">
        <v>58</v>
      </c>
      <c r="AI3574">
        <v>59</v>
      </c>
      <c r="AJ3574">
        <v>60</v>
      </c>
      <c r="AK3574">
        <v>61</v>
      </c>
      <c r="AL3574">
        <v>62</v>
      </c>
      <c r="AM3574">
        <v>63</v>
      </c>
      <c r="AN3574">
        <v>63</v>
      </c>
      <c r="AO3574">
        <v>64</v>
      </c>
      <c r="AP3574">
        <v>64</v>
      </c>
      <c r="AQ3574">
        <v>65</v>
      </c>
    </row>
    <row r="3575" spans="1:43">
      <c r="A3575" t="s">
        <v>2262</v>
      </c>
      <c r="B3575" t="s">
        <v>2263</v>
      </c>
      <c r="C3575" t="s">
        <v>2128</v>
      </c>
      <c r="D3575" t="s">
        <v>2129</v>
      </c>
      <c r="E3575" t="s">
        <v>2048</v>
      </c>
      <c r="F3575" t="s">
        <v>2049</v>
      </c>
      <c r="G3575" t="s">
        <v>80</v>
      </c>
      <c r="H3575" t="s">
        <v>81</v>
      </c>
      <c r="I3575" s="2">
        <v>0</v>
      </c>
      <c r="J3575" s="2">
        <v>1</v>
      </c>
      <c r="K3575" s="2">
        <v>0</v>
      </c>
      <c r="L3575" t="s">
        <v>82</v>
      </c>
      <c r="M3575" t="s">
        <v>87</v>
      </c>
      <c r="N3575" t="s">
        <v>88</v>
      </c>
      <c r="O3575" t="s">
        <v>85</v>
      </c>
      <c r="P3575" t="s">
        <v>86</v>
      </c>
      <c r="Q3575">
        <v>40</v>
      </c>
      <c r="R3575">
        <v>40</v>
      </c>
      <c r="S3575">
        <v>41</v>
      </c>
      <c r="T3575">
        <v>42</v>
      </c>
      <c r="U3575">
        <v>42</v>
      </c>
      <c r="V3575">
        <v>43</v>
      </c>
      <c r="W3575">
        <v>43</v>
      </c>
      <c r="X3575">
        <v>44</v>
      </c>
      <c r="Y3575">
        <v>45</v>
      </c>
      <c r="Z3575">
        <v>45</v>
      </c>
      <c r="AA3575">
        <v>46</v>
      </c>
      <c r="AB3575">
        <v>46</v>
      </c>
      <c r="AC3575">
        <v>47</v>
      </c>
      <c r="AD3575">
        <v>48</v>
      </c>
      <c r="AE3575">
        <v>48</v>
      </c>
      <c r="AF3575">
        <v>49</v>
      </c>
      <c r="AG3575">
        <v>50</v>
      </c>
      <c r="AH3575">
        <v>50</v>
      </c>
      <c r="AI3575">
        <v>51</v>
      </c>
      <c r="AJ3575">
        <v>52</v>
      </c>
      <c r="AK3575">
        <v>52</v>
      </c>
      <c r="AL3575">
        <v>53</v>
      </c>
      <c r="AM3575">
        <v>54</v>
      </c>
      <c r="AN3575">
        <v>54</v>
      </c>
      <c r="AO3575">
        <v>55</v>
      </c>
      <c r="AP3575">
        <v>56</v>
      </c>
      <c r="AQ3575">
        <v>56</v>
      </c>
    </row>
    <row r="3576" spans="1:43">
      <c r="A3576" t="s">
        <v>2262</v>
      </c>
      <c r="B3576" t="s">
        <v>2263</v>
      </c>
      <c r="C3576" t="s">
        <v>2128</v>
      </c>
      <c r="D3576" t="s">
        <v>2129</v>
      </c>
      <c r="E3576" t="s">
        <v>2048</v>
      </c>
      <c r="F3576" t="s">
        <v>2049</v>
      </c>
      <c r="G3576" t="s">
        <v>80</v>
      </c>
      <c r="H3576" t="s">
        <v>81</v>
      </c>
      <c r="I3576" s="2">
        <v>0</v>
      </c>
      <c r="J3576" s="2">
        <v>1</v>
      </c>
      <c r="K3576" s="2">
        <v>0</v>
      </c>
      <c r="L3576" t="s">
        <v>82</v>
      </c>
      <c r="M3576" t="s">
        <v>89</v>
      </c>
      <c r="N3576" t="s">
        <v>90</v>
      </c>
      <c r="O3576" t="s">
        <v>85</v>
      </c>
      <c r="P3576" t="s">
        <v>86</v>
      </c>
      <c r="Q3576">
        <v>40</v>
      </c>
      <c r="R3576">
        <v>41</v>
      </c>
      <c r="S3576">
        <v>42</v>
      </c>
      <c r="T3576">
        <v>44</v>
      </c>
      <c r="U3576">
        <v>45</v>
      </c>
      <c r="V3576">
        <v>46</v>
      </c>
      <c r="W3576">
        <v>47</v>
      </c>
      <c r="X3576">
        <v>49</v>
      </c>
      <c r="Y3576">
        <v>50</v>
      </c>
      <c r="Z3576">
        <v>51</v>
      </c>
      <c r="AA3576">
        <v>53</v>
      </c>
      <c r="AB3576">
        <v>54</v>
      </c>
      <c r="AC3576">
        <v>55</v>
      </c>
      <c r="AD3576">
        <v>56</v>
      </c>
      <c r="AE3576">
        <v>58</v>
      </c>
      <c r="AF3576">
        <v>58</v>
      </c>
      <c r="AG3576">
        <v>59</v>
      </c>
      <c r="AH3576">
        <v>59</v>
      </c>
      <c r="AI3576">
        <v>60</v>
      </c>
      <c r="AJ3576">
        <v>60</v>
      </c>
      <c r="AK3576">
        <v>61</v>
      </c>
      <c r="AL3576">
        <v>62</v>
      </c>
      <c r="AM3576">
        <v>62</v>
      </c>
      <c r="AN3576">
        <v>63</v>
      </c>
      <c r="AO3576">
        <v>63</v>
      </c>
      <c r="AP3576">
        <v>64</v>
      </c>
      <c r="AQ3576">
        <v>64</v>
      </c>
    </row>
    <row r="3577" spans="1:43">
      <c r="A3577" t="s">
        <v>2262</v>
      </c>
      <c r="B3577" t="s">
        <v>2263</v>
      </c>
      <c r="C3577" t="s">
        <v>2128</v>
      </c>
      <c r="D3577" t="s">
        <v>2129</v>
      </c>
      <c r="E3577" t="s">
        <v>2048</v>
      </c>
      <c r="F3577" t="s">
        <v>2049</v>
      </c>
      <c r="G3577" t="s">
        <v>80</v>
      </c>
      <c r="H3577" t="s">
        <v>81</v>
      </c>
      <c r="I3577" s="2">
        <v>0</v>
      </c>
      <c r="J3577" s="2">
        <v>1</v>
      </c>
      <c r="K3577" s="2">
        <v>0</v>
      </c>
      <c r="L3577" t="s">
        <v>82</v>
      </c>
      <c r="M3577" t="s">
        <v>83</v>
      </c>
      <c r="N3577" t="s">
        <v>91</v>
      </c>
      <c r="O3577" t="s">
        <v>85</v>
      </c>
      <c r="P3577" t="s">
        <v>86</v>
      </c>
      <c r="Q3577">
        <v>40</v>
      </c>
      <c r="R3577">
        <v>41</v>
      </c>
      <c r="S3577">
        <v>42</v>
      </c>
      <c r="T3577">
        <v>43</v>
      </c>
      <c r="U3577">
        <v>44</v>
      </c>
      <c r="V3577">
        <v>45</v>
      </c>
      <c r="W3577">
        <v>46</v>
      </c>
      <c r="X3577">
        <v>47</v>
      </c>
      <c r="Y3577">
        <v>48</v>
      </c>
      <c r="Z3577">
        <v>49</v>
      </c>
      <c r="AA3577">
        <v>50</v>
      </c>
      <c r="AB3577">
        <v>51</v>
      </c>
      <c r="AC3577">
        <v>52</v>
      </c>
      <c r="AD3577">
        <v>53</v>
      </c>
      <c r="AE3577">
        <v>55</v>
      </c>
      <c r="AF3577">
        <v>56</v>
      </c>
      <c r="AG3577">
        <v>57</v>
      </c>
      <c r="AH3577">
        <v>58</v>
      </c>
      <c r="AI3577">
        <v>59</v>
      </c>
      <c r="AJ3577">
        <v>60</v>
      </c>
      <c r="AK3577">
        <v>61</v>
      </c>
      <c r="AL3577">
        <v>62</v>
      </c>
      <c r="AM3577">
        <v>63</v>
      </c>
      <c r="AN3577">
        <v>63</v>
      </c>
      <c r="AO3577">
        <v>64</v>
      </c>
      <c r="AP3577">
        <v>64</v>
      </c>
      <c r="AQ3577">
        <v>65</v>
      </c>
    </row>
    <row r="3578" spans="1:43">
      <c r="A3578" t="s">
        <v>2264</v>
      </c>
      <c r="B3578" t="s">
        <v>2265</v>
      </c>
      <c r="C3578" t="s">
        <v>2256</v>
      </c>
      <c r="D3578" t="s">
        <v>2257</v>
      </c>
      <c r="E3578" t="s">
        <v>2048</v>
      </c>
      <c r="F3578" t="s">
        <v>2049</v>
      </c>
      <c r="G3578" t="s">
        <v>80</v>
      </c>
      <c r="H3578" t="s">
        <v>81</v>
      </c>
      <c r="I3578" s="2">
        <v>0</v>
      </c>
      <c r="J3578" s="2">
        <v>1</v>
      </c>
      <c r="K3578" s="2">
        <v>0</v>
      </c>
      <c r="L3578" t="s">
        <v>82</v>
      </c>
      <c r="M3578" t="s">
        <v>83</v>
      </c>
      <c r="N3578" t="s">
        <v>84</v>
      </c>
      <c r="O3578" t="s">
        <v>85</v>
      </c>
      <c r="P3578" t="s">
        <v>86</v>
      </c>
      <c r="Q3578">
        <v>29</v>
      </c>
      <c r="R3578">
        <v>30</v>
      </c>
      <c r="S3578">
        <v>31</v>
      </c>
      <c r="T3578">
        <v>31</v>
      </c>
      <c r="U3578">
        <v>32</v>
      </c>
      <c r="V3578">
        <v>33</v>
      </c>
      <c r="W3578">
        <v>34</v>
      </c>
      <c r="X3578">
        <v>34</v>
      </c>
      <c r="Y3578">
        <v>35</v>
      </c>
      <c r="Z3578">
        <v>36</v>
      </c>
      <c r="AA3578">
        <v>37</v>
      </c>
      <c r="AB3578">
        <v>37</v>
      </c>
      <c r="AC3578">
        <v>38</v>
      </c>
      <c r="AD3578">
        <v>39</v>
      </c>
      <c r="AE3578">
        <v>40</v>
      </c>
      <c r="AF3578">
        <v>41</v>
      </c>
      <c r="AG3578">
        <v>41</v>
      </c>
      <c r="AH3578">
        <v>42</v>
      </c>
      <c r="AI3578">
        <v>43</v>
      </c>
      <c r="AJ3578">
        <v>44</v>
      </c>
      <c r="AK3578">
        <v>45</v>
      </c>
      <c r="AL3578">
        <v>45</v>
      </c>
      <c r="AM3578">
        <v>46</v>
      </c>
      <c r="AN3578">
        <v>46</v>
      </c>
      <c r="AO3578">
        <v>46</v>
      </c>
      <c r="AP3578">
        <v>47</v>
      </c>
      <c r="AQ3578">
        <v>47</v>
      </c>
    </row>
    <row r="3579" spans="1:43">
      <c r="A3579" t="s">
        <v>2264</v>
      </c>
      <c r="B3579" t="s">
        <v>2265</v>
      </c>
      <c r="C3579" t="s">
        <v>2256</v>
      </c>
      <c r="D3579" t="s">
        <v>2257</v>
      </c>
      <c r="E3579" t="s">
        <v>2048</v>
      </c>
      <c r="F3579" t="s">
        <v>2049</v>
      </c>
      <c r="G3579" t="s">
        <v>80</v>
      </c>
      <c r="H3579" t="s">
        <v>81</v>
      </c>
      <c r="I3579" s="2">
        <v>0</v>
      </c>
      <c r="J3579" s="2">
        <v>1</v>
      </c>
      <c r="K3579" s="2">
        <v>0</v>
      </c>
      <c r="L3579" t="s">
        <v>82</v>
      </c>
      <c r="M3579" t="s">
        <v>87</v>
      </c>
      <c r="N3579" t="s">
        <v>88</v>
      </c>
      <c r="O3579" t="s">
        <v>85</v>
      </c>
      <c r="P3579" t="s">
        <v>86</v>
      </c>
      <c r="Q3579">
        <v>29</v>
      </c>
      <c r="R3579">
        <v>30</v>
      </c>
      <c r="S3579">
        <v>30</v>
      </c>
      <c r="T3579">
        <v>30</v>
      </c>
      <c r="U3579">
        <v>31</v>
      </c>
      <c r="V3579">
        <v>31</v>
      </c>
      <c r="W3579">
        <v>32</v>
      </c>
      <c r="X3579">
        <v>32</v>
      </c>
      <c r="Y3579">
        <v>32</v>
      </c>
      <c r="Z3579">
        <v>33</v>
      </c>
      <c r="AA3579">
        <v>33</v>
      </c>
      <c r="AB3579">
        <v>34</v>
      </c>
      <c r="AC3579">
        <v>34</v>
      </c>
      <c r="AD3579">
        <v>35</v>
      </c>
      <c r="AE3579">
        <v>35</v>
      </c>
      <c r="AF3579">
        <v>36</v>
      </c>
      <c r="AG3579">
        <v>36</v>
      </c>
      <c r="AH3579">
        <v>37</v>
      </c>
      <c r="AI3579">
        <v>37</v>
      </c>
      <c r="AJ3579">
        <v>38</v>
      </c>
      <c r="AK3579">
        <v>38</v>
      </c>
      <c r="AL3579">
        <v>39</v>
      </c>
      <c r="AM3579">
        <v>39</v>
      </c>
      <c r="AN3579">
        <v>40</v>
      </c>
      <c r="AO3579">
        <v>40</v>
      </c>
      <c r="AP3579">
        <v>41</v>
      </c>
      <c r="AQ3579">
        <v>41</v>
      </c>
    </row>
    <row r="3580" spans="1:43">
      <c r="A3580" t="s">
        <v>2264</v>
      </c>
      <c r="B3580" t="s">
        <v>2265</v>
      </c>
      <c r="C3580" t="s">
        <v>2256</v>
      </c>
      <c r="D3580" t="s">
        <v>2257</v>
      </c>
      <c r="E3580" t="s">
        <v>2048</v>
      </c>
      <c r="F3580" t="s">
        <v>2049</v>
      </c>
      <c r="G3580" t="s">
        <v>80</v>
      </c>
      <c r="H3580" t="s">
        <v>81</v>
      </c>
      <c r="I3580" s="2">
        <v>0</v>
      </c>
      <c r="J3580" s="2">
        <v>1</v>
      </c>
      <c r="K3580" s="2">
        <v>0</v>
      </c>
      <c r="L3580" t="s">
        <v>82</v>
      </c>
      <c r="M3580" t="s">
        <v>89</v>
      </c>
      <c r="N3580" t="s">
        <v>90</v>
      </c>
      <c r="O3580" t="s">
        <v>85</v>
      </c>
      <c r="P3580" t="s">
        <v>86</v>
      </c>
      <c r="Q3580">
        <v>29</v>
      </c>
      <c r="R3580">
        <v>30</v>
      </c>
      <c r="S3580">
        <v>31</v>
      </c>
      <c r="T3580">
        <v>32</v>
      </c>
      <c r="U3580">
        <v>32</v>
      </c>
      <c r="V3580">
        <v>33</v>
      </c>
      <c r="W3580">
        <v>34</v>
      </c>
      <c r="X3580">
        <v>35</v>
      </c>
      <c r="Y3580">
        <v>36</v>
      </c>
      <c r="Z3580">
        <v>37</v>
      </c>
      <c r="AA3580">
        <v>38</v>
      </c>
      <c r="AB3580">
        <v>39</v>
      </c>
      <c r="AC3580">
        <v>40</v>
      </c>
      <c r="AD3580">
        <v>41</v>
      </c>
      <c r="AE3580">
        <v>42</v>
      </c>
      <c r="AF3580">
        <v>42</v>
      </c>
      <c r="AG3580">
        <v>42</v>
      </c>
      <c r="AH3580">
        <v>43</v>
      </c>
      <c r="AI3580">
        <v>43</v>
      </c>
      <c r="AJ3580">
        <v>44</v>
      </c>
      <c r="AK3580">
        <v>44</v>
      </c>
      <c r="AL3580">
        <v>45</v>
      </c>
      <c r="AM3580">
        <v>45</v>
      </c>
      <c r="AN3580">
        <v>45</v>
      </c>
      <c r="AO3580">
        <v>46</v>
      </c>
      <c r="AP3580">
        <v>46</v>
      </c>
      <c r="AQ3580">
        <v>47</v>
      </c>
    </row>
    <row r="3581" spans="1:43">
      <c r="A3581" t="s">
        <v>2264</v>
      </c>
      <c r="B3581" t="s">
        <v>2265</v>
      </c>
      <c r="C3581" t="s">
        <v>2256</v>
      </c>
      <c r="D3581" t="s">
        <v>2257</v>
      </c>
      <c r="E3581" t="s">
        <v>2048</v>
      </c>
      <c r="F3581" t="s">
        <v>2049</v>
      </c>
      <c r="G3581" t="s">
        <v>80</v>
      </c>
      <c r="H3581" t="s">
        <v>81</v>
      </c>
      <c r="I3581" s="2">
        <v>0</v>
      </c>
      <c r="J3581" s="2">
        <v>1</v>
      </c>
      <c r="K3581" s="2">
        <v>0</v>
      </c>
      <c r="L3581" t="s">
        <v>82</v>
      </c>
      <c r="M3581" t="s">
        <v>83</v>
      </c>
      <c r="N3581" t="s">
        <v>91</v>
      </c>
      <c r="O3581" t="s">
        <v>85</v>
      </c>
      <c r="P3581" t="s">
        <v>86</v>
      </c>
      <c r="Q3581">
        <v>29</v>
      </c>
      <c r="R3581">
        <v>30</v>
      </c>
      <c r="S3581">
        <v>31</v>
      </c>
      <c r="T3581">
        <v>31</v>
      </c>
      <c r="U3581">
        <v>32</v>
      </c>
      <c r="V3581">
        <v>33</v>
      </c>
      <c r="W3581">
        <v>34</v>
      </c>
      <c r="X3581">
        <v>34</v>
      </c>
      <c r="Y3581">
        <v>35</v>
      </c>
      <c r="Z3581">
        <v>36</v>
      </c>
      <c r="AA3581">
        <v>37</v>
      </c>
      <c r="AB3581">
        <v>37</v>
      </c>
      <c r="AC3581">
        <v>38</v>
      </c>
      <c r="AD3581">
        <v>39</v>
      </c>
      <c r="AE3581">
        <v>40</v>
      </c>
      <c r="AF3581">
        <v>41</v>
      </c>
      <c r="AG3581">
        <v>41</v>
      </c>
      <c r="AH3581">
        <v>42</v>
      </c>
      <c r="AI3581">
        <v>43</v>
      </c>
      <c r="AJ3581">
        <v>44</v>
      </c>
      <c r="AK3581">
        <v>45</v>
      </c>
      <c r="AL3581">
        <v>45</v>
      </c>
      <c r="AM3581">
        <v>46</v>
      </c>
      <c r="AN3581">
        <v>46</v>
      </c>
      <c r="AO3581">
        <v>46</v>
      </c>
      <c r="AP3581">
        <v>47</v>
      </c>
      <c r="AQ3581">
        <v>47</v>
      </c>
    </row>
    <row r="3582" spans="1:43">
      <c r="A3582" t="s">
        <v>2266</v>
      </c>
      <c r="B3582" t="s">
        <v>2267</v>
      </c>
      <c r="C3582" t="s">
        <v>2256</v>
      </c>
      <c r="D3582" t="s">
        <v>2257</v>
      </c>
      <c r="E3582" t="s">
        <v>2048</v>
      </c>
      <c r="F3582" t="s">
        <v>2049</v>
      </c>
      <c r="G3582" t="s">
        <v>80</v>
      </c>
      <c r="H3582" t="s">
        <v>81</v>
      </c>
      <c r="I3582" s="2">
        <v>0</v>
      </c>
      <c r="J3582" s="2">
        <v>1</v>
      </c>
      <c r="K3582" s="2">
        <v>0</v>
      </c>
      <c r="L3582" t="s">
        <v>82</v>
      </c>
      <c r="M3582" t="s">
        <v>83</v>
      </c>
      <c r="N3582" t="s">
        <v>84</v>
      </c>
      <c r="O3582" t="s">
        <v>85</v>
      </c>
      <c r="P3582" t="s">
        <v>86</v>
      </c>
      <c r="Q3582">
        <v>45</v>
      </c>
      <c r="R3582">
        <v>46</v>
      </c>
      <c r="S3582">
        <v>47</v>
      </c>
      <c r="T3582">
        <v>48</v>
      </c>
      <c r="U3582">
        <v>49</v>
      </c>
      <c r="V3582">
        <v>50</v>
      </c>
      <c r="W3582">
        <v>51</v>
      </c>
      <c r="X3582">
        <v>53</v>
      </c>
      <c r="Y3582">
        <v>54</v>
      </c>
      <c r="Z3582">
        <v>55</v>
      </c>
      <c r="AA3582">
        <v>56</v>
      </c>
      <c r="AB3582">
        <v>57</v>
      </c>
      <c r="AC3582">
        <v>59</v>
      </c>
      <c r="AD3582">
        <v>60</v>
      </c>
      <c r="AE3582">
        <v>61</v>
      </c>
      <c r="AF3582">
        <v>62</v>
      </c>
      <c r="AG3582">
        <v>63</v>
      </c>
      <c r="AH3582">
        <v>65</v>
      </c>
      <c r="AI3582">
        <v>66</v>
      </c>
      <c r="AJ3582">
        <v>67</v>
      </c>
      <c r="AK3582">
        <v>69</v>
      </c>
      <c r="AL3582">
        <v>69</v>
      </c>
      <c r="AM3582">
        <v>70</v>
      </c>
      <c r="AN3582">
        <v>71</v>
      </c>
      <c r="AO3582">
        <v>71</v>
      </c>
      <c r="AP3582">
        <v>72</v>
      </c>
      <c r="AQ3582">
        <v>73</v>
      </c>
    </row>
    <row r="3583" spans="1:43">
      <c r="A3583" t="s">
        <v>2266</v>
      </c>
      <c r="B3583" t="s">
        <v>2267</v>
      </c>
      <c r="C3583" t="s">
        <v>2256</v>
      </c>
      <c r="D3583" t="s">
        <v>2257</v>
      </c>
      <c r="E3583" t="s">
        <v>2048</v>
      </c>
      <c r="F3583" t="s">
        <v>2049</v>
      </c>
      <c r="G3583" t="s">
        <v>80</v>
      </c>
      <c r="H3583" t="s">
        <v>81</v>
      </c>
      <c r="I3583" s="2">
        <v>0</v>
      </c>
      <c r="J3583" s="2">
        <v>1</v>
      </c>
      <c r="K3583" s="2">
        <v>0</v>
      </c>
      <c r="L3583" t="s">
        <v>82</v>
      </c>
      <c r="M3583" t="s">
        <v>87</v>
      </c>
      <c r="N3583" t="s">
        <v>88</v>
      </c>
      <c r="O3583" t="s">
        <v>85</v>
      </c>
      <c r="P3583" t="s">
        <v>86</v>
      </c>
      <c r="Q3583">
        <v>45</v>
      </c>
      <c r="R3583">
        <v>46</v>
      </c>
      <c r="S3583">
        <v>47</v>
      </c>
      <c r="T3583">
        <v>47</v>
      </c>
      <c r="U3583">
        <v>48</v>
      </c>
      <c r="V3583">
        <v>49</v>
      </c>
      <c r="W3583">
        <v>49</v>
      </c>
      <c r="X3583">
        <v>50</v>
      </c>
      <c r="Y3583">
        <v>51</v>
      </c>
      <c r="Z3583">
        <v>51</v>
      </c>
      <c r="AA3583">
        <v>52</v>
      </c>
      <c r="AB3583">
        <v>53</v>
      </c>
      <c r="AC3583">
        <v>54</v>
      </c>
      <c r="AD3583">
        <v>54</v>
      </c>
      <c r="AE3583">
        <v>55</v>
      </c>
      <c r="AF3583">
        <v>56</v>
      </c>
      <c r="AG3583">
        <v>56</v>
      </c>
      <c r="AH3583">
        <v>57</v>
      </c>
      <c r="AI3583">
        <v>58</v>
      </c>
      <c r="AJ3583">
        <v>59</v>
      </c>
      <c r="AK3583">
        <v>59</v>
      </c>
      <c r="AL3583">
        <v>60</v>
      </c>
      <c r="AM3583">
        <v>61</v>
      </c>
      <c r="AN3583">
        <v>62</v>
      </c>
      <c r="AO3583">
        <v>62</v>
      </c>
      <c r="AP3583">
        <v>63</v>
      </c>
      <c r="AQ3583">
        <v>64</v>
      </c>
    </row>
    <row r="3584" spans="1:43">
      <c r="A3584" t="s">
        <v>2266</v>
      </c>
      <c r="B3584" t="s">
        <v>2267</v>
      </c>
      <c r="C3584" t="s">
        <v>2256</v>
      </c>
      <c r="D3584" t="s">
        <v>2257</v>
      </c>
      <c r="E3584" t="s">
        <v>2048</v>
      </c>
      <c r="F3584" t="s">
        <v>2049</v>
      </c>
      <c r="G3584" t="s">
        <v>80</v>
      </c>
      <c r="H3584" t="s">
        <v>81</v>
      </c>
      <c r="I3584" s="2">
        <v>0</v>
      </c>
      <c r="J3584" s="2">
        <v>1</v>
      </c>
      <c r="K3584" s="2">
        <v>0</v>
      </c>
      <c r="L3584" t="s">
        <v>82</v>
      </c>
      <c r="M3584" t="s">
        <v>89</v>
      </c>
      <c r="N3584" t="s">
        <v>90</v>
      </c>
      <c r="O3584" t="s">
        <v>85</v>
      </c>
      <c r="P3584" t="s">
        <v>86</v>
      </c>
      <c r="Q3584">
        <v>45</v>
      </c>
      <c r="R3584">
        <v>47</v>
      </c>
      <c r="S3584">
        <v>48</v>
      </c>
      <c r="T3584">
        <v>50</v>
      </c>
      <c r="U3584">
        <v>51</v>
      </c>
      <c r="V3584">
        <v>53</v>
      </c>
      <c r="W3584">
        <v>54</v>
      </c>
      <c r="X3584">
        <v>56</v>
      </c>
      <c r="Y3584">
        <v>57</v>
      </c>
      <c r="Z3584">
        <v>58</v>
      </c>
      <c r="AA3584">
        <v>60</v>
      </c>
      <c r="AB3584">
        <v>61</v>
      </c>
      <c r="AC3584">
        <v>63</v>
      </c>
      <c r="AD3584">
        <v>64</v>
      </c>
      <c r="AE3584">
        <v>65</v>
      </c>
      <c r="AF3584">
        <v>66</v>
      </c>
      <c r="AG3584">
        <v>67</v>
      </c>
      <c r="AH3584">
        <v>67</v>
      </c>
      <c r="AI3584">
        <v>68</v>
      </c>
      <c r="AJ3584">
        <v>69</v>
      </c>
      <c r="AK3584">
        <v>69</v>
      </c>
      <c r="AL3584">
        <v>70</v>
      </c>
      <c r="AM3584">
        <v>71</v>
      </c>
      <c r="AN3584">
        <v>71</v>
      </c>
      <c r="AO3584">
        <v>72</v>
      </c>
      <c r="AP3584">
        <v>72</v>
      </c>
      <c r="AQ3584">
        <v>73</v>
      </c>
    </row>
    <row r="3585" spans="1:43">
      <c r="A3585" t="s">
        <v>2266</v>
      </c>
      <c r="B3585" t="s">
        <v>2267</v>
      </c>
      <c r="C3585" t="s">
        <v>2256</v>
      </c>
      <c r="D3585" t="s">
        <v>2257</v>
      </c>
      <c r="E3585" t="s">
        <v>2048</v>
      </c>
      <c r="F3585" t="s">
        <v>2049</v>
      </c>
      <c r="G3585" t="s">
        <v>80</v>
      </c>
      <c r="H3585" t="s">
        <v>81</v>
      </c>
      <c r="I3585" s="2">
        <v>0</v>
      </c>
      <c r="J3585" s="2">
        <v>1</v>
      </c>
      <c r="K3585" s="2">
        <v>0</v>
      </c>
      <c r="L3585" t="s">
        <v>82</v>
      </c>
      <c r="M3585" t="s">
        <v>83</v>
      </c>
      <c r="N3585" t="s">
        <v>91</v>
      </c>
      <c r="O3585" t="s">
        <v>85</v>
      </c>
      <c r="P3585" t="s">
        <v>86</v>
      </c>
      <c r="Q3585">
        <v>45</v>
      </c>
      <c r="R3585">
        <v>46</v>
      </c>
      <c r="S3585">
        <v>47</v>
      </c>
      <c r="T3585">
        <v>48</v>
      </c>
      <c r="U3585">
        <v>49</v>
      </c>
      <c r="V3585">
        <v>50</v>
      </c>
      <c r="W3585">
        <v>51</v>
      </c>
      <c r="X3585">
        <v>53</v>
      </c>
      <c r="Y3585">
        <v>54</v>
      </c>
      <c r="Z3585">
        <v>55</v>
      </c>
      <c r="AA3585">
        <v>56</v>
      </c>
      <c r="AB3585">
        <v>57</v>
      </c>
      <c r="AC3585">
        <v>59</v>
      </c>
      <c r="AD3585">
        <v>60</v>
      </c>
      <c r="AE3585">
        <v>61</v>
      </c>
      <c r="AF3585">
        <v>62</v>
      </c>
      <c r="AG3585">
        <v>63</v>
      </c>
      <c r="AH3585">
        <v>65</v>
      </c>
      <c r="AI3585">
        <v>66</v>
      </c>
      <c r="AJ3585">
        <v>67</v>
      </c>
      <c r="AK3585">
        <v>69</v>
      </c>
      <c r="AL3585">
        <v>69</v>
      </c>
      <c r="AM3585">
        <v>70</v>
      </c>
      <c r="AN3585">
        <v>71</v>
      </c>
      <c r="AO3585">
        <v>71</v>
      </c>
      <c r="AP3585">
        <v>72</v>
      </c>
      <c r="AQ3585">
        <v>73</v>
      </c>
    </row>
    <row r="3586" spans="1:43">
      <c r="A3586" t="s">
        <v>2268</v>
      </c>
      <c r="B3586" t="s">
        <v>2269</v>
      </c>
      <c r="C3586" t="s">
        <v>2256</v>
      </c>
      <c r="D3586" t="s">
        <v>2257</v>
      </c>
      <c r="E3586" t="s">
        <v>2048</v>
      </c>
      <c r="F3586" t="s">
        <v>2049</v>
      </c>
      <c r="G3586" t="s">
        <v>80</v>
      </c>
      <c r="H3586" t="s">
        <v>81</v>
      </c>
      <c r="I3586" s="2">
        <v>0</v>
      </c>
      <c r="J3586" s="2">
        <v>1</v>
      </c>
      <c r="K3586" s="2">
        <v>0</v>
      </c>
      <c r="L3586" t="s">
        <v>82</v>
      </c>
      <c r="M3586" t="s">
        <v>83</v>
      </c>
      <c r="N3586" t="s">
        <v>84</v>
      </c>
      <c r="O3586" t="s">
        <v>85</v>
      </c>
      <c r="P3586" t="s">
        <v>86</v>
      </c>
      <c r="Q3586">
        <v>26</v>
      </c>
      <c r="R3586">
        <v>27</v>
      </c>
      <c r="S3586">
        <v>27</v>
      </c>
      <c r="T3586">
        <v>28</v>
      </c>
      <c r="U3586">
        <v>28</v>
      </c>
      <c r="V3586">
        <v>29</v>
      </c>
      <c r="W3586">
        <v>30</v>
      </c>
      <c r="X3586">
        <v>30</v>
      </c>
      <c r="Y3586">
        <v>31</v>
      </c>
      <c r="Z3586">
        <v>32</v>
      </c>
      <c r="AA3586">
        <v>32</v>
      </c>
      <c r="AB3586">
        <v>33</v>
      </c>
      <c r="AC3586">
        <v>34</v>
      </c>
      <c r="AD3586">
        <v>34</v>
      </c>
      <c r="AE3586">
        <v>35</v>
      </c>
      <c r="AF3586">
        <v>36</v>
      </c>
      <c r="AG3586">
        <v>37</v>
      </c>
      <c r="AH3586">
        <v>37</v>
      </c>
      <c r="AI3586">
        <v>38</v>
      </c>
      <c r="AJ3586">
        <v>39</v>
      </c>
      <c r="AK3586">
        <v>39</v>
      </c>
      <c r="AL3586">
        <v>40</v>
      </c>
      <c r="AM3586">
        <v>40</v>
      </c>
      <c r="AN3586">
        <v>41</v>
      </c>
      <c r="AO3586">
        <v>41</v>
      </c>
      <c r="AP3586">
        <v>41</v>
      </c>
      <c r="AQ3586">
        <v>42</v>
      </c>
    </row>
    <row r="3587" spans="1:43">
      <c r="A3587" t="s">
        <v>2268</v>
      </c>
      <c r="B3587" t="s">
        <v>2269</v>
      </c>
      <c r="C3587" t="s">
        <v>2256</v>
      </c>
      <c r="D3587" t="s">
        <v>2257</v>
      </c>
      <c r="E3587" t="s">
        <v>2048</v>
      </c>
      <c r="F3587" t="s">
        <v>2049</v>
      </c>
      <c r="G3587" t="s">
        <v>80</v>
      </c>
      <c r="H3587" t="s">
        <v>81</v>
      </c>
      <c r="I3587" s="2">
        <v>0</v>
      </c>
      <c r="J3587" s="2">
        <v>1</v>
      </c>
      <c r="K3587" s="2">
        <v>0</v>
      </c>
      <c r="L3587" t="s">
        <v>82</v>
      </c>
      <c r="M3587" t="s">
        <v>87</v>
      </c>
      <c r="N3587" t="s">
        <v>88</v>
      </c>
      <c r="O3587" t="s">
        <v>85</v>
      </c>
      <c r="P3587" t="s">
        <v>86</v>
      </c>
      <c r="Q3587">
        <v>26</v>
      </c>
      <c r="R3587">
        <v>26</v>
      </c>
      <c r="S3587">
        <v>26</v>
      </c>
      <c r="T3587">
        <v>27</v>
      </c>
      <c r="U3587">
        <v>27</v>
      </c>
      <c r="V3587">
        <v>28</v>
      </c>
      <c r="W3587">
        <v>28</v>
      </c>
      <c r="X3587">
        <v>28</v>
      </c>
      <c r="Y3587">
        <v>29</v>
      </c>
      <c r="Z3587">
        <v>29</v>
      </c>
      <c r="AA3587">
        <v>29</v>
      </c>
      <c r="AB3587">
        <v>30</v>
      </c>
      <c r="AC3587">
        <v>30</v>
      </c>
      <c r="AD3587">
        <v>31</v>
      </c>
      <c r="AE3587">
        <v>31</v>
      </c>
      <c r="AF3587">
        <v>31</v>
      </c>
      <c r="AG3587">
        <v>32</v>
      </c>
      <c r="AH3587">
        <v>32</v>
      </c>
      <c r="AI3587">
        <v>33</v>
      </c>
      <c r="AJ3587">
        <v>33</v>
      </c>
      <c r="AK3587">
        <v>34</v>
      </c>
      <c r="AL3587">
        <v>34</v>
      </c>
      <c r="AM3587">
        <v>34</v>
      </c>
      <c r="AN3587">
        <v>35</v>
      </c>
      <c r="AO3587">
        <v>35</v>
      </c>
      <c r="AP3587">
        <v>36</v>
      </c>
      <c r="AQ3587">
        <v>36</v>
      </c>
    </row>
    <row r="3588" spans="1:43">
      <c r="A3588" t="s">
        <v>2268</v>
      </c>
      <c r="B3588" t="s">
        <v>2269</v>
      </c>
      <c r="C3588" t="s">
        <v>2256</v>
      </c>
      <c r="D3588" t="s">
        <v>2257</v>
      </c>
      <c r="E3588" t="s">
        <v>2048</v>
      </c>
      <c r="F3588" t="s">
        <v>2049</v>
      </c>
      <c r="G3588" t="s">
        <v>80</v>
      </c>
      <c r="H3588" t="s">
        <v>81</v>
      </c>
      <c r="I3588" s="2">
        <v>0</v>
      </c>
      <c r="J3588" s="2">
        <v>1</v>
      </c>
      <c r="K3588" s="2">
        <v>0</v>
      </c>
      <c r="L3588" t="s">
        <v>82</v>
      </c>
      <c r="M3588" t="s">
        <v>89</v>
      </c>
      <c r="N3588" t="s">
        <v>90</v>
      </c>
      <c r="O3588" t="s">
        <v>85</v>
      </c>
      <c r="P3588" t="s">
        <v>86</v>
      </c>
      <c r="Q3588">
        <v>26</v>
      </c>
      <c r="R3588">
        <v>27</v>
      </c>
      <c r="S3588">
        <v>28</v>
      </c>
      <c r="T3588">
        <v>29</v>
      </c>
      <c r="U3588">
        <v>30</v>
      </c>
      <c r="V3588">
        <v>30</v>
      </c>
      <c r="W3588">
        <v>31</v>
      </c>
      <c r="X3588">
        <v>32</v>
      </c>
      <c r="Y3588">
        <v>33</v>
      </c>
      <c r="Z3588">
        <v>34</v>
      </c>
      <c r="AA3588">
        <v>34</v>
      </c>
      <c r="AB3588">
        <v>35</v>
      </c>
      <c r="AC3588">
        <v>36</v>
      </c>
      <c r="AD3588">
        <v>37</v>
      </c>
      <c r="AE3588">
        <v>38</v>
      </c>
      <c r="AF3588">
        <v>38</v>
      </c>
      <c r="AG3588">
        <v>38</v>
      </c>
      <c r="AH3588">
        <v>39</v>
      </c>
      <c r="AI3588">
        <v>39</v>
      </c>
      <c r="AJ3588">
        <v>40</v>
      </c>
      <c r="AK3588">
        <v>40</v>
      </c>
      <c r="AL3588">
        <v>40</v>
      </c>
      <c r="AM3588">
        <v>41</v>
      </c>
      <c r="AN3588">
        <v>41</v>
      </c>
      <c r="AO3588">
        <v>41</v>
      </c>
      <c r="AP3588">
        <v>42</v>
      </c>
      <c r="AQ3588">
        <v>42</v>
      </c>
    </row>
    <row r="3589" spans="1:43">
      <c r="A3589" t="s">
        <v>2268</v>
      </c>
      <c r="B3589" t="s">
        <v>2269</v>
      </c>
      <c r="C3589" t="s">
        <v>2256</v>
      </c>
      <c r="D3589" t="s">
        <v>2257</v>
      </c>
      <c r="E3589" t="s">
        <v>2048</v>
      </c>
      <c r="F3589" t="s">
        <v>2049</v>
      </c>
      <c r="G3589" t="s">
        <v>80</v>
      </c>
      <c r="H3589" t="s">
        <v>81</v>
      </c>
      <c r="I3589" s="2">
        <v>0</v>
      </c>
      <c r="J3589" s="2">
        <v>1</v>
      </c>
      <c r="K3589" s="2">
        <v>0</v>
      </c>
      <c r="L3589" t="s">
        <v>82</v>
      </c>
      <c r="M3589" t="s">
        <v>83</v>
      </c>
      <c r="N3589" t="s">
        <v>91</v>
      </c>
      <c r="O3589" t="s">
        <v>85</v>
      </c>
      <c r="P3589" t="s">
        <v>86</v>
      </c>
      <c r="Q3589">
        <v>26</v>
      </c>
      <c r="R3589">
        <v>27</v>
      </c>
      <c r="S3589">
        <v>27</v>
      </c>
      <c r="T3589">
        <v>28</v>
      </c>
      <c r="U3589">
        <v>28</v>
      </c>
      <c r="V3589">
        <v>29</v>
      </c>
      <c r="W3589">
        <v>30</v>
      </c>
      <c r="X3589">
        <v>30</v>
      </c>
      <c r="Y3589">
        <v>31</v>
      </c>
      <c r="Z3589">
        <v>32</v>
      </c>
      <c r="AA3589">
        <v>32</v>
      </c>
      <c r="AB3589">
        <v>33</v>
      </c>
      <c r="AC3589">
        <v>34</v>
      </c>
      <c r="AD3589">
        <v>34</v>
      </c>
      <c r="AE3589">
        <v>35</v>
      </c>
      <c r="AF3589">
        <v>36</v>
      </c>
      <c r="AG3589">
        <v>37</v>
      </c>
      <c r="AH3589">
        <v>37</v>
      </c>
      <c r="AI3589">
        <v>38</v>
      </c>
      <c r="AJ3589">
        <v>39</v>
      </c>
      <c r="AK3589">
        <v>39</v>
      </c>
      <c r="AL3589">
        <v>40</v>
      </c>
      <c r="AM3589">
        <v>40</v>
      </c>
      <c r="AN3589">
        <v>41</v>
      </c>
      <c r="AO3589">
        <v>41</v>
      </c>
      <c r="AP3589">
        <v>41</v>
      </c>
      <c r="AQ3589">
        <v>42</v>
      </c>
    </row>
    <row r="3590" spans="1:43">
      <c r="A3590" t="s">
        <v>2270</v>
      </c>
      <c r="B3590" t="s">
        <v>2271</v>
      </c>
      <c r="C3590" t="s">
        <v>2074</v>
      </c>
      <c r="D3590" t="s">
        <v>2075</v>
      </c>
      <c r="E3590" t="s">
        <v>2048</v>
      </c>
      <c r="F3590" t="s">
        <v>2049</v>
      </c>
      <c r="G3590" t="s">
        <v>80</v>
      </c>
      <c r="H3590" t="s">
        <v>81</v>
      </c>
      <c r="I3590" s="2">
        <v>0</v>
      </c>
      <c r="J3590" s="2">
        <v>1</v>
      </c>
      <c r="K3590" s="2">
        <v>0</v>
      </c>
      <c r="L3590" t="s">
        <v>82</v>
      </c>
      <c r="M3590" t="s">
        <v>83</v>
      </c>
      <c r="N3590" t="s">
        <v>84</v>
      </c>
      <c r="O3590" t="s">
        <v>85</v>
      </c>
      <c r="P3590" t="s">
        <v>86</v>
      </c>
      <c r="Q3590">
        <v>49</v>
      </c>
      <c r="R3590">
        <v>50</v>
      </c>
      <c r="S3590">
        <v>51</v>
      </c>
      <c r="T3590">
        <v>52</v>
      </c>
      <c r="U3590">
        <v>53</v>
      </c>
      <c r="V3590">
        <v>54</v>
      </c>
      <c r="W3590">
        <v>56</v>
      </c>
      <c r="X3590">
        <v>57</v>
      </c>
      <c r="Y3590">
        <v>58</v>
      </c>
      <c r="Z3590">
        <v>59</v>
      </c>
      <c r="AA3590">
        <v>61</v>
      </c>
      <c r="AB3590">
        <v>62</v>
      </c>
      <c r="AC3590">
        <v>63</v>
      </c>
      <c r="AD3590">
        <v>64</v>
      </c>
      <c r="AE3590">
        <v>66</v>
      </c>
      <c r="AF3590">
        <v>67</v>
      </c>
      <c r="AG3590">
        <v>68</v>
      </c>
      <c r="AH3590">
        <v>70</v>
      </c>
      <c r="AI3590">
        <v>71</v>
      </c>
      <c r="AJ3590">
        <v>73</v>
      </c>
      <c r="AK3590">
        <v>74</v>
      </c>
      <c r="AL3590">
        <v>75</v>
      </c>
      <c r="AM3590">
        <v>76</v>
      </c>
      <c r="AN3590">
        <v>76</v>
      </c>
      <c r="AO3590">
        <v>77</v>
      </c>
      <c r="AP3590">
        <v>78</v>
      </c>
      <c r="AQ3590">
        <v>79</v>
      </c>
    </row>
    <row r="3591" spans="1:43">
      <c r="A3591" t="s">
        <v>2270</v>
      </c>
      <c r="B3591" t="s">
        <v>2271</v>
      </c>
      <c r="C3591" t="s">
        <v>2074</v>
      </c>
      <c r="D3591" t="s">
        <v>2075</v>
      </c>
      <c r="E3591" t="s">
        <v>2048</v>
      </c>
      <c r="F3591" t="s">
        <v>2049</v>
      </c>
      <c r="G3591" t="s">
        <v>80</v>
      </c>
      <c r="H3591" t="s">
        <v>81</v>
      </c>
      <c r="I3591" s="2">
        <v>0</v>
      </c>
      <c r="J3591" s="2">
        <v>1</v>
      </c>
      <c r="K3591" s="2">
        <v>0</v>
      </c>
      <c r="L3591" t="s">
        <v>82</v>
      </c>
      <c r="M3591" t="s">
        <v>87</v>
      </c>
      <c r="N3591" t="s">
        <v>88</v>
      </c>
      <c r="O3591" t="s">
        <v>85</v>
      </c>
      <c r="P3591" t="s">
        <v>86</v>
      </c>
      <c r="Q3591">
        <v>49</v>
      </c>
      <c r="R3591">
        <v>50</v>
      </c>
      <c r="S3591">
        <v>50</v>
      </c>
      <c r="T3591">
        <v>51</v>
      </c>
      <c r="U3591">
        <v>52</v>
      </c>
      <c r="V3591">
        <v>53</v>
      </c>
      <c r="W3591">
        <v>53</v>
      </c>
      <c r="X3591">
        <v>54</v>
      </c>
      <c r="Y3591">
        <v>55</v>
      </c>
      <c r="Z3591">
        <v>55</v>
      </c>
      <c r="AA3591">
        <v>56</v>
      </c>
      <c r="AB3591">
        <v>57</v>
      </c>
      <c r="AC3591">
        <v>58</v>
      </c>
      <c r="AD3591">
        <v>58</v>
      </c>
      <c r="AE3591">
        <v>59</v>
      </c>
      <c r="AF3591">
        <v>60</v>
      </c>
      <c r="AG3591">
        <v>61</v>
      </c>
      <c r="AH3591">
        <v>62</v>
      </c>
      <c r="AI3591">
        <v>62</v>
      </c>
      <c r="AJ3591">
        <v>63</v>
      </c>
      <c r="AK3591">
        <v>64</v>
      </c>
      <c r="AL3591">
        <v>65</v>
      </c>
      <c r="AM3591">
        <v>66</v>
      </c>
      <c r="AN3591">
        <v>66</v>
      </c>
      <c r="AO3591">
        <v>67</v>
      </c>
      <c r="AP3591">
        <v>68</v>
      </c>
      <c r="AQ3591">
        <v>69</v>
      </c>
    </row>
    <row r="3592" spans="1:43">
      <c r="A3592" t="s">
        <v>2270</v>
      </c>
      <c r="B3592" t="s">
        <v>2271</v>
      </c>
      <c r="C3592" t="s">
        <v>2074</v>
      </c>
      <c r="D3592" t="s">
        <v>2075</v>
      </c>
      <c r="E3592" t="s">
        <v>2048</v>
      </c>
      <c r="F3592" t="s">
        <v>2049</v>
      </c>
      <c r="G3592" t="s">
        <v>80</v>
      </c>
      <c r="H3592" t="s">
        <v>81</v>
      </c>
      <c r="I3592" s="2">
        <v>0</v>
      </c>
      <c r="J3592" s="2">
        <v>1</v>
      </c>
      <c r="K3592" s="2">
        <v>0</v>
      </c>
      <c r="L3592" t="s">
        <v>82</v>
      </c>
      <c r="M3592" t="s">
        <v>89</v>
      </c>
      <c r="N3592" t="s">
        <v>90</v>
      </c>
      <c r="O3592" t="s">
        <v>85</v>
      </c>
      <c r="P3592" t="s">
        <v>86</v>
      </c>
      <c r="Q3592">
        <v>49</v>
      </c>
      <c r="R3592">
        <v>51</v>
      </c>
      <c r="S3592">
        <v>52</v>
      </c>
      <c r="T3592">
        <v>54</v>
      </c>
      <c r="U3592">
        <v>55</v>
      </c>
      <c r="V3592">
        <v>57</v>
      </c>
      <c r="W3592">
        <v>58</v>
      </c>
      <c r="X3592">
        <v>60</v>
      </c>
      <c r="Y3592">
        <v>62</v>
      </c>
      <c r="Z3592">
        <v>63</v>
      </c>
      <c r="AA3592">
        <v>65</v>
      </c>
      <c r="AB3592">
        <v>66</v>
      </c>
      <c r="AC3592">
        <v>68</v>
      </c>
      <c r="AD3592">
        <v>69</v>
      </c>
      <c r="AE3592">
        <v>71</v>
      </c>
      <c r="AF3592">
        <v>71</v>
      </c>
      <c r="AG3592">
        <v>72</v>
      </c>
      <c r="AH3592">
        <v>73</v>
      </c>
      <c r="AI3592">
        <v>73</v>
      </c>
      <c r="AJ3592">
        <v>74</v>
      </c>
      <c r="AK3592">
        <v>75</v>
      </c>
      <c r="AL3592">
        <v>76</v>
      </c>
      <c r="AM3592">
        <v>76</v>
      </c>
      <c r="AN3592">
        <v>77</v>
      </c>
      <c r="AO3592">
        <v>78</v>
      </c>
      <c r="AP3592">
        <v>78</v>
      </c>
      <c r="AQ3592">
        <v>79</v>
      </c>
    </row>
    <row r="3593" spans="1:43">
      <c r="A3593" t="s">
        <v>2270</v>
      </c>
      <c r="B3593" t="s">
        <v>2271</v>
      </c>
      <c r="C3593" t="s">
        <v>2074</v>
      </c>
      <c r="D3593" t="s">
        <v>2075</v>
      </c>
      <c r="E3593" t="s">
        <v>2048</v>
      </c>
      <c r="F3593" t="s">
        <v>2049</v>
      </c>
      <c r="G3593" t="s">
        <v>80</v>
      </c>
      <c r="H3593" t="s">
        <v>81</v>
      </c>
      <c r="I3593" s="2">
        <v>0</v>
      </c>
      <c r="J3593" s="2">
        <v>1</v>
      </c>
      <c r="K3593" s="2">
        <v>0</v>
      </c>
      <c r="L3593" t="s">
        <v>82</v>
      </c>
      <c r="M3593" t="s">
        <v>83</v>
      </c>
      <c r="N3593" t="s">
        <v>91</v>
      </c>
      <c r="O3593" t="s">
        <v>85</v>
      </c>
      <c r="P3593" t="s">
        <v>86</v>
      </c>
      <c r="Q3593">
        <v>49</v>
      </c>
      <c r="R3593">
        <v>50</v>
      </c>
      <c r="S3593">
        <v>51</v>
      </c>
      <c r="T3593">
        <v>52</v>
      </c>
      <c r="U3593">
        <v>53</v>
      </c>
      <c r="V3593">
        <v>54</v>
      </c>
      <c r="W3593">
        <v>56</v>
      </c>
      <c r="X3593">
        <v>57</v>
      </c>
      <c r="Y3593">
        <v>58</v>
      </c>
      <c r="Z3593">
        <v>59</v>
      </c>
      <c r="AA3593">
        <v>61</v>
      </c>
      <c r="AB3593">
        <v>62</v>
      </c>
      <c r="AC3593">
        <v>63</v>
      </c>
      <c r="AD3593">
        <v>64</v>
      </c>
      <c r="AE3593">
        <v>66</v>
      </c>
      <c r="AF3593">
        <v>67</v>
      </c>
      <c r="AG3593">
        <v>68</v>
      </c>
      <c r="AH3593">
        <v>70</v>
      </c>
      <c r="AI3593">
        <v>71</v>
      </c>
      <c r="AJ3593">
        <v>73</v>
      </c>
      <c r="AK3593">
        <v>74</v>
      </c>
      <c r="AL3593">
        <v>75</v>
      </c>
      <c r="AM3593">
        <v>76</v>
      </c>
      <c r="AN3593">
        <v>76</v>
      </c>
      <c r="AO3593">
        <v>77</v>
      </c>
      <c r="AP3593">
        <v>78</v>
      </c>
      <c r="AQ3593">
        <v>79</v>
      </c>
    </row>
    <row r="3594" spans="1:43">
      <c r="A3594" t="s">
        <v>2272</v>
      </c>
      <c r="B3594" t="s">
        <v>2273</v>
      </c>
      <c r="C3594" t="s">
        <v>2074</v>
      </c>
      <c r="D3594" t="s">
        <v>2075</v>
      </c>
      <c r="E3594" t="s">
        <v>2048</v>
      </c>
      <c r="F3594" t="s">
        <v>2049</v>
      </c>
      <c r="G3594" t="s">
        <v>80</v>
      </c>
      <c r="H3594" t="s">
        <v>81</v>
      </c>
      <c r="I3594" s="2">
        <v>0</v>
      </c>
      <c r="J3594" s="2">
        <v>1</v>
      </c>
      <c r="K3594" s="2">
        <v>0</v>
      </c>
      <c r="L3594" t="s">
        <v>82</v>
      </c>
      <c r="M3594" t="s">
        <v>83</v>
      </c>
      <c r="N3594" t="s">
        <v>84</v>
      </c>
      <c r="O3594" t="s">
        <v>85</v>
      </c>
      <c r="P3594" t="s">
        <v>86</v>
      </c>
      <c r="Q3594">
        <v>112</v>
      </c>
      <c r="R3594">
        <v>114</v>
      </c>
      <c r="S3594">
        <v>117</v>
      </c>
      <c r="T3594">
        <v>120</v>
      </c>
      <c r="U3594">
        <v>122</v>
      </c>
      <c r="V3594">
        <v>125</v>
      </c>
      <c r="W3594">
        <v>128</v>
      </c>
      <c r="X3594">
        <v>131</v>
      </c>
      <c r="Y3594">
        <v>134</v>
      </c>
      <c r="Z3594">
        <v>137</v>
      </c>
      <c r="AA3594">
        <v>140</v>
      </c>
      <c r="AB3594">
        <v>143</v>
      </c>
      <c r="AC3594">
        <v>146</v>
      </c>
      <c r="AD3594">
        <v>149</v>
      </c>
      <c r="AE3594">
        <v>152</v>
      </c>
      <c r="AF3594">
        <v>155</v>
      </c>
      <c r="AG3594">
        <v>158</v>
      </c>
      <c r="AH3594">
        <v>162</v>
      </c>
      <c r="AI3594">
        <v>165</v>
      </c>
      <c r="AJ3594">
        <v>168</v>
      </c>
      <c r="AK3594">
        <v>171</v>
      </c>
      <c r="AL3594">
        <v>174</v>
      </c>
      <c r="AM3594">
        <v>175</v>
      </c>
      <c r="AN3594">
        <v>177</v>
      </c>
      <c r="AO3594">
        <v>178</v>
      </c>
      <c r="AP3594">
        <v>180</v>
      </c>
      <c r="AQ3594">
        <v>182</v>
      </c>
    </row>
    <row r="3595" spans="1:43">
      <c r="A3595" t="s">
        <v>2272</v>
      </c>
      <c r="B3595" t="s">
        <v>2273</v>
      </c>
      <c r="C3595" t="s">
        <v>2074</v>
      </c>
      <c r="D3595" t="s">
        <v>2075</v>
      </c>
      <c r="E3595" t="s">
        <v>2048</v>
      </c>
      <c r="F3595" t="s">
        <v>2049</v>
      </c>
      <c r="G3595" t="s">
        <v>80</v>
      </c>
      <c r="H3595" t="s">
        <v>81</v>
      </c>
      <c r="I3595" s="2">
        <v>0</v>
      </c>
      <c r="J3595" s="2">
        <v>1</v>
      </c>
      <c r="K3595" s="2">
        <v>0</v>
      </c>
      <c r="L3595" t="s">
        <v>82</v>
      </c>
      <c r="M3595" t="s">
        <v>87</v>
      </c>
      <c r="N3595" t="s">
        <v>88</v>
      </c>
      <c r="O3595" t="s">
        <v>85</v>
      </c>
      <c r="P3595" t="s">
        <v>86</v>
      </c>
      <c r="Q3595">
        <v>112</v>
      </c>
      <c r="R3595">
        <v>113</v>
      </c>
      <c r="S3595">
        <v>115</v>
      </c>
      <c r="T3595">
        <v>116</v>
      </c>
      <c r="U3595">
        <v>118</v>
      </c>
      <c r="V3595">
        <v>120</v>
      </c>
      <c r="W3595">
        <v>121</v>
      </c>
      <c r="X3595">
        <v>123</v>
      </c>
      <c r="Y3595">
        <v>125</v>
      </c>
      <c r="Z3595">
        <v>127</v>
      </c>
      <c r="AA3595">
        <v>128</v>
      </c>
      <c r="AB3595">
        <v>130</v>
      </c>
      <c r="AC3595">
        <v>132</v>
      </c>
      <c r="AD3595">
        <v>134</v>
      </c>
      <c r="AE3595">
        <v>135</v>
      </c>
      <c r="AF3595">
        <v>137</v>
      </c>
      <c r="AG3595">
        <v>139</v>
      </c>
      <c r="AH3595">
        <v>141</v>
      </c>
      <c r="AI3595">
        <v>143</v>
      </c>
      <c r="AJ3595">
        <v>145</v>
      </c>
      <c r="AK3595">
        <v>147</v>
      </c>
      <c r="AL3595">
        <v>149</v>
      </c>
      <c r="AM3595">
        <v>151</v>
      </c>
      <c r="AN3595">
        <v>153</v>
      </c>
      <c r="AO3595">
        <v>155</v>
      </c>
      <c r="AP3595">
        <v>157</v>
      </c>
      <c r="AQ3595">
        <v>159</v>
      </c>
    </row>
    <row r="3596" spans="1:43">
      <c r="A3596" t="s">
        <v>2272</v>
      </c>
      <c r="B3596" t="s">
        <v>2273</v>
      </c>
      <c r="C3596" t="s">
        <v>2074</v>
      </c>
      <c r="D3596" t="s">
        <v>2075</v>
      </c>
      <c r="E3596" t="s">
        <v>2048</v>
      </c>
      <c r="F3596" t="s">
        <v>2049</v>
      </c>
      <c r="G3596" t="s">
        <v>80</v>
      </c>
      <c r="H3596" t="s">
        <v>81</v>
      </c>
      <c r="I3596" s="2">
        <v>0</v>
      </c>
      <c r="J3596" s="2">
        <v>1</v>
      </c>
      <c r="K3596" s="2">
        <v>0</v>
      </c>
      <c r="L3596" t="s">
        <v>82</v>
      </c>
      <c r="M3596" t="s">
        <v>89</v>
      </c>
      <c r="N3596" t="s">
        <v>90</v>
      </c>
      <c r="O3596" t="s">
        <v>85</v>
      </c>
      <c r="P3596" t="s">
        <v>86</v>
      </c>
      <c r="Q3596">
        <v>112</v>
      </c>
      <c r="R3596">
        <v>115</v>
      </c>
      <c r="S3596">
        <v>119</v>
      </c>
      <c r="T3596">
        <v>123</v>
      </c>
      <c r="U3596">
        <v>126</v>
      </c>
      <c r="V3596">
        <v>130</v>
      </c>
      <c r="W3596">
        <v>134</v>
      </c>
      <c r="X3596">
        <v>137</v>
      </c>
      <c r="Y3596">
        <v>141</v>
      </c>
      <c r="Z3596">
        <v>145</v>
      </c>
      <c r="AA3596">
        <v>148</v>
      </c>
      <c r="AB3596">
        <v>152</v>
      </c>
      <c r="AC3596">
        <v>156</v>
      </c>
      <c r="AD3596">
        <v>159</v>
      </c>
      <c r="AE3596">
        <v>162</v>
      </c>
      <c r="AF3596">
        <v>164</v>
      </c>
      <c r="AG3596">
        <v>166</v>
      </c>
      <c r="AH3596">
        <v>167</v>
      </c>
      <c r="AI3596">
        <v>169</v>
      </c>
      <c r="AJ3596">
        <v>170</v>
      </c>
      <c r="AK3596">
        <v>172</v>
      </c>
      <c r="AL3596">
        <v>174</v>
      </c>
      <c r="AM3596">
        <v>175</v>
      </c>
      <c r="AN3596">
        <v>177</v>
      </c>
      <c r="AO3596">
        <v>178</v>
      </c>
      <c r="AP3596">
        <v>180</v>
      </c>
      <c r="AQ3596">
        <v>182</v>
      </c>
    </row>
    <row r="3597" spans="1:43">
      <c r="A3597" t="s">
        <v>2272</v>
      </c>
      <c r="B3597" t="s">
        <v>2273</v>
      </c>
      <c r="C3597" t="s">
        <v>2074</v>
      </c>
      <c r="D3597" t="s">
        <v>2075</v>
      </c>
      <c r="E3597" t="s">
        <v>2048</v>
      </c>
      <c r="F3597" t="s">
        <v>2049</v>
      </c>
      <c r="G3597" t="s">
        <v>80</v>
      </c>
      <c r="H3597" t="s">
        <v>81</v>
      </c>
      <c r="I3597" s="2">
        <v>0</v>
      </c>
      <c r="J3597" s="2">
        <v>1</v>
      </c>
      <c r="K3597" s="2">
        <v>0</v>
      </c>
      <c r="L3597" t="s">
        <v>82</v>
      </c>
      <c r="M3597" t="s">
        <v>83</v>
      </c>
      <c r="N3597" t="s">
        <v>91</v>
      </c>
      <c r="O3597" t="s">
        <v>85</v>
      </c>
      <c r="P3597" t="s">
        <v>86</v>
      </c>
      <c r="Q3597">
        <v>112</v>
      </c>
      <c r="R3597">
        <v>114</v>
      </c>
      <c r="S3597">
        <v>117</v>
      </c>
      <c r="T3597">
        <v>120</v>
      </c>
      <c r="U3597">
        <v>122</v>
      </c>
      <c r="V3597">
        <v>125</v>
      </c>
      <c r="W3597">
        <v>128</v>
      </c>
      <c r="X3597">
        <v>131</v>
      </c>
      <c r="Y3597">
        <v>134</v>
      </c>
      <c r="Z3597">
        <v>137</v>
      </c>
      <c r="AA3597">
        <v>140</v>
      </c>
      <c r="AB3597">
        <v>143</v>
      </c>
      <c r="AC3597">
        <v>146</v>
      </c>
      <c r="AD3597">
        <v>149</v>
      </c>
      <c r="AE3597">
        <v>152</v>
      </c>
      <c r="AF3597">
        <v>155</v>
      </c>
      <c r="AG3597">
        <v>158</v>
      </c>
      <c r="AH3597">
        <v>162</v>
      </c>
      <c r="AI3597">
        <v>165</v>
      </c>
      <c r="AJ3597">
        <v>168</v>
      </c>
      <c r="AK3597">
        <v>171</v>
      </c>
      <c r="AL3597">
        <v>174</v>
      </c>
      <c r="AM3597">
        <v>175</v>
      </c>
      <c r="AN3597">
        <v>177</v>
      </c>
      <c r="AO3597">
        <v>178</v>
      </c>
      <c r="AP3597">
        <v>180</v>
      </c>
      <c r="AQ3597">
        <v>182</v>
      </c>
    </row>
    <row r="3598" spans="1:43">
      <c r="A3598" t="s">
        <v>2274</v>
      </c>
      <c r="B3598" t="s">
        <v>2275</v>
      </c>
      <c r="C3598" t="s">
        <v>2074</v>
      </c>
      <c r="D3598" t="s">
        <v>2075</v>
      </c>
      <c r="E3598" t="s">
        <v>2048</v>
      </c>
      <c r="F3598" t="s">
        <v>2049</v>
      </c>
      <c r="G3598" t="s">
        <v>80</v>
      </c>
      <c r="H3598" t="s">
        <v>81</v>
      </c>
      <c r="I3598" s="2">
        <v>0</v>
      </c>
      <c r="J3598" s="2">
        <v>1</v>
      </c>
      <c r="K3598" s="2">
        <v>0</v>
      </c>
      <c r="L3598" t="s">
        <v>82</v>
      </c>
      <c r="M3598" t="s">
        <v>83</v>
      </c>
      <c r="N3598" t="s">
        <v>84</v>
      </c>
      <c r="O3598" t="s">
        <v>85</v>
      </c>
      <c r="P3598" t="s">
        <v>86</v>
      </c>
      <c r="Q3598">
        <v>54</v>
      </c>
      <c r="R3598">
        <v>55</v>
      </c>
      <c r="S3598">
        <v>57</v>
      </c>
      <c r="T3598">
        <v>58</v>
      </c>
      <c r="U3598">
        <v>59</v>
      </c>
      <c r="V3598">
        <v>60</v>
      </c>
      <c r="W3598">
        <v>62</v>
      </c>
      <c r="X3598">
        <v>63</v>
      </c>
      <c r="Y3598">
        <v>65</v>
      </c>
      <c r="Z3598">
        <v>66</v>
      </c>
      <c r="AA3598">
        <v>67</v>
      </c>
      <c r="AB3598">
        <v>69</v>
      </c>
      <c r="AC3598">
        <v>70</v>
      </c>
      <c r="AD3598">
        <v>72</v>
      </c>
      <c r="AE3598">
        <v>73</v>
      </c>
      <c r="AF3598">
        <v>74</v>
      </c>
      <c r="AG3598">
        <v>76</v>
      </c>
      <c r="AH3598">
        <v>77</v>
      </c>
      <c r="AI3598">
        <v>79</v>
      </c>
      <c r="AJ3598">
        <v>80</v>
      </c>
      <c r="AK3598">
        <v>82</v>
      </c>
      <c r="AL3598">
        <v>83</v>
      </c>
      <c r="AM3598">
        <v>84</v>
      </c>
      <c r="AN3598">
        <v>85</v>
      </c>
      <c r="AO3598">
        <v>85</v>
      </c>
      <c r="AP3598">
        <v>86</v>
      </c>
      <c r="AQ3598">
        <v>87</v>
      </c>
    </row>
    <row r="3599" spans="1:43">
      <c r="A3599" t="s">
        <v>2274</v>
      </c>
      <c r="B3599" t="s">
        <v>2275</v>
      </c>
      <c r="C3599" t="s">
        <v>2074</v>
      </c>
      <c r="D3599" t="s">
        <v>2075</v>
      </c>
      <c r="E3599" t="s">
        <v>2048</v>
      </c>
      <c r="F3599" t="s">
        <v>2049</v>
      </c>
      <c r="G3599" t="s">
        <v>80</v>
      </c>
      <c r="H3599" t="s">
        <v>81</v>
      </c>
      <c r="I3599" s="2">
        <v>0</v>
      </c>
      <c r="J3599" s="2">
        <v>1</v>
      </c>
      <c r="K3599" s="2">
        <v>0</v>
      </c>
      <c r="L3599" t="s">
        <v>82</v>
      </c>
      <c r="M3599" t="s">
        <v>87</v>
      </c>
      <c r="N3599" t="s">
        <v>88</v>
      </c>
      <c r="O3599" t="s">
        <v>85</v>
      </c>
      <c r="P3599" t="s">
        <v>86</v>
      </c>
      <c r="Q3599">
        <v>54</v>
      </c>
      <c r="R3599">
        <v>55</v>
      </c>
      <c r="S3599">
        <v>56</v>
      </c>
      <c r="T3599">
        <v>57</v>
      </c>
      <c r="U3599">
        <v>58</v>
      </c>
      <c r="V3599">
        <v>58</v>
      </c>
      <c r="W3599">
        <v>59</v>
      </c>
      <c r="X3599">
        <v>60</v>
      </c>
      <c r="Y3599">
        <v>61</v>
      </c>
      <c r="Z3599">
        <v>61</v>
      </c>
      <c r="AA3599">
        <v>62</v>
      </c>
      <c r="AB3599">
        <v>63</v>
      </c>
      <c r="AC3599">
        <v>64</v>
      </c>
      <c r="AD3599">
        <v>65</v>
      </c>
      <c r="AE3599">
        <v>66</v>
      </c>
      <c r="AF3599">
        <v>66</v>
      </c>
      <c r="AG3599">
        <v>67</v>
      </c>
      <c r="AH3599">
        <v>68</v>
      </c>
      <c r="AI3599">
        <v>69</v>
      </c>
      <c r="AJ3599">
        <v>70</v>
      </c>
      <c r="AK3599">
        <v>71</v>
      </c>
      <c r="AL3599">
        <v>72</v>
      </c>
      <c r="AM3599">
        <v>73</v>
      </c>
      <c r="AN3599">
        <v>74</v>
      </c>
      <c r="AO3599">
        <v>74</v>
      </c>
      <c r="AP3599">
        <v>75</v>
      </c>
      <c r="AQ3599">
        <v>76</v>
      </c>
    </row>
    <row r="3600" spans="1:43">
      <c r="A3600" t="s">
        <v>2274</v>
      </c>
      <c r="B3600" t="s">
        <v>2275</v>
      </c>
      <c r="C3600" t="s">
        <v>2074</v>
      </c>
      <c r="D3600" t="s">
        <v>2075</v>
      </c>
      <c r="E3600" t="s">
        <v>2048</v>
      </c>
      <c r="F3600" t="s">
        <v>2049</v>
      </c>
      <c r="G3600" t="s">
        <v>80</v>
      </c>
      <c r="H3600" t="s">
        <v>81</v>
      </c>
      <c r="I3600" s="2">
        <v>0</v>
      </c>
      <c r="J3600" s="2">
        <v>1</v>
      </c>
      <c r="K3600" s="2">
        <v>0</v>
      </c>
      <c r="L3600" t="s">
        <v>82</v>
      </c>
      <c r="M3600" t="s">
        <v>89</v>
      </c>
      <c r="N3600" t="s">
        <v>90</v>
      </c>
      <c r="O3600" t="s">
        <v>85</v>
      </c>
      <c r="P3600" t="s">
        <v>86</v>
      </c>
      <c r="Q3600">
        <v>54</v>
      </c>
      <c r="R3600">
        <v>56</v>
      </c>
      <c r="S3600">
        <v>58</v>
      </c>
      <c r="T3600">
        <v>60</v>
      </c>
      <c r="U3600">
        <v>61</v>
      </c>
      <c r="V3600">
        <v>63</v>
      </c>
      <c r="W3600">
        <v>65</v>
      </c>
      <c r="X3600">
        <v>67</v>
      </c>
      <c r="Y3600">
        <v>68</v>
      </c>
      <c r="Z3600">
        <v>70</v>
      </c>
      <c r="AA3600">
        <v>72</v>
      </c>
      <c r="AB3600">
        <v>73</v>
      </c>
      <c r="AC3600">
        <v>75</v>
      </c>
      <c r="AD3600">
        <v>77</v>
      </c>
      <c r="AE3600">
        <v>78</v>
      </c>
      <c r="AF3600">
        <v>79</v>
      </c>
      <c r="AG3600">
        <v>80</v>
      </c>
      <c r="AH3600">
        <v>81</v>
      </c>
      <c r="AI3600">
        <v>81</v>
      </c>
      <c r="AJ3600">
        <v>82</v>
      </c>
      <c r="AK3600">
        <v>83</v>
      </c>
      <c r="AL3600">
        <v>84</v>
      </c>
      <c r="AM3600">
        <v>85</v>
      </c>
      <c r="AN3600">
        <v>85</v>
      </c>
      <c r="AO3600">
        <v>86</v>
      </c>
      <c r="AP3600">
        <v>87</v>
      </c>
      <c r="AQ3600">
        <v>88</v>
      </c>
    </row>
    <row r="3601" spans="1:43">
      <c r="A3601" t="s">
        <v>2274</v>
      </c>
      <c r="B3601" t="s">
        <v>2275</v>
      </c>
      <c r="C3601" t="s">
        <v>2074</v>
      </c>
      <c r="D3601" t="s">
        <v>2075</v>
      </c>
      <c r="E3601" t="s">
        <v>2048</v>
      </c>
      <c r="F3601" t="s">
        <v>2049</v>
      </c>
      <c r="G3601" t="s">
        <v>80</v>
      </c>
      <c r="H3601" t="s">
        <v>81</v>
      </c>
      <c r="I3601" s="2">
        <v>0</v>
      </c>
      <c r="J3601" s="2">
        <v>1</v>
      </c>
      <c r="K3601" s="2">
        <v>0</v>
      </c>
      <c r="L3601" t="s">
        <v>82</v>
      </c>
      <c r="M3601" t="s">
        <v>83</v>
      </c>
      <c r="N3601" t="s">
        <v>91</v>
      </c>
      <c r="O3601" t="s">
        <v>85</v>
      </c>
      <c r="P3601" t="s">
        <v>86</v>
      </c>
      <c r="Q3601">
        <v>54</v>
      </c>
      <c r="R3601">
        <v>55</v>
      </c>
      <c r="S3601">
        <v>57</v>
      </c>
      <c r="T3601">
        <v>58</v>
      </c>
      <c r="U3601">
        <v>59</v>
      </c>
      <c r="V3601">
        <v>60</v>
      </c>
      <c r="W3601">
        <v>62</v>
      </c>
      <c r="X3601">
        <v>63</v>
      </c>
      <c r="Y3601">
        <v>65</v>
      </c>
      <c r="Z3601">
        <v>66</v>
      </c>
      <c r="AA3601">
        <v>67</v>
      </c>
      <c r="AB3601">
        <v>69</v>
      </c>
      <c r="AC3601">
        <v>70</v>
      </c>
      <c r="AD3601">
        <v>72</v>
      </c>
      <c r="AE3601">
        <v>73</v>
      </c>
      <c r="AF3601">
        <v>74</v>
      </c>
      <c r="AG3601">
        <v>76</v>
      </c>
      <c r="AH3601">
        <v>77</v>
      </c>
      <c r="AI3601">
        <v>79</v>
      </c>
      <c r="AJ3601">
        <v>80</v>
      </c>
      <c r="AK3601">
        <v>82</v>
      </c>
      <c r="AL3601">
        <v>83</v>
      </c>
      <c r="AM3601">
        <v>84</v>
      </c>
      <c r="AN3601">
        <v>85</v>
      </c>
      <c r="AO3601">
        <v>85</v>
      </c>
      <c r="AP3601">
        <v>86</v>
      </c>
      <c r="AQ3601">
        <v>87</v>
      </c>
    </row>
    <row r="3602" spans="1:43">
      <c r="A3602" t="s">
        <v>2276</v>
      </c>
      <c r="B3602" t="s">
        <v>2277</v>
      </c>
      <c r="C3602" t="s">
        <v>2074</v>
      </c>
      <c r="D3602" t="s">
        <v>2075</v>
      </c>
      <c r="E3602" t="s">
        <v>2048</v>
      </c>
      <c r="F3602" t="s">
        <v>2049</v>
      </c>
      <c r="G3602" t="s">
        <v>80</v>
      </c>
      <c r="H3602" t="s">
        <v>81</v>
      </c>
      <c r="I3602" s="2">
        <v>0</v>
      </c>
      <c r="J3602" s="2">
        <v>1</v>
      </c>
      <c r="K3602" s="2">
        <v>0</v>
      </c>
      <c r="L3602" t="s">
        <v>82</v>
      </c>
      <c r="M3602" t="s">
        <v>83</v>
      </c>
      <c r="N3602" t="s">
        <v>84</v>
      </c>
      <c r="O3602" t="s">
        <v>85</v>
      </c>
      <c r="P3602" t="s">
        <v>86</v>
      </c>
      <c r="Q3602">
        <v>68</v>
      </c>
      <c r="R3602">
        <v>69</v>
      </c>
      <c r="S3602">
        <v>71</v>
      </c>
      <c r="T3602">
        <v>72</v>
      </c>
      <c r="U3602">
        <v>74</v>
      </c>
      <c r="V3602">
        <v>76</v>
      </c>
      <c r="W3602">
        <v>77</v>
      </c>
      <c r="X3602">
        <v>79</v>
      </c>
      <c r="Y3602">
        <v>81</v>
      </c>
      <c r="Z3602">
        <v>82</v>
      </c>
      <c r="AA3602">
        <v>84</v>
      </c>
      <c r="AB3602">
        <v>86</v>
      </c>
      <c r="AC3602">
        <v>88</v>
      </c>
      <c r="AD3602">
        <v>89</v>
      </c>
      <c r="AE3602">
        <v>91</v>
      </c>
      <c r="AF3602">
        <v>93</v>
      </c>
      <c r="AG3602">
        <v>95</v>
      </c>
      <c r="AH3602">
        <v>97</v>
      </c>
      <c r="AI3602">
        <v>99</v>
      </c>
      <c r="AJ3602">
        <v>101</v>
      </c>
      <c r="AK3602">
        <v>102</v>
      </c>
      <c r="AL3602">
        <v>104</v>
      </c>
      <c r="AM3602">
        <v>105</v>
      </c>
      <c r="AN3602">
        <v>106</v>
      </c>
      <c r="AO3602">
        <v>107</v>
      </c>
      <c r="AP3602">
        <v>108</v>
      </c>
      <c r="AQ3602">
        <v>109</v>
      </c>
    </row>
    <row r="3603" spans="1:43">
      <c r="A3603" t="s">
        <v>2276</v>
      </c>
      <c r="B3603" t="s">
        <v>2277</v>
      </c>
      <c r="C3603" t="s">
        <v>2074</v>
      </c>
      <c r="D3603" t="s">
        <v>2075</v>
      </c>
      <c r="E3603" t="s">
        <v>2048</v>
      </c>
      <c r="F3603" t="s">
        <v>2049</v>
      </c>
      <c r="G3603" t="s">
        <v>80</v>
      </c>
      <c r="H3603" t="s">
        <v>81</v>
      </c>
      <c r="I3603" s="2">
        <v>0</v>
      </c>
      <c r="J3603" s="2">
        <v>1</v>
      </c>
      <c r="K3603" s="2">
        <v>0</v>
      </c>
      <c r="L3603" t="s">
        <v>82</v>
      </c>
      <c r="M3603" t="s">
        <v>87</v>
      </c>
      <c r="N3603" t="s">
        <v>88</v>
      </c>
      <c r="O3603" t="s">
        <v>85</v>
      </c>
      <c r="P3603" t="s">
        <v>86</v>
      </c>
      <c r="Q3603">
        <v>68</v>
      </c>
      <c r="R3603">
        <v>69</v>
      </c>
      <c r="S3603">
        <v>70</v>
      </c>
      <c r="T3603">
        <v>71</v>
      </c>
      <c r="U3603">
        <v>72</v>
      </c>
      <c r="V3603">
        <v>73</v>
      </c>
      <c r="W3603">
        <v>74</v>
      </c>
      <c r="X3603">
        <v>75</v>
      </c>
      <c r="Y3603">
        <v>76</v>
      </c>
      <c r="Z3603">
        <v>77</v>
      </c>
      <c r="AA3603">
        <v>78</v>
      </c>
      <c r="AB3603">
        <v>79</v>
      </c>
      <c r="AC3603">
        <v>80</v>
      </c>
      <c r="AD3603">
        <v>81</v>
      </c>
      <c r="AE3603">
        <v>82</v>
      </c>
      <c r="AF3603">
        <v>83</v>
      </c>
      <c r="AG3603">
        <v>84</v>
      </c>
      <c r="AH3603">
        <v>85</v>
      </c>
      <c r="AI3603">
        <v>86</v>
      </c>
      <c r="AJ3603">
        <v>87</v>
      </c>
      <c r="AK3603">
        <v>88</v>
      </c>
      <c r="AL3603">
        <v>89</v>
      </c>
      <c r="AM3603">
        <v>91</v>
      </c>
      <c r="AN3603">
        <v>92</v>
      </c>
      <c r="AO3603">
        <v>93</v>
      </c>
      <c r="AP3603">
        <v>94</v>
      </c>
      <c r="AQ3603">
        <v>95</v>
      </c>
    </row>
    <row r="3604" spans="1:43">
      <c r="A3604" t="s">
        <v>2276</v>
      </c>
      <c r="B3604" t="s">
        <v>2277</v>
      </c>
      <c r="C3604" t="s">
        <v>2074</v>
      </c>
      <c r="D3604" t="s">
        <v>2075</v>
      </c>
      <c r="E3604" t="s">
        <v>2048</v>
      </c>
      <c r="F3604" t="s">
        <v>2049</v>
      </c>
      <c r="G3604" t="s">
        <v>80</v>
      </c>
      <c r="H3604" t="s">
        <v>81</v>
      </c>
      <c r="I3604" s="2">
        <v>0</v>
      </c>
      <c r="J3604" s="2">
        <v>1</v>
      </c>
      <c r="K3604" s="2">
        <v>0</v>
      </c>
      <c r="L3604" t="s">
        <v>82</v>
      </c>
      <c r="M3604" t="s">
        <v>89</v>
      </c>
      <c r="N3604" t="s">
        <v>90</v>
      </c>
      <c r="O3604" t="s">
        <v>85</v>
      </c>
      <c r="P3604" t="s">
        <v>86</v>
      </c>
      <c r="Q3604">
        <v>68</v>
      </c>
      <c r="R3604">
        <v>70</v>
      </c>
      <c r="S3604">
        <v>73</v>
      </c>
      <c r="T3604">
        <v>75</v>
      </c>
      <c r="U3604">
        <v>77</v>
      </c>
      <c r="V3604">
        <v>79</v>
      </c>
      <c r="W3604">
        <v>81</v>
      </c>
      <c r="X3604">
        <v>83</v>
      </c>
      <c r="Y3604">
        <v>86</v>
      </c>
      <c r="Z3604">
        <v>88</v>
      </c>
      <c r="AA3604">
        <v>90</v>
      </c>
      <c r="AB3604">
        <v>92</v>
      </c>
      <c r="AC3604">
        <v>94</v>
      </c>
      <c r="AD3604">
        <v>96</v>
      </c>
      <c r="AE3604">
        <v>98</v>
      </c>
      <c r="AF3604">
        <v>99</v>
      </c>
      <c r="AG3604">
        <v>100</v>
      </c>
      <c r="AH3604">
        <v>101</v>
      </c>
      <c r="AI3604">
        <v>102</v>
      </c>
      <c r="AJ3604">
        <v>103</v>
      </c>
      <c r="AK3604">
        <v>104</v>
      </c>
      <c r="AL3604">
        <v>105</v>
      </c>
      <c r="AM3604">
        <v>106</v>
      </c>
      <c r="AN3604">
        <v>107</v>
      </c>
      <c r="AO3604">
        <v>108</v>
      </c>
      <c r="AP3604">
        <v>109</v>
      </c>
      <c r="AQ3604">
        <v>110</v>
      </c>
    </row>
    <row r="3605" spans="1:43">
      <c r="A3605" t="s">
        <v>2276</v>
      </c>
      <c r="B3605" t="s">
        <v>2277</v>
      </c>
      <c r="C3605" t="s">
        <v>2074</v>
      </c>
      <c r="D3605" t="s">
        <v>2075</v>
      </c>
      <c r="E3605" t="s">
        <v>2048</v>
      </c>
      <c r="F3605" t="s">
        <v>2049</v>
      </c>
      <c r="G3605" t="s">
        <v>80</v>
      </c>
      <c r="H3605" t="s">
        <v>81</v>
      </c>
      <c r="I3605" s="2">
        <v>0</v>
      </c>
      <c r="J3605" s="2">
        <v>1</v>
      </c>
      <c r="K3605" s="2">
        <v>0</v>
      </c>
      <c r="L3605" t="s">
        <v>82</v>
      </c>
      <c r="M3605" t="s">
        <v>83</v>
      </c>
      <c r="N3605" t="s">
        <v>91</v>
      </c>
      <c r="O3605" t="s">
        <v>85</v>
      </c>
      <c r="P3605" t="s">
        <v>86</v>
      </c>
      <c r="Q3605">
        <v>68</v>
      </c>
      <c r="R3605">
        <v>69</v>
      </c>
      <c r="S3605">
        <v>71</v>
      </c>
      <c r="T3605">
        <v>72</v>
      </c>
      <c r="U3605">
        <v>74</v>
      </c>
      <c r="V3605">
        <v>76</v>
      </c>
      <c r="W3605">
        <v>77</v>
      </c>
      <c r="X3605">
        <v>79</v>
      </c>
      <c r="Y3605">
        <v>81</v>
      </c>
      <c r="Z3605">
        <v>82</v>
      </c>
      <c r="AA3605">
        <v>84</v>
      </c>
      <c r="AB3605">
        <v>86</v>
      </c>
      <c r="AC3605">
        <v>88</v>
      </c>
      <c r="AD3605">
        <v>89</v>
      </c>
      <c r="AE3605">
        <v>91</v>
      </c>
      <c r="AF3605">
        <v>93</v>
      </c>
      <c r="AG3605">
        <v>95</v>
      </c>
      <c r="AH3605">
        <v>97</v>
      </c>
      <c r="AI3605">
        <v>99</v>
      </c>
      <c r="AJ3605">
        <v>101</v>
      </c>
      <c r="AK3605">
        <v>102</v>
      </c>
      <c r="AL3605">
        <v>104</v>
      </c>
      <c r="AM3605">
        <v>105</v>
      </c>
      <c r="AN3605">
        <v>106</v>
      </c>
      <c r="AO3605">
        <v>107</v>
      </c>
      <c r="AP3605">
        <v>108</v>
      </c>
      <c r="AQ3605">
        <v>109</v>
      </c>
    </row>
    <row r="3606" spans="1:43">
      <c r="A3606" t="s">
        <v>2278</v>
      </c>
      <c r="B3606" t="s">
        <v>2279</v>
      </c>
      <c r="C3606" t="s">
        <v>2074</v>
      </c>
      <c r="D3606" t="s">
        <v>2075</v>
      </c>
      <c r="E3606" t="s">
        <v>2048</v>
      </c>
      <c r="F3606" t="s">
        <v>2049</v>
      </c>
      <c r="G3606" t="s">
        <v>80</v>
      </c>
      <c r="H3606" t="s">
        <v>81</v>
      </c>
      <c r="I3606" s="2">
        <v>0</v>
      </c>
      <c r="J3606" s="2">
        <v>1</v>
      </c>
      <c r="K3606" s="2">
        <v>0</v>
      </c>
      <c r="L3606" t="s">
        <v>82</v>
      </c>
      <c r="M3606" t="s">
        <v>83</v>
      </c>
      <c r="N3606" t="s">
        <v>84</v>
      </c>
      <c r="O3606" t="s">
        <v>85</v>
      </c>
      <c r="P3606" t="s">
        <v>86</v>
      </c>
      <c r="Q3606">
        <v>116</v>
      </c>
      <c r="R3606">
        <v>119</v>
      </c>
      <c r="S3606">
        <v>122</v>
      </c>
      <c r="T3606">
        <v>125</v>
      </c>
      <c r="U3606">
        <v>128</v>
      </c>
      <c r="V3606">
        <v>131</v>
      </c>
      <c r="W3606">
        <v>134</v>
      </c>
      <c r="X3606">
        <v>137</v>
      </c>
      <c r="Y3606">
        <v>140</v>
      </c>
      <c r="Z3606">
        <v>143</v>
      </c>
      <c r="AA3606">
        <v>146</v>
      </c>
      <c r="AB3606">
        <v>149</v>
      </c>
      <c r="AC3606">
        <v>153</v>
      </c>
      <c r="AD3606">
        <v>156</v>
      </c>
      <c r="AE3606">
        <v>159</v>
      </c>
      <c r="AF3606">
        <v>162</v>
      </c>
      <c r="AG3606">
        <v>166</v>
      </c>
      <c r="AH3606">
        <v>169</v>
      </c>
      <c r="AI3606">
        <v>173</v>
      </c>
      <c r="AJ3606">
        <v>176</v>
      </c>
      <c r="AK3606">
        <v>180</v>
      </c>
      <c r="AL3606">
        <v>182</v>
      </c>
      <c r="AM3606">
        <v>184</v>
      </c>
      <c r="AN3606">
        <v>185</v>
      </c>
      <c r="AO3606">
        <v>187</v>
      </c>
      <c r="AP3606">
        <v>189</v>
      </c>
      <c r="AQ3606">
        <v>191</v>
      </c>
    </row>
    <row r="3607" spans="1:43">
      <c r="A3607" t="s">
        <v>2278</v>
      </c>
      <c r="B3607" t="s">
        <v>2279</v>
      </c>
      <c r="C3607" t="s">
        <v>2074</v>
      </c>
      <c r="D3607" t="s">
        <v>2075</v>
      </c>
      <c r="E3607" t="s">
        <v>2048</v>
      </c>
      <c r="F3607" t="s">
        <v>2049</v>
      </c>
      <c r="G3607" t="s">
        <v>80</v>
      </c>
      <c r="H3607" t="s">
        <v>81</v>
      </c>
      <c r="I3607" s="2">
        <v>0</v>
      </c>
      <c r="J3607" s="2">
        <v>1</v>
      </c>
      <c r="K3607" s="2">
        <v>0</v>
      </c>
      <c r="L3607" t="s">
        <v>82</v>
      </c>
      <c r="M3607" t="s">
        <v>87</v>
      </c>
      <c r="N3607" t="s">
        <v>88</v>
      </c>
      <c r="O3607" t="s">
        <v>85</v>
      </c>
      <c r="P3607" t="s">
        <v>86</v>
      </c>
      <c r="Q3607">
        <v>116</v>
      </c>
      <c r="R3607">
        <v>118</v>
      </c>
      <c r="S3607">
        <v>120</v>
      </c>
      <c r="T3607">
        <v>121</v>
      </c>
      <c r="U3607">
        <v>123</v>
      </c>
      <c r="V3607">
        <v>125</v>
      </c>
      <c r="W3607">
        <v>127</v>
      </c>
      <c r="X3607">
        <v>129</v>
      </c>
      <c r="Y3607">
        <v>130</v>
      </c>
      <c r="Z3607">
        <v>132</v>
      </c>
      <c r="AA3607">
        <v>134</v>
      </c>
      <c r="AB3607">
        <v>136</v>
      </c>
      <c r="AC3607">
        <v>138</v>
      </c>
      <c r="AD3607">
        <v>140</v>
      </c>
      <c r="AE3607">
        <v>142</v>
      </c>
      <c r="AF3607">
        <v>144</v>
      </c>
      <c r="AG3607">
        <v>146</v>
      </c>
      <c r="AH3607">
        <v>148</v>
      </c>
      <c r="AI3607">
        <v>150</v>
      </c>
      <c r="AJ3607">
        <v>152</v>
      </c>
      <c r="AK3607">
        <v>154</v>
      </c>
      <c r="AL3607">
        <v>156</v>
      </c>
      <c r="AM3607">
        <v>158</v>
      </c>
      <c r="AN3607">
        <v>160</v>
      </c>
      <c r="AO3607">
        <v>162</v>
      </c>
      <c r="AP3607">
        <v>164</v>
      </c>
      <c r="AQ3607">
        <v>166</v>
      </c>
    </row>
    <row r="3608" spans="1:43">
      <c r="A3608" t="s">
        <v>2278</v>
      </c>
      <c r="B3608" t="s">
        <v>2279</v>
      </c>
      <c r="C3608" t="s">
        <v>2074</v>
      </c>
      <c r="D3608" t="s">
        <v>2075</v>
      </c>
      <c r="E3608" t="s">
        <v>2048</v>
      </c>
      <c r="F3608" t="s">
        <v>2049</v>
      </c>
      <c r="G3608" t="s">
        <v>80</v>
      </c>
      <c r="H3608" t="s">
        <v>81</v>
      </c>
      <c r="I3608" s="2">
        <v>0</v>
      </c>
      <c r="J3608" s="2">
        <v>1</v>
      </c>
      <c r="K3608" s="2">
        <v>0</v>
      </c>
      <c r="L3608" t="s">
        <v>82</v>
      </c>
      <c r="M3608" t="s">
        <v>89</v>
      </c>
      <c r="N3608" t="s">
        <v>90</v>
      </c>
      <c r="O3608" t="s">
        <v>85</v>
      </c>
      <c r="P3608" t="s">
        <v>86</v>
      </c>
      <c r="Q3608">
        <v>116</v>
      </c>
      <c r="R3608">
        <v>119</v>
      </c>
      <c r="S3608">
        <v>123</v>
      </c>
      <c r="T3608">
        <v>127</v>
      </c>
      <c r="U3608">
        <v>131</v>
      </c>
      <c r="V3608">
        <v>135</v>
      </c>
      <c r="W3608">
        <v>139</v>
      </c>
      <c r="X3608">
        <v>143</v>
      </c>
      <c r="Y3608">
        <v>146</v>
      </c>
      <c r="Z3608">
        <v>150</v>
      </c>
      <c r="AA3608">
        <v>154</v>
      </c>
      <c r="AB3608">
        <v>158</v>
      </c>
      <c r="AC3608">
        <v>162</v>
      </c>
      <c r="AD3608">
        <v>166</v>
      </c>
      <c r="AE3608">
        <v>169</v>
      </c>
      <c r="AF3608">
        <v>171</v>
      </c>
      <c r="AG3608">
        <v>172</v>
      </c>
      <c r="AH3608">
        <v>174</v>
      </c>
      <c r="AI3608">
        <v>176</v>
      </c>
      <c r="AJ3608">
        <v>177</v>
      </c>
      <c r="AK3608">
        <v>179</v>
      </c>
      <c r="AL3608">
        <v>181</v>
      </c>
      <c r="AM3608">
        <v>183</v>
      </c>
      <c r="AN3608">
        <v>184</v>
      </c>
      <c r="AO3608">
        <v>186</v>
      </c>
      <c r="AP3608">
        <v>188</v>
      </c>
      <c r="AQ3608">
        <v>189</v>
      </c>
    </row>
    <row r="3609" spans="1:43">
      <c r="A3609" t="s">
        <v>2278</v>
      </c>
      <c r="B3609" t="s">
        <v>2279</v>
      </c>
      <c r="C3609" t="s">
        <v>2074</v>
      </c>
      <c r="D3609" t="s">
        <v>2075</v>
      </c>
      <c r="E3609" t="s">
        <v>2048</v>
      </c>
      <c r="F3609" t="s">
        <v>2049</v>
      </c>
      <c r="G3609" t="s">
        <v>80</v>
      </c>
      <c r="H3609" t="s">
        <v>81</v>
      </c>
      <c r="I3609" s="2">
        <v>0</v>
      </c>
      <c r="J3609" s="2">
        <v>1</v>
      </c>
      <c r="K3609" s="2">
        <v>0</v>
      </c>
      <c r="L3609" t="s">
        <v>82</v>
      </c>
      <c r="M3609" t="s">
        <v>83</v>
      </c>
      <c r="N3609" t="s">
        <v>91</v>
      </c>
      <c r="O3609" t="s">
        <v>85</v>
      </c>
      <c r="P3609" t="s">
        <v>86</v>
      </c>
      <c r="Q3609">
        <v>116</v>
      </c>
      <c r="R3609">
        <v>119</v>
      </c>
      <c r="S3609">
        <v>122</v>
      </c>
      <c r="T3609">
        <v>125</v>
      </c>
      <c r="U3609">
        <v>128</v>
      </c>
      <c r="V3609">
        <v>131</v>
      </c>
      <c r="W3609">
        <v>134</v>
      </c>
      <c r="X3609">
        <v>137</v>
      </c>
      <c r="Y3609">
        <v>140</v>
      </c>
      <c r="Z3609">
        <v>143</v>
      </c>
      <c r="AA3609">
        <v>146</v>
      </c>
      <c r="AB3609">
        <v>149</v>
      </c>
      <c r="AC3609">
        <v>153</v>
      </c>
      <c r="AD3609">
        <v>156</v>
      </c>
      <c r="AE3609">
        <v>159</v>
      </c>
      <c r="AF3609">
        <v>162</v>
      </c>
      <c r="AG3609">
        <v>166</v>
      </c>
      <c r="AH3609">
        <v>169</v>
      </c>
      <c r="AI3609">
        <v>173</v>
      </c>
      <c r="AJ3609">
        <v>176</v>
      </c>
      <c r="AK3609">
        <v>180</v>
      </c>
      <c r="AL3609">
        <v>182</v>
      </c>
      <c r="AM3609">
        <v>184</v>
      </c>
      <c r="AN3609">
        <v>185</v>
      </c>
      <c r="AO3609">
        <v>187</v>
      </c>
      <c r="AP3609">
        <v>189</v>
      </c>
      <c r="AQ3609">
        <v>191</v>
      </c>
    </row>
    <row r="3610" spans="1:43">
      <c r="A3610" t="s">
        <v>2280</v>
      </c>
      <c r="B3610" t="s">
        <v>2281</v>
      </c>
      <c r="C3610" t="s">
        <v>2074</v>
      </c>
      <c r="D3610" t="s">
        <v>2075</v>
      </c>
      <c r="E3610" t="s">
        <v>2048</v>
      </c>
      <c r="F3610" t="s">
        <v>2049</v>
      </c>
      <c r="G3610" t="s">
        <v>80</v>
      </c>
      <c r="H3610" t="s">
        <v>81</v>
      </c>
      <c r="I3610" s="2">
        <v>0</v>
      </c>
      <c r="J3610" s="2">
        <v>1</v>
      </c>
      <c r="K3610" s="2">
        <v>0</v>
      </c>
      <c r="L3610" t="s">
        <v>82</v>
      </c>
      <c r="M3610" t="s">
        <v>83</v>
      </c>
      <c r="N3610" t="s">
        <v>84</v>
      </c>
      <c r="O3610" t="s">
        <v>85</v>
      </c>
      <c r="P3610" t="s">
        <v>86</v>
      </c>
      <c r="Q3610">
        <v>88</v>
      </c>
      <c r="R3610">
        <v>90</v>
      </c>
      <c r="S3610">
        <v>92</v>
      </c>
      <c r="T3610">
        <v>94</v>
      </c>
      <c r="U3610">
        <v>96</v>
      </c>
      <c r="V3610">
        <v>99</v>
      </c>
      <c r="W3610">
        <v>101</v>
      </c>
      <c r="X3610">
        <v>103</v>
      </c>
      <c r="Y3610">
        <v>105</v>
      </c>
      <c r="Z3610">
        <v>108</v>
      </c>
      <c r="AA3610">
        <v>110</v>
      </c>
      <c r="AB3610">
        <v>113</v>
      </c>
      <c r="AC3610">
        <v>115</v>
      </c>
      <c r="AD3610">
        <v>117</v>
      </c>
      <c r="AE3610">
        <v>120</v>
      </c>
      <c r="AF3610">
        <v>122</v>
      </c>
      <c r="AG3610">
        <v>125</v>
      </c>
      <c r="AH3610">
        <v>127</v>
      </c>
      <c r="AI3610">
        <v>130</v>
      </c>
      <c r="AJ3610">
        <v>133</v>
      </c>
      <c r="AK3610">
        <v>135</v>
      </c>
      <c r="AL3610">
        <v>137</v>
      </c>
      <c r="AM3610">
        <v>138</v>
      </c>
      <c r="AN3610">
        <v>140</v>
      </c>
      <c r="AO3610">
        <v>141</v>
      </c>
      <c r="AP3610">
        <v>142</v>
      </c>
      <c r="AQ3610">
        <v>143</v>
      </c>
    </row>
    <row r="3611" spans="1:43">
      <c r="A3611" t="s">
        <v>2280</v>
      </c>
      <c r="B3611" t="s">
        <v>2281</v>
      </c>
      <c r="C3611" t="s">
        <v>2074</v>
      </c>
      <c r="D3611" t="s">
        <v>2075</v>
      </c>
      <c r="E3611" t="s">
        <v>2048</v>
      </c>
      <c r="F3611" t="s">
        <v>2049</v>
      </c>
      <c r="G3611" t="s">
        <v>80</v>
      </c>
      <c r="H3611" t="s">
        <v>81</v>
      </c>
      <c r="I3611" s="2">
        <v>0</v>
      </c>
      <c r="J3611" s="2">
        <v>1</v>
      </c>
      <c r="K3611" s="2">
        <v>0</v>
      </c>
      <c r="L3611" t="s">
        <v>82</v>
      </c>
      <c r="M3611" t="s">
        <v>87</v>
      </c>
      <c r="N3611" t="s">
        <v>88</v>
      </c>
      <c r="O3611" t="s">
        <v>85</v>
      </c>
      <c r="P3611" t="s">
        <v>86</v>
      </c>
      <c r="Q3611">
        <v>88</v>
      </c>
      <c r="R3611">
        <v>89</v>
      </c>
      <c r="S3611">
        <v>90</v>
      </c>
      <c r="T3611">
        <v>92</v>
      </c>
      <c r="U3611">
        <v>93</v>
      </c>
      <c r="V3611">
        <v>94</v>
      </c>
      <c r="W3611">
        <v>96</v>
      </c>
      <c r="X3611">
        <v>97</v>
      </c>
      <c r="Y3611">
        <v>98</v>
      </c>
      <c r="Z3611">
        <v>100</v>
      </c>
      <c r="AA3611">
        <v>101</v>
      </c>
      <c r="AB3611">
        <v>103</v>
      </c>
      <c r="AC3611">
        <v>104</v>
      </c>
      <c r="AD3611">
        <v>106</v>
      </c>
      <c r="AE3611">
        <v>107</v>
      </c>
      <c r="AF3611">
        <v>108</v>
      </c>
      <c r="AG3611">
        <v>110</v>
      </c>
      <c r="AH3611">
        <v>111</v>
      </c>
      <c r="AI3611">
        <v>113</v>
      </c>
      <c r="AJ3611">
        <v>114</v>
      </c>
      <c r="AK3611">
        <v>116</v>
      </c>
      <c r="AL3611">
        <v>117</v>
      </c>
      <c r="AM3611">
        <v>119</v>
      </c>
      <c r="AN3611">
        <v>121</v>
      </c>
      <c r="AO3611">
        <v>122</v>
      </c>
      <c r="AP3611">
        <v>124</v>
      </c>
      <c r="AQ3611">
        <v>125</v>
      </c>
    </row>
    <row r="3612" spans="1:43">
      <c r="A3612" t="s">
        <v>2280</v>
      </c>
      <c r="B3612" t="s">
        <v>2281</v>
      </c>
      <c r="C3612" t="s">
        <v>2074</v>
      </c>
      <c r="D3612" t="s">
        <v>2075</v>
      </c>
      <c r="E3612" t="s">
        <v>2048</v>
      </c>
      <c r="F3612" t="s">
        <v>2049</v>
      </c>
      <c r="G3612" t="s">
        <v>80</v>
      </c>
      <c r="H3612" t="s">
        <v>81</v>
      </c>
      <c r="I3612" s="2">
        <v>0</v>
      </c>
      <c r="J3612" s="2">
        <v>1</v>
      </c>
      <c r="K3612" s="2">
        <v>0</v>
      </c>
      <c r="L3612" t="s">
        <v>82</v>
      </c>
      <c r="M3612" t="s">
        <v>89</v>
      </c>
      <c r="N3612" t="s">
        <v>90</v>
      </c>
      <c r="O3612" t="s">
        <v>85</v>
      </c>
      <c r="P3612" t="s">
        <v>86</v>
      </c>
      <c r="Q3612">
        <v>88</v>
      </c>
      <c r="R3612">
        <v>90</v>
      </c>
      <c r="S3612">
        <v>93</v>
      </c>
      <c r="T3612">
        <v>96</v>
      </c>
      <c r="U3612">
        <v>99</v>
      </c>
      <c r="V3612">
        <v>102</v>
      </c>
      <c r="W3612">
        <v>105</v>
      </c>
      <c r="X3612">
        <v>108</v>
      </c>
      <c r="Y3612">
        <v>111</v>
      </c>
      <c r="Z3612">
        <v>114</v>
      </c>
      <c r="AA3612">
        <v>117</v>
      </c>
      <c r="AB3612">
        <v>119</v>
      </c>
      <c r="AC3612">
        <v>122</v>
      </c>
      <c r="AD3612">
        <v>125</v>
      </c>
      <c r="AE3612">
        <v>128</v>
      </c>
      <c r="AF3612">
        <v>129</v>
      </c>
      <c r="AG3612">
        <v>130</v>
      </c>
      <c r="AH3612">
        <v>132</v>
      </c>
      <c r="AI3612">
        <v>133</v>
      </c>
      <c r="AJ3612">
        <v>134</v>
      </c>
      <c r="AK3612">
        <v>135</v>
      </c>
      <c r="AL3612">
        <v>137</v>
      </c>
      <c r="AM3612">
        <v>138</v>
      </c>
      <c r="AN3612">
        <v>139</v>
      </c>
      <c r="AO3612">
        <v>141</v>
      </c>
      <c r="AP3612">
        <v>142</v>
      </c>
      <c r="AQ3612">
        <v>143</v>
      </c>
    </row>
    <row r="3613" spans="1:43">
      <c r="A3613" t="s">
        <v>2280</v>
      </c>
      <c r="B3613" t="s">
        <v>2281</v>
      </c>
      <c r="C3613" t="s">
        <v>2074</v>
      </c>
      <c r="D3613" t="s">
        <v>2075</v>
      </c>
      <c r="E3613" t="s">
        <v>2048</v>
      </c>
      <c r="F3613" t="s">
        <v>2049</v>
      </c>
      <c r="G3613" t="s">
        <v>80</v>
      </c>
      <c r="H3613" t="s">
        <v>81</v>
      </c>
      <c r="I3613" s="2">
        <v>0</v>
      </c>
      <c r="J3613" s="2">
        <v>1</v>
      </c>
      <c r="K3613" s="2">
        <v>0</v>
      </c>
      <c r="L3613" t="s">
        <v>82</v>
      </c>
      <c r="M3613" t="s">
        <v>83</v>
      </c>
      <c r="N3613" t="s">
        <v>91</v>
      </c>
      <c r="O3613" t="s">
        <v>85</v>
      </c>
      <c r="P3613" t="s">
        <v>86</v>
      </c>
      <c r="Q3613">
        <v>88</v>
      </c>
      <c r="R3613">
        <v>90</v>
      </c>
      <c r="S3613">
        <v>92</v>
      </c>
      <c r="T3613">
        <v>94</v>
      </c>
      <c r="U3613">
        <v>96</v>
      </c>
      <c r="V3613">
        <v>99</v>
      </c>
      <c r="W3613">
        <v>101</v>
      </c>
      <c r="X3613">
        <v>103</v>
      </c>
      <c r="Y3613">
        <v>105</v>
      </c>
      <c r="Z3613">
        <v>108</v>
      </c>
      <c r="AA3613">
        <v>110</v>
      </c>
      <c r="AB3613">
        <v>113</v>
      </c>
      <c r="AC3613">
        <v>115</v>
      </c>
      <c r="AD3613">
        <v>117</v>
      </c>
      <c r="AE3613">
        <v>120</v>
      </c>
      <c r="AF3613">
        <v>122</v>
      </c>
      <c r="AG3613">
        <v>125</v>
      </c>
      <c r="AH3613">
        <v>127</v>
      </c>
      <c r="AI3613">
        <v>130</v>
      </c>
      <c r="AJ3613">
        <v>133</v>
      </c>
      <c r="AK3613">
        <v>135</v>
      </c>
      <c r="AL3613">
        <v>137</v>
      </c>
      <c r="AM3613">
        <v>138</v>
      </c>
      <c r="AN3613">
        <v>140</v>
      </c>
      <c r="AO3613">
        <v>141</v>
      </c>
      <c r="AP3613">
        <v>142</v>
      </c>
      <c r="AQ3613">
        <v>143</v>
      </c>
    </row>
    <row r="3614" spans="1:43">
      <c r="A3614" t="s">
        <v>2282</v>
      </c>
      <c r="B3614" t="s">
        <v>2283</v>
      </c>
      <c r="C3614" t="s">
        <v>2284</v>
      </c>
      <c r="D3614" t="s">
        <v>2285</v>
      </c>
      <c r="E3614" t="s">
        <v>2048</v>
      </c>
      <c r="F3614" t="s">
        <v>2049</v>
      </c>
      <c r="G3614" t="s">
        <v>80</v>
      </c>
      <c r="H3614" t="s">
        <v>81</v>
      </c>
      <c r="I3614" s="2">
        <v>0</v>
      </c>
      <c r="J3614" s="2">
        <v>1</v>
      </c>
      <c r="K3614" s="2">
        <v>0</v>
      </c>
      <c r="L3614" t="s">
        <v>82</v>
      </c>
      <c r="M3614" t="s">
        <v>83</v>
      </c>
      <c r="N3614" t="s">
        <v>84</v>
      </c>
      <c r="O3614" t="s">
        <v>85</v>
      </c>
      <c r="P3614" t="s">
        <v>86</v>
      </c>
      <c r="Q3614">
        <v>30</v>
      </c>
      <c r="R3614">
        <v>30</v>
      </c>
      <c r="S3614">
        <v>31</v>
      </c>
      <c r="T3614">
        <v>32</v>
      </c>
      <c r="U3614">
        <v>33</v>
      </c>
      <c r="V3614">
        <v>33</v>
      </c>
      <c r="W3614">
        <v>34</v>
      </c>
      <c r="X3614">
        <v>35</v>
      </c>
      <c r="Y3614">
        <v>36</v>
      </c>
      <c r="Z3614">
        <v>36</v>
      </c>
      <c r="AA3614">
        <v>37</v>
      </c>
      <c r="AB3614">
        <v>38</v>
      </c>
      <c r="AC3614">
        <v>39</v>
      </c>
      <c r="AD3614">
        <v>40</v>
      </c>
      <c r="AE3614">
        <v>40</v>
      </c>
      <c r="AF3614">
        <v>41</v>
      </c>
      <c r="AG3614">
        <v>42</v>
      </c>
      <c r="AH3614">
        <v>43</v>
      </c>
      <c r="AI3614">
        <v>44</v>
      </c>
      <c r="AJ3614">
        <v>45</v>
      </c>
      <c r="AK3614">
        <v>45</v>
      </c>
      <c r="AL3614">
        <v>46</v>
      </c>
      <c r="AM3614">
        <v>46</v>
      </c>
      <c r="AN3614">
        <v>47</v>
      </c>
      <c r="AO3614">
        <v>47</v>
      </c>
      <c r="AP3614">
        <v>48</v>
      </c>
      <c r="AQ3614">
        <v>48</v>
      </c>
    </row>
    <row r="3615" spans="1:43">
      <c r="A3615" t="s">
        <v>2282</v>
      </c>
      <c r="B3615" t="s">
        <v>2283</v>
      </c>
      <c r="C3615" t="s">
        <v>2284</v>
      </c>
      <c r="D3615" t="s">
        <v>2285</v>
      </c>
      <c r="E3615" t="s">
        <v>2048</v>
      </c>
      <c r="F3615" t="s">
        <v>2049</v>
      </c>
      <c r="G3615" t="s">
        <v>80</v>
      </c>
      <c r="H3615" t="s">
        <v>81</v>
      </c>
      <c r="I3615" s="2">
        <v>0</v>
      </c>
      <c r="J3615" s="2">
        <v>1</v>
      </c>
      <c r="K3615" s="2">
        <v>0</v>
      </c>
      <c r="L3615" t="s">
        <v>82</v>
      </c>
      <c r="M3615" t="s">
        <v>87</v>
      </c>
      <c r="N3615" t="s">
        <v>88</v>
      </c>
      <c r="O3615" t="s">
        <v>85</v>
      </c>
      <c r="P3615" t="s">
        <v>86</v>
      </c>
      <c r="Q3615">
        <v>30</v>
      </c>
      <c r="R3615">
        <v>31</v>
      </c>
      <c r="S3615">
        <v>31</v>
      </c>
      <c r="T3615">
        <v>32</v>
      </c>
      <c r="U3615">
        <v>32</v>
      </c>
      <c r="V3615">
        <v>33</v>
      </c>
      <c r="W3615">
        <v>33</v>
      </c>
      <c r="X3615">
        <v>34</v>
      </c>
      <c r="Y3615">
        <v>34</v>
      </c>
      <c r="Z3615">
        <v>34</v>
      </c>
      <c r="AA3615">
        <v>35</v>
      </c>
      <c r="AB3615">
        <v>35</v>
      </c>
      <c r="AC3615">
        <v>36</v>
      </c>
      <c r="AD3615">
        <v>36</v>
      </c>
      <c r="AE3615">
        <v>37</v>
      </c>
      <c r="AF3615">
        <v>37</v>
      </c>
      <c r="AG3615">
        <v>38</v>
      </c>
      <c r="AH3615">
        <v>38</v>
      </c>
      <c r="AI3615">
        <v>39</v>
      </c>
      <c r="AJ3615">
        <v>39</v>
      </c>
      <c r="AK3615">
        <v>40</v>
      </c>
      <c r="AL3615">
        <v>40</v>
      </c>
      <c r="AM3615">
        <v>41</v>
      </c>
      <c r="AN3615">
        <v>41</v>
      </c>
      <c r="AO3615">
        <v>42</v>
      </c>
      <c r="AP3615">
        <v>42</v>
      </c>
      <c r="AQ3615">
        <v>43</v>
      </c>
    </row>
    <row r="3616" spans="1:43">
      <c r="A3616" t="s">
        <v>2282</v>
      </c>
      <c r="B3616" t="s">
        <v>2283</v>
      </c>
      <c r="C3616" t="s">
        <v>2284</v>
      </c>
      <c r="D3616" t="s">
        <v>2285</v>
      </c>
      <c r="E3616" t="s">
        <v>2048</v>
      </c>
      <c r="F3616" t="s">
        <v>2049</v>
      </c>
      <c r="G3616" t="s">
        <v>80</v>
      </c>
      <c r="H3616" t="s">
        <v>81</v>
      </c>
      <c r="I3616" s="2">
        <v>0</v>
      </c>
      <c r="J3616" s="2">
        <v>1</v>
      </c>
      <c r="K3616" s="2">
        <v>0</v>
      </c>
      <c r="L3616" t="s">
        <v>82</v>
      </c>
      <c r="M3616" t="s">
        <v>89</v>
      </c>
      <c r="N3616" t="s">
        <v>90</v>
      </c>
      <c r="O3616" t="s">
        <v>85</v>
      </c>
      <c r="P3616" t="s">
        <v>86</v>
      </c>
      <c r="Q3616">
        <v>30</v>
      </c>
      <c r="R3616">
        <v>31</v>
      </c>
      <c r="S3616">
        <v>32</v>
      </c>
      <c r="T3616">
        <v>33</v>
      </c>
      <c r="U3616">
        <v>34</v>
      </c>
      <c r="V3616">
        <v>35</v>
      </c>
      <c r="W3616">
        <v>36</v>
      </c>
      <c r="X3616">
        <v>37</v>
      </c>
      <c r="Y3616">
        <v>38</v>
      </c>
      <c r="Z3616">
        <v>39</v>
      </c>
      <c r="AA3616">
        <v>40</v>
      </c>
      <c r="AB3616">
        <v>41</v>
      </c>
      <c r="AC3616">
        <v>42</v>
      </c>
      <c r="AD3616">
        <v>43</v>
      </c>
      <c r="AE3616">
        <v>43</v>
      </c>
      <c r="AF3616">
        <v>44</v>
      </c>
      <c r="AG3616">
        <v>44</v>
      </c>
      <c r="AH3616">
        <v>45</v>
      </c>
      <c r="AI3616">
        <v>45</v>
      </c>
      <c r="AJ3616">
        <v>45</v>
      </c>
      <c r="AK3616">
        <v>46</v>
      </c>
      <c r="AL3616">
        <v>46</v>
      </c>
      <c r="AM3616">
        <v>47</v>
      </c>
      <c r="AN3616">
        <v>47</v>
      </c>
      <c r="AO3616">
        <v>48</v>
      </c>
      <c r="AP3616">
        <v>48</v>
      </c>
      <c r="AQ3616">
        <v>48</v>
      </c>
    </row>
    <row r="3617" spans="1:43">
      <c r="A3617" t="s">
        <v>2282</v>
      </c>
      <c r="B3617" t="s">
        <v>2283</v>
      </c>
      <c r="C3617" t="s">
        <v>2284</v>
      </c>
      <c r="D3617" t="s">
        <v>2285</v>
      </c>
      <c r="E3617" t="s">
        <v>2048</v>
      </c>
      <c r="F3617" t="s">
        <v>2049</v>
      </c>
      <c r="G3617" t="s">
        <v>80</v>
      </c>
      <c r="H3617" t="s">
        <v>81</v>
      </c>
      <c r="I3617" s="2">
        <v>0</v>
      </c>
      <c r="J3617" s="2">
        <v>1</v>
      </c>
      <c r="K3617" s="2">
        <v>0</v>
      </c>
      <c r="L3617" t="s">
        <v>82</v>
      </c>
      <c r="M3617" t="s">
        <v>83</v>
      </c>
      <c r="N3617" t="s">
        <v>91</v>
      </c>
      <c r="O3617" t="s">
        <v>85</v>
      </c>
      <c r="P3617" t="s">
        <v>86</v>
      </c>
      <c r="Q3617">
        <v>30</v>
      </c>
      <c r="R3617">
        <v>30</v>
      </c>
      <c r="S3617">
        <v>31</v>
      </c>
      <c r="T3617">
        <v>32</v>
      </c>
      <c r="U3617">
        <v>33</v>
      </c>
      <c r="V3617">
        <v>33</v>
      </c>
      <c r="W3617">
        <v>34</v>
      </c>
      <c r="X3617">
        <v>35</v>
      </c>
      <c r="Y3617">
        <v>36</v>
      </c>
      <c r="Z3617">
        <v>36</v>
      </c>
      <c r="AA3617">
        <v>37</v>
      </c>
      <c r="AB3617">
        <v>38</v>
      </c>
      <c r="AC3617">
        <v>39</v>
      </c>
      <c r="AD3617">
        <v>40</v>
      </c>
      <c r="AE3617">
        <v>40</v>
      </c>
      <c r="AF3617">
        <v>41</v>
      </c>
      <c r="AG3617">
        <v>42</v>
      </c>
      <c r="AH3617">
        <v>43</v>
      </c>
      <c r="AI3617">
        <v>44</v>
      </c>
      <c r="AJ3617">
        <v>45</v>
      </c>
      <c r="AK3617">
        <v>45</v>
      </c>
      <c r="AL3617">
        <v>46</v>
      </c>
      <c r="AM3617">
        <v>46</v>
      </c>
      <c r="AN3617">
        <v>47</v>
      </c>
      <c r="AO3617">
        <v>47</v>
      </c>
      <c r="AP3617">
        <v>48</v>
      </c>
      <c r="AQ3617">
        <v>48</v>
      </c>
    </row>
    <row r="3618" spans="1:43">
      <c r="A3618" t="s">
        <v>2286</v>
      </c>
      <c r="B3618" t="s">
        <v>2287</v>
      </c>
      <c r="C3618" t="s">
        <v>2100</v>
      </c>
      <c r="D3618" t="s">
        <v>2101</v>
      </c>
      <c r="E3618" t="s">
        <v>2048</v>
      </c>
      <c r="F3618" t="s">
        <v>2049</v>
      </c>
      <c r="G3618" t="s">
        <v>80</v>
      </c>
      <c r="H3618" t="s">
        <v>81</v>
      </c>
      <c r="I3618" s="2">
        <v>0</v>
      </c>
      <c r="J3618" s="2">
        <v>1</v>
      </c>
      <c r="K3618" s="2">
        <v>0</v>
      </c>
      <c r="L3618" t="s">
        <v>82</v>
      </c>
      <c r="M3618" t="s">
        <v>83</v>
      </c>
      <c r="N3618" t="s">
        <v>84</v>
      </c>
      <c r="O3618" t="s">
        <v>85</v>
      </c>
      <c r="P3618" t="s">
        <v>86</v>
      </c>
      <c r="Q3618">
        <v>236</v>
      </c>
      <c r="R3618">
        <v>241</v>
      </c>
      <c r="S3618">
        <v>247</v>
      </c>
      <c r="T3618">
        <v>253</v>
      </c>
      <c r="U3618">
        <v>259</v>
      </c>
      <c r="V3618">
        <v>264</v>
      </c>
      <c r="W3618">
        <v>270</v>
      </c>
      <c r="X3618">
        <v>276</v>
      </c>
      <c r="Y3618">
        <v>283</v>
      </c>
      <c r="Z3618">
        <v>289</v>
      </c>
      <c r="AA3618">
        <v>295</v>
      </c>
      <c r="AB3618">
        <v>301</v>
      </c>
      <c r="AC3618">
        <v>307</v>
      </c>
      <c r="AD3618">
        <v>313</v>
      </c>
      <c r="AE3618">
        <v>320</v>
      </c>
      <c r="AF3618">
        <v>326</v>
      </c>
      <c r="AG3618">
        <v>332</v>
      </c>
      <c r="AH3618">
        <v>339</v>
      </c>
      <c r="AI3618">
        <v>345</v>
      </c>
      <c r="AJ3618">
        <v>352</v>
      </c>
      <c r="AK3618">
        <v>359</v>
      </c>
      <c r="AL3618">
        <v>363</v>
      </c>
      <c r="AM3618">
        <v>367</v>
      </c>
      <c r="AN3618">
        <v>370</v>
      </c>
      <c r="AO3618">
        <v>373</v>
      </c>
      <c r="AP3618">
        <v>377</v>
      </c>
      <c r="AQ3618">
        <v>380</v>
      </c>
    </row>
    <row r="3619" spans="1:43">
      <c r="A3619" t="s">
        <v>2286</v>
      </c>
      <c r="B3619" t="s">
        <v>2287</v>
      </c>
      <c r="C3619" t="s">
        <v>2100</v>
      </c>
      <c r="D3619" t="s">
        <v>2101</v>
      </c>
      <c r="E3619" t="s">
        <v>2048</v>
      </c>
      <c r="F3619" t="s">
        <v>2049</v>
      </c>
      <c r="G3619" t="s">
        <v>80</v>
      </c>
      <c r="H3619" t="s">
        <v>81</v>
      </c>
      <c r="I3619" s="2">
        <v>0</v>
      </c>
      <c r="J3619" s="2">
        <v>1</v>
      </c>
      <c r="K3619" s="2">
        <v>0</v>
      </c>
      <c r="L3619" t="s">
        <v>82</v>
      </c>
      <c r="M3619" t="s">
        <v>87</v>
      </c>
      <c r="N3619" t="s">
        <v>88</v>
      </c>
      <c r="O3619" t="s">
        <v>85</v>
      </c>
      <c r="P3619" t="s">
        <v>86</v>
      </c>
      <c r="Q3619">
        <v>236</v>
      </c>
      <c r="R3619">
        <v>239</v>
      </c>
      <c r="S3619">
        <v>242</v>
      </c>
      <c r="T3619">
        <v>246</v>
      </c>
      <c r="U3619">
        <v>249</v>
      </c>
      <c r="V3619">
        <v>253</v>
      </c>
      <c r="W3619">
        <v>256</v>
      </c>
      <c r="X3619">
        <v>260</v>
      </c>
      <c r="Y3619">
        <v>263</v>
      </c>
      <c r="Z3619">
        <v>267</v>
      </c>
      <c r="AA3619">
        <v>270</v>
      </c>
      <c r="AB3619">
        <v>274</v>
      </c>
      <c r="AC3619">
        <v>278</v>
      </c>
      <c r="AD3619">
        <v>282</v>
      </c>
      <c r="AE3619">
        <v>285</v>
      </c>
      <c r="AF3619">
        <v>289</v>
      </c>
      <c r="AG3619">
        <v>293</v>
      </c>
      <c r="AH3619">
        <v>297</v>
      </c>
      <c r="AI3619">
        <v>301</v>
      </c>
      <c r="AJ3619">
        <v>305</v>
      </c>
      <c r="AK3619">
        <v>309</v>
      </c>
      <c r="AL3619">
        <v>313</v>
      </c>
      <c r="AM3619">
        <v>317</v>
      </c>
      <c r="AN3619">
        <v>321</v>
      </c>
      <c r="AO3619">
        <v>325</v>
      </c>
      <c r="AP3619">
        <v>329</v>
      </c>
      <c r="AQ3619">
        <v>333</v>
      </c>
    </row>
    <row r="3620" spans="1:43">
      <c r="A3620" t="s">
        <v>2286</v>
      </c>
      <c r="B3620" t="s">
        <v>2287</v>
      </c>
      <c r="C3620" t="s">
        <v>2100</v>
      </c>
      <c r="D3620" t="s">
        <v>2101</v>
      </c>
      <c r="E3620" t="s">
        <v>2048</v>
      </c>
      <c r="F3620" t="s">
        <v>2049</v>
      </c>
      <c r="G3620" t="s">
        <v>80</v>
      </c>
      <c r="H3620" t="s">
        <v>81</v>
      </c>
      <c r="I3620" s="2">
        <v>0</v>
      </c>
      <c r="J3620" s="2">
        <v>1</v>
      </c>
      <c r="K3620" s="2">
        <v>0</v>
      </c>
      <c r="L3620" t="s">
        <v>82</v>
      </c>
      <c r="M3620" t="s">
        <v>89</v>
      </c>
      <c r="N3620" t="s">
        <v>90</v>
      </c>
      <c r="O3620" t="s">
        <v>85</v>
      </c>
      <c r="P3620" t="s">
        <v>86</v>
      </c>
      <c r="Q3620">
        <v>236</v>
      </c>
      <c r="R3620">
        <v>244</v>
      </c>
      <c r="S3620">
        <v>251</v>
      </c>
      <c r="T3620">
        <v>259</v>
      </c>
      <c r="U3620">
        <v>267</v>
      </c>
      <c r="V3620">
        <v>275</v>
      </c>
      <c r="W3620">
        <v>282</v>
      </c>
      <c r="X3620">
        <v>290</v>
      </c>
      <c r="Y3620">
        <v>297</v>
      </c>
      <c r="Z3620">
        <v>304</v>
      </c>
      <c r="AA3620">
        <v>312</v>
      </c>
      <c r="AB3620">
        <v>319</v>
      </c>
      <c r="AC3620">
        <v>327</v>
      </c>
      <c r="AD3620">
        <v>334</v>
      </c>
      <c r="AE3620">
        <v>340</v>
      </c>
      <c r="AF3620">
        <v>343</v>
      </c>
      <c r="AG3620">
        <v>347</v>
      </c>
      <c r="AH3620">
        <v>350</v>
      </c>
      <c r="AI3620">
        <v>353</v>
      </c>
      <c r="AJ3620">
        <v>357</v>
      </c>
      <c r="AK3620">
        <v>360</v>
      </c>
      <c r="AL3620">
        <v>363</v>
      </c>
      <c r="AM3620">
        <v>367</v>
      </c>
      <c r="AN3620">
        <v>370</v>
      </c>
      <c r="AO3620">
        <v>374</v>
      </c>
      <c r="AP3620">
        <v>377</v>
      </c>
      <c r="AQ3620">
        <v>380</v>
      </c>
    </row>
    <row r="3621" spans="1:43">
      <c r="A3621" t="s">
        <v>2286</v>
      </c>
      <c r="B3621" t="s">
        <v>2287</v>
      </c>
      <c r="C3621" t="s">
        <v>2100</v>
      </c>
      <c r="D3621" t="s">
        <v>2101</v>
      </c>
      <c r="E3621" t="s">
        <v>2048</v>
      </c>
      <c r="F3621" t="s">
        <v>2049</v>
      </c>
      <c r="G3621" t="s">
        <v>80</v>
      </c>
      <c r="H3621" t="s">
        <v>81</v>
      </c>
      <c r="I3621" s="2">
        <v>0</v>
      </c>
      <c r="J3621" s="2">
        <v>1</v>
      </c>
      <c r="K3621" s="2">
        <v>0</v>
      </c>
      <c r="L3621" t="s">
        <v>82</v>
      </c>
      <c r="M3621" t="s">
        <v>83</v>
      </c>
      <c r="N3621" t="s">
        <v>91</v>
      </c>
      <c r="O3621" t="s">
        <v>85</v>
      </c>
      <c r="P3621" t="s">
        <v>86</v>
      </c>
      <c r="Q3621">
        <v>236</v>
      </c>
      <c r="R3621">
        <v>241</v>
      </c>
      <c r="S3621">
        <v>247</v>
      </c>
      <c r="T3621">
        <v>253</v>
      </c>
      <c r="U3621">
        <v>259</v>
      </c>
      <c r="V3621">
        <v>264</v>
      </c>
      <c r="W3621">
        <v>270</v>
      </c>
      <c r="X3621">
        <v>276</v>
      </c>
      <c r="Y3621">
        <v>283</v>
      </c>
      <c r="Z3621">
        <v>289</v>
      </c>
      <c r="AA3621">
        <v>295</v>
      </c>
      <c r="AB3621">
        <v>301</v>
      </c>
      <c r="AC3621">
        <v>307</v>
      </c>
      <c r="AD3621">
        <v>313</v>
      </c>
      <c r="AE3621">
        <v>320</v>
      </c>
      <c r="AF3621">
        <v>326</v>
      </c>
      <c r="AG3621">
        <v>332</v>
      </c>
      <c r="AH3621">
        <v>339</v>
      </c>
      <c r="AI3621">
        <v>345</v>
      </c>
      <c r="AJ3621">
        <v>352</v>
      </c>
      <c r="AK3621">
        <v>359</v>
      </c>
      <c r="AL3621">
        <v>363</v>
      </c>
      <c r="AM3621">
        <v>367</v>
      </c>
      <c r="AN3621">
        <v>370</v>
      </c>
      <c r="AO3621">
        <v>373</v>
      </c>
      <c r="AP3621">
        <v>377</v>
      </c>
      <c r="AQ3621">
        <v>380</v>
      </c>
    </row>
    <row r="3622" spans="1:43">
      <c r="A3622" t="s">
        <v>2288</v>
      </c>
      <c r="B3622" t="s">
        <v>2289</v>
      </c>
      <c r="C3622" t="s">
        <v>2100</v>
      </c>
      <c r="D3622" t="s">
        <v>2101</v>
      </c>
      <c r="E3622" t="s">
        <v>2048</v>
      </c>
      <c r="F3622" t="s">
        <v>2049</v>
      </c>
      <c r="G3622" t="s">
        <v>80</v>
      </c>
      <c r="H3622" t="s">
        <v>81</v>
      </c>
      <c r="I3622" s="2">
        <v>0</v>
      </c>
      <c r="J3622" s="2">
        <v>1</v>
      </c>
      <c r="K3622" s="2">
        <v>0</v>
      </c>
      <c r="L3622" t="s">
        <v>82</v>
      </c>
      <c r="M3622" t="s">
        <v>83</v>
      </c>
      <c r="N3622" t="s">
        <v>84</v>
      </c>
      <c r="O3622" t="s">
        <v>85</v>
      </c>
      <c r="P3622" t="s">
        <v>86</v>
      </c>
      <c r="Q3622">
        <v>180</v>
      </c>
      <c r="R3622">
        <v>185</v>
      </c>
      <c r="S3622">
        <v>189</v>
      </c>
      <c r="T3622">
        <v>193</v>
      </c>
      <c r="U3622">
        <v>198</v>
      </c>
      <c r="V3622">
        <v>202</v>
      </c>
      <c r="W3622">
        <v>207</v>
      </c>
      <c r="X3622">
        <v>211</v>
      </c>
      <c r="Y3622">
        <v>216</v>
      </c>
      <c r="Z3622">
        <v>221</v>
      </c>
      <c r="AA3622">
        <v>226</v>
      </c>
      <c r="AB3622">
        <v>230</v>
      </c>
      <c r="AC3622">
        <v>235</v>
      </c>
      <c r="AD3622">
        <v>240</v>
      </c>
      <c r="AE3622">
        <v>245</v>
      </c>
      <c r="AF3622">
        <v>250</v>
      </c>
      <c r="AG3622">
        <v>255</v>
      </c>
      <c r="AH3622">
        <v>260</v>
      </c>
      <c r="AI3622">
        <v>266</v>
      </c>
      <c r="AJ3622">
        <v>271</v>
      </c>
      <c r="AK3622">
        <v>276</v>
      </c>
      <c r="AL3622">
        <v>280</v>
      </c>
      <c r="AM3622">
        <v>282</v>
      </c>
      <c r="AN3622">
        <v>285</v>
      </c>
      <c r="AO3622">
        <v>288</v>
      </c>
      <c r="AP3622">
        <v>290</v>
      </c>
      <c r="AQ3622">
        <v>293</v>
      </c>
    </row>
    <row r="3623" spans="1:43">
      <c r="A3623" t="s">
        <v>2288</v>
      </c>
      <c r="B3623" t="s">
        <v>2289</v>
      </c>
      <c r="C3623" t="s">
        <v>2100</v>
      </c>
      <c r="D3623" t="s">
        <v>2101</v>
      </c>
      <c r="E3623" t="s">
        <v>2048</v>
      </c>
      <c r="F3623" t="s">
        <v>2049</v>
      </c>
      <c r="G3623" t="s">
        <v>80</v>
      </c>
      <c r="H3623" t="s">
        <v>81</v>
      </c>
      <c r="I3623" s="2">
        <v>0</v>
      </c>
      <c r="J3623" s="2">
        <v>1</v>
      </c>
      <c r="K3623" s="2">
        <v>0</v>
      </c>
      <c r="L3623" t="s">
        <v>82</v>
      </c>
      <c r="M3623" t="s">
        <v>87</v>
      </c>
      <c r="N3623" t="s">
        <v>88</v>
      </c>
      <c r="O3623" t="s">
        <v>85</v>
      </c>
      <c r="P3623" t="s">
        <v>86</v>
      </c>
      <c r="Q3623">
        <v>180</v>
      </c>
      <c r="R3623">
        <v>182</v>
      </c>
      <c r="S3623">
        <v>185</v>
      </c>
      <c r="T3623">
        <v>187</v>
      </c>
      <c r="U3623">
        <v>190</v>
      </c>
      <c r="V3623">
        <v>193</v>
      </c>
      <c r="W3623">
        <v>195</v>
      </c>
      <c r="X3623">
        <v>198</v>
      </c>
      <c r="Y3623">
        <v>201</v>
      </c>
      <c r="Z3623">
        <v>204</v>
      </c>
      <c r="AA3623">
        <v>206</v>
      </c>
      <c r="AB3623">
        <v>209</v>
      </c>
      <c r="AC3623">
        <v>212</v>
      </c>
      <c r="AD3623">
        <v>215</v>
      </c>
      <c r="AE3623">
        <v>218</v>
      </c>
      <c r="AF3623">
        <v>221</v>
      </c>
      <c r="AG3623">
        <v>224</v>
      </c>
      <c r="AH3623">
        <v>227</v>
      </c>
      <c r="AI3623">
        <v>230</v>
      </c>
      <c r="AJ3623">
        <v>233</v>
      </c>
      <c r="AK3623">
        <v>236</v>
      </c>
      <c r="AL3623">
        <v>239</v>
      </c>
      <c r="AM3623">
        <v>242</v>
      </c>
      <c r="AN3623">
        <v>245</v>
      </c>
      <c r="AO3623">
        <v>248</v>
      </c>
      <c r="AP3623">
        <v>251</v>
      </c>
      <c r="AQ3623">
        <v>255</v>
      </c>
    </row>
    <row r="3624" spans="1:43">
      <c r="A3624" t="s">
        <v>2288</v>
      </c>
      <c r="B3624" t="s">
        <v>2289</v>
      </c>
      <c r="C3624" t="s">
        <v>2100</v>
      </c>
      <c r="D3624" t="s">
        <v>2101</v>
      </c>
      <c r="E3624" t="s">
        <v>2048</v>
      </c>
      <c r="F3624" t="s">
        <v>2049</v>
      </c>
      <c r="G3624" t="s">
        <v>80</v>
      </c>
      <c r="H3624" t="s">
        <v>81</v>
      </c>
      <c r="I3624" s="2">
        <v>0</v>
      </c>
      <c r="J3624" s="2">
        <v>1</v>
      </c>
      <c r="K3624" s="2">
        <v>0</v>
      </c>
      <c r="L3624" t="s">
        <v>82</v>
      </c>
      <c r="M3624" t="s">
        <v>89</v>
      </c>
      <c r="N3624" t="s">
        <v>90</v>
      </c>
      <c r="O3624" t="s">
        <v>85</v>
      </c>
      <c r="P3624" t="s">
        <v>86</v>
      </c>
      <c r="Q3624">
        <v>180</v>
      </c>
      <c r="R3624">
        <v>186</v>
      </c>
      <c r="S3624">
        <v>192</v>
      </c>
      <c r="T3624">
        <v>198</v>
      </c>
      <c r="U3624">
        <v>204</v>
      </c>
      <c r="V3624">
        <v>210</v>
      </c>
      <c r="W3624">
        <v>215</v>
      </c>
      <c r="X3624">
        <v>221</v>
      </c>
      <c r="Y3624">
        <v>227</v>
      </c>
      <c r="Z3624">
        <v>233</v>
      </c>
      <c r="AA3624">
        <v>239</v>
      </c>
      <c r="AB3624">
        <v>244</v>
      </c>
      <c r="AC3624">
        <v>251</v>
      </c>
      <c r="AD3624">
        <v>257</v>
      </c>
      <c r="AE3624">
        <v>261</v>
      </c>
      <c r="AF3624">
        <v>264</v>
      </c>
      <c r="AG3624">
        <v>267</v>
      </c>
      <c r="AH3624">
        <v>269</v>
      </c>
      <c r="AI3624">
        <v>272</v>
      </c>
      <c r="AJ3624">
        <v>274</v>
      </c>
      <c r="AK3624">
        <v>277</v>
      </c>
      <c r="AL3624">
        <v>280</v>
      </c>
      <c r="AM3624">
        <v>282</v>
      </c>
      <c r="AN3624">
        <v>285</v>
      </c>
      <c r="AO3624">
        <v>287</v>
      </c>
      <c r="AP3624">
        <v>290</v>
      </c>
      <c r="AQ3624">
        <v>293</v>
      </c>
    </row>
    <row r="3625" spans="1:43">
      <c r="A3625" t="s">
        <v>2288</v>
      </c>
      <c r="B3625" t="s">
        <v>2289</v>
      </c>
      <c r="C3625" t="s">
        <v>2100</v>
      </c>
      <c r="D3625" t="s">
        <v>2101</v>
      </c>
      <c r="E3625" t="s">
        <v>2048</v>
      </c>
      <c r="F3625" t="s">
        <v>2049</v>
      </c>
      <c r="G3625" t="s">
        <v>80</v>
      </c>
      <c r="H3625" t="s">
        <v>81</v>
      </c>
      <c r="I3625" s="2">
        <v>0</v>
      </c>
      <c r="J3625" s="2">
        <v>1</v>
      </c>
      <c r="K3625" s="2">
        <v>0</v>
      </c>
      <c r="L3625" t="s">
        <v>82</v>
      </c>
      <c r="M3625" t="s">
        <v>83</v>
      </c>
      <c r="N3625" t="s">
        <v>91</v>
      </c>
      <c r="O3625" t="s">
        <v>85</v>
      </c>
      <c r="P3625" t="s">
        <v>86</v>
      </c>
      <c r="Q3625">
        <v>180</v>
      </c>
      <c r="R3625">
        <v>185</v>
      </c>
      <c r="S3625">
        <v>189</v>
      </c>
      <c r="T3625">
        <v>193</v>
      </c>
      <c r="U3625">
        <v>198</v>
      </c>
      <c r="V3625">
        <v>202</v>
      </c>
      <c r="W3625">
        <v>207</v>
      </c>
      <c r="X3625">
        <v>211</v>
      </c>
      <c r="Y3625">
        <v>216</v>
      </c>
      <c r="Z3625">
        <v>221</v>
      </c>
      <c r="AA3625">
        <v>226</v>
      </c>
      <c r="AB3625">
        <v>230</v>
      </c>
      <c r="AC3625">
        <v>235</v>
      </c>
      <c r="AD3625">
        <v>240</v>
      </c>
      <c r="AE3625">
        <v>245</v>
      </c>
      <c r="AF3625">
        <v>250</v>
      </c>
      <c r="AG3625">
        <v>255</v>
      </c>
      <c r="AH3625">
        <v>260</v>
      </c>
      <c r="AI3625">
        <v>266</v>
      </c>
      <c r="AJ3625">
        <v>271</v>
      </c>
      <c r="AK3625">
        <v>276</v>
      </c>
      <c r="AL3625">
        <v>280</v>
      </c>
      <c r="AM3625">
        <v>282</v>
      </c>
      <c r="AN3625">
        <v>285</v>
      </c>
      <c r="AO3625">
        <v>288</v>
      </c>
      <c r="AP3625">
        <v>290</v>
      </c>
      <c r="AQ3625">
        <v>293</v>
      </c>
    </row>
    <row r="3626" spans="1:43">
      <c r="A3626" t="s">
        <v>2290</v>
      </c>
      <c r="B3626" t="s">
        <v>2291</v>
      </c>
      <c r="C3626" t="s">
        <v>2100</v>
      </c>
      <c r="D3626" t="s">
        <v>2101</v>
      </c>
      <c r="E3626" t="s">
        <v>2048</v>
      </c>
      <c r="F3626" t="s">
        <v>2049</v>
      </c>
      <c r="G3626" t="s">
        <v>80</v>
      </c>
      <c r="H3626" t="s">
        <v>81</v>
      </c>
      <c r="I3626" s="2">
        <v>0</v>
      </c>
      <c r="J3626" s="2">
        <v>1</v>
      </c>
      <c r="K3626" s="2">
        <v>0</v>
      </c>
      <c r="L3626" t="s">
        <v>82</v>
      </c>
      <c r="M3626" t="s">
        <v>83</v>
      </c>
      <c r="N3626" t="s">
        <v>84</v>
      </c>
      <c r="O3626" t="s">
        <v>85</v>
      </c>
      <c r="P3626" t="s">
        <v>86</v>
      </c>
      <c r="Q3626">
        <v>80</v>
      </c>
      <c r="R3626">
        <v>82</v>
      </c>
      <c r="S3626">
        <v>84</v>
      </c>
      <c r="T3626">
        <v>86</v>
      </c>
      <c r="U3626">
        <v>88</v>
      </c>
      <c r="V3626">
        <v>90</v>
      </c>
      <c r="W3626">
        <v>92</v>
      </c>
      <c r="X3626">
        <v>94</v>
      </c>
      <c r="Y3626">
        <v>96</v>
      </c>
      <c r="Z3626">
        <v>98</v>
      </c>
      <c r="AA3626">
        <v>100</v>
      </c>
      <c r="AB3626">
        <v>102</v>
      </c>
      <c r="AC3626">
        <v>104</v>
      </c>
      <c r="AD3626">
        <v>106</v>
      </c>
      <c r="AE3626">
        <v>109</v>
      </c>
      <c r="AF3626">
        <v>111</v>
      </c>
      <c r="AG3626">
        <v>113</v>
      </c>
      <c r="AH3626">
        <v>115</v>
      </c>
      <c r="AI3626">
        <v>118</v>
      </c>
      <c r="AJ3626">
        <v>120</v>
      </c>
      <c r="AK3626">
        <v>122</v>
      </c>
      <c r="AL3626">
        <v>124</v>
      </c>
      <c r="AM3626">
        <v>125</v>
      </c>
      <c r="AN3626">
        <v>126</v>
      </c>
      <c r="AO3626">
        <v>127</v>
      </c>
      <c r="AP3626">
        <v>128</v>
      </c>
      <c r="AQ3626">
        <v>130</v>
      </c>
    </row>
    <row r="3627" spans="1:43">
      <c r="A3627" t="s">
        <v>2290</v>
      </c>
      <c r="B3627" t="s">
        <v>2291</v>
      </c>
      <c r="C3627" t="s">
        <v>2100</v>
      </c>
      <c r="D3627" t="s">
        <v>2101</v>
      </c>
      <c r="E3627" t="s">
        <v>2048</v>
      </c>
      <c r="F3627" t="s">
        <v>2049</v>
      </c>
      <c r="G3627" t="s">
        <v>80</v>
      </c>
      <c r="H3627" t="s">
        <v>81</v>
      </c>
      <c r="I3627" s="2">
        <v>0</v>
      </c>
      <c r="J3627" s="2">
        <v>1</v>
      </c>
      <c r="K3627" s="2">
        <v>0</v>
      </c>
      <c r="L3627" t="s">
        <v>82</v>
      </c>
      <c r="M3627" t="s">
        <v>87</v>
      </c>
      <c r="N3627" t="s">
        <v>88</v>
      </c>
      <c r="O3627" t="s">
        <v>85</v>
      </c>
      <c r="P3627" t="s">
        <v>86</v>
      </c>
      <c r="Q3627">
        <v>80</v>
      </c>
      <c r="R3627">
        <v>81</v>
      </c>
      <c r="S3627">
        <v>82</v>
      </c>
      <c r="T3627">
        <v>84</v>
      </c>
      <c r="U3627">
        <v>85</v>
      </c>
      <c r="V3627">
        <v>86</v>
      </c>
      <c r="W3627">
        <v>87</v>
      </c>
      <c r="X3627">
        <v>88</v>
      </c>
      <c r="Y3627">
        <v>89</v>
      </c>
      <c r="Z3627">
        <v>91</v>
      </c>
      <c r="AA3627">
        <v>92</v>
      </c>
      <c r="AB3627">
        <v>93</v>
      </c>
      <c r="AC3627">
        <v>94</v>
      </c>
      <c r="AD3627">
        <v>96</v>
      </c>
      <c r="AE3627">
        <v>97</v>
      </c>
      <c r="AF3627">
        <v>98</v>
      </c>
      <c r="AG3627">
        <v>100</v>
      </c>
      <c r="AH3627">
        <v>101</v>
      </c>
      <c r="AI3627">
        <v>102</v>
      </c>
      <c r="AJ3627">
        <v>104</v>
      </c>
      <c r="AK3627">
        <v>105</v>
      </c>
      <c r="AL3627">
        <v>106</v>
      </c>
      <c r="AM3627">
        <v>108</v>
      </c>
      <c r="AN3627">
        <v>109</v>
      </c>
      <c r="AO3627">
        <v>110</v>
      </c>
      <c r="AP3627">
        <v>112</v>
      </c>
      <c r="AQ3627">
        <v>113</v>
      </c>
    </row>
    <row r="3628" spans="1:43">
      <c r="A3628" t="s">
        <v>2290</v>
      </c>
      <c r="B3628" t="s">
        <v>2291</v>
      </c>
      <c r="C3628" t="s">
        <v>2100</v>
      </c>
      <c r="D3628" t="s">
        <v>2101</v>
      </c>
      <c r="E3628" t="s">
        <v>2048</v>
      </c>
      <c r="F3628" t="s">
        <v>2049</v>
      </c>
      <c r="G3628" t="s">
        <v>80</v>
      </c>
      <c r="H3628" t="s">
        <v>81</v>
      </c>
      <c r="I3628" s="2">
        <v>0</v>
      </c>
      <c r="J3628" s="2">
        <v>1</v>
      </c>
      <c r="K3628" s="2">
        <v>0</v>
      </c>
      <c r="L3628" t="s">
        <v>82</v>
      </c>
      <c r="M3628" t="s">
        <v>89</v>
      </c>
      <c r="N3628" t="s">
        <v>90</v>
      </c>
      <c r="O3628" t="s">
        <v>85</v>
      </c>
      <c r="P3628" t="s">
        <v>86</v>
      </c>
      <c r="Q3628">
        <v>80</v>
      </c>
      <c r="R3628">
        <v>82</v>
      </c>
      <c r="S3628">
        <v>85</v>
      </c>
      <c r="T3628">
        <v>87</v>
      </c>
      <c r="U3628">
        <v>90</v>
      </c>
      <c r="V3628">
        <v>93</v>
      </c>
      <c r="W3628">
        <v>95</v>
      </c>
      <c r="X3628">
        <v>98</v>
      </c>
      <c r="Y3628">
        <v>100</v>
      </c>
      <c r="Z3628">
        <v>103</v>
      </c>
      <c r="AA3628">
        <v>106</v>
      </c>
      <c r="AB3628">
        <v>108</v>
      </c>
      <c r="AC3628">
        <v>111</v>
      </c>
      <c r="AD3628">
        <v>113</v>
      </c>
      <c r="AE3628">
        <v>116</v>
      </c>
      <c r="AF3628">
        <v>117</v>
      </c>
      <c r="AG3628">
        <v>118</v>
      </c>
      <c r="AH3628">
        <v>119</v>
      </c>
      <c r="AI3628">
        <v>120</v>
      </c>
      <c r="AJ3628">
        <v>121</v>
      </c>
      <c r="AK3628">
        <v>122</v>
      </c>
      <c r="AL3628">
        <v>124</v>
      </c>
      <c r="AM3628">
        <v>125</v>
      </c>
      <c r="AN3628">
        <v>126</v>
      </c>
      <c r="AO3628">
        <v>127</v>
      </c>
      <c r="AP3628">
        <v>128</v>
      </c>
      <c r="AQ3628">
        <v>129</v>
      </c>
    </row>
    <row r="3629" spans="1:43">
      <c r="A3629" t="s">
        <v>2290</v>
      </c>
      <c r="B3629" t="s">
        <v>2291</v>
      </c>
      <c r="C3629" t="s">
        <v>2100</v>
      </c>
      <c r="D3629" t="s">
        <v>2101</v>
      </c>
      <c r="E3629" t="s">
        <v>2048</v>
      </c>
      <c r="F3629" t="s">
        <v>2049</v>
      </c>
      <c r="G3629" t="s">
        <v>80</v>
      </c>
      <c r="H3629" t="s">
        <v>81</v>
      </c>
      <c r="I3629" s="2">
        <v>0</v>
      </c>
      <c r="J3629" s="2">
        <v>1</v>
      </c>
      <c r="K3629" s="2">
        <v>0</v>
      </c>
      <c r="L3629" t="s">
        <v>82</v>
      </c>
      <c r="M3629" t="s">
        <v>83</v>
      </c>
      <c r="N3629" t="s">
        <v>91</v>
      </c>
      <c r="O3629" t="s">
        <v>85</v>
      </c>
      <c r="P3629" t="s">
        <v>86</v>
      </c>
      <c r="Q3629">
        <v>80</v>
      </c>
      <c r="R3629">
        <v>82</v>
      </c>
      <c r="S3629">
        <v>84</v>
      </c>
      <c r="T3629">
        <v>86</v>
      </c>
      <c r="U3629">
        <v>88</v>
      </c>
      <c r="V3629">
        <v>90</v>
      </c>
      <c r="W3629">
        <v>92</v>
      </c>
      <c r="X3629">
        <v>94</v>
      </c>
      <c r="Y3629">
        <v>96</v>
      </c>
      <c r="Z3629">
        <v>98</v>
      </c>
      <c r="AA3629">
        <v>100</v>
      </c>
      <c r="AB3629">
        <v>102</v>
      </c>
      <c r="AC3629">
        <v>104</v>
      </c>
      <c r="AD3629">
        <v>106</v>
      </c>
      <c r="AE3629">
        <v>109</v>
      </c>
      <c r="AF3629">
        <v>111</v>
      </c>
      <c r="AG3629">
        <v>113</v>
      </c>
      <c r="AH3629">
        <v>115</v>
      </c>
      <c r="AI3629">
        <v>118</v>
      </c>
      <c r="AJ3629">
        <v>120</v>
      </c>
      <c r="AK3629">
        <v>122</v>
      </c>
      <c r="AL3629">
        <v>124</v>
      </c>
      <c r="AM3629">
        <v>125</v>
      </c>
      <c r="AN3629">
        <v>126</v>
      </c>
      <c r="AO3629">
        <v>127</v>
      </c>
      <c r="AP3629">
        <v>128</v>
      </c>
      <c r="AQ3629">
        <v>130</v>
      </c>
    </row>
    <row r="3630" spans="1:43">
      <c r="A3630" t="s">
        <v>2292</v>
      </c>
      <c r="B3630" t="s">
        <v>2293</v>
      </c>
      <c r="C3630" t="s">
        <v>2284</v>
      </c>
      <c r="D3630" t="s">
        <v>2285</v>
      </c>
      <c r="E3630" t="s">
        <v>2048</v>
      </c>
      <c r="F3630" t="s">
        <v>2049</v>
      </c>
      <c r="G3630" t="s">
        <v>80</v>
      </c>
      <c r="H3630" t="s">
        <v>81</v>
      </c>
      <c r="I3630" s="2">
        <v>0</v>
      </c>
      <c r="J3630" s="2">
        <v>1</v>
      </c>
      <c r="K3630" s="2">
        <v>0</v>
      </c>
      <c r="L3630" t="s">
        <v>82</v>
      </c>
      <c r="M3630" t="s">
        <v>83</v>
      </c>
      <c r="N3630" t="s">
        <v>84</v>
      </c>
      <c r="O3630" t="s">
        <v>85</v>
      </c>
      <c r="P3630" t="s">
        <v>86</v>
      </c>
      <c r="Q3630">
        <v>51</v>
      </c>
      <c r="R3630">
        <v>52</v>
      </c>
      <c r="S3630">
        <v>53</v>
      </c>
      <c r="T3630">
        <v>54</v>
      </c>
      <c r="U3630">
        <v>56</v>
      </c>
      <c r="V3630">
        <v>57</v>
      </c>
      <c r="W3630">
        <v>58</v>
      </c>
      <c r="X3630">
        <v>59</v>
      </c>
      <c r="Y3630">
        <v>61</v>
      </c>
      <c r="Z3630">
        <v>62</v>
      </c>
      <c r="AA3630">
        <v>63</v>
      </c>
      <c r="AB3630">
        <v>65</v>
      </c>
      <c r="AC3630">
        <v>66</v>
      </c>
      <c r="AD3630">
        <v>67</v>
      </c>
      <c r="AE3630">
        <v>69</v>
      </c>
      <c r="AF3630">
        <v>70</v>
      </c>
      <c r="AG3630">
        <v>71</v>
      </c>
      <c r="AH3630">
        <v>73</v>
      </c>
      <c r="AI3630">
        <v>74</v>
      </c>
      <c r="AJ3630">
        <v>76</v>
      </c>
      <c r="AK3630">
        <v>77</v>
      </c>
      <c r="AL3630">
        <v>78</v>
      </c>
      <c r="AM3630">
        <v>79</v>
      </c>
      <c r="AN3630">
        <v>80</v>
      </c>
      <c r="AO3630">
        <v>80</v>
      </c>
      <c r="AP3630">
        <v>81</v>
      </c>
      <c r="AQ3630">
        <v>82</v>
      </c>
    </row>
    <row r="3631" spans="1:43">
      <c r="A3631" t="s">
        <v>2292</v>
      </c>
      <c r="B3631" t="s">
        <v>2293</v>
      </c>
      <c r="C3631" t="s">
        <v>2284</v>
      </c>
      <c r="D3631" t="s">
        <v>2285</v>
      </c>
      <c r="E3631" t="s">
        <v>2048</v>
      </c>
      <c r="F3631" t="s">
        <v>2049</v>
      </c>
      <c r="G3631" t="s">
        <v>80</v>
      </c>
      <c r="H3631" t="s">
        <v>81</v>
      </c>
      <c r="I3631" s="2">
        <v>0</v>
      </c>
      <c r="J3631" s="2">
        <v>1</v>
      </c>
      <c r="K3631" s="2">
        <v>0</v>
      </c>
      <c r="L3631" t="s">
        <v>82</v>
      </c>
      <c r="M3631" t="s">
        <v>87</v>
      </c>
      <c r="N3631" t="s">
        <v>88</v>
      </c>
      <c r="O3631" t="s">
        <v>85</v>
      </c>
      <c r="P3631" t="s">
        <v>86</v>
      </c>
      <c r="Q3631">
        <v>51</v>
      </c>
      <c r="R3631">
        <v>52</v>
      </c>
      <c r="S3631">
        <v>53</v>
      </c>
      <c r="T3631">
        <v>53</v>
      </c>
      <c r="U3631">
        <v>54</v>
      </c>
      <c r="V3631">
        <v>55</v>
      </c>
      <c r="W3631">
        <v>56</v>
      </c>
      <c r="X3631">
        <v>56</v>
      </c>
      <c r="Y3631">
        <v>57</v>
      </c>
      <c r="Z3631">
        <v>58</v>
      </c>
      <c r="AA3631">
        <v>59</v>
      </c>
      <c r="AB3631">
        <v>59</v>
      </c>
      <c r="AC3631">
        <v>60</v>
      </c>
      <c r="AD3631">
        <v>61</v>
      </c>
      <c r="AE3631">
        <v>62</v>
      </c>
      <c r="AF3631">
        <v>63</v>
      </c>
      <c r="AG3631">
        <v>64</v>
      </c>
      <c r="AH3631">
        <v>64</v>
      </c>
      <c r="AI3631">
        <v>65</v>
      </c>
      <c r="AJ3631">
        <v>66</v>
      </c>
      <c r="AK3631">
        <v>67</v>
      </c>
      <c r="AL3631">
        <v>68</v>
      </c>
      <c r="AM3631">
        <v>69</v>
      </c>
      <c r="AN3631">
        <v>70</v>
      </c>
      <c r="AO3631">
        <v>70</v>
      </c>
      <c r="AP3631">
        <v>71</v>
      </c>
      <c r="AQ3631">
        <v>72</v>
      </c>
    </row>
    <row r="3632" spans="1:43">
      <c r="A3632" t="s">
        <v>2292</v>
      </c>
      <c r="B3632" t="s">
        <v>2293</v>
      </c>
      <c r="C3632" t="s">
        <v>2284</v>
      </c>
      <c r="D3632" t="s">
        <v>2285</v>
      </c>
      <c r="E3632" t="s">
        <v>2048</v>
      </c>
      <c r="F3632" t="s">
        <v>2049</v>
      </c>
      <c r="G3632" t="s">
        <v>80</v>
      </c>
      <c r="H3632" t="s">
        <v>81</v>
      </c>
      <c r="I3632" s="2">
        <v>0</v>
      </c>
      <c r="J3632" s="2">
        <v>1</v>
      </c>
      <c r="K3632" s="2">
        <v>0</v>
      </c>
      <c r="L3632" t="s">
        <v>82</v>
      </c>
      <c r="M3632" t="s">
        <v>89</v>
      </c>
      <c r="N3632" t="s">
        <v>90</v>
      </c>
      <c r="O3632" t="s">
        <v>85</v>
      </c>
      <c r="P3632" t="s">
        <v>86</v>
      </c>
      <c r="Q3632">
        <v>51</v>
      </c>
      <c r="R3632">
        <v>53</v>
      </c>
      <c r="S3632">
        <v>54</v>
      </c>
      <c r="T3632">
        <v>56</v>
      </c>
      <c r="U3632">
        <v>58</v>
      </c>
      <c r="V3632">
        <v>59</v>
      </c>
      <c r="W3632">
        <v>61</v>
      </c>
      <c r="X3632">
        <v>63</v>
      </c>
      <c r="Y3632">
        <v>64</v>
      </c>
      <c r="Z3632">
        <v>66</v>
      </c>
      <c r="AA3632">
        <v>67</v>
      </c>
      <c r="AB3632">
        <v>69</v>
      </c>
      <c r="AC3632">
        <v>71</v>
      </c>
      <c r="AD3632">
        <v>72</v>
      </c>
      <c r="AE3632">
        <v>74</v>
      </c>
      <c r="AF3632">
        <v>74</v>
      </c>
      <c r="AG3632">
        <v>75</v>
      </c>
      <c r="AH3632">
        <v>76</v>
      </c>
      <c r="AI3632">
        <v>76</v>
      </c>
      <c r="AJ3632">
        <v>77</v>
      </c>
      <c r="AK3632">
        <v>78</v>
      </c>
      <c r="AL3632">
        <v>79</v>
      </c>
      <c r="AM3632">
        <v>79</v>
      </c>
      <c r="AN3632">
        <v>80</v>
      </c>
      <c r="AO3632">
        <v>81</v>
      </c>
      <c r="AP3632">
        <v>81</v>
      </c>
      <c r="AQ3632">
        <v>82</v>
      </c>
    </row>
    <row r="3633" spans="1:43">
      <c r="A3633" t="s">
        <v>2292</v>
      </c>
      <c r="B3633" t="s">
        <v>2293</v>
      </c>
      <c r="C3633" t="s">
        <v>2284</v>
      </c>
      <c r="D3633" t="s">
        <v>2285</v>
      </c>
      <c r="E3633" t="s">
        <v>2048</v>
      </c>
      <c r="F3633" t="s">
        <v>2049</v>
      </c>
      <c r="G3633" t="s">
        <v>80</v>
      </c>
      <c r="H3633" t="s">
        <v>81</v>
      </c>
      <c r="I3633" s="2">
        <v>0</v>
      </c>
      <c r="J3633" s="2">
        <v>1</v>
      </c>
      <c r="K3633" s="2">
        <v>0</v>
      </c>
      <c r="L3633" t="s">
        <v>82</v>
      </c>
      <c r="M3633" t="s">
        <v>83</v>
      </c>
      <c r="N3633" t="s">
        <v>91</v>
      </c>
      <c r="O3633" t="s">
        <v>85</v>
      </c>
      <c r="P3633" t="s">
        <v>86</v>
      </c>
      <c r="Q3633">
        <v>51</v>
      </c>
      <c r="R3633">
        <v>52</v>
      </c>
      <c r="S3633">
        <v>53</v>
      </c>
      <c r="T3633">
        <v>54</v>
      </c>
      <c r="U3633">
        <v>56</v>
      </c>
      <c r="V3633">
        <v>57</v>
      </c>
      <c r="W3633">
        <v>58</v>
      </c>
      <c r="X3633">
        <v>59</v>
      </c>
      <c r="Y3633">
        <v>61</v>
      </c>
      <c r="Z3633">
        <v>62</v>
      </c>
      <c r="AA3633">
        <v>63</v>
      </c>
      <c r="AB3633">
        <v>65</v>
      </c>
      <c r="AC3633">
        <v>66</v>
      </c>
      <c r="AD3633">
        <v>67</v>
      </c>
      <c r="AE3633">
        <v>69</v>
      </c>
      <c r="AF3633">
        <v>70</v>
      </c>
      <c r="AG3633">
        <v>71</v>
      </c>
      <c r="AH3633">
        <v>73</v>
      </c>
      <c r="AI3633">
        <v>74</v>
      </c>
      <c r="AJ3633">
        <v>76</v>
      </c>
      <c r="AK3633">
        <v>77</v>
      </c>
      <c r="AL3633">
        <v>78</v>
      </c>
      <c r="AM3633">
        <v>79</v>
      </c>
      <c r="AN3633">
        <v>80</v>
      </c>
      <c r="AO3633">
        <v>80</v>
      </c>
      <c r="AP3633">
        <v>81</v>
      </c>
      <c r="AQ3633">
        <v>82</v>
      </c>
    </row>
    <row r="3634" spans="1:43">
      <c r="A3634" t="s">
        <v>2294</v>
      </c>
      <c r="B3634" t="s">
        <v>2295</v>
      </c>
      <c r="C3634" t="s">
        <v>2284</v>
      </c>
      <c r="D3634" t="s">
        <v>2285</v>
      </c>
      <c r="E3634" t="s">
        <v>2048</v>
      </c>
      <c r="F3634" t="s">
        <v>2049</v>
      </c>
      <c r="G3634" t="s">
        <v>80</v>
      </c>
      <c r="H3634" t="s">
        <v>81</v>
      </c>
      <c r="I3634" s="2">
        <v>0</v>
      </c>
      <c r="J3634" s="2">
        <v>1</v>
      </c>
      <c r="K3634" s="2">
        <v>0</v>
      </c>
      <c r="L3634" t="s">
        <v>82</v>
      </c>
      <c r="M3634" t="s">
        <v>83</v>
      </c>
      <c r="N3634" t="s">
        <v>84</v>
      </c>
      <c r="O3634" t="s">
        <v>85</v>
      </c>
      <c r="P3634" t="s">
        <v>86</v>
      </c>
      <c r="Q3634">
        <v>15</v>
      </c>
      <c r="R3634">
        <v>16</v>
      </c>
      <c r="S3634">
        <v>16</v>
      </c>
      <c r="T3634">
        <v>16</v>
      </c>
      <c r="U3634">
        <v>17</v>
      </c>
      <c r="V3634">
        <v>17</v>
      </c>
      <c r="W3634">
        <v>17</v>
      </c>
      <c r="X3634">
        <v>18</v>
      </c>
      <c r="Y3634">
        <v>18</v>
      </c>
      <c r="Z3634">
        <v>19</v>
      </c>
      <c r="AA3634">
        <v>19</v>
      </c>
      <c r="AB3634">
        <v>19</v>
      </c>
      <c r="AC3634">
        <v>20</v>
      </c>
      <c r="AD3634">
        <v>20</v>
      </c>
      <c r="AE3634">
        <v>21</v>
      </c>
      <c r="AF3634">
        <v>21</v>
      </c>
      <c r="AG3634">
        <v>21</v>
      </c>
      <c r="AH3634">
        <v>22</v>
      </c>
      <c r="AI3634">
        <v>22</v>
      </c>
      <c r="AJ3634">
        <v>23</v>
      </c>
      <c r="AK3634">
        <v>23</v>
      </c>
      <c r="AL3634">
        <v>24</v>
      </c>
      <c r="AM3634">
        <v>24</v>
      </c>
      <c r="AN3634">
        <v>24</v>
      </c>
      <c r="AO3634">
        <v>24</v>
      </c>
      <c r="AP3634">
        <v>24</v>
      </c>
      <c r="AQ3634">
        <v>25</v>
      </c>
    </row>
    <row r="3635" spans="1:43">
      <c r="A3635" t="s">
        <v>2294</v>
      </c>
      <c r="B3635" t="s">
        <v>2295</v>
      </c>
      <c r="C3635" t="s">
        <v>2284</v>
      </c>
      <c r="D3635" t="s">
        <v>2285</v>
      </c>
      <c r="E3635" t="s">
        <v>2048</v>
      </c>
      <c r="F3635" t="s">
        <v>2049</v>
      </c>
      <c r="G3635" t="s">
        <v>80</v>
      </c>
      <c r="H3635" t="s">
        <v>81</v>
      </c>
      <c r="I3635" s="2">
        <v>0</v>
      </c>
      <c r="J3635" s="2">
        <v>1</v>
      </c>
      <c r="K3635" s="2">
        <v>0</v>
      </c>
      <c r="L3635" t="s">
        <v>82</v>
      </c>
      <c r="M3635" t="s">
        <v>87</v>
      </c>
      <c r="N3635" t="s">
        <v>88</v>
      </c>
      <c r="O3635" t="s">
        <v>85</v>
      </c>
      <c r="P3635" t="s">
        <v>86</v>
      </c>
      <c r="Q3635">
        <v>15</v>
      </c>
      <c r="R3635">
        <v>15</v>
      </c>
      <c r="S3635">
        <v>15</v>
      </c>
      <c r="T3635">
        <v>16</v>
      </c>
      <c r="U3635">
        <v>16</v>
      </c>
      <c r="V3635">
        <v>16</v>
      </c>
      <c r="W3635">
        <v>16</v>
      </c>
      <c r="X3635">
        <v>17</v>
      </c>
      <c r="Y3635">
        <v>17</v>
      </c>
      <c r="Z3635">
        <v>17</v>
      </c>
      <c r="AA3635">
        <v>17</v>
      </c>
      <c r="AB3635">
        <v>18</v>
      </c>
      <c r="AC3635">
        <v>18</v>
      </c>
      <c r="AD3635">
        <v>18</v>
      </c>
      <c r="AE3635">
        <v>18</v>
      </c>
      <c r="AF3635">
        <v>18</v>
      </c>
      <c r="AG3635">
        <v>19</v>
      </c>
      <c r="AH3635">
        <v>19</v>
      </c>
      <c r="AI3635">
        <v>19</v>
      </c>
      <c r="AJ3635">
        <v>20</v>
      </c>
      <c r="AK3635">
        <v>20</v>
      </c>
      <c r="AL3635">
        <v>20</v>
      </c>
      <c r="AM3635">
        <v>20</v>
      </c>
      <c r="AN3635">
        <v>21</v>
      </c>
      <c r="AO3635">
        <v>21</v>
      </c>
      <c r="AP3635">
        <v>21</v>
      </c>
      <c r="AQ3635">
        <v>21</v>
      </c>
    </row>
    <row r="3636" spans="1:43">
      <c r="A3636" t="s">
        <v>2294</v>
      </c>
      <c r="B3636" t="s">
        <v>2295</v>
      </c>
      <c r="C3636" t="s">
        <v>2284</v>
      </c>
      <c r="D3636" t="s">
        <v>2285</v>
      </c>
      <c r="E3636" t="s">
        <v>2048</v>
      </c>
      <c r="F3636" t="s">
        <v>2049</v>
      </c>
      <c r="G3636" t="s">
        <v>80</v>
      </c>
      <c r="H3636" t="s">
        <v>81</v>
      </c>
      <c r="I3636" s="2">
        <v>0</v>
      </c>
      <c r="J3636" s="2">
        <v>1</v>
      </c>
      <c r="K3636" s="2">
        <v>0</v>
      </c>
      <c r="L3636" t="s">
        <v>82</v>
      </c>
      <c r="M3636" t="s">
        <v>89</v>
      </c>
      <c r="N3636" t="s">
        <v>90</v>
      </c>
      <c r="O3636" t="s">
        <v>85</v>
      </c>
      <c r="P3636" t="s">
        <v>86</v>
      </c>
      <c r="Q3636">
        <v>15</v>
      </c>
      <c r="R3636">
        <v>16</v>
      </c>
      <c r="S3636">
        <v>16</v>
      </c>
      <c r="T3636">
        <v>17</v>
      </c>
      <c r="U3636">
        <v>17</v>
      </c>
      <c r="V3636">
        <v>18</v>
      </c>
      <c r="W3636">
        <v>18</v>
      </c>
      <c r="X3636">
        <v>19</v>
      </c>
      <c r="Y3636">
        <v>19</v>
      </c>
      <c r="Z3636">
        <v>20</v>
      </c>
      <c r="AA3636">
        <v>20</v>
      </c>
      <c r="AB3636">
        <v>21</v>
      </c>
      <c r="AC3636">
        <v>21</v>
      </c>
      <c r="AD3636">
        <v>22</v>
      </c>
      <c r="AE3636">
        <v>22</v>
      </c>
      <c r="AF3636">
        <v>22</v>
      </c>
      <c r="AG3636">
        <v>23</v>
      </c>
      <c r="AH3636">
        <v>23</v>
      </c>
      <c r="AI3636">
        <v>23</v>
      </c>
      <c r="AJ3636">
        <v>23</v>
      </c>
      <c r="AK3636">
        <v>23</v>
      </c>
      <c r="AL3636">
        <v>24</v>
      </c>
      <c r="AM3636">
        <v>24</v>
      </c>
      <c r="AN3636">
        <v>24</v>
      </c>
      <c r="AO3636">
        <v>24</v>
      </c>
      <c r="AP3636">
        <v>25</v>
      </c>
      <c r="AQ3636">
        <v>25</v>
      </c>
    </row>
    <row r="3637" spans="1:43">
      <c r="A3637" t="s">
        <v>2294</v>
      </c>
      <c r="B3637" t="s">
        <v>2295</v>
      </c>
      <c r="C3637" t="s">
        <v>2284</v>
      </c>
      <c r="D3637" t="s">
        <v>2285</v>
      </c>
      <c r="E3637" t="s">
        <v>2048</v>
      </c>
      <c r="F3637" t="s">
        <v>2049</v>
      </c>
      <c r="G3637" t="s">
        <v>80</v>
      </c>
      <c r="H3637" t="s">
        <v>81</v>
      </c>
      <c r="I3637" s="2">
        <v>0</v>
      </c>
      <c r="J3637" s="2">
        <v>1</v>
      </c>
      <c r="K3637" s="2">
        <v>0</v>
      </c>
      <c r="L3637" t="s">
        <v>82</v>
      </c>
      <c r="M3637" t="s">
        <v>83</v>
      </c>
      <c r="N3637" t="s">
        <v>91</v>
      </c>
      <c r="O3637" t="s">
        <v>85</v>
      </c>
      <c r="P3637" t="s">
        <v>86</v>
      </c>
      <c r="Q3637">
        <v>15</v>
      </c>
      <c r="R3637">
        <v>16</v>
      </c>
      <c r="S3637">
        <v>16</v>
      </c>
      <c r="T3637">
        <v>16</v>
      </c>
      <c r="U3637">
        <v>17</v>
      </c>
      <c r="V3637">
        <v>17</v>
      </c>
      <c r="W3637">
        <v>17</v>
      </c>
      <c r="X3637">
        <v>18</v>
      </c>
      <c r="Y3637">
        <v>18</v>
      </c>
      <c r="Z3637">
        <v>19</v>
      </c>
      <c r="AA3637">
        <v>19</v>
      </c>
      <c r="AB3637">
        <v>19</v>
      </c>
      <c r="AC3637">
        <v>20</v>
      </c>
      <c r="AD3637">
        <v>20</v>
      </c>
      <c r="AE3637">
        <v>21</v>
      </c>
      <c r="AF3637">
        <v>21</v>
      </c>
      <c r="AG3637">
        <v>21</v>
      </c>
      <c r="AH3637">
        <v>22</v>
      </c>
      <c r="AI3637">
        <v>22</v>
      </c>
      <c r="AJ3637">
        <v>23</v>
      </c>
      <c r="AK3637">
        <v>23</v>
      </c>
      <c r="AL3637">
        <v>24</v>
      </c>
      <c r="AM3637">
        <v>24</v>
      </c>
      <c r="AN3637">
        <v>24</v>
      </c>
      <c r="AO3637">
        <v>24</v>
      </c>
      <c r="AP3637">
        <v>24</v>
      </c>
      <c r="AQ3637">
        <v>25</v>
      </c>
    </row>
    <row r="3638" spans="1:43">
      <c r="A3638" t="s">
        <v>2296</v>
      </c>
      <c r="B3638" t="s">
        <v>2297</v>
      </c>
      <c r="C3638" t="s">
        <v>2298</v>
      </c>
      <c r="D3638" t="s">
        <v>2299</v>
      </c>
      <c r="E3638" t="s">
        <v>2048</v>
      </c>
      <c r="F3638" t="s">
        <v>2049</v>
      </c>
      <c r="G3638" t="s">
        <v>80</v>
      </c>
      <c r="H3638" t="s">
        <v>81</v>
      </c>
      <c r="I3638" s="2">
        <v>0</v>
      </c>
      <c r="J3638" s="2">
        <v>1</v>
      </c>
      <c r="K3638" s="2">
        <v>0</v>
      </c>
      <c r="L3638" t="s">
        <v>82</v>
      </c>
      <c r="M3638" t="s">
        <v>83</v>
      </c>
      <c r="N3638" t="s">
        <v>84</v>
      </c>
      <c r="O3638" t="s">
        <v>85</v>
      </c>
      <c r="P3638" t="s">
        <v>86</v>
      </c>
      <c r="Q3638">
        <v>59</v>
      </c>
      <c r="R3638">
        <v>60</v>
      </c>
      <c r="S3638">
        <v>62</v>
      </c>
      <c r="T3638">
        <v>63</v>
      </c>
      <c r="U3638">
        <v>65</v>
      </c>
      <c r="V3638">
        <v>66</v>
      </c>
      <c r="W3638">
        <v>68</v>
      </c>
      <c r="X3638">
        <v>69</v>
      </c>
      <c r="Y3638">
        <v>71</v>
      </c>
      <c r="Z3638">
        <v>72</v>
      </c>
      <c r="AA3638">
        <v>74</v>
      </c>
      <c r="AB3638">
        <v>75</v>
      </c>
      <c r="AC3638">
        <v>77</v>
      </c>
      <c r="AD3638">
        <v>79</v>
      </c>
      <c r="AE3638">
        <v>80</v>
      </c>
      <c r="AF3638">
        <v>82</v>
      </c>
      <c r="AG3638">
        <v>83</v>
      </c>
      <c r="AH3638">
        <v>85</v>
      </c>
      <c r="AI3638">
        <v>87</v>
      </c>
      <c r="AJ3638">
        <v>89</v>
      </c>
      <c r="AK3638">
        <v>90</v>
      </c>
      <c r="AL3638">
        <v>91</v>
      </c>
      <c r="AM3638">
        <v>92</v>
      </c>
      <c r="AN3638">
        <v>93</v>
      </c>
      <c r="AO3638">
        <v>94</v>
      </c>
      <c r="AP3638">
        <v>95</v>
      </c>
      <c r="AQ3638">
        <v>96</v>
      </c>
    </row>
    <row r="3639" spans="1:43">
      <c r="A3639" t="s">
        <v>2296</v>
      </c>
      <c r="B3639" t="s">
        <v>2297</v>
      </c>
      <c r="C3639" t="s">
        <v>2298</v>
      </c>
      <c r="D3639" t="s">
        <v>2299</v>
      </c>
      <c r="E3639" t="s">
        <v>2048</v>
      </c>
      <c r="F3639" t="s">
        <v>2049</v>
      </c>
      <c r="G3639" t="s">
        <v>80</v>
      </c>
      <c r="H3639" t="s">
        <v>81</v>
      </c>
      <c r="I3639" s="2">
        <v>0</v>
      </c>
      <c r="J3639" s="2">
        <v>1</v>
      </c>
      <c r="K3639" s="2">
        <v>0</v>
      </c>
      <c r="L3639" t="s">
        <v>82</v>
      </c>
      <c r="M3639" t="s">
        <v>87</v>
      </c>
      <c r="N3639" t="s">
        <v>88</v>
      </c>
      <c r="O3639" t="s">
        <v>85</v>
      </c>
      <c r="P3639" t="s">
        <v>86</v>
      </c>
      <c r="Q3639">
        <v>59</v>
      </c>
      <c r="R3639">
        <v>59</v>
      </c>
      <c r="S3639">
        <v>60</v>
      </c>
      <c r="T3639">
        <v>61</v>
      </c>
      <c r="U3639">
        <v>62</v>
      </c>
      <c r="V3639">
        <v>63</v>
      </c>
      <c r="W3639">
        <v>64</v>
      </c>
      <c r="X3639">
        <v>65</v>
      </c>
      <c r="Y3639">
        <v>65</v>
      </c>
      <c r="Z3639">
        <v>66</v>
      </c>
      <c r="AA3639">
        <v>67</v>
      </c>
      <c r="AB3639">
        <v>68</v>
      </c>
      <c r="AC3639">
        <v>69</v>
      </c>
      <c r="AD3639">
        <v>70</v>
      </c>
      <c r="AE3639">
        <v>71</v>
      </c>
      <c r="AF3639">
        <v>72</v>
      </c>
      <c r="AG3639">
        <v>73</v>
      </c>
      <c r="AH3639">
        <v>74</v>
      </c>
      <c r="AI3639">
        <v>75</v>
      </c>
      <c r="AJ3639">
        <v>76</v>
      </c>
      <c r="AK3639">
        <v>77</v>
      </c>
      <c r="AL3639">
        <v>78</v>
      </c>
      <c r="AM3639">
        <v>79</v>
      </c>
      <c r="AN3639">
        <v>80</v>
      </c>
      <c r="AO3639">
        <v>81</v>
      </c>
      <c r="AP3639">
        <v>82</v>
      </c>
      <c r="AQ3639">
        <v>83</v>
      </c>
    </row>
    <row r="3640" spans="1:43">
      <c r="A3640" t="s">
        <v>2296</v>
      </c>
      <c r="B3640" t="s">
        <v>2297</v>
      </c>
      <c r="C3640" t="s">
        <v>2298</v>
      </c>
      <c r="D3640" t="s">
        <v>2299</v>
      </c>
      <c r="E3640" t="s">
        <v>2048</v>
      </c>
      <c r="F3640" t="s">
        <v>2049</v>
      </c>
      <c r="G3640" t="s">
        <v>80</v>
      </c>
      <c r="H3640" t="s">
        <v>81</v>
      </c>
      <c r="I3640" s="2">
        <v>0</v>
      </c>
      <c r="J3640" s="2">
        <v>1</v>
      </c>
      <c r="K3640" s="2">
        <v>0</v>
      </c>
      <c r="L3640" t="s">
        <v>82</v>
      </c>
      <c r="M3640" t="s">
        <v>89</v>
      </c>
      <c r="N3640" t="s">
        <v>90</v>
      </c>
      <c r="O3640" t="s">
        <v>85</v>
      </c>
      <c r="P3640" t="s">
        <v>86</v>
      </c>
      <c r="Q3640">
        <v>59</v>
      </c>
      <c r="R3640">
        <v>61</v>
      </c>
      <c r="S3640">
        <v>62</v>
      </c>
      <c r="T3640">
        <v>64</v>
      </c>
      <c r="U3640">
        <v>66</v>
      </c>
      <c r="V3640">
        <v>68</v>
      </c>
      <c r="W3640">
        <v>70</v>
      </c>
      <c r="X3640">
        <v>72</v>
      </c>
      <c r="Y3640">
        <v>74</v>
      </c>
      <c r="Z3640">
        <v>76</v>
      </c>
      <c r="AA3640">
        <v>78</v>
      </c>
      <c r="AB3640">
        <v>80</v>
      </c>
      <c r="AC3640">
        <v>82</v>
      </c>
      <c r="AD3640">
        <v>84</v>
      </c>
      <c r="AE3640">
        <v>85</v>
      </c>
      <c r="AF3640">
        <v>86</v>
      </c>
      <c r="AG3640">
        <v>87</v>
      </c>
      <c r="AH3640">
        <v>88</v>
      </c>
      <c r="AI3640">
        <v>89</v>
      </c>
      <c r="AJ3640">
        <v>89</v>
      </c>
      <c r="AK3640">
        <v>90</v>
      </c>
      <c r="AL3640">
        <v>91</v>
      </c>
      <c r="AM3640">
        <v>92</v>
      </c>
      <c r="AN3640">
        <v>93</v>
      </c>
      <c r="AO3640">
        <v>94</v>
      </c>
      <c r="AP3640">
        <v>95</v>
      </c>
      <c r="AQ3640">
        <v>95</v>
      </c>
    </row>
    <row r="3641" spans="1:43">
      <c r="A3641" t="s">
        <v>2296</v>
      </c>
      <c r="B3641" t="s">
        <v>2297</v>
      </c>
      <c r="C3641" t="s">
        <v>2298</v>
      </c>
      <c r="D3641" t="s">
        <v>2299</v>
      </c>
      <c r="E3641" t="s">
        <v>2048</v>
      </c>
      <c r="F3641" t="s">
        <v>2049</v>
      </c>
      <c r="G3641" t="s">
        <v>80</v>
      </c>
      <c r="H3641" t="s">
        <v>81</v>
      </c>
      <c r="I3641" s="2">
        <v>0</v>
      </c>
      <c r="J3641" s="2">
        <v>1</v>
      </c>
      <c r="K3641" s="2">
        <v>0</v>
      </c>
      <c r="L3641" t="s">
        <v>82</v>
      </c>
      <c r="M3641" t="s">
        <v>83</v>
      </c>
      <c r="N3641" t="s">
        <v>91</v>
      </c>
      <c r="O3641" t="s">
        <v>85</v>
      </c>
      <c r="P3641" t="s">
        <v>86</v>
      </c>
      <c r="Q3641">
        <v>59</v>
      </c>
      <c r="R3641">
        <v>60</v>
      </c>
      <c r="S3641">
        <v>62</v>
      </c>
      <c r="T3641">
        <v>63</v>
      </c>
      <c r="U3641">
        <v>65</v>
      </c>
      <c r="V3641">
        <v>66</v>
      </c>
      <c r="W3641">
        <v>68</v>
      </c>
      <c r="X3641">
        <v>69</v>
      </c>
      <c r="Y3641">
        <v>71</v>
      </c>
      <c r="Z3641">
        <v>72</v>
      </c>
      <c r="AA3641">
        <v>74</v>
      </c>
      <c r="AB3641">
        <v>75</v>
      </c>
      <c r="AC3641">
        <v>77</v>
      </c>
      <c r="AD3641">
        <v>79</v>
      </c>
      <c r="AE3641">
        <v>80</v>
      </c>
      <c r="AF3641">
        <v>82</v>
      </c>
      <c r="AG3641">
        <v>83</v>
      </c>
      <c r="AH3641">
        <v>85</v>
      </c>
      <c r="AI3641">
        <v>87</v>
      </c>
      <c r="AJ3641">
        <v>89</v>
      </c>
      <c r="AK3641">
        <v>90</v>
      </c>
      <c r="AL3641">
        <v>91</v>
      </c>
      <c r="AM3641">
        <v>92</v>
      </c>
      <c r="AN3641">
        <v>93</v>
      </c>
      <c r="AO3641">
        <v>94</v>
      </c>
      <c r="AP3641">
        <v>95</v>
      </c>
      <c r="AQ3641">
        <v>96</v>
      </c>
    </row>
    <row r="3642" spans="1:43">
      <c r="A3642" t="s">
        <v>2300</v>
      </c>
      <c r="B3642" t="s">
        <v>2301</v>
      </c>
      <c r="C3642" t="s">
        <v>2298</v>
      </c>
      <c r="D3642" t="s">
        <v>2299</v>
      </c>
      <c r="E3642" t="s">
        <v>2048</v>
      </c>
      <c r="F3642" t="s">
        <v>2049</v>
      </c>
      <c r="G3642" t="s">
        <v>80</v>
      </c>
      <c r="H3642" t="s">
        <v>81</v>
      </c>
      <c r="I3642" s="2">
        <v>0</v>
      </c>
      <c r="J3642" s="2">
        <v>1</v>
      </c>
      <c r="K3642" s="2">
        <v>0</v>
      </c>
      <c r="L3642" t="s">
        <v>82</v>
      </c>
      <c r="M3642" t="s">
        <v>83</v>
      </c>
      <c r="N3642" t="s">
        <v>84</v>
      </c>
      <c r="O3642" t="s">
        <v>85</v>
      </c>
      <c r="P3642" t="s">
        <v>86</v>
      </c>
      <c r="Q3642">
        <v>37</v>
      </c>
      <c r="R3642">
        <v>38</v>
      </c>
      <c r="S3642">
        <v>39</v>
      </c>
      <c r="T3642">
        <v>39</v>
      </c>
      <c r="U3642">
        <v>40</v>
      </c>
      <c r="V3642">
        <v>41</v>
      </c>
      <c r="W3642">
        <v>42</v>
      </c>
      <c r="X3642">
        <v>43</v>
      </c>
      <c r="Y3642">
        <v>44</v>
      </c>
      <c r="Z3642">
        <v>45</v>
      </c>
      <c r="AA3642">
        <v>46</v>
      </c>
      <c r="AB3642">
        <v>47</v>
      </c>
      <c r="AC3642">
        <v>48</v>
      </c>
      <c r="AD3642">
        <v>49</v>
      </c>
      <c r="AE3642">
        <v>50</v>
      </c>
      <c r="AF3642">
        <v>51</v>
      </c>
      <c r="AG3642">
        <v>52</v>
      </c>
      <c r="AH3642">
        <v>53</v>
      </c>
      <c r="AI3642">
        <v>54</v>
      </c>
      <c r="AJ3642">
        <v>55</v>
      </c>
      <c r="AK3642">
        <v>56</v>
      </c>
      <c r="AL3642">
        <v>57</v>
      </c>
      <c r="AM3642">
        <v>57</v>
      </c>
      <c r="AN3642">
        <v>58</v>
      </c>
      <c r="AO3642">
        <v>59</v>
      </c>
      <c r="AP3642">
        <v>59</v>
      </c>
      <c r="AQ3642">
        <v>60</v>
      </c>
    </row>
    <row r="3643" spans="1:43">
      <c r="A3643" t="s">
        <v>2300</v>
      </c>
      <c r="B3643" t="s">
        <v>2301</v>
      </c>
      <c r="C3643" t="s">
        <v>2298</v>
      </c>
      <c r="D3643" t="s">
        <v>2299</v>
      </c>
      <c r="E3643" t="s">
        <v>2048</v>
      </c>
      <c r="F3643" t="s">
        <v>2049</v>
      </c>
      <c r="G3643" t="s">
        <v>80</v>
      </c>
      <c r="H3643" t="s">
        <v>81</v>
      </c>
      <c r="I3643" s="2">
        <v>0</v>
      </c>
      <c r="J3643" s="2">
        <v>1</v>
      </c>
      <c r="K3643" s="2">
        <v>0</v>
      </c>
      <c r="L3643" t="s">
        <v>82</v>
      </c>
      <c r="M3643" t="s">
        <v>87</v>
      </c>
      <c r="N3643" t="s">
        <v>88</v>
      </c>
      <c r="O3643" t="s">
        <v>85</v>
      </c>
      <c r="P3643" t="s">
        <v>86</v>
      </c>
      <c r="Q3643">
        <v>37</v>
      </c>
      <c r="R3643">
        <v>38</v>
      </c>
      <c r="S3643">
        <v>38</v>
      </c>
      <c r="T3643">
        <v>39</v>
      </c>
      <c r="U3643">
        <v>40</v>
      </c>
      <c r="V3643">
        <v>40</v>
      </c>
      <c r="W3643">
        <v>41</v>
      </c>
      <c r="X3643">
        <v>41</v>
      </c>
      <c r="Y3643">
        <v>42</v>
      </c>
      <c r="Z3643">
        <v>42</v>
      </c>
      <c r="AA3643">
        <v>43</v>
      </c>
      <c r="AB3643">
        <v>43</v>
      </c>
      <c r="AC3643">
        <v>44</v>
      </c>
      <c r="AD3643">
        <v>45</v>
      </c>
      <c r="AE3643">
        <v>45</v>
      </c>
      <c r="AF3643">
        <v>46</v>
      </c>
      <c r="AG3643">
        <v>46</v>
      </c>
      <c r="AH3643">
        <v>47</v>
      </c>
      <c r="AI3643">
        <v>48</v>
      </c>
      <c r="AJ3643">
        <v>48</v>
      </c>
      <c r="AK3643">
        <v>49</v>
      </c>
      <c r="AL3643">
        <v>49</v>
      </c>
      <c r="AM3643">
        <v>50</v>
      </c>
      <c r="AN3643">
        <v>51</v>
      </c>
      <c r="AO3643">
        <v>51</v>
      </c>
      <c r="AP3643">
        <v>52</v>
      </c>
      <c r="AQ3643">
        <v>53</v>
      </c>
    </row>
    <row r="3644" spans="1:43">
      <c r="A3644" t="s">
        <v>2300</v>
      </c>
      <c r="B3644" t="s">
        <v>2301</v>
      </c>
      <c r="C3644" t="s">
        <v>2298</v>
      </c>
      <c r="D3644" t="s">
        <v>2299</v>
      </c>
      <c r="E3644" t="s">
        <v>2048</v>
      </c>
      <c r="F3644" t="s">
        <v>2049</v>
      </c>
      <c r="G3644" t="s">
        <v>80</v>
      </c>
      <c r="H3644" t="s">
        <v>81</v>
      </c>
      <c r="I3644" s="2">
        <v>0</v>
      </c>
      <c r="J3644" s="2">
        <v>1</v>
      </c>
      <c r="K3644" s="2">
        <v>0</v>
      </c>
      <c r="L3644" t="s">
        <v>82</v>
      </c>
      <c r="M3644" t="s">
        <v>89</v>
      </c>
      <c r="N3644" t="s">
        <v>90</v>
      </c>
      <c r="O3644" t="s">
        <v>85</v>
      </c>
      <c r="P3644" t="s">
        <v>86</v>
      </c>
      <c r="Q3644">
        <v>37</v>
      </c>
      <c r="R3644">
        <v>38</v>
      </c>
      <c r="S3644">
        <v>39</v>
      </c>
      <c r="T3644">
        <v>41</v>
      </c>
      <c r="U3644">
        <v>42</v>
      </c>
      <c r="V3644">
        <v>43</v>
      </c>
      <c r="W3644">
        <v>44</v>
      </c>
      <c r="X3644">
        <v>46</v>
      </c>
      <c r="Y3644">
        <v>47</v>
      </c>
      <c r="Z3644">
        <v>48</v>
      </c>
      <c r="AA3644">
        <v>49</v>
      </c>
      <c r="AB3644">
        <v>50</v>
      </c>
      <c r="AC3644">
        <v>51</v>
      </c>
      <c r="AD3644">
        <v>53</v>
      </c>
      <c r="AE3644">
        <v>54</v>
      </c>
      <c r="AF3644">
        <v>54</v>
      </c>
      <c r="AG3644">
        <v>55</v>
      </c>
      <c r="AH3644">
        <v>55</v>
      </c>
      <c r="AI3644">
        <v>56</v>
      </c>
      <c r="AJ3644">
        <v>56</v>
      </c>
      <c r="AK3644">
        <v>57</v>
      </c>
      <c r="AL3644">
        <v>57</v>
      </c>
      <c r="AM3644">
        <v>58</v>
      </c>
      <c r="AN3644">
        <v>58</v>
      </c>
      <c r="AO3644">
        <v>59</v>
      </c>
      <c r="AP3644">
        <v>59</v>
      </c>
      <c r="AQ3644">
        <v>60</v>
      </c>
    </row>
    <row r="3645" spans="1:43">
      <c r="A3645" t="s">
        <v>2300</v>
      </c>
      <c r="B3645" t="s">
        <v>2301</v>
      </c>
      <c r="C3645" t="s">
        <v>2298</v>
      </c>
      <c r="D3645" t="s">
        <v>2299</v>
      </c>
      <c r="E3645" t="s">
        <v>2048</v>
      </c>
      <c r="F3645" t="s">
        <v>2049</v>
      </c>
      <c r="G3645" t="s">
        <v>80</v>
      </c>
      <c r="H3645" t="s">
        <v>81</v>
      </c>
      <c r="I3645" s="2">
        <v>0</v>
      </c>
      <c r="J3645" s="2">
        <v>1</v>
      </c>
      <c r="K3645" s="2">
        <v>0</v>
      </c>
      <c r="L3645" t="s">
        <v>82</v>
      </c>
      <c r="M3645" t="s">
        <v>83</v>
      </c>
      <c r="N3645" t="s">
        <v>91</v>
      </c>
      <c r="O3645" t="s">
        <v>85</v>
      </c>
      <c r="P3645" t="s">
        <v>86</v>
      </c>
      <c r="Q3645">
        <v>37</v>
      </c>
      <c r="R3645">
        <v>38</v>
      </c>
      <c r="S3645">
        <v>39</v>
      </c>
      <c r="T3645">
        <v>39</v>
      </c>
      <c r="U3645">
        <v>40</v>
      </c>
      <c r="V3645">
        <v>41</v>
      </c>
      <c r="W3645">
        <v>42</v>
      </c>
      <c r="X3645">
        <v>43</v>
      </c>
      <c r="Y3645">
        <v>44</v>
      </c>
      <c r="Z3645">
        <v>45</v>
      </c>
      <c r="AA3645">
        <v>46</v>
      </c>
      <c r="AB3645">
        <v>47</v>
      </c>
      <c r="AC3645">
        <v>48</v>
      </c>
      <c r="AD3645">
        <v>49</v>
      </c>
      <c r="AE3645">
        <v>50</v>
      </c>
      <c r="AF3645">
        <v>51</v>
      </c>
      <c r="AG3645">
        <v>52</v>
      </c>
      <c r="AH3645">
        <v>53</v>
      </c>
      <c r="AI3645">
        <v>54</v>
      </c>
      <c r="AJ3645">
        <v>55</v>
      </c>
      <c r="AK3645">
        <v>56</v>
      </c>
      <c r="AL3645">
        <v>57</v>
      </c>
      <c r="AM3645">
        <v>57</v>
      </c>
      <c r="AN3645">
        <v>58</v>
      </c>
      <c r="AO3645">
        <v>59</v>
      </c>
      <c r="AP3645">
        <v>59</v>
      </c>
      <c r="AQ3645">
        <v>60</v>
      </c>
    </row>
    <row r="3646" spans="1:43">
      <c r="A3646" t="s">
        <v>2302</v>
      </c>
      <c r="B3646" t="s">
        <v>2303</v>
      </c>
      <c r="C3646" t="s">
        <v>2298</v>
      </c>
      <c r="D3646" t="s">
        <v>2299</v>
      </c>
      <c r="E3646" t="s">
        <v>2048</v>
      </c>
      <c r="F3646" t="s">
        <v>2049</v>
      </c>
      <c r="G3646" t="s">
        <v>80</v>
      </c>
      <c r="H3646" t="s">
        <v>81</v>
      </c>
      <c r="I3646" s="2">
        <v>0</v>
      </c>
      <c r="J3646" s="2">
        <v>1</v>
      </c>
      <c r="K3646" s="2">
        <v>0</v>
      </c>
      <c r="L3646" t="s">
        <v>82</v>
      </c>
      <c r="M3646" t="s">
        <v>83</v>
      </c>
      <c r="N3646" t="s">
        <v>84</v>
      </c>
      <c r="O3646" t="s">
        <v>85</v>
      </c>
      <c r="P3646" t="s">
        <v>86</v>
      </c>
      <c r="Q3646">
        <v>47</v>
      </c>
      <c r="R3646">
        <v>48</v>
      </c>
      <c r="S3646">
        <v>49</v>
      </c>
      <c r="T3646">
        <v>50</v>
      </c>
      <c r="U3646">
        <v>52</v>
      </c>
      <c r="V3646">
        <v>53</v>
      </c>
      <c r="W3646">
        <v>54</v>
      </c>
      <c r="X3646">
        <v>55</v>
      </c>
      <c r="Y3646">
        <v>56</v>
      </c>
      <c r="Z3646">
        <v>58</v>
      </c>
      <c r="AA3646">
        <v>59</v>
      </c>
      <c r="AB3646">
        <v>60</v>
      </c>
      <c r="AC3646">
        <v>61</v>
      </c>
      <c r="AD3646">
        <v>63</v>
      </c>
      <c r="AE3646">
        <v>64</v>
      </c>
      <c r="AF3646">
        <v>65</v>
      </c>
      <c r="AG3646">
        <v>67</v>
      </c>
      <c r="AH3646">
        <v>68</v>
      </c>
      <c r="AI3646">
        <v>69</v>
      </c>
      <c r="AJ3646">
        <v>71</v>
      </c>
      <c r="AK3646">
        <v>72</v>
      </c>
      <c r="AL3646">
        <v>73</v>
      </c>
      <c r="AM3646">
        <v>74</v>
      </c>
      <c r="AN3646">
        <v>74</v>
      </c>
      <c r="AO3646">
        <v>75</v>
      </c>
      <c r="AP3646">
        <v>76</v>
      </c>
      <c r="AQ3646">
        <v>76</v>
      </c>
    </row>
    <row r="3647" spans="1:43">
      <c r="A3647" t="s">
        <v>2302</v>
      </c>
      <c r="B3647" t="s">
        <v>2303</v>
      </c>
      <c r="C3647" t="s">
        <v>2298</v>
      </c>
      <c r="D3647" t="s">
        <v>2299</v>
      </c>
      <c r="E3647" t="s">
        <v>2048</v>
      </c>
      <c r="F3647" t="s">
        <v>2049</v>
      </c>
      <c r="G3647" t="s">
        <v>80</v>
      </c>
      <c r="H3647" t="s">
        <v>81</v>
      </c>
      <c r="I3647" s="2">
        <v>0</v>
      </c>
      <c r="J3647" s="2">
        <v>1</v>
      </c>
      <c r="K3647" s="2">
        <v>0</v>
      </c>
      <c r="L3647" t="s">
        <v>82</v>
      </c>
      <c r="M3647" t="s">
        <v>87</v>
      </c>
      <c r="N3647" t="s">
        <v>88</v>
      </c>
      <c r="O3647" t="s">
        <v>85</v>
      </c>
      <c r="P3647" t="s">
        <v>86</v>
      </c>
      <c r="Q3647">
        <v>47</v>
      </c>
      <c r="R3647">
        <v>47</v>
      </c>
      <c r="S3647">
        <v>48</v>
      </c>
      <c r="T3647">
        <v>49</v>
      </c>
      <c r="U3647">
        <v>49</v>
      </c>
      <c r="V3647">
        <v>50</v>
      </c>
      <c r="W3647">
        <v>51</v>
      </c>
      <c r="X3647">
        <v>51</v>
      </c>
      <c r="Y3647">
        <v>52</v>
      </c>
      <c r="Z3647">
        <v>53</v>
      </c>
      <c r="AA3647">
        <v>54</v>
      </c>
      <c r="AB3647">
        <v>54</v>
      </c>
      <c r="AC3647">
        <v>55</v>
      </c>
      <c r="AD3647">
        <v>56</v>
      </c>
      <c r="AE3647">
        <v>57</v>
      </c>
      <c r="AF3647">
        <v>57</v>
      </c>
      <c r="AG3647">
        <v>58</v>
      </c>
      <c r="AH3647">
        <v>59</v>
      </c>
      <c r="AI3647">
        <v>60</v>
      </c>
      <c r="AJ3647">
        <v>60</v>
      </c>
      <c r="AK3647">
        <v>61</v>
      </c>
      <c r="AL3647">
        <v>62</v>
      </c>
      <c r="AM3647">
        <v>63</v>
      </c>
      <c r="AN3647">
        <v>64</v>
      </c>
      <c r="AO3647">
        <v>64</v>
      </c>
      <c r="AP3647">
        <v>65</v>
      </c>
      <c r="AQ3647">
        <v>66</v>
      </c>
    </row>
    <row r="3648" spans="1:43">
      <c r="A3648" t="s">
        <v>2302</v>
      </c>
      <c r="B3648" t="s">
        <v>2303</v>
      </c>
      <c r="C3648" t="s">
        <v>2298</v>
      </c>
      <c r="D3648" t="s">
        <v>2299</v>
      </c>
      <c r="E3648" t="s">
        <v>2048</v>
      </c>
      <c r="F3648" t="s">
        <v>2049</v>
      </c>
      <c r="G3648" t="s">
        <v>80</v>
      </c>
      <c r="H3648" t="s">
        <v>81</v>
      </c>
      <c r="I3648" s="2">
        <v>0</v>
      </c>
      <c r="J3648" s="2">
        <v>1</v>
      </c>
      <c r="K3648" s="2">
        <v>0</v>
      </c>
      <c r="L3648" t="s">
        <v>82</v>
      </c>
      <c r="M3648" t="s">
        <v>89</v>
      </c>
      <c r="N3648" t="s">
        <v>90</v>
      </c>
      <c r="O3648" t="s">
        <v>85</v>
      </c>
      <c r="P3648" t="s">
        <v>86</v>
      </c>
      <c r="Q3648">
        <v>47</v>
      </c>
      <c r="R3648">
        <v>48</v>
      </c>
      <c r="S3648">
        <v>50</v>
      </c>
      <c r="T3648">
        <v>51</v>
      </c>
      <c r="U3648">
        <v>53</v>
      </c>
      <c r="V3648">
        <v>54</v>
      </c>
      <c r="W3648">
        <v>56</v>
      </c>
      <c r="X3648">
        <v>57</v>
      </c>
      <c r="Y3648">
        <v>59</v>
      </c>
      <c r="Z3648">
        <v>60</v>
      </c>
      <c r="AA3648">
        <v>62</v>
      </c>
      <c r="AB3648">
        <v>63</v>
      </c>
      <c r="AC3648">
        <v>65</v>
      </c>
      <c r="AD3648">
        <v>66</v>
      </c>
      <c r="AE3648">
        <v>68</v>
      </c>
      <c r="AF3648">
        <v>68</v>
      </c>
      <c r="AG3648">
        <v>69</v>
      </c>
      <c r="AH3648">
        <v>70</v>
      </c>
      <c r="AI3648">
        <v>70</v>
      </c>
      <c r="AJ3648">
        <v>71</v>
      </c>
      <c r="AK3648">
        <v>72</v>
      </c>
      <c r="AL3648">
        <v>72</v>
      </c>
      <c r="AM3648">
        <v>73</v>
      </c>
      <c r="AN3648">
        <v>74</v>
      </c>
      <c r="AO3648">
        <v>74</v>
      </c>
      <c r="AP3648">
        <v>75</v>
      </c>
      <c r="AQ3648">
        <v>76</v>
      </c>
    </row>
    <row r="3649" spans="1:43">
      <c r="A3649" t="s">
        <v>2302</v>
      </c>
      <c r="B3649" t="s">
        <v>2303</v>
      </c>
      <c r="C3649" t="s">
        <v>2298</v>
      </c>
      <c r="D3649" t="s">
        <v>2299</v>
      </c>
      <c r="E3649" t="s">
        <v>2048</v>
      </c>
      <c r="F3649" t="s">
        <v>2049</v>
      </c>
      <c r="G3649" t="s">
        <v>80</v>
      </c>
      <c r="H3649" t="s">
        <v>81</v>
      </c>
      <c r="I3649" s="2">
        <v>0</v>
      </c>
      <c r="J3649" s="2">
        <v>1</v>
      </c>
      <c r="K3649" s="2">
        <v>0</v>
      </c>
      <c r="L3649" t="s">
        <v>82</v>
      </c>
      <c r="M3649" t="s">
        <v>83</v>
      </c>
      <c r="N3649" t="s">
        <v>91</v>
      </c>
      <c r="O3649" t="s">
        <v>85</v>
      </c>
      <c r="P3649" t="s">
        <v>86</v>
      </c>
      <c r="Q3649">
        <v>47</v>
      </c>
      <c r="R3649">
        <v>48</v>
      </c>
      <c r="S3649">
        <v>49</v>
      </c>
      <c r="T3649">
        <v>50</v>
      </c>
      <c r="U3649">
        <v>52</v>
      </c>
      <c r="V3649">
        <v>53</v>
      </c>
      <c r="W3649">
        <v>54</v>
      </c>
      <c r="X3649">
        <v>55</v>
      </c>
      <c r="Y3649">
        <v>56</v>
      </c>
      <c r="Z3649">
        <v>58</v>
      </c>
      <c r="AA3649">
        <v>59</v>
      </c>
      <c r="AB3649">
        <v>60</v>
      </c>
      <c r="AC3649">
        <v>61</v>
      </c>
      <c r="AD3649">
        <v>63</v>
      </c>
      <c r="AE3649">
        <v>64</v>
      </c>
      <c r="AF3649">
        <v>65</v>
      </c>
      <c r="AG3649">
        <v>67</v>
      </c>
      <c r="AH3649">
        <v>68</v>
      </c>
      <c r="AI3649">
        <v>69</v>
      </c>
      <c r="AJ3649">
        <v>71</v>
      </c>
      <c r="AK3649">
        <v>72</v>
      </c>
      <c r="AL3649">
        <v>73</v>
      </c>
      <c r="AM3649">
        <v>74</v>
      </c>
      <c r="AN3649">
        <v>74</v>
      </c>
      <c r="AO3649">
        <v>75</v>
      </c>
      <c r="AP3649">
        <v>76</v>
      </c>
      <c r="AQ3649">
        <v>76</v>
      </c>
    </row>
    <row r="3650" spans="1:43">
      <c r="A3650" t="s">
        <v>2304</v>
      </c>
      <c r="B3650" t="s">
        <v>2305</v>
      </c>
      <c r="C3650" t="s">
        <v>2298</v>
      </c>
      <c r="D3650" t="s">
        <v>2299</v>
      </c>
      <c r="E3650" t="s">
        <v>2048</v>
      </c>
      <c r="F3650" t="s">
        <v>2049</v>
      </c>
      <c r="G3650" t="s">
        <v>80</v>
      </c>
      <c r="H3650" t="s">
        <v>81</v>
      </c>
      <c r="I3650" s="2">
        <v>0</v>
      </c>
      <c r="J3650" s="2">
        <v>1</v>
      </c>
      <c r="K3650" s="2">
        <v>0</v>
      </c>
      <c r="L3650" t="s">
        <v>82</v>
      </c>
      <c r="M3650" t="s">
        <v>83</v>
      </c>
      <c r="N3650" t="s">
        <v>84</v>
      </c>
      <c r="O3650" t="s">
        <v>85</v>
      </c>
      <c r="P3650" t="s">
        <v>86</v>
      </c>
      <c r="Q3650">
        <v>67</v>
      </c>
      <c r="R3650">
        <v>69</v>
      </c>
      <c r="S3650">
        <v>70</v>
      </c>
      <c r="T3650">
        <v>72</v>
      </c>
      <c r="U3650">
        <v>73</v>
      </c>
      <c r="V3650">
        <v>75</v>
      </c>
      <c r="W3650">
        <v>77</v>
      </c>
      <c r="X3650">
        <v>79</v>
      </c>
      <c r="Y3650">
        <v>80</v>
      </c>
      <c r="Z3650">
        <v>82</v>
      </c>
      <c r="AA3650">
        <v>84</v>
      </c>
      <c r="AB3650">
        <v>86</v>
      </c>
      <c r="AC3650">
        <v>87</v>
      </c>
      <c r="AD3650">
        <v>89</v>
      </c>
      <c r="AE3650">
        <v>91</v>
      </c>
      <c r="AF3650">
        <v>93</v>
      </c>
      <c r="AG3650">
        <v>95</v>
      </c>
      <c r="AH3650">
        <v>97</v>
      </c>
      <c r="AI3650">
        <v>98</v>
      </c>
      <c r="AJ3650">
        <v>100</v>
      </c>
      <c r="AK3650">
        <v>102</v>
      </c>
      <c r="AL3650">
        <v>104</v>
      </c>
      <c r="AM3650">
        <v>105</v>
      </c>
      <c r="AN3650">
        <v>106</v>
      </c>
      <c r="AO3650">
        <v>107</v>
      </c>
      <c r="AP3650">
        <v>108</v>
      </c>
      <c r="AQ3650">
        <v>109</v>
      </c>
    </row>
    <row r="3651" spans="1:43">
      <c r="A3651" t="s">
        <v>2304</v>
      </c>
      <c r="B3651" t="s">
        <v>2305</v>
      </c>
      <c r="C3651" t="s">
        <v>2298</v>
      </c>
      <c r="D3651" t="s">
        <v>2299</v>
      </c>
      <c r="E3651" t="s">
        <v>2048</v>
      </c>
      <c r="F3651" t="s">
        <v>2049</v>
      </c>
      <c r="G3651" t="s">
        <v>80</v>
      </c>
      <c r="H3651" t="s">
        <v>81</v>
      </c>
      <c r="I3651" s="2">
        <v>0</v>
      </c>
      <c r="J3651" s="2">
        <v>1</v>
      </c>
      <c r="K3651" s="2">
        <v>0</v>
      </c>
      <c r="L3651" t="s">
        <v>82</v>
      </c>
      <c r="M3651" t="s">
        <v>87</v>
      </c>
      <c r="N3651" t="s">
        <v>88</v>
      </c>
      <c r="O3651" t="s">
        <v>85</v>
      </c>
      <c r="P3651" t="s">
        <v>86</v>
      </c>
      <c r="Q3651">
        <v>67</v>
      </c>
      <c r="R3651">
        <v>68</v>
      </c>
      <c r="S3651">
        <v>69</v>
      </c>
      <c r="T3651">
        <v>70</v>
      </c>
      <c r="U3651">
        <v>71</v>
      </c>
      <c r="V3651">
        <v>72</v>
      </c>
      <c r="W3651">
        <v>73</v>
      </c>
      <c r="X3651">
        <v>74</v>
      </c>
      <c r="Y3651">
        <v>75</v>
      </c>
      <c r="Z3651">
        <v>76</v>
      </c>
      <c r="AA3651">
        <v>77</v>
      </c>
      <c r="AB3651">
        <v>78</v>
      </c>
      <c r="AC3651">
        <v>79</v>
      </c>
      <c r="AD3651">
        <v>80</v>
      </c>
      <c r="AE3651">
        <v>81</v>
      </c>
      <c r="AF3651">
        <v>83</v>
      </c>
      <c r="AG3651">
        <v>84</v>
      </c>
      <c r="AH3651">
        <v>85</v>
      </c>
      <c r="AI3651">
        <v>86</v>
      </c>
      <c r="AJ3651">
        <v>87</v>
      </c>
      <c r="AK3651">
        <v>88</v>
      </c>
      <c r="AL3651">
        <v>89</v>
      </c>
      <c r="AM3651">
        <v>90</v>
      </c>
      <c r="AN3651">
        <v>92</v>
      </c>
      <c r="AO3651">
        <v>93</v>
      </c>
      <c r="AP3651">
        <v>94</v>
      </c>
      <c r="AQ3651">
        <v>95</v>
      </c>
    </row>
    <row r="3652" spans="1:43">
      <c r="A3652" t="s">
        <v>2304</v>
      </c>
      <c r="B3652" t="s">
        <v>2305</v>
      </c>
      <c r="C3652" t="s">
        <v>2298</v>
      </c>
      <c r="D3652" t="s">
        <v>2299</v>
      </c>
      <c r="E3652" t="s">
        <v>2048</v>
      </c>
      <c r="F3652" t="s">
        <v>2049</v>
      </c>
      <c r="G3652" t="s">
        <v>80</v>
      </c>
      <c r="H3652" t="s">
        <v>81</v>
      </c>
      <c r="I3652" s="2">
        <v>0</v>
      </c>
      <c r="J3652" s="2">
        <v>1</v>
      </c>
      <c r="K3652" s="2">
        <v>0</v>
      </c>
      <c r="L3652" t="s">
        <v>82</v>
      </c>
      <c r="M3652" t="s">
        <v>89</v>
      </c>
      <c r="N3652" t="s">
        <v>90</v>
      </c>
      <c r="O3652" t="s">
        <v>85</v>
      </c>
      <c r="P3652" t="s">
        <v>86</v>
      </c>
      <c r="Q3652">
        <v>67</v>
      </c>
      <c r="R3652">
        <v>69</v>
      </c>
      <c r="S3652">
        <v>71</v>
      </c>
      <c r="T3652">
        <v>73</v>
      </c>
      <c r="U3652">
        <v>75</v>
      </c>
      <c r="V3652">
        <v>78</v>
      </c>
      <c r="W3652">
        <v>80</v>
      </c>
      <c r="X3652">
        <v>82</v>
      </c>
      <c r="Y3652">
        <v>84</v>
      </c>
      <c r="Z3652">
        <v>86</v>
      </c>
      <c r="AA3652">
        <v>88</v>
      </c>
      <c r="AB3652">
        <v>90</v>
      </c>
      <c r="AC3652">
        <v>93</v>
      </c>
      <c r="AD3652">
        <v>95</v>
      </c>
      <c r="AE3652">
        <v>97</v>
      </c>
      <c r="AF3652">
        <v>98</v>
      </c>
      <c r="AG3652">
        <v>99</v>
      </c>
      <c r="AH3652">
        <v>100</v>
      </c>
      <c r="AI3652">
        <v>101</v>
      </c>
      <c r="AJ3652">
        <v>102</v>
      </c>
      <c r="AK3652">
        <v>102</v>
      </c>
      <c r="AL3652">
        <v>103</v>
      </c>
      <c r="AM3652">
        <v>104</v>
      </c>
      <c r="AN3652">
        <v>105</v>
      </c>
      <c r="AO3652">
        <v>106</v>
      </c>
      <c r="AP3652">
        <v>107</v>
      </c>
      <c r="AQ3652">
        <v>108</v>
      </c>
    </row>
    <row r="3653" spans="1:43">
      <c r="A3653" t="s">
        <v>2304</v>
      </c>
      <c r="B3653" t="s">
        <v>2305</v>
      </c>
      <c r="C3653" t="s">
        <v>2298</v>
      </c>
      <c r="D3653" t="s">
        <v>2299</v>
      </c>
      <c r="E3653" t="s">
        <v>2048</v>
      </c>
      <c r="F3653" t="s">
        <v>2049</v>
      </c>
      <c r="G3653" t="s">
        <v>80</v>
      </c>
      <c r="H3653" t="s">
        <v>81</v>
      </c>
      <c r="I3653" s="2">
        <v>0</v>
      </c>
      <c r="J3653" s="2">
        <v>1</v>
      </c>
      <c r="K3653" s="2">
        <v>0</v>
      </c>
      <c r="L3653" t="s">
        <v>82</v>
      </c>
      <c r="M3653" t="s">
        <v>83</v>
      </c>
      <c r="N3653" t="s">
        <v>91</v>
      </c>
      <c r="O3653" t="s">
        <v>85</v>
      </c>
      <c r="P3653" t="s">
        <v>86</v>
      </c>
      <c r="Q3653">
        <v>67</v>
      </c>
      <c r="R3653">
        <v>69</v>
      </c>
      <c r="S3653">
        <v>70</v>
      </c>
      <c r="T3653">
        <v>72</v>
      </c>
      <c r="U3653">
        <v>73</v>
      </c>
      <c r="V3653">
        <v>75</v>
      </c>
      <c r="W3653">
        <v>77</v>
      </c>
      <c r="X3653">
        <v>79</v>
      </c>
      <c r="Y3653">
        <v>80</v>
      </c>
      <c r="Z3653">
        <v>82</v>
      </c>
      <c r="AA3653">
        <v>84</v>
      </c>
      <c r="AB3653">
        <v>86</v>
      </c>
      <c r="AC3653">
        <v>87</v>
      </c>
      <c r="AD3653">
        <v>89</v>
      </c>
      <c r="AE3653">
        <v>91</v>
      </c>
      <c r="AF3653">
        <v>93</v>
      </c>
      <c r="AG3653">
        <v>95</v>
      </c>
      <c r="AH3653">
        <v>97</v>
      </c>
      <c r="AI3653">
        <v>98</v>
      </c>
      <c r="AJ3653">
        <v>100</v>
      </c>
      <c r="AK3653">
        <v>102</v>
      </c>
      <c r="AL3653">
        <v>104</v>
      </c>
      <c r="AM3653">
        <v>105</v>
      </c>
      <c r="AN3653">
        <v>106</v>
      </c>
      <c r="AO3653">
        <v>107</v>
      </c>
      <c r="AP3653">
        <v>108</v>
      </c>
      <c r="AQ3653">
        <v>109</v>
      </c>
    </row>
    <row r="3654" spans="1:43">
      <c r="A3654" t="s">
        <v>2306</v>
      </c>
      <c r="B3654" t="s">
        <v>2307</v>
      </c>
      <c r="C3654" t="s">
        <v>2082</v>
      </c>
      <c r="D3654" t="s">
        <v>2083</v>
      </c>
      <c r="E3654" t="s">
        <v>2048</v>
      </c>
      <c r="F3654" t="s">
        <v>2049</v>
      </c>
      <c r="G3654" t="s">
        <v>80</v>
      </c>
      <c r="H3654" t="s">
        <v>81</v>
      </c>
      <c r="I3654" s="2">
        <v>0</v>
      </c>
      <c r="J3654" s="2">
        <v>1</v>
      </c>
      <c r="K3654" s="2">
        <v>0</v>
      </c>
      <c r="L3654" t="s">
        <v>82</v>
      </c>
      <c r="M3654" t="s">
        <v>83</v>
      </c>
      <c r="N3654" t="s">
        <v>84</v>
      </c>
      <c r="O3654" t="s">
        <v>85</v>
      </c>
      <c r="P3654" t="s">
        <v>86</v>
      </c>
      <c r="Q3654">
        <v>90</v>
      </c>
      <c r="R3654">
        <v>92</v>
      </c>
      <c r="S3654">
        <v>94</v>
      </c>
      <c r="T3654">
        <v>97</v>
      </c>
      <c r="U3654">
        <v>99</v>
      </c>
      <c r="V3654">
        <v>101</v>
      </c>
      <c r="W3654">
        <v>103</v>
      </c>
      <c r="X3654">
        <v>106</v>
      </c>
      <c r="Y3654">
        <v>108</v>
      </c>
      <c r="Z3654">
        <v>111</v>
      </c>
      <c r="AA3654">
        <v>113</v>
      </c>
      <c r="AB3654">
        <v>115</v>
      </c>
      <c r="AC3654">
        <v>118</v>
      </c>
      <c r="AD3654">
        <v>120</v>
      </c>
      <c r="AE3654">
        <v>123</v>
      </c>
      <c r="AF3654">
        <v>125</v>
      </c>
      <c r="AG3654">
        <v>128</v>
      </c>
      <c r="AH3654">
        <v>130</v>
      </c>
      <c r="AI3654">
        <v>133</v>
      </c>
      <c r="AJ3654">
        <v>136</v>
      </c>
      <c r="AK3654">
        <v>138</v>
      </c>
      <c r="AL3654">
        <v>140</v>
      </c>
      <c r="AM3654">
        <v>141</v>
      </c>
      <c r="AN3654">
        <v>143</v>
      </c>
      <c r="AO3654">
        <v>144</v>
      </c>
      <c r="AP3654">
        <v>145</v>
      </c>
      <c r="AQ3654">
        <v>147</v>
      </c>
    </row>
    <row r="3655" spans="1:43">
      <c r="A3655" t="s">
        <v>2306</v>
      </c>
      <c r="B3655" t="s">
        <v>2307</v>
      </c>
      <c r="C3655" t="s">
        <v>2082</v>
      </c>
      <c r="D3655" t="s">
        <v>2083</v>
      </c>
      <c r="E3655" t="s">
        <v>2048</v>
      </c>
      <c r="F3655" t="s">
        <v>2049</v>
      </c>
      <c r="G3655" t="s">
        <v>80</v>
      </c>
      <c r="H3655" t="s">
        <v>81</v>
      </c>
      <c r="I3655" s="2">
        <v>0</v>
      </c>
      <c r="J3655" s="2">
        <v>1</v>
      </c>
      <c r="K3655" s="2">
        <v>0</v>
      </c>
      <c r="L3655" t="s">
        <v>82</v>
      </c>
      <c r="M3655" t="s">
        <v>87</v>
      </c>
      <c r="N3655" t="s">
        <v>88</v>
      </c>
      <c r="O3655" t="s">
        <v>85</v>
      </c>
      <c r="P3655" t="s">
        <v>86</v>
      </c>
      <c r="Q3655">
        <v>90</v>
      </c>
      <c r="R3655">
        <v>92</v>
      </c>
      <c r="S3655">
        <v>93</v>
      </c>
      <c r="T3655">
        <v>94</v>
      </c>
      <c r="U3655">
        <v>96</v>
      </c>
      <c r="V3655">
        <v>97</v>
      </c>
      <c r="W3655">
        <v>98</v>
      </c>
      <c r="X3655">
        <v>100</v>
      </c>
      <c r="Y3655">
        <v>101</v>
      </c>
      <c r="Z3655">
        <v>102</v>
      </c>
      <c r="AA3655">
        <v>104</v>
      </c>
      <c r="AB3655">
        <v>105</v>
      </c>
      <c r="AC3655">
        <v>107</v>
      </c>
      <c r="AD3655">
        <v>108</v>
      </c>
      <c r="AE3655">
        <v>110</v>
      </c>
      <c r="AF3655">
        <v>111</v>
      </c>
      <c r="AG3655">
        <v>112</v>
      </c>
      <c r="AH3655">
        <v>114</v>
      </c>
      <c r="AI3655">
        <v>116</v>
      </c>
      <c r="AJ3655">
        <v>117</v>
      </c>
      <c r="AK3655">
        <v>119</v>
      </c>
      <c r="AL3655">
        <v>120</v>
      </c>
      <c r="AM3655">
        <v>122</v>
      </c>
      <c r="AN3655">
        <v>123</v>
      </c>
      <c r="AO3655">
        <v>125</v>
      </c>
      <c r="AP3655">
        <v>126</v>
      </c>
      <c r="AQ3655">
        <v>128</v>
      </c>
    </row>
    <row r="3656" spans="1:43">
      <c r="A3656" t="s">
        <v>2306</v>
      </c>
      <c r="B3656" t="s">
        <v>2307</v>
      </c>
      <c r="C3656" t="s">
        <v>2082</v>
      </c>
      <c r="D3656" t="s">
        <v>2083</v>
      </c>
      <c r="E3656" t="s">
        <v>2048</v>
      </c>
      <c r="F3656" t="s">
        <v>2049</v>
      </c>
      <c r="G3656" t="s">
        <v>80</v>
      </c>
      <c r="H3656" t="s">
        <v>81</v>
      </c>
      <c r="I3656" s="2">
        <v>0</v>
      </c>
      <c r="J3656" s="2">
        <v>1</v>
      </c>
      <c r="K3656" s="2">
        <v>0</v>
      </c>
      <c r="L3656" t="s">
        <v>82</v>
      </c>
      <c r="M3656" t="s">
        <v>89</v>
      </c>
      <c r="N3656" t="s">
        <v>90</v>
      </c>
      <c r="O3656" t="s">
        <v>85</v>
      </c>
      <c r="P3656" t="s">
        <v>86</v>
      </c>
      <c r="Q3656">
        <v>90</v>
      </c>
      <c r="R3656">
        <v>93</v>
      </c>
      <c r="S3656">
        <v>96</v>
      </c>
      <c r="T3656">
        <v>99</v>
      </c>
      <c r="U3656">
        <v>102</v>
      </c>
      <c r="V3656">
        <v>105</v>
      </c>
      <c r="W3656">
        <v>108</v>
      </c>
      <c r="X3656">
        <v>111</v>
      </c>
      <c r="Y3656">
        <v>114</v>
      </c>
      <c r="Z3656">
        <v>117</v>
      </c>
      <c r="AA3656">
        <v>119</v>
      </c>
      <c r="AB3656">
        <v>122</v>
      </c>
      <c r="AC3656">
        <v>125</v>
      </c>
      <c r="AD3656">
        <v>128</v>
      </c>
      <c r="AE3656">
        <v>131</v>
      </c>
      <c r="AF3656">
        <v>132</v>
      </c>
      <c r="AG3656">
        <v>133</v>
      </c>
      <c r="AH3656">
        <v>135</v>
      </c>
      <c r="AI3656">
        <v>136</v>
      </c>
      <c r="AJ3656">
        <v>137</v>
      </c>
      <c r="AK3656">
        <v>139</v>
      </c>
      <c r="AL3656">
        <v>140</v>
      </c>
      <c r="AM3656">
        <v>141</v>
      </c>
      <c r="AN3656">
        <v>142</v>
      </c>
      <c r="AO3656">
        <v>144</v>
      </c>
      <c r="AP3656">
        <v>145</v>
      </c>
      <c r="AQ3656">
        <v>146</v>
      </c>
    </row>
    <row r="3657" spans="1:43">
      <c r="A3657" t="s">
        <v>2306</v>
      </c>
      <c r="B3657" t="s">
        <v>2307</v>
      </c>
      <c r="C3657" t="s">
        <v>2082</v>
      </c>
      <c r="D3657" t="s">
        <v>2083</v>
      </c>
      <c r="E3657" t="s">
        <v>2048</v>
      </c>
      <c r="F3657" t="s">
        <v>2049</v>
      </c>
      <c r="G3657" t="s">
        <v>80</v>
      </c>
      <c r="H3657" t="s">
        <v>81</v>
      </c>
      <c r="I3657" s="2">
        <v>0</v>
      </c>
      <c r="J3657" s="2">
        <v>1</v>
      </c>
      <c r="K3657" s="2">
        <v>0</v>
      </c>
      <c r="L3657" t="s">
        <v>82</v>
      </c>
      <c r="M3657" t="s">
        <v>83</v>
      </c>
      <c r="N3657" t="s">
        <v>91</v>
      </c>
      <c r="O3657" t="s">
        <v>85</v>
      </c>
      <c r="P3657" t="s">
        <v>86</v>
      </c>
      <c r="Q3657">
        <v>90</v>
      </c>
      <c r="R3657">
        <v>92</v>
      </c>
      <c r="S3657">
        <v>94</v>
      </c>
      <c r="T3657">
        <v>97</v>
      </c>
      <c r="U3657">
        <v>99</v>
      </c>
      <c r="V3657">
        <v>101</v>
      </c>
      <c r="W3657">
        <v>103</v>
      </c>
      <c r="X3657">
        <v>106</v>
      </c>
      <c r="Y3657">
        <v>108</v>
      </c>
      <c r="Z3657">
        <v>111</v>
      </c>
      <c r="AA3657">
        <v>113</v>
      </c>
      <c r="AB3657">
        <v>115</v>
      </c>
      <c r="AC3657">
        <v>118</v>
      </c>
      <c r="AD3657">
        <v>120</v>
      </c>
      <c r="AE3657">
        <v>123</v>
      </c>
      <c r="AF3657">
        <v>125</v>
      </c>
      <c r="AG3657">
        <v>128</v>
      </c>
      <c r="AH3657">
        <v>130</v>
      </c>
      <c r="AI3657">
        <v>133</v>
      </c>
      <c r="AJ3657">
        <v>136</v>
      </c>
      <c r="AK3657">
        <v>138</v>
      </c>
      <c r="AL3657">
        <v>140</v>
      </c>
      <c r="AM3657">
        <v>141</v>
      </c>
      <c r="AN3657">
        <v>143</v>
      </c>
      <c r="AO3657">
        <v>144</v>
      </c>
      <c r="AP3657">
        <v>145</v>
      </c>
      <c r="AQ3657">
        <v>147</v>
      </c>
    </row>
    <row r="3658" spans="1:43">
      <c r="A3658" t="s">
        <v>2308</v>
      </c>
      <c r="B3658" t="s">
        <v>2309</v>
      </c>
      <c r="C3658" t="s">
        <v>2082</v>
      </c>
      <c r="D3658" t="s">
        <v>2083</v>
      </c>
      <c r="E3658" t="s">
        <v>2048</v>
      </c>
      <c r="F3658" t="s">
        <v>2049</v>
      </c>
      <c r="G3658" t="s">
        <v>80</v>
      </c>
      <c r="H3658" t="s">
        <v>81</v>
      </c>
      <c r="I3658" s="2">
        <v>0</v>
      </c>
      <c r="J3658" s="2">
        <v>1</v>
      </c>
      <c r="K3658" s="2">
        <v>0</v>
      </c>
      <c r="L3658" t="s">
        <v>82</v>
      </c>
      <c r="M3658" t="s">
        <v>83</v>
      </c>
      <c r="N3658" t="s">
        <v>84</v>
      </c>
      <c r="O3658" t="s">
        <v>85</v>
      </c>
      <c r="P3658" t="s">
        <v>86</v>
      </c>
      <c r="Q3658">
        <v>135</v>
      </c>
      <c r="R3658">
        <v>138</v>
      </c>
      <c r="S3658">
        <v>142</v>
      </c>
      <c r="T3658">
        <v>145</v>
      </c>
      <c r="U3658">
        <v>148</v>
      </c>
      <c r="V3658">
        <v>152</v>
      </c>
      <c r="W3658">
        <v>155</v>
      </c>
      <c r="X3658">
        <v>158</v>
      </c>
      <c r="Y3658">
        <v>162</v>
      </c>
      <c r="Z3658">
        <v>166</v>
      </c>
      <c r="AA3658">
        <v>169</v>
      </c>
      <c r="AB3658">
        <v>173</v>
      </c>
      <c r="AC3658">
        <v>176</v>
      </c>
      <c r="AD3658">
        <v>180</v>
      </c>
      <c r="AE3658">
        <v>184</v>
      </c>
      <c r="AF3658">
        <v>187</v>
      </c>
      <c r="AG3658">
        <v>191</v>
      </c>
      <c r="AH3658">
        <v>195</v>
      </c>
      <c r="AI3658">
        <v>199</v>
      </c>
      <c r="AJ3658">
        <v>203</v>
      </c>
      <c r="AK3658">
        <v>207</v>
      </c>
      <c r="AL3658">
        <v>210</v>
      </c>
      <c r="AM3658">
        <v>211</v>
      </c>
      <c r="AN3658">
        <v>213</v>
      </c>
      <c r="AO3658">
        <v>215</v>
      </c>
      <c r="AP3658">
        <v>217</v>
      </c>
      <c r="AQ3658">
        <v>219</v>
      </c>
    </row>
    <row r="3659" spans="1:43">
      <c r="A3659" t="s">
        <v>2308</v>
      </c>
      <c r="B3659" t="s">
        <v>2309</v>
      </c>
      <c r="C3659" t="s">
        <v>2082</v>
      </c>
      <c r="D3659" t="s">
        <v>2083</v>
      </c>
      <c r="E3659" t="s">
        <v>2048</v>
      </c>
      <c r="F3659" t="s">
        <v>2049</v>
      </c>
      <c r="G3659" t="s">
        <v>80</v>
      </c>
      <c r="H3659" t="s">
        <v>81</v>
      </c>
      <c r="I3659" s="2">
        <v>0</v>
      </c>
      <c r="J3659" s="2">
        <v>1</v>
      </c>
      <c r="K3659" s="2">
        <v>0</v>
      </c>
      <c r="L3659" t="s">
        <v>82</v>
      </c>
      <c r="M3659" t="s">
        <v>87</v>
      </c>
      <c r="N3659" t="s">
        <v>88</v>
      </c>
      <c r="O3659" t="s">
        <v>85</v>
      </c>
      <c r="P3659" t="s">
        <v>86</v>
      </c>
      <c r="Q3659">
        <v>135</v>
      </c>
      <c r="R3659">
        <v>137</v>
      </c>
      <c r="S3659">
        <v>139</v>
      </c>
      <c r="T3659">
        <v>141</v>
      </c>
      <c r="U3659">
        <v>143</v>
      </c>
      <c r="V3659">
        <v>145</v>
      </c>
      <c r="W3659">
        <v>147</v>
      </c>
      <c r="X3659">
        <v>149</v>
      </c>
      <c r="Y3659">
        <v>151</v>
      </c>
      <c r="Z3659">
        <v>153</v>
      </c>
      <c r="AA3659">
        <v>155</v>
      </c>
      <c r="AB3659">
        <v>157</v>
      </c>
      <c r="AC3659">
        <v>159</v>
      </c>
      <c r="AD3659">
        <v>161</v>
      </c>
      <c r="AE3659">
        <v>164</v>
      </c>
      <c r="AF3659">
        <v>166</v>
      </c>
      <c r="AG3659">
        <v>168</v>
      </c>
      <c r="AH3659">
        <v>170</v>
      </c>
      <c r="AI3659">
        <v>172</v>
      </c>
      <c r="AJ3659">
        <v>175</v>
      </c>
      <c r="AK3659">
        <v>177</v>
      </c>
      <c r="AL3659">
        <v>179</v>
      </c>
      <c r="AM3659">
        <v>182</v>
      </c>
      <c r="AN3659">
        <v>184</v>
      </c>
      <c r="AO3659">
        <v>186</v>
      </c>
      <c r="AP3659">
        <v>189</v>
      </c>
      <c r="AQ3659">
        <v>191</v>
      </c>
    </row>
    <row r="3660" spans="1:43">
      <c r="A3660" t="s">
        <v>2308</v>
      </c>
      <c r="B3660" t="s">
        <v>2309</v>
      </c>
      <c r="C3660" t="s">
        <v>2082</v>
      </c>
      <c r="D3660" t="s">
        <v>2083</v>
      </c>
      <c r="E3660" t="s">
        <v>2048</v>
      </c>
      <c r="F3660" t="s">
        <v>2049</v>
      </c>
      <c r="G3660" t="s">
        <v>80</v>
      </c>
      <c r="H3660" t="s">
        <v>81</v>
      </c>
      <c r="I3660" s="2">
        <v>0</v>
      </c>
      <c r="J3660" s="2">
        <v>1</v>
      </c>
      <c r="K3660" s="2">
        <v>0</v>
      </c>
      <c r="L3660" t="s">
        <v>82</v>
      </c>
      <c r="M3660" t="s">
        <v>89</v>
      </c>
      <c r="N3660" t="s">
        <v>90</v>
      </c>
      <c r="O3660" t="s">
        <v>85</v>
      </c>
      <c r="P3660" t="s">
        <v>86</v>
      </c>
      <c r="Q3660">
        <v>135</v>
      </c>
      <c r="R3660">
        <v>140</v>
      </c>
      <c r="S3660">
        <v>144</v>
      </c>
      <c r="T3660">
        <v>149</v>
      </c>
      <c r="U3660">
        <v>153</v>
      </c>
      <c r="V3660">
        <v>158</v>
      </c>
      <c r="W3660">
        <v>162</v>
      </c>
      <c r="X3660">
        <v>166</v>
      </c>
      <c r="Y3660">
        <v>171</v>
      </c>
      <c r="Z3660">
        <v>175</v>
      </c>
      <c r="AA3660">
        <v>179</v>
      </c>
      <c r="AB3660">
        <v>184</v>
      </c>
      <c r="AC3660">
        <v>188</v>
      </c>
      <c r="AD3660">
        <v>193</v>
      </c>
      <c r="AE3660">
        <v>196</v>
      </c>
      <c r="AF3660">
        <v>198</v>
      </c>
      <c r="AG3660">
        <v>200</v>
      </c>
      <c r="AH3660">
        <v>202</v>
      </c>
      <c r="AI3660">
        <v>204</v>
      </c>
      <c r="AJ3660">
        <v>206</v>
      </c>
      <c r="AK3660">
        <v>208</v>
      </c>
      <c r="AL3660">
        <v>210</v>
      </c>
      <c r="AM3660">
        <v>212</v>
      </c>
      <c r="AN3660">
        <v>214</v>
      </c>
      <c r="AO3660">
        <v>216</v>
      </c>
      <c r="AP3660">
        <v>218</v>
      </c>
      <c r="AQ3660">
        <v>220</v>
      </c>
    </row>
    <row r="3661" spans="1:43">
      <c r="A3661" t="s">
        <v>2308</v>
      </c>
      <c r="B3661" t="s">
        <v>2309</v>
      </c>
      <c r="C3661" t="s">
        <v>2082</v>
      </c>
      <c r="D3661" t="s">
        <v>2083</v>
      </c>
      <c r="E3661" t="s">
        <v>2048</v>
      </c>
      <c r="F3661" t="s">
        <v>2049</v>
      </c>
      <c r="G3661" t="s">
        <v>80</v>
      </c>
      <c r="H3661" t="s">
        <v>81</v>
      </c>
      <c r="I3661" s="2">
        <v>0</v>
      </c>
      <c r="J3661" s="2">
        <v>1</v>
      </c>
      <c r="K3661" s="2">
        <v>0</v>
      </c>
      <c r="L3661" t="s">
        <v>82</v>
      </c>
      <c r="M3661" t="s">
        <v>83</v>
      </c>
      <c r="N3661" t="s">
        <v>91</v>
      </c>
      <c r="O3661" t="s">
        <v>85</v>
      </c>
      <c r="P3661" t="s">
        <v>86</v>
      </c>
      <c r="Q3661">
        <v>135</v>
      </c>
      <c r="R3661">
        <v>138</v>
      </c>
      <c r="S3661">
        <v>142</v>
      </c>
      <c r="T3661">
        <v>145</v>
      </c>
      <c r="U3661">
        <v>148</v>
      </c>
      <c r="V3661">
        <v>152</v>
      </c>
      <c r="W3661">
        <v>155</v>
      </c>
      <c r="X3661">
        <v>158</v>
      </c>
      <c r="Y3661">
        <v>162</v>
      </c>
      <c r="Z3661">
        <v>166</v>
      </c>
      <c r="AA3661">
        <v>169</v>
      </c>
      <c r="AB3661">
        <v>173</v>
      </c>
      <c r="AC3661">
        <v>176</v>
      </c>
      <c r="AD3661">
        <v>180</v>
      </c>
      <c r="AE3661">
        <v>184</v>
      </c>
      <c r="AF3661">
        <v>187</v>
      </c>
      <c r="AG3661">
        <v>191</v>
      </c>
      <c r="AH3661">
        <v>195</v>
      </c>
      <c r="AI3661">
        <v>199</v>
      </c>
      <c r="AJ3661">
        <v>203</v>
      </c>
      <c r="AK3661">
        <v>207</v>
      </c>
      <c r="AL3661">
        <v>210</v>
      </c>
      <c r="AM3661">
        <v>211</v>
      </c>
      <c r="AN3661">
        <v>213</v>
      </c>
      <c r="AO3661">
        <v>215</v>
      </c>
      <c r="AP3661">
        <v>217</v>
      </c>
      <c r="AQ3661">
        <v>219</v>
      </c>
    </row>
    <row r="3662" spans="1:43">
      <c r="A3662" t="s">
        <v>2310</v>
      </c>
      <c r="B3662" t="s">
        <v>2311</v>
      </c>
      <c r="C3662" t="s">
        <v>2082</v>
      </c>
      <c r="D3662" t="s">
        <v>2083</v>
      </c>
      <c r="E3662" t="s">
        <v>2048</v>
      </c>
      <c r="F3662" t="s">
        <v>2049</v>
      </c>
      <c r="G3662" t="s">
        <v>80</v>
      </c>
      <c r="H3662" t="s">
        <v>81</v>
      </c>
      <c r="I3662" s="2">
        <v>0</v>
      </c>
      <c r="J3662" s="2">
        <v>1</v>
      </c>
      <c r="K3662" s="2">
        <v>0</v>
      </c>
      <c r="L3662" t="s">
        <v>82</v>
      </c>
      <c r="M3662" t="s">
        <v>83</v>
      </c>
      <c r="N3662" t="s">
        <v>84</v>
      </c>
      <c r="O3662" t="s">
        <v>85</v>
      </c>
      <c r="P3662" t="s">
        <v>86</v>
      </c>
      <c r="Q3662">
        <v>44</v>
      </c>
      <c r="R3662">
        <v>45</v>
      </c>
      <c r="S3662">
        <v>46</v>
      </c>
      <c r="T3662">
        <v>47</v>
      </c>
      <c r="U3662">
        <v>48</v>
      </c>
      <c r="V3662">
        <v>49</v>
      </c>
      <c r="W3662">
        <v>50</v>
      </c>
      <c r="X3662">
        <v>51</v>
      </c>
      <c r="Y3662">
        <v>53</v>
      </c>
      <c r="Z3662">
        <v>54</v>
      </c>
      <c r="AA3662">
        <v>55</v>
      </c>
      <c r="AB3662">
        <v>56</v>
      </c>
      <c r="AC3662">
        <v>57</v>
      </c>
      <c r="AD3662">
        <v>58</v>
      </c>
      <c r="AE3662">
        <v>60</v>
      </c>
      <c r="AF3662">
        <v>61</v>
      </c>
      <c r="AG3662">
        <v>62</v>
      </c>
      <c r="AH3662">
        <v>63</v>
      </c>
      <c r="AI3662">
        <v>65</v>
      </c>
      <c r="AJ3662">
        <v>66</v>
      </c>
      <c r="AK3662">
        <v>67</v>
      </c>
      <c r="AL3662">
        <v>68</v>
      </c>
      <c r="AM3662">
        <v>69</v>
      </c>
      <c r="AN3662">
        <v>69</v>
      </c>
      <c r="AO3662">
        <v>70</v>
      </c>
      <c r="AP3662">
        <v>71</v>
      </c>
      <c r="AQ3662">
        <v>71</v>
      </c>
    </row>
    <row r="3663" spans="1:43">
      <c r="A3663" t="s">
        <v>2310</v>
      </c>
      <c r="B3663" t="s">
        <v>2311</v>
      </c>
      <c r="C3663" t="s">
        <v>2082</v>
      </c>
      <c r="D3663" t="s">
        <v>2083</v>
      </c>
      <c r="E3663" t="s">
        <v>2048</v>
      </c>
      <c r="F3663" t="s">
        <v>2049</v>
      </c>
      <c r="G3663" t="s">
        <v>80</v>
      </c>
      <c r="H3663" t="s">
        <v>81</v>
      </c>
      <c r="I3663" s="2">
        <v>0</v>
      </c>
      <c r="J3663" s="2">
        <v>1</v>
      </c>
      <c r="K3663" s="2">
        <v>0</v>
      </c>
      <c r="L3663" t="s">
        <v>82</v>
      </c>
      <c r="M3663" t="s">
        <v>87</v>
      </c>
      <c r="N3663" t="s">
        <v>88</v>
      </c>
      <c r="O3663" t="s">
        <v>85</v>
      </c>
      <c r="P3663" t="s">
        <v>86</v>
      </c>
      <c r="Q3663">
        <v>44</v>
      </c>
      <c r="R3663">
        <v>45</v>
      </c>
      <c r="S3663">
        <v>46</v>
      </c>
      <c r="T3663">
        <v>46</v>
      </c>
      <c r="U3663">
        <v>47</v>
      </c>
      <c r="V3663">
        <v>48</v>
      </c>
      <c r="W3663">
        <v>48</v>
      </c>
      <c r="X3663">
        <v>49</v>
      </c>
      <c r="Y3663">
        <v>50</v>
      </c>
      <c r="Z3663">
        <v>50</v>
      </c>
      <c r="AA3663">
        <v>51</v>
      </c>
      <c r="AB3663">
        <v>52</v>
      </c>
      <c r="AC3663">
        <v>52</v>
      </c>
      <c r="AD3663">
        <v>53</v>
      </c>
      <c r="AE3663">
        <v>54</v>
      </c>
      <c r="AF3663">
        <v>55</v>
      </c>
      <c r="AG3663">
        <v>55</v>
      </c>
      <c r="AH3663">
        <v>56</v>
      </c>
      <c r="AI3663">
        <v>57</v>
      </c>
      <c r="AJ3663">
        <v>57</v>
      </c>
      <c r="AK3663">
        <v>58</v>
      </c>
      <c r="AL3663">
        <v>59</v>
      </c>
      <c r="AM3663">
        <v>60</v>
      </c>
      <c r="AN3663">
        <v>60</v>
      </c>
      <c r="AO3663">
        <v>61</v>
      </c>
      <c r="AP3663">
        <v>62</v>
      </c>
      <c r="AQ3663">
        <v>63</v>
      </c>
    </row>
    <row r="3664" spans="1:43">
      <c r="A3664" t="s">
        <v>2310</v>
      </c>
      <c r="B3664" t="s">
        <v>2311</v>
      </c>
      <c r="C3664" t="s">
        <v>2082</v>
      </c>
      <c r="D3664" t="s">
        <v>2083</v>
      </c>
      <c r="E3664" t="s">
        <v>2048</v>
      </c>
      <c r="F3664" t="s">
        <v>2049</v>
      </c>
      <c r="G3664" t="s">
        <v>80</v>
      </c>
      <c r="H3664" t="s">
        <v>81</v>
      </c>
      <c r="I3664" s="2">
        <v>0</v>
      </c>
      <c r="J3664" s="2">
        <v>1</v>
      </c>
      <c r="K3664" s="2">
        <v>0</v>
      </c>
      <c r="L3664" t="s">
        <v>82</v>
      </c>
      <c r="M3664" t="s">
        <v>89</v>
      </c>
      <c r="N3664" t="s">
        <v>90</v>
      </c>
      <c r="O3664" t="s">
        <v>85</v>
      </c>
      <c r="P3664" t="s">
        <v>86</v>
      </c>
      <c r="Q3664">
        <v>44</v>
      </c>
      <c r="R3664">
        <v>46</v>
      </c>
      <c r="S3664">
        <v>47</v>
      </c>
      <c r="T3664">
        <v>49</v>
      </c>
      <c r="U3664">
        <v>50</v>
      </c>
      <c r="V3664">
        <v>51</v>
      </c>
      <c r="W3664">
        <v>53</v>
      </c>
      <c r="X3664">
        <v>54</v>
      </c>
      <c r="Y3664">
        <v>56</v>
      </c>
      <c r="Z3664">
        <v>57</v>
      </c>
      <c r="AA3664">
        <v>59</v>
      </c>
      <c r="AB3664">
        <v>60</v>
      </c>
      <c r="AC3664">
        <v>61</v>
      </c>
      <c r="AD3664">
        <v>63</v>
      </c>
      <c r="AE3664">
        <v>64</v>
      </c>
      <c r="AF3664">
        <v>65</v>
      </c>
      <c r="AG3664">
        <v>65</v>
      </c>
      <c r="AH3664">
        <v>66</v>
      </c>
      <c r="AI3664">
        <v>67</v>
      </c>
      <c r="AJ3664">
        <v>67</v>
      </c>
      <c r="AK3664">
        <v>68</v>
      </c>
      <c r="AL3664">
        <v>68</v>
      </c>
      <c r="AM3664">
        <v>69</v>
      </c>
      <c r="AN3664">
        <v>70</v>
      </c>
      <c r="AO3664">
        <v>70</v>
      </c>
      <c r="AP3664">
        <v>71</v>
      </c>
      <c r="AQ3664">
        <v>72</v>
      </c>
    </row>
    <row r="3665" spans="1:43">
      <c r="A3665" t="s">
        <v>2310</v>
      </c>
      <c r="B3665" t="s">
        <v>2311</v>
      </c>
      <c r="C3665" t="s">
        <v>2082</v>
      </c>
      <c r="D3665" t="s">
        <v>2083</v>
      </c>
      <c r="E3665" t="s">
        <v>2048</v>
      </c>
      <c r="F3665" t="s">
        <v>2049</v>
      </c>
      <c r="G3665" t="s">
        <v>80</v>
      </c>
      <c r="H3665" t="s">
        <v>81</v>
      </c>
      <c r="I3665" s="2">
        <v>0</v>
      </c>
      <c r="J3665" s="2">
        <v>1</v>
      </c>
      <c r="K3665" s="2">
        <v>0</v>
      </c>
      <c r="L3665" t="s">
        <v>82</v>
      </c>
      <c r="M3665" t="s">
        <v>83</v>
      </c>
      <c r="N3665" t="s">
        <v>91</v>
      </c>
      <c r="O3665" t="s">
        <v>85</v>
      </c>
      <c r="P3665" t="s">
        <v>86</v>
      </c>
      <c r="Q3665">
        <v>44</v>
      </c>
      <c r="R3665">
        <v>45</v>
      </c>
      <c r="S3665">
        <v>46</v>
      </c>
      <c r="T3665">
        <v>47</v>
      </c>
      <c r="U3665">
        <v>48</v>
      </c>
      <c r="V3665">
        <v>49</v>
      </c>
      <c r="W3665">
        <v>50</v>
      </c>
      <c r="X3665">
        <v>51</v>
      </c>
      <c r="Y3665">
        <v>53</v>
      </c>
      <c r="Z3665">
        <v>54</v>
      </c>
      <c r="AA3665">
        <v>55</v>
      </c>
      <c r="AB3665">
        <v>56</v>
      </c>
      <c r="AC3665">
        <v>57</v>
      </c>
      <c r="AD3665">
        <v>58</v>
      </c>
      <c r="AE3665">
        <v>60</v>
      </c>
      <c r="AF3665">
        <v>61</v>
      </c>
      <c r="AG3665">
        <v>62</v>
      </c>
      <c r="AH3665">
        <v>63</v>
      </c>
      <c r="AI3665">
        <v>65</v>
      </c>
      <c r="AJ3665">
        <v>66</v>
      </c>
      <c r="AK3665">
        <v>67</v>
      </c>
      <c r="AL3665">
        <v>68</v>
      </c>
      <c r="AM3665">
        <v>69</v>
      </c>
      <c r="AN3665">
        <v>69</v>
      </c>
      <c r="AO3665">
        <v>70</v>
      </c>
      <c r="AP3665">
        <v>71</v>
      </c>
      <c r="AQ3665">
        <v>71</v>
      </c>
    </row>
    <row r="3666" spans="1:43">
      <c r="A3666" t="s">
        <v>2312</v>
      </c>
      <c r="B3666" t="s">
        <v>2313</v>
      </c>
      <c r="C3666" t="s">
        <v>2314</v>
      </c>
      <c r="D3666" t="s">
        <v>2315</v>
      </c>
      <c r="E3666" t="s">
        <v>2048</v>
      </c>
      <c r="F3666" t="s">
        <v>2049</v>
      </c>
      <c r="G3666" t="s">
        <v>80</v>
      </c>
      <c r="H3666" t="s">
        <v>81</v>
      </c>
      <c r="I3666" s="2">
        <v>0</v>
      </c>
      <c r="J3666" s="2">
        <v>1</v>
      </c>
      <c r="K3666" s="2">
        <v>0</v>
      </c>
      <c r="L3666" t="s">
        <v>82</v>
      </c>
      <c r="M3666" t="s">
        <v>83</v>
      </c>
      <c r="N3666" t="s">
        <v>84</v>
      </c>
      <c r="O3666" t="s">
        <v>85</v>
      </c>
      <c r="P3666" t="s">
        <v>86</v>
      </c>
      <c r="Q3666">
        <v>147</v>
      </c>
      <c r="R3666">
        <v>150</v>
      </c>
      <c r="S3666">
        <v>154</v>
      </c>
      <c r="T3666">
        <v>158</v>
      </c>
      <c r="U3666">
        <v>161</v>
      </c>
      <c r="V3666">
        <v>165</v>
      </c>
      <c r="W3666">
        <v>169</v>
      </c>
      <c r="X3666">
        <v>172</v>
      </c>
      <c r="Y3666">
        <v>176</v>
      </c>
      <c r="Z3666">
        <v>180</v>
      </c>
      <c r="AA3666">
        <v>184</v>
      </c>
      <c r="AB3666">
        <v>188</v>
      </c>
      <c r="AC3666">
        <v>192</v>
      </c>
      <c r="AD3666">
        <v>196</v>
      </c>
      <c r="AE3666">
        <v>200</v>
      </c>
      <c r="AF3666">
        <v>204</v>
      </c>
      <c r="AG3666">
        <v>208</v>
      </c>
      <c r="AH3666">
        <v>212</v>
      </c>
      <c r="AI3666">
        <v>217</v>
      </c>
      <c r="AJ3666">
        <v>221</v>
      </c>
      <c r="AK3666">
        <v>225</v>
      </c>
      <c r="AL3666">
        <v>228</v>
      </c>
      <c r="AM3666">
        <v>230</v>
      </c>
      <c r="AN3666">
        <v>232</v>
      </c>
      <c r="AO3666">
        <v>235</v>
      </c>
      <c r="AP3666">
        <v>237</v>
      </c>
      <c r="AQ3666">
        <v>239</v>
      </c>
    </row>
    <row r="3667" spans="1:43">
      <c r="A3667" t="s">
        <v>2312</v>
      </c>
      <c r="B3667" t="s">
        <v>2313</v>
      </c>
      <c r="C3667" t="s">
        <v>2314</v>
      </c>
      <c r="D3667" t="s">
        <v>2315</v>
      </c>
      <c r="E3667" t="s">
        <v>2048</v>
      </c>
      <c r="F3667" t="s">
        <v>2049</v>
      </c>
      <c r="G3667" t="s">
        <v>80</v>
      </c>
      <c r="H3667" t="s">
        <v>81</v>
      </c>
      <c r="I3667" s="2">
        <v>0</v>
      </c>
      <c r="J3667" s="2">
        <v>1</v>
      </c>
      <c r="K3667" s="2">
        <v>0</v>
      </c>
      <c r="L3667" t="s">
        <v>82</v>
      </c>
      <c r="M3667" t="s">
        <v>87</v>
      </c>
      <c r="N3667" t="s">
        <v>88</v>
      </c>
      <c r="O3667" t="s">
        <v>85</v>
      </c>
      <c r="P3667" t="s">
        <v>86</v>
      </c>
      <c r="Q3667">
        <v>147</v>
      </c>
      <c r="R3667">
        <v>150</v>
      </c>
      <c r="S3667">
        <v>152</v>
      </c>
      <c r="T3667">
        <v>154</v>
      </c>
      <c r="U3667">
        <v>156</v>
      </c>
      <c r="V3667">
        <v>158</v>
      </c>
      <c r="W3667">
        <v>160</v>
      </c>
      <c r="X3667">
        <v>163</v>
      </c>
      <c r="Y3667">
        <v>165</v>
      </c>
      <c r="Z3667">
        <v>167</v>
      </c>
      <c r="AA3667">
        <v>170</v>
      </c>
      <c r="AB3667">
        <v>172</v>
      </c>
      <c r="AC3667">
        <v>174</v>
      </c>
      <c r="AD3667">
        <v>177</v>
      </c>
      <c r="AE3667">
        <v>179</v>
      </c>
      <c r="AF3667">
        <v>181</v>
      </c>
      <c r="AG3667">
        <v>184</v>
      </c>
      <c r="AH3667">
        <v>186</v>
      </c>
      <c r="AI3667">
        <v>189</v>
      </c>
      <c r="AJ3667">
        <v>191</v>
      </c>
      <c r="AK3667">
        <v>194</v>
      </c>
      <c r="AL3667">
        <v>196</v>
      </c>
      <c r="AM3667">
        <v>199</v>
      </c>
      <c r="AN3667">
        <v>201</v>
      </c>
      <c r="AO3667">
        <v>204</v>
      </c>
      <c r="AP3667">
        <v>207</v>
      </c>
      <c r="AQ3667">
        <v>209</v>
      </c>
    </row>
    <row r="3668" spans="1:43">
      <c r="A3668" t="s">
        <v>2312</v>
      </c>
      <c r="B3668" t="s">
        <v>2313</v>
      </c>
      <c r="C3668" t="s">
        <v>2314</v>
      </c>
      <c r="D3668" t="s">
        <v>2315</v>
      </c>
      <c r="E3668" t="s">
        <v>2048</v>
      </c>
      <c r="F3668" t="s">
        <v>2049</v>
      </c>
      <c r="G3668" t="s">
        <v>80</v>
      </c>
      <c r="H3668" t="s">
        <v>81</v>
      </c>
      <c r="I3668" s="2">
        <v>0</v>
      </c>
      <c r="J3668" s="2">
        <v>1</v>
      </c>
      <c r="K3668" s="2">
        <v>0</v>
      </c>
      <c r="L3668" t="s">
        <v>82</v>
      </c>
      <c r="M3668" t="s">
        <v>89</v>
      </c>
      <c r="N3668" t="s">
        <v>90</v>
      </c>
      <c r="O3668" t="s">
        <v>85</v>
      </c>
      <c r="P3668" t="s">
        <v>86</v>
      </c>
      <c r="Q3668">
        <v>147</v>
      </c>
      <c r="R3668">
        <v>152</v>
      </c>
      <c r="S3668">
        <v>157</v>
      </c>
      <c r="T3668">
        <v>162</v>
      </c>
      <c r="U3668">
        <v>167</v>
      </c>
      <c r="V3668">
        <v>171</v>
      </c>
      <c r="W3668">
        <v>176</v>
      </c>
      <c r="X3668">
        <v>181</v>
      </c>
      <c r="Y3668">
        <v>186</v>
      </c>
      <c r="Z3668">
        <v>191</v>
      </c>
      <c r="AA3668">
        <v>195</v>
      </c>
      <c r="AB3668">
        <v>200</v>
      </c>
      <c r="AC3668">
        <v>205</v>
      </c>
      <c r="AD3668">
        <v>210</v>
      </c>
      <c r="AE3668">
        <v>214</v>
      </c>
      <c r="AF3668">
        <v>216</v>
      </c>
      <c r="AG3668">
        <v>218</v>
      </c>
      <c r="AH3668">
        <v>220</v>
      </c>
      <c r="AI3668">
        <v>222</v>
      </c>
      <c r="AJ3668">
        <v>224</v>
      </c>
      <c r="AK3668">
        <v>226</v>
      </c>
      <c r="AL3668">
        <v>229</v>
      </c>
      <c r="AM3668">
        <v>231</v>
      </c>
      <c r="AN3668">
        <v>233</v>
      </c>
      <c r="AO3668">
        <v>235</v>
      </c>
      <c r="AP3668">
        <v>237</v>
      </c>
      <c r="AQ3668">
        <v>239</v>
      </c>
    </row>
    <row r="3669" spans="1:43">
      <c r="A3669" t="s">
        <v>2312</v>
      </c>
      <c r="B3669" t="s">
        <v>2313</v>
      </c>
      <c r="C3669" t="s">
        <v>2314</v>
      </c>
      <c r="D3669" t="s">
        <v>2315</v>
      </c>
      <c r="E3669" t="s">
        <v>2048</v>
      </c>
      <c r="F3669" t="s">
        <v>2049</v>
      </c>
      <c r="G3669" t="s">
        <v>80</v>
      </c>
      <c r="H3669" t="s">
        <v>81</v>
      </c>
      <c r="I3669" s="2">
        <v>0</v>
      </c>
      <c r="J3669" s="2">
        <v>1</v>
      </c>
      <c r="K3669" s="2">
        <v>0</v>
      </c>
      <c r="L3669" t="s">
        <v>82</v>
      </c>
      <c r="M3669" t="s">
        <v>83</v>
      </c>
      <c r="N3669" t="s">
        <v>91</v>
      </c>
      <c r="O3669" t="s">
        <v>85</v>
      </c>
      <c r="P3669" t="s">
        <v>86</v>
      </c>
      <c r="Q3669">
        <v>147</v>
      </c>
      <c r="R3669">
        <v>150</v>
      </c>
      <c r="S3669">
        <v>154</v>
      </c>
      <c r="T3669">
        <v>158</v>
      </c>
      <c r="U3669">
        <v>161</v>
      </c>
      <c r="V3669">
        <v>165</v>
      </c>
      <c r="W3669">
        <v>169</v>
      </c>
      <c r="X3669">
        <v>172</v>
      </c>
      <c r="Y3669">
        <v>176</v>
      </c>
      <c r="Z3669">
        <v>180</v>
      </c>
      <c r="AA3669">
        <v>184</v>
      </c>
      <c r="AB3669">
        <v>188</v>
      </c>
      <c r="AC3669">
        <v>192</v>
      </c>
      <c r="AD3669">
        <v>196</v>
      </c>
      <c r="AE3669">
        <v>200</v>
      </c>
      <c r="AF3669">
        <v>204</v>
      </c>
      <c r="AG3669">
        <v>208</v>
      </c>
      <c r="AH3669">
        <v>212</v>
      </c>
      <c r="AI3669">
        <v>217</v>
      </c>
      <c r="AJ3669">
        <v>221</v>
      </c>
      <c r="AK3669">
        <v>225</v>
      </c>
      <c r="AL3669">
        <v>228</v>
      </c>
      <c r="AM3669">
        <v>230</v>
      </c>
      <c r="AN3669">
        <v>232</v>
      </c>
      <c r="AO3669">
        <v>235</v>
      </c>
      <c r="AP3669">
        <v>237</v>
      </c>
      <c r="AQ3669">
        <v>239</v>
      </c>
    </row>
    <row r="3670" spans="1:43">
      <c r="A3670" t="s">
        <v>2316</v>
      </c>
      <c r="B3670" t="s">
        <v>2317</v>
      </c>
      <c r="C3670" t="s">
        <v>2314</v>
      </c>
      <c r="D3670" t="s">
        <v>2315</v>
      </c>
      <c r="E3670" t="s">
        <v>2048</v>
      </c>
      <c r="F3670" t="s">
        <v>2049</v>
      </c>
      <c r="G3670" t="s">
        <v>80</v>
      </c>
      <c r="H3670" t="s">
        <v>81</v>
      </c>
      <c r="I3670" s="2">
        <v>0</v>
      </c>
      <c r="J3670" s="2">
        <v>1</v>
      </c>
      <c r="K3670" s="2">
        <v>0</v>
      </c>
      <c r="L3670" t="s">
        <v>82</v>
      </c>
      <c r="M3670" t="s">
        <v>83</v>
      </c>
      <c r="N3670" t="s">
        <v>84</v>
      </c>
      <c r="O3670" t="s">
        <v>85</v>
      </c>
      <c r="P3670" t="s">
        <v>86</v>
      </c>
      <c r="Q3670">
        <v>40</v>
      </c>
      <c r="R3670">
        <v>41</v>
      </c>
      <c r="S3670">
        <v>42</v>
      </c>
      <c r="T3670">
        <v>43</v>
      </c>
      <c r="U3670">
        <v>44</v>
      </c>
      <c r="V3670">
        <v>45</v>
      </c>
      <c r="W3670">
        <v>46</v>
      </c>
      <c r="X3670">
        <v>47</v>
      </c>
      <c r="Y3670">
        <v>48</v>
      </c>
      <c r="Z3670">
        <v>49</v>
      </c>
      <c r="AA3670">
        <v>51</v>
      </c>
      <c r="AB3670">
        <v>52</v>
      </c>
      <c r="AC3670">
        <v>53</v>
      </c>
      <c r="AD3670">
        <v>54</v>
      </c>
      <c r="AE3670">
        <v>55</v>
      </c>
      <c r="AF3670">
        <v>56</v>
      </c>
      <c r="AG3670">
        <v>57</v>
      </c>
      <c r="AH3670">
        <v>58</v>
      </c>
      <c r="AI3670">
        <v>59</v>
      </c>
      <c r="AJ3670">
        <v>60</v>
      </c>
      <c r="AK3670">
        <v>62</v>
      </c>
      <c r="AL3670">
        <v>62</v>
      </c>
      <c r="AM3670">
        <v>63</v>
      </c>
      <c r="AN3670">
        <v>64</v>
      </c>
      <c r="AO3670">
        <v>64</v>
      </c>
      <c r="AP3670">
        <v>65</v>
      </c>
      <c r="AQ3670">
        <v>65</v>
      </c>
    </row>
    <row r="3671" spans="1:43">
      <c r="A3671" t="s">
        <v>2316</v>
      </c>
      <c r="B3671" t="s">
        <v>2317</v>
      </c>
      <c r="C3671" t="s">
        <v>2314</v>
      </c>
      <c r="D3671" t="s">
        <v>2315</v>
      </c>
      <c r="E3671" t="s">
        <v>2048</v>
      </c>
      <c r="F3671" t="s">
        <v>2049</v>
      </c>
      <c r="G3671" t="s">
        <v>80</v>
      </c>
      <c r="H3671" t="s">
        <v>81</v>
      </c>
      <c r="I3671" s="2">
        <v>0</v>
      </c>
      <c r="J3671" s="2">
        <v>1</v>
      </c>
      <c r="K3671" s="2">
        <v>0</v>
      </c>
      <c r="L3671" t="s">
        <v>82</v>
      </c>
      <c r="M3671" t="s">
        <v>87</v>
      </c>
      <c r="N3671" t="s">
        <v>88</v>
      </c>
      <c r="O3671" t="s">
        <v>85</v>
      </c>
      <c r="P3671" t="s">
        <v>86</v>
      </c>
      <c r="Q3671">
        <v>40</v>
      </c>
      <c r="R3671">
        <v>41</v>
      </c>
      <c r="S3671">
        <v>41</v>
      </c>
      <c r="T3671">
        <v>42</v>
      </c>
      <c r="U3671">
        <v>42</v>
      </c>
      <c r="V3671">
        <v>43</v>
      </c>
      <c r="W3671">
        <v>44</v>
      </c>
      <c r="X3671">
        <v>44</v>
      </c>
      <c r="Y3671">
        <v>45</v>
      </c>
      <c r="Z3671">
        <v>45</v>
      </c>
      <c r="AA3671">
        <v>46</v>
      </c>
      <c r="AB3671">
        <v>47</v>
      </c>
      <c r="AC3671">
        <v>47</v>
      </c>
      <c r="AD3671">
        <v>48</v>
      </c>
      <c r="AE3671">
        <v>49</v>
      </c>
      <c r="AF3671">
        <v>49</v>
      </c>
      <c r="AG3671">
        <v>50</v>
      </c>
      <c r="AH3671">
        <v>50</v>
      </c>
      <c r="AI3671">
        <v>51</v>
      </c>
      <c r="AJ3671">
        <v>52</v>
      </c>
      <c r="AK3671">
        <v>53</v>
      </c>
      <c r="AL3671">
        <v>53</v>
      </c>
      <c r="AM3671">
        <v>54</v>
      </c>
      <c r="AN3671">
        <v>55</v>
      </c>
      <c r="AO3671">
        <v>55</v>
      </c>
      <c r="AP3671">
        <v>56</v>
      </c>
      <c r="AQ3671">
        <v>57</v>
      </c>
    </row>
    <row r="3672" spans="1:43">
      <c r="A3672" t="s">
        <v>2316</v>
      </c>
      <c r="B3672" t="s">
        <v>2317</v>
      </c>
      <c r="C3672" t="s">
        <v>2314</v>
      </c>
      <c r="D3672" t="s">
        <v>2315</v>
      </c>
      <c r="E3672" t="s">
        <v>2048</v>
      </c>
      <c r="F3672" t="s">
        <v>2049</v>
      </c>
      <c r="G3672" t="s">
        <v>80</v>
      </c>
      <c r="H3672" t="s">
        <v>81</v>
      </c>
      <c r="I3672" s="2">
        <v>0</v>
      </c>
      <c r="J3672" s="2">
        <v>1</v>
      </c>
      <c r="K3672" s="2">
        <v>0</v>
      </c>
      <c r="L3672" t="s">
        <v>82</v>
      </c>
      <c r="M3672" t="s">
        <v>89</v>
      </c>
      <c r="N3672" t="s">
        <v>90</v>
      </c>
      <c r="O3672" t="s">
        <v>85</v>
      </c>
      <c r="P3672" t="s">
        <v>86</v>
      </c>
      <c r="Q3672">
        <v>40</v>
      </c>
      <c r="R3672">
        <v>41</v>
      </c>
      <c r="S3672">
        <v>42</v>
      </c>
      <c r="T3672">
        <v>44</v>
      </c>
      <c r="U3672">
        <v>45</v>
      </c>
      <c r="V3672">
        <v>46</v>
      </c>
      <c r="W3672">
        <v>48</v>
      </c>
      <c r="X3672">
        <v>49</v>
      </c>
      <c r="Y3672">
        <v>50</v>
      </c>
      <c r="Z3672">
        <v>52</v>
      </c>
      <c r="AA3672">
        <v>53</v>
      </c>
      <c r="AB3672">
        <v>54</v>
      </c>
      <c r="AC3672">
        <v>55</v>
      </c>
      <c r="AD3672">
        <v>57</v>
      </c>
      <c r="AE3672">
        <v>58</v>
      </c>
      <c r="AF3672">
        <v>58</v>
      </c>
      <c r="AG3672">
        <v>59</v>
      </c>
      <c r="AH3672">
        <v>60</v>
      </c>
      <c r="AI3672">
        <v>60</v>
      </c>
      <c r="AJ3672">
        <v>61</v>
      </c>
      <c r="AK3672">
        <v>61</v>
      </c>
      <c r="AL3672">
        <v>62</v>
      </c>
      <c r="AM3672">
        <v>62</v>
      </c>
      <c r="AN3672">
        <v>63</v>
      </c>
      <c r="AO3672">
        <v>64</v>
      </c>
      <c r="AP3672">
        <v>64</v>
      </c>
      <c r="AQ3672">
        <v>65</v>
      </c>
    </row>
    <row r="3673" spans="1:43">
      <c r="A3673" t="s">
        <v>2316</v>
      </c>
      <c r="B3673" t="s">
        <v>2317</v>
      </c>
      <c r="C3673" t="s">
        <v>2314</v>
      </c>
      <c r="D3673" t="s">
        <v>2315</v>
      </c>
      <c r="E3673" t="s">
        <v>2048</v>
      </c>
      <c r="F3673" t="s">
        <v>2049</v>
      </c>
      <c r="G3673" t="s">
        <v>80</v>
      </c>
      <c r="H3673" t="s">
        <v>81</v>
      </c>
      <c r="I3673" s="2">
        <v>0</v>
      </c>
      <c r="J3673" s="2">
        <v>1</v>
      </c>
      <c r="K3673" s="2">
        <v>0</v>
      </c>
      <c r="L3673" t="s">
        <v>82</v>
      </c>
      <c r="M3673" t="s">
        <v>83</v>
      </c>
      <c r="N3673" t="s">
        <v>91</v>
      </c>
      <c r="O3673" t="s">
        <v>85</v>
      </c>
      <c r="P3673" t="s">
        <v>86</v>
      </c>
      <c r="Q3673">
        <v>40</v>
      </c>
      <c r="R3673">
        <v>41</v>
      </c>
      <c r="S3673">
        <v>42</v>
      </c>
      <c r="T3673">
        <v>43</v>
      </c>
      <c r="U3673">
        <v>44</v>
      </c>
      <c r="V3673">
        <v>45</v>
      </c>
      <c r="W3673">
        <v>46</v>
      </c>
      <c r="X3673">
        <v>47</v>
      </c>
      <c r="Y3673">
        <v>48</v>
      </c>
      <c r="Z3673">
        <v>49</v>
      </c>
      <c r="AA3673">
        <v>51</v>
      </c>
      <c r="AB3673">
        <v>52</v>
      </c>
      <c r="AC3673">
        <v>53</v>
      </c>
      <c r="AD3673">
        <v>54</v>
      </c>
      <c r="AE3673">
        <v>55</v>
      </c>
      <c r="AF3673">
        <v>56</v>
      </c>
      <c r="AG3673">
        <v>57</v>
      </c>
      <c r="AH3673">
        <v>58</v>
      </c>
      <c r="AI3673">
        <v>59</v>
      </c>
      <c r="AJ3673">
        <v>60</v>
      </c>
      <c r="AK3673">
        <v>62</v>
      </c>
      <c r="AL3673">
        <v>62</v>
      </c>
      <c r="AM3673">
        <v>63</v>
      </c>
      <c r="AN3673">
        <v>64</v>
      </c>
      <c r="AO3673">
        <v>64</v>
      </c>
      <c r="AP3673">
        <v>65</v>
      </c>
      <c r="AQ3673">
        <v>65</v>
      </c>
    </row>
    <row r="3674" spans="1:43">
      <c r="A3674" t="s">
        <v>2318</v>
      </c>
      <c r="B3674" t="s">
        <v>2319</v>
      </c>
      <c r="C3674" t="s">
        <v>2320</v>
      </c>
      <c r="D3674" t="s">
        <v>2321</v>
      </c>
      <c r="E3674" t="s">
        <v>2048</v>
      </c>
      <c r="F3674" t="s">
        <v>2049</v>
      </c>
      <c r="G3674" t="s">
        <v>80</v>
      </c>
      <c r="H3674" t="s">
        <v>81</v>
      </c>
      <c r="I3674" s="2">
        <v>0</v>
      </c>
      <c r="J3674" s="2">
        <v>1</v>
      </c>
      <c r="K3674" s="2">
        <v>0</v>
      </c>
      <c r="L3674" t="s">
        <v>82</v>
      </c>
      <c r="M3674" t="s">
        <v>83</v>
      </c>
      <c r="N3674" t="s">
        <v>84</v>
      </c>
      <c r="O3674" t="s">
        <v>85</v>
      </c>
      <c r="P3674" t="s">
        <v>86</v>
      </c>
      <c r="Q3674">
        <v>52</v>
      </c>
      <c r="R3674">
        <v>53</v>
      </c>
      <c r="S3674">
        <v>54</v>
      </c>
      <c r="T3674">
        <v>56</v>
      </c>
      <c r="U3674">
        <v>57</v>
      </c>
      <c r="V3674">
        <v>58</v>
      </c>
      <c r="W3674">
        <v>60</v>
      </c>
      <c r="X3674">
        <v>61</v>
      </c>
      <c r="Y3674">
        <v>63</v>
      </c>
      <c r="Z3674">
        <v>64</v>
      </c>
      <c r="AA3674">
        <v>65</v>
      </c>
      <c r="AB3674">
        <v>67</v>
      </c>
      <c r="AC3674">
        <v>68</v>
      </c>
      <c r="AD3674">
        <v>70</v>
      </c>
      <c r="AE3674">
        <v>71</v>
      </c>
      <c r="AF3674">
        <v>73</v>
      </c>
      <c r="AG3674">
        <v>74</v>
      </c>
      <c r="AH3674">
        <v>76</v>
      </c>
      <c r="AI3674">
        <v>77</v>
      </c>
      <c r="AJ3674">
        <v>79</v>
      </c>
      <c r="AK3674">
        <v>81</v>
      </c>
      <c r="AL3674">
        <v>82</v>
      </c>
      <c r="AM3674">
        <v>82</v>
      </c>
      <c r="AN3674">
        <v>83</v>
      </c>
      <c r="AO3674">
        <v>84</v>
      </c>
      <c r="AP3674">
        <v>85</v>
      </c>
      <c r="AQ3674">
        <v>85</v>
      </c>
    </row>
    <row r="3675" spans="1:43">
      <c r="A3675" t="s">
        <v>2318</v>
      </c>
      <c r="B3675" t="s">
        <v>2319</v>
      </c>
      <c r="C3675" t="s">
        <v>2320</v>
      </c>
      <c r="D3675" t="s">
        <v>2321</v>
      </c>
      <c r="E3675" t="s">
        <v>2048</v>
      </c>
      <c r="F3675" t="s">
        <v>2049</v>
      </c>
      <c r="G3675" t="s">
        <v>80</v>
      </c>
      <c r="H3675" t="s">
        <v>81</v>
      </c>
      <c r="I3675" s="2">
        <v>0</v>
      </c>
      <c r="J3675" s="2">
        <v>1</v>
      </c>
      <c r="K3675" s="2">
        <v>0</v>
      </c>
      <c r="L3675" t="s">
        <v>82</v>
      </c>
      <c r="M3675" t="s">
        <v>87</v>
      </c>
      <c r="N3675" t="s">
        <v>88</v>
      </c>
      <c r="O3675" t="s">
        <v>85</v>
      </c>
      <c r="P3675" t="s">
        <v>86</v>
      </c>
      <c r="Q3675">
        <v>52</v>
      </c>
      <c r="R3675">
        <v>53</v>
      </c>
      <c r="S3675">
        <v>54</v>
      </c>
      <c r="T3675">
        <v>55</v>
      </c>
      <c r="U3675">
        <v>56</v>
      </c>
      <c r="V3675">
        <v>56</v>
      </c>
      <c r="W3675">
        <v>57</v>
      </c>
      <c r="X3675">
        <v>58</v>
      </c>
      <c r="Y3675">
        <v>59</v>
      </c>
      <c r="Z3675">
        <v>60</v>
      </c>
      <c r="AA3675">
        <v>61</v>
      </c>
      <c r="AB3675">
        <v>61</v>
      </c>
      <c r="AC3675">
        <v>62</v>
      </c>
      <c r="AD3675">
        <v>63</v>
      </c>
      <c r="AE3675">
        <v>64</v>
      </c>
      <c r="AF3675">
        <v>65</v>
      </c>
      <c r="AG3675">
        <v>66</v>
      </c>
      <c r="AH3675">
        <v>67</v>
      </c>
      <c r="AI3675">
        <v>68</v>
      </c>
      <c r="AJ3675">
        <v>68</v>
      </c>
      <c r="AK3675">
        <v>69</v>
      </c>
      <c r="AL3675">
        <v>70</v>
      </c>
      <c r="AM3675">
        <v>71</v>
      </c>
      <c r="AN3675">
        <v>72</v>
      </c>
      <c r="AO3675">
        <v>73</v>
      </c>
      <c r="AP3675">
        <v>74</v>
      </c>
      <c r="AQ3675">
        <v>75</v>
      </c>
    </row>
    <row r="3676" spans="1:43">
      <c r="A3676" t="s">
        <v>2318</v>
      </c>
      <c r="B3676" t="s">
        <v>2319</v>
      </c>
      <c r="C3676" t="s">
        <v>2320</v>
      </c>
      <c r="D3676" t="s">
        <v>2321</v>
      </c>
      <c r="E3676" t="s">
        <v>2048</v>
      </c>
      <c r="F3676" t="s">
        <v>2049</v>
      </c>
      <c r="G3676" t="s">
        <v>80</v>
      </c>
      <c r="H3676" t="s">
        <v>81</v>
      </c>
      <c r="I3676" s="2">
        <v>0</v>
      </c>
      <c r="J3676" s="2">
        <v>1</v>
      </c>
      <c r="K3676" s="2">
        <v>0</v>
      </c>
      <c r="L3676" t="s">
        <v>82</v>
      </c>
      <c r="M3676" t="s">
        <v>89</v>
      </c>
      <c r="N3676" t="s">
        <v>90</v>
      </c>
      <c r="O3676" t="s">
        <v>85</v>
      </c>
      <c r="P3676" t="s">
        <v>86</v>
      </c>
      <c r="Q3676">
        <v>52</v>
      </c>
      <c r="R3676">
        <v>54</v>
      </c>
      <c r="S3676">
        <v>56</v>
      </c>
      <c r="T3676">
        <v>58</v>
      </c>
      <c r="U3676">
        <v>59</v>
      </c>
      <c r="V3676">
        <v>61</v>
      </c>
      <c r="W3676">
        <v>63</v>
      </c>
      <c r="X3676">
        <v>65</v>
      </c>
      <c r="Y3676">
        <v>66</v>
      </c>
      <c r="Z3676">
        <v>68</v>
      </c>
      <c r="AA3676">
        <v>70</v>
      </c>
      <c r="AB3676">
        <v>72</v>
      </c>
      <c r="AC3676">
        <v>73</v>
      </c>
      <c r="AD3676">
        <v>75</v>
      </c>
      <c r="AE3676">
        <v>77</v>
      </c>
      <c r="AF3676">
        <v>77</v>
      </c>
      <c r="AG3676">
        <v>78</v>
      </c>
      <c r="AH3676">
        <v>79</v>
      </c>
      <c r="AI3676">
        <v>80</v>
      </c>
      <c r="AJ3676">
        <v>80</v>
      </c>
      <c r="AK3676">
        <v>81</v>
      </c>
      <c r="AL3676">
        <v>82</v>
      </c>
      <c r="AM3676">
        <v>83</v>
      </c>
      <c r="AN3676">
        <v>83</v>
      </c>
      <c r="AO3676">
        <v>84</v>
      </c>
      <c r="AP3676">
        <v>85</v>
      </c>
      <c r="AQ3676">
        <v>86</v>
      </c>
    </row>
    <row r="3677" spans="1:43">
      <c r="A3677" t="s">
        <v>2318</v>
      </c>
      <c r="B3677" t="s">
        <v>2319</v>
      </c>
      <c r="C3677" t="s">
        <v>2320</v>
      </c>
      <c r="D3677" t="s">
        <v>2321</v>
      </c>
      <c r="E3677" t="s">
        <v>2048</v>
      </c>
      <c r="F3677" t="s">
        <v>2049</v>
      </c>
      <c r="G3677" t="s">
        <v>80</v>
      </c>
      <c r="H3677" t="s">
        <v>81</v>
      </c>
      <c r="I3677" s="2">
        <v>0</v>
      </c>
      <c r="J3677" s="2">
        <v>1</v>
      </c>
      <c r="K3677" s="2">
        <v>0</v>
      </c>
      <c r="L3677" t="s">
        <v>82</v>
      </c>
      <c r="M3677" t="s">
        <v>83</v>
      </c>
      <c r="N3677" t="s">
        <v>91</v>
      </c>
      <c r="O3677" t="s">
        <v>85</v>
      </c>
      <c r="P3677" t="s">
        <v>86</v>
      </c>
      <c r="Q3677">
        <v>52</v>
      </c>
      <c r="R3677">
        <v>53</v>
      </c>
      <c r="S3677">
        <v>54</v>
      </c>
      <c r="T3677">
        <v>56</v>
      </c>
      <c r="U3677">
        <v>57</v>
      </c>
      <c r="V3677">
        <v>58</v>
      </c>
      <c r="W3677">
        <v>60</v>
      </c>
      <c r="X3677">
        <v>61</v>
      </c>
      <c r="Y3677">
        <v>63</v>
      </c>
      <c r="Z3677">
        <v>64</v>
      </c>
      <c r="AA3677">
        <v>65</v>
      </c>
      <c r="AB3677">
        <v>67</v>
      </c>
      <c r="AC3677">
        <v>68</v>
      </c>
      <c r="AD3677">
        <v>70</v>
      </c>
      <c r="AE3677">
        <v>71</v>
      </c>
      <c r="AF3677">
        <v>73</v>
      </c>
      <c r="AG3677">
        <v>74</v>
      </c>
      <c r="AH3677">
        <v>76</v>
      </c>
      <c r="AI3677">
        <v>77</v>
      </c>
      <c r="AJ3677">
        <v>79</v>
      </c>
      <c r="AK3677">
        <v>81</v>
      </c>
      <c r="AL3677">
        <v>82</v>
      </c>
      <c r="AM3677">
        <v>82</v>
      </c>
      <c r="AN3677">
        <v>83</v>
      </c>
      <c r="AO3677">
        <v>84</v>
      </c>
      <c r="AP3677">
        <v>85</v>
      </c>
      <c r="AQ3677">
        <v>85</v>
      </c>
    </row>
    <row r="3678" spans="1:43">
      <c r="A3678" t="s">
        <v>2322</v>
      </c>
      <c r="B3678" t="s">
        <v>2323</v>
      </c>
      <c r="C3678" t="s">
        <v>2314</v>
      </c>
      <c r="D3678" t="s">
        <v>2315</v>
      </c>
      <c r="E3678" t="s">
        <v>2048</v>
      </c>
      <c r="F3678" t="s">
        <v>2049</v>
      </c>
      <c r="G3678" t="s">
        <v>80</v>
      </c>
      <c r="H3678" t="s">
        <v>81</v>
      </c>
      <c r="I3678" s="2">
        <v>0</v>
      </c>
      <c r="J3678" s="2">
        <v>1</v>
      </c>
      <c r="K3678" s="2">
        <v>0</v>
      </c>
      <c r="L3678" t="s">
        <v>82</v>
      </c>
      <c r="M3678" t="s">
        <v>83</v>
      </c>
      <c r="N3678" t="s">
        <v>84</v>
      </c>
      <c r="O3678" t="s">
        <v>85</v>
      </c>
      <c r="P3678" t="s">
        <v>86</v>
      </c>
      <c r="Q3678">
        <v>155</v>
      </c>
      <c r="R3678">
        <v>159</v>
      </c>
      <c r="S3678">
        <v>163</v>
      </c>
      <c r="T3678">
        <v>166</v>
      </c>
      <c r="U3678">
        <v>170</v>
      </c>
      <c r="V3678">
        <v>174</v>
      </c>
      <c r="W3678">
        <v>178</v>
      </c>
      <c r="X3678">
        <v>182</v>
      </c>
      <c r="Y3678">
        <v>186</v>
      </c>
      <c r="Z3678">
        <v>190</v>
      </c>
      <c r="AA3678">
        <v>194</v>
      </c>
      <c r="AB3678">
        <v>199</v>
      </c>
      <c r="AC3678">
        <v>203</v>
      </c>
      <c r="AD3678">
        <v>207</v>
      </c>
      <c r="AE3678">
        <v>211</v>
      </c>
      <c r="AF3678">
        <v>215</v>
      </c>
      <c r="AG3678">
        <v>219</v>
      </c>
      <c r="AH3678">
        <v>224</v>
      </c>
      <c r="AI3678">
        <v>228</v>
      </c>
      <c r="AJ3678">
        <v>233</v>
      </c>
      <c r="AK3678">
        <v>237</v>
      </c>
      <c r="AL3678">
        <v>240</v>
      </c>
      <c r="AM3678">
        <v>242</v>
      </c>
      <c r="AN3678">
        <v>245</v>
      </c>
      <c r="AO3678">
        <v>247</v>
      </c>
      <c r="AP3678">
        <v>249</v>
      </c>
      <c r="AQ3678">
        <v>251</v>
      </c>
    </row>
    <row r="3679" spans="1:43">
      <c r="A3679" t="s">
        <v>2322</v>
      </c>
      <c r="B3679" t="s">
        <v>2323</v>
      </c>
      <c r="C3679" t="s">
        <v>2314</v>
      </c>
      <c r="D3679" t="s">
        <v>2315</v>
      </c>
      <c r="E3679" t="s">
        <v>2048</v>
      </c>
      <c r="F3679" t="s">
        <v>2049</v>
      </c>
      <c r="G3679" t="s">
        <v>80</v>
      </c>
      <c r="H3679" t="s">
        <v>81</v>
      </c>
      <c r="I3679" s="2">
        <v>0</v>
      </c>
      <c r="J3679" s="2">
        <v>1</v>
      </c>
      <c r="K3679" s="2">
        <v>0</v>
      </c>
      <c r="L3679" t="s">
        <v>82</v>
      </c>
      <c r="M3679" t="s">
        <v>87</v>
      </c>
      <c r="N3679" t="s">
        <v>88</v>
      </c>
      <c r="O3679" t="s">
        <v>85</v>
      </c>
      <c r="P3679" t="s">
        <v>86</v>
      </c>
      <c r="Q3679">
        <v>155</v>
      </c>
      <c r="R3679">
        <v>157</v>
      </c>
      <c r="S3679">
        <v>159</v>
      </c>
      <c r="T3679">
        <v>162</v>
      </c>
      <c r="U3679">
        <v>164</v>
      </c>
      <c r="V3679">
        <v>166</v>
      </c>
      <c r="W3679">
        <v>168</v>
      </c>
      <c r="X3679">
        <v>171</v>
      </c>
      <c r="Y3679">
        <v>173</v>
      </c>
      <c r="Z3679">
        <v>176</v>
      </c>
      <c r="AA3679">
        <v>178</v>
      </c>
      <c r="AB3679">
        <v>180</v>
      </c>
      <c r="AC3679">
        <v>183</v>
      </c>
      <c r="AD3679">
        <v>185</v>
      </c>
      <c r="AE3679">
        <v>188</v>
      </c>
      <c r="AF3679">
        <v>190</v>
      </c>
      <c r="AG3679">
        <v>193</v>
      </c>
      <c r="AH3679">
        <v>195</v>
      </c>
      <c r="AI3679">
        <v>198</v>
      </c>
      <c r="AJ3679">
        <v>201</v>
      </c>
      <c r="AK3679">
        <v>203</v>
      </c>
      <c r="AL3679">
        <v>206</v>
      </c>
      <c r="AM3679">
        <v>209</v>
      </c>
      <c r="AN3679">
        <v>211</v>
      </c>
      <c r="AO3679">
        <v>214</v>
      </c>
      <c r="AP3679">
        <v>217</v>
      </c>
      <c r="AQ3679">
        <v>220</v>
      </c>
    </row>
    <row r="3680" spans="1:43">
      <c r="A3680" t="s">
        <v>2322</v>
      </c>
      <c r="B3680" t="s">
        <v>2323</v>
      </c>
      <c r="C3680" t="s">
        <v>2314</v>
      </c>
      <c r="D3680" t="s">
        <v>2315</v>
      </c>
      <c r="E3680" t="s">
        <v>2048</v>
      </c>
      <c r="F3680" t="s">
        <v>2049</v>
      </c>
      <c r="G3680" t="s">
        <v>80</v>
      </c>
      <c r="H3680" t="s">
        <v>81</v>
      </c>
      <c r="I3680" s="2">
        <v>0</v>
      </c>
      <c r="J3680" s="2">
        <v>1</v>
      </c>
      <c r="K3680" s="2">
        <v>0</v>
      </c>
      <c r="L3680" t="s">
        <v>82</v>
      </c>
      <c r="M3680" t="s">
        <v>89</v>
      </c>
      <c r="N3680" t="s">
        <v>90</v>
      </c>
      <c r="O3680" t="s">
        <v>85</v>
      </c>
      <c r="P3680" t="s">
        <v>86</v>
      </c>
      <c r="Q3680">
        <v>155</v>
      </c>
      <c r="R3680">
        <v>160</v>
      </c>
      <c r="S3680">
        <v>165</v>
      </c>
      <c r="T3680">
        <v>170</v>
      </c>
      <c r="U3680">
        <v>175</v>
      </c>
      <c r="V3680">
        <v>180</v>
      </c>
      <c r="W3680">
        <v>185</v>
      </c>
      <c r="X3680">
        <v>190</v>
      </c>
      <c r="Y3680">
        <v>195</v>
      </c>
      <c r="Z3680">
        <v>200</v>
      </c>
      <c r="AA3680">
        <v>205</v>
      </c>
      <c r="AB3680">
        <v>210</v>
      </c>
      <c r="AC3680">
        <v>215</v>
      </c>
      <c r="AD3680">
        <v>220</v>
      </c>
      <c r="AE3680">
        <v>224</v>
      </c>
      <c r="AF3680">
        <v>226</v>
      </c>
      <c r="AG3680">
        <v>228</v>
      </c>
      <c r="AH3680">
        <v>231</v>
      </c>
      <c r="AI3680">
        <v>233</v>
      </c>
      <c r="AJ3680">
        <v>235</v>
      </c>
      <c r="AK3680">
        <v>237</v>
      </c>
      <c r="AL3680">
        <v>240</v>
      </c>
      <c r="AM3680">
        <v>242</v>
      </c>
      <c r="AN3680">
        <v>244</v>
      </c>
      <c r="AO3680">
        <v>246</v>
      </c>
      <c r="AP3680">
        <v>248</v>
      </c>
      <c r="AQ3680">
        <v>251</v>
      </c>
    </row>
    <row r="3681" spans="1:43">
      <c r="A3681" t="s">
        <v>2322</v>
      </c>
      <c r="B3681" t="s">
        <v>2323</v>
      </c>
      <c r="C3681" t="s">
        <v>2314</v>
      </c>
      <c r="D3681" t="s">
        <v>2315</v>
      </c>
      <c r="E3681" t="s">
        <v>2048</v>
      </c>
      <c r="F3681" t="s">
        <v>2049</v>
      </c>
      <c r="G3681" t="s">
        <v>80</v>
      </c>
      <c r="H3681" t="s">
        <v>81</v>
      </c>
      <c r="I3681" s="2">
        <v>0</v>
      </c>
      <c r="J3681" s="2">
        <v>1</v>
      </c>
      <c r="K3681" s="2">
        <v>0</v>
      </c>
      <c r="L3681" t="s">
        <v>82</v>
      </c>
      <c r="M3681" t="s">
        <v>83</v>
      </c>
      <c r="N3681" t="s">
        <v>91</v>
      </c>
      <c r="O3681" t="s">
        <v>85</v>
      </c>
      <c r="P3681" t="s">
        <v>86</v>
      </c>
      <c r="Q3681">
        <v>155</v>
      </c>
      <c r="R3681">
        <v>159</v>
      </c>
      <c r="S3681">
        <v>163</v>
      </c>
      <c r="T3681">
        <v>166</v>
      </c>
      <c r="U3681">
        <v>170</v>
      </c>
      <c r="V3681">
        <v>174</v>
      </c>
      <c r="W3681">
        <v>178</v>
      </c>
      <c r="X3681">
        <v>182</v>
      </c>
      <c r="Y3681">
        <v>186</v>
      </c>
      <c r="Z3681">
        <v>190</v>
      </c>
      <c r="AA3681">
        <v>194</v>
      </c>
      <c r="AB3681">
        <v>199</v>
      </c>
      <c r="AC3681">
        <v>203</v>
      </c>
      <c r="AD3681">
        <v>207</v>
      </c>
      <c r="AE3681">
        <v>211</v>
      </c>
      <c r="AF3681">
        <v>215</v>
      </c>
      <c r="AG3681">
        <v>219</v>
      </c>
      <c r="AH3681">
        <v>224</v>
      </c>
      <c r="AI3681">
        <v>228</v>
      </c>
      <c r="AJ3681">
        <v>233</v>
      </c>
      <c r="AK3681">
        <v>237</v>
      </c>
      <c r="AL3681">
        <v>240</v>
      </c>
      <c r="AM3681">
        <v>242</v>
      </c>
      <c r="AN3681">
        <v>245</v>
      </c>
      <c r="AO3681">
        <v>247</v>
      </c>
      <c r="AP3681">
        <v>249</v>
      </c>
      <c r="AQ3681">
        <v>251</v>
      </c>
    </row>
    <row r="3682" spans="1:43">
      <c r="A3682" t="s">
        <v>2324</v>
      </c>
      <c r="B3682" t="s">
        <v>2325</v>
      </c>
      <c r="C3682" t="s">
        <v>2320</v>
      </c>
      <c r="D3682" t="s">
        <v>2321</v>
      </c>
      <c r="E3682" t="s">
        <v>2048</v>
      </c>
      <c r="F3682" t="s">
        <v>2049</v>
      </c>
      <c r="G3682" t="s">
        <v>80</v>
      </c>
      <c r="H3682" t="s">
        <v>81</v>
      </c>
      <c r="I3682" s="2">
        <v>0</v>
      </c>
      <c r="J3682" s="2">
        <v>1</v>
      </c>
      <c r="K3682" s="2">
        <v>0</v>
      </c>
      <c r="L3682" t="s">
        <v>82</v>
      </c>
      <c r="M3682" t="s">
        <v>83</v>
      </c>
      <c r="N3682" t="s">
        <v>84</v>
      </c>
      <c r="O3682" t="s">
        <v>85</v>
      </c>
      <c r="P3682" t="s">
        <v>86</v>
      </c>
      <c r="Q3682">
        <v>68</v>
      </c>
      <c r="R3682">
        <v>70</v>
      </c>
      <c r="S3682">
        <v>72</v>
      </c>
      <c r="T3682">
        <v>73</v>
      </c>
      <c r="U3682">
        <v>75</v>
      </c>
      <c r="V3682">
        <v>77</v>
      </c>
      <c r="W3682">
        <v>79</v>
      </c>
      <c r="X3682">
        <v>81</v>
      </c>
      <c r="Y3682">
        <v>82</v>
      </c>
      <c r="Z3682">
        <v>84</v>
      </c>
      <c r="AA3682">
        <v>86</v>
      </c>
      <c r="AB3682">
        <v>88</v>
      </c>
      <c r="AC3682">
        <v>90</v>
      </c>
      <c r="AD3682">
        <v>92</v>
      </c>
      <c r="AE3682">
        <v>94</v>
      </c>
      <c r="AF3682">
        <v>96</v>
      </c>
      <c r="AG3682">
        <v>98</v>
      </c>
      <c r="AH3682">
        <v>100</v>
      </c>
      <c r="AI3682">
        <v>102</v>
      </c>
      <c r="AJ3682">
        <v>104</v>
      </c>
      <c r="AK3682">
        <v>106</v>
      </c>
      <c r="AL3682">
        <v>107</v>
      </c>
      <c r="AM3682">
        <v>108</v>
      </c>
      <c r="AN3682">
        <v>109</v>
      </c>
      <c r="AO3682">
        <v>110</v>
      </c>
      <c r="AP3682">
        <v>111</v>
      </c>
      <c r="AQ3682">
        <v>112</v>
      </c>
    </row>
    <row r="3683" spans="1:43">
      <c r="A3683" t="s">
        <v>2324</v>
      </c>
      <c r="B3683" t="s">
        <v>2325</v>
      </c>
      <c r="C3683" t="s">
        <v>2320</v>
      </c>
      <c r="D3683" t="s">
        <v>2321</v>
      </c>
      <c r="E3683" t="s">
        <v>2048</v>
      </c>
      <c r="F3683" t="s">
        <v>2049</v>
      </c>
      <c r="G3683" t="s">
        <v>80</v>
      </c>
      <c r="H3683" t="s">
        <v>81</v>
      </c>
      <c r="I3683" s="2">
        <v>0</v>
      </c>
      <c r="J3683" s="2">
        <v>1</v>
      </c>
      <c r="K3683" s="2">
        <v>0</v>
      </c>
      <c r="L3683" t="s">
        <v>82</v>
      </c>
      <c r="M3683" t="s">
        <v>87</v>
      </c>
      <c r="N3683" t="s">
        <v>88</v>
      </c>
      <c r="O3683" t="s">
        <v>85</v>
      </c>
      <c r="P3683" t="s">
        <v>86</v>
      </c>
      <c r="Q3683">
        <v>68</v>
      </c>
      <c r="R3683">
        <v>69</v>
      </c>
      <c r="S3683">
        <v>70</v>
      </c>
      <c r="T3683">
        <v>71</v>
      </c>
      <c r="U3683">
        <v>72</v>
      </c>
      <c r="V3683">
        <v>73</v>
      </c>
      <c r="W3683">
        <v>74</v>
      </c>
      <c r="X3683">
        <v>75</v>
      </c>
      <c r="Y3683">
        <v>76</v>
      </c>
      <c r="Z3683">
        <v>77</v>
      </c>
      <c r="AA3683">
        <v>78</v>
      </c>
      <c r="AB3683">
        <v>80</v>
      </c>
      <c r="AC3683">
        <v>81</v>
      </c>
      <c r="AD3683">
        <v>82</v>
      </c>
      <c r="AE3683">
        <v>83</v>
      </c>
      <c r="AF3683">
        <v>84</v>
      </c>
      <c r="AG3683">
        <v>85</v>
      </c>
      <c r="AH3683">
        <v>86</v>
      </c>
      <c r="AI3683">
        <v>88</v>
      </c>
      <c r="AJ3683">
        <v>89</v>
      </c>
      <c r="AK3683">
        <v>90</v>
      </c>
      <c r="AL3683">
        <v>91</v>
      </c>
      <c r="AM3683">
        <v>93</v>
      </c>
      <c r="AN3683">
        <v>94</v>
      </c>
      <c r="AO3683">
        <v>95</v>
      </c>
      <c r="AP3683">
        <v>96</v>
      </c>
      <c r="AQ3683">
        <v>98</v>
      </c>
    </row>
    <row r="3684" spans="1:43">
      <c r="A3684" t="s">
        <v>2324</v>
      </c>
      <c r="B3684" t="s">
        <v>2325</v>
      </c>
      <c r="C3684" t="s">
        <v>2320</v>
      </c>
      <c r="D3684" t="s">
        <v>2321</v>
      </c>
      <c r="E3684" t="s">
        <v>2048</v>
      </c>
      <c r="F3684" t="s">
        <v>2049</v>
      </c>
      <c r="G3684" t="s">
        <v>80</v>
      </c>
      <c r="H3684" t="s">
        <v>81</v>
      </c>
      <c r="I3684" s="2">
        <v>0</v>
      </c>
      <c r="J3684" s="2">
        <v>1</v>
      </c>
      <c r="K3684" s="2">
        <v>0</v>
      </c>
      <c r="L3684" t="s">
        <v>82</v>
      </c>
      <c r="M3684" t="s">
        <v>89</v>
      </c>
      <c r="N3684" t="s">
        <v>90</v>
      </c>
      <c r="O3684" t="s">
        <v>85</v>
      </c>
      <c r="P3684" t="s">
        <v>86</v>
      </c>
      <c r="Q3684">
        <v>68</v>
      </c>
      <c r="R3684">
        <v>70</v>
      </c>
      <c r="S3684">
        <v>73</v>
      </c>
      <c r="T3684">
        <v>75</v>
      </c>
      <c r="U3684">
        <v>77</v>
      </c>
      <c r="V3684">
        <v>80</v>
      </c>
      <c r="W3684">
        <v>82</v>
      </c>
      <c r="X3684">
        <v>84</v>
      </c>
      <c r="Y3684">
        <v>86</v>
      </c>
      <c r="Z3684">
        <v>89</v>
      </c>
      <c r="AA3684">
        <v>91</v>
      </c>
      <c r="AB3684">
        <v>93</v>
      </c>
      <c r="AC3684">
        <v>96</v>
      </c>
      <c r="AD3684">
        <v>98</v>
      </c>
      <c r="AE3684">
        <v>100</v>
      </c>
      <c r="AF3684">
        <v>101</v>
      </c>
      <c r="AG3684">
        <v>102</v>
      </c>
      <c r="AH3684">
        <v>103</v>
      </c>
      <c r="AI3684">
        <v>104</v>
      </c>
      <c r="AJ3684">
        <v>105</v>
      </c>
      <c r="AK3684">
        <v>106</v>
      </c>
      <c r="AL3684">
        <v>107</v>
      </c>
      <c r="AM3684">
        <v>108</v>
      </c>
      <c r="AN3684">
        <v>109</v>
      </c>
      <c r="AO3684">
        <v>110</v>
      </c>
      <c r="AP3684">
        <v>111</v>
      </c>
      <c r="AQ3684">
        <v>112</v>
      </c>
    </row>
    <row r="3685" spans="1:43">
      <c r="A3685" t="s">
        <v>2324</v>
      </c>
      <c r="B3685" t="s">
        <v>2325</v>
      </c>
      <c r="C3685" t="s">
        <v>2320</v>
      </c>
      <c r="D3685" t="s">
        <v>2321</v>
      </c>
      <c r="E3685" t="s">
        <v>2048</v>
      </c>
      <c r="F3685" t="s">
        <v>2049</v>
      </c>
      <c r="G3685" t="s">
        <v>80</v>
      </c>
      <c r="H3685" t="s">
        <v>81</v>
      </c>
      <c r="I3685" s="2">
        <v>0</v>
      </c>
      <c r="J3685" s="2">
        <v>1</v>
      </c>
      <c r="K3685" s="2">
        <v>0</v>
      </c>
      <c r="L3685" t="s">
        <v>82</v>
      </c>
      <c r="M3685" t="s">
        <v>83</v>
      </c>
      <c r="N3685" t="s">
        <v>91</v>
      </c>
      <c r="O3685" t="s">
        <v>85</v>
      </c>
      <c r="P3685" t="s">
        <v>86</v>
      </c>
      <c r="Q3685">
        <v>68</v>
      </c>
      <c r="R3685">
        <v>70</v>
      </c>
      <c r="S3685">
        <v>72</v>
      </c>
      <c r="T3685">
        <v>73</v>
      </c>
      <c r="U3685">
        <v>75</v>
      </c>
      <c r="V3685">
        <v>77</v>
      </c>
      <c r="W3685">
        <v>79</v>
      </c>
      <c r="X3685">
        <v>81</v>
      </c>
      <c r="Y3685">
        <v>82</v>
      </c>
      <c r="Z3685">
        <v>84</v>
      </c>
      <c r="AA3685">
        <v>86</v>
      </c>
      <c r="AB3685">
        <v>88</v>
      </c>
      <c r="AC3685">
        <v>90</v>
      </c>
      <c r="AD3685">
        <v>92</v>
      </c>
      <c r="AE3685">
        <v>94</v>
      </c>
      <c r="AF3685">
        <v>96</v>
      </c>
      <c r="AG3685">
        <v>98</v>
      </c>
      <c r="AH3685">
        <v>100</v>
      </c>
      <c r="AI3685">
        <v>102</v>
      </c>
      <c r="AJ3685">
        <v>104</v>
      </c>
      <c r="AK3685">
        <v>106</v>
      </c>
      <c r="AL3685">
        <v>107</v>
      </c>
      <c r="AM3685">
        <v>108</v>
      </c>
      <c r="AN3685">
        <v>109</v>
      </c>
      <c r="AO3685">
        <v>110</v>
      </c>
      <c r="AP3685">
        <v>111</v>
      </c>
      <c r="AQ3685">
        <v>112</v>
      </c>
    </row>
    <row r="3686" spans="1:43">
      <c r="A3686" t="s">
        <v>2326</v>
      </c>
      <c r="B3686" t="s">
        <v>2327</v>
      </c>
      <c r="C3686" t="s">
        <v>2320</v>
      </c>
      <c r="D3686" t="s">
        <v>2321</v>
      </c>
      <c r="E3686" t="s">
        <v>2048</v>
      </c>
      <c r="F3686" t="s">
        <v>2049</v>
      </c>
      <c r="G3686" t="s">
        <v>80</v>
      </c>
      <c r="H3686" t="s">
        <v>81</v>
      </c>
      <c r="I3686" s="2">
        <v>0</v>
      </c>
      <c r="J3686" s="2">
        <v>1</v>
      </c>
      <c r="K3686" s="2">
        <v>0</v>
      </c>
      <c r="L3686" t="s">
        <v>82</v>
      </c>
      <c r="M3686" t="s">
        <v>83</v>
      </c>
      <c r="N3686" t="s">
        <v>84</v>
      </c>
      <c r="O3686" t="s">
        <v>85</v>
      </c>
      <c r="P3686" t="s">
        <v>86</v>
      </c>
      <c r="Q3686">
        <v>134</v>
      </c>
      <c r="R3686">
        <v>138</v>
      </c>
      <c r="S3686">
        <v>141</v>
      </c>
      <c r="T3686">
        <v>144</v>
      </c>
      <c r="U3686">
        <v>148</v>
      </c>
      <c r="V3686">
        <v>151</v>
      </c>
      <c r="W3686">
        <v>155</v>
      </c>
      <c r="X3686">
        <v>158</v>
      </c>
      <c r="Y3686">
        <v>162</v>
      </c>
      <c r="Z3686">
        <v>165</v>
      </c>
      <c r="AA3686">
        <v>169</v>
      </c>
      <c r="AB3686">
        <v>173</v>
      </c>
      <c r="AC3686">
        <v>176</v>
      </c>
      <c r="AD3686">
        <v>180</v>
      </c>
      <c r="AE3686">
        <v>184</v>
      </c>
      <c r="AF3686">
        <v>188</v>
      </c>
      <c r="AG3686">
        <v>191</v>
      </c>
      <c r="AH3686">
        <v>195</v>
      </c>
      <c r="AI3686">
        <v>199</v>
      </c>
      <c r="AJ3686">
        <v>203</v>
      </c>
      <c r="AK3686">
        <v>207</v>
      </c>
      <c r="AL3686">
        <v>210</v>
      </c>
      <c r="AM3686">
        <v>212</v>
      </c>
      <c r="AN3686">
        <v>214</v>
      </c>
      <c r="AO3686">
        <v>216</v>
      </c>
      <c r="AP3686">
        <v>218</v>
      </c>
      <c r="AQ3686">
        <v>220</v>
      </c>
    </row>
    <row r="3687" spans="1:43">
      <c r="A3687" t="s">
        <v>2326</v>
      </c>
      <c r="B3687" t="s">
        <v>2327</v>
      </c>
      <c r="C3687" t="s">
        <v>2320</v>
      </c>
      <c r="D3687" t="s">
        <v>2321</v>
      </c>
      <c r="E3687" t="s">
        <v>2048</v>
      </c>
      <c r="F3687" t="s">
        <v>2049</v>
      </c>
      <c r="G3687" t="s">
        <v>80</v>
      </c>
      <c r="H3687" t="s">
        <v>81</v>
      </c>
      <c r="I3687" s="2">
        <v>0</v>
      </c>
      <c r="J3687" s="2">
        <v>1</v>
      </c>
      <c r="K3687" s="2">
        <v>0</v>
      </c>
      <c r="L3687" t="s">
        <v>82</v>
      </c>
      <c r="M3687" t="s">
        <v>87</v>
      </c>
      <c r="N3687" t="s">
        <v>88</v>
      </c>
      <c r="O3687" t="s">
        <v>85</v>
      </c>
      <c r="P3687" t="s">
        <v>86</v>
      </c>
      <c r="Q3687">
        <v>134</v>
      </c>
      <c r="R3687">
        <v>136</v>
      </c>
      <c r="S3687">
        <v>138</v>
      </c>
      <c r="T3687">
        <v>140</v>
      </c>
      <c r="U3687">
        <v>142</v>
      </c>
      <c r="V3687">
        <v>144</v>
      </c>
      <c r="W3687">
        <v>146</v>
      </c>
      <c r="X3687">
        <v>148</v>
      </c>
      <c r="Y3687">
        <v>150</v>
      </c>
      <c r="Z3687">
        <v>153</v>
      </c>
      <c r="AA3687">
        <v>155</v>
      </c>
      <c r="AB3687">
        <v>157</v>
      </c>
      <c r="AC3687">
        <v>159</v>
      </c>
      <c r="AD3687">
        <v>161</v>
      </c>
      <c r="AE3687">
        <v>163</v>
      </c>
      <c r="AF3687">
        <v>166</v>
      </c>
      <c r="AG3687">
        <v>168</v>
      </c>
      <c r="AH3687">
        <v>170</v>
      </c>
      <c r="AI3687">
        <v>173</v>
      </c>
      <c r="AJ3687">
        <v>175</v>
      </c>
      <c r="AK3687">
        <v>177</v>
      </c>
      <c r="AL3687">
        <v>180</v>
      </c>
      <c r="AM3687">
        <v>182</v>
      </c>
      <c r="AN3687">
        <v>184</v>
      </c>
      <c r="AO3687">
        <v>187</v>
      </c>
      <c r="AP3687">
        <v>189</v>
      </c>
      <c r="AQ3687">
        <v>192</v>
      </c>
    </row>
    <row r="3688" spans="1:43">
      <c r="A3688" t="s">
        <v>2326</v>
      </c>
      <c r="B3688" t="s">
        <v>2327</v>
      </c>
      <c r="C3688" t="s">
        <v>2320</v>
      </c>
      <c r="D3688" t="s">
        <v>2321</v>
      </c>
      <c r="E3688" t="s">
        <v>2048</v>
      </c>
      <c r="F3688" t="s">
        <v>2049</v>
      </c>
      <c r="G3688" t="s">
        <v>80</v>
      </c>
      <c r="H3688" t="s">
        <v>81</v>
      </c>
      <c r="I3688" s="2">
        <v>0</v>
      </c>
      <c r="J3688" s="2">
        <v>1</v>
      </c>
      <c r="K3688" s="2">
        <v>0</v>
      </c>
      <c r="L3688" t="s">
        <v>82</v>
      </c>
      <c r="M3688" t="s">
        <v>89</v>
      </c>
      <c r="N3688" t="s">
        <v>90</v>
      </c>
      <c r="O3688" t="s">
        <v>85</v>
      </c>
      <c r="P3688" t="s">
        <v>86</v>
      </c>
      <c r="Q3688">
        <v>134</v>
      </c>
      <c r="R3688">
        <v>138</v>
      </c>
      <c r="S3688">
        <v>143</v>
      </c>
      <c r="T3688">
        <v>147</v>
      </c>
      <c r="U3688">
        <v>152</v>
      </c>
      <c r="V3688">
        <v>156</v>
      </c>
      <c r="W3688">
        <v>161</v>
      </c>
      <c r="X3688">
        <v>165</v>
      </c>
      <c r="Y3688">
        <v>169</v>
      </c>
      <c r="Z3688">
        <v>174</v>
      </c>
      <c r="AA3688">
        <v>178</v>
      </c>
      <c r="AB3688">
        <v>183</v>
      </c>
      <c r="AC3688">
        <v>187</v>
      </c>
      <c r="AD3688">
        <v>192</v>
      </c>
      <c r="AE3688">
        <v>195</v>
      </c>
      <c r="AF3688">
        <v>197</v>
      </c>
      <c r="AG3688">
        <v>199</v>
      </c>
      <c r="AH3688">
        <v>201</v>
      </c>
      <c r="AI3688">
        <v>203</v>
      </c>
      <c r="AJ3688">
        <v>205</v>
      </c>
      <c r="AK3688">
        <v>207</v>
      </c>
      <c r="AL3688">
        <v>209</v>
      </c>
      <c r="AM3688">
        <v>211</v>
      </c>
      <c r="AN3688">
        <v>213</v>
      </c>
      <c r="AO3688">
        <v>215</v>
      </c>
      <c r="AP3688">
        <v>217</v>
      </c>
      <c r="AQ3688">
        <v>219</v>
      </c>
    </row>
    <row r="3689" spans="1:43">
      <c r="A3689" t="s">
        <v>2326</v>
      </c>
      <c r="B3689" t="s">
        <v>2327</v>
      </c>
      <c r="C3689" t="s">
        <v>2320</v>
      </c>
      <c r="D3689" t="s">
        <v>2321</v>
      </c>
      <c r="E3689" t="s">
        <v>2048</v>
      </c>
      <c r="F3689" t="s">
        <v>2049</v>
      </c>
      <c r="G3689" t="s">
        <v>80</v>
      </c>
      <c r="H3689" t="s">
        <v>81</v>
      </c>
      <c r="I3689" s="2">
        <v>0</v>
      </c>
      <c r="J3689" s="2">
        <v>1</v>
      </c>
      <c r="K3689" s="2">
        <v>0</v>
      </c>
      <c r="L3689" t="s">
        <v>82</v>
      </c>
      <c r="M3689" t="s">
        <v>83</v>
      </c>
      <c r="N3689" t="s">
        <v>91</v>
      </c>
      <c r="O3689" t="s">
        <v>85</v>
      </c>
      <c r="P3689" t="s">
        <v>86</v>
      </c>
      <c r="Q3689">
        <v>134</v>
      </c>
      <c r="R3689">
        <v>138</v>
      </c>
      <c r="S3689">
        <v>141</v>
      </c>
      <c r="T3689">
        <v>144</v>
      </c>
      <c r="U3689">
        <v>148</v>
      </c>
      <c r="V3689">
        <v>151</v>
      </c>
      <c r="W3689">
        <v>155</v>
      </c>
      <c r="X3689">
        <v>158</v>
      </c>
      <c r="Y3689">
        <v>162</v>
      </c>
      <c r="Z3689">
        <v>165</v>
      </c>
      <c r="AA3689">
        <v>169</v>
      </c>
      <c r="AB3689">
        <v>173</v>
      </c>
      <c r="AC3689">
        <v>176</v>
      </c>
      <c r="AD3689">
        <v>180</v>
      </c>
      <c r="AE3689">
        <v>184</v>
      </c>
      <c r="AF3689">
        <v>188</v>
      </c>
      <c r="AG3689">
        <v>191</v>
      </c>
      <c r="AH3689">
        <v>195</v>
      </c>
      <c r="AI3689">
        <v>199</v>
      </c>
      <c r="AJ3689">
        <v>203</v>
      </c>
      <c r="AK3689">
        <v>207</v>
      </c>
      <c r="AL3689">
        <v>210</v>
      </c>
      <c r="AM3689">
        <v>212</v>
      </c>
      <c r="AN3689">
        <v>214</v>
      </c>
      <c r="AO3689">
        <v>216</v>
      </c>
      <c r="AP3689">
        <v>218</v>
      </c>
      <c r="AQ3689">
        <v>220</v>
      </c>
    </row>
    <row r="3690" spans="1:43">
      <c r="A3690" t="s">
        <v>2328</v>
      </c>
      <c r="B3690" t="s">
        <v>2329</v>
      </c>
      <c r="C3690" t="s">
        <v>2320</v>
      </c>
      <c r="D3690" t="s">
        <v>2321</v>
      </c>
      <c r="E3690" t="s">
        <v>2048</v>
      </c>
      <c r="F3690" t="s">
        <v>2049</v>
      </c>
      <c r="G3690" t="s">
        <v>80</v>
      </c>
      <c r="H3690" t="s">
        <v>81</v>
      </c>
      <c r="I3690" s="2">
        <v>0</v>
      </c>
      <c r="J3690" s="2">
        <v>1</v>
      </c>
      <c r="K3690" s="2">
        <v>0</v>
      </c>
      <c r="L3690" t="s">
        <v>82</v>
      </c>
      <c r="M3690" t="s">
        <v>83</v>
      </c>
      <c r="N3690" t="s">
        <v>84</v>
      </c>
      <c r="O3690" t="s">
        <v>85</v>
      </c>
      <c r="P3690" t="s">
        <v>86</v>
      </c>
      <c r="Q3690">
        <v>118</v>
      </c>
      <c r="R3690">
        <v>120</v>
      </c>
      <c r="S3690">
        <v>123</v>
      </c>
      <c r="T3690">
        <v>126</v>
      </c>
      <c r="U3690">
        <v>129</v>
      </c>
      <c r="V3690">
        <v>132</v>
      </c>
      <c r="W3690">
        <v>135</v>
      </c>
      <c r="X3690">
        <v>139</v>
      </c>
      <c r="Y3690">
        <v>142</v>
      </c>
      <c r="Z3690">
        <v>145</v>
      </c>
      <c r="AA3690">
        <v>148</v>
      </c>
      <c r="AB3690">
        <v>151</v>
      </c>
      <c r="AC3690">
        <v>155</v>
      </c>
      <c r="AD3690">
        <v>158</v>
      </c>
      <c r="AE3690">
        <v>161</v>
      </c>
      <c r="AF3690">
        <v>165</v>
      </c>
      <c r="AG3690">
        <v>168</v>
      </c>
      <c r="AH3690">
        <v>172</v>
      </c>
      <c r="AI3690">
        <v>175</v>
      </c>
      <c r="AJ3690">
        <v>179</v>
      </c>
      <c r="AK3690">
        <v>182</v>
      </c>
      <c r="AL3690">
        <v>185</v>
      </c>
      <c r="AM3690">
        <v>186</v>
      </c>
      <c r="AN3690">
        <v>188</v>
      </c>
      <c r="AO3690">
        <v>190</v>
      </c>
      <c r="AP3690">
        <v>192</v>
      </c>
      <c r="AQ3690">
        <v>193</v>
      </c>
    </row>
    <row r="3691" spans="1:43">
      <c r="A3691" t="s">
        <v>2328</v>
      </c>
      <c r="B3691" t="s">
        <v>2329</v>
      </c>
      <c r="C3691" t="s">
        <v>2320</v>
      </c>
      <c r="D3691" t="s">
        <v>2321</v>
      </c>
      <c r="E3691" t="s">
        <v>2048</v>
      </c>
      <c r="F3691" t="s">
        <v>2049</v>
      </c>
      <c r="G3691" t="s">
        <v>80</v>
      </c>
      <c r="H3691" t="s">
        <v>81</v>
      </c>
      <c r="I3691" s="2">
        <v>0</v>
      </c>
      <c r="J3691" s="2">
        <v>1</v>
      </c>
      <c r="K3691" s="2">
        <v>0</v>
      </c>
      <c r="L3691" t="s">
        <v>82</v>
      </c>
      <c r="M3691" t="s">
        <v>87</v>
      </c>
      <c r="N3691" t="s">
        <v>88</v>
      </c>
      <c r="O3691" t="s">
        <v>85</v>
      </c>
      <c r="P3691" t="s">
        <v>86</v>
      </c>
      <c r="Q3691">
        <v>118</v>
      </c>
      <c r="R3691">
        <v>119</v>
      </c>
      <c r="S3691">
        <v>121</v>
      </c>
      <c r="T3691">
        <v>123</v>
      </c>
      <c r="U3691">
        <v>125</v>
      </c>
      <c r="V3691">
        <v>126</v>
      </c>
      <c r="W3691">
        <v>128</v>
      </c>
      <c r="X3691">
        <v>130</v>
      </c>
      <c r="Y3691">
        <v>132</v>
      </c>
      <c r="Z3691">
        <v>134</v>
      </c>
      <c r="AA3691">
        <v>136</v>
      </c>
      <c r="AB3691">
        <v>138</v>
      </c>
      <c r="AC3691">
        <v>140</v>
      </c>
      <c r="AD3691">
        <v>142</v>
      </c>
      <c r="AE3691">
        <v>144</v>
      </c>
      <c r="AF3691">
        <v>146</v>
      </c>
      <c r="AG3691">
        <v>148</v>
      </c>
      <c r="AH3691">
        <v>150</v>
      </c>
      <c r="AI3691">
        <v>152</v>
      </c>
      <c r="AJ3691">
        <v>154</v>
      </c>
      <c r="AK3691">
        <v>156</v>
      </c>
      <c r="AL3691">
        <v>158</v>
      </c>
      <c r="AM3691">
        <v>160</v>
      </c>
      <c r="AN3691">
        <v>162</v>
      </c>
      <c r="AO3691">
        <v>164</v>
      </c>
      <c r="AP3691">
        <v>167</v>
      </c>
      <c r="AQ3691">
        <v>169</v>
      </c>
    </row>
    <row r="3692" spans="1:43">
      <c r="A3692" t="s">
        <v>2328</v>
      </c>
      <c r="B3692" t="s">
        <v>2329</v>
      </c>
      <c r="C3692" t="s">
        <v>2320</v>
      </c>
      <c r="D3692" t="s">
        <v>2321</v>
      </c>
      <c r="E3692" t="s">
        <v>2048</v>
      </c>
      <c r="F3692" t="s">
        <v>2049</v>
      </c>
      <c r="G3692" t="s">
        <v>80</v>
      </c>
      <c r="H3692" t="s">
        <v>81</v>
      </c>
      <c r="I3692" s="2">
        <v>0</v>
      </c>
      <c r="J3692" s="2">
        <v>1</v>
      </c>
      <c r="K3692" s="2">
        <v>0</v>
      </c>
      <c r="L3692" t="s">
        <v>82</v>
      </c>
      <c r="M3692" t="s">
        <v>89</v>
      </c>
      <c r="N3692" t="s">
        <v>90</v>
      </c>
      <c r="O3692" t="s">
        <v>85</v>
      </c>
      <c r="P3692" t="s">
        <v>86</v>
      </c>
      <c r="Q3692">
        <v>118</v>
      </c>
      <c r="R3692">
        <v>122</v>
      </c>
      <c r="S3692">
        <v>126</v>
      </c>
      <c r="T3692">
        <v>130</v>
      </c>
      <c r="U3692">
        <v>133</v>
      </c>
      <c r="V3692">
        <v>137</v>
      </c>
      <c r="W3692">
        <v>141</v>
      </c>
      <c r="X3692">
        <v>145</v>
      </c>
      <c r="Y3692">
        <v>149</v>
      </c>
      <c r="Z3692">
        <v>153</v>
      </c>
      <c r="AA3692">
        <v>157</v>
      </c>
      <c r="AB3692">
        <v>161</v>
      </c>
      <c r="AC3692">
        <v>165</v>
      </c>
      <c r="AD3692">
        <v>169</v>
      </c>
      <c r="AE3692">
        <v>172</v>
      </c>
      <c r="AF3692">
        <v>174</v>
      </c>
      <c r="AG3692">
        <v>176</v>
      </c>
      <c r="AH3692">
        <v>177</v>
      </c>
      <c r="AI3692">
        <v>179</v>
      </c>
      <c r="AJ3692">
        <v>181</v>
      </c>
      <c r="AK3692">
        <v>183</v>
      </c>
      <c r="AL3692">
        <v>184</v>
      </c>
      <c r="AM3692">
        <v>186</v>
      </c>
      <c r="AN3692">
        <v>188</v>
      </c>
      <c r="AO3692">
        <v>189</v>
      </c>
      <c r="AP3692">
        <v>191</v>
      </c>
      <c r="AQ3692">
        <v>193</v>
      </c>
    </row>
    <row r="3693" spans="1:43">
      <c r="A3693" t="s">
        <v>2328</v>
      </c>
      <c r="B3693" t="s">
        <v>2329</v>
      </c>
      <c r="C3693" t="s">
        <v>2320</v>
      </c>
      <c r="D3693" t="s">
        <v>2321</v>
      </c>
      <c r="E3693" t="s">
        <v>2048</v>
      </c>
      <c r="F3693" t="s">
        <v>2049</v>
      </c>
      <c r="G3693" t="s">
        <v>80</v>
      </c>
      <c r="H3693" t="s">
        <v>81</v>
      </c>
      <c r="I3693" s="2">
        <v>0</v>
      </c>
      <c r="J3693" s="2">
        <v>1</v>
      </c>
      <c r="K3693" s="2">
        <v>0</v>
      </c>
      <c r="L3693" t="s">
        <v>82</v>
      </c>
      <c r="M3693" t="s">
        <v>83</v>
      </c>
      <c r="N3693" t="s">
        <v>91</v>
      </c>
      <c r="O3693" t="s">
        <v>85</v>
      </c>
      <c r="P3693" t="s">
        <v>86</v>
      </c>
      <c r="Q3693">
        <v>118</v>
      </c>
      <c r="R3693">
        <v>120</v>
      </c>
      <c r="S3693">
        <v>123</v>
      </c>
      <c r="T3693">
        <v>126</v>
      </c>
      <c r="U3693">
        <v>129</v>
      </c>
      <c r="V3693">
        <v>132</v>
      </c>
      <c r="W3693">
        <v>135</v>
      </c>
      <c r="X3693">
        <v>139</v>
      </c>
      <c r="Y3693">
        <v>142</v>
      </c>
      <c r="Z3693">
        <v>145</v>
      </c>
      <c r="AA3693">
        <v>148</v>
      </c>
      <c r="AB3693">
        <v>151</v>
      </c>
      <c r="AC3693">
        <v>155</v>
      </c>
      <c r="AD3693">
        <v>158</v>
      </c>
      <c r="AE3693">
        <v>161</v>
      </c>
      <c r="AF3693">
        <v>165</v>
      </c>
      <c r="AG3693">
        <v>168</v>
      </c>
      <c r="AH3693">
        <v>172</v>
      </c>
      <c r="AI3693">
        <v>175</v>
      </c>
      <c r="AJ3693">
        <v>179</v>
      </c>
      <c r="AK3693">
        <v>182</v>
      </c>
      <c r="AL3693">
        <v>185</v>
      </c>
      <c r="AM3693">
        <v>186</v>
      </c>
      <c r="AN3693">
        <v>188</v>
      </c>
      <c r="AO3693">
        <v>190</v>
      </c>
      <c r="AP3693">
        <v>192</v>
      </c>
      <c r="AQ3693">
        <v>193</v>
      </c>
    </row>
    <row r="3694" spans="1:43">
      <c r="A3694" t="s">
        <v>2330</v>
      </c>
      <c r="B3694" t="s">
        <v>2331</v>
      </c>
      <c r="C3694" t="s">
        <v>2314</v>
      </c>
      <c r="D3694" t="s">
        <v>2315</v>
      </c>
      <c r="E3694" t="s">
        <v>2048</v>
      </c>
      <c r="F3694" t="s">
        <v>2049</v>
      </c>
      <c r="G3694" t="s">
        <v>80</v>
      </c>
      <c r="H3694" t="s">
        <v>81</v>
      </c>
      <c r="I3694" s="2">
        <v>0</v>
      </c>
      <c r="J3694" s="2">
        <v>1</v>
      </c>
      <c r="K3694" s="2">
        <v>0</v>
      </c>
      <c r="L3694" t="s">
        <v>82</v>
      </c>
      <c r="M3694" t="s">
        <v>83</v>
      </c>
      <c r="N3694" t="s">
        <v>84</v>
      </c>
      <c r="O3694" t="s">
        <v>85</v>
      </c>
      <c r="P3694" t="s">
        <v>86</v>
      </c>
      <c r="Q3694">
        <v>57</v>
      </c>
      <c r="R3694">
        <v>59</v>
      </c>
      <c r="S3694">
        <v>60</v>
      </c>
      <c r="T3694">
        <v>61</v>
      </c>
      <c r="U3694">
        <v>63</v>
      </c>
      <c r="V3694">
        <v>64</v>
      </c>
      <c r="W3694">
        <v>66</v>
      </c>
      <c r="X3694">
        <v>67</v>
      </c>
      <c r="Y3694">
        <v>69</v>
      </c>
      <c r="Z3694">
        <v>70</v>
      </c>
      <c r="AA3694">
        <v>72</v>
      </c>
      <c r="AB3694">
        <v>73</v>
      </c>
      <c r="AC3694">
        <v>75</v>
      </c>
      <c r="AD3694">
        <v>76</v>
      </c>
      <c r="AE3694">
        <v>78</v>
      </c>
      <c r="AF3694">
        <v>79</v>
      </c>
      <c r="AG3694">
        <v>81</v>
      </c>
      <c r="AH3694">
        <v>83</v>
      </c>
      <c r="AI3694">
        <v>84</v>
      </c>
      <c r="AJ3694">
        <v>86</v>
      </c>
      <c r="AK3694">
        <v>88</v>
      </c>
      <c r="AL3694">
        <v>89</v>
      </c>
      <c r="AM3694">
        <v>90</v>
      </c>
      <c r="AN3694">
        <v>90</v>
      </c>
      <c r="AO3694">
        <v>91</v>
      </c>
      <c r="AP3694">
        <v>92</v>
      </c>
      <c r="AQ3694">
        <v>93</v>
      </c>
    </row>
    <row r="3695" spans="1:43">
      <c r="A3695" t="s">
        <v>2330</v>
      </c>
      <c r="B3695" t="s">
        <v>2331</v>
      </c>
      <c r="C3695" t="s">
        <v>2314</v>
      </c>
      <c r="D3695" t="s">
        <v>2315</v>
      </c>
      <c r="E3695" t="s">
        <v>2048</v>
      </c>
      <c r="F3695" t="s">
        <v>2049</v>
      </c>
      <c r="G3695" t="s">
        <v>80</v>
      </c>
      <c r="H3695" t="s">
        <v>81</v>
      </c>
      <c r="I3695" s="2">
        <v>0</v>
      </c>
      <c r="J3695" s="2">
        <v>1</v>
      </c>
      <c r="K3695" s="2">
        <v>0</v>
      </c>
      <c r="L3695" t="s">
        <v>82</v>
      </c>
      <c r="M3695" t="s">
        <v>87</v>
      </c>
      <c r="N3695" t="s">
        <v>88</v>
      </c>
      <c r="O3695" t="s">
        <v>85</v>
      </c>
      <c r="P3695" t="s">
        <v>86</v>
      </c>
      <c r="Q3695">
        <v>57</v>
      </c>
      <c r="R3695">
        <v>58</v>
      </c>
      <c r="S3695">
        <v>58</v>
      </c>
      <c r="T3695">
        <v>59</v>
      </c>
      <c r="U3695">
        <v>60</v>
      </c>
      <c r="V3695">
        <v>61</v>
      </c>
      <c r="W3695">
        <v>62</v>
      </c>
      <c r="X3695">
        <v>63</v>
      </c>
      <c r="Y3695">
        <v>64</v>
      </c>
      <c r="Z3695">
        <v>64</v>
      </c>
      <c r="AA3695">
        <v>65</v>
      </c>
      <c r="AB3695">
        <v>66</v>
      </c>
      <c r="AC3695">
        <v>67</v>
      </c>
      <c r="AD3695">
        <v>68</v>
      </c>
      <c r="AE3695">
        <v>69</v>
      </c>
      <c r="AF3695">
        <v>70</v>
      </c>
      <c r="AG3695">
        <v>71</v>
      </c>
      <c r="AH3695">
        <v>72</v>
      </c>
      <c r="AI3695">
        <v>73</v>
      </c>
      <c r="AJ3695">
        <v>74</v>
      </c>
      <c r="AK3695">
        <v>75</v>
      </c>
      <c r="AL3695">
        <v>76</v>
      </c>
      <c r="AM3695">
        <v>77</v>
      </c>
      <c r="AN3695">
        <v>78</v>
      </c>
      <c r="AO3695">
        <v>79</v>
      </c>
      <c r="AP3695">
        <v>80</v>
      </c>
      <c r="AQ3695">
        <v>81</v>
      </c>
    </row>
    <row r="3696" spans="1:43">
      <c r="A3696" t="s">
        <v>2330</v>
      </c>
      <c r="B3696" t="s">
        <v>2331</v>
      </c>
      <c r="C3696" t="s">
        <v>2314</v>
      </c>
      <c r="D3696" t="s">
        <v>2315</v>
      </c>
      <c r="E3696" t="s">
        <v>2048</v>
      </c>
      <c r="F3696" t="s">
        <v>2049</v>
      </c>
      <c r="G3696" t="s">
        <v>80</v>
      </c>
      <c r="H3696" t="s">
        <v>81</v>
      </c>
      <c r="I3696" s="2">
        <v>0</v>
      </c>
      <c r="J3696" s="2">
        <v>1</v>
      </c>
      <c r="K3696" s="2">
        <v>0</v>
      </c>
      <c r="L3696" t="s">
        <v>82</v>
      </c>
      <c r="M3696" t="s">
        <v>89</v>
      </c>
      <c r="N3696" t="s">
        <v>90</v>
      </c>
      <c r="O3696" t="s">
        <v>85</v>
      </c>
      <c r="P3696" t="s">
        <v>86</v>
      </c>
      <c r="Q3696">
        <v>57</v>
      </c>
      <c r="R3696">
        <v>59</v>
      </c>
      <c r="S3696">
        <v>61</v>
      </c>
      <c r="T3696">
        <v>62</v>
      </c>
      <c r="U3696">
        <v>64</v>
      </c>
      <c r="V3696">
        <v>66</v>
      </c>
      <c r="W3696">
        <v>68</v>
      </c>
      <c r="X3696">
        <v>70</v>
      </c>
      <c r="Y3696">
        <v>72</v>
      </c>
      <c r="Z3696">
        <v>74</v>
      </c>
      <c r="AA3696">
        <v>75</v>
      </c>
      <c r="AB3696">
        <v>77</v>
      </c>
      <c r="AC3696">
        <v>79</v>
      </c>
      <c r="AD3696">
        <v>81</v>
      </c>
      <c r="AE3696">
        <v>82</v>
      </c>
      <c r="AF3696">
        <v>83</v>
      </c>
      <c r="AG3696">
        <v>84</v>
      </c>
      <c r="AH3696">
        <v>85</v>
      </c>
      <c r="AI3696">
        <v>86</v>
      </c>
      <c r="AJ3696">
        <v>87</v>
      </c>
      <c r="AK3696">
        <v>87</v>
      </c>
      <c r="AL3696">
        <v>88</v>
      </c>
      <c r="AM3696">
        <v>89</v>
      </c>
      <c r="AN3696">
        <v>90</v>
      </c>
      <c r="AO3696">
        <v>91</v>
      </c>
      <c r="AP3696">
        <v>91</v>
      </c>
      <c r="AQ3696">
        <v>92</v>
      </c>
    </row>
    <row r="3697" spans="1:43">
      <c r="A3697" t="s">
        <v>2330</v>
      </c>
      <c r="B3697" t="s">
        <v>2331</v>
      </c>
      <c r="C3697" t="s">
        <v>2314</v>
      </c>
      <c r="D3697" t="s">
        <v>2315</v>
      </c>
      <c r="E3697" t="s">
        <v>2048</v>
      </c>
      <c r="F3697" t="s">
        <v>2049</v>
      </c>
      <c r="G3697" t="s">
        <v>80</v>
      </c>
      <c r="H3697" t="s">
        <v>81</v>
      </c>
      <c r="I3697" s="2">
        <v>0</v>
      </c>
      <c r="J3697" s="2">
        <v>1</v>
      </c>
      <c r="K3697" s="2">
        <v>0</v>
      </c>
      <c r="L3697" t="s">
        <v>82</v>
      </c>
      <c r="M3697" t="s">
        <v>83</v>
      </c>
      <c r="N3697" t="s">
        <v>91</v>
      </c>
      <c r="O3697" t="s">
        <v>85</v>
      </c>
      <c r="P3697" t="s">
        <v>86</v>
      </c>
      <c r="Q3697">
        <v>57</v>
      </c>
      <c r="R3697">
        <v>59</v>
      </c>
      <c r="S3697">
        <v>60</v>
      </c>
      <c r="T3697">
        <v>61</v>
      </c>
      <c r="U3697">
        <v>63</v>
      </c>
      <c r="V3697">
        <v>64</v>
      </c>
      <c r="W3697">
        <v>66</v>
      </c>
      <c r="X3697">
        <v>67</v>
      </c>
      <c r="Y3697">
        <v>69</v>
      </c>
      <c r="Z3697">
        <v>70</v>
      </c>
      <c r="AA3697">
        <v>72</v>
      </c>
      <c r="AB3697">
        <v>73</v>
      </c>
      <c r="AC3697">
        <v>75</v>
      </c>
      <c r="AD3697">
        <v>76</v>
      </c>
      <c r="AE3697">
        <v>78</v>
      </c>
      <c r="AF3697">
        <v>79</v>
      </c>
      <c r="AG3697">
        <v>81</v>
      </c>
      <c r="AH3697">
        <v>83</v>
      </c>
      <c r="AI3697">
        <v>84</v>
      </c>
      <c r="AJ3697">
        <v>86</v>
      </c>
      <c r="AK3697">
        <v>88</v>
      </c>
      <c r="AL3697">
        <v>89</v>
      </c>
      <c r="AM3697">
        <v>90</v>
      </c>
      <c r="AN3697">
        <v>90</v>
      </c>
      <c r="AO3697">
        <v>91</v>
      </c>
      <c r="AP3697">
        <v>92</v>
      </c>
      <c r="AQ3697">
        <v>93</v>
      </c>
    </row>
    <row r="3698" spans="1:43">
      <c r="A3698" t="s">
        <v>2332</v>
      </c>
      <c r="B3698" t="s">
        <v>2333</v>
      </c>
      <c r="C3698" t="s">
        <v>2320</v>
      </c>
      <c r="D3698" t="s">
        <v>2321</v>
      </c>
      <c r="E3698" t="s">
        <v>2048</v>
      </c>
      <c r="F3698" t="s">
        <v>2049</v>
      </c>
      <c r="G3698" t="s">
        <v>80</v>
      </c>
      <c r="H3698" t="s">
        <v>81</v>
      </c>
      <c r="I3698" s="2">
        <v>0</v>
      </c>
      <c r="J3698" s="2">
        <v>1</v>
      </c>
      <c r="K3698" s="2">
        <v>0</v>
      </c>
      <c r="L3698" t="s">
        <v>82</v>
      </c>
      <c r="M3698" t="s">
        <v>83</v>
      </c>
      <c r="N3698" t="s">
        <v>84</v>
      </c>
      <c r="O3698" t="s">
        <v>85</v>
      </c>
      <c r="P3698" t="s">
        <v>86</v>
      </c>
      <c r="Q3698">
        <v>102</v>
      </c>
      <c r="R3698">
        <v>104</v>
      </c>
      <c r="S3698">
        <v>107</v>
      </c>
      <c r="T3698">
        <v>109</v>
      </c>
      <c r="U3698">
        <v>112</v>
      </c>
      <c r="V3698">
        <v>114</v>
      </c>
      <c r="W3698">
        <v>117</v>
      </c>
      <c r="X3698">
        <v>120</v>
      </c>
      <c r="Y3698">
        <v>122</v>
      </c>
      <c r="Z3698">
        <v>125</v>
      </c>
      <c r="AA3698">
        <v>128</v>
      </c>
      <c r="AB3698">
        <v>130</v>
      </c>
      <c r="AC3698">
        <v>133</v>
      </c>
      <c r="AD3698">
        <v>136</v>
      </c>
      <c r="AE3698">
        <v>139</v>
      </c>
      <c r="AF3698">
        <v>142</v>
      </c>
      <c r="AG3698">
        <v>145</v>
      </c>
      <c r="AH3698">
        <v>148</v>
      </c>
      <c r="AI3698">
        <v>151</v>
      </c>
      <c r="AJ3698">
        <v>154</v>
      </c>
      <c r="AK3698">
        <v>157</v>
      </c>
      <c r="AL3698">
        <v>159</v>
      </c>
      <c r="AM3698">
        <v>160</v>
      </c>
      <c r="AN3698">
        <v>162</v>
      </c>
      <c r="AO3698">
        <v>163</v>
      </c>
      <c r="AP3698">
        <v>165</v>
      </c>
      <c r="AQ3698">
        <v>166</v>
      </c>
    </row>
    <row r="3699" spans="1:43">
      <c r="A3699" t="s">
        <v>2332</v>
      </c>
      <c r="B3699" t="s">
        <v>2333</v>
      </c>
      <c r="C3699" t="s">
        <v>2320</v>
      </c>
      <c r="D3699" t="s">
        <v>2321</v>
      </c>
      <c r="E3699" t="s">
        <v>2048</v>
      </c>
      <c r="F3699" t="s">
        <v>2049</v>
      </c>
      <c r="G3699" t="s">
        <v>80</v>
      </c>
      <c r="H3699" t="s">
        <v>81</v>
      </c>
      <c r="I3699" s="2">
        <v>0</v>
      </c>
      <c r="J3699" s="2">
        <v>1</v>
      </c>
      <c r="K3699" s="2">
        <v>0</v>
      </c>
      <c r="L3699" t="s">
        <v>82</v>
      </c>
      <c r="M3699" t="s">
        <v>87</v>
      </c>
      <c r="N3699" t="s">
        <v>88</v>
      </c>
      <c r="O3699" t="s">
        <v>85</v>
      </c>
      <c r="P3699" t="s">
        <v>86</v>
      </c>
      <c r="Q3699">
        <v>102</v>
      </c>
      <c r="R3699">
        <v>103</v>
      </c>
      <c r="S3699">
        <v>105</v>
      </c>
      <c r="T3699">
        <v>106</v>
      </c>
      <c r="U3699">
        <v>108</v>
      </c>
      <c r="V3699">
        <v>109</v>
      </c>
      <c r="W3699">
        <v>111</v>
      </c>
      <c r="X3699">
        <v>112</v>
      </c>
      <c r="Y3699">
        <v>114</v>
      </c>
      <c r="Z3699">
        <v>116</v>
      </c>
      <c r="AA3699">
        <v>117</v>
      </c>
      <c r="AB3699">
        <v>119</v>
      </c>
      <c r="AC3699">
        <v>121</v>
      </c>
      <c r="AD3699">
        <v>122</v>
      </c>
      <c r="AE3699">
        <v>124</v>
      </c>
      <c r="AF3699">
        <v>126</v>
      </c>
      <c r="AG3699">
        <v>127</v>
      </c>
      <c r="AH3699">
        <v>129</v>
      </c>
      <c r="AI3699">
        <v>131</v>
      </c>
      <c r="AJ3699">
        <v>132</v>
      </c>
      <c r="AK3699">
        <v>134</v>
      </c>
      <c r="AL3699">
        <v>136</v>
      </c>
      <c r="AM3699">
        <v>138</v>
      </c>
      <c r="AN3699">
        <v>140</v>
      </c>
      <c r="AO3699">
        <v>141</v>
      </c>
      <c r="AP3699">
        <v>143</v>
      </c>
      <c r="AQ3699">
        <v>145</v>
      </c>
    </row>
    <row r="3700" spans="1:43">
      <c r="A3700" t="s">
        <v>2332</v>
      </c>
      <c r="B3700" t="s">
        <v>2333</v>
      </c>
      <c r="C3700" t="s">
        <v>2320</v>
      </c>
      <c r="D3700" t="s">
        <v>2321</v>
      </c>
      <c r="E3700" t="s">
        <v>2048</v>
      </c>
      <c r="F3700" t="s">
        <v>2049</v>
      </c>
      <c r="G3700" t="s">
        <v>80</v>
      </c>
      <c r="H3700" t="s">
        <v>81</v>
      </c>
      <c r="I3700" s="2">
        <v>0</v>
      </c>
      <c r="J3700" s="2">
        <v>1</v>
      </c>
      <c r="K3700" s="2">
        <v>0</v>
      </c>
      <c r="L3700" t="s">
        <v>82</v>
      </c>
      <c r="M3700" t="s">
        <v>89</v>
      </c>
      <c r="N3700" t="s">
        <v>90</v>
      </c>
      <c r="O3700" t="s">
        <v>85</v>
      </c>
      <c r="P3700" t="s">
        <v>86</v>
      </c>
      <c r="Q3700">
        <v>102</v>
      </c>
      <c r="R3700">
        <v>105</v>
      </c>
      <c r="S3700">
        <v>108</v>
      </c>
      <c r="T3700">
        <v>112</v>
      </c>
      <c r="U3700">
        <v>115</v>
      </c>
      <c r="V3700">
        <v>119</v>
      </c>
      <c r="W3700">
        <v>122</v>
      </c>
      <c r="X3700">
        <v>125</v>
      </c>
      <c r="Y3700">
        <v>129</v>
      </c>
      <c r="Z3700">
        <v>132</v>
      </c>
      <c r="AA3700">
        <v>135</v>
      </c>
      <c r="AB3700">
        <v>139</v>
      </c>
      <c r="AC3700">
        <v>142</v>
      </c>
      <c r="AD3700">
        <v>146</v>
      </c>
      <c r="AE3700">
        <v>148</v>
      </c>
      <c r="AF3700">
        <v>150</v>
      </c>
      <c r="AG3700">
        <v>151</v>
      </c>
      <c r="AH3700">
        <v>153</v>
      </c>
      <c r="AI3700">
        <v>154</v>
      </c>
      <c r="AJ3700">
        <v>156</v>
      </c>
      <c r="AK3700">
        <v>157</v>
      </c>
      <c r="AL3700">
        <v>159</v>
      </c>
      <c r="AM3700">
        <v>160</v>
      </c>
      <c r="AN3700">
        <v>161</v>
      </c>
      <c r="AO3700">
        <v>163</v>
      </c>
      <c r="AP3700">
        <v>164</v>
      </c>
      <c r="AQ3700">
        <v>166</v>
      </c>
    </row>
    <row r="3701" spans="1:43">
      <c r="A3701" t="s">
        <v>2332</v>
      </c>
      <c r="B3701" t="s">
        <v>2333</v>
      </c>
      <c r="C3701" t="s">
        <v>2320</v>
      </c>
      <c r="D3701" t="s">
        <v>2321</v>
      </c>
      <c r="E3701" t="s">
        <v>2048</v>
      </c>
      <c r="F3701" t="s">
        <v>2049</v>
      </c>
      <c r="G3701" t="s">
        <v>80</v>
      </c>
      <c r="H3701" t="s">
        <v>81</v>
      </c>
      <c r="I3701" s="2">
        <v>0</v>
      </c>
      <c r="J3701" s="2">
        <v>1</v>
      </c>
      <c r="K3701" s="2">
        <v>0</v>
      </c>
      <c r="L3701" t="s">
        <v>82</v>
      </c>
      <c r="M3701" t="s">
        <v>83</v>
      </c>
      <c r="N3701" t="s">
        <v>91</v>
      </c>
      <c r="O3701" t="s">
        <v>85</v>
      </c>
      <c r="P3701" t="s">
        <v>86</v>
      </c>
      <c r="Q3701">
        <v>102</v>
      </c>
      <c r="R3701">
        <v>104</v>
      </c>
      <c r="S3701">
        <v>107</v>
      </c>
      <c r="T3701">
        <v>109</v>
      </c>
      <c r="U3701">
        <v>112</v>
      </c>
      <c r="V3701">
        <v>114</v>
      </c>
      <c r="W3701">
        <v>117</v>
      </c>
      <c r="X3701">
        <v>120</v>
      </c>
      <c r="Y3701">
        <v>122</v>
      </c>
      <c r="Z3701">
        <v>125</v>
      </c>
      <c r="AA3701">
        <v>128</v>
      </c>
      <c r="AB3701">
        <v>130</v>
      </c>
      <c r="AC3701">
        <v>133</v>
      </c>
      <c r="AD3701">
        <v>136</v>
      </c>
      <c r="AE3701">
        <v>139</v>
      </c>
      <c r="AF3701">
        <v>142</v>
      </c>
      <c r="AG3701">
        <v>145</v>
      </c>
      <c r="AH3701">
        <v>148</v>
      </c>
      <c r="AI3701">
        <v>151</v>
      </c>
      <c r="AJ3701">
        <v>154</v>
      </c>
      <c r="AK3701">
        <v>157</v>
      </c>
      <c r="AL3701">
        <v>159</v>
      </c>
      <c r="AM3701">
        <v>160</v>
      </c>
      <c r="AN3701">
        <v>162</v>
      </c>
      <c r="AO3701">
        <v>163</v>
      </c>
      <c r="AP3701">
        <v>165</v>
      </c>
      <c r="AQ3701">
        <v>166</v>
      </c>
    </row>
    <row r="3702" spans="1:43">
      <c r="A3702" t="s">
        <v>2334</v>
      </c>
      <c r="B3702" t="s">
        <v>2335</v>
      </c>
      <c r="C3702" t="s">
        <v>2336</v>
      </c>
      <c r="D3702" t="s">
        <v>2337</v>
      </c>
      <c r="E3702" t="s">
        <v>2048</v>
      </c>
      <c r="F3702" t="s">
        <v>2049</v>
      </c>
      <c r="G3702" t="s">
        <v>80</v>
      </c>
      <c r="H3702" t="s">
        <v>81</v>
      </c>
      <c r="I3702" s="2">
        <v>0</v>
      </c>
      <c r="J3702" s="2">
        <v>1</v>
      </c>
      <c r="K3702" s="2">
        <v>0</v>
      </c>
      <c r="L3702" t="s">
        <v>82</v>
      </c>
      <c r="M3702" t="s">
        <v>83</v>
      </c>
      <c r="N3702" t="s">
        <v>84</v>
      </c>
      <c r="O3702" t="s">
        <v>85</v>
      </c>
      <c r="P3702" t="s">
        <v>86</v>
      </c>
      <c r="Q3702">
        <v>158</v>
      </c>
      <c r="R3702">
        <v>162</v>
      </c>
      <c r="S3702">
        <v>166</v>
      </c>
      <c r="T3702">
        <v>169</v>
      </c>
      <c r="U3702">
        <v>173</v>
      </c>
      <c r="V3702">
        <v>177</v>
      </c>
      <c r="W3702">
        <v>181</v>
      </c>
      <c r="X3702">
        <v>185</v>
      </c>
      <c r="Y3702">
        <v>190</v>
      </c>
      <c r="Z3702">
        <v>194</v>
      </c>
      <c r="AA3702">
        <v>198</v>
      </c>
      <c r="AB3702">
        <v>202</v>
      </c>
      <c r="AC3702">
        <v>206</v>
      </c>
      <c r="AD3702">
        <v>211</v>
      </c>
      <c r="AE3702">
        <v>215</v>
      </c>
      <c r="AF3702">
        <v>219</v>
      </c>
      <c r="AG3702">
        <v>224</v>
      </c>
      <c r="AH3702">
        <v>228</v>
      </c>
      <c r="AI3702">
        <v>233</v>
      </c>
      <c r="AJ3702">
        <v>237</v>
      </c>
      <c r="AK3702">
        <v>242</v>
      </c>
      <c r="AL3702">
        <v>245</v>
      </c>
      <c r="AM3702">
        <v>247</v>
      </c>
      <c r="AN3702">
        <v>249</v>
      </c>
      <c r="AO3702">
        <v>252</v>
      </c>
      <c r="AP3702">
        <v>254</v>
      </c>
      <c r="AQ3702">
        <v>256</v>
      </c>
    </row>
    <row r="3703" spans="1:43">
      <c r="A3703" t="s">
        <v>2334</v>
      </c>
      <c r="B3703" t="s">
        <v>2335</v>
      </c>
      <c r="C3703" t="s">
        <v>2336</v>
      </c>
      <c r="D3703" t="s">
        <v>2337</v>
      </c>
      <c r="E3703" t="s">
        <v>2048</v>
      </c>
      <c r="F3703" t="s">
        <v>2049</v>
      </c>
      <c r="G3703" t="s">
        <v>80</v>
      </c>
      <c r="H3703" t="s">
        <v>81</v>
      </c>
      <c r="I3703" s="2">
        <v>0</v>
      </c>
      <c r="J3703" s="2">
        <v>1</v>
      </c>
      <c r="K3703" s="2">
        <v>0</v>
      </c>
      <c r="L3703" t="s">
        <v>82</v>
      </c>
      <c r="M3703" t="s">
        <v>87</v>
      </c>
      <c r="N3703" t="s">
        <v>88</v>
      </c>
      <c r="O3703" t="s">
        <v>85</v>
      </c>
      <c r="P3703" t="s">
        <v>86</v>
      </c>
      <c r="Q3703">
        <v>158</v>
      </c>
      <c r="R3703">
        <v>160</v>
      </c>
      <c r="S3703">
        <v>162</v>
      </c>
      <c r="T3703">
        <v>164</v>
      </c>
      <c r="U3703">
        <v>167</v>
      </c>
      <c r="V3703">
        <v>169</v>
      </c>
      <c r="W3703">
        <v>171</v>
      </c>
      <c r="X3703">
        <v>174</v>
      </c>
      <c r="Y3703">
        <v>176</v>
      </c>
      <c r="Z3703">
        <v>179</v>
      </c>
      <c r="AA3703">
        <v>181</v>
      </c>
      <c r="AB3703">
        <v>184</v>
      </c>
      <c r="AC3703">
        <v>186</v>
      </c>
      <c r="AD3703">
        <v>189</v>
      </c>
      <c r="AE3703">
        <v>191</v>
      </c>
      <c r="AF3703">
        <v>194</v>
      </c>
      <c r="AG3703">
        <v>196</v>
      </c>
      <c r="AH3703">
        <v>199</v>
      </c>
      <c r="AI3703">
        <v>202</v>
      </c>
      <c r="AJ3703">
        <v>204</v>
      </c>
      <c r="AK3703">
        <v>207</v>
      </c>
      <c r="AL3703">
        <v>210</v>
      </c>
      <c r="AM3703">
        <v>212</v>
      </c>
      <c r="AN3703">
        <v>215</v>
      </c>
      <c r="AO3703">
        <v>218</v>
      </c>
      <c r="AP3703">
        <v>221</v>
      </c>
      <c r="AQ3703">
        <v>224</v>
      </c>
    </row>
    <row r="3704" spans="1:43">
      <c r="A3704" t="s">
        <v>2334</v>
      </c>
      <c r="B3704" t="s">
        <v>2335</v>
      </c>
      <c r="C3704" t="s">
        <v>2336</v>
      </c>
      <c r="D3704" t="s">
        <v>2337</v>
      </c>
      <c r="E3704" t="s">
        <v>2048</v>
      </c>
      <c r="F3704" t="s">
        <v>2049</v>
      </c>
      <c r="G3704" t="s">
        <v>80</v>
      </c>
      <c r="H3704" t="s">
        <v>81</v>
      </c>
      <c r="I3704" s="2">
        <v>0</v>
      </c>
      <c r="J3704" s="2">
        <v>1</v>
      </c>
      <c r="K3704" s="2">
        <v>0</v>
      </c>
      <c r="L3704" t="s">
        <v>82</v>
      </c>
      <c r="M3704" t="s">
        <v>89</v>
      </c>
      <c r="N3704" t="s">
        <v>90</v>
      </c>
      <c r="O3704" t="s">
        <v>85</v>
      </c>
      <c r="P3704" t="s">
        <v>86</v>
      </c>
      <c r="Q3704">
        <v>158</v>
      </c>
      <c r="R3704">
        <v>164</v>
      </c>
      <c r="S3704">
        <v>169</v>
      </c>
      <c r="T3704">
        <v>174</v>
      </c>
      <c r="U3704">
        <v>179</v>
      </c>
      <c r="V3704">
        <v>184</v>
      </c>
      <c r="W3704">
        <v>190</v>
      </c>
      <c r="X3704">
        <v>195</v>
      </c>
      <c r="Y3704">
        <v>200</v>
      </c>
      <c r="Z3704">
        <v>205</v>
      </c>
      <c r="AA3704">
        <v>210</v>
      </c>
      <c r="AB3704">
        <v>215</v>
      </c>
      <c r="AC3704">
        <v>220</v>
      </c>
      <c r="AD3704">
        <v>225</v>
      </c>
      <c r="AE3704">
        <v>229</v>
      </c>
      <c r="AF3704">
        <v>232</v>
      </c>
      <c r="AG3704">
        <v>234</v>
      </c>
      <c r="AH3704">
        <v>236</v>
      </c>
      <c r="AI3704">
        <v>239</v>
      </c>
      <c r="AJ3704">
        <v>241</v>
      </c>
      <c r="AK3704">
        <v>243</v>
      </c>
      <c r="AL3704">
        <v>245</v>
      </c>
      <c r="AM3704">
        <v>248</v>
      </c>
      <c r="AN3704">
        <v>250</v>
      </c>
      <c r="AO3704">
        <v>252</v>
      </c>
      <c r="AP3704">
        <v>254</v>
      </c>
      <c r="AQ3704">
        <v>257</v>
      </c>
    </row>
    <row r="3705" spans="1:43">
      <c r="A3705" t="s">
        <v>2334</v>
      </c>
      <c r="B3705" t="s">
        <v>2335</v>
      </c>
      <c r="C3705" t="s">
        <v>2336</v>
      </c>
      <c r="D3705" t="s">
        <v>2337</v>
      </c>
      <c r="E3705" t="s">
        <v>2048</v>
      </c>
      <c r="F3705" t="s">
        <v>2049</v>
      </c>
      <c r="G3705" t="s">
        <v>80</v>
      </c>
      <c r="H3705" t="s">
        <v>81</v>
      </c>
      <c r="I3705" s="2">
        <v>0</v>
      </c>
      <c r="J3705" s="2">
        <v>1</v>
      </c>
      <c r="K3705" s="2">
        <v>0</v>
      </c>
      <c r="L3705" t="s">
        <v>82</v>
      </c>
      <c r="M3705" t="s">
        <v>83</v>
      </c>
      <c r="N3705" t="s">
        <v>91</v>
      </c>
      <c r="O3705" t="s">
        <v>85</v>
      </c>
      <c r="P3705" t="s">
        <v>86</v>
      </c>
      <c r="Q3705">
        <v>158</v>
      </c>
      <c r="R3705">
        <v>162</v>
      </c>
      <c r="S3705">
        <v>166</v>
      </c>
      <c r="T3705">
        <v>169</v>
      </c>
      <c r="U3705">
        <v>173</v>
      </c>
      <c r="V3705">
        <v>177</v>
      </c>
      <c r="W3705">
        <v>181</v>
      </c>
      <c r="X3705">
        <v>185</v>
      </c>
      <c r="Y3705">
        <v>190</v>
      </c>
      <c r="Z3705">
        <v>194</v>
      </c>
      <c r="AA3705">
        <v>198</v>
      </c>
      <c r="AB3705">
        <v>202</v>
      </c>
      <c r="AC3705">
        <v>206</v>
      </c>
      <c r="AD3705">
        <v>211</v>
      </c>
      <c r="AE3705">
        <v>215</v>
      </c>
      <c r="AF3705">
        <v>219</v>
      </c>
      <c r="AG3705">
        <v>224</v>
      </c>
      <c r="AH3705">
        <v>228</v>
      </c>
      <c r="AI3705">
        <v>233</v>
      </c>
      <c r="AJ3705">
        <v>237</v>
      </c>
      <c r="AK3705">
        <v>242</v>
      </c>
      <c r="AL3705">
        <v>245</v>
      </c>
      <c r="AM3705">
        <v>247</v>
      </c>
      <c r="AN3705">
        <v>249</v>
      </c>
      <c r="AO3705">
        <v>252</v>
      </c>
      <c r="AP3705">
        <v>254</v>
      </c>
      <c r="AQ3705">
        <v>256</v>
      </c>
    </row>
    <row r="3706" spans="1:43">
      <c r="A3706" t="s">
        <v>2338</v>
      </c>
      <c r="B3706" t="s">
        <v>2339</v>
      </c>
      <c r="C3706" t="s">
        <v>2336</v>
      </c>
      <c r="D3706" t="s">
        <v>2337</v>
      </c>
      <c r="E3706" t="s">
        <v>2048</v>
      </c>
      <c r="F3706" t="s">
        <v>2049</v>
      </c>
      <c r="G3706" t="s">
        <v>80</v>
      </c>
      <c r="H3706" t="s">
        <v>81</v>
      </c>
      <c r="I3706" s="2">
        <v>0</v>
      </c>
      <c r="J3706" s="2">
        <v>1</v>
      </c>
      <c r="K3706" s="2">
        <v>0</v>
      </c>
      <c r="L3706" t="s">
        <v>82</v>
      </c>
      <c r="M3706" t="s">
        <v>83</v>
      </c>
      <c r="N3706" t="s">
        <v>84</v>
      </c>
      <c r="O3706" t="s">
        <v>85</v>
      </c>
      <c r="P3706" t="s">
        <v>86</v>
      </c>
      <c r="Q3706">
        <v>43</v>
      </c>
      <c r="R3706">
        <v>44</v>
      </c>
      <c r="S3706">
        <v>45</v>
      </c>
      <c r="T3706">
        <v>46</v>
      </c>
      <c r="U3706">
        <v>47</v>
      </c>
      <c r="V3706">
        <v>48</v>
      </c>
      <c r="W3706">
        <v>49</v>
      </c>
      <c r="X3706">
        <v>50</v>
      </c>
      <c r="Y3706">
        <v>51</v>
      </c>
      <c r="Z3706">
        <v>53</v>
      </c>
      <c r="AA3706">
        <v>54</v>
      </c>
      <c r="AB3706">
        <v>55</v>
      </c>
      <c r="AC3706">
        <v>56</v>
      </c>
      <c r="AD3706">
        <v>57</v>
      </c>
      <c r="AE3706">
        <v>58</v>
      </c>
      <c r="AF3706">
        <v>60</v>
      </c>
      <c r="AG3706">
        <v>61</v>
      </c>
      <c r="AH3706">
        <v>62</v>
      </c>
      <c r="AI3706">
        <v>63</v>
      </c>
      <c r="AJ3706">
        <v>64</v>
      </c>
      <c r="AK3706">
        <v>66</v>
      </c>
      <c r="AL3706">
        <v>67</v>
      </c>
      <c r="AM3706">
        <v>67</v>
      </c>
      <c r="AN3706">
        <v>68</v>
      </c>
      <c r="AO3706">
        <v>68</v>
      </c>
      <c r="AP3706">
        <v>69</v>
      </c>
      <c r="AQ3706">
        <v>70</v>
      </c>
    </row>
    <row r="3707" spans="1:43">
      <c r="A3707" t="s">
        <v>2338</v>
      </c>
      <c r="B3707" t="s">
        <v>2339</v>
      </c>
      <c r="C3707" t="s">
        <v>2336</v>
      </c>
      <c r="D3707" t="s">
        <v>2337</v>
      </c>
      <c r="E3707" t="s">
        <v>2048</v>
      </c>
      <c r="F3707" t="s">
        <v>2049</v>
      </c>
      <c r="G3707" t="s">
        <v>80</v>
      </c>
      <c r="H3707" t="s">
        <v>81</v>
      </c>
      <c r="I3707" s="2">
        <v>0</v>
      </c>
      <c r="J3707" s="2">
        <v>1</v>
      </c>
      <c r="K3707" s="2">
        <v>0</v>
      </c>
      <c r="L3707" t="s">
        <v>82</v>
      </c>
      <c r="M3707" t="s">
        <v>87</v>
      </c>
      <c r="N3707" t="s">
        <v>88</v>
      </c>
      <c r="O3707" t="s">
        <v>85</v>
      </c>
      <c r="P3707" t="s">
        <v>86</v>
      </c>
      <c r="Q3707">
        <v>43</v>
      </c>
      <c r="R3707">
        <v>44</v>
      </c>
      <c r="S3707">
        <v>45</v>
      </c>
      <c r="T3707">
        <v>45</v>
      </c>
      <c r="U3707">
        <v>46</v>
      </c>
      <c r="V3707">
        <v>47</v>
      </c>
      <c r="W3707">
        <v>47</v>
      </c>
      <c r="X3707">
        <v>48</v>
      </c>
      <c r="Y3707">
        <v>49</v>
      </c>
      <c r="Z3707">
        <v>49</v>
      </c>
      <c r="AA3707">
        <v>50</v>
      </c>
      <c r="AB3707">
        <v>51</v>
      </c>
      <c r="AC3707">
        <v>51</v>
      </c>
      <c r="AD3707">
        <v>52</v>
      </c>
      <c r="AE3707">
        <v>53</v>
      </c>
      <c r="AF3707">
        <v>53</v>
      </c>
      <c r="AG3707">
        <v>54</v>
      </c>
      <c r="AH3707">
        <v>55</v>
      </c>
      <c r="AI3707">
        <v>56</v>
      </c>
      <c r="AJ3707">
        <v>56</v>
      </c>
      <c r="AK3707">
        <v>57</v>
      </c>
      <c r="AL3707">
        <v>58</v>
      </c>
      <c r="AM3707">
        <v>58</v>
      </c>
      <c r="AN3707">
        <v>59</v>
      </c>
      <c r="AO3707">
        <v>60</v>
      </c>
      <c r="AP3707">
        <v>61</v>
      </c>
      <c r="AQ3707">
        <v>62</v>
      </c>
    </row>
    <row r="3708" spans="1:43">
      <c r="A3708" t="s">
        <v>2338</v>
      </c>
      <c r="B3708" t="s">
        <v>2339</v>
      </c>
      <c r="C3708" t="s">
        <v>2336</v>
      </c>
      <c r="D3708" t="s">
        <v>2337</v>
      </c>
      <c r="E3708" t="s">
        <v>2048</v>
      </c>
      <c r="F3708" t="s">
        <v>2049</v>
      </c>
      <c r="G3708" t="s">
        <v>80</v>
      </c>
      <c r="H3708" t="s">
        <v>81</v>
      </c>
      <c r="I3708" s="2">
        <v>0</v>
      </c>
      <c r="J3708" s="2">
        <v>1</v>
      </c>
      <c r="K3708" s="2">
        <v>0</v>
      </c>
      <c r="L3708" t="s">
        <v>82</v>
      </c>
      <c r="M3708" t="s">
        <v>89</v>
      </c>
      <c r="N3708" t="s">
        <v>90</v>
      </c>
      <c r="O3708" t="s">
        <v>85</v>
      </c>
      <c r="P3708" t="s">
        <v>86</v>
      </c>
      <c r="Q3708">
        <v>43</v>
      </c>
      <c r="R3708">
        <v>45</v>
      </c>
      <c r="S3708">
        <v>46</v>
      </c>
      <c r="T3708">
        <v>48</v>
      </c>
      <c r="U3708">
        <v>49</v>
      </c>
      <c r="V3708">
        <v>50</v>
      </c>
      <c r="W3708">
        <v>52</v>
      </c>
      <c r="X3708">
        <v>53</v>
      </c>
      <c r="Y3708">
        <v>55</v>
      </c>
      <c r="Z3708">
        <v>56</v>
      </c>
      <c r="AA3708">
        <v>57</v>
      </c>
      <c r="AB3708">
        <v>59</v>
      </c>
      <c r="AC3708">
        <v>60</v>
      </c>
      <c r="AD3708">
        <v>62</v>
      </c>
      <c r="AE3708">
        <v>63</v>
      </c>
      <c r="AF3708">
        <v>63</v>
      </c>
      <c r="AG3708">
        <v>64</v>
      </c>
      <c r="AH3708">
        <v>64</v>
      </c>
      <c r="AI3708">
        <v>65</v>
      </c>
      <c r="AJ3708">
        <v>66</v>
      </c>
      <c r="AK3708">
        <v>66</v>
      </c>
      <c r="AL3708">
        <v>67</v>
      </c>
      <c r="AM3708">
        <v>68</v>
      </c>
      <c r="AN3708">
        <v>68</v>
      </c>
      <c r="AO3708">
        <v>69</v>
      </c>
      <c r="AP3708">
        <v>69</v>
      </c>
      <c r="AQ3708">
        <v>70</v>
      </c>
    </row>
    <row r="3709" spans="1:43">
      <c r="A3709" t="s">
        <v>2338</v>
      </c>
      <c r="B3709" t="s">
        <v>2339</v>
      </c>
      <c r="C3709" t="s">
        <v>2336</v>
      </c>
      <c r="D3709" t="s">
        <v>2337</v>
      </c>
      <c r="E3709" t="s">
        <v>2048</v>
      </c>
      <c r="F3709" t="s">
        <v>2049</v>
      </c>
      <c r="G3709" t="s">
        <v>80</v>
      </c>
      <c r="H3709" t="s">
        <v>81</v>
      </c>
      <c r="I3709" s="2">
        <v>0</v>
      </c>
      <c r="J3709" s="2">
        <v>1</v>
      </c>
      <c r="K3709" s="2">
        <v>0</v>
      </c>
      <c r="L3709" t="s">
        <v>82</v>
      </c>
      <c r="M3709" t="s">
        <v>83</v>
      </c>
      <c r="N3709" t="s">
        <v>91</v>
      </c>
      <c r="O3709" t="s">
        <v>85</v>
      </c>
      <c r="P3709" t="s">
        <v>86</v>
      </c>
      <c r="Q3709">
        <v>43</v>
      </c>
      <c r="R3709">
        <v>44</v>
      </c>
      <c r="S3709">
        <v>45</v>
      </c>
      <c r="T3709">
        <v>46</v>
      </c>
      <c r="U3709">
        <v>47</v>
      </c>
      <c r="V3709">
        <v>48</v>
      </c>
      <c r="W3709">
        <v>49</v>
      </c>
      <c r="X3709">
        <v>50</v>
      </c>
      <c r="Y3709">
        <v>51</v>
      </c>
      <c r="Z3709">
        <v>53</v>
      </c>
      <c r="AA3709">
        <v>54</v>
      </c>
      <c r="AB3709">
        <v>55</v>
      </c>
      <c r="AC3709">
        <v>56</v>
      </c>
      <c r="AD3709">
        <v>57</v>
      </c>
      <c r="AE3709">
        <v>58</v>
      </c>
      <c r="AF3709">
        <v>60</v>
      </c>
      <c r="AG3709">
        <v>61</v>
      </c>
      <c r="AH3709">
        <v>62</v>
      </c>
      <c r="AI3709">
        <v>63</v>
      </c>
      <c r="AJ3709">
        <v>64</v>
      </c>
      <c r="AK3709">
        <v>66</v>
      </c>
      <c r="AL3709">
        <v>67</v>
      </c>
      <c r="AM3709">
        <v>67</v>
      </c>
      <c r="AN3709">
        <v>68</v>
      </c>
      <c r="AO3709">
        <v>68</v>
      </c>
      <c r="AP3709">
        <v>69</v>
      </c>
      <c r="AQ3709">
        <v>70</v>
      </c>
    </row>
    <row r="3710" spans="1:43">
      <c r="A3710" t="s">
        <v>2340</v>
      </c>
      <c r="B3710" t="s">
        <v>2341</v>
      </c>
      <c r="C3710" t="s">
        <v>2336</v>
      </c>
      <c r="D3710" t="s">
        <v>2337</v>
      </c>
      <c r="E3710" t="s">
        <v>2048</v>
      </c>
      <c r="F3710" t="s">
        <v>2049</v>
      </c>
      <c r="G3710" t="s">
        <v>80</v>
      </c>
      <c r="H3710" t="s">
        <v>81</v>
      </c>
      <c r="I3710" s="2">
        <v>0</v>
      </c>
      <c r="J3710" s="2">
        <v>1</v>
      </c>
      <c r="K3710" s="2">
        <v>0</v>
      </c>
      <c r="L3710" t="s">
        <v>82</v>
      </c>
      <c r="M3710" t="s">
        <v>83</v>
      </c>
      <c r="N3710" t="s">
        <v>84</v>
      </c>
      <c r="O3710" t="s">
        <v>85</v>
      </c>
      <c r="P3710" t="s">
        <v>86</v>
      </c>
      <c r="Q3710">
        <v>0</v>
      </c>
      <c r="R3710">
        <v>0</v>
      </c>
      <c r="S3710">
        <v>0</v>
      </c>
      <c r="T3710">
        <v>0</v>
      </c>
      <c r="U3710">
        <v>0</v>
      </c>
      <c r="V3710">
        <v>0</v>
      </c>
      <c r="W3710">
        <v>0</v>
      </c>
      <c r="X3710">
        <v>0</v>
      </c>
      <c r="Y3710">
        <v>0</v>
      </c>
      <c r="Z3710">
        <v>0</v>
      </c>
      <c r="AA3710">
        <v>0</v>
      </c>
      <c r="AB3710">
        <v>0</v>
      </c>
      <c r="AC3710">
        <v>0</v>
      </c>
      <c r="AD3710">
        <v>0</v>
      </c>
      <c r="AE3710">
        <v>0</v>
      </c>
      <c r="AF3710">
        <v>0</v>
      </c>
      <c r="AG3710">
        <v>0</v>
      </c>
      <c r="AH3710">
        <v>0</v>
      </c>
      <c r="AI3710">
        <v>0</v>
      </c>
      <c r="AJ3710">
        <v>0</v>
      </c>
      <c r="AK3710">
        <v>0</v>
      </c>
      <c r="AL3710">
        <v>0</v>
      </c>
      <c r="AM3710">
        <v>0</v>
      </c>
      <c r="AN3710">
        <v>0</v>
      </c>
      <c r="AO3710">
        <v>0</v>
      </c>
      <c r="AP3710">
        <v>0</v>
      </c>
      <c r="AQ3710">
        <v>0</v>
      </c>
    </row>
    <row r="3711" spans="1:43">
      <c r="A3711" t="s">
        <v>2340</v>
      </c>
      <c r="B3711" t="s">
        <v>2341</v>
      </c>
      <c r="C3711" t="s">
        <v>2336</v>
      </c>
      <c r="D3711" t="s">
        <v>2337</v>
      </c>
      <c r="E3711" t="s">
        <v>2048</v>
      </c>
      <c r="F3711" t="s">
        <v>2049</v>
      </c>
      <c r="G3711" t="s">
        <v>80</v>
      </c>
      <c r="H3711" t="s">
        <v>81</v>
      </c>
      <c r="I3711" s="2">
        <v>0</v>
      </c>
      <c r="J3711" s="2">
        <v>1</v>
      </c>
      <c r="K3711" s="2">
        <v>0</v>
      </c>
      <c r="L3711" t="s">
        <v>82</v>
      </c>
      <c r="M3711" t="s">
        <v>87</v>
      </c>
      <c r="N3711" t="s">
        <v>88</v>
      </c>
      <c r="O3711" t="s">
        <v>85</v>
      </c>
      <c r="P3711" t="s">
        <v>86</v>
      </c>
      <c r="Q3711">
        <v>0</v>
      </c>
      <c r="R3711">
        <v>0</v>
      </c>
      <c r="S3711">
        <v>0</v>
      </c>
      <c r="T3711">
        <v>0</v>
      </c>
      <c r="U3711">
        <v>0</v>
      </c>
      <c r="V3711">
        <v>0</v>
      </c>
      <c r="W3711">
        <v>0</v>
      </c>
      <c r="X3711">
        <v>0</v>
      </c>
      <c r="Y3711">
        <v>0</v>
      </c>
      <c r="Z3711">
        <v>0</v>
      </c>
      <c r="AA3711">
        <v>0</v>
      </c>
      <c r="AB3711">
        <v>0</v>
      </c>
      <c r="AC3711">
        <v>0</v>
      </c>
      <c r="AD3711">
        <v>0</v>
      </c>
      <c r="AE3711">
        <v>0</v>
      </c>
      <c r="AF3711">
        <v>0</v>
      </c>
      <c r="AG3711">
        <v>0</v>
      </c>
      <c r="AH3711">
        <v>0</v>
      </c>
      <c r="AI3711">
        <v>0</v>
      </c>
      <c r="AJ3711">
        <v>0</v>
      </c>
      <c r="AK3711">
        <v>0</v>
      </c>
      <c r="AL3711">
        <v>0</v>
      </c>
      <c r="AM3711">
        <v>0</v>
      </c>
      <c r="AN3711">
        <v>0</v>
      </c>
      <c r="AO3711">
        <v>0</v>
      </c>
      <c r="AP3711">
        <v>0</v>
      </c>
      <c r="AQ3711">
        <v>0</v>
      </c>
    </row>
    <row r="3712" spans="1:43">
      <c r="A3712" t="s">
        <v>2340</v>
      </c>
      <c r="B3712" t="s">
        <v>2341</v>
      </c>
      <c r="C3712" t="s">
        <v>2336</v>
      </c>
      <c r="D3712" t="s">
        <v>2337</v>
      </c>
      <c r="E3712" t="s">
        <v>2048</v>
      </c>
      <c r="F3712" t="s">
        <v>2049</v>
      </c>
      <c r="G3712" t="s">
        <v>80</v>
      </c>
      <c r="H3712" t="s">
        <v>81</v>
      </c>
      <c r="I3712" s="2">
        <v>0</v>
      </c>
      <c r="J3712" s="2">
        <v>1</v>
      </c>
      <c r="K3712" s="2">
        <v>0</v>
      </c>
      <c r="L3712" t="s">
        <v>82</v>
      </c>
      <c r="M3712" t="s">
        <v>89</v>
      </c>
      <c r="N3712" t="s">
        <v>90</v>
      </c>
      <c r="O3712" t="s">
        <v>85</v>
      </c>
      <c r="P3712" t="s">
        <v>86</v>
      </c>
      <c r="Q3712">
        <v>0</v>
      </c>
      <c r="R3712">
        <v>0</v>
      </c>
      <c r="S3712">
        <v>0</v>
      </c>
      <c r="T3712">
        <v>0</v>
      </c>
      <c r="U3712">
        <v>0</v>
      </c>
      <c r="V3712">
        <v>0</v>
      </c>
      <c r="W3712">
        <v>0</v>
      </c>
      <c r="X3712">
        <v>0</v>
      </c>
      <c r="Y3712">
        <v>0</v>
      </c>
      <c r="Z3712">
        <v>0</v>
      </c>
      <c r="AA3712">
        <v>0</v>
      </c>
      <c r="AB3712">
        <v>0</v>
      </c>
      <c r="AC3712">
        <v>0</v>
      </c>
      <c r="AD3712">
        <v>0</v>
      </c>
      <c r="AE3712">
        <v>0</v>
      </c>
      <c r="AF3712">
        <v>0</v>
      </c>
      <c r="AG3712">
        <v>0</v>
      </c>
      <c r="AH3712">
        <v>0</v>
      </c>
      <c r="AI3712">
        <v>0</v>
      </c>
      <c r="AJ3712">
        <v>0</v>
      </c>
      <c r="AK3712">
        <v>0</v>
      </c>
      <c r="AL3712">
        <v>0</v>
      </c>
      <c r="AM3712">
        <v>0</v>
      </c>
      <c r="AN3712">
        <v>0</v>
      </c>
      <c r="AO3712">
        <v>0</v>
      </c>
      <c r="AP3712">
        <v>0</v>
      </c>
      <c r="AQ3712">
        <v>0</v>
      </c>
    </row>
    <row r="3713" spans="1:43">
      <c r="A3713" t="s">
        <v>2340</v>
      </c>
      <c r="B3713" t="s">
        <v>2341</v>
      </c>
      <c r="C3713" t="s">
        <v>2336</v>
      </c>
      <c r="D3713" t="s">
        <v>2337</v>
      </c>
      <c r="E3713" t="s">
        <v>2048</v>
      </c>
      <c r="F3713" t="s">
        <v>2049</v>
      </c>
      <c r="G3713" t="s">
        <v>80</v>
      </c>
      <c r="H3713" t="s">
        <v>81</v>
      </c>
      <c r="I3713" s="2">
        <v>0</v>
      </c>
      <c r="J3713" s="2">
        <v>1</v>
      </c>
      <c r="K3713" s="2">
        <v>0</v>
      </c>
      <c r="L3713" t="s">
        <v>82</v>
      </c>
      <c r="M3713" t="s">
        <v>83</v>
      </c>
      <c r="N3713" t="s">
        <v>91</v>
      </c>
      <c r="O3713" t="s">
        <v>85</v>
      </c>
      <c r="P3713" t="s">
        <v>86</v>
      </c>
      <c r="Q3713">
        <v>0</v>
      </c>
      <c r="R3713">
        <v>0</v>
      </c>
      <c r="S3713">
        <v>0</v>
      </c>
      <c r="T3713">
        <v>0</v>
      </c>
      <c r="U3713">
        <v>0</v>
      </c>
      <c r="V3713">
        <v>0</v>
      </c>
      <c r="W3713">
        <v>0</v>
      </c>
      <c r="X3713">
        <v>0</v>
      </c>
      <c r="Y3713">
        <v>0</v>
      </c>
      <c r="Z3713">
        <v>0</v>
      </c>
      <c r="AA3713">
        <v>0</v>
      </c>
      <c r="AB3713">
        <v>0</v>
      </c>
      <c r="AC3713">
        <v>0</v>
      </c>
      <c r="AD3713">
        <v>0</v>
      </c>
      <c r="AE3713">
        <v>0</v>
      </c>
      <c r="AF3713">
        <v>0</v>
      </c>
      <c r="AG3713">
        <v>0</v>
      </c>
      <c r="AH3713">
        <v>0</v>
      </c>
      <c r="AI3713">
        <v>0</v>
      </c>
      <c r="AJ3713">
        <v>0</v>
      </c>
      <c r="AK3713">
        <v>0</v>
      </c>
      <c r="AL3713">
        <v>0</v>
      </c>
      <c r="AM3713">
        <v>0</v>
      </c>
      <c r="AN3713">
        <v>0</v>
      </c>
      <c r="AO3713">
        <v>0</v>
      </c>
      <c r="AP3713">
        <v>0</v>
      </c>
      <c r="AQ3713">
        <v>0</v>
      </c>
    </row>
    <row r="3714" spans="1:43">
      <c r="A3714" t="s">
        <v>2342</v>
      </c>
      <c r="B3714" t="s">
        <v>2343</v>
      </c>
      <c r="C3714" t="s">
        <v>2336</v>
      </c>
      <c r="D3714" t="s">
        <v>2337</v>
      </c>
      <c r="E3714" t="s">
        <v>2048</v>
      </c>
      <c r="F3714" t="s">
        <v>2049</v>
      </c>
      <c r="G3714" t="s">
        <v>80</v>
      </c>
      <c r="H3714" t="s">
        <v>81</v>
      </c>
      <c r="I3714" s="2">
        <v>0</v>
      </c>
      <c r="J3714" s="2">
        <v>1</v>
      </c>
      <c r="K3714" s="2">
        <v>0</v>
      </c>
      <c r="L3714" t="s">
        <v>82</v>
      </c>
      <c r="M3714" t="s">
        <v>83</v>
      </c>
      <c r="N3714" t="s">
        <v>84</v>
      </c>
      <c r="O3714" t="s">
        <v>85</v>
      </c>
      <c r="P3714" t="s">
        <v>86</v>
      </c>
      <c r="Q3714">
        <v>63</v>
      </c>
      <c r="R3714">
        <v>65</v>
      </c>
      <c r="S3714">
        <v>66</v>
      </c>
      <c r="T3714">
        <v>68</v>
      </c>
      <c r="U3714">
        <v>69</v>
      </c>
      <c r="V3714">
        <v>71</v>
      </c>
      <c r="W3714">
        <v>72</v>
      </c>
      <c r="X3714">
        <v>74</v>
      </c>
      <c r="Y3714">
        <v>76</v>
      </c>
      <c r="Z3714">
        <v>77</v>
      </c>
      <c r="AA3714">
        <v>79</v>
      </c>
      <c r="AB3714">
        <v>81</v>
      </c>
      <c r="AC3714">
        <v>82</v>
      </c>
      <c r="AD3714">
        <v>84</v>
      </c>
      <c r="AE3714">
        <v>86</v>
      </c>
      <c r="AF3714">
        <v>87</v>
      </c>
      <c r="AG3714">
        <v>89</v>
      </c>
      <c r="AH3714">
        <v>91</v>
      </c>
      <c r="AI3714">
        <v>93</v>
      </c>
      <c r="AJ3714">
        <v>94</v>
      </c>
      <c r="AK3714">
        <v>96</v>
      </c>
      <c r="AL3714">
        <v>97</v>
      </c>
      <c r="AM3714">
        <v>98</v>
      </c>
      <c r="AN3714">
        <v>99</v>
      </c>
      <c r="AO3714">
        <v>100</v>
      </c>
      <c r="AP3714">
        <v>101</v>
      </c>
      <c r="AQ3714">
        <v>102</v>
      </c>
    </row>
    <row r="3715" spans="1:43">
      <c r="A3715" t="s">
        <v>2342</v>
      </c>
      <c r="B3715" t="s">
        <v>2343</v>
      </c>
      <c r="C3715" t="s">
        <v>2336</v>
      </c>
      <c r="D3715" t="s">
        <v>2337</v>
      </c>
      <c r="E3715" t="s">
        <v>2048</v>
      </c>
      <c r="F3715" t="s">
        <v>2049</v>
      </c>
      <c r="G3715" t="s">
        <v>80</v>
      </c>
      <c r="H3715" t="s">
        <v>81</v>
      </c>
      <c r="I3715" s="2">
        <v>0</v>
      </c>
      <c r="J3715" s="2">
        <v>1</v>
      </c>
      <c r="K3715" s="2">
        <v>0</v>
      </c>
      <c r="L3715" t="s">
        <v>82</v>
      </c>
      <c r="M3715" t="s">
        <v>87</v>
      </c>
      <c r="N3715" t="s">
        <v>88</v>
      </c>
      <c r="O3715" t="s">
        <v>85</v>
      </c>
      <c r="P3715" t="s">
        <v>86</v>
      </c>
      <c r="Q3715">
        <v>63</v>
      </c>
      <c r="R3715">
        <v>64</v>
      </c>
      <c r="S3715">
        <v>64</v>
      </c>
      <c r="T3715">
        <v>65</v>
      </c>
      <c r="U3715">
        <v>66</v>
      </c>
      <c r="V3715">
        <v>67</v>
      </c>
      <c r="W3715">
        <v>68</v>
      </c>
      <c r="X3715">
        <v>69</v>
      </c>
      <c r="Y3715">
        <v>70</v>
      </c>
      <c r="Z3715">
        <v>71</v>
      </c>
      <c r="AA3715">
        <v>72</v>
      </c>
      <c r="AB3715">
        <v>73</v>
      </c>
      <c r="AC3715">
        <v>74</v>
      </c>
      <c r="AD3715">
        <v>75</v>
      </c>
      <c r="AE3715">
        <v>76</v>
      </c>
      <c r="AF3715">
        <v>77</v>
      </c>
      <c r="AG3715">
        <v>78</v>
      </c>
      <c r="AH3715">
        <v>79</v>
      </c>
      <c r="AI3715">
        <v>80</v>
      </c>
      <c r="AJ3715">
        <v>81</v>
      </c>
      <c r="AK3715">
        <v>82</v>
      </c>
      <c r="AL3715">
        <v>83</v>
      </c>
      <c r="AM3715">
        <v>84</v>
      </c>
      <c r="AN3715">
        <v>85</v>
      </c>
      <c r="AO3715">
        <v>86</v>
      </c>
      <c r="AP3715">
        <v>87</v>
      </c>
      <c r="AQ3715">
        <v>89</v>
      </c>
    </row>
    <row r="3716" spans="1:43">
      <c r="A3716" t="s">
        <v>2342</v>
      </c>
      <c r="B3716" t="s">
        <v>2343</v>
      </c>
      <c r="C3716" t="s">
        <v>2336</v>
      </c>
      <c r="D3716" t="s">
        <v>2337</v>
      </c>
      <c r="E3716" t="s">
        <v>2048</v>
      </c>
      <c r="F3716" t="s">
        <v>2049</v>
      </c>
      <c r="G3716" t="s">
        <v>80</v>
      </c>
      <c r="H3716" t="s">
        <v>81</v>
      </c>
      <c r="I3716" s="2">
        <v>0</v>
      </c>
      <c r="J3716" s="2">
        <v>1</v>
      </c>
      <c r="K3716" s="2">
        <v>0</v>
      </c>
      <c r="L3716" t="s">
        <v>82</v>
      </c>
      <c r="M3716" t="s">
        <v>89</v>
      </c>
      <c r="N3716" t="s">
        <v>90</v>
      </c>
      <c r="O3716" t="s">
        <v>85</v>
      </c>
      <c r="P3716" t="s">
        <v>86</v>
      </c>
      <c r="Q3716">
        <v>63</v>
      </c>
      <c r="R3716">
        <v>65</v>
      </c>
      <c r="S3716">
        <v>67</v>
      </c>
      <c r="T3716">
        <v>69</v>
      </c>
      <c r="U3716">
        <v>71</v>
      </c>
      <c r="V3716">
        <v>73</v>
      </c>
      <c r="W3716">
        <v>75</v>
      </c>
      <c r="X3716">
        <v>77</v>
      </c>
      <c r="Y3716">
        <v>79</v>
      </c>
      <c r="Z3716">
        <v>81</v>
      </c>
      <c r="AA3716">
        <v>83</v>
      </c>
      <c r="AB3716">
        <v>85</v>
      </c>
      <c r="AC3716">
        <v>87</v>
      </c>
      <c r="AD3716">
        <v>89</v>
      </c>
      <c r="AE3716">
        <v>91</v>
      </c>
      <c r="AF3716">
        <v>92</v>
      </c>
      <c r="AG3716">
        <v>93</v>
      </c>
      <c r="AH3716">
        <v>94</v>
      </c>
      <c r="AI3716">
        <v>95</v>
      </c>
      <c r="AJ3716">
        <v>95</v>
      </c>
      <c r="AK3716">
        <v>96</v>
      </c>
      <c r="AL3716">
        <v>97</v>
      </c>
      <c r="AM3716">
        <v>98</v>
      </c>
      <c r="AN3716">
        <v>99</v>
      </c>
      <c r="AO3716">
        <v>100</v>
      </c>
      <c r="AP3716">
        <v>101</v>
      </c>
      <c r="AQ3716">
        <v>102</v>
      </c>
    </row>
    <row r="3717" spans="1:43">
      <c r="A3717" t="s">
        <v>2342</v>
      </c>
      <c r="B3717" t="s">
        <v>2343</v>
      </c>
      <c r="C3717" t="s">
        <v>2336</v>
      </c>
      <c r="D3717" t="s">
        <v>2337</v>
      </c>
      <c r="E3717" t="s">
        <v>2048</v>
      </c>
      <c r="F3717" t="s">
        <v>2049</v>
      </c>
      <c r="G3717" t="s">
        <v>80</v>
      </c>
      <c r="H3717" t="s">
        <v>81</v>
      </c>
      <c r="I3717" s="2">
        <v>0</v>
      </c>
      <c r="J3717" s="2">
        <v>1</v>
      </c>
      <c r="K3717" s="2">
        <v>0</v>
      </c>
      <c r="L3717" t="s">
        <v>82</v>
      </c>
      <c r="M3717" t="s">
        <v>83</v>
      </c>
      <c r="N3717" t="s">
        <v>91</v>
      </c>
      <c r="O3717" t="s">
        <v>85</v>
      </c>
      <c r="P3717" t="s">
        <v>86</v>
      </c>
      <c r="Q3717">
        <v>63</v>
      </c>
      <c r="R3717">
        <v>65</v>
      </c>
      <c r="S3717">
        <v>66</v>
      </c>
      <c r="T3717">
        <v>68</v>
      </c>
      <c r="U3717">
        <v>69</v>
      </c>
      <c r="V3717">
        <v>71</v>
      </c>
      <c r="W3717">
        <v>72</v>
      </c>
      <c r="X3717">
        <v>74</v>
      </c>
      <c r="Y3717">
        <v>76</v>
      </c>
      <c r="Z3717">
        <v>77</v>
      </c>
      <c r="AA3717">
        <v>79</v>
      </c>
      <c r="AB3717">
        <v>81</v>
      </c>
      <c r="AC3717">
        <v>82</v>
      </c>
      <c r="AD3717">
        <v>84</v>
      </c>
      <c r="AE3717">
        <v>86</v>
      </c>
      <c r="AF3717">
        <v>87</v>
      </c>
      <c r="AG3717">
        <v>89</v>
      </c>
      <c r="AH3717">
        <v>91</v>
      </c>
      <c r="AI3717">
        <v>93</v>
      </c>
      <c r="AJ3717">
        <v>94</v>
      </c>
      <c r="AK3717">
        <v>96</v>
      </c>
      <c r="AL3717">
        <v>97</v>
      </c>
      <c r="AM3717">
        <v>98</v>
      </c>
      <c r="AN3717">
        <v>99</v>
      </c>
      <c r="AO3717">
        <v>100</v>
      </c>
      <c r="AP3717">
        <v>101</v>
      </c>
      <c r="AQ3717">
        <v>102</v>
      </c>
    </row>
    <row r="3718" spans="1:43">
      <c r="A3718" t="s">
        <v>2344</v>
      </c>
      <c r="B3718" t="s">
        <v>2345</v>
      </c>
      <c r="C3718" t="s">
        <v>2336</v>
      </c>
      <c r="D3718" t="s">
        <v>2337</v>
      </c>
      <c r="E3718" t="s">
        <v>2048</v>
      </c>
      <c r="F3718" t="s">
        <v>2049</v>
      </c>
      <c r="G3718" t="s">
        <v>80</v>
      </c>
      <c r="H3718" t="s">
        <v>81</v>
      </c>
      <c r="I3718" s="2">
        <v>0</v>
      </c>
      <c r="J3718" s="2">
        <v>1</v>
      </c>
      <c r="K3718" s="2">
        <v>0</v>
      </c>
      <c r="L3718" t="s">
        <v>82</v>
      </c>
      <c r="M3718" t="s">
        <v>83</v>
      </c>
      <c r="N3718" t="s">
        <v>84</v>
      </c>
      <c r="O3718" t="s">
        <v>85</v>
      </c>
      <c r="P3718" t="s">
        <v>86</v>
      </c>
      <c r="Q3718">
        <v>153</v>
      </c>
      <c r="R3718">
        <v>157</v>
      </c>
      <c r="S3718">
        <v>160</v>
      </c>
      <c r="T3718">
        <v>164</v>
      </c>
      <c r="U3718">
        <v>168</v>
      </c>
      <c r="V3718">
        <v>172</v>
      </c>
      <c r="W3718">
        <v>176</v>
      </c>
      <c r="X3718">
        <v>180</v>
      </c>
      <c r="Y3718">
        <v>184</v>
      </c>
      <c r="Z3718">
        <v>188</v>
      </c>
      <c r="AA3718">
        <v>192</v>
      </c>
      <c r="AB3718">
        <v>196</v>
      </c>
      <c r="AC3718">
        <v>200</v>
      </c>
      <c r="AD3718">
        <v>204</v>
      </c>
      <c r="AE3718">
        <v>209</v>
      </c>
      <c r="AF3718">
        <v>213</v>
      </c>
      <c r="AG3718">
        <v>217</v>
      </c>
      <c r="AH3718">
        <v>222</v>
      </c>
      <c r="AI3718">
        <v>226</v>
      </c>
      <c r="AJ3718">
        <v>231</v>
      </c>
      <c r="AK3718">
        <v>235</v>
      </c>
      <c r="AL3718">
        <v>238</v>
      </c>
      <c r="AM3718">
        <v>240</v>
      </c>
      <c r="AN3718">
        <v>243</v>
      </c>
      <c r="AO3718">
        <v>245</v>
      </c>
      <c r="AP3718">
        <v>247</v>
      </c>
      <c r="AQ3718">
        <v>249</v>
      </c>
    </row>
    <row r="3719" spans="1:43">
      <c r="A3719" t="s">
        <v>2344</v>
      </c>
      <c r="B3719" t="s">
        <v>2345</v>
      </c>
      <c r="C3719" t="s">
        <v>2336</v>
      </c>
      <c r="D3719" t="s">
        <v>2337</v>
      </c>
      <c r="E3719" t="s">
        <v>2048</v>
      </c>
      <c r="F3719" t="s">
        <v>2049</v>
      </c>
      <c r="G3719" t="s">
        <v>80</v>
      </c>
      <c r="H3719" t="s">
        <v>81</v>
      </c>
      <c r="I3719" s="2">
        <v>0</v>
      </c>
      <c r="J3719" s="2">
        <v>1</v>
      </c>
      <c r="K3719" s="2">
        <v>0</v>
      </c>
      <c r="L3719" t="s">
        <v>82</v>
      </c>
      <c r="M3719" t="s">
        <v>87</v>
      </c>
      <c r="N3719" t="s">
        <v>88</v>
      </c>
      <c r="O3719" t="s">
        <v>85</v>
      </c>
      <c r="P3719" t="s">
        <v>86</v>
      </c>
      <c r="Q3719">
        <v>153</v>
      </c>
      <c r="R3719">
        <v>155</v>
      </c>
      <c r="S3719">
        <v>157</v>
      </c>
      <c r="T3719">
        <v>159</v>
      </c>
      <c r="U3719">
        <v>162</v>
      </c>
      <c r="V3719">
        <v>164</v>
      </c>
      <c r="W3719">
        <v>166</v>
      </c>
      <c r="X3719">
        <v>169</v>
      </c>
      <c r="Y3719">
        <v>171</v>
      </c>
      <c r="Z3719">
        <v>173</v>
      </c>
      <c r="AA3719">
        <v>176</v>
      </c>
      <c r="AB3719">
        <v>178</v>
      </c>
      <c r="AC3719">
        <v>181</v>
      </c>
      <c r="AD3719">
        <v>183</v>
      </c>
      <c r="AE3719">
        <v>186</v>
      </c>
      <c r="AF3719">
        <v>188</v>
      </c>
      <c r="AG3719">
        <v>191</v>
      </c>
      <c r="AH3719">
        <v>193</v>
      </c>
      <c r="AI3719">
        <v>196</v>
      </c>
      <c r="AJ3719">
        <v>198</v>
      </c>
      <c r="AK3719">
        <v>201</v>
      </c>
      <c r="AL3719">
        <v>204</v>
      </c>
      <c r="AM3719">
        <v>206</v>
      </c>
      <c r="AN3719">
        <v>209</v>
      </c>
      <c r="AO3719">
        <v>212</v>
      </c>
      <c r="AP3719">
        <v>215</v>
      </c>
      <c r="AQ3719">
        <v>217</v>
      </c>
    </row>
    <row r="3720" spans="1:43">
      <c r="A3720" t="s">
        <v>2344</v>
      </c>
      <c r="B3720" t="s">
        <v>2345</v>
      </c>
      <c r="C3720" t="s">
        <v>2336</v>
      </c>
      <c r="D3720" t="s">
        <v>2337</v>
      </c>
      <c r="E3720" t="s">
        <v>2048</v>
      </c>
      <c r="F3720" t="s">
        <v>2049</v>
      </c>
      <c r="G3720" t="s">
        <v>80</v>
      </c>
      <c r="H3720" t="s">
        <v>81</v>
      </c>
      <c r="I3720" s="2">
        <v>0</v>
      </c>
      <c r="J3720" s="2">
        <v>1</v>
      </c>
      <c r="K3720" s="2">
        <v>0</v>
      </c>
      <c r="L3720" t="s">
        <v>82</v>
      </c>
      <c r="M3720" t="s">
        <v>89</v>
      </c>
      <c r="N3720" t="s">
        <v>90</v>
      </c>
      <c r="O3720" t="s">
        <v>85</v>
      </c>
      <c r="P3720" t="s">
        <v>86</v>
      </c>
      <c r="Q3720">
        <v>153</v>
      </c>
      <c r="R3720">
        <v>158</v>
      </c>
      <c r="S3720">
        <v>163</v>
      </c>
      <c r="T3720">
        <v>169</v>
      </c>
      <c r="U3720">
        <v>174</v>
      </c>
      <c r="V3720">
        <v>179</v>
      </c>
      <c r="W3720">
        <v>184</v>
      </c>
      <c r="X3720">
        <v>189</v>
      </c>
      <c r="Y3720">
        <v>194</v>
      </c>
      <c r="Z3720">
        <v>199</v>
      </c>
      <c r="AA3720">
        <v>204</v>
      </c>
      <c r="AB3720">
        <v>209</v>
      </c>
      <c r="AC3720">
        <v>214</v>
      </c>
      <c r="AD3720">
        <v>219</v>
      </c>
      <c r="AE3720">
        <v>223</v>
      </c>
      <c r="AF3720">
        <v>225</v>
      </c>
      <c r="AG3720">
        <v>227</v>
      </c>
      <c r="AH3720">
        <v>230</v>
      </c>
      <c r="AI3720">
        <v>232</v>
      </c>
      <c r="AJ3720">
        <v>234</v>
      </c>
      <c r="AK3720">
        <v>236</v>
      </c>
      <c r="AL3720">
        <v>238</v>
      </c>
      <c r="AM3720">
        <v>241</v>
      </c>
      <c r="AN3720">
        <v>243</v>
      </c>
      <c r="AO3720">
        <v>245</v>
      </c>
      <c r="AP3720">
        <v>247</v>
      </c>
      <c r="AQ3720">
        <v>250</v>
      </c>
    </row>
    <row r="3721" spans="1:43">
      <c r="A3721" t="s">
        <v>2344</v>
      </c>
      <c r="B3721" t="s">
        <v>2345</v>
      </c>
      <c r="C3721" t="s">
        <v>2336</v>
      </c>
      <c r="D3721" t="s">
        <v>2337</v>
      </c>
      <c r="E3721" t="s">
        <v>2048</v>
      </c>
      <c r="F3721" t="s">
        <v>2049</v>
      </c>
      <c r="G3721" t="s">
        <v>80</v>
      </c>
      <c r="H3721" t="s">
        <v>81</v>
      </c>
      <c r="I3721" s="2">
        <v>0</v>
      </c>
      <c r="J3721" s="2">
        <v>1</v>
      </c>
      <c r="K3721" s="2">
        <v>0</v>
      </c>
      <c r="L3721" t="s">
        <v>82</v>
      </c>
      <c r="M3721" t="s">
        <v>83</v>
      </c>
      <c r="N3721" t="s">
        <v>91</v>
      </c>
      <c r="O3721" t="s">
        <v>85</v>
      </c>
      <c r="P3721" t="s">
        <v>86</v>
      </c>
      <c r="Q3721">
        <v>153</v>
      </c>
      <c r="R3721">
        <v>157</v>
      </c>
      <c r="S3721">
        <v>160</v>
      </c>
      <c r="T3721">
        <v>164</v>
      </c>
      <c r="U3721">
        <v>168</v>
      </c>
      <c r="V3721">
        <v>172</v>
      </c>
      <c r="W3721">
        <v>176</v>
      </c>
      <c r="X3721">
        <v>180</v>
      </c>
      <c r="Y3721">
        <v>184</v>
      </c>
      <c r="Z3721">
        <v>188</v>
      </c>
      <c r="AA3721">
        <v>192</v>
      </c>
      <c r="AB3721">
        <v>196</v>
      </c>
      <c r="AC3721">
        <v>200</v>
      </c>
      <c r="AD3721">
        <v>204</v>
      </c>
      <c r="AE3721">
        <v>209</v>
      </c>
      <c r="AF3721">
        <v>213</v>
      </c>
      <c r="AG3721">
        <v>217</v>
      </c>
      <c r="AH3721">
        <v>222</v>
      </c>
      <c r="AI3721">
        <v>226</v>
      </c>
      <c r="AJ3721">
        <v>231</v>
      </c>
      <c r="AK3721">
        <v>235</v>
      </c>
      <c r="AL3721">
        <v>238</v>
      </c>
      <c r="AM3721">
        <v>240</v>
      </c>
      <c r="AN3721">
        <v>243</v>
      </c>
      <c r="AO3721">
        <v>245</v>
      </c>
      <c r="AP3721">
        <v>247</v>
      </c>
      <c r="AQ3721">
        <v>249</v>
      </c>
    </row>
    <row r="3722" spans="1:43">
      <c r="A3722" t="s">
        <v>2346</v>
      </c>
      <c r="B3722" t="s">
        <v>2347</v>
      </c>
      <c r="C3722" t="s">
        <v>2128</v>
      </c>
      <c r="D3722" t="s">
        <v>2129</v>
      </c>
      <c r="E3722" t="s">
        <v>2048</v>
      </c>
      <c r="F3722" t="s">
        <v>2049</v>
      </c>
      <c r="G3722" t="s">
        <v>80</v>
      </c>
      <c r="H3722" t="s">
        <v>81</v>
      </c>
      <c r="I3722" s="2">
        <v>0</v>
      </c>
      <c r="J3722" s="2">
        <v>1</v>
      </c>
      <c r="K3722" s="2">
        <v>0</v>
      </c>
      <c r="L3722" t="s">
        <v>82</v>
      </c>
      <c r="M3722" t="s">
        <v>83</v>
      </c>
      <c r="N3722" t="s">
        <v>84</v>
      </c>
      <c r="O3722" t="s">
        <v>85</v>
      </c>
      <c r="P3722" t="s">
        <v>86</v>
      </c>
      <c r="Q3722">
        <v>138</v>
      </c>
      <c r="R3722">
        <v>141</v>
      </c>
      <c r="S3722">
        <v>144</v>
      </c>
      <c r="T3722">
        <v>148</v>
      </c>
      <c r="U3722">
        <v>151</v>
      </c>
      <c r="V3722">
        <v>155</v>
      </c>
      <c r="W3722">
        <v>158</v>
      </c>
      <c r="X3722">
        <v>162</v>
      </c>
      <c r="Y3722">
        <v>165</v>
      </c>
      <c r="Z3722">
        <v>169</v>
      </c>
      <c r="AA3722">
        <v>173</v>
      </c>
      <c r="AB3722">
        <v>177</v>
      </c>
      <c r="AC3722">
        <v>180</v>
      </c>
      <c r="AD3722">
        <v>184</v>
      </c>
      <c r="AE3722">
        <v>188</v>
      </c>
      <c r="AF3722">
        <v>192</v>
      </c>
      <c r="AG3722">
        <v>196</v>
      </c>
      <c r="AH3722">
        <v>200</v>
      </c>
      <c r="AI3722">
        <v>204</v>
      </c>
      <c r="AJ3722">
        <v>208</v>
      </c>
      <c r="AK3722">
        <v>212</v>
      </c>
      <c r="AL3722">
        <v>215</v>
      </c>
      <c r="AM3722">
        <v>217</v>
      </c>
      <c r="AN3722">
        <v>219</v>
      </c>
      <c r="AO3722">
        <v>221</v>
      </c>
      <c r="AP3722">
        <v>223</v>
      </c>
      <c r="AQ3722">
        <v>225</v>
      </c>
    </row>
    <row r="3723" spans="1:43">
      <c r="A3723" t="s">
        <v>2346</v>
      </c>
      <c r="B3723" t="s">
        <v>2347</v>
      </c>
      <c r="C3723" t="s">
        <v>2128</v>
      </c>
      <c r="D3723" t="s">
        <v>2129</v>
      </c>
      <c r="E3723" t="s">
        <v>2048</v>
      </c>
      <c r="F3723" t="s">
        <v>2049</v>
      </c>
      <c r="G3723" t="s">
        <v>80</v>
      </c>
      <c r="H3723" t="s">
        <v>81</v>
      </c>
      <c r="I3723" s="2">
        <v>0</v>
      </c>
      <c r="J3723" s="2">
        <v>1</v>
      </c>
      <c r="K3723" s="2">
        <v>0</v>
      </c>
      <c r="L3723" t="s">
        <v>82</v>
      </c>
      <c r="M3723" t="s">
        <v>87</v>
      </c>
      <c r="N3723" t="s">
        <v>88</v>
      </c>
      <c r="O3723" t="s">
        <v>85</v>
      </c>
      <c r="P3723" t="s">
        <v>86</v>
      </c>
      <c r="Q3723">
        <v>138</v>
      </c>
      <c r="R3723">
        <v>140</v>
      </c>
      <c r="S3723">
        <v>142</v>
      </c>
      <c r="T3723">
        <v>144</v>
      </c>
      <c r="U3723">
        <v>146</v>
      </c>
      <c r="V3723">
        <v>148</v>
      </c>
      <c r="W3723">
        <v>150</v>
      </c>
      <c r="X3723">
        <v>152</v>
      </c>
      <c r="Y3723">
        <v>154</v>
      </c>
      <c r="Z3723">
        <v>156</v>
      </c>
      <c r="AA3723">
        <v>158</v>
      </c>
      <c r="AB3723">
        <v>160</v>
      </c>
      <c r="AC3723">
        <v>163</v>
      </c>
      <c r="AD3723">
        <v>165</v>
      </c>
      <c r="AE3723">
        <v>167</v>
      </c>
      <c r="AF3723">
        <v>169</v>
      </c>
      <c r="AG3723">
        <v>172</v>
      </c>
      <c r="AH3723">
        <v>174</v>
      </c>
      <c r="AI3723">
        <v>176</v>
      </c>
      <c r="AJ3723">
        <v>179</v>
      </c>
      <c r="AK3723">
        <v>181</v>
      </c>
      <c r="AL3723">
        <v>183</v>
      </c>
      <c r="AM3723">
        <v>186</v>
      </c>
      <c r="AN3723">
        <v>188</v>
      </c>
      <c r="AO3723">
        <v>191</v>
      </c>
      <c r="AP3723">
        <v>193</v>
      </c>
      <c r="AQ3723">
        <v>196</v>
      </c>
    </row>
    <row r="3724" spans="1:43">
      <c r="A3724" t="s">
        <v>2346</v>
      </c>
      <c r="B3724" t="s">
        <v>2347</v>
      </c>
      <c r="C3724" t="s">
        <v>2128</v>
      </c>
      <c r="D3724" t="s">
        <v>2129</v>
      </c>
      <c r="E3724" t="s">
        <v>2048</v>
      </c>
      <c r="F3724" t="s">
        <v>2049</v>
      </c>
      <c r="G3724" t="s">
        <v>80</v>
      </c>
      <c r="H3724" t="s">
        <v>81</v>
      </c>
      <c r="I3724" s="2">
        <v>0</v>
      </c>
      <c r="J3724" s="2">
        <v>1</v>
      </c>
      <c r="K3724" s="2">
        <v>0</v>
      </c>
      <c r="L3724" t="s">
        <v>82</v>
      </c>
      <c r="M3724" t="s">
        <v>89</v>
      </c>
      <c r="N3724" t="s">
        <v>90</v>
      </c>
      <c r="O3724" t="s">
        <v>85</v>
      </c>
      <c r="P3724" t="s">
        <v>86</v>
      </c>
      <c r="Q3724">
        <v>138</v>
      </c>
      <c r="R3724">
        <v>143</v>
      </c>
      <c r="S3724">
        <v>147</v>
      </c>
      <c r="T3724">
        <v>152</v>
      </c>
      <c r="U3724">
        <v>156</v>
      </c>
      <c r="V3724">
        <v>161</v>
      </c>
      <c r="W3724">
        <v>165</v>
      </c>
      <c r="X3724">
        <v>170</v>
      </c>
      <c r="Y3724">
        <v>174</v>
      </c>
      <c r="Z3724">
        <v>179</v>
      </c>
      <c r="AA3724">
        <v>183</v>
      </c>
      <c r="AB3724">
        <v>188</v>
      </c>
      <c r="AC3724">
        <v>193</v>
      </c>
      <c r="AD3724">
        <v>197</v>
      </c>
      <c r="AE3724">
        <v>201</v>
      </c>
      <c r="AF3724">
        <v>203</v>
      </c>
      <c r="AG3724">
        <v>205</v>
      </c>
      <c r="AH3724">
        <v>207</v>
      </c>
      <c r="AI3724">
        <v>209</v>
      </c>
      <c r="AJ3724">
        <v>211</v>
      </c>
      <c r="AK3724">
        <v>213</v>
      </c>
      <c r="AL3724">
        <v>215</v>
      </c>
      <c r="AM3724">
        <v>217</v>
      </c>
      <c r="AN3724">
        <v>219</v>
      </c>
      <c r="AO3724">
        <v>221</v>
      </c>
      <c r="AP3724">
        <v>223</v>
      </c>
      <c r="AQ3724">
        <v>225</v>
      </c>
    </row>
    <row r="3725" spans="1:43">
      <c r="A3725" t="s">
        <v>2346</v>
      </c>
      <c r="B3725" t="s">
        <v>2347</v>
      </c>
      <c r="C3725" t="s">
        <v>2128</v>
      </c>
      <c r="D3725" t="s">
        <v>2129</v>
      </c>
      <c r="E3725" t="s">
        <v>2048</v>
      </c>
      <c r="F3725" t="s">
        <v>2049</v>
      </c>
      <c r="G3725" t="s">
        <v>80</v>
      </c>
      <c r="H3725" t="s">
        <v>81</v>
      </c>
      <c r="I3725" s="2">
        <v>0</v>
      </c>
      <c r="J3725" s="2">
        <v>1</v>
      </c>
      <c r="K3725" s="2">
        <v>0</v>
      </c>
      <c r="L3725" t="s">
        <v>82</v>
      </c>
      <c r="M3725" t="s">
        <v>83</v>
      </c>
      <c r="N3725" t="s">
        <v>91</v>
      </c>
      <c r="O3725" t="s">
        <v>85</v>
      </c>
      <c r="P3725" t="s">
        <v>86</v>
      </c>
      <c r="Q3725">
        <v>138</v>
      </c>
      <c r="R3725">
        <v>141</v>
      </c>
      <c r="S3725">
        <v>144</v>
      </c>
      <c r="T3725">
        <v>148</v>
      </c>
      <c r="U3725">
        <v>151</v>
      </c>
      <c r="V3725">
        <v>155</v>
      </c>
      <c r="W3725">
        <v>158</v>
      </c>
      <c r="X3725">
        <v>162</v>
      </c>
      <c r="Y3725">
        <v>165</v>
      </c>
      <c r="Z3725">
        <v>169</v>
      </c>
      <c r="AA3725">
        <v>173</v>
      </c>
      <c r="AB3725">
        <v>177</v>
      </c>
      <c r="AC3725">
        <v>180</v>
      </c>
      <c r="AD3725">
        <v>184</v>
      </c>
      <c r="AE3725">
        <v>188</v>
      </c>
      <c r="AF3725">
        <v>192</v>
      </c>
      <c r="AG3725">
        <v>196</v>
      </c>
      <c r="AH3725">
        <v>200</v>
      </c>
      <c r="AI3725">
        <v>204</v>
      </c>
      <c r="AJ3725">
        <v>208</v>
      </c>
      <c r="AK3725">
        <v>212</v>
      </c>
      <c r="AL3725">
        <v>215</v>
      </c>
      <c r="AM3725">
        <v>217</v>
      </c>
      <c r="AN3725">
        <v>219</v>
      </c>
      <c r="AO3725">
        <v>221</v>
      </c>
      <c r="AP3725">
        <v>223</v>
      </c>
      <c r="AQ3725">
        <v>225</v>
      </c>
    </row>
    <row r="3726" spans="1:43">
      <c r="A3726" t="s">
        <v>2348</v>
      </c>
      <c r="B3726" t="s">
        <v>2349</v>
      </c>
      <c r="C3726" t="s">
        <v>2350</v>
      </c>
      <c r="D3726" t="s">
        <v>2351</v>
      </c>
      <c r="E3726" t="s">
        <v>2352</v>
      </c>
      <c r="F3726" t="s">
        <v>2353</v>
      </c>
      <c r="G3726" t="s">
        <v>80</v>
      </c>
      <c r="H3726" t="s">
        <v>81</v>
      </c>
      <c r="I3726" s="2">
        <v>0</v>
      </c>
      <c r="J3726" s="2">
        <v>0</v>
      </c>
      <c r="K3726" s="2">
        <v>1</v>
      </c>
      <c r="L3726" t="s">
        <v>995</v>
      </c>
      <c r="M3726" t="s">
        <v>83</v>
      </c>
      <c r="N3726" t="s">
        <v>84</v>
      </c>
      <c r="O3726" t="s">
        <v>85</v>
      </c>
      <c r="P3726" t="s">
        <v>86</v>
      </c>
      <c r="Q3726">
        <v>37</v>
      </c>
      <c r="R3726">
        <v>37</v>
      </c>
      <c r="S3726">
        <v>38</v>
      </c>
      <c r="T3726">
        <v>38</v>
      </c>
      <c r="U3726">
        <v>38</v>
      </c>
      <c r="V3726">
        <v>38</v>
      </c>
      <c r="W3726">
        <v>38</v>
      </c>
      <c r="X3726">
        <v>38</v>
      </c>
      <c r="Y3726">
        <v>38</v>
      </c>
      <c r="Z3726">
        <v>38</v>
      </c>
      <c r="AA3726">
        <v>39</v>
      </c>
      <c r="AB3726">
        <v>39</v>
      </c>
      <c r="AC3726">
        <v>39</v>
      </c>
      <c r="AD3726">
        <v>39</v>
      </c>
      <c r="AE3726">
        <v>39</v>
      </c>
      <c r="AF3726">
        <v>39</v>
      </c>
      <c r="AG3726">
        <v>39</v>
      </c>
      <c r="AH3726">
        <v>39</v>
      </c>
      <c r="AI3726">
        <v>39</v>
      </c>
      <c r="AJ3726">
        <v>39</v>
      </c>
      <c r="AK3726">
        <v>39</v>
      </c>
      <c r="AL3726">
        <v>39</v>
      </c>
      <c r="AM3726">
        <v>39</v>
      </c>
      <c r="AN3726">
        <v>38</v>
      </c>
      <c r="AO3726">
        <v>38</v>
      </c>
      <c r="AP3726">
        <v>38</v>
      </c>
      <c r="AQ3726">
        <v>37</v>
      </c>
    </row>
    <row r="3727" spans="1:43">
      <c r="A3727" t="s">
        <v>2348</v>
      </c>
      <c r="B3727" t="s">
        <v>2349</v>
      </c>
      <c r="C3727" t="s">
        <v>2350</v>
      </c>
      <c r="D3727" t="s">
        <v>2351</v>
      </c>
      <c r="E3727" t="s">
        <v>2352</v>
      </c>
      <c r="F3727" t="s">
        <v>2353</v>
      </c>
      <c r="G3727" t="s">
        <v>80</v>
      </c>
      <c r="H3727" t="s">
        <v>81</v>
      </c>
      <c r="I3727" s="2">
        <v>0</v>
      </c>
      <c r="J3727" s="2">
        <v>0</v>
      </c>
      <c r="K3727" s="2">
        <v>1</v>
      </c>
      <c r="L3727" t="s">
        <v>995</v>
      </c>
      <c r="M3727" t="s">
        <v>87</v>
      </c>
      <c r="N3727" t="s">
        <v>88</v>
      </c>
      <c r="O3727" t="s">
        <v>85</v>
      </c>
      <c r="P3727" t="s">
        <v>86</v>
      </c>
      <c r="Q3727">
        <v>37</v>
      </c>
      <c r="R3727">
        <v>37</v>
      </c>
      <c r="S3727">
        <v>37</v>
      </c>
      <c r="T3727">
        <v>36</v>
      </c>
      <c r="U3727">
        <v>36</v>
      </c>
      <c r="V3727">
        <v>36</v>
      </c>
      <c r="W3727">
        <v>36</v>
      </c>
      <c r="X3727">
        <v>36</v>
      </c>
      <c r="Y3727">
        <v>35</v>
      </c>
      <c r="Z3727">
        <v>35</v>
      </c>
      <c r="AA3727">
        <v>35</v>
      </c>
      <c r="AB3727">
        <v>35</v>
      </c>
      <c r="AC3727">
        <v>35</v>
      </c>
      <c r="AD3727">
        <v>35</v>
      </c>
      <c r="AE3727">
        <v>34</v>
      </c>
      <c r="AF3727">
        <v>34</v>
      </c>
      <c r="AG3727">
        <v>34</v>
      </c>
      <c r="AH3727">
        <v>34</v>
      </c>
      <c r="AI3727">
        <v>34</v>
      </c>
      <c r="AJ3727">
        <v>33</v>
      </c>
      <c r="AK3727">
        <v>33</v>
      </c>
      <c r="AL3727">
        <v>33</v>
      </c>
      <c r="AM3727">
        <v>33</v>
      </c>
      <c r="AN3727">
        <v>33</v>
      </c>
      <c r="AO3727">
        <v>33</v>
      </c>
      <c r="AP3727">
        <v>32</v>
      </c>
      <c r="AQ3727">
        <v>32</v>
      </c>
    </row>
    <row r="3728" spans="1:43">
      <c r="A3728" t="s">
        <v>2348</v>
      </c>
      <c r="B3728" t="s">
        <v>2349</v>
      </c>
      <c r="C3728" t="s">
        <v>2350</v>
      </c>
      <c r="D3728" t="s">
        <v>2351</v>
      </c>
      <c r="E3728" t="s">
        <v>2352</v>
      </c>
      <c r="F3728" t="s">
        <v>2353</v>
      </c>
      <c r="G3728" t="s">
        <v>80</v>
      </c>
      <c r="H3728" t="s">
        <v>81</v>
      </c>
      <c r="I3728" s="2">
        <v>0</v>
      </c>
      <c r="J3728" s="2">
        <v>0</v>
      </c>
      <c r="K3728" s="2">
        <v>1</v>
      </c>
      <c r="L3728" t="s">
        <v>995</v>
      </c>
      <c r="M3728" t="s">
        <v>89</v>
      </c>
      <c r="N3728" t="s">
        <v>90</v>
      </c>
      <c r="O3728" t="s">
        <v>85</v>
      </c>
      <c r="P3728" t="s">
        <v>86</v>
      </c>
      <c r="Q3728">
        <v>37</v>
      </c>
      <c r="R3728">
        <v>37</v>
      </c>
      <c r="S3728">
        <v>38</v>
      </c>
      <c r="T3728">
        <v>38</v>
      </c>
      <c r="U3728">
        <v>38</v>
      </c>
      <c r="V3728">
        <v>39</v>
      </c>
      <c r="W3728">
        <v>39</v>
      </c>
      <c r="X3728">
        <v>39</v>
      </c>
      <c r="Y3728">
        <v>40</v>
      </c>
      <c r="Z3728">
        <v>40</v>
      </c>
      <c r="AA3728">
        <v>40</v>
      </c>
      <c r="AB3728">
        <v>40</v>
      </c>
      <c r="AC3728">
        <v>40</v>
      </c>
      <c r="AD3728">
        <v>41</v>
      </c>
      <c r="AE3728">
        <v>41</v>
      </c>
      <c r="AF3728">
        <v>40</v>
      </c>
      <c r="AG3728">
        <v>40</v>
      </c>
      <c r="AH3728">
        <v>40</v>
      </c>
      <c r="AI3728">
        <v>39</v>
      </c>
      <c r="AJ3728">
        <v>39</v>
      </c>
      <c r="AK3728">
        <v>39</v>
      </c>
      <c r="AL3728">
        <v>38</v>
      </c>
      <c r="AM3728">
        <v>38</v>
      </c>
      <c r="AN3728">
        <v>38</v>
      </c>
      <c r="AO3728">
        <v>37</v>
      </c>
      <c r="AP3728">
        <v>37</v>
      </c>
      <c r="AQ3728">
        <v>37</v>
      </c>
    </row>
    <row r="3729" spans="1:43">
      <c r="A3729" t="s">
        <v>2348</v>
      </c>
      <c r="B3729" t="s">
        <v>2349</v>
      </c>
      <c r="C3729" t="s">
        <v>2350</v>
      </c>
      <c r="D3729" t="s">
        <v>2351</v>
      </c>
      <c r="E3729" t="s">
        <v>2352</v>
      </c>
      <c r="F3729" t="s">
        <v>2353</v>
      </c>
      <c r="G3729" t="s">
        <v>80</v>
      </c>
      <c r="H3729" t="s">
        <v>81</v>
      </c>
      <c r="I3729" s="2">
        <v>0</v>
      </c>
      <c r="J3729" s="2">
        <v>0</v>
      </c>
      <c r="K3729" s="2">
        <v>1</v>
      </c>
      <c r="L3729" t="s">
        <v>995</v>
      </c>
      <c r="M3729" t="s">
        <v>83</v>
      </c>
      <c r="N3729" t="s">
        <v>91</v>
      </c>
      <c r="O3729" t="s">
        <v>85</v>
      </c>
      <c r="P3729" t="s">
        <v>86</v>
      </c>
      <c r="Q3729">
        <v>37</v>
      </c>
      <c r="R3729">
        <v>37</v>
      </c>
      <c r="S3729">
        <v>38</v>
      </c>
      <c r="T3729">
        <v>38</v>
      </c>
      <c r="U3729">
        <v>38</v>
      </c>
      <c r="V3729">
        <v>38</v>
      </c>
      <c r="W3729">
        <v>38</v>
      </c>
      <c r="X3729">
        <v>38</v>
      </c>
      <c r="Y3729">
        <v>38</v>
      </c>
      <c r="Z3729">
        <v>38</v>
      </c>
      <c r="AA3729">
        <v>39</v>
      </c>
      <c r="AB3729">
        <v>39</v>
      </c>
      <c r="AC3729">
        <v>39</v>
      </c>
      <c r="AD3729">
        <v>39</v>
      </c>
      <c r="AE3729">
        <v>39</v>
      </c>
      <c r="AF3729">
        <v>39</v>
      </c>
      <c r="AG3729">
        <v>39</v>
      </c>
      <c r="AH3729">
        <v>39</v>
      </c>
      <c r="AI3729">
        <v>39</v>
      </c>
      <c r="AJ3729">
        <v>39</v>
      </c>
      <c r="AK3729">
        <v>39</v>
      </c>
      <c r="AL3729">
        <v>39</v>
      </c>
      <c r="AM3729">
        <v>39</v>
      </c>
      <c r="AN3729">
        <v>38</v>
      </c>
      <c r="AO3729">
        <v>38</v>
      </c>
      <c r="AP3729">
        <v>38</v>
      </c>
      <c r="AQ3729">
        <v>37</v>
      </c>
    </row>
    <row r="3730" spans="1:43">
      <c r="A3730" t="s">
        <v>2354</v>
      </c>
      <c r="B3730" t="s">
        <v>2355</v>
      </c>
      <c r="C3730" t="s">
        <v>2350</v>
      </c>
      <c r="D3730" t="s">
        <v>2351</v>
      </c>
      <c r="E3730" t="s">
        <v>2352</v>
      </c>
      <c r="F3730" t="s">
        <v>2353</v>
      </c>
      <c r="G3730" t="s">
        <v>80</v>
      </c>
      <c r="H3730" t="s">
        <v>81</v>
      </c>
      <c r="I3730" s="2">
        <v>0</v>
      </c>
      <c r="J3730" s="2">
        <v>0</v>
      </c>
      <c r="K3730" s="2">
        <v>1</v>
      </c>
      <c r="L3730" t="s">
        <v>995</v>
      </c>
      <c r="M3730" t="s">
        <v>83</v>
      </c>
      <c r="N3730" t="s">
        <v>84</v>
      </c>
      <c r="O3730" t="s">
        <v>85</v>
      </c>
      <c r="P3730" t="s">
        <v>86</v>
      </c>
      <c r="Q3730">
        <v>13</v>
      </c>
      <c r="R3730">
        <v>13</v>
      </c>
      <c r="S3730">
        <v>14</v>
      </c>
      <c r="T3730">
        <v>14</v>
      </c>
      <c r="U3730">
        <v>14</v>
      </c>
      <c r="V3730">
        <v>14</v>
      </c>
      <c r="W3730">
        <v>14</v>
      </c>
      <c r="X3730">
        <v>14</v>
      </c>
      <c r="Y3730">
        <v>14</v>
      </c>
      <c r="Z3730">
        <v>14</v>
      </c>
      <c r="AA3730">
        <v>14</v>
      </c>
      <c r="AB3730">
        <v>14</v>
      </c>
      <c r="AC3730">
        <v>14</v>
      </c>
      <c r="AD3730">
        <v>14</v>
      </c>
      <c r="AE3730">
        <v>14</v>
      </c>
      <c r="AF3730">
        <v>14</v>
      </c>
      <c r="AG3730">
        <v>14</v>
      </c>
      <c r="AH3730">
        <v>14</v>
      </c>
      <c r="AI3730">
        <v>14</v>
      </c>
      <c r="AJ3730">
        <v>14</v>
      </c>
      <c r="AK3730">
        <v>14</v>
      </c>
      <c r="AL3730">
        <v>14</v>
      </c>
      <c r="AM3730">
        <v>14</v>
      </c>
      <c r="AN3730">
        <v>14</v>
      </c>
      <c r="AO3730">
        <v>14</v>
      </c>
      <c r="AP3730">
        <v>13</v>
      </c>
      <c r="AQ3730">
        <v>13</v>
      </c>
    </row>
    <row r="3731" spans="1:43">
      <c r="A3731" t="s">
        <v>2354</v>
      </c>
      <c r="B3731" t="s">
        <v>2355</v>
      </c>
      <c r="C3731" t="s">
        <v>2350</v>
      </c>
      <c r="D3731" t="s">
        <v>2351</v>
      </c>
      <c r="E3731" t="s">
        <v>2352</v>
      </c>
      <c r="F3731" t="s">
        <v>2353</v>
      </c>
      <c r="G3731" t="s">
        <v>80</v>
      </c>
      <c r="H3731" t="s">
        <v>81</v>
      </c>
      <c r="I3731" s="2">
        <v>0</v>
      </c>
      <c r="J3731" s="2">
        <v>0</v>
      </c>
      <c r="K3731" s="2">
        <v>1</v>
      </c>
      <c r="L3731" t="s">
        <v>995</v>
      </c>
      <c r="M3731" t="s">
        <v>87</v>
      </c>
      <c r="N3731" t="s">
        <v>88</v>
      </c>
      <c r="O3731" t="s">
        <v>85</v>
      </c>
      <c r="P3731" t="s">
        <v>86</v>
      </c>
      <c r="Q3731">
        <v>13</v>
      </c>
      <c r="R3731">
        <v>13</v>
      </c>
      <c r="S3731">
        <v>13</v>
      </c>
      <c r="T3731">
        <v>13</v>
      </c>
      <c r="U3731">
        <v>13</v>
      </c>
      <c r="V3731">
        <v>13</v>
      </c>
      <c r="W3731">
        <v>13</v>
      </c>
      <c r="X3731">
        <v>13</v>
      </c>
      <c r="Y3731">
        <v>13</v>
      </c>
      <c r="Z3731">
        <v>13</v>
      </c>
      <c r="AA3731">
        <v>13</v>
      </c>
      <c r="AB3731">
        <v>13</v>
      </c>
      <c r="AC3731">
        <v>12</v>
      </c>
      <c r="AD3731">
        <v>12</v>
      </c>
      <c r="AE3731">
        <v>12</v>
      </c>
      <c r="AF3731">
        <v>12</v>
      </c>
      <c r="AG3731">
        <v>12</v>
      </c>
      <c r="AH3731">
        <v>12</v>
      </c>
      <c r="AI3731">
        <v>12</v>
      </c>
      <c r="AJ3731">
        <v>12</v>
      </c>
      <c r="AK3731">
        <v>12</v>
      </c>
      <c r="AL3731">
        <v>12</v>
      </c>
      <c r="AM3731">
        <v>12</v>
      </c>
      <c r="AN3731">
        <v>12</v>
      </c>
      <c r="AO3731">
        <v>12</v>
      </c>
      <c r="AP3731">
        <v>12</v>
      </c>
      <c r="AQ3731">
        <v>12</v>
      </c>
    </row>
    <row r="3732" spans="1:43">
      <c r="A3732" t="s">
        <v>2354</v>
      </c>
      <c r="B3732" t="s">
        <v>2355</v>
      </c>
      <c r="C3732" t="s">
        <v>2350</v>
      </c>
      <c r="D3732" t="s">
        <v>2351</v>
      </c>
      <c r="E3732" t="s">
        <v>2352</v>
      </c>
      <c r="F3732" t="s">
        <v>2353</v>
      </c>
      <c r="G3732" t="s">
        <v>80</v>
      </c>
      <c r="H3732" t="s">
        <v>81</v>
      </c>
      <c r="I3732" s="2">
        <v>0</v>
      </c>
      <c r="J3732" s="2">
        <v>0</v>
      </c>
      <c r="K3732" s="2">
        <v>1</v>
      </c>
      <c r="L3732" t="s">
        <v>995</v>
      </c>
      <c r="M3732" t="s">
        <v>89</v>
      </c>
      <c r="N3732" t="s">
        <v>90</v>
      </c>
      <c r="O3732" t="s">
        <v>85</v>
      </c>
      <c r="P3732" t="s">
        <v>86</v>
      </c>
      <c r="Q3732">
        <v>13</v>
      </c>
      <c r="R3732">
        <v>13</v>
      </c>
      <c r="S3732">
        <v>13</v>
      </c>
      <c r="T3732">
        <v>13</v>
      </c>
      <c r="U3732">
        <v>13</v>
      </c>
      <c r="V3732">
        <v>13</v>
      </c>
      <c r="W3732">
        <v>13</v>
      </c>
      <c r="X3732">
        <v>13</v>
      </c>
      <c r="Y3732">
        <v>14</v>
      </c>
      <c r="Z3732">
        <v>14</v>
      </c>
      <c r="AA3732">
        <v>14</v>
      </c>
      <c r="AB3732">
        <v>14</v>
      </c>
      <c r="AC3732">
        <v>14</v>
      </c>
      <c r="AD3732">
        <v>14</v>
      </c>
      <c r="AE3732">
        <v>14</v>
      </c>
      <c r="AF3732">
        <v>14</v>
      </c>
      <c r="AG3732">
        <v>14</v>
      </c>
      <c r="AH3732">
        <v>14</v>
      </c>
      <c r="AI3732">
        <v>13</v>
      </c>
      <c r="AJ3732">
        <v>13</v>
      </c>
      <c r="AK3732">
        <v>13</v>
      </c>
      <c r="AL3732">
        <v>13</v>
      </c>
      <c r="AM3732">
        <v>13</v>
      </c>
      <c r="AN3732">
        <v>13</v>
      </c>
      <c r="AO3732">
        <v>13</v>
      </c>
      <c r="AP3732">
        <v>13</v>
      </c>
      <c r="AQ3732">
        <v>13</v>
      </c>
    </row>
    <row r="3733" spans="1:43">
      <c r="A3733" t="s">
        <v>2354</v>
      </c>
      <c r="B3733" t="s">
        <v>2355</v>
      </c>
      <c r="C3733" t="s">
        <v>2350</v>
      </c>
      <c r="D3733" t="s">
        <v>2351</v>
      </c>
      <c r="E3733" t="s">
        <v>2352</v>
      </c>
      <c r="F3733" t="s">
        <v>2353</v>
      </c>
      <c r="G3733" t="s">
        <v>80</v>
      </c>
      <c r="H3733" t="s">
        <v>81</v>
      </c>
      <c r="I3733" s="2">
        <v>0</v>
      </c>
      <c r="J3733" s="2">
        <v>0</v>
      </c>
      <c r="K3733" s="2">
        <v>1</v>
      </c>
      <c r="L3733" t="s">
        <v>995</v>
      </c>
      <c r="M3733" t="s">
        <v>83</v>
      </c>
      <c r="N3733" t="s">
        <v>91</v>
      </c>
      <c r="O3733" t="s">
        <v>85</v>
      </c>
      <c r="P3733" t="s">
        <v>86</v>
      </c>
      <c r="Q3733">
        <v>13</v>
      </c>
      <c r="R3733">
        <v>13</v>
      </c>
      <c r="S3733">
        <v>14</v>
      </c>
      <c r="T3733">
        <v>14</v>
      </c>
      <c r="U3733">
        <v>14</v>
      </c>
      <c r="V3733">
        <v>14</v>
      </c>
      <c r="W3733">
        <v>14</v>
      </c>
      <c r="X3733">
        <v>14</v>
      </c>
      <c r="Y3733">
        <v>14</v>
      </c>
      <c r="Z3733">
        <v>14</v>
      </c>
      <c r="AA3733">
        <v>14</v>
      </c>
      <c r="AB3733">
        <v>14</v>
      </c>
      <c r="AC3733">
        <v>14</v>
      </c>
      <c r="AD3733">
        <v>14</v>
      </c>
      <c r="AE3733">
        <v>14</v>
      </c>
      <c r="AF3733">
        <v>14</v>
      </c>
      <c r="AG3733">
        <v>14</v>
      </c>
      <c r="AH3733">
        <v>14</v>
      </c>
      <c r="AI3733">
        <v>14</v>
      </c>
      <c r="AJ3733">
        <v>14</v>
      </c>
      <c r="AK3733">
        <v>14</v>
      </c>
      <c r="AL3733">
        <v>14</v>
      </c>
      <c r="AM3733">
        <v>14</v>
      </c>
      <c r="AN3733">
        <v>14</v>
      </c>
      <c r="AO3733">
        <v>14</v>
      </c>
      <c r="AP3733">
        <v>13</v>
      </c>
      <c r="AQ3733">
        <v>13</v>
      </c>
    </row>
    <row r="3734" spans="1:43">
      <c r="A3734" t="s">
        <v>2356</v>
      </c>
      <c r="B3734" t="s">
        <v>2357</v>
      </c>
      <c r="C3734" t="s">
        <v>2350</v>
      </c>
      <c r="D3734" t="s">
        <v>2351</v>
      </c>
      <c r="E3734" t="s">
        <v>2352</v>
      </c>
      <c r="F3734" t="s">
        <v>2353</v>
      </c>
      <c r="G3734" t="s">
        <v>80</v>
      </c>
      <c r="H3734" t="s">
        <v>81</v>
      </c>
      <c r="I3734" s="2">
        <v>0</v>
      </c>
      <c r="J3734" s="2">
        <v>0</v>
      </c>
      <c r="K3734" s="2">
        <v>1</v>
      </c>
      <c r="L3734" t="s">
        <v>995</v>
      </c>
      <c r="M3734" t="s">
        <v>83</v>
      </c>
      <c r="N3734" t="s">
        <v>84</v>
      </c>
      <c r="O3734" t="s">
        <v>85</v>
      </c>
      <c r="P3734" t="s">
        <v>86</v>
      </c>
      <c r="Q3734">
        <v>101</v>
      </c>
      <c r="R3734">
        <v>101</v>
      </c>
      <c r="S3734">
        <v>102</v>
      </c>
      <c r="T3734">
        <v>102</v>
      </c>
      <c r="U3734">
        <v>103</v>
      </c>
      <c r="V3734">
        <v>103</v>
      </c>
      <c r="W3734">
        <v>103</v>
      </c>
      <c r="X3734">
        <v>103</v>
      </c>
      <c r="Y3734">
        <v>104</v>
      </c>
      <c r="Z3734">
        <v>104</v>
      </c>
      <c r="AA3734">
        <v>104</v>
      </c>
      <c r="AB3734">
        <v>104</v>
      </c>
      <c r="AC3734">
        <v>105</v>
      </c>
      <c r="AD3734">
        <v>105</v>
      </c>
      <c r="AE3734">
        <v>105</v>
      </c>
      <c r="AF3734">
        <v>105</v>
      </c>
      <c r="AG3734">
        <v>105</v>
      </c>
      <c r="AH3734">
        <v>105</v>
      </c>
      <c r="AI3734">
        <v>105</v>
      </c>
      <c r="AJ3734">
        <v>105</v>
      </c>
      <c r="AK3734">
        <v>105</v>
      </c>
      <c r="AL3734">
        <v>105</v>
      </c>
      <c r="AM3734">
        <v>104</v>
      </c>
      <c r="AN3734">
        <v>103</v>
      </c>
      <c r="AO3734">
        <v>102</v>
      </c>
      <c r="AP3734">
        <v>102</v>
      </c>
      <c r="AQ3734">
        <v>101</v>
      </c>
    </row>
    <row r="3735" spans="1:43">
      <c r="A3735" t="s">
        <v>2356</v>
      </c>
      <c r="B3735" t="s">
        <v>2357</v>
      </c>
      <c r="C3735" t="s">
        <v>2350</v>
      </c>
      <c r="D3735" t="s">
        <v>2351</v>
      </c>
      <c r="E3735" t="s">
        <v>2352</v>
      </c>
      <c r="F3735" t="s">
        <v>2353</v>
      </c>
      <c r="G3735" t="s">
        <v>80</v>
      </c>
      <c r="H3735" t="s">
        <v>81</v>
      </c>
      <c r="I3735" s="2">
        <v>0</v>
      </c>
      <c r="J3735" s="2">
        <v>0</v>
      </c>
      <c r="K3735" s="2">
        <v>1</v>
      </c>
      <c r="L3735" t="s">
        <v>995</v>
      </c>
      <c r="M3735" t="s">
        <v>87</v>
      </c>
      <c r="N3735" t="s">
        <v>88</v>
      </c>
      <c r="O3735" t="s">
        <v>85</v>
      </c>
      <c r="P3735" t="s">
        <v>86</v>
      </c>
      <c r="Q3735">
        <v>101</v>
      </c>
      <c r="R3735">
        <v>101</v>
      </c>
      <c r="S3735">
        <v>100</v>
      </c>
      <c r="T3735">
        <v>100</v>
      </c>
      <c r="U3735">
        <v>99</v>
      </c>
      <c r="V3735">
        <v>98</v>
      </c>
      <c r="W3735">
        <v>98</v>
      </c>
      <c r="X3735">
        <v>97</v>
      </c>
      <c r="Y3735">
        <v>97</v>
      </c>
      <c r="Z3735">
        <v>96</v>
      </c>
      <c r="AA3735">
        <v>96</v>
      </c>
      <c r="AB3735">
        <v>95</v>
      </c>
      <c r="AC3735">
        <v>95</v>
      </c>
      <c r="AD3735">
        <v>94</v>
      </c>
      <c r="AE3735">
        <v>94</v>
      </c>
      <c r="AF3735">
        <v>93</v>
      </c>
      <c r="AG3735">
        <v>93</v>
      </c>
      <c r="AH3735">
        <v>92</v>
      </c>
      <c r="AI3735">
        <v>92</v>
      </c>
      <c r="AJ3735">
        <v>92</v>
      </c>
      <c r="AK3735">
        <v>91</v>
      </c>
      <c r="AL3735">
        <v>91</v>
      </c>
      <c r="AM3735">
        <v>90</v>
      </c>
      <c r="AN3735">
        <v>90</v>
      </c>
      <c r="AO3735">
        <v>89</v>
      </c>
      <c r="AP3735">
        <v>89</v>
      </c>
      <c r="AQ3735">
        <v>88</v>
      </c>
    </row>
    <row r="3736" spans="1:43">
      <c r="A3736" t="s">
        <v>2356</v>
      </c>
      <c r="B3736" t="s">
        <v>2357</v>
      </c>
      <c r="C3736" t="s">
        <v>2350</v>
      </c>
      <c r="D3736" t="s">
        <v>2351</v>
      </c>
      <c r="E3736" t="s">
        <v>2352</v>
      </c>
      <c r="F3736" t="s">
        <v>2353</v>
      </c>
      <c r="G3736" t="s">
        <v>80</v>
      </c>
      <c r="H3736" t="s">
        <v>81</v>
      </c>
      <c r="I3736" s="2">
        <v>0</v>
      </c>
      <c r="J3736" s="2">
        <v>0</v>
      </c>
      <c r="K3736" s="2">
        <v>1</v>
      </c>
      <c r="L3736" t="s">
        <v>995</v>
      </c>
      <c r="M3736" t="s">
        <v>89</v>
      </c>
      <c r="N3736" t="s">
        <v>90</v>
      </c>
      <c r="O3736" t="s">
        <v>85</v>
      </c>
      <c r="P3736" t="s">
        <v>86</v>
      </c>
      <c r="Q3736">
        <v>101</v>
      </c>
      <c r="R3736">
        <v>102</v>
      </c>
      <c r="S3736">
        <v>103</v>
      </c>
      <c r="T3736">
        <v>105</v>
      </c>
      <c r="U3736">
        <v>106</v>
      </c>
      <c r="V3736">
        <v>107</v>
      </c>
      <c r="W3736">
        <v>108</v>
      </c>
      <c r="X3736">
        <v>108</v>
      </c>
      <c r="Y3736">
        <v>109</v>
      </c>
      <c r="Z3736">
        <v>109</v>
      </c>
      <c r="AA3736">
        <v>110</v>
      </c>
      <c r="AB3736">
        <v>110</v>
      </c>
      <c r="AC3736">
        <v>111</v>
      </c>
      <c r="AD3736">
        <v>111</v>
      </c>
      <c r="AE3736">
        <v>111</v>
      </c>
      <c r="AF3736">
        <v>110</v>
      </c>
      <c r="AG3736">
        <v>109</v>
      </c>
      <c r="AH3736">
        <v>109</v>
      </c>
      <c r="AI3736">
        <v>108</v>
      </c>
      <c r="AJ3736">
        <v>107</v>
      </c>
      <c r="AK3736">
        <v>106</v>
      </c>
      <c r="AL3736">
        <v>105</v>
      </c>
      <c r="AM3736">
        <v>104</v>
      </c>
      <c r="AN3736">
        <v>104</v>
      </c>
      <c r="AO3736">
        <v>103</v>
      </c>
      <c r="AP3736">
        <v>102</v>
      </c>
      <c r="AQ3736">
        <v>101</v>
      </c>
    </row>
    <row r="3737" spans="1:43">
      <c r="A3737" t="s">
        <v>2356</v>
      </c>
      <c r="B3737" t="s">
        <v>2357</v>
      </c>
      <c r="C3737" t="s">
        <v>2350</v>
      </c>
      <c r="D3737" t="s">
        <v>2351</v>
      </c>
      <c r="E3737" t="s">
        <v>2352</v>
      </c>
      <c r="F3737" t="s">
        <v>2353</v>
      </c>
      <c r="G3737" t="s">
        <v>80</v>
      </c>
      <c r="H3737" t="s">
        <v>81</v>
      </c>
      <c r="I3737" s="2">
        <v>0</v>
      </c>
      <c r="J3737" s="2">
        <v>0</v>
      </c>
      <c r="K3737" s="2">
        <v>1</v>
      </c>
      <c r="L3737" t="s">
        <v>995</v>
      </c>
      <c r="M3737" t="s">
        <v>83</v>
      </c>
      <c r="N3737" t="s">
        <v>91</v>
      </c>
      <c r="O3737" t="s">
        <v>85</v>
      </c>
      <c r="P3737" t="s">
        <v>86</v>
      </c>
      <c r="Q3737">
        <v>101</v>
      </c>
      <c r="R3737">
        <v>101</v>
      </c>
      <c r="S3737">
        <v>102</v>
      </c>
      <c r="T3737">
        <v>102</v>
      </c>
      <c r="U3737">
        <v>103</v>
      </c>
      <c r="V3737">
        <v>103</v>
      </c>
      <c r="W3737">
        <v>103</v>
      </c>
      <c r="X3737">
        <v>103</v>
      </c>
      <c r="Y3737">
        <v>104</v>
      </c>
      <c r="Z3737">
        <v>104</v>
      </c>
      <c r="AA3737">
        <v>104</v>
      </c>
      <c r="AB3737">
        <v>104</v>
      </c>
      <c r="AC3737">
        <v>105</v>
      </c>
      <c r="AD3737">
        <v>105</v>
      </c>
      <c r="AE3737">
        <v>105</v>
      </c>
      <c r="AF3737">
        <v>105</v>
      </c>
      <c r="AG3737">
        <v>105</v>
      </c>
      <c r="AH3737">
        <v>105</v>
      </c>
      <c r="AI3737">
        <v>105</v>
      </c>
      <c r="AJ3737">
        <v>105</v>
      </c>
      <c r="AK3737">
        <v>105</v>
      </c>
      <c r="AL3737">
        <v>105</v>
      </c>
      <c r="AM3737">
        <v>104</v>
      </c>
      <c r="AN3737">
        <v>103</v>
      </c>
      <c r="AO3737">
        <v>102</v>
      </c>
      <c r="AP3737">
        <v>102</v>
      </c>
      <c r="AQ3737">
        <v>101</v>
      </c>
    </row>
    <row r="3738" spans="1:43">
      <c r="A3738" t="s">
        <v>2358</v>
      </c>
      <c r="B3738" t="s">
        <v>2359</v>
      </c>
      <c r="C3738" t="s">
        <v>2350</v>
      </c>
      <c r="D3738" t="s">
        <v>2351</v>
      </c>
      <c r="E3738" t="s">
        <v>2352</v>
      </c>
      <c r="F3738" t="s">
        <v>2353</v>
      </c>
      <c r="G3738" t="s">
        <v>80</v>
      </c>
      <c r="H3738" t="s">
        <v>81</v>
      </c>
      <c r="I3738" s="2">
        <v>0</v>
      </c>
      <c r="J3738" s="2">
        <v>0</v>
      </c>
      <c r="K3738" s="2">
        <v>1</v>
      </c>
      <c r="L3738" t="s">
        <v>995</v>
      </c>
      <c r="M3738" t="s">
        <v>83</v>
      </c>
      <c r="N3738" t="s">
        <v>84</v>
      </c>
      <c r="O3738" t="s">
        <v>85</v>
      </c>
      <c r="P3738" t="s">
        <v>86</v>
      </c>
      <c r="Q3738">
        <v>31</v>
      </c>
      <c r="R3738">
        <v>31</v>
      </c>
      <c r="S3738">
        <v>31</v>
      </c>
      <c r="T3738">
        <v>31</v>
      </c>
      <c r="U3738">
        <v>31</v>
      </c>
      <c r="V3738">
        <v>31</v>
      </c>
      <c r="W3738">
        <v>31</v>
      </c>
      <c r="X3738">
        <v>31</v>
      </c>
      <c r="Y3738">
        <v>31</v>
      </c>
      <c r="Z3738">
        <v>32</v>
      </c>
      <c r="AA3738">
        <v>32</v>
      </c>
      <c r="AB3738">
        <v>32</v>
      </c>
      <c r="AC3738">
        <v>32</v>
      </c>
      <c r="AD3738">
        <v>32</v>
      </c>
      <c r="AE3738">
        <v>32</v>
      </c>
      <c r="AF3738">
        <v>32</v>
      </c>
      <c r="AG3738">
        <v>32</v>
      </c>
      <c r="AH3738">
        <v>32</v>
      </c>
      <c r="AI3738">
        <v>32</v>
      </c>
      <c r="AJ3738">
        <v>32</v>
      </c>
      <c r="AK3738">
        <v>32</v>
      </c>
      <c r="AL3738">
        <v>32</v>
      </c>
      <c r="AM3738">
        <v>32</v>
      </c>
      <c r="AN3738">
        <v>31</v>
      </c>
      <c r="AO3738">
        <v>31</v>
      </c>
      <c r="AP3738">
        <v>31</v>
      </c>
      <c r="AQ3738">
        <v>31</v>
      </c>
    </row>
    <row r="3739" spans="1:43">
      <c r="A3739" t="s">
        <v>2358</v>
      </c>
      <c r="B3739" t="s">
        <v>2359</v>
      </c>
      <c r="C3739" t="s">
        <v>2350</v>
      </c>
      <c r="D3739" t="s">
        <v>2351</v>
      </c>
      <c r="E3739" t="s">
        <v>2352</v>
      </c>
      <c r="F3739" t="s">
        <v>2353</v>
      </c>
      <c r="G3739" t="s">
        <v>80</v>
      </c>
      <c r="H3739" t="s">
        <v>81</v>
      </c>
      <c r="I3739" s="2">
        <v>0</v>
      </c>
      <c r="J3739" s="2">
        <v>0</v>
      </c>
      <c r="K3739" s="2">
        <v>1</v>
      </c>
      <c r="L3739" t="s">
        <v>995</v>
      </c>
      <c r="M3739" t="s">
        <v>87</v>
      </c>
      <c r="N3739" t="s">
        <v>88</v>
      </c>
      <c r="O3739" t="s">
        <v>85</v>
      </c>
      <c r="P3739" t="s">
        <v>86</v>
      </c>
      <c r="Q3739">
        <v>31</v>
      </c>
      <c r="R3739">
        <v>31</v>
      </c>
      <c r="S3739">
        <v>31</v>
      </c>
      <c r="T3739">
        <v>31</v>
      </c>
      <c r="U3739">
        <v>31</v>
      </c>
      <c r="V3739">
        <v>31</v>
      </c>
      <c r="W3739">
        <v>30</v>
      </c>
      <c r="X3739">
        <v>30</v>
      </c>
      <c r="Y3739">
        <v>30</v>
      </c>
      <c r="Z3739">
        <v>30</v>
      </c>
      <c r="AA3739">
        <v>30</v>
      </c>
      <c r="AB3739">
        <v>30</v>
      </c>
      <c r="AC3739">
        <v>29</v>
      </c>
      <c r="AD3739">
        <v>29</v>
      </c>
      <c r="AE3739">
        <v>29</v>
      </c>
      <c r="AF3739">
        <v>29</v>
      </c>
      <c r="AG3739">
        <v>29</v>
      </c>
      <c r="AH3739">
        <v>29</v>
      </c>
      <c r="AI3739">
        <v>29</v>
      </c>
      <c r="AJ3739">
        <v>28</v>
      </c>
      <c r="AK3739">
        <v>28</v>
      </c>
      <c r="AL3739">
        <v>28</v>
      </c>
      <c r="AM3739">
        <v>28</v>
      </c>
      <c r="AN3739">
        <v>28</v>
      </c>
      <c r="AO3739">
        <v>28</v>
      </c>
      <c r="AP3739">
        <v>28</v>
      </c>
      <c r="AQ3739">
        <v>27</v>
      </c>
    </row>
    <row r="3740" spans="1:43">
      <c r="A3740" t="s">
        <v>2358</v>
      </c>
      <c r="B3740" t="s">
        <v>2359</v>
      </c>
      <c r="C3740" t="s">
        <v>2350</v>
      </c>
      <c r="D3740" t="s">
        <v>2351</v>
      </c>
      <c r="E3740" t="s">
        <v>2352</v>
      </c>
      <c r="F3740" t="s">
        <v>2353</v>
      </c>
      <c r="G3740" t="s">
        <v>80</v>
      </c>
      <c r="H3740" t="s">
        <v>81</v>
      </c>
      <c r="I3740" s="2">
        <v>0</v>
      </c>
      <c r="J3740" s="2">
        <v>0</v>
      </c>
      <c r="K3740" s="2">
        <v>1</v>
      </c>
      <c r="L3740" t="s">
        <v>995</v>
      </c>
      <c r="M3740" t="s">
        <v>89</v>
      </c>
      <c r="N3740" t="s">
        <v>90</v>
      </c>
      <c r="O3740" t="s">
        <v>85</v>
      </c>
      <c r="P3740" t="s">
        <v>86</v>
      </c>
      <c r="Q3740">
        <v>31</v>
      </c>
      <c r="R3740">
        <v>31</v>
      </c>
      <c r="S3740">
        <v>32</v>
      </c>
      <c r="T3740">
        <v>32</v>
      </c>
      <c r="U3740">
        <v>32</v>
      </c>
      <c r="V3740">
        <v>33</v>
      </c>
      <c r="W3740">
        <v>33</v>
      </c>
      <c r="X3740">
        <v>33</v>
      </c>
      <c r="Y3740">
        <v>33</v>
      </c>
      <c r="Z3740">
        <v>33</v>
      </c>
      <c r="AA3740">
        <v>34</v>
      </c>
      <c r="AB3740">
        <v>34</v>
      </c>
      <c r="AC3740">
        <v>34</v>
      </c>
      <c r="AD3740">
        <v>34</v>
      </c>
      <c r="AE3740">
        <v>34</v>
      </c>
      <c r="AF3740">
        <v>34</v>
      </c>
      <c r="AG3740">
        <v>33</v>
      </c>
      <c r="AH3740">
        <v>33</v>
      </c>
      <c r="AI3740">
        <v>33</v>
      </c>
      <c r="AJ3740">
        <v>33</v>
      </c>
      <c r="AK3740">
        <v>32</v>
      </c>
      <c r="AL3740">
        <v>32</v>
      </c>
      <c r="AM3740">
        <v>32</v>
      </c>
      <c r="AN3740">
        <v>32</v>
      </c>
      <c r="AO3740">
        <v>31</v>
      </c>
      <c r="AP3740">
        <v>31</v>
      </c>
      <c r="AQ3740">
        <v>31</v>
      </c>
    </row>
    <row r="3741" spans="1:43">
      <c r="A3741" t="s">
        <v>2358</v>
      </c>
      <c r="B3741" t="s">
        <v>2359</v>
      </c>
      <c r="C3741" t="s">
        <v>2350</v>
      </c>
      <c r="D3741" t="s">
        <v>2351</v>
      </c>
      <c r="E3741" t="s">
        <v>2352</v>
      </c>
      <c r="F3741" t="s">
        <v>2353</v>
      </c>
      <c r="G3741" t="s">
        <v>80</v>
      </c>
      <c r="H3741" t="s">
        <v>81</v>
      </c>
      <c r="I3741" s="2">
        <v>0</v>
      </c>
      <c r="J3741" s="2">
        <v>0</v>
      </c>
      <c r="K3741" s="2">
        <v>1</v>
      </c>
      <c r="L3741" t="s">
        <v>995</v>
      </c>
      <c r="M3741" t="s">
        <v>83</v>
      </c>
      <c r="N3741" t="s">
        <v>91</v>
      </c>
      <c r="O3741" t="s">
        <v>85</v>
      </c>
      <c r="P3741" t="s">
        <v>86</v>
      </c>
      <c r="Q3741">
        <v>31</v>
      </c>
      <c r="R3741">
        <v>31</v>
      </c>
      <c r="S3741">
        <v>31</v>
      </c>
      <c r="T3741">
        <v>31</v>
      </c>
      <c r="U3741">
        <v>31</v>
      </c>
      <c r="V3741">
        <v>31</v>
      </c>
      <c r="W3741">
        <v>31</v>
      </c>
      <c r="X3741">
        <v>31</v>
      </c>
      <c r="Y3741">
        <v>31</v>
      </c>
      <c r="Z3741">
        <v>32</v>
      </c>
      <c r="AA3741">
        <v>32</v>
      </c>
      <c r="AB3741">
        <v>32</v>
      </c>
      <c r="AC3741">
        <v>32</v>
      </c>
      <c r="AD3741">
        <v>32</v>
      </c>
      <c r="AE3741">
        <v>32</v>
      </c>
      <c r="AF3741">
        <v>32</v>
      </c>
      <c r="AG3741">
        <v>32</v>
      </c>
      <c r="AH3741">
        <v>32</v>
      </c>
      <c r="AI3741">
        <v>32</v>
      </c>
      <c r="AJ3741">
        <v>32</v>
      </c>
      <c r="AK3741">
        <v>32</v>
      </c>
      <c r="AL3741">
        <v>32</v>
      </c>
      <c r="AM3741">
        <v>32</v>
      </c>
      <c r="AN3741">
        <v>31</v>
      </c>
      <c r="AO3741">
        <v>31</v>
      </c>
      <c r="AP3741">
        <v>31</v>
      </c>
      <c r="AQ3741">
        <v>31</v>
      </c>
    </row>
    <row r="3742" spans="1:43">
      <c r="A3742" t="s">
        <v>2360</v>
      </c>
      <c r="B3742" t="s">
        <v>2361</v>
      </c>
      <c r="C3742" t="s">
        <v>2350</v>
      </c>
      <c r="D3742" t="s">
        <v>2351</v>
      </c>
      <c r="E3742" t="s">
        <v>2352</v>
      </c>
      <c r="F3742" t="s">
        <v>2353</v>
      </c>
      <c r="G3742" t="s">
        <v>80</v>
      </c>
      <c r="H3742" t="s">
        <v>81</v>
      </c>
      <c r="I3742" s="2">
        <v>0</v>
      </c>
      <c r="J3742" s="2">
        <v>0</v>
      </c>
      <c r="K3742" s="2">
        <v>1</v>
      </c>
      <c r="L3742" t="s">
        <v>995</v>
      </c>
      <c r="M3742" t="s">
        <v>83</v>
      </c>
      <c r="N3742" t="s">
        <v>84</v>
      </c>
      <c r="O3742" t="s">
        <v>85</v>
      </c>
      <c r="P3742" t="s">
        <v>86</v>
      </c>
      <c r="Q3742">
        <v>20</v>
      </c>
      <c r="R3742">
        <v>20</v>
      </c>
      <c r="S3742">
        <v>20</v>
      </c>
      <c r="T3742">
        <v>20</v>
      </c>
      <c r="U3742">
        <v>20</v>
      </c>
      <c r="V3742">
        <v>20</v>
      </c>
      <c r="W3742">
        <v>20</v>
      </c>
      <c r="X3742">
        <v>20</v>
      </c>
      <c r="Y3742">
        <v>20</v>
      </c>
      <c r="Z3742">
        <v>20</v>
      </c>
      <c r="AA3742">
        <v>20</v>
      </c>
      <c r="AB3742">
        <v>20</v>
      </c>
      <c r="AC3742">
        <v>20</v>
      </c>
      <c r="AD3742">
        <v>20</v>
      </c>
      <c r="AE3742">
        <v>20</v>
      </c>
      <c r="AF3742">
        <v>20</v>
      </c>
      <c r="AG3742">
        <v>20</v>
      </c>
      <c r="AH3742">
        <v>20</v>
      </c>
      <c r="AI3742">
        <v>20</v>
      </c>
      <c r="AJ3742">
        <v>20</v>
      </c>
      <c r="AK3742">
        <v>20</v>
      </c>
      <c r="AL3742">
        <v>20</v>
      </c>
      <c r="AM3742">
        <v>20</v>
      </c>
      <c r="AN3742">
        <v>20</v>
      </c>
      <c r="AO3742">
        <v>20</v>
      </c>
      <c r="AP3742">
        <v>20</v>
      </c>
      <c r="AQ3742">
        <v>20</v>
      </c>
    </row>
    <row r="3743" spans="1:43">
      <c r="A3743" t="s">
        <v>2360</v>
      </c>
      <c r="B3743" t="s">
        <v>2361</v>
      </c>
      <c r="C3743" t="s">
        <v>2350</v>
      </c>
      <c r="D3743" t="s">
        <v>2351</v>
      </c>
      <c r="E3743" t="s">
        <v>2352</v>
      </c>
      <c r="F3743" t="s">
        <v>2353</v>
      </c>
      <c r="G3743" t="s">
        <v>80</v>
      </c>
      <c r="H3743" t="s">
        <v>81</v>
      </c>
      <c r="I3743" s="2">
        <v>0</v>
      </c>
      <c r="J3743" s="2">
        <v>0</v>
      </c>
      <c r="K3743" s="2">
        <v>1</v>
      </c>
      <c r="L3743" t="s">
        <v>995</v>
      </c>
      <c r="M3743" t="s">
        <v>87</v>
      </c>
      <c r="N3743" t="s">
        <v>88</v>
      </c>
      <c r="O3743" t="s">
        <v>85</v>
      </c>
      <c r="P3743" t="s">
        <v>86</v>
      </c>
      <c r="Q3743">
        <v>20</v>
      </c>
      <c r="R3743">
        <v>20</v>
      </c>
      <c r="S3743">
        <v>20</v>
      </c>
      <c r="T3743">
        <v>20</v>
      </c>
      <c r="U3743">
        <v>20</v>
      </c>
      <c r="V3743">
        <v>20</v>
      </c>
      <c r="W3743">
        <v>20</v>
      </c>
      <c r="X3743">
        <v>20</v>
      </c>
      <c r="Y3743">
        <v>20</v>
      </c>
      <c r="Z3743">
        <v>19</v>
      </c>
      <c r="AA3743">
        <v>19</v>
      </c>
      <c r="AB3743">
        <v>19</v>
      </c>
      <c r="AC3743">
        <v>19</v>
      </c>
      <c r="AD3743">
        <v>19</v>
      </c>
      <c r="AE3743">
        <v>19</v>
      </c>
      <c r="AF3743">
        <v>19</v>
      </c>
      <c r="AG3743">
        <v>19</v>
      </c>
      <c r="AH3743">
        <v>19</v>
      </c>
      <c r="AI3743">
        <v>19</v>
      </c>
      <c r="AJ3743">
        <v>19</v>
      </c>
      <c r="AK3743">
        <v>18</v>
      </c>
      <c r="AL3743">
        <v>18</v>
      </c>
      <c r="AM3743">
        <v>18</v>
      </c>
      <c r="AN3743">
        <v>18</v>
      </c>
      <c r="AO3743">
        <v>18</v>
      </c>
      <c r="AP3743">
        <v>18</v>
      </c>
      <c r="AQ3743">
        <v>18</v>
      </c>
    </row>
    <row r="3744" spans="1:43">
      <c r="A3744" t="s">
        <v>2360</v>
      </c>
      <c r="B3744" t="s">
        <v>2361</v>
      </c>
      <c r="C3744" t="s">
        <v>2350</v>
      </c>
      <c r="D3744" t="s">
        <v>2351</v>
      </c>
      <c r="E3744" t="s">
        <v>2352</v>
      </c>
      <c r="F3744" t="s">
        <v>2353</v>
      </c>
      <c r="G3744" t="s">
        <v>80</v>
      </c>
      <c r="H3744" t="s">
        <v>81</v>
      </c>
      <c r="I3744" s="2">
        <v>0</v>
      </c>
      <c r="J3744" s="2">
        <v>0</v>
      </c>
      <c r="K3744" s="2">
        <v>1</v>
      </c>
      <c r="L3744" t="s">
        <v>995</v>
      </c>
      <c r="M3744" t="s">
        <v>89</v>
      </c>
      <c r="N3744" t="s">
        <v>90</v>
      </c>
      <c r="O3744" t="s">
        <v>85</v>
      </c>
      <c r="P3744" t="s">
        <v>86</v>
      </c>
      <c r="Q3744">
        <v>20</v>
      </c>
      <c r="R3744">
        <v>20</v>
      </c>
      <c r="S3744">
        <v>20</v>
      </c>
      <c r="T3744">
        <v>20</v>
      </c>
      <c r="U3744">
        <v>21</v>
      </c>
      <c r="V3744">
        <v>21</v>
      </c>
      <c r="W3744">
        <v>21</v>
      </c>
      <c r="X3744">
        <v>21</v>
      </c>
      <c r="Y3744">
        <v>21</v>
      </c>
      <c r="Z3744">
        <v>21</v>
      </c>
      <c r="AA3744">
        <v>21</v>
      </c>
      <c r="AB3744">
        <v>22</v>
      </c>
      <c r="AC3744">
        <v>22</v>
      </c>
      <c r="AD3744">
        <v>22</v>
      </c>
      <c r="AE3744">
        <v>22</v>
      </c>
      <c r="AF3744">
        <v>22</v>
      </c>
      <c r="AG3744">
        <v>21</v>
      </c>
      <c r="AH3744">
        <v>21</v>
      </c>
      <c r="AI3744">
        <v>21</v>
      </c>
      <c r="AJ3744">
        <v>21</v>
      </c>
      <c r="AK3744">
        <v>21</v>
      </c>
      <c r="AL3744">
        <v>21</v>
      </c>
      <c r="AM3744">
        <v>20</v>
      </c>
      <c r="AN3744">
        <v>20</v>
      </c>
      <c r="AO3744">
        <v>20</v>
      </c>
      <c r="AP3744">
        <v>20</v>
      </c>
      <c r="AQ3744">
        <v>20</v>
      </c>
    </row>
    <row r="3745" spans="1:43">
      <c r="A3745" t="s">
        <v>2360</v>
      </c>
      <c r="B3745" t="s">
        <v>2361</v>
      </c>
      <c r="C3745" t="s">
        <v>2350</v>
      </c>
      <c r="D3745" t="s">
        <v>2351</v>
      </c>
      <c r="E3745" t="s">
        <v>2352</v>
      </c>
      <c r="F3745" t="s">
        <v>2353</v>
      </c>
      <c r="G3745" t="s">
        <v>80</v>
      </c>
      <c r="H3745" t="s">
        <v>81</v>
      </c>
      <c r="I3745" s="2">
        <v>0</v>
      </c>
      <c r="J3745" s="2">
        <v>0</v>
      </c>
      <c r="K3745" s="2">
        <v>1</v>
      </c>
      <c r="L3745" t="s">
        <v>995</v>
      </c>
      <c r="M3745" t="s">
        <v>83</v>
      </c>
      <c r="N3745" t="s">
        <v>91</v>
      </c>
      <c r="O3745" t="s">
        <v>85</v>
      </c>
      <c r="P3745" t="s">
        <v>86</v>
      </c>
      <c r="Q3745">
        <v>20</v>
      </c>
      <c r="R3745">
        <v>20</v>
      </c>
      <c r="S3745">
        <v>20</v>
      </c>
      <c r="T3745">
        <v>20</v>
      </c>
      <c r="U3745">
        <v>20</v>
      </c>
      <c r="V3745">
        <v>20</v>
      </c>
      <c r="W3745">
        <v>20</v>
      </c>
      <c r="X3745">
        <v>20</v>
      </c>
      <c r="Y3745">
        <v>20</v>
      </c>
      <c r="Z3745">
        <v>20</v>
      </c>
      <c r="AA3745">
        <v>20</v>
      </c>
      <c r="AB3745">
        <v>20</v>
      </c>
      <c r="AC3745">
        <v>20</v>
      </c>
      <c r="AD3745">
        <v>20</v>
      </c>
      <c r="AE3745">
        <v>20</v>
      </c>
      <c r="AF3745">
        <v>20</v>
      </c>
      <c r="AG3745">
        <v>20</v>
      </c>
      <c r="AH3745">
        <v>20</v>
      </c>
      <c r="AI3745">
        <v>20</v>
      </c>
      <c r="AJ3745">
        <v>20</v>
      </c>
      <c r="AK3745">
        <v>20</v>
      </c>
      <c r="AL3745">
        <v>20</v>
      </c>
      <c r="AM3745">
        <v>20</v>
      </c>
      <c r="AN3745">
        <v>20</v>
      </c>
      <c r="AO3745">
        <v>20</v>
      </c>
      <c r="AP3745">
        <v>20</v>
      </c>
      <c r="AQ3745">
        <v>20</v>
      </c>
    </row>
    <row r="3746" spans="1:43">
      <c r="A3746" t="s">
        <v>2362</v>
      </c>
      <c r="B3746" t="s">
        <v>2363</v>
      </c>
      <c r="C3746" t="s">
        <v>2364</v>
      </c>
      <c r="D3746" t="s">
        <v>2365</v>
      </c>
      <c r="E3746" t="s">
        <v>2352</v>
      </c>
      <c r="F3746" t="s">
        <v>2353</v>
      </c>
      <c r="G3746" t="s">
        <v>80</v>
      </c>
      <c r="H3746" t="s">
        <v>81</v>
      </c>
      <c r="I3746" s="2">
        <v>0</v>
      </c>
      <c r="J3746" s="2">
        <v>0</v>
      </c>
      <c r="K3746" s="2">
        <v>1</v>
      </c>
      <c r="L3746" t="s">
        <v>995</v>
      </c>
      <c r="M3746" t="s">
        <v>83</v>
      </c>
      <c r="N3746" t="s">
        <v>84</v>
      </c>
      <c r="O3746" t="s">
        <v>85</v>
      </c>
      <c r="P3746" t="s">
        <v>86</v>
      </c>
      <c r="Q3746">
        <v>4</v>
      </c>
      <c r="R3746">
        <v>4</v>
      </c>
      <c r="S3746">
        <v>4</v>
      </c>
      <c r="T3746">
        <v>4</v>
      </c>
      <c r="U3746">
        <v>4</v>
      </c>
      <c r="V3746">
        <v>4</v>
      </c>
      <c r="W3746">
        <v>4</v>
      </c>
      <c r="X3746">
        <v>4</v>
      </c>
      <c r="Y3746">
        <v>4</v>
      </c>
      <c r="Z3746">
        <v>4</v>
      </c>
      <c r="AA3746">
        <v>4</v>
      </c>
      <c r="AB3746">
        <v>4</v>
      </c>
      <c r="AC3746">
        <v>4</v>
      </c>
      <c r="AD3746">
        <v>4</v>
      </c>
      <c r="AE3746">
        <v>4</v>
      </c>
      <c r="AF3746">
        <v>4</v>
      </c>
      <c r="AG3746">
        <v>4</v>
      </c>
      <c r="AH3746">
        <v>4</v>
      </c>
      <c r="AI3746">
        <v>4</v>
      </c>
      <c r="AJ3746">
        <v>4</v>
      </c>
      <c r="AK3746">
        <v>4</v>
      </c>
      <c r="AL3746">
        <v>4</v>
      </c>
      <c r="AM3746">
        <v>4</v>
      </c>
      <c r="AN3746">
        <v>4</v>
      </c>
      <c r="AO3746">
        <v>4</v>
      </c>
      <c r="AP3746">
        <v>4</v>
      </c>
      <c r="AQ3746">
        <v>4</v>
      </c>
    </row>
    <row r="3747" spans="1:43">
      <c r="A3747" t="s">
        <v>2362</v>
      </c>
      <c r="B3747" t="s">
        <v>2363</v>
      </c>
      <c r="C3747" t="s">
        <v>2364</v>
      </c>
      <c r="D3747" t="s">
        <v>2365</v>
      </c>
      <c r="E3747" t="s">
        <v>2352</v>
      </c>
      <c r="F3747" t="s">
        <v>2353</v>
      </c>
      <c r="G3747" t="s">
        <v>80</v>
      </c>
      <c r="H3747" t="s">
        <v>81</v>
      </c>
      <c r="I3747" s="2">
        <v>0</v>
      </c>
      <c r="J3747" s="2">
        <v>0</v>
      </c>
      <c r="K3747" s="2">
        <v>1</v>
      </c>
      <c r="L3747" t="s">
        <v>995</v>
      </c>
      <c r="M3747" t="s">
        <v>87</v>
      </c>
      <c r="N3747" t="s">
        <v>88</v>
      </c>
      <c r="O3747" t="s">
        <v>85</v>
      </c>
      <c r="P3747" t="s">
        <v>86</v>
      </c>
      <c r="Q3747">
        <v>4</v>
      </c>
      <c r="R3747">
        <v>4</v>
      </c>
      <c r="S3747">
        <v>4</v>
      </c>
      <c r="T3747">
        <v>4</v>
      </c>
      <c r="U3747">
        <v>4</v>
      </c>
      <c r="V3747">
        <v>4</v>
      </c>
      <c r="W3747">
        <v>4</v>
      </c>
      <c r="X3747">
        <v>4</v>
      </c>
      <c r="Y3747">
        <v>4</v>
      </c>
      <c r="Z3747">
        <v>4</v>
      </c>
      <c r="AA3747">
        <v>4</v>
      </c>
      <c r="AB3747">
        <v>4</v>
      </c>
      <c r="AC3747">
        <v>4</v>
      </c>
      <c r="AD3747">
        <v>4</v>
      </c>
      <c r="AE3747">
        <v>4</v>
      </c>
      <c r="AF3747">
        <v>4</v>
      </c>
      <c r="AG3747">
        <v>4</v>
      </c>
      <c r="AH3747">
        <v>4</v>
      </c>
      <c r="AI3747">
        <v>4</v>
      </c>
      <c r="AJ3747">
        <v>4</v>
      </c>
      <c r="AK3747">
        <v>4</v>
      </c>
      <c r="AL3747">
        <v>4</v>
      </c>
      <c r="AM3747">
        <v>4</v>
      </c>
      <c r="AN3747">
        <v>4</v>
      </c>
      <c r="AO3747">
        <v>4</v>
      </c>
      <c r="AP3747">
        <v>3</v>
      </c>
      <c r="AQ3747">
        <v>3</v>
      </c>
    </row>
    <row r="3748" spans="1:43">
      <c r="A3748" t="s">
        <v>2362</v>
      </c>
      <c r="B3748" t="s">
        <v>2363</v>
      </c>
      <c r="C3748" t="s">
        <v>2364</v>
      </c>
      <c r="D3748" t="s">
        <v>2365</v>
      </c>
      <c r="E3748" t="s">
        <v>2352</v>
      </c>
      <c r="F3748" t="s">
        <v>2353</v>
      </c>
      <c r="G3748" t="s">
        <v>80</v>
      </c>
      <c r="H3748" t="s">
        <v>81</v>
      </c>
      <c r="I3748" s="2">
        <v>0</v>
      </c>
      <c r="J3748" s="2">
        <v>0</v>
      </c>
      <c r="K3748" s="2">
        <v>1</v>
      </c>
      <c r="L3748" t="s">
        <v>995</v>
      </c>
      <c r="M3748" t="s">
        <v>89</v>
      </c>
      <c r="N3748" t="s">
        <v>90</v>
      </c>
      <c r="O3748" t="s">
        <v>85</v>
      </c>
      <c r="P3748" t="s">
        <v>86</v>
      </c>
      <c r="Q3748">
        <v>4</v>
      </c>
      <c r="R3748">
        <v>4</v>
      </c>
      <c r="S3748">
        <v>4</v>
      </c>
      <c r="T3748">
        <v>4</v>
      </c>
      <c r="U3748">
        <v>4</v>
      </c>
      <c r="V3748">
        <v>4</v>
      </c>
      <c r="W3748">
        <v>4</v>
      </c>
      <c r="X3748">
        <v>4</v>
      </c>
      <c r="Y3748">
        <v>4</v>
      </c>
      <c r="Z3748">
        <v>4</v>
      </c>
      <c r="AA3748">
        <v>4</v>
      </c>
      <c r="AB3748">
        <v>4</v>
      </c>
      <c r="AC3748">
        <v>4</v>
      </c>
      <c r="AD3748">
        <v>4</v>
      </c>
      <c r="AE3748">
        <v>4</v>
      </c>
      <c r="AF3748">
        <v>4</v>
      </c>
      <c r="AG3748">
        <v>4</v>
      </c>
      <c r="AH3748">
        <v>4</v>
      </c>
      <c r="AI3748">
        <v>4</v>
      </c>
      <c r="AJ3748">
        <v>4</v>
      </c>
      <c r="AK3748">
        <v>4</v>
      </c>
      <c r="AL3748">
        <v>4</v>
      </c>
      <c r="AM3748">
        <v>4</v>
      </c>
      <c r="AN3748">
        <v>4</v>
      </c>
      <c r="AO3748">
        <v>4</v>
      </c>
      <c r="AP3748">
        <v>4</v>
      </c>
      <c r="AQ3748">
        <v>4</v>
      </c>
    </row>
    <row r="3749" spans="1:43">
      <c r="A3749" t="s">
        <v>2362</v>
      </c>
      <c r="B3749" t="s">
        <v>2363</v>
      </c>
      <c r="C3749" t="s">
        <v>2364</v>
      </c>
      <c r="D3749" t="s">
        <v>2365</v>
      </c>
      <c r="E3749" t="s">
        <v>2352</v>
      </c>
      <c r="F3749" t="s">
        <v>2353</v>
      </c>
      <c r="G3749" t="s">
        <v>80</v>
      </c>
      <c r="H3749" t="s">
        <v>81</v>
      </c>
      <c r="I3749" s="2">
        <v>0</v>
      </c>
      <c r="J3749" s="2">
        <v>0</v>
      </c>
      <c r="K3749" s="2">
        <v>1</v>
      </c>
      <c r="L3749" t="s">
        <v>995</v>
      </c>
      <c r="M3749" t="s">
        <v>83</v>
      </c>
      <c r="N3749" t="s">
        <v>91</v>
      </c>
      <c r="O3749" t="s">
        <v>85</v>
      </c>
      <c r="P3749" t="s">
        <v>86</v>
      </c>
      <c r="Q3749">
        <v>4</v>
      </c>
      <c r="R3749">
        <v>4</v>
      </c>
      <c r="S3749">
        <v>4</v>
      </c>
      <c r="T3749">
        <v>4</v>
      </c>
      <c r="U3749">
        <v>4</v>
      </c>
      <c r="V3749">
        <v>4</v>
      </c>
      <c r="W3749">
        <v>4</v>
      </c>
      <c r="X3749">
        <v>4</v>
      </c>
      <c r="Y3749">
        <v>4</v>
      </c>
      <c r="Z3749">
        <v>4</v>
      </c>
      <c r="AA3749">
        <v>4</v>
      </c>
      <c r="AB3749">
        <v>4</v>
      </c>
      <c r="AC3749">
        <v>4</v>
      </c>
      <c r="AD3749">
        <v>4</v>
      </c>
      <c r="AE3749">
        <v>4</v>
      </c>
      <c r="AF3749">
        <v>4</v>
      </c>
      <c r="AG3749">
        <v>4</v>
      </c>
      <c r="AH3749">
        <v>4</v>
      </c>
      <c r="AI3749">
        <v>4</v>
      </c>
      <c r="AJ3749">
        <v>4</v>
      </c>
      <c r="AK3749">
        <v>4</v>
      </c>
      <c r="AL3749">
        <v>4</v>
      </c>
      <c r="AM3749">
        <v>4</v>
      </c>
      <c r="AN3749">
        <v>4</v>
      </c>
      <c r="AO3749">
        <v>4</v>
      </c>
      <c r="AP3749">
        <v>4</v>
      </c>
      <c r="AQ3749">
        <v>4</v>
      </c>
    </row>
    <row r="3750" spans="1:43">
      <c r="A3750" t="s">
        <v>2366</v>
      </c>
      <c r="B3750" t="s">
        <v>2367</v>
      </c>
      <c r="C3750" t="s">
        <v>2364</v>
      </c>
      <c r="D3750" t="s">
        <v>2365</v>
      </c>
      <c r="E3750" t="s">
        <v>2352</v>
      </c>
      <c r="F3750" t="s">
        <v>2353</v>
      </c>
      <c r="G3750" t="s">
        <v>80</v>
      </c>
      <c r="H3750" t="s">
        <v>81</v>
      </c>
      <c r="I3750" s="2">
        <v>0</v>
      </c>
      <c r="J3750" s="2">
        <v>0</v>
      </c>
      <c r="K3750" s="2">
        <v>1</v>
      </c>
      <c r="L3750" t="s">
        <v>995</v>
      </c>
      <c r="M3750" t="s">
        <v>83</v>
      </c>
      <c r="N3750" t="s">
        <v>84</v>
      </c>
      <c r="O3750" t="s">
        <v>85</v>
      </c>
      <c r="P3750" t="s">
        <v>86</v>
      </c>
      <c r="Q3750">
        <v>15</v>
      </c>
      <c r="R3750">
        <v>15</v>
      </c>
      <c r="S3750">
        <v>15</v>
      </c>
      <c r="T3750">
        <v>15</v>
      </c>
      <c r="U3750">
        <v>15</v>
      </c>
      <c r="V3750">
        <v>15</v>
      </c>
      <c r="W3750">
        <v>15</v>
      </c>
      <c r="X3750">
        <v>15</v>
      </c>
      <c r="Y3750">
        <v>15</v>
      </c>
      <c r="Z3750">
        <v>15</v>
      </c>
      <c r="AA3750">
        <v>15</v>
      </c>
      <c r="AB3750">
        <v>15</v>
      </c>
      <c r="AC3750">
        <v>15</v>
      </c>
      <c r="AD3750">
        <v>15</v>
      </c>
      <c r="AE3750">
        <v>15</v>
      </c>
      <c r="AF3750">
        <v>15</v>
      </c>
      <c r="AG3750">
        <v>15</v>
      </c>
      <c r="AH3750">
        <v>15</v>
      </c>
      <c r="AI3750">
        <v>15</v>
      </c>
      <c r="AJ3750">
        <v>15</v>
      </c>
      <c r="AK3750">
        <v>15</v>
      </c>
      <c r="AL3750">
        <v>15</v>
      </c>
      <c r="AM3750">
        <v>15</v>
      </c>
      <c r="AN3750">
        <v>15</v>
      </c>
      <c r="AO3750">
        <v>15</v>
      </c>
      <c r="AP3750">
        <v>15</v>
      </c>
      <c r="AQ3750">
        <v>15</v>
      </c>
    </row>
    <row r="3751" spans="1:43">
      <c r="A3751" t="s">
        <v>2366</v>
      </c>
      <c r="B3751" t="s">
        <v>2367</v>
      </c>
      <c r="C3751" t="s">
        <v>2364</v>
      </c>
      <c r="D3751" t="s">
        <v>2365</v>
      </c>
      <c r="E3751" t="s">
        <v>2352</v>
      </c>
      <c r="F3751" t="s">
        <v>2353</v>
      </c>
      <c r="G3751" t="s">
        <v>80</v>
      </c>
      <c r="H3751" t="s">
        <v>81</v>
      </c>
      <c r="I3751" s="2">
        <v>0</v>
      </c>
      <c r="J3751" s="2">
        <v>0</v>
      </c>
      <c r="K3751" s="2">
        <v>1</v>
      </c>
      <c r="L3751" t="s">
        <v>995</v>
      </c>
      <c r="M3751" t="s">
        <v>87</v>
      </c>
      <c r="N3751" t="s">
        <v>88</v>
      </c>
      <c r="O3751" t="s">
        <v>85</v>
      </c>
      <c r="P3751" t="s">
        <v>86</v>
      </c>
      <c r="Q3751">
        <v>15</v>
      </c>
      <c r="R3751">
        <v>15</v>
      </c>
      <c r="S3751">
        <v>15</v>
      </c>
      <c r="T3751">
        <v>15</v>
      </c>
      <c r="U3751">
        <v>15</v>
      </c>
      <c r="V3751">
        <v>15</v>
      </c>
      <c r="W3751">
        <v>15</v>
      </c>
      <c r="X3751">
        <v>15</v>
      </c>
      <c r="Y3751">
        <v>15</v>
      </c>
      <c r="Z3751">
        <v>15</v>
      </c>
      <c r="AA3751">
        <v>15</v>
      </c>
      <c r="AB3751">
        <v>15</v>
      </c>
      <c r="AC3751">
        <v>15</v>
      </c>
      <c r="AD3751">
        <v>14</v>
      </c>
      <c r="AE3751">
        <v>14</v>
      </c>
      <c r="AF3751">
        <v>14</v>
      </c>
      <c r="AG3751">
        <v>14</v>
      </c>
      <c r="AH3751">
        <v>14</v>
      </c>
      <c r="AI3751">
        <v>14</v>
      </c>
      <c r="AJ3751">
        <v>14</v>
      </c>
      <c r="AK3751">
        <v>14</v>
      </c>
      <c r="AL3751">
        <v>14</v>
      </c>
      <c r="AM3751">
        <v>14</v>
      </c>
      <c r="AN3751">
        <v>14</v>
      </c>
      <c r="AO3751">
        <v>14</v>
      </c>
      <c r="AP3751">
        <v>14</v>
      </c>
      <c r="AQ3751">
        <v>14</v>
      </c>
    </row>
    <row r="3752" spans="1:43">
      <c r="A3752" t="s">
        <v>2366</v>
      </c>
      <c r="B3752" t="s">
        <v>2367</v>
      </c>
      <c r="C3752" t="s">
        <v>2364</v>
      </c>
      <c r="D3752" t="s">
        <v>2365</v>
      </c>
      <c r="E3752" t="s">
        <v>2352</v>
      </c>
      <c r="F3752" t="s">
        <v>2353</v>
      </c>
      <c r="G3752" t="s">
        <v>80</v>
      </c>
      <c r="H3752" t="s">
        <v>81</v>
      </c>
      <c r="I3752" s="2">
        <v>0</v>
      </c>
      <c r="J3752" s="2">
        <v>0</v>
      </c>
      <c r="K3752" s="2">
        <v>1</v>
      </c>
      <c r="L3752" t="s">
        <v>995</v>
      </c>
      <c r="M3752" t="s">
        <v>89</v>
      </c>
      <c r="N3752" t="s">
        <v>90</v>
      </c>
      <c r="O3752" t="s">
        <v>85</v>
      </c>
      <c r="P3752" t="s">
        <v>86</v>
      </c>
      <c r="Q3752">
        <v>15</v>
      </c>
      <c r="R3752">
        <v>15</v>
      </c>
      <c r="S3752">
        <v>15</v>
      </c>
      <c r="T3752">
        <v>15</v>
      </c>
      <c r="U3752">
        <v>15</v>
      </c>
      <c r="V3752">
        <v>16</v>
      </c>
      <c r="W3752">
        <v>16</v>
      </c>
      <c r="X3752">
        <v>16</v>
      </c>
      <c r="Y3752">
        <v>16</v>
      </c>
      <c r="Z3752">
        <v>16</v>
      </c>
      <c r="AA3752">
        <v>16</v>
      </c>
      <c r="AB3752">
        <v>16</v>
      </c>
      <c r="AC3752">
        <v>16</v>
      </c>
      <c r="AD3752">
        <v>16</v>
      </c>
      <c r="AE3752">
        <v>16</v>
      </c>
      <c r="AF3752">
        <v>16</v>
      </c>
      <c r="AG3752">
        <v>16</v>
      </c>
      <c r="AH3752">
        <v>16</v>
      </c>
      <c r="AI3752">
        <v>16</v>
      </c>
      <c r="AJ3752">
        <v>16</v>
      </c>
      <c r="AK3752">
        <v>15</v>
      </c>
      <c r="AL3752">
        <v>15</v>
      </c>
      <c r="AM3752">
        <v>15</v>
      </c>
      <c r="AN3752">
        <v>15</v>
      </c>
      <c r="AO3752">
        <v>15</v>
      </c>
      <c r="AP3752">
        <v>15</v>
      </c>
      <c r="AQ3752">
        <v>15</v>
      </c>
    </row>
    <row r="3753" spans="1:43">
      <c r="A3753" t="s">
        <v>2366</v>
      </c>
      <c r="B3753" t="s">
        <v>2367</v>
      </c>
      <c r="C3753" t="s">
        <v>2364</v>
      </c>
      <c r="D3753" t="s">
        <v>2365</v>
      </c>
      <c r="E3753" t="s">
        <v>2352</v>
      </c>
      <c r="F3753" t="s">
        <v>2353</v>
      </c>
      <c r="G3753" t="s">
        <v>80</v>
      </c>
      <c r="H3753" t="s">
        <v>81</v>
      </c>
      <c r="I3753" s="2">
        <v>0</v>
      </c>
      <c r="J3753" s="2">
        <v>0</v>
      </c>
      <c r="K3753" s="2">
        <v>1</v>
      </c>
      <c r="L3753" t="s">
        <v>995</v>
      </c>
      <c r="M3753" t="s">
        <v>83</v>
      </c>
      <c r="N3753" t="s">
        <v>91</v>
      </c>
      <c r="O3753" t="s">
        <v>85</v>
      </c>
      <c r="P3753" t="s">
        <v>86</v>
      </c>
      <c r="Q3753">
        <v>15</v>
      </c>
      <c r="R3753">
        <v>15</v>
      </c>
      <c r="S3753">
        <v>15</v>
      </c>
      <c r="T3753">
        <v>15</v>
      </c>
      <c r="U3753">
        <v>15</v>
      </c>
      <c r="V3753">
        <v>15</v>
      </c>
      <c r="W3753">
        <v>15</v>
      </c>
      <c r="X3753">
        <v>15</v>
      </c>
      <c r="Y3753">
        <v>15</v>
      </c>
      <c r="Z3753">
        <v>15</v>
      </c>
      <c r="AA3753">
        <v>15</v>
      </c>
      <c r="AB3753">
        <v>15</v>
      </c>
      <c r="AC3753">
        <v>15</v>
      </c>
      <c r="AD3753">
        <v>15</v>
      </c>
      <c r="AE3753">
        <v>15</v>
      </c>
      <c r="AF3753">
        <v>15</v>
      </c>
      <c r="AG3753">
        <v>15</v>
      </c>
      <c r="AH3753">
        <v>15</v>
      </c>
      <c r="AI3753">
        <v>15</v>
      </c>
      <c r="AJ3753">
        <v>15</v>
      </c>
      <c r="AK3753">
        <v>15</v>
      </c>
      <c r="AL3753">
        <v>15</v>
      </c>
      <c r="AM3753">
        <v>15</v>
      </c>
      <c r="AN3753">
        <v>15</v>
      </c>
      <c r="AO3753">
        <v>15</v>
      </c>
      <c r="AP3753">
        <v>15</v>
      </c>
      <c r="AQ3753">
        <v>15</v>
      </c>
    </row>
    <row r="3754" spans="1:43">
      <c r="A3754" t="s">
        <v>2368</v>
      </c>
      <c r="B3754" t="s">
        <v>2369</v>
      </c>
      <c r="C3754" t="s">
        <v>2364</v>
      </c>
      <c r="D3754" t="s">
        <v>2365</v>
      </c>
      <c r="E3754" t="s">
        <v>2352</v>
      </c>
      <c r="F3754" t="s">
        <v>2353</v>
      </c>
      <c r="G3754" t="s">
        <v>80</v>
      </c>
      <c r="H3754" t="s">
        <v>81</v>
      </c>
      <c r="I3754" s="2">
        <v>0</v>
      </c>
      <c r="J3754" s="2">
        <v>0</v>
      </c>
      <c r="K3754" s="2">
        <v>1</v>
      </c>
      <c r="L3754" t="s">
        <v>995</v>
      </c>
      <c r="M3754" t="s">
        <v>83</v>
      </c>
      <c r="N3754" t="s">
        <v>84</v>
      </c>
      <c r="O3754" t="s">
        <v>85</v>
      </c>
      <c r="P3754" t="s">
        <v>86</v>
      </c>
      <c r="Q3754">
        <v>11</v>
      </c>
      <c r="R3754">
        <v>11</v>
      </c>
      <c r="S3754">
        <v>11</v>
      </c>
      <c r="T3754">
        <v>11</v>
      </c>
      <c r="U3754">
        <v>11</v>
      </c>
      <c r="V3754">
        <v>11</v>
      </c>
      <c r="W3754">
        <v>11</v>
      </c>
      <c r="X3754">
        <v>11</v>
      </c>
      <c r="Y3754">
        <v>11</v>
      </c>
      <c r="Z3754">
        <v>12</v>
      </c>
      <c r="AA3754">
        <v>12</v>
      </c>
      <c r="AB3754">
        <v>12</v>
      </c>
      <c r="AC3754">
        <v>12</v>
      </c>
      <c r="AD3754">
        <v>12</v>
      </c>
      <c r="AE3754">
        <v>12</v>
      </c>
      <c r="AF3754">
        <v>12</v>
      </c>
      <c r="AG3754">
        <v>12</v>
      </c>
      <c r="AH3754">
        <v>12</v>
      </c>
      <c r="AI3754">
        <v>12</v>
      </c>
      <c r="AJ3754">
        <v>12</v>
      </c>
      <c r="AK3754">
        <v>12</v>
      </c>
      <c r="AL3754">
        <v>12</v>
      </c>
      <c r="AM3754">
        <v>12</v>
      </c>
      <c r="AN3754">
        <v>11</v>
      </c>
      <c r="AO3754">
        <v>11</v>
      </c>
      <c r="AP3754">
        <v>11</v>
      </c>
      <c r="AQ3754">
        <v>11</v>
      </c>
    </row>
    <row r="3755" spans="1:43">
      <c r="A3755" t="s">
        <v>2368</v>
      </c>
      <c r="B3755" t="s">
        <v>2369</v>
      </c>
      <c r="C3755" t="s">
        <v>2364</v>
      </c>
      <c r="D3755" t="s">
        <v>2365</v>
      </c>
      <c r="E3755" t="s">
        <v>2352</v>
      </c>
      <c r="F3755" t="s">
        <v>2353</v>
      </c>
      <c r="G3755" t="s">
        <v>80</v>
      </c>
      <c r="H3755" t="s">
        <v>81</v>
      </c>
      <c r="I3755" s="2">
        <v>0</v>
      </c>
      <c r="J3755" s="2">
        <v>0</v>
      </c>
      <c r="K3755" s="2">
        <v>1</v>
      </c>
      <c r="L3755" t="s">
        <v>995</v>
      </c>
      <c r="M3755" t="s">
        <v>87</v>
      </c>
      <c r="N3755" t="s">
        <v>88</v>
      </c>
      <c r="O3755" t="s">
        <v>85</v>
      </c>
      <c r="P3755" t="s">
        <v>86</v>
      </c>
      <c r="Q3755">
        <v>11</v>
      </c>
      <c r="R3755">
        <v>11</v>
      </c>
      <c r="S3755">
        <v>11</v>
      </c>
      <c r="T3755">
        <v>11</v>
      </c>
      <c r="U3755">
        <v>11</v>
      </c>
      <c r="V3755">
        <v>11</v>
      </c>
      <c r="W3755">
        <v>11</v>
      </c>
      <c r="X3755">
        <v>11</v>
      </c>
      <c r="Y3755">
        <v>11</v>
      </c>
      <c r="Z3755">
        <v>11</v>
      </c>
      <c r="AA3755">
        <v>11</v>
      </c>
      <c r="AB3755">
        <v>10</v>
      </c>
      <c r="AC3755">
        <v>10</v>
      </c>
      <c r="AD3755">
        <v>10</v>
      </c>
      <c r="AE3755">
        <v>10</v>
      </c>
      <c r="AF3755">
        <v>10</v>
      </c>
      <c r="AG3755">
        <v>10</v>
      </c>
      <c r="AH3755">
        <v>10</v>
      </c>
      <c r="AI3755">
        <v>10</v>
      </c>
      <c r="AJ3755">
        <v>10</v>
      </c>
      <c r="AK3755">
        <v>10</v>
      </c>
      <c r="AL3755">
        <v>10</v>
      </c>
      <c r="AM3755">
        <v>10</v>
      </c>
      <c r="AN3755">
        <v>10</v>
      </c>
      <c r="AO3755">
        <v>10</v>
      </c>
      <c r="AP3755">
        <v>10</v>
      </c>
      <c r="AQ3755">
        <v>10</v>
      </c>
    </row>
    <row r="3756" spans="1:43">
      <c r="A3756" t="s">
        <v>2368</v>
      </c>
      <c r="B3756" t="s">
        <v>2369</v>
      </c>
      <c r="C3756" t="s">
        <v>2364</v>
      </c>
      <c r="D3756" t="s">
        <v>2365</v>
      </c>
      <c r="E3756" t="s">
        <v>2352</v>
      </c>
      <c r="F3756" t="s">
        <v>2353</v>
      </c>
      <c r="G3756" t="s">
        <v>80</v>
      </c>
      <c r="H3756" t="s">
        <v>81</v>
      </c>
      <c r="I3756" s="2">
        <v>0</v>
      </c>
      <c r="J3756" s="2">
        <v>0</v>
      </c>
      <c r="K3756" s="2">
        <v>1</v>
      </c>
      <c r="L3756" t="s">
        <v>995</v>
      </c>
      <c r="M3756" t="s">
        <v>89</v>
      </c>
      <c r="N3756" t="s">
        <v>90</v>
      </c>
      <c r="O3756" t="s">
        <v>85</v>
      </c>
      <c r="P3756" t="s">
        <v>86</v>
      </c>
      <c r="Q3756">
        <v>11</v>
      </c>
      <c r="R3756">
        <v>11</v>
      </c>
      <c r="S3756">
        <v>12</v>
      </c>
      <c r="T3756">
        <v>12</v>
      </c>
      <c r="U3756">
        <v>12</v>
      </c>
      <c r="V3756">
        <v>12</v>
      </c>
      <c r="W3756">
        <v>12</v>
      </c>
      <c r="X3756">
        <v>12</v>
      </c>
      <c r="Y3756">
        <v>12</v>
      </c>
      <c r="Z3756">
        <v>12</v>
      </c>
      <c r="AA3756">
        <v>12</v>
      </c>
      <c r="AB3756">
        <v>12</v>
      </c>
      <c r="AC3756">
        <v>12</v>
      </c>
      <c r="AD3756">
        <v>12</v>
      </c>
      <c r="AE3756">
        <v>12</v>
      </c>
      <c r="AF3756">
        <v>12</v>
      </c>
      <c r="AG3756">
        <v>12</v>
      </c>
      <c r="AH3756">
        <v>12</v>
      </c>
      <c r="AI3756">
        <v>12</v>
      </c>
      <c r="AJ3756">
        <v>12</v>
      </c>
      <c r="AK3756">
        <v>12</v>
      </c>
      <c r="AL3756">
        <v>12</v>
      </c>
      <c r="AM3756">
        <v>12</v>
      </c>
      <c r="AN3756">
        <v>12</v>
      </c>
      <c r="AO3756">
        <v>11</v>
      </c>
      <c r="AP3756">
        <v>11</v>
      </c>
      <c r="AQ3756">
        <v>11</v>
      </c>
    </row>
    <row r="3757" spans="1:43">
      <c r="A3757" t="s">
        <v>2368</v>
      </c>
      <c r="B3757" t="s">
        <v>2369</v>
      </c>
      <c r="C3757" t="s">
        <v>2364</v>
      </c>
      <c r="D3757" t="s">
        <v>2365</v>
      </c>
      <c r="E3757" t="s">
        <v>2352</v>
      </c>
      <c r="F3757" t="s">
        <v>2353</v>
      </c>
      <c r="G3757" t="s">
        <v>80</v>
      </c>
      <c r="H3757" t="s">
        <v>81</v>
      </c>
      <c r="I3757" s="2">
        <v>0</v>
      </c>
      <c r="J3757" s="2">
        <v>0</v>
      </c>
      <c r="K3757" s="2">
        <v>1</v>
      </c>
      <c r="L3757" t="s">
        <v>995</v>
      </c>
      <c r="M3757" t="s">
        <v>83</v>
      </c>
      <c r="N3757" t="s">
        <v>91</v>
      </c>
      <c r="O3757" t="s">
        <v>85</v>
      </c>
      <c r="P3757" t="s">
        <v>86</v>
      </c>
      <c r="Q3757">
        <v>11</v>
      </c>
      <c r="R3757">
        <v>11</v>
      </c>
      <c r="S3757">
        <v>11</v>
      </c>
      <c r="T3757">
        <v>11</v>
      </c>
      <c r="U3757">
        <v>11</v>
      </c>
      <c r="V3757">
        <v>11</v>
      </c>
      <c r="W3757">
        <v>11</v>
      </c>
      <c r="X3757">
        <v>11</v>
      </c>
      <c r="Y3757">
        <v>11</v>
      </c>
      <c r="Z3757">
        <v>12</v>
      </c>
      <c r="AA3757">
        <v>12</v>
      </c>
      <c r="AB3757">
        <v>12</v>
      </c>
      <c r="AC3757">
        <v>12</v>
      </c>
      <c r="AD3757">
        <v>12</v>
      </c>
      <c r="AE3757">
        <v>12</v>
      </c>
      <c r="AF3757">
        <v>12</v>
      </c>
      <c r="AG3757">
        <v>12</v>
      </c>
      <c r="AH3757">
        <v>12</v>
      </c>
      <c r="AI3757">
        <v>12</v>
      </c>
      <c r="AJ3757">
        <v>12</v>
      </c>
      <c r="AK3757">
        <v>12</v>
      </c>
      <c r="AL3757">
        <v>12</v>
      </c>
      <c r="AM3757">
        <v>12</v>
      </c>
      <c r="AN3757">
        <v>11</v>
      </c>
      <c r="AO3757">
        <v>11</v>
      </c>
      <c r="AP3757">
        <v>11</v>
      </c>
      <c r="AQ3757">
        <v>11</v>
      </c>
    </row>
    <row r="3758" spans="1:43">
      <c r="A3758" t="s">
        <v>2370</v>
      </c>
      <c r="B3758" t="s">
        <v>2371</v>
      </c>
      <c r="C3758" t="s">
        <v>2364</v>
      </c>
      <c r="D3758" t="s">
        <v>2365</v>
      </c>
      <c r="E3758" t="s">
        <v>2352</v>
      </c>
      <c r="F3758" t="s">
        <v>2353</v>
      </c>
      <c r="G3758" t="s">
        <v>80</v>
      </c>
      <c r="H3758" t="s">
        <v>81</v>
      </c>
      <c r="I3758" s="2">
        <v>0</v>
      </c>
      <c r="J3758" s="2">
        <v>0</v>
      </c>
      <c r="K3758" s="2">
        <v>1</v>
      </c>
      <c r="L3758" t="s">
        <v>995</v>
      </c>
      <c r="M3758" t="s">
        <v>83</v>
      </c>
      <c r="N3758" t="s">
        <v>84</v>
      </c>
      <c r="O3758" t="s">
        <v>85</v>
      </c>
      <c r="P3758" t="s">
        <v>86</v>
      </c>
      <c r="Q3758">
        <v>6</v>
      </c>
      <c r="R3758">
        <v>6</v>
      </c>
      <c r="S3758">
        <v>6</v>
      </c>
      <c r="T3758">
        <v>6</v>
      </c>
      <c r="U3758">
        <v>6</v>
      </c>
      <c r="V3758">
        <v>6</v>
      </c>
      <c r="W3758">
        <v>6</v>
      </c>
      <c r="X3758">
        <v>6</v>
      </c>
      <c r="Y3758">
        <v>6</v>
      </c>
      <c r="Z3758">
        <v>6</v>
      </c>
      <c r="AA3758">
        <v>6</v>
      </c>
      <c r="AB3758">
        <v>6</v>
      </c>
      <c r="AC3758">
        <v>6</v>
      </c>
      <c r="AD3758">
        <v>6</v>
      </c>
      <c r="AE3758">
        <v>6</v>
      </c>
      <c r="AF3758">
        <v>6</v>
      </c>
      <c r="AG3758">
        <v>6</v>
      </c>
      <c r="AH3758">
        <v>6</v>
      </c>
      <c r="AI3758">
        <v>6</v>
      </c>
      <c r="AJ3758">
        <v>6</v>
      </c>
      <c r="AK3758">
        <v>6</v>
      </c>
      <c r="AL3758">
        <v>6</v>
      </c>
      <c r="AM3758">
        <v>6</v>
      </c>
      <c r="AN3758">
        <v>6</v>
      </c>
      <c r="AO3758">
        <v>6</v>
      </c>
      <c r="AP3758">
        <v>6</v>
      </c>
      <c r="AQ3758">
        <v>6</v>
      </c>
    </row>
    <row r="3759" spans="1:43">
      <c r="A3759" t="s">
        <v>2370</v>
      </c>
      <c r="B3759" t="s">
        <v>2371</v>
      </c>
      <c r="C3759" t="s">
        <v>2364</v>
      </c>
      <c r="D3759" t="s">
        <v>2365</v>
      </c>
      <c r="E3759" t="s">
        <v>2352</v>
      </c>
      <c r="F3759" t="s">
        <v>2353</v>
      </c>
      <c r="G3759" t="s">
        <v>80</v>
      </c>
      <c r="H3759" t="s">
        <v>81</v>
      </c>
      <c r="I3759" s="2">
        <v>0</v>
      </c>
      <c r="J3759" s="2">
        <v>0</v>
      </c>
      <c r="K3759" s="2">
        <v>1</v>
      </c>
      <c r="L3759" t="s">
        <v>995</v>
      </c>
      <c r="M3759" t="s">
        <v>87</v>
      </c>
      <c r="N3759" t="s">
        <v>88</v>
      </c>
      <c r="O3759" t="s">
        <v>85</v>
      </c>
      <c r="P3759" t="s">
        <v>86</v>
      </c>
      <c r="Q3759">
        <v>6</v>
      </c>
      <c r="R3759">
        <v>6</v>
      </c>
      <c r="S3759">
        <v>6</v>
      </c>
      <c r="T3759">
        <v>6</v>
      </c>
      <c r="U3759">
        <v>6</v>
      </c>
      <c r="V3759">
        <v>6</v>
      </c>
      <c r="W3759">
        <v>6</v>
      </c>
      <c r="X3759">
        <v>6</v>
      </c>
      <c r="Y3759">
        <v>6</v>
      </c>
      <c r="Z3759">
        <v>6</v>
      </c>
      <c r="AA3759">
        <v>6</v>
      </c>
      <c r="AB3759">
        <v>6</v>
      </c>
      <c r="AC3759">
        <v>6</v>
      </c>
      <c r="AD3759">
        <v>6</v>
      </c>
      <c r="AE3759">
        <v>6</v>
      </c>
      <c r="AF3759">
        <v>6</v>
      </c>
      <c r="AG3759">
        <v>6</v>
      </c>
      <c r="AH3759">
        <v>6</v>
      </c>
      <c r="AI3759">
        <v>6</v>
      </c>
      <c r="AJ3759">
        <v>5</v>
      </c>
      <c r="AK3759">
        <v>5</v>
      </c>
      <c r="AL3759">
        <v>5</v>
      </c>
      <c r="AM3759">
        <v>5</v>
      </c>
      <c r="AN3759">
        <v>5</v>
      </c>
      <c r="AO3759">
        <v>5</v>
      </c>
      <c r="AP3759">
        <v>5</v>
      </c>
      <c r="AQ3759">
        <v>5</v>
      </c>
    </row>
    <row r="3760" spans="1:43">
      <c r="A3760" t="s">
        <v>2370</v>
      </c>
      <c r="B3760" t="s">
        <v>2371</v>
      </c>
      <c r="C3760" t="s">
        <v>2364</v>
      </c>
      <c r="D3760" t="s">
        <v>2365</v>
      </c>
      <c r="E3760" t="s">
        <v>2352</v>
      </c>
      <c r="F3760" t="s">
        <v>2353</v>
      </c>
      <c r="G3760" t="s">
        <v>80</v>
      </c>
      <c r="H3760" t="s">
        <v>81</v>
      </c>
      <c r="I3760" s="2">
        <v>0</v>
      </c>
      <c r="J3760" s="2">
        <v>0</v>
      </c>
      <c r="K3760" s="2">
        <v>1</v>
      </c>
      <c r="L3760" t="s">
        <v>995</v>
      </c>
      <c r="M3760" t="s">
        <v>89</v>
      </c>
      <c r="N3760" t="s">
        <v>90</v>
      </c>
      <c r="O3760" t="s">
        <v>85</v>
      </c>
      <c r="P3760" t="s">
        <v>86</v>
      </c>
      <c r="Q3760">
        <v>6</v>
      </c>
      <c r="R3760">
        <v>6</v>
      </c>
      <c r="S3760">
        <v>6</v>
      </c>
      <c r="T3760">
        <v>6</v>
      </c>
      <c r="U3760">
        <v>6</v>
      </c>
      <c r="V3760">
        <v>7</v>
      </c>
      <c r="W3760">
        <v>7</v>
      </c>
      <c r="X3760">
        <v>7</v>
      </c>
      <c r="Y3760">
        <v>7</v>
      </c>
      <c r="Z3760">
        <v>7</v>
      </c>
      <c r="AA3760">
        <v>7</v>
      </c>
      <c r="AB3760">
        <v>7</v>
      </c>
      <c r="AC3760">
        <v>7</v>
      </c>
      <c r="AD3760">
        <v>7</v>
      </c>
      <c r="AE3760">
        <v>7</v>
      </c>
      <c r="AF3760">
        <v>7</v>
      </c>
      <c r="AG3760">
        <v>7</v>
      </c>
      <c r="AH3760">
        <v>7</v>
      </c>
      <c r="AI3760">
        <v>7</v>
      </c>
      <c r="AJ3760">
        <v>7</v>
      </c>
      <c r="AK3760">
        <v>6</v>
      </c>
      <c r="AL3760">
        <v>6</v>
      </c>
      <c r="AM3760">
        <v>6</v>
      </c>
      <c r="AN3760">
        <v>6</v>
      </c>
      <c r="AO3760">
        <v>6</v>
      </c>
      <c r="AP3760">
        <v>6</v>
      </c>
      <c r="AQ3760">
        <v>6</v>
      </c>
    </row>
    <row r="3761" spans="1:43">
      <c r="A3761" t="s">
        <v>2370</v>
      </c>
      <c r="B3761" t="s">
        <v>2371</v>
      </c>
      <c r="C3761" t="s">
        <v>2364</v>
      </c>
      <c r="D3761" t="s">
        <v>2365</v>
      </c>
      <c r="E3761" t="s">
        <v>2352</v>
      </c>
      <c r="F3761" t="s">
        <v>2353</v>
      </c>
      <c r="G3761" t="s">
        <v>80</v>
      </c>
      <c r="H3761" t="s">
        <v>81</v>
      </c>
      <c r="I3761" s="2">
        <v>0</v>
      </c>
      <c r="J3761" s="2">
        <v>0</v>
      </c>
      <c r="K3761" s="2">
        <v>1</v>
      </c>
      <c r="L3761" t="s">
        <v>995</v>
      </c>
      <c r="M3761" t="s">
        <v>83</v>
      </c>
      <c r="N3761" t="s">
        <v>91</v>
      </c>
      <c r="O3761" t="s">
        <v>85</v>
      </c>
      <c r="P3761" t="s">
        <v>86</v>
      </c>
      <c r="Q3761">
        <v>6</v>
      </c>
      <c r="R3761">
        <v>6</v>
      </c>
      <c r="S3761">
        <v>6</v>
      </c>
      <c r="T3761">
        <v>6</v>
      </c>
      <c r="U3761">
        <v>6</v>
      </c>
      <c r="V3761">
        <v>6</v>
      </c>
      <c r="W3761">
        <v>6</v>
      </c>
      <c r="X3761">
        <v>6</v>
      </c>
      <c r="Y3761">
        <v>6</v>
      </c>
      <c r="Z3761">
        <v>6</v>
      </c>
      <c r="AA3761">
        <v>6</v>
      </c>
      <c r="AB3761">
        <v>6</v>
      </c>
      <c r="AC3761">
        <v>6</v>
      </c>
      <c r="AD3761">
        <v>6</v>
      </c>
      <c r="AE3761">
        <v>6</v>
      </c>
      <c r="AF3761">
        <v>6</v>
      </c>
      <c r="AG3761">
        <v>6</v>
      </c>
      <c r="AH3761">
        <v>6</v>
      </c>
      <c r="AI3761">
        <v>6</v>
      </c>
      <c r="AJ3761">
        <v>6</v>
      </c>
      <c r="AK3761">
        <v>6</v>
      </c>
      <c r="AL3761">
        <v>6</v>
      </c>
      <c r="AM3761">
        <v>6</v>
      </c>
      <c r="AN3761">
        <v>6</v>
      </c>
      <c r="AO3761">
        <v>6</v>
      </c>
      <c r="AP3761">
        <v>6</v>
      </c>
      <c r="AQ3761">
        <v>6</v>
      </c>
    </row>
    <row r="3762" spans="1:43">
      <c r="A3762" t="s">
        <v>2372</v>
      </c>
      <c r="B3762" t="s">
        <v>2373</v>
      </c>
      <c r="C3762" t="s">
        <v>2350</v>
      </c>
      <c r="D3762" t="s">
        <v>2351</v>
      </c>
      <c r="E3762" t="s">
        <v>2352</v>
      </c>
      <c r="F3762" t="s">
        <v>2353</v>
      </c>
      <c r="G3762" t="s">
        <v>80</v>
      </c>
      <c r="H3762" t="s">
        <v>81</v>
      </c>
      <c r="I3762" s="2">
        <v>0</v>
      </c>
      <c r="J3762" s="2">
        <v>0</v>
      </c>
      <c r="K3762" s="2">
        <v>1</v>
      </c>
      <c r="L3762" t="s">
        <v>995</v>
      </c>
      <c r="M3762" t="s">
        <v>83</v>
      </c>
      <c r="N3762" t="s">
        <v>84</v>
      </c>
      <c r="O3762" t="s">
        <v>85</v>
      </c>
      <c r="P3762" t="s">
        <v>86</v>
      </c>
      <c r="Q3762">
        <v>72</v>
      </c>
      <c r="R3762">
        <v>73</v>
      </c>
      <c r="S3762">
        <v>73</v>
      </c>
      <c r="T3762">
        <v>73</v>
      </c>
      <c r="U3762">
        <v>74</v>
      </c>
      <c r="V3762">
        <v>74</v>
      </c>
      <c r="W3762">
        <v>74</v>
      </c>
      <c r="X3762">
        <v>74</v>
      </c>
      <c r="Y3762">
        <v>74</v>
      </c>
      <c r="Z3762">
        <v>75</v>
      </c>
      <c r="AA3762">
        <v>75</v>
      </c>
      <c r="AB3762">
        <v>75</v>
      </c>
      <c r="AC3762">
        <v>75</v>
      </c>
      <c r="AD3762">
        <v>75</v>
      </c>
      <c r="AE3762">
        <v>75</v>
      </c>
      <c r="AF3762">
        <v>75</v>
      </c>
      <c r="AG3762">
        <v>75</v>
      </c>
      <c r="AH3762">
        <v>75</v>
      </c>
      <c r="AI3762">
        <v>75</v>
      </c>
      <c r="AJ3762">
        <v>76</v>
      </c>
      <c r="AK3762">
        <v>76</v>
      </c>
      <c r="AL3762">
        <v>75</v>
      </c>
      <c r="AM3762">
        <v>75</v>
      </c>
      <c r="AN3762">
        <v>74</v>
      </c>
      <c r="AO3762">
        <v>73</v>
      </c>
      <c r="AP3762">
        <v>73</v>
      </c>
      <c r="AQ3762">
        <v>72</v>
      </c>
    </row>
    <row r="3763" spans="1:43">
      <c r="A3763" t="s">
        <v>2372</v>
      </c>
      <c r="B3763" t="s">
        <v>2373</v>
      </c>
      <c r="C3763" t="s">
        <v>2350</v>
      </c>
      <c r="D3763" t="s">
        <v>2351</v>
      </c>
      <c r="E3763" t="s">
        <v>2352</v>
      </c>
      <c r="F3763" t="s">
        <v>2353</v>
      </c>
      <c r="G3763" t="s">
        <v>80</v>
      </c>
      <c r="H3763" t="s">
        <v>81</v>
      </c>
      <c r="I3763" s="2">
        <v>0</v>
      </c>
      <c r="J3763" s="2">
        <v>0</v>
      </c>
      <c r="K3763" s="2">
        <v>1</v>
      </c>
      <c r="L3763" t="s">
        <v>995</v>
      </c>
      <c r="M3763" t="s">
        <v>87</v>
      </c>
      <c r="N3763" t="s">
        <v>88</v>
      </c>
      <c r="O3763" t="s">
        <v>85</v>
      </c>
      <c r="P3763" t="s">
        <v>86</v>
      </c>
      <c r="Q3763">
        <v>72</v>
      </c>
      <c r="R3763">
        <v>71</v>
      </c>
      <c r="S3763">
        <v>71</v>
      </c>
      <c r="T3763">
        <v>71</v>
      </c>
      <c r="U3763">
        <v>70</v>
      </c>
      <c r="V3763">
        <v>70</v>
      </c>
      <c r="W3763">
        <v>70</v>
      </c>
      <c r="X3763">
        <v>69</v>
      </c>
      <c r="Y3763">
        <v>69</v>
      </c>
      <c r="Z3763">
        <v>68</v>
      </c>
      <c r="AA3763">
        <v>68</v>
      </c>
      <c r="AB3763">
        <v>68</v>
      </c>
      <c r="AC3763">
        <v>67</v>
      </c>
      <c r="AD3763">
        <v>67</v>
      </c>
      <c r="AE3763">
        <v>67</v>
      </c>
      <c r="AF3763">
        <v>66</v>
      </c>
      <c r="AG3763">
        <v>66</v>
      </c>
      <c r="AH3763">
        <v>66</v>
      </c>
      <c r="AI3763">
        <v>65</v>
      </c>
      <c r="AJ3763">
        <v>65</v>
      </c>
      <c r="AK3763">
        <v>65</v>
      </c>
      <c r="AL3763">
        <v>64</v>
      </c>
      <c r="AM3763">
        <v>64</v>
      </c>
      <c r="AN3763">
        <v>64</v>
      </c>
      <c r="AO3763">
        <v>63</v>
      </c>
      <c r="AP3763">
        <v>63</v>
      </c>
      <c r="AQ3763">
        <v>63</v>
      </c>
    </row>
    <row r="3764" spans="1:43">
      <c r="A3764" t="s">
        <v>2372</v>
      </c>
      <c r="B3764" t="s">
        <v>2373</v>
      </c>
      <c r="C3764" t="s">
        <v>2350</v>
      </c>
      <c r="D3764" t="s">
        <v>2351</v>
      </c>
      <c r="E3764" t="s">
        <v>2352</v>
      </c>
      <c r="F3764" t="s">
        <v>2353</v>
      </c>
      <c r="G3764" t="s">
        <v>80</v>
      </c>
      <c r="H3764" t="s">
        <v>81</v>
      </c>
      <c r="I3764" s="2">
        <v>0</v>
      </c>
      <c r="J3764" s="2">
        <v>0</v>
      </c>
      <c r="K3764" s="2">
        <v>1</v>
      </c>
      <c r="L3764" t="s">
        <v>995</v>
      </c>
      <c r="M3764" t="s">
        <v>89</v>
      </c>
      <c r="N3764" t="s">
        <v>90</v>
      </c>
      <c r="O3764" t="s">
        <v>85</v>
      </c>
      <c r="P3764" t="s">
        <v>86</v>
      </c>
      <c r="Q3764">
        <v>72</v>
      </c>
      <c r="R3764">
        <v>73</v>
      </c>
      <c r="S3764">
        <v>74</v>
      </c>
      <c r="T3764">
        <v>75</v>
      </c>
      <c r="U3764">
        <v>75</v>
      </c>
      <c r="V3764">
        <v>76</v>
      </c>
      <c r="W3764">
        <v>77</v>
      </c>
      <c r="X3764">
        <v>77</v>
      </c>
      <c r="Y3764">
        <v>78</v>
      </c>
      <c r="Z3764">
        <v>78</v>
      </c>
      <c r="AA3764">
        <v>79</v>
      </c>
      <c r="AB3764">
        <v>79</v>
      </c>
      <c r="AC3764">
        <v>79</v>
      </c>
      <c r="AD3764">
        <v>80</v>
      </c>
      <c r="AE3764">
        <v>80</v>
      </c>
      <c r="AF3764">
        <v>79</v>
      </c>
      <c r="AG3764">
        <v>78</v>
      </c>
      <c r="AH3764">
        <v>78</v>
      </c>
      <c r="AI3764">
        <v>77</v>
      </c>
      <c r="AJ3764">
        <v>76</v>
      </c>
      <c r="AK3764">
        <v>76</v>
      </c>
      <c r="AL3764">
        <v>75</v>
      </c>
      <c r="AM3764">
        <v>75</v>
      </c>
      <c r="AN3764">
        <v>74</v>
      </c>
      <c r="AO3764">
        <v>73</v>
      </c>
      <c r="AP3764">
        <v>73</v>
      </c>
      <c r="AQ3764">
        <v>72</v>
      </c>
    </row>
    <row r="3765" spans="1:43">
      <c r="A3765" t="s">
        <v>2372</v>
      </c>
      <c r="B3765" t="s">
        <v>2373</v>
      </c>
      <c r="C3765" t="s">
        <v>2350</v>
      </c>
      <c r="D3765" t="s">
        <v>2351</v>
      </c>
      <c r="E3765" t="s">
        <v>2352</v>
      </c>
      <c r="F3765" t="s">
        <v>2353</v>
      </c>
      <c r="G3765" t="s">
        <v>80</v>
      </c>
      <c r="H3765" t="s">
        <v>81</v>
      </c>
      <c r="I3765" s="2">
        <v>0</v>
      </c>
      <c r="J3765" s="2">
        <v>0</v>
      </c>
      <c r="K3765" s="2">
        <v>1</v>
      </c>
      <c r="L3765" t="s">
        <v>995</v>
      </c>
      <c r="M3765" t="s">
        <v>83</v>
      </c>
      <c r="N3765" t="s">
        <v>91</v>
      </c>
      <c r="O3765" t="s">
        <v>85</v>
      </c>
      <c r="P3765" t="s">
        <v>86</v>
      </c>
      <c r="Q3765">
        <v>72</v>
      </c>
      <c r="R3765">
        <v>73</v>
      </c>
      <c r="S3765">
        <v>73</v>
      </c>
      <c r="T3765">
        <v>73</v>
      </c>
      <c r="U3765">
        <v>74</v>
      </c>
      <c r="V3765">
        <v>74</v>
      </c>
      <c r="W3765">
        <v>74</v>
      </c>
      <c r="X3765">
        <v>74</v>
      </c>
      <c r="Y3765">
        <v>74</v>
      </c>
      <c r="Z3765">
        <v>75</v>
      </c>
      <c r="AA3765">
        <v>75</v>
      </c>
      <c r="AB3765">
        <v>75</v>
      </c>
      <c r="AC3765">
        <v>75</v>
      </c>
      <c r="AD3765">
        <v>75</v>
      </c>
      <c r="AE3765">
        <v>75</v>
      </c>
      <c r="AF3765">
        <v>75</v>
      </c>
      <c r="AG3765">
        <v>75</v>
      </c>
      <c r="AH3765">
        <v>75</v>
      </c>
      <c r="AI3765">
        <v>75</v>
      </c>
      <c r="AJ3765">
        <v>76</v>
      </c>
      <c r="AK3765">
        <v>76</v>
      </c>
      <c r="AL3765">
        <v>75</v>
      </c>
      <c r="AM3765">
        <v>75</v>
      </c>
      <c r="AN3765">
        <v>74</v>
      </c>
      <c r="AO3765">
        <v>73</v>
      </c>
      <c r="AP3765">
        <v>73</v>
      </c>
      <c r="AQ3765">
        <v>72</v>
      </c>
    </row>
    <row r="3766" spans="1:43">
      <c r="A3766" t="s">
        <v>2374</v>
      </c>
      <c r="B3766" t="s">
        <v>2375</v>
      </c>
      <c r="C3766" t="s">
        <v>2376</v>
      </c>
      <c r="D3766" t="s">
        <v>2377</v>
      </c>
      <c r="E3766" t="s">
        <v>2352</v>
      </c>
      <c r="F3766" t="s">
        <v>2353</v>
      </c>
      <c r="G3766" t="s">
        <v>80</v>
      </c>
      <c r="H3766" t="s">
        <v>81</v>
      </c>
      <c r="I3766" s="2">
        <v>0</v>
      </c>
      <c r="J3766" s="2">
        <v>0</v>
      </c>
      <c r="K3766" s="2">
        <v>1</v>
      </c>
      <c r="L3766" t="s">
        <v>995</v>
      </c>
      <c r="M3766" t="s">
        <v>83</v>
      </c>
      <c r="N3766" t="s">
        <v>84</v>
      </c>
      <c r="O3766" t="s">
        <v>85</v>
      </c>
      <c r="P3766" t="s">
        <v>86</v>
      </c>
      <c r="Q3766">
        <v>22</v>
      </c>
      <c r="R3766">
        <v>22</v>
      </c>
      <c r="S3766">
        <v>22</v>
      </c>
      <c r="T3766">
        <v>22</v>
      </c>
      <c r="U3766">
        <v>22</v>
      </c>
      <c r="V3766">
        <v>22</v>
      </c>
      <c r="W3766">
        <v>22</v>
      </c>
      <c r="X3766">
        <v>22</v>
      </c>
      <c r="Y3766">
        <v>22</v>
      </c>
      <c r="Z3766">
        <v>22</v>
      </c>
      <c r="AA3766">
        <v>22</v>
      </c>
      <c r="AB3766">
        <v>22</v>
      </c>
      <c r="AC3766">
        <v>22</v>
      </c>
      <c r="AD3766">
        <v>22</v>
      </c>
      <c r="AE3766">
        <v>22</v>
      </c>
      <c r="AF3766">
        <v>22</v>
      </c>
      <c r="AG3766">
        <v>22</v>
      </c>
      <c r="AH3766">
        <v>22</v>
      </c>
      <c r="AI3766">
        <v>22</v>
      </c>
      <c r="AJ3766">
        <v>22</v>
      </c>
      <c r="AK3766">
        <v>22</v>
      </c>
      <c r="AL3766">
        <v>22</v>
      </c>
      <c r="AM3766">
        <v>22</v>
      </c>
      <c r="AN3766">
        <v>22</v>
      </c>
      <c r="AO3766">
        <v>22</v>
      </c>
      <c r="AP3766">
        <v>21</v>
      </c>
      <c r="AQ3766">
        <v>21</v>
      </c>
    </row>
    <row r="3767" spans="1:43">
      <c r="A3767" t="s">
        <v>2374</v>
      </c>
      <c r="B3767" t="s">
        <v>2375</v>
      </c>
      <c r="C3767" t="s">
        <v>2376</v>
      </c>
      <c r="D3767" t="s">
        <v>2377</v>
      </c>
      <c r="E3767" t="s">
        <v>2352</v>
      </c>
      <c r="F3767" t="s">
        <v>2353</v>
      </c>
      <c r="G3767" t="s">
        <v>80</v>
      </c>
      <c r="H3767" t="s">
        <v>81</v>
      </c>
      <c r="I3767" s="2">
        <v>0</v>
      </c>
      <c r="J3767" s="2">
        <v>0</v>
      </c>
      <c r="K3767" s="2">
        <v>1</v>
      </c>
      <c r="L3767" t="s">
        <v>995</v>
      </c>
      <c r="M3767" t="s">
        <v>87</v>
      </c>
      <c r="N3767" t="s">
        <v>88</v>
      </c>
      <c r="O3767" t="s">
        <v>85</v>
      </c>
      <c r="P3767" t="s">
        <v>86</v>
      </c>
      <c r="Q3767">
        <v>22</v>
      </c>
      <c r="R3767">
        <v>22</v>
      </c>
      <c r="S3767">
        <v>22</v>
      </c>
      <c r="T3767">
        <v>22</v>
      </c>
      <c r="U3767">
        <v>22</v>
      </c>
      <c r="V3767">
        <v>22</v>
      </c>
      <c r="W3767">
        <v>22</v>
      </c>
      <c r="X3767">
        <v>22</v>
      </c>
      <c r="Y3767">
        <v>21</v>
      </c>
      <c r="Z3767">
        <v>21</v>
      </c>
      <c r="AA3767">
        <v>21</v>
      </c>
      <c r="AB3767">
        <v>21</v>
      </c>
      <c r="AC3767">
        <v>21</v>
      </c>
      <c r="AD3767">
        <v>21</v>
      </c>
      <c r="AE3767">
        <v>21</v>
      </c>
      <c r="AF3767">
        <v>21</v>
      </c>
      <c r="AG3767">
        <v>21</v>
      </c>
      <c r="AH3767">
        <v>20</v>
      </c>
      <c r="AI3767">
        <v>20</v>
      </c>
      <c r="AJ3767">
        <v>20</v>
      </c>
      <c r="AK3767">
        <v>20</v>
      </c>
      <c r="AL3767">
        <v>20</v>
      </c>
      <c r="AM3767">
        <v>20</v>
      </c>
      <c r="AN3767">
        <v>20</v>
      </c>
      <c r="AO3767">
        <v>20</v>
      </c>
      <c r="AP3767">
        <v>20</v>
      </c>
      <c r="AQ3767">
        <v>19</v>
      </c>
    </row>
    <row r="3768" spans="1:43">
      <c r="A3768" t="s">
        <v>2374</v>
      </c>
      <c r="B3768" t="s">
        <v>2375</v>
      </c>
      <c r="C3768" t="s">
        <v>2376</v>
      </c>
      <c r="D3768" t="s">
        <v>2377</v>
      </c>
      <c r="E3768" t="s">
        <v>2352</v>
      </c>
      <c r="F3768" t="s">
        <v>2353</v>
      </c>
      <c r="G3768" t="s">
        <v>80</v>
      </c>
      <c r="H3768" t="s">
        <v>81</v>
      </c>
      <c r="I3768" s="2">
        <v>0</v>
      </c>
      <c r="J3768" s="2">
        <v>0</v>
      </c>
      <c r="K3768" s="2">
        <v>1</v>
      </c>
      <c r="L3768" t="s">
        <v>995</v>
      </c>
      <c r="M3768" t="s">
        <v>89</v>
      </c>
      <c r="N3768" t="s">
        <v>90</v>
      </c>
      <c r="O3768" t="s">
        <v>85</v>
      </c>
      <c r="P3768" t="s">
        <v>86</v>
      </c>
      <c r="Q3768">
        <v>22</v>
      </c>
      <c r="R3768">
        <v>22</v>
      </c>
      <c r="S3768">
        <v>22</v>
      </c>
      <c r="T3768">
        <v>23</v>
      </c>
      <c r="U3768">
        <v>23</v>
      </c>
      <c r="V3768">
        <v>23</v>
      </c>
      <c r="W3768">
        <v>23</v>
      </c>
      <c r="X3768">
        <v>23</v>
      </c>
      <c r="Y3768">
        <v>23</v>
      </c>
      <c r="Z3768">
        <v>24</v>
      </c>
      <c r="AA3768">
        <v>24</v>
      </c>
      <c r="AB3768">
        <v>24</v>
      </c>
      <c r="AC3768">
        <v>24</v>
      </c>
      <c r="AD3768">
        <v>24</v>
      </c>
      <c r="AE3768">
        <v>24</v>
      </c>
      <c r="AF3768">
        <v>24</v>
      </c>
      <c r="AG3768">
        <v>23</v>
      </c>
      <c r="AH3768">
        <v>23</v>
      </c>
      <c r="AI3768">
        <v>23</v>
      </c>
      <c r="AJ3768">
        <v>23</v>
      </c>
      <c r="AK3768">
        <v>23</v>
      </c>
      <c r="AL3768">
        <v>22</v>
      </c>
      <c r="AM3768">
        <v>22</v>
      </c>
      <c r="AN3768">
        <v>22</v>
      </c>
      <c r="AO3768">
        <v>22</v>
      </c>
      <c r="AP3768">
        <v>22</v>
      </c>
      <c r="AQ3768">
        <v>21</v>
      </c>
    </row>
    <row r="3769" spans="1:43">
      <c r="A3769" t="s">
        <v>2374</v>
      </c>
      <c r="B3769" t="s">
        <v>2375</v>
      </c>
      <c r="C3769" t="s">
        <v>2376</v>
      </c>
      <c r="D3769" t="s">
        <v>2377</v>
      </c>
      <c r="E3769" t="s">
        <v>2352</v>
      </c>
      <c r="F3769" t="s">
        <v>2353</v>
      </c>
      <c r="G3769" t="s">
        <v>80</v>
      </c>
      <c r="H3769" t="s">
        <v>81</v>
      </c>
      <c r="I3769" s="2">
        <v>0</v>
      </c>
      <c r="J3769" s="2">
        <v>0</v>
      </c>
      <c r="K3769" s="2">
        <v>1</v>
      </c>
      <c r="L3769" t="s">
        <v>995</v>
      </c>
      <c r="M3769" t="s">
        <v>83</v>
      </c>
      <c r="N3769" t="s">
        <v>91</v>
      </c>
      <c r="O3769" t="s">
        <v>85</v>
      </c>
      <c r="P3769" t="s">
        <v>86</v>
      </c>
      <c r="Q3769">
        <v>22</v>
      </c>
      <c r="R3769">
        <v>22</v>
      </c>
      <c r="S3769">
        <v>22</v>
      </c>
      <c r="T3769">
        <v>22</v>
      </c>
      <c r="U3769">
        <v>22</v>
      </c>
      <c r="V3769">
        <v>22</v>
      </c>
      <c r="W3769">
        <v>22</v>
      </c>
      <c r="X3769">
        <v>22</v>
      </c>
      <c r="Y3769">
        <v>22</v>
      </c>
      <c r="Z3769">
        <v>22</v>
      </c>
      <c r="AA3769">
        <v>22</v>
      </c>
      <c r="AB3769">
        <v>22</v>
      </c>
      <c r="AC3769">
        <v>22</v>
      </c>
      <c r="AD3769">
        <v>22</v>
      </c>
      <c r="AE3769">
        <v>22</v>
      </c>
      <c r="AF3769">
        <v>22</v>
      </c>
      <c r="AG3769">
        <v>22</v>
      </c>
      <c r="AH3769">
        <v>22</v>
      </c>
      <c r="AI3769">
        <v>22</v>
      </c>
      <c r="AJ3769">
        <v>22</v>
      </c>
      <c r="AK3769">
        <v>22</v>
      </c>
      <c r="AL3769">
        <v>22</v>
      </c>
      <c r="AM3769">
        <v>22</v>
      </c>
      <c r="AN3769">
        <v>22</v>
      </c>
      <c r="AO3769">
        <v>22</v>
      </c>
      <c r="AP3769">
        <v>21</v>
      </c>
      <c r="AQ3769">
        <v>21</v>
      </c>
    </row>
    <row r="3770" spans="1:43">
      <c r="A3770" t="s">
        <v>2378</v>
      </c>
      <c r="B3770" t="s">
        <v>2379</v>
      </c>
      <c r="C3770" t="s">
        <v>2376</v>
      </c>
      <c r="D3770" t="s">
        <v>2377</v>
      </c>
      <c r="E3770" t="s">
        <v>2352</v>
      </c>
      <c r="F3770" t="s">
        <v>2353</v>
      </c>
      <c r="G3770" t="s">
        <v>80</v>
      </c>
      <c r="H3770" t="s">
        <v>81</v>
      </c>
      <c r="I3770" s="2">
        <v>0</v>
      </c>
      <c r="J3770" s="2">
        <v>0</v>
      </c>
      <c r="K3770" s="2">
        <v>1</v>
      </c>
      <c r="L3770" t="s">
        <v>995</v>
      </c>
      <c r="M3770" t="s">
        <v>83</v>
      </c>
      <c r="N3770" t="s">
        <v>84</v>
      </c>
      <c r="O3770" t="s">
        <v>85</v>
      </c>
      <c r="P3770" t="s">
        <v>86</v>
      </c>
      <c r="Q3770">
        <v>20</v>
      </c>
      <c r="R3770">
        <v>20</v>
      </c>
      <c r="S3770">
        <v>20</v>
      </c>
      <c r="T3770">
        <v>20</v>
      </c>
      <c r="U3770">
        <v>20</v>
      </c>
      <c r="V3770">
        <v>20</v>
      </c>
      <c r="W3770">
        <v>20</v>
      </c>
      <c r="X3770">
        <v>20</v>
      </c>
      <c r="Y3770">
        <v>20</v>
      </c>
      <c r="Z3770">
        <v>20</v>
      </c>
      <c r="AA3770">
        <v>20</v>
      </c>
      <c r="AB3770">
        <v>20</v>
      </c>
      <c r="AC3770">
        <v>20</v>
      </c>
      <c r="AD3770">
        <v>20</v>
      </c>
      <c r="AE3770">
        <v>20</v>
      </c>
      <c r="AF3770">
        <v>20</v>
      </c>
      <c r="AG3770">
        <v>20</v>
      </c>
      <c r="AH3770">
        <v>20</v>
      </c>
      <c r="AI3770">
        <v>20</v>
      </c>
      <c r="AJ3770">
        <v>20</v>
      </c>
      <c r="AK3770">
        <v>20</v>
      </c>
      <c r="AL3770">
        <v>20</v>
      </c>
      <c r="AM3770">
        <v>20</v>
      </c>
      <c r="AN3770">
        <v>20</v>
      </c>
      <c r="AO3770">
        <v>19</v>
      </c>
      <c r="AP3770">
        <v>19</v>
      </c>
      <c r="AQ3770">
        <v>19</v>
      </c>
    </row>
    <row r="3771" spans="1:43">
      <c r="A3771" t="s">
        <v>2378</v>
      </c>
      <c r="B3771" t="s">
        <v>2379</v>
      </c>
      <c r="C3771" t="s">
        <v>2376</v>
      </c>
      <c r="D3771" t="s">
        <v>2377</v>
      </c>
      <c r="E3771" t="s">
        <v>2352</v>
      </c>
      <c r="F3771" t="s">
        <v>2353</v>
      </c>
      <c r="G3771" t="s">
        <v>80</v>
      </c>
      <c r="H3771" t="s">
        <v>81</v>
      </c>
      <c r="I3771" s="2">
        <v>0</v>
      </c>
      <c r="J3771" s="2">
        <v>0</v>
      </c>
      <c r="K3771" s="2">
        <v>1</v>
      </c>
      <c r="L3771" t="s">
        <v>995</v>
      </c>
      <c r="M3771" t="s">
        <v>87</v>
      </c>
      <c r="N3771" t="s">
        <v>88</v>
      </c>
      <c r="O3771" t="s">
        <v>85</v>
      </c>
      <c r="P3771" t="s">
        <v>86</v>
      </c>
      <c r="Q3771">
        <v>20</v>
      </c>
      <c r="R3771">
        <v>20</v>
      </c>
      <c r="S3771">
        <v>20</v>
      </c>
      <c r="T3771">
        <v>20</v>
      </c>
      <c r="U3771">
        <v>20</v>
      </c>
      <c r="V3771">
        <v>20</v>
      </c>
      <c r="W3771">
        <v>20</v>
      </c>
      <c r="X3771">
        <v>20</v>
      </c>
      <c r="Y3771">
        <v>19</v>
      </c>
      <c r="Z3771">
        <v>19</v>
      </c>
      <c r="AA3771">
        <v>19</v>
      </c>
      <c r="AB3771">
        <v>19</v>
      </c>
      <c r="AC3771">
        <v>19</v>
      </c>
      <c r="AD3771">
        <v>19</v>
      </c>
      <c r="AE3771">
        <v>19</v>
      </c>
      <c r="AF3771">
        <v>19</v>
      </c>
      <c r="AG3771">
        <v>19</v>
      </c>
      <c r="AH3771">
        <v>18</v>
      </c>
      <c r="AI3771">
        <v>18</v>
      </c>
      <c r="AJ3771">
        <v>18</v>
      </c>
      <c r="AK3771">
        <v>18</v>
      </c>
      <c r="AL3771">
        <v>18</v>
      </c>
      <c r="AM3771">
        <v>18</v>
      </c>
      <c r="AN3771">
        <v>18</v>
      </c>
      <c r="AO3771">
        <v>18</v>
      </c>
      <c r="AP3771">
        <v>18</v>
      </c>
      <c r="AQ3771">
        <v>18</v>
      </c>
    </row>
    <row r="3772" spans="1:43">
      <c r="A3772" t="s">
        <v>2378</v>
      </c>
      <c r="B3772" t="s">
        <v>2379</v>
      </c>
      <c r="C3772" t="s">
        <v>2376</v>
      </c>
      <c r="D3772" t="s">
        <v>2377</v>
      </c>
      <c r="E3772" t="s">
        <v>2352</v>
      </c>
      <c r="F3772" t="s">
        <v>2353</v>
      </c>
      <c r="G3772" t="s">
        <v>80</v>
      </c>
      <c r="H3772" t="s">
        <v>81</v>
      </c>
      <c r="I3772" s="2">
        <v>0</v>
      </c>
      <c r="J3772" s="2">
        <v>0</v>
      </c>
      <c r="K3772" s="2">
        <v>1</v>
      </c>
      <c r="L3772" t="s">
        <v>995</v>
      </c>
      <c r="M3772" t="s">
        <v>89</v>
      </c>
      <c r="N3772" t="s">
        <v>90</v>
      </c>
      <c r="O3772" t="s">
        <v>85</v>
      </c>
      <c r="P3772" t="s">
        <v>86</v>
      </c>
      <c r="Q3772">
        <v>20</v>
      </c>
      <c r="R3772">
        <v>20</v>
      </c>
      <c r="S3772">
        <v>20</v>
      </c>
      <c r="T3772">
        <v>20</v>
      </c>
      <c r="U3772">
        <v>21</v>
      </c>
      <c r="V3772">
        <v>21</v>
      </c>
      <c r="W3772">
        <v>21</v>
      </c>
      <c r="X3772">
        <v>21</v>
      </c>
      <c r="Y3772">
        <v>21</v>
      </c>
      <c r="Z3772">
        <v>21</v>
      </c>
      <c r="AA3772">
        <v>21</v>
      </c>
      <c r="AB3772">
        <v>21</v>
      </c>
      <c r="AC3772">
        <v>21</v>
      </c>
      <c r="AD3772">
        <v>22</v>
      </c>
      <c r="AE3772">
        <v>21</v>
      </c>
      <c r="AF3772">
        <v>21</v>
      </c>
      <c r="AG3772">
        <v>21</v>
      </c>
      <c r="AH3772">
        <v>21</v>
      </c>
      <c r="AI3772">
        <v>21</v>
      </c>
      <c r="AJ3772">
        <v>21</v>
      </c>
      <c r="AK3772">
        <v>20</v>
      </c>
      <c r="AL3772">
        <v>20</v>
      </c>
      <c r="AM3772">
        <v>20</v>
      </c>
      <c r="AN3772">
        <v>20</v>
      </c>
      <c r="AO3772">
        <v>20</v>
      </c>
      <c r="AP3772">
        <v>19</v>
      </c>
      <c r="AQ3772">
        <v>19</v>
      </c>
    </row>
    <row r="3773" spans="1:43">
      <c r="A3773" t="s">
        <v>2378</v>
      </c>
      <c r="B3773" t="s">
        <v>2379</v>
      </c>
      <c r="C3773" t="s">
        <v>2376</v>
      </c>
      <c r="D3773" t="s">
        <v>2377</v>
      </c>
      <c r="E3773" t="s">
        <v>2352</v>
      </c>
      <c r="F3773" t="s">
        <v>2353</v>
      </c>
      <c r="G3773" t="s">
        <v>80</v>
      </c>
      <c r="H3773" t="s">
        <v>81</v>
      </c>
      <c r="I3773" s="2">
        <v>0</v>
      </c>
      <c r="J3773" s="2">
        <v>0</v>
      </c>
      <c r="K3773" s="2">
        <v>1</v>
      </c>
      <c r="L3773" t="s">
        <v>995</v>
      </c>
      <c r="M3773" t="s">
        <v>83</v>
      </c>
      <c r="N3773" t="s">
        <v>91</v>
      </c>
      <c r="O3773" t="s">
        <v>85</v>
      </c>
      <c r="P3773" t="s">
        <v>86</v>
      </c>
      <c r="Q3773">
        <v>20</v>
      </c>
      <c r="R3773">
        <v>20</v>
      </c>
      <c r="S3773">
        <v>20</v>
      </c>
      <c r="T3773">
        <v>20</v>
      </c>
      <c r="U3773">
        <v>20</v>
      </c>
      <c r="V3773">
        <v>20</v>
      </c>
      <c r="W3773">
        <v>20</v>
      </c>
      <c r="X3773">
        <v>20</v>
      </c>
      <c r="Y3773">
        <v>20</v>
      </c>
      <c r="Z3773">
        <v>20</v>
      </c>
      <c r="AA3773">
        <v>20</v>
      </c>
      <c r="AB3773">
        <v>20</v>
      </c>
      <c r="AC3773">
        <v>20</v>
      </c>
      <c r="AD3773">
        <v>20</v>
      </c>
      <c r="AE3773">
        <v>20</v>
      </c>
      <c r="AF3773">
        <v>20</v>
      </c>
      <c r="AG3773">
        <v>20</v>
      </c>
      <c r="AH3773">
        <v>20</v>
      </c>
      <c r="AI3773">
        <v>20</v>
      </c>
      <c r="AJ3773">
        <v>20</v>
      </c>
      <c r="AK3773">
        <v>20</v>
      </c>
      <c r="AL3773">
        <v>20</v>
      </c>
      <c r="AM3773">
        <v>20</v>
      </c>
      <c r="AN3773">
        <v>20</v>
      </c>
      <c r="AO3773">
        <v>19</v>
      </c>
      <c r="AP3773">
        <v>19</v>
      </c>
      <c r="AQ3773">
        <v>19</v>
      </c>
    </row>
    <row r="3774" spans="1:43">
      <c r="A3774" t="s">
        <v>2380</v>
      </c>
      <c r="B3774" t="s">
        <v>2381</v>
      </c>
      <c r="C3774" t="s">
        <v>2376</v>
      </c>
      <c r="D3774" t="s">
        <v>2377</v>
      </c>
      <c r="E3774" t="s">
        <v>2352</v>
      </c>
      <c r="F3774" t="s">
        <v>2353</v>
      </c>
      <c r="G3774" t="s">
        <v>80</v>
      </c>
      <c r="H3774" t="s">
        <v>81</v>
      </c>
      <c r="I3774" s="2">
        <v>0</v>
      </c>
      <c r="J3774" s="2">
        <v>0</v>
      </c>
      <c r="K3774" s="2">
        <v>1</v>
      </c>
      <c r="L3774" t="s">
        <v>995</v>
      </c>
      <c r="M3774" t="s">
        <v>83</v>
      </c>
      <c r="N3774" t="s">
        <v>84</v>
      </c>
      <c r="O3774" t="s">
        <v>85</v>
      </c>
      <c r="P3774" t="s">
        <v>86</v>
      </c>
      <c r="Q3774">
        <v>15</v>
      </c>
      <c r="R3774">
        <v>15</v>
      </c>
      <c r="S3774">
        <v>15</v>
      </c>
      <c r="T3774">
        <v>15</v>
      </c>
      <c r="U3774">
        <v>15</v>
      </c>
      <c r="V3774">
        <v>15</v>
      </c>
      <c r="W3774">
        <v>15</v>
      </c>
      <c r="X3774">
        <v>15</v>
      </c>
      <c r="Y3774">
        <v>15</v>
      </c>
      <c r="Z3774">
        <v>15</v>
      </c>
      <c r="AA3774">
        <v>15</v>
      </c>
      <c r="AB3774">
        <v>15</v>
      </c>
      <c r="AC3774">
        <v>15</v>
      </c>
      <c r="AD3774">
        <v>15</v>
      </c>
      <c r="AE3774">
        <v>15</v>
      </c>
      <c r="AF3774">
        <v>15</v>
      </c>
      <c r="AG3774">
        <v>15</v>
      </c>
      <c r="AH3774">
        <v>15</v>
      </c>
      <c r="AI3774">
        <v>15</v>
      </c>
      <c r="AJ3774">
        <v>15</v>
      </c>
      <c r="AK3774">
        <v>15</v>
      </c>
      <c r="AL3774">
        <v>15</v>
      </c>
      <c r="AM3774">
        <v>15</v>
      </c>
      <c r="AN3774">
        <v>15</v>
      </c>
      <c r="AO3774">
        <v>15</v>
      </c>
      <c r="AP3774">
        <v>15</v>
      </c>
      <c r="AQ3774">
        <v>14</v>
      </c>
    </row>
    <row r="3775" spans="1:43">
      <c r="A3775" t="s">
        <v>2380</v>
      </c>
      <c r="B3775" t="s">
        <v>2381</v>
      </c>
      <c r="C3775" t="s">
        <v>2376</v>
      </c>
      <c r="D3775" t="s">
        <v>2377</v>
      </c>
      <c r="E3775" t="s">
        <v>2352</v>
      </c>
      <c r="F3775" t="s">
        <v>2353</v>
      </c>
      <c r="G3775" t="s">
        <v>80</v>
      </c>
      <c r="H3775" t="s">
        <v>81</v>
      </c>
      <c r="I3775" s="2">
        <v>0</v>
      </c>
      <c r="J3775" s="2">
        <v>0</v>
      </c>
      <c r="K3775" s="2">
        <v>1</v>
      </c>
      <c r="L3775" t="s">
        <v>995</v>
      </c>
      <c r="M3775" t="s">
        <v>87</v>
      </c>
      <c r="N3775" t="s">
        <v>88</v>
      </c>
      <c r="O3775" t="s">
        <v>85</v>
      </c>
      <c r="P3775" t="s">
        <v>86</v>
      </c>
      <c r="Q3775">
        <v>15</v>
      </c>
      <c r="R3775">
        <v>15</v>
      </c>
      <c r="S3775">
        <v>15</v>
      </c>
      <c r="T3775">
        <v>14</v>
      </c>
      <c r="U3775">
        <v>14</v>
      </c>
      <c r="V3775">
        <v>14</v>
      </c>
      <c r="W3775">
        <v>14</v>
      </c>
      <c r="X3775">
        <v>14</v>
      </c>
      <c r="Y3775">
        <v>14</v>
      </c>
      <c r="Z3775">
        <v>14</v>
      </c>
      <c r="AA3775">
        <v>14</v>
      </c>
      <c r="AB3775">
        <v>14</v>
      </c>
      <c r="AC3775">
        <v>14</v>
      </c>
      <c r="AD3775">
        <v>14</v>
      </c>
      <c r="AE3775">
        <v>13</v>
      </c>
      <c r="AF3775">
        <v>13</v>
      </c>
      <c r="AG3775">
        <v>13</v>
      </c>
      <c r="AH3775">
        <v>13</v>
      </c>
      <c r="AI3775">
        <v>13</v>
      </c>
      <c r="AJ3775">
        <v>13</v>
      </c>
      <c r="AK3775">
        <v>13</v>
      </c>
      <c r="AL3775">
        <v>13</v>
      </c>
      <c r="AM3775">
        <v>13</v>
      </c>
      <c r="AN3775">
        <v>13</v>
      </c>
      <c r="AO3775">
        <v>13</v>
      </c>
      <c r="AP3775">
        <v>13</v>
      </c>
      <c r="AQ3775">
        <v>13</v>
      </c>
    </row>
    <row r="3776" spans="1:43">
      <c r="A3776" t="s">
        <v>2380</v>
      </c>
      <c r="B3776" t="s">
        <v>2381</v>
      </c>
      <c r="C3776" t="s">
        <v>2376</v>
      </c>
      <c r="D3776" t="s">
        <v>2377</v>
      </c>
      <c r="E3776" t="s">
        <v>2352</v>
      </c>
      <c r="F3776" t="s">
        <v>2353</v>
      </c>
      <c r="G3776" t="s">
        <v>80</v>
      </c>
      <c r="H3776" t="s">
        <v>81</v>
      </c>
      <c r="I3776" s="2">
        <v>0</v>
      </c>
      <c r="J3776" s="2">
        <v>0</v>
      </c>
      <c r="K3776" s="2">
        <v>1</v>
      </c>
      <c r="L3776" t="s">
        <v>995</v>
      </c>
      <c r="M3776" t="s">
        <v>89</v>
      </c>
      <c r="N3776" t="s">
        <v>90</v>
      </c>
      <c r="O3776" t="s">
        <v>85</v>
      </c>
      <c r="P3776" t="s">
        <v>86</v>
      </c>
      <c r="Q3776">
        <v>15</v>
      </c>
      <c r="R3776">
        <v>15</v>
      </c>
      <c r="S3776">
        <v>15</v>
      </c>
      <c r="T3776">
        <v>15</v>
      </c>
      <c r="U3776">
        <v>16</v>
      </c>
      <c r="V3776">
        <v>16</v>
      </c>
      <c r="W3776">
        <v>16</v>
      </c>
      <c r="X3776">
        <v>16</v>
      </c>
      <c r="Y3776">
        <v>16</v>
      </c>
      <c r="Z3776">
        <v>16</v>
      </c>
      <c r="AA3776">
        <v>16</v>
      </c>
      <c r="AB3776">
        <v>16</v>
      </c>
      <c r="AC3776">
        <v>16</v>
      </c>
      <c r="AD3776">
        <v>16</v>
      </c>
      <c r="AE3776">
        <v>16</v>
      </c>
      <c r="AF3776">
        <v>16</v>
      </c>
      <c r="AG3776">
        <v>16</v>
      </c>
      <c r="AH3776">
        <v>16</v>
      </c>
      <c r="AI3776">
        <v>16</v>
      </c>
      <c r="AJ3776">
        <v>16</v>
      </c>
      <c r="AK3776">
        <v>15</v>
      </c>
      <c r="AL3776">
        <v>15</v>
      </c>
      <c r="AM3776">
        <v>15</v>
      </c>
      <c r="AN3776">
        <v>15</v>
      </c>
      <c r="AO3776">
        <v>15</v>
      </c>
      <c r="AP3776">
        <v>15</v>
      </c>
      <c r="AQ3776">
        <v>15</v>
      </c>
    </row>
    <row r="3777" spans="1:43">
      <c r="A3777" t="s">
        <v>2380</v>
      </c>
      <c r="B3777" t="s">
        <v>2381</v>
      </c>
      <c r="C3777" t="s">
        <v>2376</v>
      </c>
      <c r="D3777" t="s">
        <v>2377</v>
      </c>
      <c r="E3777" t="s">
        <v>2352</v>
      </c>
      <c r="F3777" t="s">
        <v>2353</v>
      </c>
      <c r="G3777" t="s">
        <v>80</v>
      </c>
      <c r="H3777" t="s">
        <v>81</v>
      </c>
      <c r="I3777" s="2">
        <v>0</v>
      </c>
      <c r="J3777" s="2">
        <v>0</v>
      </c>
      <c r="K3777" s="2">
        <v>1</v>
      </c>
      <c r="L3777" t="s">
        <v>995</v>
      </c>
      <c r="M3777" t="s">
        <v>83</v>
      </c>
      <c r="N3777" t="s">
        <v>91</v>
      </c>
      <c r="O3777" t="s">
        <v>85</v>
      </c>
      <c r="P3777" t="s">
        <v>86</v>
      </c>
      <c r="Q3777">
        <v>15</v>
      </c>
      <c r="R3777">
        <v>15</v>
      </c>
      <c r="S3777">
        <v>15</v>
      </c>
      <c r="T3777">
        <v>15</v>
      </c>
      <c r="U3777">
        <v>15</v>
      </c>
      <c r="V3777">
        <v>15</v>
      </c>
      <c r="W3777">
        <v>15</v>
      </c>
      <c r="X3777">
        <v>15</v>
      </c>
      <c r="Y3777">
        <v>15</v>
      </c>
      <c r="Z3777">
        <v>15</v>
      </c>
      <c r="AA3777">
        <v>15</v>
      </c>
      <c r="AB3777">
        <v>15</v>
      </c>
      <c r="AC3777">
        <v>15</v>
      </c>
      <c r="AD3777">
        <v>15</v>
      </c>
      <c r="AE3777">
        <v>15</v>
      </c>
      <c r="AF3777">
        <v>15</v>
      </c>
      <c r="AG3777">
        <v>15</v>
      </c>
      <c r="AH3777">
        <v>15</v>
      </c>
      <c r="AI3777">
        <v>15</v>
      </c>
      <c r="AJ3777">
        <v>15</v>
      </c>
      <c r="AK3777">
        <v>15</v>
      </c>
      <c r="AL3777">
        <v>15</v>
      </c>
      <c r="AM3777">
        <v>15</v>
      </c>
      <c r="AN3777">
        <v>15</v>
      </c>
      <c r="AO3777">
        <v>15</v>
      </c>
      <c r="AP3777">
        <v>15</v>
      </c>
      <c r="AQ3777">
        <v>14</v>
      </c>
    </row>
    <row r="3778" spans="1:43">
      <c r="A3778" t="s">
        <v>2382</v>
      </c>
      <c r="B3778" t="s">
        <v>2383</v>
      </c>
      <c r="C3778" t="s">
        <v>2384</v>
      </c>
      <c r="D3778" t="s">
        <v>2385</v>
      </c>
      <c r="E3778" t="s">
        <v>2352</v>
      </c>
      <c r="F3778" t="s">
        <v>2353</v>
      </c>
      <c r="G3778" t="s">
        <v>80</v>
      </c>
      <c r="H3778" t="s">
        <v>81</v>
      </c>
      <c r="I3778" s="2">
        <v>0</v>
      </c>
      <c r="J3778" s="2">
        <v>0</v>
      </c>
      <c r="K3778" s="2">
        <v>1</v>
      </c>
      <c r="L3778" t="s">
        <v>995</v>
      </c>
      <c r="M3778" t="s">
        <v>83</v>
      </c>
      <c r="N3778" t="s">
        <v>84</v>
      </c>
      <c r="O3778" t="s">
        <v>85</v>
      </c>
      <c r="P3778" t="s">
        <v>86</v>
      </c>
      <c r="Q3778">
        <v>20</v>
      </c>
      <c r="R3778">
        <v>21</v>
      </c>
      <c r="S3778">
        <v>21</v>
      </c>
      <c r="T3778">
        <v>21</v>
      </c>
      <c r="U3778">
        <v>21</v>
      </c>
      <c r="V3778">
        <v>21</v>
      </c>
      <c r="W3778">
        <v>21</v>
      </c>
      <c r="X3778">
        <v>21</v>
      </c>
      <c r="Y3778">
        <v>21</v>
      </c>
      <c r="Z3778">
        <v>21</v>
      </c>
      <c r="AA3778">
        <v>21</v>
      </c>
      <c r="AB3778">
        <v>21</v>
      </c>
      <c r="AC3778">
        <v>21</v>
      </c>
      <c r="AD3778">
        <v>21</v>
      </c>
      <c r="AE3778">
        <v>21</v>
      </c>
      <c r="AF3778">
        <v>21</v>
      </c>
      <c r="AG3778">
        <v>21</v>
      </c>
      <c r="AH3778">
        <v>21</v>
      </c>
      <c r="AI3778">
        <v>21</v>
      </c>
      <c r="AJ3778">
        <v>21</v>
      </c>
      <c r="AK3778">
        <v>21</v>
      </c>
      <c r="AL3778">
        <v>21</v>
      </c>
      <c r="AM3778">
        <v>21</v>
      </c>
      <c r="AN3778">
        <v>20</v>
      </c>
      <c r="AO3778">
        <v>20</v>
      </c>
      <c r="AP3778">
        <v>20</v>
      </c>
      <c r="AQ3778">
        <v>20</v>
      </c>
    </row>
    <row r="3779" spans="1:43">
      <c r="A3779" t="s">
        <v>2382</v>
      </c>
      <c r="B3779" t="s">
        <v>2383</v>
      </c>
      <c r="C3779" t="s">
        <v>2384</v>
      </c>
      <c r="D3779" t="s">
        <v>2385</v>
      </c>
      <c r="E3779" t="s">
        <v>2352</v>
      </c>
      <c r="F3779" t="s">
        <v>2353</v>
      </c>
      <c r="G3779" t="s">
        <v>80</v>
      </c>
      <c r="H3779" t="s">
        <v>81</v>
      </c>
      <c r="I3779" s="2">
        <v>0</v>
      </c>
      <c r="J3779" s="2">
        <v>0</v>
      </c>
      <c r="K3779" s="2">
        <v>1</v>
      </c>
      <c r="L3779" t="s">
        <v>995</v>
      </c>
      <c r="M3779" t="s">
        <v>87</v>
      </c>
      <c r="N3779" t="s">
        <v>88</v>
      </c>
      <c r="O3779" t="s">
        <v>85</v>
      </c>
      <c r="P3779" t="s">
        <v>86</v>
      </c>
      <c r="Q3779">
        <v>20</v>
      </c>
      <c r="R3779">
        <v>20</v>
      </c>
      <c r="S3779">
        <v>20</v>
      </c>
      <c r="T3779">
        <v>20</v>
      </c>
      <c r="U3779">
        <v>20</v>
      </c>
      <c r="V3779">
        <v>20</v>
      </c>
      <c r="W3779">
        <v>20</v>
      </c>
      <c r="X3779">
        <v>19</v>
      </c>
      <c r="Y3779">
        <v>19</v>
      </c>
      <c r="Z3779">
        <v>19</v>
      </c>
      <c r="AA3779">
        <v>19</v>
      </c>
      <c r="AB3779">
        <v>19</v>
      </c>
      <c r="AC3779">
        <v>19</v>
      </c>
      <c r="AD3779">
        <v>19</v>
      </c>
      <c r="AE3779">
        <v>19</v>
      </c>
      <c r="AF3779">
        <v>18</v>
      </c>
      <c r="AG3779">
        <v>18</v>
      </c>
      <c r="AH3779">
        <v>18</v>
      </c>
      <c r="AI3779">
        <v>18</v>
      </c>
      <c r="AJ3779">
        <v>18</v>
      </c>
      <c r="AK3779">
        <v>18</v>
      </c>
      <c r="AL3779">
        <v>18</v>
      </c>
      <c r="AM3779">
        <v>18</v>
      </c>
      <c r="AN3779">
        <v>18</v>
      </c>
      <c r="AO3779">
        <v>18</v>
      </c>
      <c r="AP3779">
        <v>17</v>
      </c>
      <c r="AQ3779">
        <v>17</v>
      </c>
    </row>
    <row r="3780" spans="1:43">
      <c r="A3780" t="s">
        <v>2382</v>
      </c>
      <c r="B3780" t="s">
        <v>2383</v>
      </c>
      <c r="C3780" t="s">
        <v>2384</v>
      </c>
      <c r="D3780" t="s">
        <v>2385</v>
      </c>
      <c r="E3780" t="s">
        <v>2352</v>
      </c>
      <c r="F3780" t="s">
        <v>2353</v>
      </c>
      <c r="G3780" t="s">
        <v>80</v>
      </c>
      <c r="H3780" t="s">
        <v>81</v>
      </c>
      <c r="I3780" s="2">
        <v>0</v>
      </c>
      <c r="J3780" s="2">
        <v>0</v>
      </c>
      <c r="K3780" s="2">
        <v>1</v>
      </c>
      <c r="L3780" t="s">
        <v>995</v>
      </c>
      <c r="M3780" t="s">
        <v>89</v>
      </c>
      <c r="N3780" t="s">
        <v>90</v>
      </c>
      <c r="O3780" t="s">
        <v>85</v>
      </c>
      <c r="P3780" t="s">
        <v>86</v>
      </c>
      <c r="Q3780">
        <v>20</v>
      </c>
      <c r="R3780">
        <v>20</v>
      </c>
      <c r="S3780">
        <v>20</v>
      </c>
      <c r="T3780">
        <v>20</v>
      </c>
      <c r="U3780">
        <v>21</v>
      </c>
      <c r="V3780">
        <v>21</v>
      </c>
      <c r="W3780">
        <v>21</v>
      </c>
      <c r="X3780">
        <v>21</v>
      </c>
      <c r="Y3780">
        <v>21</v>
      </c>
      <c r="Z3780">
        <v>21</v>
      </c>
      <c r="AA3780">
        <v>21</v>
      </c>
      <c r="AB3780">
        <v>21</v>
      </c>
      <c r="AC3780">
        <v>21</v>
      </c>
      <c r="AD3780">
        <v>22</v>
      </c>
      <c r="AE3780">
        <v>21</v>
      </c>
      <c r="AF3780">
        <v>21</v>
      </c>
      <c r="AG3780">
        <v>21</v>
      </c>
      <c r="AH3780">
        <v>21</v>
      </c>
      <c r="AI3780">
        <v>21</v>
      </c>
      <c r="AJ3780">
        <v>20</v>
      </c>
      <c r="AK3780">
        <v>20</v>
      </c>
      <c r="AL3780">
        <v>20</v>
      </c>
      <c r="AM3780">
        <v>20</v>
      </c>
      <c r="AN3780">
        <v>20</v>
      </c>
      <c r="AO3780">
        <v>19</v>
      </c>
      <c r="AP3780">
        <v>19</v>
      </c>
      <c r="AQ3780">
        <v>19</v>
      </c>
    </row>
    <row r="3781" spans="1:43">
      <c r="A3781" t="s">
        <v>2382</v>
      </c>
      <c r="B3781" t="s">
        <v>2383</v>
      </c>
      <c r="C3781" t="s">
        <v>2384</v>
      </c>
      <c r="D3781" t="s">
        <v>2385</v>
      </c>
      <c r="E3781" t="s">
        <v>2352</v>
      </c>
      <c r="F3781" t="s">
        <v>2353</v>
      </c>
      <c r="G3781" t="s">
        <v>80</v>
      </c>
      <c r="H3781" t="s">
        <v>81</v>
      </c>
      <c r="I3781" s="2">
        <v>0</v>
      </c>
      <c r="J3781" s="2">
        <v>0</v>
      </c>
      <c r="K3781" s="2">
        <v>1</v>
      </c>
      <c r="L3781" t="s">
        <v>995</v>
      </c>
      <c r="M3781" t="s">
        <v>83</v>
      </c>
      <c r="N3781" t="s">
        <v>91</v>
      </c>
      <c r="O3781" t="s">
        <v>85</v>
      </c>
      <c r="P3781" t="s">
        <v>86</v>
      </c>
      <c r="Q3781">
        <v>20</v>
      </c>
      <c r="R3781">
        <v>21</v>
      </c>
      <c r="S3781">
        <v>21</v>
      </c>
      <c r="T3781">
        <v>21</v>
      </c>
      <c r="U3781">
        <v>21</v>
      </c>
      <c r="V3781">
        <v>21</v>
      </c>
      <c r="W3781">
        <v>21</v>
      </c>
      <c r="X3781">
        <v>21</v>
      </c>
      <c r="Y3781">
        <v>21</v>
      </c>
      <c r="Z3781">
        <v>21</v>
      </c>
      <c r="AA3781">
        <v>21</v>
      </c>
      <c r="AB3781">
        <v>21</v>
      </c>
      <c r="AC3781">
        <v>21</v>
      </c>
      <c r="AD3781">
        <v>21</v>
      </c>
      <c r="AE3781">
        <v>21</v>
      </c>
      <c r="AF3781">
        <v>21</v>
      </c>
      <c r="AG3781">
        <v>21</v>
      </c>
      <c r="AH3781">
        <v>21</v>
      </c>
      <c r="AI3781">
        <v>21</v>
      </c>
      <c r="AJ3781">
        <v>21</v>
      </c>
      <c r="AK3781">
        <v>21</v>
      </c>
      <c r="AL3781">
        <v>21</v>
      </c>
      <c r="AM3781">
        <v>21</v>
      </c>
      <c r="AN3781">
        <v>20</v>
      </c>
      <c r="AO3781">
        <v>20</v>
      </c>
      <c r="AP3781">
        <v>20</v>
      </c>
      <c r="AQ3781">
        <v>20</v>
      </c>
    </row>
    <row r="3782" spans="1:43">
      <c r="A3782" t="s">
        <v>2386</v>
      </c>
      <c r="B3782" t="s">
        <v>2387</v>
      </c>
      <c r="C3782" t="s">
        <v>2388</v>
      </c>
      <c r="D3782" t="s">
        <v>2389</v>
      </c>
      <c r="E3782" t="s">
        <v>2352</v>
      </c>
      <c r="F3782" t="s">
        <v>2353</v>
      </c>
      <c r="G3782" t="s">
        <v>80</v>
      </c>
      <c r="H3782" t="s">
        <v>81</v>
      </c>
      <c r="I3782" s="2">
        <v>0</v>
      </c>
      <c r="J3782" s="2">
        <v>0</v>
      </c>
      <c r="K3782" s="2">
        <v>1</v>
      </c>
      <c r="L3782" t="s">
        <v>995</v>
      </c>
      <c r="M3782" t="s">
        <v>83</v>
      </c>
      <c r="N3782" t="s">
        <v>84</v>
      </c>
      <c r="O3782" t="s">
        <v>85</v>
      </c>
      <c r="P3782" t="s">
        <v>86</v>
      </c>
      <c r="Q3782">
        <v>24</v>
      </c>
      <c r="R3782">
        <v>25</v>
      </c>
      <c r="S3782">
        <v>25</v>
      </c>
      <c r="T3782">
        <v>25</v>
      </c>
      <c r="U3782">
        <v>25</v>
      </c>
      <c r="V3782">
        <v>25</v>
      </c>
      <c r="W3782">
        <v>25</v>
      </c>
      <c r="X3782">
        <v>25</v>
      </c>
      <c r="Y3782">
        <v>25</v>
      </c>
      <c r="Z3782">
        <v>25</v>
      </c>
      <c r="AA3782">
        <v>25</v>
      </c>
      <c r="AB3782">
        <v>25</v>
      </c>
      <c r="AC3782">
        <v>25</v>
      </c>
      <c r="AD3782">
        <v>25</v>
      </c>
      <c r="AE3782">
        <v>25</v>
      </c>
      <c r="AF3782">
        <v>25</v>
      </c>
      <c r="AG3782">
        <v>25</v>
      </c>
      <c r="AH3782">
        <v>25</v>
      </c>
      <c r="AI3782">
        <v>25</v>
      </c>
      <c r="AJ3782">
        <v>25</v>
      </c>
      <c r="AK3782">
        <v>25</v>
      </c>
      <c r="AL3782">
        <v>25</v>
      </c>
      <c r="AM3782">
        <v>25</v>
      </c>
      <c r="AN3782">
        <v>25</v>
      </c>
      <c r="AO3782">
        <v>24</v>
      </c>
      <c r="AP3782">
        <v>24</v>
      </c>
      <c r="AQ3782">
        <v>24</v>
      </c>
    </row>
    <row r="3783" spans="1:43">
      <c r="A3783" t="s">
        <v>2386</v>
      </c>
      <c r="B3783" t="s">
        <v>2387</v>
      </c>
      <c r="C3783" t="s">
        <v>2388</v>
      </c>
      <c r="D3783" t="s">
        <v>2389</v>
      </c>
      <c r="E3783" t="s">
        <v>2352</v>
      </c>
      <c r="F3783" t="s">
        <v>2353</v>
      </c>
      <c r="G3783" t="s">
        <v>80</v>
      </c>
      <c r="H3783" t="s">
        <v>81</v>
      </c>
      <c r="I3783" s="2">
        <v>0</v>
      </c>
      <c r="J3783" s="2">
        <v>0</v>
      </c>
      <c r="K3783" s="2">
        <v>1</v>
      </c>
      <c r="L3783" t="s">
        <v>995</v>
      </c>
      <c r="M3783" t="s">
        <v>87</v>
      </c>
      <c r="N3783" t="s">
        <v>88</v>
      </c>
      <c r="O3783" t="s">
        <v>85</v>
      </c>
      <c r="P3783" t="s">
        <v>86</v>
      </c>
      <c r="Q3783">
        <v>24</v>
      </c>
      <c r="R3783">
        <v>24</v>
      </c>
      <c r="S3783">
        <v>24</v>
      </c>
      <c r="T3783">
        <v>24</v>
      </c>
      <c r="U3783">
        <v>24</v>
      </c>
      <c r="V3783">
        <v>24</v>
      </c>
      <c r="W3783">
        <v>23</v>
      </c>
      <c r="X3783">
        <v>23</v>
      </c>
      <c r="Y3783">
        <v>23</v>
      </c>
      <c r="Z3783">
        <v>23</v>
      </c>
      <c r="AA3783">
        <v>23</v>
      </c>
      <c r="AB3783">
        <v>23</v>
      </c>
      <c r="AC3783">
        <v>23</v>
      </c>
      <c r="AD3783">
        <v>22</v>
      </c>
      <c r="AE3783">
        <v>22</v>
      </c>
      <c r="AF3783">
        <v>22</v>
      </c>
      <c r="AG3783">
        <v>22</v>
      </c>
      <c r="AH3783">
        <v>22</v>
      </c>
      <c r="AI3783">
        <v>22</v>
      </c>
      <c r="AJ3783">
        <v>22</v>
      </c>
      <c r="AK3783">
        <v>22</v>
      </c>
      <c r="AL3783">
        <v>21</v>
      </c>
      <c r="AM3783">
        <v>21</v>
      </c>
      <c r="AN3783">
        <v>21</v>
      </c>
      <c r="AO3783">
        <v>21</v>
      </c>
      <c r="AP3783">
        <v>21</v>
      </c>
      <c r="AQ3783">
        <v>21</v>
      </c>
    </row>
    <row r="3784" spans="1:43">
      <c r="A3784" t="s">
        <v>2386</v>
      </c>
      <c r="B3784" t="s">
        <v>2387</v>
      </c>
      <c r="C3784" t="s">
        <v>2388</v>
      </c>
      <c r="D3784" t="s">
        <v>2389</v>
      </c>
      <c r="E3784" t="s">
        <v>2352</v>
      </c>
      <c r="F3784" t="s">
        <v>2353</v>
      </c>
      <c r="G3784" t="s">
        <v>80</v>
      </c>
      <c r="H3784" t="s">
        <v>81</v>
      </c>
      <c r="I3784" s="2">
        <v>0</v>
      </c>
      <c r="J3784" s="2">
        <v>0</v>
      </c>
      <c r="K3784" s="2">
        <v>1</v>
      </c>
      <c r="L3784" t="s">
        <v>995</v>
      </c>
      <c r="M3784" t="s">
        <v>89</v>
      </c>
      <c r="N3784" t="s">
        <v>90</v>
      </c>
      <c r="O3784" t="s">
        <v>85</v>
      </c>
      <c r="P3784" t="s">
        <v>86</v>
      </c>
      <c r="Q3784">
        <v>24</v>
      </c>
      <c r="R3784">
        <v>24</v>
      </c>
      <c r="S3784">
        <v>24</v>
      </c>
      <c r="T3784">
        <v>25</v>
      </c>
      <c r="U3784">
        <v>25</v>
      </c>
      <c r="V3784">
        <v>25</v>
      </c>
      <c r="W3784">
        <v>25</v>
      </c>
      <c r="X3784">
        <v>25</v>
      </c>
      <c r="Y3784">
        <v>25</v>
      </c>
      <c r="Z3784">
        <v>26</v>
      </c>
      <c r="AA3784">
        <v>26</v>
      </c>
      <c r="AB3784">
        <v>26</v>
      </c>
      <c r="AC3784">
        <v>26</v>
      </c>
      <c r="AD3784">
        <v>26</v>
      </c>
      <c r="AE3784">
        <v>26</v>
      </c>
      <c r="AF3784">
        <v>26</v>
      </c>
      <c r="AG3784">
        <v>25</v>
      </c>
      <c r="AH3784">
        <v>25</v>
      </c>
      <c r="AI3784">
        <v>25</v>
      </c>
      <c r="AJ3784">
        <v>25</v>
      </c>
      <c r="AK3784">
        <v>24</v>
      </c>
      <c r="AL3784">
        <v>24</v>
      </c>
      <c r="AM3784">
        <v>24</v>
      </c>
      <c r="AN3784">
        <v>24</v>
      </c>
      <c r="AO3784">
        <v>24</v>
      </c>
      <c r="AP3784">
        <v>23</v>
      </c>
      <c r="AQ3784">
        <v>23</v>
      </c>
    </row>
    <row r="3785" spans="1:43">
      <c r="A3785" t="s">
        <v>2386</v>
      </c>
      <c r="B3785" t="s">
        <v>2387</v>
      </c>
      <c r="C3785" t="s">
        <v>2388</v>
      </c>
      <c r="D3785" t="s">
        <v>2389</v>
      </c>
      <c r="E3785" t="s">
        <v>2352</v>
      </c>
      <c r="F3785" t="s">
        <v>2353</v>
      </c>
      <c r="G3785" t="s">
        <v>80</v>
      </c>
      <c r="H3785" t="s">
        <v>81</v>
      </c>
      <c r="I3785" s="2">
        <v>0</v>
      </c>
      <c r="J3785" s="2">
        <v>0</v>
      </c>
      <c r="K3785" s="2">
        <v>1</v>
      </c>
      <c r="L3785" t="s">
        <v>995</v>
      </c>
      <c r="M3785" t="s">
        <v>83</v>
      </c>
      <c r="N3785" t="s">
        <v>91</v>
      </c>
      <c r="O3785" t="s">
        <v>85</v>
      </c>
      <c r="P3785" t="s">
        <v>86</v>
      </c>
      <c r="Q3785">
        <v>24</v>
      </c>
      <c r="R3785">
        <v>25</v>
      </c>
      <c r="S3785">
        <v>25</v>
      </c>
      <c r="T3785">
        <v>25</v>
      </c>
      <c r="U3785">
        <v>25</v>
      </c>
      <c r="V3785">
        <v>25</v>
      </c>
      <c r="W3785">
        <v>25</v>
      </c>
      <c r="X3785">
        <v>25</v>
      </c>
      <c r="Y3785">
        <v>25</v>
      </c>
      <c r="Z3785">
        <v>25</v>
      </c>
      <c r="AA3785">
        <v>25</v>
      </c>
      <c r="AB3785">
        <v>25</v>
      </c>
      <c r="AC3785">
        <v>25</v>
      </c>
      <c r="AD3785">
        <v>25</v>
      </c>
      <c r="AE3785">
        <v>25</v>
      </c>
      <c r="AF3785">
        <v>25</v>
      </c>
      <c r="AG3785">
        <v>25</v>
      </c>
      <c r="AH3785">
        <v>25</v>
      </c>
      <c r="AI3785">
        <v>25</v>
      </c>
      <c r="AJ3785">
        <v>25</v>
      </c>
      <c r="AK3785">
        <v>25</v>
      </c>
      <c r="AL3785">
        <v>25</v>
      </c>
      <c r="AM3785">
        <v>25</v>
      </c>
      <c r="AN3785">
        <v>25</v>
      </c>
      <c r="AO3785">
        <v>24</v>
      </c>
      <c r="AP3785">
        <v>24</v>
      </c>
      <c r="AQ3785">
        <v>24</v>
      </c>
    </row>
    <row r="3786" spans="1:43">
      <c r="A3786" t="s">
        <v>2390</v>
      </c>
      <c r="B3786" t="s">
        <v>2391</v>
      </c>
      <c r="C3786" t="s">
        <v>2384</v>
      </c>
      <c r="D3786" t="s">
        <v>2385</v>
      </c>
      <c r="E3786" t="s">
        <v>2352</v>
      </c>
      <c r="F3786" t="s">
        <v>2353</v>
      </c>
      <c r="G3786" t="s">
        <v>80</v>
      </c>
      <c r="H3786" t="s">
        <v>81</v>
      </c>
      <c r="I3786" s="2">
        <v>0</v>
      </c>
      <c r="J3786" s="2">
        <v>0</v>
      </c>
      <c r="K3786" s="2">
        <v>1</v>
      </c>
      <c r="L3786" t="s">
        <v>995</v>
      </c>
      <c r="M3786" t="s">
        <v>83</v>
      </c>
      <c r="N3786" t="s">
        <v>84</v>
      </c>
      <c r="O3786" t="s">
        <v>85</v>
      </c>
      <c r="P3786" t="s">
        <v>86</v>
      </c>
      <c r="Q3786">
        <v>12</v>
      </c>
      <c r="R3786">
        <v>12</v>
      </c>
      <c r="S3786">
        <v>12</v>
      </c>
      <c r="T3786">
        <v>12</v>
      </c>
      <c r="U3786">
        <v>12</v>
      </c>
      <c r="V3786">
        <v>12</v>
      </c>
      <c r="W3786">
        <v>12</v>
      </c>
      <c r="X3786">
        <v>12</v>
      </c>
      <c r="Y3786">
        <v>12</v>
      </c>
      <c r="Z3786">
        <v>12</v>
      </c>
      <c r="AA3786">
        <v>12</v>
      </c>
      <c r="AB3786">
        <v>12</v>
      </c>
      <c r="AC3786">
        <v>12</v>
      </c>
      <c r="AD3786">
        <v>12</v>
      </c>
      <c r="AE3786">
        <v>12</v>
      </c>
      <c r="AF3786">
        <v>12</v>
      </c>
      <c r="AG3786">
        <v>12</v>
      </c>
      <c r="AH3786">
        <v>12</v>
      </c>
      <c r="AI3786">
        <v>12</v>
      </c>
      <c r="AJ3786">
        <v>12</v>
      </c>
      <c r="AK3786">
        <v>12</v>
      </c>
      <c r="AL3786">
        <v>12</v>
      </c>
      <c r="AM3786">
        <v>12</v>
      </c>
      <c r="AN3786">
        <v>12</v>
      </c>
      <c r="AO3786">
        <v>12</v>
      </c>
      <c r="AP3786">
        <v>12</v>
      </c>
      <c r="AQ3786">
        <v>12</v>
      </c>
    </row>
    <row r="3787" spans="1:43">
      <c r="A3787" t="s">
        <v>2390</v>
      </c>
      <c r="B3787" t="s">
        <v>2391</v>
      </c>
      <c r="C3787" t="s">
        <v>2384</v>
      </c>
      <c r="D3787" t="s">
        <v>2385</v>
      </c>
      <c r="E3787" t="s">
        <v>2352</v>
      </c>
      <c r="F3787" t="s">
        <v>2353</v>
      </c>
      <c r="G3787" t="s">
        <v>80</v>
      </c>
      <c r="H3787" t="s">
        <v>81</v>
      </c>
      <c r="I3787" s="2">
        <v>0</v>
      </c>
      <c r="J3787" s="2">
        <v>0</v>
      </c>
      <c r="K3787" s="2">
        <v>1</v>
      </c>
      <c r="L3787" t="s">
        <v>995</v>
      </c>
      <c r="M3787" t="s">
        <v>87</v>
      </c>
      <c r="N3787" t="s">
        <v>88</v>
      </c>
      <c r="O3787" t="s">
        <v>85</v>
      </c>
      <c r="P3787" t="s">
        <v>86</v>
      </c>
      <c r="Q3787">
        <v>12</v>
      </c>
      <c r="R3787">
        <v>12</v>
      </c>
      <c r="S3787">
        <v>12</v>
      </c>
      <c r="T3787">
        <v>12</v>
      </c>
      <c r="U3787">
        <v>12</v>
      </c>
      <c r="V3787">
        <v>12</v>
      </c>
      <c r="W3787">
        <v>12</v>
      </c>
      <c r="X3787">
        <v>11</v>
      </c>
      <c r="Y3787">
        <v>11</v>
      </c>
      <c r="Z3787">
        <v>11</v>
      </c>
      <c r="AA3787">
        <v>11</v>
      </c>
      <c r="AB3787">
        <v>11</v>
      </c>
      <c r="AC3787">
        <v>11</v>
      </c>
      <c r="AD3787">
        <v>11</v>
      </c>
      <c r="AE3787">
        <v>11</v>
      </c>
      <c r="AF3787">
        <v>11</v>
      </c>
      <c r="AG3787">
        <v>11</v>
      </c>
      <c r="AH3787">
        <v>11</v>
      </c>
      <c r="AI3787">
        <v>11</v>
      </c>
      <c r="AJ3787">
        <v>11</v>
      </c>
      <c r="AK3787">
        <v>11</v>
      </c>
      <c r="AL3787">
        <v>11</v>
      </c>
      <c r="AM3787">
        <v>10</v>
      </c>
      <c r="AN3787">
        <v>10</v>
      </c>
      <c r="AO3787">
        <v>10</v>
      </c>
      <c r="AP3787">
        <v>10</v>
      </c>
      <c r="AQ3787">
        <v>10</v>
      </c>
    </row>
    <row r="3788" spans="1:43">
      <c r="A3788" t="s">
        <v>2390</v>
      </c>
      <c r="B3788" t="s">
        <v>2391</v>
      </c>
      <c r="C3788" t="s">
        <v>2384</v>
      </c>
      <c r="D3788" t="s">
        <v>2385</v>
      </c>
      <c r="E3788" t="s">
        <v>2352</v>
      </c>
      <c r="F3788" t="s">
        <v>2353</v>
      </c>
      <c r="G3788" t="s">
        <v>80</v>
      </c>
      <c r="H3788" t="s">
        <v>81</v>
      </c>
      <c r="I3788" s="2">
        <v>0</v>
      </c>
      <c r="J3788" s="2">
        <v>0</v>
      </c>
      <c r="K3788" s="2">
        <v>1</v>
      </c>
      <c r="L3788" t="s">
        <v>995</v>
      </c>
      <c r="M3788" t="s">
        <v>89</v>
      </c>
      <c r="N3788" t="s">
        <v>90</v>
      </c>
      <c r="O3788" t="s">
        <v>85</v>
      </c>
      <c r="P3788" t="s">
        <v>86</v>
      </c>
      <c r="Q3788">
        <v>12</v>
      </c>
      <c r="R3788">
        <v>12</v>
      </c>
      <c r="S3788">
        <v>12</v>
      </c>
      <c r="T3788">
        <v>13</v>
      </c>
      <c r="U3788">
        <v>13</v>
      </c>
      <c r="V3788">
        <v>13</v>
      </c>
      <c r="W3788">
        <v>13</v>
      </c>
      <c r="X3788">
        <v>13</v>
      </c>
      <c r="Y3788">
        <v>13</v>
      </c>
      <c r="Z3788">
        <v>13</v>
      </c>
      <c r="AA3788">
        <v>13</v>
      </c>
      <c r="AB3788">
        <v>13</v>
      </c>
      <c r="AC3788">
        <v>13</v>
      </c>
      <c r="AD3788">
        <v>13</v>
      </c>
      <c r="AE3788">
        <v>13</v>
      </c>
      <c r="AF3788">
        <v>13</v>
      </c>
      <c r="AG3788">
        <v>13</v>
      </c>
      <c r="AH3788">
        <v>13</v>
      </c>
      <c r="AI3788">
        <v>13</v>
      </c>
      <c r="AJ3788">
        <v>13</v>
      </c>
      <c r="AK3788">
        <v>13</v>
      </c>
      <c r="AL3788">
        <v>12</v>
      </c>
      <c r="AM3788">
        <v>12</v>
      </c>
      <c r="AN3788">
        <v>12</v>
      </c>
      <c r="AO3788">
        <v>12</v>
      </c>
      <c r="AP3788">
        <v>12</v>
      </c>
      <c r="AQ3788">
        <v>12</v>
      </c>
    </row>
    <row r="3789" spans="1:43">
      <c r="A3789" t="s">
        <v>2390</v>
      </c>
      <c r="B3789" t="s">
        <v>2391</v>
      </c>
      <c r="C3789" t="s">
        <v>2384</v>
      </c>
      <c r="D3789" t="s">
        <v>2385</v>
      </c>
      <c r="E3789" t="s">
        <v>2352</v>
      </c>
      <c r="F3789" t="s">
        <v>2353</v>
      </c>
      <c r="G3789" t="s">
        <v>80</v>
      </c>
      <c r="H3789" t="s">
        <v>81</v>
      </c>
      <c r="I3789" s="2">
        <v>0</v>
      </c>
      <c r="J3789" s="2">
        <v>0</v>
      </c>
      <c r="K3789" s="2">
        <v>1</v>
      </c>
      <c r="L3789" t="s">
        <v>995</v>
      </c>
      <c r="M3789" t="s">
        <v>83</v>
      </c>
      <c r="N3789" t="s">
        <v>91</v>
      </c>
      <c r="O3789" t="s">
        <v>85</v>
      </c>
      <c r="P3789" t="s">
        <v>86</v>
      </c>
      <c r="Q3789">
        <v>12</v>
      </c>
      <c r="R3789">
        <v>12</v>
      </c>
      <c r="S3789">
        <v>12</v>
      </c>
      <c r="T3789">
        <v>12</v>
      </c>
      <c r="U3789">
        <v>12</v>
      </c>
      <c r="V3789">
        <v>12</v>
      </c>
      <c r="W3789">
        <v>12</v>
      </c>
      <c r="X3789">
        <v>12</v>
      </c>
      <c r="Y3789">
        <v>12</v>
      </c>
      <c r="Z3789">
        <v>12</v>
      </c>
      <c r="AA3789">
        <v>12</v>
      </c>
      <c r="AB3789">
        <v>12</v>
      </c>
      <c r="AC3789">
        <v>12</v>
      </c>
      <c r="AD3789">
        <v>12</v>
      </c>
      <c r="AE3789">
        <v>12</v>
      </c>
      <c r="AF3789">
        <v>12</v>
      </c>
      <c r="AG3789">
        <v>12</v>
      </c>
      <c r="AH3789">
        <v>12</v>
      </c>
      <c r="AI3789">
        <v>12</v>
      </c>
      <c r="AJ3789">
        <v>12</v>
      </c>
      <c r="AK3789">
        <v>12</v>
      </c>
      <c r="AL3789">
        <v>12</v>
      </c>
      <c r="AM3789">
        <v>12</v>
      </c>
      <c r="AN3789">
        <v>12</v>
      </c>
      <c r="AO3789">
        <v>12</v>
      </c>
      <c r="AP3789">
        <v>12</v>
      </c>
      <c r="AQ3789">
        <v>12</v>
      </c>
    </row>
    <row r="3790" spans="1:43">
      <c r="A3790" t="s">
        <v>2392</v>
      </c>
      <c r="B3790" t="s">
        <v>2393</v>
      </c>
      <c r="C3790" t="s">
        <v>2394</v>
      </c>
      <c r="D3790" t="s">
        <v>2395</v>
      </c>
      <c r="E3790" t="s">
        <v>2352</v>
      </c>
      <c r="F3790" t="s">
        <v>2353</v>
      </c>
      <c r="G3790" t="s">
        <v>80</v>
      </c>
      <c r="H3790" t="s">
        <v>81</v>
      </c>
      <c r="I3790" s="2">
        <v>0</v>
      </c>
      <c r="J3790" s="2">
        <v>0</v>
      </c>
      <c r="K3790" s="2">
        <v>1</v>
      </c>
      <c r="L3790" t="s">
        <v>995</v>
      </c>
      <c r="M3790" t="s">
        <v>83</v>
      </c>
      <c r="N3790" t="s">
        <v>84</v>
      </c>
      <c r="O3790" t="s">
        <v>85</v>
      </c>
      <c r="P3790" t="s">
        <v>86</v>
      </c>
      <c r="Q3790">
        <v>23</v>
      </c>
      <c r="R3790">
        <v>23</v>
      </c>
      <c r="S3790">
        <v>23</v>
      </c>
      <c r="T3790">
        <v>23</v>
      </c>
      <c r="U3790">
        <v>23</v>
      </c>
      <c r="V3790">
        <v>23</v>
      </c>
      <c r="W3790">
        <v>23</v>
      </c>
      <c r="X3790">
        <v>23</v>
      </c>
      <c r="Y3790">
        <v>24</v>
      </c>
      <c r="Z3790">
        <v>24</v>
      </c>
      <c r="AA3790">
        <v>24</v>
      </c>
      <c r="AB3790">
        <v>24</v>
      </c>
      <c r="AC3790">
        <v>24</v>
      </c>
      <c r="AD3790">
        <v>24</v>
      </c>
      <c r="AE3790">
        <v>24</v>
      </c>
      <c r="AF3790">
        <v>24</v>
      </c>
      <c r="AG3790">
        <v>24</v>
      </c>
      <c r="AH3790">
        <v>24</v>
      </c>
      <c r="AI3790">
        <v>24</v>
      </c>
      <c r="AJ3790">
        <v>24</v>
      </c>
      <c r="AK3790">
        <v>24</v>
      </c>
      <c r="AL3790">
        <v>24</v>
      </c>
      <c r="AM3790">
        <v>23</v>
      </c>
      <c r="AN3790">
        <v>23</v>
      </c>
      <c r="AO3790">
        <v>23</v>
      </c>
      <c r="AP3790">
        <v>23</v>
      </c>
      <c r="AQ3790">
        <v>23</v>
      </c>
    </row>
    <row r="3791" spans="1:43">
      <c r="A3791" t="s">
        <v>2392</v>
      </c>
      <c r="B3791" t="s">
        <v>2393</v>
      </c>
      <c r="C3791" t="s">
        <v>2394</v>
      </c>
      <c r="D3791" t="s">
        <v>2395</v>
      </c>
      <c r="E3791" t="s">
        <v>2352</v>
      </c>
      <c r="F3791" t="s">
        <v>2353</v>
      </c>
      <c r="G3791" t="s">
        <v>80</v>
      </c>
      <c r="H3791" t="s">
        <v>81</v>
      </c>
      <c r="I3791" s="2">
        <v>0</v>
      </c>
      <c r="J3791" s="2">
        <v>0</v>
      </c>
      <c r="K3791" s="2">
        <v>1</v>
      </c>
      <c r="L3791" t="s">
        <v>995</v>
      </c>
      <c r="M3791" t="s">
        <v>87</v>
      </c>
      <c r="N3791" t="s">
        <v>88</v>
      </c>
      <c r="O3791" t="s">
        <v>85</v>
      </c>
      <c r="P3791" t="s">
        <v>86</v>
      </c>
      <c r="Q3791">
        <v>23</v>
      </c>
      <c r="R3791">
        <v>23</v>
      </c>
      <c r="S3791">
        <v>23</v>
      </c>
      <c r="T3791">
        <v>22</v>
      </c>
      <c r="U3791">
        <v>22</v>
      </c>
      <c r="V3791">
        <v>22</v>
      </c>
      <c r="W3791">
        <v>22</v>
      </c>
      <c r="X3791">
        <v>22</v>
      </c>
      <c r="Y3791">
        <v>22</v>
      </c>
      <c r="Z3791">
        <v>22</v>
      </c>
      <c r="AA3791">
        <v>21</v>
      </c>
      <c r="AB3791">
        <v>21</v>
      </c>
      <c r="AC3791">
        <v>21</v>
      </c>
      <c r="AD3791">
        <v>21</v>
      </c>
      <c r="AE3791">
        <v>21</v>
      </c>
      <c r="AF3791">
        <v>21</v>
      </c>
      <c r="AG3791">
        <v>21</v>
      </c>
      <c r="AH3791">
        <v>21</v>
      </c>
      <c r="AI3791">
        <v>20</v>
      </c>
      <c r="AJ3791">
        <v>20</v>
      </c>
      <c r="AK3791">
        <v>20</v>
      </c>
      <c r="AL3791">
        <v>20</v>
      </c>
      <c r="AM3791">
        <v>20</v>
      </c>
      <c r="AN3791">
        <v>20</v>
      </c>
      <c r="AO3791">
        <v>20</v>
      </c>
      <c r="AP3791">
        <v>20</v>
      </c>
      <c r="AQ3791">
        <v>20</v>
      </c>
    </row>
    <row r="3792" spans="1:43">
      <c r="A3792" t="s">
        <v>2392</v>
      </c>
      <c r="B3792" t="s">
        <v>2393</v>
      </c>
      <c r="C3792" t="s">
        <v>2394</v>
      </c>
      <c r="D3792" t="s">
        <v>2395</v>
      </c>
      <c r="E3792" t="s">
        <v>2352</v>
      </c>
      <c r="F3792" t="s">
        <v>2353</v>
      </c>
      <c r="G3792" t="s">
        <v>80</v>
      </c>
      <c r="H3792" t="s">
        <v>81</v>
      </c>
      <c r="I3792" s="2">
        <v>0</v>
      </c>
      <c r="J3792" s="2">
        <v>0</v>
      </c>
      <c r="K3792" s="2">
        <v>1</v>
      </c>
      <c r="L3792" t="s">
        <v>995</v>
      </c>
      <c r="M3792" t="s">
        <v>89</v>
      </c>
      <c r="N3792" t="s">
        <v>90</v>
      </c>
      <c r="O3792" t="s">
        <v>85</v>
      </c>
      <c r="P3792" t="s">
        <v>86</v>
      </c>
      <c r="Q3792">
        <v>23</v>
      </c>
      <c r="R3792">
        <v>23</v>
      </c>
      <c r="S3792">
        <v>24</v>
      </c>
      <c r="T3792">
        <v>24</v>
      </c>
      <c r="U3792">
        <v>24</v>
      </c>
      <c r="V3792">
        <v>24</v>
      </c>
      <c r="W3792">
        <v>25</v>
      </c>
      <c r="X3792">
        <v>25</v>
      </c>
      <c r="Y3792">
        <v>25</v>
      </c>
      <c r="Z3792">
        <v>25</v>
      </c>
      <c r="AA3792">
        <v>25</v>
      </c>
      <c r="AB3792">
        <v>25</v>
      </c>
      <c r="AC3792">
        <v>25</v>
      </c>
      <c r="AD3792">
        <v>25</v>
      </c>
      <c r="AE3792">
        <v>25</v>
      </c>
      <c r="AF3792">
        <v>25</v>
      </c>
      <c r="AG3792">
        <v>25</v>
      </c>
      <c r="AH3792">
        <v>25</v>
      </c>
      <c r="AI3792">
        <v>24</v>
      </c>
      <c r="AJ3792">
        <v>24</v>
      </c>
      <c r="AK3792">
        <v>24</v>
      </c>
      <c r="AL3792">
        <v>24</v>
      </c>
      <c r="AM3792">
        <v>24</v>
      </c>
      <c r="AN3792">
        <v>23</v>
      </c>
      <c r="AO3792">
        <v>23</v>
      </c>
      <c r="AP3792">
        <v>23</v>
      </c>
      <c r="AQ3792">
        <v>23</v>
      </c>
    </row>
    <row r="3793" spans="1:43">
      <c r="A3793" t="s">
        <v>2392</v>
      </c>
      <c r="B3793" t="s">
        <v>2393</v>
      </c>
      <c r="C3793" t="s">
        <v>2394</v>
      </c>
      <c r="D3793" t="s">
        <v>2395</v>
      </c>
      <c r="E3793" t="s">
        <v>2352</v>
      </c>
      <c r="F3793" t="s">
        <v>2353</v>
      </c>
      <c r="G3793" t="s">
        <v>80</v>
      </c>
      <c r="H3793" t="s">
        <v>81</v>
      </c>
      <c r="I3793" s="2">
        <v>0</v>
      </c>
      <c r="J3793" s="2">
        <v>0</v>
      </c>
      <c r="K3793" s="2">
        <v>1</v>
      </c>
      <c r="L3793" t="s">
        <v>995</v>
      </c>
      <c r="M3793" t="s">
        <v>83</v>
      </c>
      <c r="N3793" t="s">
        <v>91</v>
      </c>
      <c r="O3793" t="s">
        <v>85</v>
      </c>
      <c r="P3793" t="s">
        <v>86</v>
      </c>
      <c r="Q3793">
        <v>23</v>
      </c>
      <c r="R3793">
        <v>23</v>
      </c>
      <c r="S3793">
        <v>23</v>
      </c>
      <c r="T3793">
        <v>23</v>
      </c>
      <c r="U3793">
        <v>23</v>
      </c>
      <c r="V3793">
        <v>23</v>
      </c>
      <c r="W3793">
        <v>23</v>
      </c>
      <c r="X3793">
        <v>23</v>
      </c>
      <c r="Y3793">
        <v>24</v>
      </c>
      <c r="Z3793">
        <v>24</v>
      </c>
      <c r="AA3793">
        <v>24</v>
      </c>
      <c r="AB3793">
        <v>24</v>
      </c>
      <c r="AC3793">
        <v>24</v>
      </c>
      <c r="AD3793">
        <v>24</v>
      </c>
      <c r="AE3793">
        <v>24</v>
      </c>
      <c r="AF3793">
        <v>24</v>
      </c>
      <c r="AG3793">
        <v>24</v>
      </c>
      <c r="AH3793">
        <v>24</v>
      </c>
      <c r="AI3793">
        <v>24</v>
      </c>
      <c r="AJ3793">
        <v>24</v>
      </c>
      <c r="AK3793">
        <v>24</v>
      </c>
      <c r="AL3793">
        <v>24</v>
      </c>
      <c r="AM3793">
        <v>23</v>
      </c>
      <c r="AN3793">
        <v>23</v>
      </c>
      <c r="AO3793">
        <v>23</v>
      </c>
      <c r="AP3793">
        <v>23</v>
      </c>
      <c r="AQ3793">
        <v>23</v>
      </c>
    </row>
    <row r="3794" spans="1:43">
      <c r="A3794" t="s">
        <v>2396</v>
      </c>
      <c r="B3794" t="s">
        <v>2397</v>
      </c>
      <c r="C3794" t="s">
        <v>2376</v>
      </c>
      <c r="D3794" t="s">
        <v>2377</v>
      </c>
      <c r="E3794" t="s">
        <v>2352</v>
      </c>
      <c r="F3794" t="s">
        <v>2353</v>
      </c>
      <c r="G3794" t="s">
        <v>80</v>
      </c>
      <c r="H3794" t="s">
        <v>81</v>
      </c>
      <c r="I3794" s="2">
        <v>0</v>
      </c>
      <c r="J3794" s="2">
        <v>0</v>
      </c>
      <c r="K3794" s="2">
        <v>1</v>
      </c>
      <c r="L3794" t="s">
        <v>995</v>
      </c>
      <c r="M3794" t="s">
        <v>83</v>
      </c>
      <c r="N3794" t="s">
        <v>84</v>
      </c>
      <c r="O3794" t="s">
        <v>85</v>
      </c>
      <c r="P3794" t="s">
        <v>86</v>
      </c>
      <c r="Q3794">
        <v>44</v>
      </c>
      <c r="R3794">
        <v>44</v>
      </c>
      <c r="S3794">
        <v>44</v>
      </c>
      <c r="T3794">
        <v>44</v>
      </c>
      <c r="U3794">
        <v>45</v>
      </c>
      <c r="V3794">
        <v>45</v>
      </c>
      <c r="W3794">
        <v>45</v>
      </c>
      <c r="X3794">
        <v>45</v>
      </c>
      <c r="Y3794">
        <v>45</v>
      </c>
      <c r="Z3794">
        <v>45</v>
      </c>
      <c r="AA3794">
        <v>45</v>
      </c>
      <c r="AB3794">
        <v>45</v>
      </c>
      <c r="AC3794">
        <v>45</v>
      </c>
      <c r="AD3794">
        <v>45</v>
      </c>
      <c r="AE3794">
        <v>46</v>
      </c>
      <c r="AF3794">
        <v>46</v>
      </c>
      <c r="AG3794">
        <v>46</v>
      </c>
      <c r="AH3794">
        <v>46</v>
      </c>
      <c r="AI3794">
        <v>46</v>
      </c>
      <c r="AJ3794">
        <v>46</v>
      </c>
      <c r="AK3794">
        <v>46</v>
      </c>
      <c r="AL3794">
        <v>45</v>
      </c>
      <c r="AM3794">
        <v>45</v>
      </c>
      <c r="AN3794">
        <v>45</v>
      </c>
      <c r="AO3794">
        <v>44</v>
      </c>
      <c r="AP3794">
        <v>44</v>
      </c>
      <c r="AQ3794">
        <v>44</v>
      </c>
    </row>
    <row r="3795" spans="1:43">
      <c r="A3795" t="s">
        <v>2396</v>
      </c>
      <c r="B3795" t="s">
        <v>2397</v>
      </c>
      <c r="C3795" t="s">
        <v>2376</v>
      </c>
      <c r="D3795" t="s">
        <v>2377</v>
      </c>
      <c r="E3795" t="s">
        <v>2352</v>
      </c>
      <c r="F3795" t="s">
        <v>2353</v>
      </c>
      <c r="G3795" t="s">
        <v>80</v>
      </c>
      <c r="H3795" t="s">
        <v>81</v>
      </c>
      <c r="I3795" s="2">
        <v>0</v>
      </c>
      <c r="J3795" s="2">
        <v>0</v>
      </c>
      <c r="K3795" s="2">
        <v>1</v>
      </c>
      <c r="L3795" t="s">
        <v>995</v>
      </c>
      <c r="M3795" t="s">
        <v>87</v>
      </c>
      <c r="N3795" t="s">
        <v>88</v>
      </c>
      <c r="O3795" t="s">
        <v>85</v>
      </c>
      <c r="P3795" t="s">
        <v>86</v>
      </c>
      <c r="Q3795">
        <v>44</v>
      </c>
      <c r="R3795">
        <v>43</v>
      </c>
      <c r="S3795">
        <v>43</v>
      </c>
      <c r="T3795">
        <v>43</v>
      </c>
      <c r="U3795">
        <v>43</v>
      </c>
      <c r="V3795">
        <v>42</v>
      </c>
      <c r="W3795">
        <v>42</v>
      </c>
      <c r="X3795">
        <v>42</v>
      </c>
      <c r="Y3795">
        <v>42</v>
      </c>
      <c r="Z3795">
        <v>41</v>
      </c>
      <c r="AA3795">
        <v>41</v>
      </c>
      <c r="AB3795">
        <v>41</v>
      </c>
      <c r="AC3795">
        <v>41</v>
      </c>
      <c r="AD3795">
        <v>41</v>
      </c>
      <c r="AE3795">
        <v>40</v>
      </c>
      <c r="AF3795">
        <v>40</v>
      </c>
      <c r="AG3795">
        <v>40</v>
      </c>
      <c r="AH3795">
        <v>40</v>
      </c>
      <c r="AI3795">
        <v>39</v>
      </c>
      <c r="AJ3795">
        <v>39</v>
      </c>
      <c r="AK3795">
        <v>39</v>
      </c>
      <c r="AL3795">
        <v>39</v>
      </c>
      <c r="AM3795">
        <v>39</v>
      </c>
      <c r="AN3795">
        <v>38</v>
      </c>
      <c r="AO3795">
        <v>38</v>
      </c>
      <c r="AP3795">
        <v>38</v>
      </c>
      <c r="AQ3795">
        <v>38</v>
      </c>
    </row>
    <row r="3796" spans="1:43">
      <c r="A3796" t="s">
        <v>2396</v>
      </c>
      <c r="B3796" t="s">
        <v>2397</v>
      </c>
      <c r="C3796" t="s">
        <v>2376</v>
      </c>
      <c r="D3796" t="s">
        <v>2377</v>
      </c>
      <c r="E3796" t="s">
        <v>2352</v>
      </c>
      <c r="F3796" t="s">
        <v>2353</v>
      </c>
      <c r="G3796" t="s">
        <v>80</v>
      </c>
      <c r="H3796" t="s">
        <v>81</v>
      </c>
      <c r="I3796" s="2">
        <v>0</v>
      </c>
      <c r="J3796" s="2">
        <v>0</v>
      </c>
      <c r="K3796" s="2">
        <v>1</v>
      </c>
      <c r="L3796" t="s">
        <v>995</v>
      </c>
      <c r="M3796" t="s">
        <v>89</v>
      </c>
      <c r="N3796" t="s">
        <v>90</v>
      </c>
      <c r="O3796" t="s">
        <v>85</v>
      </c>
      <c r="P3796" t="s">
        <v>86</v>
      </c>
      <c r="Q3796">
        <v>44</v>
      </c>
      <c r="R3796">
        <v>45</v>
      </c>
      <c r="S3796">
        <v>45</v>
      </c>
      <c r="T3796">
        <v>46</v>
      </c>
      <c r="U3796">
        <v>46</v>
      </c>
      <c r="V3796">
        <v>47</v>
      </c>
      <c r="W3796">
        <v>47</v>
      </c>
      <c r="X3796">
        <v>47</v>
      </c>
      <c r="Y3796">
        <v>48</v>
      </c>
      <c r="Z3796">
        <v>48</v>
      </c>
      <c r="AA3796">
        <v>48</v>
      </c>
      <c r="AB3796">
        <v>48</v>
      </c>
      <c r="AC3796">
        <v>49</v>
      </c>
      <c r="AD3796">
        <v>49</v>
      </c>
      <c r="AE3796">
        <v>49</v>
      </c>
      <c r="AF3796">
        <v>48</v>
      </c>
      <c r="AG3796">
        <v>48</v>
      </c>
      <c r="AH3796">
        <v>48</v>
      </c>
      <c r="AI3796">
        <v>47</v>
      </c>
      <c r="AJ3796">
        <v>47</v>
      </c>
      <c r="AK3796">
        <v>46</v>
      </c>
      <c r="AL3796">
        <v>46</v>
      </c>
      <c r="AM3796">
        <v>46</v>
      </c>
      <c r="AN3796">
        <v>45</v>
      </c>
      <c r="AO3796">
        <v>45</v>
      </c>
      <c r="AP3796">
        <v>45</v>
      </c>
      <c r="AQ3796">
        <v>44</v>
      </c>
    </row>
    <row r="3797" spans="1:43">
      <c r="A3797" t="s">
        <v>2396</v>
      </c>
      <c r="B3797" t="s">
        <v>2397</v>
      </c>
      <c r="C3797" t="s">
        <v>2376</v>
      </c>
      <c r="D3797" t="s">
        <v>2377</v>
      </c>
      <c r="E3797" t="s">
        <v>2352</v>
      </c>
      <c r="F3797" t="s">
        <v>2353</v>
      </c>
      <c r="G3797" t="s">
        <v>80</v>
      </c>
      <c r="H3797" t="s">
        <v>81</v>
      </c>
      <c r="I3797" s="2">
        <v>0</v>
      </c>
      <c r="J3797" s="2">
        <v>0</v>
      </c>
      <c r="K3797" s="2">
        <v>1</v>
      </c>
      <c r="L3797" t="s">
        <v>995</v>
      </c>
      <c r="M3797" t="s">
        <v>83</v>
      </c>
      <c r="N3797" t="s">
        <v>91</v>
      </c>
      <c r="O3797" t="s">
        <v>85</v>
      </c>
      <c r="P3797" t="s">
        <v>86</v>
      </c>
      <c r="Q3797">
        <v>44</v>
      </c>
      <c r="R3797">
        <v>44</v>
      </c>
      <c r="S3797">
        <v>44</v>
      </c>
      <c r="T3797">
        <v>44</v>
      </c>
      <c r="U3797">
        <v>45</v>
      </c>
      <c r="V3797">
        <v>45</v>
      </c>
      <c r="W3797">
        <v>45</v>
      </c>
      <c r="X3797">
        <v>45</v>
      </c>
      <c r="Y3797">
        <v>45</v>
      </c>
      <c r="Z3797">
        <v>45</v>
      </c>
      <c r="AA3797">
        <v>45</v>
      </c>
      <c r="AB3797">
        <v>45</v>
      </c>
      <c r="AC3797">
        <v>45</v>
      </c>
      <c r="AD3797">
        <v>45</v>
      </c>
      <c r="AE3797">
        <v>46</v>
      </c>
      <c r="AF3797">
        <v>46</v>
      </c>
      <c r="AG3797">
        <v>46</v>
      </c>
      <c r="AH3797">
        <v>46</v>
      </c>
      <c r="AI3797">
        <v>46</v>
      </c>
      <c r="AJ3797">
        <v>46</v>
      </c>
      <c r="AK3797">
        <v>46</v>
      </c>
      <c r="AL3797">
        <v>45</v>
      </c>
      <c r="AM3797">
        <v>45</v>
      </c>
      <c r="AN3797">
        <v>45</v>
      </c>
      <c r="AO3797">
        <v>44</v>
      </c>
      <c r="AP3797">
        <v>44</v>
      </c>
      <c r="AQ3797">
        <v>44</v>
      </c>
    </row>
    <row r="3798" spans="1:43">
      <c r="A3798" t="s">
        <v>2398</v>
      </c>
      <c r="B3798" t="s">
        <v>2399</v>
      </c>
      <c r="C3798" t="s">
        <v>2400</v>
      </c>
      <c r="D3798" t="s">
        <v>2401</v>
      </c>
      <c r="E3798" t="s">
        <v>2352</v>
      </c>
      <c r="F3798" t="s">
        <v>2353</v>
      </c>
      <c r="G3798" t="s">
        <v>80</v>
      </c>
      <c r="H3798" t="s">
        <v>81</v>
      </c>
      <c r="I3798" s="2">
        <v>0</v>
      </c>
      <c r="J3798" s="2">
        <v>0</v>
      </c>
      <c r="K3798" s="2">
        <v>1</v>
      </c>
      <c r="L3798" t="s">
        <v>995</v>
      </c>
      <c r="M3798" t="s">
        <v>83</v>
      </c>
      <c r="N3798" t="s">
        <v>84</v>
      </c>
      <c r="O3798" t="s">
        <v>85</v>
      </c>
      <c r="P3798" t="s">
        <v>86</v>
      </c>
      <c r="Q3798">
        <v>16</v>
      </c>
      <c r="R3798">
        <v>16</v>
      </c>
      <c r="S3798">
        <v>17</v>
      </c>
      <c r="T3798">
        <v>17</v>
      </c>
      <c r="U3798">
        <v>17</v>
      </c>
      <c r="V3798">
        <v>17</v>
      </c>
      <c r="W3798">
        <v>17</v>
      </c>
      <c r="X3798">
        <v>17</v>
      </c>
      <c r="Y3798">
        <v>17</v>
      </c>
      <c r="Z3798">
        <v>17</v>
      </c>
      <c r="AA3798">
        <v>17</v>
      </c>
      <c r="AB3798">
        <v>17</v>
      </c>
      <c r="AC3798">
        <v>17</v>
      </c>
      <c r="AD3798">
        <v>17</v>
      </c>
      <c r="AE3798">
        <v>17</v>
      </c>
      <c r="AF3798">
        <v>17</v>
      </c>
      <c r="AG3798">
        <v>17</v>
      </c>
      <c r="AH3798">
        <v>17</v>
      </c>
      <c r="AI3798">
        <v>17</v>
      </c>
      <c r="AJ3798">
        <v>17</v>
      </c>
      <c r="AK3798">
        <v>17</v>
      </c>
      <c r="AL3798">
        <v>17</v>
      </c>
      <c r="AM3798">
        <v>17</v>
      </c>
      <c r="AN3798">
        <v>17</v>
      </c>
      <c r="AO3798">
        <v>17</v>
      </c>
      <c r="AP3798">
        <v>17</v>
      </c>
      <c r="AQ3798">
        <v>17</v>
      </c>
    </row>
    <row r="3799" spans="1:43">
      <c r="A3799" t="s">
        <v>2398</v>
      </c>
      <c r="B3799" t="s">
        <v>2399</v>
      </c>
      <c r="C3799" t="s">
        <v>2400</v>
      </c>
      <c r="D3799" t="s">
        <v>2401</v>
      </c>
      <c r="E3799" t="s">
        <v>2352</v>
      </c>
      <c r="F3799" t="s">
        <v>2353</v>
      </c>
      <c r="G3799" t="s">
        <v>80</v>
      </c>
      <c r="H3799" t="s">
        <v>81</v>
      </c>
      <c r="I3799" s="2">
        <v>0</v>
      </c>
      <c r="J3799" s="2">
        <v>0</v>
      </c>
      <c r="K3799" s="2">
        <v>1</v>
      </c>
      <c r="L3799" t="s">
        <v>995</v>
      </c>
      <c r="M3799" t="s">
        <v>87</v>
      </c>
      <c r="N3799" t="s">
        <v>88</v>
      </c>
      <c r="O3799" t="s">
        <v>85</v>
      </c>
      <c r="P3799" t="s">
        <v>86</v>
      </c>
      <c r="Q3799">
        <v>16</v>
      </c>
      <c r="R3799">
        <v>16</v>
      </c>
      <c r="S3799">
        <v>16</v>
      </c>
      <c r="T3799">
        <v>16</v>
      </c>
      <c r="U3799">
        <v>16</v>
      </c>
      <c r="V3799">
        <v>16</v>
      </c>
      <c r="W3799">
        <v>16</v>
      </c>
      <c r="X3799">
        <v>16</v>
      </c>
      <c r="Y3799">
        <v>16</v>
      </c>
      <c r="Z3799">
        <v>16</v>
      </c>
      <c r="AA3799">
        <v>16</v>
      </c>
      <c r="AB3799">
        <v>15</v>
      </c>
      <c r="AC3799">
        <v>15</v>
      </c>
      <c r="AD3799">
        <v>15</v>
      </c>
      <c r="AE3799">
        <v>15</v>
      </c>
      <c r="AF3799">
        <v>15</v>
      </c>
      <c r="AG3799">
        <v>15</v>
      </c>
      <c r="AH3799">
        <v>15</v>
      </c>
      <c r="AI3799">
        <v>15</v>
      </c>
      <c r="AJ3799">
        <v>15</v>
      </c>
      <c r="AK3799">
        <v>15</v>
      </c>
      <c r="AL3799">
        <v>15</v>
      </c>
      <c r="AM3799">
        <v>15</v>
      </c>
      <c r="AN3799">
        <v>15</v>
      </c>
      <c r="AO3799">
        <v>15</v>
      </c>
      <c r="AP3799">
        <v>15</v>
      </c>
      <c r="AQ3799">
        <v>15</v>
      </c>
    </row>
    <row r="3800" spans="1:43">
      <c r="A3800" t="s">
        <v>2398</v>
      </c>
      <c r="B3800" t="s">
        <v>2399</v>
      </c>
      <c r="C3800" t="s">
        <v>2400</v>
      </c>
      <c r="D3800" t="s">
        <v>2401</v>
      </c>
      <c r="E3800" t="s">
        <v>2352</v>
      </c>
      <c r="F3800" t="s">
        <v>2353</v>
      </c>
      <c r="G3800" t="s">
        <v>80</v>
      </c>
      <c r="H3800" t="s">
        <v>81</v>
      </c>
      <c r="I3800" s="2">
        <v>0</v>
      </c>
      <c r="J3800" s="2">
        <v>0</v>
      </c>
      <c r="K3800" s="2">
        <v>1</v>
      </c>
      <c r="L3800" t="s">
        <v>995</v>
      </c>
      <c r="M3800" t="s">
        <v>89</v>
      </c>
      <c r="N3800" t="s">
        <v>90</v>
      </c>
      <c r="O3800" t="s">
        <v>85</v>
      </c>
      <c r="P3800" t="s">
        <v>86</v>
      </c>
      <c r="Q3800">
        <v>16</v>
      </c>
      <c r="R3800">
        <v>16</v>
      </c>
      <c r="S3800">
        <v>16</v>
      </c>
      <c r="T3800">
        <v>16</v>
      </c>
      <c r="U3800">
        <v>16</v>
      </c>
      <c r="V3800">
        <v>17</v>
      </c>
      <c r="W3800">
        <v>17</v>
      </c>
      <c r="X3800">
        <v>17</v>
      </c>
      <c r="Y3800">
        <v>17</v>
      </c>
      <c r="Z3800">
        <v>17</v>
      </c>
      <c r="AA3800">
        <v>17</v>
      </c>
      <c r="AB3800">
        <v>17</v>
      </c>
      <c r="AC3800">
        <v>17</v>
      </c>
      <c r="AD3800">
        <v>17</v>
      </c>
      <c r="AE3800">
        <v>17</v>
      </c>
      <c r="AF3800">
        <v>17</v>
      </c>
      <c r="AG3800">
        <v>17</v>
      </c>
      <c r="AH3800">
        <v>17</v>
      </c>
      <c r="AI3800">
        <v>17</v>
      </c>
      <c r="AJ3800">
        <v>17</v>
      </c>
      <c r="AK3800">
        <v>17</v>
      </c>
      <c r="AL3800">
        <v>16</v>
      </c>
      <c r="AM3800">
        <v>16</v>
      </c>
      <c r="AN3800">
        <v>16</v>
      </c>
      <c r="AO3800">
        <v>16</v>
      </c>
      <c r="AP3800">
        <v>16</v>
      </c>
      <c r="AQ3800">
        <v>16</v>
      </c>
    </row>
    <row r="3801" spans="1:43">
      <c r="A3801" t="s">
        <v>2398</v>
      </c>
      <c r="B3801" t="s">
        <v>2399</v>
      </c>
      <c r="C3801" t="s">
        <v>2400</v>
      </c>
      <c r="D3801" t="s">
        <v>2401</v>
      </c>
      <c r="E3801" t="s">
        <v>2352</v>
      </c>
      <c r="F3801" t="s">
        <v>2353</v>
      </c>
      <c r="G3801" t="s">
        <v>80</v>
      </c>
      <c r="H3801" t="s">
        <v>81</v>
      </c>
      <c r="I3801" s="2">
        <v>0</v>
      </c>
      <c r="J3801" s="2">
        <v>0</v>
      </c>
      <c r="K3801" s="2">
        <v>1</v>
      </c>
      <c r="L3801" t="s">
        <v>995</v>
      </c>
      <c r="M3801" t="s">
        <v>83</v>
      </c>
      <c r="N3801" t="s">
        <v>91</v>
      </c>
      <c r="O3801" t="s">
        <v>85</v>
      </c>
      <c r="P3801" t="s">
        <v>86</v>
      </c>
      <c r="Q3801">
        <v>16</v>
      </c>
      <c r="R3801">
        <v>16</v>
      </c>
      <c r="S3801">
        <v>17</v>
      </c>
      <c r="T3801">
        <v>17</v>
      </c>
      <c r="U3801">
        <v>17</v>
      </c>
      <c r="V3801">
        <v>17</v>
      </c>
      <c r="W3801">
        <v>17</v>
      </c>
      <c r="X3801">
        <v>17</v>
      </c>
      <c r="Y3801">
        <v>17</v>
      </c>
      <c r="Z3801">
        <v>17</v>
      </c>
      <c r="AA3801">
        <v>17</v>
      </c>
      <c r="AB3801">
        <v>17</v>
      </c>
      <c r="AC3801">
        <v>17</v>
      </c>
      <c r="AD3801">
        <v>17</v>
      </c>
      <c r="AE3801">
        <v>17</v>
      </c>
      <c r="AF3801">
        <v>17</v>
      </c>
      <c r="AG3801">
        <v>17</v>
      </c>
      <c r="AH3801">
        <v>17</v>
      </c>
      <c r="AI3801">
        <v>17</v>
      </c>
      <c r="AJ3801">
        <v>17</v>
      </c>
      <c r="AK3801">
        <v>17</v>
      </c>
      <c r="AL3801">
        <v>17</v>
      </c>
      <c r="AM3801">
        <v>17</v>
      </c>
      <c r="AN3801">
        <v>17</v>
      </c>
      <c r="AO3801">
        <v>17</v>
      </c>
      <c r="AP3801">
        <v>17</v>
      </c>
      <c r="AQ3801">
        <v>17</v>
      </c>
    </row>
    <row r="3802" spans="1:43">
      <c r="A3802" t="s">
        <v>2402</v>
      </c>
      <c r="B3802" t="s">
        <v>2403</v>
      </c>
      <c r="C3802" t="s">
        <v>2400</v>
      </c>
      <c r="D3802" t="s">
        <v>2401</v>
      </c>
      <c r="E3802" t="s">
        <v>2352</v>
      </c>
      <c r="F3802" t="s">
        <v>2353</v>
      </c>
      <c r="G3802" t="s">
        <v>80</v>
      </c>
      <c r="H3802" t="s">
        <v>81</v>
      </c>
      <c r="I3802" s="2">
        <v>0</v>
      </c>
      <c r="J3802" s="2">
        <v>0</v>
      </c>
      <c r="K3802" s="2">
        <v>1</v>
      </c>
      <c r="L3802" t="s">
        <v>995</v>
      </c>
      <c r="M3802" t="s">
        <v>83</v>
      </c>
      <c r="N3802" t="s">
        <v>84</v>
      </c>
      <c r="O3802" t="s">
        <v>85</v>
      </c>
      <c r="P3802" t="s">
        <v>86</v>
      </c>
      <c r="Q3802">
        <v>42</v>
      </c>
      <c r="R3802">
        <v>42</v>
      </c>
      <c r="S3802">
        <v>42</v>
      </c>
      <c r="T3802">
        <v>42</v>
      </c>
      <c r="U3802">
        <v>42</v>
      </c>
      <c r="V3802">
        <v>43</v>
      </c>
      <c r="W3802">
        <v>43</v>
      </c>
      <c r="X3802">
        <v>43</v>
      </c>
      <c r="Y3802">
        <v>43</v>
      </c>
      <c r="Z3802">
        <v>43</v>
      </c>
      <c r="AA3802">
        <v>43</v>
      </c>
      <c r="AB3802">
        <v>44</v>
      </c>
      <c r="AC3802">
        <v>44</v>
      </c>
      <c r="AD3802">
        <v>44</v>
      </c>
      <c r="AE3802">
        <v>44</v>
      </c>
      <c r="AF3802">
        <v>44</v>
      </c>
      <c r="AG3802">
        <v>44</v>
      </c>
      <c r="AH3802">
        <v>44</v>
      </c>
      <c r="AI3802">
        <v>44</v>
      </c>
      <c r="AJ3802">
        <v>44</v>
      </c>
      <c r="AK3802">
        <v>44</v>
      </c>
      <c r="AL3802">
        <v>44</v>
      </c>
      <c r="AM3802">
        <v>44</v>
      </c>
      <c r="AN3802">
        <v>43</v>
      </c>
      <c r="AO3802">
        <v>43</v>
      </c>
      <c r="AP3802">
        <v>43</v>
      </c>
      <c r="AQ3802">
        <v>43</v>
      </c>
    </row>
    <row r="3803" spans="1:43">
      <c r="A3803" t="s">
        <v>2402</v>
      </c>
      <c r="B3803" t="s">
        <v>2403</v>
      </c>
      <c r="C3803" t="s">
        <v>2400</v>
      </c>
      <c r="D3803" t="s">
        <v>2401</v>
      </c>
      <c r="E3803" t="s">
        <v>2352</v>
      </c>
      <c r="F3803" t="s">
        <v>2353</v>
      </c>
      <c r="G3803" t="s">
        <v>80</v>
      </c>
      <c r="H3803" t="s">
        <v>81</v>
      </c>
      <c r="I3803" s="2">
        <v>0</v>
      </c>
      <c r="J3803" s="2">
        <v>0</v>
      </c>
      <c r="K3803" s="2">
        <v>1</v>
      </c>
      <c r="L3803" t="s">
        <v>995</v>
      </c>
      <c r="M3803" t="s">
        <v>87</v>
      </c>
      <c r="N3803" t="s">
        <v>88</v>
      </c>
      <c r="O3803" t="s">
        <v>85</v>
      </c>
      <c r="P3803" t="s">
        <v>86</v>
      </c>
      <c r="Q3803">
        <v>42</v>
      </c>
      <c r="R3803">
        <v>42</v>
      </c>
      <c r="S3803">
        <v>42</v>
      </c>
      <c r="T3803">
        <v>42</v>
      </c>
      <c r="U3803">
        <v>42</v>
      </c>
      <c r="V3803">
        <v>41</v>
      </c>
      <c r="W3803">
        <v>41</v>
      </c>
      <c r="X3803">
        <v>41</v>
      </c>
      <c r="Y3803">
        <v>41</v>
      </c>
      <c r="Z3803">
        <v>41</v>
      </c>
      <c r="AA3803">
        <v>41</v>
      </c>
      <c r="AB3803">
        <v>40</v>
      </c>
      <c r="AC3803">
        <v>40</v>
      </c>
      <c r="AD3803">
        <v>40</v>
      </c>
      <c r="AE3803">
        <v>40</v>
      </c>
      <c r="AF3803">
        <v>40</v>
      </c>
      <c r="AG3803">
        <v>40</v>
      </c>
      <c r="AH3803">
        <v>39</v>
      </c>
      <c r="AI3803">
        <v>39</v>
      </c>
      <c r="AJ3803">
        <v>39</v>
      </c>
      <c r="AK3803">
        <v>39</v>
      </c>
      <c r="AL3803">
        <v>39</v>
      </c>
      <c r="AM3803">
        <v>39</v>
      </c>
      <c r="AN3803">
        <v>38</v>
      </c>
      <c r="AO3803">
        <v>38</v>
      </c>
      <c r="AP3803">
        <v>38</v>
      </c>
      <c r="AQ3803">
        <v>38</v>
      </c>
    </row>
    <row r="3804" spans="1:43">
      <c r="A3804" t="s">
        <v>2402</v>
      </c>
      <c r="B3804" t="s">
        <v>2403</v>
      </c>
      <c r="C3804" t="s">
        <v>2400</v>
      </c>
      <c r="D3804" t="s">
        <v>2401</v>
      </c>
      <c r="E3804" t="s">
        <v>2352</v>
      </c>
      <c r="F3804" t="s">
        <v>2353</v>
      </c>
      <c r="G3804" t="s">
        <v>80</v>
      </c>
      <c r="H3804" t="s">
        <v>81</v>
      </c>
      <c r="I3804" s="2">
        <v>0</v>
      </c>
      <c r="J3804" s="2">
        <v>0</v>
      </c>
      <c r="K3804" s="2">
        <v>1</v>
      </c>
      <c r="L3804" t="s">
        <v>995</v>
      </c>
      <c r="M3804" t="s">
        <v>89</v>
      </c>
      <c r="N3804" t="s">
        <v>90</v>
      </c>
      <c r="O3804" t="s">
        <v>85</v>
      </c>
      <c r="P3804" t="s">
        <v>86</v>
      </c>
      <c r="Q3804">
        <v>42</v>
      </c>
      <c r="R3804">
        <v>43</v>
      </c>
      <c r="S3804">
        <v>43</v>
      </c>
      <c r="T3804">
        <v>44</v>
      </c>
      <c r="U3804">
        <v>44</v>
      </c>
      <c r="V3804">
        <v>45</v>
      </c>
      <c r="W3804">
        <v>45</v>
      </c>
      <c r="X3804">
        <v>45</v>
      </c>
      <c r="Y3804">
        <v>46</v>
      </c>
      <c r="Z3804">
        <v>46</v>
      </c>
      <c r="AA3804">
        <v>46</v>
      </c>
      <c r="AB3804">
        <v>46</v>
      </c>
      <c r="AC3804">
        <v>47</v>
      </c>
      <c r="AD3804">
        <v>47</v>
      </c>
      <c r="AE3804">
        <v>47</v>
      </c>
      <c r="AF3804">
        <v>46</v>
      </c>
      <c r="AG3804">
        <v>46</v>
      </c>
      <c r="AH3804">
        <v>46</v>
      </c>
      <c r="AI3804">
        <v>46</v>
      </c>
      <c r="AJ3804">
        <v>45</v>
      </c>
      <c r="AK3804">
        <v>45</v>
      </c>
      <c r="AL3804">
        <v>45</v>
      </c>
      <c r="AM3804">
        <v>44</v>
      </c>
      <c r="AN3804">
        <v>44</v>
      </c>
      <c r="AO3804">
        <v>44</v>
      </c>
      <c r="AP3804">
        <v>43</v>
      </c>
      <c r="AQ3804">
        <v>43</v>
      </c>
    </row>
    <row r="3805" spans="1:43">
      <c r="A3805" t="s">
        <v>2402</v>
      </c>
      <c r="B3805" t="s">
        <v>2403</v>
      </c>
      <c r="C3805" t="s">
        <v>2400</v>
      </c>
      <c r="D3805" t="s">
        <v>2401</v>
      </c>
      <c r="E3805" t="s">
        <v>2352</v>
      </c>
      <c r="F3805" t="s">
        <v>2353</v>
      </c>
      <c r="G3805" t="s">
        <v>80</v>
      </c>
      <c r="H3805" t="s">
        <v>81</v>
      </c>
      <c r="I3805" s="2">
        <v>0</v>
      </c>
      <c r="J3805" s="2">
        <v>0</v>
      </c>
      <c r="K3805" s="2">
        <v>1</v>
      </c>
      <c r="L3805" t="s">
        <v>995</v>
      </c>
      <c r="M3805" t="s">
        <v>83</v>
      </c>
      <c r="N3805" t="s">
        <v>91</v>
      </c>
      <c r="O3805" t="s">
        <v>85</v>
      </c>
      <c r="P3805" t="s">
        <v>86</v>
      </c>
      <c r="Q3805">
        <v>42</v>
      </c>
      <c r="R3805">
        <v>42</v>
      </c>
      <c r="S3805">
        <v>42</v>
      </c>
      <c r="T3805">
        <v>42</v>
      </c>
      <c r="U3805">
        <v>42</v>
      </c>
      <c r="V3805">
        <v>43</v>
      </c>
      <c r="W3805">
        <v>43</v>
      </c>
      <c r="X3805">
        <v>43</v>
      </c>
      <c r="Y3805">
        <v>43</v>
      </c>
      <c r="Z3805">
        <v>43</v>
      </c>
      <c r="AA3805">
        <v>43</v>
      </c>
      <c r="AB3805">
        <v>44</v>
      </c>
      <c r="AC3805">
        <v>44</v>
      </c>
      <c r="AD3805">
        <v>44</v>
      </c>
      <c r="AE3805">
        <v>44</v>
      </c>
      <c r="AF3805">
        <v>44</v>
      </c>
      <c r="AG3805">
        <v>44</v>
      </c>
      <c r="AH3805">
        <v>44</v>
      </c>
      <c r="AI3805">
        <v>44</v>
      </c>
      <c r="AJ3805">
        <v>44</v>
      </c>
      <c r="AK3805">
        <v>44</v>
      </c>
      <c r="AL3805">
        <v>44</v>
      </c>
      <c r="AM3805">
        <v>44</v>
      </c>
      <c r="AN3805">
        <v>43</v>
      </c>
      <c r="AO3805">
        <v>43</v>
      </c>
      <c r="AP3805">
        <v>43</v>
      </c>
      <c r="AQ3805">
        <v>43</v>
      </c>
    </row>
    <row r="3806" spans="1:43">
      <c r="A3806" t="s">
        <v>2404</v>
      </c>
      <c r="B3806" t="s">
        <v>2405</v>
      </c>
      <c r="C3806" t="s">
        <v>2400</v>
      </c>
      <c r="D3806" t="s">
        <v>2401</v>
      </c>
      <c r="E3806" t="s">
        <v>2352</v>
      </c>
      <c r="F3806" t="s">
        <v>2353</v>
      </c>
      <c r="G3806" t="s">
        <v>80</v>
      </c>
      <c r="H3806" t="s">
        <v>81</v>
      </c>
      <c r="I3806" s="2">
        <v>0</v>
      </c>
      <c r="J3806" s="2">
        <v>0</v>
      </c>
      <c r="K3806" s="2">
        <v>1</v>
      </c>
      <c r="L3806" t="s">
        <v>995</v>
      </c>
      <c r="M3806" t="s">
        <v>83</v>
      </c>
      <c r="N3806" t="s">
        <v>84</v>
      </c>
      <c r="O3806" t="s">
        <v>85</v>
      </c>
      <c r="P3806" t="s">
        <v>86</v>
      </c>
      <c r="Q3806">
        <v>5</v>
      </c>
      <c r="R3806">
        <v>5</v>
      </c>
      <c r="S3806">
        <v>5</v>
      </c>
      <c r="T3806">
        <v>5</v>
      </c>
      <c r="U3806">
        <v>5</v>
      </c>
      <c r="V3806">
        <v>5</v>
      </c>
      <c r="W3806">
        <v>5</v>
      </c>
      <c r="X3806">
        <v>5</v>
      </c>
      <c r="Y3806">
        <v>5</v>
      </c>
      <c r="Z3806">
        <v>5</v>
      </c>
      <c r="AA3806">
        <v>5</v>
      </c>
      <c r="AB3806">
        <v>5</v>
      </c>
      <c r="AC3806">
        <v>5</v>
      </c>
      <c r="AD3806">
        <v>5</v>
      </c>
      <c r="AE3806">
        <v>5</v>
      </c>
      <c r="AF3806">
        <v>5</v>
      </c>
      <c r="AG3806">
        <v>5</v>
      </c>
      <c r="AH3806">
        <v>5</v>
      </c>
      <c r="AI3806">
        <v>5</v>
      </c>
      <c r="AJ3806">
        <v>5</v>
      </c>
      <c r="AK3806">
        <v>5</v>
      </c>
      <c r="AL3806">
        <v>5</v>
      </c>
      <c r="AM3806">
        <v>5</v>
      </c>
      <c r="AN3806">
        <v>5</v>
      </c>
      <c r="AO3806">
        <v>5</v>
      </c>
      <c r="AP3806">
        <v>5</v>
      </c>
      <c r="AQ3806">
        <v>5</v>
      </c>
    </row>
    <row r="3807" spans="1:43">
      <c r="A3807" t="s">
        <v>2404</v>
      </c>
      <c r="B3807" t="s">
        <v>2405</v>
      </c>
      <c r="C3807" t="s">
        <v>2400</v>
      </c>
      <c r="D3807" t="s">
        <v>2401</v>
      </c>
      <c r="E3807" t="s">
        <v>2352</v>
      </c>
      <c r="F3807" t="s">
        <v>2353</v>
      </c>
      <c r="G3807" t="s">
        <v>80</v>
      </c>
      <c r="H3807" t="s">
        <v>81</v>
      </c>
      <c r="I3807" s="2">
        <v>0</v>
      </c>
      <c r="J3807" s="2">
        <v>0</v>
      </c>
      <c r="K3807" s="2">
        <v>1</v>
      </c>
      <c r="L3807" t="s">
        <v>995</v>
      </c>
      <c r="M3807" t="s">
        <v>87</v>
      </c>
      <c r="N3807" t="s">
        <v>88</v>
      </c>
      <c r="O3807" t="s">
        <v>85</v>
      </c>
      <c r="P3807" t="s">
        <v>86</v>
      </c>
      <c r="Q3807">
        <v>5</v>
      </c>
      <c r="R3807">
        <v>5</v>
      </c>
      <c r="S3807">
        <v>5</v>
      </c>
      <c r="T3807">
        <v>5</v>
      </c>
      <c r="U3807">
        <v>5</v>
      </c>
      <c r="V3807">
        <v>5</v>
      </c>
      <c r="W3807">
        <v>5</v>
      </c>
      <c r="X3807">
        <v>5</v>
      </c>
      <c r="Y3807">
        <v>4</v>
      </c>
      <c r="Z3807">
        <v>4</v>
      </c>
      <c r="AA3807">
        <v>4</v>
      </c>
      <c r="AB3807">
        <v>4</v>
      </c>
      <c r="AC3807">
        <v>4</v>
      </c>
      <c r="AD3807">
        <v>4</v>
      </c>
      <c r="AE3807">
        <v>4</v>
      </c>
      <c r="AF3807">
        <v>4</v>
      </c>
      <c r="AG3807">
        <v>4</v>
      </c>
      <c r="AH3807">
        <v>4</v>
      </c>
      <c r="AI3807">
        <v>4</v>
      </c>
      <c r="AJ3807">
        <v>4</v>
      </c>
      <c r="AK3807">
        <v>4</v>
      </c>
      <c r="AL3807">
        <v>4</v>
      </c>
      <c r="AM3807">
        <v>4</v>
      </c>
      <c r="AN3807">
        <v>4</v>
      </c>
      <c r="AO3807">
        <v>4</v>
      </c>
      <c r="AP3807">
        <v>4</v>
      </c>
      <c r="AQ3807">
        <v>4</v>
      </c>
    </row>
    <row r="3808" spans="1:43">
      <c r="A3808" t="s">
        <v>2404</v>
      </c>
      <c r="B3808" t="s">
        <v>2405</v>
      </c>
      <c r="C3808" t="s">
        <v>2400</v>
      </c>
      <c r="D3808" t="s">
        <v>2401</v>
      </c>
      <c r="E3808" t="s">
        <v>2352</v>
      </c>
      <c r="F3808" t="s">
        <v>2353</v>
      </c>
      <c r="G3808" t="s">
        <v>80</v>
      </c>
      <c r="H3808" t="s">
        <v>81</v>
      </c>
      <c r="I3808" s="2">
        <v>0</v>
      </c>
      <c r="J3808" s="2">
        <v>0</v>
      </c>
      <c r="K3808" s="2">
        <v>1</v>
      </c>
      <c r="L3808" t="s">
        <v>995</v>
      </c>
      <c r="M3808" t="s">
        <v>89</v>
      </c>
      <c r="N3808" t="s">
        <v>90</v>
      </c>
      <c r="O3808" t="s">
        <v>85</v>
      </c>
      <c r="P3808" t="s">
        <v>86</v>
      </c>
      <c r="Q3808">
        <v>5</v>
      </c>
      <c r="R3808">
        <v>5</v>
      </c>
      <c r="S3808">
        <v>5</v>
      </c>
      <c r="T3808">
        <v>5</v>
      </c>
      <c r="U3808">
        <v>5</v>
      </c>
      <c r="V3808">
        <v>5</v>
      </c>
      <c r="W3808">
        <v>5</v>
      </c>
      <c r="X3808">
        <v>5</v>
      </c>
      <c r="Y3808">
        <v>5</v>
      </c>
      <c r="Z3808">
        <v>5</v>
      </c>
      <c r="AA3808">
        <v>5</v>
      </c>
      <c r="AB3808">
        <v>5</v>
      </c>
      <c r="AC3808">
        <v>5</v>
      </c>
      <c r="AD3808">
        <v>5</v>
      </c>
      <c r="AE3808">
        <v>5</v>
      </c>
      <c r="AF3808">
        <v>5</v>
      </c>
      <c r="AG3808">
        <v>5</v>
      </c>
      <c r="AH3808">
        <v>5</v>
      </c>
      <c r="AI3808">
        <v>5</v>
      </c>
      <c r="AJ3808">
        <v>5</v>
      </c>
      <c r="AK3808">
        <v>5</v>
      </c>
      <c r="AL3808">
        <v>5</v>
      </c>
      <c r="AM3808">
        <v>5</v>
      </c>
      <c r="AN3808">
        <v>5</v>
      </c>
      <c r="AO3808">
        <v>5</v>
      </c>
      <c r="AP3808">
        <v>5</v>
      </c>
      <c r="AQ3808">
        <v>5</v>
      </c>
    </row>
    <row r="3809" spans="1:43">
      <c r="A3809" t="s">
        <v>2404</v>
      </c>
      <c r="B3809" t="s">
        <v>2405</v>
      </c>
      <c r="C3809" t="s">
        <v>2400</v>
      </c>
      <c r="D3809" t="s">
        <v>2401</v>
      </c>
      <c r="E3809" t="s">
        <v>2352</v>
      </c>
      <c r="F3809" t="s">
        <v>2353</v>
      </c>
      <c r="G3809" t="s">
        <v>80</v>
      </c>
      <c r="H3809" t="s">
        <v>81</v>
      </c>
      <c r="I3809" s="2">
        <v>0</v>
      </c>
      <c r="J3809" s="2">
        <v>0</v>
      </c>
      <c r="K3809" s="2">
        <v>1</v>
      </c>
      <c r="L3809" t="s">
        <v>995</v>
      </c>
      <c r="M3809" t="s">
        <v>83</v>
      </c>
      <c r="N3809" t="s">
        <v>91</v>
      </c>
      <c r="O3809" t="s">
        <v>85</v>
      </c>
      <c r="P3809" t="s">
        <v>86</v>
      </c>
      <c r="Q3809">
        <v>5</v>
      </c>
      <c r="R3809">
        <v>5</v>
      </c>
      <c r="S3809">
        <v>5</v>
      </c>
      <c r="T3809">
        <v>5</v>
      </c>
      <c r="U3809">
        <v>5</v>
      </c>
      <c r="V3809">
        <v>5</v>
      </c>
      <c r="W3809">
        <v>5</v>
      </c>
      <c r="X3809">
        <v>5</v>
      </c>
      <c r="Y3809">
        <v>5</v>
      </c>
      <c r="Z3809">
        <v>5</v>
      </c>
      <c r="AA3809">
        <v>5</v>
      </c>
      <c r="AB3809">
        <v>5</v>
      </c>
      <c r="AC3809">
        <v>5</v>
      </c>
      <c r="AD3809">
        <v>5</v>
      </c>
      <c r="AE3809">
        <v>5</v>
      </c>
      <c r="AF3809">
        <v>5</v>
      </c>
      <c r="AG3809">
        <v>5</v>
      </c>
      <c r="AH3809">
        <v>5</v>
      </c>
      <c r="AI3809">
        <v>5</v>
      </c>
      <c r="AJ3809">
        <v>5</v>
      </c>
      <c r="AK3809">
        <v>5</v>
      </c>
      <c r="AL3809">
        <v>5</v>
      </c>
      <c r="AM3809">
        <v>5</v>
      </c>
      <c r="AN3809">
        <v>5</v>
      </c>
      <c r="AO3809">
        <v>5</v>
      </c>
      <c r="AP3809">
        <v>5</v>
      </c>
      <c r="AQ3809">
        <v>5</v>
      </c>
    </row>
    <row r="3810" spans="1:43">
      <c r="A3810" t="s">
        <v>2406</v>
      </c>
      <c r="B3810" t="s">
        <v>2407</v>
      </c>
      <c r="C3810" t="s">
        <v>2400</v>
      </c>
      <c r="D3810" t="s">
        <v>2401</v>
      </c>
      <c r="E3810" t="s">
        <v>2352</v>
      </c>
      <c r="F3810" t="s">
        <v>2353</v>
      </c>
      <c r="G3810" t="s">
        <v>80</v>
      </c>
      <c r="H3810" t="s">
        <v>81</v>
      </c>
      <c r="I3810" s="2">
        <v>0</v>
      </c>
      <c r="J3810" s="2">
        <v>0</v>
      </c>
      <c r="K3810" s="2">
        <v>1</v>
      </c>
      <c r="L3810" t="s">
        <v>995</v>
      </c>
      <c r="M3810" t="s">
        <v>83</v>
      </c>
      <c r="N3810" t="s">
        <v>84</v>
      </c>
      <c r="O3810" t="s">
        <v>85</v>
      </c>
      <c r="P3810" t="s">
        <v>86</v>
      </c>
      <c r="Q3810">
        <v>9</v>
      </c>
      <c r="R3810">
        <v>9</v>
      </c>
      <c r="S3810">
        <v>9</v>
      </c>
      <c r="T3810">
        <v>9</v>
      </c>
      <c r="U3810">
        <v>9</v>
      </c>
      <c r="V3810">
        <v>9</v>
      </c>
      <c r="W3810">
        <v>9</v>
      </c>
      <c r="X3810">
        <v>9</v>
      </c>
      <c r="Y3810">
        <v>10</v>
      </c>
      <c r="Z3810">
        <v>10</v>
      </c>
      <c r="AA3810">
        <v>10</v>
      </c>
      <c r="AB3810">
        <v>10</v>
      </c>
      <c r="AC3810">
        <v>10</v>
      </c>
      <c r="AD3810">
        <v>10</v>
      </c>
      <c r="AE3810">
        <v>10</v>
      </c>
      <c r="AF3810">
        <v>10</v>
      </c>
      <c r="AG3810">
        <v>10</v>
      </c>
      <c r="AH3810">
        <v>10</v>
      </c>
      <c r="AI3810">
        <v>10</v>
      </c>
      <c r="AJ3810">
        <v>10</v>
      </c>
      <c r="AK3810">
        <v>10</v>
      </c>
      <c r="AL3810">
        <v>10</v>
      </c>
      <c r="AM3810">
        <v>10</v>
      </c>
      <c r="AN3810">
        <v>10</v>
      </c>
      <c r="AO3810">
        <v>10</v>
      </c>
      <c r="AP3810">
        <v>9</v>
      </c>
      <c r="AQ3810">
        <v>9</v>
      </c>
    </row>
    <row r="3811" spans="1:43">
      <c r="A3811" t="s">
        <v>2406</v>
      </c>
      <c r="B3811" t="s">
        <v>2407</v>
      </c>
      <c r="C3811" t="s">
        <v>2400</v>
      </c>
      <c r="D3811" t="s">
        <v>2401</v>
      </c>
      <c r="E3811" t="s">
        <v>2352</v>
      </c>
      <c r="F3811" t="s">
        <v>2353</v>
      </c>
      <c r="G3811" t="s">
        <v>80</v>
      </c>
      <c r="H3811" t="s">
        <v>81</v>
      </c>
      <c r="I3811" s="2">
        <v>0</v>
      </c>
      <c r="J3811" s="2">
        <v>0</v>
      </c>
      <c r="K3811" s="2">
        <v>1</v>
      </c>
      <c r="L3811" t="s">
        <v>995</v>
      </c>
      <c r="M3811" t="s">
        <v>87</v>
      </c>
      <c r="N3811" t="s">
        <v>88</v>
      </c>
      <c r="O3811" t="s">
        <v>85</v>
      </c>
      <c r="P3811" t="s">
        <v>86</v>
      </c>
      <c r="Q3811">
        <v>9</v>
      </c>
      <c r="R3811">
        <v>9</v>
      </c>
      <c r="S3811">
        <v>9</v>
      </c>
      <c r="T3811">
        <v>9</v>
      </c>
      <c r="U3811">
        <v>9</v>
      </c>
      <c r="V3811">
        <v>9</v>
      </c>
      <c r="W3811">
        <v>9</v>
      </c>
      <c r="X3811">
        <v>9</v>
      </c>
      <c r="Y3811">
        <v>9</v>
      </c>
      <c r="Z3811">
        <v>9</v>
      </c>
      <c r="AA3811">
        <v>9</v>
      </c>
      <c r="AB3811">
        <v>9</v>
      </c>
      <c r="AC3811">
        <v>9</v>
      </c>
      <c r="AD3811">
        <v>9</v>
      </c>
      <c r="AE3811">
        <v>9</v>
      </c>
      <c r="AF3811">
        <v>9</v>
      </c>
      <c r="AG3811">
        <v>9</v>
      </c>
      <c r="AH3811">
        <v>8</v>
      </c>
      <c r="AI3811">
        <v>8</v>
      </c>
      <c r="AJ3811">
        <v>8</v>
      </c>
      <c r="AK3811">
        <v>8</v>
      </c>
      <c r="AL3811">
        <v>8</v>
      </c>
      <c r="AM3811">
        <v>8</v>
      </c>
      <c r="AN3811">
        <v>8</v>
      </c>
      <c r="AO3811">
        <v>8</v>
      </c>
      <c r="AP3811">
        <v>8</v>
      </c>
      <c r="AQ3811">
        <v>8</v>
      </c>
    </row>
    <row r="3812" spans="1:43">
      <c r="A3812" t="s">
        <v>2406</v>
      </c>
      <c r="B3812" t="s">
        <v>2407</v>
      </c>
      <c r="C3812" t="s">
        <v>2400</v>
      </c>
      <c r="D3812" t="s">
        <v>2401</v>
      </c>
      <c r="E3812" t="s">
        <v>2352</v>
      </c>
      <c r="F3812" t="s">
        <v>2353</v>
      </c>
      <c r="G3812" t="s">
        <v>80</v>
      </c>
      <c r="H3812" t="s">
        <v>81</v>
      </c>
      <c r="I3812" s="2">
        <v>0</v>
      </c>
      <c r="J3812" s="2">
        <v>0</v>
      </c>
      <c r="K3812" s="2">
        <v>1</v>
      </c>
      <c r="L3812" t="s">
        <v>995</v>
      </c>
      <c r="M3812" t="s">
        <v>89</v>
      </c>
      <c r="N3812" t="s">
        <v>90</v>
      </c>
      <c r="O3812" t="s">
        <v>85</v>
      </c>
      <c r="P3812" t="s">
        <v>86</v>
      </c>
      <c r="Q3812">
        <v>9</v>
      </c>
      <c r="R3812">
        <v>9</v>
      </c>
      <c r="S3812">
        <v>10</v>
      </c>
      <c r="T3812">
        <v>10</v>
      </c>
      <c r="U3812">
        <v>10</v>
      </c>
      <c r="V3812">
        <v>10</v>
      </c>
      <c r="W3812">
        <v>10</v>
      </c>
      <c r="X3812">
        <v>10</v>
      </c>
      <c r="Y3812">
        <v>10</v>
      </c>
      <c r="Z3812">
        <v>10</v>
      </c>
      <c r="AA3812">
        <v>10</v>
      </c>
      <c r="AB3812">
        <v>10</v>
      </c>
      <c r="AC3812">
        <v>10</v>
      </c>
      <c r="AD3812">
        <v>10</v>
      </c>
      <c r="AE3812">
        <v>10</v>
      </c>
      <c r="AF3812">
        <v>10</v>
      </c>
      <c r="AG3812">
        <v>10</v>
      </c>
      <c r="AH3812">
        <v>10</v>
      </c>
      <c r="AI3812">
        <v>10</v>
      </c>
      <c r="AJ3812">
        <v>10</v>
      </c>
      <c r="AK3812">
        <v>10</v>
      </c>
      <c r="AL3812">
        <v>10</v>
      </c>
      <c r="AM3812">
        <v>10</v>
      </c>
      <c r="AN3812">
        <v>10</v>
      </c>
      <c r="AO3812">
        <v>10</v>
      </c>
      <c r="AP3812">
        <v>10</v>
      </c>
      <c r="AQ3812">
        <v>10</v>
      </c>
    </row>
    <row r="3813" spans="1:43">
      <c r="A3813" t="s">
        <v>2406</v>
      </c>
      <c r="B3813" t="s">
        <v>2407</v>
      </c>
      <c r="C3813" t="s">
        <v>2400</v>
      </c>
      <c r="D3813" t="s">
        <v>2401</v>
      </c>
      <c r="E3813" t="s">
        <v>2352</v>
      </c>
      <c r="F3813" t="s">
        <v>2353</v>
      </c>
      <c r="G3813" t="s">
        <v>80</v>
      </c>
      <c r="H3813" t="s">
        <v>81</v>
      </c>
      <c r="I3813" s="2">
        <v>0</v>
      </c>
      <c r="J3813" s="2">
        <v>0</v>
      </c>
      <c r="K3813" s="2">
        <v>1</v>
      </c>
      <c r="L3813" t="s">
        <v>995</v>
      </c>
      <c r="M3813" t="s">
        <v>83</v>
      </c>
      <c r="N3813" t="s">
        <v>91</v>
      </c>
      <c r="O3813" t="s">
        <v>85</v>
      </c>
      <c r="P3813" t="s">
        <v>86</v>
      </c>
      <c r="Q3813">
        <v>9</v>
      </c>
      <c r="R3813">
        <v>9</v>
      </c>
      <c r="S3813">
        <v>9</v>
      </c>
      <c r="T3813">
        <v>9</v>
      </c>
      <c r="U3813">
        <v>9</v>
      </c>
      <c r="V3813">
        <v>9</v>
      </c>
      <c r="W3813">
        <v>9</v>
      </c>
      <c r="X3813">
        <v>9</v>
      </c>
      <c r="Y3813">
        <v>10</v>
      </c>
      <c r="Z3813">
        <v>10</v>
      </c>
      <c r="AA3813">
        <v>10</v>
      </c>
      <c r="AB3813">
        <v>10</v>
      </c>
      <c r="AC3813">
        <v>10</v>
      </c>
      <c r="AD3813">
        <v>10</v>
      </c>
      <c r="AE3813">
        <v>10</v>
      </c>
      <c r="AF3813">
        <v>10</v>
      </c>
      <c r="AG3813">
        <v>10</v>
      </c>
      <c r="AH3813">
        <v>10</v>
      </c>
      <c r="AI3813">
        <v>10</v>
      </c>
      <c r="AJ3813">
        <v>10</v>
      </c>
      <c r="AK3813">
        <v>10</v>
      </c>
      <c r="AL3813">
        <v>10</v>
      </c>
      <c r="AM3813">
        <v>10</v>
      </c>
      <c r="AN3813">
        <v>10</v>
      </c>
      <c r="AO3813">
        <v>10</v>
      </c>
      <c r="AP3813">
        <v>9</v>
      </c>
      <c r="AQ3813">
        <v>9</v>
      </c>
    </row>
    <row r="3814" spans="1:43">
      <c r="A3814" t="s">
        <v>2408</v>
      </c>
      <c r="B3814" t="s">
        <v>2409</v>
      </c>
      <c r="C3814" t="s">
        <v>2410</v>
      </c>
      <c r="D3814" t="s">
        <v>2411</v>
      </c>
      <c r="E3814" t="s">
        <v>2352</v>
      </c>
      <c r="F3814" t="s">
        <v>2353</v>
      </c>
      <c r="G3814" t="s">
        <v>80</v>
      </c>
      <c r="H3814" t="s">
        <v>81</v>
      </c>
      <c r="I3814" s="2">
        <v>0</v>
      </c>
      <c r="J3814" s="2">
        <v>0</v>
      </c>
      <c r="K3814" s="2">
        <v>1</v>
      </c>
      <c r="L3814" t="s">
        <v>995</v>
      </c>
      <c r="M3814" t="s">
        <v>83</v>
      </c>
      <c r="N3814" t="s">
        <v>84</v>
      </c>
      <c r="O3814" t="s">
        <v>85</v>
      </c>
      <c r="P3814" t="s">
        <v>86</v>
      </c>
      <c r="Q3814">
        <v>9</v>
      </c>
      <c r="R3814">
        <v>9</v>
      </c>
      <c r="S3814">
        <v>9</v>
      </c>
      <c r="T3814">
        <v>9</v>
      </c>
      <c r="U3814">
        <v>9</v>
      </c>
      <c r="V3814">
        <v>9</v>
      </c>
      <c r="W3814">
        <v>9</v>
      </c>
      <c r="X3814">
        <v>9</v>
      </c>
      <c r="Y3814">
        <v>9</v>
      </c>
      <c r="Z3814">
        <v>9</v>
      </c>
      <c r="AA3814">
        <v>9</v>
      </c>
      <c r="AB3814">
        <v>9</v>
      </c>
      <c r="AC3814">
        <v>9</v>
      </c>
      <c r="AD3814">
        <v>9</v>
      </c>
      <c r="AE3814">
        <v>9</v>
      </c>
      <c r="AF3814">
        <v>9</v>
      </c>
      <c r="AG3814">
        <v>9</v>
      </c>
      <c r="AH3814">
        <v>9</v>
      </c>
      <c r="AI3814">
        <v>9</v>
      </c>
      <c r="AJ3814">
        <v>9</v>
      </c>
      <c r="AK3814">
        <v>9</v>
      </c>
      <c r="AL3814">
        <v>9</v>
      </c>
      <c r="AM3814">
        <v>9</v>
      </c>
      <c r="AN3814">
        <v>9</v>
      </c>
      <c r="AO3814">
        <v>9</v>
      </c>
      <c r="AP3814">
        <v>9</v>
      </c>
      <c r="AQ3814">
        <v>9</v>
      </c>
    </row>
    <row r="3815" spans="1:43">
      <c r="A3815" t="s">
        <v>2408</v>
      </c>
      <c r="B3815" t="s">
        <v>2409</v>
      </c>
      <c r="C3815" t="s">
        <v>2410</v>
      </c>
      <c r="D3815" t="s">
        <v>2411</v>
      </c>
      <c r="E3815" t="s">
        <v>2352</v>
      </c>
      <c r="F3815" t="s">
        <v>2353</v>
      </c>
      <c r="G3815" t="s">
        <v>80</v>
      </c>
      <c r="H3815" t="s">
        <v>81</v>
      </c>
      <c r="I3815" s="2">
        <v>0</v>
      </c>
      <c r="J3815" s="2">
        <v>0</v>
      </c>
      <c r="K3815" s="2">
        <v>1</v>
      </c>
      <c r="L3815" t="s">
        <v>995</v>
      </c>
      <c r="M3815" t="s">
        <v>87</v>
      </c>
      <c r="N3815" t="s">
        <v>88</v>
      </c>
      <c r="O3815" t="s">
        <v>85</v>
      </c>
      <c r="P3815" t="s">
        <v>86</v>
      </c>
      <c r="Q3815">
        <v>9</v>
      </c>
      <c r="R3815">
        <v>9</v>
      </c>
      <c r="S3815">
        <v>9</v>
      </c>
      <c r="T3815">
        <v>9</v>
      </c>
      <c r="U3815">
        <v>9</v>
      </c>
      <c r="V3815">
        <v>9</v>
      </c>
      <c r="W3815">
        <v>9</v>
      </c>
      <c r="X3815">
        <v>9</v>
      </c>
      <c r="Y3815">
        <v>8</v>
      </c>
      <c r="Z3815">
        <v>8</v>
      </c>
      <c r="AA3815">
        <v>8</v>
      </c>
      <c r="AB3815">
        <v>8</v>
      </c>
      <c r="AC3815">
        <v>8</v>
      </c>
      <c r="AD3815">
        <v>8</v>
      </c>
      <c r="AE3815">
        <v>8</v>
      </c>
      <c r="AF3815">
        <v>8</v>
      </c>
      <c r="AG3815">
        <v>8</v>
      </c>
      <c r="AH3815">
        <v>8</v>
      </c>
      <c r="AI3815">
        <v>8</v>
      </c>
      <c r="AJ3815">
        <v>8</v>
      </c>
      <c r="AK3815">
        <v>8</v>
      </c>
      <c r="AL3815">
        <v>8</v>
      </c>
      <c r="AM3815">
        <v>8</v>
      </c>
      <c r="AN3815">
        <v>8</v>
      </c>
      <c r="AO3815">
        <v>8</v>
      </c>
      <c r="AP3815">
        <v>8</v>
      </c>
      <c r="AQ3815">
        <v>8</v>
      </c>
    </row>
    <row r="3816" spans="1:43">
      <c r="A3816" t="s">
        <v>2408</v>
      </c>
      <c r="B3816" t="s">
        <v>2409</v>
      </c>
      <c r="C3816" t="s">
        <v>2410</v>
      </c>
      <c r="D3816" t="s">
        <v>2411</v>
      </c>
      <c r="E3816" t="s">
        <v>2352</v>
      </c>
      <c r="F3816" t="s">
        <v>2353</v>
      </c>
      <c r="G3816" t="s">
        <v>80</v>
      </c>
      <c r="H3816" t="s">
        <v>81</v>
      </c>
      <c r="I3816" s="2">
        <v>0</v>
      </c>
      <c r="J3816" s="2">
        <v>0</v>
      </c>
      <c r="K3816" s="2">
        <v>1</v>
      </c>
      <c r="L3816" t="s">
        <v>995</v>
      </c>
      <c r="M3816" t="s">
        <v>89</v>
      </c>
      <c r="N3816" t="s">
        <v>90</v>
      </c>
      <c r="O3816" t="s">
        <v>85</v>
      </c>
      <c r="P3816" t="s">
        <v>86</v>
      </c>
      <c r="Q3816">
        <v>9</v>
      </c>
      <c r="R3816">
        <v>9</v>
      </c>
      <c r="S3816">
        <v>9</v>
      </c>
      <c r="T3816">
        <v>9</v>
      </c>
      <c r="U3816">
        <v>9</v>
      </c>
      <c r="V3816">
        <v>9</v>
      </c>
      <c r="W3816">
        <v>10</v>
      </c>
      <c r="X3816">
        <v>10</v>
      </c>
      <c r="Y3816">
        <v>10</v>
      </c>
      <c r="Z3816">
        <v>10</v>
      </c>
      <c r="AA3816">
        <v>10</v>
      </c>
      <c r="AB3816">
        <v>10</v>
      </c>
      <c r="AC3816">
        <v>10</v>
      </c>
      <c r="AD3816">
        <v>10</v>
      </c>
      <c r="AE3816">
        <v>10</v>
      </c>
      <c r="AF3816">
        <v>10</v>
      </c>
      <c r="AG3816">
        <v>10</v>
      </c>
      <c r="AH3816">
        <v>10</v>
      </c>
      <c r="AI3816">
        <v>10</v>
      </c>
      <c r="AJ3816">
        <v>10</v>
      </c>
      <c r="AK3816">
        <v>10</v>
      </c>
      <c r="AL3816">
        <v>9</v>
      </c>
      <c r="AM3816">
        <v>9</v>
      </c>
      <c r="AN3816">
        <v>9</v>
      </c>
      <c r="AO3816">
        <v>9</v>
      </c>
      <c r="AP3816">
        <v>9</v>
      </c>
      <c r="AQ3816">
        <v>9</v>
      </c>
    </row>
    <row r="3817" spans="1:43">
      <c r="A3817" t="s">
        <v>2408</v>
      </c>
      <c r="B3817" t="s">
        <v>2409</v>
      </c>
      <c r="C3817" t="s">
        <v>2410</v>
      </c>
      <c r="D3817" t="s">
        <v>2411</v>
      </c>
      <c r="E3817" t="s">
        <v>2352</v>
      </c>
      <c r="F3817" t="s">
        <v>2353</v>
      </c>
      <c r="G3817" t="s">
        <v>80</v>
      </c>
      <c r="H3817" t="s">
        <v>81</v>
      </c>
      <c r="I3817" s="2">
        <v>0</v>
      </c>
      <c r="J3817" s="2">
        <v>0</v>
      </c>
      <c r="K3817" s="2">
        <v>1</v>
      </c>
      <c r="L3817" t="s">
        <v>995</v>
      </c>
      <c r="M3817" t="s">
        <v>83</v>
      </c>
      <c r="N3817" t="s">
        <v>91</v>
      </c>
      <c r="O3817" t="s">
        <v>85</v>
      </c>
      <c r="P3817" t="s">
        <v>86</v>
      </c>
      <c r="Q3817">
        <v>9</v>
      </c>
      <c r="R3817">
        <v>9</v>
      </c>
      <c r="S3817">
        <v>9</v>
      </c>
      <c r="T3817">
        <v>9</v>
      </c>
      <c r="U3817">
        <v>9</v>
      </c>
      <c r="V3817">
        <v>9</v>
      </c>
      <c r="W3817">
        <v>9</v>
      </c>
      <c r="X3817">
        <v>9</v>
      </c>
      <c r="Y3817">
        <v>9</v>
      </c>
      <c r="Z3817">
        <v>9</v>
      </c>
      <c r="AA3817">
        <v>9</v>
      </c>
      <c r="AB3817">
        <v>9</v>
      </c>
      <c r="AC3817">
        <v>9</v>
      </c>
      <c r="AD3817">
        <v>9</v>
      </c>
      <c r="AE3817">
        <v>9</v>
      </c>
      <c r="AF3817">
        <v>9</v>
      </c>
      <c r="AG3817">
        <v>9</v>
      </c>
      <c r="AH3817">
        <v>9</v>
      </c>
      <c r="AI3817">
        <v>9</v>
      </c>
      <c r="AJ3817">
        <v>9</v>
      </c>
      <c r="AK3817">
        <v>9</v>
      </c>
      <c r="AL3817">
        <v>9</v>
      </c>
      <c r="AM3817">
        <v>9</v>
      </c>
      <c r="AN3817">
        <v>9</v>
      </c>
      <c r="AO3817">
        <v>9</v>
      </c>
      <c r="AP3817">
        <v>9</v>
      </c>
      <c r="AQ3817">
        <v>9</v>
      </c>
    </row>
    <row r="3818" spans="1:43">
      <c r="A3818" t="s">
        <v>2412</v>
      </c>
      <c r="B3818" t="s">
        <v>2413</v>
      </c>
      <c r="C3818" t="s">
        <v>2400</v>
      </c>
      <c r="D3818" t="s">
        <v>2401</v>
      </c>
      <c r="E3818" t="s">
        <v>2352</v>
      </c>
      <c r="F3818" t="s">
        <v>2353</v>
      </c>
      <c r="G3818" t="s">
        <v>80</v>
      </c>
      <c r="H3818" t="s">
        <v>81</v>
      </c>
      <c r="I3818" s="2">
        <v>0</v>
      </c>
      <c r="J3818" s="2">
        <v>0</v>
      </c>
      <c r="K3818" s="2">
        <v>1</v>
      </c>
      <c r="L3818" t="s">
        <v>995</v>
      </c>
      <c r="M3818" t="s">
        <v>83</v>
      </c>
      <c r="N3818" t="s">
        <v>84</v>
      </c>
      <c r="O3818" t="s">
        <v>85</v>
      </c>
      <c r="P3818" t="s">
        <v>86</v>
      </c>
      <c r="Q3818">
        <v>0</v>
      </c>
      <c r="R3818">
        <v>0</v>
      </c>
      <c r="S3818">
        <v>0</v>
      </c>
      <c r="T3818">
        <v>0</v>
      </c>
      <c r="U3818">
        <v>0</v>
      </c>
      <c r="V3818">
        <v>0</v>
      </c>
      <c r="W3818">
        <v>0</v>
      </c>
      <c r="X3818">
        <v>0</v>
      </c>
      <c r="Y3818">
        <v>0</v>
      </c>
      <c r="Z3818">
        <v>0</v>
      </c>
      <c r="AA3818">
        <v>0</v>
      </c>
      <c r="AB3818">
        <v>0</v>
      </c>
      <c r="AC3818">
        <v>0</v>
      </c>
      <c r="AD3818">
        <v>0</v>
      </c>
      <c r="AE3818">
        <v>0</v>
      </c>
      <c r="AF3818">
        <v>0</v>
      </c>
      <c r="AG3818">
        <v>0</v>
      </c>
      <c r="AH3818">
        <v>0</v>
      </c>
      <c r="AI3818">
        <v>0</v>
      </c>
      <c r="AJ3818">
        <v>0</v>
      </c>
      <c r="AK3818">
        <v>0</v>
      </c>
      <c r="AL3818">
        <v>0</v>
      </c>
      <c r="AM3818">
        <v>0</v>
      </c>
      <c r="AN3818">
        <v>0</v>
      </c>
      <c r="AO3818">
        <v>0</v>
      </c>
      <c r="AP3818">
        <v>0</v>
      </c>
      <c r="AQ3818">
        <v>0</v>
      </c>
    </row>
    <row r="3819" spans="1:43">
      <c r="A3819" t="s">
        <v>2412</v>
      </c>
      <c r="B3819" t="s">
        <v>2413</v>
      </c>
      <c r="C3819" t="s">
        <v>2400</v>
      </c>
      <c r="D3819" t="s">
        <v>2401</v>
      </c>
      <c r="E3819" t="s">
        <v>2352</v>
      </c>
      <c r="F3819" t="s">
        <v>2353</v>
      </c>
      <c r="G3819" t="s">
        <v>80</v>
      </c>
      <c r="H3819" t="s">
        <v>81</v>
      </c>
      <c r="I3819" s="2">
        <v>0</v>
      </c>
      <c r="J3819" s="2">
        <v>0</v>
      </c>
      <c r="K3819" s="2">
        <v>1</v>
      </c>
      <c r="L3819" t="s">
        <v>995</v>
      </c>
      <c r="M3819" t="s">
        <v>87</v>
      </c>
      <c r="N3819" t="s">
        <v>88</v>
      </c>
      <c r="O3819" t="s">
        <v>85</v>
      </c>
      <c r="P3819" t="s">
        <v>86</v>
      </c>
      <c r="Q3819">
        <v>0</v>
      </c>
      <c r="R3819">
        <v>0</v>
      </c>
      <c r="S3819">
        <v>0</v>
      </c>
      <c r="T3819">
        <v>0</v>
      </c>
      <c r="U3819">
        <v>0</v>
      </c>
      <c r="V3819">
        <v>0</v>
      </c>
      <c r="W3819">
        <v>0</v>
      </c>
      <c r="X3819">
        <v>0</v>
      </c>
      <c r="Y3819">
        <v>0</v>
      </c>
      <c r="Z3819">
        <v>0</v>
      </c>
      <c r="AA3819">
        <v>0</v>
      </c>
      <c r="AB3819">
        <v>0</v>
      </c>
      <c r="AC3819">
        <v>0</v>
      </c>
      <c r="AD3819">
        <v>0</v>
      </c>
      <c r="AE3819">
        <v>0</v>
      </c>
      <c r="AF3819">
        <v>0</v>
      </c>
      <c r="AG3819">
        <v>0</v>
      </c>
      <c r="AH3819">
        <v>0</v>
      </c>
      <c r="AI3819">
        <v>0</v>
      </c>
      <c r="AJ3819">
        <v>0</v>
      </c>
      <c r="AK3819">
        <v>0</v>
      </c>
      <c r="AL3819">
        <v>0</v>
      </c>
      <c r="AM3819">
        <v>0</v>
      </c>
      <c r="AN3819">
        <v>0</v>
      </c>
      <c r="AO3819">
        <v>0</v>
      </c>
      <c r="AP3819">
        <v>0</v>
      </c>
      <c r="AQ3819">
        <v>0</v>
      </c>
    </row>
    <row r="3820" spans="1:43">
      <c r="A3820" t="s">
        <v>2412</v>
      </c>
      <c r="B3820" t="s">
        <v>2413</v>
      </c>
      <c r="C3820" t="s">
        <v>2400</v>
      </c>
      <c r="D3820" t="s">
        <v>2401</v>
      </c>
      <c r="E3820" t="s">
        <v>2352</v>
      </c>
      <c r="F3820" t="s">
        <v>2353</v>
      </c>
      <c r="G3820" t="s">
        <v>80</v>
      </c>
      <c r="H3820" t="s">
        <v>81</v>
      </c>
      <c r="I3820" s="2">
        <v>0</v>
      </c>
      <c r="J3820" s="2">
        <v>0</v>
      </c>
      <c r="K3820" s="2">
        <v>1</v>
      </c>
      <c r="L3820" t="s">
        <v>995</v>
      </c>
      <c r="M3820" t="s">
        <v>89</v>
      </c>
      <c r="N3820" t="s">
        <v>90</v>
      </c>
      <c r="O3820" t="s">
        <v>85</v>
      </c>
      <c r="P3820" t="s">
        <v>86</v>
      </c>
      <c r="Q3820">
        <v>0</v>
      </c>
      <c r="R3820">
        <v>0</v>
      </c>
      <c r="S3820">
        <v>0</v>
      </c>
      <c r="T3820">
        <v>0</v>
      </c>
      <c r="U3820">
        <v>0</v>
      </c>
      <c r="V3820">
        <v>0</v>
      </c>
      <c r="W3820">
        <v>0</v>
      </c>
      <c r="X3820">
        <v>0</v>
      </c>
      <c r="Y3820">
        <v>0</v>
      </c>
      <c r="Z3820">
        <v>0</v>
      </c>
      <c r="AA3820">
        <v>0</v>
      </c>
      <c r="AB3820">
        <v>0</v>
      </c>
      <c r="AC3820">
        <v>0</v>
      </c>
      <c r="AD3820">
        <v>0</v>
      </c>
      <c r="AE3820">
        <v>0</v>
      </c>
      <c r="AF3820">
        <v>0</v>
      </c>
      <c r="AG3820">
        <v>0</v>
      </c>
      <c r="AH3820">
        <v>0</v>
      </c>
      <c r="AI3820">
        <v>0</v>
      </c>
      <c r="AJ3820">
        <v>0</v>
      </c>
      <c r="AK3820">
        <v>0</v>
      </c>
      <c r="AL3820">
        <v>0</v>
      </c>
      <c r="AM3820">
        <v>0</v>
      </c>
      <c r="AN3820">
        <v>0</v>
      </c>
      <c r="AO3820">
        <v>0</v>
      </c>
      <c r="AP3820">
        <v>0</v>
      </c>
      <c r="AQ3820">
        <v>0</v>
      </c>
    </row>
    <row r="3821" spans="1:43">
      <c r="A3821" t="s">
        <v>2412</v>
      </c>
      <c r="B3821" t="s">
        <v>2413</v>
      </c>
      <c r="C3821" t="s">
        <v>2400</v>
      </c>
      <c r="D3821" t="s">
        <v>2401</v>
      </c>
      <c r="E3821" t="s">
        <v>2352</v>
      </c>
      <c r="F3821" t="s">
        <v>2353</v>
      </c>
      <c r="G3821" t="s">
        <v>80</v>
      </c>
      <c r="H3821" t="s">
        <v>81</v>
      </c>
      <c r="I3821" s="2">
        <v>0</v>
      </c>
      <c r="J3821" s="2">
        <v>0</v>
      </c>
      <c r="K3821" s="2">
        <v>1</v>
      </c>
      <c r="L3821" t="s">
        <v>995</v>
      </c>
      <c r="M3821" t="s">
        <v>83</v>
      </c>
      <c r="N3821" t="s">
        <v>91</v>
      </c>
      <c r="O3821" t="s">
        <v>85</v>
      </c>
      <c r="P3821" t="s">
        <v>86</v>
      </c>
      <c r="Q3821">
        <v>0</v>
      </c>
      <c r="R3821">
        <v>0</v>
      </c>
      <c r="S3821">
        <v>0</v>
      </c>
      <c r="T3821">
        <v>0</v>
      </c>
      <c r="U3821">
        <v>0</v>
      </c>
      <c r="V3821">
        <v>0</v>
      </c>
      <c r="W3821">
        <v>0</v>
      </c>
      <c r="X3821">
        <v>0</v>
      </c>
      <c r="Y3821">
        <v>0</v>
      </c>
      <c r="Z3821">
        <v>0</v>
      </c>
      <c r="AA3821">
        <v>0</v>
      </c>
      <c r="AB3821">
        <v>0</v>
      </c>
      <c r="AC3821">
        <v>0</v>
      </c>
      <c r="AD3821">
        <v>0</v>
      </c>
      <c r="AE3821">
        <v>0</v>
      </c>
      <c r="AF3821">
        <v>0</v>
      </c>
      <c r="AG3821">
        <v>0</v>
      </c>
      <c r="AH3821">
        <v>0</v>
      </c>
      <c r="AI3821">
        <v>0</v>
      </c>
      <c r="AJ3821">
        <v>0</v>
      </c>
      <c r="AK3821">
        <v>0</v>
      </c>
      <c r="AL3821">
        <v>0</v>
      </c>
      <c r="AM3821">
        <v>0</v>
      </c>
      <c r="AN3821">
        <v>0</v>
      </c>
      <c r="AO3821">
        <v>0</v>
      </c>
      <c r="AP3821">
        <v>0</v>
      </c>
      <c r="AQ3821">
        <v>0</v>
      </c>
    </row>
    <row r="3822" spans="1:43">
      <c r="A3822" t="s">
        <v>2414</v>
      </c>
      <c r="B3822" t="s">
        <v>2415</v>
      </c>
      <c r="C3822" t="s">
        <v>2410</v>
      </c>
      <c r="D3822" t="s">
        <v>2411</v>
      </c>
      <c r="E3822" t="s">
        <v>2352</v>
      </c>
      <c r="F3822" t="s">
        <v>2353</v>
      </c>
      <c r="G3822" t="s">
        <v>80</v>
      </c>
      <c r="H3822" t="s">
        <v>81</v>
      </c>
      <c r="I3822" s="2">
        <v>0</v>
      </c>
      <c r="J3822" s="2">
        <v>0</v>
      </c>
      <c r="K3822" s="2">
        <v>1</v>
      </c>
      <c r="L3822" t="s">
        <v>995</v>
      </c>
      <c r="M3822" t="s">
        <v>83</v>
      </c>
      <c r="N3822" t="s">
        <v>84</v>
      </c>
      <c r="O3822" t="s">
        <v>85</v>
      </c>
      <c r="P3822" t="s">
        <v>86</v>
      </c>
      <c r="Q3822">
        <v>40</v>
      </c>
      <c r="R3822">
        <v>40</v>
      </c>
      <c r="S3822">
        <v>40</v>
      </c>
      <c r="T3822">
        <v>41</v>
      </c>
      <c r="U3822">
        <v>41</v>
      </c>
      <c r="V3822">
        <v>41</v>
      </c>
      <c r="W3822">
        <v>41</v>
      </c>
      <c r="X3822">
        <v>41</v>
      </c>
      <c r="Y3822">
        <v>41</v>
      </c>
      <c r="Z3822">
        <v>42</v>
      </c>
      <c r="AA3822">
        <v>42</v>
      </c>
      <c r="AB3822">
        <v>42</v>
      </c>
      <c r="AC3822">
        <v>42</v>
      </c>
      <c r="AD3822">
        <v>42</v>
      </c>
      <c r="AE3822">
        <v>42</v>
      </c>
      <c r="AF3822">
        <v>42</v>
      </c>
      <c r="AG3822">
        <v>42</v>
      </c>
      <c r="AH3822">
        <v>42</v>
      </c>
      <c r="AI3822">
        <v>42</v>
      </c>
      <c r="AJ3822">
        <v>42</v>
      </c>
      <c r="AK3822">
        <v>42</v>
      </c>
      <c r="AL3822">
        <v>42</v>
      </c>
      <c r="AM3822">
        <v>42</v>
      </c>
      <c r="AN3822">
        <v>42</v>
      </c>
      <c r="AO3822">
        <v>41</v>
      </c>
      <c r="AP3822">
        <v>41</v>
      </c>
      <c r="AQ3822">
        <v>41</v>
      </c>
    </row>
    <row r="3823" spans="1:43">
      <c r="A3823" t="s">
        <v>2414</v>
      </c>
      <c r="B3823" t="s">
        <v>2415</v>
      </c>
      <c r="C3823" t="s">
        <v>2410</v>
      </c>
      <c r="D3823" t="s">
        <v>2411</v>
      </c>
      <c r="E3823" t="s">
        <v>2352</v>
      </c>
      <c r="F3823" t="s">
        <v>2353</v>
      </c>
      <c r="G3823" t="s">
        <v>80</v>
      </c>
      <c r="H3823" t="s">
        <v>81</v>
      </c>
      <c r="I3823" s="2">
        <v>0</v>
      </c>
      <c r="J3823" s="2">
        <v>0</v>
      </c>
      <c r="K3823" s="2">
        <v>1</v>
      </c>
      <c r="L3823" t="s">
        <v>995</v>
      </c>
      <c r="M3823" t="s">
        <v>87</v>
      </c>
      <c r="N3823" t="s">
        <v>88</v>
      </c>
      <c r="O3823" t="s">
        <v>85</v>
      </c>
      <c r="P3823" t="s">
        <v>86</v>
      </c>
      <c r="Q3823">
        <v>40</v>
      </c>
      <c r="R3823">
        <v>39</v>
      </c>
      <c r="S3823">
        <v>39</v>
      </c>
      <c r="T3823">
        <v>39</v>
      </c>
      <c r="U3823">
        <v>39</v>
      </c>
      <c r="V3823">
        <v>39</v>
      </c>
      <c r="W3823">
        <v>39</v>
      </c>
      <c r="X3823">
        <v>38</v>
      </c>
      <c r="Y3823">
        <v>38</v>
      </c>
      <c r="Z3823">
        <v>38</v>
      </c>
      <c r="AA3823">
        <v>38</v>
      </c>
      <c r="AB3823">
        <v>38</v>
      </c>
      <c r="AC3823">
        <v>38</v>
      </c>
      <c r="AD3823">
        <v>37</v>
      </c>
      <c r="AE3823">
        <v>37</v>
      </c>
      <c r="AF3823">
        <v>37</v>
      </c>
      <c r="AG3823">
        <v>37</v>
      </c>
      <c r="AH3823">
        <v>37</v>
      </c>
      <c r="AI3823">
        <v>37</v>
      </c>
      <c r="AJ3823">
        <v>37</v>
      </c>
      <c r="AK3823">
        <v>36</v>
      </c>
      <c r="AL3823">
        <v>36</v>
      </c>
      <c r="AM3823">
        <v>36</v>
      </c>
      <c r="AN3823">
        <v>36</v>
      </c>
      <c r="AO3823">
        <v>36</v>
      </c>
      <c r="AP3823">
        <v>36</v>
      </c>
      <c r="AQ3823">
        <v>36</v>
      </c>
    </row>
    <row r="3824" spans="1:43">
      <c r="A3824" t="s">
        <v>2414</v>
      </c>
      <c r="B3824" t="s">
        <v>2415</v>
      </c>
      <c r="C3824" t="s">
        <v>2410</v>
      </c>
      <c r="D3824" t="s">
        <v>2411</v>
      </c>
      <c r="E3824" t="s">
        <v>2352</v>
      </c>
      <c r="F3824" t="s">
        <v>2353</v>
      </c>
      <c r="G3824" t="s">
        <v>80</v>
      </c>
      <c r="H3824" t="s">
        <v>81</v>
      </c>
      <c r="I3824" s="2">
        <v>0</v>
      </c>
      <c r="J3824" s="2">
        <v>0</v>
      </c>
      <c r="K3824" s="2">
        <v>1</v>
      </c>
      <c r="L3824" t="s">
        <v>995</v>
      </c>
      <c r="M3824" t="s">
        <v>89</v>
      </c>
      <c r="N3824" t="s">
        <v>90</v>
      </c>
      <c r="O3824" t="s">
        <v>85</v>
      </c>
      <c r="P3824" t="s">
        <v>86</v>
      </c>
      <c r="Q3824">
        <v>40</v>
      </c>
      <c r="R3824">
        <v>41</v>
      </c>
      <c r="S3824">
        <v>41</v>
      </c>
      <c r="T3824">
        <v>42</v>
      </c>
      <c r="U3824">
        <v>42</v>
      </c>
      <c r="V3824">
        <v>43</v>
      </c>
      <c r="W3824">
        <v>43</v>
      </c>
      <c r="X3824">
        <v>44</v>
      </c>
      <c r="Y3824">
        <v>44</v>
      </c>
      <c r="Z3824">
        <v>44</v>
      </c>
      <c r="AA3824">
        <v>44</v>
      </c>
      <c r="AB3824">
        <v>44</v>
      </c>
      <c r="AC3824">
        <v>45</v>
      </c>
      <c r="AD3824">
        <v>45</v>
      </c>
      <c r="AE3824">
        <v>45</v>
      </c>
      <c r="AF3824">
        <v>45</v>
      </c>
      <c r="AG3824">
        <v>44</v>
      </c>
      <c r="AH3824">
        <v>44</v>
      </c>
      <c r="AI3824">
        <v>44</v>
      </c>
      <c r="AJ3824">
        <v>43</v>
      </c>
      <c r="AK3824">
        <v>43</v>
      </c>
      <c r="AL3824">
        <v>43</v>
      </c>
      <c r="AM3824">
        <v>43</v>
      </c>
      <c r="AN3824">
        <v>42</v>
      </c>
      <c r="AO3824">
        <v>42</v>
      </c>
      <c r="AP3824">
        <v>42</v>
      </c>
      <c r="AQ3824">
        <v>41</v>
      </c>
    </row>
    <row r="3825" spans="1:43">
      <c r="A3825" t="s">
        <v>2414</v>
      </c>
      <c r="B3825" t="s">
        <v>2415</v>
      </c>
      <c r="C3825" t="s">
        <v>2410</v>
      </c>
      <c r="D3825" t="s">
        <v>2411</v>
      </c>
      <c r="E3825" t="s">
        <v>2352</v>
      </c>
      <c r="F3825" t="s">
        <v>2353</v>
      </c>
      <c r="G3825" t="s">
        <v>80</v>
      </c>
      <c r="H3825" t="s">
        <v>81</v>
      </c>
      <c r="I3825" s="2">
        <v>0</v>
      </c>
      <c r="J3825" s="2">
        <v>0</v>
      </c>
      <c r="K3825" s="2">
        <v>1</v>
      </c>
      <c r="L3825" t="s">
        <v>995</v>
      </c>
      <c r="M3825" t="s">
        <v>83</v>
      </c>
      <c r="N3825" t="s">
        <v>91</v>
      </c>
      <c r="O3825" t="s">
        <v>85</v>
      </c>
      <c r="P3825" t="s">
        <v>86</v>
      </c>
      <c r="Q3825">
        <v>40</v>
      </c>
      <c r="R3825">
        <v>40</v>
      </c>
      <c r="S3825">
        <v>40</v>
      </c>
      <c r="T3825">
        <v>41</v>
      </c>
      <c r="U3825">
        <v>41</v>
      </c>
      <c r="V3825">
        <v>41</v>
      </c>
      <c r="W3825">
        <v>41</v>
      </c>
      <c r="X3825">
        <v>41</v>
      </c>
      <c r="Y3825">
        <v>41</v>
      </c>
      <c r="Z3825">
        <v>42</v>
      </c>
      <c r="AA3825">
        <v>42</v>
      </c>
      <c r="AB3825">
        <v>42</v>
      </c>
      <c r="AC3825">
        <v>42</v>
      </c>
      <c r="AD3825">
        <v>42</v>
      </c>
      <c r="AE3825">
        <v>42</v>
      </c>
      <c r="AF3825">
        <v>42</v>
      </c>
      <c r="AG3825">
        <v>42</v>
      </c>
      <c r="AH3825">
        <v>42</v>
      </c>
      <c r="AI3825">
        <v>42</v>
      </c>
      <c r="AJ3825">
        <v>42</v>
      </c>
      <c r="AK3825">
        <v>42</v>
      </c>
      <c r="AL3825">
        <v>42</v>
      </c>
      <c r="AM3825">
        <v>42</v>
      </c>
      <c r="AN3825">
        <v>42</v>
      </c>
      <c r="AO3825">
        <v>41</v>
      </c>
      <c r="AP3825">
        <v>41</v>
      </c>
      <c r="AQ3825">
        <v>41</v>
      </c>
    </row>
    <row r="3826" spans="1:43">
      <c r="A3826" t="s">
        <v>2416</v>
      </c>
      <c r="B3826" t="s">
        <v>2417</v>
      </c>
      <c r="C3826" t="s">
        <v>2418</v>
      </c>
      <c r="D3826" t="s">
        <v>2419</v>
      </c>
      <c r="E3826" t="s">
        <v>2352</v>
      </c>
      <c r="F3826" t="s">
        <v>2353</v>
      </c>
      <c r="G3826" t="s">
        <v>80</v>
      </c>
      <c r="H3826" t="s">
        <v>81</v>
      </c>
      <c r="I3826" s="2">
        <v>0</v>
      </c>
      <c r="J3826" s="2">
        <v>0</v>
      </c>
      <c r="K3826" s="2">
        <v>1</v>
      </c>
      <c r="L3826" t="s">
        <v>995</v>
      </c>
      <c r="M3826" t="s">
        <v>83</v>
      </c>
      <c r="N3826" t="s">
        <v>84</v>
      </c>
      <c r="O3826" t="s">
        <v>85</v>
      </c>
      <c r="P3826" t="s">
        <v>86</v>
      </c>
      <c r="Q3826">
        <v>0</v>
      </c>
      <c r="R3826">
        <v>0</v>
      </c>
      <c r="S3826">
        <v>0</v>
      </c>
      <c r="T3826">
        <v>0</v>
      </c>
      <c r="U3826">
        <v>0</v>
      </c>
      <c r="V3826">
        <v>0</v>
      </c>
      <c r="W3826">
        <v>0</v>
      </c>
      <c r="X3826">
        <v>0</v>
      </c>
      <c r="Y3826">
        <v>0</v>
      </c>
      <c r="Z3826">
        <v>0</v>
      </c>
      <c r="AA3826">
        <v>0</v>
      </c>
      <c r="AB3826">
        <v>0</v>
      </c>
      <c r="AC3826">
        <v>0</v>
      </c>
      <c r="AD3826">
        <v>0</v>
      </c>
      <c r="AE3826">
        <v>0</v>
      </c>
      <c r="AF3826">
        <v>0</v>
      </c>
      <c r="AG3826">
        <v>0</v>
      </c>
      <c r="AH3826">
        <v>0</v>
      </c>
      <c r="AI3826">
        <v>0</v>
      </c>
      <c r="AJ3826">
        <v>0</v>
      </c>
      <c r="AK3826">
        <v>0</v>
      </c>
      <c r="AL3826">
        <v>0</v>
      </c>
      <c r="AM3826">
        <v>0</v>
      </c>
      <c r="AN3826">
        <v>0</v>
      </c>
      <c r="AO3826">
        <v>0</v>
      </c>
      <c r="AP3826">
        <v>0</v>
      </c>
      <c r="AQ3826">
        <v>0</v>
      </c>
    </row>
    <row r="3827" spans="1:43">
      <c r="A3827" t="s">
        <v>2416</v>
      </c>
      <c r="B3827" t="s">
        <v>2417</v>
      </c>
      <c r="C3827" t="s">
        <v>2418</v>
      </c>
      <c r="D3827" t="s">
        <v>2419</v>
      </c>
      <c r="E3827" t="s">
        <v>2352</v>
      </c>
      <c r="F3827" t="s">
        <v>2353</v>
      </c>
      <c r="G3827" t="s">
        <v>80</v>
      </c>
      <c r="H3827" t="s">
        <v>81</v>
      </c>
      <c r="I3827" s="2">
        <v>0</v>
      </c>
      <c r="J3827" s="2">
        <v>0</v>
      </c>
      <c r="K3827" s="2">
        <v>1</v>
      </c>
      <c r="L3827" t="s">
        <v>995</v>
      </c>
      <c r="M3827" t="s">
        <v>87</v>
      </c>
      <c r="N3827" t="s">
        <v>88</v>
      </c>
      <c r="O3827" t="s">
        <v>85</v>
      </c>
      <c r="P3827" t="s">
        <v>86</v>
      </c>
      <c r="Q3827">
        <v>0</v>
      </c>
      <c r="R3827">
        <v>0</v>
      </c>
      <c r="S3827">
        <v>0</v>
      </c>
      <c r="T3827">
        <v>0</v>
      </c>
      <c r="U3827">
        <v>0</v>
      </c>
      <c r="V3827">
        <v>0</v>
      </c>
      <c r="W3827">
        <v>0</v>
      </c>
      <c r="X3827">
        <v>0</v>
      </c>
      <c r="Y3827">
        <v>0</v>
      </c>
      <c r="Z3827">
        <v>0</v>
      </c>
      <c r="AA3827">
        <v>0</v>
      </c>
      <c r="AB3827">
        <v>0</v>
      </c>
      <c r="AC3827">
        <v>0</v>
      </c>
      <c r="AD3827">
        <v>0</v>
      </c>
      <c r="AE3827">
        <v>0</v>
      </c>
      <c r="AF3827">
        <v>0</v>
      </c>
      <c r="AG3827">
        <v>0</v>
      </c>
      <c r="AH3827">
        <v>0</v>
      </c>
      <c r="AI3827">
        <v>0</v>
      </c>
      <c r="AJ3827">
        <v>0</v>
      </c>
      <c r="AK3827">
        <v>0</v>
      </c>
      <c r="AL3827">
        <v>0</v>
      </c>
      <c r="AM3827">
        <v>0</v>
      </c>
      <c r="AN3827">
        <v>0</v>
      </c>
      <c r="AO3827">
        <v>0</v>
      </c>
      <c r="AP3827">
        <v>0</v>
      </c>
      <c r="AQ3827">
        <v>0</v>
      </c>
    </row>
    <row r="3828" spans="1:43">
      <c r="A3828" t="s">
        <v>2416</v>
      </c>
      <c r="B3828" t="s">
        <v>2417</v>
      </c>
      <c r="C3828" t="s">
        <v>2418</v>
      </c>
      <c r="D3828" t="s">
        <v>2419</v>
      </c>
      <c r="E3828" t="s">
        <v>2352</v>
      </c>
      <c r="F3828" t="s">
        <v>2353</v>
      </c>
      <c r="G3828" t="s">
        <v>80</v>
      </c>
      <c r="H3828" t="s">
        <v>81</v>
      </c>
      <c r="I3828" s="2">
        <v>0</v>
      </c>
      <c r="J3828" s="2">
        <v>0</v>
      </c>
      <c r="K3828" s="2">
        <v>1</v>
      </c>
      <c r="L3828" t="s">
        <v>995</v>
      </c>
      <c r="M3828" t="s">
        <v>89</v>
      </c>
      <c r="N3828" t="s">
        <v>90</v>
      </c>
      <c r="O3828" t="s">
        <v>85</v>
      </c>
      <c r="P3828" t="s">
        <v>86</v>
      </c>
      <c r="Q3828">
        <v>0</v>
      </c>
      <c r="R3828">
        <v>0</v>
      </c>
      <c r="S3828">
        <v>0</v>
      </c>
      <c r="T3828">
        <v>0</v>
      </c>
      <c r="U3828">
        <v>0</v>
      </c>
      <c r="V3828">
        <v>0</v>
      </c>
      <c r="W3828">
        <v>0</v>
      </c>
      <c r="X3828">
        <v>0</v>
      </c>
      <c r="Y3828">
        <v>0</v>
      </c>
      <c r="Z3828">
        <v>0</v>
      </c>
      <c r="AA3828">
        <v>0</v>
      </c>
      <c r="AB3828">
        <v>0</v>
      </c>
      <c r="AC3828">
        <v>0</v>
      </c>
      <c r="AD3828">
        <v>0</v>
      </c>
      <c r="AE3828">
        <v>0</v>
      </c>
      <c r="AF3828">
        <v>0</v>
      </c>
      <c r="AG3828">
        <v>0</v>
      </c>
      <c r="AH3828">
        <v>0</v>
      </c>
      <c r="AI3828">
        <v>0</v>
      </c>
      <c r="AJ3828">
        <v>0</v>
      </c>
      <c r="AK3828">
        <v>0</v>
      </c>
      <c r="AL3828">
        <v>0</v>
      </c>
      <c r="AM3828">
        <v>0</v>
      </c>
      <c r="AN3828">
        <v>0</v>
      </c>
      <c r="AO3828">
        <v>0</v>
      </c>
      <c r="AP3828">
        <v>0</v>
      </c>
      <c r="AQ3828">
        <v>0</v>
      </c>
    </row>
    <row r="3829" spans="1:43">
      <c r="A3829" t="s">
        <v>2416</v>
      </c>
      <c r="B3829" t="s">
        <v>2417</v>
      </c>
      <c r="C3829" t="s">
        <v>2418</v>
      </c>
      <c r="D3829" t="s">
        <v>2419</v>
      </c>
      <c r="E3829" t="s">
        <v>2352</v>
      </c>
      <c r="F3829" t="s">
        <v>2353</v>
      </c>
      <c r="G3829" t="s">
        <v>80</v>
      </c>
      <c r="H3829" t="s">
        <v>81</v>
      </c>
      <c r="I3829" s="2">
        <v>0</v>
      </c>
      <c r="J3829" s="2">
        <v>0</v>
      </c>
      <c r="K3829" s="2">
        <v>1</v>
      </c>
      <c r="L3829" t="s">
        <v>995</v>
      </c>
      <c r="M3829" t="s">
        <v>83</v>
      </c>
      <c r="N3829" t="s">
        <v>91</v>
      </c>
      <c r="O3829" t="s">
        <v>85</v>
      </c>
      <c r="P3829" t="s">
        <v>86</v>
      </c>
      <c r="Q3829">
        <v>0</v>
      </c>
      <c r="R3829">
        <v>0</v>
      </c>
      <c r="S3829">
        <v>0</v>
      </c>
      <c r="T3829">
        <v>0</v>
      </c>
      <c r="U3829">
        <v>0</v>
      </c>
      <c r="V3829">
        <v>0</v>
      </c>
      <c r="W3829">
        <v>0</v>
      </c>
      <c r="X3829">
        <v>0</v>
      </c>
      <c r="Y3829">
        <v>0</v>
      </c>
      <c r="Z3829">
        <v>0</v>
      </c>
      <c r="AA3829">
        <v>0</v>
      </c>
      <c r="AB3829">
        <v>0</v>
      </c>
      <c r="AC3829">
        <v>0</v>
      </c>
      <c r="AD3829">
        <v>0</v>
      </c>
      <c r="AE3829">
        <v>0</v>
      </c>
      <c r="AF3829">
        <v>0</v>
      </c>
      <c r="AG3829">
        <v>0</v>
      </c>
      <c r="AH3829">
        <v>0</v>
      </c>
      <c r="AI3829">
        <v>0</v>
      </c>
      <c r="AJ3829">
        <v>0</v>
      </c>
      <c r="AK3829">
        <v>0</v>
      </c>
      <c r="AL3829">
        <v>0</v>
      </c>
      <c r="AM3829">
        <v>0</v>
      </c>
      <c r="AN3829">
        <v>0</v>
      </c>
      <c r="AO3829">
        <v>0</v>
      </c>
      <c r="AP3829">
        <v>0</v>
      </c>
      <c r="AQ3829">
        <v>0</v>
      </c>
    </row>
    <row r="3830" spans="1:43">
      <c r="A3830" t="s">
        <v>2420</v>
      </c>
      <c r="B3830" t="s">
        <v>2421</v>
      </c>
      <c r="C3830" t="s">
        <v>2400</v>
      </c>
      <c r="D3830" t="s">
        <v>2401</v>
      </c>
      <c r="E3830" t="s">
        <v>2352</v>
      </c>
      <c r="F3830" t="s">
        <v>2353</v>
      </c>
      <c r="G3830" t="s">
        <v>80</v>
      </c>
      <c r="H3830" t="s">
        <v>81</v>
      </c>
      <c r="I3830" s="2">
        <v>0</v>
      </c>
      <c r="J3830" s="2">
        <v>0</v>
      </c>
      <c r="K3830" s="2">
        <v>1</v>
      </c>
      <c r="L3830" t="s">
        <v>995</v>
      </c>
      <c r="M3830" t="s">
        <v>83</v>
      </c>
      <c r="N3830" t="s">
        <v>84</v>
      </c>
      <c r="O3830" t="s">
        <v>85</v>
      </c>
      <c r="P3830" t="s">
        <v>86</v>
      </c>
      <c r="Q3830">
        <v>18</v>
      </c>
      <c r="R3830">
        <v>18</v>
      </c>
      <c r="S3830">
        <v>18</v>
      </c>
      <c r="T3830">
        <v>18</v>
      </c>
      <c r="U3830">
        <v>18</v>
      </c>
      <c r="V3830">
        <v>18</v>
      </c>
      <c r="W3830">
        <v>18</v>
      </c>
      <c r="X3830">
        <v>18</v>
      </c>
      <c r="Y3830">
        <v>18</v>
      </c>
      <c r="Z3830">
        <v>18</v>
      </c>
      <c r="AA3830">
        <v>18</v>
      </c>
      <c r="AB3830">
        <v>18</v>
      </c>
      <c r="AC3830">
        <v>18</v>
      </c>
      <c r="AD3830">
        <v>18</v>
      </c>
      <c r="AE3830">
        <v>18</v>
      </c>
      <c r="AF3830">
        <v>18</v>
      </c>
      <c r="AG3830">
        <v>19</v>
      </c>
      <c r="AH3830">
        <v>19</v>
      </c>
      <c r="AI3830">
        <v>19</v>
      </c>
      <c r="AJ3830">
        <v>19</v>
      </c>
      <c r="AK3830">
        <v>19</v>
      </c>
      <c r="AL3830">
        <v>19</v>
      </c>
      <c r="AM3830">
        <v>18</v>
      </c>
      <c r="AN3830">
        <v>18</v>
      </c>
      <c r="AO3830">
        <v>18</v>
      </c>
      <c r="AP3830">
        <v>18</v>
      </c>
      <c r="AQ3830">
        <v>18</v>
      </c>
    </row>
    <row r="3831" spans="1:43">
      <c r="A3831" t="s">
        <v>2420</v>
      </c>
      <c r="B3831" t="s">
        <v>2421</v>
      </c>
      <c r="C3831" t="s">
        <v>2400</v>
      </c>
      <c r="D3831" t="s">
        <v>2401</v>
      </c>
      <c r="E3831" t="s">
        <v>2352</v>
      </c>
      <c r="F3831" t="s">
        <v>2353</v>
      </c>
      <c r="G3831" t="s">
        <v>80</v>
      </c>
      <c r="H3831" t="s">
        <v>81</v>
      </c>
      <c r="I3831" s="2">
        <v>0</v>
      </c>
      <c r="J3831" s="2">
        <v>0</v>
      </c>
      <c r="K3831" s="2">
        <v>1</v>
      </c>
      <c r="L3831" t="s">
        <v>995</v>
      </c>
      <c r="M3831" t="s">
        <v>87</v>
      </c>
      <c r="N3831" t="s">
        <v>88</v>
      </c>
      <c r="O3831" t="s">
        <v>85</v>
      </c>
      <c r="P3831" t="s">
        <v>86</v>
      </c>
      <c r="Q3831">
        <v>18</v>
      </c>
      <c r="R3831">
        <v>18</v>
      </c>
      <c r="S3831">
        <v>18</v>
      </c>
      <c r="T3831">
        <v>18</v>
      </c>
      <c r="U3831">
        <v>18</v>
      </c>
      <c r="V3831">
        <v>18</v>
      </c>
      <c r="W3831">
        <v>18</v>
      </c>
      <c r="X3831">
        <v>18</v>
      </c>
      <c r="Y3831">
        <v>18</v>
      </c>
      <c r="Z3831">
        <v>18</v>
      </c>
      <c r="AA3831">
        <v>18</v>
      </c>
      <c r="AB3831">
        <v>18</v>
      </c>
      <c r="AC3831">
        <v>18</v>
      </c>
      <c r="AD3831">
        <v>17</v>
      </c>
      <c r="AE3831">
        <v>17</v>
      </c>
      <c r="AF3831">
        <v>17</v>
      </c>
      <c r="AG3831">
        <v>17</v>
      </c>
      <c r="AH3831">
        <v>17</v>
      </c>
      <c r="AI3831">
        <v>17</v>
      </c>
      <c r="AJ3831">
        <v>17</v>
      </c>
      <c r="AK3831">
        <v>17</v>
      </c>
      <c r="AL3831">
        <v>17</v>
      </c>
      <c r="AM3831">
        <v>17</v>
      </c>
      <c r="AN3831">
        <v>17</v>
      </c>
      <c r="AO3831">
        <v>17</v>
      </c>
      <c r="AP3831">
        <v>17</v>
      </c>
      <c r="AQ3831">
        <v>17</v>
      </c>
    </row>
    <row r="3832" spans="1:43">
      <c r="A3832" t="s">
        <v>2420</v>
      </c>
      <c r="B3832" t="s">
        <v>2421</v>
      </c>
      <c r="C3832" t="s">
        <v>2400</v>
      </c>
      <c r="D3832" t="s">
        <v>2401</v>
      </c>
      <c r="E3832" t="s">
        <v>2352</v>
      </c>
      <c r="F3832" t="s">
        <v>2353</v>
      </c>
      <c r="G3832" t="s">
        <v>80</v>
      </c>
      <c r="H3832" t="s">
        <v>81</v>
      </c>
      <c r="I3832" s="2">
        <v>0</v>
      </c>
      <c r="J3832" s="2">
        <v>0</v>
      </c>
      <c r="K3832" s="2">
        <v>1</v>
      </c>
      <c r="L3832" t="s">
        <v>995</v>
      </c>
      <c r="M3832" t="s">
        <v>89</v>
      </c>
      <c r="N3832" t="s">
        <v>90</v>
      </c>
      <c r="O3832" t="s">
        <v>85</v>
      </c>
      <c r="P3832" t="s">
        <v>86</v>
      </c>
      <c r="Q3832">
        <v>18</v>
      </c>
      <c r="R3832">
        <v>18</v>
      </c>
      <c r="S3832">
        <v>18</v>
      </c>
      <c r="T3832">
        <v>18</v>
      </c>
      <c r="U3832">
        <v>19</v>
      </c>
      <c r="V3832">
        <v>19</v>
      </c>
      <c r="W3832">
        <v>19</v>
      </c>
      <c r="X3832">
        <v>19</v>
      </c>
      <c r="Y3832">
        <v>19</v>
      </c>
      <c r="Z3832">
        <v>19</v>
      </c>
      <c r="AA3832">
        <v>19</v>
      </c>
      <c r="AB3832">
        <v>20</v>
      </c>
      <c r="AC3832">
        <v>20</v>
      </c>
      <c r="AD3832">
        <v>20</v>
      </c>
      <c r="AE3832">
        <v>20</v>
      </c>
      <c r="AF3832">
        <v>20</v>
      </c>
      <c r="AG3832">
        <v>19</v>
      </c>
      <c r="AH3832">
        <v>19</v>
      </c>
      <c r="AI3832">
        <v>19</v>
      </c>
      <c r="AJ3832">
        <v>19</v>
      </c>
      <c r="AK3832">
        <v>19</v>
      </c>
      <c r="AL3832">
        <v>19</v>
      </c>
      <c r="AM3832">
        <v>19</v>
      </c>
      <c r="AN3832">
        <v>19</v>
      </c>
      <c r="AO3832">
        <v>18</v>
      </c>
      <c r="AP3832">
        <v>18</v>
      </c>
      <c r="AQ3832">
        <v>18</v>
      </c>
    </row>
    <row r="3833" spans="1:43">
      <c r="A3833" t="s">
        <v>2420</v>
      </c>
      <c r="B3833" t="s">
        <v>2421</v>
      </c>
      <c r="C3833" t="s">
        <v>2400</v>
      </c>
      <c r="D3833" t="s">
        <v>2401</v>
      </c>
      <c r="E3833" t="s">
        <v>2352</v>
      </c>
      <c r="F3833" t="s">
        <v>2353</v>
      </c>
      <c r="G3833" t="s">
        <v>80</v>
      </c>
      <c r="H3833" t="s">
        <v>81</v>
      </c>
      <c r="I3833" s="2">
        <v>0</v>
      </c>
      <c r="J3833" s="2">
        <v>0</v>
      </c>
      <c r="K3833" s="2">
        <v>1</v>
      </c>
      <c r="L3833" t="s">
        <v>995</v>
      </c>
      <c r="M3833" t="s">
        <v>83</v>
      </c>
      <c r="N3833" t="s">
        <v>91</v>
      </c>
      <c r="O3833" t="s">
        <v>85</v>
      </c>
      <c r="P3833" t="s">
        <v>86</v>
      </c>
      <c r="Q3833">
        <v>18</v>
      </c>
      <c r="R3833">
        <v>18</v>
      </c>
      <c r="S3833">
        <v>18</v>
      </c>
      <c r="T3833">
        <v>18</v>
      </c>
      <c r="U3833">
        <v>18</v>
      </c>
      <c r="V3833">
        <v>18</v>
      </c>
      <c r="W3833">
        <v>18</v>
      </c>
      <c r="X3833">
        <v>18</v>
      </c>
      <c r="Y3833">
        <v>18</v>
      </c>
      <c r="Z3833">
        <v>18</v>
      </c>
      <c r="AA3833">
        <v>18</v>
      </c>
      <c r="AB3833">
        <v>18</v>
      </c>
      <c r="AC3833">
        <v>18</v>
      </c>
      <c r="AD3833">
        <v>18</v>
      </c>
      <c r="AE3833">
        <v>18</v>
      </c>
      <c r="AF3833">
        <v>18</v>
      </c>
      <c r="AG3833">
        <v>19</v>
      </c>
      <c r="AH3833">
        <v>19</v>
      </c>
      <c r="AI3833">
        <v>19</v>
      </c>
      <c r="AJ3833">
        <v>19</v>
      </c>
      <c r="AK3833">
        <v>19</v>
      </c>
      <c r="AL3833">
        <v>19</v>
      </c>
      <c r="AM3833">
        <v>18</v>
      </c>
      <c r="AN3833">
        <v>18</v>
      </c>
      <c r="AO3833">
        <v>18</v>
      </c>
      <c r="AP3833">
        <v>18</v>
      </c>
      <c r="AQ3833">
        <v>18</v>
      </c>
    </row>
    <row r="3834" spans="1:43">
      <c r="A3834" t="s">
        <v>2422</v>
      </c>
      <c r="B3834" t="s">
        <v>2423</v>
      </c>
      <c r="C3834" t="s">
        <v>2410</v>
      </c>
      <c r="D3834" t="s">
        <v>2411</v>
      </c>
      <c r="E3834" t="s">
        <v>2352</v>
      </c>
      <c r="F3834" t="s">
        <v>2353</v>
      </c>
      <c r="G3834" t="s">
        <v>80</v>
      </c>
      <c r="H3834" t="s">
        <v>81</v>
      </c>
      <c r="I3834" s="2">
        <v>0</v>
      </c>
      <c r="J3834" s="2">
        <v>0</v>
      </c>
      <c r="K3834" s="2">
        <v>1</v>
      </c>
      <c r="L3834" t="s">
        <v>995</v>
      </c>
      <c r="M3834" t="s">
        <v>83</v>
      </c>
      <c r="N3834" t="s">
        <v>84</v>
      </c>
      <c r="O3834" t="s">
        <v>85</v>
      </c>
      <c r="P3834" t="s">
        <v>86</v>
      </c>
      <c r="Q3834">
        <v>35</v>
      </c>
      <c r="R3834">
        <v>35</v>
      </c>
      <c r="S3834">
        <v>35</v>
      </c>
      <c r="T3834">
        <v>35</v>
      </c>
      <c r="U3834">
        <v>36</v>
      </c>
      <c r="V3834">
        <v>36</v>
      </c>
      <c r="W3834">
        <v>36</v>
      </c>
      <c r="X3834">
        <v>36</v>
      </c>
      <c r="Y3834">
        <v>36</v>
      </c>
      <c r="Z3834">
        <v>36</v>
      </c>
      <c r="AA3834">
        <v>36</v>
      </c>
      <c r="AB3834">
        <v>36</v>
      </c>
      <c r="AC3834">
        <v>36</v>
      </c>
      <c r="AD3834">
        <v>36</v>
      </c>
      <c r="AE3834">
        <v>37</v>
      </c>
      <c r="AF3834">
        <v>37</v>
      </c>
      <c r="AG3834">
        <v>37</v>
      </c>
      <c r="AH3834">
        <v>37</v>
      </c>
      <c r="AI3834">
        <v>37</v>
      </c>
      <c r="AJ3834">
        <v>37</v>
      </c>
      <c r="AK3834">
        <v>37</v>
      </c>
      <c r="AL3834">
        <v>37</v>
      </c>
      <c r="AM3834">
        <v>36</v>
      </c>
      <c r="AN3834">
        <v>36</v>
      </c>
      <c r="AO3834">
        <v>36</v>
      </c>
      <c r="AP3834">
        <v>36</v>
      </c>
      <c r="AQ3834">
        <v>35</v>
      </c>
    </row>
    <row r="3835" spans="1:43">
      <c r="A3835" t="s">
        <v>2422</v>
      </c>
      <c r="B3835" t="s">
        <v>2423</v>
      </c>
      <c r="C3835" t="s">
        <v>2410</v>
      </c>
      <c r="D3835" t="s">
        <v>2411</v>
      </c>
      <c r="E3835" t="s">
        <v>2352</v>
      </c>
      <c r="F3835" t="s">
        <v>2353</v>
      </c>
      <c r="G3835" t="s">
        <v>80</v>
      </c>
      <c r="H3835" t="s">
        <v>81</v>
      </c>
      <c r="I3835" s="2">
        <v>0</v>
      </c>
      <c r="J3835" s="2">
        <v>0</v>
      </c>
      <c r="K3835" s="2">
        <v>1</v>
      </c>
      <c r="L3835" t="s">
        <v>995</v>
      </c>
      <c r="M3835" t="s">
        <v>87</v>
      </c>
      <c r="N3835" t="s">
        <v>88</v>
      </c>
      <c r="O3835" t="s">
        <v>85</v>
      </c>
      <c r="P3835" t="s">
        <v>86</v>
      </c>
      <c r="Q3835">
        <v>35</v>
      </c>
      <c r="R3835">
        <v>34</v>
      </c>
      <c r="S3835">
        <v>34</v>
      </c>
      <c r="T3835">
        <v>34</v>
      </c>
      <c r="U3835">
        <v>34</v>
      </c>
      <c r="V3835">
        <v>34</v>
      </c>
      <c r="W3835">
        <v>34</v>
      </c>
      <c r="X3835">
        <v>33</v>
      </c>
      <c r="Y3835">
        <v>33</v>
      </c>
      <c r="Z3835">
        <v>33</v>
      </c>
      <c r="AA3835">
        <v>33</v>
      </c>
      <c r="AB3835">
        <v>33</v>
      </c>
      <c r="AC3835">
        <v>33</v>
      </c>
      <c r="AD3835">
        <v>33</v>
      </c>
      <c r="AE3835">
        <v>32</v>
      </c>
      <c r="AF3835">
        <v>32</v>
      </c>
      <c r="AG3835">
        <v>32</v>
      </c>
      <c r="AH3835">
        <v>32</v>
      </c>
      <c r="AI3835">
        <v>32</v>
      </c>
      <c r="AJ3835">
        <v>32</v>
      </c>
      <c r="AK3835">
        <v>32</v>
      </c>
      <c r="AL3835">
        <v>31</v>
      </c>
      <c r="AM3835">
        <v>31</v>
      </c>
      <c r="AN3835">
        <v>31</v>
      </c>
      <c r="AO3835">
        <v>31</v>
      </c>
      <c r="AP3835">
        <v>31</v>
      </c>
      <c r="AQ3835">
        <v>31</v>
      </c>
    </row>
    <row r="3836" spans="1:43">
      <c r="A3836" t="s">
        <v>2422</v>
      </c>
      <c r="B3836" t="s">
        <v>2423</v>
      </c>
      <c r="C3836" t="s">
        <v>2410</v>
      </c>
      <c r="D3836" t="s">
        <v>2411</v>
      </c>
      <c r="E3836" t="s">
        <v>2352</v>
      </c>
      <c r="F3836" t="s">
        <v>2353</v>
      </c>
      <c r="G3836" t="s">
        <v>80</v>
      </c>
      <c r="H3836" t="s">
        <v>81</v>
      </c>
      <c r="I3836" s="2">
        <v>0</v>
      </c>
      <c r="J3836" s="2">
        <v>0</v>
      </c>
      <c r="K3836" s="2">
        <v>1</v>
      </c>
      <c r="L3836" t="s">
        <v>995</v>
      </c>
      <c r="M3836" t="s">
        <v>89</v>
      </c>
      <c r="N3836" t="s">
        <v>90</v>
      </c>
      <c r="O3836" t="s">
        <v>85</v>
      </c>
      <c r="P3836" t="s">
        <v>86</v>
      </c>
      <c r="Q3836">
        <v>35</v>
      </c>
      <c r="R3836">
        <v>36</v>
      </c>
      <c r="S3836">
        <v>36</v>
      </c>
      <c r="T3836">
        <v>37</v>
      </c>
      <c r="U3836">
        <v>37</v>
      </c>
      <c r="V3836">
        <v>37</v>
      </c>
      <c r="W3836">
        <v>38</v>
      </c>
      <c r="X3836">
        <v>38</v>
      </c>
      <c r="Y3836">
        <v>38</v>
      </c>
      <c r="Z3836">
        <v>38</v>
      </c>
      <c r="AA3836">
        <v>39</v>
      </c>
      <c r="AB3836">
        <v>39</v>
      </c>
      <c r="AC3836">
        <v>39</v>
      </c>
      <c r="AD3836">
        <v>39</v>
      </c>
      <c r="AE3836">
        <v>39</v>
      </c>
      <c r="AF3836">
        <v>39</v>
      </c>
      <c r="AG3836">
        <v>38</v>
      </c>
      <c r="AH3836">
        <v>38</v>
      </c>
      <c r="AI3836">
        <v>38</v>
      </c>
      <c r="AJ3836">
        <v>38</v>
      </c>
      <c r="AK3836">
        <v>37</v>
      </c>
      <c r="AL3836">
        <v>37</v>
      </c>
      <c r="AM3836">
        <v>37</v>
      </c>
      <c r="AN3836">
        <v>37</v>
      </c>
      <c r="AO3836">
        <v>36</v>
      </c>
      <c r="AP3836">
        <v>36</v>
      </c>
      <c r="AQ3836">
        <v>36</v>
      </c>
    </row>
    <row r="3837" spans="1:43">
      <c r="A3837" t="s">
        <v>2422</v>
      </c>
      <c r="B3837" t="s">
        <v>2423</v>
      </c>
      <c r="C3837" t="s">
        <v>2410</v>
      </c>
      <c r="D3837" t="s">
        <v>2411</v>
      </c>
      <c r="E3837" t="s">
        <v>2352</v>
      </c>
      <c r="F3837" t="s">
        <v>2353</v>
      </c>
      <c r="G3837" t="s">
        <v>80</v>
      </c>
      <c r="H3837" t="s">
        <v>81</v>
      </c>
      <c r="I3837" s="2">
        <v>0</v>
      </c>
      <c r="J3837" s="2">
        <v>0</v>
      </c>
      <c r="K3837" s="2">
        <v>1</v>
      </c>
      <c r="L3837" t="s">
        <v>995</v>
      </c>
      <c r="M3837" t="s">
        <v>83</v>
      </c>
      <c r="N3837" t="s">
        <v>91</v>
      </c>
      <c r="O3837" t="s">
        <v>85</v>
      </c>
      <c r="P3837" t="s">
        <v>86</v>
      </c>
      <c r="Q3837">
        <v>35</v>
      </c>
      <c r="R3837">
        <v>35</v>
      </c>
      <c r="S3837">
        <v>35</v>
      </c>
      <c r="T3837">
        <v>35</v>
      </c>
      <c r="U3837">
        <v>36</v>
      </c>
      <c r="V3837">
        <v>36</v>
      </c>
      <c r="W3837">
        <v>36</v>
      </c>
      <c r="X3837">
        <v>36</v>
      </c>
      <c r="Y3837">
        <v>36</v>
      </c>
      <c r="Z3837">
        <v>36</v>
      </c>
      <c r="AA3837">
        <v>36</v>
      </c>
      <c r="AB3837">
        <v>36</v>
      </c>
      <c r="AC3837">
        <v>36</v>
      </c>
      <c r="AD3837">
        <v>36</v>
      </c>
      <c r="AE3837">
        <v>37</v>
      </c>
      <c r="AF3837">
        <v>37</v>
      </c>
      <c r="AG3837">
        <v>37</v>
      </c>
      <c r="AH3837">
        <v>37</v>
      </c>
      <c r="AI3837">
        <v>37</v>
      </c>
      <c r="AJ3837">
        <v>37</v>
      </c>
      <c r="AK3837">
        <v>37</v>
      </c>
      <c r="AL3837">
        <v>37</v>
      </c>
      <c r="AM3837">
        <v>36</v>
      </c>
      <c r="AN3837">
        <v>36</v>
      </c>
      <c r="AO3837">
        <v>36</v>
      </c>
      <c r="AP3837">
        <v>36</v>
      </c>
      <c r="AQ3837">
        <v>35</v>
      </c>
    </row>
    <row r="3838" spans="1:43">
      <c r="A3838" t="s">
        <v>2424</v>
      </c>
      <c r="B3838" t="s">
        <v>2425</v>
      </c>
      <c r="C3838" t="s">
        <v>2426</v>
      </c>
      <c r="D3838" t="s">
        <v>2427</v>
      </c>
      <c r="E3838" t="s">
        <v>2352</v>
      </c>
      <c r="F3838" t="s">
        <v>2353</v>
      </c>
      <c r="G3838" t="s">
        <v>80</v>
      </c>
      <c r="H3838" t="s">
        <v>81</v>
      </c>
      <c r="I3838" s="2">
        <v>0</v>
      </c>
      <c r="J3838" s="2">
        <v>0</v>
      </c>
      <c r="K3838" s="2">
        <v>1</v>
      </c>
      <c r="L3838" t="s">
        <v>995</v>
      </c>
      <c r="M3838" t="s">
        <v>83</v>
      </c>
      <c r="N3838" t="s">
        <v>84</v>
      </c>
      <c r="O3838" t="s">
        <v>85</v>
      </c>
      <c r="P3838" t="s">
        <v>86</v>
      </c>
      <c r="Q3838">
        <v>16</v>
      </c>
      <c r="R3838">
        <v>16</v>
      </c>
      <c r="S3838">
        <v>16</v>
      </c>
      <c r="T3838">
        <v>16</v>
      </c>
      <c r="U3838">
        <v>16</v>
      </c>
      <c r="V3838">
        <v>16</v>
      </c>
      <c r="W3838">
        <v>16</v>
      </c>
      <c r="X3838">
        <v>16</v>
      </c>
      <c r="Y3838">
        <v>16</v>
      </c>
      <c r="Z3838">
        <v>17</v>
      </c>
      <c r="AA3838">
        <v>17</v>
      </c>
      <c r="AB3838">
        <v>17</v>
      </c>
      <c r="AC3838">
        <v>17</v>
      </c>
      <c r="AD3838">
        <v>17</v>
      </c>
      <c r="AE3838">
        <v>17</v>
      </c>
      <c r="AF3838">
        <v>17</v>
      </c>
      <c r="AG3838">
        <v>17</v>
      </c>
      <c r="AH3838">
        <v>17</v>
      </c>
      <c r="AI3838">
        <v>17</v>
      </c>
      <c r="AJ3838">
        <v>17</v>
      </c>
      <c r="AK3838">
        <v>17</v>
      </c>
      <c r="AL3838">
        <v>17</v>
      </c>
      <c r="AM3838">
        <v>17</v>
      </c>
      <c r="AN3838">
        <v>16</v>
      </c>
      <c r="AO3838">
        <v>16</v>
      </c>
      <c r="AP3838">
        <v>16</v>
      </c>
      <c r="AQ3838">
        <v>16</v>
      </c>
    </row>
    <row r="3839" spans="1:43">
      <c r="A3839" t="s">
        <v>2424</v>
      </c>
      <c r="B3839" t="s">
        <v>2425</v>
      </c>
      <c r="C3839" t="s">
        <v>2426</v>
      </c>
      <c r="D3839" t="s">
        <v>2427</v>
      </c>
      <c r="E3839" t="s">
        <v>2352</v>
      </c>
      <c r="F3839" t="s">
        <v>2353</v>
      </c>
      <c r="G3839" t="s">
        <v>80</v>
      </c>
      <c r="H3839" t="s">
        <v>81</v>
      </c>
      <c r="I3839" s="2">
        <v>0</v>
      </c>
      <c r="J3839" s="2">
        <v>0</v>
      </c>
      <c r="K3839" s="2">
        <v>1</v>
      </c>
      <c r="L3839" t="s">
        <v>995</v>
      </c>
      <c r="M3839" t="s">
        <v>87</v>
      </c>
      <c r="N3839" t="s">
        <v>88</v>
      </c>
      <c r="O3839" t="s">
        <v>85</v>
      </c>
      <c r="P3839" t="s">
        <v>86</v>
      </c>
      <c r="Q3839">
        <v>16</v>
      </c>
      <c r="R3839">
        <v>16</v>
      </c>
      <c r="S3839">
        <v>16</v>
      </c>
      <c r="T3839">
        <v>16</v>
      </c>
      <c r="U3839">
        <v>15</v>
      </c>
      <c r="V3839">
        <v>15</v>
      </c>
      <c r="W3839">
        <v>15</v>
      </c>
      <c r="X3839">
        <v>15</v>
      </c>
      <c r="Y3839">
        <v>15</v>
      </c>
      <c r="Z3839">
        <v>15</v>
      </c>
      <c r="AA3839">
        <v>15</v>
      </c>
      <c r="AB3839">
        <v>15</v>
      </c>
      <c r="AC3839">
        <v>15</v>
      </c>
      <c r="AD3839">
        <v>15</v>
      </c>
      <c r="AE3839">
        <v>15</v>
      </c>
      <c r="AF3839">
        <v>15</v>
      </c>
      <c r="AG3839">
        <v>15</v>
      </c>
      <c r="AH3839">
        <v>15</v>
      </c>
      <c r="AI3839">
        <v>15</v>
      </c>
      <c r="AJ3839">
        <v>14</v>
      </c>
      <c r="AK3839">
        <v>14</v>
      </c>
      <c r="AL3839">
        <v>14</v>
      </c>
      <c r="AM3839">
        <v>14</v>
      </c>
      <c r="AN3839">
        <v>14</v>
      </c>
      <c r="AO3839">
        <v>14</v>
      </c>
      <c r="AP3839">
        <v>14</v>
      </c>
      <c r="AQ3839">
        <v>14</v>
      </c>
    </row>
    <row r="3840" spans="1:43">
      <c r="A3840" t="s">
        <v>2424</v>
      </c>
      <c r="B3840" t="s">
        <v>2425</v>
      </c>
      <c r="C3840" t="s">
        <v>2426</v>
      </c>
      <c r="D3840" t="s">
        <v>2427</v>
      </c>
      <c r="E3840" t="s">
        <v>2352</v>
      </c>
      <c r="F3840" t="s">
        <v>2353</v>
      </c>
      <c r="G3840" t="s">
        <v>80</v>
      </c>
      <c r="H3840" t="s">
        <v>81</v>
      </c>
      <c r="I3840" s="2">
        <v>0</v>
      </c>
      <c r="J3840" s="2">
        <v>0</v>
      </c>
      <c r="K3840" s="2">
        <v>1</v>
      </c>
      <c r="L3840" t="s">
        <v>995</v>
      </c>
      <c r="M3840" t="s">
        <v>89</v>
      </c>
      <c r="N3840" t="s">
        <v>90</v>
      </c>
      <c r="O3840" t="s">
        <v>85</v>
      </c>
      <c r="P3840" t="s">
        <v>86</v>
      </c>
      <c r="Q3840">
        <v>16</v>
      </c>
      <c r="R3840">
        <v>16</v>
      </c>
      <c r="S3840">
        <v>16</v>
      </c>
      <c r="T3840">
        <v>17</v>
      </c>
      <c r="U3840">
        <v>17</v>
      </c>
      <c r="V3840">
        <v>17</v>
      </c>
      <c r="W3840">
        <v>17</v>
      </c>
      <c r="X3840">
        <v>17</v>
      </c>
      <c r="Y3840">
        <v>17</v>
      </c>
      <c r="Z3840">
        <v>17</v>
      </c>
      <c r="AA3840">
        <v>18</v>
      </c>
      <c r="AB3840">
        <v>18</v>
      </c>
      <c r="AC3840">
        <v>18</v>
      </c>
      <c r="AD3840">
        <v>18</v>
      </c>
      <c r="AE3840">
        <v>18</v>
      </c>
      <c r="AF3840">
        <v>18</v>
      </c>
      <c r="AG3840">
        <v>18</v>
      </c>
      <c r="AH3840">
        <v>17</v>
      </c>
      <c r="AI3840">
        <v>17</v>
      </c>
      <c r="AJ3840">
        <v>17</v>
      </c>
      <c r="AK3840">
        <v>17</v>
      </c>
      <c r="AL3840">
        <v>17</v>
      </c>
      <c r="AM3840">
        <v>17</v>
      </c>
      <c r="AN3840">
        <v>17</v>
      </c>
      <c r="AO3840">
        <v>17</v>
      </c>
      <c r="AP3840">
        <v>16</v>
      </c>
      <c r="AQ3840">
        <v>16</v>
      </c>
    </row>
    <row r="3841" spans="1:43">
      <c r="A3841" t="s">
        <v>2424</v>
      </c>
      <c r="B3841" t="s">
        <v>2425</v>
      </c>
      <c r="C3841" t="s">
        <v>2426</v>
      </c>
      <c r="D3841" t="s">
        <v>2427</v>
      </c>
      <c r="E3841" t="s">
        <v>2352</v>
      </c>
      <c r="F3841" t="s">
        <v>2353</v>
      </c>
      <c r="G3841" t="s">
        <v>80</v>
      </c>
      <c r="H3841" t="s">
        <v>81</v>
      </c>
      <c r="I3841" s="2">
        <v>0</v>
      </c>
      <c r="J3841" s="2">
        <v>0</v>
      </c>
      <c r="K3841" s="2">
        <v>1</v>
      </c>
      <c r="L3841" t="s">
        <v>995</v>
      </c>
      <c r="M3841" t="s">
        <v>83</v>
      </c>
      <c r="N3841" t="s">
        <v>91</v>
      </c>
      <c r="O3841" t="s">
        <v>85</v>
      </c>
      <c r="P3841" t="s">
        <v>86</v>
      </c>
      <c r="Q3841">
        <v>16</v>
      </c>
      <c r="R3841">
        <v>16</v>
      </c>
      <c r="S3841">
        <v>16</v>
      </c>
      <c r="T3841">
        <v>16</v>
      </c>
      <c r="U3841">
        <v>16</v>
      </c>
      <c r="V3841">
        <v>16</v>
      </c>
      <c r="W3841">
        <v>16</v>
      </c>
      <c r="X3841">
        <v>16</v>
      </c>
      <c r="Y3841">
        <v>16</v>
      </c>
      <c r="Z3841">
        <v>17</v>
      </c>
      <c r="AA3841">
        <v>17</v>
      </c>
      <c r="AB3841">
        <v>17</v>
      </c>
      <c r="AC3841">
        <v>17</v>
      </c>
      <c r="AD3841">
        <v>17</v>
      </c>
      <c r="AE3841">
        <v>17</v>
      </c>
      <c r="AF3841">
        <v>17</v>
      </c>
      <c r="AG3841">
        <v>17</v>
      </c>
      <c r="AH3841">
        <v>17</v>
      </c>
      <c r="AI3841">
        <v>17</v>
      </c>
      <c r="AJ3841">
        <v>17</v>
      </c>
      <c r="AK3841">
        <v>17</v>
      </c>
      <c r="AL3841">
        <v>17</v>
      </c>
      <c r="AM3841">
        <v>17</v>
      </c>
      <c r="AN3841">
        <v>16</v>
      </c>
      <c r="AO3841">
        <v>16</v>
      </c>
      <c r="AP3841">
        <v>16</v>
      </c>
      <c r="AQ3841">
        <v>16</v>
      </c>
    </row>
    <row r="3842" spans="1:43">
      <c r="A3842" t="s">
        <v>2428</v>
      </c>
      <c r="B3842" t="s">
        <v>2429</v>
      </c>
      <c r="C3842" t="s">
        <v>2430</v>
      </c>
      <c r="D3842" t="s">
        <v>2431</v>
      </c>
      <c r="E3842" t="s">
        <v>2352</v>
      </c>
      <c r="F3842" t="s">
        <v>2353</v>
      </c>
      <c r="G3842" t="s">
        <v>80</v>
      </c>
      <c r="H3842" t="s">
        <v>81</v>
      </c>
      <c r="I3842" s="2">
        <v>0</v>
      </c>
      <c r="J3842" s="2">
        <v>0</v>
      </c>
      <c r="K3842" s="2">
        <v>1</v>
      </c>
      <c r="L3842" t="s">
        <v>995</v>
      </c>
      <c r="M3842" t="s">
        <v>83</v>
      </c>
      <c r="N3842" t="s">
        <v>84</v>
      </c>
      <c r="O3842" t="s">
        <v>85</v>
      </c>
      <c r="P3842" t="s">
        <v>86</v>
      </c>
      <c r="Q3842">
        <v>7</v>
      </c>
      <c r="R3842">
        <v>7</v>
      </c>
      <c r="S3842">
        <v>7</v>
      </c>
      <c r="T3842">
        <v>8</v>
      </c>
      <c r="U3842">
        <v>8</v>
      </c>
      <c r="V3842">
        <v>8</v>
      </c>
      <c r="W3842">
        <v>8</v>
      </c>
      <c r="X3842">
        <v>8</v>
      </c>
      <c r="Y3842">
        <v>8</v>
      </c>
      <c r="Z3842">
        <v>8</v>
      </c>
      <c r="AA3842">
        <v>8</v>
      </c>
      <c r="AB3842">
        <v>8</v>
      </c>
      <c r="AC3842">
        <v>8</v>
      </c>
      <c r="AD3842">
        <v>8</v>
      </c>
      <c r="AE3842">
        <v>8</v>
      </c>
      <c r="AF3842">
        <v>8</v>
      </c>
      <c r="AG3842">
        <v>8</v>
      </c>
      <c r="AH3842">
        <v>8</v>
      </c>
      <c r="AI3842">
        <v>8</v>
      </c>
      <c r="AJ3842">
        <v>8</v>
      </c>
      <c r="AK3842">
        <v>8</v>
      </c>
      <c r="AL3842">
        <v>8</v>
      </c>
      <c r="AM3842">
        <v>8</v>
      </c>
      <c r="AN3842">
        <v>8</v>
      </c>
      <c r="AO3842">
        <v>8</v>
      </c>
      <c r="AP3842">
        <v>8</v>
      </c>
      <c r="AQ3842">
        <v>8</v>
      </c>
    </row>
    <row r="3843" spans="1:43">
      <c r="A3843" t="s">
        <v>2428</v>
      </c>
      <c r="B3843" t="s">
        <v>2429</v>
      </c>
      <c r="C3843" t="s">
        <v>2430</v>
      </c>
      <c r="D3843" t="s">
        <v>2431</v>
      </c>
      <c r="E3843" t="s">
        <v>2352</v>
      </c>
      <c r="F3843" t="s">
        <v>2353</v>
      </c>
      <c r="G3843" t="s">
        <v>80</v>
      </c>
      <c r="H3843" t="s">
        <v>81</v>
      </c>
      <c r="I3843" s="2">
        <v>0</v>
      </c>
      <c r="J3843" s="2">
        <v>0</v>
      </c>
      <c r="K3843" s="2">
        <v>1</v>
      </c>
      <c r="L3843" t="s">
        <v>995</v>
      </c>
      <c r="M3843" t="s">
        <v>87</v>
      </c>
      <c r="N3843" t="s">
        <v>88</v>
      </c>
      <c r="O3843" t="s">
        <v>85</v>
      </c>
      <c r="P3843" t="s">
        <v>86</v>
      </c>
      <c r="Q3843">
        <v>7</v>
      </c>
      <c r="R3843">
        <v>7</v>
      </c>
      <c r="S3843">
        <v>7</v>
      </c>
      <c r="T3843">
        <v>7</v>
      </c>
      <c r="U3843">
        <v>7</v>
      </c>
      <c r="V3843">
        <v>7</v>
      </c>
      <c r="W3843">
        <v>7</v>
      </c>
      <c r="X3843">
        <v>7</v>
      </c>
      <c r="Y3843">
        <v>7</v>
      </c>
      <c r="Z3843">
        <v>7</v>
      </c>
      <c r="AA3843">
        <v>7</v>
      </c>
      <c r="AB3843">
        <v>7</v>
      </c>
      <c r="AC3843">
        <v>7</v>
      </c>
      <c r="AD3843">
        <v>7</v>
      </c>
      <c r="AE3843">
        <v>7</v>
      </c>
      <c r="AF3843">
        <v>7</v>
      </c>
      <c r="AG3843">
        <v>7</v>
      </c>
      <c r="AH3843">
        <v>7</v>
      </c>
      <c r="AI3843">
        <v>7</v>
      </c>
      <c r="AJ3843">
        <v>7</v>
      </c>
      <c r="AK3843">
        <v>7</v>
      </c>
      <c r="AL3843">
        <v>7</v>
      </c>
      <c r="AM3843">
        <v>7</v>
      </c>
      <c r="AN3843">
        <v>7</v>
      </c>
      <c r="AO3843">
        <v>7</v>
      </c>
      <c r="AP3843">
        <v>7</v>
      </c>
      <c r="AQ3843">
        <v>7</v>
      </c>
    </row>
    <row r="3844" spans="1:43">
      <c r="A3844" t="s">
        <v>2428</v>
      </c>
      <c r="B3844" t="s">
        <v>2429</v>
      </c>
      <c r="C3844" t="s">
        <v>2430</v>
      </c>
      <c r="D3844" t="s">
        <v>2431</v>
      </c>
      <c r="E3844" t="s">
        <v>2352</v>
      </c>
      <c r="F3844" t="s">
        <v>2353</v>
      </c>
      <c r="G3844" t="s">
        <v>80</v>
      </c>
      <c r="H3844" t="s">
        <v>81</v>
      </c>
      <c r="I3844" s="2">
        <v>0</v>
      </c>
      <c r="J3844" s="2">
        <v>0</v>
      </c>
      <c r="K3844" s="2">
        <v>1</v>
      </c>
      <c r="L3844" t="s">
        <v>995</v>
      </c>
      <c r="M3844" t="s">
        <v>89</v>
      </c>
      <c r="N3844" t="s">
        <v>90</v>
      </c>
      <c r="O3844" t="s">
        <v>85</v>
      </c>
      <c r="P3844" t="s">
        <v>86</v>
      </c>
      <c r="Q3844">
        <v>7</v>
      </c>
      <c r="R3844">
        <v>8</v>
      </c>
      <c r="S3844">
        <v>8</v>
      </c>
      <c r="T3844">
        <v>8</v>
      </c>
      <c r="U3844">
        <v>8</v>
      </c>
      <c r="V3844">
        <v>8</v>
      </c>
      <c r="W3844">
        <v>8</v>
      </c>
      <c r="X3844">
        <v>8</v>
      </c>
      <c r="Y3844">
        <v>8</v>
      </c>
      <c r="Z3844">
        <v>8</v>
      </c>
      <c r="AA3844">
        <v>8</v>
      </c>
      <c r="AB3844">
        <v>8</v>
      </c>
      <c r="AC3844">
        <v>8</v>
      </c>
      <c r="AD3844">
        <v>8</v>
      </c>
      <c r="AE3844">
        <v>8</v>
      </c>
      <c r="AF3844">
        <v>8</v>
      </c>
      <c r="AG3844">
        <v>8</v>
      </c>
      <c r="AH3844">
        <v>8</v>
      </c>
      <c r="AI3844">
        <v>8</v>
      </c>
      <c r="AJ3844">
        <v>8</v>
      </c>
      <c r="AK3844">
        <v>8</v>
      </c>
      <c r="AL3844">
        <v>8</v>
      </c>
      <c r="AM3844">
        <v>8</v>
      </c>
      <c r="AN3844">
        <v>8</v>
      </c>
      <c r="AO3844">
        <v>8</v>
      </c>
      <c r="AP3844">
        <v>8</v>
      </c>
      <c r="AQ3844">
        <v>8</v>
      </c>
    </row>
    <row r="3845" spans="1:43">
      <c r="A3845" t="s">
        <v>2428</v>
      </c>
      <c r="B3845" t="s">
        <v>2429</v>
      </c>
      <c r="C3845" t="s">
        <v>2430</v>
      </c>
      <c r="D3845" t="s">
        <v>2431</v>
      </c>
      <c r="E3845" t="s">
        <v>2352</v>
      </c>
      <c r="F3845" t="s">
        <v>2353</v>
      </c>
      <c r="G3845" t="s">
        <v>80</v>
      </c>
      <c r="H3845" t="s">
        <v>81</v>
      </c>
      <c r="I3845" s="2">
        <v>0</v>
      </c>
      <c r="J3845" s="2">
        <v>0</v>
      </c>
      <c r="K3845" s="2">
        <v>1</v>
      </c>
      <c r="L3845" t="s">
        <v>995</v>
      </c>
      <c r="M3845" t="s">
        <v>83</v>
      </c>
      <c r="N3845" t="s">
        <v>91</v>
      </c>
      <c r="O3845" t="s">
        <v>85</v>
      </c>
      <c r="P3845" t="s">
        <v>86</v>
      </c>
      <c r="Q3845">
        <v>7</v>
      </c>
      <c r="R3845">
        <v>7</v>
      </c>
      <c r="S3845">
        <v>7</v>
      </c>
      <c r="T3845">
        <v>8</v>
      </c>
      <c r="U3845">
        <v>8</v>
      </c>
      <c r="V3845">
        <v>8</v>
      </c>
      <c r="W3845">
        <v>8</v>
      </c>
      <c r="X3845">
        <v>8</v>
      </c>
      <c r="Y3845">
        <v>8</v>
      </c>
      <c r="Z3845">
        <v>8</v>
      </c>
      <c r="AA3845">
        <v>8</v>
      </c>
      <c r="AB3845">
        <v>8</v>
      </c>
      <c r="AC3845">
        <v>8</v>
      </c>
      <c r="AD3845">
        <v>8</v>
      </c>
      <c r="AE3845">
        <v>8</v>
      </c>
      <c r="AF3845">
        <v>8</v>
      </c>
      <c r="AG3845">
        <v>8</v>
      </c>
      <c r="AH3845">
        <v>8</v>
      </c>
      <c r="AI3845">
        <v>8</v>
      </c>
      <c r="AJ3845">
        <v>8</v>
      </c>
      <c r="AK3845">
        <v>8</v>
      </c>
      <c r="AL3845">
        <v>8</v>
      </c>
      <c r="AM3845">
        <v>8</v>
      </c>
      <c r="AN3845">
        <v>8</v>
      </c>
      <c r="AO3845">
        <v>8</v>
      </c>
      <c r="AP3845">
        <v>8</v>
      </c>
      <c r="AQ3845">
        <v>8</v>
      </c>
    </row>
    <row r="3846" spans="1:43">
      <c r="A3846" t="s">
        <v>2432</v>
      </c>
      <c r="B3846" t="s">
        <v>2433</v>
      </c>
      <c r="C3846" t="s">
        <v>2434</v>
      </c>
      <c r="D3846" t="s">
        <v>2435</v>
      </c>
      <c r="E3846" t="s">
        <v>2352</v>
      </c>
      <c r="F3846" t="s">
        <v>2353</v>
      </c>
      <c r="G3846" t="s">
        <v>80</v>
      </c>
      <c r="H3846" t="s">
        <v>81</v>
      </c>
      <c r="I3846" s="2">
        <v>0</v>
      </c>
      <c r="J3846" s="2">
        <v>0</v>
      </c>
      <c r="K3846" s="2">
        <v>1</v>
      </c>
      <c r="L3846" t="s">
        <v>995</v>
      </c>
      <c r="M3846" t="s">
        <v>83</v>
      </c>
      <c r="N3846" t="s">
        <v>84</v>
      </c>
      <c r="O3846" t="s">
        <v>85</v>
      </c>
      <c r="P3846" t="s">
        <v>86</v>
      </c>
      <c r="Q3846">
        <v>17</v>
      </c>
      <c r="R3846">
        <v>17</v>
      </c>
      <c r="S3846">
        <v>18</v>
      </c>
      <c r="T3846">
        <v>18</v>
      </c>
      <c r="U3846">
        <v>18</v>
      </c>
      <c r="V3846">
        <v>18</v>
      </c>
      <c r="W3846">
        <v>18</v>
      </c>
      <c r="X3846">
        <v>18</v>
      </c>
      <c r="Y3846">
        <v>18</v>
      </c>
      <c r="Z3846">
        <v>18</v>
      </c>
      <c r="AA3846">
        <v>18</v>
      </c>
      <c r="AB3846">
        <v>18</v>
      </c>
      <c r="AC3846">
        <v>18</v>
      </c>
      <c r="AD3846">
        <v>18</v>
      </c>
      <c r="AE3846">
        <v>18</v>
      </c>
      <c r="AF3846">
        <v>18</v>
      </c>
      <c r="AG3846">
        <v>18</v>
      </c>
      <c r="AH3846">
        <v>18</v>
      </c>
      <c r="AI3846">
        <v>18</v>
      </c>
      <c r="AJ3846">
        <v>18</v>
      </c>
      <c r="AK3846">
        <v>18</v>
      </c>
      <c r="AL3846">
        <v>18</v>
      </c>
      <c r="AM3846">
        <v>18</v>
      </c>
      <c r="AN3846">
        <v>18</v>
      </c>
      <c r="AO3846">
        <v>18</v>
      </c>
      <c r="AP3846">
        <v>18</v>
      </c>
      <c r="AQ3846">
        <v>18</v>
      </c>
    </row>
    <row r="3847" spans="1:43">
      <c r="A3847" t="s">
        <v>2432</v>
      </c>
      <c r="B3847" t="s">
        <v>2433</v>
      </c>
      <c r="C3847" t="s">
        <v>2434</v>
      </c>
      <c r="D3847" t="s">
        <v>2435</v>
      </c>
      <c r="E3847" t="s">
        <v>2352</v>
      </c>
      <c r="F3847" t="s">
        <v>2353</v>
      </c>
      <c r="G3847" t="s">
        <v>80</v>
      </c>
      <c r="H3847" t="s">
        <v>81</v>
      </c>
      <c r="I3847" s="2">
        <v>0</v>
      </c>
      <c r="J3847" s="2">
        <v>0</v>
      </c>
      <c r="K3847" s="2">
        <v>1</v>
      </c>
      <c r="L3847" t="s">
        <v>995</v>
      </c>
      <c r="M3847" t="s">
        <v>87</v>
      </c>
      <c r="N3847" t="s">
        <v>88</v>
      </c>
      <c r="O3847" t="s">
        <v>85</v>
      </c>
      <c r="P3847" t="s">
        <v>86</v>
      </c>
      <c r="Q3847">
        <v>17</v>
      </c>
      <c r="R3847">
        <v>17</v>
      </c>
      <c r="S3847">
        <v>17</v>
      </c>
      <c r="T3847">
        <v>17</v>
      </c>
      <c r="U3847">
        <v>17</v>
      </c>
      <c r="V3847">
        <v>17</v>
      </c>
      <c r="W3847">
        <v>17</v>
      </c>
      <c r="X3847">
        <v>17</v>
      </c>
      <c r="Y3847">
        <v>17</v>
      </c>
      <c r="Z3847">
        <v>16</v>
      </c>
      <c r="AA3847">
        <v>16</v>
      </c>
      <c r="AB3847">
        <v>16</v>
      </c>
      <c r="AC3847">
        <v>16</v>
      </c>
      <c r="AD3847">
        <v>16</v>
      </c>
      <c r="AE3847">
        <v>16</v>
      </c>
      <c r="AF3847">
        <v>16</v>
      </c>
      <c r="AG3847">
        <v>16</v>
      </c>
      <c r="AH3847">
        <v>16</v>
      </c>
      <c r="AI3847">
        <v>16</v>
      </c>
      <c r="AJ3847">
        <v>16</v>
      </c>
      <c r="AK3847">
        <v>16</v>
      </c>
      <c r="AL3847">
        <v>16</v>
      </c>
      <c r="AM3847">
        <v>16</v>
      </c>
      <c r="AN3847">
        <v>16</v>
      </c>
      <c r="AO3847">
        <v>15</v>
      </c>
      <c r="AP3847">
        <v>15</v>
      </c>
      <c r="AQ3847">
        <v>15</v>
      </c>
    </row>
    <row r="3848" spans="1:43">
      <c r="A3848" t="s">
        <v>2432</v>
      </c>
      <c r="B3848" t="s">
        <v>2433</v>
      </c>
      <c r="C3848" t="s">
        <v>2434</v>
      </c>
      <c r="D3848" t="s">
        <v>2435</v>
      </c>
      <c r="E3848" t="s">
        <v>2352</v>
      </c>
      <c r="F3848" t="s">
        <v>2353</v>
      </c>
      <c r="G3848" t="s">
        <v>80</v>
      </c>
      <c r="H3848" t="s">
        <v>81</v>
      </c>
      <c r="I3848" s="2">
        <v>0</v>
      </c>
      <c r="J3848" s="2">
        <v>0</v>
      </c>
      <c r="K3848" s="2">
        <v>1</v>
      </c>
      <c r="L3848" t="s">
        <v>995</v>
      </c>
      <c r="M3848" t="s">
        <v>89</v>
      </c>
      <c r="N3848" t="s">
        <v>90</v>
      </c>
      <c r="O3848" t="s">
        <v>85</v>
      </c>
      <c r="P3848" t="s">
        <v>86</v>
      </c>
      <c r="Q3848">
        <v>17</v>
      </c>
      <c r="R3848">
        <v>17</v>
      </c>
      <c r="S3848">
        <v>17</v>
      </c>
      <c r="T3848">
        <v>17</v>
      </c>
      <c r="U3848">
        <v>17</v>
      </c>
      <c r="V3848">
        <v>18</v>
      </c>
      <c r="W3848">
        <v>18</v>
      </c>
      <c r="X3848">
        <v>18</v>
      </c>
      <c r="Y3848">
        <v>18</v>
      </c>
      <c r="Z3848">
        <v>18</v>
      </c>
      <c r="AA3848">
        <v>18</v>
      </c>
      <c r="AB3848">
        <v>18</v>
      </c>
      <c r="AC3848">
        <v>18</v>
      </c>
      <c r="AD3848">
        <v>18</v>
      </c>
      <c r="AE3848">
        <v>18</v>
      </c>
      <c r="AF3848">
        <v>18</v>
      </c>
      <c r="AG3848">
        <v>18</v>
      </c>
      <c r="AH3848">
        <v>18</v>
      </c>
      <c r="AI3848">
        <v>18</v>
      </c>
      <c r="AJ3848">
        <v>18</v>
      </c>
      <c r="AK3848">
        <v>18</v>
      </c>
      <c r="AL3848">
        <v>18</v>
      </c>
      <c r="AM3848">
        <v>17</v>
      </c>
      <c r="AN3848">
        <v>17</v>
      </c>
      <c r="AO3848">
        <v>17</v>
      </c>
      <c r="AP3848">
        <v>17</v>
      </c>
      <c r="AQ3848">
        <v>17</v>
      </c>
    </row>
    <row r="3849" spans="1:43">
      <c r="A3849" t="s">
        <v>2432</v>
      </c>
      <c r="B3849" t="s">
        <v>2433</v>
      </c>
      <c r="C3849" t="s">
        <v>2434</v>
      </c>
      <c r="D3849" t="s">
        <v>2435</v>
      </c>
      <c r="E3849" t="s">
        <v>2352</v>
      </c>
      <c r="F3849" t="s">
        <v>2353</v>
      </c>
      <c r="G3849" t="s">
        <v>80</v>
      </c>
      <c r="H3849" t="s">
        <v>81</v>
      </c>
      <c r="I3849" s="2">
        <v>0</v>
      </c>
      <c r="J3849" s="2">
        <v>0</v>
      </c>
      <c r="K3849" s="2">
        <v>1</v>
      </c>
      <c r="L3849" t="s">
        <v>995</v>
      </c>
      <c r="M3849" t="s">
        <v>83</v>
      </c>
      <c r="N3849" t="s">
        <v>91</v>
      </c>
      <c r="O3849" t="s">
        <v>85</v>
      </c>
      <c r="P3849" t="s">
        <v>86</v>
      </c>
      <c r="Q3849">
        <v>17</v>
      </c>
      <c r="R3849">
        <v>17</v>
      </c>
      <c r="S3849">
        <v>18</v>
      </c>
      <c r="T3849">
        <v>18</v>
      </c>
      <c r="U3849">
        <v>18</v>
      </c>
      <c r="V3849">
        <v>18</v>
      </c>
      <c r="W3849">
        <v>18</v>
      </c>
      <c r="X3849">
        <v>18</v>
      </c>
      <c r="Y3849">
        <v>18</v>
      </c>
      <c r="Z3849">
        <v>18</v>
      </c>
      <c r="AA3849">
        <v>18</v>
      </c>
      <c r="AB3849">
        <v>18</v>
      </c>
      <c r="AC3849">
        <v>18</v>
      </c>
      <c r="AD3849">
        <v>18</v>
      </c>
      <c r="AE3849">
        <v>18</v>
      </c>
      <c r="AF3849">
        <v>18</v>
      </c>
      <c r="AG3849">
        <v>18</v>
      </c>
      <c r="AH3849">
        <v>18</v>
      </c>
      <c r="AI3849">
        <v>18</v>
      </c>
      <c r="AJ3849">
        <v>18</v>
      </c>
      <c r="AK3849">
        <v>18</v>
      </c>
      <c r="AL3849">
        <v>18</v>
      </c>
      <c r="AM3849">
        <v>18</v>
      </c>
      <c r="AN3849">
        <v>18</v>
      </c>
      <c r="AO3849">
        <v>18</v>
      </c>
      <c r="AP3849">
        <v>18</v>
      </c>
      <c r="AQ3849">
        <v>18</v>
      </c>
    </row>
    <row r="3850" spans="1:43">
      <c r="A3850" t="s">
        <v>2436</v>
      </c>
      <c r="B3850" t="s">
        <v>2437</v>
      </c>
      <c r="C3850" t="s">
        <v>2434</v>
      </c>
      <c r="D3850" t="s">
        <v>2435</v>
      </c>
      <c r="E3850" t="s">
        <v>2352</v>
      </c>
      <c r="F3850" t="s">
        <v>2353</v>
      </c>
      <c r="G3850" t="s">
        <v>80</v>
      </c>
      <c r="H3850" t="s">
        <v>81</v>
      </c>
      <c r="I3850" s="2">
        <v>0</v>
      </c>
      <c r="J3850" s="2">
        <v>0</v>
      </c>
      <c r="K3850" s="2">
        <v>1</v>
      </c>
      <c r="L3850" t="s">
        <v>995</v>
      </c>
      <c r="M3850" t="s">
        <v>83</v>
      </c>
      <c r="N3850" t="s">
        <v>84</v>
      </c>
      <c r="O3850" t="s">
        <v>85</v>
      </c>
      <c r="P3850" t="s">
        <v>86</v>
      </c>
      <c r="Q3850">
        <v>0</v>
      </c>
      <c r="R3850">
        <v>0</v>
      </c>
      <c r="S3850">
        <v>0</v>
      </c>
      <c r="T3850">
        <v>0</v>
      </c>
      <c r="U3850">
        <v>0</v>
      </c>
      <c r="V3850">
        <v>0</v>
      </c>
      <c r="W3850">
        <v>0</v>
      </c>
      <c r="X3850">
        <v>0</v>
      </c>
      <c r="Y3850">
        <v>0</v>
      </c>
      <c r="Z3850">
        <v>0</v>
      </c>
      <c r="AA3850">
        <v>0</v>
      </c>
      <c r="AB3850">
        <v>0</v>
      </c>
      <c r="AC3850">
        <v>0</v>
      </c>
      <c r="AD3850">
        <v>0</v>
      </c>
      <c r="AE3850">
        <v>0</v>
      </c>
      <c r="AF3850">
        <v>0</v>
      </c>
      <c r="AG3850">
        <v>0</v>
      </c>
      <c r="AH3850">
        <v>0</v>
      </c>
      <c r="AI3850">
        <v>0</v>
      </c>
      <c r="AJ3850">
        <v>0</v>
      </c>
      <c r="AK3850">
        <v>0</v>
      </c>
      <c r="AL3850">
        <v>0</v>
      </c>
      <c r="AM3850">
        <v>0</v>
      </c>
      <c r="AN3850">
        <v>0</v>
      </c>
      <c r="AO3850">
        <v>0</v>
      </c>
      <c r="AP3850">
        <v>0</v>
      </c>
      <c r="AQ3850">
        <v>0</v>
      </c>
    </row>
    <row r="3851" spans="1:43">
      <c r="A3851" t="s">
        <v>2436</v>
      </c>
      <c r="B3851" t="s">
        <v>2437</v>
      </c>
      <c r="C3851" t="s">
        <v>2434</v>
      </c>
      <c r="D3851" t="s">
        <v>2435</v>
      </c>
      <c r="E3851" t="s">
        <v>2352</v>
      </c>
      <c r="F3851" t="s">
        <v>2353</v>
      </c>
      <c r="G3851" t="s">
        <v>80</v>
      </c>
      <c r="H3851" t="s">
        <v>81</v>
      </c>
      <c r="I3851" s="2">
        <v>0</v>
      </c>
      <c r="J3851" s="2">
        <v>0</v>
      </c>
      <c r="K3851" s="2">
        <v>1</v>
      </c>
      <c r="L3851" t="s">
        <v>995</v>
      </c>
      <c r="M3851" t="s">
        <v>87</v>
      </c>
      <c r="N3851" t="s">
        <v>88</v>
      </c>
      <c r="O3851" t="s">
        <v>85</v>
      </c>
      <c r="P3851" t="s">
        <v>86</v>
      </c>
      <c r="Q3851">
        <v>0</v>
      </c>
      <c r="R3851">
        <v>0</v>
      </c>
      <c r="S3851">
        <v>0</v>
      </c>
      <c r="T3851">
        <v>0</v>
      </c>
      <c r="U3851">
        <v>0</v>
      </c>
      <c r="V3851">
        <v>0</v>
      </c>
      <c r="W3851">
        <v>0</v>
      </c>
      <c r="X3851">
        <v>0</v>
      </c>
      <c r="Y3851">
        <v>0</v>
      </c>
      <c r="Z3851">
        <v>0</v>
      </c>
      <c r="AA3851">
        <v>0</v>
      </c>
      <c r="AB3851">
        <v>0</v>
      </c>
      <c r="AC3851">
        <v>0</v>
      </c>
      <c r="AD3851">
        <v>0</v>
      </c>
      <c r="AE3851">
        <v>0</v>
      </c>
      <c r="AF3851">
        <v>0</v>
      </c>
      <c r="AG3851">
        <v>0</v>
      </c>
      <c r="AH3851">
        <v>0</v>
      </c>
      <c r="AI3851">
        <v>0</v>
      </c>
      <c r="AJ3851">
        <v>0</v>
      </c>
      <c r="AK3851">
        <v>0</v>
      </c>
      <c r="AL3851">
        <v>0</v>
      </c>
      <c r="AM3851">
        <v>0</v>
      </c>
      <c r="AN3851">
        <v>0</v>
      </c>
      <c r="AO3851">
        <v>0</v>
      </c>
      <c r="AP3851">
        <v>0</v>
      </c>
      <c r="AQ3851">
        <v>0</v>
      </c>
    </row>
    <row r="3852" spans="1:43">
      <c r="A3852" t="s">
        <v>2436</v>
      </c>
      <c r="B3852" t="s">
        <v>2437</v>
      </c>
      <c r="C3852" t="s">
        <v>2434</v>
      </c>
      <c r="D3852" t="s">
        <v>2435</v>
      </c>
      <c r="E3852" t="s">
        <v>2352</v>
      </c>
      <c r="F3852" t="s">
        <v>2353</v>
      </c>
      <c r="G3852" t="s">
        <v>80</v>
      </c>
      <c r="H3852" t="s">
        <v>81</v>
      </c>
      <c r="I3852" s="2">
        <v>0</v>
      </c>
      <c r="J3852" s="2">
        <v>0</v>
      </c>
      <c r="K3852" s="2">
        <v>1</v>
      </c>
      <c r="L3852" t="s">
        <v>995</v>
      </c>
      <c r="M3852" t="s">
        <v>89</v>
      </c>
      <c r="N3852" t="s">
        <v>90</v>
      </c>
      <c r="O3852" t="s">
        <v>85</v>
      </c>
      <c r="P3852" t="s">
        <v>86</v>
      </c>
      <c r="Q3852">
        <v>0</v>
      </c>
      <c r="R3852">
        <v>0</v>
      </c>
      <c r="S3852">
        <v>0</v>
      </c>
      <c r="T3852">
        <v>0</v>
      </c>
      <c r="U3852">
        <v>0</v>
      </c>
      <c r="V3852">
        <v>0</v>
      </c>
      <c r="W3852">
        <v>0</v>
      </c>
      <c r="X3852">
        <v>0</v>
      </c>
      <c r="Y3852">
        <v>0</v>
      </c>
      <c r="Z3852">
        <v>0</v>
      </c>
      <c r="AA3852">
        <v>0</v>
      </c>
      <c r="AB3852">
        <v>0</v>
      </c>
      <c r="AC3852">
        <v>0</v>
      </c>
      <c r="AD3852">
        <v>0</v>
      </c>
      <c r="AE3852">
        <v>0</v>
      </c>
      <c r="AF3852">
        <v>0</v>
      </c>
      <c r="AG3852">
        <v>0</v>
      </c>
      <c r="AH3852">
        <v>0</v>
      </c>
      <c r="AI3852">
        <v>0</v>
      </c>
      <c r="AJ3852">
        <v>0</v>
      </c>
      <c r="AK3852">
        <v>0</v>
      </c>
      <c r="AL3852">
        <v>0</v>
      </c>
      <c r="AM3852">
        <v>0</v>
      </c>
      <c r="AN3852">
        <v>0</v>
      </c>
      <c r="AO3852">
        <v>0</v>
      </c>
      <c r="AP3852">
        <v>0</v>
      </c>
      <c r="AQ3852">
        <v>0</v>
      </c>
    </row>
    <row r="3853" spans="1:43">
      <c r="A3853" t="s">
        <v>2436</v>
      </c>
      <c r="B3853" t="s">
        <v>2437</v>
      </c>
      <c r="C3853" t="s">
        <v>2434</v>
      </c>
      <c r="D3853" t="s">
        <v>2435</v>
      </c>
      <c r="E3853" t="s">
        <v>2352</v>
      </c>
      <c r="F3853" t="s">
        <v>2353</v>
      </c>
      <c r="G3853" t="s">
        <v>80</v>
      </c>
      <c r="H3853" t="s">
        <v>81</v>
      </c>
      <c r="I3853" s="2">
        <v>0</v>
      </c>
      <c r="J3853" s="2">
        <v>0</v>
      </c>
      <c r="K3853" s="2">
        <v>1</v>
      </c>
      <c r="L3853" t="s">
        <v>995</v>
      </c>
      <c r="M3853" t="s">
        <v>83</v>
      </c>
      <c r="N3853" t="s">
        <v>91</v>
      </c>
      <c r="O3853" t="s">
        <v>85</v>
      </c>
      <c r="P3853" t="s">
        <v>86</v>
      </c>
      <c r="Q3853">
        <v>0</v>
      </c>
      <c r="R3853">
        <v>0</v>
      </c>
      <c r="S3853">
        <v>0</v>
      </c>
      <c r="T3853">
        <v>0</v>
      </c>
      <c r="U3853">
        <v>0</v>
      </c>
      <c r="V3853">
        <v>0</v>
      </c>
      <c r="W3853">
        <v>0</v>
      </c>
      <c r="X3853">
        <v>0</v>
      </c>
      <c r="Y3853">
        <v>0</v>
      </c>
      <c r="Z3853">
        <v>0</v>
      </c>
      <c r="AA3853">
        <v>0</v>
      </c>
      <c r="AB3853">
        <v>0</v>
      </c>
      <c r="AC3853">
        <v>0</v>
      </c>
      <c r="AD3853">
        <v>0</v>
      </c>
      <c r="AE3853">
        <v>0</v>
      </c>
      <c r="AF3853">
        <v>0</v>
      </c>
      <c r="AG3853">
        <v>0</v>
      </c>
      <c r="AH3853">
        <v>0</v>
      </c>
      <c r="AI3853">
        <v>0</v>
      </c>
      <c r="AJ3853">
        <v>0</v>
      </c>
      <c r="AK3853">
        <v>0</v>
      </c>
      <c r="AL3853">
        <v>0</v>
      </c>
      <c r="AM3853">
        <v>0</v>
      </c>
      <c r="AN3853">
        <v>0</v>
      </c>
      <c r="AO3853">
        <v>0</v>
      </c>
      <c r="AP3853">
        <v>0</v>
      </c>
      <c r="AQ3853">
        <v>0</v>
      </c>
    </row>
    <row r="3854" spans="1:43">
      <c r="A3854" t="s">
        <v>2438</v>
      </c>
      <c r="B3854" t="s">
        <v>2439</v>
      </c>
      <c r="C3854" t="s">
        <v>2430</v>
      </c>
      <c r="D3854" t="s">
        <v>2431</v>
      </c>
      <c r="E3854" t="s">
        <v>2352</v>
      </c>
      <c r="F3854" t="s">
        <v>2353</v>
      </c>
      <c r="G3854" t="s">
        <v>80</v>
      </c>
      <c r="H3854" t="s">
        <v>81</v>
      </c>
      <c r="I3854" s="2">
        <v>0</v>
      </c>
      <c r="J3854" s="2">
        <v>0</v>
      </c>
      <c r="K3854" s="2">
        <v>1</v>
      </c>
      <c r="L3854" t="s">
        <v>995</v>
      </c>
      <c r="M3854" t="s">
        <v>83</v>
      </c>
      <c r="N3854" t="s">
        <v>84</v>
      </c>
      <c r="O3854" t="s">
        <v>85</v>
      </c>
      <c r="P3854" t="s">
        <v>86</v>
      </c>
      <c r="Q3854">
        <v>21</v>
      </c>
      <c r="R3854">
        <v>21</v>
      </c>
      <c r="S3854">
        <v>21</v>
      </c>
      <c r="T3854">
        <v>21</v>
      </c>
      <c r="U3854">
        <v>21</v>
      </c>
      <c r="V3854">
        <v>21</v>
      </c>
      <c r="W3854">
        <v>22</v>
      </c>
      <c r="X3854">
        <v>22</v>
      </c>
      <c r="Y3854">
        <v>22</v>
      </c>
      <c r="Z3854">
        <v>22</v>
      </c>
      <c r="AA3854">
        <v>22</v>
      </c>
      <c r="AB3854">
        <v>22</v>
      </c>
      <c r="AC3854">
        <v>22</v>
      </c>
      <c r="AD3854">
        <v>22</v>
      </c>
      <c r="AE3854">
        <v>22</v>
      </c>
      <c r="AF3854">
        <v>22</v>
      </c>
      <c r="AG3854">
        <v>22</v>
      </c>
      <c r="AH3854">
        <v>22</v>
      </c>
      <c r="AI3854">
        <v>22</v>
      </c>
      <c r="AJ3854">
        <v>22</v>
      </c>
      <c r="AK3854">
        <v>22</v>
      </c>
      <c r="AL3854">
        <v>22</v>
      </c>
      <c r="AM3854">
        <v>22</v>
      </c>
      <c r="AN3854">
        <v>22</v>
      </c>
      <c r="AO3854">
        <v>22</v>
      </c>
      <c r="AP3854">
        <v>22</v>
      </c>
      <c r="AQ3854">
        <v>21</v>
      </c>
    </row>
    <row r="3855" spans="1:43">
      <c r="A3855" t="s">
        <v>2438</v>
      </c>
      <c r="B3855" t="s">
        <v>2439</v>
      </c>
      <c r="C3855" t="s">
        <v>2430</v>
      </c>
      <c r="D3855" t="s">
        <v>2431</v>
      </c>
      <c r="E3855" t="s">
        <v>2352</v>
      </c>
      <c r="F3855" t="s">
        <v>2353</v>
      </c>
      <c r="G3855" t="s">
        <v>80</v>
      </c>
      <c r="H3855" t="s">
        <v>81</v>
      </c>
      <c r="I3855" s="2">
        <v>0</v>
      </c>
      <c r="J3855" s="2">
        <v>0</v>
      </c>
      <c r="K3855" s="2">
        <v>1</v>
      </c>
      <c r="L3855" t="s">
        <v>995</v>
      </c>
      <c r="M3855" t="s">
        <v>87</v>
      </c>
      <c r="N3855" t="s">
        <v>88</v>
      </c>
      <c r="O3855" t="s">
        <v>85</v>
      </c>
      <c r="P3855" t="s">
        <v>86</v>
      </c>
      <c r="Q3855">
        <v>21</v>
      </c>
      <c r="R3855">
        <v>21</v>
      </c>
      <c r="S3855">
        <v>21</v>
      </c>
      <c r="T3855">
        <v>21</v>
      </c>
      <c r="U3855">
        <v>20</v>
      </c>
      <c r="V3855">
        <v>20</v>
      </c>
      <c r="W3855">
        <v>20</v>
      </c>
      <c r="X3855">
        <v>20</v>
      </c>
      <c r="Y3855">
        <v>20</v>
      </c>
      <c r="Z3855">
        <v>20</v>
      </c>
      <c r="AA3855">
        <v>20</v>
      </c>
      <c r="AB3855">
        <v>20</v>
      </c>
      <c r="AC3855">
        <v>20</v>
      </c>
      <c r="AD3855">
        <v>20</v>
      </c>
      <c r="AE3855">
        <v>20</v>
      </c>
      <c r="AF3855">
        <v>19</v>
      </c>
      <c r="AG3855">
        <v>19</v>
      </c>
      <c r="AH3855">
        <v>19</v>
      </c>
      <c r="AI3855">
        <v>19</v>
      </c>
      <c r="AJ3855">
        <v>19</v>
      </c>
      <c r="AK3855">
        <v>19</v>
      </c>
      <c r="AL3855">
        <v>19</v>
      </c>
      <c r="AM3855">
        <v>19</v>
      </c>
      <c r="AN3855">
        <v>19</v>
      </c>
      <c r="AO3855">
        <v>19</v>
      </c>
      <c r="AP3855">
        <v>19</v>
      </c>
      <c r="AQ3855">
        <v>19</v>
      </c>
    </row>
    <row r="3856" spans="1:43">
      <c r="A3856" t="s">
        <v>2438</v>
      </c>
      <c r="B3856" t="s">
        <v>2439</v>
      </c>
      <c r="C3856" t="s">
        <v>2430</v>
      </c>
      <c r="D3856" t="s">
        <v>2431</v>
      </c>
      <c r="E3856" t="s">
        <v>2352</v>
      </c>
      <c r="F3856" t="s">
        <v>2353</v>
      </c>
      <c r="G3856" t="s">
        <v>80</v>
      </c>
      <c r="H3856" t="s">
        <v>81</v>
      </c>
      <c r="I3856" s="2">
        <v>0</v>
      </c>
      <c r="J3856" s="2">
        <v>0</v>
      </c>
      <c r="K3856" s="2">
        <v>1</v>
      </c>
      <c r="L3856" t="s">
        <v>995</v>
      </c>
      <c r="M3856" t="s">
        <v>89</v>
      </c>
      <c r="N3856" t="s">
        <v>90</v>
      </c>
      <c r="O3856" t="s">
        <v>85</v>
      </c>
      <c r="P3856" t="s">
        <v>86</v>
      </c>
      <c r="Q3856">
        <v>21</v>
      </c>
      <c r="R3856">
        <v>21</v>
      </c>
      <c r="S3856">
        <v>22</v>
      </c>
      <c r="T3856">
        <v>22</v>
      </c>
      <c r="U3856">
        <v>22</v>
      </c>
      <c r="V3856">
        <v>22</v>
      </c>
      <c r="W3856">
        <v>23</v>
      </c>
      <c r="X3856">
        <v>23</v>
      </c>
      <c r="Y3856">
        <v>23</v>
      </c>
      <c r="Z3856">
        <v>23</v>
      </c>
      <c r="AA3856">
        <v>23</v>
      </c>
      <c r="AB3856">
        <v>23</v>
      </c>
      <c r="AC3856">
        <v>23</v>
      </c>
      <c r="AD3856">
        <v>24</v>
      </c>
      <c r="AE3856">
        <v>24</v>
      </c>
      <c r="AF3856">
        <v>23</v>
      </c>
      <c r="AG3856">
        <v>23</v>
      </c>
      <c r="AH3856">
        <v>23</v>
      </c>
      <c r="AI3856">
        <v>23</v>
      </c>
      <c r="AJ3856">
        <v>23</v>
      </c>
      <c r="AK3856">
        <v>23</v>
      </c>
      <c r="AL3856">
        <v>22</v>
      </c>
      <c r="AM3856">
        <v>22</v>
      </c>
      <c r="AN3856">
        <v>22</v>
      </c>
      <c r="AO3856">
        <v>22</v>
      </c>
      <c r="AP3856">
        <v>22</v>
      </c>
      <c r="AQ3856">
        <v>22</v>
      </c>
    </row>
    <row r="3857" spans="1:43">
      <c r="A3857" t="s">
        <v>2438</v>
      </c>
      <c r="B3857" t="s">
        <v>2439</v>
      </c>
      <c r="C3857" t="s">
        <v>2430</v>
      </c>
      <c r="D3857" t="s">
        <v>2431</v>
      </c>
      <c r="E3857" t="s">
        <v>2352</v>
      </c>
      <c r="F3857" t="s">
        <v>2353</v>
      </c>
      <c r="G3857" t="s">
        <v>80</v>
      </c>
      <c r="H3857" t="s">
        <v>81</v>
      </c>
      <c r="I3857" s="2">
        <v>0</v>
      </c>
      <c r="J3857" s="2">
        <v>0</v>
      </c>
      <c r="K3857" s="2">
        <v>1</v>
      </c>
      <c r="L3857" t="s">
        <v>995</v>
      </c>
      <c r="M3857" t="s">
        <v>83</v>
      </c>
      <c r="N3857" t="s">
        <v>91</v>
      </c>
      <c r="O3857" t="s">
        <v>85</v>
      </c>
      <c r="P3857" t="s">
        <v>86</v>
      </c>
      <c r="Q3857">
        <v>21</v>
      </c>
      <c r="R3857">
        <v>21</v>
      </c>
      <c r="S3857">
        <v>21</v>
      </c>
      <c r="T3857">
        <v>21</v>
      </c>
      <c r="U3857">
        <v>21</v>
      </c>
      <c r="V3857">
        <v>21</v>
      </c>
      <c r="W3857">
        <v>22</v>
      </c>
      <c r="X3857">
        <v>22</v>
      </c>
      <c r="Y3857">
        <v>22</v>
      </c>
      <c r="Z3857">
        <v>22</v>
      </c>
      <c r="AA3857">
        <v>22</v>
      </c>
      <c r="AB3857">
        <v>22</v>
      </c>
      <c r="AC3857">
        <v>22</v>
      </c>
      <c r="AD3857">
        <v>22</v>
      </c>
      <c r="AE3857">
        <v>22</v>
      </c>
      <c r="AF3857">
        <v>22</v>
      </c>
      <c r="AG3857">
        <v>22</v>
      </c>
      <c r="AH3857">
        <v>22</v>
      </c>
      <c r="AI3857">
        <v>22</v>
      </c>
      <c r="AJ3857">
        <v>22</v>
      </c>
      <c r="AK3857">
        <v>22</v>
      </c>
      <c r="AL3857">
        <v>22</v>
      </c>
      <c r="AM3857">
        <v>22</v>
      </c>
      <c r="AN3857">
        <v>22</v>
      </c>
      <c r="AO3857">
        <v>22</v>
      </c>
      <c r="AP3857">
        <v>22</v>
      </c>
      <c r="AQ3857">
        <v>21</v>
      </c>
    </row>
    <row r="3858" spans="1:43">
      <c r="A3858" t="s">
        <v>2440</v>
      </c>
      <c r="B3858" t="s">
        <v>2441</v>
      </c>
      <c r="C3858" t="s">
        <v>2430</v>
      </c>
      <c r="D3858" t="s">
        <v>2431</v>
      </c>
      <c r="E3858" t="s">
        <v>2352</v>
      </c>
      <c r="F3858" t="s">
        <v>2353</v>
      </c>
      <c r="G3858" t="s">
        <v>80</v>
      </c>
      <c r="H3858" t="s">
        <v>81</v>
      </c>
      <c r="I3858" s="2">
        <v>0</v>
      </c>
      <c r="J3858" s="2">
        <v>0</v>
      </c>
      <c r="K3858" s="2">
        <v>1</v>
      </c>
      <c r="L3858" t="s">
        <v>995</v>
      </c>
      <c r="M3858" t="s">
        <v>83</v>
      </c>
      <c r="N3858" t="s">
        <v>84</v>
      </c>
      <c r="O3858" t="s">
        <v>85</v>
      </c>
      <c r="P3858" t="s">
        <v>86</v>
      </c>
      <c r="Q3858">
        <v>0</v>
      </c>
      <c r="R3858">
        <v>0</v>
      </c>
      <c r="S3858">
        <v>0</v>
      </c>
      <c r="T3858">
        <v>0</v>
      </c>
      <c r="U3858">
        <v>0</v>
      </c>
      <c r="V3858">
        <v>0</v>
      </c>
      <c r="W3858">
        <v>0</v>
      </c>
      <c r="X3858">
        <v>0</v>
      </c>
      <c r="Y3858">
        <v>0</v>
      </c>
      <c r="Z3858">
        <v>0</v>
      </c>
      <c r="AA3858">
        <v>0</v>
      </c>
      <c r="AB3858">
        <v>0</v>
      </c>
      <c r="AC3858">
        <v>0</v>
      </c>
      <c r="AD3858">
        <v>0</v>
      </c>
      <c r="AE3858">
        <v>0</v>
      </c>
      <c r="AF3858">
        <v>0</v>
      </c>
      <c r="AG3858">
        <v>0</v>
      </c>
      <c r="AH3858">
        <v>0</v>
      </c>
      <c r="AI3858">
        <v>0</v>
      </c>
      <c r="AJ3858">
        <v>0</v>
      </c>
      <c r="AK3858">
        <v>0</v>
      </c>
      <c r="AL3858">
        <v>0</v>
      </c>
      <c r="AM3858">
        <v>0</v>
      </c>
      <c r="AN3858">
        <v>0</v>
      </c>
      <c r="AO3858">
        <v>0</v>
      </c>
      <c r="AP3858">
        <v>0</v>
      </c>
      <c r="AQ3858">
        <v>0</v>
      </c>
    </row>
    <row r="3859" spans="1:43">
      <c r="A3859" t="s">
        <v>2440</v>
      </c>
      <c r="B3859" t="s">
        <v>2441</v>
      </c>
      <c r="C3859" t="s">
        <v>2430</v>
      </c>
      <c r="D3859" t="s">
        <v>2431</v>
      </c>
      <c r="E3859" t="s">
        <v>2352</v>
      </c>
      <c r="F3859" t="s">
        <v>2353</v>
      </c>
      <c r="G3859" t="s">
        <v>80</v>
      </c>
      <c r="H3859" t="s">
        <v>81</v>
      </c>
      <c r="I3859" s="2">
        <v>0</v>
      </c>
      <c r="J3859" s="2">
        <v>0</v>
      </c>
      <c r="K3859" s="2">
        <v>1</v>
      </c>
      <c r="L3859" t="s">
        <v>995</v>
      </c>
      <c r="M3859" t="s">
        <v>87</v>
      </c>
      <c r="N3859" t="s">
        <v>88</v>
      </c>
      <c r="O3859" t="s">
        <v>85</v>
      </c>
      <c r="P3859" t="s">
        <v>86</v>
      </c>
      <c r="Q3859">
        <v>0</v>
      </c>
      <c r="R3859">
        <v>0</v>
      </c>
      <c r="S3859">
        <v>0</v>
      </c>
      <c r="T3859">
        <v>0</v>
      </c>
      <c r="U3859">
        <v>0</v>
      </c>
      <c r="V3859">
        <v>0</v>
      </c>
      <c r="W3859">
        <v>0</v>
      </c>
      <c r="X3859">
        <v>0</v>
      </c>
      <c r="Y3859">
        <v>0</v>
      </c>
      <c r="Z3859">
        <v>0</v>
      </c>
      <c r="AA3859">
        <v>0</v>
      </c>
      <c r="AB3859">
        <v>0</v>
      </c>
      <c r="AC3859">
        <v>0</v>
      </c>
      <c r="AD3859">
        <v>0</v>
      </c>
      <c r="AE3859">
        <v>0</v>
      </c>
      <c r="AF3859">
        <v>0</v>
      </c>
      <c r="AG3859">
        <v>0</v>
      </c>
      <c r="AH3859">
        <v>0</v>
      </c>
      <c r="AI3859">
        <v>0</v>
      </c>
      <c r="AJ3859">
        <v>0</v>
      </c>
      <c r="AK3859">
        <v>0</v>
      </c>
      <c r="AL3859">
        <v>0</v>
      </c>
      <c r="AM3859">
        <v>0</v>
      </c>
      <c r="AN3859">
        <v>0</v>
      </c>
      <c r="AO3859">
        <v>0</v>
      </c>
      <c r="AP3859">
        <v>0</v>
      </c>
      <c r="AQ3859">
        <v>0</v>
      </c>
    </row>
    <row r="3860" spans="1:43">
      <c r="A3860" t="s">
        <v>2440</v>
      </c>
      <c r="B3860" t="s">
        <v>2441</v>
      </c>
      <c r="C3860" t="s">
        <v>2430</v>
      </c>
      <c r="D3860" t="s">
        <v>2431</v>
      </c>
      <c r="E3860" t="s">
        <v>2352</v>
      </c>
      <c r="F3860" t="s">
        <v>2353</v>
      </c>
      <c r="G3860" t="s">
        <v>80</v>
      </c>
      <c r="H3860" t="s">
        <v>81</v>
      </c>
      <c r="I3860" s="2">
        <v>0</v>
      </c>
      <c r="J3860" s="2">
        <v>0</v>
      </c>
      <c r="K3860" s="2">
        <v>1</v>
      </c>
      <c r="L3860" t="s">
        <v>995</v>
      </c>
      <c r="M3860" t="s">
        <v>89</v>
      </c>
      <c r="N3860" t="s">
        <v>90</v>
      </c>
      <c r="O3860" t="s">
        <v>85</v>
      </c>
      <c r="P3860" t="s">
        <v>86</v>
      </c>
      <c r="Q3860">
        <v>0</v>
      </c>
      <c r="R3860">
        <v>0</v>
      </c>
      <c r="S3860">
        <v>0</v>
      </c>
      <c r="T3860">
        <v>0</v>
      </c>
      <c r="U3860">
        <v>0</v>
      </c>
      <c r="V3860">
        <v>0</v>
      </c>
      <c r="W3860">
        <v>0</v>
      </c>
      <c r="X3860">
        <v>0</v>
      </c>
      <c r="Y3860">
        <v>0</v>
      </c>
      <c r="Z3860">
        <v>0</v>
      </c>
      <c r="AA3860">
        <v>0</v>
      </c>
      <c r="AB3860">
        <v>0</v>
      </c>
      <c r="AC3860">
        <v>0</v>
      </c>
      <c r="AD3860">
        <v>0</v>
      </c>
      <c r="AE3860">
        <v>0</v>
      </c>
      <c r="AF3860">
        <v>0</v>
      </c>
      <c r="AG3860">
        <v>0</v>
      </c>
      <c r="AH3860">
        <v>0</v>
      </c>
      <c r="AI3860">
        <v>0</v>
      </c>
      <c r="AJ3860">
        <v>0</v>
      </c>
      <c r="AK3860">
        <v>0</v>
      </c>
      <c r="AL3860">
        <v>0</v>
      </c>
      <c r="AM3860">
        <v>0</v>
      </c>
      <c r="AN3860">
        <v>0</v>
      </c>
      <c r="AO3860">
        <v>0</v>
      </c>
      <c r="AP3860">
        <v>0</v>
      </c>
      <c r="AQ3860">
        <v>0</v>
      </c>
    </row>
    <row r="3861" spans="1:43">
      <c r="A3861" t="s">
        <v>2440</v>
      </c>
      <c r="B3861" t="s">
        <v>2441</v>
      </c>
      <c r="C3861" t="s">
        <v>2430</v>
      </c>
      <c r="D3861" t="s">
        <v>2431</v>
      </c>
      <c r="E3861" t="s">
        <v>2352</v>
      </c>
      <c r="F3861" t="s">
        <v>2353</v>
      </c>
      <c r="G3861" t="s">
        <v>80</v>
      </c>
      <c r="H3861" t="s">
        <v>81</v>
      </c>
      <c r="I3861" s="2">
        <v>0</v>
      </c>
      <c r="J3861" s="2">
        <v>0</v>
      </c>
      <c r="K3861" s="2">
        <v>1</v>
      </c>
      <c r="L3861" t="s">
        <v>995</v>
      </c>
      <c r="M3861" t="s">
        <v>83</v>
      </c>
      <c r="N3861" t="s">
        <v>91</v>
      </c>
      <c r="O3861" t="s">
        <v>85</v>
      </c>
      <c r="P3861" t="s">
        <v>86</v>
      </c>
      <c r="Q3861">
        <v>0</v>
      </c>
      <c r="R3861">
        <v>0</v>
      </c>
      <c r="S3861">
        <v>0</v>
      </c>
      <c r="T3861">
        <v>0</v>
      </c>
      <c r="U3861">
        <v>0</v>
      </c>
      <c r="V3861">
        <v>0</v>
      </c>
      <c r="W3861">
        <v>0</v>
      </c>
      <c r="X3861">
        <v>0</v>
      </c>
      <c r="Y3861">
        <v>0</v>
      </c>
      <c r="Z3861">
        <v>0</v>
      </c>
      <c r="AA3861">
        <v>0</v>
      </c>
      <c r="AB3861">
        <v>0</v>
      </c>
      <c r="AC3861">
        <v>0</v>
      </c>
      <c r="AD3861">
        <v>0</v>
      </c>
      <c r="AE3861">
        <v>0</v>
      </c>
      <c r="AF3861">
        <v>0</v>
      </c>
      <c r="AG3861">
        <v>0</v>
      </c>
      <c r="AH3861">
        <v>0</v>
      </c>
      <c r="AI3861">
        <v>0</v>
      </c>
      <c r="AJ3861">
        <v>0</v>
      </c>
      <c r="AK3861">
        <v>0</v>
      </c>
      <c r="AL3861">
        <v>0</v>
      </c>
      <c r="AM3861">
        <v>0</v>
      </c>
      <c r="AN3861">
        <v>0</v>
      </c>
      <c r="AO3861">
        <v>0</v>
      </c>
      <c r="AP3861">
        <v>0</v>
      </c>
      <c r="AQ3861">
        <v>0</v>
      </c>
    </row>
    <row r="3862" spans="1:43">
      <c r="A3862" t="s">
        <v>2442</v>
      </c>
      <c r="B3862" t="s">
        <v>2443</v>
      </c>
      <c r="C3862" t="s">
        <v>2430</v>
      </c>
      <c r="D3862" t="s">
        <v>2431</v>
      </c>
      <c r="E3862" t="s">
        <v>2352</v>
      </c>
      <c r="F3862" t="s">
        <v>2353</v>
      </c>
      <c r="G3862" t="s">
        <v>80</v>
      </c>
      <c r="H3862" t="s">
        <v>81</v>
      </c>
      <c r="I3862" s="2">
        <v>0</v>
      </c>
      <c r="J3862" s="2">
        <v>0</v>
      </c>
      <c r="K3862" s="2">
        <v>1</v>
      </c>
      <c r="L3862" t="s">
        <v>995</v>
      </c>
      <c r="M3862" t="s">
        <v>83</v>
      </c>
      <c r="N3862" t="s">
        <v>84</v>
      </c>
      <c r="O3862" t="s">
        <v>85</v>
      </c>
      <c r="P3862" t="s">
        <v>86</v>
      </c>
      <c r="Q3862">
        <v>84</v>
      </c>
      <c r="R3862">
        <v>84</v>
      </c>
      <c r="S3862">
        <v>84</v>
      </c>
      <c r="T3862">
        <v>85</v>
      </c>
      <c r="U3862">
        <v>85</v>
      </c>
      <c r="V3862">
        <v>85</v>
      </c>
      <c r="W3862">
        <v>86</v>
      </c>
      <c r="X3862">
        <v>86</v>
      </c>
      <c r="Y3862">
        <v>86</v>
      </c>
      <c r="Z3862">
        <v>87</v>
      </c>
      <c r="AA3862">
        <v>87</v>
      </c>
      <c r="AB3862">
        <v>87</v>
      </c>
      <c r="AC3862">
        <v>87</v>
      </c>
      <c r="AD3862">
        <v>88</v>
      </c>
      <c r="AE3862">
        <v>88</v>
      </c>
      <c r="AF3862">
        <v>88</v>
      </c>
      <c r="AG3862">
        <v>88</v>
      </c>
      <c r="AH3862">
        <v>88</v>
      </c>
      <c r="AI3862">
        <v>88</v>
      </c>
      <c r="AJ3862">
        <v>89</v>
      </c>
      <c r="AK3862">
        <v>89</v>
      </c>
      <c r="AL3862">
        <v>88</v>
      </c>
      <c r="AM3862">
        <v>88</v>
      </c>
      <c r="AN3862">
        <v>87</v>
      </c>
      <c r="AO3862">
        <v>87</v>
      </c>
      <c r="AP3862">
        <v>86</v>
      </c>
      <c r="AQ3862">
        <v>86</v>
      </c>
    </row>
    <row r="3863" spans="1:43">
      <c r="A3863" t="s">
        <v>2442</v>
      </c>
      <c r="B3863" t="s">
        <v>2443</v>
      </c>
      <c r="C3863" t="s">
        <v>2430</v>
      </c>
      <c r="D3863" t="s">
        <v>2431</v>
      </c>
      <c r="E3863" t="s">
        <v>2352</v>
      </c>
      <c r="F3863" t="s">
        <v>2353</v>
      </c>
      <c r="G3863" t="s">
        <v>80</v>
      </c>
      <c r="H3863" t="s">
        <v>81</v>
      </c>
      <c r="I3863" s="2">
        <v>0</v>
      </c>
      <c r="J3863" s="2">
        <v>0</v>
      </c>
      <c r="K3863" s="2">
        <v>1</v>
      </c>
      <c r="L3863" t="s">
        <v>995</v>
      </c>
      <c r="M3863" t="s">
        <v>87</v>
      </c>
      <c r="N3863" t="s">
        <v>88</v>
      </c>
      <c r="O3863" t="s">
        <v>85</v>
      </c>
      <c r="P3863" t="s">
        <v>86</v>
      </c>
      <c r="Q3863">
        <v>84</v>
      </c>
      <c r="R3863">
        <v>84</v>
      </c>
      <c r="S3863">
        <v>83</v>
      </c>
      <c r="T3863">
        <v>83</v>
      </c>
      <c r="U3863">
        <v>82</v>
      </c>
      <c r="V3863">
        <v>82</v>
      </c>
      <c r="W3863">
        <v>82</v>
      </c>
      <c r="X3863">
        <v>81</v>
      </c>
      <c r="Y3863">
        <v>81</v>
      </c>
      <c r="Z3863">
        <v>80</v>
      </c>
      <c r="AA3863">
        <v>80</v>
      </c>
      <c r="AB3863">
        <v>80</v>
      </c>
      <c r="AC3863">
        <v>79</v>
      </c>
      <c r="AD3863">
        <v>79</v>
      </c>
      <c r="AE3863">
        <v>79</v>
      </c>
      <c r="AF3863">
        <v>78</v>
      </c>
      <c r="AG3863">
        <v>78</v>
      </c>
      <c r="AH3863">
        <v>78</v>
      </c>
      <c r="AI3863">
        <v>77</v>
      </c>
      <c r="AJ3863">
        <v>77</v>
      </c>
      <c r="AK3863">
        <v>77</v>
      </c>
      <c r="AL3863">
        <v>76</v>
      </c>
      <c r="AM3863">
        <v>76</v>
      </c>
      <c r="AN3863">
        <v>76</v>
      </c>
      <c r="AO3863">
        <v>75</v>
      </c>
      <c r="AP3863">
        <v>75</v>
      </c>
      <c r="AQ3863">
        <v>75</v>
      </c>
    </row>
    <row r="3864" spans="1:43">
      <c r="A3864" t="s">
        <v>2442</v>
      </c>
      <c r="B3864" t="s">
        <v>2443</v>
      </c>
      <c r="C3864" t="s">
        <v>2430</v>
      </c>
      <c r="D3864" t="s">
        <v>2431</v>
      </c>
      <c r="E3864" t="s">
        <v>2352</v>
      </c>
      <c r="F3864" t="s">
        <v>2353</v>
      </c>
      <c r="G3864" t="s">
        <v>80</v>
      </c>
      <c r="H3864" t="s">
        <v>81</v>
      </c>
      <c r="I3864" s="2">
        <v>0</v>
      </c>
      <c r="J3864" s="2">
        <v>0</v>
      </c>
      <c r="K3864" s="2">
        <v>1</v>
      </c>
      <c r="L3864" t="s">
        <v>995</v>
      </c>
      <c r="M3864" t="s">
        <v>89</v>
      </c>
      <c r="N3864" t="s">
        <v>90</v>
      </c>
      <c r="O3864" t="s">
        <v>85</v>
      </c>
      <c r="P3864" t="s">
        <v>86</v>
      </c>
      <c r="Q3864">
        <v>84</v>
      </c>
      <c r="R3864">
        <v>85</v>
      </c>
      <c r="S3864">
        <v>86</v>
      </c>
      <c r="T3864">
        <v>87</v>
      </c>
      <c r="U3864">
        <v>88</v>
      </c>
      <c r="V3864">
        <v>88</v>
      </c>
      <c r="W3864">
        <v>89</v>
      </c>
      <c r="X3864">
        <v>90</v>
      </c>
      <c r="Y3864">
        <v>91</v>
      </c>
      <c r="Z3864">
        <v>91</v>
      </c>
      <c r="AA3864">
        <v>92</v>
      </c>
      <c r="AB3864">
        <v>92</v>
      </c>
      <c r="AC3864">
        <v>93</v>
      </c>
      <c r="AD3864">
        <v>93</v>
      </c>
      <c r="AE3864">
        <v>93</v>
      </c>
      <c r="AF3864">
        <v>92</v>
      </c>
      <c r="AG3864">
        <v>92</v>
      </c>
      <c r="AH3864">
        <v>91</v>
      </c>
      <c r="AI3864">
        <v>90</v>
      </c>
      <c r="AJ3864">
        <v>90</v>
      </c>
      <c r="AK3864">
        <v>89</v>
      </c>
      <c r="AL3864">
        <v>89</v>
      </c>
      <c r="AM3864">
        <v>88</v>
      </c>
      <c r="AN3864">
        <v>88</v>
      </c>
      <c r="AO3864">
        <v>87</v>
      </c>
      <c r="AP3864">
        <v>86</v>
      </c>
      <c r="AQ3864">
        <v>86</v>
      </c>
    </row>
    <row r="3865" spans="1:43">
      <c r="A3865" t="s">
        <v>2442</v>
      </c>
      <c r="B3865" t="s">
        <v>2443</v>
      </c>
      <c r="C3865" t="s">
        <v>2430</v>
      </c>
      <c r="D3865" t="s">
        <v>2431</v>
      </c>
      <c r="E3865" t="s">
        <v>2352</v>
      </c>
      <c r="F3865" t="s">
        <v>2353</v>
      </c>
      <c r="G3865" t="s">
        <v>80</v>
      </c>
      <c r="H3865" t="s">
        <v>81</v>
      </c>
      <c r="I3865" s="2">
        <v>0</v>
      </c>
      <c r="J3865" s="2">
        <v>0</v>
      </c>
      <c r="K3865" s="2">
        <v>1</v>
      </c>
      <c r="L3865" t="s">
        <v>995</v>
      </c>
      <c r="M3865" t="s">
        <v>83</v>
      </c>
      <c r="N3865" t="s">
        <v>91</v>
      </c>
      <c r="O3865" t="s">
        <v>85</v>
      </c>
      <c r="P3865" t="s">
        <v>86</v>
      </c>
      <c r="Q3865">
        <v>84</v>
      </c>
      <c r="R3865">
        <v>84</v>
      </c>
      <c r="S3865">
        <v>84</v>
      </c>
      <c r="T3865">
        <v>85</v>
      </c>
      <c r="U3865">
        <v>85</v>
      </c>
      <c r="V3865">
        <v>85</v>
      </c>
      <c r="W3865">
        <v>86</v>
      </c>
      <c r="X3865">
        <v>86</v>
      </c>
      <c r="Y3865">
        <v>86</v>
      </c>
      <c r="Z3865">
        <v>87</v>
      </c>
      <c r="AA3865">
        <v>87</v>
      </c>
      <c r="AB3865">
        <v>87</v>
      </c>
      <c r="AC3865">
        <v>87</v>
      </c>
      <c r="AD3865">
        <v>88</v>
      </c>
      <c r="AE3865">
        <v>88</v>
      </c>
      <c r="AF3865">
        <v>88</v>
      </c>
      <c r="AG3865">
        <v>88</v>
      </c>
      <c r="AH3865">
        <v>88</v>
      </c>
      <c r="AI3865">
        <v>88</v>
      </c>
      <c r="AJ3865">
        <v>89</v>
      </c>
      <c r="AK3865">
        <v>89</v>
      </c>
      <c r="AL3865">
        <v>88</v>
      </c>
      <c r="AM3865">
        <v>88</v>
      </c>
      <c r="AN3865">
        <v>87</v>
      </c>
      <c r="AO3865">
        <v>87</v>
      </c>
      <c r="AP3865">
        <v>86</v>
      </c>
      <c r="AQ3865">
        <v>86</v>
      </c>
    </row>
    <row r="3866" spans="1:43">
      <c r="A3866" t="s">
        <v>2444</v>
      </c>
      <c r="B3866" t="s">
        <v>2445</v>
      </c>
      <c r="C3866" t="s">
        <v>2430</v>
      </c>
      <c r="D3866" t="s">
        <v>2431</v>
      </c>
      <c r="E3866" t="s">
        <v>2352</v>
      </c>
      <c r="F3866" t="s">
        <v>2353</v>
      </c>
      <c r="G3866" t="s">
        <v>80</v>
      </c>
      <c r="H3866" t="s">
        <v>81</v>
      </c>
      <c r="I3866" s="2">
        <v>0</v>
      </c>
      <c r="J3866" s="2">
        <v>0</v>
      </c>
      <c r="K3866" s="2">
        <v>1</v>
      </c>
      <c r="L3866" t="s">
        <v>995</v>
      </c>
      <c r="M3866" t="s">
        <v>83</v>
      </c>
      <c r="N3866" t="s">
        <v>84</v>
      </c>
      <c r="O3866" t="s">
        <v>85</v>
      </c>
      <c r="P3866" t="s">
        <v>86</v>
      </c>
      <c r="Q3866">
        <v>107</v>
      </c>
      <c r="R3866">
        <v>107</v>
      </c>
      <c r="S3866">
        <v>107</v>
      </c>
      <c r="T3866">
        <v>108</v>
      </c>
      <c r="U3866">
        <v>108</v>
      </c>
      <c r="V3866">
        <v>109</v>
      </c>
      <c r="W3866">
        <v>109</v>
      </c>
      <c r="X3866">
        <v>109</v>
      </c>
      <c r="Y3866">
        <v>110</v>
      </c>
      <c r="Z3866">
        <v>110</v>
      </c>
      <c r="AA3866">
        <v>110</v>
      </c>
      <c r="AB3866">
        <v>111</v>
      </c>
      <c r="AC3866">
        <v>111</v>
      </c>
      <c r="AD3866">
        <v>111</v>
      </c>
      <c r="AE3866">
        <v>111</v>
      </c>
      <c r="AF3866">
        <v>111</v>
      </c>
      <c r="AG3866">
        <v>111</v>
      </c>
      <c r="AH3866">
        <v>111</v>
      </c>
      <c r="AI3866">
        <v>112</v>
      </c>
      <c r="AJ3866">
        <v>112</v>
      </c>
      <c r="AK3866">
        <v>112</v>
      </c>
      <c r="AL3866">
        <v>111</v>
      </c>
      <c r="AM3866">
        <v>110</v>
      </c>
      <c r="AN3866">
        <v>110</v>
      </c>
      <c r="AO3866">
        <v>109</v>
      </c>
      <c r="AP3866">
        <v>108</v>
      </c>
      <c r="AQ3866">
        <v>107</v>
      </c>
    </row>
    <row r="3867" spans="1:43">
      <c r="A3867" t="s">
        <v>2444</v>
      </c>
      <c r="B3867" t="s">
        <v>2445</v>
      </c>
      <c r="C3867" t="s">
        <v>2430</v>
      </c>
      <c r="D3867" t="s">
        <v>2431</v>
      </c>
      <c r="E3867" t="s">
        <v>2352</v>
      </c>
      <c r="F3867" t="s">
        <v>2353</v>
      </c>
      <c r="G3867" t="s">
        <v>80</v>
      </c>
      <c r="H3867" t="s">
        <v>81</v>
      </c>
      <c r="I3867" s="2">
        <v>0</v>
      </c>
      <c r="J3867" s="2">
        <v>0</v>
      </c>
      <c r="K3867" s="2">
        <v>1</v>
      </c>
      <c r="L3867" t="s">
        <v>995</v>
      </c>
      <c r="M3867" t="s">
        <v>87</v>
      </c>
      <c r="N3867" t="s">
        <v>88</v>
      </c>
      <c r="O3867" t="s">
        <v>85</v>
      </c>
      <c r="P3867" t="s">
        <v>86</v>
      </c>
      <c r="Q3867">
        <v>107</v>
      </c>
      <c r="R3867">
        <v>106</v>
      </c>
      <c r="S3867">
        <v>105</v>
      </c>
      <c r="T3867">
        <v>105</v>
      </c>
      <c r="U3867">
        <v>104</v>
      </c>
      <c r="V3867">
        <v>104</v>
      </c>
      <c r="W3867">
        <v>103</v>
      </c>
      <c r="X3867">
        <v>103</v>
      </c>
      <c r="Y3867">
        <v>102</v>
      </c>
      <c r="Z3867">
        <v>102</v>
      </c>
      <c r="AA3867">
        <v>101</v>
      </c>
      <c r="AB3867">
        <v>101</v>
      </c>
      <c r="AC3867">
        <v>100</v>
      </c>
      <c r="AD3867">
        <v>100</v>
      </c>
      <c r="AE3867">
        <v>99</v>
      </c>
      <c r="AF3867">
        <v>99</v>
      </c>
      <c r="AG3867">
        <v>98</v>
      </c>
      <c r="AH3867">
        <v>98</v>
      </c>
      <c r="AI3867">
        <v>98</v>
      </c>
      <c r="AJ3867">
        <v>97</v>
      </c>
      <c r="AK3867">
        <v>97</v>
      </c>
      <c r="AL3867">
        <v>96</v>
      </c>
      <c r="AM3867">
        <v>96</v>
      </c>
      <c r="AN3867">
        <v>95</v>
      </c>
      <c r="AO3867">
        <v>95</v>
      </c>
      <c r="AP3867">
        <v>95</v>
      </c>
      <c r="AQ3867">
        <v>94</v>
      </c>
    </row>
    <row r="3868" spans="1:43">
      <c r="A3868" t="s">
        <v>2444</v>
      </c>
      <c r="B3868" t="s">
        <v>2445</v>
      </c>
      <c r="C3868" t="s">
        <v>2430</v>
      </c>
      <c r="D3868" t="s">
        <v>2431</v>
      </c>
      <c r="E3868" t="s">
        <v>2352</v>
      </c>
      <c r="F3868" t="s">
        <v>2353</v>
      </c>
      <c r="G3868" t="s">
        <v>80</v>
      </c>
      <c r="H3868" t="s">
        <v>81</v>
      </c>
      <c r="I3868" s="2">
        <v>0</v>
      </c>
      <c r="J3868" s="2">
        <v>0</v>
      </c>
      <c r="K3868" s="2">
        <v>1</v>
      </c>
      <c r="L3868" t="s">
        <v>995</v>
      </c>
      <c r="M3868" t="s">
        <v>89</v>
      </c>
      <c r="N3868" t="s">
        <v>90</v>
      </c>
      <c r="O3868" t="s">
        <v>85</v>
      </c>
      <c r="P3868" t="s">
        <v>86</v>
      </c>
      <c r="Q3868">
        <v>107</v>
      </c>
      <c r="R3868">
        <v>109</v>
      </c>
      <c r="S3868">
        <v>110</v>
      </c>
      <c r="T3868">
        <v>111</v>
      </c>
      <c r="U3868">
        <v>113</v>
      </c>
      <c r="V3868">
        <v>114</v>
      </c>
      <c r="W3868">
        <v>115</v>
      </c>
      <c r="X3868">
        <v>115</v>
      </c>
      <c r="Y3868">
        <v>116</v>
      </c>
      <c r="Z3868">
        <v>117</v>
      </c>
      <c r="AA3868">
        <v>117</v>
      </c>
      <c r="AB3868">
        <v>118</v>
      </c>
      <c r="AC3868">
        <v>118</v>
      </c>
      <c r="AD3868">
        <v>119</v>
      </c>
      <c r="AE3868">
        <v>119</v>
      </c>
      <c r="AF3868">
        <v>118</v>
      </c>
      <c r="AG3868">
        <v>117</v>
      </c>
      <c r="AH3868">
        <v>116</v>
      </c>
      <c r="AI3868">
        <v>115</v>
      </c>
      <c r="AJ3868">
        <v>114</v>
      </c>
      <c r="AK3868">
        <v>114</v>
      </c>
      <c r="AL3868">
        <v>113</v>
      </c>
      <c r="AM3868">
        <v>112</v>
      </c>
      <c r="AN3868">
        <v>111</v>
      </c>
      <c r="AO3868">
        <v>110</v>
      </c>
      <c r="AP3868">
        <v>110</v>
      </c>
      <c r="AQ3868">
        <v>109</v>
      </c>
    </row>
    <row r="3869" spans="1:43">
      <c r="A3869" t="s">
        <v>2444</v>
      </c>
      <c r="B3869" t="s">
        <v>2445</v>
      </c>
      <c r="C3869" t="s">
        <v>2430</v>
      </c>
      <c r="D3869" t="s">
        <v>2431</v>
      </c>
      <c r="E3869" t="s">
        <v>2352</v>
      </c>
      <c r="F3869" t="s">
        <v>2353</v>
      </c>
      <c r="G3869" t="s">
        <v>80</v>
      </c>
      <c r="H3869" t="s">
        <v>81</v>
      </c>
      <c r="I3869" s="2">
        <v>0</v>
      </c>
      <c r="J3869" s="2">
        <v>0</v>
      </c>
      <c r="K3869" s="2">
        <v>1</v>
      </c>
      <c r="L3869" t="s">
        <v>995</v>
      </c>
      <c r="M3869" t="s">
        <v>83</v>
      </c>
      <c r="N3869" t="s">
        <v>91</v>
      </c>
      <c r="O3869" t="s">
        <v>85</v>
      </c>
      <c r="P3869" t="s">
        <v>86</v>
      </c>
      <c r="Q3869">
        <v>107</v>
      </c>
      <c r="R3869">
        <v>107</v>
      </c>
      <c r="S3869">
        <v>107</v>
      </c>
      <c r="T3869">
        <v>108</v>
      </c>
      <c r="U3869">
        <v>108</v>
      </c>
      <c r="V3869">
        <v>109</v>
      </c>
      <c r="W3869">
        <v>109</v>
      </c>
      <c r="X3869">
        <v>109</v>
      </c>
      <c r="Y3869">
        <v>110</v>
      </c>
      <c r="Z3869">
        <v>110</v>
      </c>
      <c r="AA3869">
        <v>110</v>
      </c>
      <c r="AB3869">
        <v>111</v>
      </c>
      <c r="AC3869">
        <v>111</v>
      </c>
      <c r="AD3869">
        <v>111</v>
      </c>
      <c r="AE3869">
        <v>111</v>
      </c>
      <c r="AF3869">
        <v>111</v>
      </c>
      <c r="AG3869">
        <v>111</v>
      </c>
      <c r="AH3869">
        <v>111</v>
      </c>
      <c r="AI3869">
        <v>112</v>
      </c>
      <c r="AJ3869">
        <v>112</v>
      </c>
      <c r="AK3869">
        <v>112</v>
      </c>
      <c r="AL3869">
        <v>111</v>
      </c>
      <c r="AM3869">
        <v>110</v>
      </c>
      <c r="AN3869">
        <v>110</v>
      </c>
      <c r="AO3869">
        <v>109</v>
      </c>
      <c r="AP3869">
        <v>108</v>
      </c>
      <c r="AQ3869">
        <v>107</v>
      </c>
    </row>
    <row r="3870" spans="1:43">
      <c r="A3870" t="s">
        <v>2446</v>
      </c>
      <c r="B3870" t="s">
        <v>2447</v>
      </c>
      <c r="C3870" t="s">
        <v>2448</v>
      </c>
      <c r="D3870" t="s">
        <v>2449</v>
      </c>
      <c r="E3870" t="s">
        <v>2352</v>
      </c>
      <c r="F3870" t="s">
        <v>2353</v>
      </c>
      <c r="G3870" t="s">
        <v>80</v>
      </c>
      <c r="H3870" t="s">
        <v>81</v>
      </c>
      <c r="I3870" s="2">
        <v>0</v>
      </c>
      <c r="J3870" s="2">
        <v>0</v>
      </c>
      <c r="K3870" s="2">
        <v>1</v>
      </c>
      <c r="L3870" t="s">
        <v>995</v>
      </c>
      <c r="M3870" t="s">
        <v>83</v>
      </c>
      <c r="N3870" t="s">
        <v>84</v>
      </c>
      <c r="O3870" t="s">
        <v>85</v>
      </c>
      <c r="P3870" t="s">
        <v>86</v>
      </c>
      <c r="Q3870">
        <v>19</v>
      </c>
      <c r="R3870">
        <v>19</v>
      </c>
      <c r="S3870">
        <v>19</v>
      </c>
      <c r="T3870">
        <v>19</v>
      </c>
      <c r="U3870">
        <v>19</v>
      </c>
      <c r="V3870">
        <v>19</v>
      </c>
      <c r="W3870">
        <v>19</v>
      </c>
      <c r="X3870">
        <v>19</v>
      </c>
      <c r="Y3870">
        <v>19</v>
      </c>
      <c r="Z3870">
        <v>19</v>
      </c>
      <c r="AA3870">
        <v>19</v>
      </c>
      <c r="AB3870">
        <v>19</v>
      </c>
      <c r="AC3870">
        <v>19</v>
      </c>
      <c r="AD3870">
        <v>19</v>
      </c>
      <c r="AE3870">
        <v>19</v>
      </c>
      <c r="AF3870">
        <v>19</v>
      </c>
      <c r="AG3870">
        <v>19</v>
      </c>
      <c r="AH3870">
        <v>19</v>
      </c>
      <c r="AI3870">
        <v>19</v>
      </c>
      <c r="AJ3870">
        <v>19</v>
      </c>
      <c r="AK3870">
        <v>20</v>
      </c>
      <c r="AL3870">
        <v>19</v>
      </c>
      <c r="AM3870">
        <v>19</v>
      </c>
      <c r="AN3870">
        <v>19</v>
      </c>
      <c r="AO3870">
        <v>19</v>
      </c>
      <c r="AP3870">
        <v>19</v>
      </c>
      <c r="AQ3870">
        <v>19</v>
      </c>
    </row>
    <row r="3871" spans="1:43">
      <c r="A3871" t="s">
        <v>2446</v>
      </c>
      <c r="B3871" t="s">
        <v>2447</v>
      </c>
      <c r="C3871" t="s">
        <v>2448</v>
      </c>
      <c r="D3871" t="s">
        <v>2449</v>
      </c>
      <c r="E3871" t="s">
        <v>2352</v>
      </c>
      <c r="F3871" t="s">
        <v>2353</v>
      </c>
      <c r="G3871" t="s">
        <v>80</v>
      </c>
      <c r="H3871" t="s">
        <v>81</v>
      </c>
      <c r="I3871" s="2">
        <v>0</v>
      </c>
      <c r="J3871" s="2">
        <v>0</v>
      </c>
      <c r="K3871" s="2">
        <v>1</v>
      </c>
      <c r="L3871" t="s">
        <v>995</v>
      </c>
      <c r="M3871" t="s">
        <v>87</v>
      </c>
      <c r="N3871" t="s">
        <v>88</v>
      </c>
      <c r="O3871" t="s">
        <v>85</v>
      </c>
      <c r="P3871" t="s">
        <v>86</v>
      </c>
      <c r="Q3871">
        <v>19</v>
      </c>
      <c r="R3871">
        <v>18</v>
      </c>
      <c r="S3871">
        <v>18</v>
      </c>
      <c r="T3871">
        <v>18</v>
      </c>
      <c r="U3871">
        <v>18</v>
      </c>
      <c r="V3871">
        <v>18</v>
      </c>
      <c r="W3871">
        <v>18</v>
      </c>
      <c r="X3871">
        <v>18</v>
      </c>
      <c r="Y3871">
        <v>18</v>
      </c>
      <c r="Z3871">
        <v>18</v>
      </c>
      <c r="AA3871">
        <v>18</v>
      </c>
      <c r="AB3871">
        <v>17</v>
      </c>
      <c r="AC3871">
        <v>17</v>
      </c>
      <c r="AD3871">
        <v>17</v>
      </c>
      <c r="AE3871">
        <v>17</v>
      </c>
      <c r="AF3871">
        <v>17</v>
      </c>
      <c r="AG3871">
        <v>17</v>
      </c>
      <c r="AH3871">
        <v>17</v>
      </c>
      <c r="AI3871">
        <v>17</v>
      </c>
      <c r="AJ3871">
        <v>17</v>
      </c>
      <c r="AK3871">
        <v>17</v>
      </c>
      <c r="AL3871">
        <v>17</v>
      </c>
      <c r="AM3871">
        <v>17</v>
      </c>
      <c r="AN3871">
        <v>16</v>
      </c>
      <c r="AO3871">
        <v>16</v>
      </c>
      <c r="AP3871">
        <v>16</v>
      </c>
      <c r="AQ3871">
        <v>16</v>
      </c>
    </row>
    <row r="3872" spans="1:43">
      <c r="A3872" t="s">
        <v>2446</v>
      </c>
      <c r="B3872" t="s">
        <v>2447</v>
      </c>
      <c r="C3872" t="s">
        <v>2448</v>
      </c>
      <c r="D3872" t="s">
        <v>2449</v>
      </c>
      <c r="E3872" t="s">
        <v>2352</v>
      </c>
      <c r="F3872" t="s">
        <v>2353</v>
      </c>
      <c r="G3872" t="s">
        <v>80</v>
      </c>
      <c r="H3872" t="s">
        <v>81</v>
      </c>
      <c r="I3872" s="2">
        <v>0</v>
      </c>
      <c r="J3872" s="2">
        <v>0</v>
      </c>
      <c r="K3872" s="2">
        <v>1</v>
      </c>
      <c r="L3872" t="s">
        <v>995</v>
      </c>
      <c r="M3872" t="s">
        <v>89</v>
      </c>
      <c r="N3872" t="s">
        <v>90</v>
      </c>
      <c r="O3872" t="s">
        <v>85</v>
      </c>
      <c r="P3872" t="s">
        <v>86</v>
      </c>
      <c r="Q3872">
        <v>19</v>
      </c>
      <c r="R3872">
        <v>19</v>
      </c>
      <c r="S3872">
        <v>19</v>
      </c>
      <c r="T3872">
        <v>20</v>
      </c>
      <c r="U3872">
        <v>20</v>
      </c>
      <c r="V3872">
        <v>20</v>
      </c>
      <c r="W3872">
        <v>20</v>
      </c>
      <c r="X3872">
        <v>20</v>
      </c>
      <c r="Y3872">
        <v>20</v>
      </c>
      <c r="Z3872">
        <v>20</v>
      </c>
      <c r="AA3872">
        <v>21</v>
      </c>
      <c r="AB3872">
        <v>21</v>
      </c>
      <c r="AC3872">
        <v>21</v>
      </c>
      <c r="AD3872">
        <v>21</v>
      </c>
      <c r="AE3872">
        <v>21</v>
      </c>
      <c r="AF3872">
        <v>21</v>
      </c>
      <c r="AG3872">
        <v>20</v>
      </c>
      <c r="AH3872">
        <v>20</v>
      </c>
      <c r="AI3872">
        <v>20</v>
      </c>
      <c r="AJ3872">
        <v>20</v>
      </c>
      <c r="AK3872">
        <v>20</v>
      </c>
      <c r="AL3872">
        <v>20</v>
      </c>
      <c r="AM3872">
        <v>19</v>
      </c>
      <c r="AN3872">
        <v>19</v>
      </c>
      <c r="AO3872">
        <v>19</v>
      </c>
      <c r="AP3872">
        <v>19</v>
      </c>
      <c r="AQ3872">
        <v>19</v>
      </c>
    </row>
    <row r="3873" spans="1:43">
      <c r="A3873" t="s">
        <v>2446</v>
      </c>
      <c r="B3873" t="s">
        <v>2447</v>
      </c>
      <c r="C3873" t="s">
        <v>2448</v>
      </c>
      <c r="D3873" t="s">
        <v>2449</v>
      </c>
      <c r="E3873" t="s">
        <v>2352</v>
      </c>
      <c r="F3873" t="s">
        <v>2353</v>
      </c>
      <c r="G3873" t="s">
        <v>80</v>
      </c>
      <c r="H3873" t="s">
        <v>81</v>
      </c>
      <c r="I3873" s="2">
        <v>0</v>
      </c>
      <c r="J3873" s="2">
        <v>0</v>
      </c>
      <c r="K3873" s="2">
        <v>1</v>
      </c>
      <c r="L3873" t="s">
        <v>995</v>
      </c>
      <c r="M3873" t="s">
        <v>83</v>
      </c>
      <c r="N3873" t="s">
        <v>91</v>
      </c>
      <c r="O3873" t="s">
        <v>85</v>
      </c>
      <c r="P3873" t="s">
        <v>86</v>
      </c>
      <c r="Q3873">
        <v>19</v>
      </c>
      <c r="R3873">
        <v>19</v>
      </c>
      <c r="S3873">
        <v>19</v>
      </c>
      <c r="T3873">
        <v>19</v>
      </c>
      <c r="U3873">
        <v>19</v>
      </c>
      <c r="V3873">
        <v>19</v>
      </c>
      <c r="W3873">
        <v>19</v>
      </c>
      <c r="X3873">
        <v>19</v>
      </c>
      <c r="Y3873">
        <v>19</v>
      </c>
      <c r="Z3873">
        <v>19</v>
      </c>
      <c r="AA3873">
        <v>19</v>
      </c>
      <c r="AB3873">
        <v>19</v>
      </c>
      <c r="AC3873">
        <v>19</v>
      </c>
      <c r="AD3873">
        <v>19</v>
      </c>
      <c r="AE3873">
        <v>19</v>
      </c>
      <c r="AF3873">
        <v>19</v>
      </c>
      <c r="AG3873">
        <v>19</v>
      </c>
      <c r="AH3873">
        <v>19</v>
      </c>
      <c r="AI3873">
        <v>19</v>
      </c>
      <c r="AJ3873">
        <v>19</v>
      </c>
      <c r="AK3873">
        <v>20</v>
      </c>
      <c r="AL3873">
        <v>19</v>
      </c>
      <c r="AM3873">
        <v>19</v>
      </c>
      <c r="AN3873">
        <v>19</v>
      </c>
      <c r="AO3873">
        <v>19</v>
      </c>
      <c r="AP3873">
        <v>19</v>
      </c>
      <c r="AQ3873">
        <v>19</v>
      </c>
    </row>
    <row r="3874" spans="1:43">
      <c r="A3874" t="s">
        <v>2450</v>
      </c>
      <c r="B3874" t="s">
        <v>2451</v>
      </c>
      <c r="C3874" t="s">
        <v>2448</v>
      </c>
      <c r="D3874" t="s">
        <v>2449</v>
      </c>
      <c r="E3874" t="s">
        <v>2352</v>
      </c>
      <c r="F3874" t="s">
        <v>2353</v>
      </c>
      <c r="G3874" t="s">
        <v>80</v>
      </c>
      <c r="H3874" t="s">
        <v>81</v>
      </c>
      <c r="I3874" s="2">
        <v>0</v>
      </c>
      <c r="J3874" s="2">
        <v>0</v>
      </c>
      <c r="K3874" s="2">
        <v>1</v>
      </c>
      <c r="L3874" t="s">
        <v>995</v>
      </c>
      <c r="M3874" t="s">
        <v>83</v>
      </c>
      <c r="N3874" t="s">
        <v>84</v>
      </c>
      <c r="O3874" t="s">
        <v>85</v>
      </c>
      <c r="P3874" t="s">
        <v>86</v>
      </c>
      <c r="Q3874">
        <v>85</v>
      </c>
      <c r="R3874">
        <v>85</v>
      </c>
      <c r="S3874">
        <v>86</v>
      </c>
      <c r="T3874">
        <v>86</v>
      </c>
      <c r="U3874">
        <v>86</v>
      </c>
      <c r="V3874">
        <v>87</v>
      </c>
      <c r="W3874">
        <v>87</v>
      </c>
      <c r="X3874">
        <v>87</v>
      </c>
      <c r="Y3874">
        <v>87</v>
      </c>
      <c r="Z3874">
        <v>88</v>
      </c>
      <c r="AA3874">
        <v>88</v>
      </c>
      <c r="AB3874">
        <v>88</v>
      </c>
      <c r="AC3874">
        <v>88</v>
      </c>
      <c r="AD3874">
        <v>88</v>
      </c>
      <c r="AE3874">
        <v>89</v>
      </c>
      <c r="AF3874">
        <v>89</v>
      </c>
      <c r="AG3874">
        <v>89</v>
      </c>
      <c r="AH3874">
        <v>89</v>
      </c>
      <c r="AI3874">
        <v>89</v>
      </c>
      <c r="AJ3874">
        <v>89</v>
      </c>
      <c r="AK3874">
        <v>89</v>
      </c>
      <c r="AL3874">
        <v>89</v>
      </c>
      <c r="AM3874">
        <v>88</v>
      </c>
      <c r="AN3874">
        <v>88</v>
      </c>
      <c r="AO3874">
        <v>87</v>
      </c>
      <c r="AP3874">
        <v>87</v>
      </c>
      <c r="AQ3874">
        <v>86</v>
      </c>
    </row>
    <row r="3875" spans="1:43">
      <c r="A3875" t="s">
        <v>2450</v>
      </c>
      <c r="B3875" t="s">
        <v>2451</v>
      </c>
      <c r="C3875" t="s">
        <v>2448</v>
      </c>
      <c r="D3875" t="s">
        <v>2449</v>
      </c>
      <c r="E3875" t="s">
        <v>2352</v>
      </c>
      <c r="F3875" t="s">
        <v>2353</v>
      </c>
      <c r="G3875" t="s">
        <v>80</v>
      </c>
      <c r="H3875" t="s">
        <v>81</v>
      </c>
      <c r="I3875" s="2">
        <v>0</v>
      </c>
      <c r="J3875" s="2">
        <v>0</v>
      </c>
      <c r="K3875" s="2">
        <v>1</v>
      </c>
      <c r="L3875" t="s">
        <v>995</v>
      </c>
      <c r="M3875" t="s">
        <v>87</v>
      </c>
      <c r="N3875" t="s">
        <v>88</v>
      </c>
      <c r="O3875" t="s">
        <v>85</v>
      </c>
      <c r="P3875" t="s">
        <v>86</v>
      </c>
      <c r="Q3875">
        <v>85</v>
      </c>
      <c r="R3875">
        <v>85</v>
      </c>
      <c r="S3875">
        <v>84</v>
      </c>
      <c r="T3875">
        <v>84</v>
      </c>
      <c r="U3875">
        <v>83</v>
      </c>
      <c r="V3875">
        <v>83</v>
      </c>
      <c r="W3875">
        <v>83</v>
      </c>
      <c r="X3875">
        <v>82</v>
      </c>
      <c r="Y3875">
        <v>82</v>
      </c>
      <c r="Z3875">
        <v>81</v>
      </c>
      <c r="AA3875">
        <v>81</v>
      </c>
      <c r="AB3875">
        <v>81</v>
      </c>
      <c r="AC3875">
        <v>80</v>
      </c>
      <c r="AD3875">
        <v>80</v>
      </c>
      <c r="AE3875">
        <v>80</v>
      </c>
      <c r="AF3875">
        <v>79</v>
      </c>
      <c r="AG3875">
        <v>79</v>
      </c>
      <c r="AH3875">
        <v>78</v>
      </c>
      <c r="AI3875">
        <v>78</v>
      </c>
      <c r="AJ3875">
        <v>78</v>
      </c>
      <c r="AK3875">
        <v>77</v>
      </c>
      <c r="AL3875">
        <v>77</v>
      </c>
      <c r="AM3875">
        <v>77</v>
      </c>
      <c r="AN3875">
        <v>76</v>
      </c>
      <c r="AO3875">
        <v>76</v>
      </c>
      <c r="AP3875">
        <v>76</v>
      </c>
      <c r="AQ3875">
        <v>75</v>
      </c>
    </row>
    <row r="3876" spans="1:43">
      <c r="A3876" t="s">
        <v>2450</v>
      </c>
      <c r="B3876" t="s">
        <v>2451</v>
      </c>
      <c r="C3876" t="s">
        <v>2448</v>
      </c>
      <c r="D3876" t="s">
        <v>2449</v>
      </c>
      <c r="E3876" t="s">
        <v>2352</v>
      </c>
      <c r="F3876" t="s">
        <v>2353</v>
      </c>
      <c r="G3876" t="s">
        <v>80</v>
      </c>
      <c r="H3876" t="s">
        <v>81</v>
      </c>
      <c r="I3876" s="2">
        <v>0</v>
      </c>
      <c r="J3876" s="2">
        <v>0</v>
      </c>
      <c r="K3876" s="2">
        <v>1</v>
      </c>
      <c r="L3876" t="s">
        <v>995</v>
      </c>
      <c r="M3876" t="s">
        <v>89</v>
      </c>
      <c r="N3876" t="s">
        <v>90</v>
      </c>
      <c r="O3876" t="s">
        <v>85</v>
      </c>
      <c r="P3876" t="s">
        <v>86</v>
      </c>
      <c r="Q3876">
        <v>85</v>
      </c>
      <c r="R3876">
        <v>86</v>
      </c>
      <c r="S3876">
        <v>87</v>
      </c>
      <c r="T3876">
        <v>88</v>
      </c>
      <c r="U3876">
        <v>89</v>
      </c>
      <c r="V3876">
        <v>90</v>
      </c>
      <c r="W3876">
        <v>90</v>
      </c>
      <c r="X3876">
        <v>91</v>
      </c>
      <c r="Y3876">
        <v>92</v>
      </c>
      <c r="Z3876">
        <v>92</v>
      </c>
      <c r="AA3876">
        <v>93</v>
      </c>
      <c r="AB3876">
        <v>93</v>
      </c>
      <c r="AC3876">
        <v>93</v>
      </c>
      <c r="AD3876">
        <v>94</v>
      </c>
      <c r="AE3876">
        <v>94</v>
      </c>
      <c r="AF3876">
        <v>93</v>
      </c>
      <c r="AG3876">
        <v>92</v>
      </c>
      <c r="AH3876">
        <v>92</v>
      </c>
      <c r="AI3876">
        <v>91</v>
      </c>
      <c r="AJ3876">
        <v>90</v>
      </c>
      <c r="AK3876">
        <v>90</v>
      </c>
      <c r="AL3876">
        <v>89</v>
      </c>
      <c r="AM3876">
        <v>89</v>
      </c>
      <c r="AN3876">
        <v>88</v>
      </c>
      <c r="AO3876">
        <v>87</v>
      </c>
      <c r="AP3876">
        <v>87</v>
      </c>
      <c r="AQ3876">
        <v>86</v>
      </c>
    </row>
    <row r="3877" spans="1:43">
      <c r="A3877" t="s">
        <v>2450</v>
      </c>
      <c r="B3877" t="s">
        <v>2451</v>
      </c>
      <c r="C3877" t="s">
        <v>2448</v>
      </c>
      <c r="D3877" t="s">
        <v>2449</v>
      </c>
      <c r="E3877" t="s">
        <v>2352</v>
      </c>
      <c r="F3877" t="s">
        <v>2353</v>
      </c>
      <c r="G3877" t="s">
        <v>80</v>
      </c>
      <c r="H3877" t="s">
        <v>81</v>
      </c>
      <c r="I3877" s="2">
        <v>0</v>
      </c>
      <c r="J3877" s="2">
        <v>0</v>
      </c>
      <c r="K3877" s="2">
        <v>1</v>
      </c>
      <c r="L3877" t="s">
        <v>995</v>
      </c>
      <c r="M3877" t="s">
        <v>83</v>
      </c>
      <c r="N3877" t="s">
        <v>91</v>
      </c>
      <c r="O3877" t="s">
        <v>85</v>
      </c>
      <c r="P3877" t="s">
        <v>86</v>
      </c>
      <c r="Q3877">
        <v>85</v>
      </c>
      <c r="R3877">
        <v>85</v>
      </c>
      <c r="S3877">
        <v>86</v>
      </c>
      <c r="T3877">
        <v>86</v>
      </c>
      <c r="U3877">
        <v>86</v>
      </c>
      <c r="V3877">
        <v>87</v>
      </c>
      <c r="W3877">
        <v>87</v>
      </c>
      <c r="X3877">
        <v>87</v>
      </c>
      <c r="Y3877">
        <v>87</v>
      </c>
      <c r="Z3877">
        <v>88</v>
      </c>
      <c r="AA3877">
        <v>88</v>
      </c>
      <c r="AB3877">
        <v>88</v>
      </c>
      <c r="AC3877">
        <v>88</v>
      </c>
      <c r="AD3877">
        <v>88</v>
      </c>
      <c r="AE3877">
        <v>89</v>
      </c>
      <c r="AF3877">
        <v>89</v>
      </c>
      <c r="AG3877">
        <v>89</v>
      </c>
      <c r="AH3877">
        <v>89</v>
      </c>
      <c r="AI3877">
        <v>89</v>
      </c>
      <c r="AJ3877">
        <v>89</v>
      </c>
      <c r="AK3877">
        <v>89</v>
      </c>
      <c r="AL3877">
        <v>89</v>
      </c>
      <c r="AM3877">
        <v>88</v>
      </c>
      <c r="AN3877">
        <v>88</v>
      </c>
      <c r="AO3877">
        <v>87</v>
      </c>
      <c r="AP3877">
        <v>87</v>
      </c>
      <c r="AQ3877">
        <v>86</v>
      </c>
    </row>
    <row r="3878" spans="1:43">
      <c r="A3878" t="s">
        <v>2452</v>
      </c>
      <c r="B3878" t="s">
        <v>2453</v>
      </c>
      <c r="C3878" t="s">
        <v>2454</v>
      </c>
      <c r="D3878" t="s">
        <v>2455</v>
      </c>
      <c r="E3878" t="s">
        <v>2352</v>
      </c>
      <c r="F3878" t="s">
        <v>2353</v>
      </c>
      <c r="G3878" t="s">
        <v>80</v>
      </c>
      <c r="H3878" t="s">
        <v>81</v>
      </c>
      <c r="I3878" s="2">
        <v>0</v>
      </c>
      <c r="J3878" s="2">
        <v>0</v>
      </c>
      <c r="K3878" s="2">
        <v>1</v>
      </c>
      <c r="L3878" t="s">
        <v>995</v>
      </c>
      <c r="M3878" t="s">
        <v>83</v>
      </c>
      <c r="N3878" t="s">
        <v>84</v>
      </c>
      <c r="O3878" t="s">
        <v>85</v>
      </c>
      <c r="P3878" t="s">
        <v>86</v>
      </c>
      <c r="Q3878">
        <v>8</v>
      </c>
      <c r="R3878">
        <v>8</v>
      </c>
      <c r="S3878">
        <v>8</v>
      </c>
      <c r="T3878">
        <v>8</v>
      </c>
      <c r="U3878">
        <v>8</v>
      </c>
      <c r="V3878">
        <v>8</v>
      </c>
      <c r="W3878">
        <v>8</v>
      </c>
      <c r="X3878">
        <v>8</v>
      </c>
      <c r="Y3878">
        <v>8</v>
      </c>
      <c r="Z3878">
        <v>8</v>
      </c>
      <c r="AA3878">
        <v>8</v>
      </c>
      <c r="AB3878">
        <v>8</v>
      </c>
      <c r="AC3878">
        <v>8</v>
      </c>
      <c r="AD3878">
        <v>8</v>
      </c>
      <c r="AE3878">
        <v>8</v>
      </c>
      <c r="AF3878">
        <v>8</v>
      </c>
      <c r="AG3878">
        <v>8</v>
      </c>
      <c r="AH3878">
        <v>8</v>
      </c>
      <c r="AI3878">
        <v>8</v>
      </c>
      <c r="AJ3878">
        <v>8</v>
      </c>
      <c r="AK3878">
        <v>8</v>
      </c>
      <c r="AL3878">
        <v>8</v>
      </c>
      <c r="AM3878">
        <v>8</v>
      </c>
      <c r="AN3878">
        <v>8</v>
      </c>
      <c r="AO3878">
        <v>8</v>
      </c>
      <c r="AP3878">
        <v>8</v>
      </c>
      <c r="AQ3878">
        <v>8</v>
      </c>
    </row>
    <row r="3879" spans="1:43">
      <c r="A3879" t="s">
        <v>2452</v>
      </c>
      <c r="B3879" t="s">
        <v>2453</v>
      </c>
      <c r="C3879" t="s">
        <v>2454</v>
      </c>
      <c r="D3879" t="s">
        <v>2455</v>
      </c>
      <c r="E3879" t="s">
        <v>2352</v>
      </c>
      <c r="F3879" t="s">
        <v>2353</v>
      </c>
      <c r="G3879" t="s">
        <v>80</v>
      </c>
      <c r="H3879" t="s">
        <v>81</v>
      </c>
      <c r="I3879" s="2">
        <v>0</v>
      </c>
      <c r="J3879" s="2">
        <v>0</v>
      </c>
      <c r="K3879" s="2">
        <v>1</v>
      </c>
      <c r="L3879" t="s">
        <v>995</v>
      </c>
      <c r="M3879" t="s">
        <v>87</v>
      </c>
      <c r="N3879" t="s">
        <v>88</v>
      </c>
      <c r="O3879" t="s">
        <v>85</v>
      </c>
      <c r="P3879" t="s">
        <v>86</v>
      </c>
      <c r="Q3879">
        <v>8</v>
      </c>
      <c r="R3879">
        <v>8</v>
      </c>
      <c r="S3879">
        <v>8</v>
      </c>
      <c r="T3879">
        <v>8</v>
      </c>
      <c r="U3879">
        <v>8</v>
      </c>
      <c r="V3879">
        <v>8</v>
      </c>
      <c r="W3879">
        <v>8</v>
      </c>
      <c r="X3879">
        <v>8</v>
      </c>
      <c r="Y3879">
        <v>8</v>
      </c>
      <c r="Z3879">
        <v>7</v>
      </c>
      <c r="AA3879">
        <v>7</v>
      </c>
      <c r="AB3879">
        <v>7</v>
      </c>
      <c r="AC3879">
        <v>7</v>
      </c>
      <c r="AD3879">
        <v>7</v>
      </c>
      <c r="AE3879">
        <v>7</v>
      </c>
      <c r="AF3879">
        <v>7</v>
      </c>
      <c r="AG3879">
        <v>7</v>
      </c>
      <c r="AH3879">
        <v>7</v>
      </c>
      <c r="AI3879">
        <v>7</v>
      </c>
      <c r="AJ3879">
        <v>7</v>
      </c>
      <c r="AK3879">
        <v>7</v>
      </c>
      <c r="AL3879">
        <v>7</v>
      </c>
      <c r="AM3879">
        <v>7</v>
      </c>
      <c r="AN3879">
        <v>7</v>
      </c>
      <c r="AO3879">
        <v>7</v>
      </c>
      <c r="AP3879">
        <v>7</v>
      </c>
      <c r="AQ3879">
        <v>7</v>
      </c>
    </row>
    <row r="3880" spans="1:43">
      <c r="A3880" t="s">
        <v>2452</v>
      </c>
      <c r="B3880" t="s">
        <v>2453</v>
      </c>
      <c r="C3880" t="s">
        <v>2454</v>
      </c>
      <c r="D3880" t="s">
        <v>2455</v>
      </c>
      <c r="E3880" t="s">
        <v>2352</v>
      </c>
      <c r="F3880" t="s">
        <v>2353</v>
      </c>
      <c r="G3880" t="s">
        <v>80</v>
      </c>
      <c r="H3880" t="s">
        <v>81</v>
      </c>
      <c r="I3880" s="2">
        <v>0</v>
      </c>
      <c r="J3880" s="2">
        <v>0</v>
      </c>
      <c r="K3880" s="2">
        <v>1</v>
      </c>
      <c r="L3880" t="s">
        <v>995</v>
      </c>
      <c r="M3880" t="s">
        <v>89</v>
      </c>
      <c r="N3880" t="s">
        <v>90</v>
      </c>
      <c r="O3880" t="s">
        <v>85</v>
      </c>
      <c r="P3880" t="s">
        <v>86</v>
      </c>
      <c r="Q3880">
        <v>8</v>
      </c>
      <c r="R3880">
        <v>8</v>
      </c>
      <c r="S3880">
        <v>8</v>
      </c>
      <c r="T3880">
        <v>8</v>
      </c>
      <c r="U3880">
        <v>8</v>
      </c>
      <c r="V3880">
        <v>8</v>
      </c>
      <c r="W3880">
        <v>9</v>
      </c>
      <c r="X3880">
        <v>9</v>
      </c>
      <c r="Y3880">
        <v>9</v>
      </c>
      <c r="Z3880">
        <v>9</v>
      </c>
      <c r="AA3880">
        <v>9</v>
      </c>
      <c r="AB3880">
        <v>9</v>
      </c>
      <c r="AC3880">
        <v>9</v>
      </c>
      <c r="AD3880">
        <v>9</v>
      </c>
      <c r="AE3880">
        <v>9</v>
      </c>
      <c r="AF3880">
        <v>9</v>
      </c>
      <c r="AG3880">
        <v>9</v>
      </c>
      <c r="AH3880">
        <v>9</v>
      </c>
      <c r="AI3880">
        <v>9</v>
      </c>
      <c r="AJ3880">
        <v>8</v>
      </c>
      <c r="AK3880">
        <v>8</v>
      </c>
      <c r="AL3880">
        <v>8</v>
      </c>
      <c r="AM3880">
        <v>8</v>
      </c>
      <c r="AN3880">
        <v>8</v>
      </c>
      <c r="AO3880">
        <v>8</v>
      </c>
      <c r="AP3880">
        <v>8</v>
      </c>
      <c r="AQ3880">
        <v>8</v>
      </c>
    </row>
    <row r="3881" spans="1:43">
      <c r="A3881" t="s">
        <v>2452</v>
      </c>
      <c r="B3881" t="s">
        <v>2453</v>
      </c>
      <c r="C3881" t="s">
        <v>2454</v>
      </c>
      <c r="D3881" t="s">
        <v>2455</v>
      </c>
      <c r="E3881" t="s">
        <v>2352</v>
      </c>
      <c r="F3881" t="s">
        <v>2353</v>
      </c>
      <c r="G3881" t="s">
        <v>80</v>
      </c>
      <c r="H3881" t="s">
        <v>81</v>
      </c>
      <c r="I3881" s="2">
        <v>0</v>
      </c>
      <c r="J3881" s="2">
        <v>0</v>
      </c>
      <c r="K3881" s="2">
        <v>1</v>
      </c>
      <c r="L3881" t="s">
        <v>995</v>
      </c>
      <c r="M3881" t="s">
        <v>83</v>
      </c>
      <c r="N3881" t="s">
        <v>91</v>
      </c>
      <c r="O3881" t="s">
        <v>85</v>
      </c>
      <c r="P3881" t="s">
        <v>86</v>
      </c>
      <c r="Q3881">
        <v>8</v>
      </c>
      <c r="R3881">
        <v>8</v>
      </c>
      <c r="S3881">
        <v>8</v>
      </c>
      <c r="T3881">
        <v>8</v>
      </c>
      <c r="U3881">
        <v>8</v>
      </c>
      <c r="V3881">
        <v>8</v>
      </c>
      <c r="W3881">
        <v>8</v>
      </c>
      <c r="X3881">
        <v>8</v>
      </c>
      <c r="Y3881">
        <v>8</v>
      </c>
      <c r="Z3881">
        <v>8</v>
      </c>
      <c r="AA3881">
        <v>8</v>
      </c>
      <c r="AB3881">
        <v>8</v>
      </c>
      <c r="AC3881">
        <v>8</v>
      </c>
      <c r="AD3881">
        <v>8</v>
      </c>
      <c r="AE3881">
        <v>8</v>
      </c>
      <c r="AF3881">
        <v>8</v>
      </c>
      <c r="AG3881">
        <v>8</v>
      </c>
      <c r="AH3881">
        <v>8</v>
      </c>
      <c r="AI3881">
        <v>8</v>
      </c>
      <c r="AJ3881">
        <v>8</v>
      </c>
      <c r="AK3881">
        <v>8</v>
      </c>
      <c r="AL3881">
        <v>8</v>
      </c>
      <c r="AM3881">
        <v>8</v>
      </c>
      <c r="AN3881">
        <v>8</v>
      </c>
      <c r="AO3881">
        <v>8</v>
      </c>
      <c r="AP3881">
        <v>8</v>
      </c>
      <c r="AQ3881">
        <v>8</v>
      </c>
    </row>
    <row r="3882" spans="1:43">
      <c r="A3882" t="s">
        <v>2456</v>
      </c>
      <c r="B3882" t="s">
        <v>2457</v>
      </c>
      <c r="C3882" t="s">
        <v>2454</v>
      </c>
      <c r="D3882" t="s">
        <v>2455</v>
      </c>
      <c r="E3882" t="s">
        <v>2352</v>
      </c>
      <c r="F3882" t="s">
        <v>2353</v>
      </c>
      <c r="G3882" t="s">
        <v>80</v>
      </c>
      <c r="H3882" t="s">
        <v>81</v>
      </c>
      <c r="I3882" s="2">
        <v>0</v>
      </c>
      <c r="J3882" s="2">
        <v>0</v>
      </c>
      <c r="K3882" s="2">
        <v>1</v>
      </c>
      <c r="L3882" t="s">
        <v>995</v>
      </c>
      <c r="M3882" t="s">
        <v>83</v>
      </c>
      <c r="N3882" t="s">
        <v>84</v>
      </c>
      <c r="O3882" t="s">
        <v>85</v>
      </c>
      <c r="P3882" t="s">
        <v>86</v>
      </c>
      <c r="Q3882">
        <v>45</v>
      </c>
      <c r="R3882">
        <v>45</v>
      </c>
      <c r="S3882">
        <v>45</v>
      </c>
      <c r="T3882">
        <v>46</v>
      </c>
      <c r="U3882">
        <v>46</v>
      </c>
      <c r="V3882">
        <v>46</v>
      </c>
      <c r="W3882">
        <v>46</v>
      </c>
      <c r="X3882">
        <v>46</v>
      </c>
      <c r="Y3882">
        <v>46</v>
      </c>
      <c r="Z3882">
        <v>47</v>
      </c>
      <c r="AA3882">
        <v>47</v>
      </c>
      <c r="AB3882">
        <v>47</v>
      </c>
      <c r="AC3882">
        <v>47</v>
      </c>
      <c r="AD3882">
        <v>47</v>
      </c>
      <c r="AE3882">
        <v>47</v>
      </c>
      <c r="AF3882">
        <v>47</v>
      </c>
      <c r="AG3882">
        <v>47</v>
      </c>
      <c r="AH3882">
        <v>47</v>
      </c>
      <c r="AI3882">
        <v>47</v>
      </c>
      <c r="AJ3882">
        <v>47</v>
      </c>
      <c r="AK3882">
        <v>47</v>
      </c>
      <c r="AL3882">
        <v>47</v>
      </c>
      <c r="AM3882">
        <v>47</v>
      </c>
      <c r="AN3882">
        <v>46</v>
      </c>
      <c r="AO3882">
        <v>46</v>
      </c>
      <c r="AP3882">
        <v>46</v>
      </c>
      <c r="AQ3882">
        <v>46</v>
      </c>
    </row>
    <row r="3883" spans="1:43">
      <c r="A3883" t="s">
        <v>2456</v>
      </c>
      <c r="B3883" t="s">
        <v>2457</v>
      </c>
      <c r="C3883" t="s">
        <v>2454</v>
      </c>
      <c r="D3883" t="s">
        <v>2455</v>
      </c>
      <c r="E3883" t="s">
        <v>2352</v>
      </c>
      <c r="F3883" t="s">
        <v>2353</v>
      </c>
      <c r="G3883" t="s">
        <v>80</v>
      </c>
      <c r="H3883" t="s">
        <v>81</v>
      </c>
      <c r="I3883" s="2">
        <v>0</v>
      </c>
      <c r="J3883" s="2">
        <v>0</v>
      </c>
      <c r="K3883" s="2">
        <v>1</v>
      </c>
      <c r="L3883" t="s">
        <v>995</v>
      </c>
      <c r="M3883" t="s">
        <v>87</v>
      </c>
      <c r="N3883" t="s">
        <v>88</v>
      </c>
      <c r="O3883" t="s">
        <v>85</v>
      </c>
      <c r="P3883" t="s">
        <v>86</v>
      </c>
      <c r="Q3883">
        <v>45</v>
      </c>
      <c r="R3883">
        <v>44</v>
      </c>
      <c r="S3883">
        <v>44</v>
      </c>
      <c r="T3883">
        <v>44</v>
      </c>
      <c r="U3883">
        <v>44</v>
      </c>
      <c r="V3883">
        <v>44</v>
      </c>
      <c r="W3883">
        <v>43</v>
      </c>
      <c r="X3883">
        <v>43</v>
      </c>
      <c r="Y3883">
        <v>43</v>
      </c>
      <c r="Z3883">
        <v>43</v>
      </c>
      <c r="AA3883">
        <v>42</v>
      </c>
      <c r="AB3883">
        <v>42</v>
      </c>
      <c r="AC3883">
        <v>42</v>
      </c>
      <c r="AD3883">
        <v>42</v>
      </c>
      <c r="AE3883">
        <v>42</v>
      </c>
      <c r="AF3883">
        <v>41</v>
      </c>
      <c r="AG3883">
        <v>41</v>
      </c>
      <c r="AH3883">
        <v>41</v>
      </c>
      <c r="AI3883">
        <v>41</v>
      </c>
      <c r="AJ3883">
        <v>41</v>
      </c>
      <c r="AK3883">
        <v>41</v>
      </c>
      <c r="AL3883">
        <v>40</v>
      </c>
      <c r="AM3883">
        <v>40</v>
      </c>
      <c r="AN3883">
        <v>40</v>
      </c>
      <c r="AO3883">
        <v>40</v>
      </c>
      <c r="AP3883">
        <v>40</v>
      </c>
      <c r="AQ3883">
        <v>39</v>
      </c>
    </row>
    <row r="3884" spans="1:43">
      <c r="A3884" t="s">
        <v>2456</v>
      </c>
      <c r="B3884" t="s">
        <v>2457</v>
      </c>
      <c r="C3884" t="s">
        <v>2454</v>
      </c>
      <c r="D3884" t="s">
        <v>2455</v>
      </c>
      <c r="E3884" t="s">
        <v>2352</v>
      </c>
      <c r="F3884" t="s">
        <v>2353</v>
      </c>
      <c r="G3884" t="s">
        <v>80</v>
      </c>
      <c r="H3884" t="s">
        <v>81</v>
      </c>
      <c r="I3884" s="2">
        <v>0</v>
      </c>
      <c r="J3884" s="2">
        <v>0</v>
      </c>
      <c r="K3884" s="2">
        <v>1</v>
      </c>
      <c r="L3884" t="s">
        <v>995</v>
      </c>
      <c r="M3884" t="s">
        <v>89</v>
      </c>
      <c r="N3884" t="s">
        <v>90</v>
      </c>
      <c r="O3884" t="s">
        <v>85</v>
      </c>
      <c r="P3884" t="s">
        <v>86</v>
      </c>
      <c r="Q3884">
        <v>45</v>
      </c>
      <c r="R3884">
        <v>46</v>
      </c>
      <c r="S3884">
        <v>47</v>
      </c>
      <c r="T3884">
        <v>47</v>
      </c>
      <c r="U3884">
        <v>48</v>
      </c>
      <c r="V3884">
        <v>48</v>
      </c>
      <c r="W3884">
        <v>48</v>
      </c>
      <c r="X3884">
        <v>49</v>
      </c>
      <c r="Y3884">
        <v>49</v>
      </c>
      <c r="Z3884">
        <v>49</v>
      </c>
      <c r="AA3884">
        <v>50</v>
      </c>
      <c r="AB3884">
        <v>50</v>
      </c>
      <c r="AC3884">
        <v>50</v>
      </c>
      <c r="AD3884">
        <v>50</v>
      </c>
      <c r="AE3884">
        <v>50</v>
      </c>
      <c r="AF3884">
        <v>50</v>
      </c>
      <c r="AG3884">
        <v>50</v>
      </c>
      <c r="AH3884">
        <v>49</v>
      </c>
      <c r="AI3884">
        <v>49</v>
      </c>
      <c r="AJ3884">
        <v>48</v>
      </c>
      <c r="AK3884">
        <v>48</v>
      </c>
      <c r="AL3884">
        <v>48</v>
      </c>
      <c r="AM3884">
        <v>47</v>
      </c>
      <c r="AN3884">
        <v>47</v>
      </c>
      <c r="AO3884">
        <v>47</v>
      </c>
      <c r="AP3884">
        <v>46</v>
      </c>
      <c r="AQ3884">
        <v>46</v>
      </c>
    </row>
    <row r="3885" spans="1:43">
      <c r="A3885" t="s">
        <v>2456</v>
      </c>
      <c r="B3885" t="s">
        <v>2457</v>
      </c>
      <c r="C3885" t="s">
        <v>2454</v>
      </c>
      <c r="D3885" t="s">
        <v>2455</v>
      </c>
      <c r="E3885" t="s">
        <v>2352</v>
      </c>
      <c r="F3885" t="s">
        <v>2353</v>
      </c>
      <c r="G3885" t="s">
        <v>80</v>
      </c>
      <c r="H3885" t="s">
        <v>81</v>
      </c>
      <c r="I3885" s="2">
        <v>0</v>
      </c>
      <c r="J3885" s="2">
        <v>0</v>
      </c>
      <c r="K3885" s="2">
        <v>1</v>
      </c>
      <c r="L3885" t="s">
        <v>995</v>
      </c>
      <c r="M3885" t="s">
        <v>83</v>
      </c>
      <c r="N3885" t="s">
        <v>91</v>
      </c>
      <c r="O3885" t="s">
        <v>85</v>
      </c>
      <c r="P3885" t="s">
        <v>86</v>
      </c>
      <c r="Q3885">
        <v>45</v>
      </c>
      <c r="R3885">
        <v>45</v>
      </c>
      <c r="S3885">
        <v>45</v>
      </c>
      <c r="T3885">
        <v>46</v>
      </c>
      <c r="U3885">
        <v>46</v>
      </c>
      <c r="V3885">
        <v>46</v>
      </c>
      <c r="W3885">
        <v>46</v>
      </c>
      <c r="X3885">
        <v>46</v>
      </c>
      <c r="Y3885">
        <v>46</v>
      </c>
      <c r="Z3885">
        <v>47</v>
      </c>
      <c r="AA3885">
        <v>47</v>
      </c>
      <c r="AB3885">
        <v>47</v>
      </c>
      <c r="AC3885">
        <v>47</v>
      </c>
      <c r="AD3885">
        <v>47</v>
      </c>
      <c r="AE3885">
        <v>47</v>
      </c>
      <c r="AF3885">
        <v>47</v>
      </c>
      <c r="AG3885">
        <v>47</v>
      </c>
      <c r="AH3885">
        <v>47</v>
      </c>
      <c r="AI3885">
        <v>47</v>
      </c>
      <c r="AJ3885">
        <v>47</v>
      </c>
      <c r="AK3885">
        <v>47</v>
      </c>
      <c r="AL3885">
        <v>47</v>
      </c>
      <c r="AM3885">
        <v>47</v>
      </c>
      <c r="AN3885">
        <v>46</v>
      </c>
      <c r="AO3885">
        <v>46</v>
      </c>
      <c r="AP3885">
        <v>46</v>
      </c>
      <c r="AQ3885">
        <v>46</v>
      </c>
    </row>
    <row r="3886" spans="1:43">
      <c r="A3886" t="s">
        <v>2458</v>
      </c>
      <c r="B3886" t="s">
        <v>2459</v>
      </c>
      <c r="C3886" t="s">
        <v>2460</v>
      </c>
      <c r="D3886" t="s">
        <v>2461</v>
      </c>
      <c r="E3886" t="s">
        <v>2352</v>
      </c>
      <c r="F3886" t="s">
        <v>2353</v>
      </c>
      <c r="G3886" t="s">
        <v>80</v>
      </c>
      <c r="H3886" t="s">
        <v>81</v>
      </c>
      <c r="I3886" s="2">
        <v>0</v>
      </c>
      <c r="J3886" s="2">
        <v>0</v>
      </c>
      <c r="K3886" s="2">
        <v>1</v>
      </c>
      <c r="L3886" t="s">
        <v>995</v>
      </c>
      <c r="M3886" t="s">
        <v>83</v>
      </c>
      <c r="N3886" t="s">
        <v>84</v>
      </c>
      <c r="O3886" t="s">
        <v>85</v>
      </c>
      <c r="P3886" t="s">
        <v>86</v>
      </c>
      <c r="Q3886">
        <v>11</v>
      </c>
      <c r="R3886">
        <v>12</v>
      </c>
      <c r="S3886">
        <v>12</v>
      </c>
      <c r="T3886">
        <v>12</v>
      </c>
      <c r="U3886">
        <v>12</v>
      </c>
      <c r="V3886">
        <v>12</v>
      </c>
      <c r="W3886">
        <v>12</v>
      </c>
      <c r="X3886">
        <v>12</v>
      </c>
      <c r="Y3886">
        <v>12</v>
      </c>
      <c r="Z3886">
        <v>12</v>
      </c>
      <c r="AA3886">
        <v>12</v>
      </c>
      <c r="AB3886">
        <v>12</v>
      </c>
      <c r="AC3886">
        <v>12</v>
      </c>
      <c r="AD3886">
        <v>12</v>
      </c>
      <c r="AE3886">
        <v>12</v>
      </c>
      <c r="AF3886">
        <v>12</v>
      </c>
      <c r="AG3886">
        <v>12</v>
      </c>
      <c r="AH3886">
        <v>12</v>
      </c>
      <c r="AI3886">
        <v>12</v>
      </c>
      <c r="AJ3886">
        <v>12</v>
      </c>
      <c r="AK3886">
        <v>12</v>
      </c>
      <c r="AL3886">
        <v>12</v>
      </c>
      <c r="AM3886">
        <v>12</v>
      </c>
      <c r="AN3886">
        <v>11</v>
      </c>
      <c r="AO3886">
        <v>11</v>
      </c>
      <c r="AP3886">
        <v>11</v>
      </c>
      <c r="AQ3886">
        <v>11</v>
      </c>
    </row>
    <row r="3887" spans="1:43">
      <c r="A3887" t="s">
        <v>2458</v>
      </c>
      <c r="B3887" t="s">
        <v>2459</v>
      </c>
      <c r="C3887" t="s">
        <v>2460</v>
      </c>
      <c r="D3887" t="s">
        <v>2461</v>
      </c>
      <c r="E3887" t="s">
        <v>2352</v>
      </c>
      <c r="F3887" t="s">
        <v>2353</v>
      </c>
      <c r="G3887" t="s">
        <v>80</v>
      </c>
      <c r="H3887" t="s">
        <v>81</v>
      </c>
      <c r="I3887" s="2">
        <v>0</v>
      </c>
      <c r="J3887" s="2">
        <v>0</v>
      </c>
      <c r="K3887" s="2">
        <v>1</v>
      </c>
      <c r="L3887" t="s">
        <v>995</v>
      </c>
      <c r="M3887" t="s">
        <v>87</v>
      </c>
      <c r="N3887" t="s">
        <v>88</v>
      </c>
      <c r="O3887" t="s">
        <v>85</v>
      </c>
      <c r="P3887" t="s">
        <v>86</v>
      </c>
      <c r="Q3887">
        <v>11</v>
      </c>
      <c r="R3887">
        <v>11</v>
      </c>
      <c r="S3887">
        <v>11</v>
      </c>
      <c r="T3887">
        <v>11</v>
      </c>
      <c r="U3887">
        <v>11</v>
      </c>
      <c r="V3887">
        <v>11</v>
      </c>
      <c r="W3887">
        <v>11</v>
      </c>
      <c r="X3887">
        <v>11</v>
      </c>
      <c r="Y3887">
        <v>11</v>
      </c>
      <c r="Z3887">
        <v>11</v>
      </c>
      <c r="AA3887">
        <v>11</v>
      </c>
      <c r="AB3887">
        <v>11</v>
      </c>
      <c r="AC3887">
        <v>11</v>
      </c>
      <c r="AD3887">
        <v>10</v>
      </c>
      <c r="AE3887">
        <v>10</v>
      </c>
      <c r="AF3887">
        <v>10</v>
      </c>
      <c r="AG3887">
        <v>10</v>
      </c>
      <c r="AH3887">
        <v>10</v>
      </c>
      <c r="AI3887">
        <v>10</v>
      </c>
      <c r="AJ3887">
        <v>10</v>
      </c>
      <c r="AK3887">
        <v>10</v>
      </c>
      <c r="AL3887">
        <v>10</v>
      </c>
      <c r="AM3887">
        <v>10</v>
      </c>
      <c r="AN3887">
        <v>10</v>
      </c>
      <c r="AO3887">
        <v>10</v>
      </c>
      <c r="AP3887">
        <v>10</v>
      </c>
      <c r="AQ3887">
        <v>10</v>
      </c>
    </row>
    <row r="3888" spans="1:43">
      <c r="A3888" t="s">
        <v>2458</v>
      </c>
      <c r="B3888" t="s">
        <v>2459</v>
      </c>
      <c r="C3888" t="s">
        <v>2460</v>
      </c>
      <c r="D3888" t="s">
        <v>2461</v>
      </c>
      <c r="E3888" t="s">
        <v>2352</v>
      </c>
      <c r="F3888" t="s">
        <v>2353</v>
      </c>
      <c r="G3888" t="s">
        <v>80</v>
      </c>
      <c r="H3888" t="s">
        <v>81</v>
      </c>
      <c r="I3888" s="2">
        <v>0</v>
      </c>
      <c r="J3888" s="2">
        <v>0</v>
      </c>
      <c r="K3888" s="2">
        <v>1</v>
      </c>
      <c r="L3888" t="s">
        <v>995</v>
      </c>
      <c r="M3888" t="s">
        <v>89</v>
      </c>
      <c r="N3888" t="s">
        <v>90</v>
      </c>
      <c r="O3888" t="s">
        <v>85</v>
      </c>
      <c r="P3888" t="s">
        <v>86</v>
      </c>
      <c r="Q3888">
        <v>11</v>
      </c>
      <c r="R3888">
        <v>11</v>
      </c>
      <c r="S3888">
        <v>11</v>
      </c>
      <c r="T3888">
        <v>11</v>
      </c>
      <c r="U3888">
        <v>11</v>
      </c>
      <c r="V3888">
        <v>11</v>
      </c>
      <c r="W3888">
        <v>11</v>
      </c>
      <c r="X3888">
        <v>11</v>
      </c>
      <c r="Y3888">
        <v>11</v>
      </c>
      <c r="Z3888">
        <v>11</v>
      </c>
      <c r="AA3888">
        <v>11</v>
      </c>
      <c r="AB3888">
        <v>12</v>
      </c>
      <c r="AC3888">
        <v>12</v>
      </c>
      <c r="AD3888">
        <v>12</v>
      </c>
      <c r="AE3888">
        <v>12</v>
      </c>
      <c r="AF3888">
        <v>11</v>
      </c>
      <c r="AG3888">
        <v>11</v>
      </c>
      <c r="AH3888">
        <v>11</v>
      </c>
      <c r="AI3888">
        <v>11</v>
      </c>
      <c r="AJ3888">
        <v>11</v>
      </c>
      <c r="AK3888">
        <v>11</v>
      </c>
      <c r="AL3888">
        <v>11</v>
      </c>
      <c r="AM3888">
        <v>11</v>
      </c>
      <c r="AN3888">
        <v>11</v>
      </c>
      <c r="AO3888">
        <v>10</v>
      </c>
      <c r="AP3888">
        <v>10</v>
      </c>
      <c r="AQ3888">
        <v>10</v>
      </c>
    </row>
    <row r="3889" spans="1:43">
      <c r="A3889" t="s">
        <v>2458</v>
      </c>
      <c r="B3889" t="s">
        <v>2459</v>
      </c>
      <c r="C3889" t="s">
        <v>2460</v>
      </c>
      <c r="D3889" t="s">
        <v>2461</v>
      </c>
      <c r="E3889" t="s">
        <v>2352</v>
      </c>
      <c r="F3889" t="s">
        <v>2353</v>
      </c>
      <c r="G3889" t="s">
        <v>80</v>
      </c>
      <c r="H3889" t="s">
        <v>81</v>
      </c>
      <c r="I3889" s="2">
        <v>0</v>
      </c>
      <c r="J3889" s="2">
        <v>0</v>
      </c>
      <c r="K3889" s="2">
        <v>1</v>
      </c>
      <c r="L3889" t="s">
        <v>995</v>
      </c>
      <c r="M3889" t="s">
        <v>83</v>
      </c>
      <c r="N3889" t="s">
        <v>91</v>
      </c>
      <c r="O3889" t="s">
        <v>85</v>
      </c>
      <c r="P3889" t="s">
        <v>86</v>
      </c>
      <c r="Q3889">
        <v>11</v>
      </c>
      <c r="R3889">
        <v>12</v>
      </c>
      <c r="S3889">
        <v>12</v>
      </c>
      <c r="T3889">
        <v>12</v>
      </c>
      <c r="U3889">
        <v>12</v>
      </c>
      <c r="V3889">
        <v>12</v>
      </c>
      <c r="W3889">
        <v>12</v>
      </c>
      <c r="X3889">
        <v>12</v>
      </c>
      <c r="Y3889">
        <v>12</v>
      </c>
      <c r="Z3889">
        <v>12</v>
      </c>
      <c r="AA3889">
        <v>12</v>
      </c>
      <c r="AB3889">
        <v>12</v>
      </c>
      <c r="AC3889">
        <v>12</v>
      </c>
      <c r="AD3889">
        <v>12</v>
      </c>
      <c r="AE3889">
        <v>12</v>
      </c>
      <c r="AF3889">
        <v>12</v>
      </c>
      <c r="AG3889">
        <v>12</v>
      </c>
      <c r="AH3889">
        <v>12</v>
      </c>
      <c r="AI3889">
        <v>12</v>
      </c>
      <c r="AJ3889">
        <v>12</v>
      </c>
      <c r="AK3889">
        <v>12</v>
      </c>
      <c r="AL3889">
        <v>12</v>
      </c>
      <c r="AM3889">
        <v>12</v>
      </c>
      <c r="AN3889">
        <v>11</v>
      </c>
      <c r="AO3889">
        <v>11</v>
      </c>
      <c r="AP3889">
        <v>11</v>
      </c>
      <c r="AQ3889">
        <v>11</v>
      </c>
    </row>
    <row r="3890" spans="1:43">
      <c r="A3890" t="s">
        <v>2462</v>
      </c>
      <c r="B3890" t="s">
        <v>2463</v>
      </c>
      <c r="C3890" t="s">
        <v>2464</v>
      </c>
      <c r="D3890" t="s">
        <v>2465</v>
      </c>
      <c r="E3890" t="s">
        <v>2352</v>
      </c>
      <c r="F3890" t="s">
        <v>2353</v>
      </c>
      <c r="G3890" t="s">
        <v>80</v>
      </c>
      <c r="H3890" t="s">
        <v>81</v>
      </c>
      <c r="I3890" s="2">
        <v>0</v>
      </c>
      <c r="J3890" s="2">
        <v>0</v>
      </c>
      <c r="K3890" s="2">
        <v>1</v>
      </c>
      <c r="L3890" t="s">
        <v>995</v>
      </c>
      <c r="M3890" t="s">
        <v>83</v>
      </c>
      <c r="N3890" t="s">
        <v>84</v>
      </c>
      <c r="O3890" t="s">
        <v>85</v>
      </c>
      <c r="P3890" t="s">
        <v>86</v>
      </c>
      <c r="Q3890">
        <v>23</v>
      </c>
      <c r="R3890">
        <v>23</v>
      </c>
      <c r="S3890">
        <v>23</v>
      </c>
      <c r="T3890">
        <v>23</v>
      </c>
      <c r="U3890">
        <v>23</v>
      </c>
      <c r="V3890">
        <v>23</v>
      </c>
      <c r="W3890">
        <v>23</v>
      </c>
      <c r="X3890">
        <v>23</v>
      </c>
      <c r="Y3890">
        <v>23</v>
      </c>
      <c r="Z3890">
        <v>23</v>
      </c>
      <c r="AA3890">
        <v>23</v>
      </c>
      <c r="AB3890">
        <v>23</v>
      </c>
      <c r="AC3890">
        <v>23</v>
      </c>
      <c r="AD3890">
        <v>23</v>
      </c>
      <c r="AE3890">
        <v>23</v>
      </c>
      <c r="AF3890">
        <v>23</v>
      </c>
      <c r="AG3890">
        <v>23</v>
      </c>
      <c r="AH3890">
        <v>23</v>
      </c>
      <c r="AI3890">
        <v>23</v>
      </c>
      <c r="AJ3890">
        <v>23</v>
      </c>
      <c r="AK3890">
        <v>23</v>
      </c>
      <c r="AL3890">
        <v>23</v>
      </c>
      <c r="AM3890">
        <v>23</v>
      </c>
      <c r="AN3890">
        <v>23</v>
      </c>
      <c r="AO3890">
        <v>23</v>
      </c>
      <c r="AP3890">
        <v>22</v>
      </c>
      <c r="AQ3890">
        <v>22</v>
      </c>
    </row>
    <row r="3891" spans="1:43">
      <c r="A3891" t="s">
        <v>2462</v>
      </c>
      <c r="B3891" t="s">
        <v>2463</v>
      </c>
      <c r="C3891" t="s">
        <v>2464</v>
      </c>
      <c r="D3891" t="s">
        <v>2465</v>
      </c>
      <c r="E3891" t="s">
        <v>2352</v>
      </c>
      <c r="F3891" t="s">
        <v>2353</v>
      </c>
      <c r="G3891" t="s">
        <v>80</v>
      </c>
      <c r="H3891" t="s">
        <v>81</v>
      </c>
      <c r="I3891" s="2">
        <v>0</v>
      </c>
      <c r="J3891" s="2">
        <v>0</v>
      </c>
      <c r="K3891" s="2">
        <v>1</v>
      </c>
      <c r="L3891" t="s">
        <v>995</v>
      </c>
      <c r="M3891" t="s">
        <v>87</v>
      </c>
      <c r="N3891" t="s">
        <v>88</v>
      </c>
      <c r="O3891" t="s">
        <v>85</v>
      </c>
      <c r="P3891" t="s">
        <v>86</v>
      </c>
      <c r="Q3891">
        <v>23</v>
      </c>
      <c r="R3891">
        <v>23</v>
      </c>
      <c r="S3891">
        <v>22</v>
      </c>
      <c r="T3891">
        <v>22</v>
      </c>
      <c r="U3891">
        <v>22</v>
      </c>
      <c r="V3891">
        <v>22</v>
      </c>
      <c r="W3891">
        <v>22</v>
      </c>
      <c r="X3891">
        <v>22</v>
      </c>
      <c r="Y3891">
        <v>22</v>
      </c>
      <c r="Z3891">
        <v>21</v>
      </c>
      <c r="AA3891">
        <v>21</v>
      </c>
      <c r="AB3891">
        <v>21</v>
      </c>
      <c r="AC3891">
        <v>21</v>
      </c>
      <c r="AD3891">
        <v>21</v>
      </c>
      <c r="AE3891">
        <v>21</v>
      </c>
      <c r="AF3891">
        <v>21</v>
      </c>
      <c r="AG3891">
        <v>21</v>
      </c>
      <c r="AH3891">
        <v>20</v>
      </c>
      <c r="AI3891">
        <v>20</v>
      </c>
      <c r="AJ3891">
        <v>20</v>
      </c>
      <c r="AK3891">
        <v>20</v>
      </c>
      <c r="AL3891">
        <v>20</v>
      </c>
      <c r="AM3891">
        <v>20</v>
      </c>
      <c r="AN3891">
        <v>20</v>
      </c>
      <c r="AO3891">
        <v>20</v>
      </c>
      <c r="AP3891">
        <v>19</v>
      </c>
      <c r="AQ3891">
        <v>19</v>
      </c>
    </row>
    <row r="3892" spans="1:43">
      <c r="A3892" t="s">
        <v>2462</v>
      </c>
      <c r="B3892" t="s">
        <v>2463</v>
      </c>
      <c r="C3892" t="s">
        <v>2464</v>
      </c>
      <c r="D3892" t="s">
        <v>2465</v>
      </c>
      <c r="E3892" t="s">
        <v>2352</v>
      </c>
      <c r="F3892" t="s">
        <v>2353</v>
      </c>
      <c r="G3892" t="s">
        <v>80</v>
      </c>
      <c r="H3892" t="s">
        <v>81</v>
      </c>
      <c r="I3892" s="2">
        <v>0</v>
      </c>
      <c r="J3892" s="2">
        <v>0</v>
      </c>
      <c r="K3892" s="2">
        <v>1</v>
      </c>
      <c r="L3892" t="s">
        <v>995</v>
      </c>
      <c r="M3892" t="s">
        <v>89</v>
      </c>
      <c r="N3892" t="s">
        <v>90</v>
      </c>
      <c r="O3892" t="s">
        <v>85</v>
      </c>
      <c r="P3892" t="s">
        <v>86</v>
      </c>
      <c r="Q3892">
        <v>23</v>
      </c>
      <c r="R3892">
        <v>23</v>
      </c>
      <c r="S3892">
        <v>24</v>
      </c>
      <c r="T3892">
        <v>24</v>
      </c>
      <c r="U3892">
        <v>24</v>
      </c>
      <c r="V3892">
        <v>24</v>
      </c>
      <c r="W3892">
        <v>24</v>
      </c>
      <c r="X3892">
        <v>25</v>
      </c>
      <c r="Y3892">
        <v>25</v>
      </c>
      <c r="Z3892">
        <v>25</v>
      </c>
      <c r="AA3892">
        <v>25</v>
      </c>
      <c r="AB3892">
        <v>25</v>
      </c>
      <c r="AC3892">
        <v>25</v>
      </c>
      <c r="AD3892">
        <v>25</v>
      </c>
      <c r="AE3892">
        <v>25</v>
      </c>
      <c r="AF3892">
        <v>25</v>
      </c>
      <c r="AG3892">
        <v>25</v>
      </c>
      <c r="AH3892">
        <v>24</v>
      </c>
      <c r="AI3892">
        <v>24</v>
      </c>
      <c r="AJ3892">
        <v>24</v>
      </c>
      <c r="AK3892">
        <v>24</v>
      </c>
      <c r="AL3892">
        <v>23</v>
      </c>
      <c r="AM3892">
        <v>23</v>
      </c>
      <c r="AN3892">
        <v>23</v>
      </c>
      <c r="AO3892">
        <v>23</v>
      </c>
      <c r="AP3892">
        <v>23</v>
      </c>
      <c r="AQ3892">
        <v>22</v>
      </c>
    </row>
    <row r="3893" spans="1:43">
      <c r="A3893" t="s">
        <v>2462</v>
      </c>
      <c r="B3893" t="s">
        <v>2463</v>
      </c>
      <c r="C3893" t="s">
        <v>2464</v>
      </c>
      <c r="D3893" t="s">
        <v>2465</v>
      </c>
      <c r="E3893" t="s">
        <v>2352</v>
      </c>
      <c r="F3893" t="s">
        <v>2353</v>
      </c>
      <c r="G3893" t="s">
        <v>80</v>
      </c>
      <c r="H3893" t="s">
        <v>81</v>
      </c>
      <c r="I3893" s="2">
        <v>0</v>
      </c>
      <c r="J3893" s="2">
        <v>0</v>
      </c>
      <c r="K3893" s="2">
        <v>1</v>
      </c>
      <c r="L3893" t="s">
        <v>995</v>
      </c>
      <c r="M3893" t="s">
        <v>83</v>
      </c>
      <c r="N3893" t="s">
        <v>91</v>
      </c>
      <c r="O3893" t="s">
        <v>85</v>
      </c>
      <c r="P3893" t="s">
        <v>86</v>
      </c>
      <c r="Q3893">
        <v>23</v>
      </c>
      <c r="R3893">
        <v>23</v>
      </c>
      <c r="S3893">
        <v>23</v>
      </c>
      <c r="T3893">
        <v>23</v>
      </c>
      <c r="U3893">
        <v>23</v>
      </c>
      <c r="V3893">
        <v>23</v>
      </c>
      <c r="W3893">
        <v>23</v>
      </c>
      <c r="X3893">
        <v>23</v>
      </c>
      <c r="Y3893">
        <v>23</v>
      </c>
      <c r="Z3893">
        <v>23</v>
      </c>
      <c r="AA3893">
        <v>23</v>
      </c>
      <c r="AB3893">
        <v>23</v>
      </c>
      <c r="AC3893">
        <v>23</v>
      </c>
      <c r="AD3893">
        <v>23</v>
      </c>
      <c r="AE3893">
        <v>23</v>
      </c>
      <c r="AF3893">
        <v>23</v>
      </c>
      <c r="AG3893">
        <v>23</v>
      </c>
      <c r="AH3893">
        <v>23</v>
      </c>
      <c r="AI3893">
        <v>23</v>
      </c>
      <c r="AJ3893">
        <v>23</v>
      </c>
      <c r="AK3893">
        <v>23</v>
      </c>
      <c r="AL3893">
        <v>23</v>
      </c>
      <c r="AM3893">
        <v>23</v>
      </c>
      <c r="AN3893">
        <v>23</v>
      </c>
      <c r="AO3893">
        <v>23</v>
      </c>
      <c r="AP3893">
        <v>22</v>
      </c>
      <c r="AQ3893">
        <v>22</v>
      </c>
    </row>
    <row r="3894" spans="1:43">
      <c r="A3894" t="s">
        <v>2466</v>
      </c>
      <c r="B3894" t="s">
        <v>2467</v>
      </c>
      <c r="C3894" t="s">
        <v>2464</v>
      </c>
      <c r="D3894" t="s">
        <v>2465</v>
      </c>
      <c r="E3894" t="s">
        <v>2352</v>
      </c>
      <c r="F3894" t="s">
        <v>2353</v>
      </c>
      <c r="G3894" t="s">
        <v>80</v>
      </c>
      <c r="H3894" t="s">
        <v>81</v>
      </c>
      <c r="I3894" s="2">
        <v>0</v>
      </c>
      <c r="J3894" s="2">
        <v>0</v>
      </c>
      <c r="K3894" s="2">
        <v>1</v>
      </c>
      <c r="L3894" t="s">
        <v>995</v>
      </c>
      <c r="M3894" t="s">
        <v>83</v>
      </c>
      <c r="N3894" t="s">
        <v>84</v>
      </c>
      <c r="O3894" t="s">
        <v>85</v>
      </c>
      <c r="P3894" t="s">
        <v>86</v>
      </c>
      <c r="Q3894">
        <v>12</v>
      </c>
      <c r="R3894">
        <v>12</v>
      </c>
      <c r="S3894">
        <v>12</v>
      </c>
      <c r="T3894">
        <v>13</v>
      </c>
      <c r="U3894">
        <v>13</v>
      </c>
      <c r="V3894">
        <v>13</v>
      </c>
      <c r="W3894">
        <v>13</v>
      </c>
      <c r="X3894">
        <v>13</v>
      </c>
      <c r="Y3894">
        <v>13</v>
      </c>
      <c r="Z3894">
        <v>13</v>
      </c>
      <c r="AA3894">
        <v>13</v>
      </c>
      <c r="AB3894">
        <v>13</v>
      </c>
      <c r="AC3894">
        <v>13</v>
      </c>
      <c r="AD3894">
        <v>13</v>
      </c>
      <c r="AE3894">
        <v>13</v>
      </c>
      <c r="AF3894">
        <v>13</v>
      </c>
      <c r="AG3894">
        <v>13</v>
      </c>
      <c r="AH3894">
        <v>13</v>
      </c>
      <c r="AI3894">
        <v>13</v>
      </c>
      <c r="AJ3894">
        <v>13</v>
      </c>
      <c r="AK3894">
        <v>13</v>
      </c>
      <c r="AL3894">
        <v>13</v>
      </c>
      <c r="AM3894">
        <v>13</v>
      </c>
      <c r="AN3894">
        <v>13</v>
      </c>
      <c r="AO3894">
        <v>13</v>
      </c>
      <c r="AP3894">
        <v>12</v>
      </c>
      <c r="AQ3894">
        <v>12</v>
      </c>
    </row>
    <row r="3895" spans="1:43">
      <c r="A3895" t="s">
        <v>2466</v>
      </c>
      <c r="B3895" t="s">
        <v>2467</v>
      </c>
      <c r="C3895" t="s">
        <v>2464</v>
      </c>
      <c r="D3895" t="s">
        <v>2465</v>
      </c>
      <c r="E3895" t="s">
        <v>2352</v>
      </c>
      <c r="F3895" t="s">
        <v>2353</v>
      </c>
      <c r="G3895" t="s">
        <v>80</v>
      </c>
      <c r="H3895" t="s">
        <v>81</v>
      </c>
      <c r="I3895" s="2">
        <v>0</v>
      </c>
      <c r="J3895" s="2">
        <v>0</v>
      </c>
      <c r="K3895" s="2">
        <v>1</v>
      </c>
      <c r="L3895" t="s">
        <v>995</v>
      </c>
      <c r="M3895" t="s">
        <v>87</v>
      </c>
      <c r="N3895" t="s">
        <v>88</v>
      </c>
      <c r="O3895" t="s">
        <v>85</v>
      </c>
      <c r="P3895" t="s">
        <v>86</v>
      </c>
      <c r="Q3895">
        <v>12</v>
      </c>
      <c r="R3895">
        <v>12</v>
      </c>
      <c r="S3895">
        <v>12</v>
      </c>
      <c r="T3895">
        <v>12</v>
      </c>
      <c r="U3895">
        <v>12</v>
      </c>
      <c r="V3895">
        <v>12</v>
      </c>
      <c r="W3895">
        <v>12</v>
      </c>
      <c r="X3895">
        <v>12</v>
      </c>
      <c r="Y3895">
        <v>12</v>
      </c>
      <c r="Z3895">
        <v>12</v>
      </c>
      <c r="AA3895">
        <v>12</v>
      </c>
      <c r="AB3895">
        <v>12</v>
      </c>
      <c r="AC3895">
        <v>12</v>
      </c>
      <c r="AD3895">
        <v>11</v>
      </c>
      <c r="AE3895">
        <v>11</v>
      </c>
      <c r="AF3895">
        <v>11</v>
      </c>
      <c r="AG3895">
        <v>11</v>
      </c>
      <c r="AH3895">
        <v>11</v>
      </c>
      <c r="AI3895">
        <v>11</v>
      </c>
      <c r="AJ3895">
        <v>11</v>
      </c>
      <c r="AK3895">
        <v>11</v>
      </c>
      <c r="AL3895">
        <v>11</v>
      </c>
      <c r="AM3895">
        <v>11</v>
      </c>
      <c r="AN3895">
        <v>11</v>
      </c>
      <c r="AO3895">
        <v>11</v>
      </c>
      <c r="AP3895">
        <v>11</v>
      </c>
      <c r="AQ3895">
        <v>11</v>
      </c>
    </row>
    <row r="3896" spans="1:43">
      <c r="A3896" t="s">
        <v>2466</v>
      </c>
      <c r="B3896" t="s">
        <v>2467</v>
      </c>
      <c r="C3896" t="s">
        <v>2464</v>
      </c>
      <c r="D3896" t="s">
        <v>2465</v>
      </c>
      <c r="E3896" t="s">
        <v>2352</v>
      </c>
      <c r="F3896" t="s">
        <v>2353</v>
      </c>
      <c r="G3896" t="s">
        <v>80</v>
      </c>
      <c r="H3896" t="s">
        <v>81</v>
      </c>
      <c r="I3896" s="2">
        <v>0</v>
      </c>
      <c r="J3896" s="2">
        <v>0</v>
      </c>
      <c r="K3896" s="2">
        <v>1</v>
      </c>
      <c r="L3896" t="s">
        <v>995</v>
      </c>
      <c r="M3896" t="s">
        <v>89</v>
      </c>
      <c r="N3896" t="s">
        <v>90</v>
      </c>
      <c r="O3896" t="s">
        <v>85</v>
      </c>
      <c r="P3896" t="s">
        <v>86</v>
      </c>
      <c r="Q3896">
        <v>12</v>
      </c>
      <c r="R3896">
        <v>13</v>
      </c>
      <c r="S3896">
        <v>13</v>
      </c>
      <c r="T3896">
        <v>13</v>
      </c>
      <c r="U3896">
        <v>13</v>
      </c>
      <c r="V3896">
        <v>13</v>
      </c>
      <c r="W3896">
        <v>13</v>
      </c>
      <c r="X3896">
        <v>13</v>
      </c>
      <c r="Y3896">
        <v>13</v>
      </c>
      <c r="Z3896">
        <v>14</v>
      </c>
      <c r="AA3896">
        <v>14</v>
      </c>
      <c r="AB3896">
        <v>14</v>
      </c>
      <c r="AC3896">
        <v>14</v>
      </c>
      <c r="AD3896">
        <v>14</v>
      </c>
      <c r="AE3896">
        <v>14</v>
      </c>
      <c r="AF3896">
        <v>14</v>
      </c>
      <c r="AG3896">
        <v>14</v>
      </c>
      <c r="AH3896">
        <v>13</v>
      </c>
      <c r="AI3896">
        <v>13</v>
      </c>
      <c r="AJ3896">
        <v>13</v>
      </c>
      <c r="AK3896">
        <v>13</v>
      </c>
      <c r="AL3896">
        <v>13</v>
      </c>
      <c r="AM3896">
        <v>13</v>
      </c>
      <c r="AN3896">
        <v>13</v>
      </c>
      <c r="AO3896">
        <v>13</v>
      </c>
      <c r="AP3896">
        <v>13</v>
      </c>
      <c r="AQ3896">
        <v>12</v>
      </c>
    </row>
    <row r="3897" spans="1:43">
      <c r="A3897" t="s">
        <v>2466</v>
      </c>
      <c r="B3897" t="s">
        <v>2467</v>
      </c>
      <c r="C3897" t="s">
        <v>2464</v>
      </c>
      <c r="D3897" t="s">
        <v>2465</v>
      </c>
      <c r="E3897" t="s">
        <v>2352</v>
      </c>
      <c r="F3897" t="s">
        <v>2353</v>
      </c>
      <c r="G3897" t="s">
        <v>80</v>
      </c>
      <c r="H3897" t="s">
        <v>81</v>
      </c>
      <c r="I3897" s="2">
        <v>0</v>
      </c>
      <c r="J3897" s="2">
        <v>0</v>
      </c>
      <c r="K3897" s="2">
        <v>1</v>
      </c>
      <c r="L3897" t="s">
        <v>995</v>
      </c>
      <c r="M3897" t="s">
        <v>83</v>
      </c>
      <c r="N3897" t="s">
        <v>91</v>
      </c>
      <c r="O3897" t="s">
        <v>85</v>
      </c>
      <c r="P3897" t="s">
        <v>86</v>
      </c>
      <c r="Q3897">
        <v>12</v>
      </c>
      <c r="R3897">
        <v>12</v>
      </c>
      <c r="S3897">
        <v>12</v>
      </c>
      <c r="T3897">
        <v>13</v>
      </c>
      <c r="U3897">
        <v>13</v>
      </c>
      <c r="V3897">
        <v>13</v>
      </c>
      <c r="W3897">
        <v>13</v>
      </c>
      <c r="X3897">
        <v>13</v>
      </c>
      <c r="Y3897">
        <v>13</v>
      </c>
      <c r="Z3897">
        <v>13</v>
      </c>
      <c r="AA3897">
        <v>13</v>
      </c>
      <c r="AB3897">
        <v>13</v>
      </c>
      <c r="AC3897">
        <v>13</v>
      </c>
      <c r="AD3897">
        <v>13</v>
      </c>
      <c r="AE3897">
        <v>13</v>
      </c>
      <c r="AF3897">
        <v>13</v>
      </c>
      <c r="AG3897">
        <v>13</v>
      </c>
      <c r="AH3897">
        <v>13</v>
      </c>
      <c r="AI3897">
        <v>13</v>
      </c>
      <c r="AJ3897">
        <v>13</v>
      </c>
      <c r="AK3897">
        <v>13</v>
      </c>
      <c r="AL3897">
        <v>13</v>
      </c>
      <c r="AM3897">
        <v>13</v>
      </c>
      <c r="AN3897">
        <v>13</v>
      </c>
      <c r="AO3897">
        <v>13</v>
      </c>
      <c r="AP3897">
        <v>12</v>
      </c>
      <c r="AQ3897">
        <v>12</v>
      </c>
    </row>
    <row r="3898" spans="1:43">
      <c r="A3898" t="s">
        <v>2468</v>
      </c>
      <c r="B3898" t="s">
        <v>2469</v>
      </c>
      <c r="C3898" t="s">
        <v>2464</v>
      </c>
      <c r="D3898" t="s">
        <v>2465</v>
      </c>
      <c r="E3898" t="s">
        <v>2352</v>
      </c>
      <c r="F3898" t="s">
        <v>2353</v>
      </c>
      <c r="G3898" t="s">
        <v>80</v>
      </c>
      <c r="H3898" t="s">
        <v>81</v>
      </c>
      <c r="I3898" s="2">
        <v>0</v>
      </c>
      <c r="J3898" s="2">
        <v>0</v>
      </c>
      <c r="K3898" s="2">
        <v>1</v>
      </c>
      <c r="L3898" t="s">
        <v>995</v>
      </c>
      <c r="M3898" t="s">
        <v>83</v>
      </c>
      <c r="N3898" t="s">
        <v>84</v>
      </c>
      <c r="O3898" t="s">
        <v>85</v>
      </c>
      <c r="P3898" t="s">
        <v>86</v>
      </c>
      <c r="Q3898">
        <v>13</v>
      </c>
      <c r="R3898">
        <v>13</v>
      </c>
      <c r="S3898">
        <v>13</v>
      </c>
      <c r="T3898">
        <v>13</v>
      </c>
      <c r="U3898">
        <v>13</v>
      </c>
      <c r="V3898">
        <v>13</v>
      </c>
      <c r="W3898">
        <v>13</v>
      </c>
      <c r="X3898">
        <v>13</v>
      </c>
      <c r="Y3898">
        <v>13</v>
      </c>
      <c r="Z3898">
        <v>14</v>
      </c>
      <c r="AA3898">
        <v>14</v>
      </c>
      <c r="AB3898">
        <v>14</v>
      </c>
      <c r="AC3898">
        <v>14</v>
      </c>
      <c r="AD3898">
        <v>14</v>
      </c>
      <c r="AE3898">
        <v>14</v>
      </c>
      <c r="AF3898">
        <v>14</v>
      </c>
      <c r="AG3898">
        <v>14</v>
      </c>
      <c r="AH3898">
        <v>14</v>
      </c>
      <c r="AI3898">
        <v>14</v>
      </c>
      <c r="AJ3898">
        <v>14</v>
      </c>
      <c r="AK3898">
        <v>14</v>
      </c>
      <c r="AL3898">
        <v>13</v>
      </c>
      <c r="AM3898">
        <v>13</v>
      </c>
      <c r="AN3898">
        <v>13</v>
      </c>
      <c r="AO3898">
        <v>13</v>
      </c>
      <c r="AP3898">
        <v>13</v>
      </c>
      <c r="AQ3898">
        <v>13</v>
      </c>
    </row>
    <row r="3899" spans="1:43">
      <c r="A3899" t="s">
        <v>2468</v>
      </c>
      <c r="B3899" t="s">
        <v>2469</v>
      </c>
      <c r="C3899" t="s">
        <v>2464</v>
      </c>
      <c r="D3899" t="s">
        <v>2465</v>
      </c>
      <c r="E3899" t="s">
        <v>2352</v>
      </c>
      <c r="F3899" t="s">
        <v>2353</v>
      </c>
      <c r="G3899" t="s">
        <v>80</v>
      </c>
      <c r="H3899" t="s">
        <v>81</v>
      </c>
      <c r="I3899" s="2">
        <v>0</v>
      </c>
      <c r="J3899" s="2">
        <v>0</v>
      </c>
      <c r="K3899" s="2">
        <v>1</v>
      </c>
      <c r="L3899" t="s">
        <v>995</v>
      </c>
      <c r="M3899" t="s">
        <v>87</v>
      </c>
      <c r="N3899" t="s">
        <v>88</v>
      </c>
      <c r="O3899" t="s">
        <v>85</v>
      </c>
      <c r="P3899" t="s">
        <v>86</v>
      </c>
      <c r="Q3899">
        <v>13</v>
      </c>
      <c r="R3899">
        <v>13</v>
      </c>
      <c r="S3899">
        <v>13</v>
      </c>
      <c r="T3899">
        <v>13</v>
      </c>
      <c r="U3899">
        <v>13</v>
      </c>
      <c r="V3899">
        <v>13</v>
      </c>
      <c r="W3899">
        <v>13</v>
      </c>
      <c r="X3899">
        <v>13</v>
      </c>
      <c r="Y3899">
        <v>12</v>
      </c>
      <c r="Z3899">
        <v>12</v>
      </c>
      <c r="AA3899">
        <v>12</v>
      </c>
      <c r="AB3899">
        <v>12</v>
      </c>
      <c r="AC3899">
        <v>12</v>
      </c>
      <c r="AD3899">
        <v>12</v>
      </c>
      <c r="AE3899">
        <v>12</v>
      </c>
      <c r="AF3899">
        <v>12</v>
      </c>
      <c r="AG3899">
        <v>12</v>
      </c>
      <c r="AH3899">
        <v>12</v>
      </c>
      <c r="AI3899">
        <v>12</v>
      </c>
      <c r="AJ3899">
        <v>12</v>
      </c>
      <c r="AK3899">
        <v>12</v>
      </c>
      <c r="AL3899">
        <v>11</v>
      </c>
      <c r="AM3899">
        <v>11</v>
      </c>
      <c r="AN3899">
        <v>11</v>
      </c>
      <c r="AO3899">
        <v>11</v>
      </c>
      <c r="AP3899">
        <v>11</v>
      </c>
      <c r="AQ3899">
        <v>11</v>
      </c>
    </row>
    <row r="3900" spans="1:43">
      <c r="A3900" t="s">
        <v>2468</v>
      </c>
      <c r="B3900" t="s">
        <v>2469</v>
      </c>
      <c r="C3900" t="s">
        <v>2464</v>
      </c>
      <c r="D3900" t="s">
        <v>2465</v>
      </c>
      <c r="E3900" t="s">
        <v>2352</v>
      </c>
      <c r="F3900" t="s">
        <v>2353</v>
      </c>
      <c r="G3900" t="s">
        <v>80</v>
      </c>
      <c r="H3900" t="s">
        <v>81</v>
      </c>
      <c r="I3900" s="2">
        <v>0</v>
      </c>
      <c r="J3900" s="2">
        <v>0</v>
      </c>
      <c r="K3900" s="2">
        <v>1</v>
      </c>
      <c r="L3900" t="s">
        <v>995</v>
      </c>
      <c r="M3900" t="s">
        <v>89</v>
      </c>
      <c r="N3900" t="s">
        <v>90</v>
      </c>
      <c r="O3900" t="s">
        <v>85</v>
      </c>
      <c r="P3900" t="s">
        <v>86</v>
      </c>
      <c r="Q3900">
        <v>13</v>
      </c>
      <c r="R3900">
        <v>14</v>
      </c>
      <c r="S3900">
        <v>14</v>
      </c>
      <c r="T3900">
        <v>14</v>
      </c>
      <c r="U3900">
        <v>14</v>
      </c>
      <c r="V3900">
        <v>14</v>
      </c>
      <c r="W3900">
        <v>14</v>
      </c>
      <c r="X3900">
        <v>14</v>
      </c>
      <c r="Y3900">
        <v>14</v>
      </c>
      <c r="Z3900">
        <v>14</v>
      </c>
      <c r="AA3900">
        <v>14</v>
      </c>
      <c r="AB3900">
        <v>14</v>
      </c>
      <c r="AC3900">
        <v>15</v>
      </c>
      <c r="AD3900">
        <v>15</v>
      </c>
      <c r="AE3900">
        <v>15</v>
      </c>
      <c r="AF3900">
        <v>14</v>
      </c>
      <c r="AG3900">
        <v>14</v>
      </c>
      <c r="AH3900">
        <v>14</v>
      </c>
      <c r="AI3900">
        <v>14</v>
      </c>
      <c r="AJ3900">
        <v>14</v>
      </c>
      <c r="AK3900">
        <v>14</v>
      </c>
      <c r="AL3900">
        <v>14</v>
      </c>
      <c r="AM3900">
        <v>13</v>
      </c>
      <c r="AN3900">
        <v>13</v>
      </c>
      <c r="AO3900">
        <v>13</v>
      </c>
      <c r="AP3900">
        <v>13</v>
      </c>
      <c r="AQ3900">
        <v>13</v>
      </c>
    </row>
    <row r="3901" spans="1:43">
      <c r="A3901" t="s">
        <v>2468</v>
      </c>
      <c r="B3901" t="s">
        <v>2469</v>
      </c>
      <c r="C3901" t="s">
        <v>2464</v>
      </c>
      <c r="D3901" t="s">
        <v>2465</v>
      </c>
      <c r="E3901" t="s">
        <v>2352</v>
      </c>
      <c r="F3901" t="s">
        <v>2353</v>
      </c>
      <c r="G3901" t="s">
        <v>80</v>
      </c>
      <c r="H3901" t="s">
        <v>81</v>
      </c>
      <c r="I3901" s="2">
        <v>0</v>
      </c>
      <c r="J3901" s="2">
        <v>0</v>
      </c>
      <c r="K3901" s="2">
        <v>1</v>
      </c>
      <c r="L3901" t="s">
        <v>995</v>
      </c>
      <c r="M3901" t="s">
        <v>83</v>
      </c>
      <c r="N3901" t="s">
        <v>91</v>
      </c>
      <c r="O3901" t="s">
        <v>85</v>
      </c>
      <c r="P3901" t="s">
        <v>86</v>
      </c>
      <c r="Q3901">
        <v>13</v>
      </c>
      <c r="R3901">
        <v>13</v>
      </c>
      <c r="S3901">
        <v>13</v>
      </c>
      <c r="T3901">
        <v>13</v>
      </c>
      <c r="U3901">
        <v>13</v>
      </c>
      <c r="V3901">
        <v>13</v>
      </c>
      <c r="W3901">
        <v>13</v>
      </c>
      <c r="X3901">
        <v>13</v>
      </c>
      <c r="Y3901">
        <v>13</v>
      </c>
      <c r="Z3901">
        <v>14</v>
      </c>
      <c r="AA3901">
        <v>14</v>
      </c>
      <c r="AB3901">
        <v>14</v>
      </c>
      <c r="AC3901">
        <v>14</v>
      </c>
      <c r="AD3901">
        <v>14</v>
      </c>
      <c r="AE3901">
        <v>14</v>
      </c>
      <c r="AF3901">
        <v>14</v>
      </c>
      <c r="AG3901">
        <v>14</v>
      </c>
      <c r="AH3901">
        <v>14</v>
      </c>
      <c r="AI3901">
        <v>14</v>
      </c>
      <c r="AJ3901">
        <v>14</v>
      </c>
      <c r="AK3901">
        <v>14</v>
      </c>
      <c r="AL3901">
        <v>13</v>
      </c>
      <c r="AM3901">
        <v>13</v>
      </c>
      <c r="AN3901">
        <v>13</v>
      </c>
      <c r="AO3901">
        <v>13</v>
      </c>
      <c r="AP3901">
        <v>13</v>
      </c>
      <c r="AQ3901">
        <v>13</v>
      </c>
    </row>
    <row r="3902" spans="1:43">
      <c r="A3902" t="s">
        <v>2470</v>
      </c>
      <c r="B3902" t="s">
        <v>2471</v>
      </c>
      <c r="C3902" t="s">
        <v>2464</v>
      </c>
      <c r="D3902" t="s">
        <v>2465</v>
      </c>
      <c r="E3902" t="s">
        <v>2352</v>
      </c>
      <c r="F3902" t="s">
        <v>2353</v>
      </c>
      <c r="G3902" t="s">
        <v>80</v>
      </c>
      <c r="H3902" t="s">
        <v>81</v>
      </c>
      <c r="I3902" s="2">
        <v>0</v>
      </c>
      <c r="J3902" s="2">
        <v>0</v>
      </c>
      <c r="K3902" s="2">
        <v>1</v>
      </c>
      <c r="L3902" t="s">
        <v>995</v>
      </c>
      <c r="M3902" t="s">
        <v>83</v>
      </c>
      <c r="N3902" t="s">
        <v>84</v>
      </c>
      <c r="O3902" t="s">
        <v>85</v>
      </c>
      <c r="P3902" t="s">
        <v>86</v>
      </c>
      <c r="Q3902">
        <v>23</v>
      </c>
      <c r="R3902">
        <v>23</v>
      </c>
      <c r="S3902">
        <v>23</v>
      </c>
      <c r="T3902">
        <v>23</v>
      </c>
      <c r="U3902">
        <v>23</v>
      </c>
      <c r="V3902">
        <v>23</v>
      </c>
      <c r="W3902">
        <v>23</v>
      </c>
      <c r="X3902">
        <v>23</v>
      </c>
      <c r="Y3902">
        <v>23</v>
      </c>
      <c r="Z3902">
        <v>23</v>
      </c>
      <c r="AA3902">
        <v>23</v>
      </c>
      <c r="AB3902">
        <v>23</v>
      </c>
      <c r="AC3902">
        <v>23</v>
      </c>
      <c r="AD3902">
        <v>23</v>
      </c>
      <c r="AE3902">
        <v>23</v>
      </c>
      <c r="AF3902">
        <v>23</v>
      </c>
      <c r="AG3902">
        <v>23</v>
      </c>
      <c r="AH3902">
        <v>23</v>
      </c>
      <c r="AI3902">
        <v>23</v>
      </c>
      <c r="AJ3902">
        <v>23</v>
      </c>
      <c r="AK3902">
        <v>23</v>
      </c>
      <c r="AL3902">
        <v>23</v>
      </c>
      <c r="AM3902">
        <v>23</v>
      </c>
      <c r="AN3902">
        <v>23</v>
      </c>
      <c r="AO3902">
        <v>23</v>
      </c>
      <c r="AP3902">
        <v>22</v>
      </c>
      <c r="AQ3902">
        <v>22</v>
      </c>
    </row>
    <row r="3903" spans="1:43">
      <c r="A3903" t="s">
        <v>2470</v>
      </c>
      <c r="B3903" t="s">
        <v>2471</v>
      </c>
      <c r="C3903" t="s">
        <v>2464</v>
      </c>
      <c r="D3903" t="s">
        <v>2465</v>
      </c>
      <c r="E3903" t="s">
        <v>2352</v>
      </c>
      <c r="F3903" t="s">
        <v>2353</v>
      </c>
      <c r="G3903" t="s">
        <v>80</v>
      </c>
      <c r="H3903" t="s">
        <v>81</v>
      </c>
      <c r="I3903" s="2">
        <v>0</v>
      </c>
      <c r="J3903" s="2">
        <v>0</v>
      </c>
      <c r="K3903" s="2">
        <v>1</v>
      </c>
      <c r="L3903" t="s">
        <v>995</v>
      </c>
      <c r="M3903" t="s">
        <v>87</v>
      </c>
      <c r="N3903" t="s">
        <v>88</v>
      </c>
      <c r="O3903" t="s">
        <v>85</v>
      </c>
      <c r="P3903" t="s">
        <v>86</v>
      </c>
      <c r="Q3903">
        <v>23</v>
      </c>
      <c r="R3903">
        <v>23</v>
      </c>
      <c r="S3903">
        <v>22</v>
      </c>
      <c r="T3903">
        <v>22</v>
      </c>
      <c r="U3903">
        <v>22</v>
      </c>
      <c r="V3903">
        <v>22</v>
      </c>
      <c r="W3903">
        <v>22</v>
      </c>
      <c r="X3903">
        <v>22</v>
      </c>
      <c r="Y3903">
        <v>22</v>
      </c>
      <c r="Z3903">
        <v>21</v>
      </c>
      <c r="AA3903">
        <v>21</v>
      </c>
      <c r="AB3903">
        <v>21</v>
      </c>
      <c r="AC3903">
        <v>21</v>
      </c>
      <c r="AD3903">
        <v>21</v>
      </c>
      <c r="AE3903">
        <v>21</v>
      </c>
      <c r="AF3903">
        <v>21</v>
      </c>
      <c r="AG3903">
        <v>20</v>
      </c>
      <c r="AH3903">
        <v>20</v>
      </c>
      <c r="AI3903">
        <v>20</v>
      </c>
      <c r="AJ3903">
        <v>20</v>
      </c>
      <c r="AK3903">
        <v>20</v>
      </c>
      <c r="AL3903">
        <v>20</v>
      </c>
      <c r="AM3903">
        <v>20</v>
      </c>
      <c r="AN3903">
        <v>20</v>
      </c>
      <c r="AO3903">
        <v>20</v>
      </c>
      <c r="AP3903">
        <v>19</v>
      </c>
      <c r="AQ3903">
        <v>19</v>
      </c>
    </row>
    <row r="3904" spans="1:43">
      <c r="A3904" t="s">
        <v>2470</v>
      </c>
      <c r="B3904" t="s">
        <v>2471</v>
      </c>
      <c r="C3904" t="s">
        <v>2464</v>
      </c>
      <c r="D3904" t="s">
        <v>2465</v>
      </c>
      <c r="E3904" t="s">
        <v>2352</v>
      </c>
      <c r="F3904" t="s">
        <v>2353</v>
      </c>
      <c r="G3904" t="s">
        <v>80</v>
      </c>
      <c r="H3904" t="s">
        <v>81</v>
      </c>
      <c r="I3904" s="2">
        <v>0</v>
      </c>
      <c r="J3904" s="2">
        <v>0</v>
      </c>
      <c r="K3904" s="2">
        <v>1</v>
      </c>
      <c r="L3904" t="s">
        <v>995</v>
      </c>
      <c r="M3904" t="s">
        <v>89</v>
      </c>
      <c r="N3904" t="s">
        <v>90</v>
      </c>
      <c r="O3904" t="s">
        <v>85</v>
      </c>
      <c r="P3904" t="s">
        <v>86</v>
      </c>
      <c r="Q3904">
        <v>23</v>
      </c>
      <c r="R3904">
        <v>23</v>
      </c>
      <c r="S3904">
        <v>24</v>
      </c>
      <c r="T3904">
        <v>24</v>
      </c>
      <c r="U3904">
        <v>24</v>
      </c>
      <c r="V3904">
        <v>24</v>
      </c>
      <c r="W3904">
        <v>24</v>
      </c>
      <c r="X3904">
        <v>25</v>
      </c>
      <c r="Y3904">
        <v>25</v>
      </c>
      <c r="Z3904">
        <v>25</v>
      </c>
      <c r="AA3904">
        <v>25</v>
      </c>
      <c r="AB3904">
        <v>25</v>
      </c>
      <c r="AC3904">
        <v>25</v>
      </c>
      <c r="AD3904">
        <v>25</v>
      </c>
      <c r="AE3904">
        <v>25</v>
      </c>
      <c r="AF3904">
        <v>25</v>
      </c>
      <c r="AG3904">
        <v>25</v>
      </c>
      <c r="AH3904">
        <v>24</v>
      </c>
      <c r="AI3904">
        <v>24</v>
      </c>
      <c r="AJ3904">
        <v>24</v>
      </c>
      <c r="AK3904">
        <v>24</v>
      </c>
      <c r="AL3904">
        <v>23</v>
      </c>
      <c r="AM3904">
        <v>23</v>
      </c>
      <c r="AN3904">
        <v>23</v>
      </c>
      <c r="AO3904">
        <v>23</v>
      </c>
      <c r="AP3904">
        <v>23</v>
      </c>
      <c r="AQ3904">
        <v>22</v>
      </c>
    </row>
    <row r="3905" spans="1:43">
      <c r="A3905" t="s">
        <v>2470</v>
      </c>
      <c r="B3905" t="s">
        <v>2471</v>
      </c>
      <c r="C3905" t="s">
        <v>2464</v>
      </c>
      <c r="D3905" t="s">
        <v>2465</v>
      </c>
      <c r="E3905" t="s">
        <v>2352</v>
      </c>
      <c r="F3905" t="s">
        <v>2353</v>
      </c>
      <c r="G3905" t="s">
        <v>80</v>
      </c>
      <c r="H3905" t="s">
        <v>81</v>
      </c>
      <c r="I3905" s="2">
        <v>0</v>
      </c>
      <c r="J3905" s="2">
        <v>0</v>
      </c>
      <c r="K3905" s="2">
        <v>1</v>
      </c>
      <c r="L3905" t="s">
        <v>995</v>
      </c>
      <c r="M3905" t="s">
        <v>83</v>
      </c>
      <c r="N3905" t="s">
        <v>91</v>
      </c>
      <c r="O3905" t="s">
        <v>85</v>
      </c>
      <c r="P3905" t="s">
        <v>86</v>
      </c>
      <c r="Q3905">
        <v>23</v>
      </c>
      <c r="R3905">
        <v>23</v>
      </c>
      <c r="S3905">
        <v>23</v>
      </c>
      <c r="T3905">
        <v>23</v>
      </c>
      <c r="U3905">
        <v>23</v>
      </c>
      <c r="V3905">
        <v>23</v>
      </c>
      <c r="W3905">
        <v>23</v>
      </c>
      <c r="X3905">
        <v>23</v>
      </c>
      <c r="Y3905">
        <v>23</v>
      </c>
      <c r="Z3905">
        <v>23</v>
      </c>
      <c r="AA3905">
        <v>23</v>
      </c>
      <c r="AB3905">
        <v>23</v>
      </c>
      <c r="AC3905">
        <v>23</v>
      </c>
      <c r="AD3905">
        <v>23</v>
      </c>
      <c r="AE3905">
        <v>23</v>
      </c>
      <c r="AF3905">
        <v>23</v>
      </c>
      <c r="AG3905">
        <v>23</v>
      </c>
      <c r="AH3905">
        <v>23</v>
      </c>
      <c r="AI3905">
        <v>23</v>
      </c>
      <c r="AJ3905">
        <v>23</v>
      </c>
      <c r="AK3905">
        <v>23</v>
      </c>
      <c r="AL3905">
        <v>23</v>
      </c>
      <c r="AM3905">
        <v>23</v>
      </c>
      <c r="AN3905">
        <v>23</v>
      </c>
      <c r="AO3905">
        <v>23</v>
      </c>
      <c r="AP3905">
        <v>22</v>
      </c>
      <c r="AQ3905">
        <v>22</v>
      </c>
    </row>
    <row r="3906" spans="1:43">
      <c r="A3906" t="s">
        <v>2472</v>
      </c>
      <c r="B3906" t="s">
        <v>2473</v>
      </c>
      <c r="C3906" t="s">
        <v>2464</v>
      </c>
      <c r="D3906" t="s">
        <v>2465</v>
      </c>
      <c r="E3906" t="s">
        <v>2352</v>
      </c>
      <c r="F3906" t="s">
        <v>2353</v>
      </c>
      <c r="G3906" t="s">
        <v>80</v>
      </c>
      <c r="H3906" t="s">
        <v>81</v>
      </c>
      <c r="I3906" s="2">
        <v>0</v>
      </c>
      <c r="J3906" s="2">
        <v>0</v>
      </c>
      <c r="K3906" s="2">
        <v>1</v>
      </c>
      <c r="L3906" t="s">
        <v>995</v>
      </c>
      <c r="M3906" t="s">
        <v>83</v>
      </c>
      <c r="N3906" t="s">
        <v>84</v>
      </c>
      <c r="O3906" t="s">
        <v>85</v>
      </c>
      <c r="P3906" t="s">
        <v>86</v>
      </c>
      <c r="Q3906">
        <v>55</v>
      </c>
      <c r="R3906">
        <v>56</v>
      </c>
      <c r="S3906">
        <v>56</v>
      </c>
      <c r="T3906">
        <v>56</v>
      </c>
      <c r="U3906">
        <v>56</v>
      </c>
      <c r="V3906">
        <v>56</v>
      </c>
      <c r="W3906">
        <v>56</v>
      </c>
      <c r="X3906">
        <v>56</v>
      </c>
      <c r="Y3906">
        <v>56</v>
      </c>
      <c r="Z3906">
        <v>57</v>
      </c>
      <c r="AA3906">
        <v>57</v>
      </c>
      <c r="AB3906">
        <v>57</v>
      </c>
      <c r="AC3906">
        <v>57</v>
      </c>
      <c r="AD3906">
        <v>57</v>
      </c>
      <c r="AE3906">
        <v>57</v>
      </c>
      <c r="AF3906">
        <v>57</v>
      </c>
      <c r="AG3906">
        <v>57</v>
      </c>
      <c r="AH3906">
        <v>57</v>
      </c>
      <c r="AI3906">
        <v>57</v>
      </c>
      <c r="AJ3906">
        <v>57</v>
      </c>
      <c r="AK3906">
        <v>57</v>
      </c>
      <c r="AL3906">
        <v>56</v>
      </c>
      <c r="AM3906">
        <v>56</v>
      </c>
      <c r="AN3906">
        <v>55</v>
      </c>
      <c r="AO3906">
        <v>55</v>
      </c>
      <c r="AP3906">
        <v>54</v>
      </c>
      <c r="AQ3906">
        <v>54</v>
      </c>
    </row>
    <row r="3907" spans="1:43">
      <c r="A3907" t="s">
        <v>2472</v>
      </c>
      <c r="B3907" t="s">
        <v>2473</v>
      </c>
      <c r="C3907" t="s">
        <v>2464</v>
      </c>
      <c r="D3907" t="s">
        <v>2465</v>
      </c>
      <c r="E3907" t="s">
        <v>2352</v>
      </c>
      <c r="F3907" t="s">
        <v>2353</v>
      </c>
      <c r="G3907" t="s">
        <v>80</v>
      </c>
      <c r="H3907" t="s">
        <v>81</v>
      </c>
      <c r="I3907" s="2">
        <v>0</v>
      </c>
      <c r="J3907" s="2">
        <v>0</v>
      </c>
      <c r="K3907" s="2">
        <v>1</v>
      </c>
      <c r="L3907" t="s">
        <v>995</v>
      </c>
      <c r="M3907" t="s">
        <v>87</v>
      </c>
      <c r="N3907" t="s">
        <v>88</v>
      </c>
      <c r="O3907" t="s">
        <v>85</v>
      </c>
      <c r="P3907" t="s">
        <v>86</v>
      </c>
      <c r="Q3907">
        <v>55</v>
      </c>
      <c r="R3907">
        <v>55</v>
      </c>
      <c r="S3907">
        <v>54</v>
      </c>
      <c r="T3907">
        <v>54</v>
      </c>
      <c r="U3907">
        <v>54</v>
      </c>
      <c r="V3907">
        <v>53</v>
      </c>
      <c r="W3907">
        <v>53</v>
      </c>
      <c r="X3907">
        <v>53</v>
      </c>
      <c r="Y3907">
        <v>52</v>
      </c>
      <c r="Z3907">
        <v>52</v>
      </c>
      <c r="AA3907">
        <v>52</v>
      </c>
      <c r="AB3907">
        <v>51</v>
      </c>
      <c r="AC3907">
        <v>51</v>
      </c>
      <c r="AD3907">
        <v>51</v>
      </c>
      <c r="AE3907">
        <v>50</v>
      </c>
      <c r="AF3907">
        <v>50</v>
      </c>
      <c r="AG3907">
        <v>50</v>
      </c>
      <c r="AH3907">
        <v>49</v>
      </c>
      <c r="AI3907">
        <v>49</v>
      </c>
      <c r="AJ3907">
        <v>49</v>
      </c>
      <c r="AK3907">
        <v>48</v>
      </c>
      <c r="AL3907">
        <v>48</v>
      </c>
      <c r="AM3907">
        <v>48</v>
      </c>
      <c r="AN3907">
        <v>48</v>
      </c>
      <c r="AO3907">
        <v>47</v>
      </c>
      <c r="AP3907">
        <v>47</v>
      </c>
      <c r="AQ3907">
        <v>47</v>
      </c>
    </row>
    <row r="3908" spans="1:43">
      <c r="A3908" t="s">
        <v>2472</v>
      </c>
      <c r="B3908" t="s">
        <v>2473</v>
      </c>
      <c r="C3908" t="s">
        <v>2464</v>
      </c>
      <c r="D3908" t="s">
        <v>2465</v>
      </c>
      <c r="E3908" t="s">
        <v>2352</v>
      </c>
      <c r="F3908" t="s">
        <v>2353</v>
      </c>
      <c r="G3908" t="s">
        <v>80</v>
      </c>
      <c r="H3908" t="s">
        <v>81</v>
      </c>
      <c r="I3908" s="2">
        <v>0</v>
      </c>
      <c r="J3908" s="2">
        <v>0</v>
      </c>
      <c r="K3908" s="2">
        <v>1</v>
      </c>
      <c r="L3908" t="s">
        <v>995</v>
      </c>
      <c r="M3908" t="s">
        <v>89</v>
      </c>
      <c r="N3908" t="s">
        <v>90</v>
      </c>
      <c r="O3908" t="s">
        <v>85</v>
      </c>
      <c r="P3908" t="s">
        <v>86</v>
      </c>
      <c r="Q3908">
        <v>55</v>
      </c>
      <c r="R3908">
        <v>56</v>
      </c>
      <c r="S3908">
        <v>56</v>
      </c>
      <c r="T3908">
        <v>57</v>
      </c>
      <c r="U3908">
        <v>57</v>
      </c>
      <c r="V3908">
        <v>58</v>
      </c>
      <c r="W3908">
        <v>58</v>
      </c>
      <c r="X3908">
        <v>59</v>
      </c>
      <c r="Y3908">
        <v>59</v>
      </c>
      <c r="Z3908">
        <v>59</v>
      </c>
      <c r="AA3908">
        <v>59</v>
      </c>
      <c r="AB3908">
        <v>59</v>
      </c>
      <c r="AC3908">
        <v>60</v>
      </c>
      <c r="AD3908">
        <v>60</v>
      </c>
      <c r="AE3908">
        <v>60</v>
      </c>
      <c r="AF3908">
        <v>59</v>
      </c>
      <c r="AG3908">
        <v>59</v>
      </c>
      <c r="AH3908">
        <v>58</v>
      </c>
      <c r="AI3908">
        <v>57</v>
      </c>
      <c r="AJ3908">
        <v>57</v>
      </c>
      <c r="AK3908">
        <v>56</v>
      </c>
      <c r="AL3908">
        <v>56</v>
      </c>
      <c r="AM3908">
        <v>55</v>
      </c>
      <c r="AN3908">
        <v>55</v>
      </c>
      <c r="AO3908">
        <v>54</v>
      </c>
      <c r="AP3908">
        <v>54</v>
      </c>
      <c r="AQ3908">
        <v>53</v>
      </c>
    </row>
    <row r="3909" spans="1:43">
      <c r="A3909" t="s">
        <v>2472</v>
      </c>
      <c r="B3909" t="s">
        <v>2473</v>
      </c>
      <c r="C3909" t="s">
        <v>2464</v>
      </c>
      <c r="D3909" t="s">
        <v>2465</v>
      </c>
      <c r="E3909" t="s">
        <v>2352</v>
      </c>
      <c r="F3909" t="s">
        <v>2353</v>
      </c>
      <c r="G3909" t="s">
        <v>80</v>
      </c>
      <c r="H3909" t="s">
        <v>81</v>
      </c>
      <c r="I3909" s="2">
        <v>0</v>
      </c>
      <c r="J3909" s="2">
        <v>0</v>
      </c>
      <c r="K3909" s="2">
        <v>1</v>
      </c>
      <c r="L3909" t="s">
        <v>995</v>
      </c>
      <c r="M3909" t="s">
        <v>83</v>
      </c>
      <c r="N3909" t="s">
        <v>91</v>
      </c>
      <c r="O3909" t="s">
        <v>85</v>
      </c>
      <c r="P3909" t="s">
        <v>86</v>
      </c>
      <c r="Q3909">
        <v>55</v>
      </c>
      <c r="R3909">
        <v>56</v>
      </c>
      <c r="S3909">
        <v>56</v>
      </c>
      <c r="T3909">
        <v>56</v>
      </c>
      <c r="U3909">
        <v>56</v>
      </c>
      <c r="V3909">
        <v>56</v>
      </c>
      <c r="W3909">
        <v>56</v>
      </c>
      <c r="X3909">
        <v>56</v>
      </c>
      <c r="Y3909">
        <v>56</v>
      </c>
      <c r="Z3909">
        <v>57</v>
      </c>
      <c r="AA3909">
        <v>57</v>
      </c>
      <c r="AB3909">
        <v>57</v>
      </c>
      <c r="AC3909">
        <v>57</v>
      </c>
      <c r="AD3909">
        <v>57</v>
      </c>
      <c r="AE3909">
        <v>57</v>
      </c>
      <c r="AF3909">
        <v>57</v>
      </c>
      <c r="AG3909">
        <v>57</v>
      </c>
      <c r="AH3909">
        <v>57</v>
      </c>
      <c r="AI3909">
        <v>57</v>
      </c>
      <c r="AJ3909">
        <v>57</v>
      </c>
      <c r="AK3909">
        <v>57</v>
      </c>
      <c r="AL3909">
        <v>56</v>
      </c>
      <c r="AM3909">
        <v>56</v>
      </c>
      <c r="AN3909">
        <v>55</v>
      </c>
      <c r="AO3909">
        <v>55</v>
      </c>
      <c r="AP3909">
        <v>54</v>
      </c>
      <c r="AQ3909">
        <v>54</v>
      </c>
    </row>
    <row r="3910" spans="1:43">
      <c r="A3910" t="s">
        <v>2474</v>
      </c>
      <c r="B3910" t="s">
        <v>2475</v>
      </c>
      <c r="C3910" t="s">
        <v>2454</v>
      </c>
      <c r="D3910" t="s">
        <v>2455</v>
      </c>
      <c r="E3910" t="s">
        <v>2352</v>
      </c>
      <c r="F3910" t="s">
        <v>2353</v>
      </c>
      <c r="G3910" t="s">
        <v>80</v>
      </c>
      <c r="H3910" t="s">
        <v>81</v>
      </c>
      <c r="I3910" s="2">
        <v>0</v>
      </c>
      <c r="J3910" s="2">
        <v>0</v>
      </c>
      <c r="K3910" s="2">
        <v>1</v>
      </c>
      <c r="L3910" t="s">
        <v>995</v>
      </c>
      <c r="M3910" t="s">
        <v>83</v>
      </c>
      <c r="N3910" t="s">
        <v>84</v>
      </c>
      <c r="O3910" t="s">
        <v>85</v>
      </c>
      <c r="P3910" t="s">
        <v>86</v>
      </c>
      <c r="Q3910">
        <v>65</v>
      </c>
      <c r="R3910">
        <v>65</v>
      </c>
      <c r="S3910">
        <v>65</v>
      </c>
      <c r="T3910">
        <v>66</v>
      </c>
      <c r="U3910">
        <v>66</v>
      </c>
      <c r="V3910">
        <v>66</v>
      </c>
      <c r="W3910">
        <v>66</v>
      </c>
      <c r="X3910">
        <v>67</v>
      </c>
      <c r="Y3910">
        <v>67</v>
      </c>
      <c r="Z3910">
        <v>67</v>
      </c>
      <c r="AA3910">
        <v>67</v>
      </c>
      <c r="AB3910">
        <v>67</v>
      </c>
      <c r="AC3910">
        <v>67</v>
      </c>
      <c r="AD3910">
        <v>67</v>
      </c>
      <c r="AE3910">
        <v>68</v>
      </c>
      <c r="AF3910">
        <v>68</v>
      </c>
      <c r="AG3910">
        <v>68</v>
      </c>
      <c r="AH3910">
        <v>68</v>
      </c>
      <c r="AI3910">
        <v>68</v>
      </c>
      <c r="AJ3910">
        <v>68</v>
      </c>
      <c r="AK3910">
        <v>68</v>
      </c>
      <c r="AL3910">
        <v>68</v>
      </c>
      <c r="AM3910">
        <v>67</v>
      </c>
      <c r="AN3910">
        <v>67</v>
      </c>
      <c r="AO3910">
        <v>66</v>
      </c>
      <c r="AP3910">
        <v>66</v>
      </c>
      <c r="AQ3910">
        <v>65</v>
      </c>
    </row>
    <row r="3911" spans="1:43">
      <c r="A3911" t="s">
        <v>2474</v>
      </c>
      <c r="B3911" t="s">
        <v>2475</v>
      </c>
      <c r="C3911" t="s">
        <v>2454</v>
      </c>
      <c r="D3911" t="s">
        <v>2455</v>
      </c>
      <c r="E3911" t="s">
        <v>2352</v>
      </c>
      <c r="F3911" t="s">
        <v>2353</v>
      </c>
      <c r="G3911" t="s">
        <v>80</v>
      </c>
      <c r="H3911" t="s">
        <v>81</v>
      </c>
      <c r="I3911" s="2">
        <v>0</v>
      </c>
      <c r="J3911" s="2">
        <v>0</v>
      </c>
      <c r="K3911" s="2">
        <v>1</v>
      </c>
      <c r="L3911" t="s">
        <v>995</v>
      </c>
      <c r="M3911" t="s">
        <v>87</v>
      </c>
      <c r="N3911" t="s">
        <v>88</v>
      </c>
      <c r="O3911" t="s">
        <v>85</v>
      </c>
      <c r="P3911" t="s">
        <v>86</v>
      </c>
      <c r="Q3911">
        <v>65</v>
      </c>
      <c r="R3911">
        <v>65</v>
      </c>
      <c r="S3911">
        <v>65</v>
      </c>
      <c r="T3911">
        <v>64</v>
      </c>
      <c r="U3911">
        <v>64</v>
      </c>
      <c r="V3911">
        <v>64</v>
      </c>
      <c r="W3911">
        <v>63</v>
      </c>
      <c r="X3911">
        <v>63</v>
      </c>
      <c r="Y3911">
        <v>63</v>
      </c>
      <c r="Z3911">
        <v>62</v>
      </c>
      <c r="AA3911">
        <v>62</v>
      </c>
      <c r="AB3911">
        <v>62</v>
      </c>
      <c r="AC3911">
        <v>62</v>
      </c>
      <c r="AD3911">
        <v>61</v>
      </c>
      <c r="AE3911">
        <v>61</v>
      </c>
      <c r="AF3911">
        <v>61</v>
      </c>
      <c r="AG3911">
        <v>60</v>
      </c>
      <c r="AH3911">
        <v>60</v>
      </c>
      <c r="AI3911">
        <v>60</v>
      </c>
      <c r="AJ3911">
        <v>60</v>
      </c>
      <c r="AK3911">
        <v>59</v>
      </c>
      <c r="AL3911">
        <v>59</v>
      </c>
      <c r="AM3911">
        <v>59</v>
      </c>
      <c r="AN3911">
        <v>59</v>
      </c>
      <c r="AO3911">
        <v>58</v>
      </c>
      <c r="AP3911">
        <v>58</v>
      </c>
      <c r="AQ3911">
        <v>58</v>
      </c>
    </row>
    <row r="3912" spans="1:43">
      <c r="A3912" t="s">
        <v>2474</v>
      </c>
      <c r="B3912" t="s">
        <v>2475</v>
      </c>
      <c r="C3912" t="s">
        <v>2454</v>
      </c>
      <c r="D3912" t="s">
        <v>2455</v>
      </c>
      <c r="E3912" t="s">
        <v>2352</v>
      </c>
      <c r="F3912" t="s">
        <v>2353</v>
      </c>
      <c r="G3912" t="s">
        <v>80</v>
      </c>
      <c r="H3912" t="s">
        <v>81</v>
      </c>
      <c r="I3912" s="2">
        <v>0</v>
      </c>
      <c r="J3912" s="2">
        <v>0</v>
      </c>
      <c r="K3912" s="2">
        <v>1</v>
      </c>
      <c r="L3912" t="s">
        <v>995</v>
      </c>
      <c r="M3912" t="s">
        <v>89</v>
      </c>
      <c r="N3912" t="s">
        <v>90</v>
      </c>
      <c r="O3912" t="s">
        <v>85</v>
      </c>
      <c r="P3912" t="s">
        <v>86</v>
      </c>
      <c r="Q3912">
        <v>65</v>
      </c>
      <c r="R3912">
        <v>66</v>
      </c>
      <c r="S3912">
        <v>67</v>
      </c>
      <c r="T3912">
        <v>68</v>
      </c>
      <c r="U3912">
        <v>68</v>
      </c>
      <c r="V3912">
        <v>69</v>
      </c>
      <c r="W3912">
        <v>70</v>
      </c>
      <c r="X3912">
        <v>70</v>
      </c>
      <c r="Y3912">
        <v>71</v>
      </c>
      <c r="Z3912">
        <v>71</v>
      </c>
      <c r="AA3912">
        <v>71</v>
      </c>
      <c r="AB3912">
        <v>72</v>
      </c>
      <c r="AC3912">
        <v>72</v>
      </c>
      <c r="AD3912">
        <v>72</v>
      </c>
      <c r="AE3912">
        <v>72</v>
      </c>
      <c r="AF3912">
        <v>72</v>
      </c>
      <c r="AG3912">
        <v>71</v>
      </c>
      <c r="AH3912">
        <v>71</v>
      </c>
      <c r="AI3912">
        <v>70</v>
      </c>
      <c r="AJ3912">
        <v>70</v>
      </c>
      <c r="AK3912">
        <v>69</v>
      </c>
      <c r="AL3912">
        <v>69</v>
      </c>
      <c r="AM3912">
        <v>68</v>
      </c>
      <c r="AN3912">
        <v>68</v>
      </c>
      <c r="AO3912">
        <v>67</v>
      </c>
      <c r="AP3912">
        <v>67</v>
      </c>
      <c r="AQ3912">
        <v>66</v>
      </c>
    </row>
    <row r="3913" spans="1:43">
      <c r="A3913" t="s">
        <v>2474</v>
      </c>
      <c r="B3913" t="s">
        <v>2475</v>
      </c>
      <c r="C3913" t="s">
        <v>2454</v>
      </c>
      <c r="D3913" t="s">
        <v>2455</v>
      </c>
      <c r="E3913" t="s">
        <v>2352</v>
      </c>
      <c r="F3913" t="s">
        <v>2353</v>
      </c>
      <c r="G3913" t="s">
        <v>80</v>
      </c>
      <c r="H3913" t="s">
        <v>81</v>
      </c>
      <c r="I3913" s="2">
        <v>0</v>
      </c>
      <c r="J3913" s="2">
        <v>0</v>
      </c>
      <c r="K3913" s="2">
        <v>1</v>
      </c>
      <c r="L3913" t="s">
        <v>995</v>
      </c>
      <c r="M3913" t="s">
        <v>83</v>
      </c>
      <c r="N3913" t="s">
        <v>91</v>
      </c>
      <c r="O3913" t="s">
        <v>85</v>
      </c>
      <c r="P3913" t="s">
        <v>86</v>
      </c>
      <c r="Q3913">
        <v>65</v>
      </c>
      <c r="R3913">
        <v>65</v>
      </c>
      <c r="S3913">
        <v>65</v>
      </c>
      <c r="T3913">
        <v>66</v>
      </c>
      <c r="U3913">
        <v>66</v>
      </c>
      <c r="V3913">
        <v>66</v>
      </c>
      <c r="W3913">
        <v>66</v>
      </c>
      <c r="X3913">
        <v>67</v>
      </c>
      <c r="Y3913">
        <v>67</v>
      </c>
      <c r="Z3913">
        <v>67</v>
      </c>
      <c r="AA3913">
        <v>67</v>
      </c>
      <c r="AB3913">
        <v>67</v>
      </c>
      <c r="AC3913">
        <v>67</v>
      </c>
      <c r="AD3913">
        <v>67</v>
      </c>
      <c r="AE3913">
        <v>68</v>
      </c>
      <c r="AF3913">
        <v>68</v>
      </c>
      <c r="AG3913">
        <v>68</v>
      </c>
      <c r="AH3913">
        <v>68</v>
      </c>
      <c r="AI3913">
        <v>68</v>
      </c>
      <c r="AJ3913">
        <v>68</v>
      </c>
      <c r="AK3913">
        <v>68</v>
      </c>
      <c r="AL3913">
        <v>68</v>
      </c>
      <c r="AM3913">
        <v>67</v>
      </c>
      <c r="AN3913">
        <v>67</v>
      </c>
      <c r="AO3913">
        <v>66</v>
      </c>
      <c r="AP3913">
        <v>66</v>
      </c>
      <c r="AQ3913">
        <v>65</v>
      </c>
    </row>
    <row r="3914" spans="1:43">
      <c r="A3914" t="s">
        <v>2476</v>
      </c>
      <c r="B3914" t="s">
        <v>2477</v>
      </c>
      <c r="C3914" t="s">
        <v>2460</v>
      </c>
      <c r="D3914" t="s">
        <v>2461</v>
      </c>
      <c r="E3914" t="s">
        <v>2352</v>
      </c>
      <c r="F3914" t="s">
        <v>2353</v>
      </c>
      <c r="G3914" t="s">
        <v>80</v>
      </c>
      <c r="H3914" t="s">
        <v>81</v>
      </c>
      <c r="I3914" s="2">
        <v>0</v>
      </c>
      <c r="J3914" s="2">
        <v>0</v>
      </c>
      <c r="K3914" s="2">
        <v>1</v>
      </c>
      <c r="L3914" t="s">
        <v>995</v>
      </c>
      <c r="M3914" t="s">
        <v>83</v>
      </c>
      <c r="N3914" t="s">
        <v>84</v>
      </c>
      <c r="O3914" t="s">
        <v>85</v>
      </c>
      <c r="P3914" t="s">
        <v>86</v>
      </c>
      <c r="Q3914">
        <v>25</v>
      </c>
      <c r="R3914">
        <v>25</v>
      </c>
      <c r="S3914">
        <v>25</v>
      </c>
      <c r="T3914">
        <v>25</v>
      </c>
      <c r="U3914">
        <v>26</v>
      </c>
      <c r="V3914">
        <v>26</v>
      </c>
      <c r="W3914">
        <v>26</v>
      </c>
      <c r="X3914">
        <v>26</v>
      </c>
      <c r="Y3914">
        <v>26</v>
      </c>
      <c r="Z3914">
        <v>26</v>
      </c>
      <c r="AA3914">
        <v>26</v>
      </c>
      <c r="AB3914">
        <v>26</v>
      </c>
      <c r="AC3914">
        <v>26</v>
      </c>
      <c r="AD3914">
        <v>26</v>
      </c>
      <c r="AE3914">
        <v>26</v>
      </c>
      <c r="AF3914">
        <v>26</v>
      </c>
      <c r="AG3914">
        <v>26</v>
      </c>
      <c r="AH3914">
        <v>26</v>
      </c>
      <c r="AI3914">
        <v>26</v>
      </c>
      <c r="AJ3914">
        <v>26</v>
      </c>
      <c r="AK3914">
        <v>26</v>
      </c>
      <c r="AL3914">
        <v>26</v>
      </c>
      <c r="AM3914">
        <v>26</v>
      </c>
      <c r="AN3914">
        <v>26</v>
      </c>
      <c r="AO3914">
        <v>26</v>
      </c>
      <c r="AP3914">
        <v>25</v>
      </c>
      <c r="AQ3914">
        <v>25</v>
      </c>
    </row>
    <row r="3915" spans="1:43">
      <c r="A3915" t="s">
        <v>2476</v>
      </c>
      <c r="B3915" t="s">
        <v>2477</v>
      </c>
      <c r="C3915" t="s">
        <v>2460</v>
      </c>
      <c r="D3915" t="s">
        <v>2461</v>
      </c>
      <c r="E3915" t="s">
        <v>2352</v>
      </c>
      <c r="F3915" t="s">
        <v>2353</v>
      </c>
      <c r="G3915" t="s">
        <v>80</v>
      </c>
      <c r="H3915" t="s">
        <v>81</v>
      </c>
      <c r="I3915" s="2">
        <v>0</v>
      </c>
      <c r="J3915" s="2">
        <v>0</v>
      </c>
      <c r="K3915" s="2">
        <v>1</v>
      </c>
      <c r="L3915" t="s">
        <v>995</v>
      </c>
      <c r="M3915" t="s">
        <v>87</v>
      </c>
      <c r="N3915" t="s">
        <v>88</v>
      </c>
      <c r="O3915" t="s">
        <v>85</v>
      </c>
      <c r="P3915" t="s">
        <v>86</v>
      </c>
      <c r="Q3915">
        <v>25</v>
      </c>
      <c r="R3915">
        <v>25</v>
      </c>
      <c r="S3915">
        <v>25</v>
      </c>
      <c r="T3915">
        <v>25</v>
      </c>
      <c r="U3915">
        <v>24</v>
      </c>
      <c r="V3915">
        <v>24</v>
      </c>
      <c r="W3915">
        <v>24</v>
      </c>
      <c r="X3915">
        <v>24</v>
      </c>
      <c r="Y3915">
        <v>24</v>
      </c>
      <c r="Z3915">
        <v>24</v>
      </c>
      <c r="AA3915">
        <v>24</v>
      </c>
      <c r="AB3915">
        <v>24</v>
      </c>
      <c r="AC3915">
        <v>23</v>
      </c>
      <c r="AD3915">
        <v>23</v>
      </c>
      <c r="AE3915">
        <v>23</v>
      </c>
      <c r="AF3915">
        <v>23</v>
      </c>
      <c r="AG3915">
        <v>23</v>
      </c>
      <c r="AH3915">
        <v>23</v>
      </c>
      <c r="AI3915">
        <v>23</v>
      </c>
      <c r="AJ3915">
        <v>23</v>
      </c>
      <c r="AK3915">
        <v>22</v>
      </c>
      <c r="AL3915">
        <v>22</v>
      </c>
      <c r="AM3915">
        <v>22</v>
      </c>
      <c r="AN3915">
        <v>22</v>
      </c>
      <c r="AO3915">
        <v>22</v>
      </c>
      <c r="AP3915">
        <v>22</v>
      </c>
      <c r="AQ3915">
        <v>22</v>
      </c>
    </row>
    <row r="3916" spans="1:43">
      <c r="A3916" t="s">
        <v>2476</v>
      </c>
      <c r="B3916" t="s">
        <v>2477</v>
      </c>
      <c r="C3916" t="s">
        <v>2460</v>
      </c>
      <c r="D3916" t="s">
        <v>2461</v>
      </c>
      <c r="E3916" t="s">
        <v>2352</v>
      </c>
      <c r="F3916" t="s">
        <v>2353</v>
      </c>
      <c r="G3916" t="s">
        <v>80</v>
      </c>
      <c r="H3916" t="s">
        <v>81</v>
      </c>
      <c r="I3916" s="2">
        <v>0</v>
      </c>
      <c r="J3916" s="2">
        <v>0</v>
      </c>
      <c r="K3916" s="2">
        <v>1</v>
      </c>
      <c r="L3916" t="s">
        <v>995</v>
      </c>
      <c r="M3916" t="s">
        <v>89</v>
      </c>
      <c r="N3916" t="s">
        <v>90</v>
      </c>
      <c r="O3916" t="s">
        <v>85</v>
      </c>
      <c r="P3916" t="s">
        <v>86</v>
      </c>
      <c r="Q3916">
        <v>25</v>
      </c>
      <c r="R3916">
        <v>26</v>
      </c>
      <c r="S3916">
        <v>26</v>
      </c>
      <c r="T3916">
        <v>26</v>
      </c>
      <c r="U3916">
        <v>27</v>
      </c>
      <c r="V3916">
        <v>27</v>
      </c>
      <c r="W3916">
        <v>27</v>
      </c>
      <c r="X3916">
        <v>27</v>
      </c>
      <c r="Y3916">
        <v>27</v>
      </c>
      <c r="Z3916">
        <v>28</v>
      </c>
      <c r="AA3916">
        <v>28</v>
      </c>
      <c r="AB3916">
        <v>28</v>
      </c>
      <c r="AC3916">
        <v>28</v>
      </c>
      <c r="AD3916">
        <v>28</v>
      </c>
      <c r="AE3916">
        <v>28</v>
      </c>
      <c r="AF3916">
        <v>28</v>
      </c>
      <c r="AG3916">
        <v>28</v>
      </c>
      <c r="AH3916">
        <v>27</v>
      </c>
      <c r="AI3916">
        <v>27</v>
      </c>
      <c r="AJ3916">
        <v>27</v>
      </c>
      <c r="AK3916">
        <v>27</v>
      </c>
      <c r="AL3916">
        <v>27</v>
      </c>
      <c r="AM3916">
        <v>26</v>
      </c>
      <c r="AN3916">
        <v>26</v>
      </c>
      <c r="AO3916">
        <v>26</v>
      </c>
      <c r="AP3916">
        <v>26</v>
      </c>
      <c r="AQ3916">
        <v>26</v>
      </c>
    </row>
    <row r="3917" spans="1:43">
      <c r="A3917" t="s">
        <v>2476</v>
      </c>
      <c r="B3917" t="s">
        <v>2477</v>
      </c>
      <c r="C3917" t="s">
        <v>2460</v>
      </c>
      <c r="D3917" t="s">
        <v>2461</v>
      </c>
      <c r="E3917" t="s">
        <v>2352</v>
      </c>
      <c r="F3917" t="s">
        <v>2353</v>
      </c>
      <c r="G3917" t="s">
        <v>80</v>
      </c>
      <c r="H3917" t="s">
        <v>81</v>
      </c>
      <c r="I3917" s="2">
        <v>0</v>
      </c>
      <c r="J3917" s="2">
        <v>0</v>
      </c>
      <c r="K3917" s="2">
        <v>1</v>
      </c>
      <c r="L3917" t="s">
        <v>995</v>
      </c>
      <c r="M3917" t="s">
        <v>83</v>
      </c>
      <c r="N3917" t="s">
        <v>91</v>
      </c>
      <c r="O3917" t="s">
        <v>85</v>
      </c>
      <c r="P3917" t="s">
        <v>86</v>
      </c>
      <c r="Q3917">
        <v>25</v>
      </c>
      <c r="R3917">
        <v>25</v>
      </c>
      <c r="S3917">
        <v>25</v>
      </c>
      <c r="T3917">
        <v>25</v>
      </c>
      <c r="U3917">
        <v>26</v>
      </c>
      <c r="V3917">
        <v>26</v>
      </c>
      <c r="W3917">
        <v>26</v>
      </c>
      <c r="X3917">
        <v>26</v>
      </c>
      <c r="Y3917">
        <v>26</v>
      </c>
      <c r="Z3917">
        <v>26</v>
      </c>
      <c r="AA3917">
        <v>26</v>
      </c>
      <c r="AB3917">
        <v>26</v>
      </c>
      <c r="AC3917">
        <v>26</v>
      </c>
      <c r="AD3917">
        <v>26</v>
      </c>
      <c r="AE3917">
        <v>26</v>
      </c>
      <c r="AF3917">
        <v>26</v>
      </c>
      <c r="AG3917">
        <v>26</v>
      </c>
      <c r="AH3917">
        <v>26</v>
      </c>
      <c r="AI3917">
        <v>26</v>
      </c>
      <c r="AJ3917">
        <v>26</v>
      </c>
      <c r="AK3917">
        <v>26</v>
      </c>
      <c r="AL3917">
        <v>26</v>
      </c>
      <c r="AM3917">
        <v>26</v>
      </c>
      <c r="AN3917">
        <v>26</v>
      </c>
      <c r="AO3917">
        <v>26</v>
      </c>
      <c r="AP3917">
        <v>25</v>
      </c>
      <c r="AQ3917">
        <v>25</v>
      </c>
    </row>
    <row r="3918" spans="1:43">
      <c r="A3918" t="s">
        <v>2478</v>
      </c>
      <c r="B3918" t="s">
        <v>2479</v>
      </c>
      <c r="C3918" t="s">
        <v>2460</v>
      </c>
      <c r="D3918" t="s">
        <v>2461</v>
      </c>
      <c r="E3918" t="s">
        <v>2352</v>
      </c>
      <c r="F3918" t="s">
        <v>2353</v>
      </c>
      <c r="G3918" t="s">
        <v>80</v>
      </c>
      <c r="H3918" t="s">
        <v>81</v>
      </c>
      <c r="I3918" s="2">
        <v>0</v>
      </c>
      <c r="J3918" s="2">
        <v>0</v>
      </c>
      <c r="K3918" s="2">
        <v>1</v>
      </c>
      <c r="L3918" t="s">
        <v>995</v>
      </c>
      <c r="M3918" t="s">
        <v>83</v>
      </c>
      <c r="N3918" t="s">
        <v>84</v>
      </c>
      <c r="O3918" t="s">
        <v>85</v>
      </c>
      <c r="P3918" t="s">
        <v>86</v>
      </c>
      <c r="Q3918">
        <v>4</v>
      </c>
      <c r="R3918">
        <v>4</v>
      </c>
      <c r="S3918">
        <v>4</v>
      </c>
      <c r="T3918">
        <v>4</v>
      </c>
      <c r="U3918">
        <v>4</v>
      </c>
      <c r="V3918">
        <v>4</v>
      </c>
      <c r="W3918">
        <v>4</v>
      </c>
      <c r="X3918">
        <v>5</v>
      </c>
      <c r="Y3918">
        <v>5</v>
      </c>
      <c r="Z3918">
        <v>5</v>
      </c>
      <c r="AA3918">
        <v>5</v>
      </c>
      <c r="AB3918">
        <v>5</v>
      </c>
      <c r="AC3918">
        <v>5</v>
      </c>
      <c r="AD3918">
        <v>5</v>
      </c>
      <c r="AE3918">
        <v>5</v>
      </c>
      <c r="AF3918">
        <v>5</v>
      </c>
      <c r="AG3918">
        <v>5</v>
      </c>
      <c r="AH3918">
        <v>5</v>
      </c>
      <c r="AI3918">
        <v>5</v>
      </c>
      <c r="AJ3918">
        <v>5</v>
      </c>
      <c r="AK3918">
        <v>5</v>
      </c>
      <c r="AL3918">
        <v>5</v>
      </c>
      <c r="AM3918">
        <v>5</v>
      </c>
      <c r="AN3918">
        <v>5</v>
      </c>
      <c r="AO3918">
        <v>4</v>
      </c>
      <c r="AP3918">
        <v>4</v>
      </c>
      <c r="AQ3918">
        <v>4</v>
      </c>
    </row>
    <row r="3919" spans="1:43">
      <c r="A3919" t="s">
        <v>2478</v>
      </c>
      <c r="B3919" t="s">
        <v>2479</v>
      </c>
      <c r="C3919" t="s">
        <v>2460</v>
      </c>
      <c r="D3919" t="s">
        <v>2461</v>
      </c>
      <c r="E3919" t="s">
        <v>2352</v>
      </c>
      <c r="F3919" t="s">
        <v>2353</v>
      </c>
      <c r="G3919" t="s">
        <v>80</v>
      </c>
      <c r="H3919" t="s">
        <v>81</v>
      </c>
      <c r="I3919" s="2">
        <v>0</v>
      </c>
      <c r="J3919" s="2">
        <v>0</v>
      </c>
      <c r="K3919" s="2">
        <v>1</v>
      </c>
      <c r="L3919" t="s">
        <v>995</v>
      </c>
      <c r="M3919" t="s">
        <v>87</v>
      </c>
      <c r="N3919" t="s">
        <v>88</v>
      </c>
      <c r="O3919" t="s">
        <v>85</v>
      </c>
      <c r="P3919" t="s">
        <v>86</v>
      </c>
      <c r="Q3919">
        <v>4</v>
      </c>
      <c r="R3919">
        <v>4</v>
      </c>
      <c r="S3919">
        <v>4</v>
      </c>
      <c r="T3919">
        <v>4</v>
      </c>
      <c r="U3919">
        <v>4</v>
      </c>
      <c r="V3919">
        <v>4</v>
      </c>
      <c r="W3919">
        <v>4</v>
      </c>
      <c r="X3919">
        <v>4</v>
      </c>
      <c r="Y3919">
        <v>4</v>
      </c>
      <c r="Z3919">
        <v>4</v>
      </c>
      <c r="AA3919">
        <v>4</v>
      </c>
      <c r="AB3919">
        <v>4</v>
      </c>
      <c r="AC3919">
        <v>4</v>
      </c>
      <c r="AD3919">
        <v>4</v>
      </c>
      <c r="AE3919">
        <v>4</v>
      </c>
      <c r="AF3919">
        <v>4</v>
      </c>
      <c r="AG3919">
        <v>4</v>
      </c>
      <c r="AH3919">
        <v>4</v>
      </c>
      <c r="AI3919">
        <v>4</v>
      </c>
      <c r="AJ3919">
        <v>4</v>
      </c>
      <c r="AK3919">
        <v>4</v>
      </c>
      <c r="AL3919">
        <v>4</v>
      </c>
      <c r="AM3919">
        <v>4</v>
      </c>
      <c r="AN3919">
        <v>4</v>
      </c>
      <c r="AO3919">
        <v>4</v>
      </c>
      <c r="AP3919">
        <v>4</v>
      </c>
      <c r="AQ3919">
        <v>4</v>
      </c>
    </row>
    <row r="3920" spans="1:43">
      <c r="A3920" t="s">
        <v>2478</v>
      </c>
      <c r="B3920" t="s">
        <v>2479</v>
      </c>
      <c r="C3920" t="s">
        <v>2460</v>
      </c>
      <c r="D3920" t="s">
        <v>2461</v>
      </c>
      <c r="E3920" t="s">
        <v>2352</v>
      </c>
      <c r="F3920" t="s">
        <v>2353</v>
      </c>
      <c r="G3920" t="s">
        <v>80</v>
      </c>
      <c r="H3920" t="s">
        <v>81</v>
      </c>
      <c r="I3920" s="2">
        <v>0</v>
      </c>
      <c r="J3920" s="2">
        <v>0</v>
      </c>
      <c r="K3920" s="2">
        <v>1</v>
      </c>
      <c r="L3920" t="s">
        <v>995</v>
      </c>
      <c r="M3920" t="s">
        <v>89</v>
      </c>
      <c r="N3920" t="s">
        <v>90</v>
      </c>
      <c r="O3920" t="s">
        <v>85</v>
      </c>
      <c r="P3920" t="s">
        <v>86</v>
      </c>
      <c r="Q3920">
        <v>4</v>
      </c>
      <c r="R3920">
        <v>4</v>
      </c>
      <c r="S3920">
        <v>5</v>
      </c>
      <c r="T3920">
        <v>5</v>
      </c>
      <c r="U3920">
        <v>5</v>
      </c>
      <c r="V3920">
        <v>5</v>
      </c>
      <c r="W3920">
        <v>5</v>
      </c>
      <c r="X3920">
        <v>5</v>
      </c>
      <c r="Y3920">
        <v>5</v>
      </c>
      <c r="Z3920">
        <v>5</v>
      </c>
      <c r="AA3920">
        <v>5</v>
      </c>
      <c r="AB3920">
        <v>5</v>
      </c>
      <c r="AC3920">
        <v>5</v>
      </c>
      <c r="AD3920">
        <v>5</v>
      </c>
      <c r="AE3920">
        <v>5</v>
      </c>
      <c r="AF3920">
        <v>5</v>
      </c>
      <c r="AG3920">
        <v>5</v>
      </c>
      <c r="AH3920">
        <v>5</v>
      </c>
      <c r="AI3920">
        <v>5</v>
      </c>
      <c r="AJ3920">
        <v>5</v>
      </c>
      <c r="AK3920">
        <v>5</v>
      </c>
      <c r="AL3920">
        <v>5</v>
      </c>
      <c r="AM3920">
        <v>5</v>
      </c>
      <c r="AN3920">
        <v>5</v>
      </c>
      <c r="AO3920">
        <v>5</v>
      </c>
      <c r="AP3920">
        <v>5</v>
      </c>
      <c r="AQ3920">
        <v>4</v>
      </c>
    </row>
    <row r="3921" spans="1:43">
      <c r="A3921" t="s">
        <v>2478</v>
      </c>
      <c r="B3921" t="s">
        <v>2479</v>
      </c>
      <c r="C3921" t="s">
        <v>2460</v>
      </c>
      <c r="D3921" t="s">
        <v>2461</v>
      </c>
      <c r="E3921" t="s">
        <v>2352</v>
      </c>
      <c r="F3921" t="s">
        <v>2353</v>
      </c>
      <c r="G3921" t="s">
        <v>80</v>
      </c>
      <c r="H3921" t="s">
        <v>81</v>
      </c>
      <c r="I3921" s="2">
        <v>0</v>
      </c>
      <c r="J3921" s="2">
        <v>0</v>
      </c>
      <c r="K3921" s="2">
        <v>1</v>
      </c>
      <c r="L3921" t="s">
        <v>995</v>
      </c>
      <c r="M3921" t="s">
        <v>83</v>
      </c>
      <c r="N3921" t="s">
        <v>91</v>
      </c>
      <c r="O3921" t="s">
        <v>85</v>
      </c>
      <c r="P3921" t="s">
        <v>86</v>
      </c>
      <c r="Q3921">
        <v>4</v>
      </c>
      <c r="R3921">
        <v>4</v>
      </c>
      <c r="S3921">
        <v>4</v>
      </c>
      <c r="T3921">
        <v>4</v>
      </c>
      <c r="U3921">
        <v>4</v>
      </c>
      <c r="V3921">
        <v>4</v>
      </c>
      <c r="W3921">
        <v>4</v>
      </c>
      <c r="X3921">
        <v>5</v>
      </c>
      <c r="Y3921">
        <v>5</v>
      </c>
      <c r="Z3921">
        <v>5</v>
      </c>
      <c r="AA3921">
        <v>5</v>
      </c>
      <c r="AB3921">
        <v>5</v>
      </c>
      <c r="AC3921">
        <v>5</v>
      </c>
      <c r="AD3921">
        <v>5</v>
      </c>
      <c r="AE3921">
        <v>5</v>
      </c>
      <c r="AF3921">
        <v>5</v>
      </c>
      <c r="AG3921">
        <v>5</v>
      </c>
      <c r="AH3921">
        <v>5</v>
      </c>
      <c r="AI3921">
        <v>5</v>
      </c>
      <c r="AJ3921">
        <v>5</v>
      </c>
      <c r="AK3921">
        <v>5</v>
      </c>
      <c r="AL3921">
        <v>5</v>
      </c>
      <c r="AM3921">
        <v>5</v>
      </c>
      <c r="AN3921">
        <v>5</v>
      </c>
      <c r="AO3921">
        <v>4</v>
      </c>
      <c r="AP3921">
        <v>4</v>
      </c>
      <c r="AQ3921">
        <v>4</v>
      </c>
    </row>
    <row r="3922" spans="1:43">
      <c r="A3922" t="s">
        <v>2480</v>
      </c>
      <c r="B3922" t="s">
        <v>2481</v>
      </c>
      <c r="C3922" t="s">
        <v>2460</v>
      </c>
      <c r="D3922" t="s">
        <v>2461</v>
      </c>
      <c r="E3922" t="s">
        <v>2352</v>
      </c>
      <c r="F3922" t="s">
        <v>2353</v>
      </c>
      <c r="G3922" t="s">
        <v>80</v>
      </c>
      <c r="H3922" t="s">
        <v>81</v>
      </c>
      <c r="I3922" s="2">
        <v>0</v>
      </c>
      <c r="J3922" s="2">
        <v>0</v>
      </c>
      <c r="K3922" s="2">
        <v>1</v>
      </c>
      <c r="L3922" t="s">
        <v>995</v>
      </c>
      <c r="M3922" t="s">
        <v>83</v>
      </c>
      <c r="N3922" t="s">
        <v>84</v>
      </c>
      <c r="O3922" t="s">
        <v>85</v>
      </c>
      <c r="P3922" t="s">
        <v>86</v>
      </c>
      <c r="Q3922">
        <v>8</v>
      </c>
      <c r="R3922">
        <v>8</v>
      </c>
      <c r="S3922">
        <v>8</v>
      </c>
      <c r="T3922">
        <v>8</v>
      </c>
      <c r="U3922">
        <v>8</v>
      </c>
      <c r="V3922">
        <v>8</v>
      </c>
      <c r="W3922">
        <v>8</v>
      </c>
      <c r="X3922">
        <v>8</v>
      </c>
      <c r="Y3922">
        <v>8</v>
      </c>
      <c r="Z3922">
        <v>8</v>
      </c>
      <c r="AA3922">
        <v>8</v>
      </c>
      <c r="AB3922">
        <v>8</v>
      </c>
      <c r="AC3922">
        <v>8</v>
      </c>
      <c r="AD3922">
        <v>9</v>
      </c>
      <c r="AE3922">
        <v>9</v>
      </c>
      <c r="AF3922">
        <v>9</v>
      </c>
      <c r="AG3922">
        <v>9</v>
      </c>
      <c r="AH3922">
        <v>9</v>
      </c>
      <c r="AI3922">
        <v>9</v>
      </c>
      <c r="AJ3922">
        <v>9</v>
      </c>
      <c r="AK3922">
        <v>9</v>
      </c>
      <c r="AL3922">
        <v>9</v>
      </c>
      <c r="AM3922">
        <v>8</v>
      </c>
      <c r="AN3922">
        <v>8</v>
      </c>
      <c r="AO3922">
        <v>8</v>
      </c>
      <c r="AP3922">
        <v>8</v>
      </c>
      <c r="AQ3922">
        <v>8</v>
      </c>
    </row>
    <row r="3923" spans="1:43">
      <c r="A3923" t="s">
        <v>2480</v>
      </c>
      <c r="B3923" t="s">
        <v>2481</v>
      </c>
      <c r="C3923" t="s">
        <v>2460</v>
      </c>
      <c r="D3923" t="s">
        <v>2461</v>
      </c>
      <c r="E3923" t="s">
        <v>2352</v>
      </c>
      <c r="F3923" t="s">
        <v>2353</v>
      </c>
      <c r="G3923" t="s">
        <v>80</v>
      </c>
      <c r="H3923" t="s">
        <v>81</v>
      </c>
      <c r="I3923" s="2">
        <v>0</v>
      </c>
      <c r="J3923" s="2">
        <v>0</v>
      </c>
      <c r="K3923" s="2">
        <v>1</v>
      </c>
      <c r="L3923" t="s">
        <v>995</v>
      </c>
      <c r="M3923" t="s">
        <v>87</v>
      </c>
      <c r="N3923" t="s">
        <v>88</v>
      </c>
      <c r="O3923" t="s">
        <v>85</v>
      </c>
      <c r="P3923" t="s">
        <v>86</v>
      </c>
      <c r="Q3923">
        <v>8</v>
      </c>
      <c r="R3923">
        <v>8</v>
      </c>
      <c r="S3923">
        <v>8</v>
      </c>
      <c r="T3923">
        <v>8</v>
      </c>
      <c r="U3923">
        <v>8</v>
      </c>
      <c r="V3923">
        <v>8</v>
      </c>
      <c r="W3923">
        <v>8</v>
      </c>
      <c r="X3923">
        <v>8</v>
      </c>
      <c r="Y3923">
        <v>8</v>
      </c>
      <c r="Z3923">
        <v>8</v>
      </c>
      <c r="AA3923">
        <v>8</v>
      </c>
      <c r="AB3923">
        <v>8</v>
      </c>
      <c r="AC3923">
        <v>8</v>
      </c>
      <c r="AD3923">
        <v>8</v>
      </c>
      <c r="AE3923">
        <v>8</v>
      </c>
      <c r="AF3923">
        <v>7</v>
      </c>
      <c r="AG3923">
        <v>7</v>
      </c>
      <c r="AH3923">
        <v>7</v>
      </c>
      <c r="AI3923">
        <v>7</v>
      </c>
      <c r="AJ3923">
        <v>7</v>
      </c>
      <c r="AK3923">
        <v>7</v>
      </c>
      <c r="AL3923">
        <v>7</v>
      </c>
      <c r="AM3923">
        <v>7</v>
      </c>
      <c r="AN3923">
        <v>7</v>
      </c>
      <c r="AO3923">
        <v>7</v>
      </c>
      <c r="AP3923">
        <v>7</v>
      </c>
      <c r="AQ3923">
        <v>7</v>
      </c>
    </row>
    <row r="3924" spans="1:43">
      <c r="A3924" t="s">
        <v>2480</v>
      </c>
      <c r="B3924" t="s">
        <v>2481</v>
      </c>
      <c r="C3924" t="s">
        <v>2460</v>
      </c>
      <c r="D3924" t="s">
        <v>2461</v>
      </c>
      <c r="E3924" t="s">
        <v>2352</v>
      </c>
      <c r="F3924" t="s">
        <v>2353</v>
      </c>
      <c r="G3924" t="s">
        <v>80</v>
      </c>
      <c r="H3924" t="s">
        <v>81</v>
      </c>
      <c r="I3924" s="2">
        <v>0</v>
      </c>
      <c r="J3924" s="2">
        <v>0</v>
      </c>
      <c r="K3924" s="2">
        <v>1</v>
      </c>
      <c r="L3924" t="s">
        <v>995</v>
      </c>
      <c r="M3924" t="s">
        <v>89</v>
      </c>
      <c r="N3924" t="s">
        <v>90</v>
      </c>
      <c r="O3924" t="s">
        <v>85</v>
      </c>
      <c r="P3924" t="s">
        <v>86</v>
      </c>
      <c r="Q3924">
        <v>8</v>
      </c>
      <c r="R3924">
        <v>8</v>
      </c>
      <c r="S3924">
        <v>8</v>
      </c>
      <c r="T3924">
        <v>9</v>
      </c>
      <c r="U3924">
        <v>9</v>
      </c>
      <c r="V3924">
        <v>9</v>
      </c>
      <c r="W3924">
        <v>9</v>
      </c>
      <c r="X3924">
        <v>9</v>
      </c>
      <c r="Y3924">
        <v>9</v>
      </c>
      <c r="Z3924">
        <v>9</v>
      </c>
      <c r="AA3924">
        <v>9</v>
      </c>
      <c r="AB3924">
        <v>9</v>
      </c>
      <c r="AC3924">
        <v>9</v>
      </c>
      <c r="AD3924">
        <v>9</v>
      </c>
      <c r="AE3924">
        <v>9</v>
      </c>
      <c r="AF3924">
        <v>9</v>
      </c>
      <c r="AG3924">
        <v>9</v>
      </c>
      <c r="AH3924">
        <v>9</v>
      </c>
      <c r="AI3924">
        <v>9</v>
      </c>
      <c r="AJ3924">
        <v>9</v>
      </c>
      <c r="AK3924">
        <v>9</v>
      </c>
      <c r="AL3924">
        <v>9</v>
      </c>
      <c r="AM3924">
        <v>9</v>
      </c>
      <c r="AN3924">
        <v>9</v>
      </c>
      <c r="AO3924">
        <v>8</v>
      </c>
      <c r="AP3924">
        <v>8</v>
      </c>
      <c r="AQ3924">
        <v>8</v>
      </c>
    </row>
    <row r="3925" spans="1:43">
      <c r="A3925" t="s">
        <v>2480</v>
      </c>
      <c r="B3925" t="s">
        <v>2481</v>
      </c>
      <c r="C3925" t="s">
        <v>2460</v>
      </c>
      <c r="D3925" t="s">
        <v>2461</v>
      </c>
      <c r="E3925" t="s">
        <v>2352</v>
      </c>
      <c r="F3925" t="s">
        <v>2353</v>
      </c>
      <c r="G3925" t="s">
        <v>80</v>
      </c>
      <c r="H3925" t="s">
        <v>81</v>
      </c>
      <c r="I3925" s="2">
        <v>0</v>
      </c>
      <c r="J3925" s="2">
        <v>0</v>
      </c>
      <c r="K3925" s="2">
        <v>1</v>
      </c>
      <c r="L3925" t="s">
        <v>995</v>
      </c>
      <c r="M3925" t="s">
        <v>83</v>
      </c>
      <c r="N3925" t="s">
        <v>91</v>
      </c>
      <c r="O3925" t="s">
        <v>85</v>
      </c>
      <c r="P3925" t="s">
        <v>86</v>
      </c>
      <c r="Q3925">
        <v>8</v>
      </c>
      <c r="R3925">
        <v>8</v>
      </c>
      <c r="S3925">
        <v>8</v>
      </c>
      <c r="T3925">
        <v>8</v>
      </c>
      <c r="U3925">
        <v>8</v>
      </c>
      <c r="V3925">
        <v>8</v>
      </c>
      <c r="W3925">
        <v>8</v>
      </c>
      <c r="X3925">
        <v>8</v>
      </c>
      <c r="Y3925">
        <v>8</v>
      </c>
      <c r="Z3925">
        <v>8</v>
      </c>
      <c r="AA3925">
        <v>8</v>
      </c>
      <c r="AB3925">
        <v>8</v>
      </c>
      <c r="AC3925">
        <v>8</v>
      </c>
      <c r="AD3925">
        <v>9</v>
      </c>
      <c r="AE3925">
        <v>9</v>
      </c>
      <c r="AF3925">
        <v>9</v>
      </c>
      <c r="AG3925">
        <v>9</v>
      </c>
      <c r="AH3925">
        <v>9</v>
      </c>
      <c r="AI3925">
        <v>9</v>
      </c>
      <c r="AJ3925">
        <v>9</v>
      </c>
      <c r="AK3925">
        <v>9</v>
      </c>
      <c r="AL3925">
        <v>9</v>
      </c>
      <c r="AM3925">
        <v>8</v>
      </c>
      <c r="AN3925">
        <v>8</v>
      </c>
      <c r="AO3925">
        <v>8</v>
      </c>
      <c r="AP3925">
        <v>8</v>
      </c>
      <c r="AQ3925">
        <v>8</v>
      </c>
    </row>
    <row r="3926" spans="1:43">
      <c r="A3926" t="s">
        <v>2482</v>
      </c>
      <c r="B3926" t="s">
        <v>2483</v>
      </c>
      <c r="C3926" t="s">
        <v>2460</v>
      </c>
      <c r="D3926" t="s">
        <v>2461</v>
      </c>
      <c r="E3926" t="s">
        <v>2352</v>
      </c>
      <c r="F3926" t="s">
        <v>2353</v>
      </c>
      <c r="G3926" t="s">
        <v>80</v>
      </c>
      <c r="H3926" t="s">
        <v>81</v>
      </c>
      <c r="I3926" s="2">
        <v>0</v>
      </c>
      <c r="J3926" s="2">
        <v>0</v>
      </c>
      <c r="K3926" s="2">
        <v>1</v>
      </c>
      <c r="L3926" t="s">
        <v>995</v>
      </c>
      <c r="M3926" t="s">
        <v>83</v>
      </c>
      <c r="N3926" t="s">
        <v>84</v>
      </c>
      <c r="O3926" t="s">
        <v>85</v>
      </c>
      <c r="P3926" t="s">
        <v>86</v>
      </c>
      <c r="Q3926">
        <v>33</v>
      </c>
      <c r="R3926">
        <v>34</v>
      </c>
      <c r="S3926">
        <v>34</v>
      </c>
      <c r="T3926">
        <v>34</v>
      </c>
      <c r="U3926">
        <v>34</v>
      </c>
      <c r="V3926">
        <v>34</v>
      </c>
      <c r="W3926">
        <v>34</v>
      </c>
      <c r="X3926">
        <v>34</v>
      </c>
      <c r="Y3926">
        <v>34</v>
      </c>
      <c r="Z3926">
        <v>34</v>
      </c>
      <c r="AA3926">
        <v>34</v>
      </c>
      <c r="AB3926">
        <v>34</v>
      </c>
      <c r="AC3926">
        <v>35</v>
      </c>
      <c r="AD3926">
        <v>35</v>
      </c>
      <c r="AE3926">
        <v>35</v>
      </c>
      <c r="AF3926">
        <v>35</v>
      </c>
      <c r="AG3926">
        <v>35</v>
      </c>
      <c r="AH3926">
        <v>35</v>
      </c>
      <c r="AI3926">
        <v>35</v>
      </c>
      <c r="AJ3926">
        <v>35</v>
      </c>
      <c r="AK3926">
        <v>35</v>
      </c>
      <c r="AL3926">
        <v>35</v>
      </c>
      <c r="AM3926">
        <v>34</v>
      </c>
      <c r="AN3926">
        <v>34</v>
      </c>
      <c r="AO3926">
        <v>34</v>
      </c>
      <c r="AP3926">
        <v>34</v>
      </c>
      <c r="AQ3926">
        <v>33</v>
      </c>
    </row>
    <row r="3927" spans="1:43">
      <c r="A3927" t="s">
        <v>2482</v>
      </c>
      <c r="B3927" t="s">
        <v>2483</v>
      </c>
      <c r="C3927" t="s">
        <v>2460</v>
      </c>
      <c r="D3927" t="s">
        <v>2461</v>
      </c>
      <c r="E3927" t="s">
        <v>2352</v>
      </c>
      <c r="F3927" t="s">
        <v>2353</v>
      </c>
      <c r="G3927" t="s">
        <v>80</v>
      </c>
      <c r="H3927" t="s">
        <v>81</v>
      </c>
      <c r="I3927" s="2">
        <v>0</v>
      </c>
      <c r="J3927" s="2">
        <v>0</v>
      </c>
      <c r="K3927" s="2">
        <v>1</v>
      </c>
      <c r="L3927" t="s">
        <v>995</v>
      </c>
      <c r="M3927" t="s">
        <v>87</v>
      </c>
      <c r="N3927" t="s">
        <v>88</v>
      </c>
      <c r="O3927" t="s">
        <v>85</v>
      </c>
      <c r="P3927" t="s">
        <v>86</v>
      </c>
      <c r="Q3927">
        <v>33</v>
      </c>
      <c r="R3927">
        <v>33</v>
      </c>
      <c r="S3927">
        <v>33</v>
      </c>
      <c r="T3927">
        <v>33</v>
      </c>
      <c r="U3927">
        <v>32</v>
      </c>
      <c r="V3927">
        <v>32</v>
      </c>
      <c r="W3927">
        <v>32</v>
      </c>
      <c r="X3927">
        <v>32</v>
      </c>
      <c r="Y3927">
        <v>32</v>
      </c>
      <c r="Z3927">
        <v>31</v>
      </c>
      <c r="AA3927">
        <v>31</v>
      </c>
      <c r="AB3927">
        <v>31</v>
      </c>
      <c r="AC3927">
        <v>31</v>
      </c>
      <c r="AD3927">
        <v>31</v>
      </c>
      <c r="AE3927">
        <v>31</v>
      </c>
      <c r="AF3927">
        <v>30</v>
      </c>
      <c r="AG3927">
        <v>30</v>
      </c>
      <c r="AH3927">
        <v>30</v>
      </c>
      <c r="AI3927">
        <v>30</v>
      </c>
      <c r="AJ3927">
        <v>30</v>
      </c>
      <c r="AK3927">
        <v>30</v>
      </c>
      <c r="AL3927">
        <v>30</v>
      </c>
      <c r="AM3927">
        <v>29</v>
      </c>
      <c r="AN3927">
        <v>29</v>
      </c>
      <c r="AO3927">
        <v>29</v>
      </c>
      <c r="AP3927">
        <v>29</v>
      </c>
      <c r="AQ3927">
        <v>29</v>
      </c>
    </row>
    <row r="3928" spans="1:43">
      <c r="A3928" t="s">
        <v>2482</v>
      </c>
      <c r="B3928" t="s">
        <v>2483</v>
      </c>
      <c r="C3928" t="s">
        <v>2460</v>
      </c>
      <c r="D3928" t="s">
        <v>2461</v>
      </c>
      <c r="E3928" t="s">
        <v>2352</v>
      </c>
      <c r="F3928" t="s">
        <v>2353</v>
      </c>
      <c r="G3928" t="s">
        <v>80</v>
      </c>
      <c r="H3928" t="s">
        <v>81</v>
      </c>
      <c r="I3928" s="2">
        <v>0</v>
      </c>
      <c r="J3928" s="2">
        <v>0</v>
      </c>
      <c r="K3928" s="2">
        <v>1</v>
      </c>
      <c r="L3928" t="s">
        <v>995</v>
      </c>
      <c r="M3928" t="s">
        <v>89</v>
      </c>
      <c r="N3928" t="s">
        <v>90</v>
      </c>
      <c r="O3928" t="s">
        <v>85</v>
      </c>
      <c r="P3928" t="s">
        <v>86</v>
      </c>
      <c r="Q3928">
        <v>33</v>
      </c>
      <c r="R3928">
        <v>33</v>
      </c>
      <c r="S3928">
        <v>34</v>
      </c>
      <c r="T3928">
        <v>34</v>
      </c>
      <c r="U3928">
        <v>34</v>
      </c>
      <c r="V3928">
        <v>35</v>
      </c>
      <c r="W3928">
        <v>35</v>
      </c>
      <c r="X3928">
        <v>35</v>
      </c>
      <c r="Y3928">
        <v>35</v>
      </c>
      <c r="Z3928">
        <v>35</v>
      </c>
      <c r="AA3928">
        <v>36</v>
      </c>
      <c r="AB3928">
        <v>36</v>
      </c>
      <c r="AC3928">
        <v>36</v>
      </c>
      <c r="AD3928">
        <v>36</v>
      </c>
      <c r="AE3928">
        <v>36</v>
      </c>
      <c r="AF3928">
        <v>36</v>
      </c>
      <c r="AG3928">
        <v>36</v>
      </c>
      <c r="AH3928">
        <v>35</v>
      </c>
      <c r="AI3928">
        <v>35</v>
      </c>
      <c r="AJ3928">
        <v>35</v>
      </c>
      <c r="AK3928">
        <v>34</v>
      </c>
      <c r="AL3928">
        <v>34</v>
      </c>
      <c r="AM3928">
        <v>34</v>
      </c>
      <c r="AN3928">
        <v>34</v>
      </c>
      <c r="AO3928">
        <v>33</v>
      </c>
      <c r="AP3928">
        <v>33</v>
      </c>
      <c r="AQ3928">
        <v>33</v>
      </c>
    </row>
    <row r="3929" spans="1:43">
      <c r="A3929" t="s">
        <v>2482</v>
      </c>
      <c r="B3929" t="s">
        <v>2483</v>
      </c>
      <c r="C3929" t="s">
        <v>2460</v>
      </c>
      <c r="D3929" t="s">
        <v>2461</v>
      </c>
      <c r="E3929" t="s">
        <v>2352</v>
      </c>
      <c r="F3929" t="s">
        <v>2353</v>
      </c>
      <c r="G3929" t="s">
        <v>80</v>
      </c>
      <c r="H3929" t="s">
        <v>81</v>
      </c>
      <c r="I3929" s="2">
        <v>0</v>
      </c>
      <c r="J3929" s="2">
        <v>0</v>
      </c>
      <c r="K3929" s="2">
        <v>1</v>
      </c>
      <c r="L3929" t="s">
        <v>995</v>
      </c>
      <c r="M3929" t="s">
        <v>83</v>
      </c>
      <c r="N3929" t="s">
        <v>91</v>
      </c>
      <c r="O3929" t="s">
        <v>85</v>
      </c>
      <c r="P3929" t="s">
        <v>86</v>
      </c>
      <c r="Q3929">
        <v>33</v>
      </c>
      <c r="R3929">
        <v>34</v>
      </c>
      <c r="S3929">
        <v>34</v>
      </c>
      <c r="T3929">
        <v>34</v>
      </c>
      <c r="U3929">
        <v>34</v>
      </c>
      <c r="V3929">
        <v>34</v>
      </c>
      <c r="W3929">
        <v>34</v>
      </c>
      <c r="X3929">
        <v>34</v>
      </c>
      <c r="Y3929">
        <v>34</v>
      </c>
      <c r="Z3929">
        <v>34</v>
      </c>
      <c r="AA3929">
        <v>34</v>
      </c>
      <c r="AB3929">
        <v>34</v>
      </c>
      <c r="AC3929">
        <v>35</v>
      </c>
      <c r="AD3929">
        <v>35</v>
      </c>
      <c r="AE3929">
        <v>35</v>
      </c>
      <c r="AF3929">
        <v>35</v>
      </c>
      <c r="AG3929">
        <v>35</v>
      </c>
      <c r="AH3929">
        <v>35</v>
      </c>
      <c r="AI3929">
        <v>35</v>
      </c>
      <c r="AJ3929">
        <v>35</v>
      </c>
      <c r="AK3929">
        <v>35</v>
      </c>
      <c r="AL3929">
        <v>35</v>
      </c>
      <c r="AM3929">
        <v>34</v>
      </c>
      <c r="AN3929">
        <v>34</v>
      </c>
      <c r="AO3929">
        <v>34</v>
      </c>
      <c r="AP3929">
        <v>34</v>
      </c>
      <c r="AQ3929">
        <v>33</v>
      </c>
    </row>
    <row r="3930" spans="1:43">
      <c r="A3930" t="s">
        <v>2484</v>
      </c>
      <c r="B3930" t="s">
        <v>2485</v>
      </c>
      <c r="C3930" t="s">
        <v>2486</v>
      </c>
      <c r="D3930" t="s">
        <v>2487</v>
      </c>
      <c r="E3930" t="s">
        <v>2352</v>
      </c>
      <c r="F3930" t="s">
        <v>2353</v>
      </c>
      <c r="G3930" t="s">
        <v>80</v>
      </c>
      <c r="H3930" t="s">
        <v>81</v>
      </c>
      <c r="I3930" s="2">
        <v>0</v>
      </c>
      <c r="J3930" s="2">
        <v>0</v>
      </c>
      <c r="K3930" s="2">
        <v>1</v>
      </c>
      <c r="L3930" t="s">
        <v>995</v>
      </c>
      <c r="M3930" t="s">
        <v>83</v>
      </c>
      <c r="N3930" t="s">
        <v>84</v>
      </c>
      <c r="O3930" t="s">
        <v>85</v>
      </c>
      <c r="P3930" t="s">
        <v>86</v>
      </c>
      <c r="Q3930">
        <v>16</v>
      </c>
      <c r="R3930">
        <v>16</v>
      </c>
      <c r="S3930">
        <v>16</v>
      </c>
      <c r="T3930">
        <v>16</v>
      </c>
      <c r="U3930">
        <v>16</v>
      </c>
      <c r="V3930">
        <v>16</v>
      </c>
      <c r="W3930">
        <v>16</v>
      </c>
      <c r="X3930">
        <v>16</v>
      </c>
      <c r="Y3930">
        <v>16</v>
      </c>
      <c r="Z3930">
        <v>17</v>
      </c>
      <c r="AA3930">
        <v>17</v>
      </c>
      <c r="AB3930">
        <v>17</v>
      </c>
      <c r="AC3930">
        <v>17</v>
      </c>
      <c r="AD3930">
        <v>17</v>
      </c>
      <c r="AE3930">
        <v>17</v>
      </c>
      <c r="AF3930">
        <v>17</v>
      </c>
      <c r="AG3930">
        <v>17</v>
      </c>
      <c r="AH3930">
        <v>17</v>
      </c>
      <c r="AI3930">
        <v>17</v>
      </c>
      <c r="AJ3930">
        <v>17</v>
      </c>
      <c r="AK3930">
        <v>16</v>
      </c>
      <c r="AL3930">
        <v>16</v>
      </c>
      <c r="AM3930">
        <v>16</v>
      </c>
      <c r="AN3930">
        <v>16</v>
      </c>
      <c r="AO3930">
        <v>16</v>
      </c>
      <c r="AP3930">
        <v>16</v>
      </c>
      <c r="AQ3930">
        <v>16</v>
      </c>
    </row>
    <row r="3931" spans="1:43">
      <c r="A3931" t="s">
        <v>2484</v>
      </c>
      <c r="B3931" t="s">
        <v>2485</v>
      </c>
      <c r="C3931" t="s">
        <v>2486</v>
      </c>
      <c r="D3931" t="s">
        <v>2487</v>
      </c>
      <c r="E3931" t="s">
        <v>2352</v>
      </c>
      <c r="F3931" t="s">
        <v>2353</v>
      </c>
      <c r="G3931" t="s">
        <v>80</v>
      </c>
      <c r="H3931" t="s">
        <v>81</v>
      </c>
      <c r="I3931" s="2">
        <v>0</v>
      </c>
      <c r="J3931" s="2">
        <v>0</v>
      </c>
      <c r="K3931" s="2">
        <v>1</v>
      </c>
      <c r="L3931" t="s">
        <v>995</v>
      </c>
      <c r="M3931" t="s">
        <v>87</v>
      </c>
      <c r="N3931" t="s">
        <v>88</v>
      </c>
      <c r="O3931" t="s">
        <v>85</v>
      </c>
      <c r="P3931" t="s">
        <v>86</v>
      </c>
      <c r="Q3931">
        <v>16</v>
      </c>
      <c r="R3931">
        <v>16</v>
      </c>
      <c r="S3931">
        <v>16</v>
      </c>
      <c r="T3931">
        <v>16</v>
      </c>
      <c r="U3931">
        <v>16</v>
      </c>
      <c r="V3931">
        <v>15</v>
      </c>
      <c r="W3931">
        <v>15</v>
      </c>
      <c r="X3931">
        <v>15</v>
      </c>
      <c r="Y3931">
        <v>15</v>
      </c>
      <c r="Z3931">
        <v>15</v>
      </c>
      <c r="AA3931">
        <v>15</v>
      </c>
      <c r="AB3931">
        <v>15</v>
      </c>
      <c r="AC3931">
        <v>15</v>
      </c>
      <c r="AD3931">
        <v>15</v>
      </c>
      <c r="AE3931">
        <v>15</v>
      </c>
      <c r="AF3931">
        <v>15</v>
      </c>
      <c r="AG3931">
        <v>15</v>
      </c>
      <c r="AH3931">
        <v>14</v>
      </c>
      <c r="AI3931">
        <v>14</v>
      </c>
      <c r="AJ3931">
        <v>14</v>
      </c>
      <c r="AK3931">
        <v>14</v>
      </c>
      <c r="AL3931">
        <v>14</v>
      </c>
      <c r="AM3931">
        <v>14</v>
      </c>
      <c r="AN3931">
        <v>14</v>
      </c>
      <c r="AO3931">
        <v>14</v>
      </c>
      <c r="AP3931">
        <v>14</v>
      </c>
      <c r="AQ3931">
        <v>14</v>
      </c>
    </row>
    <row r="3932" spans="1:43">
      <c r="A3932" t="s">
        <v>2484</v>
      </c>
      <c r="B3932" t="s">
        <v>2485</v>
      </c>
      <c r="C3932" t="s">
        <v>2486</v>
      </c>
      <c r="D3932" t="s">
        <v>2487</v>
      </c>
      <c r="E3932" t="s">
        <v>2352</v>
      </c>
      <c r="F3932" t="s">
        <v>2353</v>
      </c>
      <c r="G3932" t="s">
        <v>80</v>
      </c>
      <c r="H3932" t="s">
        <v>81</v>
      </c>
      <c r="I3932" s="2">
        <v>0</v>
      </c>
      <c r="J3932" s="2">
        <v>0</v>
      </c>
      <c r="K3932" s="2">
        <v>1</v>
      </c>
      <c r="L3932" t="s">
        <v>995</v>
      </c>
      <c r="M3932" t="s">
        <v>89</v>
      </c>
      <c r="N3932" t="s">
        <v>90</v>
      </c>
      <c r="O3932" t="s">
        <v>85</v>
      </c>
      <c r="P3932" t="s">
        <v>86</v>
      </c>
      <c r="Q3932">
        <v>16</v>
      </c>
      <c r="R3932">
        <v>16</v>
      </c>
      <c r="S3932">
        <v>17</v>
      </c>
      <c r="T3932">
        <v>17</v>
      </c>
      <c r="U3932">
        <v>17</v>
      </c>
      <c r="V3932">
        <v>17</v>
      </c>
      <c r="W3932">
        <v>17</v>
      </c>
      <c r="X3932">
        <v>17</v>
      </c>
      <c r="Y3932">
        <v>17</v>
      </c>
      <c r="Z3932">
        <v>17</v>
      </c>
      <c r="AA3932">
        <v>18</v>
      </c>
      <c r="AB3932">
        <v>18</v>
      </c>
      <c r="AC3932">
        <v>18</v>
      </c>
      <c r="AD3932">
        <v>18</v>
      </c>
      <c r="AE3932">
        <v>18</v>
      </c>
      <c r="AF3932">
        <v>17</v>
      </c>
      <c r="AG3932">
        <v>17</v>
      </c>
      <c r="AH3932">
        <v>17</v>
      </c>
      <c r="AI3932">
        <v>17</v>
      </c>
      <c r="AJ3932">
        <v>17</v>
      </c>
      <c r="AK3932">
        <v>17</v>
      </c>
      <c r="AL3932">
        <v>16</v>
      </c>
      <c r="AM3932">
        <v>16</v>
      </c>
      <c r="AN3932">
        <v>16</v>
      </c>
      <c r="AO3932">
        <v>16</v>
      </c>
      <c r="AP3932">
        <v>16</v>
      </c>
      <c r="AQ3932">
        <v>16</v>
      </c>
    </row>
    <row r="3933" spans="1:43">
      <c r="A3933" t="s">
        <v>2484</v>
      </c>
      <c r="B3933" t="s">
        <v>2485</v>
      </c>
      <c r="C3933" t="s">
        <v>2486</v>
      </c>
      <c r="D3933" t="s">
        <v>2487</v>
      </c>
      <c r="E3933" t="s">
        <v>2352</v>
      </c>
      <c r="F3933" t="s">
        <v>2353</v>
      </c>
      <c r="G3933" t="s">
        <v>80</v>
      </c>
      <c r="H3933" t="s">
        <v>81</v>
      </c>
      <c r="I3933" s="2">
        <v>0</v>
      </c>
      <c r="J3933" s="2">
        <v>0</v>
      </c>
      <c r="K3933" s="2">
        <v>1</v>
      </c>
      <c r="L3933" t="s">
        <v>995</v>
      </c>
      <c r="M3933" t="s">
        <v>83</v>
      </c>
      <c r="N3933" t="s">
        <v>91</v>
      </c>
      <c r="O3933" t="s">
        <v>85</v>
      </c>
      <c r="P3933" t="s">
        <v>86</v>
      </c>
      <c r="Q3933">
        <v>16</v>
      </c>
      <c r="R3933">
        <v>16</v>
      </c>
      <c r="S3933">
        <v>16</v>
      </c>
      <c r="T3933">
        <v>16</v>
      </c>
      <c r="U3933">
        <v>16</v>
      </c>
      <c r="V3933">
        <v>16</v>
      </c>
      <c r="W3933">
        <v>16</v>
      </c>
      <c r="X3933">
        <v>16</v>
      </c>
      <c r="Y3933">
        <v>16</v>
      </c>
      <c r="Z3933">
        <v>17</v>
      </c>
      <c r="AA3933">
        <v>17</v>
      </c>
      <c r="AB3933">
        <v>17</v>
      </c>
      <c r="AC3933">
        <v>17</v>
      </c>
      <c r="AD3933">
        <v>17</v>
      </c>
      <c r="AE3933">
        <v>17</v>
      </c>
      <c r="AF3933">
        <v>17</v>
      </c>
      <c r="AG3933">
        <v>17</v>
      </c>
      <c r="AH3933">
        <v>17</v>
      </c>
      <c r="AI3933">
        <v>17</v>
      </c>
      <c r="AJ3933">
        <v>17</v>
      </c>
      <c r="AK3933">
        <v>16</v>
      </c>
      <c r="AL3933">
        <v>16</v>
      </c>
      <c r="AM3933">
        <v>16</v>
      </c>
      <c r="AN3933">
        <v>16</v>
      </c>
      <c r="AO3933">
        <v>16</v>
      </c>
      <c r="AP3933">
        <v>16</v>
      </c>
      <c r="AQ3933">
        <v>16</v>
      </c>
    </row>
    <row r="3934" spans="1:43">
      <c r="A3934" t="s">
        <v>2488</v>
      </c>
      <c r="B3934" t="s">
        <v>2489</v>
      </c>
      <c r="C3934" t="s">
        <v>2486</v>
      </c>
      <c r="D3934" t="s">
        <v>2487</v>
      </c>
      <c r="E3934" t="s">
        <v>2352</v>
      </c>
      <c r="F3934" t="s">
        <v>2353</v>
      </c>
      <c r="G3934" t="s">
        <v>80</v>
      </c>
      <c r="H3934" t="s">
        <v>81</v>
      </c>
      <c r="I3934" s="2">
        <v>0</v>
      </c>
      <c r="J3934" s="2">
        <v>0</v>
      </c>
      <c r="K3934" s="2">
        <v>1</v>
      </c>
      <c r="L3934" t="s">
        <v>995</v>
      </c>
      <c r="M3934" t="s">
        <v>83</v>
      </c>
      <c r="N3934" t="s">
        <v>84</v>
      </c>
      <c r="O3934" t="s">
        <v>85</v>
      </c>
      <c r="P3934" t="s">
        <v>86</v>
      </c>
      <c r="Q3934">
        <v>52</v>
      </c>
      <c r="R3934">
        <v>52</v>
      </c>
      <c r="S3934">
        <v>52</v>
      </c>
      <c r="T3934">
        <v>52</v>
      </c>
      <c r="U3934">
        <v>52</v>
      </c>
      <c r="V3934">
        <v>53</v>
      </c>
      <c r="W3934">
        <v>53</v>
      </c>
      <c r="X3934">
        <v>53</v>
      </c>
      <c r="Y3934">
        <v>53</v>
      </c>
      <c r="Z3934">
        <v>53</v>
      </c>
      <c r="AA3934">
        <v>53</v>
      </c>
      <c r="AB3934">
        <v>53</v>
      </c>
      <c r="AC3934">
        <v>53</v>
      </c>
      <c r="AD3934">
        <v>53</v>
      </c>
      <c r="AE3934">
        <v>53</v>
      </c>
      <c r="AF3934">
        <v>53</v>
      </c>
      <c r="AG3934">
        <v>53</v>
      </c>
      <c r="AH3934">
        <v>53</v>
      </c>
      <c r="AI3934">
        <v>53</v>
      </c>
      <c r="AJ3934">
        <v>53</v>
      </c>
      <c r="AK3934">
        <v>53</v>
      </c>
      <c r="AL3934">
        <v>53</v>
      </c>
      <c r="AM3934">
        <v>52</v>
      </c>
      <c r="AN3934">
        <v>52</v>
      </c>
      <c r="AO3934">
        <v>51</v>
      </c>
      <c r="AP3934">
        <v>51</v>
      </c>
      <c r="AQ3934">
        <v>50</v>
      </c>
    </row>
    <row r="3935" spans="1:43">
      <c r="A3935" t="s">
        <v>2488</v>
      </c>
      <c r="B3935" t="s">
        <v>2489</v>
      </c>
      <c r="C3935" t="s">
        <v>2486</v>
      </c>
      <c r="D3935" t="s">
        <v>2487</v>
      </c>
      <c r="E3935" t="s">
        <v>2352</v>
      </c>
      <c r="F3935" t="s">
        <v>2353</v>
      </c>
      <c r="G3935" t="s">
        <v>80</v>
      </c>
      <c r="H3935" t="s">
        <v>81</v>
      </c>
      <c r="I3935" s="2">
        <v>0</v>
      </c>
      <c r="J3935" s="2">
        <v>0</v>
      </c>
      <c r="K3935" s="2">
        <v>1</v>
      </c>
      <c r="L3935" t="s">
        <v>995</v>
      </c>
      <c r="M3935" t="s">
        <v>87</v>
      </c>
      <c r="N3935" t="s">
        <v>88</v>
      </c>
      <c r="O3935" t="s">
        <v>85</v>
      </c>
      <c r="P3935" t="s">
        <v>86</v>
      </c>
      <c r="Q3935">
        <v>52</v>
      </c>
      <c r="R3935">
        <v>52</v>
      </c>
      <c r="S3935">
        <v>52</v>
      </c>
      <c r="T3935">
        <v>51</v>
      </c>
      <c r="U3935">
        <v>51</v>
      </c>
      <c r="V3935">
        <v>51</v>
      </c>
      <c r="W3935">
        <v>51</v>
      </c>
      <c r="X3935">
        <v>50</v>
      </c>
      <c r="Y3935">
        <v>50</v>
      </c>
      <c r="Z3935">
        <v>50</v>
      </c>
      <c r="AA3935">
        <v>49</v>
      </c>
      <c r="AB3935">
        <v>49</v>
      </c>
      <c r="AC3935">
        <v>49</v>
      </c>
      <c r="AD3935">
        <v>48</v>
      </c>
      <c r="AE3935">
        <v>48</v>
      </c>
      <c r="AF3935">
        <v>48</v>
      </c>
      <c r="AG3935">
        <v>48</v>
      </c>
      <c r="AH3935">
        <v>47</v>
      </c>
      <c r="AI3935">
        <v>47</v>
      </c>
      <c r="AJ3935">
        <v>47</v>
      </c>
      <c r="AK3935">
        <v>47</v>
      </c>
      <c r="AL3935">
        <v>46</v>
      </c>
      <c r="AM3935">
        <v>46</v>
      </c>
      <c r="AN3935">
        <v>46</v>
      </c>
      <c r="AO3935">
        <v>45</v>
      </c>
      <c r="AP3935">
        <v>45</v>
      </c>
      <c r="AQ3935">
        <v>45</v>
      </c>
    </row>
    <row r="3936" spans="1:43">
      <c r="A3936" t="s">
        <v>2488</v>
      </c>
      <c r="B3936" t="s">
        <v>2489</v>
      </c>
      <c r="C3936" t="s">
        <v>2486</v>
      </c>
      <c r="D3936" t="s">
        <v>2487</v>
      </c>
      <c r="E3936" t="s">
        <v>2352</v>
      </c>
      <c r="F3936" t="s">
        <v>2353</v>
      </c>
      <c r="G3936" t="s">
        <v>80</v>
      </c>
      <c r="H3936" t="s">
        <v>81</v>
      </c>
      <c r="I3936" s="2">
        <v>0</v>
      </c>
      <c r="J3936" s="2">
        <v>0</v>
      </c>
      <c r="K3936" s="2">
        <v>1</v>
      </c>
      <c r="L3936" t="s">
        <v>995</v>
      </c>
      <c r="M3936" t="s">
        <v>89</v>
      </c>
      <c r="N3936" t="s">
        <v>90</v>
      </c>
      <c r="O3936" t="s">
        <v>85</v>
      </c>
      <c r="P3936" t="s">
        <v>86</v>
      </c>
      <c r="Q3936">
        <v>52</v>
      </c>
      <c r="R3936">
        <v>53</v>
      </c>
      <c r="S3936">
        <v>54</v>
      </c>
      <c r="T3936">
        <v>54</v>
      </c>
      <c r="U3936">
        <v>55</v>
      </c>
      <c r="V3936">
        <v>55</v>
      </c>
      <c r="W3936">
        <v>55</v>
      </c>
      <c r="X3936">
        <v>56</v>
      </c>
      <c r="Y3936">
        <v>56</v>
      </c>
      <c r="Z3936">
        <v>56</v>
      </c>
      <c r="AA3936">
        <v>56</v>
      </c>
      <c r="AB3936">
        <v>56</v>
      </c>
      <c r="AC3936">
        <v>57</v>
      </c>
      <c r="AD3936">
        <v>57</v>
      </c>
      <c r="AE3936">
        <v>57</v>
      </c>
      <c r="AF3936">
        <v>56</v>
      </c>
      <c r="AG3936">
        <v>56</v>
      </c>
      <c r="AH3936">
        <v>55</v>
      </c>
      <c r="AI3936">
        <v>54</v>
      </c>
      <c r="AJ3936">
        <v>54</v>
      </c>
      <c r="AK3936">
        <v>53</v>
      </c>
      <c r="AL3936">
        <v>53</v>
      </c>
      <c r="AM3936">
        <v>52</v>
      </c>
      <c r="AN3936">
        <v>52</v>
      </c>
      <c r="AO3936">
        <v>51</v>
      </c>
      <c r="AP3936">
        <v>51</v>
      </c>
      <c r="AQ3936">
        <v>50</v>
      </c>
    </row>
    <row r="3937" spans="1:43">
      <c r="A3937" t="s">
        <v>2488</v>
      </c>
      <c r="B3937" t="s">
        <v>2489</v>
      </c>
      <c r="C3937" t="s">
        <v>2486</v>
      </c>
      <c r="D3937" t="s">
        <v>2487</v>
      </c>
      <c r="E3937" t="s">
        <v>2352</v>
      </c>
      <c r="F3937" t="s">
        <v>2353</v>
      </c>
      <c r="G3937" t="s">
        <v>80</v>
      </c>
      <c r="H3937" t="s">
        <v>81</v>
      </c>
      <c r="I3937" s="2">
        <v>0</v>
      </c>
      <c r="J3937" s="2">
        <v>0</v>
      </c>
      <c r="K3937" s="2">
        <v>1</v>
      </c>
      <c r="L3937" t="s">
        <v>995</v>
      </c>
      <c r="M3937" t="s">
        <v>83</v>
      </c>
      <c r="N3937" t="s">
        <v>91</v>
      </c>
      <c r="O3937" t="s">
        <v>85</v>
      </c>
      <c r="P3937" t="s">
        <v>86</v>
      </c>
      <c r="Q3937">
        <v>52</v>
      </c>
      <c r="R3937">
        <v>52</v>
      </c>
      <c r="S3937">
        <v>52</v>
      </c>
      <c r="T3937">
        <v>52</v>
      </c>
      <c r="U3937">
        <v>52</v>
      </c>
      <c r="V3937">
        <v>53</v>
      </c>
      <c r="W3937">
        <v>53</v>
      </c>
      <c r="X3937">
        <v>53</v>
      </c>
      <c r="Y3937">
        <v>53</v>
      </c>
      <c r="Z3937">
        <v>53</v>
      </c>
      <c r="AA3937">
        <v>53</v>
      </c>
      <c r="AB3937">
        <v>53</v>
      </c>
      <c r="AC3937">
        <v>53</v>
      </c>
      <c r="AD3937">
        <v>53</v>
      </c>
      <c r="AE3937">
        <v>53</v>
      </c>
      <c r="AF3937">
        <v>53</v>
      </c>
      <c r="AG3937">
        <v>53</v>
      </c>
      <c r="AH3937">
        <v>53</v>
      </c>
      <c r="AI3937">
        <v>53</v>
      </c>
      <c r="AJ3937">
        <v>53</v>
      </c>
      <c r="AK3937">
        <v>53</v>
      </c>
      <c r="AL3937">
        <v>53</v>
      </c>
      <c r="AM3937">
        <v>52</v>
      </c>
      <c r="AN3937">
        <v>52</v>
      </c>
      <c r="AO3937">
        <v>51</v>
      </c>
      <c r="AP3937">
        <v>51</v>
      </c>
      <c r="AQ3937">
        <v>50</v>
      </c>
    </row>
    <row r="3938" spans="1:43">
      <c r="A3938" t="s">
        <v>2490</v>
      </c>
      <c r="B3938" t="s">
        <v>2491</v>
      </c>
      <c r="C3938" t="s">
        <v>2486</v>
      </c>
      <c r="D3938" t="s">
        <v>2487</v>
      </c>
      <c r="E3938" t="s">
        <v>2352</v>
      </c>
      <c r="F3938" t="s">
        <v>2353</v>
      </c>
      <c r="G3938" t="s">
        <v>80</v>
      </c>
      <c r="H3938" t="s">
        <v>81</v>
      </c>
      <c r="I3938" s="2">
        <v>0</v>
      </c>
      <c r="J3938" s="2">
        <v>0</v>
      </c>
      <c r="K3938" s="2">
        <v>1</v>
      </c>
      <c r="L3938" t="s">
        <v>995</v>
      </c>
      <c r="M3938" t="s">
        <v>83</v>
      </c>
      <c r="N3938" t="s">
        <v>84</v>
      </c>
      <c r="O3938" t="s">
        <v>85</v>
      </c>
      <c r="P3938" t="s">
        <v>86</v>
      </c>
      <c r="Q3938">
        <v>28</v>
      </c>
      <c r="R3938">
        <v>28</v>
      </c>
      <c r="S3938">
        <v>28</v>
      </c>
      <c r="T3938">
        <v>28</v>
      </c>
      <c r="U3938">
        <v>28</v>
      </c>
      <c r="V3938">
        <v>28</v>
      </c>
      <c r="W3938">
        <v>28</v>
      </c>
      <c r="X3938">
        <v>28</v>
      </c>
      <c r="Y3938">
        <v>28</v>
      </c>
      <c r="Z3938">
        <v>29</v>
      </c>
      <c r="AA3938">
        <v>29</v>
      </c>
      <c r="AB3938">
        <v>29</v>
      </c>
      <c r="AC3938">
        <v>29</v>
      </c>
      <c r="AD3938">
        <v>29</v>
      </c>
      <c r="AE3938">
        <v>29</v>
      </c>
      <c r="AF3938">
        <v>29</v>
      </c>
      <c r="AG3938">
        <v>29</v>
      </c>
      <c r="AH3938">
        <v>29</v>
      </c>
      <c r="AI3938">
        <v>29</v>
      </c>
      <c r="AJ3938">
        <v>29</v>
      </c>
      <c r="AK3938">
        <v>29</v>
      </c>
      <c r="AL3938">
        <v>29</v>
      </c>
      <c r="AM3938">
        <v>28</v>
      </c>
      <c r="AN3938">
        <v>28</v>
      </c>
      <c r="AO3938">
        <v>28</v>
      </c>
      <c r="AP3938">
        <v>28</v>
      </c>
      <c r="AQ3938">
        <v>27</v>
      </c>
    </row>
    <row r="3939" spans="1:43">
      <c r="A3939" t="s">
        <v>2490</v>
      </c>
      <c r="B3939" t="s">
        <v>2491</v>
      </c>
      <c r="C3939" t="s">
        <v>2486</v>
      </c>
      <c r="D3939" t="s">
        <v>2487</v>
      </c>
      <c r="E3939" t="s">
        <v>2352</v>
      </c>
      <c r="F3939" t="s">
        <v>2353</v>
      </c>
      <c r="G3939" t="s">
        <v>80</v>
      </c>
      <c r="H3939" t="s">
        <v>81</v>
      </c>
      <c r="I3939" s="2">
        <v>0</v>
      </c>
      <c r="J3939" s="2">
        <v>0</v>
      </c>
      <c r="K3939" s="2">
        <v>1</v>
      </c>
      <c r="L3939" t="s">
        <v>995</v>
      </c>
      <c r="M3939" t="s">
        <v>87</v>
      </c>
      <c r="N3939" t="s">
        <v>88</v>
      </c>
      <c r="O3939" t="s">
        <v>85</v>
      </c>
      <c r="P3939" t="s">
        <v>86</v>
      </c>
      <c r="Q3939">
        <v>28</v>
      </c>
      <c r="R3939">
        <v>27</v>
      </c>
      <c r="S3939">
        <v>27</v>
      </c>
      <c r="T3939">
        <v>27</v>
      </c>
      <c r="U3939">
        <v>27</v>
      </c>
      <c r="V3939">
        <v>27</v>
      </c>
      <c r="W3939">
        <v>27</v>
      </c>
      <c r="X3939">
        <v>27</v>
      </c>
      <c r="Y3939">
        <v>26</v>
      </c>
      <c r="Z3939">
        <v>26</v>
      </c>
      <c r="AA3939">
        <v>26</v>
      </c>
      <c r="AB3939">
        <v>26</v>
      </c>
      <c r="AC3939">
        <v>26</v>
      </c>
      <c r="AD3939">
        <v>26</v>
      </c>
      <c r="AE3939">
        <v>25</v>
      </c>
      <c r="AF3939">
        <v>25</v>
      </c>
      <c r="AG3939">
        <v>25</v>
      </c>
      <c r="AH3939">
        <v>25</v>
      </c>
      <c r="AI3939">
        <v>25</v>
      </c>
      <c r="AJ3939">
        <v>25</v>
      </c>
      <c r="AK3939">
        <v>25</v>
      </c>
      <c r="AL3939">
        <v>24</v>
      </c>
      <c r="AM3939">
        <v>24</v>
      </c>
      <c r="AN3939">
        <v>24</v>
      </c>
      <c r="AO3939">
        <v>24</v>
      </c>
      <c r="AP3939">
        <v>24</v>
      </c>
      <c r="AQ3939">
        <v>24</v>
      </c>
    </row>
    <row r="3940" spans="1:43">
      <c r="A3940" t="s">
        <v>2490</v>
      </c>
      <c r="B3940" t="s">
        <v>2491</v>
      </c>
      <c r="C3940" t="s">
        <v>2486</v>
      </c>
      <c r="D3940" t="s">
        <v>2487</v>
      </c>
      <c r="E3940" t="s">
        <v>2352</v>
      </c>
      <c r="F3940" t="s">
        <v>2353</v>
      </c>
      <c r="G3940" t="s">
        <v>80</v>
      </c>
      <c r="H3940" t="s">
        <v>81</v>
      </c>
      <c r="I3940" s="2">
        <v>0</v>
      </c>
      <c r="J3940" s="2">
        <v>0</v>
      </c>
      <c r="K3940" s="2">
        <v>1</v>
      </c>
      <c r="L3940" t="s">
        <v>995</v>
      </c>
      <c r="M3940" t="s">
        <v>89</v>
      </c>
      <c r="N3940" t="s">
        <v>90</v>
      </c>
      <c r="O3940" t="s">
        <v>85</v>
      </c>
      <c r="P3940" t="s">
        <v>86</v>
      </c>
      <c r="Q3940">
        <v>28</v>
      </c>
      <c r="R3940">
        <v>28</v>
      </c>
      <c r="S3940">
        <v>29</v>
      </c>
      <c r="T3940">
        <v>29</v>
      </c>
      <c r="U3940">
        <v>29</v>
      </c>
      <c r="V3940">
        <v>30</v>
      </c>
      <c r="W3940">
        <v>30</v>
      </c>
      <c r="X3940">
        <v>30</v>
      </c>
      <c r="Y3940">
        <v>30</v>
      </c>
      <c r="Z3940">
        <v>30</v>
      </c>
      <c r="AA3940">
        <v>30</v>
      </c>
      <c r="AB3940">
        <v>31</v>
      </c>
      <c r="AC3940">
        <v>31</v>
      </c>
      <c r="AD3940">
        <v>31</v>
      </c>
      <c r="AE3940">
        <v>31</v>
      </c>
      <c r="AF3940">
        <v>30</v>
      </c>
      <c r="AG3940">
        <v>30</v>
      </c>
      <c r="AH3940">
        <v>30</v>
      </c>
      <c r="AI3940">
        <v>30</v>
      </c>
      <c r="AJ3940">
        <v>29</v>
      </c>
      <c r="AK3940">
        <v>29</v>
      </c>
      <c r="AL3940">
        <v>29</v>
      </c>
      <c r="AM3940">
        <v>29</v>
      </c>
      <c r="AN3940">
        <v>28</v>
      </c>
      <c r="AO3940">
        <v>28</v>
      </c>
      <c r="AP3940">
        <v>28</v>
      </c>
      <c r="AQ3940">
        <v>28</v>
      </c>
    </row>
    <row r="3941" spans="1:43">
      <c r="A3941" t="s">
        <v>2490</v>
      </c>
      <c r="B3941" t="s">
        <v>2491</v>
      </c>
      <c r="C3941" t="s">
        <v>2486</v>
      </c>
      <c r="D3941" t="s">
        <v>2487</v>
      </c>
      <c r="E3941" t="s">
        <v>2352</v>
      </c>
      <c r="F3941" t="s">
        <v>2353</v>
      </c>
      <c r="G3941" t="s">
        <v>80</v>
      </c>
      <c r="H3941" t="s">
        <v>81</v>
      </c>
      <c r="I3941" s="2">
        <v>0</v>
      </c>
      <c r="J3941" s="2">
        <v>0</v>
      </c>
      <c r="K3941" s="2">
        <v>1</v>
      </c>
      <c r="L3941" t="s">
        <v>995</v>
      </c>
      <c r="M3941" t="s">
        <v>83</v>
      </c>
      <c r="N3941" t="s">
        <v>91</v>
      </c>
      <c r="O3941" t="s">
        <v>85</v>
      </c>
      <c r="P3941" t="s">
        <v>86</v>
      </c>
      <c r="Q3941">
        <v>28</v>
      </c>
      <c r="R3941">
        <v>28</v>
      </c>
      <c r="S3941">
        <v>28</v>
      </c>
      <c r="T3941">
        <v>28</v>
      </c>
      <c r="U3941">
        <v>28</v>
      </c>
      <c r="V3941">
        <v>28</v>
      </c>
      <c r="W3941">
        <v>28</v>
      </c>
      <c r="X3941">
        <v>28</v>
      </c>
      <c r="Y3941">
        <v>28</v>
      </c>
      <c r="Z3941">
        <v>29</v>
      </c>
      <c r="AA3941">
        <v>29</v>
      </c>
      <c r="AB3941">
        <v>29</v>
      </c>
      <c r="AC3941">
        <v>29</v>
      </c>
      <c r="AD3941">
        <v>29</v>
      </c>
      <c r="AE3941">
        <v>29</v>
      </c>
      <c r="AF3941">
        <v>29</v>
      </c>
      <c r="AG3941">
        <v>29</v>
      </c>
      <c r="AH3941">
        <v>29</v>
      </c>
      <c r="AI3941">
        <v>29</v>
      </c>
      <c r="AJ3941">
        <v>29</v>
      </c>
      <c r="AK3941">
        <v>29</v>
      </c>
      <c r="AL3941">
        <v>29</v>
      </c>
      <c r="AM3941">
        <v>28</v>
      </c>
      <c r="AN3941">
        <v>28</v>
      </c>
      <c r="AO3941">
        <v>28</v>
      </c>
      <c r="AP3941">
        <v>28</v>
      </c>
      <c r="AQ3941">
        <v>27</v>
      </c>
    </row>
    <row r="3942" spans="1:43">
      <c r="A3942" t="s">
        <v>2492</v>
      </c>
      <c r="B3942" t="s">
        <v>2493</v>
      </c>
      <c r="C3942" t="s">
        <v>2486</v>
      </c>
      <c r="D3942" t="s">
        <v>2487</v>
      </c>
      <c r="E3942" t="s">
        <v>2352</v>
      </c>
      <c r="F3942" t="s">
        <v>2353</v>
      </c>
      <c r="G3942" t="s">
        <v>80</v>
      </c>
      <c r="H3942" t="s">
        <v>81</v>
      </c>
      <c r="I3942" s="2">
        <v>0</v>
      </c>
      <c r="J3942" s="2">
        <v>0</v>
      </c>
      <c r="K3942" s="2">
        <v>1</v>
      </c>
      <c r="L3942" t="s">
        <v>995</v>
      </c>
      <c r="M3942" t="s">
        <v>83</v>
      </c>
      <c r="N3942" t="s">
        <v>84</v>
      </c>
      <c r="O3942" t="s">
        <v>85</v>
      </c>
      <c r="P3942" t="s">
        <v>86</v>
      </c>
      <c r="Q3942">
        <v>27</v>
      </c>
      <c r="R3942">
        <v>27</v>
      </c>
      <c r="S3942">
        <v>27</v>
      </c>
      <c r="T3942">
        <v>27</v>
      </c>
      <c r="U3942">
        <v>27</v>
      </c>
      <c r="V3942">
        <v>28</v>
      </c>
      <c r="W3942">
        <v>28</v>
      </c>
      <c r="X3942">
        <v>28</v>
      </c>
      <c r="Y3942">
        <v>28</v>
      </c>
      <c r="Z3942">
        <v>28</v>
      </c>
      <c r="AA3942">
        <v>28</v>
      </c>
      <c r="AB3942">
        <v>28</v>
      </c>
      <c r="AC3942">
        <v>28</v>
      </c>
      <c r="AD3942">
        <v>28</v>
      </c>
      <c r="AE3942">
        <v>28</v>
      </c>
      <c r="AF3942">
        <v>28</v>
      </c>
      <c r="AG3942">
        <v>28</v>
      </c>
      <c r="AH3942">
        <v>28</v>
      </c>
      <c r="AI3942">
        <v>28</v>
      </c>
      <c r="AJ3942">
        <v>28</v>
      </c>
      <c r="AK3942">
        <v>28</v>
      </c>
      <c r="AL3942">
        <v>28</v>
      </c>
      <c r="AM3942">
        <v>28</v>
      </c>
      <c r="AN3942">
        <v>28</v>
      </c>
      <c r="AO3942">
        <v>28</v>
      </c>
      <c r="AP3942">
        <v>27</v>
      </c>
      <c r="AQ3942">
        <v>27</v>
      </c>
    </row>
    <row r="3943" spans="1:43">
      <c r="A3943" t="s">
        <v>2492</v>
      </c>
      <c r="B3943" t="s">
        <v>2493</v>
      </c>
      <c r="C3943" t="s">
        <v>2486</v>
      </c>
      <c r="D3943" t="s">
        <v>2487</v>
      </c>
      <c r="E3943" t="s">
        <v>2352</v>
      </c>
      <c r="F3943" t="s">
        <v>2353</v>
      </c>
      <c r="G3943" t="s">
        <v>80</v>
      </c>
      <c r="H3943" t="s">
        <v>81</v>
      </c>
      <c r="I3943" s="2">
        <v>0</v>
      </c>
      <c r="J3943" s="2">
        <v>0</v>
      </c>
      <c r="K3943" s="2">
        <v>1</v>
      </c>
      <c r="L3943" t="s">
        <v>995</v>
      </c>
      <c r="M3943" t="s">
        <v>87</v>
      </c>
      <c r="N3943" t="s">
        <v>88</v>
      </c>
      <c r="O3943" t="s">
        <v>85</v>
      </c>
      <c r="P3943" t="s">
        <v>86</v>
      </c>
      <c r="Q3943">
        <v>27</v>
      </c>
      <c r="R3943">
        <v>27</v>
      </c>
      <c r="S3943">
        <v>26</v>
      </c>
      <c r="T3943">
        <v>26</v>
      </c>
      <c r="U3943">
        <v>26</v>
      </c>
      <c r="V3943">
        <v>26</v>
      </c>
      <c r="W3943">
        <v>26</v>
      </c>
      <c r="X3943">
        <v>26</v>
      </c>
      <c r="Y3943">
        <v>26</v>
      </c>
      <c r="Z3943">
        <v>26</v>
      </c>
      <c r="AA3943">
        <v>25</v>
      </c>
      <c r="AB3943">
        <v>25</v>
      </c>
      <c r="AC3943">
        <v>25</v>
      </c>
      <c r="AD3943">
        <v>25</v>
      </c>
      <c r="AE3943">
        <v>25</v>
      </c>
      <c r="AF3943">
        <v>25</v>
      </c>
      <c r="AG3943">
        <v>25</v>
      </c>
      <c r="AH3943">
        <v>25</v>
      </c>
      <c r="AI3943">
        <v>25</v>
      </c>
      <c r="AJ3943">
        <v>24</v>
      </c>
      <c r="AK3943">
        <v>24</v>
      </c>
      <c r="AL3943">
        <v>24</v>
      </c>
      <c r="AM3943">
        <v>24</v>
      </c>
      <c r="AN3943">
        <v>24</v>
      </c>
      <c r="AO3943">
        <v>24</v>
      </c>
      <c r="AP3943">
        <v>24</v>
      </c>
      <c r="AQ3943">
        <v>24</v>
      </c>
    </row>
    <row r="3944" spans="1:43">
      <c r="A3944" t="s">
        <v>2492</v>
      </c>
      <c r="B3944" t="s">
        <v>2493</v>
      </c>
      <c r="C3944" t="s">
        <v>2486</v>
      </c>
      <c r="D3944" t="s">
        <v>2487</v>
      </c>
      <c r="E3944" t="s">
        <v>2352</v>
      </c>
      <c r="F3944" t="s">
        <v>2353</v>
      </c>
      <c r="G3944" t="s">
        <v>80</v>
      </c>
      <c r="H3944" t="s">
        <v>81</v>
      </c>
      <c r="I3944" s="2">
        <v>0</v>
      </c>
      <c r="J3944" s="2">
        <v>0</v>
      </c>
      <c r="K3944" s="2">
        <v>1</v>
      </c>
      <c r="L3944" t="s">
        <v>995</v>
      </c>
      <c r="M3944" t="s">
        <v>89</v>
      </c>
      <c r="N3944" t="s">
        <v>90</v>
      </c>
      <c r="O3944" t="s">
        <v>85</v>
      </c>
      <c r="P3944" t="s">
        <v>86</v>
      </c>
      <c r="Q3944">
        <v>27</v>
      </c>
      <c r="R3944">
        <v>28</v>
      </c>
      <c r="S3944">
        <v>28</v>
      </c>
      <c r="T3944">
        <v>28</v>
      </c>
      <c r="U3944">
        <v>29</v>
      </c>
      <c r="V3944">
        <v>29</v>
      </c>
      <c r="W3944">
        <v>29</v>
      </c>
      <c r="X3944">
        <v>29</v>
      </c>
      <c r="Y3944">
        <v>29</v>
      </c>
      <c r="Z3944">
        <v>30</v>
      </c>
      <c r="AA3944">
        <v>30</v>
      </c>
      <c r="AB3944">
        <v>30</v>
      </c>
      <c r="AC3944">
        <v>30</v>
      </c>
      <c r="AD3944">
        <v>30</v>
      </c>
      <c r="AE3944">
        <v>30</v>
      </c>
      <c r="AF3944">
        <v>30</v>
      </c>
      <c r="AG3944">
        <v>30</v>
      </c>
      <c r="AH3944">
        <v>29</v>
      </c>
      <c r="AI3944">
        <v>29</v>
      </c>
      <c r="AJ3944">
        <v>29</v>
      </c>
      <c r="AK3944">
        <v>29</v>
      </c>
      <c r="AL3944">
        <v>29</v>
      </c>
      <c r="AM3944">
        <v>28</v>
      </c>
      <c r="AN3944">
        <v>28</v>
      </c>
      <c r="AO3944">
        <v>28</v>
      </c>
      <c r="AP3944">
        <v>28</v>
      </c>
      <c r="AQ3944">
        <v>28</v>
      </c>
    </row>
    <row r="3945" spans="1:43">
      <c r="A3945" t="s">
        <v>2492</v>
      </c>
      <c r="B3945" t="s">
        <v>2493</v>
      </c>
      <c r="C3945" t="s">
        <v>2486</v>
      </c>
      <c r="D3945" t="s">
        <v>2487</v>
      </c>
      <c r="E3945" t="s">
        <v>2352</v>
      </c>
      <c r="F3945" t="s">
        <v>2353</v>
      </c>
      <c r="G3945" t="s">
        <v>80</v>
      </c>
      <c r="H3945" t="s">
        <v>81</v>
      </c>
      <c r="I3945" s="2">
        <v>0</v>
      </c>
      <c r="J3945" s="2">
        <v>0</v>
      </c>
      <c r="K3945" s="2">
        <v>1</v>
      </c>
      <c r="L3945" t="s">
        <v>995</v>
      </c>
      <c r="M3945" t="s">
        <v>83</v>
      </c>
      <c r="N3945" t="s">
        <v>91</v>
      </c>
      <c r="O3945" t="s">
        <v>85</v>
      </c>
      <c r="P3945" t="s">
        <v>86</v>
      </c>
      <c r="Q3945">
        <v>27</v>
      </c>
      <c r="R3945">
        <v>27</v>
      </c>
      <c r="S3945">
        <v>27</v>
      </c>
      <c r="T3945">
        <v>27</v>
      </c>
      <c r="U3945">
        <v>27</v>
      </c>
      <c r="V3945">
        <v>28</v>
      </c>
      <c r="W3945">
        <v>28</v>
      </c>
      <c r="X3945">
        <v>28</v>
      </c>
      <c r="Y3945">
        <v>28</v>
      </c>
      <c r="Z3945">
        <v>28</v>
      </c>
      <c r="AA3945">
        <v>28</v>
      </c>
      <c r="AB3945">
        <v>28</v>
      </c>
      <c r="AC3945">
        <v>28</v>
      </c>
      <c r="AD3945">
        <v>28</v>
      </c>
      <c r="AE3945">
        <v>28</v>
      </c>
      <c r="AF3945">
        <v>28</v>
      </c>
      <c r="AG3945">
        <v>28</v>
      </c>
      <c r="AH3945">
        <v>28</v>
      </c>
      <c r="AI3945">
        <v>28</v>
      </c>
      <c r="AJ3945">
        <v>28</v>
      </c>
      <c r="AK3945">
        <v>28</v>
      </c>
      <c r="AL3945">
        <v>28</v>
      </c>
      <c r="AM3945">
        <v>28</v>
      </c>
      <c r="AN3945">
        <v>28</v>
      </c>
      <c r="AO3945">
        <v>28</v>
      </c>
      <c r="AP3945">
        <v>27</v>
      </c>
      <c r="AQ3945">
        <v>27</v>
      </c>
    </row>
    <row r="3946" spans="1:43">
      <c r="A3946" t="s">
        <v>2494</v>
      </c>
      <c r="B3946" t="s">
        <v>2495</v>
      </c>
      <c r="C3946" t="s">
        <v>2496</v>
      </c>
      <c r="D3946" t="s">
        <v>2497</v>
      </c>
      <c r="E3946" t="s">
        <v>2352</v>
      </c>
      <c r="F3946" t="s">
        <v>2353</v>
      </c>
      <c r="G3946" t="s">
        <v>80</v>
      </c>
      <c r="H3946" t="s">
        <v>81</v>
      </c>
      <c r="I3946" s="2">
        <v>0</v>
      </c>
      <c r="J3946" s="2">
        <v>0</v>
      </c>
      <c r="K3946" s="2">
        <v>1</v>
      </c>
      <c r="L3946" t="s">
        <v>995</v>
      </c>
      <c r="M3946" t="s">
        <v>83</v>
      </c>
      <c r="N3946" t="s">
        <v>84</v>
      </c>
      <c r="O3946" t="s">
        <v>85</v>
      </c>
      <c r="P3946" t="s">
        <v>86</v>
      </c>
      <c r="Q3946">
        <v>18</v>
      </c>
      <c r="R3946">
        <v>18</v>
      </c>
      <c r="S3946">
        <v>19</v>
      </c>
      <c r="T3946">
        <v>19</v>
      </c>
      <c r="U3946">
        <v>19</v>
      </c>
      <c r="V3946">
        <v>19</v>
      </c>
      <c r="W3946">
        <v>19</v>
      </c>
      <c r="X3946">
        <v>19</v>
      </c>
      <c r="Y3946">
        <v>19</v>
      </c>
      <c r="Z3946">
        <v>19</v>
      </c>
      <c r="AA3946">
        <v>19</v>
      </c>
      <c r="AB3946">
        <v>19</v>
      </c>
      <c r="AC3946">
        <v>19</v>
      </c>
      <c r="AD3946">
        <v>19</v>
      </c>
      <c r="AE3946">
        <v>19</v>
      </c>
      <c r="AF3946">
        <v>19</v>
      </c>
      <c r="AG3946">
        <v>19</v>
      </c>
      <c r="AH3946">
        <v>19</v>
      </c>
      <c r="AI3946">
        <v>19</v>
      </c>
      <c r="AJ3946">
        <v>19</v>
      </c>
      <c r="AK3946">
        <v>19</v>
      </c>
      <c r="AL3946">
        <v>19</v>
      </c>
      <c r="AM3946">
        <v>18</v>
      </c>
      <c r="AN3946">
        <v>18</v>
      </c>
      <c r="AO3946">
        <v>18</v>
      </c>
      <c r="AP3946">
        <v>18</v>
      </c>
      <c r="AQ3946">
        <v>18</v>
      </c>
    </row>
    <row r="3947" spans="1:43">
      <c r="A3947" t="s">
        <v>2494</v>
      </c>
      <c r="B3947" t="s">
        <v>2495</v>
      </c>
      <c r="C3947" t="s">
        <v>2496</v>
      </c>
      <c r="D3947" t="s">
        <v>2497</v>
      </c>
      <c r="E3947" t="s">
        <v>2352</v>
      </c>
      <c r="F3947" t="s">
        <v>2353</v>
      </c>
      <c r="G3947" t="s">
        <v>80</v>
      </c>
      <c r="H3947" t="s">
        <v>81</v>
      </c>
      <c r="I3947" s="2">
        <v>0</v>
      </c>
      <c r="J3947" s="2">
        <v>0</v>
      </c>
      <c r="K3947" s="2">
        <v>1</v>
      </c>
      <c r="L3947" t="s">
        <v>995</v>
      </c>
      <c r="M3947" t="s">
        <v>87</v>
      </c>
      <c r="N3947" t="s">
        <v>88</v>
      </c>
      <c r="O3947" t="s">
        <v>85</v>
      </c>
      <c r="P3947" t="s">
        <v>86</v>
      </c>
      <c r="Q3947">
        <v>18</v>
      </c>
      <c r="R3947">
        <v>18</v>
      </c>
      <c r="S3947">
        <v>18</v>
      </c>
      <c r="T3947">
        <v>18</v>
      </c>
      <c r="U3947">
        <v>18</v>
      </c>
      <c r="V3947">
        <v>18</v>
      </c>
      <c r="W3947">
        <v>18</v>
      </c>
      <c r="X3947">
        <v>17</v>
      </c>
      <c r="Y3947">
        <v>17</v>
      </c>
      <c r="Z3947">
        <v>17</v>
      </c>
      <c r="AA3947">
        <v>17</v>
      </c>
      <c r="AB3947">
        <v>17</v>
      </c>
      <c r="AC3947">
        <v>17</v>
      </c>
      <c r="AD3947">
        <v>17</v>
      </c>
      <c r="AE3947">
        <v>17</v>
      </c>
      <c r="AF3947">
        <v>17</v>
      </c>
      <c r="AG3947">
        <v>16</v>
      </c>
      <c r="AH3947">
        <v>16</v>
      </c>
      <c r="AI3947">
        <v>16</v>
      </c>
      <c r="AJ3947">
        <v>16</v>
      </c>
      <c r="AK3947">
        <v>16</v>
      </c>
      <c r="AL3947">
        <v>16</v>
      </c>
      <c r="AM3947">
        <v>16</v>
      </c>
      <c r="AN3947">
        <v>16</v>
      </c>
      <c r="AO3947">
        <v>16</v>
      </c>
      <c r="AP3947">
        <v>15</v>
      </c>
      <c r="AQ3947">
        <v>15</v>
      </c>
    </row>
    <row r="3948" spans="1:43">
      <c r="A3948" t="s">
        <v>2494</v>
      </c>
      <c r="B3948" t="s">
        <v>2495</v>
      </c>
      <c r="C3948" t="s">
        <v>2496</v>
      </c>
      <c r="D3948" t="s">
        <v>2497</v>
      </c>
      <c r="E3948" t="s">
        <v>2352</v>
      </c>
      <c r="F3948" t="s">
        <v>2353</v>
      </c>
      <c r="G3948" t="s">
        <v>80</v>
      </c>
      <c r="H3948" t="s">
        <v>81</v>
      </c>
      <c r="I3948" s="2">
        <v>0</v>
      </c>
      <c r="J3948" s="2">
        <v>0</v>
      </c>
      <c r="K3948" s="2">
        <v>1</v>
      </c>
      <c r="L3948" t="s">
        <v>995</v>
      </c>
      <c r="M3948" t="s">
        <v>89</v>
      </c>
      <c r="N3948" t="s">
        <v>90</v>
      </c>
      <c r="O3948" t="s">
        <v>85</v>
      </c>
      <c r="P3948" t="s">
        <v>86</v>
      </c>
      <c r="Q3948">
        <v>18</v>
      </c>
      <c r="R3948">
        <v>18</v>
      </c>
      <c r="S3948">
        <v>18</v>
      </c>
      <c r="T3948">
        <v>18</v>
      </c>
      <c r="U3948">
        <v>18</v>
      </c>
      <c r="V3948">
        <v>19</v>
      </c>
      <c r="W3948">
        <v>19</v>
      </c>
      <c r="X3948">
        <v>19</v>
      </c>
      <c r="Y3948">
        <v>19</v>
      </c>
      <c r="Z3948">
        <v>19</v>
      </c>
      <c r="AA3948">
        <v>19</v>
      </c>
      <c r="AB3948">
        <v>19</v>
      </c>
      <c r="AC3948">
        <v>19</v>
      </c>
      <c r="AD3948">
        <v>19</v>
      </c>
      <c r="AE3948">
        <v>19</v>
      </c>
      <c r="AF3948">
        <v>19</v>
      </c>
      <c r="AG3948">
        <v>19</v>
      </c>
      <c r="AH3948">
        <v>19</v>
      </c>
      <c r="AI3948">
        <v>18</v>
      </c>
      <c r="AJ3948">
        <v>18</v>
      </c>
      <c r="AK3948">
        <v>18</v>
      </c>
      <c r="AL3948">
        <v>18</v>
      </c>
      <c r="AM3948">
        <v>18</v>
      </c>
      <c r="AN3948">
        <v>17</v>
      </c>
      <c r="AO3948">
        <v>17</v>
      </c>
      <c r="AP3948">
        <v>17</v>
      </c>
      <c r="AQ3948">
        <v>17</v>
      </c>
    </row>
    <row r="3949" spans="1:43">
      <c r="A3949" t="s">
        <v>2494</v>
      </c>
      <c r="B3949" t="s">
        <v>2495</v>
      </c>
      <c r="C3949" t="s">
        <v>2496</v>
      </c>
      <c r="D3949" t="s">
        <v>2497</v>
      </c>
      <c r="E3949" t="s">
        <v>2352</v>
      </c>
      <c r="F3949" t="s">
        <v>2353</v>
      </c>
      <c r="G3949" t="s">
        <v>80</v>
      </c>
      <c r="H3949" t="s">
        <v>81</v>
      </c>
      <c r="I3949" s="2">
        <v>0</v>
      </c>
      <c r="J3949" s="2">
        <v>0</v>
      </c>
      <c r="K3949" s="2">
        <v>1</v>
      </c>
      <c r="L3949" t="s">
        <v>995</v>
      </c>
      <c r="M3949" t="s">
        <v>83</v>
      </c>
      <c r="N3949" t="s">
        <v>91</v>
      </c>
      <c r="O3949" t="s">
        <v>85</v>
      </c>
      <c r="P3949" t="s">
        <v>86</v>
      </c>
      <c r="Q3949">
        <v>18</v>
      </c>
      <c r="R3949">
        <v>18</v>
      </c>
      <c r="S3949">
        <v>19</v>
      </c>
      <c r="T3949">
        <v>19</v>
      </c>
      <c r="U3949">
        <v>19</v>
      </c>
      <c r="V3949">
        <v>19</v>
      </c>
      <c r="W3949">
        <v>19</v>
      </c>
      <c r="X3949">
        <v>19</v>
      </c>
      <c r="Y3949">
        <v>19</v>
      </c>
      <c r="Z3949">
        <v>19</v>
      </c>
      <c r="AA3949">
        <v>19</v>
      </c>
      <c r="AB3949">
        <v>19</v>
      </c>
      <c r="AC3949">
        <v>19</v>
      </c>
      <c r="AD3949">
        <v>19</v>
      </c>
      <c r="AE3949">
        <v>19</v>
      </c>
      <c r="AF3949">
        <v>19</v>
      </c>
      <c r="AG3949">
        <v>19</v>
      </c>
      <c r="AH3949">
        <v>19</v>
      </c>
      <c r="AI3949">
        <v>19</v>
      </c>
      <c r="AJ3949">
        <v>19</v>
      </c>
      <c r="AK3949">
        <v>19</v>
      </c>
      <c r="AL3949">
        <v>19</v>
      </c>
      <c r="AM3949">
        <v>18</v>
      </c>
      <c r="AN3949">
        <v>18</v>
      </c>
      <c r="AO3949">
        <v>18</v>
      </c>
      <c r="AP3949">
        <v>18</v>
      </c>
      <c r="AQ3949">
        <v>18</v>
      </c>
    </row>
    <row r="3950" spans="1:43">
      <c r="A3950" t="s">
        <v>2498</v>
      </c>
      <c r="B3950" t="s">
        <v>2499</v>
      </c>
      <c r="C3950" t="s">
        <v>2500</v>
      </c>
      <c r="D3950" t="s">
        <v>2501</v>
      </c>
      <c r="E3950" t="s">
        <v>2352</v>
      </c>
      <c r="F3950" t="s">
        <v>2353</v>
      </c>
      <c r="G3950" t="s">
        <v>80</v>
      </c>
      <c r="H3950" t="s">
        <v>81</v>
      </c>
      <c r="I3950" s="2">
        <v>0</v>
      </c>
      <c r="J3950" s="2">
        <v>0</v>
      </c>
      <c r="K3950" s="2">
        <v>1</v>
      </c>
      <c r="L3950" t="s">
        <v>995</v>
      </c>
      <c r="M3950" t="s">
        <v>83</v>
      </c>
      <c r="N3950" t="s">
        <v>84</v>
      </c>
      <c r="O3950" t="s">
        <v>85</v>
      </c>
      <c r="P3950" t="s">
        <v>86</v>
      </c>
      <c r="Q3950">
        <v>41</v>
      </c>
      <c r="R3950">
        <v>41</v>
      </c>
      <c r="S3950">
        <v>41</v>
      </c>
      <c r="T3950">
        <v>41</v>
      </c>
      <c r="U3950">
        <v>41</v>
      </c>
      <c r="V3950">
        <v>42</v>
      </c>
      <c r="W3950">
        <v>42</v>
      </c>
      <c r="X3950">
        <v>42</v>
      </c>
      <c r="Y3950">
        <v>42</v>
      </c>
      <c r="Z3950">
        <v>42</v>
      </c>
      <c r="AA3950">
        <v>42</v>
      </c>
      <c r="AB3950">
        <v>42</v>
      </c>
      <c r="AC3950">
        <v>42</v>
      </c>
      <c r="AD3950">
        <v>42</v>
      </c>
      <c r="AE3950">
        <v>43</v>
      </c>
      <c r="AF3950">
        <v>43</v>
      </c>
      <c r="AG3950">
        <v>43</v>
      </c>
      <c r="AH3950">
        <v>43</v>
      </c>
      <c r="AI3950">
        <v>43</v>
      </c>
      <c r="AJ3950">
        <v>43</v>
      </c>
      <c r="AK3950">
        <v>43</v>
      </c>
      <c r="AL3950">
        <v>43</v>
      </c>
      <c r="AM3950">
        <v>42</v>
      </c>
      <c r="AN3950">
        <v>42</v>
      </c>
      <c r="AO3950">
        <v>42</v>
      </c>
      <c r="AP3950">
        <v>42</v>
      </c>
      <c r="AQ3950">
        <v>41</v>
      </c>
    </row>
    <row r="3951" spans="1:43">
      <c r="A3951" t="s">
        <v>2498</v>
      </c>
      <c r="B3951" t="s">
        <v>2499</v>
      </c>
      <c r="C3951" t="s">
        <v>2500</v>
      </c>
      <c r="D3951" t="s">
        <v>2501</v>
      </c>
      <c r="E3951" t="s">
        <v>2352</v>
      </c>
      <c r="F3951" t="s">
        <v>2353</v>
      </c>
      <c r="G3951" t="s">
        <v>80</v>
      </c>
      <c r="H3951" t="s">
        <v>81</v>
      </c>
      <c r="I3951" s="2">
        <v>0</v>
      </c>
      <c r="J3951" s="2">
        <v>0</v>
      </c>
      <c r="K3951" s="2">
        <v>1</v>
      </c>
      <c r="L3951" t="s">
        <v>995</v>
      </c>
      <c r="M3951" t="s">
        <v>87</v>
      </c>
      <c r="N3951" t="s">
        <v>88</v>
      </c>
      <c r="O3951" t="s">
        <v>85</v>
      </c>
      <c r="P3951" t="s">
        <v>86</v>
      </c>
      <c r="Q3951">
        <v>41</v>
      </c>
      <c r="R3951">
        <v>41</v>
      </c>
      <c r="S3951">
        <v>41</v>
      </c>
      <c r="T3951">
        <v>41</v>
      </c>
      <c r="U3951">
        <v>41</v>
      </c>
      <c r="V3951">
        <v>40</v>
      </c>
      <c r="W3951">
        <v>40</v>
      </c>
      <c r="X3951">
        <v>40</v>
      </c>
      <c r="Y3951">
        <v>40</v>
      </c>
      <c r="Z3951">
        <v>40</v>
      </c>
      <c r="AA3951">
        <v>39</v>
      </c>
      <c r="AB3951">
        <v>39</v>
      </c>
      <c r="AC3951">
        <v>39</v>
      </c>
      <c r="AD3951">
        <v>39</v>
      </c>
      <c r="AE3951">
        <v>39</v>
      </c>
      <c r="AF3951">
        <v>39</v>
      </c>
      <c r="AG3951">
        <v>38</v>
      </c>
      <c r="AH3951">
        <v>38</v>
      </c>
      <c r="AI3951">
        <v>38</v>
      </c>
      <c r="AJ3951">
        <v>38</v>
      </c>
      <c r="AK3951">
        <v>38</v>
      </c>
      <c r="AL3951">
        <v>38</v>
      </c>
      <c r="AM3951">
        <v>37</v>
      </c>
      <c r="AN3951">
        <v>37</v>
      </c>
      <c r="AO3951">
        <v>37</v>
      </c>
      <c r="AP3951">
        <v>37</v>
      </c>
      <c r="AQ3951">
        <v>37</v>
      </c>
    </row>
    <row r="3952" spans="1:43">
      <c r="A3952" t="s">
        <v>2498</v>
      </c>
      <c r="B3952" t="s">
        <v>2499</v>
      </c>
      <c r="C3952" t="s">
        <v>2500</v>
      </c>
      <c r="D3952" t="s">
        <v>2501</v>
      </c>
      <c r="E3952" t="s">
        <v>2352</v>
      </c>
      <c r="F3952" t="s">
        <v>2353</v>
      </c>
      <c r="G3952" t="s">
        <v>80</v>
      </c>
      <c r="H3952" t="s">
        <v>81</v>
      </c>
      <c r="I3952" s="2">
        <v>0</v>
      </c>
      <c r="J3952" s="2">
        <v>0</v>
      </c>
      <c r="K3952" s="2">
        <v>1</v>
      </c>
      <c r="L3952" t="s">
        <v>995</v>
      </c>
      <c r="M3952" t="s">
        <v>89</v>
      </c>
      <c r="N3952" t="s">
        <v>90</v>
      </c>
      <c r="O3952" t="s">
        <v>85</v>
      </c>
      <c r="P3952" t="s">
        <v>86</v>
      </c>
      <c r="Q3952">
        <v>41</v>
      </c>
      <c r="R3952">
        <v>42</v>
      </c>
      <c r="S3952">
        <v>42</v>
      </c>
      <c r="T3952">
        <v>43</v>
      </c>
      <c r="U3952">
        <v>43</v>
      </c>
      <c r="V3952">
        <v>43</v>
      </c>
      <c r="W3952">
        <v>44</v>
      </c>
      <c r="X3952">
        <v>44</v>
      </c>
      <c r="Y3952">
        <v>44</v>
      </c>
      <c r="Z3952">
        <v>45</v>
      </c>
      <c r="AA3952">
        <v>45</v>
      </c>
      <c r="AB3952">
        <v>45</v>
      </c>
      <c r="AC3952">
        <v>45</v>
      </c>
      <c r="AD3952">
        <v>46</v>
      </c>
      <c r="AE3952">
        <v>46</v>
      </c>
      <c r="AF3952">
        <v>45</v>
      </c>
      <c r="AG3952">
        <v>45</v>
      </c>
      <c r="AH3952">
        <v>45</v>
      </c>
      <c r="AI3952">
        <v>44</v>
      </c>
      <c r="AJ3952">
        <v>44</v>
      </c>
      <c r="AK3952">
        <v>44</v>
      </c>
      <c r="AL3952">
        <v>43</v>
      </c>
      <c r="AM3952">
        <v>43</v>
      </c>
      <c r="AN3952">
        <v>43</v>
      </c>
      <c r="AO3952">
        <v>42</v>
      </c>
      <c r="AP3952">
        <v>42</v>
      </c>
      <c r="AQ3952">
        <v>42</v>
      </c>
    </row>
    <row r="3953" spans="1:43">
      <c r="A3953" t="s">
        <v>2498</v>
      </c>
      <c r="B3953" t="s">
        <v>2499</v>
      </c>
      <c r="C3953" t="s">
        <v>2500</v>
      </c>
      <c r="D3953" t="s">
        <v>2501</v>
      </c>
      <c r="E3953" t="s">
        <v>2352</v>
      </c>
      <c r="F3953" t="s">
        <v>2353</v>
      </c>
      <c r="G3953" t="s">
        <v>80</v>
      </c>
      <c r="H3953" t="s">
        <v>81</v>
      </c>
      <c r="I3953" s="2">
        <v>0</v>
      </c>
      <c r="J3953" s="2">
        <v>0</v>
      </c>
      <c r="K3953" s="2">
        <v>1</v>
      </c>
      <c r="L3953" t="s">
        <v>995</v>
      </c>
      <c r="M3953" t="s">
        <v>83</v>
      </c>
      <c r="N3953" t="s">
        <v>91</v>
      </c>
      <c r="O3953" t="s">
        <v>85</v>
      </c>
      <c r="P3953" t="s">
        <v>86</v>
      </c>
      <c r="Q3953">
        <v>41</v>
      </c>
      <c r="R3953">
        <v>41</v>
      </c>
      <c r="S3953">
        <v>41</v>
      </c>
      <c r="T3953">
        <v>41</v>
      </c>
      <c r="U3953">
        <v>41</v>
      </c>
      <c r="V3953">
        <v>42</v>
      </c>
      <c r="W3953">
        <v>42</v>
      </c>
      <c r="X3953">
        <v>42</v>
      </c>
      <c r="Y3953">
        <v>42</v>
      </c>
      <c r="Z3953">
        <v>42</v>
      </c>
      <c r="AA3953">
        <v>42</v>
      </c>
      <c r="AB3953">
        <v>42</v>
      </c>
      <c r="AC3953">
        <v>42</v>
      </c>
      <c r="AD3953">
        <v>42</v>
      </c>
      <c r="AE3953">
        <v>43</v>
      </c>
      <c r="AF3953">
        <v>43</v>
      </c>
      <c r="AG3953">
        <v>43</v>
      </c>
      <c r="AH3953">
        <v>43</v>
      </c>
      <c r="AI3953">
        <v>43</v>
      </c>
      <c r="AJ3953">
        <v>43</v>
      </c>
      <c r="AK3953">
        <v>43</v>
      </c>
      <c r="AL3953">
        <v>43</v>
      </c>
      <c r="AM3953">
        <v>42</v>
      </c>
      <c r="AN3953">
        <v>42</v>
      </c>
      <c r="AO3953">
        <v>42</v>
      </c>
      <c r="AP3953">
        <v>42</v>
      </c>
      <c r="AQ3953">
        <v>41</v>
      </c>
    </row>
    <row r="3954" spans="1:43">
      <c r="A3954" t="s">
        <v>2502</v>
      </c>
      <c r="B3954" t="s">
        <v>2503</v>
      </c>
      <c r="C3954" t="s">
        <v>2500</v>
      </c>
      <c r="D3954" t="s">
        <v>2501</v>
      </c>
      <c r="E3954" t="s">
        <v>2352</v>
      </c>
      <c r="F3954" t="s">
        <v>2353</v>
      </c>
      <c r="G3954" t="s">
        <v>80</v>
      </c>
      <c r="H3954" t="s">
        <v>81</v>
      </c>
      <c r="I3954" s="2">
        <v>0</v>
      </c>
      <c r="J3954" s="2">
        <v>0</v>
      </c>
      <c r="K3954" s="2">
        <v>1</v>
      </c>
      <c r="L3954" t="s">
        <v>995</v>
      </c>
      <c r="M3954" t="s">
        <v>83</v>
      </c>
      <c r="N3954" t="s">
        <v>84</v>
      </c>
      <c r="O3954" t="s">
        <v>85</v>
      </c>
      <c r="P3954" t="s">
        <v>86</v>
      </c>
      <c r="Q3954">
        <v>43</v>
      </c>
      <c r="R3954">
        <v>44</v>
      </c>
      <c r="S3954">
        <v>44</v>
      </c>
      <c r="T3954">
        <v>44</v>
      </c>
      <c r="U3954">
        <v>44</v>
      </c>
      <c r="V3954">
        <v>44</v>
      </c>
      <c r="W3954">
        <v>44</v>
      </c>
      <c r="X3954">
        <v>44</v>
      </c>
      <c r="Y3954">
        <v>44</v>
      </c>
      <c r="Z3954">
        <v>44</v>
      </c>
      <c r="AA3954">
        <v>44</v>
      </c>
      <c r="AB3954">
        <v>44</v>
      </c>
      <c r="AC3954">
        <v>44</v>
      </c>
      <c r="AD3954">
        <v>44</v>
      </c>
      <c r="AE3954">
        <v>44</v>
      </c>
      <c r="AF3954">
        <v>44</v>
      </c>
      <c r="AG3954">
        <v>44</v>
      </c>
      <c r="AH3954">
        <v>44</v>
      </c>
      <c r="AI3954">
        <v>44</v>
      </c>
      <c r="AJ3954">
        <v>44</v>
      </c>
      <c r="AK3954">
        <v>44</v>
      </c>
      <c r="AL3954">
        <v>44</v>
      </c>
      <c r="AM3954">
        <v>43</v>
      </c>
      <c r="AN3954">
        <v>43</v>
      </c>
      <c r="AO3954">
        <v>42</v>
      </c>
      <c r="AP3954">
        <v>42</v>
      </c>
      <c r="AQ3954">
        <v>42</v>
      </c>
    </row>
    <row r="3955" spans="1:43">
      <c r="A3955" t="s">
        <v>2502</v>
      </c>
      <c r="B3955" t="s">
        <v>2503</v>
      </c>
      <c r="C3955" t="s">
        <v>2500</v>
      </c>
      <c r="D3955" t="s">
        <v>2501</v>
      </c>
      <c r="E3955" t="s">
        <v>2352</v>
      </c>
      <c r="F3955" t="s">
        <v>2353</v>
      </c>
      <c r="G3955" t="s">
        <v>80</v>
      </c>
      <c r="H3955" t="s">
        <v>81</v>
      </c>
      <c r="I3955" s="2">
        <v>0</v>
      </c>
      <c r="J3955" s="2">
        <v>0</v>
      </c>
      <c r="K3955" s="2">
        <v>1</v>
      </c>
      <c r="L3955" t="s">
        <v>995</v>
      </c>
      <c r="M3955" t="s">
        <v>87</v>
      </c>
      <c r="N3955" t="s">
        <v>88</v>
      </c>
      <c r="O3955" t="s">
        <v>85</v>
      </c>
      <c r="P3955" t="s">
        <v>86</v>
      </c>
      <c r="Q3955">
        <v>43</v>
      </c>
      <c r="R3955">
        <v>43</v>
      </c>
      <c r="S3955">
        <v>42</v>
      </c>
      <c r="T3955">
        <v>42</v>
      </c>
      <c r="U3955">
        <v>42</v>
      </c>
      <c r="V3955">
        <v>42</v>
      </c>
      <c r="W3955">
        <v>41</v>
      </c>
      <c r="X3955">
        <v>41</v>
      </c>
      <c r="Y3955">
        <v>41</v>
      </c>
      <c r="Z3955">
        <v>40</v>
      </c>
      <c r="AA3955">
        <v>40</v>
      </c>
      <c r="AB3955">
        <v>40</v>
      </c>
      <c r="AC3955">
        <v>40</v>
      </c>
      <c r="AD3955">
        <v>39</v>
      </c>
      <c r="AE3955">
        <v>39</v>
      </c>
      <c r="AF3955">
        <v>39</v>
      </c>
      <c r="AG3955">
        <v>39</v>
      </c>
      <c r="AH3955">
        <v>38</v>
      </c>
      <c r="AI3955">
        <v>38</v>
      </c>
      <c r="AJ3955">
        <v>38</v>
      </c>
      <c r="AK3955">
        <v>38</v>
      </c>
      <c r="AL3955">
        <v>37</v>
      </c>
      <c r="AM3955">
        <v>37</v>
      </c>
      <c r="AN3955">
        <v>37</v>
      </c>
      <c r="AO3955">
        <v>37</v>
      </c>
      <c r="AP3955">
        <v>36</v>
      </c>
      <c r="AQ3955">
        <v>36</v>
      </c>
    </row>
    <row r="3956" spans="1:43">
      <c r="A3956" t="s">
        <v>2502</v>
      </c>
      <c r="B3956" t="s">
        <v>2503</v>
      </c>
      <c r="C3956" t="s">
        <v>2500</v>
      </c>
      <c r="D3956" t="s">
        <v>2501</v>
      </c>
      <c r="E3956" t="s">
        <v>2352</v>
      </c>
      <c r="F3956" t="s">
        <v>2353</v>
      </c>
      <c r="G3956" t="s">
        <v>80</v>
      </c>
      <c r="H3956" t="s">
        <v>81</v>
      </c>
      <c r="I3956" s="2">
        <v>0</v>
      </c>
      <c r="J3956" s="2">
        <v>0</v>
      </c>
      <c r="K3956" s="2">
        <v>1</v>
      </c>
      <c r="L3956" t="s">
        <v>995</v>
      </c>
      <c r="M3956" t="s">
        <v>89</v>
      </c>
      <c r="N3956" t="s">
        <v>90</v>
      </c>
      <c r="O3956" t="s">
        <v>85</v>
      </c>
      <c r="P3956" t="s">
        <v>86</v>
      </c>
      <c r="Q3956">
        <v>43</v>
      </c>
      <c r="R3956">
        <v>43</v>
      </c>
      <c r="S3956">
        <v>44</v>
      </c>
      <c r="T3956">
        <v>44</v>
      </c>
      <c r="U3956">
        <v>45</v>
      </c>
      <c r="V3956">
        <v>45</v>
      </c>
      <c r="W3956">
        <v>45</v>
      </c>
      <c r="X3956">
        <v>46</v>
      </c>
      <c r="Y3956">
        <v>46</v>
      </c>
      <c r="Z3956">
        <v>46</v>
      </c>
      <c r="AA3956">
        <v>46</v>
      </c>
      <c r="AB3956">
        <v>46</v>
      </c>
      <c r="AC3956">
        <v>46</v>
      </c>
      <c r="AD3956">
        <v>46</v>
      </c>
      <c r="AE3956">
        <v>46</v>
      </c>
      <c r="AF3956">
        <v>46</v>
      </c>
      <c r="AG3956">
        <v>45</v>
      </c>
      <c r="AH3956">
        <v>45</v>
      </c>
      <c r="AI3956">
        <v>44</v>
      </c>
      <c r="AJ3956">
        <v>44</v>
      </c>
      <c r="AK3956">
        <v>44</v>
      </c>
      <c r="AL3956">
        <v>43</v>
      </c>
      <c r="AM3956">
        <v>43</v>
      </c>
      <c r="AN3956">
        <v>42</v>
      </c>
      <c r="AO3956">
        <v>42</v>
      </c>
      <c r="AP3956">
        <v>41</v>
      </c>
      <c r="AQ3956">
        <v>41</v>
      </c>
    </row>
    <row r="3957" spans="1:43">
      <c r="A3957" t="s">
        <v>2502</v>
      </c>
      <c r="B3957" t="s">
        <v>2503</v>
      </c>
      <c r="C3957" t="s">
        <v>2500</v>
      </c>
      <c r="D3957" t="s">
        <v>2501</v>
      </c>
      <c r="E3957" t="s">
        <v>2352</v>
      </c>
      <c r="F3957" t="s">
        <v>2353</v>
      </c>
      <c r="G3957" t="s">
        <v>80</v>
      </c>
      <c r="H3957" t="s">
        <v>81</v>
      </c>
      <c r="I3957" s="2">
        <v>0</v>
      </c>
      <c r="J3957" s="2">
        <v>0</v>
      </c>
      <c r="K3957" s="2">
        <v>1</v>
      </c>
      <c r="L3957" t="s">
        <v>995</v>
      </c>
      <c r="M3957" t="s">
        <v>83</v>
      </c>
      <c r="N3957" t="s">
        <v>91</v>
      </c>
      <c r="O3957" t="s">
        <v>85</v>
      </c>
      <c r="P3957" t="s">
        <v>86</v>
      </c>
      <c r="Q3957">
        <v>43</v>
      </c>
      <c r="R3957">
        <v>44</v>
      </c>
      <c r="S3957">
        <v>44</v>
      </c>
      <c r="T3957">
        <v>44</v>
      </c>
      <c r="U3957">
        <v>44</v>
      </c>
      <c r="V3957">
        <v>44</v>
      </c>
      <c r="W3957">
        <v>44</v>
      </c>
      <c r="X3957">
        <v>44</v>
      </c>
      <c r="Y3957">
        <v>44</v>
      </c>
      <c r="Z3957">
        <v>44</v>
      </c>
      <c r="AA3957">
        <v>44</v>
      </c>
      <c r="AB3957">
        <v>44</v>
      </c>
      <c r="AC3957">
        <v>44</v>
      </c>
      <c r="AD3957">
        <v>44</v>
      </c>
      <c r="AE3957">
        <v>44</v>
      </c>
      <c r="AF3957">
        <v>44</v>
      </c>
      <c r="AG3957">
        <v>44</v>
      </c>
      <c r="AH3957">
        <v>44</v>
      </c>
      <c r="AI3957">
        <v>44</v>
      </c>
      <c r="AJ3957">
        <v>44</v>
      </c>
      <c r="AK3957">
        <v>44</v>
      </c>
      <c r="AL3957">
        <v>44</v>
      </c>
      <c r="AM3957">
        <v>43</v>
      </c>
      <c r="AN3957">
        <v>43</v>
      </c>
      <c r="AO3957">
        <v>42</v>
      </c>
      <c r="AP3957">
        <v>42</v>
      </c>
      <c r="AQ3957">
        <v>42</v>
      </c>
    </row>
    <row r="3958" spans="1:43">
      <c r="A3958" t="s">
        <v>2504</v>
      </c>
      <c r="B3958" t="s">
        <v>2505</v>
      </c>
      <c r="C3958" t="s">
        <v>2506</v>
      </c>
      <c r="D3958" t="s">
        <v>2507</v>
      </c>
      <c r="E3958" t="s">
        <v>2352</v>
      </c>
      <c r="F3958" t="s">
        <v>2353</v>
      </c>
      <c r="G3958" t="s">
        <v>80</v>
      </c>
      <c r="H3958" t="s">
        <v>81</v>
      </c>
      <c r="I3958" s="2">
        <v>0</v>
      </c>
      <c r="J3958" s="2">
        <v>0</v>
      </c>
      <c r="K3958" s="2">
        <v>1</v>
      </c>
      <c r="L3958" t="s">
        <v>995</v>
      </c>
      <c r="M3958" t="s">
        <v>83</v>
      </c>
      <c r="N3958" t="s">
        <v>84</v>
      </c>
      <c r="O3958" t="s">
        <v>85</v>
      </c>
      <c r="P3958" t="s">
        <v>86</v>
      </c>
      <c r="Q3958">
        <v>37</v>
      </c>
      <c r="R3958">
        <v>37</v>
      </c>
      <c r="S3958">
        <v>37</v>
      </c>
      <c r="T3958">
        <v>37</v>
      </c>
      <c r="U3958">
        <v>37</v>
      </c>
      <c r="V3958">
        <v>37</v>
      </c>
      <c r="W3958">
        <v>37</v>
      </c>
      <c r="X3958">
        <v>37</v>
      </c>
      <c r="Y3958">
        <v>37</v>
      </c>
      <c r="Z3958">
        <v>37</v>
      </c>
      <c r="AA3958">
        <v>37</v>
      </c>
      <c r="AB3958">
        <v>37</v>
      </c>
      <c r="AC3958">
        <v>37</v>
      </c>
      <c r="AD3958">
        <v>37</v>
      </c>
      <c r="AE3958">
        <v>37</v>
      </c>
      <c r="AF3958">
        <v>37</v>
      </c>
      <c r="AG3958">
        <v>37</v>
      </c>
      <c r="AH3958">
        <v>37</v>
      </c>
      <c r="AI3958">
        <v>37</v>
      </c>
      <c r="AJ3958">
        <v>37</v>
      </c>
      <c r="AK3958">
        <v>37</v>
      </c>
      <c r="AL3958">
        <v>37</v>
      </c>
      <c r="AM3958">
        <v>36</v>
      </c>
      <c r="AN3958">
        <v>36</v>
      </c>
      <c r="AO3958">
        <v>36</v>
      </c>
      <c r="AP3958">
        <v>35</v>
      </c>
      <c r="AQ3958">
        <v>35</v>
      </c>
    </row>
    <row r="3959" spans="1:43">
      <c r="A3959" t="s">
        <v>2504</v>
      </c>
      <c r="B3959" t="s">
        <v>2505</v>
      </c>
      <c r="C3959" t="s">
        <v>2506</v>
      </c>
      <c r="D3959" t="s">
        <v>2507</v>
      </c>
      <c r="E3959" t="s">
        <v>2352</v>
      </c>
      <c r="F3959" t="s">
        <v>2353</v>
      </c>
      <c r="G3959" t="s">
        <v>80</v>
      </c>
      <c r="H3959" t="s">
        <v>81</v>
      </c>
      <c r="I3959" s="2">
        <v>0</v>
      </c>
      <c r="J3959" s="2">
        <v>0</v>
      </c>
      <c r="K3959" s="2">
        <v>1</v>
      </c>
      <c r="L3959" t="s">
        <v>995</v>
      </c>
      <c r="M3959" t="s">
        <v>87</v>
      </c>
      <c r="N3959" t="s">
        <v>88</v>
      </c>
      <c r="O3959" t="s">
        <v>85</v>
      </c>
      <c r="P3959" t="s">
        <v>86</v>
      </c>
      <c r="Q3959">
        <v>37</v>
      </c>
      <c r="R3959">
        <v>37</v>
      </c>
      <c r="S3959">
        <v>37</v>
      </c>
      <c r="T3959">
        <v>36</v>
      </c>
      <c r="U3959">
        <v>36</v>
      </c>
      <c r="V3959">
        <v>36</v>
      </c>
      <c r="W3959">
        <v>36</v>
      </c>
      <c r="X3959">
        <v>36</v>
      </c>
      <c r="Y3959">
        <v>35</v>
      </c>
      <c r="Z3959">
        <v>35</v>
      </c>
      <c r="AA3959">
        <v>35</v>
      </c>
      <c r="AB3959">
        <v>35</v>
      </c>
      <c r="AC3959">
        <v>34</v>
      </c>
      <c r="AD3959">
        <v>34</v>
      </c>
      <c r="AE3959">
        <v>34</v>
      </c>
      <c r="AF3959">
        <v>34</v>
      </c>
      <c r="AG3959">
        <v>34</v>
      </c>
      <c r="AH3959">
        <v>33</v>
      </c>
      <c r="AI3959">
        <v>33</v>
      </c>
      <c r="AJ3959">
        <v>33</v>
      </c>
      <c r="AK3959">
        <v>33</v>
      </c>
      <c r="AL3959">
        <v>32</v>
      </c>
      <c r="AM3959">
        <v>32</v>
      </c>
      <c r="AN3959">
        <v>32</v>
      </c>
      <c r="AO3959">
        <v>32</v>
      </c>
      <c r="AP3959">
        <v>32</v>
      </c>
      <c r="AQ3959">
        <v>31</v>
      </c>
    </row>
    <row r="3960" spans="1:43">
      <c r="A3960" t="s">
        <v>2504</v>
      </c>
      <c r="B3960" t="s">
        <v>2505</v>
      </c>
      <c r="C3960" t="s">
        <v>2506</v>
      </c>
      <c r="D3960" t="s">
        <v>2507</v>
      </c>
      <c r="E3960" t="s">
        <v>2352</v>
      </c>
      <c r="F3960" t="s">
        <v>2353</v>
      </c>
      <c r="G3960" t="s">
        <v>80</v>
      </c>
      <c r="H3960" t="s">
        <v>81</v>
      </c>
      <c r="I3960" s="2">
        <v>0</v>
      </c>
      <c r="J3960" s="2">
        <v>0</v>
      </c>
      <c r="K3960" s="2">
        <v>1</v>
      </c>
      <c r="L3960" t="s">
        <v>995</v>
      </c>
      <c r="M3960" t="s">
        <v>89</v>
      </c>
      <c r="N3960" t="s">
        <v>90</v>
      </c>
      <c r="O3960" t="s">
        <v>85</v>
      </c>
      <c r="P3960" t="s">
        <v>86</v>
      </c>
      <c r="Q3960">
        <v>37</v>
      </c>
      <c r="R3960">
        <v>37</v>
      </c>
      <c r="S3960">
        <v>38</v>
      </c>
      <c r="T3960">
        <v>38</v>
      </c>
      <c r="U3960">
        <v>38</v>
      </c>
      <c r="V3960">
        <v>39</v>
      </c>
      <c r="W3960">
        <v>39</v>
      </c>
      <c r="X3960">
        <v>39</v>
      </c>
      <c r="Y3960">
        <v>39</v>
      </c>
      <c r="Z3960">
        <v>39</v>
      </c>
      <c r="AA3960">
        <v>40</v>
      </c>
      <c r="AB3960">
        <v>40</v>
      </c>
      <c r="AC3960">
        <v>40</v>
      </c>
      <c r="AD3960">
        <v>40</v>
      </c>
      <c r="AE3960">
        <v>40</v>
      </c>
      <c r="AF3960">
        <v>39</v>
      </c>
      <c r="AG3960">
        <v>39</v>
      </c>
      <c r="AH3960">
        <v>38</v>
      </c>
      <c r="AI3960">
        <v>38</v>
      </c>
      <c r="AJ3960">
        <v>38</v>
      </c>
      <c r="AK3960">
        <v>37</v>
      </c>
      <c r="AL3960">
        <v>37</v>
      </c>
      <c r="AM3960">
        <v>36</v>
      </c>
      <c r="AN3960">
        <v>36</v>
      </c>
      <c r="AO3960">
        <v>36</v>
      </c>
      <c r="AP3960">
        <v>35</v>
      </c>
      <c r="AQ3960">
        <v>35</v>
      </c>
    </row>
    <row r="3961" spans="1:43">
      <c r="A3961" t="s">
        <v>2504</v>
      </c>
      <c r="B3961" t="s">
        <v>2505</v>
      </c>
      <c r="C3961" t="s">
        <v>2506</v>
      </c>
      <c r="D3961" t="s">
        <v>2507</v>
      </c>
      <c r="E3961" t="s">
        <v>2352</v>
      </c>
      <c r="F3961" t="s">
        <v>2353</v>
      </c>
      <c r="G3961" t="s">
        <v>80</v>
      </c>
      <c r="H3961" t="s">
        <v>81</v>
      </c>
      <c r="I3961" s="2">
        <v>0</v>
      </c>
      <c r="J3961" s="2">
        <v>0</v>
      </c>
      <c r="K3961" s="2">
        <v>1</v>
      </c>
      <c r="L3961" t="s">
        <v>995</v>
      </c>
      <c r="M3961" t="s">
        <v>83</v>
      </c>
      <c r="N3961" t="s">
        <v>91</v>
      </c>
      <c r="O3961" t="s">
        <v>85</v>
      </c>
      <c r="P3961" t="s">
        <v>86</v>
      </c>
      <c r="Q3961">
        <v>37</v>
      </c>
      <c r="R3961">
        <v>37</v>
      </c>
      <c r="S3961">
        <v>37</v>
      </c>
      <c r="T3961">
        <v>37</v>
      </c>
      <c r="U3961">
        <v>37</v>
      </c>
      <c r="V3961">
        <v>37</v>
      </c>
      <c r="W3961">
        <v>37</v>
      </c>
      <c r="X3961">
        <v>37</v>
      </c>
      <c r="Y3961">
        <v>37</v>
      </c>
      <c r="Z3961">
        <v>37</v>
      </c>
      <c r="AA3961">
        <v>37</v>
      </c>
      <c r="AB3961">
        <v>37</v>
      </c>
      <c r="AC3961">
        <v>37</v>
      </c>
      <c r="AD3961">
        <v>37</v>
      </c>
      <c r="AE3961">
        <v>37</v>
      </c>
      <c r="AF3961">
        <v>37</v>
      </c>
      <c r="AG3961">
        <v>37</v>
      </c>
      <c r="AH3961">
        <v>37</v>
      </c>
      <c r="AI3961">
        <v>37</v>
      </c>
      <c r="AJ3961">
        <v>37</v>
      </c>
      <c r="AK3961">
        <v>37</v>
      </c>
      <c r="AL3961">
        <v>37</v>
      </c>
      <c r="AM3961">
        <v>36</v>
      </c>
      <c r="AN3961">
        <v>36</v>
      </c>
      <c r="AO3961">
        <v>36</v>
      </c>
      <c r="AP3961">
        <v>35</v>
      </c>
      <c r="AQ3961">
        <v>35</v>
      </c>
    </row>
    <row r="3962" spans="1:43">
      <c r="A3962" t="s">
        <v>2508</v>
      </c>
      <c r="B3962" t="s">
        <v>2509</v>
      </c>
      <c r="C3962" t="s">
        <v>2510</v>
      </c>
      <c r="D3962" t="s">
        <v>2511</v>
      </c>
      <c r="E3962" t="s">
        <v>2352</v>
      </c>
      <c r="F3962" t="s">
        <v>2353</v>
      </c>
      <c r="G3962" t="s">
        <v>80</v>
      </c>
      <c r="H3962" t="s">
        <v>81</v>
      </c>
      <c r="I3962" s="2">
        <v>0</v>
      </c>
      <c r="J3962" s="2">
        <v>0</v>
      </c>
      <c r="K3962" s="2">
        <v>1</v>
      </c>
      <c r="L3962" t="s">
        <v>995</v>
      </c>
      <c r="M3962" t="s">
        <v>83</v>
      </c>
      <c r="N3962" t="s">
        <v>84</v>
      </c>
      <c r="O3962" t="s">
        <v>85</v>
      </c>
      <c r="P3962" t="s">
        <v>86</v>
      </c>
      <c r="Q3962">
        <v>38</v>
      </c>
      <c r="R3962">
        <v>39</v>
      </c>
      <c r="S3962">
        <v>39</v>
      </c>
      <c r="T3962">
        <v>39</v>
      </c>
      <c r="U3962">
        <v>39</v>
      </c>
      <c r="V3962">
        <v>39</v>
      </c>
      <c r="W3962">
        <v>39</v>
      </c>
      <c r="X3962">
        <v>39</v>
      </c>
      <c r="Y3962">
        <v>39</v>
      </c>
      <c r="Z3962">
        <v>39</v>
      </c>
      <c r="AA3962">
        <v>39</v>
      </c>
      <c r="AB3962">
        <v>39</v>
      </c>
      <c r="AC3962">
        <v>39</v>
      </c>
      <c r="AD3962">
        <v>39</v>
      </c>
      <c r="AE3962">
        <v>39</v>
      </c>
      <c r="AF3962">
        <v>39</v>
      </c>
      <c r="AG3962">
        <v>39</v>
      </c>
      <c r="AH3962">
        <v>39</v>
      </c>
      <c r="AI3962">
        <v>39</v>
      </c>
      <c r="AJ3962">
        <v>39</v>
      </c>
      <c r="AK3962">
        <v>39</v>
      </c>
      <c r="AL3962">
        <v>39</v>
      </c>
      <c r="AM3962">
        <v>38</v>
      </c>
      <c r="AN3962">
        <v>38</v>
      </c>
      <c r="AO3962">
        <v>37</v>
      </c>
      <c r="AP3962">
        <v>37</v>
      </c>
      <c r="AQ3962">
        <v>37</v>
      </c>
    </row>
    <row r="3963" spans="1:43">
      <c r="A3963" t="s">
        <v>2508</v>
      </c>
      <c r="B3963" t="s">
        <v>2509</v>
      </c>
      <c r="C3963" t="s">
        <v>2510</v>
      </c>
      <c r="D3963" t="s">
        <v>2511</v>
      </c>
      <c r="E3963" t="s">
        <v>2352</v>
      </c>
      <c r="F3963" t="s">
        <v>2353</v>
      </c>
      <c r="G3963" t="s">
        <v>80</v>
      </c>
      <c r="H3963" t="s">
        <v>81</v>
      </c>
      <c r="I3963" s="2">
        <v>0</v>
      </c>
      <c r="J3963" s="2">
        <v>0</v>
      </c>
      <c r="K3963" s="2">
        <v>1</v>
      </c>
      <c r="L3963" t="s">
        <v>995</v>
      </c>
      <c r="M3963" t="s">
        <v>87</v>
      </c>
      <c r="N3963" t="s">
        <v>88</v>
      </c>
      <c r="O3963" t="s">
        <v>85</v>
      </c>
      <c r="P3963" t="s">
        <v>86</v>
      </c>
      <c r="Q3963">
        <v>38</v>
      </c>
      <c r="R3963">
        <v>38</v>
      </c>
      <c r="S3963">
        <v>38</v>
      </c>
      <c r="T3963">
        <v>37</v>
      </c>
      <c r="U3963">
        <v>37</v>
      </c>
      <c r="V3963">
        <v>37</v>
      </c>
      <c r="W3963">
        <v>37</v>
      </c>
      <c r="X3963">
        <v>36</v>
      </c>
      <c r="Y3963">
        <v>36</v>
      </c>
      <c r="Z3963">
        <v>36</v>
      </c>
      <c r="AA3963">
        <v>36</v>
      </c>
      <c r="AB3963">
        <v>35</v>
      </c>
      <c r="AC3963">
        <v>35</v>
      </c>
      <c r="AD3963">
        <v>35</v>
      </c>
      <c r="AE3963">
        <v>35</v>
      </c>
      <c r="AF3963">
        <v>34</v>
      </c>
      <c r="AG3963">
        <v>34</v>
      </c>
      <c r="AH3963">
        <v>34</v>
      </c>
      <c r="AI3963">
        <v>34</v>
      </c>
      <c r="AJ3963">
        <v>34</v>
      </c>
      <c r="AK3963">
        <v>33</v>
      </c>
      <c r="AL3963">
        <v>33</v>
      </c>
      <c r="AM3963">
        <v>33</v>
      </c>
      <c r="AN3963">
        <v>33</v>
      </c>
      <c r="AO3963">
        <v>32</v>
      </c>
      <c r="AP3963">
        <v>32</v>
      </c>
      <c r="AQ3963">
        <v>32</v>
      </c>
    </row>
    <row r="3964" spans="1:43">
      <c r="A3964" t="s">
        <v>2508</v>
      </c>
      <c r="B3964" t="s">
        <v>2509</v>
      </c>
      <c r="C3964" t="s">
        <v>2510</v>
      </c>
      <c r="D3964" t="s">
        <v>2511</v>
      </c>
      <c r="E3964" t="s">
        <v>2352</v>
      </c>
      <c r="F3964" t="s">
        <v>2353</v>
      </c>
      <c r="G3964" t="s">
        <v>80</v>
      </c>
      <c r="H3964" t="s">
        <v>81</v>
      </c>
      <c r="I3964" s="2">
        <v>0</v>
      </c>
      <c r="J3964" s="2">
        <v>0</v>
      </c>
      <c r="K3964" s="2">
        <v>1</v>
      </c>
      <c r="L3964" t="s">
        <v>995</v>
      </c>
      <c r="M3964" t="s">
        <v>89</v>
      </c>
      <c r="N3964" t="s">
        <v>90</v>
      </c>
      <c r="O3964" t="s">
        <v>85</v>
      </c>
      <c r="P3964" t="s">
        <v>86</v>
      </c>
      <c r="Q3964">
        <v>38</v>
      </c>
      <c r="R3964">
        <v>38</v>
      </c>
      <c r="S3964">
        <v>39</v>
      </c>
      <c r="T3964">
        <v>39</v>
      </c>
      <c r="U3964">
        <v>39</v>
      </c>
      <c r="V3964">
        <v>40</v>
      </c>
      <c r="W3964">
        <v>40</v>
      </c>
      <c r="X3964">
        <v>40</v>
      </c>
      <c r="Y3964">
        <v>40</v>
      </c>
      <c r="Z3964">
        <v>40</v>
      </c>
      <c r="AA3964">
        <v>41</v>
      </c>
      <c r="AB3964">
        <v>41</v>
      </c>
      <c r="AC3964">
        <v>41</v>
      </c>
      <c r="AD3964">
        <v>41</v>
      </c>
      <c r="AE3964">
        <v>41</v>
      </c>
      <c r="AF3964">
        <v>40</v>
      </c>
      <c r="AG3964">
        <v>40</v>
      </c>
      <c r="AH3964">
        <v>39</v>
      </c>
      <c r="AI3964">
        <v>39</v>
      </c>
      <c r="AJ3964">
        <v>39</v>
      </c>
      <c r="AK3964">
        <v>38</v>
      </c>
      <c r="AL3964">
        <v>38</v>
      </c>
      <c r="AM3964">
        <v>37</v>
      </c>
      <c r="AN3964">
        <v>37</v>
      </c>
      <c r="AO3964">
        <v>37</v>
      </c>
      <c r="AP3964">
        <v>36</v>
      </c>
      <c r="AQ3964">
        <v>36</v>
      </c>
    </row>
    <row r="3965" spans="1:43">
      <c r="A3965" t="s">
        <v>2508</v>
      </c>
      <c r="B3965" t="s">
        <v>2509</v>
      </c>
      <c r="C3965" t="s">
        <v>2510</v>
      </c>
      <c r="D3965" t="s">
        <v>2511</v>
      </c>
      <c r="E3965" t="s">
        <v>2352</v>
      </c>
      <c r="F3965" t="s">
        <v>2353</v>
      </c>
      <c r="G3965" t="s">
        <v>80</v>
      </c>
      <c r="H3965" t="s">
        <v>81</v>
      </c>
      <c r="I3965" s="2">
        <v>0</v>
      </c>
      <c r="J3965" s="2">
        <v>0</v>
      </c>
      <c r="K3965" s="2">
        <v>1</v>
      </c>
      <c r="L3965" t="s">
        <v>995</v>
      </c>
      <c r="M3965" t="s">
        <v>83</v>
      </c>
      <c r="N3965" t="s">
        <v>91</v>
      </c>
      <c r="O3965" t="s">
        <v>85</v>
      </c>
      <c r="P3965" t="s">
        <v>86</v>
      </c>
      <c r="Q3965">
        <v>38</v>
      </c>
      <c r="R3965">
        <v>39</v>
      </c>
      <c r="S3965">
        <v>39</v>
      </c>
      <c r="T3965">
        <v>39</v>
      </c>
      <c r="U3965">
        <v>39</v>
      </c>
      <c r="V3965">
        <v>39</v>
      </c>
      <c r="W3965">
        <v>39</v>
      </c>
      <c r="X3965">
        <v>39</v>
      </c>
      <c r="Y3965">
        <v>39</v>
      </c>
      <c r="Z3965">
        <v>39</v>
      </c>
      <c r="AA3965">
        <v>39</v>
      </c>
      <c r="AB3965">
        <v>39</v>
      </c>
      <c r="AC3965">
        <v>39</v>
      </c>
      <c r="AD3965">
        <v>39</v>
      </c>
      <c r="AE3965">
        <v>39</v>
      </c>
      <c r="AF3965">
        <v>39</v>
      </c>
      <c r="AG3965">
        <v>39</v>
      </c>
      <c r="AH3965">
        <v>39</v>
      </c>
      <c r="AI3965">
        <v>39</v>
      </c>
      <c r="AJ3965">
        <v>39</v>
      </c>
      <c r="AK3965">
        <v>39</v>
      </c>
      <c r="AL3965">
        <v>39</v>
      </c>
      <c r="AM3965">
        <v>38</v>
      </c>
      <c r="AN3965">
        <v>38</v>
      </c>
      <c r="AO3965">
        <v>37</v>
      </c>
      <c r="AP3965">
        <v>37</v>
      </c>
      <c r="AQ3965">
        <v>37</v>
      </c>
    </row>
    <row r="3966" spans="1:43">
      <c r="A3966" t="s">
        <v>2512</v>
      </c>
      <c r="B3966" t="s">
        <v>2513</v>
      </c>
      <c r="C3966" t="s">
        <v>2510</v>
      </c>
      <c r="D3966" t="s">
        <v>2511</v>
      </c>
      <c r="E3966" t="s">
        <v>2352</v>
      </c>
      <c r="F3966" t="s">
        <v>2353</v>
      </c>
      <c r="G3966" t="s">
        <v>80</v>
      </c>
      <c r="H3966" t="s">
        <v>81</v>
      </c>
      <c r="I3966" s="2">
        <v>0</v>
      </c>
      <c r="J3966" s="2">
        <v>0</v>
      </c>
      <c r="K3966" s="2">
        <v>1</v>
      </c>
      <c r="L3966" t="s">
        <v>995</v>
      </c>
      <c r="M3966" t="s">
        <v>83</v>
      </c>
      <c r="N3966" t="s">
        <v>84</v>
      </c>
      <c r="O3966" t="s">
        <v>85</v>
      </c>
      <c r="P3966" t="s">
        <v>86</v>
      </c>
      <c r="Q3966">
        <v>58</v>
      </c>
      <c r="R3966">
        <v>58</v>
      </c>
      <c r="S3966">
        <v>59</v>
      </c>
      <c r="T3966">
        <v>59</v>
      </c>
      <c r="U3966">
        <v>59</v>
      </c>
      <c r="V3966">
        <v>59</v>
      </c>
      <c r="W3966">
        <v>59</v>
      </c>
      <c r="X3966">
        <v>60</v>
      </c>
      <c r="Y3966">
        <v>60</v>
      </c>
      <c r="Z3966">
        <v>60</v>
      </c>
      <c r="AA3966">
        <v>60</v>
      </c>
      <c r="AB3966">
        <v>60</v>
      </c>
      <c r="AC3966">
        <v>60</v>
      </c>
      <c r="AD3966">
        <v>60</v>
      </c>
      <c r="AE3966">
        <v>60</v>
      </c>
      <c r="AF3966">
        <v>61</v>
      </c>
      <c r="AG3966">
        <v>61</v>
      </c>
      <c r="AH3966">
        <v>61</v>
      </c>
      <c r="AI3966">
        <v>61</v>
      </c>
      <c r="AJ3966">
        <v>61</v>
      </c>
      <c r="AK3966">
        <v>61</v>
      </c>
      <c r="AL3966">
        <v>61</v>
      </c>
      <c r="AM3966">
        <v>60</v>
      </c>
      <c r="AN3966">
        <v>60</v>
      </c>
      <c r="AO3966">
        <v>59</v>
      </c>
      <c r="AP3966">
        <v>59</v>
      </c>
      <c r="AQ3966">
        <v>58</v>
      </c>
    </row>
    <row r="3967" spans="1:43">
      <c r="A3967" t="s">
        <v>2512</v>
      </c>
      <c r="B3967" t="s">
        <v>2513</v>
      </c>
      <c r="C3967" t="s">
        <v>2510</v>
      </c>
      <c r="D3967" t="s">
        <v>2511</v>
      </c>
      <c r="E3967" t="s">
        <v>2352</v>
      </c>
      <c r="F3967" t="s">
        <v>2353</v>
      </c>
      <c r="G3967" t="s">
        <v>80</v>
      </c>
      <c r="H3967" t="s">
        <v>81</v>
      </c>
      <c r="I3967" s="2">
        <v>0</v>
      </c>
      <c r="J3967" s="2">
        <v>0</v>
      </c>
      <c r="K3967" s="2">
        <v>1</v>
      </c>
      <c r="L3967" t="s">
        <v>995</v>
      </c>
      <c r="M3967" t="s">
        <v>87</v>
      </c>
      <c r="N3967" t="s">
        <v>88</v>
      </c>
      <c r="O3967" t="s">
        <v>85</v>
      </c>
      <c r="P3967" t="s">
        <v>86</v>
      </c>
      <c r="Q3967">
        <v>58</v>
      </c>
      <c r="R3967">
        <v>57</v>
      </c>
      <c r="S3967">
        <v>57</v>
      </c>
      <c r="T3967">
        <v>57</v>
      </c>
      <c r="U3967">
        <v>56</v>
      </c>
      <c r="V3967">
        <v>56</v>
      </c>
      <c r="W3967">
        <v>56</v>
      </c>
      <c r="X3967">
        <v>56</v>
      </c>
      <c r="Y3967">
        <v>55</v>
      </c>
      <c r="Z3967">
        <v>55</v>
      </c>
      <c r="AA3967">
        <v>55</v>
      </c>
      <c r="AB3967">
        <v>54</v>
      </c>
      <c r="AC3967">
        <v>54</v>
      </c>
      <c r="AD3967">
        <v>54</v>
      </c>
      <c r="AE3967">
        <v>54</v>
      </c>
      <c r="AF3967">
        <v>53</v>
      </c>
      <c r="AG3967">
        <v>53</v>
      </c>
      <c r="AH3967">
        <v>53</v>
      </c>
      <c r="AI3967">
        <v>53</v>
      </c>
      <c r="AJ3967">
        <v>52</v>
      </c>
      <c r="AK3967">
        <v>52</v>
      </c>
      <c r="AL3967">
        <v>52</v>
      </c>
      <c r="AM3967">
        <v>52</v>
      </c>
      <c r="AN3967">
        <v>51</v>
      </c>
      <c r="AO3967">
        <v>51</v>
      </c>
      <c r="AP3967">
        <v>51</v>
      </c>
      <c r="AQ3967">
        <v>51</v>
      </c>
    </row>
    <row r="3968" spans="1:43">
      <c r="A3968" t="s">
        <v>2512</v>
      </c>
      <c r="B3968" t="s">
        <v>2513</v>
      </c>
      <c r="C3968" t="s">
        <v>2510</v>
      </c>
      <c r="D3968" t="s">
        <v>2511</v>
      </c>
      <c r="E3968" t="s">
        <v>2352</v>
      </c>
      <c r="F3968" t="s">
        <v>2353</v>
      </c>
      <c r="G3968" t="s">
        <v>80</v>
      </c>
      <c r="H3968" t="s">
        <v>81</v>
      </c>
      <c r="I3968" s="2">
        <v>0</v>
      </c>
      <c r="J3968" s="2">
        <v>0</v>
      </c>
      <c r="K3968" s="2">
        <v>1</v>
      </c>
      <c r="L3968" t="s">
        <v>995</v>
      </c>
      <c r="M3968" t="s">
        <v>89</v>
      </c>
      <c r="N3968" t="s">
        <v>90</v>
      </c>
      <c r="O3968" t="s">
        <v>85</v>
      </c>
      <c r="P3968" t="s">
        <v>86</v>
      </c>
      <c r="Q3968">
        <v>58</v>
      </c>
      <c r="R3968">
        <v>58</v>
      </c>
      <c r="S3968">
        <v>59</v>
      </c>
      <c r="T3968">
        <v>60</v>
      </c>
      <c r="U3968">
        <v>60</v>
      </c>
      <c r="V3968">
        <v>61</v>
      </c>
      <c r="W3968">
        <v>61</v>
      </c>
      <c r="X3968">
        <v>62</v>
      </c>
      <c r="Y3968">
        <v>62</v>
      </c>
      <c r="Z3968">
        <v>63</v>
      </c>
      <c r="AA3968">
        <v>63</v>
      </c>
      <c r="AB3968">
        <v>63</v>
      </c>
      <c r="AC3968">
        <v>63</v>
      </c>
      <c r="AD3968">
        <v>64</v>
      </c>
      <c r="AE3968">
        <v>64</v>
      </c>
      <c r="AF3968">
        <v>63</v>
      </c>
      <c r="AG3968">
        <v>63</v>
      </c>
      <c r="AH3968">
        <v>62</v>
      </c>
      <c r="AI3968">
        <v>62</v>
      </c>
      <c r="AJ3968">
        <v>61</v>
      </c>
      <c r="AK3968">
        <v>61</v>
      </c>
      <c r="AL3968">
        <v>60</v>
      </c>
      <c r="AM3968">
        <v>60</v>
      </c>
      <c r="AN3968">
        <v>59</v>
      </c>
      <c r="AO3968">
        <v>59</v>
      </c>
      <c r="AP3968">
        <v>58</v>
      </c>
      <c r="AQ3968">
        <v>58</v>
      </c>
    </row>
    <row r="3969" spans="1:43">
      <c r="A3969" t="s">
        <v>2512</v>
      </c>
      <c r="B3969" t="s">
        <v>2513</v>
      </c>
      <c r="C3969" t="s">
        <v>2510</v>
      </c>
      <c r="D3969" t="s">
        <v>2511</v>
      </c>
      <c r="E3969" t="s">
        <v>2352</v>
      </c>
      <c r="F3969" t="s">
        <v>2353</v>
      </c>
      <c r="G3969" t="s">
        <v>80</v>
      </c>
      <c r="H3969" t="s">
        <v>81</v>
      </c>
      <c r="I3969" s="2">
        <v>0</v>
      </c>
      <c r="J3969" s="2">
        <v>0</v>
      </c>
      <c r="K3969" s="2">
        <v>1</v>
      </c>
      <c r="L3969" t="s">
        <v>995</v>
      </c>
      <c r="M3969" t="s">
        <v>83</v>
      </c>
      <c r="N3969" t="s">
        <v>91</v>
      </c>
      <c r="O3969" t="s">
        <v>85</v>
      </c>
      <c r="P3969" t="s">
        <v>86</v>
      </c>
      <c r="Q3969">
        <v>58</v>
      </c>
      <c r="R3969">
        <v>58</v>
      </c>
      <c r="S3969">
        <v>59</v>
      </c>
      <c r="T3969">
        <v>59</v>
      </c>
      <c r="U3969">
        <v>59</v>
      </c>
      <c r="V3969">
        <v>59</v>
      </c>
      <c r="W3969">
        <v>59</v>
      </c>
      <c r="X3969">
        <v>60</v>
      </c>
      <c r="Y3969">
        <v>60</v>
      </c>
      <c r="Z3969">
        <v>60</v>
      </c>
      <c r="AA3969">
        <v>60</v>
      </c>
      <c r="AB3969">
        <v>60</v>
      </c>
      <c r="AC3969">
        <v>60</v>
      </c>
      <c r="AD3969">
        <v>60</v>
      </c>
      <c r="AE3969">
        <v>60</v>
      </c>
      <c r="AF3969">
        <v>61</v>
      </c>
      <c r="AG3969">
        <v>61</v>
      </c>
      <c r="AH3969">
        <v>61</v>
      </c>
      <c r="AI3969">
        <v>61</v>
      </c>
      <c r="AJ3969">
        <v>61</v>
      </c>
      <c r="AK3969">
        <v>61</v>
      </c>
      <c r="AL3969">
        <v>61</v>
      </c>
      <c r="AM3969">
        <v>60</v>
      </c>
      <c r="AN3969">
        <v>60</v>
      </c>
      <c r="AO3969">
        <v>59</v>
      </c>
      <c r="AP3969">
        <v>59</v>
      </c>
      <c r="AQ3969">
        <v>58</v>
      </c>
    </row>
    <row r="3970" spans="1:43">
      <c r="A3970" t="s">
        <v>2514</v>
      </c>
      <c r="B3970" t="s">
        <v>2515</v>
      </c>
      <c r="C3970" t="s">
        <v>2510</v>
      </c>
      <c r="D3970" t="s">
        <v>2511</v>
      </c>
      <c r="E3970" t="s">
        <v>2352</v>
      </c>
      <c r="F3970" t="s">
        <v>2353</v>
      </c>
      <c r="G3970" t="s">
        <v>80</v>
      </c>
      <c r="H3970" t="s">
        <v>81</v>
      </c>
      <c r="I3970" s="2">
        <v>0</v>
      </c>
      <c r="J3970" s="2">
        <v>0</v>
      </c>
      <c r="K3970" s="2">
        <v>1</v>
      </c>
      <c r="L3970" t="s">
        <v>995</v>
      </c>
      <c r="M3970" t="s">
        <v>83</v>
      </c>
      <c r="N3970" t="s">
        <v>84</v>
      </c>
      <c r="O3970" t="s">
        <v>85</v>
      </c>
      <c r="P3970" t="s">
        <v>86</v>
      </c>
      <c r="Q3970">
        <v>53</v>
      </c>
      <c r="R3970">
        <v>53</v>
      </c>
      <c r="S3970">
        <v>53</v>
      </c>
      <c r="T3970">
        <v>53</v>
      </c>
      <c r="U3970">
        <v>54</v>
      </c>
      <c r="V3970">
        <v>54</v>
      </c>
      <c r="W3970">
        <v>54</v>
      </c>
      <c r="X3970">
        <v>54</v>
      </c>
      <c r="Y3970">
        <v>54</v>
      </c>
      <c r="Z3970">
        <v>54</v>
      </c>
      <c r="AA3970">
        <v>54</v>
      </c>
      <c r="AB3970">
        <v>54</v>
      </c>
      <c r="AC3970">
        <v>54</v>
      </c>
      <c r="AD3970">
        <v>54</v>
      </c>
      <c r="AE3970">
        <v>54</v>
      </c>
      <c r="AF3970">
        <v>54</v>
      </c>
      <c r="AG3970">
        <v>54</v>
      </c>
      <c r="AH3970">
        <v>54</v>
      </c>
      <c r="AI3970">
        <v>54</v>
      </c>
      <c r="AJ3970">
        <v>54</v>
      </c>
      <c r="AK3970">
        <v>54</v>
      </c>
      <c r="AL3970">
        <v>53</v>
      </c>
      <c r="AM3970">
        <v>53</v>
      </c>
      <c r="AN3970">
        <v>52</v>
      </c>
      <c r="AO3970">
        <v>52</v>
      </c>
      <c r="AP3970">
        <v>51</v>
      </c>
      <c r="AQ3970">
        <v>51</v>
      </c>
    </row>
    <row r="3971" spans="1:43">
      <c r="A3971" t="s">
        <v>2514</v>
      </c>
      <c r="B3971" t="s">
        <v>2515</v>
      </c>
      <c r="C3971" t="s">
        <v>2510</v>
      </c>
      <c r="D3971" t="s">
        <v>2511</v>
      </c>
      <c r="E3971" t="s">
        <v>2352</v>
      </c>
      <c r="F3971" t="s">
        <v>2353</v>
      </c>
      <c r="G3971" t="s">
        <v>80</v>
      </c>
      <c r="H3971" t="s">
        <v>81</v>
      </c>
      <c r="I3971" s="2">
        <v>0</v>
      </c>
      <c r="J3971" s="2">
        <v>0</v>
      </c>
      <c r="K3971" s="2">
        <v>1</v>
      </c>
      <c r="L3971" t="s">
        <v>995</v>
      </c>
      <c r="M3971" t="s">
        <v>87</v>
      </c>
      <c r="N3971" t="s">
        <v>88</v>
      </c>
      <c r="O3971" t="s">
        <v>85</v>
      </c>
      <c r="P3971" t="s">
        <v>86</v>
      </c>
      <c r="Q3971">
        <v>53</v>
      </c>
      <c r="R3971">
        <v>52</v>
      </c>
      <c r="S3971">
        <v>52</v>
      </c>
      <c r="T3971">
        <v>52</v>
      </c>
      <c r="U3971">
        <v>51</v>
      </c>
      <c r="V3971">
        <v>51</v>
      </c>
      <c r="W3971">
        <v>51</v>
      </c>
      <c r="X3971">
        <v>50</v>
      </c>
      <c r="Y3971">
        <v>50</v>
      </c>
      <c r="Z3971">
        <v>50</v>
      </c>
      <c r="AA3971">
        <v>49</v>
      </c>
      <c r="AB3971">
        <v>49</v>
      </c>
      <c r="AC3971">
        <v>49</v>
      </c>
      <c r="AD3971">
        <v>48</v>
      </c>
      <c r="AE3971">
        <v>48</v>
      </c>
      <c r="AF3971">
        <v>48</v>
      </c>
      <c r="AG3971">
        <v>47</v>
      </c>
      <c r="AH3971">
        <v>47</v>
      </c>
      <c r="AI3971">
        <v>47</v>
      </c>
      <c r="AJ3971">
        <v>46</v>
      </c>
      <c r="AK3971">
        <v>46</v>
      </c>
      <c r="AL3971">
        <v>46</v>
      </c>
      <c r="AM3971">
        <v>45</v>
      </c>
      <c r="AN3971">
        <v>45</v>
      </c>
      <c r="AO3971">
        <v>45</v>
      </c>
      <c r="AP3971">
        <v>45</v>
      </c>
      <c r="AQ3971">
        <v>44</v>
      </c>
    </row>
    <row r="3972" spans="1:43">
      <c r="A3972" t="s">
        <v>2514</v>
      </c>
      <c r="B3972" t="s">
        <v>2515</v>
      </c>
      <c r="C3972" t="s">
        <v>2510</v>
      </c>
      <c r="D3972" t="s">
        <v>2511</v>
      </c>
      <c r="E3972" t="s">
        <v>2352</v>
      </c>
      <c r="F3972" t="s">
        <v>2353</v>
      </c>
      <c r="G3972" t="s">
        <v>80</v>
      </c>
      <c r="H3972" t="s">
        <v>81</v>
      </c>
      <c r="I3972" s="2">
        <v>0</v>
      </c>
      <c r="J3972" s="2">
        <v>0</v>
      </c>
      <c r="K3972" s="2">
        <v>1</v>
      </c>
      <c r="L3972" t="s">
        <v>995</v>
      </c>
      <c r="M3972" t="s">
        <v>89</v>
      </c>
      <c r="N3972" t="s">
        <v>90</v>
      </c>
      <c r="O3972" t="s">
        <v>85</v>
      </c>
      <c r="P3972" t="s">
        <v>86</v>
      </c>
      <c r="Q3972">
        <v>53</v>
      </c>
      <c r="R3972">
        <v>53</v>
      </c>
      <c r="S3972">
        <v>54</v>
      </c>
      <c r="T3972">
        <v>54</v>
      </c>
      <c r="U3972">
        <v>55</v>
      </c>
      <c r="V3972">
        <v>55</v>
      </c>
      <c r="W3972">
        <v>56</v>
      </c>
      <c r="X3972">
        <v>56</v>
      </c>
      <c r="Y3972">
        <v>56</v>
      </c>
      <c r="Z3972">
        <v>56</v>
      </c>
      <c r="AA3972">
        <v>56</v>
      </c>
      <c r="AB3972">
        <v>57</v>
      </c>
      <c r="AC3972">
        <v>57</v>
      </c>
      <c r="AD3972">
        <v>57</v>
      </c>
      <c r="AE3972">
        <v>57</v>
      </c>
      <c r="AF3972">
        <v>56</v>
      </c>
      <c r="AG3972">
        <v>55</v>
      </c>
      <c r="AH3972">
        <v>55</v>
      </c>
      <c r="AI3972">
        <v>54</v>
      </c>
      <c r="AJ3972">
        <v>54</v>
      </c>
      <c r="AK3972">
        <v>53</v>
      </c>
      <c r="AL3972">
        <v>53</v>
      </c>
      <c r="AM3972">
        <v>52</v>
      </c>
      <c r="AN3972">
        <v>51</v>
      </c>
      <c r="AO3972">
        <v>51</v>
      </c>
      <c r="AP3972">
        <v>50</v>
      </c>
      <c r="AQ3972">
        <v>50</v>
      </c>
    </row>
    <row r="3973" spans="1:43">
      <c r="A3973" t="s">
        <v>2514</v>
      </c>
      <c r="B3973" t="s">
        <v>2515</v>
      </c>
      <c r="C3973" t="s">
        <v>2510</v>
      </c>
      <c r="D3973" t="s">
        <v>2511</v>
      </c>
      <c r="E3973" t="s">
        <v>2352</v>
      </c>
      <c r="F3973" t="s">
        <v>2353</v>
      </c>
      <c r="G3973" t="s">
        <v>80</v>
      </c>
      <c r="H3973" t="s">
        <v>81</v>
      </c>
      <c r="I3973" s="2">
        <v>0</v>
      </c>
      <c r="J3973" s="2">
        <v>0</v>
      </c>
      <c r="K3973" s="2">
        <v>1</v>
      </c>
      <c r="L3973" t="s">
        <v>995</v>
      </c>
      <c r="M3973" t="s">
        <v>83</v>
      </c>
      <c r="N3973" t="s">
        <v>91</v>
      </c>
      <c r="O3973" t="s">
        <v>85</v>
      </c>
      <c r="P3973" t="s">
        <v>86</v>
      </c>
      <c r="Q3973">
        <v>53</v>
      </c>
      <c r="R3973">
        <v>53</v>
      </c>
      <c r="S3973">
        <v>53</v>
      </c>
      <c r="T3973">
        <v>53</v>
      </c>
      <c r="U3973">
        <v>54</v>
      </c>
      <c r="V3973">
        <v>54</v>
      </c>
      <c r="W3973">
        <v>54</v>
      </c>
      <c r="X3973">
        <v>54</v>
      </c>
      <c r="Y3973">
        <v>54</v>
      </c>
      <c r="Z3973">
        <v>54</v>
      </c>
      <c r="AA3973">
        <v>54</v>
      </c>
      <c r="AB3973">
        <v>54</v>
      </c>
      <c r="AC3973">
        <v>54</v>
      </c>
      <c r="AD3973">
        <v>54</v>
      </c>
      <c r="AE3973">
        <v>54</v>
      </c>
      <c r="AF3973">
        <v>54</v>
      </c>
      <c r="AG3973">
        <v>54</v>
      </c>
      <c r="AH3973">
        <v>54</v>
      </c>
      <c r="AI3973">
        <v>54</v>
      </c>
      <c r="AJ3973">
        <v>54</v>
      </c>
      <c r="AK3973">
        <v>54</v>
      </c>
      <c r="AL3973">
        <v>53</v>
      </c>
      <c r="AM3973">
        <v>53</v>
      </c>
      <c r="AN3973">
        <v>52</v>
      </c>
      <c r="AO3973">
        <v>52</v>
      </c>
      <c r="AP3973">
        <v>51</v>
      </c>
      <c r="AQ3973">
        <v>51</v>
      </c>
    </row>
    <row r="3974" spans="1:43">
      <c r="A3974" t="s">
        <v>2516</v>
      </c>
      <c r="B3974" t="s">
        <v>2517</v>
      </c>
      <c r="C3974" t="s">
        <v>2510</v>
      </c>
      <c r="D3974" t="s">
        <v>2511</v>
      </c>
      <c r="E3974" t="s">
        <v>2352</v>
      </c>
      <c r="F3974" t="s">
        <v>2353</v>
      </c>
      <c r="G3974" t="s">
        <v>80</v>
      </c>
      <c r="H3974" t="s">
        <v>81</v>
      </c>
      <c r="I3974" s="2">
        <v>0</v>
      </c>
      <c r="J3974" s="2">
        <v>0</v>
      </c>
      <c r="K3974" s="2">
        <v>1</v>
      </c>
      <c r="L3974" t="s">
        <v>995</v>
      </c>
      <c r="M3974" t="s">
        <v>83</v>
      </c>
      <c r="N3974" t="s">
        <v>84</v>
      </c>
      <c r="O3974" t="s">
        <v>85</v>
      </c>
      <c r="P3974" t="s">
        <v>86</v>
      </c>
      <c r="Q3974">
        <v>14</v>
      </c>
      <c r="R3974">
        <v>14</v>
      </c>
      <c r="S3974">
        <v>14</v>
      </c>
      <c r="T3974">
        <v>14</v>
      </c>
      <c r="U3974">
        <v>14</v>
      </c>
      <c r="V3974">
        <v>14</v>
      </c>
      <c r="W3974">
        <v>14</v>
      </c>
      <c r="X3974">
        <v>14</v>
      </c>
      <c r="Y3974">
        <v>14</v>
      </c>
      <c r="Z3974">
        <v>14</v>
      </c>
      <c r="AA3974">
        <v>14</v>
      </c>
      <c r="AB3974">
        <v>14</v>
      </c>
      <c r="AC3974">
        <v>14</v>
      </c>
      <c r="AD3974">
        <v>14</v>
      </c>
      <c r="AE3974">
        <v>14</v>
      </c>
      <c r="AF3974">
        <v>14</v>
      </c>
      <c r="AG3974">
        <v>14</v>
      </c>
      <c r="AH3974">
        <v>14</v>
      </c>
      <c r="AI3974">
        <v>14</v>
      </c>
      <c r="AJ3974">
        <v>14</v>
      </c>
      <c r="AK3974">
        <v>14</v>
      </c>
      <c r="AL3974">
        <v>14</v>
      </c>
      <c r="AM3974">
        <v>14</v>
      </c>
      <c r="AN3974">
        <v>14</v>
      </c>
      <c r="AO3974">
        <v>14</v>
      </c>
      <c r="AP3974">
        <v>13</v>
      </c>
      <c r="AQ3974">
        <v>13</v>
      </c>
    </row>
    <row r="3975" spans="1:43">
      <c r="A3975" t="s">
        <v>2516</v>
      </c>
      <c r="B3975" t="s">
        <v>2517</v>
      </c>
      <c r="C3975" t="s">
        <v>2510</v>
      </c>
      <c r="D3975" t="s">
        <v>2511</v>
      </c>
      <c r="E3975" t="s">
        <v>2352</v>
      </c>
      <c r="F3975" t="s">
        <v>2353</v>
      </c>
      <c r="G3975" t="s">
        <v>80</v>
      </c>
      <c r="H3975" t="s">
        <v>81</v>
      </c>
      <c r="I3975" s="2">
        <v>0</v>
      </c>
      <c r="J3975" s="2">
        <v>0</v>
      </c>
      <c r="K3975" s="2">
        <v>1</v>
      </c>
      <c r="L3975" t="s">
        <v>995</v>
      </c>
      <c r="M3975" t="s">
        <v>87</v>
      </c>
      <c r="N3975" t="s">
        <v>88</v>
      </c>
      <c r="O3975" t="s">
        <v>85</v>
      </c>
      <c r="P3975" t="s">
        <v>86</v>
      </c>
      <c r="Q3975">
        <v>14</v>
      </c>
      <c r="R3975">
        <v>14</v>
      </c>
      <c r="S3975">
        <v>14</v>
      </c>
      <c r="T3975">
        <v>14</v>
      </c>
      <c r="U3975">
        <v>13</v>
      </c>
      <c r="V3975">
        <v>13</v>
      </c>
      <c r="W3975">
        <v>13</v>
      </c>
      <c r="X3975">
        <v>13</v>
      </c>
      <c r="Y3975">
        <v>13</v>
      </c>
      <c r="Z3975">
        <v>13</v>
      </c>
      <c r="AA3975">
        <v>13</v>
      </c>
      <c r="AB3975">
        <v>13</v>
      </c>
      <c r="AC3975">
        <v>13</v>
      </c>
      <c r="AD3975">
        <v>13</v>
      </c>
      <c r="AE3975">
        <v>13</v>
      </c>
      <c r="AF3975">
        <v>12</v>
      </c>
      <c r="AG3975">
        <v>12</v>
      </c>
      <c r="AH3975">
        <v>12</v>
      </c>
      <c r="AI3975">
        <v>12</v>
      </c>
      <c r="AJ3975">
        <v>12</v>
      </c>
      <c r="AK3975">
        <v>12</v>
      </c>
      <c r="AL3975">
        <v>12</v>
      </c>
      <c r="AM3975">
        <v>12</v>
      </c>
      <c r="AN3975">
        <v>12</v>
      </c>
      <c r="AO3975">
        <v>12</v>
      </c>
      <c r="AP3975">
        <v>12</v>
      </c>
      <c r="AQ3975">
        <v>12</v>
      </c>
    </row>
    <row r="3976" spans="1:43">
      <c r="A3976" t="s">
        <v>2516</v>
      </c>
      <c r="B3976" t="s">
        <v>2517</v>
      </c>
      <c r="C3976" t="s">
        <v>2510</v>
      </c>
      <c r="D3976" t="s">
        <v>2511</v>
      </c>
      <c r="E3976" t="s">
        <v>2352</v>
      </c>
      <c r="F3976" t="s">
        <v>2353</v>
      </c>
      <c r="G3976" t="s">
        <v>80</v>
      </c>
      <c r="H3976" t="s">
        <v>81</v>
      </c>
      <c r="I3976" s="2">
        <v>0</v>
      </c>
      <c r="J3976" s="2">
        <v>0</v>
      </c>
      <c r="K3976" s="2">
        <v>1</v>
      </c>
      <c r="L3976" t="s">
        <v>995</v>
      </c>
      <c r="M3976" t="s">
        <v>89</v>
      </c>
      <c r="N3976" t="s">
        <v>90</v>
      </c>
      <c r="O3976" t="s">
        <v>85</v>
      </c>
      <c r="P3976" t="s">
        <v>86</v>
      </c>
      <c r="Q3976">
        <v>14</v>
      </c>
      <c r="R3976">
        <v>14</v>
      </c>
      <c r="S3976">
        <v>14</v>
      </c>
      <c r="T3976">
        <v>14</v>
      </c>
      <c r="U3976">
        <v>15</v>
      </c>
      <c r="V3976">
        <v>15</v>
      </c>
      <c r="W3976">
        <v>15</v>
      </c>
      <c r="X3976">
        <v>15</v>
      </c>
      <c r="Y3976">
        <v>15</v>
      </c>
      <c r="Z3976">
        <v>15</v>
      </c>
      <c r="AA3976">
        <v>15</v>
      </c>
      <c r="AB3976">
        <v>15</v>
      </c>
      <c r="AC3976">
        <v>15</v>
      </c>
      <c r="AD3976">
        <v>15</v>
      </c>
      <c r="AE3976">
        <v>15</v>
      </c>
      <c r="AF3976">
        <v>15</v>
      </c>
      <c r="AG3976">
        <v>15</v>
      </c>
      <c r="AH3976">
        <v>15</v>
      </c>
      <c r="AI3976">
        <v>15</v>
      </c>
      <c r="AJ3976">
        <v>14</v>
      </c>
      <c r="AK3976">
        <v>14</v>
      </c>
      <c r="AL3976">
        <v>14</v>
      </c>
      <c r="AM3976">
        <v>14</v>
      </c>
      <c r="AN3976">
        <v>14</v>
      </c>
      <c r="AO3976">
        <v>14</v>
      </c>
      <c r="AP3976">
        <v>14</v>
      </c>
      <c r="AQ3976">
        <v>13</v>
      </c>
    </row>
    <row r="3977" spans="1:43">
      <c r="A3977" t="s">
        <v>2516</v>
      </c>
      <c r="B3977" t="s">
        <v>2517</v>
      </c>
      <c r="C3977" t="s">
        <v>2510</v>
      </c>
      <c r="D3977" t="s">
        <v>2511</v>
      </c>
      <c r="E3977" t="s">
        <v>2352</v>
      </c>
      <c r="F3977" t="s">
        <v>2353</v>
      </c>
      <c r="G3977" t="s">
        <v>80</v>
      </c>
      <c r="H3977" t="s">
        <v>81</v>
      </c>
      <c r="I3977" s="2">
        <v>0</v>
      </c>
      <c r="J3977" s="2">
        <v>0</v>
      </c>
      <c r="K3977" s="2">
        <v>1</v>
      </c>
      <c r="L3977" t="s">
        <v>995</v>
      </c>
      <c r="M3977" t="s">
        <v>83</v>
      </c>
      <c r="N3977" t="s">
        <v>91</v>
      </c>
      <c r="O3977" t="s">
        <v>85</v>
      </c>
      <c r="P3977" t="s">
        <v>86</v>
      </c>
      <c r="Q3977">
        <v>14</v>
      </c>
      <c r="R3977">
        <v>14</v>
      </c>
      <c r="S3977">
        <v>14</v>
      </c>
      <c r="T3977">
        <v>14</v>
      </c>
      <c r="U3977">
        <v>14</v>
      </c>
      <c r="V3977">
        <v>14</v>
      </c>
      <c r="W3977">
        <v>14</v>
      </c>
      <c r="X3977">
        <v>14</v>
      </c>
      <c r="Y3977">
        <v>14</v>
      </c>
      <c r="Z3977">
        <v>14</v>
      </c>
      <c r="AA3977">
        <v>14</v>
      </c>
      <c r="AB3977">
        <v>14</v>
      </c>
      <c r="AC3977">
        <v>14</v>
      </c>
      <c r="AD3977">
        <v>14</v>
      </c>
      <c r="AE3977">
        <v>14</v>
      </c>
      <c r="AF3977">
        <v>14</v>
      </c>
      <c r="AG3977">
        <v>14</v>
      </c>
      <c r="AH3977">
        <v>14</v>
      </c>
      <c r="AI3977">
        <v>14</v>
      </c>
      <c r="AJ3977">
        <v>14</v>
      </c>
      <c r="AK3977">
        <v>14</v>
      </c>
      <c r="AL3977">
        <v>14</v>
      </c>
      <c r="AM3977">
        <v>14</v>
      </c>
      <c r="AN3977">
        <v>14</v>
      </c>
      <c r="AO3977">
        <v>14</v>
      </c>
      <c r="AP3977">
        <v>13</v>
      </c>
      <c r="AQ3977">
        <v>13</v>
      </c>
    </row>
    <row r="3978" spans="1:43">
      <c r="A3978" t="s">
        <v>2518</v>
      </c>
      <c r="B3978" t="s">
        <v>2519</v>
      </c>
      <c r="C3978" t="s">
        <v>2510</v>
      </c>
      <c r="D3978" t="s">
        <v>2511</v>
      </c>
      <c r="E3978" t="s">
        <v>2352</v>
      </c>
      <c r="F3978" t="s">
        <v>2353</v>
      </c>
      <c r="G3978" t="s">
        <v>80</v>
      </c>
      <c r="H3978" t="s">
        <v>81</v>
      </c>
      <c r="I3978" s="2">
        <v>0</v>
      </c>
      <c r="J3978" s="2">
        <v>0</v>
      </c>
      <c r="K3978" s="2">
        <v>1</v>
      </c>
      <c r="L3978" t="s">
        <v>995</v>
      </c>
      <c r="M3978" t="s">
        <v>83</v>
      </c>
      <c r="N3978" t="s">
        <v>84</v>
      </c>
      <c r="O3978" t="s">
        <v>85</v>
      </c>
      <c r="P3978" t="s">
        <v>86</v>
      </c>
      <c r="Q3978">
        <v>28</v>
      </c>
      <c r="R3978">
        <v>28</v>
      </c>
      <c r="S3978">
        <v>28</v>
      </c>
      <c r="T3978">
        <v>28</v>
      </c>
      <c r="U3978">
        <v>28</v>
      </c>
      <c r="V3978">
        <v>28</v>
      </c>
      <c r="W3978">
        <v>29</v>
      </c>
      <c r="X3978">
        <v>29</v>
      </c>
      <c r="Y3978">
        <v>29</v>
      </c>
      <c r="Z3978">
        <v>29</v>
      </c>
      <c r="AA3978">
        <v>29</v>
      </c>
      <c r="AB3978">
        <v>29</v>
      </c>
      <c r="AC3978">
        <v>29</v>
      </c>
      <c r="AD3978">
        <v>29</v>
      </c>
      <c r="AE3978">
        <v>29</v>
      </c>
      <c r="AF3978">
        <v>29</v>
      </c>
      <c r="AG3978">
        <v>29</v>
      </c>
      <c r="AH3978">
        <v>29</v>
      </c>
      <c r="AI3978">
        <v>29</v>
      </c>
      <c r="AJ3978">
        <v>29</v>
      </c>
      <c r="AK3978">
        <v>29</v>
      </c>
      <c r="AL3978">
        <v>29</v>
      </c>
      <c r="AM3978">
        <v>29</v>
      </c>
      <c r="AN3978">
        <v>29</v>
      </c>
      <c r="AO3978">
        <v>29</v>
      </c>
      <c r="AP3978">
        <v>28</v>
      </c>
      <c r="AQ3978">
        <v>28</v>
      </c>
    </row>
    <row r="3979" spans="1:43">
      <c r="A3979" t="s">
        <v>2518</v>
      </c>
      <c r="B3979" t="s">
        <v>2519</v>
      </c>
      <c r="C3979" t="s">
        <v>2510</v>
      </c>
      <c r="D3979" t="s">
        <v>2511</v>
      </c>
      <c r="E3979" t="s">
        <v>2352</v>
      </c>
      <c r="F3979" t="s">
        <v>2353</v>
      </c>
      <c r="G3979" t="s">
        <v>80</v>
      </c>
      <c r="H3979" t="s">
        <v>81</v>
      </c>
      <c r="I3979" s="2">
        <v>0</v>
      </c>
      <c r="J3979" s="2">
        <v>0</v>
      </c>
      <c r="K3979" s="2">
        <v>1</v>
      </c>
      <c r="L3979" t="s">
        <v>995</v>
      </c>
      <c r="M3979" t="s">
        <v>87</v>
      </c>
      <c r="N3979" t="s">
        <v>88</v>
      </c>
      <c r="O3979" t="s">
        <v>85</v>
      </c>
      <c r="P3979" t="s">
        <v>86</v>
      </c>
      <c r="Q3979">
        <v>28</v>
      </c>
      <c r="R3979">
        <v>27</v>
      </c>
      <c r="S3979">
        <v>27</v>
      </c>
      <c r="T3979">
        <v>27</v>
      </c>
      <c r="U3979">
        <v>27</v>
      </c>
      <c r="V3979">
        <v>27</v>
      </c>
      <c r="W3979">
        <v>27</v>
      </c>
      <c r="X3979">
        <v>27</v>
      </c>
      <c r="Y3979">
        <v>27</v>
      </c>
      <c r="Z3979">
        <v>26</v>
      </c>
      <c r="AA3979">
        <v>26</v>
      </c>
      <c r="AB3979">
        <v>26</v>
      </c>
      <c r="AC3979">
        <v>26</v>
      </c>
      <c r="AD3979">
        <v>26</v>
      </c>
      <c r="AE3979">
        <v>26</v>
      </c>
      <c r="AF3979">
        <v>26</v>
      </c>
      <c r="AG3979">
        <v>26</v>
      </c>
      <c r="AH3979">
        <v>25</v>
      </c>
      <c r="AI3979">
        <v>25</v>
      </c>
      <c r="AJ3979">
        <v>25</v>
      </c>
      <c r="AK3979">
        <v>25</v>
      </c>
      <c r="AL3979">
        <v>25</v>
      </c>
      <c r="AM3979">
        <v>25</v>
      </c>
      <c r="AN3979">
        <v>25</v>
      </c>
      <c r="AO3979">
        <v>25</v>
      </c>
      <c r="AP3979">
        <v>25</v>
      </c>
      <c r="AQ3979">
        <v>24</v>
      </c>
    </row>
    <row r="3980" spans="1:43">
      <c r="A3980" t="s">
        <v>2518</v>
      </c>
      <c r="B3980" t="s">
        <v>2519</v>
      </c>
      <c r="C3980" t="s">
        <v>2510</v>
      </c>
      <c r="D3980" t="s">
        <v>2511</v>
      </c>
      <c r="E3980" t="s">
        <v>2352</v>
      </c>
      <c r="F3980" t="s">
        <v>2353</v>
      </c>
      <c r="G3980" t="s">
        <v>80</v>
      </c>
      <c r="H3980" t="s">
        <v>81</v>
      </c>
      <c r="I3980" s="2">
        <v>0</v>
      </c>
      <c r="J3980" s="2">
        <v>0</v>
      </c>
      <c r="K3980" s="2">
        <v>1</v>
      </c>
      <c r="L3980" t="s">
        <v>995</v>
      </c>
      <c r="M3980" t="s">
        <v>89</v>
      </c>
      <c r="N3980" t="s">
        <v>90</v>
      </c>
      <c r="O3980" t="s">
        <v>85</v>
      </c>
      <c r="P3980" t="s">
        <v>86</v>
      </c>
      <c r="Q3980">
        <v>28</v>
      </c>
      <c r="R3980">
        <v>28</v>
      </c>
      <c r="S3980">
        <v>29</v>
      </c>
      <c r="T3980">
        <v>29</v>
      </c>
      <c r="U3980">
        <v>29</v>
      </c>
      <c r="V3980">
        <v>30</v>
      </c>
      <c r="W3980">
        <v>30</v>
      </c>
      <c r="X3980">
        <v>30</v>
      </c>
      <c r="Y3980">
        <v>30</v>
      </c>
      <c r="Z3980">
        <v>31</v>
      </c>
      <c r="AA3980">
        <v>31</v>
      </c>
      <c r="AB3980">
        <v>31</v>
      </c>
      <c r="AC3980">
        <v>31</v>
      </c>
      <c r="AD3980">
        <v>31</v>
      </c>
      <c r="AE3980">
        <v>31</v>
      </c>
      <c r="AF3980">
        <v>31</v>
      </c>
      <c r="AG3980">
        <v>31</v>
      </c>
      <c r="AH3980">
        <v>30</v>
      </c>
      <c r="AI3980">
        <v>30</v>
      </c>
      <c r="AJ3980">
        <v>30</v>
      </c>
      <c r="AK3980">
        <v>30</v>
      </c>
      <c r="AL3980">
        <v>29</v>
      </c>
      <c r="AM3980">
        <v>29</v>
      </c>
      <c r="AN3980">
        <v>29</v>
      </c>
      <c r="AO3980">
        <v>29</v>
      </c>
      <c r="AP3980">
        <v>29</v>
      </c>
      <c r="AQ3980">
        <v>28</v>
      </c>
    </row>
    <row r="3981" spans="1:43">
      <c r="A3981" t="s">
        <v>2518</v>
      </c>
      <c r="B3981" t="s">
        <v>2519</v>
      </c>
      <c r="C3981" t="s">
        <v>2510</v>
      </c>
      <c r="D3981" t="s">
        <v>2511</v>
      </c>
      <c r="E3981" t="s">
        <v>2352</v>
      </c>
      <c r="F3981" t="s">
        <v>2353</v>
      </c>
      <c r="G3981" t="s">
        <v>80</v>
      </c>
      <c r="H3981" t="s">
        <v>81</v>
      </c>
      <c r="I3981" s="2">
        <v>0</v>
      </c>
      <c r="J3981" s="2">
        <v>0</v>
      </c>
      <c r="K3981" s="2">
        <v>1</v>
      </c>
      <c r="L3981" t="s">
        <v>995</v>
      </c>
      <c r="M3981" t="s">
        <v>83</v>
      </c>
      <c r="N3981" t="s">
        <v>91</v>
      </c>
      <c r="O3981" t="s">
        <v>85</v>
      </c>
      <c r="P3981" t="s">
        <v>86</v>
      </c>
      <c r="Q3981">
        <v>28</v>
      </c>
      <c r="R3981">
        <v>28</v>
      </c>
      <c r="S3981">
        <v>28</v>
      </c>
      <c r="T3981">
        <v>28</v>
      </c>
      <c r="U3981">
        <v>28</v>
      </c>
      <c r="V3981">
        <v>28</v>
      </c>
      <c r="W3981">
        <v>29</v>
      </c>
      <c r="X3981">
        <v>29</v>
      </c>
      <c r="Y3981">
        <v>29</v>
      </c>
      <c r="Z3981">
        <v>29</v>
      </c>
      <c r="AA3981">
        <v>29</v>
      </c>
      <c r="AB3981">
        <v>29</v>
      </c>
      <c r="AC3981">
        <v>29</v>
      </c>
      <c r="AD3981">
        <v>29</v>
      </c>
      <c r="AE3981">
        <v>29</v>
      </c>
      <c r="AF3981">
        <v>29</v>
      </c>
      <c r="AG3981">
        <v>29</v>
      </c>
      <c r="AH3981">
        <v>29</v>
      </c>
      <c r="AI3981">
        <v>29</v>
      </c>
      <c r="AJ3981">
        <v>29</v>
      </c>
      <c r="AK3981">
        <v>29</v>
      </c>
      <c r="AL3981">
        <v>29</v>
      </c>
      <c r="AM3981">
        <v>29</v>
      </c>
      <c r="AN3981">
        <v>29</v>
      </c>
      <c r="AO3981">
        <v>29</v>
      </c>
      <c r="AP3981">
        <v>28</v>
      </c>
      <c r="AQ3981">
        <v>28</v>
      </c>
    </row>
    <row r="3982" spans="1:43">
      <c r="A3982" t="s">
        <v>2520</v>
      </c>
      <c r="B3982" t="s">
        <v>2521</v>
      </c>
      <c r="C3982" t="s">
        <v>2500</v>
      </c>
      <c r="D3982" t="s">
        <v>2501</v>
      </c>
      <c r="E3982" t="s">
        <v>2352</v>
      </c>
      <c r="F3982" t="s">
        <v>2353</v>
      </c>
      <c r="G3982" t="s">
        <v>80</v>
      </c>
      <c r="H3982" t="s">
        <v>81</v>
      </c>
      <c r="I3982" s="2">
        <v>0</v>
      </c>
      <c r="J3982" s="2">
        <v>0</v>
      </c>
      <c r="K3982" s="2">
        <v>1</v>
      </c>
      <c r="L3982" t="s">
        <v>995</v>
      </c>
      <c r="M3982" t="s">
        <v>83</v>
      </c>
      <c r="N3982" t="s">
        <v>84</v>
      </c>
      <c r="O3982" t="s">
        <v>85</v>
      </c>
      <c r="P3982" t="s">
        <v>86</v>
      </c>
      <c r="Q3982">
        <v>73</v>
      </c>
      <c r="R3982">
        <v>73</v>
      </c>
      <c r="S3982">
        <v>73</v>
      </c>
      <c r="T3982">
        <v>74</v>
      </c>
      <c r="U3982">
        <v>74</v>
      </c>
      <c r="V3982">
        <v>74</v>
      </c>
      <c r="W3982">
        <v>74</v>
      </c>
      <c r="X3982">
        <v>75</v>
      </c>
      <c r="Y3982">
        <v>75</v>
      </c>
      <c r="Z3982">
        <v>75</v>
      </c>
      <c r="AA3982">
        <v>75</v>
      </c>
      <c r="AB3982">
        <v>76</v>
      </c>
      <c r="AC3982">
        <v>76</v>
      </c>
      <c r="AD3982">
        <v>76</v>
      </c>
      <c r="AE3982">
        <v>76</v>
      </c>
      <c r="AF3982">
        <v>76</v>
      </c>
      <c r="AG3982">
        <v>76</v>
      </c>
      <c r="AH3982">
        <v>76</v>
      </c>
      <c r="AI3982">
        <v>76</v>
      </c>
      <c r="AJ3982">
        <v>76</v>
      </c>
      <c r="AK3982">
        <v>76</v>
      </c>
      <c r="AL3982">
        <v>76</v>
      </c>
      <c r="AM3982">
        <v>75</v>
      </c>
      <c r="AN3982">
        <v>75</v>
      </c>
      <c r="AO3982">
        <v>74</v>
      </c>
      <c r="AP3982">
        <v>74</v>
      </c>
      <c r="AQ3982">
        <v>73</v>
      </c>
    </row>
    <row r="3983" spans="1:43">
      <c r="A3983" t="s">
        <v>2520</v>
      </c>
      <c r="B3983" t="s">
        <v>2521</v>
      </c>
      <c r="C3983" t="s">
        <v>2500</v>
      </c>
      <c r="D3983" t="s">
        <v>2501</v>
      </c>
      <c r="E3983" t="s">
        <v>2352</v>
      </c>
      <c r="F3983" t="s">
        <v>2353</v>
      </c>
      <c r="G3983" t="s">
        <v>80</v>
      </c>
      <c r="H3983" t="s">
        <v>81</v>
      </c>
      <c r="I3983" s="2">
        <v>0</v>
      </c>
      <c r="J3983" s="2">
        <v>0</v>
      </c>
      <c r="K3983" s="2">
        <v>1</v>
      </c>
      <c r="L3983" t="s">
        <v>995</v>
      </c>
      <c r="M3983" t="s">
        <v>87</v>
      </c>
      <c r="N3983" t="s">
        <v>88</v>
      </c>
      <c r="O3983" t="s">
        <v>85</v>
      </c>
      <c r="P3983" t="s">
        <v>86</v>
      </c>
      <c r="Q3983">
        <v>73</v>
      </c>
      <c r="R3983">
        <v>73</v>
      </c>
      <c r="S3983">
        <v>72</v>
      </c>
      <c r="T3983">
        <v>72</v>
      </c>
      <c r="U3983">
        <v>72</v>
      </c>
      <c r="V3983">
        <v>71</v>
      </c>
      <c r="W3983">
        <v>71</v>
      </c>
      <c r="X3983">
        <v>71</v>
      </c>
      <c r="Y3983">
        <v>70</v>
      </c>
      <c r="Z3983">
        <v>70</v>
      </c>
      <c r="AA3983">
        <v>70</v>
      </c>
      <c r="AB3983">
        <v>69</v>
      </c>
      <c r="AC3983">
        <v>69</v>
      </c>
      <c r="AD3983">
        <v>69</v>
      </c>
      <c r="AE3983">
        <v>68</v>
      </c>
      <c r="AF3983">
        <v>68</v>
      </c>
      <c r="AG3983">
        <v>68</v>
      </c>
      <c r="AH3983">
        <v>67</v>
      </c>
      <c r="AI3983">
        <v>67</v>
      </c>
      <c r="AJ3983">
        <v>67</v>
      </c>
      <c r="AK3983">
        <v>66</v>
      </c>
      <c r="AL3983">
        <v>66</v>
      </c>
      <c r="AM3983">
        <v>66</v>
      </c>
      <c r="AN3983">
        <v>65</v>
      </c>
      <c r="AO3983">
        <v>65</v>
      </c>
      <c r="AP3983">
        <v>65</v>
      </c>
      <c r="AQ3983">
        <v>65</v>
      </c>
    </row>
    <row r="3984" spans="1:43">
      <c r="A3984" t="s">
        <v>2520</v>
      </c>
      <c r="B3984" t="s">
        <v>2521</v>
      </c>
      <c r="C3984" t="s">
        <v>2500</v>
      </c>
      <c r="D3984" t="s">
        <v>2501</v>
      </c>
      <c r="E3984" t="s">
        <v>2352</v>
      </c>
      <c r="F3984" t="s">
        <v>2353</v>
      </c>
      <c r="G3984" t="s">
        <v>80</v>
      </c>
      <c r="H3984" t="s">
        <v>81</v>
      </c>
      <c r="I3984" s="2">
        <v>0</v>
      </c>
      <c r="J3984" s="2">
        <v>0</v>
      </c>
      <c r="K3984" s="2">
        <v>1</v>
      </c>
      <c r="L3984" t="s">
        <v>995</v>
      </c>
      <c r="M3984" t="s">
        <v>89</v>
      </c>
      <c r="N3984" t="s">
        <v>90</v>
      </c>
      <c r="O3984" t="s">
        <v>85</v>
      </c>
      <c r="P3984" t="s">
        <v>86</v>
      </c>
      <c r="Q3984">
        <v>73</v>
      </c>
      <c r="R3984">
        <v>74</v>
      </c>
      <c r="S3984">
        <v>75</v>
      </c>
      <c r="T3984">
        <v>76</v>
      </c>
      <c r="U3984">
        <v>77</v>
      </c>
      <c r="V3984">
        <v>78</v>
      </c>
      <c r="W3984">
        <v>78</v>
      </c>
      <c r="X3984">
        <v>79</v>
      </c>
      <c r="Y3984">
        <v>79</v>
      </c>
      <c r="Z3984">
        <v>80</v>
      </c>
      <c r="AA3984">
        <v>80</v>
      </c>
      <c r="AB3984">
        <v>80</v>
      </c>
      <c r="AC3984">
        <v>81</v>
      </c>
      <c r="AD3984">
        <v>81</v>
      </c>
      <c r="AE3984">
        <v>81</v>
      </c>
      <c r="AF3984">
        <v>80</v>
      </c>
      <c r="AG3984">
        <v>80</v>
      </c>
      <c r="AH3984">
        <v>79</v>
      </c>
      <c r="AI3984">
        <v>79</v>
      </c>
      <c r="AJ3984">
        <v>78</v>
      </c>
      <c r="AK3984">
        <v>77</v>
      </c>
      <c r="AL3984">
        <v>77</v>
      </c>
      <c r="AM3984">
        <v>76</v>
      </c>
      <c r="AN3984">
        <v>76</v>
      </c>
      <c r="AO3984">
        <v>75</v>
      </c>
      <c r="AP3984">
        <v>75</v>
      </c>
      <c r="AQ3984">
        <v>74</v>
      </c>
    </row>
    <row r="3985" spans="1:43">
      <c r="A3985" t="s">
        <v>2520</v>
      </c>
      <c r="B3985" t="s">
        <v>2521</v>
      </c>
      <c r="C3985" t="s">
        <v>2500</v>
      </c>
      <c r="D3985" t="s">
        <v>2501</v>
      </c>
      <c r="E3985" t="s">
        <v>2352</v>
      </c>
      <c r="F3985" t="s">
        <v>2353</v>
      </c>
      <c r="G3985" t="s">
        <v>80</v>
      </c>
      <c r="H3985" t="s">
        <v>81</v>
      </c>
      <c r="I3985" s="2">
        <v>0</v>
      </c>
      <c r="J3985" s="2">
        <v>0</v>
      </c>
      <c r="K3985" s="2">
        <v>1</v>
      </c>
      <c r="L3985" t="s">
        <v>995</v>
      </c>
      <c r="M3985" t="s">
        <v>83</v>
      </c>
      <c r="N3985" t="s">
        <v>91</v>
      </c>
      <c r="O3985" t="s">
        <v>85</v>
      </c>
      <c r="P3985" t="s">
        <v>86</v>
      </c>
      <c r="Q3985">
        <v>73</v>
      </c>
      <c r="R3985">
        <v>73</v>
      </c>
      <c r="S3985">
        <v>73</v>
      </c>
      <c r="T3985">
        <v>74</v>
      </c>
      <c r="U3985">
        <v>74</v>
      </c>
      <c r="V3985">
        <v>74</v>
      </c>
      <c r="W3985">
        <v>74</v>
      </c>
      <c r="X3985">
        <v>75</v>
      </c>
      <c r="Y3985">
        <v>75</v>
      </c>
      <c r="Z3985">
        <v>75</v>
      </c>
      <c r="AA3985">
        <v>75</v>
      </c>
      <c r="AB3985">
        <v>76</v>
      </c>
      <c r="AC3985">
        <v>76</v>
      </c>
      <c r="AD3985">
        <v>76</v>
      </c>
      <c r="AE3985">
        <v>76</v>
      </c>
      <c r="AF3985">
        <v>76</v>
      </c>
      <c r="AG3985">
        <v>76</v>
      </c>
      <c r="AH3985">
        <v>76</v>
      </c>
      <c r="AI3985">
        <v>76</v>
      </c>
      <c r="AJ3985">
        <v>76</v>
      </c>
      <c r="AK3985">
        <v>76</v>
      </c>
      <c r="AL3985">
        <v>76</v>
      </c>
      <c r="AM3985">
        <v>75</v>
      </c>
      <c r="AN3985">
        <v>75</v>
      </c>
      <c r="AO3985">
        <v>74</v>
      </c>
      <c r="AP3985">
        <v>74</v>
      </c>
      <c r="AQ3985">
        <v>73</v>
      </c>
    </row>
    <row r="3986" spans="1:43">
      <c r="A3986" t="s">
        <v>2522</v>
      </c>
      <c r="B3986" t="s">
        <v>2523</v>
      </c>
      <c r="C3986" t="s">
        <v>2524</v>
      </c>
      <c r="D3986" t="s">
        <v>2525</v>
      </c>
      <c r="E3986" t="s">
        <v>2352</v>
      </c>
      <c r="F3986" t="s">
        <v>2353</v>
      </c>
      <c r="G3986" t="s">
        <v>80</v>
      </c>
      <c r="H3986" t="s">
        <v>81</v>
      </c>
      <c r="I3986" s="2">
        <v>0</v>
      </c>
      <c r="J3986" s="2">
        <v>0</v>
      </c>
      <c r="K3986" s="2">
        <v>1</v>
      </c>
      <c r="L3986" t="s">
        <v>995</v>
      </c>
      <c r="M3986" t="s">
        <v>83</v>
      </c>
      <c r="N3986" t="s">
        <v>84</v>
      </c>
      <c r="O3986" t="s">
        <v>85</v>
      </c>
      <c r="P3986" t="s">
        <v>86</v>
      </c>
      <c r="Q3986">
        <v>79</v>
      </c>
      <c r="R3986">
        <v>80</v>
      </c>
      <c r="S3986">
        <v>80</v>
      </c>
      <c r="T3986">
        <v>81</v>
      </c>
      <c r="U3986">
        <v>81</v>
      </c>
      <c r="V3986">
        <v>81</v>
      </c>
      <c r="W3986">
        <v>82</v>
      </c>
      <c r="X3986">
        <v>82</v>
      </c>
      <c r="Y3986">
        <v>83</v>
      </c>
      <c r="Z3986">
        <v>83</v>
      </c>
      <c r="AA3986">
        <v>83</v>
      </c>
      <c r="AB3986">
        <v>84</v>
      </c>
      <c r="AC3986">
        <v>84</v>
      </c>
      <c r="AD3986">
        <v>84</v>
      </c>
      <c r="AE3986">
        <v>85</v>
      </c>
      <c r="AF3986">
        <v>85</v>
      </c>
      <c r="AG3986">
        <v>85</v>
      </c>
      <c r="AH3986">
        <v>86</v>
      </c>
      <c r="AI3986">
        <v>86</v>
      </c>
      <c r="AJ3986">
        <v>86</v>
      </c>
      <c r="AK3986">
        <v>87</v>
      </c>
      <c r="AL3986">
        <v>86</v>
      </c>
      <c r="AM3986">
        <v>86</v>
      </c>
      <c r="AN3986">
        <v>86</v>
      </c>
      <c r="AO3986">
        <v>85</v>
      </c>
      <c r="AP3986">
        <v>85</v>
      </c>
      <c r="AQ3986">
        <v>85</v>
      </c>
    </row>
    <row r="3987" spans="1:43">
      <c r="A3987" t="s">
        <v>2522</v>
      </c>
      <c r="B3987" t="s">
        <v>2523</v>
      </c>
      <c r="C3987" t="s">
        <v>2524</v>
      </c>
      <c r="D3987" t="s">
        <v>2525</v>
      </c>
      <c r="E3987" t="s">
        <v>2352</v>
      </c>
      <c r="F3987" t="s">
        <v>2353</v>
      </c>
      <c r="G3987" t="s">
        <v>80</v>
      </c>
      <c r="H3987" t="s">
        <v>81</v>
      </c>
      <c r="I3987" s="2">
        <v>0</v>
      </c>
      <c r="J3987" s="2">
        <v>0</v>
      </c>
      <c r="K3987" s="2">
        <v>1</v>
      </c>
      <c r="L3987" t="s">
        <v>995</v>
      </c>
      <c r="M3987" t="s">
        <v>87</v>
      </c>
      <c r="N3987" t="s">
        <v>88</v>
      </c>
      <c r="O3987" t="s">
        <v>85</v>
      </c>
      <c r="P3987" t="s">
        <v>86</v>
      </c>
      <c r="Q3987">
        <v>79</v>
      </c>
      <c r="R3987">
        <v>78</v>
      </c>
      <c r="S3987">
        <v>78</v>
      </c>
      <c r="T3987">
        <v>78</v>
      </c>
      <c r="U3987">
        <v>77</v>
      </c>
      <c r="V3987">
        <v>77</v>
      </c>
      <c r="W3987">
        <v>77</v>
      </c>
      <c r="X3987">
        <v>77</v>
      </c>
      <c r="Y3987">
        <v>76</v>
      </c>
      <c r="Z3987">
        <v>76</v>
      </c>
      <c r="AA3987">
        <v>76</v>
      </c>
      <c r="AB3987">
        <v>76</v>
      </c>
      <c r="AC3987">
        <v>75</v>
      </c>
      <c r="AD3987">
        <v>75</v>
      </c>
      <c r="AE3987">
        <v>75</v>
      </c>
      <c r="AF3987">
        <v>75</v>
      </c>
      <c r="AG3987">
        <v>75</v>
      </c>
      <c r="AH3987">
        <v>74</v>
      </c>
      <c r="AI3987">
        <v>74</v>
      </c>
      <c r="AJ3987">
        <v>74</v>
      </c>
      <c r="AK3987">
        <v>74</v>
      </c>
      <c r="AL3987">
        <v>74</v>
      </c>
      <c r="AM3987">
        <v>73</v>
      </c>
      <c r="AN3987">
        <v>73</v>
      </c>
      <c r="AO3987">
        <v>73</v>
      </c>
      <c r="AP3987">
        <v>73</v>
      </c>
      <c r="AQ3987">
        <v>73</v>
      </c>
    </row>
    <row r="3988" spans="1:43">
      <c r="A3988" t="s">
        <v>2522</v>
      </c>
      <c r="B3988" t="s">
        <v>2523</v>
      </c>
      <c r="C3988" t="s">
        <v>2524</v>
      </c>
      <c r="D3988" t="s">
        <v>2525</v>
      </c>
      <c r="E3988" t="s">
        <v>2352</v>
      </c>
      <c r="F3988" t="s">
        <v>2353</v>
      </c>
      <c r="G3988" t="s">
        <v>80</v>
      </c>
      <c r="H3988" t="s">
        <v>81</v>
      </c>
      <c r="I3988" s="2">
        <v>0</v>
      </c>
      <c r="J3988" s="2">
        <v>0</v>
      </c>
      <c r="K3988" s="2">
        <v>1</v>
      </c>
      <c r="L3988" t="s">
        <v>995</v>
      </c>
      <c r="M3988" t="s">
        <v>89</v>
      </c>
      <c r="N3988" t="s">
        <v>90</v>
      </c>
      <c r="O3988" t="s">
        <v>85</v>
      </c>
      <c r="P3988" t="s">
        <v>86</v>
      </c>
      <c r="Q3988">
        <v>79</v>
      </c>
      <c r="R3988">
        <v>80</v>
      </c>
      <c r="S3988">
        <v>81</v>
      </c>
      <c r="T3988">
        <v>82</v>
      </c>
      <c r="U3988">
        <v>83</v>
      </c>
      <c r="V3988">
        <v>84</v>
      </c>
      <c r="W3988">
        <v>85</v>
      </c>
      <c r="X3988">
        <v>86</v>
      </c>
      <c r="Y3988">
        <v>87</v>
      </c>
      <c r="Z3988">
        <v>87</v>
      </c>
      <c r="AA3988">
        <v>88</v>
      </c>
      <c r="AB3988">
        <v>88</v>
      </c>
      <c r="AC3988">
        <v>89</v>
      </c>
      <c r="AD3988">
        <v>90</v>
      </c>
      <c r="AE3988">
        <v>90</v>
      </c>
      <c r="AF3988">
        <v>89</v>
      </c>
      <c r="AG3988">
        <v>89</v>
      </c>
      <c r="AH3988">
        <v>89</v>
      </c>
      <c r="AI3988">
        <v>88</v>
      </c>
      <c r="AJ3988">
        <v>88</v>
      </c>
      <c r="AK3988">
        <v>87</v>
      </c>
      <c r="AL3988">
        <v>87</v>
      </c>
      <c r="AM3988">
        <v>87</v>
      </c>
      <c r="AN3988">
        <v>86</v>
      </c>
      <c r="AO3988">
        <v>86</v>
      </c>
      <c r="AP3988">
        <v>86</v>
      </c>
      <c r="AQ3988">
        <v>85</v>
      </c>
    </row>
    <row r="3989" spans="1:43">
      <c r="A3989" t="s">
        <v>2522</v>
      </c>
      <c r="B3989" t="s">
        <v>2523</v>
      </c>
      <c r="C3989" t="s">
        <v>2524</v>
      </c>
      <c r="D3989" t="s">
        <v>2525</v>
      </c>
      <c r="E3989" t="s">
        <v>2352</v>
      </c>
      <c r="F3989" t="s">
        <v>2353</v>
      </c>
      <c r="G3989" t="s">
        <v>80</v>
      </c>
      <c r="H3989" t="s">
        <v>81</v>
      </c>
      <c r="I3989" s="2">
        <v>0</v>
      </c>
      <c r="J3989" s="2">
        <v>0</v>
      </c>
      <c r="K3989" s="2">
        <v>1</v>
      </c>
      <c r="L3989" t="s">
        <v>995</v>
      </c>
      <c r="M3989" t="s">
        <v>83</v>
      </c>
      <c r="N3989" t="s">
        <v>91</v>
      </c>
      <c r="O3989" t="s">
        <v>85</v>
      </c>
      <c r="P3989" t="s">
        <v>86</v>
      </c>
      <c r="Q3989">
        <v>79</v>
      </c>
      <c r="R3989">
        <v>80</v>
      </c>
      <c r="S3989">
        <v>80</v>
      </c>
      <c r="T3989">
        <v>81</v>
      </c>
      <c r="U3989">
        <v>81</v>
      </c>
      <c r="V3989">
        <v>81</v>
      </c>
      <c r="W3989">
        <v>82</v>
      </c>
      <c r="X3989">
        <v>82</v>
      </c>
      <c r="Y3989">
        <v>83</v>
      </c>
      <c r="Z3989">
        <v>83</v>
      </c>
      <c r="AA3989">
        <v>83</v>
      </c>
      <c r="AB3989">
        <v>84</v>
      </c>
      <c r="AC3989">
        <v>84</v>
      </c>
      <c r="AD3989">
        <v>84</v>
      </c>
      <c r="AE3989">
        <v>85</v>
      </c>
      <c r="AF3989">
        <v>85</v>
      </c>
      <c r="AG3989">
        <v>85</v>
      </c>
      <c r="AH3989">
        <v>86</v>
      </c>
      <c r="AI3989">
        <v>86</v>
      </c>
      <c r="AJ3989">
        <v>86</v>
      </c>
      <c r="AK3989">
        <v>87</v>
      </c>
      <c r="AL3989">
        <v>86</v>
      </c>
      <c r="AM3989">
        <v>86</v>
      </c>
      <c r="AN3989">
        <v>86</v>
      </c>
      <c r="AO3989">
        <v>85</v>
      </c>
      <c r="AP3989">
        <v>85</v>
      </c>
      <c r="AQ3989">
        <v>85</v>
      </c>
    </row>
    <row r="3990" spans="1:43">
      <c r="A3990" t="s">
        <v>2526</v>
      </c>
      <c r="B3990" t="s">
        <v>2527</v>
      </c>
      <c r="C3990" t="s">
        <v>2528</v>
      </c>
      <c r="D3990" t="s">
        <v>2529</v>
      </c>
      <c r="E3990" t="s">
        <v>2352</v>
      </c>
      <c r="F3990" t="s">
        <v>2353</v>
      </c>
      <c r="G3990" t="s">
        <v>80</v>
      </c>
      <c r="H3990" t="s">
        <v>81</v>
      </c>
      <c r="I3990" s="2">
        <v>0</v>
      </c>
      <c r="J3990" s="2">
        <v>0</v>
      </c>
      <c r="K3990" s="2">
        <v>1</v>
      </c>
      <c r="L3990" t="s">
        <v>995</v>
      </c>
      <c r="M3990" t="s">
        <v>83</v>
      </c>
      <c r="N3990" t="s">
        <v>84</v>
      </c>
      <c r="O3990" t="s">
        <v>85</v>
      </c>
      <c r="P3990" t="s">
        <v>86</v>
      </c>
      <c r="Q3990">
        <v>39</v>
      </c>
      <c r="R3990">
        <v>39</v>
      </c>
      <c r="S3990">
        <v>39</v>
      </c>
      <c r="T3990">
        <v>39</v>
      </c>
      <c r="U3990">
        <v>39</v>
      </c>
      <c r="V3990">
        <v>39</v>
      </c>
      <c r="W3990">
        <v>39</v>
      </c>
      <c r="X3990">
        <v>39</v>
      </c>
      <c r="Y3990">
        <v>39</v>
      </c>
      <c r="Z3990">
        <v>39</v>
      </c>
      <c r="AA3990">
        <v>39</v>
      </c>
      <c r="AB3990">
        <v>39</v>
      </c>
      <c r="AC3990">
        <v>39</v>
      </c>
      <c r="AD3990">
        <v>39</v>
      </c>
      <c r="AE3990">
        <v>39</v>
      </c>
      <c r="AF3990">
        <v>39</v>
      </c>
      <c r="AG3990">
        <v>39</v>
      </c>
      <c r="AH3990">
        <v>39</v>
      </c>
      <c r="AI3990">
        <v>39</v>
      </c>
      <c r="AJ3990">
        <v>39</v>
      </c>
      <c r="AK3990">
        <v>39</v>
      </c>
      <c r="AL3990">
        <v>39</v>
      </c>
      <c r="AM3990">
        <v>38</v>
      </c>
      <c r="AN3990">
        <v>38</v>
      </c>
      <c r="AO3990">
        <v>38</v>
      </c>
      <c r="AP3990">
        <v>37</v>
      </c>
      <c r="AQ3990">
        <v>37</v>
      </c>
    </row>
    <row r="3991" spans="1:43">
      <c r="A3991" t="s">
        <v>2526</v>
      </c>
      <c r="B3991" t="s">
        <v>2527</v>
      </c>
      <c r="C3991" t="s">
        <v>2528</v>
      </c>
      <c r="D3991" t="s">
        <v>2529</v>
      </c>
      <c r="E3991" t="s">
        <v>2352</v>
      </c>
      <c r="F3991" t="s">
        <v>2353</v>
      </c>
      <c r="G3991" t="s">
        <v>80</v>
      </c>
      <c r="H3991" t="s">
        <v>81</v>
      </c>
      <c r="I3991" s="2">
        <v>0</v>
      </c>
      <c r="J3991" s="2">
        <v>0</v>
      </c>
      <c r="K3991" s="2">
        <v>1</v>
      </c>
      <c r="L3991" t="s">
        <v>995</v>
      </c>
      <c r="M3991" t="s">
        <v>87</v>
      </c>
      <c r="N3991" t="s">
        <v>88</v>
      </c>
      <c r="O3991" t="s">
        <v>85</v>
      </c>
      <c r="P3991" t="s">
        <v>86</v>
      </c>
      <c r="Q3991">
        <v>39</v>
      </c>
      <c r="R3991">
        <v>39</v>
      </c>
      <c r="S3991">
        <v>39</v>
      </c>
      <c r="T3991">
        <v>39</v>
      </c>
      <c r="U3991">
        <v>38</v>
      </c>
      <c r="V3991">
        <v>38</v>
      </c>
      <c r="W3991">
        <v>38</v>
      </c>
      <c r="X3991">
        <v>38</v>
      </c>
      <c r="Y3991">
        <v>37</v>
      </c>
      <c r="Z3991">
        <v>37</v>
      </c>
      <c r="AA3991">
        <v>37</v>
      </c>
      <c r="AB3991">
        <v>37</v>
      </c>
      <c r="AC3991">
        <v>36</v>
      </c>
      <c r="AD3991">
        <v>36</v>
      </c>
      <c r="AE3991">
        <v>36</v>
      </c>
      <c r="AF3991">
        <v>36</v>
      </c>
      <c r="AG3991">
        <v>35</v>
      </c>
      <c r="AH3991">
        <v>35</v>
      </c>
      <c r="AI3991">
        <v>35</v>
      </c>
      <c r="AJ3991">
        <v>35</v>
      </c>
      <c r="AK3991">
        <v>34</v>
      </c>
      <c r="AL3991">
        <v>34</v>
      </c>
      <c r="AM3991">
        <v>34</v>
      </c>
      <c r="AN3991">
        <v>34</v>
      </c>
      <c r="AO3991">
        <v>34</v>
      </c>
      <c r="AP3991">
        <v>33</v>
      </c>
      <c r="AQ3991">
        <v>33</v>
      </c>
    </row>
    <row r="3992" spans="1:43">
      <c r="A3992" t="s">
        <v>2526</v>
      </c>
      <c r="B3992" t="s">
        <v>2527</v>
      </c>
      <c r="C3992" t="s">
        <v>2528</v>
      </c>
      <c r="D3992" t="s">
        <v>2529</v>
      </c>
      <c r="E3992" t="s">
        <v>2352</v>
      </c>
      <c r="F3992" t="s">
        <v>2353</v>
      </c>
      <c r="G3992" t="s">
        <v>80</v>
      </c>
      <c r="H3992" t="s">
        <v>81</v>
      </c>
      <c r="I3992" s="2">
        <v>0</v>
      </c>
      <c r="J3992" s="2">
        <v>0</v>
      </c>
      <c r="K3992" s="2">
        <v>1</v>
      </c>
      <c r="L3992" t="s">
        <v>995</v>
      </c>
      <c r="M3992" t="s">
        <v>89</v>
      </c>
      <c r="N3992" t="s">
        <v>90</v>
      </c>
      <c r="O3992" t="s">
        <v>85</v>
      </c>
      <c r="P3992" t="s">
        <v>86</v>
      </c>
      <c r="Q3992">
        <v>39</v>
      </c>
      <c r="R3992">
        <v>40</v>
      </c>
      <c r="S3992">
        <v>40</v>
      </c>
      <c r="T3992">
        <v>40</v>
      </c>
      <c r="U3992">
        <v>41</v>
      </c>
      <c r="V3992">
        <v>41</v>
      </c>
      <c r="W3992">
        <v>41</v>
      </c>
      <c r="X3992">
        <v>41</v>
      </c>
      <c r="Y3992">
        <v>42</v>
      </c>
      <c r="Z3992">
        <v>42</v>
      </c>
      <c r="AA3992">
        <v>42</v>
      </c>
      <c r="AB3992">
        <v>42</v>
      </c>
      <c r="AC3992">
        <v>42</v>
      </c>
      <c r="AD3992">
        <v>42</v>
      </c>
      <c r="AE3992">
        <v>42</v>
      </c>
      <c r="AF3992">
        <v>42</v>
      </c>
      <c r="AG3992">
        <v>41</v>
      </c>
      <c r="AH3992">
        <v>41</v>
      </c>
      <c r="AI3992">
        <v>40</v>
      </c>
      <c r="AJ3992">
        <v>40</v>
      </c>
      <c r="AK3992">
        <v>39</v>
      </c>
      <c r="AL3992">
        <v>39</v>
      </c>
      <c r="AM3992">
        <v>39</v>
      </c>
      <c r="AN3992">
        <v>38</v>
      </c>
      <c r="AO3992">
        <v>38</v>
      </c>
      <c r="AP3992">
        <v>37</v>
      </c>
      <c r="AQ3992">
        <v>37</v>
      </c>
    </row>
    <row r="3993" spans="1:43">
      <c r="A3993" t="s">
        <v>2526</v>
      </c>
      <c r="B3993" t="s">
        <v>2527</v>
      </c>
      <c r="C3993" t="s">
        <v>2528</v>
      </c>
      <c r="D3993" t="s">
        <v>2529</v>
      </c>
      <c r="E3993" t="s">
        <v>2352</v>
      </c>
      <c r="F3993" t="s">
        <v>2353</v>
      </c>
      <c r="G3993" t="s">
        <v>80</v>
      </c>
      <c r="H3993" t="s">
        <v>81</v>
      </c>
      <c r="I3993" s="2">
        <v>0</v>
      </c>
      <c r="J3993" s="2">
        <v>0</v>
      </c>
      <c r="K3993" s="2">
        <v>1</v>
      </c>
      <c r="L3993" t="s">
        <v>995</v>
      </c>
      <c r="M3993" t="s">
        <v>83</v>
      </c>
      <c r="N3993" t="s">
        <v>91</v>
      </c>
      <c r="O3993" t="s">
        <v>85</v>
      </c>
      <c r="P3993" t="s">
        <v>86</v>
      </c>
      <c r="Q3993">
        <v>39</v>
      </c>
      <c r="R3993">
        <v>39</v>
      </c>
      <c r="S3993">
        <v>39</v>
      </c>
      <c r="T3993">
        <v>39</v>
      </c>
      <c r="U3993">
        <v>39</v>
      </c>
      <c r="V3993">
        <v>39</v>
      </c>
      <c r="W3993">
        <v>39</v>
      </c>
      <c r="X3993">
        <v>39</v>
      </c>
      <c r="Y3993">
        <v>39</v>
      </c>
      <c r="Z3993">
        <v>39</v>
      </c>
      <c r="AA3993">
        <v>39</v>
      </c>
      <c r="AB3993">
        <v>39</v>
      </c>
      <c r="AC3993">
        <v>39</v>
      </c>
      <c r="AD3993">
        <v>39</v>
      </c>
      <c r="AE3993">
        <v>39</v>
      </c>
      <c r="AF3993">
        <v>39</v>
      </c>
      <c r="AG3993">
        <v>39</v>
      </c>
      <c r="AH3993">
        <v>39</v>
      </c>
      <c r="AI3993">
        <v>39</v>
      </c>
      <c r="AJ3993">
        <v>39</v>
      </c>
      <c r="AK3993">
        <v>39</v>
      </c>
      <c r="AL3993">
        <v>39</v>
      </c>
      <c r="AM3993">
        <v>38</v>
      </c>
      <c r="AN3993">
        <v>38</v>
      </c>
      <c r="AO3993">
        <v>38</v>
      </c>
      <c r="AP3993">
        <v>37</v>
      </c>
      <c r="AQ3993">
        <v>37</v>
      </c>
    </row>
    <row r="3994" spans="1:43">
      <c r="A3994" t="s">
        <v>2530</v>
      </c>
      <c r="B3994" t="s">
        <v>2531</v>
      </c>
      <c r="C3994" t="s">
        <v>2528</v>
      </c>
      <c r="D3994" t="s">
        <v>2529</v>
      </c>
      <c r="E3994" t="s">
        <v>2352</v>
      </c>
      <c r="F3994" t="s">
        <v>2353</v>
      </c>
      <c r="G3994" t="s">
        <v>80</v>
      </c>
      <c r="H3994" t="s">
        <v>81</v>
      </c>
      <c r="I3994" s="2">
        <v>0</v>
      </c>
      <c r="J3994" s="2">
        <v>0</v>
      </c>
      <c r="K3994" s="2">
        <v>1</v>
      </c>
      <c r="L3994" t="s">
        <v>995</v>
      </c>
      <c r="M3994" t="s">
        <v>83</v>
      </c>
      <c r="N3994" t="s">
        <v>84</v>
      </c>
      <c r="O3994" t="s">
        <v>85</v>
      </c>
      <c r="P3994" t="s">
        <v>86</v>
      </c>
      <c r="Q3994">
        <v>40</v>
      </c>
      <c r="R3994">
        <v>40</v>
      </c>
      <c r="S3994">
        <v>40</v>
      </c>
      <c r="T3994">
        <v>40</v>
      </c>
      <c r="U3994">
        <v>40</v>
      </c>
      <c r="V3994">
        <v>41</v>
      </c>
      <c r="W3994">
        <v>41</v>
      </c>
      <c r="X3994">
        <v>41</v>
      </c>
      <c r="Y3994">
        <v>41</v>
      </c>
      <c r="Z3994">
        <v>41</v>
      </c>
      <c r="AA3994">
        <v>41</v>
      </c>
      <c r="AB3994">
        <v>41</v>
      </c>
      <c r="AC3994">
        <v>41</v>
      </c>
      <c r="AD3994">
        <v>41</v>
      </c>
      <c r="AE3994">
        <v>41</v>
      </c>
      <c r="AF3994">
        <v>41</v>
      </c>
      <c r="AG3994">
        <v>41</v>
      </c>
      <c r="AH3994">
        <v>41</v>
      </c>
      <c r="AI3994">
        <v>41</v>
      </c>
      <c r="AJ3994">
        <v>40</v>
      </c>
      <c r="AK3994">
        <v>40</v>
      </c>
      <c r="AL3994">
        <v>40</v>
      </c>
      <c r="AM3994">
        <v>40</v>
      </c>
      <c r="AN3994">
        <v>39</v>
      </c>
      <c r="AO3994">
        <v>39</v>
      </c>
      <c r="AP3994">
        <v>38</v>
      </c>
      <c r="AQ3994">
        <v>38</v>
      </c>
    </row>
    <row r="3995" spans="1:43">
      <c r="A3995" t="s">
        <v>2530</v>
      </c>
      <c r="B3995" t="s">
        <v>2531</v>
      </c>
      <c r="C3995" t="s">
        <v>2528</v>
      </c>
      <c r="D3995" t="s">
        <v>2529</v>
      </c>
      <c r="E3995" t="s">
        <v>2352</v>
      </c>
      <c r="F3995" t="s">
        <v>2353</v>
      </c>
      <c r="G3995" t="s">
        <v>80</v>
      </c>
      <c r="H3995" t="s">
        <v>81</v>
      </c>
      <c r="I3995" s="2">
        <v>0</v>
      </c>
      <c r="J3995" s="2">
        <v>0</v>
      </c>
      <c r="K3995" s="2">
        <v>1</v>
      </c>
      <c r="L3995" t="s">
        <v>995</v>
      </c>
      <c r="M3995" t="s">
        <v>87</v>
      </c>
      <c r="N3995" t="s">
        <v>88</v>
      </c>
      <c r="O3995" t="s">
        <v>85</v>
      </c>
      <c r="P3995" t="s">
        <v>86</v>
      </c>
      <c r="Q3995">
        <v>40</v>
      </c>
      <c r="R3995">
        <v>39</v>
      </c>
      <c r="S3995">
        <v>39</v>
      </c>
      <c r="T3995">
        <v>39</v>
      </c>
      <c r="U3995">
        <v>39</v>
      </c>
      <c r="V3995">
        <v>38</v>
      </c>
      <c r="W3995">
        <v>38</v>
      </c>
      <c r="X3995">
        <v>38</v>
      </c>
      <c r="Y3995">
        <v>38</v>
      </c>
      <c r="Z3995">
        <v>37</v>
      </c>
      <c r="AA3995">
        <v>37</v>
      </c>
      <c r="AB3995">
        <v>37</v>
      </c>
      <c r="AC3995">
        <v>37</v>
      </c>
      <c r="AD3995">
        <v>36</v>
      </c>
      <c r="AE3995">
        <v>36</v>
      </c>
      <c r="AF3995">
        <v>36</v>
      </c>
      <c r="AG3995">
        <v>36</v>
      </c>
      <c r="AH3995">
        <v>35</v>
      </c>
      <c r="AI3995">
        <v>35</v>
      </c>
      <c r="AJ3995">
        <v>35</v>
      </c>
      <c r="AK3995">
        <v>35</v>
      </c>
      <c r="AL3995">
        <v>34</v>
      </c>
      <c r="AM3995">
        <v>34</v>
      </c>
      <c r="AN3995">
        <v>34</v>
      </c>
      <c r="AO3995">
        <v>34</v>
      </c>
      <c r="AP3995">
        <v>33</v>
      </c>
      <c r="AQ3995">
        <v>33</v>
      </c>
    </row>
    <row r="3996" spans="1:43">
      <c r="A3996" t="s">
        <v>2530</v>
      </c>
      <c r="B3996" t="s">
        <v>2531</v>
      </c>
      <c r="C3996" t="s">
        <v>2528</v>
      </c>
      <c r="D3996" t="s">
        <v>2529</v>
      </c>
      <c r="E3996" t="s">
        <v>2352</v>
      </c>
      <c r="F3996" t="s">
        <v>2353</v>
      </c>
      <c r="G3996" t="s">
        <v>80</v>
      </c>
      <c r="H3996" t="s">
        <v>81</v>
      </c>
      <c r="I3996" s="2">
        <v>0</v>
      </c>
      <c r="J3996" s="2">
        <v>0</v>
      </c>
      <c r="K3996" s="2">
        <v>1</v>
      </c>
      <c r="L3996" t="s">
        <v>995</v>
      </c>
      <c r="M3996" t="s">
        <v>89</v>
      </c>
      <c r="N3996" t="s">
        <v>90</v>
      </c>
      <c r="O3996" t="s">
        <v>85</v>
      </c>
      <c r="P3996" t="s">
        <v>86</v>
      </c>
      <c r="Q3996">
        <v>40</v>
      </c>
      <c r="R3996">
        <v>41</v>
      </c>
      <c r="S3996">
        <v>41</v>
      </c>
      <c r="T3996">
        <v>42</v>
      </c>
      <c r="U3996">
        <v>42</v>
      </c>
      <c r="V3996">
        <v>42</v>
      </c>
      <c r="W3996">
        <v>43</v>
      </c>
      <c r="X3996">
        <v>43</v>
      </c>
      <c r="Y3996">
        <v>43</v>
      </c>
      <c r="Z3996">
        <v>43</v>
      </c>
      <c r="AA3996">
        <v>43</v>
      </c>
      <c r="AB3996">
        <v>43</v>
      </c>
      <c r="AC3996">
        <v>44</v>
      </c>
      <c r="AD3996">
        <v>44</v>
      </c>
      <c r="AE3996">
        <v>44</v>
      </c>
      <c r="AF3996">
        <v>43</v>
      </c>
      <c r="AG3996">
        <v>43</v>
      </c>
      <c r="AH3996">
        <v>42</v>
      </c>
      <c r="AI3996">
        <v>42</v>
      </c>
      <c r="AJ3996">
        <v>41</v>
      </c>
      <c r="AK3996">
        <v>41</v>
      </c>
      <c r="AL3996">
        <v>40</v>
      </c>
      <c r="AM3996">
        <v>40</v>
      </c>
      <c r="AN3996">
        <v>39</v>
      </c>
      <c r="AO3996">
        <v>39</v>
      </c>
      <c r="AP3996">
        <v>39</v>
      </c>
      <c r="AQ3996">
        <v>38</v>
      </c>
    </row>
    <row r="3997" spans="1:43">
      <c r="A3997" t="s">
        <v>2530</v>
      </c>
      <c r="B3997" t="s">
        <v>2531</v>
      </c>
      <c r="C3997" t="s">
        <v>2528</v>
      </c>
      <c r="D3997" t="s">
        <v>2529</v>
      </c>
      <c r="E3997" t="s">
        <v>2352</v>
      </c>
      <c r="F3997" t="s">
        <v>2353</v>
      </c>
      <c r="G3997" t="s">
        <v>80</v>
      </c>
      <c r="H3997" t="s">
        <v>81</v>
      </c>
      <c r="I3997" s="2">
        <v>0</v>
      </c>
      <c r="J3997" s="2">
        <v>0</v>
      </c>
      <c r="K3997" s="2">
        <v>1</v>
      </c>
      <c r="L3997" t="s">
        <v>995</v>
      </c>
      <c r="M3997" t="s">
        <v>83</v>
      </c>
      <c r="N3997" t="s">
        <v>91</v>
      </c>
      <c r="O3997" t="s">
        <v>85</v>
      </c>
      <c r="P3997" t="s">
        <v>86</v>
      </c>
      <c r="Q3997">
        <v>40</v>
      </c>
      <c r="R3997">
        <v>40</v>
      </c>
      <c r="S3997">
        <v>40</v>
      </c>
      <c r="T3997">
        <v>40</v>
      </c>
      <c r="U3997">
        <v>40</v>
      </c>
      <c r="V3997">
        <v>41</v>
      </c>
      <c r="W3997">
        <v>41</v>
      </c>
      <c r="X3997">
        <v>41</v>
      </c>
      <c r="Y3997">
        <v>41</v>
      </c>
      <c r="Z3997">
        <v>41</v>
      </c>
      <c r="AA3997">
        <v>41</v>
      </c>
      <c r="AB3997">
        <v>41</v>
      </c>
      <c r="AC3997">
        <v>41</v>
      </c>
      <c r="AD3997">
        <v>41</v>
      </c>
      <c r="AE3997">
        <v>41</v>
      </c>
      <c r="AF3997">
        <v>41</v>
      </c>
      <c r="AG3997">
        <v>41</v>
      </c>
      <c r="AH3997">
        <v>41</v>
      </c>
      <c r="AI3997">
        <v>41</v>
      </c>
      <c r="AJ3997">
        <v>40</v>
      </c>
      <c r="AK3997">
        <v>40</v>
      </c>
      <c r="AL3997">
        <v>40</v>
      </c>
      <c r="AM3997">
        <v>40</v>
      </c>
      <c r="AN3997">
        <v>39</v>
      </c>
      <c r="AO3997">
        <v>39</v>
      </c>
      <c r="AP3997">
        <v>38</v>
      </c>
      <c r="AQ3997">
        <v>38</v>
      </c>
    </row>
    <row r="3998" spans="1:43">
      <c r="A3998" t="s">
        <v>2532</v>
      </c>
      <c r="B3998" t="s">
        <v>2533</v>
      </c>
      <c r="C3998" t="s">
        <v>2506</v>
      </c>
      <c r="D3998" t="s">
        <v>2507</v>
      </c>
      <c r="E3998" t="s">
        <v>2352</v>
      </c>
      <c r="F3998" t="s">
        <v>2353</v>
      </c>
      <c r="G3998" t="s">
        <v>80</v>
      </c>
      <c r="H3998" t="s">
        <v>81</v>
      </c>
      <c r="I3998" s="2">
        <v>0</v>
      </c>
      <c r="J3998" s="2">
        <v>0</v>
      </c>
      <c r="K3998" s="2">
        <v>1</v>
      </c>
      <c r="L3998" t="s">
        <v>995</v>
      </c>
      <c r="M3998" t="s">
        <v>83</v>
      </c>
      <c r="N3998" t="s">
        <v>84</v>
      </c>
      <c r="O3998" t="s">
        <v>85</v>
      </c>
      <c r="P3998" t="s">
        <v>86</v>
      </c>
      <c r="Q3998">
        <v>41</v>
      </c>
      <c r="R3998">
        <v>41</v>
      </c>
      <c r="S3998">
        <v>42</v>
      </c>
      <c r="T3998">
        <v>42</v>
      </c>
      <c r="U3998">
        <v>42</v>
      </c>
      <c r="V3998">
        <v>42</v>
      </c>
      <c r="W3998">
        <v>42</v>
      </c>
      <c r="X3998">
        <v>43</v>
      </c>
      <c r="Y3998">
        <v>43</v>
      </c>
      <c r="Z3998">
        <v>43</v>
      </c>
      <c r="AA3998">
        <v>43</v>
      </c>
      <c r="AB3998">
        <v>43</v>
      </c>
      <c r="AC3998">
        <v>44</v>
      </c>
      <c r="AD3998">
        <v>44</v>
      </c>
      <c r="AE3998">
        <v>44</v>
      </c>
      <c r="AF3998">
        <v>44</v>
      </c>
      <c r="AG3998">
        <v>44</v>
      </c>
      <c r="AH3998">
        <v>44</v>
      </c>
      <c r="AI3998">
        <v>44</v>
      </c>
      <c r="AJ3998">
        <v>44</v>
      </c>
      <c r="AK3998">
        <v>45</v>
      </c>
      <c r="AL3998">
        <v>44</v>
      </c>
      <c r="AM3998">
        <v>44</v>
      </c>
      <c r="AN3998">
        <v>44</v>
      </c>
      <c r="AO3998">
        <v>44</v>
      </c>
      <c r="AP3998">
        <v>44</v>
      </c>
      <c r="AQ3998">
        <v>43</v>
      </c>
    </row>
    <row r="3999" spans="1:43">
      <c r="A3999" t="s">
        <v>2532</v>
      </c>
      <c r="B3999" t="s">
        <v>2533</v>
      </c>
      <c r="C3999" t="s">
        <v>2506</v>
      </c>
      <c r="D3999" t="s">
        <v>2507</v>
      </c>
      <c r="E3999" t="s">
        <v>2352</v>
      </c>
      <c r="F3999" t="s">
        <v>2353</v>
      </c>
      <c r="G3999" t="s">
        <v>80</v>
      </c>
      <c r="H3999" t="s">
        <v>81</v>
      </c>
      <c r="I3999" s="2">
        <v>0</v>
      </c>
      <c r="J3999" s="2">
        <v>0</v>
      </c>
      <c r="K3999" s="2">
        <v>1</v>
      </c>
      <c r="L3999" t="s">
        <v>995</v>
      </c>
      <c r="M3999" t="s">
        <v>87</v>
      </c>
      <c r="N3999" t="s">
        <v>88</v>
      </c>
      <c r="O3999" t="s">
        <v>85</v>
      </c>
      <c r="P3999" t="s">
        <v>86</v>
      </c>
      <c r="Q3999">
        <v>41</v>
      </c>
      <c r="R3999">
        <v>41</v>
      </c>
      <c r="S3999">
        <v>41</v>
      </c>
      <c r="T3999">
        <v>40</v>
      </c>
      <c r="U3999">
        <v>40</v>
      </c>
      <c r="V3999">
        <v>40</v>
      </c>
      <c r="W3999">
        <v>40</v>
      </c>
      <c r="X3999">
        <v>40</v>
      </c>
      <c r="Y3999">
        <v>40</v>
      </c>
      <c r="Z3999">
        <v>39</v>
      </c>
      <c r="AA3999">
        <v>39</v>
      </c>
      <c r="AB3999">
        <v>39</v>
      </c>
      <c r="AC3999">
        <v>39</v>
      </c>
      <c r="AD3999">
        <v>39</v>
      </c>
      <c r="AE3999">
        <v>39</v>
      </c>
      <c r="AF3999">
        <v>39</v>
      </c>
      <c r="AG3999">
        <v>39</v>
      </c>
      <c r="AH3999">
        <v>38</v>
      </c>
      <c r="AI3999">
        <v>38</v>
      </c>
      <c r="AJ3999">
        <v>38</v>
      </c>
      <c r="AK3999">
        <v>38</v>
      </c>
      <c r="AL3999">
        <v>38</v>
      </c>
      <c r="AM3999">
        <v>38</v>
      </c>
      <c r="AN3999">
        <v>38</v>
      </c>
      <c r="AO3999">
        <v>38</v>
      </c>
      <c r="AP3999">
        <v>37</v>
      </c>
      <c r="AQ3999">
        <v>37</v>
      </c>
    </row>
    <row r="4000" spans="1:43">
      <c r="A4000" t="s">
        <v>2532</v>
      </c>
      <c r="B4000" t="s">
        <v>2533</v>
      </c>
      <c r="C4000" t="s">
        <v>2506</v>
      </c>
      <c r="D4000" t="s">
        <v>2507</v>
      </c>
      <c r="E4000" t="s">
        <v>2352</v>
      </c>
      <c r="F4000" t="s">
        <v>2353</v>
      </c>
      <c r="G4000" t="s">
        <v>80</v>
      </c>
      <c r="H4000" t="s">
        <v>81</v>
      </c>
      <c r="I4000" s="2">
        <v>0</v>
      </c>
      <c r="J4000" s="2">
        <v>0</v>
      </c>
      <c r="K4000" s="2">
        <v>1</v>
      </c>
      <c r="L4000" t="s">
        <v>995</v>
      </c>
      <c r="M4000" t="s">
        <v>89</v>
      </c>
      <c r="N4000" t="s">
        <v>90</v>
      </c>
      <c r="O4000" t="s">
        <v>85</v>
      </c>
      <c r="P4000" t="s">
        <v>86</v>
      </c>
      <c r="Q4000">
        <v>41</v>
      </c>
      <c r="R4000">
        <v>41</v>
      </c>
      <c r="S4000">
        <v>42</v>
      </c>
      <c r="T4000">
        <v>42</v>
      </c>
      <c r="U4000">
        <v>43</v>
      </c>
      <c r="V4000">
        <v>43</v>
      </c>
      <c r="W4000">
        <v>44</v>
      </c>
      <c r="X4000">
        <v>44</v>
      </c>
      <c r="Y4000">
        <v>44</v>
      </c>
      <c r="Z4000">
        <v>45</v>
      </c>
      <c r="AA4000">
        <v>45</v>
      </c>
      <c r="AB4000">
        <v>45</v>
      </c>
      <c r="AC4000">
        <v>46</v>
      </c>
      <c r="AD4000">
        <v>46</v>
      </c>
      <c r="AE4000">
        <v>46</v>
      </c>
      <c r="AF4000">
        <v>46</v>
      </c>
      <c r="AG4000">
        <v>45</v>
      </c>
      <c r="AH4000">
        <v>45</v>
      </c>
      <c r="AI4000">
        <v>45</v>
      </c>
      <c r="AJ4000">
        <v>45</v>
      </c>
      <c r="AK4000">
        <v>44</v>
      </c>
      <c r="AL4000">
        <v>44</v>
      </c>
      <c r="AM4000">
        <v>44</v>
      </c>
      <c r="AN4000">
        <v>44</v>
      </c>
      <c r="AO4000">
        <v>44</v>
      </c>
      <c r="AP4000">
        <v>43</v>
      </c>
      <c r="AQ4000">
        <v>43</v>
      </c>
    </row>
    <row r="4001" spans="1:43">
      <c r="A4001" t="s">
        <v>2532</v>
      </c>
      <c r="B4001" t="s">
        <v>2533</v>
      </c>
      <c r="C4001" t="s">
        <v>2506</v>
      </c>
      <c r="D4001" t="s">
        <v>2507</v>
      </c>
      <c r="E4001" t="s">
        <v>2352</v>
      </c>
      <c r="F4001" t="s">
        <v>2353</v>
      </c>
      <c r="G4001" t="s">
        <v>80</v>
      </c>
      <c r="H4001" t="s">
        <v>81</v>
      </c>
      <c r="I4001" s="2">
        <v>0</v>
      </c>
      <c r="J4001" s="2">
        <v>0</v>
      </c>
      <c r="K4001" s="2">
        <v>1</v>
      </c>
      <c r="L4001" t="s">
        <v>995</v>
      </c>
      <c r="M4001" t="s">
        <v>83</v>
      </c>
      <c r="N4001" t="s">
        <v>91</v>
      </c>
      <c r="O4001" t="s">
        <v>85</v>
      </c>
      <c r="P4001" t="s">
        <v>86</v>
      </c>
      <c r="Q4001">
        <v>41</v>
      </c>
      <c r="R4001">
        <v>41</v>
      </c>
      <c r="S4001">
        <v>42</v>
      </c>
      <c r="T4001">
        <v>42</v>
      </c>
      <c r="U4001">
        <v>42</v>
      </c>
      <c r="V4001">
        <v>42</v>
      </c>
      <c r="W4001">
        <v>42</v>
      </c>
      <c r="X4001">
        <v>43</v>
      </c>
      <c r="Y4001">
        <v>43</v>
      </c>
      <c r="Z4001">
        <v>43</v>
      </c>
      <c r="AA4001">
        <v>43</v>
      </c>
      <c r="AB4001">
        <v>43</v>
      </c>
      <c r="AC4001">
        <v>44</v>
      </c>
      <c r="AD4001">
        <v>44</v>
      </c>
      <c r="AE4001">
        <v>44</v>
      </c>
      <c r="AF4001">
        <v>44</v>
      </c>
      <c r="AG4001">
        <v>44</v>
      </c>
      <c r="AH4001">
        <v>44</v>
      </c>
      <c r="AI4001">
        <v>44</v>
      </c>
      <c r="AJ4001">
        <v>44</v>
      </c>
      <c r="AK4001">
        <v>45</v>
      </c>
      <c r="AL4001">
        <v>44</v>
      </c>
      <c r="AM4001">
        <v>44</v>
      </c>
      <c r="AN4001">
        <v>44</v>
      </c>
      <c r="AO4001">
        <v>44</v>
      </c>
      <c r="AP4001">
        <v>44</v>
      </c>
      <c r="AQ4001">
        <v>43</v>
      </c>
    </row>
    <row r="4002" spans="1:43">
      <c r="A4002" t="s">
        <v>2534</v>
      </c>
      <c r="B4002" t="s">
        <v>2535</v>
      </c>
      <c r="C4002" t="s">
        <v>2528</v>
      </c>
      <c r="D4002" t="s">
        <v>2529</v>
      </c>
      <c r="E4002" t="s">
        <v>2352</v>
      </c>
      <c r="F4002" t="s">
        <v>2353</v>
      </c>
      <c r="G4002" t="s">
        <v>80</v>
      </c>
      <c r="H4002" t="s">
        <v>81</v>
      </c>
      <c r="I4002" s="2">
        <v>0</v>
      </c>
      <c r="J4002" s="2">
        <v>0</v>
      </c>
      <c r="K4002" s="2">
        <v>1</v>
      </c>
      <c r="L4002" t="s">
        <v>995</v>
      </c>
      <c r="M4002" t="s">
        <v>83</v>
      </c>
      <c r="N4002" t="s">
        <v>84</v>
      </c>
      <c r="O4002" t="s">
        <v>85</v>
      </c>
      <c r="P4002" t="s">
        <v>86</v>
      </c>
      <c r="Q4002">
        <v>45</v>
      </c>
      <c r="R4002">
        <v>45</v>
      </c>
      <c r="S4002">
        <v>46</v>
      </c>
      <c r="T4002">
        <v>46</v>
      </c>
      <c r="U4002">
        <v>46</v>
      </c>
      <c r="V4002">
        <v>46</v>
      </c>
      <c r="W4002">
        <v>46</v>
      </c>
      <c r="X4002">
        <v>46</v>
      </c>
      <c r="Y4002">
        <v>46</v>
      </c>
      <c r="Z4002">
        <v>46</v>
      </c>
      <c r="AA4002">
        <v>46</v>
      </c>
      <c r="AB4002">
        <v>46</v>
      </c>
      <c r="AC4002">
        <v>46</v>
      </c>
      <c r="AD4002">
        <v>46</v>
      </c>
      <c r="AE4002">
        <v>46</v>
      </c>
      <c r="AF4002">
        <v>46</v>
      </c>
      <c r="AG4002">
        <v>46</v>
      </c>
      <c r="AH4002">
        <v>46</v>
      </c>
      <c r="AI4002">
        <v>46</v>
      </c>
      <c r="AJ4002">
        <v>46</v>
      </c>
      <c r="AK4002">
        <v>46</v>
      </c>
      <c r="AL4002">
        <v>45</v>
      </c>
      <c r="AM4002">
        <v>45</v>
      </c>
      <c r="AN4002">
        <v>44</v>
      </c>
      <c r="AO4002">
        <v>44</v>
      </c>
      <c r="AP4002">
        <v>43</v>
      </c>
      <c r="AQ4002">
        <v>43</v>
      </c>
    </row>
    <row r="4003" spans="1:43">
      <c r="A4003" t="s">
        <v>2534</v>
      </c>
      <c r="B4003" t="s">
        <v>2535</v>
      </c>
      <c r="C4003" t="s">
        <v>2528</v>
      </c>
      <c r="D4003" t="s">
        <v>2529</v>
      </c>
      <c r="E4003" t="s">
        <v>2352</v>
      </c>
      <c r="F4003" t="s">
        <v>2353</v>
      </c>
      <c r="G4003" t="s">
        <v>80</v>
      </c>
      <c r="H4003" t="s">
        <v>81</v>
      </c>
      <c r="I4003" s="2">
        <v>0</v>
      </c>
      <c r="J4003" s="2">
        <v>0</v>
      </c>
      <c r="K4003" s="2">
        <v>1</v>
      </c>
      <c r="L4003" t="s">
        <v>995</v>
      </c>
      <c r="M4003" t="s">
        <v>87</v>
      </c>
      <c r="N4003" t="s">
        <v>88</v>
      </c>
      <c r="O4003" t="s">
        <v>85</v>
      </c>
      <c r="P4003" t="s">
        <v>86</v>
      </c>
      <c r="Q4003">
        <v>45</v>
      </c>
      <c r="R4003">
        <v>45</v>
      </c>
      <c r="S4003">
        <v>44</v>
      </c>
      <c r="T4003">
        <v>44</v>
      </c>
      <c r="U4003">
        <v>44</v>
      </c>
      <c r="V4003">
        <v>43</v>
      </c>
      <c r="W4003">
        <v>43</v>
      </c>
      <c r="X4003">
        <v>43</v>
      </c>
      <c r="Y4003">
        <v>42</v>
      </c>
      <c r="Z4003">
        <v>42</v>
      </c>
      <c r="AA4003">
        <v>42</v>
      </c>
      <c r="AB4003">
        <v>42</v>
      </c>
      <c r="AC4003">
        <v>41</v>
      </c>
      <c r="AD4003">
        <v>41</v>
      </c>
      <c r="AE4003">
        <v>41</v>
      </c>
      <c r="AF4003">
        <v>40</v>
      </c>
      <c r="AG4003">
        <v>40</v>
      </c>
      <c r="AH4003">
        <v>40</v>
      </c>
      <c r="AI4003">
        <v>40</v>
      </c>
      <c r="AJ4003">
        <v>39</v>
      </c>
      <c r="AK4003">
        <v>39</v>
      </c>
      <c r="AL4003">
        <v>39</v>
      </c>
      <c r="AM4003">
        <v>38</v>
      </c>
      <c r="AN4003">
        <v>38</v>
      </c>
      <c r="AO4003">
        <v>38</v>
      </c>
      <c r="AP4003">
        <v>38</v>
      </c>
      <c r="AQ4003">
        <v>37</v>
      </c>
    </row>
    <row r="4004" spans="1:43">
      <c r="A4004" t="s">
        <v>2534</v>
      </c>
      <c r="B4004" t="s">
        <v>2535</v>
      </c>
      <c r="C4004" t="s">
        <v>2528</v>
      </c>
      <c r="D4004" t="s">
        <v>2529</v>
      </c>
      <c r="E4004" t="s">
        <v>2352</v>
      </c>
      <c r="F4004" t="s">
        <v>2353</v>
      </c>
      <c r="G4004" t="s">
        <v>80</v>
      </c>
      <c r="H4004" t="s">
        <v>81</v>
      </c>
      <c r="I4004" s="2">
        <v>0</v>
      </c>
      <c r="J4004" s="2">
        <v>0</v>
      </c>
      <c r="K4004" s="2">
        <v>1</v>
      </c>
      <c r="L4004" t="s">
        <v>995</v>
      </c>
      <c r="M4004" t="s">
        <v>89</v>
      </c>
      <c r="N4004" t="s">
        <v>90</v>
      </c>
      <c r="O4004" t="s">
        <v>85</v>
      </c>
      <c r="P4004" t="s">
        <v>86</v>
      </c>
      <c r="Q4004">
        <v>45</v>
      </c>
      <c r="R4004">
        <v>45</v>
      </c>
      <c r="S4004">
        <v>46</v>
      </c>
      <c r="T4004">
        <v>46</v>
      </c>
      <c r="U4004">
        <v>47</v>
      </c>
      <c r="V4004">
        <v>47</v>
      </c>
      <c r="W4004">
        <v>47</v>
      </c>
      <c r="X4004">
        <v>47</v>
      </c>
      <c r="Y4004">
        <v>48</v>
      </c>
      <c r="Z4004">
        <v>48</v>
      </c>
      <c r="AA4004">
        <v>48</v>
      </c>
      <c r="AB4004">
        <v>48</v>
      </c>
      <c r="AC4004">
        <v>48</v>
      </c>
      <c r="AD4004">
        <v>48</v>
      </c>
      <c r="AE4004">
        <v>48</v>
      </c>
      <c r="AF4004">
        <v>48</v>
      </c>
      <c r="AG4004">
        <v>47</v>
      </c>
      <c r="AH4004">
        <v>46</v>
      </c>
      <c r="AI4004">
        <v>46</v>
      </c>
      <c r="AJ4004">
        <v>45</v>
      </c>
      <c r="AK4004">
        <v>45</v>
      </c>
      <c r="AL4004">
        <v>44</v>
      </c>
      <c r="AM4004">
        <v>44</v>
      </c>
      <c r="AN4004">
        <v>43</v>
      </c>
      <c r="AO4004">
        <v>43</v>
      </c>
      <c r="AP4004">
        <v>42</v>
      </c>
      <c r="AQ4004">
        <v>42</v>
      </c>
    </row>
    <row r="4005" spans="1:43">
      <c r="A4005" t="s">
        <v>2534</v>
      </c>
      <c r="B4005" t="s">
        <v>2535</v>
      </c>
      <c r="C4005" t="s">
        <v>2528</v>
      </c>
      <c r="D4005" t="s">
        <v>2529</v>
      </c>
      <c r="E4005" t="s">
        <v>2352</v>
      </c>
      <c r="F4005" t="s">
        <v>2353</v>
      </c>
      <c r="G4005" t="s">
        <v>80</v>
      </c>
      <c r="H4005" t="s">
        <v>81</v>
      </c>
      <c r="I4005" s="2">
        <v>0</v>
      </c>
      <c r="J4005" s="2">
        <v>0</v>
      </c>
      <c r="K4005" s="2">
        <v>1</v>
      </c>
      <c r="L4005" t="s">
        <v>995</v>
      </c>
      <c r="M4005" t="s">
        <v>83</v>
      </c>
      <c r="N4005" t="s">
        <v>91</v>
      </c>
      <c r="O4005" t="s">
        <v>85</v>
      </c>
      <c r="P4005" t="s">
        <v>86</v>
      </c>
      <c r="Q4005">
        <v>45</v>
      </c>
      <c r="R4005">
        <v>45</v>
      </c>
      <c r="S4005">
        <v>46</v>
      </c>
      <c r="T4005">
        <v>46</v>
      </c>
      <c r="U4005">
        <v>46</v>
      </c>
      <c r="V4005">
        <v>46</v>
      </c>
      <c r="W4005">
        <v>46</v>
      </c>
      <c r="X4005">
        <v>46</v>
      </c>
      <c r="Y4005">
        <v>46</v>
      </c>
      <c r="Z4005">
        <v>46</v>
      </c>
      <c r="AA4005">
        <v>46</v>
      </c>
      <c r="AB4005">
        <v>46</v>
      </c>
      <c r="AC4005">
        <v>46</v>
      </c>
      <c r="AD4005">
        <v>46</v>
      </c>
      <c r="AE4005">
        <v>46</v>
      </c>
      <c r="AF4005">
        <v>46</v>
      </c>
      <c r="AG4005">
        <v>46</v>
      </c>
      <c r="AH4005">
        <v>46</v>
      </c>
      <c r="AI4005">
        <v>46</v>
      </c>
      <c r="AJ4005">
        <v>46</v>
      </c>
      <c r="AK4005">
        <v>46</v>
      </c>
      <c r="AL4005">
        <v>45</v>
      </c>
      <c r="AM4005">
        <v>45</v>
      </c>
      <c r="AN4005">
        <v>44</v>
      </c>
      <c r="AO4005">
        <v>44</v>
      </c>
      <c r="AP4005">
        <v>43</v>
      </c>
      <c r="AQ4005">
        <v>43</v>
      </c>
    </row>
    <row r="4006" spans="1:43">
      <c r="A4006" t="s">
        <v>2536</v>
      </c>
      <c r="B4006" t="s">
        <v>2537</v>
      </c>
      <c r="C4006" t="s">
        <v>2528</v>
      </c>
      <c r="D4006" t="s">
        <v>2529</v>
      </c>
      <c r="E4006" t="s">
        <v>2352</v>
      </c>
      <c r="F4006" t="s">
        <v>2353</v>
      </c>
      <c r="G4006" t="s">
        <v>80</v>
      </c>
      <c r="H4006" t="s">
        <v>81</v>
      </c>
      <c r="I4006" s="2">
        <v>0</v>
      </c>
      <c r="J4006" s="2">
        <v>0</v>
      </c>
      <c r="K4006" s="2">
        <v>1</v>
      </c>
      <c r="L4006" t="s">
        <v>995</v>
      </c>
      <c r="M4006" t="s">
        <v>83</v>
      </c>
      <c r="N4006" t="s">
        <v>84</v>
      </c>
      <c r="O4006" t="s">
        <v>85</v>
      </c>
      <c r="P4006" t="s">
        <v>86</v>
      </c>
      <c r="Q4006">
        <v>27</v>
      </c>
      <c r="R4006">
        <v>27</v>
      </c>
      <c r="S4006">
        <v>27</v>
      </c>
      <c r="T4006">
        <v>27</v>
      </c>
      <c r="U4006">
        <v>27</v>
      </c>
      <c r="V4006">
        <v>27</v>
      </c>
      <c r="W4006">
        <v>27</v>
      </c>
      <c r="X4006">
        <v>27</v>
      </c>
      <c r="Y4006">
        <v>27</v>
      </c>
      <c r="Z4006">
        <v>27</v>
      </c>
      <c r="AA4006">
        <v>27</v>
      </c>
      <c r="AB4006">
        <v>27</v>
      </c>
      <c r="AC4006">
        <v>27</v>
      </c>
      <c r="AD4006">
        <v>27</v>
      </c>
      <c r="AE4006">
        <v>27</v>
      </c>
      <c r="AF4006">
        <v>27</v>
      </c>
      <c r="AG4006">
        <v>27</v>
      </c>
      <c r="AH4006">
        <v>27</v>
      </c>
      <c r="AI4006">
        <v>27</v>
      </c>
      <c r="AJ4006">
        <v>27</v>
      </c>
      <c r="AK4006">
        <v>27</v>
      </c>
      <c r="AL4006">
        <v>27</v>
      </c>
      <c r="AM4006">
        <v>26</v>
      </c>
      <c r="AN4006">
        <v>26</v>
      </c>
      <c r="AO4006">
        <v>26</v>
      </c>
      <c r="AP4006">
        <v>25</v>
      </c>
      <c r="AQ4006">
        <v>25</v>
      </c>
    </row>
    <row r="4007" spans="1:43">
      <c r="A4007" t="s">
        <v>2536</v>
      </c>
      <c r="B4007" t="s">
        <v>2537</v>
      </c>
      <c r="C4007" t="s">
        <v>2528</v>
      </c>
      <c r="D4007" t="s">
        <v>2529</v>
      </c>
      <c r="E4007" t="s">
        <v>2352</v>
      </c>
      <c r="F4007" t="s">
        <v>2353</v>
      </c>
      <c r="G4007" t="s">
        <v>80</v>
      </c>
      <c r="H4007" t="s">
        <v>81</v>
      </c>
      <c r="I4007" s="2">
        <v>0</v>
      </c>
      <c r="J4007" s="2">
        <v>0</v>
      </c>
      <c r="K4007" s="2">
        <v>1</v>
      </c>
      <c r="L4007" t="s">
        <v>995</v>
      </c>
      <c r="M4007" t="s">
        <v>87</v>
      </c>
      <c r="N4007" t="s">
        <v>88</v>
      </c>
      <c r="O4007" t="s">
        <v>85</v>
      </c>
      <c r="P4007" t="s">
        <v>86</v>
      </c>
      <c r="Q4007">
        <v>27</v>
      </c>
      <c r="R4007">
        <v>27</v>
      </c>
      <c r="S4007">
        <v>27</v>
      </c>
      <c r="T4007">
        <v>27</v>
      </c>
      <c r="U4007">
        <v>27</v>
      </c>
      <c r="V4007">
        <v>26</v>
      </c>
      <c r="W4007">
        <v>26</v>
      </c>
      <c r="X4007">
        <v>26</v>
      </c>
      <c r="Y4007">
        <v>26</v>
      </c>
      <c r="Z4007">
        <v>26</v>
      </c>
      <c r="AA4007">
        <v>26</v>
      </c>
      <c r="AB4007">
        <v>25</v>
      </c>
      <c r="AC4007">
        <v>25</v>
      </c>
      <c r="AD4007">
        <v>25</v>
      </c>
      <c r="AE4007">
        <v>25</v>
      </c>
      <c r="AF4007">
        <v>25</v>
      </c>
      <c r="AG4007">
        <v>25</v>
      </c>
      <c r="AH4007">
        <v>24</v>
      </c>
      <c r="AI4007">
        <v>24</v>
      </c>
      <c r="AJ4007">
        <v>24</v>
      </c>
      <c r="AK4007">
        <v>24</v>
      </c>
      <c r="AL4007">
        <v>24</v>
      </c>
      <c r="AM4007">
        <v>24</v>
      </c>
      <c r="AN4007">
        <v>23</v>
      </c>
      <c r="AO4007">
        <v>23</v>
      </c>
      <c r="AP4007">
        <v>23</v>
      </c>
      <c r="AQ4007">
        <v>23</v>
      </c>
    </row>
    <row r="4008" spans="1:43">
      <c r="A4008" t="s">
        <v>2536</v>
      </c>
      <c r="B4008" t="s">
        <v>2537</v>
      </c>
      <c r="C4008" t="s">
        <v>2528</v>
      </c>
      <c r="D4008" t="s">
        <v>2529</v>
      </c>
      <c r="E4008" t="s">
        <v>2352</v>
      </c>
      <c r="F4008" t="s">
        <v>2353</v>
      </c>
      <c r="G4008" t="s">
        <v>80</v>
      </c>
      <c r="H4008" t="s">
        <v>81</v>
      </c>
      <c r="I4008" s="2">
        <v>0</v>
      </c>
      <c r="J4008" s="2">
        <v>0</v>
      </c>
      <c r="K4008" s="2">
        <v>1</v>
      </c>
      <c r="L4008" t="s">
        <v>995</v>
      </c>
      <c r="M4008" t="s">
        <v>89</v>
      </c>
      <c r="N4008" t="s">
        <v>90</v>
      </c>
      <c r="O4008" t="s">
        <v>85</v>
      </c>
      <c r="P4008" t="s">
        <v>86</v>
      </c>
      <c r="Q4008">
        <v>27</v>
      </c>
      <c r="R4008">
        <v>27</v>
      </c>
      <c r="S4008">
        <v>27</v>
      </c>
      <c r="T4008">
        <v>28</v>
      </c>
      <c r="U4008">
        <v>28</v>
      </c>
      <c r="V4008">
        <v>28</v>
      </c>
      <c r="W4008">
        <v>28</v>
      </c>
      <c r="X4008">
        <v>28</v>
      </c>
      <c r="Y4008">
        <v>29</v>
      </c>
      <c r="Z4008">
        <v>29</v>
      </c>
      <c r="AA4008">
        <v>29</v>
      </c>
      <c r="AB4008">
        <v>29</v>
      </c>
      <c r="AC4008">
        <v>29</v>
      </c>
      <c r="AD4008">
        <v>29</v>
      </c>
      <c r="AE4008">
        <v>29</v>
      </c>
      <c r="AF4008">
        <v>29</v>
      </c>
      <c r="AG4008">
        <v>28</v>
      </c>
      <c r="AH4008">
        <v>28</v>
      </c>
      <c r="AI4008">
        <v>28</v>
      </c>
      <c r="AJ4008">
        <v>27</v>
      </c>
      <c r="AK4008">
        <v>27</v>
      </c>
      <c r="AL4008">
        <v>27</v>
      </c>
      <c r="AM4008">
        <v>26</v>
      </c>
      <c r="AN4008">
        <v>26</v>
      </c>
      <c r="AO4008">
        <v>26</v>
      </c>
      <c r="AP4008">
        <v>26</v>
      </c>
      <c r="AQ4008">
        <v>25</v>
      </c>
    </row>
    <row r="4009" spans="1:43">
      <c r="A4009" t="s">
        <v>2536</v>
      </c>
      <c r="B4009" t="s">
        <v>2537</v>
      </c>
      <c r="C4009" t="s">
        <v>2528</v>
      </c>
      <c r="D4009" t="s">
        <v>2529</v>
      </c>
      <c r="E4009" t="s">
        <v>2352</v>
      </c>
      <c r="F4009" t="s">
        <v>2353</v>
      </c>
      <c r="G4009" t="s">
        <v>80</v>
      </c>
      <c r="H4009" t="s">
        <v>81</v>
      </c>
      <c r="I4009" s="2">
        <v>0</v>
      </c>
      <c r="J4009" s="2">
        <v>0</v>
      </c>
      <c r="K4009" s="2">
        <v>1</v>
      </c>
      <c r="L4009" t="s">
        <v>995</v>
      </c>
      <c r="M4009" t="s">
        <v>83</v>
      </c>
      <c r="N4009" t="s">
        <v>91</v>
      </c>
      <c r="O4009" t="s">
        <v>85</v>
      </c>
      <c r="P4009" t="s">
        <v>86</v>
      </c>
      <c r="Q4009">
        <v>27</v>
      </c>
      <c r="R4009">
        <v>27</v>
      </c>
      <c r="S4009">
        <v>27</v>
      </c>
      <c r="T4009">
        <v>27</v>
      </c>
      <c r="U4009">
        <v>27</v>
      </c>
      <c r="V4009">
        <v>27</v>
      </c>
      <c r="W4009">
        <v>27</v>
      </c>
      <c r="X4009">
        <v>27</v>
      </c>
      <c r="Y4009">
        <v>27</v>
      </c>
      <c r="Z4009">
        <v>27</v>
      </c>
      <c r="AA4009">
        <v>27</v>
      </c>
      <c r="AB4009">
        <v>27</v>
      </c>
      <c r="AC4009">
        <v>27</v>
      </c>
      <c r="AD4009">
        <v>27</v>
      </c>
      <c r="AE4009">
        <v>27</v>
      </c>
      <c r="AF4009">
        <v>27</v>
      </c>
      <c r="AG4009">
        <v>27</v>
      </c>
      <c r="AH4009">
        <v>27</v>
      </c>
      <c r="AI4009">
        <v>27</v>
      </c>
      <c r="AJ4009">
        <v>27</v>
      </c>
      <c r="AK4009">
        <v>27</v>
      </c>
      <c r="AL4009">
        <v>27</v>
      </c>
      <c r="AM4009">
        <v>26</v>
      </c>
      <c r="AN4009">
        <v>26</v>
      </c>
      <c r="AO4009">
        <v>26</v>
      </c>
      <c r="AP4009">
        <v>25</v>
      </c>
      <c r="AQ4009">
        <v>25</v>
      </c>
    </row>
    <row r="4010" spans="1:43">
      <c r="A4010" t="s">
        <v>2538</v>
      </c>
      <c r="B4010" t="s">
        <v>2539</v>
      </c>
      <c r="C4010" t="s">
        <v>2540</v>
      </c>
      <c r="D4010" t="s">
        <v>2541</v>
      </c>
      <c r="E4010" t="s">
        <v>2352</v>
      </c>
      <c r="F4010" t="s">
        <v>2353</v>
      </c>
      <c r="G4010" t="s">
        <v>80</v>
      </c>
      <c r="H4010" t="s">
        <v>81</v>
      </c>
      <c r="I4010" s="2">
        <v>0</v>
      </c>
      <c r="J4010" s="2">
        <v>0</v>
      </c>
      <c r="K4010" s="2">
        <v>1</v>
      </c>
      <c r="L4010" t="s">
        <v>995</v>
      </c>
      <c r="M4010" t="s">
        <v>83</v>
      </c>
      <c r="N4010" t="s">
        <v>84</v>
      </c>
      <c r="O4010" t="s">
        <v>85</v>
      </c>
      <c r="P4010" t="s">
        <v>86</v>
      </c>
      <c r="Q4010">
        <v>15</v>
      </c>
      <c r="R4010">
        <v>15</v>
      </c>
      <c r="S4010">
        <v>15</v>
      </c>
      <c r="T4010">
        <v>15</v>
      </c>
      <c r="U4010">
        <v>15</v>
      </c>
      <c r="V4010">
        <v>15</v>
      </c>
      <c r="W4010">
        <v>15</v>
      </c>
      <c r="X4010">
        <v>15</v>
      </c>
      <c r="Y4010">
        <v>15</v>
      </c>
      <c r="Z4010">
        <v>15</v>
      </c>
      <c r="AA4010">
        <v>15</v>
      </c>
      <c r="AB4010">
        <v>15</v>
      </c>
      <c r="AC4010">
        <v>15</v>
      </c>
      <c r="AD4010">
        <v>15</v>
      </c>
      <c r="AE4010">
        <v>15</v>
      </c>
      <c r="AF4010">
        <v>15</v>
      </c>
      <c r="AG4010">
        <v>15</v>
      </c>
      <c r="AH4010">
        <v>15</v>
      </c>
      <c r="AI4010">
        <v>15</v>
      </c>
      <c r="AJ4010">
        <v>15</v>
      </c>
      <c r="AK4010">
        <v>15</v>
      </c>
      <c r="AL4010">
        <v>15</v>
      </c>
      <c r="AM4010">
        <v>15</v>
      </c>
      <c r="AN4010">
        <v>15</v>
      </c>
      <c r="AO4010">
        <v>15</v>
      </c>
      <c r="AP4010">
        <v>15</v>
      </c>
      <c r="AQ4010">
        <v>14</v>
      </c>
    </row>
    <row r="4011" spans="1:43">
      <c r="A4011" t="s">
        <v>2538</v>
      </c>
      <c r="B4011" t="s">
        <v>2539</v>
      </c>
      <c r="C4011" t="s">
        <v>2540</v>
      </c>
      <c r="D4011" t="s">
        <v>2541</v>
      </c>
      <c r="E4011" t="s">
        <v>2352</v>
      </c>
      <c r="F4011" t="s">
        <v>2353</v>
      </c>
      <c r="G4011" t="s">
        <v>80</v>
      </c>
      <c r="H4011" t="s">
        <v>81</v>
      </c>
      <c r="I4011" s="2">
        <v>0</v>
      </c>
      <c r="J4011" s="2">
        <v>0</v>
      </c>
      <c r="K4011" s="2">
        <v>1</v>
      </c>
      <c r="L4011" t="s">
        <v>995</v>
      </c>
      <c r="M4011" t="s">
        <v>87</v>
      </c>
      <c r="N4011" t="s">
        <v>88</v>
      </c>
      <c r="O4011" t="s">
        <v>85</v>
      </c>
      <c r="P4011" t="s">
        <v>86</v>
      </c>
      <c r="Q4011">
        <v>15</v>
      </c>
      <c r="R4011">
        <v>15</v>
      </c>
      <c r="S4011">
        <v>15</v>
      </c>
      <c r="T4011">
        <v>15</v>
      </c>
      <c r="U4011">
        <v>14</v>
      </c>
      <c r="V4011">
        <v>14</v>
      </c>
      <c r="W4011">
        <v>14</v>
      </c>
      <c r="X4011">
        <v>14</v>
      </c>
      <c r="Y4011">
        <v>14</v>
      </c>
      <c r="Z4011">
        <v>14</v>
      </c>
      <c r="AA4011">
        <v>14</v>
      </c>
      <c r="AB4011">
        <v>14</v>
      </c>
      <c r="AC4011">
        <v>14</v>
      </c>
      <c r="AD4011">
        <v>14</v>
      </c>
      <c r="AE4011">
        <v>14</v>
      </c>
      <c r="AF4011">
        <v>13</v>
      </c>
      <c r="AG4011">
        <v>13</v>
      </c>
      <c r="AH4011">
        <v>13</v>
      </c>
      <c r="AI4011">
        <v>13</v>
      </c>
      <c r="AJ4011">
        <v>13</v>
      </c>
      <c r="AK4011">
        <v>13</v>
      </c>
      <c r="AL4011">
        <v>13</v>
      </c>
      <c r="AM4011">
        <v>13</v>
      </c>
      <c r="AN4011">
        <v>13</v>
      </c>
      <c r="AO4011">
        <v>13</v>
      </c>
      <c r="AP4011">
        <v>13</v>
      </c>
      <c r="AQ4011">
        <v>13</v>
      </c>
    </row>
    <row r="4012" spans="1:43">
      <c r="A4012" t="s">
        <v>2538</v>
      </c>
      <c r="B4012" t="s">
        <v>2539</v>
      </c>
      <c r="C4012" t="s">
        <v>2540</v>
      </c>
      <c r="D4012" t="s">
        <v>2541</v>
      </c>
      <c r="E4012" t="s">
        <v>2352</v>
      </c>
      <c r="F4012" t="s">
        <v>2353</v>
      </c>
      <c r="G4012" t="s">
        <v>80</v>
      </c>
      <c r="H4012" t="s">
        <v>81</v>
      </c>
      <c r="I4012" s="2">
        <v>0</v>
      </c>
      <c r="J4012" s="2">
        <v>0</v>
      </c>
      <c r="K4012" s="2">
        <v>1</v>
      </c>
      <c r="L4012" t="s">
        <v>995</v>
      </c>
      <c r="M4012" t="s">
        <v>89</v>
      </c>
      <c r="N4012" t="s">
        <v>90</v>
      </c>
      <c r="O4012" t="s">
        <v>85</v>
      </c>
      <c r="P4012" t="s">
        <v>86</v>
      </c>
      <c r="Q4012">
        <v>15</v>
      </c>
      <c r="R4012">
        <v>15</v>
      </c>
      <c r="S4012">
        <v>15</v>
      </c>
      <c r="T4012">
        <v>16</v>
      </c>
      <c r="U4012">
        <v>16</v>
      </c>
      <c r="V4012">
        <v>16</v>
      </c>
      <c r="W4012">
        <v>16</v>
      </c>
      <c r="X4012">
        <v>16</v>
      </c>
      <c r="Y4012">
        <v>16</v>
      </c>
      <c r="Z4012">
        <v>16</v>
      </c>
      <c r="AA4012">
        <v>16</v>
      </c>
      <c r="AB4012">
        <v>16</v>
      </c>
      <c r="AC4012">
        <v>16</v>
      </c>
      <c r="AD4012">
        <v>16</v>
      </c>
      <c r="AE4012">
        <v>16</v>
      </c>
      <c r="AF4012">
        <v>16</v>
      </c>
      <c r="AG4012">
        <v>16</v>
      </c>
      <c r="AH4012">
        <v>16</v>
      </c>
      <c r="AI4012">
        <v>16</v>
      </c>
      <c r="AJ4012">
        <v>16</v>
      </c>
      <c r="AK4012">
        <v>15</v>
      </c>
      <c r="AL4012">
        <v>15</v>
      </c>
      <c r="AM4012">
        <v>15</v>
      </c>
      <c r="AN4012">
        <v>15</v>
      </c>
      <c r="AO4012">
        <v>15</v>
      </c>
      <c r="AP4012">
        <v>15</v>
      </c>
      <c r="AQ4012">
        <v>15</v>
      </c>
    </row>
    <row r="4013" spans="1:43">
      <c r="A4013" t="s">
        <v>2538</v>
      </c>
      <c r="B4013" t="s">
        <v>2539</v>
      </c>
      <c r="C4013" t="s">
        <v>2540</v>
      </c>
      <c r="D4013" t="s">
        <v>2541</v>
      </c>
      <c r="E4013" t="s">
        <v>2352</v>
      </c>
      <c r="F4013" t="s">
        <v>2353</v>
      </c>
      <c r="G4013" t="s">
        <v>80</v>
      </c>
      <c r="H4013" t="s">
        <v>81</v>
      </c>
      <c r="I4013" s="2">
        <v>0</v>
      </c>
      <c r="J4013" s="2">
        <v>0</v>
      </c>
      <c r="K4013" s="2">
        <v>1</v>
      </c>
      <c r="L4013" t="s">
        <v>995</v>
      </c>
      <c r="M4013" t="s">
        <v>83</v>
      </c>
      <c r="N4013" t="s">
        <v>91</v>
      </c>
      <c r="O4013" t="s">
        <v>85</v>
      </c>
      <c r="P4013" t="s">
        <v>86</v>
      </c>
      <c r="Q4013">
        <v>15</v>
      </c>
      <c r="R4013">
        <v>15</v>
      </c>
      <c r="S4013">
        <v>15</v>
      </c>
      <c r="T4013">
        <v>15</v>
      </c>
      <c r="U4013">
        <v>15</v>
      </c>
      <c r="V4013">
        <v>15</v>
      </c>
      <c r="W4013">
        <v>15</v>
      </c>
      <c r="X4013">
        <v>15</v>
      </c>
      <c r="Y4013">
        <v>15</v>
      </c>
      <c r="Z4013">
        <v>15</v>
      </c>
      <c r="AA4013">
        <v>15</v>
      </c>
      <c r="AB4013">
        <v>15</v>
      </c>
      <c r="AC4013">
        <v>15</v>
      </c>
      <c r="AD4013">
        <v>15</v>
      </c>
      <c r="AE4013">
        <v>15</v>
      </c>
      <c r="AF4013">
        <v>15</v>
      </c>
      <c r="AG4013">
        <v>15</v>
      </c>
      <c r="AH4013">
        <v>15</v>
      </c>
      <c r="AI4013">
        <v>15</v>
      </c>
      <c r="AJ4013">
        <v>15</v>
      </c>
      <c r="AK4013">
        <v>15</v>
      </c>
      <c r="AL4013">
        <v>15</v>
      </c>
      <c r="AM4013">
        <v>15</v>
      </c>
      <c r="AN4013">
        <v>15</v>
      </c>
      <c r="AO4013">
        <v>15</v>
      </c>
      <c r="AP4013">
        <v>15</v>
      </c>
      <c r="AQ4013">
        <v>14</v>
      </c>
    </row>
    <row r="4014" spans="1:43">
      <c r="A4014" t="s">
        <v>2542</v>
      </c>
      <c r="B4014" t="s">
        <v>2543</v>
      </c>
      <c r="C4014" t="s">
        <v>2540</v>
      </c>
      <c r="D4014" t="s">
        <v>2541</v>
      </c>
      <c r="E4014" t="s">
        <v>2352</v>
      </c>
      <c r="F4014" t="s">
        <v>2353</v>
      </c>
      <c r="G4014" t="s">
        <v>80</v>
      </c>
      <c r="H4014" t="s">
        <v>81</v>
      </c>
      <c r="I4014" s="2">
        <v>0</v>
      </c>
      <c r="J4014" s="2">
        <v>0</v>
      </c>
      <c r="K4014" s="2">
        <v>1</v>
      </c>
      <c r="L4014" t="s">
        <v>995</v>
      </c>
      <c r="M4014" t="s">
        <v>83</v>
      </c>
      <c r="N4014" t="s">
        <v>84</v>
      </c>
      <c r="O4014" t="s">
        <v>85</v>
      </c>
      <c r="P4014" t="s">
        <v>86</v>
      </c>
      <c r="Q4014">
        <v>10</v>
      </c>
      <c r="R4014">
        <v>10</v>
      </c>
      <c r="S4014">
        <v>10</v>
      </c>
      <c r="T4014">
        <v>10</v>
      </c>
      <c r="U4014">
        <v>10</v>
      </c>
      <c r="V4014">
        <v>10</v>
      </c>
      <c r="W4014">
        <v>10</v>
      </c>
      <c r="X4014">
        <v>10</v>
      </c>
      <c r="Y4014">
        <v>10</v>
      </c>
      <c r="Z4014">
        <v>10</v>
      </c>
      <c r="AA4014">
        <v>10</v>
      </c>
      <c r="AB4014">
        <v>10</v>
      </c>
      <c r="AC4014">
        <v>10</v>
      </c>
      <c r="AD4014">
        <v>10</v>
      </c>
      <c r="AE4014">
        <v>10</v>
      </c>
      <c r="AF4014">
        <v>10</v>
      </c>
      <c r="AG4014">
        <v>10</v>
      </c>
      <c r="AH4014">
        <v>10</v>
      </c>
      <c r="AI4014">
        <v>10</v>
      </c>
      <c r="AJ4014">
        <v>10</v>
      </c>
      <c r="AK4014">
        <v>10</v>
      </c>
      <c r="AL4014">
        <v>10</v>
      </c>
      <c r="AM4014">
        <v>10</v>
      </c>
      <c r="AN4014">
        <v>10</v>
      </c>
      <c r="AO4014">
        <v>9</v>
      </c>
      <c r="AP4014">
        <v>9</v>
      </c>
      <c r="AQ4014">
        <v>9</v>
      </c>
    </row>
    <row r="4015" spans="1:43">
      <c r="A4015" t="s">
        <v>2542</v>
      </c>
      <c r="B4015" t="s">
        <v>2543</v>
      </c>
      <c r="C4015" t="s">
        <v>2540</v>
      </c>
      <c r="D4015" t="s">
        <v>2541</v>
      </c>
      <c r="E4015" t="s">
        <v>2352</v>
      </c>
      <c r="F4015" t="s">
        <v>2353</v>
      </c>
      <c r="G4015" t="s">
        <v>80</v>
      </c>
      <c r="H4015" t="s">
        <v>81</v>
      </c>
      <c r="I4015" s="2">
        <v>0</v>
      </c>
      <c r="J4015" s="2">
        <v>0</v>
      </c>
      <c r="K4015" s="2">
        <v>1</v>
      </c>
      <c r="L4015" t="s">
        <v>995</v>
      </c>
      <c r="M4015" t="s">
        <v>87</v>
      </c>
      <c r="N4015" t="s">
        <v>88</v>
      </c>
      <c r="O4015" t="s">
        <v>85</v>
      </c>
      <c r="P4015" t="s">
        <v>86</v>
      </c>
      <c r="Q4015">
        <v>10</v>
      </c>
      <c r="R4015">
        <v>9</v>
      </c>
      <c r="S4015">
        <v>9</v>
      </c>
      <c r="T4015">
        <v>9</v>
      </c>
      <c r="U4015">
        <v>9</v>
      </c>
      <c r="V4015">
        <v>9</v>
      </c>
      <c r="W4015">
        <v>9</v>
      </c>
      <c r="X4015">
        <v>9</v>
      </c>
      <c r="Y4015">
        <v>9</v>
      </c>
      <c r="Z4015">
        <v>9</v>
      </c>
      <c r="AA4015">
        <v>9</v>
      </c>
      <c r="AB4015">
        <v>9</v>
      </c>
      <c r="AC4015">
        <v>9</v>
      </c>
      <c r="AD4015">
        <v>9</v>
      </c>
      <c r="AE4015">
        <v>9</v>
      </c>
      <c r="AF4015">
        <v>9</v>
      </c>
      <c r="AG4015">
        <v>9</v>
      </c>
      <c r="AH4015">
        <v>8</v>
      </c>
      <c r="AI4015">
        <v>8</v>
      </c>
      <c r="AJ4015">
        <v>8</v>
      </c>
      <c r="AK4015">
        <v>8</v>
      </c>
      <c r="AL4015">
        <v>8</v>
      </c>
      <c r="AM4015">
        <v>8</v>
      </c>
      <c r="AN4015">
        <v>8</v>
      </c>
      <c r="AO4015">
        <v>8</v>
      </c>
      <c r="AP4015">
        <v>8</v>
      </c>
      <c r="AQ4015">
        <v>8</v>
      </c>
    </row>
    <row r="4016" spans="1:43">
      <c r="A4016" t="s">
        <v>2542</v>
      </c>
      <c r="B4016" t="s">
        <v>2543</v>
      </c>
      <c r="C4016" t="s">
        <v>2540</v>
      </c>
      <c r="D4016" t="s">
        <v>2541</v>
      </c>
      <c r="E4016" t="s">
        <v>2352</v>
      </c>
      <c r="F4016" t="s">
        <v>2353</v>
      </c>
      <c r="G4016" t="s">
        <v>80</v>
      </c>
      <c r="H4016" t="s">
        <v>81</v>
      </c>
      <c r="I4016" s="2">
        <v>0</v>
      </c>
      <c r="J4016" s="2">
        <v>0</v>
      </c>
      <c r="K4016" s="2">
        <v>1</v>
      </c>
      <c r="L4016" t="s">
        <v>995</v>
      </c>
      <c r="M4016" t="s">
        <v>89</v>
      </c>
      <c r="N4016" t="s">
        <v>90</v>
      </c>
      <c r="O4016" t="s">
        <v>85</v>
      </c>
      <c r="P4016" t="s">
        <v>86</v>
      </c>
      <c r="Q4016">
        <v>10</v>
      </c>
      <c r="R4016">
        <v>10</v>
      </c>
      <c r="S4016">
        <v>10</v>
      </c>
      <c r="T4016">
        <v>10</v>
      </c>
      <c r="U4016">
        <v>10</v>
      </c>
      <c r="V4016">
        <v>10</v>
      </c>
      <c r="W4016">
        <v>10</v>
      </c>
      <c r="X4016">
        <v>10</v>
      </c>
      <c r="Y4016">
        <v>10</v>
      </c>
      <c r="Z4016">
        <v>10</v>
      </c>
      <c r="AA4016">
        <v>10</v>
      </c>
      <c r="AB4016">
        <v>10</v>
      </c>
      <c r="AC4016">
        <v>10</v>
      </c>
      <c r="AD4016">
        <v>11</v>
      </c>
      <c r="AE4016">
        <v>11</v>
      </c>
      <c r="AF4016">
        <v>10</v>
      </c>
      <c r="AG4016">
        <v>10</v>
      </c>
      <c r="AH4016">
        <v>10</v>
      </c>
      <c r="AI4016">
        <v>10</v>
      </c>
      <c r="AJ4016">
        <v>10</v>
      </c>
      <c r="AK4016">
        <v>10</v>
      </c>
      <c r="AL4016">
        <v>10</v>
      </c>
      <c r="AM4016">
        <v>10</v>
      </c>
      <c r="AN4016">
        <v>10</v>
      </c>
      <c r="AO4016">
        <v>10</v>
      </c>
      <c r="AP4016">
        <v>9</v>
      </c>
      <c r="AQ4016">
        <v>9</v>
      </c>
    </row>
    <row r="4017" spans="1:43">
      <c r="A4017" t="s">
        <v>2542</v>
      </c>
      <c r="B4017" t="s">
        <v>2543</v>
      </c>
      <c r="C4017" t="s">
        <v>2540</v>
      </c>
      <c r="D4017" t="s">
        <v>2541</v>
      </c>
      <c r="E4017" t="s">
        <v>2352</v>
      </c>
      <c r="F4017" t="s">
        <v>2353</v>
      </c>
      <c r="G4017" t="s">
        <v>80</v>
      </c>
      <c r="H4017" t="s">
        <v>81</v>
      </c>
      <c r="I4017" s="2">
        <v>0</v>
      </c>
      <c r="J4017" s="2">
        <v>0</v>
      </c>
      <c r="K4017" s="2">
        <v>1</v>
      </c>
      <c r="L4017" t="s">
        <v>995</v>
      </c>
      <c r="M4017" t="s">
        <v>83</v>
      </c>
      <c r="N4017" t="s">
        <v>91</v>
      </c>
      <c r="O4017" t="s">
        <v>85</v>
      </c>
      <c r="P4017" t="s">
        <v>86</v>
      </c>
      <c r="Q4017">
        <v>10</v>
      </c>
      <c r="R4017">
        <v>10</v>
      </c>
      <c r="S4017">
        <v>10</v>
      </c>
      <c r="T4017">
        <v>10</v>
      </c>
      <c r="U4017">
        <v>10</v>
      </c>
      <c r="V4017">
        <v>10</v>
      </c>
      <c r="W4017">
        <v>10</v>
      </c>
      <c r="X4017">
        <v>10</v>
      </c>
      <c r="Y4017">
        <v>10</v>
      </c>
      <c r="Z4017">
        <v>10</v>
      </c>
      <c r="AA4017">
        <v>10</v>
      </c>
      <c r="AB4017">
        <v>10</v>
      </c>
      <c r="AC4017">
        <v>10</v>
      </c>
      <c r="AD4017">
        <v>10</v>
      </c>
      <c r="AE4017">
        <v>10</v>
      </c>
      <c r="AF4017">
        <v>10</v>
      </c>
      <c r="AG4017">
        <v>10</v>
      </c>
      <c r="AH4017">
        <v>10</v>
      </c>
      <c r="AI4017">
        <v>10</v>
      </c>
      <c r="AJ4017">
        <v>10</v>
      </c>
      <c r="AK4017">
        <v>10</v>
      </c>
      <c r="AL4017">
        <v>10</v>
      </c>
      <c r="AM4017">
        <v>10</v>
      </c>
      <c r="AN4017">
        <v>10</v>
      </c>
      <c r="AO4017">
        <v>9</v>
      </c>
      <c r="AP4017">
        <v>9</v>
      </c>
      <c r="AQ4017">
        <v>9</v>
      </c>
    </row>
    <row r="4018" spans="1:43">
      <c r="A4018" t="s">
        <v>2544</v>
      </c>
      <c r="B4018" t="s">
        <v>2545</v>
      </c>
      <c r="C4018" t="s">
        <v>2546</v>
      </c>
      <c r="D4018" t="s">
        <v>2547</v>
      </c>
      <c r="E4018" t="s">
        <v>2352</v>
      </c>
      <c r="F4018" t="s">
        <v>2353</v>
      </c>
      <c r="G4018" t="s">
        <v>80</v>
      </c>
      <c r="H4018" t="s">
        <v>81</v>
      </c>
      <c r="I4018" s="2">
        <v>0</v>
      </c>
      <c r="J4018" s="2">
        <v>0</v>
      </c>
      <c r="K4018" s="2">
        <v>1</v>
      </c>
      <c r="L4018" t="s">
        <v>995</v>
      </c>
      <c r="M4018" t="s">
        <v>83</v>
      </c>
      <c r="N4018" t="s">
        <v>84</v>
      </c>
      <c r="O4018" t="s">
        <v>85</v>
      </c>
      <c r="P4018" t="s">
        <v>86</v>
      </c>
      <c r="Q4018">
        <v>5</v>
      </c>
      <c r="R4018">
        <v>5</v>
      </c>
      <c r="S4018">
        <v>5</v>
      </c>
      <c r="T4018">
        <v>5</v>
      </c>
      <c r="U4018">
        <v>5</v>
      </c>
      <c r="V4018">
        <v>5</v>
      </c>
      <c r="W4018">
        <v>5</v>
      </c>
      <c r="X4018">
        <v>5</v>
      </c>
      <c r="Y4018">
        <v>5</v>
      </c>
      <c r="Z4018">
        <v>5</v>
      </c>
      <c r="AA4018">
        <v>5</v>
      </c>
      <c r="AB4018">
        <v>5</v>
      </c>
      <c r="AC4018">
        <v>5</v>
      </c>
      <c r="AD4018">
        <v>5</v>
      </c>
      <c r="AE4018">
        <v>5</v>
      </c>
      <c r="AF4018">
        <v>5</v>
      </c>
      <c r="AG4018">
        <v>5</v>
      </c>
      <c r="AH4018">
        <v>5</v>
      </c>
      <c r="AI4018">
        <v>5</v>
      </c>
      <c r="AJ4018">
        <v>5</v>
      </c>
      <c r="AK4018">
        <v>5</v>
      </c>
      <c r="AL4018">
        <v>5</v>
      </c>
      <c r="AM4018">
        <v>5</v>
      </c>
      <c r="AN4018">
        <v>5</v>
      </c>
      <c r="AO4018">
        <v>5</v>
      </c>
      <c r="AP4018">
        <v>5</v>
      </c>
      <c r="AQ4018">
        <v>5</v>
      </c>
    </row>
    <row r="4019" spans="1:43">
      <c r="A4019" t="s">
        <v>2544</v>
      </c>
      <c r="B4019" t="s">
        <v>2545</v>
      </c>
      <c r="C4019" t="s">
        <v>2546</v>
      </c>
      <c r="D4019" t="s">
        <v>2547</v>
      </c>
      <c r="E4019" t="s">
        <v>2352</v>
      </c>
      <c r="F4019" t="s">
        <v>2353</v>
      </c>
      <c r="G4019" t="s">
        <v>80</v>
      </c>
      <c r="H4019" t="s">
        <v>81</v>
      </c>
      <c r="I4019" s="2">
        <v>0</v>
      </c>
      <c r="J4019" s="2">
        <v>0</v>
      </c>
      <c r="K4019" s="2">
        <v>1</v>
      </c>
      <c r="L4019" t="s">
        <v>995</v>
      </c>
      <c r="M4019" t="s">
        <v>87</v>
      </c>
      <c r="N4019" t="s">
        <v>88</v>
      </c>
      <c r="O4019" t="s">
        <v>85</v>
      </c>
      <c r="P4019" t="s">
        <v>86</v>
      </c>
      <c r="Q4019">
        <v>5</v>
      </c>
      <c r="R4019">
        <v>5</v>
      </c>
      <c r="S4019">
        <v>5</v>
      </c>
      <c r="T4019">
        <v>5</v>
      </c>
      <c r="U4019">
        <v>5</v>
      </c>
      <c r="V4019">
        <v>5</v>
      </c>
      <c r="W4019">
        <v>5</v>
      </c>
      <c r="X4019">
        <v>5</v>
      </c>
      <c r="Y4019">
        <v>5</v>
      </c>
      <c r="Z4019">
        <v>5</v>
      </c>
      <c r="AA4019">
        <v>5</v>
      </c>
      <c r="AB4019">
        <v>5</v>
      </c>
      <c r="AC4019">
        <v>5</v>
      </c>
      <c r="AD4019">
        <v>5</v>
      </c>
      <c r="AE4019">
        <v>5</v>
      </c>
      <c r="AF4019">
        <v>4</v>
      </c>
      <c r="AG4019">
        <v>4</v>
      </c>
      <c r="AH4019">
        <v>4</v>
      </c>
      <c r="AI4019">
        <v>4</v>
      </c>
      <c r="AJ4019">
        <v>4</v>
      </c>
      <c r="AK4019">
        <v>4</v>
      </c>
      <c r="AL4019">
        <v>4</v>
      </c>
      <c r="AM4019">
        <v>4</v>
      </c>
      <c r="AN4019">
        <v>4</v>
      </c>
      <c r="AO4019">
        <v>4</v>
      </c>
      <c r="AP4019">
        <v>4</v>
      </c>
      <c r="AQ4019">
        <v>4</v>
      </c>
    </row>
    <row r="4020" spans="1:43">
      <c r="A4020" t="s">
        <v>2544</v>
      </c>
      <c r="B4020" t="s">
        <v>2545</v>
      </c>
      <c r="C4020" t="s">
        <v>2546</v>
      </c>
      <c r="D4020" t="s">
        <v>2547</v>
      </c>
      <c r="E4020" t="s">
        <v>2352</v>
      </c>
      <c r="F4020" t="s">
        <v>2353</v>
      </c>
      <c r="G4020" t="s">
        <v>80</v>
      </c>
      <c r="H4020" t="s">
        <v>81</v>
      </c>
      <c r="I4020" s="2">
        <v>0</v>
      </c>
      <c r="J4020" s="2">
        <v>0</v>
      </c>
      <c r="K4020" s="2">
        <v>1</v>
      </c>
      <c r="L4020" t="s">
        <v>995</v>
      </c>
      <c r="M4020" t="s">
        <v>89</v>
      </c>
      <c r="N4020" t="s">
        <v>90</v>
      </c>
      <c r="O4020" t="s">
        <v>85</v>
      </c>
      <c r="P4020" t="s">
        <v>86</v>
      </c>
      <c r="Q4020">
        <v>5</v>
      </c>
      <c r="R4020">
        <v>5</v>
      </c>
      <c r="S4020">
        <v>5</v>
      </c>
      <c r="T4020">
        <v>5</v>
      </c>
      <c r="U4020">
        <v>5</v>
      </c>
      <c r="V4020">
        <v>5</v>
      </c>
      <c r="W4020">
        <v>5</v>
      </c>
      <c r="X4020">
        <v>5</v>
      </c>
      <c r="Y4020">
        <v>5</v>
      </c>
      <c r="Z4020">
        <v>5</v>
      </c>
      <c r="AA4020">
        <v>5</v>
      </c>
      <c r="AB4020">
        <v>5</v>
      </c>
      <c r="AC4020">
        <v>5</v>
      </c>
      <c r="AD4020">
        <v>5</v>
      </c>
      <c r="AE4020">
        <v>5</v>
      </c>
      <c r="AF4020">
        <v>5</v>
      </c>
      <c r="AG4020">
        <v>5</v>
      </c>
      <c r="AH4020">
        <v>5</v>
      </c>
      <c r="AI4020">
        <v>5</v>
      </c>
      <c r="AJ4020">
        <v>5</v>
      </c>
      <c r="AK4020">
        <v>5</v>
      </c>
      <c r="AL4020">
        <v>5</v>
      </c>
      <c r="AM4020">
        <v>5</v>
      </c>
      <c r="AN4020">
        <v>5</v>
      </c>
      <c r="AO4020">
        <v>5</v>
      </c>
      <c r="AP4020">
        <v>5</v>
      </c>
      <c r="AQ4020">
        <v>5</v>
      </c>
    </row>
    <row r="4021" spans="1:43">
      <c r="A4021" t="s">
        <v>2544</v>
      </c>
      <c r="B4021" t="s">
        <v>2545</v>
      </c>
      <c r="C4021" t="s">
        <v>2546</v>
      </c>
      <c r="D4021" t="s">
        <v>2547</v>
      </c>
      <c r="E4021" t="s">
        <v>2352</v>
      </c>
      <c r="F4021" t="s">
        <v>2353</v>
      </c>
      <c r="G4021" t="s">
        <v>80</v>
      </c>
      <c r="H4021" t="s">
        <v>81</v>
      </c>
      <c r="I4021" s="2">
        <v>0</v>
      </c>
      <c r="J4021" s="2">
        <v>0</v>
      </c>
      <c r="K4021" s="2">
        <v>1</v>
      </c>
      <c r="L4021" t="s">
        <v>995</v>
      </c>
      <c r="M4021" t="s">
        <v>83</v>
      </c>
      <c r="N4021" t="s">
        <v>91</v>
      </c>
      <c r="O4021" t="s">
        <v>85</v>
      </c>
      <c r="P4021" t="s">
        <v>86</v>
      </c>
      <c r="Q4021">
        <v>5</v>
      </c>
      <c r="R4021">
        <v>5</v>
      </c>
      <c r="S4021">
        <v>5</v>
      </c>
      <c r="T4021">
        <v>5</v>
      </c>
      <c r="U4021">
        <v>5</v>
      </c>
      <c r="V4021">
        <v>5</v>
      </c>
      <c r="W4021">
        <v>5</v>
      </c>
      <c r="X4021">
        <v>5</v>
      </c>
      <c r="Y4021">
        <v>5</v>
      </c>
      <c r="Z4021">
        <v>5</v>
      </c>
      <c r="AA4021">
        <v>5</v>
      </c>
      <c r="AB4021">
        <v>5</v>
      </c>
      <c r="AC4021">
        <v>5</v>
      </c>
      <c r="AD4021">
        <v>5</v>
      </c>
      <c r="AE4021">
        <v>5</v>
      </c>
      <c r="AF4021">
        <v>5</v>
      </c>
      <c r="AG4021">
        <v>5</v>
      </c>
      <c r="AH4021">
        <v>5</v>
      </c>
      <c r="AI4021">
        <v>5</v>
      </c>
      <c r="AJ4021">
        <v>5</v>
      </c>
      <c r="AK4021">
        <v>5</v>
      </c>
      <c r="AL4021">
        <v>5</v>
      </c>
      <c r="AM4021">
        <v>5</v>
      </c>
      <c r="AN4021">
        <v>5</v>
      </c>
      <c r="AO4021">
        <v>5</v>
      </c>
      <c r="AP4021">
        <v>5</v>
      </c>
      <c r="AQ4021">
        <v>5</v>
      </c>
    </row>
    <row r="4022" spans="1:43">
      <c r="A4022" t="s">
        <v>2548</v>
      </c>
      <c r="B4022" t="s">
        <v>2549</v>
      </c>
      <c r="C4022" t="s">
        <v>2540</v>
      </c>
      <c r="D4022" t="s">
        <v>2541</v>
      </c>
      <c r="E4022" t="s">
        <v>2352</v>
      </c>
      <c r="F4022" t="s">
        <v>2353</v>
      </c>
      <c r="G4022" t="s">
        <v>80</v>
      </c>
      <c r="H4022" t="s">
        <v>81</v>
      </c>
      <c r="I4022" s="2">
        <v>0</v>
      </c>
      <c r="J4022" s="2">
        <v>0</v>
      </c>
      <c r="K4022" s="2">
        <v>1</v>
      </c>
      <c r="L4022" t="s">
        <v>995</v>
      </c>
      <c r="M4022" t="s">
        <v>83</v>
      </c>
      <c r="N4022" t="s">
        <v>84</v>
      </c>
      <c r="O4022" t="s">
        <v>85</v>
      </c>
      <c r="P4022" t="s">
        <v>86</v>
      </c>
      <c r="Q4022">
        <v>8</v>
      </c>
      <c r="R4022">
        <v>8</v>
      </c>
      <c r="S4022">
        <v>8</v>
      </c>
      <c r="T4022">
        <v>9</v>
      </c>
      <c r="U4022">
        <v>9</v>
      </c>
      <c r="V4022">
        <v>9</v>
      </c>
      <c r="W4022">
        <v>9</v>
      </c>
      <c r="X4022">
        <v>9</v>
      </c>
      <c r="Y4022">
        <v>9</v>
      </c>
      <c r="Z4022">
        <v>9</v>
      </c>
      <c r="AA4022">
        <v>9</v>
      </c>
      <c r="AB4022">
        <v>9</v>
      </c>
      <c r="AC4022">
        <v>9</v>
      </c>
      <c r="AD4022">
        <v>9</v>
      </c>
      <c r="AE4022">
        <v>9</v>
      </c>
      <c r="AF4022">
        <v>9</v>
      </c>
      <c r="AG4022">
        <v>9</v>
      </c>
      <c r="AH4022">
        <v>9</v>
      </c>
      <c r="AI4022">
        <v>9</v>
      </c>
      <c r="AJ4022">
        <v>9</v>
      </c>
      <c r="AK4022">
        <v>9</v>
      </c>
      <c r="AL4022">
        <v>9</v>
      </c>
      <c r="AM4022">
        <v>9</v>
      </c>
      <c r="AN4022">
        <v>8</v>
      </c>
      <c r="AO4022">
        <v>8</v>
      </c>
      <c r="AP4022">
        <v>8</v>
      </c>
      <c r="AQ4022">
        <v>8</v>
      </c>
    </row>
    <row r="4023" spans="1:43">
      <c r="A4023" t="s">
        <v>2548</v>
      </c>
      <c r="B4023" t="s">
        <v>2549</v>
      </c>
      <c r="C4023" t="s">
        <v>2540</v>
      </c>
      <c r="D4023" t="s">
        <v>2541</v>
      </c>
      <c r="E4023" t="s">
        <v>2352</v>
      </c>
      <c r="F4023" t="s">
        <v>2353</v>
      </c>
      <c r="G4023" t="s">
        <v>80</v>
      </c>
      <c r="H4023" t="s">
        <v>81</v>
      </c>
      <c r="I4023" s="2">
        <v>0</v>
      </c>
      <c r="J4023" s="2">
        <v>0</v>
      </c>
      <c r="K4023" s="2">
        <v>1</v>
      </c>
      <c r="L4023" t="s">
        <v>995</v>
      </c>
      <c r="M4023" t="s">
        <v>87</v>
      </c>
      <c r="N4023" t="s">
        <v>88</v>
      </c>
      <c r="O4023" t="s">
        <v>85</v>
      </c>
      <c r="P4023" t="s">
        <v>86</v>
      </c>
      <c r="Q4023">
        <v>8</v>
      </c>
      <c r="R4023">
        <v>8</v>
      </c>
      <c r="S4023">
        <v>8</v>
      </c>
      <c r="T4023">
        <v>8</v>
      </c>
      <c r="U4023">
        <v>8</v>
      </c>
      <c r="V4023">
        <v>8</v>
      </c>
      <c r="W4023">
        <v>8</v>
      </c>
      <c r="X4023">
        <v>8</v>
      </c>
      <c r="Y4023">
        <v>8</v>
      </c>
      <c r="Z4023">
        <v>8</v>
      </c>
      <c r="AA4023">
        <v>8</v>
      </c>
      <c r="AB4023">
        <v>8</v>
      </c>
      <c r="AC4023">
        <v>8</v>
      </c>
      <c r="AD4023">
        <v>8</v>
      </c>
      <c r="AE4023">
        <v>8</v>
      </c>
      <c r="AF4023">
        <v>8</v>
      </c>
      <c r="AG4023">
        <v>8</v>
      </c>
      <c r="AH4023">
        <v>8</v>
      </c>
      <c r="AI4023">
        <v>7</v>
      </c>
      <c r="AJ4023">
        <v>7</v>
      </c>
      <c r="AK4023">
        <v>7</v>
      </c>
      <c r="AL4023">
        <v>7</v>
      </c>
      <c r="AM4023">
        <v>7</v>
      </c>
      <c r="AN4023">
        <v>7</v>
      </c>
      <c r="AO4023">
        <v>7</v>
      </c>
      <c r="AP4023">
        <v>7</v>
      </c>
      <c r="AQ4023">
        <v>7</v>
      </c>
    </row>
    <row r="4024" spans="1:43">
      <c r="A4024" t="s">
        <v>2548</v>
      </c>
      <c r="B4024" t="s">
        <v>2549</v>
      </c>
      <c r="C4024" t="s">
        <v>2540</v>
      </c>
      <c r="D4024" t="s">
        <v>2541</v>
      </c>
      <c r="E4024" t="s">
        <v>2352</v>
      </c>
      <c r="F4024" t="s">
        <v>2353</v>
      </c>
      <c r="G4024" t="s">
        <v>80</v>
      </c>
      <c r="H4024" t="s">
        <v>81</v>
      </c>
      <c r="I4024" s="2">
        <v>0</v>
      </c>
      <c r="J4024" s="2">
        <v>0</v>
      </c>
      <c r="K4024" s="2">
        <v>1</v>
      </c>
      <c r="L4024" t="s">
        <v>995</v>
      </c>
      <c r="M4024" t="s">
        <v>89</v>
      </c>
      <c r="N4024" t="s">
        <v>90</v>
      </c>
      <c r="O4024" t="s">
        <v>85</v>
      </c>
      <c r="P4024" t="s">
        <v>86</v>
      </c>
      <c r="Q4024">
        <v>8</v>
      </c>
      <c r="R4024">
        <v>8</v>
      </c>
      <c r="S4024">
        <v>8</v>
      </c>
      <c r="T4024">
        <v>8</v>
      </c>
      <c r="U4024">
        <v>8</v>
      </c>
      <c r="V4024">
        <v>8</v>
      </c>
      <c r="W4024">
        <v>8</v>
      </c>
      <c r="X4024">
        <v>8</v>
      </c>
      <c r="Y4024">
        <v>8</v>
      </c>
      <c r="Z4024">
        <v>8</v>
      </c>
      <c r="AA4024">
        <v>8</v>
      </c>
      <c r="AB4024">
        <v>8</v>
      </c>
      <c r="AC4024">
        <v>8</v>
      </c>
      <c r="AD4024">
        <v>8</v>
      </c>
      <c r="AE4024">
        <v>8</v>
      </c>
      <c r="AF4024">
        <v>8</v>
      </c>
      <c r="AG4024">
        <v>8</v>
      </c>
      <c r="AH4024">
        <v>8</v>
      </c>
      <c r="AI4024">
        <v>8</v>
      </c>
      <c r="AJ4024">
        <v>8</v>
      </c>
      <c r="AK4024">
        <v>8</v>
      </c>
      <c r="AL4024">
        <v>8</v>
      </c>
      <c r="AM4024">
        <v>8</v>
      </c>
      <c r="AN4024">
        <v>8</v>
      </c>
      <c r="AO4024">
        <v>7</v>
      </c>
      <c r="AP4024">
        <v>7</v>
      </c>
      <c r="AQ4024">
        <v>7</v>
      </c>
    </row>
    <row r="4025" spans="1:43">
      <c r="A4025" t="s">
        <v>2548</v>
      </c>
      <c r="B4025" t="s">
        <v>2549</v>
      </c>
      <c r="C4025" t="s">
        <v>2540</v>
      </c>
      <c r="D4025" t="s">
        <v>2541</v>
      </c>
      <c r="E4025" t="s">
        <v>2352</v>
      </c>
      <c r="F4025" t="s">
        <v>2353</v>
      </c>
      <c r="G4025" t="s">
        <v>80</v>
      </c>
      <c r="H4025" t="s">
        <v>81</v>
      </c>
      <c r="I4025" s="2">
        <v>0</v>
      </c>
      <c r="J4025" s="2">
        <v>0</v>
      </c>
      <c r="K4025" s="2">
        <v>1</v>
      </c>
      <c r="L4025" t="s">
        <v>995</v>
      </c>
      <c r="M4025" t="s">
        <v>83</v>
      </c>
      <c r="N4025" t="s">
        <v>91</v>
      </c>
      <c r="O4025" t="s">
        <v>85</v>
      </c>
      <c r="P4025" t="s">
        <v>86</v>
      </c>
      <c r="Q4025">
        <v>8</v>
      </c>
      <c r="R4025">
        <v>8</v>
      </c>
      <c r="S4025">
        <v>8</v>
      </c>
      <c r="T4025">
        <v>9</v>
      </c>
      <c r="U4025">
        <v>9</v>
      </c>
      <c r="V4025">
        <v>9</v>
      </c>
      <c r="W4025">
        <v>9</v>
      </c>
      <c r="X4025">
        <v>9</v>
      </c>
      <c r="Y4025">
        <v>9</v>
      </c>
      <c r="Z4025">
        <v>9</v>
      </c>
      <c r="AA4025">
        <v>9</v>
      </c>
      <c r="AB4025">
        <v>9</v>
      </c>
      <c r="AC4025">
        <v>9</v>
      </c>
      <c r="AD4025">
        <v>9</v>
      </c>
      <c r="AE4025">
        <v>9</v>
      </c>
      <c r="AF4025">
        <v>9</v>
      </c>
      <c r="AG4025">
        <v>9</v>
      </c>
      <c r="AH4025">
        <v>9</v>
      </c>
      <c r="AI4025">
        <v>9</v>
      </c>
      <c r="AJ4025">
        <v>9</v>
      </c>
      <c r="AK4025">
        <v>9</v>
      </c>
      <c r="AL4025">
        <v>9</v>
      </c>
      <c r="AM4025">
        <v>9</v>
      </c>
      <c r="AN4025">
        <v>8</v>
      </c>
      <c r="AO4025">
        <v>8</v>
      </c>
      <c r="AP4025">
        <v>8</v>
      </c>
      <c r="AQ4025">
        <v>8</v>
      </c>
    </row>
    <row r="4026" spans="1:43">
      <c r="A4026" t="s">
        <v>2550</v>
      </c>
      <c r="B4026" t="s">
        <v>2551</v>
      </c>
      <c r="C4026" t="s">
        <v>2546</v>
      </c>
      <c r="D4026" t="s">
        <v>2547</v>
      </c>
      <c r="E4026" t="s">
        <v>2352</v>
      </c>
      <c r="F4026" t="s">
        <v>2353</v>
      </c>
      <c r="G4026" t="s">
        <v>80</v>
      </c>
      <c r="H4026" t="s">
        <v>81</v>
      </c>
      <c r="I4026" s="2">
        <v>0</v>
      </c>
      <c r="J4026" s="2">
        <v>0</v>
      </c>
      <c r="K4026" s="2">
        <v>1</v>
      </c>
      <c r="L4026" t="s">
        <v>995</v>
      </c>
      <c r="M4026" t="s">
        <v>83</v>
      </c>
      <c r="N4026" t="s">
        <v>84</v>
      </c>
      <c r="O4026" t="s">
        <v>85</v>
      </c>
      <c r="P4026" t="s">
        <v>86</v>
      </c>
      <c r="Q4026">
        <v>18</v>
      </c>
      <c r="R4026">
        <v>18</v>
      </c>
      <c r="S4026">
        <v>18</v>
      </c>
      <c r="T4026">
        <v>18</v>
      </c>
      <c r="U4026">
        <v>18</v>
      </c>
      <c r="V4026">
        <v>18</v>
      </c>
      <c r="W4026">
        <v>18</v>
      </c>
      <c r="X4026">
        <v>18</v>
      </c>
      <c r="Y4026">
        <v>18</v>
      </c>
      <c r="Z4026">
        <v>18</v>
      </c>
      <c r="AA4026">
        <v>18</v>
      </c>
      <c r="AB4026">
        <v>18</v>
      </c>
      <c r="AC4026">
        <v>18</v>
      </c>
      <c r="AD4026">
        <v>18</v>
      </c>
      <c r="AE4026">
        <v>18</v>
      </c>
      <c r="AF4026">
        <v>18</v>
      </c>
      <c r="AG4026">
        <v>18</v>
      </c>
      <c r="AH4026">
        <v>18</v>
      </c>
      <c r="AI4026">
        <v>18</v>
      </c>
      <c r="AJ4026">
        <v>18</v>
      </c>
      <c r="AK4026">
        <v>18</v>
      </c>
      <c r="AL4026">
        <v>18</v>
      </c>
      <c r="AM4026">
        <v>18</v>
      </c>
      <c r="AN4026">
        <v>18</v>
      </c>
      <c r="AO4026">
        <v>18</v>
      </c>
      <c r="AP4026">
        <v>17</v>
      </c>
      <c r="AQ4026">
        <v>17</v>
      </c>
    </row>
    <row r="4027" spans="1:43">
      <c r="A4027" t="s">
        <v>2550</v>
      </c>
      <c r="B4027" t="s">
        <v>2551</v>
      </c>
      <c r="C4027" t="s">
        <v>2546</v>
      </c>
      <c r="D4027" t="s">
        <v>2547</v>
      </c>
      <c r="E4027" t="s">
        <v>2352</v>
      </c>
      <c r="F4027" t="s">
        <v>2353</v>
      </c>
      <c r="G4027" t="s">
        <v>80</v>
      </c>
      <c r="H4027" t="s">
        <v>81</v>
      </c>
      <c r="I4027" s="2">
        <v>0</v>
      </c>
      <c r="J4027" s="2">
        <v>0</v>
      </c>
      <c r="K4027" s="2">
        <v>1</v>
      </c>
      <c r="L4027" t="s">
        <v>995</v>
      </c>
      <c r="M4027" t="s">
        <v>87</v>
      </c>
      <c r="N4027" t="s">
        <v>88</v>
      </c>
      <c r="O4027" t="s">
        <v>85</v>
      </c>
      <c r="P4027" t="s">
        <v>86</v>
      </c>
      <c r="Q4027">
        <v>18</v>
      </c>
      <c r="R4027">
        <v>18</v>
      </c>
      <c r="S4027">
        <v>18</v>
      </c>
      <c r="T4027">
        <v>18</v>
      </c>
      <c r="U4027">
        <v>18</v>
      </c>
      <c r="V4027">
        <v>18</v>
      </c>
      <c r="W4027">
        <v>18</v>
      </c>
      <c r="X4027">
        <v>18</v>
      </c>
      <c r="Y4027">
        <v>18</v>
      </c>
      <c r="Z4027">
        <v>18</v>
      </c>
      <c r="AA4027">
        <v>17</v>
      </c>
      <c r="AB4027">
        <v>17</v>
      </c>
      <c r="AC4027">
        <v>17</v>
      </c>
      <c r="AD4027">
        <v>17</v>
      </c>
      <c r="AE4027">
        <v>17</v>
      </c>
      <c r="AF4027">
        <v>17</v>
      </c>
      <c r="AG4027">
        <v>17</v>
      </c>
      <c r="AH4027">
        <v>17</v>
      </c>
      <c r="AI4027">
        <v>17</v>
      </c>
      <c r="AJ4027">
        <v>17</v>
      </c>
      <c r="AK4027">
        <v>17</v>
      </c>
      <c r="AL4027">
        <v>16</v>
      </c>
      <c r="AM4027">
        <v>16</v>
      </c>
      <c r="AN4027">
        <v>16</v>
      </c>
      <c r="AO4027">
        <v>16</v>
      </c>
      <c r="AP4027">
        <v>16</v>
      </c>
      <c r="AQ4027">
        <v>16</v>
      </c>
    </row>
    <row r="4028" spans="1:43">
      <c r="A4028" t="s">
        <v>2550</v>
      </c>
      <c r="B4028" t="s">
        <v>2551</v>
      </c>
      <c r="C4028" t="s">
        <v>2546</v>
      </c>
      <c r="D4028" t="s">
        <v>2547</v>
      </c>
      <c r="E4028" t="s">
        <v>2352</v>
      </c>
      <c r="F4028" t="s">
        <v>2353</v>
      </c>
      <c r="G4028" t="s">
        <v>80</v>
      </c>
      <c r="H4028" t="s">
        <v>81</v>
      </c>
      <c r="I4028" s="2">
        <v>0</v>
      </c>
      <c r="J4028" s="2">
        <v>0</v>
      </c>
      <c r="K4028" s="2">
        <v>1</v>
      </c>
      <c r="L4028" t="s">
        <v>995</v>
      </c>
      <c r="M4028" t="s">
        <v>89</v>
      </c>
      <c r="N4028" t="s">
        <v>90</v>
      </c>
      <c r="O4028" t="s">
        <v>85</v>
      </c>
      <c r="P4028" t="s">
        <v>86</v>
      </c>
      <c r="Q4028">
        <v>18</v>
      </c>
      <c r="R4028">
        <v>18</v>
      </c>
      <c r="S4028">
        <v>18</v>
      </c>
      <c r="T4028">
        <v>18</v>
      </c>
      <c r="U4028">
        <v>19</v>
      </c>
      <c r="V4028">
        <v>19</v>
      </c>
      <c r="W4028">
        <v>19</v>
      </c>
      <c r="X4028">
        <v>19</v>
      </c>
      <c r="Y4028">
        <v>19</v>
      </c>
      <c r="Z4028">
        <v>19</v>
      </c>
      <c r="AA4028">
        <v>19</v>
      </c>
      <c r="AB4028">
        <v>19</v>
      </c>
      <c r="AC4028">
        <v>19</v>
      </c>
      <c r="AD4028">
        <v>19</v>
      </c>
      <c r="AE4028">
        <v>19</v>
      </c>
      <c r="AF4028">
        <v>19</v>
      </c>
      <c r="AG4028">
        <v>19</v>
      </c>
      <c r="AH4028">
        <v>19</v>
      </c>
      <c r="AI4028">
        <v>19</v>
      </c>
      <c r="AJ4028">
        <v>19</v>
      </c>
      <c r="AK4028">
        <v>18</v>
      </c>
      <c r="AL4028">
        <v>18</v>
      </c>
      <c r="AM4028">
        <v>18</v>
      </c>
      <c r="AN4028">
        <v>18</v>
      </c>
      <c r="AO4028">
        <v>18</v>
      </c>
      <c r="AP4028">
        <v>18</v>
      </c>
      <c r="AQ4028">
        <v>17</v>
      </c>
    </row>
    <row r="4029" spans="1:43">
      <c r="A4029" t="s">
        <v>2550</v>
      </c>
      <c r="B4029" t="s">
        <v>2551</v>
      </c>
      <c r="C4029" t="s">
        <v>2546</v>
      </c>
      <c r="D4029" t="s">
        <v>2547</v>
      </c>
      <c r="E4029" t="s">
        <v>2352</v>
      </c>
      <c r="F4029" t="s">
        <v>2353</v>
      </c>
      <c r="G4029" t="s">
        <v>80</v>
      </c>
      <c r="H4029" t="s">
        <v>81</v>
      </c>
      <c r="I4029" s="2">
        <v>0</v>
      </c>
      <c r="J4029" s="2">
        <v>0</v>
      </c>
      <c r="K4029" s="2">
        <v>1</v>
      </c>
      <c r="L4029" t="s">
        <v>995</v>
      </c>
      <c r="M4029" t="s">
        <v>83</v>
      </c>
      <c r="N4029" t="s">
        <v>91</v>
      </c>
      <c r="O4029" t="s">
        <v>85</v>
      </c>
      <c r="P4029" t="s">
        <v>86</v>
      </c>
      <c r="Q4029">
        <v>18</v>
      </c>
      <c r="R4029">
        <v>18</v>
      </c>
      <c r="S4029">
        <v>18</v>
      </c>
      <c r="T4029">
        <v>18</v>
      </c>
      <c r="U4029">
        <v>18</v>
      </c>
      <c r="V4029">
        <v>18</v>
      </c>
      <c r="W4029">
        <v>18</v>
      </c>
      <c r="X4029">
        <v>18</v>
      </c>
      <c r="Y4029">
        <v>18</v>
      </c>
      <c r="Z4029">
        <v>18</v>
      </c>
      <c r="AA4029">
        <v>18</v>
      </c>
      <c r="AB4029">
        <v>18</v>
      </c>
      <c r="AC4029">
        <v>18</v>
      </c>
      <c r="AD4029">
        <v>18</v>
      </c>
      <c r="AE4029">
        <v>18</v>
      </c>
      <c r="AF4029">
        <v>18</v>
      </c>
      <c r="AG4029">
        <v>18</v>
      </c>
      <c r="AH4029">
        <v>18</v>
      </c>
      <c r="AI4029">
        <v>18</v>
      </c>
      <c r="AJ4029">
        <v>18</v>
      </c>
      <c r="AK4029">
        <v>18</v>
      </c>
      <c r="AL4029">
        <v>18</v>
      </c>
      <c r="AM4029">
        <v>18</v>
      </c>
      <c r="AN4029">
        <v>18</v>
      </c>
      <c r="AO4029">
        <v>18</v>
      </c>
      <c r="AP4029">
        <v>17</v>
      </c>
      <c r="AQ4029">
        <v>17</v>
      </c>
    </row>
    <row r="4030" spans="1:43">
      <c r="A4030" t="s">
        <v>2552</v>
      </c>
      <c r="B4030" t="s">
        <v>2553</v>
      </c>
      <c r="C4030" t="s">
        <v>2540</v>
      </c>
      <c r="D4030" t="s">
        <v>2541</v>
      </c>
      <c r="E4030" t="s">
        <v>2352</v>
      </c>
      <c r="F4030" t="s">
        <v>2353</v>
      </c>
      <c r="G4030" t="s">
        <v>80</v>
      </c>
      <c r="H4030" t="s">
        <v>81</v>
      </c>
      <c r="I4030" s="2">
        <v>0</v>
      </c>
      <c r="J4030" s="2">
        <v>0</v>
      </c>
      <c r="K4030" s="2">
        <v>1</v>
      </c>
      <c r="L4030" t="s">
        <v>995</v>
      </c>
      <c r="M4030" t="s">
        <v>83</v>
      </c>
      <c r="N4030" t="s">
        <v>84</v>
      </c>
      <c r="O4030" t="s">
        <v>85</v>
      </c>
      <c r="P4030" t="s">
        <v>86</v>
      </c>
      <c r="Q4030">
        <v>19</v>
      </c>
      <c r="R4030">
        <v>19</v>
      </c>
      <c r="S4030">
        <v>19</v>
      </c>
      <c r="T4030">
        <v>19</v>
      </c>
      <c r="U4030">
        <v>19</v>
      </c>
      <c r="V4030">
        <v>19</v>
      </c>
      <c r="W4030">
        <v>19</v>
      </c>
      <c r="X4030">
        <v>19</v>
      </c>
      <c r="Y4030">
        <v>19</v>
      </c>
      <c r="Z4030">
        <v>19</v>
      </c>
      <c r="AA4030">
        <v>19</v>
      </c>
      <c r="AB4030">
        <v>19</v>
      </c>
      <c r="AC4030">
        <v>20</v>
      </c>
      <c r="AD4030">
        <v>20</v>
      </c>
      <c r="AE4030">
        <v>20</v>
      </c>
      <c r="AF4030">
        <v>20</v>
      </c>
      <c r="AG4030">
        <v>20</v>
      </c>
      <c r="AH4030">
        <v>20</v>
      </c>
      <c r="AI4030">
        <v>20</v>
      </c>
      <c r="AJ4030">
        <v>20</v>
      </c>
      <c r="AK4030">
        <v>20</v>
      </c>
      <c r="AL4030">
        <v>19</v>
      </c>
      <c r="AM4030">
        <v>19</v>
      </c>
      <c r="AN4030">
        <v>19</v>
      </c>
      <c r="AO4030">
        <v>19</v>
      </c>
      <c r="AP4030">
        <v>19</v>
      </c>
      <c r="AQ4030">
        <v>19</v>
      </c>
    </row>
    <row r="4031" spans="1:43">
      <c r="A4031" t="s">
        <v>2552</v>
      </c>
      <c r="B4031" t="s">
        <v>2553</v>
      </c>
      <c r="C4031" t="s">
        <v>2540</v>
      </c>
      <c r="D4031" t="s">
        <v>2541</v>
      </c>
      <c r="E4031" t="s">
        <v>2352</v>
      </c>
      <c r="F4031" t="s">
        <v>2353</v>
      </c>
      <c r="G4031" t="s">
        <v>80</v>
      </c>
      <c r="H4031" t="s">
        <v>81</v>
      </c>
      <c r="I4031" s="2">
        <v>0</v>
      </c>
      <c r="J4031" s="2">
        <v>0</v>
      </c>
      <c r="K4031" s="2">
        <v>1</v>
      </c>
      <c r="L4031" t="s">
        <v>995</v>
      </c>
      <c r="M4031" t="s">
        <v>87</v>
      </c>
      <c r="N4031" t="s">
        <v>88</v>
      </c>
      <c r="O4031" t="s">
        <v>85</v>
      </c>
      <c r="P4031" t="s">
        <v>86</v>
      </c>
      <c r="Q4031">
        <v>19</v>
      </c>
      <c r="R4031">
        <v>19</v>
      </c>
      <c r="S4031">
        <v>19</v>
      </c>
      <c r="T4031">
        <v>18</v>
      </c>
      <c r="U4031">
        <v>18</v>
      </c>
      <c r="V4031">
        <v>18</v>
      </c>
      <c r="W4031">
        <v>18</v>
      </c>
      <c r="X4031">
        <v>18</v>
      </c>
      <c r="Y4031">
        <v>18</v>
      </c>
      <c r="Z4031">
        <v>18</v>
      </c>
      <c r="AA4031">
        <v>18</v>
      </c>
      <c r="AB4031">
        <v>18</v>
      </c>
      <c r="AC4031">
        <v>18</v>
      </c>
      <c r="AD4031">
        <v>17</v>
      </c>
      <c r="AE4031">
        <v>17</v>
      </c>
      <c r="AF4031">
        <v>17</v>
      </c>
      <c r="AG4031">
        <v>17</v>
      </c>
      <c r="AH4031">
        <v>17</v>
      </c>
      <c r="AI4031">
        <v>17</v>
      </c>
      <c r="AJ4031">
        <v>17</v>
      </c>
      <c r="AK4031">
        <v>17</v>
      </c>
      <c r="AL4031">
        <v>17</v>
      </c>
      <c r="AM4031">
        <v>17</v>
      </c>
      <c r="AN4031">
        <v>17</v>
      </c>
      <c r="AO4031">
        <v>16</v>
      </c>
      <c r="AP4031">
        <v>16</v>
      </c>
      <c r="AQ4031">
        <v>16</v>
      </c>
    </row>
    <row r="4032" spans="1:43">
      <c r="A4032" t="s">
        <v>2552</v>
      </c>
      <c r="B4032" t="s">
        <v>2553</v>
      </c>
      <c r="C4032" t="s">
        <v>2540</v>
      </c>
      <c r="D4032" t="s">
        <v>2541</v>
      </c>
      <c r="E4032" t="s">
        <v>2352</v>
      </c>
      <c r="F4032" t="s">
        <v>2353</v>
      </c>
      <c r="G4032" t="s">
        <v>80</v>
      </c>
      <c r="H4032" t="s">
        <v>81</v>
      </c>
      <c r="I4032" s="2">
        <v>0</v>
      </c>
      <c r="J4032" s="2">
        <v>0</v>
      </c>
      <c r="K4032" s="2">
        <v>1</v>
      </c>
      <c r="L4032" t="s">
        <v>995</v>
      </c>
      <c r="M4032" t="s">
        <v>89</v>
      </c>
      <c r="N4032" t="s">
        <v>90</v>
      </c>
      <c r="O4032" t="s">
        <v>85</v>
      </c>
      <c r="P4032" t="s">
        <v>86</v>
      </c>
      <c r="Q4032">
        <v>19</v>
      </c>
      <c r="R4032">
        <v>19</v>
      </c>
      <c r="S4032">
        <v>20</v>
      </c>
      <c r="T4032">
        <v>20</v>
      </c>
      <c r="U4032">
        <v>20</v>
      </c>
      <c r="V4032">
        <v>20</v>
      </c>
      <c r="W4032">
        <v>20</v>
      </c>
      <c r="X4032">
        <v>20</v>
      </c>
      <c r="Y4032">
        <v>21</v>
      </c>
      <c r="Z4032">
        <v>21</v>
      </c>
      <c r="AA4032">
        <v>21</v>
      </c>
      <c r="AB4032">
        <v>21</v>
      </c>
      <c r="AC4032">
        <v>21</v>
      </c>
      <c r="AD4032">
        <v>21</v>
      </c>
      <c r="AE4032">
        <v>21</v>
      </c>
      <c r="AF4032">
        <v>21</v>
      </c>
      <c r="AG4032">
        <v>21</v>
      </c>
      <c r="AH4032">
        <v>20</v>
      </c>
      <c r="AI4032">
        <v>20</v>
      </c>
      <c r="AJ4032">
        <v>20</v>
      </c>
      <c r="AK4032">
        <v>20</v>
      </c>
      <c r="AL4032">
        <v>20</v>
      </c>
      <c r="AM4032">
        <v>19</v>
      </c>
      <c r="AN4032">
        <v>19</v>
      </c>
      <c r="AO4032">
        <v>19</v>
      </c>
      <c r="AP4032">
        <v>19</v>
      </c>
      <c r="AQ4032">
        <v>19</v>
      </c>
    </row>
    <row r="4033" spans="1:43">
      <c r="A4033" t="s">
        <v>2552</v>
      </c>
      <c r="B4033" t="s">
        <v>2553</v>
      </c>
      <c r="C4033" t="s">
        <v>2540</v>
      </c>
      <c r="D4033" t="s">
        <v>2541</v>
      </c>
      <c r="E4033" t="s">
        <v>2352</v>
      </c>
      <c r="F4033" t="s">
        <v>2353</v>
      </c>
      <c r="G4033" t="s">
        <v>80</v>
      </c>
      <c r="H4033" t="s">
        <v>81</v>
      </c>
      <c r="I4033" s="2">
        <v>0</v>
      </c>
      <c r="J4033" s="2">
        <v>0</v>
      </c>
      <c r="K4033" s="2">
        <v>1</v>
      </c>
      <c r="L4033" t="s">
        <v>995</v>
      </c>
      <c r="M4033" t="s">
        <v>83</v>
      </c>
      <c r="N4033" t="s">
        <v>91</v>
      </c>
      <c r="O4033" t="s">
        <v>85</v>
      </c>
      <c r="P4033" t="s">
        <v>86</v>
      </c>
      <c r="Q4033">
        <v>19</v>
      </c>
      <c r="R4033">
        <v>19</v>
      </c>
      <c r="S4033">
        <v>19</v>
      </c>
      <c r="T4033">
        <v>19</v>
      </c>
      <c r="U4033">
        <v>19</v>
      </c>
      <c r="V4033">
        <v>19</v>
      </c>
      <c r="W4033">
        <v>19</v>
      </c>
      <c r="X4033">
        <v>19</v>
      </c>
      <c r="Y4033">
        <v>19</v>
      </c>
      <c r="Z4033">
        <v>19</v>
      </c>
      <c r="AA4033">
        <v>19</v>
      </c>
      <c r="AB4033">
        <v>19</v>
      </c>
      <c r="AC4033">
        <v>20</v>
      </c>
      <c r="AD4033">
        <v>20</v>
      </c>
      <c r="AE4033">
        <v>20</v>
      </c>
      <c r="AF4033">
        <v>20</v>
      </c>
      <c r="AG4033">
        <v>20</v>
      </c>
      <c r="AH4033">
        <v>20</v>
      </c>
      <c r="AI4033">
        <v>20</v>
      </c>
      <c r="AJ4033">
        <v>20</v>
      </c>
      <c r="AK4033">
        <v>20</v>
      </c>
      <c r="AL4033">
        <v>19</v>
      </c>
      <c r="AM4033">
        <v>19</v>
      </c>
      <c r="AN4033">
        <v>19</v>
      </c>
      <c r="AO4033">
        <v>19</v>
      </c>
      <c r="AP4033">
        <v>19</v>
      </c>
      <c r="AQ4033">
        <v>19</v>
      </c>
    </row>
    <row r="4034" spans="1:43">
      <c r="A4034" t="s">
        <v>2554</v>
      </c>
      <c r="B4034" t="s">
        <v>2555</v>
      </c>
      <c r="C4034" t="s">
        <v>2540</v>
      </c>
      <c r="D4034" t="s">
        <v>2541</v>
      </c>
      <c r="E4034" t="s">
        <v>2352</v>
      </c>
      <c r="F4034" t="s">
        <v>2353</v>
      </c>
      <c r="G4034" t="s">
        <v>80</v>
      </c>
      <c r="H4034" t="s">
        <v>81</v>
      </c>
      <c r="I4034" s="2">
        <v>0</v>
      </c>
      <c r="J4034" s="2">
        <v>0</v>
      </c>
      <c r="K4034" s="2">
        <v>1</v>
      </c>
      <c r="L4034" t="s">
        <v>995</v>
      </c>
      <c r="M4034" t="s">
        <v>83</v>
      </c>
      <c r="N4034" t="s">
        <v>84</v>
      </c>
      <c r="O4034" t="s">
        <v>85</v>
      </c>
      <c r="P4034" t="s">
        <v>86</v>
      </c>
      <c r="Q4034">
        <v>35</v>
      </c>
      <c r="R4034">
        <v>36</v>
      </c>
      <c r="S4034">
        <v>36</v>
      </c>
      <c r="T4034">
        <v>36</v>
      </c>
      <c r="U4034">
        <v>36</v>
      </c>
      <c r="V4034">
        <v>36</v>
      </c>
      <c r="W4034">
        <v>36</v>
      </c>
      <c r="X4034">
        <v>36</v>
      </c>
      <c r="Y4034">
        <v>36</v>
      </c>
      <c r="Z4034">
        <v>36</v>
      </c>
      <c r="AA4034">
        <v>37</v>
      </c>
      <c r="AB4034">
        <v>37</v>
      </c>
      <c r="AC4034">
        <v>37</v>
      </c>
      <c r="AD4034">
        <v>37</v>
      </c>
      <c r="AE4034">
        <v>37</v>
      </c>
      <c r="AF4034">
        <v>37</v>
      </c>
      <c r="AG4034">
        <v>37</v>
      </c>
      <c r="AH4034">
        <v>37</v>
      </c>
      <c r="AI4034">
        <v>37</v>
      </c>
      <c r="AJ4034">
        <v>37</v>
      </c>
      <c r="AK4034">
        <v>37</v>
      </c>
      <c r="AL4034">
        <v>36</v>
      </c>
      <c r="AM4034">
        <v>36</v>
      </c>
      <c r="AN4034">
        <v>36</v>
      </c>
      <c r="AO4034">
        <v>36</v>
      </c>
      <c r="AP4034">
        <v>35</v>
      </c>
      <c r="AQ4034">
        <v>35</v>
      </c>
    </row>
    <row r="4035" spans="1:43">
      <c r="A4035" t="s">
        <v>2554</v>
      </c>
      <c r="B4035" t="s">
        <v>2555</v>
      </c>
      <c r="C4035" t="s">
        <v>2540</v>
      </c>
      <c r="D4035" t="s">
        <v>2541</v>
      </c>
      <c r="E4035" t="s">
        <v>2352</v>
      </c>
      <c r="F4035" t="s">
        <v>2353</v>
      </c>
      <c r="G4035" t="s">
        <v>80</v>
      </c>
      <c r="H4035" t="s">
        <v>81</v>
      </c>
      <c r="I4035" s="2">
        <v>0</v>
      </c>
      <c r="J4035" s="2">
        <v>0</v>
      </c>
      <c r="K4035" s="2">
        <v>1</v>
      </c>
      <c r="L4035" t="s">
        <v>995</v>
      </c>
      <c r="M4035" t="s">
        <v>87</v>
      </c>
      <c r="N4035" t="s">
        <v>88</v>
      </c>
      <c r="O4035" t="s">
        <v>85</v>
      </c>
      <c r="P4035" t="s">
        <v>86</v>
      </c>
      <c r="Q4035">
        <v>35</v>
      </c>
      <c r="R4035">
        <v>35</v>
      </c>
      <c r="S4035">
        <v>35</v>
      </c>
      <c r="T4035">
        <v>35</v>
      </c>
      <c r="U4035">
        <v>34</v>
      </c>
      <c r="V4035">
        <v>34</v>
      </c>
      <c r="W4035">
        <v>34</v>
      </c>
      <c r="X4035">
        <v>34</v>
      </c>
      <c r="Y4035">
        <v>34</v>
      </c>
      <c r="Z4035">
        <v>33</v>
      </c>
      <c r="AA4035">
        <v>33</v>
      </c>
      <c r="AB4035">
        <v>33</v>
      </c>
      <c r="AC4035">
        <v>33</v>
      </c>
      <c r="AD4035">
        <v>33</v>
      </c>
      <c r="AE4035">
        <v>32</v>
      </c>
      <c r="AF4035">
        <v>32</v>
      </c>
      <c r="AG4035">
        <v>32</v>
      </c>
      <c r="AH4035">
        <v>32</v>
      </c>
      <c r="AI4035">
        <v>32</v>
      </c>
      <c r="AJ4035">
        <v>32</v>
      </c>
      <c r="AK4035">
        <v>31</v>
      </c>
      <c r="AL4035">
        <v>31</v>
      </c>
      <c r="AM4035">
        <v>31</v>
      </c>
      <c r="AN4035">
        <v>31</v>
      </c>
      <c r="AO4035">
        <v>31</v>
      </c>
      <c r="AP4035">
        <v>31</v>
      </c>
      <c r="AQ4035">
        <v>30</v>
      </c>
    </row>
    <row r="4036" spans="1:43">
      <c r="A4036" t="s">
        <v>2554</v>
      </c>
      <c r="B4036" t="s">
        <v>2555</v>
      </c>
      <c r="C4036" t="s">
        <v>2540</v>
      </c>
      <c r="D4036" t="s">
        <v>2541</v>
      </c>
      <c r="E4036" t="s">
        <v>2352</v>
      </c>
      <c r="F4036" t="s">
        <v>2353</v>
      </c>
      <c r="G4036" t="s">
        <v>80</v>
      </c>
      <c r="H4036" t="s">
        <v>81</v>
      </c>
      <c r="I4036" s="2">
        <v>0</v>
      </c>
      <c r="J4036" s="2">
        <v>0</v>
      </c>
      <c r="K4036" s="2">
        <v>1</v>
      </c>
      <c r="L4036" t="s">
        <v>995</v>
      </c>
      <c r="M4036" t="s">
        <v>89</v>
      </c>
      <c r="N4036" t="s">
        <v>90</v>
      </c>
      <c r="O4036" t="s">
        <v>85</v>
      </c>
      <c r="P4036" t="s">
        <v>86</v>
      </c>
      <c r="Q4036">
        <v>35</v>
      </c>
      <c r="R4036">
        <v>35</v>
      </c>
      <c r="S4036">
        <v>36</v>
      </c>
      <c r="T4036">
        <v>36</v>
      </c>
      <c r="U4036">
        <v>36</v>
      </c>
      <c r="V4036">
        <v>37</v>
      </c>
      <c r="W4036">
        <v>37</v>
      </c>
      <c r="X4036">
        <v>37</v>
      </c>
      <c r="Y4036">
        <v>37</v>
      </c>
      <c r="Z4036">
        <v>38</v>
      </c>
      <c r="AA4036">
        <v>38</v>
      </c>
      <c r="AB4036">
        <v>38</v>
      </c>
      <c r="AC4036">
        <v>38</v>
      </c>
      <c r="AD4036">
        <v>38</v>
      </c>
      <c r="AE4036">
        <v>38</v>
      </c>
      <c r="AF4036">
        <v>38</v>
      </c>
      <c r="AG4036">
        <v>37</v>
      </c>
      <c r="AH4036">
        <v>37</v>
      </c>
      <c r="AI4036">
        <v>37</v>
      </c>
      <c r="AJ4036">
        <v>36</v>
      </c>
      <c r="AK4036">
        <v>36</v>
      </c>
      <c r="AL4036">
        <v>36</v>
      </c>
      <c r="AM4036">
        <v>35</v>
      </c>
      <c r="AN4036">
        <v>35</v>
      </c>
      <c r="AO4036">
        <v>35</v>
      </c>
      <c r="AP4036">
        <v>35</v>
      </c>
      <c r="AQ4036">
        <v>34</v>
      </c>
    </row>
    <row r="4037" spans="1:43">
      <c r="A4037" t="s">
        <v>2554</v>
      </c>
      <c r="B4037" t="s">
        <v>2555</v>
      </c>
      <c r="C4037" t="s">
        <v>2540</v>
      </c>
      <c r="D4037" t="s">
        <v>2541</v>
      </c>
      <c r="E4037" t="s">
        <v>2352</v>
      </c>
      <c r="F4037" t="s">
        <v>2353</v>
      </c>
      <c r="G4037" t="s">
        <v>80</v>
      </c>
      <c r="H4037" t="s">
        <v>81</v>
      </c>
      <c r="I4037" s="2">
        <v>0</v>
      </c>
      <c r="J4037" s="2">
        <v>0</v>
      </c>
      <c r="K4037" s="2">
        <v>1</v>
      </c>
      <c r="L4037" t="s">
        <v>995</v>
      </c>
      <c r="M4037" t="s">
        <v>83</v>
      </c>
      <c r="N4037" t="s">
        <v>91</v>
      </c>
      <c r="O4037" t="s">
        <v>85</v>
      </c>
      <c r="P4037" t="s">
        <v>86</v>
      </c>
      <c r="Q4037">
        <v>35</v>
      </c>
      <c r="R4037">
        <v>36</v>
      </c>
      <c r="S4037">
        <v>36</v>
      </c>
      <c r="T4037">
        <v>36</v>
      </c>
      <c r="U4037">
        <v>36</v>
      </c>
      <c r="V4037">
        <v>36</v>
      </c>
      <c r="W4037">
        <v>36</v>
      </c>
      <c r="X4037">
        <v>36</v>
      </c>
      <c r="Y4037">
        <v>36</v>
      </c>
      <c r="Z4037">
        <v>36</v>
      </c>
      <c r="AA4037">
        <v>37</v>
      </c>
      <c r="AB4037">
        <v>37</v>
      </c>
      <c r="AC4037">
        <v>37</v>
      </c>
      <c r="AD4037">
        <v>37</v>
      </c>
      <c r="AE4037">
        <v>37</v>
      </c>
      <c r="AF4037">
        <v>37</v>
      </c>
      <c r="AG4037">
        <v>37</v>
      </c>
      <c r="AH4037">
        <v>37</v>
      </c>
      <c r="AI4037">
        <v>37</v>
      </c>
      <c r="AJ4037">
        <v>37</v>
      </c>
      <c r="AK4037">
        <v>37</v>
      </c>
      <c r="AL4037">
        <v>36</v>
      </c>
      <c r="AM4037">
        <v>36</v>
      </c>
      <c r="AN4037">
        <v>36</v>
      </c>
      <c r="AO4037">
        <v>36</v>
      </c>
      <c r="AP4037">
        <v>35</v>
      </c>
      <c r="AQ4037">
        <v>35</v>
      </c>
    </row>
    <row r="4038" spans="1:43">
      <c r="A4038" t="s">
        <v>2556</v>
      </c>
      <c r="B4038" t="s">
        <v>2557</v>
      </c>
      <c r="C4038" t="s">
        <v>2558</v>
      </c>
      <c r="D4038" t="s">
        <v>2559</v>
      </c>
      <c r="E4038" t="s">
        <v>2352</v>
      </c>
      <c r="F4038" t="s">
        <v>2353</v>
      </c>
      <c r="G4038" t="s">
        <v>80</v>
      </c>
      <c r="H4038" t="s">
        <v>81</v>
      </c>
      <c r="I4038" s="2">
        <v>0</v>
      </c>
      <c r="J4038" s="2">
        <v>0</v>
      </c>
      <c r="K4038" s="2">
        <v>1</v>
      </c>
      <c r="L4038" t="s">
        <v>995</v>
      </c>
      <c r="M4038" t="s">
        <v>83</v>
      </c>
      <c r="N4038" t="s">
        <v>84</v>
      </c>
      <c r="O4038" t="s">
        <v>85</v>
      </c>
      <c r="P4038" t="s">
        <v>86</v>
      </c>
      <c r="Q4038">
        <v>9</v>
      </c>
      <c r="R4038">
        <v>9</v>
      </c>
      <c r="S4038">
        <v>9</v>
      </c>
      <c r="T4038">
        <v>9</v>
      </c>
      <c r="U4038">
        <v>9</v>
      </c>
      <c r="V4038">
        <v>9</v>
      </c>
      <c r="W4038">
        <v>9</v>
      </c>
      <c r="X4038">
        <v>9</v>
      </c>
      <c r="Y4038">
        <v>9</v>
      </c>
      <c r="Z4038">
        <v>9</v>
      </c>
      <c r="AA4038">
        <v>9</v>
      </c>
      <c r="AB4038">
        <v>9</v>
      </c>
      <c r="AC4038">
        <v>9</v>
      </c>
      <c r="AD4038">
        <v>9</v>
      </c>
      <c r="AE4038">
        <v>9</v>
      </c>
      <c r="AF4038">
        <v>9</v>
      </c>
      <c r="AG4038">
        <v>9</v>
      </c>
      <c r="AH4038">
        <v>9</v>
      </c>
      <c r="AI4038">
        <v>9</v>
      </c>
      <c r="AJ4038">
        <v>9</v>
      </c>
      <c r="AK4038">
        <v>9</v>
      </c>
      <c r="AL4038">
        <v>9</v>
      </c>
      <c r="AM4038">
        <v>9</v>
      </c>
      <c r="AN4038">
        <v>9</v>
      </c>
      <c r="AO4038">
        <v>9</v>
      </c>
      <c r="AP4038">
        <v>9</v>
      </c>
      <c r="AQ4038">
        <v>9</v>
      </c>
    </row>
    <row r="4039" spans="1:43">
      <c r="A4039" t="s">
        <v>2556</v>
      </c>
      <c r="B4039" t="s">
        <v>2557</v>
      </c>
      <c r="C4039" t="s">
        <v>2558</v>
      </c>
      <c r="D4039" t="s">
        <v>2559</v>
      </c>
      <c r="E4039" t="s">
        <v>2352</v>
      </c>
      <c r="F4039" t="s">
        <v>2353</v>
      </c>
      <c r="G4039" t="s">
        <v>80</v>
      </c>
      <c r="H4039" t="s">
        <v>81</v>
      </c>
      <c r="I4039" s="2">
        <v>0</v>
      </c>
      <c r="J4039" s="2">
        <v>0</v>
      </c>
      <c r="K4039" s="2">
        <v>1</v>
      </c>
      <c r="L4039" t="s">
        <v>995</v>
      </c>
      <c r="M4039" t="s">
        <v>87</v>
      </c>
      <c r="N4039" t="s">
        <v>88</v>
      </c>
      <c r="O4039" t="s">
        <v>85</v>
      </c>
      <c r="P4039" t="s">
        <v>86</v>
      </c>
      <c r="Q4039">
        <v>9</v>
      </c>
      <c r="R4039">
        <v>9</v>
      </c>
      <c r="S4039">
        <v>9</v>
      </c>
      <c r="T4039">
        <v>9</v>
      </c>
      <c r="U4039">
        <v>9</v>
      </c>
      <c r="V4039">
        <v>9</v>
      </c>
      <c r="W4039">
        <v>9</v>
      </c>
      <c r="X4039">
        <v>9</v>
      </c>
      <c r="Y4039">
        <v>9</v>
      </c>
      <c r="Z4039">
        <v>9</v>
      </c>
      <c r="AA4039">
        <v>8</v>
      </c>
      <c r="AB4039">
        <v>8</v>
      </c>
      <c r="AC4039">
        <v>8</v>
      </c>
      <c r="AD4039">
        <v>8</v>
      </c>
      <c r="AE4039">
        <v>8</v>
      </c>
      <c r="AF4039">
        <v>8</v>
      </c>
      <c r="AG4039">
        <v>8</v>
      </c>
      <c r="AH4039">
        <v>8</v>
      </c>
      <c r="AI4039">
        <v>8</v>
      </c>
      <c r="AJ4039">
        <v>8</v>
      </c>
      <c r="AK4039">
        <v>8</v>
      </c>
      <c r="AL4039">
        <v>8</v>
      </c>
      <c r="AM4039">
        <v>8</v>
      </c>
      <c r="AN4039">
        <v>8</v>
      </c>
      <c r="AO4039">
        <v>8</v>
      </c>
      <c r="AP4039">
        <v>8</v>
      </c>
      <c r="AQ4039">
        <v>8</v>
      </c>
    </row>
    <row r="4040" spans="1:43">
      <c r="A4040" t="s">
        <v>2556</v>
      </c>
      <c r="B4040" t="s">
        <v>2557</v>
      </c>
      <c r="C4040" t="s">
        <v>2558</v>
      </c>
      <c r="D4040" t="s">
        <v>2559</v>
      </c>
      <c r="E4040" t="s">
        <v>2352</v>
      </c>
      <c r="F4040" t="s">
        <v>2353</v>
      </c>
      <c r="G4040" t="s">
        <v>80</v>
      </c>
      <c r="H4040" t="s">
        <v>81</v>
      </c>
      <c r="I4040" s="2">
        <v>0</v>
      </c>
      <c r="J4040" s="2">
        <v>0</v>
      </c>
      <c r="K4040" s="2">
        <v>1</v>
      </c>
      <c r="L4040" t="s">
        <v>995</v>
      </c>
      <c r="M4040" t="s">
        <v>89</v>
      </c>
      <c r="N4040" t="s">
        <v>90</v>
      </c>
      <c r="O4040" t="s">
        <v>85</v>
      </c>
      <c r="P4040" t="s">
        <v>86</v>
      </c>
      <c r="Q4040">
        <v>9</v>
      </c>
      <c r="R4040">
        <v>9</v>
      </c>
      <c r="S4040">
        <v>9</v>
      </c>
      <c r="T4040">
        <v>10</v>
      </c>
      <c r="U4040">
        <v>10</v>
      </c>
      <c r="V4040">
        <v>10</v>
      </c>
      <c r="W4040">
        <v>10</v>
      </c>
      <c r="X4040">
        <v>10</v>
      </c>
      <c r="Y4040">
        <v>10</v>
      </c>
      <c r="Z4040">
        <v>10</v>
      </c>
      <c r="AA4040">
        <v>10</v>
      </c>
      <c r="AB4040">
        <v>10</v>
      </c>
      <c r="AC4040">
        <v>10</v>
      </c>
      <c r="AD4040">
        <v>10</v>
      </c>
      <c r="AE4040">
        <v>10</v>
      </c>
      <c r="AF4040">
        <v>10</v>
      </c>
      <c r="AG4040">
        <v>10</v>
      </c>
      <c r="AH4040">
        <v>10</v>
      </c>
      <c r="AI4040">
        <v>10</v>
      </c>
      <c r="AJ4040">
        <v>10</v>
      </c>
      <c r="AK4040">
        <v>9</v>
      </c>
      <c r="AL4040">
        <v>9</v>
      </c>
      <c r="AM4040">
        <v>9</v>
      </c>
      <c r="AN4040">
        <v>9</v>
      </c>
      <c r="AO4040">
        <v>9</v>
      </c>
      <c r="AP4040">
        <v>9</v>
      </c>
      <c r="AQ4040">
        <v>9</v>
      </c>
    </row>
    <row r="4041" spans="1:43">
      <c r="A4041" t="s">
        <v>2556</v>
      </c>
      <c r="B4041" t="s">
        <v>2557</v>
      </c>
      <c r="C4041" t="s">
        <v>2558</v>
      </c>
      <c r="D4041" t="s">
        <v>2559</v>
      </c>
      <c r="E4041" t="s">
        <v>2352</v>
      </c>
      <c r="F4041" t="s">
        <v>2353</v>
      </c>
      <c r="G4041" t="s">
        <v>80</v>
      </c>
      <c r="H4041" t="s">
        <v>81</v>
      </c>
      <c r="I4041" s="2">
        <v>0</v>
      </c>
      <c r="J4041" s="2">
        <v>0</v>
      </c>
      <c r="K4041" s="2">
        <v>1</v>
      </c>
      <c r="L4041" t="s">
        <v>995</v>
      </c>
      <c r="M4041" t="s">
        <v>83</v>
      </c>
      <c r="N4041" t="s">
        <v>91</v>
      </c>
      <c r="O4041" t="s">
        <v>85</v>
      </c>
      <c r="P4041" t="s">
        <v>86</v>
      </c>
      <c r="Q4041">
        <v>9</v>
      </c>
      <c r="R4041">
        <v>9</v>
      </c>
      <c r="S4041">
        <v>9</v>
      </c>
      <c r="T4041">
        <v>9</v>
      </c>
      <c r="U4041">
        <v>9</v>
      </c>
      <c r="V4041">
        <v>9</v>
      </c>
      <c r="W4041">
        <v>9</v>
      </c>
      <c r="X4041">
        <v>9</v>
      </c>
      <c r="Y4041">
        <v>9</v>
      </c>
      <c r="Z4041">
        <v>9</v>
      </c>
      <c r="AA4041">
        <v>9</v>
      </c>
      <c r="AB4041">
        <v>9</v>
      </c>
      <c r="AC4041">
        <v>9</v>
      </c>
      <c r="AD4041">
        <v>9</v>
      </c>
      <c r="AE4041">
        <v>9</v>
      </c>
      <c r="AF4041">
        <v>9</v>
      </c>
      <c r="AG4041">
        <v>9</v>
      </c>
      <c r="AH4041">
        <v>9</v>
      </c>
      <c r="AI4041">
        <v>9</v>
      </c>
      <c r="AJ4041">
        <v>9</v>
      </c>
      <c r="AK4041">
        <v>9</v>
      </c>
      <c r="AL4041">
        <v>9</v>
      </c>
      <c r="AM4041">
        <v>9</v>
      </c>
      <c r="AN4041">
        <v>9</v>
      </c>
      <c r="AO4041">
        <v>9</v>
      </c>
      <c r="AP4041">
        <v>9</v>
      </c>
      <c r="AQ4041">
        <v>9</v>
      </c>
    </row>
    <row r="4042" spans="1:43">
      <c r="A4042" t="s">
        <v>2560</v>
      </c>
      <c r="B4042" t="s">
        <v>2561</v>
      </c>
      <c r="C4042" t="s">
        <v>2558</v>
      </c>
      <c r="D4042" t="s">
        <v>2559</v>
      </c>
      <c r="E4042" t="s">
        <v>2352</v>
      </c>
      <c r="F4042" t="s">
        <v>2353</v>
      </c>
      <c r="G4042" t="s">
        <v>80</v>
      </c>
      <c r="H4042" t="s">
        <v>81</v>
      </c>
      <c r="I4042" s="2">
        <v>0</v>
      </c>
      <c r="J4042" s="2">
        <v>0</v>
      </c>
      <c r="K4042" s="2">
        <v>1</v>
      </c>
      <c r="L4042" t="s">
        <v>995</v>
      </c>
      <c r="M4042" t="s">
        <v>83</v>
      </c>
      <c r="N4042" t="s">
        <v>84</v>
      </c>
      <c r="O4042" t="s">
        <v>85</v>
      </c>
      <c r="P4042" t="s">
        <v>86</v>
      </c>
      <c r="Q4042">
        <v>22</v>
      </c>
      <c r="R4042">
        <v>22</v>
      </c>
      <c r="S4042">
        <v>22</v>
      </c>
      <c r="T4042">
        <v>22</v>
      </c>
      <c r="U4042">
        <v>22</v>
      </c>
      <c r="V4042">
        <v>22</v>
      </c>
      <c r="W4042">
        <v>22</v>
      </c>
      <c r="X4042">
        <v>22</v>
      </c>
      <c r="Y4042">
        <v>22</v>
      </c>
      <c r="Z4042">
        <v>22</v>
      </c>
      <c r="AA4042">
        <v>22</v>
      </c>
      <c r="AB4042">
        <v>22</v>
      </c>
      <c r="AC4042">
        <v>22</v>
      </c>
      <c r="AD4042">
        <v>22</v>
      </c>
      <c r="AE4042">
        <v>22</v>
      </c>
      <c r="AF4042">
        <v>22</v>
      </c>
      <c r="AG4042">
        <v>22</v>
      </c>
      <c r="AH4042">
        <v>22</v>
      </c>
      <c r="AI4042">
        <v>22</v>
      </c>
      <c r="AJ4042">
        <v>22</v>
      </c>
      <c r="AK4042">
        <v>22</v>
      </c>
      <c r="AL4042">
        <v>22</v>
      </c>
      <c r="AM4042">
        <v>22</v>
      </c>
      <c r="AN4042">
        <v>21</v>
      </c>
      <c r="AO4042">
        <v>21</v>
      </c>
      <c r="AP4042">
        <v>21</v>
      </c>
      <c r="AQ4042">
        <v>21</v>
      </c>
    </row>
    <row r="4043" spans="1:43">
      <c r="A4043" t="s">
        <v>2560</v>
      </c>
      <c r="B4043" t="s">
        <v>2561</v>
      </c>
      <c r="C4043" t="s">
        <v>2558</v>
      </c>
      <c r="D4043" t="s">
        <v>2559</v>
      </c>
      <c r="E4043" t="s">
        <v>2352</v>
      </c>
      <c r="F4043" t="s">
        <v>2353</v>
      </c>
      <c r="G4043" t="s">
        <v>80</v>
      </c>
      <c r="H4043" t="s">
        <v>81</v>
      </c>
      <c r="I4043" s="2">
        <v>0</v>
      </c>
      <c r="J4043" s="2">
        <v>0</v>
      </c>
      <c r="K4043" s="2">
        <v>1</v>
      </c>
      <c r="L4043" t="s">
        <v>995</v>
      </c>
      <c r="M4043" t="s">
        <v>87</v>
      </c>
      <c r="N4043" t="s">
        <v>88</v>
      </c>
      <c r="O4043" t="s">
        <v>85</v>
      </c>
      <c r="P4043" t="s">
        <v>86</v>
      </c>
      <c r="Q4043">
        <v>22</v>
      </c>
      <c r="R4043">
        <v>22</v>
      </c>
      <c r="S4043">
        <v>22</v>
      </c>
      <c r="T4043">
        <v>22</v>
      </c>
      <c r="U4043">
        <v>22</v>
      </c>
      <c r="V4043">
        <v>22</v>
      </c>
      <c r="W4043">
        <v>22</v>
      </c>
      <c r="X4043">
        <v>21</v>
      </c>
      <c r="Y4043">
        <v>21</v>
      </c>
      <c r="Z4043">
        <v>21</v>
      </c>
      <c r="AA4043">
        <v>21</v>
      </c>
      <c r="AB4043">
        <v>21</v>
      </c>
      <c r="AC4043">
        <v>21</v>
      </c>
      <c r="AD4043">
        <v>21</v>
      </c>
      <c r="AE4043">
        <v>20</v>
      </c>
      <c r="AF4043">
        <v>20</v>
      </c>
      <c r="AG4043">
        <v>20</v>
      </c>
      <c r="AH4043">
        <v>20</v>
      </c>
      <c r="AI4043">
        <v>20</v>
      </c>
      <c r="AJ4043">
        <v>20</v>
      </c>
      <c r="AK4043">
        <v>20</v>
      </c>
      <c r="AL4043">
        <v>20</v>
      </c>
      <c r="AM4043">
        <v>19</v>
      </c>
      <c r="AN4043">
        <v>19</v>
      </c>
      <c r="AO4043">
        <v>19</v>
      </c>
      <c r="AP4043">
        <v>19</v>
      </c>
      <c r="AQ4043">
        <v>19</v>
      </c>
    </row>
    <row r="4044" spans="1:43">
      <c r="A4044" t="s">
        <v>2560</v>
      </c>
      <c r="B4044" t="s">
        <v>2561</v>
      </c>
      <c r="C4044" t="s">
        <v>2558</v>
      </c>
      <c r="D4044" t="s">
        <v>2559</v>
      </c>
      <c r="E4044" t="s">
        <v>2352</v>
      </c>
      <c r="F4044" t="s">
        <v>2353</v>
      </c>
      <c r="G4044" t="s">
        <v>80</v>
      </c>
      <c r="H4044" t="s">
        <v>81</v>
      </c>
      <c r="I4044" s="2">
        <v>0</v>
      </c>
      <c r="J4044" s="2">
        <v>0</v>
      </c>
      <c r="K4044" s="2">
        <v>1</v>
      </c>
      <c r="L4044" t="s">
        <v>995</v>
      </c>
      <c r="M4044" t="s">
        <v>89</v>
      </c>
      <c r="N4044" t="s">
        <v>90</v>
      </c>
      <c r="O4044" t="s">
        <v>85</v>
      </c>
      <c r="P4044" t="s">
        <v>86</v>
      </c>
      <c r="Q4044">
        <v>22</v>
      </c>
      <c r="R4044">
        <v>22</v>
      </c>
      <c r="S4044">
        <v>22</v>
      </c>
      <c r="T4044">
        <v>22</v>
      </c>
      <c r="U4044">
        <v>23</v>
      </c>
      <c r="V4044">
        <v>23</v>
      </c>
      <c r="W4044">
        <v>23</v>
      </c>
      <c r="X4044">
        <v>23</v>
      </c>
      <c r="Y4044">
        <v>23</v>
      </c>
      <c r="Z4044">
        <v>23</v>
      </c>
      <c r="AA4044">
        <v>23</v>
      </c>
      <c r="AB4044">
        <v>23</v>
      </c>
      <c r="AC4044">
        <v>24</v>
      </c>
      <c r="AD4044">
        <v>24</v>
      </c>
      <c r="AE4044">
        <v>24</v>
      </c>
      <c r="AF4044">
        <v>23</v>
      </c>
      <c r="AG4044">
        <v>23</v>
      </c>
      <c r="AH4044">
        <v>23</v>
      </c>
      <c r="AI4044">
        <v>23</v>
      </c>
      <c r="AJ4044">
        <v>22</v>
      </c>
      <c r="AK4044">
        <v>22</v>
      </c>
      <c r="AL4044">
        <v>22</v>
      </c>
      <c r="AM4044">
        <v>22</v>
      </c>
      <c r="AN4044">
        <v>22</v>
      </c>
      <c r="AO4044">
        <v>21</v>
      </c>
      <c r="AP4044">
        <v>21</v>
      </c>
      <c r="AQ4044">
        <v>21</v>
      </c>
    </row>
    <row r="4045" spans="1:43">
      <c r="A4045" t="s">
        <v>2560</v>
      </c>
      <c r="B4045" t="s">
        <v>2561</v>
      </c>
      <c r="C4045" t="s">
        <v>2558</v>
      </c>
      <c r="D4045" t="s">
        <v>2559</v>
      </c>
      <c r="E4045" t="s">
        <v>2352</v>
      </c>
      <c r="F4045" t="s">
        <v>2353</v>
      </c>
      <c r="G4045" t="s">
        <v>80</v>
      </c>
      <c r="H4045" t="s">
        <v>81</v>
      </c>
      <c r="I4045" s="2">
        <v>0</v>
      </c>
      <c r="J4045" s="2">
        <v>0</v>
      </c>
      <c r="K4045" s="2">
        <v>1</v>
      </c>
      <c r="L4045" t="s">
        <v>995</v>
      </c>
      <c r="M4045" t="s">
        <v>83</v>
      </c>
      <c r="N4045" t="s">
        <v>91</v>
      </c>
      <c r="O4045" t="s">
        <v>85</v>
      </c>
      <c r="P4045" t="s">
        <v>86</v>
      </c>
      <c r="Q4045">
        <v>22</v>
      </c>
      <c r="R4045">
        <v>22</v>
      </c>
      <c r="S4045">
        <v>22</v>
      </c>
      <c r="T4045">
        <v>22</v>
      </c>
      <c r="U4045">
        <v>22</v>
      </c>
      <c r="V4045">
        <v>22</v>
      </c>
      <c r="W4045">
        <v>22</v>
      </c>
      <c r="X4045">
        <v>22</v>
      </c>
      <c r="Y4045">
        <v>22</v>
      </c>
      <c r="Z4045">
        <v>22</v>
      </c>
      <c r="AA4045">
        <v>22</v>
      </c>
      <c r="AB4045">
        <v>22</v>
      </c>
      <c r="AC4045">
        <v>22</v>
      </c>
      <c r="AD4045">
        <v>22</v>
      </c>
      <c r="AE4045">
        <v>22</v>
      </c>
      <c r="AF4045">
        <v>22</v>
      </c>
      <c r="AG4045">
        <v>22</v>
      </c>
      <c r="AH4045">
        <v>22</v>
      </c>
      <c r="AI4045">
        <v>22</v>
      </c>
      <c r="AJ4045">
        <v>22</v>
      </c>
      <c r="AK4045">
        <v>22</v>
      </c>
      <c r="AL4045">
        <v>22</v>
      </c>
      <c r="AM4045">
        <v>22</v>
      </c>
      <c r="AN4045">
        <v>21</v>
      </c>
      <c r="AO4045">
        <v>21</v>
      </c>
      <c r="AP4045">
        <v>21</v>
      </c>
      <c r="AQ4045">
        <v>21</v>
      </c>
    </row>
    <row r="4046" spans="1:43">
      <c r="A4046" t="s">
        <v>2562</v>
      </c>
      <c r="B4046" t="s">
        <v>2563</v>
      </c>
      <c r="C4046" t="s">
        <v>2558</v>
      </c>
      <c r="D4046" t="s">
        <v>2559</v>
      </c>
      <c r="E4046" t="s">
        <v>2352</v>
      </c>
      <c r="F4046" t="s">
        <v>2353</v>
      </c>
      <c r="G4046" t="s">
        <v>80</v>
      </c>
      <c r="H4046" t="s">
        <v>81</v>
      </c>
      <c r="I4046" s="2">
        <v>0</v>
      </c>
      <c r="J4046" s="2">
        <v>0</v>
      </c>
      <c r="K4046" s="2">
        <v>1</v>
      </c>
      <c r="L4046" t="s">
        <v>995</v>
      </c>
      <c r="M4046" t="s">
        <v>83</v>
      </c>
      <c r="N4046" t="s">
        <v>84</v>
      </c>
      <c r="O4046" t="s">
        <v>85</v>
      </c>
      <c r="P4046" t="s">
        <v>86</v>
      </c>
      <c r="Q4046">
        <v>12</v>
      </c>
      <c r="R4046">
        <v>12</v>
      </c>
      <c r="S4046">
        <v>12</v>
      </c>
      <c r="T4046">
        <v>12</v>
      </c>
      <c r="U4046">
        <v>12</v>
      </c>
      <c r="V4046">
        <v>12</v>
      </c>
      <c r="W4046">
        <v>12</v>
      </c>
      <c r="X4046">
        <v>12</v>
      </c>
      <c r="Y4046">
        <v>12</v>
      </c>
      <c r="Z4046">
        <v>12</v>
      </c>
      <c r="AA4046">
        <v>12</v>
      </c>
      <c r="AB4046">
        <v>12</v>
      </c>
      <c r="AC4046">
        <v>12</v>
      </c>
      <c r="AD4046">
        <v>12</v>
      </c>
      <c r="AE4046">
        <v>12</v>
      </c>
      <c r="AF4046">
        <v>12</v>
      </c>
      <c r="AG4046">
        <v>12</v>
      </c>
      <c r="AH4046">
        <v>12</v>
      </c>
      <c r="AI4046">
        <v>12</v>
      </c>
      <c r="AJ4046">
        <v>12</v>
      </c>
      <c r="AK4046">
        <v>12</v>
      </c>
      <c r="AL4046">
        <v>12</v>
      </c>
      <c r="AM4046">
        <v>12</v>
      </c>
      <c r="AN4046">
        <v>12</v>
      </c>
      <c r="AO4046">
        <v>11</v>
      </c>
      <c r="AP4046">
        <v>11</v>
      </c>
      <c r="AQ4046">
        <v>11</v>
      </c>
    </row>
    <row r="4047" spans="1:43">
      <c r="A4047" t="s">
        <v>2562</v>
      </c>
      <c r="B4047" t="s">
        <v>2563</v>
      </c>
      <c r="C4047" t="s">
        <v>2558</v>
      </c>
      <c r="D4047" t="s">
        <v>2559</v>
      </c>
      <c r="E4047" t="s">
        <v>2352</v>
      </c>
      <c r="F4047" t="s">
        <v>2353</v>
      </c>
      <c r="G4047" t="s">
        <v>80</v>
      </c>
      <c r="H4047" t="s">
        <v>81</v>
      </c>
      <c r="I4047" s="2">
        <v>0</v>
      </c>
      <c r="J4047" s="2">
        <v>0</v>
      </c>
      <c r="K4047" s="2">
        <v>1</v>
      </c>
      <c r="L4047" t="s">
        <v>995</v>
      </c>
      <c r="M4047" t="s">
        <v>87</v>
      </c>
      <c r="N4047" t="s">
        <v>88</v>
      </c>
      <c r="O4047" t="s">
        <v>85</v>
      </c>
      <c r="P4047" t="s">
        <v>86</v>
      </c>
      <c r="Q4047">
        <v>12</v>
      </c>
      <c r="R4047">
        <v>11</v>
      </c>
      <c r="S4047">
        <v>11</v>
      </c>
      <c r="T4047">
        <v>11</v>
      </c>
      <c r="U4047">
        <v>11</v>
      </c>
      <c r="V4047">
        <v>11</v>
      </c>
      <c r="W4047">
        <v>11</v>
      </c>
      <c r="X4047">
        <v>11</v>
      </c>
      <c r="Y4047">
        <v>11</v>
      </c>
      <c r="Z4047">
        <v>11</v>
      </c>
      <c r="AA4047">
        <v>11</v>
      </c>
      <c r="AB4047">
        <v>11</v>
      </c>
      <c r="AC4047">
        <v>11</v>
      </c>
      <c r="AD4047">
        <v>11</v>
      </c>
      <c r="AE4047">
        <v>11</v>
      </c>
      <c r="AF4047">
        <v>10</v>
      </c>
      <c r="AG4047">
        <v>10</v>
      </c>
      <c r="AH4047">
        <v>10</v>
      </c>
      <c r="AI4047">
        <v>10</v>
      </c>
      <c r="AJ4047">
        <v>10</v>
      </c>
      <c r="AK4047">
        <v>10</v>
      </c>
      <c r="AL4047">
        <v>10</v>
      </c>
      <c r="AM4047">
        <v>10</v>
      </c>
      <c r="AN4047">
        <v>10</v>
      </c>
      <c r="AO4047">
        <v>10</v>
      </c>
      <c r="AP4047">
        <v>10</v>
      </c>
      <c r="AQ4047">
        <v>10</v>
      </c>
    </row>
    <row r="4048" spans="1:43">
      <c r="A4048" t="s">
        <v>2562</v>
      </c>
      <c r="B4048" t="s">
        <v>2563</v>
      </c>
      <c r="C4048" t="s">
        <v>2558</v>
      </c>
      <c r="D4048" t="s">
        <v>2559</v>
      </c>
      <c r="E4048" t="s">
        <v>2352</v>
      </c>
      <c r="F4048" t="s">
        <v>2353</v>
      </c>
      <c r="G4048" t="s">
        <v>80</v>
      </c>
      <c r="H4048" t="s">
        <v>81</v>
      </c>
      <c r="I4048" s="2">
        <v>0</v>
      </c>
      <c r="J4048" s="2">
        <v>0</v>
      </c>
      <c r="K4048" s="2">
        <v>1</v>
      </c>
      <c r="L4048" t="s">
        <v>995</v>
      </c>
      <c r="M4048" t="s">
        <v>89</v>
      </c>
      <c r="N4048" t="s">
        <v>90</v>
      </c>
      <c r="O4048" t="s">
        <v>85</v>
      </c>
      <c r="P4048" t="s">
        <v>86</v>
      </c>
      <c r="Q4048">
        <v>12</v>
      </c>
      <c r="R4048">
        <v>12</v>
      </c>
      <c r="S4048">
        <v>12</v>
      </c>
      <c r="T4048">
        <v>12</v>
      </c>
      <c r="U4048">
        <v>12</v>
      </c>
      <c r="V4048">
        <v>12</v>
      </c>
      <c r="W4048">
        <v>12</v>
      </c>
      <c r="X4048">
        <v>13</v>
      </c>
      <c r="Y4048">
        <v>13</v>
      </c>
      <c r="Z4048">
        <v>13</v>
      </c>
      <c r="AA4048">
        <v>13</v>
      </c>
      <c r="AB4048">
        <v>13</v>
      </c>
      <c r="AC4048">
        <v>13</v>
      </c>
      <c r="AD4048">
        <v>13</v>
      </c>
      <c r="AE4048">
        <v>13</v>
      </c>
      <c r="AF4048">
        <v>13</v>
      </c>
      <c r="AG4048">
        <v>13</v>
      </c>
      <c r="AH4048">
        <v>12</v>
      </c>
      <c r="AI4048">
        <v>12</v>
      </c>
      <c r="AJ4048">
        <v>12</v>
      </c>
      <c r="AK4048">
        <v>12</v>
      </c>
      <c r="AL4048">
        <v>12</v>
      </c>
      <c r="AM4048">
        <v>12</v>
      </c>
      <c r="AN4048">
        <v>12</v>
      </c>
      <c r="AO4048">
        <v>12</v>
      </c>
      <c r="AP4048">
        <v>11</v>
      </c>
      <c r="AQ4048">
        <v>11</v>
      </c>
    </row>
    <row r="4049" spans="1:43">
      <c r="A4049" t="s">
        <v>2562</v>
      </c>
      <c r="B4049" t="s">
        <v>2563</v>
      </c>
      <c r="C4049" t="s">
        <v>2558</v>
      </c>
      <c r="D4049" t="s">
        <v>2559</v>
      </c>
      <c r="E4049" t="s">
        <v>2352</v>
      </c>
      <c r="F4049" t="s">
        <v>2353</v>
      </c>
      <c r="G4049" t="s">
        <v>80</v>
      </c>
      <c r="H4049" t="s">
        <v>81</v>
      </c>
      <c r="I4049" s="2">
        <v>0</v>
      </c>
      <c r="J4049" s="2">
        <v>0</v>
      </c>
      <c r="K4049" s="2">
        <v>1</v>
      </c>
      <c r="L4049" t="s">
        <v>995</v>
      </c>
      <c r="M4049" t="s">
        <v>83</v>
      </c>
      <c r="N4049" t="s">
        <v>91</v>
      </c>
      <c r="O4049" t="s">
        <v>85</v>
      </c>
      <c r="P4049" t="s">
        <v>86</v>
      </c>
      <c r="Q4049">
        <v>12</v>
      </c>
      <c r="R4049">
        <v>12</v>
      </c>
      <c r="S4049">
        <v>12</v>
      </c>
      <c r="T4049">
        <v>12</v>
      </c>
      <c r="U4049">
        <v>12</v>
      </c>
      <c r="V4049">
        <v>12</v>
      </c>
      <c r="W4049">
        <v>12</v>
      </c>
      <c r="X4049">
        <v>12</v>
      </c>
      <c r="Y4049">
        <v>12</v>
      </c>
      <c r="Z4049">
        <v>12</v>
      </c>
      <c r="AA4049">
        <v>12</v>
      </c>
      <c r="AB4049">
        <v>12</v>
      </c>
      <c r="AC4049">
        <v>12</v>
      </c>
      <c r="AD4049">
        <v>12</v>
      </c>
      <c r="AE4049">
        <v>12</v>
      </c>
      <c r="AF4049">
        <v>12</v>
      </c>
      <c r="AG4049">
        <v>12</v>
      </c>
      <c r="AH4049">
        <v>12</v>
      </c>
      <c r="AI4049">
        <v>12</v>
      </c>
      <c r="AJ4049">
        <v>12</v>
      </c>
      <c r="AK4049">
        <v>12</v>
      </c>
      <c r="AL4049">
        <v>12</v>
      </c>
      <c r="AM4049">
        <v>12</v>
      </c>
      <c r="AN4049">
        <v>12</v>
      </c>
      <c r="AO4049">
        <v>11</v>
      </c>
      <c r="AP4049">
        <v>11</v>
      </c>
      <c r="AQ4049">
        <v>11</v>
      </c>
    </row>
    <row r="4050" spans="1:43">
      <c r="A4050" t="s">
        <v>2564</v>
      </c>
      <c r="B4050" t="s">
        <v>2565</v>
      </c>
      <c r="C4050" t="s">
        <v>2558</v>
      </c>
      <c r="D4050" t="s">
        <v>2559</v>
      </c>
      <c r="E4050" t="s">
        <v>2352</v>
      </c>
      <c r="F4050" t="s">
        <v>2353</v>
      </c>
      <c r="G4050" t="s">
        <v>80</v>
      </c>
      <c r="H4050" t="s">
        <v>81</v>
      </c>
      <c r="I4050" s="2">
        <v>0</v>
      </c>
      <c r="J4050" s="2">
        <v>0</v>
      </c>
      <c r="K4050" s="2">
        <v>1</v>
      </c>
      <c r="L4050" t="s">
        <v>995</v>
      </c>
      <c r="M4050" t="s">
        <v>83</v>
      </c>
      <c r="N4050" t="s">
        <v>84</v>
      </c>
      <c r="O4050" t="s">
        <v>85</v>
      </c>
      <c r="P4050" t="s">
        <v>86</v>
      </c>
      <c r="Q4050">
        <v>21</v>
      </c>
      <c r="R4050">
        <v>21</v>
      </c>
      <c r="S4050">
        <v>21</v>
      </c>
      <c r="T4050">
        <v>21</v>
      </c>
      <c r="U4050">
        <v>21</v>
      </c>
      <c r="V4050">
        <v>21</v>
      </c>
      <c r="W4050">
        <v>21</v>
      </c>
      <c r="X4050">
        <v>21</v>
      </c>
      <c r="Y4050">
        <v>21</v>
      </c>
      <c r="Z4050">
        <v>21</v>
      </c>
      <c r="AA4050">
        <v>21</v>
      </c>
      <c r="AB4050">
        <v>21</v>
      </c>
      <c r="AC4050">
        <v>21</v>
      </c>
      <c r="AD4050">
        <v>21</v>
      </c>
      <c r="AE4050">
        <v>21</v>
      </c>
      <c r="AF4050">
        <v>21</v>
      </c>
      <c r="AG4050">
        <v>21</v>
      </c>
      <c r="AH4050">
        <v>21</v>
      </c>
      <c r="AI4050">
        <v>21</v>
      </c>
      <c r="AJ4050">
        <v>21</v>
      </c>
      <c r="AK4050">
        <v>21</v>
      </c>
      <c r="AL4050">
        <v>21</v>
      </c>
      <c r="AM4050">
        <v>21</v>
      </c>
      <c r="AN4050">
        <v>21</v>
      </c>
      <c r="AO4050">
        <v>21</v>
      </c>
      <c r="AP4050">
        <v>20</v>
      </c>
      <c r="AQ4050">
        <v>20</v>
      </c>
    </row>
    <row r="4051" spans="1:43">
      <c r="A4051" t="s">
        <v>2564</v>
      </c>
      <c r="B4051" t="s">
        <v>2565</v>
      </c>
      <c r="C4051" t="s">
        <v>2558</v>
      </c>
      <c r="D4051" t="s">
        <v>2559</v>
      </c>
      <c r="E4051" t="s">
        <v>2352</v>
      </c>
      <c r="F4051" t="s">
        <v>2353</v>
      </c>
      <c r="G4051" t="s">
        <v>80</v>
      </c>
      <c r="H4051" t="s">
        <v>81</v>
      </c>
      <c r="I4051" s="2">
        <v>0</v>
      </c>
      <c r="J4051" s="2">
        <v>0</v>
      </c>
      <c r="K4051" s="2">
        <v>1</v>
      </c>
      <c r="L4051" t="s">
        <v>995</v>
      </c>
      <c r="M4051" t="s">
        <v>87</v>
      </c>
      <c r="N4051" t="s">
        <v>88</v>
      </c>
      <c r="O4051" t="s">
        <v>85</v>
      </c>
      <c r="P4051" t="s">
        <v>86</v>
      </c>
      <c r="Q4051">
        <v>21</v>
      </c>
      <c r="R4051">
        <v>21</v>
      </c>
      <c r="S4051">
        <v>21</v>
      </c>
      <c r="T4051">
        <v>21</v>
      </c>
      <c r="U4051">
        <v>21</v>
      </c>
      <c r="V4051">
        <v>21</v>
      </c>
      <c r="W4051">
        <v>21</v>
      </c>
      <c r="X4051">
        <v>21</v>
      </c>
      <c r="Y4051">
        <v>20</v>
      </c>
      <c r="Z4051">
        <v>20</v>
      </c>
      <c r="AA4051">
        <v>20</v>
      </c>
      <c r="AB4051">
        <v>20</v>
      </c>
      <c r="AC4051">
        <v>20</v>
      </c>
      <c r="AD4051">
        <v>20</v>
      </c>
      <c r="AE4051">
        <v>20</v>
      </c>
      <c r="AF4051">
        <v>20</v>
      </c>
      <c r="AG4051">
        <v>20</v>
      </c>
      <c r="AH4051">
        <v>19</v>
      </c>
      <c r="AI4051">
        <v>19</v>
      </c>
      <c r="AJ4051">
        <v>19</v>
      </c>
      <c r="AK4051">
        <v>19</v>
      </c>
      <c r="AL4051">
        <v>19</v>
      </c>
      <c r="AM4051">
        <v>19</v>
      </c>
      <c r="AN4051">
        <v>19</v>
      </c>
      <c r="AO4051">
        <v>19</v>
      </c>
      <c r="AP4051">
        <v>19</v>
      </c>
      <c r="AQ4051">
        <v>18</v>
      </c>
    </row>
    <row r="4052" spans="1:43">
      <c r="A4052" t="s">
        <v>2564</v>
      </c>
      <c r="B4052" t="s">
        <v>2565</v>
      </c>
      <c r="C4052" t="s">
        <v>2558</v>
      </c>
      <c r="D4052" t="s">
        <v>2559</v>
      </c>
      <c r="E4052" t="s">
        <v>2352</v>
      </c>
      <c r="F4052" t="s">
        <v>2353</v>
      </c>
      <c r="G4052" t="s">
        <v>80</v>
      </c>
      <c r="H4052" t="s">
        <v>81</v>
      </c>
      <c r="I4052" s="2">
        <v>0</v>
      </c>
      <c r="J4052" s="2">
        <v>0</v>
      </c>
      <c r="K4052" s="2">
        <v>1</v>
      </c>
      <c r="L4052" t="s">
        <v>995</v>
      </c>
      <c r="M4052" t="s">
        <v>89</v>
      </c>
      <c r="N4052" t="s">
        <v>90</v>
      </c>
      <c r="O4052" t="s">
        <v>85</v>
      </c>
      <c r="P4052" t="s">
        <v>86</v>
      </c>
      <c r="Q4052">
        <v>21</v>
      </c>
      <c r="R4052">
        <v>21</v>
      </c>
      <c r="S4052">
        <v>21</v>
      </c>
      <c r="T4052">
        <v>22</v>
      </c>
      <c r="U4052">
        <v>22</v>
      </c>
      <c r="V4052">
        <v>22</v>
      </c>
      <c r="W4052">
        <v>22</v>
      </c>
      <c r="X4052">
        <v>22</v>
      </c>
      <c r="Y4052">
        <v>22</v>
      </c>
      <c r="Z4052">
        <v>22</v>
      </c>
      <c r="AA4052">
        <v>22</v>
      </c>
      <c r="AB4052">
        <v>23</v>
      </c>
      <c r="AC4052">
        <v>23</v>
      </c>
      <c r="AD4052">
        <v>23</v>
      </c>
      <c r="AE4052">
        <v>23</v>
      </c>
      <c r="AF4052">
        <v>22</v>
      </c>
      <c r="AG4052">
        <v>22</v>
      </c>
      <c r="AH4052">
        <v>22</v>
      </c>
      <c r="AI4052">
        <v>22</v>
      </c>
      <c r="AJ4052">
        <v>22</v>
      </c>
      <c r="AK4052">
        <v>21</v>
      </c>
      <c r="AL4052">
        <v>21</v>
      </c>
      <c r="AM4052">
        <v>21</v>
      </c>
      <c r="AN4052">
        <v>21</v>
      </c>
      <c r="AO4052">
        <v>21</v>
      </c>
      <c r="AP4052">
        <v>21</v>
      </c>
      <c r="AQ4052">
        <v>20</v>
      </c>
    </row>
    <row r="4053" spans="1:43">
      <c r="A4053" t="s">
        <v>2564</v>
      </c>
      <c r="B4053" t="s">
        <v>2565</v>
      </c>
      <c r="C4053" t="s">
        <v>2558</v>
      </c>
      <c r="D4053" t="s">
        <v>2559</v>
      </c>
      <c r="E4053" t="s">
        <v>2352</v>
      </c>
      <c r="F4053" t="s">
        <v>2353</v>
      </c>
      <c r="G4053" t="s">
        <v>80</v>
      </c>
      <c r="H4053" t="s">
        <v>81</v>
      </c>
      <c r="I4053" s="2">
        <v>0</v>
      </c>
      <c r="J4053" s="2">
        <v>0</v>
      </c>
      <c r="K4053" s="2">
        <v>1</v>
      </c>
      <c r="L4053" t="s">
        <v>995</v>
      </c>
      <c r="M4053" t="s">
        <v>83</v>
      </c>
      <c r="N4053" t="s">
        <v>91</v>
      </c>
      <c r="O4053" t="s">
        <v>85</v>
      </c>
      <c r="P4053" t="s">
        <v>86</v>
      </c>
      <c r="Q4053">
        <v>21</v>
      </c>
      <c r="R4053">
        <v>21</v>
      </c>
      <c r="S4053">
        <v>21</v>
      </c>
      <c r="T4053">
        <v>21</v>
      </c>
      <c r="U4053">
        <v>21</v>
      </c>
      <c r="V4053">
        <v>21</v>
      </c>
      <c r="W4053">
        <v>21</v>
      </c>
      <c r="X4053">
        <v>21</v>
      </c>
      <c r="Y4053">
        <v>21</v>
      </c>
      <c r="Z4053">
        <v>21</v>
      </c>
      <c r="AA4053">
        <v>21</v>
      </c>
      <c r="AB4053">
        <v>21</v>
      </c>
      <c r="AC4053">
        <v>21</v>
      </c>
      <c r="AD4053">
        <v>21</v>
      </c>
      <c r="AE4053">
        <v>21</v>
      </c>
      <c r="AF4053">
        <v>21</v>
      </c>
      <c r="AG4053">
        <v>21</v>
      </c>
      <c r="AH4053">
        <v>21</v>
      </c>
      <c r="AI4053">
        <v>21</v>
      </c>
      <c r="AJ4053">
        <v>21</v>
      </c>
      <c r="AK4053">
        <v>21</v>
      </c>
      <c r="AL4053">
        <v>21</v>
      </c>
      <c r="AM4053">
        <v>21</v>
      </c>
      <c r="AN4053">
        <v>21</v>
      </c>
      <c r="AO4053">
        <v>21</v>
      </c>
      <c r="AP4053">
        <v>20</v>
      </c>
      <c r="AQ4053">
        <v>20</v>
      </c>
    </row>
    <row r="4054" spans="1:43">
      <c r="A4054" t="s">
        <v>2566</v>
      </c>
      <c r="B4054" t="s">
        <v>2567</v>
      </c>
      <c r="C4054" t="s">
        <v>2568</v>
      </c>
      <c r="D4054" t="s">
        <v>2569</v>
      </c>
      <c r="E4054" t="s">
        <v>2352</v>
      </c>
      <c r="F4054" t="s">
        <v>2353</v>
      </c>
      <c r="G4054" t="s">
        <v>80</v>
      </c>
      <c r="H4054" t="s">
        <v>81</v>
      </c>
      <c r="I4054" s="2">
        <v>0</v>
      </c>
      <c r="J4054" s="2">
        <v>0</v>
      </c>
      <c r="K4054" s="2">
        <v>1</v>
      </c>
      <c r="L4054" t="s">
        <v>995</v>
      </c>
      <c r="M4054" t="s">
        <v>83</v>
      </c>
      <c r="N4054" t="s">
        <v>84</v>
      </c>
      <c r="O4054" t="s">
        <v>85</v>
      </c>
      <c r="P4054" t="s">
        <v>86</v>
      </c>
      <c r="Q4054">
        <v>19</v>
      </c>
      <c r="R4054">
        <v>19</v>
      </c>
      <c r="S4054">
        <v>19</v>
      </c>
      <c r="T4054">
        <v>19</v>
      </c>
      <c r="U4054">
        <v>19</v>
      </c>
      <c r="V4054">
        <v>19</v>
      </c>
      <c r="W4054">
        <v>19</v>
      </c>
      <c r="X4054">
        <v>19</v>
      </c>
      <c r="Y4054">
        <v>19</v>
      </c>
      <c r="Z4054">
        <v>19</v>
      </c>
      <c r="AA4054">
        <v>19</v>
      </c>
      <c r="AB4054">
        <v>19</v>
      </c>
      <c r="AC4054">
        <v>19</v>
      </c>
      <c r="AD4054">
        <v>19</v>
      </c>
      <c r="AE4054">
        <v>19</v>
      </c>
      <c r="AF4054">
        <v>19</v>
      </c>
      <c r="AG4054">
        <v>19</v>
      </c>
      <c r="AH4054">
        <v>19</v>
      </c>
      <c r="AI4054">
        <v>19</v>
      </c>
      <c r="AJ4054">
        <v>19</v>
      </c>
      <c r="AK4054">
        <v>19</v>
      </c>
      <c r="AL4054">
        <v>19</v>
      </c>
      <c r="AM4054">
        <v>19</v>
      </c>
      <c r="AN4054">
        <v>19</v>
      </c>
      <c r="AO4054">
        <v>18</v>
      </c>
      <c r="AP4054">
        <v>18</v>
      </c>
      <c r="AQ4054">
        <v>18</v>
      </c>
    </row>
    <row r="4055" spans="1:43">
      <c r="A4055" t="s">
        <v>2566</v>
      </c>
      <c r="B4055" t="s">
        <v>2567</v>
      </c>
      <c r="C4055" t="s">
        <v>2568</v>
      </c>
      <c r="D4055" t="s">
        <v>2569</v>
      </c>
      <c r="E4055" t="s">
        <v>2352</v>
      </c>
      <c r="F4055" t="s">
        <v>2353</v>
      </c>
      <c r="G4055" t="s">
        <v>80</v>
      </c>
      <c r="H4055" t="s">
        <v>81</v>
      </c>
      <c r="I4055" s="2">
        <v>0</v>
      </c>
      <c r="J4055" s="2">
        <v>0</v>
      </c>
      <c r="K4055" s="2">
        <v>1</v>
      </c>
      <c r="L4055" t="s">
        <v>995</v>
      </c>
      <c r="M4055" t="s">
        <v>87</v>
      </c>
      <c r="N4055" t="s">
        <v>88</v>
      </c>
      <c r="O4055" t="s">
        <v>85</v>
      </c>
      <c r="P4055" t="s">
        <v>86</v>
      </c>
      <c r="Q4055">
        <v>19</v>
      </c>
      <c r="R4055">
        <v>19</v>
      </c>
      <c r="S4055">
        <v>19</v>
      </c>
      <c r="T4055">
        <v>19</v>
      </c>
      <c r="U4055">
        <v>19</v>
      </c>
      <c r="V4055">
        <v>19</v>
      </c>
      <c r="W4055">
        <v>19</v>
      </c>
      <c r="X4055">
        <v>19</v>
      </c>
      <c r="Y4055">
        <v>19</v>
      </c>
      <c r="Z4055">
        <v>18</v>
      </c>
      <c r="AA4055">
        <v>18</v>
      </c>
      <c r="AB4055">
        <v>18</v>
      </c>
      <c r="AC4055">
        <v>18</v>
      </c>
      <c r="AD4055">
        <v>18</v>
      </c>
      <c r="AE4055">
        <v>18</v>
      </c>
      <c r="AF4055">
        <v>18</v>
      </c>
      <c r="AG4055">
        <v>18</v>
      </c>
      <c r="AH4055">
        <v>18</v>
      </c>
      <c r="AI4055">
        <v>18</v>
      </c>
      <c r="AJ4055">
        <v>17</v>
      </c>
      <c r="AK4055">
        <v>17</v>
      </c>
      <c r="AL4055">
        <v>17</v>
      </c>
      <c r="AM4055">
        <v>17</v>
      </c>
      <c r="AN4055">
        <v>17</v>
      </c>
      <c r="AO4055">
        <v>17</v>
      </c>
      <c r="AP4055">
        <v>17</v>
      </c>
      <c r="AQ4055">
        <v>17</v>
      </c>
    </row>
    <row r="4056" spans="1:43">
      <c r="A4056" t="s">
        <v>2566</v>
      </c>
      <c r="B4056" t="s">
        <v>2567</v>
      </c>
      <c r="C4056" t="s">
        <v>2568</v>
      </c>
      <c r="D4056" t="s">
        <v>2569</v>
      </c>
      <c r="E4056" t="s">
        <v>2352</v>
      </c>
      <c r="F4056" t="s">
        <v>2353</v>
      </c>
      <c r="G4056" t="s">
        <v>80</v>
      </c>
      <c r="H4056" t="s">
        <v>81</v>
      </c>
      <c r="I4056" s="2">
        <v>0</v>
      </c>
      <c r="J4056" s="2">
        <v>0</v>
      </c>
      <c r="K4056" s="2">
        <v>1</v>
      </c>
      <c r="L4056" t="s">
        <v>995</v>
      </c>
      <c r="M4056" t="s">
        <v>89</v>
      </c>
      <c r="N4056" t="s">
        <v>90</v>
      </c>
      <c r="O4056" t="s">
        <v>85</v>
      </c>
      <c r="P4056" t="s">
        <v>86</v>
      </c>
      <c r="Q4056">
        <v>19</v>
      </c>
      <c r="R4056">
        <v>19</v>
      </c>
      <c r="S4056">
        <v>19</v>
      </c>
      <c r="T4056">
        <v>19</v>
      </c>
      <c r="U4056">
        <v>20</v>
      </c>
      <c r="V4056">
        <v>20</v>
      </c>
      <c r="W4056">
        <v>20</v>
      </c>
      <c r="X4056">
        <v>20</v>
      </c>
      <c r="Y4056">
        <v>20</v>
      </c>
      <c r="Z4056">
        <v>20</v>
      </c>
      <c r="AA4056">
        <v>20</v>
      </c>
      <c r="AB4056">
        <v>20</v>
      </c>
      <c r="AC4056">
        <v>20</v>
      </c>
      <c r="AD4056">
        <v>20</v>
      </c>
      <c r="AE4056">
        <v>20</v>
      </c>
      <c r="AF4056">
        <v>20</v>
      </c>
      <c r="AG4056">
        <v>20</v>
      </c>
      <c r="AH4056">
        <v>20</v>
      </c>
      <c r="AI4056">
        <v>20</v>
      </c>
      <c r="AJ4056">
        <v>19</v>
      </c>
      <c r="AK4056">
        <v>19</v>
      </c>
      <c r="AL4056">
        <v>19</v>
      </c>
      <c r="AM4056">
        <v>19</v>
      </c>
      <c r="AN4056">
        <v>19</v>
      </c>
      <c r="AO4056">
        <v>19</v>
      </c>
      <c r="AP4056">
        <v>18</v>
      </c>
      <c r="AQ4056">
        <v>18</v>
      </c>
    </row>
    <row r="4057" spans="1:43">
      <c r="A4057" t="s">
        <v>2566</v>
      </c>
      <c r="B4057" t="s">
        <v>2567</v>
      </c>
      <c r="C4057" t="s">
        <v>2568</v>
      </c>
      <c r="D4057" t="s">
        <v>2569</v>
      </c>
      <c r="E4057" t="s">
        <v>2352</v>
      </c>
      <c r="F4057" t="s">
        <v>2353</v>
      </c>
      <c r="G4057" t="s">
        <v>80</v>
      </c>
      <c r="H4057" t="s">
        <v>81</v>
      </c>
      <c r="I4057" s="2">
        <v>0</v>
      </c>
      <c r="J4057" s="2">
        <v>0</v>
      </c>
      <c r="K4057" s="2">
        <v>1</v>
      </c>
      <c r="L4057" t="s">
        <v>995</v>
      </c>
      <c r="M4057" t="s">
        <v>83</v>
      </c>
      <c r="N4057" t="s">
        <v>91</v>
      </c>
      <c r="O4057" t="s">
        <v>85</v>
      </c>
      <c r="P4057" t="s">
        <v>86</v>
      </c>
      <c r="Q4057">
        <v>19</v>
      </c>
      <c r="R4057">
        <v>19</v>
      </c>
      <c r="S4057">
        <v>19</v>
      </c>
      <c r="T4057">
        <v>19</v>
      </c>
      <c r="U4057">
        <v>19</v>
      </c>
      <c r="V4057">
        <v>19</v>
      </c>
      <c r="W4057">
        <v>19</v>
      </c>
      <c r="X4057">
        <v>19</v>
      </c>
      <c r="Y4057">
        <v>19</v>
      </c>
      <c r="Z4057">
        <v>19</v>
      </c>
      <c r="AA4057">
        <v>19</v>
      </c>
      <c r="AB4057">
        <v>19</v>
      </c>
      <c r="AC4057">
        <v>19</v>
      </c>
      <c r="AD4057">
        <v>19</v>
      </c>
      <c r="AE4057">
        <v>19</v>
      </c>
      <c r="AF4057">
        <v>19</v>
      </c>
      <c r="AG4057">
        <v>19</v>
      </c>
      <c r="AH4057">
        <v>19</v>
      </c>
      <c r="AI4057">
        <v>19</v>
      </c>
      <c r="AJ4057">
        <v>19</v>
      </c>
      <c r="AK4057">
        <v>19</v>
      </c>
      <c r="AL4057">
        <v>19</v>
      </c>
      <c r="AM4057">
        <v>19</v>
      </c>
      <c r="AN4057">
        <v>19</v>
      </c>
      <c r="AO4057">
        <v>18</v>
      </c>
      <c r="AP4057">
        <v>18</v>
      </c>
      <c r="AQ4057">
        <v>18</v>
      </c>
    </row>
    <row r="4058" spans="1:43">
      <c r="A4058" t="s">
        <v>2570</v>
      </c>
      <c r="B4058" t="s">
        <v>2571</v>
      </c>
      <c r="C4058" t="s">
        <v>2568</v>
      </c>
      <c r="D4058" t="s">
        <v>2569</v>
      </c>
      <c r="E4058" t="s">
        <v>2352</v>
      </c>
      <c r="F4058" t="s">
        <v>2353</v>
      </c>
      <c r="G4058" t="s">
        <v>80</v>
      </c>
      <c r="H4058" t="s">
        <v>81</v>
      </c>
      <c r="I4058" s="2">
        <v>0</v>
      </c>
      <c r="J4058" s="2">
        <v>0</v>
      </c>
      <c r="K4058" s="2">
        <v>1</v>
      </c>
      <c r="L4058" t="s">
        <v>995</v>
      </c>
      <c r="M4058" t="s">
        <v>83</v>
      </c>
      <c r="N4058" t="s">
        <v>84</v>
      </c>
      <c r="O4058" t="s">
        <v>85</v>
      </c>
      <c r="P4058" t="s">
        <v>86</v>
      </c>
      <c r="Q4058">
        <v>32</v>
      </c>
      <c r="R4058">
        <v>33</v>
      </c>
      <c r="S4058">
        <v>33</v>
      </c>
      <c r="T4058">
        <v>33</v>
      </c>
      <c r="U4058">
        <v>33</v>
      </c>
      <c r="V4058">
        <v>33</v>
      </c>
      <c r="W4058">
        <v>33</v>
      </c>
      <c r="X4058">
        <v>33</v>
      </c>
      <c r="Y4058">
        <v>33</v>
      </c>
      <c r="Z4058">
        <v>33</v>
      </c>
      <c r="AA4058">
        <v>33</v>
      </c>
      <c r="AB4058">
        <v>33</v>
      </c>
      <c r="AC4058">
        <v>33</v>
      </c>
      <c r="AD4058">
        <v>33</v>
      </c>
      <c r="AE4058">
        <v>33</v>
      </c>
      <c r="AF4058">
        <v>33</v>
      </c>
      <c r="AG4058">
        <v>33</v>
      </c>
      <c r="AH4058">
        <v>33</v>
      </c>
      <c r="AI4058">
        <v>33</v>
      </c>
      <c r="AJ4058">
        <v>33</v>
      </c>
      <c r="AK4058">
        <v>33</v>
      </c>
      <c r="AL4058">
        <v>33</v>
      </c>
      <c r="AM4058">
        <v>33</v>
      </c>
      <c r="AN4058">
        <v>33</v>
      </c>
      <c r="AO4058">
        <v>32</v>
      </c>
      <c r="AP4058">
        <v>32</v>
      </c>
      <c r="AQ4058">
        <v>32</v>
      </c>
    </row>
    <row r="4059" spans="1:43">
      <c r="A4059" t="s">
        <v>2570</v>
      </c>
      <c r="B4059" t="s">
        <v>2571</v>
      </c>
      <c r="C4059" t="s">
        <v>2568</v>
      </c>
      <c r="D4059" t="s">
        <v>2569</v>
      </c>
      <c r="E4059" t="s">
        <v>2352</v>
      </c>
      <c r="F4059" t="s">
        <v>2353</v>
      </c>
      <c r="G4059" t="s">
        <v>80</v>
      </c>
      <c r="H4059" t="s">
        <v>81</v>
      </c>
      <c r="I4059" s="2">
        <v>0</v>
      </c>
      <c r="J4059" s="2">
        <v>0</v>
      </c>
      <c r="K4059" s="2">
        <v>1</v>
      </c>
      <c r="L4059" t="s">
        <v>995</v>
      </c>
      <c r="M4059" t="s">
        <v>87</v>
      </c>
      <c r="N4059" t="s">
        <v>88</v>
      </c>
      <c r="O4059" t="s">
        <v>85</v>
      </c>
      <c r="P4059" t="s">
        <v>86</v>
      </c>
      <c r="Q4059">
        <v>32</v>
      </c>
      <c r="R4059">
        <v>32</v>
      </c>
      <c r="S4059">
        <v>32</v>
      </c>
      <c r="T4059">
        <v>32</v>
      </c>
      <c r="U4059">
        <v>31</v>
      </c>
      <c r="V4059">
        <v>31</v>
      </c>
      <c r="W4059">
        <v>31</v>
      </c>
      <c r="X4059">
        <v>31</v>
      </c>
      <c r="Y4059">
        <v>31</v>
      </c>
      <c r="Z4059">
        <v>30</v>
      </c>
      <c r="AA4059">
        <v>30</v>
      </c>
      <c r="AB4059">
        <v>30</v>
      </c>
      <c r="AC4059">
        <v>30</v>
      </c>
      <c r="AD4059">
        <v>30</v>
      </c>
      <c r="AE4059">
        <v>30</v>
      </c>
      <c r="AF4059">
        <v>29</v>
      </c>
      <c r="AG4059">
        <v>29</v>
      </c>
      <c r="AH4059">
        <v>29</v>
      </c>
      <c r="AI4059">
        <v>29</v>
      </c>
      <c r="AJ4059">
        <v>29</v>
      </c>
      <c r="AK4059">
        <v>29</v>
      </c>
      <c r="AL4059">
        <v>28</v>
      </c>
      <c r="AM4059">
        <v>28</v>
      </c>
      <c r="AN4059">
        <v>28</v>
      </c>
      <c r="AO4059">
        <v>28</v>
      </c>
      <c r="AP4059">
        <v>28</v>
      </c>
      <c r="AQ4059">
        <v>28</v>
      </c>
    </row>
    <row r="4060" spans="1:43">
      <c r="A4060" t="s">
        <v>2570</v>
      </c>
      <c r="B4060" t="s">
        <v>2571</v>
      </c>
      <c r="C4060" t="s">
        <v>2568</v>
      </c>
      <c r="D4060" t="s">
        <v>2569</v>
      </c>
      <c r="E4060" t="s">
        <v>2352</v>
      </c>
      <c r="F4060" t="s">
        <v>2353</v>
      </c>
      <c r="G4060" t="s">
        <v>80</v>
      </c>
      <c r="H4060" t="s">
        <v>81</v>
      </c>
      <c r="I4060" s="2">
        <v>0</v>
      </c>
      <c r="J4060" s="2">
        <v>0</v>
      </c>
      <c r="K4060" s="2">
        <v>1</v>
      </c>
      <c r="L4060" t="s">
        <v>995</v>
      </c>
      <c r="M4060" t="s">
        <v>89</v>
      </c>
      <c r="N4060" t="s">
        <v>90</v>
      </c>
      <c r="O4060" t="s">
        <v>85</v>
      </c>
      <c r="P4060" t="s">
        <v>86</v>
      </c>
      <c r="Q4060">
        <v>32</v>
      </c>
      <c r="R4060">
        <v>32</v>
      </c>
      <c r="S4060">
        <v>32</v>
      </c>
      <c r="T4060">
        <v>33</v>
      </c>
      <c r="U4060">
        <v>33</v>
      </c>
      <c r="V4060">
        <v>33</v>
      </c>
      <c r="W4060">
        <v>34</v>
      </c>
      <c r="X4060">
        <v>34</v>
      </c>
      <c r="Y4060">
        <v>34</v>
      </c>
      <c r="Z4060">
        <v>34</v>
      </c>
      <c r="AA4060">
        <v>34</v>
      </c>
      <c r="AB4060">
        <v>34</v>
      </c>
      <c r="AC4060">
        <v>35</v>
      </c>
      <c r="AD4060">
        <v>35</v>
      </c>
      <c r="AE4060">
        <v>35</v>
      </c>
      <c r="AF4060">
        <v>34</v>
      </c>
      <c r="AG4060">
        <v>34</v>
      </c>
      <c r="AH4060">
        <v>34</v>
      </c>
      <c r="AI4060">
        <v>33</v>
      </c>
      <c r="AJ4060">
        <v>33</v>
      </c>
      <c r="AK4060">
        <v>33</v>
      </c>
      <c r="AL4060">
        <v>32</v>
      </c>
      <c r="AM4060">
        <v>32</v>
      </c>
      <c r="AN4060">
        <v>32</v>
      </c>
      <c r="AO4060">
        <v>32</v>
      </c>
      <c r="AP4060">
        <v>31</v>
      </c>
      <c r="AQ4060">
        <v>31</v>
      </c>
    </row>
    <row r="4061" spans="1:43">
      <c r="A4061" t="s">
        <v>2570</v>
      </c>
      <c r="B4061" t="s">
        <v>2571</v>
      </c>
      <c r="C4061" t="s">
        <v>2568</v>
      </c>
      <c r="D4061" t="s">
        <v>2569</v>
      </c>
      <c r="E4061" t="s">
        <v>2352</v>
      </c>
      <c r="F4061" t="s">
        <v>2353</v>
      </c>
      <c r="G4061" t="s">
        <v>80</v>
      </c>
      <c r="H4061" t="s">
        <v>81</v>
      </c>
      <c r="I4061" s="2">
        <v>0</v>
      </c>
      <c r="J4061" s="2">
        <v>0</v>
      </c>
      <c r="K4061" s="2">
        <v>1</v>
      </c>
      <c r="L4061" t="s">
        <v>995</v>
      </c>
      <c r="M4061" t="s">
        <v>83</v>
      </c>
      <c r="N4061" t="s">
        <v>91</v>
      </c>
      <c r="O4061" t="s">
        <v>85</v>
      </c>
      <c r="P4061" t="s">
        <v>86</v>
      </c>
      <c r="Q4061">
        <v>32</v>
      </c>
      <c r="R4061">
        <v>33</v>
      </c>
      <c r="S4061">
        <v>33</v>
      </c>
      <c r="T4061">
        <v>33</v>
      </c>
      <c r="U4061">
        <v>33</v>
      </c>
      <c r="V4061">
        <v>33</v>
      </c>
      <c r="W4061">
        <v>33</v>
      </c>
      <c r="X4061">
        <v>33</v>
      </c>
      <c r="Y4061">
        <v>33</v>
      </c>
      <c r="Z4061">
        <v>33</v>
      </c>
      <c r="AA4061">
        <v>33</v>
      </c>
      <c r="AB4061">
        <v>33</v>
      </c>
      <c r="AC4061">
        <v>33</v>
      </c>
      <c r="AD4061">
        <v>33</v>
      </c>
      <c r="AE4061">
        <v>33</v>
      </c>
      <c r="AF4061">
        <v>33</v>
      </c>
      <c r="AG4061">
        <v>33</v>
      </c>
      <c r="AH4061">
        <v>33</v>
      </c>
      <c r="AI4061">
        <v>33</v>
      </c>
      <c r="AJ4061">
        <v>33</v>
      </c>
      <c r="AK4061">
        <v>33</v>
      </c>
      <c r="AL4061">
        <v>33</v>
      </c>
      <c r="AM4061">
        <v>33</v>
      </c>
      <c r="AN4061">
        <v>33</v>
      </c>
      <c r="AO4061">
        <v>32</v>
      </c>
      <c r="AP4061">
        <v>32</v>
      </c>
      <c r="AQ4061">
        <v>32</v>
      </c>
    </row>
    <row r="4062" spans="1:43">
      <c r="A4062" t="s">
        <v>2572</v>
      </c>
      <c r="B4062" t="s">
        <v>2573</v>
      </c>
      <c r="C4062" t="s">
        <v>2568</v>
      </c>
      <c r="D4062" t="s">
        <v>2569</v>
      </c>
      <c r="E4062" t="s">
        <v>2352</v>
      </c>
      <c r="F4062" t="s">
        <v>2353</v>
      </c>
      <c r="G4062" t="s">
        <v>80</v>
      </c>
      <c r="H4062" t="s">
        <v>81</v>
      </c>
      <c r="I4062" s="2">
        <v>0</v>
      </c>
      <c r="J4062" s="2">
        <v>0</v>
      </c>
      <c r="K4062" s="2">
        <v>1</v>
      </c>
      <c r="L4062" t="s">
        <v>995</v>
      </c>
      <c r="M4062" t="s">
        <v>83</v>
      </c>
      <c r="N4062" t="s">
        <v>84</v>
      </c>
      <c r="O4062" t="s">
        <v>85</v>
      </c>
      <c r="P4062" t="s">
        <v>86</v>
      </c>
      <c r="Q4062">
        <v>35</v>
      </c>
      <c r="R4062">
        <v>35</v>
      </c>
      <c r="S4062">
        <v>35</v>
      </c>
      <c r="T4062">
        <v>35</v>
      </c>
      <c r="U4062">
        <v>36</v>
      </c>
      <c r="V4062">
        <v>36</v>
      </c>
      <c r="W4062">
        <v>36</v>
      </c>
      <c r="X4062">
        <v>36</v>
      </c>
      <c r="Y4062">
        <v>36</v>
      </c>
      <c r="Z4062">
        <v>36</v>
      </c>
      <c r="AA4062">
        <v>36</v>
      </c>
      <c r="AB4062">
        <v>36</v>
      </c>
      <c r="AC4062">
        <v>36</v>
      </c>
      <c r="AD4062">
        <v>36</v>
      </c>
      <c r="AE4062">
        <v>36</v>
      </c>
      <c r="AF4062">
        <v>36</v>
      </c>
      <c r="AG4062">
        <v>36</v>
      </c>
      <c r="AH4062">
        <v>36</v>
      </c>
      <c r="AI4062">
        <v>36</v>
      </c>
      <c r="AJ4062">
        <v>36</v>
      </c>
      <c r="AK4062">
        <v>36</v>
      </c>
      <c r="AL4062">
        <v>36</v>
      </c>
      <c r="AM4062">
        <v>35</v>
      </c>
      <c r="AN4062">
        <v>35</v>
      </c>
      <c r="AO4062">
        <v>35</v>
      </c>
      <c r="AP4062">
        <v>34</v>
      </c>
      <c r="AQ4062">
        <v>34</v>
      </c>
    </row>
    <row r="4063" spans="1:43">
      <c r="A4063" t="s">
        <v>2572</v>
      </c>
      <c r="B4063" t="s">
        <v>2573</v>
      </c>
      <c r="C4063" t="s">
        <v>2568</v>
      </c>
      <c r="D4063" t="s">
        <v>2569</v>
      </c>
      <c r="E4063" t="s">
        <v>2352</v>
      </c>
      <c r="F4063" t="s">
        <v>2353</v>
      </c>
      <c r="G4063" t="s">
        <v>80</v>
      </c>
      <c r="H4063" t="s">
        <v>81</v>
      </c>
      <c r="I4063" s="2">
        <v>0</v>
      </c>
      <c r="J4063" s="2">
        <v>0</v>
      </c>
      <c r="K4063" s="2">
        <v>1</v>
      </c>
      <c r="L4063" t="s">
        <v>995</v>
      </c>
      <c r="M4063" t="s">
        <v>87</v>
      </c>
      <c r="N4063" t="s">
        <v>88</v>
      </c>
      <c r="O4063" t="s">
        <v>85</v>
      </c>
      <c r="P4063" t="s">
        <v>86</v>
      </c>
      <c r="Q4063">
        <v>35</v>
      </c>
      <c r="R4063">
        <v>35</v>
      </c>
      <c r="S4063">
        <v>34</v>
      </c>
      <c r="T4063">
        <v>34</v>
      </c>
      <c r="U4063">
        <v>34</v>
      </c>
      <c r="V4063">
        <v>34</v>
      </c>
      <c r="W4063">
        <v>34</v>
      </c>
      <c r="X4063">
        <v>33</v>
      </c>
      <c r="Y4063">
        <v>33</v>
      </c>
      <c r="Z4063">
        <v>33</v>
      </c>
      <c r="AA4063">
        <v>33</v>
      </c>
      <c r="AB4063">
        <v>32</v>
      </c>
      <c r="AC4063">
        <v>32</v>
      </c>
      <c r="AD4063">
        <v>32</v>
      </c>
      <c r="AE4063">
        <v>32</v>
      </c>
      <c r="AF4063">
        <v>32</v>
      </c>
      <c r="AG4063">
        <v>31</v>
      </c>
      <c r="AH4063">
        <v>31</v>
      </c>
      <c r="AI4063">
        <v>31</v>
      </c>
      <c r="AJ4063">
        <v>31</v>
      </c>
      <c r="AK4063">
        <v>31</v>
      </c>
      <c r="AL4063">
        <v>30</v>
      </c>
      <c r="AM4063">
        <v>30</v>
      </c>
      <c r="AN4063">
        <v>30</v>
      </c>
      <c r="AO4063">
        <v>30</v>
      </c>
      <c r="AP4063">
        <v>30</v>
      </c>
      <c r="AQ4063">
        <v>30</v>
      </c>
    </row>
    <row r="4064" spans="1:43">
      <c r="A4064" t="s">
        <v>2572</v>
      </c>
      <c r="B4064" t="s">
        <v>2573</v>
      </c>
      <c r="C4064" t="s">
        <v>2568</v>
      </c>
      <c r="D4064" t="s">
        <v>2569</v>
      </c>
      <c r="E4064" t="s">
        <v>2352</v>
      </c>
      <c r="F4064" t="s">
        <v>2353</v>
      </c>
      <c r="G4064" t="s">
        <v>80</v>
      </c>
      <c r="H4064" t="s">
        <v>81</v>
      </c>
      <c r="I4064" s="2">
        <v>0</v>
      </c>
      <c r="J4064" s="2">
        <v>0</v>
      </c>
      <c r="K4064" s="2">
        <v>1</v>
      </c>
      <c r="L4064" t="s">
        <v>995</v>
      </c>
      <c r="M4064" t="s">
        <v>89</v>
      </c>
      <c r="N4064" t="s">
        <v>90</v>
      </c>
      <c r="O4064" t="s">
        <v>85</v>
      </c>
      <c r="P4064" t="s">
        <v>86</v>
      </c>
      <c r="Q4064">
        <v>35</v>
      </c>
      <c r="R4064">
        <v>35</v>
      </c>
      <c r="S4064">
        <v>35</v>
      </c>
      <c r="T4064">
        <v>36</v>
      </c>
      <c r="U4064">
        <v>36</v>
      </c>
      <c r="V4064">
        <v>36</v>
      </c>
      <c r="W4064">
        <v>37</v>
      </c>
      <c r="X4064">
        <v>37</v>
      </c>
      <c r="Y4064">
        <v>37</v>
      </c>
      <c r="Z4064">
        <v>37</v>
      </c>
      <c r="AA4064">
        <v>37</v>
      </c>
      <c r="AB4064">
        <v>37</v>
      </c>
      <c r="AC4064">
        <v>37</v>
      </c>
      <c r="AD4064">
        <v>38</v>
      </c>
      <c r="AE4064">
        <v>37</v>
      </c>
      <c r="AF4064">
        <v>37</v>
      </c>
      <c r="AG4064">
        <v>37</v>
      </c>
      <c r="AH4064">
        <v>36</v>
      </c>
      <c r="AI4064">
        <v>36</v>
      </c>
      <c r="AJ4064">
        <v>36</v>
      </c>
      <c r="AK4064">
        <v>35</v>
      </c>
      <c r="AL4064">
        <v>35</v>
      </c>
      <c r="AM4064">
        <v>34</v>
      </c>
      <c r="AN4064">
        <v>34</v>
      </c>
      <c r="AO4064">
        <v>34</v>
      </c>
      <c r="AP4064">
        <v>33</v>
      </c>
      <c r="AQ4064">
        <v>33</v>
      </c>
    </row>
    <row r="4065" spans="1:43">
      <c r="A4065" t="s">
        <v>2572</v>
      </c>
      <c r="B4065" t="s">
        <v>2573</v>
      </c>
      <c r="C4065" t="s">
        <v>2568</v>
      </c>
      <c r="D4065" t="s">
        <v>2569</v>
      </c>
      <c r="E4065" t="s">
        <v>2352</v>
      </c>
      <c r="F4065" t="s">
        <v>2353</v>
      </c>
      <c r="G4065" t="s">
        <v>80</v>
      </c>
      <c r="H4065" t="s">
        <v>81</v>
      </c>
      <c r="I4065" s="2">
        <v>0</v>
      </c>
      <c r="J4065" s="2">
        <v>0</v>
      </c>
      <c r="K4065" s="2">
        <v>1</v>
      </c>
      <c r="L4065" t="s">
        <v>995</v>
      </c>
      <c r="M4065" t="s">
        <v>83</v>
      </c>
      <c r="N4065" t="s">
        <v>91</v>
      </c>
      <c r="O4065" t="s">
        <v>85</v>
      </c>
      <c r="P4065" t="s">
        <v>86</v>
      </c>
      <c r="Q4065">
        <v>35</v>
      </c>
      <c r="R4065">
        <v>35</v>
      </c>
      <c r="S4065">
        <v>35</v>
      </c>
      <c r="T4065">
        <v>35</v>
      </c>
      <c r="U4065">
        <v>36</v>
      </c>
      <c r="V4065">
        <v>36</v>
      </c>
      <c r="W4065">
        <v>36</v>
      </c>
      <c r="X4065">
        <v>36</v>
      </c>
      <c r="Y4065">
        <v>36</v>
      </c>
      <c r="Z4065">
        <v>36</v>
      </c>
      <c r="AA4065">
        <v>36</v>
      </c>
      <c r="AB4065">
        <v>36</v>
      </c>
      <c r="AC4065">
        <v>36</v>
      </c>
      <c r="AD4065">
        <v>36</v>
      </c>
      <c r="AE4065">
        <v>36</v>
      </c>
      <c r="AF4065">
        <v>36</v>
      </c>
      <c r="AG4065">
        <v>36</v>
      </c>
      <c r="AH4065">
        <v>36</v>
      </c>
      <c r="AI4065">
        <v>36</v>
      </c>
      <c r="AJ4065">
        <v>36</v>
      </c>
      <c r="AK4065">
        <v>36</v>
      </c>
      <c r="AL4065">
        <v>36</v>
      </c>
      <c r="AM4065">
        <v>35</v>
      </c>
      <c r="AN4065">
        <v>35</v>
      </c>
      <c r="AO4065">
        <v>35</v>
      </c>
      <c r="AP4065">
        <v>34</v>
      </c>
      <c r="AQ4065">
        <v>34</v>
      </c>
    </row>
    <row r="4066" spans="1:43">
      <c r="A4066" t="s">
        <v>2574</v>
      </c>
      <c r="B4066" t="s">
        <v>2575</v>
      </c>
      <c r="C4066" t="s">
        <v>2558</v>
      </c>
      <c r="D4066" t="s">
        <v>2559</v>
      </c>
      <c r="E4066" t="s">
        <v>2352</v>
      </c>
      <c r="F4066" t="s">
        <v>2353</v>
      </c>
      <c r="G4066" t="s">
        <v>80</v>
      </c>
      <c r="H4066" t="s">
        <v>81</v>
      </c>
      <c r="I4066" s="2">
        <v>0</v>
      </c>
      <c r="J4066" s="2">
        <v>0</v>
      </c>
      <c r="K4066" s="2">
        <v>1</v>
      </c>
      <c r="L4066" t="s">
        <v>995</v>
      </c>
      <c r="M4066" t="s">
        <v>83</v>
      </c>
      <c r="N4066" t="s">
        <v>84</v>
      </c>
      <c r="O4066" t="s">
        <v>85</v>
      </c>
      <c r="P4066" t="s">
        <v>86</v>
      </c>
      <c r="Q4066">
        <v>23</v>
      </c>
      <c r="R4066">
        <v>23</v>
      </c>
      <c r="S4066">
        <v>23</v>
      </c>
      <c r="T4066">
        <v>23</v>
      </c>
      <c r="U4066">
        <v>23</v>
      </c>
      <c r="V4066">
        <v>23</v>
      </c>
      <c r="W4066">
        <v>23</v>
      </c>
      <c r="X4066">
        <v>23</v>
      </c>
      <c r="Y4066">
        <v>24</v>
      </c>
      <c r="Z4066">
        <v>24</v>
      </c>
      <c r="AA4066">
        <v>24</v>
      </c>
      <c r="AB4066">
        <v>24</v>
      </c>
      <c r="AC4066">
        <v>24</v>
      </c>
      <c r="AD4066">
        <v>24</v>
      </c>
      <c r="AE4066">
        <v>24</v>
      </c>
      <c r="AF4066">
        <v>24</v>
      </c>
      <c r="AG4066">
        <v>24</v>
      </c>
      <c r="AH4066">
        <v>24</v>
      </c>
      <c r="AI4066">
        <v>24</v>
      </c>
      <c r="AJ4066">
        <v>24</v>
      </c>
      <c r="AK4066">
        <v>24</v>
      </c>
      <c r="AL4066">
        <v>23</v>
      </c>
      <c r="AM4066">
        <v>23</v>
      </c>
      <c r="AN4066">
        <v>23</v>
      </c>
      <c r="AO4066">
        <v>23</v>
      </c>
      <c r="AP4066">
        <v>22</v>
      </c>
      <c r="AQ4066">
        <v>22</v>
      </c>
    </row>
    <row r="4067" spans="1:43">
      <c r="A4067" t="s">
        <v>2574</v>
      </c>
      <c r="B4067" t="s">
        <v>2575</v>
      </c>
      <c r="C4067" t="s">
        <v>2558</v>
      </c>
      <c r="D4067" t="s">
        <v>2559</v>
      </c>
      <c r="E4067" t="s">
        <v>2352</v>
      </c>
      <c r="F4067" t="s">
        <v>2353</v>
      </c>
      <c r="G4067" t="s">
        <v>80</v>
      </c>
      <c r="H4067" t="s">
        <v>81</v>
      </c>
      <c r="I4067" s="2">
        <v>0</v>
      </c>
      <c r="J4067" s="2">
        <v>0</v>
      </c>
      <c r="K4067" s="2">
        <v>1</v>
      </c>
      <c r="L4067" t="s">
        <v>995</v>
      </c>
      <c r="M4067" t="s">
        <v>87</v>
      </c>
      <c r="N4067" t="s">
        <v>88</v>
      </c>
      <c r="O4067" t="s">
        <v>85</v>
      </c>
      <c r="P4067" t="s">
        <v>86</v>
      </c>
      <c r="Q4067">
        <v>23</v>
      </c>
      <c r="R4067">
        <v>23</v>
      </c>
      <c r="S4067">
        <v>23</v>
      </c>
      <c r="T4067">
        <v>22</v>
      </c>
      <c r="U4067">
        <v>22</v>
      </c>
      <c r="V4067">
        <v>22</v>
      </c>
      <c r="W4067">
        <v>22</v>
      </c>
      <c r="X4067">
        <v>22</v>
      </c>
      <c r="Y4067">
        <v>22</v>
      </c>
      <c r="Z4067">
        <v>22</v>
      </c>
      <c r="AA4067">
        <v>21</v>
      </c>
      <c r="AB4067">
        <v>21</v>
      </c>
      <c r="AC4067">
        <v>21</v>
      </c>
      <c r="AD4067">
        <v>21</v>
      </c>
      <c r="AE4067">
        <v>21</v>
      </c>
      <c r="AF4067">
        <v>21</v>
      </c>
      <c r="AG4067">
        <v>21</v>
      </c>
      <c r="AH4067">
        <v>20</v>
      </c>
      <c r="AI4067">
        <v>20</v>
      </c>
      <c r="AJ4067">
        <v>20</v>
      </c>
      <c r="AK4067">
        <v>20</v>
      </c>
      <c r="AL4067">
        <v>20</v>
      </c>
      <c r="AM4067">
        <v>20</v>
      </c>
      <c r="AN4067">
        <v>20</v>
      </c>
      <c r="AO4067">
        <v>20</v>
      </c>
      <c r="AP4067">
        <v>19</v>
      </c>
      <c r="AQ4067">
        <v>19</v>
      </c>
    </row>
    <row r="4068" spans="1:43">
      <c r="A4068" t="s">
        <v>2574</v>
      </c>
      <c r="B4068" t="s">
        <v>2575</v>
      </c>
      <c r="C4068" t="s">
        <v>2558</v>
      </c>
      <c r="D4068" t="s">
        <v>2559</v>
      </c>
      <c r="E4068" t="s">
        <v>2352</v>
      </c>
      <c r="F4068" t="s">
        <v>2353</v>
      </c>
      <c r="G4068" t="s">
        <v>80</v>
      </c>
      <c r="H4068" t="s">
        <v>81</v>
      </c>
      <c r="I4068" s="2">
        <v>0</v>
      </c>
      <c r="J4068" s="2">
        <v>0</v>
      </c>
      <c r="K4068" s="2">
        <v>1</v>
      </c>
      <c r="L4068" t="s">
        <v>995</v>
      </c>
      <c r="M4068" t="s">
        <v>89</v>
      </c>
      <c r="N4068" t="s">
        <v>90</v>
      </c>
      <c r="O4068" t="s">
        <v>85</v>
      </c>
      <c r="P4068" t="s">
        <v>86</v>
      </c>
      <c r="Q4068">
        <v>23</v>
      </c>
      <c r="R4068">
        <v>24</v>
      </c>
      <c r="S4068">
        <v>24</v>
      </c>
      <c r="T4068">
        <v>24</v>
      </c>
      <c r="U4068">
        <v>24</v>
      </c>
      <c r="V4068">
        <v>24</v>
      </c>
      <c r="W4068">
        <v>25</v>
      </c>
      <c r="X4068">
        <v>25</v>
      </c>
      <c r="Y4068">
        <v>25</v>
      </c>
      <c r="Z4068">
        <v>25</v>
      </c>
      <c r="AA4068">
        <v>25</v>
      </c>
      <c r="AB4068">
        <v>25</v>
      </c>
      <c r="AC4068">
        <v>25</v>
      </c>
      <c r="AD4068">
        <v>25</v>
      </c>
      <c r="AE4068">
        <v>25</v>
      </c>
      <c r="AF4068">
        <v>25</v>
      </c>
      <c r="AG4068">
        <v>25</v>
      </c>
      <c r="AH4068">
        <v>25</v>
      </c>
      <c r="AI4068">
        <v>24</v>
      </c>
      <c r="AJ4068">
        <v>24</v>
      </c>
      <c r="AK4068">
        <v>24</v>
      </c>
      <c r="AL4068">
        <v>24</v>
      </c>
      <c r="AM4068">
        <v>23</v>
      </c>
      <c r="AN4068">
        <v>23</v>
      </c>
      <c r="AO4068">
        <v>23</v>
      </c>
      <c r="AP4068">
        <v>23</v>
      </c>
      <c r="AQ4068">
        <v>22</v>
      </c>
    </row>
    <row r="4069" spans="1:43">
      <c r="A4069" t="s">
        <v>2574</v>
      </c>
      <c r="B4069" t="s">
        <v>2575</v>
      </c>
      <c r="C4069" t="s">
        <v>2558</v>
      </c>
      <c r="D4069" t="s">
        <v>2559</v>
      </c>
      <c r="E4069" t="s">
        <v>2352</v>
      </c>
      <c r="F4069" t="s">
        <v>2353</v>
      </c>
      <c r="G4069" t="s">
        <v>80</v>
      </c>
      <c r="H4069" t="s">
        <v>81</v>
      </c>
      <c r="I4069" s="2">
        <v>0</v>
      </c>
      <c r="J4069" s="2">
        <v>0</v>
      </c>
      <c r="K4069" s="2">
        <v>1</v>
      </c>
      <c r="L4069" t="s">
        <v>995</v>
      </c>
      <c r="M4069" t="s">
        <v>83</v>
      </c>
      <c r="N4069" t="s">
        <v>91</v>
      </c>
      <c r="O4069" t="s">
        <v>85</v>
      </c>
      <c r="P4069" t="s">
        <v>86</v>
      </c>
      <c r="Q4069">
        <v>23</v>
      </c>
      <c r="R4069">
        <v>23</v>
      </c>
      <c r="S4069">
        <v>23</v>
      </c>
      <c r="T4069">
        <v>23</v>
      </c>
      <c r="U4069">
        <v>23</v>
      </c>
      <c r="V4069">
        <v>23</v>
      </c>
      <c r="W4069">
        <v>23</v>
      </c>
      <c r="X4069">
        <v>23</v>
      </c>
      <c r="Y4069">
        <v>24</v>
      </c>
      <c r="Z4069">
        <v>24</v>
      </c>
      <c r="AA4069">
        <v>24</v>
      </c>
      <c r="AB4069">
        <v>24</v>
      </c>
      <c r="AC4069">
        <v>24</v>
      </c>
      <c r="AD4069">
        <v>24</v>
      </c>
      <c r="AE4069">
        <v>24</v>
      </c>
      <c r="AF4069">
        <v>24</v>
      </c>
      <c r="AG4069">
        <v>24</v>
      </c>
      <c r="AH4069">
        <v>24</v>
      </c>
      <c r="AI4069">
        <v>24</v>
      </c>
      <c r="AJ4069">
        <v>24</v>
      </c>
      <c r="AK4069">
        <v>24</v>
      </c>
      <c r="AL4069">
        <v>23</v>
      </c>
      <c r="AM4069">
        <v>23</v>
      </c>
      <c r="AN4069">
        <v>23</v>
      </c>
      <c r="AO4069">
        <v>23</v>
      </c>
      <c r="AP4069">
        <v>22</v>
      </c>
      <c r="AQ4069">
        <v>22</v>
      </c>
    </row>
    <row r="4070" spans="1:43">
      <c r="A4070" t="s">
        <v>2576</v>
      </c>
      <c r="B4070" t="s">
        <v>2577</v>
      </c>
      <c r="C4070" t="s">
        <v>2558</v>
      </c>
      <c r="D4070" t="s">
        <v>2559</v>
      </c>
      <c r="E4070" t="s">
        <v>2352</v>
      </c>
      <c r="F4070" t="s">
        <v>2353</v>
      </c>
      <c r="G4070" t="s">
        <v>80</v>
      </c>
      <c r="H4070" t="s">
        <v>81</v>
      </c>
      <c r="I4070" s="2">
        <v>0</v>
      </c>
      <c r="J4070" s="2">
        <v>0</v>
      </c>
      <c r="K4070" s="2">
        <v>1</v>
      </c>
      <c r="L4070" t="s">
        <v>995</v>
      </c>
      <c r="M4070" t="s">
        <v>83</v>
      </c>
      <c r="N4070" t="s">
        <v>84</v>
      </c>
      <c r="O4070" t="s">
        <v>85</v>
      </c>
      <c r="P4070" t="s">
        <v>86</v>
      </c>
      <c r="Q4070">
        <v>16</v>
      </c>
      <c r="R4070">
        <v>16</v>
      </c>
      <c r="S4070">
        <v>16</v>
      </c>
      <c r="T4070">
        <v>16</v>
      </c>
      <c r="U4070">
        <v>16</v>
      </c>
      <c r="V4070">
        <v>16</v>
      </c>
      <c r="W4070">
        <v>16</v>
      </c>
      <c r="X4070">
        <v>16</v>
      </c>
      <c r="Y4070">
        <v>16</v>
      </c>
      <c r="Z4070">
        <v>16</v>
      </c>
      <c r="AA4070">
        <v>16</v>
      </c>
      <c r="AB4070">
        <v>16</v>
      </c>
      <c r="AC4070">
        <v>16</v>
      </c>
      <c r="AD4070">
        <v>16</v>
      </c>
      <c r="AE4070">
        <v>16</v>
      </c>
      <c r="AF4070">
        <v>16</v>
      </c>
      <c r="AG4070">
        <v>16</v>
      </c>
      <c r="AH4070">
        <v>16</v>
      </c>
      <c r="AI4070">
        <v>16</v>
      </c>
      <c r="AJ4070">
        <v>16</v>
      </c>
      <c r="AK4070">
        <v>16</v>
      </c>
      <c r="AL4070">
        <v>16</v>
      </c>
      <c r="AM4070">
        <v>16</v>
      </c>
      <c r="AN4070">
        <v>16</v>
      </c>
      <c r="AO4070">
        <v>16</v>
      </c>
      <c r="AP4070">
        <v>16</v>
      </c>
      <c r="AQ4070">
        <v>16</v>
      </c>
    </row>
    <row r="4071" spans="1:43">
      <c r="A4071" t="s">
        <v>2576</v>
      </c>
      <c r="B4071" t="s">
        <v>2577</v>
      </c>
      <c r="C4071" t="s">
        <v>2558</v>
      </c>
      <c r="D4071" t="s">
        <v>2559</v>
      </c>
      <c r="E4071" t="s">
        <v>2352</v>
      </c>
      <c r="F4071" t="s">
        <v>2353</v>
      </c>
      <c r="G4071" t="s">
        <v>80</v>
      </c>
      <c r="H4071" t="s">
        <v>81</v>
      </c>
      <c r="I4071" s="2">
        <v>0</v>
      </c>
      <c r="J4071" s="2">
        <v>0</v>
      </c>
      <c r="K4071" s="2">
        <v>1</v>
      </c>
      <c r="L4071" t="s">
        <v>995</v>
      </c>
      <c r="M4071" t="s">
        <v>87</v>
      </c>
      <c r="N4071" t="s">
        <v>88</v>
      </c>
      <c r="O4071" t="s">
        <v>85</v>
      </c>
      <c r="P4071" t="s">
        <v>86</v>
      </c>
      <c r="Q4071">
        <v>16</v>
      </c>
      <c r="R4071">
        <v>16</v>
      </c>
      <c r="S4071">
        <v>15</v>
      </c>
      <c r="T4071">
        <v>15</v>
      </c>
      <c r="U4071">
        <v>15</v>
      </c>
      <c r="V4071">
        <v>15</v>
      </c>
      <c r="W4071">
        <v>15</v>
      </c>
      <c r="X4071">
        <v>15</v>
      </c>
      <c r="Y4071">
        <v>15</v>
      </c>
      <c r="Z4071">
        <v>15</v>
      </c>
      <c r="AA4071">
        <v>15</v>
      </c>
      <c r="AB4071">
        <v>15</v>
      </c>
      <c r="AC4071">
        <v>15</v>
      </c>
      <c r="AD4071">
        <v>15</v>
      </c>
      <c r="AE4071">
        <v>14</v>
      </c>
      <c r="AF4071">
        <v>14</v>
      </c>
      <c r="AG4071">
        <v>14</v>
      </c>
      <c r="AH4071">
        <v>14</v>
      </c>
      <c r="AI4071">
        <v>14</v>
      </c>
      <c r="AJ4071">
        <v>14</v>
      </c>
      <c r="AK4071">
        <v>14</v>
      </c>
      <c r="AL4071">
        <v>14</v>
      </c>
      <c r="AM4071">
        <v>14</v>
      </c>
      <c r="AN4071">
        <v>14</v>
      </c>
      <c r="AO4071">
        <v>14</v>
      </c>
      <c r="AP4071">
        <v>14</v>
      </c>
      <c r="AQ4071">
        <v>14</v>
      </c>
    </row>
    <row r="4072" spans="1:43">
      <c r="A4072" t="s">
        <v>2576</v>
      </c>
      <c r="B4072" t="s">
        <v>2577</v>
      </c>
      <c r="C4072" t="s">
        <v>2558</v>
      </c>
      <c r="D4072" t="s">
        <v>2559</v>
      </c>
      <c r="E4072" t="s">
        <v>2352</v>
      </c>
      <c r="F4072" t="s">
        <v>2353</v>
      </c>
      <c r="G4072" t="s">
        <v>80</v>
      </c>
      <c r="H4072" t="s">
        <v>81</v>
      </c>
      <c r="I4072" s="2">
        <v>0</v>
      </c>
      <c r="J4072" s="2">
        <v>0</v>
      </c>
      <c r="K4072" s="2">
        <v>1</v>
      </c>
      <c r="L4072" t="s">
        <v>995</v>
      </c>
      <c r="M4072" t="s">
        <v>89</v>
      </c>
      <c r="N4072" t="s">
        <v>90</v>
      </c>
      <c r="O4072" t="s">
        <v>85</v>
      </c>
      <c r="P4072" t="s">
        <v>86</v>
      </c>
      <c r="Q4072">
        <v>16</v>
      </c>
      <c r="R4072">
        <v>16</v>
      </c>
      <c r="S4072">
        <v>16</v>
      </c>
      <c r="T4072">
        <v>16</v>
      </c>
      <c r="U4072">
        <v>17</v>
      </c>
      <c r="V4072">
        <v>17</v>
      </c>
      <c r="W4072">
        <v>17</v>
      </c>
      <c r="X4072">
        <v>17</v>
      </c>
      <c r="Y4072">
        <v>17</v>
      </c>
      <c r="Z4072">
        <v>17</v>
      </c>
      <c r="AA4072">
        <v>17</v>
      </c>
      <c r="AB4072">
        <v>17</v>
      </c>
      <c r="AC4072">
        <v>17</v>
      </c>
      <c r="AD4072">
        <v>17</v>
      </c>
      <c r="AE4072">
        <v>17</v>
      </c>
      <c r="AF4072">
        <v>17</v>
      </c>
      <c r="AG4072">
        <v>17</v>
      </c>
      <c r="AH4072">
        <v>17</v>
      </c>
      <c r="AI4072">
        <v>17</v>
      </c>
      <c r="AJ4072">
        <v>17</v>
      </c>
      <c r="AK4072">
        <v>17</v>
      </c>
      <c r="AL4072">
        <v>16</v>
      </c>
      <c r="AM4072">
        <v>16</v>
      </c>
      <c r="AN4072">
        <v>16</v>
      </c>
      <c r="AO4072">
        <v>16</v>
      </c>
      <c r="AP4072">
        <v>16</v>
      </c>
      <c r="AQ4072">
        <v>16</v>
      </c>
    </row>
    <row r="4073" spans="1:43">
      <c r="A4073" t="s">
        <v>2576</v>
      </c>
      <c r="B4073" t="s">
        <v>2577</v>
      </c>
      <c r="C4073" t="s">
        <v>2558</v>
      </c>
      <c r="D4073" t="s">
        <v>2559</v>
      </c>
      <c r="E4073" t="s">
        <v>2352</v>
      </c>
      <c r="F4073" t="s">
        <v>2353</v>
      </c>
      <c r="G4073" t="s">
        <v>80</v>
      </c>
      <c r="H4073" t="s">
        <v>81</v>
      </c>
      <c r="I4073" s="2">
        <v>0</v>
      </c>
      <c r="J4073" s="2">
        <v>0</v>
      </c>
      <c r="K4073" s="2">
        <v>1</v>
      </c>
      <c r="L4073" t="s">
        <v>995</v>
      </c>
      <c r="M4073" t="s">
        <v>83</v>
      </c>
      <c r="N4073" t="s">
        <v>91</v>
      </c>
      <c r="O4073" t="s">
        <v>85</v>
      </c>
      <c r="P4073" t="s">
        <v>86</v>
      </c>
      <c r="Q4073">
        <v>16</v>
      </c>
      <c r="R4073">
        <v>16</v>
      </c>
      <c r="S4073">
        <v>16</v>
      </c>
      <c r="T4073">
        <v>16</v>
      </c>
      <c r="U4073">
        <v>16</v>
      </c>
      <c r="V4073">
        <v>16</v>
      </c>
      <c r="W4073">
        <v>16</v>
      </c>
      <c r="X4073">
        <v>16</v>
      </c>
      <c r="Y4073">
        <v>16</v>
      </c>
      <c r="Z4073">
        <v>16</v>
      </c>
      <c r="AA4073">
        <v>16</v>
      </c>
      <c r="AB4073">
        <v>16</v>
      </c>
      <c r="AC4073">
        <v>16</v>
      </c>
      <c r="AD4073">
        <v>16</v>
      </c>
      <c r="AE4073">
        <v>16</v>
      </c>
      <c r="AF4073">
        <v>16</v>
      </c>
      <c r="AG4073">
        <v>16</v>
      </c>
      <c r="AH4073">
        <v>16</v>
      </c>
      <c r="AI4073">
        <v>16</v>
      </c>
      <c r="AJ4073">
        <v>16</v>
      </c>
      <c r="AK4073">
        <v>16</v>
      </c>
      <c r="AL4073">
        <v>16</v>
      </c>
      <c r="AM4073">
        <v>16</v>
      </c>
      <c r="AN4073">
        <v>16</v>
      </c>
      <c r="AO4073">
        <v>16</v>
      </c>
      <c r="AP4073">
        <v>16</v>
      </c>
      <c r="AQ4073">
        <v>16</v>
      </c>
    </row>
    <row r="4074" spans="1:43">
      <c r="A4074" t="s">
        <v>2578</v>
      </c>
      <c r="B4074" t="s">
        <v>2579</v>
      </c>
      <c r="C4074" t="s">
        <v>2454</v>
      </c>
      <c r="D4074" t="s">
        <v>2455</v>
      </c>
      <c r="E4074" t="s">
        <v>2352</v>
      </c>
      <c r="F4074" t="s">
        <v>2353</v>
      </c>
      <c r="G4074" t="s">
        <v>80</v>
      </c>
      <c r="H4074" t="s">
        <v>81</v>
      </c>
      <c r="I4074" s="2">
        <v>0</v>
      </c>
      <c r="J4074" s="2">
        <v>0</v>
      </c>
      <c r="K4074" s="2">
        <v>1</v>
      </c>
      <c r="L4074" t="s">
        <v>995</v>
      </c>
      <c r="M4074" t="s">
        <v>83</v>
      </c>
      <c r="N4074" t="s">
        <v>84</v>
      </c>
      <c r="O4074" t="s">
        <v>85</v>
      </c>
      <c r="P4074" t="s">
        <v>86</v>
      </c>
      <c r="Q4074">
        <v>19</v>
      </c>
      <c r="R4074">
        <v>19</v>
      </c>
      <c r="S4074">
        <v>19</v>
      </c>
      <c r="T4074">
        <v>19</v>
      </c>
      <c r="U4074">
        <v>19</v>
      </c>
      <c r="V4074">
        <v>19</v>
      </c>
      <c r="W4074">
        <v>20</v>
      </c>
      <c r="X4074">
        <v>20</v>
      </c>
      <c r="Y4074">
        <v>20</v>
      </c>
      <c r="Z4074">
        <v>20</v>
      </c>
      <c r="AA4074">
        <v>20</v>
      </c>
      <c r="AB4074">
        <v>20</v>
      </c>
      <c r="AC4074">
        <v>20</v>
      </c>
      <c r="AD4074">
        <v>20</v>
      </c>
      <c r="AE4074">
        <v>20</v>
      </c>
      <c r="AF4074">
        <v>20</v>
      </c>
      <c r="AG4074">
        <v>20</v>
      </c>
      <c r="AH4074">
        <v>20</v>
      </c>
      <c r="AI4074">
        <v>20</v>
      </c>
      <c r="AJ4074">
        <v>20</v>
      </c>
      <c r="AK4074">
        <v>20</v>
      </c>
      <c r="AL4074">
        <v>20</v>
      </c>
      <c r="AM4074">
        <v>20</v>
      </c>
      <c r="AN4074">
        <v>19</v>
      </c>
      <c r="AO4074">
        <v>19</v>
      </c>
      <c r="AP4074">
        <v>19</v>
      </c>
      <c r="AQ4074">
        <v>19</v>
      </c>
    </row>
    <row r="4075" spans="1:43">
      <c r="A4075" t="s">
        <v>2578</v>
      </c>
      <c r="B4075" t="s">
        <v>2579</v>
      </c>
      <c r="C4075" t="s">
        <v>2454</v>
      </c>
      <c r="D4075" t="s">
        <v>2455</v>
      </c>
      <c r="E4075" t="s">
        <v>2352</v>
      </c>
      <c r="F4075" t="s">
        <v>2353</v>
      </c>
      <c r="G4075" t="s">
        <v>80</v>
      </c>
      <c r="H4075" t="s">
        <v>81</v>
      </c>
      <c r="I4075" s="2">
        <v>0</v>
      </c>
      <c r="J4075" s="2">
        <v>0</v>
      </c>
      <c r="K4075" s="2">
        <v>1</v>
      </c>
      <c r="L4075" t="s">
        <v>995</v>
      </c>
      <c r="M4075" t="s">
        <v>87</v>
      </c>
      <c r="N4075" t="s">
        <v>88</v>
      </c>
      <c r="O4075" t="s">
        <v>85</v>
      </c>
      <c r="P4075" t="s">
        <v>86</v>
      </c>
      <c r="Q4075">
        <v>19</v>
      </c>
      <c r="R4075">
        <v>19</v>
      </c>
      <c r="S4075">
        <v>19</v>
      </c>
      <c r="T4075">
        <v>19</v>
      </c>
      <c r="U4075">
        <v>19</v>
      </c>
      <c r="V4075">
        <v>18</v>
      </c>
      <c r="W4075">
        <v>18</v>
      </c>
      <c r="X4075">
        <v>18</v>
      </c>
      <c r="Y4075">
        <v>18</v>
      </c>
      <c r="Z4075">
        <v>18</v>
      </c>
      <c r="AA4075">
        <v>18</v>
      </c>
      <c r="AB4075">
        <v>18</v>
      </c>
      <c r="AC4075">
        <v>18</v>
      </c>
      <c r="AD4075">
        <v>18</v>
      </c>
      <c r="AE4075">
        <v>18</v>
      </c>
      <c r="AF4075">
        <v>17</v>
      </c>
      <c r="AG4075">
        <v>17</v>
      </c>
      <c r="AH4075">
        <v>17</v>
      </c>
      <c r="AI4075">
        <v>17</v>
      </c>
      <c r="AJ4075">
        <v>17</v>
      </c>
      <c r="AK4075">
        <v>17</v>
      </c>
      <c r="AL4075">
        <v>17</v>
      </c>
      <c r="AM4075">
        <v>17</v>
      </c>
      <c r="AN4075">
        <v>17</v>
      </c>
      <c r="AO4075">
        <v>17</v>
      </c>
      <c r="AP4075">
        <v>17</v>
      </c>
      <c r="AQ4075">
        <v>16</v>
      </c>
    </row>
    <row r="4076" spans="1:43">
      <c r="A4076" t="s">
        <v>2578</v>
      </c>
      <c r="B4076" t="s">
        <v>2579</v>
      </c>
      <c r="C4076" t="s">
        <v>2454</v>
      </c>
      <c r="D4076" t="s">
        <v>2455</v>
      </c>
      <c r="E4076" t="s">
        <v>2352</v>
      </c>
      <c r="F4076" t="s">
        <v>2353</v>
      </c>
      <c r="G4076" t="s">
        <v>80</v>
      </c>
      <c r="H4076" t="s">
        <v>81</v>
      </c>
      <c r="I4076" s="2">
        <v>0</v>
      </c>
      <c r="J4076" s="2">
        <v>0</v>
      </c>
      <c r="K4076" s="2">
        <v>1</v>
      </c>
      <c r="L4076" t="s">
        <v>995</v>
      </c>
      <c r="M4076" t="s">
        <v>89</v>
      </c>
      <c r="N4076" t="s">
        <v>90</v>
      </c>
      <c r="O4076" t="s">
        <v>85</v>
      </c>
      <c r="P4076" t="s">
        <v>86</v>
      </c>
      <c r="Q4076">
        <v>19</v>
      </c>
      <c r="R4076">
        <v>20</v>
      </c>
      <c r="S4076">
        <v>20</v>
      </c>
      <c r="T4076">
        <v>20</v>
      </c>
      <c r="U4076">
        <v>20</v>
      </c>
      <c r="V4076">
        <v>20</v>
      </c>
      <c r="W4076">
        <v>21</v>
      </c>
      <c r="X4076">
        <v>21</v>
      </c>
      <c r="Y4076">
        <v>21</v>
      </c>
      <c r="Z4076">
        <v>21</v>
      </c>
      <c r="AA4076">
        <v>21</v>
      </c>
      <c r="AB4076">
        <v>21</v>
      </c>
      <c r="AC4076">
        <v>21</v>
      </c>
      <c r="AD4076">
        <v>21</v>
      </c>
      <c r="AE4076">
        <v>21</v>
      </c>
      <c r="AF4076">
        <v>21</v>
      </c>
      <c r="AG4076">
        <v>21</v>
      </c>
      <c r="AH4076">
        <v>21</v>
      </c>
      <c r="AI4076">
        <v>20</v>
      </c>
      <c r="AJ4076">
        <v>20</v>
      </c>
      <c r="AK4076">
        <v>20</v>
      </c>
      <c r="AL4076">
        <v>20</v>
      </c>
      <c r="AM4076">
        <v>20</v>
      </c>
      <c r="AN4076">
        <v>20</v>
      </c>
      <c r="AO4076">
        <v>20</v>
      </c>
      <c r="AP4076">
        <v>19</v>
      </c>
      <c r="AQ4076">
        <v>19</v>
      </c>
    </row>
    <row r="4077" spans="1:43">
      <c r="A4077" t="s">
        <v>2578</v>
      </c>
      <c r="B4077" t="s">
        <v>2579</v>
      </c>
      <c r="C4077" t="s">
        <v>2454</v>
      </c>
      <c r="D4077" t="s">
        <v>2455</v>
      </c>
      <c r="E4077" t="s">
        <v>2352</v>
      </c>
      <c r="F4077" t="s">
        <v>2353</v>
      </c>
      <c r="G4077" t="s">
        <v>80</v>
      </c>
      <c r="H4077" t="s">
        <v>81</v>
      </c>
      <c r="I4077" s="2">
        <v>0</v>
      </c>
      <c r="J4077" s="2">
        <v>0</v>
      </c>
      <c r="K4077" s="2">
        <v>1</v>
      </c>
      <c r="L4077" t="s">
        <v>995</v>
      </c>
      <c r="M4077" t="s">
        <v>83</v>
      </c>
      <c r="N4077" t="s">
        <v>91</v>
      </c>
      <c r="O4077" t="s">
        <v>85</v>
      </c>
      <c r="P4077" t="s">
        <v>86</v>
      </c>
      <c r="Q4077">
        <v>19</v>
      </c>
      <c r="R4077">
        <v>19</v>
      </c>
      <c r="S4077">
        <v>19</v>
      </c>
      <c r="T4077">
        <v>19</v>
      </c>
      <c r="U4077">
        <v>19</v>
      </c>
      <c r="V4077">
        <v>19</v>
      </c>
      <c r="W4077">
        <v>20</v>
      </c>
      <c r="X4077">
        <v>20</v>
      </c>
      <c r="Y4077">
        <v>20</v>
      </c>
      <c r="Z4077">
        <v>20</v>
      </c>
      <c r="AA4077">
        <v>20</v>
      </c>
      <c r="AB4077">
        <v>20</v>
      </c>
      <c r="AC4077">
        <v>20</v>
      </c>
      <c r="AD4077">
        <v>20</v>
      </c>
      <c r="AE4077">
        <v>20</v>
      </c>
      <c r="AF4077">
        <v>20</v>
      </c>
      <c r="AG4077">
        <v>20</v>
      </c>
      <c r="AH4077">
        <v>20</v>
      </c>
      <c r="AI4077">
        <v>20</v>
      </c>
      <c r="AJ4077">
        <v>20</v>
      </c>
      <c r="AK4077">
        <v>20</v>
      </c>
      <c r="AL4077">
        <v>20</v>
      </c>
      <c r="AM4077">
        <v>20</v>
      </c>
      <c r="AN4077">
        <v>19</v>
      </c>
      <c r="AO4077">
        <v>19</v>
      </c>
      <c r="AP4077">
        <v>19</v>
      </c>
      <c r="AQ4077">
        <v>19</v>
      </c>
    </row>
    <row r="4078" spans="1:43">
      <c r="A4078" t="s">
        <v>2580</v>
      </c>
      <c r="B4078" t="s">
        <v>2581</v>
      </c>
      <c r="C4078" t="s">
        <v>2582</v>
      </c>
      <c r="D4078" t="s">
        <v>2583</v>
      </c>
      <c r="E4078" t="s">
        <v>2352</v>
      </c>
      <c r="F4078" t="s">
        <v>2353</v>
      </c>
      <c r="G4078" t="s">
        <v>80</v>
      </c>
      <c r="H4078" t="s">
        <v>81</v>
      </c>
      <c r="I4078" s="2">
        <v>0</v>
      </c>
      <c r="J4078" s="2">
        <v>0</v>
      </c>
      <c r="K4078" s="2">
        <v>1</v>
      </c>
      <c r="L4078" t="s">
        <v>995</v>
      </c>
      <c r="M4078" t="s">
        <v>83</v>
      </c>
      <c r="N4078" t="s">
        <v>84</v>
      </c>
      <c r="O4078" t="s">
        <v>85</v>
      </c>
      <c r="P4078" t="s">
        <v>86</v>
      </c>
      <c r="Q4078">
        <v>51</v>
      </c>
      <c r="R4078">
        <v>51</v>
      </c>
      <c r="S4078">
        <v>51</v>
      </c>
      <c r="T4078">
        <v>51</v>
      </c>
      <c r="U4078">
        <v>52</v>
      </c>
      <c r="V4078">
        <v>52</v>
      </c>
      <c r="W4078">
        <v>52</v>
      </c>
      <c r="X4078">
        <v>52</v>
      </c>
      <c r="Y4078">
        <v>52</v>
      </c>
      <c r="Z4078">
        <v>52</v>
      </c>
      <c r="AA4078">
        <v>52</v>
      </c>
      <c r="AB4078">
        <v>52</v>
      </c>
      <c r="AC4078">
        <v>52</v>
      </c>
      <c r="AD4078">
        <v>52</v>
      </c>
      <c r="AE4078">
        <v>52</v>
      </c>
      <c r="AF4078">
        <v>52</v>
      </c>
      <c r="AG4078">
        <v>52</v>
      </c>
      <c r="AH4078">
        <v>52</v>
      </c>
      <c r="AI4078">
        <v>52</v>
      </c>
      <c r="AJ4078">
        <v>52</v>
      </c>
      <c r="AK4078">
        <v>52</v>
      </c>
      <c r="AL4078">
        <v>52</v>
      </c>
      <c r="AM4078">
        <v>51</v>
      </c>
      <c r="AN4078">
        <v>51</v>
      </c>
      <c r="AO4078">
        <v>50</v>
      </c>
      <c r="AP4078">
        <v>50</v>
      </c>
      <c r="AQ4078">
        <v>49</v>
      </c>
    </row>
    <row r="4079" spans="1:43">
      <c r="A4079" t="s">
        <v>2580</v>
      </c>
      <c r="B4079" t="s">
        <v>2581</v>
      </c>
      <c r="C4079" t="s">
        <v>2582</v>
      </c>
      <c r="D4079" t="s">
        <v>2583</v>
      </c>
      <c r="E4079" t="s">
        <v>2352</v>
      </c>
      <c r="F4079" t="s">
        <v>2353</v>
      </c>
      <c r="G4079" t="s">
        <v>80</v>
      </c>
      <c r="H4079" t="s">
        <v>81</v>
      </c>
      <c r="I4079" s="2">
        <v>0</v>
      </c>
      <c r="J4079" s="2">
        <v>0</v>
      </c>
      <c r="K4079" s="2">
        <v>1</v>
      </c>
      <c r="L4079" t="s">
        <v>995</v>
      </c>
      <c r="M4079" t="s">
        <v>87</v>
      </c>
      <c r="N4079" t="s">
        <v>88</v>
      </c>
      <c r="O4079" t="s">
        <v>85</v>
      </c>
      <c r="P4079" t="s">
        <v>86</v>
      </c>
      <c r="Q4079">
        <v>51</v>
      </c>
      <c r="R4079">
        <v>51</v>
      </c>
      <c r="S4079">
        <v>51</v>
      </c>
      <c r="T4079">
        <v>51</v>
      </c>
      <c r="U4079">
        <v>50</v>
      </c>
      <c r="V4079">
        <v>50</v>
      </c>
      <c r="W4079">
        <v>50</v>
      </c>
      <c r="X4079">
        <v>49</v>
      </c>
      <c r="Y4079">
        <v>49</v>
      </c>
      <c r="Z4079">
        <v>49</v>
      </c>
      <c r="AA4079">
        <v>48</v>
      </c>
      <c r="AB4079">
        <v>48</v>
      </c>
      <c r="AC4079">
        <v>48</v>
      </c>
      <c r="AD4079">
        <v>48</v>
      </c>
      <c r="AE4079">
        <v>47</v>
      </c>
      <c r="AF4079">
        <v>47</v>
      </c>
      <c r="AG4079">
        <v>47</v>
      </c>
      <c r="AH4079">
        <v>46</v>
      </c>
      <c r="AI4079">
        <v>46</v>
      </c>
      <c r="AJ4079">
        <v>46</v>
      </c>
      <c r="AK4079">
        <v>46</v>
      </c>
      <c r="AL4079">
        <v>45</v>
      </c>
      <c r="AM4079">
        <v>45</v>
      </c>
      <c r="AN4079">
        <v>45</v>
      </c>
      <c r="AO4079">
        <v>45</v>
      </c>
      <c r="AP4079">
        <v>44</v>
      </c>
      <c r="AQ4079">
        <v>44</v>
      </c>
    </row>
    <row r="4080" spans="1:43">
      <c r="A4080" t="s">
        <v>2580</v>
      </c>
      <c r="B4080" t="s">
        <v>2581</v>
      </c>
      <c r="C4080" t="s">
        <v>2582</v>
      </c>
      <c r="D4080" t="s">
        <v>2583</v>
      </c>
      <c r="E4080" t="s">
        <v>2352</v>
      </c>
      <c r="F4080" t="s">
        <v>2353</v>
      </c>
      <c r="G4080" t="s">
        <v>80</v>
      </c>
      <c r="H4080" t="s">
        <v>81</v>
      </c>
      <c r="I4080" s="2">
        <v>0</v>
      </c>
      <c r="J4080" s="2">
        <v>0</v>
      </c>
      <c r="K4080" s="2">
        <v>1</v>
      </c>
      <c r="L4080" t="s">
        <v>995</v>
      </c>
      <c r="M4080" t="s">
        <v>89</v>
      </c>
      <c r="N4080" t="s">
        <v>90</v>
      </c>
      <c r="O4080" t="s">
        <v>85</v>
      </c>
      <c r="P4080" t="s">
        <v>86</v>
      </c>
      <c r="Q4080">
        <v>51</v>
      </c>
      <c r="R4080">
        <v>52</v>
      </c>
      <c r="S4080">
        <v>53</v>
      </c>
      <c r="T4080">
        <v>53</v>
      </c>
      <c r="U4080">
        <v>54</v>
      </c>
      <c r="V4080">
        <v>54</v>
      </c>
      <c r="W4080">
        <v>54</v>
      </c>
      <c r="X4080">
        <v>55</v>
      </c>
      <c r="Y4080">
        <v>55</v>
      </c>
      <c r="Z4080">
        <v>55</v>
      </c>
      <c r="AA4080">
        <v>55</v>
      </c>
      <c r="AB4080">
        <v>56</v>
      </c>
      <c r="AC4080">
        <v>56</v>
      </c>
      <c r="AD4080">
        <v>56</v>
      </c>
      <c r="AE4080">
        <v>56</v>
      </c>
      <c r="AF4080">
        <v>55</v>
      </c>
      <c r="AG4080">
        <v>55</v>
      </c>
      <c r="AH4080">
        <v>54</v>
      </c>
      <c r="AI4080">
        <v>54</v>
      </c>
      <c r="AJ4080">
        <v>53</v>
      </c>
      <c r="AK4080">
        <v>53</v>
      </c>
      <c r="AL4080">
        <v>52</v>
      </c>
      <c r="AM4080">
        <v>52</v>
      </c>
      <c r="AN4080">
        <v>51</v>
      </c>
      <c r="AO4080">
        <v>51</v>
      </c>
      <c r="AP4080">
        <v>50</v>
      </c>
      <c r="AQ4080">
        <v>50</v>
      </c>
    </row>
    <row r="4081" spans="1:43">
      <c r="A4081" t="s">
        <v>2580</v>
      </c>
      <c r="B4081" t="s">
        <v>2581</v>
      </c>
      <c r="C4081" t="s">
        <v>2582</v>
      </c>
      <c r="D4081" t="s">
        <v>2583</v>
      </c>
      <c r="E4081" t="s">
        <v>2352</v>
      </c>
      <c r="F4081" t="s">
        <v>2353</v>
      </c>
      <c r="G4081" t="s">
        <v>80</v>
      </c>
      <c r="H4081" t="s">
        <v>81</v>
      </c>
      <c r="I4081" s="2">
        <v>0</v>
      </c>
      <c r="J4081" s="2">
        <v>0</v>
      </c>
      <c r="K4081" s="2">
        <v>1</v>
      </c>
      <c r="L4081" t="s">
        <v>995</v>
      </c>
      <c r="M4081" t="s">
        <v>83</v>
      </c>
      <c r="N4081" t="s">
        <v>91</v>
      </c>
      <c r="O4081" t="s">
        <v>85</v>
      </c>
      <c r="P4081" t="s">
        <v>86</v>
      </c>
      <c r="Q4081">
        <v>51</v>
      </c>
      <c r="R4081">
        <v>51</v>
      </c>
      <c r="S4081">
        <v>51</v>
      </c>
      <c r="T4081">
        <v>51</v>
      </c>
      <c r="U4081">
        <v>52</v>
      </c>
      <c r="V4081">
        <v>52</v>
      </c>
      <c r="W4081">
        <v>52</v>
      </c>
      <c r="X4081">
        <v>52</v>
      </c>
      <c r="Y4081">
        <v>52</v>
      </c>
      <c r="Z4081">
        <v>52</v>
      </c>
      <c r="AA4081">
        <v>52</v>
      </c>
      <c r="AB4081">
        <v>52</v>
      </c>
      <c r="AC4081">
        <v>52</v>
      </c>
      <c r="AD4081">
        <v>52</v>
      </c>
      <c r="AE4081">
        <v>52</v>
      </c>
      <c r="AF4081">
        <v>52</v>
      </c>
      <c r="AG4081">
        <v>52</v>
      </c>
      <c r="AH4081">
        <v>52</v>
      </c>
      <c r="AI4081">
        <v>52</v>
      </c>
      <c r="AJ4081">
        <v>52</v>
      </c>
      <c r="AK4081">
        <v>52</v>
      </c>
      <c r="AL4081">
        <v>52</v>
      </c>
      <c r="AM4081">
        <v>51</v>
      </c>
      <c r="AN4081">
        <v>51</v>
      </c>
      <c r="AO4081">
        <v>50</v>
      </c>
      <c r="AP4081">
        <v>50</v>
      </c>
      <c r="AQ4081">
        <v>49</v>
      </c>
    </row>
    <row r="4082" spans="1:43">
      <c r="A4082" t="s">
        <v>2584</v>
      </c>
      <c r="B4082" t="s">
        <v>2585</v>
      </c>
      <c r="C4082" t="s">
        <v>2586</v>
      </c>
      <c r="D4082" t="s">
        <v>2587</v>
      </c>
      <c r="E4082" t="s">
        <v>2352</v>
      </c>
      <c r="F4082" t="s">
        <v>2353</v>
      </c>
      <c r="G4082" t="s">
        <v>80</v>
      </c>
      <c r="H4082" t="s">
        <v>81</v>
      </c>
      <c r="I4082" s="2">
        <v>0</v>
      </c>
      <c r="J4082" s="2">
        <v>0</v>
      </c>
      <c r="K4082" s="2">
        <v>1</v>
      </c>
      <c r="L4082" t="s">
        <v>995</v>
      </c>
      <c r="M4082" t="s">
        <v>83</v>
      </c>
      <c r="N4082" t="s">
        <v>84</v>
      </c>
      <c r="O4082" t="s">
        <v>85</v>
      </c>
      <c r="P4082" t="s">
        <v>86</v>
      </c>
      <c r="Q4082">
        <v>8</v>
      </c>
      <c r="R4082">
        <v>8</v>
      </c>
      <c r="S4082">
        <v>8</v>
      </c>
      <c r="T4082">
        <v>8</v>
      </c>
      <c r="U4082">
        <v>8</v>
      </c>
      <c r="V4082">
        <v>8</v>
      </c>
      <c r="W4082">
        <v>8</v>
      </c>
      <c r="X4082">
        <v>9</v>
      </c>
      <c r="Y4082">
        <v>9</v>
      </c>
      <c r="Z4082">
        <v>9</v>
      </c>
      <c r="AA4082">
        <v>9</v>
      </c>
      <c r="AB4082">
        <v>9</v>
      </c>
      <c r="AC4082">
        <v>9</v>
      </c>
      <c r="AD4082">
        <v>9</v>
      </c>
      <c r="AE4082">
        <v>9</v>
      </c>
      <c r="AF4082">
        <v>9</v>
      </c>
      <c r="AG4082">
        <v>9</v>
      </c>
      <c r="AH4082">
        <v>9</v>
      </c>
      <c r="AI4082">
        <v>9</v>
      </c>
      <c r="AJ4082">
        <v>9</v>
      </c>
      <c r="AK4082">
        <v>9</v>
      </c>
      <c r="AL4082">
        <v>8</v>
      </c>
      <c r="AM4082">
        <v>8</v>
      </c>
      <c r="AN4082">
        <v>8</v>
      </c>
      <c r="AO4082">
        <v>8</v>
      </c>
      <c r="AP4082">
        <v>8</v>
      </c>
      <c r="AQ4082">
        <v>8</v>
      </c>
    </row>
    <row r="4083" spans="1:43">
      <c r="A4083" t="s">
        <v>2584</v>
      </c>
      <c r="B4083" t="s">
        <v>2585</v>
      </c>
      <c r="C4083" t="s">
        <v>2586</v>
      </c>
      <c r="D4083" t="s">
        <v>2587</v>
      </c>
      <c r="E4083" t="s">
        <v>2352</v>
      </c>
      <c r="F4083" t="s">
        <v>2353</v>
      </c>
      <c r="G4083" t="s">
        <v>80</v>
      </c>
      <c r="H4083" t="s">
        <v>81</v>
      </c>
      <c r="I4083" s="2">
        <v>0</v>
      </c>
      <c r="J4083" s="2">
        <v>0</v>
      </c>
      <c r="K4083" s="2">
        <v>1</v>
      </c>
      <c r="L4083" t="s">
        <v>995</v>
      </c>
      <c r="M4083" t="s">
        <v>87</v>
      </c>
      <c r="N4083" t="s">
        <v>88</v>
      </c>
      <c r="O4083" t="s">
        <v>85</v>
      </c>
      <c r="P4083" t="s">
        <v>86</v>
      </c>
      <c r="Q4083">
        <v>8</v>
      </c>
      <c r="R4083">
        <v>8</v>
      </c>
      <c r="S4083">
        <v>8</v>
      </c>
      <c r="T4083">
        <v>8</v>
      </c>
      <c r="U4083">
        <v>8</v>
      </c>
      <c r="V4083">
        <v>8</v>
      </c>
      <c r="W4083">
        <v>8</v>
      </c>
      <c r="X4083">
        <v>8</v>
      </c>
      <c r="Y4083">
        <v>8</v>
      </c>
      <c r="Z4083">
        <v>8</v>
      </c>
      <c r="AA4083">
        <v>8</v>
      </c>
      <c r="AB4083">
        <v>8</v>
      </c>
      <c r="AC4083">
        <v>8</v>
      </c>
      <c r="AD4083">
        <v>8</v>
      </c>
      <c r="AE4083">
        <v>8</v>
      </c>
      <c r="AF4083">
        <v>8</v>
      </c>
      <c r="AG4083">
        <v>7</v>
      </c>
      <c r="AH4083">
        <v>7</v>
      </c>
      <c r="AI4083">
        <v>7</v>
      </c>
      <c r="AJ4083">
        <v>7</v>
      </c>
      <c r="AK4083">
        <v>7</v>
      </c>
      <c r="AL4083">
        <v>7</v>
      </c>
      <c r="AM4083">
        <v>7</v>
      </c>
      <c r="AN4083">
        <v>7</v>
      </c>
      <c r="AO4083">
        <v>7</v>
      </c>
      <c r="AP4083">
        <v>7</v>
      </c>
      <c r="AQ4083">
        <v>7</v>
      </c>
    </row>
    <row r="4084" spans="1:43">
      <c r="A4084" t="s">
        <v>2584</v>
      </c>
      <c r="B4084" t="s">
        <v>2585</v>
      </c>
      <c r="C4084" t="s">
        <v>2586</v>
      </c>
      <c r="D4084" t="s">
        <v>2587</v>
      </c>
      <c r="E4084" t="s">
        <v>2352</v>
      </c>
      <c r="F4084" t="s">
        <v>2353</v>
      </c>
      <c r="G4084" t="s">
        <v>80</v>
      </c>
      <c r="H4084" t="s">
        <v>81</v>
      </c>
      <c r="I4084" s="2">
        <v>0</v>
      </c>
      <c r="J4084" s="2">
        <v>0</v>
      </c>
      <c r="K4084" s="2">
        <v>1</v>
      </c>
      <c r="L4084" t="s">
        <v>995</v>
      </c>
      <c r="M4084" t="s">
        <v>89</v>
      </c>
      <c r="N4084" t="s">
        <v>90</v>
      </c>
      <c r="O4084" t="s">
        <v>85</v>
      </c>
      <c r="P4084" t="s">
        <v>86</v>
      </c>
      <c r="Q4084">
        <v>8</v>
      </c>
      <c r="R4084">
        <v>9</v>
      </c>
      <c r="S4084">
        <v>9</v>
      </c>
      <c r="T4084">
        <v>9</v>
      </c>
      <c r="U4084">
        <v>9</v>
      </c>
      <c r="V4084">
        <v>9</v>
      </c>
      <c r="W4084">
        <v>9</v>
      </c>
      <c r="X4084">
        <v>9</v>
      </c>
      <c r="Y4084">
        <v>9</v>
      </c>
      <c r="Z4084">
        <v>9</v>
      </c>
      <c r="AA4084">
        <v>9</v>
      </c>
      <c r="AB4084">
        <v>9</v>
      </c>
      <c r="AC4084">
        <v>9</v>
      </c>
      <c r="AD4084">
        <v>9</v>
      </c>
      <c r="AE4084">
        <v>9</v>
      </c>
      <c r="AF4084">
        <v>9</v>
      </c>
      <c r="AG4084">
        <v>9</v>
      </c>
      <c r="AH4084">
        <v>9</v>
      </c>
      <c r="AI4084">
        <v>9</v>
      </c>
      <c r="AJ4084">
        <v>9</v>
      </c>
      <c r="AK4084">
        <v>9</v>
      </c>
      <c r="AL4084">
        <v>9</v>
      </c>
      <c r="AM4084">
        <v>8</v>
      </c>
      <c r="AN4084">
        <v>8</v>
      </c>
      <c r="AO4084">
        <v>8</v>
      </c>
      <c r="AP4084">
        <v>8</v>
      </c>
      <c r="AQ4084">
        <v>8</v>
      </c>
    </row>
    <row r="4085" spans="1:43">
      <c r="A4085" t="s">
        <v>2584</v>
      </c>
      <c r="B4085" t="s">
        <v>2585</v>
      </c>
      <c r="C4085" t="s">
        <v>2586</v>
      </c>
      <c r="D4085" t="s">
        <v>2587</v>
      </c>
      <c r="E4085" t="s">
        <v>2352</v>
      </c>
      <c r="F4085" t="s">
        <v>2353</v>
      </c>
      <c r="G4085" t="s">
        <v>80</v>
      </c>
      <c r="H4085" t="s">
        <v>81</v>
      </c>
      <c r="I4085" s="2">
        <v>0</v>
      </c>
      <c r="J4085" s="2">
        <v>0</v>
      </c>
      <c r="K4085" s="2">
        <v>1</v>
      </c>
      <c r="L4085" t="s">
        <v>995</v>
      </c>
      <c r="M4085" t="s">
        <v>83</v>
      </c>
      <c r="N4085" t="s">
        <v>91</v>
      </c>
      <c r="O4085" t="s">
        <v>85</v>
      </c>
      <c r="P4085" t="s">
        <v>86</v>
      </c>
      <c r="Q4085">
        <v>8</v>
      </c>
      <c r="R4085">
        <v>8</v>
      </c>
      <c r="S4085">
        <v>8</v>
      </c>
      <c r="T4085">
        <v>8</v>
      </c>
      <c r="U4085">
        <v>8</v>
      </c>
      <c r="V4085">
        <v>8</v>
      </c>
      <c r="W4085">
        <v>8</v>
      </c>
      <c r="X4085">
        <v>9</v>
      </c>
      <c r="Y4085">
        <v>9</v>
      </c>
      <c r="Z4085">
        <v>9</v>
      </c>
      <c r="AA4085">
        <v>9</v>
      </c>
      <c r="AB4085">
        <v>9</v>
      </c>
      <c r="AC4085">
        <v>9</v>
      </c>
      <c r="AD4085">
        <v>9</v>
      </c>
      <c r="AE4085">
        <v>9</v>
      </c>
      <c r="AF4085">
        <v>9</v>
      </c>
      <c r="AG4085">
        <v>9</v>
      </c>
      <c r="AH4085">
        <v>9</v>
      </c>
      <c r="AI4085">
        <v>9</v>
      </c>
      <c r="AJ4085">
        <v>9</v>
      </c>
      <c r="AK4085">
        <v>9</v>
      </c>
      <c r="AL4085">
        <v>8</v>
      </c>
      <c r="AM4085">
        <v>8</v>
      </c>
      <c r="AN4085">
        <v>8</v>
      </c>
      <c r="AO4085">
        <v>8</v>
      </c>
      <c r="AP4085">
        <v>8</v>
      </c>
      <c r="AQ4085">
        <v>8</v>
      </c>
    </row>
    <row r="4086" spans="1:43">
      <c r="A4086" t="s">
        <v>2588</v>
      </c>
      <c r="B4086" t="s">
        <v>2589</v>
      </c>
      <c r="C4086" t="s">
        <v>2586</v>
      </c>
      <c r="D4086" t="s">
        <v>2587</v>
      </c>
      <c r="E4086" t="s">
        <v>2352</v>
      </c>
      <c r="F4086" t="s">
        <v>2353</v>
      </c>
      <c r="G4086" t="s">
        <v>80</v>
      </c>
      <c r="H4086" t="s">
        <v>81</v>
      </c>
      <c r="I4086" s="2">
        <v>0</v>
      </c>
      <c r="J4086" s="2">
        <v>0</v>
      </c>
      <c r="K4086" s="2">
        <v>1</v>
      </c>
      <c r="L4086" t="s">
        <v>995</v>
      </c>
      <c r="M4086" t="s">
        <v>83</v>
      </c>
      <c r="N4086" t="s">
        <v>84</v>
      </c>
      <c r="O4086" t="s">
        <v>85</v>
      </c>
      <c r="P4086" t="s">
        <v>86</v>
      </c>
      <c r="Q4086">
        <v>21</v>
      </c>
      <c r="R4086">
        <v>21</v>
      </c>
      <c r="S4086">
        <v>21</v>
      </c>
      <c r="T4086">
        <v>21</v>
      </c>
      <c r="U4086">
        <v>21</v>
      </c>
      <c r="V4086">
        <v>21</v>
      </c>
      <c r="W4086">
        <v>21</v>
      </c>
      <c r="X4086">
        <v>21</v>
      </c>
      <c r="Y4086">
        <v>21</v>
      </c>
      <c r="Z4086">
        <v>21</v>
      </c>
      <c r="AA4086">
        <v>21</v>
      </c>
      <c r="AB4086">
        <v>21</v>
      </c>
      <c r="AC4086">
        <v>21</v>
      </c>
      <c r="AD4086">
        <v>21</v>
      </c>
      <c r="AE4086">
        <v>21</v>
      </c>
      <c r="AF4086">
        <v>21</v>
      </c>
      <c r="AG4086">
        <v>21</v>
      </c>
      <c r="AH4086">
        <v>21</v>
      </c>
      <c r="AI4086">
        <v>21</v>
      </c>
      <c r="AJ4086">
        <v>21</v>
      </c>
      <c r="AK4086">
        <v>21</v>
      </c>
      <c r="AL4086">
        <v>21</v>
      </c>
      <c r="AM4086">
        <v>21</v>
      </c>
      <c r="AN4086">
        <v>21</v>
      </c>
      <c r="AO4086">
        <v>21</v>
      </c>
      <c r="AP4086">
        <v>21</v>
      </c>
      <c r="AQ4086">
        <v>20</v>
      </c>
    </row>
    <row r="4087" spans="1:43">
      <c r="A4087" t="s">
        <v>2588</v>
      </c>
      <c r="B4087" t="s">
        <v>2589</v>
      </c>
      <c r="C4087" t="s">
        <v>2586</v>
      </c>
      <c r="D4087" t="s">
        <v>2587</v>
      </c>
      <c r="E4087" t="s">
        <v>2352</v>
      </c>
      <c r="F4087" t="s">
        <v>2353</v>
      </c>
      <c r="G4087" t="s">
        <v>80</v>
      </c>
      <c r="H4087" t="s">
        <v>81</v>
      </c>
      <c r="I4087" s="2">
        <v>0</v>
      </c>
      <c r="J4087" s="2">
        <v>0</v>
      </c>
      <c r="K4087" s="2">
        <v>1</v>
      </c>
      <c r="L4087" t="s">
        <v>995</v>
      </c>
      <c r="M4087" t="s">
        <v>87</v>
      </c>
      <c r="N4087" t="s">
        <v>88</v>
      </c>
      <c r="O4087" t="s">
        <v>85</v>
      </c>
      <c r="P4087" t="s">
        <v>86</v>
      </c>
      <c r="Q4087">
        <v>21</v>
      </c>
      <c r="R4087">
        <v>21</v>
      </c>
      <c r="S4087">
        <v>21</v>
      </c>
      <c r="T4087">
        <v>20</v>
      </c>
      <c r="U4087">
        <v>20</v>
      </c>
      <c r="V4087">
        <v>20</v>
      </c>
      <c r="W4087">
        <v>20</v>
      </c>
      <c r="X4087">
        <v>20</v>
      </c>
      <c r="Y4087">
        <v>20</v>
      </c>
      <c r="Z4087">
        <v>20</v>
      </c>
      <c r="AA4087">
        <v>20</v>
      </c>
      <c r="AB4087">
        <v>19</v>
      </c>
      <c r="AC4087">
        <v>19</v>
      </c>
      <c r="AD4087">
        <v>19</v>
      </c>
      <c r="AE4087">
        <v>19</v>
      </c>
      <c r="AF4087">
        <v>19</v>
      </c>
      <c r="AG4087">
        <v>19</v>
      </c>
      <c r="AH4087">
        <v>19</v>
      </c>
      <c r="AI4087">
        <v>19</v>
      </c>
      <c r="AJ4087">
        <v>18</v>
      </c>
      <c r="AK4087">
        <v>18</v>
      </c>
      <c r="AL4087">
        <v>18</v>
      </c>
      <c r="AM4087">
        <v>18</v>
      </c>
      <c r="AN4087">
        <v>18</v>
      </c>
      <c r="AO4087">
        <v>18</v>
      </c>
      <c r="AP4087">
        <v>18</v>
      </c>
      <c r="AQ4087">
        <v>18</v>
      </c>
    </row>
    <row r="4088" spans="1:43">
      <c r="A4088" t="s">
        <v>2588</v>
      </c>
      <c r="B4088" t="s">
        <v>2589</v>
      </c>
      <c r="C4088" t="s">
        <v>2586</v>
      </c>
      <c r="D4088" t="s">
        <v>2587</v>
      </c>
      <c r="E4088" t="s">
        <v>2352</v>
      </c>
      <c r="F4088" t="s">
        <v>2353</v>
      </c>
      <c r="G4088" t="s">
        <v>80</v>
      </c>
      <c r="H4088" t="s">
        <v>81</v>
      </c>
      <c r="I4088" s="2">
        <v>0</v>
      </c>
      <c r="J4088" s="2">
        <v>0</v>
      </c>
      <c r="K4088" s="2">
        <v>1</v>
      </c>
      <c r="L4088" t="s">
        <v>995</v>
      </c>
      <c r="M4088" t="s">
        <v>89</v>
      </c>
      <c r="N4088" t="s">
        <v>90</v>
      </c>
      <c r="O4088" t="s">
        <v>85</v>
      </c>
      <c r="P4088" t="s">
        <v>86</v>
      </c>
      <c r="Q4088">
        <v>21</v>
      </c>
      <c r="R4088">
        <v>21</v>
      </c>
      <c r="S4088">
        <v>22</v>
      </c>
      <c r="T4088">
        <v>22</v>
      </c>
      <c r="U4088">
        <v>22</v>
      </c>
      <c r="V4088">
        <v>22</v>
      </c>
      <c r="W4088">
        <v>22</v>
      </c>
      <c r="X4088">
        <v>23</v>
      </c>
      <c r="Y4088">
        <v>23</v>
      </c>
      <c r="Z4088">
        <v>23</v>
      </c>
      <c r="AA4088">
        <v>23</v>
      </c>
      <c r="AB4088">
        <v>23</v>
      </c>
      <c r="AC4088">
        <v>23</v>
      </c>
      <c r="AD4088">
        <v>23</v>
      </c>
      <c r="AE4088">
        <v>23</v>
      </c>
      <c r="AF4088">
        <v>23</v>
      </c>
      <c r="AG4088">
        <v>23</v>
      </c>
      <c r="AH4088">
        <v>22</v>
      </c>
      <c r="AI4088">
        <v>22</v>
      </c>
      <c r="AJ4088">
        <v>22</v>
      </c>
      <c r="AK4088">
        <v>22</v>
      </c>
      <c r="AL4088">
        <v>22</v>
      </c>
      <c r="AM4088">
        <v>21</v>
      </c>
      <c r="AN4088">
        <v>21</v>
      </c>
      <c r="AO4088">
        <v>21</v>
      </c>
      <c r="AP4088">
        <v>21</v>
      </c>
      <c r="AQ4088">
        <v>21</v>
      </c>
    </row>
    <row r="4089" spans="1:43">
      <c r="A4089" t="s">
        <v>2588</v>
      </c>
      <c r="B4089" t="s">
        <v>2589</v>
      </c>
      <c r="C4089" t="s">
        <v>2586</v>
      </c>
      <c r="D4089" t="s">
        <v>2587</v>
      </c>
      <c r="E4089" t="s">
        <v>2352</v>
      </c>
      <c r="F4089" t="s">
        <v>2353</v>
      </c>
      <c r="G4089" t="s">
        <v>80</v>
      </c>
      <c r="H4089" t="s">
        <v>81</v>
      </c>
      <c r="I4089" s="2">
        <v>0</v>
      </c>
      <c r="J4089" s="2">
        <v>0</v>
      </c>
      <c r="K4089" s="2">
        <v>1</v>
      </c>
      <c r="L4089" t="s">
        <v>995</v>
      </c>
      <c r="M4089" t="s">
        <v>83</v>
      </c>
      <c r="N4089" t="s">
        <v>91</v>
      </c>
      <c r="O4089" t="s">
        <v>85</v>
      </c>
      <c r="P4089" t="s">
        <v>86</v>
      </c>
      <c r="Q4089">
        <v>21</v>
      </c>
      <c r="R4089">
        <v>21</v>
      </c>
      <c r="S4089">
        <v>21</v>
      </c>
      <c r="T4089">
        <v>21</v>
      </c>
      <c r="U4089">
        <v>21</v>
      </c>
      <c r="V4089">
        <v>21</v>
      </c>
      <c r="W4089">
        <v>21</v>
      </c>
      <c r="X4089">
        <v>21</v>
      </c>
      <c r="Y4089">
        <v>21</v>
      </c>
      <c r="Z4089">
        <v>21</v>
      </c>
      <c r="AA4089">
        <v>21</v>
      </c>
      <c r="AB4089">
        <v>21</v>
      </c>
      <c r="AC4089">
        <v>21</v>
      </c>
      <c r="AD4089">
        <v>21</v>
      </c>
      <c r="AE4089">
        <v>21</v>
      </c>
      <c r="AF4089">
        <v>21</v>
      </c>
      <c r="AG4089">
        <v>21</v>
      </c>
      <c r="AH4089">
        <v>21</v>
      </c>
      <c r="AI4089">
        <v>21</v>
      </c>
      <c r="AJ4089">
        <v>21</v>
      </c>
      <c r="AK4089">
        <v>21</v>
      </c>
      <c r="AL4089">
        <v>21</v>
      </c>
      <c r="AM4089">
        <v>21</v>
      </c>
      <c r="AN4089">
        <v>21</v>
      </c>
      <c r="AO4089">
        <v>21</v>
      </c>
      <c r="AP4089">
        <v>21</v>
      </c>
      <c r="AQ4089">
        <v>20</v>
      </c>
    </row>
    <row r="4090" spans="1:43">
      <c r="A4090" t="s">
        <v>2590</v>
      </c>
      <c r="B4090" t="s">
        <v>2591</v>
      </c>
      <c r="C4090" t="s">
        <v>2582</v>
      </c>
      <c r="D4090" t="s">
        <v>2583</v>
      </c>
      <c r="E4090" t="s">
        <v>2352</v>
      </c>
      <c r="F4090" t="s">
        <v>2353</v>
      </c>
      <c r="G4090" t="s">
        <v>80</v>
      </c>
      <c r="H4090" t="s">
        <v>81</v>
      </c>
      <c r="I4090" s="2">
        <v>0</v>
      </c>
      <c r="J4090" s="2">
        <v>0</v>
      </c>
      <c r="K4090" s="2">
        <v>1</v>
      </c>
      <c r="L4090" t="s">
        <v>995</v>
      </c>
      <c r="M4090" t="s">
        <v>83</v>
      </c>
      <c r="N4090" t="s">
        <v>84</v>
      </c>
      <c r="O4090" t="s">
        <v>85</v>
      </c>
      <c r="P4090" t="s">
        <v>86</v>
      </c>
      <c r="Q4090">
        <v>14</v>
      </c>
      <c r="R4090">
        <v>14</v>
      </c>
      <c r="S4090">
        <v>14</v>
      </c>
      <c r="T4090">
        <v>14</v>
      </c>
      <c r="U4090">
        <v>14</v>
      </c>
      <c r="V4090">
        <v>14</v>
      </c>
      <c r="W4090">
        <v>14</v>
      </c>
      <c r="X4090">
        <v>14</v>
      </c>
      <c r="Y4090">
        <v>14</v>
      </c>
      <c r="Z4090">
        <v>15</v>
      </c>
      <c r="AA4090">
        <v>15</v>
      </c>
      <c r="AB4090">
        <v>15</v>
      </c>
      <c r="AC4090">
        <v>15</v>
      </c>
      <c r="AD4090">
        <v>15</v>
      </c>
      <c r="AE4090">
        <v>15</v>
      </c>
      <c r="AF4090">
        <v>15</v>
      </c>
      <c r="AG4090">
        <v>15</v>
      </c>
      <c r="AH4090">
        <v>15</v>
      </c>
      <c r="AI4090">
        <v>15</v>
      </c>
      <c r="AJ4090">
        <v>15</v>
      </c>
      <c r="AK4090">
        <v>15</v>
      </c>
      <c r="AL4090">
        <v>14</v>
      </c>
      <c r="AM4090">
        <v>14</v>
      </c>
      <c r="AN4090">
        <v>14</v>
      </c>
      <c r="AO4090">
        <v>14</v>
      </c>
      <c r="AP4090">
        <v>14</v>
      </c>
      <c r="AQ4090">
        <v>14</v>
      </c>
    </row>
    <row r="4091" spans="1:43">
      <c r="A4091" t="s">
        <v>2590</v>
      </c>
      <c r="B4091" t="s">
        <v>2591</v>
      </c>
      <c r="C4091" t="s">
        <v>2582</v>
      </c>
      <c r="D4091" t="s">
        <v>2583</v>
      </c>
      <c r="E4091" t="s">
        <v>2352</v>
      </c>
      <c r="F4091" t="s">
        <v>2353</v>
      </c>
      <c r="G4091" t="s">
        <v>80</v>
      </c>
      <c r="H4091" t="s">
        <v>81</v>
      </c>
      <c r="I4091" s="2">
        <v>0</v>
      </c>
      <c r="J4091" s="2">
        <v>0</v>
      </c>
      <c r="K4091" s="2">
        <v>1</v>
      </c>
      <c r="L4091" t="s">
        <v>995</v>
      </c>
      <c r="M4091" t="s">
        <v>87</v>
      </c>
      <c r="N4091" t="s">
        <v>88</v>
      </c>
      <c r="O4091" t="s">
        <v>85</v>
      </c>
      <c r="P4091" t="s">
        <v>86</v>
      </c>
      <c r="Q4091">
        <v>14</v>
      </c>
      <c r="R4091">
        <v>14</v>
      </c>
      <c r="S4091">
        <v>14</v>
      </c>
      <c r="T4091">
        <v>14</v>
      </c>
      <c r="U4091">
        <v>14</v>
      </c>
      <c r="V4091">
        <v>14</v>
      </c>
      <c r="W4091">
        <v>14</v>
      </c>
      <c r="X4091">
        <v>13</v>
      </c>
      <c r="Y4091">
        <v>13</v>
      </c>
      <c r="Z4091">
        <v>13</v>
      </c>
      <c r="AA4091">
        <v>13</v>
      </c>
      <c r="AB4091">
        <v>13</v>
      </c>
      <c r="AC4091">
        <v>13</v>
      </c>
      <c r="AD4091">
        <v>13</v>
      </c>
      <c r="AE4091">
        <v>13</v>
      </c>
      <c r="AF4091">
        <v>13</v>
      </c>
      <c r="AG4091">
        <v>13</v>
      </c>
      <c r="AH4091">
        <v>13</v>
      </c>
      <c r="AI4091">
        <v>13</v>
      </c>
      <c r="AJ4091">
        <v>13</v>
      </c>
      <c r="AK4091">
        <v>12</v>
      </c>
      <c r="AL4091">
        <v>12</v>
      </c>
      <c r="AM4091">
        <v>12</v>
      </c>
      <c r="AN4091">
        <v>12</v>
      </c>
      <c r="AO4091">
        <v>12</v>
      </c>
      <c r="AP4091">
        <v>12</v>
      </c>
      <c r="AQ4091">
        <v>12</v>
      </c>
    </row>
    <row r="4092" spans="1:43">
      <c r="A4092" t="s">
        <v>2590</v>
      </c>
      <c r="B4092" t="s">
        <v>2591</v>
      </c>
      <c r="C4092" t="s">
        <v>2582</v>
      </c>
      <c r="D4092" t="s">
        <v>2583</v>
      </c>
      <c r="E4092" t="s">
        <v>2352</v>
      </c>
      <c r="F4092" t="s">
        <v>2353</v>
      </c>
      <c r="G4092" t="s">
        <v>80</v>
      </c>
      <c r="H4092" t="s">
        <v>81</v>
      </c>
      <c r="I4092" s="2">
        <v>0</v>
      </c>
      <c r="J4092" s="2">
        <v>0</v>
      </c>
      <c r="K4092" s="2">
        <v>1</v>
      </c>
      <c r="L4092" t="s">
        <v>995</v>
      </c>
      <c r="M4092" t="s">
        <v>89</v>
      </c>
      <c r="N4092" t="s">
        <v>90</v>
      </c>
      <c r="O4092" t="s">
        <v>85</v>
      </c>
      <c r="P4092" t="s">
        <v>86</v>
      </c>
      <c r="Q4092">
        <v>14</v>
      </c>
      <c r="R4092">
        <v>15</v>
      </c>
      <c r="S4092">
        <v>15</v>
      </c>
      <c r="T4092">
        <v>15</v>
      </c>
      <c r="U4092">
        <v>15</v>
      </c>
      <c r="V4092">
        <v>15</v>
      </c>
      <c r="W4092">
        <v>15</v>
      </c>
      <c r="X4092">
        <v>15</v>
      </c>
      <c r="Y4092">
        <v>15</v>
      </c>
      <c r="Z4092">
        <v>15</v>
      </c>
      <c r="AA4092">
        <v>15</v>
      </c>
      <c r="AB4092">
        <v>16</v>
      </c>
      <c r="AC4092">
        <v>16</v>
      </c>
      <c r="AD4092">
        <v>16</v>
      </c>
      <c r="AE4092">
        <v>16</v>
      </c>
      <c r="AF4092">
        <v>15</v>
      </c>
      <c r="AG4092">
        <v>15</v>
      </c>
      <c r="AH4092">
        <v>15</v>
      </c>
      <c r="AI4092">
        <v>15</v>
      </c>
      <c r="AJ4092">
        <v>15</v>
      </c>
      <c r="AK4092">
        <v>15</v>
      </c>
      <c r="AL4092">
        <v>15</v>
      </c>
      <c r="AM4092">
        <v>14</v>
      </c>
      <c r="AN4092">
        <v>14</v>
      </c>
      <c r="AO4092">
        <v>14</v>
      </c>
      <c r="AP4092">
        <v>14</v>
      </c>
      <c r="AQ4092">
        <v>14</v>
      </c>
    </row>
    <row r="4093" spans="1:43">
      <c r="A4093" t="s">
        <v>2590</v>
      </c>
      <c r="B4093" t="s">
        <v>2591</v>
      </c>
      <c r="C4093" t="s">
        <v>2582</v>
      </c>
      <c r="D4093" t="s">
        <v>2583</v>
      </c>
      <c r="E4093" t="s">
        <v>2352</v>
      </c>
      <c r="F4093" t="s">
        <v>2353</v>
      </c>
      <c r="G4093" t="s">
        <v>80</v>
      </c>
      <c r="H4093" t="s">
        <v>81</v>
      </c>
      <c r="I4093" s="2">
        <v>0</v>
      </c>
      <c r="J4093" s="2">
        <v>0</v>
      </c>
      <c r="K4093" s="2">
        <v>1</v>
      </c>
      <c r="L4093" t="s">
        <v>995</v>
      </c>
      <c r="M4093" t="s">
        <v>83</v>
      </c>
      <c r="N4093" t="s">
        <v>91</v>
      </c>
      <c r="O4093" t="s">
        <v>85</v>
      </c>
      <c r="P4093" t="s">
        <v>86</v>
      </c>
      <c r="Q4093">
        <v>14</v>
      </c>
      <c r="R4093">
        <v>14</v>
      </c>
      <c r="S4093">
        <v>14</v>
      </c>
      <c r="T4093">
        <v>14</v>
      </c>
      <c r="U4093">
        <v>14</v>
      </c>
      <c r="V4093">
        <v>14</v>
      </c>
      <c r="W4093">
        <v>14</v>
      </c>
      <c r="X4093">
        <v>14</v>
      </c>
      <c r="Y4093">
        <v>14</v>
      </c>
      <c r="Z4093">
        <v>15</v>
      </c>
      <c r="AA4093">
        <v>15</v>
      </c>
      <c r="AB4093">
        <v>15</v>
      </c>
      <c r="AC4093">
        <v>15</v>
      </c>
      <c r="AD4093">
        <v>15</v>
      </c>
      <c r="AE4093">
        <v>15</v>
      </c>
      <c r="AF4093">
        <v>15</v>
      </c>
      <c r="AG4093">
        <v>15</v>
      </c>
      <c r="AH4093">
        <v>15</v>
      </c>
      <c r="AI4093">
        <v>15</v>
      </c>
      <c r="AJ4093">
        <v>15</v>
      </c>
      <c r="AK4093">
        <v>15</v>
      </c>
      <c r="AL4093">
        <v>14</v>
      </c>
      <c r="AM4093">
        <v>14</v>
      </c>
      <c r="AN4093">
        <v>14</v>
      </c>
      <c r="AO4093">
        <v>14</v>
      </c>
      <c r="AP4093">
        <v>14</v>
      </c>
      <c r="AQ4093">
        <v>14</v>
      </c>
    </row>
    <row r="4094" spans="1:43">
      <c r="A4094" t="s">
        <v>2592</v>
      </c>
      <c r="B4094" t="s">
        <v>2593</v>
      </c>
      <c r="C4094" t="s">
        <v>2582</v>
      </c>
      <c r="D4094" t="s">
        <v>2583</v>
      </c>
      <c r="E4094" t="s">
        <v>2352</v>
      </c>
      <c r="F4094" t="s">
        <v>2353</v>
      </c>
      <c r="G4094" t="s">
        <v>80</v>
      </c>
      <c r="H4094" t="s">
        <v>81</v>
      </c>
      <c r="I4094" s="2">
        <v>0</v>
      </c>
      <c r="J4094" s="2">
        <v>0</v>
      </c>
      <c r="K4094" s="2">
        <v>1</v>
      </c>
      <c r="L4094" t="s">
        <v>995</v>
      </c>
      <c r="M4094" t="s">
        <v>83</v>
      </c>
      <c r="N4094" t="s">
        <v>84</v>
      </c>
      <c r="O4094" t="s">
        <v>85</v>
      </c>
      <c r="P4094" t="s">
        <v>86</v>
      </c>
      <c r="Q4094">
        <v>14</v>
      </c>
      <c r="R4094">
        <v>14</v>
      </c>
      <c r="S4094">
        <v>14</v>
      </c>
      <c r="T4094">
        <v>14</v>
      </c>
      <c r="U4094">
        <v>14</v>
      </c>
      <c r="V4094">
        <v>14</v>
      </c>
      <c r="W4094">
        <v>14</v>
      </c>
      <c r="X4094">
        <v>14</v>
      </c>
      <c r="Y4094">
        <v>14</v>
      </c>
      <c r="Z4094">
        <v>14</v>
      </c>
      <c r="AA4094">
        <v>14</v>
      </c>
      <c r="AB4094">
        <v>14</v>
      </c>
      <c r="AC4094">
        <v>14</v>
      </c>
      <c r="AD4094">
        <v>14</v>
      </c>
      <c r="AE4094">
        <v>14</v>
      </c>
      <c r="AF4094">
        <v>14</v>
      </c>
      <c r="AG4094">
        <v>14</v>
      </c>
      <c r="AH4094">
        <v>14</v>
      </c>
      <c r="AI4094">
        <v>14</v>
      </c>
      <c r="AJ4094">
        <v>14</v>
      </c>
      <c r="AK4094">
        <v>14</v>
      </c>
      <c r="AL4094">
        <v>14</v>
      </c>
      <c r="AM4094">
        <v>14</v>
      </c>
      <c r="AN4094">
        <v>14</v>
      </c>
      <c r="AO4094">
        <v>14</v>
      </c>
      <c r="AP4094">
        <v>14</v>
      </c>
      <c r="AQ4094">
        <v>14</v>
      </c>
    </row>
    <row r="4095" spans="1:43">
      <c r="A4095" t="s">
        <v>2592</v>
      </c>
      <c r="B4095" t="s">
        <v>2593</v>
      </c>
      <c r="C4095" t="s">
        <v>2582</v>
      </c>
      <c r="D4095" t="s">
        <v>2583</v>
      </c>
      <c r="E4095" t="s">
        <v>2352</v>
      </c>
      <c r="F4095" t="s">
        <v>2353</v>
      </c>
      <c r="G4095" t="s">
        <v>80</v>
      </c>
      <c r="H4095" t="s">
        <v>81</v>
      </c>
      <c r="I4095" s="2">
        <v>0</v>
      </c>
      <c r="J4095" s="2">
        <v>0</v>
      </c>
      <c r="K4095" s="2">
        <v>1</v>
      </c>
      <c r="L4095" t="s">
        <v>995</v>
      </c>
      <c r="M4095" t="s">
        <v>87</v>
      </c>
      <c r="N4095" t="s">
        <v>88</v>
      </c>
      <c r="O4095" t="s">
        <v>85</v>
      </c>
      <c r="P4095" t="s">
        <v>86</v>
      </c>
      <c r="Q4095">
        <v>14</v>
      </c>
      <c r="R4095">
        <v>14</v>
      </c>
      <c r="S4095">
        <v>14</v>
      </c>
      <c r="T4095">
        <v>14</v>
      </c>
      <c r="U4095">
        <v>14</v>
      </c>
      <c r="V4095">
        <v>14</v>
      </c>
      <c r="W4095">
        <v>13</v>
      </c>
      <c r="X4095">
        <v>13</v>
      </c>
      <c r="Y4095">
        <v>13</v>
      </c>
      <c r="Z4095">
        <v>13</v>
      </c>
      <c r="AA4095">
        <v>13</v>
      </c>
      <c r="AB4095">
        <v>13</v>
      </c>
      <c r="AC4095">
        <v>13</v>
      </c>
      <c r="AD4095">
        <v>13</v>
      </c>
      <c r="AE4095">
        <v>13</v>
      </c>
      <c r="AF4095">
        <v>13</v>
      </c>
      <c r="AG4095">
        <v>13</v>
      </c>
      <c r="AH4095">
        <v>13</v>
      </c>
      <c r="AI4095">
        <v>13</v>
      </c>
      <c r="AJ4095">
        <v>12</v>
      </c>
      <c r="AK4095">
        <v>12</v>
      </c>
      <c r="AL4095">
        <v>12</v>
      </c>
      <c r="AM4095">
        <v>12</v>
      </c>
      <c r="AN4095">
        <v>12</v>
      </c>
      <c r="AO4095">
        <v>12</v>
      </c>
      <c r="AP4095">
        <v>12</v>
      </c>
      <c r="AQ4095">
        <v>12</v>
      </c>
    </row>
    <row r="4096" spans="1:43">
      <c r="A4096" t="s">
        <v>2592</v>
      </c>
      <c r="B4096" t="s">
        <v>2593</v>
      </c>
      <c r="C4096" t="s">
        <v>2582</v>
      </c>
      <c r="D4096" t="s">
        <v>2583</v>
      </c>
      <c r="E4096" t="s">
        <v>2352</v>
      </c>
      <c r="F4096" t="s">
        <v>2353</v>
      </c>
      <c r="G4096" t="s">
        <v>80</v>
      </c>
      <c r="H4096" t="s">
        <v>81</v>
      </c>
      <c r="I4096" s="2">
        <v>0</v>
      </c>
      <c r="J4096" s="2">
        <v>0</v>
      </c>
      <c r="K4096" s="2">
        <v>1</v>
      </c>
      <c r="L4096" t="s">
        <v>995</v>
      </c>
      <c r="M4096" t="s">
        <v>89</v>
      </c>
      <c r="N4096" t="s">
        <v>90</v>
      </c>
      <c r="O4096" t="s">
        <v>85</v>
      </c>
      <c r="P4096" t="s">
        <v>86</v>
      </c>
      <c r="Q4096">
        <v>14</v>
      </c>
      <c r="R4096">
        <v>14</v>
      </c>
      <c r="S4096">
        <v>15</v>
      </c>
      <c r="T4096">
        <v>15</v>
      </c>
      <c r="U4096">
        <v>15</v>
      </c>
      <c r="V4096">
        <v>15</v>
      </c>
      <c r="W4096">
        <v>15</v>
      </c>
      <c r="X4096">
        <v>15</v>
      </c>
      <c r="Y4096">
        <v>15</v>
      </c>
      <c r="Z4096">
        <v>15</v>
      </c>
      <c r="AA4096">
        <v>15</v>
      </c>
      <c r="AB4096">
        <v>15</v>
      </c>
      <c r="AC4096">
        <v>15</v>
      </c>
      <c r="AD4096">
        <v>16</v>
      </c>
      <c r="AE4096">
        <v>15</v>
      </c>
      <c r="AF4096">
        <v>15</v>
      </c>
      <c r="AG4096">
        <v>15</v>
      </c>
      <c r="AH4096">
        <v>15</v>
      </c>
      <c r="AI4096">
        <v>15</v>
      </c>
      <c r="AJ4096">
        <v>15</v>
      </c>
      <c r="AK4096">
        <v>15</v>
      </c>
      <c r="AL4096">
        <v>14</v>
      </c>
      <c r="AM4096">
        <v>14</v>
      </c>
      <c r="AN4096">
        <v>14</v>
      </c>
      <c r="AO4096">
        <v>14</v>
      </c>
      <c r="AP4096">
        <v>14</v>
      </c>
      <c r="AQ4096">
        <v>14</v>
      </c>
    </row>
    <row r="4097" spans="1:43">
      <c r="A4097" t="s">
        <v>2592</v>
      </c>
      <c r="B4097" t="s">
        <v>2593</v>
      </c>
      <c r="C4097" t="s">
        <v>2582</v>
      </c>
      <c r="D4097" t="s">
        <v>2583</v>
      </c>
      <c r="E4097" t="s">
        <v>2352</v>
      </c>
      <c r="F4097" t="s">
        <v>2353</v>
      </c>
      <c r="G4097" t="s">
        <v>80</v>
      </c>
      <c r="H4097" t="s">
        <v>81</v>
      </c>
      <c r="I4097" s="2">
        <v>0</v>
      </c>
      <c r="J4097" s="2">
        <v>0</v>
      </c>
      <c r="K4097" s="2">
        <v>1</v>
      </c>
      <c r="L4097" t="s">
        <v>995</v>
      </c>
      <c r="M4097" t="s">
        <v>83</v>
      </c>
      <c r="N4097" t="s">
        <v>91</v>
      </c>
      <c r="O4097" t="s">
        <v>85</v>
      </c>
      <c r="P4097" t="s">
        <v>86</v>
      </c>
      <c r="Q4097">
        <v>14</v>
      </c>
      <c r="R4097">
        <v>14</v>
      </c>
      <c r="S4097">
        <v>14</v>
      </c>
      <c r="T4097">
        <v>14</v>
      </c>
      <c r="U4097">
        <v>14</v>
      </c>
      <c r="V4097">
        <v>14</v>
      </c>
      <c r="W4097">
        <v>14</v>
      </c>
      <c r="X4097">
        <v>14</v>
      </c>
      <c r="Y4097">
        <v>14</v>
      </c>
      <c r="Z4097">
        <v>14</v>
      </c>
      <c r="AA4097">
        <v>14</v>
      </c>
      <c r="AB4097">
        <v>14</v>
      </c>
      <c r="AC4097">
        <v>14</v>
      </c>
      <c r="AD4097">
        <v>14</v>
      </c>
      <c r="AE4097">
        <v>14</v>
      </c>
      <c r="AF4097">
        <v>14</v>
      </c>
      <c r="AG4097">
        <v>14</v>
      </c>
      <c r="AH4097">
        <v>14</v>
      </c>
      <c r="AI4097">
        <v>14</v>
      </c>
      <c r="AJ4097">
        <v>14</v>
      </c>
      <c r="AK4097">
        <v>14</v>
      </c>
      <c r="AL4097">
        <v>14</v>
      </c>
      <c r="AM4097">
        <v>14</v>
      </c>
      <c r="AN4097">
        <v>14</v>
      </c>
      <c r="AO4097">
        <v>14</v>
      </c>
      <c r="AP4097">
        <v>14</v>
      </c>
      <c r="AQ4097">
        <v>14</v>
      </c>
    </row>
    <row r="4098" spans="1:43">
      <c r="A4098" t="s">
        <v>2594</v>
      </c>
      <c r="B4098" t="s">
        <v>2595</v>
      </c>
      <c r="C4098" t="s">
        <v>2596</v>
      </c>
      <c r="D4098" t="s">
        <v>2597</v>
      </c>
      <c r="E4098" t="s">
        <v>2352</v>
      </c>
      <c r="F4098" t="s">
        <v>2353</v>
      </c>
      <c r="G4098" t="s">
        <v>80</v>
      </c>
      <c r="H4098" t="s">
        <v>81</v>
      </c>
      <c r="I4098" s="2">
        <v>0</v>
      </c>
      <c r="J4098" s="2">
        <v>0</v>
      </c>
      <c r="K4098" s="2">
        <v>1</v>
      </c>
      <c r="L4098" t="s">
        <v>995</v>
      </c>
      <c r="M4098" t="s">
        <v>83</v>
      </c>
      <c r="N4098" t="s">
        <v>84</v>
      </c>
      <c r="O4098" t="s">
        <v>85</v>
      </c>
      <c r="P4098" t="s">
        <v>86</v>
      </c>
      <c r="Q4098">
        <v>18</v>
      </c>
      <c r="R4098">
        <v>18</v>
      </c>
      <c r="S4098">
        <v>18</v>
      </c>
      <c r="T4098">
        <v>18</v>
      </c>
      <c r="U4098">
        <v>18</v>
      </c>
      <c r="V4098">
        <v>18</v>
      </c>
      <c r="W4098">
        <v>19</v>
      </c>
      <c r="X4098">
        <v>19</v>
      </c>
      <c r="Y4098">
        <v>19</v>
      </c>
      <c r="Z4098">
        <v>19</v>
      </c>
      <c r="AA4098">
        <v>19</v>
      </c>
      <c r="AB4098">
        <v>19</v>
      </c>
      <c r="AC4098">
        <v>19</v>
      </c>
      <c r="AD4098">
        <v>19</v>
      </c>
      <c r="AE4098">
        <v>19</v>
      </c>
      <c r="AF4098">
        <v>19</v>
      </c>
      <c r="AG4098">
        <v>19</v>
      </c>
      <c r="AH4098">
        <v>19</v>
      </c>
      <c r="AI4098">
        <v>19</v>
      </c>
      <c r="AJ4098">
        <v>19</v>
      </c>
      <c r="AK4098">
        <v>19</v>
      </c>
      <c r="AL4098">
        <v>19</v>
      </c>
      <c r="AM4098">
        <v>19</v>
      </c>
      <c r="AN4098">
        <v>19</v>
      </c>
      <c r="AO4098">
        <v>19</v>
      </c>
      <c r="AP4098">
        <v>19</v>
      </c>
      <c r="AQ4098">
        <v>18</v>
      </c>
    </row>
    <row r="4099" spans="1:43">
      <c r="A4099" t="s">
        <v>2594</v>
      </c>
      <c r="B4099" t="s">
        <v>2595</v>
      </c>
      <c r="C4099" t="s">
        <v>2596</v>
      </c>
      <c r="D4099" t="s">
        <v>2597</v>
      </c>
      <c r="E4099" t="s">
        <v>2352</v>
      </c>
      <c r="F4099" t="s">
        <v>2353</v>
      </c>
      <c r="G4099" t="s">
        <v>80</v>
      </c>
      <c r="H4099" t="s">
        <v>81</v>
      </c>
      <c r="I4099" s="2">
        <v>0</v>
      </c>
      <c r="J4099" s="2">
        <v>0</v>
      </c>
      <c r="K4099" s="2">
        <v>1</v>
      </c>
      <c r="L4099" t="s">
        <v>995</v>
      </c>
      <c r="M4099" t="s">
        <v>87</v>
      </c>
      <c r="N4099" t="s">
        <v>88</v>
      </c>
      <c r="O4099" t="s">
        <v>85</v>
      </c>
      <c r="P4099" t="s">
        <v>86</v>
      </c>
      <c r="Q4099">
        <v>18</v>
      </c>
      <c r="R4099">
        <v>18</v>
      </c>
      <c r="S4099">
        <v>18</v>
      </c>
      <c r="T4099">
        <v>18</v>
      </c>
      <c r="U4099">
        <v>18</v>
      </c>
      <c r="V4099">
        <v>18</v>
      </c>
      <c r="W4099">
        <v>17</v>
      </c>
      <c r="X4099">
        <v>17</v>
      </c>
      <c r="Y4099">
        <v>17</v>
      </c>
      <c r="Z4099">
        <v>17</v>
      </c>
      <c r="AA4099">
        <v>17</v>
      </c>
      <c r="AB4099">
        <v>17</v>
      </c>
      <c r="AC4099">
        <v>17</v>
      </c>
      <c r="AD4099">
        <v>17</v>
      </c>
      <c r="AE4099">
        <v>17</v>
      </c>
      <c r="AF4099">
        <v>17</v>
      </c>
      <c r="AG4099">
        <v>17</v>
      </c>
      <c r="AH4099">
        <v>17</v>
      </c>
      <c r="AI4099">
        <v>17</v>
      </c>
      <c r="AJ4099">
        <v>16</v>
      </c>
      <c r="AK4099">
        <v>16</v>
      </c>
      <c r="AL4099">
        <v>16</v>
      </c>
      <c r="AM4099">
        <v>16</v>
      </c>
      <c r="AN4099">
        <v>16</v>
      </c>
      <c r="AO4099">
        <v>16</v>
      </c>
      <c r="AP4099">
        <v>16</v>
      </c>
      <c r="AQ4099">
        <v>16</v>
      </c>
    </row>
    <row r="4100" spans="1:43">
      <c r="A4100" t="s">
        <v>2594</v>
      </c>
      <c r="B4100" t="s">
        <v>2595</v>
      </c>
      <c r="C4100" t="s">
        <v>2596</v>
      </c>
      <c r="D4100" t="s">
        <v>2597</v>
      </c>
      <c r="E4100" t="s">
        <v>2352</v>
      </c>
      <c r="F4100" t="s">
        <v>2353</v>
      </c>
      <c r="G4100" t="s">
        <v>80</v>
      </c>
      <c r="H4100" t="s">
        <v>81</v>
      </c>
      <c r="I4100" s="2">
        <v>0</v>
      </c>
      <c r="J4100" s="2">
        <v>0</v>
      </c>
      <c r="K4100" s="2">
        <v>1</v>
      </c>
      <c r="L4100" t="s">
        <v>995</v>
      </c>
      <c r="M4100" t="s">
        <v>89</v>
      </c>
      <c r="N4100" t="s">
        <v>90</v>
      </c>
      <c r="O4100" t="s">
        <v>85</v>
      </c>
      <c r="P4100" t="s">
        <v>86</v>
      </c>
      <c r="Q4100">
        <v>18</v>
      </c>
      <c r="R4100">
        <v>18</v>
      </c>
      <c r="S4100">
        <v>19</v>
      </c>
      <c r="T4100">
        <v>19</v>
      </c>
      <c r="U4100">
        <v>19</v>
      </c>
      <c r="V4100">
        <v>19</v>
      </c>
      <c r="W4100">
        <v>19</v>
      </c>
      <c r="X4100">
        <v>20</v>
      </c>
      <c r="Y4100">
        <v>20</v>
      </c>
      <c r="Z4100">
        <v>20</v>
      </c>
      <c r="AA4100">
        <v>20</v>
      </c>
      <c r="AB4100">
        <v>20</v>
      </c>
      <c r="AC4100">
        <v>20</v>
      </c>
      <c r="AD4100">
        <v>20</v>
      </c>
      <c r="AE4100">
        <v>20</v>
      </c>
      <c r="AF4100">
        <v>20</v>
      </c>
      <c r="AG4100">
        <v>20</v>
      </c>
      <c r="AH4100">
        <v>20</v>
      </c>
      <c r="AI4100">
        <v>20</v>
      </c>
      <c r="AJ4100">
        <v>20</v>
      </c>
      <c r="AK4100">
        <v>19</v>
      </c>
      <c r="AL4100">
        <v>19</v>
      </c>
      <c r="AM4100">
        <v>19</v>
      </c>
      <c r="AN4100">
        <v>19</v>
      </c>
      <c r="AO4100">
        <v>19</v>
      </c>
      <c r="AP4100">
        <v>19</v>
      </c>
      <c r="AQ4100">
        <v>19</v>
      </c>
    </row>
    <row r="4101" spans="1:43">
      <c r="A4101" t="s">
        <v>2594</v>
      </c>
      <c r="B4101" t="s">
        <v>2595</v>
      </c>
      <c r="C4101" t="s">
        <v>2596</v>
      </c>
      <c r="D4101" t="s">
        <v>2597</v>
      </c>
      <c r="E4101" t="s">
        <v>2352</v>
      </c>
      <c r="F4101" t="s">
        <v>2353</v>
      </c>
      <c r="G4101" t="s">
        <v>80</v>
      </c>
      <c r="H4101" t="s">
        <v>81</v>
      </c>
      <c r="I4101" s="2">
        <v>0</v>
      </c>
      <c r="J4101" s="2">
        <v>0</v>
      </c>
      <c r="K4101" s="2">
        <v>1</v>
      </c>
      <c r="L4101" t="s">
        <v>995</v>
      </c>
      <c r="M4101" t="s">
        <v>83</v>
      </c>
      <c r="N4101" t="s">
        <v>91</v>
      </c>
      <c r="O4101" t="s">
        <v>85</v>
      </c>
      <c r="P4101" t="s">
        <v>86</v>
      </c>
      <c r="Q4101">
        <v>18</v>
      </c>
      <c r="R4101">
        <v>18</v>
      </c>
      <c r="S4101">
        <v>18</v>
      </c>
      <c r="T4101">
        <v>18</v>
      </c>
      <c r="U4101">
        <v>18</v>
      </c>
      <c r="V4101">
        <v>18</v>
      </c>
      <c r="W4101">
        <v>19</v>
      </c>
      <c r="X4101">
        <v>19</v>
      </c>
      <c r="Y4101">
        <v>19</v>
      </c>
      <c r="Z4101">
        <v>19</v>
      </c>
      <c r="AA4101">
        <v>19</v>
      </c>
      <c r="AB4101">
        <v>19</v>
      </c>
      <c r="AC4101">
        <v>19</v>
      </c>
      <c r="AD4101">
        <v>19</v>
      </c>
      <c r="AE4101">
        <v>19</v>
      </c>
      <c r="AF4101">
        <v>19</v>
      </c>
      <c r="AG4101">
        <v>19</v>
      </c>
      <c r="AH4101">
        <v>19</v>
      </c>
      <c r="AI4101">
        <v>19</v>
      </c>
      <c r="AJ4101">
        <v>19</v>
      </c>
      <c r="AK4101">
        <v>19</v>
      </c>
      <c r="AL4101">
        <v>19</v>
      </c>
      <c r="AM4101">
        <v>19</v>
      </c>
      <c r="AN4101">
        <v>19</v>
      </c>
      <c r="AO4101">
        <v>19</v>
      </c>
      <c r="AP4101">
        <v>19</v>
      </c>
      <c r="AQ4101">
        <v>18</v>
      </c>
    </row>
    <row r="4102" spans="1:43">
      <c r="A4102" t="s">
        <v>2598</v>
      </c>
      <c r="B4102" t="s">
        <v>2599</v>
      </c>
      <c r="C4102" t="s">
        <v>2454</v>
      </c>
      <c r="D4102" t="s">
        <v>2455</v>
      </c>
      <c r="E4102" t="s">
        <v>2352</v>
      </c>
      <c r="F4102" t="s">
        <v>2353</v>
      </c>
      <c r="G4102" t="s">
        <v>80</v>
      </c>
      <c r="H4102" t="s">
        <v>81</v>
      </c>
      <c r="I4102" s="2">
        <v>0</v>
      </c>
      <c r="J4102" s="2">
        <v>0</v>
      </c>
      <c r="K4102" s="2">
        <v>1</v>
      </c>
      <c r="L4102" t="s">
        <v>995</v>
      </c>
      <c r="M4102" t="s">
        <v>83</v>
      </c>
      <c r="N4102" t="s">
        <v>84</v>
      </c>
      <c r="O4102" t="s">
        <v>85</v>
      </c>
      <c r="P4102" t="s">
        <v>86</v>
      </c>
      <c r="Q4102">
        <v>11</v>
      </c>
      <c r="R4102">
        <v>11</v>
      </c>
      <c r="S4102">
        <v>11</v>
      </c>
      <c r="T4102">
        <v>11</v>
      </c>
      <c r="U4102">
        <v>12</v>
      </c>
      <c r="V4102">
        <v>12</v>
      </c>
      <c r="W4102">
        <v>12</v>
      </c>
      <c r="X4102">
        <v>12</v>
      </c>
      <c r="Y4102">
        <v>12</v>
      </c>
      <c r="Z4102">
        <v>12</v>
      </c>
      <c r="AA4102">
        <v>12</v>
      </c>
      <c r="AB4102">
        <v>12</v>
      </c>
      <c r="AC4102">
        <v>12</v>
      </c>
      <c r="AD4102">
        <v>12</v>
      </c>
      <c r="AE4102">
        <v>12</v>
      </c>
      <c r="AF4102">
        <v>12</v>
      </c>
      <c r="AG4102">
        <v>12</v>
      </c>
      <c r="AH4102">
        <v>12</v>
      </c>
      <c r="AI4102">
        <v>12</v>
      </c>
      <c r="AJ4102">
        <v>12</v>
      </c>
      <c r="AK4102">
        <v>12</v>
      </c>
      <c r="AL4102">
        <v>12</v>
      </c>
      <c r="AM4102">
        <v>12</v>
      </c>
      <c r="AN4102">
        <v>11</v>
      </c>
      <c r="AO4102">
        <v>11</v>
      </c>
      <c r="AP4102">
        <v>11</v>
      </c>
      <c r="AQ4102">
        <v>11</v>
      </c>
    </row>
    <row r="4103" spans="1:43">
      <c r="A4103" t="s">
        <v>2598</v>
      </c>
      <c r="B4103" t="s">
        <v>2599</v>
      </c>
      <c r="C4103" t="s">
        <v>2454</v>
      </c>
      <c r="D4103" t="s">
        <v>2455</v>
      </c>
      <c r="E4103" t="s">
        <v>2352</v>
      </c>
      <c r="F4103" t="s">
        <v>2353</v>
      </c>
      <c r="G4103" t="s">
        <v>80</v>
      </c>
      <c r="H4103" t="s">
        <v>81</v>
      </c>
      <c r="I4103" s="2">
        <v>0</v>
      </c>
      <c r="J4103" s="2">
        <v>0</v>
      </c>
      <c r="K4103" s="2">
        <v>1</v>
      </c>
      <c r="L4103" t="s">
        <v>995</v>
      </c>
      <c r="M4103" t="s">
        <v>87</v>
      </c>
      <c r="N4103" t="s">
        <v>88</v>
      </c>
      <c r="O4103" t="s">
        <v>85</v>
      </c>
      <c r="P4103" t="s">
        <v>86</v>
      </c>
      <c r="Q4103">
        <v>11</v>
      </c>
      <c r="R4103">
        <v>11</v>
      </c>
      <c r="S4103">
        <v>11</v>
      </c>
      <c r="T4103">
        <v>11</v>
      </c>
      <c r="U4103">
        <v>11</v>
      </c>
      <c r="V4103">
        <v>11</v>
      </c>
      <c r="W4103">
        <v>11</v>
      </c>
      <c r="X4103">
        <v>11</v>
      </c>
      <c r="Y4103">
        <v>11</v>
      </c>
      <c r="Z4103">
        <v>11</v>
      </c>
      <c r="AA4103">
        <v>11</v>
      </c>
      <c r="AB4103">
        <v>11</v>
      </c>
      <c r="AC4103">
        <v>10</v>
      </c>
      <c r="AD4103">
        <v>10</v>
      </c>
      <c r="AE4103">
        <v>10</v>
      </c>
      <c r="AF4103">
        <v>10</v>
      </c>
      <c r="AG4103">
        <v>10</v>
      </c>
      <c r="AH4103">
        <v>10</v>
      </c>
      <c r="AI4103">
        <v>10</v>
      </c>
      <c r="AJ4103">
        <v>10</v>
      </c>
      <c r="AK4103">
        <v>10</v>
      </c>
      <c r="AL4103">
        <v>10</v>
      </c>
      <c r="AM4103">
        <v>10</v>
      </c>
      <c r="AN4103">
        <v>10</v>
      </c>
      <c r="AO4103">
        <v>10</v>
      </c>
      <c r="AP4103">
        <v>10</v>
      </c>
      <c r="AQ4103">
        <v>10</v>
      </c>
    </row>
    <row r="4104" spans="1:43">
      <c r="A4104" t="s">
        <v>2598</v>
      </c>
      <c r="B4104" t="s">
        <v>2599</v>
      </c>
      <c r="C4104" t="s">
        <v>2454</v>
      </c>
      <c r="D4104" t="s">
        <v>2455</v>
      </c>
      <c r="E4104" t="s">
        <v>2352</v>
      </c>
      <c r="F4104" t="s">
        <v>2353</v>
      </c>
      <c r="G4104" t="s">
        <v>80</v>
      </c>
      <c r="H4104" t="s">
        <v>81</v>
      </c>
      <c r="I4104" s="2">
        <v>0</v>
      </c>
      <c r="J4104" s="2">
        <v>0</v>
      </c>
      <c r="K4104" s="2">
        <v>1</v>
      </c>
      <c r="L4104" t="s">
        <v>995</v>
      </c>
      <c r="M4104" t="s">
        <v>89</v>
      </c>
      <c r="N4104" t="s">
        <v>90</v>
      </c>
      <c r="O4104" t="s">
        <v>85</v>
      </c>
      <c r="P4104" t="s">
        <v>86</v>
      </c>
      <c r="Q4104">
        <v>11</v>
      </c>
      <c r="R4104">
        <v>12</v>
      </c>
      <c r="S4104">
        <v>12</v>
      </c>
      <c r="T4104">
        <v>12</v>
      </c>
      <c r="U4104">
        <v>12</v>
      </c>
      <c r="V4104">
        <v>12</v>
      </c>
      <c r="W4104">
        <v>12</v>
      </c>
      <c r="X4104">
        <v>12</v>
      </c>
      <c r="Y4104">
        <v>12</v>
      </c>
      <c r="Z4104">
        <v>12</v>
      </c>
      <c r="AA4104">
        <v>12</v>
      </c>
      <c r="AB4104">
        <v>12</v>
      </c>
      <c r="AC4104">
        <v>13</v>
      </c>
      <c r="AD4104">
        <v>13</v>
      </c>
      <c r="AE4104">
        <v>13</v>
      </c>
      <c r="AF4104">
        <v>12</v>
      </c>
      <c r="AG4104">
        <v>12</v>
      </c>
      <c r="AH4104">
        <v>12</v>
      </c>
      <c r="AI4104">
        <v>12</v>
      </c>
      <c r="AJ4104">
        <v>12</v>
      </c>
      <c r="AK4104">
        <v>12</v>
      </c>
      <c r="AL4104">
        <v>12</v>
      </c>
      <c r="AM4104">
        <v>12</v>
      </c>
      <c r="AN4104">
        <v>12</v>
      </c>
      <c r="AO4104">
        <v>11</v>
      </c>
      <c r="AP4104">
        <v>11</v>
      </c>
      <c r="AQ4104">
        <v>11</v>
      </c>
    </row>
    <row r="4105" spans="1:43">
      <c r="A4105" t="s">
        <v>2598</v>
      </c>
      <c r="B4105" t="s">
        <v>2599</v>
      </c>
      <c r="C4105" t="s">
        <v>2454</v>
      </c>
      <c r="D4105" t="s">
        <v>2455</v>
      </c>
      <c r="E4105" t="s">
        <v>2352</v>
      </c>
      <c r="F4105" t="s">
        <v>2353</v>
      </c>
      <c r="G4105" t="s">
        <v>80</v>
      </c>
      <c r="H4105" t="s">
        <v>81</v>
      </c>
      <c r="I4105" s="2">
        <v>0</v>
      </c>
      <c r="J4105" s="2">
        <v>0</v>
      </c>
      <c r="K4105" s="2">
        <v>1</v>
      </c>
      <c r="L4105" t="s">
        <v>995</v>
      </c>
      <c r="M4105" t="s">
        <v>83</v>
      </c>
      <c r="N4105" t="s">
        <v>91</v>
      </c>
      <c r="O4105" t="s">
        <v>85</v>
      </c>
      <c r="P4105" t="s">
        <v>86</v>
      </c>
      <c r="Q4105">
        <v>11</v>
      </c>
      <c r="R4105">
        <v>11</v>
      </c>
      <c r="S4105">
        <v>11</v>
      </c>
      <c r="T4105">
        <v>11</v>
      </c>
      <c r="U4105">
        <v>12</v>
      </c>
      <c r="V4105">
        <v>12</v>
      </c>
      <c r="W4105">
        <v>12</v>
      </c>
      <c r="X4105">
        <v>12</v>
      </c>
      <c r="Y4105">
        <v>12</v>
      </c>
      <c r="Z4105">
        <v>12</v>
      </c>
      <c r="AA4105">
        <v>12</v>
      </c>
      <c r="AB4105">
        <v>12</v>
      </c>
      <c r="AC4105">
        <v>12</v>
      </c>
      <c r="AD4105">
        <v>12</v>
      </c>
      <c r="AE4105">
        <v>12</v>
      </c>
      <c r="AF4105">
        <v>12</v>
      </c>
      <c r="AG4105">
        <v>12</v>
      </c>
      <c r="AH4105">
        <v>12</v>
      </c>
      <c r="AI4105">
        <v>12</v>
      </c>
      <c r="AJ4105">
        <v>12</v>
      </c>
      <c r="AK4105">
        <v>12</v>
      </c>
      <c r="AL4105">
        <v>12</v>
      </c>
      <c r="AM4105">
        <v>12</v>
      </c>
      <c r="AN4105">
        <v>11</v>
      </c>
      <c r="AO4105">
        <v>11</v>
      </c>
      <c r="AP4105">
        <v>11</v>
      </c>
      <c r="AQ4105">
        <v>11</v>
      </c>
    </row>
    <row r="4106" spans="1:43">
      <c r="A4106" t="s">
        <v>2600</v>
      </c>
      <c r="B4106" t="s">
        <v>2601</v>
      </c>
      <c r="C4106" t="s">
        <v>2586</v>
      </c>
      <c r="D4106" t="s">
        <v>2587</v>
      </c>
      <c r="E4106" t="s">
        <v>2352</v>
      </c>
      <c r="F4106" t="s">
        <v>2353</v>
      </c>
      <c r="G4106" t="s">
        <v>80</v>
      </c>
      <c r="H4106" t="s">
        <v>81</v>
      </c>
      <c r="I4106" s="2">
        <v>0</v>
      </c>
      <c r="J4106" s="2">
        <v>0</v>
      </c>
      <c r="K4106" s="2">
        <v>1</v>
      </c>
      <c r="L4106" t="s">
        <v>995</v>
      </c>
      <c r="M4106" t="s">
        <v>83</v>
      </c>
      <c r="N4106" t="s">
        <v>84</v>
      </c>
      <c r="O4106" t="s">
        <v>85</v>
      </c>
      <c r="P4106" t="s">
        <v>86</v>
      </c>
      <c r="Q4106">
        <v>26</v>
      </c>
      <c r="R4106">
        <v>27</v>
      </c>
      <c r="S4106">
        <v>27</v>
      </c>
      <c r="T4106">
        <v>27</v>
      </c>
      <c r="U4106">
        <v>27</v>
      </c>
      <c r="V4106">
        <v>27</v>
      </c>
      <c r="W4106">
        <v>27</v>
      </c>
      <c r="X4106">
        <v>27</v>
      </c>
      <c r="Y4106">
        <v>27</v>
      </c>
      <c r="Z4106">
        <v>27</v>
      </c>
      <c r="AA4106">
        <v>27</v>
      </c>
      <c r="AB4106">
        <v>27</v>
      </c>
      <c r="AC4106">
        <v>27</v>
      </c>
      <c r="AD4106">
        <v>27</v>
      </c>
      <c r="AE4106">
        <v>27</v>
      </c>
      <c r="AF4106">
        <v>27</v>
      </c>
      <c r="AG4106">
        <v>27</v>
      </c>
      <c r="AH4106">
        <v>27</v>
      </c>
      <c r="AI4106">
        <v>27</v>
      </c>
      <c r="AJ4106">
        <v>27</v>
      </c>
      <c r="AK4106">
        <v>27</v>
      </c>
      <c r="AL4106">
        <v>27</v>
      </c>
      <c r="AM4106">
        <v>27</v>
      </c>
      <c r="AN4106">
        <v>27</v>
      </c>
      <c r="AO4106">
        <v>26</v>
      </c>
      <c r="AP4106">
        <v>26</v>
      </c>
      <c r="AQ4106">
        <v>26</v>
      </c>
    </row>
    <row r="4107" spans="1:43">
      <c r="A4107" t="s">
        <v>2600</v>
      </c>
      <c r="B4107" t="s">
        <v>2601</v>
      </c>
      <c r="C4107" t="s">
        <v>2586</v>
      </c>
      <c r="D4107" t="s">
        <v>2587</v>
      </c>
      <c r="E4107" t="s">
        <v>2352</v>
      </c>
      <c r="F4107" t="s">
        <v>2353</v>
      </c>
      <c r="G4107" t="s">
        <v>80</v>
      </c>
      <c r="H4107" t="s">
        <v>81</v>
      </c>
      <c r="I4107" s="2">
        <v>0</v>
      </c>
      <c r="J4107" s="2">
        <v>0</v>
      </c>
      <c r="K4107" s="2">
        <v>1</v>
      </c>
      <c r="L4107" t="s">
        <v>995</v>
      </c>
      <c r="M4107" t="s">
        <v>87</v>
      </c>
      <c r="N4107" t="s">
        <v>88</v>
      </c>
      <c r="O4107" t="s">
        <v>85</v>
      </c>
      <c r="P4107" t="s">
        <v>86</v>
      </c>
      <c r="Q4107">
        <v>26</v>
      </c>
      <c r="R4107">
        <v>26</v>
      </c>
      <c r="S4107">
        <v>26</v>
      </c>
      <c r="T4107">
        <v>26</v>
      </c>
      <c r="U4107">
        <v>26</v>
      </c>
      <c r="V4107">
        <v>25</v>
      </c>
      <c r="W4107">
        <v>25</v>
      </c>
      <c r="X4107">
        <v>25</v>
      </c>
      <c r="Y4107">
        <v>25</v>
      </c>
      <c r="Z4107">
        <v>25</v>
      </c>
      <c r="AA4107">
        <v>25</v>
      </c>
      <c r="AB4107">
        <v>25</v>
      </c>
      <c r="AC4107">
        <v>24</v>
      </c>
      <c r="AD4107">
        <v>24</v>
      </c>
      <c r="AE4107">
        <v>24</v>
      </c>
      <c r="AF4107">
        <v>24</v>
      </c>
      <c r="AG4107">
        <v>24</v>
      </c>
      <c r="AH4107">
        <v>24</v>
      </c>
      <c r="AI4107">
        <v>24</v>
      </c>
      <c r="AJ4107">
        <v>23</v>
      </c>
      <c r="AK4107">
        <v>23</v>
      </c>
      <c r="AL4107">
        <v>23</v>
      </c>
      <c r="AM4107">
        <v>23</v>
      </c>
      <c r="AN4107">
        <v>23</v>
      </c>
      <c r="AO4107">
        <v>23</v>
      </c>
      <c r="AP4107">
        <v>23</v>
      </c>
      <c r="AQ4107">
        <v>22</v>
      </c>
    </row>
    <row r="4108" spans="1:43">
      <c r="A4108" t="s">
        <v>2600</v>
      </c>
      <c r="B4108" t="s">
        <v>2601</v>
      </c>
      <c r="C4108" t="s">
        <v>2586</v>
      </c>
      <c r="D4108" t="s">
        <v>2587</v>
      </c>
      <c r="E4108" t="s">
        <v>2352</v>
      </c>
      <c r="F4108" t="s">
        <v>2353</v>
      </c>
      <c r="G4108" t="s">
        <v>80</v>
      </c>
      <c r="H4108" t="s">
        <v>81</v>
      </c>
      <c r="I4108" s="2">
        <v>0</v>
      </c>
      <c r="J4108" s="2">
        <v>0</v>
      </c>
      <c r="K4108" s="2">
        <v>1</v>
      </c>
      <c r="L4108" t="s">
        <v>995</v>
      </c>
      <c r="M4108" t="s">
        <v>89</v>
      </c>
      <c r="N4108" t="s">
        <v>90</v>
      </c>
      <c r="O4108" t="s">
        <v>85</v>
      </c>
      <c r="P4108" t="s">
        <v>86</v>
      </c>
      <c r="Q4108">
        <v>26</v>
      </c>
      <c r="R4108">
        <v>26</v>
      </c>
      <c r="S4108">
        <v>26</v>
      </c>
      <c r="T4108">
        <v>27</v>
      </c>
      <c r="U4108">
        <v>27</v>
      </c>
      <c r="V4108">
        <v>27</v>
      </c>
      <c r="W4108">
        <v>27</v>
      </c>
      <c r="X4108">
        <v>27</v>
      </c>
      <c r="Y4108">
        <v>28</v>
      </c>
      <c r="Z4108">
        <v>28</v>
      </c>
      <c r="AA4108">
        <v>28</v>
      </c>
      <c r="AB4108">
        <v>28</v>
      </c>
      <c r="AC4108">
        <v>28</v>
      </c>
      <c r="AD4108">
        <v>28</v>
      </c>
      <c r="AE4108">
        <v>28</v>
      </c>
      <c r="AF4108">
        <v>28</v>
      </c>
      <c r="AG4108">
        <v>28</v>
      </c>
      <c r="AH4108">
        <v>27</v>
      </c>
      <c r="AI4108">
        <v>27</v>
      </c>
      <c r="AJ4108">
        <v>27</v>
      </c>
      <c r="AK4108">
        <v>26</v>
      </c>
      <c r="AL4108">
        <v>26</v>
      </c>
      <c r="AM4108">
        <v>26</v>
      </c>
      <c r="AN4108">
        <v>26</v>
      </c>
      <c r="AO4108">
        <v>26</v>
      </c>
      <c r="AP4108">
        <v>25</v>
      </c>
      <c r="AQ4108">
        <v>25</v>
      </c>
    </row>
    <row r="4109" spans="1:43">
      <c r="A4109" t="s">
        <v>2600</v>
      </c>
      <c r="B4109" t="s">
        <v>2601</v>
      </c>
      <c r="C4109" t="s">
        <v>2586</v>
      </c>
      <c r="D4109" t="s">
        <v>2587</v>
      </c>
      <c r="E4109" t="s">
        <v>2352</v>
      </c>
      <c r="F4109" t="s">
        <v>2353</v>
      </c>
      <c r="G4109" t="s">
        <v>80</v>
      </c>
      <c r="H4109" t="s">
        <v>81</v>
      </c>
      <c r="I4109" s="2">
        <v>0</v>
      </c>
      <c r="J4109" s="2">
        <v>0</v>
      </c>
      <c r="K4109" s="2">
        <v>1</v>
      </c>
      <c r="L4109" t="s">
        <v>995</v>
      </c>
      <c r="M4109" t="s">
        <v>83</v>
      </c>
      <c r="N4109" t="s">
        <v>91</v>
      </c>
      <c r="O4109" t="s">
        <v>85</v>
      </c>
      <c r="P4109" t="s">
        <v>86</v>
      </c>
      <c r="Q4109">
        <v>26</v>
      </c>
      <c r="R4109">
        <v>27</v>
      </c>
      <c r="S4109">
        <v>27</v>
      </c>
      <c r="T4109">
        <v>27</v>
      </c>
      <c r="U4109">
        <v>27</v>
      </c>
      <c r="V4109">
        <v>27</v>
      </c>
      <c r="W4109">
        <v>27</v>
      </c>
      <c r="X4109">
        <v>27</v>
      </c>
      <c r="Y4109">
        <v>27</v>
      </c>
      <c r="Z4109">
        <v>27</v>
      </c>
      <c r="AA4109">
        <v>27</v>
      </c>
      <c r="AB4109">
        <v>27</v>
      </c>
      <c r="AC4109">
        <v>27</v>
      </c>
      <c r="AD4109">
        <v>27</v>
      </c>
      <c r="AE4109">
        <v>27</v>
      </c>
      <c r="AF4109">
        <v>27</v>
      </c>
      <c r="AG4109">
        <v>27</v>
      </c>
      <c r="AH4109">
        <v>27</v>
      </c>
      <c r="AI4109">
        <v>27</v>
      </c>
      <c r="AJ4109">
        <v>27</v>
      </c>
      <c r="AK4109">
        <v>27</v>
      </c>
      <c r="AL4109">
        <v>27</v>
      </c>
      <c r="AM4109">
        <v>27</v>
      </c>
      <c r="AN4109">
        <v>27</v>
      </c>
      <c r="AO4109">
        <v>26</v>
      </c>
      <c r="AP4109">
        <v>26</v>
      </c>
      <c r="AQ4109">
        <v>26</v>
      </c>
    </row>
    <row r="4110" spans="1:43">
      <c r="A4110" t="s">
        <v>2602</v>
      </c>
      <c r="B4110" t="s">
        <v>2603</v>
      </c>
      <c r="C4110" t="s">
        <v>2604</v>
      </c>
      <c r="D4110" t="s">
        <v>2605</v>
      </c>
      <c r="E4110" t="s">
        <v>2352</v>
      </c>
      <c r="F4110" t="s">
        <v>2353</v>
      </c>
      <c r="G4110" t="s">
        <v>80</v>
      </c>
      <c r="H4110" t="s">
        <v>81</v>
      </c>
      <c r="I4110" s="2">
        <v>0</v>
      </c>
      <c r="J4110" s="2">
        <v>0</v>
      </c>
      <c r="K4110" s="2">
        <v>1</v>
      </c>
      <c r="L4110" t="s">
        <v>995</v>
      </c>
      <c r="M4110" t="s">
        <v>83</v>
      </c>
      <c r="N4110" t="s">
        <v>84</v>
      </c>
      <c r="O4110" t="s">
        <v>85</v>
      </c>
      <c r="P4110" t="s">
        <v>86</v>
      </c>
      <c r="Q4110">
        <v>38</v>
      </c>
      <c r="R4110">
        <v>38</v>
      </c>
      <c r="S4110">
        <v>38</v>
      </c>
      <c r="T4110">
        <v>38</v>
      </c>
      <c r="U4110">
        <v>38</v>
      </c>
      <c r="V4110">
        <v>38</v>
      </c>
      <c r="W4110">
        <v>38</v>
      </c>
      <c r="X4110">
        <v>38</v>
      </c>
      <c r="Y4110">
        <v>38</v>
      </c>
      <c r="Z4110">
        <v>39</v>
      </c>
      <c r="AA4110">
        <v>39</v>
      </c>
      <c r="AB4110">
        <v>39</v>
      </c>
      <c r="AC4110">
        <v>39</v>
      </c>
      <c r="AD4110">
        <v>39</v>
      </c>
      <c r="AE4110">
        <v>39</v>
      </c>
      <c r="AF4110">
        <v>39</v>
      </c>
      <c r="AG4110">
        <v>39</v>
      </c>
      <c r="AH4110">
        <v>39</v>
      </c>
      <c r="AI4110">
        <v>39</v>
      </c>
      <c r="AJ4110">
        <v>39</v>
      </c>
      <c r="AK4110">
        <v>39</v>
      </c>
      <c r="AL4110">
        <v>39</v>
      </c>
      <c r="AM4110">
        <v>38</v>
      </c>
      <c r="AN4110">
        <v>38</v>
      </c>
      <c r="AO4110">
        <v>38</v>
      </c>
      <c r="AP4110">
        <v>37</v>
      </c>
      <c r="AQ4110">
        <v>37</v>
      </c>
    </row>
    <row r="4111" spans="1:43">
      <c r="A4111" t="s">
        <v>2602</v>
      </c>
      <c r="B4111" t="s">
        <v>2603</v>
      </c>
      <c r="C4111" t="s">
        <v>2604</v>
      </c>
      <c r="D4111" t="s">
        <v>2605</v>
      </c>
      <c r="E4111" t="s">
        <v>2352</v>
      </c>
      <c r="F4111" t="s">
        <v>2353</v>
      </c>
      <c r="G4111" t="s">
        <v>80</v>
      </c>
      <c r="H4111" t="s">
        <v>81</v>
      </c>
      <c r="I4111" s="2">
        <v>0</v>
      </c>
      <c r="J4111" s="2">
        <v>0</v>
      </c>
      <c r="K4111" s="2">
        <v>1</v>
      </c>
      <c r="L4111" t="s">
        <v>995</v>
      </c>
      <c r="M4111" t="s">
        <v>87</v>
      </c>
      <c r="N4111" t="s">
        <v>88</v>
      </c>
      <c r="O4111" t="s">
        <v>85</v>
      </c>
      <c r="P4111" t="s">
        <v>86</v>
      </c>
      <c r="Q4111">
        <v>38</v>
      </c>
      <c r="R4111">
        <v>38</v>
      </c>
      <c r="S4111">
        <v>38</v>
      </c>
      <c r="T4111">
        <v>38</v>
      </c>
      <c r="U4111">
        <v>37</v>
      </c>
      <c r="V4111">
        <v>37</v>
      </c>
      <c r="W4111">
        <v>37</v>
      </c>
      <c r="X4111">
        <v>37</v>
      </c>
      <c r="Y4111">
        <v>37</v>
      </c>
      <c r="Z4111">
        <v>36</v>
      </c>
      <c r="AA4111">
        <v>36</v>
      </c>
      <c r="AB4111">
        <v>36</v>
      </c>
      <c r="AC4111">
        <v>36</v>
      </c>
      <c r="AD4111">
        <v>36</v>
      </c>
      <c r="AE4111">
        <v>35</v>
      </c>
      <c r="AF4111">
        <v>35</v>
      </c>
      <c r="AG4111">
        <v>35</v>
      </c>
      <c r="AH4111">
        <v>35</v>
      </c>
      <c r="AI4111">
        <v>35</v>
      </c>
      <c r="AJ4111">
        <v>34</v>
      </c>
      <c r="AK4111">
        <v>34</v>
      </c>
      <c r="AL4111">
        <v>34</v>
      </c>
      <c r="AM4111">
        <v>34</v>
      </c>
      <c r="AN4111">
        <v>34</v>
      </c>
      <c r="AO4111">
        <v>34</v>
      </c>
      <c r="AP4111">
        <v>33</v>
      </c>
      <c r="AQ4111">
        <v>33</v>
      </c>
    </row>
    <row r="4112" spans="1:43">
      <c r="A4112" t="s">
        <v>2602</v>
      </c>
      <c r="B4112" t="s">
        <v>2603</v>
      </c>
      <c r="C4112" t="s">
        <v>2604</v>
      </c>
      <c r="D4112" t="s">
        <v>2605</v>
      </c>
      <c r="E4112" t="s">
        <v>2352</v>
      </c>
      <c r="F4112" t="s">
        <v>2353</v>
      </c>
      <c r="G4112" t="s">
        <v>80</v>
      </c>
      <c r="H4112" t="s">
        <v>81</v>
      </c>
      <c r="I4112" s="2">
        <v>0</v>
      </c>
      <c r="J4112" s="2">
        <v>0</v>
      </c>
      <c r="K4112" s="2">
        <v>1</v>
      </c>
      <c r="L4112" t="s">
        <v>995</v>
      </c>
      <c r="M4112" t="s">
        <v>89</v>
      </c>
      <c r="N4112" t="s">
        <v>90</v>
      </c>
      <c r="O4112" t="s">
        <v>85</v>
      </c>
      <c r="P4112" t="s">
        <v>86</v>
      </c>
      <c r="Q4112">
        <v>38</v>
      </c>
      <c r="R4112">
        <v>38</v>
      </c>
      <c r="S4112">
        <v>39</v>
      </c>
      <c r="T4112">
        <v>39</v>
      </c>
      <c r="U4112">
        <v>40</v>
      </c>
      <c r="V4112">
        <v>40</v>
      </c>
      <c r="W4112">
        <v>40</v>
      </c>
      <c r="X4112">
        <v>41</v>
      </c>
      <c r="Y4112">
        <v>41</v>
      </c>
      <c r="Z4112">
        <v>41</v>
      </c>
      <c r="AA4112">
        <v>41</v>
      </c>
      <c r="AB4112">
        <v>41</v>
      </c>
      <c r="AC4112">
        <v>41</v>
      </c>
      <c r="AD4112">
        <v>42</v>
      </c>
      <c r="AE4112">
        <v>41</v>
      </c>
      <c r="AF4112">
        <v>41</v>
      </c>
      <c r="AG4112">
        <v>41</v>
      </c>
      <c r="AH4112">
        <v>40</v>
      </c>
      <c r="AI4112">
        <v>40</v>
      </c>
      <c r="AJ4112">
        <v>40</v>
      </c>
      <c r="AK4112">
        <v>39</v>
      </c>
      <c r="AL4112">
        <v>39</v>
      </c>
      <c r="AM4112">
        <v>39</v>
      </c>
      <c r="AN4112">
        <v>38</v>
      </c>
      <c r="AO4112">
        <v>38</v>
      </c>
      <c r="AP4112">
        <v>38</v>
      </c>
      <c r="AQ4112">
        <v>37</v>
      </c>
    </row>
    <row r="4113" spans="1:43">
      <c r="A4113" t="s">
        <v>2602</v>
      </c>
      <c r="B4113" t="s">
        <v>2603</v>
      </c>
      <c r="C4113" t="s">
        <v>2604</v>
      </c>
      <c r="D4113" t="s">
        <v>2605</v>
      </c>
      <c r="E4113" t="s">
        <v>2352</v>
      </c>
      <c r="F4113" t="s">
        <v>2353</v>
      </c>
      <c r="G4113" t="s">
        <v>80</v>
      </c>
      <c r="H4113" t="s">
        <v>81</v>
      </c>
      <c r="I4113" s="2">
        <v>0</v>
      </c>
      <c r="J4113" s="2">
        <v>0</v>
      </c>
      <c r="K4113" s="2">
        <v>1</v>
      </c>
      <c r="L4113" t="s">
        <v>995</v>
      </c>
      <c r="M4113" t="s">
        <v>83</v>
      </c>
      <c r="N4113" t="s">
        <v>91</v>
      </c>
      <c r="O4113" t="s">
        <v>85</v>
      </c>
      <c r="P4113" t="s">
        <v>86</v>
      </c>
      <c r="Q4113">
        <v>38</v>
      </c>
      <c r="R4113">
        <v>38</v>
      </c>
      <c r="S4113">
        <v>38</v>
      </c>
      <c r="T4113">
        <v>38</v>
      </c>
      <c r="U4113">
        <v>38</v>
      </c>
      <c r="V4113">
        <v>38</v>
      </c>
      <c r="W4113">
        <v>38</v>
      </c>
      <c r="X4113">
        <v>38</v>
      </c>
      <c r="Y4113">
        <v>38</v>
      </c>
      <c r="Z4113">
        <v>39</v>
      </c>
      <c r="AA4113">
        <v>39</v>
      </c>
      <c r="AB4113">
        <v>39</v>
      </c>
      <c r="AC4113">
        <v>39</v>
      </c>
      <c r="AD4113">
        <v>39</v>
      </c>
      <c r="AE4113">
        <v>39</v>
      </c>
      <c r="AF4113">
        <v>39</v>
      </c>
      <c r="AG4113">
        <v>39</v>
      </c>
      <c r="AH4113">
        <v>39</v>
      </c>
      <c r="AI4113">
        <v>39</v>
      </c>
      <c r="AJ4113">
        <v>39</v>
      </c>
      <c r="AK4113">
        <v>39</v>
      </c>
      <c r="AL4113">
        <v>39</v>
      </c>
      <c r="AM4113">
        <v>38</v>
      </c>
      <c r="AN4113">
        <v>38</v>
      </c>
      <c r="AO4113">
        <v>38</v>
      </c>
      <c r="AP4113">
        <v>37</v>
      </c>
      <c r="AQ4113">
        <v>37</v>
      </c>
    </row>
    <row r="4114" spans="1:43">
      <c r="A4114" t="s">
        <v>2606</v>
      </c>
      <c r="B4114" t="s">
        <v>2607</v>
      </c>
      <c r="C4114" t="s">
        <v>2546</v>
      </c>
      <c r="D4114" t="s">
        <v>2547</v>
      </c>
      <c r="E4114" t="s">
        <v>2352</v>
      </c>
      <c r="F4114" t="s">
        <v>2353</v>
      </c>
      <c r="G4114" t="s">
        <v>80</v>
      </c>
      <c r="H4114" t="s">
        <v>81</v>
      </c>
      <c r="I4114" s="2">
        <v>0</v>
      </c>
      <c r="J4114" s="2">
        <v>0</v>
      </c>
      <c r="K4114" s="2">
        <v>1</v>
      </c>
      <c r="L4114" t="s">
        <v>995</v>
      </c>
      <c r="M4114" t="s">
        <v>83</v>
      </c>
      <c r="N4114" t="s">
        <v>84</v>
      </c>
      <c r="O4114" t="s">
        <v>85</v>
      </c>
      <c r="P4114" t="s">
        <v>86</v>
      </c>
      <c r="Q4114">
        <v>11</v>
      </c>
      <c r="R4114">
        <v>11</v>
      </c>
      <c r="S4114">
        <v>11</v>
      </c>
      <c r="T4114">
        <v>11</v>
      </c>
      <c r="U4114">
        <v>11</v>
      </c>
      <c r="V4114">
        <v>11</v>
      </c>
      <c r="W4114">
        <v>11</v>
      </c>
      <c r="X4114">
        <v>11</v>
      </c>
      <c r="Y4114">
        <v>11</v>
      </c>
      <c r="Z4114">
        <v>11</v>
      </c>
      <c r="AA4114">
        <v>11</v>
      </c>
      <c r="AB4114">
        <v>11</v>
      </c>
      <c r="AC4114">
        <v>11</v>
      </c>
      <c r="AD4114">
        <v>11</v>
      </c>
      <c r="AE4114">
        <v>11</v>
      </c>
      <c r="AF4114">
        <v>11</v>
      </c>
      <c r="AG4114">
        <v>11</v>
      </c>
      <c r="AH4114">
        <v>11</v>
      </c>
      <c r="AI4114">
        <v>11</v>
      </c>
      <c r="AJ4114">
        <v>11</v>
      </c>
      <c r="AK4114">
        <v>11</v>
      </c>
      <c r="AL4114">
        <v>11</v>
      </c>
      <c r="AM4114">
        <v>11</v>
      </c>
      <c r="AN4114">
        <v>11</v>
      </c>
      <c r="AO4114">
        <v>11</v>
      </c>
      <c r="AP4114">
        <v>11</v>
      </c>
      <c r="AQ4114">
        <v>11</v>
      </c>
    </row>
    <row r="4115" spans="1:43">
      <c r="A4115" t="s">
        <v>2606</v>
      </c>
      <c r="B4115" t="s">
        <v>2607</v>
      </c>
      <c r="C4115" t="s">
        <v>2546</v>
      </c>
      <c r="D4115" t="s">
        <v>2547</v>
      </c>
      <c r="E4115" t="s">
        <v>2352</v>
      </c>
      <c r="F4115" t="s">
        <v>2353</v>
      </c>
      <c r="G4115" t="s">
        <v>80</v>
      </c>
      <c r="H4115" t="s">
        <v>81</v>
      </c>
      <c r="I4115" s="2">
        <v>0</v>
      </c>
      <c r="J4115" s="2">
        <v>0</v>
      </c>
      <c r="K4115" s="2">
        <v>1</v>
      </c>
      <c r="L4115" t="s">
        <v>995</v>
      </c>
      <c r="M4115" t="s">
        <v>87</v>
      </c>
      <c r="N4115" t="s">
        <v>88</v>
      </c>
      <c r="O4115" t="s">
        <v>85</v>
      </c>
      <c r="P4115" t="s">
        <v>86</v>
      </c>
      <c r="Q4115">
        <v>11</v>
      </c>
      <c r="R4115">
        <v>11</v>
      </c>
      <c r="S4115">
        <v>11</v>
      </c>
      <c r="T4115">
        <v>11</v>
      </c>
      <c r="U4115">
        <v>11</v>
      </c>
      <c r="V4115">
        <v>11</v>
      </c>
      <c r="W4115">
        <v>11</v>
      </c>
      <c r="X4115">
        <v>11</v>
      </c>
      <c r="Y4115">
        <v>10</v>
      </c>
      <c r="Z4115">
        <v>10</v>
      </c>
      <c r="AA4115">
        <v>10</v>
      </c>
      <c r="AB4115">
        <v>10</v>
      </c>
      <c r="AC4115">
        <v>10</v>
      </c>
      <c r="AD4115">
        <v>10</v>
      </c>
      <c r="AE4115">
        <v>10</v>
      </c>
      <c r="AF4115">
        <v>10</v>
      </c>
      <c r="AG4115">
        <v>10</v>
      </c>
      <c r="AH4115">
        <v>10</v>
      </c>
      <c r="AI4115">
        <v>10</v>
      </c>
      <c r="AJ4115">
        <v>10</v>
      </c>
      <c r="AK4115">
        <v>10</v>
      </c>
      <c r="AL4115">
        <v>10</v>
      </c>
      <c r="AM4115">
        <v>10</v>
      </c>
      <c r="AN4115">
        <v>10</v>
      </c>
      <c r="AO4115">
        <v>10</v>
      </c>
      <c r="AP4115">
        <v>10</v>
      </c>
      <c r="AQ4115">
        <v>9</v>
      </c>
    </row>
    <row r="4116" spans="1:43">
      <c r="A4116" t="s">
        <v>2606</v>
      </c>
      <c r="B4116" t="s">
        <v>2607</v>
      </c>
      <c r="C4116" t="s">
        <v>2546</v>
      </c>
      <c r="D4116" t="s">
        <v>2547</v>
      </c>
      <c r="E4116" t="s">
        <v>2352</v>
      </c>
      <c r="F4116" t="s">
        <v>2353</v>
      </c>
      <c r="G4116" t="s">
        <v>80</v>
      </c>
      <c r="H4116" t="s">
        <v>81</v>
      </c>
      <c r="I4116" s="2">
        <v>0</v>
      </c>
      <c r="J4116" s="2">
        <v>0</v>
      </c>
      <c r="K4116" s="2">
        <v>1</v>
      </c>
      <c r="L4116" t="s">
        <v>995</v>
      </c>
      <c r="M4116" t="s">
        <v>89</v>
      </c>
      <c r="N4116" t="s">
        <v>90</v>
      </c>
      <c r="O4116" t="s">
        <v>85</v>
      </c>
      <c r="P4116" t="s">
        <v>86</v>
      </c>
      <c r="Q4116">
        <v>11</v>
      </c>
      <c r="R4116">
        <v>11</v>
      </c>
      <c r="S4116">
        <v>11</v>
      </c>
      <c r="T4116">
        <v>12</v>
      </c>
      <c r="U4116">
        <v>12</v>
      </c>
      <c r="V4116">
        <v>12</v>
      </c>
      <c r="W4116">
        <v>12</v>
      </c>
      <c r="X4116">
        <v>12</v>
      </c>
      <c r="Y4116">
        <v>12</v>
      </c>
      <c r="Z4116">
        <v>12</v>
      </c>
      <c r="AA4116">
        <v>12</v>
      </c>
      <c r="AB4116">
        <v>12</v>
      </c>
      <c r="AC4116">
        <v>12</v>
      </c>
      <c r="AD4116">
        <v>12</v>
      </c>
      <c r="AE4116">
        <v>12</v>
      </c>
      <c r="AF4116">
        <v>12</v>
      </c>
      <c r="AG4116">
        <v>12</v>
      </c>
      <c r="AH4116">
        <v>12</v>
      </c>
      <c r="AI4116">
        <v>12</v>
      </c>
      <c r="AJ4116">
        <v>12</v>
      </c>
      <c r="AK4116">
        <v>12</v>
      </c>
      <c r="AL4116">
        <v>11</v>
      </c>
      <c r="AM4116">
        <v>11</v>
      </c>
      <c r="AN4116">
        <v>11</v>
      </c>
      <c r="AO4116">
        <v>11</v>
      </c>
      <c r="AP4116">
        <v>11</v>
      </c>
      <c r="AQ4116">
        <v>11</v>
      </c>
    </row>
    <row r="4117" spans="1:43">
      <c r="A4117" t="s">
        <v>2606</v>
      </c>
      <c r="B4117" t="s">
        <v>2607</v>
      </c>
      <c r="C4117" t="s">
        <v>2546</v>
      </c>
      <c r="D4117" t="s">
        <v>2547</v>
      </c>
      <c r="E4117" t="s">
        <v>2352</v>
      </c>
      <c r="F4117" t="s">
        <v>2353</v>
      </c>
      <c r="G4117" t="s">
        <v>80</v>
      </c>
      <c r="H4117" t="s">
        <v>81</v>
      </c>
      <c r="I4117" s="2">
        <v>0</v>
      </c>
      <c r="J4117" s="2">
        <v>0</v>
      </c>
      <c r="K4117" s="2">
        <v>1</v>
      </c>
      <c r="L4117" t="s">
        <v>995</v>
      </c>
      <c r="M4117" t="s">
        <v>83</v>
      </c>
      <c r="N4117" t="s">
        <v>91</v>
      </c>
      <c r="O4117" t="s">
        <v>85</v>
      </c>
      <c r="P4117" t="s">
        <v>86</v>
      </c>
      <c r="Q4117">
        <v>11</v>
      </c>
      <c r="R4117">
        <v>11</v>
      </c>
      <c r="S4117">
        <v>11</v>
      </c>
      <c r="T4117">
        <v>11</v>
      </c>
      <c r="U4117">
        <v>11</v>
      </c>
      <c r="V4117">
        <v>11</v>
      </c>
      <c r="W4117">
        <v>11</v>
      </c>
      <c r="X4117">
        <v>11</v>
      </c>
      <c r="Y4117">
        <v>11</v>
      </c>
      <c r="Z4117">
        <v>11</v>
      </c>
      <c r="AA4117">
        <v>11</v>
      </c>
      <c r="AB4117">
        <v>11</v>
      </c>
      <c r="AC4117">
        <v>11</v>
      </c>
      <c r="AD4117">
        <v>11</v>
      </c>
      <c r="AE4117">
        <v>11</v>
      </c>
      <c r="AF4117">
        <v>11</v>
      </c>
      <c r="AG4117">
        <v>11</v>
      </c>
      <c r="AH4117">
        <v>11</v>
      </c>
      <c r="AI4117">
        <v>11</v>
      </c>
      <c r="AJ4117">
        <v>11</v>
      </c>
      <c r="AK4117">
        <v>11</v>
      </c>
      <c r="AL4117">
        <v>11</v>
      </c>
      <c r="AM4117">
        <v>11</v>
      </c>
      <c r="AN4117">
        <v>11</v>
      </c>
      <c r="AO4117">
        <v>11</v>
      </c>
      <c r="AP4117">
        <v>11</v>
      </c>
      <c r="AQ4117">
        <v>11</v>
      </c>
    </row>
    <row r="4118" spans="1:43">
      <c r="A4118" t="s">
        <v>2608</v>
      </c>
      <c r="B4118" t="s">
        <v>2609</v>
      </c>
      <c r="C4118" t="s">
        <v>2546</v>
      </c>
      <c r="D4118" t="s">
        <v>2547</v>
      </c>
      <c r="E4118" t="s">
        <v>2352</v>
      </c>
      <c r="F4118" t="s">
        <v>2353</v>
      </c>
      <c r="G4118" t="s">
        <v>80</v>
      </c>
      <c r="H4118" t="s">
        <v>81</v>
      </c>
      <c r="I4118" s="2">
        <v>0</v>
      </c>
      <c r="J4118" s="2">
        <v>0</v>
      </c>
      <c r="K4118" s="2">
        <v>1</v>
      </c>
      <c r="L4118" t="s">
        <v>995</v>
      </c>
      <c r="M4118" t="s">
        <v>83</v>
      </c>
      <c r="N4118" t="s">
        <v>84</v>
      </c>
      <c r="O4118" t="s">
        <v>85</v>
      </c>
      <c r="P4118" t="s">
        <v>86</v>
      </c>
      <c r="Q4118">
        <v>15</v>
      </c>
      <c r="R4118">
        <v>15</v>
      </c>
      <c r="S4118">
        <v>15</v>
      </c>
      <c r="T4118">
        <v>15</v>
      </c>
      <c r="U4118">
        <v>15</v>
      </c>
      <c r="V4118">
        <v>15</v>
      </c>
      <c r="W4118">
        <v>15</v>
      </c>
      <c r="X4118">
        <v>15</v>
      </c>
      <c r="Y4118">
        <v>15</v>
      </c>
      <c r="Z4118">
        <v>15</v>
      </c>
      <c r="AA4118">
        <v>15</v>
      </c>
      <c r="AB4118">
        <v>16</v>
      </c>
      <c r="AC4118">
        <v>16</v>
      </c>
      <c r="AD4118">
        <v>16</v>
      </c>
      <c r="AE4118">
        <v>16</v>
      </c>
      <c r="AF4118">
        <v>16</v>
      </c>
      <c r="AG4118">
        <v>16</v>
      </c>
      <c r="AH4118">
        <v>16</v>
      </c>
      <c r="AI4118">
        <v>16</v>
      </c>
      <c r="AJ4118">
        <v>16</v>
      </c>
      <c r="AK4118">
        <v>16</v>
      </c>
      <c r="AL4118">
        <v>15</v>
      </c>
      <c r="AM4118">
        <v>15</v>
      </c>
      <c r="AN4118">
        <v>15</v>
      </c>
      <c r="AO4118">
        <v>15</v>
      </c>
      <c r="AP4118">
        <v>15</v>
      </c>
      <c r="AQ4118">
        <v>15</v>
      </c>
    </row>
    <row r="4119" spans="1:43">
      <c r="A4119" t="s">
        <v>2608</v>
      </c>
      <c r="B4119" t="s">
        <v>2609</v>
      </c>
      <c r="C4119" t="s">
        <v>2546</v>
      </c>
      <c r="D4119" t="s">
        <v>2547</v>
      </c>
      <c r="E4119" t="s">
        <v>2352</v>
      </c>
      <c r="F4119" t="s">
        <v>2353</v>
      </c>
      <c r="G4119" t="s">
        <v>80</v>
      </c>
      <c r="H4119" t="s">
        <v>81</v>
      </c>
      <c r="I4119" s="2">
        <v>0</v>
      </c>
      <c r="J4119" s="2">
        <v>0</v>
      </c>
      <c r="K4119" s="2">
        <v>1</v>
      </c>
      <c r="L4119" t="s">
        <v>995</v>
      </c>
      <c r="M4119" t="s">
        <v>87</v>
      </c>
      <c r="N4119" t="s">
        <v>88</v>
      </c>
      <c r="O4119" t="s">
        <v>85</v>
      </c>
      <c r="P4119" t="s">
        <v>86</v>
      </c>
      <c r="Q4119">
        <v>15</v>
      </c>
      <c r="R4119">
        <v>15</v>
      </c>
      <c r="S4119">
        <v>15</v>
      </c>
      <c r="T4119">
        <v>15</v>
      </c>
      <c r="U4119">
        <v>15</v>
      </c>
      <c r="V4119">
        <v>15</v>
      </c>
      <c r="W4119">
        <v>14</v>
      </c>
      <c r="X4119">
        <v>14</v>
      </c>
      <c r="Y4119">
        <v>14</v>
      </c>
      <c r="Z4119">
        <v>14</v>
      </c>
      <c r="AA4119">
        <v>14</v>
      </c>
      <c r="AB4119">
        <v>14</v>
      </c>
      <c r="AC4119">
        <v>14</v>
      </c>
      <c r="AD4119">
        <v>14</v>
      </c>
      <c r="AE4119">
        <v>14</v>
      </c>
      <c r="AF4119">
        <v>14</v>
      </c>
      <c r="AG4119">
        <v>14</v>
      </c>
      <c r="AH4119">
        <v>14</v>
      </c>
      <c r="AI4119">
        <v>13</v>
      </c>
      <c r="AJ4119">
        <v>13</v>
      </c>
      <c r="AK4119">
        <v>13</v>
      </c>
      <c r="AL4119">
        <v>13</v>
      </c>
      <c r="AM4119">
        <v>13</v>
      </c>
      <c r="AN4119">
        <v>13</v>
      </c>
      <c r="AO4119">
        <v>13</v>
      </c>
      <c r="AP4119">
        <v>13</v>
      </c>
      <c r="AQ4119">
        <v>13</v>
      </c>
    </row>
    <row r="4120" spans="1:43">
      <c r="A4120" t="s">
        <v>2608</v>
      </c>
      <c r="B4120" t="s">
        <v>2609</v>
      </c>
      <c r="C4120" t="s">
        <v>2546</v>
      </c>
      <c r="D4120" t="s">
        <v>2547</v>
      </c>
      <c r="E4120" t="s">
        <v>2352</v>
      </c>
      <c r="F4120" t="s">
        <v>2353</v>
      </c>
      <c r="G4120" t="s">
        <v>80</v>
      </c>
      <c r="H4120" t="s">
        <v>81</v>
      </c>
      <c r="I4120" s="2">
        <v>0</v>
      </c>
      <c r="J4120" s="2">
        <v>0</v>
      </c>
      <c r="K4120" s="2">
        <v>1</v>
      </c>
      <c r="L4120" t="s">
        <v>995</v>
      </c>
      <c r="M4120" t="s">
        <v>89</v>
      </c>
      <c r="N4120" t="s">
        <v>90</v>
      </c>
      <c r="O4120" t="s">
        <v>85</v>
      </c>
      <c r="P4120" t="s">
        <v>86</v>
      </c>
      <c r="Q4120">
        <v>15</v>
      </c>
      <c r="R4120">
        <v>15</v>
      </c>
      <c r="S4120">
        <v>16</v>
      </c>
      <c r="T4120">
        <v>16</v>
      </c>
      <c r="U4120">
        <v>16</v>
      </c>
      <c r="V4120">
        <v>16</v>
      </c>
      <c r="W4120">
        <v>16</v>
      </c>
      <c r="X4120">
        <v>16</v>
      </c>
      <c r="Y4120">
        <v>16</v>
      </c>
      <c r="Z4120">
        <v>16</v>
      </c>
      <c r="AA4120">
        <v>16</v>
      </c>
      <c r="AB4120">
        <v>17</v>
      </c>
      <c r="AC4120">
        <v>17</v>
      </c>
      <c r="AD4120">
        <v>17</v>
      </c>
      <c r="AE4120">
        <v>17</v>
      </c>
      <c r="AF4120">
        <v>16</v>
      </c>
      <c r="AG4120">
        <v>16</v>
      </c>
      <c r="AH4120">
        <v>16</v>
      </c>
      <c r="AI4120">
        <v>16</v>
      </c>
      <c r="AJ4120">
        <v>16</v>
      </c>
      <c r="AK4120">
        <v>16</v>
      </c>
      <c r="AL4120">
        <v>16</v>
      </c>
      <c r="AM4120">
        <v>15</v>
      </c>
      <c r="AN4120">
        <v>15</v>
      </c>
      <c r="AO4120">
        <v>15</v>
      </c>
      <c r="AP4120">
        <v>15</v>
      </c>
      <c r="AQ4120">
        <v>15</v>
      </c>
    </row>
    <row r="4121" spans="1:43">
      <c r="A4121" t="s">
        <v>2608</v>
      </c>
      <c r="B4121" t="s">
        <v>2609</v>
      </c>
      <c r="C4121" t="s">
        <v>2546</v>
      </c>
      <c r="D4121" t="s">
        <v>2547</v>
      </c>
      <c r="E4121" t="s">
        <v>2352</v>
      </c>
      <c r="F4121" t="s">
        <v>2353</v>
      </c>
      <c r="G4121" t="s">
        <v>80</v>
      </c>
      <c r="H4121" t="s">
        <v>81</v>
      </c>
      <c r="I4121" s="2">
        <v>0</v>
      </c>
      <c r="J4121" s="2">
        <v>0</v>
      </c>
      <c r="K4121" s="2">
        <v>1</v>
      </c>
      <c r="L4121" t="s">
        <v>995</v>
      </c>
      <c r="M4121" t="s">
        <v>83</v>
      </c>
      <c r="N4121" t="s">
        <v>91</v>
      </c>
      <c r="O4121" t="s">
        <v>85</v>
      </c>
      <c r="P4121" t="s">
        <v>86</v>
      </c>
      <c r="Q4121">
        <v>15</v>
      </c>
      <c r="R4121">
        <v>15</v>
      </c>
      <c r="S4121">
        <v>15</v>
      </c>
      <c r="T4121">
        <v>15</v>
      </c>
      <c r="U4121">
        <v>15</v>
      </c>
      <c r="V4121">
        <v>15</v>
      </c>
      <c r="W4121">
        <v>15</v>
      </c>
      <c r="X4121">
        <v>15</v>
      </c>
      <c r="Y4121">
        <v>15</v>
      </c>
      <c r="Z4121">
        <v>15</v>
      </c>
      <c r="AA4121">
        <v>15</v>
      </c>
      <c r="AB4121">
        <v>16</v>
      </c>
      <c r="AC4121">
        <v>16</v>
      </c>
      <c r="AD4121">
        <v>16</v>
      </c>
      <c r="AE4121">
        <v>16</v>
      </c>
      <c r="AF4121">
        <v>16</v>
      </c>
      <c r="AG4121">
        <v>16</v>
      </c>
      <c r="AH4121">
        <v>16</v>
      </c>
      <c r="AI4121">
        <v>16</v>
      </c>
      <c r="AJ4121">
        <v>16</v>
      </c>
      <c r="AK4121">
        <v>16</v>
      </c>
      <c r="AL4121">
        <v>15</v>
      </c>
      <c r="AM4121">
        <v>15</v>
      </c>
      <c r="AN4121">
        <v>15</v>
      </c>
      <c r="AO4121">
        <v>15</v>
      </c>
      <c r="AP4121">
        <v>15</v>
      </c>
      <c r="AQ4121">
        <v>15</v>
      </c>
    </row>
    <row r="4122" spans="1:43">
      <c r="A4122" t="s">
        <v>2610</v>
      </c>
      <c r="B4122" t="s">
        <v>2611</v>
      </c>
      <c r="C4122" t="s">
        <v>2604</v>
      </c>
      <c r="D4122" t="s">
        <v>2605</v>
      </c>
      <c r="E4122" t="s">
        <v>2352</v>
      </c>
      <c r="F4122" t="s">
        <v>2353</v>
      </c>
      <c r="G4122" t="s">
        <v>80</v>
      </c>
      <c r="H4122" t="s">
        <v>81</v>
      </c>
      <c r="I4122" s="2">
        <v>0</v>
      </c>
      <c r="J4122" s="2">
        <v>0</v>
      </c>
      <c r="K4122" s="2">
        <v>1</v>
      </c>
      <c r="L4122" t="s">
        <v>995</v>
      </c>
      <c r="M4122" t="s">
        <v>83</v>
      </c>
      <c r="N4122" t="s">
        <v>84</v>
      </c>
      <c r="O4122" t="s">
        <v>85</v>
      </c>
      <c r="P4122" t="s">
        <v>86</v>
      </c>
      <c r="Q4122">
        <v>35</v>
      </c>
      <c r="R4122">
        <v>35</v>
      </c>
      <c r="S4122">
        <v>35</v>
      </c>
      <c r="T4122">
        <v>35</v>
      </c>
      <c r="U4122">
        <v>36</v>
      </c>
      <c r="V4122">
        <v>36</v>
      </c>
      <c r="W4122">
        <v>36</v>
      </c>
      <c r="X4122">
        <v>36</v>
      </c>
      <c r="Y4122">
        <v>36</v>
      </c>
      <c r="Z4122">
        <v>36</v>
      </c>
      <c r="AA4122">
        <v>36</v>
      </c>
      <c r="AB4122">
        <v>36</v>
      </c>
      <c r="AC4122">
        <v>36</v>
      </c>
      <c r="AD4122">
        <v>36</v>
      </c>
      <c r="AE4122">
        <v>36</v>
      </c>
      <c r="AF4122">
        <v>36</v>
      </c>
      <c r="AG4122">
        <v>36</v>
      </c>
      <c r="AH4122">
        <v>36</v>
      </c>
      <c r="AI4122">
        <v>36</v>
      </c>
      <c r="AJ4122">
        <v>36</v>
      </c>
      <c r="AK4122">
        <v>36</v>
      </c>
      <c r="AL4122">
        <v>36</v>
      </c>
      <c r="AM4122">
        <v>36</v>
      </c>
      <c r="AN4122">
        <v>35</v>
      </c>
      <c r="AO4122">
        <v>35</v>
      </c>
      <c r="AP4122">
        <v>35</v>
      </c>
      <c r="AQ4122">
        <v>34</v>
      </c>
    </row>
    <row r="4123" spans="1:43">
      <c r="A4123" t="s">
        <v>2610</v>
      </c>
      <c r="B4123" t="s">
        <v>2611</v>
      </c>
      <c r="C4123" t="s">
        <v>2604</v>
      </c>
      <c r="D4123" t="s">
        <v>2605</v>
      </c>
      <c r="E4123" t="s">
        <v>2352</v>
      </c>
      <c r="F4123" t="s">
        <v>2353</v>
      </c>
      <c r="G4123" t="s">
        <v>80</v>
      </c>
      <c r="H4123" t="s">
        <v>81</v>
      </c>
      <c r="I4123" s="2">
        <v>0</v>
      </c>
      <c r="J4123" s="2">
        <v>0</v>
      </c>
      <c r="K4123" s="2">
        <v>1</v>
      </c>
      <c r="L4123" t="s">
        <v>995</v>
      </c>
      <c r="M4123" t="s">
        <v>87</v>
      </c>
      <c r="N4123" t="s">
        <v>88</v>
      </c>
      <c r="O4123" t="s">
        <v>85</v>
      </c>
      <c r="P4123" t="s">
        <v>86</v>
      </c>
      <c r="Q4123">
        <v>35</v>
      </c>
      <c r="R4123">
        <v>35</v>
      </c>
      <c r="S4123">
        <v>34</v>
      </c>
      <c r="T4123">
        <v>34</v>
      </c>
      <c r="U4123">
        <v>34</v>
      </c>
      <c r="V4123">
        <v>34</v>
      </c>
      <c r="W4123">
        <v>34</v>
      </c>
      <c r="X4123">
        <v>33</v>
      </c>
      <c r="Y4123">
        <v>33</v>
      </c>
      <c r="Z4123">
        <v>33</v>
      </c>
      <c r="AA4123">
        <v>33</v>
      </c>
      <c r="AB4123">
        <v>33</v>
      </c>
      <c r="AC4123">
        <v>32</v>
      </c>
      <c r="AD4123">
        <v>32</v>
      </c>
      <c r="AE4123">
        <v>32</v>
      </c>
      <c r="AF4123">
        <v>32</v>
      </c>
      <c r="AG4123">
        <v>32</v>
      </c>
      <c r="AH4123">
        <v>31</v>
      </c>
      <c r="AI4123">
        <v>31</v>
      </c>
      <c r="AJ4123">
        <v>31</v>
      </c>
      <c r="AK4123">
        <v>31</v>
      </c>
      <c r="AL4123">
        <v>31</v>
      </c>
      <c r="AM4123">
        <v>31</v>
      </c>
      <c r="AN4123">
        <v>30</v>
      </c>
      <c r="AO4123">
        <v>30</v>
      </c>
      <c r="AP4123">
        <v>30</v>
      </c>
      <c r="AQ4123">
        <v>30</v>
      </c>
    </row>
    <row r="4124" spans="1:43">
      <c r="A4124" t="s">
        <v>2610</v>
      </c>
      <c r="B4124" t="s">
        <v>2611</v>
      </c>
      <c r="C4124" t="s">
        <v>2604</v>
      </c>
      <c r="D4124" t="s">
        <v>2605</v>
      </c>
      <c r="E4124" t="s">
        <v>2352</v>
      </c>
      <c r="F4124" t="s">
        <v>2353</v>
      </c>
      <c r="G4124" t="s">
        <v>80</v>
      </c>
      <c r="H4124" t="s">
        <v>81</v>
      </c>
      <c r="I4124" s="2">
        <v>0</v>
      </c>
      <c r="J4124" s="2">
        <v>0</v>
      </c>
      <c r="K4124" s="2">
        <v>1</v>
      </c>
      <c r="L4124" t="s">
        <v>995</v>
      </c>
      <c r="M4124" t="s">
        <v>89</v>
      </c>
      <c r="N4124" t="s">
        <v>90</v>
      </c>
      <c r="O4124" t="s">
        <v>85</v>
      </c>
      <c r="P4124" t="s">
        <v>86</v>
      </c>
      <c r="Q4124">
        <v>35</v>
      </c>
      <c r="R4124">
        <v>36</v>
      </c>
      <c r="S4124">
        <v>36</v>
      </c>
      <c r="T4124">
        <v>37</v>
      </c>
      <c r="U4124">
        <v>37</v>
      </c>
      <c r="V4124">
        <v>37</v>
      </c>
      <c r="W4124">
        <v>38</v>
      </c>
      <c r="X4124">
        <v>38</v>
      </c>
      <c r="Y4124">
        <v>38</v>
      </c>
      <c r="Z4124">
        <v>38</v>
      </c>
      <c r="AA4124">
        <v>38</v>
      </c>
      <c r="AB4124">
        <v>38</v>
      </c>
      <c r="AC4124">
        <v>39</v>
      </c>
      <c r="AD4124">
        <v>39</v>
      </c>
      <c r="AE4124">
        <v>39</v>
      </c>
      <c r="AF4124">
        <v>38</v>
      </c>
      <c r="AG4124">
        <v>38</v>
      </c>
      <c r="AH4124">
        <v>38</v>
      </c>
      <c r="AI4124">
        <v>37</v>
      </c>
      <c r="AJ4124">
        <v>37</v>
      </c>
      <c r="AK4124">
        <v>37</v>
      </c>
      <c r="AL4124">
        <v>36</v>
      </c>
      <c r="AM4124">
        <v>36</v>
      </c>
      <c r="AN4124">
        <v>36</v>
      </c>
      <c r="AO4124">
        <v>35</v>
      </c>
      <c r="AP4124">
        <v>35</v>
      </c>
      <c r="AQ4124">
        <v>35</v>
      </c>
    </row>
    <row r="4125" spans="1:43">
      <c r="A4125" t="s">
        <v>2610</v>
      </c>
      <c r="B4125" t="s">
        <v>2611</v>
      </c>
      <c r="C4125" t="s">
        <v>2604</v>
      </c>
      <c r="D4125" t="s">
        <v>2605</v>
      </c>
      <c r="E4125" t="s">
        <v>2352</v>
      </c>
      <c r="F4125" t="s">
        <v>2353</v>
      </c>
      <c r="G4125" t="s">
        <v>80</v>
      </c>
      <c r="H4125" t="s">
        <v>81</v>
      </c>
      <c r="I4125" s="2">
        <v>0</v>
      </c>
      <c r="J4125" s="2">
        <v>0</v>
      </c>
      <c r="K4125" s="2">
        <v>1</v>
      </c>
      <c r="L4125" t="s">
        <v>995</v>
      </c>
      <c r="M4125" t="s">
        <v>83</v>
      </c>
      <c r="N4125" t="s">
        <v>91</v>
      </c>
      <c r="O4125" t="s">
        <v>85</v>
      </c>
      <c r="P4125" t="s">
        <v>86</v>
      </c>
      <c r="Q4125">
        <v>35</v>
      </c>
      <c r="R4125">
        <v>35</v>
      </c>
      <c r="S4125">
        <v>35</v>
      </c>
      <c r="T4125">
        <v>35</v>
      </c>
      <c r="U4125">
        <v>36</v>
      </c>
      <c r="V4125">
        <v>36</v>
      </c>
      <c r="W4125">
        <v>36</v>
      </c>
      <c r="X4125">
        <v>36</v>
      </c>
      <c r="Y4125">
        <v>36</v>
      </c>
      <c r="Z4125">
        <v>36</v>
      </c>
      <c r="AA4125">
        <v>36</v>
      </c>
      <c r="AB4125">
        <v>36</v>
      </c>
      <c r="AC4125">
        <v>36</v>
      </c>
      <c r="AD4125">
        <v>36</v>
      </c>
      <c r="AE4125">
        <v>36</v>
      </c>
      <c r="AF4125">
        <v>36</v>
      </c>
      <c r="AG4125">
        <v>36</v>
      </c>
      <c r="AH4125">
        <v>36</v>
      </c>
      <c r="AI4125">
        <v>36</v>
      </c>
      <c r="AJ4125">
        <v>36</v>
      </c>
      <c r="AK4125">
        <v>36</v>
      </c>
      <c r="AL4125">
        <v>36</v>
      </c>
      <c r="AM4125">
        <v>36</v>
      </c>
      <c r="AN4125">
        <v>35</v>
      </c>
      <c r="AO4125">
        <v>35</v>
      </c>
      <c r="AP4125">
        <v>35</v>
      </c>
      <c r="AQ4125">
        <v>34</v>
      </c>
    </row>
    <row r="4126" spans="1:43">
      <c r="A4126" t="s">
        <v>2612</v>
      </c>
      <c r="B4126" t="s">
        <v>2613</v>
      </c>
      <c r="C4126" t="s">
        <v>2604</v>
      </c>
      <c r="D4126" t="s">
        <v>2605</v>
      </c>
      <c r="E4126" t="s">
        <v>2352</v>
      </c>
      <c r="F4126" t="s">
        <v>2353</v>
      </c>
      <c r="G4126" t="s">
        <v>80</v>
      </c>
      <c r="H4126" t="s">
        <v>81</v>
      </c>
      <c r="I4126" s="2">
        <v>0</v>
      </c>
      <c r="J4126" s="2">
        <v>0</v>
      </c>
      <c r="K4126" s="2">
        <v>1</v>
      </c>
      <c r="L4126" t="s">
        <v>995</v>
      </c>
      <c r="M4126" t="s">
        <v>83</v>
      </c>
      <c r="N4126" t="s">
        <v>84</v>
      </c>
      <c r="O4126" t="s">
        <v>85</v>
      </c>
      <c r="P4126" t="s">
        <v>86</v>
      </c>
      <c r="Q4126">
        <v>18</v>
      </c>
      <c r="R4126">
        <v>18</v>
      </c>
      <c r="S4126">
        <v>18</v>
      </c>
      <c r="T4126">
        <v>19</v>
      </c>
      <c r="U4126">
        <v>19</v>
      </c>
      <c r="V4126">
        <v>19</v>
      </c>
      <c r="W4126">
        <v>19</v>
      </c>
      <c r="X4126">
        <v>19</v>
      </c>
      <c r="Y4126">
        <v>19</v>
      </c>
      <c r="Z4126">
        <v>19</v>
      </c>
      <c r="AA4126">
        <v>19</v>
      </c>
      <c r="AB4126">
        <v>19</v>
      </c>
      <c r="AC4126">
        <v>19</v>
      </c>
      <c r="AD4126">
        <v>19</v>
      </c>
      <c r="AE4126">
        <v>19</v>
      </c>
      <c r="AF4126">
        <v>19</v>
      </c>
      <c r="AG4126">
        <v>19</v>
      </c>
      <c r="AH4126">
        <v>19</v>
      </c>
      <c r="AI4126">
        <v>19</v>
      </c>
      <c r="AJ4126">
        <v>19</v>
      </c>
      <c r="AK4126">
        <v>19</v>
      </c>
      <c r="AL4126">
        <v>19</v>
      </c>
      <c r="AM4126">
        <v>19</v>
      </c>
      <c r="AN4126">
        <v>19</v>
      </c>
      <c r="AO4126">
        <v>18</v>
      </c>
      <c r="AP4126">
        <v>18</v>
      </c>
      <c r="AQ4126">
        <v>18</v>
      </c>
    </row>
    <row r="4127" spans="1:43">
      <c r="A4127" t="s">
        <v>2612</v>
      </c>
      <c r="B4127" t="s">
        <v>2613</v>
      </c>
      <c r="C4127" t="s">
        <v>2604</v>
      </c>
      <c r="D4127" t="s">
        <v>2605</v>
      </c>
      <c r="E4127" t="s">
        <v>2352</v>
      </c>
      <c r="F4127" t="s">
        <v>2353</v>
      </c>
      <c r="G4127" t="s">
        <v>80</v>
      </c>
      <c r="H4127" t="s">
        <v>81</v>
      </c>
      <c r="I4127" s="2">
        <v>0</v>
      </c>
      <c r="J4127" s="2">
        <v>0</v>
      </c>
      <c r="K4127" s="2">
        <v>1</v>
      </c>
      <c r="L4127" t="s">
        <v>995</v>
      </c>
      <c r="M4127" t="s">
        <v>87</v>
      </c>
      <c r="N4127" t="s">
        <v>88</v>
      </c>
      <c r="O4127" t="s">
        <v>85</v>
      </c>
      <c r="P4127" t="s">
        <v>86</v>
      </c>
      <c r="Q4127">
        <v>18</v>
      </c>
      <c r="R4127">
        <v>18</v>
      </c>
      <c r="S4127">
        <v>18</v>
      </c>
      <c r="T4127">
        <v>18</v>
      </c>
      <c r="U4127">
        <v>18</v>
      </c>
      <c r="V4127">
        <v>18</v>
      </c>
      <c r="W4127">
        <v>18</v>
      </c>
      <c r="X4127">
        <v>17</v>
      </c>
      <c r="Y4127">
        <v>17</v>
      </c>
      <c r="Z4127">
        <v>17</v>
      </c>
      <c r="AA4127">
        <v>17</v>
      </c>
      <c r="AB4127">
        <v>17</v>
      </c>
      <c r="AC4127">
        <v>17</v>
      </c>
      <c r="AD4127">
        <v>17</v>
      </c>
      <c r="AE4127">
        <v>17</v>
      </c>
      <c r="AF4127">
        <v>17</v>
      </c>
      <c r="AG4127">
        <v>17</v>
      </c>
      <c r="AH4127">
        <v>17</v>
      </c>
      <c r="AI4127">
        <v>16</v>
      </c>
      <c r="AJ4127">
        <v>16</v>
      </c>
      <c r="AK4127">
        <v>16</v>
      </c>
      <c r="AL4127">
        <v>16</v>
      </c>
      <c r="AM4127">
        <v>16</v>
      </c>
      <c r="AN4127">
        <v>16</v>
      </c>
      <c r="AO4127">
        <v>16</v>
      </c>
      <c r="AP4127">
        <v>16</v>
      </c>
      <c r="AQ4127">
        <v>16</v>
      </c>
    </row>
    <row r="4128" spans="1:43">
      <c r="A4128" t="s">
        <v>2612</v>
      </c>
      <c r="B4128" t="s">
        <v>2613</v>
      </c>
      <c r="C4128" t="s">
        <v>2604</v>
      </c>
      <c r="D4128" t="s">
        <v>2605</v>
      </c>
      <c r="E4128" t="s">
        <v>2352</v>
      </c>
      <c r="F4128" t="s">
        <v>2353</v>
      </c>
      <c r="G4128" t="s">
        <v>80</v>
      </c>
      <c r="H4128" t="s">
        <v>81</v>
      </c>
      <c r="I4128" s="2">
        <v>0</v>
      </c>
      <c r="J4128" s="2">
        <v>0</v>
      </c>
      <c r="K4128" s="2">
        <v>1</v>
      </c>
      <c r="L4128" t="s">
        <v>995</v>
      </c>
      <c r="M4128" t="s">
        <v>89</v>
      </c>
      <c r="N4128" t="s">
        <v>90</v>
      </c>
      <c r="O4128" t="s">
        <v>85</v>
      </c>
      <c r="P4128" t="s">
        <v>86</v>
      </c>
      <c r="Q4128">
        <v>18</v>
      </c>
      <c r="R4128">
        <v>18</v>
      </c>
      <c r="S4128">
        <v>18</v>
      </c>
      <c r="T4128">
        <v>18</v>
      </c>
      <c r="U4128">
        <v>18</v>
      </c>
      <c r="V4128">
        <v>19</v>
      </c>
      <c r="W4128">
        <v>19</v>
      </c>
      <c r="X4128">
        <v>19</v>
      </c>
      <c r="Y4128">
        <v>19</v>
      </c>
      <c r="Z4128">
        <v>19</v>
      </c>
      <c r="AA4128">
        <v>19</v>
      </c>
      <c r="AB4128">
        <v>19</v>
      </c>
      <c r="AC4128">
        <v>19</v>
      </c>
      <c r="AD4128">
        <v>19</v>
      </c>
      <c r="AE4128">
        <v>19</v>
      </c>
      <c r="AF4128">
        <v>19</v>
      </c>
      <c r="AG4128">
        <v>19</v>
      </c>
      <c r="AH4128">
        <v>19</v>
      </c>
      <c r="AI4128">
        <v>19</v>
      </c>
      <c r="AJ4128">
        <v>18</v>
      </c>
      <c r="AK4128">
        <v>18</v>
      </c>
      <c r="AL4128">
        <v>18</v>
      </c>
      <c r="AM4128">
        <v>18</v>
      </c>
      <c r="AN4128">
        <v>18</v>
      </c>
      <c r="AO4128">
        <v>18</v>
      </c>
      <c r="AP4128">
        <v>17</v>
      </c>
      <c r="AQ4128">
        <v>17</v>
      </c>
    </row>
    <row r="4129" spans="1:43">
      <c r="A4129" t="s">
        <v>2612</v>
      </c>
      <c r="B4129" t="s">
        <v>2613</v>
      </c>
      <c r="C4129" t="s">
        <v>2604</v>
      </c>
      <c r="D4129" t="s">
        <v>2605</v>
      </c>
      <c r="E4129" t="s">
        <v>2352</v>
      </c>
      <c r="F4129" t="s">
        <v>2353</v>
      </c>
      <c r="G4129" t="s">
        <v>80</v>
      </c>
      <c r="H4129" t="s">
        <v>81</v>
      </c>
      <c r="I4129" s="2">
        <v>0</v>
      </c>
      <c r="J4129" s="2">
        <v>0</v>
      </c>
      <c r="K4129" s="2">
        <v>1</v>
      </c>
      <c r="L4129" t="s">
        <v>995</v>
      </c>
      <c r="M4129" t="s">
        <v>83</v>
      </c>
      <c r="N4129" t="s">
        <v>91</v>
      </c>
      <c r="O4129" t="s">
        <v>85</v>
      </c>
      <c r="P4129" t="s">
        <v>86</v>
      </c>
      <c r="Q4129">
        <v>18</v>
      </c>
      <c r="R4129">
        <v>18</v>
      </c>
      <c r="S4129">
        <v>18</v>
      </c>
      <c r="T4129">
        <v>19</v>
      </c>
      <c r="U4129">
        <v>19</v>
      </c>
      <c r="V4129">
        <v>19</v>
      </c>
      <c r="W4129">
        <v>19</v>
      </c>
      <c r="X4129">
        <v>19</v>
      </c>
      <c r="Y4129">
        <v>19</v>
      </c>
      <c r="Z4129">
        <v>19</v>
      </c>
      <c r="AA4129">
        <v>19</v>
      </c>
      <c r="AB4129">
        <v>19</v>
      </c>
      <c r="AC4129">
        <v>19</v>
      </c>
      <c r="AD4129">
        <v>19</v>
      </c>
      <c r="AE4129">
        <v>19</v>
      </c>
      <c r="AF4129">
        <v>19</v>
      </c>
      <c r="AG4129">
        <v>19</v>
      </c>
      <c r="AH4129">
        <v>19</v>
      </c>
      <c r="AI4129">
        <v>19</v>
      </c>
      <c r="AJ4129">
        <v>19</v>
      </c>
      <c r="AK4129">
        <v>19</v>
      </c>
      <c r="AL4129">
        <v>19</v>
      </c>
      <c r="AM4129">
        <v>19</v>
      </c>
      <c r="AN4129">
        <v>19</v>
      </c>
      <c r="AO4129">
        <v>18</v>
      </c>
      <c r="AP4129">
        <v>18</v>
      </c>
      <c r="AQ4129">
        <v>18</v>
      </c>
    </row>
    <row r="4130" spans="1:43">
      <c r="A4130" t="s">
        <v>2614</v>
      </c>
      <c r="B4130" t="s">
        <v>2615</v>
      </c>
      <c r="C4130" t="s">
        <v>2604</v>
      </c>
      <c r="D4130" t="s">
        <v>2605</v>
      </c>
      <c r="E4130" t="s">
        <v>2352</v>
      </c>
      <c r="F4130" t="s">
        <v>2353</v>
      </c>
      <c r="G4130" t="s">
        <v>80</v>
      </c>
      <c r="H4130" t="s">
        <v>81</v>
      </c>
      <c r="I4130" s="2">
        <v>0</v>
      </c>
      <c r="J4130" s="2">
        <v>0</v>
      </c>
      <c r="K4130" s="2">
        <v>1</v>
      </c>
      <c r="L4130" t="s">
        <v>995</v>
      </c>
      <c r="M4130" t="s">
        <v>83</v>
      </c>
      <c r="N4130" t="s">
        <v>84</v>
      </c>
      <c r="O4130" t="s">
        <v>85</v>
      </c>
      <c r="P4130" t="s">
        <v>86</v>
      </c>
      <c r="Q4130">
        <v>6</v>
      </c>
      <c r="R4130">
        <v>6</v>
      </c>
      <c r="S4130">
        <v>6</v>
      </c>
      <c r="T4130">
        <v>6</v>
      </c>
      <c r="U4130">
        <v>6</v>
      </c>
      <c r="V4130">
        <v>6</v>
      </c>
      <c r="W4130">
        <v>6</v>
      </c>
      <c r="X4130">
        <v>7</v>
      </c>
      <c r="Y4130">
        <v>7</v>
      </c>
      <c r="Z4130">
        <v>7</v>
      </c>
      <c r="AA4130">
        <v>7</v>
      </c>
      <c r="AB4130">
        <v>7</v>
      </c>
      <c r="AC4130">
        <v>7</v>
      </c>
      <c r="AD4130">
        <v>7</v>
      </c>
      <c r="AE4130">
        <v>7</v>
      </c>
      <c r="AF4130">
        <v>7</v>
      </c>
      <c r="AG4130">
        <v>7</v>
      </c>
      <c r="AH4130">
        <v>7</v>
      </c>
      <c r="AI4130">
        <v>7</v>
      </c>
      <c r="AJ4130">
        <v>7</v>
      </c>
      <c r="AK4130">
        <v>7</v>
      </c>
      <c r="AL4130">
        <v>7</v>
      </c>
      <c r="AM4130">
        <v>6</v>
      </c>
      <c r="AN4130">
        <v>6</v>
      </c>
      <c r="AO4130">
        <v>6</v>
      </c>
      <c r="AP4130">
        <v>6</v>
      </c>
      <c r="AQ4130">
        <v>6</v>
      </c>
    </row>
    <row r="4131" spans="1:43">
      <c r="A4131" t="s">
        <v>2614</v>
      </c>
      <c r="B4131" t="s">
        <v>2615</v>
      </c>
      <c r="C4131" t="s">
        <v>2604</v>
      </c>
      <c r="D4131" t="s">
        <v>2605</v>
      </c>
      <c r="E4131" t="s">
        <v>2352</v>
      </c>
      <c r="F4131" t="s">
        <v>2353</v>
      </c>
      <c r="G4131" t="s">
        <v>80</v>
      </c>
      <c r="H4131" t="s">
        <v>81</v>
      </c>
      <c r="I4131" s="2">
        <v>0</v>
      </c>
      <c r="J4131" s="2">
        <v>0</v>
      </c>
      <c r="K4131" s="2">
        <v>1</v>
      </c>
      <c r="L4131" t="s">
        <v>995</v>
      </c>
      <c r="M4131" t="s">
        <v>87</v>
      </c>
      <c r="N4131" t="s">
        <v>88</v>
      </c>
      <c r="O4131" t="s">
        <v>85</v>
      </c>
      <c r="P4131" t="s">
        <v>86</v>
      </c>
      <c r="Q4131">
        <v>6</v>
      </c>
      <c r="R4131">
        <v>6</v>
      </c>
      <c r="S4131">
        <v>6</v>
      </c>
      <c r="T4131">
        <v>6</v>
      </c>
      <c r="U4131">
        <v>6</v>
      </c>
      <c r="V4131">
        <v>6</v>
      </c>
      <c r="W4131">
        <v>6</v>
      </c>
      <c r="X4131">
        <v>6</v>
      </c>
      <c r="Y4131">
        <v>6</v>
      </c>
      <c r="Z4131">
        <v>6</v>
      </c>
      <c r="AA4131">
        <v>6</v>
      </c>
      <c r="AB4131">
        <v>6</v>
      </c>
      <c r="AC4131">
        <v>6</v>
      </c>
      <c r="AD4131">
        <v>6</v>
      </c>
      <c r="AE4131">
        <v>6</v>
      </c>
      <c r="AF4131">
        <v>6</v>
      </c>
      <c r="AG4131">
        <v>6</v>
      </c>
      <c r="AH4131">
        <v>6</v>
      </c>
      <c r="AI4131">
        <v>6</v>
      </c>
      <c r="AJ4131">
        <v>6</v>
      </c>
      <c r="AK4131">
        <v>6</v>
      </c>
      <c r="AL4131">
        <v>6</v>
      </c>
      <c r="AM4131">
        <v>6</v>
      </c>
      <c r="AN4131">
        <v>6</v>
      </c>
      <c r="AO4131">
        <v>5</v>
      </c>
      <c r="AP4131">
        <v>5</v>
      </c>
      <c r="AQ4131">
        <v>5</v>
      </c>
    </row>
    <row r="4132" spans="1:43">
      <c r="A4132" t="s">
        <v>2614</v>
      </c>
      <c r="B4132" t="s">
        <v>2615</v>
      </c>
      <c r="C4132" t="s">
        <v>2604</v>
      </c>
      <c r="D4132" t="s">
        <v>2605</v>
      </c>
      <c r="E4132" t="s">
        <v>2352</v>
      </c>
      <c r="F4132" t="s">
        <v>2353</v>
      </c>
      <c r="G4132" t="s">
        <v>80</v>
      </c>
      <c r="H4132" t="s">
        <v>81</v>
      </c>
      <c r="I4132" s="2">
        <v>0</v>
      </c>
      <c r="J4132" s="2">
        <v>0</v>
      </c>
      <c r="K4132" s="2">
        <v>1</v>
      </c>
      <c r="L4132" t="s">
        <v>995</v>
      </c>
      <c r="M4132" t="s">
        <v>89</v>
      </c>
      <c r="N4132" t="s">
        <v>90</v>
      </c>
      <c r="O4132" t="s">
        <v>85</v>
      </c>
      <c r="P4132" t="s">
        <v>86</v>
      </c>
      <c r="Q4132">
        <v>6</v>
      </c>
      <c r="R4132">
        <v>7</v>
      </c>
      <c r="S4132">
        <v>7</v>
      </c>
      <c r="T4132">
        <v>7</v>
      </c>
      <c r="U4132">
        <v>7</v>
      </c>
      <c r="V4132">
        <v>7</v>
      </c>
      <c r="W4132">
        <v>7</v>
      </c>
      <c r="X4132">
        <v>7</v>
      </c>
      <c r="Y4132">
        <v>7</v>
      </c>
      <c r="Z4132">
        <v>7</v>
      </c>
      <c r="AA4132">
        <v>7</v>
      </c>
      <c r="AB4132">
        <v>7</v>
      </c>
      <c r="AC4132">
        <v>7</v>
      </c>
      <c r="AD4132">
        <v>7</v>
      </c>
      <c r="AE4132">
        <v>7</v>
      </c>
      <c r="AF4132">
        <v>7</v>
      </c>
      <c r="AG4132">
        <v>7</v>
      </c>
      <c r="AH4132">
        <v>7</v>
      </c>
      <c r="AI4132">
        <v>7</v>
      </c>
      <c r="AJ4132">
        <v>7</v>
      </c>
      <c r="AK4132">
        <v>7</v>
      </c>
      <c r="AL4132">
        <v>7</v>
      </c>
      <c r="AM4132">
        <v>7</v>
      </c>
      <c r="AN4132">
        <v>6</v>
      </c>
      <c r="AO4132">
        <v>6</v>
      </c>
      <c r="AP4132">
        <v>6</v>
      </c>
      <c r="AQ4132">
        <v>6</v>
      </c>
    </row>
    <row r="4133" spans="1:43">
      <c r="A4133" t="s">
        <v>2614</v>
      </c>
      <c r="B4133" t="s">
        <v>2615</v>
      </c>
      <c r="C4133" t="s">
        <v>2604</v>
      </c>
      <c r="D4133" t="s">
        <v>2605</v>
      </c>
      <c r="E4133" t="s">
        <v>2352</v>
      </c>
      <c r="F4133" t="s">
        <v>2353</v>
      </c>
      <c r="G4133" t="s">
        <v>80</v>
      </c>
      <c r="H4133" t="s">
        <v>81</v>
      </c>
      <c r="I4133" s="2">
        <v>0</v>
      </c>
      <c r="J4133" s="2">
        <v>0</v>
      </c>
      <c r="K4133" s="2">
        <v>1</v>
      </c>
      <c r="L4133" t="s">
        <v>995</v>
      </c>
      <c r="M4133" t="s">
        <v>83</v>
      </c>
      <c r="N4133" t="s">
        <v>91</v>
      </c>
      <c r="O4133" t="s">
        <v>85</v>
      </c>
      <c r="P4133" t="s">
        <v>86</v>
      </c>
      <c r="Q4133">
        <v>6</v>
      </c>
      <c r="R4133">
        <v>6</v>
      </c>
      <c r="S4133">
        <v>6</v>
      </c>
      <c r="T4133">
        <v>6</v>
      </c>
      <c r="U4133">
        <v>6</v>
      </c>
      <c r="V4133">
        <v>6</v>
      </c>
      <c r="W4133">
        <v>6</v>
      </c>
      <c r="X4133">
        <v>7</v>
      </c>
      <c r="Y4133">
        <v>7</v>
      </c>
      <c r="Z4133">
        <v>7</v>
      </c>
      <c r="AA4133">
        <v>7</v>
      </c>
      <c r="AB4133">
        <v>7</v>
      </c>
      <c r="AC4133">
        <v>7</v>
      </c>
      <c r="AD4133">
        <v>7</v>
      </c>
      <c r="AE4133">
        <v>7</v>
      </c>
      <c r="AF4133">
        <v>7</v>
      </c>
      <c r="AG4133">
        <v>7</v>
      </c>
      <c r="AH4133">
        <v>7</v>
      </c>
      <c r="AI4133">
        <v>7</v>
      </c>
      <c r="AJ4133">
        <v>7</v>
      </c>
      <c r="AK4133">
        <v>7</v>
      </c>
      <c r="AL4133">
        <v>7</v>
      </c>
      <c r="AM4133">
        <v>6</v>
      </c>
      <c r="AN4133">
        <v>6</v>
      </c>
      <c r="AO4133">
        <v>6</v>
      </c>
      <c r="AP4133">
        <v>6</v>
      </c>
      <c r="AQ4133">
        <v>6</v>
      </c>
    </row>
    <row r="4134" spans="1:43">
      <c r="A4134" t="s">
        <v>2616</v>
      </c>
      <c r="B4134" t="s">
        <v>2617</v>
      </c>
      <c r="C4134" t="s">
        <v>2546</v>
      </c>
      <c r="D4134" t="s">
        <v>2547</v>
      </c>
      <c r="E4134" t="s">
        <v>2352</v>
      </c>
      <c r="F4134" t="s">
        <v>2353</v>
      </c>
      <c r="G4134" t="s">
        <v>80</v>
      </c>
      <c r="H4134" t="s">
        <v>81</v>
      </c>
      <c r="I4134" s="2">
        <v>0</v>
      </c>
      <c r="J4134" s="2">
        <v>0</v>
      </c>
      <c r="K4134" s="2">
        <v>1</v>
      </c>
      <c r="L4134" t="s">
        <v>995</v>
      </c>
      <c r="M4134" t="s">
        <v>83</v>
      </c>
      <c r="N4134" t="s">
        <v>84</v>
      </c>
      <c r="O4134" t="s">
        <v>85</v>
      </c>
      <c r="P4134" t="s">
        <v>86</v>
      </c>
      <c r="Q4134">
        <v>24</v>
      </c>
      <c r="R4134">
        <v>25</v>
      </c>
      <c r="S4134">
        <v>25</v>
      </c>
      <c r="T4134">
        <v>25</v>
      </c>
      <c r="U4134">
        <v>25</v>
      </c>
      <c r="V4134">
        <v>25</v>
      </c>
      <c r="W4134">
        <v>25</v>
      </c>
      <c r="X4134">
        <v>25</v>
      </c>
      <c r="Y4134">
        <v>25</v>
      </c>
      <c r="Z4134">
        <v>25</v>
      </c>
      <c r="AA4134">
        <v>25</v>
      </c>
      <c r="AB4134">
        <v>25</v>
      </c>
      <c r="AC4134">
        <v>25</v>
      </c>
      <c r="AD4134">
        <v>25</v>
      </c>
      <c r="AE4134">
        <v>25</v>
      </c>
      <c r="AF4134">
        <v>25</v>
      </c>
      <c r="AG4134">
        <v>25</v>
      </c>
      <c r="AH4134">
        <v>25</v>
      </c>
      <c r="AI4134">
        <v>25</v>
      </c>
      <c r="AJ4134">
        <v>25</v>
      </c>
      <c r="AK4134">
        <v>25</v>
      </c>
      <c r="AL4134">
        <v>25</v>
      </c>
      <c r="AM4134">
        <v>25</v>
      </c>
      <c r="AN4134">
        <v>24</v>
      </c>
      <c r="AO4134">
        <v>24</v>
      </c>
      <c r="AP4134">
        <v>24</v>
      </c>
      <c r="AQ4134">
        <v>24</v>
      </c>
    </row>
    <row r="4135" spans="1:43">
      <c r="A4135" t="s">
        <v>2616</v>
      </c>
      <c r="B4135" t="s">
        <v>2617</v>
      </c>
      <c r="C4135" t="s">
        <v>2546</v>
      </c>
      <c r="D4135" t="s">
        <v>2547</v>
      </c>
      <c r="E4135" t="s">
        <v>2352</v>
      </c>
      <c r="F4135" t="s">
        <v>2353</v>
      </c>
      <c r="G4135" t="s">
        <v>80</v>
      </c>
      <c r="H4135" t="s">
        <v>81</v>
      </c>
      <c r="I4135" s="2">
        <v>0</v>
      </c>
      <c r="J4135" s="2">
        <v>0</v>
      </c>
      <c r="K4135" s="2">
        <v>1</v>
      </c>
      <c r="L4135" t="s">
        <v>995</v>
      </c>
      <c r="M4135" t="s">
        <v>87</v>
      </c>
      <c r="N4135" t="s">
        <v>88</v>
      </c>
      <c r="O4135" t="s">
        <v>85</v>
      </c>
      <c r="P4135" t="s">
        <v>86</v>
      </c>
      <c r="Q4135">
        <v>24</v>
      </c>
      <c r="R4135">
        <v>24</v>
      </c>
      <c r="S4135">
        <v>24</v>
      </c>
      <c r="T4135">
        <v>24</v>
      </c>
      <c r="U4135">
        <v>24</v>
      </c>
      <c r="V4135">
        <v>24</v>
      </c>
      <c r="W4135">
        <v>23</v>
      </c>
      <c r="X4135">
        <v>23</v>
      </c>
      <c r="Y4135">
        <v>23</v>
      </c>
      <c r="Z4135">
        <v>23</v>
      </c>
      <c r="AA4135">
        <v>23</v>
      </c>
      <c r="AB4135">
        <v>23</v>
      </c>
      <c r="AC4135">
        <v>22</v>
      </c>
      <c r="AD4135">
        <v>22</v>
      </c>
      <c r="AE4135">
        <v>22</v>
      </c>
      <c r="AF4135">
        <v>22</v>
      </c>
      <c r="AG4135">
        <v>22</v>
      </c>
      <c r="AH4135">
        <v>22</v>
      </c>
      <c r="AI4135">
        <v>22</v>
      </c>
      <c r="AJ4135">
        <v>22</v>
      </c>
      <c r="AK4135">
        <v>21</v>
      </c>
      <c r="AL4135">
        <v>21</v>
      </c>
      <c r="AM4135">
        <v>21</v>
      </c>
      <c r="AN4135">
        <v>21</v>
      </c>
      <c r="AO4135">
        <v>21</v>
      </c>
      <c r="AP4135">
        <v>21</v>
      </c>
      <c r="AQ4135">
        <v>21</v>
      </c>
    </row>
    <row r="4136" spans="1:43">
      <c r="A4136" t="s">
        <v>2616</v>
      </c>
      <c r="B4136" t="s">
        <v>2617</v>
      </c>
      <c r="C4136" t="s">
        <v>2546</v>
      </c>
      <c r="D4136" t="s">
        <v>2547</v>
      </c>
      <c r="E4136" t="s">
        <v>2352</v>
      </c>
      <c r="F4136" t="s">
        <v>2353</v>
      </c>
      <c r="G4136" t="s">
        <v>80</v>
      </c>
      <c r="H4136" t="s">
        <v>81</v>
      </c>
      <c r="I4136" s="2">
        <v>0</v>
      </c>
      <c r="J4136" s="2">
        <v>0</v>
      </c>
      <c r="K4136" s="2">
        <v>1</v>
      </c>
      <c r="L4136" t="s">
        <v>995</v>
      </c>
      <c r="M4136" t="s">
        <v>89</v>
      </c>
      <c r="N4136" t="s">
        <v>90</v>
      </c>
      <c r="O4136" t="s">
        <v>85</v>
      </c>
      <c r="P4136" t="s">
        <v>86</v>
      </c>
      <c r="Q4136">
        <v>24</v>
      </c>
      <c r="R4136">
        <v>24</v>
      </c>
      <c r="S4136">
        <v>24</v>
      </c>
      <c r="T4136">
        <v>24</v>
      </c>
      <c r="U4136">
        <v>25</v>
      </c>
      <c r="V4136">
        <v>25</v>
      </c>
      <c r="W4136">
        <v>25</v>
      </c>
      <c r="X4136">
        <v>25</v>
      </c>
      <c r="Y4136">
        <v>25</v>
      </c>
      <c r="Z4136">
        <v>26</v>
      </c>
      <c r="AA4136">
        <v>26</v>
      </c>
      <c r="AB4136">
        <v>26</v>
      </c>
      <c r="AC4136">
        <v>26</v>
      </c>
      <c r="AD4136">
        <v>26</v>
      </c>
      <c r="AE4136">
        <v>26</v>
      </c>
      <c r="AF4136">
        <v>26</v>
      </c>
      <c r="AG4136">
        <v>25</v>
      </c>
      <c r="AH4136">
        <v>25</v>
      </c>
      <c r="AI4136">
        <v>25</v>
      </c>
      <c r="AJ4136">
        <v>25</v>
      </c>
      <c r="AK4136">
        <v>24</v>
      </c>
      <c r="AL4136">
        <v>24</v>
      </c>
      <c r="AM4136">
        <v>24</v>
      </c>
      <c r="AN4136">
        <v>24</v>
      </c>
      <c r="AO4136">
        <v>23</v>
      </c>
      <c r="AP4136">
        <v>23</v>
      </c>
      <c r="AQ4136">
        <v>23</v>
      </c>
    </row>
    <row r="4137" spans="1:43">
      <c r="A4137" t="s">
        <v>2616</v>
      </c>
      <c r="B4137" t="s">
        <v>2617</v>
      </c>
      <c r="C4137" t="s">
        <v>2546</v>
      </c>
      <c r="D4137" t="s">
        <v>2547</v>
      </c>
      <c r="E4137" t="s">
        <v>2352</v>
      </c>
      <c r="F4137" t="s">
        <v>2353</v>
      </c>
      <c r="G4137" t="s">
        <v>80</v>
      </c>
      <c r="H4137" t="s">
        <v>81</v>
      </c>
      <c r="I4137" s="2">
        <v>0</v>
      </c>
      <c r="J4137" s="2">
        <v>0</v>
      </c>
      <c r="K4137" s="2">
        <v>1</v>
      </c>
      <c r="L4137" t="s">
        <v>995</v>
      </c>
      <c r="M4137" t="s">
        <v>83</v>
      </c>
      <c r="N4137" t="s">
        <v>91</v>
      </c>
      <c r="O4137" t="s">
        <v>85</v>
      </c>
      <c r="P4137" t="s">
        <v>86</v>
      </c>
      <c r="Q4137">
        <v>24</v>
      </c>
      <c r="R4137">
        <v>25</v>
      </c>
      <c r="S4137">
        <v>25</v>
      </c>
      <c r="T4137">
        <v>25</v>
      </c>
      <c r="U4137">
        <v>25</v>
      </c>
      <c r="V4137">
        <v>25</v>
      </c>
      <c r="W4137">
        <v>25</v>
      </c>
      <c r="X4137">
        <v>25</v>
      </c>
      <c r="Y4137">
        <v>25</v>
      </c>
      <c r="Z4137">
        <v>25</v>
      </c>
      <c r="AA4137">
        <v>25</v>
      </c>
      <c r="AB4137">
        <v>25</v>
      </c>
      <c r="AC4137">
        <v>25</v>
      </c>
      <c r="AD4137">
        <v>25</v>
      </c>
      <c r="AE4137">
        <v>25</v>
      </c>
      <c r="AF4137">
        <v>25</v>
      </c>
      <c r="AG4137">
        <v>25</v>
      </c>
      <c r="AH4137">
        <v>25</v>
      </c>
      <c r="AI4137">
        <v>25</v>
      </c>
      <c r="AJ4137">
        <v>25</v>
      </c>
      <c r="AK4137">
        <v>25</v>
      </c>
      <c r="AL4137">
        <v>25</v>
      </c>
      <c r="AM4137">
        <v>25</v>
      </c>
      <c r="AN4137">
        <v>24</v>
      </c>
      <c r="AO4137">
        <v>24</v>
      </c>
      <c r="AP4137">
        <v>24</v>
      </c>
      <c r="AQ4137">
        <v>24</v>
      </c>
    </row>
    <row r="4138" spans="1:43">
      <c r="A4138" t="s">
        <v>2618</v>
      </c>
      <c r="B4138" t="s">
        <v>2619</v>
      </c>
      <c r="C4138" t="s">
        <v>2620</v>
      </c>
      <c r="D4138" t="s">
        <v>2621</v>
      </c>
      <c r="E4138" t="s">
        <v>2352</v>
      </c>
      <c r="F4138" t="s">
        <v>2353</v>
      </c>
      <c r="G4138" t="s">
        <v>80</v>
      </c>
      <c r="H4138" t="s">
        <v>81</v>
      </c>
      <c r="I4138" s="2">
        <v>0</v>
      </c>
      <c r="J4138" s="2">
        <v>0</v>
      </c>
      <c r="K4138" s="2">
        <v>1</v>
      </c>
      <c r="L4138" t="s">
        <v>995</v>
      </c>
      <c r="M4138" t="s">
        <v>83</v>
      </c>
      <c r="N4138" t="s">
        <v>84</v>
      </c>
      <c r="O4138" t="s">
        <v>85</v>
      </c>
      <c r="P4138" t="s">
        <v>86</v>
      </c>
      <c r="Q4138">
        <v>12</v>
      </c>
      <c r="R4138">
        <v>12</v>
      </c>
      <c r="S4138">
        <v>12</v>
      </c>
      <c r="T4138">
        <v>12</v>
      </c>
      <c r="U4138">
        <v>12</v>
      </c>
      <c r="V4138">
        <v>12</v>
      </c>
      <c r="W4138">
        <v>12</v>
      </c>
      <c r="X4138">
        <v>12</v>
      </c>
      <c r="Y4138">
        <v>12</v>
      </c>
      <c r="Z4138">
        <v>12</v>
      </c>
      <c r="AA4138">
        <v>12</v>
      </c>
      <c r="AB4138">
        <v>12</v>
      </c>
      <c r="AC4138">
        <v>12</v>
      </c>
      <c r="AD4138">
        <v>12</v>
      </c>
      <c r="AE4138">
        <v>12</v>
      </c>
      <c r="AF4138">
        <v>12</v>
      </c>
      <c r="AG4138">
        <v>12</v>
      </c>
      <c r="AH4138">
        <v>12</v>
      </c>
      <c r="AI4138">
        <v>12</v>
      </c>
      <c r="AJ4138">
        <v>12</v>
      </c>
      <c r="AK4138">
        <v>12</v>
      </c>
      <c r="AL4138">
        <v>12</v>
      </c>
      <c r="AM4138">
        <v>12</v>
      </c>
      <c r="AN4138">
        <v>12</v>
      </c>
      <c r="AO4138">
        <v>12</v>
      </c>
      <c r="AP4138">
        <v>12</v>
      </c>
      <c r="AQ4138">
        <v>12</v>
      </c>
    </row>
    <row r="4139" spans="1:43">
      <c r="A4139" t="s">
        <v>2618</v>
      </c>
      <c r="B4139" t="s">
        <v>2619</v>
      </c>
      <c r="C4139" t="s">
        <v>2620</v>
      </c>
      <c r="D4139" t="s">
        <v>2621</v>
      </c>
      <c r="E4139" t="s">
        <v>2352</v>
      </c>
      <c r="F4139" t="s">
        <v>2353</v>
      </c>
      <c r="G4139" t="s">
        <v>80</v>
      </c>
      <c r="H4139" t="s">
        <v>81</v>
      </c>
      <c r="I4139" s="2">
        <v>0</v>
      </c>
      <c r="J4139" s="2">
        <v>0</v>
      </c>
      <c r="K4139" s="2">
        <v>1</v>
      </c>
      <c r="L4139" t="s">
        <v>995</v>
      </c>
      <c r="M4139" t="s">
        <v>87</v>
      </c>
      <c r="N4139" t="s">
        <v>88</v>
      </c>
      <c r="O4139" t="s">
        <v>85</v>
      </c>
      <c r="P4139" t="s">
        <v>86</v>
      </c>
      <c r="Q4139">
        <v>12</v>
      </c>
      <c r="R4139">
        <v>12</v>
      </c>
      <c r="S4139">
        <v>12</v>
      </c>
      <c r="T4139">
        <v>12</v>
      </c>
      <c r="U4139">
        <v>12</v>
      </c>
      <c r="V4139">
        <v>12</v>
      </c>
      <c r="W4139">
        <v>11</v>
      </c>
      <c r="X4139">
        <v>11</v>
      </c>
      <c r="Y4139">
        <v>11</v>
      </c>
      <c r="Z4139">
        <v>11</v>
      </c>
      <c r="AA4139">
        <v>11</v>
      </c>
      <c r="AB4139">
        <v>11</v>
      </c>
      <c r="AC4139">
        <v>11</v>
      </c>
      <c r="AD4139">
        <v>11</v>
      </c>
      <c r="AE4139">
        <v>11</v>
      </c>
      <c r="AF4139">
        <v>11</v>
      </c>
      <c r="AG4139">
        <v>11</v>
      </c>
      <c r="AH4139">
        <v>11</v>
      </c>
      <c r="AI4139">
        <v>11</v>
      </c>
      <c r="AJ4139">
        <v>11</v>
      </c>
      <c r="AK4139">
        <v>10</v>
      </c>
      <c r="AL4139">
        <v>10</v>
      </c>
      <c r="AM4139">
        <v>10</v>
      </c>
      <c r="AN4139">
        <v>10</v>
      </c>
      <c r="AO4139">
        <v>10</v>
      </c>
      <c r="AP4139">
        <v>10</v>
      </c>
      <c r="AQ4139">
        <v>10</v>
      </c>
    </row>
    <row r="4140" spans="1:43">
      <c r="A4140" t="s">
        <v>2618</v>
      </c>
      <c r="B4140" t="s">
        <v>2619</v>
      </c>
      <c r="C4140" t="s">
        <v>2620</v>
      </c>
      <c r="D4140" t="s">
        <v>2621</v>
      </c>
      <c r="E4140" t="s">
        <v>2352</v>
      </c>
      <c r="F4140" t="s">
        <v>2353</v>
      </c>
      <c r="G4140" t="s">
        <v>80</v>
      </c>
      <c r="H4140" t="s">
        <v>81</v>
      </c>
      <c r="I4140" s="2">
        <v>0</v>
      </c>
      <c r="J4140" s="2">
        <v>0</v>
      </c>
      <c r="K4140" s="2">
        <v>1</v>
      </c>
      <c r="L4140" t="s">
        <v>995</v>
      </c>
      <c r="M4140" t="s">
        <v>89</v>
      </c>
      <c r="N4140" t="s">
        <v>90</v>
      </c>
      <c r="O4140" t="s">
        <v>85</v>
      </c>
      <c r="P4140" t="s">
        <v>86</v>
      </c>
      <c r="Q4140">
        <v>12</v>
      </c>
      <c r="R4140">
        <v>12</v>
      </c>
      <c r="S4140">
        <v>12</v>
      </c>
      <c r="T4140">
        <v>12</v>
      </c>
      <c r="U4140">
        <v>13</v>
      </c>
      <c r="V4140">
        <v>13</v>
      </c>
      <c r="W4140">
        <v>13</v>
      </c>
      <c r="X4140">
        <v>13</v>
      </c>
      <c r="Y4140">
        <v>13</v>
      </c>
      <c r="Z4140">
        <v>13</v>
      </c>
      <c r="AA4140">
        <v>13</v>
      </c>
      <c r="AB4140">
        <v>13</v>
      </c>
      <c r="AC4140">
        <v>13</v>
      </c>
      <c r="AD4140">
        <v>13</v>
      </c>
      <c r="AE4140">
        <v>13</v>
      </c>
      <c r="AF4140">
        <v>13</v>
      </c>
      <c r="AG4140">
        <v>13</v>
      </c>
      <c r="AH4140">
        <v>13</v>
      </c>
      <c r="AI4140">
        <v>13</v>
      </c>
      <c r="AJ4140">
        <v>13</v>
      </c>
      <c r="AK4140">
        <v>12</v>
      </c>
      <c r="AL4140">
        <v>12</v>
      </c>
      <c r="AM4140">
        <v>12</v>
      </c>
      <c r="AN4140">
        <v>12</v>
      </c>
      <c r="AO4140">
        <v>12</v>
      </c>
      <c r="AP4140">
        <v>12</v>
      </c>
      <c r="AQ4140">
        <v>12</v>
      </c>
    </row>
    <row r="4141" spans="1:43">
      <c r="A4141" t="s">
        <v>2618</v>
      </c>
      <c r="B4141" t="s">
        <v>2619</v>
      </c>
      <c r="C4141" t="s">
        <v>2620</v>
      </c>
      <c r="D4141" t="s">
        <v>2621</v>
      </c>
      <c r="E4141" t="s">
        <v>2352</v>
      </c>
      <c r="F4141" t="s">
        <v>2353</v>
      </c>
      <c r="G4141" t="s">
        <v>80</v>
      </c>
      <c r="H4141" t="s">
        <v>81</v>
      </c>
      <c r="I4141" s="2">
        <v>0</v>
      </c>
      <c r="J4141" s="2">
        <v>0</v>
      </c>
      <c r="K4141" s="2">
        <v>1</v>
      </c>
      <c r="L4141" t="s">
        <v>995</v>
      </c>
      <c r="M4141" t="s">
        <v>83</v>
      </c>
      <c r="N4141" t="s">
        <v>91</v>
      </c>
      <c r="O4141" t="s">
        <v>85</v>
      </c>
      <c r="P4141" t="s">
        <v>86</v>
      </c>
      <c r="Q4141">
        <v>12</v>
      </c>
      <c r="R4141">
        <v>12</v>
      </c>
      <c r="S4141">
        <v>12</v>
      </c>
      <c r="T4141">
        <v>12</v>
      </c>
      <c r="U4141">
        <v>12</v>
      </c>
      <c r="V4141">
        <v>12</v>
      </c>
      <c r="W4141">
        <v>12</v>
      </c>
      <c r="X4141">
        <v>12</v>
      </c>
      <c r="Y4141">
        <v>12</v>
      </c>
      <c r="Z4141">
        <v>12</v>
      </c>
      <c r="AA4141">
        <v>12</v>
      </c>
      <c r="AB4141">
        <v>12</v>
      </c>
      <c r="AC4141">
        <v>12</v>
      </c>
      <c r="AD4141">
        <v>12</v>
      </c>
      <c r="AE4141">
        <v>12</v>
      </c>
      <c r="AF4141">
        <v>12</v>
      </c>
      <c r="AG4141">
        <v>12</v>
      </c>
      <c r="AH4141">
        <v>12</v>
      </c>
      <c r="AI4141">
        <v>12</v>
      </c>
      <c r="AJ4141">
        <v>12</v>
      </c>
      <c r="AK4141">
        <v>12</v>
      </c>
      <c r="AL4141">
        <v>12</v>
      </c>
      <c r="AM4141">
        <v>12</v>
      </c>
      <c r="AN4141">
        <v>12</v>
      </c>
      <c r="AO4141">
        <v>12</v>
      </c>
      <c r="AP4141">
        <v>12</v>
      </c>
      <c r="AQ4141">
        <v>12</v>
      </c>
    </row>
    <row r="4142" spans="1:43">
      <c r="A4142" t="s">
        <v>2622</v>
      </c>
      <c r="B4142" t="s">
        <v>2623</v>
      </c>
      <c r="C4142" t="s">
        <v>2624</v>
      </c>
      <c r="D4142" t="s">
        <v>2625</v>
      </c>
      <c r="E4142" t="s">
        <v>2352</v>
      </c>
      <c r="F4142" t="s">
        <v>2353</v>
      </c>
      <c r="G4142" t="s">
        <v>80</v>
      </c>
      <c r="H4142" t="s">
        <v>81</v>
      </c>
      <c r="I4142" s="2">
        <v>0</v>
      </c>
      <c r="J4142" s="2">
        <v>0</v>
      </c>
      <c r="K4142" s="2">
        <v>1</v>
      </c>
      <c r="L4142" t="s">
        <v>995</v>
      </c>
      <c r="M4142" t="s">
        <v>83</v>
      </c>
      <c r="N4142" t="s">
        <v>84</v>
      </c>
      <c r="O4142" t="s">
        <v>85</v>
      </c>
      <c r="P4142" t="s">
        <v>86</v>
      </c>
      <c r="Q4142">
        <v>26</v>
      </c>
      <c r="R4142">
        <v>27</v>
      </c>
      <c r="S4142">
        <v>27</v>
      </c>
      <c r="T4142">
        <v>27</v>
      </c>
      <c r="U4142">
        <v>27</v>
      </c>
      <c r="V4142">
        <v>27</v>
      </c>
      <c r="W4142">
        <v>27</v>
      </c>
      <c r="X4142">
        <v>27</v>
      </c>
      <c r="Y4142">
        <v>27</v>
      </c>
      <c r="Z4142">
        <v>27</v>
      </c>
      <c r="AA4142">
        <v>27</v>
      </c>
      <c r="AB4142">
        <v>27</v>
      </c>
      <c r="AC4142">
        <v>27</v>
      </c>
      <c r="AD4142">
        <v>27</v>
      </c>
      <c r="AE4142">
        <v>27</v>
      </c>
      <c r="AF4142">
        <v>27</v>
      </c>
      <c r="AG4142">
        <v>27</v>
      </c>
      <c r="AH4142">
        <v>27</v>
      </c>
      <c r="AI4142">
        <v>27</v>
      </c>
      <c r="AJ4142">
        <v>27</v>
      </c>
      <c r="AK4142">
        <v>27</v>
      </c>
      <c r="AL4142">
        <v>27</v>
      </c>
      <c r="AM4142">
        <v>27</v>
      </c>
      <c r="AN4142">
        <v>27</v>
      </c>
      <c r="AO4142">
        <v>26</v>
      </c>
      <c r="AP4142">
        <v>26</v>
      </c>
      <c r="AQ4142">
        <v>26</v>
      </c>
    </row>
    <row r="4143" spans="1:43">
      <c r="A4143" t="s">
        <v>2622</v>
      </c>
      <c r="B4143" t="s">
        <v>2623</v>
      </c>
      <c r="C4143" t="s">
        <v>2624</v>
      </c>
      <c r="D4143" t="s">
        <v>2625</v>
      </c>
      <c r="E4143" t="s">
        <v>2352</v>
      </c>
      <c r="F4143" t="s">
        <v>2353</v>
      </c>
      <c r="G4143" t="s">
        <v>80</v>
      </c>
      <c r="H4143" t="s">
        <v>81</v>
      </c>
      <c r="I4143" s="2">
        <v>0</v>
      </c>
      <c r="J4143" s="2">
        <v>0</v>
      </c>
      <c r="K4143" s="2">
        <v>1</v>
      </c>
      <c r="L4143" t="s">
        <v>995</v>
      </c>
      <c r="M4143" t="s">
        <v>87</v>
      </c>
      <c r="N4143" t="s">
        <v>88</v>
      </c>
      <c r="O4143" t="s">
        <v>85</v>
      </c>
      <c r="P4143" t="s">
        <v>86</v>
      </c>
      <c r="Q4143">
        <v>26</v>
      </c>
      <c r="R4143">
        <v>26</v>
      </c>
      <c r="S4143">
        <v>26</v>
      </c>
      <c r="T4143">
        <v>26</v>
      </c>
      <c r="U4143">
        <v>26</v>
      </c>
      <c r="V4143">
        <v>25</v>
      </c>
      <c r="W4143">
        <v>25</v>
      </c>
      <c r="X4143">
        <v>25</v>
      </c>
      <c r="Y4143">
        <v>25</v>
      </c>
      <c r="Z4143">
        <v>25</v>
      </c>
      <c r="AA4143">
        <v>25</v>
      </c>
      <c r="AB4143">
        <v>24</v>
      </c>
      <c r="AC4143">
        <v>24</v>
      </c>
      <c r="AD4143">
        <v>24</v>
      </c>
      <c r="AE4143">
        <v>24</v>
      </c>
      <c r="AF4143">
        <v>24</v>
      </c>
      <c r="AG4143">
        <v>24</v>
      </c>
      <c r="AH4143">
        <v>24</v>
      </c>
      <c r="AI4143">
        <v>23</v>
      </c>
      <c r="AJ4143">
        <v>23</v>
      </c>
      <c r="AK4143">
        <v>23</v>
      </c>
      <c r="AL4143">
        <v>23</v>
      </c>
      <c r="AM4143">
        <v>23</v>
      </c>
      <c r="AN4143">
        <v>23</v>
      </c>
      <c r="AO4143">
        <v>23</v>
      </c>
      <c r="AP4143">
        <v>22</v>
      </c>
      <c r="AQ4143">
        <v>22</v>
      </c>
    </row>
    <row r="4144" spans="1:43">
      <c r="A4144" t="s">
        <v>2622</v>
      </c>
      <c r="B4144" t="s">
        <v>2623</v>
      </c>
      <c r="C4144" t="s">
        <v>2624</v>
      </c>
      <c r="D4144" t="s">
        <v>2625</v>
      </c>
      <c r="E4144" t="s">
        <v>2352</v>
      </c>
      <c r="F4144" t="s">
        <v>2353</v>
      </c>
      <c r="G4144" t="s">
        <v>80</v>
      </c>
      <c r="H4144" t="s">
        <v>81</v>
      </c>
      <c r="I4144" s="2">
        <v>0</v>
      </c>
      <c r="J4144" s="2">
        <v>0</v>
      </c>
      <c r="K4144" s="2">
        <v>1</v>
      </c>
      <c r="L4144" t="s">
        <v>995</v>
      </c>
      <c r="M4144" t="s">
        <v>89</v>
      </c>
      <c r="N4144" t="s">
        <v>90</v>
      </c>
      <c r="O4144" t="s">
        <v>85</v>
      </c>
      <c r="P4144" t="s">
        <v>86</v>
      </c>
      <c r="Q4144">
        <v>26</v>
      </c>
      <c r="R4144">
        <v>26</v>
      </c>
      <c r="S4144">
        <v>26</v>
      </c>
      <c r="T4144">
        <v>27</v>
      </c>
      <c r="U4144">
        <v>27</v>
      </c>
      <c r="V4144">
        <v>27</v>
      </c>
      <c r="W4144">
        <v>27</v>
      </c>
      <c r="X4144">
        <v>27</v>
      </c>
      <c r="Y4144">
        <v>28</v>
      </c>
      <c r="Z4144">
        <v>28</v>
      </c>
      <c r="AA4144">
        <v>28</v>
      </c>
      <c r="AB4144">
        <v>28</v>
      </c>
      <c r="AC4144">
        <v>28</v>
      </c>
      <c r="AD4144">
        <v>28</v>
      </c>
      <c r="AE4144">
        <v>28</v>
      </c>
      <c r="AF4144">
        <v>28</v>
      </c>
      <c r="AG4144">
        <v>28</v>
      </c>
      <c r="AH4144">
        <v>27</v>
      </c>
      <c r="AI4144">
        <v>27</v>
      </c>
      <c r="AJ4144">
        <v>27</v>
      </c>
      <c r="AK4144">
        <v>27</v>
      </c>
      <c r="AL4144">
        <v>26</v>
      </c>
      <c r="AM4144">
        <v>26</v>
      </c>
      <c r="AN4144">
        <v>26</v>
      </c>
      <c r="AO4144">
        <v>26</v>
      </c>
      <c r="AP4144">
        <v>25</v>
      </c>
      <c r="AQ4144">
        <v>25</v>
      </c>
    </row>
    <row r="4145" spans="1:43">
      <c r="A4145" t="s">
        <v>2622</v>
      </c>
      <c r="B4145" t="s">
        <v>2623</v>
      </c>
      <c r="C4145" t="s">
        <v>2624</v>
      </c>
      <c r="D4145" t="s">
        <v>2625</v>
      </c>
      <c r="E4145" t="s">
        <v>2352</v>
      </c>
      <c r="F4145" t="s">
        <v>2353</v>
      </c>
      <c r="G4145" t="s">
        <v>80</v>
      </c>
      <c r="H4145" t="s">
        <v>81</v>
      </c>
      <c r="I4145" s="2">
        <v>0</v>
      </c>
      <c r="J4145" s="2">
        <v>0</v>
      </c>
      <c r="K4145" s="2">
        <v>1</v>
      </c>
      <c r="L4145" t="s">
        <v>995</v>
      </c>
      <c r="M4145" t="s">
        <v>83</v>
      </c>
      <c r="N4145" t="s">
        <v>91</v>
      </c>
      <c r="O4145" t="s">
        <v>85</v>
      </c>
      <c r="P4145" t="s">
        <v>86</v>
      </c>
      <c r="Q4145">
        <v>26</v>
      </c>
      <c r="R4145">
        <v>27</v>
      </c>
      <c r="S4145">
        <v>27</v>
      </c>
      <c r="T4145">
        <v>27</v>
      </c>
      <c r="U4145">
        <v>27</v>
      </c>
      <c r="V4145">
        <v>27</v>
      </c>
      <c r="W4145">
        <v>27</v>
      </c>
      <c r="X4145">
        <v>27</v>
      </c>
      <c r="Y4145">
        <v>27</v>
      </c>
      <c r="Z4145">
        <v>27</v>
      </c>
      <c r="AA4145">
        <v>27</v>
      </c>
      <c r="AB4145">
        <v>27</v>
      </c>
      <c r="AC4145">
        <v>27</v>
      </c>
      <c r="AD4145">
        <v>27</v>
      </c>
      <c r="AE4145">
        <v>27</v>
      </c>
      <c r="AF4145">
        <v>27</v>
      </c>
      <c r="AG4145">
        <v>27</v>
      </c>
      <c r="AH4145">
        <v>27</v>
      </c>
      <c r="AI4145">
        <v>27</v>
      </c>
      <c r="AJ4145">
        <v>27</v>
      </c>
      <c r="AK4145">
        <v>27</v>
      </c>
      <c r="AL4145">
        <v>27</v>
      </c>
      <c r="AM4145">
        <v>27</v>
      </c>
      <c r="AN4145">
        <v>27</v>
      </c>
      <c r="AO4145">
        <v>26</v>
      </c>
      <c r="AP4145">
        <v>26</v>
      </c>
      <c r="AQ4145">
        <v>26</v>
      </c>
    </row>
    <row r="4146" spans="1:43">
      <c r="A4146" t="s">
        <v>2626</v>
      </c>
      <c r="B4146" t="s">
        <v>2627</v>
      </c>
      <c r="C4146" t="s">
        <v>2628</v>
      </c>
      <c r="D4146" t="s">
        <v>2629</v>
      </c>
      <c r="E4146" t="s">
        <v>2352</v>
      </c>
      <c r="F4146" t="s">
        <v>2353</v>
      </c>
      <c r="G4146" t="s">
        <v>80</v>
      </c>
      <c r="H4146" t="s">
        <v>81</v>
      </c>
      <c r="I4146" s="2">
        <v>0</v>
      </c>
      <c r="J4146" s="2">
        <v>0.12</v>
      </c>
      <c r="K4146" s="2">
        <v>0.88</v>
      </c>
      <c r="L4146" t="s">
        <v>995</v>
      </c>
      <c r="M4146" t="s">
        <v>83</v>
      </c>
      <c r="N4146" t="s">
        <v>84</v>
      </c>
      <c r="O4146" t="s">
        <v>85</v>
      </c>
      <c r="P4146" t="s">
        <v>86</v>
      </c>
      <c r="Q4146">
        <v>83</v>
      </c>
      <c r="R4146">
        <v>83</v>
      </c>
      <c r="S4146">
        <v>83</v>
      </c>
      <c r="T4146">
        <v>84</v>
      </c>
      <c r="U4146">
        <v>84</v>
      </c>
      <c r="V4146">
        <v>84</v>
      </c>
      <c r="W4146">
        <v>84</v>
      </c>
      <c r="X4146">
        <v>84</v>
      </c>
      <c r="Y4146">
        <v>85</v>
      </c>
      <c r="Z4146">
        <v>85</v>
      </c>
      <c r="AA4146">
        <v>85</v>
      </c>
      <c r="AB4146">
        <v>85</v>
      </c>
      <c r="AC4146">
        <v>85</v>
      </c>
      <c r="AD4146">
        <v>85</v>
      </c>
      <c r="AE4146">
        <v>85</v>
      </c>
      <c r="AF4146">
        <v>86</v>
      </c>
      <c r="AG4146">
        <v>86</v>
      </c>
      <c r="AH4146">
        <v>86</v>
      </c>
      <c r="AI4146">
        <v>86</v>
      </c>
      <c r="AJ4146">
        <v>86</v>
      </c>
      <c r="AK4146">
        <v>86</v>
      </c>
      <c r="AL4146">
        <v>85</v>
      </c>
      <c r="AM4146">
        <v>85</v>
      </c>
      <c r="AN4146">
        <v>84</v>
      </c>
      <c r="AO4146">
        <v>83</v>
      </c>
      <c r="AP4146">
        <v>83</v>
      </c>
      <c r="AQ4146">
        <v>82</v>
      </c>
    </row>
    <row r="4147" spans="1:43">
      <c r="A4147" t="s">
        <v>2626</v>
      </c>
      <c r="B4147" t="s">
        <v>2627</v>
      </c>
      <c r="C4147" t="s">
        <v>2628</v>
      </c>
      <c r="D4147" t="s">
        <v>2629</v>
      </c>
      <c r="E4147" t="s">
        <v>2352</v>
      </c>
      <c r="F4147" t="s">
        <v>2353</v>
      </c>
      <c r="G4147" t="s">
        <v>80</v>
      </c>
      <c r="H4147" t="s">
        <v>81</v>
      </c>
      <c r="I4147" s="2">
        <v>0</v>
      </c>
      <c r="J4147" s="2">
        <v>0.12</v>
      </c>
      <c r="K4147" s="2">
        <v>0.88</v>
      </c>
      <c r="L4147" t="s">
        <v>995</v>
      </c>
      <c r="M4147" t="s">
        <v>87</v>
      </c>
      <c r="N4147" t="s">
        <v>88</v>
      </c>
      <c r="O4147" t="s">
        <v>85</v>
      </c>
      <c r="P4147" t="s">
        <v>86</v>
      </c>
      <c r="Q4147">
        <v>83</v>
      </c>
      <c r="R4147">
        <v>82</v>
      </c>
      <c r="S4147">
        <v>82</v>
      </c>
      <c r="T4147">
        <v>82</v>
      </c>
      <c r="U4147">
        <v>81</v>
      </c>
      <c r="V4147">
        <v>81</v>
      </c>
      <c r="W4147">
        <v>80</v>
      </c>
      <c r="X4147">
        <v>80</v>
      </c>
      <c r="Y4147">
        <v>79</v>
      </c>
      <c r="Z4147">
        <v>79</v>
      </c>
      <c r="AA4147">
        <v>78</v>
      </c>
      <c r="AB4147">
        <v>78</v>
      </c>
      <c r="AC4147">
        <v>78</v>
      </c>
      <c r="AD4147">
        <v>77</v>
      </c>
      <c r="AE4147">
        <v>77</v>
      </c>
      <c r="AF4147">
        <v>76</v>
      </c>
      <c r="AG4147">
        <v>76</v>
      </c>
      <c r="AH4147">
        <v>75</v>
      </c>
      <c r="AI4147">
        <v>75</v>
      </c>
      <c r="AJ4147">
        <v>75</v>
      </c>
      <c r="AK4147">
        <v>74</v>
      </c>
      <c r="AL4147">
        <v>74</v>
      </c>
      <c r="AM4147">
        <v>73</v>
      </c>
      <c r="AN4147">
        <v>73</v>
      </c>
      <c r="AO4147">
        <v>73</v>
      </c>
      <c r="AP4147">
        <v>72</v>
      </c>
      <c r="AQ4147">
        <v>72</v>
      </c>
    </row>
    <row r="4148" spans="1:43">
      <c r="A4148" t="s">
        <v>2626</v>
      </c>
      <c r="B4148" t="s">
        <v>2627</v>
      </c>
      <c r="C4148" t="s">
        <v>2628</v>
      </c>
      <c r="D4148" t="s">
        <v>2629</v>
      </c>
      <c r="E4148" t="s">
        <v>2352</v>
      </c>
      <c r="F4148" t="s">
        <v>2353</v>
      </c>
      <c r="G4148" t="s">
        <v>80</v>
      </c>
      <c r="H4148" t="s">
        <v>81</v>
      </c>
      <c r="I4148" s="2">
        <v>0</v>
      </c>
      <c r="J4148" s="2">
        <v>0.12</v>
      </c>
      <c r="K4148" s="2">
        <v>0.88</v>
      </c>
      <c r="L4148" t="s">
        <v>995</v>
      </c>
      <c r="M4148" t="s">
        <v>89</v>
      </c>
      <c r="N4148" t="s">
        <v>90</v>
      </c>
      <c r="O4148" t="s">
        <v>85</v>
      </c>
      <c r="P4148" t="s">
        <v>86</v>
      </c>
      <c r="Q4148">
        <v>83</v>
      </c>
      <c r="R4148">
        <v>84</v>
      </c>
      <c r="S4148">
        <v>85</v>
      </c>
      <c r="T4148">
        <v>86</v>
      </c>
      <c r="U4148">
        <v>87</v>
      </c>
      <c r="V4148">
        <v>88</v>
      </c>
      <c r="W4148">
        <v>89</v>
      </c>
      <c r="X4148">
        <v>89</v>
      </c>
      <c r="Y4148">
        <v>90</v>
      </c>
      <c r="Z4148">
        <v>90</v>
      </c>
      <c r="AA4148">
        <v>91</v>
      </c>
      <c r="AB4148">
        <v>91</v>
      </c>
      <c r="AC4148">
        <v>91</v>
      </c>
      <c r="AD4148">
        <v>92</v>
      </c>
      <c r="AE4148">
        <v>92</v>
      </c>
      <c r="AF4148">
        <v>91</v>
      </c>
      <c r="AG4148">
        <v>90</v>
      </c>
      <c r="AH4148">
        <v>89</v>
      </c>
      <c r="AI4148">
        <v>89</v>
      </c>
      <c r="AJ4148">
        <v>88</v>
      </c>
      <c r="AK4148">
        <v>87</v>
      </c>
      <c r="AL4148">
        <v>86</v>
      </c>
      <c r="AM4148">
        <v>86</v>
      </c>
      <c r="AN4148">
        <v>85</v>
      </c>
      <c r="AO4148">
        <v>84</v>
      </c>
      <c r="AP4148">
        <v>84</v>
      </c>
      <c r="AQ4148">
        <v>83</v>
      </c>
    </row>
    <row r="4149" spans="1:43">
      <c r="A4149" t="s">
        <v>2626</v>
      </c>
      <c r="B4149" t="s">
        <v>2627</v>
      </c>
      <c r="C4149" t="s">
        <v>2628</v>
      </c>
      <c r="D4149" t="s">
        <v>2629</v>
      </c>
      <c r="E4149" t="s">
        <v>2352</v>
      </c>
      <c r="F4149" t="s">
        <v>2353</v>
      </c>
      <c r="G4149" t="s">
        <v>80</v>
      </c>
      <c r="H4149" t="s">
        <v>81</v>
      </c>
      <c r="I4149" s="2">
        <v>0</v>
      </c>
      <c r="J4149" s="2">
        <v>0.12</v>
      </c>
      <c r="K4149" s="2">
        <v>0.88</v>
      </c>
      <c r="L4149" t="s">
        <v>995</v>
      </c>
      <c r="M4149" t="s">
        <v>83</v>
      </c>
      <c r="N4149" t="s">
        <v>91</v>
      </c>
      <c r="O4149" t="s">
        <v>85</v>
      </c>
      <c r="P4149" t="s">
        <v>86</v>
      </c>
      <c r="Q4149">
        <v>83</v>
      </c>
      <c r="R4149">
        <v>83</v>
      </c>
      <c r="S4149">
        <v>83</v>
      </c>
      <c r="T4149">
        <v>84</v>
      </c>
      <c r="U4149">
        <v>84</v>
      </c>
      <c r="V4149">
        <v>84</v>
      </c>
      <c r="W4149">
        <v>84</v>
      </c>
      <c r="X4149">
        <v>84</v>
      </c>
      <c r="Y4149">
        <v>85</v>
      </c>
      <c r="Z4149">
        <v>85</v>
      </c>
      <c r="AA4149">
        <v>85</v>
      </c>
      <c r="AB4149">
        <v>85</v>
      </c>
      <c r="AC4149">
        <v>85</v>
      </c>
      <c r="AD4149">
        <v>85</v>
      </c>
      <c r="AE4149">
        <v>85</v>
      </c>
      <c r="AF4149">
        <v>86</v>
      </c>
      <c r="AG4149">
        <v>86</v>
      </c>
      <c r="AH4149">
        <v>86</v>
      </c>
      <c r="AI4149">
        <v>86</v>
      </c>
      <c r="AJ4149">
        <v>86</v>
      </c>
      <c r="AK4149">
        <v>86</v>
      </c>
      <c r="AL4149">
        <v>85</v>
      </c>
      <c r="AM4149">
        <v>85</v>
      </c>
      <c r="AN4149">
        <v>84</v>
      </c>
      <c r="AO4149">
        <v>83</v>
      </c>
      <c r="AP4149">
        <v>83</v>
      </c>
      <c r="AQ4149">
        <v>82</v>
      </c>
    </row>
    <row r="4150" spans="1:43">
      <c r="A4150" t="s">
        <v>2630</v>
      </c>
      <c r="B4150" t="s">
        <v>2631</v>
      </c>
      <c r="C4150" t="s">
        <v>2620</v>
      </c>
      <c r="D4150" t="s">
        <v>2621</v>
      </c>
      <c r="E4150" t="s">
        <v>2352</v>
      </c>
      <c r="F4150" t="s">
        <v>2353</v>
      </c>
      <c r="G4150" t="s">
        <v>80</v>
      </c>
      <c r="H4150" t="s">
        <v>81</v>
      </c>
      <c r="I4150" s="2">
        <v>0</v>
      </c>
      <c r="J4150" s="2">
        <v>0</v>
      </c>
      <c r="K4150" s="2">
        <v>1</v>
      </c>
      <c r="L4150" t="s">
        <v>995</v>
      </c>
      <c r="M4150" t="s">
        <v>83</v>
      </c>
      <c r="N4150" t="s">
        <v>84</v>
      </c>
      <c r="O4150" t="s">
        <v>85</v>
      </c>
      <c r="P4150" t="s">
        <v>86</v>
      </c>
      <c r="Q4150">
        <v>23</v>
      </c>
      <c r="R4150">
        <v>23</v>
      </c>
      <c r="S4150">
        <v>23</v>
      </c>
      <c r="T4150">
        <v>23</v>
      </c>
      <c r="U4150">
        <v>23</v>
      </c>
      <c r="V4150">
        <v>23</v>
      </c>
      <c r="W4150">
        <v>23</v>
      </c>
      <c r="X4150">
        <v>24</v>
      </c>
      <c r="Y4150">
        <v>24</v>
      </c>
      <c r="Z4150">
        <v>24</v>
      </c>
      <c r="AA4150">
        <v>24</v>
      </c>
      <c r="AB4150">
        <v>24</v>
      </c>
      <c r="AC4150">
        <v>24</v>
      </c>
      <c r="AD4150">
        <v>24</v>
      </c>
      <c r="AE4150">
        <v>24</v>
      </c>
      <c r="AF4150">
        <v>24</v>
      </c>
      <c r="AG4150">
        <v>24</v>
      </c>
      <c r="AH4150">
        <v>24</v>
      </c>
      <c r="AI4150">
        <v>24</v>
      </c>
      <c r="AJ4150">
        <v>24</v>
      </c>
      <c r="AK4150">
        <v>24</v>
      </c>
      <c r="AL4150">
        <v>24</v>
      </c>
      <c r="AM4150">
        <v>24</v>
      </c>
      <c r="AN4150">
        <v>24</v>
      </c>
      <c r="AO4150">
        <v>24</v>
      </c>
      <c r="AP4150">
        <v>23</v>
      </c>
      <c r="AQ4150">
        <v>23</v>
      </c>
    </row>
    <row r="4151" spans="1:43">
      <c r="A4151" t="s">
        <v>2630</v>
      </c>
      <c r="B4151" t="s">
        <v>2631</v>
      </c>
      <c r="C4151" t="s">
        <v>2620</v>
      </c>
      <c r="D4151" t="s">
        <v>2621</v>
      </c>
      <c r="E4151" t="s">
        <v>2352</v>
      </c>
      <c r="F4151" t="s">
        <v>2353</v>
      </c>
      <c r="G4151" t="s">
        <v>80</v>
      </c>
      <c r="H4151" t="s">
        <v>81</v>
      </c>
      <c r="I4151" s="2">
        <v>0</v>
      </c>
      <c r="J4151" s="2">
        <v>0</v>
      </c>
      <c r="K4151" s="2">
        <v>1</v>
      </c>
      <c r="L4151" t="s">
        <v>995</v>
      </c>
      <c r="M4151" t="s">
        <v>87</v>
      </c>
      <c r="N4151" t="s">
        <v>88</v>
      </c>
      <c r="O4151" t="s">
        <v>85</v>
      </c>
      <c r="P4151" t="s">
        <v>86</v>
      </c>
      <c r="Q4151">
        <v>23</v>
      </c>
      <c r="R4151">
        <v>23</v>
      </c>
      <c r="S4151">
        <v>22</v>
      </c>
      <c r="T4151">
        <v>22</v>
      </c>
      <c r="U4151">
        <v>22</v>
      </c>
      <c r="V4151">
        <v>22</v>
      </c>
      <c r="W4151">
        <v>22</v>
      </c>
      <c r="X4151">
        <v>22</v>
      </c>
      <c r="Y4151">
        <v>22</v>
      </c>
      <c r="Z4151">
        <v>22</v>
      </c>
      <c r="AA4151">
        <v>22</v>
      </c>
      <c r="AB4151">
        <v>21</v>
      </c>
      <c r="AC4151">
        <v>21</v>
      </c>
      <c r="AD4151">
        <v>21</v>
      </c>
      <c r="AE4151">
        <v>21</v>
      </c>
      <c r="AF4151">
        <v>21</v>
      </c>
      <c r="AG4151">
        <v>21</v>
      </c>
      <c r="AH4151">
        <v>21</v>
      </c>
      <c r="AI4151">
        <v>21</v>
      </c>
      <c r="AJ4151">
        <v>21</v>
      </c>
      <c r="AK4151">
        <v>21</v>
      </c>
      <c r="AL4151">
        <v>21</v>
      </c>
      <c r="AM4151">
        <v>20</v>
      </c>
      <c r="AN4151">
        <v>20</v>
      </c>
      <c r="AO4151">
        <v>20</v>
      </c>
      <c r="AP4151">
        <v>20</v>
      </c>
      <c r="AQ4151">
        <v>20</v>
      </c>
    </row>
    <row r="4152" spans="1:43">
      <c r="A4152" t="s">
        <v>2630</v>
      </c>
      <c r="B4152" t="s">
        <v>2631</v>
      </c>
      <c r="C4152" t="s">
        <v>2620</v>
      </c>
      <c r="D4152" t="s">
        <v>2621</v>
      </c>
      <c r="E4152" t="s">
        <v>2352</v>
      </c>
      <c r="F4152" t="s">
        <v>2353</v>
      </c>
      <c r="G4152" t="s">
        <v>80</v>
      </c>
      <c r="H4152" t="s">
        <v>81</v>
      </c>
      <c r="I4152" s="2">
        <v>0</v>
      </c>
      <c r="J4152" s="2">
        <v>0</v>
      </c>
      <c r="K4152" s="2">
        <v>1</v>
      </c>
      <c r="L4152" t="s">
        <v>995</v>
      </c>
      <c r="M4152" t="s">
        <v>89</v>
      </c>
      <c r="N4152" t="s">
        <v>90</v>
      </c>
      <c r="O4152" t="s">
        <v>85</v>
      </c>
      <c r="P4152" t="s">
        <v>86</v>
      </c>
      <c r="Q4152">
        <v>23</v>
      </c>
      <c r="R4152">
        <v>23</v>
      </c>
      <c r="S4152">
        <v>24</v>
      </c>
      <c r="T4152">
        <v>24</v>
      </c>
      <c r="U4152">
        <v>24</v>
      </c>
      <c r="V4152">
        <v>24</v>
      </c>
      <c r="W4152">
        <v>25</v>
      </c>
      <c r="X4152">
        <v>25</v>
      </c>
      <c r="Y4152">
        <v>25</v>
      </c>
      <c r="Z4152">
        <v>25</v>
      </c>
      <c r="AA4152">
        <v>25</v>
      </c>
      <c r="AB4152">
        <v>25</v>
      </c>
      <c r="AC4152">
        <v>26</v>
      </c>
      <c r="AD4152">
        <v>26</v>
      </c>
      <c r="AE4152">
        <v>26</v>
      </c>
      <c r="AF4152">
        <v>25</v>
      </c>
      <c r="AG4152">
        <v>25</v>
      </c>
      <c r="AH4152">
        <v>25</v>
      </c>
      <c r="AI4152">
        <v>25</v>
      </c>
      <c r="AJ4152">
        <v>25</v>
      </c>
      <c r="AK4152">
        <v>25</v>
      </c>
      <c r="AL4152">
        <v>24</v>
      </c>
      <c r="AM4152">
        <v>24</v>
      </c>
      <c r="AN4152">
        <v>24</v>
      </c>
      <c r="AO4152">
        <v>24</v>
      </c>
      <c r="AP4152">
        <v>24</v>
      </c>
      <c r="AQ4152">
        <v>24</v>
      </c>
    </row>
    <row r="4153" spans="1:43">
      <c r="A4153" t="s">
        <v>2630</v>
      </c>
      <c r="B4153" t="s">
        <v>2631</v>
      </c>
      <c r="C4153" t="s">
        <v>2620</v>
      </c>
      <c r="D4153" t="s">
        <v>2621</v>
      </c>
      <c r="E4153" t="s">
        <v>2352</v>
      </c>
      <c r="F4153" t="s">
        <v>2353</v>
      </c>
      <c r="G4153" t="s">
        <v>80</v>
      </c>
      <c r="H4153" t="s">
        <v>81</v>
      </c>
      <c r="I4153" s="2">
        <v>0</v>
      </c>
      <c r="J4153" s="2">
        <v>0</v>
      </c>
      <c r="K4153" s="2">
        <v>1</v>
      </c>
      <c r="L4153" t="s">
        <v>995</v>
      </c>
      <c r="M4153" t="s">
        <v>83</v>
      </c>
      <c r="N4153" t="s">
        <v>91</v>
      </c>
      <c r="O4153" t="s">
        <v>85</v>
      </c>
      <c r="P4153" t="s">
        <v>86</v>
      </c>
      <c r="Q4153">
        <v>23</v>
      </c>
      <c r="R4153">
        <v>23</v>
      </c>
      <c r="S4153">
        <v>23</v>
      </c>
      <c r="T4153">
        <v>23</v>
      </c>
      <c r="U4153">
        <v>23</v>
      </c>
      <c r="V4153">
        <v>23</v>
      </c>
      <c r="W4153">
        <v>23</v>
      </c>
      <c r="X4153">
        <v>24</v>
      </c>
      <c r="Y4153">
        <v>24</v>
      </c>
      <c r="Z4153">
        <v>24</v>
      </c>
      <c r="AA4153">
        <v>24</v>
      </c>
      <c r="AB4153">
        <v>24</v>
      </c>
      <c r="AC4153">
        <v>24</v>
      </c>
      <c r="AD4153">
        <v>24</v>
      </c>
      <c r="AE4153">
        <v>24</v>
      </c>
      <c r="AF4153">
        <v>24</v>
      </c>
      <c r="AG4153">
        <v>24</v>
      </c>
      <c r="AH4153">
        <v>24</v>
      </c>
      <c r="AI4153">
        <v>24</v>
      </c>
      <c r="AJ4153">
        <v>24</v>
      </c>
      <c r="AK4153">
        <v>24</v>
      </c>
      <c r="AL4153">
        <v>24</v>
      </c>
      <c r="AM4153">
        <v>24</v>
      </c>
      <c r="AN4153">
        <v>24</v>
      </c>
      <c r="AO4153">
        <v>24</v>
      </c>
      <c r="AP4153">
        <v>23</v>
      </c>
      <c r="AQ4153">
        <v>23</v>
      </c>
    </row>
    <row r="4154" spans="1:43">
      <c r="A4154" t="s">
        <v>2632</v>
      </c>
      <c r="B4154" t="s">
        <v>2633</v>
      </c>
      <c r="C4154" t="s">
        <v>2620</v>
      </c>
      <c r="D4154" t="s">
        <v>2621</v>
      </c>
      <c r="E4154" t="s">
        <v>2352</v>
      </c>
      <c r="F4154" t="s">
        <v>2353</v>
      </c>
      <c r="G4154" t="s">
        <v>80</v>
      </c>
      <c r="H4154" t="s">
        <v>81</v>
      </c>
      <c r="I4154" s="2">
        <v>0</v>
      </c>
      <c r="J4154" s="2">
        <v>0</v>
      </c>
      <c r="K4154" s="2">
        <v>1</v>
      </c>
      <c r="L4154" t="s">
        <v>995</v>
      </c>
      <c r="M4154" t="s">
        <v>83</v>
      </c>
      <c r="N4154" t="s">
        <v>84</v>
      </c>
      <c r="O4154" t="s">
        <v>85</v>
      </c>
      <c r="P4154" t="s">
        <v>86</v>
      </c>
      <c r="Q4154">
        <v>72</v>
      </c>
      <c r="R4154">
        <v>72</v>
      </c>
      <c r="S4154">
        <v>73</v>
      </c>
      <c r="T4154">
        <v>73</v>
      </c>
      <c r="U4154">
        <v>73</v>
      </c>
      <c r="V4154">
        <v>73</v>
      </c>
      <c r="W4154">
        <v>74</v>
      </c>
      <c r="X4154">
        <v>74</v>
      </c>
      <c r="Y4154">
        <v>74</v>
      </c>
      <c r="Z4154">
        <v>74</v>
      </c>
      <c r="AA4154">
        <v>75</v>
      </c>
      <c r="AB4154">
        <v>75</v>
      </c>
      <c r="AC4154">
        <v>75</v>
      </c>
      <c r="AD4154">
        <v>75</v>
      </c>
      <c r="AE4154">
        <v>75</v>
      </c>
      <c r="AF4154">
        <v>75</v>
      </c>
      <c r="AG4154">
        <v>75</v>
      </c>
      <c r="AH4154">
        <v>76</v>
      </c>
      <c r="AI4154">
        <v>76</v>
      </c>
      <c r="AJ4154">
        <v>76</v>
      </c>
      <c r="AK4154">
        <v>76</v>
      </c>
      <c r="AL4154">
        <v>76</v>
      </c>
      <c r="AM4154">
        <v>75</v>
      </c>
      <c r="AN4154">
        <v>74</v>
      </c>
      <c r="AO4154">
        <v>74</v>
      </c>
      <c r="AP4154">
        <v>73</v>
      </c>
      <c r="AQ4154">
        <v>73</v>
      </c>
    </row>
    <row r="4155" spans="1:43">
      <c r="A4155" t="s">
        <v>2632</v>
      </c>
      <c r="B4155" t="s">
        <v>2633</v>
      </c>
      <c r="C4155" t="s">
        <v>2620</v>
      </c>
      <c r="D4155" t="s">
        <v>2621</v>
      </c>
      <c r="E4155" t="s">
        <v>2352</v>
      </c>
      <c r="F4155" t="s">
        <v>2353</v>
      </c>
      <c r="G4155" t="s">
        <v>80</v>
      </c>
      <c r="H4155" t="s">
        <v>81</v>
      </c>
      <c r="I4155" s="2">
        <v>0</v>
      </c>
      <c r="J4155" s="2">
        <v>0</v>
      </c>
      <c r="K4155" s="2">
        <v>1</v>
      </c>
      <c r="L4155" t="s">
        <v>995</v>
      </c>
      <c r="M4155" t="s">
        <v>87</v>
      </c>
      <c r="N4155" t="s">
        <v>88</v>
      </c>
      <c r="O4155" t="s">
        <v>85</v>
      </c>
      <c r="P4155" t="s">
        <v>86</v>
      </c>
      <c r="Q4155">
        <v>72</v>
      </c>
      <c r="R4155">
        <v>72</v>
      </c>
      <c r="S4155">
        <v>72</v>
      </c>
      <c r="T4155">
        <v>71</v>
      </c>
      <c r="U4155">
        <v>71</v>
      </c>
      <c r="V4155">
        <v>71</v>
      </c>
      <c r="W4155">
        <v>70</v>
      </c>
      <c r="X4155">
        <v>70</v>
      </c>
      <c r="Y4155">
        <v>70</v>
      </c>
      <c r="Z4155">
        <v>69</v>
      </c>
      <c r="AA4155">
        <v>69</v>
      </c>
      <c r="AB4155">
        <v>69</v>
      </c>
      <c r="AC4155">
        <v>68</v>
      </c>
      <c r="AD4155">
        <v>68</v>
      </c>
      <c r="AE4155">
        <v>68</v>
      </c>
      <c r="AF4155">
        <v>67</v>
      </c>
      <c r="AG4155">
        <v>67</v>
      </c>
      <c r="AH4155">
        <v>67</v>
      </c>
      <c r="AI4155">
        <v>66</v>
      </c>
      <c r="AJ4155">
        <v>66</v>
      </c>
      <c r="AK4155">
        <v>66</v>
      </c>
      <c r="AL4155">
        <v>66</v>
      </c>
      <c r="AM4155">
        <v>65</v>
      </c>
      <c r="AN4155">
        <v>65</v>
      </c>
      <c r="AO4155">
        <v>65</v>
      </c>
      <c r="AP4155">
        <v>64</v>
      </c>
      <c r="AQ4155">
        <v>64</v>
      </c>
    </row>
    <row r="4156" spans="1:43">
      <c r="A4156" t="s">
        <v>2632</v>
      </c>
      <c r="B4156" t="s">
        <v>2633</v>
      </c>
      <c r="C4156" t="s">
        <v>2620</v>
      </c>
      <c r="D4156" t="s">
        <v>2621</v>
      </c>
      <c r="E4156" t="s">
        <v>2352</v>
      </c>
      <c r="F4156" t="s">
        <v>2353</v>
      </c>
      <c r="G4156" t="s">
        <v>80</v>
      </c>
      <c r="H4156" t="s">
        <v>81</v>
      </c>
      <c r="I4156" s="2">
        <v>0</v>
      </c>
      <c r="J4156" s="2">
        <v>0</v>
      </c>
      <c r="K4156" s="2">
        <v>1</v>
      </c>
      <c r="L4156" t="s">
        <v>995</v>
      </c>
      <c r="M4156" t="s">
        <v>89</v>
      </c>
      <c r="N4156" t="s">
        <v>90</v>
      </c>
      <c r="O4156" t="s">
        <v>85</v>
      </c>
      <c r="P4156" t="s">
        <v>86</v>
      </c>
      <c r="Q4156">
        <v>72</v>
      </c>
      <c r="R4156">
        <v>73</v>
      </c>
      <c r="S4156">
        <v>74</v>
      </c>
      <c r="T4156">
        <v>74</v>
      </c>
      <c r="U4156">
        <v>75</v>
      </c>
      <c r="V4156">
        <v>76</v>
      </c>
      <c r="W4156">
        <v>77</v>
      </c>
      <c r="X4156">
        <v>77</v>
      </c>
      <c r="Y4156">
        <v>78</v>
      </c>
      <c r="Z4156">
        <v>78</v>
      </c>
      <c r="AA4156">
        <v>78</v>
      </c>
      <c r="AB4156">
        <v>79</v>
      </c>
      <c r="AC4156">
        <v>79</v>
      </c>
      <c r="AD4156">
        <v>80</v>
      </c>
      <c r="AE4156">
        <v>80</v>
      </c>
      <c r="AF4156">
        <v>79</v>
      </c>
      <c r="AG4156">
        <v>78</v>
      </c>
      <c r="AH4156">
        <v>78</v>
      </c>
      <c r="AI4156">
        <v>77</v>
      </c>
      <c r="AJ4156">
        <v>77</v>
      </c>
      <c r="AK4156">
        <v>76</v>
      </c>
      <c r="AL4156">
        <v>76</v>
      </c>
      <c r="AM4156">
        <v>75</v>
      </c>
      <c r="AN4156">
        <v>74</v>
      </c>
      <c r="AO4156">
        <v>74</v>
      </c>
      <c r="AP4156">
        <v>73</v>
      </c>
      <c r="AQ4156">
        <v>73</v>
      </c>
    </row>
    <row r="4157" spans="1:43">
      <c r="A4157" t="s">
        <v>2632</v>
      </c>
      <c r="B4157" t="s">
        <v>2633</v>
      </c>
      <c r="C4157" t="s">
        <v>2620</v>
      </c>
      <c r="D4157" t="s">
        <v>2621</v>
      </c>
      <c r="E4157" t="s">
        <v>2352</v>
      </c>
      <c r="F4157" t="s">
        <v>2353</v>
      </c>
      <c r="G4157" t="s">
        <v>80</v>
      </c>
      <c r="H4157" t="s">
        <v>81</v>
      </c>
      <c r="I4157" s="2">
        <v>0</v>
      </c>
      <c r="J4157" s="2">
        <v>0</v>
      </c>
      <c r="K4157" s="2">
        <v>1</v>
      </c>
      <c r="L4157" t="s">
        <v>995</v>
      </c>
      <c r="M4157" t="s">
        <v>83</v>
      </c>
      <c r="N4157" t="s">
        <v>91</v>
      </c>
      <c r="O4157" t="s">
        <v>85</v>
      </c>
      <c r="P4157" t="s">
        <v>86</v>
      </c>
      <c r="Q4157">
        <v>72</v>
      </c>
      <c r="R4157">
        <v>72</v>
      </c>
      <c r="S4157">
        <v>73</v>
      </c>
      <c r="T4157">
        <v>73</v>
      </c>
      <c r="U4157">
        <v>73</v>
      </c>
      <c r="V4157">
        <v>73</v>
      </c>
      <c r="W4157">
        <v>74</v>
      </c>
      <c r="X4157">
        <v>74</v>
      </c>
      <c r="Y4157">
        <v>74</v>
      </c>
      <c r="Z4157">
        <v>74</v>
      </c>
      <c r="AA4157">
        <v>75</v>
      </c>
      <c r="AB4157">
        <v>75</v>
      </c>
      <c r="AC4157">
        <v>75</v>
      </c>
      <c r="AD4157">
        <v>75</v>
      </c>
      <c r="AE4157">
        <v>75</v>
      </c>
      <c r="AF4157">
        <v>75</v>
      </c>
      <c r="AG4157">
        <v>75</v>
      </c>
      <c r="AH4157">
        <v>76</v>
      </c>
      <c r="AI4157">
        <v>76</v>
      </c>
      <c r="AJ4157">
        <v>76</v>
      </c>
      <c r="AK4157">
        <v>76</v>
      </c>
      <c r="AL4157">
        <v>76</v>
      </c>
      <c r="AM4157">
        <v>75</v>
      </c>
      <c r="AN4157">
        <v>74</v>
      </c>
      <c r="AO4157">
        <v>74</v>
      </c>
      <c r="AP4157">
        <v>73</v>
      </c>
      <c r="AQ4157">
        <v>73</v>
      </c>
    </row>
    <row r="4158" spans="1:43">
      <c r="A4158" t="s">
        <v>2634</v>
      </c>
      <c r="B4158" t="s">
        <v>2635</v>
      </c>
      <c r="C4158" t="s">
        <v>2628</v>
      </c>
      <c r="D4158" t="s">
        <v>2629</v>
      </c>
      <c r="E4158" t="s">
        <v>2352</v>
      </c>
      <c r="F4158" t="s">
        <v>2353</v>
      </c>
      <c r="G4158" t="s">
        <v>80</v>
      </c>
      <c r="H4158" t="s">
        <v>81</v>
      </c>
      <c r="I4158" s="2">
        <v>0</v>
      </c>
      <c r="J4158" s="2">
        <v>0</v>
      </c>
      <c r="K4158" s="2">
        <v>1</v>
      </c>
      <c r="L4158" t="s">
        <v>995</v>
      </c>
      <c r="M4158" t="s">
        <v>83</v>
      </c>
      <c r="N4158" t="s">
        <v>84</v>
      </c>
      <c r="O4158" t="s">
        <v>85</v>
      </c>
      <c r="P4158" t="s">
        <v>86</v>
      </c>
      <c r="Q4158">
        <v>4</v>
      </c>
      <c r="R4158">
        <v>4</v>
      </c>
      <c r="S4158">
        <v>4</v>
      </c>
      <c r="T4158">
        <v>4</v>
      </c>
      <c r="U4158">
        <v>4</v>
      </c>
      <c r="V4158">
        <v>4</v>
      </c>
      <c r="W4158">
        <v>4</v>
      </c>
      <c r="X4158">
        <v>4</v>
      </c>
      <c r="Y4158">
        <v>4</v>
      </c>
      <c r="Z4158">
        <v>4</v>
      </c>
      <c r="AA4158">
        <v>4</v>
      </c>
      <c r="AB4158">
        <v>4</v>
      </c>
      <c r="AC4158">
        <v>4</v>
      </c>
      <c r="AD4158">
        <v>4</v>
      </c>
      <c r="AE4158">
        <v>4</v>
      </c>
      <c r="AF4158">
        <v>4</v>
      </c>
      <c r="AG4158">
        <v>4</v>
      </c>
      <c r="AH4158">
        <v>4</v>
      </c>
      <c r="AI4158">
        <v>4</v>
      </c>
      <c r="AJ4158">
        <v>4</v>
      </c>
      <c r="AK4158">
        <v>4</v>
      </c>
      <c r="AL4158">
        <v>4</v>
      </c>
      <c r="AM4158">
        <v>4</v>
      </c>
      <c r="AN4158">
        <v>4</v>
      </c>
      <c r="AO4158">
        <v>4</v>
      </c>
      <c r="AP4158">
        <v>4</v>
      </c>
      <c r="AQ4158">
        <v>4</v>
      </c>
    </row>
    <row r="4159" spans="1:43">
      <c r="A4159" t="s">
        <v>2634</v>
      </c>
      <c r="B4159" t="s">
        <v>2635</v>
      </c>
      <c r="C4159" t="s">
        <v>2628</v>
      </c>
      <c r="D4159" t="s">
        <v>2629</v>
      </c>
      <c r="E4159" t="s">
        <v>2352</v>
      </c>
      <c r="F4159" t="s">
        <v>2353</v>
      </c>
      <c r="G4159" t="s">
        <v>80</v>
      </c>
      <c r="H4159" t="s">
        <v>81</v>
      </c>
      <c r="I4159" s="2">
        <v>0</v>
      </c>
      <c r="J4159" s="2">
        <v>0</v>
      </c>
      <c r="K4159" s="2">
        <v>1</v>
      </c>
      <c r="L4159" t="s">
        <v>995</v>
      </c>
      <c r="M4159" t="s">
        <v>87</v>
      </c>
      <c r="N4159" t="s">
        <v>88</v>
      </c>
      <c r="O4159" t="s">
        <v>85</v>
      </c>
      <c r="P4159" t="s">
        <v>86</v>
      </c>
      <c r="Q4159">
        <v>4</v>
      </c>
      <c r="R4159">
        <v>4</v>
      </c>
      <c r="S4159">
        <v>4</v>
      </c>
      <c r="T4159">
        <v>4</v>
      </c>
      <c r="U4159">
        <v>4</v>
      </c>
      <c r="V4159">
        <v>4</v>
      </c>
      <c r="W4159">
        <v>4</v>
      </c>
      <c r="X4159">
        <v>4</v>
      </c>
      <c r="Y4159">
        <v>4</v>
      </c>
      <c r="Z4159">
        <v>4</v>
      </c>
      <c r="AA4159">
        <v>4</v>
      </c>
      <c r="AB4159">
        <v>4</v>
      </c>
      <c r="AC4159">
        <v>4</v>
      </c>
      <c r="AD4159">
        <v>4</v>
      </c>
      <c r="AE4159">
        <v>4</v>
      </c>
      <c r="AF4159">
        <v>4</v>
      </c>
      <c r="AG4159">
        <v>4</v>
      </c>
      <c r="AH4159">
        <v>4</v>
      </c>
      <c r="AI4159">
        <v>4</v>
      </c>
      <c r="AJ4159">
        <v>4</v>
      </c>
      <c r="AK4159">
        <v>4</v>
      </c>
      <c r="AL4159">
        <v>4</v>
      </c>
      <c r="AM4159">
        <v>4</v>
      </c>
      <c r="AN4159">
        <v>4</v>
      </c>
      <c r="AO4159">
        <v>4</v>
      </c>
      <c r="AP4159">
        <v>4</v>
      </c>
      <c r="AQ4159">
        <v>4</v>
      </c>
    </row>
    <row r="4160" spans="1:43">
      <c r="A4160" t="s">
        <v>2634</v>
      </c>
      <c r="B4160" t="s">
        <v>2635</v>
      </c>
      <c r="C4160" t="s">
        <v>2628</v>
      </c>
      <c r="D4160" t="s">
        <v>2629</v>
      </c>
      <c r="E4160" t="s">
        <v>2352</v>
      </c>
      <c r="F4160" t="s">
        <v>2353</v>
      </c>
      <c r="G4160" t="s">
        <v>80</v>
      </c>
      <c r="H4160" t="s">
        <v>81</v>
      </c>
      <c r="I4160" s="2">
        <v>0</v>
      </c>
      <c r="J4160" s="2">
        <v>0</v>
      </c>
      <c r="K4160" s="2">
        <v>1</v>
      </c>
      <c r="L4160" t="s">
        <v>995</v>
      </c>
      <c r="M4160" t="s">
        <v>89</v>
      </c>
      <c r="N4160" t="s">
        <v>90</v>
      </c>
      <c r="O4160" t="s">
        <v>85</v>
      </c>
      <c r="P4160" t="s">
        <v>86</v>
      </c>
      <c r="Q4160">
        <v>4</v>
      </c>
      <c r="R4160">
        <v>4</v>
      </c>
      <c r="S4160">
        <v>4</v>
      </c>
      <c r="T4160">
        <v>4</v>
      </c>
      <c r="U4160">
        <v>4</v>
      </c>
      <c r="V4160">
        <v>4</v>
      </c>
      <c r="W4160">
        <v>5</v>
      </c>
      <c r="X4160">
        <v>5</v>
      </c>
      <c r="Y4160">
        <v>5</v>
      </c>
      <c r="Z4160">
        <v>5</v>
      </c>
      <c r="AA4160">
        <v>5</v>
      </c>
      <c r="AB4160">
        <v>5</v>
      </c>
      <c r="AC4160">
        <v>5</v>
      </c>
      <c r="AD4160">
        <v>5</v>
      </c>
      <c r="AE4160">
        <v>5</v>
      </c>
      <c r="AF4160">
        <v>5</v>
      </c>
      <c r="AG4160">
        <v>5</v>
      </c>
      <c r="AH4160">
        <v>5</v>
      </c>
      <c r="AI4160">
        <v>5</v>
      </c>
      <c r="AJ4160">
        <v>5</v>
      </c>
      <c r="AK4160">
        <v>5</v>
      </c>
      <c r="AL4160">
        <v>4</v>
      </c>
      <c r="AM4160">
        <v>4</v>
      </c>
      <c r="AN4160">
        <v>4</v>
      </c>
      <c r="AO4160">
        <v>4</v>
      </c>
      <c r="AP4160">
        <v>4</v>
      </c>
      <c r="AQ4160">
        <v>4</v>
      </c>
    </row>
    <row r="4161" spans="1:43">
      <c r="A4161" t="s">
        <v>2634</v>
      </c>
      <c r="B4161" t="s">
        <v>2635</v>
      </c>
      <c r="C4161" t="s">
        <v>2628</v>
      </c>
      <c r="D4161" t="s">
        <v>2629</v>
      </c>
      <c r="E4161" t="s">
        <v>2352</v>
      </c>
      <c r="F4161" t="s">
        <v>2353</v>
      </c>
      <c r="G4161" t="s">
        <v>80</v>
      </c>
      <c r="H4161" t="s">
        <v>81</v>
      </c>
      <c r="I4161" s="2">
        <v>0</v>
      </c>
      <c r="J4161" s="2">
        <v>0</v>
      </c>
      <c r="K4161" s="2">
        <v>1</v>
      </c>
      <c r="L4161" t="s">
        <v>995</v>
      </c>
      <c r="M4161" t="s">
        <v>83</v>
      </c>
      <c r="N4161" t="s">
        <v>91</v>
      </c>
      <c r="O4161" t="s">
        <v>85</v>
      </c>
      <c r="P4161" t="s">
        <v>86</v>
      </c>
      <c r="Q4161">
        <v>4</v>
      </c>
      <c r="R4161">
        <v>4</v>
      </c>
      <c r="S4161">
        <v>4</v>
      </c>
      <c r="T4161">
        <v>4</v>
      </c>
      <c r="U4161">
        <v>4</v>
      </c>
      <c r="V4161">
        <v>4</v>
      </c>
      <c r="W4161">
        <v>4</v>
      </c>
      <c r="X4161">
        <v>4</v>
      </c>
      <c r="Y4161">
        <v>4</v>
      </c>
      <c r="Z4161">
        <v>4</v>
      </c>
      <c r="AA4161">
        <v>4</v>
      </c>
      <c r="AB4161">
        <v>4</v>
      </c>
      <c r="AC4161">
        <v>4</v>
      </c>
      <c r="AD4161">
        <v>4</v>
      </c>
      <c r="AE4161">
        <v>4</v>
      </c>
      <c r="AF4161">
        <v>4</v>
      </c>
      <c r="AG4161">
        <v>4</v>
      </c>
      <c r="AH4161">
        <v>4</v>
      </c>
      <c r="AI4161">
        <v>4</v>
      </c>
      <c r="AJ4161">
        <v>4</v>
      </c>
      <c r="AK4161">
        <v>4</v>
      </c>
      <c r="AL4161">
        <v>4</v>
      </c>
      <c r="AM4161">
        <v>4</v>
      </c>
      <c r="AN4161">
        <v>4</v>
      </c>
      <c r="AO4161">
        <v>4</v>
      </c>
      <c r="AP4161">
        <v>4</v>
      </c>
      <c r="AQ4161">
        <v>4</v>
      </c>
    </row>
    <row r="4162" spans="1:43">
      <c r="A4162" t="s">
        <v>2636</v>
      </c>
      <c r="B4162" t="s">
        <v>2637</v>
      </c>
      <c r="C4162" t="s">
        <v>2628</v>
      </c>
      <c r="D4162" t="s">
        <v>2629</v>
      </c>
      <c r="E4162" t="s">
        <v>2352</v>
      </c>
      <c r="F4162" t="s">
        <v>2353</v>
      </c>
      <c r="G4162" t="s">
        <v>80</v>
      </c>
      <c r="H4162" t="s">
        <v>81</v>
      </c>
      <c r="I4162" s="2">
        <v>0</v>
      </c>
      <c r="J4162" s="2">
        <v>0</v>
      </c>
      <c r="K4162" s="2">
        <v>1</v>
      </c>
      <c r="L4162" t="s">
        <v>995</v>
      </c>
      <c r="M4162" t="s">
        <v>83</v>
      </c>
      <c r="N4162" t="s">
        <v>84</v>
      </c>
      <c r="O4162" t="s">
        <v>85</v>
      </c>
      <c r="P4162" t="s">
        <v>86</v>
      </c>
      <c r="Q4162">
        <v>22</v>
      </c>
      <c r="R4162">
        <v>22</v>
      </c>
      <c r="S4162">
        <v>22</v>
      </c>
      <c r="T4162">
        <v>22</v>
      </c>
      <c r="U4162">
        <v>22</v>
      </c>
      <c r="V4162">
        <v>22</v>
      </c>
      <c r="W4162">
        <v>22</v>
      </c>
      <c r="X4162">
        <v>22</v>
      </c>
      <c r="Y4162">
        <v>22</v>
      </c>
      <c r="Z4162">
        <v>22</v>
      </c>
      <c r="AA4162">
        <v>22</v>
      </c>
      <c r="AB4162">
        <v>23</v>
      </c>
      <c r="AC4162">
        <v>23</v>
      </c>
      <c r="AD4162">
        <v>23</v>
      </c>
      <c r="AE4162">
        <v>23</v>
      </c>
      <c r="AF4162">
        <v>23</v>
      </c>
      <c r="AG4162">
        <v>23</v>
      </c>
      <c r="AH4162">
        <v>23</v>
      </c>
      <c r="AI4162">
        <v>23</v>
      </c>
      <c r="AJ4162">
        <v>23</v>
      </c>
      <c r="AK4162">
        <v>23</v>
      </c>
      <c r="AL4162">
        <v>23</v>
      </c>
      <c r="AM4162">
        <v>23</v>
      </c>
      <c r="AN4162">
        <v>22</v>
      </c>
      <c r="AO4162">
        <v>22</v>
      </c>
      <c r="AP4162">
        <v>22</v>
      </c>
      <c r="AQ4162">
        <v>22</v>
      </c>
    </row>
    <row r="4163" spans="1:43">
      <c r="A4163" t="s">
        <v>2636</v>
      </c>
      <c r="B4163" t="s">
        <v>2637</v>
      </c>
      <c r="C4163" t="s">
        <v>2628</v>
      </c>
      <c r="D4163" t="s">
        <v>2629</v>
      </c>
      <c r="E4163" t="s">
        <v>2352</v>
      </c>
      <c r="F4163" t="s">
        <v>2353</v>
      </c>
      <c r="G4163" t="s">
        <v>80</v>
      </c>
      <c r="H4163" t="s">
        <v>81</v>
      </c>
      <c r="I4163" s="2">
        <v>0</v>
      </c>
      <c r="J4163" s="2">
        <v>0</v>
      </c>
      <c r="K4163" s="2">
        <v>1</v>
      </c>
      <c r="L4163" t="s">
        <v>995</v>
      </c>
      <c r="M4163" t="s">
        <v>87</v>
      </c>
      <c r="N4163" t="s">
        <v>88</v>
      </c>
      <c r="O4163" t="s">
        <v>85</v>
      </c>
      <c r="P4163" t="s">
        <v>86</v>
      </c>
      <c r="Q4163">
        <v>22</v>
      </c>
      <c r="R4163">
        <v>22</v>
      </c>
      <c r="S4163">
        <v>22</v>
      </c>
      <c r="T4163">
        <v>22</v>
      </c>
      <c r="U4163">
        <v>22</v>
      </c>
      <c r="V4163">
        <v>22</v>
      </c>
      <c r="W4163">
        <v>22</v>
      </c>
      <c r="X4163">
        <v>22</v>
      </c>
      <c r="Y4163">
        <v>22</v>
      </c>
      <c r="Z4163">
        <v>22</v>
      </c>
      <c r="AA4163">
        <v>21</v>
      </c>
      <c r="AB4163">
        <v>21</v>
      </c>
      <c r="AC4163">
        <v>21</v>
      </c>
      <c r="AD4163">
        <v>21</v>
      </c>
      <c r="AE4163">
        <v>21</v>
      </c>
      <c r="AF4163">
        <v>21</v>
      </c>
      <c r="AG4163">
        <v>21</v>
      </c>
      <c r="AH4163">
        <v>21</v>
      </c>
      <c r="AI4163">
        <v>21</v>
      </c>
      <c r="AJ4163">
        <v>21</v>
      </c>
      <c r="AK4163">
        <v>21</v>
      </c>
      <c r="AL4163">
        <v>20</v>
      </c>
      <c r="AM4163">
        <v>20</v>
      </c>
      <c r="AN4163">
        <v>20</v>
      </c>
      <c r="AO4163">
        <v>20</v>
      </c>
      <c r="AP4163">
        <v>20</v>
      </c>
      <c r="AQ4163">
        <v>20</v>
      </c>
    </row>
    <row r="4164" spans="1:43">
      <c r="A4164" t="s">
        <v>2636</v>
      </c>
      <c r="B4164" t="s">
        <v>2637</v>
      </c>
      <c r="C4164" t="s">
        <v>2628</v>
      </c>
      <c r="D4164" t="s">
        <v>2629</v>
      </c>
      <c r="E4164" t="s">
        <v>2352</v>
      </c>
      <c r="F4164" t="s">
        <v>2353</v>
      </c>
      <c r="G4164" t="s">
        <v>80</v>
      </c>
      <c r="H4164" t="s">
        <v>81</v>
      </c>
      <c r="I4164" s="2">
        <v>0</v>
      </c>
      <c r="J4164" s="2">
        <v>0</v>
      </c>
      <c r="K4164" s="2">
        <v>1</v>
      </c>
      <c r="L4164" t="s">
        <v>995</v>
      </c>
      <c r="M4164" t="s">
        <v>89</v>
      </c>
      <c r="N4164" t="s">
        <v>90</v>
      </c>
      <c r="O4164" t="s">
        <v>85</v>
      </c>
      <c r="P4164" t="s">
        <v>86</v>
      </c>
      <c r="Q4164">
        <v>22</v>
      </c>
      <c r="R4164">
        <v>22</v>
      </c>
      <c r="S4164">
        <v>22</v>
      </c>
      <c r="T4164">
        <v>23</v>
      </c>
      <c r="U4164">
        <v>23</v>
      </c>
      <c r="V4164">
        <v>23</v>
      </c>
      <c r="W4164">
        <v>23</v>
      </c>
      <c r="X4164">
        <v>24</v>
      </c>
      <c r="Y4164">
        <v>24</v>
      </c>
      <c r="Z4164">
        <v>24</v>
      </c>
      <c r="AA4164">
        <v>24</v>
      </c>
      <c r="AB4164">
        <v>24</v>
      </c>
      <c r="AC4164">
        <v>24</v>
      </c>
      <c r="AD4164">
        <v>24</v>
      </c>
      <c r="AE4164">
        <v>24</v>
      </c>
      <c r="AF4164">
        <v>24</v>
      </c>
      <c r="AG4164">
        <v>24</v>
      </c>
      <c r="AH4164">
        <v>24</v>
      </c>
      <c r="AI4164">
        <v>24</v>
      </c>
      <c r="AJ4164">
        <v>23</v>
      </c>
      <c r="AK4164">
        <v>23</v>
      </c>
      <c r="AL4164">
        <v>23</v>
      </c>
      <c r="AM4164">
        <v>23</v>
      </c>
      <c r="AN4164">
        <v>23</v>
      </c>
      <c r="AO4164">
        <v>23</v>
      </c>
      <c r="AP4164">
        <v>22</v>
      </c>
      <c r="AQ4164">
        <v>22</v>
      </c>
    </row>
    <row r="4165" spans="1:43">
      <c r="A4165" t="s">
        <v>2636</v>
      </c>
      <c r="B4165" t="s">
        <v>2637</v>
      </c>
      <c r="C4165" t="s">
        <v>2628</v>
      </c>
      <c r="D4165" t="s">
        <v>2629</v>
      </c>
      <c r="E4165" t="s">
        <v>2352</v>
      </c>
      <c r="F4165" t="s">
        <v>2353</v>
      </c>
      <c r="G4165" t="s">
        <v>80</v>
      </c>
      <c r="H4165" t="s">
        <v>81</v>
      </c>
      <c r="I4165" s="2">
        <v>0</v>
      </c>
      <c r="J4165" s="2">
        <v>0</v>
      </c>
      <c r="K4165" s="2">
        <v>1</v>
      </c>
      <c r="L4165" t="s">
        <v>995</v>
      </c>
      <c r="M4165" t="s">
        <v>83</v>
      </c>
      <c r="N4165" t="s">
        <v>91</v>
      </c>
      <c r="O4165" t="s">
        <v>85</v>
      </c>
      <c r="P4165" t="s">
        <v>86</v>
      </c>
      <c r="Q4165">
        <v>22</v>
      </c>
      <c r="R4165">
        <v>22</v>
      </c>
      <c r="S4165">
        <v>22</v>
      </c>
      <c r="T4165">
        <v>22</v>
      </c>
      <c r="U4165">
        <v>22</v>
      </c>
      <c r="V4165">
        <v>22</v>
      </c>
      <c r="W4165">
        <v>22</v>
      </c>
      <c r="X4165">
        <v>22</v>
      </c>
      <c r="Y4165">
        <v>22</v>
      </c>
      <c r="Z4165">
        <v>22</v>
      </c>
      <c r="AA4165">
        <v>22</v>
      </c>
      <c r="AB4165">
        <v>23</v>
      </c>
      <c r="AC4165">
        <v>23</v>
      </c>
      <c r="AD4165">
        <v>23</v>
      </c>
      <c r="AE4165">
        <v>23</v>
      </c>
      <c r="AF4165">
        <v>23</v>
      </c>
      <c r="AG4165">
        <v>23</v>
      </c>
      <c r="AH4165">
        <v>23</v>
      </c>
      <c r="AI4165">
        <v>23</v>
      </c>
      <c r="AJ4165">
        <v>23</v>
      </c>
      <c r="AK4165">
        <v>23</v>
      </c>
      <c r="AL4165">
        <v>23</v>
      </c>
      <c r="AM4165">
        <v>23</v>
      </c>
      <c r="AN4165">
        <v>22</v>
      </c>
      <c r="AO4165">
        <v>22</v>
      </c>
      <c r="AP4165">
        <v>22</v>
      </c>
      <c r="AQ4165">
        <v>22</v>
      </c>
    </row>
    <row r="4166" spans="1:43">
      <c r="A4166" t="s">
        <v>2638</v>
      </c>
      <c r="B4166" t="s">
        <v>2639</v>
      </c>
      <c r="C4166" t="s">
        <v>2628</v>
      </c>
      <c r="D4166" t="s">
        <v>2629</v>
      </c>
      <c r="E4166" t="s">
        <v>2352</v>
      </c>
      <c r="F4166" t="s">
        <v>2353</v>
      </c>
      <c r="G4166" t="s">
        <v>80</v>
      </c>
      <c r="H4166" t="s">
        <v>81</v>
      </c>
      <c r="I4166" s="2">
        <v>0</v>
      </c>
      <c r="J4166" s="2">
        <v>0</v>
      </c>
      <c r="K4166" s="2">
        <v>1</v>
      </c>
      <c r="L4166" t="s">
        <v>995</v>
      </c>
      <c r="M4166" t="s">
        <v>83</v>
      </c>
      <c r="N4166" t="s">
        <v>84</v>
      </c>
      <c r="O4166" t="s">
        <v>85</v>
      </c>
      <c r="P4166" t="s">
        <v>86</v>
      </c>
      <c r="Q4166">
        <v>36</v>
      </c>
      <c r="R4166">
        <v>36</v>
      </c>
      <c r="S4166">
        <v>36</v>
      </c>
      <c r="T4166">
        <v>36</v>
      </c>
      <c r="U4166">
        <v>36</v>
      </c>
      <c r="V4166">
        <v>37</v>
      </c>
      <c r="W4166">
        <v>37</v>
      </c>
      <c r="X4166">
        <v>37</v>
      </c>
      <c r="Y4166">
        <v>37</v>
      </c>
      <c r="Z4166">
        <v>37</v>
      </c>
      <c r="AA4166">
        <v>37</v>
      </c>
      <c r="AB4166">
        <v>37</v>
      </c>
      <c r="AC4166">
        <v>37</v>
      </c>
      <c r="AD4166">
        <v>37</v>
      </c>
      <c r="AE4166">
        <v>37</v>
      </c>
      <c r="AF4166">
        <v>38</v>
      </c>
      <c r="AG4166">
        <v>38</v>
      </c>
      <c r="AH4166">
        <v>38</v>
      </c>
      <c r="AI4166">
        <v>38</v>
      </c>
      <c r="AJ4166">
        <v>38</v>
      </c>
      <c r="AK4166">
        <v>38</v>
      </c>
      <c r="AL4166">
        <v>38</v>
      </c>
      <c r="AM4166">
        <v>37</v>
      </c>
      <c r="AN4166">
        <v>37</v>
      </c>
      <c r="AO4166">
        <v>37</v>
      </c>
      <c r="AP4166">
        <v>37</v>
      </c>
      <c r="AQ4166">
        <v>36</v>
      </c>
    </row>
    <row r="4167" spans="1:43">
      <c r="A4167" t="s">
        <v>2638</v>
      </c>
      <c r="B4167" t="s">
        <v>2639</v>
      </c>
      <c r="C4167" t="s">
        <v>2628</v>
      </c>
      <c r="D4167" t="s">
        <v>2629</v>
      </c>
      <c r="E4167" t="s">
        <v>2352</v>
      </c>
      <c r="F4167" t="s">
        <v>2353</v>
      </c>
      <c r="G4167" t="s">
        <v>80</v>
      </c>
      <c r="H4167" t="s">
        <v>81</v>
      </c>
      <c r="I4167" s="2">
        <v>0</v>
      </c>
      <c r="J4167" s="2">
        <v>0</v>
      </c>
      <c r="K4167" s="2">
        <v>1</v>
      </c>
      <c r="L4167" t="s">
        <v>995</v>
      </c>
      <c r="M4167" t="s">
        <v>87</v>
      </c>
      <c r="N4167" t="s">
        <v>88</v>
      </c>
      <c r="O4167" t="s">
        <v>85</v>
      </c>
      <c r="P4167" t="s">
        <v>86</v>
      </c>
      <c r="Q4167">
        <v>36</v>
      </c>
      <c r="R4167">
        <v>36</v>
      </c>
      <c r="S4167">
        <v>36</v>
      </c>
      <c r="T4167">
        <v>36</v>
      </c>
      <c r="U4167">
        <v>36</v>
      </c>
      <c r="V4167">
        <v>36</v>
      </c>
      <c r="W4167">
        <v>35</v>
      </c>
      <c r="X4167">
        <v>35</v>
      </c>
      <c r="Y4167">
        <v>35</v>
      </c>
      <c r="Z4167">
        <v>35</v>
      </c>
      <c r="AA4167">
        <v>35</v>
      </c>
      <c r="AB4167">
        <v>35</v>
      </c>
      <c r="AC4167">
        <v>34</v>
      </c>
      <c r="AD4167">
        <v>34</v>
      </c>
      <c r="AE4167">
        <v>34</v>
      </c>
      <c r="AF4167">
        <v>34</v>
      </c>
      <c r="AG4167">
        <v>34</v>
      </c>
      <c r="AH4167">
        <v>34</v>
      </c>
      <c r="AI4167">
        <v>34</v>
      </c>
      <c r="AJ4167">
        <v>33</v>
      </c>
      <c r="AK4167">
        <v>33</v>
      </c>
      <c r="AL4167">
        <v>33</v>
      </c>
      <c r="AM4167">
        <v>33</v>
      </c>
      <c r="AN4167">
        <v>33</v>
      </c>
      <c r="AO4167">
        <v>33</v>
      </c>
      <c r="AP4167">
        <v>33</v>
      </c>
      <c r="AQ4167">
        <v>33</v>
      </c>
    </row>
    <row r="4168" spans="1:43">
      <c r="A4168" t="s">
        <v>2638</v>
      </c>
      <c r="B4168" t="s">
        <v>2639</v>
      </c>
      <c r="C4168" t="s">
        <v>2628</v>
      </c>
      <c r="D4168" t="s">
        <v>2629</v>
      </c>
      <c r="E4168" t="s">
        <v>2352</v>
      </c>
      <c r="F4168" t="s">
        <v>2353</v>
      </c>
      <c r="G4168" t="s">
        <v>80</v>
      </c>
      <c r="H4168" t="s">
        <v>81</v>
      </c>
      <c r="I4168" s="2">
        <v>0</v>
      </c>
      <c r="J4168" s="2">
        <v>0</v>
      </c>
      <c r="K4168" s="2">
        <v>1</v>
      </c>
      <c r="L4168" t="s">
        <v>995</v>
      </c>
      <c r="M4168" t="s">
        <v>89</v>
      </c>
      <c r="N4168" t="s">
        <v>90</v>
      </c>
      <c r="O4168" t="s">
        <v>85</v>
      </c>
      <c r="P4168" t="s">
        <v>86</v>
      </c>
      <c r="Q4168">
        <v>36</v>
      </c>
      <c r="R4168">
        <v>37</v>
      </c>
      <c r="S4168">
        <v>37</v>
      </c>
      <c r="T4168">
        <v>37</v>
      </c>
      <c r="U4168">
        <v>38</v>
      </c>
      <c r="V4168">
        <v>38</v>
      </c>
      <c r="W4168">
        <v>39</v>
      </c>
      <c r="X4168">
        <v>39</v>
      </c>
      <c r="Y4168">
        <v>39</v>
      </c>
      <c r="Z4168">
        <v>39</v>
      </c>
      <c r="AA4168">
        <v>40</v>
      </c>
      <c r="AB4168">
        <v>40</v>
      </c>
      <c r="AC4168">
        <v>40</v>
      </c>
      <c r="AD4168">
        <v>40</v>
      </c>
      <c r="AE4168">
        <v>40</v>
      </c>
      <c r="AF4168">
        <v>40</v>
      </c>
      <c r="AG4168">
        <v>40</v>
      </c>
      <c r="AH4168">
        <v>39</v>
      </c>
      <c r="AI4168">
        <v>39</v>
      </c>
      <c r="AJ4168">
        <v>39</v>
      </c>
      <c r="AK4168">
        <v>38</v>
      </c>
      <c r="AL4168">
        <v>38</v>
      </c>
      <c r="AM4168">
        <v>38</v>
      </c>
      <c r="AN4168">
        <v>38</v>
      </c>
      <c r="AO4168">
        <v>37</v>
      </c>
      <c r="AP4168">
        <v>37</v>
      </c>
      <c r="AQ4168">
        <v>37</v>
      </c>
    </row>
    <row r="4169" spans="1:43">
      <c r="A4169" t="s">
        <v>2638</v>
      </c>
      <c r="B4169" t="s">
        <v>2639</v>
      </c>
      <c r="C4169" t="s">
        <v>2628</v>
      </c>
      <c r="D4169" t="s">
        <v>2629</v>
      </c>
      <c r="E4169" t="s">
        <v>2352</v>
      </c>
      <c r="F4169" t="s">
        <v>2353</v>
      </c>
      <c r="G4169" t="s">
        <v>80</v>
      </c>
      <c r="H4169" t="s">
        <v>81</v>
      </c>
      <c r="I4169" s="2">
        <v>0</v>
      </c>
      <c r="J4169" s="2">
        <v>0</v>
      </c>
      <c r="K4169" s="2">
        <v>1</v>
      </c>
      <c r="L4169" t="s">
        <v>995</v>
      </c>
      <c r="M4169" t="s">
        <v>83</v>
      </c>
      <c r="N4169" t="s">
        <v>91</v>
      </c>
      <c r="O4169" t="s">
        <v>85</v>
      </c>
      <c r="P4169" t="s">
        <v>86</v>
      </c>
      <c r="Q4169">
        <v>36</v>
      </c>
      <c r="R4169">
        <v>36</v>
      </c>
      <c r="S4169">
        <v>36</v>
      </c>
      <c r="T4169">
        <v>36</v>
      </c>
      <c r="U4169">
        <v>36</v>
      </c>
      <c r="V4169">
        <v>37</v>
      </c>
      <c r="W4169">
        <v>37</v>
      </c>
      <c r="X4169">
        <v>37</v>
      </c>
      <c r="Y4169">
        <v>37</v>
      </c>
      <c r="Z4169">
        <v>37</v>
      </c>
      <c r="AA4169">
        <v>37</v>
      </c>
      <c r="AB4169">
        <v>37</v>
      </c>
      <c r="AC4169">
        <v>37</v>
      </c>
      <c r="AD4169">
        <v>37</v>
      </c>
      <c r="AE4169">
        <v>37</v>
      </c>
      <c r="AF4169">
        <v>38</v>
      </c>
      <c r="AG4169">
        <v>38</v>
      </c>
      <c r="AH4169">
        <v>38</v>
      </c>
      <c r="AI4169">
        <v>38</v>
      </c>
      <c r="AJ4169">
        <v>38</v>
      </c>
      <c r="AK4169">
        <v>38</v>
      </c>
      <c r="AL4169">
        <v>38</v>
      </c>
      <c r="AM4169">
        <v>37</v>
      </c>
      <c r="AN4169">
        <v>37</v>
      </c>
      <c r="AO4169">
        <v>37</v>
      </c>
      <c r="AP4169">
        <v>37</v>
      </c>
      <c r="AQ4169">
        <v>36</v>
      </c>
    </row>
    <row r="4170" spans="1:43">
      <c r="A4170" t="s">
        <v>2640</v>
      </c>
      <c r="B4170" t="s">
        <v>2641</v>
      </c>
      <c r="C4170" t="s">
        <v>2628</v>
      </c>
      <c r="D4170" t="s">
        <v>2629</v>
      </c>
      <c r="E4170" t="s">
        <v>2352</v>
      </c>
      <c r="F4170" t="s">
        <v>2353</v>
      </c>
      <c r="G4170" t="s">
        <v>80</v>
      </c>
      <c r="H4170" t="s">
        <v>81</v>
      </c>
      <c r="I4170" s="2">
        <v>0</v>
      </c>
      <c r="J4170" s="2">
        <v>0</v>
      </c>
      <c r="K4170" s="2">
        <v>1</v>
      </c>
      <c r="L4170" t="s">
        <v>995</v>
      </c>
      <c r="M4170" t="s">
        <v>83</v>
      </c>
      <c r="N4170" t="s">
        <v>84</v>
      </c>
      <c r="O4170" t="s">
        <v>85</v>
      </c>
      <c r="P4170" t="s">
        <v>86</v>
      </c>
      <c r="Q4170">
        <v>29</v>
      </c>
      <c r="R4170">
        <v>29</v>
      </c>
      <c r="S4170">
        <v>29</v>
      </c>
      <c r="T4170">
        <v>29</v>
      </c>
      <c r="U4170">
        <v>30</v>
      </c>
      <c r="V4170">
        <v>30</v>
      </c>
      <c r="W4170">
        <v>30</v>
      </c>
      <c r="X4170">
        <v>30</v>
      </c>
      <c r="Y4170">
        <v>30</v>
      </c>
      <c r="Z4170">
        <v>30</v>
      </c>
      <c r="AA4170">
        <v>30</v>
      </c>
      <c r="AB4170">
        <v>30</v>
      </c>
      <c r="AC4170">
        <v>30</v>
      </c>
      <c r="AD4170">
        <v>30</v>
      </c>
      <c r="AE4170">
        <v>30</v>
      </c>
      <c r="AF4170">
        <v>30</v>
      </c>
      <c r="AG4170">
        <v>30</v>
      </c>
      <c r="AH4170">
        <v>31</v>
      </c>
      <c r="AI4170">
        <v>31</v>
      </c>
      <c r="AJ4170">
        <v>31</v>
      </c>
      <c r="AK4170">
        <v>31</v>
      </c>
      <c r="AL4170">
        <v>31</v>
      </c>
      <c r="AM4170">
        <v>30</v>
      </c>
      <c r="AN4170">
        <v>30</v>
      </c>
      <c r="AO4170">
        <v>30</v>
      </c>
      <c r="AP4170">
        <v>30</v>
      </c>
      <c r="AQ4170">
        <v>30</v>
      </c>
    </row>
    <row r="4171" spans="1:43">
      <c r="A4171" t="s">
        <v>2640</v>
      </c>
      <c r="B4171" t="s">
        <v>2641</v>
      </c>
      <c r="C4171" t="s">
        <v>2628</v>
      </c>
      <c r="D4171" t="s">
        <v>2629</v>
      </c>
      <c r="E4171" t="s">
        <v>2352</v>
      </c>
      <c r="F4171" t="s">
        <v>2353</v>
      </c>
      <c r="G4171" t="s">
        <v>80</v>
      </c>
      <c r="H4171" t="s">
        <v>81</v>
      </c>
      <c r="I4171" s="2">
        <v>0</v>
      </c>
      <c r="J4171" s="2">
        <v>0</v>
      </c>
      <c r="K4171" s="2">
        <v>1</v>
      </c>
      <c r="L4171" t="s">
        <v>995</v>
      </c>
      <c r="M4171" t="s">
        <v>87</v>
      </c>
      <c r="N4171" t="s">
        <v>88</v>
      </c>
      <c r="O4171" t="s">
        <v>85</v>
      </c>
      <c r="P4171" t="s">
        <v>86</v>
      </c>
      <c r="Q4171">
        <v>29</v>
      </c>
      <c r="R4171">
        <v>29</v>
      </c>
      <c r="S4171">
        <v>28</v>
      </c>
      <c r="T4171">
        <v>28</v>
      </c>
      <c r="U4171">
        <v>28</v>
      </c>
      <c r="V4171">
        <v>28</v>
      </c>
      <c r="W4171">
        <v>28</v>
      </c>
      <c r="X4171">
        <v>28</v>
      </c>
      <c r="Y4171">
        <v>28</v>
      </c>
      <c r="Z4171">
        <v>28</v>
      </c>
      <c r="AA4171">
        <v>27</v>
      </c>
      <c r="AB4171">
        <v>27</v>
      </c>
      <c r="AC4171">
        <v>27</v>
      </c>
      <c r="AD4171">
        <v>27</v>
      </c>
      <c r="AE4171">
        <v>27</v>
      </c>
      <c r="AF4171">
        <v>27</v>
      </c>
      <c r="AG4171">
        <v>27</v>
      </c>
      <c r="AH4171">
        <v>27</v>
      </c>
      <c r="AI4171">
        <v>26</v>
      </c>
      <c r="AJ4171">
        <v>26</v>
      </c>
      <c r="AK4171">
        <v>26</v>
      </c>
      <c r="AL4171">
        <v>26</v>
      </c>
      <c r="AM4171">
        <v>26</v>
      </c>
      <c r="AN4171">
        <v>26</v>
      </c>
      <c r="AO4171">
        <v>26</v>
      </c>
      <c r="AP4171">
        <v>26</v>
      </c>
      <c r="AQ4171">
        <v>26</v>
      </c>
    </row>
    <row r="4172" spans="1:43">
      <c r="A4172" t="s">
        <v>2640</v>
      </c>
      <c r="B4172" t="s">
        <v>2641</v>
      </c>
      <c r="C4172" t="s">
        <v>2628</v>
      </c>
      <c r="D4172" t="s">
        <v>2629</v>
      </c>
      <c r="E4172" t="s">
        <v>2352</v>
      </c>
      <c r="F4172" t="s">
        <v>2353</v>
      </c>
      <c r="G4172" t="s">
        <v>80</v>
      </c>
      <c r="H4172" t="s">
        <v>81</v>
      </c>
      <c r="I4172" s="2">
        <v>0</v>
      </c>
      <c r="J4172" s="2">
        <v>0</v>
      </c>
      <c r="K4172" s="2">
        <v>1</v>
      </c>
      <c r="L4172" t="s">
        <v>995</v>
      </c>
      <c r="M4172" t="s">
        <v>89</v>
      </c>
      <c r="N4172" t="s">
        <v>90</v>
      </c>
      <c r="O4172" t="s">
        <v>85</v>
      </c>
      <c r="P4172" t="s">
        <v>86</v>
      </c>
      <c r="Q4172">
        <v>29</v>
      </c>
      <c r="R4172">
        <v>30</v>
      </c>
      <c r="S4172">
        <v>30</v>
      </c>
      <c r="T4172">
        <v>30</v>
      </c>
      <c r="U4172">
        <v>31</v>
      </c>
      <c r="V4172">
        <v>31</v>
      </c>
      <c r="W4172">
        <v>31</v>
      </c>
      <c r="X4172">
        <v>32</v>
      </c>
      <c r="Y4172">
        <v>32</v>
      </c>
      <c r="Z4172">
        <v>32</v>
      </c>
      <c r="AA4172">
        <v>32</v>
      </c>
      <c r="AB4172">
        <v>32</v>
      </c>
      <c r="AC4172">
        <v>32</v>
      </c>
      <c r="AD4172">
        <v>33</v>
      </c>
      <c r="AE4172">
        <v>33</v>
      </c>
      <c r="AF4172">
        <v>32</v>
      </c>
      <c r="AG4172">
        <v>32</v>
      </c>
      <c r="AH4172">
        <v>32</v>
      </c>
      <c r="AI4172">
        <v>32</v>
      </c>
      <c r="AJ4172">
        <v>31</v>
      </c>
      <c r="AK4172">
        <v>31</v>
      </c>
      <c r="AL4172">
        <v>31</v>
      </c>
      <c r="AM4172">
        <v>31</v>
      </c>
      <c r="AN4172">
        <v>31</v>
      </c>
      <c r="AO4172">
        <v>30</v>
      </c>
      <c r="AP4172">
        <v>30</v>
      </c>
      <c r="AQ4172">
        <v>30</v>
      </c>
    </row>
    <row r="4173" spans="1:43">
      <c r="A4173" t="s">
        <v>2640</v>
      </c>
      <c r="B4173" t="s">
        <v>2641</v>
      </c>
      <c r="C4173" t="s">
        <v>2628</v>
      </c>
      <c r="D4173" t="s">
        <v>2629</v>
      </c>
      <c r="E4173" t="s">
        <v>2352</v>
      </c>
      <c r="F4173" t="s">
        <v>2353</v>
      </c>
      <c r="G4173" t="s">
        <v>80</v>
      </c>
      <c r="H4173" t="s">
        <v>81</v>
      </c>
      <c r="I4173" s="2">
        <v>0</v>
      </c>
      <c r="J4173" s="2">
        <v>0</v>
      </c>
      <c r="K4173" s="2">
        <v>1</v>
      </c>
      <c r="L4173" t="s">
        <v>995</v>
      </c>
      <c r="M4173" t="s">
        <v>83</v>
      </c>
      <c r="N4173" t="s">
        <v>91</v>
      </c>
      <c r="O4173" t="s">
        <v>85</v>
      </c>
      <c r="P4173" t="s">
        <v>86</v>
      </c>
      <c r="Q4173">
        <v>29</v>
      </c>
      <c r="R4173">
        <v>29</v>
      </c>
      <c r="S4173">
        <v>29</v>
      </c>
      <c r="T4173">
        <v>29</v>
      </c>
      <c r="U4173">
        <v>30</v>
      </c>
      <c r="V4173">
        <v>30</v>
      </c>
      <c r="W4173">
        <v>30</v>
      </c>
      <c r="X4173">
        <v>30</v>
      </c>
      <c r="Y4173">
        <v>30</v>
      </c>
      <c r="Z4173">
        <v>30</v>
      </c>
      <c r="AA4173">
        <v>30</v>
      </c>
      <c r="AB4173">
        <v>30</v>
      </c>
      <c r="AC4173">
        <v>30</v>
      </c>
      <c r="AD4173">
        <v>30</v>
      </c>
      <c r="AE4173">
        <v>30</v>
      </c>
      <c r="AF4173">
        <v>30</v>
      </c>
      <c r="AG4173">
        <v>30</v>
      </c>
      <c r="AH4173">
        <v>31</v>
      </c>
      <c r="AI4173">
        <v>31</v>
      </c>
      <c r="AJ4173">
        <v>31</v>
      </c>
      <c r="AK4173">
        <v>31</v>
      </c>
      <c r="AL4173">
        <v>31</v>
      </c>
      <c r="AM4173">
        <v>30</v>
      </c>
      <c r="AN4173">
        <v>30</v>
      </c>
      <c r="AO4173">
        <v>30</v>
      </c>
      <c r="AP4173">
        <v>30</v>
      </c>
      <c r="AQ4173">
        <v>30</v>
      </c>
    </row>
    <row r="4174" spans="1:43">
      <c r="A4174" t="s">
        <v>2642</v>
      </c>
      <c r="B4174" t="s">
        <v>2643</v>
      </c>
      <c r="C4174" t="s">
        <v>2596</v>
      </c>
      <c r="D4174" t="s">
        <v>2597</v>
      </c>
      <c r="E4174" t="s">
        <v>2352</v>
      </c>
      <c r="F4174" t="s">
        <v>2353</v>
      </c>
      <c r="G4174" t="s">
        <v>80</v>
      </c>
      <c r="H4174" t="s">
        <v>81</v>
      </c>
      <c r="I4174" s="2">
        <v>0</v>
      </c>
      <c r="J4174" s="2">
        <v>0</v>
      </c>
      <c r="K4174" s="2">
        <v>1</v>
      </c>
      <c r="L4174" t="s">
        <v>995</v>
      </c>
      <c r="M4174" t="s">
        <v>83</v>
      </c>
      <c r="N4174" t="s">
        <v>84</v>
      </c>
      <c r="O4174" t="s">
        <v>85</v>
      </c>
      <c r="P4174" t="s">
        <v>86</v>
      </c>
      <c r="Q4174">
        <v>37</v>
      </c>
      <c r="R4174">
        <v>38</v>
      </c>
      <c r="S4174">
        <v>38</v>
      </c>
      <c r="T4174">
        <v>38</v>
      </c>
      <c r="U4174">
        <v>38</v>
      </c>
      <c r="V4174">
        <v>38</v>
      </c>
      <c r="W4174">
        <v>38</v>
      </c>
      <c r="X4174">
        <v>38</v>
      </c>
      <c r="Y4174">
        <v>38</v>
      </c>
      <c r="Z4174">
        <v>39</v>
      </c>
      <c r="AA4174">
        <v>39</v>
      </c>
      <c r="AB4174">
        <v>39</v>
      </c>
      <c r="AC4174">
        <v>39</v>
      </c>
      <c r="AD4174">
        <v>39</v>
      </c>
      <c r="AE4174">
        <v>39</v>
      </c>
      <c r="AF4174">
        <v>39</v>
      </c>
      <c r="AG4174">
        <v>39</v>
      </c>
      <c r="AH4174">
        <v>39</v>
      </c>
      <c r="AI4174">
        <v>39</v>
      </c>
      <c r="AJ4174">
        <v>39</v>
      </c>
      <c r="AK4174">
        <v>39</v>
      </c>
      <c r="AL4174">
        <v>38</v>
      </c>
      <c r="AM4174">
        <v>38</v>
      </c>
      <c r="AN4174">
        <v>38</v>
      </c>
      <c r="AO4174">
        <v>37</v>
      </c>
      <c r="AP4174">
        <v>37</v>
      </c>
      <c r="AQ4174">
        <v>37</v>
      </c>
    </row>
    <row r="4175" spans="1:43">
      <c r="A4175" t="s">
        <v>2642</v>
      </c>
      <c r="B4175" t="s">
        <v>2643</v>
      </c>
      <c r="C4175" t="s">
        <v>2596</v>
      </c>
      <c r="D4175" t="s">
        <v>2597</v>
      </c>
      <c r="E4175" t="s">
        <v>2352</v>
      </c>
      <c r="F4175" t="s">
        <v>2353</v>
      </c>
      <c r="G4175" t="s">
        <v>80</v>
      </c>
      <c r="H4175" t="s">
        <v>81</v>
      </c>
      <c r="I4175" s="2">
        <v>0</v>
      </c>
      <c r="J4175" s="2">
        <v>0</v>
      </c>
      <c r="K4175" s="2">
        <v>1</v>
      </c>
      <c r="L4175" t="s">
        <v>995</v>
      </c>
      <c r="M4175" t="s">
        <v>87</v>
      </c>
      <c r="N4175" t="s">
        <v>88</v>
      </c>
      <c r="O4175" t="s">
        <v>85</v>
      </c>
      <c r="P4175" t="s">
        <v>86</v>
      </c>
      <c r="Q4175">
        <v>37</v>
      </c>
      <c r="R4175">
        <v>37</v>
      </c>
      <c r="S4175">
        <v>37</v>
      </c>
      <c r="T4175">
        <v>37</v>
      </c>
      <c r="U4175">
        <v>36</v>
      </c>
      <c r="V4175">
        <v>36</v>
      </c>
      <c r="W4175">
        <v>36</v>
      </c>
      <c r="X4175">
        <v>36</v>
      </c>
      <c r="Y4175">
        <v>36</v>
      </c>
      <c r="Z4175">
        <v>35</v>
      </c>
      <c r="AA4175">
        <v>35</v>
      </c>
      <c r="AB4175">
        <v>35</v>
      </c>
      <c r="AC4175">
        <v>35</v>
      </c>
      <c r="AD4175">
        <v>35</v>
      </c>
      <c r="AE4175">
        <v>34</v>
      </c>
      <c r="AF4175">
        <v>34</v>
      </c>
      <c r="AG4175">
        <v>34</v>
      </c>
      <c r="AH4175">
        <v>34</v>
      </c>
      <c r="AI4175">
        <v>34</v>
      </c>
      <c r="AJ4175">
        <v>34</v>
      </c>
      <c r="AK4175">
        <v>33</v>
      </c>
      <c r="AL4175">
        <v>33</v>
      </c>
      <c r="AM4175">
        <v>33</v>
      </c>
      <c r="AN4175">
        <v>33</v>
      </c>
      <c r="AO4175">
        <v>33</v>
      </c>
      <c r="AP4175">
        <v>32</v>
      </c>
      <c r="AQ4175">
        <v>32</v>
      </c>
    </row>
    <row r="4176" spans="1:43">
      <c r="A4176" t="s">
        <v>2642</v>
      </c>
      <c r="B4176" t="s">
        <v>2643</v>
      </c>
      <c r="C4176" t="s">
        <v>2596</v>
      </c>
      <c r="D4176" t="s">
        <v>2597</v>
      </c>
      <c r="E4176" t="s">
        <v>2352</v>
      </c>
      <c r="F4176" t="s">
        <v>2353</v>
      </c>
      <c r="G4176" t="s">
        <v>80</v>
      </c>
      <c r="H4176" t="s">
        <v>81</v>
      </c>
      <c r="I4176" s="2">
        <v>0</v>
      </c>
      <c r="J4176" s="2">
        <v>0</v>
      </c>
      <c r="K4176" s="2">
        <v>1</v>
      </c>
      <c r="L4176" t="s">
        <v>995</v>
      </c>
      <c r="M4176" t="s">
        <v>89</v>
      </c>
      <c r="N4176" t="s">
        <v>90</v>
      </c>
      <c r="O4176" t="s">
        <v>85</v>
      </c>
      <c r="P4176" t="s">
        <v>86</v>
      </c>
      <c r="Q4176">
        <v>37</v>
      </c>
      <c r="R4176">
        <v>37</v>
      </c>
      <c r="S4176">
        <v>38</v>
      </c>
      <c r="T4176">
        <v>38</v>
      </c>
      <c r="U4176">
        <v>39</v>
      </c>
      <c r="V4176">
        <v>39</v>
      </c>
      <c r="W4176">
        <v>39</v>
      </c>
      <c r="X4176">
        <v>39</v>
      </c>
      <c r="Y4176">
        <v>40</v>
      </c>
      <c r="Z4176">
        <v>40</v>
      </c>
      <c r="AA4176">
        <v>40</v>
      </c>
      <c r="AB4176">
        <v>40</v>
      </c>
      <c r="AC4176">
        <v>40</v>
      </c>
      <c r="AD4176">
        <v>40</v>
      </c>
      <c r="AE4176">
        <v>40</v>
      </c>
      <c r="AF4176">
        <v>40</v>
      </c>
      <c r="AG4176">
        <v>40</v>
      </c>
      <c r="AH4176">
        <v>39</v>
      </c>
      <c r="AI4176">
        <v>39</v>
      </c>
      <c r="AJ4176">
        <v>38</v>
      </c>
      <c r="AK4176">
        <v>38</v>
      </c>
      <c r="AL4176">
        <v>38</v>
      </c>
      <c r="AM4176">
        <v>37</v>
      </c>
      <c r="AN4176">
        <v>37</v>
      </c>
      <c r="AO4176">
        <v>37</v>
      </c>
      <c r="AP4176">
        <v>36</v>
      </c>
      <c r="AQ4176">
        <v>36</v>
      </c>
    </row>
    <row r="4177" spans="1:43">
      <c r="A4177" t="s">
        <v>2642</v>
      </c>
      <c r="B4177" t="s">
        <v>2643</v>
      </c>
      <c r="C4177" t="s">
        <v>2596</v>
      </c>
      <c r="D4177" t="s">
        <v>2597</v>
      </c>
      <c r="E4177" t="s">
        <v>2352</v>
      </c>
      <c r="F4177" t="s">
        <v>2353</v>
      </c>
      <c r="G4177" t="s">
        <v>80</v>
      </c>
      <c r="H4177" t="s">
        <v>81</v>
      </c>
      <c r="I4177" s="2">
        <v>0</v>
      </c>
      <c r="J4177" s="2">
        <v>0</v>
      </c>
      <c r="K4177" s="2">
        <v>1</v>
      </c>
      <c r="L4177" t="s">
        <v>995</v>
      </c>
      <c r="M4177" t="s">
        <v>83</v>
      </c>
      <c r="N4177" t="s">
        <v>91</v>
      </c>
      <c r="O4177" t="s">
        <v>85</v>
      </c>
      <c r="P4177" t="s">
        <v>86</v>
      </c>
      <c r="Q4177">
        <v>37</v>
      </c>
      <c r="R4177">
        <v>38</v>
      </c>
      <c r="S4177">
        <v>38</v>
      </c>
      <c r="T4177">
        <v>38</v>
      </c>
      <c r="U4177">
        <v>38</v>
      </c>
      <c r="V4177">
        <v>38</v>
      </c>
      <c r="W4177">
        <v>38</v>
      </c>
      <c r="X4177">
        <v>38</v>
      </c>
      <c r="Y4177">
        <v>38</v>
      </c>
      <c r="Z4177">
        <v>39</v>
      </c>
      <c r="AA4177">
        <v>39</v>
      </c>
      <c r="AB4177">
        <v>39</v>
      </c>
      <c r="AC4177">
        <v>39</v>
      </c>
      <c r="AD4177">
        <v>39</v>
      </c>
      <c r="AE4177">
        <v>39</v>
      </c>
      <c r="AF4177">
        <v>39</v>
      </c>
      <c r="AG4177">
        <v>39</v>
      </c>
      <c r="AH4177">
        <v>39</v>
      </c>
      <c r="AI4177">
        <v>39</v>
      </c>
      <c r="AJ4177">
        <v>39</v>
      </c>
      <c r="AK4177">
        <v>39</v>
      </c>
      <c r="AL4177">
        <v>38</v>
      </c>
      <c r="AM4177">
        <v>38</v>
      </c>
      <c r="AN4177">
        <v>38</v>
      </c>
      <c r="AO4177">
        <v>37</v>
      </c>
      <c r="AP4177">
        <v>37</v>
      </c>
      <c r="AQ4177">
        <v>37</v>
      </c>
    </row>
    <row r="4178" spans="1:43">
      <c r="A4178" t="s">
        <v>2644</v>
      </c>
      <c r="B4178" t="s">
        <v>2645</v>
      </c>
      <c r="C4178" t="s">
        <v>2596</v>
      </c>
      <c r="D4178" t="s">
        <v>2597</v>
      </c>
      <c r="E4178" t="s">
        <v>2352</v>
      </c>
      <c r="F4178" t="s">
        <v>2353</v>
      </c>
      <c r="G4178" t="s">
        <v>80</v>
      </c>
      <c r="H4178" t="s">
        <v>81</v>
      </c>
      <c r="I4178" s="2">
        <v>0</v>
      </c>
      <c r="J4178" s="2">
        <v>0</v>
      </c>
      <c r="K4178" s="2">
        <v>1</v>
      </c>
      <c r="L4178" t="s">
        <v>995</v>
      </c>
      <c r="M4178" t="s">
        <v>83</v>
      </c>
      <c r="N4178" t="s">
        <v>84</v>
      </c>
      <c r="O4178" t="s">
        <v>85</v>
      </c>
      <c r="P4178" t="s">
        <v>86</v>
      </c>
      <c r="Q4178">
        <v>9</v>
      </c>
      <c r="R4178">
        <v>9</v>
      </c>
      <c r="S4178">
        <v>9</v>
      </c>
      <c r="T4178">
        <v>9</v>
      </c>
      <c r="U4178">
        <v>9</v>
      </c>
      <c r="V4178">
        <v>9</v>
      </c>
      <c r="W4178">
        <v>9</v>
      </c>
      <c r="X4178">
        <v>9</v>
      </c>
      <c r="Y4178">
        <v>9</v>
      </c>
      <c r="Z4178">
        <v>9</v>
      </c>
      <c r="AA4178">
        <v>9</v>
      </c>
      <c r="AB4178">
        <v>9</v>
      </c>
      <c r="AC4178">
        <v>9</v>
      </c>
      <c r="AD4178">
        <v>9</v>
      </c>
      <c r="AE4178">
        <v>9</v>
      </c>
      <c r="AF4178">
        <v>9</v>
      </c>
      <c r="AG4178">
        <v>9</v>
      </c>
      <c r="AH4178">
        <v>9</v>
      </c>
      <c r="AI4178">
        <v>9</v>
      </c>
      <c r="AJ4178">
        <v>9</v>
      </c>
      <c r="AK4178">
        <v>9</v>
      </c>
      <c r="AL4178">
        <v>9</v>
      </c>
      <c r="AM4178">
        <v>9</v>
      </c>
      <c r="AN4178">
        <v>9</v>
      </c>
      <c r="AO4178">
        <v>9</v>
      </c>
      <c r="AP4178">
        <v>9</v>
      </c>
      <c r="AQ4178">
        <v>9</v>
      </c>
    </row>
    <row r="4179" spans="1:43">
      <c r="A4179" t="s">
        <v>2644</v>
      </c>
      <c r="B4179" t="s">
        <v>2645</v>
      </c>
      <c r="C4179" t="s">
        <v>2596</v>
      </c>
      <c r="D4179" t="s">
        <v>2597</v>
      </c>
      <c r="E4179" t="s">
        <v>2352</v>
      </c>
      <c r="F4179" t="s">
        <v>2353</v>
      </c>
      <c r="G4179" t="s">
        <v>80</v>
      </c>
      <c r="H4179" t="s">
        <v>81</v>
      </c>
      <c r="I4179" s="2">
        <v>0</v>
      </c>
      <c r="J4179" s="2">
        <v>0</v>
      </c>
      <c r="K4179" s="2">
        <v>1</v>
      </c>
      <c r="L4179" t="s">
        <v>995</v>
      </c>
      <c r="M4179" t="s">
        <v>87</v>
      </c>
      <c r="N4179" t="s">
        <v>88</v>
      </c>
      <c r="O4179" t="s">
        <v>85</v>
      </c>
      <c r="P4179" t="s">
        <v>86</v>
      </c>
      <c r="Q4179">
        <v>9</v>
      </c>
      <c r="R4179">
        <v>8</v>
      </c>
      <c r="S4179">
        <v>8</v>
      </c>
      <c r="T4179">
        <v>8</v>
      </c>
      <c r="U4179">
        <v>8</v>
      </c>
      <c r="V4179">
        <v>8</v>
      </c>
      <c r="W4179">
        <v>8</v>
      </c>
      <c r="X4179">
        <v>8</v>
      </c>
      <c r="Y4179">
        <v>8</v>
      </c>
      <c r="Z4179">
        <v>8</v>
      </c>
      <c r="AA4179">
        <v>8</v>
      </c>
      <c r="AB4179">
        <v>8</v>
      </c>
      <c r="AC4179">
        <v>8</v>
      </c>
      <c r="AD4179">
        <v>8</v>
      </c>
      <c r="AE4179">
        <v>8</v>
      </c>
      <c r="AF4179">
        <v>8</v>
      </c>
      <c r="AG4179">
        <v>8</v>
      </c>
      <c r="AH4179">
        <v>8</v>
      </c>
      <c r="AI4179">
        <v>8</v>
      </c>
      <c r="AJ4179">
        <v>8</v>
      </c>
      <c r="AK4179">
        <v>8</v>
      </c>
      <c r="AL4179">
        <v>8</v>
      </c>
      <c r="AM4179">
        <v>8</v>
      </c>
      <c r="AN4179">
        <v>8</v>
      </c>
      <c r="AO4179">
        <v>8</v>
      </c>
      <c r="AP4179">
        <v>8</v>
      </c>
      <c r="AQ4179">
        <v>8</v>
      </c>
    </row>
    <row r="4180" spans="1:43">
      <c r="A4180" t="s">
        <v>2644</v>
      </c>
      <c r="B4180" t="s">
        <v>2645</v>
      </c>
      <c r="C4180" t="s">
        <v>2596</v>
      </c>
      <c r="D4180" t="s">
        <v>2597</v>
      </c>
      <c r="E4180" t="s">
        <v>2352</v>
      </c>
      <c r="F4180" t="s">
        <v>2353</v>
      </c>
      <c r="G4180" t="s">
        <v>80</v>
      </c>
      <c r="H4180" t="s">
        <v>81</v>
      </c>
      <c r="I4180" s="2">
        <v>0</v>
      </c>
      <c r="J4180" s="2">
        <v>0</v>
      </c>
      <c r="K4180" s="2">
        <v>1</v>
      </c>
      <c r="L4180" t="s">
        <v>995</v>
      </c>
      <c r="M4180" t="s">
        <v>89</v>
      </c>
      <c r="N4180" t="s">
        <v>90</v>
      </c>
      <c r="O4180" t="s">
        <v>85</v>
      </c>
      <c r="P4180" t="s">
        <v>86</v>
      </c>
      <c r="Q4180">
        <v>9</v>
      </c>
      <c r="R4180">
        <v>9</v>
      </c>
      <c r="S4180">
        <v>9</v>
      </c>
      <c r="T4180">
        <v>9</v>
      </c>
      <c r="U4180">
        <v>9</v>
      </c>
      <c r="V4180">
        <v>9</v>
      </c>
      <c r="W4180">
        <v>9</v>
      </c>
      <c r="X4180">
        <v>9</v>
      </c>
      <c r="Y4180">
        <v>9</v>
      </c>
      <c r="Z4180">
        <v>9</v>
      </c>
      <c r="AA4180">
        <v>10</v>
      </c>
      <c r="AB4180">
        <v>10</v>
      </c>
      <c r="AC4180">
        <v>10</v>
      </c>
      <c r="AD4180">
        <v>10</v>
      </c>
      <c r="AE4180">
        <v>10</v>
      </c>
      <c r="AF4180">
        <v>10</v>
      </c>
      <c r="AG4180">
        <v>10</v>
      </c>
      <c r="AH4180">
        <v>9</v>
      </c>
      <c r="AI4180">
        <v>9</v>
      </c>
      <c r="AJ4180">
        <v>9</v>
      </c>
      <c r="AK4180">
        <v>9</v>
      </c>
      <c r="AL4180">
        <v>9</v>
      </c>
      <c r="AM4180">
        <v>9</v>
      </c>
      <c r="AN4180">
        <v>9</v>
      </c>
      <c r="AO4180">
        <v>9</v>
      </c>
      <c r="AP4180">
        <v>9</v>
      </c>
      <c r="AQ4180">
        <v>9</v>
      </c>
    </row>
    <row r="4181" spans="1:43">
      <c r="A4181" t="s">
        <v>2644</v>
      </c>
      <c r="B4181" t="s">
        <v>2645</v>
      </c>
      <c r="C4181" t="s">
        <v>2596</v>
      </c>
      <c r="D4181" t="s">
        <v>2597</v>
      </c>
      <c r="E4181" t="s">
        <v>2352</v>
      </c>
      <c r="F4181" t="s">
        <v>2353</v>
      </c>
      <c r="G4181" t="s">
        <v>80</v>
      </c>
      <c r="H4181" t="s">
        <v>81</v>
      </c>
      <c r="I4181" s="2">
        <v>0</v>
      </c>
      <c r="J4181" s="2">
        <v>0</v>
      </c>
      <c r="K4181" s="2">
        <v>1</v>
      </c>
      <c r="L4181" t="s">
        <v>995</v>
      </c>
      <c r="M4181" t="s">
        <v>83</v>
      </c>
      <c r="N4181" t="s">
        <v>91</v>
      </c>
      <c r="O4181" t="s">
        <v>85</v>
      </c>
      <c r="P4181" t="s">
        <v>86</v>
      </c>
      <c r="Q4181">
        <v>9</v>
      </c>
      <c r="R4181">
        <v>9</v>
      </c>
      <c r="S4181">
        <v>9</v>
      </c>
      <c r="T4181">
        <v>9</v>
      </c>
      <c r="U4181">
        <v>9</v>
      </c>
      <c r="V4181">
        <v>9</v>
      </c>
      <c r="W4181">
        <v>9</v>
      </c>
      <c r="X4181">
        <v>9</v>
      </c>
      <c r="Y4181">
        <v>9</v>
      </c>
      <c r="Z4181">
        <v>9</v>
      </c>
      <c r="AA4181">
        <v>9</v>
      </c>
      <c r="AB4181">
        <v>9</v>
      </c>
      <c r="AC4181">
        <v>9</v>
      </c>
      <c r="AD4181">
        <v>9</v>
      </c>
      <c r="AE4181">
        <v>9</v>
      </c>
      <c r="AF4181">
        <v>9</v>
      </c>
      <c r="AG4181">
        <v>9</v>
      </c>
      <c r="AH4181">
        <v>9</v>
      </c>
      <c r="AI4181">
        <v>9</v>
      </c>
      <c r="AJ4181">
        <v>9</v>
      </c>
      <c r="AK4181">
        <v>9</v>
      </c>
      <c r="AL4181">
        <v>9</v>
      </c>
      <c r="AM4181">
        <v>9</v>
      </c>
      <c r="AN4181">
        <v>9</v>
      </c>
      <c r="AO4181">
        <v>9</v>
      </c>
      <c r="AP4181">
        <v>9</v>
      </c>
      <c r="AQ4181">
        <v>9</v>
      </c>
    </row>
    <row r="4182" spans="1:43">
      <c r="A4182" t="s">
        <v>2646</v>
      </c>
      <c r="B4182" t="s">
        <v>2647</v>
      </c>
      <c r="C4182" t="s">
        <v>2486</v>
      </c>
      <c r="D4182" t="s">
        <v>2487</v>
      </c>
      <c r="E4182" t="s">
        <v>2352</v>
      </c>
      <c r="F4182" t="s">
        <v>2353</v>
      </c>
      <c r="G4182" t="s">
        <v>80</v>
      </c>
      <c r="H4182" t="s">
        <v>81</v>
      </c>
      <c r="I4182" s="2">
        <v>0</v>
      </c>
      <c r="J4182" s="2">
        <v>0</v>
      </c>
      <c r="K4182" s="2">
        <v>1</v>
      </c>
      <c r="L4182" t="s">
        <v>995</v>
      </c>
      <c r="M4182" t="s">
        <v>83</v>
      </c>
      <c r="N4182" t="s">
        <v>84</v>
      </c>
      <c r="O4182" t="s">
        <v>85</v>
      </c>
      <c r="P4182" t="s">
        <v>86</v>
      </c>
      <c r="Q4182">
        <v>21</v>
      </c>
      <c r="R4182">
        <v>21</v>
      </c>
      <c r="S4182">
        <v>21</v>
      </c>
      <c r="T4182">
        <v>21</v>
      </c>
      <c r="U4182">
        <v>21</v>
      </c>
      <c r="V4182">
        <v>21</v>
      </c>
      <c r="W4182">
        <v>21</v>
      </c>
      <c r="X4182">
        <v>21</v>
      </c>
      <c r="Y4182">
        <v>22</v>
      </c>
      <c r="Z4182">
        <v>22</v>
      </c>
      <c r="AA4182">
        <v>22</v>
      </c>
      <c r="AB4182">
        <v>22</v>
      </c>
      <c r="AC4182">
        <v>22</v>
      </c>
      <c r="AD4182">
        <v>22</v>
      </c>
      <c r="AE4182">
        <v>22</v>
      </c>
      <c r="AF4182">
        <v>22</v>
      </c>
      <c r="AG4182">
        <v>22</v>
      </c>
      <c r="AH4182">
        <v>21</v>
      </c>
      <c r="AI4182">
        <v>21</v>
      </c>
      <c r="AJ4182">
        <v>21</v>
      </c>
      <c r="AK4182">
        <v>21</v>
      </c>
      <c r="AL4182">
        <v>21</v>
      </c>
      <c r="AM4182">
        <v>21</v>
      </c>
      <c r="AN4182">
        <v>21</v>
      </c>
      <c r="AO4182">
        <v>21</v>
      </c>
      <c r="AP4182">
        <v>20</v>
      </c>
      <c r="AQ4182">
        <v>20</v>
      </c>
    </row>
    <row r="4183" spans="1:43">
      <c r="A4183" t="s">
        <v>2646</v>
      </c>
      <c r="B4183" t="s">
        <v>2647</v>
      </c>
      <c r="C4183" t="s">
        <v>2486</v>
      </c>
      <c r="D4183" t="s">
        <v>2487</v>
      </c>
      <c r="E4183" t="s">
        <v>2352</v>
      </c>
      <c r="F4183" t="s">
        <v>2353</v>
      </c>
      <c r="G4183" t="s">
        <v>80</v>
      </c>
      <c r="H4183" t="s">
        <v>81</v>
      </c>
      <c r="I4183" s="2">
        <v>0</v>
      </c>
      <c r="J4183" s="2">
        <v>0</v>
      </c>
      <c r="K4183" s="2">
        <v>1</v>
      </c>
      <c r="L4183" t="s">
        <v>995</v>
      </c>
      <c r="M4183" t="s">
        <v>87</v>
      </c>
      <c r="N4183" t="s">
        <v>88</v>
      </c>
      <c r="O4183" t="s">
        <v>85</v>
      </c>
      <c r="P4183" t="s">
        <v>86</v>
      </c>
      <c r="Q4183">
        <v>21</v>
      </c>
      <c r="R4183">
        <v>21</v>
      </c>
      <c r="S4183">
        <v>21</v>
      </c>
      <c r="T4183">
        <v>21</v>
      </c>
      <c r="U4183">
        <v>20</v>
      </c>
      <c r="V4183">
        <v>20</v>
      </c>
      <c r="W4183">
        <v>20</v>
      </c>
      <c r="X4183">
        <v>20</v>
      </c>
      <c r="Y4183">
        <v>20</v>
      </c>
      <c r="Z4183">
        <v>20</v>
      </c>
      <c r="AA4183">
        <v>20</v>
      </c>
      <c r="AB4183">
        <v>20</v>
      </c>
      <c r="AC4183">
        <v>19</v>
      </c>
      <c r="AD4183">
        <v>19</v>
      </c>
      <c r="AE4183">
        <v>19</v>
      </c>
      <c r="AF4183">
        <v>19</v>
      </c>
      <c r="AG4183">
        <v>19</v>
      </c>
      <c r="AH4183">
        <v>19</v>
      </c>
      <c r="AI4183">
        <v>19</v>
      </c>
      <c r="AJ4183">
        <v>19</v>
      </c>
      <c r="AK4183">
        <v>19</v>
      </c>
      <c r="AL4183">
        <v>18</v>
      </c>
      <c r="AM4183">
        <v>18</v>
      </c>
      <c r="AN4183">
        <v>18</v>
      </c>
      <c r="AO4183">
        <v>18</v>
      </c>
      <c r="AP4183">
        <v>18</v>
      </c>
      <c r="AQ4183">
        <v>18</v>
      </c>
    </row>
    <row r="4184" spans="1:43">
      <c r="A4184" t="s">
        <v>2646</v>
      </c>
      <c r="B4184" t="s">
        <v>2647</v>
      </c>
      <c r="C4184" t="s">
        <v>2486</v>
      </c>
      <c r="D4184" t="s">
        <v>2487</v>
      </c>
      <c r="E4184" t="s">
        <v>2352</v>
      </c>
      <c r="F4184" t="s">
        <v>2353</v>
      </c>
      <c r="G4184" t="s">
        <v>80</v>
      </c>
      <c r="H4184" t="s">
        <v>81</v>
      </c>
      <c r="I4184" s="2">
        <v>0</v>
      </c>
      <c r="J4184" s="2">
        <v>0</v>
      </c>
      <c r="K4184" s="2">
        <v>1</v>
      </c>
      <c r="L4184" t="s">
        <v>995</v>
      </c>
      <c r="M4184" t="s">
        <v>89</v>
      </c>
      <c r="N4184" t="s">
        <v>90</v>
      </c>
      <c r="O4184" t="s">
        <v>85</v>
      </c>
      <c r="P4184" t="s">
        <v>86</v>
      </c>
      <c r="Q4184">
        <v>21</v>
      </c>
      <c r="R4184">
        <v>22</v>
      </c>
      <c r="S4184">
        <v>22</v>
      </c>
      <c r="T4184">
        <v>22</v>
      </c>
      <c r="U4184">
        <v>22</v>
      </c>
      <c r="V4184">
        <v>22</v>
      </c>
      <c r="W4184">
        <v>23</v>
      </c>
      <c r="X4184">
        <v>23</v>
      </c>
      <c r="Y4184">
        <v>23</v>
      </c>
      <c r="Z4184">
        <v>23</v>
      </c>
      <c r="AA4184">
        <v>23</v>
      </c>
      <c r="AB4184">
        <v>23</v>
      </c>
      <c r="AC4184">
        <v>23</v>
      </c>
      <c r="AD4184">
        <v>23</v>
      </c>
      <c r="AE4184">
        <v>23</v>
      </c>
      <c r="AF4184">
        <v>23</v>
      </c>
      <c r="AG4184">
        <v>22</v>
      </c>
      <c r="AH4184">
        <v>22</v>
      </c>
      <c r="AI4184">
        <v>22</v>
      </c>
      <c r="AJ4184">
        <v>22</v>
      </c>
      <c r="AK4184">
        <v>22</v>
      </c>
      <c r="AL4184">
        <v>21</v>
      </c>
      <c r="AM4184">
        <v>21</v>
      </c>
      <c r="AN4184">
        <v>21</v>
      </c>
      <c r="AO4184">
        <v>21</v>
      </c>
      <c r="AP4184">
        <v>20</v>
      </c>
      <c r="AQ4184">
        <v>20</v>
      </c>
    </row>
    <row r="4185" spans="1:43">
      <c r="A4185" t="s">
        <v>2646</v>
      </c>
      <c r="B4185" t="s">
        <v>2647</v>
      </c>
      <c r="C4185" t="s">
        <v>2486</v>
      </c>
      <c r="D4185" t="s">
        <v>2487</v>
      </c>
      <c r="E4185" t="s">
        <v>2352</v>
      </c>
      <c r="F4185" t="s">
        <v>2353</v>
      </c>
      <c r="G4185" t="s">
        <v>80</v>
      </c>
      <c r="H4185" t="s">
        <v>81</v>
      </c>
      <c r="I4185" s="2">
        <v>0</v>
      </c>
      <c r="J4185" s="2">
        <v>0</v>
      </c>
      <c r="K4185" s="2">
        <v>1</v>
      </c>
      <c r="L4185" t="s">
        <v>995</v>
      </c>
      <c r="M4185" t="s">
        <v>83</v>
      </c>
      <c r="N4185" t="s">
        <v>91</v>
      </c>
      <c r="O4185" t="s">
        <v>85</v>
      </c>
      <c r="P4185" t="s">
        <v>86</v>
      </c>
      <c r="Q4185">
        <v>21</v>
      </c>
      <c r="R4185">
        <v>21</v>
      </c>
      <c r="S4185">
        <v>21</v>
      </c>
      <c r="T4185">
        <v>21</v>
      </c>
      <c r="U4185">
        <v>21</v>
      </c>
      <c r="V4185">
        <v>21</v>
      </c>
      <c r="W4185">
        <v>21</v>
      </c>
      <c r="X4185">
        <v>21</v>
      </c>
      <c r="Y4185">
        <v>22</v>
      </c>
      <c r="Z4185">
        <v>22</v>
      </c>
      <c r="AA4185">
        <v>22</v>
      </c>
      <c r="AB4185">
        <v>22</v>
      </c>
      <c r="AC4185">
        <v>22</v>
      </c>
      <c r="AD4185">
        <v>22</v>
      </c>
      <c r="AE4185">
        <v>22</v>
      </c>
      <c r="AF4185">
        <v>22</v>
      </c>
      <c r="AG4185">
        <v>22</v>
      </c>
      <c r="AH4185">
        <v>21</v>
      </c>
      <c r="AI4185">
        <v>21</v>
      </c>
      <c r="AJ4185">
        <v>21</v>
      </c>
      <c r="AK4185">
        <v>21</v>
      </c>
      <c r="AL4185">
        <v>21</v>
      </c>
      <c r="AM4185">
        <v>21</v>
      </c>
      <c r="AN4185">
        <v>21</v>
      </c>
      <c r="AO4185">
        <v>21</v>
      </c>
      <c r="AP4185">
        <v>20</v>
      </c>
      <c r="AQ4185">
        <v>20</v>
      </c>
    </row>
    <row r="4186" spans="1:43">
      <c r="A4186" t="s">
        <v>2648</v>
      </c>
      <c r="B4186" t="s">
        <v>2649</v>
      </c>
      <c r="C4186" t="s">
        <v>2500</v>
      </c>
      <c r="D4186" t="s">
        <v>2501</v>
      </c>
      <c r="E4186" t="s">
        <v>2352</v>
      </c>
      <c r="F4186" t="s">
        <v>2353</v>
      </c>
      <c r="G4186" t="s">
        <v>80</v>
      </c>
      <c r="H4186" t="s">
        <v>81</v>
      </c>
      <c r="I4186" s="2">
        <v>0</v>
      </c>
      <c r="J4186" s="2">
        <v>0</v>
      </c>
      <c r="K4186" s="2">
        <v>1</v>
      </c>
      <c r="L4186" t="s">
        <v>995</v>
      </c>
      <c r="M4186" t="s">
        <v>83</v>
      </c>
      <c r="N4186" t="s">
        <v>84</v>
      </c>
      <c r="O4186" t="s">
        <v>85</v>
      </c>
      <c r="P4186" t="s">
        <v>86</v>
      </c>
      <c r="Q4186">
        <v>41</v>
      </c>
      <c r="R4186">
        <v>41</v>
      </c>
      <c r="S4186">
        <v>42</v>
      </c>
      <c r="T4186">
        <v>42</v>
      </c>
      <c r="U4186">
        <v>42</v>
      </c>
      <c r="V4186">
        <v>42</v>
      </c>
      <c r="W4186">
        <v>42</v>
      </c>
      <c r="X4186">
        <v>42</v>
      </c>
      <c r="Y4186">
        <v>42</v>
      </c>
      <c r="Z4186">
        <v>43</v>
      </c>
      <c r="AA4186">
        <v>43</v>
      </c>
      <c r="AB4186">
        <v>43</v>
      </c>
      <c r="AC4186">
        <v>43</v>
      </c>
      <c r="AD4186">
        <v>43</v>
      </c>
      <c r="AE4186">
        <v>43</v>
      </c>
      <c r="AF4186">
        <v>43</v>
      </c>
      <c r="AG4186">
        <v>43</v>
      </c>
      <c r="AH4186">
        <v>43</v>
      </c>
      <c r="AI4186">
        <v>43</v>
      </c>
      <c r="AJ4186">
        <v>43</v>
      </c>
      <c r="AK4186">
        <v>43</v>
      </c>
      <c r="AL4186">
        <v>43</v>
      </c>
      <c r="AM4186">
        <v>43</v>
      </c>
      <c r="AN4186">
        <v>43</v>
      </c>
      <c r="AO4186">
        <v>42</v>
      </c>
      <c r="AP4186">
        <v>42</v>
      </c>
      <c r="AQ4186">
        <v>42</v>
      </c>
    </row>
    <row r="4187" spans="1:43">
      <c r="A4187" t="s">
        <v>2648</v>
      </c>
      <c r="B4187" t="s">
        <v>2649</v>
      </c>
      <c r="C4187" t="s">
        <v>2500</v>
      </c>
      <c r="D4187" t="s">
        <v>2501</v>
      </c>
      <c r="E4187" t="s">
        <v>2352</v>
      </c>
      <c r="F4187" t="s">
        <v>2353</v>
      </c>
      <c r="G4187" t="s">
        <v>80</v>
      </c>
      <c r="H4187" t="s">
        <v>81</v>
      </c>
      <c r="I4187" s="2">
        <v>0</v>
      </c>
      <c r="J4187" s="2">
        <v>0</v>
      </c>
      <c r="K4187" s="2">
        <v>1</v>
      </c>
      <c r="L4187" t="s">
        <v>995</v>
      </c>
      <c r="M4187" t="s">
        <v>87</v>
      </c>
      <c r="N4187" t="s">
        <v>88</v>
      </c>
      <c r="O4187" t="s">
        <v>85</v>
      </c>
      <c r="P4187" t="s">
        <v>86</v>
      </c>
      <c r="Q4187">
        <v>41</v>
      </c>
      <c r="R4187">
        <v>41</v>
      </c>
      <c r="S4187">
        <v>40</v>
      </c>
      <c r="T4187">
        <v>40</v>
      </c>
      <c r="U4187">
        <v>40</v>
      </c>
      <c r="V4187">
        <v>40</v>
      </c>
      <c r="W4187">
        <v>40</v>
      </c>
      <c r="X4187">
        <v>39</v>
      </c>
      <c r="Y4187">
        <v>39</v>
      </c>
      <c r="Z4187">
        <v>39</v>
      </c>
      <c r="AA4187">
        <v>39</v>
      </c>
      <c r="AB4187">
        <v>39</v>
      </c>
      <c r="AC4187">
        <v>39</v>
      </c>
      <c r="AD4187">
        <v>38</v>
      </c>
      <c r="AE4187">
        <v>38</v>
      </c>
      <c r="AF4187">
        <v>38</v>
      </c>
      <c r="AG4187">
        <v>38</v>
      </c>
      <c r="AH4187">
        <v>38</v>
      </c>
      <c r="AI4187">
        <v>37</v>
      </c>
      <c r="AJ4187">
        <v>37</v>
      </c>
      <c r="AK4187">
        <v>37</v>
      </c>
      <c r="AL4187">
        <v>37</v>
      </c>
      <c r="AM4187">
        <v>37</v>
      </c>
      <c r="AN4187">
        <v>37</v>
      </c>
      <c r="AO4187">
        <v>36</v>
      </c>
      <c r="AP4187">
        <v>36</v>
      </c>
      <c r="AQ4187">
        <v>36</v>
      </c>
    </row>
    <row r="4188" spans="1:43">
      <c r="A4188" t="s">
        <v>2648</v>
      </c>
      <c r="B4188" t="s">
        <v>2649</v>
      </c>
      <c r="C4188" t="s">
        <v>2500</v>
      </c>
      <c r="D4188" t="s">
        <v>2501</v>
      </c>
      <c r="E4188" t="s">
        <v>2352</v>
      </c>
      <c r="F4188" t="s">
        <v>2353</v>
      </c>
      <c r="G4188" t="s">
        <v>80</v>
      </c>
      <c r="H4188" t="s">
        <v>81</v>
      </c>
      <c r="I4188" s="2">
        <v>0</v>
      </c>
      <c r="J4188" s="2">
        <v>0</v>
      </c>
      <c r="K4188" s="2">
        <v>1</v>
      </c>
      <c r="L4188" t="s">
        <v>995</v>
      </c>
      <c r="M4188" t="s">
        <v>89</v>
      </c>
      <c r="N4188" t="s">
        <v>90</v>
      </c>
      <c r="O4188" t="s">
        <v>85</v>
      </c>
      <c r="P4188" t="s">
        <v>86</v>
      </c>
      <c r="Q4188">
        <v>41</v>
      </c>
      <c r="R4188">
        <v>41</v>
      </c>
      <c r="S4188">
        <v>42</v>
      </c>
      <c r="T4188">
        <v>42</v>
      </c>
      <c r="U4188">
        <v>43</v>
      </c>
      <c r="V4188">
        <v>43</v>
      </c>
      <c r="W4188">
        <v>43</v>
      </c>
      <c r="X4188">
        <v>44</v>
      </c>
      <c r="Y4188">
        <v>44</v>
      </c>
      <c r="Z4188">
        <v>44</v>
      </c>
      <c r="AA4188">
        <v>44</v>
      </c>
      <c r="AB4188">
        <v>45</v>
      </c>
      <c r="AC4188">
        <v>45</v>
      </c>
      <c r="AD4188">
        <v>45</v>
      </c>
      <c r="AE4188">
        <v>45</v>
      </c>
      <c r="AF4188">
        <v>45</v>
      </c>
      <c r="AG4188">
        <v>44</v>
      </c>
      <c r="AH4188">
        <v>44</v>
      </c>
      <c r="AI4188">
        <v>44</v>
      </c>
      <c r="AJ4188">
        <v>43</v>
      </c>
      <c r="AK4188">
        <v>43</v>
      </c>
      <c r="AL4188">
        <v>43</v>
      </c>
      <c r="AM4188">
        <v>42</v>
      </c>
      <c r="AN4188">
        <v>42</v>
      </c>
      <c r="AO4188">
        <v>42</v>
      </c>
      <c r="AP4188">
        <v>41</v>
      </c>
      <c r="AQ4188">
        <v>41</v>
      </c>
    </row>
    <row r="4189" spans="1:43">
      <c r="A4189" t="s">
        <v>2648</v>
      </c>
      <c r="B4189" t="s">
        <v>2649</v>
      </c>
      <c r="C4189" t="s">
        <v>2500</v>
      </c>
      <c r="D4189" t="s">
        <v>2501</v>
      </c>
      <c r="E4189" t="s">
        <v>2352</v>
      </c>
      <c r="F4189" t="s">
        <v>2353</v>
      </c>
      <c r="G4189" t="s">
        <v>80</v>
      </c>
      <c r="H4189" t="s">
        <v>81</v>
      </c>
      <c r="I4189" s="2">
        <v>0</v>
      </c>
      <c r="J4189" s="2">
        <v>0</v>
      </c>
      <c r="K4189" s="2">
        <v>1</v>
      </c>
      <c r="L4189" t="s">
        <v>995</v>
      </c>
      <c r="M4189" t="s">
        <v>83</v>
      </c>
      <c r="N4189" t="s">
        <v>91</v>
      </c>
      <c r="O4189" t="s">
        <v>85</v>
      </c>
      <c r="P4189" t="s">
        <v>86</v>
      </c>
      <c r="Q4189">
        <v>41</v>
      </c>
      <c r="R4189">
        <v>41</v>
      </c>
      <c r="S4189">
        <v>42</v>
      </c>
      <c r="T4189">
        <v>42</v>
      </c>
      <c r="U4189">
        <v>42</v>
      </c>
      <c r="V4189">
        <v>42</v>
      </c>
      <c r="W4189">
        <v>42</v>
      </c>
      <c r="X4189">
        <v>42</v>
      </c>
      <c r="Y4189">
        <v>42</v>
      </c>
      <c r="Z4189">
        <v>43</v>
      </c>
      <c r="AA4189">
        <v>43</v>
      </c>
      <c r="AB4189">
        <v>43</v>
      </c>
      <c r="AC4189">
        <v>43</v>
      </c>
      <c r="AD4189">
        <v>43</v>
      </c>
      <c r="AE4189">
        <v>43</v>
      </c>
      <c r="AF4189">
        <v>43</v>
      </c>
      <c r="AG4189">
        <v>43</v>
      </c>
      <c r="AH4189">
        <v>43</v>
      </c>
      <c r="AI4189">
        <v>43</v>
      </c>
      <c r="AJ4189">
        <v>43</v>
      </c>
      <c r="AK4189">
        <v>43</v>
      </c>
      <c r="AL4189">
        <v>43</v>
      </c>
      <c r="AM4189">
        <v>43</v>
      </c>
      <c r="AN4189">
        <v>43</v>
      </c>
      <c r="AO4189">
        <v>42</v>
      </c>
      <c r="AP4189">
        <v>42</v>
      </c>
      <c r="AQ4189">
        <v>42</v>
      </c>
    </row>
    <row r="4190" spans="1:43">
      <c r="A4190" t="s">
        <v>2650</v>
      </c>
      <c r="B4190" t="s">
        <v>2651</v>
      </c>
      <c r="C4190" t="s">
        <v>2596</v>
      </c>
      <c r="D4190" t="s">
        <v>2597</v>
      </c>
      <c r="E4190" t="s">
        <v>2352</v>
      </c>
      <c r="F4190" t="s">
        <v>2353</v>
      </c>
      <c r="G4190" t="s">
        <v>80</v>
      </c>
      <c r="H4190" t="s">
        <v>81</v>
      </c>
      <c r="I4190" s="2">
        <v>0</v>
      </c>
      <c r="J4190" s="2">
        <v>0</v>
      </c>
      <c r="K4190" s="2">
        <v>1</v>
      </c>
      <c r="L4190" t="s">
        <v>995</v>
      </c>
      <c r="M4190" t="s">
        <v>83</v>
      </c>
      <c r="N4190" t="s">
        <v>84</v>
      </c>
      <c r="O4190" t="s">
        <v>85</v>
      </c>
      <c r="P4190" t="s">
        <v>86</v>
      </c>
      <c r="Q4190">
        <v>5</v>
      </c>
      <c r="R4190">
        <v>5</v>
      </c>
      <c r="S4190">
        <v>5</v>
      </c>
      <c r="T4190">
        <v>5</v>
      </c>
      <c r="U4190">
        <v>5</v>
      </c>
      <c r="V4190">
        <v>5</v>
      </c>
      <c r="W4190">
        <v>5</v>
      </c>
      <c r="X4190">
        <v>5</v>
      </c>
      <c r="Y4190">
        <v>5</v>
      </c>
      <c r="Z4190">
        <v>5</v>
      </c>
      <c r="AA4190">
        <v>5</v>
      </c>
      <c r="AB4190">
        <v>5</v>
      </c>
      <c r="AC4190">
        <v>5</v>
      </c>
      <c r="AD4190">
        <v>5</v>
      </c>
      <c r="AE4190">
        <v>5</v>
      </c>
      <c r="AF4190">
        <v>5</v>
      </c>
      <c r="AG4190">
        <v>5</v>
      </c>
      <c r="AH4190">
        <v>5</v>
      </c>
      <c r="AI4190">
        <v>5</v>
      </c>
      <c r="AJ4190">
        <v>5</v>
      </c>
      <c r="AK4190">
        <v>5</v>
      </c>
      <c r="AL4190">
        <v>5</v>
      </c>
      <c r="AM4190">
        <v>5</v>
      </c>
      <c r="AN4190">
        <v>5</v>
      </c>
      <c r="AO4190">
        <v>5</v>
      </c>
      <c r="AP4190">
        <v>5</v>
      </c>
      <c r="AQ4190">
        <v>5</v>
      </c>
    </row>
    <row r="4191" spans="1:43">
      <c r="A4191" t="s">
        <v>2650</v>
      </c>
      <c r="B4191" t="s">
        <v>2651</v>
      </c>
      <c r="C4191" t="s">
        <v>2596</v>
      </c>
      <c r="D4191" t="s">
        <v>2597</v>
      </c>
      <c r="E4191" t="s">
        <v>2352</v>
      </c>
      <c r="F4191" t="s">
        <v>2353</v>
      </c>
      <c r="G4191" t="s">
        <v>80</v>
      </c>
      <c r="H4191" t="s">
        <v>81</v>
      </c>
      <c r="I4191" s="2">
        <v>0</v>
      </c>
      <c r="J4191" s="2">
        <v>0</v>
      </c>
      <c r="K4191" s="2">
        <v>1</v>
      </c>
      <c r="L4191" t="s">
        <v>995</v>
      </c>
      <c r="M4191" t="s">
        <v>87</v>
      </c>
      <c r="N4191" t="s">
        <v>88</v>
      </c>
      <c r="O4191" t="s">
        <v>85</v>
      </c>
      <c r="P4191" t="s">
        <v>86</v>
      </c>
      <c r="Q4191">
        <v>5</v>
      </c>
      <c r="R4191">
        <v>5</v>
      </c>
      <c r="S4191">
        <v>5</v>
      </c>
      <c r="T4191">
        <v>5</v>
      </c>
      <c r="U4191">
        <v>5</v>
      </c>
      <c r="V4191">
        <v>5</v>
      </c>
      <c r="W4191">
        <v>5</v>
      </c>
      <c r="X4191">
        <v>5</v>
      </c>
      <c r="Y4191">
        <v>5</v>
      </c>
      <c r="Z4191">
        <v>5</v>
      </c>
      <c r="AA4191">
        <v>5</v>
      </c>
      <c r="AB4191">
        <v>5</v>
      </c>
      <c r="AC4191">
        <v>5</v>
      </c>
      <c r="AD4191">
        <v>5</v>
      </c>
      <c r="AE4191">
        <v>5</v>
      </c>
      <c r="AF4191">
        <v>5</v>
      </c>
      <c r="AG4191">
        <v>5</v>
      </c>
      <c r="AH4191">
        <v>5</v>
      </c>
      <c r="AI4191">
        <v>4</v>
      </c>
      <c r="AJ4191">
        <v>4</v>
      </c>
      <c r="AK4191">
        <v>4</v>
      </c>
      <c r="AL4191">
        <v>4</v>
      </c>
      <c r="AM4191">
        <v>4</v>
      </c>
      <c r="AN4191">
        <v>4</v>
      </c>
      <c r="AO4191">
        <v>4</v>
      </c>
      <c r="AP4191">
        <v>4</v>
      </c>
      <c r="AQ4191">
        <v>4</v>
      </c>
    </row>
    <row r="4192" spans="1:43">
      <c r="A4192" t="s">
        <v>2650</v>
      </c>
      <c r="B4192" t="s">
        <v>2651</v>
      </c>
      <c r="C4192" t="s">
        <v>2596</v>
      </c>
      <c r="D4192" t="s">
        <v>2597</v>
      </c>
      <c r="E4192" t="s">
        <v>2352</v>
      </c>
      <c r="F4192" t="s">
        <v>2353</v>
      </c>
      <c r="G4192" t="s">
        <v>80</v>
      </c>
      <c r="H4192" t="s">
        <v>81</v>
      </c>
      <c r="I4192" s="2">
        <v>0</v>
      </c>
      <c r="J4192" s="2">
        <v>0</v>
      </c>
      <c r="K4192" s="2">
        <v>1</v>
      </c>
      <c r="L4192" t="s">
        <v>995</v>
      </c>
      <c r="M4192" t="s">
        <v>89</v>
      </c>
      <c r="N4192" t="s">
        <v>90</v>
      </c>
      <c r="O4192" t="s">
        <v>85</v>
      </c>
      <c r="P4192" t="s">
        <v>86</v>
      </c>
      <c r="Q4192">
        <v>5</v>
      </c>
      <c r="R4192">
        <v>5</v>
      </c>
      <c r="S4192">
        <v>5</v>
      </c>
      <c r="T4192">
        <v>5</v>
      </c>
      <c r="U4192">
        <v>5</v>
      </c>
      <c r="V4192">
        <v>5</v>
      </c>
      <c r="W4192">
        <v>5</v>
      </c>
      <c r="X4192">
        <v>5</v>
      </c>
      <c r="Y4192">
        <v>5</v>
      </c>
      <c r="Z4192">
        <v>6</v>
      </c>
      <c r="AA4192">
        <v>6</v>
      </c>
      <c r="AB4192">
        <v>6</v>
      </c>
      <c r="AC4192">
        <v>6</v>
      </c>
      <c r="AD4192">
        <v>6</v>
      </c>
      <c r="AE4192">
        <v>6</v>
      </c>
      <c r="AF4192">
        <v>6</v>
      </c>
      <c r="AG4192">
        <v>5</v>
      </c>
      <c r="AH4192">
        <v>5</v>
      </c>
      <c r="AI4192">
        <v>5</v>
      </c>
      <c r="AJ4192">
        <v>5</v>
      </c>
      <c r="AK4192">
        <v>5</v>
      </c>
      <c r="AL4192">
        <v>5</v>
      </c>
      <c r="AM4192">
        <v>5</v>
      </c>
      <c r="AN4192">
        <v>5</v>
      </c>
      <c r="AO4192">
        <v>5</v>
      </c>
      <c r="AP4192">
        <v>5</v>
      </c>
      <c r="AQ4192">
        <v>5</v>
      </c>
    </row>
    <row r="4193" spans="1:43">
      <c r="A4193" t="s">
        <v>2650</v>
      </c>
      <c r="B4193" t="s">
        <v>2651</v>
      </c>
      <c r="C4193" t="s">
        <v>2596</v>
      </c>
      <c r="D4193" t="s">
        <v>2597</v>
      </c>
      <c r="E4193" t="s">
        <v>2352</v>
      </c>
      <c r="F4193" t="s">
        <v>2353</v>
      </c>
      <c r="G4193" t="s">
        <v>80</v>
      </c>
      <c r="H4193" t="s">
        <v>81</v>
      </c>
      <c r="I4193" s="2">
        <v>0</v>
      </c>
      <c r="J4193" s="2">
        <v>0</v>
      </c>
      <c r="K4193" s="2">
        <v>1</v>
      </c>
      <c r="L4193" t="s">
        <v>995</v>
      </c>
      <c r="M4193" t="s">
        <v>83</v>
      </c>
      <c r="N4193" t="s">
        <v>91</v>
      </c>
      <c r="O4193" t="s">
        <v>85</v>
      </c>
      <c r="P4193" t="s">
        <v>86</v>
      </c>
      <c r="Q4193">
        <v>5</v>
      </c>
      <c r="R4193">
        <v>5</v>
      </c>
      <c r="S4193">
        <v>5</v>
      </c>
      <c r="T4193">
        <v>5</v>
      </c>
      <c r="U4193">
        <v>5</v>
      </c>
      <c r="V4193">
        <v>5</v>
      </c>
      <c r="W4193">
        <v>5</v>
      </c>
      <c r="X4193">
        <v>5</v>
      </c>
      <c r="Y4193">
        <v>5</v>
      </c>
      <c r="Z4193">
        <v>5</v>
      </c>
      <c r="AA4193">
        <v>5</v>
      </c>
      <c r="AB4193">
        <v>5</v>
      </c>
      <c r="AC4193">
        <v>5</v>
      </c>
      <c r="AD4193">
        <v>5</v>
      </c>
      <c r="AE4193">
        <v>5</v>
      </c>
      <c r="AF4193">
        <v>5</v>
      </c>
      <c r="AG4193">
        <v>5</v>
      </c>
      <c r="AH4193">
        <v>5</v>
      </c>
      <c r="AI4193">
        <v>5</v>
      </c>
      <c r="AJ4193">
        <v>5</v>
      </c>
      <c r="AK4193">
        <v>5</v>
      </c>
      <c r="AL4193">
        <v>5</v>
      </c>
      <c r="AM4193">
        <v>5</v>
      </c>
      <c r="AN4193">
        <v>5</v>
      </c>
      <c r="AO4193">
        <v>5</v>
      </c>
      <c r="AP4193">
        <v>5</v>
      </c>
      <c r="AQ4193">
        <v>5</v>
      </c>
    </row>
    <row r="4194" spans="1:43">
      <c r="A4194" t="s">
        <v>2652</v>
      </c>
      <c r="B4194" t="s">
        <v>2653</v>
      </c>
      <c r="C4194" t="s">
        <v>2596</v>
      </c>
      <c r="D4194" t="s">
        <v>2597</v>
      </c>
      <c r="E4194" t="s">
        <v>2352</v>
      </c>
      <c r="F4194" t="s">
        <v>2353</v>
      </c>
      <c r="G4194" t="s">
        <v>80</v>
      </c>
      <c r="H4194" t="s">
        <v>81</v>
      </c>
      <c r="I4194" s="2">
        <v>0</v>
      </c>
      <c r="J4194" s="2">
        <v>0</v>
      </c>
      <c r="K4194" s="2">
        <v>1</v>
      </c>
      <c r="L4194" t="s">
        <v>995</v>
      </c>
      <c r="M4194" t="s">
        <v>83</v>
      </c>
      <c r="N4194" t="s">
        <v>84</v>
      </c>
      <c r="O4194" t="s">
        <v>85</v>
      </c>
      <c r="P4194" t="s">
        <v>86</v>
      </c>
      <c r="Q4194">
        <v>138</v>
      </c>
      <c r="R4194">
        <v>139</v>
      </c>
      <c r="S4194">
        <v>139</v>
      </c>
      <c r="T4194">
        <v>140</v>
      </c>
      <c r="U4194">
        <v>141</v>
      </c>
      <c r="V4194">
        <v>141</v>
      </c>
      <c r="W4194">
        <v>142</v>
      </c>
      <c r="X4194">
        <v>142</v>
      </c>
      <c r="Y4194">
        <v>143</v>
      </c>
      <c r="Z4194">
        <v>143</v>
      </c>
      <c r="AA4194">
        <v>144</v>
      </c>
      <c r="AB4194">
        <v>144</v>
      </c>
      <c r="AC4194">
        <v>144</v>
      </c>
      <c r="AD4194">
        <v>145</v>
      </c>
      <c r="AE4194">
        <v>145</v>
      </c>
      <c r="AF4194">
        <v>145</v>
      </c>
      <c r="AG4194">
        <v>145</v>
      </c>
      <c r="AH4194">
        <v>146</v>
      </c>
      <c r="AI4194">
        <v>146</v>
      </c>
      <c r="AJ4194">
        <v>146</v>
      </c>
      <c r="AK4194">
        <v>146</v>
      </c>
      <c r="AL4194">
        <v>146</v>
      </c>
      <c r="AM4194">
        <v>145</v>
      </c>
      <c r="AN4194">
        <v>144</v>
      </c>
      <c r="AO4194">
        <v>143</v>
      </c>
      <c r="AP4194">
        <v>142</v>
      </c>
      <c r="AQ4194">
        <v>141</v>
      </c>
    </row>
    <row r="4195" spans="1:43">
      <c r="A4195" t="s">
        <v>2652</v>
      </c>
      <c r="B4195" t="s">
        <v>2653</v>
      </c>
      <c r="C4195" t="s">
        <v>2596</v>
      </c>
      <c r="D4195" t="s">
        <v>2597</v>
      </c>
      <c r="E4195" t="s">
        <v>2352</v>
      </c>
      <c r="F4195" t="s">
        <v>2353</v>
      </c>
      <c r="G4195" t="s">
        <v>80</v>
      </c>
      <c r="H4195" t="s">
        <v>81</v>
      </c>
      <c r="I4195" s="2">
        <v>0</v>
      </c>
      <c r="J4195" s="2">
        <v>0</v>
      </c>
      <c r="K4195" s="2">
        <v>1</v>
      </c>
      <c r="L4195" t="s">
        <v>995</v>
      </c>
      <c r="M4195" t="s">
        <v>87</v>
      </c>
      <c r="N4195" t="s">
        <v>88</v>
      </c>
      <c r="O4195" t="s">
        <v>85</v>
      </c>
      <c r="P4195" t="s">
        <v>86</v>
      </c>
      <c r="Q4195">
        <v>138</v>
      </c>
      <c r="R4195">
        <v>137</v>
      </c>
      <c r="S4195">
        <v>137</v>
      </c>
      <c r="T4195">
        <v>136</v>
      </c>
      <c r="U4195">
        <v>135</v>
      </c>
      <c r="V4195">
        <v>135</v>
      </c>
      <c r="W4195">
        <v>134</v>
      </c>
      <c r="X4195">
        <v>134</v>
      </c>
      <c r="Y4195">
        <v>133</v>
      </c>
      <c r="Z4195">
        <v>132</v>
      </c>
      <c r="AA4195">
        <v>132</v>
      </c>
      <c r="AB4195">
        <v>131</v>
      </c>
      <c r="AC4195">
        <v>131</v>
      </c>
      <c r="AD4195">
        <v>130</v>
      </c>
      <c r="AE4195">
        <v>130</v>
      </c>
      <c r="AF4195">
        <v>129</v>
      </c>
      <c r="AG4195">
        <v>128</v>
      </c>
      <c r="AH4195">
        <v>128</v>
      </c>
      <c r="AI4195">
        <v>127</v>
      </c>
      <c r="AJ4195">
        <v>127</v>
      </c>
      <c r="AK4195">
        <v>126</v>
      </c>
      <c r="AL4195">
        <v>126</v>
      </c>
      <c r="AM4195">
        <v>125</v>
      </c>
      <c r="AN4195">
        <v>125</v>
      </c>
      <c r="AO4195">
        <v>124</v>
      </c>
      <c r="AP4195">
        <v>124</v>
      </c>
      <c r="AQ4195">
        <v>123</v>
      </c>
    </row>
    <row r="4196" spans="1:43">
      <c r="A4196" t="s">
        <v>2652</v>
      </c>
      <c r="B4196" t="s">
        <v>2653</v>
      </c>
      <c r="C4196" t="s">
        <v>2596</v>
      </c>
      <c r="D4196" t="s">
        <v>2597</v>
      </c>
      <c r="E4196" t="s">
        <v>2352</v>
      </c>
      <c r="F4196" t="s">
        <v>2353</v>
      </c>
      <c r="G4196" t="s">
        <v>80</v>
      </c>
      <c r="H4196" t="s">
        <v>81</v>
      </c>
      <c r="I4196" s="2">
        <v>0</v>
      </c>
      <c r="J4196" s="2">
        <v>0</v>
      </c>
      <c r="K4196" s="2">
        <v>1</v>
      </c>
      <c r="L4196" t="s">
        <v>995</v>
      </c>
      <c r="M4196" t="s">
        <v>89</v>
      </c>
      <c r="N4196" t="s">
        <v>90</v>
      </c>
      <c r="O4196" t="s">
        <v>85</v>
      </c>
      <c r="P4196" t="s">
        <v>86</v>
      </c>
      <c r="Q4196">
        <v>138</v>
      </c>
      <c r="R4196">
        <v>140</v>
      </c>
      <c r="S4196">
        <v>142</v>
      </c>
      <c r="T4196">
        <v>144</v>
      </c>
      <c r="U4196">
        <v>145</v>
      </c>
      <c r="V4196">
        <v>147</v>
      </c>
      <c r="W4196">
        <v>148</v>
      </c>
      <c r="X4196">
        <v>149</v>
      </c>
      <c r="Y4196">
        <v>150</v>
      </c>
      <c r="Z4196">
        <v>151</v>
      </c>
      <c r="AA4196">
        <v>152</v>
      </c>
      <c r="AB4196">
        <v>152</v>
      </c>
      <c r="AC4196">
        <v>153</v>
      </c>
      <c r="AD4196">
        <v>154</v>
      </c>
      <c r="AE4196">
        <v>154</v>
      </c>
      <c r="AF4196">
        <v>153</v>
      </c>
      <c r="AG4196">
        <v>152</v>
      </c>
      <c r="AH4196">
        <v>151</v>
      </c>
      <c r="AI4196">
        <v>150</v>
      </c>
      <c r="AJ4196">
        <v>149</v>
      </c>
      <c r="AK4196">
        <v>148</v>
      </c>
      <c r="AL4196">
        <v>147</v>
      </c>
      <c r="AM4196">
        <v>146</v>
      </c>
      <c r="AN4196">
        <v>145</v>
      </c>
      <c r="AO4196">
        <v>144</v>
      </c>
      <c r="AP4196">
        <v>143</v>
      </c>
      <c r="AQ4196">
        <v>142</v>
      </c>
    </row>
    <row r="4197" spans="1:43">
      <c r="A4197" t="s">
        <v>2652</v>
      </c>
      <c r="B4197" t="s">
        <v>2653</v>
      </c>
      <c r="C4197" t="s">
        <v>2596</v>
      </c>
      <c r="D4197" t="s">
        <v>2597</v>
      </c>
      <c r="E4197" t="s">
        <v>2352</v>
      </c>
      <c r="F4197" t="s">
        <v>2353</v>
      </c>
      <c r="G4197" t="s">
        <v>80</v>
      </c>
      <c r="H4197" t="s">
        <v>81</v>
      </c>
      <c r="I4197" s="2">
        <v>0</v>
      </c>
      <c r="J4197" s="2">
        <v>0</v>
      </c>
      <c r="K4197" s="2">
        <v>1</v>
      </c>
      <c r="L4197" t="s">
        <v>995</v>
      </c>
      <c r="M4197" t="s">
        <v>83</v>
      </c>
      <c r="N4197" t="s">
        <v>91</v>
      </c>
      <c r="O4197" t="s">
        <v>85</v>
      </c>
      <c r="P4197" t="s">
        <v>86</v>
      </c>
      <c r="Q4197">
        <v>138</v>
      </c>
      <c r="R4197">
        <v>139</v>
      </c>
      <c r="S4197">
        <v>139</v>
      </c>
      <c r="T4197">
        <v>140</v>
      </c>
      <c r="U4197">
        <v>141</v>
      </c>
      <c r="V4197">
        <v>141</v>
      </c>
      <c r="W4197">
        <v>142</v>
      </c>
      <c r="X4197">
        <v>142</v>
      </c>
      <c r="Y4197">
        <v>143</v>
      </c>
      <c r="Z4197">
        <v>143</v>
      </c>
      <c r="AA4197">
        <v>144</v>
      </c>
      <c r="AB4197">
        <v>144</v>
      </c>
      <c r="AC4197">
        <v>144</v>
      </c>
      <c r="AD4197">
        <v>145</v>
      </c>
      <c r="AE4197">
        <v>145</v>
      </c>
      <c r="AF4197">
        <v>145</v>
      </c>
      <c r="AG4197">
        <v>145</v>
      </c>
      <c r="AH4197">
        <v>146</v>
      </c>
      <c r="AI4197">
        <v>146</v>
      </c>
      <c r="AJ4197">
        <v>146</v>
      </c>
      <c r="AK4197">
        <v>146</v>
      </c>
      <c r="AL4197">
        <v>146</v>
      </c>
      <c r="AM4197">
        <v>145</v>
      </c>
      <c r="AN4197">
        <v>144</v>
      </c>
      <c r="AO4197">
        <v>143</v>
      </c>
      <c r="AP4197">
        <v>142</v>
      </c>
      <c r="AQ4197">
        <v>141</v>
      </c>
    </row>
    <row r="4198" spans="1:43">
      <c r="A4198" t="s">
        <v>2654</v>
      </c>
      <c r="B4198" t="s">
        <v>2655</v>
      </c>
      <c r="C4198" t="s">
        <v>2596</v>
      </c>
      <c r="D4198" t="s">
        <v>2597</v>
      </c>
      <c r="E4198" t="s">
        <v>2352</v>
      </c>
      <c r="F4198" t="s">
        <v>2353</v>
      </c>
      <c r="G4198" t="s">
        <v>80</v>
      </c>
      <c r="H4198" t="s">
        <v>81</v>
      </c>
      <c r="I4198" s="2">
        <v>0</v>
      </c>
      <c r="J4198" s="2">
        <v>0</v>
      </c>
      <c r="K4198" s="2">
        <v>1</v>
      </c>
      <c r="L4198" t="s">
        <v>995</v>
      </c>
      <c r="M4198" t="s">
        <v>83</v>
      </c>
      <c r="N4198" t="s">
        <v>84</v>
      </c>
      <c r="O4198" t="s">
        <v>85</v>
      </c>
      <c r="P4198" t="s">
        <v>86</v>
      </c>
      <c r="Q4198">
        <v>27</v>
      </c>
      <c r="R4198">
        <v>27</v>
      </c>
      <c r="S4198">
        <v>27</v>
      </c>
      <c r="T4198">
        <v>27</v>
      </c>
      <c r="U4198">
        <v>27</v>
      </c>
      <c r="V4198">
        <v>27</v>
      </c>
      <c r="W4198">
        <v>27</v>
      </c>
      <c r="X4198">
        <v>27</v>
      </c>
      <c r="Y4198">
        <v>27</v>
      </c>
      <c r="Z4198">
        <v>27</v>
      </c>
      <c r="AA4198">
        <v>27</v>
      </c>
      <c r="AB4198">
        <v>27</v>
      </c>
      <c r="AC4198">
        <v>27</v>
      </c>
      <c r="AD4198">
        <v>27</v>
      </c>
      <c r="AE4198">
        <v>27</v>
      </c>
      <c r="AF4198">
        <v>27</v>
      </c>
      <c r="AG4198">
        <v>27</v>
      </c>
      <c r="AH4198">
        <v>27</v>
      </c>
      <c r="AI4198">
        <v>27</v>
      </c>
      <c r="AJ4198">
        <v>27</v>
      </c>
      <c r="AK4198">
        <v>27</v>
      </c>
      <c r="AL4198">
        <v>27</v>
      </c>
      <c r="AM4198">
        <v>27</v>
      </c>
      <c r="AN4198">
        <v>27</v>
      </c>
      <c r="AO4198">
        <v>26</v>
      </c>
      <c r="AP4198">
        <v>26</v>
      </c>
      <c r="AQ4198">
        <v>26</v>
      </c>
    </row>
    <row r="4199" spans="1:43">
      <c r="A4199" t="s">
        <v>2654</v>
      </c>
      <c r="B4199" t="s">
        <v>2655</v>
      </c>
      <c r="C4199" t="s">
        <v>2596</v>
      </c>
      <c r="D4199" t="s">
        <v>2597</v>
      </c>
      <c r="E4199" t="s">
        <v>2352</v>
      </c>
      <c r="F4199" t="s">
        <v>2353</v>
      </c>
      <c r="G4199" t="s">
        <v>80</v>
      </c>
      <c r="H4199" t="s">
        <v>81</v>
      </c>
      <c r="I4199" s="2">
        <v>0</v>
      </c>
      <c r="J4199" s="2">
        <v>0</v>
      </c>
      <c r="K4199" s="2">
        <v>1</v>
      </c>
      <c r="L4199" t="s">
        <v>995</v>
      </c>
      <c r="M4199" t="s">
        <v>87</v>
      </c>
      <c r="N4199" t="s">
        <v>88</v>
      </c>
      <c r="O4199" t="s">
        <v>85</v>
      </c>
      <c r="P4199" t="s">
        <v>86</v>
      </c>
      <c r="Q4199">
        <v>27</v>
      </c>
      <c r="R4199">
        <v>26</v>
      </c>
      <c r="S4199">
        <v>26</v>
      </c>
      <c r="T4199">
        <v>26</v>
      </c>
      <c r="U4199">
        <v>26</v>
      </c>
      <c r="V4199">
        <v>26</v>
      </c>
      <c r="W4199">
        <v>26</v>
      </c>
      <c r="X4199">
        <v>25</v>
      </c>
      <c r="Y4199">
        <v>25</v>
      </c>
      <c r="Z4199">
        <v>25</v>
      </c>
      <c r="AA4199">
        <v>25</v>
      </c>
      <c r="AB4199">
        <v>25</v>
      </c>
      <c r="AC4199">
        <v>25</v>
      </c>
      <c r="AD4199">
        <v>24</v>
      </c>
      <c r="AE4199">
        <v>24</v>
      </c>
      <c r="AF4199">
        <v>24</v>
      </c>
      <c r="AG4199">
        <v>24</v>
      </c>
      <c r="AH4199">
        <v>24</v>
      </c>
      <c r="AI4199">
        <v>24</v>
      </c>
      <c r="AJ4199">
        <v>23</v>
      </c>
      <c r="AK4199">
        <v>23</v>
      </c>
      <c r="AL4199">
        <v>23</v>
      </c>
      <c r="AM4199">
        <v>23</v>
      </c>
      <c r="AN4199">
        <v>23</v>
      </c>
      <c r="AO4199">
        <v>23</v>
      </c>
      <c r="AP4199">
        <v>23</v>
      </c>
      <c r="AQ4199">
        <v>22</v>
      </c>
    </row>
    <row r="4200" spans="1:43">
      <c r="A4200" t="s">
        <v>2654</v>
      </c>
      <c r="B4200" t="s">
        <v>2655</v>
      </c>
      <c r="C4200" t="s">
        <v>2596</v>
      </c>
      <c r="D4200" t="s">
        <v>2597</v>
      </c>
      <c r="E4200" t="s">
        <v>2352</v>
      </c>
      <c r="F4200" t="s">
        <v>2353</v>
      </c>
      <c r="G4200" t="s">
        <v>80</v>
      </c>
      <c r="H4200" t="s">
        <v>81</v>
      </c>
      <c r="I4200" s="2">
        <v>0</v>
      </c>
      <c r="J4200" s="2">
        <v>0</v>
      </c>
      <c r="K4200" s="2">
        <v>1</v>
      </c>
      <c r="L4200" t="s">
        <v>995</v>
      </c>
      <c r="M4200" t="s">
        <v>89</v>
      </c>
      <c r="N4200" t="s">
        <v>90</v>
      </c>
      <c r="O4200" t="s">
        <v>85</v>
      </c>
      <c r="P4200" t="s">
        <v>86</v>
      </c>
      <c r="Q4200">
        <v>27</v>
      </c>
      <c r="R4200">
        <v>27</v>
      </c>
      <c r="S4200">
        <v>28</v>
      </c>
      <c r="T4200">
        <v>28</v>
      </c>
      <c r="U4200">
        <v>28</v>
      </c>
      <c r="V4200">
        <v>28</v>
      </c>
      <c r="W4200">
        <v>29</v>
      </c>
      <c r="X4200">
        <v>29</v>
      </c>
      <c r="Y4200">
        <v>29</v>
      </c>
      <c r="Z4200">
        <v>29</v>
      </c>
      <c r="AA4200">
        <v>29</v>
      </c>
      <c r="AB4200">
        <v>29</v>
      </c>
      <c r="AC4200">
        <v>29</v>
      </c>
      <c r="AD4200">
        <v>29</v>
      </c>
      <c r="AE4200">
        <v>29</v>
      </c>
      <c r="AF4200">
        <v>29</v>
      </c>
      <c r="AG4200">
        <v>29</v>
      </c>
      <c r="AH4200">
        <v>28</v>
      </c>
      <c r="AI4200">
        <v>28</v>
      </c>
      <c r="AJ4200">
        <v>28</v>
      </c>
      <c r="AK4200">
        <v>28</v>
      </c>
      <c r="AL4200">
        <v>27</v>
      </c>
      <c r="AM4200">
        <v>27</v>
      </c>
      <c r="AN4200">
        <v>27</v>
      </c>
      <c r="AO4200">
        <v>26</v>
      </c>
      <c r="AP4200">
        <v>26</v>
      </c>
      <c r="AQ4200">
        <v>26</v>
      </c>
    </row>
    <row r="4201" spans="1:43">
      <c r="A4201" t="s">
        <v>2654</v>
      </c>
      <c r="B4201" t="s">
        <v>2655</v>
      </c>
      <c r="C4201" t="s">
        <v>2596</v>
      </c>
      <c r="D4201" t="s">
        <v>2597</v>
      </c>
      <c r="E4201" t="s">
        <v>2352</v>
      </c>
      <c r="F4201" t="s">
        <v>2353</v>
      </c>
      <c r="G4201" t="s">
        <v>80</v>
      </c>
      <c r="H4201" t="s">
        <v>81</v>
      </c>
      <c r="I4201" s="2">
        <v>0</v>
      </c>
      <c r="J4201" s="2">
        <v>0</v>
      </c>
      <c r="K4201" s="2">
        <v>1</v>
      </c>
      <c r="L4201" t="s">
        <v>995</v>
      </c>
      <c r="M4201" t="s">
        <v>83</v>
      </c>
      <c r="N4201" t="s">
        <v>91</v>
      </c>
      <c r="O4201" t="s">
        <v>85</v>
      </c>
      <c r="P4201" t="s">
        <v>86</v>
      </c>
      <c r="Q4201">
        <v>27</v>
      </c>
      <c r="R4201">
        <v>27</v>
      </c>
      <c r="S4201">
        <v>27</v>
      </c>
      <c r="T4201">
        <v>27</v>
      </c>
      <c r="U4201">
        <v>27</v>
      </c>
      <c r="V4201">
        <v>27</v>
      </c>
      <c r="W4201">
        <v>27</v>
      </c>
      <c r="X4201">
        <v>27</v>
      </c>
      <c r="Y4201">
        <v>27</v>
      </c>
      <c r="Z4201">
        <v>27</v>
      </c>
      <c r="AA4201">
        <v>27</v>
      </c>
      <c r="AB4201">
        <v>27</v>
      </c>
      <c r="AC4201">
        <v>27</v>
      </c>
      <c r="AD4201">
        <v>27</v>
      </c>
      <c r="AE4201">
        <v>27</v>
      </c>
      <c r="AF4201">
        <v>27</v>
      </c>
      <c r="AG4201">
        <v>27</v>
      </c>
      <c r="AH4201">
        <v>27</v>
      </c>
      <c r="AI4201">
        <v>27</v>
      </c>
      <c r="AJ4201">
        <v>27</v>
      </c>
      <c r="AK4201">
        <v>27</v>
      </c>
      <c r="AL4201">
        <v>27</v>
      </c>
      <c r="AM4201">
        <v>27</v>
      </c>
      <c r="AN4201">
        <v>27</v>
      </c>
      <c r="AO4201">
        <v>26</v>
      </c>
      <c r="AP4201">
        <v>26</v>
      </c>
      <c r="AQ4201">
        <v>26</v>
      </c>
    </row>
    <row r="4202" spans="1:43">
      <c r="A4202" t="s">
        <v>2656</v>
      </c>
      <c r="B4202" t="s">
        <v>2657</v>
      </c>
      <c r="C4202" t="s">
        <v>2586</v>
      </c>
      <c r="D4202" t="s">
        <v>2587</v>
      </c>
      <c r="E4202" t="s">
        <v>2352</v>
      </c>
      <c r="F4202" t="s">
        <v>2353</v>
      </c>
      <c r="G4202" t="s">
        <v>80</v>
      </c>
      <c r="H4202" t="s">
        <v>81</v>
      </c>
      <c r="I4202" s="2">
        <v>0</v>
      </c>
      <c r="J4202" s="2">
        <v>0</v>
      </c>
      <c r="K4202" s="2">
        <v>1</v>
      </c>
      <c r="L4202" t="s">
        <v>995</v>
      </c>
      <c r="M4202" t="s">
        <v>83</v>
      </c>
      <c r="N4202" t="s">
        <v>84</v>
      </c>
      <c r="O4202" t="s">
        <v>85</v>
      </c>
      <c r="P4202" t="s">
        <v>86</v>
      </c>
      <c r="Q4202">
        <v>29</v>
      </c>
      <c r="R4202">
        <v>29</v>
      </c>
      <c r="S4202">
        <v>29</v>
      </c>
      <c r="T4202">
        <v>30</v>
      </c>
      <c r="U4202">
        <v>30</v>
      </c>
      <c r="V4202">
        <v>30</v>
      </c>
      <c r="W4202">
        <v>30</v>
      </c>
      <c r="X4202">
        <v>30</v>
      </c>
      <c r="Y4202">
        <v>30</v>
      </c>
      <c r="Z4202">
        <v>30</v>
      </c>
      <c r="AA4202">
        <v>30</v>
      </c>
      <c r="AB4202">
        <v>30</v>
      </c>
      <c r="AC4202">
        <v>30</v>
      </c>
      <c r="AD4202">
        <v>30</v>
      </c>
      <c r="AE4202">
        <v>30</v>
      </c>
      <c r="AF4202">
        <v>30</v>
      </c>
      <c r="AG4202">
        <v>30</v>
      </c>
      <c r="AH4202">
        <v>30</v>
      </c>
      <c r="AI4202">
        <v>30</v>
      </c>
      <c r="AJ4202">
        <v>30</v>
      </c>
      <c r="AK4202">
        <v>30</v>
      </c>
      <c r="AL4202">
        <v>30</v>
      </c>
      <c r="AM4202">
        <v>30</v>
      </c>
      <c r="AN4202">
        <v>30</v>
      </c>
      <c r="AO4202">
        <v>29</v>
      </c>
      <c r="AP4202">
        <v>29</v>
      </c>
      <c r="AQ4202">
        <v>29</v>
      </c>
    </row>
    <row r="4203" spans="1:43">
      <c r="A4203" t="s">
        <v>2656</v>
      </c>
      <c r="B4203" t="s">
        <v>2657</v>
      </c>
      <c r="C4203" t="s">
        <v>2586</v>
      </c>
      <c r="D4203" t="s">
        <v>2587</v>
      </c>
      <c r="E4203" t="s">
        <v>2352</v>
      </c>
      <c r="F4203" t="s">
        <v>2353</v>
      </c>
      <c r="G4203" t="s">
        <v>80</v>
      </c>
      <c r="H4203" t="s">
        <v>81</v>
      </c>
      <c r="I4203" s="2">
        <v>0</v>
      </c>
      <c r="J4203" s="2">
        <v>0</v>
      </c>
      <c r="K4203" s="2">
        <v>1</v>
      </c>
      <c r="L4203" t="s">
        <v>995</v>
      </c>
      <c r="M4203" t="s">
        <v>87</v>
      </c>
      <c r="N4203" t="s">
        <v>88</v>
      </c>
      <c r="O4203" t="s">
        <v>85</v>
      </c>
      <c r="P4203" t="s">
        <v>86</v>
      </c>
      <c r="Q4203">
        <v>29</v>
      </c>
      <c r="R4203">
        <v>29</v>
      </c>
      <c r="S4203">
        <v>29</v>
      </c>
      <c r="T4203">
        <v>28</v>
      </c>
      <c r="U4203">
        <v>28</v>
      </c>
      <c r="V4203">
        <v>28</v>
      </c>
      <c r="W4203">
        <v>28</v>
      </c>
      <c r="X4203">
        <v>28</v>
      </c>
      <c r="Y4203">
        <v>28</v>
      </c>
      <c r="Z4203">
        <v>28</v>
      </c>
      <c r="AA4203">
        <v>27</v>
      </c>
      <c r="AB4203">
        <v>27</v>
      </c>
      <c r="AC4203">
        <v>27</v>
      </c>
      <c r="AD4203">
        <v>27</v>
      </c>
      <c r="AE4203">
        <v>27</v>
      </c>
      <c r="AF4203">
        <v>27</v>
      </c>
      <c r="AG4203">
        <v>26</v>
      </c>
      <c r="AH4203">
        <v>26</v>
      </c>
      <c r="AI4203">
        <v>26</v>
      </c>
      <c r="AJ4203">
        <v>26</v>
      </c>
      <c r="AK4203">
        <v>26</v>
      </c>
      <c r="AL4203">
        <v>26</v>
      </c>
      <c r="AM4203">
        <v>26</v>
      </c>
      <c r="AN4203">
        <v>25</v>
      </c>
      <c r="AO4203">
        <v>25</v>
      </c>
      <c r="AP4203">
        <v>25</v>
      </c>
      <c r="AQ4203">
        <v>25</v>
      </c>
    </row>
    <row r="4204" spans="1:43">
      <c r="A4204" t="s">
        <v>2656</v>
      </c>
      <c r="B4204" t="s">
        <v>2657</v>
      </c>
      <c r="C4204" t="s">
        <v>2586</v>
      </c>
      <c r="D4204" t="s">
        <v>2587</v>
      </c>
      <c r="E4204" t="s">
        <v>2352</v>
      </c>
      <c r="F4204" t="s">
        <v>2353</v>
      </c>
      <c r="G4204" t="s">
        <v>80</v>
      </c>
      <c r="H4204" t="s">
        <v>81</v>
      </c>
      <c r="I4204" s="2">
        <v>0</v>
      </c>
      <c r="J4204" s="2">
        <v>0</v>
      </c>
      <c r="K4204" s="2">
        <v>1</v>
      </c>
      <c r="L4204" t="s">
        <v>995</v>
      </c>
      <c r="M4204" t="s">
        <v>89</v>
      </c>
      <c r="N4204" t="s">
        <v>90</v>
      </c>
      <c r="O4204" t="s">
        <v>85</v>
      </c>
      <c r="P4204" t="s">
        <v>86</v>
      </c>
      <c r="Q4204">
        <v>29</v>
      </c>
      <c r="R4204">
        <v>30</v>
      </c>
      <c r="S4204">
        <v>30</v>
      </c>
      <c r="T4204">
        <v>31</v>
      </c>
      <c r="U4204">
        <v>31</v>
      </c>
      <c r="V4204">
        <v>31</v>
      </c>
      <c r="W4204">
        <v>31</v>
      </c>
      <c r="X4204">
        <v>32</v>
      </c>
      <c r="Y4204">
        <v>32</v>
      </c>
      <c r="Z4204">
        <v>32</v>
      </c>
      <c r="AA4204">
        <v>32</v>
      </c>
      <c r="AB4204">
        <v>32</v>
      </c>
      <c r="AC4204">
        <v>32</v>
      </c>
      <c r="AD4204">
        <v>32</v>
      </c>
      <c r="AE4204">
        <v>32</v>
      </c>
      <c r="AF4204">
        <v>32</v>
      </c>
      <c r="AG4204">
        <v>32</v>
      </c>
      <c r="AH4204">
        <v>31</v>
      </c>
      <c r="AI4204">
        <v>31</v>
      </c>
      <c r="AJ4204">
        <v>31</v>
      </c>
      <c r="AK4204">
        <v>31</v>
      </c>
      <c r="AL4204">
        <v>30</v>
      </c>
      <c r="AM4204">
        <v>30</v>
      </c>
      <c r="AN4204">
        <v>30</v>
      </c>
      <c r="AO4204">
        <v>30</v>
      </c>
      <c r="AP4204">
        <v>29</v>
      </c>
      <c r="AQ4204">
        <v>29</v>
      </c>
    </row>
    <row r="4205" spans="1:43">
      <c r="A4205" t="s">
        <v>2656</v>
      </c>
      <c r="B4205" t="s">
        <v>2657</v>
      </c>
      <c r="C4205" t="s">
        <v>2586</v>
      </c>
      <c r="D4205" t="s">
        <v>2587</v>
      </c>
      <c r="E4205" t="s">
        <v>2352</v>
      </c>
      <c r="F4205" t="s">
        <v>2353</v>
      </c>
      <c r="G4205" t="s">
        <v>80</v>
      </c>
      <c r="H4205" t="s">
        <v>81</v>
      </c>
      <c r="I4205" s="2">
        <v>0</v>
      </c>
      <c r="J4205" s="2">
        <v>0</v>
      </c>
      <c r="K4205" s="2">
        <v>1</v>
      </c>
      <c r="L4205" t="s">
        <v>995</v>
      </c>
      <c r="M4205" t="s">
        <v>83</v>
      </c>
      <c r="N4205" t="s">
        <v>91</v>
      </c>
      <c r="O4205" t="s">
        <v>85</v>
      </c>
      <c r="P4205" t="s">
        <v>86</v>
      </c>
      <c r="Q4205">
        <v>29</v>
      </c>
      <c r="R4205">
        <v>29</v>
      </c>
      <c r="S4205">
        <v>29</v>
      </c>
      <c r="T4205">
        <v>30</v>
      </c>
      <c r="U4205">
        <v>30</v>
      </c>
      <c r="V4205">
        <v>30</v>
      </c>
      <c r="W4205">
        <v>30</v>
      </c>
      <c r="X4205">
        <v>30</v>
      </c>
      <c r="Y4205">
        <v>30</v>
      </c>
      <c r="Z4205">
        <v>30</v>
      </c>
      <c r="AA4205">
        <v>30</v>
      </c>
      <c r="AB4205">
        <v>30</v>
      </c>
      <c r="AC4205">
        <v>30</v>
      </c>
      <c r="AD4205">
        <v>30</v>
      </c>
      <c r="AE4205">
        <v>30</v>
      </c>
      <c r="AF4205">
        <v>30</v>
      </c>
      <c r="AG4205">
        <v>30</v>
      </c>
      <c r="AH4205">
        <v>30</v>
      </c>
      <c r="AI4205">
        <v>30</v>
      </c>
      <c r="AJ4205">
        <v>30</v>
      </c>
      <c r="AK4205">
        <v>30</v>
      </c>
      <c r="AL4205">
        <v>30</v>
      </c>
      <c r="AM4205">
        <v>30</v>
      </c>
      <c r="AN4205">
        <v>30</v>
      </c>
      <c r="AO4205">
        <v>29</v>
      </c>
      <c r="AP4205">
        <v>29</v>
      </c>
      <c r="AQ4205">
        <v>29</v>
      </c>
    </row>
    <row r="4206" spans="1:43">
      <c r="A4206" t="s">
        <v>2658</v>
      </c>
      <c r="B4206" t="s">
        <v>2659</v>
      </c>
      <c r="C4206" t="s">
        <v>2500</v>
      </c>
      <c r="D4206" t="s">
        <v>2501</v>
      </c>
      <c r="E4206" t="s">
        <v>2352</v>
      </c>
      <c r="F4206" t="s">
        <v>2353</v>
      </c>
      <c r="G4206" t="s">
        <v>80</v>
      </c>
      <c r="H4206" t="s">
        <v>81</v>
      </c>
      <c r="I4206" s="2">
        <v>0</v>
      </c>
      <c r="J4206" s="2">
        <v>0</v>
      </c>
      <c r="K4206" s="2">
        <v>1</v>
      </c>
      <c r="L4206" t="s">
        <v>995</v>
      </c>
      <c r="M4206" t="s">
        <v>83</v>
      </c>
      <c r="N4206" t="s">
        <v>84</v>
      </c>
      <c r="O4206" t="s">
        <v>85</v>
      </c>
      <c r="P4206" t="s">
        <v>86</v>
      </c>
      <c r="Q4206">
        <v>13</v>
      </c>
      <c r="R4206">
        <v>13</v>
      </c>
      <c r="S4206">
        <v>13</v>
      </c>
      <c r="T4206">
        <v>13</v>
      </c>
      <c r="U4206">
        <v>13</v>
      </c>
      <c r="V4206">
        <v>13</v>
      </c>
      <c r="W4206">
        <v>13</v>
      </c>
      <c r="X4206">
        <v>13</v>
      </c>
      <c r="Y4206">
        <v>13</v>
      </c>
      <c r="Z4206">
        <v>13</v>
      </c>
      <c r="AA4206">
        <v>13</v>
      </c>
      <c r="AB4206">
        <v>13</v>
      </c>
      <c r="AC4206">
        <v>13</v>
      </c>
      <c r="AD4206">
        <v>13</v>
      </c>
      <c r="AE4206">
        <v>13</v>
      </c>
      <c r="AF4206">
        <v>13</v>
      </c>
      <c r="AG4206">
        <v>13</v>
      </c>
      <c r="AH4206">
        <v>13</v>
      </c>
      <c r="AI4206">
        <v>13</v>
      </c>
      <c r="AJ4206">
        <v>13</v>
      </c>
      <c r="AK4206">
        <v>13</v>
      </c>
      <c r="AL4206">
        <v>13</v>
      </c>
      <c r="AM4206">
        <v>13</v>
      </c>
      <c r="AN4206">
        <v>13</v>
      </c>
      <c r="AO4206">
        <v>13</v>
      </c>
      <c r="AP4206">
        <v>13</v>
      </c>
      <c r="AQ4206">
        <v>12</v>
      </c>
    </row>
    <row r="4207" spans="1:43">
      <c r="A4207" t="s">
        <v>2658</v>
      </c>
      <c r="B4207" t="s">
        <v>2659</v>
      </c>
      <c r="C4207" t="s">
        <v>2500</v>
      </c>
      <c r="D4207" t="s">
        <v>2501</v>
      </c>
      <c r="E4207" t="s">
        <v>2352</v>
      </c>
      <c r="F4207" t="s">
        <v>2353</v>
      </c>
      <c r="G4207" t="s">
        <v>80</v>
      </c>
      <c r="H4207" t="s">
        <v>81</v>
      </c>
      <c r="I4207" s="2">
        <v>0</v>
      </c>
      <c r="J4207" s="2">
        <v>0</v>
      </c>
      <c r="K4207" s="2">
        <v>1</v>
      </c>
      <c r="L4207" t="s">
        <v>995</v>
      </c>
      <c r="M4207" t="s">
        <v>87</v>
      </c>
      <c r="N4207" t="s">
        <v>88</v>
      </c>
      <c r="O4207" t="s">
        <v>85</v>
      </c>
      <c r="P4207" t="s">
        <v>86</v>
      </c>
      <c r="Q4207">
        <v>13</v>
      </c>
      <c r="R4207">
        <v>13</v>
      </c>
      <c r="S4207">
        <v>13</v>
      </c>
      <c r="T4207">
        <v>13</v>
      </c>
      <c r="U4207">
        <v>12</v>
      </c>
      <c r="V4207">
        <v>12</v>
      </c>
      <c r="W4207">
        <v>12</v>
      </c>
      <c r="X4207">
        <v>12</v>
      </c>
      <c r="Y4207">
        <v>12</v>
      </c>
      <c r="Z4207">
        <v>12</v>
      </c>
      <c r="AA4207">
        <v>12</v>
      </c>
      <c r="AB4207">
        <v>12</v>
      </c>
      <c r="AC4207">
        <v>12</v>
      </c>
      <c r="AD4207">
        <v>12</v>
      </c>
      <c r="AE4207">
        <v>12</v>
      </c>
      <c r="AF4207">
        <v>12</v>
      </c>
      <c r="AG4207">
        <v>12</v>
      </c>
      <c r="AH4207">
        <v>11</v>
      </c>
      <c r="AI4207">
        <v>11</v>
      </c>
      <c r="AJ4207">
        <v>11</v>
      </c>
      <c r="AK4207">
        <v>11</v>
      </c>
      <c r="AL4207">
        <v>11</v>
      </c>
      <c r="AM4207">
        <v>11</v>
      </c>
      <c r="AN4207">
        <v>11</v>
      </c>
      <c r="AO4207">
        <v>11</v>
      </c>
      <c r="AP4207">
        <v>11</v>
      </c>
      <c r="AQ4207">
        <v>11</v>
      </c>
    </row>
    <row r="4208" spans="1:43">
      <c r="A4208" t="s">
        <v>2658</v>
      </c>
      <c r="B4208" t="s">
        <v>2659</v>
      </c>
      <c r="C4208" t="s">
        <v>2500</v>
      </c>
      <c r="D4208" t="s">
        <v>2501</v>
      </c>
      <c r="E4208" t="s">
        <v>2352</v>
      </c>
      <c r="F4208" t="s">
        <v>2353</v>
      </c>
      <c r="G4208" t="s">
        <v>80</v>
      </c>
      <c r="H4208" t="s">
        <v>81</v>
      </c>
      <c r="I4208" s="2">
        <v>0</v>
      </c>
      <c r="J4208" s="2">
        <v>0</v>
      </c>
      <c r="K4208" s="2">
        <v>1</v>
      </c>
      <c r="L4208" t="s">
        <v>995</v>
      </c>
      <c r="M4208" t="s">
        <v>89</v>
      </c>
      <c r="N4208" t="s">
        <v>90</v>
      </c>
      <c r="O4208" t="s">
        <v>85</v>
      </c>
      <c r="P4208" t="s">
        <v>86</v>
      </c>
      <c r="Q4208">
        <v>13</v>
      </c>
      <c r="R4208">
        <v>13</v>
      </c>
      <c r="S4208">
        <v>13</v>
      </c>
      <c r="T4208">
        <v>13</v>
      </c>
      <c r="U4208">
        <v>14</v>
      </c>
      <c r="V4208">
        <v>14</v>
      </c>
      <c r="W4208">
        <v>14</v>
      </c>
      <c r="X4208">
        <v>14</v>
      </c>
      <c r="Y4208">
        <v>14</v>
      </c>
      <c r="Z4208">
        <v>14</v>
      </c>
      <c r="AA4208">
        <v>14</v>
      </c>
      <c r="AB4208">
        <v>14</v>
      </c>
      <c r="AC4208">
        <v>14</v>
      </c>
      <c r="AD4208">
        <v>14</v>
      </c>
      <c r="AE4208">
        <v>14</v>
      </c>
      <c r="AF4208">
        <v>14</v>
      </c>
      <c r="AG4208">
        <v>14</v>
      </c>
      <c r="AH4208">
        <v>14</v>
      </c>
      <c r="AI4208">
        <v>14</v>
      </c>
      <c r="AJ4208">
        <v>13</v>
      </c>
      <c r="AK4208">
        <v>13</v>
      </c>
      <c r="AL4208">
        <v>13</v>
      </c>
      <c r="AM4208">
        <v>13</v>
      </c>
      <c r="AN4208">
        <v>13</v>
      </c>
      <c r="AO4208">
        <v>13</v>
      </c>
      <c r="AP4208">
        <v>13</v>
      </c>
      <c r="AQ4208">
        <v>12</v>
      </c>
    </row>
    <row r="4209" spans="1:43">
      <c r="A4209" t="s">
        <v>2658</v>
      </c>
      <c r="B4209" t="s">
        <v>2659</v>
      </c>
      <c r="C4209" t="s">
        <v>2500</v>
      </c>
      <c r="D4209" t="s">
        <v>2501</v>
      </c>
      <c r="E4209" t="s">
        <v>2352</v>
      </c>
      <c r="F4209" t="s">
        <v>2353</v>
      </c>
      <c r="G4209" t="s">
        <v>80</v>
      </c>
      <c r="H4209" t="s">
        <v>81</v>
      </c>
      <c r="I4209" s="2">
        <v>0</v>
      </c>
      <c r="J4209" s="2">
        <v>0</v>
      </c>
      <c r="K4209" s="2">
        <v>1</v>
      </c>
      <c r="L4209" t="s">
        <v>995</v>
      </c>
      <c r="M4209" t="s">
        <v>83</v>
      </c>
      <c r="N4209" t="s">
        <v>91</v>
      </c>
      <c r="O4209" t="s">
        <v>85</v>
      </c>
      <c r="P4209" t="s">
        <v>86</v>
      </c>
      <c r="Q4209">
        <v>13</v>
      </c>
      <c r="R4209">
        <v>13</v>
      </c>
      <c r="S4209">
        <v>13</v>
      </c>
      <c r="T4209">
        <v>13</v>
      </c>
      <c r="U4209">
        <v>13</v>
      </c>
      <c r="V4209">
        <v>13</v>
      </c>
      <c r="W4209">
        <v>13</v>
      </c>
      <c r="X4209">
        <v>13</v>
      </c>
      <c r="Y4209">
        <v>13</v>
      </c>
      <c r="Z4209">
        <v>13</v>
      </c>
      <c r="AA4209">
        <v>13</v>
      </c>
      <c r="AB4209">
        <v>13</v>
      </c>
      <c r="AC4209">
        <v>13</v>
      </c>
      <c r="AD4209">
        <v>13</v>
      </c>
      <c r="AE4209">
        <v>13</v>
      </c>
      <c r="AF4209">
        <v>13</v>
      </c>
      <c r="AG4209">
        <v>13</v>
      </c>
      <c r="AH4209">
        <v>13</v>
      </c>
      <c r="AI4209">
        <v>13</v>
      </c>
      <c r="AJ4209">
        <v>13</v>
      </c>
      <c r="AK4209">
        <v>13</v>
      </c>
      <c r="AL4209">
        <v>13</v>
      </c>
      <c r="AM4209">
        <v>13</v>
      </c>
      <c r="AN4209">
        <v>13</v>
      </c>
      <c r="AO4209">
        <v>13</v>
      </c>
      <c r="AP4209">
        <v>13</v>
      </c>
      <c r="AQ4209">
        <v>12</v>
      </c>
    </row>
    <row r="4210" spans="1:43">
      <c r="A4210" t="s">
        <v>2660</v>
      </c>
      <c r="B4210" t="s">
        <v>2661</v>
      </c>
      <c r="C4210" t="s">
        <v>2496</v>
      </c>
      <c r="D4210" t="s">
        <v>2497</v>
      </c>
      <c r="E4210" t="s">
        <v>2352</v>
      </c>
      <c r="F4210" t="s">
        <v>2353</v>
      </c>
      <c r="G4210" t="s">
        <v>80</v>
      </c>
      <c r="H4210" t="s">
        <v>81</v>
      </c>
      <c r="I4210" s="2">
        <v>0</v>
      </c>
      <c r="J4210" s="2">
        <v>0</v>
      </c>
      <c r="K4210" s="2">
        <v>1</v>
      </c>
      <c r="L4210" t="s">
        <v>995</v>
      </c>
      <c r="M4210" t="s">
        <v>83</v>
      </c>
      <c r="N4210" t="s">
        <v>84</v>
      </c>
      <c r="O4210" t="s">
        <v>85</v>
      </c>
      <c r="P4210" t="s">
        <v>86</v>
      </c>
      <c r="Q4210">
        <v>4</v>
      </c>
      <c r="R4210">
        <v>4</v>
      </c>
      <c r="S4210">
        <v>4</v>
      </c>
      <c r="T4210">
        <v>4</v>
      </c>
      <c r="U4210">
        <v>4</v>
      </c>
      <c r="V4210">
        <v>4</v>
      </c>
      <c r="W4210">
        <v>4</v>
      </c>
      <c r="X4210">
        <v>4</v>
      </c>
      <c r="Y4210">
        <v>4</v>
      </c>
      <c r="Z4210">
        <v>4</v>
      </c>
      <c r="AA4210">
        <v>4</v>
      </c>
      <c r="AB4210">
        <v>4</v>
      </c>
      <c r="AC4210">
        <v>4</v>
      </c>
      <c r="AD4210">
        <v>4</v>
      </c>
      <c r="AE4210">
        <v>4</v>
      </c>
      <c r="AF4210">
        <v>4</v>
      </c>
      <c r="AG4210">
        <v>4</v>
      </c>
      <c r="AH4210">
        <v>4</v>
      </c>
      <c r="AI4210">
        <v>4</v>
      </c>
      <c r="AJ4210">
        <v>4</v>
      </c>
      <c r="AK4210">
        <v>4</v>
      </c>
      <c r="AL4210">
        <v>4</v>
      </c>
      <c r="AM4210">
        <v>4</v>
      </c>
      <c r="AN4210">
        <v>4</v>
      </c>
      <c r="AO4210">
        <v>4</v>
      </c>
      <c r="AP4210">
        <v>4</v>
      </c>
      <c r="AQ4210">
        <v>4</v>
      </c>
    </row>
    <row r="4211" spans="1:43">
      <c r="A4211" t="s">
        <v>2660</v>
      </c>
      <c r="B4211" t="s">
        <v>2661</v>
      </c>
      <c r="C4211" t="s">
        <v>2496</v>
      </c>
      <c r="D4211" t="s">
        <v>2497</v>
      </c>
      <c r="E4211" t="s">
        <v>2352</v>
      </c>
      <c r="F4211" t="s">
        <v>2353</v>
      </c>
      <c r="G4211" t="s">
        <v>80</v>
      </c>
      <c r="H4211" t="s">
        <v>81</v>
      </c>
      <c r="I4211" s="2">
        <v>0</v>
      </c>
      <c r="J4211" s="2">
        <v>0</v>
      </c>
      <c r="K4211" s="2">
        <v>1</v>
      </c>
      <c r="L4211" t="s">
        <v>995</v>
      </c>
      <c r="M4211" t="s">
        <v>87</v>
      </c>
      <c r="N4211" t="s">
        <v>88</v>
      </c>
      <c r="O4211" t="s">
        <v>85</v>
      </c>
      <c r="P4211" t="s">
        <v>86</v>
      </c>
      <c r="Q4211">
        <v>4</v>
      </c>
      <c r="R4211">
        <v>4</v>
      </c>
      <c r="S4211">
        <v>4</v>
      </c>
      <c r="T4211">
        <v>4</v>
      </c>
      <c r="U4211">
        <v>4</v>
      </c>
      <c r="V4211">
        <v>4</v>
      </c>
      <c r="W4211">
        <v>4</v>
      </c>
      <c r="X4211">
        <v>4</v>
      </c>
      <c r="Y4211">
        <v>4</v>
      </c>
      <c r="Z4211">
        <v>4</v>
      </c>
      <c r="AA4211">
        <v>4</v>
      </c>
      <c r="AB4211">
        <v>4</v>
      </c>
      <c r="AC4211">
        <v>4</v>
      </c>
      <c r="AD4211">
        <v>3</v>
      </c>
      <c r="AE4211">
        <v>3</v>
      </c>
      <c r="AF4211">
        <v>3</v>
      </c>
      <c r="AG4211">
        <v>3</v>
      </c>
      <c r="AH4211">
        <v>3</v>
      </c>
      <c r="AI4211">
        <v>3</v>
      </c>
      <c r="AJ4211">
        <v>3</v>
      </c>
      <c r="AK4211">
        <v>3</v>
      </c>
      <c r="AL4211">
        <v>3</v>
      </c>
      <c r="AM4211">
        <v>3</v>
      </c>
      <c r="AN4211">
        <v>3</v>
      </c>
      <c r="AO4211">
        <v>3</v>
      </c>
      <c r="AP4211">
        <v>3</v>
      </c>
      <c r="AQ4211">
        <v>3</v>
      </c>
    </row>
    <row r="4212" spans="1:43">
      <c r="A4212" t="s">
        <v>2660</v>
      </c>
      <c r="B4212" t="s">
        <v>2661</v>
      </c>
      <c r="C4212" t="s">
        <v>2496</v>
      </c>
      <c r="D4212" t="s">
        <v>2497</v>
      </c>
      <c r="E4212" t="s">
        <v>2352</v>
      </c>
      <c r="F4212" t="s">
        <v>2353</v>
      </c>
      <c r="G4212" t="s">
        <v>80</v>
      </c>
      <c r="H4212" t="s">
        <v>81</v>
      </c>
      <c r="I4212" s="2">
        <v>0</v>
      </c>
      <c r="J4212" s="2">
        <v>0</v>
      </c>
      <c r="K4212" s="2">
        <v>1</v>
      </c>
      <c r="L4212" t="s">
        <v>995</v>
      </c>
      <c r="M4212" t="s">
        <v>89</v>
      </c>
      <c r="N4212" t="s">
        <v>90</v>
      </c>
      <c r="O4212" t="s">
        <v>85</v>
      </c>
      <c r="P4212" t="s">
        <v>86</v>
      </c>
      <c r="Q4212">
        <v>4</v>
      </c>
      <c r="R4212">
        <v>4</v>
      </c>
      <c r="S4212">
        <v>4</v>
      </c>
      <c r="T4212">
        <v>4</v>
      </c>
      <c r="U4212">
        <v>4</v>
      </c>
      <c r="V4212">
        <v>4</v>
      </c>
      <c r="W4212">
        <v>4</v>
      </c>
      <c r="X4212">
        <v>4</v>
      </c>
      <c r="Y4212">
        <v>4</v>
      </c>
      <c r="Z4212">
        <v>4</v>
      </c>
      <c r="AA4212">
        <v>4</v>
      </c>
      <c r="AB4212">
        <v>4</v>
      </c>
      <c r="AC4212">
        <v>4</v>
      </c>
      <c r="AD4212">
        <v>4</v>
      </c>
      <c r="AE4212">
        <v>4</v>
      </c>
      <c r="AF4212">
        <v>4</v>
      </c>
      <c r="AG4212">
        <v>4</v>
      </c>
      <c r="AH4212">
        <v>4</v>
      </c>
      <c r="AI4212">
        <v>4</v>
      </c>
      <c r="AJ4212">
        <v>4</v>
      </c>
      <c r="AK4212">
        <v>4</v>
      </c>
      <c r="AL4212">
        <v>4</v>
      </c>
      <c r="AM4212">
        <v>4</v>
      </c>
      <c r="AN4212">
        <v>4</v>
      </c>
      <c r="AO4212">
        <v>4</v>
      </c>
      <c r="AP4212">
        <v>4</v>
      </c>
      <c r="AQ4212">
        <v>4</v>
      </c>
    </row>
    <row r="4213" spans="1:43">
      <c r="A4213" t="s">
        <v>2660</v>
      </c>
      <c r="B4213" t="s">
        <v>2661</v>
      </c>
      <c r="C4213" t="s">
        <v>2496</v>
      </c>
      <c r="D4213" t="s">
        <v>2497</v>
      </c>
      <c r="E4213" t="s">
        <v>2352</v>
      </c>
      <c r="F4213" t="s">
        <v>2353</v>
      </c>
      <c r="G4213" t="s">
        <v>80</v>
      </c>
      <c r="H4213" t="s">
        <v>81</v>
      </c>
      <c r="I4213" s="2">
        <v>0</v>
      </c>
      <c r="J4213" s="2">
        <v>0</v>
      </c>
      <c r="K4213" s="2">
        <v>1</v>
      </c>
      <c r="L4213" t="s">
        <v>995</v>
      </c>
      <c r="M4213" t="s">
        <v>83</v>
      </c>
      <c r="N4213" t="s">
        <v>91</v>
      </c>
      <c r="O4213" t="s">
        <v>85</v>
      </c>
      <c r="P4213" t="s">
        <v>86</v>
      </c>
      <c r="Q4213">
        <v>4</v>
      </c>
      <c r="R4213">
        <v>4</v>
      </c>
      <c r="S4213">
        <v>4</v>
      </c>
      <c r="T4213">
        <v>4</v>
      </c>
      <c r="U4213">
        <v>4</v>
      </c>
      <c r="V4213">
        <v>4</v>
      </c>
      <c r="W4213">
        <v>4</v>
      </c>
      <c r="X4213">
        <v>4</v>
      </c>
      <c r="Y4213">
        <v>4</v>
      </c>
      <c r="Z4213">
        <v>4</v>
      </c>
      <c r="AA4213">
        <v>4</v>
      </c>
      <c r="AB4213">
        <v>4</v>
      </c>
      <c r="AC4213">
        <v>4</v>
      </c>
      <c r="AD4213">
        <v>4</v>
      </c>
      <c r="AE4213">
        <v>4</v>
      </c>
      <c r="AF4213">
        <v>4</v>
      </c>
      <c r="AG4213">
        <v>4</v>
      </c>
      <c r="AH4213">
        <v>4</v>
      </c>
      <c r="AI4213">
        <v>4</v>
      </c>
      <c r="AJ4213">
        <v>4</v>
      </c>
      <c r="AK4213">
        <v>4</v>
      </c>
      <c r="AL4213">
        <v>4</v>
      </c>
      <c r="AM4213">
        <v>4</v>
      </c>
      <c r="AN4213">
        <v>4</v>
      </c>
      <c r="AO4213">
        <v>4</v>
      </c>
      <c r="AP4213">
        <v>4</v>
      </c>
      <c r="AQ4213">
        <v>4</v>
      </c>
    </row>
    <row r="4214" spans="1:43">
      <c r="A4214" t="s">
        <v>2662</v>
      </c>
      <c r="B4214" t="s">
        <v>2663</v>
      </c>
      <c r="C4214" t="s">
        <v>2496</v>
      </c>
      <c r="D4214" t="s">
        <v>2497</v>
      </c>
      <c r="E4214" t="s">
        <v>2352</v>
      </c>
      <c r="F4214" t="s">
        <v>2353</v>
      </c>
      <c r="G4214" t="s">
        <v>80</v>
      </c>
      <c r="H4214" t="s">
        <v>81</v>
      </c>
      <c r="I4214" s="2">
        <v>0</v>
      </c>
      <c r="J4214" s="2">
        <v>0</v>
      </c>
      <c r="K4214" s="2">
        <v>1</v>
      </c>
      <c r="L4214" t="s">
        <v>995</v>
      </c>
      <c r="M4214" t="s">
        <v>83</v>
      </c>
      <c r="N4214" t="s">
        <v>84</v>
      </c>
      <c r="O4214" t="s">
        <v>85</v>
      </c>
      <c r="P4214" t="s">
        <v>86</v>
      </c>
      <c r="Q4214">
        <v>39</v>
      </c>
      <c r="R4214">
        <v>39</v>
      </c>
      <c r="S4214">
        <v>39</v>
      </c>
      <c r="T4214">
        <v>39</v>
      </c>
      <c r="U4214">
        <v>39</v>
      </c>
      <c r="V4214">
        <v>40</v>
      </c>
      <c r="W4214">
        <v>40</v>
      </c>
      <c r="X4214">
        <v>40</v>
      </c>
      <c r="Y4214">
        <v>40</v>
      </c>
      <c r="Z4214">
        <v>40</v>
      </c>
      <c r="AA4214">
        <v>40</v>
      </c>
      <c r="AB4214">
        <v>40</v>
      </c>
      <c r="AC4214">
        <v>40</v>
      </c>
      <c r="AD4214">
        <v>40</v>
      </c>
      <c r="AE4214">
        <v>40</v>
      </c>
      <c r="AF4214">
        <v>40</v>
      </c>
      <c r="AG4214">
        <v>40</v>
      </c>
      <c r="AH4214">
        <v>40</v>
      </c>
      <c r="AI4214">
        <v>40</v>
      </c>
      <c r="AJ4214">
        <v>40</v>
      </c>
      <c r="AK4214">
        <v>40</v>
      </c>
      <c r="AL4214">
        <v>40</v>
      </c>
      <c r="AM4214">
        <v>40</v>
      </c>
      <c r="AN4214">
        <v>40</v>
      </c>
      <c r="AO4214">
        <v>39</v>
      </c>
      <c r="AP4214">
        <v>39</v>
      </c>
      <c r="AQ4214">
        <v>39</v>
      </c>
    </row>
    <row r="4215" spans="1:43">
      <c r="A4215" t="s">
        <v>2662</v>
      </c>
      <c r="B4215" t="s">
        <v>2663</v>
      </c>
      <c r="C4215" t="s">
        <v>2496</v>
      </c>
      <c r="D4215" t="s">
        <v>2497</v>
      </c>
      <c r="E4215" t="s">
        <v>2352</v>
      </c>
      <c r="F4215" t="s">
        <v>2353</v>
      </c>
      <c r="G4215" t="s">
        <v>80</v>
      </c>
      <c r="H4215" t="s">
        <v>81</v>
      </c>
      <c r="I4215" s="2">
        <v>0</v>
      </c>
      <c r="J4215" s="2">
        <v>0</v>
      </c>
      <c r="K4215" s="2">
        <v>1</v>
      </c>
      <c r="L4215" t="s">
        <v>995</v>
      </c>
      <c r="M4215" t="s">
        <v>87</v>
      </c>
      <c r="N4215" t="s">
        <v>88</v>
      </c>
      <c r="O4215" t="s">
        <v>85</v>
      </c>
      <c r="P4215" t="s">
        <v>86</v>
      </c>
      <c r="Q4215">
        <v>39</v>
      </c>
      <c r="R4215">
        <v>38</v>
      </c>
      <c r="S4215">
        <v>38</v>
      </c>
      <c r="T4215">
        <v>38</v>
      </c>
      <c r="U4215">
        <v>38</v>
      </c>
      <c r="V4215">
        <v>38</v>
      </c>
      <c r="W4215">
        <v>37</v>
      </c>
      <c r="X4215">
        <v>37</v>
      </c>
      <c r="Y4215">
        <v>37</v>
      </c>
      <c r="Z4215">
        <v>37</v>
      </c>
      <c r="AA4215">
        <v>36</v>
      </c>
      <c r="AB4215">
        <v>36</v>
      </c>
      <c r="AC4215">
        <v>36</v>
      </c>
      <c r="AD4215">
        <v>36</v>
      </c>
      <c r="AE4215">
        <v>36</v>
      </c>
      <c r="AF4215">
        <v>36</v>
      </c>
      <c r="AG4215">
        <v>35</v>
      </c>
      <c r="AH4215">
        <v>35</v>
      </c>
      <c r="AI4215">
        <v>35</v>
      </c>
      <c r="AJ4215">
        <v>35</v>
      </c>
      <c r="AK4215">
        <v>35</v>
      </c>
      <c r="AL4215">
        <v>34</v>
      </c>
      <c r="AM4215">
        <v>34</v>
      </c>
      <c r="AN4215">
        <v>34</v>
      </c>
      <c r="AO4215">
        <v>34</v>
      </c>
      <c r="AP4215">
        <v>34</v>
      </c>
      <c r="AQ4215">
        <v>34</v>
      </c>
    </row>
    <row r="4216" spans="1:43">
      <c r="A4216" t="s">
        <v>2662</v>
      </c>
      <c r="B4216" t="s">
        <v>2663</v>
      </c>
      <c r="C4216" t="s">
        <v>2496</v>
      </c>
      <c r="D4216" t="s">
        <v>2497</v>
      </c>
      <c r="E4216" t="s">
        <v>2352</v>
      </c>
      <c r="F4216" t="s">
        <v>2353</v>
      </c>
      <c r="G4216" t="s">
        <v>80</v>
      </c>
      <c r="H4216" t="s">
        <v>81</v>
      </c>
      <c r="I4216" s="2">
        <v>0</v>
      </c>
      <c r="J4216" s="2">
        <v>0</v>
      </c>
      <c r="K4216" s="2">
        <v>1</v>
      </c>
      <c r="L4216" t="s">
        <v>995</v>
      </c>
      <c r="M4216" t="s">
        <v>89</v>
      </c>
      <c r="N4216" t="s">
        <v>90</v>
      </c>
      <c r="O4216" t="s">
        <v>85</v>
      </c>
      <c r="P4216" t="s">
        <v>86</v>
      </c>
      <c r="Q4216">
        <v>39</v>
      </c>
      <c r="R4216">
        <v>40</v>
      </c>
      <c r="S4216">
        <v>40</v>
      </c>
      <c r="T4216">
        <v>41</v>
      </c>
      <c r="U4216">
        <v>41</v>
      </c>
      <c r="V4216">
        <v>41</v>
      </c>
      <c r="W4216">
        <v>42</v>
      </c>
      <c r="X4216">
        <v>42</v>
      </c>
      <c r="Y4216">
        <v>42</v>
      </c>
      <c r="Z4216">
        <v>42</v>
      </c>
      <c r="AA4216">
        <v>43</v>
      </c>
      <c r="AB4216">
        <v>43</v>
      </c>
      <c r="AC4216">
        <v>43</v>
      </c>
      <c r="AD4216">
        <v>43</v>
      </c>
      <c r="AE4216">
        <v>43</v>
      </c>
      <c r="AF4216">
        <v>43</v>
      </c>
      <c r="AG4216">
        <v>42</v>
      </c>
      <c r="AH4216">
        <v>42</v>
      </c>
      <c r="AI4216">
        <v>42</v>
      </c>
      <c r="AJ4216">
        <v>41</v>
      </c>
      <c r="AK4216">
        <v>41</v>
      </c>
      <c r="AL4216">
        <v>41</v>
      </c>
      <c r="AM4216">
        <v>40</v>
      </c>
      <c r="AN4216">
        <v>40</v>
      </c>
      <c r="AO4216">
        <v>40</v>
      </c>
      <c r="AP4216">
        <v>40</v>
      </c>
      <c r="AQ4216">
        <v>39</v>
      </c>
    </row>
    <row r="4217" spans="1:43">
      <c r="A4217" t="s">
        <v>2662</v>
      </c>
      <c r="B4217" t="s">
        <v>2663</v>
      </c>
      <c r="C4217" t="s">
        <v>2496</v>
      </c>
      <c r="D4217" t="s">
        <v>2497</v>
      </c>
      <c r="E4217" t="s">
        <v>2352</v>
      </c>
      <c r="F4217" t="s">
        <v>2353</v>
      </c>
      <c r="G4217" t="s">
        <v>80</v>
      </c>
      <c r="H4217" t="s">
        <v>81</v>
      </c>
      <c r="I4217" s="2">
        <v>0</v>
      </c>
      <c r="J4217" s="2">
        <v>0</v>
      </c>
      <c r="K4217" s="2">
        <v>1</v>
      </c>
      <c r="L4217" t="s">
        <v>995</v>
      </c>
      <c r="M4217" t="s">
        <v>83</v>
      </c>
      <c r="N4217" t="s">
        <v>91</v>
      </c>
      <c r="O4217" t="s">
        <v>85</v>
      </c>
      <c r="P4217" t="s">
        <v>86</v>
      </c>
      <c r="Q4217">
        <v>39</v>
      </c>
      <c r="R4217">
        <v>39</v>
      </c>
      <c r="S4217">
        <v>39</v>
      </c>
      <c r="T4217">
        <v>39</v>
      </c>
      <c r="U4217">
        <v>39</v>
      </c>
      <c r="V4217">
        <v>40</v>
      </c>
      <c r="W4217">
        <v>40</v>
      </c>
      <c r="X4217">
        <v>40</v>
      </c>
      <c r="Y4217">
        <v>40</v>
      </c>
      <c r="Z4217">
        <v>40</v>
      </c>
      <c r="AA4217">
        <v>40</v>
      </c>
      <c r="AB4217">
        <v>40</v>
      </c>
      <c r="AC4217">
        <v>40</v>
      </c>
      <c r="AD4217">
        <v>40</v>
      </c>
      <c r="AE4217">
        <v>40</v>
      </c>
      <c r="AF4217">
        <v>40</v>
      </c>
      <c r="AG4217">
        <v>40</v>
      </c>
      <c r="AH4217">
        <v>40</v>
      </c>
      <c r="AI4217">
        <v>40</v>
      </c>
      <c r="AJ4217">
        <v>40</v>
      </c>
      <c r="AK4217">
        <v>40</v>
      </c>
      <c r="AL4217">
        <v>40</v>
      </c>
      <c r="AM4217">
        <v>40</v>
      </c>
      <c r="AN4217">
        <v>40</v>
      </c>
      <c r="AO4217">
        <v>39</v>
      </c>
      <c r="AP4217">
        <v>39</v>
      </c>
      <c r="AQ4217">
        <v>39</v>
      </c>
    </row>
    <row r="4218" spans="1:43">
      <c r="A4218" t="s">
        <v>2664</v>
      </c>
      <c r="B4218" t="s">
        <v>2665</v>
      </c>
      <c r="C4218" t="s">
        <v>2666</v>
      </c>
      <c r="D4218" t="s">
        <v>2667</v>
      </c>
      <c r="E4218" t="s">
        <v>2352</v>
      </c>
      <c r="F4218" t="s">
        <v>2353</v>
      </c>
      <c r="G4218" t="s">
        <v>80</v>
      </c>
      <c r="H4218" t="s">
        <v>81</v>
      </c>
      <c r="I4218" s="2">
        <v>0</v>
      </c>
      <c r="J4218" s="2">
        <v>0</v>
      </c>
      <c r="K4218" s="2">
        <v>1</v>
      </c>
      <c r="L4218" t="s">
        <v>995</v>
      </c>
      <c r="M4218" t="s">
        <v>83</v>
      </c>
      <c r="N4218" t="s">
        <v>84</v>
      </c>
      <c r="O4218" t="s">
        <v>85</v>
      </c>
      <c r="P4218" t="s">
        <v>86</v>
      </c>
      <c r="Q4218">
        <v>21</v>
      </c>
      <c r="R4218">
        <v>21</v>
      </c>
      <c r="S4218">
        <v>21</v>
      </c>
      <c r="T4218">
        <v>21</v>
      </c>
      <c r="U4218">
        <v>21</v>
      </c>
      <c r="V4218">
        <v>22</v>
      </c>
      <c r="W4218">
        <v>22</v>
      </c>
      <c r="X4218">
        <v>22</v>
      </c>
      <c r="Y4218">
        <v>22</v>
      </c>
      <c r="Z4218">
        <v>22</v>
      </c>
      <c r="AA4218">
        <v>22</v>
      </c>
      <c r="AB4218">
        <v>22</v>
      </c>
      <c r="AC4218">
        <v>22</v>
      </c>
      <c r="AD4218">
        <v>22</v>
      </c>
      <c r="AE4218">
        <v>22</v>
      </c>
      <c r="AF4218">
        <v>22</v>
      </c>
      <c r="AG4218">
        <v>22</v>
      </c>
      <c r="AH4218">
        <v>22</v>
      </c>
      <c r="AI4218">
        <v>22</v>
      </c>
      <c r="AJ4218">
        <v>22</v>
      </c>
      <c r="AK4218">
        <v>22</v>
      </c>
      <c r="AL4218">
        <v>22</v>
      </c>
      <c r="AM4218">
        <v>22</v>
      </c>
      <c r="AN4218">
        <v>22</v>
      </c>
      <c r="AO4218">
        <v>21</v>
      </c>
      <c r="AP4218">
        <v>21</v>
      </c>
      <c r="AQ4218">
        <v>21</v>
      </c>
    </row>
    <row r="4219" spans="1:43">
      <c r="A4219" t="s">
        <v>2664</v>
      </c>
      <c r="B4219" t="s">
        <v>2665</v>
      </c>
      <c r="C4219" t="s">
        <v>2666</v>
      </c>
      <c r="D4219" t="s">
        <v>2667</v>
      </c>
      <c r="E4219" t="s">
        <v>2352</v>
      </c>
      <c r="F4219" t="s">
        <v>2353</v>
      </c>
      <c r="G4219" t="s">
        <v>80</v>
      </c>
      <c r="H4219" t="s">
        <v>81</v>
      </c>
      <c r="I4219" s="2">
        <v>0</v>
      </c>
      <c r="J4219" s="2">
        <v>0</v>
      </c>
      <c r="K4219" s="2">
        <v>1</v>
      </c>
      <c r="L4219" t="s">
        <v>995</v>
      </c>
      <c r="M4219" t="s">
        <v>87</v>
      </c>
      <c r="N4219" t="s">
        <v>88</v>
      </c>
      <c r="O4219" t="s">
        <v>85</v>
      </c>
      <c r="P4219" t="s">
        <v>86</v>
      </c>
      <c r="Q4219">
        <v>21</v>
      </c>
      <c r="R4219">
        <v>21</v>
      </c>
      <c r="S4219">
        <v>21</v>
      </c>
      <c r="T4219">
        <v>21</v>
      </c>
      <c r="U4219">
        <v>21</v>
      </c>
      <c r="V4219">
        <v>20</v>
      </c>
      <c r="W4219">
        <v>20</v>
      </c>
      <c r="X4219">
        <v>20</v>
      </c>
      <c r="Y4219">
        <v>20</v>
      </c>
      <c r="Z4219">
        <v>20</v>
      </c>
      <c r="AA4219">
        <v>20</v>
      </c>
      <c r="AB4219">
        <v>20</v>
      </c>
      <c r="AC4219">
        <v>20</v>
      </c>
      <c r="AD4219">
        <v>20</v>
      </c>
      <c r="AE4219">
        <v>19</v>
      </c>
      <c r="AF4219">
        <v>19</v>
      </c>
      <c r="AG4219">
        <v>19</v>
      </c>
      <c r="AH4219">
        <v>19</v>
      </c>
      <c r="AI4219">
        <v>19</v>
      </c>
      <c r="AJ4219">
        <v>19</v>
      </c>
      <c r="AK4219">
        <v>19</v>
      </c>
      <c r="AL4219">
        <v>19</v>
      </c>
      <c r="AM4219">
        <v>19</v>
      </c>
      <c r="AN4219">
        <v>19</v>
      </c>
      <c r="AO4219">
        <v>18</v>
      </c>
      <c r="AP4219">
        <v>18</v>
      </c>
      <c r="AQ4219">
        <v>18</v>
      </c>
    </row>
    <row r="4220" spans="1:43">
      <c r="A4220" t="s">
        <v>2664</v>
      </c>
      <c r="B4220" t="s">
        <v>2665</v>
      </c>
      <c r="C4220" t="s">
        <v>2666</v>
      </c>
      <c r="D4220" t="s">
        <v>2667</v>
      </c>
      <c r="E4220" t="s">
        <v>2352</v>
      </c>
      <c r="F4220" t="s">
        <v>2353</v>
      </c>
      <c r="G4220" t="s">
        <v>80</v>
      </c>
      <c r="H4220" t="s">
        <v>81</v>
      </c>
      <c r="I4220" s="2">
        <v>0</v>
      </c>
      <c r="J4220" s="2">
        <v>0</v>
      </c>
      <c r="K4220" s="2">
        <v>1</v>
      </c>
      <c r="L4220" t="s">
        <v>995</v>
      </c>
      <c r="M4220" t="s">
        <v>89</v>
      </c>
      <c r="N4220" t="s">
        <v>90</v>
      </c>
      <c r="O4220" t="s">
        <v>85</v>
      </c>
      <c r="P4220" t="s">
        <v>86</v>
      </c>
      <c r="Q4220">
        <v>21</v>
      </c>
      <c r="R4220">
        <v>22</v>
      </c>
      <c r="S4220">
        <v>22</v>
      </c>
      <c r="T4220">
        <v>22</v>
      </c>
      <c r="U4220">
        <v>22</v>
      </c>
      <c r="V4220">
        <v>23</v>
      </c>
      <c r="W4220">
        <v>23</v>
      </c>
      <c r="X4220">
        <v>23</v>
      </c>
      <c r="Y4220">
        <v>23</v>
      </c>
      <c r="Z4220">
        <v>23</v>
      </c>
      <c r="AA4220">
        <v>23</v>
      </c>
      <c r="AB4220">
        <v>23</v>
      </c>
      <c r="AC4220">
        <v>23</v>
      </c>
      <c r="AD4220">
        <v>24</v>
      </c>
      <c r="AE4220">
        <v>23</v>
      </c>
      <c r="AF4220">
        <v>23</v>
      </c>
      <c r="AG4220">
        <v>23</v>
      </c>
      <c r="AH4220">
        <v>23</v>
      </c>
      <c r="AI4220">
        <v>23</v>
      </c>
      <c r="AJ4220">
        <v>23</v>
      </c>
      <c r="AK4220">
        <v>22</v>
      </c>
      <c r="AL4220">
        <v>22</v>
      </c>
      <c r="AM4220">
        <v>22</v>
      </c>
      <c r="AN4220">
        <v>22</v>
      </c>
      <c r="AO4220">
        <v>22</v>
      </c>
      <c r="AP4220">
        <v>21</v>
      </c>
      <c r="AQ4220">
        <v>21</v>
      </c>
    </row>
    <row r="4221" spans="1:43">
      <c r="A4221" t="s">
        <v>2664</v>
      </c>
      <c r="B4221" t="s">
        <v>2665</v>
      </c>
      <c r="C4221" t="s">
        <v>2666</v>
      </c>
      <c r="D4221" t="s">
        <v>2667</v>
      </c>
      <c r="E4221" t="s">
        <v>2352</v>
      </c>
      <c r="F4221" t="s">
        <v>2353</v>
      </c>
      <c r="G4221" t="s">
        <v>80</v>
      </c>
      <c r="H4221" t="s">
        <v>81</v>
      </c>
      <c r="I4221" s="2">
        <v>0</v>
      </c>
      <c r="J4221" s="2">
        <v>0</v>
      </c>
      <c r="K4221" s="2">
        <v>1</v>
      </c>
      <c r="L4221" t="s">
        <v>995</v>
      </c>
      <c r="M4221" t="s">
        <v>83</v>
      </c>
      <c r="N4221" t="s">
        <v>91</v>
      </c>
      <c r="O4221" t="s">
        <v>85</v>
      </c>
      <c r="P4221" t="s">
        <v>86</v>
      </c>
      <c r="Q4221">
        <v>21</v>
      </c>
      <c r="R4221">
        <v>21</v>
      </c>
      <c r="S4221">
        <v>21</v>
      </c>
      <c r="T4221">
        <v>21</v>
      </c>
      <c r="U4221">
        <v>21</v>
      </c>
      <c r="V4221">
        <v>22</v>
      </c>
      <c r="W4221">
        <v>22</v>
      </c>
      <c r="X4221">
        <v>22</v>
      </c>
      <c r="Y4221">
        <v>22</v>
      </c>
      <c r="Z4221">
        <v>22</v>
      </c>
      <c r="AA4221">
        <v>22</v>
      </c>
      <c r="AB4221">
        <v>22</v>
      </c>
      <c r="AC4221">
        <v>22</v>
      </c>
      <c r="AD4221">
        <v>22</v>
      </c>
      <c r="AE4221">
        <v>22</v>
      </c>
      <c r="AF4221">
        <v>22</v>
      </c>
      <c r="AG4221">
        <v>22</v>
      </c>
      <c r="AH4221">
        <v>22</v>
      </c>
      <c r="AI4221">
        <v>22</v>
      </c>
      <c r="AJ4221">
        <v>22</v>
      </c>
      <c r="AK4221">
        <v>22</v>
      </c>
      <c r="AL4221">
        <v>22</v>
      </c>
      <c r="AM4221">
        <v>22</v>
      </c>
      <c r="AN4221">
        <v>22</v>
      </c>
      <c r="AO4221">
        <v>21</v>
      </c>
      <c r="AP4221">
        <v>21</v>
      </c>
      <c r="AQ4221">
        <v>21</v>
      </c>
    </row>
    <row r="4222" spans="1:43">
      <c r="A4222" t="s">
        <v>2668</v>
      </c>
      <c r="B4222" t="s">
        <v>2669</v>
      </c>
      <c r="C4222" t="s">
        <v>2582</v>
      </c>
      <c r="D4222" t="s">
        <v>2583</v>
      </c>
      <c r="E4222" t="s">
        <v>2352</v>
      </c>
      <c r="F4222" t="s">
        <v>2353</v>
      </c>
      <c r="G4222" t="s">
        <v>80</v>
      </c>
      <c r="H4222" t="s">
        <v>81</v>
      </c>
      <c r="I4222" s="2">
        <v>0</v>
      </c>
      <c r="J4222" s="2">
        <v>0</v>
      </c>
      <c r="K4222" s="2">
        <v>1</v>
      </c>
      <c r="L4222" t="s">
        <v>995</v>
      </c>
      <c r="M4222" t="s">
        <v>83</v>
      </c>
      <c r="N4222" t="s">
        <v>84</v>
      </c>
      <c r="O4222" t="s">
        <v>85</v>
      </c>
      <c r="P4222" t="s">
        <v>86</v>
      </c>
      <c r="Q4222">
        <v>19</v>
      </c>
      <c r="R4222">
        <v>19</v>
      </c>
      <c r="S4222">
        <v>19</v>
      </c>
      <c r="T4222">
        <v>19</v>
      </c>
      <c r="U4222">
        <v>19</v>
      </c>
      <c r="V4222">
        <v>19</v>
      </c>
      <c r="W4222">
        <v>19</v>
      </c>
      <c r="X4222">
        <v>19</v>
      </c>
      <c r="Y4222">
        <v>19</v>
      </c>
      <c r="Z4222">
        <v>19</v>
      </c>
      <c r="AA4222">
        <v>19</v>
      </c>
      <c r="AB4222">
        <v>19</v>
      </c>
      <c r="AC4222">
        <v>19</v>
      </c>
      <c r="AD4222">
        <v>19</v>
      </c>
      <c r="AE4222">
        <v>19</v>
      </c>
      <c r="AF4222">
        <v>19</v>
      </c>
      <c r="AG4222">
        <v>19</v>
      </c>
      <c r="AH4222">
        <v>19</v>
      </c>
      <c r="AI4222">
        <v>19</v>
      </c>
      <c r="AJ4222">
        <v>19</v>
      </c>
      <c r="AK4222">
        <v>19</v>
      </c>
      <c r="AL4222">
        <v>19</v>
      </c>
      <c r="AM4222">
        <v>19</v>
      </c>
      <c r="AN4222">
        <v>18</v>
      </c>
      <c r="AO4222">
        <v>18</v>
      </c>
      <c r="AP4222">
        <v>18</v>
      </c>
      <c r="AQ4222">
        <v>18</v>
      </c>
    </row>
    <row r="4223" spans="1:43">
      <c r="A4223" t="s">
        <v>2668</v>
      </c>
      <c r="B4223" t="s">
        <v>2669</v>
      </c>
      <c r="C4223" t="s">
        <v>2582</v>
      </c>
      <c r="D4223" t="s">
        <v>2583</v>
      </c>
      <c r="E4223" t="s">
        <v>2352</v>
      </c>
      <c r="F4223" t="s">
        <v>2353</v>
      </c>
      <c r="G4223" t="s">
        <v>80</v>
      </c>
      <c r="H4223" t="s">
        <v>81</v>
      </c>
      <c r="I4223" s="2">
        <v>0</v>
      </c>
      <c r="J4223" s="2">
        <v>0</v>
      </c>
      <c r="K4223" s="2">
        <v>1</v>
      </c>
      <c r="L4223" t="s">
        <v>995</v>
      </c>
      <c r="M4223" t="s">
        <v>87</v>
      </c>
      <c r="N4223" t="s">
        <v>88</v>
      </c>
      <c r="O4223" t="s">
        <v>85</v>
      </c>
      <c r="P4223" t="s">
        <v>86</v>
      </c>
      <c r="Q4223">
        <v>19</v>
      </c>
      <c r="R4223">
        <v>19</v>
      </c>
      <c r="S4223">
        <v>19</v>
      </c>
      <c r="T4223">
        <v>19</v>
      </c>
      <c r="U4223">
        <v>19</v>
      </c>
      <c r="V4223">
        <v>19</v>
      </c>
      <c r="W4223">
        <v>19</v>
      </c>
      <c r="X4223">
        <v>19</v>
      </c>
      <c r="Y4223">
        <v>18</v>
      </c>
      <c r="Z4223">
        <v>18</v>
      </c>
      <c r="AA4223">
        <v>18</v>
      </c>
      <c r="AB4223">
        <v>18</v>
      </c>
      <c r="AC4223">
        <v>18</v>
      </c>
      <c r="AD4223">
        <v>18</v>
      </c>
      <c r="AE4223">
        <v>18</v>
      </c>
      <c r="AF4223">
        <v>18</v>
      </c>
      <c r="AG4223">
        <v>18</v>
      </c>
      <c r="AH4223">
        <v>17</v>
      </c>
      <c r="AI4223">
        <v>17</v>
      </c>
      <c r="AJ4223">
        <v>17</v>
      </c>
      <c r="AK4223">
        <v>17</v>
      </c>
      <c r="AL4223">
        <v>17</v>
      </c>
      <c r="AM4223">
        <v>17</v>
      </c>
      <c r="AN4223">
        <v>17</v>
      </c>
      <c r="AO4223">
        <v>17</v>
      </c>
      <c r="AP4223">
        <v>17</v>
      </c>
      <c r="AQ4223">
        <v>17</v>
      </c>
    </row>
    <row r="4224" spans="1:43">
      <c r="A4224" t="s">
        <v>2668</v>
      </c>
      <c r="B4224" t="s">
        <v>2669</v>
      </c>
      <c r="C4224" t="s">
        <v>2582</v>
      </c>
      <c r="D4224" t="s">
        <v>2583</v>
      </c>
      <c r="E4224" t="s">
        <v>2352</v>
      </c>
      <c r="F4224" t="s">
        <v>2353</v>
      </c>
      <c r="G4224" t="s">
        <v>80</v>
      </c>
      <c r="H4224" t="s">
        <v>81</v>
      </c>
      <c r="I4224" s="2">
        <v>0</v>
      </c>
      <c r="J4224" s="2">
        <v>0</v>
      </c>
      <c r="K4224" s="2">
        <v>1</v>
      </c>
      <c r="L4224" t="s">
        <v>995</v>
      </c>
      <c r="M4224" t="s">
        <v>89</v>
      </c>
      <c r="N4224" t="s">
        <v>90</v>
      </c>
      <c r="O4224" t="s">
        <v>85</v>
      </c>
      <c r="P4224" t="s">
        <v>86</v>
      </c>
      <c r="Q4224">
        <v>19</v>
      </c>
      <c r="R4224">
        <v>19</v>
      </c>
      <c r="S4224">
        <v>19</v>
      </c>
      <c r="T4224">
        <v>19</v>
      </c>
      <c r="U4224">
        <v>19</v>
      </c>
      <c r="V4224">
        <v>20</v>
      </c>
      <c r="W4224">
        <v>20</v>
      </c>
      <c r="X4224">
        <v>20</v>
      </c>
      <c r="Y4224">
        <v>20</v>
      </c>
      <c r="Z4224">
        <v>20</v>
      </c>
      <c r="AA4224">
        <v>20</v>
      </c>
      <c r="AB4224">
        <v>20</v>
      </c>
      <c r="AC4224">
        <v>20</v>
      </c>
      <c r="AD4224">
        <v>20</v>
      </c>
      <c r="AE4224">
        <v>20</v>
      </c>
      <c r="AF4224">
        <v>20</v>
      </c>
      <c r="AG4224">
        <v>20</v>
      </c>
      <c r="AH4224">
        <v>20</v>
      </c>
      <c r="AI4224">
        <v>20</v>
      </c>
      <c r="AJ4224">
        <v>19</v>
      </c>
      <c r="AK4224">
        <v>19</v>
      </c>
      <c r="AL4224">
        <v>19</v>
      </c>
      <c r="AM4224">
        <v>19</v>
      </c>
      <c r="AN4224">
        <v>19</v>
      </c>
      <c r="AO4224">
        <v>18</v>
      </c>
      <c r="AP4224">
        <v>18</v>
      </c>
      <c r="AQ4224">
        <v>18</v>
      </c>
    </row>
    <row r="4225" spans="1:43">
      <c r="A4225" t="s">
        <v>2668</v>
      </c>
      <c r="B4225" t="s">
        <v>2669</v>
      </c>
      <c r="C4225" t="s">
        <v>2582</v>
      </c>
      <c r="D4225" t="s">
        <v>2583</v>
      </c>
      <c r="E4225" t="s">
        <v>2352</v>
      </c>
      <c r="F4225" t="s">
        <v>2353</v>
      </c>
      <c r="G4225" t="s">
        <v>80</v>
      </c>
      <c r="H4225" t="s">
        <v>81</v>
      </c>
      <c r="I4225" s="2">
        <v>0</v>
      </c>
      <c r="J4225" s="2">
        <v>0</v>
      </c>
      <c r="K4225" s="2">
        <v>1</v>
      </c>
      <c r="L4225" t="s">
        <v>995</v>
      </c>
      <c r="M4225" t="s">
        <v>83</v>
      </c>
      <c r="N4225" t="s">
        <v>91</v>
      </c>
      <c r="O4225" t="s">
        <v>85</v>
      </c>
      <c r="P4225" t="s">
        <v>86</v>
      </c>
      <c r="Q4225">
        <v>19</v>
      </c>
      <c r="R4225">
        <v>19</v>
      </c>
      <c r="S4225">
        <v>19</v>
      </c>
      <c r="T4225">
        <v>19</v>
      </c>
      <c r="U4225">
        <v>19</v>
      </c>
      <c r="V4225">
        <v>19</v>
      </c>
      <c r="W4225">
        <v>19</v>
      </c>
      <c r="X4225">
        <v>19</v>
      </c>
      <c r="Y4225">
        <v>19</v>
      </c>
      <c r="Z4225">
        <v>19</v>
      </c>
      <c r="AA4225">
        <v>19</v>
      </c>
      <c r="AB4225">
        <v>19</v>
      </c>
      <c r="AC4225">
        <v>19</v>
      </c>
      <c r="AD4225">
        <v>19</v>
      </c>
      <c r="AE4225">
        <v>19</v>
      </c>
      <c r="AF4225">
        <v>19</v>
      </c>
      <c r="AG4225">
        <v>19</v>
      </c>
      <c r="AH4225">
        <v>19</v>
      </c>
      <c r="AI4225">
        <v>19</v>
      </c>
      <c r="AJ4225">
        <v>19</v>
      </c>
      <c r="AK4225">
        <v>19</v>
      </c>
      <c r="AL4225">
        <v>19</v>
      </c>
      <c r="AM4225">
        <v>19</v>
      </c>
      <c r="AN4225">
        <v>18</v>
      </c>
      <c r="AO4225">
        <v>18</v>
      </c>
      <c r="AP4225">
        <v>18</v>
      </c>
      <c r="AQ4225">
        <v>18</v>
      </c>
    </row>
    <row r="4226" spans="1:43">
      <c r="A4226" t="s">
        <v>2670</v>
      </c>
      <c r="B4226" t="s">
        <v>2671</v>
      </c>
      <c r="C4226" t="s">
        <v>2666</v>
      </c>
      <c r="D4226" t="s">
        <v>2667</v>
      </c>
      <c r="E4226" t="s">
        <v>2352</v>
      </c>
      <c r="F4226" t="s">
        <v>2353</v>
      </c>
      <c r="G4226" t="s">
        <v>80</v>
      </c>
      <c r="H4226" t="s">
        <v>81</v>
      </c>
      <c r="I4226" s="2">
        <v>0</v>
      </c>
      <c r="J4226" s="2">
        <v>0</v>
      </c>
      <c r="K4226" s="2">
        <v>1</v>
      </c>
      <c r="L4226" t="s">
        <v>995</v>
      </c>
      <c r="M4226" t="s">
        <v>83</v>
      </c>
      <c r="N4226" t="s">
        <v>84</v>
      </c>
      <c r="O4226" t="s">
        <v>85</v>
      </c>
      <c r="P4226" t="s">
        <v>86</v>
      </c>
      <c r="Q4226">
        <v>10</v>
      </c>
      <c r="R4226">
        <v>10</v>
      </c>
      <c r="S4226">
        <v>10</v>
      </c>
      <c r="T4226">
        <v>10</v>
      </c>
      <c r="U4226">
        <v>10</v>
      </c>
      <c r="V4226">
        <v>10</v>
      </c>
      <c r="W4226">
        <v>10</v>
      </c>
      <c r="X4226">
        <v>10</v>
      </c>
      <c r="Y4226">
        <v>10</v>
      </c>
      <c r="Z4226">
        <v>10</v>
      </c>
      <c r="AA4226">
        <v>10</v>
      </c>
      <c r="AB4226">
        <v>10</v>
      </c>
      <c r="AC4226">
        <v>10</v>
      </c>
      <c r="AD4226">
        <v>10</v>
      </c>
      <c r="AE4226">
        <v>10</v>
      </c>
      <c r="AF4226">
        <v>10</v>
      </c>
      <c r="AG4226">
        <v>10</v>
      </c>
      <c r="AH4226">
        <v>10</v>
      </c>
      <c r="AI4226">
        <v>10</v>
      </c>
      <c r="AJ4226">
        <v>10</v>
      </c>
      <c r="AK4226">
        <v>10</v>
      </c>
      <c r="AL4226">
        <v>10</v>
      </c>
      <c r="AM4226">
        <v>10</v>
      </c>
      <c r="AN4226">
        <v>10</v>
      </c>
      <c r="AO4226">
        <v>10</v>
      </c>
      <c r="AP4226">
        <v>10</v>
      </c>
      <c r="AQ4226">
        <v>10</v>
      </c>
    </row>
    <row r="4227" spans="1:43">
      <c r="A4227" t="s">
        <v>2670</v>
      </c>
      <c r="B4227" t="s">
        <v>2671</v>
      </c>
      <c r="C4227" t="s">
        <v>2666</v>
      </c>
      <c r="D4227" t="s">
        <v>2667</v>
      </c>
      <c r="E4227" t="s">
        <v>2352</v>
      </c>
      <c r="F4227" t="s">
        <v>2353</v>
      </c>
      <c r="G4227" t="s">
        <v>80</v>
      </c>
      <c r="H4227" t="s">
        <v>81</v>
      </c>
      <c r="I4227" s="2">
        <v>0</v>
      </c>
      <c r="J4227" s="2">
        <v>0</v>
      </c>
      <c r="K4227" s="2">
        <v>1</v>
      </c>
      <c r="L4227" t="s">
        <v>995</v>
      </c>
      <c r="M4227" t="s">
        <v>87</v>
      </c>
      <c r="N4227" t="s">
        <v>88</v>
      </c>
      <c r="O4227" t="s">
        <v>85</v>
      </c>
      <c r="P4227" t="s">
        <v>86</v>
      </c>
      <c r="Q4227">
        <v>10</v>
      </c>
      <c r="R4227">
        <v>10</v>
      </c>
      <c r="S4227">
        <v>10</v>
      </c>
      <c r="T4227">
        <v>10</v>
      </c>
      <c r="U4227">
        <v>10</v>
      </c>
      <c r="V4227">
        <v>10</v>
      </c>
      <c r="W4227">
        <v>9</v>
      </c>
      <c r="X4227">
        <v>9</v>
      </c>
      <c r="Y4227">
        <v>9</v>
      </c>
      <c r="Z4227">
        <v>9</v>
      </c>
      <c r="AA4227">
        <v>9</v>
      </c>
      <c r="AB4227">
        <v>9</v>
      </c>
      <c r="AC4227">
        <v>9</v>
      </c>
      <c r="AD4227">
        <v>9</v>
      </c>
      <c r="AE4227">
        <v>9</v>
      </c>
      <c r="AF4227">
        <v>9</v>
      </c>
      <c r="AG4227">
        <v>9</v>
      </c>
      <c r="AH4227">
        <v>9</v>
      </c>
      <c r="AI4227">
        <v>9</v>
      </c>
      <c r="AJ4227">
        <v>9</v>
      </c>
      <c r="AK4227">
        <v>9</v>
      </c>
      <c r="AL4227">
        <v>9</v>
      </c>
      <c r="AM4227">
        <v>9</v>
      </c>
      <c r="AN4227">
        <v>9</v>
      </c>
      <c r="AO4227">
        <v>9</v>
      </c>
      <c r="AP4227">
        <v>9</v>
      </c>
      <c r="AQ4227">
        <v>9</v>
      </c>
    </row>
    <row r="4228" spans="1:43">
      <c r="A4228" t="s">
        <v>2670</v>
      </c>
      <c r="B4228" t="s">
        <v>2671</v>
      </c>
      <c r="C4228" t="s">
        <v>2666</v>
      </c>
      <c r="D4228" t="s">
        <v>2667</v>
      </c>
      <c r="E4228" t="s">
        <v>2352</v>
      </c>
      <c r="F4228" t="s">
        <v>2353</v>
      </c>
      <c r="G4228" t="s">
        <v>80</v>
      </c>
      <c r="H4228" t="s">
        <v>81</v>
      </c>
      <c r="I4228" s="2">
        <v>0</v>
      </c>
      <c r="J4228" s="2">
        <v>0</v>
      </c>
      <c r="K4228" s="2">
        <v>1</v>
      </c>
      <c r="L4228" t="s">
        <v>995</v>
      </c>
      <c r="M4228" t="s">
        <v>89</v>
      </c>
      <c r="N4228" t="s">
        <v>90</v>
      </c>
      <c r="O4228" t="s">
        <v>85</v>
      </c>
      <c r="P4228" t="s">
        <v>86</v>
      </c>
      <c r="Q4228">
        <v>10</v>
      </c>
      <c r="R4228">
        <v>10</v>
      </c>
      <c r="S4228">
        <v>10</v>
      </c>
      <c r="T4228">
        <v>10</v>
      </c>
      <c r="U4228">
        <v>10</v>
      </c>
      <c r="V4228">
        <v>11</v>
      </c>
      <c r="W4228">
        <v>11</v>
      </c>
      <c r="X4228">
        <v>11</v>
      </c>
      <c r="Y4228">
        <v>11</v>
      </c>
      <c r="Z4228">
        <v>11</v>
      </c>
      <c r="AA4228">
        <v>11</v>
      </c>
      <c r="AB4228">
        <v>11</v>
      </c>
      <c r="AC4228">
        <v>11</v>
      </c>
      <c r="AD4228">
        <v>11</v>
      </c>
      <c r="AE4228">
        <v>11</v>
      </c>
      <c r="AF4228">
        <v>11</v>
      </c>
      <c r="AG4228">
        <v>11</v>
      </c>
      <c r="AH4228">
        <v>11</v>
      </c>
      <c r="AI4228">
        <v>11</v>
      </c>
      <c r="AJ4228">
        <v>11</v>
      </c>
      <c r="AK4228">
        <v>10</v>
      </c>
      <c r="AL4228">
        <v>10</v>
      </c>
      <c r="AM4228">
        <v>10</v>
      </c>
      <c r="AN4228">
        <v>10</v>
      </c>
      <c r="AO4228">
        <v>10</v>
      </c>
      <c r="AP4228">
        <v>10</v>
      </c>
      <c r="AQ4228">
        <v>10</v>
      </c>
    </row>
    <row r="4229" spans="1:43">
      <c r="A4229" t="s">
        <v>2670</v>
      </c>
      <c r="B4229" t="s">
        <v>2671</v>
      </c>
      <c r="C4229" t="s">
        <v>2666</v>
      </c>
      <c r="D4229" t="s">
        <v>2667</v>
      </c>
      <c r="E4229" t="s">
        <v>2352</v>
      </c>
      <c r="F4229" t="s">
        <v>2353</v>
      </c>
      <c r="G4229" t="s">
        <v>80</v>
      </c>
      <c r="H4229" t="s">
        <v>81</v>
      </c>
      <c r="I4229" s="2">
        <v>0</v>
      </c>
      <c r="J4229" s="2">
        <v>0</v>
      </c>
      <c r="K4229" s="2">
        <v>1</v>
      </c>
      <c r="L4229" t="s">
        <v>995</v>
      </c>
      <c r="M4229" t="s">
        <v>83</v>
      </c>
      <c r="N4229" t="s">
        <v>91</v>
      </c>
      <c r="O4229" t="s">
        <v>85</v>
      </c>
      <c r="P4229" t="s">
        <v>86</v>
      </c>
      <c r="Q4229">
        <v>10</v>
      </c>
      <c r="R4229">
        <v>10</v>
      </c>
      <c r="S4229">
        <v>10</v>
      </c>
      <c r="T4229">
        <v>10</v>
      </c>
      <c r="U4229">
        <v>10</v>
      </c>
      <c r="V4229">
        <v>10</v>
      </c>
      <c r="W4229">
        <v>10</v>
      </c>
      <c r="X4229">
        <v>10</v>
      </c>
      <c r="Y4229">
        <v>10</v>
      </c>
      <c r="Z4229">
        <v>10</v>
      </c>
      <c r="AA4229">
        <v>10</v>
      </c>
      <c r="AB4229">
        <v>10</v>
      </c>
      <c r="AC4229">
        <v>10</v>
      </c>
      <c r="AD4229">
        <v>10</v>
      </c>
      <c r="AE4229">
        <v>10</v>
      </c>
      <c r="AF4229">
        <v>10</v>
      </c>
      <c r="AG4229">
        <v>10</v>
      </c>
      <c r="AH4229">
        <v>10</v>
      </c>
      <c r="AI4229">
        <v>10</v>
      </c>
      <c r="AJ4229">
        <v>10</v>
      </c>
      <c r="AK4229">
        <v>10</v>
      </c>
      <c r="AL4229">
        <v>10</v>
      </c>
      <c r="AM4229">
        <v>10</v>
      </c>
      <c r="AN4229">
        <v>10</v>
      </c>
      <c r="AO4229">
        <v>10</v>
      </c>
      <c r="AP4229">
        <v>10</v>
      </c>
      <c r="AQ4229">
        <v>10</v>
      </c>
    </row>
    <row r="4230" spans="1:43">
      <c r="A4230" t="s">
        <v>2672</v>
      </c>
      <c r="B4230" t="s">
        <v>2673</v>
      </c>
      <c r="C4230" t="s">
        <v>2666</v>
      </c>
      <c r="D4230" t="s">
        <v>2667</v>
      </c>
      <c r="E4230" t="s">
        <v>2352</v>
      </c>
      <c r="F4230" t="s">
        <v>2353</v>
      </c>
      <c r="G4230" t="s">
        <v>80</v>
      </c>
      <c r="H4230" t="s">
        <v>81</v>
      </c>
      <c r="I4230" s="2">
        <v>0</v>
      </c>
      <c r="J4230" s="2">
        <v>0</v>
      </c>
      <c r="K4230" s="2">
        <v>1</v>
      </c>
      <c r="L4230" t="s">
        <v>995</v>
      </c>
      <c r="M4230" t="s">
        <v>83</v>
      </c>
      <c r="N4230" t="s">
        <v>84</v>
      </c>
      <c r="O4230" t="s">
        <v>85</v>
      </c>
      <c r="P4230" t="s">
        <v>86</v>
      </c>
      <c r="Q4230">
        <v>23</v>
      </c>
      <c r="R4230">
        <v>23</v>
      </c>
      <c r="S4230">
        <v>23</v>
      </c>
      <c r="T4230">
        <v>23</v>
      </c>
      <c r="U4230">
        <v>23</v>
      </c>
      <c r="V4230">
        <v>23</v>
      </c>
      <c r="W4230">
        <v>23</v>
      </c>
      <c r="X4230">
        <v>23</v>
      </c>
      <c r="Y4230">
        <v>23</v>
      </c>
      <c r="Z4230">
        <v>23</v>
      </c>
      <c r="AA4230">
        <v>23</v>
      </c>
      <c r="AB4230">
        <v>23</v>
      </c>
      <c r="AC4230">
        <v>24</v>
      </c>
      <c r="AD4230">
        <v>24</v>
      </c>
      <c r="AE4230">
        <v>24</v>
      </c>
      <c r="AF4230">
        <v>24</v>
      </c>
      <c r="AG4230">
        <v>24</v>
      </c>
      <c r="AH4230">
        <v>24</v>
      </c>
      <c r="AI4230">
        <v>24</v>
      </c>
      <c r="AJ4230">
        <v>24</v>
      </c>
      <c r="AK4230">
        <v>24</v>
      </c>
      <c r="AL4230">
        <v>24</v>
      </c>
      <c r="AM4230">
        <v>23</v>
      </c>
      <c r="AN4230">
        <v>23</v>
      </c>
      <c r="AO4230">
        <v>23</v>
      </c>
      <c r="AP4230">
        <v>23</v>
      </c>
      <c r="AQ4230">
        <v>23</v>
      </c>
    </row>
    <row r="4231" spans="1:43">
      <c r="A4231" t="s">
        <v>2672</v>
      </c>
      <c r="B4231" t="s">
        <v>2673</v>
      </c>
      <c r="C4231" t="s">
        <v>2666</v>
      </c>
      <c r="D4231" t="s">
        <v>2667</v>
      </c>
      <c r="E4231" t="s">
        <v>2352</v>
      </c>
      <c r="F4231" t="s">
        <v>2353</v>
      </c>
      <c r="G4231" t="s">
        <v>80</v>
      </c>
      <c r="H4231" t="s">
        <v>81</v>
      </c>
      <c r="I4231" s="2">
        <v>0</v>
      </c>
      <c r="J4231" s="2">
        <v>0</v>
      </c>
      <c r="K4231" s="2">
        <v>1</v>
      </c>
      <c r="L4231" t="s">
        <v>995</v>
      </c>
      <c r="M4231" t="s">
        <v>87</v>
      </c>
      <c r="N4231" t="s">
        <v>88</v>
      </c>
      <c r="O4231" t="s">
        <v>85</v>
      </c>
      <c r="P4231" t="s">
        <v>86</v>
      </c>
      <c r="Q4231">
        <v>23</v>
      </c>
      <c r="R4231">
        <v>22</v>
      </c>
      <c r="S4231">
        <v>22</v>
      </c>
      <c r="T4231">
        <v>22</v>
      </c>
      <c r="U4231">
        <v>22</v>
      </c>
      <c r="V4231">
        <v>22</v>
      </c>
      <c r="W4231">
        <v>22</v>
      </c>
      <c r="X4231">
        <v>22</v>
      </c>
      <c r="Y4231">
        <v>22</v>
      </c>
      <c r="Z4231">
        <v>21</v>
      </c>
      <c r="AA4231">
        <v>21</v>
      </c>
      <c r="AB4231">
        <v>21</v>
      </c>
      <c r="AC4231">
        <v>21</v>
      </c>
      <c r="AD4231">
        <v>21</v>
      </c>
      <c r="AE4231">
        <v>21</v>
      </c>
      <c r="AF4231">
        <v>21</v>
      </c>
      <c r="AG4231">
        <v>21</v>
      </c>
      <c r="AH4231">
        <v>21</v>
      </c>
      <c r="AI4231">
        <v>20</v>
      </c>
      <c r="AJ4231">
        <v>20</v>
      </c>
      <c r="AK4231">
        <v>20</v>
      </c>
      <c r="AL4231">
        <v>20</v>
      </c>
      <c r="AM4231">
        <v>20</v>
      </c>
      <c r="AN4231">
        <v>20</v>
      </c>
      <c r="AO4231">
        <v>20</v>
      </c>
      <c r="AP4231">
        <v>20</v>
      </c>
      <c r="AQ4231">
        <v>20</v>
      </c>
    </row>
    <row r="4232" spans="1:43">
      <c r="A4232" t="s">
        <v>2672</v>
      </c>
      <c r="B4232" t="s">
        <v>2673</v>
      </c>
      <c r="C4232" t="s">
        <v>2666</v>
      </c>
      <c r="D4232" t="s">
        <v>2667</v>
      </c>
      <c r="E4232" t="s">
        <v>2352</v>
      </c>
      <c r="F4232" t="s">
        <v>2353</v>
      </c>
      <c r="G4232" t="s">
        <v>80</v>
      </c>
      <c r="H4232" t="s">
        <v>81</v>
      </c>
      <c r="I4232" s="2">
        <v>0</v>
      </c>
      <c r="J4232" s="2">
        <v>0</v>
      </c>
      <c r="K4232" s="2">
        <v>1</v>
      </c>
      <c r="L4232" t="s">
        <v>995</v>
      </c>
      <c r="M4232" t="s">
        <v>89</v>
      </c>
      <c r="N4232" t="s">
        <v>90</v>
      </c>
      <c r="O4232" t="s">
        <v>85</v>
      </c>
      <c r="P4232" t="s">
        <v>86</v>
      </c>
      <c r="Q4232">
        <v>23</v>
      </c>
      <c r="R4232">
        <v>23</v>
      </c>
      <c r="S4232">
        <v>24</v>
      </c>
      <c r="T4232">
        <v>24</v>
      </c>
      <c r="U4232">
        <v>24</v>
      </c>
      <c r="V4232">
        <v>24</v>
      </c>
      <c r="W4232">
        <v>24</v>
      </c>
      <c r="X4232">
        <v>25</v>
      </c>
      <c r="Y4232">
        <v>25</v>
      </c>
      <c r="Z4232">
        <v>25</v>
      </c>
      <c r="AA4232">
        <v>25</v>
      </c>
      <c r="AB4232">
        <v>25</v>
      </c>
      <c r="AC4232">
        <v>25</v>
      </c>
      <c r="AD4232">
        <v>25</v>
      </c>
      <c r="AE4232">
        <v>25</v>
      </c>
      <c r="AF4232">
        <v>25</v>
      </c>
      <c r="AG4232">
        <v>25</v>
      </c>
      <c r="AH4232">
        <v>25</v>
      </c>
      <c r="AI4232">
        <v>24</v>
      </c>
      <c r="AJ4232">
        <v>24</v>
      </c>
      <c r="AK4232">
        <v>24</v>
      </c>
      <c r="AL4232">
        <v>24</v>
      </c>
      <c r="AM4232">
        <v>24</v>
      </c>
      <c r="AN4232">
        <v>23</v>
      </c>
      <c r="AO4232">
        <v>23</v>
      </c>
      <c r="AP4232">
        <v>23</v>
      </c>
      <c r="AQ4232">
        <v>23</v>
      </c>
    </row>
    <row r="4233" spans="1:43">
      <c r="A4233" t="s">
        <v>2672</v>
      </c>
      <c r="B4233" t="s">
        <v>2673</v>
      </c>
      <c r="C4233" t="s">
        <v>2666</v>
      </c>
      <c r="D4233" t="s">
        <v>2667</v>
      </c>
      <c r="E4233" t="s">
        <v>2352</v>
      </c>
      <c r="F4233" t="s">
        <v>2353</v>
      </c>
      <c r="G4233" t="s">
        <v>80</v>
      </c>
      <c r="H4233" t="s">
        <v>81</v>
      </c>
      <c r="I4233" s="2">
        <v>0</v>
      </c>
      <c r="J4233" s="2">
        <v>0</v>
      </c>
      <c r="K4233" s="2">
        <v>1</v>
      </c>
      <c r="L4233" t="s">
        <v>995</v>
      </c>
      <c r="M4233" t="s">
        <v>83</v>
      </c>
      <c r="N4233" t="s">
        <v>91</v>
      </c>
      <c r="O4233" t="s">
        <v>85</v>
      </c>
      <c r="P4233" t="s">
        <v>86</v>
      </c>
      <c r="Q4233">
        <v>23</v>
      </c>
      <c r="R4233">
        <v>23</v>
      </c>
      <c r="S4233">
        <v>23</v>
      </c>
      <c r="T4233">
        <v>23</v>
      </c>
      <c r="U4233">
        <v>23</v>
      </c>
      <c r="V4233">
        <v>23</v>
      </c>
      <c r="W4233">
        <v>23</v>
      </c>
      <c r="X4233">
        <v>23</v>
      </c>
      <c r="Y4233">
        <v>23</v>
      </c>
      <c r="Z4233">
        <v>23</v>
      </c>
      <c r="AA4233">
        <v>23</v>
      </c>
      <c r="AB4233">
        <v>23</v>
      </c>
      <c r="AC4233">
        <v>24</v>
      </c>
      <c r="AD4233">
        <v>24</v>
      </c>
      <c r="AE4233">
        <v>24</v>
      </c>
      <c r="AF4233">
        <v>24</v>
      </c>
      <c r="AG4233">
        <v>24</v>
      </c>
      <c r="AH4233">
        <v>24</v>
      </c>
      <c r="AI4233">
        <v>24</v>
      </c>
      <c r="AJ4233">
        <v>24</v>
      </c>
      <c r="AK4233">
        <v>24</v>
      </c>
      <c r="AL4233">
        <v>24</v>
      </c>
      <c r="AM4233">
        <v>23</v>
      </c>
      <c r="AN4233">
        <v>23</v>
      </c>
      <c r="AO4233">
        <v>23</v>
      </c>
      <c r="AP4233">
        <v>23</v>
      </c>
      <c r="AQ4233">
        <v>23</v>
      </c>
    </row>
    <row r="4234" spans="1:43">
      <c r="A4234" t="s">
        <v>2674</v>
      </c>
      <c r="B4234" t="s">
        <v>2675</v>
      </c>
      <c r="C4234" t="s">
        <v>2496</v>
      </c>
      <c r="D4234" t="s">
        <v>2497</v>
      </c>
      <c r="E4234" t="s">
        <v>2352</v>
      </c>
      <c r="F4234" t="s">
        <v>2353</v>
      </c>
      <c r="G4234" t="s">
        <v>80</v>
      </c>
      <c r="H4234" t="s">
        <v>81</v>
      </c>
      <c r="I4234" s="2">
        <v>0</v>
      </c>
      <c r="J4234" s="2">
        <v>0</v>
      </c>
      <c r="K4234" s="2">
        <v>1</v>
      </c>
      <c r="L4234" t="s">
        <v>995</v>
      </c>
      <c r="M4234" t="s">
        <v>83</v>
      </c>
      <c r="N4234" t="s">
        <v>84</v>
      </c>
      <c r="O4234" t="s">
        <v>85</v>
      </c>
      <c r="P4234" t="s">
        <v>86</v>
      </c>
      <c r="Q4234">
        <v>42</v>
      </c>
      <c r="R4234">
        <v>43</v>
      </c>
      <c r="S4234">
        <v>43</v>
      </c>
      <c r="T4234">
        <v>43</v>
      </c>
      <c r="U4234">
        <v>43</v>
      </c>
      <c r="V4234">
        <v>43</v>
      </c>
      <c r="W4234">
        <v>43</v>
      </c>
      <c r="X4234">
        <v>43</v>
      </c>
      <c r="Y4234">
        <v>43</v>
      </c>
      <c r="Z4234">
        <v>43</v>
      </c>
      <c r="AA4234">
        <v>43</v>
      </c>
      <c r="AB4234">
        <v>43</v>
      </c>
      <c r="AC4234">
        <v>43</v>
      </c>
      <c r="AD4234">
        <v>43</v>
      </c>
      <c r="AE4234">
        <v>43</v>
      </c>
      <c r="AF4234">
        <v>43</v>
      </c>
      <c r="AG4234">
        <v>43</v>
      </c>
      <c r="AH4234">
        <v>43</v>
      </c>
      <c r="AI4234">
        <v>43</v>
      </c>
      <c r="AJ4234">
        <v>43</v>
      </c>
      <c r="AK4234">
        <v>43</v>
      </c>
      <c r="AL4234">
        <v>43</v>
      </c>
      <c r="AM4234">
        <v>42</v>
      </c>
      <c r="AN4234">
        <v>42</v>
      </c>
      <c r="AO4234">
        <v>42</v>
      </c>
      <c r="AP4234">
        <v>41</v>
      </c>
      <c r="AQ4234">
        <v>41</v>
      </c>
    </row>
    <row r="4235" spans="1:43">
      <c r="A4235" t="s">
        <v>2674</v>
      </c>
      <c r="B4235" t="s">
        <v>2675</v>
      </c>
      <c r="C4235" t="s">
        <v>2496</v>
      </c>
      <c r="D4235" t="s">
        <v>2497</v>
      </c>
      <c r="E4235" t="s">
        <v>2352</v>
      </c>
      <c r="F4235" t="s">
        <v>2353</v>
      </c>
      <c r="G4235" t="s">
        <v>80</v>
      </c>
      <c r="H4235" t="s">
        <v>81</v>
      </c>
      <c r="I4235" s="2">
        <v>0</v>
      </c>
      <c r="J4235" s="2">
        <v>0</v>
      </c>
      <c r="K4235" s="2">
        <v>1</v>
      </c>
      <c r="L4235" t="s">
        <v>995</v>
      </c>
      <c r="M4235" t="s">
        <v>87</v>
      </c>
      <c r="N4235" t="s">
        <v>88</v>
      </c>
      <c r="O4235" t="s">
        <v>85</v>
      </c>
      <c r="P4235" t="s">
        <v>86</v>
      </c>
      <c r="Q4235">
        <v>42</v>
      </c>
      <c r="R4235">
        <v>42</v>
      </c>
      <c r="S4235">
        <v>42</v>
      </c>
      <c r="T4235">
        <v>41</v>
      </c>
      <c r="U4235">
        <v>41</v>
      </c>
      <c r="V4235">
        <v>41</v>
      </c>
      <c r="W4235">
        <v>40</v>
      </c>
      <c r="X4235">
        <v>40</v>
      </c>
      <c r="Y4235">
        <v>40</v>
      </c>
      <c r="Z4235">
        <v>40</v>
      </c>
      <c r="AA4235">
        <v>39</v>
      </c>
      <c r="AB4235">
        <v>39</v>
      </c>
      <c r="AC4235">
        <v>39</v>
      </c>
      <c r="AD4235">
        <v>39</v>
      </c>
      <c r="AE4235">
        <v>38</v>
      </c>
      <c r="AF4235">
        <v>38</v>
      </c>
      <c r="AG4235">
        <v>38</v>
      </c>
      <c r="AH4235">
        <v>38</v>
      </c>
      <c r="AI4235">
        <v>37</v>
      </c>
      <c r="AJ4235">
        <v>37</v>
      </c>
      <c r="AK4235">
        <v>37</v>
      </c>
      <c r="AL4235">
        <v>37</v>
      </c>
      <c r="AM4235">
        <v>36</v>
      </c>
      <c r="AN4235">
        <v>36</v>
      </c>
      <c r="AO4235">
        <v>36</v>
      </c>
      <c r="AP4235">
        <v>36</v>
      </c>
      <c r="AQ4235">
        <v>35</v>
      </c>
    </row>
    <row r="4236" spans="1:43">
      <c r="A4236" t="s">
        <v>2674</v>
      </c>
      <c r="B4236" t="s">
        <v>2675</v>
      </c>
      <c r="C4236" t="s">
        <v>2496</v>
      </c>
      <c r="D4236" t="s">
        <v>2497</v>
      </c>
      <c r="E4236" t="s">
        <v>2352</v>
      </c>
      <c r="F4236" t="s">
        <v>2353</v>
      </c>
      <c r="G4236" t="s">
        <v>80</v>
      </c>
      <c r="H4236" t="s">
        <v>81</v>
      </c>
      <c r="I4236" s="2">
        <v>0</v>
      </c>
      <c r="J4236" s="2">
        <v>0</v>
      </c>
      <c r="K4236" s="2">
        <v>1</v>
      </c>
      <c r="L4236" t="s">
        <v>995</v>
      </c>
      <c r="M4236" t="s">
        <v>89</v>
      </c>
      <c r="N4236" t="s">
        <v>90</v>
      </c>
      <c r="O4236" t="s">
        <v>85</v>
      </c>
      <c r="P4236" t="s">
        <v>86</v>
      </c>
      <c r="Q4236">
        <v>42</v>
      </c>
      <c r="R4236">
        <v>42</v>
      </c>
      <c r="S4236">
        <v>43</v>
      </c>
      <c r="T4236">
        <v>43</v>
      </c>
      <c r="U4236">
        <v>44</v>
      </c>
      <c r="V4236">
        <v>44</v>
      </c>
      <c r="W4236">
        <v>44</v>
      </c>
      <c r="X4236">
        <v>45</v>
      </c>
      <c r="Y4236">
        <v>45</v>
      </c>
      <c r="Z4236">
        <v>45</v>
      </c>
      <c r="AA4236">
        <v>45</v>
      </c>
      <c r="AB4236">
        <v>45</v>
      </c>
      <c r="AC4236">
        <v>45</v>
      </c>
      <c r="AD4236">
        <v>45</v>
      </c>
      <c r="AE4236">
        <v>45</v>
      </c>
      <c r="AF4236">
        <v>45</v>
      </c>
      <c r="AG4236">
        <v>44</v>
      </c>
      <c r="AH4236">
        <v>44</v>
      </c>
      <c r="AI4236">
        <v>43</v>
      </c>
      <c r="AJ4236">
        <v>43</v>
      </c>
      <c r="AK4236">
        <v>43</v>
      </c>
      <c r="AL4236">
        <v>42</v>
      </c>
      <c r="AM4236">
        <v>42</v>
      </c>
      <c r="AN4236">
        <v>41</v>
      </c>
      <c r="AO4236">
        <v>41</v>
      </c>
      <c r="AP4236">
        <v>40</v>
      </c>
      <c r="AQ4236">
        <v>40</v>
      </c>
    </row>
    <row r="4237" spans="1:43">
      <c r="A4237" t="s">
        <v>2674</v>
      </c>
      <c r="B4237" t="s">
        <v>2675</v>
      </c>
      <c r="C4237" t="s">
        <v>2496</v>
      </c>
      <c r="D4237" t="s">
        <v>2497</v>
      </c>
      <c r="E4237" t="s">
        <v>2352</v>
      </c>
      <c r="F4237" t="s">
        <v>2353</v>
      </c>
      <c r="G4237" t="s">
        <v>80</v>
      </c>
      <c r="H4237" t="s">
        <v>81</v>
      </c>
      <c r="I4237" s="2">
        <v>0</v>
      </c>
      <c r="J4237" s="2">
        <v>0</v>
      </c>
      <c r="K4237" s="2">
        <v>1</v>
      </c>
      <c r="L4237" t="s">
        <v>995</v>
      </c>
      <c r="M4237" t="s">
        <v>83</v>
      </c>
      <c r="N4237" t="s">
        <v>91</v>
      </c>
      <c r="O4237" t="s">
        <v>85</v>
      </c>
      <c r="P4237" t="s">
        <v>86</v>
      </c>
      <c r="Q4237">
        <v>42</v>
      </c>
      <c r="R4237">
        <v>43</v>
      </c>
      <c r="S4237">
        <v>43</v>
      </c>
      <c r="T4237">
        <v>43</v>
      </c>
      <c r="U4237">
        <v>43</v>
      </c>
      <c r="V4237">
        <v>43</v>
      </c>
      <c r="W4237">
        <v>43</v>
      </c>
      <c r="X4237">
        <v>43</v>
      </c>
      <c r="Y4237">
        <v>43</v>
      </c>
      <c r="Z4237">
        <v>43</v>
      </c>
      <c r="AA4237">
        <v>43</v>
      </c>
      <c r="AB4237">
        <v>43</v>
      </c>
      <c r="AC4237">
        <v>43</v>
      </c>
      <c r="AD4237">
        <v>43</v>
      </c>
      <c r="AE4237">
        <v>43</v>
      </c>
      <c r="AF4237">
        <v>43</v>
      </c>
      <c r="AG4237">
        <v>43</v>
      </c>
      <c r="AH4237">
        <v>43</v>
      </c>
      <c r="AI4237">
        <v>43</v>
      </c>
      <c r="AJ4237">
        <v>43</v>
      </c>
      <c r="AK4237">
        <v>43</v>
      </c>
      <c r="AL4237">
        <v>43</v>
      </c>
      <c r="AM4237">
        <v>42</v>
      </c>
      <c r="AN4237">
        <v>42</v>
      </c>
      <c r="AO4237">
        <v>42</v>
      </c>
      <c r="AP4237">
        <v>41</v>
      </c>
      <c r="AQ4237">
        <v>41</v>
      </c>
    </row>
    <row r="4238" spans="1:43">
      <c r="A4238" t="s">
        <v>2676</v>
      </c>
      <c r="B4238" t="s">
        <v>2677</v>
      </c>
      <c r="C4238" t="s">
        <v>2496</v>
      </c>
      <c r="D4238" t="s">
        <v>2497</v>
      </c>
      <c r="E4238" t="s">
        <v>2352</v>
      </c>
      <c r="F4238" t="s">
        <v>2353</v>
      </c>
      <c r="G4238" t="s">
        <v>80</v>
      </c>
      <c r="H4238" t="s">
        <v>81</v>
      </c>
      <c r="I4238" s="2">
        <v>0</v>
      </c>
      <c r="J4238" s="2">
        <v>0</v>
      </c>
      <c r="K4238" s="2">
        <v>1</v>
      </c>
      <c r="L4238" t="s">
        <v>995</v>
      </c>
      <c r="M4238" t="s">
        <v>83</v>
      </c>
      <c r="N4238" t="s">
        <v>84</v>
      </c>
      <c r="O4238" t="s">
        <v>85</v>
      </c>
      <c r="P4238" t="s">
        <v>86</v>
      </c>
      <c r="Q4238">
        <v>17</v>
      </c>
      <c r="R4238">
        <v>17</v>
      </c>
      <c r="S4238">
        <v>17</v>
      </c>
      <c r="T4238">
        <v>17</v>
      </c>
      <c r="U4238">
        <v>17</v>
      </c>
      <c r="V4238">
        <v>17</v>
      </c>
      <c r="W4238">
        <v>17</v>
      </c>
      <c r="X4238">
        <v>17</v>
      </c>
      <c r="Y4238">
        <v>17</v>
      </c>
      <c r="Z4238">
        <v>17</v>
      </c>
      <c r="AA4238">
        <v>18</v>
      </c>
      <c r="AB4238">
        <v>18</v>
      </c>
      <c r="AC4238">
        <v>18</v>
      </c>
      <c r="AD4238">
        <v>18</v>
      </c>
      <c r="AE4238">
        <v>18</v>
      </c>
      <c r="AF4238">
        <v>18</v>
      </c>
      <c r="AG4238">
        <v>17</v>
      </c>
      <c r="AH4238">
        <v>17</v>
      </c>
      <c r="AI4238">
        <v>17</v>
      </c>
      <c r="AJ4238">
        <v>17</v>
      </c>
      <c r="AK4238">
        <v>17</v>
      </c>
      <c r="AL4238">
        <v>17</v>
      </c>
      <c r="AM4238">
        <v>17</v>
      </c>
      <c r="AN4238">
        <v>17</v>
      </c>
      <c r="AO4238">
        <v>17</v>
      </c>
      <c r="AP4238">
        <v>17</v>
      </c>
      <c r="AQ4238">
        <v>16</v>
      </c>
    </row>
    <row r="4239" spans="1:43">
      <c r="A4239" t="s">
        <v>2676</v>
      </c>
      <c r="B4239" t="s">
        <v>2677</v>
      </c>
      <c r="C4239" t="s">
        <v>2496</v>
      </c>
      <c r="D4239" t="s">
        <v>2497</v>
      </c>
      <c r="E4239" t="s">
        <v>2352</v>
      </c>
      <c r="F4239" t="s">
        <v>2353</v>
      </c>
      <c r="G4239" t="s">
        <v>80</v>
      </c>
      <c r="H4239" t="s">
        <v>81</v>
      </c>
      <c r="I4239" s="2">
        <v>0</v>
      </c>
      <c r="J4239" s="2">
        <v>0</v>
      </c>
      <c r="K4239" s="2">
        <v>1</v>
      </c>
      <c r="L4239" t="s">
        <v>995</v>
      </c>
      <c r="M4239" t="s">
        <v>87</v>
      </c>
      <c r="N4239" t="s">
        <v>88</v>
      </c>
      <c r="O4239" t="s">
        <v>85</v>
      </c>
      <c r="P4239" t="s">
        <v>86</v>
      </c>
      <c r="Q4239">
        <v>17</v>
      </c>
      <c r="R4239">
        <v>17</v>
      </c>
      <c r="S4239">
        <v>17</v>
      </c>
      <c r="T4239">
        <v>17</v>
      </c>
      <c r="U4239">
        <v>17</v>
      </c>
      <c r="V4239">
        <v>16</v>
      </c>
      <c r="W4239">
        <v>16</v>
      </c>
      <c r="X4239">
        <v>16</v>
      </c>
      <c r="Y4239">
        <v>16</v>
      </c>
      <c r="Z4239">
        <v>16</v>
      </c>
      <c r="AA4239">
        <v>16</v>
      </c>
      <c r="AB4239">
        <v>16</v>
      </c>
      <c r="AC4239">
        <v>16</v>
      </c>
      <c r="AD4239">
        <v>16</v>
      </c>
      <c r="AE4239">
        <v>16</v>
      </c>
      <c r="AF4239">
        <v>15</v>
      </c>
      <c r="AG4239">
        <v>15</v>
      </c>
      <c r="AH4239">
        <v>15</v>
      </c>
      <c r="AI4239">
        <v>15</v>
      </c>
      <c r="AJ4239">
        <v>15</v>
      </c>
      <c r="AK4239">
        <v>15</v>
      </c>
      <c r="AL4239">
        <v>15</v>
      </c>
      <c r="AM4239">
        <v>15</v>
      </c>
      <c r="AN4239">
        <v>15</v>
      </c>
      <c r="AO4239">
        <v>15</v>
      </c>
      <c r="AP4239">
        <v>14</v>
      </c>
      <c r="AQ4239">
        <v>14</v>
      </c>
    </row>
    <row r="4240" spans="1:43">
      <c r="A4240" t="s">
        <v>2676</v>
      </c>
      <c r="B4240" t="s">
        <v>2677</v>
      </c>
      <c r="C4240" t="s">
        <v>2496</v>
      </c>
      <c r="D4240" t="s">
        <v>2497</v>
      </c>
      <c r="E4240" t="s">
        <v>2352</v>
      </c>
      <c r="F4240" t="s">
        <v>2353</v>
      </c>
      <c r="G4240" t="s">
        <v>80</v>
      </c>
      <c r="H4240" t="s">
        <v>81</v>
      </c>
      <c r="I4240" s="2">
        <v>0</v>
      </c>
      <c r="J4240" s="2">
        <v>0</v>
      </c>
      <c r="K4240" s="2">
        <v>1</v>
      </c>
      <c r="L4240" t="s">
        <v>995</v>
      </c>
      <c r="M4240" t="s">
        <v>89</v>
      </c>
      <c r="N4240" t="s">
        <v>90</v>
      </c>
      <c r="O4240" t="s">
        <v>85</v>
      </c>
      <c r="P4240" t="s">
        <v>86</v>
      </c>
      <c r="Q4240">
        <v>17</v>
      </c>
      <c r="R4240">
        <v>18</v>
      </c>
      <c r="S4240">
        <v>18</v>
      </c>
      <c r="T4240">
        <v>18</v>
      </c>
      <c r="U4240">
        <v>18</v>
      </c>
      <c r="V4240">
        <v>18</v>
      </c>
      <c r="W4240">
        <v>18</v>
      </c>
      <c r="X4240">
        <v>18</v>
      </c>
      <c r="Y4240">
        <v>19</v>
      </c>
      <c r="Z4240">
        <v>19</v>
      </c>
      <c r="AA4240">
        <v>19</v>
      </c>
      <c r="AB4240">
        <v>19</v>
      </c>
      <c r="AC4240">
        <v>19</v>
      </c>
      <c r="AD4240">
        <v>19</v>
      </c>
      <c r="AE4240">
        <v>19</v>
      </c>
      <c r="AF4240">
        <v>19</v>
      </c>
      <c r="AG4240">
        <v>18</v>
      </c>
      <c r="AH4240">
        <v>18</v>
      </c>
      <c r="AI4240">
        <v>18</v>
      </c>
      <c r="AJ4240">
        <v>18</v>
      </c>
      <c r="AK4240">
        <v>18</v>
      </c>
      <c r="AL4240">
        <v>17</v>
      </c>
      <c r="AM4240">
        <v>17</v>
      </c>
      <c r="AN4240">
        <v>17</v>
      </c>
      <c r="AO4240">
        <v>17</v>
      </c>
      <c r="AP4240">
        <v>17</v>
      </c>
      <c r="AQ4240">
        <v>17</v>
      </c>
    </row>
    <row r="4241" spans="1:43">
      <c r="A4241" t="s">
        <v>2676</v>
      </c>
      <c r="B4241" t="s">
        <v>2677</v>
      </c>
      <c r="C4241" t="s">
        <v>2496</v>
      </c>
      <c r="D4241" t="s">
        <v>2497</v>
      </c>
      <c r="E4241" t="s">
        <v>2352</v>
      </c>
      <c r="F4241" t="s">
        <v>2353</v>
      </c>
      <c r="G4241" t="s">
        <v>80</v>
      </c>
      <c r="H4241" t="s">
        <v>81</v>
      </c>
      <c r="I4241" s="2">
        <v>0</v>
      </c>
      <c r="J4241" s="2">
        <v>0</v>
      </c>
      <c r="K4241" s="2">
        <v>1</v>
      </c>
      <c r="L4241" t="s">
        <v>995</v>
      </c>
      <c r="M4241" t="s">
        <v>83</v>
      </c>
      <c r="N4241" t="s">
        <v>91</v>
      </c>
      <c r="O4241" t="s">
        <v>85</v>
      </c>
      <c r="P4241" t="s">
        <v>86</v>
      </c>
      <c r="Q4241">
        <v>17</v>
      </c>
      <c r="R4241">
        <v>17</v>
      </c>
      <c r="S4241">
        <v>17</v>
      </c>
      <c r="T4241">
        <v>17</v>
      </c>
      <c r="U4241">
        <v>17</v>
      </c>
      <c r="V4241">
        <v>17</v>
      </c>
      <c r="W4241">
        <v>17</v>
      </c>
      <c r="X4241">
        <v>17</v>
      </c>
      <c r="Y4241">
        <v>17</v>
      </c>
      <c r="Z4241">
        <v>17</v>
      </c>
      <c r="AA4241">
        <v>18</v>
      </c>
      <c r="AB4241">
        <v>18</v>
      </c>
      <c r="AC4241">
        <v>18</v>
      </c>
      <c r="AD4241">
        <v>18</v>
      </c>
      <c r="AE4241">
        <v>18</v>
      </c>
      <c r="AF4241">
        <v>18</v>
      </c>
      <c r="AG4241">
        <v>17</v>
      </c>
      <c r="AH4241">
        <v>17</v>
      </c>
      <c r="AI4241">
        <v>17</v>
      </c>
      <c r="AJ4241">
        <v>17</v>
      </c>
      <c r="AK4241">
        <v>17</v>
      </c>
      <c r="AL4241">
        <v>17</v>
      </c>
      <c r="AM4241">
        <v>17</v>
      </c>
      <c r="AN4241">
        <v>17</v>
      </c>
      <c r="AO4241">
        <v>17</v>
      </c>
      <c r="AP4241">
        <v>17</v>
      </c>
      <c r="AQ4241">
        <v>16</v>
      </c>
    </row>
    <row r="4242" spans="1:43">
      <c r="A4242" t="s">
        <v>2678</v>
      </c>
      <c r="B4242" t="s">
        <v>2679</v>
      </c>
      <c r="C4242" t="s">
        <v>2418</v>
      </c>
      <c r="D4242" t="s">
        <v>2419</v>
      </c>
      <c r="E4242" t="s">
        <v>2352</v>
      </c>
      <c r="F4242" t="s">
        <v>2353</v>
      </c>
      <c r="G4242" t="s">
        <v>80</v>
      </c>
      <c r="H4242" t="s">
        <v>81</v>
      </c>
      <c r="I4242" s="2">
        <v>0</v>
      </c>
      <c r="J4242" s="2">
        <v>0</v>
      </c>
      <c r="K4242" s="2">
        <v>1</v>
      </c>
      <c r="L4242" t="s">
        <v>995</v>
      </c>
      <c r="M4242" t="s">
        <v>83</v>
      </c>
      <c r="N4242" t="s">
        <v>84</v>
      </c>
      <c r="O4242" t="s">
        <v>85</v>
      </c>
      <c r="P4242" t="s">
        <v>86</v>
      </c>
      <c r="Q4242">
        <v>159</v>
      </c>
      <c r="R4242">
        <v>160</v>
      </c>
      <c r="S4242">
        <v>160</v>
      </c>
      <c r="T4242">
        <v>161</v>
      </c>
      <c r="U4242">
        <v>161</v>
      </c>
      <c r="V4242">
        <v>162</v>
      </c>
      <c r="W4242">
        <v>162</v>
      </c>
      <c r="X4242">
        <v>163</v>
      </c>
      <c r="Y4242">
        <v>163</v>
      </c>
      <c r="Z4242">
        <v>164</v>
      </c>
      <c r="AA4242">
        <v>164</v>
      </c>
      <c r="AB4242">
        <v>164</v>
      </c>
      <c r="AC4242">
        <v>165</v>
      </c>
      <c r="AD4242">
        <v>165</v>
      </c>
      <c r="AE4242">
        <v>165</v>
      </c>
      <c r="AF4242">
        <v>165</v>
      </c>
      <c r="AG4242">
        <v>165</v>
      </c>
      <c r="AH4242">
        <v>166</v>
      </c>
      <c r="AI4242">
        <v>166</v>
      </c>
      <c r="AJ4242">
        <v>166</v>
      </c>
      <c r="AK4242">
        <v>166</v>
      </c>
      <c r="AL4242">
        <v>165</v>
      </c>
      <c r="AM4242">
        <v>164</v>
      </c>
      <c r="AN4242">
        <v>162</v>
      </c>
      <c r="AO4242">
        <v>161</v>
      </c>
      <c r="AP4242">
        <v>160</v>
      </c>
      <c r="AQ4242">
        <v>159</v>
      </c>
    </row>
    <row r="4243" spans="1:43">
      <c r="A4243" t="s">
        <v>2678</v>
      </c>
      <c r="B4243" t="s">
        <v>2679</v>
      </c>
      <c r="C4243" t="s">
        <v>2418</v>
      </c>
      <c r="D4243" t="s">
        <v>2419</v>
      </c>
      <c r="E4243" t="s">
        <v>2352</v>
      </c>
      <c r="F4243" t="s">
        <v>2353</v>
      </c>
      <c r="G4243" t="s">
        <v>80</v>
      </c>
      <c r="H4243" t="s">
        <v>81</v>
      </c>
      <c r="I4243" s="2">
        <v>0</v>
      </c>
      <c r="J4243" s="2">
        <v>0</v>
      </c>
      <c r="K4243" s="2">
        <v>1</v>
      </c>
      <c r="L4243" t="s">
        <v>995</v>
      </c>
      <c r="M4243" t="s">
        <v>87</v>
      </c>
      <c r="N4243" t="s">
        <v>88</v>
      </c>
      <c r="O4243" t="s">
        <v>85</v>
      </c>
      <c r="P4243" t="s">
        <v>86</v>
      </c>
      <c r="Q4243">
        <v>159</v>
      </c>
      <c r="R4243">
        <v>158</v>
      </c>
      <c r="S4243">
        <v>157</v>
      </c>
      <c r="T4243">
        <v>156</v>
      </c>
      <c r="U4243">
        <v>155</v>
      </c>
      <c r="V4243">
        <v>155</v>
      </c>
      <c r="W4243">
        <v>154</v>
      </c>
      <c r="X4243">
        <v>153</v>
      </c>
      <c r="Y4243">
        <v>152</v>
      </c>
      <c r="Z4243">
        <v>151</v>
      </c>
      <c r="AA4243">
        <v>150</v>
      </c>
      <c r="AB4243">
        <v>150</v>
      </c>
      <c r="AC4243">
        <v>149</v>
      </c>
      <c r="AD4243">
        <v>148</v>
      </c>
      <c r="AE4243">
        <v>147</v>
      </c>
      <c r="AF4243">
        <v>147</v>
      </c>
      <c r="AG4243">
        <v>146</v>
      </c>
      <c r="AH4243">
        <v>145</v>
      </c>
      <c r="AI4243">
        <v>144</v>
      </c>
      <c r="AJ4243">
        <v>144</v>
      </c>
      <c r="AK4243">
        <v>143</v>
      </c>
      <c r="AL4243">
        <v>142</v>
      </c>
      <c r="AM4243">
        <v>141</v>
      </c>
      <c r="AN4243">
        <v>141</v>
      </c>
      <c r="AO4243">
        <v>140</v>
      </c>
      <c r="AP4243">
        <v>139</v>
      </c>
      <c r="AQ4243">
        <v>139</v>
      </c>
    </row>
    <row r="4244" spans="1:43">
      <c r="A4244" t="s">
        <v>2678</v>
      </c>
      <c r="B4244" t="s">
        <v>2679</v>
      </c>
      <c r="C4244" t="s">
        <v>2418</v>
      </c>
      <c r="D4244" t="s">
        <v>2419</v>
      </c>
      <c r="E4244" t="s">
        <v>2352</v>
      </c>
      <c r="F4244" t="s">
        <v>2353</v>
      </c>
      <c r="G4244" t="s">
        <v>80</v>
      </c>
      <c r="H4244" t="s">
        <v>81</v>
      </c>
      <c r="I4244" s="2">
        <v>0</v>
      </c>
      <c r="J4244" s="2">
        <v>0</v>
      </c>
      <c r="K4244" s="2">
        <v>1</v>
      </c>
      <c r="L4244" t="s">
        <v>995</v>
      </c>
      <c r="M4244" t="s">
        <v>89</v>
      </c>
      <c r="N4244" t="s">
        <v>90</v>
      </c>
      <c r="O4244" t="s">
        <v>85</v>
      </c>
      <c r="P4244" t="s">
        <v>86</v>
      </c>
      <c r="Q4244">
        <v>159</v>
      </c>
      <c r="R4244">
        <v>161</v>
      </c>
      <c r="S4244">
        <v>162</v>
      </c>
      <c r="T4244">
        <v>164</v>
      </c>
      <c r="U4244">
        <v>166</v>
      </c>
      <c r="V4244">
        <v>167</v>
      </c>
      <c r="W4244">
        <v>169</v>
      </c>
      <c r="X4244">
        <v>170</v>
      </c>
      <c r="Y4244">
        <v>171</v>
      </c>
      <c r="Z4244">
        <v>172</v>
      </c>
      <c r="AA4244">
        <v>173</v>
      </c>
      <c r="AB4244">
        <v>173</v>
      </c>
      <c r="AC4244">
        <v>174</v>
      </c>
      <c r="AD4244">
        <v>175</v>
      </c>
      <c r="AE4244">
        <v>175</v>
      </c>
      <c r="AF4244">
        <v>173</v>
      </c>
      <c r="AG4244">
        <v>172</v>
      </c>
      <c r="AH4244">
        <v>170</v>
      </c>
      <c r="AI4244">
        <v>169</v>
      </c>
      <c r="AJ4244">
        <v>168</v>
      </c>
      <c r="AK4244">
        <v>166</v>
      </c>
      <c r="AL4244">
        <v>165</v>
      </c>
      <c r="AM4244">
        <v>164</v>
      </c>
      <c r="AN4244">
        <v>162</v>
      </c>
      <c r="AO4244">
        <v>161</v>
      </c>
      <c r="AP4244">
        <v>160</v>
      </c>
      <c r="AQ4244">
        <v>159</v>
      </c>
    </row>
    <row r="4245" spans="1:43">
      <c r="A4245" t="s">
        <v>2678</v>
      </c>
      <c r="B4245" t="s">
        <v>2679</v>
      </c>
      <c r="C4245" t="s">
        <v>2418</v>
      </c>
      <c r="D4245" t="s">
        <v>2419</v>
      </c>
      <c r="E4245" t="s">
        <v>2352</v>
      </c>
      <c r="F4245" t="s">
        <v>2353</v>
      </c>
      <c r="G4245" t="s">
        <v>80</v>
      </c>
      <c r="H4245" t="s">
        <v>81</v>
      </c>
      <c r="I4245" s="2">
        <v>0</v>
      </c>
      <c r="J4245" s="2">
        <v>0</v>
      </c>
      <c r="K4245" s="2">
        <v>1</v>
      </c>
      <c r="L4245" t="s">
        <v>995</v>
      </c>
      <c r="M4245" t="s">
        <v>83</v>
      </c>
      <c r="N4245" t="s">
        <v>91</v>
      </c>
      <c r="O4245" t="s">
        <v>85</v>
      </c>
      <c r="P4245" t="s">
        <v>86</v>
      </c>
      <c r="Q4245">
        <v>159</v>
      </c>
      <c r="R4245">
        <v>160</v>
      </c>
      <c r="S4245">
        <v>160</v>
      </c>
      <c r="T4245">
        <v>161</v>
      </c>
      <c r="U4245">
        <v>161</v>
      </c>
      <c r="V4245">
        <v>162</v>
      </c>
      <c r="W4245">
        <v>162</v>
      </c>
      <c r="X4245">
        <v>163</v>
      </c>
      <c r="Y4245">
        <v>163</v>
      </c>
      <c r="Z4245">
        <v>164</v>
      </c>
      <c r="AA4245">
        <v>164</v>
      </c>
      <c r="AB4245">
        <v>164</v>
      </c>
      <c r="AC4245">
        <v>165</v>
      </c>
      <c r="AD4245">
        <v>165</v>
      </c>
      <c r="AE4245">
        <v>165</v>
      </c>
      <c r="AF4245">
        <v>165</v>
      </c>
      <c r="AG4245">
        <v>165</v>
      </c>
      <c r="AH4245">
        <v>166</v>
      </c>
      <c r="AI4245">
        <v>166</v>
      </c>
      <c r="AJ4245">
        <v>166</v>
      </c>
      <c r="AK4245">
        <v>166</v>
      </c>
      <c r="AL4245">
        <v>165</v>
      </c>
      <c r="AM4245">
        <v>164</v>
      </c>
      <c r="AN4245">
        <v>162</v>
      </c>
      <c r="AO4245">
        <v>161</v>
      </c>
      <c r="AP4245">
        <v>160</v>
      </c>
      <c r="AQ4245">
        <v>159</v>
      </c>
    </row>
    <row r="4246" spans="1:43">
      <c r="A4246" t="s">
        <v>2680</v>
      </c>
      <c r="B4246" t="s">
        <v>2681</v>
      </c>
      <c r="C4246" t="s">
        <v>2448</v>
      </c>
      <c r="D4246" t="s">
        <v>2449</v>
      </c>
      <c r="E4246" t="s">
        <v>2352</v>
      </c>
      <c r="F4246" t="s">
        <v>2353</v>
      </c>
      <c r="G4246" t="s">
        <v>80</v>
      </c>
      <c r="H4246" t="s">
        <v>81</v>
      </c>
      <c r="I4246" s="2">
        <v>0</v>
      </c>
      <c r="J4246" s="2">
        <v>0</v>
      </c>
      <c r="K4246" s="2">
        <v>1</v>
      </c>
      <c r="L4246" t="s">
        <v>995</v>
      </c>
      <c r="M4246" t="s">
        <v>83</v>
      </c>
      <c r="N4246" t="s">
        <v>84</v>
      </c>
      <c r="O4246" t="s">
        <v>85</v>
      </c>
      <c r="P4246" t="s">
        <v>86</v>
      </c>
      <c r="Q4246">
        <v>53</v>
      </c>
      <c r="R4246">
        <v>53</v>
      </c>
      <c r="S4246">
        <v>53</v>
      </c>
      <c r="T4246">
        <v>53</v>
      </c>
      <c r="U4246">
        <v>54</v>
      </c>
      <c r="V4246">
        <v>54</v>
      </c>
      <c r="W4246">
        <v>54</v>
      </c>
      <c r="X4246">
        <v>54</v>
      </c>
      <c r="Y4246">
        <v>54</v>
      </c>
      <c r="Z4246">
        <v>54</v>
      </c>
      <c r="AA4246">
        <v>54</v>
      </c>
      <c r="AB4246">
        <v>55</v>
      </c>
      <c r="AC4246">
        <v>55</v>
      </c>
      <c r="AD4246">
        <v>55</v>
      </c>
      <c r="AE4246">
        <v>55</v>
      </c>
      <c r="AF4246">
        <v>55</v>
      </c>
      <c r="AG4246">
        <v>55</v>
      </c>
      <c r="AH4246">
        <v>55</v>
      </c>
      <c r="AI4246">
        <v>55</v>
      </c>
      <c r="AJ4246">
        <v>55</v>
      </c>
      <c r="AK4246">
        <v>55</v>
      </c>
      <c r="AL4246">
        <v>55</v>
      </c>
      <c r="AM4246">
        <v>54</v>
      </c>
      <c r="AN4246">
        <v>54</v>
      </c>
      <c r="AO4246">
        <v>54</v>
      </c>
      <c r="AP4246">
        <v>53</v>
      </c>
      <c r="AQ4246">
        <v>53</v>
      </c>
    </row>
    <row r="4247" spans="1:43">
      <c r="A4247" t="s">
        <v>2680</v>
      </c>
      <c r="B4247" t="s">
        <v>2681</v>
      </c>
      <c r="C4247" t="s">
        <v>2448</v>
      </c>
      <c r="D4247" t="s">
        <v>2449</v>
      </c>
      <c r="E4247" t="s">
        <v>2352</v>
      </c>
      <c r="F4247" t="s">
        <v>2353</v>
      </c>
      <c r="G4247" t="s">
        <v>80</v>
      </c>
      <c r="H4247" t="s">
        <v>81</v>
      </c>
      <c r="I4247" s="2">
        <v>0</v>
      </c>
      <c r="J4247" s="2">
        <v>0</v>
      </c>
      <c r="K4247" s="2">
        <v>1</v>
      </c>
      <c r="L4247" t="s">
        <v>995</v>
      </c>
      <c r="M4247" t="s">
        <v>87</v>
      </c>
      <c r="N4247" t="s">
        <v>88</v>
      </c>
      <c r="O4247" t="s">
        <v>85</v>
      </c>
      <c r="P4247" t="s">
        <v>86</v>
      </c>
      <c r="Q4247">
        <v>53</v>
      </c>
      <c r="R4247">
        <v>53</v>
      </c>
      <c r="S4247">
        <v>53</v>
      </c>
      <c r="T4247">
        <v>52</v>
      </c>
      <c r="U4247">
        <v>52</v>
      </c>
      <c r="V4247">
        <v>52</v>
      </c>
      <c r="W4247">
        <v>52</v>
      </c>
      <c r="X4247">
        <v>51</v>
      </c>
      <c r="Y4247">
        <v>51</v>
      </c>
      <c r="Z4247">
        <v>51</v>
      </c>
      <c r="AA4247">
        <v>51</v>
      </c>
      <c r="AB4247">
        <v>50</v>
      </c>
      <c r="AC4247">
        <v>50</v>
      </c>
      <c r="AD4247">
        <v>50</v>
      </c>
      <c r="AE4247">
        <v>50</v>
      </c>
      <c r="AF4247">
        <v>49</v>
      </c>
      <c r="AG4247">
        <v>49</v>
      </c>
      <c r="AH4247">
        <v>49</v>
      </c>
      <c r="AI4247">
        <v>49</v>
      </c>
      <c r="AJ4247">
        <v>48</v>
      </c>
      <c r="AK4247">
        <v>48</v>
      </c>
      <c r="AL4247">
        <v>48</v>
      </c>
      <c r="AM4247">
        <v>48</v>
      </c>
      <c r="AN4247">
        <v>47</v>
      </c>
      <c r="AO4247">
        <v>47</v>
      </c>
      <c r="AP4247">
        <v>47</v>
      </c>
      <c r="AQ4247">
        <v>47</v>
      </c>
    </row>
    <row r="4248" spans="1:43">
      <c r="A4248" t="s">
        <v>2680</v>
      </c>
      <c r="B4248" t="s">
        <v>2681</v>
      </c>
      <c r="C4248" t="s">
        <v>2448</v>
      </c>
      <c r="D4248" t="s">
        <v>2449</v>
      </c>
      <c r="E4248" t="s">
        <v>2352</v>
      </c>
      <c r="F4248" t="s">
        <v>2353</v>
      </c>
      <c r="G4248" t="s">
        <v>80</v>
      </c>
      <c r="H4248" t="s">
        <v>81</v>
      </c>
      <c r="I4248" s="2">
        <v>0</v>
      </c>
      <c r="J4248" s="2">
        <v>0</v>
      </c>
      <c r="K4248" s="2">
        <v>1</v>
      </c>
      <c r="L4248" t="s">
        <v>995</v>
      </c>
      <c r="M4248" t="s">
        <v>89</v>
      </c>
      <c r="N4248" t="s">
        <v>90</v>
      </c>
      <c r="O4248" t="s">
        <v>85</v>
      </c>
      <c r="P4248" t="s">
        <v>86</v>
      </c>
      <c r="Q4248">
        <v>53</v>
      </c>
      <c r="R4248">
        <v>54</v>
      </c>
      <c r="S4248">
        <v>54</v>
      </c>
      <c r="T4248">
        <v>55</v>
      </c>
      <c r="U4248">
        <v>56</v>
      </c>
      <c r="V4248">
        <v>56</v>
      </c>
      <c r="W4248">
        <v>57</v>
      </c>
      <c r="X4248">
        <v>57</v>
      </c>
      <c r="Y4248">
        <v>57</v>
      </c>
      <c r="Z4248">
        <v>58</v>
      </c>
      <c r="AA4248">
        <v>58</v>
      </c>
      <c r="AB4248">
        <v>58</v>
      </c>
      <c r="AC4248">
        <v>58</v>
      </c>
      <c r="AD4248">
        <v>59</v>
      </c>
      <c r="AE4248">
        <v>59</v>
      </c>
      <c r="AF4248">
        <v>58</v>
      </c>
      <c r="AG4248">
        <v>58</v>
      </c>
      <c r="AH4248">
        <v>57</v>
      </c>
      <c r="AI4248">
        <v>57</v>
      </c>
      <c r="AJ4248">
        <v>56</v>
      </c>
      <c r="AK4248">
        <v>56</v>
      </c>
      <c r="AL4248">
        <v>55</v>
      </c>
      <c r="AM4248">
        <v>55</v>
      </c>
      <c r="AN4248">
        <v>55</v>
      </c>
      <c r="AO4248">
        <v>54</v>
      </c>
      <c r="AP4248">
        <v>54</v>
      </c>
      <c r="AQ4248">
        <v>53</v>
      </c>
    </row>
    <row r="4249" spans="1:43">
      <c r="A4249" t="s">
        <v>2680</v>
      </c>
      <c r="B4249" t="s">
        <v>2681</v>
      </c>
      <c r="C4249" t="s">
        <v>2448</v>
      </c>
      <c r="D4249" t="s">
        <v>2449</v>
      </c>
      <c r="E4249" t="s">
        <v>2352</v>
      </c>
      <c r="F4249" t="s">
        <v>2353</v>
      </c>
      <c r="G4249" t="s">
        <v>80</v>
      </c>
      <c r="H4249" t="s">
        <v>81</v>
      </c>
      <c r="I4249" s="2">
        <v>0</v>
      </c>
      <c r="J4249" s="2">
        <v>0</v>
      </c>
      <c r="K4249" s="2">
        <v>1</v>
      </c>
      <c r="L4249" t="s">
        <v>995</v>
      </c>
      <c r="M4249" t="s">
        <v>83</v>
      </c>
      <c r="N4249" t="s">
        <v>91</v>
      </c>
      <c r="O4249" t="s">
        <v>85</v>
      </c>
      <c r="P4249" t="s">
        <v>86</v>
      </c>
      <c r="Q4249">
        <v>53</v>
      </c>
      <c r="R4249">
        <v>53</v>
      </c>
      <c r="S4249">
        <v>53</v>
      </c>
      <c r="T4249">
        <v>53</v>
      </c>
      <c r="U4249">
        <v>54</v>
      </c>
      <c r="V4249">
        <v>54</v>
      </c>
      <c r="W4249">
        <v>54</v>
      </c>
      <c r="X4249">
        <v>54</v>
      </c>
      <c r="Y4249">
        <v>54</v>
      </c>
      <c r="Z4249">
        <v>54</v>
      </c>
      <c r="AA4249">
        <v>54</v>
      </c>
      <c r="AB4249">
        <v>55</v>
      </c>
      <c r="AC4249">
        <v>55</v>
      </c>
      <c r="AD4249">
        <v>55</v>
      </c>
      <c r="AE4249">
        <v>55</v>
      </c>
      <c r="AF4249">
        <v>55</v>
      </c>
      <c r="AG4249">
        <v>55</v>
      </c>
      <c r="AH4249">
        <v>55</v>
      </c>
      <c r="AI4249">
        <v>55</v>
      </c>
      <c r="AJ4249">
        <v>55</v>
      </c>
      <c r="AK4249">
        <v>55</v>
      </c>
      <c r="AL4249">
        <v>55</v>
      </c>
      <c r="AM4249">
        <v>54</v>
      </c>
      <c r="AN4249">
        <v>54</v>
      </c>
      <c r="AO4249">
        <v>54</v>
      </c>
      <c r="AP4249">
        <v>53</v>
      </c>
      <c r="AQ4249">
        <v>53</v>
      </c>
    </row>
    <row r="4250" spans="1:43">
      <c r="A4250" t="s">
        <v>2682</v>
      </c>
      <c r="B4250" t="s">
        <v>2683</v>
      </c>
      <c r="C4250" t="s">
        <v>2410</v>
      </c>
      <c r="D4250" t="s">
        <v>2411</v>
      </c>
      <c r="E4250" t="s">
        <v>2352</v>
      </c>
      <c r="F4250" t="s">
        <v>2353</v>
      </c>
      <c r="G4250" t="s">
        <v>80</v>
      </c>
      <c r="H4250" t="s">
        <v>81</v>
      </c>
      <c r="I4250" s="2">
        <v>0</v>
      </c>
      <c r="J4250" s="2">
        <v>0</v>
      </c>
      <c r="K4250" s="2">
        <v>1</v>
      </c>
      <c r="L4250" t="s">
        <v>995</v>
      </c>
      <c r="M4250" t="s">
        <v>83</v>
      </c>
      <c r="N4250" t="s">
        <v>84</v>
      </c>
      <c r="O4250" t="s">
        <v>85</v>
      </c>
      <c r="P4250" t="s">
        <v>86</v>
      </c>
      <c r="Q4250">
        <v>36</v>
      </c>
      <c r="R4250">
        <v>36</v>
      </c>
      <c r="S4250">
        <v>36</v>
      </c>
      <c r="T4250">
        <v>36</v>
      </c>
      <c r="U4250">
        <v>36</v>
      </c>
      <c r="V4250">
        <v>36</v>
      </c>
      <c r="W4250">
        <v>37</v>
      </c>
      <c r="X4250">
        <v>37</v>
      </c>
      <c r="Y4250">
        <v>37</v>
      </c>
      <c r="Z4250">
        <v>37</v>
      </c>
      <c r="AA4250">
        <v>37</v>
      </c>
      <c r="AB4250">
        <v>37</v>
      </c>
      <c r="AC4250">
        <v>37</v>
      </c>
      <c r="AD4250">
        <v>37</v>
      </c>
      <c r="AE4250">
        <v>37</v>
      </c>
      <c r="AF4250">
        <v>37</v>
      </c>
      <c r="AG4250">
        <v>37</v>
      </c>
      <c r="AH4250">
        <v>37</v>
      </c>
      <c r="AI4250">
        <v>37</v>
      </c>
      <c r="AJ4250">
        <v>37</v>
      </c>
      <c r="AK4250">
        <v>37</v>
      </c>
      <c r="AL4250">
        <v>37</v>
      </c>
      <c r="AM4250">
        <v>37</v>
      </c>
      <c r="AN4250">
        <v>36</v>
      </c>
      <c r="AO4250">
        <v>36</v>
      </c>
      <c r="AP4250">
        <v>36</v>
      </c>
      <c r="AQ4250">
        <v>36</v>
      </c>
    </row>
    <row r="4251" spans="1:43">
      <c r="A4251" t="s">
        <v>2682</v>
      </c>
      <c r="B4251" t="s">
        <v>2683</v>
      </c>
      <c r="C4251" t="s">
        <v>2410</v>
      </c>
      <c r="D4251" t="s">
        <v>2411</v>
      </c>
      <c r="E4251" t="s">
        <v>2352</v>
      </c>
      <c r="F4251" t="s">
        <v>2353</v>
      </c>
      <c r="G4251" t="s">
        <v>80</v>
      </c>
      <c r="H4251" t="s">
        <v>81</v>
      </c>
      <c r="I4251" s="2">
        <v>0</v>
      </c>
      <c r="J4251" s="2">
        <v>0</v>
      </c>
      <c r="K4251" s="2">
        <v>1</v>
      </c>
      <c r="L4251" t="s">
        <v>995</v>
      </c>
      <c r="M4251" t="s">
        <v>87</v>
      </c>
      <c r="N4251" t="s">
        <v>88</v>
      </c>
      <c r="O4251" t="s">
        <v>85</v>
      </c>
      <c r="P4251" t="s">
        <v>86</v>
      </c>
      <c r="Q4251">
        <v>36</v>
      </c>
      <c r="R4251">
        <v>36</v>
      </c>
      <c r="S4251">
        <v>36</v>
      </c>
      <c r="T4251">
        <v>36</v>
      </c>
      <c r="U4251">
        <v>36</v>
      </c>
      <c r="V4251">
        <v>36</v>
      </c>
      <c r="W4251">
        <v>35</v>
      </c>
      <c r="X4251">
        <v>35</v>
      </c>
      <c r="Y4251">
        <v>35</v>
      </c>
      <c r="Z4251">
        <v>35</v>
      </c>
      <c r="AA4251">
        <v>35</v>
      </c>
      <c r="AB4251">
        <v>34</v>
      </c>
      <c r="AC4251">
        <v>34</v>
      </c>
      <c r="AD4251">
        <v>34</v>
      </c>
      <c r="AE4251">
        <v>34</v>
      </c>
      <c r="AF4251">
        <v>34</v>
      </c>
      <c r="AG4251">
        <v>34</v>
      </c>
      <c r="AH4251">
        <v>33</v>
      </c>
      <c r="AI4251">
        <v>33</v>
      </c>
      <c r="AJ4251">
        <v>33</v>
      </c>
      <c r="AK4251">
        <v>33</v>
      </c>
      <c r="AL4251">
        <v>33</v>
      </c>
      <c r="AM4251">
        <v>33</v>
      </c>
      <c r="AN4251">
        <v>32</v>
      </c>
      <c r="AO4251">
        <v>32</v>
      </c>
      <c r="AP4251">
        <v>32</v>
      </c>
      <c r="AQ4251">
        <v>32</v>
      </c>
    </row>
    <row r="4252" spans="1:43">
      <c r="A4252" t="s">
        <v>2682</v>
      </c>
      <c r="B4252" t="s">
        <v>2683</v>
      </c>
      <c r="C4252" t="s">
        <v>2410</v>
      </c>
      <c r="D4252" t="s">
        <v>2411</v>
      </c>
      <c r="E4252" t="s">
        <v>2352</v>
      </c>
      <c r="F4252" t="s">
        <v>2353</v>
      </c>
      <c r="G4252" t="s">
        <v>80</v>
      </c>
      <c r="H4252" t="s">
        <v>81</v>
      </c>
      <c r="I4252" s="2">
        <v>0</v>
      </c>
      <c r="J4252" s="2">
        <v>0</v>
      </c>
      <c r="K4252" s="2">
        <v>1</v>
      </c>
      <c r="L4252" t="s">
        <v>995</v>
      </c>
      <c r="M4252" t="s">
        <v>89</v>
      </c>
      <c r="N4252" t="s">
        <v>90</v>
      </c>
      <c r="O4252" t="s">
        <v>85</v>
      </c>
      <c r="P4252" t="s">
        <v>86</v>
      </c>
      <c r="Q4252">
        <v>36</v>
      </c>
      <c r="R4252">
        <v>37</v>
      </c>
      <c r="S4252">
        <v>37</v>
      </c>
      <c r="T4252">
        <v>37</v>
      </c>
      <c r="U4252">
        <v>38</v>
      </c>
      <c r="V4252">
        <v>38</v>
      </c>
      <c r="W4252">
        <v>38</v>
      </c>
      <c r="X4252">
        <v>39</v>
      </c>
      <c r="Y4252">
        <v>39</v>
      </c>
      <c r="Z4252">
        <v>39</v>
      </c>
      <c r="AA4252">
        <v>39</v>
      </c>
      <c r="AB4252">
        <v>39</v>
      </c>
      <c r="AC4252">
        <v>40</v>
      </c>
      <c r="AD4252">
        <v>40</v>
      </c>
      <c r="AE4252">
        <v>40</v>
      </c>
      <c r="AF4252">
        <v>39</v>
      </c>
      <c r="AG4252">
        <v>39</v>
      </c>
      <c r="AH4252">
        <v>39</v>
      </c>
      <c r="AI4252">
        <v>38</v>
      </c>
      <c r="AJ4252">
        <v>38</v>
      </c>
      <c r="AK4252">
        <v>38</v>
      </c>
      <c r="AL4252">
        <v>37</v>
      </c>
      <c r="AM4252">
        <v>37</v>
      </c>
      <c r="AN4252">
        <v>37</v>
      </c>
      <c r="AO4252">
        <v>37</v>
      </c>
      <c r="AP4252">
        <v>36</v>
      </c>
      <c r="AQ4252">
        <v>36</v>
      </c>
    </row>
    <row r="4253" spans="1:43">
      <c r="A4253" t="s">
        <v>2682</v>
      </c>
      <c r="B4253" t="s">
        <v>2683</v>
      </c>
      <c r="C4253" t="s">
        <v>2410</v>
      </c>
      <c r="D4253" t="s">
        <v>2411</v>
      </c>
      <c r="E4253" t="s">
        <v>2352</v>
      </c>
      <c r="F4253" t="s">
        <v>2353</v>
      </c>
      <c r="G4253" t="s">
        <v>80</v>
      </c>
      <c r="H4253" t="s">
        <v>81</v>
      </c>
      <c r="I4253" s="2">
        <v>0</v>
      </c>
      <c r="J4253" s="2">
        <v>0</v>
      </c>
      <c r="K4253" s="2">
        <v>1</v>
      </c>
      <c r="L4253" t="s">
        <v>995</v>
      </c>
      <c r="M4253" t="s">
        <v>83</v>
      </c>
      <c r="N4253" t="s">
        <v>91</v>
      </c>
      <c r="O4253" t="s">
        <v>85</v>
      </c>
      <c r="P4253" t="s">
        <v>86</v>
      </c>
      <c r="Q4253">
        <v>36</v>
      </c>
      <c r="R4253">
        <v>36</v>
      </c>
      <c r="S4253">
        <v>36</v>
      </c>
      <c r="T4253">
        <v>36</v>
      </c>
      <c r="U4253">
        <v>36</v>
      </c>
      <c r="V4253">
        <v>36</v>
      </c>
      <c r="W4253">
        <v>37</v>
      </c>
      <c r="X4253">
        <v>37</v>
      </c>
      <c r="Y4253">
        <v>37</v>
      </c>
      <c r="Z4253">
        <v>37</v>
      </c>
      <c r="AA4253">
        <v>37</v>
      </c>
      <c r="AB4253">
        <v>37</v>
      </c>
      <c r="AC4253">
        <v>37</v>
      </c>
      <c r="AD4253">
        <v>37</v>
      </c>
      <c r="AE4253">
        <v>37</v>
      </c>
      <c r="AF4253">
        <v>37</v>
      </c>
      <c r="AG4253">
        <v>37</v>
      </c>
      <c r="AH4253">
        <v>37</v>
      </c>
      <c r="AI4253">
        <v>37</v>
      </c>
      <c r="AJ4253">
        <v>37</v>
      </c>
      <c r="AK4253">
        <v>37</v>
      </c>
      <c r="AL4253">
        <v>37</v>
      </c>
      <c r="AM4253">
        <v>37</v>
      </c>
      <c r="AN4253">
        <v>36</v>
      </c>
      <c r="AO4253">
        <v>36</v>
      </c>
      <c r="AP4253">
        <v>36</v>
      </c>
      <c r="AQ4253">
        <v>36</v>
      </c>
    </row>
    <row r="4254" spans="1:43">
      <c r="A4254" t="s">
        <v>2684</v>
      </c>
      <c r="B4254" t="s">
        <v>2685</v>
      </c>
      <c r="C4254" t="s">
        <v>2418</v>
      </c>
      <c r="D4254" t="s">
        <v>2419</v>
      </c>
      <c r="E4254" t="s">
        <v>2352</v>
      </c>
      <c r="F4254" t="s">
        <v>2353</v>
      </c>
      <c r="G4254" t="s">
        <v>80</v>
      </c>
      <c r="H4254" t="s">
        <v>81</v>
      </c>
      <c r="I4254" s="2">
        <v>0</v>
      </c>
      <c r="J4254" s="2">
        <v>0</v>
      </c>
      <c r="K4254" s="2">
        <v>1</v>
      </c>
      <c r="L4254" t="s">
        <v>995</v>
      </c>
      <c r="M4254" t="s">
        <v>83</v>
      </c>
      <c r="N4254" t="s">
        <v>84</v>
      </c>
      <c r="O4254" t="s">
        <v>85</v>
      </c>
      <c r="P4254" t="s">
        <v>86</v>
      </c>
      <c r="Q4254">
        <v>38</v>
      </c>
      <c r="R4254">
        <v>38</v>
      </c>
      <c r="S4254">
        <v>38</v>
      </c>
      <c r="T4254">
        <v>38</v>
      </c>
      <c r="U4254">
        <v>38</v>
      </c>
      <c r="V4254">
        <v>39</v>
      </c>
      <c r="W4254">
        <v>39</v>
      </c>
      <c r="X4254">
        <v>39</v>
      </c>
      <c r="Y4254">
        <v>39</v>
      </c>
      <c r="Z4254">
        <v>39</v>
      </c>
      <c r="AA4254">
        <v>39</v>
      </c>
      <c r="AB4254">
        <v>39</v>
      </c>
      <c r="AC4254">
        <v>39</v>
      </c>
      <c r="AD4254">
        <v>39</v>
      </c>
      <c r="AE4254">
        <v>39</v>
      </c>
      <c r="AF4254">
        <v>39</v>
      </c>
      <c r="AG4254">
        <v>39</v>
      </c>
      <c r="AH4254">
        <v>39</v>
      </c>
      <c r="AI4254">
        <v>39</v>
      </c>
      <c r="AJ4254">
        <v>39</v>
      </c>
      <c r="AK4254">
        <v>39</v>
      </c>
      <c r="AL4254">
        <v>39</v>
      </c>
      <c r="AM4254">
        <v>39</v>
      </c>
      <c r="AN4254">
        <v>38</v>
      </c>
      <c r="AO4254">
        <v>38</v>
      </c>
      <c r="AP4254">
        <v>38</v>
      </c>
      <c r="AQ4254">
        <v>38</v>
      </c>
    </row>
    <row r="4255" spans="1:43">
      <c r="A4255" t="s">
        <v>2684</v>
      </c>
      <c r="B4255" t="s">
        <v>2685</v>
      </c>
      <c r="C4255" t="s">
        <v>2418</v>
      </c>
      <c r="D4255" t="s">
        <v>2419</v>
      </c>
      <c r="E4255" t="s">
        <v>2352</v>
      </c>
      <c r="F4255" t="s">
        <v>2353</v>
      </c>
      <c r="G4255" t="s">
        <v>80</v>
      </c>
      <c r="H4255" t="s">
        <v>81</v>
      </c>
      <c r="I4255" s="2">
        <v>0</v>
      </c>
      <c r="J4255" s="2">
        <v>0</v>
      </c>
      <c r="K4255" s="2">
        <v>1</v>
      </c>
      <c r="L4255" t="s">
        <v>995</v>
      </c>
      <c r="M4255" t="s">
        <v>87</v>
      </c>
      <c r="N4255" t="s">
        <v>88</v>
      </c>
      <c r="O4255" t="s">
        <v>85</v>
      </c>
      <c r="P4255" t="s">
        <v>86</v>
      </c>
      <c r="Q4255">
        <v>38</v>
      </c>
      <c r="R4255">
        <v>37</v>
      </c>
      <c r="S4255">
        <v>37</v>
      </c>
      <c r="T4255">
        <v>37</v>
      </c>
      <c r="U4255">
        <v>37</v>
      </c>
      <c r="V4255">
        <v>37</v>
      </c>
      <c r="W4255">
        <v>36</v>
      </c>
      <c r="X4255">
        <v>36</v>
      </c>
      <c r="Y4255">
        <v>36</v>
      </c>
      <c r="Z4255">
        <v>36</v>
      </c>
      <c r="AA4255">
        <v>36</v>
      </c>
      <c r="AB4255">
        <v>35</v>
      </c>
      <c r="AC4255">
        <v>35</v>
      </c>
      <c r="AD4255">
        <v>35</v>
      </c>
      <c r="AE4255">
        <v>35</v>
      </c>
      <c r="AF4255">
        <v>35</v>
      </c>
      <c r="AG4255">
        <v>34</v>
      </c>
      <c r="AH4255">
        <v>34</v>
      </c>
      <c r="AI4255">
        <v>34</v>
      </c>
      <c r="AJ4255">
        <v>34</v>
      </c>
      <c r="AK4255">
        <v>34</v>
      </c>
      <c r="AL4255">
        <v>33</v>
      </c>
      <c r="AM4255">
        <v>33</v>
      </c>
      <c r="AN4255">
        <v>33</v>
      </c>
      <c r="AO4255">
        <v>33</v>
      </c>
      <c r="AP4255">
        <v>33</v>
      </c>
      <c r="AQ4255">
        <v>33</v>
      </c>
    </row>
    <row r="4256" spans="1:43">
      <c r="A4256" t="s">
        <v>2684</v>
      </c>
      <c r="B4256" t="s">
        <v>2685</v>
      </c>
      <c r="C4256" t="s">
        <v>2418</v>
      </c>
      <c r="D4256" t="s">
        <v>2419</v>
      </c>
      <c r="E4256" t="s">
        <v>2352</v>
      </c>
      <c r="F4256" t="s">
        <v>2353</v>
      </c>
      <c r="G4256" t="s">
        <v>80</v>
      </c>
      <c r="H4256" t="s">
        <v>81</v>
      </c>
      <c r="I4256" s="2">
        <v>0</v>
      </c>
      <c r="J4256" s="2">
        <v>0</v>
      </c>
      <c r="K4256" s="2">
        <v>1</v>
      </c>
      <c r="L4256" t="s">
        <v>995</v>
      </c>
      <c r="M4256" t="s">
        <v>89</v>
      </c>
      <c r="N4256" t="s">
        <v>90</v>
      </c>
      <c r="O4256" t="s">
        <v>85</v>
      </c>
      <c r="P4256" t="s">
        <v>86</v>
      </c>
      <c r="Q4256">
        <v>38</v>
      </c>
      <c r="R4256">
        <v>39</v>
      </c>
      <c r="S4256">
        <v>39</v>
      </c>
      <c r="T4256">
        <v>40</v>
      </c>
      <c r="U4256">
        <v>40</v>
      </c>
      <c r="V4256">
        <v>40</v>
      </c>
      <c r="W4256">
        <v>41</v>
      </c>
      <c r="X4256">
        <v>41</v>
      </c>
      <c r="Y4256">
        <v>41</v>
      </c>
      <c r="Z4256">
        <v>41</v>
      </c>
      <c r="AA4256">
        <v>41</v>
      </c>
      <c r="AB4256">
        <v>42</v>
      </c>
      <c r="AC4256">
        <v>42</v>
      </c>
      <c r="AD4256">
        <v>42</v>
      </c>
      <c r="AE4256">
        <v>42</v>
      </c>
      <c r="AF4256">
        <v>42</v>
      </c>
      <c r="AG4256">
        <v>41</v>
      </c>
      <c r="AH4256">
        <v>41</v>
      </c>
      <c r="AI4256">
        <v>40</v>
      </c>
      <c r="AJ4256">
        <v>40</v>
      </c>
      <c r="AK4256">
        <v>40</v>
      </c>
      <c r="AL4256">
        <v>39</v>
      </c>
      <c r="AM4256">
        <v>39</v>
      </c>
      <c r="AN4256">
        <v>39</v>
      </c>
      <c r="AO4256">
        <v>39</v>
      </c>
      <c r="AP4256">
        <v>38</v>
      </c>
      <c r="AQ4256">
        <v>38</v>
      </c>
    </row>
    <row r="4257" spans="1:43">
      <c r="A4257" t="s">
        <v>2684</v>
      </c>
      <c r="B4257" t="s">
        <v>2685</v>
      </c>
      <c r="C4257" t="s">
        <v>2418</v>
      </c>
      <c r="D4257" t="s">
        <v>2419</v>
      </c>
      <c r="E4257" t="s">
        <v>2352</v>
      </c>
      <c r="F4257" t="s">
        <v>2353</v>
      </c>
      <c r="G4257" t="s">
        <v>80</v>
      </c>
      <c r="H4257" t="s">
        <v>81</v>
      </c>
      <c r="I4257" s="2">
        <v>0</v>
      </c>
      <c r="J4257" s="2">
        <v>0</v>
      </c>
      <c r="K4257" s="2">
        <v>1</v>
      </c>
      <c r="L4257" t="s">
        <v>995</v>
      </c>
      <c r="M4257" t="s">
        <v>83</v>
      </c>
      <c r="N4257" t="s">
        <v>91</v>
      </c>
      <c r="O4257" t="s">
        <v>85</v>
      </c>
      <c r="P4257" t="s">
        <v>86</v>
      </c>
      <c r="Q4257">
        <v>38</v>
      </c>
      <c r="R4257">
        <v>38</v>
      </c>
      <c r="S4257">
        <v>38</v>
      </c>
      <c r="T4257">
        <v>38</v>
      </c>
      <c r="U4257">
        <v>38</v>
      </c>
      <c r="V4257">
        <v>39</v>
      </c>
      <c r="W4257">
        <v>39</v>
      </c>
      <c r="X4257">
        <v>39</v>
      </c>
      <c r="Y4257">
        <v>39</v>
      </c>
      <c r="Z4257">
        <v>39</v>
      </c>
      <c r="AA4257">
        <v>39</v>
      </c>
      <c r="AB4257">
        <v>39</v>
      </c>
      <c r="AC4257">
        <v>39</v>
      </c>
      <c r="AD4257">
        <v>39</v>
      </c>
      <c r="AE4257">
        <v>39</v>
      </c>
      <c r="AF4257">
        <v>39</v>
      </c>
      <c r="AG4257">
        <v>39</v>
      </c>
      <c r="AH4257">
        <v>39</v>
      </c>
      <c r="AI4257">
        <v>39</v>
      </c>
      <c r="AJ4257">
        <v>39</v>
      </c>
      <c r="AK4257">
        <v>39</v>
      </c>
      <c r="AL4257">
        <v>39</v>
      </c>
      <c r="AM4257">
        <v>39</v>
      </c>
      <c r="AN4257">
        <v>38</v>
      </c>
      <c r="AO4257">
        <v>38</v>
      </c>
      <c r="AP4257">
        <v>38</v>
      </c>
      <c r="AQ4257">
        <v>38</v>
      </c>
    </row>
    <row r="4258" spans="1:43">
      <c r="A4258" t="s">
        <v>2686</v>
      </c>
      <c r="B4258" t="s">
        <v>2687</v>
      </c>
      <c r="C4258" t="s">
        <v>2418</v>
      </c>
      <c r="D4258" t="s">
        <v>2419</v>
      </c>
      <c r="E4258" t="s">
        <v>2352</v>
      </c>
      <c r="F4258" t="s">
        <v>2353</v>
      </c>
      <c r="G4258" t="s">
        <v>80</v>
      </c>
      <c r="H4258" t="s">
        <v>81</v>
      </c>
      <c r="I4258" s="2">
        <v>0</v>
      </c>
      <c r="J4258" s="2">
        <v>0</v>
      </c>
      <c r="K4258" s="2">
        <v>1</v>
      </c>
      <c r="L4258" t="s">
        <v>995</v>
      </c>
      <c r="M4258" t="s">
        <v>83</v>
      </c>
      <c r="N4258" t="s">
        <v>84</v>
      </c>
      <c r="O4258" t="s">
        <v>85</v>
      </c>
      <c r="P4258" t="s">
        <v>86</v>
      </c>
      <c r="Q4258">
        <v>13</v>
      </c>
      <c r="R4258">
        <v>13</v>
      </c>
      <c r="S4258">
        <v>13</v>
      </c>
      <c r="T4258">
        <v>13</v>
      </c>
      <c r="U4258">
        <v>13</v>
      </c>
      <c r="V4258">
        <v>13</v>
      </c>
      <c r="W4258">
        <v>13</v>
      </c>
      <c r="X4258">
        <v>13</v>
      </c>
      <c r="Y4258">
        <v>13</v>
      </c>
      <c r="Z4258">
        <v>13</v>
      </c>
      <c r="AA4258">
        <v>13</v>
      </c>
      <c r="AB4258">
        <v>13</v>
      </c>
      <c r="AC4258">
        <v>13</v>
      </c>
      <c r="AD4258">
        <v>13</v>
      </c>
      <c r="AE4258">
        <v>13</v>
      </c>
      <c r="AF4258">
        <v>13</v>
      </c>
      <c r="AG4258">
        <v>13</v>
      </c>
      <c r="AH4258">
        <v>13</v>
      </c>
      <c r="AI4258">
        <v>13</v>
      </c>
      <c r="AJ4258">
        <v>13</v>
      </c>
      <c r="AK4258">
        <v>13</v>
      </c>
      <c r="AL4258">
        <v>13</v>
      </c>
      <c r="AM4258">
        <v>13</v>
      </c>
      <c r="AN4258">
        <v>13</v>
      </c>
      <c r="AO4258">
        <v>13</v>
      </c>
      <c r="AP4258">
        <v>13</v>
      </c>
      <c r="AQ4258">
        <v>12</v>
      </c>
    </row>
    <row r="4259" spans="1:43">
      <c r="A4259" t="s">
        <v>2686</v>
      </c>
      <c r="B4259" t="s">
        <v>2687</v>
      </c>
      <c r="C4259" t="s">
        <v>2418</v>
      </c>
      <c r="D4259" t="s">
        <v>2419</v>
      </c>
      <c r="E4259" t="s">
        <v>2352</v>
      </c>
      <c r="F4259" t="s">
        <v>2353</v>
      </c>
      <c r="G4259" t="s">
        <v>80</v>
      </c>
      <c r="H4259" t="s">
        <v>81</v>
      </c>
      <c r="I4259" s="2">
        <v>0</v>
      </c>
      <c r="J4259" s="2">
        <v>0</v>
      </c>
      <c r="K4259" s="2">
        <v>1</v>
      </c>
      <c r="L4259" t="s">
        <v>995</v>
      </c>
      <c r="M4259" t="s">
        <v>87</v>
      </c>
      <c r="N4259" t="s">
        <v>88</v>
      </c>
      <c r="O4259" t="s">
        <v>85</v>
      </c>
      <c r="P4259" t="s">
        <v>86</v>
      </c>
      <c r="Q4259">
        <v>13</v>
      </c>
      <c r="R4259">
        <v>12</v>
      </c>
      <c r="S4259">
        <v>12</v>
      </c>
      <c r="T4259">
        <v>12</v>
      </c>
      <c r="U4259">
        <v>12</v>
      </c>
      <c r="V4259">
        <v>12</v>
      </c>
      <c r="W4259">
        <v>12</v>
      </c>
      <c r="X4259">
        <v>12</v>
      </c>
      <c r="Y4259">
        <v>12</v>
      </c>
      <c r="Z4259">
        <v>12</v>
      </c>
      <c r="AA4259">
        <v>12</v>
      </c>
      <c r="AB4259">
        <v>12</v>
      </c>
      <c r="AC4259">
        <v>12</v>
      </c>
      <c r="AD4259">
        <v>12</v>
      </c>
      <c r="AE4259">
        <v>12</v>
      </c>
      <c r="AF4259">
        <v>12</v>
      </c>
      <c r="AG4259">
        <v>11</v>
      </c>
      <c r="AH4259">
        <v>11</v>
      </c>
      <c r="AI4259">
        <v>11</v>
      </c>
      <c r="AJ4259">
        <v>11</v>
      </c>
      <c r="AK4259">
        <v>11</v>
      </c>
      <c r="AL4259">
        <v>11</v>
      </c>
      <c r="AM4259">
        <v>11</v>
      </c>
      <c r="AN4259">
        <v>11</v>
      </c>
      <c r="AO4259">
        <v>11</v>
      </c>
      <c r="AP4259">
        <v>11</v>
      </c>
      <c r="AQ4259">
        <v>11</v>
      </c>
    </row>
    <row r="4260" spans="1:43">
      <c r="A4260" t="s">
        <v>2686</v>
      </c>
      <c r="B4260" t="s">
        <v>2687</v>
      </c>
      <c r="C4260" t="s">
        <v>2418</v>
      </c>
      <c r="D4260" t="s">
        <v>2419</v>
      </c>
      <c r="E4260" t="s">
        <v>2352</v>
      </c>
      <c r="F4260" t="s">
        <v>2353</v>
      </c>
      <c r="G4260" t="s">
        <v>80</v>
      </c>
      <c r="H4260" t="s">
        <v>81</v>
      </c>
      <c r="I4260" s="2">
        <v>0</v>
      </c>
      <c r="J4260" s="2">
        <v>0</v>
      </c>
      <c r="K4260" s="2">
        <v>1</v>
      </c>
      <c r="L4260" t="s">
        <v>995</v>
      </c>
      <c r="M4260" t="s">
        <v>89</v>
      </c>
      <c r="N4260" t="s">
        <v>90</v>
      </c>
      <c r="O4260" t="s">
        <v>85</v>
      </c>
      <c r="P4260" t="s">
        <v>86</v>
      </c>
      <c r="Q4260">
        <v>13</v>
      </c>
      <c r="R4260">
        <v>13</v>
      </c>
      <c r="S4260">
        <v>13</v>
      </c>
      <c r="T4260">
        <v>13</v>
      </c>
      <c r="U4260">
        <v>13</v>
      </c>
      <c r="V4260">
        <v>13</v>
      </c>
      <c r="W4260">
        <v>14</v>
      </c>
      <c r="X4260">
        <v>14</v>
      </c>
      <c r="Y4260">
        <v>14</v>
      </c>
      <c r="Z4260">
        <v>14</v>
      </c>
      <c r="AA4260">
        <v>14</v>
      </c>
      <c r="AB4260">
        <v>14</v>
      </c>
      <c r="AC4260">
        <v>14</v>
      </c>
      <c r="AD4260">
        <v>14</v>
      </c>
      <c r="AE4260">
        <v>14</v>
      </c>
      <c r="AF4260">
        <v>14</v>
      </c>
      <c r="AG4260">
        <v>14</v>
      </c>
      <c r="AH4260">
        <v>14</v>
      </c>
      <c r="AI4260">
        <v>13</v>
      </c>
      <c r="AJ4260">
        <v>13</v>
      </c>
      <c r="AK4260">
        <v>13</v>
      </c>
      <c r="AL4260">
        <v>13</v>
      </c>
      <c r="AM4260">
        <v>13</v>
      </c>
      <c r="AN4260">
        <v>13</v>
      </c>
      <c r="AO4260">
        <v>13</v>
      </c>
      <c r="AP4260">
        <v>13</v>
      </c>
      <c r="AQ4260">
        <v>13</v>
      </c>
    </row>
    <row r="4261" spans="1:43">
      <c r="A4261" t="s">
        <v>2686</v>
      </c>
      <c r="B4261" t="s">
        <v>2687</v>
      </c>
      <c r="C4261" t="s">
        <v>2418</v>
      </c>
      <c r="D4261" t="s">
        <v>2419</v>
      </c>
      <c r="E4261" t="s">
        <v>2352</v>
      </c>
      <c r="F4261" t="s">
        <v>2353</v>
      </c>
      <c r="G4261" t="s">
        <v>80</v>
      </c>
      <c r="H4261" t="s">
        <v>81</v>
      </c>
      <c r="I4261" s="2">
        <v>0</v>
      </c>
      <c r="J4261" s="2">
        <v>0</v>
      </c>
      <c r="K4261" s="2">
        <v>1</v>
      </c>
      <c r="L4261" t="s">
        <v>995</v>
      </c>
      <c r="M4261" t="s">
        <v>83</v>
      </c>
      <c r="N4261" t="s">
        <v>91</v>
      </c>
      <c r="O4261" t="s">
        <v>85</v>
      </c>
      <c r="P4261" t="s">
        <v>86</v>
      </c>
      <c r="Q4261">
        <v>13</v>
      </c>
      <c r="R4261">
        <v>13</v>
      </c>
      <c r="S4261">
        <v>13</v>
      </c>
      <c r="T4261">
        <v>13</v>
      </c>
      <c r="U4261">
        <v>13</v>
      </c>
      <c r="V4261">
        <v>13</v>
      </c>
      <c r="W4261">
        <v>13</v>
      </c>
      <c r="X4261">
        <v>13</v>
      </c>
      <c r="Y4261">
        <v>13</v>
      </c>
      <c r="Z4261">
        <v>13</v>
      </c>
      <c r="AA4261">
        <v>13</v>
      </c>
      <c r="AB4261">
        <v>13</v>
      </c>
      <c r="AC4261">
        <v>13</v>
      </c>
      <c r="AD4261">
        <v>13</v>
      </c>
      <c r="AE4261">
        <v>13</v>
      </c>
      <c r="AF4261">
        <v>13</v>
      </c>
      <c r="AG4261">
        <v>13</v>
      </c>
      <c r="AH4261">
        <v>13</v>
      </c>
      <c r="AI4261">
        <v>13</v>
      </c>
      <c r="AJ4261">
        <v>13</v>
      </c>
      <c r="AK4261">
        <v>13</v>
      </c>
      <c r="AL4261">
        <v>13</v>
      </c>
      <c r="AM4261">
        <v>13</v>
      </c>
      <c r="AN4261">
        <v>13</v>
      </c>
      <c r="AO4261">
        <v>13</v>
      </c>
      <c r="AP4261">
        <v>13</v>
      </c>
      <c r="AQ4261">
        <v>12</v>
      </c>
    </row>
    <row r="4262" spans="1:43">
      <c r="A4262" t="s">
        <v>2688</v>
      </c>
      <c r="B4262" t="s">
        <v>2689</v>
      </c>
      <c r="C4262" t="s">
        <v>2418</v>
      </c>
      <c r="D4262" t="s">
        <v>2419</v>
      </c>
      <c r="E4262" t="s">
        <v>2352</v>
      </c>
      <c r="F4262" t="s">
        <v>2353</v>
      </c>
      <c r="G4262" t="s">
        <v>80</v>
      </c>
      <c r="H4262" t="s">
        <v>81</v>
      </c>
      <c r="I4262" s="2">
        <v>0</v>
      </c>
      <c r="J4262" s="2">
        <v>0</v>
      </c>
      <c r="K4262" s="2">
        <v>1</v>
      </c>
      <c r="L4262" t="s">
        <v>995</v>
      </c>
      <c r="M4262" t="s">
        <v>83</v>
      </c>
      <c r="N4262" t="s">
        <v>84</v>
      </c>
      <c r="O4262" t="s">
        <v>85</v>
      </c>
      <c r="P4262" t="s">
        <v>86</v>
      </c>
      <c r="Q4262">
        <v>46</v>
      </c>
      <c r="R4262">
        <v>46</v>
      </c>
      <c r="S4262">
        <v>46</v>
      </c>
      <c r="T4262">
        <v>46</v>
      </c>
      <c r="U4262">
        <v>47</v>
      </c>
      <c r="V4262">
        <v>47</v>
      </c>
      <c r="W4262">
        <v>47</v>
      </c>
      <c r="X4262">
        <v>47</v>
      </c>
      <c r="Y4262">
        <v>47</v>
      </c>
      <c r="Z4262">
        <v>47</v>
      </c>
      <c r="AA4262">
        <v>47</v>
      </c>
      <c r="AB4262">
        <v>47</v>
      </c>
      <c r="AC4262">
        <v>48</v>
      </c>
      <c r="AD4262">
        <v>48</v>
      </c>
      <c r="AE4262">
        <v>48</v>
      </c>
      <c r="AF4262">
        <v>48</v>
      </c>
      <c r="AG4262">
        <v>48</v>
      </c>
      <c r="AH4262">
        <v>48</v>
      </c>
      <c r="AI4262">
        <v>48</v>
      </c>
      <c r="AJ4262">
        <v>48</v>
      </c>
      <c r="AK4262">
        <v>48</v>
      </c>
      <c r="AL4262">
        <v>48</v>
      </c>
      <c r="AM4262">
        <v>47</v>
      </c>
      <c r="AN4262">
        <v>47</v>
      </c>
      <c r="AO4262">
        <v>46</v>
      </c>
      <c r="AP4262">
        <v>46</v>
      </c>
      <c r="AQ4262">
        <v>46</v>
      </c>
    </row>
    <row r="4263" spans="1:43">
      <c r="A4263" t="s">
        <v>2688</v>
      </c>
      <c r="B4263" t="s">
        <v>2689</v>
      </c>
      <c r="C4263" t="s">
        <v>2418</v>
      </c>
      <c r="D4263" t="s">
        <v>2419</v>
      </c>
      <c r="E4263" t="s">
        <v>2352</v>
      </c>
      <c r="F4263" t="s">
        <v>2353</v>
      </c>
      <c r="G4263" t="s">
        <v>80</v>
      </c>
      <c r="H4263" t="s">
        <v>81</v>
      </c>
      <c r="I4263" s="2">
        <v>0</v>
      </c>
      <c r="J4263" s="2">
        <v>0</v>
      </c>
      <c r="K4263" s="2">
        <v>1</v>
      </c>
      <c r="L4263" t="s">
        <v>995</v>
      </c>
      <c r="M4263" t="s">
        <v>87</v>
      </c>
      <c r="N4263" t="s">
        <v>88</v>
      </c>
      <c r="O4263" t="s">
        <v>85</v>
      </c>
      <c r="P4263" t="s">
        <v>86</v>
      </c>
      <c r="Q4263">
        <v>46</v>
      </c>
      <c r="R4263">
        <v>45</v>
      </c>
      <c r="S4263">
        <v>45</v>
      </c>
      <c r="T4263">
        <v>45</v>
      </c>
      <c r="U4263">
        <v>45</v>
      </c>
      <c r="V4263">
        <v>44</v>
      </c>
      <c r="W4263">
        <v>44</v>
      </c>
      <c r="X4263">
        <v>44</v>
      </c>
      <c r="Y4263">
        <v>44</v>
      </c>
      <c r="Z4263">
        <v>43</v>
      </c>
      <c r="AA4263">
        <v>43</v>
      </c>
      <c r="AB4263">
        <v>43</v>
      </c>
      <c r="AC4263">
        <v>43</v>
      </c>
      <c r="AD4263">
        <v>42</v>
      </c>
      <c r="AE4263">
        <v>42</v>
      </c>
      <c r="AF4263">
        <v>42</v>
      </c>
      <c r="AG4263">
        <v>42</v>
      </c>
      <c r="AH4263">
        <v>42</v>
      </c>
      <c r="AI4263">
        <v>41</v>
      </c>
      <c r="AJ4263">
        <v>41</v>
      </c>
      <c r="AK4263">
        <v>41</v>
      </c>
      <c r="AL4263">
        <v>41</v>
      </c>
      <c r="AM4263">
        <v>40</v>
      </c>
      <c r="AN4263">
        <v>40</v>
      </c>
      <c r="AO4263">
        <v>40</v>
      </c>
      <c r="AP4263">
        <v>40</v>
      </c>
      <c r="AQ4263">
        <v>40</v>
      </c>
    </row>
    <row r="4264" spans="1:43">
      <c r="A4264" t="s">
        <v>2688</v>
      </c>
      <c r="B4264" t="s">
        <v>2689</v>
      </c>
      <c r="C4264" t="s">
        <v>2418</v>
      </c>
      <c r="D4264" t="s">
        <v>2419</v>
      </c>
      <c r="E4264" t="s">
        <v>2352</v>
      </c>
      <c r="F4264" t="s">
        <v>2353</v>
      </c>
      <c r="G4264" t="s">
        <v>80</v>
      </c>
      <c r="H4264" t="s">
        <v>81</v>
      </c>
      <c r="I4264" s="2">
        <v>0</v>
      </c>
      <c r="J4264" s="2">
        <v>0</v>
      </c>
      <c r="K4264" s="2">
        <v>1</v>
      </c>
      <c r="L4264" t="s">
        <v>995</v>
      </c>
      <c r="M4264" t="s">
        <v>89</v>
      </c>
      <c r="N4264" t="s">
        <v>90</v>
      </c>
      <c r="O4264" t="s">
        <v>85</v>
      </c>
      <c r="P4264" t="s">
        <v>86</v>
      </c>
      <c r="Q4264">
        <v>46</v>
      </c>
      <c r="R4264">
        <v>47</v>
      </c>
      <c r="S4264">
        <v>47</v>
      </c>
      <c r="T4264">
        <v>48</v>
      </c>
      <c r="U4264">
        <v>48</v>
      </c>
      <c r="V4264">
        <v>49</v>
      </c>
      <c r="W4264">
        <v>49</v>
      </c>
      <c r="X4264">
        <v>50</v>
      </c>
      <c r="Y4264">
        <v>50</v>
      </c>
      <c r="Z4264">
        <v>50</v>
      </c>
      <c r="AA4264">
        <v>50</v>
      </c>
      <c r="AB4264">
        <v>51</v>
      </c>
      <c r="AC4264">
        <v>51</v>
      </c>
      <c r="AD4264">
        <v>51</v>
      </c>
      <c r="AE4264">
        <v>51</v>
      </c>
      <c r="AF4264">
        <v>51</v>
      </c>
      <c r="AG4264">
        <v>50</v>
      </c>
      <c r="AH4264">
        <v>50</v>
      </c>
      <c r="AI4264">
        <v>49</v>
      </c>
      <c r="AJ4264">
        <v>49</v>
      </c>
      <c r="AK4264">
        <v>49</v>
      </c>
      <c r="AL4264">
        <v>48</v>
      </c>
      <c r="AM4264">
        <v>48</v>
      </c>
      <c r="AN4264">
        <v>47</v>
      </c>
      <c r="AO4264">
        <v>47</v>
      </c>
      <c r="AP4264">
        <v>47</v>
      </c>
      <c r="AQ4264">
        <v>46</v>
      </c>
    </row>
    <row r="4265" spans="1:43">
      <c r="A4265" t="s">
        <v>2688</v>
      </c>
      <c r="B4265" t="s">
        <v>2689</v>
      </c>
      <c r="C4265" t="s">
        <v>2418</v>
      </c>
      <c r="D4265" t="s">
        <v>2419</v>
      </c>
      <c r="E4265" t="s">
        <v>2352</v>
      </c>
      <c r="F4265" t="s">
        <v>2353</v>
      </c>
      <c r="G4265" t="s">
        <v>80</v>
      </c>
      <c r="H4265" t="s">
        <v>81</v>
      </c>
      <c r="I4265" s="2">
        <v>0</v>
      </c>
      <c r="J4265" s="2">
        <v>0</v>
      </c>
      <c r="K4265" s="2">
        <v>1</v>
      </c>
      <c r="L4265" t="s">
        <v>995</v>
      </c>
      <c r="M4265" t="s">
        <v>83</v>
      </c>
      <c r="N4265" t="s">
        <v>91</v>
      </c>
      <c r="O4265" t="s">
        <v>85</v>
      </c>
      <c r="P4265" t="s">
        <v>86</v>
      </c>
      <c r="Q4265">
        <v>46</v>
      </c>
      <c r="R4265">
        <v>46</v>
      </c>
      <c r="S4265">
        <v>46</v>
      </c>
      <c r="T4265">
        <v>46</v>
      </c>
      <c r="U4265">
        <v>47</v>
      </c>
      <c r="V4265">
        <v>47</v>
      </c>
      <c r="W4265">
        <v>47</v>
      </c>
      <c r="X4265">
        <v>47</v>
      </c>
      <c r="Y4265">
        <v>47</v>
      </c>
      <c r="Z4265">
        <v>47</v>
      </c>
      <c r="AA4265">
        <v>47</v>
      </c>
      <c r="AB4265">
        <v>47</v>
      </c>
      <c r="AC4265">
        <v>48</v>
      </c>
      <c r="AD4265">
        <v>48</v>
      </c>
      <c r="AE4265">
        <v>48</v>
      </c>
      <c r="AF4265">
        <v>48</v>
      </c>
      <c r="AG4265">
        <v>48</v>
      </c>
      <c r="AH4265">
        <v>48</v>
      </c>
      <c r="AI4265">
        <v>48</v>
      </c>
      <c r="AJ4265">
        <v>48</v>
      </c>
      <c r="AK4265">
        <v>48</v>
      </c>
      <c r="AL4265">
        <v>48</v>
      </c>
      <c r="AM4265">
        <v>47</v>
      </c>
      <c r="AN4265">
        <v>47</v>
      </c>
      <c r="AO4265">
        <v>46</v>
      </c>
      <c r="AP4265">
        <v>46</v>
      </c>
      <c r="AQ4265">
        <v>46</v>
      </c>
    </row>
    <row r="4266" spans="1:43">
      <c r="A4266" t="s">
        <v>2690</v>
      </c>
      <c r="B4266" t="s">
        <v>2691</v>
      </c>
      <c r="C4266" t="s">
        <v>2426</v>
      </c>
      <c r="D4266" t="s">
        <v>2427</v>
      </c>
      <c r="E4266" t="s">
        <v>2352</v>
      </c>
      <c r="F4266" t="s">
        <v>2353</v>
      </c>
      <c r="G4266" t="s">
        <v>80</v>
      </c>
      <c r="H4266" t="s">
        <v>81</v>
      </c>
      <c r="I4266" s="2">
        <v>0</v>
      </c>
      <c r="J4266" s="2">
        <v>0</v>
      </c>
      <c r="K4266" s="2">
        <v>1</v>
      </c>
      <c r="L4266" t="s">
        <v>995</v>
      </c>
      <c r="M4266" t="s">
        <v>83</v>
      </c>
      <c r="N4266" t="s">
        <v>84</v>
      </c>
      <c r="O4266" t="s">
        <v>85</v>
      </c>
      <c r="P4266" t="s">
        <v>86</v>
      </c>
      <c r="Q4266">
        <v>26</v>
      </c>
      <c r="R4266">
        <v>26</v>
      </c>
      <c r="S4266">
        <v>26</v>
      </c>
      <c r="T4266">
        <v>26</v>
      </c>
      <c r="U4266">
        <v>26</v>
      </c>
      <c r="V4266">
        <v>26</v>
      </c>
      <c r="W4266">
        <v>26</v>
      </c>
      <c r="X4266">
        <v>26</v>
      </c>
      <c r="Y4266">
        <v>26</v>
      </c>
      <c r="Z4266">
        <v>26</v>
      </c>
      <c r="AA4266">
        <v>26</v>
      </c>
      <c r="AB4266">
        <v>26</v>
      </c>
      <c r="AC4266">
        <v>27</v>
      </c>
      <c r="AD4266">
        <v>27</v>
      </c>
      <c r="AE4266">
        <v>27</v>
      </c>
      <c r="AF4266">
        <v>27</v>
      </c>
      <c r="AG4266">
        <v>27</v>
      </c>
      <c r="AH4266">
        <v>27</v>
      </c>
      <c r="AI4266">
        <v>27</v>
      </c>
      <c r="AJ4266">
        <v>27</v>
      </c>
      <c r="AK4266">
        <v>27</v>
      </c>
      <c r="AL4266">
        <v>27</v>
      </c>
      <c r="AM4266">
        <v>26</v>
      </c>
      <c r="AN4266">
        <v>26</v>
      </c>
      <c r="AO4266">
        <v>26</v>
      </c>
      <c r="AP4266">
        <v>26</v>
      </c>
      <c r="AQ4266">
        <v>26</v>
      </c>
    </row>
    <row r="4267" spans="1:43">
      <c r="A4267" t="s">
        <v>2690</v>
      </c>
      <c r="B4267" t="s">
        <v>2691</v>
      </c>
      <c r="C4267" t="s">
        <v>2426</v>
      </c>
      <c r="D4267" t="s">
        <v>2427</v>
      </c>
      <c r="E4267" t="s">
        <v>2352</v>
      </c>
      <c r="F4267" t="s">
        <v>2353</v>
      </c>
      <c r="G4267" t="s">
        <v>80</v>
      </c>
      <c r="H4267" t="s">
        <v>81</v>
      </c>
      <c r="I4267" s="2">
        <v>0</v>
      </c>
      <c r="J4267" s="2">
        <v>0</v>
      </c>
      <c r="K4267" s="2">
        <v>1</v>
      </c>
      <c r="L4267" t="s">
        <v>995</v>
      </c>
      <c r="M4267" t="s">
        <v>87</v>
      </c>
      <c r="N4267" t="s">
        <v>88</v>
      </c>
      <c r="O4267" t="s">
        <v>85</v>
      </c>
      <c r="P4267" t="s">
        <v>86</v>
      </c>
      <c r="Q4267">
        <v>26</v>
      </c>
      <c r="R4267">
        <v>26</v>
      </c>
      <c r="S4267">
        <v>26</v>
      </c>
      <c r="T4267">
        <v>26</v>
      </c>
      <c r="U4267">
        <v>26</v>
      </c>
      <c r="V4267">
        <v>26</v>
      </c>
      <c r="W4267">
        <v>26</v>
      </c>
      <c r="X4267">
        <v>25</v>
      </c>
      <c r="Y4267">
        <v>25</v>
      </c>
      <c r="Z4267">
        <v>25</v>
      </c>
      <c r="AA4267">
        <v>25</v>
      </c>
      <c r="AB4267">
        <v>25</v>
      </c>
      <c r="AC4267">
        <v>25</v>
      </c>
      <c r="AD4267">
        <v>25</v>
      </c>
      <c r="AE4267">
        <v>25</v>
      </c>
      <c r="AF4267">
        <v>24</v>
      </c>
      <c r="AG4267">
        <v>24</v>
      </c>
      <c r="AH4267">
        <v>24</v>
      </c>
      <c r="AI4267">
        <v>24</v>
      </c>
      <c r="AJ4267">
        <v>24</v>
      </c>
      <c r="AK4267">
        <v>24</v>
      </c>
      <c r="AL4267">
        <v>24</v>
      </c>
      <c r="AM4267">
        <v>24</v>
      </c>
      <c r="AN4267">
        <v>24</v>
      </c>
      <c r="AO4267">
        <v>23</v>
      </c>
      <c r="AP4267">
        <v>23</v>
      </c>
      <c r="AQ4267">
        <v>23</v>
      </c>
    </row>
    <row r="4268" spans="1:43">
      <c r="A4268" t="s">
        <v>2690</v>
      </c>
      <c r="B4268" t="s">
        <v>2691</v>
      </c>
      <c r="C4268" t="s">
        <v>2426</v>
      </c>
      <c r="D4268" t="s">
        <v>2427</v>
      </c>
      <c r="E4268" t="s">
        <v>2352</v>
      </c>
      <c r="F4268" t="s">
        <v>2353</v>
      </c>
      <c r="G4268" t="s">
        <v>80</v>
      </c>
      <c r="H4268" t="s">
        <v>81</v>
      </c>
      <c r="I4268" s="2">
        <v>0</v>
      </c>
      <c r="J4268" s="2">
        <v>0</v>
      </c>
      <c r="K4268" s="2">
        <v>1</v>
      </c>
      <c r="L4268" t="s">
        <v>995</v>
      </c>
      <c r="M4268" t="s">
        <v>89</v>
      </c>
      <c r="N4268" t="s">
        <v>90</v>
      </c>
      <c r="O4268" t="s">
        <v>85</v>
      </c>
      <c r="P4268" t="s">
        <v>86</v>
      </c>
      <c r="Q4268">
        <v>26</v>
      </c>
      <c r="R4268">
        <v>26</v>
      </c>
      <c r="S4268">
        <v>26</v>
      </c>
      <c r="T4268">
        <v>27</v>
      </c>
      <c r="U4268">
        <v>27</v>
      </c>
      <c r="V4268">
        <v>27</v>
      </c>
      <c r="W4268">
        <v>28</v>
      </c>
      <c r="X4268">
        <v>28</v>
      </c>
      <c r="Y4268">
        <v>28</v>
      </c>
      <c r="Z4268">
        <v>28</v>
      </c>
      <c r="AA4268">
        <v>28</v>
      </c>
      <c r="AB4268">
        <v>28</v>
      </c>
      <c r="AC4268">
        <v>28</v>
      </c>
      <c r="AD4268">
        <v>28</v>
      </c>
      <c r="AE4268">
        <v>28</v>
      </c>
      <c r="AF4268">
        <v>28</v>
      </c>
      <c r="AG4268">
        <v>28</v>
      </c>
      <c r="AH4268">
        <v>28</v>
      </c>
      <c r="AI4268">
        <v>28</v>
      </c>
      <c r="AJ4268">
        <v>27</v>
      </c>
      <c r="AK4268">
        <v>27</v>
      </c>
      <c r="AL4268">
        <v>27</v>
      </c>
      <c r="AM4268">
        <v>27</v>
      </c>
      <c r="AN4268">
        <v>27</v>
      </c>
      <c r="AO4268">
        <v>26</v>
      </c>
      <c r="AP4268">
        <v>26</v>
      </c>
      <c r="AQ4268">
        <v>26</v>
      </c>
    </row>
    <row r="4269" spans="1:43">
      <c r="A4269" t="s">
        <v>2690</v>
      </c>
      <c r="B4269" t="s">
        <v>2691</v>
      </c>
      <c r="C4269" t="s">
        <v>2426</v>
      </c>
      <c r="D4269" t="s">
        <v>2427</v>
      </c>
      <c r="E4269" t="s">
        <v>2352</v>
      </c>
      <c r="F4269" t="s">
        <v>2353</v>
      </c>
      <c r="G4269" t="s">
        <v>80</v>
      </c>
      <c r="H4269" t="s">
        <v>81</v>
      </c>
      <c r="I4269" s="2">
        <v>0</v>
      </c>
      <c r="J4269" s="2">
        <v>0</v>
      </c>
      <c r="K4269" s="2">
        <v>1</v>
      </c>
      <c r="L4269" t="s">
        <v>995</v>
      </c>
      <c r="M4269" t="s">
        <v>83</v>
      </c>
      <c r="N4269" t="s">
        <v>91</v>
      </c>
      <c r="O4269" t="s">
        <v>85</v>
      </c>
      <c r="P4269" t="s">
        <v>86</v>
      </c>
      <c r="Q4269">
        <v>26</v>
      </c>
      <c r="R4269">
        <v>26</v>
      </c>
      <c r="S4269">
        <v>26</v>
      </c>
      <c r="T4269">
        <v>26</v>
      </c>
      <c r="U4269">
        <v>26</v>
      </c>
      <c r="V4269">
        <v>26</v>
      </c>
      <c r="W4269">
        <v>26</v>
      </c>
      <c r="X4269">
        <v>26</v>
      </c>
      <c r="Y4269">
        <v>26</v>
      </c>
      <c r="Z4269">
        <v>26</v>
      </c>
      <c r="AA4269">
        <v>26</v>
      </c>
      <c r="AB4269">
        <v>26</v>
      </c>
      <c r="AC4269">
        <v>27</v>
      </c>
      <c r="AD4269">
        <v>27</v>
      </c>
      <c r="AE4269">
        <v>27</v>
      </c>
      <c r="AF4269">
        <v>27</v>
      </c>
      <c r="AG4269">
        <v>27</v>
      </c>
      <c r="AH4269">
        <v>27</v>
      </c>
      <c r="AI4269">
        <v>27</v>
      </c>
      <c r="AJ4269">
        <v>27</v>
      </c>
      <c r="AK4269">
        <v>27</v>
      </c>
      <c r="AL4269">
        <v>27</v>
      </c>
      <c r="AM4269">
        <v>26</v>
      </c>
      <c r="AN4269">
        <v>26</v>
      </c>
      <c r="AO4269">
        <v>26</v>
      </c>
      <c r="AP4269">
        <v>26</v>
      </c>
      <c r="AQ4269">
        <v>26</v>
      </c>
    </row>
    <row r="4270" spans="1:43">
      <c r="A4270" t="s">
        <v>2692</v>
      </c>
      <c r="B4270" t="s">
        <v>2693</v>
      </c>
      <c r="C4270" t="s">
        <v>2418</v>
      </c>
      <c r="D4270" t="s">
        <v>2419</v>
      </c>
      <c r="E4270" t="s">
        <v>2352</v>
      </c>
      <c r="F4270" t="s">
        <v>2353</v>
      </c>
      <c r="G4270" t="s">
        <v>80</v>
      </c>
      <c r="H4270" t="s">
        <v>81</v>
      </c>
      <c r="I4270" s="2">
        <v>0</v>
      </c>
      <c r="J4270" s="2">
        <v>0</v>
      </c>
      <c r="K4270" s="2">
        <v>1</v>
      </c>
      <c r="L4270" t="s">
        <v>995</v>
      </c>
      <c r="M4270" t="s">
        <v>83</v>
      </c>
      <c r="N4270" t="s">
        <v>84</v>
      </c>
      <c r="O4270" t="s">
        <v>85</v>
      </c>
      <c r="P4270" t="s">
        <v>86</v>
      </c>
      <c r="Q4270">
        <v>16</v>
      </c>
      <c r="R4270">
        <v>16</v>
      </c>
      <c r="S4270">
        <v>16</v>
      </c>
      <c r="T4270">
        <v>16</v>
      </c>
      <c r="U4270">
        <v>16</v>
      </c>
      <c r="V4270">
        <v>16</v>
      </c>
      <c r="W4270">
        <v>16</v>
      </c>
      <c r="X4270">
        <v>17</v>
      </c>
      <c r="Y4270">
        <v>17</v>
      </c>
      <c r="Z4270">
        <v>17</v>
      </c>
      <c r="AA4270">
        <v>17</v>
      </c>
      <c r="AB4270">
        <v>17</v>
      </c>
      <c r="AC4270">
        <v>17</v>
      </c>
      <c r="AD4270">
        <v>17</v>
      </c>
      <c r="AE4270">
        <v>17</v>
      </c>
      <c r="AF4270">
        <v>17</v>
      </c>
      <c r="AG4270">
        <v>17</v>
      </c>
      <c r="AH4270">
        <v>17</v>
      </c>
      <c r="AI4270">
        <v>17</v>
      </c>
      <c r="AJ4270">
        <v>17</v>
      </c>
      <c r="AK4270">
        <v>17</v>
      </c>
      <c r="AL4270">
        <v>17</v>
      </c>
      <c r="AM4270">
        <v>17</v>
      </c>
      <c r="AN4270">
        <v>17</v>
      </c>
      <c r="AO4270">
        <v>16</v>
      </c>
      <c r="AP4270">
        <v>16</v>
      </c>
      <c r="AQ4270">
        <v>16</v>
      </c>
    </row>
    <row r="4271" spans="1:43">
      <c r="A4271" t="s">
        <v>2692</v>
      </c>
      <c r="B4271" t="s">
        <v>2693</v>
      </c>
      <c r="C4271" t="s">
        <v>2418</v>
      </c>
      <c r="D4271" t="s">
        <v>2419</v>
      </c>
      <c r="E4271" t="s">
        <v>2352</v>
      </c>
      <c r="F4271" t="s">
        <v>2353</v>
      </c>
      <c r="G4271" t="s">
        <v>80</v>
      </c>
      <c r="H4271" t="s">
        <v>81</v>
      </c>
      <c r="I4271" s="2">
        <v>0</v>
      </c>
      <c r="J4271" s="2">
        <v>0</v>
      </c>
      <c r="K4271" s="2">
        <v>1</v>
      </c>
      <c r="L4271" t="s">
        <v>995</v>
      </c>
      <c r="M4271" t="s">
        <v>87</v>
      </c>
      <c r="N4271" t="s">
        <v>88</v>
      </c>
      <c r="O4271" t="s">
        <v>85</v>
      </c>
      <c r="P4271" t="s">
        <v>86</v>
      </c>
      <c r="Q4271">
        <v>16</v>
      </c>
      <c r="R4271">
        <v>16</v>
      </c>
      <c r="S4271">
        <v>16</v>
      </c>
      <c r="T4271">
        <v>16</v>
      </c>
      <c r="U4271">
        <v>16</v>
      </c>
      <c r="V4271">
        <v>16</v>
      </c>
      <c r="W4271">
        <v>16</v>
      </c>
      <c r="X4271">
        <v>15</v>
      </c>
      <c r="Y4271">
        <v>15</v>
      </c>
      <c r="Z4271">
        <v>15</v>
      </c>
      <c r="AA4271">
        <v>15</v>
      </c>
      <c r="AB4271">
        <v>15</v>
      </c>
      <c r="AC4271">
        <v>15</v>
      </c>
      <c r="AD4271">
        <v>15</v>
      </c>
      <c r="AE4271">
        <v>15</v>
      </c>
      <c r="AF4271">
        <v>15</v>
      </c>
      <c r="AG4271">
        <v>15</v>
      </c>
      <c r="AH4271">
        <v>15</v>
      </c>
      <c r="AI4271">
        <v>15</v>
      </c>
      <c r="AJ4271">
        <v>14</v>
      </c>
      <c r="AK4271">
        <v>14</v>
      </c>
      <c r="AL4271">
        <v>14</v>
      </c>
      <c r="AM4271">
        <v>14</v>
      </c>
      <c r="AN4271">
        <v>14</v>
      </c>
      <c r="AO4271">
        <v>14</v>
      </c>
      <c r="AP4271">
        <v>14</v>
      </c>
      <c r="AQ4271">
        <v>14</v>
      </c>
    </row>
    <row r="4272" spans="1:43">
      <c r="A4272" t="s">
        <v>2692</v>
      </c>
      <c r="B4272" t="s">
        <v>2693</v>
      </c>
      <c r="C4272" t="s">
        <v>2418</v>
      </c>
      <c r="D4272" t="s">
        <v>2419</v>
      </c>
      <c r="E4272" t="s">
        <v>2352</v>
      </c>
      <c r="F4272" t="s">
        <v>2353</v>
      </c>
      <c r="G4272" t="s">
        <v>80</v>
      </c>
      <c r="H4272" t="s">
        <v>81</v>
      </c>
      <c r="I4272" s="2">
        <v>0</v>
      </c>
      <c r="J4272" s="2">
        <v>0</v>
      </c>
      <c r="K4272" s="2">
        <v>1</v>
      </c>
      <c r="L4272" t="s">
        <v>995</v>
      </c>
      <c r="M4272" t="s">
        <v>89</v>
      </c>
      <c r="N4272" t="s">
        <v>90</v>
      </c>
      <c r="O4272" t="s">
        <v>85</v>
      </c>
      <c r="P4272" t="s">
        <v>86</v>
      </c>
      <c r="Q4272">
        <v>16</v>
      </c>
      <c r="R4272">
        <v>17</v>
      </c>
      <c r="S4272">
        <v>17</v>
      </c>
      <c r="T4272">
        <v>17</v>
      </c>
      <c r="U4272">
        <v>17</v>
      </c>
      <c r="V4272">
        <v>17</v>
      </c>
      <c r="W4272">
        <v>17</v>
      </c>
      <c r="X4272">
        <v>17</v>
      </c>
      <c r="Y4272">
        <v>18</v>
      </c>
      <c r="Z4272">
        <v>18</v>
      </c>
      <c r="AA4272">
        <v>18</v>
      </c>
      <c r="AB4272">
        <v>18</v>
      </c>
      <c r="AC4272">
        <v>18</v>
      </c>
      <c r="AD4272">
        <v>18</v>
      </c>
      <c r="AE4272">
        <v>18</v>
      </c>
      <c r="AF4272">
        <v>18</v>
      </c>
      <c r="AG4272">
        <v>18</v>
      </c>
      <c r="AH4272">
        <v>18</v>
      </c>
      <c r="AI4272">
        <v>17</v>
      </c>
      <c r="AJ4272">
        <v>17</v>
      </c>
      <c r="AK4272">
        <v>17</v>
      </c>
      <c r="AL4272">
        <v>17</v>
      </c>
      <c r="AM4272">
        <v>17</v>
      </c>
      <c r="AN4272">
        <v>17</v>
      </c>
      <c r="AO4272">
        <v>17</v>
      </c>
      <c r="AP4272">
        <v>16</v>
      </c>
      <c r="AQ4272">
        <v>16</v>
      </c>
    </row>
    <row r="4273" spans="1:43">
      <c r="A4273" t="s">
        <v>2692</v>
      </c>
      <c r="B4273" t="s">
        <v>2693</v>
      </c>
      <c r="C4273" t="s">
        <v>2418</v>
      </c>
      <c r="D4273" t="s">
        <v>2419</v>
      </c>
      <c r="E4273" t="s">
        <v>2352</v>
      </c>
      <c r="F4273" t="s">
        <v>2353</v>
      </c>
      <c r="G4273" t="s">
        <v>80</v>
      </c>
      <c r="H4273" t="s">
        <v>81</v>
      </c>
      <c r="I4273" s="2">
        <v>0</v>
      </c>
      <c r="J4273" s="2">
        <v>0</v>
      </c>
      <c r="K4273" s="2">
        <v>1</v>
      </c>
      <c r="L4273" t="s">
        <v>995</v>
      </c>
      <c r="M4273" t="s">
        <v>83</v>
      </c>
      <c r="N4273" t="s">
        <v>91</v>
      </c>
      <c r="O4273" t="s">
        <v>85</v>
      </c>
      <c r="P4273" t="s">
        <v>86</v>
      </c>
      <c r="Q4273">
        <v>16</v>
      </c>
      <c r="R4273">
        <v>16</v>
      </c>
      <c r="S4273">
        <v>16</v>
      </c>
      <c r="T4273">
        <v>16</v>
      </c>
      <c r="U4273">
        <v>16</v>
      </c>
      <c r="V4273">
        <v>16</v>
      </c>
      <c r="W4273">
        <v>16</v>
      </c>
      <c r="X4273">
        <v>17</v>
      </c>
      <c r="Y4273">
        <v>17</v>
      </c>
      <c r="Z4273">
        <v>17</v>
      </c>
      <c r="AA4273">
        <v>17</v>
      </c>
      <c r="AB4273">
        <v>17</v>
      </c>
      <c r="AC4273">
        <v>17</v>
      </c>
      <c r="AD4273">
        <v>17</v>
      </c>
      <c r="AE4273">
        <v>17</v>
      </c>
      <c r="AF4273">
        <v>17</v>
      </c>
      <c r="AG4273">
        <v>17</v>
      </c>
      <c r="AH4273">
        <v>17</v>
      </c>
      <c r="AI4273">
        <v>17</v>
      </c>
      <c r="AJ4273">
        <v>17</v>
      </c>
      <c r="AK4273">
        <v>17</v>
      </c>
      <c r="AL4273">
        <v>17</v>
      </c>
      <c r="AM4273">
        <v>17</v>
      </c>
      <c r="AN4273">
        <v>17</v>
      </c>
      <c r="AO4273">
        <v>16</v>
      </c>
      <c r="AP4273">
        <v>16</v>
      </c>
      <c r="AQ4273">
        <v>16</v>
      </c>
    </row>
    <row r="4274" spans="1:43">
      <c r="A4274" t="s">
        <v>2694</v>
      </c>
      <c r="B4274" t="s">
        <v>2695</v>
      </c>
      <c r="C4274" t="s">
        <v>2448</v>
      </c>
      <c r="D4274" t="s">
        <v>2449</v>
      </c>
      <c r="E4274" t="s">
        <v>2352</v>
      </c>
      <c r="F4274" t="s">
        <v>2353</v>
      </c>
      <c r="G4274" t="s">
        <v>80</v>
      </c>
      <c r="H4274" t="s">
        <v>81</v>
      </c>
      <c r="I4274" s="2">
        <v>0</v>
      </c>
      <c r="J4274" s="2">
        <v>0</v>
      </c>
      <c r="K4274" s="2">
        <v>1</v>
      </c>
      <c r="L4274" t="s">
        <v>995</v>
      </c>
      <c r="M4274" t="s">
        <v>83</v>
      </c>
      <c r="N4274" t="s">
        <v>84</v>
      </c>
      <c r="O4274" t="s">
        <v>85</v>
      </c>
      <c r="P4274" t="s">
        <v>86</v>
      </c>
      <c r="Q4274">
        <v>48</v>
      </c>
      <c r="R4274">
        <v>48</v>
      </c>
      <c r="S4274">
        <v>49</v>
      </c>
      <c r="T4274">
        <v>49</v>
      </c>
      <c r="U4274">
        <v>49</v>
      </c>
      <c r="V4274">
        <v>49</v>
      </c>
      <c r="W4274">
        <v>49</v>
      </c>
      <c r="X4274">
        <v>49</v>
      </c>
      <c r="Y4274">
        <v>50</v>
      </c>
      <c r="Z4274">
        <v>50</v>
      </c>
      <c r="AA4274">
        <v>50</v>
      </c>
      <c r="AB4274">
        <v>50</v>
      </c>
      <c r="AC4274">
        <v>50</v>
      </c>
      <c r="AD4274">
        <v>50</v>
      </c>
      <c r="AE4274">
        <v>50</v>
      </c>
      <c r="AF4274">
        <v>50</v>
      </c>
      <c r="AG4274">
        <v>50</v>
      </c>
      <c r="AH4274">
        <v>50</v>
      </c>
      <c r="AI4274">
        <v>50</v>
      </c>
      <c r="AJ4274">
        <v>50</v>
      </c>
      <c r="AK4274">
        <v>50</v>
      </c>
      <c r="AL4274">
        <v>50</v>
      </c>
      <c r="AM4274">
        <v>50</v>
      </c>
      <c r="AN4274">
        <v>49</v>
      </c>
      <c r="AO4274">
        <v>49</v>
      </c>
      <c r="AP4274">
        <v>49</v>
      </c>
      <c r="AQ4274">
        <v>48</v>
      </c>
    </row>
    <row r="4275" spans="1:43">
      <c r="A4275" t="s">
        <v>2694</v>
      </c>
      <c r="B4275" t="s">
        <v>2695</v>
      </c>
      <c r="C4275" t="s">
        <v>2448</v>
      </c>
      <c r="D4275" t="s">
        <v>2449</v>
      </c>
      <c r="E4275" t="s">
        <v>2352</v>
      </c>
      <c r="F4275" t="s">
        <v>2353</v>
      </c>
      <c r="G4275" t="s">
        <v>80</v>
      </c>
      <c r="H4275" t="s">
        <v>81</v>
      </c>
      <c r="I4275" s="2">
        <v>0</v>
      </c>
      <c r="J4275" s="2">
        <v>0</v>
      </c>
      <c r="K4275" s="2">
        <v>1</v>
      </c>
      <c r="L4275" t="s">
        <v>995</v>
      </c>
      <c r="M4275" t="s">
        <v>87</v>
      </c>
      <c r="N4275" t="s">
        <v>88</v>
      </c>
      <c r="O4275" t="s">
        <v>85</v>
      </c>
      <c r="P4275" t="s">
        <v>86</v>
      </c>
      <c r="Q4275">
        <v>48</v>
      </c>
      <c r="R4275">
        <v>48</v>
      </c>
      <c r="S4275">
        <v>47</v>
      </c>
      <c r="T4275">
        <v>47</v>
      </c>
      <c r="U4275">
        <v>47</v>
      </c>
      <c r="V4275">
        <v>47</v>
      </c>
      <c r="W4275">
        <v>46</v>
      </c>
      <c r="X4275">
        <v>46</v>
      </c>
      <c r="Y4275">
        <v>46</v>
      </c>
      <c r="Z4275">
        <v>46</v>
      </c>
      <c r="AA4275">
        <v>45</v>
      </c>
      <c r="AB4275">
        <v>45</v>
      </c>
      <c r="AC4275">
        <v>45</v>
      </c>
      <c r="AD4275">
        <v>45</v>
      </c>
      <c r="AE4275">
        <v>44</v>
      </c>
      <c r="AF4275">
        <v>44</v>
      </c>
      <c r="AG4275">
        <v>44</v>
      </c>
      <c r="AH4275">
        <v>44</v>
      </c>
      <c r="AI4275">
        <v>43</v>
      </c>
      <c r="AJ4275">
        <v>43</v>
      </c>
      <c r="AK4275">
        <v>43</v>
      </c>
      <c r="AL4275">
        <v>43</v>
      </c>
      <c r="AM4275">
        <v>43</v>
      </c>
      <c r="AN4275">
        <v>42</v>
      </c>
      <c r="AO4275">
        <v>42</v>
      </c>
      <c r="AP4275">
        <v>42</v>
      </c>
      <c r="AQ4275">
        <v>42</v>
      </c>
    </row>
    <row r="4276" spans="1:43">
      <c r="A4276" t="s">
        <v>2694</v>
      </c>
      <c r="B4276" t="s">
        <v>2695</v>
      </c>
      <c r="C4276" t="s">
        <v>2448</v>
      </c>
      <c r="D4276" t="s">
        <v>2449</v>
      </c>
      <c r="E4276" t="s">
        <v>2352</v>
      </c>
      <c r="F4276" t="s">
        <v>2353</v>
      </c>
      <c r="G4276" t="s">
        <v>80</v>
      </c>
      <c r="H4276" t="s">
        <v>81</v>
      </c>
      <c r="I4276" s="2">
        <v>0</v>
      </c>
      <c r="J4276" s="2">
        <v>0</v>
      </c>
      <c r="K4276" s="2">
        <v>1</v>
      </c>
      <c r="L4276" t="s">
        <v>995</v>
      </c>
      <c r="M4276" t="s">
        <v>89</v>
      </c>
      <c r="N4276" t="s">
        <v>90</v>
      </c>
      <c r="O4276" t="s">
        <v>85</v>
      </c>
      <c r="P4276" t="s">
        <v>86</v>
      </c>
      <c r="Q4276">
        <v>48</v>
      </c>
      <c r="R4276">
        <v>48</v>
      </c>
      <c r="S4276">
        <v>49</v>
      </c>
      <c r="T4276">
        <v>49</v>
      </c>
      <c r="U4276">
        <v>50</v>
      </c>
      <c r="V4276">
        <v>50</v>
      </c>
      <c r="W4276">
        <v>51</v>
      </c>
      <c r="X4276">
        <v>51</v>
      </c>
      <c r="Y4276">
        <v>51</v>
      </c>
      <c r="Z4276">
        <v>52</v>
      </c>
      <c r="AA4276">
        <v>52</v>
      </c>
      <c r="AB4276">
        <v>52</v>
      </c>
      <c r="AC4276">
        <v>52</v>
      </c>
      <c r="AD4276">
        <v>53</v>
      </c>
      <c r="AE4276">
        <v>53</v>
      </c>
      <c r="AF4276">
        <v>52</v>
      </c>
      <c r="AG4276">
        <v>52</v>
      </c>
      <c r="AH4276">
        <v>51</v>
      </c>
      <c r="AI4276">
        <v>51</v>
      </c>
      <c r="AJ4276">
        <v>51</v>
      </c>
      <c r="AK4276">
        <v>50</v>
      </c>
      <c r="AL4276">
        <v>50</v>
      </c>
      <c r="AM4276">
        <v>49</v>
      </c>
      <c r="AN4276">
        <v>49</v>
      </c>
      <c r="AO4276">
        <v>49</v>
      </c>
      <c r="AP4276">
        <v>48</v>
      </c>
      <c r="AQ4276">
        <v>48</v>
      </c>
    </row>
    <row r="4277" spans="1:43">
      <c r="A4277" t="s">
        <v>2694</v>
      </c>
      <c r="B4277" t="s">
        <v>2695</v>
      </c>
      <c r="C4277" t="s">
        <v>2448</v>
      </c>
      <c r="D4277" t="s">
        <v>2449</v>
      </c>
      <c r="E4277" t="s">
        <v>2352</v>
      </c>
      <c r="F4277" t="s">
        <v>2353</v>
      </c>
      <c r="G4277" t="s">
        <v>80</v>
      </c>
      <c r="H4277" t="s">
        <v>81</v>
      </c>
      <c r="I4277" s="2">
        <v>0</v>
      </c>
      <c r="J4277" s="2">
        <v>0</v>
      </c>
      <c r="K4277" s="2">
        <v>1</v>
      </c>
      <c r="L4277" t="s">
        <v>995</v>
      </c>
      <c r="M4277" t="s">
        <v>83</v>
      </c>
      <c r="N4277" t="s">
        <v>91</v>
      </c>
      <c r="O4277" t="s">
        <v>85</v>
      </c>
      <c r="P4277" t="s">
        <v>86</v>
      </c>
      <c r="Q4277">
        <v>48</v>
      </c>
      <c r="R4277">
        <v>48</v>
      </c>
      <c r="S4277">
        <v>49</v>
      </c>
      <c r="T4277">
        <v>49</v>
      </c>
      <c r="U4277">
        <v>49</v>
      </c>
      <c r="V4277">
        <v>49</v>
      </c>
      <c r="W4277">
        <v>49</v>
      </c>
      <c r="X4277">
        <v>49</v>
      </c>
      <c r="Y4277">
        <v>50</v>
      </c>
      <c r="Z4277">
        <v>50</v>
      </c>
      <c r="AA4277">
        <v>50</v>
      </c>
      <c r="AB4277">
        <v>50</v>
      </c>
      <c r="AC4277">
        <v>50</v>
      </c>
      <c r="AD4277">
        <v>50</v>
      </c>
      <c r="AE4277">
        <v>50</v>
      </c>
      <c r="AF4277">
        <v>50</v>
      </c>
      <c r="AG4277">
        <v>50</v>
      </c>
      <c r="AH4277">
        <v>50</v>
      </c>
      <c r="AI4277">
        <v>50</v>
      </c>
      <c r="AJ4277">
        <v>50</v>
      </c>
      <c r="AK4277">
        <v>50</v>
      </c>
      <c r="AL4277">
        <v>50</v>
      </c>
      <c r="AM4277">
        <v>50</v>
      </c>
      <c r="AN4277">
        <v>49</v>
      </c>
      <c r="AO4277">
        <v>49</v>
      </c>
      <c r="AP4277">
        <v>49</v>
      </c>
      <c r="AQ4277">
        <v>48</v>
      </c>
    </row>
    <row r="4278" spans="1:43">
      <c r="A4278" t="s">
        <v>2696</v>
      </c>
      <c r="B4278" t="s">
        <v>2697</v>
      </c>
      <c r="C4278" t="s">
        <v>2558</v>
      </c>
      <c r="D4278" t="s">
        <v>2559</v>
      </c>
      <c r="E4278" t="s">
        <v>2352</v>
      </c>
      <c r="F4278" t="s">
        <v>2353</v>
      </c>
      <c r="G4278" t="s">
        <v>80</v>
      </c>
      <c r="H4278" t="s">
        <v>81</v>
      </c>
      <c r="I4278" s="2">
        <v>0</v>
      </c>
      <c r="J4278" s="2">
        <v>0</v>
      </c>
      <c r="K4278" s="2">
        <v>1</v>
      </c>
      <c r="L4278" t="s">
        <v>995</v>
      </c>
      <c r="M4278" t="s">
        <v>83</v>
      </c>
      <c r="N4278" t="s">
        <v>84</v>
      </c>
      <c r="O4278" t="s">
        <v>85</v>
      </c>
      <c r="P4278" t="s">
        <v>86</v>
      </c>
      <c r="Q4278">
        <v>2</v>
      </c>
      <c r="R4278">
        <v>2</v>
      </c>
      <c r="S4278">
        <v>2</v>
      </c>
      <c r="T4278">
        <v>2</v>
      </c>
      <c r="U4278">
        <v>2</v>
      </c>
      <c r="V4278">
        <v>2</v>
      </c>
      <c r="W4278">
        <v>2</v>
      </c>
      <c r="X4278">
        <v>3</v>
      </c>
      <c r="Y4278">
        <v>3</v>
      </c>
      <c r="Z4278">
        <v>3</v>
      </c>
      <c r="AA4278">
        <v>3</v>
      </c>
      <c r="AB4278">
        <v>3</v>
      </c>
      <c r="AC4278">
        <v>3</v>
      </c>
      <c r="AD4278">
        <v>3</v>
      </c>
      <c r="AE4278">
        <v>3</v>
      </c>
      <c r="AF4278">
        <v>3</v>
      </c>
      <c r="AG4278">
        <v>3</v>
      </c>
      <c r="AH4278">
        <v>3</v>
      </c>
      <c r="AI4278">
        <v>3</v>
      </c>
      <c r="AJ4278">
        <v>3</v>
      </c>
      <c r="AK4278">
        <v>3</v>
      </c>
      <c r="AL4278">
        <v>3</v>
      </c>
      <c r="AM4278">
        <v>3</v>
      </c>
      <c r="AN4278">
        <v>2</v>
      </c>
      <c r="AO4278">
        <v>2</v>
      </c>
      <c r="AP4278">
        <v>2</v>
      </c>
      <c r="AQ4278">
        <v>2</v>
      </c>
    </row>
    <row r="4279" spans="1:43">
      <c r="A4279" t="s">
        <v>2696</v>
      </c>
      <c r="B4279" t="s">
        <v>2697</v>
      </c>
      <c r="C4279" t="s">
        <v>2558</v>
      </c>
      <c r="D4279" t="s">
        <v>2559</v>
      </c>
      <c r="E4279" t="s">
        <v>2352</v>
      </c>
      <c r="F4279" t="s">
        <v>2353</v>
      </c>
      <c r="G4279" t="s">
        <v>80</v>
      </c>
      <c r="H4279" t="s">
        <v>81</v>
      </c>
      <c r="I4279" s="2">
        <v>0</v>
      </c>
      <c r="J4279" s="2">
        <v>0</v>
      </c>
      <c r="K4279" s="2">
        <v>1</v>
      </c>
      <c r="L4279" t="s">
        <v>995</v>
      </c>
      <c r="M4279" t="s">
        <v>87</v>
      </c>
      <c r="N4279" t="s">
        <v>88</v>
      </c>
      <c r="O4279" t="s">
        <v>85</v>
      </c>
      <c r="P4279" t="s">
        <v>86</v>
      </c>
      <c r="Q4279">
        <v>2</v>
      </c>
      <c r="R4279">
        <v>2</v>
      </c>
      <c r="S4279">
        <v>2</v>
      </c>
      <c r="T4279">
        <v>2</v>
      </c>
      <c r="U4279">
        <v>2</v>
      </c>
      <c r="V4279">
        <v>2</v>
      </c>
      <c r="W4279">
        <v>2</v>
      </c>
      <c r="X4279">
        <v>2</v>
      </c>
      <c r="Y4279">
        <v>2</v>
      </c>
      <c r="Z4279">
        <v>2</v>
      </c>
      <c r="AA4279">
        <v>2</v>
      </c>
      <c r="AB4279">
        <v>2</v>
      </c>
      <c r="AC4279">
        <v>2</v>
      </c>
      <c r="AD4279">
        <v>2</v>
      </c>
      <c r="AE4279">
        <v>2</v>
      </c>
      <c r="AF4279">
        <v>2</v>
      </c>
      <c r="AG4279">
        <v>2</v>
      </c>
      <c r="AH4279">
        <v>2</v>
      </c>
      <c r="AI4279">
        <v>2</v>
      </c>
      <c r="AJ4279">
        <v>2</v>
      </c>
      <c r="AK4279">
        <v>2</v>
      </c>
      <c r="AL4279">
        <v>2</v>
      </c>
      <c r="AM4279">
        <v>2</v>
      </c>
      <c r="AN4279">
        <v>2</v>
      </c>
      <c r="AO4279">
        <v>2</v>
      </c>
      <c r="AP4279">
        <v>2</v>
      </c>
      <c r="AQ4279">
        <v>2</v>
      </c>
    </row>
    <row r="4280" spans="1:43">
      <c r="A4280" t="s">
        <v>2696</v>
      </c>
      <c r="B4280" t="s">
        <v>2697</v>
      </c>
      <c r="C4280" t="s">
        <v>2558</v>
      </c>
      <c r="D4280" t="s">
        <v>2559</v>
      </c>
      <c r="E4280" t="s">
        <v>2352</v>
      </c>
      <c r="F4280" t="s">
        <v>2353</v>
      </c>
      <c r="G4280" t="s">
        <v>80</v>
      </c>
      <c r="H4280" t="s">
        <v>81</v>
      </c>
      <c r="I4280" s="2">
        <v>0</v>
      </c>
      <c r="J4280" s="2">
        <v>0</v>
      </c>
      <c r="K4280" s="2">
        <v>1</v>
      </c>
      <c r="L4280" t="s">
        <v>995</v>
      </c>
      <c r="M4280" t="s">
        <v>89</v>
      </c>
      <c r="N4280" t="s">
        <v>90</v>
      </c>
      <c r="O4280" t="s">
        <v>85</v>
      </c>
      <c r="P4280" t="s">
        <v>86</v>
      </c>
      <c r="Q4280">
        <v>2</v>
      </c>
      <c r="R4280">
        <v>2</v>
      </c>
      <c r="S4280">
        <v>3</v>
      </c>
      <c r="T4280">
        <v>3</v>
      </c>
      <c r="U4280">
        <v>3</v>
      </c>
      <c r="V4280">
        <v>3</v>
      </c>
      <c r="W4280">
        <v>3</v>
      </c>
      <c r="X4280">
        <v>3</v>
      </c>
      <c r="Y4280">
        <v>3</v>
      </c>
      <c r="Z4280">
        <v>3</v>
      </c>
      <c r="AA4280">
        <v>3</v>
      </c>
      <c r="AB4280">
        <v>3</v>
      </c>
      <c r="AC4280">
        <v>3</v>
      </c>
      <c r="AD4280">
        <v>3</v>
      </c>
      <c r="AE4280">
        <v>3</v>
      </c>
      <c r="AF4280">
        <v>3</v>
      </c>
      <c r="AG4280">
        <v>3</v>
      </c>
      <c r="AH4280">
        <v>3</v>
      </c>
      <c r="AI4280">
        <v>3</v>
      </c>
      <c r="AJ4280">
        <v>3</v>
      </c>
      <c r="AK4280">
        <v>3</v>
      </c>
      <c r="AL4280">
        <v>3</v>
      </c>
      <c r="AM4280">
        <v>3</v>
      </c>
      <c r="AN4280">
        <v>3</v>
      </c>
      <c r="AO4280">
        <v>2</v>
      </c>
      <c r="AP4280">
        <v>2</v>
      </c>
      <c r="AQ4280">
        <v>2</v>
      </c>
    </row>
    <row r="4281" spans="1:43">
      <c r="A4281" t="s">
        <v>2696</v>
      </c>
      <c r="B4281" t="s">
        <v>2697</v>
      </c>
      <c r="C4281" t="s">
        <v>2558</v>
      </c>
      <c r="D4281" t="s">
        <v>2559</v>
      </c>
      <c r="E4281" t="s">
        <v>2352</v>
      </c>
      <c r="F4281" t="s">
        <v>2353</v>
      </c>
      <c r="G4281" t="s">
        <v>80</v>
      </c>
      <c r="H4281" t="s">
        <v>81</v>
      </c>
      <c r="I4281" s="2">
        <v>0</v>
      </c>
      <c r="J4281" s="2">
        <v>0</v>
      </c>
      <c r="K4281" s="2">
        <v>1</v>
      </c>
      <c r="L4281" t="s">
        <v>995</v>
      </c>
      <c r="M4281" t="s">
        <v>83</v>
      </c>
      <c r="N4281" t="s">
        <v>91</v>
      </c>
      <c r="O4281" t="s">
        <v>85</v>
      </c>
      <c r="P4281" t="s">
        <v>86</v>
      </c>
      <c r="Q4281">
        <v>2</v>
      </c>
      <c r="R4281">
        <v>2</v>
      </c>
      <c r="S4281">
        <v>2</v>
      </c>
      <c r="T4281">
        <v>2</v>
      </c>
      <c r="U4281">
        <v>2</v>
      </c>
      <c r="V4281">
        <v>2</v>
      </c>
      <c r="W4281">
        <v>2</v>
      </c>
      <c r="X4281">
        <v>3</v>
      </c>
      <c r="Y4281">
        <v>3</v>
      </c>
      <c r="Z4281">
        <v>3</v>
      </c>
      <c r="AA4281">
        <v>3</v>
      </c>
      <c r="AB4281">
        <v>3</v>
      </c>
      <c r="AC4281">
        <v>3</v>
      </c>
      <c r="AD4281">
        <v>3</v>
      </c>
      <c r="AE4281">
        <v>3</v>
      </c>
      <c r="AF4281">
        <v>3</v>
      </c>
      <c r="AG4281">
        <v>3</v>
      </c>
      <c r="AH4281">
        <v>3</v>
      </c>
      <c r="AI4281">
        <v>3</v>
      </c>
      <c r="AJ4281">
        <v>3</v>
      </c>
      <c r="AK4281">
        <v>3</v>
      </c>
      <c r="AL4281">
        <v>3</v>
      </c>
      <c r="AM4281">
        <v>3</v>
      </c>
      <c r="AN4281">
        <v>2</v>
      </c>
      <c r="AO4281">
        <v>2</v>
      </c>
      <c r="AP4281">
        <v>2</v>
      </c>
      <c r="AQ4281">
        <v>2</v>
      </c>
    </row>
    <row r="4282" spans="1:43">
      <c r="A4282" t="s">
        <v>2698</v>
      </c>
      <c r="B4282" t="s">
        <v>2699</v>
      </c>
      <c r="C4282" t="s">
        <v>2700</v>
      </c>
      <c r="D4282" t="s">
        <v>2701</v>
      </c>
      <c r="E4282" t="s">
        <v>2352</v>
      </c>
      <c r="F4282" t="s">
        <v>2353</v>
      </c>
      <c r="G4282" t="s">
        <v>80</v>
      </c>
      <c r="H4282" t="s">
        <v>81</v>
      </c>
      <c r="I4282" s="2">
        <v>0</v>
      </c>
      <c r="J4282" s="2">
        <v>0</v>
      </c>
      <c r="K4282" s="2">
        <v>1</v>
      </c>
      <c r="L4282" t="s">
        <v>995</v>
      </c>
      <c r="M4282" t="s">
        <v>83</v>
      </c>
      <c r="N4282" t="s">
        <v>84</v>
      </c>
      <c r="O4282" t="s">
        <v>85</v>
      </c>
      <c r="P4282" t="s">
        <v>86</v>
      </c>
      <c r="Q4282">
        <v>26</v>
      </c>
      <c r="R4282">
        <v>27</v>
      </c>
      <c r="S4282">
        <v>27</v>
      </c>
      <c r="T4282">
        <v>27</v>
      </c>
      <c r="U4282">
        <v>27</v>
      </c>
      <c r="V4282">
        <v>27</v>
      </c>
      <c r="W4282">
        <v>27</v>
      </c>
      <c r="X4282">
        <v>27</v>
      </c>
      <c r="Y4282">
        <v>27</v>
      </c>
      <c r="Z4282">
        <v>27</v>
      </c>
      <c r="AA4282">
        <v>27</v>
      </c>
      <c r="AB4282">
        <v>27</v>
      </c>
      <c r="AC4282">
        <v>27</v>
      </c>
      <c r="AD4282">
        <v>27</v>
      </c>
      <c r="AE4282">
        <v>27</v>
      </c>
      <c r="AF4282">
        <v>27</v>
      </c>
      <c r="AG4282">
        <v>27</v>
      </c>
      <c r="AH4282">
        <v>27</v>
      </c>
      <c r="AI4282">
        <v>27</v>
      </c>
      <c r="AJ4282">
        <v>27</v>
      </c>
      <c r="AK4282">
        <v>27</v>
      </c>
      <c r="AL4282">
        <v>27</v>
      </c>
      <c r="AM4282">
        <v>27</v>
      </c>
      <c r="AN4282">
        <v>27</v>
      </c>
      <c r="AO4282">
        <v>27</v>
      </c>
      <c r="AP4282">
        <v>26</v>
      </c>
      <c r="AQ4282">
        <v>26</v>
      </c>
    </row>
    <row r="4283" spans="1:43">
      <c r="A4283" t="s">
        <v>2698</v>
      </c>
      <c r="B4283" t="s">
        <v>2699</v>
      </c>
      <c r="C4283" t="s">
        <v>2700</v>
      </c>
      <c r="D4283" t="s">
        <v>2701</v>
      </c>
      <c r="E4283" t="s">
        <v>2352</v>
      </c>
      <c r="F4283" t="s">
        <v>2353</v>
      </c>
      <c r="G4283" t="s">
        <v>80</v>
      </c>
      <c r="H4283" t="s">
        <v>81</v>
      </c>
      <c r="I4283" s="2">
        <v>0</v>
      </c>
      <c r="J4283" s="2">
        <v>0</v>
      </c>
      <c r="K4283" s="2">
        <v>1</v>
      </c>
      <c r="L4283" t="s">
        <v>995</v>
      </c>
      <c r="M4283" t="s">
        <v>87</v>
      </c>
      <c r="N4283" t="s">
        <v>88</v>
      </c>
      <c r="O4283" t="s">
        <v>85</v>
      </c>
      <c r="P4283" t="s">
        <v>86</v>
      </c>
      <c r="Q4283">
        <v>26</v>
      </c>
      <c r="R4283">
        <v>26</v>
      </c>
      <c r="S4283">
        <v>26</v>
      </c>
      <c r="T4283">
        <v>26</v>
      </c>
      <c r="U4283">
        <v>26</v>
      </c>
      <c r="V4283">
        <v>25</v>
      </c>
      <c r="W4283">
        <v>25</v>
      </c>
      <c r="X4283">
        <v>25</v>
      </c>
      <c r="Y4283">
        <v>25</v>
      </c>
      <c r="Z4283">
        <v>25</v>
      </c>
      <c r="AA4283">
        <v>25</v>
      </c>
      <c r="AB4283">
        <v>25</v>
      </c>
      <c r="AC4283">
        <v>25</v>
      </c>
      <c r="AD4283">
        <v>24</v>
      </c>
      <c r="AE4283">
        <v>24</v>
      </c>
      <c r="AF4283">
        <v>24</v>
      </c>
      <c r="AG4283">
        <v>24</v>
      </c>
      <c r="AH4283">
        <v>24</v>
      </c>
      <c r="AI4283">
        <v>24</v>
      </c>
      <c r="AJ4283">
        <v>24</v>
      </c>
      <c r="AK4283">
        <v>24</v>
      </c>
      <c r="AL4283">
        <v>23</v>
      </c>
      <c r="AM4283">
        <v>23</v>
      </c>
      <c r="AN4283">
        <v>23</v>
      </c>
      <c r="AO4283">
        <v>23</v>
      </c>
      <c r="AP4283">
        <v>23</v>
      </c>
      <c r="AQ4283">
        <v>23</v>
      </c>
    </row>
    <row r="4284" spans="1:43">
      <c r="A4284" t="s">
        <v>2698</v>
      </c>
      <c r="B4284" t="s">
        <v>2699</v>
      </c>
      <c r="C4284" t="s">
        <v>2700</v>
      </c>
      <c r="D4284" t="s">
        <v>2701</v>
      </c>
      <c r="E4284" t="s">
        <v>2352</v>
      </c>
      <c r="F4284" t="s">
        <v>2353</v>
      </c>
      <c r="G4284" t="s">
        <v>80</v>
      </c>
      <c r="H4284" t="s">
        <v>81</v>
      </c>
      <c r="I4284" s="2">
        <v>0</v>
      </c>
      <c r="J4284" s="2">
        <v>0</v>
      </c>
      <c r="K4284" s="2">
        <v>1</v>
      </c>
      <c r="L4284" t="s">
        <v>995</v>
      </c>
      <c r="M4284" t="s">
        <v>89</v>
      </c>
      <c r="N4284" t="s">
        <v>90</v>
      </c>
      <c r="O4284" t="s">
        <v>85</v>
      </c>
      <c r="P4284" t="s">
        <v>86</v>
      </c>
      <c r="Q4284">
        <v>26</v>
      </c>
      <c r="R4284">
        <v>26</v>
      </c>
      <c r="S4284">
        <v>26</v>
      </c>
      <c r="T4284">
        <v>27</v>
      </c>
      <c r="U4284">
        <v>27</v>
      </c>
      <c r="V4284">
        <v>27</v>
      </c>
      <c r="W4284">
        <v>27</v>
      </c>
      <c r="X4284">
        <v>28</v>
      </c>
      <c r="Y4284">
        <v>28</v>
      </c>
      <c r="Z4284">
        <v>28</v>
      </c>
      <c r="AA4284">
        <v>28</v>
      </c>
      <c r="AB4284">
        <v>28</v>
      </c>
      <c r="AC4284">
        <v>28</v>
      </c>
      <c r="AD4284">
        <v>28</v>
      </c>
      <c r="AE4284">
        <v>28</v>
      </c>
      <c r="AF4284">
        <v>28</v>
      </c>
      <c r="AG4284">
        <v>28</v>
      </c>
      <c r="AH4284">
        <v>28</v>
      </c>
      <c r="AI4284">
        <v>27</v>
      </c>
      <c r="AJ4284">
        <v>27</v>
      </c>
      <c r="AK4284">
        <v>27</v>
      </c>
      <c r="AL4284">
        <v>27</v>
      </c>
      <c r="AM4284">
        <v>26</v>
      </c>
      <c r="AN4284">
        <v>26</v>
      </c>
      <c r="AO4284">
        <v>26</v>
      </c>
      <c r="AP4284">
        <v>26</v>
      </c>
      <c r="AQ4284">
        <v>26</v>
      </c>
    </row>
    <row r="4285" spans="1:43">
      <c r="A4285" t="s">
        <v>2698</v>
      </c>
      <c r="B4285" t="s">
        <v>2699</v>
      </c>
      <c r="C4285" t="s">
        <v>2700</v>
      </c>
      <c r="D4285" t="s">
        <v>2701</v>
      </c>
      <c r="E4285" t="s">
        <v>2352</v>
      </c>
      <c r="F4285" t="s">
        <v>2353</v>
      </c>
      <c r="G4285" t="s">
        <v>80</v>
      </c>
      <c r="H4285" t="s">
        <v>81</v>
      </c>
      <c r="I4285" s="2">
        <v>0</v>
      </c>
      <c r="J4285" s="2">
        <v>0</v>
      </c>
      <c r="K4285" s="2">
        <v>1</v>
      </c>
      <c r="L4285" t="s">
        <v>995</v>
      </c>
      <c r="M4285" t="s">
        <v>83</v>
      </c>
      <c r="N4285" t="s">
        <v>91</v>
      </c>
      <c r="O4285" t="s">
        <v>85</v>
      </c>
      <c r="P4285" t="s">
        <v>86</v>
      </c>
      <c r="Q4285">
        <v>26</v>
      </c>
      <c r="R4285">
        <v>27</v>
      </c>
      <c r="S4285">
        <v>27</v>
      </c>
      <c r="T4285">
        <v>27</v>
      </c>
      <c r="U4285">
        <v>27</v>
      </c>
      <c r="V4285">
        <v>27</v>
      </c>
      <c r="W4285">
        <v>27</v>
      </c>
      <c r="X4285">
        <v>27</v>
      </c>
      <c r="Y4285">
        <v>27</v>
      </c>
      <c r="Z4285">
        <v>27</v>
      </c>
      <c r="AA4285">
        <v>27</v>
      </c>
      <c r="AB4285">
        <v>27</v>
      </c>
      <c r="AC4285">
        <v>27</v>
      </c>
      <c r="AD4285">
        <v>27</v>
      </c>
      <c r="AE4285">
        <v>27</v>
      </c>
      <c r="AF4285">
        <v>27</v>
      </c>
      <c r="AG4285">
        <v>27</v>
      </c>
      <c r="AH4285">
        <v>27</v>
      </c>
      <c r="AI4285">
        <v>27</v>
      </c>
      <c r="AJ4285">
        <v>27</v>
      </c>
      <c r="AK4285">
        <v>27</v>
      </c>
      <c r="AL4285">
        <v>27</v>
      </c>
      <c r="AM4285">
        <v>27</v>
      </c>
      <c r="AN4285">
        <v>27</v>
      </c>
      <c r="AO4285">
        <v>27</v>
      </c>
      <c r="AP4285">
        <v>26</v>
      </c>
      <c r="AQ4285">
        <v>26</v>
      </c>
    </row>
    <row r="4286" spans="1:43">
      <c r="A4286" t="s">
        <v>2702</v>
      </c>
      <c r="B4286" t="s">
        <v>2703</v>
      </c>
      <c r="C4286" t="s">
        <v>2666</v>
      </c>
      <c r="D4286" t="s">
        <v>2667</v>
      </c>
      <c r="E4286" t="s">
        <v>2352</v>
      </c>
      <c r="F4286" t="s">
        <v>2353</v>
      </c>
      <c r="G4286" t="s">
        <v>80</v>
      </c>
      <c r="H4286" t="s">
        <v>81</v>
      </c>
      <c r="I4286" s="2">
        <v>0</v>
      </c>
      <c r="J4286" s="2">
        <v>0</v>
      </c>
      <c r="K4286" s="2">
        <v>1</v>
      </c>
      <c r="L4286" t="s">
        <v>995</v>
      </c>
      <c r="M4286" t="s">
        <v>83</v>
      </c>
      <c r="N4286" t="s">
        <v>84</v>
      </c>
      <c r="O4286" t="s">
        <v>85</v>
      </c>
      <c r="P4286" t="s">
        <v>86</v>
      </c>
      <c r="Q4286">
        <v>12</v>
      </c>
      <c r="R4286">
        <v>12</v>
      </c>
      <c r="S4286">
        <v>12</v>
      </c>
      <c r="T4286">
        <v>12</v>
      </c>
      <c r="U4286">
        <v>12</v>
      </c>
      <c r="V4286">
        <v>12</v>
      </c>
      <c r="W4286">
        <v>12</v>
      </c>
      <c r="X4286">
        <v>12</v>
      </c>
      <c r="Y4286">
        <v>12</v>
      </c>
      <c r="Z4286">
        <v>12</v>
      </c>
      <c r="AA4286">
        <v>13</v>
      </c>
      <c r="AB4286">
        <v>13</v>
      </c>
      <c r="AC4286">
        <v>13</v>
      </c>
      <c r="AD4286">
        <v>13</v>
      </c>
      <c r="AE4286">
        <v>13</v>
      </c>
      <c r="AF4286">
        <v>13</v>
      </c>
      <c r="AG4286">
        <v>13</v>
      </c>
      <c r="AH4286">
        <v>13</v>
      </c>
      <c r="AI4286">
        <v>13</v>
      </c>
      <c r="AJ4286">
        <v>13</v>
      </c>
      <c r="AK4286">
        <v>13</v>
      </c>
      <c r="AL4286">
        <v>13</v>
      </c>
      <c r="AM4286">
        <v>12</v>
      </c>
      <c r="AN4286">
        <v>12</v>
      </c>
      <c r="AO4286">
        <v>12</v>
      </c>
      <c r="AP4286">
        <v>12</v>
      </c>
      <c r="AQ4286">
        <v>12</v>
      </c>
    </row>
    <row r="4287" spans="1:43">
      <c r="A4287" t="s">
        <v>2702</v>
      </c>
      <c r="B4287" t="s">
        <v>2703</v>
      </c>
      <c r="C4287" t="s">
        <v>2666</v>
      </c>
      <c r="D4287" t="s">
        <v>2667</v>
      </c>
      <c r="E4287" t="s">
        <v>2352</v>
      </c>
      <c r="F4287" t="s">
        <v>2353</v>
      </c>
      <c r="G4287" t="s">
        <v>80</v>
      </c>
      <c r="H4287" t="s">
        <v>81</v>
      </c>
      <c r="I4287" s="2">
        <v>0</v>
      </c>
      <c r="J4287" s="2">
        <v>0</v>
      </c>
      <c r="K4287" s="2">
        <v>1</v>
      </c>
      <c r="L4287" t="s">
        <v>995</v>
      </c>
      <c r="M4287" t="s">
        <v>87</v>
      </c>
      <c r="N4287" t="s">
        <v>88</v>
      </c>
      <c r="O4287" t="s">
        <v>85</v>
      </c>
      <c r="P4287" t="s">
        <v>86</v>
      </c>
      <c r="Q4287">
        <v>12</v>
      </c>
      <c r="R4287">
        <v>12</v>
      </c>
      <c r="S4287">
        <v>12</v>
      </c>
      <c r="T4287">
        <v>12</v>
      </c>
      <c r="U4287">
        <v>12</v>
      </c>
      <c r="V4287">
        <v>12</v>
      </c>
      <c r="W4287">
        <v>12</v>
      </c>
      <c r="X4287">
        <v>12</v>
      </c>
      <c r="Y4287">
        <v>12</v>
      </c>
      <c r="Z4287">
        <v>11</v>
      </c>
      <c r="AA4287">
        <v>11</v>
      </c>
      <c r="AB4287">
        <v>11</v>
      </c>
      <c r="AC4287">
        <v>11</v>
      </c>
      <c r="AD4287">
        <v>11</v>
      </c>
      <c r="AE4287">
        <v>11</v>
      </c>
      <c r="AF4287">
        <v>11</v>
      </c>
      <c r="AG4287">
        <v>11</v>
      </c>
      <c r="AH4287">
        <v>11</v>
      </c>
      <c r="AI4287">
        <v>11</v>
      </c>
      <c r="AJ4287">
        <v>11</v>
      </c>
      <c r="AK4287">
        <v>11</v>
      </c>
      <c r="AL4287">
        <v>11</v>
      </c>
      <c r="AM4287">
        <v>11</v>
      </c>
      <c r="AN4287">
        <v>11</v>
      </c>
      <c r="AO4287">
        <v>11</v>
      </c>
      <c r="AP4287">
        <v>11</v>
      </c>
      <c r="AQ4287">
        <v>10</v>
      </c>
    </row>
    <row r="4288" spans="1:43">
      <c r="A4288" t="s">
        <v>2702</v>
      </c>
      <c r="B4288" t="s">
        <v>2703</v>
      </c>
      <c r="C4288" t="s">
        <v>2666</v>
      </c>
      <c r="D4288" t="s">
        <v>2667</v>
      </c>
      <c r="E4288" t="s">
        <v>2352</v>
      </c>
      <c r="F4288" t="s">
        <v>2353</v>
      </c>
      <c r="G4288" t="s">
        <v>80</v>
      </c>
      <c r="H4288" t="s">
        <v>81</v>
      </c>
      <c r="I4288" s="2">
        <v>0</v>
      </c>
      <c r="J4288" s="2">
        <v>0</v>
      </c>
      <c r="K4288" s="2">
        <v>1</v>
      </c>
      <c r="L4288" t="s">
        <v>995</v>
      </c>
      <c r="M4288" t="s">
        <v>89</v>
      </c>
      <c r="N4288" t="s">
        <v>90</v>
      </c>
      <c r="O4288" t="s">
        <v>85</v>
      </c>
      <c r="P4288" t="s">
        <v>86</v>
      </c>
      <c r="Q4288">
        <v>12</v>
      </c>
      <c r="R4288">
        <v>12</v>
      </c>
      <c r="S4288">
        <v>13</v>
      </c>
      <c r="T4288">
        <v>13</v>
      </c>
      <c r="U4288">
        <v>13</v>
      </c>
      <c r="V4288">
        <v>13</v>
      </c>
      <c r="W4288">
        <v>13</v>
      </c>
      <c r="X4288">
        <v>13</v>
      </c>
      <c r="Y4288">
        <v>13</v>
      </c>
      <c r="Z4288">
        <v>13</v>
      </c>
      <c r="AA4288">
        <v>13</v>
      </c>
      <c r="AB4288">
        <v>13</v>
      </c>
      <c r="AC4288">
        <v>13</v>
      </c>
      <c r="AD4288">
        <v>13</v>
      </c>
      <c r="AE4288">
        <v>13</v>
      </c>
      <c r="AF4288">
        <v>13</v>
      </c>
      <c r="AG4288">
        <v>13</v>
      </c>
      <c r="AH4288">
        <v>13</v>
      </c>
      <c r="AI4288">
        <v>13</v>
      </c>
      <c r="AJ4288">
        <v>13</v>
      </c>
      <c r="AK4288">
        <v>13</v>
      </c>
      <c r="AL4288">
        <v>13</v>
      </c>
      <c r="AM4288">
        <v>13</v>
      </c>
      <c r="AN4288">
        <v>12</v>
      </c>
      <c r="AO4288">
        <v>12</v>
      </c>
      <c r="AP4288">
        <v>12</v>
      </c>
      <c r="AQ4288">
        <v>12</v>
      </c>
    </row>
    <row r="4289" spans="1:43">
      <c r="A4289" t="s">
        <v>2702</v>
      </c>
      <c r="B4289" t="s">
        <v>2703</v>
      </c>
      <c r="C4289" t="s">
        <v>2666</v>
      </c>
      <c r="D4289" t="s">
        <v>2667</v>
      </c>
      <c r="E4289" t="s">
        <v>2352</v>
      </c>
      <c r="F4289" t="s">
        <v>2353</v>
      </c>
      <c r="G4289" t="s">
        <v>80</v>
      </c>
      <c r="H4289" t="s">
        <v>81</v>
      </c>
      <c r="I4289" s="2">
        <v>0</v>
      </c>
      <c r="J4289" s="2">
        <v>0</v>
      </c>
      <c r="K4289" s="2">
        <v>1</v>
      </c>
      <c r="L4289" t="s">
        <v>995</v>
      </c>
      <c r="M4289" t="s">
        <v>83</v>
      </c>
      <c r="N4289" t="s">
        <v>91</v>
      </c>
      <c r="O4289" t="s">
        <v>85</v>
      </c>
      <c r="P4289" t="s">
        <v>86</v>
      </c>
      <c r="Q4289">
        <v>12</v>
      </c>
      <c r="R4289">
        <v>12</v>
      </c>
      <c r="S4289">
        <v>12</v>
      </c>
      <c r="T4289">
        <v>12</v>
      </c>
      <c r="U4289">
        <v>12</v>
      </c>
      <c r="V4289">
        <v>12</v>
      </c>
      <c r="W4289">
        <v>12</v>
      </c>
      <c r="X4289">
        <v>12</v>
      </c>
      <c r="Y4289">
        <v>12</v>
      </c>
      <c r="Z4289">
        <v>12</v>
      </c>
      <c r="AA4289">
        <v>13</v>
      </c>
      <c r="AB4289">
        <v>13</v>
      </c>
      <c r="AC4289">
        <v>13</v>
      </c>
      <c r="AD4289">
        <v>13</v>
      </c>
      <c r="AE4289">
        <v>13</v>
      </c>
      <c r="AF4289">
        <v>13</v>
      </c>
      <c r="AG4289">
        <v>13</v>
      </c>
      <c r="AH4289">
        <v>13</v>
      </c>
      <c r="AI4289">
        <v>13</v>
      </c>
      <c r="AJ4289">
        <v>13</v>
      </c>
      <c r="AK4289">
        <v>13</v>
      </c>
      <c r="AL4289">
        <v>13</v>
      </c>
      <c r="AM4289">
        <v>12</v>
      </c>
      <c r="AN4289">
        <v>12</v>
      </c>
      <c r="AO4289">
        <v>12</v>
      </c>
      <c r="AP4289">
        <v>12</v>
      </c>
      <c r="AQ4289">
        <v>12</v>
      </c>
    </row>
    <row r="4290" spans="1:43">
      <c r="A4290" t="s">
        <v>2704</v>
      </c>
      <c r="B4290" t="s">
        <v>2705</v>
      </c>
      <c r="C4290" t="s">
        <v>2700</v>
      </c>
      <c r="D4290" t="s">
        <v>2701</v>
      </c>
      <c r="E4290" t="s">
        <v>2352</v>
      </c>
      <c r="F4290" t="s">
        <v>2353</v>
      </c>
      <c r="G4290" t="s">
        <v>80</v>
      </c>
      <c r="H4290" t="s">
        <v>81</v>
      </c>
      <c r="I4290" s="2">
        <v>0</v>
      </c>
      <c r="J4290" s="2">
        <v>0</v>
      </c>
      <c r="K4290" s="2">
        <v>1</v>
      </c>
      <c r="L4290" t="s">
        <v>995</v>
      </c>
      <c r="M4290" t="s">
        <v>83</v>
      </c>
      <c r="N4290" t="s">
        <v>84</v>
      </c>
      <c r="O4290" t="s">
        <v>85</v>
      </c>
      <c r="P4290" t="s">
        <v>86</v>
      </c>
      <c r="Q4290">
        <v>13</v>
      </c>
      <c r="R4290">
        <v>13</v>
      </c>
      <c r="S4290">
        <v>13</v>
      </c>
      <c r="T4290">
        <v>13</v>
      </c>
      <c r="U4290">
        <v>13</v>
      </c>
      <c r="V4290">
        <v>13</v>
      </c>
      <c r="W4290">
        <v>13</v>
      </c>
      <c r="X4290">
        <v>13</v>
      </c>
      <c r="Y4290">
        <v>13</v>
      </c>
      <c r="Z4290">
        <v>13</v>
      </c>
      <c r="AA4290">
        <v>13</v>
      </c>
      <c r="AB4290">
        <v>13</v>
      </c>
      <c r="AC4290">
        <v>13</v>
      </c>
      <c r="AD4290">
        <v>13</v>
      </c>
      <c r="AE4290">
        <v>13</v>
      </c>
      <c r="AF4290">
        <v>13</v>
      </c>
      <c r="AG4290">
        <v>13</v>
      </c>
      <c r="AH4290">
        <v>13</v>
      </c>
      <c r="AI4290">
        <v>13</v>
      </c>
      <c r="AJ4290">
        <v>13</v>
      </c>
      <c r="AK4290">
        <v>13</v>
      </c>
      <c r="AL4290">
        <v>13</v>
      </c>
      <c r="AM4290">
        <v>13</v>
      </c>
      <c r="AN4290">
        <v>13</v>
      </c>
      <c r="AO4290">
        <v>13</v>
      </c>
      <c r="AP4290">
        <v>13</v>
      </c>
      <c r="AQ4290">
        <v>12</v>
      </c>
    </row>
    <row r="4291" spans="1:43">
      <c r="A4291" t="s">
        <v>2704</v>
      </c>
      <c r="B4291" t="s">
        <v>2705</v>
      </c>
      <c r="C4291" t="s">
        <v>2700</v>
      </c>
      <c r="D4291" t="s">
        <v>2701</v>
      </c>
      <c r="E4291" t="s">
        <v>2352</v>
      </c>
      <c r="F4291" t="s">
        <v>2353</v>
      </c>
      <c r="G4291" t="s">
        <v>80</v>
      </c>
      <c r="H4291" t="s">
        <v>81</v>
      </c>
      <c r="I4291" s="2">
        <v>0</v>
      </c>
      <c r="J4291" s="2">
        <v>0</v>
      </c>
      <c r="K4291" s="2">
        <v>1</v>
      </c>
      <c r="L4291" t="s">
        <v>995</v>
      </c>
      <c r="M4291" t="s">
        <v>87</v>
      </c>
      <c r="N4291" t="s">
        <v>88</v>
      </c>
      <c r="O4291" t="s">
        <v>85</v>
      </c>
      <c r="P4291" t="s">
        <v>86</v>
      </c>
      <c r="Q4291">
        <v>13</v>
      </c>
      <c r="R4291">
        <v>13</v>
      </c>
      <c r="S4291">
        <v>13</v>
      </c>
      <c r="T4291">
        <v>12</v>
      </c>
      <c r="U4291">
        <v>12</v>
      </c>
      <c r="V4291">
        <v>12</v>
      </c>
      <c r="W4291">
        <v>12</v>
      </c>
      <c r="X4291">
        <v>12</v>
      </c>
      <c r="Y4291">
        <v>12</v>
      </c>
      <c r="Z4291">
        <v>12</v>
      </c>
      <c r="AA4291">
        <v>12</v>
      </c>
      <c r="AB4291">
        <v>12</v>
      </c>
      <c r="AC4291">
        <v>12</v>
      </c>
      <c r="AD4291">
        <v>12</v>
      </c>
      <c r="AE4291">
        <v>12</v>
      </c>
      <c r="AF4291">
        <v>12</v>
      </c>
      <c r="AG4291">
        <v>12</v>
      </c>
      <c r="AH4291">
        <v>11</v>
      </c>
      <c r="AI4291">
        <v>11</v>
      </c>
      <c r="AJ4291">
        <v>11</v>
      </c>
      <c r="AK4291">
        <v>11</v>
      </c>
      <c r="AL4291">
        <v>11</v>
      </c>
      <c r="AM4291">
        <v>11</v>
      </c>
      <c r="AN4291">
        <v>11</v>
      </c>
      <c r="AO4291">
        <v>11</v>
      </c>
      <c r="AP4291">
        <v>11</v>
      </c>
      <c r="AQ4291">
        <v>11</v>
      </c>
    </row>
    <row r="4292" spans="1:43">
      <c r="A4292" t="s">
        <v>2704</v>
      </c>
      <c r="B4292" t="s">
        <v>2705</v>
      </c>
      <c r="C4292" t="s">
        <v>2700</v>
      </c>
      <c r="D4292" t="s">
        <v>2701</v>
      </c>
      <c r="E4292" t="s">
        <v>2352</v>
      </c>
      <c r="F4292" t="s">
        <v>2353</v>
      </c>
      <c r="G4292" t="s">
        <v>80</v>
      </c>
      <c r="H4292" t="s">
        <v>81</v>
      </c>
      <c r="I4292" s="2">
        <v>0</v>
      </c>
      <c r="J4292" s="2">
        <v>0</v>
      </c>
      <c r="K4292" s="2">
        <v>1</v>
      </c>
      <c r="L4292" t="s">
        <v>995</v>
      </c>
      <c r="M4292" t="s">
        <v>89</v>
      </c>
      <c r="N4292" t="s">
        <v>90</v>
      </c>
      <c r="O4292" t="s">
        <v>85</v>
      </c>
      <c r="P4292" t="s">
        <v>86</v>
      </c>
      <c r="Q4292">
        <v>13</v>
      </c>
      <c r="R4292">
        <v>13</v>
      </c>
      <c r="S4292">
        <v>13</v>
      </c>
      <c r="T4292">
        <v>13</v>
      </c>
      <c r="U4292">
        <v>13</v>
      </c>
      <c r="V4292">
        <v>14</v>
      </c>
      <c r="W4292">
        <v>14</v>
      </c>
      <c r="X4292">
        <v>14</v>
      </c>
      <c r="Y4292">
        <v>14</v>
      </c>
      <c r="Z4292">
        <v>14</v>
      </c>
      <c r="AA4292">
        <v>14</v>
      </c>
      <c r="AB4292">
        <v>14</v>
      </c>
      <c r="AC4292">
        <v>14</v>
      </c>
      <c r="AD4292">
        <v>14</v>
      </c>
      <c r="AE4292">
        <v>14</v>
      </c>
      <c r="AF4292">
        <v>14</v>
      </c>
      <c r="AG4292">
        <v>14</v>
      </c>
      <c r="AH4292">
        <v>14</v>
      </c>
      <c r="AI4292">
        <v>14</v>
      </c>
      <c r="AJ4292">
        <v>13</v>
      </c>
      <c r="AK4292">
        <v>13</v>
      </c>
      <c r="AL4292">
        <v>13</v>
      </c>
      <c r="AM4292">
        <v>13</v>
      </c>
      <c r="AN4292">
        <v>13</v>
      </c>
      <c r="AO4292">
        <v>13</v>
      </c>
      <c r="AP4292">
        <v>13</v>
      </c>
      <c r="AQ4292">
        <v>13</v>
      </c>
    </row>
    <row r="4293" spans="1:43">
      <c r="A4293" t="s">
        <v>2704</v>
      </c>
      <c r="B4293" t="s">
        <v>2705</v>
      </c>
      <c r="C4293" t="s">
        <v>2700</v>
      </c>
      <c r="D4293" t="s">
        <v>2701</v>
      </c>
      <c r="E4293" t="s">
        <v>2352</v>
      </c>
      <c r="F4293" t="s">
        <v>2353</v>
      </c>
      <c r="G4293" t="s">
        <v>80</v>
      </c>
      <c r="H4293" t="s">
        <v>81</v>
      </c>
      <c r="I4293" s="2">
        <v>0</v>
      </c>
      <c r="J4293" s="2">
        <v>0</v>
      </c>
      <c r="K4293" s="2">
        <v>1</v>
      </c>
      <c r="L4293" t="s">
        <v>995</v>
      </c>
      <c r="M4293" t="s">
        <v>83</v>
      </c>
      <c r="N4293" t="s">
        <v>91</v>
      </c>
      <c r="O4293" t="s">
        <v>85</v>
      </c>
      <c r="P4293" t="s">
        <v>86</v>
      </c>
      <c r="Q4293">
        <v>13</v>
      </c>
      <c r="R4293">
        <v>13</v>
      </c>
      <c r="S4293">
        <v>13</v>
      </c>
      <c r="T4293">
        <v>13</v>
      </c>
      <c r="U4293">
        <v>13</v>
      </c>
      <c r="V4293">
        <v>13</v>
      </c>
      <c r="W4293">
        <v>13</v>
      </c>
      <c r="X4293">
        <v>13</v>
      </c>
      <c r="Y4293">
        <v>13</v>
      </c>
      <c r="Z4293">
        <v>13</v>
      </c>
      <c r="AA4293">
        <v>13</v>
      </c>
      <c r="AB4293">
        <v>13</v>
      </c>
      <c r="AC4293">
        <v>13</v>
      </c>
      <c r="AD4293">
        <v>13</v>
      </c>
      <c r="AE4293">
        <v>13</v>
      </c>
      <c r="AF4293">
        <v>13</v>
      </c>
      <c r="AG4293">
        <v>13</v>
      </c>
      <c r="AH4293">
        <v>13</v>
      </c>
      <c r="AI4293">
        <v>13</v>
      </c>
      <c r="AJ4293">
        <v>13</v>
      </c>
      <c r="AK4293">
        <v>13</v>
      </c>
      <c r="AL4293">
        <v>13</v>
      </c>
      <c r="AM4293">
        <v>13</v>
      </c>
      <c r="AN4293">
        <v>13</v>
      </c>
      <c r="AO4293">
        <v>13</v>
      </c>
      <c r="AP4293">
        <v>13</v>
      </c>
      <c r="AQ4293">
        <v>12</v>
      </c>
    </row>
    <row r="4294" spans="1:43">
      <c r="A4294" t="s">
        <v>2706</v>
      </c>
      <c r="B4294" t="s">
        <v>2707</v>
      </c>
      <c r="C4294" t="s">
        <v>2700</v>
      </c>
      <c r="D4294" t="s">
        <v>2701</v>
      </c>
      <c r="E4294" t="s">
        <v>2352</v>
      </c>
      <c r="F4294" t="s">
        <v>2353</v>
      </c>
      <c r="G4294" t="s">
        <v>80</v>
      </c>
      <c r="H4294" t="s">
        <v>81</v>
      </c>
      <c r="I4294" s="2">
        <v>0</v>
      </c>
      <c r="J4294" s="2">
        <v>0</v>
      </c>
      <c r="K4294" s="2">
        <v>1</v>
      </c>
      <c r="L4294" t="s">
        <v>995</v>
      </c>
      <c r="M4294" t="s">
        <v>83</v>
      </c>
      <c r="N4294" t="s">
        <v>84</v>
      </c>
      <c r="O4294" t="s">
        <v>85</v>
      </c>
      <c r="P4294" t="s">
        <v>86</v>
      </c>
      <c r="Q4294">
        <v>14</v>
      </c>
      <c r="R4294">
        <v>14</v>
      </c>
      <c r="S4294">
        <v>14</v>
      </c>
      <c r="T4294">
        <v>14</v>
      </c>
      <c r="U4294">
        <v>14</v>
      </c>
      <c r="V4294">
        <v>14</v>
      </c>
      <c r="W4294">
        <v>14</v>
      </c>
      <c r="X4294">
        <v>14</v>
      </c>
      <c r="Y4294">
        <v>14</v>
      </c>
      <c r="Z4294">
        <v>14</v>
      </c>
      <c r="AA4294">
        <v>14</v>
      </c>
      <c r="AB4294">
        <v>14</v>
      </c>
      <c r="AC4294">
        <v>14</v>
      </c>
      <c r="AD4294">
        <v>14</v>
      </c>
      <c r="AE4294">
        <v>14</v>
      </c>
      <c r="AF4294">
        <v>14</v>
      </c>
      <c r="AG4294">
        <v>14</v>
      </c>
      <c r="AH4294">
        <v>14</v>
      </c>
      <c r="AI4294">
        <v>14</v>
      </c>
      <c r="AJ4294">
        <v>14</v>
      </c>
      <c r="AK4294">
        <v>14</v>
      </c>
      <c r="AL4294">
        <v>14</v>
      </c>
      <c r="AM4294">
        <v>14</v>
      </c>
      <c r="AN4294">
        <v>14</v>
      </c>
      <c r="AO4294">
        <v>14</v>
      </c>
      <c r="AP4294">
        <v>14</v>
      </c>
      <c r="AQ4294">
        <v>13</v>
      </c>
    </row>
    <row r="4295" spans="1:43">
      <c r="A4295" t="s">
        <v>2706</v>
      </c>
      <c r="B4295" t="s">
        <v>2707</v>
      </c>
      <c r="C4295" t="s">
        <v>2700</v>
      </c>
      <c r="D4295" t="s">
        <v>2701</v>
      </c>
      <c r="E4295" t="s">
        <v>2352</v>
      </c>
      <c r="F4295" t="s">
        <v>2353</v>
      </c>
      <c r="G4295" t="s">
        <v>80</v>
      </c>
      <c r="H4295" t="s">
        <v>81</v>
      </c>
      <c r="I4295" s="2">
        <v>0</v>
      </c>
      <c r="J4295" s="2">
        <v>0</v>
      </c>
      <c r="K4295" s="2">
        <v>1</v>
      </c>
      <c r="L4295" t="s">
        <v>995</v>
      </c>
      <c r="M4295" t="s">
        <v>87</v>
      </c>
      <c r="N4295" t="s">
        <v>88</v>
      </c>
      <c r="O4295" t="s">
        <v>85</v>
      </c>
      <c r="P4295" t="s">
        <v>86</v>
      </c>
      <c r="Q4295">
        <v>14</v>
      </c>
      <c r="R4295">
        <v>14</v>
      </c>
      <c r="S4295">
        <v>14</v>
      </c>
      <c r="T4295">
        <v>14</v>
      </c>
      <c r="U4295">
        <v>13</v>
      </c>
      <c r="V4295">
        <v>13</v>
      </c>
      <c r="W4295">
        <v>13</v>
      </c>
      <c r="X4295">
        <v>13</v>
      </c>
      <c r="Y4295">
        <v>13</v>
      </c>
      <c r="Z4295">
        <v>13</v>
      </c>
      <c r="AA4295">
        <v>13</v>
      </c>
      <c r="AB4295">
        <v>13</v>
      </c>
      <c r="AC4295">
        <v>13</v>
      </c>
      <c r="AD4295">
        <v>13</v>
      </c>
      <c r="AE4295">
        <v>13</v>
      </c>
      <c r="AF4295">
        <v>13</v>
      </c>
      <c r="AG4295">
        <v>12</v>
      </c>
      <c r="AH4295">
        <v>12</v>
      </c>
      <c r="AI4295">
        <v>12</v>
      </c>
      <c r="AJ4295">
        <v>12</v>
      </c>
      <c r="AK4295">
        <v>12</v>
      </c>
      <c r="AL4295">
        <v>12</v>
      </c>
      <c r="AM4295">
        <v>12</v>
      </c>
      <c r="AN4295">
        <v>12</v>
      </c>
      <c r="AO4295">
        <v>12</v>
      </c>
      <c r="AP4295">
        <v>12</v>
      </c>
      <c r="AQ4295">
        <v>12</v>
      </c>
    </row>
    <row r="4296" spans="1:43">
      <c r="A4296" t="s">
        <v>2706</v>
      </c>
      <c r="B4296" t="s">
        <v>2707</v>
      </c>
      <c r="C4296" t="s">
        <v>2700</v>
      </c>
      <c r="D4296" t="s">
        <v>2701</v>
      </c>
      <c r="E4296" t="s">
        <v>2352</v>
      </c>
      <c r="F4296" t="s">
        <v>2353</v>
      </c>
      <c r="G4296" t="s">
        <v>80</v>
      </c>
      <c r="H4296" t="s">
        <v>81</v>
      </c>
      <c r="I4296" s="2">
        <v>0</v>
      </c>
      <c r="J4296" s="2">
        <v>0</v>
      </c>
      <c r="K4296" s="2">
        <v>1</v>
      </c>
      <c r="L4296" t="s">
        <v>995</v>
      </c>
      <c r="M4296" t="s">
        <v>89</v>
      </c>
      <c r="N4296" t="s">
        <v>90</v>
      </c>
      <c r="O4296" t="s">
        <v>85</v>
      </c>
      <c r="P4296" t="s">
        <v>86</v>
      </c>
      <c r="Q4296">
        <v>14</v>
      </c>
      <c r="R4296">
        <v>14</v>
      </c>
      <c r="S4296">
        <v>14</v>
      </c>
      <c r="T4296">
        <v>15</v>
      </c>
      <c r="U4296">
        <v>15</v>
      </c>
      <c r="V4296">
        <v>15</v>
      </c>
      <c r="W4296">
        <v>15</v>
      </c>
      <c r="X4296">
        <v>15</v>
      </c>
      <c r="Y4296">
        <v>15</v>
      </c>
      <c r="Z4296">
        <v>15</v>
      </c>
      <c r="AA4296">
        <v>15</v>
      </c>
      <c r="AB4296">
        <v>15</v>
      </c>
      <c r="AC4296">
        <v>15</v>
      </c>
      <c r="AD4296">
        <v>15</v>
      </c>
      <c r="AE4296">
        <v>15</v>
      </c>
      <c r="AF4296">
        <v>15</v>
      </c>
      <c r="AG4296">
        <v>15</v>
      </c>
      <c r="AH4296">
        <v>15</v>
      </c>
      <c r="AI4296">
        <v>15</v>
      </c>
      <c r="AJ4296">
        <v>14</v>
      </c>
      <c r="AK4296">
        <v>14</v>
      </c>
      <c r="AL4296">
        <v>14</v>
      </c>
      <c r="AM4296">
        <v>14</v>
      </c>
      <c r="AN4296">
        <v>14</v>
      </c>
      <c r="AO4296">
        <v>14</v>
      </c>
      <c r="AP4296">
        <v>14</v>
      </c>
      <c r="AQ4296">
        <v>14</v>
      </c>
    </row>
    <row r="4297" spans="1:43">
      <c r="A4297" t="s">
        <v>2706</v>
      </c>
      <c r="B4297" t="s">
        <v>2707</v>
      </c>
      <c r="C4297" t="s">
        <v>2700</v>
      </c>
      <c r="D4297" t="s">
        <v>2701</v>
      </c>
      <c r="E4297" t="s">
        <v>2352</v>
      </c>
      <c r="F4297" t="s">
        <v>2353</v>
      </c>
      <c r="G4297" t="s">
        <v>80</v>
      </c>
      <c r="H4297" t="s">
        <v>81</v>
      </c>
      <c r="I4297" s="2">
        <v>0</v>
      </c>
      <c r="J4297" s="2">
        <v>0</v>
      </c>
      <c r="K4297" s="2">
        <v>1</v>
      </c>
      <c r="L4297" t="s">
        <v>995</v>
      </c>
      <c r="M4297" t="s">
        <v>83</v>
      </c>
      <c r="N4297" t="s">
        <v>91</v>
      </c>
      <c r="O4297" t="s">
        <v>85</v>
      </c>
      <c r="P4297" t="s">
        <v>86</v>
      </c>
      <c r="Q4297">
        <v>14</v>
      </c>
      <c r="R4297">
        <v>14</v>
      </c>
      <c r="S4297">
        <v>14</v>
      </c>
      <c r="T4297">
        <v>14</v>
      </c>
      <c r="U4297">
        <v>14</v>
      </c>
      <c r="V4297">
        <v>14</v>
      </c>
      <c r="W4297">
        <v>14</v>
      </c>
      <c r="X4297">
        <v>14</v>
      </c>
      <c r="Y4297">
        <v>14</v>
      </c>
      <c r="Z4297">
        <v>14</v>
      </c>
      <c r="AA4297">
        <v>14</v>
      </c>
      <c r="AB4297">
        <v>14</v>
      </c>
      <c r="AC4297">
        <v>14</v>
      </c>
      <c r="AD4297">
        <v>14</v>
      </c>
      <c r="AE4297">
        <v>14</v>
      </c>
      <c r="AF4297">
        <v>14</v>
      </c>
      <c r="AG4297">
        <v>14</v>
      </c>
      <c r="AH4297">
        <v>14</v>
      </c>
      <c r="AI4297">
        <v>14</v>
      </c>
      <c r="AJ4297">
        <v>14</v>
      </c>
      <c r="AK4297">
        <v>14</v>
      </c>
      <c r="AL4297">
        <v>14</v>
      </c>
      <c r="AM4297">
        <v>14</v>
      </c>
      <c r="AN4297">
        <v>14</v>
      </c>
      <c r="AO4297">
        <v>14</v>
      </c>
      <c r="AP4297">
        <v>14</v>
      </c>
      <c r="AQ4297">
        <v>13</v>
      </c>
    </row>
    <row r="4298" spans="1:43">
      <c r="A4298" t="s">
        <v>2708</v>
      </c>
      <c r="B4298" t="s">
        <v>2709</v>
      </c>
      <c r="C4298" t="s">
        <v>2700</v>
      </c>
      <c r="D4298" t="s">
        <v>2701</v>
      </c>
      <c r="E4298" t="s">
        <v>2352</v>
      </c>
      <c r="F4298" t="s">
        <v>2353</v>
      </c>
      <c r="G4298" t="s">
        <v>80</v>
      </c>
      <c r="H4298" t="s">
        <v>81</v>
      </c>
      <c r="I4298" s="2">
        <v>0</v>
      </c>
      <c r="J4298" s="2">
        <v>0</v>
      </c>
      <c r="K4298" s="2">
        <v>1</v>
      </c>
      <c r="L4298" t="s">
        <v>995</v>
      </c>
      <c r="M4298" t="s">
        <v>83</v>
      </c>
      <c r="N4298" t="s">
        <v>84</v>
      </c>
      <c r="O4298" t="s">
        <v>85</v>
      </c>
      <c r="P4298" t="s">
        <v>86</v>
      </c>
      <c r="Q4298">
        <v>6</v>
      </c>
      <c r="R4298">
        <v>6</v>
      </c>
      <c r="S4298">
        <v>6</v>
      </c>
      <c r="T4298">
        <v>7</v>
      </c>
      <c r="U4298">
        <v>7</v>
      </c>
      <c r="V4298">
        <v>7</v>
      </c>
      <c r="W4298">
        <v>7</v>
      </c>
      <c r="X4298">
        <v>7</v>
      </c>
      <c r="Y4298">
        <v>7</v>
      </c>
      <c r="Z4298">
        <v>7</v>
      </c>
      <c r="AA4298">
        <v>7</v>
      </c>
      <c r="AB4298">
        <v>7</v>
      </c>
      <c r="AC4298">
        <v>7</v>
      </c>
      <c r="AD4298">
        <v>7</v>
      </c>
      <c r="AE4298">
        <v>7</v>
      </c>
      <c r="AF4298">
        <v>7</v>
      </c>
      <c r="AG4298">
        <v>7</v>
      </c>
      <c r="AH4298">
        <v>7</v>
      </c>
      <c r="AI4298">
        <v>7</v>
      </c>
      <c r="AJ4298">
        <v>7</v>
      </c>
      <c r="AK4298">
        <v>7</v>
      </c>
      <c r="AL4298">
        <v>7</v>
      </c>
      <c r="AM4298">
        <v>6</v>
      </c>
      <c r="AN4298">
        <v>6</v>
      </c>
      <c r="AO4298">
        <v>6</v>
      </c>
      <c r="AP4298">
        <v>6</v>
      </c>
      <c r="AQ4298">
        <v>6</v>
      </c>
    </row>
    <row r="4299" spans="1:43">
      <c r="A4299" t="s">
        <v>2708</v>
      </c>
      <c r="B4299" t="s">
        <v>2709</v>
      </c>
      <c r="C4299" t="s">
        <v>2700</v>
      </c>
      <c r="D4299" t="s">
        <v>2701</v>
      </c>
      <c r="E4299" t="s">
        <v>2352</v>
      </c>
      <c r="F4299" t="s">
        <v>2353</v>
      </c>
      <c r="G4299" t="s">
        <v>80</v>
      </c>
      <c r="H4299" t="s">
        <v>81</v>
      </c>
      <c r="I4299" s="2">
        <v>0</v>
      </c>
      <c r="J4299" s="2">
        <v>0</v>
      </c>
      <c r="K4299" s="2">
        <v>1</v>
      </c>
      <c r="L4299" t="s">
        <v>995</v>
      </c>
      <c r="M4299" t="s">
        <v>87</v>
      </c>
      <c r="N4299" t="s">
        <v>88</v>
      </c>
      <c r="O4299" t="s">
        <v>85</v>
      </c>
      <c r="P4299" t="s">
        <v>86</v>
      </c>
      <c r="Q4299">
        <v>6</v>
      </c>
      <c r="R4299">
        <v>6</v>
      </c>
      <c r="S4299">
        <v>6</v>
      </c>
      <c r="T4299">
        <v>6</v>
      </c>
      <c r="U4299">
        <v>6</v>
      </c>
      <c r="V4299">
        <v>6</v>
      </c>
      <c r="W4299">
        <v>6</v>
      </c>
      <c r="X4299">
        <v>6</v>
      </c>
      <c r="Y4299">
        <v>6</v>
      </c>
      <c r="Z4299">
        <v>6</v>
      </c>
      <c r="AA4299">
        <v>6</v>
      </c>
      <c r="AB4299">
        <v>6</v>
      </c>
      <c r="AC4299">
        <v>6</v>
      </c>
      <c r="AD4299">
        <v>6</v>
      </c>
      <c r="AE4299">
        <v>6</v>
      </c>
      <c r="AF4299">
        <v>6</v>
      </c>
      <c r="AG4299">
        <v>6</v>
      </c>
      <c r="AH4299">
        <v>6</v>
      </c>
      <c r="AI4299">
        <v>6</v>
      </c>
      <c r="AJ4299">
        <v>6</v>
      </c>
      <c r="AK4299">
        <v>6</v>
      </c>
      <c r="AL4299">
        <v>6</v>
      </c>
      <c r="AM4299">
        <v>6</v>
      </c>
      <c r="AN4299">
        <v>6</v>
      </c>
      <c r="AO4299">
        <v>6</v>
      </c>
      <c r="AP4299">
        <v>5</v>
      </c>
      <c r="AQ4299">
        <v>5</v>
      </c>
    </row>
    <row r="4300" spans="1:43">
      <c r="A4300" t="s">
        <v>2708</v>
      </c>
      <c r="B4300" t="s">
        <v>2709</v>
      </c>
      <c r="C4300" t="s">
        <v>2700</v>
      </c>
      <c r="D4300" t="s">
        <v>2701</v>
      </c>
      <c r="E4300" t="s">
        <v>2352</v>
      </c>
      <c r="F4300" t="s">
        <v>2353</v>
      </c>
      <c r="G4300" t="s">
        <v>80</v>
      </c>
      <c r="H4300" t="s">
        <v>81</v>
      </c>
      <c r="I4300" s="2">
        <v>0</v>
      </c>
      <c r="J4300" s="2">
        <v>0</v>
      </c>
      <c r="K4300" s="2">
        <v>1</v>
      </c>
      <c r="L4300" t="s">
        <v>995</v>
      </c>
      <c r="M4300" t="s">
        <v>89</v>
      </c>
      <c r="N4300" t="s">
        <v>90</v>
      </c>
      <c r="O4300" t="s">
        <v>85</v>
      </c>
      <c r="P4300" t="s">
        <v>86</v>
      </c>
      <c r="Q4300">
        <v>6</v>
      </c>
      <c r="R4300">
        <v>6</v>
      </c>
      <c r="S4300">
        <v>6</v>
      </c>
      <c r="T4300">
        <v>6</v>
      </c>
      <c r="U4300">
        <v>6</v>
      </c>
      <c r="V4300">
        <v>6</v>
      </c>
      <c r="W4300">
        <v>6</v>
      </c>
      <c r="X4300">
        <v>6</v>
      </c>
      <c r="Y4300">
        <v>6</v>
      </c>
      <c r="Z4300">
        <v>6</v>
      </c>
      <c r="AA4300">
        <v>6</v>
      </c>
      <c r="AB4300">
        <v>6</v>
      </c>
      <c r="AC4300">
        <v>6</v>
      </c>
      <c r="AD4300">
        <v>6</v>
      </c>
      <c r="AE4300">
        <v>6</v>
      </c>
      <c r="AF4300">
        <v>6</v>
      </c>
      <c r="AG4300">
        <v>6</v>
      </c>
      <c r="AH4300">
        <v>6</v>
      </c>
      <c r="AI4300">
        <v>6</v>
      </c>
      <c r="AJ4300">
        <v>6</v>
      </c>
      <c r="AK4300">
        <v>6</v>
      </c>
      <c r="AL4300">
        <v>6</v>
      </c>
      <c r="AM4300">
        <v>6</v>
      </c>
      <c r="AN4300">
        <v>5</v>
      </c>
      <c r="AO4300">
        <v>5</v>
      </c>
      <c r="AP4300">
        <v>5</v>
      </c>
      <c r="AQ4300">
        <v>5</v>
      </c>
    </row>
    <row r="4301" spans="1:43">
      <c r="A4301" t="s">
        <v>2708</v>
      </c>
      <c r="B4301" t="s">
        <v>2709</v>
      </c>
      <c r="C4301" t="s">
        <v>2700</v>
      </c>
      <c r="D4301" t="s">
        <v>2701</v>
      </c>
      <c r="E4301" t="s">
        <v>2352</v>
      </c>
      <c r="F4301" t="s">
        <v>2353</v>
      </c>
      <c r="G4301" t="s">
        <v>80</v>
      </c>
      <c r="H4301" t="s">
        <v>81</v>
      </c>
      <c r="I4301" s="2">
        <v>0</v>
      </c>
      <c r="J4301" s="2">
        <v>0</v>
      </c>
      <c r="K4301" s="2">
        <v>1</v>
      </c>
      <c r="L4301" t="s">
        <v>995</v>
      </c>
      <c r="M4301" t="s">
        <v>83</v>
      </c>
      <c r="N4301" t="s">
        <v>91</v>
      </c>
      <c r="O4301" t="s">
        <v>85</v>
      </c>
      <c r="P4301" t="s">
        <v>86</v>
      </c>
      <c r="Q4301">
        <v>6</v>
      </c>
      <c r="R4301">
        <v>6</v>
      </c>
      <c r="S4301">
        <v>6</v>
      </c>
      <c r="T4301">
        <v>7</v>
      </c>
      <c r="U4301">
        <v>7</v>
      </c>
      <c r="V4301">
        <v>7</v>
      </c>
      <c r="W4301">
        <v>7</v>
      </c>
      <c r="X4301">
        <v>7</v>
      </c>
      <c r="Y4301">
        <v>7</v>
      </c>
      <c r="Z4301">
        <v>7</v>
      </c>
      <c r="AA4301">
        <v>7</v>
      </c>
      <c r="AB4301">
        <v>7</v>
      </c>
      <c r="AC4301">
        <v>7</v>
      </c>
      <c r="AD4301">
        <v>7</v>
      </c>
      <c r="AE4301">
        <v>7</v>
      </c>
      <c r="AF4301">
        <v>7</v>
      </c>
      <c r="AG4301">
        <v>7</v>
      </c>
      <c r="AH4301">
        <v>7</v>
      </c>
      <c r="AI4301">
        <v>7</v>
      </c>
      <c r="AJ4301">
        <v>7</v>
      </c>
      <c r="AK4301">
        <v>7</v>
      </c>
      <c r="AL4301">
        <v>7</v>
      </c>
      <c r="AM4301">
        <v>6</v>
      </c>
      <c r="AN4301">
        <v>6</v>
      </c>
      <c r="AO4301">
        <v>6</v>
      </c>
      <c r="AP4301">
        <v>6</v>
      </c>
      <c r="AQ4301">
        <v>6</v>
      </c>
    </row>
    <row r="4302" spans="1:43">
      <c r="A4302" t="s">
        <v>2710</v>
      </c>
      <c r="B4302" t="s">
        <v>2711</v>
      </c>
      <c r="C4302" t="s">
        <v>2700</v>
      </c>
      <c r="D4302" t="s">
        <v>2701</v>
      </c>
      <c r="E4302" t="s">
        <v>2352</v>
      </c>
      <c r="F4302" t="s">
        <v>2353</v>
      </c>
      <c r="G4302" t="s">
        <v>80</v>
      </c>
      <c r="H4302" t="s">
        <v>81</v>
      </c>
      <c r="I4302" s="2">
        <v>0</v>
      </c>
      <c r="J4302" s="2">
        <v>0</v>
      </c>
      <c r="K4302" s="2">
        <v>1</v>
      </c>
      <c r="L4302" t="s">
        <v>995</v>
      </c>
      <c r="M4302" t="s">
        <v>83</v>
      </c>
      <c r="N4302" t="s">
        <v>84</v>
      </c>
      <c r="O4302" t="s">
        <v>85</v>
      </c>
      <c r="P4302" t="s">
        <v>86</v>
      </c>
      <c r="Q4302">
        <v>41</v>
      </c>
      <c r="R4302">
        <v>42</v>
      </c>
      <c r="S4302">
        <v>42</v>
      </c>
      <c r="T4302">
        <v>42</v>
      </c>
      <c r="U4302">
        <v>42</v>
      </c>
      <c r="V4302">
        <v>42</v>
      </c>
      <c r="W4302">
        <v>42</v>
      </c>
      <c r="X4302">
        <v>42</v>
      </c>
      <c r="Y4302">
        <v>43</v>
      </c>
      <c r="Z4302">
        <v>43</v>
      </c>
      <c r="AA4302">
        <v>43</v>
      </c>
      <c r="AB4302">
        <v>43</v>
      </c>
      <c r="AC4302">
        <v>43</v>
      </c>
      <c r="AD4302">
        <v>43</v>
      </c>
      <c r="AE4302">
        <v>43</v>
      </c>
      <c r="AF4302">
        <v>43</v>
      </c>
      <c r="AG4302">
        <v>43</v>
      </c>
      <c r="AH4302">
        <v>43</v>
      </c>
      <c r="AI4302">
        <v>43</v>
      </c>
      <c r="AJ4302">
        <v>43</v>
      </c>
      <c r="AK4302">
        <v>43</v>
      </c>
      <c r="AL4302">
        <v>43</v>
      </c>
      <c r="AM4302">
        <v>42</v>
      </c>
      <c r="AN4302">
        <v>42</v>
      </c>
      <c r="AO4302">
        <v>42</v>
      </c>
      <c r="AP4302">
        <v>42</v>
      </c>
      <c r="AQ4302">
        <v>41</v>
      </c>
    </row>
    <row r="4303" spans="1:43">
      <c r="A4303" t="s">
        <v>2710</v>
      </c>
      <c r="B4303" t="s">
        <v>2711</v>
      </c>
      <c r="C4303" t="s">
        <v>2700</v>
      </c>
      <c r="D4303" t="s">
        <v>2701</v>
      </c>
      <c r="E4303" t="s">
        <v>2352</v>
      </c>
      <c r="F4303" t="s">
        <v>2353</v>
      </c>
      <c r="G4303" t="s">
        <v>80</v>
      </c>
      <c r="H4303" t="s">
        <v>81</v>
      </c>
      <c r="I4303" s="2">
        <v>0</v>
      </c>
      <c r="J4303" s="2">
        <v>0</v>
      </c>
      <c r="K4303" s="2">
        <v>1</v>
      </c>
      <c r="L4303" t="s">
        <v>995</v>
      </c>
      <c r="M4303" t="s">
        <v>87</v>
      </c>
      <c r="N4303" t="s">
        <v>88</v>
      </c>
      <c r="O4303" t="s">
        <v>85</v>
      </c>
      <c r="P4303" t="s">
        <v>86</v>
      </c>
      <c r="Q4303">
        <v>41</v>
      </c>
      <c r="R4303">
        <v>41</v>
      </c>
      <c r="S4303">
        <v>41</v>
      </c>
      <c r="T4303">
        <v>40</v>
      </c>
      <c r="U4303">
        <v>40</v>
      </c>
      <c r="V4303">
        <v>40</v>
      </c>
      <c r="W4303">
        <v>40</v>
      </c>
      <c r="X4303">
        <v>40</v>
      </c>
      <c r="Y4303">
        <v>39</v>
      </c>
      <c r="Z4303">
        <v>39</v>
      </c>
      <c r="AA4303">
        <v>39</v>
      </c>
      <c r="AB4303">
        <v>39</v>
      </c>
      <c r="AC4303">
        <v>38</v>
      </c>
      <c r="AD4303">
        <v>38</v>
      </c>
      <c r="AE4303">
        <v>38</v>
      </c>
      <c r="AF4303">
        <v>38</v>
      </c>
      <c r="AG4303">
        <v>38</v>
      </c>
      <c r="AH4303">
        <v>38</v>
      </c>
      <c r="AI4303">
        <v>37</v>
      </c>
      <c r="AJ4303">
        <v>37</v>
      </c>
      <c r="AK4303">
        <v>37</v>
      </c>
      <c r="AL4303">
        <v>37</v>
      </c>
      <c r="AM4303">
        <v>37</v>
      </c>
      <c r="AN4303">
        <v>36</v>
      </c>
      <c r="AO4303">
        <v>36</v>
      </c>
      <c r="AP4303">
        <v>36</v>
      </c>
      <c r="AQ4303">
        <v>36</v>
      </c>
    </row>
    <row r="4304" spans="1:43">
      <c r="A4304" t="s">
        <v>2710</v>
      </c>
      <c r="B4304" t="s">
        <v>2711</v>
      </c>
      <c r="C4304" t="s">
        <v>2700</v>
      </c>
      <c r="D4304" t="s">
        <v>2701</v>
      </c>
      <c r="E4304" t="s">
        <v>2352</v>
      </c>
      <c r="F4304" t="s">
        <v>2353</v>
      </c>
      <c r="G4304" t="s">
        <v>80</v>
      </c>
      <c r="H4304" t="s">
        <v>81</v>
      </c>
      <c r="I4304" s="2">
        <v>0</v>
      </c>
      <c r="J4304" s="2">
        <v>0</v>
      </c>
      <c r="K4304" s="2">
        <v>1</v>
      </c>
      <c r="L4304" t="s">
        <v>995</v>
      </c>
      <c r="M4304" t="s">
        <v>89</v>
      </c>
      <c r="N4304" t="s">
        <v>90</v>
      </c>
      <c r="O4304" t="s">
        <v>85</v>
      </c>
      <c r="P4304" t="s">
        <v>86</v>
      </c>
      <c r="Q4304">
        <v>41</v>
      </c>
      <c r="R4304">
        <v>41</v>
      </c>
      <c r="S4304">
        <v>42</v>
      </c>
      <c r="T4304">
        <v>42</v>
      </c>
      <c r="U4304">
        <v>43</v>
      </c>
      <c r="V4304">
        <v>43</v>
      </c>
      <c r="W4304">
        <v>43</v>
      </c>
      <c r="X4304">
        <v>44</v>
      </c>
      <c r="Y4304">
        <v>44</v>
      </c>
      <c r="Z4304">
        <v>44</v>
      </c>
      <c r="AA4304">
        <v>44</v>
      </c>
      <c r="AB4304">
        <v>45</v>
      </c>
      <c r="AC4304">
        <v>45</v>
      </c>
      <c r="AD4304">
        <v>45</v>
      </c>
      <c r="AE4304">
        <v>45</v>
      </c>
      <c r="AF4304">
        <v>45</v>
      </c>
      <c r="AG4304">
        <v>44</v>
      </c>
      <c r="AH4304">
        <v>44</v>
      </c>
      <c r="AI4304">
        <v>43</v>
      </c>
      <c r="AJ4304">
        <v>43</v>
      </c>
      <c r="AK4304">
        <v>43</v>
      </c>
      <c r="AL4304">
        <v>42</v>
      </c>
      <c r="AM4304">
        <v>42</v>
      </c>
      <c r="AN4304">
        <v>42</v>
      </c>
      <c r="AO4304">
        <v>41</v>
      </c>
      <c r="AP4304">
        <v>41</v>
      </c>
      <c r="AQ4304">
        <v>41</v>
      </c>
    </row>
    <row r="4305" spans="1:43">
      <c r="A4305" t="s">
        <v>2710</v>
      </c>
      <c r="B4305" t="s">
        <v>2711</v>
      </c>
      <c r="C4305" t="s">
        <v>2700</v>
      </c>
      <c r="D4305" t="s">
        <v>2701</v>
      </c>
      <c r="E4305" t="s">
        <v>2352</v>
      </c>
      <c r="F4305" t="s">
        <v>2353</v>
      </c>
      <c r="G4305" t="s">
        <v>80</v>
      </c>
      <c r="H4305" t="s">
        <v>81</v>
      </c>
      <c r="I4305" s="2">
        <v>0</v>
      </c>
      <c r="J4305" s="2">
        <v>0</v>
      </c>
      <c r="K4305" s="2">
        <v>1</v>
      </c>
      <c r="L4305" t="s">
        <v>995</v>
      </c>
      <c r="M4305" t="s">
        <v>83</v>
      </c>
      <c r="N4305" t="s">
        <v>91</v>
      </c>
      <c r="O4305" t="s">
        <v>85</v>
      </c>
      <c r="P4305" t="s">
        <v>86</v>
      </c>
      <c r="Q4305">
        <v>41</v>
      </c>
      <c r="R4305">
        <v>42</v>
      </c>
      <c r="S4305">
        <v>42</v>
      </c>
      <c r="T4305">
        <v>42</v>
      </c>
      <c r="U4305">
        <v>42</v>
      </c>
      <c r="V4305">
        <v>42</v>
      </c>
      <c r="W4305">
        <v>42</v>
      </c>
      <c r="X4305">
        <v>42</v>
      </c>
      <c r="Y4305">
        <v>43</v>
      </c>
      <c r="Z4305">
        <v>43</v>
      </c>
      <c r="AA4305">
        <v>43</v>
      </c>
      <c r="AB4305">
        <v>43</v>
      </c>
      <c r="AC4305">
        <v>43</v>
      </c>
      <c r="AD4305">
        <v>43</v>
      </c>
      <c r="AE4305">
        <v>43</v>
      </c>
      <c r="AF4305">
        <v>43</v>
      </c>
      <c r="AG4305">
        <v>43</v>
      </c>
      <c r="AH4305">
        <v>43</v>
      </c>
      <c r="AI4305">
        <v>43</v>
      </c>
      <c r="AJ4305">
        <v>43</v>
      </c>
      <c r="AK4305">
        <v>43</v>
      </c>
      <c r="AL4305">
        <v>43</v>
      </c>
      <c r="AM4305">
        <v>42</v>
      </c>
      <c r="AN4305">
        <v>42</v>
      </c>
      <c r="AO4305">
        <v>42</v>
      </c>
      <c r="AP4305">
        <v>42</v>
      </c>
      <c r="AQ4305">
        <v>41</v>
      </c>
    </row>
    <row r="4306" spans="1:43">
      <c r="A4306" t="s">
        <v>2712</v>
      </c>
      <c r="B4306" t="s">
        <v>2713</v>
      </c>
      <c r="C4306" t="s">
        <v>2558</v>
      </c>
      <c r="D4306" t="s">
        <v>2559</v>
      </c>
      <c r="E4306" t="s">
        <v>2352</v>
      </c>
      <c r="F4306" t="s">
        <v>2353</v>
      </c>
      <c r="G4306" t="s">
        <v>80</v>
      </c>
      <c r="H4306" t="s">
        <v>81</v>
      </c>
      <c r="I4306" s="2">
        <v>0</v>
      </c>
      <c r="J4306" s="2">
        <v>0</v>
      </c>
      <c r="K4306" s="2">
        <v>1</v>
      </c>
      <c r="L4306" t="s">
        <v>995</v>
      </c>
      <c r="M4306" t="s">
        <v>83</v>
      </c>
      <c r="N4306" t="s">
        <v>84</v>
      </c>
      <c r="O4306" t="s">
        <v>85</v>
      </c>
      <c r="P4306" t="s">
        <v>86</v>
      </c>
      <c r="Q4306">
        <v>12</v>
      </c>
      <c r="R4306">
        <v>12</v>
      </c>
      <c r="S4306">
        <v>12</v>
      </c>
      <c r="T4306">
        <v>12</v>
      </c>
      <c r="U4306">
        <v>13</v>
      </c>
      <c r="V4306">
        <v>13</v>
      </c>
      <c r="W4306">
        <v>13</v>
      </c>
      <c r="X4306">
        <v>13</v>
      </c>
      <c r="Y4306">
        <v>13</v>
      </c>
      <c r="Z4306">
        <v>13</v>
      </c>
      <c r="AA4306">
        <v>13</v>
      </c>
      <c r="AB4306">
        <v>13</v>
      </c>
      <c r="AC4306">
        <v>13</v>
      </c>
      <c r="AD4306">
        <v>13</v>
      </c>
      <c r="AE4306">
        <v>13</v>
      </c>
      <c r="AF4306">
        <v>13</v>
      </c>
      <c r="AG4306">
        <v>13</v>
      </c>
      <c r="AH4306">
        <v>13</v>
      </c>
      <c r="AI4306">
        <v>13</v>
      </c>
      <c r="AJ4306">
        <v>13</v>
      </c>
      <c r="AK4306">
        <v>13</v>
      </c>
      <c r="AL4306">
        <v>13</v>
      </c>
      <c r="AM4306">
        <v>13</v>
      </c>
      <c r="AN4306">
        <v>13</v>
      </c>
      <c r="AO4306">
        <v>12</v>
      </c>
      <c r="AP4306">
        <v>12</v>
      </c>
      <c r="AQ4306">
        <v>12</v>
      </c>
    </row>
    <row r="4307" spans="1:43">
      <c r="A4307" t="s">
        <v>2712</v>
      </c>
      <c r="B4307" t="s">
        <v>2713</v>
      </c>
      <c r="C4307" t="s">
        <v>2558</v>
      </c>
      <c r="D4307" t="s">
        <v>2559</v>
      </c>
      <c r="E4307" t="s">
        <v>2352</v>
      </c>
      <c r="F4307" t="s">
        <v>2353</v>
      </c>
      <c r="G4307" t="s">
        <v>80</v>
      </c>
      <c r="H4307" t="s">
        <v>81</v>
      </c>
      <c r="I4307" s="2">
        <v>0</v>
      </c>
      <c r="J4307" s="2">
        <v>0</v>
      </c>
      <c r="K4307" s="2">
        <v>1</v>
      </c>
      <c r="L4307" t="s">
        <v>995</v>
      </c>
      <c r="M4307" t="s">
        <v>87</v>
      </c>
      <c r="N4307" t="s">
        <v>88</v>
      </c>
      <c r="O4307" t="s">
        <v>85</v>
      </c>
      <c r="P4307" t="s">
        <v>86</v>
      </c>
      <c r="Q4307">
        <v>12</v>
      </c>
      <c r="R4307">
        <v>12</v>
      </c>
      <c r="S4307">
        <v>12</v>
      </c>
      <c r="T4307">
        <v>12</v>
      </c>
      <c r="U4307">
        <v>12</v>
      </c>
      <c r="V4307">
        <v>12</v>
      </c>
      <c r="W4307">
        <v>12</v>
      </c>
      <c r="X4307">
        <v>12</v>
      </c>
      <c r="Y4307">
        <v>12</v>
      </c>
      <c r="Z4307">
        <v>12</v>
      </c>
      <c r="AA4307">
        <v>12</v>
      </c>
      <c r="AB4307">
        <v>12</v>
      </c>
      <c r="AC4307">
        <v>11</v>
      </c>
      <c r="AD4307">
        <v>11</v>
      </c>
      <c r="AE4307">
        <v>11</v>
      </c>
      <c r="AF4307">
        <v>11</v>
      </c>
      <c r="AG4307">
        <v>11</v>
      </c>
      <c r="AH4307">
        <v>11</v>
      </c>
      <c r="AI4307">
        <v>11</v>
      </c>
      <c r="AJ4307">
        <v>11</v>
      </c>
      <c r="AK4307">
        <v>11</v>
      </c>
      <c r="AL4307">
        <v>11</v>
      </c>
      <c r="AM4307">
        <v>11</v>
      </c>
      <c r="AN4307">
        <v>11</v>
      </c>
      <c r="AO4307">
        <v>11</v>
      </c>
      <c r="AP4307">
        <v>11</v>
      </c>
      <c r="AQ4307">
        <v>11</v>
      </c>
    </row>
    <row r="4308" spans="1:43">
      <c r="A4308" t="s">
        <v>2712</v>
      </c>
      <c r="B4308" t="s">
        <v>2713</v>
      </c>
      <c r="C4308" t="s">
        <v>2558</v>
      </c>
      <c r="D4308" t="s">
        <v>2559</v>
      </c>
      <c r="E4308" t="s">
        <v>2352</v>
      </c>
      <c r="F4308" t="s">
        <v>2353</v>
      </c>
      <c r="G4308" t="s">
        <v>80</v>
      </c>
      <c r="H4308" t="s">
        <v>81</v>
      </c>
      <c r="I4308" s="2">
        <v>0</v>
      </c>
      <c r="J4308" s="2">
        <v>0</v>
      </c>
      <c r="K4308" s="2">
        <v>1</v>
      </c>
      <c r="L4308" t="s">
        <v>995</v>
      </c>
      <c r="M4308" t="s">
        <v>89</v>
      </c>
      <c r="N4308" t="s">
        <v>90</v>
      </c>
      <c r="O4308" t="s">
        <v>85</v>
      </c>
      <c r="P4308" t="s">
        <v>86</v>
      </c>
      <c r="Q4308">
        <v>12</v>
      </c>
      <c r="R4308">
        <v>13</v>
      </c>
      <c r="S4308">
        <v>13</v>
      </c>
      <c r="T4308">
        <v>13</v>
      </c>
      <c r="U4308">
        <v>13</v>
      </c>
      <c r="V4308">
        <v>13</v>
      </c>
      <c r="W4308">
        <v>13</v>
      </c>
      <c r="X4308">
        <v>13</v>
      </c>
      <c r="Y4308">
        <v>13</v>
      </c>
      <c r="Z4308">
        <v>13</v>
      </c>
      <c r="AA4308">
        <v>14</v>
      </c>
      <c r="AB4308">
        <v>14</v>
      </c>
      <c r="AC4308">
        <v>14</v>
      </c>
      <c r="AD4308">
        <v>14</v>
      </c>
      <c r="AE4308">
        <v>14</v>
      </c>
      <c r="AF4308">
        <v>14</v>
      </c>
      <c r="AG4308">
        <v>13</v>
      </c>
      <c r="AH4308">
        <v>13</v>
      </c>
      <c r="AI4308">
        <v>13</v>
      </c>
      <c r="AJ4308">
        <v>13</v>
      </c>
      <c r="AK4308">
        <v>13</v>
      </c>
      <c r="AL4308">
        <v>13</v>
      </c>
      <c r="AM4308">
        <v>13</v>
      </c>
      <c r="AN4308">
        <v>13</v>
      </c>
      <c r="AO4308">
        <v>13</v>
      </c>
      <c r="AP4308">
        <v>13</v>
      </c>
      <c r="AQ4308">
        <v>12</v>
      </c>
    </row>
    <row r="4309" spans="1:43">
      <c r="A4309" t="s">
        <v>2712</v>
      </c>
      <c r="B4309" t="s">
        <v>2713</v>
      </c>
      <c r="C4309" t="s">
        <v>2558</v>
      </c>
      <c r="D4309" t="s">
        <v>2559</v>
      </c>
      <c r="E4309" t="s">
        <v>2352</v>
      </c>
      <c r="F4309" t="s">
        <v>2353</v>
      </c>
      <c r="G4309" t="s">
        <v>80</v>
      </c>
      <c r="H4309" t="s">
        <v>81</v>
      </c>
      <c r="I4309" s="2">
        <v>0</v>
      </c>
      <c r="J4309" s="2">
        <v>0</v>
      </c>
      <c r="K4309" s="2">
        <v>1</v>
      </c>
      <c r="L4309" t="s">
        <v>995</v>
      </c>
      <c r="M4309" t="s">
        <v>83</v>
      </c>
      <c r="N4309" t="s">
        <v>91</v>
      </c>
      <c r="O4309" t="s">
        <v>85</v>
      </c>
      <c r="P4309" t="s">
        <v>86</v>
      </c>
      <c r="Q4309">
        <v>12</v>
      </c>
      <c r="R4309">
        <v>12</v>
      </c>
      <c r="S4309">
        <v>12</v>
      </c>
      <c r="T4309">
        <v>12</v>
      </c>
      <c r="U4309">
        <v>13</v>
      </c>
      <c r="V4309">
        <v>13</v>
      </c>
      <c r="W4309">
        <v>13</v>
      </c>
      <c r="X4309">
        <v>13</v>
      </c>
      <c r="Y4309">
        <v>13</v>
      </c>
      <c r="Z4309">
        <v>13</v>
      </c>
      <c r="AA4309">
        <v>13</v>
      </c>
      <c r="AB4309">
        <v>13</v>
      </c>
      <c r="AC4309">
        <v>13</v>
      </c>
      <c r="AD4309">
        <v>13</v>
      </c>
      <c r="AE4309">
        <v>13</v>
      </c>
      <c r="AF4309">
        <v>13</v>
      </c>
      <c r="AG4309">
        <v>13</v>
      </c>
      <c r="AH4309">
        <v>13</v>
      </c>
      <c r="AI4309">
        <v>13</v>
      </c>
      <c r="AJ4309">
        <v>13</v>
      </c>
      <c r="AK4309">
        <v>13</v>
      </c>
      <c r="AL4309">
        <v>13</v>
      </c>
      <c r="AM4309">
        <v>13</v>
      </c>
      <c r="AN4309">
        <v>13</v>
      </c>
      <c r="AO4309">
        <v>12</v>
      </c>
      <c r="AP4309">
        <v>12</v>
      </c>
      <c r="AQ4309">
        <v>12</v>
      </c>
    </row>
    <row r="4310" spans="1:43">
      <c r="A4310" t="s">
        <v>2714</v>
      </c>
      <c r="B4310" t="s">
        <v>2715</v>
      </c>
      <c r="C4310" t="s">
        <v>2716</v>
      </c>
      <c r="D4310" t="s">
        <v>2717</v>
      </c>
      <c r="E4310" t="s">
        <v>2352</v>
      </c>
      <c r="F4310" t="s">
        <v>2353</v>
      </c>
      <c r="G4310" t="s">
        <v>80</v>
      </c>
      <c r="H4310" t="s">
        <v>81</v>
      </c>
      <c r="I4310" s="2">
        <v>0</v>
      </c>
      <c r="J4310" s="2">
        <v>0</v>
      </c>
      <c r="K4310" s="2">
        <v>1</v>
      </c>
      <c r="L4310" t="s">
        <v>995</v>
      </c>
      <c r="M4310" t="s">
        <v>83</v>
      </c>
      <c r="N4310" t="s">
        <v>84</v>
      </c>
      <c r="O4310" t="s">
        <v>85</v>
      </c>
      <c r="P4310" t="s">
        <v>86</v>
      </c>
      <c r="Q4310">
        <v>3</v>
      </c>
      <c r="R4310">
        <v>3</v>
      </c>
      <c r="S4310">
        <v>3</v>
      </c>
      <c r="T4310">
        <v>3</v>
      </c>
      <c r="U4310">
        <v>3</v>
      </c>
      <c r="V4310">
        <v>3</v>
      </c>
      <c r="W4310">
        <v>3</v>
      </c>
      <c r="X4310">
        <v>3</v>
      </c>
      <c r="Y4310">
        <v>3</v>
      </c>
      <c r="Z4310">
        <v>3</v>
      </c>
      <c r="AA4310">
        <v>3</v>
      </c>
      <c r="AB4310">
        <v>3</v>
      </c>
      <c r="AC4310">
        <v>3</v>
      </c>
      <c r="AD4310">
        <v>3</v>
      </c>
      <c r="AE4310">
        <v>3</v>
      </c>
      <c r="AF4310">
        <v>3</v>
      </c>
      <c r="AG4310">
        <v>3</v>
      </c>
      <c r="AH4310">
        <v>3</v>
      </c>
      <c r="AI4310">
        <v>3</v>
      </c>
      <c r="AJ4310">
        <v>3</v>
      </c>
      <c r="AK4310">
        <v>3</v>
      </c>
      <c r="AL4310">
        <v>3</v>
      </c>
      <c r="AM4310">
        <v>3</v>
      </c>
      <c r="AN4310">
        <v>3</v>
      </c>
      <c r="AO4310">
        <v>3</v>
      </c>
      <c r="AP4310">
        <v>3</v>
      </c>
      <c r="AQ4310">
        <v>3</v>
      </c>
    </row>
    <row r="4311" spans="1:43">
      <c r="A4311" t="s">
        <v>2714</v>
      </c>
      <c r="B4311" t="s">
        <v>2715</v>
      </c>
      <c r="C4311" t="s">
        <v>2716</v>
      </c>
      <c r="D4311" t="s">
        <v>2717</v>
      </c>
      <c r="E4311" t="s">
        <v>2352</v>
      </c>
      <c r="F4311" t="s">
        <v>2353</v>
      </c>
      <c r="G4311" t="s">
        <v>80</v>
      </c>
      <c r="H4311" t="s">
        <v>81</v>
      </c>
      <c r="I4311" s="2">
        <v>0</v>
      </c>
      <c r="J4311" s="2">
        <v>0</v>
      </c>
      <c r="K4311" s="2">
        <v>1</v>
      </c>
      <c r="L4311" t="s">
        <v>995</v>
      </c>
      <c r="M4311" t="s">
        <v>87</v>
      </c>
      <c r="N4311" t="s">
        <v>88</v>
      </c>
      <c r="O4311" t="s">
        <v>85</v>
      </c>
      <c r="P4311" t="s">
        <v>86</v>
      </c>
      <c r="Q4311">
        <v>3</v>
      </c>
      <c r="R4311">
        <v>3</v>
      </c>
      <c r="S4311">
        <v>3</v>
      </c>
      <c r="T4311">
        <v>3</v>
      </c>
      <c r="U4311">
        <v>3</v>
      </c>
      <c r="V4311">
        <v>3</v>
      </c>
      <c r="W4311">
        <v>3</v>
      </c>
      <c r="X4311">
        <v>3</v>
      </c>
      <c r="Y4311">
        <v>3</v>
      </c>
      <c r="Z4311">
        <v>3</v>
      </c>
      <c r="AA4311">
        <v>3</v>
      </c>
      <c r="AB4311">
        <v>3</v>
      </c>
      <c r="AC4311">
        <v>3</v>
      </c>
      <c r="AD4311">
        <v>3</v>
      </c>
      <c r="AE4311">
        <v>3</v>
      </c>
      <c r="AF4311">
        <v>3</v>
      </c>
      <c r="AG4311">
        <v>3</v>
      </c>
      <c r="AH4311">
        <v>3</v>
      </c>
      <c r="AI4311">
        <v>3</v>
      </c>
      <c r="AJ4311">
        <v>3</v>
      </c>
      <c r="AK4311">
        <v>3</v>
      </c>
      <c r="AL4311">
        <v>3</v>
      </c>
      <c r="AM4311">
        <v>3</v>
      </c>
      <c r="AN4311">
        <v>3</v>
      </c>
      <c r="AO4311">
        <v>3</v>
      </c>
      <c r="AP4311">
        <v>3</v>
      </c>
      <c r="AQ4311">
        <v>3</v>
      </c>
    </row>
    <row r="4312" spans="1:43">
      <c r="A4312" t="s">
        <v>2714</v>
      </c>
      <c r="B4312" t="s">
        <v>2715</v>
      </c>
      <c r="C4312" t="s">
        <v>2716</v>
      </c>
      <c r="D4312" t="s">
        <v>2717</v>
      </c>
      <c r="E4312" t="s">
        <v>2352</v>
      </c>
      <c r="F4312" t="s">
        <v>2353</v>
      </c>
      <c r="G4312" t="s">
        <v>80</v>
      </c>
      <c r="H4312" t="s">
        <v>81</v>
      </c>
      <c r="I4312" s="2">
        <v>0</v>
      </c>
      <c r="J4312" s="2">
        <v>0</v>
      </c>
      <c r="K4312" s="2">
        <v>1</v>
      </c>
      <c r="L4312" t="s">
        <v>995</v>
      </c>
      <c r="M4312" t="s">
        <v>89</v>
      </c>
      <c r="N4312" t="s">
        <v>90</v>
      </c>
      <c r="O4312" t="s">
        <v>85</v>
      </c>
      <c r="P4312" t="s">
        <v>86</v>
      </c>
      <c r="Q4312">
        <v>3</v>
      </c>
      <c r="R4312">
        <v>3</v>
      </c>
      <c r="S4312">
        <v>3</v>
      </c>
      <c r="T4312">
        <v>3</v>
      </c>
      <c r="U4312">
        <v>3</v>
      </c>
      <c r="V4312">
        <v>3</v>
      </c>
      <c r="W4312">
        <v>3</v>
      </c>
      <c r="X4312">
        <v>3</v>
      </c>
      <c r="Y4312">
        <v>3</v>
      </c>
      <c r="Z4312">
        <v>3</v>
      </c>
      <c r="AA4312">
        <v>3</v>
      </c>
      <c r="AB4312">
        <v>3</v>
      </c>
      <c r="AC4312">
        <v>3</v>
      </c>
      <c r="AD4312">
        <v>3</v>
      </c>
      <c r="AE4312">
        <v>3</v>
      </c>
      <c r="AF4312">
        <v>3</v>
      </c>
      <c r="AG4312">
        <v>3</v>
      </c>
      <c r="AH4312">
        <v>3</v>
      </c>
      <c r="AI4312">
        <v>3</v>
      </c>
      <c r="AJ4312">
        <v>3</v>
      </c>
      <c r="AK4312">
        <v>3</v>
      </c>
      <c r="AL4312">
        <v>3</v>
      </c>
      <c r="AM4312">
        <v>3</v>
      </c>
      <c r="AN4312">
        <v>3</v>
      </c>
      <c r="AO4312">
        <v>3</v>
      </c>
      <c r="AP4312">
        <v>3</v>
      </c>
      <c r="AQ4312">
        <v>3</v>
      </c>
    </row>
    <row r="4313" spans="1:43">
      <c r="A4313" t="s">
        <v>2714</v>
      </c>
      <c r="B4313" t="s">
        <v>2715</v>
      </c>
      <c r="C4313" t="s">
        <v>2716</v>
      </c>
      <c r="D4313" t="s">
        <v>2717</v>
      </c>
      <c r="E4313" t="s">
        <v>2352</v>
      </c>
      <c r="F4313" t="s">
        <v>2353</v>
      </c>
      <c r="G4313" t="s">
        <v>80</v>
      </c>
      <c r="H4313" t="s">
        <v>81</v>
      </c>
      <c r="I4313" s="2">
        <v>0</v>
      </c>
      <c r="J4313" s="2">
        <v>0</v>
      </c>
      <c r="K4313" s="2">
        <v>1</v>
      </c>
      <c r="L4313" t="s">
        <v>995</v>
      </c>
      <c r="M4313" t="s">
        <v>83</v>
      </c>
      <c r="N4313" t="s">
        <v>91</v>
      </c>
      <c r="O4313" t="s">
        <v>85</v>
      </c>
      <c r="P4313" t="s">
        <v>86</v>
      </c>
      <c r="Q4313">
        <v>3</v>
      </c>
      <c r="R4313">
        <v>3</v>
      </c>
      <c r="S4313">
        <v>3</v>
      </c>
      <c r="T4313">
        <v>3</v>
      </c>
      <c r="U4313">
        <v>3</v>
      </c>
      <c r="V4313">
        <v>3</v>
      </c>
      <c r="W4313">
        <v>3</v>
      </c>
      <c r="X4313">
        <v>3</v>
      </c>
      <c r="Y4313">
        <v>3</v>
      </c>
      <c r="Z4313">
        <v>3</v>
      </c>
      <c r="AA4313">
        <v>3</v>
      </c>
      <c r="AB4313">
        <v>3</v>
      </c>
      <c r="AC4313">
        <v>3</v>
      </c>
      <c r="AD4313">
        <v>3</v>
      </c>
      <c r="AE4313">
        <v>3</v>
      </c>
      <c r="AF4313">
        <v>3</v>
      </c>
      <c r="AG4313">
        <v>3</v>
      </c>
      <c r="AH4313">
        <v>3</v>
      </c>
      <c r="AI4313">
        <v>3</v>
      </c>
      <c r="AJ4313">
        <v>3</v>
      </c>
      <c r="AK4313">
        <v>3</v>
      </c>
      <c r="AL4313">
        <v>3</v>
      </c>
      <c r="AM4313">
        <v>3</v>
      </c>
      <c r="AN4313">
        <v>3</v>
      </c>
      <c r="AO4313">
        <v>3</v>
      </c>
      <c r="AP4313">
        <v>3</v>
      </c>
      <c r="AQ4313">
        <v>3</v>
      </c>
    </row>
    <row r="4314" spans="1:43">
      <c r="A4314" t="s">
        <v>2718</v>
      </c>
      <c r="B4314" t="s">
        <v>2719</v>
      </c>
      <c r="C4314" t="s">
        <v>2716</v>
      </c>
      <c r="D4314" t="s">
        <v>2717</v>
      </c>
      <c r="E4314" t="s">
        <v>2352</v>
      </c>
      <c r="F4314" t="s">
        <v>2353</v>
      </c>
      <c r="G4314" t="s">
        <v>80</v>
      </c>
      <c r="H4314" t="s">
        <v>81</v>
      </c>
      <c r="I4314" s="2">
        <v>0</v>
      </c>
      <c r="J4314" s="2">
        <v>0</v>
      </c>
      <c r="K4314" s="2">
        <v>1</v>
      </c>
      <c r="L4314" t="s">
        <v>995</v>
      </c>
      <c r="M4314" t="s">
        <v>83</v>
      </c>
      <c r="N4314" t="s">
        <v>84</v>
      </c>
      <c r="O4314" t="s">
        <v>85</v>
      </c>
      <c r="P4314" t="s">
        <v>86</v>
      </c>
      <c r="Q4314">
        <v>24</v>
      </c>
      <c r="R4314">
        <v>24</v>
      </c>
      <c r="S4314">
        <v>24</v>
      </c>
      <c r="T4314">
        <v>24</v>
      </c>
      <c r="U4314">
        <v>24</v>
      </c>
      <c r="V4314">
        <v>24</v>
      </c>
      <c r="W4314">
        <v>24</v>
      </c>
      <c r="X4314">
        <v>24</v>
      </c>
      <c r="Y4314">
        <v>25</v>
      </c>
      <c r="Z4314">
        <v>25</v>
      </c>
      <c r="AA4314">
        <v>25</v>
      </c>
      <c r="AB4314">
        <v>25</v>
      </c>
      <c r="AC4314">
        <v>25</v>
      </c>
      <c r="AD4314">
        <v>25</v>
      </c>
      <c r="AE4314">
        <v>25</v>
      </c>
      <c r="AF4314">
        <v>25</v>
      </c>
      <c r="AG4314">
        <v>25</v>
      </c>
      <c r="AH4314">
        <v>25</v>
      </c>
      <c r="AI4314">
        <v>25</v>
      </c>
      <c r="AJ4314">
        <v>25</v>
      </c>
      <c r="AK4314">
        <v>25</v>
      </c>
      <c r="AL4314">
        <v>25</v>
      </c>
      <c r="AM4314">
        <v>25</v>
      </c>
      <c r="AN4314">
        <v>25</v>
      </c>
      <c r="AO4314">
        <v>24</v>
      </c>
      <c r="AP4314">
        <v>24</v>
      </c>
      <c r="AQ4314">
        <v>24</v>
      </c>
    </row>
    <row r="4315" spans="1:43">
      <c r="A4315" t="s">
        <v>2718</v>
      </c>
      <c r="B4315" t="s">
        <v>2719</v>
      </c>
      <c r="C4315" t="s">
        <v>2716</v>
      </c>
      <c r="D4315" t="s">
        <v>2717</v>
      </c>
      <c r="E4315" t="s">
        <v>2352</v>
      </c>
      <c r="F4315" t="s">
        <v>2353</v>
      </c>
      <c r="G4315" t="s">
        <v>80</v>
      </c>
      <c r="H4315" t="s">
        <v>81</v>
      </c>
      <c r="I4315" s="2">
        <v>0</v>
      </c>
      <c r="J4315" s="2">
        <v>0</v>
      </c>
      <c r="K4315" s="2">
        <v>1</v>
      </c>
      <c r="L4315" t="s">
        <v>995</v>
      </c>
      <c r="M4315" t="s">
        <v>87</v>
      </c>
      <c r="N4315" t="s">
        <v>88</v>
      </c>
      <c r="O4315" t="s">
        <v>85</v>
      </c>
      <c r="P4315" t="s">
        <v>86</v>
      </c>
      <c r="Q4315">
        <v>24</v>
      </c>
      <c r="R4315">
        <v>23</v>
      </c>
      <c r="S4315">
        <v>23</v>
      </c>
      <c r="T4315">
        <v>23</v>
      </c>
      <c r="U4315">
        <v>23</v>
      </c>
      <c r="V4315">
        <v>23</v>
      </c>
      <c r="W4315">
        <v>23</v>
      </c>
      <c r="X4315">
        <v>23</v>
      </c>
      <c r="Y4315">
        <v>23</v>
      </c>
      <c r="Z4315">
        <v>23</v>
      </c>
      <c r="AA4315">
        <v>22</v>
      </c>
      <c r="AB4315">
        <v>22</v>
      </c>
      <c r="AC4315">
        <v>22</v>
      </c>
      <c r="AD4315">
        <v>22</v>
      </c>
      <c r="AE4315">
        <v>22</v>
      </c>
      <c r="AF4315">
        <v>22</v>
      </c>
      <c r="AG4315">
        <v>22</v>
      </c>
      <c r="AH4315">
        <v>22</v>
      </c>
      <c r="AI4315">
        <v>22</v>
      </c>
      <c r="AJ4315">
        <v>22</v>
      </c>
      <c r="AK4315">
        <v>21</v>
      </c>
      <c r="AL4315">
        <v>21</v>
      </c>
      <c r="AM4315">
        <v>21</v>
      </c>
      <c r="AN4315">
        <v>21</v>
      </c>
      <c r="AO4315">
        <v>21</v>
      </c>
      <c r="AP4315">
        <v>21</v>
      </c>
      <c r="AQ4315">
        <v>21</v>
      </c>
    </row>
    <row r="4316" spans="1:43">
      <c r="A4316" t="s">
        <v>2718</v>
      </c>
      <c r="B4316" t="s">
        <v>2719</v>
      </c>
      <c r="C4316" t="s">
        <v>2716</v>
      </c>
      <c r="D4316" t="s">
        <v>2717</v>
      </c>
      <c r="E4316" t="s">
        <v>2352</v>
      </c>
      <c r="F4316" t="s">
        <v>2353</v>
      </c>
      <c r="G4316" t="s">
        <v>80</v>
      </c>
      <c r="H4316" t="s">
        <v>81</v>
      </c>
      <c r="I4316" s="2">
        <v>0</v>
      </c>
      <c r="J4316" s="2">
        <v>0</v>
      </c>
      <c r="K4316" s="2">
        <v>1</v>
      </c>
      <c r="L4316" t="s">
        <v>995</v>
      </c>
      <c r="M4316" t="s">
        <v>89</v>
      </c>
      <c r="N4316" t="s">
        <v>90</v>
      </c>
      <c r="O4316" t="s">
        <v>85</v>
      </c>
      <c r="P4316" t="s">
        <v>86</v>
      </c>
      <c r="Q4316">
        <v>24</v>
      </c>
      <c r="R4316">
        <v>24</v>
      </c>
      <c r="S4316">
        <v>25</v>
      </c>
      <c r="T4316">
        <v>25</v>
      </c>
      <c r="U4316">
        <v>25</v>
      </c>
      <c r="V4316">
        <v>25</v>
      </c>
      <c r="W4316">
        <v>26</v>
      </c>
      <c r="X4316">
        <v>26</v>
      </c>
      <c r="Y4316">
        <v>26</v>
      </c>
      <c r="Z4316">
        <v>26</v>
      </c>
      <c r="AA4316">
        <v>26</v>
      </c>
      <c r="AB4316">
        <v>26</v>
      </c>
      <c r="AC4316">
        <v>26</v>
      </c>
      <c r="AD4316">
        <v>27</v>
      </c>
      <c r="AE4316">
        <v>27</v>
      </c>
      <c r="AF4316">
        <v>26</v>
      </c>
      <c r="AG4316">
        <v>26</v>
      </c>
      <c r="AH4316">
        <v>26</v>
      </c>
      <c r="AI4316">
        <v>26</v>
      </c>
      <c r="AJ4316">
        <v>26</v>
      </c>
      <c r="AK4316">
        <v>25</v>
      </c>
      <c r="AL4316">
        <v>25</v>
      </c>
      <c r="AM4316">
        <v>25</v>
      </c>
      <c r="AN4316">
        <v>25</v>
      </c>
      <c r="AO4316">
        <v>25</v>
      </c>
      <c r="AP4316">
        <v>25</v>
      </c>
      <c r="AQ4316">
        <v>24</v>
      </c>
    </row>
    <row r="4317" spans="1:43">
      <c r="A4317" t="s">
        <v>2718</v>
      </c>
      <c r="B4317" t="s">
        <v>2719</v>
      </c>
      <c r="C4317" t="s">
        <v>2716</v>
      </c>
      <c r="D4317" t="s">
        <v>2717</v>
      </c>
      <c r="E4317" t="s">
        <v>2352</v>
      </c>
      <c r="F4317" t="s">
        <v>2353</v>
      </c>
      <c r="G4317" t="s">
        <v>80</v>
      </c>
      <c r="H4317" t="s">
        <v>81</v>
      </c>
      <c r="I4317" s="2">
        <v>0</v>
      </c>
      <c r="J4317" s="2">
        <v>0</v>
      </c>
      <c r="K4317" s="2">
        <v>1</v>
      </c>
      <c r="L4317" t="s">
        <v>995</v>
      </c>
      <c r="M4317" t="s">
        <v>83</v>
      </c>
      <c r="N4317" t="s">
        <v>91</v>
      </c>
      <c r="O4317" t="s">
        <v>85</v>
      </c>
      <c r="P4317" t="s">
        <v>86</v>
      </c>
      <c r="Q4317">
        <v>24</v>
      </c>
      <c r="R4317">
        <v>24</v>
      </c>
      <c r="S4317">
        <v>24</v>
      </c>
      <c r="T4317">
        <v>24</v>
      </c>
      <c r="U4317">
        <v>24</v>
      </c>
      <c r="V4317">
        <v>24</v>
      </c>
      <c r="W4317">
        <v>24</v>
      </c>
      <c r="X4317">
        <v>24</v>
      </c>
      <c r="Y4317">
        <v>25</v>
      </c>
      <c r="Z4317">
        <v>25</v>
      </c>
      <c r="AA4317">
        <v>25</v>
      </c>
      <c r="AB4317">
        <v>25</v>
      </c>
      <c r="AC4317">
        <v>25</v>
      </c>
      <c r="AD4317">
        <v>25</v>
      </c>
      <c r="AE4317">
        <v>25</v>
      </c>
      <c r="AF4317">
        <v>25</v>
      </c>
      <c r="AG4317">
        <v>25</v>
      </c>
      <c r="AH4317">
        <v>25</v>
      </c>
      <c r="AI4317">
        <v>25</v>
      </c>
      <c r="AJ4317">
        <v>25</v>
      </c>
      <c r="AK4317">
        <v>25</v>
      </c>
      <c r="AL4317">
        <v>25</v>
      </c>
      <c r="AM4317">
        <v>25</v>
      </c>
      <c r="AN4317">
        <v>25</v>
      </c>
      <c r="AO4317">
        <v>24</v>
      </c>
      <c r="AP4317">
        <v>24</v>
      </c>
      <c r="AQ4317">
        <v>24</v>
      </c>
    </row>
    <row r="4318" spans="1:43">
      <c r="A4318" t="s">
        <v>2720</v>
      </c>
      <c r="B4318" t="s">
        <v>2721</v>
      </c>
      <c r="C4318" t="s">
        <v>2568</v>
      </c>
      <c r="D4318" t="s">
        <v>2569</v>
      </c>
      <c r="E4318" t="s">
        <v>2352</v>
      </c>
      <c r="F4318" t="s">
        <v>2353</v>
      </c>
      <c r="G4318" t="s">
        <v>80</v>
      </c>
      <c r="H4318" t="s">
        <v>81</v>
      </c>
      <c r="I4318" s="2">
        <v>0</v>
      </c>
      <c r="J4318" s="2">
        <v>0</v>
      </c>
      <c r="K4318" s="2">
        <v>1</v>
      </c>
      <c r="L4318" t="s">
        <v>995</v>
      </c>
      <c r="M4318" t="s">
        <v>83</v>
      </c>
      <c r="N4318" t="s">
        <v>84</v>
      </c>
      <c r="O4318" t="s">
        <v>85</v>
      </c>
      <c r="P4318" t="s">
        <v>86</v>
      </c>
      <c r="Q4318">
        <v>11</v>
      </c>
      <c r="R4318">
        <v>11</v>
      </c>
      <c r="S4318">
        <v>11</v>
      </c>
      <c r="T4318">
        <v>11</v>
      </c>
      <c r="U4318">
        <v>11</v>
      </c>
      <c r="V4318">
        <v>11</v>
      </c>
      <c r="W4318">
        <v>11</v>
      </c>
      <c r="X4318">
        <v>11</v>
      </c>
      <c r="Y4318">
        <v>11</v>
      </c>
      <c r="Z4318">
        <v>11</v>
      </c>
      <c r="AA4318">
        <v>12</v>
      </c>
      <c r="AB4318">
        <v>12</v>
      </c>
      <c r="AC4318">
        <v>12</v>
      </c>
      <c r="AD4318">
        <v>12</v>
      </c>
      <c r="AE4318">
        <v>12</v>
      </c>
      <c r="AF4318">
        <v>12</v>
      </c>
      <c r="AG4318">
        <v>12</v>
      </c>
      <c r="AH4318">
        <v>12</v>
      </c>
      <c r="AI4318">
        <v>12</v>
      </c>
      <c r="AJ4318">
        <v>12</v>
      </c>
      <c r="AK4318">
        <v>12</v>
      </c>
      <c r="AL4318">
        <v>12</v>
      </c>
      <c r="AM4318">
        <v>12</v>
      </c>
      <c r="AN4318">
        <v>11</v>
      </c>
      <c r="AO4318">
        <v>11</v>
      </c>
      <c r="AP4318">
        <v>11</v>
      </c>
      <c r="AQ4318">
        <v>11</v>
      </c>
    </row>
    <row r="4319" spans="1:43">
      <c r="A4319" t="s">
        <v>2720</v>
      </c>
      <c r="B4319" t="s">
        <v>2721</v>
      </c>
      <c r="C4319" t="s">
        <v>2568</v>
      </c>
      <c r="D4319" t="s">
        <v>2569</v>
      </c>
      <c r="E4319" t="s">
        <v>2352</v>
      </c>
      <c r="F4319" t="s">
        <v>2353</v>
      </c>
      <c r="G4319" t="s">
        <v>80</v>
      </c>
      <c r="H4319" t="s">
        <v>81</v>
      </c>
      <c r="I4319" s="2">
        <v>0</v>
      </c>
      <c r="J4319" s="2">
        <v>0</v>
      </c>
      <c r="K4319" s="2">
        <v>1</v>
      </c>
      <c r="L4319" t="s">
        <v>995</v>
      </c>
      <c r="M4319" t="s">
        <v>87</v>
      </c>
      <c r="N4319" t="s">
        <v>88</v>
      </c>
      <c r="O4319" t="s">
        <v>85</v>
      </c>
      <c r="P4319" t="s">
        <v>86</v>
      </c>
      <c r="Q4319">
        <v>11</v>
      </c>
      <c r="R4319">
        <v>11</v>
      </c>
      <c r="S4319">
        <v>11</v>
      </c>
      <c r="T4319">
        <v>11</v>
      </c>
      <c r="U4319">
        <v>11</v>
      </c>
      <c r="V4319">
        <v>11</v>
      </c>
      <c r="W4319">
        <v>11</v>
      </c>
      <c r="X4319">
        <v>11</v>
      </c>
      <c r="Y4319">
        <v>11</v>
      </c>
      <c r="Z4319">
        <v>11</v>
      </c>
      <c r="AA4319">
        <v>10</v>
      </c>
      <c r="AB4319">
        <v>10</v>
      </c>
      <c r="AC4319">
        <v>10</v>
      </c>
      <c r="AD4319">
        <v>10</v>
      </c>
      <c r="AE4319">
        <v>10</v>
      </c>
      <c r="AF4319">
        <v>10</v>
      </c>
      <c r="AG4319">
        <v>10</v>
      </c>
      <c r="AH4319">
        <v>10</v>
      </c>
      <c r="AI4319">
        <v>10</v>
      </c>
      <c r="AJ4319">
        <v>10</v>
      </c>
      <c r="AK4319">
        <v>10</v>
      </c>
      <c r="AL4319">
        <v>10</v>
      </c>
      <c r="AM4319">
        <v>10</v>
      </c>
      <c r="AN4319">
        <v>10</v>
      </c>
      <c r="AO4319">
        <v>10</v>
      </c>
      <c r="AP4319">
        <v>10</v>
      </c>
      <c r="AQ4319">
        <v>10</v>
      </c>
    </row>
    <row r="4320" spans="1:43">
      <c r="A4320" t="s">
        <v>2720</v>
      </c>
      <c r="B4320" t="s">
        <v>2721</v>
      </c>
      <c r="C4320" t="s">
        <v>2568</v>
      </c>
      <c r="D4320" t="s">
        <v>2569</v>
      </c>
      <c r="E4320" t="s">
        <v>2352</v>
      </c>
      <c r="F4320" t="s">
        <v>2353</v>
      </c>
      <c r="G4320" t="s">
        <v>80</v>
      </c>
      <c r="H4320" t="s">
        <v>81</v>
      </c>
      <c r="I4320" s="2">
        <v>0</v>
      </c>
      <c r="J4320" s="2">
        <v>0</v>
      </c>
      <c r="K4320" s="2">
        <v>1</v>
      </c>
      <c r="L4320" t="s">
        <v>995</v>
      </c>
      <c r="M4320" t="s">
        <v>89</v>
      </c>
      <c r="N4320" t="s">
        <v>90</v>
      </c>
      <c r="O4320" t="s">
        <v>85</v>
      </c>
      <c r="P4320" t="s">
        <v>86</v>
      </c>
      <c r="Q4320">
        <v>11</v>
      </c>
      <c r="R4320">
        <v>11</v>
      </c>
      <c r="S4320">
        <v>11</v>
      </c>
      <c r="T4320">
        <v>12</v>
      </c>
      <c r="U4320">
        <v>12</v>
      </c>
      <c r="V4320">
        <v>12</v>
      </c>
      <c r="W4320">
        <v>12</v>
      </c>
      <c r="X4320">
        <v>12</v>
      </c>
      <c r="Y4320">
        <v>12</v>
      </c>
      <c r="Z4320">
        <v>12</v>
      </c>
      <c r="AA4320">
        <v>12</v>
      </c>
      <c r="AB4320">
        <v>12</v>
      </c>
      <c r="AC4320">
        <v>12</v>
      </c>
      <c r="AD4320">
        <v>12</v>
      </c>
      <c r="AE4320">
        <v>12</v>
      </c>
      <c r="AF4320">
        <v>12</v>
      </c>
      <c r="AG4320">
        <v>12</v>
      </c>
      <c r="AH4320">
        <v>12</v>
      </c>
      <c r="AI4320">
        <v>12</v>
      </c>
      <c r="AJ4320">
        <v>12</v>
      </c>
      <c r="AK4320">
        <v>12</v>
      </c>
      <c r="AL4320">
        <v>12</v>
      </c>
      <c r="AM4320">
        <v>12</v>
      </c>
      <c r="AN4320">
        <v>12</v>
      </c>
      <c r="AO4320">
        <v>12</v>
      </c>
      <c r="AP4320">
        <v>11</v>
      </c>
      <c r="AQ4320">
        <v>11</v>
      </c>
    </row>
    <row r="4321" spans="1:43">
      <c r="A4321" t="s">
        <v>2720</v>
      </c>
      <c r="B4321" t="s">
        <v>2721</v>
      </c>
      <c r="C4321" t="s">
        <v>2568</v>
      </c>
      <c r="D4321" t="s">
        <v>2569</v>
      </c>
      <c r="E4321" t="s">
        <v>2352</v>
      </c>
      <c r="F4321" t="s">
        <v>2353</v>
      </c>
      <c r="G4321" t="s">
        <v>80</v>
      </c>
      <c r="H4321" t="s">
        <v>81</v>
      </c>
      <c r="I4321" s="2">
        <v>0</v>
      </c>
      <c r="J4321" s="2">
        <v>0</v>
      </c>
      <c r="K4321" s="2">
        <v>1</v>
      </c>
      <c r="L4321" t="s">
        <v>995</v>
      </c>
      <c r="M4321" t="s">
        <v>83</v>
      </c>
      <c r="N4321" t="s">
        <v>91</v>
      </c>
      <c r="O4321" t="s">
        <v>85</v>
      </c>
      <c r="P4321" t="s">
        <v>86</v>
      </c>
      <c r="Q4321">
        <v>11</v>
      </c>
      <c r="R4321">
        <v>11</v>
      </c>
      <c r="S4321">
        <v>11</v>
      </c>
      <c r="T4321">
        <v>11</v>
      </c>
      <c r="U4321">
        <v>11</v>
      </c>
      <c r="V4321">
        <v>11</v>
      </c>
      <c r="W4321">
        <v>11</v>
      </c>
      <c r="X4321">
        <v>11</v>
      </c>
      <c r="Y4321">
        <v>11</v>
      </c>
      <c r="Z4321">
        <v>11</v>
      </c>
      <c r="AA4321">
        <v>12</v>
      </c>
      <c r="AB4321">
        <v>12</v>
      </c>
      <c r="AC4321">
        <v>12</v>
      </c>
      <c r="AD4321">
        <v>12</v>
      </c>
      <c r="AE4321">
        <v>12</v>
      </c>
      <c r="AF4321">
        <v>12</v>
      </c>
      <c r="AG4321">
        <v>12</v>
      </c>
      <c r="AH4321">
        <v>12</v>
      </c>
      <c r="AI4321">
        <v>12</v>
      </c>
      <c r="AJ4321">
        <v>12</v>
      </c>
      <c r="AK4321">
        <v>12</v>
      </c>
      <c r="AL4321">
        <v>12</v>
      </c>
      <c r="AM4321">
        <v>12</v>
      </c>
      <c r="AN4321">
        <v>11</v>
      </c>
      <c r="AO4321">
        <v>11</v>
      </c>
      <c r="AP4321">
        <v>11</v>
      </c>
      <c r="AQ4321">
        <v>11</v>
      </c>
    </row>
    <row r="4322" spans="1:43">
      <c r="A4322" t="s">
        <v>2722</v>
      </c>
      <c r="B4322" t="s">
        <v>2723</v>
      </c>
      <c r="C4322" t="s">
        <v>2716</v>
      </c>
      <c r="D4322" t="s">
        <v>2717</v>
      </c>
      <c r="E4322" t="s">
        <v>2352</v>
      </c>
      <c r="F4322" t="s">
        <v>2353</v>
      </c>
      <c r="G4322" t="s">
        <v>80</v>
      </c>
      <c r="H4322" t="s">
        <v>81</v>
      </c>
      <c r="I4322" s="2">
        <v>0</v>
      </c>
      <c r="J4322" s="2">
        <v>0</v>
      </c>
      <c r="K4322" s="2">
        <v>1</v>
      </c>
      <c r="L4322" t="s">
        <v>995</v>
      </c>
      <c r="M4322" t="s">
        <v>83</v>
      </c>
      <c r="N4322" t="s">
        <v>84</v>
      </c>
      <c r="O4322" t="s">
        <v>85</v>
      </c>
      <c r="P4322" t="s">
        <v>86</v>
      </c>
      <c r="Q4322">
        <v>38</v>
      </c>
      <c r="R4322">
        <v>38</v>
      </c>
      <c r="S4322">
        <v>38</v>
      </c>
      <c r="T4322">
        <v>38</v>
      </c>
      <c r="U4322">
        <v>38</v>
      </c>
      <c r="V4322">
        <v>39</v>
      </c>
      <c r="W4322">
        <v>39</v>
      </c>
      <c r="X4322">
        <v>39</v>
      </c>
      <c r="Y4322">
        <v>39</v>
      </c>
      <c r="Z4322">
        <v>39</v>
      </c>
      <c r="AA4322">
        <v>39</v>
      </c>
      <c r="AB4322">
        <v>39</v>
      </c>
      <c r="AC4322">
        <v>39</v>
      </c>
      <c r="AD4322">
        <v>39</v>
      </c>
      <c r="AE4322">
        <v>39</v>
      </c>
      <c r="AF4322">
        <v>39</v>
      </c>
      <c r="AG4322">
        <v>39</v>
      </c>
      <c r="AH4322">
        <v>40</v>
      </c>
      <c r="AI4322">
        <v>40</v>
      </c>
      <c r="AJ4322">
        <v>40</v>
      </c>
      <c r="AK4322">
        <v>40</v>
      </c>
      <c r="AL4322">
        <v>39</v>
      </c>
      <c r="AM4322">
        <v>39</v>
      </c>
      <c r="AN4322">
        <v>39</v>
      </c>
      <c r="AO4322">
        <v>39</v>
      </c>
      <c r="AP4322">
        <v>38</v>
      </c>
      <c r="AQ4322">
        <v>38</v>
      </c>
    </row>
    <row r="4323" spans="1:43">
      <c r="A4323" t="s">
        <v>2722</v>
      </c>
      <c r="B4323" t="s">
        <v>2723</v>
      </c>
      <c r="C4323" t="s">
        <v>2716</v>
      </c>
      <c r="D4323" t="s">
        <v>2717</v>
      </c>
      <c r="E4323" t="s">
        <v>2352</v>
      </c>
      <c r="F4323" t="s">
        <v>2353</v>
      </c>
      <c r="G4323" t="s">
        <v>80</v>
      </c>
      <c r="H4323" t="s">
        <v>81</v>
      </c>
      <c r="I4323" s="2">
        <v>0</v>
      </c>
      <c r="J4323" s="2">
        <v>0</v>
      </c>
      <c r="K4323" s="2">
        <v>1</v>
      </c>
      <c r="L4323" t="s">
        <v>995</v>
      </c>
      <c r="M4323" t="s">
        <v>87</v>
      </c>
      <c r="N4323" t="s">
        <v>88</v>
      </c>
      <c r="O4323" t="s">
        <v>85</v>
      </c>
      <c r="P4323" t="s">
        <v>86</v>
      </c>
      <c r="Q4323">
        <v>38</v>
      </c>
      <c r="R4323">
        <v>38</v>
      </c>
      <c r="S4323">
        <v>38</v>
      </c>
      <c r="T4323">
        <v>38</v>
      </c>
      <c r="U4323">
        <v>38</v>
      </c>
      <c r="V4323">
        <v>37</v>
      </c>
      <c r="W4323">
        <v>37</v>
      </c>
      <c r="X4323">
        <v>37</v>
      </c>
      <c r="Y4323">
        <v>37</v>
      </c>
      <c r="Z4323">
        <v>37</v>
      </c>
      <c r="AA4323">
        <v>37</v>
      </c>
      <c r="AB4323">
        <v>36</v>
      </c>
      <c r="AC4323">
        <v>36</v>
      </c>
      <c r="AD4323">
        <v>36</v>
      </c>
      <c r="AE4323">
        <v>36</v>
      </c>
      <c r="AF4323">
        <v>36</v>
      </c>
      <c r="AG4323">
        <v>36</v>
      </c>
      <c r="AH4323">
        <v>35</v>
      </c>
      <c r="AI4323">
        <v>35</v>
      </c>
      <c r="AJ4323">
        <v>35</v>
      </c>
      <c r="AK4323">
        <v>35</v>
      </c>
      <c r="AL4323">
        <v>35</v>
      </c>
      <c r="AM4323">
        <v>35</v>
      </c>
      <c r="AN4323">
        <v>35</v>
      </c>
      <c r="AO4323">
        <v>34</v>
      </c>
      <c r="AP4323">
        <v>34</v>
      </c>
      <c r="AQ4323">
        <v>34</v>
      </c>
    </row>
    <row r="4324" spans="1:43">
      <c r="A4324" t="s">
        <v>2722</v>
      </c>
      <c r="B4324" t="s">
        <v>2723</v>
      </c>
      <c r="C4324" t="s">
        <v>2716</v>
      </c>
      <c r="D4324" t="s">
        <v>2717</v>
      </c>
      <c r="E4324" t="s">
        <v>2352</v>
      </c>
      <c r="F4324" t="s">
        <v>2353</v>
      </c>
      <c r="G4324" t="s">
        <v>80</v>
      </c>
      <c r="H4324" t="s">
        <v>81</v>
      </c>
      <c r="I4324" s="2">
        <v>0</v>
      </c>
      <c r="J4324" s="2">
        <v>0</v>
      </c>
      <c r="K4324" s="2">
        <v>1</v>
      </c>
      <c r="L4324" t="s">
        <v>995</v>
      </c>
      <c r="M4324" t="s">
        <v>89</v>
      </c>
      <c r="N4324" t="s">
        <v>90</v>
      </c>
      <c r="O4324" t="s">
        <v>85</v>
      </c>
      <c r="P4324" t="s">
        <v>86</v>
      </c>
      <c r="Q4324">
        <v>38</v>
      </c>
      <c r="R4324">
        <v>39</v>
      </c>
      <c r="S4324">
        <v>39</v>
      </c>
      <c r="T4324">
        <v>39</v>
      </c>
      <c r="U4324">
        <v>40</v>
      </c>
      <c r="V4324">
        <v>40</v>
      </c>
      <c r="W4324">
        <v>41</v>
      </c>
      <c r="X4324">
        <v>41</v>
      </c>
      <c r="Y4324">
        <v>41</v>
      </c>
      <c r="Z4324">
        <v>41</v>
      </c>
      <c r="AA4324">
        <v>42</v>
      </c>
      <c r="AB4324">
        <v>42</v>
      </c>
      <c r="AC4324">
        <v>42</v>
      </c>
      <c r="AD4324">
        <v>42</v>
      </c>
      <c r="AE4324">
        <v>42</v>
      </c>
      <c r="AF4324">
        <v>42</v>
      </c>
      <c r="AG4324">
        <v>41</v>
      </c>
      <c r="AH4324">
        <v>41</v>
      </c>
      <c r="AI4324">
        <v>41</v>
      </c>
      <c r="AJ4324">
        <v>41</v>
      </c>
      <c r="AK4324">
        <v>40</v>
      </c>
      <c r="AL4324">
        <v>40</v>
      </c>
      <c r="AM4324">
        <v>40</v>
      </c>
      <c r="AN4324">
        <v>39</v>
      </c>
      <c r="AO4324">
        <v>39</v>
      </c>
      <c r="AP4324">
        <v>39</v>
      </c>
      <c r="AQ4324">
        <v>39</v>
      </c>
    </row>
    <row r="4325" spans="1:43">
      <c r="A4325" t="s">
        <v>2722</v>
      </c>
      <c r="B4325" t="s">
        <v>2723</v>
      </c>
      <c r="C4325" t="s">
        <v>2716</v>
      </c>
      <c r="D4325" t="s">
        <v>2717</v>
      </c>
      <c r="E4325" t="s">
        <v>2352</v>
      </c>
      <c r="F4325" t="s">
        <v>2353</v>
      </c>
      <c r="G4325" t="s">
        <v>80</v>
      </c>
      <c r="H4325" t="s">
        <v>81</v>
      </c>
      <c r="I4325" s="2">
        <v>0</v>
      </c>
      <c r="J4325" s="2">
        <v>0</v>
      </c>
      <c r="K4325" s="2">
        <v>1</v>
      </c>
      <c r="L4325" t="s">
        <v>995</v>
      </c>
      <c r="M4325" t="s">
        <v>83</v>
      </c>
      <c r="N4325" t="s">
        <v>91</v>
      </c>
      <c r="O4325" t="s">
        <v>85</v>
      </c>
      <c r="P4325" t="s">
        <v>86</v>
      </c>
      <c r="Q4325">
        <v>38</v>
      </c>
      <c r="R4325">
        <v>38</v>
      </c>
      <c r="S4325">
        <v>38</v>
      </c>
      <c r="T4325">
        <v>38</v>
      </c>
      <c r="U4325">
        <v>38</v>
      </c>
      <c r="V4325">
        <v>39</v>
      </c>
      <c r="W4325">
        <v>39</v>
      </c>
      <c r="X4325">
        <v>39</v>
      </c>
      <c r="Y4325">
        <v>39</v>
      </c>
      <c r="Z4325">
        <v>39</v>
      </c>
      <c r="AA4325">
        <v>39</v>
      </c>
      <c r="AB4325">
        <v>39</v>
      </c>
      <c r="AC4325">
        <v>39</v>
      </c>
      <c r="AD4325">
        <v>39</v>
      </c>
      <c r="AE4325">
        <v>39</v>
      </c>
      <c r="AF4325">
        <v>39</v>
      </c>
      <c r="AG4325">
        <v>39</v>
      </c>
      <c r="AH4325">
        <v>40</v>
      </c>
      <c r="AI4325">
        <v>40</v>
      </c>
      <c r="AJ4325">
        <v>40</v>
      </c>
      <c r="AK4325">
        <v>40</v>
      </c>
      <c r="AL4325">
        <v>39</v>
      </c>
      <c r="AM4325">
        <v>39</v>
      </c>
      <c r="AN4325">
        <v>39</v>
      </c>
      <c r="AO4325">
        <v>39</v>
      </c>
      <c r="AP4325">
        <v>38</v>
      </c>
      <c r="AQ4325">
        <v>38</v>
      </c>
    </row>
    <row r="4326" spans="1:43">
      <c r="A4326" t="s">
        <v>2724</v>
      </c>
      <c r="B4326" t="s">
        <v>2725</v>
      </c>
      <c r="C4326" t="s">
        <v>2384</v>
      </c>
      <c r="D4326" t="s">
        <v>2385</v>
      </c>
      <c r="E4326" t="s">
        <v>2352</v>
      </c>
      <c r="F4326" t="s">
        <v>2353</v>
      </c>
      <c r="G4326" t="s">
        <v>80</v>
      </c>
      <c r="H4326" t="s">
        <v>81</v>
      </c>
      <c r="I4326" s="2">
        <v>0</v>
      </c>
      <c r="J4326" s="2">
        <v>0</v>
      </c>
      <c r="K4326" s="2">
        <v>1</v>
      </c>
      <c r="L4326" t="s">
        <v>995</v>
      </c>
      <c r="M4326" t="s">
        <v>83</v>
      </c>
      <c r="N4326" t="s">
        <v>84</v>
      </c>
      <c r="O4326" t="s">
        <v>85</v>
      </c>
      <c r="P4326" t="s">
        <v>86</v>
      </c>
      <c r="Q4326">
        <v>15</v>
      </c>
      <c r="R4326">
        <v>15</v>
      </c>
      <c r="S4326">
        <v>15</v>
      </c>
      <c r="T4326">
        <v>15</v>
      </c>
      <c r="U4326">
        <v>15</v>
      </c>
      <c r="V4326">
        <v>15</v>
      </c>
      <c r="W4326">
        <v>15</v>
      </c>
      <c r="X4326">
        <v>15</v>
      </c>
      <c r="Y4326">
        <v>15</v>
      </c>
      <c r="Z4326">
        <v>15</v>
      </c>
      <c r="AA4326">
        <v>15</v>
      </c>
      <c r="AB4326">
        <v>15</v>
      </c>
      <c r="AC4326">
        <v>15</v>
      </c>
      <c r="AD4326">
        <v>15</v>
      </c>
      <c r="AE4326">
        <v>15</v>
      </c>
      <c r="AF4326">
        <v>15</v>
      </c>
      <c r="AG4326">
        <v>15</v>
      </c>
      <c r="AH4326">
        <v>15</v>
      </c>
      <c r="AI4326">
        <v>15</v>
      </c>
      <c r="AJ4326">
        <v>15</v>
      </c>
      <c r="AK4326">
        <v>15</v>
      </c>
      <c r="AL4326">
        <v>15</v>
      </c>
      <c r="AM4326">
        <v>15</v>
      </c>
      <c r="AN4326">
        <v>15</v>
      </c>
      <c r="AO4326">
        <v>15</v>
      </c>
      <c r="AP4326">
        <v>15</v>
      </c>
      <c r="AQ4326">
        <v>15</v>
      </c>
    </row>
    <row r="4327" spans="1:43">
      <c r="A4327" t="s">
        <v>2724</v>
      </c>
      <c r="B4327" t="s">
        <v>2725</v>
      </c>
      <c r="C4327" t="s">
        <v>2384</v>
      </c>
      <c r="D4327" t="s">
        <v>2385</v>
      </c>
      <c r="E4327" t="s">
        <v>2352</v>
      </c>
      <c r="F4327" t="s">
        <v>2353</v>
      </c>
      <c r="G4327" t="s">
        <v>80</v>
      </c>
      <c r="H4327" t="s">
        <v>81</v>
      </c>
      <c r="I4327" s="2">
        <v>0</v>
      </c>
      <c r="J4327" s="2">
        <v>0</v>
      </c>
      <c r="K4327" s="2">
        <v>1</v>
      </c>
      <c r="L4327" t="s">
        <v>995</v>
      </c>
      <c r="M4327" t="s">
        <v>87</v>
      </c>
      <c r="N4327" t="s">
        <v>88</v>
      </c>
      <c r="O4327" t="s">
        <v>85</v>
      </c>
      <c r="P4327" t="s">
        <v>86</v>
      </c>
      <c r="Q4327">
        <v>15</v>
      </c>
      <c r="R4327">
        <v>15</v>
      </c>
      <c r="S4327">
        <v>15</v>
      </c>
      <c r="T4327">
        <v>15</v>
      </c>
      <c r="U4327">
        <v>15</v>
      </c>
      <c r="V4327">
        <v>14</v>
      </c>
      <c r="W4327">
        <v>14</v>
      </c>
      <c r="X4327">
        <v>14</v>
      </c>
      <c r="Y4327">
        <v>14</v>
      </c>
      <c r="Z4327">
        <v>14</v>
      </c>
      <c r="AA4327">
        <v>14</v>
      </c>
      <c r="AB4327">
        <v>14</v>
      </c>
      <c r="AC4327">
        <v>14</v>
      </c>
      <c r="AD4327">
        <v>14</v>
      </c>
      <c r="AE4327">
        <v>14</v>
      </c>
      <c r="AF4327">
        <v>14</v>
      </c>
      <c r="AG4327">
        <v>13</v>
      </c>
      <c r="AH4327">
        <v>13</v>
      </c>
      <c r="AI4327">
        <v>13</v>
      </c>
      <c r="AJ4327">
        <v>13</v>
      </c>
      <c r="AK4327">
        <v>13</v>
      </c>
      <c r="AL4327">
        <v>13</v>
      </c>
      <c r="AM4327">
        <v>13</v>
      </c>
      <c r="AN4327">
        <v>13</v>
      </c>
      <c r="AO4327">
        <v>13</v>
      </c>
      <c r="AP4327">
        <v>13</v>
      </c>
      <c r="AQ4327">
        <v>13</v>
      </c>
    </row>
    <row r="4328" spans="1:43">
      <c r="A4328" t="s">
        <v>2724</v>
      </c>
      <c r="B4328" t="s">
        <v>2725</v>
      </c>
      <c r="C4328" t="s">
        <v>2384</v>
      </c>
      <c r="D4328" t="s">
        <v>2385</v>
      </c>
      <c r="E4328" t="s">
        <v>2352</v>
      </c>
      <c r="F4328" t="s">
        <v>2353</v>
      </c>
      <c r="G4328" t="s">
        <v>80</v>
      </c>
      <c r="H4328" t="s">
        <v>81</v>
      </c>
      <c r="I4328" s="2">
        <v>0</v>
      </c>
      <c r="J4328" s="2">
        <v>0</v>
      </c>
      <c r="K4328" s="2">
        <v>1</v>
      </c>
      <c r="L4328" t="s">
        <v>995</v>
      </c>
      <c r="M4328" t="s">
        <v>89</v>
      </c>
      <c r="N4328" t="s">
        <v>90</v>
      </c>
      <c r="O4328" t="s">
        <v>85</v>
      </c>
      <c r="P4328" t="s">
        <v>86</v>
      </c>
      <c r="Q4328">
        <v>15</v>
      </c>
      <c r="R4328">
        <v>15</v>
      </c>
      <c r="S4328">
        <v>15</v>
      </c>
      <c r="T4328">
        <v>16</v>
      </c>
      <c r="U4328">
        <v>16</v>
      </c>
      <c r="V4328">
        <v>16</v>
      </c>
      <c r="W4328">
        <v>16</v>
      </c>
      <c r="X4328">
        <v>16</v>
      </c>
      <c r="Y4328">
        <v>16</v>
      </c>
      <c r="Z4328">
        <v>16</v>
      </c>
      <c r="AA4328">
        <v>16</v>
      </c>
      <c r="AB4328">
        <v>16</v>
      </c>
      <c r="AC4328">
        <v>16</v>
      </c>
      <c r="AD4328">
        <v>17</v>
      </c>
      <c r="AE4328">
        <v>16</v>
      </c>
      <c r="AF4328">
        <v>16</v>
      </c>
      <c r="AG4328">
        <v>16</v>
      </c>
      <c r="AH4328">
        <v>16</v>
      </c>
      <c r="AI4328">
        <v>16</v>
      </c>
      <c r="AJ4328">
        <v>16</v>
      </c>
      <c r="AK4328">
        <v>16</v>
      </c>
      <c r="AL4328">
        <v>15</v>
      </c>
      <c r="AM4328">
        <v>15</v>
      </c>
      <c r="AN4328">
        <v>15</v>
      </c>
      <c r="AO4328">
        <v>15</v>
      </c>
      <c r="AP4328">
        <v>15</v>
      </c>
      <c r="AQ4328">
        <v>15</v>
      </c>
    </row>
    <row r="4329" spans="1:43">
      <c r="A4329" t="s">
        <v>2724</v>
      </c>
      <c r="B4329" t="s">
        <v>2725</v>
      </c>
      <c r="C4329" t="s">
        <v>2384</v>
      </c>
      <c r="D4329" t="s">
        <v>2385</v>
      </c>
      <c r="E4329" t="s">
        <v>2352</v>
      </c>
      <c r="F4329" t="s">
        <v>2353</v>
      </c>
      <c r="G4329" t="s">
        <v>80</v>
      </c>
      <c r="H4329" t="s">
        <v>81</v>
      </c>
      <c r="I4329" s="2">
        <v>0</v>
      </c>
      <c r="J4329" s="2">
        <v>0</v>
      </c>
      <c r="K4329" s="2">
        <v>1</v>
      </c>
      <c r="L4329" t="s">
        <v>995</v>
      </c>
      <c r="M4329" t="s">
        <v>83</v>
      </c>
      <c r="N4329" t="s">
        <v>91</v>
      </c>
      <c r="O4329" t="s">
        <v>85</v>
      </c>
      <c r="P4329" t="s">
        <v>86</v>
      </c>
      <c r="Q4329">
        <v>15</v>
      </c>
      <c r="R4329">
        <v>15</v>
      </c>
      <c r="S4329">
        <v>15</v>
      </c>
      <c r="T4329">
        <v>15</v>
      </c>
      <c r="U4329">
        <v>15</v>
      </c>
      <c r="V4329">
        <v>15</v>
      </c>
      <c r="W4329">
        <v>15</v>
      </c>
      <c r="X4329">
        <v>15</v>
      </c>
      <c r="Y4329">
        <v>15</v>
      </c>
      <c r="Z4329">
        <v>15</v>
      </c>
      <c r="AA4329">
        <v>15</v>
      </c>
      <c r="AB4329">
        <v>15</v>
      </c>
      <c r="AC4329">
        <v>15</v>
      </c>
      <c r="AD4329">
        <v>15</v>
      </c>
      <c r="AE4329">
        <v>15</v>
      </c>
      <c r="AF4329">
        <v>15</v>
      </c>
      <c r="AG4329">
        <v>15</v>
      </c>
      <c r="AH4329">
        <v>15</v>
      </c>
      <c r="AI4329">
        <v>15</v>
      </c>
      <c r="AJ4329">
        <v>15</v>
      </c>
      <c r="AK4329">
        <v>15</v>
      </c>
      <c r="AL4329">
        <v>15</v>
      </c>
      <c r="AM4329">
        <v>15</v>
      </c>
      <c r="AN4329">
        <v>15</v>
      </c>
      <c r="AO4329">
        <v>15</v>
      </c>
      <c r="AP4329">
        <v>15</v>
      </c>
      <c r="AQ4329">
        <v>15</v>
      </c>
    </row>
    <row r="4330" spans="1:43">
      <c r="A4330" t="s">
        <v>2726</v>
      </c>
      <c r="B4330" t="s">
        <v>2727</v>
      </c>
      <c r="C4330" t="s">
        <v>2384</v>
      </c>
      <c r="D4330" t="s">
        <v>2385</v>
      </c>
      <c r="E4330" t="s">
        <v>2352</v>
      </c>
      <c r="F4330" t="s">
        <v>2353</v>
      </c>
      <c r="G4330" t="s">
        <v>80</v>
      </c>
      <c r="H4330" t="s">
        <v>81</v>
      </c>
      <c r="I4330" s="2">
        <v>0</v>
      </c>
      <c r="J4330" s="2">
        <v>0</v>
      </c>
      <c r="K4330" s="2">
        <v>1</v>
      </c>
      <c r="L4330" t="s">
        <v>995</v>
      </c>
      <c r="M4330" t="s">
        <v>83</v>
      </c>
      <c r="N4330" t="s">
        <v>84</v>
      </c>
      <c r="O4330" t="s">
        <v>85</v>
      </c>
      <c r="P4330" t="s">
        <v>86</v>
      </c>
      <c r="Q4330">
        <v>17</v>
      </c>
      <c r="R4330">
        <v>17</v>
      </c>
      <c r="S4330">
        <v>17</v>
      </c>
      <c r="T4330">
        <v>17</v>
      </c>
      <c r="U4330">
        <v>17</v>
      </c>
      <c r="V4330">
        <v>17</v>
      </c>
      <c r="W4330">
        <v>17</v>
      </c>
      <c r="X4330">
        <v>17</v>
      </c>
      <c r="Y4330">
        <v>17</v>
      </c>
      <c r="Z4330">
        <v>17</v>
      </c>
      <c r="AA4330">
        <v>17</v>
      </c>
      <c r="AB4330">
        <v>17</v>
      </c>
      <c r="AC4330">
        <v>17</v>
      </c>
      <c r="AD4330">
        <v>17</v>
      </c>
      <c r="AE4330">
        <v>17</v>
      </c>
      <c r="AF4330">
        <v>17</v>
      </c>
      <c r="AG4330">
        <v>17</v>
      </c>
      <c r="AH4330">
        <v>18</v>
      </c>
      <c r="AI4330">
        <v>18</v>
      </c>
      <c r="AJ4330">
        <v>18</v>
      </c>
      <c r="AK4330">
        <v>18</v>
      </c>
      <c r="AL4330">
        <v>17</v>
      </c>
      <c r="AM4330">
        <v>17</v>
      </c>
      <c r="AN4330">
        <v>17</v>
      </c>
      <c r="AO4330">
        <v>17</v>
      </c>
      <c r="AP4330">
        <v>17</v>
      </c>
      <c r="AQ4330">
        <v>17</v>
      </c>
    </row>
    <row r="4331" spans="1:43">
      <c r="A4331" t="s">
        <v>2726</v>
      </c>
      <c r="B4331" t="s">
        <v>2727</v>
      </c>
      <c r="C4331" t="s">
        <v>2384</v>
      </c>
      <c r="D4331" t="s">
        <v>2385</v>
      </c>
      <c r="E4331" t="s">
        <v>2352</v>
      </c>
      <c r="F4331" t="s">
        <v>2353</v>
      </c>
      <c r="G4331" t="s">
        <v>80</v>
      </c>
      <c r="H4331" t="s">
        <v>81</v>
      </c>
      <c r="I4331" s="2">
        <v>0</v>
      </c>
      <c r="J4331" s="2">
        <v>0</v>
      </c>
      <c r="K4331" s="2">
        <v>1</v>
      </c>
      <c r="L4331" t="s">
        <v>995</v>
      </c>
      <c r="M4331" t="s">
        <v>87</v>
      </c>
      <c r="N4331" t="s">
        <v>88</v>
      </c>
      <c r="O4331" t="s">
        <v>85</v>
      </c>
      <c r="P4331" t="s">
        <v>86</v>
      </c>
      <c r="Q4331">
        <v>17</v>
      </c>
      <c r="R4331">
        <v>17</v>
      </c>
      <c r="S4331">
        <v>17</v>
      </c>
      <c r="T4331">
        <v>16</v>
      </c>
      <c r="U4331">
        <v>16</v>
      </c>
      <c r="V4331">
        <v>16</v>
      </c>
      <c r="W4331">
        <v>16</v>
      </c>
      <c r="X4331">
        <v>16</v>
      </c>
      <c r="Y4331">
        <v>16</v>
      </c>
      <c r="Z4331">
        <v>16</v>
      </c>
      <c r="AA4331">
        <v>16</v>
      </c>
      <c r="AB4331">
        <v>16</v>
      </c>
      <c r="AC4331">
        <v>16</v>
      </c>
      <c r="AD4331">
        <v>16</v>
      </c>
      <c r="AE4331">
        <v>15</v>
      </c>
      <c r="AF4331">
        <v>15</v>
      </c>
      <c r="AG4331">
        <v>15</v>
      </c>
      <c r="AH4331">
        <v>15</v>
      </c>
      <c r="AI4331">
        <v>15</v>
      </c>
      <c r="AJ4331">
        <v>15</v>
      </c>
      <c r="AK4331">
        <v>15</v>
      </c>
      <c r="AL4331">
        <v>15</v>
      </c>
      <c r="AM4331">
        <v>15</v>
      </c>
      <c r="AN4331">
        <v>15</v>
      </c>
      <c r="AO4331">
        <v>15</v>
      </c>
      <c r="AP4331">
        <v>15</v>
      </c>
      <c r="AQ4331">
        <v>15</v>
      </c>
    </row>
    <row r="4332" spans="1:43">
      <c r="A4332" t="s">
        <v>2726</v>
      </c>
      <c r="B4332" t="s">
        <v>2727</v>
      </c>
      <c r="C4332" t="s">
        <v>2384</v>
      </c>
      <c r="D4332" t="s">
        <v>2385</v>
      </c>
      <c r="E4332" t="s">
        <v>2352</v>
      </c>
      <c r="F4332" t="s">
        <v>2353</v>
      </c>
      <c r="G4332" t="s">
        <v>80</v>
      </c>
      <c r="H4332" t="s">
        <v>81</v>
      </c>
      <c r="I4332" s="2">
        <v>0</v>
      </c>
      <c r="J4332" s="2">
        <v>0</v>
      </c>
      <c r="K4332" s="2">
        <v>1</v>
      </c>
      <c r="L4332" t="s">
        <v>995</v>
      </c>
      <c r="M4332" t="s">
        <v>89</v>
      </c>
      <c r="N4332" t="s">
        <v>90</v>
      </c>
      <c r="O4332" t="s">
        <v>85</v>
      </c>
      <c r="P4332" t="s">
        <v>86</v>
      </c>
      <c r="Q4332">
        <v>17</v>
      </c>
      <c r="R4332">
        <v>17</v>
      </c>
      <c r="S4332">
        <v>17</v>
      </c>
      <c r="T4332">
        <v>18</v>
      </c>
      <c r="U4332">
        <v>18</v>
      </c>
      <c r="V4332">
        <v>18</v>
      </c>
      <c r="W4332">
        <v>18</v>
      </c>
      <c r="X4332">
        <v>18</v>
      </c>
      <c r="Y4332">
        <v>18</v>
      </c>
      <c r="Z4332">
        <v>18</v>
      </c>
      <c r="AA4332">
        <v>19</v>
      </c>
      <c r="AB4332">
        <v>19</v>
      </c>
      <c r="AC4332">
        <v>19</v>
      </c>
      <c r="AD4332">
        <v>19</v>
      </c>
      <c r="AE4332">
        <v>19</v>
      </c>
      <c r="AF4332">
        <v>19</v>
      </c>
      <c r="AG4332">
        <v>18</v>
      </c>
      <c r="AH4332">
        <v>18</v>
      </c>
      <c r="AI4332">
        <v>18</v>
      </c>
      <c r="AJ4332">
        <v>18</v>
      </c>
      <c r="AK4332">
        <v>18</v>
      </c>
      <c r="AL4332">
        <v>18</v>
      </c>
      <c r="AM4332">
        <v>17</v>
      </c>
      <c r="AN4332">
        <v>17</v>
      </c>
      <c r="AO4332">
        <v>17</v>
      </c>
      <c r="AP4332">
        <v>17</v>
      </c>
      <c r="AQ4332">
        <v>17</v>
      </c>
    </row>
    <row r="4333" spans="1:43">
      <c r="A4333" t="s">
        <v>2726</v>
      </c>
      <c r="B4333" t="s">
        <v>2727</v>
      </c>
      <c r="C4333" t="s">
        <v>2384</v>
      </c>
      <c r="D4333" t="s">
        <v>2385</v>
      </c>
      <c r="E4333" t="s">
        <v>2352</v>
      </c>
      <c r="F4333" t="s">
        <v>2353</v>
      </c>
      <c r="G4333" t="s">
        <v>80</v>
      </c>
      <c r="H4333" t="s">
        <v>81</v>
      </c>
      <c r="I4333" s="2">
        <v>0</v>
      </c>
      <c r="J4333" s="2">
        <v>0</v>
      </c>
      <c r="K4333" s="2">
        <v>1</v>
      </c>
      <c r="L4333" t="s">
        <v>995</v>
      </c>
      <c r="M4333" t="s">
        <v>83</v>
      </c>
      <c r="N4333" t="s">
        <v>91</v>
      </c>
      <c r="O4333" t="s">
        <v>85</v>
      </c>
      <c r="P4333" t="s">
        <v>86</v>
      </c>
      <c r="Q4333">
        <v>17</v>
      </c>
      <c r="R4333">
        <v>17</v>
      </c>
      <c r="S4333">
        <v>17</v>
      </c>
      <c r="T4333">
        <v>17</v>
      </c>
      <c r="U4333">
        <v>17</v>
      </c>
      <c r="V4333">
        <v>17</v>
      </c>
      <c r="W4333">
        <v>17</v>
      </c>
      <c r="X4333">
        <v>17</v>
      </c>
      <c r="Y4333">
        <v>17</v>
      </c>
      <c r="Z4333">
        <v>17</v>
      </c>
      <c r="AA4333">
        <v>17</v>
      </c>
      <c r="AB4333">
        <v>17</v>
      </c>
      <c r="AC4333">
        <v>17</v>
      </c>
      <c r="AD4333">
        <v>17</v>
      </c>
      <c r="AE4333">
        <v>17</v>
      </c>
      <c r="AF4333">
        <v>17</v>
      </c>
      <c r="AG4333">
        <v>17</v>
      </c>
      <c r="AH4333">
        <v>18</v>
      </c>
      <c r="AI4333">
        <v>18</v>
      </c>
      <c r="AJ4333">
        <v>18</v>
      </c>
      <c r="AK4333">
        <v>18</v>
      </c>
      <c r="AL4333">
        <v>17</v>
      </c>
      <c r="AM4333">
        <v>17</v>
      </c>
      <c r="AN4333">
        <v>17</v>
      </c>
      <c r="AO4333">
        <v>17</v>
      </c>
      <c r="AP4333">
        <v>17</v>
      </c>
      <c r="AQ4333">
        <v>17</v>
      </c>
    </row>
    <row r="4334" spans="1:43">
      <c r="A4334" t="s">
        <v>2728</v>
      </c>
      <c r="B4334" t="s">
        <v>2729</v>
      </c>
      <c r="C4334" t="s">
        <v>2568</v>
      </c>
      <c r="D4334" t="s">
        <v>2569</v>
      </c>
      <c r="E4334" t="s">
        <v>2352</v>
      </c>
      <c r="F4334" t="s">
        <v>2353</v>
      </c>
      <c r="G4334" t="s">
        <v>80</v>
      </c>
      <c r="H4334" t="s">
        <v>81</v>
      </c>
      <c r="I4334" s="2">
        <v>0</v>
      </c>
      <c r="J4334" s="2">
        <v>0</v>
      </c>
      <c r="K4334" s="2">
        <v>1</v>
      </c>
      <c r="L4334" t="s">
        <v>995</v>
      </c>
      <c r="M4334" t="s">
        <v>83</v>
      </c>
      <c r="N4334" t="s">
        <v>84</v>
      </c>
      <c r="O4334" t="s">
        <v>85</v>
      </c>
      <c r="P4334" t="s">
        <v>86</v>
      </c>
      <c r="Q4334">
        <v>11</v>
      </c>
      <c r="R4334">
        <v>11</v>
      </c>
      <c r="S4334">
        <v>11</v>
      </c>
      <c r="T4334">
        <v>11</v>
      </c>
      <c r="U4334">
        <v>11</v>
      </c>
      <c r="V4334">
        <v>11</v>
      </c>
      <c r="W4334">
        <v>11</v>
      </c>
      <c r="X4334">
        <v>11</v>
      </c>
      <c r="Y4334">
        <v>11</v>
      </c>
      <c r="Z4334">
        <v>11</v>
      </c>
      <c r="AA4334">
        <v>11</v>
      </c>
      <c r="AB4334">
        <v>12</v>
      </c>
      <c r="AC4334">
        <v>12</v>
      </c>
      <c r="AD4334">
        <v>12</v>
      </c>
      <c r="AE4334">
        <v>12</v>
      </c>
      <c r="AF4334">
        <v>12</v>
      </c>
      <c r="AG4334">
        <v>12</v>
      </c>
      <c r="AH4334">
        <v>12</v>
      </c>
      <c r="AI4334">
        <v>12</v>
      </c>
      <c r="AJ4334">
        <v>12</v>
      </c>
      <c r="AK4334">
        <v>12</v>
      </c>
      <c r="AL4334">
        <v>12</v>
      </c>
      <c r="AM4334">
        <v>12</v>
      </c>
      <c r="AN4334">
        <v>11</v>
      </c>
      <c r="AO4334">
        <v>11</v>
      </c>
      <c r="AP4334">
        <v>11</v>
      </c>
      <c r="AQ4334">
        <v>11</v>
      </c>
    </row>
    <row r="4335" spans="1:43">
      <c r="A4335" t="s">
        <v>2728</v>
      </c>
      <c r="B4335" t="s">
        <v>2729</v>
      </c>
      <c r="C4335" t="s">
        <v>2568</v>
      </c>
      <c r="D4335" t="s">
        <v>2569</v>
      </c>
      <c r="E4335" t="s">
        <v>2352</v>
      </c>
      <c r="F4335" t="s">
        <v>2353</v>
      </c>
      <c r="G4335" t="s">
        <v>80</v>
      </c>
      <c r="H4335" t="s">
        <v>81</v>
      </c>
      <c r="I4335" s="2">
        <v>0</v>
      </c>
      <c r="J4335" s="2">
        <v>0</v>
      </c>
      <c r="K4335" s="2">
        <v>1</v>
      </c>
      <c r="L4335" t="s">
        <v>995</v>
      </c>
      <c r="M4335" t="s">
        <v>87</v>
      </c>
      <c r="N4335" t="s">
        <v>88</v>
      </c>
      <c r="O4335" t="s">
        <v>85</v>
      </c>
      <c r="P4335" t="s">
        <v>86</v>
      </c>
      <c r="Q4335">
        <v>11</v>
      </c>
      <c r="R4335">
        <v>11</v>
      </c>
      <c r="S4335">
        <v>11</v>
      </c>
      <c r="T4335">
        <v>11</v>
      </c>
      <c r="U4335">
        <v>11</v>
      </c>
      <c r="V4335">
        <v>11</v>
      </c>
      <c r="W4335">
        <v>11</v>
      </c>
      <c r="X4335">
        <v>11</v>
      </c>
      <c r="Y4335">
        <v>11</v>
      </c>
      <c r="Z4335">
        <v>11</v>
      </c>
      <c r="AA4335">
        <v>10</v>
      </c>
      <c r="AB4335">
        <v>10</v>
      </c>
      <c r="AC4335">
        <v>10</v>
      </c>
      <c r="AD4335">
        <v>10</v>
      </c>
      <c r="AE4335">
        <v>10</v>
      </c>
      <c r="AF4335">
        <v>10</v>
      </c>
      <c r="AG4335">
        <v>10</v>
      </c>
      <c r="AH4335">
        <v>10</v>
      </c>
      <c r="AI4335">
        <v>10</v>
      </c>
      <c r="AJ4335">
        <v>10</v>
      </c>
      <c r="AK4335">
        <v>10</v>
      </c>
      <c r="AL4335">
        <v>10</v>
      </c>
      <c r="AM4335">
        <v>10</v>
      </c>
      <c r="AN4335">
        <v>10</v>
      </c>
      <c r="AO4335">
        <v>10</v>
      </c>
      <c r="AP4335">
        <v>10</v>
      </c>
      <c r="AQ4335">
        <v>10</v>
      </c>
    </row>
    <row r="4336" spans="1:43">
      <c r="A4336" t="s">
        <v>2728</v>
      </c>
      <c r="B4336" t="s">
        <v>2729</v>
      </c>
      <c r="C4336" t="s">
        <v>2568</v>
      </c>
      <c r="D4336" t="s">
        <v>2569</v>
      </c>
      <c r="E4336" t="s">
        <v>2352</v>
      </c>
      <c r="F4336" t="s">
        <v>2353</v>
      </c>
      <c r="G4336" t="s">
        <v>80</v>
      </c>
      <c r="H4336" t="s">
        <v>81</v>
      </c>
      <c r="I4336" s="2">
        <v>0</v>
      </c>
      <c r="J4336" s="2">
        <v>0</v>
      </c>
      <c r="K4336" s="2">
        <v>1</v>
      </c>
      <c r="L4336" t="s">
        <v>995</v>
      </c>
      <c r="M4336" t="s">
        <v>89</v>
      </c>
      <c r="N4336" t="s">
        <v>90</v>
      </c>
      <c r="O4336" t="s">
        <v>85</v>
      </c>
      <c r="P4336" t="s">
        <v>86</v>
      </c>
      <c r="Q4336">
        <v>11</v>
      </c>
      <c r="R4336">
        <v>11</v>
      </c>
      <c r="S4336">
        <v>11</v>
      </c>
      <c r="T4336">
        <v>12</v>
      </c>
      <c r="U4336">
        <v>12</v>
      </c>
      <c r="V4336">
        <v>12</v>
      </c>
      <c r="W4336">
        <v>12</v>
      </c>
      <c r="X4336">
        <v>12</v>
      </c>
      <c r="Y4336">
        <v>12</v>
      </c>
      <c r="Z4336">
        <v>12</v>
      </c>
      <c r="AA4336">
        <v>12</v>
      </c>
      <c r="AB4336">
        <v>12</v>
      </c>
      <c r="AC4336">
        <v>12</v>
      </c>
      <c r="AD4336">
        <v>12</v>
      </c>
      <c r="AE4336">
        <v>12</v>
      </c>
      <c r="AF4336">
        <v>12</v>
      </c>
      <c r="AG4336">
        <v>12</v>
      </c>
      <c r="AH4336">
        <v>12</v>
      </c>
      <c r="AI4336">
        <v>12</v>
      </c>
      <c r="AJ4336">
        <v>12</v>
      </c>
      <c r="AK4336">
        <v>12</v>
      </c>
      <c r="AL4336">
        <v>12</v>
      </c>
      <c r="AM4336">
        <v>12</v>
      </c>
      <c r="AN4336">
        <v>12</v>
      </c>
      <c r="AO4336">
        <v>11</v>
      </c>
      <c r="AP4336">
        <v>11</v>
      </c>
      <c r="AQ4336">
        <v>11</v>
      </c>
    </row>
    <row r="4337" spans="1:43">
      <c r="A4337" t="s">
        <v>2728</v>
      </c>
      <c r="B4337" t="s">
        <v>2729</v>
      </c>
      <c r="C4337" t="s">
        <v>2568</v>
      </c>
      <c r="D4337" t="s">
        <v>2569</v>
      </c>
      <c r="E4337" t="s">
        <v>2352</v>
      </c>
      <c r="F4337" t="s">
        <v>2353</v>
      </c>
      <c r="G4337" t="s">
        <v>80</v>
      </c>
      <c r="H4337" t="s">
        <v>81</v>
      </c>
      <c r="I4337" s="2">
        <v>0</v>
      </c>
      <c r="J4337" s="2">
        <v>0</v>
      </c>
      <c r="K4337" s="2">
        <v>1</v>
      </c>
      <c r="L4337" t="s">
        <v>995</v>
      </c>
      <c r="M4337" t="s">
        <v>83</v>
      </c>
      <c r="N4337" t="s">
        <v>91</v>
      </c>
      <c r="O4337" t="s">
        <v>85</v>
      </c>
      <c r="P4337" t="s">
        <v>86</v>
      </c>
      <c r="Q4337">
        <v>11</v>
      </c>
      <c r="R4337">
        <v>11</v>
      </c>
      <c r="S4337">
        <v>11</v>
      </c>
      <c r="T4337">
        <v>11</v>
      </c>
      <c r="U4337">
        <v>11</v>
      </c>
      <c r="V4337">
        <v>11</v>
      </c>
      <c r="W4337">
        <v>11</v>
      </c>
      <c r="X4337">
        <v>11</v>
      </c>
      <c r="Y4337">
        <v>11</v>
      </c>
      <c r="Z4337">
        <v>11</v>
      </c>
      <c r="AA4337">
        <v>11</v>
      </c>
      <c r="AB4337">
        <v>12</v>
      </c>
      <c r="AC4337">
        <v>12</v>
      </c>
      <c r="AD4337">
        <v>12</v>
      </c>
      <c r="AE4337">
        <v>12</v>
      </c>
      <c r="AF4337">
        <v>12</v>
      </c>
      <c r="AG4337">
        <v>12</v>
      </c>
      <c r="AH4337">
        <v>12</v>
      </c>
      <c r="AI4337">
        <v>12</v>
      </c>
      <c r="AJ4337">
        <v>12</v>
      </c>
      <c r="AK4337">
        <v>12</v>
      </c>
      <c r="AL4337">
        <v>12</v>
      </c>
      <c r="AM4337">
        <v>12</v>
      </c>
      <c r="AN4337">
        <v>11</v>
      </c>
      <c r="AO4337">
        <v>11</v>
      </c>
      <c r="AP4337">
        <v>11</v>
      </c>
      <c r="AQ4337">
        <v>11</v>
      </c>
    </row>
    <row r="4338" spans="1:43">
      <c r="A4338" t="s">
        <v>2730</v>
      </c>
      <c r="B4338" t="s">
        <v>2731</v>
      </c>
      <c r="C4338" t="s">
        <v>2384</v>
      </c>
      <c r="D4338" t="s">
        <v>2385</v>
      </c>
      <c r="E4338" t="s">
        <v>2352</v>
      </c>
      <c r="F4338" t="s">
        <v>2353</v>
      </c>
      <c r="G4338" t="s">
        <v>80</v>
      </c>
      <c r="H4338" t="s">
        <v>81</v>
      </c>
      <c r="I4338" s="2">
        <v>0</v>
      </c>
      <c r="J4338" s="2">
        <v>0</v>
      </c>
      <c r="K4338" s="2">
        <v>1</v>
      </c>
      <c r="L4338" t="s">
        <v>995</v>
      </c>
      <c r="M4338" t="s">
        <v>83</v>
      </c>
      <c r="N4338" t="s">
        <v>84</v>
      </c>
      <c r="O4338" t="s">
        <v>85</v>
      </c>
      <c r="P4338" t="s">
        <v>86</v>
      </c>
      <c r="Q4338">
        <v>20</v>
      </c>
      <c r="R4338">
        <v>20</v>
      </c>
      <c r="S4338">
        <v>20</v>
      </c>
      <c r="T4338">
        <v>20</v>
      </c>
      <c r="U4338">
        <v>20</v>
      </c>
      <c r="V4338">
        <v>20</v>
      </c>
      <c r="W4338">
        <v>20</v>
      </c>
      <c r="X4338">
        <v>20</v>
      </c>
      <c r="Y4338">
        <v>20</v>
      </c>
      <c r="Z4338">
        <v>20</v>
      </c>
      <c r="AA4338">
        <v>20</v>
      </c>
      <c r="AB4338">
        <v>20</v>
      </c>
      <c r="AC4338">
        <v>20</v>
      </c>
      <c r="AD4338">
        <v>20</v>
      </c>
      <c r="AE4338">
        <v>21</v>
      </c>
      <c r="AF4338">
        <v>21</v>
      </c>
      <c r="AG4338">
        <v>21</v>
      </c>
      <c r="AH4338">
        <v>21</v>
      </c>
      <c r="AI4338">
        <v>21</v>
      </c>
      <c r="AJ4338">
        <v>21</v>
      </c>
      <c r="AK4338">
        <v>21</v>
      </c>
      <c r="AL4338">
        <v>21</v>
      </c>
      <c r="AM4338">
        <v>20</v>
      </c>
      <c r="AN4338">
        <v>20</v>
      </c>
      <c r="AO4338">
        <v>20</v>
      </c>
      <c r="AP4338">
        <v>20</v>
      </c>
      <c r="AQ4338">
        <v>20</v>
      </c>
    </row>
    <row r="4339" spans="1:43">
      <c r="A4339" t="s">
        <v>2730</v>
      </c>
      <c r="B4339" t="s">
        <v>2731</v>
      </c>
      <c r="C4339" t="s">
        <v>2384</v>
      </c>
      <c r="D4339" t="s">
        <v>2385</v>
      </c>
      <c r="E4339" t="s">
        <v>2352</v>
      </c>
      <c r="F4339" t="s">
        <v>2353</v>
      </c>
      <c r="G4339" t="s">
        <v>80</v>
      </c>
      <c r="H4339" t="s">
        <v>81</v>
      </c>
      <c r="I4339" s="2">
        <v>0</v>
      </c>
      <c r="J4339" s="2">
        <v>0</v>
      </c>
      <c r="K4339" s="2">
        <v>1</v>
      </c>
      <c r="L4339" t="s">
        <v>995</v>
      </c>
      <c r="M4339" t="s">
        <v>87</v>
      </c>
      <c r="N4339" t="s">
        <v>88</v>
      </c>
      <c r="O4339" t="s">
        <v>85</v>
      </c>
      <c r="P4339" t="s">
        <v>86</v>
      </c>
      <c r="Q4339">
        <v>20</v>
      </c>
      <c r="R4339">
        <v>20</v>
      </c>
      <c r="S4339">
        <v>20</v>
      </c>
      <c r="T4339">
        <v>20</v>
      </c>
      <c r="U4339">
        <v>20</v>
      </c>
      <c r="V4339">
        <v>20</v>
      </c>
      <c r="W4339">
        <v>20</v>
      </c>
      <c r="X4339">
        <v>20</v>
      </c>
      <c r="Y4339">
        <v>20</v>
      </c>
      <c r="Z4339">
        <v>20</v>
      </c>
      <c r="AA4339">
        <v>20</v>
      </c>
      <c r="AB4339">
        <v>19</v>
      </c>
      <c r="AC4339">
        <v>19</v>
      </c>
      <c r="AD4339">
        <v>19</v>
      </c>
      <c r="AE4339">
        <v>19</v>
      </c>
      <c r="AF4339">
        <v>19</v>
      </c>
      <c r="AG4339">
        <v>19</v>
      </c>
      <c r="AH4339">
        <v>19</v>
      </c>
      <c r="AI4339">
        <v>19</v>
      </c>
      <c r="AJ4339">
        <v>19</v>
      </c>
      <c r="AK4339">
        <v>19</v>
      </c>
      <c r="AL4339">
        <v>19</v>
      </c>
      <c r="AM4339">
        <v>19</v>
      </c>
      <c r="AN4339">
        <v>18</v>
      </c>
      <c r="AO4339">
        <v>18</v>
      </c>
      <c r="AP4339">
        <v>18</v>
      </c>
      <c r="AQ4339">
        <v>18</v>
      </c>
    </row>
    <row r="4340" spans="1:43">
      <c r="A4340" t="s">
        <v>2730</v>
      </c>
      <c r="B4340" t="s">
        <v>2731</v>
      </c>
      <c r="C4340" t="s">
        <v>2384</v>
      </c>
      <c r="D4340" t="s">
        <v>2385</v>
      </c>
      <c r="E4340" t="s">
        <v>2352</v>
      </c>
      <c r="F4340" t="s">
        <v>2353</v>
      </c>
      <c r="G4340" t="s">
        <v>80</v>
      </c>
      <c r="H4340" t="s">
        <v>81</v>
      </c>
      <c r="I4340" s="2">
        <v>0</v>
      </c>
      <c r="J4340" s="2">
        <v>0</v>
      </c>
      <c r="K4340" s="2">
        <v>1</v>
      </c>
      <c r="L4340" t="s">
        <v>995</v>
      </c>
      <c r="M4340" t="s">
        <v>89</v>
      </c>
      <c r="N4340" t="s">
        <v>90</v>
      </c>
      <c r="O4340" t="s">
        <v>85</v>
      </c>
      <c r="P4340" t="s">
        <v>86</v>
      </c>
      <c r="Q4340">
        <v>20</v>
      </c>
      <c r="R4340">
        <v>20</v>
      </c>
      <c r="S4340">
        <v>20</v>
      </c>
      <c r="T4340">
        <v>21</v>
      </c>
      <c r="U4340">
        <v>21</v>
      </c>
      <c r="V4340">
        <v>21</v>
      </c>
      <c r="W4340">
        <v>21</v>
      </c>
      <c r="X4340">
        <v>21</v>
      </c>
      <c r="Y4340">
        <v>21</v>
      </c>
      <c r="Z4340">
        <v>22</v>
      </c>
      <c r="AA4340">
        <v>22</v>
      </c>
      <c r="AB4340">
        <v>22</v>
      </c>
      <c r="AC4340">
        <v>22</v>
      </c>
      <c r="AD4340">
        <v>22</v>
      </c>
      <c r="AE4340">
        <v>22</v>
      </c>
      <c r="AF4340">
        <v>22</v>
      </c>
      <c r="AG4340">
        <v>22</v>
      </c>
      <c r="AH4340">
        <v>21</v>
      </c>
      <c r="AI4340">
        <v>21</v>
      </c>
      <c r="AJ4340">
        <v>21</v>
      </c>
      <c r="AK4340">
        <v>21</v>
      </c>
      <c r="AL4340">
        <v>21</v>
      </c>
      <c r="AM4340">
        <v>21</v>
      </c>
      <c r="AN4340">
        <v>21</v>
      </c>
      <c r="AO4340">
        <v>20</v>
      </c>
      <c r="AP4340">
        <v>20</v>
      </c>
      <c r="AQ4340">
        <v>20</v>
      </c>
    </row>
    <row r="4341" spans="1:43">
      <c r="A4341" t="s">
        <v>2730</v>
      </c>
      <c r="B4341" t="s">
        <v>2731</v>
      </c>
      <c r="C4341" t="s">
        <v>2384</v>
      </c>
      <c r="D4341" t="s">
        <v>2385</v>
      </c>
      <c r="E4341" t="s">
        <v>2352</v>
      </c>
      <c r="F4341" t="s">
        <v>2353</v>
      </c>
      <c r="G4341" t="s">
        <v>80</v>
      </c>
      <c r="H4341" t="s">
        <v>81</v>
      </c>
      <c r="I4341" s="2">
        <v>0</v>
      </c>
      <c r="J4341" s="2">
        <v>0</v>
      </c>
      <c r="K4341" s="2">
        <v>1</v>
      </c>
      <c r="L4341" t="s">
        <v>995</v>
      </c>
      <c r="M4341" t="s">
        <v>83</v>
      </c>
      <c r="N4341" t="s">
        <v>91</v>
      </c>
      <c r="O4341" t="s">
        <v>85</v>
      </c>
      <c r="P4341" t="s">
        <v>86</v>
      </c>
      <c r="Q4341">
        <v>20</v>
      </c>
      <c r="R4341">
        <v>20</v>
      </c>
      <c r="S4341">
        <v>20</v>
      </c>
      <c r="T4341">
        <v>20</v>
      </c>
      <c r="U4341">
        <v>20</v>
      </c>
      <c r="V4341">
        <v>20</v>
      </c>
      <c r="W4341">
        <v>20</v>
      </c>
      <c r="X4341">
        <v>20</v>
      </c>
      <c r="Y4341">
        <v>20</v>
      </c>
      <c r="Z4341">
        <v>20</v>
      </c>
      <c r="AA4341">
        <v>20</v>
      </c>
      <c r="AB4341">
        <v>20</v>
      </c>
      <c r="AC4341">
        <v>20</v>
      </c>
      <c r="AD4341">
        <v>20</v>
      </c>
      <c r="AE4341">
        <v>21</v>
      </c>
      <c r="AF4341">
        <v>21</v>
      </c>
      <c r="AG4341">
        <v>21</v>
      </c>
      <c r="AH4341">
        <v>21</v>
      </c>
      <c r="AI4341">
        <v>21</v>
      </c>
      <c r="AJ4341">
        <v>21</v>
      </c>
      <c r="AK4341">
        <v>21</v>
      </c>
      <c r="AL4341">
        <v>21</v>
      </c>
      <c r="AM4341">
        <v>20</v>
      </c>
      <c r="AN4341">
        <v>20</v>
      </c>
      <c r="AO4341">
        <v>20</v>
      </c>
      <c r="AP4341">
        <v>20</v>
      </c>
      <c r="AQ4341">
        <v>20</v>
      </c>
    </row>
    <row r="4342" spans="1:43">
      <c r="A4342" t="s">
        <v>2732</v>
      </c>
      <c r="B4342" t="s">
        <v>2733</v>
      </c>
      <c r="C4342" t="s">
        <v>2716</v>
      </c>
      <c r="D4342" t="s">
        <v>2717</v>
      </c>
      <c r="E4342" t="s">
        <v>2352</v>
      </c>
      <c r="F4342" t="s">
        <v>2353</v>
      </c>
      <c r="G4342" t="s">
        <v>80</v>
      </c>
      <c r="H4342" t="s">
        <v>81</v>
      </c>
      <c r="I4342" s="2">
        <v>0</v>
      </c>
      <c r="J4342" s="2">
        <v>0</v>
      </c>
      <c r="K4342" s="2">
        <v>1</v>
      </c>
      <c r="L4342" t="s">
        <v>995</v>
      </c>
      <c r="M4342" t="s">
        <v>83</v>
      </c>
      <c r="N4342" t="s">
        <v>84</v>
      </c>
      <c r="O4342" t="s">
        <v>85</v>
      </c>
      <c r="P4342" t="s">
        <v>86</v>
      </c>
      <c r="Q4342">
        <v>30</v>
      </c>
      <c r="R4342">
        <v>30</v>
      </c>
      <c r="S4342">
        <v>30</v>
      </c>
      <c r="T4342">
        <v>31</v>
      </c>
      <c r="U4342">
        <v>31</v>
      </c>
      <c r="V4342">
        <v>31</v>
      </c>
      <c r="W4342">
        <v>31</v>
      </c>
      <c r="X4342">
        <v>31</v>
      </c>
      <c r="Y4342">
        <v>31</v>
      </c>
      <c r="Z4342">
        <v>31</v>
      </c>
      <c r="AA4342">
        <v>31</v>
      </c>
      <c r="AB4342">
        <v>31</v>
      </c>
      <c r="AC4342">
        <v>31</v>
      </c>
      <c r="AD4342">
        <v>32</v>
      </c>
      <c r="AE4342">
        <v>32</v>
      </c>
      <c r="AF4342">
        <v>32</v>
      </c>
      <c r="AG4342">
        <v>32</v>
      </c>
      <c r="AH4342">
        <v>32</v>
      </c>
      <c r="AI4342">
        <v>32</v>
      </c>
      <c r="AJ4342">
        <v>32</v>
      </c>
      <c r="AK4342">
        <v>32</v>
      </c>
      <c r="AL4342">
        <v>32</v>
      </c>
      <c r="AM4342">
        <v>31</v>
      </c>
      <c r="AN4342">
        <v>31</v>
      </c>
      <c r="AO4342">
        <v>31</v>
      </c>
      <c r="AP4342">
        <v>31</v>
      </c>
      <c r="AQ4342">
        <v>31</v>
      </c>
    </row>
    <row r="4343" spans="1:43">
      <c r="A4343" t="s">
        <v>2732</v>
      </c>
      <c r="B4343" t="s">
        <v>2733</v>
      </c>
      <c r="C4343" t="s">
        <v>2716</v>
      </c>
      <c r="D4343" t="s">
        <v>2717</v>
      </c>
      <c r="E4343" t="s">
        <v>2352</v>
      </c>
      <c r="F4343" t="s">
        <v>2353</v>
      </c>
      <c r="G4343" t="s">
        <v>80</v>
      </c>
      <c r="H4343" t="s">
        <v>81</v>
      </c>
      <c r="I4343" s="2">
        <v>0</v>
      </c>
      <c r="J4343" s="2">
        <v>0</v>
      </c>
      <c r="K4343" s="2">
        <v>1</v>
      </c>
      <c r="L4343" t="s">
        <v>995</v>
      </c>
      <c r="M4343" t="s">
        <v>87</v>
      </c>
      <c r="N4343" t="s">
        <v>88</v>
      </c>
      <c r="O4343" t="s">
        <v>85</v>
      </c>
      <c r="P4343" t="s">
        <v>86</v>
      </c>
      <c r="Q4343">
        <v>30</v>
      </c>
      <c r="R4343">
        <v>30</v>
      </c>
      <c r="S4343">
        <v>30</v>
      </c>
      <c r="T4343">
        <v>29</v>
      </c>
      <c r="U4343">
        <v>29</v>
      </c>
      <c r="V4343">
        <v>29</v>
      </c>
      <c r="W4343">
        <v>29</v>
      </c>
      <c r="X4343">
        <v>29</v>
      </c>
      <c r="Y4343">
        <v>29</v>
      </c>
      <c r="Z4343">
        <v>29</v>
      </c>
      <c r="AA4343">
        <v>29</v>
      </c>
      <c r="AB4343">
        <v>28</v>
      </c>
      <c r="AC4343">
        <v>28</v>
      </c>
      <c r="AD4343">
        <v>28</v>
      </c>
      <c r="AE4343">
        <v>28</v>
      </c>
      <c r="AF4343">
        <v>28</v>
      </c>
      <c r="AG4343">
        <v>28</v>
      </c>
      <c r="AH4343">
        <v>28</v>
      </c>
      <c r="AI4343">
        <v>27</v>
      </c>
      <c r="AJ4343">
        <v>27</v>
      </c>
      <c r="AK4343">
        <v>27</v>
      </c>
      <c r="AL4343">
        <v>27</v>
      </c>
      <c r="AM4343">
        <v>27</v>
      </c>
      <c r="AN4343">
        <v>27</v>
      </c>
      <c r="AO4343">
        <v>27</v>
      </c>
      <c r="AP4343">
        <v>27</v>
      </c>
      <c r="AQ4343">
        <v>27</v>
      </c>
    </row>
    <row r="4344" spans="1:43">
      <c r="A4344" t="s">
        <v>2732</v>
      </c>
      <c r="B4344" t="s">
        <v>2733</v>
      </c>
      <c r="C4344" t="s">
        <v>2716</v>
      </c>
      <c r="D4344" t="s">
        <v>2717</v>
      </c>
      <c r="E4344" t="s">
        <v>2352</v>
      </c>
      <c r="F4344" t="s">
        <v>2353</v>
      </c>
      <c r="G4344" t="s">
        <v>80</v>
      </c>
      <c r="H4344" t="s">
        <v>81</v>
      </c>
      <c r="I4344" s="2">
        <v>0</v>
      </c>
      <c r="J4344" s="2">
        <v>0</v>
      </c>
      <c r="K4344" s="2">
        <v>1</v>
      </c>
      <c r="L4344" t="s">
        <v>995</v>
      </c>
      <c r="M4344" t="s">
        <v>89</v>
      </c>
      <c r="N4344" t="s">
        <v>90</v>
      </c>
      <c r="O4344" t="s">
        <v>85</v>
      </c>
      <c r="P4344" t="s">
        <v>86</v>
      </c>
      <c r="Q4344">
        <v>30</v>
      </c>
      <c r="R4344">
        <v>31</v>
      </c>
      <c r="S4344">
        <v>31</v>
      </c>
      <c r="T4344">
        <v>32</v>
      </c>
      <c r="U4344">
        <v>32</v>
      </c>
      <c r="V4344">
        <v>32</v>
      </c>
      <c r="W4344">
        <v>33</v>
      </c>
      <c r="X4344">
        <v>33</v>
      </c>
      <c r="Y4344">
        <v>33</v>
      </c>
      <c r="Z4344">
        <v>33</v>
      </c>
      <c r="AA4344">
        <v>33</v>
      </c>
      <c r="AB4344">
        <v>33</v>
      </c>
      <c r="AC4344">
        <v>34</v>
      </c>
      <c r="AD4344">
        <v>34</v>
      </c>
      <c r="AE4344">
        <v>34</v>
      </c>
      <c r="AF4344">
        <v>33</v>
      </c>
      <c r="AG4344">
        <v>33</v>
      </c>
      <c r="AH4344">
        <v>33</v>
      </c>
      <c r="AI4344">
        <v>33</v>
      </c>
      <c r="AJ4344">
        <v>33</v>
      </c>
      <c r="AK4344">
        <v>32</v>
      </c>
      <c r="AL4344">
        <v>32</v>
      </c>
      <c r="AM4344">
        <v>32</v>
      </c>
      <c r="AN4344">
        <v>32</v>
      </c>
      <c r="AO4344">
        <v>31</v>
      </c>
      <c r="AP4344">
        <v>31</v>
      </c>
      <c r="AQ4344">
        <v>31</v>
      </c>
    </row>
    <row r="4345" spans="1:43">
      <c r="A4345" t="s">
        <v>2732</v>
      </c>
      <c r="B4345" t="s">
        <v>2733</v>
      </c>
      <c r="C4345" t="s">
        <v>2716</v>
      </c>
      <c r="D4345" t="s">
        <v>2717</v>
      </c>
      <c r="E4345" t="s">
        <v>2352</v>
      </c>
      <c r="F4345" t="s">
        <v>2353</v>
      </c>
      <c r="G4345" t="s">
        <v>80</v>
      </c>
      <c r="H4345" t="s">
        <v>81</v>
      </c>
      <c r="I4345" s="2">
        <v>0</v>
      </c>
      <c r="J4345" s="2">
        <v>0</v>
      </c>
      <c r="K4345" s="2">
        <v>1</v>
      </c>
      <c r="L4345" t="s">
        <v>995</v>
      </c>
      <c r="M4345" t="s">
        <v>83</v>
      </c>
      <c r="N4345" t="s">
        <v>91</v>
      </c>
      <c r="O4345" t="s">
        <v>85</v>
      </c>
      <c r="P4345" t="s">
        <v>86</v>
      </c>
      <c r="Q4345">
        <v>30</v>
      </c>
      <c r="R4345">
        <v>30</v>
      </c>
      <c r="S4345">
        <v>30</v>
      </c>
      <c r="T4345">
        <v>31</v>
      </c>
      <c r="U4345">
        <v>31</v>
      </c>
      <c r="V4345">
        <v>31</v>
      </c>
      <c r="W4345">
        <v>31</v>
      </c>
      <c r="X4345">
        <v>31</v>
      </c>
      <c r="Y4345">
        <v>31</v>
      </c>
      <c r="Z4345">
        <v>31</v>
      </c>
      <c r="AA4345">
        <v>31</v>
      </c>
      <c r="AB4345">
        <v>31</v>
      </c>
      <c r="AC4345">
        <v>31</v>
      </c>
      <c r="AD4345">
        <v>32</v>
      </c>
      <c r="AE4345">
        <v>32</v>
      </c>
      <c r="AF4345">
        <v>32</v>
      </c>
      <c r="AG4345">
        <v>32</v>
      </c>
      <c r="AH4345">
        <v>32</v>
      </c>
      <c r="AI4345">
        <v>32</v>
      </c>
      <c r="AJ4345">
        <v>32</v>
      </c>
      <c r="AK4345">
        <v>32</v>
      </c>
      <c r="AL4345">
        <v>32</v>
      </c>
      <c r="AM4345">
        <v>31</v>
      </c>
      <c r="AN4345">
        <v>31</v>
      </c>
      <c r="AO4345">
        <v>31</v>
      </c>
      <c r="AP4345">
        <v>31</v>
      </c>
      <c r="AQ4345">
        <v>31</v>
      </c>
    </row>
    <row r="4346" spans="1:43">
      <c r="A4346" t="s">
        <v>2734</v>
      </c>
      <c r="B4346" t="s">
        <v>2735</v>
      </c>
      <c r="C4346" t="s">
        <v>2736</v>
      </c>
      <c r="D4346" t="s">
        <v>2737</v>
      </c>
      <c r="E4346" t="s">
        <v>2352</v>
      </c>
      <c r="F4346" t="s">
        <v>2353</v>
      </c>
      <c r="G4346" t="s">
        <v>80</v>
      </c>
      <c r="H4346" t="s">
        <v>81</v>
      </c>
      <c r="I4346" s="2">
        <v>0</v>
      </c>
      <c r="J4346" s="2">
        <v>0</v>
      </c>
      <c r="K4346" s="2">
        <v>1</v>
      </c>
      <c r="L4346" t="s">
        <v>995</v>
      </c>
      <c r="M4346" t="s">
        <v>83</v>
      </c>
      <c r="N4346" t="s">
        <v>84</v>
      </c>
      <c r="O4346" t="s">
        <v>85</v>
      </c>
      <c r="P4346" t="s">
        <v>86</v>
      </c>
      <c r="Q4346">
        <v>168</v>
      </c>
      <c r="R4346">
        <v>168</v>
      </c>
      <c r="S4346">
        <v>169</v>
      </c>
      <c r="T4346">
        <v>169</v>
      </c>
      <c r="U4346">
        <v>170</v>
      </c>
      <c r="V4346">
        <v>170</v>
      </c>
      <c r="W4346">
        <v>171</v>
      </c>
      <c r="X4346">
        <v>171</v>
      </c>
      <c r="Y4346">
        <v>172</v>
      </c>
      <c r="Z4346">
        <v>172</v>
      </c>
      <c r="AA4346">
        <v>173</v>
      </c>
      <c r="AB4346">
        <v>173</v>
      </c>
      <c r="AC4346">
        <v>173</v>
      </c>
      <c r="AD4346">
        <v>173</v>
      </c>
      <c r="AE4346">
        <v>173</v>
      </c>
      <c r="AF4346">
        <v>173</v>
      </c>
      <c r="AG4346">
        <v>173</v>
      </c>
      <c r="AH4346">
        <v>173</v>
      </c>
      <c r="AI4346">
        <v>174</v>
      </c>
      <c r="AJ4346">
        <v>174</v>
      </c>
      <c r="AK4346">
        <v>174</v>
      </c>
      <c r="AL4346">
        <v>173</v>
      </c>
      <c r="AM4346">
        <v>171</v>
      </c>
      <c r="AN4346">
        <v>170</v>
      </c>
      <c r="AO4346">
        <v>168</v>
      </c>
      <c r="AP4346">
        <v>167</v>
      </c>
      <c r="AQ4346">
        <v>166</v>
      </c>
    </row>
    <row r="4347" spans="1:43">
      <c r="A4347" t="s">
        <v>2734</v>
      </c>
      <c r="B4347" t="s">
        <v>2735</v>
      </c>
      <c r="C4347" t="s">
        <v>2736</v>
      </c>
      <c r="D4347" t="s">
        <v>2737</v>
      </c>
      <c r="E4347" t="s">
        <v>2352</v>
      </c>
      <c r="F4347" t="s">
        <v>2353</v>
      </c>
      <c r="G4347" t="s">
        <v>80</v>
      </c>
      <c r="H4347" t="s">
        <v>81</v>
      </c>
      <c r="I4347" s="2">
        <v>0</v>
      </c>
      <c r="J4347" s="2">
        <v>0</v>
      </c>
      <c r="K4347" s="2">
        <v>1</v>
      </c>
      <c r="L4347" t="s">
        <v>995</v>
      </c>
      <c r="M4347" t="s">
        <v>87</v>
      </c>
      <c r="N4347" t="s">
        <v>88</v>
      </c>
      <c r="O4347" t="s">
        <v>85</v>
      </c>
      <c r="P4347" t="s">
        <v>86</v>
      </c>
      <c r="Q4347">
        <v>168</v>
      </c>
      <c r="R4347">
        <v>167</v>
      </c>
      <c r="S4347">
        <v>166</v>
      </c>
      <c r="T4347">
        <v>165</v>
      </c>
      <c r="U4347">
        <v>164</v>
      </c>
      <c r="V4347">
        <v>164</v>
      </c>
      <c r="W4347">
        <v>163</v>
      </c>
      <c r="X4347">
        <v>162</v>
      </c>
      <c r="Y4347">
        <v>161</v>
      </c>
      <c r="Z4347">
        <v>160</v>
      </c>
      <c r="AA4347">
        <v>159</v>
      </c>
      <c r="AB4347">
        <v>158</v>
      </c>
      <c r="AC4347">
        <v>157</v>
      </c>
      <c r="AD4347">
        <v>156</v>
      </c>
      <c r="AE4347">
        <v>156</v>
      </c>
      <c r="AF4347">
        <v>155</v>
      </c>
      <c r="AG4347">
        <v>154</v>
      </c>
      <c r="AH4347">
        <v>153</v>
      </c>
      <c r="AI4347">
        <v>152</v>
      </c>
      <c r="AJ4347">
        <v>152</v>
      </c>
      <c r="AK4347">
        <v>151</v>
      </c>
      <c r="AL4347">
        <v>150</v>
      </c>
      <c r="AM4347">
        <v>149</v>
      </c>
      <c r="AN4347">
        <v>148</v>
      </c>
      <c r="AO4347">
        <v>148</v>
      </c>
      <c r="AP4347">
        <v>147</v>
      </c>
      <c r="AQ4347">
        <v>146</v>
      </c>
    </row>
    <row r="4348" spans="1:43">
      <c r="A4348" t="s">
        <v>2734</v>
      </c>
      <c r="B4348" t="s">
        <v>2735</v>
      </c>
      <c r="C4348" t="s">
        <v>2736</v>
      </c>
      <c r="D4348" t="s">
        <v>2737</v>
      </c>
      <c r="E4348" t="s">
        <v>2352</v>
      </c>
      <c r="F4348" t="s">
        <v>2353</v>
      </c>
      <c r="G4348" t="s">
        <v>80</v>
      </c>
      <c r="H4348" t="s">
        <v>81</v>
      </c>
      <c r="I4348" s="2">
        <v>0</v>
      </c>
      <c r="J4348" s="2">
        <v>0</v>
      </c>
      <c r="K4348" s="2">
        <v>1</v>
      </c>
      <c r="L4348" t="s">
        <v>995</v>
      </c>
      <c r="M4348" t="s">
        <v>89</v>
      </c>
      <c r="N4348" t="s">
        <v>90</v>
      </c>
      <c r="O4348" t="s">
        <v>85</v>
      </c>
      <c r="P4348" t="s">
        <v>86</v>
      </c>
      <c r="Q4348">
        <v>168</v>
      </c>
      <c r="R4348">
        <v>170</v>
      </c>
      <c r="S4348">
        <v>172</v>
      </c>
      <c r="T4348">
        <v>174</v>
      </c>
      <c r="U4348">
        <v>176</v>
      </c>
      <c r="V4348">
        <v>177</v>
      </c>
      <c r="W4348">
        <v>179</v>
      </c>
      <c r="X4348">
        <v>180</v>
      </c>
      <c r="Y4348">
        <v>181</v>
      </c>
      <c r="Z4348">
        <v>182</v>
      </c>
      <c r="AA4348">
        <v>182</v>
      </c>
      <c r="AB4348">
        <v>183</v>
      </c>
      <c r="AC4348">
        <v>184</v>
      </c>
      <c r="AD4348">
        <v>185</v>
      </c>
      <c r="AE4348">
        <v>184</v>
      </c>
      <c r="AF4348">
        <v>183</v>
      </c>
      <c r="AG4348">
        <v>181</v>
      </c>
      <c r="AH4348">
        <v>179</v>
      </c>
      <c r="AI4348">
        <v>178</v>
      </c>
      <c r="AJ4348">
        <v>176</v>
      </c>
      <c r="AK4348">
        <v>175</v>
      </c>
      <c r="AL4348">
        <v>173</v>
      </c>
      <c r="AM4348">
        <v>172</v>
      </c>
      <c r="AN4348">
        <v>170</v>
      </c>
      <c r="AO4348">
        <v>169</v>
      </c>
      <c r="AP4348">
        <v>168</v>
      </c>
      <c r="AQ4348">
        <v>166</v>
      </c>
    </row>
    <row r="4349" spans="1:43">
      <c r="A4349" t="s">
        <v>2734</v>
      </c>
      <c r="B4349" t="s">
        <v>2735</v>
      </c>
      <c r="C4349" t="s">
        <v>2736</v>
      </c>
      <c r="D4349" t="s">
        <v>2737</v>
      </c>
      <c r="E4349" t="s">
        <v>2352</v>
      </c>
      <c r="F4349" t="s">
        <v>2353</v>
      </c>
      <c r="G4349" t="s">
        <v>80</v>
      </c>
      <c r="H4349" t="s">
        <v>81</v>
      </c>
      <c r="I4349" s="2">
        <v>0</v>
      </c>
      <c r="J4349" s="2">
        <v>0</v>
      </c>
      <c r="K4349" s="2">
        <v>1</v>
      </c>
      <c r="L4349" t="s">
        <v>995</v>
      </c>
      <c r="M4349" t="s">
        <v>83</v>
      </c>
      <c r="N4349" t="s">
        <v>91</v>
      </c>
      <c r="O4349" t="s">
        <v>85</v>
      </c>
      <c r="P4349" t="s">
        <v>86</v>
      </c>
      <c r="Q4349">
        <v>168</v>
      </c>
      <c r="R4349">
        <v>168</v>
      </c>
      <c r="S4349">
        <v>169</v>
      </c>
      <c r="T4349">
        <v>169</v>
      </c>
      <c r="U4349">
        <v>170</v>
      </c>
      <c r="V4349">
        <v>170</v>
      </c>
      <c r="W4349">
        <v>171</v>
      </c>
      <c r="X4349">
        <v>171</v>
      </c>
      <c r="Y4349">
        <v>172</v>
      </c>
      <c r="Z4349">
        <v>172</v>
      </c>
      <c r="AA4349">
        <v>173</v>
      </c>
      <c r="AB4349">
        <v>173</v>
      </c>
      <c r="AC4349">
        <v>173</v>
      </c>
      <c r="AD4349">
        <v>173</v>
      </c>
      <c r="AE4349">
        <v>173</v>
      </c>
      <c r="AF4349">
        <v>173</v>
      </c>
      <c r="AG4349">
        <v>173</v>
      </c>
      <c r="AH4349">
        <v>173</v>
      </c>
      <c r="AI4349">
        <v>174</v>
      </c>
      <c r="AJ4349">
        <v>174</v>
      </c>
      <c r="AK4349">
        <v>174</v>
      </c>
      <c r="AL4349">
        <v>173</v>
      </c>
      <c r="AM4349">
        <v>171</v>
      </c>
      <c r="AN4349">
        <v>170</v>
      </c>
      <c r="AO4349">
        <v>168</v>
      </c>
      <c r="AP4349">
        <v>167</v>
      </c>
      <c r="AQ4349">
        <v>166</v>
      </c>
    </row>
    <row r="4350" spans="1:43">
      <c r="A4350" t="s">
        <v>2738</v>
      </c>
      <c r="B4350" t="s">
        <v>2739</v>
      </c>
      <c r="C4350" t="s">
        <v>2740</v>
      </c>
      <c r="D4350" t="s">
        <v>2741</v>
      </c>
      <c r="E4350" t="s">
        <v>2352</v>
      </c>
      <c r="F4350" t="s">
        <v>2353</v>
      </c>
      <c r="G4350" t="s">
        <v>80</v>
      </c>
      <c r="H4350" t="s">
        <v>81</v>
      </c>
      <c r="I4350" s="2">
        <v>0</v>
      </c>
      <c r="J4350" s="2">
        <v>0</v>
      </c>
      <c r="K4350" s="2">
        <v>1</v>
      </c>
      <c r="L4350" t="s">
        <v>995</v>
      </c>
      <c r="M4350" t="s">
        <v>83</v>
      </c>
      <c r="N4350" t="s">
        <v>84</v>
      </c>
      <c r="O4350" t="s">
        <v>85</v>
      </c>
      <c r="P4350" t="s">
        <v>86</v>
      </c>
      <c r="Q4350">
        <v>61</v>
      </c>
      <c r="R4350">
        <v>61</v>
      </c>
      <c r="S4350">
        <v>61</v>
      </c>
      <c r="T4350">
        <v>61</v>
      </c>
      <c r="U4350">
        <v>62</v>
      </c>
      <c r="V4350">
        <v>62</v>
      </c>
      <c r="W4350">
        <v>62</v>
      </c>
      <c r="X4350">
        <v>62</v>
      </c>
      <c r="Y4350">
        <v>62</v>
      </c>
      <c r="Z4350">
        <v>62</v>
      </c>
      <c r="AA4350">
        <v>62</v>
      </c>
      <c r="AB4350">
        <v>62</v>
      </c>
      <c r="AC4350">
        <v>62</v>
      </c>
      <c r="AD4350">
        <v>63</v>
      </c>
      <c r="AE4350">
        <v>63</v>
      </c>
      <c r="AF4350">
        <v>63</v>
      </c>
      <c r="AG4350">
        <v>63</v>
      </c>
      <c r="AH4350">
        <v>63</v>
      </c>
      <c r="AI4350">
        <v>63</v>
      </c>
      <c r="AJ4350">
        <v>63</v>
      </c>
      <c r="AK4350">
        <v>63</v>
      </c>
      <c r="AL4350">
        <v>62</v>
      </c>
      <c r="AM4350">
        <v>62</v>
      </c>
      <c r="AN4350">
        <v>61</v>
      </c>
      <c r="AO4350">
        <v>61</v>
      </c>
      <c r="AP4350">
        <v>60</v>
      </c>
      <c r="AQ4350">
        <v>60</v>
      </c>
    </row>
    <row r="4351" spans="1:43">
      <c r="A4351" t="s">
        <v>2738</v>
      </c>
      <c r="B4351" t="s">
        <v>2739</v>
      </c>
      <c r="C4351" t="s">
        <v>2740</v>
      </c>
      <c r="D4351" t="s">
        <v>2741</v>
      </c>
      <c r="E4351" t="s">
        <v>2352</v>
      </c>
      <c r="F4351" t="s">
        <v>2353</v>
      </c>
      <c r="G4351" t="s">
        <v>80</v>
      </c>
      <c r="H4351" t="s">
        <v>81</v>
      </c>
      <c r="I4351" s="2">
        <v>0</v>
      </c>
      <c r="J4351" s="2">
        <v>0</v>
      </c>
      <c r="K4351" s="2">
        <v>1</v>
      </c>
      <c r="L4351" t="s">
        <v>995</v>
      </c>
      <c r="M4351" t="s">
        <v>87</v>
      </c>
      <c r="N4351" t="s">
        <v>88</v>
      </c>
      <c r="O4351" t="s">
        <v>85</v>
      </c>
      <c r="P4351" t="s">
        <v>86</v>
      </c>
      <c r="Q4351">
        <v>61</v>
      </c>
      <c r="R4351">
        <v>61</v>
      </c>
      <c r="S4351">
        <v>61</v>
      </c>
      <c r="T4351">
        <v>60</v>
      </c>
      <c r="U4351">
        <v>60</v>
      </c>
      <c r="V4351">
        <v>60</v>
      </c>
      <c r="W4351">
        <v>59</v>
      </c>
      <c r="X4351">
        <v>59</v>
      </c>
      <c r="Y4351">
        <v>58</v>
      </c>
      <c r="Z4351">
        <v>58</v>
      </c>
      <c r="AA4351">
        <v>58</v>
      </c>
      <c r="AB4351">
        <v>57</v>
      </c>
      <c r="AC4351">
        <v>57</v>
      </c>
      <c r="AD4351">
        <v>57</v>
      </c>
      <c r="AE4351">
        <v>56</v>
      </c>
      <c r="AF4351">
        <v>56</v>
      </c>
      <c r="AG4351">
        <v>56</v>
      </c>
      <c r="AH4351">
        <v>55</v>
      </c>
      <c r="AI4351">
        <v>55</v>
      </c>
      <c r="AJ4351">
        <v>55</v>
      </c>
      <c r="AK4351">
        <v>54</v>
      </c>
      <c r="AL4351">
        <v>54</v>
      </c>
      <c r="AM4351">
        <v>54</v>
      </c>
      <c r="AN4351">
        <v>54</v>
      </c>
      <c r="AO4351">
        <v>53</v>
      </c>
      <c r="AP4351">
        <v>53</v>
      </c>
      <c r="AQ4351">
        <v>53</v>
      </c>
    </row>
    <row r="4352" spans="1:43">
      <c r="A4352" t="s">
        <v>2738</v>
      </c>
      <c r="B4352" t="s">
        <v>2739</v>
      </c>
      <c r="C4352" t="s">
        <v>2740</v>
      </c>
      <c r="D4352" t="s">
        <v>2741</v>
      </c>
      <c r="E4352" t="s">
        <v>2352</v>
      </c>
      <c r="F4352" t="s">
        <v>2353</v>
      </c>
      <c r="G4352" t="s">
        <v>80</v>
      </c>
      <c r="H4352" t="s">
        <v>81</v>
      </c>
      <c r="I4352" s="2">
        <v>0</v>
      </c>
      <c r="J4352" s="2">
        <v>0</v>
      </c>
      <c r="K4352" s="2">
        <v>1</v>
      </c>
      <c r="L4352" t="s">
        <v>995</v>
      </c>
      <c r="M4352" t="s">
        <v>89</v>
      </c>
      <c r="N4352" t="s">
        <v>90</v>
      </c>
      <c r="O4352" t="s">
        <v>85</v>
      </c>
      <c r="P4352" t="s">
        <v>86</v>
      </c>
      <c r="Q4352">
        <v>61</v>
      </c>
      <c r="R4352">
        <v>62</v>
      </c>
      <c r="S4352">
        <v>63</v>
      </c>
      <c r="T4352">
        <v>63</v>
      </c>
      <c r="U4352">
        <v>64</v>
      </c>
      <c r="V4352">
        <v>65</v>
      </c>
      <c r="W4352">
        <v>65</v>
      </c>
      <c r="X4352">
        <v>65</v>
      </c>
      <c r="Y4352">
        <v>66</v>
      </c>
      <c r="Z4352">
        <v>66</v>
      </c>
      <c r="AA4352">
        <v>66</v>
      </c>
      <c r="AB4352">
        <v>67</v>
      </c>
      <c r="AC4352">
        <v>67</v>
      </c>
      <c r="AD4352">
        <v>67</v>
      </c>
      <c r="AE4352">
        <v>67</v>
      </c>
      <c r="AF4352">
        <v>67</v>
      </c>
      <c r="AG4352">
        <v>66</v>
      </c>
      <c r="AH4352">
        <v>65</v>
      </c>
      <c r="AI4352">
        <v>65</v>
      </c>
      <c r="AJ4352">
        <v>64</v>
      </c>
      <c r="AK4352">
        <v>64</v>
      </c>
      <c r="AL4352">
        <v>63</v>
      </c>
      <c r="AM4352">
        <v>62</v>
      </c>
      <c r="AN4352">
        <v>62</v>
      </c>
      <c r="AO4352">
        <v>61</v>
      </c>
      <c r="AP4352">
        <v>61</v>
      </c>
      <c r="AQ4352">
        <v>60</v>
      </c>
    </row>
    <row r="4353" spans="1:43">
      <c r="A4353" t="s">
        <v>2738</v>
      </c>
      <c r="B4353" t="s">
        <v>2739</v>
      </c>
      <c r="C4353" t="s">
        <v>2740</v>
      </c>
      <c r="D4353" t="s">
        <v>2741</v>
      </c>
      <c r="E4353" t="s">
        <v>2352</v>
      </c>
      <c r="F4353" t="s">
        <v>2353</v>
      </c>
      <c r="G4353" t="s">
        <v>80</v>
      </c>
      <c r="H4353" t="s">
        <v>81</v>
      </c>
      <c r="I4353" s="2">
        <v>0</v>
      </c>
      <c r="J4353" s="2">
        <v>0</v>
      </c>
      <c r="K4353" s="2">
        <v>1</v>
      </c>
      <c r="L4353" t="s">
        <v>995</v>
      </c>
      <c r="M4353" t="s">
        <v>83</v>
      </c>
      <c r="N4353" t="s">
        <v>91</v>
      </c>
      <c r="O4353" t="s">
        <v>85</v>
      </c>
      <c r="P4353" t="s">
        <v>86</v>
      </c>
      <c r="Q4353">
        <v>61</v>
      </c>
      <c r="R4353">
        <v>61</v>
      </c>
      <c r="S4353">
        <v>61</v>
      </c>
      <c r="T4353">
        <v>61</v>
      </c>
      <c r="U4353">
        <v>62</v>
      </c>
      <c r="V4353">
        <v>62</v>
      </c>
      <c r="W4353">
        <v>62</v>
      </c>
      <c r="X4353">
        <v>62</v>
      </c>
      <c r="Y4353">
        <v>62</v>
      </c>
      <c r="Z4353">
        <v>62</v>
      </c>
      <c r="AA4353">
        <v>62</v>
      </c>
      <c r="AB4353">
        <v>62</v>
      </c>
      <c r="AC4353">
        <v>62</v>
      </c>
      <c r="AD4353">
        <v>63</v>
      </c>
      <c r="AE4353">
        <v>63</v>
      </c>
      <c r="AF4353">
        <v>63</v>
      </c>
      <c r="AG4353">
        <v>63</v>
      </c>
      <c r="AH4353">
        <v>63</v>
      </c>
      <c r="AI4353">
        <v>63</v>
      </c>
      <c r="AJ4353">
        <v>63</v>
      </c>
      <c r="AK4353">
        <v>63</v>
      </c>
      <c r="AL4353">
        <v>62</v>
      </c>
      <c r="AM4353">
        <v>62</v>
      </c>
      <c r="AN4353">
        <v>61</v>
      </c>
      <c r="AO4353">
        <v>61</v>
      </c>
      <c r="AP4353">
        <v>60</v>
      </c>
      <c r="AQ4353">
        <v>60</v>
      </c>
    </row>
    <row r="4354" spans="1:43">
      <c r="A4354" t="s">
        <v>2742</v>
      </c>
      <c r="B4354" t="s">
        <v>2743</v>
      </c>
      <c r="C4354" t="s">
        <v>2740</v>
      </c>
      <c r="D4354" t="s">
        <v>2741</v>
      </c>
      <c r="E4354" t="s">
        <v>2352</v>
      </c>
      <c r="F4354" t="s">
        <v>2353</v>
      </c>
      <c r="G4354" t="s">
        <v>80</v>
      </c>
      <c r="H4354" t="s">
        <v>81</v>
      </c>
      <c r="I4354" s="2">
        <v>0</v>
      </c>
      <c r="J4354" s="2">
        <v>0</v>
      </c>
      <c r="K4354" s="2">
        <v>1</v>
      </c>
      <c r="L4354" t="s">
        <v>995</v>
      </c>
      <c r="M4354" t="s">
        <v>83</v>
      </c>
      <c r="N4354" t="s">
        <v>84</v>
      </c>
      <c r="O4354" t="s">
        <v>85</v>
      </c>
      <c r="P4354" t="s">
        <v>86</v>
      </c>
      <c r="Q4354">
        <v>36</v>
      </c>
      <c r="R4354">
        <v>36</v>
      </c>
      <c r="S4354">
        <v>36</v>
      </c>
      <c r="T4354">
        <v>36</v>
      </c>
      <c r="U4354">
        <v>36</v>
      </c>
      <c r="V4354">
        <v>36</v>
      </c>
      <c r="W4354">
        <v>36</v>
      </c>
      <c r="X4354">
        <v>37</v>
      </c>
      <c r="Y4354">
        <v>37</v>
      </c>
      <c r="Z4354">
        <v>37</v>
      </c>
      <c r="AA4354">
        <v>37</v>
      </c>
      <c r="AB4354">
        <v>37</v>
      </c>
      <c r="AC4354">
        <v>37</v>
      </c>
      <c r="AD4354">
        <v>37</v>
      </c>
      <c r="AE4354">
        <v>37</v>
      </c>
      <c r="AF4354">
        <v>37</v>
      </c>
      <c r="AG4354">
        <v>37</v>
      </c>
      <c r="AH4354">
        <v>37</v>
      </c>
      <c r="AI4354">
        <v>37</v>
      </c>
      <c r="AJ4354">
        <v>37</v>
      </c>
      <c r="AK4354">
        <v>37</v>
      </c>
      <c r="AL4354">
        <v>37</v>
      </c>
      <c r="AM4354">
        <v>36</v>
      </c>
      <c r="AN4354">
        <v>36</v>
      </c>
      <c r="AO4354">
        <v>36</v>
      </c>
      <c r="AP4354">
        <v>35</v>
      </c>
      <c r="AQ4354">
        <v>35</v>
      </c>
    </row>
    <row r="4355" spans="1:43">
      <c r="A4355" t="s">
        <v>2742</v>
      </c>
      <c r="B4355" t="s">
        <v>2743</v>
      </c>
      <c r="C4355" t="s">
        <v>2740</v>
      </c>
      <c r="D4355" t="s">
        <v>2741</v>
      </c>
      <c r="E4355" t="s">
        <v>2352</v>
      </c>
      <c r="F4355" t="s">
        <v>2353</v>
      </c>
      <c r="G4355" t="s">
        <v>80</v>
      </c>
      <c r="H4355" t="s">
        <v>81</v>
      </c>
      <c r="I4355" s="2">
        <v>0</v>
      </c>
      <c r="J4355" s="2">
        <v>0</v>
      </c>
      <c r="K4355" s="2">
        <v>1</v>
      </c>
      <c r="L4355" t="s">
        <v>995</v>
      </c>
      <c r="M4355" t="s">
        <v>87</v>
      </c>
      <c r="N4355" t="s">
        <v>88</v>
      </c>
      <c r="O4355" t="s">
        <v>85</v>
      </c>
      <c r="P4355" t="s">
        <v>86</v>
      </c>
      <c r="Q4355">
        <v>36</v>
      </c>
      <c r="R4355">
        <v>35</v>
      </c>
      <c r="S4355">
        <v>35</v>
      </c>
      <c r="T4355">
        <v>35</v>
      </c>
      <c r="U4355">
        <v>35</v>
      </c>
      <c r="V4355">
        <v>34</v>
      </c>
      <c r="W4355">
        <v>34</v>
      </c>
      <c r="X4355">
        <v>34</v>
      </c>
      <c r="Y4355">
        <v>34</v>
      </c>
      <c r="Z4355">
        <v>34</v>
      </c>
      <c r="AA4355">
        <v>33</v>
      </c>
      <c r="AB4355">
        <v>33</v>
      </c>
      <c r="AC4355">
        <v>33</v>
      </c>
      <c r="AD4355">
        <v>33</v>
      </c>
      <c r="AE4355">
        <v>33</v>
      </c>
      <c r="AF4355">
        <v>32</v>
      </c>
      <c r="AG4355">
        <v>32</v>
      </c>
      <c r="AH4355">
        <v>32</v>
      </c>
      <c r="AI4355">
        <v>32</v>
      </c>
      <c r="AJ4355">
        <v>32</v>
      </c>
      <c r="AK4355">
        <v>31</v>
      </c>
      <c r="AL4355">
        <v>31</v>
      </c>
      <c r="AM4355">
        <v>31</v>
      </c>
      <c r="AN4355">
        <v>31</v>
      </c>
      <c r="AO4355">
        <v>31</v>
      </c>
      <c r="AP4355">
        <v>31</v>
      </c>
      <c r="AQ4355">
        <v>30</v>
      </c>
    </row>
    <row r="4356" spans="1:43">
      <c r="A4356" t="s">
        <v>2742</v>
      </c>
      <c r="B4356" t="s">
        <v>2743</v>
      </c>
      <c r="C4356" t="s">
        <v>2740</v>
      </c>
      <c r="D4356" t="s">
        <v>2741</v>
      </c>
      <c r="E4356" t="s">
        <v>2352</v>
      </c>
      <c r="F4356" t="s">
        <v>2353</v>
      </c>
      <c r="G4356" t="s">
        <v>80</v>
      </c>
      <c r="H4356" t="s">
        <v>81</v>
      </c>
      <c r="I4356" s="2">
        <v>0</v>
      </c>
      <c r="J4356" s="2">
        <v>0</v>
      </c>
      <c r="K4356" s="2">
        <v>1</v>
      </c>
      <c r="L4356" t="s">
        <v>995</v>
      </c>
      <c r="M4356" t="s">
        <v>89</v>
      </c>
      <c r="N4356" t="s">
        <v>90</v>
      </c>
      <c r="O4356" t="s">
        <v>85</v>
      </c>
      <c r="P4356" t="s">
        <v>86</v>
      </c>
      <c r="Q4356">
        <v>36</v>
      </c>
      <c r="R4356">
        <v>37</v>
      </c>
      <c r="S4356">
        <v>37</v>
      </c>
      <c r="T4356">
        <v>37</v>
      </c>
      <c r="U4356">
        <v>38</v>
      </c>
      <c r="V4356">
        <v>38</v>
      </c>
      <c r="W4356">
        <v>38</v>
      </c>
      <c r="X4356">
        <v>39</v>
      </c>
      <c r="Y4356">
        <v>39</v>
      </c>
      <c r="Z4356">
        <v>39</v>
      </c>
      <c r="AA4356">
        <v>39</v>
      </c>
      <c r="AB4356">
        <v>39</v>
      </c>
      <c r="AC4356">
        <v>39</v>
      </c>
      <c r="AD4356">
        <v>40</v>
      </c>
      <c r="AE4356">
        <v>40</v>
      </c>
      <c r="AF4356">
        <v>39</v>
      </c>
      <c r="AG4356">
        <v>39</v>
      </c>
      <c r="AH4356">
        <v>38</v>
      </c>
      <c r="AI4356">
        <v>38</v>
      </c>
      <c r="AJ4356">
        <v>38</v>
      </c>
      <c r="AK4356">
        <v>37</v>
      </c>
      <c r="AL4356">
        <v>37</v>
      </c>
      <c r="AM4356">
        <v>37</v>
      </c>
      <c r="AN4356">
        <v>36</v>
      </c>
      <c r="AO4356">
        <v>36</v>
      </c>
      <c r="AP4356">
        <v>36</v>
      </c>
      <c r="AQ4356">
        <v>35</v>
      </c>
    </row>
    <row r="4357" spans="1:43">
      <c r="A4357" t="s">
        <v>2742</v>
      </c>
      <c r="B4357" t="s">
        <v>2743</v>
      </c>
      <c r="C4357" t="s">
        <v>2740</v>
      </c>
      <c r="D4357" t="s">
        <v>2741</v>
      </c>
      <c r="E4357" t="s">
        <v>2352</v>
      </c>
      <c r="F4357" t="s">
        <v>2353</v>
      </c>
      <c r="G4357" t="s">
        <v>80</v>
      </c>
      <c r="H4357" t="s">
        <v>81</v>
      </c>
      <c r="I4357" s="2">
        <v>0</v>
      </c>
      <c r="J4357" s="2">
        <v>0</v>
      </c>
      <c r="K4357" s="2">
        <v>1</v>
      </c>
      <c r="L4357" t="s">
        <v>995</v>
      </c>
      <c r="M4357" t="s">
        <v>83</v>
      </c>
      <c r="N4357" t="s">
        <v>91</v>
      </c>
      <c r="O4357" t="s">
        <v>85</v>
      </c>
      <c r="P4357" t="s">
        <v>86</v>
      </c>
      <c r="Q4357">
        <v>36</v>
      </c>
      <c r="R4357">
        <v>36</v>
      </c>
      <c r="S4357">
        <v>36</v>
      </c>
      <c r="T4357">
        <v>36</v>
      </c>
      <c r="U4357">
        <v>36</v>
      </c>
      <c r="V4357">
        <v>36</v>
      </c>
      <c r="W4357">
        <v>36</v>
      </c>
      <c r="X4357">
        <v>37</v>
      </c>
      <c r="Y4357">
        <v>37</v>
      </c>
      <c r="Z4357">
        <v>37</v>
      </c>
      <c r="AA4357">
        <v>37</v>
      </c>
      <c r="AB4357">
        <v>37</v>
      </c>
      <c r="AC4357">
        <v>37</v>
      </c>
      <c r="AD4357">
        <v>37</v>
      </c>
      <c r="AE4357">
        <v>37</v>
      </c>
      <c r="AF4357">
        <v>37</v>
      </c>
      <c r="AG4357">
        <v>37</v>
      </c>
      <c r="AH4357">
        <v>37</v>
      </c>
      <c r="AI4357">
        <v>37</v>
      </c>
      <c r="AJ4357">
        <v>37</v>
      </c>
      <c r="AK4357">
        <v>37</v>
      </c>
      <c r="AL4357">
        <v>37</v>
      </c>
      <c r="AM4357">
        <v>36</v>
      </c>
      <c r="AN4357">
        <v>36</v>
      </c>
      <c r="AO4357">
        <v>36</v>
      </c>
      <c r="AP4357">
        <v>35</v>
      </c>
      <c r="AQ4357">
        <v>35</v>
      </c>
    </row>
    <row r="4358" spans="1:43">
      <c r="A4358" t="s">
        <v>2744</v>
      </c>
      <c r="B4358" t="s">
        <v>2745</v>
      </c>
      <c r="C4358" t="s">
        <v>2736</v>
      </c>
      <c r="D4358" t="s">
        <v>2737</v>
      </c>
      <c r="E4358" t="s">
        <v>2352</v>
      </c>
      <c r="F4358" t="s">
        <v>2353</v>
      </c>
      <c r="G4358" t="s">
        <v>80</v>
      </c>
      <c r="H4358" t="s">
        <v>81</v>
      </c>
      <c r="I4358" s="2">
        <v>0</v>
      </c>
      <c r="J4358" s="2">
        <v>0</v>
      </c>
      <c r="K4358" s="2">
        <v>1</v>
      </c>
      <c r="L4358" t="s">
        <v>995</v>
      </c>
      <c r="M4358" t="s">
        <v>83</v>
      </c>
      <c r="N4358" t="s">
        <v>84</v>
      </c>
      <c r="O4358" t="s">
        <v>85</v>
      </c>
      <c r="P4358" t="s">
        <v>86</v>
      </c>
      <c r="Q4358">
        <v>25</v>
      </c>
      <c r="R4358">
        <v>25</v>
      </c>
      <c r="S4358">
        <v>25</v>
      </c>
      <c r="T4358">
        <v>25</v>
      </c>
      <c r="U4358">
        <v>25</v>
      </c>
      <c r="V4358">
        <v>25</v>
      </c>
      <c r="W4358">
        <v>26</v>
      </c>
      <c r="X4358">
        <v>26</v>
      </c>
      <c r="Y4358">
        <v>26</v>
      </c>
      <c r="Z4358">
        <v>26</v>
      </c>
      <c r="AA4358">
        <v>26</v>
      </c>
      <c r="AB4358">
        <v>26</v>
      </c>
      <c r="AC4358">
        <v>26</v>
      </c>
      <c r="AD4358">
        <v>26</v>
      </c>
      <c r="AE4358">
        <v>26</v>
      </c>
      <c r="AF4358">
        <v>26</v>
      </c>
      <c r="AG4358">
        <v>26</v>
      </c>
      <c r="AH4358">
        <v>26</v>
      </c>
      <c r="AI4358">
        <v>26</v>
      </c>
      <c r="AJ4358">
        <v>26</v>
      </c>
      <c r="AK4358">
        <v>26</v>
      </c>
      <c r="AL4358">
        <v>26</v>
      </c>
      <c r="AM4358">
        <v>26</v>
      </c>
      <c r="AN4358">
        <v>25</v>
      </c>
      <c r="AO4358">
        <v>25</v>
      </c>
      <c r="AP4358">
        <v>25</v>
      </c>
      <c r="AQ4358">
        <v>25</v>
      </c>
    </row>
    <row r="4359" spans="1:43">
      <c r="A4359" t="s">
        <v>2744</v>
      </c>
      <c r="B4359" t="s">
        <v>2745</v>
      </c>
      <c r="C4359" t="s">
        <v>2736</v>
      </c>
      <c r="D4359" t="s">
        <v>2737</v>
      </c>
      <c r="E4359" t="s">
        <v>2352</v>
      </c>
      <c r="F4359" t="s">
        <v>2353</v>
      </c>
      <c r="G4359" t="s">
        <v>80</v>
      </c>
      <c r="H4359" t="s">
        <v>81</v>
      </c>
      <c r="I4359" s="2">
        <v>0</v>
      </c>
      <c r="J4359" s="2">
        <v>0</v>
      </c>
      <c r="K4359" s="2">
        <v>1</v>
      </c>
      <c r="L4359" t="s">
        <v>995</v>
      </c>
      <c r="M4359" t="s">
        <v>87</v>
      </c>
      <c r="N4359" t="s">
        <v>88</v>
      </c>
      <c r="O4359" t="s">
        <v>85</v>
      </c>
      <c r="P4359" t="s">
        <v>86</v>
      </c>
      <c r="Q4359">
        <v>25</v>
      </c>
      <c r="R4359">
        <v>25</v>
      </c>
      <c r="S4359">
        <v>25</v>
      </c>
      <c r="T4359">
        <v>24</v>
      </c>
      <c r="U4359">
        <v>24</v>
      </c>
      <c r="V4359">
        <v>24</v>
      </c>
      <c r="W4359">
        <v>24</v>
      </c>
      <c r="X4359">
        <v>24</v>
      </c>
      <c r="Y4359">
        <v>24</v>
      </c>
      <c r="Z4359">
        <v>24</v>
      </c>
      <c r="AA4359">
        <v>23</v>
      </c>
      <c r="AB4359">
        <v>23</v>
      </c>
      <c r="AC4359">
        <v>23</v>
      </c>
      <c r="AD4359">
        <v>23</v>
      </c>
      <c r="AE4359">
        <v>23</v>
      </c>
      <c r="AF4359">
        <v>23</v>
      </c>
      <c r="AG4359">
        <v>23</v>
      </c>
      <c r="AH4359">
        <v>23</v>
      </c>
      <c r="AI4359">
        <v>22</v>
      </c>
      <c r="AJ4359">
        <v>22</v>
      </c>
      <c r="AK4359">
        <v>22</v>
      </c>
      <c r="AL4359">
        <v>22</v>
      </c>
      <c r="AM4359">
        <v>22</v>
      </c>
      <c r="AN4359">
        <v>22</v>
      </c>
      <c r="AO4359">
        <v>22</v>
      </c>
      <c r="AP4359">
        <v>22</v>
      </c>
      <c r="AQ4359">
        <v>22</v>
      </c>
    </row>
    <row r="4360" spans="1:43">
      <c r="A4360" t="s">
        <v>2744</v>
      </c>
      <c r="B4360" t="s">
        <v>2745</v>
      </c>
      <c r="C4360" t="s">
        <v>2736</v>
      </c>
      <c r="D4360" t="s">
        <v>2737</v>
      </c>
      <c r="E4360" t="s">
        <v>2352</v>
      </c>
      <c r="F4360" t="s">
        <v>2353</v>
      </c>
      <c r="G4360" t="s">
        <v>80</v>
      </c>
      <c r="H4360" t="s">
        <v>81</v>
      </c>
      <c r="I4360" s="2">
        <v>0</v>
      </c>
      <c r="J4360" s="2">
        <v>0</v>
      </c>
      <c r="K4360" s="2">
        <v>1</v>
      </c>
      <c r="L4360" t="s">
        <v>995</v>
      </c>
      <c r="M4360" t="s">
        <v>89</v>
      </c>
      <c r="N4360" t="s">
        <v>90</v>
      </c>
      <c r="O4360" t="s">
        <v>85</v>
      </c>
      <c r="P4360" t="s">
        <v>86</v>
      </c>
      <c r="Q4360">
        <v>25</v>
      </c>
      <c r="R4360">
        <v>26</v>
      </c>
      <c r="S4360">
        <v>26</v>
      </c>
      <c r="T4360">
        <v>26</v>
      </c>
      <c r="U4360">
        <v>26</v>
      </c>
      <c r="V4360">
        <v>27</v>
      </c>
      <c r="W4360">
        <v>27</v>
      </c>
      <c r="X4360">
        <v>27</v>
      </c>
      <c r="Y4360">
        <v>27</v>
      </c>
      <c r="Z4360">
        <v>27</v>
      </c>
      <c r="AA4360">
        <v>27</v>
      </c>
      <c r="AB4360">
        <v>27</v>
      </c>
      <c r="AC4360">
        <v>28</v>
      </c>
      <c r="AD4360">
        <v>28</v>
      </c>
      <c r="AE4360">
        <v>28</v>
      </c>
      <c r="AF4360">
        <v>27</v>
      </c>
      <c r="AG4360">
        <v>27</v>
      </c>
      <c r="AH4360">
        <v>27</v>
      </c>
      <c r="AI4360">
        <v>27</v>
      </c>
      <c r="AJ4360">
        <v>27</v>
      </c>
      <c r="AK4360">
        <v>26</v>
      </c>
      <c r="AL4360">
        <v>26</v>
      </c>
      <c r="AM4360">
        <v>26</v>
      </c>
      <c r="AN4360">
        <v>26</v>
      </c>
      <c r="AO4360">
        <v>25</v>
      </c>
      <c r="AP4360">
        <v>25</v>
      </c>
      <c r="AQ4360">
        <v>25</v>
      </c>
    </row>
    <row r="4361" spans="1:43">
      <c r="A4361" t="s">
        <v>2744</v>
      </c>
      <c r="B4361" t="s">
        <v>2745</v>
      </c>
      <c r="C4361" t="s">
        <v>2736</v>
      </c>
      <c r="D4361" t="s">
        <v>2737</v>
      </c>
      <c r="E4361" t="s">
        <v>2352</v>
      </c>
      <c r="F4361" t="s">
        <v>2353</v>
      </c>
      <c r="G4361" t="s">
        <v>80</v>
      </c>
      <c r="H4361" t="s">
        <v>81</v>
      </c>
      <c r="I4361" s="2">
        <v>0</v>
      </c>
      <c r="J4361" s="2">
        <v>0</v>
      </c>
      <c r="K4361" s="2">
        <v>1</v>
      </c>
      <c r="L4361" t="s">
        <v>995</v>
      </c>
      <c r="M4361" t="s">
        <v>83</v>
      </c>
      <c r="N4361" t="s">
        <v>91</v>
      </c>
      <c r="O4361" t="s">
        <v>85</v>
      </c>
      <c r="P4361" t="s">
        <v>86</v>
      </c>
      <c r="Q4361">
        <v>25</v>
      </c>
      <c r="R4361">
        <v>25</v>
      </c>
      <c r="S4361">
        <v>25</v>
      </c>
      <c r="T4361">
        <v>25</v>
      </c>
      <c r="U4361">
        <v>25</v>
      </c>
      <c r="V4361">
        <v>25</v>
      </c>
      <c r="W4361">
        <v>26</v>
      </c>
      <c r="X4361">
        <v>26</v>
      </c>
      <c r="Y4361">
        <v>26</v>
      </c>
      <c r="Z4361">
        <v>26</v>
      </c>
      <c r="AA4361">
        <v>26</v>
      </c>
      <c r="AB4361">
        <v>26</v>
      </c>
      <c r="AC4361">
        <v>26</v>
      </c>
      <c r="AD4361">
        <v>26</v>
      </c>
      <c r="AE4361">
        <v>26</v>
      </c>
      <c r="AF4361">
        <v>26</v>
      </c>
      <c r="AG4361">
        <v>26</v>
      </c>
      <c r="AH4361">
        <v>26</v>
      </c>
      <c r="AI4361">
        <v>26</v>
      </c>
      <c r="AJ4361">
        <v>26</v>
      </c>
      <c r="AK4361">
        <v>26</v>
      </c>
      <c r="AL4361">
        <v>26</v>
      </c>
      <c r="AM4361">
        <v>26</v>
      </c>
      <c r="AN4361">
        <v>25</v>
      </c>
      <c r="AO4361">
        <v>25</v>
      </c>
      <c r="AP4361">
        <v>25</v>
      </c>
      <c r="AQ4361">
        <v>25</v>
      </c>
    </row>
    <row r="4362" spans="1:43">
      <c r="A4362" t="s">
        <v>2746</v>
      </c>
      <c r="B4362" t="s">
        <v>2747</v>
      </c>
      <c r="C4362" t="s">
        <v>2736</v>
      </c>
      <c r="D4362" t="s">
        <v>2737</v>
      </c>
      <c r="E4362" t="s">
        <v>2352</v>
      </c>
      <c r="F4362" t="s">
        <v>2353</v>
      </c>
      <c r="G4362" t="s">
        <v>80</v>
      </c>
      <c r="H4362" t="s">
        <v>81</v>
      </c>
      <c r="I4362" s="2">
        <v>0</v>
      </c>
      <c r="J4362" s="2">
        <v>0</v>
      </c>
      <c r="K4362" s="2">
        <v>1</v>
      </c>
      <c r="L4362" t="s">
        <v>995</v>
      </c>
      <c r="M4362" t="s">
        <v>83</v>
      </c>
      <c r="N4362" t="s">
        <v>84</v>
      </c>
      <c r="O4362" t="s">
        <v>85</v>
      </c>
      <c r="P4362" t="s">
        <v>86</v>
      </c>
      <c r="Q4362">
        <v>24</v>
      </c>
      <c r="R4362">
        <v>24</v>
      </c>
      <c r="S4362">
        <v>24</v>
      </c>
      <c r="T4362">
        <v>24</v>
      </c>
      <c r="U4362">
        <v>24</v>
      </c>
      <c r="V4362">
        <v>24</v>
      </c>
      <c r="W4362">
        <v>24</v>
      </c>
      <c r="X4362">
        <v>24</v>
      </c>
      <c r="Y4362">
        <v>24</v>
      </c>
      <c r="Z4362">
        <v>24</v>
      </c>
      <c r="AA4362">
        <v>24</v>
      </c>
      <c r="AB4362">
        <v>24</v>
      </c>
      <c r="AC4362">
        <v>24</v>
      </c>
      <c r="AD4362">
        <v>24</v>
      </c>
      <c r="AE4362">
        <v>24</v>
      </c>
      <c r="AF4362">
        <v>24</v>
      </c>
      <c r="AG4362">
        <v>25</v>
      </c>
      <c r="AH4362">
        <v>25</v>
      </c>
      <c r="AI4362">
        <v>25</v>
      </c>
      <c r="AJ4362">
        <v>25</v>
      </c>
      <c r="AK4362">
        <v>25</v>
      </c>
      <c r="AL4362">
        <v>24</v>
      </c>
      <c r="AM4362">
        <v>24</v>
      </c>
      <c r="AN4362">
        <v>24</v>
      </c>
      <c r="AO4362">
        <v>24</v>
      </c>
      <c r="AP4362">
        <v>24</v>
      </c>
      <c r="AQ4362">
        <v>23</v>
      </c>
    </row>
    <row r="4363" spans="1:43">
      <c r="A4363" t="s">
        <v>2746</v>
      </c>
      <c r="B4363" t="s">
        <v>2747</v>
      </c>
      <c r="C4363" t="s">
        <v>2736</v>
      </c>
      <c r="D4363" t="s">
        <v>2737</v>
      </c>
      <c r="E4363" t="s">
        <v>2352</v>
      </c>
      <c r="F4363" t="s">
        <v>2353</v>
      </c>
      <c r="G4363" t="s">
        <v>80</v>
      </c>
      <c r="H4363" t="s">
        <v>81</v>
      </c>
      <c r="I4363" s="2">
        <v>0</v>
      </c>
      <c r="J4363" s="2">
        <v>0</v>
      </c>
      <c r="K4363" s="2">
        <v>1</v>
      </c>
      <c r="L4363" t="s">
        <v>995</v>
      </c>
      <c r="M4363" t="s">
        <v>87</v>
      </c>
      <c r="N4363" t="s">
        <v>88</v>
      </c>
      <c r="O4363" t="s">
        <v>85</v>
      </c>
      <c r="P4363" t="s">
        <v>86</v>
      </c>
      <c r="Q4363">
        <v>24</v>
      </c>
      <c r="R4363">
        <v>23</v>
      </c>
      <c r="S4363">
        <v>23</v>
      </c>
      <c r="T4363">
        <v>23</v>
      </c>
      <c r="U4363">
        <v>23</v>
      </c>
      <c r="V4363">
        <v>23</v>
      </c>
      <c r="W4363">
        <v>23</v>
      </c>
      <c r="X4363">
        <v>23</v>
      </c>
      <c r="Y4363">
        <v>22</v>
      </c>
      <c r="Z4363">
        <v>22</v>
      </c>
      <c r="AA4363">
        <v>22</v>
      </c>
      <c r="AB4363">
        <v>22</v>
      </c>
      <c r="AC4363">
        <v>22</v>
      </c>
      <c r="AD4363">
        <v>22</v>
      </c>
      <c r="AE4363">
        <v>22</v>
      </c>
      <c r="AF4363">
        <v>22</v>
      </c>
      <c r="AG4363">
        <v>21</v>
      </c>
      <c r="AH4363">
        <v>21</v>
      </c>
      <c r="AI4363">
        <v>21</v>
      </c>
      <c r="AJ4363">
        <v>21</v>
      </c>
      <c r="AK4363">
        <v>21</v>
      </c>
      <c r="AL4363">
        <v>21</v>
      </c>
      <c r="AM4363">
        <v>21</v>
      </c>
      <c r="AN4363">
        <v>21</v>
      </c>
      <c r="AO4363">
        <v>20</v>
      </c>
      <c r="AP4363">
        <v>20</v>
      </c>
      <c r="AQ4363">
        <v>20</v>
      </c>
    </row>
    <row r="4364" spans="1:43">
      <c r="A4364" t="s">
        <v>2746</v>
      </c>
      <c r="B4364" t="s">
        <v>2747</v>
      </c>
      <c r="C4364" t="s">
        <v>2736</v>
      </c>
      <c r="D4364" t="s">
        <v>2737</v>
      </c>
      <c r="E4364" t="s">
        <v>2352</v>
      </c>
      <c r="F4364" t="s">
        <v>2353</v>
      </c>
      <c r="G4364" t="s">
        <v>80</v>
      </c>
      <c r="H4364" t="s">
        <v>81</v>
      </c>
      <c r="I4364" s="2">
        <v>0</v>
      </c>
      <c r="J4364" s="2">
        <v>0</v>
      </c>
      <c r="K4364" s="2">
        <v>1</v>
      </c>
      <c r="L4364" t="s">
        <v>995</v>
      </c>
      <c r="M4364" t="s">
        <v>89</v>
      </c>
      <c r="N4364" t="s">
        <v>90</v>
      </c>
      <c r="O4364" t="s">
        <v>85</v>
      </c>
      <c r="P4364" t="s">
        <v>86</v>
      </c>
      <c r="Q4364">
        <v>24</v>
      </c>
      <c r="R4364">
        <v>24</v>
      </c>
      <c r="S4364">
        <v>25</v>
      </c>
      <c r="T4364">
        <v>25</v>
      </c>
      <c r="U4364">
        <v>25</v>
      </c>
      <c r="V4364">
        <v>25</v>
      </c>
      <c r="W4364">
        <v>25</v>
      </c>
      <c r="X4364">
        <v>26</v>
      </c>
      <c r="Y4364">
        <v>26</v>
      </c>
      <c r="Z4364">
        <v>26</v>
      </c>
      <c r="AA4364">
        <v>26</v>
      </c>
      <c r="AB4364">
        <v>26</v>
      </c>
      <c r="AC4364">
        <v>26</v>
      </c>
      <c r="AD4364">
        <v>26</v>
      </c>
      <c r="AE4364">
        <v>26</v>
      </c>
      <c r="AF4364">
        <v>26</v>
      </c>
      <c r="AG4364">
        <v>26</v>
      </c>
      <c r="AH4364">
        <v>26</v>
      </c>
      <c r="AI4364">
        <v>25</v>
      </c>
      <c r="AJ4364">
        <v>25</v>
      </c>
      <c r="AK4364">
        <v>25</v>
      </c>
      <c r="AL4364">
        <v>25</v>
      </c>
      <c r="AM4364">
        <v>24</v>
      </c>
      <c r="AN4364">
        <v>24</v>
      </c>
      <c r="AO4364">
        <v>24</v>
      </c>
      <c r="AP4364">
        <v>24</v>
      </c>
      <c r="AQ4364">
        <v>24</v>
      </c>
    </row>
    <row r="4365" spans="1:43">
      <c r="A4365" t="s">
        <v>2746</v>
      </c>
      <c r="B4365" t="s">
        <v>2747</v>
      </c>
      <c r="C4365" t="s">
        <v>2736</v>
      </c>
      <c r="D4365" t="s">
        <v>2737</v>
      </c>
      <c r="E4365" t="s">
        <v>2352</v>
      </c>
      <c r="F4365" t="s">
        <v>2353</v>
      </c>
      <c r="G4365" t="s">
        <v>80</v>
      </c>
      <c r="H4365" t="s">
        <v>81</v>
      </c>
      <c r="I4365" s="2">
        <v>0</v>
      </c>
      <c r="J4365" s="2">
        <v>0</v>
      </c>
      <c r="K4365" s="2">
        <v>1</v>
      </c>
      <c r="L4365" t="s">
        <v>995</v>
      </c>
      <c r="M4365" t="s">
        <v>83</v>
      </c>
      <c r="N4365" t="s">
        <v>91</v>
      </c>
      <c r="O4365" t="s">
        <v>85</v>
      </c>
      <c r="P4365" t="s">
        <v>86</v>
      </c>
      <c r="Q4365">
        <v>24</v>
      </c>
      <c r="R4365">
        <v>24</v>
      </c>
      <c r="S4365">
        <v>24</v>
      </c>
      <c r="T4365">
        <v>24</v>
      </c>
      <c r="U4365">
        <v>24</v>
      </c>
      <c r="V4365">
        <v>24</v>
      </c>
      <c r="W4365">
        <v>24</v>
      </c>
      <c r="X4365">
        <v>24</v>
      </c>
      <c r="Y4365">
        <v>24</v>
      </c>
      <c r="Z4365">
        <v>24</v>
      </c>
      <c r="AA4365">
        <v>24</v>
      </c>
      <c r="AB4365">
        <v>24</v>
      </c>
      <c r="AC4365">
        <v>24</v>
      </c>
      <c r="AD4365">
        <v>24</v>
      </c>
      <c r="AE4365">
        <v>24</v>
      </c>
      <c r="AF4365">
        <v>24</v>
      </c>
      <c r="AG4365">
        <v>25</v>
      </c>
      <c r="AH4365">
        <v>25</v>
      </c>
      <c r="AI4365">
        <v>25</v>
      </c>
      <c r="AJ4365">
        <v>25</v>
      </c>
      <c r="AK4365">
        <v>25</v>
      </c>
      <c r="AL4365">
        <v>24</v>
      </c>
      <c r="AM4365">
        <v>24</v>
      </c>
      <c r="AN4365">
        <v>24</v>
      </c>
      <c r="AO4365">
        <v>24</v>
      </c>
      <c r="AP4365">
        <v>24</v>
      </c>
      <c r="AQ4365">
        <v>23</v>
      </c>
    </row>
    <row r="4366" spans="1:43">
      <c r="A4366" t="s">
        <v>2748</v>
      </c>
      <c r="B4366" t="s">
        <v>2749</v>
      </c>
      <c r="C4366" t="s">
        <v>2750</v>
      </c>
      <c r="D4366" t="s">
        <v>2751</v>
      </c>
      <c r="E4366" t="s">
        <v>2352</v>
      </c>
      <c r="F4366" t="s">
        <v>2353</v>
      </c>
      <c r="G4366" t="s">
        <v>80</v>
      </c>
      <c r="H4366" t="s">
        <v>81</v>
      </c>
      <c r="I4366" s="2">
        <v>0</v>
      </c>
      <c r="J4366" s="2">
        <v>0</v>
      </c>
      <c r="K4366" s="2">
        <v>1</v>
      </c>
      <c r="L4366" t="s">
        <v>995</v>
      </c>
      <c r="M4366" t="s">
        <v>83</v>
      </c>
      <c r="N4366" t="s">
        <v>84</v>
      </c>
      <c r="O4366" t="s">
        <v>85</v>
      </c>
      <c r="P4366" t="s">
        <v>86</v>
      </c>
      <c r="Q4366">
        <v>18</v>
      </c>
      <c r="R4366">
        <v>18</v>
      </c>
      <c r="S4366">
        <v>19</v>
      </c>
      <c r="T4366">
        <v>19</v>
      </c>
      <c r="U4366">
        <v>19</v>
      </c>
      <c r="V4366">
        <v>19</v>
      </c>
      <c r="W4366">
        <v>19</v>
      </c>
      <c r="X4366">
        <v>19</v>
      </c>
      <c r="Y4366">
        <v>19</v>
      </c>
      <c r="Z4366">
        <v>19</v>
      </c>
      <c r="AA4366">
        <v>19</v>
      </c>
      <c r="AB4366">
        <v>19</v>
      </c>
      <c r="AC4366">
        <v>19</v>
      </c>
      <c r="AD4366">
        <v>19</v>
      </c>
      <c r="AE4366">
        <v>19</v>
      </c>
      <c r="AF4366">
        <v>19</v>
      </c>
      <c r="AG4366">
        <v>19</v>
      </c>
      <c r="AH4366">
        <v>19</v>
      </c>
      <c r="AI4366">
        <v>19</v>
      </c>
      <c r="AJ4366">
        <v>19</v>
      </c>
      <c r="AK4366">
        <v>19</v>
      </c>
      <c r="AL4366">
        <v>19</v>
      </c>
      <c r="AM4366">
        <v>19</v>
      </c>
      <c r="AN4366">
        <v>19</v>
      </c>
      <c r="AO4366">
        <v>19</v>
      </c>
      <c r="AP4366">
        <v>18</v>
      </c>
      <c r="AQ4366">
        <v>18</v>
      </c>
    </row>
    <row r="4367" spans="1:43">
      <c r="A4367" t="s">
        <v>2748</v>
      </c>
      <c r="B4367" t="s">
        <v>2749</v>
      </c>
      <c r="C4367" t="s">
        <v>2750</v>
      </c>
      <c r="D4367" t="s">
        <v>2751</v>
      </c>
      <c r="E4367" t="s">
        <v>2352</v>
      </c>
      <c r="F4367" t="s">
        <v>2353</v>
      </c>
      <c r="G4367" t="s">
        <v>80</v>
      </c>
      <c r="H4367" t="s">
        <v>81</v>
      </c>
      <c r="I4367" s="2">
        <v>0</v>
      </c>
      <c r="J4367" s="2">
        <v>0</v>
      </c>
      <c r="K4367" s="2">
        <v>1</v>
      </c>
      <c r="L4367" t="s">
        <v>995</v>
      </c>
      <c r="M4367" t="s">
        <v>87</v>
      </c>
      <c r="N4367" t="s">
        <v>88</v>
      </c>
      <c r="O4367" t="s">
        <v>85</v>
      </c>
      <c r="P4367" t="s">
        <v>86</v>
      </c>
      <c r="Q4367">
        <v>18</v>
      </c>
      <c r="R4367">
        <v>18</v>
      </c>
      <c r="S4367">
        <v>18</v>
      </c>
      <c r="T4367">
        <v>18</v>
      </c>
      <c r="U4367">
        <v>18</v>
      </c>
      <c r="V4367">
        <v>18</v>
      </c>
      <c r="W4367">
        <v>18</v>
      </c>
      <c r="X4367">
        <v>18</v>
      </c>
      <c r="Y4367">
        <v>17</v>
      </c>
      <c r="Z4367">
        <v>17</v>
      </c>
      <c r="AA4367">
        <v>17</v>
      </c>
      <c r="AB4367">
        <v>17</v>
      </c>
      <c r="AC4367">
        <v>17</v>
      </c>
      <c r="AD4367">
        <v>17</v>
      </c>
      <c r="AE4367">
        <v>17</v>
      </c>
      <c r="AF4367">
        <v>17</v>
      </c>
      <c r="AG4367">
        <v>17</v>
      </c>
      <c r="AH4367">
        <v>17</v>
      </c>
      <c r="AI4367">
        <v>16</v>
      </c>
      <c r="AJ4367">
        <v>16</v>
      </c>
      <c r="AK4367">
        <v>16</v>
      </c>
      <c r="AL4367">
        <v>16</v>
      </c>
      <c r="AM4367">
        <v>16</v>
      </c>
      <c r="AN4367">
        <v>16</v>
      </c>
      <c r="AO4367">
        <v>16</v>
      </c>
      <c r="AP4367">
        <v>16</v>
      </c>
      <c r="AQ4367">
        <v>16</v>
      </c>
    </row>
    <row r="4368" spans="1:43">
      <c r="A4368" t="s">
        <v>2748</v>
      </c>
      <c r="B4368" t="s">
        <v>2749</v>
      </c>
      <c r="C4368" t="s">
        <v>2750</v>
      </c>
      <c r="D4368" t="s">
        <v>2751</v>
      </c>
      <c r="E4368" t="s">
        <v>2352</v>
      </c>
      <c r="F4368" t="s">
        <v>2353</v>
      </c>
      <c r="G4368" t="s">
        <v>80</v>
      </c>
      <c r="H4368" t="s">
        <v>81</v>
      </c>
      <c r="I4368" s="2">
        <v>0</v>
      </c>
      <c r="J4368" s="2">
        <v>0</v>
      </c>
      <c r="K4368" s="2">
        <v>1</v>
      </c>
      <c r="L4368" t="s">
        <v>995</v>
      </c>
      <c r="M4368" t="s">
        <v>89</v>
      </c>
      <c r="N4368" t="s">
        <v>90</v>
      </c>
      <c r="O4368" t="s">
        <v>85</v>
      </c>
      <c r="P4368" t="s">
        <v>86</v>
      </c>
      <c r="Q4368">
        <v>18</v>
      </c>
      <c r="R4368">
        <v>18</v>
      </c>
      <c r="S4368">
        <v>18</v>
      </c>
      <c r="T4368">
        <v>18</v>
      </c>
      <c r="U4368">
        <v>18</v>
      </c>
      <c r="V4368">
        <v>19</v>
      </c>
      <c r="W4368">
        <v>19</v>
      </c>
      <c r="X4368">
        <v>19</v>
      </c>
      <c r="Y4368">
        <v>19</v>
      </c>
      <c r="Z4368">
        <v>19</v>
      </c>
      <c r="AA4368">
        <v>19</v>
      </c>
      <c r="AB4368">
        <v>19</v>
      </c>
      <c r="AC4368">
        <v>19</v>
      </c>
      <c r="AD4368">
        <v>19</v>
      </c>
      <c r="AE4368">
        <v>19</v>
      </c>
      <c r="AF4368">
        <v>19</v>
      </c>
      <c r="AG4368">
        <v>19</v>
      </c>
      <c r="AH4368">
        <v>19</v>
      </c>
      <c r="AI4368">
        <v>19</v>
      </c>
      <c r="AJ4368">
        <v>19</v>
      </c>
      <c r="AK4368">
        <v>18</v>
      </c>
      <c r="AL4368">
        <v>18</v>
      </c>
      <c r="AM4368">
        <v>18</v>
      </c>
      <c r="AN4368">
        <v>18</v>
      </c>
      <c r="AO4368">
        <v>18</v>
      </c>
      <c r="AP4368">
        <v>18</v>
      </c>
      <c r="AQ4368">
        <v>17</v>
      </c>
    </row>
    <row r="4369" spans="1:43">
      <c r="A4369" t="s">
        <v>2748</v>
      </c>
      <c r="B4369" t="s">
        <v>2749</v>
      </c>
      <c r="C4369" t="s">
        <v>2750</v>
      </c>
      <c r="D4369" t="s">
        <v>2751</v>
      </c>
      <c r="E4369" t="s">
        <v>2352</v>
      </c>
      <c r="F4369" t="s">
        <v>2353</v>
      </c>
      <c r="G4369" t="s">
        <v>80</v>
      </c>
      <c r="H4369" t="s">
        <v>81</v>
      </c>
      <c r="I4369" s="2">
        <v>0</v>
      </c>
      <c r="J4369" s="2">
        <v>0</v>
      </c>
      <c r="K4369" s="2">
        <v>1</v>
      </c>
      <c r="L4369" t="s">
        <v>995</v>
      </c>
      <c r="M4369" t="s">
        <v>83</v>
      </c>
      <c r="N4369" t="s">
        <v>91</v>
      </c>
      <c r="O4369" t="s">
        <v>85</v>
      </c>
      <c r="P4369" t="s">
        <v>86</v>
      </c>
      <c r="Q4369">
        <v>18</v>
      </c>
      <c r="R4369">
        <v>18</v>
      </c>
      <c r="S4369">
        <v>19</v>
      </c>
      <c r="T4369">
        <v>19</v>
      </c>
      <c r="U4369">
        <v>19</v>
      </c>
      <c r="V4369">
        <v>19</v>
      </c>
      <c r="W4369">
        <v>19</v>
      </c>
      <c r="X4369">
        <v>19</v>
      </c>
      <c r="Y4369">
        <v>19</v>
      </c>
      <c r="Z4369">
        <v>19</v>
      </c>
      <c r="AA4369">
        <v>19</v>
      </c>
      <c r="AB4369">
        <v>19</v>
      </c>
      <c r="AC4369">
        <v>19</v>
      </c>
      <c r="AD4369">
        <v>19</v>
      </c>
      <c r="AE4369">
        <v>19</v>
      </c>
      <c r="AF4369">
        <v>19</v>
      </c>
      <c r="AG4369">
        <v>19</v>
      </c>
      <c r="AH4369">
        <v>19</v>
      </c>
      <c r="AI4369">
        <v>19</v>
      </c>
      <c r="AJ4369">
        <v>19</v>
      </c>
      <c r="AK4369">
        <v>19</v>
      </c>
      <c r="AL4369">
        <v>19</v>
      </c>
      <c r="AM4369">
        <v>19</v>
      </c>
      <c r="AN4369">
        <v>19</v>
      </c>
      <c r="AO4369">
        <v>19</v>
      </c>
      <c r="AP4369">
        <v>18</v>
      </c>
      <c r="AQ4369">
        <v>18</v>
      </c>
    </row>
    <row r="4370" spans="1:43">
      <c r="A4370" t="s">
        <v>2752</v>
      </c>
      <c r="B4370" t="s">
        <v>2753</v>
      </c>
      <c r="C4370" t="s">
        <v>2736</v>
      </c>
      <c r="D4370" t="s">
        <v>2737</v>
      </c>
      <c r="E4370" t="s">
        <v>2352</v>
      </c>
      <c r="F4370" t="s">
        <v>2353</v>
      </c>
      <c r="G4370" t="s">
        <v>80</v>
      </c>
      <c r="H4370" t="s">
        <v>81</v>
      </c>
      <c r="I4370" s="2">
        <v>0</v>
      </c>
      <c r="J4370" s="2">
        <v>0</v>
      </c>
      <c r="K4370" s="2">
        <v>1</v>
      </c>
      <c r="L4370" t="s">
        <v>995</v>
      </c>
      <c r="M4370" t="s">
        <v>83</v>
      </c>
      <c r="N4370" t="s">
        <v>84</v>
      </c>
      <c r="O4370" t="s">
        <v>85</v>
      </c>
      <c r="P4370" t="s">
        <v>86</v>
      </c>
      <c r="Q4370">
        <v>30</v>
      </c>
      <c r="R4370">
        <v>30</v>
      </c>
      <c r="S4370">
        <v>31</v>
      </c>
      <c r="T4370">
        <v>31</v>
      </c>
      <c r="U4370">
        <v>31</v>
      </c>
      <c r="V4370">
        <v>31</v>
      </c>
      <c r="W4370">
        <v>31</v>
      </c>
      <c r="X4370">
        <v>31</v>
      </c>
      <c r="Y4370">
        <v>31</v>
      </c>
      <c r="Z4370">
        <v>31</v>
      </c>
      <c r="AA4370">
        <v>31</v>
      </c>
      <c r="AB4370">
        <v>31</v>
      </c>
      <c r="AC4370">
        <v>31</v>
      </c>
      <c r="AD4370">
        <v>31</v>
      </c>
      <c r="AE4370">
        <v>31</v>
      </c>
      <c r="AF4370">
        <v>31</v>
      </c>
      <c r="AG4370">
        <v>31</v>
      </c>
      <c r="AH4370">
        <v>31</v>
      </c>
      <c r="AI4370">
        <v>31</v>
      </c>
      <c r="AJ4370">
        <v>31</v>
      </c>
      <c r="AK4370">
        <v>31</v>
      </c>
      <c r="AL4370">
        <v>31</v>
      </c>
      <c r="AM4370">
        <v>31</v>
      </c>
      <c r="AN4370">
        <v>31</v>
      </c>
      <c r="AO4370">
        <v>30</v>
      </c>
      <c r="AP4370">
        <v>30</v>
      </c>
      <c r="AQ4370">
        <v>30</v>
      </c>
    </row>
    <row r="4371" spans="1:43">
      <c r="A4371" t="s">
        <v>2752</v>
      </c>
      <c r="B4371" t="s">
        <v>2753</v>
      </c>
      <c r="C4371" t="s">
        <v>2736</v>
      </c>
      <c r="D4371" t="s">
        <v>2737</v>
      </c>
      <c r="E4371" t="s">
        <v>2352</v>
      </c>
      <c r="F4371" t="s">
        <v>2353</v>
      </c>
      <c r="G4371" t="s">
        <v>80</v>
      </c>
      <c r="H4371" t="s">
        <v>81</v>
      </c>
      <c r="I4371" s="2">
        <v>0</v>
      </c>
      <c r="J4371" s="2">
        <v>0</v>
      </c>
      <c r="K4371" s="2">
        <v>1</v>
      </c>
      <c r="L4371" t="s">
        <v>995</v>
      </c>
      <c r="M4371" t="s">
        <v>87</v>
      </c>
      <c r="N4371" t="s">
        <v>88</v>
      </c>
      <c r="O4371" t="s">
        <v>85</v>
      </c>
      <c r="P4371" t="s">
        <v>86</v>
      </c>
      <c r="Q4371">
        <v>30</v>
      </c>
      <c r="R4371">
        <v>30</v>
      </c>
      <c r="S4371">
        <v>30</v>
      </c>
      <c r="T4371">
        <v>30</v>
      </c>
      <c r="U4371">
        <v>29</v>
      </c>
      <c r="V4371">
        <v>29</v>
      </c>
      <c r="W4371">
        <v>29</v>
      </c>
      <c r="X4371">
        <v>29</v>
      </c>
      <c r="Y4371">
        <v>29</v>
      </c>
      <c r="Z4371">
        <v>29</v>
      </c>
      <c r="AA4371">
        <v>28</v>
      </c>
      <c r="AB4371">
        <v>28</v>
      </c>
      <c r="AC4371">
        <v>28</v>
      </c>
      <c r="AD4371">
        <v>28</v>
      </c>
      <c r="AE4371">
        <v>28</v>
      </c>
      <c r="AF4371">
        <v>28</v>
      </c>
      <c r="AG4371">
        <v>27</v>
      </c>
      <c r="AH4371">
        <v>27</v>
      </c>
      <c r="AI4371">
        <v>27</v>
      </c>
      <c r="AJ4371">
        <v>27</v>
      </c>
      <c r="AK4371">
        <v>27</v>
      </c>
      <c r="AL4371">
        <v>27</v>
      </c>
      <c r="AM4371">
        <v>27</v>
      </c>
      <c r="AN4371">
        <v>26</v>
      </c>
      <c r="AO4371">
        <v>26</v>
      </c>
      <c r="AP4371">
        <v>26</v>
      </c>
      <c r="AQ4371">
        <v>26</v>
      </c>
    </row>
    <row r="4372" spans="1:43">
      <c r="A4372" t="s">
        <v>2752</v>
      </c>
      <c r="B4372" t="s">
        <v>2753</v>
      </c>
      <c r="C4372" t="s">
        <v>2736</v>
      </c>
      <c r="D4372" t="s">
        <v>2737</v>
      </c>
      <c r="E4372" t="s">
        <v>2352</v>
      </c>
      <c r="F4372" t="s">
        <v>2353</v>
      </c>
      <c r="G4372" t="s">
        <v>80</v>
      </c>
      <c r="H4372" t="s">
        <v>81</v>
      </c>
      <c r="I4372" s="2">
        <v>0</v>
      </c>
      <c r="J4372" s="2">
        <v>0</v>
      </c>
      <c r="K4372" s="2">
        <v>1</v>
      </c>
      <c r="L4372" t="s">
        <v>995</v>
      </c>
      <c r="M4372" t="s">
        <v>89</v>
      </c>
      <c r="N4372" t="s">
        <v>90</v>
      </c>
      <c r="O4372" t="s">
        <v>85</v>
      </c>
      <c r="P4372" t="s">
        <v>86</v>
      </c>
      <c r="Q4372">
        <v>30</v>
      </c>
      <c r="R4372">
        <v>30</v>
      </c>
      <c r="S4372">
        <v>30</v>
      </c>
      <c r="T4372">
        <v>31</v>
      </c>
      <c r="U4372">
        <v>31</v>
      </c>
      <c r="V4372">
        <v>31</v>
      </c>
      <c r="W4372">
        <v>31</v>
      </c>
      <c r="X4372">
        <v>32</v>
      </c>
      <c r="Y4372">
        <v>32</v>
      </c>
      <c r="Z4372">
        <v>32</v>
      </c>
      <c r="AA4372">
        <v>32</v>
      </c>
      <c r="AB4372">
        <v>32</v>
      </c>
      <c r="AC4372">
        <v>32</v>
      </c>
      <c r="AD4372">
        <v>33</v>
      </c>
      <c r="AE4372">
        <v>33</v>
      </c>
      <c r="AF4372">
        <v>32</v>
      </c>
      <c r="AG4372">
        <v>32</v>
      </c>
      <c r="AH4372">
        <v>32</v>
      </c>
      <c r="AI4372">
        <v>31</v>
      </c>
      <c r="AJ4372">
        <v>31</v>
      </c>
      <c r="AK4372">
        <v>31</v>
      </c>
      <c r="AL4372">
        <v>31</v>
      </c>
      <c r="AM4372">
        <v>30</v>
      </c>
      <c r="AN4372">
        <v>30</v>
      </c>
      <c r="AO4372">
        <v>30</v>
      </c>
      <c r="AP4372">
        <v>30</v>
      </c>
      <c r="AQ4372">
        <v>29</v>
      </c>
    </row>
    <row r="4373" spans="1:43">
      <c r="A4373" t="s">
        <v>2752</v>
      </c>
      <c r="B4373" t="s">
        <v>2753</v>
      </c>
      <c r="C4373" t="s">
        <v>2736</v>
      </c>
      <c r="D4373" t="s">
        <v>2737</v>
      </c>
      <c r="E4373" t="s">
        <v>2352</v>
      </c>
      <c r="F4373" t="s">
        <v>2353</v>
      </c>
      <c r="G4373" t="s">
        <v>80</v>
      </c>
      <c r="H4373" t="s">
        <v>81</v>
      </c>
      <c r="I4373" s="2">
        <v>0</v>
      </c>
      <c r="J4373" s="2">
        <v>0</v>
      </c>
      <c r="K4373" s="2">
        <v>1</v>
      </c>
      <c r="L4373" t="s">
        <v>995</v>
      </c>
      <c r="M4373" t="s">
        <v>83</v>
      </c>
      <c r="N4373" t="s">
        <v>91</v>
      </c>
      <c r="O4373" t="s">
        <v>85</v>
      </c>
      <c r="P4373" t="s">
        <v>86</v>
      </c>
      <c r="Q4373">
        <v>30</v>
      </c>
      <c r="R4373">
        <v>30</v>
      </c>
      <c r="S4373">
        <v>31</v>
      </c>
      <c r="T4373">
        <v>31</v>
      </c>
      <c r="U4373">
        <v>31</v>
      </c>
      <c r="V4373">
        <v>31</v>
      </c>
      <c r="W4373">
        <v>31</v>
      </c>
      <c r="X4373">
        <v>31</v>
      </c>
      <c r="Y4373">
        <v>31</v>
      </c>
      <c r="Z4373">
        <v>31</v>
      </c>
      <c r="AA4373">
        <v>31</v>
      </c>
      <c r="AB4373">
        <v>31</v>
      </c>
      <c r="AC4373">
        <v>31</v>
      </c>
      <c r="AD4373">
        <v>31</v>
      </c>
      <c r="AE4373">
        <v>31</v>
      </c>
      <c r="AF4373">
        <v>31</v>
      </c>
      <c r="AG4373">
        <v>31</v>
      </c>
      <c r="AH4373">
        <v>31</v>
      </c>
      <c r="AI4373">
        <v>31</v>
      </c>
      <c r="AJ4373">
        <v>31</v>
      </c>
      <c r="AK4373">
        <v>31</v>
      </c>
      <c r="AL4373">
        <v>31</v>
      </c>
      <c r="AM4373">
        <v>31</v>
      </c>
      <c r="AN4373">
        <v>31</v>
      </c>
      <c r="AO4373">
        <v>30</v>
      </c>
      <c r="AP4373">
        <v>30</v>
      </c>
      <c r="AQ4373">
        <v>30</v>
      </c>
    </row>
    <row r="4374" spans="1:43">
      <c r="A4374" t="s">
        <v>2754</v>
      </c>
      <c r="B4374" t="s">
        <v>2755</v>
      </c>
      <c r="C4374" t="s">
        <v>2750</v>
      </c>
      <c r="D4374" t="s">
        <v>2751</v>
      </c>
      <c r="E4374" t="s">
        <v>2352</v>
      </c>
      <c r="F4374" t="s">
        <v>2353</v>
      </c>
      <c r="G4374" t="s">
        <v>80</v>
      </c>
      <c r="H4374" t="s">
        <v>81</v>
      </c>
      <c r="I4374" s="2">
        <v>0</v>
      </c>
      <c r="J4374" s="2">
        <v>0</v>
      </c>
      <c r="K4374" s="2">
        <v>1</v>
      </c>
      <c r="L4374" t="s">
        <v>995</v>
      </c>
      <c r="M4374" t="s">
        <v>83</v>
      </c>
      <c r="N4374" t="s">
        <v>84</v>
      </c>
      <c r="O4374" t="s">
        <v>85</v>
      </c>
      <c r="P4374" t="s">
        <v>86</v>
      </c>
      <c r="Q4374">
        <v>36</v>
      </c>
      <c r="R4374">
        <v>37</v>
      </c>
      <c r="S4374">
        <v>37</v>
      </c>
      <c r="T4374">
        <v>37</v>
      </c>
      <c r="U4374">
        <v>37</v>
      </c>
      <c r="V4374">
        <v>37</v>
      </c>
      <c r="W4374">
        <v>37</v>
      </c>
      <c r="X4374">
        <v>37</v>
      </c>
      <c r="Y4374">
        <v>37</v>
      </c>
      <c r="Z4374">
        <v>37</v>
      </c>
      <c r="AA4374">
        <v>37</v>
      </c>
      <c r="AB4374">
        <v>37</v>
      </c>
      <c r="AC4374">
        <v>38</v>
      </c>
      <c r="AD4374">
        <v>38</v>
      </c>
      <c r="AE4374">
        <v>38</v>
      </c>
      <c r="AF4374">
        <v>38</v>
      </c>
      <c r="AG4374">
        <v>38</v>
      </c>
      <c r="AH4374">
        <v>38</v>
      </c>
      <c r="AI4374">
        <v>38</v>
      </c>
      <c r="AJ4374">
        <v>38</v>
      </c>
      <c r="AK4374">
        <v>38</v>
      </c>
      <c r="AL4374">
        <v>38</v>
      </c>
      <c r="AM4374">
        <v>37</v>
      </c>
      <c r="AN4374">
        <v>37</v>
      </c>
      <c r="AO4374">
        <v>37</v>
      </c>
      <c r="AP4374">
        <v>36</v>
      </c>
      <c r="AQ4374">
        <v>36</v>
      </c>
    </row>
    <row r="4375" spans="1:43">
      <c r="A4375" t="s">
        <v>2754</v>
      </c>
      <c r="B4375" t="s">
        <v>2755</v>
      </c>
      <c r="C4375" t="s">
        <v>2750</v>
      </c>
      <c r="D4375" t="s">
        <v>2751</v>
      </c>
      <c r="E4375" t="s">
        <v>2352</v>
      </c>
      <c r="F4375" t="s">
        <v>2353</v>
      </c>
      <c r="G4375" t="s">
        <v>80</v>
      </c>
      <c r="H4375" t="s">
        <v>81</v>
      </c>
      <c r="I4375" s="2">
        <v>0</v>
      </c>
      <c r="J4375" s="2">
        <v>0</v>
      </c>
      <c r="K4375" s="2">
        <v>1</v>
      </c>
      <c r="L4375" t="s">
        <v>995</v>
      </c>
      <c r="M4375" t="s">
        <v>87</v>
      </c>
      <c r="N4375" t="s">
        <v>88</v>
      </c>
      <c r="O4375" t="s">
        <v>85</v>
      </c>
      <c r="P4375" t="s">
        <v>86</v>
      </c>
      <c r="Q4375">
        <v>36</v>
      </c>
      <c r="R4375">
        <v>36</v>
      </c>
      <c r="S4375">
        <v>36</v>
      </c>
      <c r="T4375">
        <v>35</v>
      </c>
      <c r="U4375">
        <v>35</v>
      </c>
      <c r="V4375">
        <v>35</v>
      </c>
      <c r="W4375">
        <v>35</v>
      </c>
      <c r="X4375">
        <v>35</v>
      </c>
      <c r="Y4375">
        <v>34</v>
      </c>
      <c r="Z4375">
        <v>34</v>
      </c>
      <c r="AA4375">
        <v>34</v>
      </c>
      <c r="AB4375">
        <v>34</v>
      </c>
      <c r="AC4375">
        <v>34</v>
      </c>
      <c r="AD4375">
        <v>33</v>
      </c>
      <c r="AE4375">
        <v>33</v>
      </c>
      <c r="AF4375">
        <v>33</v>
      </c>
      <c r="AG4375">
        <v>33</v>
      </c>
      <c r="AH4375">
        <v>33</v>
      </c>
      <c r="AI4375">
        <v>33</v>
      </c>
      <c r="AJ4375">
        <v>32</v>
      </c>
      <c r="AK4375">
        <v>32</v>
      </c>
      <c r="AL4375">
        <v>32</v>
      </c>
      <c r="AM4375">
        <v>32</v>
      </c>
      <c r="AN4375">
        <v>32</v>
      </c>
      <c r="AO4375">
        <v>32</v>
      </c>
      <c r="AP4375">
        <v>31</v>
      </c>
      <c r="AQ4375">
        <v>31</v>
      </c>
    </row>
    <row r="4376" spans="1:43">
      <c r="A4376" t="s">
        <v>2754</v>
      </c>
      <c r="B4376" t="s">
        <v>2755</v>
      </c>
      <c r="C4376" t="s">
        <v>2750</v>
      </c>
      <c r="D4376" t="s">
        <v>2751</v>
      </c>
      <c r="E4376" t="s">
        <v>2352</v>
      </c>
      <c r="F4376" t="s">
        <v>2353</v>
      </c>
      <c r="G4376" t="s">
        <v>80</v>
      </c>
      <c r="H4376" t="s">
        <v>81</v>
      </c>
      <c r="I4376" s="2">
        <v>0</v>
      </c>
      <c r="J4376" s="2">
        <v>0</v>
      </c>
      <c r="K4376" s="2">
        <v>1</v>
      </c>
      <c r="L4376" t="s">
        <v>995</v>
      </c>
      <c r="M4376" t="s">
        <v>89</v>
      </c>
      <c r="N4376" t="s">
        <v>90</v>
      </c>
      <c r="O4376" t="s">
        <v>85</v>
      </c>
      <c r="P4376" t="s">
        <v>86</v>
      </c>
      <c r="Q4376">
        <v>36</v>
      </c>
      <c r="R4376">
        <v>36</v>
      </c>
      <c r="S4376">
        <v>37</v>
      </c>
      <c r="T4376">
        <v>37</v>
      </c>
      <c r="U4376">
        <v>37</v>
      </c>
      <c r="V4376">
        <v>38</v>
      </c>
      <c r="W4376">
        <v>38</v>
      </c>
      <c r="X4376">
        <v>38</v>
      </c>
      <c r="Y4376">
        <v>38</v>
      </c>
      <c r="Z4376">
        <v>39</v>
      </c>
      <c r="AA4376">
        <v>39</v>
      </c>
      <c r="AB4376">
        <v>39</v>
      </c>
      <c r="AC4376">
        <v>39</v>
      </c>
      <c r="AD4376">
        <v>39</v>
      </c>
      <c r="AE4376">
        <v>39</v>
      </c>
      <c r="AF4376">
        <v>39</v>
      </c>
      <c r="AG4376">
        <v>39</v>
      </c>
      <c r="AH4376">
        <v>38</v>
      </c>
      <c r="AI4376">
        <v>38</v>
      </c>
      <c r="AJ4376">
        <v>38</v>
      </c>
      <c r="AK4376">
        <v>37</v>
      </c>
      <c r="AL4376">
        <v>37</v>
      </c>
      <c r="AM4376">
        <v>37</v>
      </c>
      <c r="AN4376">
        <v>36</v>
      </c>
      <c r="AO4376">
        <v>36</v>
      </c>
      <c r="AP4376">
        <v>36</v>
      </c>
      <c r="AQ4376">
        <v>35</v>
      </c>
    </row>
    <row r="4377" spans="1:43">
      <c r="A4377" t="s">
        <v>2754</v>
      </c>
      <c r="B4377" t="s">
        <v>2755</v>
      </c>
      <c r="C4377" t="s">
        <v>2750</v>
      </c>
      <c r="D4377" t="s">
        <v>2751</v>
      </c>
      <c r="E4377" t="s">
        <v>2352</v>
      </c>
      <c r="F4377" t="s">
        <v>2353</v>
      </c>
      <c r="G4377" t="s">
        <v>80</v>
      </c>
      <c r="H4377" t="s">
        <v>81</v>
      </c>
      <c r="I4377" s="2">
        <v>0</v>
      </c>
      <c r="J4377" s="2">
        <v>0</v>
      </c>
      <c r="K4377" s="2">
        <v>1</v>
      </c>
      <c r="L4377" t="s">
        <v>995</v>
      </c>
      <c r="M4377" t="s">
        <v>83</v>
      </c>
      <c r="N4377" t="s">
        <v>91</v>
      </c>
      <c r="O4377" t="s">
        <v>85</v>
      </c>
      <c r="P4377" t="s">
        <v>86</v>
      </c>
      <c r="Q4377">
        <v>36</v>
      </c>
      <c r="R4377">
        <v>37</v>
      </c>
      <c r="S4377">
        <v>37</v>
      </c>
      <c r="T4377">
        <v>37</v>
      </c>
      <c r="U4377">
        <v>37</v>
      </c>
      <c r="V4377">
        <v>37</v>
      </c>
      <c r="W4377">
        <v>37</v>
      </c>
      <c r="X4377">
        <v>37</v>
      </c>
      <c r="Y4377">
        <v>37</v>
      </c>
      <c r="Z4377">
        <v>37</v>
      </c>
      <c r="AA4377">
        <v>37</v>
      </c>
      <c r="AB4377">
        <v>37</v>
      </c>
      <c r="AC4377">
        <v>38</v>
      </c>
      <c r="AD4377">
        <v>38</v>
      </c>
      <c r="AE4377">
        <v>38</v>
      </c>
      <c r="AF4377">
        <v>38</v>
      </c>
      <c r="AG4377">
        <v>38</v>
      </c>
      <c r="AH4377">
        <v>38</v>
      </c>
      <c r="AI4377">
        <v>38</v>
      </c>
      <c r="AJ4377">
        <v>38</v>
      </c>
      <c r="AK4377">
        <v>38</v>
      </c>
      <c r="AL4377">
        <v>38</v>
      </c>
      <c r="AM4377">
        <v>37</v>
      </c>
      <c r="AN4377">
        <v>37</v>
      </c>
      <c r="AO4377">
        <v>37</v>
      </c>
      <c r="AP4377">
        <v>36</v>
      </c>
      <c r="AQ4377">
        <v>36</v>
      </c>
    </row>
    <row r="4378" spans="1:43">
      <c r="A4378" t="s">
        <v>2756</v>
      </c>
      <c r="B4378" t="s">
        <v>2757</v>
      </c>
      <c r="C4378" t="s">
        <v>2736</v>
      </c>
      <c r="D4378" t="s">
        <v>2737</v>
      </c>
      <c r="E4378" t="s">
        <v>2352</v>
      </c>
      <c r="F4378" t="s">
        <v>2353</v>
      </c>
      <c r="G4378" t="s">
        <v>80</v>
      </c>
      <c r="H4378" t="s">
        <v>81</v>
      </c>
      <c r="I4378" s="2">
        <v>0</v>
      </c>
      <c r="J4378" s="2">
        <v>0</v>
      </c>
      <c r="K4378" s="2">
        <v>1</v>
      </c>
      <c r="L4378" t="s">
        <v>995</v>
      </c>
      <c r="M4378" t="s">
        <v>83</v>
      </c>
      <c r="N4378" t="s">
        <v>84</v>
      </c>
      <c r="O4378" t="s">
        <v>85</v>
      </c>
      <c r="P4378" t="s">
        <v>86</v>
      </c>
      <c r="Q4378">
        <v>18</v>
      </c>
      <c r="R4378">
        <v>18</v>
      </c>
      <c r="S4378">
        <v>18</v>
      </c>
      <c r="T4378">
        <v>18</v>
      </c>
      <c r="U4378">
        <v>18</v>
      </c>
      <c r="V4378">
        <v>18</v>
      </c>
      <c r="W4378">
        <v>18</v>
      </c>
      <c r="X4378">
        <v>18</v>
      </c>
      <c r="Y4378">
        <v>18</v>
      </c>
      <c r="Z4378">
        <v>18</v>
      </c>
      <c r="AA4378">
        <v>19</v>
      </c>
      <c r="AB4378">
        <v>19</v>
      </c>
      <c r="AC4378">
        <v>19</v>
      </c>
      <c r="AD4378">
        <v>19</v>
      </c>
      <c r="AE4378">
        <v>19</v>
      </c>
      <c r="AF4378">
        <v>19</v>
      </c>
      <c r="AG4378">
        <v>19</v>
      </c>
      <c r="AH4378">
        <v>19</v>
      </c>
      <c r="AI4378">
        <v>19</v>
      </c>
      <c r="AJ4378">
        <v>19</v>
      </c>
      <c r="AK4378">
        <v>19</v>
      </c>
      <c r="AL4378">
        <v>19</v>
      </c>
      <c r="AM4378">
        <v>18</v>
      </c>
      <c r="AN4378">
        <v>18</v>
      </c>
      <c r="AO4378">
        <v>18</v>
      </c>
      <c r="AP4378">
        <v>18</v>
      </c>
      <c r="AQ4378">
        <v>18</v>
      </c>
    </row>
    <row r="4379" spans="1:43">
      <c r="A4379" t="s">
        <v>2756</v>
      </c>
      <c r="B4379" t="s">
        <v>2757</v>
      </c>
      <c r="C4379" t="s">
        <v>2736</v>
      </c>
      <c r="D4379" t="s">
        <v>2737</v>
      </c>
      <c r="E4379" t="s">
        <v>2352</v>
      </c>
      <c r="F4379" t="s">
        <v>2353</v>
      </c>
      <c r="G4379" t="s">
        <v>80</v>
      </c>
      <c r="H4379" t="s">
        <v>81</v>
      </c>
      <c r="I4379" s="2">
        <v>0</v>
      </c>
      <c r="J4379" s="2">
        <v>0</v>
      </c>
      <c r="K4379" s="2">
        <v>1</v>
      </c>
      <c r="L4379" t="s">
        <v>995</v>
      </c>
      <c r="M4379" t="s">
        <v>87</v>
      </c>
      <c r="N4379" t="s">
        <v>88</v>
      </c>
      <c r="O4379" t="s">
        <v>85</v>
      </c>
      <c r="P4379" t="s">
        <v>86</v>
      </c>
      <c r="Q4379">
        <v>18</v>
      </c>
      <c r="R4379">
        <v>18</v>
      </c>
      <c r="S4379">
        <v>18</v>
      </c>
      <c r="T4379">
        <v>18</v>
      </c>
      <c r="U4379">
        <v>17</v>
      </c>
      <c r="V4379">
        <v>17</v>
      </c>
      <c r="W4379">
        <v>17</v>
      </c>
      <c r="X4379">
        <v>17</v>
      </c>
      <c r="Y4379">
        <v>17</v>
      </c>
      <c r="Z4379">
        <v>17</v>
      </c>
      <c r="AA4379">
        <v>17</v>
      </c>
      <c r="AB4379">
        <v>17</v>
      </c>
      <c r="AC4379">
        <v>17</v>
      </c>
      <c r="AD4379">
        <v>17</v>
      </c>
      <c r="AE4379">
        <v>17</v>
      </c>
      <c r="AF4379">
        <v>16</v>
      </c>
      <c r="AG4379">
        <v>16</v>
      </c>
      <c r="AH4379">
        <v>16</v>
      </c>
      <c r="AI4379">
        <v>16</v>
      </c>
      <c r="AJ4379">
        <v>16</v>
      </c>
      <c r="AK4379">
        <v>16</v>
      </c>
      <c r="AL4379">
        <v>16</v>
      </c>
      <c r="AM4379">
        <v>16</v>
      </c>
      <c r="AN4379">
        <v>16</v>
      </c>
      <c r="AO4379">
        <v>16</v>
      </c>
      <c r="AP4379">
        <v>16</v>
      </c>
      <c r="AQ4379">
        <v>16</v>
      </c>
    </row>
    <row r="4380" spans="1:43">
      <c r="A4380" t="s">
        <v>2756</v>
      </c>
      <c r="B4380" t="s">
        <v>2757</v>
      </c>
      <c r="C4380" t="s">
        <v>2736</v>
      </c>
      <c r="D4380" t="s">
        <v>2737</v>
      </c>
      <c r="E4380" t="s">
        <v>2352</v>
      </c>
      <c r="F4380" t="s">
        <v>2353</v>
      </c>
      <c r="G4380" t="s">
        <v>80</v>
      </c>
      <c r="H4380" t="s">
        <v>81</v>
      </c>
      <c r="I4380" s="2">
        <v>0</v>
      </c>
      <c r="J4380" s="2">
        <v>0</v>
      </c>
      <c r="K4380" s="2">
        <v>1</v>
      </c>
      <c r="L4380" t="s">
        <v>995</v>
      </c>
      <c r="M4380" t="s">
        <v>89</v>
      </c>
      <c r="N4380" t="s">
        <v>90</v>
      </c>
      <c r="O4380" t="s">
        <v>85</v>
      </c>
      <c r="P4380" t="s">
        <v>86</v>
      </c>
      <c r="Q4380">
        <v>18</v>
      </c>
      <c r="R4380">
        <v>18</v>
      </c>
      <c r="S4380">
        <v>19</v>
      </c>
      <c r="T4380">
        <v>19</v>
      </c>
      <c r="U4380">
        <v>19</v>
      </c>
      <c r="V4380">
        <v>19</v>
      </c>
      <c r="W4380">
        <v>19</v>
      </c>
      <c r="X4380">
        <v>19</v>
      </c>
      <c r="Y4380">
        <v>20</v>
      </c>
      <c r="Z4380">
        <v>20</v>
      </c>
      <c r="AA4380">
        <v>20</v>
      </c>
      <c r="AB4380">
        <v>20</v>
      </c>
      <c r="AC4380">
        <v>20</v>
      </c>
      <c r="AD4380">
        <v>20</v>
      </c>
      <c r="AE4380">
        <v>20</v>
      </c>
      <c r="AF4380">
        <v>20</v>
      </c>
      <c r="AG4380">
        <v>20</v>
      </c>
      <c r="AH4380">
        <v>19</v>
      </c>
      <c r="AI4380">
        <v>19</v>
      </c>
      <c r="AJ4380">
        <v>19</v>
      </c>
      <c r="AK4380">
        <v>19</v>
      </c>
      <c r="AL4380">
        <v>19</v>
      </c>
      <c r="AM4380">
        <v>19</v>
      </c>
      <c r="AN4380">
        <v>18</v>
      </c>
      <c r="AO4380">
        <v>18</v>
      </c>
      <c r="AP4380">
        <v>18</v>
      </c>
      <c r="AQ4380">
        <v>18</v>
      </c>
    </row>
    <row r="4381" spans="1:43">
      <c r="A4381" t="s">
        <v>2756</v>
      </c>
      <c r="B4381" t="s">
        <v>2757</v>
      </c>
      <c r="C4381" t="s">
        <v>2736</v>
      </c>
      <c r="D4381" t="s">
        <v>2737</v>
      </c>
      <c r="E4381" t="s">
        <v>2352</v>
      </c>
      <c r="F4381" t="s">
        <v>2353</v>
      </c>
      <c r="G4381" t="s">
        <v>80</v>
      </c>
      <c r="H4381" t="s">
        <v>81</v>
      </c>
      <c r="I4381" s="2">
        <v>0</v>
      </c>
      <c r="J4381" s="2">
        <v>0</v>
      </c>
      <c r="K4381" s="2">
        <v>1</v>
      </c>
      <c r="L4381" t="s">
        <v>995</v>
      </c>
      <c r="M4381" t="s">
        <v>83</v>
      </c>
      <c r="N4381" t="s">
        <v>91</v>
      </c>
      <c r="O4381" t="s">
        <v>85</v>
      </c>
      <c r="P4381" t="s">
        <v>86</v>
      </c>
      <c r="Q4381">
        <v>18</v>
      </c>
      <c r="R4381">
        <v>18</v>
      </c>
      <c r="S4381">
        <v>18</v>
      </c>
      <c r="T4381">
        <v>18</v>
      </c>
      <c r="U4381">
        <v>18</v>
      </c>
      <c r="V4381">
        <v>18</v>
      </c>
      <c r="W4381">
        <v>18</v>
      </c>
      <c r="X4381">
        <v>18</v>
      </c>
      <c r="Y4381">
        <v>18</v>
      </c>
      <c r="Z4381">
        <v>18</v>
      </c>
      <c r="AA4381">
        <v>19</v>
      </c>
      <c r="AB4381">
        <v>19</v>
      </c>
      <c r="AC4381">
        <v>19</v>
      </c>
      <c r="AD4381">
        <v>19</v>
      </c>
      <c r="AE4381">
        <v>19</v>
      </c>
      <c r="AF4381">
        <v>19</v>
      </c>
      <c r="AG4381">
        <v>19</v>
      </c>
      <c r="AH4381">
        <v>19</v>
      </c>
      <c r="AI4381">
        <v>19</v>
      </c>
      <c r="AJ4381">
        <v>19</v>
      </c>
      <c r="AK4381">
        <v>19</v>
      </c>
      <c r="AL4381">
        <v>19</v>
      </c>
      <c r="AM4381">
        <v>18</v>
      </c>
      <c r="AN4381">
        <v>18</v>
      </c>
      <c r="AO4381">
        <v>18</v>
      </c>
      <c r="AP4381">
        <v>18</v>
      </c>
      <c r="AQ4381">
        <v>18</v>
      </c>
    </row>
    <row r="4382" spans="1:43">
      <c r="A4382" t="s">
        <v>2758</v>
      </c>
      <c r="B4382" t="s">
        <v>2759</v>
      </c>
      <c r="C4382" t="s">
        <v>2750</v>
      </c>
      <c r="D4382" t="s">
        <v>2751</v>
      </c>
      <c r="E4382" t="s">
        <v>2352</v>
      </c>
      <c r="F4382" t="s">
        <v>2353</v>
      </c>
      <c r="G4382" t="s">
        <v>80</v>
      </c>
      <c r="H4382" t="s">
        <v>81</v>
      </c>
      <c r="I4382" s="2">
        <v>0</v>
      </c>
      <c r="J4382" s="2">
        <v>0</v>
      </c>
      <c r="K4382" s="2">
        <v>1</v>
      </c>
      <c r="L4382" t="s">
        <v>995</v>
      </c>
      <c r="M4382" t="s">
        <v>83</v>
      </c>
      <c r="N4382" t="s">
        <v>84</v>
      </c>
      <c r="O4382" t="s">
        <v>85</v>
      </c>
      <c r="P4382" t="s">
        <v>86</v>
      </c>
      <c r="Q4382">
        <v>23</v>
      </c>
      <c r="R4382">
        <v>23</v>
      </c>
      <c r="S4382">
        <v>23</v>
      </c>
      <c r="T4382">
        <v>23</v>
      </c>
      <c r="U4382">
        <v>23</v>
      </c>
      <c r="V4382">
        <v>23</v>
      </c>
      <c r="W4382">
        <v>23</v>
      </c>
      <c r="X4382">
        <v>23</v>
      </c>
      <c r="Y4382">
        <v>23</v>
      </c>
      <c r="Z4382">
        <v>23</v>
      </c>
      <c r="AA4382">
        <v>23</v>
      </c>
      <c r="AB4382">
        <v>23</v>
      </c>
      <c r="AC4382">
        <v>23</v>
      </c>
      <c r="AD4382">
        <v>23</v>
      </c>
      <c r="AE4382">
        <v>23</v>
      </c>
      <c r="AF4382">
        <v>24</v>
      </c>
      <c r="AG4382">
        <v>24</v>
      </c>
      <c r="AH4382">
        <v>24</v>
      </c>
      <c r="AI4382">
        <v>24</v>
      </c>
      <c r="AJ4382">
        <v>24</v>
      </c>
      <c r="AK4382">
        <v>24</v>
      </c>
      <c r="AL4382">
        <v>23</v>
      </c>
      <c r="AM4382">
        <v>23</v>
      </c>
      <c r="AN4382">
        <v>23</v>
      </c>
      <c r="AO4382">
        <v>23</v>
      </c>
      <c r="AP4382">
        <v>23</v>
      </c>
      <c r="AQ4382">
        <v>23</v>
      </c>
    </row>
    <row r="4383" spans="1:43">
      <c r="A4383" t="s">
        <v>2758</v>
      </c>
      <c r="B4383" t="s">
        <v>2759</v>
      </c>
      <c r="C4383" t="s">
        <v>2750</v>
      </c>
      <c r="D4383" t="s">
        <v>2751</v>
      </c>
      <c r="E4383" t="s">
        <v>2352</v>
      </c>
      <c r="F4383" t="s">
        <v>2353</v>
      </c>
      <c r="G4383" t="s">
        <v>80</v>
      </c>
      <c r="H4383" t="s">
        <v>81</v>
      </c>
      <c r="I4383" s="2">
        <v>0</v>
      </c>
      <c r="J4383" s="2">
        <v>0</v>
      </c>
      <c r="K4383" s="2">
        <v>1</v>
      </c>
      <c r="L4383" t="s">
        <v>995</v>
      </c>
      <c r="M4383" t="s">
        <v>87</v>
      </c>
      <c r="N4383" t="s">
        <v>88</v>
      </c>
      <c r="O4383" t="s">
        <v>85</v>
      </c>
      <c r="P4383" t="s">
        <v>86</v>
      </c>
      <c r="Q4383">
        <v>23</v>
      </c>
      <c r="R4383">
        <v>22</v>
      </c>
      <c r="S4383">
        <v>22</v>
      </c>
      <c r="T4383">
        <v>22</v>
      </c>
      <c r="U4383">
        <v>22</v>
      </c>
      <c r="V4383">
        <v>22</v>
      </c>
      <c r="W4383">
        <v>22</v>
      </c>
      <c r="X4383">
        <v>22</v>
      </c>
      <c r="Y4383">
        <v>22</v>
      </c>
      <c r="Z4383">
        <v>21</v>
      </c>
      <c r="AA4383">
        <v>21</v>
      </c>
      <c r="AB4383">
        <v>21</v>
      </c>
      <c r="AC4383">
        <v>21</v>
      </c>
      <c r="AD4383">
        <v>21</v>
      </c>
      <c r="AE4383">
        <v>21</v>
      </c>
      <c r="AF4383">
        <v>21</v>
      </c>
      <c r="AG4383">
        <v>21</v>
      </c>
      <c r="AH4383">
        <v>20</v>
      </c>
      <c r="AI4383">
        <v>20</v>
      </c>
      <c r="AJ4383">
        <v>20</v>
      </c>
      <c r="AK4383">
        <v>20</v>
      </c>
      <c r="AL4383">
        <v>20</v>
      </c>
      <c r="AM4383">
        <v>20</v>
      </c>
      <c r="AN4383">
        <v>20</v>
      </c>
      <c r="AO4383">
        <v>20</v>
      </c>
      <c r="AP4383">
        <v>20</v>
      </c>
      <c r="AQ4383">
        <v>20</v>
      </c>
    </row>
    <row r="4384" spans="1:43">
      <c r="A4384" t="s">
        <v>2758</v>
      </c>
      <c r="B4384" t="s">
        <v>2759</v>
      </c>
      <c r="C4384" t="s">
        <v>2750</v>
      </c>
      <c r="D4384" t="s">
        <v>2751</v>
      </c>
      <c r="E4384" t="s">
        <v>2352</v>
      </c>
      <c r="F4384" t="s">
        <v>2353</v>
      </c>
      <c r="G4384" t="s">
        <v>80</v>
      </c>
      <c r="H4384" t="s">
        <v>81</v>
      </c>
      <c r="I4384" s="2">
        <v>0</v>
      </c>
      <c r="J4384" s="2">
        <v>0</v>
      </c>
      <c r="K4384" s="2">
        <v>1</v>
      </c>
      <c r="L4384" t="s">
        <v>995</v>
      </c>
      <c r="M4384" t="s">
        <v>89</v>
      </c>
      <c r="N4384" t="s">
        <v>90</v>
      </c>
      <c r="O4384" t="s">
        <v>85</v>
      </c>
      <c r="P4384" t="s">
        <v>86</v>
      </c>
      <c r="Q4384">
        <v>23</v>
      </c>
      <c r="R4384">
        <v>23</v>
      </c>
      <c r="S4384">
        <v>23</v>
      </c>
      <c r="T4384">
        <v>24</v>
      </c>
      <c r="U4384">
        <v>24</v>
      </c>
      <c r="V4384">
        <v>24</v>
      </c>
      <c r="W4384">
        <v>24</v>
      </c>
      <c r="X4384">
        <v>25</v>
      </c>
      <c r="Y4384">
        <v>25</v>
      </c>
      <c r="Z4384">
        <v>25</v>
      </c>
      <c r="AA4384">
        <v>25</v>
      </c>
      <c r="AB4384">
        <v>25</v>
      </c>
      <c r="AC4384">
        <v>25</v>
      </c>
      <c r="AD4384">
        <v>25</v>
      </c>
      <c r="AE4384">
        <v>25</v>
      </c>
      <c r="AF4384">
        <v>25</v>
      </c>
      <c r="AG4384">
        <v>25</v>
      </c>
      <c r="AH4384">
        <v>25</v>
      </c>
      <c r="AI4384">
        <v>24</v>
      </c>
      <c r="AJ4384">
        <v>24</v>
      </c>
      <c r="AK4384">
        <v>24</v>
      </c>
      <c r="AL4384">
        <v>24</v>
      </c>
      <c r="AM4384">
        <v>23</v>
      </c>
      <c r="AN4384">
        <v>23</v>
      </c>
      <c r="AO4384">
        <v>23</v>
      </c>
      <c r="AP4384">
        <v>23</v>
      </c>
      <c r="AQ4384">
        <v>23</v>
      </c>
    </row>
    <row r="4385" spans="1:43">
      <c r="A4385" t="s">
        <v>2758</v>
      </c>
      <c r="B4385" t="s">
        <v>2759</v>
      </c>
      <c r="C4385" t="s">
        <v>2750</v>
      </c>
      <c r="D4385" t="s">
        <v>2751</v>
      </c>
      <c r="E4385" t="s">
        <v>2352</v>
      </c>
      <c r="F4385" t="s">
        <v>2353</v>
      </c>
      <c r="G4385" t="s">
        <v>80</v>
      </c>
      <c r="H4385" t="s">
        <v>81</v>
      </c>
      <c r="I4385" s="2">
        <v>0</v>
      </c>
      <c r="J4385" s="2">
        <v>0</v>
      </c>
      <c r="K4385" s="2">
        <v>1</v>
      </c>
      <c r="L4385" t="s">
        <v>995</v>
      </c>
      <c r="M4385" t="s">
        <v>83</v>
      </c>
      <c r="N4385" t="s">
        <v>91</v>
      </c>
      <c r="O4385" t="s">
        <v>85</v>
      </c>
      <c r="P4385" t="s">
        <v>86</v>
      </c>
      <c r="Q4385">
        <v>23</v>
      </c>
      <c r="R4385">
        <v>23</v>
      </c>
      <c r="S4385">
        <v>23</v>
      </c>
      <c r="T4385">
        <v>23</v>
      </c>
      <c r="U4385">
        <v>23</v>
      </c>
      <c r="V4385">
        <v>23</v>
      </c>
      <c r="W4385">
        <v>23</v>
      </c>
      <c r="X4385">
        <v>23</v>
      </c>
      <c r="Y4385">
        <v>23</v>
      </c>
      <c r="Z4385">
        <v>23</v>
      </c>
      <c r="AA4385">
        <v>23</v>
      </c>
      <c r="AB4385">
        <v>23</v>
      </c>
      <c r="AC4385">
        <v>23</v>
      </c>
      <c r="AD4385">
        <v>23</v>
      </c>
      <c r="AE4385">
        <v>23</v>
      </c>
      <c r="AF4385">
        <v>24</v>
      </c>
      <c r="AG4385">
        <v>24</v>
      </c>
      <c r="AH4385">
        <v>24</v>
      </c>
      <c r="AI4385">
        <v>24</v>
      </c>
      <c r="AJ4385">
        <v>24</v>
      </c>
      <c r="AK4385">
        <v>24</v>
      </c>
      <c r="AL4385">
        <v>23</v>
      </c>
      <c r="AM4385">
        <v>23</v>
      </c>
      <c r="AN4385">
        <v>23</v>
      </c>
      <c r="AO4385">
        <v>23</v>
      </c>
      <c r="AP4385">
        <v>23</v>
      </c>
      <c r="AQ4385">
        <v>23</v>
      </c>
    </row>
    <row r="4386" spans="1:43">
      <c r="A4386" t="s">
        <v>2760</v>
      </c>
      <c r="B4386" t="s">
        <v>2761</v>
      </c>
      <c r="C4386" t="s">
        <v>2762</v>
      </c>
      <c r="D4386" t="s">
        <v>2763</v>
      </c>
      <c r="E4386" t="s">
        <v>2352</v>
      </c>
      <c r="F4386" t="s">
        <v>2353</v>
      </c>
      <c r="G4386" t="s">
        <v>80</v>
      </c>
      <c r="H4386" t="s">
        <v>81</v>
      </c>
      <c r="I4386" s="2">
        <v>0</v>
      </c>
      <c r="J4386" s="2">
        <v>0</v>
      </c>
      <c r="K4386" s="2">
        <v>1</v>
      </c>
      <c r="L4386" t="s">
        <v>995</v>
      </c>
      <c r="M4386" t="s">
        <v>83</v>
      </c>
      <c r="N4386" t="s">
        <v>84</v>
      </c>
      <c r="O4386" t="s">
        <v>85</v>
      </c>
      <c r="P4386" t="s">
        <v>86</v>
      </c>
      <c r="Q4386">
        <v>4</v>
      </c>
      <c r="R4386">
        <v>4</v>
      </c>
      <c r="S4386">
        <v>4</v>
      </c>
      <c r="T4386">
        <v>4</v>
      </c>
      <c r="U4386">
        <v>4</v>
      </c>
      <c r="V4386">
        <v>4</v>
      </c>
      <c r="W4386">
        <v>4</v>
      </c>
      <c r="X4386">
        <v>4</v>
      </c>
      <c r="Y4386">
        <v>4</v>
      </c>
      <c r="Z4386">
        <v>4</v>
      </c>
      <c r="AA4386">
        <v>4</v>
      </c>
      <c r="AB4386">
        <v>4</v>
      </c>
      <c r="AC4386">
        <v>4</v>
      </c>
      <c r="AD4386">
        <v>4</v>
      </c>
      <c r="AE4386">
        <v>4</v>
      </c>
      <c r="AF4386">
        <v>4</v>
      </c>
      <c r="AG4386">
        <v>4</v>
      </c>
      <c r="AH4386">
        <v>4</v>
      </c>
      <c r="AI4386">
        <v>4</v>
      </c>
      <c r="AJ4386">
        <v>4</v>
      </c>
      <c r="AK4386">
        <v>4</v>
      </c>
      <c r="AL4386">
        <v>4</v>
      </c>
      <c r="AM4386">
        <v>4</v>
      </c>
      <c r="AN4386">
        <v>4</v>
      </c>
      <c r="AO4386">
        <v>4</v>
      </c>
      <c r="AP4386">
        <v>4</v>
      </c>
      <c r="AQ4386">
        <v>4</v>
      </c>
    </row>
    <row r="4387" spans="1:43">
      <c r="A4387" t="s">
        <v>2760</v>
      </c>
      <c r="B4387" t="s">
        <v>2761</v>
      </c>
      <c r="C4387" t="s">
        <v>2762</v>
      </c>
      <c r="D4387" t="s">
        <v>2763</v>
      </c>
      <c r="E4387" t="s">
        <v>2352</v>
      </c>
      <c r="F4387" t="s">
        <v>2353</v>
      </c>
      <c r="G4387" t="s">
        <v>80</v>
      </c>
      <c r="H4387" t="s">
        <v>81</v>
      </c>
      <c r="I4387" s="2">
        <v>0</v>
      </c>
      <c r="J4387" s="2">
        <v>0</v>
      </c>
      <c r="K4387" s="2">
        <v>1</v>
      </c>
      <c r="L4387" t="s">
        <v>995</v>
      </c>
      <c r="M4387" t="s">
        <v>87</v>
      </c>
      <c r="N4387" t="s">
        <v>88</v>
      </c>
      <c r="O4387" t="s">
        <v>85</v>
      </c>
      <c r="P4387" t="s">
        <v>86</v>
      </c>
      <c r="Q4387">
        <v>4</v>
      </c>
      <c r="R4387">
        <v>4</v>
      </c>
      <c r="S4387">
        <v>4</v>
      </c>
      <c r="T4387">
        <v>4</v>
      </c>
      <c r="U4387">
        <v>4</v>
      </c>
      <c r="V4387">
        <v>4</v>
      </c>
      <c r="W4387">
        <v>4</v>
      </c>
      <c r="X4387">
        <v>4</v>
      </c>
      <c r="Y4387">
        <v>4</v>
      </c>
      <c r="Z4387">
        <v>4</v>
      </c>
      <c r="AA4387">
        <v>4</v>
      </c>
      <c r="AB4387">
        <v>4</v>
      </c>
      <c r="AC4387">
        <v>4</v>
      </c>
      <c r="AD4387">
        <v>4</v>
      </c>
      <c r="AE4387">
        <v>4</v>
      </c>
      <c r="AF4387">
        <v>4</v>
      </c>
      <c r="AG4387">
        <v>4</v>
      </c>
      <c r="AH4387">
        <v>4</v>
      </c>
      <c r="AI4387">
        <v>4</v>
      </c>
      <c r="AJ4387">
        <v>4</v>
      </c>
      <c r="AK4387">
        <v>4</v>
      </c>
      <c r="AL4387">
        <v>4</v>
      </c>
      <c r="AM4387">
        <v>4</v>
      </c>
      <c r="AN4387">
        <v>4</v>
      </c>
      <c r="AO4387">
        <v>4</v>
      </c>
      <c r="AP4387">
        <v>4</v>
      </c>
      <c r="AQ4387">
        <v>4</v>
      </c>
    </row>
    <row r="4388" spans="1:43">
      <c r="A4388" t="s">
        <v>2760</v>
      </c>
      <c r="B4388" t="s">
        <v>2761</v>
      </c>
      <c r="C4388" t="s">
        <v>2762</v>
      </c>
      <c r="D4388" t="s">
        <v>2763</v>
      </c>
      <c r="E4388" t="s">
        <v>2352</v>
      </c>
      <c r="F4388" t="s">
        <v>2353</v>
      </c>
      <c r="G4388" t="s">
        <v>80</v>
      </c>
      <c r="H4388" t="s">
        <v>81</v>
      </c>
      <c r="I4388" s="2">
        <v>0</v>
      </c>
      <c r="J4388" s="2">
        <v>0</v>
      </c>
      <c r="K4388" s="2">
        <v>1</v>
      </c>
      <c r="L4388" t="s">
        <v>995</v>
      </c>
      <c r="M4388" t="s">
        <v>89</v>
      </c>
      <c r="N4388" t="s">
        <v>90</v>
      </c>
      <c r="O4388" t="s">
        <v>85</v>
      </c>
      <c r="P4388" t="s">
        <v>86</v>
      </c>
      <c r="Q4388">
        <v>4</v>
      </c>
      <c r="R4388">
        <v>4</v>
      </c>
      <c r="S4388">
        <v>4</v>
      </c>
      <c r="T4388">
        <v>4</v>
      </c>
      <c r="U4388">
        <v>4</v>
      </c>
      <c r="V4388">
        <v>4</v>
      </c>
      <c r="W4388">
        <v>4</v>
      </c>
      <c r="X4388">
        <v>4</v>
      </c>
      <c r="Y4388">
        <v>4</v>
      </c>
      <c r="Z4388">
        <v>4</v>
      </c>
      <c r="AA4388">
        <v>4</v>
      </c>
      <c r="AB4388">
        <v>4</v>
      </c>
      <c r="AC4388">
        <v>4</v>
      </c>
      <c r="AD4388">
        <v>5</v>
      </c>
      <c r="AE4388">
        <v>5</v>
      </c>
      <c r="AF4388">
        <v>4</v>
      </c>
      <c r="AG4388">
        <v>4</v>
      </c>
      <c r="AH4388">
        <v>4</v>
      </c>
      <c r="AI4388">
        <v>4</v>
      </c>
      <c r="AJ4388">
        <v>4</v>
      </c>
      <c r="AK4388">
        <v>4</v>
      </c>
      <c r="AL4388">
        <v>4</v>
      </c>
      <c r="AM4388">
        <v>4</v>
      </c>
      <c r="AN4388">
        <v>4</v>
      </c>
      <c r="AO4388">
        <v>4</v>
      </c>
      <c r="AP4388">
        <v>4</v>
      </c>
      <c r="AQ4388">
        <v>4</v>
      </c>
    </row>
    <row r="4389" spans="1:43">
      <c r="A4389" t="s">
        <v>2760</v>
      </c>
      <c r="B4389" t="s">
        <v>2761</v>
      </c>
      <c r="C4389" t="s">
        <v>2762</v>
      </c>
      <c r="D4389" t="s">
        <v>2763</v>
      </c>
      <c r="E4389" t="s">
        <v>2352</v>
      </c>
      <c r="F4389" t="s">
        <v>2353</v>
      </c>
      <c r="G4389" t="s">
        <v>80</v>
      </c>
      <c r="H4389" t="s">
        <v>81</v>
      </c>
      <c r="I4389" s="2">
        <v>0</v>
      </c>
      <c r="J4389" s="2">
        <v>0</v>
      </c>
      <c r="K4389" s="2">
        <v>1</v>
      </c>
      <c r="L4389" t="s">
        <v>995</v>
      </c>
      <c r="M4389" t="s">
        <v>83</v>
      </c>
      <c r="N4389" t="s">
        <v>91</v>
      </c>
      <c r="O4389" t="s">
        <v>85</v>
      </c>
      <c r="P4389" t="s">
        <v>86</v>
      </c>
      <c r="Q4389">
        <v>4</v>
      </c>
      <c r="R4389">
        <v>4</v>
      </c>
      <c r="S4389">
        <v>4</v>
      </c>
      <c r="T4389">
        <v>4</v>
      </c>
      <c r="U4389">
        <v>4</v>
      </c>
      <c r="V4389">
        <v>4</v>
      </c>
      <c r="W4389">
        <v>4</v>
      </c>
      <c r="X4389">
        <v>4</v>
      </c>
      <c r="Y4389">
        <v>4</v>
      </c>
      <c r="Z4389">
        <v>4</v>
      </c>
      <c r="AA4389">
        <v>4</v>
      </c>
      <c r="AB4389">
        <v>4</v>
      </c>
      <c r="AC4389">
        <v>4</v>
      </c>
      <c r="AD4389">
        <v>4</v>
      </c>
      <c r="AE4389">
        <v>4</v>
      </c>
      <c r="AF4389">
        <v>4</v>
      </c>
      <c r="AG4389">
        <v>4</v>
      </c>
      <c r="AH4389">
        <v>4</v>
      </c>
      <c r="AI4389">
        <v>4</v>
      </c>
      <c r="AJ4389">
        <v>4</v>
      </c>
      <c r="AK4389">
        <v>4</v>
      </c>
      <c r="AL4389">
        <v>4</v>
      </c>
      <c r="AM4389">
        <v>4</v>
      </c>
      <c r="AN4389">
        <v>4</v>
      </c>
      <c r="AO4389">
        <v>4</v>
      </c>
      <c r="AP4389">
        <v>4</v>
      </c>
      <c r="AQ4389">
        <v>4</v>
      </c>
    </row>
    <row r="4390" spans="1:43">
      <c r="A4390" t="s">
        <v>2764</v>
      </c>
      <c r="B4390" t="s">
        <v>2765</v>
      </c>
      <c r="C4390" t="s">
        <v>2766</v>
      </c>
      <c r="D4390" t="s">
        <v>2767</v>
      </c>
      <c r="E4390" t="s">
        <v>2352</v>
      </c>
      <c r="F4390" t="s">
        <v>2353</v>
      </c>
      <c r="G4390" t="s">
        <v>80</v>
      </c>
      <c r="H4390" t="s">
        <v>81</v>
      </c>
      <c r="I4390" s="2">
        <v>0</v>
      </c>
      <c r="J4390" s="2">
        <v>0</v>
      </c>
      <c r="K4390" s="2">
        <v>1</v>
      </c>
      <c r="L4390" t="s">
        <v>995</v>
      </c>
      <c r="M4390" t="s">
        <v>83</v>
      </c>
      <c r="N4390" t="s">
        <v>84</v>
      </c>
      <c r="O4390" t="s">
        <v>85</v>
      </c>
      <c r="P4390" t="s">
        <v>86</v>
      </c>
      <c r="Q4390">
        <v>41</v>
      </c>
      <c r="R4390">
        <v>41</v>
      </c>
      <c r="S4390">
        <v>41</v>
      </c>
      <c r="T4390">
        <v>41</v>
      </c>
      <c r="U4390">
        <v>42</v>
      </c>
      <c r="V4390">
        <v>42</v>
      </c>
      <c r="W4390">
        <v>42</v>
      </c>
      <c r="X4390">
        <v>42</v>
      </c>
      <c r="Y4390">
        <v>42</v>
      </c>
      <c r="Z4390">
        <v>42</v>
      </c>
      <c r="AA4390">
        <v>42</v>
      </c>
      <c r="AB4390">
        <v>43</v>
      </c>
      <c r="AC4390">
        <v>43</v>
      </c>
      <c r="AD4390">
        <v>43</v>
      </c>
      <c r="AE4390">
        <v>43</v>
      </c>
      <c r="AF4390">
        <v>43</v>
      </c>
      <c r="AG4390">
        <v>43</v>
      </c>
      <c r="AH4390">
        <v>43</v>
      </c>
      <c r="AI4390">
        <v>43</v>
      </c>
      <c r="AJ4390">
        <v>43</v>
      </c>
      <c r="AK4390">
        <v>43</v>
      </c>
      <c r="AL4390">
        <v>43</v>
      </c>
      <c r="AM4390">
        <v>43</v>
      </c>
      <c r="AN4390">
        <v>42</v>
      </c>
      <c r="AO4390">
        <v>42</v>
      </c>
      <c r="AP4390">
        <v>42</v>
      </c>
      <c r="AQ4390">
        <v>41</v>
      </c>
    </row>
    <row r="4391" spans="1:43">
      <c r="A4391" t="s">
        <v>2764</v>
      </c>
      <c r="B4391" t="s">
        <v>2765</v>
      </c>
      <c r="C4391" t="s">
        <v>2766</v>
      </c>
      <c r="D4391" t="s">
        <v>2767</v>
      </c>
      <c r="E4391" t="s">
        <v>2352</v>
      </c>
      <c r="F4391" t="s">
        <v>2353</v>
      </c>
      <c r="G4391" t="s">
        <v>80</v>
      </c>
      <c r="H4391" t="s">
        <v>81</v>
      </c>
      <c r="I4391" s="2">
        <v>0</v>
      </c>
      <c r="J4391" s="2">
        <v>0</v>
      </c>
      <c r="K4391" s="2">
        <v>1</v>
      </c>
      <c r="L4391" t="s">
        <v>995</v>
      </c>
      <c r="M4391" t="s">
        <v>87</v>
      </c>
      <c r="N4391" t="s">
        <v>88</v>
      </c>
      <c r="O4391" t="s">
        <v>85</v>
      </c>
      <c r="P4391" t="s">
        <v>86</v>
      </c>
      <c r="Q4391">
        <v>41</v>
      </c>
      <c r="R4391">
        <v>41</v>
      </c>
      <c r="S4391">
        <v>41</v>
      </c>
      <c r="T4391">
        <v>41</v>
      </c>
      <c r="U4391">
        <v>41</v>
      </c>
      <c r="V4391">
        <v>41</v>
      </c>
      <c r="W4391">
        <v>40</v>
      </c>
      <c r="X4391">
        <v>40</v>
      </c>
      <c r="Y4391">
        <v>40</v>
      </c>
      <c r="Z4391">
        <v>40</v>
      </c>
      <c r="AA4391">
        <v>40</v>
      </c>
      <c r="AB4391">
        <v>39</v>
      </c>
      <c r="AC4391">
        <v>39</v>
      </c>
      <c r="AD4391">
        <v>39</v>
      </c>
      <c r="AE4391">
        <v>39</v>
      </c>
      <c r="AF4391">
        <v>39</v>
      </c>
      <c r="AG4391">
        <v>39</v>
      </c>
      <c r="AH4391">
        <v>38</v>
      </c>
      <c r="AI4391">
        <v>38</v>
      </c>
      <c r="AJ4391">
        <v>38</v>
      </c>
      <c r="AK4391">
        <v>38</v>
      </c>
      <c r="AL4391">
        <v>38</v>
      </c>
      <c r="AM4391">
        <v>38</v>
      </c>
      <c r="AN4391">
        <v>37</v>
      </c>
      <c r="AO4391">
        <v>37</v>
      </c>
      <c r="AP4391">
        <v>37</v>
      </c>
      <c r="AQ4391">
        <v>37</v>
      </c>
    </row>
    <row r="4392" spans="1:43">
      <c r="A4392" t="s">
        <v>2764</v>
      </c>
      <c r="B4392" t="s">
        <v>2765</v>
      </c>
      <c r="C4392" t="s">
        <v>2766</v>
      </c>
      <c r="D4392" t="s">
        <v>2767</v>
      </c>
      <c r="E4392" t="s">
        <v>2352</v>
      </c>
      <c r="F4392" t="s">
        <v>2353</v>
      </c>
      <c r="G4392" t="s">
        <v>80</v>
      </c>
      <c r="H4392" t="s">
        <v>81</v>
      </c>
      <c r="I4392" s="2">
        <v>0</v>
      </c>
      <c r="J4392" s="2">
        <v>0</v>
      </c>
      <c r="K4392" s="2">
        <v>1</v>
      </c>
      <c r="L4392" t="s">
        <v>995</v>
      </c>
      <c r="M4392" t="s">
        <v>89</v>
      </c>
      <c r="N4392" t="s">
        <v>90</v>
      </c>
      <c r="O4392" t="s">
        <v>85</v>
      </c>
      <c r="P4392" t="s">
        <v>86</v>
      </c>
      <c r="Q4392">
        <v>41</v>
      </c>
      <c r="R4392">
        <v>42</v>
      </c>
      <c r="S4392">
        <v>42</v>
      </c>
      <c r="T4392">
        <v>43</v>
      </c>
      <c r="U4392">
        <v>43</v>
      </c>
      <c r="V4392">
        <v>44</v>
      </c>
      <c r="W4392">
        <v>44</v>
      </c>
      <c r="X4392">
        <v>44</v>
      </c>
      <c r="Y4392">
        <v>45</v>
      </c>
      <c r="Z4392">
        <v>45</v>
      </c>
      <c r="AA4392">
        <v>45</v>
      </c>
      <c r="AB4392">
        <v>45</v>
      </c>
      <c r="AC4392">
        <v>45</v>
      </c>
      <c r="AD4392">
        <v>46</v>
      </c>
      <c r="AE4392">
        <v>46</v>
      </c>
      <c r="AF4392">
        <v>45</v>
      </c>
      <c r="AG4392">
        <v>45</v>
      </c>
      <c r="AH4392">
        <v>45</v>
      </c>
      <c r="AI4392">
        <v>44</v>
      </c>
      <c r="AJ4392">
        <v>44</v>
      </c>
      <c r="AK4392">
        <v>44</v>
      </c>
      <c r="AL4392">
        <v>43</v>
      </c>
      <c r="AM4392">
        <v>43</v>
      </c>
      <c r="AN4392">
        <v>43</v>
      </c>
      <c r="AO4392">
        <v>43</v>
      </c>
      <c r="AP4392">
        <v>42</v>
      </c>
      <c r="AQ4392">
        <v>42</v>
      </c>
    </row>
    <row r="4393" spans="1:43">
      <c r="A4393" t="s">
        <v>2764</v>
      </c>
      <c r="B4393" t="s">
        <v>2765</v>
      </c>
      <c r="C4393" t="s">
        <v>2766</v>
      </c>
      <c r="D4393" t="s">
        <v>2767</v>
      </c>
      <c r="E4393" t="s">
        <v>2352</v>
      </c>
      <c r="F4393" t="s">
        <v>2353</v>
      </c>
      <c r="G4393" t="s">
        <v>80</v>
      </c>
      <c r="H4393" t="s">
        <v>81</v>
      </c>
      <c r="I4393" s="2">
        <v>0</v>
      </c>
      <c r="J4393" s="2">
        <v>0</v>
      </c>
      <c r="K4393" s="2">
        <v>1</v>
      </c>
      <c r="L4393" t="s">
        <v>995</v>
      </c>
      <c r="M4393" t="s">
        <v>83</v>
      </c>
      <c r="N4393" t="s">
        <v>91</v>
      </c>
      <c r="O4393" t="s">
        <v>85</v>
      </c>
      <c r="P4393" t="s">
        <v>86</v>
      </c>
      <c r="Q4393">
        <v>41</v>
      </c>
      <c r="R4393">
        <v>41</v>
      </c>
      <c r="S4393">
        <v>41</v>
      </c>
      <c r="T4393">
        <v>41</v>
      </c>
      <c r="U4393">
        <v>42</v>
      </c>
      <c r="V4393">
        <v>42</v>
      </c>
      <c r="W4393">
        <v>42</v>
      </c>
      <c r="X4393">
        <v>42</v>
      </c>
      <c r="Y4393">
        <v>42</v>
      </c>
      <c r="Z4393">
        <v>42</v>
      </c>
      <c r="AA4393">
        <v>42</v>
      </c>
      <c r="AB4393">
        <v>43</v>
      </c>
      <c r="AC4393">
        <v>43</v>
      </c>
      <c r="AD4393">
        <v>43</v>
      </c>
      <c r="AE4393">
        <v>43</v>
      </c>
      <c r="AF4393">
        <v>43</v>
      </c>
      <c r="AG4393">
        <v>43</v>
      </c>
      <c r="AH4393">
        <v>43</v>
      </c>
      <c r="AI4393">
        <v>43</v>
      </c>
      <c r="AJ4393">
        <v>43</v>
      </c>
      <c r="AK4393">
        <v>43</v>
      </c>
      <c r="AL4393">
        <v>43</v>
      </c>
      <c r="AM4393">
        <v>43</v>
      </c>
      <c r="AN4393">
        <v>42</v>
      </c>
      <c r="AO4393">
        <v>42</v>
      </c>
      <c r="AP4393">
        <v>42</v>
      </c>
      <c r="AQ4393">
        <v>41</v>
      </c>
    </row>
    <row r="4394" spans="1:43">
      <c r="A4394" t="s">
        <v>2768</v>
      </c>
      <c r="B4394" t="s">
        <v>2769</v>
      </c>
      <c r="C4394" t="s">
        <v>2766</v>
      </c>
      <c r="D4394" t="s">
        <v>2767</v>
      </c>
      <c r="E4394" t="s">
        <v>2352</v>
      </c>
      <c r="F4394" t="s">
        <v>2353</v>
      </c>
      <c r="G4394" t="s">
        <v>80</v>
      </c>
      <c r="H4394" t="s">
        <v>81</v>
      </c>
      <c r="I4394" s="2">
        <v>0</v>
      </c>
      <c r="J4394" s="2">
        <v>0</v>
      </c>
      <c r="K4394" s="2">
        <v>1</v>
      </c>
      <c r="L4394" t="s">
        <v>995</v>
      </c>
      <c r="M4394" t="s">
        <v>83</v>
      </c>
      <c r="N4394" t="s">
        <v>84</v>
      </c>
      <c r="O4394" t="s">
        <v>85</v>
      </c>
      <c r="P4394" t="s">
        <v>86</v>
      </c>
      <c r="Q4394">
        <v>8</v>
      </c>
      <c r="R4394">
        <v>8</v>
      </c>
      <c r="S4394">
        <v>8</v>
      </c>
      <c r="T4394">
        <v>8</v>
      </c>
      <c r="U4394">
        <v>8</v>
      </c>
      <c r="V4394">
        <v>8</v>
      </c>
      <c r="W4394">
        <v>8</v>
      </c>
      <c r="X4394">
        <v>8</v>
      </c>
      <c r="Y4394">
        <v>8</v>
      </c>
      <c r="Z4394">
        <v>8</v>
      </c>
      <c r="AA4394">
        <v>8</v>
      </c>
      <c r="AB4394">
        <v>8</v>
      </c>
      <c r="AC4394">
        <v>8</v>
      </c>
      <c r="AD4394">
        <v>8</v>
      </c>
      <c r="AE4394">
        <v>8</v>
      </c>
      <c r="AF4394">
        <v>8</v>
      </c>
      <c r="AG4394">
        <v>8</v>
      </c>
      <c r="AH4394">
        <v>8</v>
      </c>
      <c r="AI4394">
        <v>8</v>
      </c>
      <c r="AJ4394">
        <v>8</v>
      </c>
      <c r="AK4394">
        <v>8</v>
      </c>
      <c r="AL4394">
        <v>8</v>
      </c>
      <c r="AM4394">
        <v>8</v>
      </c>
      <c r="AN4394">
        <v>8</v>
      </c>
      <c r="AO4394">
        <v>8</v>
      </c>
      <c r="AP4394">
        <v>8</v>
      </c>
      <c r="AQ4394">
        <v>8</v>
      </c>
    </row>
    <row r="4395" spans="1:43">
      <c r="A4395" t="s">
        <v>2768</v>
      </c>
      <c r="B4395" t="s">
        <v>2769</v>
      </c>
      <c r="C4395" t="s">
        <v>2766</v>
      </c>
      <c r="D4395" t="s">
        <v>2767</v>
      </c>
      <c r="E4395" t="s">
        <v>2352</v>
      </c>
      <c r="F4395" t="s">
        <v>2353</v>
      </c>
      <c r="G4395" t="s">
        <v>80</v>
      </c>
      <c r="H4395" t="s">
        <v>81</v>
      </c>
      <c r="I4395" s="2">
        <v>0</v>
      </c>
      <c r="J4395" s="2">
        <v>0</v>
      </c>
      <c r="K4395" s="2">
        <v>1</v>
      </c>
      <c r="L4395" t="s">
        <v>995</v>
      </c>
      <c r="M4395" t="s">
        <v>87</v>
      </c>
      <c r="N4395" t="s">
        <v>88</v>
      </c>
      <c r="O4395" t="s">
        <v>85</v>
      </c>
      <c r="P4395" t="s">
        <v>86</v>
      </c>
      <c r="Q4395">
        <v>8</v>
      </c>
      <c r="R4395">
        <v>8</v>
      </c>
      <c r="S4395">
        <v>8</v>
      </c>
      <c r="T4395">
        <v>8</v>
      </c>
      <c r="U4395">
        <v>7</v>
      </c>
      <c r="V4395">
        <v>7</v>
      </c>
      <c r="W4395">
        <v>7</v>
      </c>
      <c r="X4395">
        <v>7</v>
      </c>
      <c r="Y4395">
        <v>7</v>
      </c>
      <c r="Z4395">
        <v>7</v>
      </c>
      <c r="AA4395">
        <v>7</v>
      </c>
      <c r="AB4395">
        <v>7</v>
      </c>
      <c r="AC4395">
        <v>7</v>
      </c>
      <c r="AD4395">
        <v>7</v>
      </c>
      <c r="AE4395">
        <v>7</v>
      </c>
      <c r="AF4395">
        <v>7</v>
      </c>
      <c r="AG4395">
        <v>7</v>
      </c>
      <c r="AH4395">
        <v>7</v>
      </c>
      <c r="AI4395">
        <v>7</v>
      </c>
      <c r="AJ4395">
        <v>7</v>
      </c>
      <c r="AK4395">
        <v>7</v>
      </c>
      <c r="AL4395">
        <v>7</v>
      </c>
      <c r="AM4395">
        <v>7</v>
      </c>
      <c r="AN4395">
        <v>7</v>
      </c>
      <c r="AO4395">
        <v>7</v>
      </c>
      <c r="AP4395">
        <v>7</v>
      </c>
      <c r="AQ4395">
        <v>7</v>
      </c>
    </row>
    <row r="4396" spans="1:43">
      <c r="A4396" t="s">
        <v>2768</v>
      </c>
      <c r="B4396" t="s">
        <v>2769</v>
      </c>
      <c r="C4396" t="s">
        <v>2766</v>
      </c>
      <c r="D4396" t="s">
        <v>2767</v>
      </c>
      <c r="E4396" t="s">
        <v>2352</v>
      </c>
      <c r="F4396" t="s">
        <v>2353</v>
      </c>
      <c r="G4396" t="s">
        <v>80</v>
      </c>
      <c r="H4396" t="s">
        <v>81</v>
      </c>
      <c r="I4396" s="2">
        <v>0</v>
      </c>
      <c r="J4396" s="2">
        <v>0</v>
      </c>
      <c r="K4396" s="2">
        <v>1</v>
      </c>
      <c r="L4396" t="s">
        <v>995</v>
      </c>
      <c r="M4396" t="s">
        <v>89</v>
      </c>
      <c r="N4396" t="s">
        <v>90</v>
      </c>
      <c r="O4396" t="s">
        <v>85</v>
      </c>
      <c r="P4396" t="s">
        <v>86</v>
      </c>
      <c r="Q4396">
        <v>8</v>
      </c>
      <c r="R4396">
        <v>8</v>
      </c>
      <c r="S4396">
        <v>8</v>
      </c>
      <c r="T4396">
        <v>8</v>
      </c>
      <c r="U4396">
        <v>8</v>
      </c>
      <c r="V4396">
        <v>8</v>
      </c>
      <c r="W4396">
        <v>8</v>
      </c>
      <c r="X4396">
        <v>8</v>
      </c>
      <c r="Y4396">
        <v>8</v>
      </c>
      <c r="Z4396">
        <v>8</v>
      </c>
      <c r="AA4396">
        <v>9</v>
      </c>
      <c r="AB4396">
        <v>9</v>
      </c>
      <c r="AC4396">
        <v>9</v>
      </c>
      <c r="AD4396">
        <v>9</v>
      </c>
      <c r="AE4396">
        <v>9</v>
      </c>
      <c r="AF4396">
        <v>9</v>
      </c>
      <c r="AG4396">
        <v>8</v>
      </c>
      <c r="AH4396">
        <v>8</v>
      </c>
      <c r="AI4396">
        <v>8</v>
      </c>
      <c r="AJ4396">
        <v>8</v>
      </c>
      <c r="AK4396">
        <v>8</v>
      </c>
      <c r="AL4396">
        <v>8</v>
      </c>
      <c r="AM4396">
        <v>8</v>
      </c>
      <c r="AN4396">
        <v>8</v>
      </c>
      <c r="AO4396">
        <v>8</v>
      </c>
      <c r="AP4396">
        <v>8</v>
      </c>
      <c r="AQ4396">
        <v>8</v>
      </c>
    </row>
    <row r="4397" spans="1:43">
      <c r="A4397" t="s">
        <v>2768</v>
      </c>
      <c r="B4397" t="s">
        <v>2769</v>
      </c>
      <c r="C4397" t="s">
        <v>2766</v>
      </c>
      <c r="D4397" t="s">
        <v>2767</v>
      </c>
      <c r="E4397" t="s">
        <v>2352</v>
      </c>
      <c r="F4397" t="s">
        <v>2353</v>
      </c>
      <c r="G4397" t="s">
        <v>80</v>
      </c>
      <c r="H4397" t="s">
        <v>81</v>
      </c>
      <c r="I4397" s="2">
        <v>0</v>
      </c>
      <c r="J4397" s="2">
        <v>0</v>
      </c>
      <c r="K4397" s="2">
        <v>1</v>
      </c>
      <c r="L4397" t="s">
        <v>995</v>
      </c>
      <c r="M4397" t="s">
        <v>83</v>
      </c>
      <c r="N4397" t="s">
        <v>91</v>
      </c>
      <c r="O4397" t="s">
        <v>85</v>
      </c>
      <c r="P4397" t="s">
        <v>86</v>
      </c>
      <c r="Q4397">
        <v>8</v>
      </c>
      <c r="R4397">
        <v>8</v>
      </c>
      <c r="S4397">
        <v>8</v>
      </c>
      <c r="T4397">
        <v>8</v>
      </c>
      <c r="U4397">
        <v>8</v>
      </c>
      <c r="V4397">
        <v>8</v>
      </c>
      <c r="W4397">
        <v>8</v>
      </c>
      <c r="X4397">
        <v>8</v>
      </c>
      <c r="Y4397">
        <v>8</v>
      </c>
      <c r="Z4397">
        <v>8</v>
      </c>
      <c r="AA4397">
        <v>8</v>
      </c>
      <c r="AB4397">
        <v>8</v>
      </c>
      <c r="AC4397">
        <v>8</v>
      </c>
      <c r="AD4397">
        <v>8</v>
      </c>
      <c r="AE4397">
        <v>8</v>
      </c>
      <c r="AF4397">
        <v>8</v>
      </c>
      <c r="AG4397">
        <v>8</v>
      </c>
      <c r="AH4397">
        <v>8</v>
      </c>
      <c r="AI4397">
        <v>8</v>
      </c>
      <c r="AJ4397">
        <v>8</v>
      </c>
      <c r="AK4397">
        <v>8</v>
      </c>
      <c r="AL4397">
        <v>8</v>
      </c>
      <c r="AM4397">
        <v>8</v>
      </c>
      <c r="AN4397">
        <v>8</v>
      </c>
      <c r="AO4397">
        <v>8</v>
      </c>
      <c r="AP4397">
        <v>8</v>
      </c>
      <c r="AQ4397">
        <v>8</v>
      </c>
    </row>
    <row r="4398" spans="1:43">
      <c r="A4398" t="s">
        <v>2770</v>
      </c>
      <c r="B4398" t="s">
        <v>2771</v>
      </c>
      <c r="C4398" t="s">
        <v>2762</v>
      </c>
      <c r="D4398" t="s">
        <v>2763</v>
      </c>
      <c r="E4398" t="s">
        <v>2352</v>
      </c>
      <c r="F4398" t="s">
        <v>2353</v>
      </c>
      <c r="G4398" t="s">
        <v>80</v>
      </c>
      <c r="H4398" t="s">
        <v>81</v>
      </c>
      <c r="I4398" s="2">
        <v>0</v>
      </c>
      <c r="J4398" s="2">
        <v>0</v>
      </c>
      <c r="K4398" s="2">
        <v>1</v>
      </c>
      <c r="L4398" t="s">
        <v>995</v>
      </c>
      <c r="M4398" t="s">
        <v>83</v>
      </c>
      <c r="N4398" t="s">
        <v>84</v>
      </c>
      <c r="O4398" t="s">
        <v>85</v>
      </c>
      <c r="P4398" t="s">
        <v>86</v>
      </c>
      <c r="Q4398">
        <v>3</v>
      </c>
      <c r="R4398">
        <v>3</v>
      </c>
      <c r="S4398">
        <v>3</v>
      </c>
      <c r="T4398">
        <v>3</v>
      </c>
      <c r="U4398">
        <v>3</v>
      </c>
      <c r="V4398">
        <v>3</v>
      </c>
      <c r="W4398">
        <v>3</v>
      </c>
      <c r="X4398">
        <v>3</v>
      </c>
      <c r="Y4398">
        <v>3</v>
      </c>
      <c r="Z4398">
        <v>3</v>
      </c>
      <c r="AA4398">
        <v>3</v>
      </c>
      <c r="AB4398">
        <v>3</v>
      </c>
      <c r="AC4398">
        <v>3</v>
      </c>
      <c r="AD4398">
        <v>3</v>
      </c>
      <c r="AE4398">
        <v>3</v>
      </c>
      <c r="AF4398">
        <v>3</v>
      </c>
      <c r="AG4398">
        <v>3</v>
      </c>
      <c r="AH4398">
        <v>3</v>
      </c>
      <c r="AI4398">
        <v>3</v>
      </c>
      <c r="AJ4398">
        <v>3</v>
      </c>
      <c r="AK4398">
        <v>3</v>
      </c>
      <c r="AL4398">
        <v>3</v>
      </c>
      <c r="AM4398">
        <v>3</v>
      </c>
      <c r="AN4398">
        <v>3</v>
      </c>
      <c r="AO4398">
        <v>3</v>
      </c>
      <c r="AP4398">
        <v>3</v>
      </c>
      <c r="AQ4398">
        <v>3</v>
      </c>
    </row>
    <row r="4399" spans="1:43">
      <c r="A4399" t="s">
        <v>2770</v>
      </c>
      <c r="B4399" t="s">
        <v>2771</v>
      </c>
      <c r="C4399" t="s">
        <v>2762</v>
      </c>
      <c r="D4399" t="s">
        <v>2763</v>
      </c>
      <c r="E4399" t="s">
        <v>2352</v>
      </c>
      <c r="F4399" t="s">
        <v>2353</v>
      </c>
      <c r="G4399" t="s">
        <v>80</v>
      </c>
      <c r="H4399" t="s">
        <v>81</v>
      </c>
      <c r="I4399" s="2">
        <v>0</v>
      </c>
      <c r="J4399" s="2">
        <v>0</v>
      </c>
      <c r="K4399" s="2">
        <v>1</v>
      </c>
      <c r="L4399" t="s">
        <v>995</v>
      </c>
      <c r="M4399" t="s">
        <v>87</v>
      </c>
      <c r="N4399" t="s">
        <v>88</v>
      </c>
      <c r="O4399" t="s">
        <v>85</v>
      </c>
      <c r="P4399" t="s">
        <v>86</v>
      </c>
      <c r="Q4399">
        <v>3</v>
      </c>
      <c r="R4399">
        <v>3</v>
      </c>
      <c r="S4399">
        <v>3</v>
      </c>
      <c r="T4399">
        <v>3</v>
      </c>
      <c r="U4399">
        <v>3</v>
      </c>
      <c r="V4399">
        <v>3</v>
      </c>
      <c r="W4399">
        <v>3</v>
      </c>
      <c r="X4399">
        <v>3</v>
      </c>
      <c r="Y4399">
        <v>3</v>
      </c>
      <c r="Z4399">
        <v>3</v>
      </c>
      <c r="AA4399">
        <v>3</v>
      </c>
      <c r="AB4399">
        <v>3</v>
      </c>
      <c r="AC4399">
        <v>3</v>
      </c>
      <c r="AD4399">
        <v>3</v>
      </c>
      <c r="AE4399">
        <v>3</v>
      </c>
      <c r="AF4399">
        <v>3</v>
      </c>
      <c r="AG4399">
        <v>3</v>
      </c>
      <c r="AH4399">
        <v>3</v>
      </c>
      <c r="AI4399">
        <v>3</v>
      </c>
      <c r="AJ4399">
        <v>3</v>
      </c>
      <c r="AK4399">
        <v>3</v>
      </c>
      <c r="AL4399">
        <v>3</v>
      </c>
      <c r="AM4399">
        <v>3</v>
      </c>
      <c r="AN4399">
        <v>3</v>
      </c>
      <c r="AO4399">
        <v>3</v>
      </c>
      <c r="AP4399">
        <v>3</v>
      </c>
      <c r="AQ4399">
        <v>3</v>
      </c>
    </row>
    <row r="4400" spans="1:43">
      <c r="A4400" t="s">
        <v>2770</v>
      </c>
      <c r="B4400" t="s">
        <v>2771</v>
      </c>
      <c r="C4400" t="s">
        <v>2762</v>
      </c>
      <c r="D4400" t="s">
        <v>2763</v>
      </c>
      <c r="E4400" t="s">
        <v>2352</v>
      </c>
      <c r="F4400" t="s">
        <v>2353</v>
      </c>
      <c r="G4400" t="s">
        <v>80</v>
      </c>
      <c r="H4400" t="s">
        <v>81</v>
      </c>
      <c r="I4400" s="2">
        <v>0</v>
      </c>
      <c r="J4400" s="2">
        <v>0</v>
      </c>
      <c r="K4400" s="2">
        <v>1</v>
      </c>
      <c r="L4400" t="s">
        <v>995</v>
      </c>
      <c r="M4400" t="s">
        <v>89</v>
      </c>
      <c r="N4400" t="s">
        <v>90</v>
      </c>
      <c r="O4400" t="s">
        <v>85</v>
      </c>
      <c r="P4400" t="s">
        <v>86</v>
      </c>
      <c r="Q4400">
        <v>3</v>
      </c>
      <c r="R4400">
        <v>3</v>
      </c>
      <c r="S4400">
        <v>4</v>
      </c>
      <c r="T4400">
        <v>4</v>
      </c>
      <c r="U4400">
        <v>4</v>
      </c>
      <c r="V4400">
        <v>4</v>
      </c>
      <c r="W4400">
        <v>4</v>
      </c>
      <c r="X4400">
        <v>4</v>
      </c>
      <c r="Y4400">
        <v>4</v>
      </c>
      <c r="Z4400">
        <v>4</v>
      </c>
      <c r="AA4400">
        <v>4</v>
      </c>
      <c r="AB4400">
        <v>4</v>
      </c>
      <c r="AC4400">
        <v>4</v>
      </c>
      <c r="AD4400">
        <v>4</v>
      </c>
      <c r="AE4400">
        <v>4</v>
      </c>
      <c r="AF4400">
        <v>4</v>
      </c>
      <c r="AG4400">
        <v>4</v>
      </c>
      <c r="AH4400">
        <v>4</v>
      </c>
      <c r="AI4400">
        <v>4</v>
      </c>
      <c r="AJ4400">
        <v>4</v>
      </c>
      <c r="AK4400">
        <v>3</v>
      </c>
      <c r="AL4400">
        <v>3</v>
      </c>
      <c r="AM4400">
        <v>3</v>
      </c>
      <c r="AN4400">
        <v>3</v>
      </c>
      <c r="AO4400">
        <v>3</v>
      </c>
      <c r="AP4400">
        <v>3</v>
      </c>
      <c r="AQ4400">
        <v>3</v>
      </c>
    </row>
    <row r="4401" spans="1:43">
      <c r="A4401" t="s">
        <v>2770</v>
      </c>
      <c r="B4401" t="s">
        <v>2771</v>
      </c>
      <c r="C4401" t="s">
        <v>2762</v>
      </c>
      <c r="D4401" t="s">
        <v>2763</v>
      </c>
      <c r="E4401" t="s">
        <v>2352</v>
      </c>
      <c r="F4401" t="s">
        <v>2353</v>
      </c>
      <c r="G4401" t="s">
        <v>80</v>
      </c>
      <c r="H4401" t="s">
        <v>81</v>
      </c>
      <c r="I4401" s="2">
        <v>0</v>
      </c>
      <c r="J4401" s="2">
        <v>0</v>
      </c>
      <c r="K4401" s="2">
        <v>1</v>
      </c>
      <c r="L4401" t="s">
        <v>995</v>
      </c>
      <c r="M4401" t="s">
        <v>83</v>
      </c>
      <c r="N4401" t="s">
        <v>91</v>
      </c>
      <c r="O4401" t="s">
        <v>85</v>
      </c>
      <c r="P4401" t="s">
        <v>86</v>
      </c>
      <c r="Q4401">
        <v>3</v>
      </c>
      <c r="R4401">
        <v>3</v>
      </c>
      <c r="S4401">
        <v>3</v>
      </c>
      <c r="T4401">
        <v>3</v>
      </c>
      <c r="U4401">
        <v>3</v>
      </c>
      <c r="V4401">
        <v>3</v>
      </c>
      <c r="W4401">
        <v>3</v>
      </c>
      <c r="X4401">
        <v>3</v>
      </c>
      <c r="Y4401">
        <v>3</v>
      </c>
      <c r="Z4401">
        <v>3</v>
      </c>
      <c r="AA4401">
        <v>3</v>
      </c>
      <c r="AB4401">
        <v>3</v>
      </c>
      <c r="AC4401">
        <v>3</v>
      </c>
      <c r="AD4401">
        <v>3</v>
      </c>
      <c r="AE4401">
        <v>3</v>
      </c>
      <c r="AF4401">
        <v>3</v>
      </c>
      <c r="AG4401">
        <v>3</v>
      </c>
      <c r="AH4401">
        <v>3</v>
      </c>
      <c r="AI4401">
        <v>3</v>
      </c>
      <c r="AJ4401">
        <v>3</v>
      </c>
      <c r="AK4401">
        <v>3</v>
      </c>
      <c r="AL4401">
        <v>3</v>
      </c>
      <c r="AM4401">
        <v>3</v>
      </c>
      <c r="AN4401">
        <v>3</v>
      </c>
      <c r="AO4401">
        <v>3</v>
      </c>
      <c r="AP4401">
        <v>3</v>
      </c>
      <c r="AQ4401">
        <v>3</v>
      </c>
    </row>
    <row r="4402" spans="1:43">
      <c r="A4402" t="s">
        <v>2772</v>
      </c>
      <c r="B4402" t="s">
        <v>2773</v>
      </c>
      <c r="C4402" t="s">
        <v>2762</v>
      </c>
      <c r="D4402" t="s">
        <v>2763</v>
      </c>
      <c r="E4402" t="s">
        <v>2352</v>
      </c>
      <c r="F4402" t="s">
        <v>2353</v>
      </c>
      <c r="G4402" t="s">
        <v>80</v>
      </c>
      <c r="H4402" t="s">
        <v>81</v>
      </c>
      <c r="I4402" s="2">
        <v>0</v>
      </c>
      <c r="J4402" s="2">
        <v>0</v>
      </c>
      <c r="K4402" s="2">
        <v>1</v>
      </c>
      <c r="L4402" t="s">
        <v>995</v>
      </c>
      <c r="M4402" t="s">
        <v>83</v>
      </c>
      <c r="N4402" t="s">
        <v>84</v>
      </c>
      <c r="O4402" t="s">
        <v>85</v>
      </c>
      <c r="P4402" t="s">
        <v>86</v>
      </c>
      <c r="Q4402">
        <v>18</v>
      </c>
      <c r="R4402">
        <v>18</v>
      </c>
      <c r="S4402">
        <v>18</v>
      </c>
      <c r="T4402">
        <v>18</v>
      </c>
      <c r="U4402">
        <v>18</v>
      </c>
      <c r="V4402">
        <v>18</v>
      </c>
      <c r="W4402">
        <v>18</v>
      </c>
      <c r="X4402">
        <v>18</v>
      </c>
      <c r="Y4402">
        <v>18</v>
      </c>
      <c r="Z4402">
        <v>19</v>
      </c>
      <c r="AA4402">
        <v>19</v>
      </c>
      <c r="AB4402">
        <v>19</v>
      </c>
      <c r="AC4402">
        <v>19</v>
      </c>
      <c r="AD4402">
        <v>19</v>
      </c>
      <c r="AE4402">
        <v>19</v>
      </c>
      <c r="AF4402">
        <v>19</v>
      </c>
      <c r="AG4402">
        <v>19</v>
      </c>
      <c r="AH4402">
        <v>19</v>
      </c>
      <c r="AI4402">
        <v>19</v>
      </c>
      <c r="AJ4402">
        <v>19</v>
      </c>
      <c r="AK4402">
        <v>19</v>
      </c>
      <c r="AL4402">
        <v>19</v>
      </c>
      <c r="AM4402">
        <v>18</v>
      </c>
      <c r="AN4402">
        <v>18</v>
      </c>
      <c r="AO4402">
        <v>18</v>
      </c>
      <c r="AP4402">
        <v>18</v>
      </c>
      <c r="AQ4402">
        <v>18</v>
      </c>
    </row>
    <row r="4403" spans="1:43">
      <c r="A4403" t="s">
        <v>2772</v>
      </c>
      <c r="B4403" t="s">
        <v>2773</v>
      </c>
      <c r="C4403" t="s">
        <v>2762</v>
      </c>
      <c r="D4403" t="s">
        <v>2763</v>
      </c>
      <c r="E4403" t="s">
        <v>2352</v>
      </c>
      <c r="F4403" t="s">
        <v>2353</v>
      </c>
      <c r="G4403" t="s">
        <v>80</v>
      </c>
      <c r="H4403" t="s">
        <v>81</v>
      </c>
      <c r="I4403" s="2">
        <v>0</v>
      </c>
      <c r="J4403" s="2">
        <v>0</v>
      </c>
      <c r="K4403" s="2">
        <v>1</v>
      </c>
      <c r="L4403" t="s">
        <v>995</v>
      </c>
      <c r="M4403" t="s">
        <v>87</v>
      </c>
      <c r="N4403" t="s">
        <v>88</v>
      </c>
      <c r="O4403" t="s">
        <v>85</v>
      </c>
      <c r="P4403" t="s">
        <v>86</v>
      </c>
      <c r="Q4403">
        <v>18</v>
      </c>
      <c r="R4403">
        <v>18</v>
      </c>
      <c r="S4403">
        <v>18</v>
      </c>
      <c r="T4403">
        <v>18</v>
      </c>
      <c r="U4403">
        <v>17</v>
      </c>
      <c r="V4403">
        <v>17</v>
      </c>
      <c r="W4403">
        <v>17</v>
      </c>
      <c r="X4403">
        <v>17</v>
      </c>
      <c r="Y4403">
        <v>17</v>
      </c>
      <c r="Z4403">
        <v>17</v>
      </c>
      <c r="AA4403">
        <v>17</v>
      </c>
      <c r="AB4403">
        <v>17</v>
      </c>
      <c r="AC4403">
        <v>17</v>
      </c>
      <c r="AD4403">
        <v>17</v>
      </c>
      <c r="AE4403">
        <v>17</v>
      </c>
      <c r="AF4403">
        <v>16</v>
      </c>
      <c r="AG4403">
        <v>16</v>
      </c>
      <c r="AH4403">
        <v>16</v>
      </c>
      <c r="AI4403">
        <v>16</v>
      </c>
      <c r="AJ4403">
        <v>16</v>
      </c>
      <c r="AK4403">
        <v>16</v>
      </c>
      <c r="AL4403">
        <v>16</v>
      </c>
      <c r="AM4403">
        <v>16</v>
      </c>
      <c r="AN4403">
        <v>16</v>
      </c>
      <c r="AO4403">
        <v>16</v>
      </c>
      <c r="AP4403">
        <v>16</v>
      </c>
      <c r="AQ4403">
        <v>16</v>
      </c>
    </row>
    <row r="4404" spans="1:43">
      <c r="A4404" t="s">
        <v>2772</v>
      </c>
      <c r="B4404" t="s">
        <v>2773</v>
      </c>
      <c r="C4404" t="s">
        <v>2762</v>
      </c>
      <c r="D4404" t="s">
        <v>2763</v>
      </c>
      <c r="E4404" t="s">
        <v>2352</v>
      </c>
      <c r="F4404" t="s">
        <v>2353</v>
      </c>
      <c r="G4404" t="s">
        <v>80</v>
      </c>
      <c r="H4404" t="s">
        <v>81</v>
      </c>
      <c r="I4404" s="2">
        <v>0</v>
      </c>
      <c r="J4404" s="2">
        <v>0</v>
      </c>
      <c r="K4404" s="2">
        <v>1</v>
      </c>
      <c r="L4404" t="s">
        <v>995</v>
      </c>
      <c r="M4404" t="s">
        <v>89</v>
      </c>
      <c r="N4404" t="s">
        <v>90</v>
      </c>
      <c r="O4404" t="s">
        <v>85</v>
      </c>
      <c r="P4404" t="s">
        <v>86</v>
      </c>
      <c r="Q4404">
        <v>18</v>
      </c>
      <c r="R4404">
        <v>18</v>
      </c>
      <c r="S4404">
        <v>19</v>
      </c>
      <c r="T4404">
        <v>19</v>
      </c>
      <c r="U4404">
        <v>19</v>
      </c>
      <c r="V4404">
        <v>19</v>
      </c>
      <c r="W4404">
        <v>19</v>
      </c>
      <c r="X4404">
        <v>19</v>
      </c>
      <c r="Y4404">
        <v>20</v>
      </c>
      <c r="Z4404">
        <v>20</v>
      </c>
      <c r="AA4404">
        <v>20</v>
      </c>
      <c r="AB4404">
        <v>20</v>
      </c>
      <c r="AC4404">
        <v>20</v>
      </c>
      <c r="AD4404">
        <v>20</v>
      </c>
      <c r="AE4404">
        <v>20</v>
      </c>
      <c r="AF4404">
        <v>20</v>
      </c>
      <c r="AG4404">
        <v>20</v>
      </c>
      <c r="AH4404">
        <v>19</v>
      </c>
      <c r="AI4404">
        <v>19</v>
      </c>
      <c r="AJ4404">
        <v>19</v>
      </c>
      <c r="AK4404">
        <v>19</v>
      </c>
      <c r="AL4404">
        <v>19</v>
      </c>
      <c r="AM4404">
        <v>19</v>
      </c>
      <c r="AN4404">
        <v>19</v>
      </c>
      <c r="AO4404">
        <v>18</v>
      </c>
      <c r="AP4404">
        <v>18</v>
      </c>
      <c r="AQ4404">
        <v>18</v>
      </c>
    </row>
    <row r="4405" spans="1:43">
      <c r="A4405" t="s">
        <v>2772</v>
      </c>
      <c r="B4405" t="s">
        <v>2773</v>
      </c>
      <c r="C4405" t="s">
        <v>2762</v>
      </c>
      <c r="D4405" t="s">
        <v>2763</v>
      </c>
      <c r="E4405" t="s">
        <v>2352</v>
      </c>
      <c r="F4405" t="s">
        <v>2353</v>
      </c>
      <c r="G4405" t="s">
        <v>80</v>
      </c>
      <c r="H4405" t="s">
        <v>81</v>
      </c>
      <c r="I4405" s="2">
        <v>0</v>
      </c>
      <c r="J4405" s="2">
        <v>0</v>
      </c>
      <c r="K4405" s="2">
        <v>1</v>
      </c>
      <c r="L4405" t="s">
        <v>995</v>
      </c>
      <c r="M4405" t="s">
        <v>83</v>
      </c>
      <c r="N4405" t="s">
        <v>91</v>
      </c>
      <c r="O4405" t="s">
        <v>85</v>
      </c>
      <c r="P4405" t="s">
        <v>86</v>
      </c>
      <c r="Q4405">
        <v>18</v>
      </c>
      <c r="R4405">
        <v>18</v>
      </c>
      <c r="S4405">
        <v>18</v>
      </c>
      <c r="T4405">
        <v>18</v>
      </c>
      <c r="U4405">
        <v>18</v>
      </c>
      <c r="V4405">
        <v>18</v>
      </c>
      <c r="W4405">
        <v>18</v>
      </c>
      <c r="X4405">
        <v>18</v>
      </c>
      <c r="Y4405">
        <v>18</v>
      </c>
      <c r="Z4405">
        <v>19</v>
      </c>
      <c r="AA4405">
        <v>19</v>
      </c>
      <c r="AB4405">
        <v>19</v>
      </c>
      <c r="AC4405">
        <v>19</v>
      </c>
      <c r="AD4405">
        <v>19</v>
      </c>
      <c r="AE4405">
        <v>19</v>
      </c>
      <c r="AF4405">
        <v>19</v>
      </c>
      <c r="AG4405">
        <v>19</v>
      </c>
      <c r="AH4405">
        <v>19</v>
      </c>
      <c r="AI4405">
        <v>19</v>
      </c>
      <c r="AJ4405">
        <v>19</v>
      </c>
      <c r="AK4405">
        <v>19</v>
      </c>
      <c r="AL4405">
        <v>19</v>
      </c>
      <c r="AM4405">
        <v>18</v>
      </c>
      <c r="AN4405">
        <v>18</v>
      </c>
      <c r="AO4405">
        <v>18</v>
      </c>
      <c r="AP4405">
        <v>18</v>
      </c>
      <c r="AQ4405">
        <v>18</v>
      </c>
    </row>
    <row r="4406" spans="1:43">
      <c r="A4406" t="s">
        <v>2774</v>
      </c>
      <c r="B4406" t="s">
        <v>2775</v>
      </c>
      <c r="C4406" t="s">
        <v>2766</v>
      </c>
      <c r="D4406" t="s">
        <v>2767</v>
      </c>
      <c r="E4406" t="s">
        <v>2352</v>
      </c>
      <c r="F4406" t="s">
        <v>2353</v>
      </c>
      <c r="G4406" t="s">
        <v>80</v>
      </c>
      <c r="H4406" t="s">
        <v>81</v>
      </c>
      <c r="I4406" s="2">
        <v>0</v>
      </c>
      <c r="J4406" s="2">
        <v>0</v>
      </c>
      <c r="K4406" s="2">
        <v>1</v>
      </c>
      <c r="L4406" t="s">
        <v>995</v>
      </c>
      <c r="M4406" t="s">
        <v>83</v>
      </c>
      <c r="N4406" t="s">
        <v>84</v>
      </c>
      <c r="O4406" t="s">
        <v>85</v>
      </c>
      <c r="P4406" t="s">
        <v>86</v>
      </c>
      <c r="Q4406">
        <v>31</v>
      </c>
      <c r="R4406">
        <v>31</v>
      </c>
      <c r="S4406">
        <v>31</v>
      </c>
      <c r="T4406">
        <v>31</v>
      </c>
      <c r="U4406">
        <v>31</v>
      </c>
      <c r="V4406">
        <v>31</v>
      </c>
      <c r="W4406">
        <v>31</v>
      </c>
      <c r="X4406">
        <v>32</v>
      </c>
      <c r="Y4406">
        <v>32</v>
      </c>
      <c r="Z4406">
        <v>32</v>
      </c>
      <c r="AA4406">
        <v>32</v>
      </c>
      <c r="AB4406">
        <v>32</v>
      </c>
      <c r="AC4406">
        <v>32</v>
      </c>
      <c r="AD4406">
        <v>32</v>
      </c>
      <c r="AE4406">
        <v>32</v>
      </c>
      <c r="AF4406">
        <v>32</v>
      </c>
      <c r="AG4406">
        <v>32</v>
      </c>
      <c r="AH4406">
        <v>32</v>
      </c>
      <c r="AI4406">
        <v>32</v>
      </c>
      <c r="AJ4406">
        <v>32</v>
      </c>
      <c r="AK4406">
        <v>32</v>
      </c>
      <c r="AL4406">
        <v>32</v>
      </c>
      <c r="AM4406">
        <v>32</v>
      </c>
      <c r="AN4406">
        <v>32</v>
      </c>
      <c r="AO4406">
        <v>32</v>
      </c>
      <c r="AP4406">
        <v>31</v>
      </c>
      <c r="AQ4406">
        <v>31</v>
      </c>
    </row>
    <row r="4407" spans="1:43">
      <c r="A4407" t="s">
        <v>2774</v>
      </c>
      <c r="B4407" t="s">
        <v>2775</v>
      </c>
      <c r="C4407" t="s">
        <v>2766</v>
      </c>
      <c r="D4407" t="s">
        <v>2767</v>
      </c>
      <c r="E4407" t="s">
        <v>2352</v>
      </c>
      <c r="F4407" t="s">
        <v>2353</v>
      </c>
      <c r="G4407" t="s">
        <v>80</v>
      </c>
      <c r="H4407" t="s">
        <v>81</v>
      </c>
      <c r="I4407" s="2">
        <v>0</v>
      </c>
      <c r="J4407" s="2">
        <v>0</v>
      </c>
      <c r="K4407" s="2">
        <v>1</v>
      </c>
      <c r="L4407" t="s">
        <v>995</v>
      </c>
      <c r="M4407" t="s">
        <v>87</v>
      </c>
      <c r="N4407" t="s">
        <v>88</v>
      </c>
      <c r="O4407" t="s">
        <v>85</v>
      </c>
      <c r="P4407" t="s">
        <v>86</v>
      </c>
      <c r="Q4407">
        <v>31</v>
      </c>
      <c r="R4407">
        <v>31</v>
      </c>
      <c r="S4407">
        <v>31</v>
      </c>
      <c r="T4407">
        <v>31</v>
      </c>
      <c r="U4407">
        <v>31</v>
      </c>
      <c r="V4407">
        <v>31</v>
      </c>
      <c r="W4407">
        <v>31</v>
      </c>
      <c r="X4407">
        <v>30</v>
      </c>
      <c r="Y4407">
        <v>30</v>
      </c>
      <c r="Z4407">
        <v>30</v>
      </c>
      <c r="AA4407">
        <v>30</v>
      </c>
      <c r="AB4407">
        <v>30</v>
      </c>
      <c r="AC4407">
        <v>30</v>
      </c>
      <c r="AD4407">
        <v>30</v>
      </c>
      <c r="AE4407">
        <v>29</v>
      </c>
      <c r="AF4407">
        <v>29</v>
      </c>
      <c r="AG4407">
        <v>29</v>
      </c>
      <c r="AH4407">
        <v>29</v>
      </c>
      <c r="AI4407">
        <v>29</v>
      </c>
      <c r="AJ4407">
        <v>29</v>
      </c>
      <c r="AK4407">
        <v>29</v>
      </c>
      <c r="AL4407">
        <v>29</v>
      </c>
      <c r="AM4407">
        <v>29</v>
      </c>
      <c r="AN4407">
        <v>28</v>
      </c>
      <c r="AO4407">
        <v>28</v>
      </c>
      <c r="AP4407">
        <v>28</v>
      </c>
      <c r="AQ4407">
        <v>28</v>
      </c>
    </row>
    <row r="4408" spans="1:43">
      <c r="A4408" t="s">
        <v>2774</v>
      </c>
      <c r="B4408" t="s">
        <v>2775</v>
      </c>
      <c r="C4408" t="s">
        <v>2766</v>
      </c>
      <c r="D4408" t="s">
        <v>2767</v>
      </c>
      <c r="E4408" t="s">
        <v>2352</v>
      </c>
      <c r="F4408" t="s">
        <v>2353</v>
      </c>
      <c r="G4408" t="s">
        <v>80</v>
      </c>
      <c r="H4408" t="s">
        <v>81</v>
      </c>
      <c r="I4408" s="2">
        <v>0</v>
      </c>
      <c r="J4408" s="2">
        <v>0</v>
      </c>
      <c r="K4408" s="2">
        <v>1</v>
      </c>
      <c r="L4408" t="s">
        <v>995</v>
      </c>
      <c r="M4408" t="s">
        <v>89</v>
      </c>
      <c r="N4408" t="s">
        <v>90</v>
      </c>
      <c r="O4408" t="s">
        <v>85</v>
      </c>
      <c r="P4408" t="s">
        <v>86</v>
      </c>
      <c r="Q4408">
        <v>31</v>
      </c>
      <c r="R4408">
        <v>31</v>
      </c>
      <c r="S4408">
        <v>32</v>
      </c>
      <c r="T4408">
        <v>32</v>
      </c>
      <c r="U4408">
        <v>32</v>
      </c>
      <c r="V4408">
        <v>33</v>
      </c>
      <c r="W4408">
        <v>33</v>
      </c>
      <c r="X4408">
        <v>33</v>
      </c>
      <c r="Y4408">
        <v>34</v>
      </c>
      <c r="Z4408">
        <v>34</v>
      </c>
      <c r="AA4408">
        <v>34</v>
      </c>
      <c r="AB4408">
        <v>34</v>
      </c>
      <c r="AC4408">
        <v>34</v>
      </c>
      <c r="AD4408">
        <v>34</v>
      </c>
      <c r="AE4408">
        <v>34</v>
      </c>
      <c r="AF4408">
        <v>34</v>
      </c>
      <c r="AG4408">
        <v>34</v>
      </c>
      <c r="AH4408">
        <v>34</v>
      </c>
      <c r="AI4408">
        <v>33</v>
      </c>
      <c r="AJ4408">
        <v>33</v>
      </c>
      <c r="AK4408">
        <v>33</v>
      </c>
      <c r="AL4408">
        <v>33</v>
      </c>
      <c r="AM4408">
        <v>32</v>
      </c>
      <c r="AN4408">
        <v>32</v>
      </c>
      <c r="AO4408">
        <v>32</v>
      </c>
      <c r="AP4408">
        <v>32</v>
      </c>
      <c r="AQ4408">
        <v>32</v>
      </c>
    </row>
    <row r="4409" spans="1:43">
      <c r="A4409" t="s">
        <v>2774</v>
      </c>
      <c r="B4409" t="s">
        <v>2775</v>
      </c>
      <c r="C4409" t="s">
        <v>2766</v>
      </c>
      <c r="D4409" t="s">
        <v>2767</v>
      </c>
      <c r="E4409" t="s">
        <v>2352</v>
      </c>
      <c r="F4409" t="s">
        <v>2353</v>
      </c>
      <c r="G4409" t="s">
        <v>80</v>
      </c>
      <c r="H4409" t="s">
        <v>81</v>
      </c>
      <c r="I4409" s="2">
        <v>0</v>
      </c>
      <c r="J4409" s="2">
        <v>0</v>
      </c>
      <c r="K4409" s="2">
        <v>1</v>
      </c>
      <c r="L4409" t="s">
        <v>995</v>
      </c>
      <c r="M4409" t="s">
        <v>83</v>
      </c>
      <c r="N4409" t="s">
        <v>91</v>
      </c>
      <c r="O4409" t="s">
        <v>85</v>
      </c>
      <c r="P4409" t="s">
        <v>86</v>
      </c>
      <c r="Q4409">
        <v>31</v>
      </c>
      <c r="R4409">
        <v>31</v>
      </c>
      <c r="S4409">
        <v>31</v>
      </c>
      <c r="T4409">
        <v>31</v>
      </c>
      <c r="U4409">
        <v>31</v>
      </c>
      <c r="V4409">
        <v>31</v>
      </c>
      <c r="W4409">
        <v>31</v>
      </c>
      <c r="X4409">
        <v>32</v>
      </c>
      <c r="Y4409">
        <v>32</v>
      </c>
      <c r="Z4409">
        <v>32</v>
      </c>
      <c r="AA4409">
        <v>32</v>
      </c>
      <c r="AB4409">
        <v>32</v>
      </c>
      <c r="AC4409">
        <v>32</v>
      </c>
      <c r="AD4409">
        <v>32</v>
      </c>
      <c r="AE4409">
        <v>32</v>
      </c>
      <c r="AF4409">
        <v>32</v>
      </c>
      <c r="AG4409">
        <v>32</v>
      </c>
      <c r="AH4409">
        <v>32</v>
      </c>
      <c r="AI4409">
        <v>32</v>
      </c>
      <c r="AJ4409">
        <v>32</v>
      </c>
      <c r="AK4409">
        <v>32</v>
      </c>
      <c r="AL4409">
        <v>32</v>
      </c>
      <c r="AM4409">
        <v>32</v>
      </c>
      <c r="AN4409">
        <v>32</v>
      </c>
      <c r="AO4409">
        <v>32</v>
      </c>
      <c r="AP4409">
        <v>31</v>
      </c>
      <c r="AQ4409">
        <v>31</v>
      </c>
    </row>
    <row r="4410" spans="1:43">
      <c r="A4410" t="s">
        <v>2776</v>
      </c>
      <c r="B4410" t="s">
        <v>2777</v>
      </c>
      <c r="C4410" t="s">
        <v>2766</v>
      </c>
      <c r="D4410" t="s">
        <v>2767</v>
      </c>
      <c r="E4410" t="s">
        <v>2352</v>
      </c>
      <c r="F4410" t="s">
        <v>2353</v>
      </c>
      <c r="G4410" t="s">
        <v>80</v>
      </c>
      <c r="H4410" t="s">
        <v>81</v>
      </c>
      <c r="I4410" s="2">
        <v>0</v>
      </c>
      <c r="J4410" s="2">
        <v>0</v>
      </c>
      <c r="K4410" s="2">
        <v>1</v>
      </c>
      <c r="L4410" t="s">
        <v>995</v>
      </c>
      <c r="M4410" t="s">
        <v>83</v>
      </c>
      <c r="N4410" t="s">
        <v>84</v>
      </c>
      <c r="O4410" t="s">
        <v>85</v>
      </c>
      <c r="P4410" t="s">
        <v>86</v>
      </c>
      <c r="Q4410">
        <v>63</v>
      </c>
      <c r="R4410">
        <v>63</v>
      </c>
      <c r="S4410">
        <v>63</v>
      </c>
      <c r="T4410">
        <v>64</v>
      </c>
      <c r="U4410">
        <v>64</v>
      </c>
      <c r="V4410">
        <v>64</v>
      </c>
      <c r="W4410">
        <v>64</v>
      </c>
      <c r="X4410">
        <v>65</v>
      </c>
      <c r="Y4410">
        <v>65</v>
      </c>
      <c r="Z4410">
        <v>65</v>
      </c>
      <c r="AA4410">
        <v>65</v>
      </c>
      <c r="AB4410">
        <v>65</v>
      </c>
      <c r="AC4410">
        <v>65</v>
      </c>
      <c r="AD4410">
        <v>66</v>
      </c>
      <c r="AE4410">
        <v>66</v>
      </c>
      <c r="AF4410">
        <v>66</v>
      </c>
      <c r="AG4410">
        <v>66</v>
      </c>
      <c r="AH4410">
        <v>66</v>
      </c>
      <c r="AI4410">
        <v>66</v>
      </c>
      <c r="AJ4410">
        <v>66</v>
      </c>
      <c r="AK4410">
        <v>66</v>
      </c>
      <c r="AL4410">
        <v>66</v>
      </c>
      <c r="AM4410">
        <v>65</v>
      </c>
      <c r="AN4410">
        <v>65</v>
      </c>
      <c r="AO4410">
        <v>64</v>
      </c>
      <c r="AP4410">
        <v>64</v>
      </c>
      <c r="AQ4410">
        <v>64</v>
      </c>
    </row>
    <row r="4411" spans="1:43">
      <c r="A4411" t="s">
        <v>2776</v>
      </c>
      <c r="B4411" t="s">
        <v>2777</v>
      </c>
      <c r="C4411" t="s">
        <v>2766</v>
      </c>
      <c r="D4411" t="s">
        <v>2767</v>
      </c>
      <c r="E4411" t="s">
        <v>2352</v>
      </c>
      <c r="F4411" t="s">
        <v>2353</v>
      </c>
      <c r="G4411" t="s">
        <v>80</v>
      </c>
      <c r="H4411" t="s">
        <v>81</v>
      </c>
      <c r="I4411" s="2">
        <v>0</v>
      </c>
      <c r="J4411" s="2">
        <v>0</v>
      </c>
      <c r="K4411" s="2">
        <v>1</v>
      </c>
      <c r="L4411" t="s">
        <v>995</v>
      </c>
      <c r="M4411" t="s">
        <v>87</v>
      </c>
      <c r="N4411" t="s">
        <v>88</v>
      </c>
      <c r="O4411" t="s">
        <v>85</v>
      </c>
      <c r="P4411" t="s">
        <v>86</v>
      </c>
      <c r="Q4411">
        <v>63</v>
      </c>
      <c r="R4411">
        <v>63</v>
      </c>
      <c r="S4411">
        <v>63</v>
      </c>
      <c r="T4411">
        <v>62</v>
      </c>
      <c r="U4411">
        <v>62</v>
      </c>
      <c r="V4411">
        <v>62</v>
      </c>
      <c r="W4411">
        <v>61</v>
      </c>
      <c r="X4411">
        <v>61</v>
      </c>
      <c r="Y4411">
        <v>61</v>
      </c>
      <c r="Z4411">
        <v>61</v>
      </c>
      <c r="AA4411">
        <v>60</v>
      </c>
      <c r="AB4411">
        <v>60</v>
      </c>
      <c r="AC4411">
        <v>60</v>
      </c>
      <c r="AD4411">
        <v>59</v>
      </c>
      <c r="AE4411">
        <v>59</v>
      </c>
      <c r="AF4411">
        <v>59</v>
      </c>
      <c r="AG4411">
        <v>59</v>
      </c>
      <c r="AH4411">
        <v>58</v>
      </c>
      <c r="AI4411">
        <v>58</v>
      </c>
      <c r="AJ4411">
        <v>58</v>
      </c>
      <c r="AK4411">
        <v>58</v>
      </c>
      <c r="AL4411">
        <v>57</v>
      </c>
      <c r="AM4411">
        <v>57</v>
      </c>
      <c r="AN4411">
        <v>57</v>
      </c>
      <c r="AO4411">
        <v>57</v>
      </c>
      <c r="AP4411">
        <v>56</v>
      </c>
      <c r="AQ4411">
        <v>56</v>
      </c>
    </row>
    <row r="4412" spans="1:43">
      <c r="A4412" t="s">
        <v>2776</v>
      </c>
      <c r="B4412" t="s">
        <v>2777</v>
      </c>
      <c r="C4412" t="s">
        <v>2766</v>
      </c>
      <c r="D4412" t="s">
        <v>2767</v>
      </c>
      <c r="E4412" t="s">
        <v>2352</v>
      </c>
      <c r="F4412" t="s">
        <v>2353</v>
      </c>
      <c r="G4412" t="s">
        <v>80</v>
      </c>
      <c r="H4412" t="s">
        <v>81</v>
      </c>
      <c r="I4412" s="2">
        <v>0</v>
      </c>
      <c r="J4412" s="2">
        <v>0</v>
      </c>
      <c r="K4412" s="2">
        <v>1</v>
      </c>
      <c r="L4412" t="s">
        <v>995</v>
      </c>
      <c r="M4412" t="s">
        <v>89</v>
      </c>
      <c r="N4412" t="s">
        <v>90</v>
      </c>
      <c r="O4412" t="s">
        <v>85</v>
      </c>
      <c r="P4412" t="s">
        <v>86</v>
      </c>
      <c r="Q4412">
        <v>63</v>
      </c>
      <c r="R4412">
        <v>64</v>
      </c>
      <c r="S4412">
        <v>65</v>
      </c>
      <c r="T4412">
        <v>66</v>
      </c>
      <c r="U4412">
        <v>66</v>
      </c>
      <c r="V4412">
        <v>67</v>
      </c>
      <c r="W4412">
        <v>68</v>
      </c>
      <c r="X4412">
        <v>68</v>
      </c>
      <c r="Y4412">
        <v>69</v>
      </c>
      <c r="Z4412">
        <v>69</v>
      </c>
      <c r="AA4412">
        <v>69</v>
      </c>
      <c r="AB4412">
        <v>70</v>
      </c>
      <c r="AC4412">
        <v>70</v>
      </c>
      <c r="AD4412">
        <v>70</v>
      </c>
      <c r="AE4412">
        <v>70</v>
      </c>
      <c r="AF4412">
        <v>70</v>
      </c>
      <c r="AG4412">
        <v>69</v>
      </c>
      <c r="AH4412">
        <v>69</v>
      </c>
      <c r="AI4412">
        <v>68</v>
      </c>
      <c r="AJ4412">
        <v>68</v>
      </c>
      <c r="AK4412">
        <v>67</v>
      </c>
      <c r="AL4412">
        <v>67</v>
      </c>
      <c r="AM4412">
        <v>66</v>
      </c>
      <c r="AN4412">
        <v>66</v>
      </c>
      <c r="AO4412">
        <v>65</v>
      </c>
      <c r="AP4412">
        <v>65</v>
      </c>
      <c r="AQ4412">
        <v>64</v>
      </c>
    </row>
    <row r="4413" spans="1:43">
      <c r="A4413" t="s">
        <v>2776</v>
      </c>
      <c r="B4413" t="s">
        <v>2777</v>
      </c>
      <c r="C4413" t="s">
        <v>2766</v>
      </c>
      <c r="D4413" t="s">
        <v>2767</v>
      </c>
      <c r="E4413" t="s">
        <v>2352</v>
      </c>
      <c r="F4413" t="s">
        <v>2353</v>
      </c>
      <c r="G4413" t="s">
        <v>80</v>
      </c>
      <c r="H4413" t="s">
        <v>81</v>
      </c>
      <c r="I4413" s="2">
        <v>0</v>
      </c>
      <c r="J4413" s="2">
        <v>0</v>
      </c>
      <c r="K4413" s="2">
        <v>1</v>
      </c>
      <c r="L4413" t="s">
        <v>995</v>
      </c>
      <c r="M4413" t="s">
        <v>83</v>
      </c>
      <c r="N4413" t="s">
        <v>91</v>
      </c>
      <c r="O4413" t="s">
        <v>85</v>
      </c>
      <c r="P4413" t="s">
        <v>86</v>
      </c>
      <c r="Q4413">
        <v>63</v>
      </c>
      <c r="R4413">
        <v>63</v>
      </c>
      <c r="S4413">
        <v>63</v>
      </c>
      <c r="T4413">
        <v>64</v>
      </c>
      <c r="U4413">
        <v>64</v>
      </c>
      <c r="V4413">
        <v>64</v>
      </c>
      <c r="W4413">
        <v>64</v>
      </c>
      <c r="X4413">
        <v>65</v>
      </c>
      <c r="Y4413">
        <v>65</v>
      </c>
      <c r="Z4413">
        <v>65</v>
      </c>
      <c r="AA4413">
        <v>65</v>
      </c>
      <c r="AB4413">
        <v>65</v>
      </c>
      <c r="AC4413">
        <v>65</v>
      </c>
      <c r="AD4413">
        <v>66</v>
      </c>
      <c r="AE4413">
        <v>66</v>
      </c>
      <c r="AF4413">
        <v>66</v>
      </c>
      <c r="AG4413">
        <v>66</v>
      </c>
      <c r="AH4413">
        <v>66</v>
      </c>
      <c r="AI4413">
        <v>66</v>
      </c>
      <c r="AJ4413">
        <v>66</v>
      </c>
      <c r="AK4413">
        <v>66</v>
      </c>
      <c r="AL4413">
        <v>66</v>
      </c>
      <c r="AM4413">
        <v>65</v>
      </c>
      <c r="AN4413">
        <v>65</v>
      </c>
      <c r="AO4413">
        <v>64</v>
      </c>
      <c r="AP4413">
        <v>64</v>
      </c>
      <c r="AQ4413">
        <v>64</v>
      </c>
    </row>
    <row r="4414" spans="1:43">
      <c r="A4414" t="s">
        <v>2778</v>
      </c>
      <c r="B4414" t="s">
        <v>2779</v>
      </c>
      <c r="C4414" t="s">
        <v>2762</v>
      </c>
      <c r="D4414" t="s">
        <v>2763</v>
      </c>
      <c r="E4414" t="s">
        <v>2352</v>
      </c>
      <c r="F4414" t="s">
        <v>2353</v>
      </c>
      <c r="G4414" t="s">
        <v>80</v>
      </c>
      <c r="H4414" t="s">
        <v>81</v>
      </c>
      <c r="I4414" s="2">
        <v>0</v>
      </c>
      <c r="J4414" s="2">
        <v>0</v>
      </c>
      <c r="K4414" s="2">
        <v>1</v>
      </c>
      <c r="L4414" t="s">
        <v>995</v>
      </c>
      <c r="M4414" t="s">
        <v>83</v>
      </c>
      <c r="N4414" t="s">
        <v>84</v>
      </c>
      <c r="O4414" t="s">
        <v>85</v>
      </c>
      <c r="P4414" t="s">
        <v>86</v>
      </c>
      <c r="Q4414">
        <v>21</v>
      </c>
      <c r="R4414">
        <v>21</v>
      </c>
      <c r="S4414">
        <v>21</v>
      </c>
      <c r="T4414">
        <v>21</v>
      </c>
      <c r="U4414">
        <v>21</v>
      </c>
      <c r="V4414">
        <v>21</v>
      </c>
      <c r="W4414">
        <v>21</v>
      </c>
      <c r="X4414">
        <v>21</v>
      </c>
      <c r="Y4414">
        <v>21</v>
      </c>
      <c r="Z4414">
        <v>22</v>
      </c>
      <c r="AA4414">
        <v>22</v>
      </c>
      <c r="AB4414">
        <v>22</v>
      </c>
      <c r="AC4414">
        <v>22</v>
      </c>
      <c r="AD4414">
        <v>22</v>
      </c>
      <c r="AE4414">
        <v>22</v>
      </c>
      <c r="AF4414">
        <v>22</v>
      </c>
      <c r="AG4414">
        <v>22</v>
      </c>
      <c r="AH4414">
        <v>22</v>
      </c>
      <c r="AI4414">
        <v>22</v>
      </c>
      <c r="AJ4414">
        <v>22</v>
      </c>
      <c r="AK4414">
        <v>22</v>
      </c>
      <c r="AL4414">
        <v>22</v>
      </c>
      <c r="AM4414">
        <v>22</v>
      </c>
      <c r="AN4414">
        <v>21</v>
      </c>
      <c r="AO4414">
        <v>21</v>
      </c>
      <c r="AP4414">
        <v>21</v>
      </c>
      <c r="AQ4414">
        <v>21</v>
      </c>
    </row>
    <row r="4415" spans="1:43">
      <c r="A4415" t="s">
        <v>2778</v>
      </c>
      <c r="B4415" t="s">
        <v>2779</v>
      </c>
      <c r="C4415" t="s">
        <v>2762</v>
      </c>
      <c r="D4415" t="s">
        <v>2763</v>
      </c>
      <c r="E4415" t="s">
        <v>2352</v>
      </c>
      <c r="F4415" t="s">
        <v>2353</v>
      </c>
      <c r="G4415" t="s">
        <v>80</v>
      </c>
      <c r="H4415" t="s">
        <v>81</v>
      </c>
      <c r="I4415" s="2">
        <v>0</v>
      </c>
      <c r="J4415" s="2">
        <v>0</v>
      </c>
      <c r="K4415" s="2">
        <v>1</v>
      </c>
      <c r="L4415" t="s">
        <v>995</v>
      </c>
      <c r="M4415" t="s">
        <v>87</v>
      </c>
      <c r="N4415" t="s">
        <v>88</v>
      </c>
      <c r="O4415" t="s">
        <v>85</v>
      </c>
      <c r="P4415" t="s">
        <v>86</v>
      </c>
      <c r="Q4415">
        <v>21</v>
      </c>
      <c r="R4415">
        <v>20</v>
      </c>
      <c r="S4415">
        <v>20</v>
      </c>
      <c r="T4415">
        <v>20</v>
      </c>
      <c r="U4415">
        <v>20</v>
      </c>
      <c r="V4415">
        <v>20</v>
      </c>
      <c r="W4415">
        <v>20</v>
      </c>
      <c r="X4415">
        <v>20</v>
      </c>
      <c r="Y4415">
        <v>20</v>
      </c>
      <c r="Z4415">
        <v>20</v>
      </c>
      <c r="AA4415">
        <v>20</v>
      </c>
      <c r="AB4415">
        <v>20</v>
      </c>
      <c r="AC4415">
        <v>19</v>
      </c>
      <c r="AD4415">
        <v>19</v>
      </c>
      <c r="AE4415">
        <v>19</v>
      </c>
      <c r="AF4415">
        <v>19</v>
      </c>
      <c r="AG4415">
        <v>19</v>
      </c>
      <c r="AH4415">
        <v>19</v>
      </c>
      <c r="AI4415">
        <v>19</v>
      </c>
      <c r="AJ4415">
        <v>19</v>
      </c>
      <c r="AK4415">
        <v>19</v>
      </c>
      <c r="AL4415">
        <v>19</v>
      </c>
      <c r="AM4415">
        <v>19</v>
      </c>
      <c r="AN4415">
        <v>19</v>
      </c>
      <c r="AO4415">
        <v>18</v>
      </c>
      <c r="AP4415">
        <v>18</v>
      </c>
      <c r="AQ4415">
        <v>18</v>
      </c>
    </row>
    <row r="4416" spans="1:43">
      <c r="A4416" t="s">
        <v>2778</v>
      </c>
      <c r="B4416" t="s">
        <v>2779</v>
      </c>
      <c r="C4416" t="s">
        <v>2762</v>
      </c>
      <c r="D4416" t="s">
        <v>2763</v>
      </c>
      <c r="E4416" t="s">
        <v>2352</v>
      </c>
      <c r="F4416" t="s">
        <v>2353</v>
      </c>
      <c r="G4416" t="s">
        <v>80</v>
      </c>
      <c r="H4416" t="s">
        <v>81</v>
      </c>
      <c r="I4416" s="2">
        <v>0</v>
      </c>
      <c r="J4416" s="2">
        <v>0</v>
      </c>
      <c r="K4416" s="2">
        <v>1</v>
      </c>
      <c r="L4416" t="s">
        <v>995</v>
      </c>
      <c r="M4416" t="s">
        <v>89</v>
      </c>
      <c r="N4416" t="s">
        <v>90</v>
      </c>
      <c r="O4416" t="s">
        <v>85</v>
      </c>
      <c r="P4416" t="s">
        <v>86</v>
      </c>
      <c r="Q4416">
        <v>21</v>
      </c>
      <c r="R4416">
        <v>21</v>
      </c>
      <c r="S4416">
        <v>22</v>
      </c>
      <c r="T4416">
        <v>22</v>
      </c>
      <c r="U4416">
        <v>22</v>
      </c>
      <c r="V4416">
        <v>22</v>
      </c>
      <c r="W4416">
        <v>22</v>
      </c>
      <c r="X4416">
        <v>23</v>
      </c>
      <c r="Y4416">
        <v>23</v>
      </c>
      <c r="Z4416">
        <v>23</v>
      </c>
      <c r="AA4416">
        <v>23</v>
      </c>
      <c r="AB4416">
        <v>23</v>
      </c>
      <c r="AC4416">
        <v>23</v>
      </c>
      <c r="AD4416">
        <v>23</v>
      </c>
      <c r="AE4416">
        <v>23</v>
      </c>
      <c r="AF4416">
        <v>23</v>
      </c>
      <c r="AG4416">
        <v>23</v>
      </c>
      <c r="AH4416">
        <v>23</v>
      </c>
      <c r="AI4416">
        <v>23</v>
      </c>
      <c r="AJ4416">
        <v>22</v>
      </c>
      <c r="AK4416">
        <v>22</v>
      </c>
      <c r="AL4416">
        <v>22</v>
      </c>
      <c r="AM4416">
        <v>22</v>
      </c>
      <c r="AN4416">
        <v>22</v>
      </c>
      <c r="AO4416">
        <v>22</v>
      </c>
      <c r="AP4416">
        <v>21</v>
      </c>
      <c r="AQ4416">
        <v>21</v>
      </c>
    </row>
    <row r="4417" spans="1:43">
      <c r="A4417" t="s">
        <v>2778</v>
      </c>
      <c r="B4417" t="s">
        <v>2779</v>
      </c>
      <c r="C4417" t="s">
        <v>2762</v>
      </c>
      <c r="D4417" t="s">
        <v>2763</v>
      </c>
      <c r="E4417" t="s">
        <v>2352</v>
      </c>
      <c r="F4417" t="s">
        <v>2353</v>
      </c>
      <c r="G4417" t="s">
        <v>80</v>
      </c>
      <c r="H4417" t="s">
        <v>81</v>
      </c>
      <c r="I4417" s="2">
        <v>0</v>
      </c>
      <c r="J4417" s="2">
        <v>0</v>
      </c>
      <c r="K4417" s="2">
        <v>1</v>
      </c>
      <c r="L4417" t="s">
        <v>995</v>
      </c>
      <c r="M4417" t="s">
        <v>83</v>
      </c>
      <c r="N4417" t="s">
        <v>91</v>
      </c>
      <c r="O4417" t="s">
        <v>85</v>
      </c>
      <c r="P4417" t="s">
        <v>86</v>
      </c>
      <c r="Q4417">
        <v>21</v>
      </c>
      <c r="R4417">
        <v>21</v>
      </c>
      <c r="S4417">
        <v>21</v>
      </c>
      <c r="T4417">
        <v>21</v>
      </c>
      <c r="U4417">
        <v>21</v>
      </c>
      <c r="V4417">
        <v>21</v>
      </c>
      <c r="W4417">
        <v>21</v>
      </c>
      <c r="X4417">
        <v>21</v>
      </c>
      <c r="Y4417">
        <v>21</v>
      </c>
      <c r="Z4417">
        <v>22</v>
      </c>
      <c r="AA4417">
        <v>22</v>
      </c>
      <c r="AB4417">
        <v>22</v>
      </c>
      <c r="AC4417">
        <v>22</v>
      </c>
      <c r="AD4417">
        <v>22</v>
      </c>
      <c r="AE4417">
        <v>22</v>
      </c>
      <c r="AF4417">
        <v>22</v>
      </c>
      <c r="AG4417">
        <v>22</v>
      </c>
      <c r="AH4417">
        <v>22</v>
      </c>
      <c r="AI4417">
        <v>22</v>
      </c>
      <c r="AJ4417">
        <v>22</v>
      </c>
      <c r="AK4417">
        <v>22</v>
      </c>
      <c r="AL4417">
        <v>22</v>
      </c>
      <c r="AM4417">
        <v>22</v>
      </c>
      <c r="AN4417">
        <v>21</v>
      </c>
      <c r="AO4417">
        <v>21</v>
      </c>
      <c r="AP4417">
        <v>21</v>
      </c>
      <c r="AQ4417">
        <v>21</v>
      </c>
    </row>
    <row r="4418" spans="1:43">
      <c r="A4418" t="s">
        <v>2780</v>
      </c>
      <c r="B4418" t="s">
        <v>2781</v>
      </c>
      <c r="C4418" t="s">
        <v>2762</v>
      </c>
      <c r="D4418" t="s">
        <v>2763</v>
      </c>
      <c r="E4418" t="s">
        <v>2352</v>
      </c>
      <c r="F4418" t="s">
        <v>2353</v>
      </c>
      <c r="G4418" t="s">
        <v>80</v>
      </c>
      <c r="H4418" t="s">
        <v>81</v>
      </c>
      <c r="I4418" s="2">
        <v>0</v>
      </c>
      <c r="J4418" s="2">
        <v>0</v>
      </c>
      <c r="K4418" s="2">
        <v>1</v>
      </c>
      <c r="L4418" t="s">
        <v>995</v>
      </c>
      <c r="M4418" t="s">
        <v>83</v>
      </c>
      <c r="N4418" t="s">
        <v>84</v>
      </c>
      <c r="O4418" t="s">
        <v>85</v>
      </c>
      <c r="P4418" t="s">
        <v>86</v>
      </c>
      <c r="Q4418">
        <v>5</v>
      </c>
      <c r="R4418">
        <v>5</v>
      </c>
      <c r="S4418">
        <v>5</v>
      </c>
      <c r="T4418">
        <v>5</v>
      </c>
      <c r="U4418">
        <v>5</v>
      </c>
      <c r="V4418">
        <v>5</v>
      </c>
      <c r="W4418">
        <v>5</v>
      </c>
      <c r="X4418">
        <v>5</v>
      </c>
      <c r="Y4418">
        <v>5</v>
      </c>
      <c r="Z4418">
        <v>6</v>
      </c>
      <c r="AA4418">
        <v>6</v>
      </c>
      <c r="AB4418">
        <v>6</v>
      </c>
      <c r="AC4418">
        <v>6</v>
      </c>
      <c r="AD4418">
        <v>6</v>
      </c>
      <c r="AE4418">
        <v>6</v>
      </c>
      <c r="AF4418">
        <v>6</v>
      </c>
      <c r="AG4418">
        <v>6</v>
      </c>
      <c r="AH4418">
        <v>6</v>
      </c>
      <c r="AI4418">
        <v>6</v>
      </c>
      <c r="AJ4418">
        <v>6</v>
      </c>
      <c r="AK4418">
        <v>6</v>
      </c>
      <c r="AL4418">
        <v>6</v>
      </c>
      <c r="AM4418">
        <v>6</v>
      </c>
      <c r="AN4418">
        <v>5</v>
      </c>
      <c r="AO4418">
        <v>5</v>
      </c>
      <c r="AP4418">
        <v>5</v>
      </c>
      <c r="AQ4418">
        <v>5</v>
      </c>
    </row>
    <row r="4419" spans="1:43">
      <c r="A4419" t="s">
        <v>2780</v>
      </c>
      <c r="B4419" t="s">
        <v>2781</v>
      </c>
      <c r="C4419" t="s">
        <v>2762</v>
      </c>
      <c r="D4419" t="s">
        <v>2763</v>
      </c>
      <c r="E4419" t="s">
        <v>2352</v>
      </c>
      <c r="F4419" t="s">
        <v>2353</v>
      </c>
      <c r="G4419" t="s">
        <v>80</v>
      </c>
      <c r="H4419" t="s">
        <v>81</v>
      </c>
      <c r="I4419" s="2">
        <v>0</v>
      </c>
      <c r="J4419" s="2">
        <v>0</v>
      </c>
      <c r="K4419" s="2">
        <v>1</v>
      </c>
      <c r="L4419" t="s">
        <v>995</v>
      </c>
      <c r="M4419" t="s">
        <v>87</v>
      </c>
      <c r="N4419" t="s">
        <v>88</v>
      </c>
      <c r="O4419" t="s">
        <v>85</v>
      </c>
      <c r="P4419" t="s">
        <v>86</v>
      </c>
      <c r="Q4419">
        <v>5</v>
      </c>
      <c r="R4419">
        <v>5</v>
      </c>
      <c r="S4419">
        <v>5</v>
      </c>
      <c r="T4419">
        <v>5</v>
      </c>
      <c r="U4419">
        <v>5</v>
      </c>
      <c r="V4419">
        <v>5</v>
      </c>
      <c r="W4419">
        <v>5</v>
      </c>
      <c r="X4419">
        <v>5</v>
      </c>
      <c r="Y4419">
        <v>5</v>
      </c>
      <c r="Z4419">
        <v>5</v>
      </c>
      <c r="AA4419">
        <v>5</v>
      </c>
      <c r="AB4419">
        <v>5</v>
      </c>
      <c r="AC4419">
        <v>5</v>
      </c>
      <c r="AD4419">
        <v>5</v>
      </c>
      <c r="AE4419">
        <v>5</v>
      </c>
      <c r="AF4419">
        <v>5</v>
      </c>
      <c r="AG4419">
        <v>5</v>
      </c>
      <c r="AH4419">
        <v>5</v>
      </c>
      <c r="AI4419">
        <v>5</v>
      </c>
      <c r="AJ4419">
        <v>5</v>
      </c>
      <c r="AK4419">
        <v>5</v>
      </c>
      <c r="AL4419">
        <v>5</v>
      </c>
      <c r="AM4419">
        <v>5</v>
      </c>
      <c r="AN4419">
        <v>5</v>
      </c>
      <c r="AO4419">
        <v>5</v>
      </c>
      <c r="AP4419">
        <v>5</v>
      </c>
      <c r="AQ4419">
        <v>5</v>
      </c>
    </row>
    <row r="4420" spans="1:43">
      <c r="A4420" t="s">
        <v>2780</v>
      </c>
      <c r="B4420" t="s">
        <v>2781</v>
      </c>
      <c r="C4420" t="s">
        <v>2762</v>
      </c>
      <c r="D4420" t="s">
        <v>2763</v>
      </c>
      <c r="E4420" t="s">
        <v>2352</v>
      </c>
      <c r="F4420" t="s">
        <v>2353</v>
      </c>
      <c r="G4420" t="s">
        <v>80</v>
      </c>
      <c r="H4420" t="s">
        <v>81</v>
      </c>
      <c r="I4420" s="2">
        <v>0</v>
      </c>
      <c r="J4420" s="2">
        <v>0</v>
      </c>
      <c r="K4420" s="2">
        <v>1</v>
      </c>
      <c r="L4420" t="s">
        <v>995</v>
      </c>
      <c r="M4420" t="s">
        <v>89</v>
      </c>
      <c r="N4420" t="s">
        <v>90</v>
      </c>
      <c r="O4420" t="s">
        <v>85</v>
      </c>
      <c r="P4420" t="s">
        <v>86</v>
      </c>
      <c r="Q4420">
        <v>5</v>
      </c>
      <c r="R4420">
        <v>5</v>
      </c>
      <c r="S4420">
        <v>6</v>
      </c>
      <c r="T4420">
        <v>6</v>
      </c>
      <c r="U4420">
        <v>6</v>
      </c>
      <c r="V4420">
        <v>6</v>
      </c>
      <c r="W4420">
        <v>6</v>
      </c>
      <c r="X4420">
        <v>6</v>
      </c>
      <c r="Y4420">
        <v>6</v>
      </c>
      <c r="Z4420">
        <v>6</v>
      </c>
      <c r="AA4420">
        <v>6</v>
      </c>
      <c r="AB4420">
        <v>6</v>
      </c>
      <c r="AC4420">
        <v>6</v>
      </c>
      <c r="AD4420">
        <v>6</v>
      </c>
      <c r="AE4420">
        <v>6</v>
      </c>
      <c r="AF4420">
        <v>6</v>
      </c>
      <c r="AG4420">
        <v>6</v>
      </c>
      <c r="AH4420">
        <v>6</v>
      </c>
      <c r="AI4420">
        <v>6</v>
      </c>
      <c r="AJ4420">
        <v>6</v>
      </c>
      <c r="AK4420">
        <v>6</v>
      </c>
      <c r="AL4420">
        <v>6</v>
      </c>
      <c r="AM4420">
        <v>6</v>
      </c>
      <c r="AN4420">
        <v>6</v>
      </c>
      <c r="AO4420">
        <v>6</v>
      </c>
      <c r="AP4420">
        <v>5</v>
      </c>
      <c r="AQ4420">
        <v>5</v>
      </c>
    </row>
    <row r="4421" spans="1:43">
      <c r="A4421" t="s">
        <v>2780</v>
      </c>
      <c r="B4421" t="s">
        <v>2781</v>
      </c>
      <c r="C4421" t="s">
        <v>2762</v>
      </c>
      <c r="D4421" t="s">
        <v>2763</v>
      </c>
      <c r="E4421" t="s">
        <v>2352</v>
      </c>
      <c r="F4421" t="s">
        <v>2353</v>
      </c>
      <c r="G4421" t="s">
        <v>80</v>
      </c>
      <c r="H4421" t="s">
        <v>81</v>
      </c>
      <c r="I4421" s="2">
        <v>0</v>
      </c>
      <c r="J4421" s="2">
        <v>0</v>
      </c>
      <c r="K4421" s="2">
        <v>1</v>
      </c>
      <c r="L4421" t="s">
        <v>995</v>
      </c>
      <c r="M4421" t="s">
        <v>83</v>
      </c>
      <c r="N4421" t="s">
        <v>91</v>
      </c>
      <c r="O4421" t="s">
        <v>85</v>
      </c>
      <c r="P4421" t="s">
        <v>86</v>
      </c>
      <c r="Q4421">
        <v>5</v>
      </c>
      <c r="R4421">
        <v>5</v>
      </c>
      <c r="S4421">
        <v>5</v>
      </c>
      <c r="T4421">
        <v>5</v>
      </c>
      <c r="U4421">
        <v>5</v>
      </c>
      <c r="V4421">
        <v>5</v>
      </c>
      <c r="W4421">
        <v>5</v>
      </c>
      <c r="X4421">
        <v>5</v>
      </c>
      <c r="Y4421">
        <v>5</v>
      </c>
      <c r="Z4421">
        <v>6</v>
      </c>
      <c r="AA4421">
        <v>6</v>
      </c>
      <c r="AB4421">
        <v>6</v>
      </c>
      <c r="AC4421">
        <v>6</v>
      </c>
      <c r="AD4421">
        <v>6</v>
      </c>
      <c r="AE4421">
        <v>6</v>
      </c>
      <c r="AF4421">
        <v>6</v>
      </c>
      <c r="AG4421">
        <v>6</v>
      </c>
      <c r="AH4421">
        <v>6</v>
      </c>
      <c r="AI4421">
        <v>6</v>
      </c>
      <c r="AJ4421">
        <v>6</v>
      </c>
      <c r="AK4421">
        <v>6</v>
      </c>
      <c r="AL4421">
        <v>6</v>
      </c>
      <c r="AM4421">
        <v>6</v>
      </c>
      <c r="AN4421">
        <v>5</v>
      </c>
      <c r="AO4421">
        <v>5</v>
      </c>
      <c r="AP4421">
        <v>5</v>
      </c>
      <c r="AQ4421">
        <v>5</v>
      </c>
    </row>
    <row r="4422" spans="1:43">
      <c r="A4422" t="s">
        <v>2782</v>
      </c>
      <c r="B4422" t="s">
        <v>2783</v>
      </c>
      <c r="C4422" t="s">
        <v>2410</v>
      </c>
      <c r="D4422" t="s">
        <v>2411</v>
      </c>
      <c r="E4422" t="s">
        <v>2352</v>
      </c>
      <c r="F4422" t="s">
        <v>2353</v>
      </c>
      <c r="G4422" t="s">
        <v>80</v>
      </c>
      <c r="H4422" t="s">
        <v>81</v>
      </c>
      <c r="I4422" s="2">
        <v>0</v>
      </c>
      <c r="J4422" s="2">
        <v>0</v>
      </c>
      <c r="K4422" s="2">
        <v>1</v>
      </c>
      <c r="L4422" t="s">
        <v>995</v>
      </c>
      <c r="M4422" t="s">
        <v>83</v>
      </c>
      <c r="N4422" t="s">
        <v>84</v>
      </c>
      <c r="O4422" t="s">
        <v>85</v>
      </c>
      <c r="P4422" t="s">
        <v>86</v>
      </c>
      <c r="Q4422">
        <v>47</v>
      </c>
      <c r="R4422">
        <v>47</v>
      </c>
      <c r="S4422">
        <v>48</v>
      </c>
      <c r="T4422">
        <v>48</v>
      </c>
      <c r="U4422">
        <v>48</v>
      </c>
      <c r="V4422">
        <v>48</v>
      </c>
      <c r="W4422">
        <v>48</v>
      </c>
      <c r="X4422">
        <v>48</v>
      </c>
      <c r="Y4422">
        <v>49</v>
      </c>
      <c r="Z4422">
        <v>49</v>
      </c>
      <c r="AA4422">
        <v>49</v>
      </c>
      <c r="AB4422">
        <v>49</v>
      </c>
      <c r="AC4422">
        <v>49</v>
      </c>
      <c r="AD4422">
        <v>49</v>
      </c>
      <c r="AE4422">
        <v>49</v>
      </c>
      <c r="AF4422">
        <v>49</v>
      </c>
      <c r="AG4422">
        <v>49</v>
      </c>
      <c r="AH4422">
        <v>50</v>
      </c>
      <c r="AI4422">
        <v>50</v>
      </c>
      <c r="AJ4422">
        <v>50</v>
      </c>
      <c r="AK4422">
        <v>50</v>
      </c>
      <c r="AL4422">
        <v>49</v>
      </c>
      <c r="AM4422">
        <v>49</v>
      </c>
      <c r="AN4422">
        <v>49</v>
      </c>
      <c r="AO4422">
        <v>48</v>
      </c>
      <c r="AP4422">
        <v>48</v>
      </c>
      <c r="AQ4422">
        <v>48</v>
      </c>
    </row>
    <row r="4423" spans="1:43">
      <c r="A4423" t="s">
        <v>2782</v>
      </c>
      <c r="B4423" t="s">
        <v>2783</v>
      </c>
      <c r="C4423" t="s">
        <v>2410</v>
      </c>
      <c r="D4423" t="s">
        <v>2411</v>
      </c>
      <c r="E4423" t="s">
        <v>2352</v>
      </c>
      <c r="F4423" t="s">
        <v>2353</v>
      </c>
      <c r="G4423" t="s">
        <v>80</v>
      </c>
      <c r="H4423" t="s">
        <v>81</v>
      </c>
      <c r="I4423" s="2">
        <v>0</v>
      </c>
      <c r="J4423" s="2">
        <v>0</v>
      </c>
      <c r="K4423" s="2">
        <v>1</v>
      </c>
      <c r="L4423" t="s">
        <v>995</v>
      </c>
      <c r="M4423" t="s">
        <v>87</v>
      </c>
      <c r="N4423" t="s">
        <v>88</v>
      </c>
      <c r="O4423" t="s">
        <v>85</v>
      </c>
      <c r="P4423" t="s">
        <v>86</v>
      </c>
      <c r="Q4423">
        <v>47</v>
      </c>
      <c r="R4423">
        <v>46</v>
      </c>
      <c r="S4423">
        <v>46</v>
      </c>
      <c r="T4423">
        <v>46</v>
      </c>
      <c r="U4423">
        <v>46</v>
      </c>
      <c r="V4423">
        <v>46</v>
      </c>
      <c r="W4423">
        <v>45</v>
      </c>
      <c r="X4423">
        <v>45</v>
      </c>
      <c r="Y4423">
        <v>45</v>
      </c>
      <c r="Z4423">
        <v>45</v>
      </c>
      <c r="AA4423">
        <v>45</v>
      </c>
      <c r="AB4423">
        <v>44</v>
      </c>
      <c r="AC4423">
        <v>44</v>
      </c>
      <c r="AD4423">
        <v>44</v>
      </c>
      <c r="AE4423">
        <v>44</v>
      </c>
      <c r="AF4423">
        <v>44</v>
      </c>
      <c r="AG4423">
        <v>43</v>
      </c>
      <c r="AH4423">
        <v>43</v>
      </c>
      <c r="AI4423">
        <v>43</v>
      </c>
      <c r="AJ4423">
        <v>43</v>
      </c>
      <c r="AK4423">
        <v>43</v>
      </c>
      <c r="AL4423">
        <v>42</v>
      </c>
      <c r="AM4423">
        <v>42</v>
      </c>
      <c r="AN4423">
        <v>42</v>
      </c>
      <c r="AO4423">
        <v>42</v>
      </c>
      <c r="AP4423">
        <v>42</v>
      </c>
      <c r="AQ4423">
        <v>42</v>
      </c>
    </row>
    <row r="4424" spans="1:43">
      <c r="A4424" t="s">
        <v>2782</v>
      </c>
      <c r="B4424" t="s">
        <v>2783</v>
      </c>
      <c r="C4424" t="s">
        <v>2410</v>
      </c>
      <c r="D4424" t="s">
        <v>2411</v>
      </c>
      <c r="E4424" t="s">
        <v>2352</v>
      </c>
      <c r="F4424" t="s">
        <v>2353</v>
      </c>
      <c r="G4424" t="s">
        <v>80</v>
      </c>
      <c r="H4424" t="s">
        <v>81</v>
      </c>
      <c r="I4424" s="2">
        <v>0</v>
      </c>
      <c r="J4424" s="2">
        <v>0</v>
      </c>
      <c r="K4424" s="2">
        <v>1</v>
      </c>
      <c r="L4424" t="s">
        <v>995</v>
      </c>
      <c r="M4424" t="s">
        <v>89</v>
      </c>
      <c r="N4424" t="s">
        <v>90</v>
      </c>
      <c r="O4424" t="s">
        <v>85</v>
      </c>
      <c r="P4424" t="s">
        <v>86</v>
      </c>
      <c r="Q4424">
        <v>47</v>
      </c>
      <c r="R4424">
        <v>47</v>
      </c>
      <c r="S4424">
        <v>48</v>
      </c>
      <c r="T4424">
        <v>48</v>
      </c>
      <c r="U4424">
        <v>49</v>
      </c>
      <c r="V4424">
        <v>49</v>
      </c>
      <c r="W4424">
        <v>50</v>
      </c>
      <c r="X4424">
        <v>50</v>
      </c>
      <c r="Y4424">
        <v>50</v>
      </c>
      <c r="Z4424">
        <v>51</v>
      </c>
      <c r="AA4424">
        <v>51</v>
      </c>
      <c r="AB4424">
        <v>51</v>
      </c>
      <c r="AC4424">
        <v>52</v>
      </c>
      <c r="AD4424">
        <v>52</v>
      </c>
      <c r="AE4424">
        <v>52</v>
      </c>
      <c r="AF4424">
        <v>51</v>
      </c>
      <c r="AG4424">
        <v>51</v>
      </c>
      <c r="AH4424">
        <v>51</v>
      </c>
      <c r="AI4424">
        <v>50</v>
      </c>
      <c r="AJ4424">
        <v>50</v>
      </c>
      <c r="AK4424">
        <v>49</v>
      </c>
      <c r="AL4424">
        <v>49</v>
      </c>
      <c r="AM4424">
        <v>49</v>
      </c>
      <c r="AN4424">
        <v>48</v>
      </c>
      <c r="AO4424">
        <v>48</v>
      </c>
      <c r="AP4424">
        <v>48</v>
      </c>
      <c r="AQ4424">
        <v>47</v>
      </c>
    </row>
    <row r="4425" spans="1:43">
      <c r="A4425" t="s">
        <v>2782</v>
      </c>
      <c r="B4425" t="s">
        <v>2783</v>
      </c>
      <c r="C4425" t="s">
        <v>2410</v>
      </c>
      <c r="D4425" t="s">
        <v>2411</v>
      </c>
      <c r="E4425" t="s">
        <v>2352</v>
      </c>
      <c r="F4425" t="s">
        <v>2353</v>
      </c>
      <c r="G4425" t="s">
        <v>80</v>
      </c>
      <c r="H4425" t="s">
        <v>81</v>
      </c>
      <c r="I4425" s="2">
        <v>0</v>
      </c>
      <c r="J4425" s="2">
        <v>0</v>
      </c>
      <c r="K4425" s="2">
        <v>1</v>
      </c>
      <c r="L4425" t="s">
        <v>995</v>
      </c>
      <c r="M4425" t="s">
        <v>83</v>
      </c>
      <c r="N4425" t="s">
        <v>91</v>
      </c>
      <c r="O4425" t="s">
        <v>85</v>
      </c>
      <c r="P4425" t="s">
        <v>86</v>
      </c>
      <c r="Q4425">
        <v>47</v>
      </c>
      <c r="R4425">
        <v>47</v>
      </c>
      <c r="S4425">
        <v>48</v>
      </c>
      <c r="T4425">
        <v>48</v>
      </c>
      <c r="U4425">
        <v>48</v>
      </c>
      <c r="V4425">
        <v>48</v>
      </c>
      <c r="W4425">
        <v>48</v>
      </c>
      <c r="X4425">
        <v>48</v>
      </c>
      <c r="Y4425">
        <v>49</v>
      </c>
      <c r="Z4425">
        <v>49</v>
      </c>
      <c r="AA4425">
        <v>49</v>
      </c>
      <c r="AB4425">
        <v>49</v>
      </c>
      <c r="AC4425">
        <v>49</v>
      </c>
      <c r="AD4425">
        <v>49</v>
      </c>
      <c r="AE4425">
        <v>49</v>
      </c>
      <c r="AF4425">
        <v>49</v>
      </c>
      <c r="AG4425">
        <v>49</v>
      </c>
      <c r="AH4425">
        <v>50</v>
      </c>
      <c r="AI4425">
        <v>50</v>
      </c>
      <c r="AJ4425">
        <v>50</v>
      </c>
      <c r="AK4425">
        <v>50</v>
      </c>
      <c r="AL4425">
        <v>49</v>
      </c>
      <c r="AM4425">
        <v>49</v>
      </c>
      <c r="AN4425">
        <v>49</v>
      </c>
      <c r="AO4425">
        <v>48</v>
      </c>
      <c r="AP4425">
        <v>48</v>
      </c>
      <c r="AQ4425">
        <v>48</v>
      </c>
    </row>
    <row r="4426" spans="1:43">
      <c r="A4426" t="s">
        <v>2784</v>
      </c>
      <c r="B4426" t="s">
        <v>2785</v>
      </c>
      <c r="C4426" t="s">
        <v>2740</v>
      </c>
      <c r="D4426" t="s">
        <v>2741</v>
      </c>
      <c r="E4426" t="s">
        <v>2352</v>
      </c>
      <c r="F4426" t="s">
        <v>2353</v>
      </c>
      <c r="G4426" t="s">
        <v>80</v>
      </c>
      <c r="H4426" t="s">
        <v>81</v>
      </c>
      <c r="I4426" s="2">
        <v>0</v>
      </c>
      <c r="J4426" s="2">
        <v>0</v>
      </c>
      <c r="K4426" s="2">
        <v>1</v>
      </c>
      <c r="L4426" t="s">
        <v>995</v>
      </c>
      <c r="M4426" t="s">
        <v>83</v>
      </c>
      <c r="N4426" t="s">
        <v>84</v>
      </c>
      <c r="O4426" t="s">
        <v>85</v>
      </c>
      <c r="P4426" t="s">
        <v>86</v>
      </c>
      <c r="Q4426">
        <v>29</v>
      </c>
      <c r="R4426">
        <v>29</v>
      </c>
      <c r="S4426">
        <v>29</v>
      </c>
      <c r="T4426">
        <v>29</v>
      </c>
      <c r="U4426">
        <v>29</v>
      </c>
      <c r="V4426">
        <v>29</v>
      </c>
      <c r="W4426">
        <v>29</v>
      </c>
      <c r="X4426">
        <v>29</v>
      </c>
      <c r="Y4426">
        <v>29</v>
      </c>
      <c r="Z4426">
        <v>29</v>
      </c>
      <c r="AA4426">
        <v>29</v>
      </c>
      <c r="AB4426">
        <v>30</v>
      </c>
      <c r="AC4426">
        <v>30</v>
      </c>
      <c r="AD4426">
        <v>30</v>
      </c>
      <c r="AE4426">
        <v>30</v>
      </c>
      <c r="AF4426">
        <v>30</v>
      </c>
      <c r="AG4426">
        <v>30</v>
      </c>
      <c r="AH4426">
        <v>30</v>
      </c>
      <c r="AI4426">
        <v>30</v>
      </c>
      <c r="AJ4426">
        <v>30</v>
      </c>
      <c r="AK4426">
        <v>30</v>
      </c>
      <c r="AL4426">
        <v>30</v>
      </c>
      <c r="AM4426">
        <v>29</v>
      </c>
      <c r="AN4426">
        <v>29</v>
      </c>
      <c r="AO4426">
        <v>29</v>
      </c>
      <c r="AP4426">
        <v>29</v>
      </c>
      <c r="AQ4426">
        <v>28</v>
      </c>
    </row>
    <row r="4427" spans="1:43">
      <c r="A4427" t="s">
        <v>2784</v>
      </c>
      <c r="B4427" t="s">
        <v>2785</v>
      </c>
      <c r="C4427" t="s">
        <v>2740</v>
      </c>
      <c r="D4427" t="s">
        <v>2741</v>
      </c>
      <c r="E4427" t="s">
        <v>2352</v>
      </c>
      <c r="F4427" t="s">
        <v>2353</v>
      </c>
      <c r="G4427" t="s">
        <v>80</v>
      </c>
      <c r="H4427" t="s">
        <v>81</v>
      </c>
      <c r="I4427" s="2">
        <v>0</v>
      </c>
      <c r="J4427" s="2">
        <v>0</v>
      </c>
      <c r="K4427" s="2">
        <v>1</v>
      </c>
      <c r="L4427" t="s">
        <v>995</v>
      </c>
      <c r="M4427" t="s">
        <v>87</v>
      </c>
      <c r="N4427" t="s">
        <v>88</v>
      </c>
      <c r="O4427" t="s">
        <v>85</v>
      </c>
      <c r="P4427" t="s">
        <v>86</v>
      </c>
      <c r="Q4427">
        <v>29</v>
      </c>
      <c r="R4427">
        <v>29</v>
      </c>
      <c r="S4427">
        <v>29</v>
      </c>
      <c r="T4427">
        <v>29</v>
      </c>
      <c r="U4427">
        <v>29</v>
      </c>
      <c r="V4427">
        <v>29</v>
      </c>
      <c r="W4427">
        <v>28</v>
      </c>
      <c r="X4427">
        <v>28</v>
      </c>
      <c r="Y4427">
        <v>28</v>
      </c>
      <c r="Z4427">
        <v>28</v>
      </c>
      <c r="AA4427">
        <v>28</v>
      </c>
      <c r="AB4427">
        <v>28</v>
      </c>
      <c r="AC4427">
        <v>28</v>
      </c>
      <c r="AD4427">
        <v>27</v>
      </c>
      <c r="AE4427">
        <v>27</v>
      </c>
      <c r="AF4427">
        <v>27</v>
      </c>
      <c r="AG4427">
        <v>27</v>
      </c>
      <c r="AH4427">
        <v>27</v>
      </c>
      <c r="AI4427">
        <v>27</v>
      </c>
      <c r="AJ4427">
        <v>27</v>
      </c>
      <c r="AK4427">
        <v>26</v>
      </c>
      <c r="AL4427">
        <v>26</v>
      </c>
      <c r="AM4427">
        <v>26</v>
      </c>
      <c r="AN4427">
        <v>26</v>
      </c>
      <c r="AO4427">
        <v>26</v>
      </c>
      <c r="AP4427">
        <v>26</v>
      </c>
      <c r="AQ4427">
        <v>26</v>
      </c>
    </row>
    <row r="4428" spans="1:43">
      <c r="A4428" t="s">
        <v>2784</v>
      </c>
      <c r="B4428" t="s">
        <v>2785</v>
      </c>
      <c r="C4428" t="s">
        <v>2740</v>
      </c>
      <c r="D4428" t="s">
        <v>2741</v>
      </c>
      <c r="E4428" t="s">
        <v>2352</v>
      </c>
      <c r="F4428" t="s">
        <v>2353</v>
      </c>
      <c r="G4428" t="s">
        <v>80</v>
      </c>
      <c r="H4428" t="s">
        <v>81</v>
      </c>
      <c r="I4428" s="2">
        <v>0</v>
      </c>
      <c r="J4428" s="2">
        <v>0</v>
      </c>
      <c r="K4428" s="2">
        <v>1</v>
      </c>
      <c r="L4428" t="s">
        <v>995</v>
      </c>
      <c r="M4428" t="s">
        <v>89</v>
      </c>
      <c r="N4428" t="s">
        <v>90</v>
      </c>
      <c r="O4428" t="s">
        <v>85</v>
      </c>
      <c r="P4428" t="s">
        <v>86</v>
      </c>
      <c r="Q4428">
        <v>29</v>
      </c>
      <c r="R4428">
        <v>29</v>
      </c>
      <c r="S4428">
        <v>30</v>
      </c>
      <c r="T4428">
        <v>30</v>
      </c>
      <c r="U4428">
        <v>30</v>
      </c>
      <c r="V4428">
        <v>30</v>
      </c>
      <c r="W4428">
        <v>31</v>
      </c>
      <c r="X4428">
        <v>31</v>
      </c>
      <c r="Y4428">
        <v>31</v>
      </c>
      <c r="Z4428">
        <v>31</v>
      </c>
      <c r="AA4428">
        <v>31</v>
      </c>
      <c r="AB4428">
        <v>32</v>
      </c>
      <c r="AC4428">
        <v>32</v>
      </c>
      <c r="AD4428">
        <v>32</v>
      </c>
      <c r="AE4428">
        <v>32</v>
      </c>
      <c r="AF4428">
        <v>32</v>
      </c>
      <c r="AG4428">
        <v>31</v>
      </c>
      <c r="AH4428">
        <v>31</v>
      </c>
      <c r="AI4428">
        <v>31</v>
      </c>
      <c r="AJ4428">
        <v>30</v>
      </c>
      <c r="AK4428">
        <v>30</v>
      </c>
      <c r="AL4428">
        <v>30</v>
      </c>
      <c r="AM4428">
        <v>30</v>
      </c>
      <c r="AN4428">
        <v>29</v>
      </c>
      <c r="AO4428">
        <v>29</v>
      </c>
      <c r="AP4428">
        <v>29</v>
      </c>
      <c r="AQ4428">
        <v>29</v>
      </c>
    </row>
    <row r="4429" spans="1:43">
      <c r="A4429" t="s">
        <v>2784</v>
      </c>
      <c r="B4429" t="s">
        <v>2785</v>
      </c>
      <c r="C4429" t="s">
        <v>2740</v>
      </c>
      <c r="D4429" t="s">
        <v>2741</v>
      </c>
      <c r="E4429" t="s">
        <v>2352</v>
      </c>
      <c r="F4429" t="s">
        <v>2353</v>
      </c>
      <c r="G4429" t="s">
        <v>80</v>
      </c>
      <c r="H4429" t="s">
        <v>81</v>
      </c>
      <c r="I4429" s="2">
        <v>0</v>
      </c>
      <c r="J4429" s="2">
        <v>0</v>
      </c>
      <c r="K4429" s="2">
        <v>1</v>
      </c>
      <c r="L4429" t="s">
        <v>995</v>
      </c>
      <c r="M4429" t="s">
        <v>83</v>
      </c>
      <c r="N4429" t="s">
        <v>91</v>
      </c>
      <c r="O4429" t="s">
        <v>85</v>
      </c>
      <c r="P4429" t="s">
        <v>86</v>
      </c>
      <c r="Q4429">
        <v>29</v>
      </c>
      <c r="R4429">
        <v>29</v>
      </c>
      <c r="S4429">
        <v>29</v>
      </c>
      <c r="T4429">
        <v>29</v>
      </c>
      <c r="U4429">
        <v>29</v>
      </c>
      <c r="V4429">
        <v>29</v>
      </c>
      <c r="W4429">
        <v>29</v>
      </c>
      <c r="X4429">
        <v>29</v>
      </c>
      <c r="Y4429">
        <v>29</v>
      </c>
      <c r="Z4429">
        <v>29</v>
      </c>
      <c r="AA4429">
        <v>29</v>
      </c>
      <c r="AB4429">
        <v>30</v>
      </c>
      <c r="AC4429">
        <v>30</v>
      </c>
      <c r="AD4429">
        <v>30</v>
      </c>
      <c r="AE4429">
        <v>30</v>
      </c>
      <c r="AF4429">
        <v>30</v>
      </c>
      <c r="AG4429">
        <v>30</v>
      </c>
      <c r="AH4429">
        <v>30</v>
      </c>
      <c r="AI4429">
        <v>30</v>
      </c>
      <c r="AJ4429">
        <v>30</v>
      </c>
      <c r="AK4429">
        <v>30</v>
      </c>
      <c r="AL4429">
        <v>30</v>
      </c>
      <c r="AM4429">
        <v>29</v>
      </c>
      <c r="AN4429">
        <v>29</v>
      </c>
      <c r="AO4429">
        <v>29</v>
      </c>
      <c r="AP4429">
        <v>29</v>
      </c>
      <c r="AQ4429">
        <v>28</v>
      </c>
    </row>
    <row r="4430" spans="1:43">
      <c r="A4430" t="s">
        <v>2786</v>
      </c>
      <c r="B4430" t="s">
        <v>2787</v>
      </c>
      <c r="C4430" t="s">
        <v>2624</v>
      </c>
      <c r="D4430" t="s">
        <v>2625</v>
      </c>
      <c r="E4430" t="s">
        <v>2352</v>
      </c>
      <c r="F4430" t="s">
        <v>2353</v>
      </c>
      <c r="G4430" t="s">
        <v>80</v>
      </c>
      <c r="H4430" t="s">
        <v>81</v>
      </c>
      <c r="I4430" s="2">
        <v>0</v>
      </c>
      <c r="J4430" s="2">
        <v>0</v>
      </c>
      <c r="K4430" s="2">
        <v>1</v>
      </c>
      <c r="L4430" t="s">
        <v>995</v>
      </c>
      <c r="M4430" t="s">
        <v>83</v>
      </c>
      <c r="N4430" t="s">
        <v>84</v>
      </c>
      <c r="O4430" t="s">
        <v>85</v>
      </c>
      <c r="P4430" t="s">
        <v>86</v>
      </c>
      <c r="Q4430">
        <v>18</v>
      </c>
      <c r="R4430">
        <v>18</v>
      </c>
      <c r="S4430">
        <v>18</v>
      </c>
      <c r="T4430">
        <v>18</v>
      </c>
      <c r="U4430">
        <v>18</v>
      </c>
      <c r="V4430">
        <v>19</v>
      </c>
      <c r="W4430">
        <v>19</v>
      </c>
      <c r="X4430">
        <v>19</v>
      </c>
      <c r="Y4430">
        <v>19</v>
      </c>
      <c r="Z4430">
        <v>19</v>
      </c>
      <c r="AA4430">
        <v>19</v>
      </c>
      <c r="AB4430">
        <v>19</v>
      </c>
      <c r="AC4430">
        <v>19</v>
      </c>
      <c r="AD4430">
        <v>19</v>
      </c>
      <c r="AE4430">
        <v>19</v>
      </c>
      <c r="AF4430">
        <v>19</v>
      </c>
      <c r="AG4430">
        <v>19</v>
      </c>
      <c r="AH4430">
        <v>19</v>
      </c>
      <c r="AI4430">
        <v>19</v>
      </c>
      <c r="AJ4430">
        <v>19</v>
      </c>
      <c r="AK4430">
        <v>19</v>
      </c>
      <c r="AL4430">
        <v>19</v>
      </c>
      <c r="AM4430">
        <v>19</v>
      </c>
      <c r="AN4430">
        <v>19</v>
      </c>
      <c r="AO4430">
        <v>19</v>
      </c>
      <c r="AP4430">
        <v>18</v>
      </c>
      <c r="AQ4430">
        <v>18</v>
      </c>
    </row>
    <row r="4431" spans="1:43">
      <c r="A4431" t="s">
        <v>2786</v>
      </c>
      <c r="B4431" t="s">
        <v>2787</v>
      </c>
      <c r="C4431" t="s">
        <v>2624</v>
      </c>
      <c r="D4431" t="s">
        <v>2625</v>
      </c>
      <c r="E4431" t="s">
        <v>2352</v>
      </c>
      <c r="F4431" t="s">
        <v>2353</v>
      </c>
      <c r="G4431" t="s">
        <v>80</v>
      </c>
      <c r="H4431" t="s">
        <v>81</v>
      </c>
      <c r="I4431" s="2">
        <v>0</v>
      </c>
      <c r="J4431" s="2">
        <v>0</v>
      </c>
      <c r="K4431" s="2">
        <v>1</v>
      </c>
      <c r="L4431" t="s">
        <v>995</v>
      </c>
      <c r="M4431" t="s">
        <v>87</v>
      </c>
      <c r="N4431" t="s">
        <v>88</v>
      </c>
      <c r="O4431" t="s">
        <v>85</v>
      </c>
      <c r="P4431" t="s">
        <v>86</v>
      </c>
      <c r="Q4431">
        <v>18</v>
      </c>
      <c r="R4431">
        <v>18</v>
      </c>
      <c r="S4431">
        <v>18</v>
      </c>
      <c r="T4431">
        <v>18</v>
      </c>
      <c r="U4431">
        <v>18</v>
      </c>
      <c r="V4431">
        <v>18</v>
      </c>
      <c r="W4431">
        <v>17</v>
      </c>
      <c r="X4431">
        <v>17</v>
      </c>
      <c r="Y4431">
        <v>17</v>
      </c>
      <c r="Z4431">
        <v>17</v>
      </c>
      <c r="AA4431">
        <v>17</v>
      </c>
      <c r="AB4431">
        <v>17</v>
      </c>
      <c r="AC4431">
        <v>17</v>
      </c>
      <c r="AD4431">
        <v>17</v>
      </c>
      <c r="AE4431">
        <v>17</v>
      </c>
      <c r="AF4431">
        <v>17</v>
      </c>
      <c r="AG4431">
        <v>17</v>
      </c>
      <c r="AH4431">
        <v>17</v>
      </c>
      <c r="AI4431">
        <v>16</v>
      </c>
      <c r="AJ4431">
        <v>16</v>
      </c>
      <c r="AK4431">
        <v>16</v>
      </c>
      <c r="AL4431">
        <v>16</v>
      </c>
      <c r="AM4431">
        <v>16</v>
      </c>
      <c r="AN4431">
        <v>16</v>
      </c>
      <c r="AO4431">
        <v>16</v>
      </c>
      <c r="AP4431">
        <v>16</v>
      </c>
      <c r="AQ4431">
        <v>16</v>
      </c>
    </row>
    <row r="4432" spans="1:43">
      <c r="A4432" t="s">
        <v>2786</v>
      </c>
      <c r="B4432" t="s">
        <v>2787</v>
      </c>
      <c r="C4432" t="s">
        <v>2624</v>
      </c>
      <c r="D4432" t="s">
        <v>2625</v>
      </c>
      <c r="E4432" t="s">
        <v>2352</v>
      </c>
      <c r="F4432" t="s">
        <v>2353</v>
      </c>
      <c r="G4432" t="s">
        <v>80</v>
      </c>
      <c r="H4432" t="s">
        <v>81</v>
      </c>
      <c r="I4432" s="2">
        <v>0</v>
      </c>
      <c r="J4432" s="2">
        <v>0</v>
      </c>
      <c r="K4432" s="2">
        <v>1</v>
      </c>
      <c r="L4432" t="s">
        <v>995</v>
      </c>
      <c r="M4432" t="s">
        <v>89</v>
      </c>
      <c r="N4432" t="s">
        <v>90</v>
      </c>
      <c r="O4432" t="s">
        <v>85</v>
      </c>
      <c r="P4432" t="s">
        <v>86</v>
      </c>
      <c r="Q4432">
        <v>18</v>
      </c>
      <c r="R4432">
        <v>19</v>
      </c>
      <c r="S4432">
        <v>19</v>
      </c>
      <c r="T4432">
        <v>19</v>
      </c>
      <c r="U4432">
        <v>19</v>
      </c>
      <c r="V4432">
        <v>19</v>
      </c>
      <c r="W4432">
        <v>20</v>
      </c>
      <c r="X4432">
        <v>20</v>
      </c>
      <c r="Y4432">
        <v>20</v>
      </c>
      <c r="Z4432">
        <v>20</v>
      </c>
      <c r="AA4432">
        <v>20</v>
      </c>
      <c r="AB4432">
        <v>20</v>
      </c>
      <c r="AC4432">
        <v>20</v>
      </c>
      <c r="AD4432">
        <v>20</v>
      </c>
      <c r="AE4432">
        <v>20</v>
      </c>
      <c r="AF4432">
        <v>20</v>
      </c>
      <c r="AG4432">
        <v>20</v>
      </c>
      <c r="AH4432">
        <v>20</v>
      </c>
      <c r="AI4432">
        <v>20</v>
      </c>
      <c r="AJ4432">
        <v>19</v>
      </c>
      <c r="AK4432">
        <v>19</v>
      </c>
      <c r="AL4432">
        <v>19</v>
      </c>
      <c r="AM4432">
        <v>19</v>
      </c>
      <c r="AN4432">
        <v>19</v>
      </c>
      <c r="AO4432">
        <v>19</v>
      </c>
      <c r="AP4432">
        <v>19</v>
      </c>
      <c r="AQ4432">
        <v>18</v>
      </c>
    </row>
    <row r="4433" spans="1:43">
      <c r="A4433" t="s">
        <v>2786</v>
      </c>
      <c r="B4433" t="s">
        <v>2787</v>
      </c>
      <c r="C4433" t="s">
        <v>2624</v>
      </c>
      <c r="D4433" t="s">
        <v>2625</v>
      </c>
      <c r="E4433" t="s">
        <v>2352</v>
      </c>
      <c r="F4433" t="s">
        <v>2353</v>
      </c>
      <c r="G4433" t="s">
        <v>80</v>
      </c>
      <c r="H4433" t="s">
        <v>81</v>
      </c>
      <c r="I4433" s="2">
        <v>0</v>
      </c>
      <c r="J4433" s="2">
        <v>0</v>
      </c>
      <c r="K4433" s="2">
        <v>1</v>
      </c>
      <c r="L4433" t="s">
        <v>995</v>
      </c>
      <c r="M4433" t="s">
        <v>83</v>
      </c>
      <c r="N4433" t="s">
        <v>91</v>
      </c>
      <c r="O4433" t="s">
        <v>85</v>
      </c>
      <c r="P4433" t="s">
        <v>86</v>
      </c>
      <c r="Q4433">
        <v>18</v>
      </c>
      <c r="R4433">
        <v>18</v>
      </c>
      <c r="S4433">
        <v>18</v>
      </c>
      <c r="T4433">
        <v>18</v>
      </c>
      <c r="U4433">
        <v>18</v>
      </c>
      <c r="V4433">
        <v>19</v>
      </c>
      <c r="W4433">
        <v>19</v>
      </c>
      <c r="X4433">
        <v>19</v>
      </c>
      <c r="Y4433">
        <v>19</v>
      </c>
      <c r="Z4433">
        <v>19</v>
      </c>
      <c r="AA4433">
        <v>19</v>
      </c>
      <c r="AB4433">
        <v>19</v>
      </c>
      <c r="AC4433">
        <v>19</v>
      </c>
      <c r="AD4433">
        <v>19</v>
      </c>
      <c r="AE4433">
        <v>19</v>
      </c>
      <c r="AF4433">
        <v>19</v>
      </c>
      <c r="AG4433">
        <v>19</v>
      </c>
      <c r="AH4433">
        <v>19</v>
      </c>
      <c r="AI4433">
        <v>19</v>
      </c>
      <c r="AJ4433">
        <v>19</v>
      </c>
      <c r="AK4433">
        <v>19</v>
      </c>
      <c r="AL4433">
        <v>19</v>
      </c>
      <c r="AM4433">
        <v>19</v>
      </c>
      <c r="AN4433">
        <v>19</v>
      </c>
      <c r="AO4433">
        <v>19</v>
      </c>
      <c r="AP4433">
        <v>18</v>
      </c>
      <c r="AQ4433">
        <v>18</v>
      </c>
    </row>
    <row r="4434" spans="1:43">
      <c r="A4434" t="s">
        <v>2788</v>
      </c>
      <c r="B4434" t="s">
        <v>2789</v>
      </c>
      <c r="C4434" t="s">
        <v>2766</v>
      </c>
      <c r="D4434" t="s">
        <v>2767</v>
      </c>
      <c r="E4434" t="s">
        <v>2352</v>
      </c>
      <c r="F4434" t="s">
        <v>2353</v>
      </c>
      <c r="G4434" t="s">
        <v>80</v>
      </c>
      <c r="H4434" t="s">
        <v>81</v>
      </c>
      <c r="I4434" s="2">
        <v>0</v>
      </c>
      <c r="J4434" s="2">
        <v>0</v>
      </c>
      <c r="K4434" s="2">
        <v>1</v>
      </c>
      <c r="L4434" t="s">
        <v>995</v>
      </c>
      <c r="M4434" t="s">
        <v>83</v>
      </c>
      <c r="N4434" t="s">
        <v>84</v>
      </c>
      <c r="O4434" t="s">
        <v>85</v>
      </c>
      <c r="P4434" t="s">
        <v>86</v>
      </c>
      <c r="Q4434">
        <v>28</v>
      </c>
      <c r="R4434">
        <v>28</v>
      </c>
      <c r="S4434">
        <v>28</v>
      </c>
      <c r="T4434">
        <v>28</v>
      </c>
      <c r="U4434">
        <v>28</v>
      </c>
      <c r="V4434">
        <v>28</v>
      </c>
      <c r="W4434">
        <v>28</v>
      </c>
      <c r="X4434">
        <v>28</v>
      </c>
      <c r="Y4434">
        <v>28</v>
      </c>
      <c r="Z4434">
        <v>28</v>
      </c>
      <c r="AA4434">
        <v>29</v>
      </c>
      <c r="AB4434">
        <v>29</v>
      </c>
      <c r="AC4434">
        <v>29</v>
      </c>
      <c r="AD4434">
        <v>29</v>
      </c>
      <c r="AE4434">
        <v>29</v>
      </c>
      <c r="AF4434">
        <v>29</v>
      </c>
      <c r="AG4434">
        <v>29</v>
      </c>
      <c r="AH4434">
        <v>29</v>
      </c>
      <c r="AI4434">
        <v>29</v>
      </c>
      <c r="AJ4434">
        <v>29</v>
      </c>
      <c r="AK4434">
        <v>29</v>
      </c>
      <c r="AL4434">
        <v>29</v>
      </c>
      <c r="AM4434">
        <v>28</v>
      </c>
      <c r="AN4434">
        <v>28</v>
      </c>
      <c r="AO4434">
        <v>28</v>
      </c>
      <c r="AP4434">
        <v>28</v>
      </c>
      <c r="AQ4434">
        <v>28</v>
      </c>
    </row>
    <row r="4435" spans="1:43">
      <c r="A4435" t="s">
        <v>2788</v>
      </c>
      <c r="B4435" t="s">
        <v>2789</v>
      </c>
      <c r="C4435" t="s">
        <v>2766</v>
      </c>
      <c r="D4435" t="s">
        <v>2767</v>
      </c>
      <c r="E4435" t="s">
        <v>2352</v>
      </c>
      <c r="F4435" t="s">
        <v>2353</v>
      </c>
      <c r="G4435" t="s">
        <v>80</v>
      </c>
      <c r="H4435" t="s">
        <v>81</v>
      </c>
      <c r="I4435" s="2">
        <v>0</v>
      </c>
      <c r="J4435" s="2">
        <v>0</v>
      </c>
      <c r="K4435" s="2">
        <v>1</v>
      </c>
      <c r="L4435" t="s">
        <v>995</v>
      </c>
      <c r="M4435" t="s">
        <v>87</v>
      </c>
      <c r="N4435" t="s">
        <v>88</v>
      </c>
      <c r="O4435" t="s">
        <v>85</v>
      </c>
      <c r="P4435" t="s">
        <v>86</v>
      </c>
      <c r="Q4435">
        <v>28</v>
      </c>
      <c r="R4435">
        <v>27</v>
      </c>
      <c r="S4435">
        <v>27</v>
      </c>
      <c r="T4435">
        <v>27</v>
      </c>
      <c r="U4435">
        <v>27</v>
      </c>
      <c r="V4435">
        <v>27</v>
      </c>
      <c r="W4435">
        <v>27</v>
      </c>
      <c r="X4435">
        <v>26</v>
      </c>
      <c r="Y4435">
        <v>26</v>
      </c>
      <c r="Z4435">
        <v>26</v>
      </c>
      <c r="AA4435">
        <v>26</v>
      </c>
      <c r="AB4435">
        <v>26</v>
      </c>
      <c r="AC4435">
        <v>26</v>
      </c>
      <c r="AD4435">
        <v>26</v>
      </c>
      <c r="AE4435">
        <v>25</v>
      </c>
      <c r="AF4435">
        <v>25</v>
      </c>
      <c r="AG4435">
        <v>25</v>
      </c>
      <c r="AH4435">
        <v>25</v>
      </c>
      <c r="AI4435">
        <v>25</v>
      </c>
      <c r="AJ4435">
        <v>25</v>
      </c>
      <c r="AK4435">
        <v>25</v>
      </c>
      <c r="AL4435">
        <v>24</v>
      </c>
      <c r="AM4435">
        <v>24</v>
      </c>
      <c r="AN4435">
        <v>24</v>
      </c>
      <c r="AO4435">
        <v>24</v>
      </c>
      <c r="AP4435">
        <v>24</v>
      </c>
      <c r="AQ4435">
        <v>24</v>
      </c>
    </row>
    <row r="4436" spans="1:43">
      <c r="A4436" t="s">
        <v>2788</v>
      </c>
      <c r="B4436" t="s">
        <v>2789</v>
      </c>
      <c r="C4436" t="s">
        <v>2766</v>
      </c>
      <c r="D4436" t="s">
        <v>2767</v>
      </c>
      <c r="E4436" t="s">
        <v>2352</v>
      </c>
      <c r="F4436" t="s">
        <v>2353</v>
      </c>
      <c r="G4436" t="s">
        <v>80</v>
      </c>
      <c r="H4436" t="s">
        <v>81</v>
      </c>
      <c r="I4436" s="2">
        <v>0</v>
      </c>
      <c r="J4436" s="2">
        <v>0</v>
      </c>
      <c r="K4436" s="2">
        <v>1</v>
      </c>
      <c r="L4436" t="s">
        <v>995</v>
      </c>
      <c r="M4436" t="s">
        <v>89</v>
      </c>
      <c r="N4436" t="s">
        <v>90</v>
      </c>
      <c r="O4436" t="s">
        <v>85</v>
      </c>
      <c r="P4436" t="s">
        <v>86</v>
      </c>
      <c r="Q4436">
        <v>28</v>
      </c>
      <c r="R4436">
        <v>28</v>
      </c>
      <c r="S4436">
        <v>29</v>
      </c>
      <c r="T4436">
        <v>29</v>
      </c>
      <c r="U4436">
        <v>29</v>
      </c>
      <c r="V4436">
        <v>30</v>
      </c>
      <c r="W4436">
        <v>30</v>
      </c>
      <c r="X4436">
        <v>30</v>
      </c>
      <c r="Y4436">
        <v>30</v>
      </c>
      <c r="Z4436">
        <v>30</v>
      </c>
      <c r="AA4436">
        <v>30</v>
      </c>
      <c r="AB4436">
        <v>31</v>
      </c>
      <c r="AC4436">
        <v>31</v>
      </c>
      <c r="AD4436">
        <v>31</v>
      </c>
      <c r="AE4436">
        <v>31</v>
      </c>
      <c r="AF4436">
        <v>30</v>
      </c>
      <c r="AG4436">
        <v>30</v>
      </c>
      <c r="AH4436">
        <v>30</v>
      </c>
      <c r="AI4436">
        <v>30</v>
      </c>
      <c r="AJ4436">
        <v>29</v>
      </c>
      <c r="AK4436">
        <v>29</v>
      </c>
      <c r="AL4436">
        <v>29</v>
      </c>
      <c r="AM4436">
        <v>29</v>
      </c>
      <c r="AN4436">
        <v>29</v>
      </c>
      <c r="AO4436">
        <v>28</v>
      </c>
      <c r="AP4436">
        <v>28</v>
      </c>
      <c r="AQ4436">
        <v>28</v>
      </c>
    </row>
    <row r="4437" spans="1:43">
      <c r="A4437" t="s">
        <v>2788</v>
      </c>
      <c r="B4437" t="s">
        <v>2789</v>
      </c>
      <c r="C4437" t="s">
        <v>2766</v>
      </c>
      <c r="D4437" t="s">
        <v>2767</v>
      </c>
      <c r="E4437" t="s">
        <v>2352</v>
      </c>
      <c r="F4437" t="s">
        <v>2353</v>
      </c>
      <c r="G4437" t="s">
        <v>80</v>
      </c>
      <c r="H4437" t="s">
        <v>81</v>
      </c>
      <c r="I4437" s="2">
        <v>0</v>
      </c>
      <c r="J4437" s="2">
        <v>0</v>
      </c>
      <c r="K4437" s="2">
        <v>1</v>
      </c>
      <c r="L4437" t="s">
        <v>995</v>
      </c>
      <c r="M4437" t="s">
        <v>83</v>
      </c>
      <c r="N4437" t="s">
        <v>91</v>
      </c>
      <c r="O4437" t="s">
        <v>85</v>
      </c>
      <c r="P4437" t="s">
        <v>86</v>
      </c>
      <c r="Q4437">
        <v>28</v>
      </c>
      <c r="R4437">
        <v>28</v>
      </c>
      <c r="S4437">
        <v>28</v>
      </c>
      <c r="T4437">
        <v>28</v>
      </c>
      <c r="U4437">
        <v>28</v>
      </c>
      <c r="V4437">
        <v>28</v>
      </c>
      <c r="W4437">
        <v>28</v>
      </c>
      <c r="X4437">
        <v>28</v>
      </c>
      <c r="Y4437">
        <v>28</v>
      </c>
      <c r="Z4437">
        <v>28</v>
      </c>
      <c r="AA4437">
        <v>29</v>
      </c>
      <c r="AB4437">
        <v>29</v>
      </c>
      <c r="AC4437">
        <v>29</v>
      </c>
      <c r="AD4437">
        <v>29</v>
      </c>
      <c r="AE4437">
        <v>29</v>
      </c>
      <c r="AF4437">
        <v>29</v>
      </c>
      <c r="AG4437">
        <v>29</v>
      </c>
      <c r="AH4437">
        <v>29</v>
      </c>
      <c r="AI4437">
        <v>29</v>
      </c>
      <c r="AJ4437">
        <v>29</v>
      </c>
      <c r="AK4437">
        <v>29</v>
      </c>
      <c r="AL4437">
        <v>29</v>
      </c>
      <c r="AM4437">
        <v>28</v>
      </c>
      <c r="AN4437">
        <v>28</v>
      </c>
      <c r="AO4437">
        <v>28</v>
      </c>
      <c r="AP4437">
        <v>28</v>
      </c>
      <c r="AQ4437">
        <v>28</v>
      </c>
    </row>
    <row r="4438" spans="1:43">
      <c r="A4438" t="s">
        <v>2790</v>
      </c>
      <c r="B4438" t="s">
        <v>2791</v>
      </c>
      <c r="C4438" t="s">
        <v>2624</v>
      </c>
      <c r="D4438" t="s">
        <v>2625</v>
      </c>
      <c r="E4438" t="s">
        <v>2352</v>
      </c>
      <c r="F4438" t="s">
        <v>2353</v>
      </c>
      <c r="G4438" t="s">
        <v>80</v>
      </c>
      <c r="H4438" t="s">
        <v>81</v>
      </c>
      <c r="I4438" s="2">
        <v>0</v>
      </c>
      <c r="J4438" s="2">
        <v>0</v>
      </c>
      <c r="K4438" s="2">
        <v>1</v>
      </c>
      <c r="L4438" t="s">
        <v>995</v>
      </c>
      <c r="M4438" t="s">
        <v>83</v>
      </c>
      <c r="N4438" t="s">
        <v>84</v>
      </c>
      <c r="O4438" t="s">
        <v>85</v>
      </c>
      <c r="P4438" t="s">
        <v>86</v>
      </c>
      <c r="Q4438">
        <v>13</v>
      </c>
      <c r="R4438">
        <v>13</v>
      </c>
      <c r="S4438">
        <v>13</v>
      </c>
      <c r="T4438">
        <v>13</v>
      </c>
      <c r="U4438">
        <v>13</v>
      </c>
      <c r="V4438">
        <v>13</v>
      </c>
      <c r="W4438">
        <v>13</v>
      </c>
      <c r="X4438">
        <v>13</v>
      </c>
      <c r="Y4438">
        <v>13</v>
      </c>
      <c r="Z4438">
        <v>13</v>
      </c>
      <c r="AA4438">
        <v>13</v>
      </c>
      <c r="AB4438">
        <v>13</v>
      </c>
      <c r="AC4438">
        <v>13</v>
      </c>
      <c r="AD4438">
        <v>13</v>
      </c>
      <c r="AE4438">
        <v>13</v>
      </c>
      <c r="AF4438">
        <v>13</v>
      </c>
      <c r="AG4438">
        <v>13</v>
      </c>
      <c r="AH4438">
        <v>13</v>
      </c>
      <c r="AI4438">
        <v>13</v>
      </c>
      <c r="AJ4438">
        <v>13</v>
      </c>
      <c r="AK4438">
        <v>13</v>
      </c>
      <c r="AL4438">
        <v>13</v>
      </c>
      <c r="AM4438">
        <v>13</v>
      </c>
      <c r="AN4438">
        <v>13</v>
      </c>
      <c r="AO4438">
        <v>13</v>
      </c>
      <c r="AP4438">
        <v>13</v>
      </c>
      <c r="AQ4438">
        <v>13</v>
      </c>
    </row>
    <row r="4439" spans="1:43">
      <c r="A4439" t="s">
        <v>2790</v>
      </c>
      <c r="B4439" t="s">
        <v>2791</v>
      </c>
      <c r="C4439" t="s">
        <v>2624</v>
      </c>
      <c r="D4439" t="s">
        <v>2625</v>
      </c>
      <c r="E4439" t="s">
        <v>2352</v>
      </c>
      <c r="F4439" t="s">
        <v>2353</v>
      </c>
      <c r="G4439" t="s">
        <v>80</v>
      </c>
      <c r="H4439" t="s">
        <v>81</v>
      </c>
      <c r="I4439" s="2">
        <v>0</v>
      </c>
      <c r="J4439" s="2">
        <v>0</v>
      </c>
      <c r="K4439" s="2">
        <v>1</v>
      </c>
      <c r="L4439" t="s">
        <v>995</v>
      </c>
      <c r="M4439" t="s">
        <v>87</v>
      </c>
      <c r="N4439" t="s">
        <v>88</v>
      </c>
      <c r="O4439" t="s">
        <v>85</v>
      </c>
      <c r="P4439" t="s">
        <v>86</v>
      </c>
      <c r="Q4439">
        <v>13</v>
      </c>
      <c r="R4439">
        <v>13</v>
      </c>
      <c r="S4439">
        <v>13</v>
      </c>
      <c r="T4439">
        <v>13</v>
      </c>
      <c r="U4439">
        <v>12</v>
      </c>
      <c r="V4439">
        <v>12</v>
      </c>
      <c r="W4439">
        <v>12</v>
      </c>
      <c r="X4439">
        <v>12</v>
      </c>
      <c r="Y4439">
        <v>12</v>
      </c>
      <c r="Z4439">
        <v>12</v>
      </c>
      <c r="AA4439">
        <v>12</v>
      </c>
      <c r="AB4439">
        <v>12</v>
      </c>
      <c r="AC4439">
        <v>12</v>
      </c>
      <c r="AD4439">
        <v>12</v>
      </c>
      <c r="AE4439">
        <v>12</v>
      </c>
      <c r="AF4439">
        <v>12</v>
      </c>
      <c r="AG4439">
        <v>12</v>
      </c>
      <c r="AH4439">
        <v>12</v>
      </c>
      <c r="AI4439">
        <v>12</v>
      </c>
      <c r="AJ4439">
        <v>11</v>
      </c>
      <c r="AK4439">
        <v>11</v>
      </c>
      <c r="AL4439">
        <v>11</v>
      </c>
      <c r="AM4439">
        <v>11</v>
      </c>
      <c r="AN4439">
        <v>11</v>
      </c>
      <c r="AO4439">
        <v>11</v>
      </c>
      <c r="AP4439">
        <v>11</v>
      </c>
      <c r="AQ4439">
        <v>11</v>
      </c>
    </row>
    <row r="4440" spans="1:43">
      <c r="A4440" t="s">
        <v>2790</v>
      </c>
      <c r="B4440" t="s">
        <v>2791</v>
      </c>
      <c r="C4440" t="s">
        <v>2624</v>
      </c>
      <c r="D4440" t="s">
        <v>2625</v>
      </c>
      <c r="E4440" t="s">
        <v>2352</v>
      </c>
      <c r="F4440" t="s">
        <v>2353</v>
      </c>
      <c r="G4440" t="s">
        <v>80</v>
      </c>
      <c r="H4440" t="s">
        <v>81</v>
      </c>
      <c r="I4440" s="2">
        <v>0</v>
      </c>
      <c r="J4440" s="2">
        <v>0</v>
      </c>
      <c r="K4440" s="2">
        <v>1</v>
      </c>
      <c r="L4440" t="s">
        <v>995</v>
      </c>
      <c r="M4440" t="s">
        <v>89</v>
      </c>
      <c r="N4440" t="s">
        <v>90</v>
      </c>
      <c r="O4440" t="s">
        <v>85</v>
      </c>
      <c r="P4440" t="s">
        <v>86</v>
      </c>
      <c r="Q4440">
        <v>13</v>
      </c>
      <c r="R4440">
        <v>13</v>
      </c>
      <c r="S4440">
        <v>13</v>
      </c>
      <c r="T4440">
        <v>13</v>
      </c>
      <c r="U4440">
        <v>14</v>
      </c>
      <c r="V4440">
        <v>14</v>
      </c>
      <c r="W4440">
        <v>14</v>
      </c>
      <c r="X4440">
        <v>14</v>
      </c>
      <c r="Y4440">
        <v>14</v>
      </c>
      <c r="Z4440">
        <v>14</v>
      </c>
      <c r="AA4440">
        <v>14</v>
      </c>
      <c r="AB4440">
        <v>14</v>
      </c>
      <c r="AC4440">
        <v>14</v>
      </c>
      <c r="AD4440">
        <v>14</v>
      </c>
      <c r="AE4440">
        <v>14</v>
      </c>
      <c r="AF4440">
        <v>14</v>
      </c>
      <c r="AG4440">
        <v>14</v>
      </c>
      <c r="AH4440">
        <v>14</v>
      </c>
      <c r="AI4440">
        <v>14</v>
      </c>
      <c r="AJ4440">
        <v>14</v>
      </c>
      <c r="AK4440">
        <v>14</v>
      </c>
      <c r="AL4440">
        <v>13</v>
      </c>
      <c r="AM4440">
        <v>13</v>
      </c>
      <c r="AN4440">
        <v>13</v>
      </c>
      <c r="AO4440">
        <v>13</v>
      </c>
      <c r="AP4440">
        <v>13</v>
      </c>
      <c r="AQ4440">
        <v>13</v>
      </c>
    </row>
    <row r="4441" spans="1:43">
      <c r="A4441" t="s">
        <v>2790</v>
      </c>
      <c r="B4441" t="s">
        <v>2791</v>
      </c>
      <c r="C4441" t="s">
        <v>2624</v>
      </c>
      <c r="D4441" t="s">
        <v>2625</v>
      </c>
      <c r="E4441" t="s">
        <v>2352</v>
      </c>
      <c r="F4441" t="s">
        <v>2353</v>
      </c>
      <c r="G4441" t="s">
        <v>80</v>
      </c>
      <c r="H4441" t="s">
        <v>81</v>
      </c>
      <c r="I4441" s="2">
        <v>0</v>
      </c>
      <c r="J4441" s="2">
        <v>0</v>
      </c>
      <c r="K4441" s="2">
        <v>1</v>
      </c>
      <c r="L4441" t="s">
        <v>995</v>
      </c>
      <c r="M4441" t="s">
        <v>83</v>
      </c>
      <c r="N4441" t="s">
        <v>91</v>
      </c>
      <c r="O4441" t="s">
        <v>85</v>
      </c>
      <c r="P4441" t="s">
        <v>86</v>
      </c>
      <c r="Q4441">
        <v>13</v>
      </c>
      <c r="R4441">
        <v>13</v>
      </c>
      <c r="S4441">
        <v>13</v>
      </c>
      <c r="T4441">
        <v>13</v>
      </c>
      <c r="U4441">
        <v>13</v>
      </c>
      <c r="V4441">
        <v>13</v>
      </c>
      <c r="W4441">
        <v>13</v>
      </c>
      <c r="X4441">
        <v>13</v>
      </c>
      <c r="Y4441">
        <v>13</v>
      </c>
      <c r="Z4441">
        <v>13</v>
      </c>
      <c r="AA4441">
        <v>13</v>
      </c>
      <c r="AB4441">
        <v>13</v>
      </c>
      <c r="AC4441">
        <v>13</v>
      </c>
      <c r="AD4441">
        <v>13</v>
      </c>
      <c r="AE4441">
        <v>13</v>
      </c>
      <c r="AF4441">
        <v>13</v>
      </c>
      <c r="AG4441">
        <v>13</v>
      </c>
      <c r="AH4441">
        <v>13</v>
      </c>
      <c r="AI4441">
        <v>13</v>
      </c>
      <c r="AJ4441">
        <v>13</v>
      </c>
      <c r="AK4441">
        <v>13</v>
      </c>
      <c r="AL4441">
        <v>13</v>
      </c>
      <c r="AM4441">
        <v>13</v>
      </c>
      <c r="AN4441">
        <v>13</v>
      </c>
      <c r="AO4441">
        <v>13</v>
      </c>
      <c r="AP4441">
        <v>13</v>
      </c>
      <c r="AQ4441">
        <v>13</v>
      </c>
    </row>
    <row r="4442" spans="1:43">
      <c r="A4442" t="s">
        <v>2792</v>
      </c>
      <c r="B4442" t="s">
        <v>2793</v>
      </c>
      <c r="C4442" t="s">
        <v>2624</v>
      </c>
      <c r="D4442" t="s">
        <v>2625</v>
      </c>
      <c r="E4442" t="s">
        <v>2352</v>
      </c>
      <c r="F4442" t="s">
        <v>2353</v>
      </c>
      <c r="G4442" t="s">
        <v>80</v>
      </c>
      <c r="H4442" t="s">
        <v>81</v>
      </c>
      <c r="I4442" s="2">
        <v>0</v>
      </c>
      <c r="J4442" s="2">
        <v>0</v>
      </c>
      <c r="K4442" s="2">
        <v>1</v>
      </c>
      <c r="L4442" t="s">
        <v>995</v>
      </c>
      <c r="M4442" t="s">
        <v>83</v>
      </c>
      <c r="N4442" t="s">
        <v>84</v>
      </c>
      <c r="O4442" t="s">
        <v>85</v>
      </c>
      <c r="P4442" t="s">
        <v>86</v>
      </c>
      <c r="Q4442">
        <v>9</v>
      </c>
      <c r="R4442">
        <v>9</v>
      </c>
      <c r="S4442">
        <v>9</v>
      </c>
      <c r="T4442">
        <v>9</v>
      </c>
      <c r="U4442">
        <v>9</v>
      </c>
      <c r="V4442">
        <v>9</v>
      </c>
      <c r="W4442">
        <v>9</v>
      </c>
      <c r="X4442">
        <v>9</v>
      </c>
      <c r="Y4442">
        <v>9</v>
      </c>
      <c r="Z4442">
        <v>9</v>
      </c>
      <c r="AA4442">
        <v>9</v>
      </c>
      <c r="AB4442">
        <v>9</v>
      </c>
      <c r="AC4442">
        <v>9</v>
      </c>
      <c r="AD4442">
        <v>9</v>
      </c>
      <c r="AE4442">
        <v>9</v>
      </c>
      <c r="AF4442">
        <v>9</v>
      </c>
      <c r="AG4442">
        <v>9</v>
      </c>
      <c r="AH4442">
        <v>9</v>
      </c>
      <c r="AI4442">
        <v>9</v>
      </c>
      <c r="AJ4442">
        <v>9</v>
      </c>
      <c r="AK4442">
        <v>9</v>
      </c>
      <c r="AL4442">
        <v>9</v>
      </c>
      <c r="AM4442">
        <v>9</v>
      </c>
      <c r="AN4442">
        <v>9</v>
      </c>
      <c r="AO4442">
        <v>9</v>
      </c>
      <c r="AP4442">
        <v>9</v>
      </c>
      <c r="AQ4442">
        <v>9</v>
      </c>
    </row>
    <row r="4443" spans="1:43">
      <c r="A4443" t="s">
        <v>2792</v>
      </c>
      <c r="B4443" t="s">
        <v>2793</v>
      </c>
      <c r="C4443" t="s">
        <v>2624</v>
      </c>
      <c r="D4443" t="s">
        <v>2625</v>
      </c>
      <c r="E4443" t="s">
        <v>2352</v>
      </c>
      <c r="F4443" t="s">
        <v>2353</v>
      </c>
      <c r="G4443" t="s">
        <v>80</v>
      </c>
      <c r="H4443" t="s">
        <v>81</v>
      </c>
      <c r="I4443" s="2">
        <v>0</v>
      </c>
      <c r="J4443" s="2">
        <v>0</v>
      </c>
      <c r="K4443" s="2">
        <v>1</v>
      </c>
      <c r="L4443" t="s">
        <v>995</v>
      </c>
      <c r="M4443" t="s">
        <v>87</v>
      </c>
      <c r="N4443" t="s">
        <v>88</v>
      </c>
      <c r="O4443" t="s">
        <v>85</v>
      </c>
      <c r="P4443" t="s">
        <v>86</v>
      </c>
      <c r="Q4443">
        <v>9</v>
      </c>
      <c r="R4443">
        <v>9</v>
      </c>
      <c r="S4443">
        <v>9</v>
      </c>
      <c r="T4443">
        <v>9</v>
      </c>
      <c r="U4443">
        <v>9</v>
      </c>
      <c r="V4443">
        <v>8</v>
      </c>
      <c r="W4443">
        <v>8</v>
      </c>
      <c r="X4443">
        <v>8</v>
      </c>
      <c r="Y4443">
        <v>8</v>
      </c>
      <c r="Z4443">
        <v>8</v>
      </c>
      <c r="AA4443">
        <v>8</v>
      </c>
      <c r="AB4443">
        <v>8</v>
      </c>
      <c r="AC4443">
        <v>8</v>
      </c>
      <c r="AD4443">
        <v>8</v>
      </c>
      <c r="AE4443">
        <v>8</v>
      </c>
      <c r="AF4443">
        <v>8</v>
      </c>
      <c r="AG4443">
        <v>8</v>
      </c>
      <c r="AH4443">
        <v>8</v>
      </c>
      <c r="AI4443">
        <v>8</v>
      </c>
      <c r="AJ4443">
        <v>8</v>
      </c>
      <c r="AK4443">
        <v>8</v>
      </c>
      <c r="AL4443">
        <v>8</v>
      </c>
      <c r="AM4443">
        <v>8</v>
      </c>
      <c r="AN4443">
        <v>8</v>
      </c>
      <c r="AO4443">
        <v>8</v>
      </c>
      <c r="AP4443">
        <v>8</v>
      </c>
      <c r="AQ4443">
        <v>8</v>
      </c>
    </row>
    <row r="4444" spans="1:43">
      <c r="A4444" t="s">
        <v>2792</v>
      </c>
      <c r="B4444" t="s">
        <v>2793</v>
      </c>
      <c r="C4444" t="s">
        <v>2624</v>
      </c>
      <c r="D4444" t="s">
        <v>2625</v>
      </c>
      <c r="E4444" t="s">
        <v>2352</v>
      </c>
      <c r="F4444" t="s">
        <v>2353</v>
      </c>
      <c r="G4444" t="s">
        <v>80</v>
      </c>
      <c r="H4444" t="s">
        <v>81</v>
      </c>
      <c r="I4444" s="2">
        <v>0</v>
      </c>
      <c r="J4444" s="2">
        <v>0</v>
      </c>
      <c r="K4444" s="2">
        <v>1</v>
      </c>
      <c r="L4444" t="s">
        <v>995</v>
      </c>
      <c r="M4444" t="s">
        <v>89</v>
      </c>
      <c r="N4444" t="s">
        <v>90</v>
      </c>
      <c r="O4444" t="s">
        <v>85</v>
      </c>
      <c r="P4444" t="s">
        <v>86</v>
      </c>
      <c r="Q4444">
        <v>9</v>
      </c>
      <c r="R4444">
        <v>9</v>
      </c>
      <c r="S4444">
        <v>9</v>
      </c>
      <c r="T4444">
        <v>9</v>
      </c>
      <c r="U4444">
        <v>9</v>
      </c>
      <c r="V4444">
        <v>9</v>
      </c>
      <c r="W4444">
        <v>9</v>
      </c>
      <c r="X4444">
        <v>9</v>
      </c>
      <c r="Y4444">
        <v>10</v>
      </c>
      <c r="Z4444">
        <v>10</v>
      </c>
      <c r="AA4444">
        <v>10</v>
      </c>
      <c r="AB4444">
        <v>10</v>
      </c>
      <c r="AC4444">
        <v>10</v>
      </c>
      <c r="AD4444">
        <v>10</v>
      </c>
      <c r="AE4444">
        <v>10</v>
      </c>
      <c r="AF4444">
        <v>10</v>
      </c>
      <c r="AG4444">
        <v>10</v>
      </c>
      <c r="AH4444">
        <v>10</v>
      </c>
      <c r="AI4444">
        <v>9</v>
      </c>
      <c r="AJ4444">
        <v>9</v>
      </c>
      <c r="AK4444">
        <v>9</v>
      </c>
      <c r="AL4444">
        <v>9</v>
      </c>
      <c r="AM4444">
        <v>9</v>
      </c>
      <c r="AN4444">
        <v>9</v>
      </c>
      <c r="AO4444">
        <v>9</v>
      </c>
      <c r="AP4444">
        <v>9</v>
      </c>
      <c r="AQ4444">
        <v>9</v>
      </c>
    </row>
    <row r="4445" spans="1:43">
      <c r="A4445" t="s">
        <v>2792</v>
      </c>
      <c r="B4445" t="s">
        <v>2793</v>
      </c>
      <c r="C4445" t="s">
        <v>2624</v>
      </c>
      <c r="D4445" t="s">
        <v>2625</v>
      </c>
      <c r="E4445" t="s">
        <v>2352</v>
      </c>
      <c r="F4445" t="s">
        <v>2353</v>
      </c>
      <c r="G4445" t="s">
        <v>80</v>
      </c>
      <c r="H4445" t="s">
        <v>81</v>
      </c>
      <c r="I4445" s="2">
        <v>0</v>
      </c>
      <c r="J4445" s="2">
        <v>0</v>
      </c>
      <c r="K4445" s="2">
        <v>1</v>
      </c>
      <c r="L4445" t="s">
        <v>995</v>
      </c>
      <c r="M4445" t="s">
        <v>83</v>
      </c>
      <c r="N4445" t="s">
        <v>91</v>
      </c>
      <c r="O4445" t="s">
        <v>85</v>
      </c>
      <c r="P4445" t="s">
        <v>86</v>
      </c>
      <c r="Q4445">
        <v>9</v>
      </c>
      <c r="R4445">
        <v>9</v>
      </c>
      <c r="S4445">
        <v>9</v>
      </c>
      <c r="T4445">
        <v>9</v>
      </c>
      <c r="U4445">
        <v>9</v>
      </c>
      <c r="V4445">
        <v>9</v>
      </c>
      <c r="W4445">
        <v>9</v>
      </c>
      <c r="X4445">
        <v>9</v>
      </c>
      <c r="Y4445">
        <v>9</v>
      </c>
      <c r="Z4445">
        <v>9</v>
      </c>
      <c r="AA4445">
        <v>9</v>
      </c>
      <c r="AB4445">
        <v>9</v>
      </c>
      <c r="AC4445">
        <v>9</v>
      </c>
      <c r="AD4445">
        <v>9</v>
      </c>
      <c r="AE4445">
        <v>9</v>
      </c>
      <c r="AF4445">
        <v>9</v>
      </c>
      <c r="AG4445">
        <v>9</v>
      </c>
      <c r="AH4445">
        <v>9</v>
      </c>
      <c r="AI4445">
        <v>9</v>
      </c>
      <c r="AJ4445">
        <v>9</v>
      </c>
      <c r="AK4445">
        <v>9</v>
      </c>
      <c r="AL4445">
        <v>9</v>
      </c>
      <c r="AM4445">
        <v>9</v>
      </c>
      <c r="AN4445">
        <v>9</v>
      </c>
      <c r="AO4445">
        <v>9</v>
      </c>
      <c r="AP4445">
        <v>9</v>
      </c>
      <c r="AQ4445">
        <v>9</v>
      </c>
    </row>
    <row r="4446" spans="1:43">
      <c r="A4446" t="s">
        <v>2794</v>
      </c>
      <c r="B4446" t="s">
        <v>2795</v>
      </c>
      <c r="C4446" t="s">
        <v>2620</v>
      </c>
      <c r="D4446" t="s">
        <v>2621</v>
      </c>
      <c r="E4446" t="s">
        <v>2352</v>
      </c>
      <c r="F4446" t="s">
        <v>2353</v>
      </c>
      <c r="G4446" t="s">
        <v>80</v>
      </c>
      <c r="H4446" t="s">
        <v>81</v>
      </c>
      <c r="I4446" s="2">
        <v>0</v>
      </c>
      <c r="J4446" s="2">
        <v>0</v>
      </c>
      <c r="K4446" s="2">
        <v>1</v>
      </c>
      <c r="L4446" t="s">
        <v>995</v>
      </c>
      <c r="M4446" t="s">
        <v>83</v>
      </c>
      <c r="N4446" t="s">
        <v>84</v>
      </c>
      <c r="O4446" t="s">
        <v>85</v>
      </c>
      <c r="P4446" t="s">
        <v>86</v>
      </c>
      <c r="Q4446">
        <v>15</v>
      </c>
      <c r="R4446">
        <v>15</v>
      </c>
      <c r="S4446">
        <v>15</v>
      </c>
      <c r="T4446">
        <v>15</v>
      </c>
      <c r="U4446">
        <v>15</v>
      </c>
      <c r="V4446">
        <v>15</v>
      </c>
      <c r="W4446">
        <v>16</v>
      </c>
      <c r="X4446">
        <v>16</v>
      </c>
      <c r="Y4446">
        <v>16</v>
      </c>
      <c r="Z4446">
        <v>16</v>
      </c>
      <c r="AA4446">
        <v>16</v>
      </c>
      <c r="AB4446">
        <v>16</v>
      </c>
      <c r="AC4446">
        <v>16</v>
      </c>
      <c r="AD4446">
        <v>16</v>
      </c>
      <c r="AE4446">
        <v>16</v>
      </c>
      <c r="AF4446">
        <v>16</v>
      </c>
      <c r="AG4446">
        <v>16</v>
      </c>
      <c r="AH4446">
        <v>16</v>
      </c>
      <c r="AI4446">
        <v>16</v>
      </c>
      <c r="AJ4446">
        <v>16</v>
      </c>
      <c r="AK4446">
        <v>16</v>
      </c>
      <c r="AL4446">
        <v>16</v>
      </c>
      <c r="AM4446">
        <v>16</v>
      </c>
      <c r="AN4446">
        <v>16</v>
      </c>
      <c r="AO4446">
        <v>16</v>
      </c>
      <c r="AP4446">
        <v>15</v>
      </c>
      <c r="AQ4446">
        <v>15</v>
      </c>
    </row>
    <row r="4447" spans="1:43">
      <c r="A4447" t="s">
        <v>2794</v>
      </c>
      <c r="B4447" t="s">
        <v>2795</v>
      </c>
      <c r="C4447" t="s">
        <v>2620</v>
      </c>
      <c r="D4447" t="s">
        <v>2621</v>
      </c>
      <c r="E4447" t="s">
        <v>2352</v>
      </c>
      <c r="F4447" t="s">
        <v>2353</v>
      </c>
      <c r="G4447" t="s">
        <v>80</v>
      </c>
      <c r="H4447" t="s">
        <v>81</v>
      </c>
      <c r="I4447" s="2">
        <v>0</v>
      </c>
      <c r="J4447" s="2">
        <v>0</v>
      </c>
      <c r="K4447" s="2">
        <v>1</v>
      </c>
      <c r="L4447" t="s">
        <v>995</v>
      </c>
      <c r="M4447" t="s">
        <v>87</v>
      </c>
      <c r="N4447" t="s">
        <v>88</v>
      </c>
      <c r="O4447" t="s">
        <v>85</v>
      </c>
      <c r="P4447" t="s">
        <v>86</v>
      </c>
      <c r="Q4447">
        <v>15</v>
      </c>
      <c r="R4447">
        <v>15</v>
      </c>
      <c r="S4447">
        <v>15</v>
      </c>
      <c r="T4447">
        <v>15</v>
      </c>
      <c r="U4447">
        <v>15</v>
      </c>
      <c r="V4447">
        <v>15</v>
      </c>
      <c r="W4447">
        <v>15</v>
      </c>
      <c r="X4447">
        <v>14</v>
      </c>
      <c r="Y4447">
        <v>14</v>
      </c>
      <c r="Z4447">
        <v>14</v>
      </c>
      <c r="AA4447">
        <v>14</v>
      </c>
      <c r="AB4447">
        <v>14</v>
      </c>
      <c r="AC4447">
        <v>14</v>
      </c>
      <c r="AD4447">
        <v>14</v>
      </c>
      <c r="AE4447">
        <v>14</v>
      </c>
      <c r="AF4447">
        <v>14</v>
      </c>
      <c r="AG4447">
        <v>14</v>
      </c>
      <c r="AH4447">
        <v>14</v>
      </c>
      <c r="AI4447">
        <v>14</v>
      </c>
      <c r="AJ4447">
        <v>14</v>
      </c>
      <c r="AK4447">
        <v>14</v>
      </c>
      <c r="AL4447">
        <v>14</v>
      </c>
      <c r="AM4447">
        <v>14</v>
      </c>
      <c r="AN4447">
        <v>13</v>
      </c>
      <c r="AO4447">
        <v>13</v>
      </c>
      <c r="AP4447">
        <v>13</v>
      </c>
      <c r="AQ4447">
        <v>13</v>
      </c>
    </row>
    <row r="4448" spans="1:43">
      <c r="A4448" t="s">
        <v>2794</v>
      </c>
      <c r="B4448" t="s">
        <v>2795</v>
      </c>
      <c r="C4448" t="s">
        <v>2620</v>
      </c>
      <c r="D4448" t="s">
        <v>2621</v>
      </c>
      <c r="E4448" t="s">
        <v>2352</v>
      </c>
      <c r="F4448" t="s">
        <v>2353</v>
      </c>
      <c r="G4448" t="s">
        <v>80</v>
      </c>
      <c r="H4448" t="s">
        <v>81</v>
      </c>
      <c r="I4448" s="2">
        <v>0</v>
      </c>
      <c r="J4448" s="2">
        <v>0</v>
      </c>
      <c r="K4448" s="2">
        <v>1</v>
      </c>
      <c r="L4448" t="s">
        <v>995</v>
      </c>
      <c r="M4448" t="s">
        <v>89</v>
      </c>
      <c r="N4448" t="s">
        <v>90</v>
      </c>
      <c r="O4448" t="s">
        <v>85</v>
      </c>
      <c r="P4448" t="s">
        <v>86</v>
      </c>
      <c r="Q4448">
        <v>15</v>
      </c>
      <c r="R4448">
        <v>15</v>
      </c>
      <c r="S4448">
        <v>16</v>
      </c>
      <c r="T4448">
        <v>16</v>
      </c>
      <c r="U4448">
        <v>16</v>
      </c>
      <c r="V4448">
        <v>16</v>
      </c>
      <c r="W4448">
        <v>16</v>
      </c>
      <c r="X4448">
        <v>16</v>
      </c>
      <c r="Y4448">
        <v>17</v>
      </c>
      <c r="Z4448">
        <v>17</v>
      </c>
      <c r="AA4448">
        <v>17</v>
      </c>
      <c r="AB4448">
        <v>17</v>
      </c>
      <c r="AC4448">
        <v>17</v>
      </c>
      <c r="AD4448">
        <v>17</v>
      </c>
      <c r="AE4448">
        <v>17</v>
      </c>
      <c r="AF4448">
        <v>17</v>
      </c>
      <c r="AG4448">
        <v>17</v>
      </c>
      <c r="AH4448">
        <v>17</v>
      </c>
      <c r="AI4448">
        <v>16</v>
      </c>
      <c r="AJ4448">
        <v>16</v>
      </c>
      <c r="AK4448">
        <v>16</v>
      </c>
      <c r="AL4448">
        <v>16</v>
      </c>
      <c r="AM4448">
        <v>16</v>
      </c>
      <c r="AN4448">
        <v>16</v>
      </c>
      <c r="AO4448">
        <v>16</v>
      </c>
      <c r="AP4448">
        <v>16</v>
      </c>
      <c r="AQ4448">
        <v>16</v>
      </c>
    </row>
    <row r="4449" spans="1:43">
      <c r="A4449" t="s">
        <v>2794</v>
      </c>
      <c r="B4449" t="s">
        <v>2795</v>
      </c>
      <c r="C4449" t="s">
        <v>2620</v>
      </c>
      <c r="D4449" t="s">
        <v>2621</v>
      </c>
      <c r="E4449" t="s">
        <v>2352</v>
      </c>
      <c r="F4449" t="s">
        <v>2353</v>
      </c>
      <c r="G4449" t="s">
        <v>80</v>
      </c>
      <c r="H4449" t="s">
        <v>81</v>
      </c>
      <c r="I4449" s="2">
        <v>0</v>
      </c>
      <c r="J4449" s="2">
        <v>0</v>
      </c>
      <c r="K4449" s="2">
        <v>1</v>
      </c>
      <c r="L4449" t="s">
        <v>995</v>
      </c>
      <c r="M4449" t="s">
        <v>83</v>
      </c>
      <c r="N4449" t="s">
        <v>91</v>
      </c>
      <c r="O4449" t="s">
        <v>85</v>
      </c>
      <c r="P4449" t="s">
        <v>86</v>
      </c>
      <c r="Q4449">
        <v>15</v>
      </c>
      <c r="R4449">
        <v>15</v>
      </c>
      <c r="S4449">
        <v>15</v>
      </c>
      <c r="T4449">
        <v>15</v>
      </c>
      <c r="U4449">
        <v>15</v>
      </c>
      <c r="V4449">
        <v>15</v>
      </c>
      <c r="W4449">
        <v>16</v>
      </c>
      <c r="X4449">
        <v>16</v>
      </c>
      <c r="Y4449">
        <v>16</v>
      </c>
      <c r="Z4449">
        <v>16</v>
      </c>
      <c r="AA4449">
        <v>16</v>
      </c>
      <c r="AB4449">
        <v>16</v>
      </c>
      <c r="AC4449">
        <v>16</v>
      </c>
      <c r="AD4449">
        <v>16</v>
      </c>
      <c r="AE4449">
        <v>16</v>
      </c>
      <c r="AF4449">
        <v>16</v>
      </c>
      <c r="AG4449">
        <v>16</v>
      </c>
      <c r="AH4449">
        <v>16</v>
      </c>
      <c r="AI4449">
        <v>16</v>
      </c>
      <c r="AJ4449">
        <v>16</v>
      </c>
      <c r="AK4449">
        <v>16</v>
      </c>
      <c r="AL4449">
        <v>16</v>
      </c>
      <c r="AM4449">
        <v>16</v>
      </c>
      <c r="AN4449">
        <v>16</v>
      </c>
      <c r="AO4449">
        <v>16</v>
      </c>
      <c r="AP4449">
        <v>15</v>
      </c>
      <c r="AQ4449">
        <v>15</v>
      </c>
    </row>
    <row r="4450" spans="1:43">
      <c r="A4450" t="s">
        <v>2796</v>
      </c>
      <c r="B4450" t="s">
        <v>2797</v>
      </c>
      <c r="C4450" t="s">
        <v>2740</v>
      </c>
      <c r="D4450" t="s">
        <v>2741</v>
      </c>
      <c r="E4450" t="s">
        <v>2352</v>
      </c>
      <c r="F4450" t="s">
        <v>2353</v>
      </c>
      <c r="G4450" t="s">
        <v>80</v>
      </c>
      <c r="H4450" t="s">
        <v>81</v>
      </c>
      <c r="I4450" s="2">
        <v>0</v>
      </c>
      <c r="J4450" s="2">
        <v>0</v>
      </c>
      <c r="K4450" s="2">
        <v>1</v>
      </c>
      <c r="L4450" t="s">
        <v>995</v>
      </c>
      <c r="M4450" t="s">
        <v>83</v>
      </c>
      <c r="N4450" t="s">
        <v>84</v>
      </c>
      <c r="O4450" t="s">
        <v>85</v>
      </c>
      <c r="P4450" t="s">
        <v>86</v>
      </c>
      <c r="Q4450">
        <v>32</v>
      </c>
      <c r="R4450">
        <v>33</v>
      </c>
      <c r="S4450">
        <v>33</v>
      </c>
      <c r="T4450">
        <v>33</v>
      </c>
      <c r="U4450">
        <v>33</v>
      </c>
      <c r="V4450">
        <v>33</v>
      </c>
      <c r="W4450">
        <v>33</v>
      </c>
      <c r="X4450">
        <v>33</v>
      </c>
      <c r="Y4450">
        <v>33</v>
      </c>
      <c r="Z4450">
        <v>33</v>
      </c>
      <c r="AA4450">
        <v>33</v>
      </c>
      <c r="AB4450">
        <v>33</v>
      </c>
      <c r="AC4450">
        <v>33</v>
      </c>
      <c r="AD4450">
        <v>33</v>
      </c>
      <c r="AE4450">
        <v>33</v>
      </c>
      <c r="AF4450">
        <v>33</v>
      </c>
      <c r="AG4450">
        <v>34</v>
      </c>
      <c r="AH4450">
        <v>34</v>
      </c>
      <c r="AI4450">
        <v>34</v>
      </c>
      <c r="AJ4450">
        <v>34</v>
      </c>
      <c r="AK4450">
        <v>34</v>
      </c>
      <c r="AL4450">
        <v>33</v>
      </c>
      <c r="AM4450">
        <v>33</v>
      </c>
      <c r="AN4450">
        <v>33</v>
      </c>
      <c r="AO4450">
        <v>33</v>
      </c>
      <c r="AP4450">
        <v>32</v>
      </c>
      <c r="AQ4450">
        <v>32</v>
      </c>
    </row>
    <row r="4451" spans="1:43">
      <c r="A4451" t="s">
        <v>2796</v>
      </c>
      <c r="B4451" t="s">
        <v>2797</v>
      </c>
      <c r="C4451" t="s">
        <v>2740</v>
      </c>
      <c r="D4451" t="s">
        <v>2741</v>
      </c>
      <c r="E4451" t="s">
        <v>2352</v>
      </c>
      <c r="F4451" t="s">
        <v>2353</v>
      </c>
      <c r="G4451" t="s">
        <v>80</v>
      </c>
      <c r="H4451" t="s">
        <v>81</v>
      </c>
      <c r="I4451" s="2">
        <v>0</v>
      </c>
      <c r="J4451" s="2">
        <v>0</v>
      </c>
      <c r="K4451" s="2">
        <v>1</v>
      </c>
      <c r="L4451" t="s">
        <v>995</v>
      </c>
      <c r="M4451" t="s">
        <v>87</v>
      </c>
      <c r="N4451" t="s">
        <v>88</v>
      </c>
      <c r="O4451" t="s">
        <v>85</v>
      </c>
      <c r="P4451" t="s">
        <v>86</v>
      </c>
      <c r="Q4451">
        <v>32</v>
      </c>
      <c r="R4451">
        <v>32</v>
      </c>
      <c r="S4451">
        <v>32</v>
      </c>
      <c r="T4451">
        <v>32</v>
      </c>
      <c r="U4451">
        <v>31</v>
      </c>
      <c r="V4451">
        <v>31</v>
      </c>
      <c r="W4451">
        <v>31</v>
      </c>
      <c r="X4451">
        <v>31</v>
      </c>
      <c r="Y4451">
        <v>31</v>
      </c>
      <c r="Z4451">
        <v>30</v>
      </c>
      <c r="AA4451">
        <v>30</v>
      </c>
      <c r="AB4451">
        <v>30</v>
      </c>
      <c r="AC4451">
        <v>30</v>
      </c>
      <c r="AD4451">
        <v>30</v>
      </c>
      <c r="AE4451">
        <v>30</v>
      </c>
      <c r="AF4451">
        <v>29</v>
      </c>
      <c r="AG4451">
        <v>29</v>
      </c>
      <c r="AH4451">
        <v>29</v>
      </c>
      <c r="AI4451">
        <v>29</v>
      </c>
      <c r="AJ4451">
        <v>29</v>
      </c>
      <c r="AK4451">
        <v>29</v>
      </c>
      <c r="AL4451">
        <v>29</v>
      </c>
      <c r="AM4451">
        <v>28</v>
      </c>
      <c r="AN4451">
        <v>28</v>
      </c>
      <c r="AO4451">
        <v>28</v>
      </c>
      <c r="AP4451">
        <v>28</v>
      </c>
      <c r="AQ4451">
        <v>28</v>
      </c>
    </row>
    <row r="4452" spans="1:43">
      <c r="A4452" t="s">
        <v>2796</v>
      </c>
      <c r="B4452" t="s">
        <v>2797</v>
      </c>
      <c r="C4452" t="s">
        <v>2740</v>
      </c>
      <c r="D4452" t="s">
        <v>2741</v>
      </c>
      <c r="E4452" t="s">
        <v>2352</v>
      </c>
      <c r="F4452" t="s">
        <v>2353</v>
      </c>
      <c r="G4452" t="s">
        <v>80</v>
      </c>
      <c r="H4452" t="s">
        <v>81</v>
      </c>
      <c r="I4452" s="2">
        <v>0</v>
      </c>
      <c r="J4452" s="2">
        <v>0</v>
      </c>
      <c r="K4452" s="2">
        <v>1</v>
      </c>
      <c r="L4452" t="s">
        <v>995</v>
      </c>
      <c r="M4452" t="s">
        <v>89</v>
      </c>
      <c r="N4452" t="s">
        <v>90</v>
      </c>
      <c r="O4452" t="s">
        <v>85</v>
      </c>
      <c r="P4452" t="s">
        <v>86</v>
      </c>
      <c r="Q4452">
        <v>32</v>
      </c>
      <c r="R4452">
        <v>32</v>
      </c>
      <c r="S4452">
        <v>32</v>
      </c>
      <c r="T4452">
        <v>33</v>
      </c>
      <c r="U4452">
        <v>33</v>
      </c>
      <c r="V4452">
        <v>33</v>
      </c>
      <c r="W4452">
        <v>34</v>
      </c>
      <c r="X4452">
        <v>34</v>
      </c>
      <c r="Y4452">
        <v>34</v>
      </c>
      <c r="Z4452">
        <v>34</v>
      </c>
      <c r="AA4452">
        <v>34</v>
      </c>
      <c r="AB4452">
        <v>35</v>
      </c>
      <c r="AC4452">
        <v>35</v>
      </c>
      <c r="AD4452">
        <v>35</v>
      </c>
      <c r="AE4452">
        <v>35</v>
      </c>
      <c r="AF4452">
        <v>35</v>
      </c>
      <c r="AG4452">
        <v>34</v>
      </c>
      <c r="AH4452">
        <v>34</v>
      </c>
      <c r="AI4452">
        <v>34</v>
      </c>
      <c r="AJ4452">
        <v>33</v>
      </c>
      <c r="AK4452">
        <v>33</v>
      </c>
      <c r="AL4452">
        <v>33</v>
      </c>
      <c r="AM4452">
        <v>33</v>
      </c>
      <c r="AN4452">
        <v>32</v>
      </c>
      <c r="AO4452">
        <v>32</v>
      </c>
      <c r="AP4452">
        <v>32</v>
      </c>
      <c r="AQ4452">
        <v>31</v>
      </c>
    </row>
    <row r="4453" spans="1:43">
      <c r="A4453" t="s">
        <v>2796</v>
      </c>
      <c r="B4453" t="s">
        <v>2797</v>
      </c>
      <c r="C4453" t="s">
        <v>2740</v>
      </c>
      <c r="D4453" t="s">
        <v>2741</v>
      </c>
      <c r="E4453" t="s">
        <v>2352</v>
      </c>
      <c r="F4453" t="s">
        <v>2353</v>
      </c>
      <c r="G4453" t="s">
        <v>80</v>
      </c>
      <c r="H4453" t="s">
        <v>81</v>
      </c>
      <c r="I4453" s="2">
        <v>0</v>
      </c>
      <c r="J4453" s="2">
        <v>0</v>
      </c>
      <c r="K4453" s="2">
        <v>1</v>
      </c>
      <c r="L4453" t="s">
        <v>995</v>
      </c>
      <c r="M4453" t="s">
        <v>83</v>
      </c>
      <c r="N4453" t="s">
        <v>91</v>
      </c>
      <c r="O4453" t="s">
        <v>85</v>
      </c>
      <c r="P4453" t="s">
        <v>86</v>
      </c>
      <c r="Q4453">
        <v>32</v>
      </c>
      <c r="R4453">
        <v>33</v>
      </c>
      <c r="S4453">
        <v>33</v>
      </c>
      <c r="T4453">
        <v>33</v>
      </c>
      <c r="U4453">
        <v>33</v>
      </c>
      <c r="V4453">
        <v>33</v>
      </c>
      <c r="W4453">
        <v>33</v>
      </c>
      <c r="X4453">
        <v>33</v>
      </c>
      <c r="Y4453">
        <v>33</v>
      </c>
      <c r="Z4453">
        <v>33</v>
      </c>
      <c r="AA4453">
        <v>33</v>
      </c>
      <c r="AB4453">
        <v>33</v>
      </c>
      <c r="AC4453">
        <v>33</v>
      </c>
      <c r="AD4453">
        <v>33</v>
      </c>
      <c r="AE4453">
        <v>33</v>
      </c>
      <c r="AF4453">
        <v>33</v>
      </c>
      <c r="AG4453">
        <v>34</v>
      </c>
      <c r="AH4453">
        <v>34</v>
      </c>
      <c r="AI4453">
        <v>34</v>
      </c>
      <c r="AJ4453">
        <v>34</v>
      </c>
      <c r="AK4453">
        <v>34</v>
      </c>
      <c r="AL4453">
        <v>33</v>
      </c>
      <c r="AM4453">
        <v>33</v>
      </c>
      <c r="AN4453">
        <v>33</v>
      </c>
      <c r="AO4453">
        <v>33</v>
      </c>
      <c r="AP4453">
        <v>32</v>
      </c>
      <c r="AQ4453">
        <v>32</v>
      </c>
    </row>
    <row r="4454" spans="1:43">
      <c r="A4454" t="s">
        <v>2798</v>
      </c>
      <c r="B4454" t="s">
        <v>2799</v>
      </c>
      <c r="C4454" t="s">
        <v>2624</v>
      </c>
      <c r="D4454" t="s">
        <v>2625</v>
      </c>
      <c r="E4454" t="s">
        <v>2352</v>
      </c>
      <c r="F4454" t="s">
        <v>2353</v>
      </c>
      <c r="G4454" t="s">
        <v>80</v>
      </c>
      <c r="H4454" t="s">
        <v>81</v>
      </c>
      <c r="I4454" s="2">
        <v>0</v>
      </c>
      <c r="J4454" s="2">
        <v>0</v>
      </c>
      <c r="K4454" s="2">
        <v>1</v>
      </c>
      <c r="L4454" t="s">
        <v>995</v>
      </c>
      <c r="M4454" t="s">
        <v>83</v>
      </c>
      <c r="N4454" t="s">
        <v>84</v>
      </c>
      <c r="O4454" t="s">
        <v>85</v>
      </c>
      <c r="P4454" t="s">
        <v>86</v>
      </c>
      <c r="Q4454">
        <v>32</v>
      </c>
      <c r="R4454">
        <v>32</v>
      </c>
      <c r="S4454">
        <v>32</v>
      </c>
      <c r="T4454">
        <v>32</v>
      </c>
      <c r="U4454">
        <v>32</v>
      </c>
      <c r="V4454">
        <v>33</v>
      </c>
      <c r="W4454">
        <v>33</v>
      </c>
      <c r="X4454">
        <v>33</v>
      </c>
      <c r="Y4454">
        <v>33</v>
      </c>
      <c r="Z4454">
        <v>33</v>
      </c>
      <c r="AA4454">
        <v>33</v>
      </c>
      <c r="AB4454">
        <v>33</v>
      </c>
      <c r="AC4454">
        <v>33</v>
      </c>
      <c r="AD4454">
        <v>33</v>
      </c>
      <c r="AE4454">
        <v>33</v>
      </c>
      <c r="AF4454">
        <v>33</v>
      </c>
      <c r="AG4454">
        <v>33</v>
      </c>
      <c r="AH4454">
        <v>33</v>
      </c>
      <c r="AI4454">
        <v>33</v>
      </c>
      <c r="AJ4454">
        <v>33</v>
      </c>
      <c r="AK4454">
        <v>33</v>
      </c>
      <c r="AL4454">
        <v>33</v>
      </c>
      <c r="AM4454">
        <v>33</v>
      </c>
      <c r="AN4454">
        <v>33</v>
      </c>
      <c r="AO4454">
        <v>32</v>
      </c>
      <c r="AP4454">
        <v>32</v>
      </c>
      <c r="AQ4454">
        <v>32</v>
      </c>
    </row>
    <row r="4455" spans="1:43">
      <c r="A4455" t="s">
        <v>2798</v>
      </c>
      <c r="B4455" t="s">
        <v>2799</v>
      </c>
      <c r="C4455" t="s">
        <v>2624</v>
      </c>
      <c r="D4455" t="s">
        <v>2625</v>
      </c>
      <c r="E4455" t="s">
        <v>2352</v>
      </c>
      <c r="F4455" t="s">
        <v>2353</v>
      </c>
      <c r="G4455" t="s">
        <v>80</v>
      </c>
      <c r="H4455" t="s">
        <v>81</v>
      </c>
      <c r="I4455" s="2">
        <v>0</v>
      </c>
      <c r="J4455" s="2">
        <v>0</v>
      </c>
      <c r="K4455" s="2">
        <v>1</v>
      </c>
      <c r="L4455" t="s">
        <v>995</v>
      </c>
      <c r="M4455" t="s">
        <v>87</v>
      </c>
      <c r="N4455" t="s">
        <v>88</v>
      </c>
      <c r="O4455" t="s">
        <v>85</v>
      </c>
      <c r="P4455" t="s">
        <v>86</v>
      </c>
      <c r="Q4455">
        <v>32</v>
      </c>
      <c r="R4455">
        <v>32</v>
      </c>
      <c r="S4455">
        <v>31</v>
      </c>
      <c r="T4455">
        <v>31</v>
      </c>
      <c r="U4455">
        <v>31</v>
      </c>
      <c r="V4455">
        <v>31</v>
      </c>
      <c r="W4455">
        <v>31</v>
      </c>
      <c r="X4455">
        <v>30</v>
      </c>
      <c r="Y4455">
        <v>30</v>
      </c>
      <c r="Z4455">
        <v>30</v>
      </c>
      <c r="AA4455">
        <v>30</v>
      </c>
      <c r="AB4455">
        <v>30</v>
      </c>
      <c r="AC4455">
        <v>30</v>
      </c>
      <c r="AD4455">
        <v>29</v>
      </c>
      <c r="AE4455">
        <v>29</v>
      </c>
      <c r="AF4455">
        <v>29</v>
      </c>
      <c r="AG4455">
        <v>29</v>
      </c>
      <c r="AH4455">
        <v>29</v>
      </c>
      <c r="AI4455">
        <v>29</v>
      </c>
      <c r="AJ4455">
        <v>28</v>
      </c>
      <c r="AK4455">
        <v>28</v>
      </c>
      <c r="AL4455">
        <v>28</v>
      </c>
      <c r="AM4455">
        <v>28</v>
      </c>
      <c r="AN4455">
        <v>28</v>
      </c>
      <c r="AO4455">
        <v>28</v>
      </c>
      <c r="AP4455">
        <v>28</v>
      </c>
      <c r="AQ4455">
        <v>27</v>
      </c>
    </row>
    <row r="4456" spans="1:43">
      <c r="A4456" t="s">
        <v>2798</v>
      </c>
      <c r="B4456" t="s">
        <v>2799</v>
      </c>
      <c r="C4456" t="s">
        <v>2624</v>
      </c>
      <c r="D4456" t="s">
        <v>2625</v>
      </c>
      <c r="E4456" t="s">
        <v>2352</v>
      </c>
      <c r="F4456" t="s">
        <v>2353</v>
      </c>
      <c r="G4456" t="s">
        <v>80</v>
      </c>
      <c r="H4456" t="s">
        <v>81</v>
      </c>
      <c r="I4456" s="2">
        <v>0</v>
      </c>
      <c r="J4456" s="2">
        <v>0</v>
      </c>
      <c r="K4456" s="2">
        <v>1</v>
      </c>
      <c r="L4456" t="s">
        <v>995</v>
      </c>
      <c r="M4456" t="s">
        <v>89</v>
      </c>
      <c r="N4456" t="s">
        <v>90</v>
      </c>
      <c r="O4456" t="s">
        <v>85</v>
      </c>
      <c r="P4456" t="s">
        <v>86</v>
      </c>
      <c r="Q4456">
        <v>32</v>
      </c>
      <c r="R4456">
        <v>33</v>
      </c>
      <c r="S4456">
        <v>33</v>
      </c>
      <c r="T4456">
        <v>33</v>
      </c>
      <c r="U4456">
        <v>34</v>
      </c>
      <c r="V4456">
        <v>34</v>
      </c>
      <c r="W4456">
        <v>34</v>
      </c>
      <c r="X4456">
        <v>35</v>
      </c>
      <c r="Y4456">
        <v>35</v>
      </c>
      <c r="Z4456">
        <v>35</v>
      </c>
      <c r="AA4456">
        <v>35</v>
      </c>
      <c r="AB4456">
        <v>35</v>
      </c>
      <c r="AC4456">
        <v>35</v>
      </c>
      <c r="AD4456">
        <v>36</v>
      </c>
      <c r="AE4456">
        <v>35</v>
      </c>
      <c r="AF4456">
        <v>35</v>
      </c>
      <c r="AG4456">
        <v>35</v>
      </c>
      <c r="AH4456">
        <v>35</v>
      </c>
      <c r="AI4456">
        <v>34</v>
      </c>
      <c r="AJ4456">
        <v>34</v>
      </c>
      <c r="AK4456">
        <v>34</v>
      </c>
      <c r="AL4456">
        <v>33</v>
      </c>
      <c r="AM4456">
        <v>33</v>
      </c>
      <c r="AN4456">
        <v>33</v>
      </c>
      <c r="AO4456">
        <v>33</v>
      </c>
      <c r="AP4456">
        <v>32</v>
      </c>
      <c r="AQ4456">
        <v>32</v>
      </c>
    </row>
    <row r="4457" spans="1:43">
      <c r="A4457" t="s">
        <v>2798</v>
      </c>
      <c r="B4457" t="s">
        <v>2799</v>
      </c>
      <c r="C4457" t="s">
        <v>2624</v>
      </c>
      <c r="D4457" t="s">
        <v>2625</v>
      </c>
      <c r="E4457" t="s">
        <v>2352</v>
      </c>
      <c r="F4457" t="s">
        <v>2353</v>
      </c>
      <c r="G4457" t="s">
        <v>80</v>
      </c>
      <c r="H4457" t="s">
        <v>81</v>
      </c>
      <c r="I4457" s="2">
        <v>0</v>
      </c>
      <c r="J4457" s="2">
        <v>0</v>
      </c>
      <c r="K4457" s="2">
        <v>1</v>
      </c>
      <c r="L4457" t="s">
        <v>995</v>
      </c>
      <c r="M4457" t="s">
        <v>83</v>
      </c>
      <c r="N4457" t="s">
        <v>91</v>
      </c>
      <c r="O4457" t="s">
        <v>85</v>
      </c>
      <c r="P4457" t="s">
        <v>86</v>
      </c>
      <c r="Q4457">
        <v>32</v>
      </c>
      <c r="R4457">
        <v>32</v>
      </c>
      <c r="S4457">
        <v>32</v>
      </c>
      <c r="T4457">
        <v>32</v>
      </c>
      <c r="U4457">
        <v>32</v>
      </c>
      <c r="V4457">
        <v>33</v>
      </c>
      <c r="W4457">
        <v>33</v>
      </c>
      <c r="X4457">
        <v>33</v>
      </c>
      <c r="Y4457">
        <v>33</v>
      </c>
      <c r="Z4457">
        <v>33</v>
      </c>
      <c r="AA4457">
        <v>33</v>
      </c>
      <c r="AB4457">
        <v>33</v>
      </c>
      <c r="AC4457">
        <v>33</v>
      </c>
      <c r="AD4457">
        <v>33</v>
      </c>
      <c r="AE4457">
        <v>33</v>
      </c>
      <c r="AF4457">
        <v>33</v>
      </c>
      <c r="AG4457">
        <v>33</v>
      </c>
      <c r="AH4457">
        <v>33</v>
      </c>
      <c r="AI4457">
        <v>33</v>
      </c>
      <c r="AJ4457">
        <v>33</v>
      </c>
      <c r="AK4457">
        <v>33</v>
      </c>
      <c r="AL4457">
        <v>33</v>
      </c>
      <c r="AM4457">
        <v>33</v>
      </c>
      <c r="AN4457">
        <v>33</v>
      </c>
      <c r="AO4457">
        <v>32</v>
      </c>
      <c r="AP4457">
        <v>32</v>
      </c>
      <c r="AQ4457">
        <v>32</v>
      </c>
    </row>
    <row r="4458" spans="1:43">
      <c r="A4458" t="s">
        <v>2800</v>
      </c>
      <c r="B4458" t="s">
        <v>2801</v>
      </c>
      <c r="C4458" t="s">
        <v>2740</v>
      </c>
      <c r="D4458" t="s">
        <v>2741</v>
      </c>
      <c r="E4458" t="s">
        <v>2352</v>
      </c>
      <c r="F4458" t="s">
        <v>2353</v>
      </c>
      <c r="G4458" t="s">
        <v>80</v>
      </c>
      <c r="H4458" t="s">
        <v>81</v>
      </c>
      <c r="I4458" s="2">
        <v>0</v>
      </c>
      <c r="J4458" s="2">
        <v>0</v>
      </c>
      <c r="K4458" s="2">
        <v>1</v>
      </c>
      <c r="L4458" t="s">
        <v>995</v>
      </c>
      <c r="M4458" t="s">
        <v>83</v>
      </c>
      <c r="N4458" t="s">
        <v>84</v>
      </c>
      <c r="O4458" t="s">
        <v>85</v>
      </c>
      <c r="P4458" t="s">
        <v>86</v>
      </c>
      <c r="Q4458">
        <v>157</v>
      </c>
      <c r="R4458">
        <v>157</v>
      </c>
      <c r="S4458">
        <v>158</v>
      </c>
      <c r="T4458">
        <v>158</v>
      </c>
      <c r="U4458">
        <v>159</v>
      </c>
      <c r="V4458">
        <v>159</v>
      </c>
      <c r="W4458">
        <v>159</v>
      </c>
      <c r="X4458">
        <v>160</v>
      </c>
      <c r="Y4458">
        <v>160</v>
      </c>
      <c r="Z4458">
        <v>160</v>
      </c>
      <c r="AA4458">
        <v>161</v>
      </c>
      <c r="AB4458">
        <v>161</v>
      </c>
      <c r="AC4458">
        <v>161</v>
      </c>
      <c r="AD4458">
        <v>161</v>
      </c>
      <c r="AE4458">
        <v>161</v>
      </c>
      <c r="AF4458">
        <v>162</v>
      </c>
      <c r="AG4458">
        <v>162</v>
      </c>
      <c r="AH4458">
        <v>162</v>
      </c>
      <c r="AI4458">
        <v>162</v>
      </c>
      <c r="AJ4458">
        <v>162</v>
      </c>
      <c r="AK4458">
        <v>162</v>
      </c>
      <c r="AL4458">
        <v>161</v>
      </c>
      <c r="AM4458">
        <v>160</v>
      </c>
      <c r="AN4458">
        <v>158</v>
      </c>
      <c r="AO4458">
        <v>157</v>
      </c>
      <c r="AP4458">
        <v>156</v>
      </c>
      <c r="AQ4458">
        <v>155</v>
      </c>
    </row>
    <row r="4459" spans="1:43">
      <c r="A4459" t="s">
        <v>2800</v>
      </c>
      <c r="B4459" t="s">
        <v>2801</v>
      </c>
      <c r="C4459" t="s">
        <v>2740</v>
      </c>
      <c r="D4459" t="s">
        <v>2741</v>
      </c>
      <c r="E4459" t="s">
        <v>2352</v>
      </c>
      <c r="F4459" t="s">
        <v>2353</v>
      </c>
      <c r="G4459" t="s">
        <v>80</v>
      </c>
      <c r="H4459" t="s">
        <v>81</v>
      </c>
      <c r="I4459" s="2">
        <v>0</v>
      </c>
      <c r="J4459" s="2">
        <v>0</v>
      </c>
      <c r="K4459" s="2">
        <v>1</v>
      </c>
      <c r="L4459" t="s">
        <v>995</v>
      </c>
      <c r="M4459" t="s">
        <v>87</v>
      </c>
      <c r="N4459" t="s">
        <v>88</v>
      </c>
      <c r="O4459" t="s">
        <v>85</v>
      </c>
      <c r="P4459" t="s">
        <v>86</v>
      </c>
      <c r="Q4459">
        <v>157</v>
      </c>
      <c r="R4459">
        <v>156</v>
      </c>
      <c r="S4459">
        <v>155</v>
      </c>
      <c r="T4459">
        <v>154</v>
      </c>
      <c r="U4459">
        <v>154</v>
      </c>
      <c r="V4459">
        <v>153</v>
      </c>
      <c r="W4459">
        <v>152</v>
      </c>
      <c r="X4459">
        <v>151</v>
      </c>
      <c r="Y4459">
        <v>150</v>
      </c>
      <c r="Z4459">
        <v>149</v>
      </c>
      <c r="AA4459">
        <v>148</v>
      </c>
      <c r="AB4459">
        <v>147</v>
      </c>
      <c r="AC4459">
        <v>147</v>
      </c>
      <c r="AD4459">
        <v>146</v>
      </c>
      <c r="AE4459">
        <v>145</v>
      </c>
      <c r="AF4459">
        <v>144</v>
      </c>
      <c r="AG4459">
        <v>143</v>
      </c>
      <c r="AH4459">
        <v>143</v>
      </c>
      <c r="AI4459">
        <v>142</v>
      </c>
      <c r="AJ4459">
        <v>141</v>
      </c>
      <c r="AK4459">
        <v>140</v>
      </c>
      <c r="AL4459">
        <v>139</v>
      </c>
      <c r="AM4459">
        <v>139</v>
      </c>
      <c r="AN4459">
        <v>138</v>
      </c>
      <c r="AO4459">
        <v>137</v>
      </c>
      <c r="AP4459">
        <v>136</v>
      </c>
      <c r="AQ4459">
        <v>136</v>
      </c>
    </row>
    <row r="4460" spans="1:43">
      <c r="A4460" t="s">
        <v>2800</v>
      </c>
      <c r="B4460" t="s">
        <v>2801</v>
      </c>
      <c r="C4460" t="s">
        <v>2740</v>
      </c>
      <c r="D4460" t="s">
        <v>2741</v>
      </c>
      <c r="E4460" t="s">
        <v>2352</v>
      </c>
      <c r="F4460" t="s">
        <v>2353</v>
      </c>
      <c r="G4460" t="s">
        <v>80</v>
      </c>
      <c r="H4460" t="s">
        <v>81</v>
      </c>
      <c r="I4460" s="2">
        <v>0</v>
      </c>
      <c r="J4460" s="2">
        <v>0</v>
      </c>
      <c r="K4460" s="2">
        <v>1</v>
      </c>
      <c r="L4460" t="s">
        <v>995</v>
      </c>
      <c r="M4460" t="s">
        <v>89</v>
      </c>
      <c r="N4460" t="s">
        <v>90</v>
      </c>
      <c r="O4460" t="s">
        <v>85</v>
      </c>
      <c r="P4460" t="s">
        <v>86</v>
      </c>
      <c r="Q4460">
        <v>157</v>
      </c>
      <c r="R4460">
        <v>159</v>
      </c>
      <c r="S4460">
        <v>161</v>
      </c>
      <c r="T4460">
        <v>162</v>
      </c>
      <c r="U4460">
        <v>164</v>
      </c>
      <c r="V4460">
        <v>165</v>
      </c>
      <c r="W4460">
        <v>167</v>
      </c>
      <c r="X4460">
        <v>168</v>
      </c>
      <c r="Y4460">
        <v>169</v>
      </c>
      <c r="Z4460">
        <v>169</v>
      </c>
      <c r="AA4460">
        <v>170</v>
      </c>
      <c r="AB4460">
        <v>171</v>
      </c>
      <c r="AC4460">
        <v>172</v>
      </c>
      <c r="AD4460">
        <v>172</v>
      </c>
      <c r="AE4460">
        <v>172</v>
      </c>
      <c r="AF4460">
        <v>171</v>
      </c>
      <c r="AG4460">
        <v>169</v>
      </c>
      <c r="AH4460">
        <v>168</v>
      </c>
      <c r="AI4460">
        <v>166</v>
      </c>
      <c r="AJ4460">
        <v>165</v>
      </c>
      <c r="AK4460">
        <v>163</v>
      </c>
      <c r="AL4460">
        <v>162</v>
      </c>
      <c r="AM4460">
        <v>161</v>
      </c>
      <c r="AN4460">
        <v>159</v>
      </c>
      <c r="AO4460">
        <v>158</v>
      </c>
      <c r="AP4460">
        <v>157</v>
      </c>
      <c r="AQ4460">
        <v>155</v>
      </c>
    </row>
    <row r="4461" spans="1:43">
      <c r="A4461" t="s">
        <v>2800</v>
      </c>
      <c r="B4461" t="s">
        <v>2801</v>
      </c>
      <c r="C4461" t="s">
        <v>2740</v>
      </c>
      <c r="D4461" t="s">
        <v>2741</v>
      </c>
      <c r="E4461" t="s">
        <v>2352</v>
      </c>
      <c r="F4461" t="s">
        <v>2353</v>
      </c>
      <c r="G4461" t="s">
        <v>80</v>
      </c>
      <c r="H4461" t="s">
        <v>81</v>
      </c>
      <c r="I4461" s="2">
        <v>0</v>
      </c>
      <c r="J4461" s="2">
        <v>0</v>
      </c>
      <c r="K4461" s="2">
        <v>1</v>
      </c>
      <c r="L4461" t="s">
        <v>995</v>
      </c>
      <c r="M4461" t="s">
        <v>83</v>
      </c>
      <c r="N4461" t="s">
        <v>91</v>
      </c>
      <c r="O4461" t="s">
        <v>85</v>
      </c>
      <c r="P4461" t="s">
        <v>86</v>
      </c>
      <c r="Q4461">
        <v>157</v>
      </c>
      <c r="R4461">
        <v>157</v>
      </c>
      <c r="S4461">
        <v>158</v>
      </c>
      <c r="T4461">
        <v>158</v>
      </c>
      <c r="U4461">
        <v>159</v>
      </c>
      <c r="V4461">
        <v>159</v>
      </c>
      <c r="W4461">
        <v>159</v>
      </c>
      <c r="X4461">
        <v>160</v>
      </c>
      <c r="Y4461">
        <v>160</v>
      </c>
      <c r="Z4461">
        <v>160</v>
      </c>
      <c r="AA4461">
        <v>161</v>
      </c>
      <c r="AB4461">
        <v>161</v>
      </c>
      <c r="AC4461">
        <v>161</v>
      </c>
      <c r="AD4461">
        <v>161</v>
      </c>
      <c r="AE4461">
        <v>161</v>
      </c>
      <c r="AF4461">
        <v>162</v>
      </c>
      <c r="AG4461">
        <v>162</v>
      </c>
      <c r="AH4461">
        <v>162</v>
      </c>
      <c r="AI4461">
        <v>162</v>
      </c>
      <c r="AJ4461">
        <v>162</v>
      </c>
      <c r="AK4461">
        <v>162</v>
      </c>
      <c r="AL4461">
        <v>161</v>
      </c>
      <c r="AM4461">
        <v>160</v>
      </c>
      <c r="AN4461">
        <v>158</v>
      </c>
      <c r="AO4461">
        <v>157</v>
      </c>
      <c r="AP4461">
        <v>156</v>
      </c>
      <c r="AQ4461">
        <v>155</v>
      </c>
    </row>
    <row r="4462" spans="1:43">
      <c r="A4462" t="s">
        <v>2802</v>
      </c>
      <c r="B4462" t="s">
        <v>2803</v>
      </c>
      <c r="C4462" t="s">
        <v>2524</v>
      </c>
      <c r="D4462" t="s">
        <v>2525</v>
      </c>
      <c r="E4462" t="s">
        <v>2352</v>
      </c>
      <c r="F4462" t="s">
        <v>2353</v>
      </c>
      <c r="G4462" t="s">
        <v>80</v>
      </c>
      <c r="H4462" t="s">
        <v>81</v>
      </c>
      <c r="I4462" s="2">
        <v>0</v>
      </c>
      <c r="J4462" s="2">
        <v>0</v>
      </c>
      <c r="K4462" s="2">
        <v>1</v>
      </c>
      <c r="L4462" t="s">
        <v>995</v>
      </c>
      <c r="M4462" t="s">
        <v>83</v>
      </c>
      <c r="N4462" t="s">
        <v>84</v>
      </c>
      <c r="O4462" t="s">
        <v>85</v>
      </c>
      <c r="P4462" t="s">
        <v>86</v>
      </c>
      <c r="Q4462">
        <v>21</v>
      </c>
      <c r="R4462">
        <v>21</v>
      </c>
      <c r="S4462">
        <v>21</v>
      </c>
      <c r="T4462">
        <v>21</v>
      </c>
      <c r="U4462">
        <v>21</v>
      </c>
      <c r="V4462">
        <v>21</v>
      </c>
      <c r="W4462">
        <v>21</v>
      </c>
      <c r="X4462">
        <v>21</v>
      </c>
      <c r="Y4462">
        <v>21</v>
      </c>
      <c r="Z4462">
        <v>21</v>
      </c>
      <c r="AA4462">
        <v>21</v>
      </c>
      <c r="AB4462">
        <v>21</v>
      </c>
      <c r="AC4462">
        <v>21</v>
      </c>
      <c r="AD4462">
        <v>21</v>
      </c>
      <c r="AE4462">
        <v>21</v>
      </c>
      <c r="AF4462">
        <v>22</v>
      </c>
      <c r="AG4462">
        <v>22</v>
      </c>
      <c r="AH4462">
        <v>22</v>
      </c>
      <c r="AI4462">
        <v>22</v>
      </c>
      <c r="AJ4462">
        <v>22</v>
      </c>
      <c r="AK4462">
        <v>22</v>
      </c>
      <c r="AL4462">
        <v>22</v>
      </c>
      <c r="AM4462">
        <v>21</v>
      </c>
      <c r="AN4462">
        <v>21</v>
      </c>
      <c r="AO4462">
        <v>21</v>
      </c>
      <c r="AP4462">
        <v>21</v>
      </c>
      <c r="AQ4462">
        <v>21</v>
      </c>
    </row>
    <row r="4463" spans="1:43">
      <c r="A4463" t="s">
        <v>2802</v>
      </c>
      <c r="B4463" t="s">
        <v>2803</v>
      </c>
      <c r="C4463" t="s">
        <v>2524</v>
      </c>
      <c r="D4463" t="s">
        <v>2525</v>
      </c>
      <c r="E4463" t="s">
        <v>2352</v>
      </c>
      <c r="F4463" t="s">
        <v>2353</v>
      </c>
      <c r="G4463" t="s">
        <v>80</v>
      </c>
      <c r="H4463" t="s">
        <v>81</v>
      </c>
      <c r="I4463" s="2">
        <v>0</v>
      </c>
      <c r="J4463" s="2">
        <v>0</v>
      </c>
      <c r="K4463" s="2">
        <v>1</v>
      </c>
      <c r="L4463" t="s">
        <v>995</v>
      </c>
      <c r="M4463" t="s">
        <v>87</v>
      </c>
      <c r="N4463" t="s">
        <v>88</v>
      </c>
      <c r="O4463" t="s">
        <v>85</v>
      </c>
      <c r="P4463" t="s">
        <v>86</v>
      </c>
      <c r="Q4463">
        <v>21</v>
      </c>
      <c r="R4463">
        <v>21</v>
      </c>
      <c r="S4463">
        <v>21</v>
      </c>
      <c r="T4463">
        <v>21</v>
      </c>
      <c r="U4463">
        <v>21</v>
      </c>
      <c r="V4463">
        <v>21</v>
      </c>
      <c r="W4463">
        <v>21</v>
      </c>
      <c r="X4463">
        <v>21</v>
      </c>
      <c r="Y4463">
        <v>21</v>
      </c>
      <c r="Z4463">
        <v>20</v>
      </c>
      <c r="AA4463">
        <v>20</v>
      </c>
      <c r="AB4463">
        <v>20</v>
      </c>
      <c r="AC4463">
        <v>20</v>
      </c>
      <c r="AD4463">
        <v>20</v>
      </c>
      <c r="AE4463">
        <v>20</v>
      </c>
      <c r="AF4463">
        <v>20</v>
      </c>
      <c r="AG4463">
        <v>20</v>
      </c>
      <c r="AH4463">
        <v>20</v>
      </c>
      <c r="AI4463">
        <v>20</v>
      </c>
      <c r="AJ4463">
        <v>20</v>
      </c>
      <c r="AK4463">
        <v>19</v>
      </c>
      <c r="AL4463">
        <v>19</v>
      </c>
      <c r="AM4463">
        <v>19</v>
      </c>
      <c r="AN4463">
        <v>19</v>
      </c>
      <c r="AO4463">
        <v>19</v>
      </c>
      <c r="AP4463">
        <v>19</v>
      </c>
      <c r="AQ4463">
        <v>19</v>
      </c>
    </row>
    <row r="4464" spans="1:43">
      <c r="A4464" t="s">
        <v>2802</v>
      </c>
      <c r="B4464" t="s">
        <v>2803</v>
      </c>
      <c r="C4464" t="s">
        <v>2524</v>
      </c>
      <c r="D4464" t="s">
        <v>2525</v>
      </c>
      <c r="E4464" t="s">
        <v>2352</v>
      </c>
      <c r="F4464" t="s">
        <v>2353</v>
      </c>
      <c r="G4464" t="s">
        <v>80</v>
      </c>
      <c r="H4464" t="s">
        <v>81</v>
      </c>
      <c r="I4464" s="2">
        <v>0</v>
      </c>
      <c r="J4464" s="2">
        <v>0</v>
      </c>
      <c r="K4464" s="2">
        <v>1</v>
      </c>
      <c r="L4464" t="s">
        <v>995</v>
      </c>
      <c r="M4464" t="s">
        <v>89</v>
      </c>
      <c r="N4464" t="s">
        <v>90</v>
      </c>
      <c r="O4464" t="s">
        <v>85</v>
      </c>
      <c r="P4464" t="s">
        <v>86</v>
      </c>
      <c r="Q4464">
        <v>21</v>
      </c>
      <c r="R4464">
        <v>21</v>
      </c>
      <c r="S4464">
        <v>21</v>
      </c>
      <c r="T4464">
        <v>21</v>
      </c>
      <c r="U4464">
        <v>22</v>
      </c>
      <c r="V4464">
        <v>22</v>
      </c>
      <c r="W4464">
        <v>22</v>
      </c>
      <c r="X4464">
        <v>22</v>
      </c>
      <c r="Y4464">
        <v>22</v>
      </c>
      <c r="Z4464">
        <v>23</v>
      </c>
      <c r="AA4464">
        <v>23</v>
      </c>
      <c r="AB4464">
        <v>23</v>
      </c>
      <c r="AC4464">
        <v>23</v>
      </c>
      <c r="AD4464">
        <v>23</v>
      </c>
      <c r="AE4464">
        <v>23</v>
      </c>
      <c r="AF4464">
        <v>23</v>
      </c>
      <c r="AG4464">
        <v>23</v>
      </c>
      <c r="AH4464">
        <v>23</v>
      </c>
      <c r="AI4464">
        <v>22</v>
      </c>
      <c r="AJ4464">
        <v>22</v>
      </c>
      <c r="AK4464">
        <v>22</v>
      </c>
      <c r="AL4464">
        <v>22</v>
      </c>
      <c r="AM4464">
        <v>22</v>
      </c>
      <c r="AN4464">
        <v>22</v>
      </c>
      <c r="AO4464">
        <v>22</v>
      </c>
      <c r="AP4464">
        <v>21</v>
      </c>
      <c r="AQ4464">
        <v>21</v>
      </c>
    </row>
    <row r="4465" spans="1:43">
      <c r="A4465" t="s">
        <v>2802</v>
      </c>
      <c r="B4465" t="s">
        <v>2803</v>
      </c>
      <c r="C4465" t="s">
        <v>2524</v>
      </c>
      <c r="D4465" t="s">
        <v>2525</v>
      </c>
      <c r="E4465" t="s">
        <v>2352</v>
      </c>
      <c r="F4465" t="s">
        <v>2353</v>
      </c>
      <c r="G4465" t="s">
        <v>80</v>
      </c>
      <c r="H4465" t="s">
        <v>81</v>
      </c>
      <c r="I4465" s="2">
        <v>0</v>
      </c>
      <c r="J4465" s="2">
        <v>0</v>
      </c>
      <c r="K4465" s="2">
        <v>1</v>
      </c>
      <c r="L4465" t="s">
        <v>995</v>
      </c>
      <c r="M4465" t="s">
        <v>83</v>
      </c>
      <c r="N4465" t="s">
        <v>91</v>
      </c>
      <c r="O4465" t="s">
        <v>85</v>
      </c>
      <c r="P4465" t="s">
        <v>86</v>
      </c>
      <c r="Q4465">
        <v>21</v>
      </c>
      <c r="R4465">
        <v>21</v>
      </c>
      <c r="S4465">
        <v>21</v>
      </c>
      <c r="T4465">
        <v>21</v>
      </c>
      <c r="U4465">
        <v>21</v>
      </c>
      <c r="V4465">
        <v>21</v>
      </c>
      <c r="W4465">
        <v>21</v>
      </c>
      <c r="X4465">
        <v>21</v>
      </c>
      <c r="Y4465">
        <v>21</v>
      </c>
      <c r="Z4465">
        <v>21</v>
      </c>
      <c r="AA4465">
        <v>21</v>
      </c>
      <c r="AB4465">
        <v>21</v>
      </c>
      <c r="AC4465">
        <v>21</v>
      </c>
      <c r="AD4465">
        <v>21</v>
      </c>
      <c r="AE4465">
        <v>21</v>
      </c>
      <c r="AF4465">
        <v>22</v>
      </c>
      <c r="AG4465">
        <v>22</v>
      </c>
      <c r="AH4465">
        <v>22</v>
      </c>
      <c r="AI4465">
        <v>22</v>
      </c>
      <c r="AJ4465">
        <v>22</v>
      </c>
      <c r="AK4465">
        <v>22</v>
      </c>
      <c r="AL4465">
        <v>22</v>
      </c>
      <c r="AM4465">
        <v>21</v>
      </c>
      <c r="AN4465">
        <v>21</v>
      </c>
      <c r="AO4465">
        <v>21</v>
      </c>
      <c r="AP4465">
        <v>21</v>
      </c>
      <c r="AQ4465">
        <v>21</v>
      </c>
    </row>
    <row r="4466" spans="1:43">
      <c r="A4466" t="s">
        <v>2804</v>
      </c>
      <c r="B4466" t="s">
        <v>2805</v>
      </c>
      <c r="C4466" t="s">
        <v>2524</v>
      </c>
      <c r="D4466" t="s">
        <v>2525</v>
      </c>
      <c r="E4466" t="s">
        <v>2352</v>
      </c>
      <c r="F4466" t="s">
        <v>2353</v>
      </c>
      <c r="G4466" t="s">
        <v>80</v>
      </c>
      <c r="H4466" t="s">
        <v>81</v>
      </c>
      <c r="I4466" s="2">
        <v>0</v>
      </c>
      <c r="J4466" s="2">
        <v>0</v>
      </c>
      <c r="K4466" s="2">
        <v>1</v>
      </c>
      <c r="L4466" t="s">
        <v>995</v>
      </c>
      <c r="M4466" t="s">
        <v>83</v>
      </c>
      <c r="N4466" t="s">
        <v>84</v>
      </c>
      <c r="O4466" t="s">
        <v>85</v>
      </c>
      <c r="P4466" t="s">
        <v>86</v>
      </c>
      <c r="Q4466">
        <v>20</v>
      </c>
      <c r="R4466">
        <v>20</v>
      </c>
      <c r="S4466">
        <v>20</v>
      </c>
      <c r="T4466">
        <v>20</v>
      </c>
      <c r="U4466">
        <v>20</v>
      </c>
      <c r="V4466">
        <v>21</v>
      </c>
      <c r="W4466">
        <v>21</v>
      </c>
      <c r="X4466">
        <v>21</v>
      </c>
      <c r="Y4466">
        <v>21</v>
      </c>
      <c r="Z4466">
        <v>21</v>
      </c>
      <c r="AA4466">
        <v>21</v>
      </c>
      <c r="AB4466">
        <v>21</v>
      </c>
      <c r="AC4466">
        <v>21</v>
      </c>
      <c r="AD4466">
        <v>21</v>
      </c>
      <c r="AE4466">
        <v>21</v>
      </c>
      <c r="AF4466">
        <v>21</v>
      </c>
      <c r="AG4466">
        <v>21</v>
      </c>
      <c r="AH4466">
        <v>21</v>
      </c>
      <c r="AI4466">
        <v>21</v>
      </c>
      <c r="AJ4466">
        <v>22</v>
      </c>
      <c r="AK4466">
        <v>22</v>
      </c>
      <c r="AL4466">
        <v>22</v>
      </c>
      <c r="AM4466">
        <v>21</v>
      </c>
      <c r="AN4466">
        <v>21</v>
      </c>
      <c r="AO4466">
        <v>21</v>
      </c>
      <c r="AP4466">
        <v>21</v>
      </c>
      <c r="AQ4466">
        <v>21</v>
      </c>
    </row>
    <row r="4467" spans="1:43">
      <c r="A4467" t="s">
        <v>2804</v>
      </c>
      <c r="B4467" t="s">
        <v>2805</v>
      </c>
      <c r="C4467" t="s">
        <v>2524</v>
      </c>
      <c r="D4467" t="s">
        <v>2525</v>
      </c>
      <c r="E4467" t="s">
        <v>2352</v>
      </c>
      <c r="F4467" t="s">
        <v>2353</v>
      </c>
      <c r="G4467" t="s">
        <v>80</v>
      </c>
      <c r="H4467" t="s">
        <v>81</v>
      </c>
      <c r="I4467" s="2">
        <v>0</v>
      </c>
      <c r="J4467" s="2">
        <v>0</v>
      </c>
      <c r="K4467" s="2">
        <v>1</v>
      </c>
      <c r="L4467" t="s">
        <v>995</v>
      </c>
      <c r="M4467" t="s">
        <v>87</v>
      </c>
      <c r="N4467" t="s">
        <v>88</v>
      </c>
      <c r="O4467" t="s">
        <v>85</v>
      </c>
      <c r="P4467" t="s">
        <v>86</v>
      </c>
      <c r="Q4467">
        <v>20</v>
      </c>
      <c r="R4467">
        <v>20</v>
      </c>
      <c r="S4467">
        <v>20</v>
      </c>
      <c r="T4467">
        <v>20</v>
      </c>
      <c r="U4467">
        <v>20</v>
      </c>
      <c r="V4467">
        <v>19</v>
      </c>
      <c r="W4467">
        <v>19</v>
      </c>
      <c r="X4467">
        <v>19</v>
      </c>
      <c r="Y4467">
        <v>19</v>
      </c>
      <c r="Z4467">
        <v>19</v>
      </c>
      <c r="AA4467">
        <v>19</v>
      </c>
      <c r="AB4467">
        <v>19</v>
      </c>
      <c r="AC4467">
        <v>19</v>
      </c>
      <c r="AD4467">
        <v>19</v>
      </c>
      <c r="AE4467">
        <v>19</v>
      </c>
      <c r="AF4467">
        <v>19</v>
      </c>
      <c r="AG4467">
        <v>19</v>
      </c>
      <c r="AH4467">
        <v>19</v>
      </c>
      <c r="AI4467">
        <v>19</v>
      </c>
      <c r="AJ4467">
        <v>18</v>
      </c>
      <c r="AK4467">
        <v>18</v>
      </c>
      <c r="AL4467">
        <v>18</v>
      </c>
      <c r="AM4467">
        <v>18</v>
      </c>
      <c r="AN4467">
        <v>18</v>
      </c>
      <c r="AO4467">
        <v>18</v>
      </c>
      <c r="AP4467">
        <v>18</v>
      </c>
      <c r="AQ4467">
        <v>18</v>
      </c>
    </row>
    <row r="4468" spans="1:43">
      <c r="A4468" t="s">
        <v>2804</v>
      </c>
      <c r="B4468" t="s">
        <v>2805</v>
      </c>
      <c r="C4468" t="s">
        <v>2524</v>
      </c>
      <c r="D4468" t="s">
        <v>2525</v>
      </c>
      <c r="E4468" t="s">
        <v>2352</v>
      </c>
      <c r="F4468" t="s">
        <v>2353</v>
      </c>
      <c r="G4468" t="s">
        <v>80</v>
      </c>
      <c r="H4468" t="s">
        <v>81</v>
      </c>
      <c r="I4468" s="2">
        <v>0</v>
      </c>
      <c r="J4468" s="2">
        <v>0</v>
      </c>
      <c r="K4468" s="2">
        <v>1</v>
      </c>
      <c r="L4468" t="s">
        <v>995</v>
      </c>
      <c r="M4468" t="s">
        <v>89</v>
      </c>
      <c r="N4468" t="s">
        <v>90</v>
      </c>
      <c r="O4468" t="s">
        <v>85</v>
      </c>
      <c r="P4468" t="s">
        <v>86</v>
      </c>
      <c r="Q4468">
        <v>20</v>
      </c>
      <c r="R4468">
        <v>21</v>
      </c>
      <c r="S4468">
        <v>21</v>
      </c>
      <c r="T4468">
        <v>21</v>
      </c>
      <c r="U4468">
        <v>21</v>
      </c>
      <c r="V4468">
        <v>21</v>
      </c>
      <c r="W4468">
        <v>22</v>
      </c>
      <c r="X4468">
        <v>22</v>
      </c>
      <c r="Y4468">
        <v>22</v>
      </c>
      <c r="Z4468">
        <v>22</v>
      </c>
      <c r="AA4468">
        <v>22</v>
      </c>
      <c r="AB4468">
        <v>22</v>
      </c>
      <c r="AC4468">
        <v>23</v>
      </c>
      <c r="AD4468">
        <v>23</v>
      </c>
      <c r="AE4468">
        <v>23</v>
      </c>
      <c r="AF4468">
        <v>23</v>
      </c>
      <c r="AG4468">
        <v>23</v>
      </c>
      <c r="AH4468">
        <v>22</v>
      </c>
      <c r="AI4468">
        <v>22</v>
      </c>
      <c r="AJ4468">
        <v>22</v>
      </c>
      <c r="AK4468">
        <v>22</v>
      </c>
      <c r="AL4468">
        <v>22</v>
      </c>
      <c r="AM4468">
        <v>22</v>
      </c>
      <c r="AN4468">
        <v>22</v>
      </c>
      <c r="AO4468">
        <v>22</v>
      </c>
      <c r="AP4468">
        <v>21</v>
      </c>
      <c r="AQ4468">
        <v>21</v>
      </c>
    </row>
    <row r="4469" spans="1:43">
      <c r="A4469" t="s">
        <v>2804</v>
      </c>
      <c r="B4469" t="s">
        <v>2805</v>
      </c>
      <c r="C4469" t="s">
        <v>2524</v>
      </c>
      <c r="D4469" t="s">
        <v>2525</v>
      </c>
      <c r="E4469" t="s">
        <v>2352</v>
      </c>
      <c r="F4469" t="s">
        <v>2353</v>
      </c>
      <c r="G4469" t="s">
        <v>80</v>
      </c>
      <c r="H4469" t="s">
        <v>81</v>
      </c>
      <c r="I4469" s="2">
        <v>0</v>
      </c>
      <c r="J4469" s="2">
        <v>0</v>
      </c>
      <c r="K4469" s="2">
        <v>1</v>
      </c>
      <c r="L4469" t="s">
        <v>995</v>
      </c>
      <c r="M4469" t="s">
        <v>83</v>
      </c>
      <c r="N4469" t="s">
        <v>91</v>
      </c>
      <c r="O4469" t="s">
        <v>85</v>
      </c>
      <c r="P4469" t="s">
        <v>86</v>
      </c>
      <c r="Q4469">
        <v>20</v>
      </c>
      <c r="R4469">
        <v>20</v>
      </c>
      <c r="S4469">
        <v>20</v>
      </c>
      <c r="T4469">
        <v>20</v>
      </c>
      <c r="U4469">
        <v>20</v>
      </c>
      <c r="V4469">
        <v>21</v>
      </c>
      <c r="W4469">
        <v>21</v>
      </c>
      <c r="X4469">
        <v>21</v>
      </c>
      <c r="Y4469">
        <v>21</v>
      </c>
      <c r="Z4469">
        <v>21</v>
      </c>
      <c r="AA4469">
        <v>21</v>
      </c>
      <c r="AB4469">
        <v>21</v>
      </c>
      <c r="AC4469">
        <v>21</v>
      </c>
      <c r="AD4469">
        <v>21</v>
      </c>
      <c r="AE4469">
        <v>21</v>
      </c>
      <c r="AF4469">
        <v>21</v>
      </c>
      <c r="AG4469">
        <v>21</v>
      </c>
      <c r="AH4469">
        <v>21</v>
      </c>
      <c r="AI4469">
        <v>21</v>
      </c>
      <c r="AJ4469">
        <v>22</v>
      </c>
      <c r="AK4469">
        <v>22</v>
      </c>
      <c r="AL4469">
        <v>22</v>
      </c>
      <c r="AM4469">
        <v>21</v>
      </c>
      <c r="AN4469">
        <v>21</v>
      </c>
      <c r="AO4469">
        <v>21</v>
      </c>
      <c r="AP4469">
        <v>21</v>
      </c>
      <c r="AQ4469">
        <v>21</v>
      </c>
    </row>
    <row r="4470" spans="1:43">
      <c r="A4470" t="s">
        <v>2806</v>
      </c>
      <c r="B4470" t="s">
        <v>2807</v>
      </c>
      <c r="C4470" t="s">
        <v>2808</v>
      </c>
      <c r="D4470" t="s">
        <v>2809</v>
      </c>
      <c r="E4470" t="s">
        <v>2352</v>
      </c>
      <c r="F4470" t="s">
        <v>2353</v>
      </c>
      <c r="G4470" t="s">
        <v>80</v>
      </c>
      <c r="H4470" t="s">
        <v>81</v>
      </c>
      <c r="I4470" s="2">
        <v>0</v>
      </c>
      <c r="J4470" s="2">
        <v>0</v>
      </c>
      <c r="K4470" s="2">
        <v>1</v>
      </c>
      <c r="L4470" t="s">
        <v>995</v>
      </c>
      <c r="M4470" t="s">
        <v>83</v>
      </c>
      <c r="N4470" t="s">
        <v>84</v>
      </c>
      <c r="O4470" t="s">
        <v>85</v>
      </c>
      <c r="P4470" t="s">
        <v>86</v>
      </c>
      <c r="Q4470">
        <v>45</v>
      </c>
      <c r="R4470">
        <v>45</v>
      </c>
      <c r="S4470">
        <v>45</v>
      </c>
      <c r="T4470">
        <v>46</v>
      </c>
      <c r="U4470">
        <v>46</v>
      </c>
      <c r="V4470">
        <v>46</v>
      </c>
      <c r="W4470">
        <v>46</v>
      </c>
      <c r="X4470">
        <v>46</v>
      </c>
      <c r="Y4470">
        <v>46</v>
      </c>
      <c r="Z4470">
        <v>47</v>
      </c>
      <c r="AA4470">
        <v>47</v>
      </c>
      <c r="AB4470">
        <v>47</v>
      </c>
      <c r="AC4470">
        <v>47</v>
      </c>
      <c r="AD4470">
        <v>47</v>
      </c>
      <c r="AE4470">
        <v>47</v>
      </c>
      <c r="AF4470">
        <v>47</v>
      </c>
      <c r="AG4470">
        <v>47</v>
      </c>
      <c r="AH4470">
        <v>47</v>
      </c>
      <c r="AI4470">
        <v>48</v>
      </c>
      <c r="AJ4470">
        <v>48</v>
      </c>
      <c r="AK4470">
        <v>48</v>
      </c>
      <c r="AL4470">
        <v>48</v>
      </c>
      <c r="AM4470">
        <v>47</v>
      </c>
      <c r="AN4470">
        <v>47</v>
      </c>
      <c r="AO4470">
        <v>47</v>
      </c>
      <c r="AP4470">
        <v>46</v>
      </c>
      <c r="AQ4470">
        <v>46</v>
      </c>
    </row>
    <row r="4471" spans="1:43">
      <c r="A4471" t="s">
        <v>2806</v>
      </c>
      <c r="B4471" t="s">
        <v>2807</v>
      </c>
      <c r="C4471" t="s">
        <v>2808</v>
      </c>
      <c r="D4471" t="s">
        <v>2809</v>
      </c>
      <c r="E4471" t="s">
        <v>2352</v>
      </c>
      <c r="F4471" t="s">
        <v>2353</v>
      </c>
      <c r="G4471" t="s">
        <v>80</v>
      </c>
      <c r="H4471" t="s">
        <v>81</v>
      </c>
      <c r="I4471" s="2">
        <v>0</v>
      </c>
      <c r="J4471" s="2">
        <v>0</v>
      </c>
      <c r="K4471" s="2">
        <v>1</v>
      </c>
      <c r="L4471" t="s">
        <v>995</v>
      </c>
      <c r="M4471" t="s">
        <v>87</v>
      </c>
      <c r="N4471" t="s">
        <v>88</v>
      </c>
      <c r="O4471" t="s">
        <v>85</v>
      </c>
      <c r="P4471" t="s">
        <v>86</v>
      </c>
      <c r="Q4471">
        <v>45</v>
      </c>
      <c r="R4471">
        <v>44</v>
      </c>
      <c r="S4471">
        <v>44</v>
      </c>
      <c r="T4471">
        <v>44</v>
      </c>
      <c r="U4471">
        <v>44</v>
      </c>
      <c r="V4471">
        <v>44</v>
      </c>
      <c r="W4471">
        <v>43</v>
      </c>
      <c r="X4471">
        <v>43</v>
      </c>
      <c r="Y4471">
        <v>43</v>
      </c>
      <c r="Z4471">
        <v>43</v>
      </c>
      <c r="AA4471">
        <v>43</v>
      </c>
      <c r="AB4471">
        <v>42</v>
      </c>
      <c r="AC4471">
        <v>42</v>
      </c>
      <c r="AD4471">
        <v>42</v>
      </c>
      <c r="AE4471">
        <v>42</v>
      </c>
      <c r="AF4471">
        <v>42</v>
      </c>
      <c r="AG4471">
        <v>41</v>
      </c>
      <c r="AH4471">
        <v>41</v>
      </c>
      <c r="AI4471">
        <v>41</v>
      </c>
      <c r="AJ4471">
        <v>41</v>
      </c>
      <c r="AK4471">
        <v>41</v>
      </c>
      <c r="AL4471">
        <v>41</v>
      </c>
      <c r="AM4471">
        <v>40</v>
      </c>
      <c r="AN4471">
        <v>40</v>
      </c>
      <c r="AO4471">
        <v>40</v>
      </c>
      <c r="AP4471">
        <v>40</v>
      </c>
      <c r="AQ4471">
        <v>40</v>
      </c>
    </row>
    <row r="4472" spans="1:43">
      <c r="A4472" t="s">
        <v>2806</v>
      </c>
      <c r="B4472" t="s">
        <v>2807</v>
      </c>
      <c r="C4472" t="s">
        <v>2808</v>
      </c>
      <c r="D4472" t="s">
        <v>2809</v>
      </c>
      <c r="E4472" t="s">
        <v>2352</v>
      </c>
      <c r="F4472" t="s">
        <v>2353</v>
      </c>
      <c r="G4472" t="s">
        <v>80</v>
      </c>
      <c r="H4472" t="s">
        <v>81</v>
      </c>
      <c r="I4472" s="2">
        <v>0</v>
      </c>
      <c r="J4472" s="2">
        <v>0</v>
      </c>
      <c r="K4472" s="2">
        <v>1</v>
      </c>
      <c r="L4472" t="s">
        <v>995</v>
      </c>
      <c r="M4472" t="s">
        <v>89</v>
      </c>
      <c r="N4472" t="s">
        <v>90</v>
      </c>
      <c r="O4472" t="s">
        <v>85</v>
      </c>
      <c r="P4472" t="s">
        <v>86</v>
      </c>
      <c r="Q4472">
        <v>45</v>
      </c>
      <c r="R4472">
        <v>45</v>
      </c>
      <c r="S4472">
        <v>46</v>
      </c>
      <c r="T4472">
        <v>46</v>
      </c>
      <c r="U4472">
        <v>47</v>
      </c>
      <c r="V4472">
        <v>47</v>
      </c>
      <c r="W4472">
        <v>48</v>
      </c>
      <c r="X4472">
        <v>48</v>
      </c>
      <c r="Y4472">
        <v>48</v>
      </c>
      <c r="Z4472">
        <v>49</v>
      </c>
      <c r="AA4472">
        <v>49</v>
      </c>
      <c r="AB4472">
        <v>49</v>
      </c>
      <c r="AC4472">
        <v>49</v>
      </c>
      <c r="AD4472">
        <v>50</v>
      </c>
      <c r="AE4472">
        <v>50</v>
      </c>
      <c r="AF4472">
        <v>49</v>
      </c>
      <c r="AG4472">
        <v>49</v>
      </c>
      <c r="AH4472">
        <v>49</v>
      </c>
      <c r="AI4472">
        <v>48</v>
      </c>
      <c r="AJ4472">
        <v>48</v>
      </c>
      <c r="AK4472">
        <v>48</v>
      </c>
      <c r="AL4472">
        <v>47</v>
      </c>
      <c r="AM4472">
        <v>47</v>
      </c>
      <c r="AN4472">
        <v>47</v>
      </c>
      <c r="AO4472">
        <v>46</v>
      </c>
      <c r="AP4472">
        <v>46</v>
      </c>
      <c r="AQ4472">
        <v>46</v>
      </c>
    </row>
    <row r="4473" spans="1:43">
      <c r="A4473" t="s">
        <v>2806</v>
      </c>
      <c r="B4473" t="s">
        <v>2807</v>
      </c>
      <c r="C4473" t="s">
        <v>2808</v>
      </c>
      <c r="D4473" t="s">
        <v>2809</v>
      </c>
      <c r="E4473" t="s">
        <v>2352</v>
      </c>
      <c r="F4473" t="s">
        <v>2353</v>
      </c>
      <c r="G4473" t="s">
        <v>80</v>
      </c>
      <c r="H4473" t="s">
        <v>81</v>
      </c>
      <c r="I4473" s="2">
        <v>0</v>
      </c>
      <c r="J4473" s="2">
        <v>0</v>
      </c>
      <c r="K4473" s="2">
        <v>1</v>
      </c>
      <c r="L4473" t="s">
        <v>995</v>
      </c>
      <c r="M4473" t="s">
        <v>83</v>
      </c>
      <c r="N4473" t="s">
        <v>91</v>
      </c>
      <c r="O4473" t="s">
        <v>85</v>
      </c>
      <c r="P4473" t="s">
        <v>86</v>
      </c>
      <c r="Q4473">
        <v>45</v>
      </c>
      <c r="R4473">
        <v>45</v>
      </c>
      <c r="S4473">
        <v>45</v>
      </c>
      <c r="T4473">
        <v>46</v>
      </c>
      <c r="U4473">
        <v>46</v>
      </c>
      <c r="V4473">
        <v>46</v>
      </c>
      <c r="W4473">
        <v>46</v>
      </c>
      <c r="X4473">
        <v>46</v>
      </c>
      <c r="Y4473">
        <v>46</v>
      </c>
      <c r="Z4473">
        <v>47</v>
      </c>
      <c r="AA4473">
        <v>47</v>
      </c>
      <c r="AB4473">
        <v>47</v>
      </c>
      <c r="AC4473">
        <v>47</v>
      </c>
      <c r="AD4473">
        <v>47</v>
      </c>
      <c r="AE4473">
        <v>47</v>
      </c>
      <c r="AF4473">
        <v>47</v>
      </c>
      <c r="AG4473">
        <v>47</v>
      </c>
      <c r="AH4473">
        <v>47</v>
      </c>
      <c r="AI4473">
        <v>48</v>
      </c>
      <c r="AJ4473">
        <v>48</v>
      </c>
      <c r="AK4473">
        <v>48</v>
      </c>
      <c r="AL4473">
        <v>48</v>
      </c>
      <c r="AM4473">
        <v>47</v>
      </c>
      <c r="AN4473">
        <v>47</v>
      </c>
      <c r="AO4473">
        <v>47</v>
      </c>
      <c r="AP4473">
        <v>46</v>
      </c>
      <c r="AQ4473">
        <v>46</v>
      </c>
    </row>
    <row r="4474" spans="1:43">
      <c r="A4474" t="s">
        <v>2810</v>
      </c>
      <c r="B4474" t="s">
        <v>2811</v>
      </c>
      <c r="C4474" t="s">
        <v>2524</v>
      </c>
      <c r="D4474" t="s">
        <v>2525</v>
      </c>
      <c r="E4474" t="s">
        <v>2352</v>
      </c>
      <c r="F4474" t="s">
        <v>2353</v>
      </c>
      <c r="G4474" t="s">
        <v>80</v>
      </c>
      <c r="H4474" t="s">
        <v>81</v>
      </c>
      <c r="I4474" s="2">
        <v>0</v>
      </c>
      <c r="J4474" s="2">
        <v>0</v>
      </c>
      <c r="K4474" s="2">
        <v>1</v>
      </c>
      <c r="L4474" t="s">
        <v>995</v>
      </c>
      <c r="M4474" t="s">
        <v>83</v>
      </c>
      <c r="N4474" t="s">
        <v>84</v>
      </c>
      <c r="O4474" t="s">
        <v>85</v>
      </c>
      <c r="P4474" t="s">
        <v>86</v>
      </c>
      <c r="Q4474">
        <v>34</v>
      </c>
      <c r="R4474">
        <v>34</v>
      </c>
      <c r="S4474">
        <v>34</v>
      </c>
      <c r="T4474">
        <v>34</v>
      </c>
      <c r="U4474">
        <v>34</v>
      </c>
      <c r="V4474">
        <v>35</v>
      </c>
      <c r="W4474">
        <v>35</v>
      </c>
      <c r="X4474">
        <v>35</v>
      </c>
      <c r="Y4474">
        <v>35</v>
      </c>
      <c r="Z4474">
        <v>35</v>
      </c>
      <c r="AA4474">
        <v>35</v>
      </c>
      <c r="AB4474">
        <v>35</v>
      </c>
      <c r="AC4474">
        <v>35</v>
      </c>
      <c r="AD4474">
        <v>35</v>
      </c>
      <c r="AE4474">
        <v>36</v>
      </c>
      <c r="AF4474">
        <v>36</v>
      </c>
      <c r="AG4474">
        <v>36</v>
      </c>
      <c r="AH4474">
        <v>36</v>
      </c>
      <c r="AI4474">
        <v>36</v>
      </c>
      <c r="AJ4474">
        <v>36</v>
      </c>
      <c r="AK4474">
        <v>36</v>
      </c>
      <c r="AL4474">
        <v>36</v>
      </c>
      <c r="AM4474">
        <v>36</v>
      </c>
      <c r="AN4474">
        <v>35</v>
      </c>
      <c r="AO4474">
        <v>35</v>
      </c>
      <c r="AP4474">
        <v>35</v>
      </c>
      <c r="AQ4474">
        <v>35</v>
      </c>
    </row>
    <row r="4475" spans="1:43">
      <c r="A4475" t="s">
        <v>2810</v>
      </c>
      <c r="B4475" t="s">
        <v>2811</v>
      </c>
      <c r="C4475" t="s">
        <v>2524</v>
      </c>
      <c r="D4475" t="s">
        <v>2525</v>
      </c>
      <c r="E4475" t="s">
        <v>2352</v>
      </c>
      <c r="F4475" t="s">
        <v>2353</v>
      </c>
      <c r="G4475" t="s">
        <v>80</v>
      </c>
      <c r="H4475" t="s">
        <v>81</v>
      </c>
      <c r="I4475" s="2">
        <v>0</v>
      </c>
      <c r="J4475" s="2">
        <v>0</v>
      </c>
      <c r="K4475" s="2">
        <v>1</v>
      </c>
      <c r="L4475" t="s">
        <v>995</v>
      </c>
      <c r="M4475" t="s">
        <v>87</v>
      </c>
      <c r="N4475" t="s">
        <v>88</v>
      </c>
      <c r="O4475" t="s">
        <v>85</v>
      </c>
      <c r="P4475" t="s">
        <v>86</v>
      </c>
      <c r="Q4475">
        <v>34</v>
      </c>
      <c r="R4475">
        <v>33</v>
      </c>
      <c r="S4475">
        <v>33</v>
      </c>
      <c r="T4475">
        <v>33</v>
      </c>
      <c r="U4475">
        <v>33</v>
      </c>
      <c r="V4475">
        <v>33</v>
      </c>
      <c r="W4475">
        <v>33</v>
      </c>
      <c r="X4475">
        <v>32</v>
      </c>
      <c r="Y4475">
        <v>32</v>
      </c>
      <c r="Z4475">
        <v>32</v>
      </c>
      <c r="AA4475">
        <v>32</v>
      </c>
      <c r="AB4475">
        <v>32</v>
      </c>
      <c r="AC4475">
        <v>32</v>
      </c>
      <c r="AD4475">
        <v>32</v>
      </c>
      <c r="AE4475">
        <v>31</v>
      </c>
      <c r="AF4475">
        <v>31</v>
      </c>
      <c r="AG4475">
        <v>31</v>
      </c>
      <c r="AH4475">
        <v>31</v>
      </c>
      <c r="AI4475">
        <v>31</v>
      </c>
      <c r="AJ4475">
        <v>31</v>
      </c>
      <c r="AK4475">
        <v>31</v>
      </c>
      <c r="AL4475">
        <v>30</v>
      </c>
      <c r="AM4475">
        <v>30</v>
      </c>
      <c r="AN4475">
        <v>30</v>
      </c>
      <c r="AO4475">
        <v>30</v>
      </c>
      <c r="AP4475">
        <v>30</v>
      </c>
      <c r="AQ4475">
        <v>30</v>
      </c>
    </row>
    <row r="4476" spans="1:43">
      <c r="A4476" t="s">
        <v>2810</v>
      </c>
      <c r="B4476" t="s">
        <v>2811</v>
      </c>
      <c r="C4476" t="s">
        <v>2524</v>
      </c>
      <c r="D4476" t="s">
        <v>2525</v>
      </c>
      <c r="E4476" t="s">
        <v>2352</v>
      </c>
      <c r="F4476" t="s">
        <v>2353</v>
      </c>
      <c r="G4476" t="s">
        <v>80</v>
      </c>
      <c r="H4476" t="s">
        <v>81</v>
      </c>
      <c r="I4476" s="2">
        <v>0</v>
      </c>
      <c r="J4476" s="2">
        <v>0</v>
      </c>
      <c r="K4476" s="2">
        <v>1</v>
      </c>
      <c r="L4476" t="s">
        <v>995</v>
      </c>
      <c r="M4476" t="s">
        <v>89</v>
      </c>
      <c r="N4476" t="s">
        <v>90</v>
      </c>
      <c r="O4476" t="s">
        <v>85</v>
      </c>
      <c r="P4476" t="s">
        <v>86</v>
      </c>
      <c r="Q4476">
        <v>34</v>
      </c>
      <c r="R4476">
        <v>35</v>
      </c>
      <c r="S4476">
        <v>35</v>
      </c>
      <c r="T4476">
        <v>35</v>
      </c>
      <c r="U4476">
        <v>36</v>
      </c>
      <c r="V4476">
        <v>36</v>
      </c>
      <c r="W4476">
        <v>37</v>
      </c>
      <c r="X4476">
        <v>37</v>
      </c>
      <c r="Y4476">
        <v>37</v>
      </c>
      <c r="Z4476">
        <v>37</v>
      </c>
      <c r="AA4476">
        <v>37</v>
      </c>
      <c r="AB4476">
        <v>38</v>
      </c>
      <c r="AC4476">
        <v>38</v>
      </c>
      <c r="AD4476">
        <v>38</v>
      </c>
      <c r="AE4476">
        <v>38</v>
      </c>
      <c r="AF4476">
        <v>38</v>
      </c>
      <c r="AG4476">
        <v>38</v>
      </c>
      <c r="AH4476">
        <v>37</v>
      </c>
      <c r="AI4476">
        <v>37</v>
      </c>
      <c r="AJ4476">
        <v>37</v>
      </c>
      <c r="AK4476">
        <v>37</v>
      </c>
      <c r="AL4476">
        <v>36</v>
      </c>
      <c r="AM4476">
        <v>36</v>
      </c>
      <c r="AN4476">
        <v>36</v>
      </c>
      <c r="AO4476">
        <v>36</v>
      </c>
      <c r="AP4476">
        <v>35</v>
      </c>
      <c r="AQ4476">
        <v>35</v>
      </c>
    </row>
    <row r="4477" spans="1:43">
      <c r="A4477" t="s">
        <v>2810</v>
      </c>
      <c r="B4477" t="s">
        <v>2811</v>
      </c>
      <c r="C4477" t="s">
        <v>2524</v>
      </c>
      <c r="D4477" t="s">
        <v>2525</v>
      </c>
      <c r="E4477" t="s">
        <v>2352</v>
      </c>
      <c r="F4477" t="s">
        <v>2353</v>
      </c>
      <c r="G4477" t="s">
        <v>80</v>
      </c>
      <c r="H4477" t="s">
        <v>81</v>
      </c>
      <c r="I4477" s="2">
        <v>0</v>
      </c>
      <c r="J4477" s="2">
        <v>0</v>
      </c>
      <c r="K4477" s="2">
        <v>1</v>
      </c>
      <c r="L4477" t="s">
        <v>995</v>
      </c>
      <c r="M4477" t="s">
        <v>83</v>
      </c>
      <c r="N4477" t="s">
        <v>91</v>
      </c>
      <c r="O4477" t="s">
        <v>85</v>
      </c>
      <c r="P4477" t="s">
        <v>86</v>
      </c>
      <c r="Q4477">
        <v>34</v>
      </c>
      <c r="R4477">
        <v>34</v>
      </c>
      <c r="S4477">
        <v>34</v>
      </c>
      <c r="T4477">
        <v>34</v>
      </c>
      <c r="U4477">
        <v>34</v>
      </c>
      <c r="V4477">
        <v>35</v>
      </c>
      <c r="W4477">
        <v>35</v>
      </c>
      <c r="X4477">
        <v>35</v>
      </c>
      <c r="Y4477">
        <v>35</v>
      </c>
      <c r="Z4477">
        <v>35</v>
      </c>
      <c r="AA4477">
        <v>35</v>
      </c>
      <c r="AB4477">
        <v>35</v>
      </c>
      <c r="AC4477">
        <v>35</v>
      </c>
      <c r="AD4477">
        <v>35</v>
      </c>
      <c r="AE4477">
        <v>36</v>
      </c>
      <c r="AF4477">
        <v>36</v>
      </c>
      <c r="AG4477">
        <v>36</v>
      </c>
      <c r="AH4477">
        <v>36</v>
      </c>
      <c r="AI4477">
        <v>36</v>
      </c>
      <c r="AJ4477">
        <v>36</v>
      </c>
      <c r="AK4477">
        <v>36</v>
      </c>
      <c r="AL4477">
        <v>36</v>
      </c>
      <c r="AM4477">
        <v>36</v>
      </c>
      <c r="AN4477">
        <v>35</v>
      </c>
      <c r="AO4477">
        <v>35</v>
      </c>
      <c r="AP4477">
        <v>35</v>
      </c>
      <c r="AQ4477">
        <v>35</v>
      </c>
    </row>
    <row r="4478" spans="1:43">
      <c r="A4478" t="s">
        <v>2812</v>
      </c>
      <c r="B4478" t="s">
        <v>2813</v>
      </c>
      <c r="C4478" t="s">
        <v>2808</v>
      </c>
      <c r="D4478" t="s">
        <v>2809</v>
      </c>
      <c r="E4478" t="s">
        <v>2352</v>
      </c>
      <c r="F4478" t="s">
        <v>2353</v>
      </c>
      <c r="G4478" t="s">
        <v>80</v>
      </c>
      <c r="H4478" t="s">
        <v>81</v>
      </c>
      <c r="I4478" s="2">
        <v>0</v>
      </c>
      <c r="J4478" s="2">
        <v>0</v>
      </c>
      <c r="K4478" s="2">
        <v>1</v>
      </c>
      <c r="L4478" t="s">
        <v>995</v>
      </c>
      <c r="M4478" t="s">
        <v>83</v>
      </c>
      <c r="N4478" t="s">
        <v>84</v>
      </c>
      <c r="O4478" t="s">
        <v>85</v>
      </c>
      <c r="P4478" t="s">
        <v>86</v>
      </c>
      <c r="Q4478">
        <v>3</v>
      </c>
      <c r="R4478">
        <v>3</v>
      </c>
      <c r="S4478">
        <v>3</v>
      </c>
      <c r="T4478">
        <v>3</v>
      </c>
      <c r="U4478">
        <v>3</v>
      </c>
      <c r="V4478">
        <v>3</v>
      </c>
      <c r="W4478">
        <v>3</v>
      </c>
      <c r="X4478">
        <v>3</v>
      </c>
      <c r="Y4478">
        <v>3</v>
      </c>
      <c r="Z4478">
        <v>3</v>
      </c>
      <c r="AA4478">
        <v>3</v>
      </c>
      <c r="AB4478">
        <v>3</v>
      </c>
      <c r="AC4478">
        <v>3</v>
      </c>
      <c r="AD4478">
        <v>3</v>
      </c>
      <c r="AE4478">
        <v>3</v>
      </c>
      <c r="AF4478">
        <v>3</v>
      </c>
      <c r="AG4478">
        <v>3</v>
      </c>
      <c r="AH4478">
        <v>3</v>
      </c>
      <c r="AI4478">
        <v>3</v>
      </c>
      <c r="AJ4478">
        <v>3</v>
      </c>
      <c r="AK4478">
        <v>3</v>
      </c>
      <c r="AL4478">
        <v>3</v>
      </c>
      <c r="AM4478">
        <v>3</v>
      </c>
      <c r="AN4478">
        <v>3</v>
      </c>
      <c r="AO4478">
        <v>3</v>
      </c>
      <c r="AP4478">
        <v>3</v>
      </c>
      <c r="AQ4478">
        <v>3</v>
      </c>
    </row>
    <row r="4479" spans="1:43">
      <c r="A4479" t="s">
        <v>2812</v>
      </c>
      <c r="B4479" t="s">
        <v>2813</v>
      </c>
      <c r="C4479" t="s">
        <v>2808</v>
      </c>
      <c r="D4479" t="s">
        <v>2809</v>
      </c>
      <c r="E4479" t="s">
        <v>2352</v>
      </c>
      <c r="F4479" t="s">
        <v>2353</v>
      </c>
      <c r="G4479" t="s">
        <v>80</v>
      </c>
      <c r="H4479" t="s">
        <v>81</v>
      </c>
      <c r="I4479" s="2">
        <v>0</v>
      </c>
      <c r="J4479" s="2">
        <v>0</v>
      </c>
      <c r="K4479" s="2">
        <v>1</v>
      </c>
      <c r="L4479" t="s">
        <v>995</v>
      </c>
      <c r="M4479" t="s">
        <v>87</v>
      </c>
      <c r="N4479" t="s">
        <v>88</v>
      </c>
      <c r="O4479" t="s">
        <v>85</v>
      </c>
      <c r="P4479" t="s">
        <v>86</v>
      </c>
      <c r="Q4479">
        <v>3</v>
      </c>
      <c r="R4479">
        <v>3</v>
      </c>
      <c r="S4479">
        <v>3</v>
      </c>
      <c r="T4479">
        <v>3</v>
      </c>
      <c r="U4479">
        <v>3</v>
      </c>
      <c r="V4479">
        <v>3</v>
      </c>
      <c r="W4479">
        <v>3</v>
      </c>
      <c r="X4479">
        <v>3</v>
      </c>
      <c r="Y4479">
        <v>3</v>
      </c>
      <c r="Z4479">
        <v>3</v>
      </c>
      <c r="AA4479">
        <v>3</v>
      </c>
      <c r="AB4479">
        <v>3</v>
      </c>
      <c r="AC4479">
        <v>3</v>
      </c>
      <c r="AD4479">
        <v>3</v>
      </c>
      <c r="AE4479">
        <v>3</v>
      </c>
      <c r="AF4479">
        <v>3</v>
      </c>
      <c r="AG4479">
        <v>3</v>
      </c>
      <c r="AH4479">
        <v>3</v>
      </c>
      <c r="AI4479">
        <v>3</v>
      </c>
      <c r="AJ4479">
        <v>3</v>
      </c>
      <c r="AK4479">
        <v>2</v>
      </c>
      <c r="AL4479">
        <v>2</v>
      </c>
      <c r="AM4479">
        <v>2</v>
      </c>
      <c r="AN4479">
        <v>2</v>
      </c>
      <c r="AO4479">
        <v>2</v>
      </c>
      <c r="AP4479">
        <v>2</v>
      </c>
      <c r="AQ4479">
        <v>2</v>
      </c>
    </row>
    <row r="4480" spans="1:43">
      <c r="A4480" t="s">
        <v>2812</v>
      </c>
      <c r="B4480" t="s">
        <v>2813</v>
      </c>
      <c r="C4480" t="s">
        <v>2808</v>
      </c>
      <c r="D4480" t="s">
        <v>2809</v>
      </c>
      <c r="E4480" t="s">
        <v>2352</v>
      </c>
      <c r="F4480" t="s">
        <v>2353</v>
      </c>
      <c r="G4480" t="s">
        <v>80</v>
      </c>
      <c r="H4480" t="s">
        <v>81</v>
      </c>
      <c r="I4480" s="2">
        <v>0</v>
      </c>
      <c r="J4480" s="2">
        <v>0</v>
      </c>
      <c r="K4480" s="2">
        <v>1</v>
      </c>
      <c r="L4480" t="s">
        <v>995</v>
      </c>
      <c r="M4480" t="s">
        <v>89</v>
      </c>
      <c r="N4480" t="s">
        <v>90</v>
      </c>
      <c r="O4480" t="s">
        <v>85</v>
      </c>
      <c r="P4480" t="s">
        <v>86</v>
      </c>
      <c r="Q4480">
        <v>3</v>
      </c>
      <c r="R4480">
        <v>3</v>
      </c>
      <c r="S4480">
        <v>3</v>
      </c>
      <c r="T4480">
        <v>3</v>
      </c>
      <c r="U4480">
        <v>3</v>
      </c>
      <c r="V4480">
        <v>3</v>
      </c>
      <c r="W4480">
        <v>3</v>
      </c>
      <c r="X4480">
        <v>3</v>
      </c>
      <c r="Y4480">
        <v>3</v>
      </c>
      <c r="Z4480">
        <v>3</v>
      </c>
      <c r="AA4480">
        <v>3</v>
      </c>
      <c r="AB4480">
        <v>3</v>
      </c>
      <c r="AC4480">
        <v>3</v>
      </c>
      <c r="AD4480">
        <v>3</v>
      </c>
      <c r="AE4480">
        <v>3</v>
      </c>
      <c r="AF4480">
        <v>3</v>
      </c>
      <c r="AG4480">
        <v>3</v>
      </c>
      <c r="AH4480">
        <v>3</v>
      </c>
      <c r="AI4480">
        <v>3</v>
      </c>
      <c r="AJ4480">
        <v>3</v>
      </c>
      <c r="AK4480">
        <v>3</v>
      </c>
      <c r="AL4480">
        <v>3</v>
      </c>
      <c r="AM4480">
        <v>3</v>
      </c>
      <c r="AN4480">
        <v>3</v>
      </c>
      <c r="AO4480">
        <v>3</v>
      </c>
      <c r="AP4480">
        <v>3</v>
      </c>
      <c r="AQ4480">
        <v>3</v>
      </c>
    </row>
    <row r="4481" spans="1:43">
      <c r="A4481" t="s">
        <v>2812</v>
      </c>
      <c r="B4481" t="s">
        <v>2813</v>
      </c>
      <c r="C4481" t="s">
        <v>2808</v>
      </c>
      <c r="D4481" t="s">
        <v>2809</v>
      </c>
      <c r="E4481" t="s">
        <v>2352</v>
      </c>
      <c r="F4481" t="s">
        <v>2353</v>
      </c>
      <c r="G4481" t="s">
        <v>80</v>
      </c>
      <c r="H4481" t="s">
        <v>81</v>
      </c>
      <c r="I4481" s="2">
        <v>0</v>
      </c>
      <c r="J4481" s="2">
        <v>0</v>
      </c>
      <c r="K4481" s="2">
        <v>1</v>
      </c>
      <c r="L4481" t="s">
        <v>995</v>
      </c>
      <c r="M4481" t="s">
        <v>83</v>
      </c>
      <c r="N4481" t="s">
        <v>91</v>
      </c>
      <c r="O4481" t="s">
        <v>85</v>
      </c>
      <c r="P4481" t="s">
        <v>86</v>
      </c>
      <c r="Q4481">
        <v>3</v>
      </c>
      <c r="R4481">
        <v>3</v>
      </c>
      <c r="S4481">
        <v>3</v>
      </c>
      <c r="T4481">
        <v>3</v>
      </c>
      <c r="U4481">
        <v>3</v>
      </c>
      <c r="V4481">
        <v>3</v>
      </c>
      <c r="W4481">
        <v>3</v>
      </c>
      <c r="X4481">
        <v>3</v>
      </c>
      <c r="Y4481">
        <v>3</v>
      </c>
      <c r="Z4481">
        <v>3</v>
      </c>
      <c r="AA4481">
        <v>3</v>
      </c>
      <c r="AB4481">
        <v>3</v>
      </c>
      <c r="AC4481">
        <v>3</v>
      </c>
      <c r="AD4481">
        <v>3</v>
      </c>
      <c r="AE4481">
        <v>3</v>
      </c>
      <c r="AF4481">
        <v>3</v>
      </c>
      <c r="AG4481">
        <v>3</v>
      </c>
      <c r="AH4481">
        <v>3</v>
      </c>
      <c r="AI4481">
        <v>3</v>
      </c>
      <c r="AJ4481">
        <v>3</v>
      </c>
      <c r="AK4481">
        <v>3</v>
      </c>
      <c r="AL4481">
        <v>3</v>
      </c>
      <c r="AM4481">
        <v>3</v>
      </c>
      <c r="AN4481">
        <v>3</v>
      </c>
      <c r="AO4481">
        <v>3</v>
      </c>
      <c r="AP4481">
        <v>3</v>
      </c>
      <c r="AQ4481">
        <v>3</v>
      </c>
    </row>
    <row r="4482" spans="1:43">
      <c r="A4482" t="s">
        <v>2814</v>
      </c>
      <c r="B4482" t="s">
        <v>2815</v>
      </c>
      <c r="C4482" t="s">
        <v>2506</v>
      </c>
      <c r="D4482" t="s">
        <v>2507</v>
      </c>
      <c r="E4482" t="s">
        <v>2352</v>
      </c>
      <c r="F4482" t="s">
        <v>2353</v>
      </c>
      <c r="G4482" t="s">
        <v>80</v>
      </c>
      <c r="H4482" t="s">
        <v>81</v>
      </c>
      <c r="I4482" s="2">
        <v>0</v>
      </c>
      <c r="J4482" s="2">
        <v>0</v>
      </c>
      <c r="K4482" s="2">
        <v>1</v>
      </c>
      <c r="L4482" t="s">
        <v>995</v>
      </c>
      <c r="M4482" t="s">
        <v>83</v>
      </c>
      <c r="N4482" t="s">
        <v>84</v>
      </c>
      <c r="O4482" t="s">
        <v>85</v>
      </c>
      <c r="P4482" t="s">
        <v>86</v>
      </c>
      <c r="Q4482">
        <v>39</v>
      </c>
      <c r="R4482">
        <v>39</v>
      </c>
      <c r="S4482">
        <v>39</v>
      </c>
      <c r="T4482">
        <v>40</v>
      </c>
      <c r="U4482">
        <v>40</v>
      </c>
      <c r="V4482">
        <v>40</v>
      </c>
      <c r="W4482">
        <v>40</v>
      </c>
      <c r="X4482">
        <v>40</v>
      </c>
      <c r="Y4482">
        <v>40</v>
      </c>
      <c r="Z4482">
        <v>40</v>
      </c>
      <c r="AA4482">
        <v>41</v>
      </c>
      <c r="AB4482">
        <v>41</v>
      </c>
      <c r="AC4482">
        <v>41</v>
      </c>
      <c r="AD4482">
        <v>41</v>
      </c>
      <c r="AE4482">
        <v>41</v>
      </c>
      <c r="AF4482">
        <v>41</v>
      </c>
      <c r="AG4482">
        <v>41</v>
      </c>
      <c r="AH4482">
        <v>41</v>
      </c>
      <c r="AI4482">
        <v>41</v>
      </c>
      <c r="AJ4482">
        <v>41</v>
      </c>
      <c r="AK4482">
        <v>42</v>
      </c>
      <c r="AL4482">
        <v>41</v>
      </c>
      <c r="AM4482">
        <v>41</v>
      </c>
      <c r="AN4482">
        <v>41</v>
      </c>
      <c r="AO4482">
        <v>41</v>
      </c>
      <c r="AP4482">
        <v>40</v>
      </c>
      <c r="AQ4482">
        <v>40</v>
      </c>
    </row>
    <row r="4483" spans="1:43">
      <c r="A4483" t="s">
        <v>2814</v>
      </c>
      <c r="B4483" t="s">
        <v>2815</v>
      </c>
      <c r="C4483" t="s">
        <v>2506</v>
      </c>
      <c r="D4483" t="s">
        <v>2507</v>
      </c>
      <c r="E4483" t="s">
        <v>2352</v>
      </c>
      <c r="F4483" t="s">
        <v>2353</v>
      </c>
      <c r="G4483" t="s">
        <v>80</v>
      </c>
      <c r="H4483" t="s">
        <v>81</v>
      </c>
      <c r="I4483" s="2">
        <v>0</v>
      </c>
      <c r="J4483" s="2">
        <v>0</v>
      </c>
      <c r="K4483" s="2">
        <v>1</v>
      </c>
      <c r="L4483" t="s">
        <v>995</v>
      </c>
      <c r="M4483" t="s">
        <v>87</v>
      </c>
      <c r="N4483" t="s">
        <v>88</v>
      </c>
      <c r="O4483" t="s">
        <v>85</v>
      </c>
      <c r="P4483" t="s">
        <v>86</v>
      </c>
      <c r="Q4483">
        <v>39</v>
      </c>
      <c r="R4483">
        <v>38</v>
      </c>
      <c r="S4483">
        <v>38</v>
      </c>
      <c r="T4483">
        <v>38</v>
      </c>
      <c r="U4483">
        <v>38</v>
      </c>
      <c r="V4483">
        <v>38</v>
      </c>
      <c r="W4483">
        <v>38</v>
      </c>
      <c r="X4483">
        <v>37</v>
      </c>
      <c r="Y4483">
        <v>37</v>
      </c>
      <c r="Z4483">
        <v>37</v>
      </c>
      <c r="AA4483">
        <v>37</v>
      </c>
      <c r="AB4483">
        <v>37</v>
      </c>
      <c r="AC4483">
        <v>37</v>
      </c>
      <c r="AD4483">
        <v>37</v>
      </c>
      <c r="AE4483">
        <v>36</v>
      </c>
      <c r="AF4483">
        <v>36</v>
      </c>
      <c r="AG4483">
        <v>36</v>
      </c>
      <c r="AH4483">
        <v>36</v>
      </c>
      <c r="AI4483">
        <v>36</v>
      </c>
      <c r="AJ4483">
        <v>36</v>
      </c>
      <c r="AK4483">
        <v>36</v>
      </c>
      <c r="AL4483">
        <v>35</v>
      </c>
      <c r="AM4483">
        <v>35</v>
      </c>
      <c r="AN4483">
        <v>35</v>
      </c>
      <c r="AO4483">
        <v>35</v>
      </c>
      <c r="AP4483">
        <v>35</v>
      </c>
      <c r="AQ4483">
        <v>35</v>
      </c>
    </row>
    <row r="4484" spans="1:43">
      <c r="A4484" t="s">
        <v>2814</v>
      </c>
      <c r="B4484" t="s">
        <v>2815</v>
      </c>
      <c r="C4484" t="s">
        <v>2506</v>
      </c>
      <c r="D4484" t="s">
        <v>2507</v>
      </c>
      <c r="E4484" t="s">
        <v>2352</v>
      </c>
      <c r="F4484" t="s">
        <v>2353</v>
      </c>
      <c r="G4484" t="s">
        <v>80</v>
      </c>
      <c r="H4484" t="s">
        <v>81</v>
      </c>
      <c r="I4484" s="2">
        <v>0</v>
      </c>
      <c r="J4484" s="2">
        <v>0</v>
      </c>
      <c r="K4484" s="2">
        <v>1</v>
      </c>
      <c r="L4484" t="s">
        <v>995</v>
      </c>
      <c r="M4484" t="s">
        <v>89</v>
      </c>
      <c r="N4484" t="s">
        <v>90</v>
      </c>
      <c r="O4484" t="s">
        <v>85</v>
      </c>
      <c r="P4484" t="s">
        <v>86</v>
      </c>
      <c r="Q4484">
        <v>39</v>
      </c>
      <c r="R4484">
        <v>40</v>
      </c>
      <c r="S4484">
        <v>40</v>
      </c>
      <c r="T4484">
        <v>41</v>
      </c>
      <c r="U4484">
        <v>41</v>
      </c>
      <c r="V4484">
        <v>42</v>
      </c>
      <c r="W4484">
        <v>42</v>
      </c>
      <c r="X4484">
        <v>42</v>
      </c>
      <c r="Y4484">
        <v>43</v>
      </c>
      <c r="Z4484">
        <v>43</v>
      </c>
      <c r="AA4484">
        <v>43</v>
      </c>
      <c r="AB4484">
        <v>43</v>
      </c>
      <c r="AC4484">
        <v>44</v>
      </c>
      <c r="AD4484">
        <v>44</v>
      </c>
      <c r="AE4484">
        <v>44</v>
      </c>
      <c r="AF4484">
        <v>44</v>
      </c>
      <c r="AG4484">
        <v>43</v>
      </c>
      <c r="AH4484">
        <v>43</v>
      </c>
      <c r="AI4484">
        <v>43</v>
      </c>
      <c r="AJ4484">
        <v>43</v>
      </c>
      <c r="AK4484">
        <v>42</v>
      </c>
      <c r="AL4484">
        <v>42</v>
      </c>
      <c r="AM4484">
        <v>42</v>
      </c>
      <c r="AN4484">
        <v>42</v>
      </c>
      <c r="AO4484">
        <v>41</v>
      </c>
      <c r="AP4484">
        <v>41</v>
      </c>
      <c r="AQ4484">
        <v>41</v>
      </c>
    </row>
    <row r="4485" spans="1:43">
      <c r="A4485" t="s">
        <v>2814</v>
      </c>
      <c r="B4485" t="s">
        <v>2815</v>
      </c>
      <c r="C4485" t="s">
        <v>2506</v>
      </c>
      <c r="D4485" t="s">
        <v>2507</v>
      </c>
      <c r="E4485" t="s">
        <v>2352</v>
      </c>
      <c r="F4485" t="s">
        <v>2353</v>
      </c>
      <c r="G4485" t="s">
        <v>80</v>
      </c>
      <c r="H4485" t="s">
        <v>81</v>
      </c>
      <c r="I4485" s="2">
        <v>0</v>
      </c>
      <c r="J4485" s="2">
        <v>0</v>
      </c>
      <c r="K4485" s="2">
        <v>1</v>
      </c>
      <c r="L4485" t="s">
        <v>995</v>
      </c>
      <c r="M4485" t="s">
        <v>83</v>
      </c>
      <c r="N4485" t="s">
        <v>91</v>
      </c>
      <c r="O4485" t="s">
        <v>85</v>
      </c>
      <c r="P4485" t="s">
        <v>86</v>
      </c>
      <c r="Q4485">
        <v>39</v>
      </c>
      <c r="R4485">
        <v>39</v>
      </c>
      <c r="S4485">
        <v>39</v>
      </c>
      <c r="T4485">
        <v>40</v>
      </c>
      <c r="U4485">
        <v>40</v>
      </c>
      <c r="V4485">
        <v>40</v>
      </c>
      <c r="W4485">
        <v>40</v>
      </c>
      <c r="X4485">
        <v>40</v>
      </c>
      <c r="Y4485">
        <v>40</v>
      </c>
      <c r="Z4485">
        <v>40</v>
      </c>
      <c r="AA4485">
        <v>41</v>
      </c>
      <c r="AB4485">
        <v>41</v>
      </c>
      <c r="AC4485">
        <v>41</v>
      </c>
      <c r="AD4485">
        <v>41</v>
      </c>
      <c r="AE4485">
        <v>41</v>
      </c>
      <c r="AF4485">
        <v>41</v>
      </c>
      <c r="AG4485">
        <v>41</v>
      </c>
      <c r="AH4485">
        <v>41</v>
      </c>
      <c r="AI4485">
        <v>41</v>
      </c>
      <c r="AJ4485">
        <v>41</v>
      </c>
      <c r="AK4485">
        <v>42</v>
      </c>
      <c r="AL4485">
        <v>41</v>
      </c>
      <c r="AM4485">
        <v>41</v>
      </c>
      <c r="AN4485">
        <v>41</v>
      </c>
      <c r="AO4485">
        <v>41</v>
      </c>
      <c r="AP4485">
        <v>40</v>
      </c>
      <c r="AQ4485">
        <v>40</v>
      </c>
    </row>
    <row r="4486" spans="1:43">
      <c r="A4486" t="s">
        <v>2816</v>
      </c>
      <c r="B4486" t="s">
        <v>2817</v>
      </c>
      <c r="C4486" t="s">
        <v>2808</v>
      </c>
      <c r="D4486" t="s">
        <v>2809</v>
      </c>
      <c r="E4486" t="s">
        <v>2352</v>
      </c>
      <c r="F4486" t="s">
        <v>2353</v>
      </c>
      <c r="G4486" t="s">
        <v>80</v>
      </c>
      <c r="H4486" t="s">
        <v>81</v>
      </c>
      <c r="I4486" s="2">
        <v>0</v>
      </c>
      <c r="J4486" s="2">
        <v>0</v>
      </c>
      <c r="K4486" s="2">
        <v>1</v>
      </c>
      <c r="L4486" t="s">
        <v>995</v>
      </c>
      <c r="M4486" t="s">
        <v>83</v>
      </c>
      <c r="N4486" t="s">
        <v>84</v>
      </c>
      <c r="O4486" t="s">
        <v>85</v>
      </c>
      <c r="P4486" t="s">
        <v>86</v>
      </c>
      <c r="Q4486">
        <v>42</v>
      </c>
      <c r="R4486">
        <v>42</v>
      </c>
      <c r="S4486">
        <v>42</v>
      </c>
      <c r="T4486">
        <v>42</v>
      </c>
      <c r="U4486">
        <v>42</v>
      </c>
      <c r="V4486">
        <v>42</v>
      </c>
      <c r="W4486">
        <v>43</v>
      </c>
      <c r="X4486">
        <v>43</v>
      </c>
      <c r="Y4486">
        <v>43</v>
      </c>
      <c r="Z4486">
        <v>43</v>
      </c>
      <c r="AA4486">
        <v>43</v>
      </c>
      <c r="AB4486">
        <v>43</v>
      </c>
      <c r="AC4486">
        <v>43</v>
      </c>
      <c r="AD4486">
        <v>43</v>
      </c>
      <c r="AE4486">
        <v>43</v>
      </c>
      <c r="AF4486">
        <v>44</v>
      </c>
      <c r="AG4486">
        <v>44</v>
      </c>
      <c r="AH4486">
        <v>44</v>
      </c>
      <c r="AI4486">
        <v>44</v>
      </c>
      <c r="AJ4486">
        <v>44</v>
      </c>
      <c r="AK4486">
        <v>44</v>
      </c>
      <c r="AL4486">
        <v>44</v>
      </c>
      <c r="AM4486">
        <v>43</v>
      </c>
      <c r="AN4486">
        <v>43</v>
      </c>
      <c r="AO4486">
        <v>43</v>
      </c>
      <c r="AP4486">
        <v>43</v>
      </c>
      <c r="AQ4486">
        <v>42</v>
      </c>
    </row>
    <row r="4487" spans="1:43">
      <c r="A4487" t="s">
        <v>2816</v>
      </c>
      <c r="B4487" t="s">
        <v>2817</v>
      </c>
      <c r="C4487" t="s">
        <v>2808</v>
      </c>
      <c r="D4487" t="s">
        <v>2809</v>
      </c>
      <c r="E4487" t="s">
        <v>2352</v>
      </c>
      <c r="F4487" t="s">
        <v>2353</v>
      </c>
      <c r="G4487" t="s">
        <v>80</v>
      </c>
      <c r="H4487" t="s">
        <v>81</v>
      </c>
      <c r="I4487" s="2">
        <v>0</v>
      </c>
      <c r="J4487" s="2">
        <v>0</v>
      </c>
      <c r="K4487" s="2">
        <v>1</v>
      </c>
      <c r="L4487" t="s">
        <v>995</v>
      </c>
      <c r="M4487" t="s">
        <v>87</v>
      </c>
      <c r="N4487" t="s">
        <v>88</v>
      </c>
      <c r="O4487" t="s">
        <v>85</v>
      </c>
      <c r="P4487" t="s">
        <v>86</v>
      </c>
      <c r="Q4487">
        <v>42</v>
      </c>
      <c r="R4487">
        <v>42</v>
      </c>
      <c r="S4487">
        <v>42</v>
      </c>
      <c r="T4487">
        <v>42</v>
      </c>
      <c r="U4487">
        <v>41</v>
      </c>
      <c r="V4487">
        <v>41</v>
      </c>
      <c r="W4487">
        <v>41</v>
      </c>
      <c r="X4487">
        <v>41</v>
      </c>
      <c r="Y4487">
        <v>41</v>
      </c>
      <c r="Z4487">
        <v>40</v>
      </c>
      <c r="AA4487">
        <v>40</v>
      </c>
      <c r="AB4487">
        <v>40</v>
      </c>
      <c r="AC4487">
        <v>40</v>
      </c>
      <c r="AD4487">
        <v>40</v>
      </c>
      <c r="AE4487">
        <v>39</v>
      </c>
      <c r="AF4487">
        <v>39</v>
      </c>
      <c r="AG4487">
        <v>39</v>
      </c>
      <c r="AH4487">
        <v>39</v>
      </c>
      <c r="AI4487">
        <v>39</v>
      </c>
      <c r="AJ4487">
        <v>39</v>
      </c>
      <c r="AK4487">
        <v>38</v>
      </c>
      <c r="AL4487">
        <v>38</v>
      </c>
      <c r="AM4487">
        <v>38</v>
      </c>
      <c r="AN4487">
        <v>38</v>
      </c>
      <c r="AO4487">
        <v>38</v>
      </c>
      <c r="AP4487">
        <v>38</v>
      </c>
      <c r="AQ4487">
        <v>38</v>
      </c>
    </row>
    <row r="4488" spans="1:43">
      <c r="A4488" t="s">
        <v>2816</v>
      </c>
      <c r="B4488" t="s">
        <v>2817</v>
      </c>
      <c r="C4488" t="s">
        <v>2808</v>
      </c>
      <c r="D4488" t="s">
        <v>2809</v>
      </c>
      <c r="E4488" t="s">
        <v>2352</v>
      </c>
      <c r="F4488" t="s">
        <v>2353</v>
      </c>
      <c r="G4488" t="s">
        <v>80</v>
      </c>
      <c r="H4488" t="s">
        <v>81</v>
      </c>
      <c r="I4488" s="2">
        <v>0</v>
      </c>
      <c r="J4488" s="2">
        <v>0</v>
      </c>
      <c r="K4488" s="2">
        <v>1</v>
      </c>
      <c r="L4488" t="s">
        <v>995</v>
      </c>
      <c r="M4488" t="s">
        <v>89</v>
      </c>
      <c r="N4488" t="s">
        <v>90</v>
      </c>
      <c r="O4488" t="s">
        <v>85</v>
      </c>
      <c r="P4488" t="s">
        <v>86</v>
      </c>
      <c r="Q4488">
        <v>42</v>
      </c>
      <c r="R4488">
        <v>42</v>
      </c>
      <c r="S4488">
        <v>43</v>
      </c>
      <c r="T4488">
        <v>43</v>
      </c>
      <c r="U4488">
        <v>44</v>
      </c>
      <c r="V4488">
        <v>44</v>
      </c>
      <c r="W4488">
        <v>45</v>
      </c>
      <c r="X4488">
        <v>45</v>
      </c>
      <c r="Y4488">
        <v>45</v>
      </c>
      <c r="Z4488">
        <v>46</v>
      </c>
      <c r="AA4488">
        <v>46</v>
      </c>
      <c r="AB4488">
        <v>46</v>
      </c>
      <c r="AC4488">
        <v>46</v>
      </c>
      <c r="AD4488">
        <v>47</v>
      </c>
      <c r="AE4488">
        <v>47</v>
      </c>
      <c r="AF4488">
        <v>46</v>
      </c>
      <c r="AG4488">
        <v>46</v>
      </c>
      <c r="AH4488">
        <v>46</v>
      </c>
      <c r="AI4488">
        <v>45</v>
      </c>
      <c r="AJ4488">
        <v>45</v>
      </c>
      <c r="AK4488">
        <v>45</v>
      </c>
      <c r="AL4488">
        <v>44</v>
      </c>
      <c r="AM4488">
        <v>44</v>
      </c>
      <c r="AN4488">
        <v>44</v>
      </c>
      <c r="AO4488">
        <v>43</v>
      </c>
      <c r="AP4488">
        <v>43</v>
      </c>
      <c r="AQ4488">
        <v>43</v>
      </c>
    </row>
    <row r="4489" spans="1:43">
      <c r="A4489" t="s">
        <v>2816</v>
      </c>
      <c r="B4489" t="s">
        <v>2817</v>
      </c>
      <c r="C4489" t="s">
        <v>2808</v>
      </c>
      <c r="D4489" t="s">
        <v>2809</v>
      </c>
      <c r="E4489" t="s">
        <v>2352</v>
      </c>
      <c r="F4489" t="s">
        <v>2353</v>
      </c>
      <c r="G4489" t="s">
        <v>80</v>
      </c>
      <c r="H4489" t="s">
        <v>81</v>
      </c>
      <c r="I4489" s="2">
        <v>0</v>
      </c>
      <c r="J4489" s="2">
        <v>0</v>
      </c>
      <c r="K4489" s="2">
        <v>1</v>
      </c>
      <c r="L4489" t="s">
        <v>995</v>
      </c>
      <c r="M4489" t="s">
        <v>83</v>
      </c>
      <c r="N4489" t="s">
        <v>91</v>
      </c>
      <c r="O4489" t="s">
        <v>85</v>
      </c>
      <c r="P4489" t="s">
        <v>86</v>
      </c>
      <c r="Q4489">
        <v>42</v>
      </c>
      <c r="R4489">
        <v>42</v>
      </c>
      <c r="S4489">
        <v>42</v>
      </c>
      <c r="T4489">
        <v>42</v>
      </c>
      <c r="U4489">
        <v>42</v>
      </c>
      <c r="V4489">
        <v>42</v>
      </c>
      <c r="W4489">
        <v>43</v>
      </c>
      <c r="X4489">
        <v>43</v>
      </c>
      <c r="Y4489">
        <v>43</v>
      </c>
      <c r="Z4489">
        <v>43</v>
      </c>
      <c r="AA4489">
        <v>43</v>
      </c>
      <c r="AB4489">
        <v>43</v>
      </c>
      <c r="AC4489">
        <v>43</v>
      </c>
      <c r="AD4489">
        <v>43</v>
      </c>
      <c r="AE4489">
        <v>43</v>
      </c>
      <c r="AF4489">
        <v>44</v>
      </c>
      <c r="AG4489">
        <v>44</v>
      </c>
      <c r="AH4489">
        <v>44</v>
      </c>
      <c r="AI4489">
        <v>44</v>
      </c>
      <c r="AJ4489">
        <v>44</v>
      </c>
      <c r="AK4489">
        <v>44</v>
      </c>
      <c r="AL4489">
        <v>44</v>
      </c>
      <c r="AM4489">
        <v>43</v>
      </c>
      <c r="AN4489">
        <v>43</v>
      </c>
      <c r="AO4489">
        <v>43</v>
      </c>
      <c r="AP4489">
        <v>43</v>
      </c>
      <c r="AQ4489">
        <v>42</v>
      </c>
    </row>
    <row r="4490" spans="1:43">
      <c r="A4490" t="s">
        <v>2818</v>
      </c>
      <c r="B4490" t="s">
        <v>2819</v>
      </c>
      <c r="C4490" t="s">
        <v>2808</v>
      </c>
      <c r="D4490" t="s">
        <v>2809</v>
      </c>
      <c r="E4490" t="s">
        <v>2352</v>
      </c>
      <c r="F4490" t="s">
        <v>2353</v>
      </c>
      <c r="G4490" t="s">
        <v>80</v>
      </c>
      <c r="H4490" t="s">
        <v>81</v>
      </c>
      <c r="I4490" s="2">
        <v>0</v>
      </c>
      <c r="J4490" s="2">
        <v>0</v>
      </c>
      <c r="K4490" s="2">
        <v>1</v>
      </c>
      <c r="L4490" t="s">
        <v>995</v>
      </c>
      <c r="M4490" t="s">
        <v>83</v>
      </c>
      <c r="N4490" t="s">
        <v>84</v>
      </c>
      <c r="O4490" t="s">
        <v>85</v>
      </c>
      <c r="P4490" t="s">
        <v>86</v>
      </c>
      <c r="Q4490">
        <v>57</v>
      </c>
      <c r="R4490">
        <v>58</v>
      </c>
      <c r="S4490">
        <v>58</v>
      </c>
      <c r="T4490">
        <v>58</v>
      </c>
      <c r="U4490">
        <v>58</v>
      </c>
      <c r="V4490">
        <v>59</v>
      </c>
      <c r="W4490">
        <v>59</v>
      </c>
      <c r="X4490">
        <v>59</v>
      </c>
      <c r="Y4490">
        <v>59</v>
      </c>
      <c r="Z4490">
        <v>59</v>
      </c>
      <c r="AA4490">
        <v>60</v>
      </c>
      <c r="AB4490">
        <v>60</v>
      </c>
      <c r="AC4490">
        <v>60</v>
      </c>
      <c r="AD4490">
        <v>60</v>
      </c>
      <c r="AE4490">
        <v>60</v>
      </c>
      <c r="AF4490">
        <v>60</v>
      </c>
      <c r="AG4490">
        <v>60</v>
      </c>
      <c r="AH4490">
        <v>60</v>
      </c>
      <c r="AI4490">
        <v>61</v>
      </c>
      <c r="AJ4490">
        <v>61</v>
      </c>
      <c r="AK4490">
        <v>61</v>
      </c>
      <c r="AL4490">
        <v>61</v>
      </c>
      <c r="AM4490">
        <v>60</v>
      </c>
      <c r="AN4490">
        <v>60</v>
      </c>
      <c r="AO4490">
        <v>59</v>
      </c>
      <c r="AP4490">
        <v>59</v>
      </c>
      <c r="AQ4490">
        <v>59</v>
      </c>
    </row>
    <row r="4491" spans="1:43">
      <c r="A4491" t="s">
        <v>2818</v>
      </c>
      <c r="B4491" t="s">
        <v>2819</v>
      </c>
      <c r="C4491" t="s">
        <v>2808</v>
      </c>
      <c r="D4491" t="s">
        <v>2809</v>
      </c>
      <c r="E4491" t="s">
        <v>2352</v>
      </c>
      <c r="F4491" t="s">
        <v>2353</v>
      </c>
      <c r="G4491" t="s">
        <v>80</v>
      </c>
      <c r="H4491" t="s">
        <v>81</v>
      </c>
      <c r="I4491" s="2">
        <v>0</v>
      </c>
      <c r="J4491" s="2">
        <v>0</v>
      </c>
      <c r="K4491" s="2">
        <v>1</v>
      </c>
      <c r="L4491" t="s">
        <v>995</v>
      </c>
      <c r="M4491" t="s">
        <v>87</v>
      </c>
      <c r="N4491" t="s">
        <v>88</v>
      </c>
      <c r="O4491" t="s">
        <v>85</v>
      </c>
      <c r="P4491" t="s">
        <v>86</v>
      </c>
      <c r="Q4491">
        <v>57</v>
      </c>
      <c r="R4491">
        <v>57</v>
      </c>
      <c r="S4491">
        <v>56</v>
      </c>
      <c r="T4491">
        <v>56</v>
      </c>
      <c r="U4491">
        <v>56</v>
      </c>
      <c r="V4491">
        <v>56</v>
      </c>
      <c r="W4491">
        <v>55</v>
      </c>
      <c r="X4491">
        <v>55</v>
      </c>
      <c r="Y4491">
        <v>55</v>
      </c>
      <c r="Z4491">
        <v>54</v>
      </c>
      <c r="AA4491">
        <v>54</v>
      </c>
      <c r="AB4491">
        <v>54</v>
      </c>
      <c r="AC4491">
        <v>54</v>
      </c>
      <c r="AD4491">
        <v>53</v>
      </c>
      <c r="AE4491">
        <v>53</v>
      </c>
      <c r="AF4491">
        <v>53</v>
      </c>
      <c r="AG4491">
        <v>53</v>
      </c>
      <c r="AH4491">
        <v>52</v>
      </c>
      <c r="AI4491">
        <v>52</v>
      </c>
      <c r="AJ4491">
        <v>52</v>
      </c>
      <c r="AK4491">
        <v>52</v>
      </c>
      <c r="AL4491">
        <v>52</v>
      </c>
      <c r="AM4491">
        <v>51</v>
      </c>
      <c r="AN4491">
        <v>51</v>
      </c>
      <c r="AO4491">
        <v>51</v>
      </c>
      <c r="AP4491">
        <v>51</v>
      </c>
      <c r="AQ4491">
        <v>51</v>
      </c>
    </row>
    <row r="4492" spans="1:43">
      <c r="A4492" t="s">
        <v>2818</v>
      </c>
      <c r="B4492" t="s">
        <v>2819</v>
      </c>
      <c r="C4492" t="s">
        <v>2808</v>
      </c>
      <c r="D4492" t="s">
        <v>2809</v>
      </c>
      <c r="E4492" t="s">
        <v>2352</v>
      </c>
      <c r="F4492" t="s">
        <v>2353</v>
      </c>
      <c r="G4492" t="s">
        <v>80</v>
      </c>
      <c r="H4492" t="s">
        <v>81</v>
      </c>
      <c r="I4492" s="2">
        <v>0</v>
      </c>
      <c r="J4492" s="2">
        <v>0</v>
      </c>
      <c r="K4492" s="2">
        <v>1</v>
      </c>
      <c r="L4492" t="s">
        <v>995</v>
      </c>
      <c r="M4492" t="s">
        <v>89</v>
      </c>
      <c r="N4492" t="s">
        <v>90</v>
      </c>
      <c r="O4492" t="s">
        <v>85</v>
      </c>
      <c r="P4492" t="s">
        <v>86</v>
      </c>
      <c r="Q4492">
        <v>57</v>
      </c>
      <c r="R4492">
        <v>58</v>
      </c>
      <c r="S4492">
        <v>58</v>
      </c>
      <c r="T4492">
        <v>59</v>
      </c>
      <c r="U4492">
        <v>60</v>
      </c>
      <c r="V4492">
        <v>60</v>
      </c>
      <c r="W4492">
        <v>61</v>
      </c>
      <c r="X4492">
        <v>61</v>
      </c>
      <c r="Y4492">
        <v>62</v>
      </c>
      <c r="Z4492">
        <v>62</v>
      </c>
      <c r="AA4492">
        <v>62</v>
      </c>
      <c r="AB4492">
        <v>63</v>
      </c>
      <c r="AC4492">
        <v>63</v>
      </c>
      <c r="AD4492">
        <v>64</v>
      </c>
      <c r="AE4492">
        <v>64</v>
      </c>
      <c r="AF4492">
        <v>63</v>
      </c>
      <c r="AG4492">
        <v>63</v>
      </c>
      <c r="AH4492">
        <v>62</v>
      </c>
      <c r="AI4492">
        <v>62</v>
      </c>
      <c r="AJ4492">
        <v>61</v>
      </c>
      <c r="AK4492">
        <v>61</v>
      </c>
      <c r="AL4492">
        <v>61</v>
      </c>
      <c r="AM4492">
        <v>60</v>
      </c>
      <c r="AN4492">
        <v>60</v>
      </c>
      <c r="AO4492">
        <v>59</v>
      </c>
      <c r="AP4492">
        <v>59</v>
      </c>
      <c r="AQ4492">
        <v>59</v>
      </c>
    </row>
    <row r="4493" spans="1:43">
      <c r="A4493" t="s">
        <v>2818</v>
      </c>
      <c r="B4493" t="s">
        <v>2819</v>
      </c>
      <c r="C4493" t="s">
        <v>2808</v>
      </c>
      <c r="D4493" t="s">
        <v>2809</v>
      </c>
      <c r="E4493" t="s">
        <v>2352</v>
      </c>
      <c r="F4493" t="s">
        <v>2353</v>
      </c>
      <c r="G4493" t="s">
        <v>80</v>
      </c>
      <c r="H4493" t="s">
        <v>81</v>
      </c>
      <c r="I4493" s="2">
        <v>0</v>
      </c>
      <c r="J4493" s="2">
        <v>0</v>
      </c>
      <c r="K4493" s="2">
        <v>1</v>
      </c>
      <c r="L4493" t="s">
        <v>995</v>
      </c>
      <c r="M4493" t="s">
        <v>83</v>
      </c>
      <c r="N4493" t="s">
        <v>91</v>
      </c>
      <c r="O4493" t="s">
        <v>85</v>
      </c>
      <c r="P4493" t="s">
        <v>86</v>
      </c>
      <c r="Q4493">
        <v>57</v>
      </c>
      <c r="R4493">
        <v>58</v>
      </c>
      <c r="S4493">
        <v>58</v>
      </c>
      <c r="T4493">
        <v>58</v>
      </c>
      <c r="U4493">
        <v>58</v>
      </c>
      <c r="V4493">
        <v>59</v>
      </c>
      <c r="W4493">
        <v>59</v>
      </c>
      <c r="X4493">
        <v>59</v>
      </c>
      <c r="Y4493">
        <v>59</v>
      </c>
      <c r="Z4493">
        <v>59</v>
      </c>
      <c r="AA4493">
        <v>60</v>
      </c>
      <c r="AB4493">
        <v>60</v>
      </c>
      <c r="AC4493">
        <v>60</v>
      </c>
      <c r="AD4493">
        <v>60</v>
      </c>
      <c r="AE4493">
        <v>60</v>
      </c>
      <c r="AF4493">
        <v>60</v>
      </c>
      <c r="AG4493">
        <v>60</v>
      </c>
      <c r="AH4493">
        <v>60</v>
      </c>
      <c r="AI4493">
        <v>61</v>
      </c>
      <c r="AJ4493">
        <v>61</v>
      </c>
      <c r="AK4493">
        <v>61</v>
      </c>
      <c r="AL4493">
        <v>61</v>
      </c>
      <c r="AM4493">
        <v>60</v>
      </c>
      <c r="AN4493">
        <v>60</v>
      </c>
      <c r="AO4493">
        <v>59</v>
      </c>
      <c r="AP4493">
        <v>59</v>
      </c>
      <c r="AQ4493">
        <v>59</v>
      </c>
    </row>
    <row r="4494" spans="1:43">
      <c r="A4494" t="s">
        <v>2820</v>
      </c>
      <c r="B4494" t="s">
        <v>2821</v>
      </c>
      <c r="C4494" t="s">
        <v>2808</v>
      </c>
      <c r="D4494" t="s">
        <v>2809</v>
      </c>
      <c r="E4494" t="s">
        <v>2352</v>
      </c>
      <c r="F4494" t="s">
        <v>2353</v>
      </c>
      <c r="G4494" t="s">
        <v>80</v>
      </c>
      <c r="H4494" t="s">
        <v>81</v>
      </c>
      <c r="I4494" s="2">
        <v>0</v>
      </c>
      <c r="J4494" s="2">
        <v>0</v>
      </c>
      <c r="K4494" s="2">
        <v>1</v>
      </c>
      <c r="L4494" t="s">
        <v>995</v>
      </c>
      <c r="M4494" t="s">
        <v>83</v>
      </c>
      <c r="N4494" t="s">
        <v>84</v>
      </c>
      <c r="O4494" t="s">
        <v>85</v>
      </c>
      <c r="P4494" t="s">
        <v>86</v>
      </c>
      <c r="Q4494">
        <v>48</v>
      </c>
      <c r="R4494">
        <v>49</v>
      </c>
      <c r="S4494">
        <v>49</v>
      </c>
      <c r="T4494">
        <v>49</v>
      </c>
      <c r="U4494">
        <v>49</v>
      </c>
      <c r="V4494">
        <v>49</v>
      </c>
      <c r="W4494">
        <v>50</v>
      </c>
      <c r="X4494">
        <v>50</v>
      </c>
      <c r="Y4494">
        <v>50</v>
      </c>
      <c r="Z4494">
        <v>50</v>
      </c>
      <c r="AA4494">
        <v>50</v>
      </c>
      <c r="AB4494">
        <v>50</v>
      </c>
      <c r="AC4494">
        <v>50</v>
      </c>
      <c r="AD4494">
        <v>51</v>
      </c>
      <c r="AE4494">
        <v>51</v>
      </c>
      <c r="AF4494">
        <v>51</v>
      </c>
      <c r="AG4494">
        <v>51</v>
      </c>
      <c r="AH4494">
        <v>51</v>
      </c>
      <c r="AI4494">
        <v>51</v>
      </c>
      <c r="AJ4494">
        <v>51</v>
      </c>
      <c r="AK4494">
        <v>51</v>
      </c>
      <c r="AL4494">
        <v>51</v>
      </c>
      <c r="AM4494">
        <v>50</v>
      </c>
      <c r="AN4494">
        <v>50</v>
      </c>
      <c r="AO4494">
        <v>50</v>
      </c>
      <c r="AP4494">
        <v>49</v>
      </c>
      <c r="AQ4494">
        <v>49</v>
      </c>
    </row>
    <row r="4495" spans="1:43">
      <c r="A4495" t="s">
        <v>2820</v>
      </c>
      <c r="B4495" t="s">
        <v>2821</v>
      </c>
      <c r="C4495" t="s">
        <v>2808</v>
      </c>
      <c r="D4495" t="s">
        <v>2809</v>
      </c>
      <c r="E4495" t="s">
        <v>2352</v>
      </c>
      <c r="F4495" t="s">
        <v>2353</v>
      </c>
      <c r="G4495" t="s">
        <v>80</v>
      </c>
      <c r="H4495" t="s">
        <v>81</v>
      </c>
      <c r="I4495" s="2">
        <v>0</v>
      </c>
      <c r="J4495" s="2">
        <v>0</v>
      </c>
      <c r="K4495" s="2">
        <v>1</v>
      </c>
      <c r="L4495" t="s">
        <v>995</v>
      </c>
      <c r="M4495" t="s">
        <v>87</v>
      </c>
      <c r="N4495" t="s">
        <v>88</v>
      </c>
      <c r="O4495" t="s">
        <v>85</v>
      </c>
      <c r="P4495" t="s">
        <v>86</v>
      </c>
      <c r="Q4495">
        <v>48</v>
      </c>
      <c r="R4495">
        <v>48</v>
      </c>
      <c r="S4495">
        <v>48</v>
      </c>
      <c r="T4495">
        <v>47</v>
      </c>
      <c r="U4495">
        <v>47</v>
      </c>
      <c r="V4495">
        <v>47</v>
      </c>
      <c r="W4495">
        <v>47</v>
      </c>
      <c r="X4495">
        <v>46</v>
      </c>
      <c r="Y4495">
        <v>46</v>
      </c>
      <c r="Z4495">
        <v>46</v>
      </c>
      <c r="AA4495">
        <v>46</v>
      </c>
      <c r="AB4495">
        <v>46</v>
      </c>
      <c r="AC4495">
        <v>45</v>
      </c>
      <c r="AD4495">
        <v>45</v>
      </c>
      <c r="AE4495">
        <v>45</v>
      </c>
      <c r="AF4495">
        <v>45</v>
      </c>
      <c r="AG4495">
        <v>44</v>
      </c>
      <c r="AH4495">
        <v>44</v>
      </c>
      <c r="AI4495">
        <v>44</v>
      </c>
      <c r="AJ4495">
        <v>44</v>
      </c>
      <c r="AK4495">
        <v>44</v>
      </c>
      <c r="AL4495">
        <v>44</v>
      </c>
      <c r="AM4495">
        <v>43</v>
      </c>
      <c r="AN4495">
        <v>43</v>
      </c>
      <c r="AO4495">
        <v>43</v>
      </c>
      <c r="AP4495">
        <v>43</v>
      </c>
      <c r="AQ4495">
        <v>43</v>
      </c>
    </row>
    <row r="4496" spans="1:43">
      <c r="A4496" t="s">
        <v>2820</v>
      </c>
      <c r="B4496" t="s">
        <v>2821</v>
      </c>
      <c r="C4496" t="s">
        <v>2808</v>
      </c>
      <c r="D4496" t="s">
        <v>2809</v>
      </c>
      <c r="E4496" t="s">
        <v>2352</v>
      </c>
      <c r="F4496" t="s">
        <v>2353</v>
      </c>
      <c r="G4496" t="s">
        <v>80</v>
      </c>
      <c r="H4496" t="s">
        <v>81</v>
      </c>
      <c r="I4496" s="2">
        <v>0</v>
      </c>
      <c r="J4496" s="2">
        <v>0</v>
      </c>
      <c r="K4496" s="2">
        <v>1</v>
      </c>
      <c r="L4496" t="s">
        <v>995</v>
      </c>
      <c r="M4496" t="s">
        <v>89</v>
      </c>
      <c r="N4496" t="s">
        <v>90</v>
      </c>
      <c r="O4496" t="s">
        <v>85</v>
      </c>
      <c r="P4496" t="s">
        <v>86</v>
      </c>
      <c r="Q4496">
        <v>48</v>
      </c>
      <c r="R4496">
        <v>49</v>
      </c>
      <c r="S4496">
        <v>49</v>
      </c>
      <c r="T4496">
        <v>50</v>
      </c>
      <c r="U4496">
        <v>50</v>
      </c>
      <c r="V4496">
        <v>51</v>
      </c>
      <c r="W4496">
        <v>51</v>
      </c>
      <c r="X4496">
        <v>52</v>
      </c>
      <c r="Y4496">
        <v>52</v>
      </c>
      <c r="Z4496">
        <v>52</v>
      </c>
      <c r="AA4496">
        <v>52</v>
      </c>
      <c r="AB4496">
        <v>53</v>
      </c>
      <c r="AC4496">
        <v>53</v>
      </c>
      <c r="AD4496">
        <v>53</v>
      </c>
      <c r="AE4496">
        <v>53</v>
      </c>
      <c r="AF4496">
        <v>53</v>
      </c>
      <c r="AG4496">
        <v>52</v>
      </c>
      <c r="AH4496">
        <v>52</v>
      </c>
      <c r="AI4496">
        <v>52</v>
      </c>
      <c r="AJ4496">
        <v>51</v>
      </c>
      <c r="AK4496">
        <v>51</v>
      </c>
      <c r="AL4496">
        <v>50</v>
      </c>
      <c r="AM4496">
        <v>50</v>
      </c>
      <c r="AN4496">
        <v>50</v>
      </c>
      <c r="AO4496">
        <v>49</v>
      </c>
      <c r="AP4496">
        <v>49</v>
      </c>
      <c r="AQ4496">
        <v>49</v>
      </c>
    </row>
    <row r="4497" spans="1:43">
      <c r="A4497" t="s">
        <v>2820</v>
      </c>
      <c r="B4497" t="s">
        <v>2821</v>
      </c>
      <c r="C4497" t="s">
        <v>2808</v>
      </c>
      <c r="D4497" t="s">
        <v>2809</v>
      </c>
      <c r="E4497" t="s">
        <v>2352</v>
      </c>
      <c r="F4497" t="s">
        <v>2353</v>
      </c>
      <c r="G4497" t="s">
        <v>80</v>
      </c>
      <c r="H4497" t="s">
        <v>81</v>
      </c>
      <c r="I4497" s="2">
        <v>0</v>
      </c>
      <c r="J4497" s="2">
        <v>0</v>
      </c>
      <c r="K4497" s="2">
        <v>1</v>
      </c>
      <c r="L4497" t="s">
        <v>995</v>
      </c>
      <c r="M4497" t="s">
        <v>83</v>
      </c>
      <c r="N4497" t="s">
        <v>91</v>
      </c>
      <c r="O4497" t="s">
        <v>85</v>
      </c>
      <c r="P4497" t="s">
        <v>86</v>
      </c>
      <c r="Q4497">
        <v>48</v>
      </c>
      <c r="R4497">
        <v>49</v>
      </c>
      <c r="S4497">
        <v>49</v>
      </c>
      <c r="T4497">
        <v>49</v>
      </c>
      <c r="U4497">
        <v>49</v>
      </c>
      <c r="V4497">
        <v>49</v>
      </c>
      <c r="W4497">
        <v>50</v>
      </c>
      <c r="X4497">
        <v>50</v>
      </c>
      <c r="Y4497">
        <v>50</v>
      </c>
      <c r="Z4497">
        <v>50</v>
      </c>
      <c r="AA4497">
        <v>50</v>
      </c>
      <c r="AB4497">
        <v>50</v>
      </c>
      <c r="AC4497">
        <v>50</v>
      </c>
      <c r="AD4497">
        <v>51</v>
      </c>
      <c r="AE4497">
        <v>51</v>
      </c>
      <c r="AF4497">
        <v>51</v>
      </c>
      <c r="AG4497">
        <v>51</v>
      </c>
      <c r="AH4497">
        <v>51</v>
      </c>
      <c r="AI4497">
        <v>51</v>
      </c>
      <c r="AJ4497">
        <v>51</v>
      </c>
      <c r="AK4497">
        <v>51</v>
      </c>
      <c r="AL4497">
        <v>51</v>
      </c>
      <c r="AM4497">
        <v>50</v>
      </c>
      <c r="AN4497">
        <v>50</v>
      </c>
      <c r="AO4497">
        <v>50</v>
      </c>
      <c r="AP4497">
        <v>49</v>
      </c>
      <c r="AQ4497">
        <v>49</v>
      </c>
    </row>
    <row r="4498" spans="1:43">
      <c r="A4498" t="s">
        <v>2822</v>
      </c>
      <c r="B4498" t="s">
        <v>2823</v>
      </c>
      <c r="C4498" t="s">
        <v>2824</v>
      </c>
      <c r="D4498" t="s">
        <v>2825</v>
      </c>
      <c r="E4498" t="s">
        <v>2352</v>
      </c>
      <c r="F4498" t="s">
        <v>2353</v>
      </c>
      <c r="G4498" t="s">
        <v>80</v>
      </c>
      <c r="H4498" t="s">
        <v>81</v>
      </c>
      <c r="I4498" s="2">
        <v>0</v>
      </c>
      <c r="J4498" s="2">
        <v>0</v>
      </c>
      <c r="K4498" s="2">
        <v>1</v>
      </c>
      <c r="L4498" t="s">
        <v>995</v>
      </c>
      <c r="M4498" t="s">
        <v>83</v>
      </c>
      <c r="N4498" t="s">
        <v>84</v>
      </c>
      <c r="O4498" t="s">
        <v>85</v>
      </c>
      <c r="P4498" t="s">
        <v>86</v>
      </c>
      <c r="Q4498">
        <v>23</v>
      </c>
      <c r="R4498">
        <v>23</v>
      </c>
      <c r="S4498">
        <v>24</v>
      </c>
      <c r="T4498">
        <v>24</v>
      </c>
      <c r="U4498">
        <v>24</v>
      </c>
      <c r="V4498">
        <v>24</v>
      </c>
      <c r="W4498">
        <v>24</v>
      </c>
      <c r="X4498">
        <v>24</v>
      </c>
      <c r="Y4498">
        <v>24</v>
      </c>
      <c r="Z4498">
        <v>24</v>
      </c>
      <c r="AA4498">
        <v>24</v>
      </c>
      <c r="AB4498">
        <v>24</v>
      </c>
      <c r="AC4498">
        <v>24</v>
      </c>
      <c r="AD4498">
        <v>25</v>
      </c>
      <c r="AE4498">
        <v>25</v>
      </c>
      <c r="AF4498">
        <v>25</v>
      </c>
      <c r="AG4498">
        <v>25</v>
      </c>
      <c r="AH4498">
        <v>25</v>
      </c>
      <c r="AI4498">
        <v>25</v>
      </c>
      <c r="AJ4498">
        <v>25</v>
      </c>
      <c r="AK4498">
        <v>25</v>
      </c>
      <c r="AL4498">
        <v>25</v>
      </c>
      <c r="AM4498">
        <v>25</v>
      </c>
      <c r="AN4498">
        <v>25</v>
      </c>
      <c r="AO4498">
        <v>24</v>
      </c>
      <c r="AP4498">
        <v>24</v>
      </c>
      <c r="AQ4498">
        <v>24</v>
      </c>
    </row>
    <row r="4499" spans="1:43">
      <c r="A4499" t="s">
        <v>2822</v>
      </c>
      <c r="B4499" t="s">
        <v>2823</v>
      </c>
      <c r="C4499" t="s">
        <v>2824</v>
      </c>
      <c r="D4499" t="s">
        <v>2825</v>
      </c>
      <c r="E4499" t="s">
        <v>2352</v>
      </c>
      <c r="F4499" t="s">
        <v>2353</v>
      </c>
      <c r="G4499" t="s">
        <v>80</v>
      </c>
      <c r="H4499" t="s">
        <v>81</v>
      </c>
      <c r="I4499" s="2">
        <v>0</v>
      </c>
      <c r="J4499" s="2">
        <v>0</v>
      </c>
      <c r="K4499" s="2">
        <v>1</v>
      </c>
      <c r="L4499" t="s">
        <v>995</v>
      </c>
      <c r="M4499" t="s">
        <v>87</v>
      </c>
      <c r="N4499" t="s">
        <v>88</v>
      </c>
      <c r="O4499" t="s">
        <v>85</v>
      </c>
      <c r="P4499" t="s">
        <v>86</v>
      </c>
      <c r="Q4499">
        <v>23</v>
      </c>
      <c r="R4499">
        <v>23</v>
      </c>
      <c r="S4499">
        <v>23</v>
      </c>
      <c r="T4499">
        <v>23</v>
      </c>
      <c r="U4499">
        <v>23</v>
      </c>
      <c r="V4499">
        <v>23</v>
      </c>
      <c r="W4499">
        <v>23</v>
      </c>
      <c r="X4499">
        <v>22</v>
      </c>
      <c r="Y4499">
        <v>22</v>
      </c>
      <c r="Z4499">
        <v>22</v>
      </c>
      <c r="AA4499">
        <v>22</v>
      </c>
      <c r="AB4499">
        <v>22</v>
      </c>
      <c r="AC4499">
        <v>22</v>
      </c>
      <c r="AD4499">
        <v>22</v>
      </c>
      <c r="AE4499">
        <v>22</v>
      </c>
      <c r="AF4499">
        <v>22</v>
      </c>
      <c r="AG4499">
        <v>22</v>
      </c>
      <c r="AH4499">
        <v>22</v>
      </c>
      <c r="AI4499">
        <v>22</v>
      </c>
      <c r="AJ4499">
        <v>21</v>
      </c>
      <c r="AK4499">
        <v>21</v>
      </c>
      <c r="AL4499">
        <v>21</v>
      </c>
      <c r="AM4499">
        <v>21</v>
      </c>
      <c r="AN4499">
        <v>21</v>
      </c>
      <c r="AO4499">
        <v>21</v>
      </c>
      <c r="AP4499">
        <v>21</v>
      </c>
      <c r="AQ4499">
        <v>21</v>
      </c>
    </row>
    <row r="4500" spans="1:43">
      <c r="A4500" t="s">
        <v>2822</v>
      </c>
      <c r="B4500" t="s">
        <v>2823</v>
      </c>
      <c r="C4500" t="s">
        <v>2824</v>
      </c>
      <c r="D4500" t="s">
        <v>2825</v>
      </c>
      <c r="E4500" t="s">
        <v>2352</v>
      </c>
      <c r="F4500" t="s">
        <v>2353</v>
      </c>
      <c r="G4500" t="s">
        <v>80</v>
      </c>
      <c r="H4500" t="s">
        <v>81</v>
      </c>
      <c r="I4500" s="2">
        <v>0</v>
      </c>
      <c r="J4500" s="2">
        <v>0</v>
      </c>
      <c r="K4500" s="2">
        <v>1</v>
      </c>
      <c r="L4500" t="s">
        <v>995</v>
      </c>
      <c r="M4500" t="s">
        <v>89</v>
      </c>
      <c r="N4500" t="s">
        <v>90</v>
      </c>
      <c r="O4500" t="s">
        <v>85</v>
      </c>
      <c r="P4500" t="s">
        <v>86</v>
      </c>
      <c r="Q4500">
        <v>23</v>
      </c>
      <c r="R4500">
        <v>23</v>
      </c>
      <c r="S4500">
        <v>23</v>
      </c>
      <c r="T4500">
        <v>23</v>
      </c>
      <c r="U4500">
        <v>24</v>
      </c>
      <c r="V4500">
        <v>24</v>
      </c>
      <c r="W4500">
        <v>24</v>
      </c>
      <c r="X4500">
        <v>24</v>
      </c>
      <c r="Y4500">
        <v>25</v>
      </c>
      <c r="Z4500">
        <v>25</v>
      </c>
      <c r="AA4500">
        <v>25</v>
      </c>
      <c r="AB4500">
        <v>25</v>
      </c>
      <c r="AC4500">
        <v>25</v>
      </c>
      <c r="AD4500">
        <v>25</v>
      </c>
      <c r="AE4500">
        <v>25</v>
      </c>
      <c r="AF4500">
        <v>25</v>
      </c>
      <c r="AG4500">
        <v>25</v>
      </c>
      <c r="AH4500">
        <v>25</v>
      </c>
      <c r="AI4500">
        <v>25</v>
      </c>
      <c r="AJ4500">
        <v>25</v>
      </c>
      <c r="AK4500">
        <v>24</v>
      </c>
      <c r="AL4500">
        <v>24</v>
      </c>
      <c r="AM4500">
        <v>24</v>
      </c>
      <c r="AN4500">
        <v>24</v>
      </c>
      <c r="AO4500">
        <v>24</v>
      </c>
      <c r="AP4500">
        <v>24</v>
      </c>
      <c r="AQ4500">
        <v>24</v>
      </c>
    </row>
    <row r="4501" spans="1:43">
      <c r="A4501" t="s">
        <v>2822</v>
      </c>
      <c r="B4501" t="s">
        <v>2823</v>
      </c>
      <c r="C4501" t="s">
        <v>2824</v>
      </c>
      <c r="D4501" t="s">
        <v>2825</v>
      </c>
      <c r="E4501" t="s">
        <v>2352</v>
      </c>
      <c r="F4501" t="s">
        <v>2353</v>
      </c>
      <c r="G4501" t="s">
        <v>80</v>
      </c>
      <c r="H4501" t="s">
        <v>81</v>
      </c>
      <c r="I4501" s="2">
        <v>0</v>
      </c>
      <c r="J4501" s="2">
        <v>0</v>
      </c>
      <c r="K4501" s="2">
        <v>1</v>
      </c>
      <c r="L4501" t="s">
        <v>995</v>
      </c>
      <c r="M4501" t="s">
        <v>83</v>
      </c>
      <c r="N4501" t="s">
        <v>91</v>
      </c>
      <c r="O4501" t="s">
        <v>85</v>
      </c>
      <c r="P4501" t="s">
        <v>86</v>
      </c>
      <c r="Q4501">
        <v>23</v>
      </c>
      <c r="R4501">
        <v>23</v>
      </c>
      <c r="S4501">
        <v>24</v>
      </c>
      <c r="T4501">
        <v>24</v>
      </c>
      <c r="U4501">
        <v>24</v>
      </c>
      <c r="V4501">
        <v>24</v>
      </c>
      <c r="W4501">
        <v>24</v>
      </c>
      <c r="X4501">
        <v>24</v>
      </c>
      <c r="Y4501">
        <v>24</v>
      </c>
      <c r="Z4501">
        <v>24</v>
      </c>
      <c r="AA4501">
        <v>24</v>
      </c>
      <c r="AB4501">
        <v>24</v>
      </c>
      <c r="AC4501">
        <v>24</v>
      </c>
      <c r="AD4501">
        <v>25</v>
      </c>
      <c r="AE4501">
        <v>25</v>
      </c>
      <c r="AF4501">
        <v>25</v>
      </c>
      <c r="AG4501">
        <v>25</v>
      </c>
      <c r="AH4501">
        <v>25</v>
      </c>
      <c r="AI4501">
        <v>25</v>
      </c>
      <c r="AJ4501">
        <v>25</v>
      </c>
      <c r="AK4501">
        <v>25</v>
      </c>
      <c r="AL4501">
        <v>25</v>
      </c>
      <c r="AM4501">
        <v>25</v>
      </c>
      <c r="AN4501">
        <v>25</v>
      </c>
      <c r="AO4501">
        <v>24</v>
      </c>
      <c r="AP4501">
        <v>24</v>
      </c>
      <c r="AQ4501">
        <v>24</v>
      </c>
    </row>
    <row r="4502" spans="1:43">
      <c r="A4502" t="s">
        <v>2826</v>
      </c>
      <c r="B4502" t="s">
        <v>2827</v>
      </c>
      <c r="C4502" t="s">
        <v>2824</v>
      </c>
      <c r="D4502" t="s">
        <v>2825</v>
      </c>
      <c r="E4502" t="s">
        <v>2352</v>
      </c>
      <c r="F4502" t="s">
        <v>2353</v>
      </c>
      <c r="G4502" t="s">
        <v>80</v>
      </c>
      <c r="H4502" t="s">
        <v>81</v>
      </c>
      <c r="I4502" s="2">
        <v>0</v>
      </c>
      <c r="J4502" s="2">
        <v>0</v>
      </c>
      <c r="K4502" s="2">
        <v>1</v>
      </c>
      <c r="L4502" t="s">
        <v>995</v>
      </c>
      <c r="M4502" t="s">
        <v>83</v>
      </c>
      <c r="N4502" t="s">
        <v>84</v>
      </c>
      <c r="O4502" t="s">
        <v>85</v>
      </c>
      <c r="P4502" t="s">
        <v>86</v>
      </c>
      <c r="Q4502">
        <v>16</v>
      </c>
      <c r="R4502">
        <v>16</v>
      </c>
      <c r="S4502">
        <v>16</v>
      </c>
      <c r="T4502">
        <v>16</v>
      </c>
      <c r="U4502">
        <v>17</v>
      </c>
      <c r="V4502">
        <v>17</v>
      </c>
      <c r="W4502">
        <v>17</v>
      </c>
      <c r="X4502">
        <v>17</v>
      </c>
      <c r="Y4502">
        <v>17</v>
      </c>
      <c r="Z4502">
        <v>17</v>
      </c>
      <c r="AA4502">
        <v>17</v>
      </c>
      <c r="AB4502">
        <v>17</v>
      </c>
      <c r="AC4502">
        <v>17</v>
      </c>
      <c r="AD4502">
        <v>17</v>
      </c>
      <c r="AE4502">
        <v>17</v>
      </c>
      <c r="AF4502">
        <v>17</v>
      </c>
      <c r="AG4502">
        <v>17</v>
      </c>
      <c r="AH4502">
        <v>17</v>
      </c>
      <c r="AI4502">
        <v>17</v>
      </c>
      <c r="AJ4502">
        <v>17</v>
      </c>
      <c r="AK4502">
        <v>17</v>
      </c>
      <c r="AL4502">
        <v>17</v>
      </c>
      <c r="AM4502">
        <v>17</v>
      </c>
      <c r="AN4502">
        <v>17</v>
      </c>
      <c r="AO4502">
        <v>17</v>
      </c>
      <c r="AP4502">
        <v>17</v>
      </c>
      <c r="AQ4502">
        <v>17</v>
      </c>
    </row>
    <row r="4503" spans="1:43">
      <c r="A4503" t="s">
        <v>2826</v>
      </c>
      <c r="B4503" t="s">
        <v>2827</v>
      </c>
      <c r="C4503" t="s">
        <v>2824</v>
      </c>
      <c r="D4503" t="s">
        <v>2825</v>
      </c>
      <c r="E4503" t="s">
        <v>2352</v>
      </c>
      <c r="F4503" t="s">
        <v>2353</v>
      </c>
      <c r="G4503" t="s">
        <v>80</v>
      </c>
      <c r="H4503" t="s">
        <v>81</v>
      </c>
      <c r="I4503" s="2">
        <v>0</v>
      </c>
      <c r="J4503" s="2">
        <v>0</v>
      </c>
      <c r="K4503" s="2">
        <v>1</v>
      </c>
      <c r="L4503" t="s">
        <v>995</v>
      </c>
      <c r="M4503" t="s">
        <v>87</v>
      </c>
      <c r="N4503" t="s">
        <v>88</v>
      </c>
      <c r="O4503" t="s">
        <v>85</v>
      </c>
      <c r="P4503" t="s">
        <v>86</v>
      </c>
      <c r="Q4503">
        <v>16</v>
      </c>
      <c r="R4503">
        <v>16</v>
      </c>
      <c r="S4503">
        <v>16</v>
      </c>
      <c r="T4503">
        <v>16</v>
      </c>
      <c r="U4503">
        <v>16</v>
      </c>
      <c r="V4503">
        <v>16</v>
      </c>
      <c r="W4503">
        <v>16</v>
      </c>
      <c r="X4503">
        <v>16</v>
      </c>
      <c r="Y4503">
        <v>16</v>
      </c>
      <c r="Z4503">
        <v>15</v>
      </c>
      <c r="AA4503">
        <v>15</v>
      </c>
      <c r="AB4503">
        <v>15</v>
      </c>
      <c r="AC4503">
        <v>15</v>
      </c>
      <c r="AD4503">
        <v>15</v>
      </c>
      <c r="AE4503">
        <v>15</v>
      </c>
      <c r="AF4503">
        <v>15</v>
      </c>
      <c r="AG4503">
        <v>15</v>
      </c>
      <c r="AH4503">
        <v>15</v>
      </c>
      <c r="AI4503">
        <v>15</v>
      </c>
      <c r="AJ4503">
        <v>15</v>
      </c>
      <c r="AK4503">
        <v>15</v>
      </c>
      <c r="AL4503">
        <v>15</v>
      </c>
      <c r="AM4503">
        <v>15</v>
      </c>
      <c r="AN4503">
        <v>15</v>
      </c>
      <c r="AO4503">
        <v>15</v>
      </c>
      <c r="AP4503">
        <v>14</v>
      </c>
      <c r="AQ4503">
        <v>14</v>
      </c>
    </row>
    <row r="4504" spans="1:43">
      <c r="A4504" t="s">
        <v>2826</v>
      </c>
      <c r="B4504" t="s">
        <v>2827</v>
      </c>
      <c r="C4504" t="s">
        <v>2824</v>
      </c>
      <c r="D4504" t="s">
        <v>2825</v>
      </c>
      <c r="E4504" t="s">
        <v>2352</v>
      </c>
      <c r="F4504" t="s">
        <v>2353</v>
      </c>
      <c r="G4504" t="s">
        <v>80</v>
      </c>
      <c r="H4504" t="s">
        <v>81</v>
      </c>
      <c r="I4504" s="2">
        <v>0</v>
      </c>
      <c r="J4504" s="2">
        <v>0</v>
      </c>
      <c r="K4504" s="2">
        <v>1</v>
      </c>
      <c r="L4504" t="s">
        <v>995</v>
      </c>
      <c r="M4504" t="s">
        <v>89</v>
      </c>
      <c r="N4504" t="s">
        <v>90</v>
      </c>
      <c r="O4504" t="s">
        <v>85</v>
      </c>
      <c r="P4504" t="s">
        <v>86</v>
      </c>
      <c r="Q4504">
        <v>16</v>
      </c>
      <c r="R4504">
        <v>17</v>
      </c>
      <c r="S4504">
        <v>17</v>
      </c>
      <c r="T4504">
        <v>17</v>
      </c>
      <c r="U4504">
        <v>17</v>
      </c>
      <c r="V4504">
        <v>17</v>
      </c>
      <c r="W4504">
        <v>18</v>
      </c>
      <c r="X4504">
        <v>18</v>
      </c>
      <c r="Y4504">
        <v>18</v>
      </c>
      <c r="Z4504">
        <v>18</v>
      </c>
      <c r="AA4504">
        <v>18</v>
      </c>
      <c r="AB4504">
        <v>18</v>
      </c>
      <c r="AC4504">
        <v>18</v>
      </c>
      <c r="AD4504">
        <v>18</v>
      </c>
      <c r="AE4504">
        <v>18</v>
      </c>
      <c r="AF4504">
        <v>18</v>
      </c>
      <c r="AG4504">
        <v>18</v>
      </c>
      <c r="AH4504">
        <v>18</v>
      </c>
      <c r="AI4504">
        <v>18</v>
      </c>
      <c r="AJ4504">
        <v>18</v>
      </c>
      <c r="AK4504">
        <v>17</v>
      </c>
      <c r="AL4504">
        <v>17</v>
      </c>
      <c r="AM4504">
        <v>17</v>
      </c>
      <c r="AN4504">
        <v>17</v>
      </c>
      <c r="AO4504">
        <v>17</v>
      </c>
      <c r="AP4504">
        <v>17</v>
      </c>
      <c r="AQ4504">
        <v>17</v>
      </c>
    </row>
    <row r="4505" spans="1:43">
      <c r="A4505" t="s">
        <v>2826</v>
      </c>
      <c r="B4505" t="s">
        <v>2827</v>
      </c>
      <c r="C4505" t="s">
        <v>2824</v>
      </c>
      <c r="D4505" t="s">
        <v>2825</v>
      </c>
      <c r="E4505" t="s">
        <v>2352</v>
      </c>
      <c r="F4505" t="s">
        <v>2353</v>
      </c>
      <c r="G4505" t="s">
        <v>80</v>
      </c>
      <c r="H4505" t="s">
        <v>81</v>
      </c>
      <c r="I4505" s="2">
        <v>0</v>
      </c>
      <c r="J4505" s="2">
        <v>0</v>
      </c>
      <c r="K4505" s="2">
        <v>1</v>
      </c>
      <c r="L4505" t="s">
        <v>995</v>
      </c>
      <c r="M4505" t="s">
        <v>83</v>
      </c>
      <c r="N4505" t="s">
        <v>91</v>
      </c>
      <c r="O4505" t="s">
        <v>85</v>
      </c>
      <c r="P4505" t="s">
        <v>86</v>
      </c>
      <c r="Q4505">
        <v>16</v>
      </c>
      <c r="R4505">
        <v>16</v>
      </c>
      <c r="S4505">
        <v>16</v>
      </c>
      <c r="T4505">
        <v>16</v>
      </c>
      <c r="U4505">
        <v>17</v>
      </c>
      <c r="V4505">
        <v>17</v>
      </c>
      <c r="W4505">
        <v>17</v>
      </c>
      <c r="X4505">
        <v>17</v>
      </c>
      <c r="Y4505">
        <v>17</v>
      </c>
      <c r="Z4505">
        <v>17</v>
      </c>
      <c r="AA4505">
        <v>17</v>
      </c>
      <c r="AB4505">
        <v>17</v>
      </c>
      <c r="AC4505">
        <v>17</v>
      </c>
      <c r="AD4505">
        <v>17</v>
      </c>
      <c r="AE4505">
        <v>17</v>
      </c>
      <c r="AF4505">
        <v>17</v>
      </c>
      <c r="AG4505">
        <v>17</v>
      </c>
      <c r="AH4505">
        <v>17</v>
      </c>
      <c r="AI4505">
        <v>17</v>
      </c>
      <c r="AJ4505">
        <v>17</v>
      </c>
      <c r="AK4505">
        <v>17</v>
      </c>
      <c r="AL4505">
        <v>17</v>
      </c>
      <c r="AM4505">
        <v>17</v>
      </c>
      <c r="AN4505">
        <v>17</v>
      </c>
      <c r="AO4505">
        <v>17</v>
      </c>
      <c r="AP4505">
        <v>17</v>
      </c>
      <c r="AQ4505">
        <v>17</v>
      </c>
    </row>
    <row r="4506" spans="1:43">
      <c r="A4506" t="s">
        <v>2828</v>
      </c>
      <c r="B4506" t="s">
        <v>2829</v>
      </c>
      <c r="C4506" t="s">
        <v>2824</v>
      </c>
      <c r="D4506" t="s">
        <v>2825</v>
      </c>
      <c r="E4506" t="s">
        <v>2352</v>
      </c>
      <c r="F4506" t="s">
        <v>2353</v>
      </c>
      <c r="G4506" t="s">
        <v>80</v>
      </c>
      <c r="H4506" t="s">
        <v>81</v>
      </c>
      <c r="I4506" s="2">
        <v>0</v>
      </c>
      <c r="J4506" s="2">
        <v>0</v>
      </c>
      <c r="K4506" s="2">
        <v>1</v>
      </c>
      <c r="L4506" t="s">
        <v>995</v>
      </c>
      <c r="M4506" t="s">
        <v>83</v>
      </c>
      <c r="N4506" t="s">
        <v>84</v>
      </c>
      <c r="O4506" t="s">
        <v>85</v>
      </c>
      <c r="P4506" t="s">
        <v>86</v>
      </c>
      <c r="Q4506">
        <v>73</v>
      </c>
      <c r="R4506">
        <v>73</v>
      </c>
      <c r="S4506">
        <v>73</v>
      </c>
      <c r="T4506">
        <v>74</v>
      </c>
      <c r="U4506">
        <v>74</v>
      </c>
      <c r="V4506">
        <v>75</v>
      </c>
      <c r="W4506">
        <v>75</v>
      </c>
      <c r="X4506">
        <v>75</v>
      </c>
      <c r="Y4506">
        <v>75</v>
      </c>
      <c r="Z4506">
        <v>76</v>
      </c>
      <c r="AA4506">
        <v>76</v>
      </c>
      <c r="AB4506">
        <v>76</v>
      </c>
      <c r="AC4506">
        <v>76</v>
      </c>
      <c r="AD4506">
        <v>77</v>
      </c>
      <c r="AE4506">
        <v>77</v>
      </c>
      <c r="AF4506">
        <v>77</v>
      </c>
      <c r="AG4506">
        <v>77</v>
      </c>
      <c r="AH4506">
        <v>77</v>
      </c>
      <c r="AI4506">
        <v>77</v>
      </c>
      <c r="AJ4506">
        <v>78</v>
      </c>
      <c r="AK4506">
        <v>78</v>
      </c>
      <c r="AL4506">
        <v>77</v>
      </c>
      <c r="AM4506">
        <v>77</v>
      </c>
      <c r="AN4506">
        <v>77</v>
      </c>
      <c r="AO4506">
        <v>76</v>
      </c>
      <c r="AP4506">
        <v>76</v>
      </c>
      <c r="AQ4506">
        <v>75</v>
      </c>
    </row>
    <row r="4507" spans="1:43">
      <c r="A4507" t="s">
        <v>2828</v>
      </c>
      <c r="B4507" t="s">
        <v>2829</v>
      </c>
      <c r="C4507" t="s">
        <v>2824</v>
      </c>
      <c r="D4507" t="s">
        <v>2825</v>
      </c>
      <c r="E4507" t="s">
        <v>2352</v>
      </c>
      <c r="F4507" t="s">
        <v>2353</v>
      </c>
      <c r="G4507" t="s">
        <v>80</v>
      </c>
      <c r="H4507" t="s">
        <v>81</v>
      </c>
      <c r="I4507" s="2">
        <v>0</v>
      </c>
      <c r="J4507" s="2">
        <v>0</v>
      </c>
      <c r="K4507" s="2">
        <v>1</v>
      </c>
      <c r="L4507" t="s">
        <v>995</v>
      </c>
      <c r="M4507" t="s">
        <v>87</v>
      </c>
      <c r="N4507" t="s">
        <v>88</v>
      </c>
      <c r="O4507" t="s">
        <v>85</v>
      </c>
      <c r="P4507" t="s">
        <v>86</v>
      </c>
      <c r="Q4507">
        <v>73</v>
      </c>
      <c r="R4507">
        <v>73</v>
      </c>
      <c r="S4507">
        <v>72</v>
      </c>
      <c r="T4507">
        <v>72</v>
      </c>
      <c r="U4507">
        <v>72</v>
      </c>
      <c r="V4507">
        <v>72</v>
      </c>
      <c r="W4507">
        <v>71</v>
      </c>
      <c r="X4507">
        <v>71</v>
      </c>
      <c r="Y4507">
        <v>71</v>
      </c>
      <c r="Z4507">
        <v>70</v>
      </c>
      <c r="AA4507">
        <v>70</v>
      </c>
      <c r="AB4507">
        <v>70</v>
      </c>
      <c r="AC4507">
        <v>70</v>
      </c>
      <c r="AD4507">
        <v>69</v>
      </c>
      <c r="AE4507">
        <v>69</v>
      </c>
      <c r="AF4507">
        <v>69</v>
      </c>
      <c r="AG4507">
        <v>69</v>
      </c>
      <c r="AH4507">
        <v>68</v>
      </c>
      <c r="AI4507">
        <v>68</v>
      </c>
      <c r="AJ4507">
        <v>68</v>
      </c>
      <c r="AK4507">
        <v>68</v>
      </c>
      <c r="AL4507">
        <v>67</v>
      </c>
      <c r="AM4507">
        <v>67</v>
      </c>
      <c r="AN4507">
        <v>67</v>
      </c>
      <c r="AO4507">
        <v>67</v>
      </c>
      <c r="AP4507">
        <v>66</v>
      </c>
      <c r="AQ4507">
        <v>66</v>
      </c>
    </row>
    <row r="4508" spans="1:43">
      <c r="A4508" t="s">
        <v>2828</v>
      </c>
      <c r="B4508" t="s">
        <v>2829</v>
      </c>
      <c r="C4508" t="s">
        <v>2824</v>
      </c>
      <c r="D4508" t="s">
        <v>2825</v>
      </c>
      <c r="E4508" t="s">
        <v>2352</v>
      </c>
      <c r="F4508" t="s">
        <v>2353</v>
      </c>
      <c r="G4508" t="s">
        <v>80</v>
      </c>
      <c r="H4508" t="s">
        <v>81</v>
      </c>
      <c r="I4508" s="2">
        <v>0</v>
      </c>
      <c r="J4508" s="2">
        <v>0</v>
      </c>
      <c r="K4508" s="2">
        <v>1</v>
      </c>
      <c r="L4508" t="s">
        <v>995</v>
      </c>
      <c r="M4508" t="s">
        <v>89</v>
      </c>
      <c r="N4508" t="s">
        <v>90</v>
      </c>
      <c r="O4508" t="s">
        <v>85</v>
      </c>
      <c r="P4508" t="s">
        <v>86</v>
      </c>
      <c r="Q4508">
        <v>73</v>
      </c>
      <c r="R4508">
        <v>74</v>
      </c>
      <c r="S4508">
        <v>75</v>
      </c>
      <c r="T4508">
        <v>76</v>
      </c>
      <c r="U4508">
        <v>77</v>
      </c>
      <c r="V4508">
        <v>78</v>
      </c>
      <c r="W4508">
        <v>79</v>
      </c>
      <c r="X4508">
        <v>79</v>
      </c>
      <c r="Y4508">
        <v>80</v>
      </c>
      <c r="Z4508">
        <v>80</v>
      </c>
      <c r="AA4508">
        <v>81</v>
      </c>
      <c r="AB4508">
        <v>81</v>
      </c>
      <c r="AC4508">
        <v>82</v>
      </c>
      <c r="AD4508">
        <v>82</v>
      </c>
      <c r="AE4508">
        <v>82</v>
      </c>
      <c r="AF4508">
        <v>82</v>
      </c>
      <c r="AG4508">
        <v>81</v>
      </c>
      <c r="AH4508">
        <v>81</v>
      </c>
      <c r="AI4508">
        <v>80</v>
      </c>
      <c r="AJ4508">
        <v>80</v>
      </c>
      <c r="AK4508">
        <v>79</v>
      </c>
      <c r="AL4508">
        <v>79</v>
      </c>
      <c r="AM4508">
        <v>78</v>
      </c>
      <c r="AN4508">
        <v>78</v>
      </c>
      <c r="AO4508">
        <v>77</v>
      </c>
      <c r="AP4508">
        <v>77</v>
      </c>
      <c r="AQ4508">
        <v>76</v>
      </c>
    </row>
    <row r="4509" spans="1:43">
      <c r="A4509" t="s">
        <v>2828</v>
      </c>
      <c r="B4509" t="s">
        <v>2829</v>
      </c>
      <c r="C4509" t="s">
        <v>2824</v>
      </c>
      <c r="D4509" t="s">
        <v>2825</v>
      </c>
      <c r="E4509" t="s">
        <v>2352</v>
      </c>
      <c r="F4509" t="s">
        <v>2353</v>
      </c>
      <c r="G4509" t="s">
        <v>80</v>
      </c>
      <c r="H4509" t="s">
        <v>81</v>
      </c>
      <c r="I4509" s="2">
        <v>0</v>
      </c>
      <c r="J4509" s="2">
        <v>0</v>
      </c>
      <c r="K4509" s="2">
        <v>1</v>
      </c>
      <c r="L4509" t="s">
        <v>995</v>
      </c>
      <c r="M4509" t="s">
        <v>83</v>
      </c>
      <c r="N4509" t="s">
        <v>91</v>
      </c>
      <c r="O4509" t="s">
        <v>85</v>
      </c>
      <c r="P4509" t="s">
        <v>86</v>
      </c>
      <c r="Q4509">
        <v>73</v>
      </c>
      <c r="R4509">
        <v>73</v>
      </c>
      <c r="S4509">
        <v>73</v>
      </c>
      <c r="T4509">
        <v>74</v>
      </c>
      <c r="U4509">
        <v>74</v>
      </c>
      <c r="V4509">
        <v>75</v>
      </c>
      <c r="W4509">
        <v>75</v>
      </c>
      <c r="X4509">
        <v>75</v>
      </c>
      <c r="Y4509">
        <v>75</v>
      </c>
      <c r="Z4509">
        <v>76</v>
      </c>
      <c r="AA4509">
        <v>76</v>
      </c>
      <c r="AB4509">
        <v>76</v>
      </c>
      <c r="AC4509">
        <v>76</v>
      </c>
      <c r="AD4509">
        <v>77</v>
      </c>
      <c r="AE4509">
        <v>77</v>
      </c>
      <c r="AF4509">
        <v>77</v>
      </c>
      <c r="AG4509">
        <v>77</v>
      </c>
      <c r="AH4509">
        <v>77</v>
      </c>
      <c r="AI4509">
        <v>77</v>
      </c>
      <c r="AJ4509">
        <v>78</v>
      </c>
      <c r="AK4509">
        <v>78</v>
      </c>
      <c r="AL4509">
        <v>77</v>
      </c>
      <c r="AM4509">
        <v>77</v>
      </c>
      <c r="AN4509">
        <v>77</v>
      </c>
      <c r="AO4509">
        <v>76</v>
      </c>
      <c r="AP4509">
        <v>76</v>
      </c>
      <c r="AQ4509">
        <v>75</v>
      </c>
    </row>
    <row r="4510" spans="1:43">
      <c r="A4510" t="s">
        <v>2830</v>
      </c>
      <c r="B4510" t="s">
        <v>2831</v>
      </c>
      <c r="C4510" t="s">
        <v>2434</v>
      </c>
      <c r="D4510" t="s">
        <v>2435</v>
      </c>
      <c r="E4510" t="s">
        <v>2352</v>
      </c>
      <c r="F4510" t="s">
        <v>2353</v>
      </c>
      <c r="G4510" t="s">
        <v>80</v>
      </c>
      <c r="H4510" t="s">
        <v>81</v>
      </c>
      <c r="I4510" s="2">
        <v>0</v>
      </c>
      <c r="J4510" s="2">
        <v>0</v>
      </c>
      <c r="K4510" s="2">
        <v>1</v>
      </c>
      <c r="L4510" t="s">
        <v>995</v>
      </c>
      <c r="M4510" t="s">
        <v>83</v>
      </c>
      <c r="N4510" t="s">
        <v>84</v>
      </c>
      <c r="O4510" t="s">
        <v>85</v>
      </c>
      <c r="P4510" t="s">
        <v>86</v>
      </c>
      <c r="Q4510">
        <v>22</v>
      </c>
      <c r="R4510">
        <v>22</v>
      </c>
      <c r="S4510">
        <v>22</v>
      </c>
      <c r="T4510">
        <v>22</v>
      </c>
      <c r="U4510">
        <v>22</v>
      </c>
      <c r="V4510">
        <v>22</v>
      </c>
      <c r="W4510">
        <v>22</v>
      </c>
      <c r="X4510">
        <v>22</v>
      </c>
      <c r="Y4510">
        <v>22</v>
      </c>
      <c r="Z4510">
        <v>23</v>
      </c>
      <c r="AA4510">
        <v>23</v>
      </c>
      <c r="AB4510">
        <v>23</v>
      </c>
      <c r="AC4510">
        <v>23</v>
      </c>
      <c r="AD4510">
        <v>23</v>
      </c>
      <c r="AE4510">
        <v>23</v>
      </c>
      <c r="AF4510">
        <v>23</v>
      </c>
      <c r="AG4510">
        <v>23</v>
      </c>
      <c r="AH4510">
        <v>23</v>
      </c>
      <c r="AI4510">
        <v>23</v>
      </c>
      <c r="AJ4510">
        <v>23</v>
      </c>
      <c r="AK4510">
        <v>23</v>
      </c>
      <c r="AL4510">
        <v>23</v>
      </c>
      <c r="AM4510">
        <v>23</v>
      </c>
      <c r="AN4510">
        <v>23</v>
      </c>
      <c r="AO4510">
        <v>22</v>
      </c>
      <c r="AP4510">
        <v>22</v>
      </c>
      <c r="AQ4510">
        <v>22</v>
      </c>
    </row>
    <row r="4511" spans="1:43">
      <c r="A4511" t="s">
        <v>2830</v>
      </c>
      <c r="B4511" t="s">
        <v>2831</v>
      </c>
      <c r="C4511" t="s">
        <v>2434</v>
      </c>
      <c r="D4511" t="s">
        <v>2435</v>
      </c>
      <c r="E4511" t="s">
        <v>2352</v>
      </c>
      <c r="F4511" t="s">
        <v>2353</v>
      </c>
      <c r="G4511" t="s">
        <v>80</v>
      </c>
      <c r="H4511" t="s">
        <v>81</v>
      </c>
      <c r="I4511" s="2">
        <v>0</v>
      </c>
      <c r="J4511" s="2">
        <v>0</v>
      </c>
      <c r="K4511" s="2">
        <v>1</v>
      </c>
      <c r="L4511" t="s">
        <v>995</v>
      </c>
      <c r="M4511" t="s">
        <v>87</v>
      </c>
      <c r="N4511" t="s">
        <v>88</v>
      </c>
      <c r="O4511" t="s">
        <v>85</v>
      </c>
      <c r="P4511" t="s">
        <v>86</v>
      </c>
      <c r="Q4511">
        <v>22</v>
      </c>
      <c r="R4511">
        <v>21</v>
      </c>
      <c r="S4511">
        <v>21</v>
      </c>
      <c r="T4511">
        <v>21</v>
      </c>
      <c r="U4511">
        <v>21</v>
      </c>
      <c r="V4511">
        <v>21</v>
      </c>
      <c r="W4511">
        <v>21</v>
      </c>
      <c r="X4511">
        <v>21</v>
      </c>
      <c r="Y4511">
        <v>21</v>
      </c>
      <c r="Z4511">
        <v>21</v>
      </c>
      <c r="AA4511">
        <v>21</v>
      </c>
      <c r="AB4511">
        <v>20</v>
      </c>
      <c r="AC4511">
        <v>20</v>
      </c>
      <c r="AD4511">
        <v>20</v>
      </c>
      <c r="AE4511">
        <v>20</v>
      </c>
      <c r="AF4511">
        <v>20</v>
      </c>
      <c r="AG4511">
        <v>20</v>
      </c>
      <c r="AH4511">
        <v>20</v>
      </c>
      <c r="AI4511">
        <v>20</v>
      </c>
      <c r="AJ4511">
        <v>20</v>
      </c>
      <c r="AK4511">
        <v>20</v>
      </c>
      <c r="AL4511">
        <v>20</v>
      </c>
      <c r="AM4511">
        <v>20</v>
      </c>
      <c r="AN4511">
        <v>19</v>
      </c>
      <c r="AO4511">
        <v>19</v>
      </c>
      <c r="AP4511">
        <v>19</v>
      </c>
      <c r="AQ4511">
        <v>19</v>
      </c>
    </row>
    <row r="4512" spans="1:43">
      <c r="A4512" t="s">
        <v>2830</v>
      </c>
      <c r="B4512" t="s">
        <v>2831</v>
      </c>
      <c r="C4512" t="s">
        <v>2434</v>
      </c>
      <c r="D4512" t="s">
        <v>2435</v>
      </c>
      <c r="E4512" t="s">
        <v>2352</v>
      </c>
      <c r="F4512" t="s">
        <v>2353</v>
      </c>
      <c r="G4512" t="s">
        <v>80</v>
      </c>
      <c r="H4512" t="s">
        <v>81</v>
      </c>
      <c r="I4512" s="2">
        <v>0</v>
      </c>
      <c r="J4512" s="2">
        <v>0</v>
      </c>
      <c r="K4512" s="2">
        <v>1</v>
      </c>
      <c r="L4512" t="s">
        <v>995</v>
      </c>
      <c r="M4512" t="s">
        <v>89</v>
      </c>
      <c r="N4512" t="s">
        <v>90</v>
      </c>
      <c r="O4512" t="s">
        <v>85</v>
      </c>
      <c r="P4512" t="s">
        <v>86</v>
      </c>
      <c r="Q4512">
        <v>22</v>
      </c>
      <c r="R4512">
        <v>22</v>
      </c>
      <c r="S4512">
        <v>22</v>
      </c>
      <c r="T4512">
        <v>23</v>
      </c>
      <c r="U4512">
        <v>23</v>
      </c>
      <c r="V4512">
        <v>23</v>
      </c>
      <c r="W4512">
        <v>23</v>
      </c>
      <c r="X4512">
        <v>24</v>
      </c>
      <c r="Y4512">
        <v>24</v>
      </c>
      <c r="Z4512">
        <v>24</v>
      </c>
      <c r="AA4512">
        <v>24</v>
      </c>
      <c r="AB4512">
        <v>24</v>
      </c>
      <c r="AC4512">
        <v>24</v>
      </c>
      <c r="AD4512">
        <v>24</v>
      </c>
      <c r="AE4512">
        <v>24</v>
      </c>
      <c r="AF4512">
        <v>24</v>
      </c>
      <c r="AG4512">
        <v>24</v>
      </c>
      <c r="AH4512">
        <v>24</v>
      </c>
      <c r="AI4512">
        <v>24</v>
      </c>
      <c r="AJ4512">
        <v>24</v>
      </c>
      <c r="AK4512">
        <v>23</v>
      </c>
      <c r="AL4512">
        <v>23</v>
      </c>
      <c r="AM4512">
        <v>23</v>
      </c>
      <c r="AN4512">
        <v>23</v>
      </c>
      <c r="AO4512">
        <v>23</v>
      </c>
      <c r="AP4512">
        <v>23</v>
      </c>
      <c r="AQ4512">
        <v>22</v>
      </c>
    </row>
    <row r="4513" spans="1:43">
      <c r="A4513" t="s">
        <v>2830</v>
      </c>
      <c r="B4513" t="s">
        <v>2831</v>
      </c>
      <c r="C4513" t="s">
        <v>2434</v>
      </c>
      <c r="D4513" t="s">
        <v>2435</v>
      </c>
      <c r="E4513" t="s">
        <v>2352</v>
      </c>
      <c r="F4513" t="s">
        <v>2353</v>
      </c>
      <c r="G4513" t="s">
        <v>80</v>
      </c>
      <c r="H4513" t="s">
        <v>81</v>
      </c>
      <c r="I4513" s="2">
        <v>0</v>
      </c>
      <c r="J4513" s="2">
        <v>0</v>
      </c>
      <c r="K4513" s="2">
        <v>1</v>
      </c>
      <c r="L4513" t="s">
        <v>995</v>
      </c>
      <c r="M4513" t="s">
        <v>83</v>
      </c>
      <c r="N4513" t="s">
        <v>91</v>
      </c>
      <c r="O4513" t="s">
        <v>85</v>
      </c>
      <c r="P4513" t="s">
        <v>86</v>
      </c>
      <c r="Q4513">
        <v>22</v>
      </c>
      <c r="R4513">
        <v>22</v>
      </c>
      <c r="S4513">
        <v>22</v>
      </c>
      <c r="T4513">
        <v>22</v>
      </c>
      <c r="U4513">
        <v>22</v>
      </c>
      <c r="V4513">
        <v>22</v>
      </c>
      <c r="W4513">
        <v>22</v>
      </c>
      <c r="X4513">
        <v>22</v>
      </c>
      <c r="Y4513">
        <v>22</v>
      </c>
      <c r="Z4513">
        <v>23</v>
      </c>
      <c r="AA4513">
        <v>23</v>
      </c>
      <c r="AB4513">
        <v>23</v>
      </c>
      <c r="AC4513">
        <v>23</v>
      </c>
      <c r="AD4513">
        <v>23</v>
      </c>
      <c r="AE4513">
        <v>23</v>
      </c>
      <c r="AF4513">
        <v>23</v>
      </c>
      <c r="AG4513">
        <v>23</v>
      </c>
      <c r="AH4513">
        <v>23</v>
      </c>
      <c r="AI4513">
        <v>23</v>
      </c>
      <c r="AJ4513">
        <v>23</v>
      </c>
      <c r="AK4513">
        <v>23</v>
      </c>
      <c r="AL4513">
        <v>23</v>
      </c>
      <c r="AM4513">
        <v>23</v>
      </c>
      <c r="AN4513">
        <v>23</v>
      </c>
      <c r="AO4513">
        <v>22</v>
      </c>
      <c r="AP4513">
        <v>22</v>
      </c>
      <c r="AQ4513">
        <v>22</v>
      </c>
    </row>
    <row r="4514" spans="1:43">
      <c r="A4514" t="s">
        <v>2832</v>
      </c>
      <c r="B4514" t="s">
        <v>2833</v>
      </c>
      <c r="C4514" t="s">
        <v>2426</v>
      </c>
      <c r="D4514" t="s">
        <v>2427</v>
      </c>
      <c r="E4514" t="s">
        <v>2352</v>
      </c>
      <c r="F4514" t="s">
        <v>2353</v>
      </c>
      <c r="G4514" t="s">
        <v>80</v>
      </c>
      <c r="H4514" t="s">
        <v>81</v>
      </c>
      <c r="I4514" s="2">
        <v>0</v>
      </c>
      <c r="J4514" s="2">
        <v>0</v>
      </c>
      <c r="K4514" s="2">
        <v>1</v>
      </c>
      <c r="L4514" t="s">
        <v>995</v>
      </c>
      <c r="M4514" t="s">
        <v>83</v>
      </c>
      <c r="N4514" t="s">
        <v>84</v>
      </c>
      <c r="O4514" t="s">
        <v>85</v>
      </c>
      <c r="P4514" t="s">
        <v>86</v>
      </c>
      <c r="Q4514">
        <v>73</v>
      </c>
      <c r="R4514">
        <v>73</v>
      </c>
      <c r="S4514">
        <v>74</v>
      </c>
      <c r="T4514">
        <v>74</v>
      </c>
      <c r="U4514">
        <v>74</v>
      </c>
      <c r="V4514">
        <v>75</v>
      </c>
      <c r="W4514">
        <v>75</v>
      </c>
      <c r="X4514">
        <v>75</v>
      </c>
      <c r="Y4514">
        <v>75</v>
      </c>
      <c r="Z4514">
        <v>76</v>
      </c>
      <c r="AA4514">
        <v>76</v>
      </c>
      <c r="AB4514">
        <v>76</v>
      </c>
      <c r="AC4514">
        <v>76</v>
      </c>
      <c r="AD4514">
        <v>77</v>
      </c>
      <c r="AE4514">
        <v>77</v>
      </c>
      <c r="AF4514">
        <v>77</v>
      </c>
      <c r="AG4514">
        <v>77</v>
      </c>
      <c r="AH4514">
        <v>77</v>
      </c>
      <c r="AI4514">
        <v>77</v>
      </c>
      <c r="AJ4514">
        <v>77</v>
      </c>
      <c r="AK4514">
        <v>78</v>
      </c>
      <c r="AL4514">
        <v>77</v>
      </c>
      <c r="AM4514">
        <v>77</v>
      </c>
      <c r="AN4514">
        <v>76</v>
      </c>
      <c r="AO4514">
        <v>76</v>
      </c>
      <c r="AP4514">
        <v>75</v>
      </c>
      <c r="AQ4514">
        <v>75</v>
      </c>
    </row>
    <row r="4515" spans="1:43">
      <c r="A4515" t="s">
        <v>2832</v>
      </c>
      <c r="B4515" t="s">
        <v>2833</v>
      </c>
      <c r="C4515" t="s">
        <v>2426</v>
      </c>
      <c r="D4515" t="s">
        <v>2427</v>
      </c>
      <c r="E4515" t="s">
        <v>2352</v>
      </c>
      <c r="F4515" t="s">
        <v>2353</v>
      </c>
      <c r="G4515" t="s">
        <v>80</v>
      </c>
      <c r="H4515" t="s">
        <v>81</v>
      </c>
      <c r="I4515" s="2">
        <v>0</v>
      </c>
      <c r="J4515" s="2">
        <v>0</v>
      </c>
      <c r="K4515" s="2">
        <v>1</v>
      </c>
      <c r="L4515" t="s">
        <v>995</v>
      </c>
      <c r="M4515" t="s">
        <v>87</v>
      </c>
      <c r="N4515" t="s">
        <v>88</v>
      </c>
      <c r="O4515" t="s">
        <v>85</v>
      </c>
      <c r="P4515" t="s">
        <v>86</v>
      </c>
      <c r="Q4515">
        <v>73</v>
      </c>
      <c r="R4515">
        <v>73</v>
      </c>
      <c r="S4515">
        <v>73</v>
      </c>
      <c r="T4515">
        <v>72</v>
      </c>
      <c r="U4515">
        <v>72</v>
      </c>
      <c r="V4515">
        <v>72</v>
      </c>
      <c r="W4515">
        <v>71</v>
      </c>
      <c r="X4515">
        <v>71</v>
      </c>
      <c r="Y4515">
        <v>71</v>
      </c>
      <c r="Z4515">
        <v>70</v>
      </c>
      <c r="AA4515">
        <v>70</v>
      </c>
      <c r="AB4515">
        <v>70</v>
      </c>
      <c r="AC4515">
        <v>70</v>
      </c>
      <c r="AD4515">
        <v>69</v>
      </c>
      <c r="AE4515">
        <v>69</v>
      </c>
      <c r="AF4515">
        <v>69</v>
      </c>
      <c r="AG4515">
        <v>68</v>
      </c>
      <c r="AH4515">
        <v>68</v>
      </c>
      <c r="AI4515">
        <v>68</v>
      </c>
      <c r="AJ4515">
        <v>68</v>
      </c>
      <c r="AK4515">
        <v>67</v>
      </c>
      <c r="AL4515">
        <v>67</v>
      </c>
      <c r="AM4515">
        <v>67</v>
      </c>
      <c r="AN4515">
        <v>67</v>
      </c>
      <c r="AO4515">
        <v>66</v>
      </c>
      <c r="AP4515">
        <v>66</v>
      </c>
      <c r="AQ4515">
        <v>66</v>
      </c>
    </row>
    <row r="4516" spans="1:43">
      <c r="A4516" t="s">
        <v>2832</v>
      </c>
      <c r="B4516" t="s">
        <v>2833</v>
      </c>
      <c r="C4516" t="s">
        <v>2426</v>
      </c>
      <c r="D4516" t="s">
        <v>2427</v>
      </c>
      <c r="E4516" t="s">
        <v>2352</v>
      </c>
      <c r="F4516" t="s">
        <v>2353</v>
      </c>
      <c r="G4516" t="s">
        <v>80</v>
      </c>
      <c r="H4516" t="s">
        <v>81</v>
      </c>
      <c r="I4516" s="2">
        <v>0</v>
      </c>
      <c r="J4516" s="2">
        <v>0</v>
      </c>
      <c r="K4516" s="2">
        <v>1</v>
      </c>
      <c r="L4516" t="s">
        <v>995</v>
      </c>
      <c r="M4516" t="s">
        <v>89</v>
      </c>
      <c r="N4516" t="s">
        <v>90</v>
      </c>
      <c r="O4516" t="s">
        <v>85</v>
      </c>
      <c r="P4516" t="s">
        <v>86</v>
      </c>
      <c r="Q4516">
        <v>73</v>
      </c>
      <c r="R4516">
        <v>74</v>
      </c>
      <c r="S4516">
        <v>75</v>
      </c>
      <c r="T4516">
        <v>76</v>
      </c>
      <c r="U4516">
        <v>77</v>
      </c>
      <c r="V4516">
        <v>78</v>
      </c>
      <c r="W4516">
        <v>79</v>
      </c>
      <c r="X4516">
        <v>79</v>
      </c>
      <c r="Y4516">
        <v>80</v>
      </c>
      <c r="Z4516">
        <v>80</v>
      </c>
      <c r="AA4516">
        <v>81</v>
      </c>
      <c r="AB4516">
        <v>81</v>
      </c>
      <c r="AC4516">
        <v>82</v>
      </c>
      <c r="AD4516">
        <v>82</v>
      </c>
      <c r="AE4516">
        <v>82</v>
      </c>
      <c r="AF4516">
        <v>81</v>
      </c>
      <c r="AG4516">
        <v>81</v>
      </c>
      <c r="AH4516">
        <v>80</v>
      </c>
      <c r="AI4516">
        <v>80</v>
      </c>
      <c r="AJ4516">
        <v>79</v>
      </c>
      <c r="AK4516">
        <v>79</v>
      </c>
      <c r="AL4516">
        <v>78</v>
      </c>
      <c r="AM4516">
        <v>78</v>
      </c>
      <c r="AN4516">
        <v>77</v>
      </c>
      <c r="AO4516">
        <v>77</v>
      </c>
      <c r="AP4516">
        <v>76</v>
      </c>
      <c r="AQ4516">
        <v>76</v>
      </c>
    </row>
    <row r="4517" spans="1:43">
      <c r="A4517" t="s">
        <v>2832</v>
      </c>
      <c r="B4517" t="s">
        <v>2833</v>
      </c>
      <c r="C4517" t="s">
        <v>2426</v>
      </c>
      <c r="D4517" t="s">
        <v>2427</v>
      </c>
      <c r="E4517" t="s">
        <v>2352</v>
      </c>
      <c r="F4517" t="s">
        <v>2353</v>
      </c>
      <c r="G4517" t="s">
        <v>80</v>
      </c>
      <c r="H4517" t="s">
        <v>81</v>
      </c>
      <c r="I4517" s="2">
        <v>0</v>
      </c>
      <c r="J4517" s="2">
        <v>0</v>
      </c>
      <c r="K4517" s="2">
        <v>1</v>
      </c>
      <c r="L4517" t="s">
        <v>995</v>
      </c>
      <c r="M4517" t="s">
        <v>83</v>
      </c>
      <c r="N4517" t="s">
        <v>91</v>
      </c>
      <c r="O4517" t="s">
        <v>85</v>
      </c>
      <c r="P4517" t="s">
        <v>86</v>
      </c>
      <c r="Q4517">
        <v>73</v>
      </c>
      <c r="R4517">
        <v>73</v>
      </c>
      <c r="S4517">
        <v>74</v>
      </c>
      <c r="T4517">
        <v>74</v>
      </c>
      <c r="U4517">
        <v>74</v>
      </c>
      <c r="V4517">
        <v>75</v>
      </c>
      <c r="W4517">
        <v>75</v>
      </c>
      <c r="X4517">
        <v>75</v>
      </c>
      <c r="Y4517">
        <v>75</v>
      </c>
      <c r="Z4517">
        <v>76</v>
      </c>
      <c r="AA4517">
        <v>76</v>
      </c>
      <c r="AB4517">
        <v>76</v>
      </c>
      <c r="AC4517">
        <v>76</v>
      </c>
      <c r="AD4517">
        <v>77</v>
      </c>
      <c r="AE4517">
        <v>77</v>
      </c>
      <c r="AF4517">
        <v>77</v>
      </c>
      <c r="AG4517">
        <v>77</v>
      </c>
      <c r="AH4517">
        <v>77</v>
      </c>
      <c r="AI4517">
        <v>77</v>
      </c>
      <c r="AJ4517">
        <v>77</v>
      </c>
      <c r="AK4517">
        <v>78</v>
      </c>
      <c r="AL4517">
        <v>77</v>
      </c>
      <c r="AM4517">
        <v>77</v>
      </c>
      <c r="AN4517">
        <v>76</v>
      </c>
      <c r="AO4517">
        <v>76</v>
      </c>
      <c r="AP4517">
        <v>75</v>
      </c>
      <c r="AQ4517">
        <v>75</v>
      </c>
    </row>
    <row r="4518" spans="1:43">
      <c r="A4518" t="s">
        <v>2834</v>
      </c>
      <c r="B4518" t="s">
        <v>2835</v>
      </c>
      <c r="C4518" t="s">
        <v>2434</v>
      </c>
      <c r="D4518" t="s">
        <v>2435</v>
      </c>
      <c r="E4518" t="s">
        <v>2352</v>
      </c>
      <c r="F4518" t="s">
        <v>2353</v>
      </c>
      <c r="G4518" t="s">
        <v>80</v>
      </c>
      <c r="H4518" t="s">
        <v>81</v>
      </c>
      <c r="I4518" s="2">
        <v>0</v>
      </c>
      <c r="J4518" s="2">
        <v>0</v>
      </c>
      <c r="K4518" s="2">
        <v>1</v>
      </c>
      <c r="L4518" t="s">
        <v>995</v>
      </c>
      <c r="M4518" t="s">
        <v>83</v>
      </c>
      <c r="N4518" t="s">
        <v>84</v>
      </c>
      <c r="O4518" t="s">
        <v>85</v>
      </c>
      <c r="P4518" t="s">
        <v>86</v>
      </c>
      <c r="Q4518">
        <v>15</v>
      </c>
      <c r="R4518">
        <v>15</v>
      </c>
      <c r="S4518">
        <v>15</v>
      </c>
      <c r="T4518">
        <v>15</v>
      </c>
      <c r="U4518">
        <v>15</v>
      </c>
      <c r="V4518">
        <v>15</v>
      </c>
      <c r="W4518">
        <v>15</v>
      </c>
      <c r="X4518">
        <v>15</v>
      </c>
      <c r="Y4518">
        <v>15</v>
      </c>
      <c r="Z4518">
        <v>15</v>
      </c>
      <c r="AA4518">
        <v>15</v>
      </c>
      <c r="AB4518">
        <v>16</v>
      </c>
      <c r="AC4518">
        <v>16</v>
      </c>
      <c r="AD4518">
        <v>16</v>
      </c>
      <c r="AE4518">
        <v>16</v>
      </c>
      <c r="AF4518">
        <v>16</v>
      </c>
      <c r="AG4518">
        <v>16</v>
      </c>
      <c r="AH4518">
        <v>16</v>
      </c>
      <c r="AI4518">
        <v>16</v>
      </c>
      <c r="AJ4518">
        <v>16</v>
      </c>
      <c r="AK4518">
        <v>16</v>
      </c>
      <c r="AL4518">
        <v>16</v>
      </c>
      <c r="AM4518">
        <v>16</v>
      </c>
      <c r="AN4518">
        <v>16</v>
      </c>
      <c r="AO4518">
        <v>15</v>
      </c>
      <c r="AP4518">
        <v>15</v>
      </c>
      <c r="AQ4518">
        <v>15</v>
      </c>
    </row>
    <row r="4519" spans="1:43">
      <c r="A4519" t="s">
        <v>2834</v>
      </c>
      <c r="B4519" t="s">
        <v>2835</v>
      </c>
      <c r="C4519" t="s">
        <v>2434</v>
      </c>
      <c r="D4519" t="s">
        <v>2435</v>
      </c>
      <c r="E4519" t="s">
        <v>2352</v>
      </c>
      <c r="F4519" t="s">
        <v>2353</v>
      </c>
      <c r="G4519" t="s">
        <v>80</v>
      </c>
      <c r="H4519" t="s">
        <v>81</v>
      </c>
      <c r="I4519" s="2">
        <v>0</v>
      </c>
      <c r="J4519" s="2">
        <v>0</v>
      </c>
      <c r="K4519" s="2">
        <v>1</v>
      </c>
      <c r="L4519" t="s">
        <v>995</v>
      </c>
      <c r="M4519" t="s">
        <v>87</v>
      </c>
      <c r="N4519" t="s">
        <v>88</v>
      </c>
      <c r="O4519" t="s">
        <v>85</v>
      </c>
      <c r="P4519" t="s">
        <v>86</v>
      </c>
      <c r="Q4519">
        <v>15</v>
      </c>
      <c r="R4519">
        <v>15</v>
      </c>
      <c r="S4519">
        <v>15</v>
      </c>
      <c r="T4519">
        <v>15</v>
      </c>
      <c r="U4519">
        <v>14</v>
      </c>
      <c r="V4519">
        <v>14</v>
      </c>
      <c r="W4519">
        <v>14</v>
      </c>
      <c r="X4519">
        <v>14</v>
      </c>
      <c r="Y4519">
        <v>14</v>
      </c>
      <c r="Z4519">
        <v>14</v>
      </c>
      <c r="AA4519">
        <v>14</v>
      </c>
      <c r="AB4519">
        <v>14</v>
      </c>
      <c r="AC4519">
        <v>14</v>
      </c>
      <c r="AD4519">
        <v>14</v>
      </c>
      <c r="AE4519">
        <v>14</v>
      </c>
      <c r="AF4519">
        <v>14</v>
      </c>
      <c r="AG4519">
        <v>14</v>
      </c>
      <c r="AH4519">
        <v>14</v>
      </c>
      <c r="AI4519">
        <v>14</v>
      </c>
      <c r="AJ4519">
        <v>14</v>
      </c>
      <c r="AK4519">
        <v>14</v>
      </c>
      <c r="AL4519">
        <v>13</v>
      </c>
      <c r="AM4519">
        <v>13</v>
      </c>
      <c r="AN4519">
        <v>13</v>
      </c>
      <c r="AO4519">
        <v>13</v>
      </c>
      <c r="AP4519">
        <v>13</v>
      </c>
      <c r="AQ4519">
        <v>13</v>
      </c>
    </row>
    <row r="4520" spans="1:43">
      <c r="A4520" t="s">
        <v>2834</v>
      </c>
      <c r="B4520" t="s">
        <v>2835</v>
      </c>
      <c r="C4520" t="s">
        <v>2434</v>
      </c>
      <c r="D4520" t="s">
        <v>2435</v>
      </c>
      <c r="E4520" t="s">
        <v>2352</v>
      </c>
      <c r="F4520" t="s">
        <v>2353</v>
      </c>
      <c r="G4520" t="s">
        <v>80</v>
      </c>
      <c r="H4520" t="s">
        <v>81</v>
      </c>
      <c r="I4520" s="2">
        <v>0</v>
      </c>
      <c r="J4520" s="2">
        <v>0</v>
      </c>
      <c r="K4520" s="2">
        <v>1</v>
      </c>
      <c r="L4520" t="s">
        <v>995</v>
      </c>
      <c r="M4520" t="s">
        <v>89</v>
      </c>
      <c r="N4520" t="s">
        <v>90</v>
      </c>
      <c r="O4520" t="s">
        <v>85</v>
      </c>
      <c r="P4520" t="s">
        <v>86</v>
      </c>
      <c r="Q4520">
        <v>15</v>
      </c>
      <c r="R4520">
        <v>15</v>
      </c>
      <c r="S4520">
        <v>15</v>
      </c>
      <c r="T4520">
        <v>16</v>
      </c>
      <c r="U4520">
        <v>16</v>
      </c>
      <c r="V4520">
        <v>16</v>
      </c>
      <c r="W4520">
        <v>16</v>
      </c>
      <c r="X4520">
        <v>16</v>
      </c>
      <c r="Y4520">
        <v>16</v>
      </c>
      <c r="Z4520">
        <v>16</v>
      </c>
      <c r="AA4520">
        <v>16</v>
      </c>
      <c r="AB4520">
        <v>17</v>
      </c>
      <c r="AC4520">
        <v>17</v>
      </c>
      <c r="AD4520">
        <v>17</v>
      </c>
      <c r="AE4520">
        <v>17</v>
      </c>
      <c r="AF4520">
        <v>17</v>
      </c>
      <c r="AG4520">
        <v>16</v>
      </c>
      <c r="AH4520">
        <v>16</v>
      </c>
      <c r="AI4520">
        <v>16</v>
      </c>
      <c r="AJ4520">
        <v>16</v>
      </c>
      <c r="AK4520">
        <v>16</v>
      </c>
      <c r="AL4520">
        <v>16</v>
      </c>
      <c r="AM4520">
        <v>16</v>
      </c>
      <c r="AN4520">
        <v>16</v>
      </c>
      <c r="AO4520">
        <v>16</v>
      </c>
      <c r="AP4520">
        <v>16</v>
      </c>
      <c r="AQ4520">
        <v>16</v>
      </c>
    </row>
    <row r="4521" spans="1:43">
      <c r="A4521" t="s">
        <v>2834</v>
      </c>
      <c r="B4521" t="s">
        <v>2835</v>
      </c>
      <c r="C4521" t="s">
        <v>2434</v>
      </c>
      <c r="D4521" t="s">
        <v>2435</v>
      </c>
      <c r="E4521" t="s">
        <v>2352</v>
      </c>
      <c r="F4521" t="s">
        <v>2353</v>
      </c>
      <c r="G4521" t="s">
        <v>80</v>
      </c>
      <c r="H4521" t="s">
        <v>81</v>
      </c>
      <c r="I4521" s="2">
        <v>0</v>
      </c>
      <c r="J4521" s="2">
        <v>0</v>
      </c>
      <c r="K4521" s="2">
        <v>1</v>
      </c>
      <c r="L4521" t="s">
        <v>995</v>
      </c>
      <c r="M4521" t="s">
        <v>83</v>
      </c>
      <c r="N4521" t="s">
        <v>91</v>
      </c>
      <c r="O4521" t="s">
        <v>85</v>
      </c>
      <c r="P4521" t="s">
        <v>86</v>
      </c>
      <c r="Q4521">
        <v>15</v>
      </c>
      <c r="R4521">
        <v>15</v>
      </c>
      <c r="S4521">
        <v>15</v>
      </c>
      <c r="T4521">
        <v>15</v>
      </c>
      <c r="U4521">
        <v>15</v>
      </c>
      <c r="V4521">
        <v>15</v>
      </c>
      <c r="W4521">
        <v>15</v>
      </c>
      <c r="X4521">
        <v>15</v>
      </c>
      <c r="Y4521">
        <v>15</v>
      </c>
      <c r="Z4521">
        <v>15</v>
      </c>
      <c r="AA4521">
        <v>15</v>
      </c>
      <c r="AB4521">
        <v>16</v>
      </c>
      <c r="AC4521">
        <v>16</v>
      </c>
      <c r="AD4521">
        <v>16</v>
      </c>
      <c r="AE4521">
        <v>16</v>
      </c>
      <c r="AF4521">
        <v>16</v>
      </c>
      <c r="AG4521">
        <v>16</v>
      </c>
      <c r="AH4521">
        <v>16</v>
      </c>
      <c r="AI4521">
        <v>16</v>
      </c>
      <c r="AJ4521">
        <v>16</v>
      </c>
      <c r="AK4521">
        <v>16</v>
      </c>
      <c r="AL4521">
        <v>16</v>
      </c>
      <c r="AM4521">
        <v>16</v>
      </c>
      <c r="AN4521">
        <v>16</v>
      </c>
      <c r="AO4521">
        <v>15</v>
      </c>
      <c r="AP4521">
        <v>15</v>
      </c>
      <c r="AQ4521">
        <v>15</v>
      </c>
    </row>
    <row r="4522" spans="1:43">
      <c r="A4522" t="s">
        <v>2836</v>
      </c>
      <c r="B4522" t="s">
        <v>2837</v>
      </c>
      <c r="C4522" t="s">
        <v>2434</v>
      </c>
      <c r="D4522" t="s">
        <v>2435</v>
      </c>
      <c r="E4522" t="s">
        <v>2352</v>
      </c>
      <c r="F4522" t="s">
        <v>2353</v>
      </c>
      <c r="G4522" t="s">
        <v>80</v>
      </c>
      <c r="H4522" t="s">
        <v>81</v>
      </c>
      <c r="I4522" s="2">
        <v>0</v>
      </c>
      <c r="J4522" s="2">
        <v>0</v>
      </c>
      <c r="K4522" s="2">
        <v>1</v>
      </c>
      <c r="L4522" t="s">
        <v>995</v>
      </c>
      <c r="M4522" t="s">
        <v>83</v>
      </c>
      <c r="N4522" t="s">
        <v>84</v>
      </c>
      <c r="O4522" t="s">
        <v>85</v>
      </c>
      <c r="P4522" t="s">
        <v>86</v>
      </c>
      <c r="Q4522">
        <v>39</v>
      </c>
      <c r="R4522">
        <v>39</v>
      </c>
      <c r="S4522">
        <v>39</v>
      </c>
      <c r="T4522">
        <v>40</v>
      </c>
      <c r="U4522">
        <v>40</v>
      </c>
      <c r="V4522">
        <v>40</v>
      </c>
      <c r="W4522">
        <v>40</v>
      </c>
      <c r="X4522">
        <v>40</v>
      </c>
      <c r="Y4522">
        <v>40</v>
      </c>
      <c r="Z4522">
        <v>40</v>
      </c>
      <c r="AA4522">
        <v>41</v>
      </c>
      <c r="AB4522">
        <v>41</v>
      </c>
      <c r="AC4522">
        <v>41</v>
      </c>
      <c r="AD4522">
        <v>41</v>
      </c>
      <c r="AE4522">
        <v>41</v>
      </c>
      <c r="AF4522">
        <v>41</v>
      </c>
      <c r="AG4522">
        <v>41</v>
      </c>
      <c r="AH4522">
        <v>41</v>
      </c>
      <c r="AI4522">
        <v>41</v>
      </c>
      <c r="AJ4522">
        <v>41</v>
      </c>
      <c r="AK4522">
        <v>41</v>
      </c>
      <c r="AL4522">
        <v>41</v>
      </c>
      <c r="AM4522">
        <v>41</v>
      </c>
      <c r="AN4522">
        <v>41</v>
      </c>
      <c r="AO4522">
        <v>40</v>
      </c>
      <c r="AP4522">
        <v>40</v>
      </c>
      <c r="AQ4522">
        <v>40</v>
      </c>
    </row>
    <row r="4523" spans="1:43">
      <c r="A4523" t="s">
        <v>2836</v>
      </c>
      <c r="B4523" t="s">
        <v>2837</v>
      </c>
      <c r="C4523" t="s">
        <v>2434</v>
      </c>
      <c r="D4523" t="s">
        <v>2435</v>
      </c>
      <c r="E4523" t="s">
        <v>2352</v>
      </c>
      <c r="F4523" t="s">
        <v>2353</v>
      </c>
      <c r="G4523" t="s">
        <v>80</v>
      </c>
      <c r="H4523" t="s">
        <v>81</v>
      </c>
      <c r="I4523" s="2">
        <v>0</v>
      </c>
      <c r="J4523" s="2">
        <v>0</v>
      </c>
      <c r="K4523" s="2">
        <v>1</v>
      </c>
      <c r="L4523" t="s">
        <v>995</v>
      </c>
      <c r="M4523" t="s">
        <v>87</v>
      </c>
      <c r="N4523" t="s">
        <v>88</v>
      </c>
      <c r="O4523" t="s">
        <v>85</v>
      </c>
      <c r="P4523" t="s">
        <v>86</v>
      </c>
      <c r="Q4523">
        <v>39</v>
      </c>
      <c r="R4523">
        <v>38</v>
      </c>
      <c r="S4523">
        <v>38</v>
      </c>
      <c r="T4523">
        <v>38</v>
      </c>
      <c r="U4523">
        <v>38</v>
      </c>
      <c r="V4523">
        <v>38</v>
      </c>
      <c r="W4523">
        <v>38</v>
      </c>
      <c r="X4523">
        <v>37</v>
      </c>
      <c r="Y4523">
        <v>37</v>
      </c>
      <c r="Z4523">
        <v>37</v>
      </c>
      <c r="AA4523">
        <v>37</v>
      </c>
      <c r="AB4523">
        <v>37</v>
      </c>
      <c r="AC4523">
        <v>37</v>
      </c>
      <c r="AD4523">
        <v>36</v>
      </c>
      <c r="AE4523">
        <v>36</v>
      </c>
      <c r="AF4523">
        <v>36</v>
      </c>
      <c r="AG4523">
        <v>36</v>
      </c>
      <c r="AH4523">
        <v>36</v>
      </c>
      <c r="AI4523">
        <v>36</v>
      </c>
      <c r="AJ4523">
        <v>35</v>
      </c>
      <c r="AK4523">
        <v>35</v>
      </c>
      <c r="AL4523">
        <v>35</v>
      </c>
      <c r="AM4523">
        <v>35</v>
      </c>
      <c r="AN4523">
        <v>35</v>
      </c>
      <c r="AO4523">
        <v>35</v>
      </c>
      <c r="AP4523">
        <v>35</v>
      </c>
      <c r="AQ4523">
        <v>34</v>
      </c>
    </row>
    <row r="4524" spans="1:43">
      <c r="A4524" t="s">
        <v>2836</v>
      </c>
      <c r="B4524" t="s">
        <v>2837</v>
      </c>
      <c r="C4524" t="s">
        <v>2434</v>
      </c>
      <c r="D4524" t="s">
        <v>2435</v>
      </c>
      <c r="E4524" t="s">
        <v>2352</v>
      </c>
      <c r="F4524" t="s">
        <v>2353</v>
      </c>
      <c r="G4524" t="s">
        <v>80</v>
      </c>
      <c r="H4524" t="s">
        <v>81</v>
      </c>
      <c r="I4524" s="2">
        <v>0</v>
      </c>
      <c r="J4524" s="2">
        <v>0</v>
      </c>
      <c r="K4524" s="2">
        <v>1</v>
      </c>
      <c r="L4524" t="s">
        <v>995</v>
      </c>
      <c r="M4524" t="s">
        <v>89</v>
      </c>
      <c r="N4524" t="s">
        <v>90</v>
      </c>
      <c r="O4524" t="s">
        <v>85</v>
      </c>
      <c r="P4524" t="s">
        <v>86</v>
      </c>
      <c r="Q4524">
        <v>39</v>
      </c>
      <c r="R4524">
        <v>40</v>
      </c>
      <c r="S4524">
        <v>40</v>
      </c>
      <c r="T4524">
        <v>41</v>
      </c>
      <c r="U4524">
        <v>41</v>
      </c>
      <c r="V4524">
        <v>42</v>
      </c>
      <c r="W4524">
        <v>42</v>
      </c>
      <c r="X4524">
        <v>42</v>
      </c>
      <c r="Y4524">
        <v>43</v>
      </c>
      <c r="Z4524">
        <v>43</v>
      </c>
      <c r="AA4524">
        <v>43</v>
      </c>
      <c r="AB4524">
        <v>43</v>
      </c>
      <c r="AC4524">
        <v>44</v>
      </c>
      <c r="AD4524">
        <v>44</v>
      </c>
      <c r="AE4524">
        <v>44</v>
      </c>
      <c r="AF4524">
        <v>43</v>
      </c>
      <c r="AG4524">
        <v>43</v>
      </c>
      <c r="AH4524">
        <v>43</v>
      </c>
      <c r="AI4524">
        <v>43</v>
      </c>
      <c r="AJ4524">
        <v>42</v>
      </c>
      <c r="AK4524">
        <v>42</v>
      </c>
      <c r="AL4524">
        <v>42</v>
      </c>
      <c r="AM4524">
        <v>41</v>
      </c>
      <c r="AN4524">
        <v>41</v>
      </c>
      <c r="AO4524">
        <v>41</v>
      </c>
      <c r="AP4524">
        <v>41</v>
      </c>
      <c r="AQ4524">
        <v>40</v>
      </c>
    </row>
    <row r="4525" spans="1:43">
      <c r="A4525" t="s">
        <v>2836</v>
      </c>
      <c r="B4525" t="s">
        <v>2837</v>
      </c>
      <c r="C4525" t="s">
        <v>2434</v>
      </c>
      <c r="D4525" t="s">
        <v>2435</v>
      </c>
      <c r="E4525" t="s">
        <v>2352</v>
      </c>
      <c r="F4525" t="s">
        <v>2353</v>
      </c>
      <c r="G4525" t="s">
        <v>80</v>
      </c>
      <c r="H4525" t="s">
        <v>81</v>
      </c>
      <c r="I4525" s="2">
        <v>0</v>
      </c>
      <c r="J4525" s="2">
        <v>0</v>
      </c>
      <c r="K4525" s="2">
        <v>1</v>
      </c>
      <c r="L4525" t="s">
        <v>995</v>
      </c>
      <c r="M4525" t="s">
        <v>83</v>
      </c>
      <c r="N4525" t="s">
        <v>91</v>
      </c>
      <c r="O4525" t="s">
        <v>85</v>
      </c>
      <c r="P4525" t="s">
        <v>86</v>
      </c>
      <c r="Q4525">
        <v>39</v>
      </c>
      <c r="R4525">
        <v>39</v>
      </c>
      <c r="S4525">
        <v>39</v>
      </c>
      <c r="T4525">
        <v>40</v>
      </c>
      <c r="U4525">
        <v>40</v>
      </c>
      <c r="V4525">
        <v>40</v>
      </c>
      <c r="W4525">
        <v>40</v>
      </c>
      <c r="X4525">
        <v>40</v>
      </c>
      <c r="Y4525">
        <v>40</v>
      </c>
      <c r="Z4525">
        <v>40</v>
      </c>
      <c r="AA4525">
        <v>41</v>
      </c>
      <c r="AB4525">
        <v>41</v>
      </c>
      <c r="AC4525">
        <v>41</v>
      </c>
      <c r="AD4525">
        <v>41</v>
      </c>
      <c r="AE4525">
        <v>41</v>
      </c>
      <c r="AF4525">
        <v>41</v>
      </c>
      <c r="AG4525">
        <v>41</v>
      </c>
      <c r="AH4525">
        <v>41</v>
      </c>
      <c r="AI4525">
        <v>41</v>
      </c>
      <c r="AJ4525">
        <v>41</v>
      </c>
      <c r="AK4525">
        <v>41</v>
      </c>
      <c r="AL4525">
        <v>41</v>
      </c>
      <c r="AM4525">
        <v>41</v>
      </c>
      <c r="AN4525">
        <v>41</v>
      </c>
      <c r="AO4525">
        <v>40</v>
      </c>
      <c r="AP4525">
        <v>40</v>
      </c>
      <c r="AQ4525">
        <v>40</v>
      </c>
    </row>
    <row r="4526" spans="1:43">
      <c r="A4526" t="s">
        <v>2838</v>
      </c>
      <c r="B4526" t="s">
        <v>2839</v>
      </c>
      <c r="C4526" t="s">
        <v>2426</v>
      </c>
      <c r="D4526" t="s">
        <v>2427</v>
      </c>
      <c r="E4526" t="s">
        <v>2352</v>
      </c>
      <c r="F4526" t="s">
        <v>2353</v>
      </c>
      <c r="G4526" t="s">
        <v>80</v>
      </c>
      <c r="H4526" t="s">
        <v>81</v>
      </c>
      <c r="I4526" s="2">
        <v>0</v>
      </c>
      <c r="J4526" s="2">
        <v>0</v>
      </c>
      <c r="K4526" s="2">
        <v>1</v>
      </c>
      <c r="L4526" t="s">
        <v>995</v>
      </c>
      <c r="M4526" t="s">
        <v>83</v>
      </c>
      <c r="N4526" t="s">
        <v>84</v>
      </c>
      <c r="O4526" t="s">
        <v>85</v>
      </c>
      <c r="P4526" t="s">
        <v>86</v>
      </c>
      <c r="Q4526">
        <v>57</v>
      </c>
      <c r="R4526">
        <v>57</v>
      </c>
      <c r="S4526">
        <v>58</v>
      </c>
      <c r="T4526">
        <v>58</v>
      </c>
      <c r="U4526">
        <v>58</v>
      </c>
      <c r="V4526">
        <v>58</v>
      </c>
      <c r="W4526">
        <v>59</v>
      </c>
      <c r="X4526">
        <v>59</v>
      </c>
      <c r="Y4526">
        <v>59</v>
      </c>
      <c r="Z4526">
        <v>59</v>
      </c>
      <c r="AA4526">
        <v>59</v>
      </c>
      <c r="AB4526">
        <v>60</v>
      </c>
      <c r="AC4526">
        <v>60</v>
      </c>
      <c r="AD4526">
        <v>60</v>
      </c>
      <c r="AE4526">
        <v>60</v>
      </c>
      <c r="AF4526">
        <v>60</v>
      </c>
      <c r="AG4526">
        <v>60</v>
      </c>
      <c r="AH4526">
        <v>60</v>
      </c>
      <c r="AI4526">
        <v>60</v>
      </c>
      <c r="AJ4526">
        <v>60</v>
      </c>
      <c r="AK4526">
        <v>61</v>
      </c>
      <c r="AL4526">
        <v>60</v>
      </c>
      <c r="AM4526">
        <v>60</v>
      </c>
      <c r="AN4526">
        <v>60</v>
      </c>
      <c r="AO4526">
        <v>59</v>
      </c>
      <c r="AP4526">
        <v>59</v>
      </c>
      <c r="AQ4526">
        <v>58</v>
      </c>
    </row>
    <row r="4527" spans="1:43">
      <c r="A4527" t="s">
        <v>2838</v>
      </c>
      <c r="B4527" t="s">
        <v>2839</v>
      </c>
      <c r="C4527" t="s">
        <v>2426</v>
      </c>
      <c r="D4527" t="s">
        <v>2427</v>
      </c>
      <c r="E4527" t="s">
        <v>2352</v>
      </c>
      <c r="F4527" t="s">
        <v>2353</v>
      </c>
      <c r="G4527" t="s">
        <v>80</v>
      </c>
      <c r="H4527" t="s">
        <v>81</v>
      </c>
      <c r="I4527" s="2">
        <v>0</v>
      </c>
      <c r="J4527" s="2">
        <v>0</v>
      </c>
      <c r="K4527" s="2">
        <v>1</v>
      </c>
      <c r="L4527" t="s">
        <v>995</v>
      </c>
      <c r="M4527" t="s">
        <v>87</v>
      </c>
      <c r="N4527" t="s">
        <v>88</v>
      </c>
      <c r="O4527" t="s">
        <v>85</v>
      </c>
      <c r="P4527" t="s">
        <v>86</v>
      </c>
      <c r="Q4527">
        <v>57</v>
      </c>
      <c r="R4527">
        <v>56</v>
      </c>
      <c r="S4527">
        <v>56</v>
      </c>
      <c r="T4527">
        <v>56</v>
      </c>
      <c r="U4527">
        <v>56</v>
      </c>
      <c r="V4527">
        <v>55</v>
      </c>
      <c r="W4527">
        <v>55</v>
      </c>
      <c r="X4527">
        <v>55</v>
      </c>
      <c r="Y4527">
        <v>55</v>
      </c>
      <c r="Z4527">
        <v>54</v>
      </c>
      <c r="AA4527">
        <v>54</v>
      </c>
      <c r="AB4527">
        <v>54</v>
      </c>
      <c r="AC4527">
        <v>54</v>
      </c>
      <c r="AD4527">
        <v>53</v>
      </c>
      <c r="AE4527">
        <v>53</v>
      </c>
      <c r="AF4527">
        <v>53</v>
      </c>
      <c r="AG4527">
        <v>53</v>
      </c>
      <c r="AH4527">
        <v>53</v>
      </c>
      <c r="AI4527">
        <v>52</v>
      </c>
      <c r="AJ4527">
        <v>52</v>
      </c>
      <c r="AK4527">
        <v>52</v>
      </c>
      <c r="AL4527">
        <v>52</v>
      </c>
      <c r="AM4527">
        <v>51</v>
      </c>
      <c r="AN4527">
        <v>51</v>
      </c>
      <c r="AO4527">
        <v>51</v>
      </c>
      <c r="AP4527">
        <v>51</v>
      </c>
      <c r="AQ4527">
        <v>51</v>
      </c>
    </row>
    <row r="4528" spans="1:43">
      <c r="A4528" t="s">
        <v>2838</v>
      </c>
      <c r="B4528" t="s">
        <v>2839</v>
      </c>
      <c r="C4528" t="s">
        <v>2426</v>
      </c>
      <c r="D4528" t="s">
        <v>2427</v>
      </c>
      <c r="E4528" t="s">
        <v>2352</v>
      </c>
      <c r="F4528" t="s">
        <v>2353</v>
      </c>
      <c r="G4528" t="s">
        <v>80</v>
      </c>
      <c r="H4528" t="s">
        <v>81</v>
      </c>
      <c r="I4528" s="2">
        <v>0</v>
      </c>
      <c r="J4528" s="2">
        <v>0</v>
      </c>
      <c r="K4528" s="2">
        <v>1</v>
      </c>
      <c r="L4528" t="s">
        <v>995</v>
      </c>
      <c r="M4528" t="s">
        <v>89</v>
      </c>
      <c r="N4528" t="s">
        <v>90</v>
      </c>
      <c r="O4528" t="s">
        <v>85</v>
      </c>
      <c r="P4528" t="s">
        <v>86</v>
      </c>
      <c r="Q4528">
        <v>57</v>
      </c>
      <c r="R4528">
        <v>57</v>
      </c>
      <c r="S4528">
        <v>58</v>
      </c>
      <c r="T4528">
        <v>59</v>
      </c>
      <c r="U4528">
        <v>60</v>
      </c>
      <c r="V4528">
        <v>60</v>
      </c>
      <c r="W4528">
        <v>61</v>
      </c>
      <c r="X4528">
        <v>61</v>
      </c>
      <c r="Y4528">
        <v>62</v>
      </c>
      <c r="Z4528">
        <v>62</v>
      </c>
      <c r="AA4528">
        <v>62</v>
      </c>
      <c r="AB4528">
        <v>62</v>
      </c>
      <c r="AC4528">
        <v>63</v>
      </c>
      <c r="AD4528">
        <v>63</v>
      </c>
      <c r="AE4528">
        <v>63</v>
      </c>
      <c r="AF4528">
        <v>63</v>
      </c>
      <c r="AG4528">
        <v>62</v>
      </c>
      <c r="AH4528">
        <v>62</v>
      </c>
      <c r="AI4528">
        <v>61</v>
      </c>
      <c r="AJ4528">
        <v>61</v>
      </c>
      <c r="AK4528">
        <v>61</v>
      </c>
      <c r="AL4528">
        <v>60</v>
      </c>
      <c r="AM4528">
        <v>60</v>
      </c>
      <c r="AN4528">
        <v>59</v>
      </c>
      <c r="AO4528">
        <v>59</v>
      </c>
      <c r="AP4528">
        <v>59</v>
      </c>
      <c r="AQ4528">
        <v>58</v>
      </c>
    </row>
    <row r="4529" spans="1:43">
      <c r="A4529" t="s">
        <v>2838</v>
      </c>
      <c r="B4529" t="s">
        <v>2839</v>
      </c>
      <c r="C4529" t="s">
        <v>2426</v>
      </c>
      <c r="D4529" t="s">
        <v>2427</v>
      </c>
      <c r="E4529" t="s">
        <v>2352</v>
      </c>
      <c r="F4529" t="s">
        <v>2353</v>
      </c>
      <c r="G4529" t="s">
        <v>80</v>
      </c>
      <c r="H4529" t="s">
        <v>81</v>
      </c>
      <c r="I4529" s="2">
        <v>0</v>
      </c>
      <c r="J4529" s="2">
        <v>0</v>
      </c>
      <c r="K4529" s="2">
        <v>1</v>
      </c>
      <c r="L4529" t="s">
        <v>995</v>
      </c>
      <c r="M4529" t="s">
        <v>83</v>
      </c>
      <c r="N4529" t="s">
        <v>91</v>
      </c>
      <c r="O4529" t="s">
        <v>85</v>
      </c>
      <c r="P4529" t="s">
        <v>86</v>
      </c>
      <c r="Q4529">
        <v>57</v>
      </c>
      <c r="R4529">
        <v>57</v>
      </c>
      <c r="S4529">
        <v>58</v>
      </c>
      <c r="T4529">
        <v>58</v>
      </c>
      <c r="U4529">
        <v>58</v>
      </c>
      <c r="V4529">
        <v>58</v>
      </c>
      <c r="W4529">
        <v>59</v>
      </c>
      <c r="X4529">
        <v>59</v>
      </c>
      <c r="Y4529">
        <v>59</v>
      </c>
      <c r="Z4529">
        <v>59</v>
      </c>
      <c r="AA4529">
        <v>59</v>
      </c>
      <c r="AB4529">
        <v>60</v>
      </c>
      <c r="AC4529">
        <v>60</v>
      </c>
      <c r="AD4529">
        <v>60</v>
      </c>
      <c r="AE4529">
        <v>60</v>
      </c>
      <c r="AF4529">
        <v>60</v>
      </c>
      <c r="AG4529">
        <v>60</v>
      </c>
      <c r="AH4529">
        <v>60</v>
      </c>
      <c r="AI4529">
        <v>60</v>
      </c>
      <c r="AJ4529">
        <v>60</v>
      </c>
      <c r="AK4529">
        <v>61</v>
      </c>
      <c r="AL4529">
        <v>60</v>
      </c>
      <c r="AM4529">
        <v>60</v>
      </c>
      <c r="AN4529">
        <v>60</v>
      </c>
      <c r="AO4529">
        <v>59</v>
      </c>
      <c r="AP4529">
        <v>59</v>
      </c>
      <c r="AQ4529">
        <v>58</v>
      </c>
    </row>
    <row r="4530" spans="1:43">
      <c r="A4530" t="s">
        <v>2840</v>
      </c>
      <c r="B4530" t="s">
        <v>2841</v>
      </c>
      <c r="C4530" t="s">
        <v>2824</v>
      </c>
      <c r="D4530" t="s">
        <v>2825</v>
      </c>
      <c r="E4530" t="s">
        <v>2352</v>
      </c>
      <c r="F4530" t="s">
        <v>2353</v>
      </c>
      <c r="G4530" t="s">
        <v>80</v>
      </c>
      <c r="H4530" t="s">
        <v>81</v>
      </c>
      <c r="I4530" s="2">
        <v>0</v>
      </c>
      <c r="J4530" s="2">
        <v>0</v>
      </c>
      <c r="K4530" s="2">
        <v>1</v>
      </c>
      <c r="L4530" t="s">
        <v>995</v>
      </c>
      <c r="M4530" t="s">
        <v>83</v>
      </c>
      <c r="N4530" t="s">
        <v>84</v>
      </c>
      <c r="O4530" t="s">
        <v>85</v>
      </c>
      <c r="P4530" t="s">
        <v>86</v>
      </c>
      <c r="Q4530">
        <v>24</v>
      </c>
      <c r="R4530">
        <v>24</v>
      </c>
      <c r="S4530">
        <v>24</v>
      </c>
      <c r="T4530">
        <v>24</v>
      </c>
      <c r="U4530">
        <v>24</v>
      </c>
      <c r="V4530">
        <v>24</v>
      </c>
      <c r="W4530">
        <v>25</v>
      </c>
      <c r="X4530">
        <v>25</v>
      </c>
      <c r="Y4530">
        <v>25</v>
      </c>
      <c r="Z4530">
        <v>25</v>
      </c>
      <c r="AA4530">
        <v>25</v>
      </c>
      <c r="AB4530">
        <v>25</v>
      </c>
      <c r="AC4530">
        <v>25</v>
      </c>
      <c r="AD4530">
        <v>25</v>
      </c>
      <c r="AE4530">
        <v>25</v>
      </c>
      <c r="AF4530">
        <v>25</v>
      </c>
      <c r="AG4530">
        <v>25</v>
      </c>
      <c r="AH4530">
        <v>25</v>
      </c>
      <c r="AI4530">
        <v>25</v>
      </c>
      <c r="AJ4530">
        <v>25</v>
      </c>
      <c r="AK4530">
        <v>26</v>
      </c>
      <c r="AL4530">
        <v>25</v>
      </c>
      <c r="AM4530">
        <v>25</v>
      </c>
      <c r="AN4530">
        <v>25</v>
      </c>
      <c r="AO4530">
        <v>25</v>
      </c>
      <c r="AP4530">
        <v>25</v>
      </c>
      <c r="AQ4530">
        <v>25</v>
      </c>
    </row>
    <row r="4531" spans="1:43">
      <c r="A4531" t="s">
        <v>2840</v>
      </c>
      <c r="B4531" t="s">
        <v>2841</v>
      </c>
      <c r="C4531" t="s">
        <v>2824</v>
      </c>
      <c r="D4531" t="s">
        <v>2825</v>
      </c>
      <c r="E4531" t="s">
        <v>2352</v>
      </c>
      <c r="F4531" t="s">
        <v>2353</v>
      </c>
      <c r="G4531" t="s">
        <v>80</v>
      </c>
      <c r="H4531" t="s">
        <v>81</v>
      </c>
      <c r="I4531" s="2">
        <v>0</v>
      </c>
      <c r="J4531" s="2">
        <v>0</v>
      </c>
      <c r="K4531" s="2">
        <v>1</v>
      </c>
      <c r="L4531" t="s">
        <v>995</v>
      </c>
      <c r="M4531" t="s">
        <v>87</v>
      </c>
      <c r="N4531" t="s">
        <v>88</v>
      </c>
      <c r="O4531" t="s">
        <v>85</v>
      </c>
      <c r="P4531" t="s">
        <v>86</v>
      </c>
      <c r="Q4531">
        <v>24</v>
      </c>
      <c r="R4531">
        <v>24</v>
      </c>
      <c r="S4531">
        <v>23</v>
      </c>
      <c r="T4531">
        <v>23</v>
      </c>
      <c r="U4531">
        <v>23</v>
      </c>
      <c r="V4531">
        <v>23</v>
      </c>
      <c r="W4531">
        <v>23</v>
      </c>
      <c r="X4531">
        <v>23</v>
      </c>
      <c r="Y4531">
        <v>23</v>
      </c>
      <c r="Z4531">
        <v>23</v>
      </c>
      <c r="AA4531">
        <v>23</v>
      </c>
      <c r="AB4531">
        <v>23</v>
      </c>
      <c r="AC4531">
        <v>23</v>
      </c>
      <c r="AD4531">
        <v>22</v>
      </c>
      <c r="AE4531">
        <v>22</v>
      </c>
      <c r="AF4531">
        <v>22</v>
      </c>
      <c r="AG4531">
        <v>22</v>
      </c>
      <c r="AH4531">
        <v>22</v>
      </c>
      <c r="AI4531">
        <v>22</v>
      </c>
      <c r="AJ4531">
        <v>22</v>
      </c>
      <c r="AK4531">
        <v>22</v>
      </c>
      <c r="AL4531">
        <v>22</v>
      </c>
      <c r="AM4531">
        <v>22</v>
      </c>
      <c r="AN4531">
        <v>22</v>
      </c>
      <c r="AO4531">
        <v>22</v>
      </c>
      <c r="AP4531">
        <v>21</v>
      </c>
      <c r="AQ4531">
        <v>21</v>
      </c>
    </row>
    <row r="4532" spans="1:43">
      <c r="A4532" t="s">
        <v>2840</v>
      </c>
      <c r="B4532" t="s">
        <v>2841</v>
      </c>
      <c r="C4532" t="s">
        <v>2824</v>
      </c>
      <c r="D4532" t="s">
        <v>2825</v>
      </c>
      <c r="E4532" t="s">
        <v>2352</v>
      </c>
      <c r="F4532" t="s">
        <v>2353</v>
      </c>
      <c r="G4532" t="s">
        <v>80</v>
      </c>
      <c r="H4532" t="s">
        <v>81</v>
      </c>
      <c r="I4532" s="2">
        <v>0</v>
      </c>
      <c r="J4532" s="2">
        <v>0</v>
      </c>
      <c r="K4532" s="2">
        <v>1</v>
      </c>
      <c r="L4532" t="s">
        <v>995</v>
      </c>
      <c r="M4532" t="s">
        <v>89</v>
      </c>
      <c r="N4532" t="s">
        <v>90</v>
      </c>
      <c r="O4532" t="s">
        <v>85</v>
      </c>
      <c r="P4532" t="s">
        <v>86</v>
      </c>
      <c r="Q4532">
        <v>24</v>
      </c>
      <c r="R4532">
        <v>24</v>
      </c>
      <c r="S4532">
        <v>25</v>
      </c>
      <c r="T4532">
        <v>25</v>
      </c>
      <c r="U4532">
        <v>25</v>
      </c>
      <c r="V4532">
        <v>26</v>
      </c>
      <c r="W4532">
        <v>26</v>
      </c>
      <c r="X4532">
        <v>26</v>
      </c>
      <c r="Y4532">
        <v>26</v>
      </c>
      <c r="Z4532">
        <v>26</v>
      </c>
      <c r="AA4532">
        <v>26</v>
      </c>
      <c r="AB4532">
        <v>27</v>
      </c>
      <c r="AC4532">
        <v>27</v>
      </c>
      <c r="AD4532">
        <v>27</v>
      </c>
      <c r="AE4532">
        <v>27</v>
      </c>
      <c r="AF4532">
        <v>27</v>
      </c>
      <c r="AG4532">
        <v>27</v>
      </c>
      <c r="AH4532">
        <v>26</v>
      </c>
      <c r="AI4532">
        <v>26</v>
      </c>
      <c r="AJ4532">
        <v>26</v>
      </c>
      <c r="AK4532">
        <v>26</v>
      </c>
      <c r="AL4532">
        <v>26</v>
      </c>
      <c r="AM4532">
        <v>26</v>
      </c>
      <c r="AN4532">
        <v>26</v>
      </c>
      <c r="AO4532">
        <v>25</v>
      </c>
      <c r="AP4532">
        <v>25</v>
      </c>
      <c r="AQ4532">
        <v>25</v>
      </c>
    </row>
    <row r="4533" spans="1:43">
      <c r="A4533" t="s">
        <v>2840</v>
      </c>
      <c r="B4533" t="s">
        <v>2841</v>
      </c>
      <c r="C4533" t="s">
        <v>2824</v>
      </c>
      <c r="D4533" t="s">
        <v>2825</v>
      </c>
      <c r="E4533" t="s">
        <v>2352</v>
      </c>
      <c r="F4533" t="s">
        <v>2353</v>
      </c>
      <c r="G4533" t="s">
        <v>80</v>
      </c>
      <c r="H4533" t="s">
        <v>81</v>
      </c>
      <c r="I4533" s="2">
        <v>0</v>
      </c>
      <c r="J4533" s="2">
        <v>0</v>
      </c>
      <c r="K4533" s="2">
        <v>1</v>
      </c>
      <c r="L4533" t="s">
        <v>995</v>
      </c>
      <c r="M4533" t="s">
        <v>83</v>
      </c>
      <c r="N4533" t="s">
        <v>91</v>
      </c>
      <c r="O4533" t="s">
        <v>85</v>
      </c>
      <c r="P4533" t="s">
        <v>86</v>
      </c>
      <c r="Q4533">
        <v>24</v>
      </c>
      <c r="R4533">
        <v>24</v>
      </c>
      <c r="S4533">
        <v>24</v>
      </c>
      <c r="T4533">
        <v>24</v>
      </c>
      <c r="U4533">
        <v>24</v>
      </c>
      <c r="V4533">
        <v>24</v>
      </c>
      <c r="W4533">
        <v>25</v>
      </c>
      <c r="X4533">
        <v>25</v>
      </c>
      <c r="Y4533">
        <v>25</v>
      </c>
      <c r="Z4533">
        <v>25</v>
      </c>
      <c r="AA4533">
        <v>25</v>
      </c>
      <c r="AB4533">
        <v>25</v>
      </c>
      <c r="AC4533">
        <v>25</v>
      </c>
      <c r="AD4533">
        <v>25</v>
      </c>
      <c r="AE4533">
        <v>25</v>
      </c>
      <c r="AF4533">
        <v>25</v>
      </c>
      <c r="AG4533">
        <v>25</v>
      </c>
      <c r="AH4533">
        <v>25</v>
      </c>
      <c r="AI4533">
        <v>25</v>
      </c>
      <c r="AJ4533">
        <v>25</v>
      </c>
      <c r="AK4533">
        <v>26</v>
      </c>
      <c r="AL4533">
        <v>25</v>
      </c>
      <c r="AM4533">
        <v>25</v>
      </c>
      <c r="AN4533">
        <v>25</v>
      </c>
      <c r="AO4533">
        <v>25</v>
      </c>
      <c r="AP4533">
        <v>25</v>
      </c>
      <c r="AQ4533">
        <v>25</v>
      </c>
    </row>
    <row r="4534" spans="1:43">
      <c r="A4534" t="s">
        <v>2842</v>
      </c>
      <c r="B4534" t="s">
        <v>2843</v>
      </c>
      <c r="C4534" t="s">
        <v>2824</v>
      </c>
      <c r="D4534" t="s">
        <v>2825</v>
      </c>
      <c r="E4534" t="s">
        <v>2352</v>
      </c>
      <c r="F4534" t="s">
        <v>2353</v>
      </c>
      <c r="G4534" t="s">
        <v>80</v>
      </c>
      <c r="H4534" t="s">
        <v>81</v>
      </c>
      <c r="I4534" s="2">
        <v>0</v>
      </c>
      <c r="J4534" s="2">
        <v>0</v>
      </c>
      <c r="K4534" s="2">
        <v>1</v>
      </c>
      <c r="L4534" t="s">
        <v>995</v>
      </c>
      <c r="M4534" t="s">
        <v>83</v>
      </c>
      <c r="N4534" t="s">
        <v>84</v>
      </c>
      <c r="O4534" t="s">
        <v>85</v>
      </c>
      <c r="P4534" t="s">
        <v>86</v>
      </c>
      <c r="Q4534">
        <v>44</v>
      </c>
      <c r="R4534">
        <v>44</v>
      </c>
      <c r="S4534">
        <v>44</v>
      </c>
      <c r="T4534">
        <v>45</v>
      </c>
      <c r="U4534">
        <v>45</v>
      </c>
      <c r="V4534">
        <v>45</v>
      </c>
      <c r="W4534">
        <v>45</v>
      </c>
      <c r="X4534">
        <v>45</v>
      </c>
      <c r="Y4534">
        <v>46</v>
      </c>
      <c r="Z4534">
        <v>46</v>
      </c>
      <c r="AA4534">
        <v>46</v>
      </c>
      <c r="AB4534">
        <v>46</v>
      </c>
      <c r="AC4534">
        <v>46</v>
      </c>
      <c r="AD4534">
        <v>46</v>
      </c>
      <c r="AE4534">
        <v>46</v>
      </c>
      <c r="AF4534">
        <v>47</v>
      </c>
      <c r="AG4534">
        <v>47</v>
      </c>
      <c r="AH4534">
        <v>47</v>
      </c>
      <c r="AI4534">
        <v>47</v>
      </c>
      <c r="AJ4534">
        <v>47</v>
      </c>
      <c r="AK4534">
        <v>47</v>
      </c>
      <c r="AL4534">
        <v>47</v>
      </c>
      <c r="AM4534">
        <v>47</v>
      </c>
      <c r="AN4534">
        <v>46</v>
      </c>
      <c r="AO4534">
        <v>46</v>
      </c>
      <c r="AP4534">
        <v>46</v>
      </c>
      <c r="AQ4534">
        <v>45</v>
      </c>
    </row>
    <row r="4535" spans="1:43">
      <c r="A4535" t="s">
        <v>2842</v>
      </c>
      <c r="B4535" t="s">
        <v>2843</v>
      </c>
      <c r="C4535" t="s">
        <v>2824</v>
      </c>
      <c r="D4535" t="s">
        <v>2825</v>
      </c>
      <c r="E4535" t="s">
        <v>2352</v>
      </c>
      <c r="F4535" t="s">
        <v>2353</v>
      </c>
      <c r="G4535" t="s">
        <v>80</v>
      </c>
      <c r="H4535" t="s">
        <v>81</v>
      </c>
      <c r="I4535" s="2">
        <v>0</v>
      </c>
      <c r="J4535" s="2">
        <v>0</v>
      </c>
      <c r="K4535" s="2">
        <v>1</v>
      </c>
      <c r="L4535" t="s">
        <v>995</v>
      </c>
      <c r="M4535" t="s">
        <v>87</v>
      </c>
      <c r="N4535" t="s">
        <v>88</v>
      </c>
      <c r="O4535" t="s">
        <v>85</v>
      </c>
      <c r="P4535" t="s">
        <v>86</v>
      </c>
      <c r="Q4535">
        <v>44</v>
      </c>
      <c r="R4535">
        <v>43</v>
      </c>
      <c r="S4535">
        <v>43</v>
      </c>
      <c r="T4535">
        <v>43</v>
      </c>
      <c r="U4535">
        <v>43</v>
      </c>
      <c r="V4535">
        <v>43</v>
      </c>
      <c r="W4535">
        <v>43</v>
      </c>
      <c r="X4535">
        <v>42</v>
      </c>
      <c r="Y4535">
        <v>42</v>
      </c>
      <c r="Z4535">
        <v>42</v>
      </c>
      <c r="AA4535">
        <v>42</v>
      </c>
      <c r="AB4535">
        <v>42</v>
      </c>
      <c r="AC4535">
        <v>42</v>
      </c>
      <c r="AD4535">
        <v>41</v>
      </c>
      <c r="AE4535">
        <v>41</v>
      </c>
      <c r="AF4535">
        <v>41</v>
      </c>
      <c r="AG4535">
        <v>41</v>
      </c>
      <c r="AH4535">
        <v>41</v>
      </c>
      <c r="AI4535">
        <v>41</v>
      </c>
      <c r="AJ4535">
        <v>40</v>
      </c>
      <c r="AK4535">
        <v>40</v>
      </c>
      <c r="AL4535">
        <v>40</v>
      </c>
      <c r="AM4535">
        <v>40</v>
      </c>
      <c r="AN4535">
        <v>40</v>
      </c>
      <c r="AO4535">
        <v>40</v>
      </c>
      <c r="AP4535">
        <v>40</v>
      </c>
      <c r="AQ4535">
        <v>39</v>
      </c>
    </row>
    <row r="4536" spans="1:43">
      <c r="A4536" t="s">
        <v>2842</v>
      </c>
      <c r="B4536" t="s">
        <v>2843</v>
      </c>
      <c r="C4536" t="s">
        <v>2824</v>
      </c>
      <c r="D4536" t="s">
        <v>2825</v>
      </c>
      <c r="E4536" t="s">
        <v>2352</v>
      </c>
      <c r="F4536" t="s">
        <v>2353</v>
      </c>
      <c r="G4536" t="s">
        <v>80</v>
      </c>
      <c r="H4536" t="s">
        <v>81</v>
      </c>
      <c r="I4536" s="2">
        <v>0</v>
      </c>
      <c r="J4536" s="2">
        <v>0</v>
      </c>
      <c r="K4536" s="2">
        <v>1</v>
      </c>
      <c r="L4536" t="s">
        <v>995</v>
      </c>
      <c r="M4536" t="s">
        <v>89</v>
      </c>
      <c r="N4536" t="s">
        <v>90</v>
      </c>
      <c r="O4536" t="s">
        <v>85</v>
      </c>
      <c r="P4536" t="s">
        <v>86</v>
      </c>
      <c r="Q4536">
        <v>44</v>
      </c>
      <c r="R4536">
        <v>45</v>
      </c>
      <c r="S4536">
        <v>46</v>
      </c>
      <c r="T4536">
        <v>46</v>
      </c>
      <c r="U4536">
        <v>47</v>
      </c>
      <c r="V4536">
        <v>47</v>
      </c>
      <c r="W4536">
        <v>48</v>
      </c>
      <c r="X4536">
        <v>48</v>
      </c>
      <c r="Y4536">
        <v>48</v>
      </c>
      <c r="Z4536">
        <v>49</v>
      </c>
      <c r="AA4536">
        <v>49</v>
      </c>
      <c r="AB4536">
        <v>49</v>
      </c>
      <c r="AC4536">
        <v>49</v>
      </c>
      <c r="AD4536">
        <v>50</v>
      </c>
      <c r="AE4536">
        <v>50</v>
      </c>
      <c r="AF4536">
        <v>49</v>
      </c>
      <c r="AG4536">
        <v>49</v>
      </c>
      <c r="AH4536">
        <v>49</v>
      </c>
      <c r="AI4536">
        <v>48</v>
      </c>
      <c r="AJ4536">
        <v>48</v>
      </c>
      <c r="AK4536">
        <v>48</v>
      </c>
      <c r="AL4536">
        <v>47</v>
      </c>
      <c r="AM4536">
        <v>47</v>
      </c>
      <c r="AN4536">
        <v>47</v>
      </c>
      <c r="AO4536">
        <v>47</v>
      </c>
      <c r="AP4536">
        <v>46</v>
      </c>
      <c r="AQ4536">
        <v>46</v>
      </c>
    </row>
    <row r="4537" spans="1:43">
      <c r="A4537" t="s">
        <v>2842</v>
      </c>
      <c r="B4537" t="s">
        <v>2843</v>
      </c>
      <c r="C4537" t="s">
        <v>2824</v>
      </c>
      <c r="D4537" t="s">
        <v>2825</v>
      </c>
      <c r="E4537" t="s">
        <v>2352</v>
      </c>
      <c r="F4537" t="s">
        <v>2353</v>
      </c>
      <c r="G4537" t="s">
        <v>80</v>
      </c>
      <c r="H4537" t="s">
        <v>81</v>
      </c>
      <c r="I4537" s="2">
        <v>0</v>
      </c>
      <c r="J4537" s="2">
        <v>0</v>
      </c>
      <c r="K4537" s="2">
        <v>1</v>
      </c>
      <c r="L4537" t="s">
        <v>995</v>
      </c>
      <c r="M4537" t="s">
        <v>83</v>
      </c>
      <c r="N4537" t="s">
        <v>91</v>
      </c>
      <c r="O4537" t="s">
        <v>85</v>
      </c>
      <c r="P4537" t="s">
        <v>86</v>
      </c>
      <c r="Q4537">
        <v>44</v>
      </c>
      <c r="R4537">
        <v>44</v>
      </c>
      <c r="S4537">
        <v>44</v>
      </c>
      <c r="T4537">
        <v>45</v>
      </c>
      <c r="U4537">
        <v>45</v>
      </c>
      <c r="V4537">
        <v>45</v>
      </c>
      <c r="W4537">
        <v>45</v>
      </c>
      <c r="X4537">
        <v>45</v>
      </c>
      <c r="Y4537">
        <v>46</v>
      </c>
      <c r="Z4537">
        <v>46</v>
      </c>
      <c r="AA4537">
        <v>46</v>
      </c>
      <c r="AB4537">
        <v>46</v>
      </c>
      <c r="AC4537">
        <v>46</v>
      </c>
      <c r="AD4537">
        <v>46</v>
      </c>
      <c r="AE4537">
        <v>46</v>
      </c>
      <c r="AF4537">
        <v>47</v>
      </c>
      <c r="AG4537">
        <v>47</v>
      </c>
      <c r="AH4537">
        <v>47</v>
      </c>
      <c r="AI4537">
        <v>47</v>
      </c>
      <c r="AJ4537">
        <v>47</v>
      </c>
      <c r="AK4537">
        <v>47</v>
      </c>
      <c r="AL4537">
        <v>47</v>
      </c>
      <c r="AM4537">
        <v>47</v>
      </c>
      <c r="AN4537">
        <v>46</v>
      </c>
      <c r="AO4537">
        <v>46</v>
      </c>
      <c r="AP4537">
        <v>46</v>
      </c>
      <c r="AQ4537">
        <v>45</v>
      </c>
    </row>
    <row r="4538" spans="1:43">
      <c r="A4538" t="s">
        <v>2844</v>
      </c>
      <c r="B4538" t="s">
        <v>2845</v>
      </c>
      <c r="C4538" t="s">
        <v>2824</v>
      </c>
      <c r="D4538" t="s">
        <v>2825</v>
      </c>
      <c r="E4538" t="s">
        <v>2352</v>
      </c>
      <c r="F4538" t="s">
        <v>2353</v>
      </c>
      <c r="G4538" t="s">
        <v>80</v>
      </c>
      <c r="H4538" t="s">
        <v>81</v>
      </c>
      <c r="I4538" s="2">
        <v>0</v>
      </c>
      <c r="J4538" s="2">
        <v>0</v>
      </c>
      <c r="K4538" s="2">
        <v>1</v>
      </c>
      <c r="L4538" t="s">
        <v>995</v>
      </c>
      <c r="M4538" t="s">
        <v>83</v>
      </c>
      <c r="N4538" t="s">
        <v>84</v>
      </c>
      <c r="O4538" t="s">
        <v>85</v>
      </c>
      <c r="P4538" t="s">
        <v>86</v>
      </c>
      <c r="Q4538">
        <v>2</v>
      </c>
      <c r="R4538">
        <v>2</v>
      </c>
      <c r="S4538">
        <v>2</v>
      </c>
      <c r="T4538">
        <v>2</v>
      </c>
      <c r="U4538">
        <v>2</v>
      </c>
      <c r="V4538">
        <v>2</v>
      </c>
      <c r="W4538">
        <v>2</v>
      </c>
      <c r="X4538">
        <v>2</v>
      </c>
      <c r="Y4538">
        <v>2</v>
      </c>
      <c r="Z4538">
        <v>2</v>
      </c>
      <c r="AA4538">
        <v>2</v>
      </c>
      <c r="AB4538">
        <v>2</v>
      </c>
      <c r="AC4538">
        <v>2</v>
      </c>
      <c r="AD4538">
        <v>2</v>
      </c>
      <c r="AE4538">
        <v>2</v>
      </c>
      <c r="AF4538">
        <v>2</v>
      </c>
      <c r="AG4538">
        <v>2</v>
      </c>
      <c r="AH4538">
        <v>2</v>
      </c>
      <c r="AI4538">
        <v>2</v>
      </c>
      <c r="AJ4538">
        <v>2</v>
      </c>
      <c r="AK4538">
        <v>2</v>
      </c>
      <c r="AL4538">
        <v>2</v>
      </c>
      <c r="AM4538">
        <v>2</v>
      </c>
      <c r="AN4538">
        <v>2</v>
      </c>
      <c r="AO4538">
        <v>2</v>
      </c>
      <c r="AP4538">
        <v>2</v>
      </c>
      <c r="AQ4538">
        <v>2</v>
      </c>
    </row>
    <row r="4539" spans="1:43">
      <c r="A4539" t="s">
        <v>2844</v>
      </c>
      <c r="B4539" t="s">
        <v>2845</v>
      </c>
      <c r="C4539" t="s">
        <v>2824</v>
      </c>
      <c r="D4539" t="s">
        <v>2825</v>
      </c>
      <c r="E4539" t="s">
        <v>2352</v>
      </c>
      <c r="F4539" t="s">
        <v>2353</v>
      </c>
      <c r="G4539" t="s">
        <v>80</v>
      </c>
      <c r="H4539" t="s">
        <v>81</v>
      </c>
      <c r="I4539" s="2">
        <v>0</v>
      </c>
      <c r="J4539" s="2">
        <v>0</v>
      </c>
      <c r="K4539" s="2">
        <v>1</v>
      </c>
      <c r="L4539" t="s">
        <v>995</v>
      </c>
      <c r="M4539" t="s">
        <v>87</v>
      </c>
      <c r="N4539" t="s">
        <v>88</v>
      </c>
      <c r="O4539" t="s">
        <v>85</v>
      </c>
      <c r="P4539" t="s">
        <v>86</v>
      </c>
      <c r="Q4539">
        <v>2</v>
      </c>
      <c r="R4539">
        <v>2</v>
      </c>
      <c r="S4539">
        <v>2</v>
      </c>
      <c r="T4539">
        <v>2</v>
      </c>
      <c r="U4539">
        <v>2</v>
      </c>
      <c r="V4539">
        <v>2</v>
      </c>
      <c r="W4539">
        <v>2</v>
      </c>
      <c r="X4539">
        <v>2</v>
      </c>
      <c r="Y4539">
        <v>2</v>
      </c>
      <c r="Z4539">
        <v>2</v>
      </c>
      <c r="AA4539">
        <v>2</v>
      </c>
      <c r="AB4539">
        <v>2</v>
      </c>
      <c r="AC4539">
        <v>2</v>
      </c>
      <c r="AD4539">
        <v>2</v>
      </c>
      <c r="AE4539">
        <v>2</v>
      </c>
      <c r="AF4539">
        <v>2</v>
      </c>
      <c r="AG4539">
        <v>2</v>
      </c>
      <c r="AH4539">
        <v>2</v>
      </c>
      <c r="AI4539">
        <v>2</v>
      </c>
      <c r="AJ4539">
        <v>2</v>
      </c>
      <c r="AK4539">
        <v>2</v>
      </c>
      <c r="AL4539">
        <v>2</v>
      </c>
      <c r="AM4539">
        <v>2</v>
      </c>
      <c r="AN4539">
        <v>2</v>
      </c>
      <c r="AO4539">
        <v>2</v>
      </c>
      <c r="AP4539">
        <v>2</v>
      </c>
      <c r="AQ4539">
        <v>2</v>
      </c>
    </row>
    <row r="4540" spans="1:43">
      <c r="A4540" t="s">
        <v>2844</v>
      </c>
      <c r="B4540" t="s">
        <v>2845</v>
      </c>
      <c r="C4540" t="s">
        <v>2824</v>
      </c>
      <c r="D4540" t="s">
        <v>2825</v>
      </c>
      <c r="E4540" t="s">
        <v>2352</v>
      </c>
      <c r="F4540" t="s">
        <v>2353</v>
      </c>
      <c r="G4540" t="s">
        <v>80</v>
      </c>
      <c r="H4540" t="s">
        <v>81</v>
      </c>
      <c r="I4540" s="2">
        <v>0</v>
      </c>
      <c r="J4540" s="2">
        <v>0</v>
      </c>
      <c r="K4540" s="2">
        <v>1</v>
      </c>
      <c r="L4540" t="s">
        <v>995</v>
      </c>
      <c r="M4540" t="s">
        <v>89</v>
      </c>
      <c r="N4540" t="s">
        <v>90</v>
      </c>
      <c r="O4540" t="s">
        <v>85</v>
      </c>
      <c r="P4540" t="s">
        <v>86</v>
      </c>
      <c r="Q4540">
        <v>2</v>
      </c>
      <c r="R4540">
        <v>2</v>
      </c>
      <c r="S4540">
        <v>2</v>
      </c>
      <c r="T4540">
        <v>2</v>
      </c>
      <c r="U4540">
        <v>2</v>
      </c>
      <c r="V4540">
        <v>2</v>
      </c>
      <c r="W4540">
        <v>2</v>
      </c>
      <c r="X4540">
        <v>2</v>
      </c>
      <c r="Y4540">
        <v>2</v>
      </c>
      <c r="Z4540">
        <v>2</v>
      </c>
      <c r="AA4540">
        <v>2</v>
      </c>
      <c r="AB4540">
        <v>2</v>
      </c>
      <c r="AC4540">
        <v>2</v>
      </c>
      <c r="AD4540">
        <v>2</v>
      </c>
      <c r="AE4540">
        <v>2</v>
      </c>
      <c r="AF4540">
        <v>2</v>
      </c>
      <c r="AG4540">
        <v>2</v>
      </c>
      <c r="AH4540">
        <v>2</v>
      </c>
      <c r="AI4540">
        <v>2</v>
      </c>
      <c r="AJ4540">
        <v>2</v>
      </c>
      <c r="AK4540">
        <v>2</v>
      </c>
      <c r="AL4540">
        <v>2</v>
      </c>
      <c r="AM4540">
        <v>2</v>
      </c>
      <c r="AN4540">
        <v>2</v>
      </c>
      <c r="AO4540">
        <v>2</v>
      </c>
      <c r="AP4540">
        <v>2</v>
      </c>
      <c r="AQ4540">
        <v>2</v>
      </c>
    </row>
    <row r="4541" spans="1:43">
      <c r="A4541" t="s">
        <v>2844</v>
      </c>
      <c r="B4541" t="s">
        <v>2845</v>
      </c>
      <c r="C4541" t="s">
        <v>2824</v>
      </c>
      <c r="D4541" t="s">
        <v>2825</v>
      </c>
      <c r="E4541" t="s">
        <v>2352</v>
      </c>
      <c r="F4541" t="s">
        <v>2353</v>
      </c>
      <c r="G4541" t="s">
        <v>80</v>
      </c>
      <c r="H4541" t="s">
        <v>81</v>
      </c>
      <c r="I4541" s="2">
        <v>0</v>
      </c>
      <c r="J4541" s="2">
        <v>0</v>
      </c>
      <c r="K4541" s="2">
        <v>1</v>
      </c>
      <c r="L4541" t="s">
        <v>995</v>
      </c>
      <c r="M4541" t="s">
        <v>83</v>
      </c>
      <c r="N4541" t="s">
        <v>91</v>
      </c>
      <c r="O4541" t="s">
        <v>85</v>
      </c>
      <c r="P4541" t="s">
        <v>86</v>
      </c>
      <c r="Q4541">
        <v>2</v>
      </c>
      <c r="R4541">
        <v>2</v>
      </c>
      <c r="S4541">
        <v>2</v>
      </c>
      <c r="T4541">
        <v>2</v>
      </c>
      <c r="U4541">
        <v>2</v>
      </c>
      <c r="V4541">
        <v>2</v>
      </c>
      <c r="W4541">
        <v>2</v>
      </c>
      <c r="X4541">
        <v>2</v>
      </c>
      <c r="Y4541">
        <v>2</v>
      </c>
      <c r="Z4541">
        <v>2</v>
      </c>
      <c r="AA4541">
        <v>2</v>
      </c>
      <c r="AB4541">
        <v>2</v>
      </c>
      <c r="AC4541">
        <v>2</v>
      </c>
      <c r="AD4541">
        <v>2</v>
      </c>
      <c r="AE4541">
        <v>2</v>
      </c>
      <c r="AF4541">
        <v>2</v>
      </c>
      <c r="AG4541">
        <v>2</v>
      </c>
      <c r="AH4541">
        <v>2</v>
      </c>
      <c r="AI4541">
        <v>2</v>
      </c>
      <c r="AJ4541">
        <v>2</v>
      </c>
      <c r="AK4541">
        <v>2</v>
      </c>
      <c r="AL4541">
        <v>2</v>
      </c>
      <c r="AM4541">
        <v>2</v>
      </c>
      <c r="AN4541">
        <v>2</v>
      </c>
      <c r="AO4541">
        <v>2</v>
      </c>
      <c r="AP4541">
        <v>2</v>
      </c>
      <c r="AQ4541">
        <v>2</v>
      </c>
    </row>
    <row r="4542" spans="1:43">
      <c r="A4542" t="s">
        <v>2846</v>
      </c>
      <c r="B4542" t="s">
        <v>2847</v>
      </c>
      <c r="C4542" t="s">
        <v>2394</v>
      </c>
      <c r="D4542" t="s">
        <v>2395</v>
      </c>
      <c r="E4542" t="s">
        <v>2352</v>
      </c>
      <c r="F4542" t="s">
        <v>2353</v>
      </c>
      <c r="G4542" t="s">
        <v>80</v>
      </c>
      <c r="H4542" t="s">
        <v>81</v>
      </c>
      <c r="I4542" s="2">
        <v>0</v>
      </c>
      <c r="J4542" s="2">
        <v>0</v>
      </c>
      <c r="K4542" s="2">
        <v>1</v>
      </c>
      <c r="L4542" t="s">
        <v>995</v>
      </c>
      <c r="M4542" t="s">
        <v>83</v>
      </c>
      <c r="N4542" t="s">
        <v>84</v>
      </c>
      <c r="O4542" t="s">
        <v>85</v>
      </c>
      <c r="P4542" t="s">
        <v>86</v>
      </c>
      <c r="Q4542">
        <v>23</v>
      </c>
      <c r="R4542">
        <v>23</v>
      </c>
      <c r="S4542">
        <v>23</v>
      </c>
      <c r="T4542">
        <v>23</v>
      </c>
      <c r="U4542">
        <v>23</v>
      </c>
      <c r="V4542">
        <v>23</v>
      </c>
      <c r="W4542">
        <v>23</v>
      </c>
      <c r="X4542">
        <v>23</v>
      </c>
      <c r="Y4542">
        <v>23</v>
      </c>
      <c r="Z4542">
        <v>23</v>
      </c>
      <c r="AA4542">
        <v>24</v>
      </c>
      <c r="AB4542">
        <v>24</v>
      </c>
      <c r="AC4542">
        <v>24</v>
      </c>
      <c r="AD4542">
        <v>24</v>
      </c>
      <c r="AE4542">
        <v>24</v>
      </c>
      <c r="AF4542">
        <v>24</v>
      </c>
      <c r="AG4542">
        <v>24</v>
      </c>
      <c r="AH4542">
        <v>24</v>
      </c>
      <c r="AI4542">
        <v>24</v>
      </c>
      <c r="AJ4542">
        <v>24</v>
      </c>
      <c r="AK4542">
        <v>24</v>
      </c>
      <c r="AL4542">
        <v>23</v>
      </c>
      <c r="AM4542">
        <v>23</v>
      </c>
      <c r="AN4542">
        <v>23</v>
      </c>
      <c r="AO4542">
        <v>23</v>
      </c>
      <c r="AP4542">
        <v>23</v>
      </c>
      <c r="AQ4542">
        <v>22</v>
      </c>
    </row>
    <row r="4543" spans="1:43">
      <c r="A4543" t="s">
        <v>2846</v>
      </c>
      <c r="B4543" t="s">
        <v>2847</v>
      </c>
      <c r="C4543" t="s">
        <v>2394</v>
      </c>
      <c r="D4543" t="s">
        <v>2395</v>
      </c>
      <c r="E4543" t="s">
        <v>2352</v>
      </c>
      <c r="F4543" t="s">
        <v>2353</v>
      </c>
      <c r="G4543" t="s">
        <v>80</v>
      </c>
      <c r="H4543" t="s">
        <v>81</v>
      </c>
      <c r="I4543" s="2">
        <v>0</v>
      </c>
      <c r="J4543" s="2">
        <v>0</v>
      </c>
      <c r="K4543" s="2">
        <v>1</v>
      </c>
      <c r="L4543" t="s">
        <v>995</v>
      </c>
      <c r="M4543" t="s">
        <v>87</v>
      </c>
      <c r="N4543" t="s">
        <v>88</v>
      </c>
      <c r="O4543" t="s">
        <v>85</v>
      </c>
      <c r="P4543" t="s">
        <v>86</v>
      </c>
      <c r="Q4543">
        <v>23</v>
      </c>
      <c r="R4543">
        <v>23</v>
      </c>
      <c r="S4543">
        <v>22</v>
      </c>
      <c r="T4543">
        <v>22</v>
      </c>
      <c r="U4543">
        <v>22</v>
      </c>
      <c r="V4543">
        <v>22</v>
      </c>
      <c r="W4543">
        <v>22</v>
      </c>
      <c r="X4543">
        <v>22</v>
      </c>
      <c r="Y4543">
        <v>22</v>
      </c>
      <c r="Z4543">
        <v>22</v>
      </c>
      <c r="AA4543">
        <v>21</v>
      </c>
      <c r="AB4543">
        <v>21</v>
      </c>
      <c r="AC4543">
        <v>21</v>
      </c>
      <c r="AD4543">
        <v>21</v>
      </c>
      <c r="AE4543">
        <v>21</v>
      </c>
      <c r="AF4543">
        <v>21</v>
      </c>
      <c r="AG4543">
        <v>21</v>
      </c>
      <c r="AH4543">
        <v>21</v>
      </c>
      <c r="AI4543">
        <v>20</v>
      </c>
      <c r="AJ4543">
        <v>20</v>
      </c>
      <c r="AK4543">
        <v>20</v>
      </c>
      <c r="AL4543">
        <v>20</v>
      </c>
      <c r="AM4543">
        <v>20</v>
      </c>
      <c r="AN4543">
        <v>20</v>
      </c>
      <c r="AO4543">
        <v>20</v>
      </c>
      <c r="AP4543">
        <v>20</v>
      </c>
      <c r="AQ4543">
        <v>20</v>
      </c>
    </row>
    <row r="4544" spans="1:43">
      <c r="A4544" t="s">
        <v>2846</v>
      </c>
      <c r="B4544" t="s">
        <v>2847</v>
      </c>
      <c r="C4544" t="s">
        <v>2394</v>
      </c>
      <c r="D4544" t="s">
        <v>2395</v>
      </c>
      <c r="E4544" t="s">
        <v>2352</v>
      </c>
      <c r="F4544" t="s">
        <v>2353</v>
      </c>
      <c r="G4544" t="s">
        <v>80</v>
      </c>
      <c r="H4544" t="s">
        <v>81</v>
      </c>
      <c r="I4544" s="2">
        <v>0</v>
      </c>
      <c r="J4544" s="2">
        <v>0</v>
      </c>
      <c r="K4544" s="2">
        <v>1</v>
      </c>
      <c r="L4544" t="s">
        <v>995</v>
      </c>
      <c r="M4544" t="s">
        <v>89</v>
      </c>
      <c r="N4544" t="s">
        <v>90</v>
      </c>
      <c r="O4544" t="s">
        <v>85</v>
      </c>
      <c r="P4544" t="s">
        <v>86</v>
      </c>
      <c r="Q4544">
        <v>23</v>
      </c>
      <c r="R4544">
        <v>23</v>
      </c>
      <c r="S4544">
        <v>24</v>
      </c>
      <c r="T4544">
        <v>24</v>
      </c>
      <c r="U4544">
        <v>24</v>
      </c>
      <c r="V4544">
        <v>24</v>
      </c>
      <c r="W4544">
        <v>25</v>
      </c>
      <c r="X4544">
        <v>25</v>
      </c>
      <c r="Y4544">
        <v>25</v>
      </c>
      <c r="Z4544">
        <v>25</v>
      </c>
      <c r="AA4544">
        <v>25</v>
      </c>
      <c r="AB4544">
        <v>25</v>
      </c>
      <c r="AC4544">
        <v>25</v>
      </c>
      <c r="AD4544">
        <v>25</v>
      </c>
      <c r="AE4544">
        <v>25</v>
      </c>
      <c r="AF4544">
        <v>25</v>
      </c>
      <c r="AG4544">
        <v>25</v>
      </c>
      <c r="AH4544">
        <v>24</v>
      </c>
      <c r="AI4544">
        <v>24</v>
      </c>
      <c r="AJ4544">
        <v>24</v>
      </c>
      <c r="AK4544">
        <v>24</v>
      </c>
      <c r="AL4544">
        <v>24</v>
      </c>
      <c r="AM4544">
        <v>23</v>
      </c>
      <c r="AN4544">
        <v>23</v>
      </c>
      <c r="AO4544">
        <v>23</v>
      </c>
      <c r="AP4544">
        <v>23</v>
      </c>
      <c r="AQ4544">
        <v>23</v>
      </c>
    </row>
    <row r="4545" spans="1:43">
      <c r="A4545" t="s">
        <v>2846</v>
      </c>
      <c r="B4545" t="s">
        <v>2847</v>
      </c>
      <c r="C4545" t="s">
        <v>2394</v>
      </c>
      <c r="D4545" t="s">
        <v>2395</v>
      </c>
      <c r="E4545" t="s">
        <v>2352</v>
      </c>
      <c r="F4545" t="s">
        <v>2353</v>
      </c>
      <c r="G4545" t="s">
        <v>80</v>
      </c>
      <c r="H4545" t="s">
        <v>81</v>
      </c>
      <c r="I4545" s="2">
        <v>0</v>
      </c>
      <c r="J4545" s="2">
        <v>0</v>
      </c>
      <c r="K4545" s="2">
        <v>1</v>
      </c>
      <c r="L4545" t="s">
        <v>995</v>
      </c>
      <c r="M4545" t="s">
        <v>83</v>
      </c>
      <c r="N4545" t="s">
        <v>91</v>
      </c>
      <c r="O4545" t="s">
        <v>85</v>
      </c>
      <c r="P4545" t="s">
        <v>86</v>
      </c>
      <c r="Q4545">
        <v>23</v>
      </c>
      <c r="R4545">
        <v>23</v>
      </c>
      <c r="S4545">
        <v>23</v>
      </c>
      <c r="T4545">
        <v>23</v>
      </c>
      <c r="U4545">
        <v>23</v>
      </c>
      <c r="V4545">
        <v>23</v>
      </c>
      <c r="W4545">
        <v>23</v>
      </c>
      <c r="X4545">
        <v>23</v>
      </c>
      <c r="Y4545">
        <v>23</v>
      </c>
      <c r="Z4545">
        <v>23</v>
      </c>
      <c r="AA4545">
        <v>24</v>
      </c>
      <c r="AB4545">
        <v>24</v>
      </c>
      <c r="AC4545">
        <v>24</v>
      </c>
      <c r="AD4545">
        <v>24</v>
      </c>
      <c r="AE4545">
        <v>24</v>
      </c>
      <c r="AF4545">
        <v>24</v>
      </c>
      <c r="AG4545">
        <v>24</v>
      </c>
      <c r="AH4545">
        <v>24</v>
      </c>
      <c r="AI4545">
        <v>24</v>
      </c>
      <c r="AJ4545">
        <v>24</v>
      </c>
      <c r="AK4545">
        <v>24</v>
      </c>
      <c r="AL4545">
        <v>23</v>
      </c>
      <c r="AM4545">
        <v>23</v>
      </c>
      <c r="AN4545">
        <v>23</v>
      </c>
      <c r="AO4545">
        <v>23</v>
      </c>
      <c r="AP4545">
        <v>23</v>
      </c>
      <c r="AQ4545">
        <v>22</v>
      </c>
    </row>
    <row r="4546" spans="1:43">
      <c r="A4546" t="s">
        <v>2848</v>
      </c>
      <c r="B4546" t="s">
        <v>2849</v>
      </c>
      <c r="C4546" t="s">
        <v>2394</v>
      </c>
      <c r="D4546" t="s">
        <v>2395</v>
      </c>
      <c r="E4546" t="s">
        <v>2352</v>
      </c>
      <c r="F4546" t="s">
        <v>2353</v>
      </c>
      <c r="G4546" t="s">
        <v>80</v>
      </c>
      <c r="H4546" t="s">
        <v>81</v>
      </c>
      <c r="I4546" s="2">
        <v>0</v>
      </c>
      <c r="J4546" s="2">
        <v>0</v>
      </c>
      <c r="K4546" s="2">
        <v>1</v>
      </c>
      <c r="L4546" t="s">
        <v>995</v>
      </c>
      <c r="M4546" t="s">
        <v>83</v>
      </c>
      <c r="N4546" t="s">
        <v>84</v>
      </c>
      <c r="O4546" t="s">
        <v>85</v>
      </c>
      <c r="P4546" t="s">
        <v>86</v>
      </c>
      <c r="Q4546">
        <v>52</v>
      </c>
      <c r="R4546">
        <v>53</v>
      </c>
      <c r="S4546">
        <v>53</v>
      </c>
      <c r="T4546">
        <v>53</v>
      </c>
      <c r="U4546">
        <v>53</v>
      </c>
      <c r="V4546">
        <v>53</v>
      </c>
      <c r="W4546">
        <v>53</v>
      </c>
      <c r="X4546">
        <v>54</v>
      </c>
      <c r="Y4546">
        <v>54</v>
      </c>
      <c r="Z4546">
        <v>54</v>
      </c>
      <c r="AA4546">
        <v>54</v>
      </c>
      <c r="AB4546">
        <v>54</v>
      </c>
      <c r="AC4546">
        <v>54</v>
      </c>
      <c r="AD4546">
        <v>54</v>
      </c>
      <c r="AE4546">
        <v>54</v>
      </c>
      <c r="AF4546">
        <v>54</v>
      </c>
      <c r="AG4546">
        <v>54</v>
      </c>
      <c r="AH4546">
        <v>54</v>
      </c>
      <c r="AI4546">
        <v>54</v>
      </c>
      <c r="AJ4546">
        <v>54</v>
      </c>
      <c r="AK4546">
        <v>54</v>
      </c>
      <c r="AL4546">
        <v>54</v>
      </c>
      <c r="AM4546">
        <v>53</v>
      </c>
      <c r="AN4546">
        <v>53</v>
      </c>
      <c r="AO4546">
        <v>52</v>
      </c>
      <c r="AP4546">
        <v>52</v>
      </c>
      <c r="AQ4546">
        <v>52</v>
      </c>
    </row>
    <row r="4547" spans="1:43">
      <c r="A4547" t="s">
        <v>2848</v>
      </c>
      <c r="B4547" t="s">
        <v>2849</v>
      </c>
      <c r="C4547" t="s">
        <v>2394</v>
      </c>
      <c r="D4547" t="s">
        <v>2395</v>
      </c>
      <c r="E4547" t="s">
        <v>2352</v>
      </c>
      <c r="F4547" t="s">
        <v>2353</v>
      </c>
      <c r="G4547" t="s">
        <v>80</v>
      </c>
      <c r="H4547" t="s">
        <v>81</v>
      </c>
      <c r="I4547" s="2">
        <v>0</v>
      </c>
      <c r="J4547" s="2">
        <v>0</v>
      </c>
      <c r="K4547" s="2">
        <v>1</v>
      </c>
      <c r="L4547" t="s">
        <v>995</v>
      </c>
      <c r="M4547" t="s">
        <v>87</v>
      </c>
      <c r="N4547" t="s">
        <v>88</v>
      </c>
      <c r="O4547" t="s">
        <v>85</v>
      </c>
      <c r="P4547" t="s">
        <v>86</v>
      </c>
      <c r="Q4547">
        <v>52</v>
      </c>
      <c r="R4547">
        <v>52</v>
      </c>
      <c r="S4547">
        <v>51</v>
      </c>
      <c r="T4547">
        <v>51</v>
      </c>
      <c r="U4547">
        <v>51</v>
      </c>
      <c r="V4547">
        <v>50</v>
      </c>
      <c r="W4547">
        <v>50</v>
      </c>
      <c r="X4547">
        <v>50</v>
      </c>
      <c r="Y4547">
        <v>50</v>
      </c>
      <c r="Z4547">
        <v>49</v>
      </c>
      <c r="AA4547">
        <v>49</v>
      </c>
      <c r="AB4547">
        <v>49</v>
      </c>
      <c r="AC4547">
        <v>48</v>
      </c>
      <c r="AD4547">
        <v>48</v>
      </c>
      <c r="AE4547">
        <v>48</v>
      </c>
      <c r="AF4547">
        <v>48</v>
      </c>
      <c r="AG4547">
        <v>47</v>
      </c>
      <c r="AH4547">
        <v>47</v>
      </c>
      <c r="AI4547">
        <v>47</v>
      </c>
      <c r="AJ4547">
        <v>47</v>
      </c>
      <c r="AK4547">
        <v>46</v>
      </c>
      <c r="AL4547">
        <v>46</v>
      </c>
      <c r="AM4547">
        <v>46</v>
      </c>
      <c r="AN4547">
        <v>46</v>
      </c>
      <c r="AO4547">
        <v>45</v>
      </c>
      <c r="AP4547">
        <v>45</v>
      </c>
      <c r="AQ4547">
        <v>45</v>
      </c>
    </row>
    <row r="4548" spans="1:43">
      <c r="A4548" t="s">
        <v>2848</v>
      </c>
      <c r="B4548" t="s">
        <v>2849</v>
      </c>
      <c r="C4548" t="s">
        <v>2394</v>
      </c>
      <c r="D4548" t="s">
        <v>2395</v>
      </c>
      <c r="E4548" t="s">
        <v>2352</v>
      </c>
      <c r="F4548" t="s">
        <v>2353</v>
      </c>
      <c r="G4548" t="s">
        <v>80</v>
      </c>
      <c r="H4548" t="s">
        <v>81</v>
      </c>
      <c r="I4548" s="2">
        <v>0</v>
      </c>
      <c r="J4548" s="2">
        <v>0</v>
      </c>
      <c r="K4548" s="2">
        <v>1</v>
      </c>
      <c r="L4548" t="s">
        <v>995</v>
      </c>
      <c r="M4548" t="s">
        <v>89</v>
      </c>
      <c r="N4548" t="s">
        <v>90</v>
      </c>
      <c r="O4548" t="s">
        <v>85</v>
      </c>
      <c r="P4548" t="s">
        <v>86</v>
      </c>
      <c r="Q4548">
        <v>52</v>
      </c>
      <c r="R4548">
        <v>53</v>
      </c>
      <c r="S4548">
        <v>53</v>
      </c>
      <c r="T4548">
        <v>54</v>
      </c>
      <c r="U4548">
        <v>54</v>
      </c>
      <c r="V4548">
        <v>55</v>
      </c>
      <c r="W4548">
        <v>55</v>
      </c>
      <c r="X4548">
        <v>55</v>
      </c>
      <c r="Y4548">
        <v>56</v>
      </c>
      <c r="Z4548">
        <v>56</v>
      </c>
      <c r="AA4548">
        <v>56</v>
      </c>
      <c r="AB4548">
        <v>56</v>
      </c>
      <c r="AC4548">
        <v>57</v>
      </c>
      <c r="AD4548">
        <v>57</v>
      </c>
      <c r="AE4548">
        <v>57</v>
      </c>
      <c r="AF4548">
        <v>56</v>
      </c>
      <c r="AG4548">
        <v>56</v>
      </c>
      <c r="AH4548">
        <v>55</v>
      </c>
      <c r="AI4548">
        <v>55</v>
      </c>
      <c r="AJ4548">
        <v>54</v>
      </c>
      <c r="AK4548">
        <v>54</v>
      </c>
      <c r="AL4548">
        <v>53</v>
      </c>
      <c r="AM4548">
        <v>53</v>
      </c>
      <c r="AN4548">
        <v>52</v>
      </c>
      <c r="AO4548">
        <v>52</v>
      </c>
      <c r="AP4548">
        <v>52</v>
      </c>
      <c r="AQ4548">
        <v>51</v>
      </c>
    </row>
    <row r="4549" spans="1:43">
      <c r="A4549" t="s">
        <v>2848</v>
      </c>
      <c r="B4549" t="s">
        <v>2849</v>
      </c>
      <c r="C4549" t="s">
        <v>2394</v>
      </c>
      <c r="D4549" t="s">
        <v>2395</v>
      </c>
      <c r="E4549" t="s">
        <v>2352</v>
      </c>
      <c r="F4549" t="s">
        <v>2353</v>
      </c>
      <c r="G4549" t="s">
        <v>80</v>
      </c>
      <c r="H4549" t="s">
        <v>81</v>
      </c>
      <c r="I4549" s="2">
        <v>0</v>
      </c>
      <c r="J4549" s="2">
        <v>0</v>
      </c>
      <c r="K4549" s="2">
        <v>1</v>
      </c>
      <c r="L4549" t="s">
        <v>995</v>
      </c>
      <c r="M4549" t="s">
        <v>83</v>
      </c>
      <c r="N4549" t="s">
        <v>91</v>
      </c>
      <c r="O4549" t="s">
        <v>85</v>
      </c>
      <c r="P4549" t="s">
        <v>86</v>
      </c>
      <c r="Q4549">
        <v>52</v>
      </c>
      <c r="R4549">
        <v>53</v>
      </c>
      <c r="S4549">
        <v>53</v>
      </c>
      <c r="T4549">
        <v>53</v>
      </c>
      <c r="U4549">
        <v>53</v>
      </c>
      <c r="V4549">
        <v>53</v>
      </c>
      <c r="W4549">
        <v>53</v>
      </c>
      <c r="X4549">
        <v>54</v>
      </c>
      <c r="Y4549">
        <v>54</v>
      </c>
      <c r="Z4549">
        <v>54</v>
      </c>
      <c r="AA4549">
        <v>54</v>
      </c>
      <c r="AB4549">
        <v>54</v>
      </c>
      <c r="AC4549">
        <v>54</v>
      </c>
      <c r="AD4549">
        <v>54</v>
      </c>
      <c r="AE4549">
        <v>54</v>
      </c>
      <c r="AF4549">
        <v>54</v>
      </c>
      <c r="AG4549">
        <v>54</v>
      </c>
      <c r="AH4549">
        <v>54</v>
      </c>
      <c r="AI4549">
        <v>54</v>
      </c>
      <c r="AJ4549">
        <v>54</v>
      </c>
      <c r="AK4549">
        <v>54</v>
      </c>
      <c r="AL4549">
        <v>54</v>
      </c>
      <c r="AM4549">
        <v>53</v>
      </c>
      <c r="AN4549">
        <v>53</v>
      </c>
      <c r="AO4549">
        <v>52</v>
      </c>
      <c r="AP4549">
        <v>52</v>
      </c>
      <c r="AQ4549">
        <v>52</v>
      </c>
    </row>
    <row r="4550" spans="1:43">
      <c r="A4550" t="s">
        <v>2850</v>
      </c>
      <c r="B4550" t="s">
        <v>2851</v>
      </c>
      <c r="C4550" t="s">
        <v>2364</v>
      </c>
      <c r="D4550" t="s">
        <v>2365</v>
      </c>
      <c r="E4550" t="s">
        <v>2352</v>
      </c>
      <c r="F4550" t="s">
        <v>2353</v>
      </c>
      <c r="G4550" t="s">
        <v>80</v>
      </c>
      <c r="H4550" t="s">
        <v>81</v>
      </c>
      <c r="I4550" s="2">
        <v>0</v>
      </c>
      <c r="J4550" s="2">
        <v>0</v>
      </c>
      <c r="K4550" s="2">
        <v>1</v>
      </c>
      <c r="L4550" t="s">
        <v>995</v>
      </c>
      <c r="M4550" t="s">
        <v>83</v>
      </c>
      <c r="N4550" t="s">
        <v>84</v>
      </c>
      <c r="O4550" t="s">
        <v>85</v>
      </c>
      <c r="P4550" t="s">
        <v>86</v>
      </c>
      <c r="Q4550">
        <v>55</v>
      </c>
      <c r="R4550">
        <v>55</v>
      </c>
      <c r="S4550">
        <v>56</v>
      </c>
      <c r="T4550">
        <v>56</v>
      </c>
      <c r="U4550">
        <v>56</v>
      </c>
      <c r="V4550">
        <v>56</v>
      </c>
      <c r="W4550">
        <v>56</v>
      </c>
      <c r="X4550">
        <v>56</v>
      </c>
      <c r="Y4550">
        <v>57</v>
      </c>
      <c r="Z4550">
        <v>57</v>
      </c>
      <c r="AA4550">
        <v>57</v>
      </c>
      <c r="AB4550">
        <v>57</v>
      </c>
      <c r="AC4550">
        <v>57</v>
      </c>
      <c r="AD4550">
        <v>57</v>
      </c>
      <c r="AE4550">
        <v>57</v>
      </c>
      <c r="AF4550">
        <v>57</v>
      </c>
      <c r="AG4550">
        <v>57</v>
      </c>
      <c r="AH4550">
        <v>57</v>
      </c>
      <c r="AI4550">
        <v>57</v>
      </c>
      <c r="AJ4550">
        <v>57</v>
      </c>
      <c r="AK4550">
        <v>57</v>
      </c>
      <c r="AL4550">
        <v>57</v>
      </c>
      <c r="AM4550">
        <v>57</v>
      </c>
      <c r="AN4550">
        <v>56</v>
      </c>
      <c r="AO4550">
        <v>56</v>
      </c>
      <c r="AP4550">
        <v>55</v>
      </c>
      <c r="AQ4550">
        <v>55</v>
      </c>
    </row>
    <row r="4551" spans="1:43">
      <c r="A4551" t="s">
        <v>2850</v>
      </c>
      <c r="B4551" t="s">
        <v>2851</v>
      </c>
      <c r="C4551" t="s">
        <v>2364</v>
      </c>
      <c r="D4551" t="s">
        <v>2365</v>
      </c>
      <c r="E4551" t="s">
        <v>2352</v>
      </c>
      <c r="F4551" t="s">
        <v>2353</v>
      </c>
      <c r="G4551" t="s">
        <v>80</v>
      </c>
      <c r="H4551" t="s">
        <v>81</v>
      </c>
      <c r="I4551" s="2">
        <v>0</v>
      </c>
      <c r="J4551" s="2">
        <v>0</v>
      </c>
      <c r="K4551" s="2">
        <v>1</v>
      </c>
      <c r="L4551" t="s">
        <v>995</v>
      </c>
      <c r="M4551" t="s">
        <v>87</v>
      </c>
      <c r="N4551" t="s">
        <v>88</v>
      </c>
      <c r="O4551" t="s">
        <v>85</v>
      </c>
      <c r="P4551" t="s">
        <v>86</v>
      </c>
      <c r="Q4551">
        <v>55</v>
      </c>
      <c r="R4551">
        <v>54</v>
      </c>
      <c r="S4551">
        <v>54</v>
      </c>
      <c r="T4551">
        <v>54</v>
      </c>
      <c r="U4551">
        <v>53</v>
      </c>
      <c r="V4551">
        <v>53</v>
      </c>
      <c r="W4551">
        <v>53</v>
      </c>
      <c r="X4551">
        <v>53</v>
      </c>
      <c r="Y4551">
        <v>52</v>
      </c>
      <c r="Z4551">
        <v>52</v>
      </c>
      <c r="AA4551">
        <v>52</v>
      </c>
      <c r="AB4551">
        <v>51</v>
      </c>
      <c r="AC4551">
        <v>51</v>
      </c>
      <c r="AD4551">
        <v>51</v>
      </c>
      <c r="AE4551">
        <v>51</v>
      </c>
      <c r="AF4551">
        <v>50</v>
      </c>
      <c r="AG4551">
        <v>50</v>
      </c>
      <c r="AH4551">
        <v>50</v>
      </c>
      <c r="AI4551">
        <v>50</v>
      </c>
      <c r="AJ4551">
        <v>49</v>
      </c>
      <c r="AK4551">
        <v>49</v>
      </c>
      <c r="AL4551">
        <v>49</v>
      </c>
      <c r="AM4551">
        <v>49</v>
      </c>
      <c r="AN4551">
        <v>48</v>
      </c>
      <c r="AO4551">
        <v>48</v>
      </c>
      <c r="AP4551">
        <v>48</v>
      </c>
      <c r="AQ4551">
        <v>48</v>
      </c>
    </row>
    <row r="4552" spans="1:43">
      <c r="A4552" t="s">
        <v>2850</v>
      </c>
      <c r="B4552" t="s">
        <v>2851</v>
      </c>
      <c r="C4552" t="s">
        <v>2364</v>
      </c>
      <c r="D4552" t="s">
        <v>2365</v>
      </c>
      <c r="E4552" t="s">
        <v>2352</v>
      </c>
      <c r="F4552" t="s">
        <v>2353</v>
      </c>
      <c r="G4552" t="s">
        <v>80</v>
      </c>
      <c r="H4552" t="s">
        <v>81</v>
      </c>
      <c r="I4552" s="2">
        <v>0</v>
      </c>
      <c r="J4552" s="2">
        <v>0</v>
      </c>
      <c r="K4552" s="2">
        <v>1</v>
      </c>
      <c r="L4552" t="s">
        <v>995</v>
      </c>
      <c r="M4552" t="s">
        <v>89</v>
      </c>
      <c r="N4552" t="s">
        <v>90</v>
      </c>
      <c r="O4552" t="s">
        <v>85</v>
      </c>
      <c r="P4552" t="s">
        <v>86</v>
      </c>
      <c r="Q4552">
        <v>55</v>
      </c>
      <c r="R4552">
        <v>55</v>
      </c>
      <c r="S4552">
        <v>56</v>
      </c>
      <c r="T4552">
        <v>57</v>
      </c>
      <c r="U4552">
        <v>57</v>
      </c>
      <c r="V4552">
        <v>58</v>
      </c>
      <c r="W4552">
        <v>58</v>
      </c>
      <c r="X4552">
        <v>59</v>
      </c>
      <c r="Y4552">
        <v>59</v>
      </c>
      <c r="Z4552">
        <v>59</v>
      </c>
      <c r="AA4552">
        <v>59</v>
      </c>
      <c r="AB4552">
        <v>60</v>
      </c>
      <c r="AC4552">
        <v>60</v>
      </c>
      <c r="AD4552">
        <v>60</v>
      </c>
      <c r="AE4552">
        <v>60</v>
      </c>
      <c r="AF4552">
        <v>60</v>
      </c>
      <c r="AG4552">
        <v>59</v>
      </c>
      <c r="AH4552">
        <v>59</v>
      </c>
      <c r="AI4552">
        <v>58</v>
      </c>
      <c r="AJ4552">
        <v>58</v>
      </c>
      <c r="AK4552">
        <v>57</v>
      </c>
      <c r="AL4552">
        <v>57</v>
      </c>
      <c r="AM4552">
        <v>56</v>
      </c>
      <c r="AN4552">
        <v>56</v>
      </c>
      <c r="AO4552">
        <v>55</v>
      </c>
      <c r="AP4552">
        <v>55</v>
      </c>
      <c r="AQ4552">
        <v>54</v>
      </c>
    </row>
    <row r="4553" spans="1:43">
      <c r="A4553" t="s">
        <v>2850</v>
      </c>
      <c r="B4553" t="s">
        <v>2851</v>
      </c>
      <c r="C4553" t="s">
        <v>2364</v>
      </c>
      <c r="D4553" t="s">
        <v>2365</v>
      </c>
      <c r="E4553" t="s">
        <v>2352</v>
      </c>
      <c r="F4553" t="s">
        <v>2353</v>
      </c>
      <c r="G4553" t="s">
        <v>80</v>
      </c>
      <c r="H4553" t="s">
        <v>81</v>
      </c>
      <c r="I4553" s="2">
        <v>0</v>
      </c>
      <c r="J4553" s="2">
        <v>0</v>
      </c>
      <c r="K4553" s="2">
        <v>1</v>
      </c>
      <c r="L4553" t="s">
        <v>995</v>
      </c>
      <c r="M4553" t="s">
        <v>83</v>
      </c>
      <c r="N4553" t="s">
        <v>91</v>
      </c>
      <c r="O4553" t="s">
        <v>85</v>
      </c>
      <c r="P4553" t="s">
        <v>86</v>
      </c>
      <c r="Q4553">
        <v>55</v>
      </c>
      <c r="R4553">
        <v>55</v>
      </c>
      <c r="S4553">
        <v>56</v>
      </c>
      <c r="T4553">
        <v>56</v>
      </c>
      <c r="U4553">
        <v>56</v>
      </c>
      <c r="V4553">
        <v>56</v>
      </c>
      <c r="W4553">
        <v>56</v>
      </c>
      <c r="X4553">
        <v>56</v>
      </c>
      <c r="Y4553">
        <v>57</v>
      </c>
      <c r="Z4553">
        <v>57</v>
      </c>
      <c r="AA4553">
        <v>57</v>
      </c>
      <c r="AB4553">
        <v>57</v>
      </c>
      <c r="AC4553">
        <v>57</v>
      </c>
      <c r="AD4553">
        <v>57</v>
      </c>
      <c r="AE4553">
        <v>57</v>
      </c>
      <c r="AF4553">
        <v>57</v>
      </c>
      <c r="AG4553">
        <v>57</v>
      </c>
      <c r="AH4553">
        <v>57</v>
      </c>
      <c r="AI4553">
        <v>57</v>
      </c>
      <c r="AJ4553">
        <v>57</v>
      </c>
      <c r="AK4553">
        <v>57</v>
      </c>
      <c r="AL4553">
        <v>57</v>
      </c>
      <c r="AM4553">
        <v>57</v>
      </c>
      <c r="AN4553">
        <v>56</v>
      </c>
      <c r="AO4553">
        <v>56</v>
      </c>
      <c r="AP4553">
        <v>55</v>
      </c>
      <c r="AQ4553">
        <v>55</v>
      </c>
    </row>
    <row r="4554" spans="1:43">
      <c r="A4554" t="s">
        <v>2852</v>
      </c>
      <c r="B4554" t="s">
        <v>2853</v>
      </c>
      <c r="C4554" t="s">
        <v>2394</v>
      </c>
      <c r="D4554" t="s">
        <v>2395</v>
      </c>
      <c r="E4554" t="s">
        <v>2352</v>
      </c>
      <c r="F4554" t="s">
        <v>2353</v>
      </c>
      <c r="G4554" t="s">
        <v>80</v>
      </c>
      <c r="H4554" t="s">
        <v>81</v>
      </c>
      <c r="I4554" s="2">
        <v>0</v>
      </c>
      <c r="J4554" s="2">
        <v>0</v>
      </c>
      <c r="K4554" s="2">
        <v>1</v>
      </c>
      <c r="L4554" t="s">
        <v>995</v>
      </c>
      <c r="M4554" t="s">
        <v>83</v>
      </c>
      <c r="N4554" t="s">
        <v>84</v>
      </c>
      <c r="O4554" t="s">
        <v>85</v>
      </c>
      <c r="P4554" t="s">
        <v>86</v>
      </c>
      <c r="Q4554">
        <v>17</v>
      </c>
      <c r="R4554">
        <v>17</v>
      </c>
      <c r="S4554">
        <v>17</v>
      </c>
      <c r="T4554">
        <v>17</v>
      </c>
      <c r="U4554">
        <v>17</v>
      </c>
      <c r="V4554">
        <v>17</v>
      </c>
      <c r="W4554">
        <v>17</v>
      </c>
      <c r="X4554">
        <v>17</v>
      </c>
      <c r="Y4554">
        <v>17</v>
      </c>
      <c r="Z4554">
        <v>17</v>
      </c>
      <c r="AA4554">
        <v>17</v>
      </c>
      <c r="AB4554">
        <v>17</v>
      </c>
      <c r="AC4554">
        <v>17</v>
      </c>
      <c r="AD4554">
        <v>17</v>
      </c>
      <c r="AE4554">
        <v>17</v>
      </c>
      <c r="AF4554">
        <v>17</v>
      </c>
      <c r="AG4554">
        <v>17</v>
      </c>
      <c r="AH4554">
        <v>17</v>
      </c>
      <c r="AI4554">
        <v>17</v>
      </c>
      <c r="AJ4554">
        <v>17</v>
      </c>
      <c r="AK4554">
        <v>17</v>
      </c>
      <c r="AL4554">
        <v>17</v>
      </c>
      <c r="AM4554">
        <v>17</v>
      </c>
      <c r="AN4554">
        <v>17</v>
      </c>
      <c r="AO4554">
        <v>17</v>
      </c>
      <c r="AP4554">
        <v>16</v>
      </c>
      <c r="AQ4554">
        <v>16</v>
      </c>
    </row>
    <row r="4555" spans="1:43">
      <c r="A4555" t="s">
        <v>2852</v>
      </c>
      <c r="B4555" t="s">
        <v>2853</v>
      </c>
      <c r="C4555" t="s">
        <v>2394</v>
      </c>
      <c r="D4555" t="s">
        <v>2395</v>
      </c>
      <c r="E4555" t="s">
        <v>2352</v>
      </c>
      <c r="F4555" t="s">
        <v>2353</v>
      </c>
      <c r="G4555" t="s">
        <v>80</v>
      </c>
      <c r="H4555" t="s">
        <v>81</v>
      </c>
      <c r="I4555" s="2">
        <v>0</v>
      </c>
      <c r="J4555" s="2">
        <v>0</v>
      </c>
      <c r="K4555" s="2">
        <v>1</v>
      </c>
      <c r="L4555" t="s">
        <v>995</v>
      </c>
      <c r="M4555" t="s">
        <v>87</v>
      </c>
      <c r="N4555" t="s">
        <v>88</v>
      </c>
      <c r="O4555" t="s">
        <v>85</v>
      </c>
      <c r="P4555" t="s">
        <v>86</v>
      </c>
      <c r="Q4555">
        <v>17</v>
      </c>
      <c r="R4555">
        <v>16</v>
      </c>
      <c r="S4555">
        <v>16</v>
      </c>
      <c r="T4555">
        <v>16</v>
      </c>
      <c r="U4555">
        <v>16</v>
      </c>
      <c r="V4555">
        <v>16</v>
      </c>
      <c r="W4555">
        <v>16</v>
      </c>
      <c r="X4555">
        <v>16</v>
      </c>
      <c r="Y4555">
        <v>16</v>
      </c>
      <c r="Z4555">
        <v>16</v>
      </c>
      <c r="AA4555">
        <v>16</v>
      </c>
      <c r="AB4555">
        <v>16</v>
      </c>
      <c r="AC4555">
        <v>15</v>
      </c>
      <c r="AD4555">
        <v>15</v>
      </c>
      <c r="AE4555">
        <v>15</v>
      </c>
      <c r="AF4555">
        <v>15</v>
      </c>
      <c r="AG4555">
        <v>15</v>
      </c>
      <c r="AH4555">
        <v>15</v>
      </c>
      <c r="AI4555">
        <v>15</v>
      </c>
      <c r="AJ4555">
        <v>15</v>
      </c>
      <c r="AK4555">
        <v>15</v>
      </c>
      <c r="AL4555">
        <v>15</v>
      </c>
      <c r="AM4555">
        <v>15</v>
      </c>
      <c r="AN4555">
        <v>14</v>
      </c>
      <c r="AO4555">
        <v>14</v>
      </c>
      <c r="AP4555">
        <v>14</v>
      </c>
      <c r="AQ4555">
        <v>14</v>
      </c>
    </row>
    <row r="4556" spans="1:43">
      <c r="A4556" t="s">
        <v>2852</v>
      </c>
      <c r="B4556" t="s">
        <v>2853</v>
      </c>
      <c r="C4556" t="s">
        <v>2394</v>
      </c>
      <c r="D4556" t="s">
        <v>2395</v>
      </c>
      <c r="E4556" t="s">
        <v>2352</v>
      </c>
      <c r="F4556" t="s">
        <v>2353</v>
      </c>
      <c r="G4556" t="s">
        <v>80</v>
      </c>
      <c r="H4556" t="s">
        <v>81</v>
      </c>
      <c r="I4556" s="2">
        <v>0</v>
      </c>
      <c r="J4556" s="2">
        <v>0</v>
      </c>
      <c r="K4556" s="2">
        <v>1</v>
      </c>
      <c r="L4556" t="s">
        <v>995</v>
      </c>
      <c r="M4556" t="s">
        <v>89</v>
      </c>
      <c r="N4556" t="s">
        <v>90</v>
      </c>
      <c r="O4556" t="s">
        <v>85</v>
      </c>
      <c r="P4556" t="s">
        <v>86</v>
      </c>
      <c r="Q4556">
        <v>17</v>
      </c>
      <c r="R4556">
        <v>17</v>
      </c>
      <c r="S4556">
        <v>17</v>
      </c>
      <c r="T4556">
        <v>17</v>
      </c>
      <c r="U4556">
        <v>18</v>
      </c>
      <c r="V4556">
        <v>18</v>
      </c>
      <c r="W4556">
        <v>18</v>
      </c>
      <c r="X4556">
        <v>18</v>
      </c>
      <c r="Y4556">
        <v>18</v>
      </c>
      <c r="Z4556">
        <v>18</v>
      </c>
      <c r="AA4556">
        <v>18</v>
      </c>
      <c r="AB4556">
        <v>18</v>
      </c>
      <c r="AC4556">
        <v>18</v>
      </c>
      <c r="AD4556">
        <v>18</v>
      </c>
      <c r="AE4556">
        <v>18</v>
      </c>
      <c r="AF4556">
        <v>18</v>
      </c>
      <c r="AG4556">
        <v>18</v>
      </c>
      <c r="AH4556">
        <v>18</v>
      </c>
      <c r="AI4556">
        <v>18</v>
      </c>
      <c r="AJ4556">
        <v>18</v>
      </c>
      <c r="AK4556">
        <v>17</v>
      </c>
      <c r="AL4556">
        <v>17</v>
      </c>
      <c r="AM4556">
        <v>17</v>
      </c>
      <c r="AN4556">
        <v>17</v>
      </c>
      <c r="AO4556">
        <v>17</v>
      </c>
      <c r="AP4556">
        <v>17</v>
      </c>
      <c r="AQ4556">
        <v>16</v>
      </c>
    </row>
    <row r="4557" spans="1:43">
      <c r="A4557" t="s">
        <v>2852</v>
      </c>
      <c r="B4557" t="s">
        <v>2853</v>
      </c>
      <c r="C4557" t="s">
        <v>2394</v>
      </c>
      <c r="D4557" t="s">
        <v>2395</v>
      </c>
      <c r="E4557" t="s">
        <v>2352</v>
      </c>
      <c r="F4557" t="s">
        <v>2353</v>
      </c>
      <c r="G4557" t="s">
        <v>80</v>
      </c>
      <c r="H4557" t="s">
        <v>81</v>
      </c>
      <c r="I4557" s="2">
        <v>0</v>
      </c>
      <c r="J4557" s="2">
        <v>0</v>
      </c>
      <c r="K4557" s="2">
        <v>1</v>
      </c>
      <c r="L4557" t="s">
        <v>995</v>
      </c>
      <c r="M4557" t="s">
        <v>83</v>
      </c>
      <c r="N4557" t="s">
        <v>91</v>
      </c>
      <c r="O4557" t="s">
        <v>85</v>
      </c>
      <c r="P4557" t="s">
        <v>86</v>
      </c>
      <c r="Q4557">
        <v>17</v>
      </c>
      <c r="R4557">
        <v>17</v>
      </c>
      <c r="S4557">
        <v>17</v>
      </c>
      <c r="T4557">
        <v>17</v>
      </c>
      <c r="U4557">
        <v>17</v>
      </c>
      <c r="V4557">
        <v>17</v>
      </c>
      <c r="W4557">
        <v>17</v>
      </c>
      <c r="X4557">
        <v>17</v>
      </c>
      <c r="Y4557">
        <v>17</v>
      </c>
      <c r="Z4557">
        <v>17</v>
      </c>
      <c r="AA4557">
        <v>17</v>
      </c>
      <c r="AB4557">
        <v>17</v>
      </c>
      <c r="AC4557">
        <v>17</v>
      </c>
      <c r="AD4557">
        <v>17</v>
      </c>
      <c r="AE4557">
        <v>17</v>
      </c>
      <c r="AF4557">
        <v>17</v>
      </c>
      <c r="AG4557">
        <v>17</v>
      </c>
      <c r="AH4557">
        <v>17</v>
      </c>
      <c r="AI4557">
        <v>17</v>
      </c>
      <c r="AJ4557">
        <v>17</v>
      </c>
      <c r="AK4557">
        <v>17</v>
      </c>
      <c r="AL4557">
        <v>17</v>
      </c>
      <c r="AM4557">
        <v>17</v>
      </c>
      <c r="AN4557">
        <v>17</v>
      </c>
      <c r="AO4557">
        <v>17</v>
      </c>
      <c r="AP4557">
        <v>16</v>
      </c>
      <c r="AQ4557">
        <v>16</v>
      </c>
    </row>
    <row r="4558" spans="1:43">
      <c r="A4558" t="s">
        <v>2854</v>
      </c>
      <c r="B4558" t="s">
        <v>2855</v>
      </c>
      <c r="C4558" t="s">
        <v>2388</v>
      </c>
      <c r="D4558" t="s">
        <v>2389</v>
      </c>
      <c r="E4558" t="s">
        <v>2352</v>
      </c>
      <c r="F4558" t="s">
        <v>2353</v>
      </c>
      <c r="G4558" t="s">
        <v>80</v>
      </c>
      <c r="H4558" t="s">
        <v>81</v>
      </c>
      <c r="I4558" s="2">
        <v>0</v>
      </c>
      <c r="J4558" s="2">
        <v>0</v>
      </c>
      <c r="K4558" s="2">
        <v>1</v>
      </c>
      <c r="L4558" t="s">
        <v>995</v>
      </c>
      <c r="M4558" t="s">
        <v>83</v>
      </c>
      <c r="N4558" t="s">
        <v>84</v>
      </c>
      <c r="O4558" t="s">
        <v>85</v>
      </c>
      <c r="P4558" t="s">
        <v>86</v>
      </c>
      <c r="Q4558">
        <v>35</v>
      </c>
      <c r="R4558">
        <v>35</v>
      </c>
      <c r="S4558">
        <v>35</v>
      </c>
      <c r="T4558">
        <v>35</v>
      </c>
      <c r="U4558">
        <v>35</v>
      </c>
      <c r="V4558">
        <v>35</v>
      </c>
      <c r="W4558">
        <v>35</v>
      </c>
      <c r="X4558">
        <v>36</v>
      </c>
      <c r="Y4558">
        <v>36</v>
      </c>
      <c r="Z4558">
        <v>36</v>
      </c>
      <c r="AA4558">
        <v>36</v>
      </c>
      <c r="AB4558">
        <v>36</v>
      </c>
      <c r="AC4558">
        <v>36</v>
      </c>
      <c r="AD4558">
        <v>36</v>
      </c>
      <c r="AE4558">
        <v>36</v>
      </c>
      <c r="AF4558">
        <v>36</v>
      </c>
      <c r="AG4558">
        <v>36</v>
      </c>
      <c r="AH4558">
        <v>36</v>
      </c>
      <c r="AI4558">
        <v>36</v>
      </c>
      <c r="AJ4558">
        <v>36</v>
      </c>
      <c r="AK4558">
        <v>36</v>
      </c>
      <c r="AL4558">
        <v>36</v>
      </c>
      <c r="AM4558">
        <v>36</v>
      </c>
      <c r="AN4558">
        <v>35</v>
      </c>
      <c r="AO4558">
        <v>35</v>
      </c>
      <c r="AP4558">
        <v>35</v>
      </c>
      <c r="AQ4558">
        <v>35</v>
      </c>
    </row>
    <row r="4559" spans="1:43">
      <c r="A4559" t="s">
        <v>2854</v>
      </c>
      <c r="B4559" t="s">
        <v>2855</v>
      </c>
      <c r="C4559" t="s">
        <v>2388</v>
      </c>
      <c r="D4559" t="s">
        <v>2389</v>
      </c>
      <c r="E4559" t="s">
        <v>2352</v>
      </c>
      <c r="F4559" t="s">
        <v>2353</v>
      </c>
      <c r="G4559" t="s">
        <v>80</v>
      </c>
      <c r="H4559" t="s">
        <v>81</v>
      </c>
      <c r="I4559" s="2">
        <v>0</v>
      </c>
      <c r="J4559" s="2">
        <v>0</v>
      </c>
      <c r="K4559" s="2">
        <v>1</v>
      </c>
      <c r="L4559" t="s">
        <v>995</v>
      </c>
      <c r="M4559" t="s">
        <v>87</v>
      </c>
      <c r="N4559" t="s">
        <v>88</v>
      </c>
      <c r="O4559" t="s">
        <v>85</v>
      </c>
      <c r="P4559" t="s">
        <v>86</v>
      </c>
      <c r="Q4559">
        <v>35</v>
      </c>
      <c r="R4559">
        <v>35</v>
      </c>
      <c r="S4559">
        <v>35</v>
      </c>
      <c r="T4559">
        <v>35</v>
      </c>
      <c r="U4559">
        <v>35</v>
      </c>
      <c r="V4559">
        <v>35</v>
      </c>
      <c r="W4559">
        <v>34</v>
      </c>
      <c r="X4559">
        <v>34</v>
      </c>
      <c r="Y4559">
        <v>34</v>
      </c>
      <c r="Z4559">
        <v>34</v>
      </c>
      <c r="AA4559">
        <v>34</v>
      </c>
      <c r="AB4559">
        <v>33</v>
      </c>
      <c r="AC4559">
        <v>33</v>
      </c>
      <c r="AD4559">
        <v>33</v>
      </c>
      <c r="AE4559">
        <v>33</v>
      </c>
      <c r="AF4559">
        <v>33</v>
      </c>
      <c r="AG4559">
        <v>33</v>
      </c>
      <c r="AH4559">
        <v>32</v>
      </c>
      <c r="AI4559">
        <v>32</v>
      </c>
      <c r="AJ4559">
        <v>32</v>
      </c>
      <c r="AK4559">
        <v>32</v>
      </c>
      <c r="AL4559">
        <v>32</v>
      </c>
      <c r="AM4559">
        <v>32</v>
      </c>
      <c r="AN4559">
        <v>31</v>
      </c>
      <c r="AO4559">
        <v>31</v>
      </c>
      <c r="AP4559">
        <v>31</v>
      </c>
      <c r="AQ4559">
        <v>31</v>
      </c>
    </row>
    <row r="4560" spans="1:43">
      <c r="A4560" t="s">
        <v>2854</v>
      </c>
      <c r="B4560" t="s">
        <v>2855</v>
      </c>
      <c r="C4560" t="s">
        <v>2388</v>
      </c>
      <c r="D4560" t="s">
        <v>2389</v>
      </c>
      <c r="E4560" t="s">
        <v>2352</v>
      </c>
      <c r="F4560" t="s">
        <v>2353</v>
      </c>
      <c r="G4560" t="s">
        <v>80</v>
      </c>
      <c r="H4560" t="s">
        <v>81</v>
      </c>
      <c r="I4560" s="2">
        <v>0</v>
      </c>
      <c r="J4560" s="2">
        <v>0</v>
      </c>
      <c r="K4560" s="2">
        <v>1</v>
      </c>
      <c r="L4560" t="s">
        <v>995</v>
      </c>
      <c r="M4560" t="s">
        <v>89</v>
      </c>
      <c r="N4560" t="s">
        <v>90</v>
      </c>
      <c r="O4560" t="s">
        <v>85</v>
      </c>
      <c r="P4560" t="s">
        <v>86</v>
      </c>
      <c r="Q4560">
        <v>35</v>
      </c>
      <c r="R4560">
        <v>36</v>
      </c>
      <c r="S4560">
        <v>36</v>
      </c>
      <c r="T4560">
        <v>36</v>
      </c>
      <c r="U4560">
        <v>37</v>
      </c>
      <c r="V4560">
        <v>37</v>
      </c>
      <c r="W4560">
        <v>37</v>
      </c>
      <c r="X4560">
        <v>38</v>
      </c>
      <c r="Y4560">
        <v>38</v>
      </c>
      <c r="Z4560">
        <v>38</v>
      </c>
      <c r="AA4560">
        <v>38</v>
      </c>
      <c r="AB4560">
        <v>38</v>
      </c>
      <c r="AC4560">
        <v>38</v>
      </c>
      <c r="AD4560">
        <v>39</v>
      </c>
      <c r="AE4560">
        <v>39</v>
      </c>
      <c r="AF4560">
        <v>38</v>
      </c>
      <c r="AG4560">
        <v>38</v>
      </c>
      <c r="AH4560">
        <v>38</v>
      </c>
      <c r="AI4560">
        <v>37</v>
      </c>
      <c r="AJ4560">
        <v>37</v>
      </c>
      <c r="AK4560">
        <v>37</v>
      </c>
      <c r="AL4560">
        <v>36</v>
      </c>
      <c r="AM4560">
        <v>36</v>
      </c>
      <c r="AN4560">
        <v>36</v>
      </c>
      <c r="AO4560">
        <v>35</v>
      </c>
      <c r="AP4560">
        <v>35</v>
      </c>
      <c r="AQ4560">
        <v>35</v>
      </c>
    </row>
    <row r="4561" spans="1:43">
      <c r="A4561" t="s">
        <v>2854</v>
      </c>
      <c r="B4561" t="s">
        <v>2855</v>
      </c>
      <c r="C4561" t="s">
        <v>2388</v>
      </c>
      <c r="D4561" t="s">
        <v>2389</v>
      </c>
      <c r="E4561" t="s">
        <v>2352</v>
      </c>
      <c r="F4561" t="s">
        <v>2353</v>
      </c>
      <c r="G4561" t="s">
        <v>80</v>
      </c>
      <c r="H4561" t="s">
        <v>81</v>
      </c>
      <c r="I4561" s="2">
        <v>0</v>
      </c>
      <c r="J4561" s="2">
        <v>0</v>
      </c>
      <c r="K4561" s="2">
        <v>1</v>
      </c>
      <c r="L4561" t="s">
        <v>995</v>
      </c>
      <c r="M4561" t="s">
        <v>83</v>
      </c>
      <c r="N4561" t="s">
        <v>91</v>
      </c>
      <c r="O4561" t="s">
        <v>85</v>
      </c>
      <c r="P4561" t="s">
        <v>86</v>
      </c>
      <c r="Q4561">
        <v>35</v>
      </c>
      <c r="R4561">
        <v>35</v>
      </c>
      <c r="S4561">
        <v>35</v>
      </c>
      <c r="T4561">
        <v>35</v>
      </c>
      <c r="U4561">
        <v>35</v>
      </c>
      <c r="V4561">
        <v>35</v>
      </c>
      <c r="W4561">
        <v>35</v>
      </c>
      <c r="X4561">
        <v>36</v>
      </c>
      <c r="Y4561">
        <v>36</v>
      </c>
      <c r="Z4561">
        <v>36</v>
      </c>
      <c r="AA4561">
        <v>36</v>
      </c>
      <c r="AB4561">
        <v>36</v>
      </c>
      <c r="AC4561">
        <v>36</v>
      </c>
      <c r="AD4561">
        <v>36</v>
      </c>
      <c r="AE4561">
        <v>36</v>
      </c>
      <c r="AF4561">
        <v>36</v>
      </c>
      <c r="AG4561">
        <v>36</v>
      </c>
      <c r="AH4561">
        <v>36</v>
      </c>
      <c r="AI4561">
        <v>36</v>
      </c>
      <c r="AJ4561">
        <v>36</v>
      </c>
      <c r="AK4561">
        <v>36</v>
      </c>
      <c r="AL4561">
        <v>36</v>
      </c>
      <c r="AM4561">
        <v>36</v>
      </c>
      <c r="AN4561">
        <v>35</v>
      </c>
      <c r="AO4561">
        <v>35</v>
      </c>
      <c r="AP4561">
        <v>35</v>
      </c>
      <c r="AQ4561">
        <v>35</v>
      </c>
    </row>
    <row r="4562" spans="1:43">
      <c r="A4562" t="s">
        <v>2856</v>
      </c>
      <c r="B4562" t="s">
        <v>2857</v>
      </c>
      <c r="C4562" t="s">
        <v>2388</v>
      </c>
      <c r="D4562" t="s">
        <v>2389</v>
      </c>
      <c r="E4562" t="s">
        <v>2352</v>
      </c>
      <c r="F4562" t="s">
        <v>2353</v>
      </c>
      <c r="G4562" t="s">
        <v>80</v>
      </c>
      <c r="H4562" t="s">
        <v>81</v>
      </c>
      <c r="I4562" s="2">
        <v>0</v>
      </c>
      <c r="J4562" s="2">
        <v>0</v>
      </c>
      <c r="K4562" s="2">
        <v>1</v>
      </c>
      <c r="L4562" t="s">
        <v>995</v>
      </c>
      <c r="M4562" t="s">
        <v>83</v>
      </c>
      <c r="N4562" t="s">
        <v>84</v>
      </c>
      <c r="O4562" t="s">
        <v>85</v>
      </c>
      <c r="P4562" t="s">
        <v>86</v>
      </c>
      <c r="Q4562">
        <v>15</v>
      </c>
      <c r="R4562">
        <v>15</v>
      </c>
      <c r="S4562">
        <v>15</v>
      </c>
      <c r="T4562">
        <v>15</v>
      </c>
      <c r="U4562">
        <v>15</v>
      </c>
      <c r="V4562">
        <v>15</v>
      </c>
      <c r="W4562">
        <v>15</v>
      </c>
      <c r="X4562">
        <v>15</v>
      </c>
      <c r="Y4562">
        <v>15</v>
      </c>
      <c r="Z4562">
        <v>15</v>
      </c>
      <c r="AA4562">
        <v>15</v>
      </c>
      <c r="AB4562">
        <v>15</v>
      </c>
      <c r="AC4562">
        <v>15</v>
      </c>
      <c r="AD4562">
        <v>15</v>
      </c>
      <c r="AE4562">
        <v>15</v>
      </c>
      <c r="AF4562">
        <v>15</v>
      </c>
      <c r="AG4562">
        <v>15</v>
      </c>
      <c r="AH4562">
        <v>16</v>
      </c>
      <c r="AI4562">
        <v>16</v>
      </c>
      <c r="AJ4562">
        <v>16</v>
      </c>
      <c r="AK4562">
        <v>16</v>
      </c>
      <c r="AL4562">
        <v>15</v>
      </c>
      <c r="AM4562">
        <v>15</v>
      </c>
      <c r="AN4562">
        <v>15</v>
      </c>
      <c r="AO4562">
        <v>15</v>
      </c>
      <c r="AP4562">
        <v>15</v>
      </c>
      <c r="AQ4562">
        <v>15</v>
      </c>
    </row>
    <row r="4563" spans="1:43">
      <c r="A4563" t="s">
        <v>2856</v>
      </c>
      <c r="B4563" t="s">
        <v>2857</v>
      </c>
      <c r="C4563" t="s">
        <v>2388</v>
      </c>
      <c r="D4563" t="s">
        <v>2389</v>
      </c>
      <c r="E4563" t="s">
        <v>2352</v>
      </c>
      <c r="F4563" t="s">
        <v>2353</v>
      </c>
      <c r="G4563" t="s">
        <v>80</v>
      </c>
      <c r="H4563" t="s">
        <v>81</v>
      </c>
      <c r="I4563" s="2">
        <v>0</v>
      </c>
      <c r="J4563" s="2">
        <v>0</v>
      </c>
      <c r="K4563" s="2">
        <v>1</v>
      </c>
      <c r="L4563" t="s">
        <v>995</v>
      </c>
      <c r="M4563" t="s">
        <v>87</v>
      </c>
      <c r="N4563" t="s">
        <v>88</v>
      </c>
      <c r="O4563" t="s">
        <v>85</v>
      </c>
      <c r="P4563" t="s">
        <v>86</v>
      </c>
      <c r="Q4563">
        <v>15</v>
      </c>
      <c r="R4563">
        <v>15</v>
      </c>
      <c r="S4563">
        <v>15</v>
      </c>
      <c r="T4563">
        <v>15</v>
      </c>
      <c r="U4563">
        <v>14</v>
      </c>
      <c r="V4563">
        <v>14</v>
      </c>
      <c r="W4563">
        <v>14</v>
      </c>
      <c r="X4563">
        <v>14</v>
      </c>
      <c r="Y4563">
        <v>14</v>
      </c>
      <c r="Z4563">
        <v>14</v>
      </c>
      <c r="AA4563">
        <v>14</v>
      </c>
      <c r="AB4563">
        <v>14</v>
      </c>
      <c r="AC4563">
        <v>14</v>
      </c>
      <c r="AD4563">
        <v>14</v>
      </c>
      <c r="AE4563">
        <v>14</v>
      </c>
      <c r="AF4563">
        <v>14</v>
      </c>
      <c r="AG4563">
        <v>14</v>
      </c>
      <c r="AH4563">
        <v>13</v>
      </c>
      <c r="AI4563">
        <v>13</v>
      </c>
      <c r="AJ4563">
        <v>13</v>
      </c>
      <c r="AK4563">
        <v>13</v>
      </c>
      <c r="AL4563">
        <v>13</v>
      </c>
      <c r="AM4563">
        <v>13</v>
      </c>
      <c r="AN4563">
        <v>13</v>
      </c>
      <c r="AO4563">
        <v>13</v>
      </c>
      <c r="AP4563">
        <v>13</v>
      </c>
      <c r="AQ4563">
        <v>13</v>
      </c>
    </row>
    <row r="4564" spans="1:43">
      <c r="A4564" t="s">
        <v>2856</v>
      </c>
      <c r="B4564" t="s">
        <v>2857</v>
      </c>
      <c r="C4564" t="s">
        <v>2388</v>
      </c>
      <c r="D4564" t="s">
        <v>2389</v>
      </c>
      <c r="E4564" t="s">
        <v>2352</v>
      </c>
      <c r="F4564" t="s">
        <v>2353</v>
      </c>
      <c r="G4564" t="s">
        <v>80</v>
      </c>
      <c r="H4564" t="s">
        <v>81</v>
      </c>
      <c r="I4564" s="2">
        <v>0</v>
      </c>
      <c r="J4564" s="2">
        <v>0</v>
      </c>
      <c r="K4564" s="2">
        <v>1</v>
      </c>
      <c r="L4564" t="s">
        <v>995</v>
      </c>
      <c r="M4564" t="s">
        <v>89</v>
      </c>
      <c r="N4564" t="s">
        <v>90</v>
      </c>
      <c r="O4564" t="s">
        <v>85</v>
      </c>
      <c r="P4564" t="s">
        <v>86</v>
      </c>
      <c r="Q4564">
        <v>15</v>
      </c>
      <c r="R4564">
        <v>15</v>
      </c>
      <c r="S4564">
        <v>15</v>
      </c>
      <c r="T4564">
        <v>16</v>
      </c>
      <c r="U4564">
        <v>16</v>
      </c>
      <c r="V4564">
        <v>16</v>
      </c>
      <c r="W4564">
        <v>16</v>
      </c>
      <c r="X4564">
        <v>16</v>
      </c>
      <c r="Y4564">
        <v>16</v>
      </c>
      <c r="Z4564">
        <v>16</v>
      </c>
      <c r="AA4564">
        <v>16</v>
      </c>
      <c r="AB4564">
        <v>16</v>
      </c>
      <c r="AC4564">
        <v>17</v>
      </c>
      <c r="AD4564">
        <v>17</v>
      </c>
      <c r="AE4564">
        <v>17</v>
      </c>
      <c r="AF4564">
        <v>16</v>
      </c>
      <c r="AG4564">
        <v>16</v>
      </c>
      <c r="AH4564">
        <v>16</v>
      </c>
      <c r="AI4564">
        <v>16</v>
      </c>
      <c r="AJ4564">
        <v>16</v>
      </c>
      <c r="AK4564">
        <v>16</v>
      </c>
      <c r="AL4564">
        <v>16</v>
      </c>
      <c r="AM4564">
        <v>15</v>
      </c>
      <c r="AN4564">
        <v>15</v>
      </c>
      <c r="AO4564">
        <v>15</v>
      </c>
      <c r="AP4564">
        <v>15</v>
      </c>
      <c r="AQ4564">
        <v>15</v>
      </c>
    </row>
    <row r="4565" spans="1:43">
      <c r="A4565" t="s">
        <v>2856</v>
      </c>
      <c r="B4565" t="s">
        <v>2857</v>
      </c>
      <c r="C4565" t="s">
        <v>2388</v>
      </c>
      <c r="D4565" t="s">
        <v>2389</v>
      </c>
      <c r="E4565" t="s">
        <v>2352</v>
      </c>
      <c r="F4565" t="s">
        <v>2353</v>
      </c>
      <c r="G4565" t="s">
        <v>80</v>
      </c>
      <c r="H4565" t="s">
        <v>81</v>
      </c>
      <c r="I4565" s="2">
        <v>0</v>
      </c>
      <c r="J4565" s="2">
        <v>0</v>
      </c>
      <c r="K4565" s="2">
        <v>1</v>
      </c>
      <c r="L4565" t="s">
        <v>995</v>
      </c>
      <c r="M4565" t="s">
        <v>83</v>
      </c>
      <c r="N4565" t="s">
        <v>91</v>
      </c>
      <c r="O4565" t="s">
        <v>85</v>
      </c>
      <c r="P4565" t="s">
        <v>86</v>
      </c>
      <c r="Q4565">
        <v>15</v>
      </c>
      <c r="R4565">
        <v>15</v>
      </c>
      <c r="S4565">
        <v>15</v>
      </c>
      <c r="T4565">
        <v>15</v>
      </c>
      <c r="U4565">
        <v>15</v>
      </c>
      <c r="V4565">
        <v>15</v>
      </c>
      <c r="W4565">
        <v>15</v>
      </c>
      <c r="X4565">
        <v>15</v>
      </c>
      <c r="Y4565">
        <v>15</v>
      </c>
      <c r="Z4565">
        <v>15</v>
      </c>
      <c r="AA4565">
        <v>15</v>
      </c>
      <c r="AB4565">
        <v>15</v>
      </c>
      <c r="AC4565">
        <v>15</v>
      </c>
      <c r="AD4565">
        <v>15</v>
      </c>
      <c r="AE4565">
        <v>15</v>
      </c>
      <c r="AF4565">
        <v>15</v>
      </c>
      <c r="AG4565">
        <v>15</v>
      </c>
      <c r="AH4565">
        <v>16</v>
      </c>
      <c r="AI4565">
        <v>16</v>
      </c>
      <c r="AJ4565">
        <v>16</v>
      </c>
      <c r="AK4565">
        <v>16</v>
      </c>
      <c r="AL4565">
        <v>15</v>
      </c>
      <c r="AM4565">
        <v>15</v>
      </c>
      <c r="AN4565">
        <v>15</v>
      </c>
      <c r="AO4565">
        <v>15</v>
      </c>
      <c r="AP4565">
        <v>15</v>
      </c>
      <c r="AQ4565">
        <v>15</v>
      </c>
    </row>
    <row r="4566" spans="1:43">
      <c r="A4566" t="s">
        <v>2858</v>
      </c>
      <c r="B4566" t="s">
        <v>2859</v>
      </c>
      <c r="C4566" t="s">
        <v>2750</v>
      </c>
      <c r="D4566" t="s">
        <v>2751</v>
      </c>
      <c r="E4566" t="s">
        <v>2352</v>
      </c>
      <c r="F4566" t="s">
        <v>2353</v>
      </c>
      <c r="G4566" t="s">
        <v>80</v>
      </c>
      <c r="H4566" t="s">
        <v>81</v>
      </c>
      <c r="I4566" s="2">
        <v>0</v>
      </c>
      <c r="J4566" s="2">
        <v>0</v>
      </c>
      <c r="K4566" s="2">
        <v>1</v>
      </c>
      <c r="L4566" t="s">
        <v>995</v>
      </c>
      <c r="M4566" t="s">
        <v>83</v>
      </c>
      <c r="N4566" t="s">
        <v>84</v>
      </c>
      <c r="O4566" t="s">
        <v>85</v>
      </c>
      <c r="P4566" t="s">
        <v>86</v>
      </c>
      <c r="Q4566">
        <v>49</v>
      </c>
      <c r="R4566">
        <v>50</v>
      </c>
      <c r="S4566">
        <v>50</v>
      </c>
      <c r="T4566">
        <v>50</v>
      </c>
      <c r="U4566">
        <v>50</v>
      </c>
      <c r="V4566">
        <v>50</v>
      </c>
      <c r="W4566">
        <v>50</v>
      </c>
      <c r="X4566">
        <v>50</v>
      </c>
      <c r="Y4566">
        <v>51</v>
      </c>
      <c r="Z4566">
        <v>51</v>
      </c>
      <c r="AA4566">
        <v>51</v>
      </c>
      <c r="AB4566">
        <v>51</v>
      </c>
      <c r="AC4566">
        <v>51</v>
      </c>
      <c r="AD4566">
        <v>51</v>
      </c>
      <c r="AE4566">
        <v>51</v>
      </c>
      <c r="AF4566">
        <v>51</v>
      </c>
      <c r="AG4566">
        <v>51</v>
      </c>
      <c r="AH4566">
        <v>51</v>
      </c>
      <c r="AI4566">
        <v>51</v>
      </c>
      <c r="AJ4566">
        <v>51</v>
      </c>
      <c r="AK4566">
        <v>51</v>
      </c>
      <c r="AL4566">
        <v>51</v>
      </c>
      <c r="AM4566">
        <v>50</v>
      </c>
      <c r="AN4566">
        <v>50</v>
      </c>
      <c r="AO4566">
        <v>49</v>
      </c>
      <c r="AP4566">
        <v>49</v>
      </c>
      <c r="AQ4566">
        <v>49</v>
      </c>
    </row>
    <row r="4567" spans="1:43">
      <c r="A4567" t="s">
        <v>2858</v>
      </c>
      <c r="B4567" t="s">
        <v>2859</v>
      </c>
      <c r="C4567" t="s">
        <v>2750</v>
      </c>
      <c r="D4567" t="s">
        <v>2751</v>
      </c>
      <c r="E4567" t="s">
        <v>2352</v>
      </c>
      <c r="F4567" t="s">
        <v>2353</v>
      </c>
      <c r="G4567" t="s">
        <v>80</v>
      </c>
      <c r="H4567" t="s">
        <v>81</v>
      </c>
      <c r="I4567" s="2">
        <v>0</v>
      </c>
      <c r="J4567" s="2">
        <v>0</v>
      </c>
      <c r="K4567" s="2">
        <v>1</v>
      </c>
      <c r="L4567" t="s">
        <v>995</v>
      </c>
      <c r="M4567" t="s">
        <v>87</v>
      </c>
      <c r="N4567" t="s">
        <v>88</v>
      </c>
      <c r="O4567" t="s">
        <v>85</v>
      </c>
      <c r="P4567" t="s">
        <v>86</v>
      </c>
      <c r="Q4567">
        <v>49</v>
      </c>
      <c r="R4567">
        <v>49</v>
      </c>
      <c r="S4567">
        <v>48</v>
      </c>
      <c r="T4567">
        <v>48</v>
      </c>
      <c r="U4567">
        <v>48</v>
      </c>
      <c r="V4567">
        <v>48</v>
      </c>
      <c r="W4567">
        <v>47</v>
      </c>
      <c r="X4567">
        <v>47</v>
      </c>
      <c r="Y4567">
        <v>47</v>
      </c>
      <c r="Z4567">
        <v>46</v>
      </c>
      <c r="AA4567">
        <v>46</v>
      </c>
      <c r="AB4567">
        <v>46</v>
      </c>
      <c r="AC4567">
        <v>46</v>
      </c>
      <c r="AD4567">
        <v>45</v>
      </c>
      <c r="AE4567">
        <v>45</v>
      </c>
      <c r="AF4567">
        <v>45</v>
      </c>
      <c r="AG4567">
        <v>45</v>
      </c>
      <c r="AH4567">
        <v>44</v>
      </c>
      <c r="AI4567">
        <v>44</v>
      </c>
      <c r="AJ4567">
        <v>44</v>
      </c>
      <c r="AK4567">
        <v>44</v>
      </c>
      <c r="AL4567">
        <v>43</v>
      </c>
      <c r="AM4567">
        <v>43</v>
      </c>
      <c r="AN4567">
        <v>43</v>
      </c>
      <c r="AO4567">
        <v>43</v>
      </c>
      <c r="AP4567">
        <v>42</v>
      </c>
      <c r="AQ4567">
        <v>42</v>
      </c>
    </row>
    <row r="4568" spans="1:43">
      <c r="A4568" t="s">
        <v>2858</v>
      </c>
      <c r="B4568" t="s">
        <v>2859</v>
      </c>
      <c r="C4568" t="s">
        <v>2750</v>
      </c>
      <c r="D4568" t="s">
        <v>2751</v>
      </c>
      <c r="E4568" t="s">
        <v>2352</v>
      </c>
      <c r="F4568" t="s">
        <v>2353</v>
      </c>
      <c r="G4568" t="s">
        <v>80</v>
      </c>
      <c r="H4568" t="s">
        <v>81</v>
      </c>
      <c r="I4568" s="2">
        <v>0</v>
      </c>
      <c r="J4568" s="2">
        <v>0</v>
      </c>
      <c r="K4568" s="2">
        <v>1</v>
      </c>
      <c r="L4568" t="s">
        <v>995</v>
      </c>
      <c r="M4568" t="s">
        <v>89</v>
      </c>
      <c r="N4568" t="s">
        <v>90</v>
      </c>
      <c r="O4568" t="s">
        <v>85</v>
      </c>
      <c r="P4568" t="s">
        <v>86</v>
      </c>
      <c r="Q4568">
        <v>49</v>
      </c>
      <c r="R4568">
        <v>49</v>
      </c>
      <c r="S4568">
        <v>50</v>
      </c>
      <c r="T4568">
        <v>51</v>
      </c>
      <c r="U4568">
        <v>51</v>
      </c>
      <c r="V4568">
        <v>51</v>
      </c>
      <c r="W4568">
        <v>52</v>
      </c>
      <c r="X4568">
        <v>52</v>
      </c>
      <c r="Y4568">
        <v>52</v>
      </c>
      <c r="Z4568">
        <v>53</v>
      </c>
      <c r="AA4568">
        <v>53</v>
      </c>
      <c r="AB4568">
        <v>53</v>
      </c>
      <c r="AC4568">
        <v>53</v>
      </c>
      <c r="AD4568">
        <v>54</v>
      </c>
      <c r="AE4568">
        <v>53</v>
      </c>
      <c r="AF4568">
        <v>53</v>
      </c>
      <c r="AG4568">
        <v>52</v>
      </c>
      <c r="AH4568">
        <v>52</v>
      </c>
      <c r="AI4568">
        <v>52</v>
      </c>
      <c r="AJ4568">
        <v>51</v>
      </c>
      <c r="AK4568">
        <v>51</v>
      </c>
      <c r="AL4568">
        <v>50</v>
      </c>
      <c r="AM4568">
        <v>50</v>
      </c>
      <c r="AN4568">
        <v>49</v>
      </c>
      <c r="AO4568">
        <v>49</v>
      </c>
      <c r="AP4568">
        <v>48</v>
      </c>
      <c r="AQ4568">
        <v>48</v>
      </c>
    </row>
    <row r="4569" spans="1:43">
      <c r="A4569" t="s">
        <v>2858</v>
      </c>
      <c r="B4569" t="s">
        <v>2859</v>
      </c>
      <c r="C4569" t="s">
        <v>2750</v>
      </c>
      <c r="D4569" t="s">
        <v>2751</v>
      </c>
      <c r="E4569" t="s">
        <v>2352</v>
      </c>
      <c r="F4569" t="s">
        <v>2353</v>
      </c>
      <c r="G4569" t="s">
        <v>80</v>
      </c>
      <c r="H4569" t="s">
        <v>81</v>
      </c>
      <c r="I4569" s="2">
        <v>0</v>
      </c>
      <c r="J4569" s="2">
        <v>0</v>
      </c>
      <c r="K4569" s="2">
        <v>1</v>
      </c>
      <c r="L4569" t="s">
        <v>995</v>
      </c>
      <c r="M4569" t="s">
        <v>83</v>
      </c>
      <c r="N4569" t="s">
        <v>91</v>
      </c>
      <c r="O4569" t="s">
        <v>85</v>
      </c>
      <c r="P4569" t="s">
        <v>86</v>
      </c>
      <c r="Q4569">
        <v>49</v>
      </c>
      <c r="R4569">
        <v>50</v>
      </c>
      <c r="S4569">
        <v>50</v>
      </c>
      <c r="T4569">
        <v>50</v>
      </c>
      <c r="U4569">
        <v>50</v>
      </c>
      <c r="V4569">
        <v>50</v>
      </c>
      <c r="W4569">
        <v>50</v>
      </c>
      <c r="X4569">
        <v>50</v>
      </c>
      <c r="Y4569">
        <v>51</v>
      </c>
      <c r="Z4569">
        <v>51</v>
      </c>
      <c r="AA4569">
        <v>51</v>
      </c>
      <c r="AB4569">
        <v>51</v>
      </c>
      <c r="AC4569">
        <v>51</v>
      </c>
      <c r="AD4569">
        <v>51</v>
      </c>
      <c r="AE4569">
        <v>51</v>
      </c>
      <c r="AF4569">
        <v>51</v>
      </c>
      <c r="AG4569">
        <v>51</v>
      </c>
      <c r="AH4569">
        <v>51</v>
      </c>
      <c r="AI4569">
        <v>51</v>
      </c>
      <c r="AJ4569">
        <v>51</v>
      </c>
      <c r="AK4569">
        <v>51</v>
      </c>
      <c r="AL4569">
        <v>51</v>
      </c>
      <c r="AM4569">
        <v>50</v>
      </c>
      <c r="AN4569">
        <v>50</v>
      </c>
      <c r="AO4569">
        <v>49</v>
      </c>
      <c r="AP4569">
        <v>49</v>
      </c>
      <c r="AQ4569">
        <v>49</v>
      </c>
    </row>
    <row r="4570" spans="1:43">
      <c r="A4570" t="s">
        <v>2860</v>
      </c>
      <c r="B4570" t="s">
        <v>2861</v>
      </c>
      <c r="C4570" t="s">
        <v>2750</v>
      </c>
      <c r="D4570" t="s">
        <v>2751</v>
      </c>
      <c r="E4570" t="s">
        <v>2352</v>
      </c>
      <c r="F4570" t="s">
        <v>2353</v>
      </c>
      <c r="G4570" t="s">
        <v>80</v>
      </c>
      <c r="H4570" t="s">
        <v>81</v>
      </c>
      <c r="I4570" s="2">
        <v>0</v>
      </c>
      <c r="J4570" s="2">
        <v>0</v>
      </c>
      <c r="K4570" s="2">
        <v>1</v>
      </c>
      <c r="L4570" t="s">
        <v>995</v>
      </c>
      <c r="M4570" t="s">
        <v>83</v>
      </c>
      <c r="N4570" t="s">
        <v>84</v>
      </c>
      <c r="O4570" t="s">
        <v>85</v>
      </c>
      <c r="P4570" t="s">
        <v>86</v>
      </c>
      <c r="Q4570">
        <v>29</v>
      </c>
      <c r="R4570">
        <v>29</v>
      </c>
      <c r="S4570">
        <v>29</v>
      </c>
      <c r="T4570">
        <v>29</v>
      </c>
      <c r="U4570">
        <v>29</v>
      </c>
      <c r="V4570">
        <v>29</v>
      </c>
      <c r="W4570">
        <v>29</v>
      </c>
      <c r="X4570">
        <v>29</v>
      </c>
      <c r="Y4570">
        <v>29</v>
      </c>
      <c r="Z4570">
        <v>30</v>
      </c>
      <c r="AA4570">
        <v>30</v>
      </c>
      <c r="AB4570">
        <v>30</v>
      </c>
      <c r="AC4570">
        <v>30</v>
      </c>
      <c r="AD4570">
        <v>30</v>
      </c>
      <c r="AE4570">
        <v>30</v>
      </c>
      <c r="AF4570">
        <v>30</v>
      </c>
      <c r="AG4570">
        <v>30</v>
      </c>
      <c r="AH4570">
        <v>30</v>
      </c>
      <c r="AI4570">
        <v>30</v>
      </c>
      <c r="AJ4570">
        <v>30</v>
      </c>
      <c r="AK4570">
        <v>30</v>
      </c>
      <c r="AL4570">
        <v>30</v>
      </c>
      <c r="AM4570">
        <v>29</v>
      </c>
      <c r="AN4570">
        <v>29</v>
      </c>
      <c r="AO4570">
        <v>29</v>
      </c>
      <c r="AP4570">
        <v>29</v>
      </c>
      <c r="AQ4570">
        <v>29</v>
      </c>
    </row>
    <row r="4571" spans="1:43">
      <c r="A4571" t="s">
        <v>2860</v>
      </c>
      <c r="B4571" t="s">
        <v>2861</v>
      </c>
      <c r="C4571" t="s">
        <v>2750</v>
      </c>
      <c r="D4571" t="s">
        <v>2751</v>
      </c>
      <c r="E4571" t="s">
        <v>2352</v>
      </c>
      <c r="F4571" t="s">
        <v>2353</v>
      </c>
      <c r="G4571" t="s">
        <v>80</v>
      </c>
      <c r="H4571" t="s">
        <v>81</v>
      </c>
      <c r="I4571" s="2">
        <v>0</v>
      </c>
      <c r="J4571" s="2">
        <v>0</v>
      </c>
      <c r="K4571" s="2">
        <v>1</v>
      </c>
      <c r="L4571" t="s">
        <v>995</v>
      </c>
      <c r="M4571" t="s">
        <v>87</v>
      </c>
      <c r="N4571" t="s">
        <v>88</v>
      </c>
      <c r="O4571" t="s">
        <v>85</v>
      </c>
      <c r="P4571" t="s">
        <v>86</v>
      </c>
      <c r="Q4571">
        <v>29</v>
      </c>
      <c r="R4571">
        <v>28</v>
      </c>
      <c r="S4571">
        <v>28</v>
      </c>
      <c r="T4571">
        <v>28</v>
      </c>
      <c r="U4571">
        <v>28</v>
      </c>
      <c r="V4571">
        <v>28</v>
      </c>
      <c r="W4571">
        <v>28</v>
      </c>
      <c r="X4571">
        <v>27</v>
      </c>
      <c r="Y4571">
        <v>27</v>
      </c>
      <c r="Z4571">
        <v>27</v>
      </c>
      <c r="AA4571">
        <v>27</v>
      </c>
      <c r="AB4571">
        <v>27</v>
      </c>
      <c r="AC4571">
        <v>27</v>
      </c>
      <c r="AD4571">
        <v>27</v>
      </c>
      <c r="AE4571">
        <v>26</v>
      </c>
      <c r="AF4571">
        <v>26</v>
      </c>
      <c r="AG4571">
        <v>26</v>
      </c>
      <c r="AH4571">
        <v>26</v>
      </c>
      <c r="AI4571">
        <v>26</v>
      </c>
      <c r="AJ4571">
        <v>26</v>
      </c>
      <c r="AK4571">
        <v>26</v>
      </c>
      <c r="AL4571">
        <v>25</v>
      </c>
      <c r="AM4571">
        <v>25</v>
      </c>
      <c r="AN4571">
        <v>25</v>
      </c>
      <c r="AO4571">
        <v>25</v>
      </c>
      <c r="AP4571">
        <v>25</v>
      </c>
      <c r="AQ4571">
        <v>25</v>
      </c>
    </row>
    <row r="4572" spans="1:43">
      <c r="A4572" t="s">
        <v>2860</v>
      </c>
      <c r="B4572" t="s">
        <v>2861</v>
      </c>
      <c r="C4572" t="s">
        <v>2750</v>
      </c>
      <c r="D4572" t="s">
        <v>2751</v>
      </c>
      <c r="E4572" t="s">
        <v>2352</v>
      </c>
      <c r="F4572" t="s">
        <v>2353</v>
      </c>
      <c r="G4572" t="s">
        <v>80</v>
      </c>
      <c r="H4572" t="s">
        <v>81</v>
      </c>
      <c r="I4572" s="2">
        <v>0</v>
      </c>
      <c r="J4572" s="2">
        <v>0</v>
      </c>
      <c r="K4572" s="2">
        <v>1</v>
      </c>
      <c r="L4572" t="s">
        <v>995</v>
      </c>
      <c r="M4572" t="s">
        <v>89</v>
      </c>
      <c r="N4572" t="s">
        <v>90</v>
      </c>
      <c r="O4572" t="s">
        <v>85</v>
      </c>
      <c r="P4572" t="s">
        <v>86</v>
      </c>
      <c r="Q4572">
        <v>29</v>
      </c>
      <c r="R4572">
        <v>29</v>
      </c>
      <c r="S4572">
        <v>30</v>
      </c>
      <c r="T4572">
        <v>30</v>
      </c>
      <c r="U4572">
        <v>30</v>
      </c>
      <c r="V4572">
        <v>31</v>
      </c>
      <c r="W4572">
        <v>31</v>
      </c>
      <c r="X4572">
        <v>31</v>
      </c>
      <c r="Y4572">
        <v>31</v>
      </c>
      <c r="Z4572">
        <v>31</v>
      </c>
      <c r="AA4572">
        <v>32</v>
      </c>
      <c r="AB4572">
        <v>32</v>
      </c>
      <c r="AC4572">
        <v>32</v>
      </c>
      <c r="AD4572">
        <v>32</v>
      </c>
      <c r="AE4572">
        <v>32</v>
      </c>
      <c r="AF4572">
        <v>32</v>
      </c>
      <c r="AG4572">
        <v>31</v>
      </c>
      <c r="AH4572">
        <v>31</v>
      </c>
      <c r="AI4572">
        <v>31</v>
      </c>
      <c r="AJ4572">
        <v>31</v>
      </c>
      <c r="AK4572">
        <v>30</v>
      </c>
      <c r="AL4572">
        <v>30</v>
      </c>
      <c r="AM4572">
        <v>30</v>
      </c>
      <c r="AN4572">
        <v>30</v>
      </c>
      <c r="AO4572">
        <v>29</v>
      </c>
      <c r="AP4572">
        <v>29</v>
      </c>
      <c r="AQ4572">
        <v>29</v>
      </c>
    </row>
    <row r="4573" spans="1:43">
      <c r="A4573" t="s">
        <v>2860</v>
      </c>
      <c r="B4573" t="s">
        <v>2861</v>
      </c>
      <c r="C4573" t="s">
        <v>2750</v>
      </c>
      <c r="D4573" t="s">
        <v>2751</v>
      </c>
      <c r="E4573" t="s">
        <v>2352</v>
      </c>
      <c r="F4573" t="s">
        <v>2353</v>
      </c>
      <c r="G4573" t="s">
        <v>80</v>
      </c>
      <c r="H4573" t="s">
        <v>81</v>
      </c>
      <c r="I4573" s="2">
        <v>0</v>
      </c>
      <c r="J4573" s="2">
        <v>0</v>
      </c>
      <c r="K4573" s="2">
        <v>1</v>
      </c>
      <c r="L4573" t="s">
        <v>995</v>
      </c>
      <c r="M4573" t="s">
        <v>83</v>
      </c>
      <c r="N4573" t="s">
        <v>91</v>
      </c>
      <c r="O4573" t="s">
        <v>85</v>
      </c>
      <c r="P4573" t="s">
        <v>86</v>
      </c>
      <c r="Q4573">
        <v>29</v>
      </c>
      <c r="R4573">
        <v>29</v>
      </c>
      <c r="S4573">
        <v>29</v>
      </c>
      <c r="T4573">
        <v>29</v>
      </c>
      <c r="U4573">
        <v>29</v>
      </c>
      <c r="V4573">
        <v>29</v>
      </c>
      <c r="W4573">
        <v>29</v>
      </c>
      <c r="X4573">
        <v>29</v>
      </c>
      <c r="Y4573">
        <v>29</v>
      </c>
      <c r="Z4573">
        <v>30</v>
      </c>
      <c r="AA4573">
        <v>30</v>
      </c>
      <c r="AB4573">
        <v>30</v>
      </c>
      <c r="AC4573">
        <v>30</v>
      </c>
      <c r="AD4573">
        <v>30</v>
      </c>
      <c r="AE4573">
        <v>30</v>
      </c>
      <c r="AF4573">
        <v>30</v>
      </c>
      <c r="AG4573">
        <v>30</v>
      </c>
      <c r="AH4573">
        <v>30</v>
      </c>
      <c r="AI4573">
        <v>30</v>
      </c>
      <c r="AJ4573">
        <v>30</v>
      </c>
      <c r="AK4573">
        <v>30</v>
      </c>
      <c r="AL4573">
        <v>30</v>
      </c>
      <c r="AM4573">
        <v>29</v>
      </c>
      <c r="AN4573">
        <v>29</v>
      </c>
      <c r="AO4573">
        <v>29</v>
      </c>
      <c r="AP4573">
        <v>29</v>
      </c>
      <c r="AQ4573">
        <v>29</v>
      </c>
    </row>
    <row r="4574" spans="1:43">
      <c r="A4574" t="s">
        <v>2862</v>
      </c>
      <c r="B4574" t="s">
        <v>2863</v>
      </c>
      <c r="C4574" t="s">
        <v>2394</v>
      </c>
      <c r="D4574" t="s">
        <v>2395</v>
      </c>
      <c r="E4574" t="s">
        <v>2352</v>
      </c>
      <c r="F4574" t="s">
        <v>2353</v>
      </c>
      <c r="G4574" t="s">
        <v>80</v>
      </c>
      <c r="H4574" t="s">
        <v>81</v>
      </c>
      <c r="I4574" s="2">
        <v>0</v>
      </c>
      <c r="J4574" s="2">
        <v>0</v>
      </c>
      <c r="K4574" s="2">
        <v>1</v>
      </c>
      <c r="L4574" t="s">
        <v>995</v>
      </c>
      <c r="M4574" t="s">
        <v>83</v>
      </c>
      <c r="N4574" t="s">
        <v>84</v>
      </c>
      <c r="O4574" t="s">
        <v>85</v>
      </c>
      <c r="P4574" t="s">
        <v>86</v>
      </c>
      <c r="Q4574">
        <v>12</v>
      </c>
      <c r="R4574">
        <v>12</v>
      </c>
      <c r="S4574">
        <v>12</v>
      </c>
      <c r="T4574">
        <v>12</v>
      </c>
      <c r="U4574">
        <v>12</v>
      </c>
      <c r="V4574">
        <v>12</v>
      </c>
      <c r="W4574">
        <v>12</v>
      </c>
      <c r="X4574">
        <v>12</v>
      </c>
      <c r="Y4574">
        <v>12</v>
      </c>
      <c r="Z4574">
        <v>12</v>
      </c>
      <c r="AA4574">
        <v>12</v>
      </c>
      <c r="AB4574">
        <v>13</v>
      </c>
      <c r="AC4574">
        <v>13</v>
      </c>
      <c r="AD4574">
        <v>13</v>
      </c>
      <c r="AE4574">
        <v>13</v>
      </c>
      <c r="AF4574">
        <v>13</v>
      </c>
      <c r="AG4574">
        <v>13</v>
      </c>
      <c r="AH4574">
        <v>13</v>
      </c>
      <c r="AI4574">
        <v>13</v>
      </c>
      <c r="AJ4574">
        <v>13</v>
      </c>
      <c r="AK4574">
        <v>13</v>
      </c>
      <c r="AL4574">
        <v>13</v>
      </c>
      <c r="AM4574">
        <v>12</v>
      </c>
      <c r="AN4574">
        <v>12</v>
      </c>
      <c r="AO4574">
        <v>12</v>
      </c>
      <c r="AP4574">
        <v>12</v>
      </c>
      <c r="AQ4574">
        <v>12</v>
      </c>
    </row>
    <row r="4575" spans="1:43">
      <c r="A4575" t="s">
        <v>2862</v>
      </c>
      <c r="B4575" t="s">
        <v>2863</v>
      </c>
      <c r="C4575" t="s">
        <v>2394</v>
      </c>
      <c r="D4575" t="s">
        <v>2395</v>
      </c>
      <c r="E4575" t="s">
        <v>2352</v>
      </c>
      <c r="F4575" t="s">
        <v>2353</v>
      </c>
      <c r="G4575" t="s">
        <v>80</v>
      </c>
      <c r="H4575" t="s">
        <v>81</v>
      </c>
      <c r="I4575" s="2">
        <v>0</v>
      </c>
      <c r="J4575" s="2">
        <v>0</v>
      </c>
      <c r="K4575" s="2">
        <v>1</v>
      </c>
      <c r="L4575" t="s">
        <v>995</v>
      </c>
      <c r="M4575" t="s">
        <v>87</v>
      </c>
      <c r="N4575" t="s">
        <v>88</v>
      </c>
      <c r="O4575" t="s">
        <v>85</v>
      </c>
      <c r="P4575" t="s">
        <v>86</v>
      </c>
      <c r="Q4575">
        <v>12</v>
      </c>
      <c r="R4575">
        <v>12</v>
      </c>
      <c r="S4575">
        <v>12</v>
      </c>
      <c r="T4575">
        <v>12</v>
      </c>
      <c r="U4575">
        <v>12</v>
      </c>
      <c r="V4575">
        <v>12</v>
      </c>
      <c r="W4575">
        <v>12</v>
      </c>
      <c r="X4575">
        <v>12</v>
      </c>
      <c r="Y4575">
        <v>11</v>
      </c>
      <c r="Z4575">
        <v>11</v>
      </c>
      <c r="AA4575">
        <v>11</v>
      </c>
      <c r="AB4575">
        <v>11</v>
      </c>
      <c r="AC4575">
        <v>11</v>
      </c>
      <c r="AD4575">
        <v>11</v>
      </c>
      <c r="AE4575">
        <v>11</v>
      </c>
      <c r="AF4575">
        <v>11</v>
      </c>
      <c r="AG4575">
        <v>11</v>
      </c>
      <c r="AH4575">
        <v>11</v>
      </c>
      <c r="AI4575">
        <v>11</v>
      </c>
      <c r="AJ4575">
        <v>11</v>
      </c>
      <c r="AK4575">
        <v>11</v>
      </c>
      <c r="AL4575">
        <v>11</v>
      </c>
      <c r="AM4575">
        <v>11</v>
      </c>
      <c r="AN4575">
        <v>11</v>
      </c>
      <c r="AO4575">
        <v>11</v>
      </c>
      <c r="AP4575">
        <v>11</v>
      </c>
      <c r="AQ4575">
        <v>10</v>
      </c>
    </row>
    <row r="4576" spans="1:43">
      <c r="A4576" t="s">
        <v>2862</v>
      </c>
      <c r="B4576" t="s">
        <v>2863</v>
      </c>
      <c r="C4576" t="s">
        <v>2394</v>
      </c>
      <c r="D4576" t="s">
        <v>2395</v>
      </c>
      <c r="E4576" t="s">
        <v>2352</v>
      </c>
      <c r="F4576" t="s">
        <v>2353</v>
      </c>
      <c r="G4576" t="s">
        <v>80</v>
      </c>
      <c r="H4576" t="s">
        <v>81</v>
      </c>
      <c r="I4576" s="2">
        <v>0</v>
      </c>
      <c r="J4576" s="2">
        <v>0</v>
      </c>
      <c r="K4576" s="2">
        <v>1</v>
      </c>
      <c r="L4576" t="s">
        <v>995</v>
      </c>
      <c r="M4576" t="s">
        <v>89</v>
      </c>
      <c r="N4576" t="s">
        <v>90</v>
      </c>
      <c r="O4576" t="s">
        <v>85</v>
      </c>
      <c r="P4576" t="s">
        <v>86</v>
      </c>
      <c r="Q4576">
        <v>12</v>
      </c>
      <c r="R4576">
        <v>12</v>
      </c>
      <c r="S4576">
        <v>13</v>
      </c>
      <c r="T4576">
        <v>13</v>
      </c>
      <c r="U4576">
        <v>13</v>
      </c>
      <c r="V4576">
        <v>13</v>
      </c>
      <c r="W4576">
        <v>13</v>
      </c>
      <c r="X4576">
        <v>13</v>
      </c>
      <c r="Y4576">
        <v>13</v>
      </c>
      <c r="Z4576">
        <v>13</v>
      </c>
      <c r="AA4576">
        <v>13</v>
      </c>
      <c r="AB4576">
        <v>13</v>
      </c>
      <c r="AC4576">
        <v>13</v>
      </c>
      <c r="AD4576">
        <v>13</v>
      </c>
      <c r="AE4576">
        <v>13</v>
      </c>
      <c r="AF4576">
        <v>13</v>
      </c>
      <c r="AG4576">
        <v>13</v>
      </c>
      <c r="AH4576">
        <v>13</v>
      </c>
      <c r="AI4576">
        <v>13</v>
      </c>
      <c r="AJ4576">
        <v>13</v>
      </c>
      <c r="AK4576">
        <v>13</v>
      </c>
      <c r="AL4576">
        <v>13</v>
      </c>
      <c r="AM4576">
        <v>13</v>
      </c>
      <c r="AN4576">
        <v>13</v>
      </c>
      <c r="AO4576">
        <v>12</v>
      </c>
      <c r="AP4576">
        <v>12</v>
      </c>
      <c r="AQ4576">
        <v>12</v>
      </c>
    </row>
    <row r="4577" spans="1:43">
      <c r="A4577" t="s">
        <v>2862</v>
      </c>
      <c r="B4577" t="s">
        <v>2863</v>
      </c>
      <c r="C4577" t="s">
        <v>2394</v>
      </c>
      <c r="D4577" t="s">
        <v>2395</v>
      </c>
      <c r="E4577" t="s">
        <v>2352</v>
      </c>
      <c r="F4577" t="s">
        <v>2353</v>
      </c>
      <c r="G4577" t="s">
        <v>80</v>
      </c>
      <c r="H4577" t="s">
        <v>81</v>
      </c>
      <c r="I4577" s="2">
        <v>0</v>
      </c>
      <c r="J4577" s="2">
        <v>0</v>
      </c>
      <c r="K4577" s="2">
        <v>1</v>
      </c>
      <c r="L4577" t="s">
        <v>995</v>
      </c>
      <c r="M4577" t="s">
        <v>83</v>
      </c>
      <c r="N4577" t="s">
        <v>91</v>
      </c>
      <c r="O4577" t="s">
        <v>85</v>
      </c>
      <c r="P4577" t="s">
        <v>86</v>
      </c>
      <c r="Q4577">
        <v>12</v>
      </c>
      <c r="R4577">
        <v>12</v>
      </c>
      <c r="S4577">
        <v>12</v>
      </c>
      <c r="T4577">
        <v>12</v>
      </c>
      <c r="U4577">
        <v>12</v>
      </c>
      <c r="V4577">
        <v>12</v>
      </c>
      <c r="W4577">
        <v>12</v>
      </c>
      <c r="X4577">
        <v>12</v>
      </c>
      <c r="Y4577">
        <v>12</v>
      </c>
      <c r="Z4577">
        <v>12</v>
      </c>
      <c r="AA4577">
        <v>12</v>
      </c>
      <c r="AB4577">
        <v>13</v>
      </c>
      <c r="AC4577">
        <v>13</v>
      </c>
      <c r="AD4577">
        <v>13</v>
      </c>
      <c r="AE4577">
        <v>13</v>
      </c>
      <c r="AF4577">
        <v>13</v>
      </c>
      <c r="AG4577">
        <v>13</v>
      </c>
      <c r="AH4577">
        <v>13</v>
      </c>
      <c r="AI4577">
        <v>13</v>
      </c>
      <c r="AJ4577">
        <v>13</v>
      </c>
      <c r="AK4577">
        <v>13</v>
      </c>
      <c r="AL4577">
        <v>13</v>
      </c>
      <c r="AM4577">
        <v>12</v>
      </c>
      <c r="AN4577">
        <v>12</v>
      </c>
      <c r="AO4577">
        <v>12</v>
      </c>
      <c r="AP4577">
        <v>12</v>
      </c>
      <c r="AQ4577">
        <v>12</v>
      </c>
    </row>
    <row r="4578" spans="1:43">
      <c r="A4578" t="s">
        <v>2864</v>
      </c>
      <c r="B4578" t="s">
        <v>2865</v>
      </c>
      <c r="C4578" t="s">
        <v>2388</v>
      </c>
      <c r="D4578" t="s">
        <v>2389</v>
      </c>
      <c r="E4578" t="s">
        <v>2352</v>
      </c>
      <c r="F4578" t="s">
        <v>2353</v>
      </c>
      <c r="G4578" t="s">
        <v>80</v>
      </c>
      <c r="H4578" t="s">
        <v>81</v>
      </c>
      <c r="I4578" s="2">
        <v>0</v>
      </c>
      <c r="J4578" s="2">
        <v>0</v>
      </c>
      <c r="K4578" s="2">
        <v>1</v>
      </c>
      <c r="L4578" t="s">
        <v>995</v>
      </c>
      <c r="M4578" t="s">
        <v>83</v>
      </c>
      <c r="N4578" t="s">
        <v>84</v>
      </c>
      <c r="O4578" t="s">
        <v>85</v>
      </c>
      <c r="P4578" t="s">
        <v>86</v>
      </c>
      <c r="Q4578">
        <v>7</v>
      </c>
      <c r="R4578">
        <v>7</v>
      </c>
      <c r="S4578">
        <v>7</v>
      </c>
      <c r="T4578">
        <v>7</v>
      </c>
      <c r="U4578">
        <v>7</v>
      </c>
      <c r="V4578">
        <v>7</v>
      </c>
      <c r="W4578">
        <v>7</v>
      </c>
      <c r="X4578">
        <v>7</v>
      </c>
      <c r="Y4578">
        <v>7</v>
      </c>
      <c r="Z4578">
        <v>7</v>
      </c>
      <c r="AA4578">
        <v>7</v>
      </c>
      <c r="AB4578">
        <v>7</v>
      </c>
      <c r="AC4578">
        <v>7</v>
      </c>
      <c r="AD4578">
        <v>7</v>
      </c>
      <c r="AE4578">
        <v>7</v>
      </c>
      <c r="AF4578">
        <v>7</v>
      </c>
      <c r="AG4578">
        <v>7</v>
      </c>
      <c r="AH4578">
        <v>7</v>
      </c>
      <c r="AI4578">
        <v>7</v>
      </c>
      <c r="AJ4578">
        <v>7</v>
      </c>
      <c r="AK4578">
        <v>7</v>
      </c>
      <c r="AL4578">
        <v>7</v>
      </c>
      <c r="AM4578">
        <v>7</v>
      </c>
      <c r="AN4578">
        <v>7</v>
      </c>
      <c r="AO4578">
        <v>7</v>
      </c>
      <c r="AP4578">
        <v>7</v>
      </c>
      <c r="AQ4578">
        <v>7</v>
      </c>
    </row>
    <row r="4579" spans="1:43">
      <c r="A4579" t="s">
        <v>2864</v>
      </c>
      <c r="B4579" t="s">
        <v>2865</v>
      </c>
      <c r="C4579" t="s">
        <v>2388</v>
      </c>
      <c r="D4579" t="s">
        <v>2389</v>
      </c>
      <c r="E4579" t="s">
        <v>2352</v>
      </c>
      <c r="F4579" t="s">
        <v>2353</v>
      </c>
      <c r="G4579" t="s">
        <v>80</v>
      </c>
      <c r="H4579" t="s">
        <v>81</v>
      </c>
      <c r="I4579" s="2">
        <v>0</v>
      </c>
      <c r="J4579" s="2">
        <v>0</v>
      </c>
      <c r="K4579" s="2">
        <v>1</v>
      </c>
      <c r="L4579" t="s">
        <v>995</v>
      </c>
      <c r="M4579" t="s">
        <v>87</v>
      </c>
      <c r="N4579" t="s">
        <v>88</v>
      </c>
      <c r="O4579" t="s">
        <v>85</v>
      </c>
      <c r="P4579" t="s">
        <v>86</v>
      </c>
      <c r="Q4579">
        <v>7</v>
      </c>
      <c r="R4579">
        <v>7</v>
      </c>
      <c r="S4579">
        <v>7</v>
      </c>
      <c r="T4579">
        <v>7</v>
      </c>
      <c r="U4579">
        <v>7</v>
      </c>
      <c r="V4579">
        <v>6</v>
      </c>
      <c r="W4579">
        <v>6</v>
      </c>
      <c r="X4579">
        <v>6</v>
      </c>
      <c r="Y4579">
        <v>6</v>
      </c>
      <c r="Z4579">
        <v>6</v>
      </c>
      <c r="AA4579">
        <v>6</v>
      </c>
      <c r="AB4579">
        <v>6</v>
      </c>
      <c r="AC4579">
        <v>6</v>
      </c>
      <c r="AD4579">
        <v>6</v>
      </c>
      <c r="AE4579">
        <v>6</v>
      </c>
      <c r="AF4579">
        <v>6</v>
      </c>
      <c r="AG4579">
        <v>6</v>
      </c>
      <c r="AH4579">
        <v>6</v>
      </c>
      <c r="AI4579">
        <v>6</v>
      </c>
      <c r="AJ4579">
        <v>6</v>
      </c>
      <c r="AK4579">
        <v>6</v>
      </c>
      <c r="AL4579">
        <v>6</v>
      </c>
      <c r="AM4579">
        <v>6</v>
      </c>
      <c r="AN4579">
        <v>6</v>
      </c>
      <c r="AO4579">
        <v>6</v>
      </c>
      <c r="AP4579">
        <v>6</v>
      </c>
      <c r="AQ4579">
        <v>6</v>
      </c>
    </row>
    <row r="4580" spans="1:43">
      <c r="A4580" t="s">
        <v>2864</v>
      </c>
      <c r="B4580" t="s">
        <v>2865</v>
      </c>
      <c r="C4580" t="s">
        <v>2388</v>
      </c>
      <c r="D4580" t="s">
        <v>2389</v>
      </c>
      <c r="E4580" t="s">
        <v>2352</v>
      </c>
      <c r="F4580" t="s">
        <v>2353</v>
      </c>
      <c r="G4580" t="s">
        <v>80</v>
      </c>
      <c r="H4580" t="s">
        <v>81</v>
      </c>
      <c r="I4580" s="2">
        <v>0</v>
      </c>
      <c r="J4580" s="2">
        <v>0</v>
      </c>
      <c r="K4580" s="2">
        <v>1</v>
      </c>
      <c r="L4580" t="s">
        <v>995</v>
      </c>
      <c r="M4580" t="s">
        <v>89</v>
      </c>
      <c r="N4580" t="s">
        <v>90</v>
      </c>
      <c r="O4580" t="s">
        <v>85</v>
      </c>
      <c r="P4580" t="s">
        <v>86</v>
      </c>
      <c r="Q4580">
        <v>7</v>
      </c>
      <c r="R4580">
        <v>7</v>
      </c>
      <c r="S4580">
        <v>7</v>
      </c>
      <c r="T4580">
        <v>7</v>
      </c>
      <c r="U4580">
        <v>7</v>
      </c>
      <c r="V4580">
        <v>7</v>
      </c>
      <c r="W4580">
        <v>7</v>
      </c>
      <c r="X4580">
        <v>7</v>
      </c>
      <c r="Y4580">
        <v>7</v>
      </c>
      <c r="Z4580">
        <v>7</v>
      </c>
      <c r="AA4580">
        <v>7</v>
      </c>
      <c r="AB4580">
        <v>7</v>
      </c>
      <c r="AC4580">
        <v>7</v>
      </c>
      <c r="AD4580">
        <v>7</v>
      </c>
      <c r="AE4580">
        <v>7</v>
      </c>
      <c r="AF4580">
        <v>7</v>
      </c>
      <c r="AG4580">
        <v>7</v>
      </c>
      <c r="AH4580">
        <v>7</v>
      </c>
      <c r="AI4580">
        <v>7</v>
      </c>
      <c r="AJ4580">
        <v>7</v>
      </c>
      <c r="AK4580">
        <v>7</v>
      </c>
      <c r="AL4580">
        <v>7</v>
      </c>
      <c r="AM4580">
        <v>7</v>
      </c>
      <c r="AN4580">
        <v>7</v>
      </c>
      <c r="AO4580">
        <v>7</v>
      </c>
      <c r="AP4580">
        <v>7</v>
      </c>
      <c r="AQ4580">
        <v>7</v>
      </c>
    </row>
    <row r="4581" spans="1:43">
      <c r="A4581" t="s">
        <v>2864</v>
      </c>
      <c r="B4581" t="s">
        <v>2865</v>
      </c>
      <c r="C4581" t="s">
        <v>2388</v>
      </c>
      <c r="D4581" t="s">
        <v>2389</v>
      </c>
      <c r="E4581" t="s">
        <v>2352</v>
      </c>
      <c r="F4581" t="s">
        <v>2353</v>
      </c>
      <c r="G4581" t="s">
        <v>80</v>
      </c>
      <c r="H4581" t="s">
        <v>81</v>
      </c>
      <c r="I4581" s="2">
        <v>0</v>
      </c>
      <c r="J4581" s="2">
        <v>0</v>
      </c>
      <c r="K4581" s="2">
        <v>1</v>
      </c>
      <c r="L4581" t="s">
        <v>995</v>
      </c>
      <c r="M4581" t="s">
        <v>83</v>
      </c>
      <c r="N4581" t="s">
        <v>91</v>
      </c>
      <c r="O4581" t="s">
        <v>85</v>
      </c>
      <c r="P4581" t="s">
        <v>86</v>
      </c>
      <c r="Q4581">
        <v>7</v>
      </c>
      <c r="R4581">
        <v>7</v>
      </c>
      <c r="S4581">
        <v>7</v>
      </c>
      <c r="T4581">
        <v>7</v>
      </c>
      <c r="U4581">
        <v>7</v>
      </c>
      <c r="V4581">
        <v>7</v>
      </c>
      <c r="W4581">
        <v>7</v>
      </c>
      <c r="X4581">
        <v>7</v>
      </c>
      <c r="Y4581">
        <v>7</v>
      </c>
      <c r="Z4581">
        <v>7</v>
      </c>
      <c r="AA4581">
        <v>7</v>
      </c>
      <c r="AB4581">
        <v>7</v>
      </c>
      <c r="AC4581">
        <v>7</v>
      </c>
      <c r="AD4581">
        <v>7</v>
      </c>
      <c r="AE4581">
        <v>7</v>
      </c>
      <c r="AF4581">
        <v>7</v>
      </c>
      <c r="AG4581">
        <v>7</v>
      </c>
      <c r="AH4581">
        <v>7</v>
      </c>
      <c r="AI4581">
        <v>7</v>
      </c>
      <c r="AJ4581">
        <v>7</v>
      </c>
      <c r="AK4581">
        <v>7</v>
      </c>
      <c r="AL4581">
        <v>7</v>
      </c>
      <c r="AM4581">
        <v>7</v>
      </c>
      <c r="AN4581">
        <v>7</v>
      </c>
      <c r="AO4581">
        <v>7</v>
      </c>
      <c r="AP4581">
        <v>7</v>
      </c>
      <c r="AQ4581">
        <v>7</v>
      </c>
    </row>
    <row r="4582" spans="1:43">
      <c r="A4582" t="s">
        <v>2866</v>
      </c>
      <c r="B4582" t="s">
        <v>2867</v>
      </c>
      <c r="C4582" t="s">
        <v>2868</v>
      </c>
      <c r="D4582" t="s">
        <v>2869</v>
      </c>
      <c r="E4582" t="s">
        <v>2870</v>
      </c>
      <c r="F4582" t="s">
        <v>2871</v>
      </c>
      <c r="G4582" t="s">
        <v>80</v>
      </c>
      <c r="H4582" t="s">
        <v>81</v>
      </c>
      <c r="I4582" s="2">
        <v>0</v>
      </c>
      <c r="J4582" s="2">
        <v>0</v>
      </c>
      <c r="K4582" s="2">
        <v>0</v>
      </c>
      <c r="L4582" t="s">
        <v>82</v>
      </c>
      <c r="M4582" t="s">
        <v>83</v>
      </c>
      <c r="N4582" t="s">
        <v>84</v>
      </c>
      <c r="O4582" t="s">
        <v>85</v>
      </c>
      <c r="P4582" t="s">
        <v>86</v>
      </c>
      <c r="Q4582">
        <v>0</v>
      </c>
      <c r="R4582">
        <v>0</v>
      </c>
      <c r="S4582">
        <v>0</v>
      </c>
      <c r="T4582">
        <v>0</v>
      </c>
      <c r="U4582">
        <v>0</v>
      </c>
      <c r="V4582">
        <v>0</v>
      </c>
      <c r="W4582">
        <v>0</v>
      </c>
      <c r="X4582">
        <v>0</v>
      </c>
      <c r="Y4582">
        <v>0</v>
      </c>
      <c r="Z4582">
        <v>0</v>
      </c>
      <c r="AA4582">
        <v>0</v>
      </c>
      <c r="AB4582">
        <v>0</v>
      </c>
      <c r="AC4582">
        <v>0</v>
      </c>
      <c r="AD4582">
        <v>0</v>
      </c>
      <c r="AE4582">
        <v>0</v>
      </c>
      <c r="AF4582">
        <v>0</v>
      </c>
      <c r="AG4582">
        <v>0</v>
      </c>
      <c r="AH4582">
        <v>0</v>
      </c>
      <c r="AI4582">
        <v>0</v>
      </c>
      <c r="AJ4582">
        <v>0</v>
      </c>
      <c r="AK4582">
        <v>0</v>
      </c>
      <c r="AL4582">
        <v>0</v>
      </c>
      <c r="AM4582">
        <v>0</v>
      </c>
      <c r="AN4582">
        <v>0</v>
      </c>
      <c r="AO4582">
        <v>0</v>
      </c>
      <c r="AP4582">
        <v>0</v>
      </c>
      <c r="AQ4582">
        <v>0</v>
      </c>
    </row>
    <row r="4583" spans="1:43">
      <c r="A4583" t="s">
        <v>2866</v>
      </c>
      <c r="B4583" t="s">
        <v>2867</v>
      </c>
      <c r="C4583" t="s">
        <v>2868</v>
      </c>
      <c r="D4583" t="s">
        <v>2869</v>
      </c>
      <c r="E4583" t="s">
        <v>2870</v>
      </c>
      <c r="F4583" t="s">
        <v>2871</v>
      </c>
      <c r="G4583" t="s">
        <v>80</v>
      </c>
      <c r="H4583" t="s">
        <v>81</v>
      </c>
      <c r="I4583" s="2">
        <v>0</v>
      </c>
      <c r="J4583" s="2">
        <v>0</v>
      </c>
      <c r="K4583" s="2">
        <v>0</v>
      </c>
      <c r="L4583" t="s">
        <v>82</v>
      </c>
      <c r="M4583" t="s">
        <v>87</v>
      </c>
      <c r="N4583" t="s">
        <v>88</v>
      </c>
      <c r="O4583" t="s">
        <v>85</v>
      </c>
      <c r="P4583" t="s">
        <v>86</v>
      </c>
      <c r="Q4583">
        <v>0</v>
      </c>
      <c r="R4583">
        <v>0</v>
      </c>
      <c r="S4583">
        <v>0</v>
      </c>
      <c r="T4583">
        <v>0</v>
      </c>
      <c r="U4583">
        <v>0</v>
      </c>
      <c r="V4583">
        <v>0</v>
      </c>
      <c r="W4583">
        <v>0</v>
      </c>
      <c r="X4583">
        <v>0</v>
      </c>
      <c r="Y4583">
        <v>0</v>
      </c>
      <c r="Z4583">
        <v>0</v>
      </c>
      <c r="AA4583">
        <v>0</v>
      </c>
      <c r="AB4583">
        <v>0</v>
      </c>
      <c r="AC4583">
        <v>0</v>
      </c>
      <c r="AD4583">
        <v>0</v>
      </c>
      <c r="AE4583">
        <v>0</v>
      </c>
      <c r="AF4583">
        <v>0</v>
      </c>
      <c r="AG4583">
        <v>0</v>
      </c>
      <c r="AH4583">
        <v>0</v>
      </c>
      <c r="AI4583">
        <v>0</v>
      </c>
      <c r="AJ4583">
        <v>0</v>
      </c>
      <c r="AK4583">
        <v>0</v>
      </c>
      <c r="AL4583">
        <v>0</v>
      </c>
      <c r="AM4583">
        <v>0</v>
      </c>
      <c r="AN4583">
        <v>0</v>
      </c>
      <c r="AO4583">
        <v>0</v>
      </c>
      <c r="AP4583">
        <v>0</v>
      </c>
      <c r="AQ4583">
        <v>0</v>
      </c>
    </row>
    <row r="4584" spans="1:43">
      <c r="A4584" t="s">
        <v>2866</v>
      </c>
      <c r="B4584" t="s">
        <v>2867</v>
      </c>
      <c r="C4584" t="s">
        <v>2868</v>
      </c>
      <c r="D4584" t="s">
        <v>2869</v>
      </c>
      <c r="E4584" t="s">
        <v>2870</v>
      </c>
      <c r="F4584" t="s">
        <v>2871</v>
      </c>
      <c r="G4584" t="s">
        <v>80</v>
      </c>
      <c r="H4584" t="s">
        <v>81</v>
      </c>
      <c r="I4584" s="2">
        <v>0</v>
      </c>
      <c r="J4584" s="2">
        <v>0</v>
      </c>
      <c r="K4584" s="2">
        <v>0</v>
      </c>
      <c r="L4584" t="s">
        <v>82</v>
      </c>
      <c r="M4584" t="s">
        <v>89</v>
      </c>
      <c r="N4584" t="s">
        <v>90</v>
      </c>
      <c r="O4584" t="s">
        <v>85</v>
      </c>
      <c r="P4584" t="s">
        <v>86</v>
      </c>
      <c r="Q4584">
        <v>0</v>
      </c>
      <c r="R4584">
        <v>0</v>
      </c>
      <c r="S4584">
        <v>0</v>
      </c>
      <c r="T4584">
        <v>0</v>
      </c>
      <c r="U4584">
        <v>0</v>
      </c>
      <c r="V4584">
        <v>0</v>
      </c>
      <c r="W4584">
        <v>0</v>
      </c>
      <c r="X4584">
        <v>0</v>
      </c>
      <c r="Y4584">
        <v>0</v>
      </c>
      <c r="Z4584">
        <v>0</v>
      </c>
      <c r="AA4584">
        <v>0</v>
      </c>
      <c r="AB4584">
        <v>0</v>
      </c>
      <c r="AC4584">
        <v>0</v>
      </c>
      <c r="AD4584">
        <v>0</v>
      </c>
      <c r="AE4584">
        <v>0</v>
      </c>
      <c r="AF4584">
        <v>0</v>
      </c>
      <c r="AG4584">
        <v>0</v>
      </c>
      <c r="AH4584">
        <v>0</v>
      </c>
      <c r="AI4584">
        <v>0</v>
      </c>
      <c r="AJ4584">
        <v>0</v>
      </c>
      <c r="AK4584">
        <v>0</v>
      </c>
      <c r="AL4584">
        <v>0</v>
      </c>
      <c r="AM4584">
        <v>0</v>
      </c>
      <c r="AN4584">
        <v>0</v>
      </c>
      <c r="AO4584">
        <v>0</v>
      </c>
      <c r="AP4584">
        <v>0</v>
      </c>
      <c r="AQ4584">
        <v>0</v>
      </c>
    </row>
    <row r="4585" spans="1:43">
      <c r="A4585" t="s">
        <v>2866</v>
      </c>
      <c r="B4585" t="s">
        <v>2867</v>
      </c>
      <c r="C4585" t="s">
        <v>2868</v>
      </c>
      <c r="D4585" t="s">
        <v>2869</v>
      </c>
      <c r="E4585" t="s">
        <v>2870</v>
      </c>
      <c r="F4585" t="s">
        <v>2871</v>
      </c>
      <c r="G4585" t="s">
        <v>80</v>
      </c>
      <c r="H4585" t="s">
        <v>81</v>
      </c>
      <c r="I4585" s="2">
        <v>0</v>
      </c>
      <c r="J4585" s="2">
        <v>0</v>
      </c>
      <c r="K4585" s="2">
        <v>0</v>
      </c>
      <c r="L4585" t="s">
        <v>82</v>
      </c>
      <c r="M4585" t="s">
        <v>83</v>
      </c>
      <c r="N4585" t="s">
        <v>91</v>
      </c>
      <c r="O4585" t="s">
        <v>85</v>
      </c>
      <c r="P4585" t="s">
        <v>86</v>
      </c>
      <c r="Q4585">
        <v>0</v>
      </c>
      <c r="R4585">
        <v>0</v>
      </c>
      <c r="S4585">
        <v>0</v>
      </c>
      <c r="T4585">
        <v>0</v>
      </c>
      <c r="U4585">
        <v>0</v>
      </c>
      <c r="V4585">
        <v>0</v>
      </c>
      <c r="W4585">
        <v>0</v>
      </c>
      <c r="X4585">
        <v>0</v>
      </c>
      <c r="Y4585">
        <v>0</v>
      </c>
      <c r="Z4585">
        <v>0</v>
      </c>
      <c r="AA4585">
        <v>0</v>
      </c>
      <c r="AB4585">
        <v>0</v>
      </c>
      <c r="AC4585">
        <v>0</v>
      </c>
      <c r="AD4585">
        <v>0</v>
      </c>
      <c r="AE4585">
        <v>0</v>
      </c>
      <c r="AF4585">
        <v>0</v>
      </c>
      <c r="AG4585">
        <v>0</v>
      </c>
      <c r="AH4585">
        <v>0</v>
      </c>
      <c r="AI4585">
        <v>0</v>
      </c>
      <c r="AJ4585">
        <v>0</v>
      </c>
      <c r="AK4585">
        <v>0</v>
      </c>
      <c r="AL4585">
        <v>0</v>
      </c>
      <c r="AM4585">
        <v>0</v>
      </c>
      <c r="AN4585">
        <v>0</v>
      </c>
      <c r="AO4585">
        <v>0</v>
      </c>
      <c r="AP4585">
        <v>0</v>
      </c>
      <c r="AQ4585">
        <v>0</v>
      </c>
    </row>
    <row r="4586" spans="1:43">
      <c r="A4586" t="s">
        <v>2872</v>
      </c>
      <c r="B4586" t="s">
        <v>2873</v>
      </c>
      <c r="C4586" t="s">
        <v>2868</v>
      </c>
      <c r="D4586" t="s">
        <v>2869</v>
      </c>
      <c r="E4586" t="s">
        <v>2870</v>
      </c>
      <c r="F4586" t="s">
        <v>2871</v>
      </c>
      <c r="G4586" t="s">
        <v>80</v>
      </c>
      <c r="H4586" t="s">
        <v>81</v>
      </c>
      <c r="I4586" s="2">
        <v>0</v>
      </c>
      <c r="J4586" s="2">
        <v>0</v>
      </c>
      <c r="K4586" s="2">
        <v>0</v>
      </c>
      <c r="L4586" t="s">
        <v>82</v>
      </c>
      <c r="M4586" t="s">
        <v>83</v>
      </c>
      <c r="N4586" t="s">
        <v>84</v>
      </c>
      <c r="O4586" t="s">
        <v>85</v>
      </c>
      <c r="P4586" t="s">
        <v>86</v>
      </c>
      <c r="Q4586">
        <v>0</v>
      </c>
      <c r="R4586">
        <v>0</v>
      </c>
      <c r="S4586">
        <v>0</v>
      </c>
      <c r="T4586">
        <v>0</v>
      </c>
      <c r="U4586">
        <v>0</v>
      </c>
      <c r="V4586">
        <v>0</v>
      </c>
      <c r="W4586">
        <v>0</v>
      </c>
      <c r="X4586">
        <v>0</v>
      </c>
      <c r="Y4586">
        <v>0</v>
      </c>
      <c r="Z4586">
        <v>0</v>
      </c>
      <c r="AA4586">
        <v>0</v>
      </c>
      <c r="AB4586">
        <v>0</v>
      </c>
      <c r="AC4586">
        <v>0</v>
      </c>
      <c r="AD4586">
        <v>0</v>
      </c>
      <c r="AE4586">
        <v>0</v>
      </c>
      <c r="AF4586">
        <v>0</v>
      </c>
      <c r="AG4586">
        <v>0</v>
      </c>
      <c r="AH4586">
        <v>0</v>
      </c>
      <c r="AI4586">
        <v>0</v>
      </c>
      <c r="AJ4586">
        <v>0</v>
      </c>
      <c r="AK4586">
        <v>0</v>
      </c>
      <c r="AL4586">
        <v>0</v>
      </c>
      <c r="AM4586">
        <v>0</v>
      </c>
      <c r="AN4586">
        <v>0</v>
      </c>
      <c r="AO4586">
        <v>0</v>
      </c>
      <c r="AP4586">
        <v>0</v>
      </c>
      <c r="AQ4586">
        <v>0</v>
      </c>
    </row>
    <row r="4587" spans="1:43">
      <c r="A4587" t="s">
        <v>2872</v>
      </c>
      <c r="B4587" t="s">
        <v>2873</v>
      </c>
      <c r="C4587" t="s">
        <v>2868</v>
      </c>
      <c r="D4587" t="s">
        <v>2869</v>
      </c>
      <c r="E4587" t="s">
        <v>2870</v>
      </c>
      <c r="F4587" t="s">
        <v>2871</v>
      </c>
      <c r="G4587" t="s">
        <v>80</v>
      </c>
      <c r="H4587" t="s">
        <v>81</v>
      </c>
      <c r="I4587" s="2">
        <v>0</v>
      </c>
      <c r="J4587" s="2">
        <v>0</v>
      </c>
      <c r="K4587" s="2">
        <v>0</v>
      </c>
      <c r="L4587" t="s">
        <v>82</v>
      </c>
      <c r="M4587" t="s">
        <v>87</v>
      </c>
      <c r="N4587" t="s">
        <v>88</v>
      </c>
      <c r="O4587" t="s">
        <v>85</v>
      </c>
      <c r="P4587" t="s">
        <v>86</v>
      </c>
      <c r="Q4587">
        <v>0</v>
      </c>
      <c r="R4587">
        <v>0</v>
      </c>
      <c r="S4587">
        <v>0</v>
      </c>
      <c r="T4587">
        <v>0</v>
      </c>
      <c r="U4587">
        <v>0</v>
      </c>
      <c r="V4587">
        <v>0</v>
      </c>
      <c r="W4587">
        <v>0</v>
      </c>
      <c r="X4587">
        <v>0</v>
      </c>
      <c r="Y4587">
        <v>0</v>
      </c>
      <c r="Z4587">
        <v>0</v>
      </c>
      <c r="AA4587">
        <v>0</v>
      </c>
      <c r="AB4587">
        <v>0</v>
      </c>
      <c r="AC4587">
        <v>0</v>
      </c>
      <c r="AD4587">
        <v>0</v>
      </c>
      <c r="AE4587">
        <v>0</v>
      </c>
      <c r="AF4587">
        <v>0</v>
      </c>
      <c r="AG4587">
        <v>0</v>
      </c>
      <c r="AH4587">
        <v>0</v>
      </c>
      <c r="AI4587">
        <v>0</v>
      </c>
      <c r="AJ4587">
        <v>0</v>
      </c>
      <c r="AK4587">
        <v>0</v>
      </c>
      <c r="AL4587">
        <v>0</v>
      </c>
      <c r="AM4587">
        <v>0</v>
      </c>
      <c r="AN4587">
        <v>0</v>
      </c>
      <c r="AO4587">
        <v>0</v>
      </c>
      <c r="AP4587">
        <v>0</v>
      </c>
      <c r="AQ4587">
        <v>0</v>
      </c>
    </row>
    <row r="4588" spans="1:43">
      <c r="A4588" t="s">
        <v>2872</v>
      </c>
      <c r="B4588" t="s">
        <v>2873</v>
      </c>
      <c r="C4588" t="s">
        <v>2868</v>
      </c>
      <c r="D4588" t="s">
        <v>2869</v>
      </c>
      <c r="E4588" t="s">
        <v>2870</v>
      </c>
      <c r="F4588" t="s">
        <v>2871</v>
      </c>
      <c r="G4588" t="s">
        <v>80</v>
      </c>
      <c r="H4588" t="s">
        <v>81</v>
      </c>
      <c r="I4588" s="2">
        <v>0</v>
      </c>
      <c r="J4588" s="2">
        <v>0</v>
      </c>
      <c r="K4588" s="2">
        <v>0</v>
      </c>
      <c r="L4588" t="s">
        <v>82</v>
      </c>
      <c r="M4588" t="s">
        <v>89</v>
      </c>
      <c r="N4588" t="s">
        <v>90</v>
      </c>
      <c r="O4588" t="s">
        <v>85</v>
      </c>
      <c r="P4588" t="s">
        <v>86</v>
      </c>
      <c r="Q4588">
        <v>0</v>
      </c>
      <c r="R4588">
        <v>0</v>
      </c>
      <c r="S4588">
        <v>0</v>
      </c>
      <c r="T4588">
        <v>0</v>
      </c>
      <c r="U4588">
        <v>0</v>
      </c>
      <c r="V4588">
        <v>0</v>
      </c>
      <c r="W4588">
        <v>0</v>
      </c>
      <c r="X4588">
        <v>0</v>
      </c>
      <c r="Y4588">
        <v>0</v>
      </c>
      <c r="Z4588">
        <v>0</v>
      </c>
      <c r="AA4588">
        <v>0</v>
      </c>
      <c r="AB4588">
        <v>0</v>
      </c>
      <c r="AC4588">
        <v>0</v>
      </c>
      <c r="AD4588">
        <v>0</v>
      </c>
      <c r="AE4588">
        <v>0</v>
      </c>
      <c r="AF4588">
        <v>0</v>
      </c>
      <c r="AG4588">
        <v>0</v>
      </c>
      <c r="AH4588">
        <v>0</v>
      </c>
      <c r="AI4588">
        <v>0</v>
      </c>
      <c r="AJ4588">
        <v>0</v>
      </c>
      <c r="AK4588">
        <v>0</v>
      </c>
      <c r="AL4588">
        <v>0</v>
      </c>
      <c r="AM4588">
        <v>0</v>
      </c>
      <c r="AN4588">
        <v>0</v>
      </c>
      <c r="AO4588">
        <v>0</v>
      </c>
      <c r="AP4588">
        <v>0</v>
      </c>
      <c r="AQ4588">
        <v>0</v>
      </c>
    </row>
    <row r="4589" spans="1:43">
      <c r="A4589" t="s">
        <v>2872</v>
      </c>
      <c r="B4589" t="s">
        <v>2873</v>
      </c>
      <c r="C4589" t="s">
        <v>2868</v>
      </c>
      <c r="D4589" t="s">
        <v>2869</v>
      </c>
      <c r="E4589" t="s">
        <v>2870</v>
      </c>
      <c r="F4589" t="s">
        <v>2871</v>
      </c>
      <c r="G4589" t="s">
        <v>80</v>
      </c>
      <c r="H4589" t="s">
        <v>81</v>
      </c>
      <c r="I4589" s="2">
        <v>0</v>
      </c>
      <c r="J4589" s="2">
        <v>0</v>
      </c>
      <c r="K4589" s="2">
        <v>0</v>
      </c>
      <c r="L4589" t="s">
        <v>82</v>
      </c>
      <c r="M4589" t="s">
        <v>83</v>
      </c>
      <c r="N4589" t="s">
        <v>91</v>
      </c>
      <c r="O4589" t="s">
        <v>85</v>
      </c>
      <c r="P4589" t="s">
        <v>86</v>
      </c>
      <c r="Q4589">
        <v>0</v>
      </c>
      <c r="R4589">
        <v>0</v>
      </c>
      <c r="S4589">
        <v>0</v>
      </c>
      <c r="T4589">
        <v>0</v>
      </c>
      <c r="U4589">
        <v>0</v>
      </c>
      <c r="V4589">
        <v>0</v>
      </c>
      <c r="W4589">
        <v>0</v>
      </c>
      <c r="X4589">
        <v>0</v>
      </c>
      <c r="Y4589">
        <v>0</v>
      </c>
      <c r="Z4589">
        <v>0</v>
      </c>
      <c r="AA4589">
        <v>0</v>
      </c>
      <c r="AB4589">
        <v>0</v>
      </c>
      <c r="AC4589">
        <v>0</v>
      </c>
      <c r="AD4589">
        <v>0</v>
      </c>
      <c r="AE4589">
        <v>0</v>
      </c>
      <c r="AF4589">
        <v>0</v>
      </c>
      <c r="AG4589">
        <v>0</v>
      </c>
      <c r="AH4589">
        <v>0</v>
      </c>
      <c r="AI4589">
        <v>0</v>
      </c>
      <c r="AJ4589">
        <v>0</v>
      </c>
      <c r="AK4589">
        <v>0</v>
      </c>
      <c r="AL4589">
        <v>0</v>
      </c>
      <c r="AM4589">
        <v>0</v>
      </c>
      <c r="AN4589">
        <v>0</v>
      </c>
      <c r="AO4589">
        <v>0</v>
      </c>
      <c r="AP4589">
        <v>0</v>
      </c>
      <c r="AQ4589">
        <v>0</v>
      </c>
    </row>
    <row r="4590" spans="1:43">
      <c r="A4590" t="s">
        <v>2874</v>
      </c>
      <c r="B4590" t="s">
        <v>2875</v>
      </c>
      <c r="C4590" t="s">
        <v>2876</v>
      </c>
      <c r="D4590" t="s">
        <v>2877</v>
      </c>
      <c r="E4590" t="s">
        <v>2870</v>
      </c>
      <c r="F4590" t="s">
        <v>2871</v>
      </c>
      <c r="G4590" t="s">
        <v>80</v>
      </c>
      <c r="H4590" t="s">
        <v>81</v>
      </c>
      <c r="I4590" s="2">
        <v>0</v>
      </c>
      <c r="J4590" s="2">
        <v>0.62</v>
      </c>
      <c r="K4590" s="2">
        <v>0</v>
      </c>
      <c r="L4590" t="s">
        <v>82</v>
      </c>
      <c r="M4590" t="s">
        <v>83</v>
      </c>
      <c r="N4590" t="s">
        <v>84</v>
      </c>
      <c r="O4590" t="s">
        <v>85</v>
      </c>
      <c r="P4590" t="s">
        <v>86</v>
      </c>
      <c r="Q4590">
        <v>3</v>
      </c>
      <c r="R4590">
        <v>3</v>
      </c>
      <c r="S4590">
        <v>3</v>
      </c>
      <c r="T4590">
        <v>3</v>
      </c>
      <c r="U4590">
        <v>3</v>
      </c>
      <c r="V4590">
        <v>3</v>
      </c>
      <c r="W4590">
        <v>3</v>
      </c>
      <c r="X4590">
        <v>3</v>
      </c>
      <c r="Y4590">
        <v>3</v>
      </c>
      <c r="Z4590">
        <v>3</v>
      </c>
      <c r="AA4590">
        <v>3</v>
      </c>
      <c r="AB4590">
        <v>3</v>
      </c>
      <c r="AC4590">
        <v>3</v>
      </c>
      <c r="AD4590">
        <v>3</v>
      </c>
      <c r="AE4590">
        <v>3</v>
      </c>
      <c r="AF4590">
        <v>3</v>
      </c>
      <c r="AG4590">
        <v>3</v>
      </c>
      <c r="AH4590">
        <v>3</v>
      </c>
      <c r="AI4590">
        <v>3</v>
      </c>
      <c r="AJ4590">
        <v>3</v>
      </c>
      <c r="AK4590">
        <v>3</v>
      </c>
      <c r="AL4590">
        <v>3</v>
      </c>
      <c r="AM4590">
        <v>3</v>
      </c>
      <c r="AN4590">
        <v>3</v>
      </c>
      <c r="AO4590">
        <v>3</v>
      </c>
      <c r="AP4590">
        <v>3</v>
      </c>
      <c r="AQ4590">
        <v>3</v>
      </c>
    </row>
    <row r="4591" spans="1:43">
      <c r="A4591" t="s">
        <v>2874</v>
      </c>
      <c r="B4591" t="s">
        <v>2875</v>
      </c>
      <c r="C4591" t="s">
        <v>2876</v>
      </c>
      <c r="D4591" t="s">
        <v>2877</v>
      </c>
      <c r="E4591" t="s">
        <v>2870</v>
      </c>
      <c r="F4591" t="s">
        <v>2871</v>
      </c>
      <c r="G4591" t="s">
        <v>80</v>
      </c>
      <c r="H4591" t="s">
        <v>81</v>
      </c>
      <c r="I4591" s="2">
        <v>0</v>
      </c>
      <c r="J4591" s="2">
        <v>0.62</v>
      </c>
      <c r="K4591" s="2">
        <v>0</v>
      </c>
      <c r="L4591" t="s">
        <v>82</v>
      </c>
      <c r="M4591" t="s">
        <v>87</v>
      </c>
      <c r="N4591" t="s">
        <v>88</v>
      </c>
      <c r="O4591" t="s">
        <v>85</v>
      </c>
      <c r="P4591" t="s">
        <v>86</v>
      </c>
      <c r="Q4591">
        <v>3</v>
      </c>
      <c r="R4591">
        <v>3</v>
      </c>
      <c r="S4591">
        <v>3</v>
      </c>
      <c r="T4591">
        <v>3</v>
      </c>
      <c r="U4591">
        <v>3</v>
      </c>
      <c r="V4591">
        <v>3</v>
      </c>
      <c r="W4591">
        <v>3</v>
      </c>
      <c r="X4591">
        <v>3</v>
      </c>
      <c r="Y4591">
        <v>3</v>
      </c>
      <c r="Z4591">
        <v>3</v>
      </c>
      <c r="AA4591">
        <v>3</v>
      </c>
      <c r="AB4591">
        <v>3</v>
      </c>
      <c r="AC4591">
        <v>3</v>
      </c>
      <c r="AD4591">
        <v>3</v>
      </c>
      <c r="AE4591">
        <v>3</v>
      </c>
      <c r="AF4591">
        <v>3</v>
      </c>
      <c r="AG4591">
        <v>3</v>
      </c>
      <c r="AH4591">
        <v>3</v>
      </c>
      <c r="AI4591">
        <v>3</v>
      </c>
      <c r="AJ4591">
        <v>3</v>
      </c>
      <c r="AK4591">
        <v>3</v>
      </c>
      <c r="AL4591">
        <v>3</v>
      </c>
      <c r="AM4591">
        <v>3</v>
      </c>
      <c r="AN4591">
        <v>3</v>
      </c>
      <c r="AO4591">
        <v>3</v>
      </c>
      <c r="AP4591">
        <v>3</v>
      </c>
      <c r="AQ4591">
        <v>3</v>
      </c>
    </row>
    <row r="4592" spans="1:43">
      <c r="A4592" t="s">
        <v>2874</v>
      </c>
      <c r="B4592" t="s">
        <v>2875</v>
      </c>
      <c r="C4592" t="s">
        <v>2876</v>
      </c>
      <c r="D4592" t="s">
        <v>2877</v>
      </c>
      <c r="E4592" t="s">
        <v>2870</v>
      </c>
      <c r="F4592" t="s">
        <v>2871</v>
      </c>
      <c r="G4592" t="s">
        <v>80</v>
      </c>
      <c r="H4592" t="s">
        <v>81</v>
      </c>
      <c r="I4592" s="2">
        <v>0</v>
      </c>
      <c r="J4592" s="2">
        <v>0.62</v>
      </c>
      <c r="K4592" s="2">
        <v>0</v>
      </c>
      <c r="L4592" t="s">
        <v>82</v>
      </c>
      <c r="M4592" t="s">
        <v>89</v>
      </c>
      <c r="N4592" t="s">
        <v>90</v>
      </c>
      <c r="O4592" t="s">
        <v>85</v>
      </c>
      <c r="P4592" t="s">
        <v>86</v>
      </c>
      <c r="Q4592">
        <v>3</v>
      </c>
      <c r="R4592">
        <v>3</v>
      </c>
      <c r="S4592">
        <v>3</v>
      </c>
      <c r="T4592">
        <v>3</v>
      </c>
      <c r="U4592">
        <v>3</v>
      </c>
      <c r="V4592">
        <v>3</v>
      </c>
      <c r="W4592">
        <v>3</v>
      </c>
      <c r="X4592">
        <v>3</v>
      </c>
      <c r="Y4592">
        <v>3</v>
      </c>
      <c r="Z4592">
        <v>3</v>
      </c>
      <c r="AA4592">
        <v>3</v>
      </c>
      <c r="AB4592">
        <v>3</v>
      </c>
      <c r="AC4592">
        <v>3</v>
      </c>
      <c r="AD4592">
        <v>3</v>
      </c>
      <c r="AE4592">
        <v>3</v>
      </c>
      <c r="AF4592">
        <v>3</v>
      </c>
      <c r="AG4592">
        <v>3</v>
      </c>
      <c r="AH4592">
        <v>3</v>
      </c>
      <c r="AI4592">
        <v>3</v>
      </c>
      <c r="AJ4592">
        <v>3</v>
      </c>
      <c r="AK4592">
        <v>3</v>
      </c>
      <c r="AL4592">
        <v>3</v>
      </c>
      <c r="AM4592">
        <v>3</v>
      </c>
      <c r="AN4592">
        <v>3</v>
      </c>
      <c r="AO4592">
        <v>3</v>
      </c>
      <c r="AP4592">
        <v>3</v>
      </c>
      <c r="AQ4592">
        <v>3</v>
      </c>
    </row>
    <row r="4593" spans="1:43">
      <c r="A4593" t="s">
        <v>2874</v>
      </c>
      <c r="B4593" t="s">
        <v>2875</v>
      </c>
      <c r="C4593" t="s">
        <v>2876</v>
      </c>
      <c r="D4593" t="s">
        <v>2877</v>
      </c>
      <c r="E4593" t="s">
        <v>2870</v>
      </c>
      <c r="F4593" t="s">
        <v>2871</v>
      </c>
      <c r="G4593" t="s">
        <v>80</v>
      </c>
      <c r="H4593" t="s">
        <v>81</v>
      </c>
      <c r="I4593" s="2">
        <v>0</v>
      </c>
      <c r="J4593" s="2">
        <v>0.62</v>
      </c>
      <c r="K4593" s="2">
        <v>0</v>
      </c>
      <c r="L4593" t="s">
        <v>82</v>
      </c>
      <c r="M4593" t="s">
        <v>83</v>
      </c>
      <c r="N4593" t="s">
        <v>91</v>
      </c>
      <c r="O4593" t="s">
        <v>85</v>
      </c>
      <c r="P4593" t="s">
        <v>86</v>
      </c>
      <c r="Q4593">
        <v>3</v>
      </c>
      <c r="R4593">
        <v>3</v>
      </c>
      <c r="S4593">
        <v>3</v>
      </c>
      <c r="T4593">
        <v>3</v>
      </c>
      <c r="U4593">
        <v>3</v>
      </c>
      <c r="V4593">
        <v>3</v>
      </c>
      <c r="W4593">
        <v>3</v>
      </c>
      <c r="X4593">
        <v>3</v>
      </c>
      <c r="Y4593">
        <v>3</v>
      </c>
      <c r="Z4593">
        <v>3</v>
      </c>
      <c r="AA4593">
        <v>3</v>
      </c>
      <c r="AB4593">
        <v>3</v>
      </c>
      <c r="AC4593">
        <v>3</v>
      </c>
      <c r="AD4593">
        <v>3</v>
      </c>
      <c r="AE4593">
        <v>3</v>
      </c>
      <c r="AF4593">
        <v>3</v>
      </c>
      <c r="AG4593">
        <v>3</v>
      </c>
      <c r="AH4593">
        <v>3</v>
      </c>
      <c r="AI4593">
        <v>3</v>
      </c>
      <c r="AJ4593">
        <v>3</v>
      </c>
      <c r="AK4593">
        <v>3</v>
      </c>
      <c r="AL4593">
        <v>3</v>
      </c>
      <c r="AM4593">
        <v>3</v>
      </c>
      <c r="AN4593">
        <v>3</v>
      </c>
      <c r="AO4593">
        <v>3</v>
      </c>
      <c r="AP4593">
        <v>3</v>
      </c>
      <c r="AQ4593">
        <v>3</v>
      </c>
    </row>
    <row r="4594" spans="1:43">
      <c r="A4594" t="s">
        <v>2878</v>
      </c>
      <c r="B4594" t="s">
        <v>2879</v>
      </c>
      <c r="C4594" t="s">
        <v>2876</v>
      </c>
      <c r="D4594" t="s">
        <v>2877</v>
      </c>
      <c r="E4594" t="s">
        <v>2870</v>
      </c>
      <c r="F4594" t="s">
        <v>2871</v>
      </c>
      <c r="G4594" t="s">
        <v>80</v>
      </c>
      <c r="H4594" t="s">
        <v>81</v>
      </c>
      <c r="I4594" s="2">
        <v>0</v>
      </c>
      <c r="J4594" s="2">
        <v>0.19</v>
      </c>
      <c r="K4594" s="2">
        <v>0</v>
      </c>
      <c r="L4594" t="s">
        <v>82</v>
      </c>
      <c r="M4594" t="s">
        <v>83</v>
      </c>
      <c r="N4594" t="s">
        <v>84</v>
      </c>
      <c r="O4594" t="s">
        <v>85</v>
      </c>
      <c r="P4594" t="s">
        <v>86</v>
      </c>
      <c r="Q4594">
        <v>3</v>
      </c>
      <c r="R4594">
        <v>3</v>
      </c>
      <c r="S4594">
        <v>3</v>
      </c>
      <c r="T4594">
        <v>4</v>
      </c>
      <c r="U4594">
        <v>4</v>
      </c>
      <c r="V4594">
        <v>4</v>
      </c>
      <c r="W4594">
        <v>4</v>
      </c>
      <c r="X4594">
        <v>4</v>
      </c>
      <c r="Y4594">
        <v>4</v>
      </c>
      <c r="Z4594">
        <v>4</v>
      </c>
      <c r="AA4594">
        <v>4</v>
      </c>
      <c r="AB4594">
        <v>4</v>
      </c>
      <c r="AC4594">
        <v>4</v>
      </c>
      <c r="AD4594">
        <v>4</v>
      </c>
      <c r="AE4594">
        <v>4</v>
      </c>
      <c r="AF4594">
        <v>4</v>
      </c>
      <c r="AG4594">
        <v>4</v>
      </c>
      <c r="AH4594">
        <v>4</v>
      </c>
      <c r="AI4594">
        <v>4</v>
      </c>
      <c r="AJ4594">
        <v>4</v>
      </c>
      <c r="AK4594">
        <v>4</v>
      </c>
      <c r="AL4594">
        <v>4</v>
      </c>
      <c r="AM4594">
        <v>4</v>
      </c>
      <c r="AN4594">
        <v>4</v>
      </c>
      <c r="AO4594">
        <v>4</v>
      </c>
      <c r="AP4594">
        <v>4</v>
      </c>
      <c r="AQ4594">
        <v>3</v>
      </c>
    </row>
    <row r="4595" spans="1:43">
      <c r="A4595" t="s">
        <v>2878</v>
      </c>
      <c r="B4595" t="s">
        <v>2879</v>
      </c>
      <c r="C4595" t="s">
        <v>2876</v>
      </c>
      <c r="D4595" t="s">
        <v>2877</v>
      </c>
      <c r="E4595" t="s">
        <v>2870</v>
      </c>
      <c r="F4595" t="s">
        <v>2871</v>
      </c>
      <c r="G4595" t="s">
        <v>80</v>
      </c>
      <c r="H4595" t="s">
        <v>81</v>
      </c>
      <c r="I4595" s="2">
        <v>0</v>
      </c>
      <c r="J4595" s="2">
        <v>0.19</v>
      </c>
      <c r="K4595" s="2">
        <v>0</v>
      </c>
      <c r="L4595" t="s">
        <v>82</v>
      </c>
      <c r="M4595" t="s">
        <v>87</v>
      </c>
      <c r="N4595" t="s">
        <v>88</v>
      </c>
      <c r="O4595" t="s">
        <v>85</v>
      </c>
      <c r="P4595" t="s">
        <v>86</v>
      </c>
      <c r="Q4595">
        <v>3</v>
      </c>
      <c r="R4595">
        <v>3</v>
      </c>
      <c r="S4595">
        <v>3</v>
      </c>
      <c r="T4595">
        <v>3</v>
      </c>
      <c r="U4595">
        <v>3</v>
      </c>
      <c r="V4595">
        <v>3</v>
      </c>
      <c r="W4595">
        <v>3</v>
      </c>
      <c r="X4595">
        <v>3</v>
      </c>
      <c r="Y4595">
        <v>3</v>
      </c>
      <c r="Z4595">
        <v>3</v>
      </c>
      <c r="AA4595">
        <v>3</v>
      </c>
      <c r="AB4595">
        <v>3</v>
      </c>
      <c r="AC4595">
        <v>3</v>
      </c>
      <c r="AD4595">
        <v>3</v>
      </c>
      <c r="AE4595">
        <v>3</v>
      </c>
      <c r="AF4595">
        <v>3</v>
      </c>
      <c r="AG4595">
        <v>3</v>
      </c>
      <c r="AH4595">
        <v>3</v>
      </c>
      <c r="AI4595">
        <v>3</v>
      </c>
      <c r="AJ4595">
        <v>3</v>
      </c>
      <c r="AK4595">
        <v>3</v>
      </c>
      <c r="AL4595">
        <v>3</v>
      </c>
      <c r="AM4595">
        <v>3</v>
      </c>
      <c r="AN4595">
        <v>3</v>
      </c>
      <c r="AO4595">
        <v>3</v>
      </c>
      <c r="AP4595">
        <v>3</v>
      </c>
      <c r="AQ4595">
        <v>3</v>
      </c>
    </row>
    <row r="4596" spans="1:43">
      <c r="A4596" t="s">
        <v>2878</v>
      </c>
      <c r="B4596" t="s">
        <v>2879</v>
      </c>
      <c r="C4596" t="s">
        <v>2876</v>
      </c>
      <c r="D4596" t="s">
        <v>2877</v>
      </c>
      <c r="E4596" t="s">
        <v>2870</v>
      </c>
      <c r="F4596" t="s">
        <v>2871</v>
      </c>
      <c r="G4596" t="s">
        <v>80</v>
      </c>
      <c r="H4596" t="s">
        <v>81</v>
      </c>
      <c r="I4596" s="2">
        <v>0</v>
      </c>
      <c r="J4596" s="2">
        <v>0.19</v>
      </c>
      <c r="K4596" s="2">
        <v>0</v>
      </c>
      <c r="L4596" t="s">
        <v>82</v>
      </c>
      <c r="M4596" t="s">
        <v>89</v>
      </c>
      <c r="N4596" t="s">
        <v>90</v>
      </c>
      <c r="O4596" t="s">
        <v>85</v>
      </c>
      <c r="P4596" t="s">
        <v>86</v>
      </c>
      <c r="Q4596">
        <v>3</v>
      </c>
      <c r="R4596">
        <v>4</v>
      </c>
      <c r="S4596">
        <v>4</v>
      </c>
      <c r="T4596">
        <v>4</v>
      </c>
      <c r="U4596">
        <v>4</v>
      </c>
      <c r="V4596">
        <v>4</v>
      </c>
      <c r="W4596">
        <v>4</v>
      </c>
      <c r="X4596">
        <v>4</v>
      </c>
      <c r="Y4596">
        <v>4</v>
      </c>
      <c r="Z4596">
        <v>4</v>
      </c>
      <c r="AA4596">
        <v>4</v>
      </c>
      <c r="AB4596">
        <v>4</v>
      </c>
      <c r="AC4596">
        <v>4</v>
      </c>
      <c r="AD4596">
        <v>4</v>
      </c>
      <c r="AE4596">
        <v>4</v>
      </c>
      <c r="AF4596">
        <v>4</v>
      </c>
      <c r="AG4596">
        <v>4</v>
      </c>
      <c r="AH4596">
        <v>4</v>
      </c>
      <c r="AI4596">
        <v>4</v>
      </c>
      <c r="AJ4596">
        <v>4</v>
      </c>
      <c r="AK4596">
        <v>4</v>
      </c>
      <c r="AL4596">
        <v>4</v>
      </c>
      <c r="AM4596">
        <v>4</v>
      </c>
      <c r="AN4596">
        <v>4</v>
      </c>
      <c r="AO4596">
        <v>4</v>
      </c>
      <c r="AP4596">
        <v>4</v>
      </c>
      <c r="AQ4596">
        <v>4</v>
      </c>
    </row>
    <row r="4597" spans="1:43">
      <c r="A4597" t="s">
        <v>2878</v>
      </c>
      <c r="B4597" t="s">
        <v>2879</v>
      </c>
      <c r="C4597" t="s">
        <v>2876</v>
      </c>
      <c r="D4597" t="s">
        <v>2877</v>
      </c>
      <c r="E4597" t="s">
        <v>2870</v>
      </c>
      <c r="F4597" t="s">
        <v>2871</v>
      </c>
      <c r="G4597" t="s">
        <v>80</v>
      </c>
      <c r="H4597" t="s">
        <v>81</v>
      </c>
      <c r="I4597" s="2">
        <v>0</v>
      </c>
      <c r="J4597" s="2">
        <v>0.19</v>
      </c>
      <c r="K4597" s="2">
        <v>0</v>
      </c>
      <c r="L4597" t="s">
        <v>82</v>
      </c>
      <c r="M4597" t="s">
        <v>83</v>
      </c>
      <c r="N4597" t="s">
        <v>91</v>
      </c>
      <c r="O4597" t="s">
        <v>85</v>
      </c>
      <c r="P4597" t="s">
        <v>86</v>
      </c>
      <c r="Q4597">
        <v>3</v>
      </c>
      <c r="R4597">
        <v>3</v>
      </c>
      <c r="S4597">
        <v>3</v>
      </c>
      <c r="T4597">
        <v>4</v>
      </c>
      <c r="U4597">
        <v>4</v>
      </c>
      <c r="V4597">
        <v>4</v>
      </c>
      <c r="W4597">
        <v>4</v>
      </c>
      <c r="X4597">
        <v>4</v>
      </c>
      <c r="Y4597">
        <v>4</v>
      </c>
      <c r="Z4597">
        <v>4</v>
      </c>
      <c r="AA4597">
        <v>4</v>
      </c>
      <c r="AB4597">
        <v>4</v>
      </c>
      <c r="AC4597">
        <v>4</v>
      </c>
      <c r="AD4597">
        <v>4</v>
      </c>
      <c r="AE4597">
        <v>4</v>
      </c>
      <c r="AF4597">
        <v>4</v>
      </c>
      <c r="AG4597">
        <v>4</v>
      </c>
      <c r="AH4597">
        <v>4</v>
      </c>
      <c r="AI4597">
        <v>4</v>
      </c>
      <c r="AJ4597">
        <v>4</v>
      </c>
      <c r="AK4597">
        <v>4</v>
      </c>
      <c r="AL4597">
        <v>4</v>
      </c>
      <c r="AM4597">
        <v>4</v>
      </c>
      <c r="AN4597">
        <v>4</v>
      </c>
      <c r="AO4597">
        <v>4</v>
      </c>
      <c r="AP4597">
        <v>4</v>
      </c>
      <c r="AQ4597">
        <v>3</v>
      </c>
    </row>
    <row r="4598" spans="1:43">
      <c r="A4598" t="s">
        <v>2880</v>
      </c>
      <c r="B4598" t="s">
        <v>2881</v>
      </c>
      <c r="C4598" t="s">
        <v>2876</v>
      </c>
      <c r="D4598" t="s">
        <v>2877</v>
      </c>
      <c r="E4598" t="s">
        <v>2870</v>
      </c>
      <c r="F4598" t="s">
        <v>2871</v>
      </c>
      <c r="G4598" t="s">
        <v>80</v>
      </c>
      <c r="H4598" t="s">
        <v>81</v>
      </c>
      <c r="I4598" s="2">
        <v>0</v>
      </c>
      <c r="J4598" s="2">
        <v>0</v>
      </c>
      <c r="K4598" s="2">
        <v>0</v>
      </c>
      <c r="L4598" t="s">
        <v>82</v>
      </c>
      <c r="M4598" t="s">
        <v>83</v>
      </c>
      <c r="N4598" t="s">
        <v>84</v>
      </c>
      <c r="O4598" t="s">
        <v>85</v>
      </c>
      <c r="P4598" t="s">
        <v>86</v>
      </c>
      <c r="Q4598">
        <v>0</v>
      </c>
      <c r="R4598">
        <v>0</v>
      </c>
      <c r="S4598">
        <v>0</v>
      </c>
      <c r="T4598">
        <v>0</v>
      </c>
      <c r="U4598">
        <v>0</v>
      </c>
      <c r="V4598">
        <v>0</v>
      </c>
      <c r="W4598">
        <v>0</v>
      </c>
      <c r="X4598">
        <v>0</v>
      </c>
      <c r="Y4598">
        <v>0</v>
      </c>
      <c r="Z4598">
        <v>0</v>
      </c>
      <c r="AA4598">
        <v>0</v>
      </c>
      <c r="AB4598">
        <v>0</v>
      </c>
      <c r="AC4598">
        <v>0</v>
      </c>
      <c r="AD4598">
        <v>0</v>
      </c>
      <c r="AE4598">
        <v>0</v>
      </c>
      <c r="AF4598">
        <v>0</v>
      </c>
      <c r="AG4598">
        <v>0</v>
      </c>
      <c r="AH4598">
        <v>0</v>
      </c>
      <c r="AI4598">
        <v>0</v>
      </c>
      <c r="AJ4598">
        <v>0</v>
      </c>
      <c r="AK4598">
        <v>0</v>
      </c>
      <c r="AL4598">
        <v>0</v>
      </c>
      <c r="AM4598">
        <v>0</v>
      </c>
      <c r="AN4598">
        <v>0</v>
      </c>
      <c r="AO4598">
        <v>0</v>
      </c>
      <c r="AP4598">
        <v>0</v>
      </c>
      <c r="AQ4598">
        <v>0</v>
      </c>
    </row>
    <row r="4599" spans="1:43">
      <c r="A4599" t="s">
        <v>2880</v>
      </c>
      <c r="B4599" t="s">
        <v>2881</v>
      </c>
      <c r="C4599" t="s">
        <v>2876</v>
      </c>
      <c r="D4599" t="s">
        <v>2877</v>
      </c>
      <c r="E4599" t="s">
        <v>2870</v>
      </c>
      <c r="F4599" t="s">
        <v>2871</v>
      </c>
      <c r="G4599" t="s">
        <v>80</v>
      </c>
      <c r="H4599" t="s">
        <v>81</v>
      </c>
      <c r="I4599" s="2">
        <v>0</v>
      </c>
      <c r="J4599" s="2">
        <v>0</v>
      </c>
      <c r="K4599" s="2">
        <v>0</v>
      </c>
      <c r="L4599" t="s">
        <v>82</v>
      </c>
      <c r="M4599" t="s">
        <v>87</v>
      </c>
      <c r="N4599" t="s">
        <v>88</v>
      </c>
      <c r="O4599" t="s">
        <v>85</v>
      </c>
      <c r="P4599" t="s">
        <v>86</v>
      </c>
      <c r="Q4599">
        <v>0</v>
      </c>
      <c r="R4599">
        <v>0</v>
      </c>
      <c r="S4599">
        <v>0</v>
      </c>
      <c r="T4599">
        <v>0</v>
      </c>
      <c r="U4599">
        <v>0</v>
      </c>
      <c r="V4599">
        <v>0</v>
      </c>
      <c r="W4599">
        <v>0</v>
      </c>
      <c r="X4599">
        <v>0</v>
      </c>
      <c r="Y4599">
        <v>0</v>
      </c>
      <c r="Z4599">
        <v>0</v>
      </c>
      <c r="AA4599">
        <v>0</v>
      </c>
      <c r="AB4599">
        <v>0</v>
      </c>
      <c r="AC4599">
        <v>0</v>
      </c>
      <c r="AD4599">
        <v>0</v>
      </c>
      <c r="AE4599">
        <v>0</v>
      </c>
      <c r="AF4599">
        <v>0</v>
      </c>
      <c r="AG4599">
        <v>0</v>
      </c>
      <c r="AH4599">
        <v>0</v>
      </c>
      <c r="AI4599">
        <v>0</v>
      </c>
      <c r="AJ4599">
        <v>0</v>
      </c>
      <c r="AK4599">
        <v>0</v>
      </c>
      <c r="AL4599">
        <v>0</v>
      </c>
      <c r="AM4599">
        <v>0</v>
      </c>
      <c r="AN4599">
        <v>0</v>
      </c>
      <c r="AO4599">
        <v>0</v>
      </c>
      <c r="AP4599">
        <v>0</v>
      </c>
      <c r="AQ4599">
        <v>0</v>
      </c>
    </row>
    <row r="4600" spans="1:43">
      <c r="A4600" t="s">
        <v>2880</v>
      </c>
      <c r="B4600" t="s">
        <v>2881</v>
      </c>
      <c r="C4600" t="s">
        <v>2876</v>
      </c>
      <c r="D4600" t="s">
        <v>2877</v>
      </c>
      <c r="E4600" t="s">
        <v>2870</v>
      </c>
      <c r="F4600" t="s">
        <v>2871</v>
      </c>
      <c r="G4600" t="s">
        <v>80</v>
      </c>
      <c r="H4600" t="s">
        <v>81</v>
      </c>
      <c r="I4600" s="2">
        <v>0</v>
      </c>
      <c r="J4600" s="2">
        <v>0</v>
      </c>
      <c r="K4600" s="2">
        <v>0</v>
      </c>
      <c r="L4600" t="s">
        <v>82</v>
      </c>
      <c r="M4600" t="s">
        <v>89</v>
      </c>
      <c r="N4600" t="s">
        <v>90</v>
      </c>
      <c r="O4600" t="s">
        <v>85</v>
      </c>
      <c r="P4600" t="s">
        <v>86</v>
      </c>
      <c r="Q4600">
        <v>0</v>
      </c>
      <c r="R4600">
        <v>0</v>
      </c>
      <c r="S4600">
        <v>0</v>
      </c>
      <c r="T4600">
        <v>0</v>
      </c>
      <c r="U4600">
        <v>0</v>
      </c>
      <c r="V4600">
        <v>0</v>
      </c>
      <c r="W4600">
        <v>0</v>
      </c>
      <c r="X4600">
        <v>0</v>
      </c>
      <c r="Y4600">
        <v>0</v>
      </c>
      <c r="Z4600">
        <v>0</v>
      </c>
      <c r="AA4600">
        <v>0</v>
      </c>
      <c r="AB4600">
        <v>0</v>
      </c>
      <c r="AC4600">
        <v>0</v>
      </c>
      <c r="AD4600">
        <v>0</v>
      </c>
      <c r="AE4600">
        <v>0</v>
      </c>
      <c r="AF4600">
        <v>0</v>
      </c>
      <c r="AG4600">
        <v>0</v>
      </c>
      <c r="AH4600">
        <v>0</v>
      </c>
      <c r="AI4600">
        <v>0</v>
      </c>
      <c r="AJ4600">
        <v>0</v>
      </c>
      <c r="AK4600">
        <v>0</v>
      </c>
      <c r="AL4600">
        <v>0</v>
      </c>
      <c r="AM4600">
        <v>0</v>
      </c>
      <c r="AN4600">
        <v>0</v>
      </c>
      <c r="AO4600">
        <v>0</v>
      </c>
      <c r="AP4600">
        <v>0</v>
      </c>
      <c r="AQ4600">
        <v>0</v>
      </c>
    </row>
    <row r="4601" spans="1:43">
      <c r="A4601" t="s">
        <v>2880</v>
      </c>
      <c r="B4601" t="s">
        <v>2881</v>
      </c>
      <c r="C4601" t="s">
        <v>2876</v>
      </c>
      <c r="D4601" t="s">
        <v>2877</v>
      </c>
      <c r="E4601" t="s">
        <v>2870</v>
      </c>
      <c r="F4601" t="s">
        <v>2871</v>
      </c>
      <c r="G4601" t="s">
        <v>80</v>
      </c>
      <c r="H4601" t="s">
        <v>81</v>
      </c>
      <c r="I4601" s="2">
        <v>0</v>
      </c>
      <c r="J4601" s="2">
        <v>0</v>
      </c>
      <c r="K4601" s="2">
        <v>0</v>
      </c>
      <c r="L4601" t="s">
        <v>82</v>
      </c>
      <c r="M4601" t="s">
        <v>83</v>
      </c>
      <c r="N4601" t="s">
        <v>91</v>
      </c>
      <c r="O4601" t="s">
        <v>85</v>
      </c>
      <c r="P4601" t="s">
        <v>86</v>
      </c>
      <c r="Q4601">
        <v>0</v>
      </c>
      <c r="R4601">
        <v>0</v>
      </c>
      <c r="S4601">
        <v>0</v>
      </c>
      <c r="T4601">
        <v>0</v>
      </c>
      <c r="U4601">
        <v>0</v>
      </c>
      <c r="V4601">
        <v>0</v>
      </c>
      <c r="W4601">
        <v>0</v>
      </c>
      <c r="X4601">
        <v>0</v>
      </c>
      <c r="Y4601">
        <v>0</v>
      </c>
      <c r="Z4601">
        <v>0</v>
      </c>
      <c r="AA4601">
        <v>0</v>
      </c>
      <c r="AB4601">
        <v>0</v>
      </c>
      <c r="AC4601">
        <v>0</v>
      </c>
      <c r="AD4601">
        <v>0</v>
      </c>
      <c r="AE4601">
        <v>0</v>
      </c>
      <c r="AF4601">
        <v>0</v>
      </c>
      <c r="AG4601">
        <v>0</v>
      </c>
      <c r="AH4601">
        <v>0</v>
      </c>
      <c r="AI4601">
        <v>0</v>
      </c>
      <c r="AJ4601">
        <v>0</v>
      </c>
      <c r="AK4601">
        <v>0</v>
      </c>
      <c r="AL4601">
        <v>0</v>
      </c>
      <c r="AM4601">
        <v>0</v>
      </c>
      <c r="AN4601">
        <v>0</v>
      </c>
      <c r="AO4601">
        <v>0</v>
      </c>
      <c r="AP4601">
        <v>0</v>
      </c>
      <c r="AQ4601">
        <v>0</v>
      </c>
    </row>
    <row r="4602" spans="1:43">
      <c r="A4602" t="s">
        <v>2882</v>
      </c>
      <c r="B4602" t="s">
        <v>2883</v>
      </c>
      <c r="C4602" t="s">
        <v>2868</v>
      </c>
      <c r="D4602" t="s">
        <v>2869</v>
      </c>
      <c r="E4602" t="s">
        <v>2870</v>
      </c>
      <c r="F4602" t="s">
        <v>2871</v>
      </c>
      <c r="G4602" t="s">
        <v>80</v>
      </c>
      <c r="H4602" t="s">
        <v>81</v>
      </c>
      <c r="I4602" s="2">
        <v>0</v>
      </c>
      <c r="J4602" s="2">
        <v>0.56000000000000005</v>
      </c>
      <c r="K4602" s="2">
        <v>0</v>
      </c>
      <c r="L4602" t="s">
        <v>82</v>
      </c>
      <c r="M4602" t="s">
        <v>83</v>
      </c>
      <c r="N4602" t="s">
        <v>84</v>
      </c>
      <c r="O4602" t="s">
        <v>85</v>
      </c>
      <c r="P4602" t="s">
        <v>86</v>
      </c>
      <c r="Q4602">
        <v>51</v>
      </c>
      <c r="R4602">
        <v>52</v>
      </c>
      <c r="S4602">
        <v>52</v>
      </c>
      <c r="T4602">
        <v>52</v>
      </c>
      <c r="U4602">
        <v>52</v>
      </c>
      <c r="V4602">
        <v>52</v>
      </c>
      <c r="W4602">
        <v>53</v>
      </c>
      <c r="X4602">
        <v>53</v>
      </c>
      <c r="Y4602">
        <v>53</v>
      </c>
      <c r="Z4602">
        <v>53</v>
      </c>
      <c r="AA4602">
        <v>53</v>
      </c>
      <c r="AB4602">
        <v>53</v>
      </c>
      <c r="AC4602">
        <v>54</v>
      </c>
      <c r="AD4602">
        <v>54</v>
      </c>
      <c r="AE4602">
        <v>54</v>
      </c>
      <c r="AF4602">
        <v>54</v>
      </c>
      <c r="AG4602">
        <v>54</v>
      </c>
      <c r="AH4602">
        <v>54</v>
      </c>
      <c r="AI4602">
        <v>54</v>
      </c>
      <c r="AJ4602">
        <v>54</v>
      </c>
      <c r="AK4602">
        <v>54</v>
      </c>
      <c r="AL4602">
        <v>54</v>
      </c>
      <c r="AM4602">
        <v>54</v>
      </c>
      <c r="AN4602">
        <v>53</v>
      </c>
      <c r="AO4602">
        <v>53</v>
      </c>
      <c r="AP4602">
        <v>52</v>
      </c>
      <c r="AQ4602">
        <v>52</v>
      </c>
    </row>
    <row r="4603" spans="1:43">
      <c r="A4603" t="s">
        <v>2882</v>
      </c>
      <c r="B4603" t="s">
        <v>2883</v>
      </c>
      <c r="C4603" t="s">
        <v>2868</v>
      </c>
      <c r="D4603" t="s">
        <v>2869</v>
      </c>
      <c r="E4603" t="s">
        <v>2870</v>
      </c>
      <c r="F4603" t="s">
        <v>2871</v>
      </c>
      <c r="G4603" t="s">
        <v>80</v>
      </c>
      <c r="H4603" t="s">
        <v>81</v>
      </c>
      <c r="I4603" s="2">
        <v>0</v>
      </c>
      <c r="J4603" s="2">
        <v>0.56000000000000005</v>
      </c>
      <c r="K4603" s="2">
        <v>0</v>
      </c>
      <c r="L4603" t="s">
        <v>82</v>
      </c>
      <c r="M4603" t="s">
        <v>87</v>
      </c>
      <c r="N4603" t="s">
        <v>88</v>
      </c>
      <c r="O4603" t="s">
        <v>85</v>
      </c>
      <c r="P4603" t="s">
        <v>86</v>
      </c>
      <c r="Q4603">
        <v>51</v>
      </c>
      <c r="R4603">
        <v>51</v>
      </c>
      <c r="S4603">
        <v>50</v>
      </c>
      <c r="T4603">
        <v>50</v>
      </c>
      <c r="U4603">
        <v>50</v>
      </c>
      <c r="V4603">
        <v>50</v>
      </c>
      <c r="W4603">
        <v>49</v>
      </c>
      <c r="X4603">
        <v>49</v>
      </c>
      <c r="Y4603">
        <v>49</v>
      </c>
      <c r="Z4603">
        <v>49</v>
      </c>
      <c r="AA4603">
        <v>48</v>
      </c>
      <c r="AB4603">
        <v>48</v>
      </c>
      <c r="AC4603">
        <v>48</v>
      </c>
      <c r="AD4603">
        <v>48</v>
      </c>
      <c r="AE4603">
        <v>48</v>
      </c>
      <c r="AF4603">
        <v>47</v>
      </c>
      <c r="AG4603">
        <v>47</v>
      </c>
      <c r="AH4603">
        <v>47</v>
      </c>
      <c r="AI4603">
        <v>47</v>
      </c>
      <c r="AJ4603">
        <v>46</v>
      </c>
      <c r="AK4603">
        <v>46</v>
      </c>
      <c r="AL4603">
        <v>46</v>
      </c>
      <c r="AM4603">
        <v>46</v>
      </c>
      <c r="AN4603">
        <v>45</v>
      </c>
      <c r="AO4603">
        <v>45</v>
      </c>
      <c r="AP4603">
        <v>45</v>
      </c>
      <c r="AQ4603">
        <v>45</v>
      </c>
    </row>
    <row r="4604" spans="1:43">
      <c r="A4604" t="s">
        <v>2882</v>
      </c>
      <c r="B4604" t="s">
        <v>2883</v>
      </c>
      <c r="C4604" t="s">
        <v>2868</v>
      </c>
      <c r="D4604" t="s">
        <v>2869</v>
      </c>
      <c r="E4604" t="s">
        <v>2870</v>
      </c>
      <c r="F4604" t="s">
        <v>2871</v>
      </c>
      <c r="G4604" t="s">
        <v>80</v>
      </c>
      <c r="H4604" t="s">
        <v>81</v>
      </c>
      <c r="I4604" s="2">
        <v>0</v>
      </c>
      <c r="J4604" s="2">
        <v>0.56000000000000005</v>
      </c>
      <c r="K4604" s="2">
        <v>0</v>
      </c>
      <c r="L4604" t="s">
        <v>82</v>
      </c>
      <c r="M4604" t="s">
        <v>89</v>
      </c>
      <c r="N4604" t="s">
        <v>90</v>
      </c>
      <c r="O4604" t="s">
        <v>85</v>
      </c>
      <c r="P4604" t="s">
        <v>86</v>
      </c>
      <c r="Q4604">
        <v>51</v>
      </c>
      <c r="R4604">
        <v>51</v>
      </c>
      <c r="S4604">
        <v>52</v>
      </c>
      <c r="T4604">
        <v>53</v>
      </c>
      <c r="U4604">
        <v>53</v>
      </c>
      <c r="V4604">
        <v>54</v>
      </c>
      <c r="W4604">
        <v>54</v>
      </c>
      <c r="X4604">
        <v>55</v>
      </c>
      <c r="Y4604">
        <v>55</v>
      </c>
      <c r="Z4604">
        <v>55</v>
      </c>
      <c r="AA4604">
        <v>56</v>
      </c>
      <c r="AB4604">
        <v>56</v>
      </c>
      <c r="AC4604">
        <v>56</v>
      </c>
      <c r="AD4604">
        <v>57</v>
      </c>
      <c r="AE4604">
        <v>57</v>
      </c>
      <c r="AF4604">
        <v>56</v>
      </c>
      <c r="AG4604">
        <v>56</v>
      </c>
      <c r="AH4604">
        <v>55</v>
      </c>
      <c r="AI4604">
        <v>55</v>
      </c>
      <c r="AJ4604">
        <v>55</v>
      </c>
      <c r="AK4604">
        <v>54</v>
      </c>
      <c r="AL4604">
        <v>54</v>
      </c>
      <c r="AM4604">
        <v>53</v>
      </c>
      <c r="AN4604">
        <v>53</v>
      </c>
      <c r="AO4604">
        <v>53</v>
      </c>
      <c r="AP4604">
        <v>52</v>
      </c>
      <c r="AQ4604">
        <v>52</v>
      </c>
    </row>
    <row r="4605" spans="1:43">
      <c r="A4605" t="s">
        <v>2882</v>
      </c>
      <c r="B4605" t="s">
        <v>2883</v>
      </c>
      <c r="C4605" t="s">
        <v>2868</v>
      </c>
      <c r="D4605" t="s">
        <v>2869</v>
      </c>
      <c r="E4605" t="s">
        <v>2870</v>
      </c>
      <c r="F4605" t="s">
        <v>2871</v>
      </c>
      <c r="G4605" t="s">
        <v>80</v>
      </c>
      <c r="H4605" t="s">
        <v>81</v>
      </c>
      <c r="I4605" s="2">
        <v>0</v>
      </c>
      <c r="J4605" s="2">
        <v>0.56000000000000005</v>
      </c>
      <c r="K4605" s="2">
        <v>0</v>
      </c>
      <c r="L4605" t="s">
        <v>82</v>
      </c>
      <c r="M4605" t="s">
        <v>83</v>
      </c>
      <c r="N4605" t="s">
        <v>91</v>
      </c>
      <c r="O4605" t="s">
        <v>85</v>
      </c>
      <c r="P4605" t="s">
        <v>86</v>
      </c>
      <c r="Q4605">
        <v>51</v>
      </c>
      <c r="R4605">
        <v>52</v>
      </c>
      <c r="S4605">
        <v>52</v>
      </c>
      <c r="T4605">
        <v>52</v>
      </c>
      <c r="U4605">
        <v>52</v>
      </c>
      <c r="V4605">
        <v>52</v>
      </c>
      <c r="W4605">
        <v>53</v>
      </c>
      <c r="X4605">
        <v>53</v>
      </c>
      <c r="Y4605">
        <v>53</v>
      </c>
      <c r="Z4605">
        <v>53</v>
      </c>
      <c r="AA4605">
        <v>53</v>
      </c>
      <c r="AB4605">
        <v>53</v>
      </c>
      <c r="AC4605">
        <v>54</v>
      </c>
      <c r="AD4605">
        <v>54</v>
      </c>
      <c r="AE4605">
        <v>54</v>
      </c>
      <c r="AF4605">
        <v>54</v>
      </c>
      <c r="AG4605">
        <v>54</v>
      </c>
      <c r="AH4605">
        <v>54</v>
      </c>
      <c r="AI4605">
        <v>54</v>
      </c>
      <c r="AJ4605">
        <v>54</v>
      </c>
      <c r="AK4605">
        <v>54</v>
      </c>
      <c r="AL4605">
        <v>54</v>
      </c>
      <c r="AM4605">
        <v>54</v>
      </c>
      <c r="AN4605">
        <v>53</v>
      </c>
      <c r="AO4605">
        <v>53</v>
      </c>
      <c r="AP4605">
        <v>52</v>
      </c>
      <c r="AQ4605">
        <v>52</v>
      </c>
    </row>
    <row r="4606" spans="1:43">
      <c r="A4606" t="s">
        <v>2884</v>
      </c>
      <c r="B4606" t="s">
        <v>2885</v>
      </c>
      <c r="C4606" t="s">
        <v>2886</v>
      </c>
      <c r="D4606" t="s">
        <v>2887</v>
      </c>
      <c r="E4606" t="s">
        <v>2870</v>
      </c>
      <c r="F4606" t="s">
        <v>2871</v>
      </c>
      <c r="G4606" t="s">
        <v>80</v>
      </c>
      <c r="H4606" t="s">
        <v>81</v>
      </c>
      <c r="I4606" s="2">
        <v>0.14000000000000001</v>
      </c>
      <c r="J4606" s="2">
        <v>0.86</v>
      </c>
      <c r="K4606" s="2">
        <v>0</v>
      </c>
      <c r="L4606" t="s">
        <v>82</v>
      </c>
      <c r="M4606" t="s">
        <v>83</v>
      </c>
      <c r="N4606" t="s">
        <v>84</v>
      </c>
      <c r="O4606" t="s">
        <v>85</v>
      </c>
      <c r="P4606" t="s">
        <v>86</v>
      </c>
      <c r="Q4606">
        <v>41</v>
      </c>
      <c r="R4606">
        <v>42</v>
      </c>
      <c r="S4606">
        <v>42</v>
      </c>
      <c r="T4606">
        <v>42</v>
      </c>
      <c r="U4606">
        <v>42</v>
      </c>
      <c r="V4606">
        <v>42</v>
      </c>
      <c r="W4606">
        <v>42</v>
      </c>
      <c r="X4606">
        <v>43</v>
      </c>
      <c r="Y4606">
        <v>43</v>
      </c>
      <c r="Z4606">
        <v>43</v>
      </c>
      <c r="AA4606">
        <v>43</v>
      </c>
      <c r="AB4606">
        <v>43</v>
      </c>
      <c r="AC4606">
        <v>43</v>
      </c>
      <c r="AD4606">
        <v>43</v>
      </c>
      <c r="AE4606">
        <v>43</v>
      </c>
      <c r="AF4606">
        <v>43</v>
      </c>
      <c r="AG4606">
        <v>43</v>
      </c>
      <c r="AH4606">
        <v>43</v>
      </c>
      <c r="AI4606">
        <v>44</v>
      </c>
      <c r="AJ4606">
        <v>44</v>
      </c>
      <c r="AK4606">
        <v>44</v>
      </c>
      <c r="AL4606">
        <v>43</v>
      </c>
      <c r="AM4606">
        <v>43</v>
      </c>
      <c r="AN4606">
        <v>43</v>
      </c>
      <c r="AO4606">
        <v>42</v>
      </c>
      <c r="AP4606">
        <v>42</v>
      </c>
      <c r="AQ4606">
        <v>42</v>
      </c>
    </row>
    <row r="4607" spans="1:43">
      <c r="A4607" t="s">
        <v>2884</v>
      </c>
      <c r="B4607" t="s">
        <v>2885</v>
      </c>
      <c r="C4607" t="s">
        <v>2886</v>
      </c>
      <c r="D4607" t="s">
        <v>2887</v>
      </c>
      <c r="E4607" t="s">
        <v>2870</v>
      </c>
      <c r="F4607" t="s">
        <v>2871</v>
      </c>
      <c r="G4607" t="s">
        <v>80</v>
      </c>
      <c r="H4607" t="s">
        <v>81</v>
      </c>
      <c r="I4607" s="2">
        <v>0.14000000000000001</v>
      </c>
      <c r="J4607" s="2">
        <v>0.86</v>
      </c>
      <c r="K4607" s="2">
        <v>0</v>
      </c>
      <c r="L4607" t="s">
        <v>82</v>
      </c>
      <c r="M4607" t="s">
        <v>87</v>
      </c>
      <c r="N4607" t="s">
        <v>88</v>
      </c>
      <c r="O4607" t="s">
        <v>85</v>
      </c>
      <c r="P4607" t="s">
        <v>86</v>
      </c>
      <c r="Q4607">
        <v>41</v>
      </c>
      <c r="R4607">
        <v>41</v>
      </c>
      <c r="S4607">
        <v>41</v>
      </c>
      <c r="T4607">
        <v>40</v>
      </c>
      <c r="U4607">
        <v>40</v>
      </c>
      <c r="V4607">
        <v>40</v>
      </c>
      <c r="W4607">
        <v>40</v>
      </c>
      <c r="X4607">
        <v>40</v>
      </c>
      <c r="Y4607">
        <v>39</v>
      </c>
      <c r="Z4607">
        <v>39</v>
      </c>
      <c r="AA4607">
        <v>39</v>
      </c>
      <c r="AB4607">
        <v>39</v>
      </c>
      <c r="AC4607">
        <v>39</v>
      </c>
      <c r="AD4607">
        <v>38</v>
      </c>
      <c r="AE4607">
        <v>38</v>
      </c>
      <c r="AF4607">
        <v>38</v>
      </c>
      <c r="AG4607">
        <v>38</v>
      </c>
      <c r="AH4607">
        <v>38</v>
      </c>
      <c r="AI4607">
        <v>37</v>
      </c>
      <c r="AJ4607">
        <v>37</v>
      </c>
      <c r="AK4607">
        <v>37</v>
      </c>
      <c r="AL4607">
        <v>37</v>
      </c>
      <c r="AM4607">
        <v>37</v>
      </c>
      <c r="AN4607">
        <v>37</v>
      </c>
      <c r="AO4607">
        <v>36</v>
      </c>
      <c r="AP4607">
        <v>36</v>
      </c>
      <c r="AQ4607">
        <v>36</v>
      </c>
    </row>
    <row r="4608" spans="1:43">
      <c r="A4608" t="s">
        <v>2884</v>
      </c>
      <c r="B4608" t="s">
        <v>2885</v>
      </c>
      <c r="C4608" t="s">
        <v>2886</v>
      </c>
      <c r="D4608" t="s">
        <v>2887</v>
      </c>
      <c r="E4608" t="s">
        <v>2870</v>
      </c>
      <c r="F4608" t="s">
        <v>2871</v>
      </c>
      <c r="G4608" t="s">
        <v>80</v>
      </c>
      <c r="H4608" t="s">
        <v>81</v>
      </c>
      <c r="I4608" s="2">
        <v>0.14000000000000001</v>
      </c>
      <c r="J4608" s="2">
        <v>0.86</v>
      </c>
      <c r="K4608" s="2">
        <v>0</v>
      </c>
      <c r="L4608" t="s">
        <v>82</v>
      </c>
      <c r="M4608" t="s">
        <v>89</v>
      </c>
      <c r="N4608" t="s">
        <v>90</v>
      </c>
      <c r="O4608" t="s">
        <v>85</v>
      </c>
      <c r="P4608" t="s">
        <v>86</v>
      </c>
      <c r="Q4608">
        <v>41</v>
      </c>
      <c r="R4608">
        <v>41</v>
      </c>
      <c r="S4608">
        <v>42</v>
      </c>
      <c r="T4608">
        <v>42</v>
      </c>
      <c r="U4608">
        <v>43</v>
      </c>
      <c r="V4608">
        <v>43</v>
      </c>
      <c r="W4608">
        <v>44</v>
      </c>
      <c r="X4608">
        <v>44</v>
      </c>
      <c r="Y4608">
        <v>44</v>
      </c>
      <c r="Z4608">
        <v>45</v>
      </c>
      <c r="AA4608">
        <v>45</v>
      </c>
      <c r="AB4608">
        <v>45</v>
      </c>
      <c r="AC4608">
        <v>45</v>
      </c>
      <c r="AD4608">
        <v>45</v>
      </c>
      <c r="AE4608">
        <v>45</v>
      </c>
      <c r="AF4608">
        <v>45</v>
      </c>
      <c r="AG4608">
        <v>45</v>
      </c>
      <c r="AH4608">
        <v>44</v>
      </c>
      <c r="AI4608">
        <v>44</v>
      </c>
      <c r="AJ4608">
        <v>44</v>
      </c>
      <c r="AK4608">
        <v>43</v>
      </c>
      <c r="AL4608">
        <v>43</v>
      </c>
      <c r="AM4608">
        <v>43</v>
      </c>
      <c r="AN4608">
        <v>42</v>
      </c>
      <c r="AO4608">
        <v>42</v>
      </c>
      <c r="AP4608">
        <v>42</v>
      </c>
      <c r="AQ4608">
        <v>41</v>
      </c>
    </row>
    <row r="4609" spans="1:43">
      <c r="A4609" t="s">
        <v>2884</v>
      </c>
      <c r="B4609" t="s">
        <v>2885</v>
      </c>
      <c r="C4609" t="s">
        <v>2886</v>
      </c>
      <c r="D4609" t="s">
        <v>2887</v>
      </c>
      <c r="E4609" t="s">
        <v>2870</v>
      </c>
      <c r="F4609" t="s">
        <v>2871</v>
      </c>
      <c r="G4609" t="s">
        <v>80</v>
      </c>
      <c r="H4609" t="s">
        <v>81</v>
      </c>
      <c r="I4609" s="2">
        <v>0.14000000000000001</v>
      </c>
      <c r="J4609" s="2">
        <v>0.86</v>
      </c>
      <c r="K4609" s="2">
        <v>0</v>
      </c>
      <c r="L4609" t="s">
        <v>82</v>
      </c>
      <c r="M4609" t="s">
        <v>83</v>
      </c>
      <c r="N4609" t="s">
        <v>91</v>
      </c>
      <c r="O4609" t="s">
        <v>85</v>
      </c>
      <c r="P4609" t="s">
        <v>86</v>
      </c>
      <c r="Q4609">
        <v>41</v>
      </c>
      <c r="R4609">
        <v>42</v>
      </c>
      <c r="S4609">
        <v>42</v>
      </c>
      <c r="T4609">
        <v>42</v>
      </c>
      <c r="U4609">
        <v>42</v>
      </c>
      <c r="V4609">
        <v>42</v>
      </c>
      <c r="W4609">
        <v>42</v>
      </c>
      <c r="X4609">
        <v>43</v>
      </c>
      <c r="Y4609">
        <v>43</v>
      </c>
      <c r="Z4609">
        <v>43</v>
      </c>
      <c r="AA4609">
        <v>43</v>
      </c>
      <c r="AB4609">
        <v>43</v>
      </c>
      <c r="AC4609">
        <v>43</v>
      </c>
      <c r="AD4609">
        <v>43</v>
      </c>
      <c r="AE4609">
        <v>43</v>
      </c>
      <c r="AF4609">
        <v>43</v>
      </c>
      <c r="AG4609">
        <v>43</v>
      </c>
      <c r="AH4609">
        <v>43</v>
      </c>
      <c r="AI4609">
        <v>44</v>
      </c>
      <c r="AJ4609">
        <v>44</v>
      </c>
      <c r="AK4609">
        <v>44</v>
      </c>
      <c r="AL4609">
        <v>43</v>
      </c>
      <c r="AM4609">
        <v>43</v>
      </c>
      <c r="AN4609">
        <v>43</v>
      </c>
      <c r="AO4609">
        <v>42</v>
      </c>
      <c r="AP4609">
        <v>42</v>
      </c>
      <c r="AQ4609">
        <v>42</v>
      </c>
    </row>
    <row r="4610" spans="1:43">
      <c r="A4610" t="s">
        <v>2888</v>
      </c>
      <c r="B4610" t="s">
        <v>2889</v>
      </c>
      <c r="C4610" t="s">
        <v>2886</v>
      </c>
      <c r="D4610" t="s">
        <v>2887</v>
      </c>
      <c r="E4610" t="s">
        <v>2870</v>
      </c>
      <c r="F4610" t="s">
        <v>2871</v>
      </c>
      <c r="G4610" t="s">
        <v>80</v>
      </c>
      <c r="H4610" t="s">
        <v>81</v>
      </c>
      <c r="I4610" s="2">
        <v>0.03</v>
      </c>
      <c r="J4610" s="2">
        <v>0.28000000000000003</v>
      </c>
      <c r="K4610" s="2">
        <v>0</v>
      </c>
      <c r="L4610" t="s">
        <v>82</v>
      </c>
      <c r="M4610" t="s">
        <v>83</v>
      </c>
      <c r="N4610" t="s">
        <v>84</v>
      </c>
      <c r="O4610" t="s">
        <v>85</v>
      </c>
      <c r="P4610" t="s">
        <v>86</v>
      </c>
      <c r="Q4610">
        <v>12</v>
      </c>
      <c r="R4610">
        <v>12</v>
      </c>
      <c r="S4610">
        <v>12</v>
      </c>
      <c r="T4610">
        <v>12</v>
      </c>
      <c r="U4610">
        <v>12</v>
      </c>
      <c r="V4610">
        <v>12</v>
      </c>
      <c r="W4610">
        <v>12</v>
      </c>
      <c r="X4610">
        <v>12</v>
      </c>
      <c r="Y4610">
        <v>12</v>
      </c>
      <c r="Z4610">
        <v>12</v>
      </c>
      <c r="AA4610">
        <v>12</v>
      </c>
      <c r="AB4610">
        <v>12</v>
      </c>
      <c r="AC4610">
        <v>12</v>
      </c>
      <c r="AD4610">
        <v>12</v>
      </c>
      <c r="AE4610">
        <v>13</v>
      </c>
      <c r="AF4610">
        <v>13</v>
      </c>
      <c r="AG4610">
        <v>13</v>
      </c>
      <c r="AH4610">
        <v>13</v>
      </c>
      <c r="AI4610">
        <v>13</v>
      </c>
      <c r="AJ4610">
        <v>13</v>
      </c>
      <c r="AK4610">
        <v>13</v>
      </c>
      <c r="AL4610">
        <v>13</v>
      </c>
      <c r="AM4610">
        <v>12</v>
      </c>
      <c r="AN4610">
        <v>12</v>
      </c>
      <c r="AO4610">
        <v>12</v>
      </c>
      <c r="AP4610">
        <v>12</v>
      </c>
      <c r="AQ4610">
        <v>12</v>
      </c>
    </row>
    <row r="4611" spans="1:43">
      <c r="A4611" t="s">
        <v>2888</v>
      </c>
      <c r="B4611" t="s">
        <v>2889</v>
      </c>
      <c r="C4611" t="s">
        <v>2886</v>
      </c>
      <c r="D4611" t="s">
        <v>2887</v>
      </c>
      <c r="E4611" t="s">
        <v>2870</v>
      </c>
      <c r="F4611" t="s">
        <v>2871</v>
      </c>
      <c r="G4611" t="s">
        <v>80</v>
      </c>
      <c r="H4611" t="s">
        <v>81</v>
      </c>
      <c r="I4611" s="2">
        <v>0.03</v>
      </c>
      <c r="J4611" s="2">
        <v>0.28000000000000003</v>
      </c>
      <c r="K4611" s="2">
        <v>0</v>
      </c>
      <c r="L4611" t="s">
        <v>82</v>
      </c>
      <c r="M4611" t="s">
        <v>87</v>
      </c>
      <c r="N4611" t="s">
        <v>88</v>
      </c>
      <c r="O4611" t="s">
        <v>85</v>
      </c>
      <c r="P4611" t="s">
        <v>86</v>
      </c>
      <c r="Q4611">
        <v>12</v>
      </c>
      <c r="R4611">
        <v>12</v>
      </c>
      <c r="S4611">
        <v>12</v>
      </c>
      <c r="T4611">
        <v>12</v>
      </c>
      <c r="U4611">
        <v>12</v>
      </c>
      <c r="V4611">
        <v>12</v>
      </c>
      <c r="W4611">
        <v>12</v>
      </c>
      <c r="X4611">
        <v>11</v>
      </c>
      <c r="Y4611">
        <v>11</v>
      </c>
      <c r="Z4611">
        <v>11</v>
      </c>
      <c r="AA4611">
        <v>11</v>
      </c>
      <c r="AB4611">
        <v>11</v>
      </c>
      <c r="AC4611">
        <v>11</v>
      </c>
      <c r="AD4611">
        <v>11</v>
      </c>
      <c r="AE4611">
        <v>11</v>
      </c>
      <c r="AF4611">
        <v>11</v>
      </c>
      <c r="AG4611">
        <v>11</v>
      </c>
      <c r="AH4611">
        <v>11</v>
      </c>
      <c r="AI4611">
        <v>11</v>
      </c>
      <c r="AJ4611">
        <v>11</v>
      </c>
      <c r="AK4611">
        <v>11</v>
      </c>
      <c r="AL4611">
        <v>11</v>
      </c>
      <c r="AM4611">
        <v>11</v>
      </c>
      <c r="AN4611">
        <v>11</v>
      </c>
      <c r="AO4611">
        <v>10</v>
      </c>
      <c r="AP4611">
        <v>10</v>
      </c>
      <c r="AQ4611">
        <v>10</v>
      </c>
    </row>
    <row r="4612" spans="1:43">
      <c r="A4612" t="s">
        <v>2888</v>
      </c>
      <c r="B4612" t="s">
        <v>2889</v>
      </c>
      <c r="C4612" t="s">
        <v>2886</v>
      </c>
      <c r="D4612" t="s">
        <v>2887</v>
      </c>
      <c r="E4612" t="s">
        <v>2870</v>
      </c>
      <c r="F4612" t="s">
        <v>2871</v>
      </c>
      <c r="G4612" t="s">
        <v>80</v>
      </c>
      <c r="H4612" t="s">
        <v>81</v>
      </c>
      <c r="I4612" s="2">
        <v>0.03</v>
      </c>
      <c r="J4612" s="2">
        <v>0.28000000000000003</v>
      </c>
      <c r="K4612" s="2">
        <v>0</v>
      </c>
      <c r="L4612" t="s">
        <v>82</v>
      </c>
      <c r="M4612" t="s">
        <v>89</v>
      </c>
      <c r="N4612" t="s">
        <v>90</v>
      </c>
      <c r="O4612" t="s">
        <v>85</v>
      </c>
      <c r="P4612" t="s">
        <v>86</v>
      </c>
      <c r="Q4612">
        <v>12</v>
      </c>
      <c r="R4612">
        <v>12</v>
      </c>
      <c r="S4612">
        <v>12</v>
      </c>
      <c r="T4612">
        <v>13</v>
      </c>
      <c r="U4612">
        <v>13</v>
      </c>
      <c r="V4612">
        <v>13</v>
      </c>
      <c r="W4612">
        <v>13</v>
      </c>
      <c r="X4612">
        <v>13</v>
      </c>
      <c r="Y4612">
        <v>13</v>
      </c>
      <c r="Z4612">
        <v>13</v>
      </c>
      <c r="AA4612">
        <v>13</v>
      </c>
      <c r="AB4612">
        <v>13</v>
      </c>
      <c r="AC4612">
        <v>13</v>
      </c>
      <c r="AD4612">
        <v>13</v>
      </c>
      <c r="AE4612">
        <v>13</v>
      </c>
      <c r="AF4612">
        <v>13</v>
      </c>
      <c r="AG4612">
        <v>13</v>
      </c>
      <c r="AH4612">
        <v>13</v>
      </c>
      <c r="AI4612">
        <v>13</v>
      </c>
      <c r="AJ4612">
        <v>13</v>
      </c>
      <c r="AK4612">
        <v>13</v>
      </c>
      <c r="AL4612">
        <v>13</v>
      </c>
      <c r="AM4612">
        <v>13</v>
      </c>
      <c r="AN4612">
        <v>12</v>
      </c>
      <c r="AO4612">
        <v>12</v>
      </c>
      <c r="AP4612">
        <v>12</v>
      </c>
      <c r="AQ4612">
        <v>12</v>
      </c>
    </row>
    <row r="4613" spans="1:43">
      <c r="A4613" t="s">
        <v>2888</v>
      </c>
      <c r="B4613" t="s">
        <v>2889</v>
      </c>
      <c r="C4613" t="s">
        <v>2886</v>
      </c>
      <c r="D4613" t="s">
        <v>2887</v>
      </c>
      <c r="E4613" t="s">
        <v>2870</v>
      </c>
      <c r="F4613" t="s">
        <v>2871</v>
      </c>
      <c r="G4613" t="s">
        <v>80</v>
      </c>
      <c r="H4613" t="s">
        <v>81</v>
      </c>
      <c r="I4613" s="2">
        <v>0.03</v>
      </c>
      <c r="J4613" s="2">
        <v>0.28000000000000003</v>
      </c>
      <c r="K4613" s="2">
        <v>0</v>
      </c>
      <c r="L4613" t="s">
        <v>82</v>
      </c>
      <c r="M4613" t="s">
        <v>83</v>
      </c>
      <c r="N4613" t="s">
        <v>91</v>
      </c>
      <c r="O4613" t="s">
        <v>85</v>
      </c>
      <c r="P4613" t="s">
        <v>86</v>
      </c>
      <c r="Q4613">
        <v>12</v>
      </c>
      <c r="R4613">
        <v>12</v>
      </c>
      <c r="S4613">
        <v>12</v>
      </c>
      <c r="T4613">
        <v>12</v>
      </c>
      <c r="U4613">
        <v>12</v>
      </c>
      <c r="V4613">
        <v>12</v>
      </c>
      <c r="W4613">
        <v>12</v>
      </c>
      <c r="X4613">
        <v>12</v>
      </c>
      <c r="Y4613">
        <v>12</v>
      </c>
      <c r="Z4613">
        <v>12</v>
      </c>
      <c r="AA4613">
        <v>12</v>
      </c>
      <c r="AB4613">
        <v>12</v>
      </c>
      <c r="AC4613">
        <v>12</v>
      </c>
      <c r="AD4613">
        <v>12</v>
      </c>
      <c r="AE4613">
        <v>13</v>
      </c>
      <c r="AF4613">
        <v>13</v>
      </c>
      <c r="AG4613">
        <v>13</v>
      </c>
      <c r="AH4613">
        <v>13</v>
      </c>
      <c r="AI4613">
        <v>13</v>
      </c>
      <c r="AJ4613">
        <v>13</v>
      </c>
      <c r="AK4613">
        <v>13</v>
      </c>
      <c r="AL4613">
        <v>13</v>
      </c>
      <c r="AM4613">
        <v>12</v>
      </c>
      <c r="AN4613">
        <v>12</v>
      </c>
      <c r="AO4613">
        <v>12</v>
      </c>
      <c r="AP4613">
        <v>12</v>
      </c>
      <c r="AQ4613">
        <v>12</v>
      </c>
    </row>
    <row r="4614" spans="1:43">
      <c r="A4614" t="s">
        <v>2890</v>
      </c>
      <c r="B4614" t="s">
        <v>2891</v>
      </c>
      <c r="C4614" t="s">
        <v>2886</v>
      </c>
      <c r="D4614" t="s">
        <v>2887</v>
      </c>
      <c r="E4614" t="s">
        <v>2870</v>
      </c>
      <c r="F4614" t="s">
        <v>2871</v>
      </c>
      <c r="G4614" t="s">
        <v>80</v>
      </c>
      <c r="H4614" t="s">
        <v>81</v>
      </c>
      <c r="I4614" s="2">
        <v>0</v>
      </c>
      <c r="J4614" s="2">
        <v>0</v>
      </c>
      <c r="K4614" s="2">
        <v>0</v>
      </c>
      <c r="L4614" t="s">
        <v>82</v>
      </c>
      <c r="M4614" t="s">
        <v>83</v>
      </c>
      <c r="N4614" t="s">
        <v>84</v>
      </c>
      <c r="O4614" t="s">
        <v>85</v>
      </c>
      <c r="P4614" t="s">
        <v>86</v>
      </c>
      <c r="Q4614">
        <v>0</v>
      </c>
      <c r="R4614">
        <v>0</v>
      </c>
      <c r="S4614">
        <v>0</v>
      </c>
      <c r="T4614">
        <v>0</v>
      </c>
      <c r="U4614">
        <v>0</v>
      </c>
      <c r="V4614">
        <v>0</v>
      </c>
      <c r="W4614">
        <v>0</v>
      </c>
      <c r="X4614">
        <v>0</v>
      </c>
      <c r="Y4614">
        <v>0</v>
      </c>
      <c r="Z4614">
        <v>0</v>
      </c>
      <c r="AA4614">
        <v>0</v>
      </c>
      <c r="AB4614">
        <v>0</v>
      </c>
      <c r="AC4614">
        <v>0</v>
      </c>
      <c r="AD4614">
        <v>0</v>
      </c>
      <c r="AE4614">
        <v>0</v>
      </c>
      <c r="AF4614">
        <v>0</v>
      </c>
      <c r="AG4614">
        <v>0</v>
      </c>
      <c r="AH4614">
        <v>0</v>
      </c>
      <c r="AI4614">
        <v>0</v>
      </c>
      <c r="AJ4614">
        <v>0</v>
      </c>
      <c r="AK4614">
        <v>0</v>
      </c>
      <c r="AL4614">
        <v>0</v>
      </c>
      <c r="AM4614">
        <v>0</v>
      </c>
      <c r="AN4614">
        <v>0</v>
      </c>
      <c r="AO4614">
        <v>0</v>
      </c>
      <c r="AP4614">
        <v>0</v>
      </c>
      <c r="AQ4614">
        <v>0</v>
      </c>
    </row>
    <row r="4615" spans="1:43">
      <c r="A4615" t="s">
        <v>2890</v>
      </c>
      <c r="B4615" t="s">
        <v>2891</v>
      </c>
      <c r="C4615" t="s">
        <v>2886</v>
      </c>
      <c r="D4615" t="s">
        <v>2887</v>
      </c>
      <c r="E4615" t="s">
        <v>2870</v>
      </c>
      <c r="F4615" t="s">
        <v>2871</v>
      </c>
      <c r="G4615" t="s">
        <v>80</v>
      </c>
      <c r="H4615" t="s">
        <v>81</v>
      </c>
      <c r="I4615" s="2">
        <v>0</v>
      </c>
      <c r="J4615" s="2">
        <v>0</v>
      </c>
      <c r="K4615" s="2">
        <v>0</v>
      </c>
      <c r="L4615" t="s">
        <v>82</v>
      </c>
      <c r="M4615" t="s">
        <v>87</v>
      </c>
      <c r="N4615" t="s">
        <v>88</v>
      </c>
      <c r="O4615" t="s">
        <v>85</v>
      </c>
      <c r="P4615" t="s">
        <v>86</v>
      </c>
      <c r="Q4615">
        <v>0</v>
      </c>
      <c r="R4615">
        <v>0</v>
      </c>
      <c r="S4615">
        <v>0</v>
      </c>
      <c r="T4615">
        <v>0</v>
      </c>
      <c r="U4615">
        <v>0</v>
      </c>
      <c r="V4615">
        <v>0</v>
      </c>
      <c r="W4615">
        <v>0</v>
      </c>
      <c r="X4615">
        <v>0</v>
      </c>
      <c r="Y4615">
        <v>0</v>
      </c>
      <c r="Z4615">
        <v>0</v>
      </c>
      <c r="AA4615">
        <v>0</v>
      </c>
      <c r="AB4615">
        <v>0</v>
      </c>
      <c r="AC4615">
        <v>0</v>
      </c>
      <c r="AD4615">
        <v>0</v>
      </c>
      <c r="AE4615">
        <v>0</v>
      </c>
      <c r="AF4615">
        <v>0</v>
      </c>
      <c r="AG4615">
        <v>0</v>
      </c>
      <c r="AH4615">
        <v>0</v>
      </c>
      <c r="AI4615">
        <v>0</v>
      </c>
      <c r="AJ4615">
        <v>0</v>
      </c>
      <c r="AK4615">
        <v>0</v>
      </c>
      <c r="AL4615">
        <v>0</v>
      </c>
      <c r="AM4615">
        <v>0</v>
      </c>
      <c r="AN4615">
        <v>0</v>
      </c>
      <c r="AO4615">
        <v>0</v>
      </c>
      <c r="AP4615">
        <v>0</v>
      </c>
      <c r="AQ4615">
        <v>0</v>
      </c>
    </row>
    <row r="4616" spans="1:43">
      <c r="A4616" t="s">
        <v>2890</v>
      </c>
      <c r="B4616" t="s">
        <v>2891</v>
      </c>
      <c r="C4616" t="s">
        <v>2886</v>
      </c>
      <c r="D4616" t="s">
        <v>2887</v>
      </c>
      <c r="E4616" t="s">
        <v>2870</v>
      </c>
      <c r="F4616" t="s">
        <v>2871</v>
      </c>
      <c r="G4616" t="s">
        <v>80</v>
      </c>
      <c r="H4616" t="s">
        <v>81</v>
      </c>
      <c r="I4616" s="2">
        <v>0</v>
      </c>
      <c r="J4616" s="2">
        <v>0</v>
      </c>
      <c r="K4616" s="2">
        <v>0</v>
      </c>
      <c r="L4616" t="s">
        <v>82</v>
      </c>
      <c r="M4616" t="s">
        <v>89</v>
      </c>
      <c r="N4616" t="s">
        <v>90</v>
      </c>
      <c r="O4616" t="s">
        <v>85</v>
      </c>
      <c r="P4616" t="s">
        <v>86</v>
      </c>
      <c r="Q4616">
        <v>0</v>
      </c>
      <c r="R4616">
        <v>0</v>
      </c>
      <c r="S4616">
        <v>0</v>
      </c>
      <c r="T4616">
        <v>0</v>
      </c>
      <c r="U4616">
        <v>0</v>
      </c>
      <c r="V4616">
        <v>0</v>
      </c>
      <c r="W4616">
        <v>0</v>
      </c>
      <c r="X4616">
        <v>0</v>
      </c>
      <c r="Y4616">
        <v>0</v>
      </c>
      <c r="Z4616">
        <v>0</v>
      </c>
      <c r="AA4616">
        <v>0</v>
      </c>
      <c r="AB4616">
        <v>0</v>
      </c>
      <c r="AC4616">
        <v>0</v>
      </c>
      <c r="AD4616">
        <v>0</v>
      </c>
      <c r="AE4616">
        <v>0</v>
      </c>
      <c r="AF4616">
        <v>0</v>
      </c>
      <c r="AG4616">
        <v>0</v>
      </c>
      <c r="AH4616">
        <v>0</v>
      </c>
      <c r="AI4616">
        <v>0</v>
      </c>
      <c r="AJ4616">
        <v>0</v>
      </c>
      <c r="AK4616">
        <v>0</v>
      </c>
      <c r="AL4616">
        <v>0</v>
      </c>
      <c r="AM4616">
        <v>0</v>
      </c>
      <c r="AN4616">
        <v>0</v>
      </c>
      <c r="AO4616">
        <v>0</v>
      </c>
      <c r="AP4616">
        <v>0</v>
      </c>
      <c r="AQ4616">
        <v>0</v>
      </c>
    </row>
    <row r="4617" spans="1:43">
      <c r="A4617" t="s">
        <v>2890</v>
      </c>
      <c r="B4617" t="s">
        <v>2891</v>
      </c>
      <c r="C4617" t="s">
        <v>2886</v>
      </c>
      <c r="D4617" t="s">
        <v>2887</v>
      </c>
      <c r="E4617" t="s">
        <v>2870</v>
      </c>
      <c r="F4617" t="s">
        <v>2871</v>
      </c>
      <c r="G4617" t="s">
        <v>80</v>
      </c>
      <c r="H4617" t="s">
        <v>81</v>
      </c>
      <c r="I4617" s="2">
        <v>0</v>
      </c>
      <c r="J4617" s="2">
        <v>0</v>
      </c>
      <c r="K4617" s="2">
        <v>0</v>
      </c>
      <c r="L4617" t="s">
        <v>82</v>
      </c>
      <c r="M4617" t="s">
        <v>83</v>
      </c>
      <c r="N4617" t="s">
        <v>91</v>
      </c>
      <c r="O4617" t="s">
        <v>85</v>
      </c>
      <c r="P4617" t="s">
        <v>86</v>
      </c>
      <c r="Q4617">
        <v>0</v>
      </c>
      <c r="R4617">
        <v>0</v>
      </c>
      <c r="S4617">
        <v>0</v>
      </c>
      <c r="T4617">
        <v>0</v>
      </c>
      <c r="U4617">
        <v>0</v>
      </c>
      <c r="V4617">
        <v>0</v>
      </c>
      <c r="W4617">
        <v>0</v>
      </c>
      <c r="X4617">
        <v>0</v>
      </c>
      <c r="Y4617">
        <v>0</v>
      </c>
      <c r="Z4617">
        <v>0</v>
      </c>
      <c r="AA4617">
        <v>0</v>
      </c>
      <c r="AB4617">
        <v>0</v>
      </c>
      <c r="AC4617">
        <v>0</v>
      </c>
      <c r="AD4617">
        <v>0</v>
      </c>
      <c r="AE4617">
        <v>0</v>
      </c>
      <c r="AF4617">
        <v>0</v>
      </c>
      <c r="AG4617">
        <v>0</v>
      </c>
      <c r="AH4617">
        <v>0</v>
      </c>
      <c r="AI4617">
        <v>0</v>
      </c>
      <c r="AJ4617">
        <v>0</v>
      </c>
      <c r="AK4617">
        <v>0</v>
      </c>
      <c r="AL4617">
        <v>0</v>
      </c>
      <c r="AM4617">
        <v>0</v>
      </c>
      <c r="AN4617">
        <v>0</v>
      </c>
      <c r="AO4617">
        <v>0</v>
      </c>
      <c r="AP4617">
        <v>0</v>
      </c>
      <c r="AQ4617">
        <v>0</v>
      </c>
    </row>
    <row r="4618" spans="1:43">
      <c r="A4618" t="s">
        <v>2892</v>
      </c>
      <c r="B4618" t="s">
        <v>2893</v>
      </c>
      <c r="C4618" t="s">
        <v>2894</v>
      </c>
      <c r="D4618" t="s">
        <v>2895</v>
      </c>
      <c r="E4618" t="s">
        <v>2870</v>
      </c>
      <c r="F4618" t="s">
        <v>2871</v>
      </c>
      <c r="G4618" t="s">
        <v>80</v>
      </c>
      <c r="H4618" t="s">
        <v>81</v>
      </c>
      <c r="I4618" s="2">
        <v>0</v>
      </c>
      <c r="J4618" s="2">
        <v>0</v>
      </c>
      <c r="K4618" s="2">
        <v>0</v>
      </c>
      <c r="L4618" t="s">
        <v>82</v>
      </c>
      <c r="M4618" t="s">
        <v>83</v>
      </c>
      <c r="N4618" t="s">
        <v>84</v>
      </c>
      <c r="O4618" t="s">
        <v>85</v>
      </c>
      <c r="P4618" t="s">
        <v>86</v>
      </c>
      <c r="Q4618">
        <v>0</v>
      </c>
      <c r="R4618">
        <v>0</v>
      </c>
      <c r="S4618">
        <v>0</v>
      </c>
      <c r="T4618">
        <v>0</v>
      </c>
      <c r="U4618">
        <v>0</v>
      </c>
      <c r="V4618">
        <v>0</v>
      </c>
      <c r="W4618">
        <v>0</v>
      </c>
      <c r="X4618">
        <v>0</v>
      </c>
      <c r="Y4618">
        <v>0</v>
      </c>
      <c r="Z4618">
        <v>0</v>
      </c>
      <c r="AA4618">
        <v>0</v>
      </c>
      <c r="AB4618">
        <v>0</v>
      </c>
      <c r="AC4618">
        <v>0</v>
      </c>
      <c r="AD4618">
        <v>0</v>
      </c>
      <c r="AE4618">
        <v>0</v>
      </c>
      <c r="AF4618">
        <v>0</v>
      </c>
      <c r="AG4618">
        <v>0</v>
      </c>
      <c r="AH4618">
        <v>0</v>
      </c>
      <c r="AI4618">
        <v>0</v>
      </c>
      <c r="AJ4618">
        <v>0</v>
      </c>
      <c r="AK4618">
        <v>0</v>
      </c>
      <c r="AL4618">
        <v>0</v>
      </c>
      <c r="AM4618">
        <v>0</v>
      </c>
      <c r="AN4618">
        <v>0</v>
      </c>
      <c r="AO4618">
        <v>0</v>
      </c>
      <c r="AP4618">
        <v>0</v>
      </c>
      <c r="AQ4618">
        <v>0</v>
      </c>
    </row>
    <row r="4619" spans="1:43">
      <c r="A4619" t="s">
        <v>2892</v>
      </c>
      <c r="B4619" t="s">
        <v>2893</v>
      </c>
      <c r="C4619" t="s">
        <v>2894</v>
      </c>
      <c r="D4619" t="s">
        <v>2895</v>
      </c>
      <c r="E4619" t="s">
        <v>2870</v>
      </c>
      <c r="F4619" t="s">
        <v>2871</v>
      </c>
      <c r="G4619" t="s">
        <v>80</v>
      </c>
      <c r="H4619" t="s">
        <v>81</v>
      </c>
      <c r="I4619" s="2">
        <v>0</v>
      </c>
      <c r="J4619" s="2">
        <v>0</v>
      </c>
      <c r="K4619" s="2">
        <v>0</v>
      </c>
      <c r="L4619" t="s">
        <v>82</v>
      </c>
      <c r="M4619" t="s">
        <v>87</v>
      </c>
      <c r="N4619" t="s">
        <v>88</v>
      </c>
      <c r="O4619" t="s">
        <v>85</v>
      </c>
      <c r="P4619" t="s">
        <v>86</v>
      </c>
      <c r="Q4619">
        <v>0</v>
      </c>
      <c r="R4619">
        <v>0</v>
      </c>
      <c r="S4619">
        <v>0</v>
      </c>
      <c r="T4619">
        <v>0</v>
      </c>
      <c r="U4619">
        <v>0</v>
      </c>
      <c r="V4619">
        <v>0</v>
      </c>
      <c r="W4619">
        <v>0</v>
      </c>
      <c r="X4619">
        <v>0</v>
      </c>
      <c r="Y4619">
        <v>0</v>
      </c>
      <c r="Z4619">
        <v>0</v>
      </c>
      <c r="AA4619">
        <v>0</v>
      </c>
      <c r="AB4619">
        <v>0</v>
      </c>
      <c r="AC4619">
        <v>0</v>
      </c>
      <c r="AD4619">
        <v>0</v>
      </c>
      <c r="AE4619">
        <v>0</v>
      </c>
      <c r="AF4619">
        <v>0</v>
      </c>
      <c r="AG4619">
        <v>0</v>
      </c>
      <c r="AH4619">
        <v>0</v>
      </c>
      <c r="AI4619">
        <v>0</v>
      </c>
      <c r="AJ4619">
        <v>0</v>
      </c>
      <c r="AK4619">
        <v>0</v>
      </c>
      <c r="AL4619">
        <v>0</v>
      </c>
      <c r="AM4619">
        <v>0</v>
      </c>
      <c r="AN4619">
        <v>0</v>
      </c>
      <c r="AO4619">
        <v>0</v>
      </c>
      <c r="AP4619">
        <v>0</v>
      </c>
      <c r="AQ4619">
        <v>0</v>
      </c>
    </row>
    <row r="4620" spans="1:43">
      <c r="A4620" t="s">
        <v>2892</v>
      </c>
      <c r="B4620" t="s">
        <v>2893</v>
      </c>
      <c r="C4620" t="s">
        <v>2894</v>
      </c>
      <c r="D4620" t="s">
        <v>2895</v>
      </c>
      <c r="E4620" t="s">
        <v>2870</v>
      </c>
      <c r="F4620" t="s">
        <v>2871</v>
      </c>
      <c r="G4620" t="s">
        <v>80</v>
      </c>
      <c r="H4620" t="s">
        <v>81</v>
      </c>
      <c r="I4620" s="2">
        <v>0</v>
      </c>
      <c r="J4620" s="2">
        <v>0</v>
      </c>
      <c r="K4620" s="2">
        <v>0</v>
      </c>
      <c r="L4620" t="s">
        <v>82</v>
      </c>
      <c r="M4620" t="s">
        <v>89</v>
      </c>
      <c r="N4620" t="s">
        <v>90</v>
      </c>
      <c r="O4620" t="s">
        <v>85</v>
      </c>
      <c r="P4620" t="s">
        <v>86</v>
      </c>
      <c r="Q4620">
        <v>0</v>
      </c>
      <c r="R4620">
        <v>0</v>
      </c>
      <c r="S4620">
        <v>0</v>
      </c>
      <c r="T4620">
        <v>0</v>
      </c>
      <c r="U4620">
        <v>0</v>
      </c>
      <c r="V4620">
        <v>0</v>
      </c>
      <c r="W4620">
        <v>0</v>
      </c>
      <c r="X4620">
        <v>0</v>
      </c>
      <c r="Y4620">
        <v>0</v>
      </c>
      <c r="Z4620">
        <v>0</v>
      </c>
      <c r="AA4620">
        <v>0</v>
      </c>
      <c r="AB4620">
        <v>0</v>
      </c>
      <c r="AC4620">
        <v>0</v>
      </c>
      <c r="AD4620">
        <v>0</v>
      </c>
      <c r="AE4620">
        <v>0</v>
      </c>
      <c r="AF4620">
        <v>0</v>
      </c>
      <c r="AG4620">
        <v>0</v>
      </c>
      <c r="AH4620">
        <v>0</v>
      </c>
      <c r="AI4620">
        <v>0</v>
      </c>
      <c r="AJ4620">
        <v>0</v>
      </c>
      <c r="AK4620">
        <v>0</v>
      </c>
      <c r="AL4620">
        <v>0</v>
      </c>
      <c r="AM4620">
        <v>0</v>
      </c>
      <c r="AN4620">
        <v>0</v>
      </c>
      <c r="AO4620">
        <v>0</v>
      </c>
      <c r="AP4620">
        <v>0</v>
      </c>
      <c r="AQ4620">
        <v>0</v>
      </c>
    </row>
    <row r="4621" spans="1:43">
      <c r="A4621" t="s">
        <v>2892</v>
      </c>
      <c r="B4621" t="s">
        <v>2893</v>
      </c>
      <c r="C4621" t="s">
        <v>2894</v>
      </c>
      <c r="D4621" t="s">
        <v>2895</v>
      </c>
      <c r="E4621" t="s">
        <v>2870</v>
      </c>
      <c r="F4621" t="s">
        <v>2871</v>
      </c>
      <c r="G4621" t="s">
        <v>80</v>
      </c>
      <c r="H4621" t="s">
        <v>81</v>
      </c>
      <c r="I4621" s="2">
        <v>0</v>
      </c>
      <c r="J4621" s="2">
        <v>0</v>
      </c>
      <c r="K4621" s="2">
        <v>0</v>
      </c>
      <c r="L4621" t="s">
        <v>82</v>
      </c>
      <c r="M4621" t="s">
        <v>83</v>
      </c>
      <c r="N4621" t="s">
        <v>91</v>
      </c>
      <c r="O4621" t="s">
        <v>85</v>
      </c>
      <c r="P4621" t="s">
        <v>86</v>
      </c>
      <c r="Q4621">
        <v>0</v>
      </c>
      <c r="R4621">
        <v>0</v>
      </c>
      <c r="S4621">
        <v>0</v>
      </c>
      <c r="T4621">
        <v>0</v>
      </c>
      <c r="U4621">
        <v>0</v>
      </c>
      <c r="V4621">
        <v>0</v>
      </c>
      <c r="W4621">
        <v>0</v>
      </c>
      <c r="X4621">
        <v>0</v>
      </c>
      <c r="Y4621">
        <v>0</v>
      </c>
      <c r="Z4621">
        <v>0</v>
      </c>
      <c r="AA4621">
        <v>0</v>
      </c>
      <c r="AB4621">
        <v>0</v>
      </c>
      <c r="AC4621">
        <v>0</v>
      </c>
      <c r="AD4621">
        <v>0</v>
      </c>
      <c r="AE4621">
        <v>0</v>
      </c>
      <c r="AF4621">
        <v>0</v>
      </c>
      <c r="AG4621">
        <v>0</v>
      </c>
      <c r="AH4621">
        <v>0</v>
      </c>
      <c r="AI4621">
        <v>0</v>
      </c>
      <c r="AJ4621">
        <v>0</v>
      </c>
      <c r="AK4621">
        <v>0</v>
      </c>
      <c r="AL4621">
        <v>0</v>
      </c>
      <c r="AM4621">
        <v>0</v>
      </c>
      <c r="AN4621">
        <v>0</v>
      </c>
      <c r="AO4621">
        <v>0</v>
      </c>
      <c r="AP4621">
        <v>0</v>
      </c>
      <c r="AQ4621">
        <v>0</v>
      </c>
    </row>
    <row r="4622" spans="1:43">
      <c r="A4622" t="s">
        <v>2896</v>
      </c>
      <c r="B4622" t="s">
        <v>2897</v>
      </c>
      <c r="C4622" t="s">
        <v>2898</v>
      </c>
      <c r="D4622" t="s">
        <v>2899</v>
      </c>
      <c r="E4622" t="s">
        <v>2870</v>
      </c>
      <c r="F4622" t="s">
        <v>2871</v>
      </c>
      <c r="G4622" t="s">
        <v>80</v>
      </c>
      <c r="H4622" t="s">
        <v>81</v>
      </c>
      <c r="I4622" s="2">
        <v>0.15</v>
      </c>
      <c r="J4622" s="2">
        <v>0</v>
      </c>
      <c r="K4622" s="2">
        <v>0</v>
      </c>
      <c r="L4622" t="s">
        <v>120</v>
      </c>
      <c r="M4622" t="s">
        <v>83</v>
      </c>
      <c r="N4622" t="s">
        <v>84</v>
      </c>
      <c r="O4622" t="s">
        <v>85</v>
      </c>
      <c r="P4622" t="s">
        <v>86</v>
      </c>
      <c r="Q4622">
        <v>1</v>
      </c>
      <c r="R4622">
        <v>1</v>
      </c>
      <c r="S4622">
        <v>1</v>
      </c>
      <c r="T4622">
        <v>1</v>
      </c>
      <c r="U4622">
        <v>1</v>
      </c>
      <c r="V4622">
        <v>1</v>
      </c>
      <c r="W4622">
        <v>1</v>
      </c>
      <c r="X4622">
        <v>1</v>
      </c>
      <c r="Y4622">
        <v>1</v>
      </c>
      <c r="Z4622">
        <v>1</v>
      </c>
      <c r="AA4622">
        <v>1</v>
      </c>
      <c r="AB4622">
        <v>1</v>
      </c>
      <c r="AC4622">
        <v>1</v>
      </c>
      <c r="AD4622">
        <v>1</v>
      </c>
      <c r="AE4622">
        <v>1</v>
      </c>
      <c r="AF4622">
        <v>1</v>
      </c>
      <c r="AG4622">
        <v>1</v>
      </c>
      <c r="AH4622">
        <v>1</v>
      </c>
      <c r="AI4622">
        <v>1</v>
      </c>
      <c r="AJ4622">
        <v>1</v>
      </c>
      <c r="AK4622">
        <v>1</v>
      </c>
      <c r="AL4622">
        <v>1</v>
      </c>
      <c r="AM4622">
        <v>1</v>
      </c>
      <c r="AN4622">
        <v>1</v>
      </c>
      <c r="AO4622">
        <v>1</v>
      </c>
      <c r="AP4622">
        <v>1</v>
      </c>
      <c r="AQ4622">
        <v>1</v>
      </c>
    </row>
    <row r="4623" spans="1:43">
      <c r="A4623" t="s">
        <v>2896</v>
      </c>
      <c r="B4623" t="s">
        <v>2897</v>
      </c>
      <c r="C4623" t="s">
        <v>2898</v>
      </c>
      <c r="D4623" t="s">
        <v>2899</v>
      </c>
      <c r="E4623" t="s">
        <v>2870</v>
      </c>
      <c r="F4623" t="s">
        <v>2871</v>
      </c>
      <c r="G4623" t="s">
        <v>80</v>
      </c>
      <c r="H4623" t="s">
        <v>81</v>
      </c>
      <c r="I4623" s="2">
        <v>0.15</v>
      </c>
      <c r="J4623" s="2">
        <v>0</v>
      </c>
      <c r="K4623" s="2">
        <v>0</v>
      </c>
      <c r="L4623" t="s">
        <v>120</v>
      </c>
      <c r="M4623" t="s">
        <v>87</v>
      </c>
      <c r="N4623" t="s">
        <v>88</v>
      </c>
      <c r="O4623" t="s">
        <v>85</v>
      </c>
      <c r="P4623" t="s">
        <v>86</v>
      </c>
      <c r="Q4623">
        <v>1</v>
      </c>
      <c r="R4623">
        <v>1</v>
      </c>
      <c r="S4623">
        <v>1</v>
      </c>
      <c r="T4623">
        <v>1</v>
      </c>
      <c r="U4623">
        <v>1</v>
      </c>
      <c r="V4623">
        <v>1</v>
      </c>
      <c r="W4623">
        <v>1</v>
      </c>
      <c r="X4623">
        <v>1</v>
      </c>
      <c r="Y4623">
        <v>1</v>
      </c>
      <c r="Z4623">
        <v>1</v>
      </c>
      <c r="AA4623">
        <v>1</v>
      </c>
      <c r="AB4623">
        <v>1</v>
      </c>
      <c r="AC4623">
        <v>1</v>
      </c>
      <c r="AD4623">
        <v>1</v>
      </c>
      <c r="AE4623">
        <v>1</v>
      </c>
      <c r="AF4623">
        <v>1</v>
      </c>
      <c r="AG4623">
        <v>1</v>
      </c>
      <c r="AH4623">
        <v>1</v>
      </c>
      <c r="AI4623">
        <v>1</v>
      </c>
      <c r="AJ4623">
        <v>1</v>
      </c>
      <c r="AK4623">
        <v>1</v>
      </c>
      <c r="AL4623">
        <v>1</v>
      </c>
      <c r="AM4623">
        <v>1</v>
      </c>
      <c r="AN4623">
        <v>1</v>
      </c>
      <c r="AO4623">
        <v>1</v>
      </c>
      <c r="AP4623">
        <v>1</v>
      </c>
      <c r="AQ4623">
        <v>1</v>
      </c>
    </row>
    <row r="4624" spans="1:43">
      <c r="A4624" t="s">
        <v>2896</v>
      </c>
      <c r="B4624" t="s">
        <v>2897</v>
      </c>
      <c r="C4624" t="s">
        <v>2898</v>
      </c>
      <c r="D4624" t="s">
        <v>2899</v>
      </c>
      <c r="E4624" t="s">
        <v>2870</v>
      </c>
      <c r="F4624" t="s">
        <v>2871</v>
      </c>
      <c r="G4624" t="s">
        <v>80</v>
      </c>
      <c r="H4624" t="s">
        <v>81</v>
      </c>
      <c r="I4624" s="2">
        <v>0.15</v>
      </c>
      <c r="J4624" s="2">
        <v>0</v>
      </c>
      <c r="K4624" s="2">
        <v>0</v>
      </c>
      <c r="L4624" t="s">
        <v>120</v>
      </c>
      <c r="M4624" t="s">
        <v>89</v>
      </c>
      <c r="N4624" t="s">
        <v>90</v>
      </c>
      <c r="O4624" t="s">
        <v>85</v>
      </c>
      <c r="P4624" t="s">
        <v>86</v>
      </c>
      <c r="Q4624">
        <v>1</v>
      </c>
      <c r="R4624">
        <v>1</v>
      </c>
      <c r="S4624">
        <v>1</v>
      </c>
      <c r="T4624">
        <v>1</v>
      </c>
      <c r="U4624">
        <v>1</v>
      </c>
      <c r="V4624">
        <v>1</v>
      </c>
      <c r="W4624">
        <v>1</v>
      </c>
      <c r="X4624">
        <v>1</v>
      </c>
      <c r="Y4624">
        <v>1</v>
      </c>
      <c r="Z4624">
        <v>1</v>
      </c>
      <c r="AA4624">
        <v>1</v>
      </c>
      <c r="AB4624">
        <v>1</v>
      </c>
      <c r="AC4624">
        <v>1</v>
      </c>
      <c r="AD4624">
        <v>1</v>
      </c>
      <c r="AE4624">
        <v>1</v>
      </c>
      <c r="AF4624">
        <v>1</v>
      </c>
      <c r="AG4624">
        <v>1</v>
      </c>
      <c r="AH4624">
        <v>1</v>
      </c>
      <c r="AI4624">
        <v>1</v>
      </c>
      <c r="AJ4624">
        <v>1</v>
      </c>
      <c r="AK4624">
        <v>1</v>
      </c>
      <c r="AL4624">
        <v>1</v>
      </c>
      <c r="AM4624">
        <v>1</v>
      </c>
      <c r="AN4624">
        <v>1</v>
      </c>
      <c r="AO4624">
        <v>1</v>
      </c>
      <c r="AP4624">
        <v>1</v>
      </c>
      <c r="AQ4624">
        <v>1</v>
      </c>
    </row>
    <row r="4625" spans="1:43">
      <c r="A4625" t="s">
        <v>2896</v>
      </c>
      <c r="B4625" t="s">
        <v>2897</v>
      </c>
      <c r="C4625" t="s">
        <v>2898</v>
      </c>
      <c r="D4625" t="s">
        <v>2899</v>
      </c>
      <c r="E4625" t="s">
        <v>2870</v>
      </c>
      <c r="F4625" t="s">
        <v>2871</v>
      </c>
      <c r="G4625" t="s">
        <v>80</v>
      </c>
      <c r="H4625" t="s">
        <v>81</v>
      </c>
      <c r="I4625" s="2">
        <v>0.15</v>
      </c>
      <c r="J4625" s="2">
        <v>0</v>
      </c>
      <c r="K4625" s="2">
        <v>0</v>
      </c>
      <c r="L4625" t="s">
        <v>120</v>
      </c>
      <c r="M4625" t="s">
        <v>83</v>
      </c>
      <c r="N4625" t="s">
        <v>91</v>
      </c>
      <c r="O4625" t="s">
        <v>85</v>
      </c>
      <c r="P4625" t="s">
        <v>86</v>
      </c>
      <c r="Q4625">
        <v>1</v>
      </c>
      <c r="R4625">
        <v>1</v>
      </c>
      <c r="S4625">
        <v>1</v>
      </c>
      <c r="T4625">
        <v>1</v>
      </c>
      <c r="U4625">
        <v>1</v>
      </c>
      <c r="V4625">
        <v>1</v>
      </c>
      <c r="W4625">
        <v>1</v>
      </c>
      <c r="X4625">
        <v>1</v>
      </c>
      <c r="Y4625">
        <v>1</v>
      </c>
      <c r="Z4625">
        <v>1</v>
      </c>
      <c r="AA4625">
        <v>1</v>
      </c>
      <c r="AB4625">
        <v>1</v>
      </c>
      <c r="AC4625">
        <v>1</v>
      </c>
      <c r="AD4625">
        <v>1</v>
      </c>
      <c r="AE4625">
        <v>1</v>
      </c>
      <c r="AF4625">
        <v>1</v>
      </c>
      <c r="AG4625">
        <v>1</v>
      </c>
      <c r="AH4625">
        <v>1</v>
      </c>
      <c r="AI4625">
        <v>1</v>
      </c>
      <c r="AJ4625">
        <v>1</v>
      </c>
      <c r="AK4625">
        <v>1</v>
      </c>
      <c r="AL4625">
        <v>1</v>
      </c>
      <c r="AM4625">
        <v>1</v>
      </c>
      <c r="AN4625">
        <v>1</v>
      </c>
      <c r="AO4625">
        <v>1</v>
      </c>
      <c r="AP4625">
        <v>1</v>
      </c>
      <c r="AQ4625">
        <v>1</v>
      </c>
    </row>
    <row r="4626" spans="1:43">
      <c r="A4626" t="s">
        <v>2900</v>
      </c>
      <c r="B4626" t="s">
        <v>2901</v>
      </c>
      <c r="C4626" t="s">
        <v>2902</v>
      </c>
      <c r="D4626" t="s">
        <v>2903</v>
      </c>
      <c r="E4626" t="s">
        <v>2870</v>
      </c>
      <c r="F4626" t="s">
        <v>2871</v>
      </c>
      <c r="G4626" t="s">
        <v>80</v>
      </c>
      <c r="H4626" t="s">
        <v>81</v>
      </c>
      <c r="I4626" s="2">
        <v>0</v>
      </c>
      <c r="J4626" s="2">
        <v>0</v>
      </c>
      <c r="K4626" s="2">
        <v>0</v>
      </c>
      <c r="L4626" t="s">
        <v>120</v>
      </c>
      <c r="M4626" t="s">
        <v>83</v>
      </c>
      <c r="N4626" t="s">
        <v>84</v>
      </c>
      <c r="O4626" t="s">
        <v>85</v>
      </c>
      <c r="P4626" t="s">
        <v>86</v>
      </c>
      <c r="Q4626">
        <v>0</v>
      </c>
      <c r="R4626">
        <v>0</v>
      </c>
      <c r="S4626">
        <v>0</v>
      </c>
      <c r="T4626">
        <v>0</v>
      </c>
      <c r="U4626">
        <v>0</v>
      </c>
      <c r="V4626">
        <v>0</v>
      </c>
      <c r="W4626">
        <v>0</v>
      </c>
      <c r="X4626">
        <v>0</v>
      </c>
      <c r="Y4626">
        <v>0</v>
      </c>
      <c r="Z4626">
        <v>0</v>
      </c>
      <c r="AA4626">
        <v>0</v>
      </c>
      <c r="AB4626">
        <v>0</v>
      </c>
      <c r="AC4626">
        <v>0</v>
      </c>
      <c r="AD4626">
        <v>0</v>
      </c>
      <c r="AE4626">
        <v>0</v>
      </c>
      <c r="AF4626">
        <v>0</v>
      </c>
      <c r="AG4626">
        <v>0</v>
      </c>
      <c r="AH4626">
        <v>0</v>
      </c>
      <c r="AI4626">
        <v>0</v>
      </c>
      <c r="AJ4626">
        <v>0</v>
      </c>
      <c r="AK4626">
        <v>0</v>
      </c>
      <c r="AL4626">
        <v>0</v>
      </c>
      <c r="AM4626">
        <v>0</v>
      </c>
      <c r="AN4626">
        <v>0</v>
      </c>
      <c r="AO4626">
        <v>0</v>
      </c>
      <c r="AP4626">
        <v>0</v>
      </c>
      <c r="AQ4626">
        <v>0</v>
      </c>
    </row>
    <row r="4627" spans="1:43">
      <c r="A4627" t="s">
        <v>2900</v>
      </c>
      <c r="B4627" t="s">
        <v>2901</v>
      </c>
      <c r="C4627" t="s">
        <v>2902</v>
      </c>
      <c r="D4627" t="s">
        <v>2903</v>
      </c>
      <c r="E4627" t="s">
        <v>2870</v>
      </c>
      <c r="F4627" t="s">
        <v>2871</v>
      </c>
      <c r="G4627" t="s">
        <v>80</v>
      </c>
      <c r="H4627" t="s">
        <v>81</v>
      </c>
      <c r="I4627" s="2">
        <v>0</v>
      </c>
      <c r="J4627" s="2">
        <v>0</v>
      </c>
      <c r="K4627" s="2">
        <v>0</v>
      </c>
      <c r="L4627" t="s">
        <v>120</v>
      </c>
      <c r="M4627" t="s">
        <v>87</v>
      </c>
      <c r="N4627" t="s">
        <v>88</v>
      </c>
      <c r="O4627" t="s">
        <v>85</v>
      </c>
      <c r="P4627" t="s">
        <v>86</v>
      </c>
      <c r="Q4627">
        <v>0</v>
      </c>
      <c r="R4627">
        <v>0</v>
      </c>
      <c r="S4627">
        <v>0</v>
      </c>
      <c r="T4627">
        <v>0</v>
      </c>
      <c r="U4627">
        <v>0</v>
      </c>
      <c r="V4627">
        <v>0</v>
      </c>
      <c r="W4627">
        <v>0</v>
      </c>
      <c r="X4627">
        <v>0</v>
      </c>
      <c r="Y4627">
        <v>0</v>
      </c>
      <c r="Z4627">
        <v>0</v>
      </c>
      <c r="AA4627">
        <v>0</v>
      </c>
      <c r="AB4627">
        <v>0</v>
      </c>
      <c r="AC4627">
        <v>0</v>
      </c>
      <c r="AD4627">
        <v>0</v>
      </c>
      <c r="AE4627">
        <v>0</v>
      </c>
      <c r="AF4627">
        <v>0</v>
      </c>
      <c r="AG4627">
        <v>0</v>
      </c>
      <c r="AH4627">
        <v>0</v>
      </c>
      <c r="AI4627">
        <v>0</v>
      </c>
      <c r="AJ4627">
        <v>0</v>
      </c>
      <c r="AK4627">
        <v>0</v>
      </c>
      <c r="AL4627">
        <v>0</v>
      </c>
      <c r="AM4627">
        <v>0</v>
      </c>
      <c r="AN4627">
        <v>0</v>
      </c>
      <c r="AO4627">
        <v>0</v>
      </c>
      <c r="AP4627">
        <v>0</v>
      </c>
      <c r="AQ4627">
        <v>0</v>
      </c>
    </row>
    <row r="4628" spans="1:43">
      <c r="A4628" t="s">
        <v>2900</v>
      </c>
      <c r="B4628" t="s">
        <v>2901</v>
      </c>
      <c r="C4628" t="s">
        <v>2902</v>
      </c>
      <c r="D4628" t="s">
        <v>2903</v>
      </c>
      <c r="E4628" t="s">
        <v>2870</v>
      </c>
      <c r="F4628" t="s">
        <v>2871</v>
      </c>
      <c r="G4628" t="s">
        <v>80</v>
      </c>
      <c r="H4628" t="s">
        <v>81</v>
      </c>
      <c r="I4628" s="2">
        <v>0</v>
      </c>
      <c r="J4628" s="2">
        <v>0</v>
      </c>
      <c r="K4628" s="2">
        <v>0</v>
      </c>
      <c r="L4628" t="s">
        <v>120</v>
      </c>
      <c r="M4628" t="s">
        <v>89</v>
      </c>
      <c r="N4628" t="s">
        <v>90</v>
      </c>
      <c r="O4628" t="s">
        <v>85</v>
      </c>
      <c r="P4628" t="s">
        <v>86</v>
      </c>
      <c r="Q4628">
        <v>0</v>
      </c>
      <c r="R4628">
        <v>0</v>
      </c>
      <c r="S4628">
        <v>0</v>
      </c>
      <c r="T4628">
        <v>0</v>
      </c>
      <c r="U4628">
        <v>0</v>
      </c>
      <c r="V4628">
        <v>0</v>
      </c>
      <c r="W4628">
        <v>0</v>
      </c>
      <c r="X4628">
        <v>0</v>
      </c>
      <c r="Y4628">
        <v>0</v>
      </c>
      <c r="Z4628">
        <v>0</v>
      </c>
      <c r="AA4628">
        <v>0</v>
      </c>
      <c r="AB4628">
        <v>0</v>
      </c>
      <c r="AC4628">
        <v>0</v>
      </c>
      <c r="AD4628">
        <v>0</v>
      </c>
      <c r="AE4628">
        <v>0</v>
      </c>
      <c r="AF4628">
        <v>0</v>
      </c>
      <c r="AG4628">
        <v>0</v>
      </c>
      <c r="AH4628">
        <v>0</v>
      </c>
      <c r="AI4628">
        <v>0</v>
      </c>
      <c r="AJ4628">
        <v>0</v>
      </c>
      <c r="AK4628">
        <v>0</v>
      </c>
      <c r="AL4628">
        <v>0</v>
      </c>
      <c r="AM4628">
        <v>0</v>
      </c>
      <c r="AN4628">
        <v>0</v>
      </c>
      <c r="AO4628">
        <v>0</v>
      </c>
      <c r="AP4628">
        <v>0</v>
      </c>
      <c r="AQ4628">
        <v>0</v>
      </c>
    </row>
    <row r="4629" spans="1:43">
      <c r="A4629" t="s">
        <v>2900</v>
      </c>
      <c r="B4629" t="s">
        <v>2901</v>
      </c>
      <c r="C4629" t="s">
        <v>2902</v>
      </c>
      <c r="D4629" t="s">
        <v>2903</v>
      </c>
      <c r="E4629" t="s">
        <v>2870</v>
      </c>
      <c r="F4629" t="s">
        <v>2871</v>
      </c>
      <c r="G4629" t="s">
        <v>80</v>
      </c>
      <c r="H4629" t="s">
        <v>81</v>
      </c>
      <c r="I4629" s="2">
        <v>0</v>
      </c>
      <c r="J4629" s="2">
        <v>0</v>
      </c>
      <c r="K4629" s="2">
        <v>0</v>
      </c>
      <c r="L4629" t="s">
        <v>120</v>
      </c>
      <c r="M4629" t="s">
        <v>83</v>
      </c>
      <c r="N4629" t="s">
        <v>91</v>
      </c>
      <c r="O4629" t="s">
        <v>85</v>
      </c>
      <c r="P4629" t="s">
        <v>86</v>
      </c>
      <c r="Q4629">
        <v>0</v>
      </c>
      <c r="R4629">
        <v>0</v>
      </c>
      <c r="S4629">
        <v>0</v>
      </c>
      <c r="T4629">
        <v>0</v>
      </c>
      <c r="U4629">
        <v>0</v>
      </c>
      <c r="V4629">
        <v>0</v>
      </c>
      <c r="W4629">
        <v>0</v>
      </c>
      <c r="X4629">
        <v>0</v>
      </c>
      <c r="Y4629">
        <v>0</v>
      </c>
      <c r="Z4629">
        <v>0</v>
      </c>
      <c r="AA4629">
        <v>0</v>
      </c>
      <c r="AB4629">
        <v>0</v>
      </c>
      <c r="AC4629">
        <v>0</v>
      </c>
      <c r="AD4629">
        <v>0</v>
      </c>
      <c r="AE4629">
        <v>0</v>
      </c>
      <c r="AF4629">
        <v>0</v>
      </c>
      <c r="AG4629">
        <v>0</v>
      </c>
      <c r="AH4629">
        <v>0</v>
      </c>
      <c r="AI4629">
        <v>0</v>
      </c>
      <c r="AJ4629">
        <v>0</v>
      </c>
      <c r="AK4629">
        <v>0</v>
      </c>
      <c r="AL4629">
        <v>0</v>
      </c>
      <c r="AM4629">
        <v>0</v>
      </c>
      <c r="AN4629">
        <v>0</v>
      </c>
      <c r="AO4629">
        <v>0</v>
      </c>
      <c r="AP4629">
        <v>0</v>
      </c>
      <c r="AQ4629">
        <v>0</v>
      </c>
    </row>
    <row r="4630" spans="1:43">
      <c r="A4630" t="s">
        <v>2904</v>
      </c>
      <c r="B4630" t="s">
        <v>2905</v>
      </c>
      <c r="C4630" t="s">
        <v>2898</v>
      </c>
      <c r="D4630" t="s">
        <v>2899</v>
      </c>
      <c r="E4630" t="s">
        <v>2870</v>
      </c>
      <c r="F4630" t="s">
        <v>2871</v>
      </c>
      <c r="G4630" t="s">
        <v>80</v>
      </c>
      <c r="H4630" t="s">
        <v>81</v>
      </c>
      <c r="I4630" s="2">
        <v>0</v>
      </c>
      <c r="J4630" s="2">
        <v>0</v>
      </c>
      <c r="K4630" s="2">
        <v>0</v>
      </c>
      <c r="L4630" t="s">
        <v>120</v>
      </c>
      <c r="M4630" t="s">
        <v>83</v>
      </c>
      <c r="N4630" t="s">
        <v>84</v>
      </c>
      <c r="O4630" t="s">
        <v>85</v>
      </c>
      <c r="P4630" t="s">
        <v>86</v>
      </c>
      <c r="Q4630">
        <v>0</v>
      </c>
      <c r="R4630">
        <v>0</v>
      </c>
      <c r="S4630">
        <v>0</v>
      </c>
      <c r="T4630">
        <v>0</v>
      </c>
      <c r="U4630">
        <v>0</v>
      </c>
      <c r="V4630">
        <v>0</v>
      </c>
      <c r="W4630">
        <v>0</v>
      </c>
      <c r="X4630">
        <v>0</v>
      </c>
      <c r="Y4630">
        <v>0</v>
      </c>
      <c r="Z4630">
        <v>0</v>
      </c>
      <c r="AA4630">
        <v>0</v>
      </c>
      <c r="AB4630">
        <v>0</v>
      </c>
      <c r="AC4630">
        <v>0</v>
      </c>
      <c r="AD4630">
        <v>0</v>
      </c>
      <c r="AE4630">
        <v>0</v>
      </c>
      <c r="AF4630">
        <v>0</v>
      </c>
      <c r="AG4630">
        <v>0</v>
      </c>
      <c r="AH4630">
        <v>0</v>
      </c>
      <c r="AI4630">
        <v>0</v>
      </c>
      <c r="AJ4630">
        <v>0</v>
      </c>
      <c r="AK4630">
        <v>0</v>
      </c>
      <c r="AL4630">
        <v>0</v>
      </c>
      <c r="AM4630">
        <v>0</v>
      </c>
      <c r="AN4630">
        <v>0</v>
      </c>
      <c r="AO4630">
        <v>0</v>
      </c>
      <c r="AP4630">
        <v>0</v>
      </c>
      <c r="AQ4630">
        <v>0</v>
      </c>
    </row>
    <row r="4631" spans="1:43">
      <c r="A4631" t="s">
        <v>2904</v>
      </c>
      <c r="B4631" t="s">
        <v>2905</v>
      </c>
      <c r="C4631" t="s">
        <v>2898</v>
      </c>
      <c r="D4631" t="s">
        <v>2899</v>
      </c>
      <c r="E4631" t="s">
        <v>2870</v>
      </c>
      <c r="F4631" t="s">
        <v>2871</v>
      </c>
      <c r="G4631" t="s">
        <v>80</v>
      </c>
      <c r="H4631" t="s">
        <v>81</v>
      </c>
      <c r="I4631" s="2">
        <v>0</v>
      </c>
      <c r="J4631" s="2">
        <v>0</v>
      </c>
      <c r="K4631" s="2">
        <v>0</v>
      </c>
      <c r="L4631" t="s">
        <v>120</v>
      </c>
      <c r="M4631" t="s">
        <v>87</v>
      </c>
      <c r="N4631" t="s">
        <v>88</v>
      </c>
      <c r="O4631" t="s">
        <v>85</v>
      </c>
      <c r="P4631" t="s">
        <v>86</v>
      </c>
      <c r="Q4631">
        <v>0</v>
      </c>
      <c r="R4631">
        <v>0</v>
      </c>
      <c r="S4631">
        <v>0</v>
      </c>
      <c r="T4631">
        <v>0</v>
      </c>
      <c r="U4631">
        <v>0</v>
      </c>
      <c r="V4631">
        <v>0</v>
      </c>
      <c r="W4631">
        <v>0</v>
      </c>
      <c r="X4631">
        <v>0</v>
      </c>
      <c r="Y4631">
        <v>0</v>
      </c>
      <c r="Z4631">
        <v>0</v>
      </c>
      <c r="AA4631">
        <v>0</v>
      </c>
      <c r="AB4631">
        <v>0</v>
      </c>
      <c r="AC4631">
        <v>0</v>
      </c>
      <c r="AD4631">
        <v>0</v>
      </c>
      <c r="AE4631">
        <v>0</v>
      </c>
      <c r="AF4631">
        <v>0</v>
      </c>
      <c r="AG4631">
        <v>0</v>
      </c>
      <c r="AH4631">
        <v>0</v>
      </c>
      <c r="AI4631">
        <v>0</v>
      </c>
      <c r="AJ4631">
        <v>0</v>
      </c>
      <c r="AK4631">
        <v>0</v>
      </c>
      <c r="AL4631">
        <v>0</v>
      </c>
      <c r="AM4631">
        <v>0</v>
      </c>
      <c r="AN4631">
        <v>0</v>
      </c>
      <c r="AO4631">
        <v>0</v>
      </c>
      <c r="AP4631">
        <v>0</v>
      </c>
      <c r="AQ4631">
        <v>0</v>
      </c>
    </row>
    <row r="4632" spans="1:43">
      <c r="A4632" t="s">
        <v>2904</v>
      </c>
      <c r="B4632" t="s">
        <v>2905</v>
      </c>
      <c r="C4632" t="s">
        <v>2898</v>
      </c>
      <c r="D4632" t="s">
        <v>2899</v>
      </c>
      <c r="E4632" t="s">
        <v>2870</v>
      </c>
      <c r="F4632" t="s">
        <v>2871</v>
      </c>
      <c r="G4632" t="s">
        <v>80</v>
      </c>
      <c r="H4632" t="s">
        <v>81</v>
      </c>
      <c r="I4632" s="2">
        <v>0</v>
      </c>
      <c r="J4632" s="2">
        <v>0</v>
      </c>
      <c r="K4632" s="2">
        <v>0</v>
      </c>
      <c r="L4632" t="s">
        <v>120</v>
      </c>
      <c r="M4632" t="s">
        <v>89</v>
      </c>
      <c r="N4632" t="s">
        <v>90</v>
      </c>
      <c r="O4632" t="s">
        <v>85</v>
      </c>
      <c r="P4632" t="s">
        <v>86</v>
      </c>
      <c r="Q4632">
        <v>0</v>
      </c>
      <c r="R4632">
        <v>0</v>
      </c>
      <c r="S4632">
        <v>0</v>
      </c>
      <c r="T4632">
        <v>0</v>
      </c>
      <c r="U4632">
        <v>0</v>
      </c>
      <c r="V4632">
        <v>0</v>
      </c>
      <c r="W4632">
        <v>0</v>
      </c>
      <c r="X4632">
        <v>0</v>
      </c>
      <c r="Y4632">
        <v>0</v>
      </c>
      <c r="Z4632">
        <v>0</v>
      </c>
      <c r="AA4632">
        <v>0</v>
      </c>
      <c r="AB4632">
        <v>0</v>
      </c>
      <c r="AC4632">
        <v>0</v>
      </c>
      <c r="AD4632">
        <v>0</v>
      </c>
      <c r="AE4632">
        <v>0</v>
      </c>
      <c r="AF4632">
        <v>0</v>
      </c>
      <c r="AG4632">
        <v>0</v>
      </c>
      <c r="AH4632">
        <v>0</v>
      </c>
      <c r="AI4632">
        <v>0</v>
      </c>
      <c r="AJ4632">
        <v>0</v>
      </c>
      <c r="AK4632">
        <v>0</v>
      </c>
      <c r="AL4632">
        <v>0</v>
      </c>
      <c r="AM4632">
        <v>0</v>
      </c>
      <c r="AN4632">
        <v>0</v>
      </c>
      <c r="AO4632">
        <v>0</v>
      </c>
      <c r="AP4632">
        <v>0</v>
      </c>
      <c r="AQ4632">
        <v>0</v>
      </c>
    </row>
    <row r="4633" spans="1:43">
      <c r="A4633" t="s">
        <v>2904</v>
      </c>
      <c r="B4633" t="s">
        <v>2905</v>
      </c>
      <c r="C4633" t="s">
        <v>2898</v>
      </c>
      <c r="D4633" t="s">
        <v>2899</v>
      </c>
      <c r="E4633" t="s">
        <v>2870</v>
      </c>
      <c r="F4633" t="s">
        <v>2871</v>
      </c>
      <c r="G4633" t="s">
        <v>80</v>
      </c>
      <c r="H4633" t="s">
        <v>81</v>
      </c>
      <c r="I4633" s="2">
        <v>0</v>
      </c>
      <c r="J4633" s="2">
        <v>0</v>
      </c>
      <c r="K4633" s="2">
        <v>0</v>
      </c>
      <c r="L4633" t="s">
        <v>120</v>
      </c>
      <c r="M4633" t="s">
        <v>83</v>
      </c>
      <c r="N4633" t="s">
        <v>91</v>
      </c>
      <c r="O4633" t="s">
        <v>85</v>
      </c>
      <c r="P4633" t="s">
        <v>86</v>
      </c>
      <c r="Q4633">
        <v>0</v>
      </c>
      <c r="R4633">
        <v>0</v>
      </c>
      <c r="S4633">
        <v>0</v>
      </c>
      <c r="T4633">
        <v>0</v>
      </c>
      <c r="U4633">
        <v>0</v>
      </c>
      <c r="V4633">
        <v>0</v>
      </c>
      <c r="W4633">
        <v>0</v>
      </c>
      <c r="X4633">
        <v>0</v>
      </c>
      <c r="Y4633">
        <v>0</v>
      </c>
      <c r="Z4633">
        <v>0</v>
      </c>
      <c r="AA4633">
        <v>0</v>
      </c>
      <c r="AB4633">
        <v>0</v>
      </c>
      <c r="AC4633">
        <v>0</v>
      </c>
      <c r="AD4633">
        <v>0</v>
      </c>
      <c r="AE4633">
        <v>0</v>
      </c>
      <c r="AF4633">
        <v>0</v>
      </c>
      <c r="AG4633">
        <v>0</v>
      </c>
      <c r="AH4633">
        <v>0</v>
      </c>
      <c r="AI4633">
        <v>0</v>
      </c>
      <c r="AJ4633">
        <v>0</v>
      </c>
      <c r="AK4633">
        <v>0</v>
      </c>
      <c r="AL4633">
        <v>0</v>
      </c>
      <c r="AM4633">
        <v>0</v>
      </c>
      <c r="AN4633">
        <v>0</v>
      </c>
      <c r="AO4633">
        <v>0</v>
      </c>
      <c r="AP4633">
        <v>0</v>
      </c>
      <c r="AQ4633">
        <v>0</v>
      </c>
    </row>
    <row r="4634" spans="1:43">
      <c r="A4634" t="s">
        <v>2906</v>
      </c>
      <c r="B4634" t="s">
        <v>2907</v>
      </c>
      <c r="C4634" t="s">
        <v>2898</v>
      </c>
      <c r="D4634" t="s">
        <v>2899</v>
      </c>
      <c r="E4634" t="s">
        <v>2870</v>
      </c>
      <c r="F4634" t="s">
        <v>2871</v>
      </c>
      <c r="G4634" t="s">
        <v>80</v>
      </c>
      <c r="H4634" t="s">
        <v>81</v>
      </c>
      <c r="I4634" s="2">
        <v>1</v>
      </c>
      <c r="J4634" s="2">
        <v>0</v>
      </c>
      <c r="K4634" s="2">
        <v>0</v>
      </c>
      <c r="L4634" t="s">
        <v>120</v>
      </c>
      <c r="M4634" t="s">
        <v>83</v>
      </c>
      <c r="N4634" t="s">
        <v>84</v>
      </c>
      <c r="O4634" t="s">
        <v>85</v>
      </c>
      <c r="P4634" t="s">
        <v>86</v>
      </c>
      <c r="Q4634">
        <v>9</v>
      </c>
      <c r="R4634">
        <v>9</v>
      </c>
      <c r="S4634">
        <v>9</v>
      </c>
      <c r="T4634">
        <v>9</v>
      </c>
      <c r="U4634">
        <v>9</v>
      </c>
      <c r="V4634">
        <v>9</v>
      </c>
      <c r="W4634">
        <v>9</v>
      </c>
      <c r="X4634">
        <v>9</v>
      </c>
      <c r="Y4634">
        <v>9</v>
      </c>
      <c r="Z4634">
        <v>10</v>
      </c>
      <c r="AA4634">
        <v>10</v>
      </c>
      <c r="AB4634">
        <v>10</v>
      </c>
      <c r="AC4634">
        <v>10</v>
      </c>
      <c r="AD4634">
        <v>10</v>
      </c>
      <c r="AE4634">
        <v>10</v>
      </c>
      <c r="AF4634">
        <v>10</v>
      </c>
      <c r="AG4634">
        <v>10</v>
      </c>
      <c r="AH4634">
        <v>10</v>
      </c>
      <c r="AI4634">
        <v>10</v>
      </c>
      <c r="AJ4634">
        <v>10</v>
      </c>
      <c r="AK4634">
        <v>10</v>
      </c>
      <c r="AL4634">
        <v>10</v>
      </c>
      <c r="AM4634">
        <v>10</v>
      </c>
      <c r="AN4634">
        <v>9</v>
      </c>
      <c r="AO4634">
        <v>9</v>
      </c>
      <c r="AP4634">
        <v>9</v>
      </c>
      <c r="AQ4634">
        <v>9</v>
      </c>
    </row>
    <row r="4635" spans="1:43">
      <c r="A4635" t="s">
        <v>2906</v>
      </c>
      <c r="B4635" t="s">
        <v>2907</v>
      </c>
      <c r="C4635" t="s">
        <v>2898</v>
      </c>
      <c r="D4635" t="s">
        <v>2899</v>
      </c>
      <c r="E4635" t="s">
        <v>2870</v>
      </c>
      <c r="F4635" t="s">
        <v>2871</v>
      </c>
      <c r="G4635" t="s">
        <v>80</v>
      </c>
      <c r="H4635" t="s">
        <v>81</v>
      </c>
      <c r="I4635" s="2">
        <v>1</v>
      </c>
      <c r="J4635" s="2">
        <v>0</v>
      </c>
      <c r="K4635" s="2">
        <v>0</v>
      </c>
      <c r="L4635" t="s">
        <v>120</v>
      </c>
      <c r="M4635" t="s">
        <v>87</v>
      </c>
      <c r="N4635" t="s">
        <v>88</v>
      </c>
      <c r="O4635" t="s">
        <v>85</v>
      </c>
      <c r="P4635" t="s">
        <v>86</v>
      </c>
      <c r="Q4635">
        <v>9</v>
      </c>
      <c r="R4635">
        <v>9</v>
      </c>
      <c r="S4635">
        <v>9</v>
      </c>
      <c r="T4635">
        <v>9</v>
      </c>
      <c r="U4635">
        <v>9</v>
      </c>
      <c r="V4635">
        <v>9</v>
      </c>
      <c r="W4635">
        <v>9</v>
      </c>
      <c r="X4635">
        <v>9</v>
      </c>
      <c r="Y4635">
        <v>9</v>
      </c>
      <c r="Z4635">
        <v>9</v>
      </c>
      <c r="AA4635">
        <v>9</v>
      </c>
      <c r="AB4635">
        <v>9</v>
      </c>
      <c r="AC4635">
        <v>9</v>
      </c>
      <c r="AD4635">
        <v>9</v>
      </c>
      <c r="AE4635">
        <v>8</v>
      </c>
      <c r="AF4635">
        <v>8</v>
      </c>
      <c r="AG4635">
        <v>8</v>
      </c>
      <c r="AH4635">
        <v>8</v>
      </c>
      <c r="AI4635">
        <v>8</v>
      </c>
      <c r="AJ4635">
        <v>8</v>
      </c>
      <c r="AK4635">
        <v>8</v>
      </c>
      <c r="AL4635">
        <v>8</v>
      </c>
      <c r="AM4635">
        <v>8</v>
      </c>
      <c r="AN4635">
        <v>8</v>
      </c>
      <c r="AO4635">
        <v>8</v>
      </c>
      <c r="AP4635">
        <v>8</v>
      </c>
      <c r="AQ4635">
        <v>8</v>
      </c>
    </row>
    <row r="4636" spans="1:43">
      <c r="A4636" t="s">
        <v>2906</v>
      </c>
      <c r="B4636" t="s">
        <v>2907</v>
      </c>
      <c r="C4636" t="s">
        <v>2898</v>
      </c>
      <c r="D4636" t="s">
        <v>2899</v>
      </c>
      <c r="E4636" t="s">
        <v>2870</v>
      </c>
      <c r="F4636" t="s">
        <v>2871</v>
      </c>
      <c r="G4636" t="s">
        <v>80</v>
      </c>
      <c r="H4636" t="s">
        <v>81</v>
      </c>
      <c r="I4636" s="2">
        <v>1</v>
      </c>
      <c r="J4636" s="2">
        <v>0</v>
      </c>
      <c r="K4636" s="2">
        <v>0</v>
      </c>
      <c r="L4636" t="s">
        <v>120</v>
      </c>
      <c r="M4636" t="s">
        <v>89</v>
      </c>
      <c r="N4636" t="s">
        <v>90</v>
      </c>
      <c r="O4636" t="s">
        <v>85</v>
      </c>
      <c r="P4636" t="s">
        <v>86</v>
      </c>
      <c r="Q4636">
        <v>9</v>
      </c>
      <c r="R4636">
        <v>9</v>
      </c>
      <c r="S4636">
        <v>10</v>
      </c>
      <c r="T4636">
        <v>10</v>
      </c>
      <c r="U4636">
        <v>10</v>
      </c>
      <c r="V4636">
        <v>10</v>
      </c>
      <c r="W4636">
        <v>10</v>
      </c>
      <c r="X4636">
        <v>10</v>
      </c>
      <c r="Y4636">
        <v>10</v>
      </c>
      <c r="Z4636">
        <v>10</v>
      </c>
      <c r="AA4636">
        <v>10</v>
      </c>
      <c r="AB4636">
        <v>10</v>
      </c>
      <c r="AC4636">
        <v>10</v>
      </c>
      <c r="AD4636">
        <v>10</v>
      </c>
      <c r="AE4636">
        <v>10</v>
      </c>
      <c r="AF4636">
        <v>10</v>
      </c>
      <c r="AG4636">
        <v>10</v>
      </c>
      <c r="AH4636">
        <v>10</v>
      </c>
      <c r="AI4636">
        <v>10</v>
      </c>
      <c r="AJ4636">
        <v>10</v>
      </c>
      <c r="AK4636">
        <v>10</v>
      </c>
      <c r="AL4636">
        <v>10</v>
      </c>
      <c r="AM4636">
        <v>10</v>
      </c>
      <c r="AN4636">
        <v>10</v>
      </c>
      <c r="AO4636">
        <v>9</v>
      </c>
      <c r="AP4636">
        <v>9</v>
      </c>
      <c r="AQ4636">
        <v>9</v>
      </c>
    </row>
    <row r="4637" spans="1:43">
      <c r="A4637" t="s">
        <v>2906</v>
      </c>
      <c r="B4637" t="s">
        <v>2907</v>
      </c>
      <c r="C4637" t="s">
        <v>2898</v>
      </c>
      <c r="D4637" t="s">
        <v>2899</v>
      </c>
      <c r="E4637" t="s">
        <v>2870</v>
      </c>
      <c r="F4637" t="s">
        <v>2871</v>
      </c>
      <c r="G4637" t="s">
        <v>80</v>
      </c>
      <c r="H4637" t="s">
        <v>81</v>
      </c>
      <c r="I4637" s="2">
        <v>1</v>
      </c>
      <c r="J4637" s="2">
        <v>0</v>
      </c>
      <c r="K4637" s="2">
        <v>0</v>
      </c>
      <c r="L4637" t="s">
        <v>120</v>
      </c>
      <c r="M4637" t="s">
        <v>83</v>
      </c>
      <c r="N4637" t="s">
        <v>91</v>
      </c>
      <c r="O4637" t="s">
        <v>85</v>
      </c>
      <c r="P4637" t="s">
        <v>86</v>
      </c>
      <c r="Q4637">
        <v>9</v>
      </c>
      <c r="R4637">
        <v>9</v>
      </c>
      <c r="S4637">
        <v>9</v>
      </c>
      <c r="T4637">
        <v>9</v>
      </c>
      <c r="U4637">
        <v>9</v>
      </c>
      <c r="V4637">
        <v>9</v>
      </c>
      <c r="W4637">
        <v>9</v>
      </c>
      <c r="X4637">
        <v>9</v>
      </c>
      <c r="Y4637">
        <v>9</v>
      </c>
      <c r="Z4637">
        <v>10</v>
      </c>
      <c r="AA4637">
        <v>10</v>
      </c>
      <c r="AB4637">
        <v>10</v>
      </c>
      <c r="AC4637">
        <v>10</v>
      </c>
      <c r="AD4637">
        <v>10</v>
      </c>
      <c r="AE4637">
        <v>10</v>
      </c>
      <c r="AF4637">
        <v>10</v>
      </c>
      <c r="AG4637">
        <v>10</v>
      </c>
      <c r="AH4637">
        <v>10</v>
      </c>
      <c r="AI4637">
        <v>10</v>
      </c>
      <c r="AJ4637">
        <v>10</v>
      </c>
      <c r="AK4637">
        <v>10</v>
      </c>
      <c r="AL4637">
        <v>10</v>
      </c>
      <c r="AM4637">
        <v>10</v>
      </c>
      <c r="AN4637">
        <v>9</v>
      </c>
      <c r="AO4637">
        <v>9</v>
      </c>
      <c r="AP4637">
        <v>9</v>
      </c>
      <c r="AQ4637">
        <v>9</v>
      </c>
    </row>
    <row r="4638" spans="1:43">
      <c r="A4638" t="s">
        <v>2908</v>
      </c>
      <c r="B4638" t="s">
        <v>2909</v>
      </c>
      <c r="C4638" t="s">
        <v>2898</v>
      </c>
      <c r="D4638" t="s">
        <v>2899</v>
      </c>
      <c r="E4638" t="s">
        <v>2870</v>
      </c>
      <c r="F4638" t="s">
        <v>2871</v>
      </c>
      <c r="G4638" t="s">
        <v>80</v>
      </c>
      <c r="H4638" t="s">
        <v>81</v>
      </c>
      <c r="I4638" s="2">
        <v>0</v>
      </c>
      <c r="J4638" s="2">
        <v>0</v>
      </c>
      <c r="K4638" s="2">
        <v>0</v>
      </c>
      <c r="L4638" t="s">
        <v>120</v>
      </c>
      <c r="M4638" t="s">
        <v>83</v>
      </c>
      <c r="N4638" t="s">
        <v>84</v>
      </c>
      <c r="O4638" t="s">
        <v>85</v>
      </c>
      <c r="P4638" t="s">
        <v>86</v>
      </c>
      <c r="Q4638">
        <v>0</v>
      </c>
      <c r="R4638">
        <v>0</v>
      </c>
      <c r="S4638">
        <v>0</v>
      </c>
      <c r="T4638">
        <v>0</v>
      </c>
      <c r="U4638">
        <v>0</v>
      </c>
      <c r="V4638">
        <v>0</v>
      </c>
      <c r="W4638">
        <v>0</v>
      </c>
      <c r="X4638">
        <v>0</v>
      </c>
      <c r="Y4638">
        <v>0</v>
      </c>
      <c r="Z4638">
        <v>0</v>
      </c>
      <c r="AA4638">
        <v>0</v>
      </c>
      <c r="AB4638">
        <v>0</v>
      </c>
      <c r="AC4638">
        <v>0</v>
      </c>
      <c r="AD4638">
        <v>0</v>
      </c>
      <c r="AE4638">
        <v>0</v>
      </c>
      <c r="AF4638">
        <v>0</v>
      </c>
      <c r="AG4638">
        <v>0</v>
      </c>
      <c r="AH4638">
        <v>0</v>
      </c>
      <c r="AI4638">
        <v>0</v>
      </c>
      <c r="AJ4638">
        <v>0</v>
      </c>
      <c r="AK4638">
        <v>0</v>
      </c>
      <c r="AL4638">
        <v>0</v>
      </c>
      <c r="AM4638">
        <v>0</v>
      </c>
      <c r="AN4638">
        <v>0</v>
      </c>
      <c r="AO4638">
        <v>0</v>
      </c>
      <c r="AP4638">
        <v>0</v>
      </c>
      <c r="AQ4638">
        <v>0</v>
      </c>
    </row>
    <row r="4639" spans="1:43">
      <c r="A4639" t="s">
        <v>2908</v>
      </c>
      <c r="B4639" t="s">
        <v>2909</v>
      </c>
      <c r="C4639" t="s">
        <v>2898</v>
      </c>
      <c r="D4639" t="s">
        <v>2899</v>
      </c>
      <c r="E4639" t="s">
        <v>2870</v>
      </c>
      <c r="F4639" t="s">
        <v>2871</v>
      </c>
      <c r="G4639" t="s">
        <v>80</v>
      </c>
      <c r="H4639" t="s">
        <v>81</v>
      </c>
      <c r="I4639" s="2">
        <v>0</v>
      </c>
      <c r="J4639" s="2">
        <v>0</v>
      </c>
      <c r="K4639" s="2">
        <v>0</v>
      </c>
      <c r="L4639" t="s">
        <v>120</v>
      </c>
      <c r="M4639" t="s">
        <v>87</v>
      </c>
      <c r="N4639" t="s">
        <v>88</v>
      </c>
      <c r="O4639" t="s">
        <v>85</v>
      </c>
      <c r="P4639" t="s">
        <v>86</v>
      </c>
      <c r="Q4639">
        <v>0</v>
      </c>
      <c r="R4639">
        <v>0</v>
      </c>
      <c r="S4639">
        <v>0</v>
      </c>
      <c r="T4639">
        <v>0</v>
      </c>
      <c r="U4639">
        <v>0</v>
      </c>
      <c r="V4639">
        <v>0</v>
      </c>
      <c r="W4639">
        <v>0</v>
      </c>
      <c r="X4639">
        <v>0</v>
      </c>
      <c r="Y4639">
        <v>0</v>
      </c>
      <c r="Z4639">
        <v>0</v>
      </c>
      <c r="AA4639">
        <v>0</v>
      </c>
      <c r="AB4639">
        <v>0</v>
      </c>
      <c r="AC4639">
        <v>0</v>
      </c>
      <c r="AD4639">
        <v>0</v>
      </c>
      <c r="AE4639">
        <v>0</v>
      </c>
      <c r="AF4639">
        <v>0</v>
      </c>
      <c r="AG4639">
        <v>0</v>
      </c>
      <c r="AH4639">
        <v>0</v>
      </c>
      <c r="AI4639">
        <v>0</v>
      </c>
      <c r="AJ4639">
        <v>0</v>
      </c>
      <c r="AK4639">
        <v>0</v>
      </c>
      <c r="AL4639">
        <v>0</v>
      </c>
      <c r="AM4639">
        <v>0</v>
      </c>
      <c r="AN4639">
        <v>0</v>
      </c>
      <c r="AO4639">
        <v>0</v>
      </c>
      <c r="AP4639">
        <v>0</v>
      </c>
      <c r="AQ4639">
        <v>0</v>
      </c>
    </row>
    <row r="4640" spans="1:43">
      <c r="A4640" t="s">
        <v>2908</v>
      </c>
      <c r="B4640" t="s">
        <v>2909</v>
      </c>
      <c r="C4640" t="s">
        <v>2898</v>
      </c>
      <c r="D4640" t="s">
        <v>2899</v>
      </c>
      <c r="E4640" t="s">
        <v>2870</v>
      </c>
      <c r="F4640" t="s">
        <v>2871</v>
      </c>
      <c r="G4640" t="s">
        <v>80</v>
      </c>
      <c r="H4640" t="s">
        <v>81</v>
      </c>
      <c r="I4640" s="2">
        <v>0</v>
      </c>
      <c r="J4640" s="2">
        <v>0</v>
      </c>
      <c r="K4640" s="2">
        <v>0</v>
      </c>
      <c r="L4640" t="s">
        <v>120</v>
      </c>
      <c r="M4640" t="s">
        <v>89</v>
      </c>
      <c r="N4640" t="s">
        <v>90</v>
      </c>
      <c r="O4640" t="s">
        <v>85</v>
      </c>
      <c r="P4640" t="s">
        <v>86</v>
      </c>
      <c r="Q4640">
        <v>0</v>
      </c>
      <c r="R4640">
        <v>0</v>
      </c>
      <c r="S4640">
        <v>0</v>
      </c>
      <c r="T4640">
        <v>0</v>
      </c>
      <c r="U4640">
        <v>0</v>
      </c>
      <c r="V4640">
        <v>0</v>
      </c>
      <c r="W4640">
        <v>0</v>
      </c>
      <c r="X4640">
        <v>0</v>
      </c>
      <c r="Y4640">
        <v>0</v>
      </c>
      <c r="Z4640">
        <v>0</v>
      </c>
      <c r="AA4640">
        <v>0</v>
      </c>
      <c r="AB4640">
        <v>0</v>
      </c>
      <c r="AC4640">
        <v>0</v>
      </c>
      <c r="AD4640">
        <v>0</v>
      </c>
      <c r="AE4640">
        <v>0</v>
      </c>
      <c r="AF4640">
        <v>0</v>
      </c>
      <c r="AG4640">
        <v>0</v>
      </c>
      <c r="AH4640">
        <v>0</v>
      </c>
      <c r="AI4640">
        <v>0</v>
      </c>
      <c r="AJ4640">
        <v>0</v>
      </c>
      <c r="AK4640">
        <v>0</v>
      </c>
      <c r="AL4640">
        <v>0</v>
      </c>
      <c r="AM4640">
        <v>0</v>
      </c>
      <c r="AN4640">
        <v>0</v>
      </c>
      <c r="AO4640">
        <v>0</v>
      </c>
      <c r="AP4640">
        <v>0</v>
      </c>
      <c r="AQ4640">
        <v>0</v>
      </c>
    </row>
    <row r="4641" spans="1:43">
      <c r="A4641" t="s">
        <v>2908</v>
      </c>
      <c r="B4641" t="s">
        <v>2909</v>
      </c>
      <c r="C4641" t="s">
        <v>2898</v>
      </c>
      <c r="D4641" t="s">
        <v>2899</v>
      </c>
      <c r="E4641" t="s">
        <v>2870</v>
      </c>
      <c r="F4641" t="s">
        <v>2871</v>
      </c>
      <c r="G4641" t="s">
        <v>80</v>
      </c>
      <c r="H4641" t="s">
        <v>81</v>
      </c>
      <c r="I4641" s="2">
        <v>0</v>
      </c>
      <c r="J4641" s="2">
        <v>0</v>
      </c>
      <c r="K4641" s="2">
        <v>0</v>
      </c>
      <c r="L4641" t="s">
        <v>120</v>
      </c>
      <c r="M4641" t="s">
        <v>83</v>
      </c>
      <c r="N4641" t="s">
        <v>91</v>
      </c>
      <c r="O4641" t="s">
        <v>85</v>
      </c>
      <c r="P4641" t="s">
        <v>86</v>
      </c>
      <c r="Q4641">
        <v>0</v>
      </c>
      <c r="R4641">
        <v>0</v>
      </c>
      <c r="S4641">
        <v>0</v>
      </c>
      <c r="T4641">
        <v>0</v>
      </c>
      <c r="U4641">
        <v>0</v>
      </c>
      <c r="V4641">
        <v>0</v>
      </c>
      <c r="W4641">
        <v>0</v>
      </c>
      <c r="X4641">
        <v>0</v>
      </c>
      <c r="Y4641">
        <v>0</v>
      </c>
      <c r="Z4641">
        <v>0</v>
      </c>
      <c r="AA4641">
        <v>0</v>
      </c>
      <c r="AB4641">
        <v>0</v>
      </c>
      <c r="AC4641">
        <v>0</v>
      </c>
      <c r="AD4641">
        <v>0</v>
      </c>
      <c r="AE4641">
        <v>0</v>
      </c>
      <c r="AF4641">
        <v>0</v>
      </c>
      <c r="AG4641">
        <v>0</v>
      </c>
      <c r="AH4641">
        <v>0</v>
      </c>
      <c r="AI4641">
        <v>0</v>
      </c>
      <c r="AJ4641">
        <v>0</v>
      </c>
      <c r="AK4641">
        <v>0</v>
      </c>
      <c r="AL4641">
        <v>0</v>
      </c>
      <c r="AM4641">
        <v>0</v>
      </c>
      <c r="AN4641">
        <v>0</v>
      </c>
      <c r="AO4641">
        <v>0</v>
      </c>
      <c r="AP4641">
        <v>0</v>
      </c>
      <c r="AQ4641">
        <v>0</v>
      </c>
    </row>
    <row r="4642" spans="1:43">
      <c r="A4642" t="s">
        <v>2910</v>
      </c>
      <c r="B4642" t="s">
        <v>2911</v>
      </c>
      <c r="C4642" t="s">
        <v>2912</v>
      </c>
      <c r="D4642" t="s">
        <v>2913</v>
      </c>
      <c r="E4642" t="s">
        <v>2870</v>
      </c>
      <c r="F4642" t="s">
        <v>2871</v>
      </c>
      <c r="G4642" t="s">
        <v>80</v>
      </c>
      <c r="H4642" t="s">
        <v>81</v>
      </c>
      <c r="I4642" s="2">
        <v>0.11</v>
      </c>
      <c r="J4642" s="2">
        <v>0</v>
      </c>
      <c r="K4642" s="2">
        <v>0</v>
      </c>
      <c r="L4642" t="s">
        <v>120</v>
      </c>
      <c r="M4642" t="s">
        <v>83</v>
      </c>
      <c r="N4642" t="s">
        <v>84</v>
      </c>
      <c r="O4642" t="s">
        <v>85</v>
      </c>
      <c r="P4642" t="s">
        <v>86</v>
      </c>
      <c r="Q4642">
        <v>3</v>
      </c>
      <c r="R4642">
        <v>3</v>
      </c>
      <c r="S4642">
        <v>3</v>
      </c>
      <c r="T4642">
        <v>3</v>
      </c>
      <c r="U4642">
        <v>3</v>
      </c>
      <c r="V4642">
        <v>3</v>
      </c>
      <c r="W4642">
        <v>3</v>
      </c>
      <c r="X4642">
        <v>3</v>
      </c>
      <c r="Y4642">
        <v>3</v>
      </c>
      <c r="Z4642">
        <v>3</v>
      </c>
      <c r="AA4642">
        <v>3</v>
      </c>
      <c r="AB4642">
        <v>3</v>
      </c>
      <c r="AC4642">
        <v>3</v>
      </c>
      <c r="AD4642">
        <v>3</v>
      </c>
      <c r="AE4642">
        <v>3</v>
      </c>
      <c r="AF4642">
        <v>3</v>
      </c>
      <c r="AG4642">
        <v>3</v>
      </c>
      <c r="AH4642">
        <v>3</v>
      </c>
      <c r="AI4642">
        <v>3</v>
      </c>
      <c r="AJ4642">
        <v>3</v>
      </c>
      <c r="AK4642">
        <v>3</v>
      </c>
      <c r="AL4642">
        <v>3</v>
      </c>
      <c r="AM4642">
        <v>3</v>
      </c>
      <c r="AN4642">
        <v>3</v>
      </c>
      <c r="AO4642">
        <v>3</v>
      </c>
      <c r="AP4642">
        <v>3</v>
      </c>
      <c r="AQ4642">
        <v>3</v>
      </c>
    </row>
    <row r="4643" spans="1:43">
      <c r="A4643" t="s">
        <v>2910</v>
      </c>
      <c r="B4643" t="s">
        <v>2911</v>
      </c>
      <c r="C4643" t="s">
        <v>2912</v>
      </c>
      <c r="D4643" t="s">
        <v>2913</v>
      </c>
      <c r="E4643" t="s">
        <v>2870</v>
      </c>
      <c r="F4643" t="s">
        <v>2871</v>
      </c>
      <c r="G4643" t="s">
        <v>80</v>
      </c>
      <c r="H4643" t="s">
        <v>81</v>
      </c>
      <c r="I4643" s="2">
        <v>0.11</v>
      </c>
      <c r="J4643" s="2">
        <v>0</v>
      </c>
      <c r="K4643" s="2">
        <v>0</v>
      </c>
      <c r="L4643" t="s">
        <v>120</v>
      </c>
      <c r="M4643" t="s">
        <v>87</v>
      </c>
      <c r="N4643" t="s">
        <v>88</v>
      </c>
      <c r="O4643" t="s">
        <v>85</v>
      </c>
      <c r="P4643" t="s">
        <v>86</v>
      </c>
      <c r="Q4643">
        <v>3</v>
      </c>
      <c r="R4643">
        <v>3</v>
      </c>
      <c r="S4643">
        <v>3</v>
      </c>
      <c r="T4643">
        <v>3</v>
      </c>
      <c r="U4643">
        <v>3</v>
      </c>
      <c r="V4643">
        <v>3</v>
      </c>
      <c r="W4643">
        <v>3</v>
      </c>
      <c r="X4643">
        <v>3</v>
      </c>
      <c r="Y4643">
        <v>3</v>
      </c>
      <c r="Z4643">
        <v>3</v>
      </c>
      <c r="AA4643">
        <v>3</v>
      </c>
      <c r="AB4643">
        <v>3</v>
      </c>
      <c r="AC4643">
        <v>3</v>
      </c>
      <c r="AD4643">
        <v>3</v>
      </c>
      <c r="AE4643">
        <v>3</v>
      </c>
      <c r="AF4643">
        <v>3</v>
      </c>
      <c r="AG4643">
        <v>3</v>
      </c>
      <c r="AH4643">
        <v>3</v>
      </c>
      <c r="AI4643">
        <v>3</v>
      </c>
      <c r="AJ4643">
        <v>3</v>
      </c>
      <c r="AK4643">
        <v>3</v>
      </c>
      <c r="AL4643">
        <v>3</v>
      </c>
      <c r="AM4643">
        <v>2</v>
      </c>
      <c r="AN4643">
        <v>2</v>
      </c>
      <c r="AO4643">
        <v>2</v>
      </c>
      <c r="AP4643">
        <v>2</v>
      </c>
      <c r="AQ4643">
        <v>2</v>
      </c>
    </row>
    <row r="4644" spans="1:43">
      <c r="A4644" t="s">
        <v>2910</v>
      </c>
      <c r="B4644" t="s">
        <v>2911</v>
      </c>
      <c r="C4644" t="s">
        <v>2912</v>
      </c>
      <c r="D4644" t="s">
        <v>2913</v>
      </c>
      <c r="E4644" t="s">
        <v>2870</v>
      </c>
      <c r="F4644" t="s">
        <v>2871</v>
      </c>
      <c r="G4644" t="s">
        <v>80</v>
      </c>
      <c r="H4644" t="s">
        <v>81</v>
      </c>
      <c r="I4644" s="2">
        <v>0.11</v>
      </c>
      <c r="J4644" s="2">
        <v>0</v>
      </c>
      <c r="K4644" s="2">
        <v>0</v>
      </c>
      <c r="L4644" t="s">
        <v>120</v>
      </c>
      <c r="M4644" t="s">
        <v>89</v>
      </c>
      <c r="N4644" t="s">
        <v>90</v>
      </c>
      <c r="O4644" t="s">
        <v>85</v>
      </c>
      <c r="P4644" t="s">
        <v>86</v>
      </c>
      <c r="Q4644">
        <v>3</v>
      </c>
      <c r="R4644">
        <v>3</v>
      </c>
      <c r="S4644">
        <v>3</v>
      </c>
      <c r="T4644">
        <v>3</v>
      </c>
      <c r="U4644">
        <v>3</v>
      </c>
      <c r="V4644">
        <v>3</v>
      </c>
      <c r="W4644">
        <v>3</v>
      </c>
      <c r="X4644">
        <v>3</v>
      </c>
      <c r="Y4644">
        <v>3</v>
      </c>
      <c r="Z4644">
        <v>3</v>
      </c>
      <c r="AA4644">
        <v>3</v>
      </c>
      <c r="AB4644">
        <v>3</v>
      </c>
      <c r="AC4644">
        <v>3</v>
      </c>
      <c r="AD4644">
        <v>3</v>
      </c>
      <c r="AE4644">
        <v>3</v>
      </c>
      <c r="AF4644">
        <v>3</v>
      </c>
      <c r="AG4644">
        <v>3</v>
      </c>
      <c r="AH4644">
        <v>3</v>
      </c>
      <c r="AI4644">
        <v>3</v>
      </c>
      <c r="AJ4644">
        <v>3</v>
      </c>
      <c r="AK4644">
        <v>3</v>
      </c>
      <c r="AL4644">
        <v>3</v>
      </c>
      <c r="AM4644">
        <v>3</v>
      </c>
      <c r="AN4644">
        <v>3</v>
      </c>
      <c r="AO4644">
        <v>3</v>
      </c>
      <c r="AP4644">
        <v>3</v>
      </c>
      <c r="AQ4644">
        <v>3</v>
      </c>
    </row>
    <row r="4645" spans="1:43">
      <c r="A4645" t="s">
        <v>2910</v>
      </c>
      <c r="B4645" t="s">
        <v>2911</v>
      </c>
      <c r="C4645" t="s">
        <v>2912</v>
      </c>
      <c r="D4645" t="s">
        <v>2913</v>
      </c>
      <c r="E4645" t="s">
        <v>2870</v>
      </c>
      <c r="F4645" t="s">
        <v>2871</v>
      </c>
      <c r="G4645" t="s">
        <v>80</v>
      </c>
      <c r="H4645" t="s">
        <v>81</v>
      </c>
      <c r="I4645" s="2">
        <v>0.11</v>
      </c>
      <c r="J4645" s="2">
        <v>0</v>
      </c>
      <c r="K4645" s="2">
        <v>0</v>
      </c>
      <c r="L4645" t="s">
        <v>120</v>
      </c>
      <c r="M4645" t="s">
        <v>83</v>
      </c>
      <c r="N4645" t="s">
        <v>91</v>
      </c>
      <c r="O4645" t="s">
        <v>85</v>
      </c>
      <c r="P4645" t="s">
        <v>86</v>
      </c>
      <c r="Q4645">
        <v>3</v>
      </c>
      <c r="R4645">
        <v>3</v>
      </c>
      <c r="S4645">
        <v>3</v>
      </c>
      <c r="T4645">
        <v>3</v>
      </c>
      <c r="U4645">
        <v>3</v>
      </c>
      <c r="V4645">
        <v>3</v>
      </c>
      <c r="W4645">
        <v>3</v>
      </c>
      <c r="X4645">
        <v>3</v>
      </c>
      <c r="Y4645">
        <v>3</v>
      </c>
      <c r="Z4645">
        <v>3</v>
      </c>
      <c r="AA4645">
        <v>3</v>
      </c>
      <c r="AB4645">
        <v>3</v>
      </c>
      <c r="AC4645">
        <v>3</v>
      </c>
      <c r="AD4645">
        <v>3</v>
      </c>
      <c r="AE4645">
        <v>3</v>
      </c>
      <c r="AF4645">
        <v>3</v>
      </c>
      <c r="AG4645">
        <v>3</v>
      </c>
      <c r="AH4645">
        <v>3</v>
      </c>
      <c r="AI4645">
        <v>3</v>
      </c>
      <c r="AJ4645">
        <v>3</v>
      </c>
      <c r="AK4645">
        <v>3</v>
      </c>
      <c r="AL4645">
        <v>3</v>
      </c>
      <c r="AM4645">
        <v>3</v>
      </c>
      <c r="AN4645">
        <v>3</v>
      </c>
      <c r="AO4645">
        <v>3</v>
      </c>
      <c r="AP4645">
        <v>3</v>
      </c>
      <c r="AQ4645">
        <v>3</v>
      </c>
    </row>
    <row r="4646" spans="1:43">
      <c r="A4646" t="s">
        <v>2914</v>
      </c>
      <c r="B4646" t="s">
        <v>2915</v>
      </c>
      <c r="C4646" t="s">
        <v>2916</v>
      </c>
      <c r="D4646" t="s">
        <v>2917</v>
      </c>
      <c r="E4646" t="s">
        <v>2870</v>
      </c>
      <c r="F4646" t="s">
        <v>2871</v>
      </c>
      <c r="G4646" t="s">
        <v>80</v>
      </c>
      <c r="H4646" t="s">
        <v>81</v>
      </c>
      <c r="I4646" s="2">
        <v>0.28999999999999998</v>
      </c>
      <c r="J4646" s="2">
        <v>0</v>
      </c>
      <c r="K4646" s="2">
        <v>0</v>
      </c>
      <c r="L4646" t="s">
        <v>120</v>
      </c>
      <c r="M4646" t="s">
        <v>83</v>
      </c>
      <c r="N4646" t="s">
        <v>84</v>
      </c>
      <c r="O4646" t="s">
        <v>85</v>
      </c>
      <c r="P4646" t="s">
        <v>86</v>
      </c>
      <c r="Q4646">
        <v>8</v>
      </c>
      <c r="R4646">
        <v>8</v>
      </c>
      <c r="S4646">
        <v>8</v>
      </c>
      <c r="T4646">
        <v>8</v>
      </c>
      <c r="U4646">
        <v>8</v>
      </c>
      <c r="V4646">
        <v>8</v>
      </c>
      <c r="W4646">
        <v>8</v>
      </c>
      <c r="X4646">
        <v>8</v>
      </c>
      <c r="Y4646">
        <v>8</v>
      </c>
      <c r="Z4646">
        <v>8</v>
      </c>
      <c r="AA4646">
        <v>8</v>
      </c>
      <c r="AB4646">
        <v>8</v>
      </c>
      <c r="AC4646">
        <v>8</v>
      </c>
      <c r="AD4646">
        <v>8</v>
      </c>
      <c r="AE4646">
        <v>8</v>
      </c>
      <c r="AF4646">
        <v>8</v>
      </c>
      <c r="AG4646">
        <v>8</v>
      </c>
      <c r="AH4646">
        <v>8</v>
      </c>
      <c r="AI4646">
        <v>8</v>
      </c>
      <c r="AJ4646">
        <v>8</v>
      </c>
      <c r="AK4646">
        <v>8</v>
      </c>
      <c r="AL4646">
        <v>8</v>
      </c>
      <c r="AM4646">
        <v>8</v>
      </c>
      <c r="AN4646">
        <v>8</v>
      </c>
      <c r="AO4646">
        <v>8</v>
      </c>
      <c r="AP4646">
        <v>8</v>
      </c>
      <c r="AQ4646">
        <v>8</v>
      </c>
    </row>
    <row r="4647" spans="1:43">
      <c r="A4647" t="s">
        <v>2914</v>
      </c>
      <c r="B4647" t="s">
        <v>2915</v>
      </c>
      <c r="C4647" t="s">
        <v>2916</v>
      </c>
      <c r="D4647" t="s">
        <v>2917</v>
      </c>
      <c r="E4647" t="s">
        <v>2870</v>
      </c>
      <c r="F4647" t="s">
        <v>2871</v>
      </c>
      <c r="G4647" t="s">
        <v>80</v>
      </c>
      <c r="H4647" t="s">
        <v>81</v>
      </c>
      <c r="I4647" s="2">
        <v>0.28999999999999998</v>
      </c>
      <c r="J4647" s="2">
        <v>0</v>
      </c>
      <c r="K4647" s="2">
        <v>0</v>
      </c>
      <c r="L4647" t="s">
        <v>120</v>
      </c>
      <c r="M4647" t="s">
        <v>87</v>
      </c>
      <c r="N4647" t="s">
        <v>88</v>
      </c>
      <c r="O4647" t="s">
        <v>85</v>
      </c>
      <c r="P4647" t="s">
        <v>86</v>
      </c>
      <c r="Q4647">
        <v>8</v>
      </c>
      <c r="R4647">
        <v>8</v>
      </c>
      <c r="S4647">
        <v>8</v>
      </c>
      <c r="T4647">
        <v>8</v>
      </c>
      <c r="U4647">
        <v>8</v>
      </c>
      <c r="V4647">
        <v>8</v>
      </c>
      <c r="W4647">
        <v>8</v>
      </c>
      <c r="X4647">
        <v>8</v>
      </c>
      <c r="Y4647">
        <v>8</v>
      </c>
      <c r="Z4647">
        <v>7</v>
      </c>
      <c r="AA4647">
        <v>7</v>
      </c>
      <c r="AB4647">
        <v>7</v>
      </c>
      <c r="AC4647">
        <v>7</v>
      </c>
      <c r="AD4647">
        <v>7</v>
      </c>
      <c r="AE4647">
        <v>7</v>
      </c>
      <c r="AF4647">
        <v>7</v>
      </c>
      <c r="AG4647">
        <v>7</v>
      </c>
      <c r="AH4647">
        <v>7</v>
      </c>
      <c r="AI4647">
        <v>7</v>
      </c>
      <c r="AJ4647">
        <v>7</v>
      </c>
      <c r="AK4647">
        <v>7</v>
      </c>
      <c r="AL4647">
        <v>7</v>
      </c>
      <c r="AM4647">
        <v>7</v>
      </c>
      <c r="AN4647">
        <v>7</v>
      </c>
      <c r="AO4647">
        <v>7</v>
      </c>
      <c r="AP4647">
        <v>7</v>
      </c>
      <c r="AQ4647">
        <v>7</v>
      </c>
    </row>
    <row r="4648" spans="1:43">
      <c r="A4648" t="s">
        <v>2914</v>
      </c>
      <c r="B4648" t="s">
        <v>2915</v>
      </c>
      <c r="C4648" t="s">
        <v>2916</v>
      </c>
      <c r="D4648" t="s">
        <v>2917</v>
      </c>
      <c r="E4648" t="s">
        <v>2870</v>
      </c>
      <c r="F4648" t="s">
        <v>2871</v>
      </c>
      <c r="G4648" t="s">
        <v>80</v>
      </c>
      <c r="H4648" t="s">
        <v>81</v>
      </c>
      <c r="I4648" s="2">
        <v>0.28999999999999998</v>
      </c>
      <c r="J4648" s="2">
        <v>0</v>
      </c>
      <c r="K4648" s="2">
        <v>0</v>
      </c>
      <c r="L4648" t="s">
        <v>120</v>
      </c>
      <c r="M4648" t="s">
        <v>89</v>
      </c>
      <c r="N4648" t="s">
        <v>90</v>
      </c>
      <c r="O4648" t="s">
        <v>85</v>
      </c>
      <c r="P4648" t="s">
        <v>86</v>
      </c>
      <c r="Q4648">
        <v>8</v>
      </c>
      <c r="R4648">
        <v>8</v>
      </c>
      <c r="S4648">
        <v>8</v>
      </c>
      <c r="T4648">
        <v>8</v>
      </c>
      <c r="U4648">
        <v>8</v>
      </c>
      <c r="V4648">
        <v>8</v>
      </c>
      <c r="W4648">
        <v>8</v>
      </c>
      <c r="X4648">
        <v>9</v>
      </c>
      <c r="Y4648">
        <v>9</v>
      </c>
      <c r="Z4648">
        <v>9</v>
      </c>
      <c r="AA4648">
        <v>9</v>
      </c>
      <c r="AB4648">
        <v>9</v>
      </c>
      <c r="AC4648">
        <v>9</v>
      </c>
      <c r="AD4648">
        <v>9</v>
      </c>
      <c r="AE4648">
        <v>9</v>
      </c>
      <c r="AF4648">
        <v>9</v>
      </c>
      <c r="AG4648">
        <v>9</v>
      </c>
      <c r="AH4648">
        <v>9</v>
      </c>
      <c r="AI4648">
        <v>9</v>
      </c>
      <c r="AJ4648">
        <v>9</v>
      </c>
      <c r="AK4648">
        <v>8</v>
      </c>
      <c r="AL4648">
        <v>8</v>
      </c>
      <c r="AM4648">
        <v>8</v>
      </c>
      <c r="AN4648">
        <v>8</v>
      </c>
      <c r="AO4648">
        <v>8</v>
      </c>
      <c r="AP4648">
        <v>8</v>
      </c>
      <c r="AQ4648">
        <v>8</v>
      </c>
    </row>
    <row r="4649" spans="1:43">
      <c r="A4649" t="s">
        <v>2914</v>
      </c>
      <c r="B4649" t="s">
        <v>2915</v>
      </c>
      <c r="C4649" t="s">
        <v>2916</v>
      </c>
      <c r="D4649" t="s">
        <v>2917</v>
      </c>
      <c r="E4649" t="s">
        <v>2870</v>
      </c>
      <c r="F4649" t="s">
        <v>2871</v>
      </c>
      <c r="G4649" t="s">
        <v>80</v>
      </c>
      <c r="H4649" t="s">
        <v>81</v>
      </c>
      <c r="I4649" s="2">
        <v>0.28999999999999998</v>
      </c>
      <c r="J4649" s="2">
        <v>0</v>
      </c>
      <c r="K4649" s="2">
        <v>0</v>
      </c>
      <c r="L4649" t="s">
        <v>120</v>
      </c>
      <c r="M4649" t="s">
        <v>83</v>
      </c>
      <c r="N4649" t="s">
        <v>91</v>
      </c>
      <c r="O4649" t="s">
        <v>85</v>
      </c>
      <c r="P4649" t="s">
        <v>86</v>
      </c>
      <c r="Q4649">
        <v>8</v>
      </c>
      <c r="R4649">
        <v>8</v>
      </c>
      <c r="S4649">
        <v>8</v>
      </c>
      <c r="T4649">
        <v>8</v>
      </c>
      <c r="U4649">
        <v>8</v>
      </c>
      <c r="V4649">
        <v>8</v>
      </c>
      <c r="W4649">
        <v>8</v>
      </c>
      <c r="X4649">
        <v>8</v>
      </c>
      <c r="Y4649">
        <v>8</v>
      </c>
      <c r="Z4649">
        <v>8</v>
      </c>
      <c r="AA4649">
        <v>8</v>
      </c>
      <c r="AB4649">
        <v>8</v>
      </c>
      <c r="AC4649">
        <v>8</v>
      </c>
      <c r="AD4649">
        <v>8</v>
      </c>
      <c r="AE4649">
        <v>8</v>
      </c>
      <c r="AF4649">
        <v>8</v>
      </c>
      <c r="AG4649">
        <v>8</v>
      </c>
      <c r="AH4649">
        <v>8</v>
      </c>
      <c r="AI4649">
        <v>8</v>
      </c>
      <c r="AJ4649">
        <v>8</v>
      </c>
      <c r="AK4649">
        <v>8</v>
      </c>
      <c r="AL4649">
        <v>8</v>
      </c>
      <c r="AM4649">
        <v>8</v>
      </c>
      <c r="AN4649">
        <v>8</v>
      </c>
      <c r="AO4649">
        <v>8</v>
      </c>
      <c r="AP4649">
        <v>8</v>
      </c>
      <c r="AQ4649">
        <v>8</v>
      </c>
    </row>
    <row r="4650" spans="1:43">
      <c r="A4650" t="s">
        <v>2918</v>
      </c>
      <c r="B4650" t="s">
        <v>2919</v>
      </c>
      <c r="C4650" t="s">
        <v>2916</v>
      </c>
      <c r="D4650" t="s">
        <v>2917</v>
      </c>
      <c r="E4650" t="s">
        <v>2870</v>
      </c>
      <c r="F4650" t="s">
        <v>2871</v>
      </c>
      <c r="G4650" t="s">
        <v>80</v>
      </c>
      <c r="H4650" t="s">
        <v>81</v>
      </c>
      <c r="I4650" s="2">
        <v>0</v>
      </c>
      <c r="J4650" s="2">
        <v>0</v>
      </c>
      <c r="K4650" s="2">
        <v>0</v>
      </c>
      <c r="L4650" t="s">
        <v>120</v>
      </c>
      <c r="M4650" t="s">
        <v>83</v>
      </c>
      <c r="N4650" t="s">
        <v>84</v>
      </c>
      <c r="O4650" t="s">
        <v>85</v>
      </c>
      <c r="P4650" t="s">
        <v>86</v>
      </c>
      <c r="Q4650">
        <v>0</v>
      </c>
      <c r="R4650">
        <v>0</v>
      </c>
      <c r="S4650">
        <v>0</v>
      </c>
      <c r="T4650">
        <v>0</v>
      </c>
      <c r="U4650">
        <v>0</v>
      </c>
      <c r="V4650">
        <v>0</v>
      </c>
      <c r="W4650">
        <v>0</v>
      </c>
      <c r="X4650">
        <v>0</v>
      </c>
      <c r="Y4650">
        <v>0</v>
      </c>
      <c r="Z4650">
        <v>0</v>
      </c>
      <c r="AA4650">
        <v>0</v>
      </c>
      <c r="AB4650">
        <v>0</v>
      </c>
      <c r="AC4650">
        <v>0</v>
      </c>
      <c r="AD4650">
        <v>0</v>
      </c>
      <c r="AE4650">
        <v>0</v>
      </c>
      <c r="AF4650">
        <v>0</v>
      </c>
      <c r="AG4650">
        <v>0</v>
      </c>
      <c r="AH4650">
        <v>0</v>
      </c>
      <c r="AI4650">
        <v>0</v>
      </c>
      <c r="AJ4650">
        <v>0</v>
      </c>
      <c r="AK4650">
        <v>0</v>
      </c>
      <c r="AL4650">
        <v>0</v>
      </c>
      <c r="AM4650">
        <v>0</v>
      </c>
      <c r="AN4650">
        <v>0</v>
      </c>
      <c r="AO4650">
        <v>0</v>
      </c>
      <c r="AP4650">
        <v>0</v>
      </c>
      <c r="AQ4650">
        <v>0</v>
      </c>
    </row>
    <row r="4651" spans="1:43">
      <c r="A4651" t="s">
        <v>2918</v>
      </c>
      <c r="B4651" t="s">
        <v>2919</v>
      </c>
      <c r="C4651" t="s">
        <v>2916</v>
      </c>
      <c r="D4651" t="s">
        <v>2917</v>
      </c>
      <c r="E4651" t="s">
        <v>2870</v>
      </c>
      <c r="F4651" t="s">
        <v>2871</v>
      </c>
      <c r="G4651" t="s">
        <v>80</v>
      </c>
      <c r="H4651" t="s">
        <v>81</v>
      </c>
      <c r="I4651" s="2">
        <v>0</v>
      </c>
      <c r="J4651" s="2">
        <v>0</v>
      </c>
      <c r="K4651" s="2">
        <v>0</v>
      </c>
      <c r="L4651" t="s">
        <v>120</v>
      </c>
      <c r="M4651" t="s">
        <v>87</v>
      </c>
      <c r="N4651" t="s">
        <v>88</v>
      </c>
      <c r="O4651" t="s">
        <v>85</v>
      </c>
      <c r="P4651" t="s">
        <v>86</v>
      </c>
      <c r="Q4651">
        <v>0</v>
      </c>
      <c r="R4651">
        <v>0</v>
      </c>
      <c r="S4651">
        <v>0</v>
      </c>
      <c r="T4651">
        <v>0</v>
      </c>
      <c r="U4651">
        <v>0</v>
      </c>
      <c r="V4651">
        <v>0</v>
      </c>
      <c r="W4651">
        <v>0</v>
      </c>
      <c r="X4651">
        <v>0</v>
      </c>
      <c r="Y4651">
        <v>0</v>
      </c>
      <c r="Z4651">
        <v>0</v>
      </c>
      <c r="AA4651">
        <v>0</v>
      </c>
      <c r="AB4651">
        <v>0</v>
      </c>
      <c r="AC4651">
        <v>0</v>
      </c>
      <c r="AD4651">
        <v>0</v>
      </c>
      <c r="AE4651">
        <v>0</v>
      </c>
      <c r="AF4651">
        <v>0</v>
      </c>
      <c r="AG4651">
        <v>0</v>
      </c>
      <c r="AH4651">
        <v>0</v>
      </c>
      <c r="AI4651">
        <v>0</v>
      </c>
      <c r="AJ4651">
        <v>0</v>
      </c>
      <c r="AK4651">
        <v>0</v>
      </c>
      <c r="AL4651">
        <v>0</v>
      </c>
      <c r="AM4651">
        <v>0</v>
      </c>
      <c r="AN4651">
        <v>0</v>
      </c>
      <c r="AO4651">
        <v>0</v>
      </c>
      <c r="AP4651">
        <v>0</v>
      </c>
      <c r="AQ4651">
        <v>0</v>
      </c>
    </row>
    <row r="4652" spans="1:43">
      <c r="A4652" t="s">
        <v>2918</v>
      </c>
      <c r="B4652" t="s">
        <v>2919</v>
      </c>
      <c r="C4652" t="s">
        <v>2916</v>
      </c>
      <c r="D4652" t="s">
        <v>2917</v>
      </c>
      <c r="E4652" t="s">
        <v>2870</v>
      </c>
      <c r="F4652" t="s">
        <v>2871</v>
      </c>
      <c r="G4652" t="s">
        <v>80</v>
      </c>
      <c r="H4652" t="s">
        <v>81</v>
      </c>
      <c r="I4652" s="2">
        <v>0</v>
      </c>
      <c r="J4652" s="2">
        <v>0</v>
      </c>
      <c r="K4652" s="2">
        <v>0</v>
      </c>
      <c r="L4652" t="s">
        <v>120</v>
      </c>
      <c r="M4652" t="s">
        <v>89</v>
      </c>
      <c r="N4652" t="s">
        <v>90</v>
      </c>
      <c r="O4652" t="s">
        <v>85</v>
      </c>
      <c r="P4652" t="s">
        <v>86</v>
      </c>
      <c r="Q4652">
        <v>0</v>
      </c>
      <c r="R4652">
        <v>0</v>
      </c>
      <c r="S4652">
        <v>0</v>
      </c>
      <c r="T4652">
        <v>0</v>
      </c>
      <c r="U4652">
        <v>0</v>
      </c>
      <c r="V4652">
        <v>0</v>
      </c>
      <c r="W4652">
        <v>0</v>
      </c>
      <c r="X4652">
        <v>0</v>
      </c>
      <c r="Y4652">
        <v>0</v>
      </c>
      <c r="Z4652">
        <v>0</v>
      </c>
      <c r="AA4652">
        <v>0</v>
      </c>
      <c r="AB4652">
        <v>0</v>
      </c>
      <c r="AC4652">
        <v>0</v>
      </c>
      <c r="AD4652">
        <v>0</v>
      </c>
      <c r="AE4652">
        <v>0</v>
      </c>
      <c r="AF4652">
        <v>0</v>
      </c>
      <c r="AG4652">
        <v>0</v>
      </c>
      <c r="AH4652">
        <v>0</v>
      </c>
      <c r="AI4652">
        <v>0</v>
      </c>
      <c r="AJ4652">
        <v>0</v>
      </c>
      <c r="AK4652">
        <v>0</v>
      </c>
      <c r="AL4652">
        <v>0</v>
      </c>
      <c r="AM4652">
        <v>0</v>
      </c>
      <c r="AN4652">
        <v>0</v>
      </c>
      <c r="AO4652">
        <v>0</v>
      </c>
      <c r="AP4652">
        <v>0</v>
      </c>
      <c r="AQ4652">
        <v>0</v>
      </c>
    </row>
    <row r="4653" spans="1:43">
      <c r="A4653" t="s">
        <v>2918</v>
      </c>
      <c r="B4653" t="s">
        <v>2919</v>
      </c>
      <c r="C4653" t="s">
        <v>2916</v>
      </c>
      <c r="D4653" t="s">
        <v>2917</v>
      </c>
      <c r="E4653" t="s">
        <v>2870</v>
      </c>
      <c r="F4653" t="s">
        <v>2871</v>
      </c>
      <c r="G4653" t="s">
        <v>80</v>
      </c>
      <c r="H4653" t="s">
        <v>81</v>
      </c>
      <c r="I4653" s="2">
        <v>0</v>
      </c>
      <c r="J4653" s="2">
        <v>0</v>
      </c>
      <c r="K4653" s="2">
        <v>0</v>
      </c>
      <c r="L4653" t="s">
        <v>120</v>
      </c>
      <c r="M4653" t="s">
        <v>83</v>
      </c>
      <c r="N4653" t="s">
        <v>91</v>
      </c>
      <c r="O4653" t="s">
        <v>85</v>
      </c>
      <c r="P4653" t="s">
        <v>86</v>
      </c>
      <c r="Q4653">
        <v>0</v>
      </c>
      <c r="R4653">
        <v>0</v>
      </c>
      <c r="S4653">
        <v>0</v>
      </c>
      <c r="T4653">
        <v>0</v>
      </c>
      <c r="U4653">
        <v>0</v>
      </c>
      <c r="V4653">
        <v>0</v>
      </c>
      <c r="W4653">
        <v>0</v>
      </c>
      <c r="X4653">
        <v>0</v>
      </c>
      <c r="Y4653">
        <v>0</v>
      </c>
      <c r="Z4653">
        <v>0</v>
      </c>
      <c r="AA4653">
        <v>0</v>
      </c>
      <c r="AB4653">
        <v>0</v>
      </c>
      <c r="AC4653">
        <v>0</v>
      </c>
      <c r="AD4653">
        <v>0</v>
      </c>
      <c r="AE4653">
        <v>0</v>
      </c>
      <c r="AF4653">
        <v>0</v>
      </c>
      <c r="AG4653">
        <v>0</v>
      </c>
      <c r="AH4653">
        <v>0</v>
      </c>
      <c r="AI4653">
        <v>0</v>
      </c>
      <c r="AJ4653">
        <v>0</v>
      </c>
      <c r="AK4653">
        <v>0</v>
      </c>
      <c r="AL4653">
        <v>0</v>
      </c>
      <c r="AM4653">
        <v>0</v>
      </c>
      <c r="AN4653">
        <v>0</v>
      </c>
      <c r="AO4653">
        <v>0</v>
      </c>
      <c r="AP4653">
        <v>0</v>
      </c>
      <c r="AQ4653">
        <v>0</v>
      </c>
    </row>
    <row r="4654" spans="1:43">
      <c r="A4654" t="s">
        <v>2920</v>
      </c>
      <c r="B4654" t="s">
        <v>2921</v>
      </c>
      <c r="C4654" t="s">
        <v>2922</v>
      </c>
      <c r="D4654" t="s">
        <v>2923</v>
      </c>
      <c r="E4654" t="s">
        <v>2870</v>
      </c>
      <c r="F4654" t="s">
        <v>2871</v>
      </c>
      <c r="G4654" t="s">
        <v>80</v>
      </c>
      <c r="H4654" t="s">
        <v>81</v>
      </c>
      <c r="I4654" s="2">
        <v>0</v>
      </c>
      <c r="J4654" s="2">
        <v>0</v>
      </c>
      <c r="K4654" s="2">
        <v>0</v>
      </c>
      <c r="L4654" t="s">
        <v>82</v>
      </c>
      <c r="M4654" t="s">
        <v>83</v>
      </c>
      <c r="N4654" t="s">
        <v>84</v>
      </c>
      <c r="O4654" t="s">
        <v>85</v>
      </c>
      <c r="P4654" t="s">
        <v>86</v>
      </c>
      <c r="Q4654">
        <v>0</v>
      </c>
      <c r="R4654">
        <v>0</v>
      </c>
      <c r="S4654">
        <v>0</v>
      </c>
      <c r="T4654">
        <v>0</v>
      </c>
      <c r="U4654">
        <v>0</v>
      </c>
      <c r="V4654">
        <v>0</v>
      </c>
      <c r="W4654">
        <v>0</v>
      </c>
      <c r="X4654">
        <v>0</v>
      </c>
      <c r="Y4654">
        <v>0</v>
      </c>
      <c r="Z4654">
        <v>0</v>
      </c>
      <c r="AA4654">
        <v>0</v>
      </c>
      <c r="AB4654">
        <v>0</v>
      </c>
      <c r="AC4654">
        <v>0</v>
      </c>
      <c r="AD4654">
        <v>0</v>
      </c>
      <c r="AE4654">
        <v>0</v>
      </c>
      <c r="AF4654">
        <v>0</v>
      </c>
      <c r="AG4654">
        <v>0</v>
      </c>
      <c r="AH4654">
        <v>0</v>
      </c>
      <c r="AI4654">
        <v>0</v>
      </c>
      <c r="AJ4654">
        <v>0</v>
      </c>
      <c r="AK4654">
        <v>0</v>
      </c>
      <c r="AL4654">
        <v>0</v>
      </c>
      <c r="AM4654">
        <v>0</v>
      </c>
      <c r="AN4654">
        <v>0</v>
      </c>
      <c r="AO4654">
        <v>0</v>
      </c>
      <c r="AP4654">
        <v>0</v>
      </c>
      <c r="AQ4654">
        <v>0</v>
      </c>
    </row>
    <row r="4655" spans="1:43">
      <c r="A4655" t="s">
        <v>2920</v>
      </c>
      <c r="B4655" t="s">
        <v>2921</v>
      </c>
      <c r="C4655" t="s">
        <v>2922</v>
      </c>
      <c r="D4655" t="s">
        <v>2923</v>
      </c>
      <c r="E4655" t="s">
        <v>2870</v>
      </c>
      <c r="F4655" t="s">
        <v>2871</v>
      </c>
      <c r="G4655" t="s">
        <v>80</v>
      </c>
      <c r="H4655" t="s">
        <v>81</v>
      </c>
      <c r="I4655" s="2">
        <v>0</v>
      </c>
      <c r="J4655" s="2">
        <v>0</v>
      </c>
      <c r="K4655" s="2">
        <v>0</v>
      </c>
      <c r="L4655" t="s">
        <v>82</v>
      </c>
      <c r="M4655" t="s">
        <v>87</v>
      </c>
      <c r="N4655" t="s">
        <v>88</v>
      </c>
      <c r="O4655" t="s">
        <v>85</v>
      </c>
      <c r="P4655" t="s">
        <v>86</v>
      </c>
      <c r="Q4655">
        <v>0</v>
      </c>
      <c r="R4655">
        <v>0</v>
      </c>
      <c r="S4655">
        <v>0</v>
      </c>
      <c r="T4655">
        <v>0</v>
      </c>
      <c r="U4655">
        <v>0</v>
      </c>
      <c r="V4655">
        <v>0</v>
      </c>
      <c r="W4655">
        <v>0</v>
      </c>
      <c r="X4655">
        <v>0</v>
      </c>
      <c r="Y4655">
        <v>0</v>
      </c>
      <c r="Z4655">
        <v>0</v>
      </c>
      <c r="AA4655">
        <v>0</v>
      </c>
      <c r="AB4655">
        <v>0</v>
      </c>
      <c r="AC4655">
        <v>0</v>
      </c>
      <c r="AD4655">
        <v>0</v>
      </c>
      <c r="AE4655">
        <v>0</v>
      </c>
      <c r="AF4655">
        <v>0</v>
      </c>
      <c r="AG4655">
        <v>0</v>
      </c>
      <c r="AH4655">
        <v>0</v>
      </c>
      <c r="AI4655">
        <v>0</v>
      </c>
      <c r="AJ4655">
        <v>0</v>
      </c>
      <c r="AK4655">
        <v>0</v>
      </c>
      <c r="AL4655">
        <v>0</v>
      </c>
      <c r="AM4655">
        <v>0</v>
      </c>
      <c r="AN4655">
        <v>0</v>
      </c>
      <c r="AO4655">
        <v>0</v>
      </c>
      <c r="AP4655">
        <v>0</v>
      </c>
      <c r="AQ4655">
        <v>0</v>
      </c>
    </row>
    <row r="4656" spans="1:43">
      <c r="A4656" t="s">
        <v>2920</v>
      </c>
      <c r="B4656" t="s">
        <v>2921</v>
      </c>
      <c r="C4656" t="s">
        <v>2922</v>
      </c>
      <c r="D4656" t="s">
        <v>2923</v>
      </c>
      <c r="E4656" t="s">
        <v>2870</v>
      </c>
      <c r="F4656" t="s">
        <v>2871</v>
      </c>
      <c r="G4656" t="s">
        <v>80</v>
      </c>
      <c r="H4656" t="s">
        <v>81</v>
      </c>
      <c r="I4656" s="2">
        <v>0</v>
      </c>
      <c r="J4656" s="2">
        <v>0</v>
      </c>
      <c r="K4656" s="2">
        <v>0</v>
      </c>
      <c r="L4656" t="s">
        <v>82</v>
      </c>
      <c r="M4656" t="s">
        <v>89</v>
      </c>
      <c r="N4656" t="s">
        <v>90</v>
      </c>
      <c r="O4656" t="s">
        <v>85</v>
      </c>
      <c r="P4656" t="s">
        <v>86</v>
      </c>
      <c r="Q4656">
        <v>0</v>
      </c>
      <c r="R4656">
        <v>0</v>
      </c>
      <c r="S4656">
        <v>0</v>
      </c>
      <c r="T4656">
        <v>0</v>
      </c>
      <c r="U4656">
        <v>0</v>
      </c>
      <c r="V4656">
        <v>0</v>
      </c>
      <c r="W4656">
        <v>0</v>
      </c>
      <c r="X4656">
        <v>0</v>
      </c>
      <c r="Y4656">
        <v>0</v>
      </c>
      <c r="Z4656">
        <v>0</v>
      </c>
      <c r="AA4656">
        <v>0</v>
      </c>
      <c r="AB4656">
        <v>0</v>
      </c>
      <c r="AC4656">
        <v>0</v>
      </c>
      <c r="AD4656">
        <v>0</v>
      </c>
      <c r="AE4656">
        <v>0</v>
      </c>
      <c r="AF4656">
        <v>0</v>
      </c>
      <c r="AG4656">
        <v>0</v>
      </c>
      <c r="AH4656">
        <v>0</v>
      </c>
      <c r="AI4656">
        <v>0</v>
      </c>
      <c r="AJ4656">
        <v>0</v>
      </c>
      <c r="AK4656">
        <v>0</v>
      </c>
      <c r="AL4656">
        <v>0</v>
      </c>
      <c r="AM4656">
        <v>0</v>
      </c>
      <c r="AN4656">
        <v>0</v>
      </c>
      <c r="AO4656">
        <v>0</v>
      </c>
      <c r="AP4656">
        <v>0</v>
      </c>
      <c r="AQ4656">
        <v>0</v>
      </c>
    </row>
    <row r="4657" spans="1:43">
      <c r="A4657" t="s">
        <v>2920</v>
      </c>
      <c r="B4657" t="s">
        <v>2921</v>
      </c>
      <c r="C4657" t="s">
        <v>2922</v>
      </c>
      <c r="D4657" t="s">
        <v>2923</v>
      </c>
      <c r="E4657" t="s">
        <v>2870</v>
      </c>
      <c r="F4657" t="s">
        <v>2871</v>
      </c>
      <c r="G4657" t="s">
        <v>80</v>
      </c>
      <c r="H4657" t="s">
        <v>81</v>
      </c>
      <c r="I4657" s="2">
        <v>0</v>
      </c>
      <c r="J4657" s="2">
        <v>0</v>
      </c>
      <c r="K4657" s="2">
        <v>0</v>
      </c>
      <c r="L4657" t="s">
        <v>82</v>
      </c>
      <c r="M4657" t="s">
        <v>83</v>
      </c>
      <c r="N4657" t="s">
        <v>91</v>
      </c>
      <c r="O4657" t="s">
        <v>85</v>
      </c>
      <c r="P4657" t="s">
        <v>86</v>
      </c>
      <c r="Q4657">
        <v>0</v>
      </c>
      <c r="R4657">
        <v>0</v>
      </c>
      <c r="S4657">
        <v>0</v>
      </c>
      <c r="T4657">
        <v>0</v>
      </c>
      <c r="U4657">
        <v>0</v>
      </c>
      <c r="V4657">
        <v>0</v>
      </c>
      <c r="W4657">
        <v>0</v>
      </c>
      <c r="X4657">
        <v>0</v>
      </c>
      <c r="Y4657">
        <v>0</v>
      </c>
      <c r="Z4657">
        <v>0</v>
      </c>
      <c r="AA4657">
        <v>0</v>
      </c>
      <c r="AB4657">
        <v>0</v>
      </c>
      <c r="AC4657">
        <v>0</v>
      </c>
      <c r="AD4657">
        <v>0</v>
      </c>
      <c r="AE4657">
        <v>0</v>
      </c>
      <c r="AF4657">
        <v>0</v>
      </c>
      <c r="AG4657">
        <v>0</v>
      </c>
      <c r="AH4657">
        <v>0</v>
      </c>
      <c r="AI4657">
        <v>0</v>
      </c>
      <c r="AJ4657">
        <v>0</v>
      </c>
      <c r="AK4657">
        <v>0</v>
      </c>
      <c r="AL4657">
        <v>0</v>
      </c>
      <c r="AM4657">
        <v>0</v>
      </c>
      <c r="AN4657">
        <v>0</v>
      </c>
      <c r="AO4657">
        <v>0</v>
      </c>
      <c r="AP4657">
        <v>0</v>
      </c>
      <c r="AQ4657">
        <v>0</v>
      </c>
    </row>
    <row r="4658" spans="1:43">
      <c r="A4658" t="s">
        <v>2924</v>
      </c>
      <c r="B4658" t="s">
        <v>2925</v>
      </c>
      <c r="C4658" t="s">
        <v>2926</v>
      </c>
      <c r="D4658" t="s">
        <v>2927</v>
      </c>
      <c r="E4658" t="s">
        <v>2928</v>
      </c>
      <c r="F4658" t="s">
        <v>2929</v>
      </c>
      <c r="G4658" t="s">
        <v>80</v>
      </c>
      <c r="H4658" t="s">
        <v>81</v>
      </c>
      <c r="I4658" s="2">
        <v>1</v>
      </c>
      <c r="J4658" s="2">
        <v>0</v>
      </c>
      <c r="K4658" s="2">
        <v>0</v>
      </c>
      <c r="L4658" t="s">
        <v>120</v>
      </c>
      <c r="M4658" t="s">
        <v>83</v>
      </c>
      <c r="N4658" t="s">
        <v>84</v>
      </c>
      <c r="O4658" t="s">
        <v>85</v>
      </c>
      <c r="P4658" t="s">
        <v>86</v>
      </c>
      <c r="Q4658">
        <v>15</v>
      </c>
      <c r="R4658">
        <v>15</v>
      </c>
      <c r="S4658">
        <v>15</v>
      </c>
      <c r="T4658">
        <v>15</v>
      </c>
      <c r="U4658">
        <v>15</v>
      </c>
      <c r="V4658">
        <v>15</v>
      </c>
      <c r="W4658">
        <v>15</v>
      </c>
      <c r="X4658">
        <v>15</v>
      </c>
      <c r="Y4658">
        <v>15</v>
      </c>
      <c r="Z4658">
        <v>15</v>
      </c>
      <c r="AA4658">
        <v>15</v>
      </c>
      <c r="AB4658">
        <v>15</v>
      </c>
      <c r="AC4658">
        <v>15</v>
      </c>
      <c r="AD4658">
        <v>15</v>
      </c>
      <c r="AE4658">
        <v>15</v>
      </c>
      <c r="AF4658">
        <v>15</v>
      </c>
      <c r="AG4658">
        <v>16</v>
      </c>
      <c r="AH4658">
        <v>16</v>
      </c>
      <c r="AI4658">
        <v>16</v>
      </c>
      <c r="AJ4658">
        <v>16</v>
      </c>
      <c r="AK4658">
        <v>16</v>
      </c>
      <c r="AL4658">
        <v>15</v>
      </c>
      <c r="AM4658">
        <v>15</v>
      </c>
      <c r="AN4658">
        <v>15</v>
      </c>
      <c r="AO4658">
        <v>15</v>
      </c>
      <c r="AP4658">
        <v>15</v>
      </c>
      <c r="AQ4658">
        <v>15</v>
      </c>
    </row>
    <row r="4659" spans="1:43">
      <c r="A4659" t="s">
        <v>2924</v>
      </c>
      <c r="B4659" t="s">
        <v>2925</v>
      </c>
      <c r="C4659" t="s">
        <v>2926</v>
      </c>
      <c r="D4659" t="s">
        <v>2927</v>
      </c>
      <c r="E4659" t="s">
        <v>2928</v>
      </c>
      <c r="F4659" t="s">
        <v>2929</v>
      </c>
      <c r="G4659" t="s">
        <v>80</v>
      </c>
      <c r="H4659" t="s">
        <v>81</v>
      </c>
      <c r="I4659" s="2">
        <v>1</v>
      </c>
      <c r="J4659" s="2">
        <v>0</v>
      </c>
      <c r="K4659" s="2">
        <v>0</v>
      </c>
      <c r="L4659" t="s">
        <v>120</v>
      </c>
      <c r="M4659" t="s">
        <v>87</v>
      </c>
      <c r="N4659" t="s">
        <v>88</v>
      </c>
      <c r="O4659" t="s">
        <v>85</v>
      </c>
      <c r="P4659" t="s">
        <v>86</v>
      </c>
      <c r="Q4659">
        <v>15</v>
      </c>
      <c r="R4659">
        <v>15</v>
      </c>
      <c r="S4659">
        <v>15</v>
      </c>
      <c r="T4659">
        <v>15</v>
      </c>
      <c r="U4659">
        <v>14</v>
      </c>
      <c r="V4659">
        <v>14</v>
      </c>
      <c r="W4659">
        <v>14</v>
      </c>
      <c r="X4659">
        <v>14</v>
      </c>
      <c r="Y4659">
        <v>14</v>
      </c>
      <c r="Z4659">
        <v>14</v>
      </c>
      <c r="AA4659">
        <v>14</v>
      </c>
      <c r="AB4659">
        <v>14</v>
      </c>
      <c r="AC4659">
        <v>14</v>
      </c>
      <c r="AD4659">
        <v>14</v>
      </c>
      <c r="AE4659">
        <v>14</v>
      </c>
      <c r="AF4659">
        <v>14</v>
      </c>
      <c r="AG4659">
        <v>14</v>
      </c>
      <c r="AH4659">
        <v>14</v>
      </c>
      <c r="AI4659">
        <v>13</v>
      </c>
      <c r="AJ4659">
        <v>13</v>
      </c>
      <c r="AK4659">
        <v>13</v>
      </c>
      <c r="AL4659">
        <v>13</v>
      </c>
      <c r="AM4659">
        <v>13</v>
      </c>
      <c r="AN4659">
        <v>13</v>
      </c>
      <c r="AO4659">
        <v>13</v>
      </c>
      <c r="AP4659">
        <v>13</v>
      </c>
      <c r="AQ4659">
        <v>13</v>
      </c>
    </row>
    <row r="4660" spans="1:43">
      <c r="A4660" t="s">
        <v>2924</v>
      </c>
      <c r="B4660" t="s">
        <v>2925</v>
      </c>
      <c r="C4660" t="s">
        <v>2926</v>
      </c>
      <c r="D4660" t="s">
        <v>2927</v>
      </c>
      <c r="E4660" t="s">
        <v>2928</v>
      </c>
      <c r="F4660" t="s">
        <v>2929</v>
      </c>
      <c r="G4660" t="s">
        <v>80</v>
      </c>
      <c r="H4660" t="s">
        <v>81</v>
      </c>
      <c r="I4660" s="2">
        <v>1</v>
      </c>
      <c r="J4660" s="2">
        <v>0</v>
      </c>
      <c r="K4660" s="2">
        <v>0</v>
      </c>
      <c r="L4660" t="s">
        <v>120</v>
      </c>
      <c r="M4660" t="s">
        <v>89</v>
      </c>
      <c r="N4660" t="s">
        <v>90</v>
      </c>
      <c r="O4660" t="s">
        <v>85</v>
      </c>
      <c r="P4660" t="s">
        <v>86</v>
      </c>
      <c r="Q4660">
        <v>15</v>
      </c>
      <c r="R4660">
        <v>15</v>
      </c>
      <c r="S4660">
        <v>15</v>
      </c>
      <c r="T4660">
        <v>16</v>
      </c>
      <c r="U4660">
        <v>16</v>
      </c>
      <c r="V4660">
        <v>16</v>
      </c>
      <c r="W4660">
        <v>16</v>
      </c>
      <c r="X4660">
        <v>16</v>
      </c>
      <c r="Y4660">
        <v>16</v>
      </c>
      <c r="Z4660">
        <v>16</v>
      </c>
      <c r="AA4660">
        <v>16</v>
      </c>
      <c r="AB4660">
        <v>16</v>
      </c>
      <c r="AC4660">
        <v>17</v>
      </c>
      <c r="AD4660">
        <v>17</v>
      </c>
      <c r="AE4660">
        <v>17</v>
      </c>
      <c r="AF4660">
        <v>16</v>
      </c>
      <c r="AG4660">
        <v>16</v>
      </c>
      <c r="AH4660">
        <v>16</v>
      </c>
      <c r="AI4660">
        <v>16</v>
      </c>
      <c r="AJ4660">
        <v>16</v>
      </c>
      <c r="AK4660">
        <v>16</v>
      </c>
      <c r="AL4660">
        <v>16</v>
      </c>
      <c r="AM4660">
        <v>16</v>
      </c>
      <c r="AN4660">
        <v>15</v>
      </c>
      <c r="AO4660">
        <v>15</v>
      </c>
      <c r="AP4660">
        <v>15</v>
      </c>
      <c r="AQ4660">
        <v>15</v>
      </c>
    </row>
    <row r="4661" spans="1:43">
      <c r="A4661" t="s">
        <v>2924</v>
      </c>
      <c r="B4661" t="s">
        <v>2925</v>
      </c>
      <c r="C4661" t="s">
        <v>2926</v>
      </c>
      <c r="D4661" t="s">
        <v>2927</v>
      </c>
      <c r="E4661" t="s">
        <v>2928</v>
      </c>
      <c r="F4661" t="s">
        <v>2929</v>
      </c>
      <c r="G4661" t="s">
        <v>80</v>
      </c>
      <c r="H4661" t="s">
        <v>81</v>
      </c>
      <c r="I4661" s="2">
        <v>1</v>
      </c>
      <c r="J4661" s="2">
        <v>0</v>
      </c>
      <c r="K4661" s="2">
        <v>0</v>
      </c>
      <c r="L4661" t="s">
        <v>120</v>
      </c>
      <c r="M4661" t="s">
        <v>83</v>
      </c>
      <c r="N4661" t="s">
        <v>91</v>
      </c>
      <c r="O4661" t="s">
        <v>85</v>
      </c>
      <c r="P4661" t="s">
        <v>86</v>
      </c>
      <c r="Q4661">
        <v>15</v>
      </c>
      <c r="R4661">
        <v>15</v>
      </c>
      <c r="S4661">
        <v>15</v>
      </c>
      <c r="T4661">
        <v>15</v>
      </c>
      <c r="U4661">
        <v>15</v>
      </c>
      <c r="V4661">
        <v>15</v>
      </c>
      <c r="W4661">
        <v>15</v>
      </c>
      <c r="X4661">
        <v>15</v>
      </c>
      <c r="Y4661">
        <v>15</v>
      </c>
      <c r="Z4661">
        <v>15</v>
      </c>
      <c r="AA4661">
        <v>15</v>
      </c>
      <c r="AB4661">
        <v>15</v>
      </c>
      <c r="AC4661">
        <v>15</v>
      </c>
      <c r="AD4661">
        <v>15</v>
      </c>
      <c r="AE4661">
        <v>15</v>
      </c>
      <c r="AF4661">
        <v>15</v>
      </c>
      <c r="AG4661">
        <v>16</v>
      </c>
      <c r="AH4661">
        <v>16</v>
      </c>
      <c r="AI4661">
        <v>16</v>
      </c>
      <c r="AJ4661">
        <v>16</v>
      </c>
      <c r="AK4661">
        <v>16</v>
      </c>
      <c r="AL4661">
        <v>15</v>
      </c>
      <c r="AM4661">
        <v>15</v>
      </c>
      <c r="AN4661">
        <v>15</v>
      </c>
      <c r="AO4661">
        <v>15</v>
      </c>
      <c r="AP4661">
        <v>15</v>
      </c>
      <c r="AQ4661">
        <v>15</v>
      </c>
    </row>
    <row r="4662" spans="1:43">
      <c r="A4662" t="s">
        <v>2930</v>
      </c>
      <c r="B4662" t="s">
        <v>2931</v>
      </c>
      <c r="C4662" t="s">
        <v>2926</v>
      </c>
      <c r="D4662" t="s">
        <v>2927</v>
      </c>
      <c r="E4662" t="s">
        <v>2928</v>
      </c>
      <c r="F4662" t="s">
        <v>2929</v>
      </c>
      <c r="G4662" t="s">
        <v>80</v>
      </c>
      <c r="H4662" t="s">
        <v>81</v>
      </c>
      <c r="I4662" s="2">
        <v>1</v>
      </c>
      <c r="J4662" s="2">
        <v>0</v>
      </c>
      <c r="K4662" s="2">
        <v>0</v>
      </c>
      <c r="L4662" t="s">
        <v>120</v>
      </c>
      <c r="M4662" t="s">
        <v>83</v>
      </c>
      <c r="N4662" t="s">
        <v>84</v>
      </c>
      <c r="O4662" t="s">
        <v>85</v>
      </c>
      <c r="P4662" t="s">
        <v>86</v>
      </c>
      <c r="Q4662">
        <v>16</v>
      </c>
      <c r="R4662">
        <v>16</v>
      </c>
      <c r="S4662">
        <v>16</v>
      </c>
      <c r="T4662">
        <v>16</v>
      </c>
      <c r="U4662">
        <v>16</v>
      </c>
      <c r="V4662">
        <v>16</v>
      </c>
      <c r="W4662">
        <v>16</v>
      </c>
      <c r="X4662">
        <v>16</v>
      </c>
      <c r="Y4662">
        <v>16</v>
      </c>
      <c r="Z4662">
        <v>16</v>
      </c>
      <c r="AA4662">
        <v>16</v>
      </c>
      <c r="AB4662">
        <v>16</v>
      </c>
      <c r="AC4662">
        <v>16</v>
      </c>
      <c r="AD4662">
        <v>16</v>
      </c>
      <c r="AE4662">
        <v>16</v>
      </c>
      <c r="AF4662">
        <v>16</v>
      </c>
      <c r="AG4662">
        <v>16</v>
      </c>
      <c r="AH4662">
        <v>16</v>
      </c>
      <c r="AI4662">
        <v>16</v>
      </c>
      <c r="AJ4662">
        <v>16</v>
      </c>
      <c r="AK4662">
        <v>16</v>
      </c>
      <c r="AL4662">
        <v>16</v>
      </c>
      <c r="AM4662">
        <v>16</v>
      </c>
      <c r="AN4662">
        <v>16</v>
      </c>
      <c r="AO4662">
        <v>16</v>
      </c>
      <c r="AP4662">
        <v>16</v>
      </c>
      <c r="AQ4662">
        <v>16</v>
      </c>
    </row>
    <row r="4663" spans="1:43">
      <c r="A4663" t="s">
        <v>2930</v>
      </c>
      <c r="B4663" t="s">
        <v>2931</v>
      </c>
      <c r="C4663" t="s">
        <v>2926</v>
      </c>
      <c r="D4663" t="s">
        <v>2927</v>
      </c>
      <c r="E4663" t="s">
        <v>2928</v>
      </c>
      <c r="F4663" t="s">
        <v>2929</v>
      </c>
      <c r="G4663" t="s">
        <v>80</v>
      </c>
      <c r="H4663" t="s">
        <v>81</v>
      </c>
      <c r="I4663" s="2">
        <v>1</v>
      </c>
      <c r="J4663" s="2">
        <v>0</v>
      </c>
      <c r="K4663" s="2">
        <v>0</v>
      </c>
      <c r="L4663" t="s">
        <v>120</v>
      </c>
      <c r="M4663" t="s">
        <v>87</v>
      </c>
      <c r="N4663" t="s">
        <v>88</v>
      </c>
      <c r="O4663" t="s">
        <v>85</v>
      </c>
      <c r="P4663" t="s">
        <v>86</v>
      </c>
      <c r="Q4663">
        <v>16</v>
      </c>
      <c r="R4663">
        <v>16</v>
      </c>
      <c r="S4663">
        <v>16</v>
      </c>
      <c r="T4663">
        <v>16</v>
      </c>
      <c r="U4663">
        <v>16</v>
      </c>
      <c r="V4663">
        <v>16</v>
      </c>
      <c r="W4663">
        <v>16</v>
      </c>
      <c r="X4663">
        <v>16</v>
      </c>
      <c r="Y4663">
        <v>16</v>
      </c>
      <c r="Z4663">
        <v>16</v>
      </c>
      <c r="AA4663">
        <v>16</v>
      </c>
      <c r="AB4663">
        <v>16</v>
      </c>
      <c r="AC4663">
        <v>16</v>
      </c>
      <c r="AD4663">
        <v>16</v>
      </c>
      <c r="AE4663">
        <v>15</v>
      </c>
      <c r="AF4663">
        <v>15</v>
      </c>
      <c r="AG4663">
        <v>15</v>
      </c>
      <c r="AH4663">
        <v>15</v>
      </c>
      <c r="AI4663">
        <v>15</v>
      </c>
      <c r="AJ4663">
        <v>15</v>
      </c>
      <c r="AK4663">
        <v>15</v>
      </c>
      <c r="AL4663">
        <v>15</v>
      </c>
      <c r="AM4663">
        <v>15</v>
      </c>
      <c r="AN4663">
        <v>15</v>
      </c>
      <c r="AO4663">
        <v>15</v>
      </c>
      <c r="AP4663">
        <v>15</v>
      </c>
      <c r="AQ4663">
        <v>15</v>
      </c>
    </row>
    <row r="4664" spans="1:43">
      <c r="A4664" t="s">
        <v>2930</v>
      </c>
      <c r="B4664" t="s">
        <v>2931</v>
      </c>
      <c r="C4664" t="s">
        <v>2926</v>
      </c>
      <c r="D4664" t="s">
        <v>2927</v>
      </c>
      <c r="E4664" t="s">
        <v>2928</v>
      </c>
      <c r="F4664" t="s">
        <v>2929</v>
      </c>
      <c r="G4664" t="s">
        <v>80</v>
      </c>
      <c r="H4664" t="s">
        <v>81</v>
      </c>
      <c r="I4664" s="2">
        <v>1</v>
      </c>
      <c r="J4664" s="2">
        <v>0</v>
      </c>
      <c r="K4664" s="2">
        <v>0</v>
      </c>
      <c r="L4664" t="s">
        <v>120</v>
      </c>
      <c r="M4664" t="s">
        <v>89</v>
      </c>
      <c r="N4664" t="s">
        <v>90</v>
      </c>
      <c r="O4664" t="s">
        <v>85</v>
      </c>
      <c r="P4664" t="s">
        <v>86</v>
      </c>
      <c r="Q4664">
        <v>16</v>
      </c>
      <c r="R4664">
        <v>16</v>
      </c>
      <c r="S4664">
        <v>16</v>
      </c>
      <c r="T4664">
        <v>16</v>
      </c>
      <c r="U4664">
        <v>17</v>
      </c>
      <c r="V4664">
        <v>17</v>
      </c>
      <c r="W4664">
        <v>17</v>
      </c>
      <c r="X4664">
        <v>17</v>
      </c>
      <c r="Y4664">
        <v>17</v>
      </c>
      <c r="Z4664">
        <v>17</v>
      </c>
      <c r="AA4664">
        <v>17</v>
      </c>
      <c r="AB4664">
        <v>17</v>
      </c>
      <c r="AC4664">
        <v>17</v>
      </c>
      <c r="AD4664">
        <v>17</v>
      </c>
      <c r="AE4664">
        <v>17</v>
      </c>
      <c r="AF4664">
        <v>17</v>
      </c>
      <c r="AG4664">
        <v>17</v>
      </c>
      <c r="AH4664">
        <v>17</v>
      </c>
      <c r="AI4664">
        <v>17</v>
      </c>
      <c r="AJ4664">
        <v>17</v>
      </c>
      <c r="AK4664">
        <v>17</v>
      </c>
      <c r="AL4664">
        <v>16</v>
      </c>
      <c r="AM4664">
        <v>16</v>
      </c>
      <c r="AN4664">
        <v>16</v>
      </c>
      <c r="AO4664">
        <v>16</v>
      </c>
      <c r="AP4664">
        <v>16</v>
      </c>
      <c r="AQ4664">
        <v>16</v>
      </c>
    </row>
    <row r="4665" spans="1:43">
      <c r="A4665" t="s">
        <v>2930</v>
      </c>
      <c r="B4665" t="s">
        <v>2931</v>
      </c>
      <c r="C4665" t="s">
        <v>2926</v>
      </c>
      <c r="D4665" t="s">
        <v>2927</v>
      </c>
      <c r="E4665" t="s">
        <v>2928</v>
      </c>
      <c r="F4665" t="s">
        <v>2929</v>
      </c>
      <c r="G4665" t="s">
        <v>80</v>
      </c>
      <c r="H4665" t="s">
        <v>81</v>
      </c>
      <c r="I4665" s="2">
        <v>1</v>
      </c>
      <c r="J4665" s="2">
        <v>0</v>
      </c>
      <c r="K4665" s="2">
        <v>0</v>
      </c>
      <c r="L4665" t="s">
        <v>120</v>
      </c>
      <c r="M4665" t="s">
        <v>83</v>
      </c>
      <c r="N4665" t="s">
        <v>91</v>
      </c>
      <c r="O4665" t="s">
        <v>85</v>
      </c>
      <c r="P4665" t="s">
        <v>86</v>
      </c>
      <c r="Q4665">
        <v>16</v>
      </c>
      <c r="R4665">
        <v>16</v>
      </c>
      <c r="S4665">
        <v>16</v>
      </c>
      <c r="T4665">
        <v>16</v>
      </c>
      <c r="U4665">
        <v>16</v>
      </c>
      <c r="V4665">
        <v>16</v>
      </c>
      <c r="W4665">
        <v>16</v>
      </c>
      <c r="X4665">
        <v>16</v>
      </c>
      <c r="Y4665">
        <v>16</v>
      </c>
      <c r="Z4665">
        <v>16</v>
      </c>
      <c r="AA4665">
        <v>16</v>
      </c>
      <c r="AB4665">
        <v>16</v>
      </c>
      <c r="AC4665">
        <v>16</v>
      </c>
      <c r="AD4665">
        <v>16</v>
      </c>
      <c r="AE4665">
        <v>16</v>
      </c>
      <c r="AF4665">
        <v>16</v>
      </c>
      <c r="AG4665">
        <v>16</v>
      </c>
      <c r="AH4665">
        <v>16</v>
      </c>
      <c r="AI4665">
        <v>16</v>
      </c>
      <c r="AJ4665">
        <v>16</v>
      </c>
      <c r="AK4665">
        <v>16</v>
      </c>
      <c r="AL4665">
        <v>16</v>
      </c>
      <c r="AM4665">
        <v>16</v>
      </c>
      <c r="AN4665">
        <v>16</v>
      </c>
      <c r="AO4665">
        <v>16</v>
      </c>
      <c r="AP4665">
        <v>16</v>
      </c>
      <c r="AQ4665">
        <v>16</v>
      </c>
    </row>
    <row r="4666" spans="1:43">
      <c r="A4666" t="s">
        <v>2932</v>
      </c>
      <c r="B4666" t="s">
        <v>2933</v>
      </c>
      <c r="C4666" t="s">
        <v>2934</v>
      </c>
      <c r="D4666" t="s">
        <v>2935</v>
      </c>
      <c r="E4666" t="s">
        <v>2928</v>
      </c>
      <c r="F4666" t="s">
        <v>2929</v>
      </c>
      <c r="G4666" t="s">
        <v>80</v>
      </c>
      <c r="H4666" t="s">
        <v>81</v>
      </c>
      <c r="I4666" s="2">
        <v>1</v>
      </c>
      <c r="J4666" s="2">
        <v>0</v>
      </c>
      <c r="K4666" s="2">
        <v>0</v>
      </c>
      <c r="L4666" t="s">
        <v>120</v>
      </c>
      <c r="M4666" t="s">
        <v>83</v>
      </c>
      <c r="N4666" t="s">
        <v>84</v>
      </c>
      <c r="O4666" t="s">
        <v>85</v>
      </c>
      <c r="P4666" t="s">
        <v>86</v>
      </c>
      <c r="Q4666">
        <v>8</v>
      </c>
      <c r="R4666">
        <v>8</v>
      </c>
      <c r="S4666">
        <v>8</v>
      </c>
      <c r="T4666">
        <v>8</v>
      </c>
      <c r="U4666">
        <v>8</v>
      </c>
      <c r="V4666">
        <v>8</v>
      </c>
      <c r="W4666">
        <v>8</v>
      </c>
      <c r="X4666">
        <v>8</v>
      </c>
      <c r="Y4666">
        <v>8</v>
      </c>
      <c r="Z4666">
        <v>8</v>
      </c>
      <c r="AA4666">
        <v>8</v>
      </c>
      <c r="AB4666">
        <v>8</v>
      </c>
      <c r="AC4666">
        <v>8</v>
      </c>
      <c r="AD4666">
        <v>8</v>
      </c>
      <c r="AE4666">
        <v>8</v>
      </c>
      <c r="AF4666">
        <v>8</v>
      </c>
      <c r="AG4666">
        <v>9</v>
      </c>
      <c r="AH4666">
        <v>9</v>
      </c>
      <c r="AI4666">
        <v>9</v>
      </c>
      <c r="AJ4666">
        <v>9</v>
      </c>
      <c r="AK4666">
        <v>9</v>
      </c>
      <c r="AL4666">
        <v>8</v>
      </c>
      <c r="AM4666">
        <v>8</v>
      </c>
      <c r="AN4666">
        <v>8</v>
      </c>
      <c r="AO4666">
        <v>8</v>
      </c>
      <c r="AP4666">
        <v>8</v>
      </c>
      <c r="AQ4666">
        <v>8</v>
      </c>
    </row>
    <row r="4667" spans="1:43">
      <c r="A4667" t="s">
        <v>2932</v>
      </c>
      <c r="B4667" t="s">
        <v>2933</v>
      </c>
      <c r="C4667" t="s">
        <v>2934</v>
      </c>
      <c r="D4667" t="s">
        <v>2935</v>
      </c>
      <c r="E4667" t="s">
        <v>2928</v>
      </c>
      <c r="F4667" t="s">
        <v>2929</v>
      </c>
      <c r="G4667" t="s">
        <v>80</v>
      </c>
      <c r="H4667" t="s">
        <v>81</v>
      </c>
      <c r="I4667" s="2">
        <v>1</v>
      </c>
      <c r="J4667" s="2">
        <v>0</v>
      </c>
      <c r="K4667" s="2">
        <v>0</v>
      </c>
      <c r="L4667" t="s">
        <v>120</v>
      </c>
      <c r="M4667" t="s">
        <v>87</v>
      </c>
      <c r="N4667" t="s">
        <v>88</v>
      </c>
      <c r="O4667" t="s">
        <v>85</v>
      </c>
      <c r="P4667" t="s">
        <v>86</v>
      </c>
      <c r="Q4667">
        <v>8</v>
      </c>
      <c r="R4667">
        <v>8</v>
      </c>
      <c r="S4667">
        <v>8</v>
      </c>
      <c r="T4667">
        <v>8</v>
      </c>
      <c r="U4667">
        <v>8</v>
      </c>
      <c r="V4667">
        <v>8</v>
      </c>
      <c r="W4667">
        <v>8</v>
      </c>
      <c r="X4667">
        <v>8</v>
      </c>
      <c r="Y4667">
        <v>8</v>
      </c>
      <c r="Z4667">
        <v>8</v>
      </c>
      <c r="AA4667">
        <v>8</v>
      </c>
      <c r="AB4667">
        <v>8</v>
      </c>
      <c r="AC4667">
        <v>8</v>
      </c>
      <c r="AD4667">
        <v>8</v>
      </c>
      <c r="AE4667">
        <v>8</v>
      </c>
      <c r="AF4667">
        <v>7</v>
      </c>
      <c r="AG4667">
        <v>7</v>
      </c>
      <c r="AH4667">
        <v>7</v>
      </c>
      <c r="AI4667">
        <v>7</v>
      </c>
      <c r="AJ4667">
        <v>7</v>
      </c>
      <c r="AK4667">
        <v>7</v>
      </c>
      <c r="AL4667">
        <v>7</v>
      </c>
      <c r="AM4667">
        <v>7</v>
      </c>
      <c r="AN4667">
        <v>7</v>
      </c>
      <c r="AO4667">
        <v>7</v>
      </c>
      <c r="AP4667">
        <v>7</v>
      </c>
      <c r="AQ4667">
        <v>7</v>
      </c>
    </row>
    <row r="4668" spans="1:43">
      <c r="A4668" t="s">
        <v>2932</v>
      </c>
      <c r="B4668" t="s">
        <v>2933</v>
      </c>
      <c r="C4668" t="s">
        <v>2934</v>
      </c>
      <c r="D4668" t="s">
        <v>2935</v>
      </c>
      <c r="E4668" t="s">
        <v>2928</v>
      </c>
      <c r="F4668" t="s">
        <v>2929</v>
      </c>
      <c r="G4668" t="s">
        <v>80</v>
      </c>
      <c r="H4668" t="s">
        <v>81</v>
      </c>
      <c r="I4668" s="2">
        <v>1</v>
      </c>
      <c r="J4668" s="2">
        <v>0</v>
      </c>
      <c r="K4668" s="2">
        <v>0</v>
      </c>
      <c r="L4668" t="s">
        <v>120</v>
      </c>
      <c r="M4668" t="s">
        <v>89</v>
      </c>
      <c r="N4668" t="s">
        <v>90</v>
      </c>
      <c r="O4668" t="s">
        <v>85</v>
      </c>
      <c r="P4668" t="s">
        <v>86</v>
      </c>
      <c r="Q4668">
        <v>8</v>
      </c>
      <c r="R4668">
        <v>8</v>
      </c>
      <c r="S4668">
        <v>8</v>
      </c>
      <c r="T4668">
        <v>9</v>
      </c>
      <c r="U4668">
        <v>9</v>
      </c>
      <c r="V4668">
        <v>9</v>
      </c>
      <c r="W4668">
        <v>9</v>
      </c>
      <c r="X4668">
        <v>9</v>
      </c>
      <c r="Y4668">
        <v>9</v>
      </c>
      <c r="Z4668">
        <v>9</v>
      </c>
      <c r="AA4668">
        <v>9</v>
      </c>
      <c r="AB4668">
        <v>9</v>
      </c>
      <c r="AC4668">
        <v>9</v>
      </c>
      <c r="AD4668">
        <v>9</v>
      </c>
      <c r="AE4668">
        <v>9</v>
      </c>
      <c r="AF4668">
        <v>9</v>
      </c>
      <c r="AG4668">
        <v>9</v>
      </c>
      <c r="AH4668">
        <v>9</v>
      </c>
      <c r="AI4668">
        <v>9</v>
      </c>
      <c r="AJ4668">
        <v>9</v>
      </c>
      <c r="AK4668">
        <v>9</v>
      </c>
      <c r="AL4668">
        <v>9</v>
      </c>
      <c r="AM4668">
        <v>9</v>
      </c>
      <c r="AN4668">
        <v>8</v>
      </c>
      <c r="AO4668">
        <v>8</v>
      </c>
      <c r="AP4668">
        <v>8</v>
      </c>
      <c r="AQ4668">
        <v>8</v>
      </c>
    </row>
    <row r="4669" spans="1:43">
      <c r="A4669" t="s">
        <v>2932</v>
      </c>
      <c r="B4669" t="s">
        <v>2933</v>
      </c>
      <c r="C4669" t="s">
        <v>2934</v>
      </c>
      <c r="D4669" t="s">
        <v>2935</v>
      </c>
      <c r="E4669" t="s">
        <v>2928</v>
      </c>
      <c r="F4669" t="s">
        <v>2929</v>
      </c>
      <c r="G4669" t="s">
        <v>80</v>
      </c>
      <c r="H4669" t="s">
        <v>81</v>
      </c>
      <c r="I4669" s="2">
        <v>1</v>
      </c>
      <c r="J4669" s="2">
        <v>0</v>
      </c>
      <c r="K4669" s="2">
        <v>0</v>
      </c>
      <c r="L4669" t="s">
        <v>120</v>
      </c>
      <c r="M4669" t="s">
        <v>83</v>
      </c>
      <c r="N4669" t="s">
        <v>91</v>
      </c>
      <c r="O4669" t="s">
        <v>85</v>
      </c>
      <c r="P4669" t="s">
        <v>86</v>
      </c>
      <c r="Q4669">
        <v>8</v>
      </c>
      <c r="R4669">
        <v>8</v>
      </c>
      <c r="S4669">
        <v>8</v>
      </c>
      <c r="T4669">
        <v>8</v>
      </c>
      <c r="U4669">
        <v>8</v>
      </c>
      <c r="V4669">
        <v>8</v>
      </c>
      <c r="W4669">
        <v>8</v>
      </c>
      <c r="X4669">
        <v>8</v>
      </c>
      <c r="Y4669">
        <v>8</v>
      </c>
      <c r="Z4669">
        <v>8</v>
      </c>
      <c r="AA4669">
        <v>8</v>
      </c>
      <c r="AB4669">
        <v>8</v>
      </c>
      <c r="AC4669">
        <v>8</v>
      </c>
      <c r="AD4669">
        <v>8</v>
      </c>
      <c r="AE4669">
        <v>8</v>
      </c>
      <c r="AF4669">
        <v>8</v>
      </c>
      <c r="AG4669">
        <v>9</v>
      </c>
      <c r="AH4669">
        <v>9</v>
      </c>
      <c r="AI4669">
        <v>9</v>
      </c>
      <c r="AJ4669">
        <v>9</v>
      </c>
      <c r="AK4669">
        <v>9</v>
      </c>
      <c r="AL4669">
        <v>8</v>
      </c>
      <c r="AM4669">
        <v>8</v>
      </c>
      <c r="AN4669">
        <v>8</v>
      </c>
      <c r="AO4669">
        <v>8</v>
      </c>
      <c r="AP4669">
        <v>8</v>
      </c>
      <c r="AQ4669">
        <v>8</v>
      </c>
    </row>
    <row r="4670" spans="1:43">
      <c r="A4670" t="s">
        <v>2936</v>
      </c>
      <c r="B4670" t="s">
        <v>2937</v>
      </c>
      <c r="C4670" t="s">
        <v>2926</v>
      </c>
      <c r="D4670" t="s">
        <v>2927</v>
      </c>
      <c r="E4670" t="s">
        <v>2928</v>
      </c>
      <c r="F4670" t="s">
        <v>2929</v>
      </c>
      <c r="G4670" t="s">
        <v>80</v>
      </c>
      <c r="H4670" t="s">
        <v>81</v>
      </c>
      <c r="I4670" s="2">
        <v>1</v>
      </c>
      <c r="J4670" s="2">
        <v>0</v>
      </c>
      <c r="K4670" s="2">
        <v>0</v>
      </c>
      <c r="L4670" t="s">
        <v>120</v>
      </c>
      <c r="M4670" t="s">
        <v>83</v>
      </c>
      <c r="N4670" t="s">
        <v>84</v>
      </c>
      <c r="O4670" t="s">
        <v>85</v>
      </c>
      <c r="P4670" t="s">
        <v>86</v>
      </c>
      <c r="Q4670">
        <v>25</v>
      </c>
      <c r="R4670">
        <v>25</v>
      </c>
      <c r="S4670">
        <v>25</v>
      </c>
      <c r="T4670">
        <v>25</v>
      </c>
      <c r="U4670">
        <v>25</v>
      </c>
      <c r="V4670">
        <v>25</v>
      </c>
      <c r="W4670">
        <v>25</v>
      </c>
      <c r="X4670">
        <v>25</v>
      </c>
      <c r="Y4670">
        <v>25</v>
      </c>
      <c r="Z4670">
        <v>25</v>
      </c>
      <c r="AA4670">
        <v>25</v>
      </c>
      <c r="AB4670">
        <v>25</v>
      </c>
      <c r="AC4670">
        <v>26</v>
      </c>
      <c r="AD4670">
        <v>26</v>
      </c>
      <c r="AE4670">
        <v>26</v>
      </c>
      <c r="AF4670">
        <v>26</v>
      </c>
      <c r="AG4670">
        <v>26</v>
      </c>
      <c r="AH4670">
        <v>26</v>
      </c>
      <c r="AI4670">
        <v>26</v>
      </c>
      <c r="AJ4670">
        <v>26</v>
      </c>
      <c r="AK4670">
        <v>26</v>
      </c>
      <c r="AL4670">
        <v>26</v>
      </c>
      <c r="AM4670">
        <v>25</v>
      </c>
      <c r="AN4670">
        <v>25</v>
      </c>
      <c r="AO4670">
        <v>25</v>
      </c>
      <c r="AP4670">
        <v>25</v>
      </c>
      <c r="AQ4670">
        <v>25</v>
      </c>
    </row>
    <row r="4671" spans="1:43">
      <c r="A4671" t="s">
        <v>2936</v>
      </c>
      <c r="B4671" t="s">
        <v>2937</v>
      </c>
      <c r="C4671" t="s">
        <v>2926</v>
      </c>
      <c r="D4671" t="s">
        <v>2927</v>
      </c>
      <c r="E4671" t="s">
        <v>2928</v>
      </c>
      <c r="F4671" t="s">
        <v>2929</v>
      </c>
      <c r="G4671" t="s">
        <v>80</v>
      </c>
      <c r="H4671" t="s">
        <v>81</v>
      </c>
      <c r="I4671" s="2">
        <v>1</v>
      </c>
      <c r="J4671" s="2">
        <v>0</v>
      </c>
      <c r="K4671" s="2">
        <v>0</v>
      </c>
      <c r="L4671" t="s">
        <v>120</v>
      </c>
      <c r="M4671" t="s">
        <v>87</v>
      </c>
      <c r="N4671" t="s">
        <v>88</v>
      </c>
      <c r="O4671" t="s">
        <v>85</v>
      </c>
      <c r="P4671" t="s">
        <v>86</v>
      </c>
      <c r="Q4671">
        <v>25</v>
      </c>
      <c r="R4671">
        <v>25</v>
      </c>
      <c r="S4671">
        <v>25</v>
      </c>
      <c r="T4671">
        <v>25</v>
      </c>
      <c r="U4671">
        <v>25</v>
      </c>
      <c r="V4671">
        <v>25</v>
      </c>
      <c r="W4671">
        <v>25</v>
      </c>
      <c r="X4671">
        <v>25</v>
      </c>
      <c r="Y4671">
        <v>24</v>
      </c>
      <c r="Z4671">
        <v>24</v>
      </c>
      <c r="AA4671">
        <v>24</v>
      </c>
      <c r="AB4671">
        <v>24</v>
      </c>
      <c r="AC4671">
        <v>24</v>
      </c>
      <c r="AD4671">
        <v>24</v>
      </c>
      <c r="AE4671">
        <v>24</v>
      </c>
      <c r="AF4671">
        <v>24</v>
      </c>
      <c r="AG4671">
        <v>24</v>
      </c>
      <c r="AH4671">
        <v>23</v>
      </c>
      <c r="AI4671">
        <v>23</v>
      </c>
      <c r="AJ4671">
        <v>23</v>
      </c>
      <c r="AK4671">
        <v>23</v>
      </c>
      <c r="AL4671">
        <v>23</v>
      </c>
      <c r="AM4671">
        <v>23</v>
      </c>
      <c r="AN4671">
        <v>23</v>
      </c>
      <c r="AO4671">
        <v>23</v>
      </c>
      <c r="AP4671">
        <v>23</v>
      </c>
      <c r="AQ4671">
        <v>22</v>
      </c>
    </row>
    <row r="4672" spans="1:43">
      <c r="A4672" t="s">
        <v>2936</v>
      </c>
      <c r="B4672" t="s">
        <v>2937</v>
      </c>
      <c r="C4672" t="s">
        <v>2926</v>
      </c>
      <c r="D4672" t="s">
        <v>2927</v>
      </c>
      <c r="E4672" t="s">
        <v>2928</v>
      </c>
      <c r="F4672" t="s">
        <v>2929</v>
      </c>
      <c r="G4672" t="s">
        <v>80</v>
      </c>
      <c r="H4672" t="s">
        <v>81</v>
      </c>
      <c r="I4672" s="2">
        <v>1</v>
      </c>
      <c r="J4672" s="2">
        <v>0</v>
      </c>
      <c r="K4672" s="2">
        <v>0</v>
      </c>
      <c r="L4672" t="s">
        <v>120</v>
      </c>
      <c r="M4672" t="s">
        <v>89</v>
      </c>
      <c r="N4672" t="s">
        <v>90</v>
      </c>
      <c r="O4672" t="s">
        <v>85</v>
      </c>
      <c r="P4672" t="s">
        <v>86</v>
      </c>
      <c r="Q4672">
        <v>25</v>
      </c>
      <c r="R4672">
        <v>25</v>
      </c>
      <c r="S4672">
        <v>25</v>
      </c>
      <c r="T4672">
        <v>26</v>
      </c>
      <c r="U4672">
        <v>26</v>
      </c>
      <c r="V4672">
        <v>26</v>
      </c>
      <c r="W4672">
        <v>26</v>
      </c>
      <c r="X4672">
        <v>27</v>
      </c>
      <c r="Y4672">
        <v>27</v>
      </c>
      <c r="Z4672">
        <v>27</v>
      </c>
      <c r="AA4672">
        <v>27</v>
      </c>
      <c r="AB4672">
        <v>27</v>
      </c>
      <c r="AC4672">
        <v>27</v>
      </c>
      <c r="AD4672">
        <v>27</v>
      </c>
      <c r="AE4672">
        <v>27</v>
      </c>
      <c r="AF4672">
        <v>27</v>
      </c>
      <c r="AG4672">
        <v>27</v>
      </c>
      <c r="AH4672">
        <v>27</v>
      </c>
      <c r="AI4672">
        <v>27</v>
      </c>
      <c r="AJ4672">
        <v>26</v>
      </c>
      <c r="AK4672">
        <v>26</v>
      </c>
      <c r="AL4672">
        <v>26</v>
      </c>
      <c r="AM4672">
        <v>26</v>
      </c>
      <c r="AN4672">
        <v>25</v>
      </c>
      <c r="AO4672">
        <v>25</v>
      </c>
      <c r="AP4672">
        <v>25</v>
      </c>
      <c r="AQ4672">
        <v>25</v>
      </c>
    </row>
    <row r="4673" spans="1:43">
      <c r="A4673" t="s">
        <v>2936</v>
      </c>
      <c r="B4673" t="s">
        <v>2937</v>
      </c>
      <c r="C4673" t="s">
        <v>2926</v>
      </c>
      <c r="D4673" t="s">
        <v>2927</v>
      </c>
      <c r="E4673" t="s">
        <v>2928</v>
      </c>
      <c r="F4673" t="s">
        <v>2929</v>
      </c>
      <c r="G4673" t="s">
        <v>80</v>
      </c>
      <c r="H4673" t="s">
        <v>81</v>
      </c>
      <c r="I4673" s="2">
        <v>1</v>
      </c>
      <c r="J4673" s="2">
        <v>0</v>
      </c>
      <c r="K4673" s="2">
        <v>0</v>
      </c>
      <c r="L4673" t="s">
        <v>120</v>
      </c>
      <c r="M4673" t="s">
        <v>83</v>
      </c>
      <c r="N4673" t="s">
        <v>91</v>
      </c>
      <c r="O4673" t="s">
        <v>85</v>
      </c>
      <c r="P4673" t="s">
        <v>86</v>
      </c>
      <c r="Q4673">
        <v>25</v>
      </c>
      <c r="R4673">
        <v>25</v>
      </c>
      <c r="S4673">
        <v>25</v>
      </c>
      <c r="T4673">
        <v>25</v>
      </c>
      <c r="U4673">
        <v>25</v>
      </c>
      <c r="V4673">
        <v>25</v>
      </c>
      <c r="W4673">
        <v>25</v>
      </c>
      <c r="X4673">
        <v>25</v>
      </c>
      <c r="Y4673">
        <v>25</v>
      </c>
      <c r="Z4673">
        <v>25</v>
      </c>
      <c r="AA4673">
        <v>25</v>
      </c>
      <c r="AB4673">
        <v>25</v>
      </c>
      <c r="AC4673">
        <v>26</v>
      </c>
      <c r="AD4673">
        <v>26</v>
      </c>
      <c r="AE4673">
        <v>26</v>
      </c>
      <c r="AF4673">
        <v>26</v>
      </c>
      <c r="AG4673">
        <v>26</v>
      </c>
      <c r="AH4673">
        <v>26</v>
      </c>
      <c r="AI4673">
        <v>26</v>
      </c>
      <c r="AJ4673">
        <v>26</v>
      </c>
      <c r="AK4673">
        <v>26</v>
      </c>
      <c r="AL4673">
        <v>26</v>
      </c>
      <c r="AM4673">
        <v>25</v>
      </c>
      <c r="AN4673">
        <v>25</v>
      </c>
      <c r="AO4673">
        <v>25</v>
      </c>
      <c r="AP4673">
        <v>25</v>
      </c>
      <c r="AQ4673">
        <v>25</v>
      </c>
    </row>
    <row r="4674" spans="1:43">
      <c r="A4674" t="s">
        <v>2938</v>
      </c>
      <c r="B4674" t="s">
        <v>2939</v>
      </c>
      <c r="C4674" t="s">
        <v>2940</v>
      </c>
      <c r="D4674" t="s">
        <v>2941</v>
      </c>
      <c r="E4674" t="s">
        <v>2928</v>
      </c>
      <c r="F4674" t="s">
        <v>2929</v>
      </c>
      <c r="G4674" t="s">
        <v>80</v>
      </c>
      <c r="H4674" t="s">
        <v>81</v>
      </c>
      <c r="I4674" s="2">
        <v>1</v>
      </c>
      <c r="J4674" s="2">
        <v>0</v>
      </c>
      <c r="K4674" s="2">
        <v>0</v>
      </c>
      <c r="L4674" t="s">
        <v>120</v>
      </c>
      <c r="M4674" t="s">
        <v>83</v>
      </c>
      <c r="N4674" t="s">
        <v>84</v>
      </c>
      <c r="O4674" t="s">
        <v>85</v>
      </c>
      <c r="P4674" t="s">
        <v>86</v>
      </c>
      <c r="Q4674">
        <v>45</v>
      </c>
      <c r="R4674">
        <v>45</v>
      </c>
      <c r="S4674">
        <v>45</v>
      </c>
      <c r="T4674">
        <v>45</v>
      </c>
      <c r="U4674">
        <v>45</v>
      </c>
      <c r="V4674">
        <v>45</v>
      </c>
      <c r="W4674">
        <v>46</v>
      </c>
      <c r="X4674">
        <v>46</v>
      </c>
      <c r="Y4674">
        <v>46</v>
      </c>
      <c r="Z4674">
        <v>46</v>
      </c>
      <c r="AA4674">
        <v>46</v>
      </c>
      <c r="AB4674">
        <v>46</v>
      </c>
      <c r="AC4674">
        <v>46</v>
      </c>
      <c r="AD4674">
        <v>46</v>
      </c>
      <c r="AE4674">
        <v>46</v>
      </c>
      <c r="AF4674">
        <v>47</v>
      </c>
      <c r="AG4674">
        <v>47</v>
      </c>
      <c r="AH4674">
        <v>47</v>
      </c>
      <c r="AI4674">
        <v>47</v>
      </c>
      <c r="AJ4674">
        <v>47</v>
      </c>
      <c r="AK4674">
        <v>47</v>
      </c>
      <c r="AL4674">
        <v>47</v>
      </c>
      <c r="AM4674">
        <v>46</v>
      </c>
      <c r="AN4674">
        <v>46</v>
      </c>
      <c r="AO4674">
        <v>46</v>
      </c>
      <c r="AP4674">
        <v>45</v>
      </c>
      <c r="AQ4674">
        <v>45</v>
      </c>
    </row>
    <row r="4675" spans="1:43">
      <c r="A4675" t="s">
        <v>2938</v>
      </c>
      <c r="B4675" t="s">
        <v>2939</v>
      </c>
      <c r="C4675" t="s">
        <v>2940</v>
      </c>
      <c r="D4675" t="s">
        <v>2941</v>
      </c>
      <c r="E4675" t="s">
        <v>2928</v>
      </c>
      <c r="F4675" t="s">
        <v>2929</v>
      </c>
      <c r="G4675" t="s">
        <v>80</v>
      </c>
      <c r="H4675" t="s">
        <v>81</v>
      </c>
      <c r="I4675" s="2">
        <v>1</v>
      </c>
      <c r="J4675" s="2">
        <v>0</v>
      </c>
      <c r="K4675" s="2">
        <v>0</v>
      </c>
      <c r="L4675" t="s">
        <v>120</v>
      </c>
      <c r="M4675" t="s">
        <v>87</v>
      </c>
      <c r="N4675" t="s">
        <v>88</v>
      </c>
      <c r="O4675" t="s">
        <v>85</v>
      </c>
      <c r="P4675" t="s">
        <v>86</v>
      </c>
      <c r="Q4675">
        <v>45</v>
      </c>
      <c r="R4675">
        <v>45</v>
      </c>
      <c r="S4675">
        <v>45</v>
      </c>
      <c r="T4675">
        <v>44</v>
      </c>
      <c r="U4675">
        <v>44</v>
      </c>
      <c r="V4675">
        <v>44</v>
      </c>
      <c r="W4675">
        <v>44</v>
      </c>
      <c r="X4675">
        <v>44</v>
      </c>
      <c r="Y4675">
        <v>43</v>
      </c>
      <c r="Z4675">
        <v>43</v>
      </c>
      <c r="AA4675">
        <v>43</v>
      </c>
      <c r="AB4675">
        <v>43</v>
      </c>
      <c r="AC4675">
        <v>43</v>
      </c>
      <c r="AD4675">
        <v>42</v>
      </c>
      <c r="AE4675">
        <v>42</v>
      </c>
      <c r="AF4675">
        <v>42</v>
      </c>
      <c r="AG4675">
        <v>42</v>
      </c>
      <c r="AH4675">
        <v>42</v>
      </c>
      <c r="AI4675">
        <v>41</v>
      </c>
      <c r="AJ4675">
        <v>41</v>
      </c>
      <c r="AK4675">
        <v>41</v>
      </c>
      <c r="AL4675">
        <v>41</v>
      </c>
      <c r="AM4675">
        <v>41</v>
      </c>
      <c r="AN4675">
        <v>40</v>
      </c>
      <c r="AO4675">
        <v>40</v>
      </c>
      <c r="AP4675">
        <v>40</v>
      </c>
      <c r="AQ4675">
        <v>40</v>
      </c>
    </row>
    <row r="4676" spans="1:43">
      <c r="A4676" t="s">
        <v>2938</v>
      </c>
      <c r="B4676" t="s">
        <v>2939</v>
      </c>
      <c r="C4676" t="s">
        <v>2940</v>
      </c>
      <c r="D4676" t="s">
        <v>2941</v>
      </c>
      <c r="E4676" t="s">
        <v>2928</v>
      </c>
      <c r="F4676" t="s">
        <v>2929</v>
      </c>
      <c r="G4676" t="s">
        <v>80</v>
      </c>
      <c r="H4676" t="s">
        <v>81</v>
      </c>
      <c r="I4676" s="2">
        <v>1</v>
      </c>
      <c r="J4676" s="2">
        <v>0</v>
      </c>
      <c r="K4676" s="2">
        <v>0</v>
      </c>
      <c r="L4676" t="s">
        <v>120</v>
      </c>
      <c r="M4676" t="s">
        <v>89</v>
      </c>
      <c r="N4676" t="s">
        <v>90</v>
      </c>
      <c r="O4676" t="s">
        <v>85</v>
      </c>
      <c r="P4676" t="s">
        <v>86</v>
      </c>
      <c r="Q4676">
        <v>45</v>
      </c>
      <c r="R4676">
        <v>46</v>
      </c>
      <c r="S4676">
        <v>46</v>
      </c>
      <c r="T4676">
        <v>47</v>
      </c>
      <c r="U4676">
        <v>47</v>
      </c>
      <c r="V4676">
        <v>47</v>
      </c>
      <c r="W4676">
        <v>48</v>
      </c>
      <c r="X4676">
        <v>48</v>
      </c>
      <c r="Y4676">
        <v>49</v>
      </c>
      <c r="Z4676">
        <v>49</v>
      </c>
      <c r="AA4676">
        <v>49</v>
      </c>
      <c r="AB4676">
        <v>49</v>
      </c>
      <c r="AC4676">
        <v>50</v>
      </c>
      <c r="AD4676">
        <v>50</v>
      </c>
      <c r="AE4676">
        <v>50</v>
      </c>
      <c r="AF4676">
        <v>49</v>
      </c>
      <c r="AG4676">
        <v>49</v>
      </c>
      <c r="AH4676">
        <v>49</v>
      </c>
      <c r="AI4676">
        <v>48</v>
      </c>
      <c r="AJ4676">
        <v>48</v>
      </c>
      <c r="AK4676">
        <v>48</v>
      </c>
      <c r="AL4676">
        <v>47</v>
      </c>
      <c r="AM4676">
        <v>47</v>
      </c>
      <c r="AN4676">
        <v>47</v>
      </c>
      <c r="AO4676">
        <v>46</v>
      </c>
      <c r="AP4676">
        <v>46</v>
      </c>
      <c r="AQ4676">
        <v>46</v>
      </c>
    </row>
    <row r="4677" spans="1:43">
      <c r="A4677" t="s">
        <v>2938</v>
      </c>
      <c r="B4677" t="s">
        <v>2939</v>
      </c>
      <c r="C4677" t="s">
        <v>2940</v>
      </c>
      <c r="D4677" t="s">
        <v>2941</v>
      </c>
      <c r="E4677" t="s">
        <v>2928</v>
      </c>
      <c r="F4677" t="s">
        <v>2929</v>
      </c>
      <c r="G4677" t="s">
        <v>80</v>
      </c>
      <c r="H4677" t="s">
        <v>81</v>
      </c>
      <c r="I4677" s="2">
        <v>1</v>
      </c>
      <c r="J4677" s="2">
        <v>0</v>
      </c>
      <c r="K4677" s="2">
        <v>0</v>
      </c>
      <c r="L4677" t="s">
        <v>120</v>
      </c>
      <c r="M4677" t="s">
        <v>83</v>
      </c>
      <c r="N4677" t="s">
        <v>91</v>
      </c>
      <c r="O4677" t="s">
        <v>85</v>
      </c>
      <c r="P4677" t="s">
        <v>86</v>
      </c>
      <c r="Q4677">
        <v>45</v>
      </c>
      <c r="R4677">
        <v>45</v>
      </c>
      <c r="S4677">
        <v>45</v>
      </c>
      <c r="T4677">
        <v>45</v>
      </c>
      <c r="U4677">
        <v>45</v>
      </c>
      <c r="V4677">
        <v>45</v>
      </c>
      <c r="W4677">
        <v>46</v>
      </c>
      <c r="X4677">
        <v>46</v>
      </c>
      <c r="Y4677">
        <v>46</v>
      </c>
      <c r="Z4677">
        <v>46</v>
      </c>
      <c r="AA4677">
        <v>46</v>
      </c>
      <c r="AB4677">
        <v>46</v>
      </c>
      <c r="AC4677">
        <v>46</v>
      </c>
      <c r="AD4677">
        <v>46</v>
      </c>
      <c r="AE4677">
        <v>46</v>
      </c>
      <c r="AF4677">
        <v>47</v>
      </c>
      <c r="AG4677">
        <v>47</v>
      </c>
      <c r="AH4677">
        <v>47</v>
      </c>
      <c r="AI4677">
        <v>47</v>
      </c>
      <c r="AJ4677">
        <v>47</v>
      </c>
      <c r="AK4677">
        <v>47</v>
      </c>
      <c r="AL4677">
        <v>47</v>
      </c>
      <c r="AM4677">
        <v>46</v>
      </c>
      <c r="AN4677">
        <v>46</v>
      </c>
      <c r="AO4677">
        <v>46</v>
      </c>
      <c r="AP4677">
        <v>45</v>
      </c>
      <c r="AQ4677">
        <v>45</v>
      </c>
    </row>
    <row r="4678" spans="1:43">
      <c r="A4678" t="s">
        <v>2942</v>
      </c>
      <c r="B4678" t="s">
        <v>2943</v>
      </c>
      <c r="C4678" t="s">
        <v>2940</v>
      </c>
      <c r="D4678" t="s">
        <v>2941</v>
      </c>
      <c r="E4678" t="s">
        <v>2928</v>
      </c>
      <c r="F4678" t="s">
        <v>2929</v>
      </c>
      <c r="G4678" t="s">
        <v>80</v>
      </c>
      <c r="H4678" t="s">
        <v>81</v>
      </c>
      <c r="I4678" s="2">
        <v>1</v>
      </c>
      <c r="J4678" s="2">
        <v>0</v>
      </c>
      <c r="K4678" s="2">
        <v>0</v>
      </c>
      <c r="L4678" t="s">
        <v>120</v>
      </c>
      <c r="M4678" t="s">
        <v>83</v>
      </c>
      <c r="N4678" t="s">
        <v>84</v>
      </c>
      <c r="O4678" t="s">
        <v>85</v>
      </c>
      <c r="P4678" t="s">
        <v>86</v>
      </c>
      <c r="Q4678">
        <v>17</v>
      </c>
      <c r="R4678">
        <v>17</v>
      </c>
      <c r="S4678">
        <v>17</v>
      </c>
      <c r="T4678">
        <v>17</v>
      </c>
      <c r="U4678">
        <v>17</v>
      </c>
      <c r="V4678">
        <v>17</v>
      </c>
      <c r="W4678">
        <v>17</v>
      </c>
      <c r="X4678">
        <v>17</v>
      </c>
      <c r="Y4678">
        <v>17</v>
      </c>
      <c r="Z4678">
        <v>17</v>
      </c>
      <c r="AA4678">
        <v>17</v>
      </c>
      <c r="AB4678">
        <v>17</v>
      </c>
      <c r="AC4678">
        <v>17</v>
      </c>
      <c r="AD4678">
        <v>17</v>
      </c>
      <c r="AE4678">
        <v>17</v>
      </c>
      <c r="AF4678">
        <v>17</v>
      </c>
      <c r="AG4678">
        <v>17</v>
      </c>
      <c r="AH4678">
        <v>17</v>
      </c>
      <c r="AI4678">
        <v>17</v>
      </c>
      <c r="AJ4678">
        <v>18</v>
      </c>
      <c r="AK4678">
        <v>18</v>
      </c>
      <c r="AL4678">
        <v>17</v>
      </c>
      <c r="AM4678">
        <v>17</v>
      </c>
      <c r="AN4678">
        <v>17</v>
      </c>
      <c r="AO4678">
        <v>17</v>
      </c>
      <c r="AP4678">
        <v>17</v>
      </c>
      <c r="AQ4678">
        <v>17</v>
      </c>
    </row>
    <row r="4679" spans="1:43">
      <c r="A4679" t="s">
        <v>2942</v>
      </c>
      <c r="B4679" t="s">
        <v>2943</v>
      </c>
      <c r="C4679" t="s">
        <v>2940</v>
      </c>
      <c r="D4679" t="s">
        <v>2941</v>
      </c>
      <c r="E4679" t="s">
        <v>2928</v>
      </c>
      <c r="F4679" t="s">
        <v>2929</v>
      </c>
      <c r="G4679" t="s">
        <v>80</v>
      </c>
      <c r="H4679" t="s">
        <v>81</v>
      </c>
      <c r="I4679" s="2">
        <v>1</v>
      </c>
      <c r="J4679" s="2">
        <v>0</v>
      </c>
      <c r="K4679" s="2">
        <v>0</v>
      </c>
      <c r="L4679" t="s">
        <v>120</v>
      </c>
      <c r="M4679" t="s">
        <v>87</v>
      </c>
      <c r="N4679" t="s">
        <v>88</v>
      </c>
      <c r="O4679" t="s">
        <v>85</v>
      </c>
      <c r="P4679" t="s">
        <v>86</v>
      </c>
      <c r="Q4679">
        <v>17</v>
      </c>
      <c r="R4679">
        <v>17</v>
      </c>
      <c r="S4679">
        <v>17</v>
      </c>
      <c r="T4679">
        <v>17</v>
      </c>
      <c r="U4679">
        <v>17</v>
      </c>
      <c r="V4679">
        <v>17</v>
      </c>
      <c r="W4679">
        <v>17</v>
      </c>
      <c r="X4679">
        <v>17</v>
      </c>
      <c r="Y4679">
        <v>17</v>
      </c>
      <c r="Z4679">
        <v>17</v>
      </c>
      <c r="AA4679">
        <v>17</v>
      </c>
      <c r="AB4679">
        <v>17</v>
      </c>
      <c r="AC4679">
        <v>17</v>
      </c>
      <c r="AD4679">
        <v>16</v>
      </c>
      <c r="AE4679">
        <v>16</v>
      </c>
      <c r="AF4679">
        <v>16</v>
      </c>
      <c r="AG4679">
        <v>16</v>
      </c>
      <c r="AH4679">
        <v>16</v>
      </c>
      <c r="AI4679">
        <v>16</v>
      </c>
      <c r="AJ4679">
        <v>16</v>
      </c>
      <c r="AK4679">
        <v>16</v>
      </c>
      <c r="AL4679">
        <v>16</v>
      </c>
      <c r="AM4679">
        <v>16</v>
      </c>
      <c r="AN4679">
        <v>16</v>
      </c>
      <c r="AO4679">
        <v>16</v>
      </c>
      <c r="AP4679">
        <v>16</v>
      </c>
      <c r="AQ4679">
        <v>16</v>
      </c>
    </row>
    <row r="4680" spans="1:43">
      <c r="A4680" t="s">
        <v>2942</v>
      </c>
      <c r="B4680" t="s">
        <v>2943</v>
      </c>
      <c r="C4680" t="s">
        <v>2940</v>
      </c>
      <c r="D4680" t="s">
        <v>2941</v>
      </c>
      <c r="E4680" t="s">
        <v>2928</v>
      </c>
      <c r="F4680" t="s">
        <v>2929</v>
      </c>
      <c r="G4680" t="s">
        <v>80</v>
      </c>
      <c r="H4680" t="s">
        <v>81</v>
      </c>
      <c r="I4680" s="2">
        <v>1</v>
      </c>
      <c r="J4680" s="2">
        <v>0</v>
      </c>
      <c r="K4680" s="2">
        <v>0</v>
      </c>
      <c r="L4680" t="s">
        <v>120</v>
      </c>
      <c r="M4680" t="s">
        <v>89</v>
      </c>
      <c r="N4680" t="s">
        <v>90</v>
      </c>
      <c r="O4680" t="s">
        <v>85</v>
      </c>
      <c r="P4680" t="s">
        <v>86</v>
      </c>
      <c r="Q4680">
        <v>17</v>
      </c>
      <c r="R4680">
        <v>17</v>
      </c>
      <c r="S4680">
        <v>17</v>
      </c>
      <c r="T4680">
        <v>17</v>
      </c>
      <c r="U4680">
        <v>18</v>
      </c>
      <c r="V4680">
        <v>18</v>
      </c>
      <c r="W4680">
        <v>18</v>
      </c>
      <c r="X4680">
        <v>18</v>
      </c>
      <c r="Y4680">
        <v>18</v>
      </c>
      <c r="Z4680">
        <v>18</v>
      </c>
      <c r="AA4680">
        <v>18</v>
      </c>
      <c r="AB4680">
        <v>18</v>
      </c>
      <c r="AC4680">
        <v>19</v>
      </c>
      <c r="AD4680">
        <v>19</v>
      </c>
      <c r="AE4680">
        <v>19</v>
      </c>
      <c r="AF4680">
        <v>19</v>
      </c>
      <c r="AG4680">
        <v>18</v>
      </c>
      <c r="AH4680">
        <v>18</v>
      </c>
      <c r="AI4680">
        <v>18</v>
      </c>
      <c r="AJ4680">
        <v>18</v>
      </c>
      <c r="AK4680">
        <v>18</v>
      </c>
      <c r="AL4680">
        <v>18</v>
      </c>
      <c r="AM4680">
        <v>18</v>
      </c>
      <c r="AN4680">
        <v>17</v>
      </c>
      <c r="AO4680">
        <v>17</v>
      </c>
      <c r="AP4680">
        <v>17</v>
      </c>
      <c r="AQ4680">
        <v>17</v>
      </c>
    </row>
    <row r="4681" spans="1:43">
      <c r="A4681" t="s">
        <v>2942</v>
      </c>
      <c r="B4681" t="s">
        <v>2943</v>
      </c>
      <c r="C4681" t="s">
        <v>2940</v>
      </c>
      <c r="D4681" t="s">
        <v>2941</v>
      </c>
      <c r="E4681" t="s">
        <v>2928</v>
      </c>
      <c r="F4681" t="s">
        <v>2929</v>
      </c>
      <c r="G4681" t="s">
        <v>80</v>
      </c>
      <c r="H4681" t="s">
        <v>81</v>
      </c>
      <c r="I4681" s="2">
        <v>1</v>
      </c>
      <c r="J4681" s="2">
        <v>0</v>
      </c>
      <c r="K4681" s="2">
        <v>0</v>
      </c>
      <c r="L4681" t="s">
        <v>120</v>
      </c>
      <c r="M4681" t="s">
        <v>83</v>
      </c>
      <c r="N4681" t="s">
        <v>91</v>
      </c>
      <c r="O4681" t="s">
        <v>85</v>
      </c>
      <c r="P4681" t="s">
        <v>86</v>
      </c>
      <c r="Q4681">
        <v>17</v>
      </c>
      <c r="R4681">
        <v>17</v>
      </c>
      <c r="S4681">
        <v>17</v>
      </c>
      <c r="T4681">
        <v>17</v>
      </c>
      <c r="U4681">
        <v>17</v>
      </c>
      <c r="V4681">
        <v>17</v>
      </c>
      <c r="W4681">
        <v>17</v>
      </c>
      <c r="X4681">
        <v>17</v>
      </c>
      <c r="Y4681">
        <v>17</v>
      </c>
      <c r="Z4681">
        <v>17</v>
      </c>
      <c r="AA4681">
        <v>17</v>
      </c>
      <c r="AB4681">
        <v>17</v>
      </c>
      <c r="AC4681">
        <v>17</v>
      </c>
      <c r="AD4681">
        <v>17</v>
      </c>
      <c r="AE4681">
        <v>17</v>
      </c>
      <c r="AF4681">
        <v>17</v>
      </c>
      <c r="AG4681">
        <v>17</v>
      </c>
      <c r="AH4681">
        <v>17</v>
      </c>
      <c r="AI4681">
        <v>17</v>
      </c>
      <c r="AJ4681">
        <v>18</v>
      </c>
      <c r="AK4681">
        <v>18</v>
      </c>
      <c r="AL4681">
        <v>17</v>
      </c>
      <c r="AM4681">
        <v>17</v>
      </c>
      <c r="AN4681">
        <v>17</v>
      </c>
      <c r="AO4681">
        <v>17</v>
      </c>
      <c r="AP4681">
        <v>17</v>
      </c>
      <c r="AQ4681">
        <v>17</v>
      </c>
    </row>
    <row r="4682" spans="1:43">
      <c r="A4682" t="s">
        <v>2944</v>
      </c>
      <c r="B4682" t="s">
        <v>2945</v>
      </c>
      <c r="C4682" t="s">
        <v>2926</v>
      </c>
      <c r="D4682" t="s">
        <v>2927</v>
      </c>
      <c r="E4682" t="s">
        <v>2928</v>
      </c>
      <c r="F4682" t="s">
        <v>2929</v>
      </c>
      <c r="G4682" t="s">
        <v>80</v>
      </c>
      <c r="H4682" t="s">
        <v>81</v>
      </c>
      <c r="I4682" s="2">
        <v>1</v>
      </c>
      <c r="J4682" s="2">
        <v>0</v>
      </c>
      <c r="K4682" s="2">
        <v>0</v>
      </c>
      <c r="L4682" t="s">
        <v>120</v>
      </c>
      <c r="M4682" t="s">
        <v>83</v>
      </c>
      <c r="N4682" t="s">
        <v>84</v>
      </c>
      <c r="O4682" t="s">
        <v>85</v>
      </c>
      <c r="P4682" t="s">
        <v>86</v>
      </c>
      <c r="Q4682">
        <v>29</v>
      </c>
      <c r="R4682">
        <v>29</v>
      </c>
      <c r="S4682">
        <v>29</v>
      </c>
      <c r="T4682">
        <v>29</v>
      </c>
      <c r="U4682">
        <v>29</v>
      </c>
      <c r="V4682">
        <v>29</v>
      </c>
      <c r="W4682">
        <v>30</v>
      </c>
      <c r="X4682">
        <v>30</v>
      </c>
      <c r="Y4682">
        <v>30</v>
      </c>
      <c r="Z4682">
        <v>30</v>
      </c>
      <c r="AA4682">
        <v>30</v>
      </c>
      <c r="AB4682">
        <v>30</v>
      </c>
      <c r="AC4682">
        <v>30</v>
      </c>
      <c r="AD4682">
        <v>30</v>
      </c>
      <c r="AE4682">
        <v>30</v>
      </c>
      <c r="AF4682">
        <v>30</v>
      </c>
      <c r="AG4682">
        <v>30</v>
      </c>
      <c r="AH4682">
        <v>30</v>
      </c>
      <c r="AI4682">
        <v>30</v>
      </c>
      <c r="AJ4682">
        <v>30</v>
      </c>
      <c r="AK4682">
        <v>30</v>
      </c>
      <c r="AL4682">
        <v>30</v>
      </c>
      <c r="AM4682">
        <v>30</v>
      </c>
      <c r="AN4682">
        <v>30</v>
      </c>
      <c r="AO4682">
        <v>29</v>
      </c>
      <c r="AP4682">
        <v>29</v>
      </c>
      <c r="AQ4682">
        <v>29</v>
      </c>
    </row>
    <row r="4683" spans="1:43">
      <c r="A4683" t="s">
        <v>2944</v>
      </c>
      <c r="B4683" t="s">
        <v>2945</v>
      </c>
      <c r="C4683" t="s">
        <v>2926</v>
      </c>
      <c r="D4683" t="s">
        <v>2927</v>
      </c>
      <c r="E4683" t="s">
        <v>2928</v>
      </c>
      <c r="F4683" t="s">
        <v>2929</v>
      </c>
      <c r="G4683" t="s">
        <v>80</v>
      </c>
      <c r="H4683" t="s">
        <v>81</v>
      </c>
      <c r="I4683" s="2">
        <v>1</v>
      </c>
      <c r="J4683" s="2">
        <v>0</v>
      </c>
      <c r="K4683" s="2">
        <v>0</v>
      </c>
      <c r="L4683" t="s">
        <v>120</v>
      </c>
      <c r="M4683" t="s">
        <v>87</v>
      </c>
      <c r="N4683" t="s">
        <v>88</v>
      </c>
      <c r="O4683" t="s">
        <v>85</v>
      </c>
      <c r="P4683" t="s">
        <v>86</v>
      </c>
      <c r="Q4683">
        <v>29</v>
      </c>
      <c r="R4683">
        <v>28</v>
      </c>
      <c r="S4683">
        <v>28</v>
      </c>
      <c r="T4683">
        <v>28</v>
      </c>
      <c r="U4683">
        <v>28</v>
      </c>
      <c r="V4683">
        <v>28</v>
      </c>
      <c r="W4683">
        <v>28</v>
      </c>
      <c r="X4683">
        <v>28</v>
      </c>
      <c r="Y4683">
        <v>27</v>
      </c>
      <c r="Z4683">
        <v>27</v>
      </c>
      <c r="AA4683">
        <v>27</v>
      </c>
      <c r="AB4683">
        <v>27</v>
      </c>
      <c r="AC4683">
        <v>27</v>
      </c>
      <c r="AD4683">
        <v>27</v>
      </c>
      <c r="AE4683">
        <v>27</v>
      </c>
      <c r="AF4683">
        <v>27</v>
      </c>
      <c r="AG4683">
        <v>26</v>
      </c>
      <c r="AH4683">
        <v>26</v>
      </c>
      <c r="AI4683">
        <v>26</v>
      </c>
      <c r="AJ4683">
        <v>26</v>
      </c>
      <c r="AK4683">
        <v>26</v>
      </c>
      <c r="AL4683">
        <v>26</v>
      </c>
      <c r="AM4683">
        <v>26</v>
      </c>
      <c r="AN4683">
        <v>26</v>
      </c>
      <c r="AO4683">
        <v>25</v>
      </c>
      <c r="AP4683">
        <v>25</v>
      </c>
      <c r="AQ4683">
        <v>25</v>
      </c>
    </row>
    <row r="4684" spans="1:43">
      <c r="A4684" t="s">
        <v>2944</v>
      </c>
      <c r="B4684" t="s">
        <v>2945</v>
      </c>
      <c r="C4684" t="s">
        <v>2926</v>
      </c>
      <c r="D4684" t="s">
        <v>2927</v>
      </c>
      <c r="E4684" t="s">
        <v>2928</v>
      </c>
      <c r="F4684" t="s">
        <v>2929</v>
      </c>
      <c r="G4684" t="s">
        <v>80</v>
      </c>
      <c r="H4684" t="s">
        <v>81</v>
      </c>
      <c r="I4684" s="2">
        <v>1</v>
      </c>
      <c r="J4684" s="2">
        <v>0</v>
      </c>
      <c r="K4684" s="2">
        <v>0</v>
      </c>
      <c r="L4684" t="s">
        <v>120</v>
      </c>
      <c r="M4684" t="s">
        <v>89</v>
      </c>
      <c r="N4684" t="s">
        <v>90</v>
      </c>
      <c r="O4684" t="s">
        <v>85</v>
      </c>
      <c r="P4684" t="s">
        <v>86</v>
      </c>
      <c r="Q4684">
        <v>29</v>
      </c>
      <c r="R4684">
        <v>29</v>
      </c>
      <c r="S4684">
        <v>30</v>
      </c>
      <c r="T4684">
        <v>30</v>
      </c>
      <c r="U4684">
        <v>30</v>
      </c>
      <c r="V4684">
        <v>31</v>
      </c>
      <c r="W4684">
        <v>31</v>
      </c>
      <c r="X4684">
        <v>31</v>
      </c>
      <c r="Y4684">
        <v>31</v>
      </c>
      <c r="Z4684">
        <v>32</v>
      </c>
      <c r="AA4684">
        <v>32</v>
      </c>
      <c r="AB4684">
        <v>32</v>
      </c>
      <c r="AC4684">
        <v>32</v>
      </c>
      <c r="AD4684">
        <v>32</v>
      </c>
      <c r="AE4684">
        <v>32</v>
      </c>
      <c r="AF4684">
        <v>32</v>
      </c>
      <c r="AG4684">
        <v>32</v>
      </c>
      <c r="AH4684">
        <v>31</v>
      </c>
      <c r="AI4684">
        <v>31</v>
      </c>
      <c r="AJ4684">
        <v>31</v>
      </c>
      <c r="AK4684">
        <v>31</v>
      </c>
      <c r="AL4684">
        <v>30</v>
      </c>
      <c r="AM4684">
        <v>30</v>
      </c>
      <c r="AN4684">
        <v>30</v>
      </c>
      <c r="AO4684">
        <v>30</v>
      </c>
      <c r="AP4684">
        <v>29</v>
      </c>
      <c r="AQ4684">
        <v>29</v>
      </c>
    </row>
    <row r="4685" spans="1:43">
      <c r="A4685" t="s">
        <v>2944</v>
      </c>
      <c r="B4685" t="s">
        <v>2945</v>
      </c>
      <c r="C4685" t="s">
        <v>2926</v>
      </c>
      <c r="D4685" t="s">
        <v>2927</v>
      </c>
      <c r="E4685" t="s">
        <v>2928</v>
      </c>
      <c r="F4685" t="s">
        <v>2929</v>
      </c>
      <c r="G4685" t="s">
        <v>80</v>
      </c>
      <c r="H4685" t="s">
        <v>81</v>
      </c>
      <c r="I4685" s="2">
        <v>1</v>
      </c>
      <c r="J4685" s="2">
        <v>0</v>
      </c>
      <c r="K4685" s="2">
        <v>0</v>
      </c>
      <c r="L4685" t="s">
        <v>120</v>
      </c>
      <c r="M4685" t="s">
        <v>83</v>
      </c>
      <c r="N4685" t="s">
        <v>91</v>
      </c>
      <c r="O4685" t="s">
        <v>85</v>
      </c>
      <c r="P4685" t="s">
        <v>86</v>
      </c>
      <c r="Q4685">
        <v>29</v>
      </c>
      <c r="R4685">
        <v>29</v>
      </c>
      <c r="S4685">
        <v>29</v>
      </c>
      <c r="T4685">
        <v>29</v>
      </c>
      <c r="U4685">
        <v>29</v>
      </c>
      <c r="V4685">
        <v>29</v>
      </c>
      <c r="W4685">
        <v>30</v>
      </c>
      <c r="X4685">
        <v>30</v>
      </c>
      <c r="Y4685">
        <v>30</v>
      </c>
      <c r="Z4685">
        <v>30</v>
      </c>
      <c r="AA4685">
        <v>30</v>
      </c>
      <c r="AB4685">
        <v>30</v>
      </c>
      <c r="AC4685">
        <v>30</v>
      </c>
      <c r="AD4685">
        <v>30</v>
      </c>
      <c r="AE4685">
        <v>30</v>
      </c>
      <c r="AF4685">
        <v>30</v>
      </c>
      <c r="AG4685">
        <v>30</v>
      </c>
      <c r="AH4685">
        <v>30</v>
      </c>
      <c r="AI4685">
        <v>30</v>
      </c>
      <c r="AJ4685">
        <v>30</v>
      </c>
      <c r="AK4685">
        <v>30</v>
      </c>
      <c r="AL4685">
        <v>30</v>
      </c>
      <c r="AM4685">
        <v>30</v>
      </c>
      <c r="AN4685">
        <v>30</v>
      </c>
      <c r="AO4685">
        <v>29</v>
      </c>
      <c r="AP4685">
        <v>29</v>
      </c>
      <c r="AQ4685">
        <v>29</v>
      </c>
    </row>
    <row r="4686" spans="1:43">
      <c r="A4686" t="s">
        <v>2946</v>
      </c>
      <c r="B4686" t="s">
        <v>2947</v>
      </c>
      <c r="C4686" t="s">
        <v>2940</v>
      </c>
      <c r="D4686" t="s">
        <v>2941</v>
      </c>
      <c r="E4686" t="s">
        <v>2928</v>
      </c>
      <c r="F4686" t="s">
        <v>2929</v>
      </c>
      <c r="G4686" t="s">
        <v>80</v>
      </c>
      <c r="H4686" t="s">
        <v>81</v>
      </c>
      <c r="I4686" s="2">
        <v>1</v>
      </c>
      <c r="J4686" s="2">
        <v>0</v>
      </c>
      <c r="K4686" s="2">
        <v>0</v>
      </c>
      <c r="L4686" t="s">
        <v>120</v>
      </c>
      <c r="M4686" t="s">
        <v>83</v>
      </c>
      <c r="N4686" t="s">
        <v>84</v>
      </c>
      <c r="O4686" t="s">
        <v>85</v>
      </c>
      <c r="P4686" t="s">
        <v>86</v>
      </c>
      <c r="Q4686">
        <v>42</v>
      </c>
      <c r="R4686">
        <v>42</v>
      </c>
      <c r="S4686">
        <v>42</v>
      </c>
      <c r="T4686">
        <v>42</v>
      </c>
      <c r="U4686">
        <v>42</v>
      </c>
      <c r="V4686">
        <v>43</v>
      </c>
      <c r="W4686">
        <v>43</v>
      </c>
      <c r="X4686">
        <v>43</v>
      </c>
      <c r="Y4686">
        <v>43</v>
      </c>
      <c r="Z4686">
        <v>43</v>
      </c>
      <c r="AA4686">
        <v>43</v>
      </c>
      <c r="AB4686">
        <v>43</v>
      </c>
      <c r="AC4686">
        <v>43</v>
      </c>
      <c r="AD4686">
        <v>44</v>
      </c>
      <c r="AE4686">
        <v>44</v>
      </c>
      <c r="AF4686">
        <v>44</v>
      </c>
      <c r="AG4686">
        <v>44</v>
      </c>
      <c r="AH4686">
        <v>44</v>
      </c>
      <c r="AI4686">
        <v>44</v>
      </c>
      <c r="AJ4686">
        <v>44</v>
      </c>
      <c r="AK4686">
        <v>44</v>
      </c>
      <c r="AL4686">
        <v>44</v>
      </c>
      <c r="AM4686">
        <v>44</v>
      </c>
      <c r="AN4686">
        <v>43</v>
      </c>
      <c r="AO4686">
        <v>43</v>
      </c>
      <c r="AP4686">
        <v>43</v>
      </c>
      <c r="AQ4686">
        <v>42</v>
      </c>
    </row>
    <row r="4687" spans="1:43">
      <c r="A4687" t="s">
        <v>2946</v>
      </c>
      <c r="B4687" t="s">
        <v>2947</v>
      </c>
      <c r="C4687" t="s">
        <v>2940</v>
      </c>
      <c r="D4687" t="s">
        <v>2941</v>
      </c>
      <c r="E4687" t="s">
        <v>2928</v>
      </c>
      <c r="F4687" t="s">
        <v>2929</v>
      </c>
      <c r="G4687" t="s">
        <v>80</v>
      </c>
      <c r="H4687" t="s">
        <v>81</v>
      </c>
      <c r="I4687" s="2">
        <v>1</v>
      </c>
      <c r="J4687" s="2">
        <v>0</v>
      </c>
      <c r="K4687" s="2">
        <v>0</v>
      </c>
      <c r="L4687" t="s">
        <v>120</v>
      </c>
      <c r="M4687" t="s">
        <v>87</v>
      </c>
      <c r="N4687" t="s">
        <v>88</v>
      </c>
      <c r="O4687" t="s">
        <v>85</v>
      </c>
      <c r="P4687" t="s">
        <v>86</v>
      </c>
      <c r="Q4687">
        <v>42</v>
      </c>
      <c r="R4687">
        <v>42</v>
      </c>
      <c r="S4687">
        <v>42</v>
      </c>
      <c r="T4687">
        <v>42</v>
      </c>
      <c r="U4687">
        <v>42</v>
      </c>
      <c r="V4687">
        <v>41</v>
      </c>
      <c r="W4687">
        <v>41</v>
      </c>
      <c r="X4687">
        <v>41</v>
      </c>
      <c r="Y4687">
        <v>41</v>
      </c>
      <c r="Z4687">
        <v>41</v>
      </c>
      <c r="AA4687">
        <v>40</v>
      </c>
      <c r="AB4687">
        <v>40</v>
      </c>
      <c r="AC4687">
        <v>40</v>
      </c>
      <c r="AD4687">
        <v>40</v>
      </c>
      <c r="AE4687">
        <v>40</v>
      </c>
      <c r="AF4687">
        <v>39</v>
      </c>
      <c r="AG4687">
        <v>39</v>
      </c>
      <c r="AH4687">
        <v>39</v>
      </c>
      <c r="AI4687">
        <v>39</v>
      </c>
      <c r="AJ4687">
        <v>39</v>
      </c>
      <c r="AK4687">
        <v>39</v>
      </c>
      <c r="AL4687">
        <v>38</v>
      </c>
      <c r="AM4687">
        <v>38</v>
      </c>
      <c r="AN4687">
        <v>38</v>
      </c>
      <c r="AO4687">
        <v>38</v>
      </c>
      <c r="AP4687">
        <v>38</v>
      </c>
      <c r="AQ4687">
        <v>37</v>
      </c>
    </row>
    <row r="4688" spans="1:43">
      <c r="A4688" t="s">
        <v>2946</v>
      </c>
      <c r="B4688" t="s">
        <v>2947</v>
      </c>
      <c r="C4688" t="s">
        <v>2940</v>
      </c>
      <c r="D4688" t="s">
        <v>2941</v>
      </c>
      <c r="E4688" t="s">
        <v>2928</v>
      </c>
      <c r="F4688" t="s">
        <v>2929</v>
      </c>
      <c r="G4688" t="s">
        <v>80</v>
      </c>
      <c r="H4688" t="s">
        <v>81</v>
      </c>
      <c r="I4688" s="2">
        <v>1</v>
      </c>
      <c r="J4688" s="2">
        <v>0</v>
      </c>
      <c r="K4688" s="2">
        <v>0</v>
      </c>
      <c r="L4688" t="s">
        <v>120</v>
      </c>
      <c r="M4688" t="s">
        <v>89</v>
      </c>
      <c r="N4688" t="s">
        <v>90</v>
      </c>
      <c r="O4688" t="s">
        <v>85</v>
      </c>
      <c r="P4688" t="s">
        <v>86</v>
      </c>
      <c r="Q4688">
        <v>42</v>
      </c>
      <c r="R4688">
        <v>43</v>
      </c>
      <c r="S4688">
        <v>43</v>
      </c>
      <c r="T4688">
        <v>44</v>
      </c>
      <c r="U4688">
        <v>44</v>
      </c>
      <c r="V4688">
        <v>45</v>
      </c>
      <c r="W4688">
        <v>45</v>
      </c>
      <c r="X4688">
        <v>45</v>
      </c>
      <c r="Y4688">
        <v>46</v>
      </c>
      <c r="Z4688">
        <v>46</v>
      </c>
      <c r="AA4688">
        <v>46</v>
      </c>
      <c r="AB4688">
        <v>46</v>
      </c>
      <c r="AC4688">
        <v>47</v>
      </c>
      <c r="AD4688">
        <v>47</v>
      </c>
      <c r="AE4688">
        <v>47</v>
      </c>
      <c r="AF4688">
        <v>47</v>
      </c>
      <c r="AG4688">
        <v>46</v>
      </c>
      <c r="AH4688">
        <v>46</v>
      </c>
      <c r="AI4688">
        <v>46</v>
      </c>
      <c r="AJ4688">
        <v>45</v>
      </c>
      <c r="AK4688">
        <v>45</v>
      </c>
      <c r="AL4688">
        <v>45</v>
      </c>
      <c r="AM4688">
        <v>44</v>
      </c>
      <c r="AN4688">
        <v>44</v>
      </c>
      <c r="AO4688">
        <v>44</v>
      </c>
      <c r="AP4688">
        <v>43</v>
      </c>
      <c r="AQ4688">
        <v>43</v>
      </c>
    </row>
    <row r="4689" spans="1:43">
      <c r="A4689" t="s">
        <v>2946</v>
      </c>
      <c r="B4689" t="s">
        <v>2947</v>
      </c>
      <c r="C4689" t="s">
        <v>2940</v>
      </c>
      <c r="D4689" t="s">
        <v>2941</v>
      </c>
      <c r="E4689" t="s">
        <v>2928</v>
      </c>
      <c r="F4689" t="s">
        <v>2929</v>
      </c>
      <c r="G4689" t="s">
        <v>80</v>
      </c>
      <c r="H4689" t="s">
        <v>81</v>
      </c>
      <c r="I4689" s="2">
        <v>1</v>
      </c>
      <c r="J4689" s="2">
        <v>0</v>
      </c>
      <c r="K4689" s="2">
        <v>0</v>
      </c>
      <c r="L4689" t="s">
        <v>120</v>
      </c>
      <c r="M4689" t="s">
        <v>83</v>
      </c>
      <c r="N4689" t="s">
        <v>91</v>
      </c>
      <c r="O4689" t="s">
        <v>85</v>
      </c>
      <c r="P4689" t="s">
        <v>86</v>
      </c>
      <c r="Q4689">
        <v>42</v>
      </c>
      <c r="R4689">
        <v>42</v>
      </c>
      <c r="S4689">
        <v>42</v>
      </c>
      <c r="T4689">
        <v>42</v>
      </c>
      <c r="U4689">
        <v>42</v>
      </c>
      <c r="V4689">
        <v>43</v>
      </c>
      <c r="W4689">
        <v>43</v>
      </c>
      <c r="X4689">
        <v>43</v>
      </c>
      <c r="Y4689">
        <v>43</v>
      </c>
      <c r="Z4689">
        <v>43</v>
      </c>
      <c r="AA4689">
        <v>43</v>
      </c>
      <c r="AB4689">
        <v>43</v>
      </c>
      <c r="AC4689">
        <v>43</v>
      </c>
      <c r="AD4689">
        <v>44</v>
      </c>
      <c r="AE4689">
        <v>44</v>
      </c>
      <c r="AF4689">
        <v>44</v>
      </c>
      <c r="AG4689">
        <v>44</v>
      </c>
      <c r="AH4689">
        <v>44</v>
      </c>
      <c r="AI4689">
        <v>44</v>
      </c>
      <c r="AJ4689">
        <v>44</v>
      </c>
      <c r="AK4689">
        <v>44</v>
      </c>
      <c r="AL4689">
        <v>44</v>
      </c>
      <c r="AM4689">
        <v>44</v>
      </c>
      <c r="AN4689">
        <v>43</v>
      </c>
      <c r="AO4689">
        <v>43</v>
      </c>
      <c r="AP4689">
        <v>43</v>
      </c>
      <c r="AQ4689">
        <v>42</v>
      </c>
    </row>
    <row r="4690" spans="1:43">
      <c r="A4690" t="s">
        <v>2948</v>
      </c>
      <c r="B4690" t="s">
        <v>2949</v>
      </c>
      <c r="C4690" t="s">
        <v>2950</v>
      </c>
      <c r="D4690" t="s">
        <v>2951</v>
      </c>
      <c r="E4690" t="s">
        <v>2928</v>
      </c>
      <c r="F4690" t="s">
        <v>2929</v>
      </c>
      <c r="G4690" t="s">
        <v>80</v>
      </c>
      <c r="H4690" t="s">
        <v>81</v>
      </c>
      <c r="I4690" s="2">
        <v>1</v>
      </c>
      <c r="J4690" s="2">
        <v>0</v>
      </c>
      <c r="K4690" s="2">
        <v>0</v>
      </c>
      <c r="L4690" t="s">
        <v>120</v>
      </c>
      <c r="M4690" t="s">
        <v>83</v>
      </c>
      <c r="N4690" t="s">
        <v>84</v>
      </c>
      <c r="O4690" t="s">
        <v>85</v>
      </c>
      <c r="P4690" t="s">
        <v>86</v>
      </c>
      <c r="Q4690">
        <v>22</v>
      </c>
      <c r="R4690">
        <v>22</v>
      </c>
      <c r="S4690">
        <v>22</v>
      </c>
      <c r="T4690">
        <v>22</v>
      </c>
      <c r="U4690">
        <v>22</v>
      </c>
      <c r="V4690">
        <v>23</v>
      </c>
      <c r="W4690">
        <v>23</v>
      </c>
      <c r="X4690">
        <v>23</v>
      </c>
      <c r="Y4690">
        <v>23</v>
      </c>
      <c r="Z4690">
        <v>23</v>
      </c>
      <c r="AA4690">
        <v>23</v>
      </c>
      <c r="AB4690">
        <v>23</v>
      </c>
      <c r="AC4690">
        <v>23</v>
      </c>
      <c r="AD4690">
        <v>23</v>
      </c>
      <c r="AE4690">
        <v>23</v>
      </c>
      <c r="AF4690">
        <v>23</v>
      </c>
      <c r="AG4690">
        <v>23</v>
      </c>
      <c r="AH4690">
        <v>23</v>
      </c>
      <c r="AI4690">
        <v>23</v>
      </c>
      <c r="AJ4690">
        <v>23</v>
      </c>
      <c r="AK4690">
        <v>23</v>
      </c>
      <c r="AL4690">
        <v>23</v>
      </c>
      <c r="AM4690">
        <v>23</v>
      </c>
      <c r="AN4690">
        <v>23</v>
      </c>
      <c r="AO4690">
        <v>22</v>
      </c>
      <c r="AP4690">
        <v>22</v>
      </c>
      <c r="AQ4690">
        <v>22</v>
      </c>
    </row>
    <row r="4691" spans="1:43">
      <c r="A4691" t="s">
        <v>2948</v>
      </c>
      <c r="B4691" t="s">
        <v>2949</v>
      </c>
      <c r="C4691" t="s">
        <v>2950</v>
      </c>
      <c r="D4691" t="s">
        <v>2951</v>
      </c>
      <c r="E4691" t="s">
        <v>2928</v>
      </c>
      <c r="F4691" t="s">
        <v>2929</v>
      </c>
      <c r="G4691" t="s">
        <v>80</v>
      </c>
      <c r="H4691" t="s">
        <v>81</v>
      </c>
      <c r="I4691" s="2">
        <v>1</v>
      </c>
      <c r="J4691" s="2">
        <v>0</v>
      </c>
      <c r="K4691" s="2">
        <v>0</v>
      </c>
      <c r="L4691" t="s">
        <v>120</v>
      </c>
      <c r="M4691" t="s">
        <v>87</v>
      </c>
      <c r="N4691" t="s">
        <v>88</v>
      </c>
      <c r="O4691" t="s">
        <v>85</v>
      </c>
      <c r="P4691" t="s">
        <v>86</v>
      </c>
      <c r="Q4691">
        <v>22</v>
      </c>
      <c r="R4691">
        <v>22</v>
      </c>
      <c r="S4691">
        <v>22</v>
      </c>
      <c r="T4691">
        <v>22</v>
      </c>
      <c r="U4691">
        <v>21</v>
      </c>
      <c r="V4691">
        <v>21</v>
      </c>
      <c r="W4691">
        <v>21</v>
      </c>
      <c r="X4691">
        <v>21</v>
      </c>
      <c r="Y4691">
        <v>21</v>
      </c>
      <c r="Z4691">
        <v>21</v>
      </c>
      <c r="AA4691">
        <v>21</v>
      </c>
      <c r="AB4691">
        <v>21</v>
      </c>
      <c r="AC4691">
        <v>21</v>
      </c>
      <c r="AD4691">
        <v>20</v>
      </c>
      <c r="AE4691">
        <v>20</v>
      </c>
      <c r="AF4691">
        <v>20</v>
      </c>
      <c r="AG4691">
        <v>20</v>
      </c>
      <c r="AH4691">
        <v>20</v>
      </c>
      <c r="AI4691">
        <v>20</v>
      </c>
      <c r="AJ4691">
        <v>20</v>
      </c>
      <c r="AK4691">
        <v>20</v>
      </c>
      <c r="AL4691">
        <v>20</v>
      </c>
      <c r="AM4691">
        <v>20</v>
      </c>
      <c r="AN4691">
        <v>19</v>
      </c>
      <c r="AO4691">
        <v>19</v>
      </c>
      <c r="AP4691">
        <v>19</v>
      </c>
      <c r="AQ4691">
        <v>19</v>
      </c>
    </row>
    <row r="4692" spans="1:43">
      <c r="A4692" t="s">
        <v>2948</v>
      </c>
      <c r="B4692" t="s">
        <v>2949</v>
      </c>
      <c r="C4692" t="s">
        <v>2950</v>
      </c>
      <c r="D4692" t="s">
        <v>2951</v>
      </c>
      <c r="E4692" t="s">
        <v>2928</v>
      </c>
      <c r="F4692" t="s">
        <v>2929</v>
      </c>
      <c r="G4692" t="s">
        <v>80</v>
      </c>
      <c r="H4692" t="s">
        <v>81</v>
      </c>
      <c r="I4692" s="2">
        <v>1</v>
      </c>
      <c r="J4692" s="2">
        <v>0</v>
      </c>
      <c r="K4692" s="2">
        <v>0</v>
      </c>
      <c r="L4692" t="s">
        <v>120</v>
      </c>
      <c r="M4692" t="s">
        <v>89</v>
      </c>
      <c r="N4692" t="s">
        <v>90</v>
      </c>
      <c r="O4692" t="s">
        <v>85</v>
      </c>
      <c r="P4692" t="s">
        <v>86</v>
      </c>
      <c r="Q4692">
        <v>22</v>
      </c>
      <c r="R4692">
        <v>23</v>
      </c>
      <c r="S4692">
        <v>23</v>
      </c>
      <c r="T4692">
        <v>23</v>
      </c>
      <c r="U4692">
        <v>23</v>
      </c>
      <c r="V4692">
        <v>24</v>
      </c>
      <c r="W4692">
        <v>24</v>
      </c>
      <c r="X4692">
        <v>24</v>
      </c>
      <c r="Y4692">
        <v>24</v>
      </c>
      <c r="Z4692">
        <v>24</v>
      </c>
      <c r="AA4692">
        <v>24</v>
      </c>
      <c r="AB4692">
        <v>24</v>
      </c>
      <c r="AC4692">
        <v>24</v>
      </c>
      <c r="AD4692">
        <v>25</v>
      </c>
      <c r="AE4692">
        <v>25</v>
      </c>
      <c r="AF4692">
        <v>24</v>
      </c>
      <c r="AG4692">
        <v>24</v>
      </c>
      <c r="AH4692">
        <v>24</v>
      </c>
      <c r="AI4692">
        <v>24</v>
      </c>
      <c r="AJ4692">
        <v>24</v>
      </c>
      <c r="AK4692">
        <v>23</v>
      </c>
      <c r="AL4692">
        <v>23</v>
      </c>
      <c r="AM4692">
        <v>23</v>
      </c>
      <c r="AN4692">
        <v>23</v>
      </c>
      <c r="AO4692">
        <v>23</v>
      </c>
      <c r="AP4692">
        <v>22</v>
      </c>
      <c r="AQ4692">
        <v>22</v>
      </c>
    </row>
    <row r="4693" spans="1:43">
      <c r="A4693" t="s">
        <v>2948</v>
      </c>
      <c r="B4693" t="s">
        <v>2949</v>
      </c>
      <c r="C4693" t="s">
        <v>2950</v>
      </c>
      <c r="D4693" t="s">
        <v>2951</v>
      </c>
      <c r="E4693" t="s">
        <v>2928</v>
      </c>
      <c r="F4693" t="s">
        <v>2929</v>
      </c>
      <c r="G4693" t="s">
        <v>80</v>
      </c>
      <c r="H4693" t="s">
        <v>81</v>
      </c>
      <c r="I4693" s="2">
        <v>1</v>
      </c>
      <c r="J4693" s="2">
        <v>0</v>
      </c>
      <c r="K4693" s="2">
        <v>0</v>
      </c>
      <c r="L4693" t="s">
        <v>120</v>
      </c>
      <c r="M4693" t="s">
        <v>83</v>
      </c>
      <c r="N4693" t="s">
        <v>91</v>
      </c>
      <c r="O4693" t="s">
        <v>85</v>
      </c>
      <c r="P4693" t="s">
        <v>86</v>
      </c>
      <c r="Q4693">
        <v>22</v>
      </c>
      <c r="R4693">
        <v>22</v>
      </c>
      <c r="S4693">
        <v>22</v>
      </c>
      <c r="T4693">
        <v>22</v>
      </c>
      <c r="U4693">
        <v>22</v>
      </c>
      <c r="V4693">
        <v>23</v>
      </c>
      <c r="W4693">
        <v>23</v>
      </c>
      <c r="X4693">
        <v>23</v>
      </c>
      <c r="Y4693">
        <v>23</v>
      </c>
      <c r="Z4693">
        <v>23</v>
      </c>
      <c r="AA4693">
        <v>23</v>
      </c>
      <c r="AB4693">
        <v>23</v>
      </c>
      <c r="AC4693">
        <v>23</v>
      </c>
      <c r="AD4693">
        <v>23</v>
      </c>
      <c r="AE4693">
        <v>23</v>
      </c>
      <c r="AF4693">
        <v>23</v>
      </c>
      <c r="AG4693">
        <v>23</v>
      </c>
      <c r="AH4693">
        <v>23</v>
      </c>
      <c r="AI4693">
        <v>23</v>
      </c>
      <c r="AJ4693">
        <v>23</v>
      </c>
      <c r="AK4693">
        <v>23</v>
      </c>
      <c r="AL4693">
        <v>23</v>
      </c>
      <c r="AM4693">
        <v>23</v>
      </c>
      <c r="AN4693">
        <v>23</v>
      </c>
      <c r="AO4693">
        <v>22</v>
      </c>
      <c r="AP4693">
        <v>22</v>
      </c>
      <c r="AQ4693">
        <v>22</v>
      </c>
    </row>
    <row r="4694" spans="1:43">
      <c r="A4694" t="s">
        <v>2952</v>
      </c>
      <c r="B4694" t="s">
        <v>2953</v>
      </c>
      <c r="C4694" t="s">
        <v>2950</v>
      </c>
      <c r="D4694" t="s">
        <v>2951</v>
      </c>
      <c r="E4694" t="s">
        <v>2928</v>
      </c>
      <c r="F4694" t="s">
        <v>2929</v>
      </c>
      <c r="G4694" t="s">
        <v>80</v>
      </c>
      <c r="H4694" t="s">
        <v>81</v>
      </c>
      <c r="I4694" s="2">
        <v>1</v>
      </c>
      <c r="J4694" s="2">
        <v>0</v>
      </c>
      <c r="K4694" s="2">
        <v>0</v>
      </c>
      <c r="L4694" t="s">
        <v>120</v>
      </c>
      <c r="M4694" t="s">
        <v>83</v>
      </c>
      <c r="N4694" t="s">
        <v>84</v>
      </c>
      <c r="O4694" t="s">
        <v>85</v>
      </c>
      <c r="P4694" t="s">
        <v>86</v>
      </c>
      <c r="Q4694">
        <v>20</v>
      </c>
      <c r="R4694">
        <v>20</v>
      </c>
      <c r="S4694">
        <v>20</v>
      </c>
      <c r="T4694">
        <v>20</v>
      </c>
      <c r="U4694">
        <v>20</v>
      </c>
      <c r="V4694">
        <v>20</v>
      </c>
      <c r="W4694">
        <v>20</v>
      </c>
      <c r="X4694">
        <v>20</v>
      </c>
      <c r="Y4694">
        <v>20</v>
      </c>
      <c r="Z4694">
        <v>20</v>
      </c>
      <c r="AA4694">
        <v>20</v>
      </c>
      <c r="AB4694">
        <v>20</v>
      </c>
      <c r="AC4694">
        <v>20</v>
      </c>
      <c r="AD4694">
        <v>20</v>
      </c>
      <c r="AE4694">
        <v>20</v>
      </c>
      <c r="AF4694">
        <v>20</v>
      </c>
      <c r="AG4694">
        <v>20</v>
      </c>
      <c r="AH4694">
        <v>20</v>
      </c>
      <c r="AI4694">
        <v>20</v>
      </c>
      <c r="AJ4694">
        <v>20</v>
      </c>
      <c r="AK4694">
        <v>20</v>
      </c>
      <c r="AL4694">
        <v>20</v>
      </c>
      <c r="AM4694">
        <v>20</v>
      </c>
      <c r="AN4694">
        <v>20</v>
      </c>
      <c r="AO4694">
        <v>20</v>
      </c>
      <c r="AP4694">
        <v>20</v>
      </c>
      <c r="AQ4694">
        <v>20</v>
      </c>
    </row>
    <row r="4695" spans="1:43">
      <c r="A4695" t="s">
        <v>2952</v>
      </c>
      <c r="B4695" t="s">
        <v>2953</v>
      </c>
      <c r="C4695" t="s">
        <v>2950</v>
      </c>
      <c r="D4695" t="s">
        <v>2951</v>
      </c>
      <c r="E4695" t="s">
        <v>2928</v>
      </c>
      <c r="F4695" t="s">
        <v>2929</v>
      </c>
      <c r="G4695" t="s">
        <v>80</v>
      </c>
      <c r="H4695" t="s">
        <v>81</v>
      </c>
      <c r="I4695" s="2">
        <v>1</v>
      </c>
      <c r="J4695" s="2">
        <v>0</v>
      </c>
      <c r="K4695" s="2">
        <v>0</v>
      </c>
      <c r="L4695" t="s">
        <v>120</v>
      </c>
      <c r="M4695" t="s">
        <v>87</v>
      </c>
      <c r="N4695" t="s">
        <v>88</v>
      </c>
      <c r="O4695" t="s">
        <v>85</v>
      </c>
      <c r="P4695" t="s">
        <v>86</v>
      </c>
      <c r="Q4695">
        <v>20</v>
      </c>
      <c r="R4695">
        <v>20</v>
      </c>
      <c r="S4695">
        <v>20</v>
      </c>
      <c r="T4695">
        <v>20</v>
      </c>
      <c r="U4695">
        <v>20</v>
      </c>
      <c r="V4695">
        <v>20</v>
      </c>
      <c r="W4695">
        <v>20</v>
      </c>
      <c r="X4695">
        <v>20</v>
      </c>
      <c r="Y4695">
        <v>20</v>
      </c>
      <c r="Z4695">
        <v>20</v>
      </c>
      <c r="AA4695">
        <v>19</v>
      </c>
      <c r="AB4695">
        <v>19</v>
      </c>
      <c r="AC4695">
        <v>19</v>
      </c>
      <c r="AD4695">
        <v>19</v>
      </c>
      <c r="AE4695">
        <v>19</v>
      </c>
      <c r="AF4695">
        <v>19</v>
      </c>
      <c r="AG4695">
        <v>19</v>
      </c>
      <c r="AH4695">
        <v>19</v>
      </c>
      <c r="AI4695">
        <v>19</v>
      </c>
      <c r="AJ4695">
        <v>19</v>
      </c>
      <c r="AK4695">
        <v>19</v>
      </c>
      <c r="AL4695">
        <v>18</v>
      </c>
      <c r="AM4695">
        <v>18</v>
      </c>
      <c r="AN4695">
        <v>18</v>
      </c>
      <c r="AO4695">
        <v>18</v>
      </c>
      <c r="AP4695">
        <v>18</v>
      </c>
      <c r="AQ4695">
        <v>18</v>
      </c>
    </row>
    <row r="4696" spans="1:43">
      <c r="A4696" t="s">
        <v>2952</v>
      </c>
      <c r="B4696" t="s">
        <v>2953</v>
      </c>
      <c r="C4696" t="s">
        <v>2950</v>
      </c>
      <c r="D4696" t="s">
        <v>2951</v>
      </c>
      <c r="E4696" t="s">
        <v>2928</v>
      </c>
      <c r="F4696" t="s">
        <v>2929</v>
      </c>
      <c r="G4696" t="s">
        <v>80</v>
      </c>
      <c r="H4696" t="s">
        <v>81</v>
      </c>
      <c r="I4696" s="2">
        <v>1</v>
      </c>
      <c r="J4696" s="2">
        <v>0</v>
      </c>
      <c r="K4696" s="2">
        <v>0</v>
      </c>
      <c r="L4696" t="s">
        <v>120</v>
      </c>
      <c r="M4696" t="s">
        <v>89</v>
      </c>
      <c r="N4696" t="s">
        <v>90</v>
      </c>
      <c r="O4696" t="s">
        <v>85</v>
      </c>
      <c r="P4696" t="s">
        <v>86</v>
      </c>
      <c r="Q4696">
        <v>20</v>
      </c>
      <c r="R4696">
        <v>20</v>
      </c>
      <c r="S4696">
        <v>20</v>
      </c>
      <c r="T4696">
        <v>20</v>
      </c>
      <c r="U4696">
        <v>21</v>
      </c>
      <c r="V4696">
        <v>21</v>
      </c>
      <c r="W4696">
        <v>21</v>
      </c>
      <c r="X4696">
        <v>21</v>
      </c>
      <c r="Y4696">
        <v>21</v>
      </c>
      <c r="Z4696">
        <v>21</v>
      </c>
      <c r="AA4696">
        <v>21</v>
      </c>
      <c r="AB4696">
        <v>22</v>
      </c>
      <c r="AC4696">
        <v>22</v>
      </c>
      <c r="AD4696">
        <v>22</v>
      </c>
      <c r="AE4696">
        <v>22</v>
      </c>
      <c r="AF4696">
        <v>22</v>
      </c>
      <c r="AG4696">
        <v>21</v>
      </c>
      <c r="AH4696">
        <v>21</v>
      </c>
      <c r="AI4696">
        <v>21</v>
      </c>
      <c r="AJ4696">
        <v>21</v>
      </c>
      <c r="AK4696">
        <v>21</v>
      </c>
      <c r="AL4696">
        <v>21</v>
      </c>
      <c r="AM4696">
        <v>20</v>
      </c>
      <c r="AN4696">
        <v>20</v>
      </c>
      <c r="AO4696">
        <v>20</v>
      </c>
      <c r="AP4696">
        <v>20</v>
      </c>
      <c r="AQ4696">
        <v>20</v>
      </c>
    </row>
    <row r="4697" spans="1:43">
      <c r="A4697" t="s">
        <v>2952</v>
      </c>
      <c r="B4697" t="s">
        <v>2953</v>
      </c>
      <c r="C4697" t="s">
        <v>2950</v>
      </c>
      <c r="D4697" t="s">
        <v>2951</v>
      </c>
      <c r="E4697" t="s">
        <v>2928</v>
      </c>
      <c r="F4697" t="s">
        <v>2929</v>
      </c>
      <c r="G4697" t="s">
        <v>80</v>
      </c>
      <c r="H4697" t="s">
        <v>81</v>
      </c>
      <c r="I4697" s="2">
        <v>1</v>
      </c>
      <c r="J4697" s="2">
        <v>0</v>
      </c>
      <c r="K4697" s="2">
        <v>0</v>
      </c>
      <c r="L4697" t="s">
        <v>120</v>
      </c>
      <c r="M4697" t="s">
        <v>83</v>
      </c>
      <c r="N4697" t="s">
        <v>91</v>
      </c>
      <c r="O4697" t="s">
        <v>85</v>
      </c>
      <c r="P4697" t="s">
        <v>86</v>
      </c>
      <c r="Q4697">
        <v>20</v>
      </c>
      <c r="R4697">
        <v>20</v>
      </c>
      <c r="S4697">
        <v>20</v>
      </c>
      <c r="T4697">
        <v>20</v>
      </c>
      <c r="U4697">
        <v>20</v>
      </c>
      <c r="V4697">
        <v>20</v>
      </c>
      <c r="W4697">
        <v>20</v>
      </c>
      <c r="X4697">
        <v>20</v>
      </c>
      <c r="Y4697">
        <v>20</v>
      </c>
      <c r="Z4697">
        <v>20</v>
      </c>
      <c r="AA4697">
        <v>20</v>
      </c>
      <c r="AB4697">
        <v>20</v>
      </c>
      <c r="AC4697">
        <v>20</v>
      </c>
      <c r="AD4697">
        <v>20</v>
      </c>
      <c r="AE4697">
        <v>20</v>
      </c>
      <c r="AF4697">
        <v>20</v>
      </c>
      <c r="AG4697">
        <v>20</v>
      </c>
      <c r="AH4697">
        <v>20</v>
      </c>
      <c r="AI4697">
        <v>20</v>
      </c>
      <c r="AJ4697">
        <v>20</v>
      </c>
      <c r="AK4697">
        <v>20</v>
      </c>
      <c r="AL4697">
        <v>20</v>
      </c>
      <c r="AM4697">
        <v>20</v>
      </c>
      <c r="AN4697">
        <v>20</v>
      </c>
      <c r="AO4697">
        <v>20</v>
      </c>
      <c r="AP4697">
        <v>20</v>
      </c>
      <c r="AQ4697">
        <v>20</v>
      </c>
    </row>
    <row r="4698" spans="1:43">
      <c r="A4698" t="s">
        <v>2954</v>
      </c>
      <c r="B4698" t="s">
        <v>2955</v>
      </c>
      <c r="C4698" t="s">
        <v>2950</v>
      </c>
      <c r="D4698" t="s">
        <v>2951</v>
      </c>
      <c r="E4698" t="s">
        <v>2928</v>
      </c>
      <c r="F4698" t="s">
        <v>2929</v>
      </c>
      <c r="G4698" t="s">
        <v>80</v>
      </c>
      <c r="H4698" t="s">
        <v>81</v>
      </c>
      <c r="I4698" s="2">
        <v>1</v>
      </c>
      <c r="J4698" s="2">
        <v>0</v>
      </c>
      <c r="K4698" s="2">
        <v>0</v>
      </c>
      <c r="L4698" t="s">
        <v>120</v>
      </c>
      <c r="M4698" t="s">
        <v>83</v>
      </c>
      <c r="N4698" t="s">
        <v>84</v>
      </c>
      <c r="O4698" t="s">
        <v>85</v>
      </c>
      <c r="P4698" t="s">
        <v>86</v>
      </c>
      <c r="Q4698">
        <v>17</v>
      </c>
      <c r="R4698">
        <v>17</v>
      </c>
      <c r="S4698">
        <v>17</v>
      </c>
      <c r="T4698">
        <v>17</v>
      </c>
      <c r="U4698">
        <v>17</v>
      </c>
      <c r="V4698">
        <v>17</v>
      </c>
      <c r="W4698">
        <v>17</v>
      </c>
      <c r="X4698">
        <v>17</v>
      </c>
      <c r="Y4698">
        <v>18</v>
      </c>
      <c r="Z4698">
        <v>18</v>
      </c>
      <c r="AA4698">
        <v>18</v>
      </c>
      <c r="AB4698">
        <v>18</v>
      </c>
      <c r="AC4698">
        <v>18</v>
      </c>
      <c r="AD4698">
        <v>18</v>
      </c>
      <c r="AE4698">
        <v>18</v>
      </c>
      <c r="AF4698">
        <v>18</v>
      </c>
      <c r="AG4698">
        <v>18</v>
      </c>
      <c r="AH4698">
        <v>18</v>
      </c>
      <c r="AI4698">
        <v>18</v>
      </c>
      <c r="AJ4698">
        <v>18</v>
      </c>
      <c r="AK4698">
        <v>18</v>
      </c>
      <c r="AL4698">
        <v>18</v>
      </c>
      <c r="AM4698">
        <v>18</v>
      </c>
      <c r="AN4698">
        <v>17</v>
      </c>
      <c r="AO4698">
        <v>17</v>
      </c>
      <c r="AP4698">
        <v>17</v>
      </c>
      <c r="AQ4698">
        <v>17</v>
      </c>
    </row>
    <row r="4699" spans="1:43">
      <c r="A4699" t="s">
        <v>2954</v>
      </c>
      <c r="B4699" t="s">
        <v>2955</v>
      </c>
      <c r="C4699" t="s">
        <v>2950</v>
      </c>
      <c r="D4699" t="s">
        <v>2951</v>
      </c>
      <c r="E4699" t="s">
        <v>2928</v>
      </c>
      <c r="F4699" t="s">
        <v>2929</v>
      </c>
      <c r="G4699" t="s">
        <v>80</v>
      </c>
      <c r="H4699" t="s">
        <v>81</v>
      </c>
      <c r="I4699" s="2">
        <v>1</v>
      </c>
      <c r="J4699" s="2">
        <v>0</v>
      </c>
      <c r="K4699" s="2">
        <v>0</v>
      </c>
      <c r="L4699" t="s">
        <v>120</v>
      </c>
      <c r="M4699" t="s">
        <v>87</v>
      </c>
      <c r="N4699" t="s">
        <v>88</v>
      </c>
      <c r="O4699" t="s">
        <v>85</v>
      </c>
      <c r="P4699" t="s">
        <v>86</v>
      </c>
      <c r="Q4699">
        <v>17</v>
      </c>
      <c r="R4699">
        <v>17</v>
      </c>
      <c r="S4699">
        <v>17</v>
      </c>
      <c r="T4699">
        <v>17</v>
      </c>
      <c r="U4699">
        <v>17</v>
      </c>
      <c r="V4699">
        <v>16</v>
      </c>
      <c r="W4699">
        <v>16</v>
      </c>
      <c r="X4699">
        <v>16</v>
      </c>
      <c r="Y4699">
        <v>16</v>
      </c>
      <c r="Z4699">
        <v>16</v>
      </c>
      <c r="AA4699">
        <v>16</v>
      </c>
      <c r="AB4699">
        <v>16</v>
      </c>
      <c r="AC4699">
        <v>16</v>
      </c>
      <c r="AD4699">
        <v>16</v>
      </c>
      <c r="AE4699">
        <v>16</v>
      </c>
      <c r="AF4699">
        <v>16</v>
      </c>
      <c r="AG4699">
        <v>16</v>
      </c>
      <c r="AH4699">
        <v>15</v>
      </c>
      <c r="AI4699">
        <v>15</v>
      </c>
      <c r="AJ4699">
        <v>15</v>
      </c>
      <c r="AK4699">
        <v>15</v>
      </c>
      <c r="AL4699">
        <v>15</v>
      </c>
      <c r="AM4699">
        <v>15</v>
      </c>
      <c r="AN4699">
        <v>15</v>
      </c>
      <c r="AO4699">
        <v>15</v>
      </c>
      <c r="AP4699">
        <v>15</v>
      </c>
      <c r="AQ4699">
        <v>15</v>
      </c>
    </row>
    <row r="4700" spans="1:43">
      <c r="A4700" t="s">
        <v>2954</v>
      </c>
      <c r="B4700" t="s">
        <v>2955</v>
      </c>
      <c r="C4700" t="s">
        <v>2950</v>
      </c>
      <c r="D4700" t="s">
        <v>2951</v>
      </c>
      <c r="E4700" t="s">
        <v>2928</v>
      </c>
      <c r="F4700" t="s">
        <v>2929</v>
      </c>
      <c r="G4700" t="s">
        <v>80</v>
      </c>
      <c r="H4700" t="s">
        <v>81</v>
      </c>
      <c r="I4700" s="2">
        <v>1</v>
      </c>
      <c r="J4700" s="2">
        <v>0</v>
      </c>
      <c r="K4700" s="2">
        <v>0</v>
      </c>
      <c r="L4700" t="s">
        <v>120</v>
      </c>
      <c r="M4700" t="s">
        <v>89</v>
      </c>
      <c r="N4700" t="s">
        <v>90</v>
      </c>
      <c r="O4700" t="s">
        <v>85</v>
      </c>
      <c r="P4700" t="s">
        <v>86</v>
      </c>
      <c r="Q4700">
        <v>17</v>
      </c>
      <c r="R4700">
        <v>17</v>
      </c>
      <c r="S4700">
        <v>18</v>
      </c>
      <c r="T4700">
        <v>18</v>
      </c>
      <c r="U4700">
        <v>18</v>
      </c>
      <c r="V4700">
        <v>18</v>
      </c>
      <c r="W4700">
        <v>18</v>
      </c>
      <c r="X4700">
        <v>18</v>
      </c>
      <c r="Y4700">
        <v>18</v>
      </c>
      <c r="Z4700">
        <v>19</v>
      </c>
      <c r="AA4700">
        <v>19</v>
      </c>
      <c r="AB4700">
        <v>19</v>
      </c>
      <c r="AC4700">
        <v>19</v>
      </c>
      <c r="AD4700">
        <v>19</v>
      </c>
      <c r="AE4700">
        <v>19</v>
      </c>
      <c r="AF4700">
        <v>19</v>
      </c>
      <c r="AG4700">
        <v>19</v>
      </c>
      <c r="AH4700">
        <v>18</v>
      </c>
      <c r="AI4700">
        <v>18</v>
      </c>
      <c r="AJ4700">
        <v>18</v>
      </c>
      <c r="AK4700">
        <v>18</v>
      </c>
      <c r="AL4700">
        <v>18</v>
      </c>
      <c r="AM4700">
        <v>18</v>
      </c>
      <c r="AN4700">
        <v>18</v>
      </c>
      <c r="AO4700">
        <v>17</v>
      </c>
      <c r="AP4700">
        <v>17</v>
      </c>
      <c r="AQ4700">
        <v>17</v>
      </c>
    </row>
    <row r="4701" spans="1:43">
      <c r="A4701" t="s">
        <v>2954</v>
      </c>
      <c r="B4701" t="s">
        <v>2955</v>
      </c>
      <c r="C4701" t="s">
        <v>2950</v>
      </c>
      <c r="D4701" t="s">
        <v>2951</v>
      </c>
      <c r="E4701" t="s">
        <v>2928</v>
      </c>
      <c r="F4701" t="s">
        <v>2929</v>
      </c>
      <c r="G4701" t="s">
        <v>80</v>
      </c>
      <c r="H4701" t="s">
        <v>81</v>
      </c>
      <c r="I4701" s="2">
        <v>1</v>
      </c>
      <c r="J4701" s="2">
        <v>0</v>
      </c>
      <c r="K4701" s="2">
        <v>0</v>
      </c>
      <c r="L4701" t="s">
        <v>120</v>
      </c>
      <c r="M4701" t="s">
        <v>83</v>
      </c>
      <c r="N4701" t="s">
        <v>91</v>
      </c>
      <c r="O4701" t="s">
        <v>85</v>
      </c>
      <c r="P4701" t="s">
        <v>86</v>
      </c>
      <c r="Q4701">
        <v>17</v>
      </c>
      <c r="R4701">
        <v>17</v>
      </c>
      <c r="S4701">
        <v>17</v>
      </c>
      <c r="T4701">
        <v>17</v>
      </c>
      <c r="U4701">
        <v>17</v>
      </c>
      <c r="V4701">
        <v>17</v>
      </c>
      <c r="W4701">
        <v>17</v>
      </c>
      <c r="X4701">
        <v>17</v>
      </c>
      <c r="Y4701">
        <v>18</v>
      </c>
      <c r="Z4701">
        <v>18</v>
      </c>
      <c r="AA4701">
        <v>18</v>
      </c>
      <c r="AB4701">
        <v>18</v>
      </c>
      <c r="AC4701">
        <v>18</v>
      </c>
      <c r="AD4701">
        <v>18</v>
      </c>
      <c r="AE4701">
        <v>18</v>
      </c>
      <c r="AF4701">
        <v>18</v>
      </c>
      <c r="AG4701">
        <v>18</v>
      </c>
      <c r="AH4701">
        <v>18</v>
      </c>
      <c r="AI4701">
        <v>18</v>
      </c>
      <c r="AJ4701">
        <v>18</v>
      </c>
      <c r="AK4701">
        <v>18</v>
      </c>
      <c r="AL4701">
        <v>18</v>
      </c>
      <c r="AM4701">
        <v>18</v>
      </c>
      <c r="AN4701">
        <v>17</v>
      </c>
      <c r="AO4701">
        <v>17</v>
      </c>
      <c r="AP4701">
        <v>17</v>
      </c>
      <c r="AQ4701">
        <v>17</v>
      </c>
    </row>
    <row r="4702" spans="1:43">
      <c r="A4702" t="s">
        <v>2956</v>
      </c>
      <c r="B4702" t="s">
        <v>2957</v>
      </c>
      <c r="C4702" t="s">
        <v>2958</v>
      </c>
      <c r="D4702" t="s">
        <v>2959</v>
      </c>
      <c r="E4702" t="s">
        <v>2928</v>
      </c>
      <c r="F4702" t="s">
        <v>2929</v>
      </c>
      <c r="G4702" t="s">
        <v>80</v>
      </c>
      <c r="H4702" t="s">
        <v>81</v>
      </c>
      <c r="I4702" s="2">
        <v>1</v>
      </c>
      <c r="J4702" s="2">
        <v>0</v>
      </c>
      <c r="K4702" s="2">
        <v>0</v>
      </c>
      <c r="L4702" t="s">
        <v>120</v>
      </c>
      <c r="M4702" t="s">
        <v>83</v>
      </c>
      <c r="N4702" t="s">
        <v>84</v>
      </c>
      <c r="O4702" t="s">
        <v>85</v>
      </c>
      <c r="P4702" t="s">
        <v>86</v>
      </c>
      <c r="Q4702">
        <v>1</v>
      </c>
      <c r="R4702">
        <v>1</v>
      </c>
      <c r="S4702">
        <v>1</v>
      </c>
      <c r="T4702">
        <v>1</v>
      </c>
      <c r="U4702">
        <v>1</v>
      </c>
      <c r="V4702">
        <v>1</v>
      </c>
      <c r="W4702">
        <v>1</v>
      </c>
      <c r="X4702">
        <v>1</v>
      </c>
      <c r="Y4702">
        <v>1</v>
      </c>
      <c r="Z4702">
        <v>1</v>
      </c>
      <c r="AA4702">
        <v>1</v>
      </c>
      <c r="AB4702">
        <v>1</v>
      </c>
      <c r="AC4702">
        <v>1</v>
      </c>
      <c r="AD4702">
        <v>1</v>
      </c>
      <c r="AE4702">
        <v>1</v>
      </c>
      <c r="AF4702">
        <v>1</v>
      </c>
      <c r="AG4702">
        <v>1</v>
      </c>
      <c r="AH4702">
        <v>1</v>
      </c>
      <c r="AI4702">
        <v>1</v>
      </c>
      <c r="AJ4702">
        <v>1</v>
      </c>
      <c r="AK4702">
        <v>1</v>
      </c>
      <c r="AL4702">
        <v>1</v>
      </c>
      <c r="AM4702">
        <v>1</v>
      </c>
      <c r="AN4702">
        <v>1</v>
      </c>
      <c r="AO4702">
        <v>1</v>
      </c>
      <c r="AP4702">
        <v>1</v>
      </c>
      <c r="AQ4702">
        <v>1</v>
      </c>
    </row>
    <row r="4703" spans="1:43">
      <c r="A4703" t="s">
        <v>2956</v>
      </c>
      <c r="B4703" t="s">
        <v>2957</v>
      </c>
      <c r="C4703" t="s">
        <v>2958</v>
      </c>
      <c r="D4703" t="s">
        <v>2959</v>
      </c>
      <c r="E4703" t="s">
        <v>2928</v>
      </c>
      <c r="F4703" t="s">
        <v>2929</v>
      </c>
      <c r="G4703" t="s">
        <v>80</v>
      </c>
      <c r="H4703" t="s">
        <v>81</v>
      </c>
      <c r="I4703" s="2">
        <v>1</v>
      </c>
      <c r="J4703" s="2">
        <v>0</v>
      </c>
      <c r="K4703" s="2">
        <v>0</v>
      </c>
      <c r="L4703" t="s">
        <v>120</v>
      </c>
      <c r="M4703" t="s">
        <v>87</v>
      </c>
      <c r="N4703" t="s">
        <v>88</v>
      </c>
      <c r="O4703" t="s">
        <v>85</v>
      </c>
      <c r="P4703" t="s">
        <v>86</v>
      </c>
      <c r="Q4703">
        <v>1</v>
      </c>
      <c r="R4703">
        <v>1</v>
      </c>
      <c r="S4703">
        <v>1</v>
      </c>
      <c r="T4703">
        <v>1</v>
      </c>
      <c r="U4703">
        <v>1</v>
      </c>
      <c r="V4703">
        <v>1</v>
      </c>
      <c r="W4703">
        <v>1</v>
      </c>
      <c r="X4703">
        <v>1</v>
      </c>
      <c r="Y4703">
        <v>1</v>
      </c>
      <c r="Z4703">
        <v>1</v>
      </c>
      <c r="AA4703">
        <v>1</v>
      </c>
      <c r="AB4703">
        <v>1</v>
      </c>
      <c r="AC4703">
        <v>1</v>
      </c>
      <c r="AD4703">
        <v>1</v>
      </c>
      <c r="AE4703">
        <v>1</v>
      </c>
      <c r="AF4703">
        <v>1</v>
      </c>
      <c r="AG4703">
        <v>1</v>
      </c>
      <c r="AH4703">
        <v>1</v>
      </c>
      <c r="AI4703">
        <v>1</v>
      </c>
      <c r="AJ4703">
        <v>1</v>
      </c>
      <c r="AK4703">
        <v>1</v>
      </c>
      <c r="AL4703">
        <v>1</v>
      </c>
      <c r="AM4703">
        <v>1</v>
      </c>
      <c r="AN4703">
        <v>1</v>
      </c>
      <c r="AO4703">
        <v>1</v>
      </c>
      <c r="AP4703">
        <v>1</v>
      </c>
      <c r="AQ4703">
        <v>1</v>
      </c>
    </row>
    <row r="4704" spans="1:43">
      <c r="A4704" t="s">
        <v>2956</v>
      </c>
      <c r="B4704" t="s">
        <v>2957</v>
      </c>
      <c r="C4704" t="s">
        <v>2958</v>
      </c>
      <c r="D4704" t="s">
        <v>2959</v>
      </c>
      <c r="E4704" t="s">
        <v>2928</v>
      </c>
      <c r="F4704" t="s">
        <v>2929</v>
      </c>
      <c r="G4704" t="s">
        <v>80</v>
      </c>
      <c r="H4704" t="s">
        <v>81</v>
      </c>
      <c r="I4704" s="2">
        <v>1</v>
      </c>
      <c r="J4704" s="2">
        <v>0</v>
      </c>
      <c r="K4704" s="2">
        <v>0</v>
      </c>
      <c r="L4704" t="s">
        <v>120</v>
      </c>
      <c r="M4704" t="s">
        <v>89</v>
      </c>
      <c r="N4704" t="s">
        <v>90</v>
      </c>
      <c r="O4704" t="s">
        <v>85</v>
      </c>
      <c r="P4704" t="s">
        <v>86</v>
      </c>
      <c r="Q4704">
        <v>1</v>
      </c>
      <c r="R4704">
        <v>1</v>
      </c>
      <c r="S4704">
        <v>1</v>
      </c>
      <c r="T4704">
        <v>1</v>
      </c>
      <c r="U4704">
        <v>1</v>
      </c>
      <c r="V4704">
        <v>1</v>
      </c>
      <c r="W4704">
        <v>1</v>
      </c>
      <c r="X4704">
        <v>2</v>
      </c>
      <c r="Y4704">
        <v>2</v>
      </c>
      <c r="Z4704">
        <v>2</v>
      </c>
      <c r="AA4704">
        <v>2</v>
      </c>
      <c r="AB4704">
        <v>2</v>
      </c>
      <c r="AC4704">
        <v>2</v>
      </c>
      <c r="AD4704">
        <v>2</v>
      </c>
      <c r="AE4704">
        <v>2</v>
      </c>
      <c r="AF4704">
        <v>2</v>
      </c>
      <c r="AG4704">
        <v>2</v>
      </c>
      <c r="AH4704">
        <v>2</v>
      </c>
      <c r="AI4704">
        <v>2</v>
      </c>
      <c r="AJ4704">
        <v>2</v>
      </c>
      <c r="AK4704">
        <v>1</v>
      </c>
      <c r="AL4704">
        <v>1</v>
      </c>
      <c r="AM4704">
        <v>1</v>
      </c>
      <c r="AN4704">
        <v>1</v>
      </c>
      <c r="AO4704">
        <v>1</v>
      </c>
      <c r="AP4704">
        <v>1</v>
      </c>
      <c r="AQ4704">
        <v>1</v>
      </c>
    </row>
    <row r="4705" spans="1:43">
      <c r="A4705" t="s">
        <v>2956</v>
      </c>
      <c r="B4705" t="s">
        <v>2957</v>
      </c>
      <c r="C4705" t="s">
        <v>2958</v>
      </c>
      <c r="D4705" t="s">
        <v>2959</v>
      </c>
      <c r="E4705" t="s">
        <v>2928</v>
      </c>
      <c r="F4705" t="s">
        <v>2929</v>
      </c>
      <c r="G4705" t="s">
        <v>80</v>
      </c>
      <c r="H4705" t="s">
        <v>81</v>
      </c>
      <c r="I4705" s="2">
        <v>1</v>
      </c>
      <c r="J4705" s="2">
        <v>0</v>
      </c>
      <c r="K4705" s="2">
        <v>0</v>
      </c>
      <c r="L4705" t="s">
        <v>120</v>
      </c>
      <c r="M4705" t="s">
        <v>83</v>
      </c>
      <c r="N4705" t="s">
        <v>91</v>
      </c>
      <c r="O4705" t="s">
        <v>85</v>
      </c>
      <c r="P4705" t="s">
        <v>86</v>
      </c>
      <c r="Q4705">
        <v>1</v>
      </c>
      <c r="R4705">
        <v>1</v>
      </c>
      <c r="S4705">
        <v>1</v>
      </c>
      <c r="T4705">
        <v>1</v>
      </c>
      <c r="U4705">
        <v>1</v>
      </c>
      <c r="V4705">
        <v>1</v>
      </c>
      <c r="W4705">
        <v>1</v>
      </c>
      <c r="X4705">
        <v>1</v>
      </c>
      <c r="Y4705">
        <v>1</v>
      </c>
      <c r="Z4705">
        <v>1</v>
      </c>
      <c r="AA4705">
        <v>1</v>
      </c>
      <c r="AB4705">
        <v>1</v>
      </c>
      <c r="AC4705">
        <v>1</v>
      </c>
      <c r="AD4705">
        <v>1</v>
      </c>
      <c r="AE4705">
        <v>1</v>
      </c>
      <c r="AF4705">
        <v>1</v>
      </c>
      <c r="AG4705">
        <v>1</v>
      </c>
      <c r="AH4705">
        <v>1</v>
      </c>
      <c r="AI4705">
        <v>1</v>
      </c>
      <c r="AJ4705">
        <v>1</v>
      </c>
      <c r="AK4705">
        <v>1</v>
      </c>
      <c r="AL4705">
        <v>1</v>
      </c>
      <c r="AM4705">
        <v>1</v>
      </c>
      <c r="AN4705">
        <v>1</v>
      </c>
      <c r="AO4705">
        <v>1</v>
      </c>
      <c r="AP4705">
        <v>1</v>
      </c>
      <c r="AQ4705">
        <v>1</v>
      </c>
    </row>
    <row r="4706" spans="1:43">
      <c r="A4706" t="s">
        <v>2960</v>
      </c>
      <c r="B4706" t="s">
        <v>2961</v>
      </c>
      <c r="C4706" t="s">
        <v>2950</v>
      </c>
      <c r="D4706" t="s">
        <v>2951</v>
      </c>
      <c r="E4706" t="s">
        <v>2928</v>
      </c>
      <c r="F4706" t="s">
        <v>2929</v>
      </c>
      <c r="G4706" t="s">
        <v>80</v>
      </c>
      <c r="H4706" t="s">
        <v>81</v>
      </c>
      <c r="I4706" s="2">
        <v>1</v>
      </c>
      <c r="J4706" s="2">
        <v>0</v>
      </c>
      <c r="K4706" s="2">
        <v>0</v>
      </c>
      <c r="L4706" t="s">
        <v>120</v>
      </c>
      <c r="M4706" t="s">
        <v>83</v>
      </c>
      <c r="N4706" t="s">
        <v>84</v>
      </c>
      <c r="O4706" t="s">
        <v>85</v>
      </c>
      <c r="P4706" t="s">
        <v>86</v>
      </c>
      <c r="Q4706">
        <v>36</v>
      </c>
      <c r="R4706">
        <v>36</v>
      </c>
      <c r="S4706">
        <v>37</v>
      </c>
      <c r="T4706">
        <v>37</v>
      </c>
      <c r="U4706">
        <v>37</v>
      </c>
      <c r="V4706">
        <v>37</v>
      </c>
      <c r="W4706">
        <v>37</v>
      </c>
      <c r="X4706">
        <v>37</v>
      </c>
      <c r="Y4706">
        <v>37</v>
      </c>
      <c r="Z4706">
        <v>37</v>
      </c>
      <c r="AA4706">
        <v>37</v>
      </c>
      <c r="AB4706">
        <v>38</v>
      </c>
      <c r="AC4706">
        <v>38</v>
      </c>
      <c r="AD4706">
        <v>38</v>
      </c>
      <c r="AE4706">
        <v>38</v>
      </c>
      <c r="AF4706">
        <v>38</v>
      </c>
      <c r="AG4706">
        <v>38</v>
      </c>
      <c r="AH4706">
        <v>38</v>
      </c>
      <c r="AI4706">
        <v>38</v>
      </c>
      <c r="AJ4706">
        <v>38</v>
      </c>
      <c r="AK4706">
        <v>38</v>
      </c>
      <c r="AL4706">
        <v>38</v>
      </c>
      <c r="AM4706">
        <v>38</v>
      </c>
      <c r="AN4706">
        <v>37</v>
      </c>
      <c r="AO4706">
        <v>37</v>
      </c>
      <c r="AP4706">
        <v>37</v>
      </c>
      <c r="AQ4706">
        <v>36</v>
      </c>
    </row>
    <row r="4707" spans="1:43">
      <c r="A4707" t="s">
        <v>2960</v>
      </c>
      <c r="B4707" t="s">
        <v>2961</v>
      </c>
      <c r="C4707" t="s">
        <v>2950</v>
      </c>
      <c r="D4707" t="s">
        <v>2951</v>
      </c>
      <c r="E4707" t="s">
        <v>2928</v>
      </c>
      <c r="F4707" t="s">
        <v>2929</v>
      </c>
      <c r="G4707" t="s">
        <v>80</v>
      </c>
      <c r="H4707" t="s">
        <v>81</v>
      </c>
      <c r="I4707" s="2">
        <v>1</v>
      </c>
      <c r="J4707" s="2">
        <v>0</v>
      </c>
      <c r="K4707" s="2">
        <v>0</v>
      </c>
      <c r="L4707" t="s">
        <v>120</v>
      </c>
      <c r="M4707" t="s">
        <v>87</v>
      </c>
      <c r="N4707" t="s">
        <v>88</v>
      </c>
      <c r="O4707" t="s">
        <v>85</v>
      </c>
      <c r="P4707" t="s">
        <v>86</v>
      </c>
      <c r="Q4707">
        <v>36</v>
      </c>
      <c r="R4707">
        <v>36</v>
      </c>
      <c r="S4707">
        <v>35</v>
      </c>
      <c r="T4707">
        <v>35</v>
      </c>
      <c r="U4707">
        <v>35</v>
      </c>
      <c r="V4707">
        <v>35</v>
      </c>
      <c r="W4707">
        <v>35</v>
      </c>
      <c r="X4707">
        <v>35</v>
      </c>
      <c r="Y4707">
        <v>34</v>
      </c>
      <c r="Z4707">
        <v>34</v>
      </c>
      <c r="AA4707">
        <v>34</v>
      </c>
      <c r="AB4707">
        <v>34</v>
      </c>
      <c r="AC4707">
        <v>34</v>
      </c>
      <c r="AD4707">
        <v>34</v>
      </c>
      <c r="AE4707">
        <v>33</v>
      </c>
      <c r="AF4707">
        <v>33</v>
      </c>
      <c r="AG4707">
        <v>33</v>
      </c>
      <c r="AH4707">
        <v>33</v>
      </c>
      <c r="AI4707">
        <v>33</v>
      </c>
      <c r="AJ4707">
        <v>33</v>
      </c>
      <c r="AK4707">
        <v>33</v>
      </c>
      <c r="AL4707">
        <v>32</v>
      </c>
      <c r="AM4707">
        <v>32</v>
      </c>
      <c r="AN4707">
        <v>32</v>
      </c>
      <c r="AO4707">
        <v>32</v>
      </c>
      <c r="AP4707">
        <v>32</v>
      </c>
      <c r="AQ4707">
        <v>32</v>
      </c>
    </row>
    <row r="4708" spans="1:43">
      <c r="A4708" t="s">
        <v>2960</v>
      </c>
      <c r="B4708" t="s">
        <v>2961</v>
      </c>
      <c r="C4708" t="s">
        <v>2950</v>
      </c>
      <c r="D4708" t="s">
        <v>2951</v>
      </c>
      <c r="E4708" t="s">
        <v>2928</v>
      </c>
      <c r="F4708" t="s">
        <v>2929</v>
      </c>
      <c r="G4708" t="s">
        <v>80</v>
      </c>
      <c r="H4708" t="s">
        <v>81</v>
      </c>
      <c r="I4708" s="2">
        <v>1</v>
      </c>
      <c r="J4708" s="2">
        <v>0</v>
      </c>
      <c r="K4708" s="2">
        <v>0</v>
      </c>
      <c r="L4708" t="s">
        <v>120</v>
      </c>
      <c r="M4708" t="s">
        <v>89</v>
      </c>
      <c r="N4708" t="s">
        <v>90</v>
      </c>
      <c r="O4708" t="s">
        <v>85</v>
      </c>
      <c r="P4708" t="s">
        <v>86</v>
      </c>
      <c r="Q4708">
        <v>36</v>
      </c>
      <c r="R4708">
        <v>36</v>
      </c>
      <c r="S4708">
        <v>36</v>
      </c>
      <c r="T4708">
        <v>37</v>
      </c>
      <c r="U4708">
        <v>37</v>
      </c>
      <c r="V4708">
        <v>38</v>
      </c>
      <c r="W4708">
        <v>38</v>
      </c>
      <c r="X4708">
        <v>38</v>
      </c>
      <c r="Y4708">
        <v>38</v>
      </c>
      <c r="Z4708">
        <v>39</v>
      </c>
      <c r="AA4708">
        <v>39</v>
      </c>
      <c r="AB4708">
        <v>39</v>
      </c>
      <c r="AC4708">
        <v>39</v>
      </c>
      <c r="AD4708">
        <v>39</v>
      </c>
      <c r="AE4708">
        <v>39</v>
      </c>
      <c r="AF4708">
        <v>39</v>
      </c>
      <c r="AG4708">
        <v>39</v>
      </c>
      <c r="AH4708">
        <v>38</v>
      </c>
      <c r="AI4708">
        <v>38</v>
      </c>
      <c r="AJ4708">
        <v>38</v>
      </c>
      <c r="AK4708">
        <v>38</v>
      </c>
      <c r="AL4708">
        <v>37</v>
      </c>
      <c r="AM4708">
        <v>37</v>
      </c>
      <c r="AN4708">
        <v>37</v>
      </c>
      <c r="AO4708">
        <v>36</v>
      </c>
      <c r="AP4708">
        <v>36</v>
      </c>
      <c r="AQ4708">
        <v>36</v>
      </c>
    </row>
    <row r="4709" spans="1:43">
      <c r="A4709" t="s">
        <v>2960</v>
      </c>
      <c r="B4709" t="s">
        <v>2961</v>
      </c>
      <c r="C4709" t="s">
        <v>2950</v>
      </c>
      <c r="D4709" t="s">
        <v>2951</v>
      </c>
      <c r="E4709" t="s">
        <v>2928</v>
      </c>
      <c r="F4709" t="s">
        <v>2929</v>
      </c>
      <c r="G4709" t="s">
        <v>80</v>
      </c>
      <c r="H4709" t="s">
        <v>81</v>
      </c>
      <c r="I4709" s="2">
        <v>1</v>
      </c>
      <c r="J4709" s="2">
        <v>0</v>
      </c>
      <c r="K4709" s="2">
        <v>0</v>
      </c>
      <c r="L4709" t="s">
        <v>120</v>
      </c>
      <c r="M4709" t="s">
        <v>83</v>
      </c>
      <c r="N4709" t="s">
        <v>91</v>
      </c>
      <c r="O4709" t="s">
        <v>85</v>
      </c>
      <c r="P4709" t="s">
        <v>86</v>
      </c>
      <c r="Q4709">
        <v>36</v>
      </c>
      <c r="R4709">
        <v>36</v>
      </c>
      <c r="S4709">
        <v>37</v>
      </c>
      <c r="T4709">
        <v>37</v>
      </c>
      <c r="U4709">
        <v>37</v>
      </c>
      <c r="V4709">
        <v>37</v>
      </c>
      <c r="W4709">
        <v>37</v>
      </c>
      <c r="X4709">
        <v>37</v>
      </c>
      <c r="Y4709">
        <v>37</v>
      </c>
      <c r="Z4709">
        <v>37</v>
      </c>
      <c r="AA4709">
        <v>37</v>
      </c>
      <c r="AB4709">
        <v>38</v>
      </c>
      <c r="AC4709">
        <v>38</v>
      </c>
      <c r="AD4709">
        <v>38</v>
      </c>
      <c r="AE4709">
        <v>38</v>
      </c>
      <c r="AF4709">
        <v>38</v>
      </c>
      <c r="AG4709">
        <v>38</v>
      </c>
      <c r="AH4709">
        <v>38</v>
      </c>
      <c r="AI4709">
        <v>38</v>
      </c>
      <c r="AJ4709">
        <v>38</v>
      </c>
      <c r="AK4709">
        <v>38</v>
      </c>
      <c r="AL4709">
        <v>38</v>
      </c>
      <c r="AM4709">
        <v>38</v>
      </c>
      <c r="AN4709">
        <v>37</v>
      </c>
      <c r="AO4709">
        <v>37</v>
      </c>
      <c r="AP4709">
        <v>37</v>
      </c>
      <c r="AQ4709">
        <v>36</v>
      </c>
    </row>
    <row r="4710" spans="1:43">
      <c r="A4710" t="s">
        <v>2962</v>
      </c>
      <c r="B4710" t="s">
        <v>2963</v>
      </c>
      <c r="C4710" t="s">
        <v>2950</v>
      </c>
      <c r="D4710" t="s">
        <v>2951</v>
      </c>
      <c r="E4710" t="s">
        <v>2928</v>
      </c>
      <c r="F4710" t="s">
        <v>2929</v>
      </c>
      <c r="G4710" t="s">
        <v>80</v>
      </c>
      <c r="H4710" t="s">
        <v>81</v>
      </c>
      <c r="I4710" s="2">
        <v>1</v>
      </c>
      <c r="J4710" s="2">
        <v>0</v>
      </c>
      <c r="K4710" s="2">
        <v>0</v>
      </c>
      <c r="L4710" t="s">
        <v>120</v>
      </c>
      <c r="M4710" t="s">
        <v>83</v>
      </c>
      <c r="N4710" t="s">
        <v>84</v>
      </c>
      <c r="O4710" t="s">
        <v>85</v>
      </c>
      <c r="P4710" t="s">
        <v>86</v>
      </c>
      <c r="Q4710">
        <v>16</v>
      </c>
      <c r="R4710">
        <v>16</v>
      </c>
      <c r="S4710">
        <v>16</v>
      </c>
      <c r="T4710">
        <v>16</v>
      </c>
      <c r="U4710">
        <v>16</v>
      </c>
      <c r="V4710">
        <v>16</v>
      </c>
      <c r="W4710">
        <v>16</v>
      </c>
      <c r="X4710">
        <v>16</v>
      </c>
      <c r="Y4710">
        <v>16</v>
      </c>
      <c r="Z4710">
        <v>16</v>
      </c>
      <c r="AA4710">
        <v>16</v>
      </c>
      <c r="AB4710">
        <v>16</v>
      </c>
      <c r="AC4710">
        <v>16</v>
      </c>
      <c r="AD4710">
        <v>16</v>
      </c>
      <c r="AE4710">
        <v>16</v>
      </c>
      <c r="AF4710">
        <v>17</v>
      </c>
      <c r="AG4710">
        <v>17</v>
      </c>
      <c r="AH4710">
        <v>17</v>
      </c>
      <c r="AI4710">
        <v>17</v>
      </c>
      <c r="AJ4710">
        <v>17</v>
      </c>
      <c r="AK4710">
        <v>17</v>
      </c>
      <c r="AL4710">
        <v>17</v>
      </c>
      <c r="AM4710">
        <v>16</v>
      </c>
      <c r="AN4710">
        <v>16</v>
      </c>
      <c r="AO4710">
        <v>16</v>
      </c>
      <c r="AP4710">
        <v>16</v>
      </c>
      <c r="AQ4710">
        <v>16</v>
      </c>
    </row>
    <row r="4711" spans="1:43">
      <c r="A4711" t="s">
        <v>2962</v>
      </c>
      <c r="B4711" t="s">
        <v>2963</v>
      </c>
      <c r="C4711" t="s">
        <v>2950</v>
      </c>
      <c r="D4711" t="s">
        <v>2951</v>
      </c>
      <c r="E4711" t="s">
        <v>2928</v>
      </c>
      <c r="F4711" t="s">
        <v>2929</v>
      </c>
      <c r="G4711" t="s">
        <v>80</v>
      </c>
      <c r="H4711" t="s">
        <v>81</v>
      </c>
      <c r="I4711" s="2">
        <v>1</v>
      </c>
      <c r="J4711" s="2">
        <v>0</v>
      </c>
      <c r="K4711" s="2">
        <v>0</v>
      </c>
      <c r="L4711" t="s">
        <v>120</v>
      </c>
      <c r="M4711" t="s">
        <v>87</v>
      </c>
      <c r="N4711" t="s">
        <v>88</v>
      </c>
      <c r="O4711" t="s">
        <v>85</v>
      </c>
      <c r="P4711" t="s">
        <v>86</v>
      </c>
      <c r="Q4711">
        <v>16</v>
      </c>
      <c r="R4711">
        <v>16</v>
      </c>
      <c r="S4711">
        <v>15</v>
      </c>
      <c r="T4711">
        <v>15</v>
      </c>
      <c r="U4711">
        <v>15</v>
      </c>
      <c r="V4711">
        <v>15</v>
      </c>
      <c r="W4711">
        <v>15</v>
      </c>
      <c r="X4711">
        <v>15</v>
      </c>
      <c r="Y4711">
        <v>15</v>
      </c>
      <c r="Z4711">
        <v>15</v>
      </c>
      <c r="AA4711">
        <v>15</v>
      </c>
      <c r="AB4711">
        <v>15</v>
      </c>
      <c r="AC4711">
        <v>15</v>
      </c>
      <c r="AD4711">
        <v>15</v>
      </c>
      <c r="AE4711">
        <v>15</v>
      </c>
      <c r="AF4711">
        <v>15</v>
      </c>
      <c r="AG4711">
        <v>15</v>
      </c>
      <c r="AH4711">
        <v>14</v>
      </c>
      <c r="AI4711">
        <v>14</v>
      </c>
      <c r="AJ4711">
        <v>14</v>
      </c>
      <c r="AK4711">
        <v>14</v>
      </c>
      <c r="AL4711">
        <v>14</v>
      </c>
      <c r="AM4711">
        <v>14</v>
      </c>
      <c r="AN4711">
        <v>14</v>
      </c>
      <c r="AO4711">
        <v>14</v>
      </c>
      <c r="AP4711">
        <v>14</v>
      </c>
      <c r="AQ4711">
        <v>14</v>
      </c>
    </row>
    <row r="4712" spans="1:43">
      <c r="A4712" t="s">
        <v>2962</v>
      </c>
      <c r="B4712" t="s">
        <v>2963</v>
      </c>
      <c r="C4712" t="s">
        <v>2950</v>
      </c>
      <c r="D4712" t="s">
        <v>2951</v>
      </c>
      <c r="E4712" t="s">
        <v>2928</v>
      </c>
      <c r="F4712" t="s">
        <v>2929</v>
      </c>
      <c r="G4712" t="s">
        <v>80</v>
      </c>
      <c r="H4712" t="s">
        <v>81</v>
      </c>
      <c r="I4712" s="2">
        <v>1</v>
      </c>
      <c r="J4712" s="2">
        <v>0</v>
      </c>
      <c r="K4712" s="2">
        <v>0</v>
      </c>
      <c r="L4712" t="s">
        <v>120</v>
      </c>
      <c r="M4712" t="s">
        <v>89</v>
      </c>
      <c r="N4712" t="s">
        <v>90</v>
      </c>
      <c r="O4712" t="s">
        <v>85</v>
      </c>
      <c r="P4712" t="s">
        <v>86</v>
      </c>
      <c r="Q4712">
        <v>16</v>
      </c>
      <c r="R4712">
        <v>16</v>
      </c>
      <c r="S4712">
        <v>16</v>
      </c>
      <c r="T4712">
        <v>17</v>
      </c>
      <c r="U4712">
        <v>17</v>
      </c>
      <c r="V4712">
        <v>17</v>
      </c>
      <c r="W4712">
        <v>17</v>
      </c>
      <c r="X4712">
        <v>17</v>
      </c>
      <c r="Y4712">
        <v>17</v>
      </c>
      <c r="Z4712">
        <v>17</v>
      </c>
      <c r="AA4712">
        <v>17</v>
      </c>
      <c r="AB4712">
        <v>17</v>
      </c>
      <c r="AC4712">
        <v>18</v>
      </c>
      <c r="AD4712">
        <v>18</v>
      </c>
      <c r="AE4712">
        <v>18</v>
      </c>
      <c r="AF4712">
        <v>18</v>
      </c>
      <c r="AG4712">
        <v>17</v>
      </c>
      <c r="AH4712">
        <v>17</v>
      </c>
      <c r="AI4712">
        <v>17</v>
      </c>
      <c r="AJ4712">
        <v>17</v>
      </c>
      <c r="AK4712">
        <v>17</v>
      </c>
      <c r="AL4712">
        <v>17</v>
      </c>
      <c r="AM4712">
        <v>17</v>
      </c>
      <c r="AN4712">
        <v>16</v>
      </c>
      <c r="AO4712">
        <v>16</v>
      </c>
      <c r="AP4712">
        <v>16</v>
      </c>
      <c r="AQ4712">
        <v>16</v>
      </c>
    </row>
    <row r="4713" spans="1:43">
      <c r="A4713" t="s">
        <v>2962</v>
      </c>
      <c r="B4713" t="s">
        <v>2963</v>
      </c>
      <c r="C4713" t="s">
        <v>2950</v>
      </c>
      <c r="D4713" t="s">
        <v>2951</v>
      </c>
      <c r="E4713" t="s">
        <v>2928</v>
      </c>
      <c r="F4713" t="s">
        <v>2929</v>
      </c>
      <c r="G4713" t="s">
        <v>80</v>
      </c>
      <c r="H4713" t="s">
        <v>81</v>
      </c>
      <c r="I4713" s="2">
        <v>1</v>
      </c>
      <c r="J4713" s="2">
        <v>0</v>
      </c>
      <c r="K4713" s="2">
        <v>0</v>
      </c>
      <c r="L4713" t="s">
        <v>120</v>
      </c>
      <c r="M4713" t="s">
        <v>83</v>
      </c>
      <c r="N4713" t="s">
        <v>91</v>
      </c>
      <c r="O4713" t="s">
        <v>85</v>
      </c>
      <c r="P4713" t="s">
        <v>86</v>
      </c>
      <c r="Q4713">
        <v>16</v>
      </c>
      <c r="R4713">
        <v>16</v>
      </c>
      <c r="S4713">
        <v>16</v>
      </c>
      <c r="T4713">
        <v>16</v>
      </c>
      <c r="U4713">
        <v>16</v>
      </c>
      <c r="V4713">
        <v>16</v>
      </c>
      <c r="W4713">
        <v>16</v>
      </c>
      <c r="X4713">
        <v>16</v>
      </c>
      <c r="Y4713">
        <v>16</v>
      </c>
      <c r="Z4713">
        <v>16</v>
      </c>
      <c r="AA4713">
        <v>16</v>
      </c>
      <c r="AB4713">
        <v>16</v>
      </c>
      <c r="AC4713">
        <v>16</v>
      </c>
      <c r="AD4713">
        <v>16</v>
      </c>
      <c r="AE4713">
        <v>16</v>
      </c>
      <c r="AF4713">
        <v>17</v>
      </c>
      <c r="AG4713">
        <v>17</v>
      </c>
      <c r="AH4713">
        <v>17</v>
      </c>
      <c r="AI4713">
        <v>17</v>
      </c>
      <c r="AJ4713">
        <v>17</v>
      </c>
      <c r="AK4713">
        <v>17</v>
      </c>
      <c r="AL4713">
        <v>17</v>
      </c>
      <c r="AM4713">
        <v>16</v>
      </c>
      <c r="AN4713">
        <v>16</v>
      </c>
      <c r="AO4713">
        <v>16</v>
      </c>
      <c r="AP4713">
        <v>16</v>
      </c>
      <c r="AQ4713">
        <v>16</v>
      </c>
    </row>
    <row r="4714" spans="1:43">
      <c r="A4714" t="s">
        <v>2964</v>
      </c>
      <c r="B4714" t="s">
        <v>2965</v>
      </c>
      <c r="C4714" t="s">
        <v>2966</v>
      </c>
      <c r="D4714" t="s">
        <v>2967</v>
      </c>
      <c r="E4714" t="s">
        <v>2928</v>
      </c>
      <c r="F4714" t="s">
        <v>2929</v>
      </c>
      <c r="G4714" t="s">
        <v>80</v>
      </c>
      <c r="H4714" t="s">
        <v>81</v>
      </c>
      <c r="I4714" s="2">
        <v>1</v>
      </c>
      <c r="J4714" s="2">
        <v>0</v>
      </c>
      <c r="K4714" s="2">
        <v>0</v>
      </c>
      <c r="L4714" t="s">
        <v>120</v>
      </c>
      <c r="M4714" t="s">
        <v>83</v>
      </c>
      <c r="N4714" t="s">
        <v>84</v>
      </c>
      <c r="O4714" t="s">
        <v>85</v>
      </c>
      <c r="P4714" t="s">
        <v>86</v>
      </c>
      <c r="Q4714">
        <v>1</v>
      </c>
      <c r="R4714">
        <v>1</v>
      </c>
      <c r="S4714">
        <v>1</v>
      </c>
      <c r="T4714">
        <v>1</v>
      </c>
      <c r="U4714">
        <v>1</v>
      </c>
      <c r="V4714">
        <v>1</v>
      </c>
      <c r="W4714">
        <v>1</v>
      </c>
      <c r="X4714">
        <v>1</v>
      </c>
      <c r="Y4714">
        <v>1</v>
      </c>
      <c r="Z4714">
        <v>1</v>
      </c>
      <c r="AA4714">
        <v>1</v>
      </c>
      <c r="AB4714">
        <v>1</v>
      </c>
      <c r="AC4714">
        <v>1</v>
      </c>
      <c r="AD4714">
        <v>1</v>
      </c>
      <c r="AE4714">
        <v>1</v>
      </c>
      <c r="AF4714">
        <v>1</v>
      </c>
      <c r="AG4714">
        <v>1</v>
      </c>
      <c r="AH4714">
        <v>1</v>
      </c>
      <c r="AI4714">
        <v>1</v>
      </c>
      <c r="AJ4714">
        <v>1</v>
      </c>
      <c r="AK4714">
        <v>1</v>
      </c>
      <c r="AL4714">
        <v>1</v>
      </c>
      <c r="AM4714">
        <v>1</v>
      </c>
      <c r="AN4714">
        <v>1</v>
      </c>
      <c r="AO4714">
        <v>1</v>
      </c>
      <c r="AP4714">
        <v>1</v>
      </c>
      <c r="AQ4714">
        <v>1</v>
      </c>
    </row>
    <row r="4715" spans="1:43">
      <c r="A4715" t="s">
        <v>2964</v>
      </c>
      <c r="B4715" t="s">
        <v>2965</v>
      </c>
      <c r="C4715" t="s">
        <v>2966</v>
      </c>
      <c r="D4715" t="s">
        <v>2967</v>
      </c>
      <c r="E4715" t="s">
        <v>2928</v>
      </c>
      <c r="F4715" t="s">
        <v>2929</v>
      </c>
      <c r="G4715" t="s">
        <v>80</v>
      </c>
      <c r="H4715" t="s">
        <v>81</v>
      </c>
      <c r="I4715" s="2">
        <v>1</v>
      </c>
      <c r="J4715" s="2">
        <v>0</v>
      </c>
      <c r="K4715" s="2">
        <v>0</v>
      </c>
      <c r="L4715" t="s">
        <v>120</v>
      </c>
      <c r="M4715" t="s">
        <v>87</v>
      </c>
      <c r="N4715" t="s">
        <v>88</v>
      </c>
      <c r="O4715" t="s">
        <v>85</v>
      </c>
      <c r="P4715" t="s">
        <v>86</v>
      </c>
      <c r="Q4715">
        <v>1</v>
      </c>
      <c r="R4715">
        <v>1</v>
      </c>
      <c r="S4715">
        <v>1</v>
      </c>
      <c r="T4715">
        <v>1</v>
      </c>
      <c r="U4715">
        <v>1</v>
      </c>
      <c r="V4715">
        <v>1</v>
      </c>
      <c r="W4715">
        <v>1</v>
      </c>
      <c r="X4715">
        <v>1</v>
      </c>
      <c r="Y4715">
        <v>1</v>
      </c>
      <c r="Z4715">
        <v>1</v>
      </c>
      <c r="AA4715">
        <v>1</v>
      </c>
      <c r="AB4715">
        <v>1</v>
      </c>
      <c r="AC4715">
        <v>1</v>
      </c>
      <c r="AD4715">
        <v>1</v>
      </c>
      <c r="AE4715">
        <v>1</v>
      </c>
      <c r="AF4715">
        <v>1</v>
      </c>
      <c r="AG4715">
        <v>1</v>
      </c>
      <c r="AH4715">
        <v>1</v>
      </c>
      <c r="AI4715">
        <v>1</v>
      </c>
      <c r="AJ4715">
        <v>1</v>
      </c>
      <c r="AK4715">
        <v>1</v>
      </c>
      <c r="AL4715">
        <v>1</v>
      </c>
      <c r="AM4715">
        <v>1</v>
      </c>
      <c r="AN4715">
        <v>1</v>
      </c>
      <c r="AO4715">
        <v>1</v>
      </c>
      <c r="AP4715">
        <v>1</v>
      </c>
      <c r="AQ4715">
        <v>1</v>
      </c>
    </row>
    <row r="4716" spans="1:43">
      <c r="A4716" t="s">
        <v>2964</v>
      </c>
      <c r="B4716" t="s">
        <v>2965</v>
      </c>
      <c r="C4716" t="s">
        <v>2966</v>
      </c>
      <c r="D4716" t="s">
        <v>2967</v>
      </c>
      <c r="E4716" t="s">
        <v>2928</v>
      </c>
      <c r="F4716" t="s">
        <v>2929</v>
      </c>
      <c r="G4716" t="s">
        <v>80</v>
      </c>
      <c r="H4716" t="s">
        <v>81</v>
      </c>
      <c r="I4716" s="2">
        <v>1</v>
      </c>
      <c r="J4716" s="2">
        <v>0</v>
      </c>
      <c r="K4716" s="2">
        <v>0</v>
      </c>
      <c r="L4716" t="s">
        <v>120</v>
      </c>
      <c r="M4716" t="s">
        <v>89</v>
      </c>
      <c r="N4716" t="s">
        <v>90</v>
      </c>
      <c r="O4716" t="s">
        <v>85</v>
      </c>
      <c r="P4716" t="s">
        <v>86</v>
      </c>
      <c r="Q4716">
        <v>1</v>
      </c>
      <c r="R4716">
        <v>1</v>
      </c>
      <c r="S4716">
        <v>1</v>
      </c>
      <c r="T4716">
        <v>1</v>
      </c>
      <c r="U4716">
        <v>1</v>
      </c>
      <c r="V4716">
        <v>1</v>
      </c>
      <c r="W4716">
        <v>1</v>
      </c>
      <c r="X4716">
        <v>1</v>
      </c>
      <c r="Y4716">
        <v>1</v>
      </c>
      <c r="Z4716">
        <v>1</v>
      </c>
      <c r="AA4716">
        <v>1</v>
      </c>
      <c r="AB4716">
        <v>1</v>
      </c>
      <c r="AC4716">
        <v>1</v>
      </c>
      <c r="AD4716">
        <v>1</v>
      </c>
      <c r="AE4716">
        <v>1</v>
      </c>
      <c r="AF4716">
        <v>1</v>
      </c>
      <c r="AG4716">
        <v>1</v>
      </c>
      <c r="AH4716">
        <v>1</v>
      </c>
      <c r="AI4716">
        <v>1</v>
      </c>
      <c r="AJ4716">
        <v>1</v>
      </c>
      <c r="AK4716">
        <v>1</v>
      </c>
      <c r="AL4716">
        <v>1</v>
      </c>
      <c r="AM4716">
        <v>1</v>
      </c>
      <c r="AN4716">
        <v>1</v>
      </c>
      <c r="AO4716">
        <v>1</v>
      </c>
      <c r="AP4716">
        <v>1</v>
      </c>
      <c r="AQ4716">
        <v>1</v>
      </c>
    </row>
    <row r="4717" spans="1:43">
      <c r="A4717" t="s">
        <v>2964</v>
      </c>
      <c r="B4717" t="s">
        <v>2965</v>
      </c>
      <c r="C4717" t="s">
        <v>2966</v>
      </c>
      <c r="D4717" t="s">
        <v>2967</v>
      </c>
      <c r="E4717" t="s">
        <v>2928</v>
      </c>
      <c r="F4717" t="s">
        <v>2929</v>
      </c>
      <c r="G4717" t="s">
        <v>80</v>
      </c>
      <c r="H4717" t="s">
        <v>81</v>
      </c>
      <c r="I4717" s="2">
        <v>1</v>
      </c>
      <c r="J4717" s="2">
        <v>0</v>
      </c>
      <c r="K4717" s="2">
        <v>0</v>
      </c>
      <c r="L4717" t="s">
        <v>120</v>
      </c>
      <c r="M4717" t="s">
        <v>83</v>
      </c>
      <c r="N4717" t="s">
        <v>91</v>
      </c>
      <c r="O4717" t="s">
        <v>85</v>
      </c>
      <c r="P4717" t="s">
        <v>86</v>
      </c>
      <c r="Q4717">
        <v>1</v>
      </c>
      <c r="R4717">
        <v>1</v>
      </c>
      <c r="S4717">
        <v>1</v>
      </c>
      <c r="T4717">
        <v>1</v>
      </c>
      <c r="U4717">
        <v>1</v>
      </c>
      <c r="V4717">
        <v>1</v>
      </c>
      <c r="W4717">
        <v>1</v>
      </c>
      <c r="X4717">
        <v>1</v>
      </c>
      <c r="Y4717">
        <v>1</v>
      </c>
      <c r="Z4717">
        <v>1</v>
      </c>
      <c r="AA4717">
        <v>1</v>
      </c>
      <c r="AB4717">
        <v>1</v>
      </c>
      <c r="AC4717">
        <v>1</v>
      </c>
      <c r="AD4717">
        <v>1</v>
      </c>
      <c r="AE4717">
        <v>1</v>
      </c>
      <c r="AF4717">
        <v>1</v>
      </c>
      <c r="AG4717">
        <v>1</v>
      </c>
      <c r="AH4717">
        <v>1</v>
      </c>
      <c r="AI4717">
        <v>1</v>
      </c>
      <c r="AJ4717">
        <v>1</v>
      </c>
      <c r="AK4717">
        <v>1</v>
      </c>
      <c r="AL4717">
        <v>1</v>
      </c>
      <c r="AM4717">
        <v>1</v>
      </c>
      <c r="AN4717">
        <v>1</v>
      </c>
      <c r="AO4717">
        <v>1</v>
      </c>
      <c r="AP4717">
        <v>1</v>
      </c>
      <c r="AQ4717">
        <v>1</v>
      </c>
    </row>
    <row r="4718" spans="1:43">
      <c r="A4718" t="s">
        <v>2968</v>
      </c>
      <c r="B4718" t="s">
        <v>2969</v>
      </c>
      <c r="C4718" t="s">
        <v>2970</v>
      </c>
      <c r="D4718" t="s">
        <v>2971</v>
      </c>
      <c r="E4718" t="s">
        <v>2928</v>
      </c>
      <c r="F4718" t="s">
        <v>2929</v>
      </c>
      <c r="G4718" t="s">
        <v>80</v>
      </c>
      <c r="H4718" t="s">
        <v>81</v>
      </c>
      <c r="I4718" s="2">
        <v>1</v>
      </c>
      <c r="J4718" s="2">
        <v>0</v>
      </c>
      <c r="K4718" s="2">
        <v>0</v>
      </c>
      <c r="L4718" t="s">
        <v>120</v>
      </c>
      <c r="M4718" t="s">
        <v>83</v>
      </c>
      <c r="N4718" t="s">
        <v>84</v>
      </c>
      <c r="O4718" t="s">
        <v>85</v>
      </c>
      <c r="P4718" t="s">
        <v>86</v>
      </c>
      <c r="Q4718">
        <v>53</v>
      </c>
      <c r="R4718">
        <v>53</v>
      </c>
      <c r="S4718">
        <v>53</v>
      </c>
      <c r="T4718">
        <v>53</v>
      </c>
      <c r="U4718">
        <v>53</v>
      </c>
      <c r="V4718">
        <v>54</v>
      </c>
      <c r="W4718">
        <v>54</v>
      </c>
      <c r="X4718">
        <v>54</v>
      </c>
      <c r="Y4718">
        <v>54</v>
      </c>
      <c r="Z4718">
        <v>54</v>
      </c>
      <c r="AA4718">
        <v>54</v>
      </c>
      <c r="AB4718">
        <v>54</v>
      </c>
      <c r="AC4718">
        <v>54</v>
      </c>
      <c r="AD4718">
        <v>54</v>
      </c>
      <c r="AE4718">
        <v>54</v>
      </c>
      <c r="AF4718">
        <v>55</v>
      </c>
      <c r="AG4718">
        <v>55</v>
      </c>
      <c r="AH4718">
        <v>55</v>
      </c>
      <c r="AI4718">
        <v>55</v>
      </c>
      <c r="AJ4718">
        <v>55</v>
      </c>
      <c r="AK4718">
        <v>55</v>
      </c>
      <c r="AL4718">
        <v>54</v>
      </c>
      <c r="AM4718">
        <v>54</v>
      </c>
      <c r="AN4718">
        <v>54</v>
      </c>
      <c r="AO4718">
        <v>53</v>
      </c>
      <c r="AP4718">
        <v>53</v>
      </c>
      <c r="AQ4718">
        <v>52</v>
      </c>
    </row>
    <row r="4719" spans="1:43">
      <c r="A4719" t="s">
        <v>2968</v>
      </c>
      <c r="B4719" t="s">
        <v>2969</v>
      </c>
      <c r="C4719" t="s">
        <v>2970</v>
      </c>
      <c r="D4719" t="s">
        <v>2971</v>
      </c>
      <c r="E4719" t="s">
        <v>2928</v>
      </c>
      <c r="F4719" t="s">
        <v>2929</v>
      </c>
      <c r="G4719" t="s">
        <v>80</v>
      </c>
      <c r="H4719" t="s">
        <v>81</v>
      </c>
      <c r="I4719" s="2">
        <v>1</v>
      </c>
      <c r="J4719" s="2">
        <v>0</v>
      </c>
      <c r="K4719" s="2">
        <v>0</v>
      </c>
      <c r="L4719" t="s">
        <v>120</v>
      </c>
      <c r="M4719" t="s">
        <v>87</v>
      </c>
      <c r="N4719" t="s">
        <v>88</v>
      </c>
      <c r="O4719" t="s">
        <v>85</v>
      </c>
      <c r="P4719" t="s">
        <v>86</v>
      </c>
      <c r="Q4719">
        <v>53</v>
      </c>
      <c r="R4719">
        <v>53</v>
      </c>
      <c r="S4719">
        <v>53</v>
      </c>
      <c r="T4719">
        <v>52</v>
      </c>
      <c r="U4719">
        <v>52</v>
      </c>
      <c r="V4719">
        <v>52</v>
      </c>
      <c r="W4719">
        <v>51</v>
      </c>
      <c r="X4719">
        <v>51</v>
      </c>
      <c r="Y4719">
        <v>51</v>
      </c>
      <c r="Z4719">
        <v>51</v>
      </c>
      <c r="AA4719">
        <v>50</v>
      </c>
      <c r="AB4719">
        <v>50</v>
      </c>
      <c r="AC4719">
        <v>50</v>
      </c>
      <c r="AD4719">
        <v>50</v>
      </c>
      <c r="AE4719">
        <v>49</v>
      </c>
      <c r="AF4719">
        <v>49</v>
      </c>
      <c r="AG4719">
        <v>49</v>
      </c>
      <c r="AH4719">
        <v>49</v>
      </c>
      <c r="AI4719">
        <v>48</v>
      </c>
      <c r="AJ4719">
        <v>48</v>
      </c>
      <c r="AK4719">
        <v>48</v>
      </c>
      <c r="AL4719">
        <v>48</v>
      </c>
      <c r="AM4719">
        <v>47</v>
      </c>
      <c r="AN4719">
        <v>47</v>
      </c>
      <c r="AO4719">
        <v>47</v>
      </c>
      <c r="AP4719">
        <v>47</v>
      </c>
      <c r="AQ4719">
        <v>47</v>
      </c>
    </row>
    <row r="4720" spans="1:43">
      <c r="A4720" t="s">
        <v>2968</v>
      </c>
      <c r="B4720" t="s">
        <v>2969</v>
      </c>
      <c r="C4720" t="s">
        <v>2970</v>
      </c>
      <c r="D4720" t="s">
        <v>2971</v>
      </c>
      <c r="E4720" t="s">
        <v>2928</v>
      </c>
      <c r="F4720" t="s">
        <v>2929</v>
      </c>
      <c r="G4720" t="s">
        <v>80</v>
      </c>
      <c r="H4720" t="s">
        <v>81</v>
      </c>
      <c r="I4720" s="2">
        <v>1</v>
      </c>
      <c r="J4720" s="2">
        <v>0</v>
      </c>
      <c r="K4720" s="2">
        <v>0</v>
      </c>
      <c r="L4720" t="s">
        <v>120</v>
      </c>
      <c r="M4720" t="s">
        <v>89</v>
      </c>
      <c r="N4720" t="s">
        <v>90</v>
      </c>
      <c r="O4720" t="s">
        <v>85</v>
      </c>
      <c r="P4720" t="s">
        <v>86</v>
      </c>
      <c r="Q4720">
        <v>53</v>
      </c>
      <c r="R4720">
        <v>54</v>
      </c>
      <c r="S4720">
        <v>54</v>
      </c>
      <c r="T4720">
        <v>55</v>
      </c>
      <c r="U4720">
        <v>55</v>
      </c>
      <c r="V4720">
        <v>56</v>
      </c>
      <c r="W4720">
        <v>56</v>
      </c>
      <c r="X4720">
        <v>57</v>
      </c>
      <c r="Y4720">
        <v>57</v>
      </c>
      <c r="Z4720">
        <v>57</v>
      </c>
      <c r="AA4720">
        <v>58</v>
      </c>
      <c r="AB4720">
        <v>58</v>
      </c>
      <c r="AC4720">
        <v>58</v>
      </c>
      <c r="AD4720">
        <v>58</v>
      </c>
      <c r="AE4720">
        <v>58</v>
      </c>
      <c r="AF4720">
        <v>58</v>
      </c>
      <c r="AG4720">
        <v>57</v>
      </c>
      <c r="AH4720">
        <v>57</v>
      </c>
      <c r="AI4720">
        <v>56</v>
      </c>
      <c r="AJ4720">
        <v>56</v>
      </c>
      <c r="AK4720">
        <v>55</v>
      </c>
      <c r="AL4720">
        <v>55</v>
      </c>
      <c r="AM4720">
        <v>54</v>
      </c>
      <c r="AN4720">
        <v>54</v>
      </c>
      <c r="AO4720">
        <v>54</v>
      </c>
      <c r="AP4720">
        <v>53</v>
      </c>
      <c r="AQ4720">
        <v>53</v>
      </c>
    </row>
    <row r="4721" spans="1:43">
      <c r="A4721" t="s">
        <v>2968</v>
      </c>
      <c r="B4721" t="s">
        <v>2969</v>
      </c>
      <c r="C4721" t="s">
        <v>2970</v>
      </c>
      <c r="D4721" t="s">
        <v>2971</v>
      </c>
      <c r="E4721" t="s">
        <v>2928</v>
      </c>
      <c r="F4721" t="s">
        <v>2929</v>
      </c>
      <c r="G4721" t="s">
        <v>80</v>
      </c>
      <c r="H4721" t="s">
        <v>81</v>
      </c>
      <c r="I4721" s="2">
        <v>1</v>
      </c>
      <c r="J4721" s="2">
        <v>0</v>
      </c>
      <c r="K4721" s="2">
        <v>0</v>
      </c>
      <c r="L4721" t="s">
        <v>120</v>
      </c>
      <c r="M4721" t="s">
        <v>83</v>
      </c>
      <c r="N4721" t="s">
        <v>91</v>
      </c>
      <c r="O4721" t="s">
        <v>85</v>
      </c>
      <c r="P4721" t="s">
        <v>86</v>
      </c>
      <c r="Q4721">
        <v>53</v>
      </c>
      <c r="R4721">
        <v>53</v>
      </c>
      <c r="S4721">
        <v>53</v>
      </c>
      <c r="T4721">
        <v>53</v>
      </c>
      <c r="U4721">
        <v>53</v>
      </c>
      <c r="V4721">
        <v>54</v>
      </c>
      <c r="W4721">
        <v>54</v>
      </c>
      <c r="X4721">
        <v>54</v>
      </c>
      <c r="Y4721">
        <v>54</v>
      </c>
      <c r="Z4721">
        <v>54</v>
      </c>
      <c r="AA4721">
        <v>54</v>
      </c>
      <c r="AB4721">
        <v>54</v>
      </c>
      <c r="AC4721">
        <v>54</v>
      </c>
      <c r="AD4721">
        <v>54</v>
      </c>
      <c r="AE4721">
        <v>54</v>
      </c>
      <c r="AF4721">
        <v>55</v>
      </c>
      <c r="AG4721">
        <v>55</v>
      </c>
      <c r="AH4721">
        <v>55</v>
      </c>
      <c r="AI4721">
        <v>55</v>
      </c>
      <c r="AJ4721">
        <v>55</v>
      </c>
      <c r="AK4721">
        <v>55</v>
      </c>
      <c r="AL4721">
        <v>54</v>
      </c>
      <c r="AM4721">
        <v>54</v>
      </c>
      <c r="AN4721">
        <v>54</v>
      </c>
      <c r="AO4721">
        <v>53</v>
      </c>
      <c r="AP4721">
        <v>53</v>
      </c>
      <c r="AQ4721">
        <v>52</v>
      </c>
    </row>
    <row r="4722" spans="1:43">
      <c r="A4722" t="s">
        <v>2972</v>
      </c>
      <c r="B4722" t="s">
        <v>2973</v>
      </c>
      <c r="C4722" t="s">
        <v>2970</v>
      </c>
      <c r="D4722" t="s">
        <v>2971</v>
      </c>
      <c r="E4722" t="s">
        <v>2928</v>
      </c>
      <c r="F4722" t="s">
        <v>2929</v>
      </c>
      <c r="G4722" t="s">
        <v>80</v>
      </c>
      <c r="H4722" t="s">
        <v>81</v>
      </c>
      <c r="I4722" s="2">
        <v>1</v>
      </c>
      <c r="J4722" s="2">
        <v>0</v>
      </c>
      <c r="K4722" s="2">
        <v>0</v>
      </c>
      <c r="L4722" t="s">
        <v>120</v>
      </c>
      <c r="M4722" t="s">
        <v>83</v>
      </c>
      <c r="N4722" t="s">
        <v>84</v>
      </c>
      <c r="O4722" t="s">
        <v>85</v>
      </c>
      <c r="P4722" t="s">
        <v>86</v>
      </c>
      <c r="Q4722">
        <v>24</v>
      </c>
      <c r="R4722">
        <v>24</v>
      </c>
      <c r="S4722">
        <v>24</v>
      </c>
      <c r="T4722">
        <v>24</v>
      </c>
      <c r="U4722">
        <v>24</v>
      </c>
      <c r="V4722">
        <v>24</v>
      </c>
      <c r="W4722">
        <v>25</v>
      </c>
      <c r="X4722">
        <v>25</v>
      </c>
      <c r="Y4722">
        <v>25</v>
      </c>
      <c r="Z4722">
        <v>25</v>
      </c>
      <c r="AA4722">
        <v>25</v>
      </c>
      <c r="AB4722">
        <v>25</v>
      </c>
      <c r="AC4722">
        <v>25</v>
      </c>
      <c r="AD4722">
        <v>25</v>
      </c>
      <c r="AE4722">
        <v>25</v>
      </c>
      <c r="AF4722">
        <v>25</v>
      </c>
      <c r="AG4722">
        <v>25</v>
      </c>
      <c r="AH4722">
        <v>25</v>
      </c>
      <c r="AI4722">
        <v>25</v>
      </c>
      <c r="AJ4722">
        <v>25</v>
      </c>
      <c r="AK4722">
        <v>25</v>
      </c>
      <c r="AL4722">
        <v>25</v>
      </c>
      <c r="AM4722">
        <v>25</v>
      </c>
      <c r="AN4722">
        <v>25</v>
      </c>
      <c r="AO4722">
        <v>25</v>
      </c>
      <c r="AP4722">
        <v>24</v>
      </c>
      <c r="AQ4722">
        <v>24</v>
      </c>
    </row>
    <row r="4723" spans="1:43">
      <c r="A4723" t="s">
        <v>2972</v>
      </c>
      <c r="B4723" t="s">
        <v>2973</v>
      </c>
      <c r="C4723" t="s">
        <v>2970</v>
      </c>
      <c r="D4723" t="s">
        <v>2971</v>
      </c>
      <c r="E4723" t="s">
        <v>2928</v>
      </c>
      <c r="F4723" t="s">
        <v>2929</v>
      </c>
      <c r="G4723" t="s">
        <v>80</v>
      </c>
      <c r="H4723" t="s">
        <v>81</v>
      </c>
      <c r="I4723" s="2">
        <v>1</v>
      </c>
      <c r="J4723" s="2">
        <v>0</v>
      </c>
      <c r="K4723" s="2">
        <v>0</v>
      </c>
      <c r="L4723" t="s">
        <v>120</v>
      </c>
      <c r="M4723" t="s">
        <v>87</v>
      </c>
      <c r="N4723" t="s">
        <v>88</v>
      </c>
      <c r="O4723" t="s">
        <v>85</v>
      </c>
      <c r="P4723" t="s">
        <v>86</v>
      </c>
      <c r="Q4723">
        <v>24</v>
      </c>
      <c r="R4723">
        <v>24</v>
      </c>
      <c r="S4723">
        <v>23</v>
      </c>
      <c r="T4723">
        <v>23</v>
      </c>
      <c r="U4723">
        <v>23</v>
      </c>
      <c r="V4723">
        <v>23</v>
      </c>
      <c r="W4723">
        <v>23</v>
      </c>
      <c r="X4723">
        <v>23</v>
      </c>
      <c r="Y4723">
        <v>23</v>
      </c>
      <c r="Z4723">
        <v>23</v>
      </c>
      <c r="AA4723">
        <v>23</v>
      </c>
      <c r="AB4723">
        <v>22</v>
      </c>
      <c r="AC4723">
        <v>22</v>
      </c>
      <c r="AD4723">
        <v>22</v>
      </c>
      <c r="AE4723">
        <v>22</v>
      </c>
      <c r="AF4723">
        <v>22</v>
      </c>
      <c r="AG4723">
        <v>22</v>
      </c>
      <c r="AH4723">
        <v>22</v>
      </c>
      <c r="AI4723">
        <v>22</v>
      </c>
      <c r="AJ4723">
        <v>22</v>
      </c>
      <c r="AK4723">
        <v>22</v>
      </c>
      <c r="AL4723">
        <v>21</v>
      </c>
      <c r="AM4723">
        <v>21</v>
      </c>
      <c r="AN4723">
        <v>21</v>
      </c>
      <c r="AO4723">
        <v>21</v>
      </c>
      <c r="AP4723">
        <v>21</v>
      </c>
      <c r="AQ4723">
        <v>21</v>
      </c>
    </row>
    <row r="4724" spans="1:43">
      <c r="A4724" t="s">
        <v>2972</v>
      </c>
      <c r="B4724" t="s">
        <v>2973</v>
      </c>
      <c r="C4724" t="s">
        <v>2970</v>
      </c>
      <c r="D4724" t="s">
        <v>2971</v>
      </c>
      <c r="E4724" t="s">
        <v>2928</v>
      </c>
      <c r="F4724" t="s">
        <v>2929</v>
      </c>
      <c r="G4724" t="s">
        <v>80</v>
      </c>
      <c r="H4724" t="s">
        <v>81</v>
      </c>
      <c r="I4724" s="2">
        <v>1</v>
      </c>
      <c r="J4724" s="2">
        <v>0</v>
      </c>
      <c r="K4724" s="2">
        <v>0</v>
      </c>
      <c r="L4724" t="s">
        <v>120</v>
      </c>
      <c r="M4724" t="s">
        <v>89</v>
      </c>
      <c r="N4724" t="s">
        <v>90</v>
      </c>
      <c r="O4724" t="s">
        <v>85</v>
      </c>
      <c r="P4724" t="s">
        <v>86</v>
      </c>
      <c r="Q4724">
        <v>24</v>
      </c>
      <c r="R4724">
        <v>24</v>
      </c>
      <c r="S4724">
        <v>25</v>
      </c>
      <c r="T4724">
        <v>25</v>
      </c>
      <c r="U4724">
        <v>25</v>
      </c>
      <c r="V4724">
        <v>26</v>
      </c>
      <c r="W4724">
        <v>26</v>
      </c>
      <c r="X4724">
        <v>26</v>
      </c>
      <c r="Y4724">
        <v>26</v>
      </c>
      <c r="Z4724">
        <v>26</v>
      </c>
      <c r="AA4724">
        <v>26</v>
      </c>
      <c r="AB4724">
        <v>26</v>
      </c>
      <c r="AC4724">
        <v>27</v>
      </c>
      <c r="AD4724">
        <v>27</v>
      </c>
      <c r="AE4724">
        <v>27</v>
      </c>
      <c r="AF4724">
        <v>27</v>
      </c>
      <c r="AG4724">
        <v>26</v>
      </c>
      <c r="AH4724">
        <v>26</v>
      </c>
      <c r="AI4724">
        <v>26</v>
      </c>
      <c r="AJ4724">
        <v>26</v>
      </c>
      <c r="AK4724">
        <v>26</v>
      </c>
      <c r="AL4724">
        <v>25</v>
      </c>
      <c r="AM4724">
        <v>25</v>
      </c>
      <c r="AN4724">
        <v>25</v>
      </c>
      <c r="AO4724">
        <v>25</v>
      </c>
      <c r="AP4724">
        <v>25</v>
      </c>
      <c r="AQ4724">
        <v>24</v>
      </c>
    </row>
    <row r="4725" spans="1:43">
      <c r="A4725" t="s">
        <v>2972</v>
      </c>
      <c r="B4725" t="s">
        <v>2973</v>
      </c>
      <c r="C4725" t="s">
        <v>2970</v>
      </c>
      <c r="D4725" t="s">
        <v>2971</v>
      </c>
      <c r="E4725" t="s">
        <v>2928</v>
      </c>
      <c r="F4725" t="s">
        <v>2929</v>
      </c>
      <c r="G4725" t="s">
        <v>80</v>
      </c>
      <c r="H4725" t="s">
        <v>81</v>
      </c>
      <c r="I4725" s="2">
        <v>1</v>
      </c>
      <c r="J4725" s="2">
        <v>0</v>
      </c>
      <c r="K4725" s="2">
        <v>0</v>
      </c>
      <c r="L4725" t="s">
        <v>120</v>
      </c>
      <c r="M4725" t="s">
        <v>83</v>
      </c>
      <c r="N4725" t="s">
        <v>91</v>
      </c>
      <c r="O4725" t="s">
        <v>85</v>
      </c>
      <c r="P4725" t="s">
        <v>86</v>
      </c>
      <c r="Q4725">
        <v>24</v>
      </c>
      <c r="R4725">
        <v>24</v>
      </c>
      <c r="S4725">
        <v>24</v>
      </c>
      <c r="T4725">
        <v>24</v>
      </c>
      <c r="U4725">
        <v>24</v>
      </c>
      <c r="V4725">
        <v>24</v>
      </c>
      <c r="W4725">
        <v>25</v>
      </c>
      <c r="X4725">
        <v>25</v>
      </c>
      <c r="Y4725">
        <v>25</v>
      </c>
      <c r="Z4725">
        <v>25</v>
      </c>
      <c r="AA4725">
        <v>25</v>
      </c>
      <c r="AB4725">
        <v>25</v>
      </c>
      <c r="AC4725">
        <v>25</v>
      </c>
      <c r="AD4725">
        <v>25</v>
      </c>
      <c r="AE4725">
        <v>25</v>
      </c>
      <c r="AF4725">
        <v>25</v>
      </c>
      <c r="AG4725">
        <v>25</v>
      </c>
      <c r="AH4725">
        <v>25</v>
      </c>
      <c r="AI4725">
        <v>25</v>
      </c>
      <c r="AJ4725">
        <v>25</v>
      </c>
      <c r="AK4725">
        <v>25</v>
      </c>
      <c r="AL4725">
        <v>25</v>
      </c>
      <c r="AM4725">
        <v>25</v>
      </c>
      <c r="AN4725">
        <v>25</v>
      </c>
      <c r="AO4725">
        <v>25</v>
      </c>
      <c r="AP4725">
        <v>24</v>
      </c>
      <c r="AQ4725">
        <v>24</v>
      </c>
    </row>
    <row r="4726" spans="1:43">
      <c r="A4726" t="s">
        <v>2974</v>
      </c>
      <c r="B4726" t="s">
        <v>2975</v>
      </c>
      <c r="C4726" t="s">
        <v>2976</v>
      </c>
      <c r="D4726" t="s">
        <v>2977</v>
      </c>
      <c r="E4726" t="s">
        <v>2928</v>
      </c>
      <c r="F4726" t="s">
        <v>2929</v>
      </c>
      <c r="G4726" t="s">
        <v>80</v>
      </c>
      <c r="H4726" t="s">
        <v>81</v>
      </c>
      <c r="I4726" s="2">
        <v>1</v>
      </c>
      <c r="J4726" s="2">
        <v>0</v>
      </c>
      <c r="K4726" s="2">
        <v>0</v>
      </c>
      <c r="L4726" t="s">
        <v>120</v>
      </c>
      <c r="M4726" t="s">
        <v>83</v>
      </c>
      <c r="N4726" t="s">
        <v>84</v>
      </c>
      <c r="O4726" t="s">
        <v>85</v>
      </c>
      <c r="P4726" t="s">
        <v>86</v>
      </c>
      <c r="Q4726">
        <v>16</v>
      </c>
      <c r="R4726">
        <v>16</v>
      </c>
      <c r="S4726">
        <v>16</v>
      </c>
      <c r="T4726">
        <v>16</v>
      </c>
      <c r="U4726">
        <v>16</v>
      </c>
      <c r="V4726">
        <v>16</v>
      </c>
      <c r="W4726">
        <v>16</v>
      </c>
      <c r="X4726">
        <v>16</v>
      </c>
      <c r="Y4726">
        <v>16</v>
      </c>
      <c r="Z4726">
        <v>17</v>
      </c>
      <c r="AA4726">
        <v>17</v>
      </c>
      <c r="AB4726">
        <v>17</v>
      </c>
      <c r="AC4726">
        <v>17</v>
      </c>
      <c r="AD4726">
        <v>17</v>
      </c>
      <c r="AE4726">
        <v>17</v>
      </c>
      <c r="AF4726">
        <v>17</v>
      </c>
      <c r="AG4726">
        <v>17</v>
      </c>
      <c r="AH4726">
        <v>17</v>
      </c>
      <c r="AI4726">
        <v>17</v>
      </c>
      <c r="AJ4726">
        <v>17</v>
      </c>
      <c r="AK4726">
        <v>17</v>
      </c>
      <c r="AL4726">
        <v>17</v>
      </c>
      <c r="AM4726">
        <v>17</v>
      </c>
      <c r="AN4726">
        <v>17</v>
      </c>
      <c r="AO4726">
        <v>16</v>
      </c>
      <c r="AP4726">
        <v>16</v>
      </c>
      <c r="AQ4726">
        <v>16</v>
      </c>
    </row>
    <row r="4727" spans="1:43">
      <c r="A4727" t="s">
        <v>2974</v>
      </c>
      <c r="B4727" t="s">
        <v>2975</v>
      </c>
      <c r="C4727" t="s">
        <v>2976</v>
      </c>
      <c r="D4727" t="s">
        <v>2977</v>
      </c>
      <c r="E4727" t="s">
        <v>2928</v>
      </c>
      <c r="F4727" t="s">
        <v>2929</v>
      </c>
      <c r="G4727" t="s">
        <v>80</v>
      </c>
      <c r="H4727" t="s">
        <v>81</v>
      </c>
      <c r="I4727" s="2">
        <v>1</v>
      </c>
      <c r="J4727" s="2">
        <v>0</v>
      </c>
      <c r="K4727" s="2">
        <v>0</v>
      </c>
      <c r="L4727" t="s">
        <v>120</v>
      </c>
      <c r="M4727" t="s">
        <v>87</v>
      </c>
      <c r="N4727" t="s">
        <v>88</v>
      </c>
      <c r="O4727" t="s">
        <v>85</v>
      </c>
      <c r="P4727" t="s">
        <v>86</v>
      </c>
      <c r="Q4727">
        <v>16</v>
      </c>
      <c r="R4727">
        <v>16</v>
      </c>
      <c r="S4727">
        <v>16</v>
      </c>
      <c r="T4727">
        <v>16</v>
      </c>
      <c r="U4727">
        <v>16</v>
      </c>
      <c r="V4727">
        <v>15</v>
      </c>
      <c r="W4727">
        <v>15</v>
      </c>
      <c r="X4727">
        <v>15</v>
      </c>
      <c r="Y4727">
        <v>15</v>
      </c>
      <c r="Z4727">
        <v>15</v>
      </c>
      <c r="AA4727">
        <v>15</v>
      </c>
      <c r="AB4727">
        <v>15</v>
      </c>
      <c r="AC4727">
        <v>15</v>
      </c>
      <c r="AD4727">
        <v>15</v>
      </c>
      <c r="AE4727">
        <v>15</v>
      </c>
      <c r="AF4727">
        <v>15</v>
      </c>
      <c r="AG4727">
        <v>15</v>
      </c>
      <c r="AH4727">
        <v>15</v>
      </c>
      <c r="AI4727">
        <v>15</v>
      </c>
      <c r="AJ4727">
        <v>15</v>
      </c>
      <c r="AK4727">
        <v>14</v>
      </c>
      <c r="AL4727">
        <v>14</v>
      </c>
      <c r="AM4727">
        <v>14</v>
      </c>
      <c r="AN4727">
        <v>14</v>
      </c>
      <c r="AO4727">
        <v>14</v>
      </c>
      <c r="AP4727">
        <v>14</v>
      </c>
      <c r="AQ4727">
        <v>14</v>
      </c>
    </row>
    <row r="4728" spans="1:43">
      <c r="A4728" t="s">
        <v>2974</v>
      </c>
      <c r="B4728" t="s">
        <v>2975</v>
      </c>
      <c r="C4728" t="s">
        <v>2976</v>
      </c>
      <c r="D4728" t="s">
        <v>2977</v>
      </c>
      <c r="E4728" t="s">
        <v>2928</v>
      </c>
      <c r="F4728" t="s">
        <v>2929</v>
      </c>
      <c r="G4728" t="s">
        <v>80</v>
      </c>
      <c r="H4728" t="s">
        <v>81</v>
      </c>
      <c r="I4728" s="2">
        <v>1</v>
      </c>
      <c r="J4728" s="2">
        <v>0</v>
      </c>
      <c r="K4728" s="2">
        <v>0</v>
      </c>
      <c r="L4728" t="s">
        <v>120</v>
      </c>
      <c r="M4728" t="s">
        <v>89</v>
      </c>
      <c r="N4728" t="s">
        <v>90</v>
      </c>
      <c r="O4728" t="s">
        <v>85</v>
      </c>
      <c r="P4728" t="s">
        <v>86</v>
      </c>
      <c r="Q4728">
        <v>16</v>
      </c>
      <c r="R4728">
        <v>16</v>
      </c>
      <c r="S4728">
        <v>16</v>
      </c>
      <c r="T4728">
        <v>17</v>
      </c>
      <c r="U4728">
        <v>17</v>
      </c>
      <c r="V4728">
        <v>17</v>
      </c>
      <c r="W4728">
        <v>17</v>
      </c>
      <c r="X4728">
        <v>17</v>
      </c>
      <c r="Y4728">
        <v>17</v>
      </c>
      <c r="Z4728">
        <v>18</v>
      </c>
      <c r="AA4728">
        <v>18</v>
      </c>
      <c r="AB4728">
        <v>18</v>
      </c>
      <c r="AC4728">
        <v>18</v>
      </c>
      <c r="AD4728">
        <v>18</v>
      </c>
      <c r="AE4728">
        <v>18</v>
      </c>
      <c r="AF4728">
        <v>18</v>
      </c>
      <c r="AG4728">
        <v>18</v>
      </c>
      <c r="AH4728">
        <v>18</v>
      </c>
      <c r="AI4728">
        <v>17</v>
      </c>
      <c r="AJ4728">
        <v>17</v>
      </c>
      <c r="AK4728">
        <v>17</v>
      </c>
      <c r="AL4728">
        <v>17</v>
      </c>
      <c r="AM4728">
        <v>17</v>
      </c>
      <c r="AN4728">
        <v>17</v>
      </c>
      <c r="AO4728">
        <v>17</v>
      </c>
      <c r="AP4728">
        <v>17</v>
      </c>
      <c r="AQ4728">
        <v>16</v>
      </c>
    </row>
    <row r="4729" spans="1:43">
      <c r="A4729" t="s">
        <v>2974</v>
      </c>
      <c r="B4729" t="s">
        <v>2975</v>
      </c>
      <c r="C4729" t="s">
        <v>2976</v>
      </c>
      <c r="D4729" t="s">
        <v>2977</v>
      </c>
      <c r="E4729" t="s">
        <v>2928</v>
      </c>
      <c r="F4729" t="s">
        <v>2929</v>
      </c>
      <c r="G4729" t="s">
        <v>80</v>
      </c>
      <c r="H4729" t="s">
        <v>81</v>
      </c>
      <c r="I4729" s="2">
        <v>1</v>
      </c>
      <c r="J4729" s="2">
        <v>0</v>
      </c>
      <c r="K4729" s="2">
        <v>0</v>
      </c>
      <c r="L4729" t="s">
        <v>120</v>
      </c>
      <c r="M4729" t="s">
        <v>83</v>
      </c>
      <c r="N4729" t="s">
        <v>91</v>
      </c>
      <c r="O4729" t="s">
        <v>85</v>
      </c>
      <c r="P4729" t="s">
        <v>86</v>
      </c>
      <c r="Q4729">
        <v>16</v>
      </c>
      <c r="R4729">
        <v>16</v>
      </c>
      <c r="S4729">
        <v>16</v>
      </c>
      <c r="T4729">
        <v>16</v>
      </c>
      <c r="U4729">
        <v>16</v>
      </c>
      <c r="V4729">
        <v>16</v>
      </c>
      <c r="W4729">
        <v>16</v>
      </c>
      <c r="X4729">
        <v>16</v>
      </c>
      <c r="Y4729">
        <v>16</v>
      </c>
      <c r="Z4729">
        <v>17</v>
      </c>
      <c r="AA4729">
        <v>17</v>
      </c>
      <c r="AB4729">
        <v>17</v>
      </c>
      <c r="AC4729">
        <v>17</v>
      </c>
      <c r="AD4729">
        <v>17</v>
      </c>
      <c r="AE4729">
        <v>17</v>
      </c>
      <c r="AF4729">
        <v>17</v>
      </c>
      <c r="AG4729">
        <v>17</v>
      </c>
      <c r="AH4729">
        <v>17</v>
      </c>
      <c r="AI4729">
        <v>17</v>
      </c>
      <c r="AJ4729">
        <v>17</v>
      </c>
      <c r="AK4729">
        <v>17</v>
      </c>
      <c r="AL4729">
        <v>17</v>
      </c>
      <c r="AM4729">
        <v>17</v>
      </c>
      <c r="AN4729">
        <v>17</v>
      </c>
      <c r="AO4729">
        <v>16</v>
      </c>
      <c r="AP4729">
        <v>16</v>
      </c>
      <c r="AQ4729">
        <v>16</v>
      </c>
    </row>
    <row r="4730" spans="1:43">
      <c r="A4730" t="s">
        <v>2978</v>
      </c>
      <c r="B4730" t="s">
        <v>2979</v>
      </c>
      <c r="C4730" t="s">
        <v>2980</v>
      </c>
      <c r="D4730" t="s">
        <v>2981</v>
      </c>
      <c r="E4730" t="s">
        <v>2928</v>
      </c>
      <c r="F4730" t="s">
        <v>2929</v>
      </c>
      <c r="G4730" t="s">
        <v>80</v>
      </c>
      <c r="H4730" t="s">
        <v>81</v>
      </c>
      <c r="I4730" s="2">
        <v>1</v>
      </c>
      <c r="J4730" s="2">
        <v>0</v>
      </c>
      <c r="K4730" s="2">
        <v>0</v>
      </c>
      <c r="L4730" t="s">
        <v>120</v>
      </c>
      <c r="M4730" t="s">
        <v>83</v>
      </c>
      <c r="N4730" t="s">
        <v>84</v>
      </c>
      <c r="O4730" t="s">
        <v>85</v>
      </c>
      <c r="P4730" t="s">
        <v>86</v>
      </c>
      <c r="Q4730">
        <v>7</v>
      </c>
      <c r="R4730">
        <v>7</v>
      </c>
      <c r="S4730">
        <v>7</v>
      </c>
      <c r="T4730">
        <v>7</v>
      </c>
      <c r="U4730">
        <v>7</v>
      </c>
      <c r="V4730">
        <v>7</v>
      </c>
      <c r="W4730">
        <v>7</v>
      </c>
      <c r="X4730">
        <v>7</v>
      </c>
      <c r="Y4730">
        <v>7</v>
      </c>
      <c r="Z4730">
        <v>7</v>
      </c>
      <c r="AA4730">
        <v>7</v>
      </c>
      <c r="AB4730">
        <v>7</v>
      </c>
      <c r="AC4730">
        <v>7</v>
      </c>
      <c r="AD4730">
        <v>7</v>
      </c>
      <c r="AE4730">
        <v>7</v>
      </c>
      <c r="AF4730">
        <v>7</v>
      </c>
      <c r="AG4730">
        <v>7</v>
      </c>
      <c r="AH4730">
        <v>7</v>
      </c>
      <c r="AI4730">
        <v>7</v>
      </c>
      <c r="AJ4730">
        <v>7</v>
      </c>
      <c r="AK4730">
        <v>7</v>
      </c>
      <c r="AL4730">
        <v>7</v>
      </c>
      <c r="AM4730">
        <v>7</v>
      </c>
      <c r="AN4730">
        <v>7</v>
      </c>
      <c r="AO4730">
        <v>7</v>
      </c>
      <c r="AP4730">
        <v>7</v>
      </c>
      <c r="AQ4730">
        <v>7</v>
      </c>
    </row>
    <row r="4731" spans="1:43">
      <c r="A4731" t="s">
        <v>2978</v>
      </c>
      <c r="B4731" t="s">
        <v>2979</v>
      </c>
      <c r="C4731" t="s">
        <v>2980</v>
      </c>
      <c r="D4731" t="s">
        <v>2981</v>
      </c>
      <c r="E4731" t="s">
        <v>2928</v>
      </c>
      <c r="F4731" t="s">
        <v>2929</v>
      </c>
      <c r="G4731" t="s">
        <v>80</v>
      </c>
      <c r="H4731" t="s">
        <v>81</v>
      </c>
      <c r="I4731" s="2">
        <v>1</v>
      </c>
      <c r="J4731" s="2">
        <v>0</v>
      </c>
      <c r="K4731" s="2">
        <v>0</v>
      </c>
      <c r="L4731" t="s">
        <v>120</v>
      </c>
      <c r="M4731" t="s">
        <v>87</v>
      </c>
      <c r="N4731" t="s">
        <v>88</v>
      </c>
      <c r="O4731" t="s">
        <v>85</v>
      </c>
      <c r="P4731" t="s">
        <v>86</v>
      </c>
      <c r="Q4731">
        <v>7</v>
      </c>
      <c r="R4731">
        <v>7</v>
      </c>
      <c r="S4731">
        <v>7</v>
      </c>
      <c r="T4731">
        <v>7</v>
      </c>
      <c r="U4731">
        <v>7</v>
      </c>
      <c r="V4731">
        <v>7</v>
      </c>
      <c r="W4731">
        <v>6</v>
      </c>
      <c r="X4731">
        <v>6</v>
      </c>
      <c r="Y4731">
        <v>6</v>
      </c>
      <c r="Z4731">
        <v>6</v>
      </c>
      <c r="AA4731">
        <v>6</v>
      </c>
      <c r="AB4731">
        <v>6</v>
      </c>
      <c r="AC4731">
        <v>6</v>
      </c>
      <c r="AD4731">
        <v>6</v>
      </c>
      <c r="AE4731">
        <v>6</v>
      </c>
      <c r="AF4731">
        <v>6</v>
      </c>
      <c r="AG4731">
        <v>6</v>
      </c>
      <c r="AH4731">
        <v>6</v>
      </c>
      <c r="AI4731">
        <v>6</v>
      </c>
      <c r="AJ4731">
        <v>6</v>
      </c>
      <c r="AK4731">
        <v>6</v>
      </c>
      <c r="AL4731">
        <v>6</v>
      </c>
      <c r="AM4731">
        <v>6</v>
      </c>
      <c r="AN4731">
        <v>6</v>
      </c>
      <c r="AO4731">
        <v>6</v>
      </c>
      <c r="AP4731">
        <v>6</v>
      </c>
      <c r="AQ4731">
        <v>6</v>
      </c>
    </row>
    <row r="4732" spans="1:43">
      <c r="A4732" t="s">
        <v>2978</v>
      </c>
      <c r="B4732" t="s">
        <v>2979</v>
      </c>
      <c r="C4732" t="s">
        <v>2980</v>
      </c>
      <c r="D4732" t="s">
        <v>2981</v>
      </c>
      <c r="E4732" t="s">
        <v>2928</v>
      </c>
      <c r="F4732" t="s">
        <v>2929</v>
      </c>
      <c r="G4732" t="s">
        <v>80</v>
      </c>
      <c r="H4732" t="s">
        <v>81</v>
      </c>
      <c r="I4732" s="2">
        <v>1</v>
      </c>
      <c r="J4732" s="2">
        <v>0</v>
      </c>
      <c r="K4732" s="2">
        <v>0</v>
      </c>
      <c r="L4732" t="s">
        <v>120</v>
      </c>
      <c r="M4732" t="s">
        <v>89</v>
      </c>
      <c r="N4732" t="s">
        <v>90</v>
      </c>
      <c r="O4732" t="s">
        <v>85</v>
      </c>
      <c r="P4732" t="s">
        <v>86</v>
      </c>
      <c r="Q4732">
        <v>7</v>
      </c>
      <c r="R4732">
        <v>7</v>
      </c>
      <c r="S4732">
        <v>7</v>
      </c>
      <c r="T4732">
        <v>7</v>
      </c>
      <c r="U4732">
        <v>7</v>
      </c>
      <c r="V4732">
        <v>7</v>
      </c>
      <c r="W4732">
        <v>7</v>
      </c>
      <c r="X4732">
        <v>7</v>
      </c>
      <c r="Y4732">
        <v>7</v>
      </c>
      <c r="Z4732">
        <v>7</v>
      </c>
      <c r="AA4732">
        <v>7</v>
      </c>
      <c r="AB4732">
        <v>7</v>
      </c>
      <c r="AC4732">
        <v>7</v>
      </c>
      <c r="AD4732">
        <v>8</v>
      </c>
      <c r="AE4732">
        <v>8</v>
      </c>
      <c r="AF4732">
        <v>7</v>
      </c>
      <c r="AG4732">
        <v>7</v>
      </c>
      <c r="AH4732">
        <v>7</v>
      </c>
      <c r="AI4732">
        <v>7</v>
      </c>
      <c r="AJ4732">
        <v>7</v>
      </c>
      <c r="AK4732">
        <v>7</v>
      </c>
      <c r="AL4732">
        <v>7</v>
      </c>
      <c r="AM4732">
        <v>7</v>
      </c>
      <c r="AN4732">
        <v>7</v>
      </c>
      <c r="AO4732">
        <v>7</v>
      </c>
      <c r="AP4732">
        <v>7</v>
      </c>
      <c r="AQ4732">
        <v>7</v>
      </c>
    </row>
    <row r="4733" spans="1:43">
      <c r="A4733" t="s">
        <v>2978</v>
      </c>
      <c r="B4733" t="s">
        <v>2979</v>
      </c>
      <c r="C4733" t="s">
        <v>2980</v>
      </c>
      <c r="D4733" t="s">
        <v>2981</v>
      </c>
      <c r="E4733" t="s">
        <v>2928</v>
      </c>
      <c r="F4733" t="s">
        <v>2929</v>
      </c>
      <c r="G4733" t="s">
        <v>80</v>
      </c>
      <c r="H4733" t="s">
        <v>81</v>
      </c>
      <c r="I4733" s="2">
        <v>1</v>
      </c>
      <c r="J4733" s="2">
        <v>0</v>
      </c>
      <c r="K4733" s="2">
        <v>0</v>
      </c>
      <c r="L4733" t="s">
        <v>120</v>
      </c>
      <c r="M4733" t="s">
        <v>83</v>
      </c>
      <c r="N4733" t="s">
        <v>91</v>
      </c>
      <c r="O4733" t="s">
        <v>85</v>
      </c>
      <c r="P4733" t="s">
        <v>86</v>
      </c>
      <c r="Q4733">
        <v>7</v>
      </c>
      <c r="R4733">
        <v>7</v>
      </c>
      <c r="S4733">
        <v>7</v>
      </c>
      <c r="T4733">
        <v>7</v>
      </c>
      <c r="U4733">
        <v>7</v>
      </c>
      <c r="V4733">
        <v>7</v>
      </c>
      <c r="W4733">
        <v>7</v>
      </c>
      <c r="X4733">
        <v>7</v>
      </c>
      <c r="Y4733">
        <v>7</v>
      </c>
      <c r="Z4733">
        <v>7</v>
      </c>
      <c r="AA4733">
        <v>7</v>
      </c>
      <c r="AB4733">
        <v>7</v>
      </c>
      <c r="AC4733">
        <v>7</v>
      </c>
      <c r="AD4733">
        <v>7</v>
      </c>
      <c r="AE4733">
        <v>7</v>
      </c>
      <c r="AF4733">
        <v>7</v>
      </c>
      <c r="AG4733">
        <v>7</v>
      </c>
      <c r="AH4733">
        <v>7</v>
      </c>
      <c r="AI4733">
        <v>7</v>
      </c>
      <c r="AJ4733">
        <v>7</v>
      </c>
      <c r="AK4733">
        <v>7</v>
      </c>
      <c r="AL4733">
        <v>7</v>
      </c>
      <c r="AM4733">
        <v>7</v>
      </c>
      <c r="AN4733">
        <v>7</v>
      </c>
      <c r="AO4733">
        <v>7</v>
      </c>
      <c r="AP4733">
        <v>7</v>
      </c>
      <c r="AQ4733">
        <v>7</v>
      </c>
    </row>
    <row r="4734" spans="1:43">
      <c r="A4734" t="s">
        <v>2982</v>
      </c>
      <c r="B4734" t="s">
        <v>2983</v>
      </c>
      <c r="C4734" t="s">
        <v>2976</v>
      </c>
      <c r="D4734" t="s">
        <v>2977</v>
      </c>
      <c r="E4734" t="s">
        <v>2928</v>
      </c>
      <c r="F4734" t="s">
        <v>2929</v>
      </c>
      <c r="G4734" t="s">
        <v>80</v>
      </c>
      <c r="H4734" t="s">
        <v>81</v>
      </c>
      <c r="I4734" s="2">
        <v>1</v>
      </c>
      <c r="J4734" s="2">
        <v>0</v>
      </c>
      <c r="K4734" s="2">
        <v>0</v>
      </c>
      <c r="L4734" t="s">
        <v>120</v>
      </c>
      <c r="M4734" t="s">
        <v>83</v>
      </c>
      <c r="N4734" t="s">
        <v>84</v>
      </c>
      <c r="O4734" t="s">
        <v>85</v>
      </c>
      <c r="P4734" t="s">
        <v>86</v>
      </c>
      <c r="Q4734">
        <v>27</v>
      </c>
      <c r="R4734">
        <v>28</v>
      </c>
      <c r="S4734">
        <v>28</v>
      </c>
      <c r="T4734">
        <v>28</v>
      </c>
      <c r="U4734">
        <v>28</v>
      </c>
      <c r="V4734">
        <v>28</v>
      </c>
      <c r="W4734">
        <v>28</v>
      </c>
      <c r="X4734">
        <v>28</v>
      </c>
      <c r="Y4734">
        <v>28</v>
      </c>
      <c r="Z4734">
        <v>28</v>
      </c>
      <c r="AA4734">
        <v>28</v>
      </c>
      <c r="AB4734">
        <v>28</v>
      </c>
      <c r="AC4734">
        <v>28</v>
      </c>
      <c r="AD4734">
        <v>28</v>
      </c>
      <c r="AE4734">
        <v>28</v>
      </c>
      <c r="AF4734">
        <v>28</v>
      </c>
      <c r="AG4734">
        <v>28</v>
      </c>
      <c r="AH4734">
        <v>28</v>
      </c>
      <c r="AI4734">
        <v>29</v>
      </c>
      <c r="AJ4734">
        <v>29</v>
      </c>
      <c r="AK4734">
        <v>29</v>
      </c>
      <c r="AL4734">
        <v>28</v>
      </c>
      <c r="AM4734">
        <v>28</v>
      </c>
      <c r="AN4734">
        <v>28</v>
      </c>
      <c r="AO4734">
        <v>28</v>
      </c>
      <c r="AP4734">
        <v>27</v>
      </c>
      <c r="AQ4734">
        <v>27</v>
      </c>
    </row>
    <row r="4735" spans="1:43">
      <c r="A4735" t="s">
        <v>2982</v>
      </c>
      <c r="B4735" t="s">
        <v>2983</v>
      </c>
      <c r="C4735" t="s">
        <v>2976</v>
      </c>
      <c r="D4735" t="s">
        <v>2977</v>
      </c>
      <c r="E4735" t="s">
        <v>2928</v>
      </c>
      <c r="F4735" t="s">
        <v>2929</v>
      </c>
      <c r="G4735" t="s">
        <v>80</v>
      </c>
      <c r="H4735" t="s">
        <v>81</v>
      </c>
      <c r="I4735" s="2">
        <v>1</v>
      </c>
      <c r="J4735" s="2">
        <v>0</v>
      </c>
      <c r="K4735" s="2">
        <v>0</v>
      </c>
      <c r="L4735" t="s">
        <v>120</v>
      </c>
      <c r="M4735" t="s">
        <v>87</v>
      </c>
      <c r="N4735" t="s">
        <v>88</v>
      </c>
      <c r="O4735" t="s">
        <v>85</v>
      </c>
      <c r="P4735" t="s">
        <v>86</v>
      </c>
      <c r="Q4735">
        <v>27</v>
      </c>
      <c r="R4735">
        <v>27</v>
      </c>
      <c r="S4735">
        <v>27</v>
      </c>
      <c r="T4735">
        <v>27</v>
      </c>
      <c r="U4735">
        <v>27</v>
      </c>
      <c r="V4735">
        <v>27</v>
      </c>
      <c r="W4735">
        <v>26</v>
      </c>
      <c r="X4735">
        <v>26</v>
      </c>
      <c r="Y4735">
        <v>26</v>
      </c>
      <c r="Z4735">
        <v>26</v>
      </c>
      <c r="AA4735">
        <v>26</v>
      </c>
      <c r="AB4735">
        <v>26</v>
      </c>
      <c r="AC4735">
        <v>26</v>
      </c>
      <c r="AD4735">
        <v>25</v>
      </c>
      <c r="AE4735">
        <v>25</v>
      </c>
      <c r="AF4735">
        <v>25</v>
      </c>
      <c r="AG4735">
        <v>25</v>
      </c>
      <c r="AH4735">
        <v>25</v>
      </c>
      <c r="AI4735">
        <v>25</v>
      </c>
      <c r="AJ4735">
        <v>25</v>
      </c>
      <c r="AK4735">
        <v>25</v>
      </c>
      <c r="AL4735">
        <v>24</v>
      </c>
      <c r="AM4735">
        <v>24</v>
      </c>
      <c r="AN4735">
        <v>24</v>
      </c>
      <c r="AO4735">
        <v>24</v>
      </c>
      <c r="AP4735">
        <v>24</v>
      </c>
      <c r="AQ4735">
        <v>24</v>
      </c>
    </row>
    <row r="4736" spans="1:43">
      <c r="A4736" t="s">
        <v>2982</v>
      </c>
      <c r="B4736" t="s">
        <v>2983</v>
      </c>
      <c r="C4736" t="s">
        <v>2976</v>
      </c>
      <c r="D4736" t="s">
        <v>2977</v>
      </c>
      <c r="E4736" t="s">
        <v>2928</v>
      </c>
      <c r="F4736" t="s">
        <v>2929</v>
      </c>
      <c r="G4736" t="s">
        <v>80</v>
      </c>
      <c r="H4736" t="s">
        <v>81</v>
      </c>
      <c r="I4736" s="2">
        <v>1</v>
      </c>
      <c r="J4736" s="2">
        <v>0</v>
      </c>
      <c r="K4736" s="2">
        <v>0</v>
      </c>
      <c r="L4736" t="s">
        <v>120</v>
      </c>
      <c r="M4736" t="s">
        <v>89</v>
      </c>
      <c r="N4736" t="s">
        <v>90</v>
      </c>
      <c r="O4736" t="s">
        <v>85</v>
      </c>
      <c r="P4736" t="s">
        <v>86</v>
      </c>
      <c r="Q4736">
        <v>27</v>
      </c>
      <c r="R4736">
        <v>27</v>
      </c>
      <c r="S4736">
        <v>27</v>
      </c>
      <c r="T4736">
        <v>28</v>
      </c>
      <c r="U4736">
        <v>28</v>
      </c>
      <c r="V4736">
        <v>28</v>
      </c>
      <c r="W4736">
        <v>28</v>
      </c>
      <c r="X4736">
        <v>29</v>
      </c>
      <c r="Y4736">
        <v>29</v>
      </c>
      <c r="Z4736">
        <v>29</v>
      </c>
      <c r="AA4736">
        <v>29</v>
      </c>
      <c r="AB4736">
        <v>29</v>
      </c>
      <c r="AC4736">
        <v>29</v>
      </c>
      <c r="AD4736">
        <v>29</v>
      </c>
      <c r="AE4736">
        <v>29</v>
      </c>
      <c r="AF4736">
        <v>29</v>
      </c>
      <c r="AG4736">
        <v>29</v>
      </c>
      <c r="AH4736">
        <v>29</v>
      </c>
      <c r="AI4736">
        <v>28</v>
      </c>
      <c r="AJ4736">
        <v>28</v>
      </c>
      <c r="AK4736">
        <v>28</v>
      </c>
      <c r="AL4736">
        <v>28</v>
      </c>
      <c r="AM4736">
        <v>27</v>
      </c>
      <c r="AN4736">
        <v>27</v>
      </c>
      <c r="AO4736">
        <v>27</v>
      </c>
      <c r="AP4736">
        <v>27</v>
      </c>
      <c r="AQ4736">
        <v>26</v>
      </c>
    </row>
    <row r="4737" spans="1:43">
      <c r="A4737" t="s">
        <v>2982</v>
      </c>
      <c r="B4737" t="s">
        <v>2983</v>
      </c>
      <c r="C4737" t="s">
        <v>2976</v>
      </c>
      <c r="D4737" t="s">
        <v>2977</v>
      </c>
      <c r="E4737" t="s">
        <v>2928</v>
      </c>
      <c r="F4737" t="s">
        <v>2929</v>
      </c>
      <c r="G4737" t="s">
        <v>80</v>
      </c>
      <c r="H4737" t="s">
        <v>81</v>
      </c>
      <c r="I4737" s="2">
        <v>1</v>
      </c>
      <c r="J4737" s="2">
        <v>0</v>
      </c>
      <c r="K4737" s="2">
        <v>0</v>
      </c>
      <c r="L4737" t="s">
        <v>120</v>
      </c>
      <c r="M4737" t="s">
        <v>83</v>
      </c>
      <c r="N4737" t="s">
        <v>91</v>
      </c>
      <c r="O4737" t="s">
        <v>85</v>
      </c>
      <c r="P4737" t="s">
        <v>86</v>
      </c>
      <c r="Q4737">
        <v>27</v>
      </c>
      <c r="R4737">
        <v>28</v>
      </c>
      <c r="S4737">
        <v>28</v>
      </c>
      <c r="T4737">
        <v>28</v>
      </c>
      <c r="U4737">
        <v>28</v>
      </c>
      <c r="V4737">
        <v>28</v>
      </c>
      <c r="W4737">
        <v>28</v>
      </c>
      <c r="X4737">
        <v>28</v>
      </c>
      <c r="Y4737">
        <v>28</v>
      </c>
      <c r="Z4737">
        <v>28</v>
      </c>
      <c r="AA4737">
        <v>28</v>
      </c>
      <c r="AB4737">
        <v>28</v>
      </c>
      <c r="AC4737">
        <v>28</v>
      </c>
      <c r="AD4737">
        <v>28</v>
      </c>
      <c r="AE4737">
        <v>28</v>
      </c>
      <c r="AF4737">
        <v>28</v>
      </c>
      <c r="AG4737">
        <v>28</v>
      </c>
      <c r="AH4737">
        <v>28</v>
      </c>
      <c r="AI4737">
        <v>29</v>
      </c>
      <c r="AJ4737">
        <v>29</v>
      </c>
      <c r="AK4737">
        <v>29</v>
      </c>
      <c r="AL4737">
        <v>28</v>
      </c>
      <c r="AM4737">
        <v>28</v>
      </c>
      <c r="AN4737">
        <v>28</v>
      </c>
      <c r="AO4737">
        <v>28</v>
      </c>
      <c r="AP4737">
        <v>27</v>
      </c>
      <c r="AQ4737">
        <v>27</v>
      </c>
    </row>
    <row r="4738" spans="1:43">
      <c r="A4738" t="s">
        <v>2984</v>
      </c>
      <c r="B4738" t="s">
        <v>2985</v>
      </c>
      <c r="C4738" t="s">
        <v>2976</v>
      </c>
      <c r="D4738" t="s">
        <v>2977</v>
      </c>
      <c r="E4738" t="s">
        <v>2928</v>
      </c>
      <c r="F4738" t="s">
        <v>2929</v>
      </c>
      <c r="G4738" t="s">
        <v>80</v>
      </c>
      <c r="H4738" t="s">
        <v>81</v>
      </c>
      <c r="I4738" s="2">
        <v>1</v>
      </c>
      <c r="J4738" s="2">
        <v>0</v>
      </c>
      <c r="K4738" s="2">
        <v>0</v>
      </c>
      <c r="L4738" t="s">
        <v>120</v>
      </c>
      <c r="M4738" t="s">
        <v>83</v>
      </c>
      <c r="N4738" t="s">
        <v>84</v>
      </c>
      <c r="O4738" t="s">
        <v>85</v>
      </c>
      <c r="P4738" t="s">
        <v>86</v>
      </c>
      <c r="Q4738">
        <v>19</v>
      </c>
      <c r="R4738">
        <v>19</v>
      </c>
      <c r="S4738">
        <v>19</v>
      </c>
      <c r="T4738">
        <v>19</v>
      </c>
      <c r="U4738">
        <v>19</v>
      </c>
      <c r="V4738">
        <v>19</v>
      </c>
      <c r="W4738">
        <v>19</v>
      </c>
      <c r="X4738">
        <v>19</v>
      </c>
      <c r="Y4738">
        <v>19</v>
      </c>
      <c r="Z4738">
        <v>19</v>
      </c>
      <c r="AA4738">
        <v>19</v>
      </c>
      <c r="AB4738">
        <v>19</v>
      </c>
      <c r="AC4738">
        <v>19</v>
      </c>
      <c r="AD4738">
        <v>19</v>
      </c>
      <c r="AE4738">
        <v>19</v>
      </c>
      <c r="AF4738">
        <v>19</v>
      </c>
      <c r="AG4738">
        <v>19</v>
      </c>
      <c r="AH4738">
        <v>19</v>
      </c>
      <c r="AI4738">
        <v>19</v>
      </c>
      <c r="AJ4738">
        <v>19</v>
      </c>
      <c r="AK4738">
        <v>19</v>
      </c>
      <c r="AL4738">
        <v>19</v>
      </c>
      <c r="AM4738">
        <v>19</v>
      </c>
      <c r="AN4738">
        <v>19</v>
      </c>
      <c r="AO4738">
        <v>19</v>
      </c>
      <c r="AP4738">
        <v>19</v>
      </c>
      <c r="AQ4738">
        <v>18</v>
      </c>
    </row>
    <row r="4739" spans="1:43">
      <c r="A4739" t="s">
        <v>2984</v>
      </c>
      <c r="B4739" t="s">
        <v>2985</v>
      </c>
      <c r="C4739" t="s">
        <v>2976</v>
      </c>
      <c r="D4739" t="s">
        <v>2977</v>
      </c>
      <c r="E4739" t="s">
        <v>2928</v>
      </c>
      <c r="F4739" t="s">
        <v>2929</v>
      </c>
      <c r="G4739" t="s">
        <v>80</v>
      </c>
      <c r="H4739" t="s">
        <v>81</v>
      </c>
      <c r="I4739" s="2">
        <v>1</v>
      </c>
      <c r="J4739" s="2">
        <v>0</v>
      </c>
      <c r="K4739" s="2">
        <v>0</v>
      </c>
      <c r="L4739" t="s">
        <v>120</v>
      </c>
      <c r="M4739" t="s">
        <v>87</v>
      </c>
      <c r="N4739" t="s">
        <v>88</v>
      </c>
      <c r="O4739" t="s">
        <v>85</v>
      </c>
      <c r="P4739" t="s">
        <v>86</v>
      </c>
      <c r="Q4739">
        <v>19</v>
      </c>
      <c r="R4739">
        <v>19</v>
      </c>
      <c r="S4739">
        <v>19</v>
      </c>
      <c r="T4739">
        <v>19</v>
      </c>
      <c r="U4739">
        <v>19</v>
      </c>
      <c r="V4739">
        <v>19</v>
      </c>
      <c r="W4739">
        <v>19</v>
      </c>
      <c r="X4739">
        <v>19</v>
      </c>
      <c r="Y4739">
        <v>19</v>
      </c>
      <c r="Z4739">
        <v>19</v>
      </c>
      <c r="AA4739">
        <v>19</v>
      </c>
      <c r="AB4739">
        <v>18</v>
      </c>
      <c r="AC4739">
        <v>18</v>
      </c>
      <c r="AD4739">
        <v>18</v>
      </c>
      <c r="AE4739">
        <v>18</v>
      </c>
      <c r="AF4739">
        <v>18</v>
      </c>
      <c r="AG4739">
        <v>18</v>
      </c>
      <c r="AH4739">
        <v>18</v>
      </c>
      <c r="AI4739">
        <v>18</v>
      </c>
      <c r="AJ4739">
        <v>18</v>
      </c>
      <c r="AK4739">
        <v>18</v>
      </c>
      <c r="AL4739">
        <v>18</v>
      </c>
      <c r="AM4739">
        <v>18</v>
      </c>
      <c r="AN4739">
        <v>17</v>
      </c>
      <c r="AO4739">
        <v>17</v>
      </c>
      <c r="AP4739">
        <v>17</v>
      </c>
      <c r="AQ4739">
        <v>17</v>
      </c>
    </row>
    <row r="4740" spans="1:43">
      <c r="A4740" t="s">
        <v>2984</v>
      </c>
      <c r="B4740" t="s">
        <v>2985</v>
      </c>
      <c r="C4740" t="s">
        <v>2976</v>
      </c>
      <c r="D4740" t="s">
        <v>2977</v>
      </c>
      <c r="E4740" t="s">
        <v>2928</v>
      </c>
      <c r="F4740" t="s">
        <v>2929</v>
      </c>
      <c r="G4740" t="s">
        <v>80</v>
      </c>
      <c r="H4740" t="s">
        <v>81</v>
      </c>
      <c r="I4740" s="2">
        <v>1</v>
      </c>
      <c r="J4740" s="2">
        <v>0</v>
      </c>
      <c r="K4740" s="2">
        <v>0</v>
      </c>
      <c r="L4740" t="s">
        <v>120</v>
      </c>
      <c r="M4740" t="s">
        <v>89</v>
      </c>
      <c r="N4740" t="s">
        <v>90</v>
      </c>
      <c r="O4740" t="s">
        <v>85</v>
      </c>
      <c r="P4740" t="s">
        <v>86</v>
      </c>
      <c r="Q4740">
        <v>19</v>
      </c>
      <c r="R4740">
        <v>19</v>
      </c>
      <c r="S4740">
        <v>19</v>
      </c>
      <c r="T4740">
        <v>20</v>
      </c>
      <c r="U4740">
        <v>20</v>
      </c>
      <c r="V4740">
        <v>20</v>
      </c>
      <c r="W4740">
        <v>20</v>
      </c>
      <c r="X4740">
        <v>20</v>
      </c>
      <c r="Y4740">
        <v>20</v>
      </c>
      <c r="Z4740">
        <v>20</v>
      </c>
      <c r="AA4740">
        <v>20</v>
      </c>
      <c r="AB4740">
        <v>21</v>
      </c>
      <c r="AC4740">
        <v>21</v>
      </c>
      <c r="AD4740">
        <v>21</v>
      </c>
      <c r="AE4740">
        <v>21</v>
      </c>
      <c r="AF4740">
        <v>20</v>
      </c>
      <c r="AG4740">
        <v>20</v>
      </c>
      <c r="AH4740">
        <v>20</v>
      </c>
      <c r="AI4740">
        <v>20</v>
      </c>
      <c r="AJ4740">
        <v>20</v>
      </c>
      <c r="AK4740">
        <v>20</v>
      </c>
      <c r="AL4740">
        <v>19</v>
      </c>
      <c r="AM4740">
        <v>19</v>
      </c>
      <c r="AN4740">
        <v>19</v>
      </c>
      <c r="AO4740">
        <v>19</v>
      </c>
      <c r="AP4740">
        <v>19</v>
      </c>
      <c r="AQ4740">
        <v>19</v>
      </c>
    </row>
    <row r="4741" spans="1:43">
      <c r="A4741" t="s">
        <v>2984</v>
      </c>
      <c r="B4741" t="s">
        <v>2985</v>
      </c>
      <c r="C4741" t="s">
        <v>2976</v>
      </c>
      <c r="D4741" t="s">
        <v>2977</v>
      </c>
      <c r="E4741" t="s">
        <v>2928</v>
      </c>
      <c r="F4741" t="s">
        <v>2929</v>
      </c>
      <c r="G4741" t="s">
        <v>80</v>
      </c>
      <c r="H4741" t="s">
        <v>81</v>
      </c>
      <c r="I4741" s="2">
        <v>1</v>
      </c>
      <c r="J4741" s="2">
        <v>0</v>
      </c>
      <c r="K4741" s="2">
        <v>0</v>
      </c>
      <c r="L4741" t="s">
        <v>120</v>
      </c>
      <c r="M4741" t="s">
        <v>83</v>
      </c>
      <c r="N4741" t="s">
        <v>91</v>
      </c>
      <c r="O4741" t="s">
        <v>85</v>
      </c>
      <c r="P4741" t="s">
        <v>86</v>
      </c>
      <c r="Q4741">
        <v>19</v>
      </c>
      <c r="R4741">
        <v>19</v>
      </c>
      <c r="S4741">
        <v>19</v>
      </c>
      <c r="T4741">
        <v>19</v>
      </c>
      <c r="U4741">
        <v>19</v>
      </c>
      <c r="V4741">
        <v>19</v>
      </c>
      <c r="W4741">
        <v>19</v>
      </c>
      <c r="X4741">
        <v>19</v>
      </c>
      <c r="Y4741">
        <v>19</v>
      </c>
      <c r="Z4741">
        <v>19</v>
      </c>
      <c r="AA4741">
        <v>19</v>
      </c>
      <c r="AB4741">
        <v>19</v>
      </c>
      <c r="AC4741">
        <v>19</v>
      </c>
      <c r="AD4741">
        <v>19</v>
      </c>
      <c r="AE4741">
        <v>19</v>
      </c>
      <c r="AF4741">
        <v>19</v>
      </c>
      <c r="AG4741">
        <v>19</v>
      </c>
      <c r="AH4741">
        <v>19</v>
      </c>
      <c r="AI4741">
        <v>19</v>
      </c>
      <c r="AJ4741">
        <v>19</v>
      </c>
      <c r="AK4741">
        <v>19</v>
      </c>
      <c r="AL4741">
        <v>19</v>
      </c>
      <c r="AM4741">
        <v>19</v>
      </c>
      <c r="AN4741">
        <v>19</v>
      </c>
      <c r="AO4741">
        <v>19</v>
      </c>
      <c r="AP4741">
        <v>19</v>
      </c>
      <c r="AQ4741">
        <v>18</v>
      </c>
    </row>
    <row r="4742" spans="1:43">
      <c r="A4742" t="s">
        <v>2986</v>
      </c>
      <c r="B4742" t="s">
        <v>2987</v>
      </c>
      <c r="C4742" t="s">
        <v>2980</v>
      </c>
      <c r="D4742" t="s">
        <v>2981</v>
      </c>
      <c r="E4742" t="s">
        <v>2928</v>
      </c>
      <c r="F4742" t="s">
        <v>2929</v>
      </c>
      <c r="G4742" t="s">
        <v>80</v>
      </c>
      <c r="H4742" t="s">
        <v>81</v>
      </c>
      <c r="I4742" s="2">
        <v>1</v>
      </c>
      <c r="J4742" s="2">
        <v>0</v>
      </c>
      <c r="K4742" s="2">
        <v>0</v>
      </c>
      <c r="L4742" t="s">
        <v>120</v>
      </c>
      <c r="M4742" t="s">
        <v>83</v>
      </c>
      <c r="N4742" t="s">
        <v>84</v>
      </c>
      <c r="O4742" t="s">
        <v>85</v>
      </c>
      <c r="P4742" t="s">
        <v>86</v>
      </c>
      <c r="Q4742">
        <v>44</v>
      </c>
      <c r="R4742">
        <v>44</v>
      </c>
      <c r="S4742">
        <v>44</v>
      </c>
      <c r="T4742">
        <v>44</v>
      </c>
      <c r="U4742">
        <v>44</v>
      </c>
      <c r="V4742">
        <v>44</v>
      </c>
      <c r="W4742">
        <v>45</v>
      </c>
      <c r="X4742">
        <v>45</v>
      </c>
      <c r="Y4742">
        <v>45</v>
      </c>
      <c r="Z4742">
        <v>45</v>
      </c>
      <c r="AA4742">
        <v>45</v>
      </c>
      <c r="AB4742">
        <v>45</v>
      </c>
      <c r="AC4742">
        <v>45</v>
      </c>
      <c r="AD4742">
        <v>45</v>
      </c>
      <c r="AE4742">
        <v>45</v>
      </c>
      <c r="AF4742">
        <v>45</v>
      </c>
      <c r="AG4742">
        <v>46</v>
      </c>
      <c r="AH4742">
        <v>46</v>
      </c>
      <c r="AI4742">
        <v>46</v>
      </c>
      <c r="AJ4742">
        <v>46</v>
      </c>
      <c r="AK4742">
        <v>46</v>
      </c>
      <c r="AL4742">
        <v>46</v>
      </c>
      <c r="AM4742">
        <v>45</v>
      </c>
      <c r="AN4742">
        <v>45</v>
      </c>
      <c r="AO4742">
        <v>45</v>
      </c>
      <c r="AP4742">
        <v>44</v>
      </c>
      <c r="AQ4742">
        <v>44</v>
      </c>
    </row>
    <row r="4743" spans="1:43">
      <c r="A4743" t="s">
        <v>2986</v>
      </c>
      <c r="B4743" t="s">
        <v>2987</v>
      </c>
      <c r="C4743" t="s">
        <v>2980</v>
      </c>
      <c r="D4743" t="s">
        <v>2981</v>
      </c>
      <c r="E4743" t="s">
        <v>2928</v>
      </c>
      <c r="F4743" t="s">
        <v>2929</v>
      </c>
      <c r="G4743" t="s">
        <v>80</v>
      </c>
      <c r="H4743" t="s">
        <v>81</v>
      </c>
      <c r="I4743" s="2">
        <v>1</v>
      </c>
      <c r="J4743" s="2">
        <v>0</v>
      </c>
      <c r="K4743" s="2">
        <v>0</v>
      </c>
      <c r="L4743" t="s">
        <v>120</v>
      </c>
      <c r="M4743" t="s">
        <v>87</v>
      </c>
      <c r="N4743" t="s">
        <v>88</v>
      </c>
      <c r="O4743" t="s">
        <v>85</v>
      </c>
      <c r="P4743" t="s">
        <v>86</v>
      </c>
      <c r="Q4743">
        <v>44</v>
      </c>
      <c r="R4743">
        <v>44</v>
      </c>
      <c r="S4743">
        <v>44</v>
      </c>
      <c r="T4743">
        <v>44</v>
      </c>
      <c r="U4743">
        <v>43</v>
      </c>
      <c r="V4743">
        <v>43</v>
      </c>
      <c r="W4743">
        <v>43</v>
      </c>
      <c r="X4743">
        <v>43</v>
      </c>
      <c r="Y4743">
        <v>42</v>
      </c>
      <c r="Z4743">
        <v>42</v>
      </c>
      <c r="AA4743">
        <v>42</v>
      </c>
      <c r="AB4743">
        <v>42</v>
      </c>
      <c r="AC4743">
        <v>42</v>
      </c>
      <c r="AD4743">
        <v>41</v>
      </c>
      <c r="AE4743">
        <v>41</v>
      </c>
      <c r="AF4743">
        <v>41</v>
      </c>
      <c r="AG4743">
        <v>41</v>
      </c>
      <c r="AH4743">
        <v>41</v>
      </c>
      <c r="AI4743">
        <v>40</v>
      </c>
      <c r="AJ4743">
        <v>40</v>
      </c>
      <c r="AK4743">
        <v>40</v>
      </c>
      <c r="AL4743">
        <v>40</v>
      </c>
      <c r="AM4743">
        <v>40</v>
      </c>
      <c r="AN4743">
        <v>39</v>
      </c>
      <c r="AO4743">
        <v>39</v>
      </c>
      <c r="AP4743">
        <v>39</v>
      </c>
      <c r="AQ4743">
        <v>39</v>
      </c>
    </row>
    <row r="4744" spans="1:43">
      <c r="A4744" t="s">
        <v>2986</v>
      </c>
      <c r="B4744" t="s">
        <v>2987</v>
      </c>
      <c r="C4744" t="s">
        <v>2980</v>
      </c>
      <c r="D4744" t="s">
        <v>2981</v>
      </c>
      <c r="E4744" t="s">
        <v>2928</v>
      </c>
      <c r="F4744" t="s">
        <v>2929</v>
      </c>
      <c r="G4744" t="s">
        <v>80</v>
      </c>
      <c r="H4744" t="s">
        <v>81</v>
      </c>
      <c r="I4744" s="2">
        <v>1</v>
      </c>
      <c r="J4744" s="2">
        <v>0</v>
      </c>
      <c r="K4744" s="2">
        <v>0</v>
      </c>
      <c r="L4744" t="s">
        <v>120</v>
      </c>
      <c r="M4744" t="s">
        <v>89</v>
      </c>
      <c r="N4744" t="s">
        <v>90</v>
      </c>
      <c r="O4744" t="s">
        <v>85</v>
      </c>
      <c r="P4744" t="s">
        <v>86</v>
      </c>
      <c r="Q4744">
        <v>44</v>
      </c>
      <c r="R4744">
        <v>45</v>
      </c>
      <c r="S4744">
        <v>45</v>
      </c>
      <c r="T4744">
        <v>46</v>
      </c>
      <c r="U4744">
        <v>46</v>
      </c>
      <c r="V4744">
        <v>46</v>
      </c>
      <c r="W4744">
        <v>47</v>
      </c>
      <c r="X4744">
        <v>47</v>
      </c>
      <c r="Y4744">
        <v>47</v>
      </c>
      <c r="Z4744">
        <v>48</v>
      </c>
      <c r="AA4744">
        <v>48</v>
      </c>
      <c r="AB4744">
        <v>48</v>
      </c>
      <c r="AC4744">
        <v>48</v>
      </c>
      <c r="AD4744">
        <v>49</v>
      </c>
      <c r="AE4744">
        <v>49</v>
      </c>
      <c r="AF4744">
        <v>48</v>
      </c>
      <c r="AG4744">
        <v>48</v>
      </c>
      <c r="AH4744">
        <v>48</v>
      </c>
      <c r="AI4744">
        <v>47</v>
      </c>
      <c r="AJ4744">
        <v>47</v>
      </c>
      <c r="AK4744">
        <v>46</v>
      </c>
      <c r="AL4744">
        <v>46</v>
      </c>
      <c r="AM4744">
        <v>46</v>
      </c>
      <c r="AN4744">
        <v>45</v>
      </c>
      <c r="AO4744">
        <v>45</v>
      </c>
      <c r="AP4744">
        <v>45</v>
      </c>
      <c r="AQ4744">
        <v>44</v>
      </c>
    </row>
    <row r="4745" spans="1:43">
      <c r="A4745" t="s">
        <v>2986</v>
      </c>
      <c r="B4745" t="s">
        <v>2987</v>
      </c>
      <c r="C4745" t="s">
        <v>2980</v>
      </c>
      <c r="D4745" t="s">
        <v>2981</v>
      </c>
      <c r="E4745" t="s">
        <v>2928</v>
      </c>
      <c r="F4745" t="s">
        <v>2929</v>
      </c>
      <c r="G4745" t="s">
        <v>80</v>
      </c>
      <c r="H4745" t="s">
        <v>81</v>
      </c>
      <c r="I4745" s="2">
        <v>1</v>
      </c>
      <c r="J4745" s="2">
        <v>0</v>
      </c>
      <c r="K4745" s="2">
        <v>0</v>
      </c>
      <c r="L4745" t="s">
        <v>120</v>
      </c>
      <c r="M4745" t="s">
        <v>83</v>
      </c>
      <c r="N4745" t="s">
        <v>91</v>
      </c>
      <c r="O4745" t="s">
        <v>85</v>
      </c>
      <c r="P4745" t="s">
        <v>86</v>
      </c>
      <c r="Q4745">
        <v>44</v>
      </c>
      <c r="R4745">
        <v>44</v>
      </c>
      <c r="S4745">
        <v>44</v>
      </c>
      <c r="T4745">
        <v>44</v>
      </c>
      <c r="U4745">
        <v>44</v>
      </c>
      <c r="V4745">
        <v>44</v>
      </c>
      <c r="W4745">
        <v>45</v>
      </c>
      <c r="X4745">
        <v>45</v>
      </c>
      <c r="Y4745">
        <v>45</v>
      </c>
      <c r="Z4745">
        <v>45</v>
      </c>
      <c r="AA4745">
        <v>45</v>
      </c>
      <c r="AB4745">
        <v>45</v>
      </c>
      <c r="AC4745">
        <v>45</v>
      </c>
      <c r="AD4745">
        <v>45</v>
      </c>
      <c r="AE4745">
        <v>45</v>
      </c>
      <c r="AF4745">
        <v>45</v>
      </c>
      <c r="AG4745">
        <v>46</v>
      </c>
      <c r="AH4745">
        <v>46</v>
      </c>
      <c r="AI4745">
        <v>46</v>
      </c>
      <c r="AJ4745">
        <v>46</v>
      </c>
      <c r="AK4745">
        <v>46</v>
      </c>
      <c r="AL4745">
        <v>46</v>
      </c>
      <c r="AM4745">
        <v>45</v>
      </c>
      <c r="AN4745">
        <v>45</v>
      </c>
      <c r="AO4745">
        <v>45</v>
      </c>
      <c r="AP4745">
        <v>44</v>
      </c>
      <c r="AQ4745">
        <v>44</v>
      </c>
    </row>
    <row r="4746" spans="1:43">
      <c r="A4746" t="s">
        <v>2988</v>
      </c>
      <c r="B4746" t="s">
        <v>2989</v>
      </c>
      <c r="C4746" t="s">
        <v>2980</v>
      </c>
      <c r="D4746" t="s">
        <v>2981</v>
      </c>
      <c r="E4746" t="s">
        <v>2928</v>
      </c>
      <c r="F4746" t="s">
        <v>2929</v>
      </c>
      <c r="G4746" t="s">
        <v>80</v>
      </c>
      <c r="H4746" t="s">
        <v>81</v>
      </c>
      <c r="I4746" s="2">
        <v>1</v>
      </c>
      <c r="J4746" s="2">
        <v>0</v>
      </c>
      <c r="K4746" s="2">
        <v>0</v>
      </c>
      <c r="L4746" t="s">
        <v>120</v>
      </c>
      <c r="M4746" t="s">
        <v>83</v>
      </c>
      <c r="N4746" t="s">
        <v>84</v>
      </c>
      <c r="O4746" t="s">
        <v>85</v>
      </c>
      <c r="P4746" t="s">
        <v>86</v>
      </c>
      <c r="Q4746">
        <v>70</v>
      </c>
      <c r="R4746">
        <v>71</v>
      </c>
      <c r="S4746">
        <v>71</v>
      </c>
      <c r="T4746">
        <v>72</v>
      </c>
      <c r="U4746">
        <v>72</v>
      </c>
      <c r="V4746">
        <v>72</v>
      </c>
      <c r="W4746">
        <v>73</v>
      </c>
      <c r="X4746">
        <v>73</v>
      </c>
      <c r="Y4746">
        <v>73</v>
      </c>
      <c r="Z4746">
        <v>74</v>
      </c>
      <c r="AA4746">
        <v>74</v>
      </c>
      <c r="AB4746">
        <v>74</v>
      </c>
      <c r="AC4746">
        <v>74</v>
      </c>
      <c r="AD4746">
        <v>75</v>
      </c>
      <c r="AE4746">
        <v>75</v>
      </c>
      <c r="AF4746">
        <v>75</v>
      </c>
      <c r="AG4746">
        <v>75</v>
      </c>
      <c r="AH4746">
        <v>76</v>
      </c>
      <c r="AI4746">
        <v>76</v>
      </c>
      <c r="AJ4746">
        <v>76</v>
      </c>
      <c r="AK4746">
        <v>76</v>
      </c>
      <c r="AL4746">
        <v>76</v>
      </c>
      <c r="AM4746">
        <v>76</v>
      </c>
      <c r="AN4746">
        <v>75</v>
      </c>
      <c r="AO4746">
        <v>75</v>
      </c>
      <c r="AP4746">
        <v>74</v>
      </c>
      <c r="AQ4746">
        <v>74</v>
      </c>
    </row>
    <row r="4747" spans="1:43">
      <c r="A4747" t="s">
        <v>2988</v>
      </c>
      <c r="B4747" t="s">
        <v>2989</v>
      </c>
      <c r="C4747" t="s">
        <v>2980</v>
      </c>
      <c r="D4747" t="s">
        <v>2981</v>
      </c>
      <c r="E4747" t="s">
        <v>2928</v>
      </c>
      <c r="F4747" t="s">
        <v>2929</v>
      </c>
      <c r="G4747" t="s">
        <v>80</v>
      </c>
      <c r="H4747" t="s">
        <v>81</v>
      </c>
      <c r="I4747" s="2">
        <v>1</v>
      </c>
      <c r="J4747" s="2">
        <v>0</v>
      </c>
      <c r="K4747" s="2">
        <v>0</v>
      </c>
      <c r="L4747" t="s">
        <v>120</v>
      </c>
      <c r="M4747" t="s">
        <v>87</v>
      </c>
      <c r="N4747" t="s">
        <v>88</v>
      </c>
      <c r="O4747" t="s">
        <v>85</v>
      </c>
      <c r="P4747" t="s">
        <v>86</v>
      </c>
      <c r="Q4747">
        <v>70</v>
      </c>
      <c r="R4747">
        <v>70</v>
      </c>
      <c r="S4747">
        <v>69</v>
      </c>
      <c r="T4747">
        <v>69</v>
      </c>
      <c r="U4747">
        <v>69</v>
      </c>
      <c r="V4747">
        <v>69</v>
      </c>
      <c r="W4747">
        <v>68</v>
      </c>
      <c r="X4747">
        <v>68</v>
      </c>
      <c r="Y4747">
        <v>68</v>
      </c>
      <c r="Z4747">
        <v>68</v>
      </c>
      <c r="AA4747">
        <v>67</v>
      </c>
      <c r="AB4747">
        <v>67</v>
      </c>
      <c r="AC4747">
        <v>67</v>
      </c>
      <c r="AD4747">
        <v>67</v>
      </c>
      <c r="AE4747">
        <v>66</v>
      </c>
      <c r="AF4747">
        <v>66</v>
      </c>
      <c r="AG4747">
        <v>66</v>
      </c>
      <c r="AH4747">
        <v>66</v>
      </c>
      <c r="AI4747">
        <v>66</v>
      </c>
      <c r="AJ4747">
        <v>65</v>
      </c>
      <c r="AK4747">
        <v>65</v>
      </c>
      <c r="AL4747">
        <v>65</v>
      </c>
      <c r="AM4747">
        <v>65</v>
      </c>
      <c r="AN4747">
        <v>65</v>
      </c>
      <c r="AO4747">
        <v>64</v>
      </c>
      <c r="AP4747">
        <v>64</v>
      </c>
      <c r="AQ4747">
        <v>64</v>
      </c>
    </row>
    <row r="4748" spans="1:43">
      <c r="A4748" t="s">
        <v>2988</v>
      </c>
      <c r="B4748" t="s">
        <v>2989</v>
      </c>
      <c r="C4748" t="s">
        <v>2980</v>
      </c>
      <c r="D4748" t="s">
        <v>2981</v>
      </c>
      <c r="E4748" t="s">
        <v>2928</v>
      </c>
      <c r="F4748" t="s">
        <v>2929</v>
      </c>
      <c r="G4748" t="s">
        <v>80</v>
      </c>
      <c r="H4748" t="s">
        <v>81</v>
      </c>
      <c r="I4748" s="2">
        <v>1</v>
      </c>
      <c r="J4748" s="2">
        <v>0</v>
      </c>
      <c r="K4748" s="2">
        <v>0</v>
      </c>
      <c r="L4748" t="s">
        <v>120</v>
      </c>
      <c r="M4748" t="s">
        <v>89</v>
      </c>
      <c r="N4748" t="s">
        <v>90</v>
      </c>
      <c r="O4748" t="s">
        <v>85</v>
      </c>
      <c r="P4748" t="s">
        <v>86</v>
      </c>
      <c r="Q4748">
        <v>70</v>
      </c>
      <c r="R4748">
        <v>71</v>
      </c>
      <c r="S4748">
        <v>72</v>
      </c>
      <c r="T4748">
        <v>73</v>
      </c>
      <c r="U4748">
        <v>74</v>
      </c>
      <c r="V4748">
        <v>75</v>
      </c>
      <c r="W4748">
        <v>75</v>
      </c>
      <c r="X4748">
        <v>76</v>
      </c>
      <c r="Y4748">
        <v>77</v>
      </c>
      <c r="Z4748">
        <v>77</v>
      </c>
      <c r="AA4748">
        <v>78</v>
      </c>
      <c r="AB4748">
        <v>78</v>
      </c>
      <c r="AC4748">
        <v>79</v>
      </c>
      <c r="AD4748">
        <v>79</v>
      </c>
      <c r="AE4748">
        <v>79</v>
      </c>
      <c r="AF4748">
        <v>79</v>
      </c>
      <c r="AG4748">
        <v>78</v>
      </c>
      <c r="AH4748">
        <v>78</v>
      </c>
      <c r="AI4748">
        <v>78</v>
      </c>
      <c r="AJ4748">
        <v>77</v>
      </c>
      <c r="AK4748">
        <v>77</v>
      </c>
      <c r="AL4748">
        <v>76</v>
      </c>
      <c r="AM4748">
        <v>76</v>
      </c>
      <c r="AN4748">
        <v>76</v>
      </c>
      <c r="AO4748">
        <v>75</v>
      </c>
      <c r="AP4748">
        <v>75</v>
      </c>
      <c r="AQ4748">
        <v>74</v>
      </c>
    </row>
    <row r="4749" spans="1:43">
      <c r="A4749" t="s">
        <v>2988</v>
      </c>
      <c r="B4749" t="s">
        <v>2989</v>
      </c>
      <c r="C4749" t="s">
        <v>2980</v>
      </c>
      <c r="D4749" t="s">
        <v>2981</v>
      </c>
      <c r="E4749" t="s">
        <v>2928</v>
      </c>
      <c r="F4749" t="s">
        <v>2929</v>
      </c>
      <c r="G4749" t="s">
        <v>80</v>
      </c>
      <c r="H4749" t="s">
        <v>81</v>
      </c>
      <c r="I4749" s="2">
        <v>1</v>
      </c>
      <c r="J4749" s="2">
        <v>0</v>
      </c>
      <c r="K4749" s="2">
        <v>0</v>
      </c>
      <c r="L4749" t="s">
        <v>120</v>
      </c>
      <c r="M4749" t="s">
        <v>83</v>
      </c>
      <c r="N4749" t="s">
        <v>91</v>
      </c>
      <c r="O4749" t="s">
        <v>85</v>
      </c>
      <c r="P4749" t="s">
        <v>86</v>
      </c>
      <c r="Q4749">
        <v>70</v>
      </c>
      <c r="R4749">
        <v>71</v>
      </c>
      <c r="S4749">
        <v>71</v>
      </c>
      <c r="T4749">
        <v>72</v>
      </c>
      <c r="U4749">
        <v>72</v>
      </c>
      <c r="V4749">
        <v>72</v>
      </c>
      <c r="W4749">
        <v>73</v>
      </c>
      <c r="X4749">
        <v>73</v>
      </c>
      <c r="Y4749">
        <v>73</v>
      </c>
      <c r="Z4749">
        <v>74</v>
      </c>
      <c r="AA4749">
        <v>74</v>
      </c>
      <c r="AB4749">
        <v>74</v>
      </c>
      <c r="AC4749">
        <v>74</v>
      </c>
      <c r="AD4749">
        <v>75</v>
      </c>
      <c r="AE4749">
        <v>75</v>
      </c>
      <c r="AF4749">
        <v>75</v>
      </c>
      <c r="AG4749">
        <v>75</v>
      </c>
      <c r="AH4749">
        <v>76</v>
      </c>
      <c r="AI4749">
        <v>76</v>
      </c>
      <c r="AJ4749">
        <v>76</v>
      </c>
      <c r="AK4749">
        <v>76</v>
      </c>
      <c r="AL4749">
        <v>76</v>
      </c>
      <c r="AM4749">
        <v>76</v>
      </c>
      <c r="AN4749">
        <v>75</v>
      </c>
      <c r="AO4749">
        <v>75</v>
      </c>
      <c r="AP4749">
        <v>74</v>
      </c>
      <c r="AQ4749">
        <v>74</v>
      </c>
    </row>
    <row r="4750" spans="1:43">
      <c r="A4750" t="s">
        <v>2990</v>
      </c>
      <c r="B4750" t="s">
        <v>2991</v>
      </c>
      <c r="C4750" t="s">
        <v>2980</v>
      </c>
      <c r="D4750" t="s">
        <v>2981</v>
      </c>
      <c r="E4750" t="s">
        <v>2928</v>
      </c>
      <c r="F4750" t="s">
        <v>2929</v>
      </c>
      <c r="G4750" t="s">
        <v>80</v>
      </c>
      <c r="H4750" t="s">
        <v>81</v>
      </c>
      <c r="I4750" s="2">
        <v>1</v>
      </c>
      <c r="J4750" s="2">
        <v>0</v>
      </c>
      <c r="K4750" s="2">
        <v>0</v>
      </c>
      <c r="L4750" t="s">
        <v>120</v>
      </c>
      <c r="M4750" t="s">
        <v>83</v>
      </c>
      <c r="N4750" t="s">
        <v>84</v>
      </c>
      <c r="O4750" t="s">
        <v>85</v>
      </c>
      <c r="P4750" t="s">
        <v>86</v>
      </c>
      <c r="Q4750">
        <v>8</v>
      </c>
      <c r="R4750">
        <v>8</v>
      </c>
      <c r="S4750">
        <v>8</v>
      </c>
      <c r="T4750">
        <v>8</v>
      </c>
      <c r="U4750">
        <v>8</v>
      </c>
      <c r="V4750">
        <v>8</v>
      </c>
      <c r="W4750">
        <v>8</v>
      </c>
      <c r="X4750">
        <v>8</v>
      </c>
      <c r="Y4750">
        <v>8</v>
      </c>
      <c r="Z4750">
        <v>8</v>
      </c>
      <c r="AA4750">
        <v>8</v>
      </c>
      <c r="AB4750">
        <v>8</v>
      </c>
      <c r="AC4750">
        <v>8</v>
      </c>
      <c r="AD4750">
        <v>8</v>
      </c>
      <c r="AE4750">
        <v>8</v>
      </c>
      <c r="AF4750">
        <v>8</v>
      </c>
      <c r="AG4750">
        <v>8</v>
      </c>
      <c r="AH4750">
        <v>8</v>
      </c>
      <c r="AI4750">
        <v>8</v>
      </c>
      <c r="AJ4750">
        <v>8</v>
      </c>
      <c r="AK4750">
        <v>8</v>
      </c>
      <c r="AL4750">
        <v>8</v>
      </c>
      <c r="AM4750">
        <v>8</v>
      </c>
      <c r="AN4750">
        <v>8</v>
      </c>
      <c r="AO4750">
        <v>8</v>
      </c>
      <c r="AP4750">
        <v>8</v>
      </c>
      <c r="AQ4750">
        <v>8</v>
      </c>
    </row>
    <row r="4751" spans="1:43">
      <c r="A4751" t="s">
        <v>2990</v>
      </c>
      <c r="B4751" t="s">
        <v>2991</v>
      </c>
      <c r="C4751" t="s">
        <v>2980</v>
      </c>
      <c r="D4751" t="s">
        <v>2981</v>
      </c>
      <c r="E4751" t="s">
        <v>2928</v>
      </c>
      <c r="F4751" t="s">
        <v>2929</v>
      </c>
      <c r="G4751" t="s">
        <v>80</v>
      </c>
      <c r="H4751" t="s">
        <v>81</v>
      </c>
      <c r="I4751" s="2">
        <v>1</v>
      </c>
      <c r="J4751" s="2">
        <v>0</v>
      </c>
      <c r="K4751" s="2">
        <v>0</v>
      </c>
      <c r="L4751" t="s">
        <v>120</v>
      </c>
      <c r="M4751" t="s">
        <v>87</v>
      </c>
      <c r="N4751" t="s">
        <v>88</v>
      </c>
      <c r="O4751" t="s">
        <v>85</v>
      </c>
      <c r="P4751" t="s">
        <v>86</v>
      </c>
      <c r="Q4751">
        <v>8</v>
      </c>
      <c r="R4751">
        <v>8</v>
      </c>
      <c r="S4751">
        <v>8</v>
      </c>
      <c r="T4751">
        <v>8</v>
      </c>
      <c r="U4751">
        <v>8</v>
      </c>
      <c r="V4751">
        <v>8</v>
      </c>
      <c r="W4751">
        <v>8</v>
      </c>
      <c r="X4751">
        <v>8</v>
      </c>
      <c r="Y4751">
        <v>8</v>
      </c>
      <c r="Z4751">
        <v>8</v>
      </c>
      <c r="AA4751">
        <v>8</v>
      </c>
      <c r="AB4751">
        <v>8</v>
      </c>
      <c r="AC4751">
        <v>8</v>
      </c>
      <c r="AD4751">
        <v>8</v>
      </c>
      <c r="AE4751">
        <v>8</v>
      </c>
      <c r="AF4751">
        <v>8</v>
      </c>
      <c r="AG4751">
        <v>8</v>
      </c>
      <c r="AH4751">
        <v>8</v>
      </c>
      <c r="AI4751">
        <v>8</v>
      </c>
      <c r="AJ4751">
        <v>8</v>
      </c>
      <c r="AK4751">
        <v>8</v>
      </c>
      <c r="AL4751">
        <v>8</v>
      </c>
      <c r="AM4751">
        <v>8</v>
      </c>
      <c r="AN4751">
        <v>8</v>
      </c>
      <c r="AO4751">
        <v>8</v>
      </c>
      <c r="AP4751">
        <v>8</v>
      </c>
      <c r="AQ4751">
        <v>8</v>
      </c>
    </row>
    <row r="4752" spans="1:43">
      <c r="A4752" t="s">
        <v>2990</v>
      </c>
      <c r="B4752" t="s">
        <v>2991</v>
      </c>
      <c r="C4752" t="s">
        <v>2980</v>
      </c>
      <c r="D4752" t="s">
        <v>2981</v>
      </c>
      <c r="E4752" t="s">
        <v>2928</v>
      </c>
      <c r="F4752" t="s">
        <v>2929</v>
      </c>
      <c r="G4752" t="s">
        <v>80</v>
      </c>
      <c r="H4752" t="s">
        <v>81</v>
      </c>
      <c r="I4752" s="2">
        <v>1</v>
      </c>
      <c r="J4752" s="2">
        <v>0</v>
      </c>
      <c r="K4752" s="2">
        <v>0</v>
      </c>
      <c r="L4752" t="s">
        <v>120</v>
      </c>
      <c r="M4752" t="s">
        <v>89</v>
      </c>
      <c r="N4752" t="s">
        <v>90</v>
      </c>
      <c r="O4752" t="s">
        <v>85</v>
      </c>
      <c r="P4752" t="s">
        <v>86</v>
      </c>
      <c r="Q4752">
        <v>8</v>
      </c>
      <c r="R4752">
        <v>8</v>
      </c>
      <c r="S4752">
        <v>8</v>
      </c>
      <c r="T4752">
        <v>8</v>
      </c>
      <c r="U4752">
        <v>8</v>
      </c>
      <c r="V4752">
        <v>8</v>
      </c>
      <c r="W4752">
        <v>8</v>
      </c>
      <c r="X4752">
        <v>8</v>
      </c>
      <c r="Y4752">
        <v>8</v>
      </c>
      <c r="Z4752">
        <v>8</v>
      </c>
      <c r="AA4752">
        <v>8</v>
      </c>
      <c r="AB4752">
        <v>8</v>
      </c>
      <c r="AC4752">
        <v>8</v>
      </c>
      <c r="AD4752">
        <v>8</v>
      </c>
      <c r="AE4752">
        <v>8</v>
      </c>
      <c r="AF4752">
        <v>8</v>
      </c>
      <c r="AG4752">
        <v>8</v>
      </c>
      <c r="AH4752">
        <v>8</v>
      </c>
      <c r="AI4752">
        <v>8</v>
      </c>
      <c r="AJ4752">
        <v>8</v>
      </c>
      <c r="AK4752">
        <v>8</v>
      </c>
      <c r="AL4752">
        <v>8</v>
      </c>
      <c r="AM4752">
        <v>8</v>
      </c>
      <c r="AN4752">
        <v>8</v>
      </c>
      <c r="AO4752">
        <v>8</v>
      </c>
      <c r="AP4752">
        <v>8</v>
      </c>
      <c r="AQ4752">
        <v>8</v>
      </c>
    </row>
    <row r="4753" spans="1:43">
      <c r="A4753" t="s">
        <v>2990</v>
      </c>
      <c r="B4753" t="s">
        <v>2991</v>
      </c>
      <c r="C4753" t="s">
        <v>2980</v>
      </c>
      <c r="D4753" t="s">
        <v>2981</v>
      </c>
      <c r="E4753" t="s">
        <v>2928</v>
      </c>
      <c r="F4753" t="s">
        <v>2929</v>
      </c>
      <c r="G4753" t="s">
        <v>80</v>
      </c>
      <c r="H4753" t="s">
        <v>81</v>
      </c>
      <c r="I4753" s="2">
        <v>1</v>
      </c>
      <c r="J4753" s="2">
        <v>0</v>
      </c>
      <c r="K4753" s="2">
        <v>0</v>
      </c>
      <c r="L4753" t="s">
        <v>120</v>
      </c>
      <c r="M4753" t="s">
        <v>83</v>
      </c>
      <c r="N4753" t="s">
        <v>91</v>
      </c>
      <c r="O4753" t="s">
        <v>85</v>
      </c>
      <c r="P4753" t="s">
        <v>86</v>
      </c>
      <c r="Q4753">
        <v>8</v>
      </c>
      <c r="R4753">
        <v>8</v>
      </c>
      <c r="S4753">
        <v>8</v>
      </c>
      <c r="T4753">
        <v>8</v>
      </c>
      <c r="U4753">
        <v>8</v>
      </c>
      <c r="V4753">
        <v>8</v>
      </c>
      <c r="W4753">
        <v>8</v>
      </c>
      <c r="X4753">
        <v>8</v>
      </c>
      <c r="Y4753">
        <v>8</v>
      </c>
      <c r="Z4753">
        <v>8</v>
      </c>
      <c r="AA4753">
        <v>8</v>
      </c>
      <c r="AB4753">
        <v>8</v>
      </c>
      <c r="AC4753">
        <v>8</v>
      </c>
      <c r="AD4753">
        <v>8</v>
      </c>
      <c r="AE4753">
        <v>8</v>
      </c>
      <c r="AF4753">
        <v>8</v>
      </c>
      <c r="AG4753">
        <v>8</v>
      </c>
      <c r="AH4753">
        <v>8</v>
      </c>
      <c r="AI4753">
        <v>8</v>
      </c>
      <c r="AJ4753">
        <v>8</v>
      </c>
      <c r="AK4753">
        <v>8</v>
      </c>
      <c r="AL4753">
        <v>8</v>
      </c>
      <c r="AM4753">
        <v>8</v>
      </c>
      <c r="AN4753">
        <v>8</v>
      </c>
      <c r="AO4753">
        <v>8</v>
      </c>
      <c r="AP4753">
        <v>8</v>
      </c>
      <c r="AQ4753">
        <v>8</v>
      </c>
    </row>
    <row r="4754" spans="1:43">
      <c r="A4754" t="s">
        <v>2992</v>
      </c>
      <c r="B4754" t="s">
        <v>2993</v>
      </c>
      <c r="C4754" t="s">
        <v>2980</v>
      </c>
      <c r="D4754" t="s">
        <v>2981</v>
      </c>
      <c r="E4754" t="s">
        <v>2928</v>
      </c>
      <c r="F4754" t="s">
        <v>2929</v>
      </c>
      <c r="G4754" t="s">
        <v>80</v>
      </c>
      <c r="H4754" t="s">
        <v>81</v>
      </c>
      <c r="I4754" s="2">
        <v>1</v>
      </c>
      <c r="J4754" s="2">
        <v>0</v>
      </c>
      <c r="K4754" s="2">
        <v>0</v>
      </c>
      <c r="L4754" t="s">
        <v>120</v>
      </c>
      <c r="M4754" t="s">
        <v>83</v>
      </c>
      <c r="N4754" t="s">
        <v>84</v>
      </c>
      <c r="O4754" t="s">
        <v>85</v>
      </c>
      <c r="P4754" t="s">
        <v>86</v>
      </c>
      <c r="Q4754">
        <v>13</v>
      </c>
      <c r="R4754">
        <v>13</v>
      </c>
      <c r="S4754">
        <v>13</v>
      </c>
      <c r="T4754">
        <v>14</v>
      </c>
      <c r="U4754">
        <v>14</v>
      </c>
      <c r="V4754">
        <v>14</v>
      </c>
      <c r="W4754">
        <v>14</v>
      </c>
      <c r="X4754">
        <v>14</v>
      </c>
      <c r="Y4754">
        <v>14</v>
      </c>
      <c r="Z4754">
        <v>14</v>
      </c>
      <c r="AA4754">
        <v>14</v>
      </c>
      <c r="AB4754">
        <v>14</v>
      </c>
      <c r="AC4754">
        <v>14</v>
      </c>
      <c r="AD4754">
        <v>14</v>
      </c>
      <c r="AE4754">
        <v>14</v>
      </c>
      <c r="AF4754">
        <v>14</v>
      </c>
      <c r="AG4754">
        <v>14</v>
      </c>
      <c r="AH4754">
        <v>14</v>
      </c>
      <c r="AI4754">
        <v>14</v>
      </c>
      <c r="AJ4754">
        <v>14</v>
      </c>
      <c r="AK4754">
        <v>14</v>
      </c>
      <c r="AL4754">
        <v>14</v>
      </c>
      <c r="AM4754">
        <v>14</v>
      </c>
      <c r="AN4754">
        <v>14</v>
      </c>
      <c r="AO4754">
        <v>14</v>
      </c>
      <c r="AP4754">
        <v>14</v>
      </c>
      <c r="AQ4754">
        <v>13</v>
      </c>
    </row>
    <row r="4755" spans="1:43">
      <c r="A4755" t="s">
        <v>2992</v>
      </c>
      <c r="B4755" t="s">
        <v>2993</v>
      </c>
      <c r="C4755" t="s">
        <v>2980</v>
      </c>
      <c r="D4755" t="s">
        <v>2981</v>
      </c>
      <c r="E4755" t="s">
        <v>2928</v>
      </c>
      <c r="F4755" t="s">
        <v>2929</v>
      </c>
      <c r="G4755" t="s">
        <v>80</v>
      </c>
      <c r="H4755" t="s">
        <v>81</v>
      </c>
      <c r="I4755" s="2">
        <v>1</v>
      </c>
      <c r="J4755" s="2">
        <v>0</v>
      </c>
      <c r="K4755" s="2">
        <v>0</v>
      </c>
      <c r="L4755" t="s">
        <v>120</v>
      </c>
      <c r="M4755" t="s">
        <v>87</v>
      </c>
      <c r="N4755" t="s">
        <v>88</v>
      </c>
      <c r="O4755" t="s">
        <v>85</v>
      </c>
      <c r="P4755" t="s">
        <v>86</v>
      </c>
      <c r="Q4755">
        <v>13</v>
      </c>
      <c r="R4755">
        <v>13</v>
      </c>
      <c r="S4755">
        <v>13</v>
      </c>
      <c r="T4755">
        <v>13</v>
      </c>
      <c r="U4755">
        <v>13</v>
      </c>
      <c r="V4755">
        <v>13</v>
      </c>
      <c r="W4755">
        <v>13</v>
      </c>
      <c r="X4755">
        <v>13</v>
      </c>
      <c r="Y4755">
        <v>13</v>
      </c>
      <c r="Z4755">
        <v>13</v>
      </c>
      <c r="AA4755">
        <v>13</v>
      </c>
      <c r="AB4755">
        <v>13</v>
      </c>
      <c r="AC4755">
        <v>12</v>
      </c>
      <c r="AD4755">
        <v>12</v>
      </c>
      <c r="AE4755">
        <v>12</v>
      </c>
      <c r="AF4755">
        <v>12</v>
      </c>
      <c r="AG4755">
        <v>12</v>
      </c>
      <c r="AH4755">
        <v>12</v>
      </c>
      <c r="AI4755">
        <v>12</v>
      </c>
      <c r="AJ4755">
        <v>12</v>
      </c>
      <c r="AK4755">
        <v>12</v>
      </c>
      <c r="AL4755">
        <v>12</v>
      </c>
      <c r="AM4755">
        <v>12</v>
      </c>
      <c r="AN4755">
        <v>12</v>
      </c>
      <c r="AO4755">
        <v>12</v>
      </c>
      <c r="AP4755">
        <v>12</v>
      </c>
      <c r="AQ4755">
        <v>12</v>
      </c>
    </row>
    <row r="4756" spans="1:43">
      <c r="A4756" t="s">
        <v>2992</v>
      </c>
      <c r="B4756" t="s">
        <v>2993</v>
      </c>
      <c r="C4756" t="s">
        <v>2980</v>
      </c>
      <c r="D4756" t="s">
        <v>2981</v>
      </c>
      <c r="E4756" t="s">
        <v>2928</v>
      </c>
      <c r="F4756" t="s">
        <v>2929</v>
      </c>
      <c r="G4756" t="s">
        <v>80</v>
      </c>
      <c r="H4756" t="s">
        <v>81</v>
      </c>
      <c r="I4756" s="2">
        <v>1</v>
      </c>
      <c r="J4756" s="2">
        <v>0</v>
      </c>
      <c r="K4756" s="2">
        <v>0</v>
      </c>
      <c r="L4756" t="s">
        <v>120</v>
      </c>
      <c r="M4756" t="s">
        <v>89</v>
      </c>
      <c r="N4756" t="s">
        <v>90</v>
      </c>
      <c r="O4756" t="s">
        <v>85</v>
      </c>
      <c r="P4756" t="s">
        <v>86</v>
      </c>
      <c r="Q4756">
        <v>13</v>
      </c>
      <c r="R4756">
        <v>14</v>
      </c>
      <c r="S4756">
        <v>14</v>
      </c>
      <c r="T4756">
        <v>14</v>
      </c>
      <c r="U4756">
        <v>14</v>
      </c>
      <c r="V4756">
        <v>14</v>
      </c>
      <c r="W4756">
        <v>14</v>
      </c>
      <c r="X4756">
        <v>14</v>
      </c>
      <c r="Y4756">
        <v>15</v>
      </c>
      <c r="Z4756">
        <v>15</v>
      </c>
      <c r="AA4756">
        <v>15</v>
      </c>
      <c r="AB4756">
        <v>15</v>
      </c>
      <c r="AC4756">
        <v>15</v>
      </c>
      <c r="AD4756">
        <v>15</v>
      </c>
      <c r="AE4756">
        <v>15</v>
      </c>
      <c r="AF4756">
        <v>15</v>
      </c>
      <c r="AG4756">
        <v>15</v>
      </c>
      <c r="AH4756">
        <v>15</v>
      </c>
      <c r="AI4756">
        <v>14</v>
      </c>
      <c r="AJ4756">
        <v>14</v>
      </c>
      <c r="AK4756">
        <v>14</v>
      </c>
      <c r="AL4756">
        <v>14</v>
      </c>
      <c r="AM4756">
        <v>14</v>
      </c>
      <c r="AN4756">
        <v>14</v>
      </c>
      <c r="AO4756">
        <v>14</v>
      </c>
      <c r="AP4756">
        <v>14</v>
      </c>
      <c r="AQ4756">
        <v>14</v>
      </c>
    </row>
    <row r="4757" spans="1:43">
      <c r="A4757" t="s">
        <v>2992</v>
      </c>
      <c r="B4757" t="s">
        <v>2993</v>
      </c>
      <c r="C4757" t="s">
        <v>2980</v>
      </c>
      <c r="D4757" t="s">
        <v>2981</v>
      </c>
      <c r="E4757" t="s">
        <v>2928</v>
      </c>
      <c r="F4757" t="s">
        <v>2929</v>
      </c>
      <c r="G4757" t="s">
        <v>80</v>
      </c>
      <c r="H4757" t="s">
        <v>81</v>
      </c>
      <c r="I4757" s="2">
        <v>1</v>
      </c>
      <c r="J4757" s="2">
        <v>0</v>
      </c>
      <c r="K4757" s="2">
        <v>0</v>
      </c>
      <c r="L4757" t="s">
        <v>120</v>
      </c>
      <c r="M4757" t="s">
        <v>83</v>
      </c>
      <c r="N4757" t="s">
        <v>91</v>
      </c>
      <c r="O4757" t="s">
        <v>85</v>
      </c>
      <c r="P4757" t="s">
        <v>86</v>
      </c>
      <c r="Q4757">
        <v>13</v>
      </c>
      <c r="R4757">
        <v>13</v>
      </c>
      <c r="S4757">
        <v>13</v>
      </c>
      <c r="T4757">
        <v>14</v>
      </c>
      <c r="U4757">
        <v>14</v>
      </c>
      <c r="V4757">
        <v>14</v>
      </c>
      <c r="W4757">
        <v>14</v>
      </c>
      <c r="X4757">
        <v>14</v>
      </c>
      <c r="Y4757">
        <v>14</v>
      </c>
      <c r="Z4757">
        <v>14</v>
      </c>
      <c r="AA4757">
        <v>14</v>
      </c>
      <c r="AB4757">
        <v>14</v>
      </c>
      <c r="AC4757">
        <v>14</v>
      </c>
      <c r="AD4757">
        <v>14</v>
      </c>
      <c r="AE4757">
        <v>14</v>
      </c>
      <c r="AF4757">
        <v>14</v>
      </c>
      <c r="AG4757">
        <v>14</v>
      </c>
      <c r="AH4757">
        <v>14</v>
      </c>
      <c r="AI4757">
        <v>14</v>
      </c>
      <c r="AJ4757">
        <v>14</v>
      </c>
      <c r="AK4757">
        <v>14</v>
      </c>
      <c r="AL4757">
        <v>14</v>
      </c>
      <c r="AM4757">
        <v>14</v>
      </c>
      <c r="AN4757">
        <v>14</v>
      </c>
      <c r="AO4757">
        <v>14</v>
      </c>
      <c r="AP4757">
        <v>14</v>
      </c>
      <c r="AQ4757">
        <v>13</v>
      </c>
    </row>
    <row r="4758" spans="1:43">
      <c r="A4758" t="s">
        <v>2994</v>
      </c>
      <c r="B4758" t="s">
        <v>2995</v>
      </c>
      <c r="C4758" t="s">
        <v>2996</v>
      </c>
      <c r="D4758" t="s">
        <v>2997</v>
      </c>
      <c r="E4758" t="s">
        <v>2928</v>
      </c>
      <c r="F4758" t="s">
        <v>2929</v>
      </c>
      <c r="G4758" t="s">
        <v>80</v>
      </c>
      <c r="H4758" t="s">
        <v>81</v>
      </c>
      <c r="I4758" s="2">
        <v>1</v>
      </c>
      <c r="J4758" s="2">
        <v>0</v>
      </c>
      <c r="K4758" s="2">
        <v>0</v>
      </c>
      <c r="L4758" t="s">
        <v>120</v>
      </c>
      <c r="M4758" t="s">
        <v>83</v>
      </c>
      <c r="N4758" t="s">
        <v>84</v>
      </c>
      <c r="O4758" t="s">
        <v>85</v>
      </c>
      <c r="P4758" t="s">
        <v>86</v>
      </c>
      <c r="Q4758">
        <v>78</v>
      </c>
      <c r="R4758">
        <v>79</v>
      </c>
      <c r="S4758">
        <v>79</v>
      </c>
      <c r="T4758">
        <v>79</v>
      </c>
      <c r="U4758">
        <v>80</v>
      </c>
      <c r="V4758">
        <v>80</v>
      </c>
      <c r="W4758">
        <v>80</v>
      </c>
      <c r="X4758">
        <v>81</v>
      </c>
      <c r="Y4758">
        <v>81</v>
      </c>
      <c r="Z4758">
        <v>81</v>
      </c>
      <c r="AA4758">
        <v>81</v>
      </c>
      <c r="AB4758">
        <v>81</v>
      </c>
      <c r="AC4758">
        <v>81</v>
      </c>
      <c r="AD4758">
        <v>82</v>
      </c>
      <c r="AE4758">
        <v>82</v>
      </c>
      <c r="AF4758">
        <v>82</v>
      </c>
      <c r="AG4758">
        <v>82</v>
      </c>
      <c r="AH4758">
        <v>82</v>
      </c>
      <c r="AI4758">
        <v>82</v>
      </c>
      <c r="AJ4758">
        <v>82</v>
      </c>
      <c r="AK4758">
        <v>83</v>
      </c>
      <c r="AL4758">
        <v>82</v>
      </c>
      <c r="AM4758">
        <v>82</v>
      </c>
      <c r="AN4758">
        <v>81</v>
      </c>
      <c r="AO4758">
        <v>80</v>
      </c>
      <c r="AP4758">
        <v>80</v>
      </c>
      <c r="AQ4758">
        <v>79</v>
      </c>
    </row>
    <row r="4759" spans="1:43">
      <c r="A4759" t="s">
        <v>2994</v>
      </c>
      <c r="B4759" t="s">
        <v>2995</v>
      </c>
      <c r="C4759" t="s">
        <v>2996</v>
      </c>
      <c r="D4759" t="s">
        <v>2997</v>
      </c>
      <c r="E4759" t="s">
        <v>2928</v>
      </c>
      <c r="F4759" t="s">
        <v>2929</v>
      </c>
      <c r="G4759" t="s">
        <v>80</v>
      </c>
      <c r="H4759" t="s">
        <v>81</v>
      </c>
      <c r="I4759" s="2">
        <v>1</v>
      </c>
      <c r="J4759" s="2">
        <v>0</v>
      </c>
      <c r="K4759" s="2">
        <v>0</v>
      </c>
      <c r="L4759" t="s">
        <v>120</v>
      </c>
      <c r="M4759" t="s">
        <v>87</v>
      </c>
      <c r="N4759" t="s">
        <v>88</v>
      </c>
      <c r="O4759" t="s">
        <v>85</v>
      </c>
      <c r="P4759" t="s">
        <v>86</v>
      </c>
      <c r="Q4759">
        <v>78</v>
      </c>
      <c r="R4759">
        <v>77</v>
      </c>
      <c r="S4759">
        <v>77</v>
      </c>
      <c r="T4759">
        <v>76</v>
      </c>
      <c r="U4759">
        <v>76</v>
      </c>
      <c r="V4759">
        <v>76</v>
      </c>
      <c r="W4759">
        <v>75</v>
      </c>
      <c r="X4759">
        <v>75</v>
      </c>
      <c r="Y4759">
        <v>75</v>
      </c>
      <c r="Z4759">
        <v>74</v>
      </c>
      <c r="AA4759">
        <v>74</v>
      </c>
      <c r="AB4759">
        <v>74</v>
      </c>
      <c r="AC4759">
        <v>73</v>
      </c>
      <c r="AD4759">
        <v>73</v>
      </c>
      <c r="AE4759">
        <v>73</v>
      </c>
      <c r="AF4759">
        <v>72</v>
      </c>
      <c r="AG4759">
        <v>72</v>
      </c>
      <c r="AH4759">
        <v>72</v>
      </c>
      <c r="AI4759">
        <v>71</v>
      </c>
      <c r="AJ4759">
        <v>71</v>
      </c>
      <c r="AK4759">
        <v>71</v>
      </c>
      <c r="AL4759">
        <v>70</v>
      </c>
      <c r="AM4759">
        <v>70</v>
      </c>
      <c r="AN4759">
        <v>70</v>
      </c>
      <c r="AO4759">
        <v>69</v>
      </c>
      <c r="AP4759">
        <v>69</v>
      </c>
      <c r="AQ4759">
        <v>69</v>
      </c>
    </row>
    <row r="4760" spans="1:43">
      <c r="A4760" t="s">
        <v>2994</v>
      </c>
      <c r="B4760" t="s">
        <v>2995</v>
      </c>
      <c r="C4760" t="s">
        <v>2996</v>
      </c>
      <c r="D4760" t="s">
        <v>2997</v>
      </c>
      <c r="E4760" t="s">
        <v>2928</v>
      </c>
      <c r="F4760" t="s">
        <v>2929</v>
      </c>
      <c r="G4760" t="s">
        <v>80</v>
      </c>
      <c r="H4760" t="s">
        <v>81</v>
      </c>
      <c r="I4760" s="2">
        <v>1</v>
      </c>
      <c r="J4760" s="2">
        <v>0</v>
      </c>
      <c r="K4760" s="2">
        <v>0</v>
      </c>
      <c r="L4760" t="s">
        <v>120</v>
      </c>
      <c r="M4760" t="s">
        <v>89</v>
      </c>
      <c r="N4760" t="s">
        <v>90</v>
      </c>
      <c r="O4760" t="s">
        <v>85</v>
      </c>
      <c r="P4760" t="s">
        <v>86</v>
      </c>
      <c r="Q4760">
        <v>78</v>
      </c>
      <c r="R4760">
        <v>79</v>
      </c>
      <c r="S4760">
        <v>80</v>
      </c>
      <c r="T4760">
        <v>81</v>
      </c>
      <c r="U4760">
        <v>82</v>
      </c>
      <c r="V4760">
        <v>83</v>
      </c>
      <c r="W4760">
        <v>83</v>
      </c>
      <c r="X4760">
        <v>84</v>
      </c>
      <c r="Y4760">
        <v>84</v>
      </c>
      <c r="Z4760">
        <v>85</v>
      </c>
      <c r="AA4760">
        <v>85</v>
      </c>
      <c r="AB4760">
        <v>86</v>
      </c>
      <c r="AC4760">
        <v>86</v>
      </c>
      <c r="AD4760">
        <v>87</v>
      </c>
      <c r="AE4760">
        <v>87</v>
      </c>
      <c r="AF4760">
        <v>86</v>
      </c>
      <c r="AG4760">
        <v>85</v>
      </c>
      <c r="AH4760">
        <v>85</v>
      </c>
      <c r="AI4760">
        <v>84</v>
      </c>
      <c r="AJ4760">
        <v>83</v>
      </c>
      <c r="AK4760">
        <v>83</v>
      </c>
      <c r="AL4760">
        <v>82</v>
      </c>
      <c r="AM4760">
        <v>82</v>
      </c>
      <c r="AN4760">
        <v>81</v>
      </c>
      <c r="AO4760">
        <v>80</v>
      </c>
      <c r="AP4760">
        <v>80</v>
      </c>
      <c r="AQ4760">
        <v>79</v>
      </c>
    </row>
    <row r="4761" spans="1:43">
      <c r="A4761" t="s">
        <v>2994</v>
      </c>
      <c r="B4761" t="s">
        <v>2995</v>
      </c>
      <c r="C4761" t="s">
        <v>2996</v>
      </c>
      <c r="D4761" t="s">
        <v>2997</v>
      </c>
      <c r="E4761" t="s">
        <v>2928</v>
      </c>
      <c r="F4761" t="s">
        <v>2929</v>
      </c>
      <c r="G4761" t="s">
        <v>80</v>
      </c>
      <c r="H4761" t="s">
        <v>81</v>
      </c>
      <c r="I4761" s="2">
        <v>1</v>
      </c>
      <c r="J4761" s="2">
        <v>0</v>
      </c>
      <c r="K4761" s="2">
        <v>0</v>
      </c>
      <c r="L4761" t="s">
        <v>120</v>
      </c>
      <c r="M4761" t="s">
        <v>83</v>
      </c>
      <c r="N4761" t="s">
        <v>91</v>
      </c>
      <c r="O4761" t="s">
        <v>85</v>
      </c>
      <c r="P4761" t="s">
        <v>86</v>
      </c>
      <c r="Q4761">
        <v>78</v>
      </c>
      <c r="R4761">
        <v>79</v>
      </c>
      <c r="S4761">
        <v>79</v>
      </c>
      <c r="T4761">
        <v>79</v>
      </c>
      <c r="U4761">
        <v>80</v>
      </c>
      <c r="V4761">
        <v>80</v>
      </c>
      <c r="W4761">
        <v>80</v>
      </c>
      <c r="X4761">
        <v>81</v>
      </c>
      <c r="Y4761">
        <v>81</v>
      </c>
      <c r="Z4761">
        <v>81</v>
      </c>
      <c r="AA4761">
        <v>81</v>
      </c>
      <c r="AB4761">
        <v>81</v>
      </c>
      <c r="AC4761">
        <v>81</v>
      </c>
      <c r="AD4761">
        <v>82</v>
      </c>
      <c r="AE4761">
        <v>82</v>
      </c>
      <c r="AF4761">
        <v>82</v>
      </c>
      <c r="AG4761">
        <v>82</v>
      </c>
      <c r="AH4761">
        <v>82</v>
      </c>
      <c r="AI4761">
        <v>82</v>
      </c>
      <c r="AJ4761">
        <v>82</v>
      </c>
      <c r="AK4761">
        <v>83</v>
      </c>
      <c r="AL4761">
        <v>82</v>
      </c>
      <c r="AM4761">
        <v>82</v>
      </c>
      <c r="AN4761">
        <v>81</v>
      </c>
      <c r="AO4761">
        <v>80</v>
      </c>
      <c r="AP4761">
        <v>80</v>
      </c>
      <c r="AQ4761">
        <v>79</v>
      </c>
    </row>
    <row r="4762" spans="1:43">
      <c r="A4762" t="s">
        <v>2998</v>
      </c>
      <c r="B4762" t="s">
        <v>2999</v>
      </c>
      <c r="C4762" t="s">
        <v>3000</v>
      </c>
      <c r="D4762" t="s">
        <v>3001</v>
      </c>
      <c r="E4762" t="s">
        <v>2928</v>
      </c>
      <c r="F4762" t="s">
        <v>2929</v>
      </c>
      <c r="G4762" t="s">
        <v>80</v>
      </c>
      <c r="H4762" t="s">
        <v>81</v>
      </c>
      <c r="I4762" s="2">
        <v>1</v>
      </c>
      <c r="J4762" s="2">
        <v>0</v>
      </c>
      <c r="K4762" s="2">
        <v>0</v>
      </c>
      <c r="L4762" t="s">
        <v>120</v>
      </c>
      <c r="M4762" t="s">
        <v>83</v>
      </c>
      <c r="N4762" t="s">
        <v>84</v>
      </c>
      <c r="O4762" t="s">
        <v>85</v>
      </c>
      <c r="P4762" t="s">
        <v>86</v>
      </c>
      <c r="Q4762">
        <v>37</v>
      </c>
      <c r="R4762">
        <v>37</v>
      </c>
      <c r="S4762">
        <v>37</v>
      </c>
      <c r="T4762">
        <v>38</v>
      </c>
      <c r="U4762">
        <v>38</v>
      </c>
      <c r="V4762">
        <v>38</v>
      </c>
      <c r="W4762">
        <v>38</v>
      </c>
      <c r="X4762">
        <v>38</v>
      </c>
      <c r="Y4762">
        <v>38</v>
      </c>
      <c r="Z4762">
        <v>38</v>
      </c>
      <c r="AA4762">
        <v>38</v>
      </c>
      <c r="AB4762">
        <v>38</v>
      </c>
      <c r="AC4762">
        <v>38</v>
      </c>
      <c r="AD4762">
        <v>39</v>
      </c>
      <c r="AE4762">
        <v>39</v>
      </c>
      <c r="AF4762">
        <v>39</v>
      </c>
      <c r="AG4762">
        <v>39</v>
      </c>
      <c r="AH4762">
        <v>39</v>
      </c>
      <c r="AI4762">
        <v>39</v>
      </c>
      <c r="AJ4762">
        <v>39</v>
      </c>
      <c r="AK4762">
        <v>39</v>
      </c>
      <c r="AL4762">
        <v>39</v>
      </c>
      <c r="AM4762">
        <v>38</v>
      </c>
      <c r="AN4762">
        <v>38</v>
      </c>
      <c r="AO4762">
        <v>38</v>
      </c>
      <c r="AP4762">
        <v>37</v>
      </c>
      <c r="AQ4762">
        <v>37</v>
      </c>
    </row>
    <row r="4763" spans="1:43">
      <c r="A4763" t="s">
        <v>2998</v>
      </c>
      <c r="B4763" t="s">
        <v>2999</v>
      </c>
      <c r="C4763" t="s">
        <v>3000</v>
      </c>
      <c r="D4763" t="s">
        <v>3001</v>
      </c>
      <c r="E4763" t="s">
        <v>2928</v>
      </c>
      <c r="F4763" t="s">
        <v>2929</v>
      </c>
      <c r="G4763" t="s">
        <v>80</v>
      </c>
      <c r="H4763" t="s">
        <v>81</v>
      </c>
      <c r="I4763" s="2">
        <v>1</v>
      </c>
      <c r="J4763" s="2">
        <v>0</v>
      </c>
      <c r="K4763" s="2">
        <v>0</v>
      </c>
      <c r="L4763" t="s">
        <v>120</v>
      </c>
      <c r="M4763" t="s">
        <v>87</v>
      </c>
      <c r="N4763" t="s">
        <v>88</v>
      </c>
      <c r="O4763" t="s">
        <v>85</v>
      </c>
      <c r="P4763" t="s">
        <v>86</v>
      </c>
      <c r="Q4763">
        <v>37</v>
      </c>
      <c r="R4763">
        <v>36</v>
      </c>
      <c r="S4763">
        <v>36</v>
      </c>
      <c r="T4763">
        <v>36</v>
      </c>
      <c r="U4763">
        <v>36</v>
      </c>
      <c r="V4763">
        <v>36</v>
      </c>
      <c r="W4763">
        <v>36</v>
      </c>
      <c r="X4763">
        <v>35</v>
      </c>
      <c r="Y4763">
        <v>35</v>
      </c>
      <c r="Z4763">
        <v>35</v>
      </c>
      <c r="AA4763">
        <v>35</v>
      </c>
      <c r="AB4763">
        <v>35</v>
      </c>
      <c r="AC4763">
        <v>35</v>
      </c>
      <c r="AD4763">
        <v>35</v>
      </c>
      <c r="AE4763">
        <v>34</v>
      </c>
      <c r="AF4763">
        <v>34</v>
      </c>
      <c r="AG4763">
        <v>34</v>
      </c>
      <c r="AH4763">
        <v>34</v>
      </c>
      <c r="AI4763">
        <v>34</v>
      </c>
      <c r="AJ4763">
        <v>34</v>
      </c>
      <c r="AK4763">
        <v>33</v>
      </c>
      <c r="AL4763">
        <v>33</v>
      </c>
      <c r="AM4763">
        <v>33</v>
      </c>
      <c r="AN4763">
        <v>33</v>
      </c>
      <c r="AO4763">
        <v>33</v>
      </c>
      <c r="AP4763">
        <v>33</v>
      </c>
      <c r="AQ4763">
        <v>33</v>
      </c>
    </row>
    <row r="4764" spans="1:43">
      <c r="A4764" t="s">
        <v>2998</v>
      </c>
      <c r="B4764" t="s">
        <v>2999</v>
      </c>
      <c r="C4764" t="s">
        <v>3000</v>
      </c>
      <c r="D4764" t="s">
        <v>3001</v>
      </c>
      <c r="E4764" t="s">
        <v>2928</v>
      </c>
      <c r="F4764" t="s">
        <v>2929</v>
      </c>
      <c r="G4764" t="s">
        <v>80</v>
      </c>
      <c r="H4764" t="s">
        <v>81</v>
      </c>
      <c r="I4764" s="2">
        <v>1</v>
      </c>
      <c r="J4764" s="2">
        <v>0</v>
      </c>
      <c r="K4764" s="2">
        <v>0</v>
      </c>
      <c r="L4764" t="s">
        <v>120</v>
      </c>
      <c r="M4764" t="s">
        <v>89</v>
      </c>
      <c r="N4764" t="s">
        <v>90</v>
      </c>
      <c r="O4764" t="s">
        <v>85</v>
      </c>
      <c r="P4764" t="s">
        <v>86</v>
      </c>
      <c r="Q4764">
        <v>37</v>
      </c>
      <c r="R4764">
        <v>38</v>
      </c>
      <c r="S4764">
        <v>38</v>
      </c>
      <c r="T4764">
        <v>39</v>
      </c>
      <c r="U4764">
        <v>39</v>
      </c>
      <c r="V4764">
        <v>39</v>
      </c>
      <c r="W4764">
        <v>40</v>
      </c>
      <c r="X4764">
        <v>40</v>
      </c>
      <c r="Y4764">
        <v>40</v>
      </c>
      <c r="Z4764">
        <v>40</v>
      </c>
      <c r="AA4764">
        <v>41</v>
      </c>
      <c r="AB4764">
        <v>41</v>
      </c>
      <c r="AC4764">
        <v>41</v>
      </c>
      <c r="AD4764">
        <v>41</v>
      </c>
      <c r="AE4764">
        <v>41</v>
      </c>
      <c r="AF4764">
        <v>41</v>
      </c>
      <c r="AG4764">
        <v>41</v>
      </c>
      <c r="AH4764">
        <v>40</v>
      </c>
      <c r="AI4764">
        <v>40</v>
      </c>
      <c r="AJ4764">
        <v>40</v>
      </c>
      <c r="AK4764">
        <v>39</v>
      </c>
      <c r="AL4764">
        <v>39</v>
      </c>
      <c r="AM4764">
        <v>39</v>
      </c>
      <c r="AN4764">
        <v>38</v>
      </c>
      <c r="AO4764">
        <v>38</v>
      </c>
      <c r="AP4764">
        <v>38</v>
      </c>
      <c r="AQ4764">
        <v>38</v>
      </c>
    </row>
    <row r="4765" spans="1:43">
      <c r="A4765" t="s">
        <v>2998</v>
      </c>
      <c r="B4765" t="s">
        <v>2999</v>
      </c>
      <c r="C4765" t="s">
        <v>3000</v>
      </c>
      <c r="D4765" t="s">
        <v>3001</v>
      </c>
      <c r="E4765" t="s">
        <v>2928</v>
      </c>
      <c r="F4765" t="s">
        <v>2929</v>
      </c>
      <c r="G4765" t="s">
        <v>80</v>
      </c>
      <c r="H4765" t="s">
        <v>81</v>
      </c>
      <c r="I4765" s="2">
        <v>1</v>
      </c>
      <c r="J4765" s="2">
        <v>0</v>
      </c>
      <c r="K4765" s="2">
        <v>0</v>
      </c>
      <c r="L4765" t="s">
        <v>120</v>
      </c>
      <c r="M4765" t="s">
        <v>83</v>
      </c>
      <c r="N4765" t="s">
        <v>91</v>
      </c>
      <c r="O4765" t="s">
        <v>85</v>
      </c>
      <c r="P4765" t="s">
        <v>86</v>
      </c>
      <c r="Q4765">
        <v>37</v>
      </c>
      <c r="R4765">
        <v>37</v>
      </c>
      <c r="S4765">
        <v>37</v>
      </c>
      <c r="T4765">
        <v>38</v>
      </c>
      <c r="U4765">
        <v>38</v>
      </c>
      <c r="V4765">
        <v>38</v>
      </c>
      <c r="W4765">
        <v>38</v>
      </c>
      <c r="X4765">
        <v>38</v>
      </c>
      <c r="Y4765">
        <v>38</v>
      </c>
      <c r="Z4765">
        <v>38</v>
      </c>
      <c r="AA4765">
        <v>38</v>
      </c>
      <c r="AB4765">
        <v>38</v>
      </c>
      <c r="AC4765">
        <v>38</v>
      </c>
      <c r="AD4765">
        <v>39</v>
      </c>
      <c r="AE4765">
        <v>39</v>
      </c>
      <c r="AF4765">
        <v>39</v>
      </c>
      <c r="AG4765">
        <v>39</v>
      </c>
      <c r="AH4765">
        <v>39</v>
      </c>
      <c r="AI4765">
        <v>39</v>
      </c>
      <c r="AJ4765">
        <v>39</v>
      </c>
      <c r="AK4765">
        <v>39</v>
      </c>
      <c r="AL4765">
        <v>39</v>
      </c>
      <c r="AM4765">
        <v>38</v>
      </c>
      <c r="AN4765">
        <v>38</v>
      </c>
      <c r="AO4765">
        <v>38</v>
      </c>
      <c r="AP4765">
        <v>37</v>
      </c>
      <c r="AQ4765">
        <v>37</v>
      </c>
    </row>
    <row r="4766" spans="1:43">
      <c r="A4766" t="s">
        <v>3002</v>
      </c>
      <c r="B4766" t="s">
        <v>3003</v>
      </c>
      <c r="C4766" t="s">
        <v>2996</v>
      </c>
      <c r="D4766" t="s">
        <v>2997</v>
      </c>
      <c r="E4766" t="s">
        <v>2928</v>
      </c>
      <c r="F4766" t="s">
        <v>2929</v>
      </c>
      <c r="G4766" t="s">
        <v>80</v>
      </c>
      <c r="H4766" t="s">
        <v>81</v>
      </c>
      <c r="I4766" s="2">
        <v>1</v>
      </c>
      <c r="J4766" s="2">
        <v>0</v>
      </c>
      <c r="K4766" s="2">
        <v>0</v>
      </c>
      <c r="L4766" t="s">
        <v>120</v>
      </c>
      <c r="M4766" t="s">
        <v>83</v>
      </c>
      <c r="N4766" t="s">
        <v>84</v>
      </c>
      <c r="O4766" t="s">
        <v>85</v>
      </c>
      <c r="P4766" t="s">
        <v>86</v>
      </c>
      <c r="Q4766">
        <v>42</v>
      </c>
      <c r="R4766">
        <v>42</v>
      </c>
      <c r="S4766">
        <v>42</v>
      </c>
      <c r="T4766">
        <v>42</v>
      </c>
      <c r="U4766">
        <v>43</v>
      </c>
      <c r="V4766">
        <v>43</v>
      </c>
      <c r="W4766">
        <v>43</v>
      </c>
      <c r="X4766">
        <v>43</v>
      </c>
      <c r="Y4766">
        <v>43</v>
      </c>
      <c r="Z4766">
        <v>43</v>
      </c>
      <c r="AA4766">
        <v>44</v>
      </c>
      <c r="AB4766">
        <v>44</v>
      </c>
      <c r="AC4766">
        <v>44</v>
      </c>
      <c r="AD4766">
        <v>44</v>
      </c>
      <c r="AE4766">
        <v>44</v>
      </c>
      <c r="AF4766">
        <v>44</v>
      </c>
      <c r="AG4766">
        <v>44</v>
      </c>
      <c r="AH4766">
        <v>44</v>
      </c>
      <c r="AI4766">
        <v>44</v>
      </c>
      <c r="AJ4766">
        <v>45</v>
      </c>
      <c r="AK4766">
        <v>45</v>
      </c>
      <c r="AL4766">
        <v>44</v>
      </c>
      <c r="AM4766">
        <v>44</v>
      </c>
      <c r="AN4766">
        <v>44</v>
      </c>
      <c r="AO4766">
        <v>44</v>
      </c>
      <c r="AP4766">
        <v>43</v>
      </c>
      <c r="AQ4766">
        <v>43</v>
      </c>
    </row>
    <row r="4767" spans="1:43">
      <c r="A4767" t="s">
        <v>3002</v>
      </c>
      <c r="B4767" t="s">
        <v>3003</v>
      </c>
      <c r="C4767" t="s">
        <v>2996</v>
      </c>
      <c r="D4767" t="s">
        <v>2997</v>
      </c>
      <c r="E4767" t="s">
        <v>2928</v>
      </c>
      <c r="F4767" t="s">
        <v>2929</v>
      </c>
      <c r="G4767" t="s">
        <v>80</v>
      </c>
      <c r="H4767" t="s">
        <v>81</v>
      </c>
      <c r="I4767" s="2">
        <v>1</v>
      </c>
      <c r="J4767" s="2">
        <v>0</v>
      </c>
      <c r="K4767" s="2">
        <v>0</v>
      </c>
      <c r="L4767" t="s">
        <v>120</v>
      </c>
      <c r="M4767" t="s">
        <v>87</v>
      </c>
      <c r="N4767" t="s">
        <v>88</v>
      </c>
      <c r="O4767" t="s">
        <v>85</v>
      </c>
      <c r="P4767" t="s">
        <v>86</v>
      </c>
      <c r="Q4767">
        <v>42</v>
      </c>
      <c r="R4767">
        <v>42</v>
      </c>
      <c r="S4767">
        <v>42</v>
      </c>
      <c r="T4767">
        <v>42</v>
      </c>
      <c r="U4767">
        <v>42</v>
      </c>
      <c r="V4767">
        <v>42</v>
      </c>
      <c r="W4767">
        <v>41</v>
      </c>
      <c r="X4767">
        <v>41</v>
      </c>
      <c r="Y4767">
        <v>41</v>
      </c>
      <c r="Z4767">
        <v>41</v>
      </c>
      <c r="AA4767">
        <v>41</v>
      </c>
      <c r="AB4767">
        <v>41</v>
      </c>
      <c r="AC4767">
        <v>40</v>
      </c>
      <c r="AD4767">
        <v>40</v>
      </c>
      <c r="AE4767">
        <v>40</v>
      </c>
      <c r="AF4767">
        <v>40</v>
      </c>
      <c r="AG4767">
        <v>40</v>
      </c>
      <c r="AH4767">
        <v>40</v>
      </c>
      <c r="AI4767">
        <v>40</v>
      </c>
      <c r="AJ4767">
        <v>39</v>
      </c>
      <c r="AK4767">
        <v>39</v>
      </c>
      <c r="AL4767">
        <v>39</v>
      </c>
      <c r="AM4767">
        <v>39</v>
      </c>
      <c r="AN4767">
        <v>39</v>
      </c>
      <c r="AO4767">
        <v>39</v>
      </c>
      <c r="AP4767">
        <v>38</v>
      </c>
      <c r="AQ4767">
        <v>38</v>
      </c>
    </row>
    <row r="4768" spans="1:43">
      <c r="A4768" t="s">
        <v>3002</v>
      </c>
      <c r="B4768" t="s">
        <v>3003</v>
      </c>
      <c r="C4768" t="s">
        <v>2996</v>
      </c>
      <c r="D4768" t="s">
        <v>2997</v>
      </c>
      <c r="E4768" t="s">
        <v>2928</v>
      </c>
      <c r="F4768" t="s">
        <v>2929</v>
      </c>
      <c r="G4768" t="s">
        <v>80</v>
      </c>
      <c r="H4768" t="s">
        <v>81</v>
      </c>
      <c r="I4768" s="2">
        <v>1</v>
      </c>
      <c r="J4768" s="2">
        <v>0</v>
      </c>
      <c r="K4768" s="2">
        <v>0</v>
      </c>
      <c r="L4768" t="s">
        <v>120</v>
      </c>
      <c r="M4768" t="s">
        <v>89</v>
      </c>
      <c r="N4768" t="s">
        <v>90</v>
      </c>
      <c r="O4768" t="s">
        <v>85</v>
      </c>
      <c r="P4768" t="s">
        <v>86</v>
      </c>
      <c r="Q4768">
        <v>42</v>
      </c>
      <c r="R4768">
        <v>43</v>
      </c>
      <c r="S4768">
        <v>43</v>
      </c>
      <c r="T4768">
        <v>44</v>
      </c>
      <c r="U4768">
        <v>44</v>
      </c>
      <c r="V4768">
        <v>45</v>
      </c>
      <c r="W4768">
        <v>45</v>
      </c>
      <c r="X4768">
        <v>46</v>
      </c>
      <c r="Y4768">
        <v>46</v>
      </c>
      <c r="Z4768">
        <v>46</v>
      </c>
      <c r="AA4768">
        <v>46</v>
      </c>
      <c r="AB4768">
        <v>47</v>
      </c>
      <c r="AC4768">
        <v>47</v>
      </c>
      <c r="AD4768">
        <v>47</v>
      </c>
      <c r="AE4768">
        <v>47</v>
      </c>
      <c r="AF4768">
        <v>47</v>
      </c>
      <c r="AG4768">
        <v>47</v>
      </c>
      <c r="AH4768">
        <v>46</v>
      </c>
      <c r="AI4768">
        <v>46</v>
      </c>
      <c r="AJ4768">
        <v>46</v>
      </c>
      <c r="AK4768">
        <v>45</v>
      </c>
      <c r="AL4768">
        <v>45</v>
      </c>
      <c r="AM4768">
        <v>45</v>
      </c>
      <c r="AN4768">
        <v>44</v>
      </c>
      <c r="AO4768">
        <v>44</v>
      </c>
      <c r="AP4768">
        <v>44</v>
      </c>
      <c r="AQ4768">
        <v>44</v>
      </c>
    </row>
    <row r="4769" spans="1:43">
      <c r="A4769" t="s">
        <v>3002</v>
      </c>
      <c r="B4769" t="s">
        <v>3003</v>
      </c>
      <c r="C4769" t="s">
        <v>2996</v>
      </c>
      <c r="D4769" t="s">
        <v>2997</v>
      </c>
      <c r="E4769" t="s">
        <v>2928</v>
      </c>
      <c r="F4769" t="s">
        <v>2929</v>
      </c>
      <c r="G4769" t="s">
        <v>80</v>
      </c>
      <c r="H4769" t="s">
        <v>81</v>
      </c>
      <c r="I4769" s="2">
        <v>1</v>
      </c>
      <c r="J4769" s="2">
        <v>0</v>
      </c>
      <c r="K4769" s="2">
        <v>0</v>
      </c>
      <c r="L4769" t="s">
        <v>120</v>
      </c>
      <c r="M4769" t="s">
        <v>83</v>
      </c>
      <c r="N4769" t="s">
        <v>91</v>
      </c>
      <c r="O4769" t="s">
        <v>85</v>
      </c>
      <c r="P4769" t="s">
        <v>86</v>
      </c>
      <c r="Q4769">
        <v>42</v>
      </c>
      <c r="R4769">
        <v>42</v>
      </c>
      <c r="S4769">
        <v>42</v>
      </c>
      <c r="T4769">
        <v>42</v>
      </c>
      <c r="U4769">
        <v>43</v>
      </c>
      <c r="V4769">
        <v>43</v>
      </c>
      <c r="W4769">
        <v>43</v>
      </c>
      <c r="X4769">
        <v>43</v>
      </c>
      <c r="Y4769">
        <v>43</v>
      </c>
      <c r="Z4769">
        <v>43</v>
      </c>
      <c r="AA4769">
        <v>44</v>
      </c>
      <c r="AB4769">
        <v>44</v>
      </c>
      <c r="AC4769">
        <v>44</v>
      </c>
      <c r="AD4769">
        <v>44</v>
      </c>
      <c r="AE4769">
        <v>44</v>
      </c>
      <c r="AF4769">
        <v>44</v>
      </c>
      <c r="AG4769">
        <v>44</v>
      </c>
      <c r="AH4769">
        <v>44</v>
      </c>
      <c r="AI4769">
        <v>44</v>
      </c>
      <c r="AJ4769">
        <v>45</v>
      </c>
      <c r="AK4769">
        <v>45</v>
      </c>
      <c r="AL4769">
        <v>44</v>
      </c>
      <c r="AM4769">
        <v>44</v>
      </c>
      <c r="AN4769">
        <v>44</v>
      </c>
      <c r="AO4769">
        <v>44</v>
      </c>
      <c r="AP4769">
        <v>43</v>
      </c>
      <c r="AQ4769">
        <v>43</v>
      </c>
    </row>
    <row r="4770" spans="1:43">
      <c r="A4770" t="s">
        <v>3004</v>
      </c>
      <c r="B4770" t="s">
        <v>3005</v>
      </c>
      <c r="C4770" t="s">
        <v>2996</v>
      </c>
      <c r="D4770" t="s">
        <v>2997</v>
      </c>
      <c r="E4770" t="s">
        <v>2928</v>
      </c>
      <c r="F4770" t="s">
        <v>2929</v>
      </c>
      <c r="G4770" t="s">
        <v>80</v>
      </c>
      <c r="H4770" t="s">
        <v>81</v>
      </c>
      <c r="I4770" s="2">
        <v>1</v>
      </c>
      <c r="J4770" s="2">
        <v>0</v>
      </c>
      <c r="K4770" s="2">
        <v>0</v>
      </c>
      <c r="L4770" t="s">
        <v>120</v>
      </c>
      <c r="M4770" t="s">
        <v>83</v>
      </c>
      <c r="N4770" t="s">
        <v>84</v>
      </c>
      <c r="O4770" t="s">
        <v>85</v>
      </c>
      <c r="P4770" t="s">
        <v>86</v>
      </c>
      <c r="Q4770">
        <v>25</v>
      </c>
      <c r="R4770">
        <v>25</v>
      </c>
      <c r="S4770">
        <v>25</v>
      </c>
      <c r="T4770">
        <v>25</v>
      </c>
      <c r="U4770">
        <v>25</v>
      </c>
      <c r="V4770">
        <v>25</v>
      </c>
      <c r="W4770">
        <v>25</v>
      </c>
      <c r="X4770">
        <v>25</v>
      </c>
      <c r="Y4770">
        <v>25</v>
      </c>
      <c r="Z4770">
        <v>25</v>
      </c>
      <c r="AA4770">
        <v>26</v>
      </c>
      <c r="AB4770">
        <v>26</v>
      </c>
      <c r="AC4770">
        <v>26</v>
      </c>
      <c r="AD4770">
        <v>26</v>
      </c>
      <c r="AE4770">
        <v>26</v>
      </c>
      <c r="AF4770">
        <v>26</v>
      </c>
      <c r="AG4770">
        <v>26</v>
      </c>
      <c r="AH4770">
        <v>26</v>
      </c>
      <c r="AI4770">
        <v>26</v>
      </c>
      <c r="AJ4770">
        <v>26</v>
      </c>
      <c r="AK4770">
        <v>26</v>
      </c>
      <c r="AL4770">
        <v>26</v>
      </c>
      <c r="AM4770">
        <v>26</v>
      </c>
      <c r="AN4770">
        <v>25</v>
      </c>
      <c r="AO4770">
        <v>25</v>
      </c>
      <c r="AP4770">
        <v>25</v>
      </c>
      <c r="AQ4770">
        <v>25</v>
      </c>
    </row>
    <row r="4771" spans="1:43">
      <c r="A4771" t="s">
        <v>3004</v>
      </c>
      <c r="B4771" t="s">
        <v>3005</v>
      </c>
      <c r="C4771" t="s">
        <v>2996</v>
      </c>
      <c r="D4771" t="s">
        <v>2997</v>
      </c>
      <c r="E4771" t="s">
        <v>2928</v>
      </c>
      <c r="F4771" t="s">
        <v>2929</v>
      </c>
      <c r="G4771" t="s">
        <v>80</v>
      </c>
      <c r="H4771" t="s">
        <v>81</v>
      </c>
      <c r="I4771" s="2">
        <v>1</v>
      </c>
      <c r="J4771" s="2">
        <v>0</v>
      </c>
      <c r="K4771" s="2">
        <v>0</v>
      </c>
      <c r="L4771" t="s">
        <v>120</v>
      </c>
      <c r="M4771" t="s">
        <v>87</v>
      </c>
      <c r="N4771" t="s">
        <v>88</v>
      </c>
      <c r="O4771" t="s">
        <v>85</v>
      </c>
      <c r="P4771" t="s">
        <v>86</v>
      </c>
      <c r="Q4771">
        <v>25</v>
      </c>
      <c r="R4771">
        <v>25</v>
      </c>
      <c r="S4771">
        <v>25</v>
      </c>
      <c r="T4771">
        <v>25</v>
      </c>
      <c r="U4771">
        <v>25</v>
      </c>
      <c r="V4771">
        <v>25</v>
      </c>
      <c r="W4771">
        <v>25</v>
      </c>
      <c r="X4771">
        <v>25</v>
      </c>
      <c r="Y4771">
        <v>24</v>
      </c>
      <c r="Z4771">
        <v>24</v>
      </c>
      <c r="AA4771">
        <v>24</v>
      </c>
      <c r="AB4771">
        <v>24</v>
      </c>
      <c r="AC4771">
        <v>24</v>
      </c>
      <c r="AD4771">
        <v>24</v>
      </c>
      <c r="AE4771">
        <v>24</v>
      </c>
      <c r="AF4771">
        <v>24</v>
      </c>
      <c r="AG4771">
        <v>24</v>
      </c>
      <c r="AH4771">
        <v>24</v>
      </c>
      <c r="AI4771">
        <v>23</v>
      </c>
      <c r="AJ4771">
        <v>23</v>
      </c>
      <c r="AK4771">
        <v>23</v>
      </c>
      <c r="AL4771">
        <v>23</v>
      </c>
      <c r="AM4771">
        <v>23</v>
      </c>
      <c r="AN4771">
        <v>23</v>
      </c>
      <c r="AO4771">
        <v>23</v>
      </c>
      <c r="AP4771">
        <v>23</v>
      </c>
      <c r="AQ4771">
        <v>23</v>
      </c>
    </row>
    <row r="4772" spans="1:43">
      <c r="A4772" t="s">
        <v>3004</v>
      </c>
      <c r="B4772" t="s">
        <v>3005</v>
      </c>
      <c r="C4772" t="s">
        <v>2996</v>
      </c>
      <c r="D4772" t="s">
        <v>2997</v>
      </c>
      <c r="E4772" t="s">
        <v>2928</v>
      </c>
      <c r="F4772" t="s">
        <v>2929</v>
      </c>
      <c r="G4772" t="s">
        <v>80</v>
      </c>
      <c r="H4772" t="s">
        <v>81</v>
      </c>
      <c r="I4772" s="2">
        <v>1</v>
      </c>
      <c r="J4772" s="2">
        <v>0</v>
      </c>
      <c r="K4772" s="2">
        <v>0</v>
      </c>
      <c r="L4772" t="s">
        <v>120</v>
      </c>
      <c r="M4772" t="s">
        <v>89</v>
      </c>
      <c r="N4772" t="s">
        <v>90</v>
      </c>
      <c r="O4772" t="s">
        <v>85</v>
      </c>
      <c r="P4772" t="s">
        <v>86</v>
      </c>
      <c r="Q4772">
        <v>25</v>
      </c>
      <c r="R4772">
        <v>25</v>
      </c>
      <c r="S4772">
        <v>25</v>
      </c>
      <c r="T4772">
        <v>26</v>
      </c>
      <c r="U4772">
        <v>26</v>
      </c>
      <c r="V4772">
        <v>26</v>
      </c>
      <c r="W4772">
        <v>26</v>
      </c>
      <c r="X4772">
        <v>27</v>
      </c>
      <c r="Y4772">
        <v>27</v>
      </c>
      <c r="Z4772">
        <v>27</v>
      </c>
      <c r="AA4772">
        <v>27</v>
      </c>
      <c r="AB4772">
        <v>27</v>
      </c>
      <c r="AC4772">
        <v>27</v>
      </c>
      <c r="AD4772">
        <v>27</v>
      </c>
      <c r="AE4772">
        <v>27</v>
      </c>
      <c r="AF4772">
        <v>27</v>
      </c>
      <c r="AG4772">
        <v>27</v>
      </c>
      <c r="AH4772">
        <v>27</v>
      </c>
      <c r="AI4772">
        <v>27</v>
      </c>
      <c r="AJ4772">
        <v>26</v>
      </c>
      <c r="AK4772">
        <v>26</v>
      </c>
      <c r="AL4772">
        <v>26</v>
      </c>
      <c r="AM4772">
        <v>26</v>
      </c>
      <c r="AN4772">
        <v>26</v>
      </c>
      <c r="AO4772">
        <v>26</v>
      </c>
      <c r="AP4772">
        <v>25</v>
      </c>
      <c r="AQ4772">
        <v>25</v>
      </c>
    </row>
    <row r="4773" spans="1:43">
      <c r="A4773" t="s">
        <v>3004</v>
      </c>
      <c r="B4773" t="s">
        <v>3005</v>
      </c>
      <c r="C4773" t="s">
        <v>2996</v>
      </c>
      <c r="D4773" t="s">
        <v>2997</v>
      </c>
      <c r="E4773" t="s">
        <v>2928</v>
      </c>
      <c r="F4773" t="s">
        <v>2929</v>
      </c>
      <c r="G4773" t="s">
        <v>80</v>
      </c>
      <c r="H4773" t="s">
        <v>81</v>
      </c>
      <c r="I4773" s="2">
        <v>1</v>
      </c>
      <c r="J4773" s="2">
        <v>0</v>
      </c>
      <c r="K4773" s="2">
        <v>0</v>
      </c>
      <c r="L4773" t="s">
        <v>120</v>
      </c>
      <c r="M4773" t="s">
        <v>83</v>
      </c>
      <c r="N4773" t="s">
        <v>91</v>
      </c>
      <c r="O4773" t="s">
        <v>85</v>
      </c>
      <c r="P4773" t="s">
        <v>86</v>
      </c>
      <c r="Q4773">
        <v>25</v>
      </c>
      <c r="R4773">
        <v>25</v>
      </c>
      <c r="S4773">
        <v>25</v>
      </c>
      <c r="T4773">
        <v>25</v>
      </c>
      <c r="U4773">
        <v>25</v>
      </c>
      <c r="V4773">
        <v>25</v>
      </c>
      <c r="W4773">
        <v>25</v>
      </c>
      <c r="X4773">
        <v>25</v>
      </c>
      <c r="Y4773">
        <v>25</v>
      </c>
      <c r="Z4773">
        <v>25</v>
      </c>
      <c r="AA4773">
        <v>26</v>
      </c>
      <c r="AB4773">
        <v>26</v>
      </c>
      <c r="AC4773">
        <v>26</v>
      </c>
      <c r="AD4773">
        <v>26</v>
      </c>
      <c r="AE4773">
        <v>26</v>
      </c>
      <c r="AF4773">
        <v>26</v>
      </c>
      <c r="AG4773">
        <v>26</v>
      </c>
      <c r="AH4773">
        <v>26</v>
      </c>
      <c r="AI4773">
        <v>26</v>
      </c>
      <c r="AJ4773">
        <v>26</v>
      </c>
      <c r="AK4773">
        <v>26</v>
      </c>
      <c r="AL4773">
        <v>26</v>
      </c>
      <c r="AM4773">
        <v>26</v>
      </c>
      <c r="AN4773">
        <v>25</v>
      </c>
      <c r="AO4773">
        <v>25</v>
      </c>
      <c r="AP4773">
        <v>25</v>
      </c>
      <c r="AQ4773">
        <v>25</v>
      </c>
    </row>
    <row r="4774" spans="1:43">
      <c r="A4774" t="s">
        <v>3006</v>
      </c>
      <c r="B4774" t="s">
        <v>3007</v>
      </c>
      <c r="C4774" t="s">
        <v>3008</v>
      </c>
      <c r="D4774" t="s">
        <v>3009</v>
      </c>
      <c r="E4774" t="s">
        <v>2928</v>
      </c>
      <c r="F4774" t="s">
        <v>2929</v>
      </c>
      <c r="G4774" t="s">
        <v>80</v>
      </c>
      <c r="H4774" t="s">
        <v>81</v>
      </c>
      <c r="I4774" s="2">
        <v>1</v>
      </c>
      <c r="J4774" s="2">
        <v>0</v>
      </c>
      <c r="K4774" s="2">
        <v>0</v>
      </c>
      <c r="L4774" t="s">
        <v>120</v>
      </c>
      <c r="M4774" t="s">
        <v>83</v>
      </c>
      <c r="N4774" t="s">
        <v>84</v>
      </c>
      <c r="O4774" t="s">
        <v>85</v>
      </c>
      <c r="P4774" t="s">
        <v>86</v>
      </c>
      <c r="Q4774">
        <v>19</v>
      </c>
      <c r="R4774">
        <v>19</v>
      </c>
      <c r="S4774">
        <v>19</v>
      </c>
      <c r="T4774">
        <v>19</v>
      </c>
      <c r="U4774">
        <v>19</v>
      </c>
      <c r="V4774">
        <v>19</v>
      </c>
      <c r="W4774">
        <v>19</v>
      </c>
      <c r="X4774">
        <v>19</v>
      </c>
      <c r="Y4774">
        <v>19</v>
      </c>
      <c r="Z4774">
        <v>19</v>
      </c>
      <c r="AA4774">
        <v>20</v>
      </c>
      <c r="AB4774">
        <v>20</v>
      </c>
      <c r="AC4774">
        <v>20</v>
      </c>
      <c r="AD4774">
        <v>20</v>
      </c>
      <c r="AE4774">
        <v>20</v>
      </c>
      <c r="AF4774">
        <v>20</v>
      </c>
      <c r="AG4774">
        <v>20</v>
      </c>
      <c r="AH4774">
        <v>20</v>
      </c>
      <c r="AI4774">
        <v>20</v>
      </c>
      <c r="AJ4774">
        <v>20</v>
      </c>
      <c r="AK4774">
        <v>20</v>
      </c>
      <c r="AL4774">
        <v>20</v>
      </c>
      <c r="AM4774">
        <v>20</v>
      </c>
      <c r="AN4774">
        <v>19</v>
      </c>
      <c r="AO4774">
        <v>19</v>
      </c>
      <c r="AP4774">
        <v>19</v>
      </c>
      <c r="AQ4774">
        <v>19</v>
      </c>
    </row>
    <row r="4775" spans="1:43">
      <c r="A4775" t="s">
        <v>3006</v>
      </c>
      <c r="B4775" t="s">
        <v>3007</v>
      </c>
      <c r="C4775" t="s">
        <v>3008</v>
      </c>
      <c r="D4775" t="s">
        <v>3009</v>
      </c>
      <c r="E4775" t="s">
        <v>2928</v>
      </c>
      <c r="F4775" t="s">
        <v>2929</v>
      </c>
      <c r="G4775" t="s">
        <v>80</v>
      </c>
      <c r="H4775" t="s">
        <v>81</v>
      </c>
      <c r="I4775" s="2">
        <v>1</v>
      </c>
      <c r="J4775" s="2">
        <v>0</v>
      </c>
      <c r="K4775" s="2">
        <v>0</v>
      </c>
      <c r="L4775" t="s">
        <v>120</v>
      </c>
      <c r="M4775" t="s">
        <v>87</v>
      </c>
      <c r="N4775" t="s">
        <v>88</v>
      </c>
      <c r="O4775" t="s">
        <v>85</v>
      </c>
      <c r="P4775" t="s">
        <v>86</v>
      </c>
      <c r="Q4775">
        <v>19</v>
      </c>
      <c r="R4775">
        <v>19</v>
      </c>
      <c r="S4775">
        <v>18</v>
      </c>
      <c r="T4775">
        <v>18</v>
      </c>
      <c r="U4775">
        <v>18</v>
      </c>
      <c r="V4775">
        <v>18</v>
      </c>
      <c r="W4775">
        <v>18</v>
      </c>
      <c r="X4775">
        <v>18</v>
      </c>
      <c r="Y4775">
        <v>18</v>
      </c>
      <c r="Z4775">
        <v>18</v>
      </c>
      <c r="AA4775">
        <v>18</v>
      </c>
      <c r="AB4775">
        <v>18</v>
      </c>
      <c r="AC4775">
        <v>18</v>
      </c>
      <c r="AD4775">
        <v>18</v>
      </c>
      <c r="AE4775">
        <v>17</v>
      </c>
      <c r="AF4775">
        <v>17</v>
      </c>
      <c r="AG4775">
        <v>17</v>
      </c>
      <c r="AH4775">
        <v>17</v>
      </c>
      <c r="AI4775">
        <v>17</v>
      </c>
      <c r="AJ4775">
        <v>17</v>
      </c>
      <c r="AK4775">
        <v>17</v>
      </c>
      <c r="AL4775">
        <v>17</v>
      </c>
      <c r="AM4775">
        <v>17</v>
      </c>
      <c r="AN4775">
        <v>17</v>
      </c>
      <c r="AO4775">
        <v>17</v>
      </c>
      <c r="AP4775">
        <v>17</v>
      </c>
      <c r="AQ4775">
        <v>17</v>
      </c>
    </row>
    <row r="4776" spans="1:43">
      <c r="A4776" t="s">
        <v>3006</v>
      </c>
      <c r="B4776" t="s">
        <v>3007</v>
      </c>
      <c r="C4776" t="s">
        <v>3008</v>
      </c>
      <c r="D4776" t="s">
        <v>3009</v>
      </c>
      <c r="E4776" t="s">
        <v>2928</v>
      </c>
      <c r="F4776" t="s">
        <v>2929</v>
      </c>
      <c r="G4776" t="s">
        <v>80</v>
      </c>
      <c r="H4776" t="s">
        <v>81</v>
      </c>
      <c r="I4776" s="2">
        <v>1</v>
      </c>
      <c r="J4776" s="2">
        <v>0</v>
      </c>
      <c r="K4776" s="2">
        <v>0</v>
      </c>
      <c r="L4776" t="s">
        <v>120</v>
      </c>
      <c r="M4776" t="s">
        <v>89</v>
      </c>
      <c r="N4776" t="s">
        <v>90</v>
      </c>
      <c r="O4776" t="s">
        <v>85</v>
      </c>
      <c r="P4776" t="s">
        <v>86</v>
      </c>
      <c r="Q4776">
        <v>19</v>
      </c>
      <c r="R4776">
        <v>19</v>
      </c>
      <c r="S4776">
        <v>19</v>
      </c>
      <c r="T4776">
        <v>20</v>
      </c>
      <c r="U4776">
        <v>20</v>
      </c>
      <c r="V4776">
        <v>20</v>
      </c>
      <c r="W4776">
        <v>20</v>
      </c>
      <c r="X4776">
        <v>20</v>
      </c>
      <c r="Y4776">
        <v>20</v>
      </c>
      <c r="Z4776">
        <v>21</v>
      </c>
      <c r="AA4776">
        <v>21</v>
      </c>
      <c r="AB4776">
        <v>21</v>
      </c>
      <c r="AC4776">
        <v>21</v>
      </c>
      <c r="AD4776">
        <v>21</v>
      </c>
      <c r="AE4776">
        <v>21</v>
      </c>
      <c r="AF4776">
        <v>21</v>
      </c>
      <c r="AG4776">
        <v>21</v>
      </c>
      <c r="AH4776">
        <v>20</v>
      </c>
      <c r="AI4776">
        <v>20</v>
      </c>
      <c r="AJ4776">
        <v>20</v>
      </c>
      <c r="AK4776">
        <v>20</v>
      </c>
      <c r="AL4776">
        <v>20</v>
      </c>
      <c r="AM4776">
        <v>20</v>
      </c>
      <c r="AN4776">
        <v>20</v>
      </c>
      <c r="AO4776">
        <v>19</v>
      </c>
      <c r="AP4776">
        <v>19</v>
      </c>
      <c r="AQ4776">
        <v>19</v>
      </c>
    </row>
    <row r="4777" spans="1:43">
      <c r="A4777" t="s">
        <v>3006</v>
      </c>
      <c r="B4777" t="s">
        <v>3007</v>
      </c>
      <c r="C4777" t="s">
        <v>3008</v>
      </c>
      <c r="D4777" t="s">
        <v>3009</v>
      </c>
      <c r="E4777" t="s">
        <v>2928</v>
      </c>
      <c r="F4777" t="s">
        <v>2929</v>
      </c>
      <c r="G4777" t="s">
        <v>80</v>
      </c>
      <c r="H4777" t="s">
        <v>81</v>
      </c>
      <c r="I4777" s="2">
        <v>1</v>
      </c>
      <c r="J4777" s="2">
        <v>0</v>
      </c>
      <c r="K4777" s="2">
        <v>0</v>
      </c>
      <c r="L4777" t="s">
        <v>120</v>
      </c>
      <c r="M4777" t="s">
        <v>83</v>
      </c>
      <c r="N4777" t="s">
        <v>91</v>
      </c>
      <c r="O4777" t="s">
        <v>85</v>
      </c>
      <c r="P4777" t="s">
        <v>86</v>
      </c>
      <c r="Q4777">
        <v>19</v>
      </c>
      <c r="R4777">
        <v>19</v>
      </c>
      <c r="S4777">
        <v>19</v>
      </c>
      <c r="T4777">
        <v>19</v>
      </c>
      <c r="U4777">
        <v>19</v>
      </c>
      <c r="V4777">
        <v>19</v>
      </c>
      <c r="W4777">
        <v>19</v>
      </c>
      <c r="X4777">
        <v>19</v>
      </c>
      <c r="Y4777">
        <v>19</v>
      </c>
      <c r="Z4777">
        <v>19</v>
      </c>
      <c r="AA4777">
        <v>20</v>
      </c>
      <c r="AB4777">
        <v>20</v>
      </c>
      <c r="AC4777">
        <v>20</v>
      </c>
      <c r="AD4777">
        <v>20</v>
      </c>
      <c r="AE4777">
        <v>20</v>
      </c>
      <c r="AF4777">
        <v>20</v>
      </c>
      <c r="AG4777">
        <v>20</v>
      </c>
      <c r="AH4777">
        <v>20</v>
      </c>
      <c r="AI4777">
        <v>20</v>
      </c>
      <c r="AJ4777">
        <v>20</v>
      </c>
      <c r="AK4777">
        <v>20</v>
      </c>
      <c r="AL4777">
        <v>20</v>
      </c>
      <c r="AM4777">
        <v>20</v>
      </c>
      <c r="AN4777">
        <v>19</v>
      </c>
      <c r="AO4777">
        <v>19</v>
      </c>
      <c r="AP4777">
        <v>19</v>
      </c>
      <c r="AQ4777">
        <v>19</v>
      </c>
    </row>
    <row r="4778" spans="1:43">
      <c r="A4778" t="s">
        <v>3010</v>
      </c>
      <c r="B4778" t="s">
        <v>3011</v>
      </c>
      <c r="C4778" t="s">
        <v>3008</v>
      </c>
      <c r="D4778" t="s">
        <v>3009</v>
      </c>
      <c r="E4778" t="s">
        <v>2928</v>
      </c>
      <c r="F4778" t="s">
        <v>2929</v>
      </c>
      <c r="G4778" t="s">
        <v>80</v>
      </c>
      <c r="H4778" t="s">
        <v>81</v>
      </c>
      <c r="I4778" s="2">
        <v>1</v>
      </c>
      <c r="J4778" s="2">
        <v>0</v>
      </c>
      <c r="K4778" s="2">
        <v>0</v>
      </c>
      <c r="L4778" t="s">
        <v>120</v>
      </c>
      <c r="M4778" t="s">
        <v>83</v>
      </c>
      <c r="N4778" t="s">
        <v>84</v>
      </c>
      <c r="O4778" t="s">
        <v>85</v>
      </c>
      <c r="P4778" t="s">
        <v>86</v>
      </c>
      <c r="Q4778">
        <v>10</v>
      </c>
      <c r="R4778">
        <v>10</v>
      </c>
      <c r="S4778">
        <v>10</v>
      </c>
      <c r="T4778">
        <v>10</v>
      </c>
      <c r="U4778">
        <v>10</v>
      </c>
      <c r="V4778">
        <v>10</v>
      </c>
      <c r="W4778">
        <v>10</v>
      </c>
      <c r="X4778">
        <v>10</v>
      </c>
      <c r="Y4778">
        <v>10</v>
      </c>
      <c r="Z4778">
        <v>10</v>
      </c>
      <c r="AA4778">
        <v>10</v>
      </c>
      <c r="AB4778">
        <v>10</v>
      </c>
      <c r="AC4778">
        <v>10</v>
      </c>
      <c r="AD4778">
        <v>11</v>
      </c>
      <c r="AE4778">
        <v>11</v>
      </c>
      <c r="AF4778">
        <v>11</v>
      </c>
      <c r="AG4778">
        <v>11</v>
      </c>
      <c r="AH4778">
        <v>11</v>
      </c>
      <c r="AI4778">
        <v>11</v>
      </c>
      <c r="AJ4778">
        <v>11</v>
      </c>
      <c r="AK4778">
        <v>11</v>
      </c>
      <c r="AL4778">
        <v>11</v>
      </c>
      <c r="AM4778">
        <v>10</v>
      </c>
      <c r="AN4778">
        <v>10</v>
      </c>
      <c r="AO4778">
        <v>10</v>
      </c>
      <c r="AP4778">
        <v>10</v>
      </c>
      <c r="AQ4778">
        <v>10</v>
      </c>
    </row>
    <row r="4779" spans="1:43">
      <c r="A4779" t="s">
        <v>3010</v>
      </c>
      <c r="B4779" t="s">
        <v>3011</v>
      </c>
      <c r="C4779" t="s">
        <v>3008</v>
      </c>
      <c r="D4779" t="s">
        <v>3009</v>
      </c>
      <c r="E4779" t="s">
        <v>2928</v>
      </c>
      <c r="F4779" t="s">
        <v>2929</v>
      </c>
      <c r="G4779" t="s">
        <v>80</v>
      </c>
      <c r="H4779" t="s">
        <v>81</v>
      </c>
      <c r="I4779" s="2">
        <v>1</v>
      </c>
      <c r="J4779" s="2">
        <v>0</v>
      </c>
      <c r="K4779" s="2">
        <v>0</v>
      </c>
      <c r="L4779" t="s">
        <v>120</v>
      </c>
      <c r="M4779" t="s">
        <v>87</v>
      </c>
      <c r="N4779" t="s">
        <v>88</v>
      </c>
      <c r="O4779" t="s">
        <v>85</v>
      </c>
      <c r="P4779" t="s">
        <v>86</v>
      </c>
      <c r="Q4779">
        <v>10</v>
      </c>
      <c r="R4779">
        <v>10</v>
      </c>
      <c r="S4779">
        <v>10</v>
      </c>
      <c r="T4779">
        <v>10</v>
      </c>
      <c r="U4779">
        <v>10</v>
      </c>
      <c r="V4779">
        <v>10</v>
      </c>
      <c r="W4779">
        <v>10</v>
      </c>
      <c r="X4779">
        <v>10</v>
      </c>
      <c r="Y4779">
        <v>10</v>
      </c>
      <c r="Z4779">
        <v>10</v>
      </c>
      <c r="AA4779">
        <v>10</v>
      </c>
      <c r="AB4779">
        <v>10</v>
      </c>
      <c r="AC4779">
        <v>9</v>
      </c>
      <c r="AD4779">
        <v>9</v>
      </c>
      <c r="AE4779">
        <v>9</v>
      </c>
      <c r="AF4779">
        <v>9</v>
      </c>
      <c r="AG4779">
        <v>9</v>
      </c>
      <c r="AH4779">
        <v>9</v>
      </c>
      <c r="AI4779">
        <v>9</v>
      </c>
      <c r="AJ4779">
        <v>9</v>
      </c>
      <c r="AK4779">
        <v>9</v>
      </c>
      <c r="AL4779">
        <v>9</v>
      </c>
      <c r="AM4779">
        <v>9</v>
      </c>
      <c r="AN4779">
        <v>9</v>
      </c>
      <c r="AO4779">
        <v>9</v>
      </c>
      <c r="AP4779">
        <v>9</v>
      </c>
      <c r="AQ4779">
        <v>9</v>
      </c>
    </row>
    <row r="4780" spans="1:43">
      <c r="A4780" t="s">
        <v>3010</v>
      </c>
      <c r="B4780" t="s">
        <v>3011</v>
      </c>
      <c r="C4780" t="s">
        <v>3008</v>
      </c>
      <c r="D4780" t="s">
        <v>3009</v>
      </c>
      <c r="E4780" t="s">
        <v>2928</v>
      </c>
      <c r="F4780" t="s">
        <v>2929</v>
      </c>
      <c r="G4780" t="s">
        <v>80</v>
      </c>
      <c r="H4780" t="s">
        <v>81</v>
      </c>
      <c r="I4780" s="2">
        <v>1</v>
      </c>
      <c r="J4780" s="2">
        <v>0</v>
      </c>
      <c r="K4780" s="2">
        <v>0</v>
      </c>
      <c r="L4780" t="s">
        <v>120</v>
      </c>
      <c r="M4780" t="s">
        <v>89</v>
      </c>
      <c r="N4780" t="s">
        <v>90</v>
      </c>
      <c r="O4780" t="s">
        <v>85</v>
      </c>
      <c r="P4780" t="s">
        <v>86</v>
      </c>
      <c r="Q4780">
        <v>10</v>
      </c>
      <c r="R4780">
        <v>10</v>
      </c>
      <c r="S4780">
        <v>10</v>
      </c>
      <c r="T4780">
        <v>11</v>
      </c>
      <c r="U4780">
        <v>11</v>
      </c>
      <c r="V4780">
        <v>11</v>
      </c>
      <c r="W4780">
        <v>11</v>
      </c>
      <c r="X4780">
        <v>11</v>
      </c>
      <c r="Y4780">
        <v>11</v>
      </c>
      <c r="Z4780">
        <v>11</v>
      </c>
      <c r="AA4780">
        <v>11</v>
      </c>
      <c r="AB4780">
        <v>11</v>
      </c>
      <c r="AC4780">
        <v>11</v>
      </c>
      <c r="AD4780">
        <v>11</v>
      </c>
      <c r="AE4780">
        <v>11</v>
      </c>
      <c r="AF4780">
        <v>11</v>
      </c>
      <c r="AG4780">
        <v>11</v>
      </c>
      <c r="AH4780">
        <v>11</v>
      </c>
      <c r="AI4780">
        <v>11</v>
      </c>
      <c r="AJ4780">
        <v>11</v>
      </c>
      <c r="AK4780">
        <v>11</v>
      </c>
      <c r="AL4780">
        <v>11</v>
      </c>
      <c r="AM4780">
        <v>11</v>
      </c>
      <c r="AN4780">
        <v>10</v>
      </c>
      <c r="AO4780">
        <v>10</v>
      </c>
      <c r="AP4780">
        <v>10</v>
      </c>
      <c r="AQ4780">
        <v>10</v>
      </c>
    </row>
    <row r="4781" spans="1:43">
      <c r="A4781" t="s">
        <v>3010</v>
      </c>
      <c r="B4781" t="s">
        <v>3011</v>
      </c>
      <c r="C4781" t="s">
        <v>3008</v>
      </c>
      <c r="D4781" t="s">
        <v>3009</v>
      </c>
      <c r="E4781" t="s">
        <v>2928</v>
      </c>
      <c r="F4781" t="s">
        <v>2929</v>
      </c>
      <c r="G4781" t="s">
        <v>80</v>
      </c>
      <c r="H4781" t="s">
        <v>81</v>
      </c>
      <c r="I4781" s="2">
        <v>1</v>
      </c>
      <c r="J4781" s="2">
        <v>0</v>
      </c>
      <c r="K4781" s="2">
        <v>0</v>
      </c>
      <c r="L4781" t="s">
        <v>120</v>
      </c>
      <c r="M4781" t="s">
        <v>83</v>
      </c>
      <c r="N4781" t="s">
        <v>91</v>
      </c>
      <c r="O4781" t="s">
        <v>85</v>
      </c>
      <c r="P4781" t="s">
        <v>86</v>
      </c>
      <c r="Q4781">
        <v>10</v>
      </c>
      <c r="R4781">
        <v>10</v>
      </c>
      <c r="S4781">
        <v>10</v>
      </c>
      <c r="T4781">
        <v>10</v>
      </c>
      <c r="U4781">
        <v>10</v>
      </c>
      <c r="V4781">
        <v>10</v>
      </c>
      <c r="W4781">
        <v>10</v>
      </c>
      <c r="X4781">
        <v>10</v>
      </c>
      <c r="Y4781">
        <v>10</v>
      </c>
      <c r="Z4781">
        <v>10</v>
      </c>
      <c r="AA4781">
        <v>10</v>
      </c>
      <c r="AB4781">
        <v>10</v>
      </c>
      <c r="AC4781">
        <v>10</v>
      </c>
      <c r="AD4781">
        <v>11</v>
      </c>
      <c r="AE4781">
        <v>11</v>
      </c>
      <c r="AF4781">
        <v>11</v>
      </c>
      <c r="AG4781">
        <v>11</v>
      </c>
      <c r="AH4781">
        <v>11</v>
      </c>
      <c r="AI4781">
        <v>11</v>
      </c>
      <c r="AJ4781">
        <v>11</v>
      </c>
      <c r="AK4781">
        <v>11</v>
      </c>
      <c r="AL4781">
        <v>11</v>
      </c>
      <c r="AM4781">
        <v>10</v>
      </c>
      <c r="AN4781">
        <v>10</v>
      </c>
      <c r="AO4781">
        <v>10</v>
      </c>
      <c r="AP4781">
        <v>10</v>
      </c>
      <c r="AQ4781">
        <v>10</v>
      </c>
    </row>
    <row r="4782" spans="1:43">
      <c r="A4782" t="s">
        <v>3012</v>
      </c>
      <c r="B4782" t="s">
        <v>3013</v>
      </c>
      <c r="C4782" t="s">
        <v>3008</v>
      </c>
      <c r="D4782" t="s">
        <v>3009</v>
      </c>
      <c r="E4782" t="s">
        <v>2928</v>
      </c>
      <c r="F4782" t="s">
        <v>2929</v>
      </c>
      <c r="G4782" t="s">
        <v>80</v>
      </c>
      <c r="H4782" t="s">
        <v>81</v>
      </c>
      <c r="I4782" s="2">
        <v>1</v>
      </c>
      <c r="J4782" s="2">
        <v>0</v>
      </c>
      <c r="K4782" s="2">
        <v>0</v>
      </c>
      <c r="L4782" t="s">
        <v>120</v>
      </c>
      <c r="M4782" t="s">
        <v>83</v>
      </c>
      <c r="N4782" t="s">
        <v>84</v>
      </c>
      <c r="O4782" t="s">
        <v>85</v>
      </c>
      <c r="P4782" t="s">
        <v>86</v>
      </c>
      <c r="Q4782">
        <v>21</v>
      </c>
      <c r="R4782">
        <v>21</v>
      </c>
      <c r="S4782">
        <v>22</v>
      </c>
      <c r="T4782">
        <v>22</v>
      </c>
      <c r="U4782">
        <v>22</v>
      </c>
      <c r="V4782">
        <v>22</v>
      </c>
      <c r="W4782">
        <v>22</v>
      </c>
      <c r="X4782">
        <v>22</v>
      </c>
      <c r="Y4782">
        <v>22</v>
      </c>
      <c r="Z4782">
        <v>22</v>
      </c>
      <c r="AA4782">
        <v>22</v>
      </c>
      <c r="AB4782">
        <v>22</v>
      </c>
      <c r="AC4782">
        <v>22</v>
      </c>
      <c r="AD4782">
        <v>22</v>
      </c>
      <c r="AE4782">
        <v>22</v>
      </c>
      <c r="AF4782">
        <v>22</v>
      </c>
      <c r="AG4782">
        <v>22</v>
      </c>
      <c r="AH4782">
        <v>22</v>
      </c>
      <c r="AI4782">
        <v>22</v>
      </c>
      <c r="AJ4782">
        <v>22</v>
      </c>
      <c r="AK4782">
        <v>22</v>
      </c>
      <c r="AL4782">
        <v>22</v>
      </c>
      <c r="AM4782">
        <v>22</v>
      </c>
      <c r="AN4782">
        <v>22</v>
      </c>
      <c r="AO4782">
        <v>22</v>
      </c>
      <c r="AP4782">
        <v>22</v>
      </c>
      <c r="AQ4782">
        <v>21</v>
      </c>
    </row>
    <row r="4783" spans="1:43">
      <c r="A4783" t="s">
        <v>3012</v>
      </c>
      <c r="B4783" t="s">
        <v>3013</v>
      </c>
      <c r="C4783" t="s">
        <v>3008</v>
      </c>
      <c r="D4783" t="s">
        <v>3009</v>
      </c>
      <c r="E4783" t="s">
        <v>2928</v>
      </c>
      <c r="F4783" t="s">
        <v>2929</v>
      </c>
      <c r="G4783" t="s">
        <v>80</v>
      </c>
      <c r="H4783" t="s">
        <v>81</v>
      </c>
      <c r="I4783" s="2">
        <v>1</v>
      </c>
      <c r="J4783" s="2">
        <v>0</v>
      </c>
      <c r="K4783" s="2">
        <v>0</v>
      </c>
      <c r="L4783" t="s">
        <v>120</v>
      </c>
      <c r="M4783" t="s">
        <v>87</v>
      </c>
      <c r="N4783" t="s">
        <v>88</v>
      </c>
      <c r="O4783" t="s">
        <v>85</v>
      </c>
      <c r="P4783" t="s">
        <v>86</v>
      </c>
      <c r="Q4783">
        <v>21</v>
      </c>
      <c r="R4783">
        <v>21</v>
      </c>
      <c r="S4783">
        <v>21</v>
      </c>
      <c r="T4783">
        <v>21</v>
      </c>
      <c r="U4783">
        <v>21</v>
      </c>
      <c r="V4783">
        <v>21</v>
      </c>
      <c r="W4783">
        <v>21</v>
      </c>
      <c r="X4783">
        <v>21</v>
      </c>
      <c r="Y4783">
        <v>20</v>
      </c>
      <c r="Z4783">
        <v>20</v>
      </c>
      <c r="AA4783">
        <v>20</v>
      </c>
      <c r="AB4783">
        <v>20</v>
      </c>
      <c r="AC4783">
        <v>20</v>
      </c>
      <c r="AD4783">
        <v>20</v>
      </c>
      <c r="AE4783">
        <v>20</v>
      </c>
      <c r="AF4783">
        <v>20</v>
      </c>
      <c r="AG4783">
        <v>20</v>
      </c>
      <c r="AH4783">
        <v>20</v>
      </c>
      <c r="AI4783">
        <v>19</v>
      </c>
      <c r="AJ4783">
        <v>19</v>
      </c>
      <c r="AK4783">
        <v>19</v>
      </c>
      <c r="AL4783">
        <v>19</v>
      </c>
      <c r="AM4783">
        <v>19</v>
      </c>
      <c r="AN4783">
        <v>19</v>
      </c>
      <c r="AO4783">
        <v>19</v>
      </c>
      <c r="AP4783">
        <v>19</v>
      </c>
      <c r="AQ4783">
        <v>19</v>
      </c>
    </row>
    <row r="4784" spans="1:43">
      <c r="A4784" t="s">
        <v>3012</v>
      </c>
      <c r="B4784" t="s">
        <v>3013</v>
      </c>
      <c r="C4784" t="s">
        <v>3008</v>
      </c>
      <c r="D4784" t="s">
        <v>3009</v>
      </c>
      <c r="E4784" t="s">
        <v>2928</v>
      </c>
      <c r="F4784" t="s">
        <v>2929</v>
      </c>
      <c r="G4784" t="s">
        <v>80</v>
      </c>
      <c r="H4784" t="s">
        <v>81</v>
      </c>
      <c r="I4784" s="2">
        <v>1</v>
      </c>
      <c r="J4784" s="2">
        <v>0</v>
      </c>
      <c r="K4784" s="2">
        <v>0</v>
      </c>
      <c r="L4784" t="s">
        <v>120</v>
      </c>
      <c r="M4784" t="s">
        <v>89</v>
      </c>
      <c r="N4784" t="s">
        <v>90</v>
      </c>
      <c r="O4784" t="s">
        <v>85</v>
      </c>
      <c r="P4784" t="s">
        <v>86</v>
      </c>
      <c r="Q4784">
        <v>21</v>
      </c>
      <c r="R4784">
        <v>21</v>
      </c>
      <c r="S4784">
        <v>21</v>
      </c>
      <c r="T4784">
        <v>21</v>
      </c>
      <c r="U4784">
        <v>22</v>
      </c>
      <c r="V4784">
        <v>22</v>
      </c>
      <c r="W4784">
        <v>22</v>
      </c>
      <c r="X4784">
        <v>22</v>
      </c>
      <c r="Y4784">
        <v>22</v>
      </c>
      <c r="Z4784">
        <v>22</v>
      </c>
      <c r="AA4784">
        <v>23</v>
      </c>
      <c r="AB4784">
        <v>23</v>
      </c>
      <c r="AC4784">
        <v>23</v>
      </c>
      <c r="AD4784">
        <v>23</v>
      </c>
      <c r="AE4784">
        <v>23</v>
      </c>
      <c r="AF4784">
        <v>23</v>
      </c>
      <c r="AG4784">
        <v>22</v>
      </c>
      <c r="AH4784">
        <v>22</v>
      </c>
      <c r="AI4784">
        <v>22</v>
      </c>
      <c r="AJ4784">
        <v>22</v>
      </c>
      <c r="AK4784">
        <v>22</v>
      </c>
      <c r="AL4784">
        <v>22</v>
      </c>
      <c r="AM4784">
        <v>21</v>
      </c>
      <c r="AN4784">
        <v>21</v>
      </c>
      <c r="AO4784">
        <v>21</v>
      </c>
      <c r="AP4784">
        <v>21</v>
      </c>
      <c r="AQ4784">
        <v>21</v>
      </c>
    </row>
    <row r="4785" spans="1:43">
      <c r="A4785" t="s">
        <v>3012</v>
      </c>
      <c r="B4785" t="s">
        <v>3013</v>
      </c>
      <c r="C4785" t="s">
        <v>3008</v>
      </c>
      <c r="D4785" t="s">
        <v>3009</v>
      </c>
      <c r="E4785" t="s">
        <v>2928</v>
      </c>
      <c r="F4785" t="s">
        <v>2929</v>
      </c>
      <c r="G4785" t="s">
        <v>80</v>
      </c>
      <c r="H4785" t="s">
        <v>81</v>
      </c>
      <c r="I4785" s="2">
        <v>1</v>
      </c>
      <c r="J4785" s="2">
        <v>0</v>
      </c>
      <c r="K4785" s="2">
        <v>0</v>
      </c>
      <c r="L4785" t="s">
        <v>120</v>
      </c>
      <c r="M4785" t="s">
        <v>83</v>
      </c>
      <c r="N4785" t="s">
        <v>91</v>
      </c>
      <c r="O4785" t="s">
        <v>85</v>
      </c>
      <c r="P4785" t="s">
        <v>86</v>
      </c>
      <c r="Q4785">
        <v>21</v>
      </c>
      <c r="R4785">
        <v>21</v>
      </c>
      <c r="S4785">
        <v>22</v>
      </c>
      <c r="T4785">
        <v>22</v>
      </c>
      <c r="U4785">
        <v>22</v>
      </c>
      <c r="V4785">
        <v>22</v>
      </c>
      <c r="W4785">
        <v>22</v>
      </c>
      <c r="X4785">
        <v>22</v>
      </c>
      <c r="Y4785">
        <v>22</v>
      </c>
      <c r="Z4785">
        <v>22</v>
      </c>
      <c r="AA4785">
        <v>22</v>
      </c>
      <c r="AB4785">
        <v>22</v>
      </c>
      <c r="AC4785">
        <v>22</v>
      </c>
      <c r="AD4785">
        <v>22</v>
      </c>
      <c r="AE4785">
        <v>22</v>
      </c>
      <c r="AF4785">
        <v>22</v>
      </c>
      <c r="AG4785">
        <v>22</v>
      </c>
      <c r="AH4785">
        <v>22</v>
      </c>
      <c r="AI4785">
        <v>22</v>
      </c>
      <c r="AJ4785">
        <v>22</v>
      </c>
      <c r="AK4785">
        <v>22</v>
      </c>
      <c r="AL4785">
        <v>22</v>
      </c>
      <c r="AM4785">
        <v>22</v>
      </c>
      <c r="AN4785">
        <v>22</v>
      </c>
      <c r="AO4785">
        <v>22</v>
      </c>
      <c r="AP4785">
        <v>22</v>
      </c>
      <c r="AQ4785">
        <v>21</v>
      </c>
    </row>
    <row r="4786" spans="1:43">
      <c r="A4786" t="s">
        <v>3014</v>
      </c>
      <c r="B4786" t="s">
        <v>3015</v>
      </c>
      <c r="C4786" t="s">
        <v>2996</v>
      </c>
      <c r="D4786" t="s">
        <v>2997</v>
      </c>
      <c r="E4786" t="s">
        <v>2928</v>
      </c>
      <c r="F4786" t="s">
        <v>2929</v>
      </c>
      <c r="G4786" t="s">
        <v>80</v>
      </c>
      <c r="H4786" t="s">
        <v>81</v>
      </c>
      <c r="I4786" s="2">
        <v>1</v>
      </c>
      <c r="J4786" s="2">
        <v>0</v>
      </c>
      <c r="K4786" s="2">
        <v>0</v>
      </c>
      <c r="L4786" t="s">
        <v>120</v>
      </c>
      <c r="M4786" t="s">
        <v>83</v>
      </c>
      <c r="N4786" t="s">
        <v>84</v>
      </c>
      <c r="O4786" t="s">
        <v>85</v>
      </c>
      <c r="P4786" t="s">
        <v>86</v>
      </c>
      <c r="Q4786">
        <v>23</v>
      </c>
      <c r="R4786">
        <v>23</v>
      </c>
      <c r="S4786">
        <v>23</v>
      </c>
      <c r="T4786">
        <v>23</v>
      </c>
      <c r="U4786">
        <v>23</v>
      </c>
      <c r="V4786">
        <v>23</v>
      </c>
      <c r="W4786">
        <v>23</v>
      </c>
      <c r="X4786">
        <v>24</v>
      </c>
      <c r="Y4786">
        <v>24</v>
      </c>
      <c r="Z4786">
        <v>24</v>
      </c>
      <c r="AA4786">
        <v>24</v>
      </c>
      <c r="AB4786">
        <v>24</v>
      </c>
      <c r="AC4786">
        <v>24</v>
      </c>
      <c r="AD4786">
        <v>24</v>
      </c>
      <c r="AE4786">
        <v>24</v>
      </c>
      <c r="AF4786">
        <v>24</v>
      </c>
      <c r="AG4786">
        <v>24</v>
      </c>
      <c r="AH4786">
        <v>24</v>
      </c>
      <c r="AI4786">
        <v>24</v>
      </c>
      <c r="AJ4786">
        <v>24</v>
      </c>
      <c r="AK4786">
        <v>24</v>
      </c>
      <c r="AL4786">
        <v>24</v>
      </c>
      <c r="AM4786">
        <v>24</v>
      </c>
      <c r="AN4786">
        <v>24</v>
      </c>
      <c r="AO4786">
        <v>24</v>
      </c>
      <c r="AP4786">
        <v>24</v>
      </c>
      <c r="AQ4786">
        <v>24</v>
      </c>
    </row>
    <row r="4787" spans="1:43">
      <c r="A4787" t="s">
        <v>3014</v>
      </c>
      <c r="B4787" t="s">
        <v>3015</v>
      </c>
      <c r="C4787" t="s">
        <v>2996</v>
      </c>
      <c r="D4787" t="s">
        <v>2997</v>
      </c>
      <c r="E4787" t="s">
        <v>2928</v>
      </c>
      <c r="F4787" t="s">
        <v>2929</v>
      </c>
      <c r="G4787" t="s">
        <v>80</v>
      </c>
      <c r="H4787" t="s">
        <v>81</v>
      </c>
      <c r="I4787" s="2">
        <v>1</v>
      </c>
      <c r="J4787" s="2">
        <v>0</v>
      </c>
      <c r="K4787" s="2">
        <v>0</v>
      </c>
      <c r="L4787" t="s">
        <v>120</v>
      </c>
      <c r="M4787" t="s">
        <v>87</v>
      </c>
      <c r="N4787" t="s">
        <v>88</v>
      </c>
      <c r="O4787" t="s">
        <v>85</v>
      </c>
      <c r="P4787" t="s">
        <v>86</v>
      </c>
      <c r="Q4787">
        <v>23</v>
      </c>
      <c r="R4787">
        <v>23</v>
      </c>
      <c r="S4787">
        <v>22</v>
      </c>
      <c r="T4787">
        <v>22</v>
      </c>
      <c r="U4787">
        <v>22</v>
      </c>
      <c r="V4787">
        <v>22</v>
      </c>
      <c r="W4787">
        <v>22</v>
      </c>
      <c r="X4787">
        <v>22</v>
      </c>
      <c r="Y4787">
        <v>22</v>
      </c>
      <c r="Z4787">
        <v>22</v>
      </c>
      <c r="AA4787">
        <v>22</v>
      </c>
      <c r="AB4787">
        <v>22</v>
      </c>
      <c r="AC4787">
        <v>22</v>
      </c>
      <c r="AD4787">
        <v>21</v>
      </c>
      <c r="AE4787">
        <v>21</v>
      </c>
      <c r="AF4787">
        <v>21</v>
      </c>
      <c r="AG4787">
        <v>21</v>
      </c>
      <c r="AH4787">
        <v>21</v>
      </c>
      <c r="AI4787">
        <v>21</v>
      </c>
      <c r="AJ4787">
        <v>21</v>
      </c>
      <c r="AK4787">
        <v>21</v>
      </c>
      <c r="AL4787">
        <v>21</v>
      </c>
      <c r="AM4787">
        <v>21</v>
      </c>
      <c r="AN4787">
        <v>21</v>
      </c>
      <c r="AO4787">
        <v>21</v>
      </c>
      <c r="AP4787">
        <v>21</v>
      </c>
      <c r="AQ4787">
        <v>20</v>
      </c>
    </row>
    <row r="4788" spans="1:43">
      <c r="A4788" t="s">
        <v>3014</v>
      </c>
      <c r="B4788" t="s">
        <v>3015</v>
      </c>
      <c r="C4788" t="s">
        <v>2996</v>
      </c>
      <c r="D4788" t="s">
        <v>2997</v>
      </c>
      <c r="E4788" t="s">
        <v>2928</v>
      </c>
      <c r="F4788" t="s">
        <v>2929</v>
      </c>
      <c r="G4788" t="s">
        <v>80</v>
      </c>
      <c r="H4788" t="s">
        <v>81</v>
      </c>
      <c r="I4788" s="2">
        <v>1</v>
      </c>
      <c r="J4788" s="2">
        <v>0</v>
      </c>
      <c r="K4788" s="2">
        <v>0</v>
      </c>
      <c r="L4788" t="s">
        <v>120</v>
      </c>
      <c r="M4788" t="s">
        <v>89</v>
      </c>
      <c r="N4788" t="s">
        <v>90</v>
      </c>
      <c r="O4788" t="s">
        <v>85</v>
      </c>
      <c r="P4788" t="s">
        <v>86</v>
      </c>
      <c r="Q4788">
        <v>23</v>
      </c>
      <c r="R4788">
        <v>23</v>
      </c>
      <c r="S4788">
        <v>24</v>
      </c>
      <c r="T4788">
        <v>24</v>
      </c>
      <c r="U4788">
        <v>24</v>
      </c>
      <c r="V4788">
        <v>24</v>
      </c>
      <c r="W4788">
        <v>25</v>
      </c>
      <c r="X4788">
        <v>25</v>
      </c>
      <c r="Y4788">
        <v>25</v>
      </c>
      <c r="Z4788">
        <v>25</v>
      </c>
      <c r="AA4788">
        <v>25</v>
      </c>
      <c r="AB4788">
        <v>25</v>
      </c>
      <c r="AC4788">
        <v>26</v>
      </c>
      <c r="AD4788">
        <v>26</v>
      </c>
      <c r="AE4788">
        <v>26</v>
      </c>
      <c r="AF4788">
        <v>26</v>
      </c>
      <c r="AG4788">
        <v>25</v>
      </c>
      <c r="AH4788">
        <v>25</v>
      </c>
      <c r="AI4788">
        <v>25</v>
      </c>
      <c r="AJ4788">
        <v>25</v>
      </c>
      <c r="AK4788">
        <v>25</v>
      </c>
      <c r="AL4788">
        <v>25</v>
      </c>
      <c r="AM4788">
        <v>24</v>
      </c>
      <c r="AN4788">
        <v>24</v>
      </c>
      <c r="AO4788">
        <v>24</v>
      </c>
      <c r="AP4788">
        <v>24</v>
      </c>
      <c r="AQ4788">
        <v>24</v>
      </c>
    </row>
    <row r="4789" spans="1:43">
      <c r="A4789" t="s">
        <v>3014</v>
      </c>
      <c r="B4789" t="s">
        <v>3015</v>
      </c>
      <c r="C4789" t="s">
        <v>2996</v>
      </c>
      <c r="D4789" t="s">
        <v>2997</v>
      </c>
      <c r="E4789" t="s">
        <v>2928</v>
      </c>
      <c r="F4789" t="s">
        <v>2929</v>
      </c>
      <c r="G4789" t="s">
        <v>80</v>
      </c>
      <c r="H4789" t="s">
        <v>81</v>
      </c>
      <c r="I4789" s="2">
        <v>1</v>
      </c>
      <c r="J4789" s="2">
        <v>0</v>
      </c>
      <c r="K4789" s="2">
        <v>0</v>
      </c>
      <c r="L4789" t="s">
        <v>120</v>
      </c>
      <c r="M4789" t="s">
        <v>83</v>
      </c>
      <c r="N4789" t="s">
        <v>91</v>
      </c>
      <c r="O4789" t="s">
        <v>85</v>
      </c>
      <c r="P4789" t="s">
        <v>86</v>
      </c>
      <c r="Q4789">
        <v>23</v>
      </c>
      <c r="R4789">
        <v>23</v>
      </c>
      <c r="S4789">
        <v>23</v>
      </c>
      <c r="T4789">
        <v>23</v>
      </c>
      <c r="U4789">
        <v>23</v>
      </c>
      <c r="V4789">
        <v>23</v>
      </c>
      <c r="W4789">
        <v>23</v>
      </c>
      <c r="X4789">
        <v>24</v>
      </c>
      <c r="Y4789">
        <v>24</v>
      </c>
      <c r="Z4789">
        <v>24</v>
      </c>
      <c r="AA4789">
        <v>24</v>
      </c>
      <c r="AB4789">
        <v>24</v>
      </c>
      <c r="AC4789">
        <v>24</v>
      </c>
      <c r="AD4789">
        <v>24</v>
      </c>
      <c r="AE4789">
        <v>24</v>
      </c>
      <c r="AF4789">
        <v>24</v>
      </c>
      <c r="AG4789">
        <v>24</v>
      </c>
      <c r="AH4789">
        <v>24</v>
      </c>
      <c r="AI4789">
        <v>24</v>
      </c>
      <c r="AJ4789">
        <v>24</v>
      </c>
      <c r="AK4789">
        <v>24</v>
      </c>
      <c r="AL4789">
        <v>24</v>
      </c>
      <c r="AM4789">
        <v>24</v>
      </c>
      <c r="AN4789">
        <v>24</v>
      </c>
      <c r="AO4789">
        <v>24</v>
      </c>
      <c r="AP4789">
        <v>24</v>
      </c>
      <c r="AQ4789">
        <v>24</v>
      </c>
    </row>
    <row r="4790" spans="1:43">
      <c r="A4790" t="s">
        <v>3016</v>
      </c>
      <c r="B4790" t="s">
        <v>3017</v>
      </c>
      <c r="C4790" t="s">
        <v>3018</v>
      </c>
      <c r="D4790" t="s">
        <v>3019</v>
      </c>
      <c r="E4790" t="s">
        <v>2928</v>
      </c>
      <c r="F4790" t="s">
        <v>2929</v>
      </c>
      <c r="G4790" t="s">
        <v>80</v>
      </c>
      <c r="H4790" t="s">
        <v>81</v>
      </c>
      <c r="I4790" s="2">
        <v>1</v>
      </c>
      <c r="J4790" s="2">
        <v>0</v>
      </c>
      <c r="K4790" s="2">
        <v>0</v>
      </c>
      <c r="L4790" t="s">
        <v>120</v>
      </c>
      <c r="M4790" t="s">
        <v>83</v>
      </c>
      <c r="N4790" t="s">
        <v>84</v>
      </c>
      <c r="O4790" t="s">
        <v>85</v>
      </c>
      <c r="P4790" t="s">
        <v>86</v>
      </c>
      <c r="Q4790">
        <v>20</v>
      </c>
      <c r="R4790">
        <v>20</v>
      </c>
      <c r="S4790">
        <v>20</v>
      </c>
      <c r="T4790">
        <v>20</v>
      </c>
      <c r="U4790">
        <v>20</v>
      </c>
      <c r="V4790">
        <v>20</v>
      </c>
      <c r="W4790">
        <v>20</v>
      </c>
      <c r="X4790">
        <v>20</v>
      </c>
      <c r="Y4790">
        <v>20</v>
      </c>
      <c r="Z4790">
        <v>20</v>
      </c>
      <c r="AA4790">
        <v>20</v>
      </c>
      <c r="AB4790">
        <v>20</v>
      </c>
      <c r="AC4790">
        <v>20</v>
      </c>
      <c r="AD4790">
        <v>20</v>
      </c>
      <c r="AE4790">
        <v>21</v>
      </c>
      <c r="AF4790">
        <v>21</v>
      </c>
      <c r="AG4790">
        <v>21</v>
      </c>
      <c r="AH4790">
        <v>21</v>
      </c>
      <c r="AI4790">
        <v>21</v>
      </c>
      <c r="AJ4790">
        <v>21</v>
      </c>
      <c r="AK4790">
        <v>21</v>
      </c>
      <c r="AL4790">
        <v>21</v>
      </c>
      <c r="AM4790">
        <v>20</v>
      </c>
      <c r="AN4790">
        <v>20</v>
      </c>
      <c r="AO4790">
        <v>20</v>
      </c>
      <c r="AP4790">
        <v>20</v>
      </c>
      <c r="AQ4790">
        <v>20</v>
      </c>
    </row>
    <row r="4791" spans="1:43">
      <c r="A4791" t="s">
        <v>3016</v>
      </c>
      <c r="B4791" t="s">
        <v>3017</v>
      </c>
      <c r="C4791" t="s">
        <v>3018</v>
      </c>
      <c r="D4791" t="s">
        <v>3019</v>
      </c>
      <c r="E4791" t="s">
        <v>2928</v>
      </c>
      <c r="F4791" t="s">
        <v>2929</v>
      </c>
      <c r="G4791" t="s">
        <v>80</v>
      </c>
      <c r="H4791" t="s">
        <v>81</v>
      </c>
      <c r="I4791" s="2">
        <v>1</v>
      </c>
      <c r="J4791" s="2">
        <v>0</v>
      </c>
      <c r="K4791" s="2">
        <v>0</v>
      </c>
      <c r="L4791" t="s">
        <v>120</v>
      </c>
      <c r="M4791" t="s">
        <v>87</v>
      </c>
      <c r="N4791" t="s">
        <v>88</v>
      </c>
      <c r="O4791" t="s">
        <v>85</v>
      </c>
      <c r="P4791" t="s">
        <v>86</v>
      </c>
      <c r="Q4791">
        <v>20</v>
      </c>
      <c r="R4791">
        <v>20</v>
      </c>
      <c r="S4791">
        <v>20</v>
      </c>
      <c r="T4791">
        <v>20</v>
      </c>
      <c r="U4791">
        <v>20</v>
      </c>
      <c r="V4791">
        <v>20</v>
      </c>
      <c r="W4791">
        <v>20</v>
      </c>
      <c r="X4791">
        <v>20</v>
      </c>
      <c r="Y4791">
        <v>20</v>
      </c>
      <c r="Z4791">
        <v>20</v>
      </c>
      <c r="AA4791">
        <v>20</v>
      </c>
      <c r="AB4791">
        <v>20</v>
      </c>
      <c r="AC4791">
        <v>19</v>
      </c>
      <c r="AD4791">
        <v>19</v>
      </c>
      <c r="AE4791">
        <v>19</v>
      </c>
      <c r="AF4791">
        <v>19</v>
      </c>
      <c r="AG4791">
        <v>19</v>
      </c>
      <c r="AH4791">
        <v>19</v>
      </c>
      <c r="AI4791">
        <v>19</v>
      </c>
      <c r="AJ4791">
        <v>19</v>
      </c>
      <c r="AK4791">
        <v>19</v>
      </c>
      <c r="AL4791">
        <v>19</v>
      </c>
      <c r="AM4791">
        <v>19</v>
      </c>
      <c r="AN4791">
        <v>19</v>
      </c>
      <c r="AO4791">
        <v>18</v>
      </c>
      <c r="AP4791">
        <v>18</v>
      </c>
      <c r="AQ4791">
        <v>18</v>
      </c>
    </row>
    <row r="4792" spans="1:43">
      <c r="A4792" t="s">
        <v>3016</v>
      </c>
      <c r="B4792" t="s">
        <v>3017</v>
      </c>
      <c r="C4792" t="s">
        <v>3018</v>
      </c>
      <c r="D4792" t="s">
        <v>3019</v>
      </c>
      <c r="E4792" t="s">
        <v>2928</v>
      </c>
      <c r="F4792" t="s">
        <v>2929</v>
      </c>
      <c r="G4792" t="s">
        <v>80</v>
      </c>
      <c r="H4792" t="s">
        <v>81</v>
      </c>
      <c r="I4792" s="2">
        <v>1</v>
      </c>
      <c r="J4792" s="2">
        <v>0</v>
      </c>
      <c r="K4792" s="2">
        <v>0</v>
      </c>
      <c r="L4792" t="s">
        <v>120</v>
      </c>
      <c r="M4792" t="s">
        <v>89</v>
      </c>
      <c r="N4792" t="s">
        <v>90</v>
      </c>
      <c r="O4792" t="s">
        <v>85</v>
      </c>
      <c r="P4792" t="s">
        <v>86</v>
      </c>
      <c r="Q4792">
        <v>20</v>
      </c>
      <c r="R4792">
        <v>20</v>
      </c>
      <c r="S4792">
        <v>20</v>
      </c>
      <c r="T4792">
        <v>21</v>
      </c>
      <c r="U4792">
        <v>21</v>
      </c>
      <c r="V4792">
        <v>21</v>
      </c>
      <c r="W4792">
        <v>21</v>
      </c>
      <c r="X4792">
        <v>21</v>
      </c>
      <c r="Y4792">
        <v>21</v>
      </c>
      <c r="Z4792">
        <v>22</v>
      </c>
      <c r="AA4792">
        <v>22</v>
      </c>
      <c r="AB4792">
        <v>22</v>
      </c>
      <c r="AC4792">
        <v>22</v>
      </c>
      <c r="AD4792">
        <v>22</v>
      </c>
      <c r="AE4792">
        <v>22</v>
      </c>
      <c r="AF4792">
        <v>22</v>
      </c>
      <c r="AG4792">
        <v>22</v>
      </c>
      <c r="AH4792">
        <v>21</v>
      </c>
      <c r="AI4792">
        <v>21</v>
      </c>
      <c r="AJ4792">
        <v>21</v>
      </c>
      <c r="AK4792">
        <v>21</v>
      </c>
      <c r="AL4792">
        <v>21</v>
      </c>
      <c r="AM4792">
        <v>21</v>
      </c>
      <c r="AN4792">
        <v>21</v>
      </c>
      <c r="AO4792">
        <v>20</v>
      </c>
      <c r="AP4792">
        <v>20</v>
      </c>
      <c r="AQ4792">
        <v>20</v>
      </c>
    </row>
    <row r="4793" spans="1:43">
      <c r="A4793" t="s">
        <v>3016</v>
      </c>
      <c r="B4793" t="s">
        <v>3017</v>
      </c>
      <c r="C4793" t="s">
        <v>3018</v>
      </c>
      <c r="D4793" t="s">
        <v>3019</v>
      </c>
      <c r="E4793" t="s">
        <v>2928</v>
      </c>
      <c r="F4793" t="s">
        <v>2929</v>
      </c>
      <c r="G4793" t="s">
        <v>80</v>
      </c>
      <c r="H4793" t="s">
        <v>81</v>
      </c>
      <c r="I4793" s="2">
        <v>1</v>
      </c>
      <c r="J4793" s="2">
        <v>0</v>
      </c>
      <c r="K4793" s="2">
        <v>0</v>
      </c>
      <c r="L4793" t="s">
        <v>120</v>
      </c>
      <c r="M4793" t="s">
        <v>83</v>
      </c>
      <c r="N4793" t="s">
        <v>91</v>
      </c>
      <c r="O4793" t="s">
        <v>85</v>
      </c>
      <c r="P4793" t="s">
        <v>86</v>
      </c>
      <c r="Q4793">
        <v>20</v>
      </c>
      <c r="R4793">
        <v>20</v>
      </c>
      <c r="S4793">
        <v>20</v>
      </c>
      <c r="T4793">
        <v>20</v>
      </c>
      <c r="U4793">
        <v>20</v>
      </c>
      <c r="V4793">
        <v>20</v>
      </c>
      <c r="W4793">
        <v>20</v>
      </c>
      <c r="X4793">
        <v>20</v>
      </c>
      <c r="Y4793">
        <v>20</v>
      </c>
      <c r="Z4793">
        <v>20</v>
      </c>
      <c r="AA4793">
        <v>20</v>
      </c>
      <c r="AB4793">
        <v>20</v>
      </c>
      <c r="AC4793">
        <v>20</v>
      </c>
      <c r="AD4793">
        <v>20</v>
      </c>
      <c r="AE4793">
        <v>21</v>
      </c>
      <c r="AF4793">
        <v>21</v>
      </c>
      <c r="AG4793">
        <v>21</v>
      </c>
      <c r="AH4793">
        <v>21</v>
      </c>
      <c r="AI4793">
        <v>21</v>
      </c>
      <c r="AJ4793">
        <v>21</v>
      </c>
      <c r="AK4793">
        <v>21</v>
      </c>
      <c r="AL4793">
        <v>21</v>
      </c>
      <c r="AM4793">
        <v>20</v>
      </c>
      <c r="AN4793">
        <v>20</v>
      </c>
      <c r="AO4793">
        <v>20</v>
      </c>
      <c r="AP4793">
        <v>20</v>
      </c>
      <c r="AQ4793">
        <v>20</v>
      </c>
    </row>
    <row r="4794" spans="1:43">
      <c r="A4794" t="s">
        <v>3020</v>
      </c>
      <c r="B4794" t="s">
        <v>3021</v>
      </c>
      <c r="C4794" t="s">
        <v>3022</v>
      </c>
      <c r="D4794" t="s">
        <v>3023</v>
      </c>
      <c r="E4794" t="s">
        <v>2928</v>
      </c>
      <c r="F4794" t="s">
        <v>2929</v>
      </c>
      <c r="G4794" t="s">
        <v>80</v>
      </c>
      <c r="H4794" t="s">
        <v>81</v>
      </c>
      <c r="I4794" s="2">
        <v>1</v>
      </c>
      <c r="J4794" s="2">
        <v>0</v>
      </c>
      <c r="K4794" s="2">
        <v>0</v>
      </c>
      <c r="L4794" t="s">
        <v>120</v>
      </c>
      <c r="M4794" t="s">
        <v>83</v>
      </c>
      <c r="N4794" t="s">
        <v>84</v>
      </c>
      <c r="O4794" t="s">
        <v>85</v>
      </c>
      <c r="P4794" t="s">
        <v>86</v>
      </c>
      <c r="Q4794">
        <v>35</v>
      </c>
      <c r="R4794">
        <v>35</v>
      </c>
      <c r="S4794">
        <v>35</v>
      </c>
      <c r="T4794">
        <v>36</v>
      </c>
      <c r="U4794">
        <v>36</v>
      </c>
      <c r="V4794">
        <v>36</v>
      </c>
      <c r="W4794">
        <v>36</v>
      </c>
      <c r="X4794">
        <v>36</v>
      </c>
      <c r="Y4794">
        <v>36</v>
      </c>
      <c r="Z4794">
        <v>36</v>
      </c>
      <c r="AA4794">
        <v>36</v>
      </c>
      <c r="AB4794">
        <v>36</v>
      </c>
      <c r="AC4794">
        <v>37</v>
      </c>
      <c r="AD4794">
        <v>37</v>
      </c>
      <c r="AE4794">
        <v>37</v>
      </c>
      <c r="AF4794">
        <v>37</v>
      </c>
      <c r="AG4794">
        <v>37</v>
      </c>
      <c r="AH4794">
        <v>37</v>
      </c>
      <c r="AI4794">
        <v>37</v>
      </c>
      <c r="AJ4794">
        <v>37</v>
      </c>
      <c r="AK4794">
        <v>37</v>
      </c>
      <c r="AL4794">
        <v>37</v>
      </c>
      <c r="AM4794">
        <v>36</v>
      </c>
      <c r="AN4794">
        <v>36</v>
      </c>
      <c r="AO4794">
        <v>36</v>
      </c>
      <c r="AP4794">
        <v>36</v>
      </c>
      <c r="AQ4794">
        <v>35</v>
      </c>
    </row>
    <row r="4795" spans="1:43">
      <c r="A4795" t="s">
        <v>3020</v>
      </c>
      <c r="B4795" t="s">
        <v>3021</v>
      </c>
      <c r="C4795" t="s">
        <v>3022</v>
      </c>
      <c r="D4795" t="s">
        <v>3023</v>
      </c>
      <c r="E4795" t="s">
        <v>2928</v>
      </c>
      <c r="F4795" t="s">
        <v>2929</v>
      </c>
      <c r="G4795" t="s">
        <v>80</v>
      </c>
      <c r="H4795" t="s">
        <v>81</v>
      </c>
      <c r="I4795" s="2">
        <v>1</v>
      </c>
      <c r="J4795" s="2">
        <v>0</v>
      </c>
      <c r="K4795" s="2">
        <v>0</v>
      </c>
      <c r="L4795" t="s">
        <v>120</v>
      </c>
      <c r="M4795" t="s">
        <v>87</v>
      </c>
      <c r="N4795" t="s">
        <v>88</v>
      </c>
      <c r="O4795" t="s">
        <v>85</v>
      </c>
      <c r="P4795" t="s">
        <v>86</v>
      </c>
      <c r="Q4795">
        <v>35</v>
      </c>
      <c r="R4795">
        <v>35</v>
      </c>
      <c r="S4795">
        <v>34</v>
      </c>
      <c r="T4795">
        <v>34</v>
      </c>
      <c r="U4795">
        <v>34</v>
      </c>
      <c r="V4795">
        <v>34</v>
      </c>
      <c r="W4795">
        <v>34</v>
      </c>
      <c r="X4795">
        <v>34</v>
      </c>
      <c r="Y4795">
        <v>34</v>
      </c>
      <c r="Z4795">
        <v>33</v>
      </c>
      <c r="AA4795">
        <v>33</v>
      </c>
      <c r="AB4795">
        <v>33</v>
      </c>
      <c r="AC4795">
        <v>33</v>
      </c>
      <c r="AD4795">
        <v>33</v>
      </c>
      <c r="AE4795">
        <v>33</v>
      </c>
      <c r="AF4795">
        <v>32</v>
      </c>
      <c r="AG4795">
        <v>32</v>
      </c>
      <c r="AH4795">
        <v>32</v>
      </c>
      <c r="AI4795">
        <v>32</v>
      </c>
      <c r="AJ4795">
        <v>32</v>
      </c>
      <c r="AK4795">
        <v>32</v>
      </c>
      <c r="AL4795">
        <v>32</v>
      </c>
      <c r="AM4795">
        <v>31</v>
      </c>
      <c r="AN4795">
        <v>31</v>
      </c>
      <c r="AO4795">
        <v>31</v>
      </c>
      <c r="AP4795">
        <v>31</v>
      </c>
      <c r="AQ4795">
        <v>31</v>
      </c>
    </row>
    <row r="4796" spans="1:43">
      <c r="A4796" t="s">
        <v>3020</v>
      </c>
      <c r="B4796" t="s">
        <v>3021</v>
      </c>
      <c r="C4796" t="s">
        <v>3022</v>
      </c>
      <c r="D4796" t="s">
        <v>3023</v>
      </c>
      <c r="E4796" t="s">
        <v>2928</v>
      </c>
      <c r="F4796" t="s">
        <v>2929</v>
      </c>
      <c r="G4796" t="s">
        <v>80</v>
      </c>
      <c r="H4796" t="s">
        <v>81</v>
      </c>
      <c r="I4796" s="2">
        <v>1</v>
      </c>
      <c r="J4796" s="2">
        <v>0</v>
      </c>
      <c r="K4796" s="2">
        <v>0</v>
      </c>
      <c r="L4796" t="s">
        <v>120</v>
      </c>
      <c r="M4796" t="s">
        <v>89</v>
      </c>
      <c r="N4796" t="s">
        <v>90</v>
      </c>
      <c r="O4796" t="s">
        <v>85</v>
      </c>
      <c r="P4796" t="s">
        <v>86</v>
      </c>
      <c r="Q4796">
        <v>35</v>
      </c>
      <c r="R4796">
        <v>36</v>
      </c>
      <c r="S4796">
        <v>36</v>
      </c>
      <c r="T4796">
        <v>37</v>
      </c>
      <c r="U4796">
        <v>37</v>
      </c>
      <c r="V4796">
        <v>37</v>
      </c>
      <c r="W4796">
        <v>38</v>
      </c>
      <c r="X4796">
        <v>38</v>
      </c>
      <c r="Y4796">
        <v>38</v>
      </c>
      <c r="Z4796">
        <v>38</v>
      </c>
      <c r="AA4796">
        <v>39</v>
      </c>
      <c r="AB4796">
        <v>39</v>
      </c>
      <c r="AC4796">
        <v>39</v>
      </c>
      <c r="AD4796">
        <v>39</v>
      </c>
      <c r="AE4796">
        <v>39</v>
      </c>
      <c r="AF4796">
        <v>39</v>
      </c>
      <c r="AG4796">
        <v>39</v>
      </c>
      <c r="AH4796">
        <v>38</v>
      </c>
      <c r="AI4796">
        <v>38</v>
      </c>
      <c r="AJ4796">
        <v>38</v>
      </c>
      <c r="AK4796">
        <v>37</v>
      </c>
      <c r="AL4796">
        <v>37</v>
      </c>
      <c r="AM4796">
        <v>37</v>
      </c>
      <c r="AN4796">
        <v>37</v>
      </c>
      <c r="AO4796">
        <v>36</v>
      </c>
      <c r="AP4796">
        <v>36</v>
      </c>
      <c r="AQ4796">
        <v>36</v>
      </c>
    </row>
    <row r="4797" spans="1:43">
      <c r="A4797" t="s">
        <v>3020</v>
      </c>
      <c r="B4797" t="s">
        <v>3021</v>
      </c>
      <c r="C4797" t="s">
        <v>3022</v>
      </c>
      <c r="D4797" t="s">
        <v>3023</v>
      </c>
      <c r="E4797" t="s">
        <v>2928</v>
      </c>
      <c r="F4797" t="s">
        <v>2929</v>
      </c>
      <c r="G4797" t="s">
        <v>80</v>
      </c>
      <c r="H4797" t="s">
        <v>81</v>
      </c>
      <c r="I4797" s="2">
        <v>1</v>
      </c>
      <c r="J4797" s="2">
        <v>0</v>
      </c>
      <c r="K4797" s="2">
        <v>0</v>
      </c>
      <c r="L4797" t="s">
        <v>120</v>
      </c>
      <c r="M4797" t="s">
        <v>83</v>
      </c>
      <c r="N4797" t="s">
        <v>91</v>
      </c>
      <c r="O4797" t="s">
        <v>85</v>
      </c>
      <c r="P4797" t="s">
        <v>86</v>
      </c>
      <c r="Q4797">
        <v>35</v>
      </c>
      <c r="R4797">
        <v>35</v>
      </c>
      <c r="S4797">
        <v>35</v>
      </c>
      <c r="T4797">
        <v>36</v>
      </c>
      <c r="U4797">
        <v>36</v>
      </c>
      <c r="V4797">
        <v>36</v>
      </c>
      <c r="W4797">
        <v>36</v>
      </c>
      <c r="X4797">
        <v>36</v>
      </c>
      <c r="Y4797">
        <v>36</v>
      </c>
      <c r="Z4797">
        <v>36</v>
      </c>
      <c r="AA4797">
        <v>36</v>
      </c>
      <c r="AB4797">
        <v>36</v>
      </c>
      <c r="AC4797">
        <v>37</v>
      </c>
      <c r="AD4797">
        <v>37</v>
      </c>
      <c r="AE4797">
        <v>37</v>
      </c>
      <c r="AF4797">
        <v>37</v>
      </c>
      <c r="AG4797">
        <v>37</v>
      </c>
      <c r="AH4797">
        <v>37</v>
      </c>
      <c r="AI4797">
        <v>37</v>
      </c>
      <c r="AJ4797">
        <v>37</v>
      </c>
      <c r="AK4797">
        <v>37</v>
      </c>
      <c r="AL4797">
        <v>37</v>
      </c>
      <c r="AM4797">
        <v>36</v>
      </c>
      <c r="AN4797">
        <v>36</v>
      </c>
      <c r="AO4797">
        <v>36</v>
      </c>
      <c r="AP4797">
        <v>36</v>
      </c>
      <c r="AQ4797">
        <v>35</v>
      </c>
    </row>
    <row r="4798" spans="1:43">
      <c r="A4798" t="s">
        <v>3024</v>
      </c>
      <c r="B4798" t="s">
        <v>3025</v>
      </c>
      <c r="C4798" t="s">
        <v>3018</v>
      </c>
      <c r="D4798" t="s">
        <v>3019</v>
      </c>
      <c r="E4798" t="s">
        <v>2928</v>
      </c>
      <c r="F4798" t="s">
        <v>2929</v>
      </c>
      <c r="G4798" t="s">
        <v>80</v>
      </c>
      <c r="H4798" t="s">
        <v>81</v>
      </c>
      <c r="I4798" s="2">
        <v>1</v>
      </c>
      <c r="J4798" s="2">
        <v>0</v>
      </c>
      <c r="K4798" s="2">
        <v>0</v>
      </c>
      <c r="L4798" t="s">
        <v>120</v>
      </c>
      <c r="M4798" t="s">
        <v>83</v>
      </c>
      <c r="N4798" t="s">
        <v>84</v>
      </c>
      <c r="O4798" t="s">
        <v>85</v>
      </c>
      <c r="P4798" t="s">
        <v>86</v>
      </c>
      <c r="Q4798">
        <v>77</v>
      </c>
      <c r="R4798">
        <v>77</v>
      </c>
      <c r="S4798">
        <v>78</v>
      </c>
      <c r="T4798">
        <v>78</v>
      </c>
      <c r="U4798">
        <v>78</v>
      </c>
      <c r="V4798">
        <v>79</v>
      </c>
      <c r="W4798">
        <v>79</v>
      </c>
      <c r="X4798">
        <v>80</v>
      </c>
      <c r="Y4798">
        <v>80</v>
      </c>
      <c r="Z4798">
        <v>80</v>
      </c>
      <c r="AA4798">
        <v>80</v>
      </c>
      <c r="AB4798">
        <v>81</v>
      </c>
      <c r="AC4798">
        <v>81</v>
      </c>
      <c r="AD4798">
        <v>81</v>
      </c>
      <c r="AE4798">
        <v>81</v>
      </c>
      <c r="AF4798">
        <v>82</v>
      </c>
      <c r="AG4798">
        <v>82</v>
      </c>
      <c r="AH4798">
        <v>82</v>
      </c>
      <c r="AI4798">
        <v>82</v>
      </c>
      <c r="AJ4798">
        <v>82</v>
      </c>
      <c r="AK4798">
        <v>83</v>
      </c>
      <c r="AL4798">
        <v>82</v>
      </c>
      <c r="AM4798">
        <v>82</v>
      </c>
      <c r="AN4798">
        <v>81</v>
      </c>
      <c r="AO4798">
        <v>81</v>
      </c>
      <c r="AP4798">
        <v>81</v>
      </c>
      <c r="AQ4798">
        <v>80</v>
      </c>
    </row>
    <row r="4799" spans="1:43">
      <c r="A4799" t="s">
        <v>3024</v>
      </c>
      <c r="B4799" t="s">
        <v>3025</v>
      </c>
      <c r="C4799" t="s">
        <v>3018</v>
      </c>
      <c r="D4799" t="s">
        <v>3019</v>
      </c>
      <c r="E4799" t="s">
        <v>2928</v>
      </c>
      <c r="F4799" t="s">
        <v>2929</v>
      </c>
      <c r="G4799" t="s">
        <v>80</v>
      </c>
      <c r="H4799" t="s">
        <v>81</v>
      </c>
      <c r="I4799" s="2">
        <v>1</v>
      </c>
      <c r="J4799" s="2">
        <v>0</v>
      </c>
      <c r="K4799" s="2">
        <v>0</v>
      </c>
      <c r="L4799" t="s">
        <v>120</v>
      </c>
      <c r="M4799" t="s">
        <v>87</v>
      </c>
      <c r="N4799" t="s">
        <v>88</v>
      </c>
      <c r="O4799" t="s">
        <v>85</v>
      </c>
      <c r="P4799" t="s">
        <v>86</v>
      </c>
      <c r="Q4799">
        <v>77</v>
      </c>
      <c r="R4799">
        <v>77</v>
      </c>
      <c r="S4799">
        <v>76</v>
      </c>
      <c r="T4799">
        <v>76</v>
      </c>
      <c r="U4799">
        <v>76</v>
      </c>
      <c r="V4799">
        <v>76</v>
      </c>
      <c r="W4799">
        <v>75</v>
      </c>
      <c r="X4799">
        <v>75</v>
      </c>
      <c r="Y4799">
        <v>75</v>
      </c>
      <c r="Z4799">
        <v>75</v>
      </c>
      <c r="AA4799">
        <v>74</v>
      </c>
      <c r="AB4799">
        <v>74</v>
      </c>
      <c r="AC4799">
        <v>74</v>
      </c>
      <c r="AD4799">
        <v>74</v>
      </c>
      <c r="AE4799">
        <v>73</v>
      </c>
      <c r="AF4799">
        <v>73</v>
      </c>
      <c r="AG4799">
        <v>73</v>
      </c>
      <c r="AH4799">
        <v>73</v>
      </c>
      <c r="AI4799">
        <v>72</v>
      </c>
      <c r="AJ4799">
        <v>72</v>
      </c>
      <c r="AK4799">
        <v>72</v>
      </c>
      <c r="AL4799">
        <v>72</v>
      </c>
      <c r="AM4799">
        <v>71</v>
      </c>
      <c r="AN4799">
        <v>71</v>
      </c>
      <c r="AO4799">
        <v>71</v>
      </c>
      <c r="AP4799">
        <v>71</v>
      </c>
      <c r="AQ4799">
        <v>70</v>
      </c>
    </row>
    <row r="4800" spans="1:43">
      <c r="A4800" t="s">
        <v>3024</v>
      </c>
      <c r="B4800" t="s">
        <v>3025</v>
      </c>
      <c r="C4800" t="s">
        <v>3018</v>
      </c>
      <c r="D4800" t="s">
        <v>3019</v>
      </c>
      <c r="E4800" t="s">
        <v>2928</v>
      </c>
      <c r="F4800" t="s">
        <v>2929</v>
      </c>
      <c r="G4800" t="s">
        <v>80</v>
      </c>
      <c r="H4800" t="s">
        <v>81</v>
      </c>
      <c r="I4800" s="2">
        <v>1</v>
      </c>
      <c r="J4800" s="2">
        <v>0</v>
      </c>
      <c r="K4800" s="2">
        <v>0</v>
      </c>
      <c r="L4800" t="s">
        <v>120</v>
      </c>
      <c r="M4800" t="s">
        <v>89</v>
      </c>
      <c r="N4800" t="s">
        <v>90</v>
      </c>
      <c r="O4800" t="s">
        <v>85</v>
      </c>
      <c r="P4800" t="s">
        <v>86</v>
      </c>
      <c r="Q4800">
        <v>77</v>
      </c>
      <c r="R4800">
        <v>79</v>
      </c>
      <c r="S4800">
        <v>80</v>
      </c>
      <c r="T4800">
        <v>81</v>
      </c>
      <c r="U4800">
        <v>81</v>
      </c>
      <c r="V4800">
        <v>82</v>
      </c>
      <c r="W4800">
        <v>83</v>
      </c>
      <c r="X4800">
        <v>84</v>
      </c>
      <c r="Y4800">
        <v>84</v>
      </c>
      <c r="Z4800">
        <v>85</v>
      </c>
      <c r="AA4800">
        <v>85</v>
      </c>
      <c r="AB4800">
        <v>86</v>
      </c>
      <c r="AC4800">
        <v>86</v>
      </c>
      <c r="AD4800">
        <v>87</v>
      </c>
      <c r="AE4800">
        <v>87</v>
      </c>
      <c r="AF4800">
        <v>87</v>
      </c>
      <c r="AG4800">
        <v>86</v>
      </c>
      <c r="AH4800">
        <v>86</v>
      </c>
      <c r="AI4800">
        <v>85</v>
      </c>
      <c r="AJ4800">
        <v>85</v>
      </c>
      <c r="AK4800">
        <v>84</v>
      </c>
      <c r="AL4800">
        <v>84</v>
      </c>
      <c r="AM4800">
        <v>83</v>
      </c>
      <c r="AN4800">
        <v>83</v>
      </c>
      <c r="AO4800">
        <v>82</v>
      </c>
      <c r="AP4800">
        <v>82</v>
      </c>
      <c r="AQ4800">
        <v>81</v>
      </c>
    </row>
    <row r="4801" spans="1:43">
      <c r="A4801" t="s">
        <v>3024</v>
      </c>
      <c r="B4801" t="s">
        <v>3025</v>
      </c>
      <c r="C4801" t="s">
        <v>3018</v>
      </c>
      <c r="D4801" t="s">
        <v>3019</v>
      </c>
      <c r="E4801" t="s">
        <v>2928</v>
      </c>
      <c r="F4801" t="s">
        <v>2929</v>
      </c>
      <c r="G4801" t="s">
        <v>80</v>
      </c>
      <c r="H4801" t="s">
        <v>81</v>
      </c>
      <c r="I4801" s="2">
        <v>1</v>
      </c>
      <c r="J4801" s="2">
        <v>0</v>
      </c>
      <c r="K4801" s="2">
        <v>0</v>
      </c>
      <c r="L4801" t="s">
        <v>120</v>
      </c>
      <c r="M4801" t="s">
        <v>83</v>
      </c>
      <c r="N4801" t="s">
        <v>91</v>
      </c>
      <c r="O4801" t="s">
        <v>85</v>
      </c>
      <c r="P4801" t="s">
        <v>86</v>
      </c>
      <c r="Q4801">
        <v>77</v>
      </c>
      <c r="R4801">
        <v>77</v>
      </c>
      <c r="S4801">
        <v>78</v>
      </c>
      <c r="T4801">
        <v>78</v>
      </c>
      <c r="U4801">
        <v>78</v>
      </c>
      <c r="V4801">
        <v>79</v>
      </c>
      <c r="W4801">
        <v>79</v>
      </c>
      <c r="X4801">
        <v>80</v>
      </c>
      <c r="Y4801">
        <v>80</v>
      </c>
      <c r="Z4801">
        <v>80</v>
      </c>
      <c r="AA4801">
        <v>80</v>
      </c>
      <c r="AB4801">
        <v>81</v>
      </c>
      <c r="AC4801">
        <v>81</v>
      </c>
      <c r="AD4801">
        <v>81</v>
      </c>
      <c r="AE4801">
        <v>81</v>
      </c>
      <c r="AF4801">
        <v>82</v>
      </c>
      <c r="AG4801">
        <v>82</v>
      </c>
      <c r="AH4801">
        <v>82</v>
      </c>
      <c r="AI4801">
        <v>82</v>
      </c>
      <c r="AJ4801">
        <v>82</v>
      </c>
      <c r="AK4801">
        <v>83</v>
      </c>
      <c r="AL4801">
        <v>82</v>
      </c>
      <c r="AM4801">
        <v>82</v>
      </c>
      <c r="AN4801">
        <v>81</v>
      </c>
      <c r="AO4801">
        <v>81</v>
      </c>
      <c r="AP4801">
        <v>81</v>
      </c>
      <c r="AQ4801">
        <v>80</v>
      </c>
    </row>
    <row r="4802" spans="1:43">
      <c r="A4802" t="s">
        <v>3026</v>
      </c>
      <c r="B4802" t="s">
        <v>3027</v>
      </c>
      <c r="C4802" t="s">
        <v>3022</v>
      </c>
      <c r="D4802" t="s">
        <v>3023</v>
      </c>
      <c r="E4802" t="s">
        <v>2928</v>
      </c>
      <c r="F4802" t="s">
        <v>2929</v>
      </c>
      <c r="G4802" t="s">
        <v>80</v>
      </c>
      <c r="H4802" t="s">
        <v>81</v>
      </c>
      <c r="I4802" s="2">
        <v>1</v>
      </c>
      <c r="J4802" s="2">
        <v>0</v>
      </c>
      <c r="K4802" s="2">
        <v>0</v>
      </c>
      <c r="L4802" t="s">
        <v>120</v>
      </c>
      <c r="M4802" t="s">
        <v>83</v>
      </c>
      <c r="N4802" t="s">
        <v>84</v>
      </c>
      <c r="O4802" t="s">
        <v>85</v>
      </c>
      <c r="P4802" t="s">
        <v>86</v>
      </c>
      <c r="Q4802">
        <v>11</v>
      </c>
      <c r="R4802">
        <v>11</v>
      </c>
      <c r="S4802">
        <v>12</v>
      </c>
      <c r="T4802">
        <v>12</v>
      </c>
      <c r="U4802">
        <v>12</v>
      </c>
      <c r="V4802">
        <v>12</v>
      </c>
      <c r="W4802">
        <v>12</v>
      </c>
      <c r="X4802">
        <v>12</v>
      </c>
      <c r="Y4802">
        <v>12</v>
      </c>
      <c r="Z4802">
        <v>12</v>
      </c>
      <c r="AA4802">
        <v>12</v>
      </c>
      <c r="AB4802">
        <v>12</v>
      </c>
      <c r="AC4802">
        <v>12</v>
      </c>
      <c r="AD4802">
        <v>12</v>
      </c>
      <c r="AE4802">
        <v>12</v>
      </c>
      <c r="AF4802">
        <v>12</v>
      </c>
      <c r="AG4802">
        <v>12</v>
      </c>
      <c r="AH4802">
        <v>12</v>
      </c>
      <c r="AI4802">
        <v>12</v>
      </c>
      <c r="AJ4802">
        <v>12</v>
      </c>
      <c r="AK4802">
        <v>12</v>
      </c>
      <c r="AL4802">
        <v>12</v>
      </c>
      <c r="AM4802">
        <v>12</v>
      </c>
      <c r="AN4802">
        <v>12</v>
      </c>
      <c r="AO4802">
        <v>12</v>
      </c>
      <c r="AP4802">
        <v>12</v>
      </c>
      <c r="AQ4802">
        <v>12</v>
      </c>
    </row>
    <row r="4803" spans="1:43">
      <c r="A4803" t="s">
        <v>3026</v>
      </c>
      <c r="B4803" t="s">
        <v>3027</v>
      </c>
      <c r="C4803" t="s">
        <v>3022</v>
      </c>
      <c r="D4803" t="s">
        <v>3023</v>
      </c>
      <c r="E4803" t="s">
        <v>2928</v>
      </c>
      <c r="F4803" t="s">
        <v>2929</v>
      </c>
      <c r="G4803" t="s">
        <v>80</v>
      </c>
      <c r="H4803" t="s">
        <v>81</v>
      </c>
      <c r="I4803" s="2">
        <v>1</v>
      </c>
      <c r="J4803" s="2">
        <v>0</v>
      </c>
      <c r="K4803" s="2">
        <v>0</v>
      </c>
      <c r="L4803" t="s">
        <v>120</v>
      </c>
      <c r="M4803" t="s">
        <v>87</v>
      </c>
      <c r="N4803" t="s">
        <v>88</v>
      </c>
      <c r="O4803" t="s">
        <v>85</v>
      </c>
      <c r="P4803" t="s">
        <v>86</v>
      </c>
      <c r="Q4803">
        <v>11</v>
      </c>
      <c r="R4803">
        <v>11</v>
      </c>
      <c r="S4803">
        <v>11</v>
      </c>
      <c r="T4803">
        <v>11</v>
      </c>
      <c r="U4803">
        <v>11</v>
      </c>
      <c r="V4803">
        <v>11</v>
      </c>
      <c r="W4803">
        <v>11</v>
      </c>
      <c r="X4803">
        <v>11</v>
      </c>
      <c r="Y4803">
        <v>11</v>
      </c>
      <c r="Z4803">
        <v>11</v>
      </c>
      <c r="AA4803">
        <v>11</v>
      </c>
      <c r="AB4803">
        <v>11</v>
      </c>
      <c r="AC4803">
        <v>11</v>
      </c>
      <c r="AD4803">
        <v>11</v>
      </c>
      <c r="AE4803">
        <v>11</v>
      </c>
      <c r="AF4803">
        <v>11</v>
      </c>
      <c r="AG4803">
        <v>11</v>
      </c>
      <c r="AH4803">
        <v>11</v>
      </c>
      <c r="AI4803">
        <v>11</v>
      </c>
      <c r="AJ4803">
        <v>11</v>
      </c>
      <c r="AK4803">
        <v>11</v>
      </c>
      <c r="AL4803">
        <v>11</v>
      </c>
      <c r="AM4803">
        <v>11</v>
      </c>
      <c r="AN4803">
        <v>11</v>
      </c>
      <c r="AO4803">
        <v>11</v>
      </c>
      <c r="AP4803">
        <v>10</v>
      </c>
      <c r="AQ4803">
        <v>10</v>
      </c>
    </row>
    <row r="4804" spans="1:43">
      <c r="A4804" t="s">
        <v>3026</v>
      </c>
      <c r="B4804" t="s">
        <v>3027</v>
      </c>
      <c r="C4804" t="s">
        <v>3022</v>
      </c>
      <c r="D4804" t="s">
        <v>3023</v>
      </c>
      <c r="E4804" t="s">
        <v>2928</v>
      </c>
      <c r="F4804" t="s">
        <v>2929</v>
      </c>
      <c r="G4804" t="s">
        <v>80</v>
      </c>
      <c r="H4804" t="s">
        <v>81</v>
      </c>
      <c r="I4804" s="2">
        <v>1</v>
      </c>
      <c r="J4804" s="2">
        <v>0</v>
      </c>
      <c r="K4804" s="2">
        <v>0</v>
      </c>
      <c r="L4804" t="s">
        <v>120</v>
      </c>
      <c r="M4804" t="s">
        <v>89</v>
      </c>
      <c r="N4804" t="s">
        <v>90</v>
      </c>
      <c r="O4804" t="s">
        <v>85</v>
      </c>
      <c r="P4804" t="s">
        <v>86</v>
      </c>
      <c r="Q4804">
        <v>11</v>
      </c>
      <c r="R4804">
        <v>11</v>
      </c>
      <c r="S4804">
        <v>11</v>
      </c>
      <c r="T4804">
        <v>11</v>
      </c>
      <c r="U4804">
        <v>11</v>
      </c>
      <c r="V4804">
        <v>11</v>
      </c>
      <c r="W4804">
        <v>11</v>
      </c>
      <c r="X4804">
        <v>11</v>
      </c>
      <c r="Y4804">
        <v>12</v>
      </c>
      <c r="Z4804">
        <v>12</v>
      </c>
      <c r="AA4804">
        <v>12</v>
      </c>
      <c r="AB4804">
        <v>12</v>
      </c>
      <c r="AC4804">
        <v>12</v>
      </c>
      <c r="AD4804">
        <v>12</v>
      </c>
      <c r="AE4804">
        <v>12</v>
      </c>
      <c r="AF4804">
        <v>12</v>
      </c>
      <c r="AG4804">
        <v>12</v>
      </c>
      <c r="AH4804">
        <v>12</v>
      </c>
      <c r="AI4804">
        <v>12</v>
      </c>
      <c r="AJ4804">
        <v>12</v>
      </c>
      <c r="AK4804">
        <v>12</v>
      </c>
      <c r="AL4804">
        <v>12</v>
      </c>
      <c r="AM4804">
        <v>12</v>
      </c>
      <c r="AN4804">
        <v>11</v>
      </c>
      <c r="AO4804">
        <v>11</v>
      </c>
      <c r="AP4804">
        <v>11</v>
      </c>
      <c r="AQ4804">
        <v>11</v>
      </c>
    </row>
    <row r="4805" spans="1:43">
      <c r="A4805" t="s">
        <v>3026</v>
      </c>
      <c r="B4805" t="s">
        <v>3027</v>
      </c>
      <c r="C4805" t="s">
        <v>3022</v>
      </c>
      <c r="D4805" t="s">
        <v>3023</v>
      </c>
      <c r="E4805" t="s">
        <v>2928</v>
      </c>
      <c r="F4805" t="s">
        <v>2929</v>
      </c>
      <c r="G4805" t="s">
        <v>80</v>
      </c>
      <c r="H4805" t="s">
        <v>81</v>
      </c>
      <c r="I4805" s="2">
        <v>1</v>
      </c>
      <c r="J4805" s="2">
        <v>0</v>
      </c>
      <c r="K4805" s="2">
        <v>0</v>
      </c>
      <c r="L4805" t="s">
        <v>120</v>
      </c>
      <c r="M4805" t="s">
        <v>83</v>
      </c>
      <c r="N4805" t="s">
        <v>91</v>
      </c>
      <c r="O4805" t="s">
        <v>85</v>
      </c>
      <c r="P4805" t="s">
        <v>86</v>
      </c>
      <c r="Q4805">
        <v>11</v>
      </c>
      <c r="R4805">
        <v>11</v>
      </c>
      <c r="S4805">
        <v>12</v>
      </c>
      <c r="T4805">
        <v>12</v>
      </c>
      <c r="U4805">
        <v>12</v>
      </c>
      <c r="V4805">
        <v>12</v>
      </c>
      <c r="W4805">
        <v>12</v>
      </c>
      <c r="X4805">
        <v>12</v>
      </c>
      <c r="Y4805">
        <v>12</v>
      </c>
      <c r="Z4805">
        <v>12</v>
      </c>
      <c r="AA4805">
        <v>12</v>
      </c>
      <c r="AB4805">
        <v>12</v>
      </c>
      <c r="AC4805">
        <v>12</v>
      </c>
      <c r="AD4805">
        <v>12</v>
      </c>
      <c r="AE4805">
        <v>12</v>
      </c>
      <c r="AF4805">
        <v>12</v>
      </c>
      <c r="AG4805">
        <v>12</v>
      </c>
      <c r="AH4805">
        <v>12</v>
      </c>
      <c r="AI4805">
        <v>12</v>
      </c>
      <c r="AJ4805">
        <v>12</v>
      </c>
      <c r="AK4805">
        <v>12</v>
      </c>
      <c r="AL4805">
        <v>12</v>
      </c>
      <c r="AM4805">
        <v>12</v>
      </c>
      <c r="AN4805">
        <v>12</v>
      </c>
      <c r="AO4805">
        <v>12</v>
      </c>
      <c r="AP4805">
        <v>12</v>
      </c>
      <c r="AQ4805">
        <v>12</v>
      </c>
    </row>
    <row r="4806" spans="1:43">
      <c r="A4806" t="s">
        <v>3028</v>
      </c>
      <c r="B4806" t="s">
        <v>3029</v>
      </c>
      <c r="C4806" t="s">
        <v>3022</v>
      </c>
      <c r="D4806" t="s">
        <v>3023</v>
      </c>
      <c r="E4806" t="s">
        <v>2928</v>
      </c>
      <c r="F4806" t="s">
        <v>2929</v>
      </c>
      <c r="G4806" t="s">
        <v>80</v>
      </c>
      <c r="H4806" t="s">
        <v>81</v>
      </c>
      <c r="I4806" s="2">
        <v>1</v>
      </c>
      <c r="J4806" s="2">
        <v>0</v>
      </c>
      <c r="K4806" s="2">
        <v>0</v>
      </c>
      <c r="L4806" t="s">
        <v>120</v>
      </c>
      <c r="M4806" t="s">
        <v>83</v>
      </c>
      <c r="N4806" t="s">
        <v>84</v>
      </c>
      <c r="O4806" t="s">
        <v>85</v>
      </c>
      <c r="P4806" t="s">
        <v>86</v>
      </c>
      <c r="Q4806">
        <v>79</v>
      </c>
      <c r="R4806">
        <v>80</v>
      </c>
      <c r="S4806">
        <v>80</v>
      </c>
      <c r="T4806">
        <v>80</v>
      </c>
      <c r="U4806">
        <v>81</v>
      </c>
      <c r="V4806">
        <v>81</v>
      </c>
      <c r="W4806">
        <v>82</v>
      </c>
      <c r="X4806">
        <v>82</v>
      </c>
      <c r="Y4806">
        <v>82</v>
      </c>
      <c r="Z4806">
        <v>83</v>
      </c>
      <c r="AA4806">
        <v>83</v>
      </c>
      <c r="AB4806">
        <v>83</v>
      </c>
      <c r="AC4806">
        <v>84</v>
      </c>
      <c r="AD4806">
        <v>84</v>
      </c>
      <c r="AE4806">
        <v>84</v>
      </c>
      <c r="AF4806">
        <v>84</v>
      </c>
      <c r="AG4806">
        <v>85</v>
      </c>
      <c r="AH4806">
        <v>85</v>
      </c>
      <c r="AI4806">
        <v>85</v>
      </c>
      <c r="AJ4806">
        <v>85</v>
      </c>
      <c r="AK4806">
        <v>86</v>
      </c>
      <c r="AL4806">
        <v>85</v>
      </c>
      <c r="AM4806">
        <v>85</v>
      </c>
      <c r="AN4806">
        <v>84</v>
      </c>
      <c r="AO4806">
        <v>84</v>
      </c>
      <c r="AP4806">
        <v>84</v>
      </c>
      <c r="AQ4806">
        <v>83</v>
      </c>
    </row>
    <row r="4807" spans="1:43">
      <c r="A4807" t="s">
        <v>3028</v>
      </c>
      <c r="B4807" t="s">
        <v>3029</v>
      </c>
      <c r="C4807" t="s">
        <v>3022</v>
      </c>
      <c r="D4807" t="s">
        <v>3023</v>
      </c>
      <c r="E4807" t="s">
        <v>2928</v>
      </c>
      <c r="F4807" t="s">
        <v>2929</v>
      </c>
      <c r="G4807" t="s">
        <v>80</v>
      </c>
      <c r="H4807" t="s">
        <v>81</v>
      </c>
      <c r="I4807" s="2">
        <v>1</v>
      </c>
      <c r="J4807" s="2">
        <v>0</v>
      </c>
      <c r="K4807" s="2">
        <v>0</v>
      </c>
      <c r="L4807" t="s">
        <v>120</v>
      </c>
      <c r="M4807" t="s">
        <v>87</v>
      </c>
      <c r="N4807" t="s">
        <v>88</v>
      </c>
      <c r="O4807" t="s">
        <v>85</v>
      </c>
      <c r="P4807" t="s">
        <v>86</v>
      </c>
      <c r="Q4807">
        <v>79</v>
      </c>
      <c r="R4807">
        <v>79</v>
      </c>
      <c r="S4807">
        <v>79</v>
      </c>
      <c r="T4807">
        <v>79</v>
      </c>
      <c r="U4807">
        <v>78</v>
      </c>
      <c r="V4807">
        <v>78</v>
      </c>
      <c r="W4807">
        <v>78</v>
      </c>
      <c r="X4807">
        <v>77</v>
      </c>
      <c r="Y4807">
        <v>77</v>
      </c>
      <c r="Z4807">
        <v>77</v>
      </c>
      <c r="AA4807">
        <v>77</v>
      </c>
      <c r="AB4807">
        <v>76</v>
      </c>
      <c r="AC4807">
        <v>76</v>
      </c>
      <c r="AD4807">
        <v>76</v>
      </c>
      <c r="AE4807">
        <v>75</v>
      </c>
      <c r="AF4807">
        <v>75</v>
      </c>
      <c r="AG4807">
        <v>75</v>
      </c>
      <c r="AH4807">
        <v>75</v>
      </c>
      <c r="AI4807">
        <v>74</v>
      </c>
      <c r="AJ4807">
        <v>74</v>
      </c>
      <c r="AK4807">
        <v>74</v>
      </c>
      <c r="AL4807">
        <v>74</v>
      </c>
      <c r="AM4807">
        <v>73</v>
      </c>
      <c r="AN4807">
        <v>73</v>
      </c>
      <c r="AO4807">
        <v>73</v>
      </c>
      <c r="AP4807">
        <v>73</v>
      </c>
      <c r="AQ4807">
        <v>72</v>
      </c>
    </row>
    <row r="4808" spans="1:43">
      <c r="A4808" t="s">
        <v>3028</v>
      </c>
      <c r="B4808" t="s">
        <v>3029</v>
      </c>
      <c r="C4808" t="s">
        <v>3022</v>
      </c>
      <c r="D4808" t="s">
        <v>3023</v>
      </c>
      <c r="E4808" t="s">
        <v>2928</v>
      </c>
      <c r="F4808" t="s">
        <v>2929</v>
      </c>
      <c r="G4808" t="s">
        <v>80</v>
      </c>
      <c r="H4808" t="s">
        <v>81</v>
      </c>
      <c r="I4808" s="2">
        <v>1</v>
      </c>
      <c r="J4808" s="2">
        <v>0</v>
      </c>
      <c r="K4808" s="2">
        <v>0</v>
      </c>
      <c r="L4808" t="s">
        <v>120</v>
      </c>
      <c r="M4808" t="s">
        <v>89</v>
      </c>
      <c r="N4808" t="s">
        <v>90</v>
      </c>
      <c r="O4808" t="s">
        <v>85</v>
      </c>
      <c r="P4808" t="s">
        <v>86</v>
      </c>
      <c r="Q4808">
        <v>79</v>
      </c>
      <c r="R4808">
        <v>80</v>
      </c>
      <c r="S4808">
        <v>81</v>
      </c>
      <c r="T4808">
        <v>82</v>
      </c>
      <c r="U4808">
        <v>83</v>
      </c>
      <c r="V4808">
        <v>84</v>
      </c>
      <c r="W4808">
        <v>85</v>
      </c>
      <c r="X4808">
        <v>85</v>
      </c>
      <c r="Y4808">
        <v>86</v>
      </c>
      <c r="Z4808">
        <v>87</v>
      </c>
      <c r="AA4808">
        <v>87</v>
      </c>
      <c r="AB4808">
        <v>88</v>
      </c>
      <c r="AC4808">
        <v>89</v>
      </c>
      <c r="AD4808">
        <v>89</v>
      </c>
      <c r="AE4808">
        <v>89</v>
      </c>
      <c r="AF4808">
        <v>89</v>
      </c>
      <c r="AG4808">
        <v>88</v>
      </c>
      <c r="AH4808">
        <v>88</v>
      </c>
      <c r="AI4808">
        <v>87</v>
      </c>
      <c r="AJ4808">
        <v>87</v>
      </c>
      <c r="AK4808">
        <v>86</v>
      </c>
      <c r="AL4808">
        <v>86</v>
      </c>
      <c r="AM4808">
        <v>86</v>
      </c>
      <c r="AN4808">
        <v>85</v>
      </c>
      <c r="AO4808">
        <v>85</v>
      </c>
      <c r="AP4808">
        <v>84</v>
      </c>
      <c r="AQ4808">
        <v>84</v>
      </c>
    </row>
    <row r="4809" spans="1:43">
      <c r="A4809" t="s">
        <v>3028</v>
      </c>
      <c r="B4809" t="s">
        <v>3029</v>
      </c>
      <c r="C4809" t="s">
        <v>3022</v>
      </c>
      <c r="D4809" t="s">
        <v>3023</v>
      </c>
      <c r="E4809" t="s">
        <v>2928</v>
      </c>
      <c r="F4809" t="s">
        <v>2929</v>
      </c>
      <c r="G4809" t="s">
        <v>80</v>
      </c>
      <c r="H4809" t="s">
        <v>81</v>
      </c>
      <c r="I4809" s="2">
        <v>1</v>
      </c>
      <c r="J4809" s="2">
        <v>0</v>
      </c>
      <c r="K4809" s="2">
        <v>0</v>
      </c>
      <c r="L4809" t="s">
        <v>120</v>
      </c>
      <c r="M4809" t="s">
        <v>83</v>
      </c>
      <c r="N4809" t="s">
        <v>91</v>
      </c>
      <c r="O4809" t="s">
        <v>85</v>
      </c>
      <c r="P4809" t="s">
        <v>86</v>
      </c>
      <c r="Q4809">
        <v>79</v>
      </c>
      <c r="R4809">
        <v>80</v>
      </c>
      <c r="S4809">
        <v>80</v>
      </c>
      <c r="T4809">
        <v>80</v>
      </c>
      <c r="U4809">
        <v>81</v>
      </c>
      <c r="V4809">
        <v>81</v>
      </c>
      <c r="W4809">
        <v>82</v>
      </c>
      <c r="X4809">
        <v>82</v>
      </c>
      <c r="Y4809">
        <v>82</v>
      </c>
      <c r="Z4809">
        <v>83</v>
      </c>
      <c r="AA4809">
        <v>83</v>
      </c>
      <c r="AB4809">
        <v>83</v>
      </c>
      <c r="AC4809">
        <v>84</v>
      </c>
      <c r="AD4809">
        <v>84</v>
      </c>
      <c r="AE4809">
        <v>84</v>
      </c>
      <c r="AF4809">
        <v>84</v>
      </c>
      <c r="AG4809">
        <v>85</v>
      </c>
      <c r="AH4809">
        <v>85</v>
      </c>
      <c r="AI4809">
        <v>85</v>
      </c>
      <c r="AJ4809">
        <v>85</v>
      </c>
      <c r="AK4809">
        <v>86</v>
      </c>
      <c r="AL4809">
        <v>85</v>
      </c>
      <c r="AM4809">
        <v>85</v>
      </c>
      <c r="AN4809">
        <v>84</v>
      </c>
      <c r="AO4809">
        <v>84</v>
      </c>
      <c r="AP4809">
        <v>84</v>
      </c>
      <c r="AQ4809">
        <v>83</v>
      </c>
    </row>
    <row r="4810" spans="1:43">
      <c r="A4810" t="s">
        <v>3030</v>
      </c>
      <c r="B4810" t="s">
        <v>3031</v>
      </c>
      <c r="C4810" t="s">
        <v>3018</v>
      </c>
      <c r="D4810" t="s">
        <v>3019</v>
      </c>
      <c r="E4810" t="s">
        <v>2928</v>
      </c>
      <c r="F4810" t="s">
        <v>2929</v>
      </c>
      <c r="G4810" t="s">
        <v>80</v>
      </c>
      <c r="H4810" t="s">
        <v>81</v>
      </c>
      <c r="I4810" s="2">
        <v>1</v>
      </c>
      <c r="J4810" s="2">
        <v>0</v>
      </c>
      <c r="K4810" s="2">
        <v>0</v>
      </c>
      <c r="L4810" t="s">
        <v>120</v>
      </c>
      <c r="M4810" t="s">
        <v>83</v>
      </c>
      <c r="N4810" t="s">
        <v>84</v>
      </c>
      <c r="O4810" t="s">
        <v>85</v>
      </c>
      <c r="P4810" t="s">
        <v>86</v>
      </c>
      <c r="Q4810">
        <v>6</v>
      </c>
      <c r="R4810">
        <v>6</v>
      </c>
      <c r="S4810">
        <v>6</v>
      </c>
      <c r="T4810">
        <v>6</v>
      </c>
      <c r="U4810">
        <v>6</v>
      </c>
      <c r="V4810">
        <v>6</v>
      </c>
      <c r="W4810">
        <v>6</v>
      </c>
      <c r="X4810">
        <v>6</v>
      </c>
      <c r="Y4810">
        <v>6</v>
      </c>
      <c r="Z4810">
        <v>6</v>
      </c>
      <c r="AA4810">
        <v>6</v>
      </c>
      <c r="AB4810">
        <v>6</v>
      </c>
      <c r="AC4810">
        <v>6</v>
      </c>
      <c r="AD4810">
        <v>6</v>
      </c>
      <c r="AE4810">
        <v>6</v>
      </c>
      <c r="AF4810">
        <v>6</v>
      </c>
      <c r="AG4810">
        <v>6</v>
      </c>
      <c r="AH4810">
        <v>6</v>
      </c>
      <c r="AI4810">
        <v>6</v>
      </c>
      <c r="AJ4810">
        <v>6</v>
      </c>
      <c r="AK4810">
        <v>6</v>
      </c>
      <c r="AL4810">
        <v>6</v>
      </c>
      <c r="AM4810">
        <v>6</v>
      </c>
      <c r="AN4810">
        <v>6</v>
      </c>
      <c r="AO4810">
        <v>6</v>
      </c>
      <c r="AP4810">
        <v>6</v>
      </c>
      <c r="AQ4810">
        <v>6</v>
      </c>
    </row>
    <row r="4811" spans="1:43">
      <c r="A4811" t="s">
        <v>3030</v>
      </c>
      <c r="B4811" t="s">
        <v>3031</v>
      </c>
      <c r="C4811" t="s">
        <v>3018</v>
      </c>
      <c r="D4811" t="s">
        <v>3019</v>
      </c>
      <c r="E4811" t="s">
        <v>2928</v>
      </c>
      <c r="F4811" t="s">
        <v>2929</v>
      </c>
      <c r="G4811" t="s">
        <v>80</v>
      </c>
      <c r="H4811" t="s">
        <v>81</v>
      </c>
      <c r="I4811" s="2">
        <v>1</v>
      </c>
      <c r="J4811" s="2">
        <v>0</v>
      </c>
      <c r="K4811" s="2">
        <v>0</v>
      </c>
      <c r="L4811" t="s">
        <v>120</v>
      </c>
      <c r="M4811" t="s">
        <v>87</v>
      </c>
      <c r="N4811" t="s">
        <v>88</v>
      </c>
      <c r="O4811" t="s">
        <v>85</v>
      </c>
      <c r="P4811" t="s">
        <v>86</v>
      </c>
      <c r="Q4811">
        <v>6</v>
      </c>
      <c r="R4811">
        <v>6</v>
      </c>
      <c r="S4811">
        <v>6</v>
      </c>
      <c r="T4811">
        <v>6</v>
      </c>
      <c r="U4811">
        <v>6</v>
      </c>
      <c r="V4811">
        <v>6</v>
      </c>
      <c r="W4811">
        <v>6</v>
      </c>
      <c r="X4811">
        <v>6</v>
      </c>
      <c r="Y4811">
        <v>6</v>
      </c>
      <c r="Z4811">
        <v>6</v>
      </c>
      <c r="AA4811">
        <v>6</v>
      </c>
      <c r="AB4811">
        <v>6</v>
      </c>
      <c r="AC4811">
        <v>6</v>
      </c>
      <c r="AD4811">
        <v>6</v>
      </c>
      <c r="AE4811">
        <v>6</v>
      </c>
      <c r="AF4811">
        <v>5</v>
      </c>
      <c r="AG4811">
        <v>5</v>
      </c>
      <c r="AH4811">
        <v>5</v>
      </c>
      <c r="AI4811">
        <v>5</v>
      </c>
      <c r="AJ4811">
        <v>5</v>
      </c>
      <c r="AK4811">
        <v>5</v>
      </c>
      <c r="AL4811">
        <v>5</v>
      </c>
      <c r="AM4811">
        <v>5</v>
      </c>
      <c r="AN4811">
        <v>5</v>
      </c>
      <c r="AO4811">
        <v>5</v>
      </c>
      <c r="AP4811">
        <v>5</v>
      </c>
      <c r="AQ4811">
        <v>5</v>
      </c>
    </row>
    <row r="4812" spans="1:43">
      <c r="A4812" t="s">
        <v>3030</v>
      </c>
      <c r="B4812" t="s">
        <v>3031</v>
      </c>
      <c r="C4812" t="s">
        <v>3018</v>
      </c>
      <c r="D4812" t="s">
        <v>3019</v>
      </c>
      <c r="E4812" t="s">
        <v>2928</v>
      </c>
      <c r="F4812" t="s">
        <v>2929</v>
      </c>
      <c r="G4812" t="s">
        <v>80</v>
      </c>
      <c r="H4812" t="s">
        <v>81</v>
      </c>
      <c r="I4812" s="2">
        <v>1</v>
      </c>
      <c r="J4812" s="2">
        <v>0</v>
      </c>
      <c r="K4812" s="2">
        <v>0</v>
      </c>
      <c r="L4812" t="s">
        <v>120</v>
      </c>
      <c r="M4812" t="s">
        <v>89</v>
      </c>
      <c r="N4812" t="s">
        <v>90</v>
      </c>
      <c r="O4812" t="s">
        <v>85</v>
      </c>
      <c r="P4812" t="s">
        <v>86</v>
      </c>
      <c r="Q4812">
        <v>6</v>
      </c>
      <c r="R4812">
        <v>6</v>
      </c>
      <c r="S4812">
        <v>6</v>
      </c>
      <c r="T4812">
        <v>6</v>
      </c>
      <c r="U4812">
        <v>6</v>
      </c>
      <c r="V4812">
        <v>6</v>
      </c>
      <c r="W4812">
        <v>6</v>
      </c>
      <c r="X4812">
        <v>6</v>
      </c>
      <c r="Y4812">
        <v>6</v>
      </c>
      <c r="Z4812">
        <v>7</v>
      </c>
      <c r="AA4812">
        <v>7</v>
      </c>
      <c r="AB4812">
        <v>7</v>
      </c>
      <c r="AC4812">
        <v>7</v>
      </c>
      <c r="AD4812">
        <v>7</v>
      </c>
      <c r="AE4812">
        <v>7</v>
      </c>
      <c r="AF4812">
        <v>7</v>
      </c>
      <c r="AG4812">
        <v>7</v>
      </c>
      <c r="AH4812">
        <v>6</v>
      </c>
      <c r="AI4812">
        <v>6</v>
      </c>
      <c r="AJ4812">
        <v>6</v>
      </c>
      <c r="AK4812">
        <v>6</v>
      </c>
      <c r="AL4812">
        <v>6</v>
      </c>
      <c r="AM4812">
        <v>6</v>
      </c>
      <c r="AN4812">
        <v>6</v>
      </c>
      <c r="AO4812">
        <v>6</v>
      </c>
      <c r="AP4812">
        <v>6</v>
      </c>
      <c r="AQ4812">
        <v>6</v>
      </c>
    </row>
    <row r="4813" spans="1:43">
      <c r="A4813" t="s">
        <v>3030</v>
      </c>
      <c r="B4813" t="s">
        <v>3031</v>
      </c>
      <c r="C4813" t="s">
        <v>3018</v>
      </c>
      <c r="D4813" t="s">
        <v>3019</v>
      </c>
      <c r="E4813" t="s">
        <v>2928</v>
      </c>
      <c r="F4813" t="s">
        <v>2929</v>
      </c>
      <c r="G4813" t="s">
        <v>80</v>
      </c>
      <c r="H4813" t="s">
        <v>81</v>
      </c>
      <c r="I4813" s="2">
        <v>1</v>
      </c>
      <c r="J4813" s="2">
        <v>0</v>
      </c>
      <c r="K4813" s="2">
        <v>0</v>
      </c>
      <c r="L4813" t="s">
        <v>120</v>
      </c>
      <c r="M4813" t="s">
        <v>83</v>
      </c>
      <c r="N4813" t="s">
        <v>91</v>
      </c>
      <c r="O4813" t="s">
        <v>85</v>
      </c>
      <c r="P4813" t="s">
        <v>86</v>
      </c>
      <c r="Q4813">
        <v>6</v>
      </c>
      <c r="R4813">
        <v>6</v>
      </c>
      <c r="S4813">
        <v>6</v>
      </c>
      <c r="T4813">
        <v>6</v>
      </c>
      <c r="U4813">
        <v>6</v>
      </c>
      <c r="V4813">
        <v>6</v>
      </c>
      <c r="W4813">
        <v>6</v>
      </c>
      <c r="X4813">
        <v>6</v>
      </c>
      <c r="Y4813">
        <v>6</v>
      </c>
      <c r="Z4813">
        <v>6</v>
      </c>
      <c r="AA4813">
        <v>6</v>
      </c>
      <c r="AB4813">
        <v>6</v>
      </c>
      <c r="AC4813">
        <v>6</v>
      </c>
      <c r="AD4813">
        <v>6</v>
      </c>
      <c r="AE4813">
        <v>6</v>
      </c>
      <c r="AF4813">
        <v>6</v>
      </c>
      <c r="AG4813">
        <v>6</v>
      </c>
      <c r="AH4813">
        <v>6</v>
      </c>
      <c r="AI4813">
        <v>6</v>
      </c>
      <c r="AJ4813">
        <v>6</v>
      </c>
      <c r="AK4813">
        <v>6</v>
      </c>
      <c r="AL4813">
        <v>6</v>
      </c>
      <c r="AM4813">
        <v>6</v>
      </c>
      <c r="AN4813">
        <v>6</v>
      </c>
      <c r="AO4813">
        <v>6</v>
      </c>
      <c r="AP4813">
        <v>6</v>
      </c>
      <c r="AQ4813">
        <v>6</v>
      </c>
    </row>
    <row r="4814" spans="1:43">
      <c r="A4814" t="s">
        <v>3032</v>
      </c>
      <c r="B4814" t="s">
        <v>3033</v>
      </c>
      <c r="C4814" t="s">
        <v>3022</v>
      </c>
      <c r="D4814" t="s">
        <v>3023</v>
      </c>
      <c r="E4814" t="s">
        <v>2928</v>
      </c>
      <c r="F4814" t="s">
        <v>2929</v>
      </c>
      <c r="G4814" t="s">
        <v>80</v>
      </c>
      <c r="H4814" t="s">
        <v>81</v>
      </c>
      <c r="I4814" s="2">
        <v>1</v>
      </c>
      <c r="J4814" s="2">
        <v>0</v>
      </c>
      <c r="K4814" s="2">
        <v>0</v>
      </c>
      <c r="L4814" t="s">
        <v>120</v>
      </c>
      <c r="M4814" t="s">
        <v>83</v>
      </c>
      <c r="N4814" t="s">
        <v>84</v>
      </c>
      <c r="O4814" t="s">
        <v>85</v>
      </c>
      <c r="P4814" t="s">
        <v>86</v>
      </c>
      <c r="Q4814">
        <v>135</v>
      </c>
      <c r="R4814">
        <v>136</v>
      </c>
      <c r="S4814">
        <v>137</v>
      </c>
      <c r="T4814">
        <v>138</v>
      </c>
      <c r="U4814">
        <v>139</v>
      </c>
      <c r="V4814">
        <v>139</v>
      </c>
      <c r="W4814">
        <v>140</v>
      </c>
      <c r="X4814">
        <v>141</v>
      </c>
      <c r="Y4814">
        <v>141</v>
      </c>
      <c r="Z4814">
        <v>142</v>
      </c>
      <c r="AA4814">
        <v>143</v>
      </c>
      <c r="AB4814">
        <v>143</v>
      </c>
      <c r="AC4814">
        <v>144</v>
      </c>
      <c r="AD4814">
        <v>144</v>
      </c>
      <c r="AE4814">
        <v>145</v>
      </c>
      <c r="AF4814">
        <v>145</v>
      </c>
      <c r="AG4814">
        <v>146</v>
      </c>
      <c r="AH4814">
        <v>146</v>
      </c>
      <c r="AI4814">
        <v>147</v>
      </c>
      <c r="AJ4814">
        <v>147</v>
      </c>
      <c r="AK4814">
        <v>147</v>
      </c>
      <c r="AL4814">
        <v>147</v>
      </c>
      <c r="AM4814">
        <v>146</v>
      </c>
      <c r="AN4814">
        <v>146</v>
      </c>
      <c r="AO4814">
        <v>145</v>
      </c>
      <c r="AP4814">
        <v>145</v>
      </c>
      <c r="AQ4814">
        <v>144</v>
      </c>
    </row>
    <row r="4815" spans="1:43">
      <c r="A4815" t="s">
        <v>3032</v>
      </c>
      <c r="B4815" t="s">
        <v>3033</v>
      </c>
      <c r="C4815" t="s">
        <v>3022</v>
      </c>
      <c r="D4815" t="s">
        <v>3023</v>
      </c>
      <c r="E4815" t="s">
        <v>2928</v>
      </c>
      <c r="F4815" t="s">
        <v>2929</v>
      </c>
      <c r="G4815" t="s">
        <v>80</v>
      </c>
      <c r="H4815" t="s">
        <v>81</v>
      </c>
      <c r="I4815" s="2">
        <v>1</v>
      </c>
      <c r="J4815" s="2">
        <v>0</v>
      </c>
      <c r="K4815" s="2">
        <v>0</v>
      </c>
      <c r="L4815" t="s">
        <v>120</v>
      </c>
      <c r="M4815" t="s">
        <v>87</v>
      </c>
      <c r="N4815" t="s">
        <v>88</v>
      </c>
      <c r="O4815" t="s">
        <v>85</v>
      </c>
      <c r="P4815" t="s">
        <v>86</v>
      </c>
      <c r="Q4815">
        <v>135</v>
      </c>
      <c r="R4815">
        <v>135</v>
      </c>
      <c r="S4815">
        <v>134</v>
      </c>
      <c r="T4815">
        <v>134</v>
      </c>
      <c r="U4815">
        <v>133</v>
      </c>
      <c r="V4815">
        <v>133</v>
      </c>
      <c r="W4815">
        <v>133</v>
      </c>
      <c r="X4815">
        <v>132</v>
      </c>
      <c r="Y4815">
        <v>132</v>
      </c>
      <c r="Z4815">
        <v>132</v>
      </c>
      <c r="AA4815">
        <v>131</v>
      </c>
      <c r="AB4815">
        <v>131</v>
      </c>
      <c r="AC4815">
        <v>130</v>
      </c>
      <c r="AD4815">
        <v>130</v>
      </c>
      <c r="AE4815">
        <v>130</v>
      </c>
      <c r="AF4815">
        <v>129</v>
      </c>
      <c r="AG4815">
        <v>129</v>
      </c>
      <c r="AH4815">
        <v>129</v>
      </c>
      <c r="AI4815">
        <v>128</v>
      </c>
      <c r="AJ4815">
        <v>128</v>
      </c>
      <c r="AK4815">
        <v>128</v>
      </c>
      <c r="AL4815">
        <v>127</v>
      </c>
      <c r="AM4815">
        <v>127</v>
      </c>
      <c r="AN4815">
        <v>127</v>
      </c>
      <c r="AO4815">
        <v>126</v>
      </c>
      <c r="AP4815">
        <v>126</v>
      </c>
      <c r="AQ4815">
        <v>126</v>
      </c>
    </row>
    <row r="4816" spans="1:43">
      <c r="A4816" t="s">
        <v>3032</v>
      </c>
      <c r="B4816" t="s">
        <v>3033</v>
      </c>
      <c r="C4816" t="s">
        <v>3022</v>
      </c>
      <c r="D4816" t="s">
        <v>3023</v>
      </c>
      <c r="E4816" t="s">
        <v>2928</v>
      </c>
      <c r="F4816" t="s">
        <v>2929</v>
      </c>
      <c r="G4816" t="s">
        <v>80</v>
      </c>
      <c r="H4816" t="s">
        <v>81</v>
      </c>
      <c r="I4816" s="2">
        <v>1</v>
      </c>
      <c r="J4816" s="2">
        <v>0</v>
      </c>
      <c r="K4816" s="2">
        <v>0</v>
      </c>
      <c r="L4816" t="s">
        <v>120</v>
      </c>
      <c r="M4816" t="s">
        <v>89</v>
      </c>
      <c r="N4816" t="s">
        <v>90</v>
      </c>
      <c r="O4816" t="s">
        <v>85</v>
      </c>
      <c r="P4816" t="s">
        <v>86</v>
      </c>
      <c r="Q4816">
        <v>135</v>
      </c>
      <c r="R4816">
        <v>137</v>
      </c>
      <c r="S4816">
        <v>139</v>
      </c>
      <c r="T4816">
        <v>140</v>
      </c>
      <c r="U4816">
        <v>142</v>
      </c>
      <c r="V4816">
        <v>144</v>
      </c>
      <c r="W4816">
        <v>145</v>
      </c>
      <c r="X4816">
        <v>146</v>
      </c>
      <c r="Y4816">
        <v>147</v>
      </c>
      <c r="Z4816">
        <v>149</v>
      </c>
      <c r="AA4816">
        <v>150</v>
      </c>
      <c r="AB4816">
        <v>150</v>
      </c>
      <c r="AC4816">
        <v>152</v>
      </c>
      <c r="AD4816">
        <v>153</v>
      </c>
      <c r="AE4816">
        <v>153</v>
      </c>
      <c r="AF4816">
        <v>152</v>
      </c>
      <c r="AG4816">
        <v>151</v>
      </c>
      <c r="AH4816">
        <v>151</v>
      </c>
      <c r="AI4816">
        <v>150</v>
      </c>
      <c r="AJ4816">
        <v>149</v>
      </c>
      <c r="AK4816">
        <v>148</v>
      </c>
      <c r="AL4816">
        <v>148</v>
      </c>
      <c r="AM4816">
        <v>147</v>
      </c>
      <c r="AN4816">
        <v>146</v>
      </c>
      <c r="AO4816">
        <v>146</v>
      </c>
      <c r="AP4816">
        <v>145</v>
      </c>
      <c r="AQ4816">
        <v>144</v>
      </c>
    </row>
    <row r="4817" spans="1:43">
      <c r="A4817" t="s">
        <v>3032</v>
      </c>
      <c r="B4817" t="s">
        <v>3033</v>
      </c>
      <c r="C4817" t="s">
        <v>3022</v>
      </c>
      <c r="D4817" t="s">
        <v>3023</v>
      </c>
      <c r="E4817" t="s">
        <v>2928</v>
      </c>
      <c r="F4817" t="s">
        <v>2929</v>
      </c>
      <c r="G4817" t="s">
        <v>80</v>
      </c>
      <c r="H4817" t="s">
        <v>81</v>
      </c>
      <c r="I4817" s="2">
        <v>1</v>
      </c>
      <c r="J4817" s="2">
        <v>0</v>
      </c>
      <c r="K4817" s="2">
        <v>0</v>
      </c>
      <c r="L4817" t="s">
        <v>120</v>
      </c>
      <c r="M4817" t="s">
        <v>83</v>
      </c>
      <c r="N4817" t="s">
        <v>91</v>
      </c>
      <c r="O4817" t="s">
        <v>85</v>
      </c>
      <c r="P4817" t="s">
        <v>86</v>
      </c>
      <c r="Q4817">
        <v>135</v>
      </c>
      <c r="R4817">
        <v>136</v>
      </c>
      <c r="S4817">
        <v>137</v>
      </c>
      <c r="T4817">
        <v>138</v>
      </c>
      <c r="U4817">
        <v>139</v>
      </c>
      <c r="V4817">
        <v>139</v>
      </c>
      <c r="W4817">
        <v>140</v>
      </c>
      <c r="X4817">
        <v>141</v>
      </c>
      <c r="Y4817">
        <v>141</v>
      </c>
      <c r="Z4817">
        <v>142</v>
      </c>
      <c r="AA4817">
        <v>143</v>
      </c>
      <c r="AB4817">
        <v>143</v>
      </c>
      <c r="AC4817">
        <v>144</v>
      </c>
      <c r="AD4817">
        <v>144</v>
      </c>
      <c r="AE4817">
        <v>145</v>
      </c>
      <c r="AF4817">
        <v>145</v>
      </c>
      <c r="AG4817">
        <v>146</v>
      </c>
      <c r="AH4817">
        <v>146</v>
      </c>
      <c r="AI4817">
        <v>147</v>
      </c>
      <c r="AJ4817">
        <v>147</v>
      </c>
      <c r="AK4817">
        <v>147</v>
      </c>
      <c r="AL4817">
        <v>147</v>
      </c>
      <c r="AM4817">
        <v>146</v>
      </c>
      <c r="AN4817">
        <v>146</v>
      </c>
      <c r="AO4817">
        <v>145</v>
      </c>
      <c r="AP4817">
        <v>145</v>
      </c>
      <c r="AQ4817">
        <v>144</v>
      </c>
    </row>
    <row r="4818" spans="1:43">
      <c r="A4818" t="s">
        <v>3034</v>
      </c>
      <c r="B4818" t="s">
        <v>3035</v>
      </c>
      <c r="C4818" t="s">
        <v>3022</v>
      </c>
      <c r="D4818" t="s">
        <v>3023</v>
      </c>
      <c r="E4818" t="s">
        <v>2928</v>
      </c>
      <c r="F4818" t="s">
        <v>2929</v>
      </c>
      <c r="G4818" t="s">
        <v>80</v>
      </c>
      <c r="H4818" t="s">
        <v>81</v>
      </c>
      <c r="I4818" s="2">
        <v>1</v>
      </c>
      <c r="J4818" s="2">
        <v>0</v>
      </c>
      <c r="K4818" s="2">
        <v>0</v>
      </c>
      <c r="L4818" t="s">
        <v>120</v>
      </c>
      <c r="M4818" t="s">
        <v>83</v>
      </c>
      <c r="N4818" t="s">
        <v>84</v>
      </c>
      <c r="O4818" t="s">
        <v>85</v>
      </c>
      <c r="P4818" t="s">
        <v>86</v>
      </c>
      <c r="Q4818">
        <v>17</v>
      </c>
      <c r="R4818">
        <v>17</v>
      </c>
      <c r="S4818">
        <v>17</v>
      </c>
      <c r="T4818">
        <v>17</v>
      </c>
      <c r="U4818">
        <v>17</v>
      </c>
      <c r="V4818">
        <v>17</v>
      </c>
      <c r="W4818">
        <v>17</v>
      </c>
      <c r="X4818">
        <v>17</v>
      </c>
      <c r="Y4818">
        <v>17</v>
      </c>
      <c r="Z4818">
        <v>17</v>
      </c>
      <c r="AA4818">
        <v>17</v>
      </c>
      <c r="AB4818">
        <v>18</v>
      </c>
      <c r="AC4818">
        <v>18</v>
      </c>
      <c r="AD4818">
        <v>18</v>
      </c>
      <c r="AE4818">
        <v>18</v>
      </c>
      <c r="AF4818">
        <v>18</v>
      </c>
      <c r="AG4818">
        <v>18</v>
      </c>
      <c r="AH4818">
        <v>18</v>
      </c>
      <c r="AI4818">
        <v>18</v>
      </c>
      <c r="AJ4818">
        <v>18</v>
      </c>
      <c r="AK4818">
        <v>18</v>
      </c>
      <c r="AL4818">
        <v>18</v>
      </c>
      <c r="AM4818">
        <v>18</v>
      </c>
      <c r="AN4818">
        <v>18</v>
      </c>
      <c r="AO4818">
        <v>18</v>
      </c>
      <c r="AP4818">
        <v>18</v>
      </c>
      <c r="AQ4818">
        <v>18</v>
      </c>
    </row>
    <row r="4819" spans="1:43">
      <c r="A4819" t="s">
        <v>3034</v>
      </c>
      <c r="B4819" t="s">
        <v>3035</v>
      </c>
      <c r="C4819" t="s">
        <v>3022</v>
      </c>
      <c r="D4819" t="s">
        <v>3023</v>
      </c>
      <c r="E4819" t="s">
        <v>2928</v>
      </c>
      <c r="F4819" t="s">
        <v>2929</v>
      </c>
      <c r="G4819" t="s">
        <v>80</v>
      </c>
      <c r="H4819" t="s">
        <v>81</v>
      </c>
      <c r="I4819" s="2">
        <v>1</v>
      </c>
      <c r="J4819" s="2">
        <v>0</v>
      </c>
      <c r="K4819" s="2">
        <v>0</v>
      </c>
      <c r="L4819" t="s">
        <v>120</v>
      </c>
      <c r="M4819" t="s">
        <v>87</v>
      </c>
      <c r="N4819" t="s">
        <v>88</v>
      </c>
      <c r="O4819" t="s">
        <v>85</v>
      </c>
      <c r="P4819" t="s">
        <v>86</v>
      </c>
      <c r="Q4819">
        <v>17</v>
      </c>
      <c r="R4819">
        <v>17</v>
      </c>
      <c r="S4819">
        <v>17</v>
      </c>
      <c r="T4819">
        <v>17</v>
      </c>
      <c r="U4819">
        <v>17</v>
      </c>
      <c r="V4819">
        <v>17</v>
      </c>
      <c r="W4819">
        <v>17</v>
      </c>
      <c r="X4819">
        <v>17</v>
      </c>
      <c r="Y4819">
        <v>17</v>
      </c>
      <c r="Z4819">
        <v>17</v>
      </c>
      <c r="AA4819">
        <v>17</v>
      </c>
      <c r="AB4819">
        <v>17</v>
      </c>
      <c r="AC4819">
        <v>17</v>
      </c>
      <c r="AD4819">
        <v>17</v>
      </c>
      <c r="AE4819">
        <v>17</v>
      </c>
      <c r="AF4819">
        <v>17</v>
      </c>
      <c r="AG4819">
        <v>17</v>
      </c>
      <c r="AH4819">
        <v>17</v>
      </c>
      <c r="AI4819">
        <v>17</v>
      </c>
      <c r="AJ4819">
        <v>17</v>
      </c>
      <c r="AK4819">
        <v>16</v>
      </c>
      <c r="AL4819">
        <v>16</v>
      </c>
      <c r="AM4819">
        <v>16</v>
      </c>
      <c r="AN4819">
        <v>16</v>
      </c>
      <c r="AO4819">
        <v>16</v>
      </c>
      <c r="AP4819">
        <v>16</v>
      </c>
      <c r="AQ4819">
        <v>16</v>
      </c>
    </row>
    <row r="4820" spans="1:43">
      <c r="A4820" t="s">
        <v>3034</v>
      </c>
      <c r="B4820" t="s">
        <v>3035</v>
      </c>
      <c r="C4820" t="s">
        <v>3022</v>
      </c>
      <c r="D4820" t="s">
        <v>3023</v>
      </c>
      <c r="E4820" t="s">
        <v>2928</v>
      </c>
      <c r="F4820" t="s">
        <v>2929</v>
      </c>
      <c r="G4820" t="s">
        <v>80</v>
      </c>
      <c r="H4820" t="s">
        <v>81</v>
      </c>
      <c r="I4820" s="2">
        <v>1</v>
      </c>
      <c r="J4820" s="2">
        <v>0</v>
      </c>
      <c r="K4820" s="2">
        <v>0</v>
      </c>
      <c r="L4820" t="s">
        <v>120</v>
      </c>
      <c r="M4820" t="s">
        <v>89</v>
      </c>
      <c r="N4820" t="s">
        <v>90</v>
      </c>
      <c r="O4820" t="s">
        <v>85</v>
      </c>
      <c r="P4820" t="s">
        <v>86</v>
      </c>
      <c r="Q4820">
        <v>17</v>
      </c>
      <c r="R4820">
        <v>17</v>
      </c>
      <c r="S4820">
        <v>17</v>
      </c>
      <c r="T4820">
        <v>17</v>
      </c>
      <c r="U4820">
        <v>18</v>
      </c>
      <c r="V4820">
        <v>18</v>
      </c>
      <c r="W4820">
        <v>18</v>
      </c>
      <c r="X4820">
        <v>18</v>
      </c>
      <c r="Y4820">
        <v>18</v>
      </c>
      <c r="Z4820">
        <v>18</v>
      </c>
      <c r="AA4820">
        <v>19</v>
      </c>
      <c r="AB4820">
        <v>19</v>
      </c>
      <c r="AC4820">
        <v>19</v>
      </c>
      <c r="AD4820">
        <v>19</v>
      </c>
      <c r="AE4820">
        <v>19</v>
      </c>
      <c r="AF4820">
        <v>19</v>
      </c>
      <c r="AG4820">
        <v>19</v>
      </c>
      <c r="AH4820">
        <v>19</v>
      </c>
      <c r="AI4820">
        <v>19</v>
      </c>
      <c r="AJ4820">
        <v>19</v>
      </c>
      <c r="AK4820">
        <v>18</v>
      </c>
      <c r="AL4820">
        <v>18</v>
      </c>
      <c r="AM4820">
        <v>18</v>
      </c>
      <c r="AN4820">
        <v>18</v>
      </c>
      <c r="AO4820">
        <v>18</v>
      </c>
      <c r="AP4820">
        <v>18</v>
      </c>
      <c r="AQ4820">
        <v>18</v>
      </c>
    </row>
    <row r="4821" spans="1:43">
      <c r="A4821" t="s">
        <v>3034</v>
      </c>
      <c r="B4821" t="s">
        <v>3035</v>
      </c>
      <c r="C4821" t="s">
        <v>3022</v>
      </c>
      <c r="D4821" t="s">
        <v>3023</v>
      </c>
      <c r="E4821" t="s">
        <v>2928</v>
      </c>
      <c r="F4821" t="s">
        <v>2929</v>
      </c>
      <c r="G4821" t="s">
        <v>80</v>
      </c>
      <c r="H4821" t="s">
        <v>81</v>
      </c>
      <c r="I4821" s="2">
        <v>1</v>
      </c>
      <c r="J4821" s="2">
        <v>0</v>
      </c>
      <c r="K4821" s="2">
        <v>0</v>
      </c>
      <c r="L4821" t="s">
        <v>120</v>
      </c>
      <c r="M4821" t="s">
        <v>83</v>
      </c>
      <c r="N4821" t="s">
        <v>91</v>
      </c>
      <c r="O4821" t="s">
        <v>85</v>
      </c>
      <c r="P4821" t="s">
        <v>86</v>
      </c>
      <c r="Q4821">
        <v>17</v>
      </c>
      <c r="R4821">
        <v>17</v>
      </c>
      <c r="S4821">
        <v>17</v>
      </c>
      <c r="T4821">
        <v>17</v>
      </c>
      <c r="U4821">
        <v>17</v>
      </c>
      <c r="V4821">
        <v>17</v>
      </c>
      <c r="W4821">
        <v>17</v>
      </c>
      <c r="X4821">
        <v>17</v>
      </c>
      <c r="Y4821">
        <v>17</v>
      </c>
      <c r="Z4821">
        <v>17</v>
      </c>
      <c r="AA4821">
        <v>17</v>
      </c>
      <c r="AB4821">
        <v>18</v>
      </c>
      <c r="AC4821">
        <v>18</v>
      </c>
      <c r="AD4821">
        <v>18</v>
      </c>
      <c r="AE4821">
        <v>18</v>
      </c>
      <c r="AF4821">
        <v>18</v>
      </c>
      <c r="AG4821">
        <v>18</v>
      </c>
      <c r="AH4821">
        <v>18</v>
      </c>
      <c r="AI4821">
        <v>18</v>
      </c>
      <c r="AJ4821">
        <v>18</v>
      </c>
      <c r="AK4821">
        <v>18</v>
      </c>
      <c r="AL4821">
        <v>18</v>
      </c>
      <c r="AM4821">
        <v>18</v>
      </c>
      <c r="AN4821">
        <v>18</v>
      </c>
      <c r="AO4821">
        <v>18</v>
      </c>
      <c r="AP4821">
        <v>18</v>
      </c>
      <c r="AQ4821">
        <v>18</v>
      </c>
    </row>
    <row r="4822" spans="1:43">
      <c r="A4822" t="s">
        <v>3036</v>
      </c>
      <c r="B4822" t="s">
        <v>3037</v>
      </c>
      <c r="C4822" t="s">
        <v>3038</v>
      </c>
      <c r="D4822" t="s">
        <v>3039</v>
      </c>
      <c r="E4822" t="s">
        <v>2928</v>
      </c>
      <c r="F4822" t="s">
        <v>2929</v>
      </c>
      <c r="G4822" t="s">
        <v>80</v>
      </c>
      <c r="H4822" t="s">
        <v>81</v>
      </c>
      <c r="I4822" s="2">
        <v>1</v>
      </c>
      <c r="J4822" s="2">
        <v>0</v>
      </c>
      <c r="K4822" s="2">
        <v>0</v>
      </c>
      <c r="L4822" t="s">
        <v>120</v>
      </c>
      <c r="M4822" t="s">
        <v>83</v>
      </c>
      <c r="N4822" t="s">
        <v>84</v>
      </c>
      <c r="O4822" t="s">
        <v>85</v>
      </c>
      <c r="P4822" t="s">
        <v>86</v>
      </c>
      <c r="Q4822">
        <v>20</v>
      </c>
      <c r="R4822">
        <v>20</v>
      </c>
      <c r="S4822">
        <v>20</v>
      </c>
      <c r="T4822">
        <v>20</v>
      </c>
      <c r="U4822">
        <v>20</v>
      </c>
      <c r="V4822">
        <v>20</v>
      </c>
      <c r="W4822">
        <v>20</v>
      </c>
      <c r="X4822">
        <v>20</v>
      </c>
      <c r="Y4822">
        <v>21</v>
      </c>
      <c r="Z4822">
        <v>21</v>
      </c>
      <c r="AA4822">
        <v>21</v>
      </c>
      <c r="AB4822">
        <v>21</v>
      </c>
      <c r="AC4822">
        <v>21</v>
      </c>
      <c r="AD4822">
        <v>21</v>
      </c>
      <c r="AE4822">
        <v>21</v>
      </c>
      <c r="AF4822">
        <v>21</v>
      </c>
      <c r="AG4822">
        <v>21</v>
      </c>
      <c r="AH4822">
        <v>21</v>
      </c>
      <c r="AI4822">
        <v>21</v>
      </c>
      <c r="AJ4822">
        <v>21</v>
      </c>
      <c r="AK4822">
        <v>21</v>
      </c>
      <c r="AL4822">
        <v>21</v>
      </c>
      <c r="AM4822">
        <v>21</v>
      </c>
      <c r="AN4822">
        <v>21</v>
      </c>
      <c r="AO4822">
        <v>21</v>
      </c>
      <c r="AP4822">
        <v>21</v>
      </c>
      <c r="AQ4822">
        <v>21</v>
      </c>
    </row>
    <row r="4823" spans="1:43">
      <c r="A4823" t="s">
        <v>3036</v>
      </c>
      <c r="B4823" t="s">
        <v>3037</v>
      </c>
      <c r="C4823" t="s">
        <v>3038</v>
      </c>
      <c r="D4823" t="s">
        <v>3039</v>
      </c>
      <c r="E4823" t="s">
        <v>2928</v>
      </c>
      <c r="F4823" t="s">
        <v>2929</v>
      </c>
      <c r="G4823" t="s">
        <v>80</v>
      </c>
      <c r="H4823" t="s">
        <v>81</v>
      </c>
      <c r="I4823" s="2">
        <v>1</v>
      </c>
      <c r="J4823" s="2">
        <v>0</v>
      </c>
      <c r="K4823" s="2">
        <v>0</v>
      </c>
      <c r="L4823" t="s">
        <v>120</v>
      </c>
      <c r="M4823" t="s">
        <v>87</v>
      </c>
      <c r="N4823" t="s">
        <v>88</v>
      </c>
      <c r="O4823" t="s">
        <v>85</v>
      </c>
      <c r="P4823" t="s">
        <v>86</v>
      </c>
      <c r="Q4823">
        <v>20</v>
      </c>
      <c r="R4823">
        <v>20</v>
      </c>
      <c r="S4823">
        <v>20</v>
      </c>
      <c r="T4823">
        <v>20</v>
      </c>
      <c r="U4823">
        <v>20</v>
      </c>
      <c r="V4823">
        <v>20</v>
      </c>
      <c r="W4823">
        <v>20</v>
      </c>
      <c r="X4823">
        <v>20</v>
      </c>
      <c r="Y4823">
        <v>20</v>
      </c>
      <c r="Z4823">
        <v>20</v>
      </c>
      <c r="AA4823">
        <v>20</v>
      </c>
      <c r="AB4823">
        <v>20</v>
      </c>
      <c r="AC4823">
        <v>20</v>
      </c>
      <c r="AD4823">
        <v>20</v>
      </c>
      <c r="AE4823">
        <v>20</v>
      </c>
      <c r="AF4823">
        <v>20</v>
      </c>
      <c r="AG4823">
        <v>20</v>
      </c>
      <c r="AH4823">
        <v>19</v>
      </c>
      <c r="AI4823">
        <v>19</v>
      </c>
      <c r="AJ4823">
        <v>19</v>
      </c>
      <c r="AK4823">
        <v>19</v>
      </c>
      <c r="AL4823">
        <v>19</v>
      </c>
      <c r="AM4823">
        <v>19</v>
      </c>
      <c r="AN4823">
        <v>19</v>
      </c>
      <c r="AO4823">
        <v>19</v>
      </c>
      <c r="AP4823">
        <v>19</v>
      </c>
      <c r="AQ4823">
        <v>19</v>
      </c>
    </row>
    <row r="4824" spans="1:43">
      <c r="A4824" t="s">
        <v>3036</v>
      </c>
      <c r="B4824" t="s">
        <v>3037</v>
      </c>
      <c r="C4824" t="s">
        <v>3038</v>
      </c>
      <c r="D4824" t="s">
        <v>3039</v>
      </c>
      <c r="E4824" t="s">
        <v>2928</v>
      </c>
      <c r="F4824" t="s">
        <v>2929</v>
      </c>
      <c r="G4824" t="s">
        <v>80</v>
      </c>
      <c r="H4824" t="s">
        <v>81</v>
      </c>
      <c r="I4824" s="2">
        <v>1</v>
      </c>
      <c r="J4824" s="2">
        <v>0</v>
      </c>
      <c r="K4824" s="2">
        <v>0</v>
      </c>
      <c r="L4824" t="s">
        <v>120</v>
      </c>
      <c r="M4824" t="s">
        <v>89</v>
      </c>
      <c r="N4824" t="s">
        <v>90</v>
      </c>
      <c r="O4824" t="s">
        <v>85</v>
      </c>
      <c r="P4824" t="s">
        <v>86</v>
      </c>
      <c r="Q4824">
        <v>20</v>
      </c>
      <c r="R4824">
        <v>20</v>
      </c>
      <c r="S4824">
        <v>20</v>
      </c>
      <c r="T4824">
        <v>21</v>
      </c>
      <c r="U4824">
        <v>21</v>
      </c>
      <c r="V4824">
        <v>21</v>
      </c>
      <c r="W4824">
        <v>21</v>
      </c>
      <c r="X4824">
        <v>22</v>
      </c>
      <c r="Y4824">
        <v>22</v>
      </c>
      <c r="Z4824">
        <v>22</v>
      </c>
      <c r="AA4824">
        <v>22</v>
      </c>
      <c r="AB4824">
        <v>22</v>
      </c>
      <c r="AC4824">
        <v>22</v>
      </c>
      <c r="AD4824">
        <v>22</v>
      </c>
      <c r="AE4824">
        <v>22</v>
      </c>
      <c r="AF4824">
        <v>22</v>
      </c>
      <c r="AG4824">
        <v>22</v>
      </c>
      <c r="AH4824">
        <v>22</v>
      </c>
      <c r="AI4824">
        <v>22</v>
      </c>
      <c r="AJ4824">
        <v>22</v>
      </c>
      <c r="AK4824">
        <v>22</v>
      </c>
      <c r="AL4824">
        <v>22</v>
      </c>
      <c r="AM4824">
        <v>22</v>
      </c>
      <c r="AN4824">
        <v>21</v>
      </c>
      <c r="AO4824">
        <v>21</v>
      </c>
      <c r="AP4824">
        <v>21</v>
      </c>
      <c r="AQ4824">
        <v>21</v>
      </c>
    </row>
    <row r="4825" spans="1:43">
      <c r="A4825" t="s">
        <v>3036</v>
      </c>
      <c r="B4825" t="s">
        <v>3037</v>
      </c>
      <c r="C4825" t="s">
        <v>3038</v>
      </c>
      <c r="D4825" t="s">
        <v>3039</v>
      </c>
      <c r="E4825" t="s">
        <v>2928</v>
      </c>
      <c r="F4825" t="s">
        <v>2929</v>
      </c>
      <c r="G4825" t="s">
        <v>80</v>
      </c>
      <c r="H4825" t="s">
        <v>81</v>
      </c>
      <c r="I4825" s="2">
        <v>1</v>
      </c>
      <c r="J4825" s="2">
        <v>0</v>
      </c>
      <c r="K4825" s="2">
        <v>0</v>
      </c>
      <c r="L4825" t="s">
        <v>120</v>
      </c>
      <c r="M4825" t="s">
        <v>83</v>
      </c>
      <c r="N4825" t="s">
        <v>91</v>
      </c>
      <c r="O4825" t="s">
        <v>85</v>
      </c>
      <c r="P4825" t="s">
        <v>86</v>
      </c>
      <c r="Q4825">
        <v>20</v>
      </c>
      <c r="R4825">
        <v>20</v>
      </c>
      <c r="S4825">
        <v>20</v>
      </c>
      <c r="T4825">
        <v>20</v>
      </c>
      <c r="U4825">
        <v>20</v>
      </c>
      <c r="V4825">
        <v>20</v>
      </c>
      <c r="W4825">
        <v>20</v>
      </c>
      <c r="X4825">
        <v>20</v>
      </c>
      <c r="Y4825">
        <v>21</v>
      </c>
      <c r="Z4825">
        <v>21</v>
      </c>
      <c r="AA4825">
        <v>21</v>
      </c>
      <c r="AB4825">
        <v>21</v>
      </c>
      <c r="AC4825">
        <v>21</v>
      </c>
      <c r="AD4825">
        <v>21</v>
      </c>
      <c r="AE4825">
        <v>21</v>
      </c>
      <c r="AF4825">
        <v>21</v>
      </c>
      <c r="AG4825">
        <v>21</v>
      </c>
      <c r="AH4825">
        <v>21</v>
      </c>
      <c r="AI4825">
        <v>21</v>
      </c>
      <c r="AJ4825">
        <v>21</v>
      </c>
      <c r="AK4825">
        <v>21</v>
      </c>
      <c r="AL4825">
        <v>21</v>
      </c>
      <c r="AM4825">
        <v>21</v>
      </c>
      <c r="AN4825">
        <v>21</v>
      </c>
      <c r="AO4825">
        <v>21</v>
      </c>
      <c r="AP4825">
        <v>21</v>
      </c>
      <c r="AQ4825">
        <v>21</v>
      </c>
    </row>
    <row r="4826" spans="1:43">
      <c r="A4826" t="s">
        <v>3040</v>
      </c>
      <c r="B4826" t="s">
        <v>3041</v>
      </c>
      <c r="C4826" t="s">
        <v>3038</v>
      </c>
      <c r="D4826" t="s">
        <v>3039</v>
      </c>
      <c r="E4826" t="s">
        <v>2928</v>
      </c>
      <c r="F4826" t="s">
        <v>2929</v>
      </c>
      <c r="G4826" t="s">
        <v>80</v>
      </c>
      <c r="H4826" t="s">
        <v>81</v>
      </c>
      <c r="I4826" s="2">
        <v>1</v>
      </c>
      <c r="J4826" s="2">
        <v>0</v>
      </c>
      <c r="K4826" s="2">
        <v>0</v>
      </c>
      <c r="L4826" t="s">
        <v>120</v>
      </c>
      <c r="M4826" t="s">
        <v>83</v>
      </c>
      <c r="N4826" t="s">
        <v>84</v>
      </c>
      <c r="O4826" t="s">
        <v>85</v>
      </c>
      <c r="P4826" t="s">
        <v>86</v>
      </c>
      <c r="Q4826">
        <v>31</v>
      </c>
      <c r="R4826">
        <v>31</v>
      </c>
      <c r="S4826">
        <v>32</v>
      </c>
      <c r="T4826">
        <v>32</v>
      </c>
      <c r="U4826">
        <v>32</v>
      </c>
      <c r="V4826">
        <v>32</v>
      </c>
      <c r="W4826">
        <v>32</v>
      </c>
      <c r="X4826">
        <v>32</v>
      </c>
      <c r="Y4826">
        <v>32</v>
      </c>
      <c r="Z4826">
        <v>33</v>
      </c>
      <c r="AA4826">
        <v>33</v>
      </c>
      <c r="AB4826">
        <v>33</v>
      </c>
      <c r="AC4826">
        <v>33</v>
      </c>
      <c r="AD4826">
        <v>33</v>
      </c>
      <c r="AE4826">
        <v>33</v>
      </c>
      <c r="AF4826">
        <v>33</v>
      </c>
      <c r="AG4826">
        <v>33</v>
      </c>
      <c r="AH4826">
        <v>33</v>
      </c>
      <c r="AI4826">
        <v>34</v>
      </c>
      <c r="AJ4826">
        <v>34</v>
      </c>
      <c r="AK4826">
        <v>34</v>
      </c>
      <c r="AL4826">
        <v>34</v>
      </c>
      <c r="AM4826">
        <v>34</v>
      </c>
      <c r="AN4826">
        <v>33</v>
      </c>
      <c r="AO4826">
        <v>33</v>
      </c>
      <c r="AP4826">
        <v>33</v>
      </c>
      <c r="AQ4826">
        <v>33</v>
      </c>
    </row>
    <row r="4827" spans="1:43">
      <c r="A4827" t="s">
        <v>3040</v>
      </c>
      <c r="B4827" t="s">
        <v>3041</v>
      </c>
      <c r="C4827" t="s">
        <v>3038</v>
      </c>
      <c r="D4827" t="s">
        <v>3039</v>
      </c>
      <c r="E4827" t="s">
        <v>2928</v>
      </c>
      <c r="F4827" t="s">
        <v>2929</v>
      </c>
      <c r="G4827" t="s">
        <v>80</v>
      </c>
      <c r="H4827" t="s">
        <v>81</v>
      </c>
      <c r="I4827" s="2">
        <v>1</v>
      </c>
      <c r="J4827" s="2">
        <v>0</v>
      </c>
      <c r="K4827" s="2">
        <v>0</v>
      </c>
      <c r="L4827" t="s">
        <v>120</v>
      </c>
      <c r="M4827" t="s">
        <v>87</v>
      </c>
      <c r="N4827" t="s">
        <v>88</v>
      </c>
      <c r="O4827" t="s">
        <v>85</v>
      </c>
      <c r="P4827" t="s">
        <v>86</v>
      </c>
      <c r="Q4827">
        <v>31</v>
      </c>
      <c r="R4827">
        <v>31</v>
      </c>
      <c r="S4827">
        <v>31</v>
      </c>
      <c r="T4827">
        <v>31</v>
      </c>
      <c r="U4827">
        <v>30</v>
      </c>
      <c r="V4827">
        <v>30</v>
      </c>
      <c r="W4827">
        <v>30</v>
      </c>
      <c r="X4827">
        <v>30</v>
      </c>
      <c r="Y4827">
        <v>30</v>
      </c>
      <c r="Z4827">
        <v>30</v>
      </c>
      <c r="AA4827">
        <v>30</v>
      </c>
      <c r="AB4827">
        <v>30</v>
      </c>
      <c r="AC4827">
        <v>30</v>
      </c>
      <c r="AD4827">
        <v>30</v>
      </c>
      <c r="AE4827">
        <v>29</v>
      </c>
      <c r="AF4827">
        <v>29</v>
      </c>
      <c r="AG4827">
        <v>29</v>
      </c>
      <c r="AH4827">
        <v>29</v>
      </c>
      <c r="AI4827">
        <v>29</v>
      </c>
      <c r="AJ4827">
        <v>29</v>
      </c>
      <c r="AK4827">
        <v>29</v>
      </c>
      <c r="AL4827">
        <v>29</v>
      </c>
      <c r="AM4827">
        <v>29</v>
      </c>
      <c r="AN4827">
        <v>29</v>
      </c>
      <c r="AO4827">
        <v>29</v>
      </c>
      <c r="AP4827">
        <v>29</v>
      </c>
      <c r="AQ4827">
        <v>28</v>
      </c>
    </row>
    <row r="4828" spans="1:43">
      <c r="A4828" t="s">
        <v>3040</v>
      </c>
      <c r="B4828" t="s">
        <v>3041</v>
      </c>
      <c r="C4828" t="s">
        <v>3038</v>
      </c>
      <c r="D4828" t="s">
        <v>3039</v>
      </c>
      <c r="E4828" t="s">
        <v>2928</v>
      </c>
      <c r="F4828" t="s">
        <v>2929</v>
      </c>
      <c r="G4828" t="s">
        <v>80</v>
      </c>
      <c r="H4828" t="s">
        <v>81</v>
      </c>
      <c r="I4828" s="2">
        <v>1</v>
      </c>
      <c r="J4828" s="2">
        <v>0</v>
      </c>
      <c r="K4828" s="2">
        <v>0</v>
      </c>
      <c r="L4828" t="s">
        <v>120</v>
      </c>
      <c r="M4828" t="s">
        <v>89</v>
      </c>
      <c r="N4828" t="s">
        <v>90</v>
      </c>
      <c r="O4828" t="s">
        <v>85</v>
      </c>
      <c r="P4828" t="s">
        <v>86</v>
      </c>
      <c r="Q4828">
        <v>31</v>
      </c>
      <c r="R4828">
        <v>32</v>
      </c>
      <c r="S4828">
        <v>32</v>
      </c>
      <c r="T4828">
        <v>33</v>
      </c>
      <c r="U4828">
        <v>33</v>
      </c>
      <c r="V4828">
        <v>33</v>
      </c>
      <c r="W4828">
        <v>34</v>
      </c>
      <c r="X4828">
        <v>34</v>
      </c>
      <c r="Y4828">
        <v>34</v>
      </c>
      <c r="Z4828">
        <v>35</v>
      </c>
      <c r="AA4828">
        <v>35</v>
      </c>
      <c r="AB4828">
        <v>35</v>
      </c>
      <c r="AC4828">
        <v>35</v>
      </c>
      <c r="AD4828">
        <v>35</v>
      </c>
      <c r="AE4828">
        <v>36</v>
      </c>
      <c r="AF4828">
        <v>35</v>
      </c>
      <c r="AG4828">
        <v>35</v>
      </c>
      <c r="AH4828">
        <v>35</v>
      </c>
      <c r="AI4828">
        <v>35</v>
      </c>
      <c r="AJ4828">
        <v>35</v>
      </c>
      <c r="AK4828">
        <v>34</v>
      </c>
      <c r="AL4828">
        <v>34</v>
      </c>
      <c r="AM4828">
        <v>34</v>
      </c>
      <c r="AN4828">
        <v>34</v>
      </c>
      <c r="AO4828">
        <v>34</v>
      </c>
      <c r="AP4828">
        <v>34</v>
      </c>
      <c r="AQ4828">
        <v>33</v>
      </c>
    </row>
    <row r="4829" spans="1:43">
      <c r="A4829" t="s">
        <v>3040</v>
      </c>
      <c r="B4829" t="s">
        <v>3041</v>
      </c>
      <c r="C4829" t="s">
        <v>3038</v>
      </c>
      <c r="D4829" t="s">
        <v>3039</v>
      </c>
      <c r="E4829" t="s">
        <v>2928</v>
      </c>
      <c r="F4829" t="s">
        <v>2929</v>
      </c>
      <c r="G4829" t="s">
        <v>80</v>
      </c>
      <c r="H4829" t="s">
        <v>81</v>
      </c>
      <c r="I4829" s="2">
        <v>1</v>
      </c>
      <c r="J4829" s="2">
        <v>0</v>
      </c>
      <c r="K4829" s="2">
        <v>0</v>
      </c>
      <c r="L4829" t="s">
        <v>120</v>
      </c>
      <c r="M4829" t="s">
        <v>83</v>
      </c>
      <c r="N4829" t="s">
        <v>91</v>
      </c>
      <c r="O4829" t="s">
        <v>85</v>
      </c>
      <c r="P4829" t="s">
        <v>86</v>
      </c>
      <c r="Q4829">
        <v>31</v>
      </c>
      <c r="R4829">
        <v>31</v>
      </c>
      <c r="S4829">
        <v>32</v>
      </c>
      <c r="T4829">
        <v>32</v>
      </c>
      <c r="U4829">
        <v>32</v>
      </c>
      <c r="V4829">
        <v>32</v>
      </c>
      <c r="W4829">
        <v>32</v>
      </c>
      <c r="X4829">
        <v>32</v>
      </c>
      <c r="Y4829">
        <v>32</v>
      </c>
      <c r="Z4829">
        <v>33</v>
      </c>
      <c r="AA4829">
        <v>33</v>
      </c>
      <c r="AB4829">
        <v>33</v>
      </c>
      <c r="AC4829">
        <v>33</v>
      </c>
      <c r="AD4829">
        <v>33</v>
      </c>
      <c r="AE4829">
        <v>33</v>
      </c>
      <c r="AF4829">
        <v>33</v>
      </c>
      <c r="AG4829">
        <v>33</v>
      </c>
      <c r="AH4829">
        <v>33</v>
      </c>
      <c r="AI4829">
        <v>34</v>
      </c>
      <c r="AJ4829">
        <v>34</v>
      </c>
      <c r="AK4829">
        <v>34</v>
      </c>
      <c r="AL4829">
        <v>34</v>
      </c>
      <c r="AM4829">
        <v>34</v>
      </c>
      <c r="AN4829">
        <v>33</v>
      </c>
      <c r="AO4829">
        <v>33</v>
      </c>
      <c r="AP4829">
        <v>33</v>
      </c>
      <c r="AQ4829">
        <v>33</v>
      </c>
    </row>
    <row r="4830" spans="1:43">
      <c r="A4830" t="s">
        <v>3042</v>
      </c>
      <c r="B4830" t="s">
        <v>3043</v>
      </c>
      <c r="C4830" t="s">
        <v>3044</v>
      </c>
      <c r="D4830" t="s">
        <v>3045</v>
      </c>
      <c r="E4830" t="s">
        <v>2928</v>
      </c>
      <c r="F4830" t="s">
        <v>2929</v>
      </c>
      <c r="G4830" t="s">
        <v>80</v>
      </c>
      <c r="H4830" t="s">
        <v>81</v>
      </c>
      <c r="I4830" s="2">
        <v>1</v>
      </c>
      <c r="J4830" s="2">
        <v>0</v>
      </c>
      <c r="K4830" s="2">
        <v>0</v>
      </c>
      <c r="L4830" t="s">
        <v>120</v>
      </c>
      <c r="M4830" t="s">
        <v>83</v>
      </c>
      <c r="N4830" t="s">
        <v>84</v>
      </c>
      <c r="O4830" t="s">
        <v>85</v>
      </c>
      <c r="P4830" t="s">
        <v>86</v>
      </c>
      <c r="Q4830">
        <v>10</v>
      </c>
      <c r="R4830">
        <v>10</v>
      </c>
      <c r="S4830">
        <v>11</v>
      </c>
      <c r="T4830">
        <v>11</v>
      </c>
      <c r="U4830">
        <v>11</v>
      </c>
      <c r="V4830">
        <v>11</v>
      </c>
      <c r="W4830">
        <v>11</v>
      </c>
      <c r="X4830">
        <v>11</v>
      </c>
      <c r="Y4830">
        <v>11</v>
      </c>
      <c r="Z4830">
        <v>11</v>
      </c>
      <c r="AA4830">
        <v>11</v>
      </c>
      <c r="AB4830">
        <v>11</v>
      </c>
      <c r="AC4830">
        <v>11</v>
      </c>
      <c r="AD4830">
        <v>11</v>
      </c>
      <c r="AE4830">
        <v>11</v>
      </c>
      <c r="AF4830">
        <v>11</v>
      </c>
      <c r="AG4830">
        <v>11</v>
      </c>
      <c r="AH4830">
        <v>11</v>
      </c>
      <c r="AI4830">
        <v>11</v>
      </c>
      <c r="AJ4830">
        <v>11</v>
      </c>
      <c r="AK4830">
        <v>11</v>
      </c>
      <c r="AL4830">
        <v>11</v>
      </c>
      <c r="AM4830">
        <v>11</v>
      </c>
      <c r="AN4830">
        <v>11</v>
      </c>
      <c r="AO4830">
        <v>11</v>
      </c>
      <c r="AP4830">
        <v>11</v>
      </c>
      <c r="AQ4830">
        <v>11</v>
      </c>
    </row>
    <row r="4831" spans="1:43">
      <c r="A4831" t="s">
        <v>3042</v>
      </c>
      <c r="B4831" t="s">
        <v>3043</v>
      </c>
      <c r="C4831" t="s">
        <v>3044</v>
      </c>
      <c r="D4831" t="s">
        <v>3045</v>
      </c>
      <c r="E4831" t="s">
        <v>2928</v>
      </c>
      <c r="F4831" t="s">
        <v>2929</v>
      </c>
      <c r="G4831" t="s">
        <v>80</v>
      </c>
      <c r="H4831" t="s">
        <v>81</v>
      </c>
      <c r="I4831" s="2">
        <v>1</v>
      </c>
      <c r="J4831" s="2">
        <v>0</v>
      </c>
      <c r="K4831" s="2">
        <v>0</v>
      </c>
      <c r="L4831" t="s">
        <v>120</v>
      </c>
      <c r="M4831" t="s">
        <v>87</v>
      </c>
      <c r="N4831" t="s">
        <v>88</v>
      </c>
      <c r="O4831" t="s">
        <v>85</v>
      </c>
      <c r="P4831" t="s">
        <v>86</v>
      </c>
      <c r="Q4831">
        <v>10</v>
      </c>
      <c r="R4831">
        <v>10</v>
      </c>
      <c r="S4831">
        <v>10</v>
      </c>
      <c r="T4831">
        <v>10</v>
      </c>
      <c r="U4831">
        <v>10</v>
      </c>
      <c r="V4831">
        <v>10</v>
      </c>
      <c r="W4831">
        <v>10</v>
      </c>
      <c r="X4831">
        <v>10</v>
      </c>
      <c r="Y4831">
        <v>10</v>
      </c>
      <c r="Z4831">
        <v>10</v>
      </c>
      <c r="AA4831">
        <v>10</v>
      </c>
      <c r="AB4831">
        <v>10</v>
      </c>
      <c r="AC4831">
        <v>10</v>
      </c>
      <c r="AD4831">
        <v>10</v>
      </c>
      <c r="AE4831">
        <v>10</v>
      </c>
      <c r="AF4831">
        <v>10</v>
      </c>
      <c r="AG4831">
        <v>10</v>
      </c>
      <c r="AH4831">
        <v>10</v>
      </c>
      <c r="AI4831">
        <v>10</v>
      </c>
      <c r="AJ4831">
        <v>10</v>
      </c>
      <c r="AK4831">
        <v>10</v>
      </c>
      <c r="AL4831">
        <v>9</v>
      </c>
      <c r="AM4831">
        <v>9</v>
      </c>
      <c r="AN4831">
        <v>9</v>
      </c>
      <c r="AO4831">
        <v>9</v>
      </c>
      <c r="AP4831">
        <v>9</v>
      </c>
      <c r="AQ4831">
        <v>9</v>
      </c>
    </row>
    <row r="4832" spans="1:43">
      <c r="A4832" t="s">
        <v>3042</v>
      </c>
      <c r="B4832" t="s">
        <v>3043</v>
      </c>
      <c r="C4832" t="s">
        <v>3044</v>
      </c>
      <c r="D4832" t="s">
        <v>3045</v>
      </c>
      <c r="E4832" t="s">
        <v>2928</v>
      </c>
      <c r="F4832" t="s">
        <v>2929</v>
      </c>
      <c r="G4832" t="s">
        <v>80</v>
      </c>
      <c r="H4832" t="s">
        <v>81</v>
      </c>
      <c r="I4832" s="2">
        <v>1</v>
      </c>
      <c r="J4832" s="2">
        <v>0</v>
      </c>
      <c r="K4832" s="2">
        <v>0</v>
      </c>
      <c r="L4832" t="s">
        <v>120</v>
      </c>
      <c r="M4832" t="s">
        <v>89</v>
      </c>
      <c r="N4832" t="s">
        <v>90</v>
      </c>
      <c r="O4832" t="s">
        <v>85</v>
      </c>
      <c r="P4832" t="s">
        <v>86</v>
      </c>
      <c r="Q4832">
        <v>10</v>
      </c>
      <c r="R4832">
        <v>10</v>
      </c>
      <c r="S4832">
        <v>10</v>
      </c>
      <c r="T4832">
        <v>10</v>
      </c>
      <c r="U4832">
        <v>10</v>
      </c>
      <c r="V4832">
        <v>10</v>
      </c>
      <c r="W4832">
        <v>10</v>
      </c>
      <c r="X4832">
        <v>10</v>
      </c>
      <c r="Y4832">
        <v>10</v>
      </c>
      <c r="Z4832">
        <v>11</v>
      </c>
      <c r="AA4832">
        <v>11</v>
      </c>
      <c r="AB4832">
        <v>11</v>
      </c>
      <c r="AC4832">
        <v>11</v>
      </c>
      <c r="AD4832">
        <v>11</v>
      </c>
      <c r="AE4832">
        <v>11</v>
      </c>
      <c r="AF4832">
        <v>11</v>
      </c>
      <c r="AG4832">
        <v>11</v>
      </c>
      <c r="AH4832">
        <v>11</v>
      </c>
      <c r="AI4832">
        <v>10</v>
      </c>
      <c r="AJ4832">
        <v>10</v>
      </c>
      <c r="AK4832">
        <v>10</v>
      </c>
      <c r="AL4832">
        <v>10</v>
      </c>
      <c r="AM4832">
        <v>10</v>
      </c>
      <c r="AN4832">
        <v>10</v>
      </c>
      <c r="AO4832">
        <v>10</v>
      </c>
      <c r="AP4832">
        <v>10</v>
      </c>
      <c r="AQ4832">
        <v>10</v>
      </c>
    </row>
    <row r="4833" spans="1:43">
      <c r="A4833" t="s">
        <v>3042</v>
      </c>
      <c r="B4833" t="s">
        <v>3043</v>
      </c>
      <c r="C4833" t="s">
        <v>3044</v>
      </c>
      <c r="D4833" t="s">
        <v>3045</v>
      </c>
      <c r="E4833" t="s">
        <v>2928</v>
      </c>
      <c r="F4833" t="s">
        <v>2929</v>
      </c>
      <c r="G4833" t="s">
        <v>80</v>
      </c>
      <c r="H4833" t="s">
        <v>81</v>
      </c>
      <c r="I4833" s="2">
        <v>1</v>
      </c>
      <c r="J4833" s="2">
        <v>0</v>
      </c>
      <c r="K4833" s="2">
        <v>0</v>
      </c>
      <c r="L4833" t="s">
        <v>120</v>
      </c>
      <c r="M4833" t="s">
        <v>83</v>
      </c>
      <c r="N4833" t="s">
        <v>91</v>
      </c>
      <c r="O4833" t="s">
        <v>85</v>
      </c>
      <c r="P4833" t="s">
        <v>86</v>
      </c>
      <c r="Q4833">
        <v>10</v>
      </c>
      <c r="R4833">
        <v>10</v>
      </c>
      <c r="S4833">
        <v>11</v>
      </c>
      <c r="T4833">
        <v>11</v>
      </c>
      <c r="U4833">
        <v>11</v>
      </c>
      <c r="V4833">
        <v>11</v>
      </c>
      <c r="W4833">
        <v>11</v>
      </c>
      <c r="X4833">
        <v>11</v>
      </c>
      <c r="Y4833">
        <v>11</v>
      </c>
      <c r="Z4833">
        <v>11</v>
      </c>
      <c r="AA4833">
        <v>11</v>
      </c>
      <c r="AB4833">
        <v>11</v>
      </c>
      <c r="AC4833">
        <v>11</v>
      </c>
      <c r="AD4833">
        <v>11</v>
      </c>
      <c r="AE4833">
        <v>11</v>
      </c>
      <c r="AF4833">
        <v>11</v>
      </c>
      <c r="AG4833">
        <v>11</v>
      </c>
      <c r="AH4833">
        <v>11</v>
      </c>
      <c r="AI4833">
        <v>11</v>
      </c>
      <c r="AJ4833">
        <v>11</v>
      </c>
      <c r="AK4833">
        <v>11</v>
      </c>
      <c r="AL4833">
        <v>11</v>
      </c>
      <c r="AM4833">
        <v>11</v>
      </c>
      <c r="AN4833">
        <v>11</v>
      </c>
      <c r="AO4833">
        <v>11</v>
      </c>
      <c r="AP4833">
        <v>11</v>
      </c>
      <c r="AQ4833">
        <v>11</v>
      </c>
    </row>
    <row r="4834" spans="1:43">
      <c r="A4834" t="s">
        <v>3046</v>
      </c>
      <c r="B4834" t="s">
        <v>3047</v>
      </c>
      <c r="C4834" t="s">
        <v>3044</v>
      </c>
      <c r="D4834" t="s">
        <v>3045</v>
      </c>
      <c r="E4834" t="s">
        <v>2928</v>
      </c>
      <c r="F4834" t="s">
        <v>2929</v>
      </c>
      <c r="G4834" t="s">
        <v>80</v>
      </c>
      <c r="H4834" t="s">
        <v>81</v>
      </c>
      <c r="I4834" s="2">
        <v>1</v>
      </c>
      <c r="J4834" s="2">
        <v>0</v>
      </c>
      <c r="K4834" s="2">
        <v>0</v>
      </c>
      <c r="L4834" t="s">
        <v>120</v>
      </c>
      <c r="M4834" t="s">
        <v>83</v>
      </c>
      <c r="N4834" t="s">
        <v>84</v>
      </c>
      <c r="O4834" t="s">
        <v>85</v>
      </c>
      <c r="P4834" t="s">
        <v>86</v>
      </c>
      <c r="Q4834">
        <v>14</v>
      </c>
      <c r="R4834">
        <v>14</v>
      </c>
      <c r="S4834">
        <v>14</v>
      </c>
      <c r="T4834">
        <v>14</v>
      </c>
      <c r="U4834">
        <v>14</v>
      </c>
      <c r="V4834">
        <v>14</v>
      </c>
      <c r="W4834">
        <v>15</v>
      </c>
      <c r="X4834">
        <v>15</v>
      </c>
      <c r="Y4834">
        <v>15</v>
      </c>
      <c r="Z4834">
        <v>15</v>
      </c>
      <c r="AA4834">
        <v>15</v>
      </c>
      <c r="AB4834">
        <v>15</v>
      </c>
      <c r="AC4834">
        <v>15</v>
      </c>
      <c r="AD4834">
        <v>15</v>
      </c>
      <c r="AE4834">
        <v>15</v>
      </c>
      <c r="AF4834">
        <v>15</v>
      </c>
      <c r="AG4834">
        <v>15</v>
      </c>
      <c r="AH4834">
        <v>15</v>
      </c>
      <c r="AI4834">
        <v>15</v>
      </c>
      <c r="AJ4834">
        <v>15</v>
      </c>
      <c r="AK4834">
        <v>15</v>
      </c>
      <c r="AL4834">
        <v>15</v>
      </c>
      <c r="AM4834">
        <v>15</v>
      </c>
      <c r="AN4834">
        <v>15</v>
      </c>
      <c r="AO4834">
        <v>15</v>
      </c>
      <c r="AP4834">
        <v>15</v>
      </c>
      <c r="AQ4834">
        <v>15</v>
      </c>
    </row>
    <row r="4835" spans="1:43">
      <c r="A4835" t="s">
        <v>3046</v>
      </c>
      <c r="B4835" t="s">
        <v>3047</v>
      </c>
      <c r="C4835" t="s">
        <v>3044</v>
      </c>
      <c r="D4835" t="s">
        <v>3045</v>
      </c>
      <c r="E4835" t="s">
        <v>2928</v>
      </c>
      <c r="F4835" t="s">
        <v>2929</v>
      </c>
      <c r="G4835" t="s">
        <v>80</v>
      </c>
      <c r="H4835" t="s">
        <v>81</v>
      </c>
      <c r="I4835" s="2">
        <v>1</v>
      </c>
      <c r="J4835" s="2">
        <v>0</v>
      </c>
      <c r="K4835" s="2">
        <v>0</v>
      </c>
      <c r="L4835" t="s">
        <v>120</v>
      </c>
      <c r="M4835" t="s">
        <v>87</v>
      </c>
      <c r="N4835" t="s">
        <v>88</v>
      </c>
      <c r="O4835" t="s">
        <v>85</v>
      </c>
      <c r="P4835" t="s">
        <v>86</v>
      </c>
      <c r="Q4835">
        <v>14</v>
      </c>
      <c r="R4835">
        <v>14</v>
      </c>
      <c r="S4835">
        <v>14</v>
      </c>
      <c r="T4835">
        <v>14</v>
      </c>
      <c r="U4835">
        <v>14</v>
      </c>
      <c r="V4835">
        <v>14</v>
      </c>
      <c r="W4835">
        <v>14</v>
      </c>
      <c r="X4835">
        <v>14</v>
      </c>
      <c r="Y4835">
        <v>14</v>
      </c>
      <c r="Z4835">
        <v>14</v>
      </c>
      <c r="AA4835">
        <v>14</v>
      </c>
      <c r="AB4835">
        <v>13</v>
      </c>
      <c r="AC4835">
        <v>13</v>
      </c>
      <c r="AD4835">
        <v>13</v>
      </c>
      <c r="AE4835">
        <v>13</v>
      </c>
      <c r="AF4835">
        <v>13</v>
      </c>
      <c r="AG4835">
        <v>13</v>
      </c>
      <c r="AH4835">
        <v>13</v>
      </c>
      <c r="AI4835">
        <v>13</v>
      </c>
      <c r="AJ4835">
        <v>13</v>
      </c>
      <c r="AK4835">
        <v>13</v>
      </c>
      <c r="AL4835">
        <v>13</v>
      </c>
      <c r="AM4835">
        <v>13</v>
      </c>
      <c r="AN4835">
        <v>13</v>
      </c>
      <c r="AO4835">
        <v>13</v>
      </c>
      <c r="AP4835">
        <v>13</v>
      </c>
      <c r="AQ4835">
        <v>13</v>
      </c>
    </row>
    <row r="4836" spans="1:43">
      <c r="A4836" t="s">
        <v>3046</v>
      </c>
      <c r="B4836" t="s">
        <v>3047</v>
      </c>
      <c r="C4836" t="s">
        <v>3044</v>
      </c>
      <c r="D4836" t="s">
        <v>3045</v>
      </c>
      <c r="E4836" t="s">
        <v>2928</v>
      </c>
      <c r="F4836" t="s">
        <v>2929</v>
      </c>
      <c r="G4836" t="s">
        <v>80</v>
      </c>
      <c r="H4836" t="s">
        <v>81</v>
      </c>
      <c r="I4836" s="2">
        <v>1</v>
      </c>
      <c r="J4836" s="2">
        <v>0</v>
      </c>
      <c r="K4836" s="2">
        <v>0</v>
      </c>
      <c r="L4836" t="s">
        <v>120</v>
      </c>
      <c r="M4836" t="s">
        <v>89</v>
      </c>
      <c r="N4836" t="s">
        <v>90</v>
      </c>
      <c r="O4836" t="s">
        <v>85</v>
      </c>
      <c r="P4836" t="s">
        <v>86</v>
      </c>
      <c r="Q4836">
        <v>14</v>
      </c>
      <c r="R4836">
        <v>14</v>
      </c>
      <c r="S4836">
        <v>15</v>
      </c>
      <c r="T4836">
        <v>15</v>
      </c>
      <c r="U4836">
        <v>15</v>
      </c>
      <c r="V4836">
        <v>15</v>
      </c>
      <c r="W4836">
        <v>15</v>
      </c>
      <c r="X4836">
        <v>15</v>
      </c>
      <c r="Y4836">
        <v>15</v>
      </c>
      <c r="Z4836">
        <v>16</v>
      </c>
      <c r="AA4836">
        <v>16</v>
      </c>
      <c r="AB4836">
        <v>16</v>
      </c>
      <c r="AC4836">
        <v>16</v>
      </c>
      <c r="AD4836">
        <v>16</v>
      </c>
      <c r="AE4836">
        <v>16</v>
      </c>
      <c r="AF4836">
        <v>16</v>
      </c>
      <c r="AG4836">
        <v>16</v>
      </c>
      <c r="AH4836">
        <v>16</v>
      </c>
      <c r="AI4836">
        <v>16</v>
      </c>
      <c r="AJ4836">
        <v>16</v>
      </c>
      <c r="AK4836">
        <v>16</v>
      </c>
      <c r="AL4836">
        <v>16</v>
      </c>
      <c r="AM4836">
        <v>15</v>
      </c>
      <c r="AN4836">
        <v>15</v>
      </c>
      <c r="AO4836">
        <v>15</v>
      </c>
      <c r="AP4836">
        <v>15</v>
      </c>
      <c r="AQ4836">
        <v>15</v>
      </c>
    </row>
    <row r="4837" spans="1:43">
      <c r="A4837" t="s">
        <v>3046</v>
      </c>
      <c r="B4837" t="s">
        <v>3047</v>
      </c>
      <c r="C4837" t="s">
        <v>3044</v>
      </c>
      <c r="D4837" t="s">
        <v>3045</v>
      </c>
      <c r="E4837" t="s">
        <v>2928</v>
      </c>
      <c r="F4837" t="s">
        <v>2929</v>
      </c>
      <c r="G4837" t="s">
        <v>80</v>
      </c>
      <c r="H4837" t="s">
        <v>81</v>
      </c>
      <c r="I4837" s="2">
        <v>1</v>
      </c>
      <c r="J4837" s="2">
        <v>0</v>
      </c>
      <c r="K4837" s="2">
        <v>0</v>
      </c>
      <c r="L4837" t="s">
        <v>120</v>
      </c>
      <c r="M4837" t="s">
        <v>83</v>
      </c>
      <c r="N4837" t="s">
        <v>91</v>
      </c>
      <c r="O4837" t="s">
        <v>85</v>
      </c>
      <c r="P4837" t="s">
        <v>86</v>
      </c>
      <c r="Q4837">
        <v>14</v>
      </c>
      <c r="R4837">
        <v>14</v>
      </c>
      <c r="S4837">
        <v>14</v>
      </c>
      <c r="T4837">
        <v>14</v>
      </c>
      <c r="U4837">
        <v>14</v>
      </c>
      <c r="V4837">
        <v>14</v>
      </c>
      <c r="W4837">
        <v>15</v>
      </c>
      <c r="X4837">
        <v>15</v>
      </c>
      <c r="Y4837">
        <v>15</v>
      </c>
      <c r="Z4837">
        <v>15</v>
      </c>
      <c r="AA4837">
        <v>15</v>
      </c>
      <c r="AB4837">
        <v>15</v>
      </c>
      <c r="AC4837">
        <v>15</v>
      </c>
      <c r="AD4837">
        <v>15</v>
      </c>
      <c r="AE4837">
        <v>15</v>
      </c>
      <c r="AF4837">
        <v>15</v>
      </c>
      <c r="AG4837">
        <v>15</v>
      </c>
      <c r="AH4837">
        <v>15</v>
      </c>
      <c r="AI4837">
        <v>15</v>
      </c>
      <c r="AJ4837">
        <v>15</v>
      </c>
      <c r="AK4837">
        <v>15</v>
      </c>
      <c r="AL4837">
        <v>15</v>
      </c>
      <c r="AM4837">
        <v>15</v>
      </c>
      <c r="AN4837">
        <v>15</v>
      </c>
      <c r="AO4837">
        <v>15</v>
      </c>
      <c r="AP4837">
        <v>15</v>
      </c>
      <c r="AQ4837">
        <v>15</v>
      </c>
    </row>
    <row r="4838" spans="1:43">
      <c r="A4838" t="s">
        <v>3048</v>
      </c>
      <c r="B4838" t="s">
        <v>3049</v>
      </c>
      <c r="C4838" t="s">
        <v>3044</v>
      </c>
      <c r="D4838" t="s">
        <v>3045</v>
      </c>
      <c r="E4838" t="s">
        <v>2928</v>
      </c>
      <c r="F4838" t="s">
        <v>2929</v>
      </c>
      <c r="G4838" t="s">
        <v>80</v>
      </c>
      <c r="H4838" t="s">
        <v>81</v>
      </c>
      <c r="I4838" s="2">
        <v>1</v>
      </c>
      <c r="J4838" s="2">
        <v>0</v>
      </c>
      <c r="K4838" s="2">
        <v>0</v>
      </c>
      <c r="L4838" t="s">
        <v>120</v>
      </c>
      <c r="M4838" t="s">
        <v>83</v>
      </c>
      <c r="N4838" t="s">
        <v>84</v>
      </c>
      <c r="O4838" t="s">
        <v>85</v>
      </c>
      <c r="P4838" t="s">
        <v>86</v>
      </c>
      <c r="Q4838">
        <v>5</v>
      </c>
      <c r="R4838">
        <v>5</v>
      </c>
      <c r="S4838">
        <v>5</v>
      </c>
      <c r="T4838">
        <v>5</v>
      </c>
      <c r="U4838">
        <v>5</v>
      </c>
      <c r="V4838">
        <v>5</v>
      </c>
      <c r="W4838">
        <v>5</v>
      </c>
      <c r="X4838">
        <v>5</v>
      </c>
      <c r="Y4838">
        <v>5</v>
      </c>
      <c r="Z4838">
        <v>5</v>
      </c>
      <c r="AA4838">
        <v>5</v>
      </c>
      <c r="AB4838">
        <v>5</v>
      </c>
      <c r="AC4838">
        <v>5</v>
      </c>
      <c r="AD4838">
        <v>5</v>
      </c>
      <c r="AE4838">
        <v>5</v>
      </c>
      <c r="AF4838">
        <v>5</v>
      </c>
      <c r="AG4838">
        <v>5</v>
      </c>
      <c r="AH4838">
        <v>5</v>
      </c>
      <c r="AI4838">
        <v>5</v>
      </c>
      <c r="AJ4838">
        <v>5</v>
      </c>
      <c r="AK4838">
        <v>5</v>
      </c>
      <c r="AL4838">
        <v>5</v>
      </c>
      <c r="AM4838">
        <v>5</v>
      </c>
      <c r="AN4838">
        <v>5</v>
      </c>
      <c r="AO4838">
        <v>5</v>
      </c>
      <c r="AP4838">
        <v>5</v>
      </c>
      <c r="AQ4838">
        <v>5</v>
      </c>
    </row>
    <row r="4839" spans="1:43">
      <c r="A4839" t="s">
        <v>3048</v>
      </c>
      <c r="B4839" t="s">
        <v>3049</v>
      </c>
      <c r="C4839" t="s">
        <v>3044</v>
      </c>
      <c r="D4839" t="s">
        <v>3045</v>
      </c>
      <c r="E4839" t="s">
        <v>2928</v>
      </c>
      <c r="F4839" t="s">
        <v>2929</v>
      </c>
      <c r="G4839" t="s">
        <v>80</v>
      </c>
      <c r="H4839" t="s">
        <v>81</v>
      </c>
      <c r="I4839" s="2">
        <v>1</v>
      </c>
      <c r="J4839" s="2">
        <v>0</v>
      </c>
      <c r="K4839" s="2">
        <v>0</v>
      </c>
      <c r="L4839" t="s">
        <v>120</v>
      </c>
      <c r="M4839" t="s">
        <v>87</v>
      </c>
      <c r="N4839" t="s">
        <v>88</v>
      </c>
      <c r="O4839" t="s">
        <v>85</v>
      </c>
      <c r="P4839" t="s">
        <v>86</v>
      </c>
      <c r="Q4839">
        <v>5</v>
      </c>
      <c r="R4839">
        <v>4</v>
      </c>
      <c r="S4839">
        <v>4</v>
      </c>
      <c r="T4839">
        <v>4</v>
      </c>
      <c r="U4839">
        <v>4</v>
      </c>
      <c r="V4839">
        <v>4</v>
      </c>
      <c r="W4839">
        <v>4</v>
      </c>
      <c r="X4839">
        <v>4</v>
      </c>
      <c r="Y4839">
        <v>4</v>
      </c>
      <c r="Z4839">
        <v>4</v>
      </c>
      <c r="AA4839">
        <v>4</v>
      </c>
      <c r="AB4839">
        <v>4</v>
      </c>
      <c r="AC4839">
        <v>4</v>
      </c>
      <c r="AD4839">
        <v>4</v>
      </c>
      <c r="AE4839">
        <v>4</v>
      </c>
      <c r="AF4839">
        <v>4</v>
      </c>
      <c r="AG4839">
        <v>4</v>
      </c>
      <c r="AH4839">
        <v>4</v>
      </c>
      <c r="AI4839">
        <v>4</v>
      </c>
      <c r="AJ4839">
        <v>4</v>
      </c>
      <c r="AK4839">
        <v>4</v>
      </c>
      <c r="AL4839">
        <v>4</v>
      </c>
      <c r="AM4839">
        <v>4</v>
      </c>
      <c r="AN4839">
        <v>4</v>
      </c>
      <c r="AO4839">
        <v>4</v>
      </c>
      <c r="AP4839">
        <v>4</v>
      </c>
      <c r="AQ4839">
        <v>4</v>
      </c>
    </row>
    <row r="4840" spans="1:43">
      <c r="A4840" t="s">
        <v>3048</v>
      </c>
      <c r="B4840" t="s">
        <v>3049</v>
      </c>
      <c r="C4840" t="s">
        <v>3044</v>
      </c>
      <c r="D4840" t="s">
        <v>3045</v>
      </c>
      <c r="E4840" t="s">
        <v>2928</v>
      </c>
      <c r="F4840" t="s">
        <v>2929</v>
      </c>
      <c r="G4840" t="s">
        <v>80</v>
      </c>
      <c r="H4840" t="s">
        <v>81</v>
      </c>
      <c r="I4840" s="2">
        <v>1</v>
      </c>
      <c r="J4840" s="2">
        <v>0</v>
      </c>
      <c r="K4840" s="2">
        <v>0</v>
      </c>
      <c r="L4840" t="s">
        <v>120</v>
      </c>
      <c r="M4840" t="s">
        <v>89</v>
      </c>
      <c r="N4840" t="s">
        <v>90</v>
      </c>
      <c r="O4840" t="s">
        <v>85</v>
      </c>
      <c r="P4840" t="s">
        <v>86</v>
      </c>
      <c r="Q4840">
        <v>5</v>
      </c>
      <c r="R4840">
        <v>5</v>
      </c>
      <c r="S4840">
        <v>5</v>
      </c>
      <c r="T4840">
        <v>5</v>
      </c>
      <c r="U4840">
        <v>5</v>
      </c>
      <c r="V4840">
        <v>5</v>
      </c>
      <c r="W4840">
        <v>5</v>
      </c>
      <c r="X4840">
        <v>5</v>
      </c>
      <c r="Y4840">
        <v>5</v>
      </c>
      <c r="Z4840">
        <v>5</v>
      </c>
      <c r="AA4840">
        <v>5</v>
      </c>
      <c r="AB4840">
        <v>5</v>
      </c>
      <c r="AC4840">
        <v>5</v>
      </c>
      <c r="AD4840">
        <v>5</v>
      </c>
      <c r="AE4840">
        <v>5</v>
      </c>
      <c r="AF4840">
        <v>5</v>
      </c>
      <c r="AG4840">
        <v>5</v>
      </c>
      <c r="AH4840">
        <v>5</v>
      </c>
      <c r="AI4840">
        <v>5</v>
      </c>
      <c r="AJ4840">
        <v>5</v>
      </c>
      <c r="AK4840">
        <v>5</v>
      </c>
      <c r="AL4840">
        <v>5</v>
      </c>
      <c r="AM4840">
        <v>5</v>
      </c>
      <c r="AN4840">
        <v>5</v>
      </c>
      <c r="AO4840">
        <v>5</v>
      </c>
      <c r="AP4840">
        <v>5</v>
      </c>
      <c r="AQ4840">
        <v>5</v>
      </c>
    </row>
    <row r="4841" spans="1:43">
      <c r="A4841" t="s">
        <v>3048</v>
      </c>
      <c r="B4841" t="s">
        <v>3049</v>
      </c>
      <c r="C4841" t="s">
        <v>3044</v>
      </c>
      <c r="D4841" t="s">
        <v>3045</v>
      </c>
      <c r="E4841" t="s">
        <v>2928</v>
      </c>
      <c r="F4841" t="s">
        <v>2929</v>
      </c>
      <c r="G4841" t="s">
        <v>80</v>
      </c>
      <c r="H4841" t="s">
        <v>81</v>
      </c>
      <c r="I4841" s="2">
        <v>1</v>
      </c>
      <c r="J4841" s="2">
        <v>0</v>
      </c>
      <c r="K4841" s="2">
        <v>0</v>
      </c>
      <c r="L4841" t="s">
        <v>120</v>
      </c>
      <c r="M4841" t="s">
        <v>83</v>
      </c>
      <c r="N4841" t="s">
        <v>91</v>
      </c>
      <c r="O4841" t="s">
        <v>85</v>
      </c>
      <c r="P4841" t="s">
        <v>86</v>
      </c>
      <c r="Q4841">
        <v>5</v>
      </c>
      <c r="R4841">
        <v>5</v>
      </c>
      <c r="S4841">
        <v>5</v>
      </c>
      <c r="T4841">
        <v>5</v>
      </c>
      <c r="U4841">
        <v>5</v>
      </c>
      <c r="V4841">
        <v>5</v>
      </c>
      <c r="W4841">
        <v>5</v>
      </c>
      <c r="X4841">
        <v>5</v>
      </c>
      <c r="Y4841">
        <v>5</v>
      </c>
      <c r="Z4841">
        <v>5</v>
      </c>
      <c r="AA4841">
        <v>5</v>
      </c>
      <c r="AB4841">
        <v>5</v>
      </c>
      <c r="AC4841">
        <v>5</v>
      </c>
      <c r="AD4841">
        <v>5</v>
      </c>
      <c r="AE4841">
        <v>5</v>
      </c>
      <c r="AF4841">
        <v>5</v>
      </c>
      <c r="AG4841">
        <v>5</v>
      </c>
      <c r="AH4841">
        <v>5</v>
      </c>
      <c r="AI4841">
        <v>5</v>
      </c>
      <c r="AJ4841">
        <v>5</v>
      </c>
      <c r="AK4841">
        <v>5</v>
      </c>
      <c r="AL4841">
        <v>5</v>
      </c>
      <c r="AM4841">
        <v>5</v>
      </c>
      <c r="AN4841">
        <v>5</v>
      </c>
      <c r="AO4841">
        <v>5</v>
      </c>
      <c r="AP4841">
        <v>5</v>
      </c>
      <c r="AQ4841">
        <v>5</v>
      </c>
    </row>
    <row r="4842" spans="1:43">
      <c r="A4842" t="s">
        <v>3050</v>
      </c>
      <c r="B4842" t="s">
        <v>3051</v>
      </c>
      <c r="C4842" t="s">
        <v>3044</v>
      </c>
      <c r="D4842" t="s">
        <v>3045</v>
      </c>
      <c r="E4842" t="s">
        <v>2928</v>
      </c>
      <c r="F4842" t="s">
        <v>2929</v>
      </c>
      <c r="G4842" t="s">
        <v>80</v>
      </c>
      <c r="H4842" t="s">
        <v>81</v>
      </c>
      <c r="I4842" s="2">
        <v>1</v>
      </c>
      <c r="J4842" s="2">
        <v>0</v>
      </c>
      <c r="K4842" s="2">
        <v>0</v>
      </c>
      <c r="L4842" t="s">
        <v>120</v>
      </c>
      <c r="M4842" t="s">
        <v>83</v>
      </c>
      <c r="N4842" t="s">
        <v>84</v>
      </c>
      <c r="O4842" t="s">
        <v>85</v>
      </c>
      <c r="P4842" t="s">
        <v>86</v>
      </c>
      <c r="Q4842">
        <v>15</v>
      </c>
      <c r="R4842">
        <v>16</v>
      </c>
      <c r="S4842">
        <v>16</v>
      </c>
      <c r="T4842">
        <v>16</v>
      </c>
      <c r="U4842">
        <v>16</v>
      </c>
      <c r="V4842">
        <v>16</v>
      </c>
      <c r="W4842">
        <v>16</v>
      </c>
      <c r="X4842">
        <v>16</v>
      </c>
      <c r="Y4842">
        <v>16</v>
      </c>
      <c r="Z4842">
        <v>16</v>
      </c>
      <c r="AA4842">
        <v>16</v>
      </c>
      <c r="AB4842">
        <v>16</v>
      </c>
      <c r="AC4842">
        <v>16</v>
      </c>
      <c r="AD4842">
        <v>16</v>
      </c>
      <c r="AE4842">
        <v>16</v>
      </c>
      <c r="AF4842">
        <v>16</v>
      </c>
      <c r="AG4842">
        <v>16</v>
      </c>
      <c r="AH4842">
        <v>16</v>
      </c>
      <c r="AI4842">
        <v>16</v>
      </c>
      <c r="AJ4842">
        <v>16</v>
      </c>
      <c r="AK4842">
        <v>16</v>
      </c>
      <c r="AL4842">
        <v>16</v>
      </c>
      <c r="AM4842">
        <v>16</v>
      </c>
      <c r="AN4842">
        <v>16</v>
      </c>
      <c r="AO4842">
        <v>16</v>
      </c>
      <c r="AP4842">
        <v>16</v>
      </c>
      <c r="AQ4842">
        <v>16</v>
      </c>
    </row>
    <row r="4843" spans="1:43">
      <c r="A4843" t="s">
        <v>3050</v>
      </c>
      <c r="B4843" t="s">
        <v>3051</v>
      </c>
      <c r="C4843" t="s">
        <v>3044</v>
      </c>
      <c r="D4843" t="s">
        <v>3045</v>
      </c>
      <c r="E4843" t="s">
        <v>2928</v>
      </c>
      <c r="F4843" t="s">
        <v>2929</v>
      </c>
      <c r="G4843" t="s">
        <v>80</v>
      </c>
      <c r="H4843" t="s">
        <v>81</v>
      </c>
      <c r="I4843" s="2">
        <v>1</v>
      </c>
      <c r="J4843" s="2">
        <v>0</v>
      </c>
      <c r="K4843" s="2">
        <v>0</v>
      </c>
      <c r="L4843" t="s">
        <v>120</v>
      </c>
      <c r="M4843" t="s">
        <v>87</v>
      </c>
      <c r="N4843" t="s">
        <v>88</v>
      </c>
      <c r="O4843" t="s">
        <v>85</v>
      </c>
      <c r="P4843" t="s">
        <v>86</v>
      </c>
      <c r="Q4843">
        <v>15</v>
      </c>
      <c r="R4843">
        <v>15</v>
      </c>
      <c r="S4843">
        <v>15</v>
      </c>
      <c r="T4843">
        <v>15</v>
      </c>
      <c r="U4843">
        <v>15</v>
      </c>
      <c r="V4843">
        <v>15</v>
      </c>
      <c r="W4843">
        <v>15</v>
      </c>
      <c r="X4843">
        <v>15</v>
      </c>
      <c r="Y4843">
        <v>15</v>
      </c>
      <c r="Z4843">
        <v>15</v>
      </c>
      <c r="AA4843">
        <v>15</v>
      </c>
      <c r="AB4843">
        <v>15</v>
      </c>
      <c r="AC4843">
        <v>14</v>
      </c>
      <c r="AD4843">
        <v>14</v>
      </c>
      <c r="AE4843">
        <v>14</v>
      </c>
      <c r="AF4843">
        <v>14</v>
      </c>
      <c r="AG4843">
        <v>14</v>
      </c>
      <c r="AH4843">
        <v>14</v>
      </c>
      <c r="AI4843">
        <v>14</v>
      </c>
      <c r="AJ4843">
        <v>14</v>
      </c>
      <c r="AK4843">
        <v>14</v>
      </c>
      <c r="AL4843">
        <v>14</v>
      </c>
      <c r="AM4843">
        <v>14</v>
      </c>
      <c r="AN4843">
        <v>14</v>
      </c>
      <c r="AO4843">
        <v>14</v>
      </c>
      <c r="AP4843">
        <v>14</v>
      </c>
      <c r="AQ4843">
        <v>14</v>
      </c>
    </row>
    <row r="4844" spans="1:43">
      <c r="A4844" t="s">
        <v>3050</v>
      </c>
      <c r="B4844" t="s">
        <v>3051</v>
      </c>
      <c r="C4844" t="s">
        <v>3044</v>
      </c>
      <c r="D4844" t="s">
        <v>3045</v>
      </c>
      <c r="E4844" t="s">
        <v>2928</v>
      </c>
      <c r="F4844" t="s">
        <v>2929</v>
      </c>
      <c r="G4844" t="s">
        <v>80</v>
      </c>
      <c r="H4844" t="s">
        <v>81</v>
      </c>
      <c r="I4844" s="2">
        <v>1</v>
      </c>
      <c r="J4844" s="2">
        <v>0</v>
      </c>
      <c r="K4844" s="2">
        <v>0</v>
      </c>
      <c r="L4844" t="s">
        <v>120</v>
      </c>
      <c r="M4844" t="s">
        <v>89</v>
      </c>
      <c r="N4844" t="s">
        <v>90</v>
      </c>
      <c r="O4844" t="s">
        <v>85</v>
      </c>
      <c r="P4844" t="s">
        <v>86</v>
      </c>
      <c r="Q4844">
        <v>15</v>
      </c>
      <c r="R4844">
        <v>15</v>
      </c>
      <c r="S4844">
        <v>15</v>
      </c>
      <c r="T4844">
        <v>15</v>
      </c>
      <c r="U4844">
        <v>15</v>
      </c>
      <c r="V4844">
        <v>15</v>
      </c>
      <c r="W4844">
        <v>16</v>
      </c>
      <c r="X4844">
        <v>16</v>
      </c>
      <c r="Y4844">
        <v>16</v>
      </c>
      <c r="Z4844">
        <v>16</v>
      </c>
      <c r="AA4844">
        <v>16</v>
      </c>
      <c r="AB4844">
        <v>16</v>
      </c>
      <c r="AC4844">
        <v>16</v>
      </c>
      <c r="AD4844">
        <v>16</v>
      </c>
      <c r="AE4844">
        <v>16</v>
      </c>
      <c r="AF4844">
        <v>16</v>
      </c>
      <c r="AG4844">
        <v>16</v>
      </c>
      <c r="AH4844">
        <v>16</v>
      </c>
      <c r="AI4844">
        <v>16</v>
      </c>
      <c r="AJ4844">
        <v>16</v>
      </c>
      <c r="AK4844">
        <v>16</v>
      </c>
      <c r="AL4844">
        <v>15</v>
      </c>
      <c r="AM4844">
        <v>15</v>
      </c>
      <c r="AN4844">
        <v>15</v>
      </c>
      <c r="AO4844">
        <v>15</v>
      </c>
      <c r="AP4844">
        <v>15</v>
      </c>
      <c r="AQ4844">
        <v>15</v>
      </c>
    </row>
    <row r="4845" spans="1:43">
      <c r="A4845" t="s">
        <v>3050</v>
      </c>
      <c r="B4845" t="s">
        <v>3051</v>
      </c>
      <c r="C4845" t="s">
        <v>3044</v>
      </c>
      <c r="D4845" t="s">
        <v>3045</v>
      </c>
      <c r="E4845" t="s">
        <v>2928</v>
      </c>
      <c r="F4845" t="s">
        <v>2929</v>
      </c>
      <c r="G4845" t="s">
        <v>80</v>
      </c>
      <c r="H4845" t="s">
        <v>81</v>
      </c>
      <c r="I4845" s="2">
        <v>1</v>
      </c>
      <c r="J4845" s="2">
        <v>0</v>
      </c>
      <c r="K4845" s="2">
        <v>0</v>
      </c>
      <c r="L4845" t="s">
        <v>120</v>
      </c>
      <c r="M4845" t="s">
        <v>83</v>
      </c>
      <c r="N4845" t="s">
        <v>91</v>
      </c>
      <c r="O4845" t="s">
        <v>85</v>
      </c>
      <c r="P4845" t="s">
        <v>86</v>
      </c>
      <c r="Q4845">
        <v>15</v>
      </c>
      <c r="R4845">
        <v>16</v>
      </c>
      <c r="S4845">
        <v>16</v>
      </c>
      <c r="T4845">
        <v>16</v>
      </c>
      <c r="U4845">
        <v>16</v>
      </c>
      <c r="V4845">
        <v>16</v>
      </c>
      <c r="W4845">
        <v>16</v>
      </c>
      <c r="X4845">
        <v>16</v>
      </c>
      <c r="Y4845">
        <v>16</v>
      </c>
      <c r="Z4845">
        <v>16</v>
      </c>
      <c r="AA4845">
        <v>16</v>
      </c>
      <c r="AB4845">
        <v>16</v>
      </c>
      <c r="AC4845">
        <v>16</v>
      </c>
      <c r="AD4845">
        <v>16</v>
      </c>
      <c r="AE4845">
        <v>16</v>
      </c>
      <c r="AF4845">
        <v>16</v>
      </c>
      <c r="AG4845">
        <v>16</v>
      </c>
      <c r="AH4845">
        <v>16</v>
      </c>
      <c r="AI4845">
        <v>16</v>
      </c>
      <c r="AJ4845">
        <v>16</v>
      </c>
      <c r="AK4845">
        <v>16</v>
      </c>
      <c r="AL4845">
        <v>16</v>
      </c>
      <c r="AM4845">
        <v>16</v>
      </c>
      <c r="AN4845">
        <v>16</v>
      </c>
      <c r="AO4845">
        <v>16</v>
      </c>
      <c r="AP4845">
        <v>16</v>
      </c>
      <c r="AQ4845">
        <v>16</v>
      </c>
    </row>
    <row r="4846" spans="1:43">
      <c r="A4846" t="s">
        <v>3052</v>
      </c>
      <c r="B4846" t="s">
        <v>3053</v>
      </c>
      <c r="C4846" t="s">
        <v>3054</v>
      </c>
      <c r="D4846" t="s">
        <v>3055</v>
      </c>
      <c r="E4846" t="s">
        <v>2928</v>
      </c>
      <c r="F4846" t="s">
        <v>2929</v>
      </c>
      <c r="G4846" t="s">
        <v>80</v>
      </c>
      <c r="H4846" t="s">
        <v>81</v>
      </c>
      <c r="I4846" s="2">
        <v>1</v>
      </c>
      <c r="J4846" s="2">
        <v>0</v>
      </c>
      <c r="K4846" s="2">
        <v>0</v>
      </c>
      <c r="L4846" t="s">
        <v>120</v>
      </c>
      <c r="M4846" t="s">
        <v>83</v>
      </c>
      <c r="N4846" t="s">
        <v>84</v>
      </c>
      <c r="O4846" t="s">
        <v>85</v>
      </c>
      <c r="P4846" t="s">
        <v>86</v>
      </c>
      <c r="Q4846">
        <v>94</v>
      </c>
      <c r="R4846">
        <v>95</v>
      </c>
      <c r="S4846">
        <v>95</v>
      </c>
      <c r="T4846">
        <v>95</v>
      </c>
      <c r="U4846">
        <v>96</v>
      </c>
      <c r="V4846">
        <v>96</v>
      </c>
      <c r="W4846">
        <v>96</v>
      </c>
      <c r="X4846">
        <v>97</v>
      </c>
      <c r="Y4846">
        <v>97</v>
      </c>
      <c r="Z4846">
        <v>97</v>
      </c>
      <c r="AA4846">
        <v>97</v>
      </c>
      <c r="AB4846">
        <v>97</v>
      </c>
      <c r="AC4846">
        <v>98</v>
      </c>
      <c r="AD4846">
        <v>98</v>
      </c>
      <c r="AE4846">
        <v>98</v>
      </c>
      <c r="AF4846">
        <v>98</v>
      </c>
      <c r="AG4846">
        <v>98</v>
      </c>
      <c r="AH4846">
        <v>98</v>
      </c>
      <c r="AI4846">
        <v>98</v>
      </c>
      <c r="AJ4846">
        <v>99</v>
      </c>
      <c r="AK4846">
        <v>99</v>
      </c>
      <c r="AL4846">
        <v>98</v>
      </c>
      <c r="AM4846">
        <v>97</v>
      </c>
      <c r="AN4846">
        <v>97</v>
      </c>
      <c r="AO4846">
        <v>96</v>
      </c>
      <c r="AP4846">
        <v>95</v>
      </c>
      <c r="AQ4846">
        <v>94</v>
      </c>
    </row>
    <row r="4847" spans="1:43">
      <c r="A4847" t="s">
        <v>3052</v>
      </c>
      <c r="B4847" t="s">
        <v>3053</v>
      </c>
      <c r="C4847" t="s">
        <v>3054</v>
      </c>
      <c r="D4847" t="s">
        <v>3055</v>
      </c>
      <c r="E4847" t="s">
        <v>2928</v>
      </c>
      <c r="F4847" t="s">
        <v>2929</v>
      </c>
      <c r="G4847" t="s">
        <v>80</v>
      </c>
      <c r="H4847" t="s">
        <v>81</v>
      </c>
      <c r="I4847" s="2">
        <v>1</v>
      </c>
      <c r="J4847" s="2">
        <v>0</v>
      </c>
      <c r="K4847" s="2">
        <v>0</v>
      </c>
      <c r="L4847" t="s">
        <v>120</v>
      </c>
      <c r="M4847" t="s">
        <v>87</v>
      </c>
      <c r="N4847" t="s">
        <v>88</v>
      </c>
      <c r="O4847" t="s">
        <v>85</v>
      </c>
      <c r="P4847" t="s">
        <v>86</v>
      </c>
      <c r="Q4847">
        <v>94</v>
      </c>
      <c r="R4847">
        <v>94</v>
      </c>
      <c r="S4847">
        <v>93</v>
      </c>
      <c r="T4847">
        <v>93</v>
      </c>
      <c r="U4847">
        <v>92</v>
      </c>
      <c r="V4847">
        <v>92</v>
      </c>
      <c r="W4847">
        <v>91</v>
      </c>
      <c r="X4847">
        <v>91</v>
      </c>
      <c r="Y4847">
        <v>90</v>
      </c>
      <c r="Z4847">
        <v>90</v>
      </c>
      <c r="AA4847">
        <v>90</v>
      </c>
      <c r="AB4847">
        <v>89</v>
      </c>
      <c r="AC4847">
        <v>89</v>
      </c>
      <c r="AD4847">
        <v>88</v>
      </c>
      <c r="AE4847">
        <v>88</v>
      </c>
      <c r="AF4847">
        <v>87</v>
      </c>
      <c r="AG4847">
        <v>87</v>
      </c>
      <c r="AH4847">
        <v>86</v>
      </c>
      <c r="AI4847">
        <v>86</v>
      </c>
      <c r="AJ4847">
        <v>86</v>
      </c>
      <c r="AK4847">
        <v>85</v>
      </c>
      <c r="AL4847">
        <v>85</v>
      </c>
      <c r="AM4847">
        <v>84</v>
      </c>
      <c r="AN4847">
        <v>84</v>
      </c>
      <c r="AO4847">
        <v>84</v>
      </c>
      <c r="AP4847">
        <v>83</v>
      </c>
      <c r="AQ4847">
        <v>83</v>
      </c>
    </row>
    <row r="4848" spans="1:43">
      <c r="A4848" t="s">
        <v>3052</v>
      </c>
      <c r="B4848" t="s">
        <v>3053</v>
      </c>
      <c r="C4848" t="s">
        <v>3054</v>
      </c>
      <c r="D4848" t="s">
        <v>3055</v>
      </c>
      <c r="E4848" t="s">
        <v>2928</v>
      </c>
      <c r="F4848" t="s">
        <v>2929</v>
      </c>
      <c r="G4848" t="s">
        <v>80</v>
      </c>
      <c r="H4848" t="s">
        <v>81</v>
      </c>
      <c r="I4848" s="2">
        <v>1</v>
      </c>
      <c r="J4848" s="2">
        <v>0</v>
      </c>
      <c r="K4848" s="2">
        <v>0</v>
      </c>
      <c r="L4848" t="s">
        <v>120</v>
      </c>
      <c r="M4848" t="s">
        <v>89</v>
      </c>
      <c r="N4848" t="s">
        <v>90</v>
      </c>
      <c r="O4848" t="s">
        <v>85</v>
      </c>
      <c r="P4848" t="s">
        <v>86</v>
      </c>
      <c r="Q4848">
        <v>94</v>
      </c>
      <c r="R4848">
        <v>95</v>
      </c>
      <c r="S4848">
        <v>96</v>
      </c>
      <c r="T4848">
        <v>97</v>
      </c>
      <c r="U4848">
        <v>98</v>
      </c>
      <c r="V4848">
        <v>99</v>
      </c>
      <c r="W4848">
        <v>100</v>
      </c>
      <c r="X4848">
        <v>101</v>
      </c>
      <c r="Y4848">
        <v>101</v>
      </c>
      <c r="Z4848">
        <v>102</v>
      </c>
      <c r="AA4848">
        <v>103</v>
      </c>
      <c r="AB4848">
        <v>103</v>
      </c>
      <c r="AC4848">
        <v>104</v>
      </c>
      <c r="AD4848">
        <v>104</v>
      </c>
      <c r="AE4848">
        <v>104</v>
      </c>
      <c r="AF4848">
        <v>103</v>
      </c>
      <c r="AG4848">
        <v>102</v>
      </c>
      <c r="AH4848">
        <v>102</v>
      </c>
      <c r="AI4848">
        <v>101</v>
      </c>
      <c r="AJ4848">
        <v>100</v>
      </c>
      <c r="AK4848">
        <v>99</v>
      </c>
      <c r="AL4848">
        <v>98</v>
      </c>
      <c r="AM4848">
        <v>98</v>
      </c>
      <c r="AN4848">
        <v>97</v>
      </c>
      <c r="AO4848">
        <v>96</v>
      </c>
      <c r="AP4848">
        <v>95</v>
      </c>
      <c r="AQ4848">
        <v>95</v>
      </c>
    </row>
    <row r="4849" spans="1:43">
      <c r="A4849" t="s">
        <v>3052</v>
      </c>
      <c r="B4849" t="s">
        <v>3053</v>
      </c>
      <c r="C4849" t="s">
        <v>3054</v>
      </c>
      <c r="D4849" t="s">
        <v>3055</v>
      </c>
      <c r="E4849" t="s">
        <v>2928</v>
      </c>
      <c r="F4849" t="s">
        <v>2929</v>
      </c>
      <c r="G4849" t="s">
        <v>80</v>
      </c>
      <c r="H4849" t="s">
        <v>81</v>
      </c>
      <c r="I4849" s="2">
        <v>1</v>
      </c>
      <c r="J4849" s="2">
        <v>0</v>
      </c>
      <c r="K4849" s="2">
        <v>0</v>
      </c>
      <c r="L4849" t="s">
        <v>120</v>
      </c>
      <c r="M4849" t="s">
        <v>83</v>
      </c>
      <c r="N4849" t="s">
        <v>91</v>
      </c>
      <c r="O4849" t="s">
        <v>85</v>
      </c>
      <c r="P4849" t="s">
        <v>86</v>
      </c>
      <c r="Q4849">
        <v>94</v>
      </c>
      <c r="R4849">
        <v>95</v>
      </c>
      <c r="S4849">
        <v>95</v>
      </c>
      <c r="T4849">
        <v>95</v>
      </c>
      <c r="U4849">
        <v>96</v>
      </c>
      <c r="V4849">
        <v>96</v>
      </c>
      <c r="W4849">
        <v>96</v>
      </c>
      <c r="X4849">
        <v>97</v>
      </c>
      <c r="Y4849">
        <v>97</v>
      </c>
      <c r="Z4849">
        <v>97</v>
      </c>
      <c r="AA4849">
        <v>97</v>
      </c>
      <c r="AB4849">
        <v>97</v>
      </c>
      <c r="AC4849">
        <v>98</v>
      </c>
      <c r="AD4849">
        <v>98</v>
      </c>
      <c r="AE4849">
        <v>98</v>
      </c>
      <c r="AF4849">
        <v>98</v>
      </c>
      <c r="AG4849">
        <v>98</v>
      </c>
      <c r="AH4849">
        <v>98</v>
      </c>
      <c r="AI4849">
        <v>98</v>
      </c>
      <c r="AJ4849">
        <v>99</v>
      </c>
      <c r="AK4849">
        <v>99</v>
      </c>
      <c r="AL4849">
        <v>98</v>
      </c>
      <c r="AM4849">
        <v>97</v>
      </c>
      <c r="AN4849">
        <v>97</v>
      </c>
      <c r="AO4849">
        <v>96</v>
      </c>
      <c r="AP4849">
        <v>95</v>
      </c>
      <c r="AQ4849">
        <v>94</v>
      </c>
    </row>
    <row r="4850" spans="1:43">
      <c r="A4850" t="s">
        <v>3056</v>
      </c>
      <c r="B4850" t="s">
        <v>3057</v>
      </c>
      <c r="C4850" t="s">
        <v>3044</v>
      </c>
      <c r="D4850" t="s">
        <v>3045</v>
      </c>
      <c r="E4850" t="s">
        <v>2928</v>
      </c>
      <c r="F4850" t="s">
        <v>2929</v>
      </c>
      <c r="G4850" t="s">
        <v>80</v>
      </c>
      <c r="H4850" t="s">
        <v>81</v>
      </c>
      <c r="I4850" s="2">
        <v>1</v>
      </c>
      <c r="J4850" s="2">
        <v>0</v>
      </c>
      <c r="K4850" s="2">
        <v>0</v>
      </c>
      <c r="L4850" t="s">
        <v>120</v>
      </c>
      <c r="M4850" t="s">
        <v>83</v>
      </c>
      <c r="N4850" t="s">
        <v>84</v>
      </c>
      <c r="O4850" t="s">
        <v>85</v>
      </c>
      <c r="P4850" t="s">
        <v>86</v>
      </c>
      <c r="Q4850">
        <v>9</v>
      </c>
      <c r="R4850">
        <v>9</v>
      </c>
      <c r="S4850">
        <v>9</v>
      </c>
      <c r="T4850">
        <v>9</v>
      </c>
      <c r="U4850">
        <v>9</v>
      </c>
      <c r="V4850">
        <v>9</v>
      </c>
      <c r="W4850">
        <v>9</v>
      </c>
      <c r="X4850">
        <v>10</v>
      </c>
      <c r="Y4850">
        <v>10</v>
      </c>
      <c r="Z4850">
        <v>10</v>
      </c>
      <c r="AA4850">
        <v>10</v>
      </c>
      <c r="AB4850">
        <v>10</v>
      </c>
      <c r="AC4850">
        <v>10</v>
      </c>
      <c r="AD4850">
        <v>10</v>
      </c>
      <c r="AE4850">
        <v>10</v>
      </c>
      <c r="AF4850">
        <v>10</v>
      </c>
      <c r="AG4850">
        <v>10</v>
      </c>
      <c r="AH4850">
        <v>10</v>
      </c>
      <c r="AI4850">
        <v>10</v>
      </c>
      <c r="AJ4850">
        <v>10</v>
      </c>
      <c r="AK4850">
        <v>10</v>
      </c>
      <c r="AL4850">
        <v>10</v>
      </c>
      <c r="AM4850">
        <v>10</v>
      </c>
      <c r="AN4850">
        <v>10</v>
      </c>
      <c r="AO4850">
        <v>10</v>
      </c>
      <c r="AP4850">
        <v>9</v>
      </c>
      <c r="AQ4850">
        <v>9</v>
      </c>
    </row>
    <row r="4851" spans="1:43">
      <c r="A4851" t="s">
        <v>3056</v>
      </c>
      <c r="B4851" t="s">
        <v>3057</v>
      </c>
      <c r="C4851" t="s">
        <v>3044</v>
      </c>
      <c r="D4851" t="s">
        <v>3045</v>
      </c>
      <c r="E4851" t="s">
        <v>2928</v>
      </c>
      <c r="F4851" t="s">
        <v>2929</v>
      </c>
      <c r="G4851" t="s">
        <v>80</v>
      </c>
      <c r="H4851" t="s">
        <v>81</v>
      </c>
      <c r="I4851" s="2">
        <v>1</v>
      </c>
      <c r="J4851" s="2">
        <v>0</v>
      </c>
      <c r="K4851" s="2">
        <v>0</v>
      </c>
      <c r="L4851" t="s">
        <v>120</v>
      </c>
      <c r="M4851" t="s">
        <v>87</v>
      </c>
      <c r="N4851" t="s">
        <v>88</v>
      </c>
      <c r="O4851" t="s">
        <v>85</v>
      </c>
      <c r="P4851" t="s">
        <v>86</v>
      </c>
      <c r="Q4851">
        <v>9</v>
      </c>
      <c r="R4851">
        <v>9</v>
      </c>
      <c r="S4851">
        <v>9</v>
      </c>
      <c r="T4851">
        <v>9</v>
      </c>
      <c r="U4851">
        <v>9</v>
      </c>
      <c r="V4851">
        <v>9</v>
      </c>
      <c r="W4851">
        <v>9</v>
      </c>
      <c r="X4851">
        <v>9</v>
      </c>
      <c r="Y4851">
        <v>9</v>
      </c>
      <c r="Z4851">
        <v>9</v>
      </c>
      <c r="AA4851">
        <v>9</v>
      </c>
      <c r="AB4851">
        <v>9</v>
      </c>
      <c r="AC4851">
        <v>9</v>
      </c>
      <c r="AD4851">
        <v>9</v>
      </c>
      <c r="AE4851">
        <v>9</v>
      </c>
      <c r="AF4851">
        <v>9</v>
      </c>
      <c r="AG4851">
        <v>9</v>
      </c>
      <c r="AH4851">
        <v>8</v>
      </c>
      <c r="AI4851">
        <v>8</v>
      </c>
      <c r="AJ4851">
        <v>8</v>
      </c>
      <c r="AK4851">
        <v>8</v>
      </c>
      <c r="AL4851">
        <v>8</v>
      </c>
      <c r="AM4851">
        <v>8</v>
      </c>
      <c r="AN4851">
        <v>8</v>
      </c>
      <c r="AO4851">
        <v>8</v>
      </c>
      <c r="AP4851">
        <v>8</v>
      </c>
      <c r="AQ4851">
        <v>8</v>
      </c>
    </row>
    <row r="4852" spans="1:43">
      <c r="A4852" t="s">
        <v>3056</v>
      </c>
      <c r="B4852" t="s">
        <v>3057</v>
      </c>
      <c r="C4852" t="s">
        <v>3044</v>
      </c>
      <c r="D4852" t="s">
        <v>3045</v>
      </c>
      <c r="E4852" t="s">
        <v>2928</v>
      </c>
      <c r="F4852" t="s">
        <v>2929</v>
      </c>
      <c r="G4852" t="s">
        <v>80</v>
      </c>
      <c r="H4852" t="s">
        <v>81</v>
      </c>
      <c r="I4852" s="2">
        <v>1</v>
      </c>
      <c r="J4852" s="2">
        <v>0</v>
      </c>
      <c r="K4852" s="2">
        <v>0</v>
      </c>
      <c r="L4852" t="s">
        <v>120</v>
      </c>
      <c r="M4852" t="s">
        <v>89</v>
      </c>
      <c r="N4852" t="s">
        <v>90</v>
      </c>
      <c r="O4852" t="s">
        <v>85</v>
      </c>
      <c r="P4852" t="s">
        <v>86</v>
      </c>
      <c r="Q4852">
        <v>9</v>
      </c>
      <c r="R4852">
        <v>9</v>
      </c>
      <c r="S4852">
        <v>10</v>
      </c>
      <c r="T4852">
        <v>10</v>
      </c>
      <c r="U4852">
        <v>10</v>
      </c>
      <c r="V4852">
        <v>10</v>
      </c>
      <c r="W4852">
        <v>10</v>
      </c>
      <c r="X4852">
        <v>10</v>
      </c>
      <c r="Y4852">
        <v>10</v>
      </c>
      <c r="Z4852">
        <v>10</v>
      </c>
      <c r="AA4852">
        <v>10</v>
      </c>
      <c r="AB4852">
        <v>10</v>
      </c>
      <c r="AC4852">
        <v>10</v>
      </c>
      <c r="AD4852">
        <v>10</v>
      </c>
      <c r="AE4852">
        <v>10</v>
      </c>
      <c r="AF4852">
        <v>10</v>
      </c>
      <c r="AG4852">
        <v>10</v>
      </c>
      <c r="AH4852">
        <v>10</v>
      </c>
      <c r="AI4852">
        <v>10</v>
      </c>
      <c r="AJ4852">
        <v>10</v>
      </c>
      <c r="AK4852">
        <v>10</v>
      </c>
      <c r="AL4852">
        <v>10</v>
      </c>
      <c r="AM4852">
        <v>10</v>
      </c>
      <c r="AN4852">
        <v>10</v>
      </c>
      <c r="AO4852">
        <v>10</v>
      </c>
      <c r="AP4852">
        <v>10</v>
      </c>
      <c r="AQ4852">
        <v>10</v>
      </c>
    </row>
    <row r="4853" spans="1:43">
      <c r="A4853" t="s">
        <v>3056</v>
      </c>
      <c r="B4853" t="s">
        <v>3057</v>
      </c>
      <c r="C4853" t="s">
        <v>3044</v>
      </c>
      <c r="D4853" t="s">
        <v>3045</v>
      </c>
      <c r="E4853" t="s">
        <v>2928</v>
      </c>
      <c r="F4853" t="s">
        <v>2929</v>
      </c>
      <c r="G4853" t="s">
        <v>80</v>
      </c>
      <c r="H4853" t="s">
        <v>81</v>
      </c>
      <c r="I4853" s="2">
        <v>1</v>
      </c>
      <c r="J4853" s="2">
        <v>0</v>
      </c>
      <c r="K4853" s="2">
        <v>0</v>
      </c>
      <c r="L4853" t="s">
        <v>120</v>
      </c>
      <c r="M4853" t="s">
        <v>83</v>
      </c>
      <c r="N4853" t="s">
        <v>91</v>
      </c>
      <c r="O4853" t="s">
        <v>85</v>
      </c>
      <c r="P4853" t="s">
        <v>86</v>
      </c>
      <c r="Q4853">
        <v>9</v>
      </c>
      <c r="R4853">
        <v>9</v>
      </c>
      <c r="S4853">
        <v>9</v>
      </c>
      <c r="T4853">
        <v>9</v>
      </c>
      <c r="U4853">
        <v>9</v>
      </c>
      <c r="V4853">
        <v>9</v>
      </c>
      <c r="W4853">
        <v>9</v>
      </c>
      <c r="X4853">
        <v>10</v>
      </c>
      <c r="Y4853">
        <v>10</v>
      </c>
      <c r="Z4853">
        <v>10</v>
      </c>
      <c r="AA4853">
        <v>10</v>
      </c>
      <c r="AB4853">
        <v>10</v>
      </c>
      <c r="AC4853">
        <v>10</v>
      </c>
      <c r="AD4853">
        <v>10</v>
      </c>
      <c r="AE4853">
        <v>10</v>
      </c>
      <c r="AF4853">
        <v>10</v>
      </c>
      <c r="AG4853">
        <v>10</v>
      </c>
      <c r="AH4853">
        <v>10</v>
      </c>
      <c r="AI4853">
        <v>10</v>
      </c>
      <c r="AJ4853">
        <v>10</v>
      </c>
      <c r="AK4853">
        <v>10</v>
      </c>
      <c r="AL4853">
        <v>10</v>
      </c>
      <c r="AM4853">
        <v>10</v>
      </c>
      <c r="AN4853">
        <v>10</v>
      </c>
      <c r="AO4853">
        <v>10</v>
      </c>
      <c r="AP4853">
        <v>9</v>
      </c>
      <c r="AQ4853">
        <v>9</v>
      </c>
    </row>
    <row r="4854" spans="1:43">
      <c r="A4854" t="s">
        <v>3058</v>
      </c>
      <c r="B4854" t="s">
        <v>3059</v>
      </c>
      <c r="C4854" t="s">
        <v>3060</v>
      </c>
      <c r="D4854" t="s">
        <v>3061</v>
      </c>
      <c r="E4854" t="s">
        <v>2928</v>
      </c>
      <c r="F4854" t="s">
        <v>2929</v>
      </c>
      <c r="G4854" t="s">
        <v>80</v>
      </c>
      <c r="H4854" t="s">
        <v>81</v>
      </c>
      <c r="I4854" s="2">
        <v>1</v>
      </c>
      <c r="J4854" s="2">
        <v>0</v>
      </c>
      <c r="K4854" s="2">
        <v>0</v>
      </c>
      <c r="L4854" t="s">
        <v>120</v>
      </c>
      <c r="M4854" t="s">
        <v>83</v>
      </c>
      <c r="N4854" t="s">
        <v>84</v>
      </c>
      <c r="O4854" t="s">
        <v>85</v>
      </c>
      <c r="P4854" t="s">
        <v>86</v>
      </c>
      <c r="Q4854">
        <v>76</v>
      </c>
      <c r="R4854">
        <v>76</v>
      </c>
      <c r="S4854">
        <v>77</v>
      </c>
      <c r="T4854">
        <v>77</v>
      </c>
      <c r="U4854">
        <v>77</v>
      </c>
      <c r="V4854">
        <v>78</v>
      </c>
      <c r="W4854">
        <v>78</v>
      </c>
      <c r="X4854">
        <v>79</v>
      </c>
      <c r="Y4854">
        <v>79</v>
      </c>
      <c r="Z4854">
        <v>79</v>
      </c>
      <c r="AA4854">
        <v>79</v>
      </c>
      <c r="AB4854">
        <v>80</v>
      </c>
      <c r="AC4854">
        <v>80</v>
      </c>
      <c r="AD4854">
        <v>80</v>
      </c>
      <c r="AE4854">
        <v>80</v>
      </c>
      <c r="AF4854">
        <v>81</v>
      </c>
      <c r="AG4854">
        <v>81</v>
      </c>
      <c r="AH4854">
        <v>81</v>
      </c>
      <c r="AI4854">
        <v>81</v>
      </c>
      <c r="AJ4854">
        <v>81</v>
      </c>
      <c r="AK4854">
        <v>82</v>
      </c>
      <c r="AL4854">
        <v>81</v>
      </c>
      <c r="AM4854">
        <v>81</v>
      </c>
      <c r="AN4854">
        <v>80</v>
      </c>
      <c r="AO4854">
        <v>80</v>
      </c>
      <c r="AP4854">
        <v>80</v>
      </c>
      <c r="AQ4854">
        <v>79</v>
      </c>
    </row>
    <row r="4855" spans="1:43">
      <c r="A4855" t="s">
        <v>3058</v>
      </c>
      <c r="B4855" t="s">
        <v>3059</v>
      </c>
      <c r="C4855" t="s">
        <v>3060</v>
      </c>
      <c r="D4855" t="s">
        <v>3061</v>
      </c>
      <c r="E4855" t="s">
        <v>2928</v>
      </c>
      <c r="F4855" t="s">
        <v>2929</v>
      </c>
      <c r="G4855" t="s">
        <v>80</v>
      </c>
      <c r="H4855" t="s">
        <v>81</v>
      </c>
      <c r="I4855" s="2">
        <v>1</v>
      </c>
      <c r="J4855" s="2">
        <v>0</v>
      </c>
      <c r="K4855" s="2">
        <v>0</v>
      </c>
      <c r="L4855" t="s">
        <v>120</v>
      </c>
      <c r="M4855" t="s">
        <v>87</v>
      </c>
      <c r="N4855" t="s">
        <v>88</v>
      </c>
      <c r="O4855" t="s">
        <v>85</v>
      </c>
      <c r="P4855" t="s">
        <v>86</v>
      </c>
      <c r="Q4855">
        <v>76</v>
      </c>
      <c r="R4855">
        <v>76</v>
      </c>
      <c r="S4855">
        <v>76</v>
      </c>
      <c r="T4855">
        <v>75</v>
      </c>
      <c r="U4855">
        <v>75</v>
      </c>
      <c r="V4855">
        <v>75</v>
      </c>
      <c r="W4855">
        <v>74</v>
      </c>
      <c r="X4855">
        <v>74</v>
      </c>
      <c r="Y4855">
        <v>74</v>
      </c>
      <c r="Z4855">
        <v>74</v>
      </c>
      <c r="AA4855">
        <v>73</v>
      </c>
      <c r="AB4855">
        <v>73</v>
      </c>
      <c r="AC4855">
        <v>73</v>
      </c>
      <c r="AD4855">
        <v>73</v>
      </c>
      <c r="AE4855">
        <v>72</v>
      </c>
      <c r="AF4855">
        <v>72</v>
      </c>
      <c r="AG4855">
        <v>72</v>
      </c>
      <c r="AH4855">
        <v>72</v>
      </c>
      <c r="AI4855">
        <v>71</v>
      </c>
      <c r="AJ4855">
        <v>71</v>
      </c>
      <c r="AK4855">
        <v>71</v>
      </c>
      <c r="AL4855">
        <v>71</v>
      </c>
      <c r="AM4855">
        <v>71</v>
      </c>
      <c r="AN4855">
        <v>70</v>
      </c>
      <c r="AO4855">
        <v>70</v>
      </c>
      <c r="AP4855">
        <v>70</v>
      </c>
      <c r="AQ4855">
        <v>70</v>
      </c>
    </row>
    <row r="4856" spans="1:43">
      <c r="A4856" t="s">
        <v>3058</v>
      </c>
      <c r="B4856" t="s">
        <v>3059</v>
      </c>
      <c r="C4856" t="s">
        <v>3060</v>
      </c>
      <c r="D4856" t="s">
        <v>3061</v>
      </c>
      <c r="E4856" t="s">
        <v>2928</v>
      </c>
      <c r="F4856" t="s">
        <v>2929</v>
      </c>
      <c r="G4856" t="s">
        <v>80</v>
      </c>
      <c r="H4856" t="s">
        <v>81</v>
      </c>
      <c r="I4856" s="2">
        <v>1</v>
      </c>
      <c r="J4856" s="2">
        <v>0</v>
      </c>
      <c r="K4856" s="2">
        <v>0</v>
      </c>
      <c r="L4856" t="s">
        <v>120</v>
      </c>
      <c r="M4856" t="s">
        <v>89</v>
      </c>
      <c r="N4856" t="s">
        <v>90</v>
      </c>
      <c r="O4856" t="s">
        <v>85</v>
      </c>
      <c r="P4856" t="s">
        <v>86</v>
      </c>
      <c r="Q4856">
        <v>76</v>
      </c>
      <c r="R4856">
        <v>78</v>
      </c>
      <c r="S4856">
        <v>79</v>
      </c>
      <c r="T4856">
        <v>80</v>
      </c>
      <c r="U4856">
        <v>80</v>
      </c>
      <c r="V4856">
        <v>81</v>
      </c>
      <c r="W4856">
        <v>82</v>
      </c>
      <c r="X4856">
        <v>83</v>
      </c>
      <c r="Y4856">
        <v>83</v>
      </c>
      <c r="Z4856">
        <v>84</v>
      </c>
      <c r="AA4856">
        <v>84</v>
      </c>
      <c r="AB4856">
        <v>85</v>
      </c>
      <c r="AC4856">
        <v>85</v>
      </c>
      <c r="AD4856">
        <v>86</v>
      </c>
      <c r="AE4856">
        <v>86</v>
      </c>
      <c r="AF4856">
        <v>85</v>
      </c>
      <c r="AG4856">
        <v>85</v>
      </c>
      <c r="AH4856">
        <v>85</v>
      </c>
      <c r="AI4856">
        <v>84</v>
      </c>
      <c r="AJ4856">
        <v>84</v>
      </c>
      <c r="AK4856">
        <v>83</v>
      </c>
      <c r="AL4856">
        <v>83</v>
      </c>
      <c r="AM4856">
        <v>82</v>
      </c>
      <c r="AN4856">
        <v>82</v>
      </c>
      <c r="AO4856">
        <v>81</v>
      </c>
      <c r="AP4856">
        <v>81</v>
      </c>
      <c r="AQ4856">
        <v>80</v>
      </c>
    </row>
    <row r="4857" spans="1:43">
      <c r="A4857" t="s">
        <v>3058</v>
      </c>
      <c r="B4857" t="s">
        <v>3059</v>
      </c>
      <c r="C4857" t="s">
        <v>3060</v>
      </c>
      <c r="D4857" t="s">
        <v>3061</v>
      </c>
      <c r="E4857" t="s">
        <v>2928</v>
      </c>
      <c r="F4857" t="s">
        <v>2929</v>
      </c>
      <c r="G4857" t="s">
        <v>80</v>
      </c>
      <c r="H4857" t="s">
        <v>81</v>
      </c>
      <c r="I4857" s="2">
        <v>1</v>
      </c>
      <c r="J4857" s="2">
        <v>0</v>
      </c>
      <c r="K4857" s="2">
        <v>0</v>
      </c>
      <c r="L4857" t="s">
        <v>120</v>
      </c>
      <c r="M4857" t="s">
        <v>83</v>
      </c>
      <c r="N4857" t="s">
        <v>91</v>
      </c>
      <c r="O4857" t="s">
        <v>85</v>
      </c>
      <c r="P4857" t="s">
        <v>86</v>
      </c>
      <c r="Q4857">
        <v>76</v>
      </c>
      <c r="R4857">
        <v>76</v>
      </c>
      <c r="S4857">
        <v>77</v>
      </c>
      <c r="T4857">
        <v>77</v>
      </c>
      <c r="U4857">
        <v>77</v>
      </c>
      <c r="V4857">
        <v>78</v>
      </c>
      <c r="W4857">
        <v>78</v>
      </c>
      <c r="X4857">
        <v>79</v>
      </c>
      <c r="Y4857">
        <v>79</v>
      </c>
      <c r="Z4857">
        <v>79</v>
      </c>
      <c r="AA4857">
        <v>79</v>
      </c>
      <c r="AB4857">
        <v>80</v>
      </c>
      <c r="AC4857">
        <v>80</v>
      </c>
      <c r="AD4857">
        <v>80</v>
      </c>
      <c r="AE4857">
        <v>80</v>
      </c>
      <c r="AF4857">
        <v>81</v>
      </c>
      <c r="AG4857">
        <v>81</v>
      </c>
      <c r="AH4857">
        <v>81</v>
      </c>
      <c r="AI4857">
        <v>81</v>
      </c>
      <c r="AJ4857">
        <v>81</v>
      </c>
      <c r="AK4857">
        <v>82</v>
      </c>
      <c r="AL4857">
        <v>81</v>
      </c>
      <c r="AM4857">
        <v>81</v>
      </c>
      <c r="AN4857">
        <v>80</v>
      </c>
      <c r="AO4857">
        <v>80</v>
      </c>
      <c r="AP4857">
        <v>80</v>
      </c>
      <c r="AQ4857">
        <v>79</v>
      </c>
    </row>
    <row r="4858" spans="1:43">
      <c r="A4858" t="s">
        <v>3062</v>
      </c>
      <c r="B4858" t="s">
        <v>3063</v>
      </c>
      <c r="C4858" t="s">
        <v>3064</v>
      </c>
      <c r="D4858" t="s">
        <v>3065</v>
      </c>
      <c r="E4858" t="s">
        <v>2928</v>
      </c>
      <c r="F4858" t="s">
        <v>2929</v>
      </c>
      <c r="G4858" t="s">
        <v>80</v>
      </c>
      <c r="H4858" t="s">
        <v>81</v>
      </c>
      <c r="I4858" s="2">
        <v>1</v>
      </c>
      <c r="J4858" s="2">
        <v>0</v>
      </c>
      <c r="K4858" s="2">
        <v>0</v>
      </c>
      <c r="L4858" t="s">
        <v>120</v>
      </c>
      <c r="M4858" t="s">
        <v>83</v>
      </c>
      <c r="N4858" t="s">
        <v>84</v>
      </c>
      <c r="O4858" t="s">
        <v>85</v>
      </c>
      <c r="P4858" t="s">
        <v>86</v>
      </c>
      <c r="Q4858">
        <v>17</v>
      </c>
      <c r="R4858">
        <v>18</v>
      </c>
      <c r="S4858">
        <v>18</v>
      </c>
      <c r="T4858">
        <v>18</v>
      </c>
      <c r="U4858">
        <v>18</v>
      </c>
      <c r="V4858">
        <v>18</v>
      </c>
      <c r="W4858">
        <v>18</v>
      </c>
      <c r="X4858">
        <v>18</v>
      </c>
      <c r="Y4858">
        <v>18</v>
      </c>
      <c r="Z4858">
        <v>18</v>
      </c>
      <c r="AA4858">
        <v>18</v>
      </c>
      <c r="AB4858">
        <v>18</v>
      </c>
      <c r="AC4858">
        <v>18</v>
      </c>
      <c r="AD4858">
        <v>19</v>
      </c>
      <c r="AE4858">
        <v>19</v>
      </c>
      <c r="AF4858">
        <v>19</v>
      </c>
      <c r="AG4858">
        <v>19</v>
      </c>
      <c r="AH4858">
        <v>19</v>
      </c>
      <c r="AI4858">
        <v>19</v>
      </c>
      <c r="AJ4858">
        <v>19</v>
      </c>
      <c r="AK4858">
        <v>19</v>
      </c>
      <c r="AL4858">
        <v>19</v>
      </c>
      <c r="AM4858">
        <v>19</v>
      </c>
      <c r="AN4858">
        <v>19</v>
      </c>
      <c r="AO4858">
        <v>19</v>
      </c>
      <c r="AP4858">
        <v>19</v>
      </c>
      <c r="AQ4858">
        <v>18</v>
      </c>
    </row>
    <row r="4859" spans="1:43">
      <c r="A4859" t="s">
        <v>3062</v>
      </c>
      <c r="B4859" t="s">
        <v>3063</v>
      </c>
      <c r="C4859" t="s">
        <v>3064</v>
      </c>
      <c r="D4859" t="s">
        <v>3065</v>
      </c>
      <c r="E4859" t="s">
        <v>2928</v>
      </c>
      <c r="F4859" t="s">
        <v>2929</v>
      </c>
      <c r="G4859" t="s">
        <v>80</v>
      </c>
      <c r="H4859" t="s">
        <v>81</v>
      </c>
      <c r="I4859" s="2">
        <v>1</v>
      </c>
      <c r="J4859" s="2">
        <v>0</v>
      </c>
      <c r="K4859" s="2">
        <v>0</v>
      </c>
      <c r="L4859" t="s">
        <v>120</v>
      </c>
      <c r="M4859" t="s">
        <v>87</v>
      </c>
      <c r="N4859" t="s">
        <v>88</v>
      </c>
      <c r="O4859" t="s">
        <v>85</v>
      </c>
      <c r="P4859" t="s">
        <v>86</v>
      </c>
      <c r="Q4859">
        <v>17</v>
      </c>
      <c r="R4859">
        <v>17</v>
      </c>
      <c r="S4859">
        <v>17</v>
      </c>
      <c r="T4859">
        <v>17</v>
      </c>
      <c r="U4859">
        <v>17</v>
      </c>
      <c r="V4859">
        <v>17</v>
      </c>
      <c r="W4859">
        <v>17</v>
      </c>
      <c r="X4859">
        <v>17</v>
      </c>
      <c r="Y4859">
        <v>17</v>
      </c>
      <c r="Z4859">
        <v>17</v>
      </c>
      <c r="AA4859">
        <v>17</v>
      </c>
      <c r="AB4859">
        <v>17</v>
      </c>
      <c r="AC4859">
        <v>17</v>
      </c>
      <c r="AD4859">
        <v>17</v>
      </c>
      <c r="AE4859">
        <v>17</v>
      </c>
      <c r="AF4859">
        <v>16</v>
      </c>
      <c r="AG4859">
        <v>16</v>
      </c>
      <c r="AH4859">
        <v>16</v>
      </c>
      <c r="AI4859">
        <v>16</v>
      </c>
      <c r="AJ4859">
        <v>16</v>
      </c>
      <c r="AK4859">
        <v>16</v>
      </c>
      <c r="AL4859">
        <v>16</v>
      </c>
      <c r="AM4859">
        <v>16</v>
      </c>
      <c r="AN4859">
        <v>16</v>
      </c>
      <c r="AO4859">
        <v>16</v>
      </c>
      <c r="AP4859">
        <v>16</v>
      </c>
      <c r="AQ4859">
        <v>16</v>
      </c>
    </row>
    <row r="4860" spans="1:43">
      <c r="A4860" t="s">
        <v>3062</v>
      </c>
      <c r="B4860" t="s">
        <v>3063</v>
      </c>
      <c r="C4860" t="s">
        <v>3064</v>
      </c>
      <c r="D4860" t="s">
        <v>3065</v>
      </c>
      <c r="E4860" t="s">
        <v>2928</v>
      </c>
      <c r="F4860" t="s">
        <v>2929</v>
      </c>
      <c r="G4860" t="s">
        <v>80</v>
      </c>
      <c r="H4860" t="s">
        <v>81</v>
      </c>
      <c r="I4860" s="2">
        <v>1</v>
      </c>
      <c r="J4860" s="2">
        <v>0</v>
      </c>
      <c r="K4860" s="2">
        <v>0</v>
      </c>
      <c r="L4860" t="s">
        <v>120</v>
      </c>
      <c r="M4860" t="s">
        <v>89</v>
      </c>
      <c r="N4860" t="s">
        <v>90</v>
      </c>
      <c r="O4860" t="s">
        <v>85</v>
      </c>
      <c r="P4860" t="s">
        <v>86</v>
      </c>
      <c r="Q4860">
        <v>17</v>
      </c>
      <c r="R4860">
        <v>17</v>
      </c>
      <c r="S4860">
        <v>17</v>
      </c>
      <c r="T4860">
        <v>17</v>
      </c>
      <c r="U4860">
        <v>18</v>
      </c>
      <c r="V4860">
        <v>18</v>
      </c>
      <c r="W4860">
        <v>18</v>
      </c>
      <c r="X4860">
        <v>18</v>
      </c>
      <c r="Y4860">
        <v>18</v>
      </c>
      <c r="Z4860">
        <v>18</v>
      </c>
      <c r="AA4860">
        <v>18</v>
      </c>
      <c r="AB4860">
        <v>19</v>
      </c>
      <c r="AC4860">
        <v>19</v>
      </c>
      <c r="AD4860">
        <v>19</v>
      </c>
      <c r="AE4860">
        <v>19</v>
      </c>
      <c r="AF4860">
        <v>19</v>
      </c>
      <c r="AG4860">
        <v>19</v>
      </c>
      <c r="AH4860">
        <v>19</v>
      </c>
      <c r="AI4860">
        <v>18</v>
      </c>
      <c r="AJ4860">
        <v>18</v>
      </c>
      <c r="AK4860">
        <v>18</v>
      </c>
      <c r="AL4860">
        <v>18</v>
      </c>
      <c r="AM4860">
        <v>18</v>
      </c>
      <c r="AN4860">
        <v>18</v>
      </c>
      <c r="AO4860">
        <v>18</v>
      </c>
      <c r="AP4860">
        <v>18</v>
      </c>
      <c r="AQ4860">
        <v>18</v>
      </c>
    </row>
    <row r="4861" spans="1:43">
      <c r="A4861" t="s">
        <v>3062</v>
      </c>
      <c r="B4861" t="s">
        <v>3063</v>
      </c>
      <c r="C4861" t="s">
        <v>3064</v>
      </c>
      <c r="D4861" t="s">
        <v>3065</v>
      </c>
      <c r="E4861" t="s">
        <v>2928</v>
      </c>
      <c r="F4861" t="s">
        <v>2929</v>
      </c>
      <c r="G4861" t="s">
        <v>80</v>
      </c>
      <c r="H4861" t="s">
        <v>81</v>
      </c>
      <c r="I4861" s="2">
        <v>1</v>
      </c>
      <c r="J4861" s="2">
        <v>0</v>
      </c>
      <c r="K4861" s="2">
        <v>0</v>
      </c>
      <c r="L4861" t="s">
        <v>120</v>
      </c>
      <c r="M4861" t="s">
        <v>83</v>
      </c>
      <c r="N4861" t="s">
        <v>91</v>
      </c>
      <c r="O4861" t="s">
        <v>85</v>
      </c>
      <c r="P4861" t="s">
        <v>86</v>
      </c>
      <c r="Q4861">
        <v>17</v>
      </c>
      <c r="R4861">
        <v>18</v>
      </c>
      <c r="S4861">
        <v>18</v>
      </c>
      <c r="T4861">
        <v>18</v>
      </c>
      <c r="U4861">
        <v>18</v>
      </c>
      <c r="V4861">
        <v>18</v>
      </c>
      <c r="W4861">
        <v>18</v>
      </c>
      <c r="X4861">
        <v>18</v>
      </c>
      <c r="Y4861">
        <v>18</v>
      </c>
      <c r="Z4861">
        <v>18</v>
      </c>
      <c r="AA4861">
        <v>18</v>
      </c>
      <c r="AB4861">
        <v>18</v>
      </c>
      <c r="AC4861">
        <v>18</v>
      </c>
      <c r="AD4861">
        <v>19</v>
      </c>
      <c r="AE4861">
        <v>19</v>
      </c>
      <c r="AF4861">
        <v>19</v>
      </c>
      <c r="AG4861">
        <v>19</v>
      </c>
      <c r="AH4861">
        <v>19</v>
      </c>
      <c r="AI4861">
        <v>19</v>
      </c>
      <c r="AJ4861">
        <v>19</v>
      </c>
      <c r="AK4861">
        <v>19</v>
      </c>
      <c r="AL4861">
        <v>19</v>
      </c>
      <c r="AM4861">
        <v>19</v>
      </c>
      <c r="AN4861">
        <v>19</v>
      </c>
      <c r="AO4861">
        <v>19</v>
      </c>
      <c r="AP4861">
        <v>19</v>
      </c>
      <c r="AQ4861">
        <v>18</v>
      </c>
    </row>
    <row r="4862" spans="1:43">
      <c r="A4862" t="s">
        <v>3066</v>
      </c>
      <c r="B4862" t="s">
        <v>3067</v>
      </c>
      <c r="C4862" t="s">
        <v>3060</v>
      </c>
      <c r="D4862" t="s">
        <v>3061</v>
      </c>
      <c r="E4862" t="s">
        <v>2928</v>
      </c>
      <c r="F4862" t="s">
        <v>2929</v>
      </c>
      <c r="G4862" t="s">
        <v>80</v>
      </c>
      <c r="H4862" t="s">
        <v>81</v>
      </c>
      <c r="I4862" s="2">
        <v>1</v>
      </c>
      <c r="J4862" s="2">
        <v>0</v>
      </c>
      <c r="K4862" s="2">
        <v>0</v>
      </c>
      <c r="L4862" t="s">
        <v>120</v>
      </c>
      <c r="M4862" t="s">
        <v>83</v>
      </c>
      <c r="N4862" t="s">
        <v>84</v>
      </c>
      <c r="O4862" t="s">
        <v>85</v>
      </c>
      <c r="P4862" t="s">
        <v>86</v>
      </c>
      <c r="Q4862">
        <v>20</v>
      </c>
      <c r="R4862">
        <v>20</v>
      </c>
      <c r="S4862">
        <v>20</v>
      </c>
      <c r="T4862">
        <v>20</v>
      </c>
      <c r="U4862">
        <v>20</v>
      </c>
      <c r="V4862">
        <v>20</v>
      </c>
      <c r="W4862">
        <v>20</v>
      </c>
      <c r="X4862">
        <v>20</v>
      </c>
      <c r="Y4862">
        <v>20</v>
      </c>
      <c r="Z4862">
        <v>21</v>
      </c>
      <c r="AA4862">
        <v>21</v>
      </c>
      <c r="AB4862">
        <v>21</v>
      </c>
      <c r="AC4862">
        <v>21</v>
      </c>
      <c r="AD4862">
        <v>21</v>
      </c>
      <c r="AE4862">
        <v>21</v>
      </c>
      <c r="AF4862">
        <v>21</v>
      </c>
      <c r="AG4862">
        <v>21</v>
      </c>
      <c r="AH4862">
        <v>21</v>
      </c>
      <c r="AI4862">
        <v>21</v>
      </c>
      <c r="AJ4862">
        <v>21</v>
      </c>
      <c r="AK4862">
        <v>21</v>
      </c>
      <c r="AL4862">
        <v>21</v>
      </c>
      <c r="AM4862">
        <v>21</v>
      </c>
      <c r="AN4862">
        <v>21</v>
      </c>
      <c r="AO4862">
        <v>21</v>
      </c>
      <c r="AP4862">
        <v>21</v>
      </c>
      <c r="AQ4862">
        <v>21</v>
      </c>
    </row>
    <row r="4863" spans="1:43">
      <c r="A4863" t="s">
        <v>3066</v>
      </c>
      <c r="B4863" t="s">
        <v>3067</v>
      </c>
      <c r="C4863" t="s">
        <v>3060</v>
      </c>
      <c r="D4863" t="s">
        <v>3061</v>
      </c>
      <c r="E4863" t="s">
        <v>2928</v>
      </c>
      <c r="F4863" t="s">
        <v>2929</v>
      </c>
      <c r="G4863" t="s">
        <v>80</v>
      </c>
      <c r="H4863" t="s">
        <v>81</v>
      </c>
      <c r="I4863" s="2">
        <v>1</v>
      </c>
      <c r="J4863" s="2">
        <v>0</v>
      </c>
      <c r="K4863" s="2">
        <v>0</v>
      </c>
      <c r="L4863" t="s">
        <v>120</v>
      </c>
      <c r="M4863" t="s">
        <v>87</v>
      </c>
      <c r="N4863" t="s">
        <v>88</v>
      </c>
      <c r="O4863" t="s">
        <v>85</v>
      </c>
      <c r="P4863" t="s">
        <v>86</v>
      </c>
      <c r="Q4863">
        <v>20</v>
      </c>
      <c r="R4863">
        <v>20</v>
      </c>
      <c r="S4863">
        <v>20</v>
      </c>
      <c r="T4863">
        <v>20</v>
      </c>
      <c r="U4863">
        <v>20</v>
      </c>
      <c r="V4863">
        <v>20</v>
      </c>
      <c r="W4863">
        <v>20</v>
      </c>
      <c r="X4863">
        <v>20</v>
      </c>
      <c r="Y4863">
        <v>20</v>
      </c>
      <c r="Z4863">
        <v>20</v>
      </c>
      <c r="AA4863">
        <v>20</v>
      </c>
      <c r="AB4863">
        <v>20</v>
      </c>
      <c r="AC4863">
        <v>20</v>
      </c>
      <c r="AD4863">
        <v>20</v>
      </c>
      <c r="AE4863">
        <v>20</v>
      </c>
      <c r="AF4863">
        <v>20</v>
      </c>
      <c r="AG4863">
        <v>20</v>
      </c>
      <c r="AH4863">
        <v>19</v>
      </c>
      <c r="AI4863">
        <v>19</v>
      </c>
      <c r="AJ4863">
        <v>19</v>
      </c>
      <c r="AK4863">
        <v>19</v>
      </c>
      <c r="AL4863">
        <v>19</v>
      </c>
      <c r="AM4863">
        <v>19</v>
      </c>
      <c r="AN4863">
        <v>19</v>
      </c>
      <c r="AO4863">
        <v>19</v>
      </c>
      <c r="AP4863">
        <v>19</v>
      </c>
      <c r="AQ4863">
        <v>19</v>
      </c>
    </row>
    <row r="4864" spans="1:43">
      <c r="A4864" t="s">
        <v>3066</v>
      </c>
      <c r="B4864" t="s">
        <v>3067</v>
      </c>
      <c r="C4864" t="s">
        <v>3060</v>
      </c>
      <c r="D4864" t="s">
        <v>3061</v>
      </c>
      <c r="E4864" t="s">
        <v>2928</v>
      </c>
      <c r="F4864" t="s">
        <v>2929</v>
      </c>
      <c r="G4864" t="s">
        <v>80</v>
      </c>
      <c r="H4864" t="s">
        <v>81</v>
      </c>
      <c r="I4864" s="2">
        <v>1</v>
      </c>
      <c r="J4864" s="2">
        <v>0</v>
      </c>
      <c r="K4864" s="2">
        <v>0</v>
      </c>
      <c r="L4864" t="s">
        <v>120</v>
      </c>
      <c r="M4864" t="s">
        <v>89</v>
      </c>
      <c r="N4864" t="s">
        <v>90</v>
      </c>
      <c r="O4864" t="s">
        <v>85</v>
      </c>
      <c r="P4864" t="s">
        <v>86</v>
      </c>
      <c r="Q4864">
        <v>20</v>
      </c>
      <c r="R4864">
        <v>20</v>
      </c>
      <c r="S4864">
        <v>20</v>
      </c>
      <c r="T4864">
        <v>21</v>
      </c>
      <c r="U4864">
        <v>21</v>
      </c>
      <c r="V4864">
        <v>21</v>
      </c>
      <c r="W4864">
        <v>21</v>
      </c>
      <c r="X4864">
        <v>21</v>
      </c>
      <c r="Y4864">
        <v>22</v>
      </c>
      <c r="Z4864">
        <v>22</v>
      </c>
      <c r="AA4864">
        <v>22</v>
      </c>
      <c r="AB4864">
        <v>22</v>
      </c>
      <c r="AC4864">
        <v>22</v>
      </c>
      <c r="AD4864">
        <v>22</v>
      </c>
      <c r="AE4864">
        <v>22</v>
      </c>
      <c r="AF4864">
        <v>22</v>
      </c>
      <c r="AG4864">
        <v>22</v>
      </c>
      <c r="AH4864">
        <v>22</v>
      </c>
      <c r="AI4864">
        <v>22</v>
      </c>
      <c r="AJ4864">
        <v>22</v>
      </c>
      <c r="AK4864">
        <v>22</v>
      </c>
      <c r="AL4864">
        <v>22</v>
      </c>
      <c r="AM4864">
        <v>22</v>
      </c>
      <c r="AN4864">
        <v>21</v>
      </c>
      <c r="AO4864">
        <v>21</v>
      </c>
      <c r="AP4864">
        <v>21</v>
      </c>
      <c r="AQ4864">
        <v>21</v>
      </c>
    </row>
    <row r="4865" spans="1:43">
      <c r="A4865" t="s">
        <v>3066</v>
      </c>
      <c r="B4865" t="s">
        <v>3067</v>
      </c>
      <c r="C4865" t="s">
        <v>3060</v>
      </c>
      <c r="D4865" t="s">
        <v>3061</v>
      </c>
      <c r="E4865" t="s">
        <v>2928</v>
      </c>
      <c r="F4865" t="s">
        <v>2929</v>
      </c>
      <c r="G4865" t="s">
        <v>80</v>
      </c>
      <c r="H4865" t="s">
        <v>81</v>
      </c>
      <c r="I4865" s="2">
        <v>1</v>
      </c>
      <c r="J4865" s="2">
        <v>0</v>
      </c>
      <c r="K4865" s="2">
        <v>0</v>
      </c>
      <c r="L4865" t="s">
        <v>120</v>
      </c>
      <c r="M4865" t="s">
        <v>83</v>
      </c>
      <c r="N4865" t="s">
        <v>91</v>
      </c>
      <c r="O4865" t="s">
        <v>85</v>
      </c>
      <c r="P4865" t="s">
        <v>86</v>
      </c>
      <c r="Q4865">
        <v>20</v>
      </c>
      <c r="R4865">
        <v>20</v>
      </c>
      <c r="S4865">
        <v>20</v>
      </c>
      <c r="T4865">
        <v>20</v>
      </c>
      <c r="U4865">
        <v>20</v>
      </c>
      <c r="V4865">
        <v>20</v>
      </c>
      <c r="W4865">
        <v>20</v>
      </c>
      <c r="X4865">
        <v>20</v>
      </c>
      <c r="Y4865">
        <v>20</v>
      </c>
      <c r="Z4865">
        <v>21</v>
      </c>
      <c r="AA4865">
        <v>21</v>
      </c>
      <c r="AB4865">
        <v>21</v>
      </c>
      <c r="AC4865">
        <v>21</v>
      </c>
      <c r="AD4865">
        <v>21</v>
      </c>
      <c r="AE4865">
        <v>21</v>
      </c>
      <c r="AF4865">
        <v>21</v>
      </c>
      <c r="AG4865">
        <v>21</v>
      </c>
      <c r="AH4865">
        <v>21</v>
      </c>
      <c r="AI4865">
        <v>21</v>
      </c>
      <c r="AJ4865">
        <v>21</v>
      </c>
      <c r="AK4865">
        <v>21</v>
      </c>
      <c r="AL4865">
        <v>21</v>
      </c>
      <c r="AM4865">
        <v>21</v>
      </c>
      <c r="AN4865">
        <v>21</v>
      </c>
      <c r="AO4865">
        <v>21</v>
      </c>
      <c r="AP4865">
        <v>21</v>
      </c>
      <c r="AQ4865">
        <v>21</v>
      </c>
    </row>
    <row r="4866" spans="1:43">
      <c r="A4866" t="s">
        <v>3068</v>
      </c>
      <c r="B4866" t="s">
        <v>3069</v>
      </c>
      <c r="C4866" t="s">
        <v>3070</v>
      </c>
      <c r="D4866" t="s">
        <v>3071</v>
      </c>
      <c r="E4866" t="s">
        <v>2928</v>
      </c>
      <c r="F4866" t="s">
        <v>2929</v>
      </c>
      <c r="G4866" t="s">
        <v>80</v>
      </c>
      <c r="H4866" t="s">
        <v>81</v>
      </c>
      <c r="I4866" s="2">
        <v>1</v>
      </c>
      <c r="J4866" s="2">
        <v>0</v>
      </c>
      <c r="K4866" s="2">
        <v>0</v>
      </c>
      <c r="L4866" t="s">
        <v>120</v>
      </c>
      <c r="M4866" t="s">
        <v>83</v>
      </c>
      <c r="N4866" t="s">
        <v>84</v>
      </c>
      <c r="O4866" t="s">
        <v>85</v>
      </c>
      <c r="P4866" t="s">
        <v>86</v>
      </c>
      <c r="Q4866">
        <v>27</v>
      </c>
      <c r="R4866">
        <v>27</v>
      </c>
      <c r="S4866">
        <v>28</v>
      </c>
      <c r="T4866">
        <v>28</v>
      </c>
      <c r="U4866">
        <v>28</v>
      </c>
      <c r="V4866">
        <v>28</v>
      </c>
      <c r="W4866">
        <v>28</v>
      </c>
      <c r="X4866">
        <v>28</v>
      </c>
      <c r="Y4866">
        <v>28</v>
      </c>
      <c r="Z4866">
        <v>28</v>
      </c>
      <c r="AA4866">
        <v>28</v>
      </c>
      <c r="AB4866">
        <v>29</v>
      </c>
      <c r="AC4866">
        <v>29</v>
      </c>
      <c r="AD4866">
        <v>29</v>
      </c>
      <c r="AE4866">
        <v>29</v>
      </c>
      <c r="AF4866">
        <v>29</v>
      </c>
      <c r="AG4866">
        <v>29</v>
      </c>
      <c r="AH4866">
        <v>29</v>
      </c>
      <c r="AI4866">
        <v>29</v>
      </c>
      <c r="AJ4866">
        <v>29</v>
      </c>
      <c r="AK4866">
        <v>29</v>
      </c>
      <c r="AL4866">
        <v>29</v>
      </c>
      <c r="AM4866">
        <v>29</v>
      </c>
      <c r="AN4866">
        <v>29</v>
      </c>
      <c r="AO4866">
        <v>29</v>
      </c>
      <c r="AP4866">
        <v>28</v>
      </c>
      <c r="AQ4866">
        <v>28</v>
      </c>
    </row>
    <row r="4867" spans="1:43">
      <c r="A4867" t="s">
        <v>3068</v>
      </c>
      <c r="B4867" t="s">
        <v>3069</v>
      </c>
      <c r="C4867" t="s">
        <v>3070</v>
      </c>
      <c r="D4867" t="s">
        <v>3071</v>
      </c>
      <c r="E4867" t="s">
        <v>2928</v>
      </c>
      <c r="F4867" t="s">
        <v>2929</v>
      </c>
      <c r="G4867" t="s">
        <v>80</v>
      </c>
      <c r="H4867" t="s">
        <v>81</v>
      </c>
      <c r="I4867" s="2">
        <v>1</v>
      </c>
      <c r="J4867" s="2">
        <v>0</v>
      </c>
      <c r="K4867" s="2">
        <v>0</v>
      </c>
      <c r="L4867" t="s">
        <v>120</v>
      </c>
      <c r="M4867" t="s">
        <v>87</v>
      </c>
      <c r="N4867" t="s">
        <v>88</v>
      </c>
      <c r="O4867" t="s">
        <v>85</v>
      </c>
      <c r="P4867" t="s">
        <v>86</v>
      </c>
      <c r="Q4867">
        <v>27</v>
      </c>
      <c r="R4867">
        <v>27</v>
      </c>
      <c r="S4867">
        <v>27</v>
      </c>
      <c r="T4867">
        <v>27</v>
      </c>
      <c r="U4867">
        <v>27</v>
      </c>
      <c r="V4867">
        <v>26</v>
      </c>
      <c r="W4867">
        <v>26</v>
      </c>
      <c r="X4867">
        <v>26</v>
      </c>
      <c r="Y4867">
        <v>26</v>
      </c>
      <c r="Z4867">
        <v>26</v>
      </c>
      <c r="AA4867">
        <v>26</v>
      </c>
      <c r="AB4867">
        <v>26</v>
      </c>
      <c r="AC4867">
        <v>26</v>
      </c>
      <c r="AD4867">
        <v>26</v>
      </c>
      <c r="AE4867">
        <v>26</v>
      </c>
      <c r="AF4867">
        <v>26</v>
      </c>
      <c r="AG4867">
        <v>25</v>
      </c>
      <c r="AH4867">
        <v>25</v>
      </c>
      <c r="AI4867">
        <v>25</v>
      </c>
      <c r="AJ4867">
        <v>25</v>
      </c>
      <c r="AK4867">
        <v>25</v>
      </c>
      <c r="AL4867">
        <v>25</v>
      </c>
      <c r="AM4867">
        <v>25</v>
      </c>
      <c r="AN4867">
        <v>25</v>
      </c>
      <c r="AO4867">
        <v>25</v>
      </c>
      <c r="AP4867">
        <v>25</v>
      </c>
      <c r="AQ4867">
        <v>25</v>
      </c>
    </row>
    <row r="4868" spans="1:43">
      <c r="A4868" t="s">
        <v>3068</v>
      </c>
      <c r="B4868" t="s">
        <v>3069</v>
      </c>
      <c r="C4868" t="s">
        <v>3070</v>
      </c>
      <c r="D4868" t="s">
        <v>3071</v>
      </c>
      <c r="E4868" t="s">
        <v>2928</v>
      </c>
      <c r="F4868" t="s">
        <v>2929</v>
      </c>
      <c r="G4868" t="s">
        <v>80</v>
      </c>
      <c r="H4868" t="s">
        <v>81</v>
      </c>
      <c r="I4868" s="2">
        <v>1</v>
      </c>
      <c r="J4868" s="2">
        <v>0</v>
      </c>
      <c r="K4868" s="2">
        <v>0</v>
      </c>
      <c r="L4868" t="s">
        <v>120</v>
      </c>
      <c r="M4868" t="s">
        <v>89</v>
      </c>
      <c r="N4868" t="s">
        <v>90</v>
      </c>
      <c r="O4868" t="s">
        <v>85</v>
      </c>
      <c r="P4868" t="s">
        <v>86</v>
      </c>
      <c r="Q4868">
        <v>27</v>
      </c>
      <c r="R4868">
        <v>28</v>
      </c>
      <c r="S4868">
        <v>28</v>
      </c>
      <c r="T4868">
        <v>29</v>
      </c>
      <c r="U4868">
        <v>29</v>
      </c>
      <c r="V4868">
        <v>29</v>
      </c>
      <c r="W4868">
        <v>29</v>
      </c>
      <c r="X4868">
        <v>30</v>
      </c>
      <c r="Y4868">
        <v>30</v>
      </c>
      <c r="Z4868">
        <v>30</v>
      </c>
      <c r="AA4868">
        <v>30</v>
      </c>
      <c r="AB4868">
        <v>30</v>
      </c>
      <c r="AC4868">
        <v>31</v>
      </c>
      <c r="AD4868">
        <v>31</v>
      </c>
      <c r="AE4868">
        <v>31</v>
      </c>
      <c r="AF4868">
        <v>31</v>
      </c>
      <c r="AG4868">
        <v>30</v>
      </c>
      <c r="AH4868">
        <v>30</v>
      </c>
      <c r="AI4868">
        <v>30</v>
      </c>
      <c r="AJ4868">
        <v>30</v>
      </c>
      <c r="AK4868">
        <v>30</v>
      </c>
      <c r="AL4868">
        <v>30</v>
      </c>
      <c r="AM4868">
        <v>29</v>
      </c>
      <c r="AN4868">
        <v>29</v>
      </c>
      <c r="AO4868">
        <v>29</v>
      </c>
      <c r="AP4868">
        <v>29</v>
      </c>
      <c r="AQ4868">
        <v>29</v>
      </c>
    </row>
    <row r="4869" spans="1:43">
      <c r="A4869" t="s">
        <v>3068</v>
      </c>
      <c r="B4869" t="s">
        <v>3069</v>
      </c>
      <c r="C4869" t="s">
        <v>3070</v>
      </c>
      <c r="D4869" t="s">
        <v>3071</v>
      </c>
      <c r="E4869" t="s">
        <v>2928</v>
      </c>
      <c r="F4869" t="s">
        <v>2929</v>
      </c>
      <c r="G4869" t="s">
        <v>80</v>
      </c>
      <c r="H4869" t="s">
        <v>81</v>
      </c>
      <c r="I4869" s="2">
        <v>1</v>
      </c>
      <c r="J4869" s="2">
        <v>0</v>
      </c>
      <c r="K4869" s="2">
        <v>0</v>
      </c>
      <c r="L4869" t="s">
        <v>120</v>
      </c>
      <c r="M4869" t="s">
        <v>83</v>
      </c>
      <c r="N4869" t="s">
        <v>91</v>
      </c>
      <c r="O4869" t="s">
        <v>85</v>
      </c>
      <c r="P4869" t="s">
        <v>86</v>
      </c>
      <c r="Q4869">
        <v>27</v>
      </c>
      <c r="R4869">
        <v>27</v>
      </c>
      <c r="S4869">
        <v>28</v>
      </c>
      <c r="T4869">
        <v>28</v>
      </c>
      <c r="U4869">
        <v>28</v>
      </c>
      <c r="V4869">
        <v>28</v>
      </c>
      <c r="W4869">
        <v>28</v>
      </c>
      <c r="X4869">
        <v>28</v>
      </c>
      <c r="Y4869">
        <v>28</v>
      </c>
      <c r="Z4869">
        <v>28</v>
      </c>
      <c r="AA4869">
        <v>28</v>
      </c>
      <c r="AB4869">
        <v>29</v>
      </c>
      <c r="AC4869">
        <v>29</v>
      </c>
      <c r="AD4869">
        <v>29</v>
      </c>
      <c r="AE4869">
        <v>29</v>
      </c>
      <c r="AF4869">
        <v>29</v>
      </c>
      <c r="AG4869">
        <v>29</v>
      </c>
      <c r="AH4869">
        <v>29</v>
      </c>
      <c r="AI4869">
        <v>29</v>
      </c>
      <c r="AJ4869">
        <v>29</v>
      </c>
      <c r="AK4869">
        <v>29</v>
      </c>
      <c r="AL4869">
        <v>29</v>
      </c>
      <c r="AM4869">
        <v>29</v>
      </c>
      <c r="AN4869">
        <v>29</v>
      </c>
      <c r="AO4869">
        <v>29</v>
      </c>
      <c r="AP4869">
        <v>28</v>
      </c>
      <c r="AQ4869">
        <v>28</v>
      </c>
    </row>
    <row r="4870" spans="1:43">
      <c r="A4870" t="s">
        <v>3072</v>
      </c>
      <c r="B4870" t="s">
        <v>3073</v>
      </c>
      <c r="C4870" t="s">
        <v>3074</v>
      </c>
      <c r="D4870" t="s">
        <v>3075</v>
      </c>
      <c r="E4870" t="s">
        <v>2928</v>
      </c>
      <c r="F4870" t="s">
        <v>2929</v>
      </c>
      <c r="G4870" t="s">
        <v>80</v>
      </c>
      <c r="H4870" t="s">
        <v>81</v>
      </c>
      <c r="I4870" s="2">
        <v>1</v>
      </c>
      <c r="J4870" s="2">
        <v>0</v>
      </c>
      <c r="K4870" s="2">
        <v>0</v>
      </c>
      <c r="L4870" t="s">
        <v>120</v>
      </c>
      <c r="M4870" t="s">
        <v>83</v>
      </c>
      <c r="N4870" t="s">
        <v>84</v>
      </c>
      <c r="O4870" t="s">
        <v>85</v>
      </c>
      <c r="P4870" t="s">
        <v>86</v>
      </c>
      <c r="Q4870">
        <v>12</v>
      </c>
      <c r="R4870">
        <v>13</v>
      </c>
      <c r="S4870">
        <v>13</v>
      </c>
      <c r="T4870">
        <v>13</v>
      </c>
      <c r="U4870">
        <v>13</v>
      </c>
      <c r="V4870">
        <v>13</v>
      </c>
      <c r="W4870">
        <v>13</v>
      </c>
      <c r="X4870">
        <v>13</v>
      </c>
      <c r="Y4870">
        <v>13</v>
      </c>
      <c r="Z4870">
        <v>13</v>
      </c>
      <c r="AA4870">
        <v>13</v>
      </c>
      <c r="AB4870">
        <v>13</v>
      </c>
      <c r="AC4870">
        <v>13</v>
      </c>
      <c r="AD4870">
        <v>13</v>
      </c>
      <c r="AE4870">
        <v>13</v>
      </c>
      <c r="AF4870">
        <v>13</v>
      </c>
      <c r="AG4870">
        <v>13</v>
      </c>
      <c r="AH4870">
        <v>13</v>
      </c>
      <c r="AI4870">
        <v>13</v>
      </c>
      <c r="AJ4870">
        <v>13</v>
      </c>
      <c r="AK4870">
        <v>13</v>
      </c>
      <c r="AL4870">
        <v>13</v>
      </c>
      <c r="AM4870">
        <v>13</v>
      </c>
      <c r="AN4870">
        <v>13</v>
      </c>
      <c r="AO4870">
        <v>13</v>
      </c>
      <c r="AP4870">
        <v>13</v>
      </c>
      <c r="AQ4870">
        <v>13</v>
      </c>
    </row>
    <row r="4871" spans="1:43">
      <c r="A4871" t="s">
        <v>3072</v>
      </c>
      <c r="B4871" t="s">
        <v>3073</v>
      </c>
      <c r="C4871" t="s">
        <v>3074</v>
      </c>
      <c r="D4871" t="s">
        <v>3075</v>
      </c>
      <c r="E4871" t="s">
        <v>2928</v>
      </c>
      <c r="F4871" t="s">
        <v>2929</v>
      </c>
      <c r="G4871" t="s">
        <v>80</v>
      </c>
      <c r="H4871" t="s">
        <v>81</v>
      </c>
      <c r="I4871" s="2">
        <v>1</v>
      </c>
      <c r="J4871" s="2">
        <v>0</v>
      </c>
      <c r="K4871" s="2">
        <v>0</v>
      </c>
      <c r="L4871" t="s">
        <v>120</v>
      </c>
      <c r="M4871" t="s">
        <v>87</v>
      </c>
      <c r="N4871" t="s">
        <v>88</v>
      </c>
      <c r="O4871" t="s">
        <v>85</v>
      </c>
      <c r="P4871" t="s">
        <v>86</v>
      </c>
      <c r="Q4871">
        <v>12</v>
      </c>
      <c r="R4871">
        <v>12</v>
      </c>
      <c r="S4871">
        <v>12</v>
      </c>
      <c r="T4871">
        <v>12</v>
      </c>
      <c r="U4871">
        <v>12</v>
      </c>
      <c r="V4871">
        <v>12</v>
      </c>
      <c r="W4871">
        <v>12</v>
      </c>
      <c r="X4871">
        <v>12</v>
      </c>
      <c r="Y4871">
        <v>12</v>
      </c>
      <c r="Z4871">
        <v>12</v>
      </c>
      <c r="AA4871">
        <v>12</v>
      </c>
      <c r="AB4871">
        <v>12</v>
      </c>
      <c r="AC4871">
        <v>12</v>
      </c>
      <c r="AD4871">
        <v>12</v>
      </c>
      <c r="AE4871">
        <v>12</v>
      </c>
      <c r="AF4871">
        <v>12</v>
      </c>
      <c r="AG4871">
        <v>12</v>
      </c>
      <c r="AH4871">
        <v>11</v>
      </c>
      <c r="AI4871">
        <v>11</v>
      </c>
      <c r="AJ4871">
        <v>11</v>
      </c>
      <c r="AK4871">
        <v>11</v>
      </c>
      <c r="AL4871">
        <v>11</v>
      </c>
      <c r="AM4871">
        <v>11</v>
      </c>
      <c r="AN4871">
        <v>11</v>
      </c>
      <c r="AO4871">
        <v>11</v>
      </c>
      <c r="AP4871">
        <v>11</v>
      </c>
      <c r="AQ4871">
        <v>11</v>
      </c>
    </row>
    <row r="4872" spans="1:43">
      <c r="A4872" t="s">
        <v>3072</v>
      </c>
      <c r="B4872" t="s">
        <v>3073</v>
      </c>
      <c r="C4872" t="s">
        <v>3074</v>
      </c>
      <c r="D4872" t="s">
        <v>3075</v>
      </c>
      <c r="E4872" t="s">
        <v>2928</v>
      </c>
      <c r="F4872" t="s">
        <v>2929</v>
      </c>
      <c r="G4872" t="s">
        <v>80</v>
      </c>
      <c r="H4872" t="s">
        <v>81</v>
      </c>
      <c r="I4872" s="2">
        <v>1</v>
      </c>
      <c r="J4872" s="2">
        <v>0</v>
      </c>
      <c r="K4872" s="2">
        <v>0</v>
      </c>
      <c r="L4872" t="s">
        <v>120</v>
      </c>
      <c r="M4872" t="s">
        <v>89</v>
      </c>
      <c r="N4872" t="s">
        <v>90</v>
      </c>
      <c r="O4872" t="s">
        <v>85</v>
      </c>
      <c r="P4872" t="s">
        <v>86</v>
      </c>
      <c r="Q4872">
        <v>12</v>
      </c>
      <c r="R4872">
        <v>12</v>
      </c>
      <c r="S4872">
        <v>12</v>
      </c>
      <c r="T4872">
        <v>12</v>
      </c>
      <c r="U4872">
        <v>12</v>
      </c>
      <c r="V4872">
        <v>12</v>
      </c>
      <c r="W4872">
        <v>12</v>
      </c>
      <c r="X4872">
        <v>13</v>
      </c>
      <c r="Y4872">
        <v>13</v>
      </c>
      <c r="Z4872">
        <v>13</v>
      </c>
      <c r="AA4872">
        <v>13</v>
      </c>
      <c r="AB4872">
        <v>13</v>
      </c>
      <c r="AC4872">
        <v>13</v>
      </c>
      <c r="AD4872">
        <v>13</v>
      </c>
      <c r="AE4872">
        <v>13</v>
      </c>
      <c r="AF4872">
        <v>13</v>
      </c>
      <c r="AG4872">
        <v>13</v>
      </c>
      <c r="AH4872">
        <v>13</v>
      </c>
      <c r="AI4872">
        <v>13</v>
      </c>
      <c r="AJ4872">
        <v>13</v>
      </c>
      <c r="AK4872">
        <v>12</v>
      </c>
      <c r="AL4872">
        <v>12</v>
      </c>
      <c r="AM4872">
        <v>12</v>
      </c>
      <c r="AN4872">
        <v>12</v>
      </c>
      <c r="AO4872">
        <v>12</v>
      </c>
      <c r="AP4872">
        <v>12</v>
      </c>
      <c r="AQ4872">
        <v>12</v>
      </c>
    </row>
    <row r="4873" spans="1:43">
      <c r="A4873" t="s">
        <v>3072</v>
      </c>
      <c r="B4873" t="s">
        <v>3073</v>
      </c>
      <c r="C4873" t="s">
        <v>3074</v>
      </c>
      <c r="D4873" t="s">
        <v>3075</v>
      </c>
      <c r="E4873" t="s">
        <v>2928</v>
      </c>
      <c r="F4873" t="s">
        <v>2929</v>
      </c>
      <c r="G4873" t="s">
        <v>80</v>
      </c>
      <c r="H4873" t="s">
        <v>81</v>
      </c>
      <c r="I4873" s="2">
        <v>1</v>
      </c>
      <c r="J4873" s="2">
        <v>0</v>
      </c>
      <c r="K4873" s="2">
        <v>0</v>
      </c>
      <c r="L4873" t="s">
        <v>120</v>
      </c>
      <c r="M4873" t="s">
        <v>83</v>
      </c>
      <c r="N4873" t="s">
        <v>91</v>
      </c>
      <c r="O4873" t="s">
        <v>85</v>
      </c>
      <c r="P4873" t="s">
        <v>86</v>
      </c>
      <c r="Q4873">
        <v>12</v>
      </c>
      <c r="R4873">
        <v>13</v>
      </c>
      <c r="S4873">
        <v>13</v>
      </c>
      <c r="T4873">
        <v>13</v>
      </c>
      <c r="U4873">
        <v>13</v>
      </c>
      <c r="V4873">
        <v>13</v>
      </c>
      <c r="W4873">
        <v>13</v>
      </c>
      <c r="X4873">
        <v>13</v>
      </c>
      <c r="Y4873">
        <v>13</v>
      </c>
      <c r="Z4873">
        <v>13</v>
      </c>
      <c r="AA4873">
        <v>13</v>
      </c>
      <c r="AB4873">
        <v>13</v>
      </c>
      <c r="AC4873">
        <v>13</v>
      </c>
      <c r="AD4873">
        <v>13</v>
      </c>
      <c r="AE4873">
        <v>13</v>
      </c>
      <c r="AF4873">
        <v>13</v>
      </c>
      <c r="AG4873">
        <v>13</v>
      </c>
      <c r="AH4873">
        <v>13</v>
      </c>
      <c r="AI4873">
        <v>13</v>
      </c>
      <c r="AJ4873">
        <v>13</v>
      </c>
      <c r="AK4873">
        <v>13</v>
      </c>
      <c r="AL4873">
        <v>13</v>
      </c>
      <c r="AM4873">
        <v>13</v>
      </c>
      <c r="AN4873">
        <v>13</v>
      </c>
      <c r="AO4873">
        <v>13</v>
      </c>
      <c r="AP4873">
        <v>13</v>
      </c>
      <c r="AQ4873">
        <v>13</v>
      </c>
    </row>
    <row r="4874" spans="1:43">
      <c r="A4874" t="s">
        <v>3076</v>
      </c>
      <c r="B4874" t="s">
        <v>3077</v>
      </c>
      <c r="C4874" t="s">
        <v>3078</v>
      </c>
      <c r="D4874" t="s">
        <v>3079</v>
      </c>
      <c r="E4874" t="s">
        <v>2928</v>
      </c>
      <c r="F4874" t="s">
        <v>2929</v>
      </c>
      <c r="G4874" t="s">
        <v>80</v>
      </c>
      <c r="H4874" t="s">
        <v>81</v>
      </c>
      <c r="I4874" s="2">
        <v>1</v>
      </c>
      <c r="J4874" s="2">
        <v>0</v>
      </c>
      <c r="K4874" s="2">
        <v>0</v>
      </c>
      <c r="L4874" t="s">
        <v>120</v>
      </c>
      <c r="M4874" t="s">
        <v>83</v>
      </c>
      <c r="N4874" t="s">
        <v>84</v>
      </c>
      <c r="O4874" t="s">
        <v>85</v>
      </c>
      <c r="P4874" t="s">
        <v>86</v>
      </c>
      <c r="Q4874">
        <v>31</v>
      </c>
      <c r="R4874">
        <v>31</v>
      </c>
      <c r="S4874">
        <v>31</v>
      </c>
      <c r="T4874">
        <v>31</v>
      </c>
      <c r="U4874">
        <v>31</v>
      </c>
      <c r="V4874">
        <v>31</v>
      </c>
      <c r="W4874">
        <v>32</v>
      </c>
      <c r="X4874">
        <v>32</v>
      </c>
      <c r="Y4874">
        <v>32</v>
      </c>
      <c r="Z4874">
        <v>32</v>
      </c>
      <c r="AA4874">
        <v>32</v>
      </c>
      <c r="AB4874">
        <v>32</v>
      </c>
      <c r="AC4874">
        <v>32</v>
      </c>
      <c r="AD4874">
        <v>32</v>
      </c>
      <c r="AE4874">
        <v>32</v>
      </c>
      <c r="AF4874">
        <v>32</v>
      </c>
      <c r="AG4874">
        <v>32</v>
      </c>
      <c r="AH4874">
        <v>32</v>
      </c>
      <c r="AI4874">
        <v>32</v>
      </c>
      <c r="AJ4874">
        <v>32</v>
      </c>
      <c r="AK4874">
        <v>32</v>
      </c>
      <c r="AL4874">
        <v>32</v>
      </c>
      <c r="AM4874">
        <v>31</v>
      </c>
      <c r="AN4874">
        <v>31</v>
      </c>
      <c r="AO4874">
        <v>31</v>
      </c>
      <c r="AP4874">
        <v>31</v>
      </c>
      <c r="AQ4874">
        <v>30</v>
      </c>
    </row>
    <row r="4875" spans="1:43">
      <c r="A4875" t="s">
        <v>3076</v>
      </c>
      <c r="B4875" t="s">
        <v>3077</v>
      </c>
      <c r="C4875" t="s">
        <v>3078</v>
      </c>
      <c r="D4875" t="s">
        <v>3079</v>
      </c>
      <c r="E4875" t="s">
        <v>2928</v>
      </c>
      <c r="F4875" t="s">
        <v>2929</v>
      </c>
      <c r="G4875" t="s">
        <v>80</v>
      </c>
      <c r="H4875" t="s">
        <v>81</v>
      </c>
      <c r="I4875" s="2">
        <v>1</v>
      </c>
      <c r="J4875" s="2">
        <v>0</v>
      </c>
      <c r="K4875" s="2">
        <v>0</v>
      </c>
      <c r="L4875" t="s">
        <v>120</v>
      </c>
      <c r="M4875" t="s">
        <v>87</v>
      </c>
      <c r="N4875" t="s">
        <v>88</v>
      </c>
      <c r="O4875" t="s">
        <v>85</v>
      </c>
      <c r="P4875" t="s">
        <v>86</v>
      </c>
      <c r="Q4875">
        <v>31</v>
      </c>
      <c r="R4875">
        <v>31</v>
      </c>
      <c r="S4875">
        <v>30</v>
      </c>
      <c r="T4875">
        <v>30</v>
      </c>
      <c r="U4875">
        <v>30</v>
      </c>
      <c r="V4875">
        <v>30</v>
      </c>
      <c r="W4875">
        <v>30</v>
      </c>
      <c r="X4875">
        <v>29</v>
      </c>
      <c r="Y4875">
        <v>29</v>
      </c>
      <c r="Z4875">
        <v>29</v>
      </c>
      <c r="AA4875">
        <v>29</v>
      </c>
      <c r="AB4875">
        <v>29</v>
      </c>
      <c r="AC4875">
        <v>29</v>
      </c>
      <c r="AD4875">
        <v>28</v>
      </c>
      <c r="AE4875">
        <v>28</v>
      </c>
      <c r="AF4875">
        <v>28</v>
      </c>
      <c r="AG4875">
        <v>28</v>
      </c>
      <c r="AH4875">
        <v>28</v>
      </c>
      <c r="AI4875">
        <v>28</v>
      </c>
      <c r="AJ4875">
        <v>27</v>
      </c>
      <c r="AK4875">
        <v>27</v>
      </c>
      <c r="AL4875">
        <v>27</v>
      </c>
      <c r="AM4875">
        <v>27</v>
      </c>
      <c r="AN4875">
        <v>27</v>
      </c>
      <c r="AO4875">
        <v>27</v>
      </c>
      <c r="AP4875">
        <v>26</v>
      </c>
      <c r="AQ4875">
        <v>26</v>
      </c>
    </row>
    <row r="4876" spans="1:43">
      <c r="A4876" t="s">
        <v>3076</v>
      </c>
      <c r="B4876" t="s">
        <v>3077</v>
      </c>
      <c r="C4876" t="s">
        <v>3078</v>
      </c>
      <c r="D4876" t="s">
        <v>3079</v>
      </c>
      <c r="E4876" t="s">
        <v>2928</v>
      </c>
      <c r="F4876" t="s">
        <v>2929</v>
      </c>
      <c r="G4876" t="s">
        <v>80</v>
      </c>
      <c r="H4876" t="s">
        <v>81</v>
      </c>
      <c r="I4876" s="2">
        <v>1</v>
      </c>
      <c r="J4876" s="2">
        <v>0</v>
      </c>
      <c r="K4876" s="2">
        <v>0</v>
      </c>
      <c r="L4876" t="s">
        <v>120</v>
      </c>
      <c r="M4876" t="s">
        <v>89</v>
      </c>
      <c r="N4876" t="s">
        <v>90</v>
      </c>
      <c r="O4876" t="s">
        <v>85</v>
      </c>
      <c r="P4876" t="s">
        <v>86</v>
      </c>
      <c r="Q4876">
        <v>31</v>
      </c>
      <c r="R4876">
        <v>32</v>
      </c>
      <c r="S4876">
        <v>32</v>
      </c>
      <c r="T4876">
        <v>32</v>
      </c>
      <c r="U4876">
        <v>33</v>
      </c>
      <c r="V4876">
        <v>33</v>
      </c>
      <c r="W4876">
        <v>33</v>
      </c>
      <c r="X4876">
        <v>33</v>
      </c>
      <c r="Y4876">
        <v>33</v>
      </c>
      <c r="Z4876">
        <v>34</v>
      </c>
      <c r="AA4876">
        <v>34</v>
      </c>
      <c r="AB4876">
        <v>34</v>
      </c>
      <c r="AC4876">
        <v>34</v>
      </c>
      <c r="AD4876">
        <v>34</v>
      </c>
      <c r="AE4876">
        <v>34</v>
      </c>
      <c r="AF4876">
        <v>34</v>
      </c>
      <c r="AG4876">
        <v>33</v>
      </c>
      <c r="AH4876">
        <v>33</v>
      </c>
      <c r="AI4876">
        <v>33</v>
      </c>
      <c r="AJ4876">
        <v>33</v>
      </c>
      <c r="AK4876">
        <v>32</v>
      </c>
      <c r="AL4876">
        <v>32</v>
      </c>
      <c r="AM4876">
        <v>32</v>
      </c>
      <c r="AN4876">
        <v>31</v>
      </c>
      <c r="AO4876">
        <v>31</v>
      </c>
      <c r="AP4876">
        <v>31</v>
      </c>
      <c r="AQ4876">
        <v>31</v>
      </c>
    </row>
    <row r="4877" spans="1:43">
      <c r="A4877" t="s">
        <v>3076</v>
      </c>
      <c r="B4877" t="s">
        <v>3077</v>
      </c>
      <c r="C4877" t="s">
        <v>3078</v>
      </c>
      <c r="D4877" t="s">
        <v>3079</v>
      </c>
      <c r="E4877" t="s">
        <v>2928</v>
      </c>
      <c r="F4877" t="s">
        <v>2929</v>
      </c>
      <c r="G4877" t="s">
        <v>80</v>
      </c>
      <c r="H4877" t="s">
        <v>81</v>
      </c>
      <c r="I4877" s="2">
        <v>1</v>
      </c>
      <c r="J4877" s="2">
        <v>0</v>
      </c>
      <c r="K4877" s="2">
        <v>0</v>
      </c>
      <c r="L4877" t="s">
        <v>120</v>
      </c>
      <c r="M4877" t="s">
        <v>83</v>
      </c>
      <c r="N4877" t="s">
        <v>91</v>
      </c>
      <c r="O4877" t="s">
        <v>85</v>
      </c>
      <c r="P4877" t="s">
        <v>86</v>
      </c>
      <c r="Q4877">
        <v>31</v>
      </c>
      <c r="R4877">
        <v>31</v>
      </c>
      <c r="S4877">
        <v>31</v>
      </c>
      <c r="T4877">
        <v>31</v>
      </c>
      <c r="U4877">
        <v>31</v>
      </c>
      <c r="V4877">
        <v>31</v>
      </c>
      <c r="W4877">
        <v>32</v>
      </c>
      <c r="X4877">
        <v>32</v>
      </c>
      <c r="Y4877">
        <v>32</v>
      </c>
      <c r="Z4877">
        <v>32</v>
      </c>
      <c r="AA4877">
        <v>32</v>
      </c>
      <c r="AB4877">
        <v>32</v>
      </c>
      <c r="AC4877">
        <v>32</v>
      </c>
      <c r="AD4877">
        <v>32</v>
      </c>
      <c r="AE4877">
        <v>32</v>
      </c>
      <c r="AF4877">
        <v>32</v>
      </c>
      <c r="AG4877">
        <v>32</v>
      </c>
      <c r="AH4877">
        <v>32</v>
      </c>
      <c r="AI4877">
        <v>32</v>
      </c>
      <c r="AJ4877">
        <v>32</v>
      </c>
      <c r="AK4877">
        <v>32</v>
      </c>
      <c r="AL4877">
        <v>32</v>
      </c>
      <c r="AM4877">
        <v>31</v>
      </c>
      <c r="AN4877">
        <v>31</v>
      </c>
      <c r="AO4877">
        <v>31</v>
      </c>
      <c r="AP4877">
        <v>31</v>
      </c>
      <c r="AQ4877">
        <v>30</v>
      </c>
    </row>
    <row r="4878" spans="1:43">
      <c r="A4878" t="s">
        <v>3080</v>
      </c>
      <c r="B4878" t="s">
        <v>3081</v>
      </c>
      <c r="C4878" t="s">
        <v>3074</v>
      </c>
      <c r="D4878" t="s">
        <v>3075</v>
      </c>
      <c r="E4878" t="s">
        <v>2928</v>
      </c>
      <c r="F4878" t="s">
        <v>2929</v>
      </c>
      <c r="G4878" t="s">
        <v>80</v>
      </c>
      <c r="H4878" t="s">
        <v>81</v>
      </c>
      <c r="I4878" s="2">
        <v>1</v>
      </c>
      <c r="J4878" s="2">
        <v>0</v>
      </c>
      <c r="K4878" s="2">
        <v>0</v>
      </c>
      <c r="L4878" t="s">
        <v>120</v>
      </c>
      <c r="M4878" t="s">
        <v>83</v>
      </c>
      <c r="N4878" t="s">
        <v>84</v>
      </c>
      <c r="O4878" t="s">
        <v>85</v>
      </c>
      <c r="P4878" t="s">
        <v>86</v>
      </c>
      <c r="Q4878">
        <v>33</v>
      </c>
      <c r="R4878">
        <v>33</v>
      </c>
      <c r="S4878">
        <v>33</v>
      </c>
      <c r="T4878">
        <v>33</v>
      </c>
      <c r="U4878">
        <v>33</v>
      </c>
      <c r="V4878">
        <v>34</v>
      </c>
      <c r="W4878">
        <v>34</v>
      </c>
      <c r="X4878">
        <v>34</v>
      </c>
      <c r="Y4878">
        <v>34</v>
      </c>
      <c r="Z4878">
        <v>34</v>
      </c>
      <c r="AA4878">
        <v>34</v>
      </c>
      <c r="AB4878">
        <v>34</v>
      </c>
      <c r="AC4878">
        <v>34</v>
      </c>
      <c r="AD4878">
        <v>34</v>
      </c>
      <c r="AE4878">
        <v>34</v>
      </c>
      <c r="AF4878">
        <v>34</v>
      </c>
      <c r="AG4878">
        <v>34</v>
      </c>
      <c r="AH4878">
        <v>35</v>
      </c>
      <c r="AI4878">
        <v>35</v>
      </c>
      <c r="AJ4878">
        <v>35</v>
      </c>
      <c r="AK4878">
        <v>35</v>
      </c>
      <c r="AL4878">
        <v>35</v>
      </c>
      <c r="AM4878">
        <v>34</v>
      </c>
      <c r="AN4878">
        <v>34</v>
      </c>
      <c r="AO4878">
        <v>34</v>
      </c>
      <c r="AP4878">
        <v>34</v>
      </c>
      <c r="AQ4878">
        <v>33</v>
      </c>
    </row>
    <row r="4879" spans="1:43">
      <c r="A4879" t="s">
        <v>3080</v>
      </c>
      <c r="B4879" t="s">
        <v>3081</v>
      </c>
      <c r="C4879" t="s">
        <v>3074</v>
      </c>
      <c r="D4879" t="s">
        <v>3075</v>
      </c>
      <c r="E4879" t="s">
        <v>2928</v>
      </c>
      <c r="F4879" t="s">
        <v>2929</v>
      </c>
      <c r="G4879" t="s">
        <v>80</v>
      </c>
      <c r="H4879" t="s">
        <v>81</v>
      </c>
      <c r="I4879" s="2">
        <v>1</v>
      </c>
      <c r="J4879" s="2">
        <v>0</v>
      </c>
      <c r="K4879" s="2">
        <v>0</v>
      </c>
      <c r="L4879" t="s">
        <v>120</v>
      </c>
      <c r="M4879" t="s">
        <v>87</v>
      </c>
      <c r="N4879" t="s">
        <v>88</v>
      </c>
      <c r="O4879" t="s">
        <v>85</v>
      </c>
      <c r="P4879" t="s">
        <v>86</v>
      </c>
      <c r="Q4879">
        <v>33</v>
      </c>
      <c r="R4879">
        <v>32</v>
      </c>
      <c r="S4879">
        <v>32</v>
      </c>
      <c r="T4879">
        <v>32</v>
      </c>
      <c r="U4879">
        <v>32</v>
      </c>
      <c r="V4879">
        <v>32</v>
      </c>
      <c r="W4879">
        <v>32</v>
      </c>
      <c r="X4879">
        <v>32</v>
      </c>
      <c r="Y4879">
        <v>31</v>
      </c>
      <c r="Z4879">
        <v>31</v>
      </c>
      <c r="AA4879">
        <v>31</v>
      </c>
      <c r="AB4879">
        <v>31</v>
      </c>
      <c r="AC4879">
        <v>31</v>
      </c>
      <c r="AD4879">
        <v>31</v>
      </c>
      <c r="AE4879">
        <v>31</v>
      </c>
      <c r="AF4879">
        <v>30</v>
      </c>
      <c r="AG4879">
        <v>30</v>
      </c>
      <c r="AH4879">
        <v>30</v>
      </c>
      <c r="AI4879">
        <v>30</v>
      </c>
      <c r="AJ4879">
        <v>30</v>
      </c>
      <c r="AK4879">
        <v>30</v>
      </c>
      <c r="AL4879">
        <v>30</v>
      </c>
      <c r="AM4879">
        <v>29</v>
      </c>
      <c r="AN4879">
        <v>29</v>
      </c>
      <c r="AO4879">
        <v>29</v>
      </c>
      <c r="AP4879">
        <v>29</v>
      </c>
      <c r="AQ4879">
        <v>29</v>
      </c>
    </row>
    <row r="4880" spans="1:43">
      <c r="A4880" t="s">
        <v>3080</v>
      </c>
      <c r="B4880" t="s">
        <v>3081</v>
      </c>
      <c r="C4880" t="s">
        <v>3074</v>
      </c>
      <c r="D4880" t="s">
        <v>3075</v>
      </c>
      <c r="E4880" t="s">
        <v>2928</v>
      </c>
      <c r="F4880" t="s">
        <v>2929</v>
      </c>
      <c r="G4880" t="s">
        <v>80</v>
      </c>
      <c r="H4880" t="s">
        <v>81</v>
      </c>
      <c r="I4880" s="2">
        <v>1</v>
      </c>
      <c r="J4880" s="2">
        <v>0</v>
      </c>
      <c r="K4880" s="2">
        <v>0</v>
      </c>
      <c r="L4880" t="s">
        <v>120</v>
      </c>
      <c r="M4880" t="s">
        <v>89</v>
      </c>
      <c r="N4880" t="s">
        <v>90</v>
      </c>
      <c r="O4880" t="s">
        <v>85</v>
      </c>
      <c r="P4880" t="s">
        <v>86</v>
      </c>
      <c r="Q4880">
        <v>33</v>
      </c>
      <c r="R4880">
        <v>34</v>
      </c>
      <c r="S4880">
        <v>34</v>
      </c>
      <c r="T4880">
        <v>34</v>
      </c>
      <c r="U4880">
        <v>35</v>
      </c>
      <c r="V4880">
        <v>35</v>
      </c>
      <c r="W4880">
        <v>35</v>
      </c>
      <c r="X4880">
        <v>36</v>
      </c>
      <c r="Y4880">
        <v>36</v>
      </c>
      <c r="Z4880">
        <v>36</v>
      </c>
      <c r="AA4880">
        <v>36</v>
      </c>
      <c r="AB4880">
        <v>36</v>
      </c>
      <c r="AC4880">
        <v>37</v>
      </c>
      <c r="AD4880">
        <v>37</v>
      </c>
      <c r="AE4880">
        <v>37</v>
      </c>
      <c r="AF4880">
        <v>37</v>
      </c>
      <c r="AG4880">
        <v>36</v>
      </c>
      <c r="AH4880">
        <v>36</v>
      </c>
      <c r="AI4880">
        <v>36</v>
      </c>
      <c r="AJ4880">
        <v>35</v>
      </c>
      <c r="AK4880">
        <v>35</v>
      </c>
      <c r="AL4880">
        <v>35</v>
      </c>
      <c r="AM4880">
        <v>35</v>
      </c>
      <c r="AN4880">
        <v>34</v>
      </c>
      <c r="AO4880">
        <v>34</v>
      </c>
      <c r="AP4880">
        <v>34</v>
      </c>
      <c r="AQ4880">
        <v>34</v>
      </c>
    </row>
    <row r="4881" spans="1:43">
      <c r="A4881" t="s">
        <v>3080</v>
      </c>
      <c r="B4881" t="s">
        <v>3081</v>
      </c>
      <c r="C4881" t="s">
        <v>3074</v>
      </c>
      <c r="D4881" t="s">
        <v>3075</v>
      </c>
      <c r="E4881" t="s">
        <v>2928</v>
      </c>
      <c r="F4881" t="s">
        <v>2929</v>
      </c>
      <c r="G4881" t="s">
        <v>80</v>
      </c>
      <c r="H4881" t="s">
        <v>81</v>
      </c>
      <c r="I4881" s="2">
        <v>1</v>
      </c>
      <c r="J4881" s="2">
        <v>0</v>
      </c>
      <c r="K4881" s="2">
        <v>0</v>
      </c>
      <c r="L4881" t="s">
        <v>120</v>
      </c>
      <c r="M4881" t="s">
        <v>83</v>
      </c>
      <c r="N4881" t="s">
        <v>91</v>
      </c>
      <c r="O4881" t="s">
        <v>85</v>
      </c>
      <c r="P4881" t="s">
        <v>86</v>
      </c>
      <c r="Q4881">
        <v>33</v>
      </c>
      <c r="R4881">
        <v>33</v>
      </c>
      <c r="S4881">
        <v>33</v>
      </c>
      <c r="T4881">
        <v>33</v>
      </c>
      <c r="U4881">
        <v>33</v>
      </c>
      <c r="V4881">
        <v>34</v>
      </c>
      <c r="W4881">
        <v>34</v>
      </c>
      <c r="X4881">
        <v>34</v>
      </c>
      <c r="Y4881">
        <v>34</v>
      </c>
      <c r="Z4881">
        <v>34</v>
      </c>
      <c r="AA4881">
        <v>34</v>
      </c>
      <c r="AB4881">
        <v>34</v>
      </c>
      <c r="AC4881">
        <v>34</v>
      </c>
      <c r="AD4881">
        <v>34</v>
      </c>
      <c r="AE4881">
        <v>34</v>
      </c>
      <c r="AF4881">
        <v>34</v>
      </c>
      <c r="AG4881">
        <v>34</v>
      </c>
      <c r="AH4881">
        <v>35</v>
      </c>
      <c r="AI4881">
        <v>35</v>
      </c>
      <c r="AJ4881">
        <v>35</v>
      </c>
      <c r="AK4881">
        <v>35</v>
      </c>
      <c r="AL4881">
        <v>35</v>
      </c>
      <c r="AM4881">
        <v>34</v>
      </c>
      <c r="AN4881">
        <v>34</v>
      </c>
      <c r="AO4881">
        <v>34</v>
      </c>
      <c r="AP4881">
        <v>34</v>
      </c>
      <c r="AQ4881">
        <v>33</v>
      </c>
    </row>
    <row r="4882" spans="1:43">
      <c r="A4882" t="s">
        <v>3082</v>
      </c>
      <c r="B4882" t="s">
        <v>3083</v>
      </c>
      <c r="C4882" t="s">
        <v>3078</v>
      </c>
      <c r="D4882" t="s">
        <v>3079</v>
      </c>
      <c r="E4882" t="s">
        <v>2928</v>
      </c>
      <c r="F4882" t="s">
        <v>2929</v>
      </c>
      <c r="G4882" t="s">
        <v>80</v>
      </c>
      <c r="H4882" t="s">
        <v>81</v>
      </c>
      <c r="I4882" s="2">
        <v>1</v>
      </c>
      <c r="J4882" s="2">
        <v>0</v>
      </c>
      <c r="K4882" s="2">
        <v>0</v>
      </c>
      <c r="L4882" t="s">
        <v>120</v>
      </c>
      <c r="M4882" t="s">
        <v>83</v>
      </c>
      <c r="N4882" t="s">
        <v>84</v>
      </c>
      <c r="O4882" t="s">
        <v>85</v>
      </c>
      <c r="P4882" t="s">
        <v>86</v>
      </c>
      <c r="Q4882">
        <v>32</v>
      </c>
      <c r="R4882">
        <v>32</v>
      </c>
      <c r="S4882">
        <v>32</v>
      </c>
      <c r="T4882">
        <v>32</v>
      </c>
      <c r="U4882">
        <v>32</v>
      </c>
      <c r="V4882">
        <v>32</v>
      </c>
      <c r="W4882">
        <v>33</v>
      </c>
      <c r="X4882">
        <v>33</v>
      </c>
      <c r="Y4882">
        <v>33</v>
      </c>
      <c r="Z4882">
        <v>33</v>
      </c>
      <c r="AA4882">
        <v>33</v>
      </c>
      <c r="AB4882">
        <v>33</v>
      </c>
      <c r="AC4882">
        <v>33</v>
      </c>
      <c r="AD4882">
        <v>33</v>
      </c>
      <c r="AE4882">
        <v>33</v>
      </c>
      <c r="AF4882">
        <v>33</v>
      </c>
      <c r="AG4882">
        <v>33</v>
      </c>
      <c r="AH4882">
        <v>33</v>
      </c>
      <c r="AI4882">
        <v>33</v>
      </c>
      <c r="AJ4882">
        <v>33</v>
      </c>
      <c r="AK4882">
        <v>33</v>
      </c>
      <c r="AL4882">
        <v>33</v>
      </c>
      <c r="AM4882">
        <v>33</v>
      </c>
      <c r="AN4882">
        <v>33</v>
      </c>
      <c r="AO4882">
        <v>33</v>
      </c>
      <c r="AP4882">
        <v>32</v>
      </c>
      <c r="AQ4882">
        <v>32</v>
      </c>
    </row>
    <row r="4883" spans="1:43">
      <c r="A4883" t="s">
        <v>3082</v>
      </c>
      <c r="B4883" t="s">
        <v>3083</v>
      </c>
      <c r="C4883" t="s">
        <v>3078</v>
      </c>
      <c r="D4883" t="s">
        <v>3079</v>
      </c>
      <c r="E4883" t="s">
        <v>2928</v>
      </c>
      <c r="F4883" t="s">
        <v>2929</v>
      </c>
      <c r="G4883" t="s">
        <v>80</v>
      </c>
      <c r="H4883" t="s">
        <v>81</v>
      </c>
      <c r="I4883" s="2">
        <v>1</v>
      </c>
      <c r="J4883" s="2">
        <v>0</v>
      </c>
      <c r="K4883" s="2">
        <v>0</v>
      </c>
      <c r="L4883" t="s">
        <v>120</v>
      </c>
      <c r="M4883" t="s">
        <v>87</v>
      </c>
      <c r="N4883" t="s">
        <v>88</v>
      </c>
      <c r="O4883" t="s">
        <v>85</v>
      </c>
      <c r="P4883" t="s">
        <v>86</v>
      </c>
      <c r="Q4883">
        <v>32</v>
      </c>
      <c r="R4883">
        <v>32</v>
      </c>
      <c r="S4883">
        <v>32</v>
      </c>
      <c r="T4883">
        <v>32</v>
      </c>
      <c r="U4883">
        <v>32</v>
      </c>
      <c r="V4883">
        <v>32</v>
      </c>
      <c r="W4883">
        <v>32</v>
      </c>
      <c r="X4883">
        <v>31</v>
      </c>
      <c r="Y4883">
        <v>31</v>
      </c>
      <c r="Z4883">
        <v>31</v>
      </c>
      <c r="AA4883">
        <v>31</v>
      </c>
      <c r="AB4883">
        <v>31</v>
      </c>
      <c r="AC4883">
        <v>31</v>
      </c>
      <c r="AD4883">
        <v>31</v>
      </c>
      <c r="AE4883">
        <v>30</v>
      </c>
      <c r="AF4883">
        <v>30</v>
      </c>
      <c r="AG4883">
        <v>30</v>
      </c>
      <c r="AH4883">
        <v>30</v>
      </c>
      <c r="AI4883">
        <v>30</v>
      </c>
      <c r="AJ4883">
        <v>30</v>
      </c>
      <c r="AK4883">
        <v>30</v>
      </c>
      <c r="AL4883">
        <v>30</v>
      </c>
      <c r="AM4883">
        <v>29</v>
      </c>
      <c r="AN4883">
        <v>29</v>
      </c>
      <c r="AO4883">
        <v>29</v>
      </c>
      <c r="AP4883">
        <v>29</v>
      </c>
      <c r="AQ4883">
        <v>29</v>
      </c>
    </row>
    <row r="4884" spans="1:43">
      <c r="A4884" t="s">
        <v>3082</v>
      </c>
      <c r="B4884" t="s">
        <v>3083</v>
      </c>
      <c r="C4884" t="s">
        <v>3078</v>
      </c>
      <c r="D4884" t="s">
        <v>3079</v>
      </c>
      <c r="E4884" t="s">
        <v>2928</v>
      </c>
      <c r="F4884" t="s">
        <v>2929</v>
      </c>
      <c r="G4884" t="s">
        <v>80</v>
      </c>
      <c r="H4884" t="s">
        <v>81</v>
      </c>
      <c r="I4884" s="2">
        <v>1</v>
      </c>
      <c r="J4884" s="2">
        <v>0</v>
      </c>
      <c r="K4884" s="2">
        <v>0</v>
      </c>
      <c r="L4884" t="s">
        <v>120</v>
      </c>
      <c r="M4884" t="s">
        <v>89</v>
      </c>
      <c r="N4884" t="s">
        <v>90</v>
      </c>
      <c r="O4884" t="s">
        <v>85</v>
      </c>
      <c r="P4884" t="s">
        <v>86</v>
      </c>
      <c r="Q4884">
        <v>32</v>
      </c>
      <c r="R4884">
        <v>32</v>
      </c>
      <c r="S4884">
        <v>33</v>
      </c>
      <c r="T4884">
        <v>33</v>
      </c>
      <c r="U4884">
        <v>34</v>
      </c>
      <c r="V4884">
        <v>34</v>
      </c>
      <c r="W4884">
        <v>34</v>
      </c>
      <c r="X4884">
        <v>34</v>
      </c>
      <c r="Y4884">
        <v>35</v>
      </c>
      <c r="Z4884">
        <v>35</v>
      </c>
      <c r="AA4884">
        <v>35</v>
      </c>
      <c r="AB4884">
        <v>35</v>
      </c>
      <c r="AC4884">
        <v>35</v>
      </c>
      <c r="AD4884">
        <v>36</v>
      </c>
      <c r="AE4884">
        <v>35</v>
      </c>
      <c r="AF4884">
        <v>35</v>
      </c>
      <c r="AG4884">
        <v>35</v>
      </c>
      <c r="AH4884">
        <v>35</v>
      </c>
      <c r="AI4884">
        <v>34</v>
      </c>
      <c r="AJ4884">
        <v>34</v>
      </c>
      <c r="AK4884">
        <v>34</v>
      </c>
      <c r="AL4884">
        <v>34</v>
      </c>
      <c r="AM4884">
        <v>33</v>
      </c>
      <c r="AN4884">
        <v>33</v>
      </c>
      <c r="AO4884">
        <v>33</v>
      </c>
      <c r="AP4884">
        <v>33</v>
      </c>
      <c r="AQ4884">
        <v>32</v>
      </c>
    </row>
    <row r="4885" spans="1:43">
      <c r="A4885" t="s">
        <v>3082</v>
      </c>
      <c r="B4885" t="s">
        <v>3083</v>
      </c>
      <c r="C4885" t="s">
        <v>3078</v>
      </c>
      <c r="D4885" t="s">
        <v>3079</v>
      </c>
      <c r="E4885" t="s">
        <v>2928</v>
      </c>
      <c r="F4885" t="s">
        <v>2929</v>
      </c>
      <c r="G4885" t="s">
        <v>80</v>
      </c>
      <c r="H4885" t="s">
        <v>81</v>
      </c>
      <c r="I4885" s="2">
        <v>1</v>
      </c>
      <c r="J4885" s="2">
        <v>0</v>
      </c>
      <c r="K4885" s="2">
        <v>0</v>
      </c>
      <c r="L4885" t="s">
        <v>120</v>
      </c>
      <c r="M4885" t="s">
        <v>83</v>
      </c>
      <c r="N4885" t="s">
        <v>91</v>
      </c>
      <c r="O4885" t="s">
        <v>85</v>
      </c>
      <c r="P4885" t="s">
        <v>86</v>
      </c>
      <c r="Q4885">
        <v>32</v>
      </c>
      <c r="R4885">
        <v>32</v>
      </c>
      <c r="S4885">
        <v>32</v>
      </c>
      <c r="T4885">
        <v>32</v>
      </c>
      <c r="U4885">
        <v>32</v>
      </c>
      <c r="V4885">
        <v>32</v>
      </c>
      <c r="W4885">
        <v>33</v>
      </c>
      <c r="X4885">
        <v>33</v>
      </c>
      <c r="Y4885">
        <v>33</v>
      </c>
      <c r="Z4885">
        <v>33</v>
      </c>
      <c r="AA4885">
        <v>33</v>
      </c>
      <c r="AB4885">
        <v>33</v>
      </c>
      <c r="AC4885">
        <v>33</v>
      </c>
      <c r="AD4885">
        <v>33</v>
      </c>
      <c r="AE4885">
        <v>33</v>
      </c>
      <c r="AF4885">
        <v>33</v>
      </c>
      <c r="AG4885">
        <v>33</v>
      </c>
      <c r="AH4885">
        <v>33</v>
      </c>
      <c r="AI4885">
        <v>33</v>
      </c>
      <c r="AJ4885">
        <v>33</v>
      </c>
      <c r="AK4885">
        <v>33</v>
      </c>
      <c r="AL4885">
        <v>33</v>
      </c>
      <c r="AM4885">
        <v>33</v>
      </c>
      <c r="AN4885">
        <v>33</v>
      </c>
      <c r="AO4885">
        <v>33</v>
      </c>
      <c r="AP4885">
        <v>32</v>
      </c>
      <c r="AQ4885">
        <v>32</v>
      </c>
    </row>
    <row r="4886" spans="1:43">
      <c r="A4886" t="s">
        <v>3084</v>
      </c>
      <c r="B4886" t="s">
        <v>3085</v>
      </c>
      <c r="C4886" t="s">
        <v>3078</v>
      </c>
      <c r="D4886" t="s">
        <v>3079</v>
      </c>
      <c r="E4886" t="s">
        <v>2928</v>
      </c>
      <c r="F4886" t="s">
        <v>2929</v>
      </c>
      <c r="G4886" t="s">
        <v>80</v>
      </c>
      <c r="H4886" t="s">
        <v>81</v>
      </c>
      <c r="I4886" s="2">
        <v>1</v>
      </c>
      <c r="J4886" s="2">
        <v>0</v>
      </c>
      <c r="K4886" s="2">
        <v>0</v>
      </c>
      <c r="L4886" t="s">
        <v>120</v>
      </c>
      <c r="M4886" t="s">
        <v>83</v>
      </c>
      <c r="N4886" t="s">
        <v>84</v>
      </c>
      <c r="O4886" t="s">
        <v>85</v>
      </c>
      <c r="P4886" t="s">
        <v>86</v>
      </c>
      <c r="Q4886">
        <v>10</v>
      </c>
      <c r="R4886">
        <v>10</v>
      </c>
      <c r="S4886">
        <v>10</v>
      </c>
      <c r="T4886">
        <v>10</v>
      </c>
      <c r="U4886">
        <v>10</v>
      </c>
      <c r="V4886">
        <v>10</v>
      </c>
      <c r="W4886">
        <v>10</v>
      </c>
      <c r="X4886">
        <v>10</v>
      </c>
      <c r="Y4886">
        <v>10</v>
      </c>
      <c r="Z4886">
        <v>10</v>
      </c>
      <c r="AA4886">
        <v>10</v>
      </c>
      <c r="AB4886">
        <v>10</v>
      </c>
      <c r="AC4886">
        <v>11</v>
      </c>
      <c r="AD4886">
        <v>11</v>
      </c>
      <c r="AE4886">
        <v>11</v>
      </c>
      <c r="AF4886">
        <v>11</v>
      </c>
      <c r="AG4886">
        <v>11</v>
      </c>
      <c r="AH4886">
        <v>11</v>
      </c>
      <c r="AI4886">
        <v>11</v>
      </c>
      <c r="AJ4886">
        <v>11</v>
      </c>
      <c r="AK4886">
        <v>11</v>
      </c>
      <c r="AL4886">
        <v>11</v>
      </c>
      <c r="AM4886">
        <v>11</v>
      </c>
      <c r="AN4886">
        <v>10</v>
      </c>
      <c r="AO4886">
        <v>10</v>
      </c>
      <c r="AP4886">
        <v>10</v>
      </c>
      <c r="AQ4886">
        <v>10</v>
      </c>
    </row>
    <row r="4887" spans="1:43">
      <c r="A4887" t="s">
        <v>3084</v>
      </c>
      <c r="B4887" t="s">
        <v>3085</v>
      </c>
      <c r="C4887" t="s">
        <v>3078</v>
      </c>
      <c r="D4887" t="s">
        <v>3079</v>
      </c>
      <c r="E4887" t="s">
        <v>2928</v>
      </c>
      <c r="F4887" t="s">
        <v>2929</v>
      </c>
      <c r="G4887" t="s">
        <v>80</v>
      </c>
      <c r="H4887" t="s">
        <v>81</v>
      </c>
      <c r="I4887" s="2">
        <v>1</v>
      </c>
      <c r="J4887" s="2">
        <v>0</v>
      </c>
      <c r="K4887" s="2">
        <v>0</v>
      </c>
      <c r="L4887" t="s">
        <v>120</v>
      </c>
      <c r="M4887" t="s">
        <v>87</v>
      </c>
      <c r="N4887" t="s">
        <v>88</v>
      </c>
      <c r="O4887" t="s">
        <v>85</v>
      </c>
      <c r="P4887" t="s">
        <v>86</v>
      </c>
      <c r="Q4887">
        <v>10</v>
      </c>
      <c r="R4887">
        <v>10</v>
      </c>
      <c r="S4887">
        <v>10</v>
      </c>
      <c r="T4887">
        <v>10</v>
      </c>
      <c r="U4887">
        <v>10</v>
      </c>
      <c r="V4887">
        <v>10</v>
      </c>
      <c r="W4887">
        <v>10</v>
      </c>
      <c r="X4887">
        <v>10</v>
      </c>
      <c r="Y4887">
        <v>10</v>
      </c>
      <c r="Z4887">
        <v>10</v>
      </c>
      <c r="AA4887">
        <v>10</v>
      </c>
      <c r="AB4887">
        <v>10</v>
      </c>
      <c r="AC4887">
        <v>9</v>
      </c>
      <c r="AD4887">
        <v>9</v>
      </c>
      <c r="AE4887">
        <v>9</v>
      </c>
      <c r="AF4887">
        <v>9</v>
      </c>
      <c r="AG4887">
        <v>9</v>
      </c>
      <c r="AH4887">
        <v>9</v>
      </c>
      <c r="AI4887">
        <v>9</v>
      </c>
      <c r="AJ4887">
        <v>9</v>
      </c>
      <c r="AK4887">
        <v>9</v>
      </c>
      <c r="AL4887">
        <v>9</v>
      </c>
      <c r="AM4887">
        <v>9</v>
      </c>
      <c r="AN4887">
        <v>9</v>
      </c>
      <c r="AO4887">
        <v>9</v>
      </c>
      <c r="AP4887">
        <v>9</v>
      </c>
      <c r="AQ4887">
        <v>9</v>
      </c>
    </row>
    <row r="4888" spans="1:43">
      <c r="A4888" t="s">
        <v>3084</v>
      </c>
      <c r="B4888" t="s">
        <v>3085</v>
      </c>
      <c r="C4888" t="s">
        <v>3078</v>
      </c>
      <c r="D4888" t="s">
        <v>3079</v>
      </c>
      <c r="E4888" t="s">
        <v>2928</v>
      </c>
      <c r="F4888" t="s">
        <v>2929</v>
      </c>
      <c r="G4888" t="s">
        <v>80</v>
      </c>
      <c r="H4888" t="s">
        <v>81</v>
      </c>
      <c r="I4888" s="2">
        <v>1</v>
      </c>
      <c r="J4888" s="2">
        <v>0</v>
      </c>
      <c r="K4888" s="2">
        <v>0</v>
      </c>
      <c r="L4888" t="s">
        <v>120</v>
      </c>
      <c r="M4888" t="s">
        <v>89</v>
      </c>
      <c r="N4888" t="s">
        <v>90</v>
      </c>
      <c r="O4888" t="s">
        <v>85</v>
      </c>
      <c r="P4888" t="s">
        <v>86</v>
      </c>
      <c r="Q4888">
        <v>10</v>
      </c>
      <c r="R4888">
        <v>10</v>
      </c>
      <c r="S4888">
        <v>10</v>
      </c>
      <c r="T4888">
        <v>11</v>
      </c>
      <c r="U4888">
        <v>11</v>
      </c>
      <c r="V4888">
        <v>11</v>
      </c>
      <c r="W4888">
        <v>11</v>
      </c>
      <c r="X4888">
        <v>11</v>
      </c>
      <c r="Y4888">
        <v>11</v>
      </c>
      <c r="Z4888">
        <v>11</v>
      </c>
      <c r="AA4888">
        <v>11</v>
      </c>
      <c r="AB4888">
        <v>11</v>
      </c>
      <c r="AC4888">
        <v>11</v>
      </c>
      <c r="AD4888">
        <v>11</v>
      </c>
      <c r="AE4888">
        <v>11</v>
      </c>
      <c r="AF4888">
        <v>11</v>
      </c>
      <c r="AG4888">
        <v>11</v>
      </c>
      <c r="AH4888">
        <v>11</v>
      </c>
      <c r="AI4888">
        <v>11</v>
      </c>
      <c r="AJ4888">
        <v>11</v>
      </c>
      <c r="AK4888">
        <v>11</v>
      </c>
      <c r="AL4888">
        <v>11</v>
      </c>
      <c r="AM4888">
        <v>11</v>
      </c>
      <c r="AN4888">
        <v>11</v>
      </c>
      <c r="AO4888">
        <v>10</v>
      </c>
      <c r="AP4888">
        <v>10</v>
      </c>
      <c r="AQ4888">
        <v>10</v>
      </c>
    </row>
    <row r="4889" spans="1:43">
      <c r="A4889" t="s">
        <v>3084</v>
      </c>
      <c r="B4889" t="s">
        <v>3085</v>
      </c>
      <c r="C4889" t="s">
        <v>3078</v>
      </c>
      <c r="D4889" t="s">
        <v>3079</v>
      </c>
      <c r="E4889" t="s">
        <v>2928</v>
      </c>
      <c r="F4889" t="s">
        <v>2929</v>
      </c>
      <c r="G4889" t="s">
        <v>80</v>
      </c>
      <c r="H4889" t="s">
        <v>81</v>
      </c>
      <c r="I4889" s="2">
        <v>1</v>
      </c>
      <c r="J4889" s="2">
        <v>0</v>
      </c>
      <c r="K4889" s="2">
        <v>0</v>
      </c>
      <c r="L4889" t="s">
        <v>120</v>
      </c>
      <c r="M4889" t="s">
        <v>83</v>
      </c>
      <c r="N4889" t="s">
        <v>91</v>
      </c>
      <c r="O4889" t="s">
        <v>85</v>
      </c>
      <c r="P4889" t="s">
        <v>86</v>
      </c>
      <c r="Q4889">
        <v>10</v>
      </c>
      <c r="R4889">
        <v>10</v>
      </c>
      <c r="S4889">
        <v>10</v>
      </c>
      <c r="T4889">
        <v>10</v>
      </c>
      <c r="U4889">
        <v>10</v>
      </c>
      <c r="V4889">
        <v>10</v>
      </c>
      <c r="W4889">
        <v>10</v>
      </c>
      <c r="X4889">
        <v>10</v>
      </c>
      <c r="Y4889">
        <v>10</v>
      </c>
      <c r="Z4889">
        <v>10</v>
      </c>
      <c r="AA4889">
        <v>10</v>
      </c>
      <c r="AB4889">
        <v>10</v>
      </c>
      <c r="AC4889">
        <v>11</v>
      </c>
      <c r="AD4889">
        <v>11</v>
      </c>
      <c r="AE4889">
        <v>11</v>
      </c>
      <c r="AF4889">
        <v>11</v>
      </c>
      <c r="AG4889">
        <v>11</v>
      </c>
      <c r="AH4889">
        <v>11</v>
      </c>
      <c r="AI4889">
        <v>11</v>
      </c>
      <c r="AJ4889">
        <v>11</v>
      </c>
      <c r="AK4889">
        <v>11</v>
      </c>
      <c r="AL4889">
        <v>11</v>
      </c>
      <c r="AM4889">
        <v>11</v>
      </c>
      <c r="AN4889">
        <v>10</v>
      </c>
      <c r="AO4889">
        <v>10</v>
      </c>
      <c r="AP4889">
        <v>10</v>
      </c>
      <c r="AQ4889">
        <v>10</v>
      </c>
    </row>
    <row r="4890" spans="1:43">
      <c r="A4890" t="s">
        <v>3086</v>
      </c>
      <c r="B4890" t="s">
        <v>3087</v>
      </c>
      <c r="C4890" t="s">
        <v>3078</v>
      </c>
      <c r="D4890" t="s">
        <v>3079</v>
      </c>
      <c r="E4890" t="s">
        <v>2928</v>
      </c>
      <c r="F4890" t="s">
        <v>2929</v>
      </c>
      <c r="G4890" t="s">
        <v>80</v>
      </c>
      <c r="H4890" t="s">
        <v>81</v>
      </c>
      <c r="I4890" s="2">
        <v>1</v>
      </c>
      <c r="J4890" s="2">
        <v>0</v>
      </c>
      <c r="K4890" s="2">
        <v>0</v>
      </c>
      <c r="L4890" t="s">
        <v>120</v>
      </c>
      <c r="M4890" t="s">
        <v>83</v>
      </c>
      <c r="N4890" t="s">
        <v>84</v>
      </c>
      <c r="O4890" t="s">
        <v>85</v>
      </c>
      <c r="P4890" t="s">
        <v>86</v>
      </c>
      <c r="Q4890">
        <v>2</v>
      </c>
      <c r="R4890">
        <v>2</v>
      </c>
      <c r="S4890">
        <v>2</v>
      </c>
      <c r="T4890">
        <v>2</v>
      </c>
      <c r="U4890">
        <v>2</v>
      </c>
      <c r="V4890">
        <v>2</v>
      </c>
      <c r="W4890">
        <v>2</v>
      </c>
      <c r="X4890">
        <v>2</v>
      </c>
      <c r="Y4890">
        <v>2</v>
      </c>
      <c r="Z4890">
        <v>2</v>
      </c>
      <c r="AA4890">
        <v>2</v>
      </c>
      <c r="AB4890">
        <v>2</v>
      </c>
      <c r="AC4890">
        <v>3</v>
      </c>
      <c r="AD4890">
        <v>3</v>
      </c>
      <c r="AE4890">
        <v>3</v>
      </c>
      <c r="AF4890">
        <v>3</v>
      </c>
      <c r="AG4890">
        <v>3</v>
      </c>
      <c r="AH4890">
        <v>3</v>
      </c>
      <c r="AI4890">
        <v>3</v>
      </c>
      <c r="AJ4890">
        <v>3</v>
      </c>
      <c r="AK4890">
        <v>3</v>
      </c>
      <c r="AL4890">
        <v>3</v>
      </c>
      <c r="AM4890">
        <v>3</v>
      </c>
      <c r="AN4890">
        <v>2</v>
      </c>
      <c r="AO4890">
        <v>2</v>
      </c>
      <c r="AP4890">
        <v>2</v>
      </c>
      <c r="AQ4890">
        <v>2</v>
      </c>
    </row>
    <row r="4891" spans="1:43">
      <c r="A4891" t="s">
        <v>3086</v>
      </c>
      <c r="B4891" t="s">
        <v>3087</v>
      </c>
      <c r="C4891" t="s">
        <v>3078</v>
      </c>
      <c r="D4891" t="s">
        <v>3079</v>
      </c>
      <c r="E4891" t="s">
        <v>2928</v>
      </c>
      <c r="F4891" t="s">
        <v>2929</v>
      </c>
      <c r="G4891" t="s">
        <v>80</v>
      </c>
      <c r="H4891" t="s">
        <v>81</v>
      </c>
      <c r="I4891" s="2">
        <v>1</v>
      </c>
      <c r="J4891" s="2">
        <v>0</v>
      </c>
      <c r="K4891" s="2">
        <v>0</v>
      </c>
      <c r="L4891" t="s">
        <v>120</v>
      </c>
      <c r="M4891" t="s">
        <v>87</v>
      </c>
      <c r="N4891" t="s">
        <v>88</v>
      </c>
      <c r="O4891" t="s">
        <v>85</v>
      </c>
      <c r="P4891" t="s">
        <v>86</v>
      </c>
      <c r="Q4891">
        <v>2</v>
      </c>
      <c r="R4891">
        <v>2</v>
      </c>
      <c r="S4891">
        <v>2</v>
      </c>
      <c r="T4891">
        <v>2</v>
      </c>
      <c r="U4891">
        <v>2</v>
      </c>
      <c r="V4891">
        <v>2</v>
      </c>
      <c r="W4891">
        <v>2</v>
      </c>
      <c r="X4891">
        <v>2</v>
      </c>
      <c r="Y4891">
        <v>2</v>
      </c>
      <c r="Z4891">
        <v>2</v>
      </c>
      <c r="AA4891">
        <v>2</v>
      </c>
      <c r="AB4891">
        <v>2</v>
      </c>
      <c r="AC4891">
        <v>2</v>
      </c>
      <c r="AD4891">
        <v>2</v>
      </c>
      <c r="AE4891">
        <v>2</v>
      </c>
      <c r="AF4891">
        <v>2</v>
      </c>
      <c r="AG4891">
        <v>2</v>
      </c>
      <c r="AH4891">
        <v>2</v>
      </c>
      <c r="AI4891">
        <v>2</v>
      </c>
      <c r="AJ4891">
        <v>2</v>
      </c>
      <c r="AK4891">
        <v>2</v>
      </c>
      <c r="AL4891">
        <v>2</v>
      </c>
      <c r="AM4891">
        <v>2</v>
      </c>
      <c r="AN4891">
        <v>2</v>
      </c>
      <c r="AO4891">
        <v>2</v>
      </c>
      <c r="AP4891">
        <v>2</v>
      </c>
      <c r="AQ4891">
        <v>2</v>
      </c>
    </row>
    <row r="4892" spans="1:43">
      <c r="A4892" t="s">
        <v>3086</v>
      </c>
      <c r="B4892" t="s">
        <v>3087</v>
      </c>
      <c r="C4892" t="s">
        <v>3078</v>
      </c>
      <c r="D4892" t="s">
        <v>3079</v>
      </c>
      <c r="E4892" t="s">
        <v>2928</v>
      </c>
      <c r="F4892" t="s">
        <v>2929</v>
      </c>
      <c r="G4892" t="s">
        <v>80</v>
      </c>
      <c r="H4892" t="s">
        <v>81</v>
      </c>
      <c r="I4892" s="2">
        <v>1</v>
      </c>
      <c r="J4892" s="2">
        <v>0</v>
      </c>
      <c r="K4892" s="2">
        <v>0</v>
      </c>
      <c r="L4892" t="s">
        <v>120</v>
      </c>
      <c r="M4892" t="s">
        <v>89</v>
      </c>
      <c r="N4892" t="s">
        <v>90</v>
      </c>
      <c r="O4892" t="s">
        <v>85</v>
      </c>
      <c r="P4892" t="s">
        <v>86</v>
      </c>
      <c r="Q4892">
        <v>2</v>
      </c>
      <c r="R4892">
        <v>2</v>
      </c>
      <c r="S4892">
        <v>2</v>
      </c>
      <c r="T4892">
        <v>3</v>
      </c>
      <c r="U4892">
        <v>3</v>
      </c>
      <c r="V4892">
        <v>3</v>
      </c>
      <c r="W4892">
        <v>3</v>
      </c>
      <c r="X4892">
        <v>3</v>
      </c>
      <c r="Y4892">
        <v>3</v>
      </c>
      <c r="Z4892">
        <v>3</v>
      </c>
      <c r="AA4892">
        <v>3</v>
      </c>
      <c r="AB4892">
        <v>3</v>
      </c>
      <c r="AC4892">
        <v>3</v>
      </c>
      <c r="AD4892">
        <v>3</v>
      </c>
      <c r="AE4892">
        <v>3</v>
      </c>
      <c r="AF4892">
        <v>3</v>
      </c>
      <c r="AG4892">
        <v>3</v>
      </c>
      <c r="AH4892">
        <v>3</v>
      </c>
      <c r="AI4892">
        <v>3</v>
      </c>
      <c r="AJ4892">
        <v>3</v>
      </c>
      <c r="AK4892">
        <v>3</v>
      </c>
      <c r="AL4892">
        <v>3</v>
      </c>
      <c r="AM4892">
        <v>3</v>
      </c>
      <c r="AN4892">
        <v>3</v>
      </c>
      <c r="AO4892">
        <v>2</v>
      </c>
      <c r="AP4892">
        <v>2</v>
      </c>
      <c r="AQ4892">
        <v>2</v>
      </c>
    </row>
    <row r="4893" spans="1:43">
      <c r="A4893" t="s">
        <v>3086</v>
      </c>
      <c r="B4893" t="s">
        <v>3087</v>
      </c>
      <c r="C4893" t="s">
        <v>3078</v>
      </c>
      <c r="D4893" t="s">
        <v>3079</v>
      </c>
      <c r="E4893" t="s">
        <v>2928</v>
      </c>
      <c r="F4893" t="s">
        <v>2929</v>
      </c>
      <c r="G4893" t="s">
        <v>80</v>
      </c>
      <c r="H4893" t="s">
        <v>81</v>
      </c>
      <c r="I4893" s="2">
        <v>1</v>
      </c>
      <c r="J4893" s="2">
        <v>0</v>
      </c>
      <c r="K4893" s="2">
        <v>0</v>
      </c>
      <c r="L4893" t="s">
        <v>120</v>
      </c>
      <c r="M4893" t="s">
        <v>83</v>
      </c>
      <c r="N4893" t="s">
        <v>91</v>
      </c>
      <c r="O4893" t="s">
        <v>85</v>
      </c>
      <c r="P4893" t="s">
        <v>86</v>
      </c>
      <c r="Q4893">
        <v>2</v>
      </c>
      <c r="R4893">
        <v>2</v>
      </c>
      <c r="S4893">
        <v>2</v>
      </c>
      <c r="T4893">
        <v>2</v>
      </c>
      <c r="U4893">
        <v>2</v>
      </c>
      <c r="V4893">
        <v>2</v>
      </c>
      <c r="W4893">
        <v>2</v>
      </c>
      <c r="X4893">
        <v>2</v>
      </c>
      <c r="Y4893">
        <v>2</v>
      </c>
      <c r="Z4893">
        <v>2</v>
      </c>
      <c r="AA4893">
        <v>2</v>
      </c>
      <c r="AB4893">
        <v>2</v>
      </c>
      <c r="AC4893">
        <v>3</v>
      </c>
      <c r="AD4893">
        <v>3</v>
      </c>
      <c r="AE4893">
        <v>3</v>
      </c>
      <c r="AF4893">
        <v>3</v>
      </c>
      <c r="AG4893">
        <v>3</v>
      </c>
      <c r="AH4893">
        <v>3</v>
      </c>
      <c r="AI4893">
        <v>3</v>
      </c>
      <c r="AJ4893">
        <v>3</v>
      </c>
      <c r="AK4893">
        <v>3</v>
      </c>
      <c r="AL4893">
        <v>3</v>
      </c>
      <c r="AM4893">
        <v>3</v>
      </c>
      <c r="AN4893">
        <v>2</v>
      </c>
      <c r="AO4893">
        <v>2</v>
      </c>
      <c r="AP4893">
        <v>2</v>
      </c>
      <c r="AQ4893">
        <v>2</v>
      </c>
    </row>
    <row r="4894" spans="1:43">
      <c r="A4894" t="s">
        <v>3088</v>
      </c>
      <c r="B4894" t="s">
        <v>3089</v>
      </c>
      <c r="C4894" t="s">
        <v>2970</v>
      </c>
      <c r="D4894" t="s">
        <v>2971</v>
      </c>
      <c r="E4894" t="s">
        <v>2928</v>
      </c>
      <c r="F4894" t="s">
        <v>2929</v>
      </c>
      <c r="G4894" t="s">
        <v>80</v>
      </c>
      <c r="H4894" t="s">
        <v>81</v>
      </c>
      <c r="I4894" s="2">
        <v>1</v>
      </c>
      <c r="J4894" s="2">
        <v>0</v>
      </c>
      <c r="K4894" s="2">
        <v>0</v>
      </c>
      <c r="L4894" t="s">
        <v>120</v>
      </c>
      <c r="M4894" t="s">
        <v>83</v>
      </c>
      <c r="N4894" t="s">
        <v>84</v>
      </c>
      <c r="O4894" t="s">
        <v>85</v>
      </c>
      <c r="P4894" t="s">
        <v>86</v>
      </c>
      <c r="Q4894">
        <v>104</v>
      </c>
      <c r="R4894">
        <v>104</v>
      </c>
      <c r="S4894">
        <v>105</v>
      </c>
      <c r="T4894">
        <v>105</v>
      </c>
      <c r="U4894">
        <v>106</v>
      </c>
      <c r="V4894">
        <v>107</v>
      </c>
      <c r="W4894">
        <v>107</v>
      </c>
      <c r="X4894">
        <v>108</v>
      </c>
      <c r="Y4894">
        <v>108</v>
      </c>
      <c r="Z4894">
        <v>109</v>
      </c>
      <c r="AA4894">
        <v>109</v>
      </c>
      <c r="AB4894">
        <v>110</v>
      </c>
      <c r="AC4894">
        <v>110</v>
      </c>
      <c r="AD4894">
        <v>110</v>
      </c>
      <c r="AE4894">
        <v>111</v>
      </c>
      <c r="AF4894">
        <v>111</v>
      </c>
      <c r="AG4894">
        <v>112</v>
      </c>
      <c r="AH4894">
        <v>112</v>
      </c>
      <c r="AI4894">
        <v>112</v>
      </c>
      <c r="AJ4894">
        <v>113</v>
      </c>
      <c r="AK4894">
        <v>113</v>
      </c>
      <c r="AL4894">
        <v>113</v>
      </c>
      <c r="AM4894">
        <v>112</v>
      </c>
      <c r="AN4894">
        <v>112</v>
      </c>
      <c r="AO4894">
        <v>111</v>
      </c>
      <c r="AP4894">
        <v>111</v>
      </c>
      <c r="AQ4894">
        <v>110</v>
      </c>
    </row>
    <row r="4895" spans="1:43">
      <c r="A4895" t="s">
        <v>3088</v>
      </c>
      <c r="B4895" t="s">
        <v>3089</v>
      </c>
      <c r="C4895" t="s">
        <v>2970</v>
      </c>
      <c r="D4895" t="s">
        <v>2971</v>
      </c>
      <c r="E4895" t="s">
        <v>2928</v>
      </c>
      <c r="F4895" t="s">
        <v>2929</v>
      </c>
      <c r="G4895" t="s">
        <v>80</v>
      </c>
      <c r="H4895" t="s">
        <v>81</v>
      </c>
      <c r="I4895" s="2">
        <v>1</v>
      </c>
      <c r="J4895" s="2">
        <v>0</v>
      </c>
      <c r="K4895" s="2">
        <v>0</v>
      </c>
      <c r="L4895" t="s">
        <v>120</v>
      </c>
      <c r="M4895" t="s">
        <v>87</v>
      </c>
      <c r="N4895" t="s">
        <v>88</v>
      </c>
      <c r="O4895" t="s">
        <v>85</v>
      </c>
      <c r="P4895" t="s">
        <v>86</v>
      </c>
      <c r="Q4895">
        <v>104</v>
      </c>
      <c r="R4895">
        <v>103</v>
      </c>
      <c r="S4895">
        <v>103</v>
      </c>
      <c r="T4895">
        <v>103</v>
      </c>
      <c r="U4895">
        <v>102</v>
      </c>
      <c r="V4895">
        <v>102</v>
      </c>
      <c r="W4895">
        <v>102</v>
      </c>
      <c r="X4895">
        <v>101</v>
      </c>
      <c r="Y4895">
        <v>101</v>
      </c>
      <c r="Z4895">
        <v>101</v>
      </c>
      <c r="AA4895">
        <v>100</v>
      </c>
      <c r="AB4895">
        <v>100</v>
      </c>
      <c r="AC4895">
        <v>100</v>
      </c>
      <c r="AD4895">
        <v>100</v>
      </c>
      <c r="AE4895">
        <v>99</v>
      </c>
      <c r="AF4895">
        <v>99</v>
      </c>
      <c r="AG4895">
        <v>99</v>
      </c>
      <c r="AH4895">
        <v>98</v>
      </c>
      <c r="AI4895">
        <v>98</v>
      </c>
      <c r="AJ4895">
        <v>98</v>
      </c>
      <c r="AK4895">
        <v>98</v>
      </c>
      <c r="AL4895">
        <v>97</v>
      </c>
      <c r="AM4895">
        <v>97</v>
      </c>
      <c r="AN4895">
        <v>97</v>
      </c>
      <c r="AO4895">
        <v>97</v>
      </c>
      <c r="AP4895">
        <v>96</v>
      </c>
      <c r="AQ4895">
        <v>96</v>
      </c>
    </row>
    <row r="4896" spans="1:43">
      <c r="A4896" t="s">
        <v>3088</v>
      </c>
      <c r="B4896" t="s">
        <v>3089</v>
      </c>
      <c r="C4896" t="s">
        <v>2970</v>
      </c>
      <c r="D4896" t="s">
        <v>2971</v>
      </c>
      <c r="E4896" t="s">
        <v>2928</v>
      </c>
      <c r="F4896" t="s">
        <v>2929</v>
      </c>
      <c r="G4896" t="s">
        <v>80</v>
      </c>
      <c r="H4896" t="s">
        <v>81</v>
      </c>
      <c r="I4896" s="2">
        <v>1</v>
      </c>
      <c r="J4896" s="2">
        <v>0</v>
      </c>
      <c r="K4896" s="2">
        <v>0</v>
      </c>
      <c r="L4896" t="s">
        <v>120</v>
      </c>
      <c r="M4896" t="s">
        <v>89</v>
      </c>
      <c r="N4896" t="s">
        <v>90</v>
      </c>
      <c r="O4896" t="s">
        <v>85</v>
      </c>
      <c r="P4896" t="s">
        <v>86</v>
      </c>
      <c r="Q4896">
        <v>104</v>
      </c>
      <c r="R4896">
        <v>105</v>
      </c>
      <c r="S4896">
        <v>106</v>
      </c>
      <c r="T4896">
        <v>108</v>
      </c>
      <c r="U4896">
        <v>109</v>
      </c>
      <c r="V4896">
        <v>110</v>
      </c>
      <c r="W4896">
        <v>111</v>
      </c>
      <c r="X4896">
        <v>112</v>
      </c>
      <c r="Y4896">
        <v>113</v>
      </c>
      <c r="Z4896">
        <v>114</v>
      </c>
      <c r="AA4896">
        <v>115</v>
      </c>
      <c r="AB4896">
        <v>116</v>
      </c>
      <c r="AC4896">
        <v>117</v>
      </c>
      <c r="AD4896">
        <v>118</v>
      </c>
      <c r="AE4896">
        <v>118</v>
      </c>
      <c r="AF4896">
        <v>117</v>
      </c>
      <c r="AG4896">
        <v>117</v>
      </c>
      <c r="AH4896">
        <v>116</v>
      </c>
      <c r="AI4896">
        <v>116</v>
      </c>
      <c r="AJ4896">
        <v>115</v>
      </c>
      <c r="AK4896">
        <v>115</v>
      </c>
      <c r="AL4896">
        <v>114</v>
      </c>
      <c r="AM4896">
        <v>113</v>
      </c>
      <c r="AN4896">
        <v>113</v>
      </c>
      <c r="AO4896">
        <v>112</v>
      </c>
      <c r="AP4896">
        <v>112</v>
      </c>
      <c r="AQ4896">
        <v>111</v>
      </c>
    </row>
    <row r="4897" spans="1:43">
      <c r="A4897" t="s">
        <v>3088</v>
      </c>
      <c r="B4897" t="s">
        <v>3089</v>
      </c>
      <c r="C4897" t="s">
        <v>2970</v>
      </c>
      <c r="D4897" t="s">
        <v>2971</v>
      </c>
      <c r="E4897" t="s">
        <v>2928</v>
      </c>
      <c r="F4897" t="s">
        <v>2929</v>
      </c>
      <c r="G4897" t="s">
        <v>80</v>
      </c>
      <c r="H4897" t="s">
        <v>81</v>
      </c>
      <c r="I4897" s="2">
        <v>1</v>
      </c>
      <c r="J4897" s="2">
        <v>0</v>
      </c>
      <c r="K4897" s="2">
        <v>0</v>
      </c>
      <c r="L4897" t="s">
        <v>120</v>
      </c>
      <c r="M4897" t="s">
        <v>83</v>
      </c>
      <c r="N4897" t="s">
        <v>91</v>
      </c>
      <c r="O4897" t="s">
        <v>85</v>
      </c>
      <c r="P4897" t="s">
        <v>86</v>
      </c>
      <c r="Q4897">
        <v>104</v>
      </c>
      <c r="R4897">
        <v>104</v>
      </c>
      <c r="S4897">
        <v>105</v>
      </c>
      <c r="T4897">
        <v>105</v>
      </c>
      <c r="U4897">
        <v>106</v>
      </c>
      <c r="V4897">
        <v>107</v>
      </c>
      <c r="W4897">
        <v>107</v>
      </c>
      <c r="X4897">
        <v>108</v>
      </c>
      <c r="Y4897">
        <v>108</v>
      </c>
      <c r="Z4897">
        <v>109</v>
      </c>
      <c r="AA4897">
        <v>109</v>
      </c>
      <c r="AB4897">
        <v>110</v>
      </c>
      <c r="AC4897">
        <v>110</v>
      </c>
      <c r="AD4897">
        <v>110</v>
      </c>
      <c r="AE4897">
        <v>111</v>
      </c>
      <c r="AF4897">
        <v>111</v>
      </c>
      <c r="AG4897">
        <v>112</v>
      </c>
      <c r="AH4897">
        <v>112</v>
      </c>
      <c r="AI4897">
        <v>112</v>
      </c>
      <c r="AJ4897">
        <v>113</v>
      </c>
      <c r="AK4897">
        <v>113</v>
      </c>
      <c r="AL4897">
        <v>113</v>
      </c>
      <c r="AM4897">
        <v>112</v>
      </c>
      <c r="AN4897">
        <v>112</v>
      </c>
      <c r="AO4897">
        <v>111</v>
      </c>
      <c r="AP4897">
        <v>111</v>
      </c>
      <c r="AQ4897">
        <v>110</v>
      </c>
    </row>
    <row r="4898" spans="1:43">
      <c r="A4898" t="s">
        <v>3090</v>
      </c>
      <c r="B4898" t="s">
        <v>3091</v>
      </c>
      <c r="C4898" t="s">
        <v>3092</v>
      </c>
      <c r="D4898" t="s">
        <v>3093</v>
      </c>
      <c r="E4898" t="s">
        <v>2928</v>
      </c>
      <c r="F4898" t="s">
        <v>2929</v>
      </c>
      <c r="G4898" t="s">
        <v>80</v>
      </c>
      <c r="H4898" t="s">
        <v>81</v>
      </c>
      <c r="I4898" s="2">
        <v>1</v>
      </c>
      <c r="J4898" s="2">
        <v>0</v>
      </c>
      <c r="K4898" s="2">
        <v>0</v>
      </c>
      <c r="L4898" t="s">
        <v>120</v>
      </c>
      <c r="M4898" t="s">
        <v>83</v>
      </c>
      <c r="N4898" t="s">
        <v>84</v>
      </c>
      <c r="O4898" t="s">
        <v>85</v>
      </c>
      <c r="P4898" t="s">
        <v>86</v>
      </c>
      <c r="Q4898">
        <v>22</v>
      </c>
      <c r="R4898">
        <v>22</v>
      </c>
      <c r="S4898">
        <v>22</v>
      </c>
      <c r="T4898">
        <v>22</v>
      </c>
      <c r="U4898">
        <v>22</v>
      </c>
      <c r="V4898">
        <v>23</v>
      </c>
      <c r="W4898">
        <v>23</v>
      </c>
      <c r="X4898">
        <v>23</v>
      </c>
      <c r="Y4898">
        <v>23</v>
      </c>
      <c r="Z4898">
        <v>23</v>
      </c>
      <c r="AA4898">
        <v>23</v>
      </c>
      <c r="AB4898">
        <v>23</v>
      </c>
      <c r="AC4898">
        <v>23</v>
      </c>
      <c r="AD4898">
        <v>23</v>
      </c>
      <c r="AE4898">
        <v>24</v>
      </c>
      <c r="AF4898">
        <v>24</v>
      </c>
      <c r="AG4898">
        <v>24</v>
      </c>
      <c r="AH4898">
        <v>24</v>
      </c>
      <c r="AI4898">
        <v>24</v>
      </c>
      <c r="AJ4898">
        <v>24</v>
      </c>
      <c r="AK4898">
        <v>24</v>
      </c>
      <c r="AL4898">
        <v>24</v>
      </c>
      <c r="AM4898">
        <v>24</v>
      </c>
      <c r="AN4898">
        <v>24</v>
      </c>
      <c r="AO4898">
        <v>24</v>
      </c>
      <c r="AP4898">
        <v>24</v>
      </c>
      <c r="AQ4898">
        <v>24</v>
      </c>
    </row>
    <row r="4899" spans="1:43">
      <c r="A4899" t="s">
        <v>3090</v>
      </c>
      <c r="B4899" t="s">
        <v>3091</v>
      </c>
      <c r="C4899" t="s">
        <v>3092</v>
      </c>
      <c r="D4899" t="s">
        <v>3093</v>
      </c>
      <c r="E4899" t="s">
        <v>2928</v>
      </c>
      <c r="F4899" t="s">
        <v>2929</v>
      </c>
      <c r="G4899" t="s">
        <v>80</v>
      </c>
      <c r="H4899" t="s">
        <v>81</v>
      </c>
      <c r="I4899" s="2">
        <v>1</v>
      </c>
      <c r="J4899" s="2">
        <v>0</v>
      </c>
      <c r="K4899" s="2">
        <v>0</v>
      </c>
      <c r="L4899" t="s">
        <v>120</v>
      </c>
      <c r="M4899" t="s">
        <v>87</v>
      </c>
      <c r="N4899" t="s">
        <v>88</v>
      </c>
      <c r="O4899" t="s">
        <v>85</v>
      </c>
      <c r="P4899" t="s">
        <v>86</v>
      </c>
      <c r="Q4899">
        <v>22</v>
      </c>
      <c r="R4899">
        <v>22</v>
      </c>
      <c r="S4899">
        <v>22</v>
      </c>
      <c r="T4899">
        <v>22</v>
      </c>
      <c r="U4899">
        <v>21</v>
      </c>
      <c r="V4899">
        <v>21</v>
      </c>
      <c r="W4899">
        <v>21</v>
      </c>
      <c r="X4899">
        <v>21</v>
      </c>
      <c r="Y4899">
        <v>21</v>
      </c>
      <c r="Z4899">
        <v>21</v>
      </c>
      <c r="AA4899">
        <v>21</v>
      </c>
      <c r="AB4899">
        <v>21</v>
      </c>
      <c r="AC4899">
        <v>21</v>
      </c>
      <c r="AD4899">
        <v>21</v>
      </c>
      <c r="AE4899">
        <v>21</v>
      </c>
      <c r="AF4899">
        <v>21</v>
      </c>
      <c r="AG4899">
        <v>21</v>
      </c>
      <c r="AH4899">
        <v>21</v>
      </c>
      <c r="AI4899">
        <v>21</v>
      </c>
      <c r="AJ4899">
        <v>21</v>
      </c>
      <c r="AK4899">
        <v>21</v>
      </c>
      <c r="AL4899">
        <v>20</v>
      </c>
      <c r="AM4899">
        <v>20</v>
      </c>
      <c r="AN4899">
        <v>20</v>
      </c>
      <c r="AO4899">
        <v>20</v>
      </c>
      <c r="AP4899">
        <v>20</v>
      </c>
      <c r="AQ4899">
        <v>20</v>
      </c>
    </row>
    <row r="4900" spans="1:43">
      <c r="A4900" t="s">
        <v>3090</v>
      </c>
      <c r="B4900" t="s">
        <v>3091</v>
      </c>
      <c r="C4900" t="s">
        <v>3092</v>
      </c>
      <c r="D4900" t="s">
        <v>3093</v>
      </c>
      <c r="E4900" t="s">
        <v>2928</v>
      </c>
      <c r="F4900" t="s">
        <v>2929</v>
      </c>
      <c r="G4900" t="s">
        <v>80</v>
      </c>
      <c r="H4900" t="s">
        <v>81</v>
      </c>
      <c r="I4900" s="2">
        <v>1</v>
      </c>
      <c r="J4900" s="2">
        <v>0</v>
      </c>
      <c r="K4900" s="2">
        <v>0</v>
      </c>
      <c r="L4900" t="s">
        <v>120</v>
      </c>
      <c r="M4900" t="s">
        <v>89</v>
      </c>
      <c r="N4900" t="s">
        <v>90</v>
      </c>
      <c r="O4900" t="s">
        <v>85</v>
      </c>
      <c r="P4900" t="s">
        <v>86</v>
      </c>
      <c r="Q4900">
        <v>22</v>
      </c>
      <c r="R4900">
        <v>22</v>
      </c>
      <c r="S4900">
        <v>23</v>
      </c>
      <c r="T4900">
        <v>23</v>
      </c>
      <c r="U4900">
        <v>23</v>
      </c>
      <c r="V4900">
        <v>24</v>
      </c>
      <c r="W4900">
        <v>24</v>
      </c>
      <c r="X4900">
        <v>24</v>
      </c>
      <c r="Y4900">
        <v>24</v>
      </c>
      <c r="Z4900">
        <v>24</v>
      </c>
      <c r="AA4900">
        <v>25</v>
      </c>
      <c r="AB4900">
        <v>25</v>
      </c>
      <c r="AC4900">
        <v>25</v>
      </c>
      <c r="AD4900">
        <v>25</v>
      </c>
      <c r="AE4900">
        <v>25</v>
      </c>
      <c r="AF4900">
        <v>25</v>
      </c>
      <c r="AG4900">
        <v>25</v>
      </c>
      <c r="AH4900">
        <v>25</v>
      </c>
      <c r="AI4900">
        <v>25</v>
      </c>
      <c r="AJ4900">
        <v>25</v>
      </c>
      <c r="AK4900">
        <v>25</v>
      </c>
      <c r="AL4900">
        <v>25</v>
      </c>
      <c r="AM4900">
        <v>24</v>
      </c>
      <c r="AN4900">
        <v>24</v>
      </c>
      <c r="AO4900">
        <v>24</v>
      </c>
      <c r="AP4900">
        <v>24</v>
      </c>
      <c r="AQ4900">
        <v>24</v>
      </c>
    </row>
    <row r="4901" spans="1:43">
      <c r="A4901" t="s">
        <v>3090</v>
      </c>
      <c r="B4901" t="s">
        <v>3091</v>
      </c>
      <c r="C4901" t="s">
        <v>3092</v>
      </c>
      <c r="D4901" t="s">
        <v>3093</v>
      </c>
      <c r="E4901" t="s">
        <v>2928</v>
      </c>
      <c r="F4901" t="s">
        <v>2929</v>
      </c>
      <c r="G4901" t="s">
        <v>80</v>
      </c>
      <c r="H4901" t="s">
        <v>81</v>
      </c>
      <c r="I4901" s="2">
        <v>1</v>
      </c>
      <c r="J4901" s="2">
        <v>0</v>
      </c>
      <c r="K4901" s="2">
        <v>0</v>
      </c>
      <c r="L4901" t="s">
        <v>120</v>
      </c>
      <c r="M4901" t="s">
        <v>83</v>
      </c>
      <c r="N4901" t="s">
        <v>91</v>
      </c>
      <c r="O4901" t="s">
        <v>85</v>
      </c>
      <c r="P4901" t="s">
        <v>86</v>
      </c>
      <c r="Q4901">
        <v>22</v>
      </c>
      <c r="R4901">
        <v>22</v>
      </c>
      <c r="S4901">
        <v>22</v>
      </c>
      <c r="T4901">
        <v>22</v>
      </c>
      <c r="U4901">
        <v>22</v>
      </c>
      <c r="V4901">
        <v>23</v>
      </c>
      <c r="W4901">
        <v>23</v>
      </c>
      <c r="X4901">
        <v>23</v>
      </c>
      <c r="Y4901">
        <v>23</v>
      </c>
      <c r="Z4901">
        <v>23</v>
      </c>
      <c r="AA4901">
        <v>23</v>
      </c>
      <c r="AB4901">
        <v>23</v>
      </c>
      <c r="AC4901">
        <v>23</v>
      </c>
      <c r="AD4901">
        <v>23</v>
      </c>
      <c r="AE4901">
        <v>24</v>
      </c>
      <c r="AF4901">
        <v>24</v>
      </c>
      <c r="AG4901">
        <v>24</v>
      </c>
      <c r="AH4901">
        <v>24</v>
      </c>
      <c r="AI4901">
        <v>24</v>
      </c>
      <c r="AJ4901">
        <v>24</v>
      </c>
      <c r="AK4901">
        <v>24</v>
      </c>
      <c r="AL4901">
        <v>24</v>
      </c>
      <c r="AM4901">
        <v>24</v>
      </c>
      <c r="AN4901">
        <v>24</v>
      </c>
      <c r="AO4901">
        <v>24</v>
      </c>
      <c r="AP4901">
        <v>24</v>
      </c>
      <c r="AQ4901">
        <v>24</v>
      </c>
    </row>
    <row r="4902" spans="1:43">
      <c r="A4902" t="s">
        <v>3094</v>
      </c>
      <c r="B4902" t="s">
        <v>3095</v>
      </c>
      <c r="C4902" t="s">
        <v>3092</v>
      </c>
      <c r="D4902" t="s">
        <v>3093</v>
      </c>
      <c r="E4902" t="s">
        <v>2928</v>
      </c>
      <c r="F4902" t="s">
        <v>2929</v>
      </c>
      <c r="G4902" t="s">
        <v>80</v>
      </c>
      <c r="H4902" t="s">
        <v>81</v>
      </c>
      <c r="I4902" s="2">
        <v>1</v>
      </c>
      <c r="J4902" s="2">
        <v>0</v>
      </c>
      <c r="K4902" s="2">
        <v>0</v>
      </c>
      <c r="L4902" t="s">
        <v>120</v>
      </c>
      <c r="M4902" t="s">
        <v>83</v>
      </c>
      <c r="N4902" t="s">
        <v>84</v>
      </c>
      <c r="O4902" t="s">
        <v>85</v>
      </c>
      <c r="P4902" t="s">
        <v>86</v>
      </c>
      <c r="Q4902">
        <v>17</v>
      </c>
      <c r="R4902">
        <v>17</v>
      </c>
      <c r="S4902">
        <v>17</v>
      </c>
      <c r="T4902">
        <v>17</v>
      </c>
      <c r="U4902">
        <v>17</v>
      </c>
      <c r="V4902">
        <v>17</v>
      </c>
      <c r="W4902">
        <v>17</v>
      </c>
      <c r="X4902">
        <v>17</v>
      </c>
      <c r="Y4902">
        <v>17</v>
      </c>
      <c r="Z4902">
        <v>17</v>
      </c>
      <c r="AA4902">
        <v>17</v>
      </c>
      <c r="AB4902">
        <v>17</v>
      </c>
      <c r="AC4902">
        <v>17</v>
      </c>
      <c r="AD4902">
        <v>17</v>
      </c>
      <c r="AE4902">
        <v>18</v>
      </c>
      <c r="AF4902">
        <v>18</v>
      </c>
      <c r="AG4902">
        <v>18</v>
      </c>
      <c r="AH4902">
        <v>18</v>
      </c>
      <c r="AI4902">
        <v>18</v>
      </c>
      <c r="AJ4902">
        <v>18</v>
      </c>
      <c r="AK4902">
        <v>18</v>
      </c>
      <c r="AL4902">
        <v>18</v>
      </c>
      <c r="AM4902">
        <v>17</v>
      </c>
      <c r="AN4902">
        <v>17</v>
      </c>
      <c r="AO4902">
        <v>17</v>
      </c>
      <c r="AP4902">
        <v>17</v>
      </c>
      <c r="AQ4902">
        <v>17</v>
      </c>
    </row>
    <row r="4903" spans="1:43">
      <c r="A4903" t="s">
        <v>3094</v>
      </c>
      <c r="B4903" t="s">
        <v>3095</v>
      </c>
      <c r="C4903" t="s">
        <v>3092</v>
      </c>
      <c r="D4903" t="s">
        <v>3093</v>
      </c>
      <c r="E4903" t="s">
        <v>2928</v>
      </c>
      <c r="F4903" t="s">
        <v>2929</v>
      </c>
      <c r="G4903" t="s">
        <v>80</v>
      </c>
      <c r="H4903" t="s">
        <v>81</v>
      </c>
      <c r="I4903" s="2">
        <v>1</v>
      </c>
      <c r="J4903" s="2">
        <v>0</v>
      </c>
      <c r="K4903" s="2">
        <v>0</v>
      </c>
      <c r="L4903" t="s">
        <v>120</v>
      </c>
      <c r="M4903" t="s">
        <v>87</v>
      </c>
      <c r="N4903" t="s">
        <v>88</v>
      </c>
      <c r="O4903" t="s">
        <v>85</v>
      </c>
      <c r="P4903" t="s">
        <v>86</v>
      </c>
      <c r="Q4903">
        <v>17</v>
      </c>
      <c r="R4903">
        <v>17</v>
      </c>
      <c r="S4903">
        <v>17</v>
      </c>
      <c r="T4903">
        <v>16</v>
      </c>
      <c r="U4903">
        <v>16</v>
      </c>
      <c r="V4903">
        <v>16</v>
      </c>
      <c r="W4903">
        <v>16</v>
      </c>
      <c r="X4903">
        <v>16</v>
      </c>
      <c r="Y4903">
        <v>16</v>
      </c>
      <c r="Z4903">
        <v>16</v>
      </c>
      <c r="AA4903">
        <v>16</v>
      </c>
      <c r="AB4903">
        <v>16</v>
      </c>
      <c r="AC4903">
        <v>16</v>
      </c>
      <c r="AD4903">
        <v>16</v>
      </c>
      <c r="AE4903">
        <v>16</v>
      </c>
      <c r="AF4903">
        <v>15</v>
      </c>
      <c r="AG4903">
        <v>15</v>
      </c>
      <c r="AH4903">
        <v>15</v>
      </c>
      <c r="AI4903">
        <v>15</v>
      </c>
      <c r="AJ4903">
        <v>15</v>
      </c>
      <c r="AK4903">
        <v>15</v>
      </c>
      <c r="AL4903">
        <v>15</v>
      </c>
      <c r="AM4903">
        <v>15</v>
      </c>
      <c r="AN4903">
        <v>15</v>
      </c>
      <c r="AO4903">
        <v>15</v>
      </c>
      <c r="AP4903">
        <v>15</v>
      </c>
      <c r="AQ4903">
        <v>15</v>
      </c>
    </row>
    <row r="4904" spans="1:43">
      <c r="A4904" t="s">
        <v>3094</v>
      </c>
      <c r="B4904" t="s">
        <v>3095</v>
      </c>
      <c r="C4904" t="s">
        <v>3092</v>
      </c>
      <c r="D4904" t="s">
        <v>3093</v>
      </c>
      <c r="E4904" t="s">
        <v>2928</v>
      </c>
      <c r="F4904" t="s">
        <v>2929</v>
      </c>
      <c r="G4904" t="s">
        <v>80</v>
      </c>
      <c r="H4904" t="s">
        <v>81</v>
      </c>
      <c r="I4904" s="2">
        <v>1</v>
      </c>
      <c r="J4904" s="2">
        <v>0</v>
      </c>
      <c r="K4904" s="2">
        <v>0</v>
      </c>
      <c r="L4904" t="s">
        <v>120</v>
      </c>
      <c r="M4904" t="s">
        <v>89</v>
      </c>
      <c r="N4904" t="s">
        <v>90</v>
      </c>
      <c r="O4904" t="s">
        <v>85</v>
      </c>
      <c r="P4904" t="s">
        <v>86</v>
      </c>
      <c r="Q4904">
        <v>17</v>
      </c>
      <c r="R4904">
        <v>17</v>
      </c>
      <c r="S4904">
        <v>17</v>
      </c>
      <c r="T4904">
        <v>18</v>
      </c>
      <c r="U4904">
        <v>18</v>
      </c>
      <c r="V4904">
        <v>18</v>
      </c>
      <c r="W4904">
        <v>18</v>
      </c>
      <c r="X4904">
        <v>18</v>
      </c>
      <c r="Y4904">
        <v>18</v>
      </c>
      <c r="Z4904">
        <v>18</v>
      </c>
      <c r="AA4904">
        <v>19</v>
      </c>
      <c r="AB4904">
        <v>19</v>
      </c>
      <c r="AC4904">
        <v>19</v>
      </c>
      <c r="AD4904">
        <v>19</v>
      </c>
      <c r="AE4904">
        <v>19</v>
      </c>
      <c r="AF4904">
        <v>19</v>
      </c>
      <c r="AG4904">
        <v>18</v>
      </c>
      <c r="AH4904">
        <v>18</v>
      </c>
      <c r="AI4904">
        <v>18</v>
      </c>
      <c r="AJ4904">
        <v>18</v>
      </c>
      <c r="AK4904">
        <v>18</v>
      </c>
      <c r="AL4904">
        <v>18</v>
      </c>
      <c r="AM4904">
        <v>18</v>
      </c>
      <c r="AN4904">
        <v>17</v>
      </c>
      <c r="AO4904">
        <v>17</v>
      </c>
      <c r="AP4904">
        <v>17</v>
      </c>
      <c r="AQ4904">
        <v>17</v>
      </c>
    </row>
    <row r="4905" spans="1:43">
      <c r="A4905" t="s">
        <v>3094</v>
      </c>
      <c r="B4905" t="s">
        <v>3095</v>
      </c>
      <c r="C4905" t="s">
        <v>3092</v>
      </c>
      <c r="D4905" t="s">
        <v>3093</v>
      </c>
      <c r="E4905" t="s">
        <v>2928</v>
      </c>
      <c r="F4905" t="s">
        <v>2929</v>
      </c>
      <c r="G4905" t="s">
        <v>80</v>
      </c>
      <c r="H4905" t="s">
        <v>81</v>
      </c>
      <c r="I4905" s="2">
        <v>1</v>
      </c>
      <c r="J4905" s="2">
        <v>0</v>
      </c>
      <c r="K4905" s="2">
        <v>0</v>
      </c>
      <c r="L4905" t="s">
        <v>120</v>
      </c>
      <c r="M4905" t="s">
        <v>83</v>
      </c>
      <c r="N4905" t="s">
        <v>91</v>
      </c>
      <c r="O4905" t="s">
        <v>85</v>
      </c>
      <c r="P4905" t="s">
        <v>86</v>
      </c>
      <c r="Q4905">
        <v>17</v>
      </c>
      <c r="R4905">
        <v>17</v>
      </c>
      <c r="S4905">
        <v>17</v>
      </c>
      <c r="T4905">
        <v>17</v>
      </c>
      <c r="U4905">
        <v>17</v>
      </c>
      <c r="V4905">
        <v>17</v>
      </c>
      <c r="W4905">
        <v>17</v>
      </c>
      <c r="X4905">
        <v>17</v>
      </c>
      <c r="Y4905">
        <v>17</v>
      </c>
      <c r="Z4905">
        <v>17</v>
      </c>
      <c r="AA4905">
        <v>17</v>
      </c>
      <c r="AB4905">
        <v>17</v>
      </c>
      <c r="AC4905">
        <v>17</v>
      </c>
      <c r="AD4905">
        <v>17</v>
      </c>
      <c r="AE4905">
        <v>18</v>
      </c>
      <c r="AF4905">
        <v>18</v>
      </c>
      <c r="AG4905">
        <v>18</v>
      </c>
      <c r="AH4905">
        <v>18</v>
      </c>
      <c r="AI4905">
        <v>18</v>
      </c>
      <c r="AJ4905">
        <v>18</v>
      </c>
      <c r="AK4905">
        <v>18</v>
      </c>
      <c r="AL4905">
        <v>18</v>
      </c>
      <c r="AM4905">
        <v>17</v>
      </c>
      <c r="AN4905">
        <v>17</v>
      </c>
      <c r="AO4905">
        <v>17</v>
      </c>
      <c r="AP4905">
        <v>17</v>
      </c>
      <c r="AQ4905">
        <v>17</v>
      </c>
    </row>
    <row r="4906" spans="1:43">
      <c r="A4906" t="s">
        <v>3096</v>
      </c>
      <c r="B4906" t="s">
        <v>3097</v>
      </c>
      <c r="C4906" t="s">
        <v>3092</v>
      </c>
      <c r="D4906" t="s">
        <v>3093</v>
      </c>
      <c r="E4906" t="s">
        <v>2928</v>
      </c>
      <c r="F4906" t="s">
        <v>2929</v>
      </c>
      <c r="G4906" t="s">
        <v>80</v>
      </c>
      <c r="H4906" t="s">
        <v>81</v>
      </c>
      <c r="I4906" s="2">
        <v>1</v>
      </c>
      <c r="J4906" s="2">
        <v>0</v>
      </c>
      <c r="K4906" s="2">
        <v>0</v>
      </c>
      <c r="L4906" t="s">
        <v>120</v>
      </c>
      <c r="M4906" t="s">
        <v>83</v>
      </c>
      <c r="N4906" t="s">
        <v>84</v>
      </c>
      <c r="O4906" t="s">
        <v>85</v>
      </c>
      <c r="P4906" t="s">
        <v>86</v>
      </c>
      <c r="Q4906">
        <v>16</v>
      </c>
      <c r="R4906">
        <v>16</v>
      </c>
      <c r="S4906">
        <v>16</v>
      </c>
      <c r="T4906">
        <v>16</v>
      </c>
      <c r="U4906">
        <v>16</v>
      </c>
      <c r="V4906">
        <v>16</v>
      </c>
      <c r="W4906">
        <v>16</v>
      </c>
      <c r="X4906">
        <v>16</v>
      </c>
      <c r="Y4906">
        <v>16</v>
      </c>
      <c r="Z4906">
        <v>16</v>
      </c>
      <c r="AA4906">
        <v>16</v>
      </c>
      <c r="AB4906">
        <v>16</v>
      </c>
      <c r="AC4906">
        <v>16</v>
      </c>
      <c r="AD4906">
        <v>16</v>
      </c>
      <c r="AE4906">
        <v>16</v>
      </c>
      <c r="AF4906">
        <v>16</v>
      </c>
      <c r="AG4906">
        <v>16</v>
      </c>
      <c r="AH4906">
        <v>16</v>
      </c>
      <c r="AI4906">
        <v>16</v>
      </c>
      <c r="AJ4906">
        <v>16</v>
      </c>
      <c r="AK4906">
        <v>16</v>
      </c>
      <c r="AL4906">
        <v>16</v>
      </c>
      <c r="AM4906">
        <v>16</v>
      </c>
      <c r="AN4906">
        <v>16</v>
      </c>
      <c r="AO4906">
        <v>16</v>
      </c>
      <c r="AP4906">
        <v>16</v>
      </c>
      <c r="AQ4906">
        <v>15</v>
      </c>
    </row>
    <row r="4907" spans="1:43">
      <c r="A4907" t="s">
        <v>3096</v>
      </c>
      <c r="B4907" t="s">
        <v>3097</v>
      </c>
      <c r="C4907" t="s">
        <v>3092</v>
      </c>
      <c r="D4907" t="s">
        <v>3093</v>
      </c>
      <c r="E4907" t="s">
        <v>2928</v>
      </c>
      <c r="F4907" t="s">
        <v>2929</v>
      </c>
      <c r="G4907" t="s">
        <v>80</v>
      </c>
      <c r="H4907" t="s">
        <v>81</v>
      </c>
      <c r="I4907" s="2">
        <v>1</v>
      </c>
      <c r="J4907" s="2">
        <v>0</v>
      </c>
      <c r="K4907" s="2">
        <v>0</v>
      </c>
      <c r="L4907" t="s">
        <v>120</v>
      </c>
      <c r="M4907" t="s">
        <v>87</v>
      </c>
      <c r="N4907" t="s">
        <v>88</v>
      </c>
      <c r="O4907" t="s">
        <v>85</v>
      </c>
      <c r="P4907" t="s">
        <v>86</v>
      </c>
      <c r="Q4907">
        <v>16</v>
      </c>
      <c r="R4907">
        <v>16</v>
      </c>
      <c r="S4907">
        <v>16</v>
      </c>
      <c r="T4907">
        <v>16</v>
      </c>
      <c r="U4907">
        <v>16</v>
      </c>
      <c r="V4907">
        <v>16</v>
      </c>
      <c r="W4907">
        <v>16</v>
      </c>
      <c r="X4907">
        <v>16</v>
      </c>
      <c r="Y4907">
        <v>16</v>
      </c>
      <c r="Z4907">
        <v>16</v>
      </c>
      <c r="AA4907">
        <v>16</v>
      </c>
      <c r="AB4907">
        <v>16</v>
      </c>
      <c r="AC4907">
        <v>15</v>
      </c>
      <c r="AD4907">
        <v>15</v>
      </c>
      <c r="AE4907">
        <v>15</v>
      </c>
      <c r="AF4907">
        <v>15</v>
      </c>
      <c r="AG4907">
        <v>15</v>
      </c>
      <c r="AH4907">
        <v>15</v>
      </c>
      <c r="AI4907">
        <v>15</v>
      </c>
      <c r="AJ4907">
        <v>15</v>
      </c>
      <c r="AK4907">
        <v>15</v>
      </c>
      <c r="AL4907">
        <v>15</v>
      </c>
      <c r="AM4907">
        <v>15</v>
      </c>
      <c r="AN4907">
        <v>15</v>
      </c>
      <c r="AO4907">
        <v>15</v>
      </c>
      <c r="AP4907">
        <v>15</v>
      </c>
      <c r="AQ4907">
        <v>14</v>
      </c>
    </row>
    <row r="4908" spans="1:43">
      <c r="A4908" t="s">
        <v>3096</v>
      </c>
      <c r="B4908" t="s">
        <v>3097</v>
      </c>
      <c r="C4908" t="s">
        <v>3092</v>
      </c>
      <c r="D4908" t="s">
        <v>3093</v>
      </c>
      <c r="E4908" t="s">
        <v>2928</v>
      </c>
      <c r="F4908" t="s">
        <v>2929</v>
      </c>
      <c r="G4908" t="s">
        <v>80</v>
      </c>
      <c r="H4908" t="s">
        <v>81</v>
      </c>
      <c r="I4908" s="2">
        <v>1</v>
      </c>
      <c r="J4908" s="2">
        <v>0</v>
      </c>
      <c r="K4908" s="2">
        <v>0</v>
      </c>
      <c r="L4908" t="s">
        <v>120</v>
      </c>
      <c r="M4908" t="s">
        <v>89</v>
      </c>
      <c r="N4908" t="s">
        <v>90</v>
      </c>
      <c r="O4908" t="s">
        <v>85</v>
      </c>
      <c r="P4908" t="s">
        <v>86</v>
      </c>
      <c r="Q4908">
        <v>16</v>
      </c>
      <c r="R4908">
        <v>16</v>
      </c>
      <c r="S4908">
        <v>16</v>
      </c>
      <c r="T4908">
        <v>16</v>
      </c>
      <c r="U4908">
        <v>16</v>
      </c>
      <c r="V4908">
        <v>17</v>
      </c>
      <c r="W4908">
        <v>17</v>
      </c>
      <c r="X4908">
        <v>17</v>
      </c>
      <c r="Y4908">
        <v>17</v>
      </c>
      <c r="Z4908">
        <v>17</v>
      </c>
      <c r="AA4908">
        <v>17</v>
      </c>
      <c r="AB4908">
        <v>17</v>
      </c>
      <c r="AC4908">
        <v>17</v>
      </c>
      <c r="AD4908">
        <v>17</v>
      </c>
      <c r="AE4908">
        <v>17</v>
      </c>
      <c r="AF4908">
        <v>17</v>
      </c>
      <c r="AG4908">
        <v>17</v>
      </c>
      <c r="AH4908">
        <v>17</v>
      </c>
      <c r="AI4908">
        <v>17</v>
      </c>
      <c r="AJ4908">
        <v>16</v>
      </c>
      <c r="AK4908">
        <v>16</v>
      </c>
      <c r="AL4908">
        <v>16</v>
      </c>
      <c r="AM4908">
        <v>16</v>
      </c>
      <c r="AN4908">
        <v>16</v>
      </c>
      <c r="AO4908">
        <v>16</v>
      </c>
      <c r="AP4908">
        <v>16</v>
      </c>
      <c r="AQ4908">
        <v>16</v>
      </c>
    </row>
    <row r="4909" spans="1:43">
      <c r="A4909" t="s">
        <v>3096</v>
      </c>
      <c r="B4909" t="s">
        <v>3097</v>
      </c>
      <c r="C4909" t="s">
        <v>3092</v>
      </c>
      <c r="D4909" t="s">
        <v>3093</v>
      </c>
      <c r="E4909" t="s">
        <v>2928</v>
      </c>
      <c r="F4909" t="s">
        <v>2929</v>
      </c>
      <c r="G4909" t="s">
        <v>80</v>
      </c>
      <c r="H4909" t="s">
        <v>81</v>
      </c>
      <c r="I4909" s="2">
        <v>1</v>
      </c>
      <c r="J4909" s="2">
        <v>0</v>
      </c>
      <c r="K4909" s="2">
        <v>0</v>
      </c>
      <c r="L4909" t="s">
        <v>120</v>
      </c>
      <c r="M4909" t="s">
        <v>83</v>
      </c>
      <c r="N4909" t="s">
        <v>91</v>
      </c>
      <c r="O4909" t="s">
        <v>85</v>
      </c>
      <c r="P4909" t="s">
        <v>86</v>
      </c>
      <c r="Q4909">
        <v>16</v>
      </c>
      <c r="R4909">
        <v>16</v>
      </c>
      <c r="S4909">
        <v>16</v>
      </c>
      <c r="T4909">
        <v>16</v>
      </c>
      <c r="U4909">
        <v>16</v>
      </c>
      <c r="V4909">
        <v>16</v>
      </c>
      <c r="W4909">
        <v>16</v>
      </c>
      <c r="X4909">
        <v>16</v>
      </c>
      <c r="Y4909">
        <v>16</v>
      </c>
      <c r="Z4909">
        <v>16</v>
      </c>
      <c r="AA4909">
        <v>16</v>
      </c>
      <c r="AB4909">
        <v>16</v>
      </c>
      <c r="AC4909">
        <v>16</v>
      </c>
      <c r="AD4909">
        <v>16</v>
      </c>
      <c r="AE4909">
        <v>16</v>
      </c>
      <c r="AF4909">
        <v>16</v>
      </c>
      <c r="AG4909">
        <v>16</v>
      </c>
      <c r="AH4909">
        <v>16</v>
      </c>
      <c r="AI4909">
        <v>16</v>
      </c>
      <c r="AJ4909">
        <v>16</v>
      </c>
      <c r="AK4909">
        <v>16</v>
      </c>
      <c r="AL4909">
        <v>16</v>
      </c>
      <c r="AM4909">
        <v>16</v>
      </c>
      <c r="AN4909">
        <v>16</v>
      </c>
      <c r="AO4909">
        <v>16</v>
      </c>
      <c r="AP4909">
        <v>16</v>
      </c>
      <c r="AQ4909">
        <v>15</v>
      </c>
    </row>
    <row r="4910" spans="1:43">
      <c r="A4910" t="s">
        <v>3098</v>
      </c>
      <c r="B4910" t="s">
        <v>3099</v>
      </c>
      <c r="C4910" t="s">
        <v>3092</v>
      </c>
      <c r="D4910" t="s">
        <v>3093</v>
      </c>
      <c r="E4910" t="s">
        <v>2928</v>
      </c>
      <c r="F4910" t="s">
        <v>2929</v>
      </c>
      <c r="G4910" t="s">
        <v>80</v>
      </c>
      <c r="H4910" t="s">
        <v>81</v>
      </c>
      <c r="I4910" s="2">
        <v>1</v>
      </c>
      <c r="J4910" s="2">
        <v>0</v>
      </c>
      <c r="K4910" s="2">
        <v>0</v>
      </c>
      <c r="L4910" t="s">
        <v>120</v>
      </c>
      <c r="M4910" t="s">
        <v>83</v>
      </c>
      <c r="N4910" t="s">
        <v>84</v>
      </c>
      <c r="O4910" t="s">
        <v>85</v>
      </c>
      <c r="P4910" t="s">
        <v>86</v>
      </c>
      <c r="Q4910">
        <v>28</v>
      </c>
      <c r="R4910">
        <v>28</v>
      </c>
      <c r="S4910">
        <v>28</v>
      </c>
      <c r="T4910">
        <v>28</v>
      </c>
      <c r="U4910">
        <v>28</v>
      </c>
      <c r="V4910">
        <v>28</v>
      </c>
      <c r="W4910">
        <v>28</v>
      </c>
      <c r="X4910">
        <v>28</v>
      </c>
      <c r="Y4910">
        <v>29</v>
      </c>
      <c r="Z4910">
        <v>29</v>
      </c>
      <c r="AA4910">
        <v>29</v>
      </c>
      <c r="AB4910">
        <v>29</v>
      </c>
      <c r="AC4910">
        <v>29</v>
      </c>
      <c r="AD4910">
        <v>29</v>
      </c>
      <c r="AE4910">
        <v>29</v>
      </c>
      <c r="AF4910">
        <v>29</v>
      </c>
      <c r="AG4910">
        <v>29</v>
      </c>
      <c r="AH4910">
        <v>29</v>
      </c>
      <c r="AI4910">
        <v>29</v>
      </c>
      <c r="AJ4910">
        <v>29</v>
      </c>
      <c r="AK4910">
        <v>29</v>
      </c>
      <c r="AL4910">
        <v>29</v>
      </c>
      <c r="AM4910">
        <v>29</v>
      </c>
      <c r="AN4910">
        <v>28</v>
      </c>
      <c r="AO4910">
        <v>28</v>
      </c>
      <c r="AP4910">
        <v>28</v>
      </c>
      <c r="AQ4910">
        <v>28</v>
      </c>
    </row>
    <row r="4911" spans="1:43">
      <c r="A4911" t="s">
        <v>3098</v>
      </c>
      <c r="B4911" t="s">
        <v>3099</v>
      </c>
      <c r="C4911" t="s">
        <v>3092</v>
      </c>
      <c r="D4911" t="s">
        <v>3093</v>
      </c>
      <c r="E4911" t="s">
        <v>2928</v>
      </c>
      <c r="F4911" t="s">
        <v>2929</v>
      </c>
      <c r="G4911" t="s">
        <v>80</v>
      </c>
      <c r="H4911" t="s">
        <v>81</v>
      </c>
      <c r="I4911" s="2">
        <v>1</v>
      </c>
      <c r="J4911" s="2">
        <v>0</v>
      </c>
      <c r="K4911" s="2">
        <v>0</v>
      </c>
      <c r="L4911" t="s">
        <v>120</v>
      </c>
      <c r="M4911" t="s">
        <v>87</v>
      </c>
      <c r="N4911" t="s">
        <v>88</v>
      </c>
      <c r="O4911" t="s">
        <v>85</v>
      </c>
      <c r="P4911" t="s">
        <v>86</v>
      </c>
      <c r="Q4911">
        <v>28</v>
      </c>
      <c r="R4911">
        <v>27</v>
      </c>
      <c r="S4911">
        <v>27</v>
      </c>
      <c r="T4911">
        <v>27</v>
      </c>
      <c r="U4911">
        <v>27</v>
      </c>
      <c r="V4911">
        <v>27</v>
      </c>
      <c r="W4911">
        <v>27</v>
      </c>
      <c r="X4911">
        <v>27</v>
      </c>
      <c r="Y4911">
        <v>26</v>
      </c>
      <c r="Z4911">
        <v>26</v>
      </c>
      <c r="AA4911">
        <v>26</v>
      </c>
      <c r="AB4911">
        <v>26</v>
      </c>
      <c r="AC4911">
        <v>26</v>
      </c>
      <c r="AD4911">
        <v>26</v>
      </c>
      <c r="AE4911">
        <v>26</v>
      </c>
      <c r="AF4911">
        <v>25</v>
      </c>
      <c r="AG4911">
        <v>25</v>
      </c>
      <c r="AH4911">
        <v>25</v>
      </c>
      <c r="AI4911">
        <v>25</v>
      </c>
      <c r="AJ4911">
        <v>25</v>
      </c>
      <c r="AK4911">
        <v>25</v>
      </c>
      <c r="AL4911">
        <v>25</v>
      </c>
      <c r="AM4911">
        <v>25</v>
      </c>
      <c r="AN4911">
        <v>24</v>
      </c>
      <c r="AO4911">
        <v>24</v>
      </c>
      <c r="AP4911">
        <v>24</v>
      </c>
      <c r="AQ4911">
        <v>24</v>
      </c>
    </row>
    <row r="4912" spans="1:43">
      <c r="A4912" t="s">
        <v>3098</v>
      </c>
      <c r="B4912" t="s">
        <v>3099</v>
      </c>
      <c r="C4912" t="s">
        <v>3092</v>
      </c>
      <c r="D4912" t="s">
        <v>3093</v>
      </c>
      <c r="E4912" t="s">
        <v>2928</v>
      </c>
      <c r="F4912" t="s">
        <v>2929</v>
      </c>
      <c r="G4912" t="s">
        <v>80</v>
      </c>
      <c r="H4912" t="s">
        <v>81</v>
      </c>
      <c r="I4912" s="2">
        <v>1</v>
      </c>
      <c r="J4912" s="2">
        <v>0</v>
      </c>
      <c r="K4912" s="2">
        <v>0</v>
      </c>
      <c r="L4912" t="s">
        <v>120</v>
      </c>
      <c r="M4912" t="s">
        <v>89</v>
      </c>
      <c r="N4912" t="s">
        <v>90</v>
      </c>
      <c r="O4912" t="s">
        <v>85</v>
      </c>
      <c r="P4912" t="s">
        <v>86</v>
      </c>
      <c r="Q4912">
        <v>28</v>
      </c>
      <c r="R4912">
        <v>28</v>
      </c>
      <c r="S4912">
        <v>29</v>
      </c>
      <c r="T4912">
        <v>29</v>
      </c>
      <c r="U4912">
        <v>29</v>
      </c>
      <c r="V4912">
        <v>30</v>
      </c>
      <c r="W4912">
        <v>30</v>
      </c>
      <c r="X4912">
        <v>30</v>
      </c>
      <c r="Y4912">
        <v>30</v>
      </c>
      <c r="Z4912">
        <v>30</v>
      </c>
      <c r="AA4912">
        <v>30</v>
      </c>
      <c r="AB4912">
        <v>31</v>
      </c>
      <c r="AC4912">
        <v>31</v>
      </c>
      <c r="AD4912">
        <v>31</v>
      </c>
      <c r="AE4912">
        <v>31</v>
      </c>
      <c r="AF4912">
        <v>31</v>
      </c>
      <c r="AG4912">
        <v>30</v>
      </c>
      <c r="AH4912">
        <v>30</v>
      </c>
      <c r="AI4912">
        <v>30</v>
      </c>
      <c r="AJ4912">
        <v>30</v>
      </c>
      <c r="AK4912">
        <v>29</v>
      </c>
      <c r="AL4912">
        <v>29</v>
      </c>
      <c r="AM4912">
        <v>29</v>
      </c>
      <c r="AN4912">
        <v>29</v>
      </c>
      <c r="AO4912">
        <v>28</v>
      </c>
      <c r="AP4912">
        <v>28</v>
      </c>
      <c r="AQ4912">
        <v>28</v>
      </c>
    </row>
    <row r="4913" spans="1:43">
      <c r="A4913" t="s">
        <v>3098</v>
      </c>
      <c r="B4913" t="s">
        <v>3099</v>
      </c>
      <c r="C4913" t="s">
        <v>3092</v>
      </c>
      <c r="D4913" t="s">
        <v>3093</v>
      </c>
      <c r="E4913" t="s">
        <v>2928</v>
      </c>
      <c r="F4913" t="s">
        <v>2929</v>
      </c>
      <c r="G4913" t="s">
        <v>80</v>
      </c>
      <c r="H4913" t="s">
        <v>81</v>
      </c>
      <c r="I4913" s="2">
        <v>1</v>
      </c>
      <c r="J4913" s="2">
        <v>0</v>
      </c>
      <c r="K4913" s="2">
        <v>0</v>
      </c>
      <c r="L4913" t="s">
        <v>120</v>
      </c>
      <c r="M4913" t="s">
        <v>83</v>
      </c>
      <c r="N4913" t="s">
        <v>91</v>
      </c>
      <c r="O4913" t="s">
        <v>85</v>
      </c>
      <c r="P4913" t="s">
        <v>86</v>
      </c>
      <c r="Q4913">
        <v>28</v>
      </c>
      <c r="R4913">
        <v>28</v>
      </c>
      <c r="S4913">
        <v>28</v>
      </c>
      <c r="T4913">
        <v>28</v>
      </c>
      <c r="U4913">
        <v>28</v>
      </c>
      <c r="V4913">
        <v>28</v>
      </c>
      <c r="W4913">
        <v>28</v>
      </c>
      <c r="X4913">
        <v>28</v>
      </c>
      <c r="Y4913">
        <v>29</v>
      </c>
      <c r="Z4913">
        <v>29</v>
      </c>
      <c r="AA4913">
        <v>29</v>
      </c>
      <c r="AB4913">
        <v>29</v>
      </c>
      <c r="AC4913">
        <v>29</v>
      </c>
      <c r="AD4913">
        <v>29</v>
      </c>
      <c r="AE4913">
        <v>29</v>
      </c>
      <c r="AF4913">
        <v>29</v>
      </c>
      <c r="AG4913">
        <v>29</v>
      </c>
      <c r="AH4913">
        <v>29</v>
      </c>
      <c r="AI4913">
        <v>29</v>
      </c>
      <c r="AJ4913">
        <v>29</v>
      </c>
      <c r="AK4913">
        <v>29</v>
      </c>
      <c r="AL4913">
        <v>29</v>
      </c>
      <c r="AM4913">
        <v>29</v>
      </c>
      <c r="AN4913">
        <v>28</v>
      </c>
      <c r="AO4913">
        <v>28</v>
      </c>
      <c r="AP4913">
        <v>28</v>
      </c>
      <c r="AQ4913">
        <v>28</v>
      </c>
    </row>
    <row r="4914" spans="1:43">
      <c r="A4914" t="s">
        <v>3100</v>
      </c>
      <c r="B4914" t="s">
        <v>3101</v>
      </c>
      <c r="C4914" t="s">
        <v>2950</v>
      </c>
      <c r="D4914" t="s">
        <v>2951</v>
      </c>
      <c r="E4914" t="s">
        <v>2928</v>
      </c>
      <c r="F4914" t="s">
        <v>2929</v>
      </c>
      <c r="G4914" t="s">
        <v>80</v>
      </c>
      <c r="H4914" t="s">
        <v>81</v>
      </c>
      <c r="I4914" s="2">
        <v>1</v>
      </c>
      <c r="J4914" s="2">
        <v>0</v>
      </c>
      <c r="K4914" s="2">
        <v>0</v>
      </c>
      <c r="L4914" t="s">
        <v>120</v>
      </c>
      <c r="M4914" t="s">
        <v>83</v>
      </c>
      <c r="N4914" t="s">
        <v>84</v>
      </c>
      <c r="O4914" t="s">
        <v>85</v>
      </c>
      <c r="P4914" t="s">
        <v>86</v>
      </c>
      <c r="Q4914">
        <v>23</v>
      </c>
      <c r="R4914">
        <v>23</v>
      </c>
      <c r="S4914">
        <v>23</v>
      </c>
      <c r="T4914">
        <v>23</v>
      </c>
      <c r="U4914">
        <v>23</v>
      </c>
      <c r="V4914">
        <v>23</v>
      </c>
      <c r="W4914">
        <v>23</v>
      </c>
      <c r="X4914">
        <v>23</v>
      </c>
      <c r="Y4914">
        <v>23</v>
      </c>
      <c r="Z4914">
        <v>23</v>
      </c>
      <c r="AA4914">
        <v>23</v>
      </c>
      <c r="AB4914">
        <v>23</v>
      </c>
      <c r="AC4914">
        <v>23</v>
      </c>
      <c r="AD4914">
        <v>23</v>
      </c>
      <c r="AE4914">
        <v>23</v>
      </c>
      <c r="AF4914">
        <v>23</v>
      </c>
      <c r="AG4914">
        <v>24</v>
      </c>
      <c r="AH4914">
        <v>24</v>
      </c>
      <c r="AI4914">
        <v>24</v>
      </c>
      <c r="AJ4914">
        <v>24</v>
      </c>
      <c r="AK4914">
        <v>24</v>
      </c>
      <c r="AL4914">
        <v>23</v>
      </c>
      <c r="AM4914">
        <v>23</v>
      </c>
      <c r="AN4914">
        <v>23</v>
      </c>
      <c r="AO4914">
        <v>23</v>
      </c>
      <c r="AP4914">
        <v>23</v>
      </c>
      <c r="AQ4914">
        <v>23</v>
      </c>
    </row>
    <row r="4915" spans="1:43">
      <c r="A4915" t="s">
        <v>3100</v>
      </c>
      <c r="B4915" t="s">
        <v>3101</v>
      </c>
      <c r="C4915" t="s">
        <v>2950</v>
      </c>
      <c r="D4915" t="s">
        <v>2951</v>
      </c>
      <c r="E4915" t="s">
        <v>2928</v>
      </c>
      <c r="F4915" t="s">
        <v>2929</v>
      </c>
      <c r="G4915" t="s">
        <v>80</v>
      </c>
      <c r="H4915" t="s">
        <v>81</v>
      </c>
      <c r="I4915" s="2">
        <v>1</v>
      </c>
      <c r="J4915" s="2">
        <v>0</v>
      </c>
      <c r="K4915" s="2">
        <v>0</v>
      </c>
      <c r="L4915" t="s">
        <v>120</v>
      </c>
      <c r="M4915" t="s">
        <v>87</v>
      </c>
      <c r="N4915" t="s">
        <v>88</v>
      </c>
      <c r="O4915" t="s">
        <v>85</v>
      </c>
      <c r="P4915" t="s">
        <v>86</v>
      </c>
      <c r="Q4915">
        <v>23</v>
      </c>
      <c r="R4915">
        <v>23</v>
      </c>
      <c r="S4915">
        <v>23</v>
      </c>
      <c r="T4915">
        <v>23</v>
      </c>
      <c r="U4915">
        <v>23</v>
      </c>
      <c r="V4915">
        <v>23</v>
      </c>
      <c r="W4915">
        <v>23</v>
      </c>
      <c r="X4915">
        <v>23</v>
      </c>
      <c r="Y4915">
        <v>22</v>
      </c>
      <c r="Z4915">
        <v>22</v>
      </c>
      <c r="AA4915">
        <v>22</v>
      </c>
      <c r="AB4915">
        <v>22</v>
      </c>
      <c r="AC4915">
        <v>22</v>
      </c>
      <c r="AD4915">
        <v>22</v>
      </c>
      <c r="AE4915">
        <v>22</v>
      </c>
      <c r="AF4915">
        <v>22</v>
      </c>
      <c r="AG4915">
        <v>22</v>
      </c>
      <c r="AH4915">
        <v>22</v>
      </c>
      <c r="AI4915">
        <v>21</v>
      </c>
      <c r="AJ4915">
        <v>21</v>
      </c>
      <c r="AK4915">
        <v>21</v>
      </c>
      <c r="AL4915">
        <v>21</v>
      </c>
      <c r="AM4915">
        <v>21</v>
      </c>
      <c r="AN4915">
        <v>21</v>
      </c>
      <c r="AO4915">
        <v>21</v>
      </c>
      <c r="AP4915">
        <v>21</v>
      </c>
      <c r="AQ4915">
        <v>21</v>
      </c>
    </row>
    <row r="4916" spans="1:43">
      <c r="A4916" t="s">
        <v>3100</v>
      </c>
      <c r="B4916" t="s">
        <v>3101</v>
      </c>
      <c r="C4916" t="s">
        <v>2950</v>
      </c>
      <c r="D4916" t="s">
        <v>2951</v>
      </c>
      <c r="E4916" t="s">
        <v>2928</v>
      </c>
      <c r="F4916" t="s">
        <v>2929</v>
      </c>
      <c r="G4916" t="s">
        <v>80</v>
      </c>
      <c r="H4916" t="s">
        <v>81</v>
      </c>
      <c r="I4916" s="2">
        <v>1</v>
      </c>
      <c r="J4916" s="2">
        <v>0</v>
      </c>
      <c r="K4916" s="2">
        <v>0</v>
      </c>
      <c r="L4916" t="s">
        <v>120</v>
      </c>
      <c r="M4916" t="s">
        <v>89</v>
      </c>
      <c r="N4916" t="s">
        <v>90</v>
      </c>
      <c r="O4916" t="s">
        <v>85</v>
      </c>
      <c r="P4916" t="s">
        <v>86</v>
      </c>
      <c r="Q4916">
        <v>23</v>
      </c>
      <c r="R4916">
        <v>23</v>
      </c>
      <c r="S4916">
        <v>23</v>
      </c>
      <c r="T4916">
        <v>24</v>
      </c>
      <c r="U4916">
        <v>24</v>
      </c>
      <c r="V4916">
        <v>24</v>
      </c>
      <c r="W4916">
        <v>24</v>
      </c>
      <c r="X4916">
        <v>24</v>
      </c>
      <c r="Y4916">
        <v>25</v>
      </c>
      <c r="Z4916">
        <v>25</v>
      </c>
      <c r="AA4916">
        <v>25</v>
      </c>
      <c r="AB4916">
        <v>25</v>
      </c>
      <c r="AC4916">
        <v>25</v>
      </c>
      <c r="AD4916">
        <v>25</v>
      </c>
      <c r="AE4916">
        <v>25</v>
      </c>
      <c r="AF4916">
        <v>25</v>
      </c>
      <c r="AG4916">
        <v>25</v>
      </c>
      <c r="AH4916">
        <v>24</v>
      </c>
      <c r="AI4916">
        <v>24</v>
      </c>
      <c r="AJ4916">
        <v>24</v>
      </c>
      <c r="AK4916">
        <v>24</v>
      </c>
      <c r="AL4916">
        <v>24</v>
      </c>
      <c r="AM4916">
        <v>24</v>
      </c>
      <c r="AN4916">
        <v>23</v>
      </c>
      <c r="AO4916">
        <v>23</v>
      </c>
      <c r="AP4916">
        <v>23</v>
      </c>
      <c r="AQ4916">
        <v>23</v>
      </c>
    </row>
    <row r="4917" spans="1:43">
      <c r="A4917" t="s">
        <v>3100</v>
      </c>
      <c r="B4917" t="s">
        <v>3101</v>
      </c>
      <c r="C4917" t="s">
        <v>2950</v>
      </c>
      <c r="D4917" t="s">
        <v>2951</v>
      </c>
      <c r="E4917" t="s">
        <v>2928</v>
      </c>
      <c r="F4917" t="s">
        <v>2929</v>
      </c>
      <c r="G4917" t="s">
        <v>80</v>
      </c>
      <c r="H4917" t="s">
        <v>81</v>
      </c>
      <c r="I4917" s="2">
        <v>1</v>
      </c>
      <c r="J4917" s="2">
        <v>0</v>
      </c>
      <c r="K4917" s="2">
        <v>0</v>
      </c>
      <c r="L4917" t="s">
        <v>120</v>
      </c>
      <c r="M4917" t="s">
        <v>83</v>
      </c>
      <c r="N4917" t="s">
        <v>91</v>
      </c>
      <c r="O4917" t="s">
        <v>85</v>
      </c>
      <c r="P4917" t="s">
        <v>86</v>
      </c>
      <c r="Q4917">
        <v>23</v>
      </c>
      <c r="R4917">
        <v>23</v>
      </c>
      <c r="S4917">
        <v>23</v>
      </c>
      <c r="T4917">
        <v>23</v>
      </c>
      <c r="U4917">
        <v>23</v>
      </c>
      <c r="V4917">
        <v>23</v>
      </c>
      <c r="W4917">
        <v>23</v>
      </c>
      <c r="X4917">
        <v>23</v>
      </c>
      <c r="Y4917">
        <v>23</v>
      </c>
      <c r="Z4917">
        <v>23</v>
      </c>
      <c r="AA4917">
        <v>23</v>
      </c>
      <c r="AB4917">
        <v>23</v>
      </c>
      <c r="AC4917">
        <v>23</v>
      </c>
      <c r="AD4917">
        <v>23</v>
      </c>
      <c r="AE4917">
        <v>23</v>
      </c>
      <c r="AF4917">
        <v>23</v>
      </c>
      <c r="AG4917">
        <v>24</v>
      </c>
      <c r="AH4917">
        <v>24</v>
      </c>
      <c r="AI4917">
        <v>24</v>
      </c>
      <c r="AJ4917">
        <v>24</v>
      </c>
      <c r="AK4917">
        <v>24</v>
      </c>
      <c r="AL4917">
        <v>23</v>
      </c>
      <c r="AM4917">
        <v>23</v>
      </c>
      <c r="AN4917">
        <v>23</v>
      </c>
      <c r="AO4917">
        <v>23</v>
      </c>
      <c r="AP4917">
        <v>23</v>
      </c>
      <c r="AQ4917">
        <v>23</v>
      </c>
    </row>
    <row r="4918" spans="1:43">
      <c r="A4918" t="s">
        <v>3102</v>
      </c>
      <c r="B4918" t="s">
        <v>3103</v>
      </c>
      <c r="C4918" t="s">
        <v>3104</v>
      </c>
      <c r="D4918" t="s">
        <v>3105</v>
      </c>
      <c r="E4918" t="s">
        <v>2928</v>
      </c>
      <c r="F4918" t="s">
        <v>2929</v>
      </c>
      <c r="G4918" t="s">
        <v>80</v>
      </c>
      <c r="H4918" t="s">
        <v>81</v>
      </c>
      <c r="I4918" s="2">
        <v>1</v>
      </c>
      <c r="J4918" s="2">
        <v>0</v>
      </c>
      <c r="K4918" s="2">
        <v>0</v>
      </c>
      <c r="L4918" t="s">
        <v>120</v>
      </c>
      <c r="M4918" t="s">
        <v>83</v>
      </c>
      <c r="N4918" t="s">
        <v>84</v>
      </c>
      <c r="O4918" t="s">
        <v>85</v>
      </c>
      <c r="P4918" t="s">
        <v>86</v>
      </c>
      <c r="Q4918">
        <v>5</v>
      </c>
      <c r="R4918">
        <v>5</v>
      </c>
      <c r="S4918">
        <v>5</v>
      </c>
      <c r="T4918">
        <v>5</v>
      </c>
      <c r="U4918">
        <v>5</v>
      </c>
      <c r="V4918">
        <v>5</v>
      </c>
      <c r="W4918">
        <v>5</v>
      </c>
      <c r="X4918">
        <v>5</v>
      </c>
      <c r="Y4918">
        <v>5</v>
      </c>
      <c r="Z4918">
        <v>5</v>
      </c>
      <c r="AA4918">
        <v>5</v>
      </c>
      <c r="AB4918">
        <v>5</v>
      </c>
      <c r="AC4918">
        <v>5</v>
      </c>
      <c r="AD4918">
        <v>5</v>
      </c>
      <c r="AE4918">
        <v>6</v>
      </c>
      <c r="AF4918">
        <v>6</v>
      </c>
      <c r="AG4918">
        <v>6</v>
      </c>
      <c r="AH4918">
        <v>6</v>
      </c>
      <c r="AI4918">
        <v>6</v>
      </c>
      <c r="AJ4918">
        <v>6</v>
      </c>
      <c r="AK4918">
        <v>6</v>
      </c>
      <c r="AL4918">
        <v>6</v>
      </c>
      <c r="AM4918">
        <v>5</v>
      </c>
      <c r="AN4918">
        <v>5</v>
      </c>
      <c r="AO4918">
        <v>5</v>
      </c>
      <c r="AP4918">
        <v>5</v>
      </c>
      <c r="AQ4918">
        <v>5</v>
      </c>
    </row>
    <row r="4919" spans="1:43">
      <c r="A4919" t="s">
        <v>3102</v>
      </c>
      <c r="B4919" t="s">
        <v>3103</v>
      </c>
      <c r="C4919" t="s">
        <v>3104</v>
      </c>
      <c r="D4919" t="s">
        <v>3105</v>
      </c>
      <c r="E4919" t="s">
        <v>2928</v>
      </c>
      <c r="F4919" t="s">
        <v>2929</v>
      </c>
      <c r="G4919" t="s">
        <v>80</v>
      </c>
      <c r="H4919" t="s">
        <v>81</v>
      </c>
      <c r="I4919" s="2">
        <v>1</v>
      </c>
      <c r="J4919" s="2">
        <v>0</v>
      </c>
      <c r="K4919" s="2">
        <v>0</v>
      </c>
      <c r="L4919" t="s">
        <v>120</v>
      </c>
      <c r="M4919" t="s">
        <v>87</v>
      </c>
      <c r="N4919" t="s">
        <v>88</v>
      </c>
      <c r="O4919" t="s">
        <v>85</v>
      </c>
      <c r="P4919" t="s">
        <v>86</v>
      </c>
      <c r="Q4919">
        <v>5</v>
      </c>
      <c r="R4919">
        <v>5</v>
      </c>
      <c r="S4919">
        <v>5</v>
      </c>
      <c r="T4919">
        <v>5</v>
      </c>
      <c r="U4919">
        <v>5</v>
      </c>
      <c r="V4919">
        <v>5</v>
      </c>
      <c r="W4919">
        <v>5</v>
      </c>
      <c r="X4919">
        <v>5</v>
      </c>
      <c r="Y4919">
        <v>5</v>
      </c>
      <c r="Z4919">
        <v>5</v>
      </c>
      <c r="AA4919">
        <v>5</v>
      </c>
      <c r="AB4919">
        <v>5</v>
      </c>
      <c r="AC4919">
        <v>5</v>
      </c>
      <c r="AD4919">
        <v>5</v>
      </c>
      <c r="AE4919">
        <v>5</v>
      </c>
      <c r="AF4919">
        <v>5</v>
      </c>
      <c r="AG4919">
        <v>5</v>
      </c>
      <c r="AH4919">
        <v>5</v>
      </c>
      <c r="AI4919">
        <v>5</v>
      </c>
      <c r="AJ4919">
        <v>5</v>
      </c>
      <c r="AK4919">
        <v>5</v>
      </c>
      <c r="AL4919">
        <v>5</v>
      </c>
      <c r="AM4919">
        <v>5</v>
      </c>
      <c r="AN4919">
        <v>5</v>
      </c>
      <c r="AO4919">
        <v>5</v>
      </c>
      <c r="AP4919">
        <v>5</v>
      </c>
      <c r="AQ4919">
        <v>5</v>
      </c>
    </row>
    <row r="4920" spans="1:43">
      <c r="A4920" t="s">
        <v>3102</v>
      </c>
      <c r="B4920" t="s">
        <v>3103</v>
      </c>
      <c r="C4920" t="s">
        <v>3104</v>
      </c>
      <c r="D4920" t="s">
        <v>3105</v>
      </c>
      <c r="E4920" t="s">
        <v>2928</v>
      </c>
      <c r="F4920" t="s">
        <v>2929</v>
      </c>
      <c r="G4920" t="s">
        <v>80</v>
      </c>
      <c r="H4920" t="s">
        <v>81</v>
      </c>
      <c r="I4920" s="2">
        <v>1</v>
      </c>
      <c r="J4920" s="2">
        <v>0</v>
      </c>
      <c r="K4920" s="2">
        <v>0</v>
      </c>
      <c r="L4920" t="s">
        <v>120</v>
      </c>
      <c r="M4920" t="s">
        <v>89</v>
      </c>
      <c r="N4920" t="s">
        <v>90</v>
      </c>
      <c r="O4920" t="s">
        <v>85</v>
      </c>
      <c r="P4920" t="s">
        <v>86</v>
      </c>
      <c r="Q4920">
        <v>5</v>
      </c>
      <c r="R4920">
        <v>5</v>
      </c>
      <c r="S4920">
        <v>5</v>
      </c>
      <c r="T4920">
        <v>6</v>
      </c>
      <c r="U4920">
        <v>6</v>
      </c>
      <c r="V4920">
        <v>6</v>
      </c>
      <c r="W4920">
        <v>6</v>
      </c>
      <c r="X4920">
        <v>6</v>
      </c>
      <c r="Y4920">
        <v>6</v>
      </c>
      <c r="Z4920">
        <v>6</v>
      </c>
      <c r="AA4920">
        <v>6</v>
      </c>
      <c r="AB4920">
        <v>6</v>
      </c>
      <c r="AC4920">
        <v>6</v>
      </c>
      <c r="AD4920">
        <v>6</v>
      </c>
      <c r="AE4920">
        <v>6</v>
      </c>
      <c r="AF4920">
        <v>6</v>
      </c>
      <c r="AG4920">
        <v>6</v>
      </c>
      <c r="AH4920">
        <v>6</v>
      </c>
      <c r="AI4920">
        <v>6</v>
      </c>
      <c r="AJ4920">
        <v>6</v>
      </c>
      <c r="AK4920">
        <v>6</v>
      </c>
      <c r="AL4920">
        <v>6</v>
      </c>
      <c r="AM4920">
        <v>6</v>
      </c>
      <c r="AN4920">
        <v>5</v>
      </c>
      <c r="AO4920">
        <v>5</v>
      </c>
      <c r="AP4920">
        <v>5</v>
      </c>
      <c r="AQ4920">
        <v>5</v>
      </c>
    </row>
    <row r="4921" spans="1:43">
      <c r="A4921" t="s">
        <v>3102</v>
      </c>
      <c r="B4921" t="s">
        <v>3103</v>
      </c>
      <c r="C4921" t="s">
        <v>3104</v>
      </c>
      <c r="D4921" t="s">
        <v>3105</v>
      </c>
      <c r="E4921" t="s">
        <v>2928</v>
      </c>
      <c r="F4921" t="s">
        <v>2929</v>
      </c>
      <c r="G4921" t="s">
        <v>80</v>
      </c>
      <c r="H4921" t="s">
        <v>81</v>
      </c>
      <c r="I4921" s="2">
        <v>1</v>
      </c>
      <c r="J4921" s="2">
        <v>0</v>
      </c>
      <c r="K4921" s="2">
        <v>0</v>
      </c>
      <c r="L4921" t="s">
        <v>120</v>
      </c>
      <c r="M4921" t="s">
        <v>83</v>
      </c>
      <c r="N4921" t="s">
        <v>91</v>
      </c>
      <c r="O4921" t="s">
        <v>85</v>
      </c>
      <c r="P4921" t="s">
        <v>86</v>
      </c>
      <c r="Q4921">
        <v>5</v>
      </c>
      <c r="R4921">
        <v>5</v>
      </c>
      <c r="S4921">
        <v>5</v>
      </c>
      <c r="T4921">
        <v>5</v>
      </c>
      <c r="U4921">
        <v>5</v>
      </c>
      <c r="V4921">
        <v>5</v>
      </c>
      <c r="W4921">
        <v>5</v>
      </c>
      <c r="X4921">
        <v>5</v>
      </c>
      <c r="Y4921">
        <v>5</v>
      </c>
      <c r="Z4921">
        <v>5</v>
      </c>
      <c r="AA4921">
        <v>5</v>
      </c>
      <c r="AB4921">
        <v>5</v>
      </c>
      <c r="AC4921">
        <v>5</v>
      </c>
      <c r="AD4921">
        <v>5</v>
      </c>
      <c r="AE4921">
        <v>6</v>
      </c>
      <c r="AF4921">
        <v>6</v>
      </c>
      <c r="AG4921">
        <v>6</v>
      </c>
      <c r="AH4921">
        <v>6</v>
      </c>
      <c r="AI4921">
        <v>6</v>
      </c>
      <c r="AJ4921">
        <v>6</v>
      </c>
      <c r="AK4921">
        <v>6</v>
      </c>
      <c r="AL4921">
        <v>6</v>
      </c>
      <c r="AM4921">
        <v>5</v>
      </c>
      <c r="AN4921">
        <v>5</v>
      </c>
      <c r="AO4921">
        <v>5</v>
      </c>
      <c r="AP4921">
        <v>5</v>
      </c>
      <c r="AQ4921">
        <v>5</v>
      </c>
    </row>
    <row r="4922" spans="1:43">
      <c r="A4922" t="s">
        <v>3106</v>
      </c>
      <c r="B4922" t="s">
        <v>3107</v>
      </c>
      <c r="C4922" t="s">
        <v>3108</v>
      </c>
      <c r="D4922" t="s">
        <v>3109</v>
      </c>
      <c r="E4922" t="s">
        <v>2928</v>
      </c>
      <c r="F4922" t="s">
        <v>2929</v>
      </c>
      <c r="G4922" t="s">
        <v>80</v>
      </c>
      <c r="H4922" t="s">
        <v>81</v>
      </c>
      <c r="I4922" s="2">
        <v>1</v>
      </c>
      <c r="J4922" s="2">
        <v>0</v>
      </c>
      <c r="K4922" s="2">
        <v>0</v>
      </c>
      <c r="L4922" t="s">
        <v>120</v>
      </c>
      <c r="M4922" t="s">
        <v>83</v>
      </c>
      <c r="N4922" t="s">
        <v>84</v>
      </c>
      <c r="O4922" t="s">
        <v>85</v>
      </c>
      <c r="P4922" t="s">
        <v>86</v>
      </c>
      <c r="Q4922">
        <v>54</v>
      </c>
      <c r="R4922">
        <v>54</v>
      </c>
      <c r="S4922">
        <v>55</v>
      </c>
      <c r="T4922">
        <v>55</v>
      </c>
      <c r="U4922">
        <v>55</v>
      </c>
      <c r="V4922">
        <v>55</v>
      </c>
      <c r="W4922">
        <v>55</v>
      </c>
      <c r="X4922">
        <v>56</v>
      </c>
      <c r="Y4922">
        <v>56</v>
      </c>
      <c r="Z4922">
        <v>56</v>
      </c>
      <c r="AA4922">
        <v>56</v>
      </c>
      <c r="AB4922">
        <v>56</v>
      </c>
      <c r="AC4922">
        <v>56</v>
      </c>
      <c r="AD4922">
        <v>56</v>
      </c>
      <c r="AE4922">
        <v>57</v>
      </c>
      <c r="AF4922">
        <v>57</v>
      </c>
      <c r="AG4922">
        <v>57</v>
      </c>
      <c r="AH4922">
        <v>57</v>
      </c>
      <c r="AI4922">
        <v>57</v>
      </c>
      <c r="AJ4922">
        <v>57</v>
      </c>
      <c r="AK4922">
        <v>57</v>
      </c>
      <c r="AL4922">
        <v>57</v>
      </c>
      <c r="AM4922">
        <v>56</v>
      </c>
      <c r="AN4922">
        <v>56</v>
      </c>
      <c r="AO4922">
        <v>56</v>
      </c>
      <c r="AP4922">
        <v>55</v>
      </c>
      <c r="AQ4922">
        <v>55</v>
      </c>
    </row>
    <row r="4923" spans="1:43">
      <c r="A4923" t="s">
        <v>3106</v>
      </c>
      <c r="B4923" t="s">
        <v>3107</v>
      </c>
      <c r="C4923" t="s">
        <v>3108</v>
      </c>
      <c r="D4923" t="s">
        <v>3109</v>
      </c>
      <c r="E4923" t="s">
        <v>2928</v>
      </c>
      <c r="F4923" t="s">
        <v>2929</v>
      </c>
      <c r="G4923" t="s">
        <v>80</v>
      </c>
      <c r="H4923" t="s">
        <v>81</v>
      </c>
      <c r="I4923" s="2">
        <v>1</v>
      </c>
      <c r="J4923" s="2">
        <v>0</v>
      </c>
      <c r="K4923" s="2">
        <v>0</v>
      </c>
      <c r="L4923" t="s">
        <v>120</v>
      </c>
      <c r="M4923" t="s">
        <v>87</v>
      </c>
      <c r="N4923" t="s">
        <v>88</v>
      </c>
      <c r="O4923" t="s">
        <v>85</v>
      </c>
      <c r="P4923" t="s">
        <v>86</v>
      </c>
      <c r="Q4923">
        <v>54</v>
      </c>
      <c r="R4923">
        <v>53</v>
      </c>
      <c r="S4923">
        <v>53</v>
      </c>
      <c r="T4923">
        <v>53</v>
      </c>
      <c r="U4923">
        <v>53</v>
      </c>
      <c r="V4923">
        <v>52</v>
      </c>
      <c r="W4923">
        <v>52</v>
      </c>
      <c r="X4923">
        <v>52</v>
      </c>
      <c r="Y4923">
        <v>52</v>
      </c>
      <c r="Z4923">
        <v>51</v>
      </c>
      <c r="AA4923">
        <v>51</v>
      </c>
      <c r="AB4923">
        <v>51</v>
      </c>
      <c r="AC4923">
        <v>51</v>
      </c>
      <c r="AD4923">
        <v>50</v>
      </c>
      <c r="AE4923">
        <v>50</v>
      </c>
      <c r="AF4923">
        <v>50</v>
      </c>
      <c r="AG4923">
        <v>50</v>
      </c>
      <c r="AH4923">
        <v>50</v>
      </c>
      <c r="AI4923">
        <v>49</v>
      </c>
      <c r="AJ4923">
        <v>49</v>
      </c>
      <c r="AK4923">
        <v>49</v>
      </c>
      <c r="AL4923">
        <v>49</v>
      </c>
      <c r="AM4923">
        <v>48</v>
      </c>
      <c r="AN4923">
        <v>48</v>
      </c>
      <c r="AO4923">
        <v>48</v>
      </c>
      <c r="AP4923">
        <v>48</v>
      </c>
      <c r="AQ4923">
        <v>48</v>
      </c>
    </row>
    <row r="4924" spans="1:43">
      <c r="A4924" t="s">
        <v>3106</v>
      </c>
      <c r="B4924" t="s">
        <v>3107</v>
      </c>
      <c r="C4924" t="s">
        <v>3108</v>
      </c>
      <c r="D4924" t="s">
        <v>3109</v>
      </c>
      <c r="E4924" t="s">
        <v>2928</v>
      </c>
      <c r="F4924" t="s">
        <v>2929</v>
      </c>
      <c r="G4924" t="s">
        <v>80</v>
      </c>
      <c r="H4924" t="s">
        <v>81</v>
      </c>
      <c r="I4924" s="2">
        <v>1</v>
      </c>
      <c r="J4924" s="2">
        <v>0</v>
      </c>
      <c r="K4924" s="2">
        <v>0</v>
      </c>
      <c r="L4924" t="s">
        <v>120</v>
      </c>
      <c r="M4924" t="s">
        <v>89</v>
      </c>
      <c r="N4924" t="s">
        <v>90</v>
      </c>
      <c r="O4924" t="s">
        <v>85</v>
      </c>
      <c r="P4924" t="s">
        <v>86</v>
      </c>
      <c r="Q4924">
        <v>54</v>
      </c>
      <c r="R4924">
        <v>54</v>
      </c>
      <c r="S4924">
        <v>55</v>
      </c>
      <c r="T4924">
        <v>56</v>
      </c>
      <c r="U4924">
        <v>56</v>
      </c>
      <c r="V4924">
        <v>57</v>
      </c>
      <c r="W4924">
        <v>57</v>
      </c>
      <c r="X4924">
        <v>58</v>
      </c>
      <c r="Y4924">
        <v>58</v>
      </c>
      <c r="Z4924">
        <v>58</v>
      </c>
      <c r="AA4924">
        <v>59</v>
      </c>
      <c r="AB4924">
        <v>59</v>
      </c>
      <c r="AC4924">
        <v>59</v>
      </c>
      <c r="AD4924">
        <v>60</v>
      </c>
      <c r="AE4924">
        <v>60</v>
      </c>
      <c r="AF4924">
        <v>59</v>
      </c>
      <c r="AG4924">
        <v>59</v>
      </c>
      <c r="AH4924">
        <v>58</v>
      </c>
      <c r="AI4924">
        <v>58</v>
      </c>
      <c r="AJ4924">
        <v>57</v>
      </c>
      <c r="AK4924">
        <v>57</v>
      </c>
      <c r="AL4924">
        <v>57</v>
      </c>
      <c r="AM4924">
        <v>56</v>
      </c>
      <c r="AN4924">
        <v>56</v>
      </c>
      <c r="AO4924">
        <v>55</v>
      </c>
      <c r="AP4924">
        <v>55</v>
      </c>
      <c r="AQ4924">
        <v>55</v>
      </c>
    </row>
    <row r="4925" spans="1:43">
      <c r="A4925" t="s">
        <v>3106</v>
      </c>
      <c r="B4925" t="s">
        <v>3107</v>
      </c>
      <c r="C4925" t="s">
        <v>3108</v>
      </c>
      <c r="D4925" t="s">
        <v>3109</v>
      </c>
      <c r="E4925" t="s">
        <v>2928</v>
      </c>
      <c r="F4925" t="s">
        <v>2929</v>
      </c>
      <c r="G4925" t="s">
        <v>80</v>
      </c>
      <c r="H4925" t="s">
        <v>81</v>
      </c>
      <c r="I4925" s="2">
        <v>1</v>
      </c>
      <c r="J4925" s="2">
        <v>0</v>
      </c>
      <c r="K4925" s="2">
        <v>0</v>
      </c>
      <c r="L4925" t="s">
        <v>120</v>
      </c>
      <c r="M4925" t="s">
        <v>83</v>
      </c>
      <c r="N4925" t="s">
        <v>91</v>
      </c>
      <c r="O4925" t="s">
        <v>85</v>
      </c>
      <c r="P4925" t="s">
        <v>86</v>
      </c>
      <c r="Q4925">
        <v>54</v>
      </c>
      <c r="R4925">
        <v>54</v>
      </c>
      <c r="S4925">
        <v>55</v>
      </c>
      <c r="T4925">
        <v>55</v>
      </c>
      <c r="U4925">
        <v>55</v>
      </c>
      <c r="V4925">
        <v>55</v>
      </c>
      <c r="W4925">
        <v>55</v>
      </c>
      <c r="X4925">
        <v>56</v>
      </c>
      <c r="Y4925">
        <v>56</v>
      </c>
      <c r="Z4925">
        <v>56</v>
      </c>
      <c r="AA4925">
        <v>56</v>
      </c>
      <c r="AB4925">
        <v>56</v>
      </c>
      <c r="AC4925">
        <v>56</v>
      </c>
      <c r="AD4925">
        <v>56</v>
      </c>
      <c r="AE4925">
        <v>57</v>
      </c>
      <c r="AF4925">
        <v>57</v>
      </c>
      <c r="AG4925">
        <v>57</v>
      </c>
      <c r="AH4925">
        <v>57</v>
      </c>
      <c r="AI4925">
        <v>57</v>
      </c>
      <c r="AJ4925">
        <v>57</v>
      </c>
      <c r="AK4925">
        <v>57</v>
      </c>
      <c r="AL4925">
        <v>57</v>
      </c>
      <c r="AM4925">
        <v>56</v>
      </c>
      <c r="AN4925">
        <v>56</v>
      </c>
      <c r="AO4925">
        <v>56</v>
      </c>
      <c r="AP4925">
        <v>55</v>
      </c>
      <c r="AQ4925">
        <v>55</v>
      </c>
    </row>
    <row r="4926" spans="1:43">
      <c r="A4926" t="s">
        <v>3110</v>
      </c>
      <c r="B4926" t="s">
        <v>3111</v>
      </c>
      <c r="C4926" t="s">
        <v>3112</v>
      </c>
      <c r="D4926" t="s">
        <v>3113</v>
      </c>
      <c r="E4926" t="s">
        <v>2928</v>
      </c>
      <c r="F4926" t="s">
        <v>2929</v>
      </c>
      <c r="G4926" t="s">
        <v>80</v>
      </c>
      <c r="H4926" t="s">
        <v>81</v>
      </c>
      <c r="I4926" s="2">
        <v>1</v>
      </c>
      <c r="J4926" s="2">
        <v>0</v>
      </c>
      <c r="K4926" s="2">
        <v>0</v>
      </c>
      <c r="L4926" t="s">
        <v>120</v>
      </c>
      <c r="M4926" t="s">
        <v>83</v>
      </c>
      <c r="N4926" t="s">
        <v>84</v>
      </c>
      <c r="O4926" t="s">
        <v>85</v>
      </c>
      <c r="P4926" t="s">
        <v>86</v>
      </c>
      <c r="Q4926">
        <v>34</v>
      </c>
      <c r="R4926">
        <v>34</v>
      </c>
      <c r="S4926">
        <v>34</v>
      </c>
      <c r="T4926">
        <v>35</v>
      </c>
      <c r="U4926">
        <v>35</v>
      </c>
      <c r="V4926">
        <v>35</v>
      </c>
      <c r="W4926">
        <v>35</v>
      </c>
      <c r="X4926">
        <v>35</v>
      </c>
      <c r="Y4926">
        <v>35</v>
      </c>
      <c r="Z4926">
        <v>35</v>
      </c>
      <c r="AA4926">
        <v>36</v>
      </c>
      <c r="AB4926">
        <v>36</v>
      </c>
      <c r="AC4926">
        <v>36</v>
      </c>
      <c r="AD4926">
        <v>36</v>
      </c>
      <c r="AE4926">
        <v>36</v>
      </c>
      <c r="AF4926">
        <v>36</v>
      </c>
      <c r="AG4926">
        <v>36</v>
      </c>
      <c r="AH4926">
        <v>36</v>
      </c>
      <c r="AI4926">
        <v>36</v>
      </c>
      <c r="AJ4926">
        <v>36</v>
      </c>
      <c r="AK4926">
        <v>36</v>
      </c>
      <c r="AL4926">
        <v>36</v>
      </c>
      <c r="AM4926">
        <v>36</v>
      </c>
      <c r="AN4926">
        <v>36</v>
      </c>
      <c r="AO4926">
        <v>35</v>
      </c>
      <c r="AP4926">
        <v>35</v>
      </c>
      <c r="AQ4926">
        <v>35</v>
      </c>
    </row>
    <row r="4927" spans="1:43">
      <c r="A4927" t="s">
        <v>3110</v>
      </c>
      <c r="B4927" t="s">
        <v>3111</v>
      </c>
      <c r="C4927" t="s">
        <v>3112</v>
      </c>
      <c r="D4927" t="s">
        <v>3113</v>
      </c>
      <c r="E4927" t="s">
        <v>2928</v>
      </c>
      <c r="F4927" t="s">
        <v>2929</v>
      </c>
      <c r="G4927" t="s">
        <v>80</v>
      </c>
      <c r="H4927" t="s">
        <v>81</v>
      </c>
      <c r="I4927" s="2">
        <v>1</v>
      </c>
      <c r="J4927" s="2">
        <v>0</v>
      </c>
      <c r="K4927" s="2">
        <v>0</v>
      </c>
      <c r="L4927" t="s">
        <v>120</v>
      </c>
      <c r="M4927" t="s">
        <v>87</v>
      </c>
      <c r="N4927" t="s">
        <v>88</v>
      </c>
      <c r="O4927" t="s">
        <v>85</v>
      </c>
      <c r="P4927" t="s">
        <v>86</v>
      </c>
      <c r="Q4927">
        <v>34</v>
      </c>
      <c r="R4927">
        <v>34</v>
      </c>
      <c r="S4927">
        <v>34</v>
      </c>
      <c r="T4927">
        <v>33</v>
      </c>
      <c r="U4927">
        <v>33</v>
      </c>
      <c r="V4927">
        <v>33</v>
      </c>
      <c r="W4927">
        <v>33</v>
      </c>
      <c r="X4927">
        <v>33</v>
      </c>
      <c r="Y4927">
        <v>33</v>
      </c>
      <c r="Z4927">
        <v>33</v>
      </c>
      <c r="AA4927">
        <v>32</v>
      </c>
      <c r="AB4927">
        <v>32</v>
      </c>
      <c r="AC4927">
        <v>32</v>
      </c>
      <c r="AD4927">
        <v>32</v>
      </c>
      <c r="AE4927">
        <v>32</v>
      </c>
      <c r="AF4927">
        <v>32</v>
      </c>
      <c r="AG4927">
        <v>32</v>
      </c>
      <c r="AH4927">
        <v>32</v>
      </c>
      <c r="AI4927">
        <v>31</v>
      </c>
      <c r="AJ4927">
        <v>31</v>
      </c>
      <c r="AK4927">
        <v>31</v>
      </c>
      <c r="AL4927">
        <v>31</v>
      </c>
      <c r="AM4927">
        <v>31</v>
      </c>
      <c r="AN4927">
        <v>31</v>
      </c>
      <c r="AO4927">
        <v>31</v>
      </c>
      <c r="AP4927">
        <v>31</v>
      </c>
      <c r="AQ4927">
        <v>31</v>
      </c>
    </row>
    <row r="4928" spans="1:43">
      <c r="A4928" t="s">
        <v>3110</v>
      </c>
      <c r="B4928" t="s">
        <v>3111</v>
      </c>
      <c r="C4928" t="s">
        <v>3112</v>
      </c>
      <c r="D4928" t="s">
        <v>3113</v>
      </c>
      <c r="E4928" t="s">
        <v>2928</v>
      </c>
      <c r="F4928" t="s">
        <v>2929</v>
      </c>
      <c r="G4928" t="s">
        <v>80</v>
      </c>
      <c r="H4928" t="s">
        <v>81</v>
      </c>
      <c r="I4928" s="2">
        <v>1</v>
      </c>
      <c r="J4928" s="2">
        <v>0</v>
      </c>
      <c r="K4928" s="2">
        <v>0</v>
      </c>
      <c r="L4928" t="s">
        <v>120</v>
      </c>
      <c r="M4928" t="s">
        <v>89</v>
      </c>
      <c r="N4928" t="s">
        <v>90</v>
      </c>
      <c r="O4928" t="s">
        <v>85</v>
      </c>
      <c r="P4928" t="s">
        <v>86</v>
      </c>
      <c r="Q4928">
        <v>34</v>
      </c>
      <c r="R4928">
        <v>35</v>
      </c>
      <c r="S4928">
        <v>35</v>
      </c>
      <c r="T4928">
        <v>36</v>
      </c>
      <c r="U4928">
        <v>36</v>
      </c>
      <c r="V4928">
        <v>36</v>
      </c>
      <c r="W4928">
        <v>37</v>
      </c>
      <c r="X4928">
        <v>37</v>
      </c>
      <c r="Y4928">
        <v>37</v>
      </c>
      <c r="Z4928">
        <v>38</v>
      </c>
      <c r="AA4928">
        <v>38</v>
      </c>
      <c r="AB4928">
        <v>38</v>
      </c>
      <c r="AC4928">
        <v>38</v>
      </c>
      <c r="AD4928">
        <v>38</v>
      </c>
      <c r="AE4928">
        <v>38</v>
      </c>
      <c r="AF4928">
        <v>38</v>
      </c>
      <c r="AG4928">
        <v>38</v>
      </c>
      <c r="AH4928">
        <v>38</v>
      </c>
      <c r="AI4928">
        <v>37</v>
      </c>
      <c r="AJ4928">
        <v>37</v>
      </c>
      <c r="AK4928">
        <v>37</v>
      </c>
      <c r="AL4928">
        <v>37</v>
      </c>
      <c r="AM4928">
        <v>36</v>
      </c>
      <c r="AN4928">
        <v>36</v>
      </c>
      <c r="AO4928">
        <v>36</v>
      </c>
      <c r="AP4928">
        <v>36</v>
      </c>
      <c r="AQ4928">
        <v>35</v>
      </c>
    </row>
    <row r="4929" spans="1:43">
      <c r="A4929" t="s">
        <v>3110</v>
      </c>
      <c r="B4929" t="s">
        <v>3111</v>
      </c>
      <c r="C4929" t="s">
        <v>3112</v>
      </c>
      <c r="D4929" t="s">
        <v>3113</v>
      </c>
      <c r="E4929" t="s">
        <v>2928</v>
      </c>
      <c r="F4929" t="s">
        <v>2929</v>
      </c>
      <c r="G4929" t="s">
        <v>80</v>
      </c>
      <c r="H4929" t="s">
        <v>81</v>
      </c>
      <c r="I4929" s="2">
        <v>1</v>
      </c>
      <c r="J4929" s="2">
        <v>0</v>
      </c>
      <c r="K4929" s="2">
        <v>0</v>
      </c>
      <c r="L4929" t="s">
        <v>120</v>
      </c>
      <c r="M4929" t="s">
        <v>83</v>
      </c>
      <c r="N4929" t="s">
        <v>91</v>
      </c>
      <c r="O4929" t="s">
        <v>85</v>
      </c>
      <c r="P4929" t="s">
        <v>86</v>
      </c>
      <c r="Q4929">
        <v>34</v>
      </c>
      <c r="R4929">
        <v>34</v>
      </c>
      <c r="S4929">
        <v>34</v>
      </c>
      <c r="T4929">
        <v>35</v>
      </c>
      <c r="U4929">
        <v>35</v>
      </c>
      <c r="V4929">
        <v>35</v>
      </c>
      <c r="W4929">
        <v>35</v>
      </c>
      <c r="X4929">
        <v>35</v>
      </c>
      <c r="Y4929">
        <v>35</v>
      </c>
      <c r="Z4929">
        <v>35</v>
      </c>
      <c r="AA4929">
        <v>36</v>
      </c>
      <c r="AB4929">
        <v>36</v>
      </c>
      <c r="AC4929">
        <v>36</v>
      </c>
      <c r="AD4929">
        <v>36</v>
      </c>
      <c r="AE4929">
        <v>36</v>
      </c>
      <c r="AF4929">
        <v>36</v>
      </c>
      <c r="AG4929">
        <v>36</v>
      </c>
      <c r="AH4929">
        <v>36</v>
      </c>
      <c r="AI4929">
        <v>36</v>
      </c>
      <c r="AJ4929">
        <v>36</v>
      </c>
      <c r="AK4929">
        <v>36</v>
      </c>
      <c r="AL4929">
        <v>36</v>
      </c>
      <c r="AM4929">
        <v>36</v>
      </c>
      <c r="AN4929">
        <v>36</v>
      </c>
      <c r="AO4929">
        <v>35</v>
      </c>
      <c r="AP4929">
        <v>35</v>
      </c>
      <c r="AQ4929">
        <v>35</v>
      </c>
    </row>
    <row r="4930" spans="1:43">
      <c r="A4930" t="s">
        <v>3114</v>
      </c>
      <c r="B4930" t="s">
        <v>3115</v>
      </c>
      <c r="C4930" t="s">
        <v>3116</v>
      </c>
      <c r="D4930" t="s">
        <v>3117</v>
      </c>
      <c r="E4930" t="s">
        <v>2928</v>
      </c>
      <c r="F4930" t="s">
        <v>2929</v>
      </c>
      <c r="G4930" t="s">
        <v>80</v>
      </c>
      <c r="H4930" t="s">
        <v>81</v>
      </c>
      <c r="I4930" s="2">
        <v>1</v>
      </c>
      <c r="J4930" s="2">
        <v>0</v>
      </c>
      <c r="K4930" s="2">
        <v>0</v>
      </c>
      <c r="L4930" t="s">
        <v>120</v>
      </c>
      <c r="M4930" t="s">
        <v>83</v>
      </c>
      <c r="N4930" t="s">
        <v>84</v>
      </c>
      <c r="O4930" t="s">
        <v>85</v>
      </c>
      <c r="P4930" t="s">
        <v>86</v>
      </c>
      <c r="Q4930">
        <v>2</v>
      </c>
      <c r="R4930">
        <v>2</v>
      </c>
      <c r="S4930">
        <v>2</v>
      </c>
      <c r="T4930">
        <v>2</v>
      </c>
      <c r="U4930">
        <v>2</v>
      </c>
      <c r="V4930">
        <v>2</v>
      </c>
      <c r="W4930">
        <v>2</v>
      </c>
      <c r="X4930">
        <v>2</v>
      </c>
      <c r="Y4930">
        <v>2</v>
      </c>
      <c r="Z4930">
        <v>2</v>
      </c>
      <c r="AA4930">
        <v>2</v>
      </c>
      <c r="AB4930">
        <v>2</v>
      </c>
      <c r="AC4930">
        <v>2</v>
      </c>
      <c r="AD4930">
        <v>2</v>
      </c>
      <c r="AE4930">
        <v>2</v>
      </c>
      <c r="AF4930">
        <v>2</v>
      </c>
      <c r="AG4930">
        <v>2</v>
      </c>
      <c r="AH4930">
        <v>2</v>
      </c>
      <c r="AI4930">
        <v>2</v>
      </c>
      <c r="AJ4930">
        <v>2</v>
      </c>
      <c r="AK4930">
        <v>2</v>
      </c>
      <c r="AL4930">
        <v>2</v>
      </c>
      <c r="AM4930">
        <v>2</v>
      </c>
      <c r="AN4930">
        <v>2</v>
      </c>
      <c r="AO4930">
        <v>2</v>
      </c>
      <c r="AP4930">
        <v>2</v>
      </c>
      <c r="AQ4930">
        <v>2</v>
      </c>
    </row>
    <row r="4931" spans="1:43">
      <c r="A4931" t="s">
        <v>3114</v>
      </c>
      <c r="B4931" t="s">
        <v>3115</v>
      </c>
      <c r="C4931" t="s">
        <v>3116</v>
      </c>
      <c r="D4931" t="s">
        <v>3117</v>
      </c>
      <c r="E4931" t="s">
        <v>2928</v>
      </c>
      <c r="F4931" t="s">
        <v>2929</v>
      </c>
      <c r="G4931" t="s">
        <v>80</v>
      </c>
      <c r="H4931" t="s">
        <v>81</v>
      </c>
      <c r="I4931" s="2">
        <v>1</v>
      </c>
      <c r="J4931" s="2">
        <v>0</v>
      </c>
      <c r="K4931" s="2">
        <v>0</v>
      </c>
      <c r="L4931" t="s">
        <v>120</v>
      </c>
      <c r="M4931" t="s">
        <v>87</v>
      </c>
      <c r="N4931" t="s">
        <v>88</v>
      </c>
      <c r="O4931" t="s">
        <v>85</v>
      </c>
      <c r="P4931" t="s">
        <v>86</v>
      </c>
      <c r="Q4931">
        <v>2</v>
      </c>
      <c r="R4931">
        <v>2</v>
      </c>
      <c r="S4931">
        <v>2</v>
      </c>
      <c r="T4931">
        <v>2</v>
      </c>
      <c r="U4931">
        <v>2</v>
      </c>
      <c r="V4931">
        <v>2</v>
      </c>
      <c r="W4931">
        <v>2</v>
      </c>
      <c r="X4931">
        <v>2</v>
      </c>
      <c r="Y4931">
        <v>2</v>
      </c>
      <c r="Z4931">
        <v>2</v>
      </c>
      <c r="AA4931">
        <v>2</v>
      </c>
      <c r="AB4931">
        <v>2</v>
      </c>
      <c r="AC4931">
        <v>2</v>
      </c>
      <c r="AD4931">
        <v>2</v>
      </c>
      <c r="AE4931">
        <v>2</v>
      </c>
      <c r="AF4931">
        <v>2</v>
      </c>
      <c r="AG4931">
        <v>2</v>
      </c>
      <c r="AH4931">
        <v>2</v>
      </c>
      <c r="AI4931">
        <v>2</v>
      </c>
      <c r="AJ4931">
        <v>2</v>
      </c>
      <c r="AK4931">
        <v>2</v>
      </c>
      <c r="AL4931">
        <v>2</v>
      </c>
      <c r="AM4931">
        <v>2</v>
      </c>
      <c r="AN4931">
        <v>2</v>
      </c>
      <c r="AO4931">
        <v>2</v>
      </c>
      <c r="AP4931">
        <v>2</v>
      </c>
      <c r="AQ4931">
        <v>2</v>
      </c>
    </row>
    <row r="4932" spans="1:43">
      <c r="A4932" t="s">
        <v>3114</v>
      </c>
      <c r="B4932" t="s">
        <v>3115</v>
      </c>
      <c r="C4932" t="s">
        <v>3116</v>
      </c>
      <c r="D4932" t="s">
        <v>3117</v>
      </c>
      <c r="E4932" t="s">
        <v>2928</v>
      </c>
      <c r="F4932" t="s">
        <v>2929</v>
      </c>
      <c r="G4932" t="s">
        <v>80</v>
      </c>
      <c r="H4932" t="s">
        <v>81</v>
      </c>
      <c r="I4932" s="2">
        <v>1</v>
      </c>
      <c r="J4932" s="2">
        <v>0</v>
      </c>
      <c r="K4932" s="2">
        <v>0</v>
      </c>
      <c r="L4932" t="s">
        <v>120</v>
      </c>
      <c r="M4932" t="s">
        <v>89</v>
      </c>
      <c r="N4932" t="s">
        <v>90</v>
      </c>
      <c r="O4932" t="s">
        <v>85</v>
      </c>
      <c r="P4932" t="s">
        <v>86</v>
      </c>
      <c r="Q4932">
        <v>2</v>
      </c>
      <c r="R4932">
        <v>2</v>
      </c>
      <c r="S4932">
        <v>2</v>
      </c>
      <c r="T4932">
        <v>2</v>
      </c>
      <c r="U4932">
        <v>2</v>
      </c>
      <c r="V4932">
        <v>2</v>
      </c>
      <c r="W4932">
        <v>2</v>
      </c>
      <c r="X4932">
        <v>2</v>
      </c>
      <c r="Y4932">
        <v>2</v>
      </c>
      <c r="Z4932">
        <v>2</v>
      </c>
      <c r="AA4932">
        <v>2</v>
      </c>
      <c r="AB4932">
        <v>2</v>
      </c>
      <c r="AC4932">
        <v>2</v>
      </c>
      <c r="AD4932">
        <v>2</v>
      </c>
      <c r="AE4932">
        <v>2</v>
      </c>
      <c r="AF4932">
        <v>2</v>
      </c>
      <c r="AG4932">
        <v>2</v>
      </c>
      <c r="AH4932">
        <v>2</v>
      </c>
      <c r="AI4932">
        <v>2</v>
      </c>
      <c r="AJ4932">
        <v>2</v>
      </c>
      <c r="AK4932">
        <v>2</v>
      </c>
      <c r="AL4932">
        <v>2</v>
      </c>
      <c r="AM4932">
        <v>2</v>
      </c>
      <c r="AN4932">
        <v>2</v>
      </c>
      <c r="AO4932">
        <v>2</v>
      </c>
      <c r="AP4932">
        <v>2</v>
      </c>
      <c r="AQ4932">
        <v>2</v>
      </c>
    </row>
    <row r="4933" spans="1:43">
      <c r="A4933" t="s">
        <v>3114</v>
      </c>
      <c r="B4933" t="s">
        <v>3115</v>
      </c>
      <c r="C4933" t="s">
        <v>3116</v>
      </c>
      <c r="D4933" t="s">
        <v>3117</v>
      </c>
      <c r="E4933" t="s">
        <v>2928</v>
      </c>
      <c r="F4933" t="s">
        <v>2929</v>
      </c>
      <c r="G4933" t="s">
        <v>80</v>
      </c>
      <c r="H4933" t="s">
        <v>81</v>
      </c>
      <c r="I4933" s="2">
        <v>1</v>
      </c>
      <c r="J4933" s="2">
        <v>0</v>
      </c>
      <c r="K4933" s="2">
        <v>0</v>
      </c>
      <c r="L4933" t="s">
        <v>120</v>
      </c>
      <c r="M4933" t="s">
        <v>83</v>
      </c>
      <c r="N4933" t="s">
        <v>91</v>
      </c>
      <c r="O4933" t="s">
        <v>85</v>
      </c>
      <c r="P4933" t="s">
        <v>86</v>
      </c>
      <c r="Q4933">
        <v>2</v>
      </c>
      <c r="R4933">
        <v>2</v>
      </c>
      <c r="S4933">
        <v>2</v>
      </c>
      <c r="T4933">
        <v>2</v>
      </c>
      <c r="U4933">
        <v>2</v>
      </c>
      <c r="V4933">
        <v>2</v>
      </c>
      <c r="W4933">
        <v>2</v>
      </c>
      <c r="X4933">
        <v>2</v>
      </c>
      <c r="Y4933">
        <v>2</v>
      </c>
      <c r="Z4933">
        <v>2</v>
      </c>
      <c r="AA4933">
        <v>2</v>
      </c>
      <c r="AB4933">
        <v>2</v>
      </c>
      <c r="AC4933">
        <v>2</v>
      </c>
      <c r="AD4933">
        <v>2</v>
      </c>
      <c r="AE4933">
        <v>2</v>
      </c>
      <c r="AF4933">
        <v>2</v>
      </c>
      <c r="AG4933">
        <v>2</v>
      </c>
      <c r="AH4933">
        <v>2</v>
      </c>
      <c r="AI4933">
        <v>2</v>
      </c>
      <c r="AJ4933">
        <v>2</v>
      </c>
      <c r="AK4933">
        <v>2</v>
      </c>
      <c r="AL4933">
        <v>2</v>
      </c>
      <c r="AM4933">
        <v>2</v>
      </c>
      <c r="AN4933">
        <v>2</v>
      </c>
      <c r="AO4933">
        <v>2</v>
      </c>
      <c r="AP4933">
        <v>2</v>
      </c>
      <c r="AQ4933">
        <v>2</v>
      </c>
    </row>
    <row r="4934" spans="1:43">
      <c r="A4934" t="s">
        <v>3118</v>
      </c>
      <c r="B4934" t="s">
        <v>3119</v>
      </c>
      <c r="C4934" t="s">
        <v>3116</v>
      </c>
      <c r="D4934" t="s">
        <v>3117</v>
      </c>
      <c r="E4934" t="s">
        <v>2928</v>
      </c>
      <c r="F4934" t="s">
        <v>2929</v>
      </c>
      <c r="G4934" t="s">
        <v>80</v>
      </c>
      <c r="H4934" t="s">
        <v>81</v>
      </c>
      <c r="I4934" s="2">
        <v>1</v>
      </c>
      <c r="J4934" s="2">
        <v>0</v>
      </c>
      <c r="K4934" s="2">
        <v>0</v>
      </c>
      <c r="L4934" t="s">
        <v>120</v>
      </c>
      <c r="M4934" t="s">
        <v>83</v>
      </c>
      <c r="N4934" t="s">
        <v>84</v>
      </c>
      <c r="O4934" t="s">
        <v>85</v>
      </c>
      <c r="P4934" t="s">
        <v>86</v>
      </c>
      <c r="Q4934">
        <v>21</v>
      </c>
      <c r="R4934">
        <v>21</v>
      </c>
      <c r="S4934">
        <v>21</v>
      </c>
      <c r="T4934">
        <v>22</v>
      </c>
      <c r="U4934">
        <v>22</v>
      </c>
      <c r="V4934">
        <v>22</v>
      </c>
      <c r="W4934">
        <v>22</v>
      </c>
      <c r="X4934">
        <v>22</v>
      </c>
      <c r="Y4934">
        <v>22</v>
      </c>
      <c r="Z4934">
        <v>22</v>
      </c>
      <c r="AA4934">
        <v>22</v>
      </c>
      <c r="AB4934">
        <v>22</v>
      </c>
      <c r="AC4934">
        <v>22</v>
      </c>
      <c r="AD4934">
        <v>22</v>
      </c>
      <c r="AE4934">
        <v>22</v>
      </c>
      <c r="AF4934">
        <v>22</v>
      </c>
      <c r="AG4934">
        <v>22</v>
      </c>
      <c r="AH4934">
        <v>22</v>
      </c>
      <c r="AI4934">
        <v>22</v>
      </c>
      <c r="AJ4934">
        <v>22</v>
      </c>
      <c r="AK4934">
        <v>22</v>
      </c>
      <c r="AL4934">
        <v>22</v>
      </c>
      <c r="AM4934">
        <v>22</v>
      </c>
      <c r="AN4934">
        <v>22</v>
      </c>
      <c r="AO4934">
        <v>22</v>
      </c>
      <c r="AP4934">
        <v>22</v>
      </c>
      <c r="AQ4934">
        <v>21</v>
      </c>
    </row>
    <row r="4935" spans="1:43">
      <c r="A4935" t="s">
        <v>3118</v>
      </c>
      <c r="B4935" t="s">
        <v>3119</v>
      </c>
      <c r="C4935" t="s">
        <v>3116</v>
      </c>
      <c r="D4935" t="s">
        <v>3117</v>
      </c>
      <c r="E4935" t="s">
        <v>2928</v>
      </c>
      <c r="F4935" t="s">
        <v>2929</v>
      </c>
      <c r="G4935" t="s">
        <v>80</v>
      </c>
      <c r="H4935" t="s">
        <v>81</v>
      </c>
      <c r="I4935" s="2">
        <v>1</v>
      </c>
      <c r="J4935" s="2">
        <v>0</v>
      </c>
      <c r="K4935" s="2">
        <v>0</v>
      </c>
      <c r="L4935" t="s">
        <v>120</v>
      </c>
      <c r="M4935" t="s">
        <v>87</v>
      </c>
      <c r="N4935" t="s">
        <v>88</v>
      </c>
      <c r="O4935" t="s">
        <v>85</v>
      </c>
      <c r="P4935" t="s">
        <v>86</v>
      </c>
      <c r="Q4935">
        <v>21</v>
      </c>
      <c r="R4935">
        <v>21</v>
      </c>
      <c r="S4935">
        <v>21</v>
      </c>
      <c r="T4935">
        <v>21</v>
      </c>
      <c r="U4935">
        <v>21</v>
      </c>
      <c r="V4935">
        <v>21</v>
      </c>
      <c r="W4935">
        <v>20</v>
      </c>
      <c r="X4935">
        <v>20</v>
      </c>
      <c r="Y4935">
        <v>20</v>
      </c>
      <c r="Z4935">
        <v>20</v>
      </c>
      <c r="AA4935">
        <v>20</v>
      </c>
      <c r="AB4935">
        <v>20</v>
      </c>
      <c r="AC4935">
        <v>20</v>
      </c>
      <c r="AD4935">
        <v>20</v>
      </c>
      <c r="AE4935">
        <v>20</v>
      </c>
      <c r="AF4935">
        <v>20</v>
      </c>
      <c r="AG4935">
        <v>20</v>
      </c>
      <c r="AH4935">
        <v>19</v>
      </c>
      <c r="AI4935">
        <v>19</v>
      </c>
      <c r="AJ4935">
        <v>19</v>
      </c>
      <c r="AK4935">
        <v>19</v>
      </c>
      <c r="AL4935">
        <v>19</v>
      </c>
      <c r="AM4935">
        <v>19</v>
      </c>
      <c r="AN4935">
        <v>19</v>
      </c>
      <c r="AO4935">
        <v>19</v>
      </c>
      <c r="AP4935">
        <v>19</v>
      </c>
      <c r="AQ4935">
        <v>19</v>
      </c>
    </row>
    <row r="4936" spans="1:43">
      <c r="A4936" t="s">
        <v>3118</v>
      </c>
      <c r="B4936" t="s">
        <v>3119</v>
      </c>
      <c r="C4936" t="s">
        <v>3116</v>
      </c>
      <c r="D4936" t="s">
        <v>3117</v>
      </c>
      <c r="E4936" t="s">
        <v>2928</v>
      </c>
      <c r="F4936" t="s">
        <v>2929</v>
      </c>
      <c r="G4936" t="s">
        <v>80</v>
      </c>
      <c r="H4936" t="s">
        <v>81</v>
      </c>
      <c r="I4936" s="2">
        <v>1</v>
      </c>
      <c r="J4936" s="2">
        <v>0</v>
      </c>
      <c r="K4936" s="2">
        <v>0</v>
      </c>
      <c r="L4936" t="s">
        <v>120</v>
      </c>
      <c r="M4936" t="s">
        <v>89</v>
      </c>
      <c r="N4936" t="s">
        <v>90</v>
      </c>
      <c r="O4936" t="s">
        <v>85</v>
      </c>
      <c r="P4936" t="s">
        <v>86</v>
      </c>
      <c r="Q4936">
        <v>21</v>
      </c>
      <c r="R4936">
        <v>22</v>
      </c>
      <c r="S4936">
        <v>22</v>
      </c>
      <c r="T4936">
        <v>22</v>
      </c>
      <c r="U4936">
        <v>23</v>
      </c>
      <c r="V4936">
        <v>23</v>
      </c>
      <c r="W4936">
        <v>23</v>
      </c>
      <c r="X4936">
        <v>23</v>
      </c>
      <c r="Y4936">
        <v>23</v>
      </c>
      <c r="Z4936">
        <v>23</v>
      </c>
      <c r="AA4936">
        <v>23</v>
      </c>
      <c r="AB4936">
        <v>24</v>
      </c>
      <c r="AC4936">
        <v>24</v>
      </c>
      <c r="AD4936">
        <v>24</v>
      </c>
      <c r="AE4936">
        <v>24</v>
      </c>
      <c r="AF4936">
        <v>24</v>
      </c>
      <c r="AG4936">
        <v>23</v>
      </c>
      <c r="AH4936">
        <v>23</v>
      </c>
      <c r="AI4936">
        <v>23</v>
      </c>
      <c r="AJ4936">
        <v>23</v>
      </c>
      <c r="AK4936">
        <v>23</v>
      </c>
      <c r="AL4936">
        <v>23</v>
      </c>
      <c r="AM4936">
        <v>22</v>
      </c>
      <c r="AN4936">
        <v>22</v>
      </c>
      <c r="AO4936">
        <v>22</v>
      </c>
      <c r="AP4936">
        <v>22</v>
      </c>
      <c r="AQ4936">
        <v>22</v>
      </c>
    </row>
    <row r="4937" spans="1:43">
      <c r="A4937" t="s">
        <v>3118</v>
      </c>
      <c r="B4937" t="s">
        <v>3119</v>
      </c>
      <c r="C4937" t="s">
        <v>3116</v>
      </c>
      <c r="D4937" t="s">
        <v>3117</v>
      </c>
      <c r="E4937" t="s">
        <v>2928</v>
      </c>
      <c r="F4937" t="s">
        <v>2929</v>
      </c>
      <c r="G4937" t="s">
        <v>80</v>
      </c>
      <c r="H4937" t="s">
        <v>81</v>
      </c>
      <c r="I4937" s="2">
        <v>1</v>
      </c>
      <c r="J4937" s="2">
        <v>0</v>
      </c>
      <c r="K4937" s="2">
        <v>0</v>
      </c>
      <c r="L4937" t="s">
        <v>120</v>
      </c>
      <c r="M4937" t="s">
        <v>83</v>
      </c>
      <c r="N4937" t="s">
        <v>91</v>
      </c>
      <c r="O4937" t="s">
        <v>85</v>
      </c>
      <c r="P4937" t="s">
        <v>86</v>
      </c>
      <c r="Q4937">
        <v>21</v>
      </c>
      <c r="R4937">
        <v>21</v>
      </c>
      <c r="S4937">
        <v>21</v>
      </c>
      <c r="T4937">
        <v>22</v>
      </c>
      <c r="U4937">
        <v>22</v>
      </c>
      <c r="V4937">
        <v>22</v>
      </c>
      <c r="W4937">
        <v>22</v>
      </c>
      <c r="X4937">
        <v>22</v>
      </c>
      <c r="Y4937">
        <v>22</v>
      </c>
      <c r="Z4937">
        <v>22</v>
      </c>
      <c r="AA4937">
        <v>22</v>
      </c>
      <c r="AB4937">
        <v>22</v>
      </c>
      <c r="AC4937">
        <v>22</v>
      </c>
      <c r="AD4937">
        <v>22</v>
      </c>
      <c r="AE4937">
        <v>22</v>
      </c>
      <c r="AF4937">
        <v>22</v>
      </c>
      <c r="AG4937">
        <v>22</v>
      </c>
      <c r="AH4937">
        <v>22</v>
      </c>
      <c r="AI4937">
        <v>22</v>
      </c>
      <c r="AJ4937">
        <v>22</v>
      </c>
      <c r="AK4937">
        <v>22</v>
      </c>
      <c r="AL4937">
        <v>22</v>
      </c>
      <c r="AM4937">
        <v>22</v>
      </c>
      <c r="AN4937">
        <v>22</v>
      </c>
      <c r="AO4937">
        <v>22</v>
      </c>
      <c r="AP4937">
        <v>22</v>
      </c>
      <c r="AQ4937">
        <v>21</v>
      </c>
    </row>
    <row r="4938" spans="1:43">
      <c r="A4938" t="s">
        <v>3120</v>
      </c>
      <c r="B4938" t="s">
        <v>3121</v>
      </c>
      <c r="C4938" t="s">
        <v>3018</v>
      </c>
      <c r="D4938" t="s">
        <v>3019</v>
      </c>
      <c r="E4938" t="s">
        <v>2928</v>
      </c>
      <c r="F4938" t="s">
        <v>2929</v>
      </c>
      <c r="G4938" t="s">
        <v>80</v>
      </c>
      <c r="H4938" t="s">
        <v>81</v>
      </c>
      <c r="I4938" s="2">
        <v>1</v>
      </c>
      <c r="J4938" s="2">
        <v>0</v>
      </c>
      <c r="K4938" s="2">
        <v>0</v>
      </c>
      <c r="L4938" t="s">
        <v>120</v>
      </c>
      <c r="M4938" t="s">
        <v>83</v>
      </c>
      <c r="N4938" t="s">
        <v>84</v>
      </c>
      <c r="O4938" t="s">
        <v>85</v>
      </c>
      <c r="P4938" t="s">
        <v>86</v>
      </c>
      <c r="Q4938">
        <v>18</v>
      </c>
      <c r="R4938">
        <v>18</v>
      </c>
      <c r="S4938">
        <v>18</v>
      </c>
      <c r="T4938">
        <v>18</v>
      </c>
      <c r="U4938">
        <v>18</v>
      </c>
      <c r="V4938">
        <v>18</v>
      </c>
      <c r="W4938">
        <v>19</v>
      </c>
      <c r="X4938">
        <v>19</v>
      </c>
      <c r="Y4938">
        <v>19</v>
      </c>
      <c r="Z4938">
        <v>19</v>
      </c>
      <c r="AA4938">
        <v>19</v>
      </c>
      <c r="AB4938">
        <v>19</v>
      </c>
      <c r="AC4938">
        <v>19</v>
      </c>
      <c r="AD4938">
        <v>19</v>
      </c>
      <c r="AE4938">
        <v>19</v>
      </c>
      <c r="AF4938">
        <v>19</v>
      </c>
      <c r="AG4938">
        <v>19</v>
      </c>
      <c r="AH4938">
        <v>19</v>
      </c>
      <c r="AI4938">
        <v>19</v>
      </c>
      <c r="AJ4938">
        <v>19</v>
      </c>
      <c r="AK4938">
        <v>19</v>
      </c>
      <c r="AL4938">
        <v>19</v>
      </c>
      <c r="AM4938">
        <v>19</v>
      </c>
      <c r="AN4938">
        <v>19</v>
      </c>
      <c r="AO4938">
        <v>19</v>
      </c>
      <c r="AP4938">
        <v>18</v>
      </c>
      <c r="AQ4938">
        <v>18</v>
      </c>
    </row>
    <row r="4939" spans="1:43">
      <c r="A4939" t="s">
        <v>3120</v>
      </c>
      <c r="B4939" t="s">
        <v>3121</v>
      </c>
      <c r="C4939" t="s">
        <v>3018</v>
      </c>
      <c r="D4939" t="s">
        <v>3019</v>
      </c>
      <c r="E4939" t="s">
        <v>2928</v>
      </c>
      <c r="F4939" t="s">
        <v>2929</v>
      </c>
      <c r="G4939" t="s">
        <v>80</v>
      </c>
      <c r="H4939" t="s">
        <v>81</v>
      </c>
      <c r="I4939" s="2">
        <v>1</v>
      </c>
      <c r="J4939" s="2">
        <v>0</v>
      </c>
      <c r="K4939" s="2">
        <v>0</v>
      </c>
      <c r="L4939" t="s">
        <v>120</v>
      </c>
      <c r="M4939" t="s">
        <v>87</v>
      </c>
      <c r="N4939" t="s">
        <v>88</v>
      </c>
      <c r="O4939" t="s">
        <v>85</v>
      </c>
      <c r="P4939" t="s">
        <v>86</v>
      </c>
      <c r="Q4939">
        <v>18</v>
      </c>
      <c r="R4939">
        <v>18</v>
      </c>
      <c r="S4939">
        <v>18</v>
      </c>
      <c r="T4939">
        <v>18</v>
      </c>
      <c r="U4939">
        <v>18</v>
      </c>
      <c r="V4939">
        <v>18</v>
      </c>
      <c r="W4939">
        <v>17</v>
      </c>
      <c r="X4939">
        <v>17</v>
      </c>
      <c r="Y4939">
        <v>17</v>
      </c>
      <c r="Z4939">
        <v>17</v>
      </c>
      <c r="AA4939">
        <v>17</v>
      </c>
      <c r="AB4939">
        <v>17</v>
      </c>
      <c r="AC4939">
        <v>17</v>
      </c>
      <c r="AD4939">
        <v>17</v>
      </c>
      <c r="AE4939">
        <v>17</v>
      </c>
      <c r="AF4939">
        <v>17</v>
      </c>
      <c r="AG4939">
        <v>17</v>
      </c>
      <c r="AH4939">
        <v>17</v>
      </c>
      <c r="AI4939">
        <v>17</v>
      </c>
      <c r="AJ4939">
        <v>16</v>
      </c>
      <c r="AK4939">
        <v>16</v>
      </c>
      <c r="AL4939">
        <v>16</v>
      </c>
      <c r="AM4939">
        <v>16</v>
      </c>
      <c r="AN4939">
        <v>16</v>
      </c>
      <c r="AO4939">
        <v>16</v>
      </c>
      <c r="AP4939">
        <v>16</v>
      </c>
      <c r="AQ4939">
        <v>16</v>
      </c>
    </row>
    <row r="4940" spans="1:43">
      <c r="A4940" t="s">
        <v>3120</v>
      </c>
      <c r="B4940" t="s">
        <v>3121</v>
      </c>
      <c r="C4940" t="s">
        <v>3018</v>
      </c>
      <c r="D4940" t="s">
        <v>3019</v>
      </c>
      <c r="E4940" t="s">
        <v>2928</v>
      </c>
      <c r="F4940" t="s">
        <v>2929</v>
      </c>
      <c r="G4940" t="s">
        <v>80</v>
      </c>
      <c r="H4940" t="s">
        <v>81</v>
      </c>
      <c r="I4940" s="2">
        <v>1</v>
      </c>
      <c r="J4940" s="2">
        <v>0</v>
      </c>
      <c r="K4940" s="2">
        <v>0</v>
      </c>
      <c r="L4940" t="s">
        <v>120</v>
      </c>
      <c r="M4940" t="s">
        <v>89</v>
      </c>
      <c r="N4940" t="s">
        <v>90</v>
      </c>
      <c r="O4940" t="s">
        <v>85</v>
      </c>
      <c r="P4940" t="s">
        <v>86</v>
      </c>
      <c r="Q4940">
        <v>18</v>
      </c>
      <c r="R4940">
        <v>19</v>
      </c>
      <c r="S4940">
        <v>19</v>
      </c>
      <c r="T4940">
        <v>19</v>
      </c>
      <c r="U4940">
        <v>19</v>
      </c>
      <c r="V4940">
        <v>19</v>
      </c>
      <c r="W4940">
        <v>19</v>
      </c>
      <c r="X4940">
        <v>20</v>
      </c>
      <c r="Y4940">
        <v>20</v>
      </c>
      <c r="Z4940">
        <v>20</v>
      </c>
      <c r="AA4940">
        <v>20</v>
      </c>
      <c r="AB4940">
        <v>20</v>
      </c>
      <c r="AC4940">
        <v>20</v>
      </c>
      <c r="AD4940">
        <v>20</v>
      </c>
      <c r="AE4940">
        <v>20</v>
      </c>
      <c r="AF4940">
        <v>20</v>
      </c>
      <c r="AG4940">
        <v>20</v>
      </c>
      <c r="AH4940">
        <v>20</v>
      </c>
      <c r="AI4940">
        <v>20</v>
      </c>
      <c r="AJ4940">
        <v>19</v>
      </c>
      <c r="AK4940">
        <v>19</v>
      </c>
      <c r="AL4940">
        <v>19</v>
      </c>
      <c r="AM4940">
        <v>19</v>
      </c>
      <c r="AN4940">
        <v>19</v>
      </c>
      <c r="AO4940">
        <v>19</v>
      </c>
      <c r="AP4940">
        <v>19</v>
      </c>
      <c r="AQ4940">
        <v>18</v>
      </c>
    </row>
    <row r="4941" spans="1:43">
      <c r="A4941" t="s">
        <v>3120</v>
      </c>
      <c r="B4941" t="s">
        <v>3121</v>
      </c>
      <c r="C4941" t="s">
        <v>3018</v>
      </c>
      <c r="D4941" t="s">
        <v>3019</v>
      </c>
      <c r="E4941" t="s">
        <v>2928</v>
      </c>
      <c r="F4941" t="s">
        <v>2929</v>
      </c>
      <c r="G4941" t="s">
        <v>80</v>
      </c>
      <c r="H4941" t="s">
        <v>81</v>
      </c>
      <c r="I4941" s="2">
        <v>1</v>
      </c>
      <c r="J4941" s="2">
        <v>0</v>
      </c>
      <c r="K4941" s="2">
        <v>0</v>
      </c>
      <c r="L4941" t="s">
        <v>120</v>
      </c>
      <c r="M4941" t="s">
        <v>83</v>
      </c>
      <c r="N4941" t="s">
        <v>91</v>
      </c>
      <c r="O4941" t="s">
        <v>85</v>
      </c>
      <c r="P4941" t="s">
        <v>86</v>
      </c>
      <c r="Q4941">
        <v>18</v>
      </c>
      <c r="R4941">
        <v>18</v>
      </c>
      <c r="S4941">
        <v>18</v>
      </c>
      <c r="T4941">
        <v>18</v>
      </c>
      <c r="U4941">
        <v>18</v>
      </c>
      <c r="V4941">
        <v>18</v>
      </c>
      <c r="W4941">
        <v>19</v>
      </c>
      <c r="X4941">
        <v>19</v>
      </c>
      <c r="Y4941">
        <v>19</v>
      </c>
      <c r="Z4941">
        <v>19</v>
      </c>
      <c r="AA4941">
        <v>19</v>
      </c>
      <c r="AB4941">
        <v>19</v>
      </c>
      <c r="AC4941">
        <v>19</v>
      </c>
      <c r="AD4941">
        <v>19</v>
      </c>
      <c r="AE4941">
        <v>19</v>
      </c>
      <c r="AF4941">
        <v>19</v>
      </c>
      <c r="AG4941">
        <v>19</v>
      </c>
      <c r="AH4941">
        <v>19</v>
      </c>
      <c r="AI4941">
        <v>19</v>
      </c>
      <c r="AJ4941">
        <v>19</v>
      </c>
      <c r="AK4941">
        <v>19</v>
      </c>
      <c r="AL4941">
        <v>19</v>
      </c>
      <c r="AM4941">
        <v>19</v>
      </c>
      <c r="AN4941">
        <v>19</v>
      </c>
      <c r="AO4941">
        <v>19</v>
      </c>
      <c r="AP4941">
        <v>18</v>
      </c>
      <c r="AQ4941">
        <v>18</v>
      </c>
    </row>
    <row r="4942" spans="1:43">
      <c r="A4942" t="s">
        <v>3122</v>
      </c>
      <c r="B4942" t="s">
        <v>3123</v>
      </c>
      <c r="C4942" t="s">
        <v>3116</v>
      </c>
      <c r="D4942" t="s">
        <v>3117</v>
      </c>
      <c r="E4942" t="s">
        <v>2928</v>
      </c>
      <c r="F4942" t="s">
        <v>2929</v>
      </c>
      <c r="G4942" t="s">
        <v>80</v>
      </c>
      <c r="H4942" t="s">
        <v>81</v>
      </c>
      <c r="I4942" s="2">
        <v>1</v>
      </c>
      <c r="J4942" s="2">
        <v>0</v>
      </c>
      <c r="K4942" s="2">
        <v>0</v>
      </c>
      <c r="L4942" t="s">
        <v>120</v>
      </c>
      <c r="M4942" t="s">
        <v>83</v>
      </c>
      <c r="N4942" t="s">
        <v>84</v>
      </c>
      <c r="O4942" t="s">
        <v>85</v>
      </c>
      <c r="P4942" t="s">
        <v>86</v>
      </c>
      <c r="Q4942">
        <v>24</v>
      </c>
      <c r="R4942">
        <v>24</v>
      </c>
      <c r="S4942">
        <v>24</v>
      </c>
      <c r="T4942">
        <v>24</v>
      </c>
      <c r="U4942">
        <v>25</v>
      </c>
      <c r="V4942">
        <v>25</v>
      </c>
      <c r="W4942">
        <v>25</v>
      </c>
      <c r="X4942">
        <v>25</v>
      </c>
      <c r="Y4942">
        <v>25</v>
      </c>
      <c r="Z4942">
        <v>25</v>
      </c>
      <c r="AA4942">
        <v>25</v>
      </c>
      <c r="AB4942">
        <v>25</v>
      </c>
      <c r="AC4942">
        <v>25</v>
      </c>
      <c r="AD4942">
        <v>25</v>
      </c>
      <c r="AE4942">
        <v>25</v>
      </c>
      <c r="AF4942">
        <v>25</v>
      </c>
      <c r="AG4942">
        <v>25</v>
      </c>
      <c r="AH4942">
        <v>25</v>
      </c>
      <c r="AI4942">
        <v>25</v>
      </c>
      <c r="AJ4942">
        <v>25</v>
      </c>
      <c r="AK4942">
        <v>25</v>
      </c>
      <c r="AL4942">
        <v>25</v>
      </c>
      <c r="AM4942">
        <v>25</v>
      </c>
      <c r="AN4942">
        <v>25</v>
      </c>
      <c r="AO4942">
        <v>25</v>
      </c>
      <c r="AP4942">
        <v>25</v>
      </c>
      <c r="AQ4942">
        <v>24</v>
      </c>
    </row>
    <row r="4943" spans="1:43">
      <c r="A4943" t="s">
        <v>3122</v>
      </c>
      <c r="B4943" t="s">
        <v>3123</v>
      </c>
      <c r="C4943" t="s">
        <v>3116</v>
      </c>
      <c r="D4943" t="s">
        <v>3117</v>
      </c>
      <c r="E4943" t="s">
        <v>2928</v>
      </c>
      <c r="F4943" t="s">
        <v>2929</v>
      </c>
      <c r="G4943" t="s">
        <v>80</v>
      </c>
      <c r="H4943" t="s">
        <v>81</v>
      </c>
      <c r="I4943" s="2">
        <v>1</v>
      </c>
      <c r="J4943" s="2">
        <v>0</v>
      </c>
      <c r="K4943" s="2">
        <v>0</v>
      </c>
      <c r="L4943" t="s">
        <v>120</v>
      </c>
      <c r="M4943" t="s">
        <v>87</v>
      </c>
      <c r="N4943" t="s">
        <v>88</v>
      </c>
      <c r="O4943" t="s">
        <v>85</v>
      </c>
      <c r="P4943" t="s">
        <v>86</v>
      </c>
      <c r="Q4943">
        <v>24</v>
      </c>
      <c r="R4943">
        <v>24</v>
      </c>
      <c r="S4943">
        <v>24</v>
      </c>
      <c r="T4943">
        <v>24</v>
      </c>
      <c r="U4943">
        <v>23</v>
      </c>
      <c r="V4943">
        <v>23</v>
      </c>
      <c r="W4943">
        <v>23</v>
      </c>
      <c r="X4943">
        <v>23</v>
      </c>
      <c r="Y4943">
        <v>23</v>
      </c>
      <c r="Z4943">
        <v>23</v>
      </c>
      <c r="AA4943">
        <v>23</v>
      </c>
      <c r="AB4943">
        <v>23</v>
      </c>
      <c r="AC4943">
        <v>23</v>
      </c>
      <c r="AD4943">
        <v>23</v>
      </c>
      <c r="AE4943">
        <v>22</v>
      </c>
      <c r="AF4943">
        <v>22</v>
      </c>
      <c r="AG4943">
        <v>22</v>
      </c>
      <c r="AH4943">
        <v>22</v>
      </c>
      <c r="AI4943">
        <v>22</v>
      </c>
      <c r="AJ4943">
        <v>22</v>
      </c>
      <c r="AK4943">
        <v>22</v>
      </c>
      <c r="AL4943">
        <v>22</v>
      </c>
      <c r="AM4943">
        <v>22</v>
      </c>
      <c r="AN4943">
        <v>22</v>
      </c>
      <c r="AO4943">
        <v>21</v>
      </c>
      <c r="AP4943">
        <v>21</v>
      </c>
      <c r="AQ4943">
        <v>21</v>
      </c>
    </row>
    <row r="4944" spans="1:43">
      <c r="A4944" t="s">
        <v>3122</v>
      </c>
      <c r="B4944" t="s">
        <v>3123</v>
      </c>
      <c r="C4944" t="s">
        <v>3116</v>
      </c>
      <c r="D4944" t="s">
        <v>3117</v>
      </c>
      <c r="E4944" t="s">
        <v>2928</v>
      </c>
      <c r="F4944" t="s">
        <v>2929</v>
      </c>
      <c r="G4944" t="s">
        <v>80</v>
      </c>
      <c r="H4944" t="s">
        <v>81</v>
      </c>
      <c r="I4944" s="2">
        <v>1</v>
      </c>
      <c r="J4944" s="2">
        <v>0</v>
      </c>
      <c r="K4944" s="2">
        <v>0</v>
      </c>
      <c r="L4944" t="s">
        <v>120</v>
      </c>
      <c r="M4944" t="s">
        <v>89</v>
      </c>
      <c r="N4944" t="s">
        <v>90</v>
      </c>
      <c r="O4944" t="s">
        <v>85</v>
      </c>
      <c r="P4944" t="s">
        <v>86</v>
      </c>
      <c r="Q4944">
        <v>24</v>
      </c>
      <c r="R4944">
        <v>25</v>
      </c>
      <c r="S4944">
        <v>25</v>
      </c>
      <c r="T4944">
        <v>25</v>
      </c>
      <c r="U4944">
        <v>26</v>
      </c>
      <c r="V4944">
        <v>26</v>
      </c>
      <c r="W4944">
        <v>26</v>
      </c>
      <c r="X4944">
        <v>26</v>
      </c>
      <c r="Y4944">
        <v>26</v>
      </c>
      <c r="Z4944">
        <v>26</v>
      </c>
      <c r="AA4944">
        <v>27</v>
      </c>
      <c r="AB4944">
        <v>27</v>
      </c>
      <c r="AC4944">
        <v>27</v>
      </c>
      <c r="AD4944">
        <v>27</v>
      </c>
      <c r="AE4944">
        <v>27</v>
      </c>
      <c r="AF4944">
        <v>27</v>
      </c>
      <c r="AG4944">
        <v>27</v>
      </c>
      <c r="AH4944">
        <v>26</v>
      </c>
      <c r="AI4944">
        <v>26</v>
      </c>
      <c r="AJ4944">
        <v>26</v>
      </c>
      <c r="AK4944">
        <v>26</v>
      </c>
      <c r="AL4944">
        <v>26</v>
      </c>
      <c r="AM4944">
        <v>25</v>
      </c>
      <c r="AN4944">
        <v>25</v>
      </c>
      <c r="AO4944">
        <v>25</v>
      </c>
      <c r="AP4944">
        <v>25</v>
      </c>
      <c r="AQ4944">
        <v>25</v>
      </c>
    </row>
    <row r="4945" spans="1:43">
      <c r="A4945" t="s">
        <v>3122</v>
      </c>
      <c r="B4945" t="s">
        <v>3123</v>
      </c>
      <c r="C4945" t="s">
        <v>3116</v>
      </c>
      <c r="D4945" t="s">
        <v>3117</v>
      </c>
      <c r="E4945" t="s">
        <v>2928</v>
      </c>
      <c r="F4945" t="s">
        <v>2929</v>
      </c>
      <c r="G4945" t="s">
        <v>80</v>
      </c>
      <c r="H4945" t="s">
        <v>81</v>
      </c>
      <c r="I4945" s="2">
        <v>1</v>
      </c>
      <c r="J4945" s="2">
        <v>0</v>
      </c>
      <c r="K4945" s="2">
        <v>0</v>
      </c>
      <c r="L4945" t="s">
        <v>120</v>
      </c>
      <c r="M4945" t="s">
        <v>83</v>
      </c>
      <c r="N4945" t="s">
        <v>91</v>
      </c>
      <c r="O4945" t="s">
        <v>85</v>
      </c>
      <c r="P4945" t="s">
        <v>86</v>
      </c>
      <c r="Q4945">
        <v>24</v>
      </c>
      <c r="R4945">
        <v>24</v>
      </c>
      <c r="S4945">
        <v>24</v>
      </c>
      <c r="T4945">
        <v>24</v>
      </c>
      <c r="U4945">
        <v>25</v>
      </c>
      <c r="V4945">
        <v>25</v>
      </c>
      <c r="W4945">
        <v>25</v>
      </c>
      <c r="X4945">
        <v>25</v>
      </c>
      <c r="Y4945">
        <v>25</v>
      </c>
      <c r="Z4945">
        <v>25</v>
      </c>
      <c r="AA4945">
        <v>25</v>
      </c>
      <c r="AB4945">
        <v>25</v>
      </c>
      <c r="AC4945">
        <v>25</v>
      </c>
      <c r="AD4945">
        <v>25</v>
      </c>
      <c r="AE4945">
        <v>25</v>
      </c>
      <c r="AF4945">
        <v>25</v>
      </c>
      <c r="AG4945">
        <v>25</v>
      </c>
      <c r="AH4945">
        <v>25</v>
      </c>
      <c r="AI4945">
        <v>25</v>
      </c>
      <c r="AJ4945">
        <v>25</v>
      </c>
      <c r="AK4945">
        <v>25</v>
      </c>
      <c r="AL4945">
        <v>25</v>
      </c>
      <c r="AM4945">
        <v>25</v>
      </c>
      <c r="AN4945">
        <v>25</v>
      </c>
      <c r="AO4945">
        <v>25</v>
      </c>
      <c r="AP4945">
        <v>25</v>
      </c>
      <c r="AQ4945">
        <v>24</v>
      </c>
    </row>
    <row r="4946" spans="1:43">
      <c r="A4946" t="s">
        <v>3124</v>
      </c>
      <c r="B4946" t="s">
        <v>3125</v>
      </c>
      <c r="C4946" t="s">
        <v>3126</v>
      </c>
      <c r="D4946" t="s">
        <v>3127</v>
      </c>
      <c r="E4946" t="s">
        <v>2928</v>
      </c>
      <c r="F4946" t="s">
        <v>2929</v>
      </c>
      <c r="G4946" t="s">
        <v>80</v>
      </c>
      <c r="H4946" t="s">
        <v>81</v>
      </c>
      <c r="I4946" s="2">
        <v>1</v>
      </c>
      <c r="J4946" s="2">
        <v>0</v>
      </c>
      <c r="K4946" s="2">
        <v>0</v>
      </c>
      <c r="L4946" t="s">
        <v>120</v>
      </c>
      <c r="M4946" t="s">
        <v>83</v>
      </c>
      <c r="N4946" t="s">
        <v>84</v>
      </c>
      <c r="O4946" t="s">
        <v>85</v>
      </c>
      <c r="P4946" t="s">
        <v>86</v>
      </c>
      <c r="Q4946">
        <v>11</v>
      </c>
      <c r="R4946">
        <v>11</v>
      </c>
      <c r="S4946">
        <v>11</v>
      </c>
      <c r="T4946">
        <v>11</v>
      </c>
      <c r="U4946">
        <v>11</v>
      </c>
      <c r="V4946">
        <v>11</v>
      </c>
      <c r="W4946">
        <v>11</v>
      </c>
      <c r="X4946">
        <v>11</v>
      </c>
      <c r="Y4946">
        <v>11</v>
      </c>
      <c r="Z4946">
        <v>11</v>
      </c>
      <c r="AA4946">
        <v>11</v>
      </c>
      <c r="AB4946">
        <v>11</v>
      </c>
      <c r="AC4946">
        <v>11</v>
      </c>
      <c r="AD4946">
        <v>11</v>
      </c>
      <c r="AE4946">
        <v>11</v>
      </c>
      <c r="AF4946">
        <v>11</v>
      </c>
      <c r="AG4946">
        <v>11</v>
      </c>
      <c r="AH4946">
        <v>11</v>
      </c>
      <c r="AI4946">
        <v>11</v>
      </c>
      <c r="AJ4946">
        <v>11</v>
      </c>
      <c r="AK4946">
        <v>11</v>
      </c>
      <c r="AL4946">
        <v>11</v>
      </c>
      <c r="AM4946">
        <v>11</v>
      </c>
      <c r="AN4946">
        <v>11</v>
      </c>
      <c r="AO4946">
        <v>11</v>
      </c>
      <c r="AP4946">
        <v>11</v>
      </c>
      <c r="AQ4946">
        <v>11</v>
      </c>
    </row>
    <row r="4947" spans="1:43">
      <c r="A4947" t="s">
        <v>3124</v>
      </c>
      <c r="B4947" t="s">
        <v>3125</v>
      </c>
      <c r="C4947" t="s">
        <v>3126</v>
      </c>
      <c r="D4947" t="s">
        <v>3127</v>
      </c>
      <c r="E4947" t="s">
        <v>2928</v>
      </c>
      <c r="F4947" t="s">
        <v>2929</v>
      </c>
      <c r="G4947" t="s">
        <v>80</v>
      </c>
      <c r="H4947" t="s">
        <v>81</v>
      </c>
      <c r="I4947" s="2">
        <v>1</v>
      </c>
      <c r="J4947" s="2">
        <v>0</v>
      </c>
      <c r="K4947" s="2">
        <v>0</v>
      </c>
      <c r="L4947" t="s">
        <v>120</v>
      </c>
      <c r="M4947" t="s">
        <v>87</v>
      </c>
      <c r="N4947" t="s">
        <v>88</v>
      </c>
      <c r="O4947" t="s">
        <v>85</v>
      </c>
      <c r="P4947" t="s">
        <v>86</v>
      </c>
      <c r="Q4947">
        <v>11</v>
      </c>
      <c r="R4947">
        <v>11</v>
      </c>
      <c r="S4947">
        <v>11</v>
      </c>
      <c r="T4947">
        <v>11</v>
      </c>
      <c r="U4947">
        <v>11</v>
      </c>
      <c r="V4947">
        <v>10</v>
      </c>
      <c r="W4947">
        <v>10</v>
      </c>
      <c r="X4947">
        <v>10</v>
      </c>
      <c r="Y4947">
        <v>10</v>
      </c>
      <c r="Z4947">
        <v>10</v>
      </c>
      <c r="AA4947">
        <v>10</v>
      </c>
      <c r="AB4947">
        <v>10</v>
      </c>
      <c r="AC4947">
        <v>10</v>
      </c>
      <c r="AD4947">
        <v>10</v>
      </c>
      <c r="AE4947">
        <v>10</v>
      </c>
      <c r="AF4947">
        <v>10</v>
      </c>
      <c r="AG4947">
        <v>10</v>
      </c>
      <c r="AH4947">
        <v>10</v>
      </c>
      <c r="AI4947">
        <v>10</v>
      </c>
      <c r="AJ4947">
        <v>10</v>
      </c>
      <c r="AK4947">
        <v>10</v>
      </c>
      <c r="AL4947">
        <v>10</v>
      </c>
      <c r="AM4947">
        <v>10</v>
      </c>
      <c r="AN4947">
        <v>10</v>
      </c>
      <c r="AO4947">
        <v>10</v>
      </c>
      <c r="AP4947">
        <v>10</v>
      </c>
      <c r="AQ4947">
        <v>10</v>
      </c>
    </row>
    <row r="4948" spans="1:43">
      <c r="A4948" t="s">
        <v>3124</v>
      </c>
      <c r="B4948" t="s">
        <v>3125</v>
      </c>
      <c r="C4948" t="s">
        <v>3126</v>
      </c>
      <c r="D4948" t="s">
        <v>3127</v>
      </c>
      <c r="E4948" t="s">
        <v>2928</v>
      </c>
      <c r="F4948" t="s">
        <v>2929</v>
      </c>
      <c r="G4948" t="s">
        <v>80</v>
      </c>
      <c r="H4948" t="s">
        <v>81</v>
      </c>
      <c r="I4948" s="2">
        <v>1</v>
      </c>
      <c r="J4948" s="2">
        <v>0</v>
      </c>
      <c r="K4948" s="2">
        <v>0</v>
      </c>
      <c r="L4948" t="s">
        <v>120</v>
      </c>
      <c r="M4948" t="s">
        <v>89</v>
      </c>
      <c r="N4948" t="s">
        <v>90</v>
      </c>
      <c r="O4948" t="s">
        <v>85</v>
      </c>
      <c r="P4948" t="s">
        <v>86</v>
      </c>
      <c r="Q4948">
        <v>11</v>
      </c>
      <c r="R4948">
        <v>11</v>
      </c>
      <c r="S4948">
        <v>11</v>
      </c>
      <c r="T4948">
        <v>11</v>
      </c>
      <c r="U4948">
        <v>11</v>
      </c>
      <c r="V4948">
        <v>12</v>
      </c>
      <c r="W4948">
        <v>12</v>
      </c>
      <c r="X4948">
        <v>12</v>
      </c>
      <c r="Y4948">
        <v>12</v>
      </c>
      <c r="Z4948">
        <v>12</v>
      </c>
      <c r="AA4948">
        <v>12</v>
      </c>
      <c r="AB4948">
        <v>12</v>
      </c>
      <c r="AC4948">
        <v>12</v>
      </c>
      <c r="AD4948">
        <v>12</v>
      </c>
      <c r="AE4948">
        <v>12</v>
      </c>
      <c r="AF4948">
        <v>12</v>
      </c>
      <c r="AG4948">
        <v>12</v>
      </c>
      <c r="AH4948">
        <v>12</v>
      </c>
      <c r="AI4948">
        <v>12</v>
      </c>
      <c r="AJ4948">
        <v>12</v>
      </c>
      <c r="AK4948">
        <v>12</v>
      </c>
      <c r="AL4948">
        <v>11</v>
      </c>
      <c r="AM4948">
        <v>11</v>
      </c>
      <c r="AN4948">
        <v>11</v>
      </c>
      <c r="AO4948">
        <v>11</v>
      </c>
      <c r="AP4948">
        <v>11</v>
      </c>
      <c r="AQ4948">
        <v>11</v>
      </c>
    </row>
    <row r="4949" spans="1:43">
      <c r="A4949" t="s">
        <v>3124</v>
      </c>
      <c r="B4949" t="s">
        <v>3125</v>
      </c>
      <c r="C4949" t="s">
        <v>3126</v>
      </c>
      <c r="D4949" t="s">
        <v>3127</v>
      </c>
      <c r="E4949" t="s">
        <v>2928</v>
      </c>
      <c r="F4949" t="s">
        <v>2929</v>
      </c>
      <c r="G4949" t="s">
        <v>80</v>
      </c>
      <c r="H4949" t="s">
        <v>81</v>
      </c>
      <c r="I4949" s="2">
        <v>1</v>
      </c>
      <c r="J4949" s="2">
        <v>0</v>
      </c>
      <c r="K4949" s="2">
        <v>0</v>
      </c>
      <c r="L4949" t="s">
        <v>120</v>
      </c>
      <c r="M4949" t="s">
        <v>83</v>
      </c>
      <c r="N4949" t="s">
        <v>91</v>
      </c>
      <c r="O4949" t="s">
        <v>85</v>
      </c>
      <c r="P4949" t="s">
        <v>86</v>
      </c>
      <c r="Q4949">
        <v>11</v>
      </c>
      <c r="R4949">
        <v>11</v>
      </c>
      <c r="S4949">
        <v>11</v>
      </c>
      <c r="T4949">
        <v>11</v>
      </c>
      <c r="U4949">
        <v>11</v>
      </c>
      <c r="V4949">
        <v>11</v>
      </c>
      <c r="W4949">
        <v>11</v>
      </c>
      <c r="X4949">
        <v>11</v>
      </c>
      <c r="Y4949">
        <v>11</v>
      </c>
      <c r="Z4949">
        <v>11</v>
      </c>
      <c r="AA4949">
        <v>11</v>
      </c>
      <c r="AB4949">
        <v>11</v>
      </c>
      <c r="AC4949">
        <v>11</v>
      </c>
      <c r="AD4949">
        <v>11</v>
      </c>
      <c r="AE4949">
        <v>11</v>
      </c>
      <c r="AF4949">
        <v>11</v>
      </c>
      <c r="AG4949">
        <v>11</v>
      </c>
      <c r="AH4949">
        <v>11</v>
      </c>
      <c r="AI4949">
        <v>11</v>
      </c>
      <c r="AJ4949">
        <v>11</v>
      </c>
      <c r="AK4949">
        <v>11</v>
      </c>
      <c r="AL4949">
        <v>11</v>
      </c>
      <c r="AM4949">
        <v>11</v>
      </c>
      <c r="AN4949">
        <v>11</v>
      </c>
      <c r="AO4949">
        <v>11</v>
      </c>
      <c r="AP4949">
        <v>11</v>
      </c>
      <c r="AQ4949">
        <v>11</v>
      </c>
    </row>
    <row r="4950" spans="1:43">
      <c r="A4950" t="s">
        <v>3128</v>
      </c>
      <c r="B4950" t="s">
        <v>3129</v>
      </c>
      <c r="C4950" t="s">
        <v>3018</v>
      </c>
      <c r="D4950" t="s">
        <v>3019</v>
      </c>
      <c r="E4950" t="s">
        <v>2928</v>
      </c>
      <c r="F4950" t="s">
        <v>2929</v>
      </c>
      <c r="G4950" t="s">
        <v>80</v>
      </c>
      <c r="H4950" t="s">
        <v>81</v>
      </c>
      <c r="I4950" s="2">
        <v>1</v>
      </c>
      <c r="J4950" s="2">
        <v>0</v>
      </c>
      <c r="K4950" s="2">
        <v>0</v>
      </c>
      <c r="L4950" t="s">
        <v>120</v>
      </c>
      <c r="M4950" t="s">
        <v>83</v>
      </c>
      <c r="N4950" t="s">
        <v>84</v>
      </c>
      <c r="O4950" t="s">
        <v>85</v>
      </c>
      <c r="P4950" t="s">
        <v>86</v>
      </c>
      <c r="Q4950">
        <v>11</v>
      </c>
      <c r="R4950">
        <v>11</v>
      </c>
      <c r="S4950">
        <v>11</v>
      </c>
      <c r="T4950">
        <v>11</v>
      </c>
      <c r="U4950">
        <v>11</v>
      </c>
      <c r="V4950">
        <v>11</v>
      </c>
      <c r="W4950">
        <v>11</v>
      </c>
      <c r="X4950">
        <v>11</v>
      </c>
      <c r="Y4950">
        <v>11</v>
      </c>
      <c r="Z4950">
        <v>11</v>
      </c>
      <c r="AA4950">
        <v>11</v>
      </c>
      <c r="AB4950">
        <v>11</v>
      </c>
      <c r="AC4950">
        <v>11</v>
      </c>
      <c r="AD4950">
        <v>11</v>
      </c>
      <c r="AE4950">
        <v>11</v>
      </c>
      <c r="AF4950">
        <v>11</v>
      </c>
      <c r="AG4950">
        <v>11</v>
      </c>
      <c r="AH4950">
        <v>11</v>
      </c>
      <c r="AI4950">
        <v>11</v>
      </c>
      <c r="AJ4950">
        <v>12</v>
      </c>
      <c r="AK4950">
        <v>12</v>
      </c>
      <c r="AL4950">
        <v>11</v>
      </c>
      <c r="AM4950">
        <v>11</v>
      </c>
      <c r="AN4950">
        <v>11</v>
      </c>
      <c r="AO4950">
        <v>11</v>
      </c>
      <c r="AP4950">
        <v>11</v>
      </c>
      <c r="AQ4950">
        <v>11</v>
      </c>
    </row>
    <row r="4951" spans="1:43">
      <c r="A4951" t="s">
        <v>3128</v>
      </c>
      <c r="B4951" t="s">
        <v>3129</v>
      </c>
      <c r="C4951" t="s">
        <v>3018</v>
      </c>
      <c r="D4951" t="s">
        <v>3019</v>
      </c>
      <c r="E4951" t="s">
        <v>2928</v>
      </c>
      <c r="F4951" t="s">
        <v>2929</v>
      </c>
      <c r="G4951" t="s">
        <v>80</v>
      </c>
      <c r="H4951" t="s">
        <v>81</v>
      </c>
      <c r="I4951" s="2">
        <v>1</v>
      </c>
      <c r="J4951" s="2">
        <v>0</v>
      </c>
      <c r="K4951" s="2">
        <v>0</v>
      </c>
      <c r="L4951" t="s">
        <v>120</v>
      </c>
      <c r="M4951" t="s">
        <v>87</v>
      </c>
      <c r="N4951" t="s">
        <v>88</v>
      </c>
      <c r="O4951" t="s">
        <v>85</v>
      </c>
      <c r="P4951" t="s">
        <v>86</v>
      </c>
      <c r="Q4951">
        <v>11</v>
      </c>
      <c r="R4951">
        <v>11</v>
      </c>
      <c r="S4951">
        <v>11</v>
      </c>
      <c r="T4951">
        <v>11</v>
      </c>
      <c r="U4951">
        <v>11</v>
      </c>
      <c r="V4951">
        <v>11</v>
      </c>
      <c r="W4951">
        <v>11</v>
      </c>
      <c r="X4951">
        <v>11</v>
      </c>
      <c r="Y4951">
        <v>10</v>
      </c>
      <c r="Z4951">
        <v>10</v>
      </c>
      <c r="AA4951">
        <v>10</v>
      </c>
      <c r="AB4951">
        <v>10</v>
      </c>
      <c r="AC4951">
        <v>10</v>
      </c>
      <c r="AD4951">
        <v>10</v>
      </c>
      <c r="AE4951">
        <v>10</v>
      </c>
      <c r="AF4951">
        <v>10</v>
      </c>
      <c r="AG4951">
        <v>10</v>
      </c>
      <c r="AH4951">
        <v>10</v>
      </c>
      <c r="AI4951">
        <v>10</v>
      </c>
      <c r="AJ4951">
        <v>10</v>
      </c>
      <c r="AK4951">
        <v>10</v>
      </c>
      <c r="AL4951">
        <v>10</v>
      </c>
      <c r="AM4951">
        <v>10</v>
      </c>
      <c r="AN4951">
        <v>10</v>
      </c>
      <c r="AO4951">
        <v>10</v>
      </c>
      <c r="AP4951">
        <v>10</v>
      </c>
      <c r="AQ4951">
        <v>10</v>
      </c>
    </row>
    <row r="4952" spans="1:43">
      <c r="A4952" t="s">
        <v>3128</v>
      </c>
      <c r="B4952" t="s">
        <v>3129</v>
      </c>
      <c r="C4952" t="s">
        <v>3018</v>
      </c>
      <c r="D4952" t="s">
        <v>3019</v>
      </c>
      <c r="E4952" t="s">
        <v>2928</v>
      </c>
      <c r="F4952" t="s">
        <v>2929</v>
      </c>
      <c r="G4952" t="s">
        <v>80</v>
      </c>
      <c r="H4952" t="s">
        <v>81</v>
      </c>
      <c r="I4952" s="2">
        <v>1</v>
      </c>
      <c r="J4952" s="2">
        <v>0</v>
      </c>
      <c r="K4952" s="2">
        <v>0</v>
      </c>
      <c r="L4952" t="s">
        <v>120</v>
      </c>
      <c r="M4952" t="s">
        <v>89</v>
      </c>
      <c r="N4952" t="s">
        <v>90</v>
      </c>
      <c r="O4952" t="s">
        <v>85</v>
      </c>
      <c r="P4952" t="s">
        <v>86</v>
      </c>
      <c r="Q4952">
        <v>11</v>
      </c>
      <c r="R4952">
        <v>11</v>
      </c>
      <c r="S4952">
        <v>11</v>
      </c>
      <c r="T4952">
        <v>11</v>
      </c>
      <c r="U4952">
        <v>12</v>
      </c>
      <c r="V4952">
        <v>12</v>
      </c>
      <c r="W4952">
        <v>12</v>
      </c>
      <c r="X4952">
        <v>12</v>
      </c>
      <c r="Y4952">
        <v>12</v>
      </c>
      <c r="Z4952">
        <v>12</v>
      </c>
      <c r="AA4952">
        <v>12</v>
      </c>
      <c r="AB4952">
        <v>12</v>
      </c>
      <c r="AC4952">
        <v>12</v>
      </c>
      <c r="AD4952">
        <v>12</v>
      </c>
      <c r="AE4952">
        <v>12</v>
      </c>
      <c r="AF4952">
        <v>12</v>
      </c>
      <c r="AG4952">
        <v>12</v>
      </c>
      <c r="AH4952">
        <v>12</v>
      </c>
      <c r="AI4952">
        <v>12</v>
      </c>
      <c r="AJ4952">
        <v>12</v>
      </c>
      <c r="AK4952">
        <v>12</v>
      </c>
      <c r="AL4952">
        <v>12</v>
      </c>
      <c r="AM4952">
        <v>12</v>
      </c>
      <c r="AN4952">
        <v>11</v>
      </c>
      <c r="AO4952">
        <v>11</v>
      </c>
      <c r="AP4952">
        <v>11</v>
      </c>
      <c r="AQ4952">
        <v>11</v>
      </c>
    </row>
    <row r="4953" spans="1:43">
      <c r="A4953" t="s">
        <v>3128</v>
      </c>
      <c r="B4953" t="s">
        <v>3129</v>
      </c>
      <c r="C4953" t="s">
        <v>3018</v>
      </c>
      <c r="D4953" t="s">
        <v>3019</v>
      </c>
      <c r="E4953" t="s">
        <v>2928</v>
      </c>
      <c r="F4953" t="s">
        <v>2929</v>
      </c>
      <c r="G4953" t="s">
        <v>80</v>
      </c>
      <c r="H4953" t="s">
        <v>81</v>
      </c>
      <c r="I4953" s="2">
        <v>1</v>
      </c>
      <c r="J4953" s="2">
        <v>0</v>
      </c>
      <c r="K4953" s="2">
        <v>0</v>
      </c>
      <c r="L4953" t="s">
        <v>120</v>
      </c>
      <c r="M4953" t="s">
        <v>83</v>
      </c>
      <c r="N4953" t="s">
        <v>91</v>
      </c>
      <c r="O4953" t="s">
        <v>85</v>
      </c>
      <c r="P4953" t="s">
        <v>86</v>
      </c>
      <c r="Q4953">
        <v>11</v>
      </c>
      <c r="R4953">
        <v>11</v>
      </c>
      <c r="S4953">
        <v>11</v>
      </c>
      <c r="T4953">
        <v>11</v>
      </c>
      <c r="U4953">
        <v>11</v>
      </c>
      <c r="V4953">
        <v>11</v>
      </c>
      <c r="W4953">
        <v>11</v>
      </c>
      <c r="X4953">
        <v>11</v>
      </c>
      <c r="Y4953">
        <v>11</v>
      </c>
      <c r="Z4953">
        <v>11</v>
      </c>
      <c r="AA4953">
        <v>11</v>
      </c>
      <c r="AB4953">
        <v>11</v>
      </c>
      <c r="AC4953">
        <v>11</v>
      </c>
      <c r="AD4953">
        <v>11</v>
      </c>
      <c r="AE4953">
        <v>11</v>
      </c>
      <c r="AF4953">
        <v>11</v>
      </c>
      <c r="AG4953">
        <v>11</v>
      </c>
      <c r="AH4953">
        <v>11</v>
      </c>
      <c r="AI4953">
        <v>11</v>
      </c>
      <c r="AJ4953">
        <v>12</v>
      </c>
      <c r="AK4953">
        <v>12</v>
      </c>
      <c r="AL4953">
        <v>11</v>
      </c>
      <c r="AM4953">
        <v>11</v>
      </c>
      <c r="AN4953">
        <v>11</v>
      </c>
      <c r="AO4953">
        <v>11</v>
      </c>
      <c r="AP4953">
        <v>11</v>
      </c>
      <c r="AQ4953">
        <v>11</v>
      </c>
    </row>
    <row r="4954" spans="1:43">
      <c r="A4954" t="s">
        <v>3130</v>
      </c>
      <c r="B4954" t="s">
        <v>3131</v>
      </c>
      <c r="C4954" t="s">
        <v>3126</v>
      </c>
      <c r="D4954" t="s">
        <v>3127</v>
      </c>
      <c r="E4954" t="s">
        <v>2928</v>
      </c>
      <c r="F4954" t="s">
        <v>2929</v>
      </c>
      <c r="G4954" t="s">
        <v>80</v>
      </c>
      <c r="H4954" t="s">
        <v>81</v>
      </c>
      <c r="I4954" s="2">
        <v>1</v>
      </c>
      <c r="J4954" s="2">
        <v>0</v>
      </c>
      <c r="K4954" s="2">
        <v>0</v>
      </c>
      <c r="L4954" t="s">
        <v>120</v>
      </c>
      <c r="M4954" t="s">
        <v>83</v>
      </c>
      <c r="N4954" t="s">
        <v>84</v>
      </c>
      <c r="O4954" t="s">
        <v>85</v>
      </c>
      <c r="P4954" t="s">
        <v>86</v>
      </c>
      <c r="Q4954">
        <v>12</v>
      </c>
      <c r="R4954">
        <v>12</v>
      </c>
      <c r="S4954">
        <v>13</v>
      </c>
      <c r="T4954">
        <v>13</v>
      </c>
      <c r="U4954">
        <v>13</v>
      </c>
      <c r="V4954">
        <v>13</v>
      </c>
      <c r="W4954">
        <v>13</v>
      </c>
      <c r="X4954">
        <v>13</v>
      </c>
      <c r="Y4954">
        <v>13</v>
      </c>
      <c r="Z4954">
        <v>13</v>
      </c>
      <c r="AA4954">
        <v>13</v>
      </c>
      <c r="AB4954">
        <v>13</v>
      </c>
      <c r="AC4954">
        <v>13</v>
      </c>
      <c r="AD4954">
        <v>13</v>
      </c>
      <c r="AE4954">
        <v>13</v>
      </c>
      <c r="AF4954">
        <v>13</v>
      </c>
      <c r="AG4954">
        <v>13</v>
      </c>
      <c r="AH4954">
        <v>13</v>
      </c>
      <c r="AI4954">
        <v>13</v>
      </c>
      <c r="AJ4954">
        <v>13</v>
      </c>
      <c r="AK4954">
        <v>13</v>
      </c>
      <c r="AL4954">
        <v>13</v>
      </c>
      <c r="AM4954">
        <v>13</v>
      </c>
      <c r="AN4954">
        <v>13</v>
      </c>
      <c r="AO4954">
        <v>13</v>
      </c>
      <c r="AP4954">
        <v>13</v>
      </c>
      <c r="AQ4954">
        <v>13</v>
      </c>
    </row>
    <row r="4955" spans="1:43">
      <c r="A4955" t="s">
        <v>3130</v>
      </c>
      <c r="B4955" t="s">
        <v>3131</v>
      </c>
      <c r="C4955" t="s">
        <v>3126</v>
      </c>
      <c r="D4955" t="s">
        <v>3127</v>
      </c>
      <c r="E4955" t="s">
        <v>2928</v>
      </c>
      <c r="F4955" t="s">
        <v>2929</v>
      </c>
      <c r="G4955" t="s">
        <v>80</v>
      </c>
      <c r="H4955" t="s">
        <v>81</v>
      </c>
      <c r="I4955" s="2">
        <v>1</v>
      </c>
      <c r="J4955" s="2">
        <v>0</v>
      </c>
      <c r="K4955" s="2">
        <v>0</v>
      </c>
      <c r="L4955" t="s">
        <v>120</v>
      </c>
      <c r="M4955" t="s">
        <v>87</v>
      </c>
      <c r="N4955" t="s">
        <v>88</v>
      </c>
      <c r="O4955" t="s">
        <v>85</v>
      </c>
      <c r="P4955" t="s">
        <v>86</v>
      </c>
      <c r="Q4955">
        <v>12</v>
      </c>
      <c r="R4955">
        <v>12</v>
      </c>
      <c r="S4955">
        <v>12</v>
      </c>
      <c r="T4955">
        <v>12</v>
      </c>
      <c r="U4955">
        <v>12</v>
      </c>
      <c r="V4955">
        <v>12</v>
      </c>
      <c r="W4955">
        <v>12</v>
      </c>
      <c r="X4955">
        <v>12</v>
      </c>
      <c r="Y4955">
        <v>12</v>
      </c>
      <c r="Z4955">
        <v>12</v>
      </c>
      <c r="AA4955">
        <v>12</v>
      </c>
      <c r="AB4955">
        <v>12</v>
      </c>
      <c r="AC4955">
        <v>12</v>
      </c>
      <c r="AD4955">
        <v>12</v>
      </c>
      <c r="AE4955">
        <v>12</v>
      </c>
      <c r="AF4955">
        <v>12</v>
      </c>
      <c r="AG4955">
        <v>11</v>
      </c>
      <c r="AH4955">
        <v>11</v>
      </c>
      <c r="AI4955">
        <v>11</v>
      </c>
      <c r="AJ4955">
        <v>11</v>
      </c>
      <c r="AK4955">
        <v>11</v>
      </c>
      <c r="AL4955">
        <v>11</v>
      </c>
      <c r="AM4955">
        <v>11</v>
      </c>
      <c r="AN4955">
        <v>11</v>
      </c>
      <c r="AO4955">
        <v>11</v>
      </c>
      <c r="AP4955">
        <v>11</v>
      </c>
      <c r="AQ4955">
        <v>11</v>
      </c>
    </row>
    <row r="4956" spans="1:43">
      <c r="A4956" t="s">
        <v>3130</v>
      </c>
      <c r="B4956" t="s">
        <v>3131</v>
      </c>
      <c r="C4956" t="s">
        <v>3126</v>
      </c>
      <c r="D4956" t="s">
        <v>3127</v>
      </c>
      <c r="E4956" t="s">
        <v>2928</v>
      </c>
      <c r="F4956" t="s">
        <v>2929</v>
      </c>
      <c r="G4956" t="s">
        <v>80</v>
      </c>
      <c r="H4956" t="s">
        <v>81</v>
      </c>
      <c r="I4956" s="2">
        <v>1</v>
      </c>
      <c r="J4956" s="2">
        <v>0</v>
      </c>
      <c r="K4956" s="2">
        <v>0</v>
      </c>
      <c r="L4956" t="s">
        <v>120</v>
      </c>
      <c r="M4956" t="s">
        <v>89</v>
      </c>
      <c r="N4956" t="s">
        <v>90</v>
      </c>
      <c r="O4956" t="s">
        <v>85</v>
      </c>
      <c r="P4956" t="s">
        <v>86</v>
      </c>
      <c r="Q4956">
        <v>12</v>
      </c>
      <c r="R4956">
        <v>13</v>
      </c>
      <c r="S4956">
        <v>13</v>
      </c>
      <c r="T4956">
        <v>13</v>
      </c>
      <c r="U4956">
        <v>13</v>
      </c>
      <c r="V4956">
        <v>13</v>
      </c>
      <c r="W4956">
        <v>13</v>
      </c>
      <c r="X4956">
        <v>13</v>
      </c>
      <c r="Y4956">
        <v>14</v>
      </c>
      <c r="Z4956">
        <v>14</v>
      </c>
      <c r="AA4956">
        <v>14</v>
      </c>
      <c r="AB4956">
        <v>14</v>
      </c>
      <c r="AC4956">
        <v>14</v>
      </c>
      <c r="AD4956">
        <v>14</v>
      </c>
      <c r="AE4956">
        <v>14</v>
      </c>
      <c r="AF4956">
        <v>14</v>
      </c>
      <c r="AG4956">
        <v>14</v>
      </c>
      <c r="AH4956">
        <v>14</v>
      </c>
      <c r="AI4956">
        <v>14</v>
      </c>
      <c r="AJ4956">
        <v>13</v>
      </c>
      <c r="AK4956">
        <v>13</v>
      </c>
      <c r="AL4956">
        <v>13</v>
      </c>
      <c r="AM4956">
        <v>13</v>
      </c>
      <c r="AN4956">
        <v>13</v>
      </c>
      <c r="AO4956">
        <v>13</v>
      </c>
      <c r="AP4956">
        <v>13</v>
      </c>
      <c r="AQ4956">
        <v>13</v>
      </c>
    </row>
    <row r="4957" spans="1:43">
      <c r="A4957" t="s">
        <v>3130</v>
      </c>
      <c r="B4957" t="s">
        <v>3131</v>
      </c>
      <c r="C4957" t="s">
        <v>3126</v>
      </c>
      <c r="D4957" t="s">
        <v>3127</v>
      </c>
      <c r="E4957" t="s">
        <v>2928</v>
      </c>
      <c r="F4957" t="s">
        <v>2929</v>
      </c>
      <c r="G4957" t="s">
        <v>80</v>
      </c>
      <c r="H4957" t="s">
        <v>81</v>
      </c>
      <c r="I4957" s="2">
        <v>1</v>
      </c>
      <c r="J4957" s="2">
        <v>0</v>
      </c>
      <c r="K4957" s="2">
        <v>0</v>
      </c>
      <c r="L4957" t="s">
        <v>120</v>
      </c>
      <c r="M4957" t="s">
        <v>83</v>
      </c>
      <c r="N4957" t="s">
        <v>91</v>
      </c>
      <c r="O4957" t="s">
        <v>85</v>
      </c>
      <c r="P4957" t="s">
        <v>86</v>
      </c>
      <c r="Q4957">
        <v>12</v>
      </c>
      <c r="R4957">
        <v>12</v>
      </c>
      <c r="S4957">
        <v>13</v>
      </c>
      <c r="T4957">
        <v>13</v>
      </c>
      <c r="U4957">
        <v>13</v>
      </c>
      <c r="V4957">
        <v>13</v>
      </c>
      <c r="W4957">
        <v>13</v>
      </c>
      <c r="X4957">
        <v>13</v>
      </c>
      <c r="Y4957">
        <v>13</v>
      </c>
      <c r="Z4957">
        <v>13</v>
      </c>
      <c r="AA4957">
        <v>13</v>
      </c>
      <c r="AB4957">
        <v>13</v>
      </c>
      <c r="AC4957">
        <v>13</v>
      </c>
      <c r="AD4957">
        <v>13</v>
      </c>
      <c r="AE4957">
        <v>13</v>
      </c>
      <c r="AF4957">
        <v>13</v>
      </c>
      <c r="AG4957">
        <v>13</v>
      </c>
      <c r="AH4957">
        <v>13</v>
      </c>
      <c r="AI4957">
        <v>13</v>
      </c>
      <c r="AJ4957">
        <v>13</v>
      </c>
      <c r="AK4957">
        <v>13</v>
      </c>
      <c r="AL4957">
        <v>13</v>
      </c>
      <c r="AM4957">
        <v>13</v>
      </c>
      <c r="AN4957">
        <v>13</v>
      </c>
      <c r="AO4957">
        <v>13</v>
      </c>
      <c r="AP4957">
        <v>13</v>
      </c>
      <c r="AQ4957">
        <v>13</v>
      </c>
    </row>
    <row r="4958" spans="1:43">
      <c r="A4958" t="s">
        <v>3132</v>
      </c>
      <c r="B4958" t="s">
        <v>3133</v>
      </c>
      <c r="C4958" t="s">
        <v>3126</v>
      </c>
      <c r="D4958" t="s">
        <v>3127</v>
      </c>
      <c r="E4958" t="s">
        <v>2928</v>
      </c>
      <c r="F4958" t="s">
        <v>2929</v>
      </c>
      <c r="G4958" t="s">
        <v>80</v>
      </c>
      <c r="H4958" t="s">
        <v>81</v>
      </c>
      <c r="I4958" s="2">
        <v>1</v>
      </c>
      <c r="J4958" s="2">
        <v>0</v>
      </c>
      <c r="K4958" s="2">
        <v>0</v>
      </c>
      <c r="L4958" t="s">
        <v>120</v>
      </c>
      <c r="M4958" t="s">
        <v>83</v>
      </c>
      <c r="N4958" t="s">
        <v>84</v>
      </c>
      <c r="O4958" t="s">
        <v>85</v>
      </c>
      <c r="P4958" t="s">
        <v>86</v>
      </c>
      <c r="Q4958">
        <v>4</v>
      </c>
      <c r="R4958">
        <v>4</v>
      </c>
      <c r="S4958">
        <v>4</v>
      </c>
      <c r="T4958">
        <v>4</v>
      </c>
      <c r="U4958">
        <v>4</v>
      </c>
      <c r="V4958">
        <v>4</v>
      </c>
      <c r="W4958">
        <v>4</v>
      </c>
      <c r="X4958">
        <v>4</v>
      </c>
      <c r="Y4958">
        <v>4</v>
      </c>
      <c r="Z4958">
        <v>4</v>
      </c>
      <c r="AA4958">
        <v>4</v>
      </c>
      <c r="AB4958">
        <v>4</v>
      </c>
      <c r="AC4958">
        <v>4</v>
      </c>
      <c r="AD4958">
        <v>4</v>
      </c>
      <c r="AE4958">
        <v>4</v>
      </c>
      <c r="AF4958">
        <v>4</v>
      </c>
      <c r="AG4958">
        <v>4</v>
      </c>
      <c r="AH4958">
        <v>4</v>
      </c>
      <c r="AI4958">
        <v>4</v>
      </c>
      <c r="AJ4958">
        <v>4</v>
      </c>
      <c r="AK4958">
        <v>4</v>
      </c>
      <c r="AL4958">
        <v>4</v>
      </c>
      <c r="AM4958">
        <v>4</v>
      </c>
      <c r="AN4958">
        <v>4</v>
      </c>
      <c r="AO4958">
        <v>4</v>
      </c>
      <c r="AP4958">
        <v>4</v>
      </c>
      <c r="AQ4958">
        <v>4</v>
      </c>
    </row>
    <row r="4959" spans="1:43">
      <c r="A4959" t="s">
        <v>3132</v>
      </c>
      <c r="B4959" t="s">
        <v>3133</v>
      </c>
      <c r="C4959" t="s">
        <v>3126</v>
      </c>
      <c r="D4959" t="s">
        <v>3127</v>
      </c>
      <c r="E4959" t="s">
        <v>2928</v>
      </c>
      <c r="F4959" t="s">
        <v>2929</v>
      </c>
      <c r="G4959" t="s">
        <v>80</v>
      </c>
      <c r="H4959" t="s">
        <v>81</v>
      </c>
      <c r="I4959" s="2">
        <v>1</v>
      </c>
      <c r="J4959" s="2">
        <v>0</v>
      </c>
      <c r="K4959" s="2">
        <v>0</v>
      </c>
      <c r="L4959" t="s">
        <v>120</v>
      </c>
      <c r="M4959" t="s">
        <v>87</v>
      </c>
      <c r="N4959" t="s">
        <v>88</v>
      </c>
      <c r="O4959" t="s">
        <v>85</v>
      </c>
      <c r="P4959" t="s">
        <v>86</v>
      </c>
      <c r="Q4959">
        <v>4</v>
      </c>
      <c r="R4959">
        <v>4</v>
      </c>
      <c r="S4959">
        <v>4</v>
      </c>
      <c r="T4959">
        <v>4</v>
      </c>
      <c r="U4959">
        <v>4</v>
      </c>
      <c r="V4959">
        <v>4</v>
      </c>
      <c r="W4959">
        <v>4</v>
      </c>
      <c r="X4959">
        <v>4</v>
      </c>
      <c r="Y4959">
        <v>4</v>
      </c>
      <c r="Z4959">
        <v>4</v>
      </c>
      <c r="AA4959">
        <v>3</v>
      </c>
      <c r="AB4959">
        <v>3</v>
      </c>
      <c r="AC4959">
        <v>3</v>
      </c>
      <c r="AD4959">
        <v>3</v>
      </c>
      <c r="AE4959">
        <v>3</v>
      </c>
      <c r="AF4959">
        <v>3</v>
      </c>
      <c r="AG4959">
        <v>3</v>
      </c>
      <c r="AH4959">
        <v>3</v>
      </c>
      <c r="AI4959">
        <v>3</v>
      </c>
      <c r="AJ4959">
        <v>3</v>
      </c>
      <c r="AK4959">
        <v>3</v>
      </c>
      <c r="AL4959">
        <v>3</v>
      </c>
      <c r="AM4959">
        <v>3</v>
      </c>
      <c r="AN4959">
        <v>3</v>
      </c>
      <c r="AO4959">
        <v>3</v>
      </c>
      <c r="AP4959">
        <v>3</v>
      </c>
      <c r="AQ4959">
        <v>3</v>
      </c>
    </row>
    <row r="4960" spans="1:43">
      <c r="A4960" t="s">
        <v>3132</v>
      </c>
      <c r="B4960" t="s">
        <v>3133</v>
      </c>
      <c r="C4960" t="s">
        <v>3126</v>
      </c>
      <c r="D4960" t="s">
        <v>3127</v>
      </c>
      <c r="E4960" t="s">
        <v>2928</v>
      </c>
      <c r="F4960" t="s">
        <v>2929</v>
      </c>
      <c r="G4960" t="s">
        <v>80</v>
      </c>
      <c r="H4960" t="s">
        <v>81</v>
      </c>
      <c r="I4960" s="2">
        <v>1</v>
      </c>
      <c r="J4960" s="2">
        <v>0</v>
      </c>
      <c r="K4960" s="2">
        <v>0</v>
      </c>
      <c r="L4960" t="s">
        <v>120</v>
      </c>
      <c r="M4960" t="s">
        <v>89</v>
      </c>
      <c r="N4960" t="s">
        <v>90</v>
      </c>
      <c r="O4960" t="s">
        <v>85</v>
      </c>
      <c r="P4960" t="s">
        <v>86</v>
      </c>
      <c r="Q4960">
        <v>4</v>
      </c>
      <c r="R4960">
        <v>4</v>
      </c>
      <c r="S4960">
        <v>4</v>
      </c>
      <c r="T4960">
        <v>4</v>
      </c>
      <c r="U4960">
        <v>4</v>
      </c>
      <c r="V4960">
        <v>4</v>
      </c>
      <c r="W4960">
        <v>4</v>
      </c>
      <c r="X4960">
        <v>4</v>
      </c>
      <c r="Y4960">
        <v>4</v>
      </c>
      <c r="Z4960">
        <v>4</v>
      </c>
      <c r="AA4960">
        <v>4</v>
      </c>
      <c r="AB4960">
        <v>4</v>
      </c>
      <c r="AC4960">
        <v>4</v>
      </c>
      <c r="AD4960">
        <v>4</v>
      </c>
      <c r="AE4960">
        <v>4</v>
      </c>
      <c r="AF4960">
        <v>4</v>
      </c>
      <c r="AG4960">
        <v>4</v>
      </c>
      <c r="AH4960">
        <v>4</v>
      </c>
      <c r="AI4960">
        <v>4</v>
      </c>
      <c r="AJ4960">
        <v>4</v>
      </c>
      <c r="AK4960">
        <v>4</v>
      </c>
      <c r="AL4960">
        <v>4</v>
      </c>
      <c r="AM4960">
        <v>4</v>
      </c>
      <c r="AN4960">
        <v>4</v>
      </c>
      <c r="AO4960">
        <v>4</v>
      </c>
      <c r="AP4960">
        <v>4</v>
      </c>
      <c r="AQ4960">
        <v>4</v>
      </c>
    </row>
    <row r="4961" spans="1:43">
      <c r="A4961" t="s">
        <v>3132</v>
      </c>
      <c r="B4961" t="s">
        <v>3133</v>
      </c>
      <c r="C4961" t="s">
        <v>3126</v>
      </c>
      <c r="D4961" t="s">
        <v>3127</v>
      </c>
      <c r="E4961" t="s">
        <v>2928</v>
      </c>
      <c r="F4961" t="s">
        <v>2929</v>
      </c>
      <c r="G4961" t="s">
        <v>80</v>
      </c>
      <c r="H4961" t="s">
        <v>81</v>
      </c>
      <c r="I4961" s="2">
        <v>1</v>
      </c>
      <c r="J4961" s="2">
        <v>0</v>
      </c>
      <c r="K4961" s="2">
        <v>0</v>
      </c>
      <c r="L4961" t="s">
        <v>120</v>
      </c>
      <c r="M4961" t="s">
        <v>83</v>
      </c>
      <c r="N4961" t="s">
        <v>91</v>
      </c>
      <c r="O4961" t="s">
        <v>85</v>
      </c>
      <c r="P4961" t="s">
        <v>86</v>
      </c>
      <c r="Q4961">
        <v>4</v>
      </c>
      <c r="R4961">
        <v>4</v>
      </c>
      <c r="S4961">
        <v>4</v>
      </c>
      <c r="T4961">
        <v>4</v>
      </c>
      <c r="U4961">
        <v>4</v>
      </c>
      <c r="V4961">
        <v>4</v>
      </c>
      <c r="W4961">
        <v>4</v>
      </c>
      <c r="X4961">
        <v>4</v>
      </c>
      <c r="Y4961">
        <v>4</v>
      </c>
      <c r="Z4961">
        <v>4</v>
      </c>
      <c r="AA4961">
        <v>4</v>
      </c>
      <c r="AB4961">
        <v>4</v>
      </c>
      <c r="AC4961">
        <v>4</v>
      </c>
      <c r="AD4961">
        <v>4</v>
      </c>
      <c r="AE4961">
        <v>4</v>
      </c>
      <c r="AF4961">
        <v>4</v>
      </c>
      <c r="AG4961">
        <v>4</v>
      </c>
      <c r="AH4961">
        <v>4</v>
      </c>
      <c r="AI4961">
        <v>4</v>
      </c>
      <c r="AJ4961">
        <v>4</v>
      </c>
      <c r="AK4961">
        <v>4</v>
      </c>
      <c r="AL4961">
        <v>4</v>
      </c>
      <c r="AM4961">
        <v>4</v>
      </c>
      <c r="AN4961">
        <v>4</v>
      </c>
      <c r="AO4961">
        <v>4</v>
      </c>
      <c r="AP4961">
        <v>4</v>
      </c>
      <c r="AQ4961">
        <v>4</v>
      </c>
    </row>
    <row r="4962" spans="1:43">
      <c r="A4962" t="s">
        <v>3134</v>
      </c>
      <c r="B4962" t="s">
        <v>3135</v>
      </c>
      <c r="C4962" t="s">
        <v>3126</v>
      </c>
      <c r="D4962" t="s">
        <v>3127</v>
      </c>
      <c r="E4962" t="s">
        <v>2928</v>
      </c>
      <c r="F4962" t="s">
        <v>2929</v>
      </c>
      <c r="G4962" t="s">
        <v>80</v>
      </c>
      <c r="H4962" t="s">
        <v>81</v>
      </c>
      <c r="I4962" s="2">
        <v>1</v>
      </c>
      <c r="J4962" s="2">
        <v>0</v>
      </c>
      <c r="K4962" s="2">
        <v>0</v>
      </c>
      <c r="L4962" t="s">
        <v>120</v>
      </c>
      <c r="M4962" t="s">
        <v>83</v>
      </c>
      <c r="N4962" t="s">
        <v>84</v>
      </c>
      <c r="O4962" t="s">
        <v>85</v>
      </c>
      <c r="P4962" t="s">
        <v>86</v>
      </c>
      <c r="Q4962">
        <v>5</v>
      </c>
      <c r="R4962">
        <v>5</v>
      </c>
      <c r="S4962">
        <v>5</v>
      </c>
      <c r="T4962">
        <v>5</v>
      </c>
      <c r="U4962">
        <v>5</v>
      </c>
      <c r="V4962">
        <v>5</v>
      </c>
      <c r="W4962">
        <v>5</v>
      </c>
      <c r="X4962">
        <v>5</v>
      </c>
      <c r="Y4962">
        <v>5</v>
      </c>
      <c r="Z4962">
        <v>5</v>
      </c>
      <c r="AA4962">
        <v>5</v>
      </c>
      <c r="AB4962">
        <v>5</v>
      </c>
      <c r="AC4962">
        <v>5</v>
      </c>
      <c r="AD4962">
        <v>5</v>
      </c>
      <c r="AE4962">
        <v>5</v>
      </c>
      <c r="AF4962">
        <v>5</v>
      </c>
      <c r="AG4962">
        <v>5</v>
      </c>
      <c r="AH4962">
        <v>5</v>
      </c>
      <c r="AI4962">
        <v>5</v>
      </c>
      <c r="AJ4962">
        <v>5</v>
      </c>
      <c r="AK4962">
        <v>5</v>
      </c>
      <c r="AL4962">
        <v>5</v>
      </c>
      <c r="AM4962">
        <v>5</v>
      </c>
      <c r="AN4962">
        <v>5</v>
      </c>
      <c r="AO4962">
        <v>5</v>
      </c>
      <c r="AP4962">
        <v>5</v>
      </c>
      <c r="AQ4962">
        <v>5</v>
      </c>
    </row>
    <row r="4963" spans="1:43">
      <c r="A4963" t="s">
        <v>3134</v>
      </c>
      <c r="B4963" t="s">
        <v>3135</v>
      </c>
      <c r="C4963" t="s">
        <v>3126</v>
      </c>
      <c r="D4963" t="s">
        <v>3127</v>
      </c>
      <c r="E4963" t="s">
        <v>2928</v>
      </c>
      <c r="F4963" t="s">
        <v>2929</v>
      </c>
      <c r="G4963" t="s">
        <v>80</v>
      </c>
      <c r="H4963" t="s">
        <v>81</v>
      </c>
      <c r="I4963" s="2">
        <v>1</v>
      </c>
      <c r="J4963" s="2">
        <v>0</v>
      </c>
      <c r="K4963" s="2">
        <v>0</v>
      </c>
      <c r="L4963" t="s">
        <v>120</v>
      </c>
      <c r="M4963" t="s">
        <v>87</v>
      </c>
      <c r="N4963" t="s">
        <v>88</v>
      </c>
      <c r="O4963" t="s">
        <v>85</v>
      </c>
      <c r="P4963" t="s">
        <v>86</v>
      </c>
      <c r="Q4963">
        <v>5</v>
      </c>
      <c r="R4963">
        <v>5</v>
      </c>
      <c r="S4963">
        <v>5</v>
      </c>
      <c r="T4963">
        <v>5</v>
      </c>
      <c r="U4963">
        <v>5</v>
      </c>
      <c r="V4963">
        <v>5</v>
      </c>
      <c r="W4963">
        <v>5</v>
      </c>
      <c r="X4963">
        <v>5</v>
      </c>
      <c r="Y4963">
        <v>5</v>
      </c>
      <c r="Z4963">
        <v>5</v>
      </c>
      <c r="AA4963">
        <v>5</v>
      </c>
      <c r="AB4963">
        <v>5</v>
      </c>
      <c r="AC4963">
        <v>4</v>
      </c>
      <c r="AD4963">
        <v>4</v>
      </c>
      <c r="AE4963">
        <v>4</v>
      </c>
      <c r="AF4963">
        <v>4</v>
      </c>
      <c r="AG4963">
        <v>4</v>
      </c>
      <c r="AH4963">
        <v>4</v>
      </c>
      <c r="AI4963">
        <v>4</v>
      </c>
      <c r="AJ4963">
        <v>4</v>
      </c>
      <c r="AK4963">
        <v>4</v>
      </c>
      <c r="AL4963">
        <v>4</v>
      </c>
      <c r="AM4963">
        <v>4</v>
      </c>
      <c r="AN4963">
        <v>4</v>
      </c>
      <c r="AO4963">
        <v>4</v>
      </c>
      <c r="AP4963">
        <v>4</v>
      </c>
      <c r="AQ4963">
        <v>4</v>
      </c>
    </row>
    <row r="4964" spans="1:43">
      <c r="A4964" t="s">
        <v>3134</v>
      </c>
      <c r="B4964" t="s">
        <v>3135</v>
      </c>
      <c r="C4964" t="s">
        <v>3126</v>
      </c>
      <c r="D4964" t="s">
        <v>3127</v>
      </c>
      <c r="E4964" t="s">
        <v>2928</v>
      </c>
      <c r="F4964" t="s">
        <v>2929</v>
      </c>
      <c r="G4964" t="s">
        <v>80</v>
      </c>
      <c r="H4964" t="s">
        <v>81</v>
      </c>
      <c r="I4964" s="2">
        <v>1</v>
      </c>
      <c r="J4964" s="2">
        <v>0</v>
      </c>
      <c r="K4964" s="2">
        <v>0</v>
      </c>
      <c r="L4964" t="s">
        <v>120</v>
      </c>
      <c r="M4964" t="s">
        <v>89</v>
      </c>
      <c r="N4964" t="s">
        <v>90</v>
      </c>
      <c r="O4964" t="s">
        <v>85</v>
      </c>
      <c r="P4964" t="s">
        <v>86</v>
      </c>
      <c r="Q4964">
        <v>5</v>
      </c>
      <c r="R4964">
        <v>5</v>
      </c>
      <c r="S4964">
        <v>5</v>
      </c>
      <c r="T4964">
        <v>5</v>
      </c>
      <c r="U4964">
        <v>5</v>
      </c>
      <c r="V4964">
        <v>5</v>
      </c>
      <c r="W4964">
        <v>5</v>
      </c>
      <c r="X4964">
        <v>5</v>
      </c>
      <c r="Y4964">
        <v>5</v>
      </c>
      <c r="Z4964">
        <v>5</v>
      </c>
      <c r="AA4964">
        <v>5</v>
      </c>
      <c r="AB4964">
        <v>5</v>
      </c>
      <c r="AC4964">
        <v>5</v>
      </c>
      <c r="AD4964">
        <v>5</v>
      </c>
      <c r="AE4964">
        <v>5</v>
      </c>
      <c r="AF4964">
        <v>5</v>
      </c>
      <c r="AG4964">
        <v>5</v>
      </c>
      <c r="AH4964">
        <v>5</v>
      </c>
      <c r="AI4964">
        <v>5</v>
      </c>
      <c r="AJ4964">
        <v>5</v>
      </c>
      <c r="AK4964">
        <v>5</v>
      </c>
      <c r="AL4964">
        <v>5</v>
      </c>
      <c r="AM4964">
        <v>5</v>
      </c>
      <c r="AN4964">
        <v>5</v>
      </c>
      <c r="AO4964">
        <v>5</v>
      </c>
      <c r="AP4964">
        <v>5</v>
      </c>
      <c r="AQ4964">
        <v>5</v>
      </c>
    </row>
    <row r="4965" spans="1:43">
      <c r="A4965" t="s">
        <v>3134</v>
      </c>
      <c r="B4965" t="s">
        <v>3135</v>
      </c>
      <c r="C4965" t="s">
        <v>3126</v>
      </c>
      <c r="D4965" t="s">
        <v>3127</v>
      </c>
      <c r="E4965" t="s">
        <v>2928</v>
      </c>
      <c r="F4965" t="s">
        <v>2929</v>
      </c>
      <c r="G4965" t="s">
        <v>80</v>
      </c>
      <c r="H4965" t="s">
        <v>81</v>
      </c>
      <c r="I4965" s="2">
        <v>1</v>
      </c>
      <c r="J4965" s="2">
        <v>0</v>
      </c>
      <c r="K4965" s="2">
        <v>0</v>
      </c>
      <c r="L4965" t="s">
        <v>120</v>
      </c>
      <c r="M4965" t="s">
        <v>83</v>
      </c>
      <c r="N4965" t="s">
        <v>91</v>
      </c>
      <c r="O4965" t="s">
        <v>85</v>
      </c>
      <c r="P4965" t="s">
        <v>86</v>
      </c>
      <c r="Q4965">
        <v>5</v>
      </c>
      <c r="R4965">
        <v>5</v>
      </c>
      <c r="S4965">
        <v>5</v>
      </c>
      <c r="T4965">
        <v>5</v>
      </c>
      <c r="U4965">
        <v>5</v>
      </c>
      <c r="V4965">
        <v>5</v>
      </c>
      <c r="W4965">
        <v>5</v>
      </c>
      <c r="X4965">
        <v>5</v>
      </c>
      <c r="Y4965">
        <v>5</v>
      </c>
      <c r="Z4965">
        <v>5</v>
      </c>
      <c r="AA4965">
        <v>5</v>
      </c>
      <c r="AB4965">
        <v>5</v>
      </c>
      <c r="AC4965">
        <v>5</v>
      </c>
      <c r="AD4965">
        <v>5</v>
      </c>
      <c r="AE4965">
        <v>5</v>
      </c>
      <c r="AF4965">
        <v>5</v>
      </c>
      <c r="AG4965">
        <v>5</v>
      </c>
      <c r="AH4965">
        <v>5</v>
      </c>
      <c r="AI4965">
        <v>5</v>
      </c>
      <c r="AJ4965">
        <v>5</v>
      </c>
      <c r="AK4965">
        <v>5</v>
      </c>
      <c r="AL4965">
        <v>5</v>
      </c>
      <c r="AM4965">
        <v>5</v>
      </c>
      <c r="AN4965">
        <v>5</v>
      </c>
      <c r="AO4965">
        <v>5</v>
      </c>
      <c r="AP4965">
        <v>5</v>
      </c>
      <c r="AQ4965">
        <v>5</v>
      </c>
    </row>
    <row r="4966" spans="1:43">
      <c r="A4966" t="s">
        <v>3136</v>
      </c>
      <c r="B4966" t="s">
        <v>3137</v>
      </c>
      <c r="C4966" t="s">
        <v>3108</v>
      </c>
      <c r="D4966" t="s">
        <v>3109</v>
      </c>
      <c r="E4966" t="s">
        <v>2928</v>
      </c>
      <c r="F4966" t="s">
        <v>2929</v>
      </c>
      <c r="G4966" t="s">
        <v>80</v>
      </c>
      <c r="H4966" t="s">
        <v>81</v>
      </c>
      <c r="I4966" s="2">
        <v>1</v>
      </c>
      <c r="J4966" s="2">
        <v>0</v>
      </c>
      <c r="K4966" s="2">
        <v>0</v>
      </c>
      <c r="L4966" t="s">
        <v>120</v>
      </c>
      <c r="M4966" t="s">
        <v>83</v>
      </c>
      <c r="N4966" t="s">
        <v>84</v>
      </c>
      <c r="O4966" t="s">
        <v>85</v>
      </c>
      <c r="P4966" t="s">
        <v>86</v>
      </c>
      <c r="Q4966">
        <v>16</v>
      </c>
      <c r="R4966">
        <v>16</v>
      </c>
      <c r="S4966">
        <v>16</v>
      </c>
      <c r="T4966">
        <v>16</v>
      </c>
      <c r="U4966">
        <v>16</v>
      </c>
      <c r="V4966">
        <v>16</v>
      </c>
      <c r="W4966">
        <v>17</v>
      </c>
      <c r="X4966">
        <v>17</v>
      </c>
      <c r="Y4966">
        <v>17</v>
      </c>
      <c r="Z4966">
        <v>17</v>
      </c>
      <c r="AA4966">
        <v>17</v>
      </c>
      <c r="AB4966">
        <v>17</v>
      </c>
      <c r="AC4966">
        <v>17</v>
      </c>
      <c r="AD4966">
        <v>17</v>
      </c>
      <c r="AE4966">
        <v>17</v>
      </c>
      <c r="AF4966">
        <v>17</v>
      </c>
      <c r="AG4966">
        <v>17</v>
      </c>
      <c r="AH4966">
        <v>17</v>
      </c>
      <c r="AI4966">
        <v>17</v>
      </c>
      <c r="AJ4966">
        <v>17</v>
      </c>
      <c r="AK4966">
        <v>17</v>
      </c>
      <c r="AL4966">
        <v>17</v>
      </c>
      <c r="AM4966">
        <v>17</v>
      </c>
      <c r="AN4966">
        <v>16</v>
      </c>
      <c r="AO4966">
        <v>16</v>
      </c>
      <c r="AP4966">
        <v>16</v>
      </c>
      <c r="AQ4966">
        <v>16</v>
      </c>
    </row>
    <row r="4967" spans="1:43">
      <c r="A4967" t="s">
        <v>3136</v>
      </c>
      <c r="B4967" t="s">
        <v>3137</v>
      </c>
      <c r="C4967" t="s">
        <v>3108</v>
      </c>
      <c r="D4967" t="s">
        <v>3109</v>
      </c>
      <c r="E4967" t="s">
        <v>2928</v>
      </c>
      <c r="F4967" t="s">
        <v>2929</v>
      </c>
      <c r="G4967" t="s">
        <v>80</v>
      </c>
      <c r="H4967" t="s">
        <v>81</v>
      </c>
      <c r="I4967" s="2">
        <v>1</v>
      </c>
      <c r="J4967" s="2">
        <v>0</v>
      </c>
      <c r="K4967" s="2">
        <v>0</v>
      </c>
      <c r="L4967" t="s">
        <v>120</v>
      </c>
      <c r="M4967" t="s">
        <v>87</v>
      </c>
      <c r="N4967" t="s">
        <v>88</v>
      </c>
      <c r="O4967" t="s">
        <v>85</v>
      </c>
      <c r="P4967" t="s">
        <v>86</v>
      </c>
      <c r="Q4967">
        <v>16</v>
      </c>
      <c r="R4967">
        <v>16</v>
      </c>
      <c r="S4967">
        <v>16</v>
      </c>
      <c r="T4967">
        <v>16</v>
      </c>
      <c r="U4967">
        <v>16</v>
      </c>
      <c r="V4967">
        <v>16</v>
      </c>
      <c r="W4967">
        <v>16</v>
      </c>
      <c r="X4967">
        <v>15</v>
      </c>
      <c r="Y4967">
        <v>15</v>
      </c>
      <c r="Z4967">
        <v>15</v>
      </c>
      <c r="AA4967">
        <v>15</v>
      </c>
      <c r="AB4967">
        <v>15</v>
      </c>
      <c r="AC4967">
        <v>15</v>
      </c>
      <c r="AD4967">
        <v>15</v>
      </c>
      <c r="AE4967">
        <v>15</v>
      </c>
      <c r="AF4967">
        <v>15</v>
      </c>
      <c r="AG4967">
        <v>15</v>
      </c>
      <c r="AH4967">
        <v>15</v>
      </c>
      <c r="AI4967">
        <v>15</v>
      </c>
      <c r="AJ4967">
        <v>15</v>
      </c>
      <c r="AK4967">
        <v>14</v>
      </c>
      <c r="AL4967">
        <v>14</v>
      </c>
      <c r="AM4967">
        <v>14</v>
      </c>
      <c r="AN4967">
        <v>14</v>
      </c>
      <c r="AO4967">
        <v>14</v>
      </c>
      <c r="AP4967">
        <v>14</v>
      </c>
      <c r="AQ4967">
        <v>14</v>
      </c>
    </row>
    <row r="4968" spans="1:43">
      <c r="A4968" t="s">
        <v>3136</v>
      </c>
      <c r="B4968" t="s">
        <v>3137</v>
      </c>
      <c r="C4968" t="s">
        <v>3108</v>
      </c>
      <c r="D4968" t="s">
        <v>3109</v>
      </c>
      <c r="E4968" t="s">
        <v>2928</v>
      </c>
      <c r="F4968" t="s">
        <v>2929</v>
      </c>
      <c r="G4968" t="s">
        <v>80</v>
      </c>
      <c r="H4968" t="s">
        <v>81</v>
      </c>
      <c r="I4968" s="2">
        <v>1</v>
      </c>
      <c r="J4968" s="2">
        <v>0</v>
      </c>
      <c r="K4968" s="2">
        <v>0</v>
      </c>
      <c r="L4968" t="s">
        <v>120</v>
      </c>
      <c r="M4968" t="s">
        <v>89</v>
      </c>
      <c r="N4968" t="s">
        <v>90</v>
      </c>
      <c r="O4968" t="s">
        <v>85</v>
      </c>
      <c r="P4968" t="s">
        <v>86</v>
      </c>
      <c r="Q4968">
        <v>16</v>
      </c>
      <c r="R4968">
        <v>17</v>
      </c>
      <c r="S4968">
        <v>17</v>
      </c>
      <c r="T4968">
        <v>17</v>
      </c>
      <c r="U4968">
        <v>17</v>
      </c>
      <c r="V4968">
        <v>17</v>
      </c>
      <c r="W4968">
        <v>17</v>
      </c>
      <c r="X4968">
        <v>17</v>
      </c>
      <c r="Y4968">
        <v>18</v>
      </c>
      <c r="Z4968">
        <v>18</v>
      </c>
      <c r="AA4968">
        <v>18</v>
      </c>
      <c r="AB4968">
        <v>18</v>
      </c>
      <c r="AC4968">
        <v>18</v>
      </c>
      <c r="AD4968">
        <v>18</v>
      </c>
      <c r="AE4968">
        <v>18</v>
      </c>
      <c r="AF4968">
        <v>18</v>
      </c>
      <c r="AG4968">
        <v>18</v>
      </c>
      <c r="AH4968">
        <v>17</v>
      </c>
      <c r="AI4968">
        <v>17</v>
      </c>
      <c r="AJ4968">
        <v>17</v>
      </c>
      <c r="AK4968">
        <v>17</v>
      </c>
      <c r="AL4968">
        <v>17</v>
      </c>
      <c r="AM4968">
        <v>17</v>
      </c>
      <c r="AN4968">
        <v>17</v>
      </c>
      <c r="AO4968">
        <v>16</v>
      </c>
      <c r="AP4968">
        <v>16</v>
      </c>
      <c r="AQ4968">
        <v>16</v>
      </c>
    </row>
    <row r="4969" spans="1:43">
      <c r="A4969" t="s">
        <v>3136</v>
      </c>
      <c r="B4969" t="s">
        <v>3137</v>
      </c>
      <c r="C4969" t="s">
        <v>3108</v>
      </c>
      <c r="D4969" t="s">
        <v>3109</v>
      </c>
      <c r="E4969" t="s">
        <v>2928</v>
      </c>
      <c r="F4969" t="s">
        <v>2929</v>
      </c>
      <c r="G4969" t="s">
        <v>80</v>
      </c>
      <c r="H4969" t="s">
        <v>81</v>
      </c>
      <c r="I4969" s="2">
        <v>1</v>
      </c>
      <c r="J4969" s="2">
        <v>0</v>
      </c>
      <c r="K4969" s="2">
        <v>0</v>
      </c>
      <c r="L4969" t="s">
        <v>120</v>
      </c>
      <c r="M4969" t="s">
        <v>83</v>
      </c>
      <c r="N4969" t="s">
        <v>91</v>
      </c>
      <c r="O4969" t="s">
        <v>85</v>
      </c>
      <c r="P4969" t="s">
        <v>86</v>
      </c>
      <c r="Q4969">
        <v>16</v>
      </c>
      <c r="R4969">
        <v>16</v>
      </c>
      <c r="S4969">
        <v>16</v>
      </c>
      <c r="T4969">
        <v>16</v>
      </c>
      <c r="U4969">
        <v>16</v>
      </c>
      <c r="V4969">
        <v>16</v>
      </c>
      <c r="W4969">
        <v>17</v>
      </c>
      <c r="X4969">
        <v>17</v>
      </c>
      <c r="Y4969">
        <v>17</v>
      </c>
      <c r="Z4969">
        <v>17</v>
      </c>
      <c r="AA4969">
        <v>17</v>
      </c>
      <c r="AB4969">
        <v>17</v>
      </c>
      <c r="AC4969">
        <v>17</v>
      </c>
      <c r="AD4969">
        <v>17</v>
      </c>
      <c r="AE4969">
        <v>17</v>
      </c>
      <c r="AF4969">
        <v>17</v>
      </c>
      <c r="AG4969">
        <v>17</v>
      </c>
      <c r="AH4969">
        <v>17</v>
      </c>
      <c r="AI4969">
        <v>17</v>
      </c>
      <c r="AJ4969">
        <v>17</v>
      </c>
      <c r="AK4969">
        <v>17</v>
      </c>
      <c r="AL4969">
        <v>17</v>
      </c>
      <c r="AM4969">
        <v>17</v>
      </c>
      <c r="AN4969">
        <v>16</v>
      </c>
      <c r="AO4969">
        <v>16</v>
      </c>
      <c r="AP4969">
        <v>16</v>
      </c>
      <c r="AQ4969">
        <v>16</v>
      </c>
    </row>
    <row r="4970" spans="1:43">
      <c r="A4970" t="s">
        <v>3138</v>
      </c>
      <c r="B4970" t="s">
        <v>3139</v>
      </c>
      <c r="C4970" t="s">
        <v>3140</v>
      </c>
      <c r="D4970" t="s">
        <v>3141</v>
      </c>
      <c r="E4970" t="s">
        <v>2928</v>
      </c>
      <c r="F4970" t="s">
        <v>2929</v>
      </c>
      <c r="G4970" t="s">
        <v>80</v>
      </c>
      <c r="H4970" t="s">
        <v>81</v>
      </c>
      <c r="I4970" s="2">
        <v>1</v>
      </c>
      <c r="J4970" s="2">
        <v>0</v>
      </c>
      <c r="K4970" s="2">
        <v>0</v>
      </c>
      <c r="L4970" t="s">
        <v>120</v>
      </c>
      <c r="M4970" t="s">
        <v>83</v>
      </c>
      <c r="N4970" t="s">
        <v>84</v>
      </c>
      <c r="O4970" t="s">
        <v>85</v>
      </c>
      <c r="P4970" t="s">
        <v>86</v>
      </c>
      <c r="Q4970">
        <v>19</v>
      </c>
      <c r="R4970">
        <v>19</v>
      </c>
      <c r="S4970">
        <v>20</v>
      </c>
      <c r="T4970">
        <v>20</v>
      </c>
      <c r="U4970">
        <v>20</v>
      </c>
      <c r="V4970">
        <v>20</v>
      </c>
      <c r="W4970">
        <v>20</v>
      </c>
      <c r="X4970">
        <v>20</v>
      </c>
      <c r="Y4970">
        <v>20</v>
      </c>
      <c r="Z4970">
        <v>20</v>
      </c>
      <c r="AA4970">
        <v>20</v>
      </c>
      <c r="AB4970">
        <v>20</v>
      </c>
      <c r="AC4970">
        <v>20</v>
      </c>
      <c r="AD4970">
        <v>20</v>
      </c>
      <c r="AE4970">
        <v>20</v>
      </c>
      <c r="AF4970">
        <v>20</v>
      </c>
      <c r="AG4970">
        <v>20</v>
      </c>
      <c r="AH4970">
        <v>20</v>
      </c>
      <c r="AI4970">
        <v>20</v>
      </c>
      <c r="AJ4970">
        <v>20</v>
      </c>
      <c r="AK4970">
        <v>20</v>
      </c>
      <c r="AL4970">
        <v>20</v>
      </c>
      <c r="AM4970">
        <v>20</v>
      </c>
      <c r="AN4970">
        <v>20</v>
      </c>
      <c r="AO4970">
        <v>20</v>
      </c>
      <c r="AP4970">
        <v>19</v>
      </c>
      <c r="AQ4970">
        <v>19</v>
      </c>
    </row>
    <row r="4971" spans="1:43">
      <c r="A4971" t="s">
        <v>3138</v>
      </c>
      <c r="B4971" t="s">
        <v>3139</v>
      </c>
      <c r="C4971" t="s">
        <v>3140</v>
      </c>
      <c r="D4971" t="s">
        <v>3141</v>
      </c>
      <c r="E4971" t="s">
        <v>2928</v>
      </c>
      <c r="F4971" t="s">
        <v>2929</v>
      </c>
      <c r="G4971" t="s">
        <v>80</v>
      </c>
      <c r="H4971" t="s">
        <v>81</v>
      </c>
      <c r="I4971" s="2">
        <v>1</v>
      </c>
      <c r="J4971" s="2">
        <v>0</v>
      </c>
      <c r="K4971" s="2">
        <v>0</v>
      </c>
      <c r="L4971" t="s">
        <v>120</v>
      </c>
      <c r="M4971" t="s">
        <v>87</v>
      </c>
      <c r="N4971" t="s">
        <v>88</v>
      </c>
      <c r="O4971" t="s">
        <v>85</v>
      </c>
      <c r="P4971" t="s">
        <v>86</v>
      </c>
      <c r="Q4971">
        <v>19</v>
      </c>
      <c r="R4971">
        <v>19</v>
      </c>
      <c r="S4971">
        <v>19</v>
      </c>
      <c r="T4971">
        <v>19</v>
      </c>
      <c r="U4971">
        <v>19</v>
      </c>
      <c r="V4971">
        <v>19</v>
      </c>
      <c r="W4971">
        <v>19</v>
      </c>
      <c r="X4971">
        <v>19</v>
      </c>
      <c r="Y4971">
        <v>18</v>
      </c>
      <c r="Z4971">
        <v>18</v>
      </c>
      <c r="AA4971">
        <v>18</v>
      </c>
      <c r="AB4971">
        <v>18</v>
      </c>
      <c r="AC4971">
        <v>18</v>
      </c>
      <c r="AD4971">
        <v>18</v>
      </c>
      <c r="AE4971">
        <v>18</v>
      </c>
      <c r="AF4971">
        <v>18</v>
      </c>
      <c r="AG4971">
        <v>18</v>
      </c>
      <c r="AH4971">
        <v>18</v>
      </c>
      <c r="AI4971">
        <v>18</v>
      </c>
      <c r="AJ4971">
        <v>17</v>
      </c>
      <c r="AK4971">
        <v>17</v>
      </c>
      <c r="AL4971">
        <v>17</v>
      </c>
      <c r="AM4971">
        <v>17</v>
      </c>
      <c r="AN4971">
        <v>17</v>
      </c>
      <c r="AO4971">
        <v>17</v>
      </c>
      <c r="AP4971">
        <v>17</v>
      </c>
      <c r="AQ4971">
        <v>17</v>
      </c>
    </row>
    <row r="4972" spans="1:43">
      <c r="A4972" t="s">
        <v>3138</v>
      </c>
      <c r="B4972" t="s">
        <v>3139</v>
      </c>
      <c r="C4972" t="s">
        <v>3140</v>
      </c>
      <c r="D4972" t="s">
        <v>3141</v>
      </c>
      <c r="E4972" t="s">
        <v>2928</v>
      </c>
      <c r="F4972" t="s">
        <v>2929</v>
      </c>
      <c r="G4972" t="s">
        <v>80</v>
      </c>
      <c r="H4972" t="s">
        <v>81</v>
      </c>
      <c r="I4972" s="2">
        <v>1</v>
      </c>
      <c r="J4972" s="2">
        <v>0</v>
      </c>
      <c r="K4972" s="2">
        <v>0</v>
      </c>
      <c r="L4972" t="s">
        <v>120</v>
      </c>
      <c r="M4972" t="s">
        <v>89</v>
      </c>
      <c r="N4972" t="s">
        <v>90</v>
      </c>
      <c r="O4972" t="s">
        <v>85</v>
      </c>
      <c r="P4972" t="s">
        <v>86</v>
      </c>
      <c r="Q4972">
        <v>19</v>
      </c>
      <c r="R4972">
        <v>19</v>
      </c>
      <c r="S4972">
        <v>19</v>
      </c>
      <c r="T4972">
        <v>19</v>
      </c>
      <c r="U4972">
        <v>19</v>
      </c>
      <c r="V4972">
        <v>20</v>
      </c>
      <c r="W4972">
        <v>20</v>
      </c>
      <c r="X4972">
        <v>20</v>
      </c>
      <c r="Y4972">
        <v>20</v>
      </c>
      <c r="Z4972">
        <v>20</v>
      </c>
      <c r="AA4972">
        <v>20</v>
      </c>
      <c r="AB4972">
        <v>20</v>
      </c>
      <c r="AC4972">
        <v>20</v>
      </c>
      <c r="AD4972">
        <v>20</v>
      </c>
      <c r="AE4972">
        <v>20</v>
      </c>
      <c r="AF4972">
        <v>20</v>
      </c>
      <c r="AG4972">
        <v>20</v>
      </c>
      <c r="AH4972">
        <v>20</v>
      </c>
      <c r="AI4972">
        <v>20</v>
      </c>
      <c r="AJ4972">
        <v>20</v>
      </c>
      <c r="AK4972">
        <v>19</v>
      </c>
      <c r="AL4972">
        <v>19</v>
      </c>
      <c r="AM4972">
        <v>19</v>
      </c>
      <c r="AN4972">
        <v>19</v>
      </c>
      <c r="AO4972">
        <v>19</v>
      </c>
      <c r="AP4972">
        <v>18</v>
      </c>
      <c r="AQ4972">
        <v>18</v>
      </c>
    </row>
    <row r="4973" spans="1:43">
      <c r="A4973" t="s">
        <v>3138</v>
      </c>
      <c r="B4973" t="s">
        <v>3139</v>
      </c>
      <c r="C4973" t="s">
        <v>3140</v>
      </c>
      <c r="D4973" t="s">
        <v>3141</v>
      </c>
      <c r="E4973" t="s">
        <v>2928</v>
      </c>
      <c r="F4973" t="s">
        <v>2929</v>
      </c>
      <c r="G4973" t="s">
        <v>80</v>
      </c>
      <c r="H4973" t="s">
        <v>81</v>
      </c>
      <c r="I4973" s="2">
        <v>1</v>
      </c>
      <c r="J4973" s="2">
        <v>0</v>
      </c>
      <c r="K4973" s="2">
        <v>0</v>
      </c>
      <c r="L4973" t="s">
        <v>120</v>
      </c>
      <c r="M4973" t="s">
        <v>83</v>
      </c>
      <c r="N4973" t="s">
        <v>91</v>
      </c>
      <c r="O4973" t="s">
        <v>85</v>
      </c>
      <c r="P4973" t="s">
        <v>86</v>
      </c>
      <c r="Q4973">
        <v>19</v>
      </c>
      <c r="R4973">
        <v>19</v>
      </c>
      <c r="S4973">
        <v>20</v>
      </c>
      <c r="T4973">
        <v>20</v>
      </c>
      <c r="U4973">
        <v>20</v>
      </c>
      <c r="V4973">
        <v>20</v>
      </c>
      <c r="W4973">
        <v>20</v>
      </c>
      <c r="X4973">
        <v>20</v>
      </c>
      <c r="Y4973">
        <v>20</v>
      </c>
      <c r="Z4973">
        <v>20</v>
      </c>
      <c r="AA4973">
        <v>20</v>
      </c>
      <c r="AB4973">
        <v>20</v>
      </c>
      <c r="AC4973">
        <v>20</v>
      </c>
      <c r="AD4973">
        <v>20</v>
      </c>
      <c r="AE4973">
        <v>20</v>
      </c>
      <c r="AF4973">
        <v>20</v>
      </c>
      <c r="AG4973">
        <v>20</v>
      </c>
      <c r="AH4973">
        <v>20</v>
      </c>
      <c r="AI4973">
        <v>20</v>
      </c>
      <c r="AJ4973">
        <v>20</v>
      </c>
      <c r="AK4973">
        <v>20</v>
      </c>
      <c r="AL4973">
        <v>20</v>
      </c>
      <c r="AM4973">
        <v>20</v>
      </c>
      <c r="AN4973">
        <v>20</v>
      </c>
      <c r="AO4973">
        <v>20</v>
      </c>
      <c r="AP4973">
        <v>19</v>
      </c>
      <c r="AQ4973">
        <v>19</v>
      </c>
    </row>
    <row r="4974" spans="1:43">
      <c r="A4974" t="s">
        <v>3142</v>
      </c>
      <c r="B4974" t="s">
        <v>3143</v>
      </c>
      <c r="C4974" t="s">
        <v>3000</v>
      </c>
      <c r="D4974" t="s">
        <v>3001</v>
      </c>
      <c r="E4974" t="s">
        <v>2928</v>
      </c>
      <c r="F4974" t="s">
        <v>2929</v>
      </c>
      <c r="G4974" t="s">
        <v>80</v>
      </c>
      <c r="H4974" t="s">
        <v>81</v>
      </c>
      <c r="I4974" s="2">
        <v>1</v>
      </c>
      <c r="J4974" s="2">
        <v>0</v>
      </c>
      <c r="K4974" s="2">
        <v>0</v>
      </c>
      <c r="L4974" t="s">
        <v>120</v>
      </c>
      <c r="M4974" t="s">
        <v>83</v>
      </c>
      <c r="N4974" t="s">
        <v>84</v>
      </c>
      <c r="O4974" t="s">
        <v>85</v>
      </c>
      <c r="P4974" t="s">
        <v>86</v>
      </c>
      <c r="Q4974">
        <v>24</v>
      </c>
      <c r="R4974">
        <v>24</v>
      </c>
      <c r="S4974">
        <v>24</v>
      </c>
      <c r="T4974">
        <v>24</v>
      </c>
      <c r="U4974">
        <v>25</v>
      </c>
      <c r="V4974">
        <v>25</v>
      </c>
      <c r="W4974">
        <v>25</v>
      </c>
      <c r="X4974">
        <v>25</v>
      </c>
      <c r="Y4974">
        <v>25</v>
      </c>
      <c r="Z4974">
        <v>25</v>
      </c>
      <c r="AA4974">
        <v>25</v>
      </c>
      <c r="AB4974">
        <v>25</v>
      </c>
      <c r="AC4974">
        <v>25</v>
      </c>
      <c r="AD4974">
        <v>25</v>
      </c>
      <c r="AE4974">
        <v>25</v>
      </c>
      <c r="AF4974">
        <v>25</v>
      </c>
      <c r="AG4974">
        <v>25</v>
      </c>
      <c r="AH4974">
        <v>25</v>
      </c>
      <c r="AI4974">
        <v>25</v>
      </c>
      <c r="AJ4974">
        <v>25</v>
      </c>
      <c r="AK4974">
        <v>25</v>
      </c>
      <c r="AL4974">
        <v>25</v>
      </c>
      <c r="AM4974">
        <v>25</v>
      </c>
      <c r="AN4974">
        <v>25</v>
      </c>
      <c r="AO4974">
        <v>24</v>
      </c>
      <c r="AP4974">
        <v>24</v>
      </c>
      <c r="AQ4974">
        <v>24</v>
      </c>
    </row>
    <row r="4975" spans="1:43">
      <c r="A4975" t="s">
        <v>3142</v>
      </c>
      <c r="B4975" t="s">
        <v>3143</v>
      </c>
      <c r="C4975" t="s">
        <v>3000</v>
      </c>
      <c r="D4975" t="s">
        <v>3001</v>
      </c>
      <c r="E4975" t="s">
        <v>2928</v>
      </c>
      <c r="F4975" t="s">
        <v>2929</v>
      </c>
      <c r="G4975" t="s">
        <v>80</v>
      </c>
      <c r="H4975" t="s">
        <v>81</v>
      </c>
      <c r="I4975" s="2">
        <v>1</v>
      </c>
      <c r="J4975" s="2">
        <v>0</v>
      </c>
      <c r="K4975" s="2">
        <v>0</v>
      </c>
      <c r="L4975" t="s">
        <v>120</v>
      </c>
      <c r="M4975" t="s">
        <v>87</v>
      </c>
      <c r="N4975" t="s">
        <v>88</v>
      </c>
      <c r="O4975" t="s">
        <v>85</v>
      </c>
      <c r="P4975" t="s">
        <v>86</v>
      </c>
      <c r="Q4975">
        <v>24</v>
      </c>
      <c r="R4975">
        <v>24</v>
      </c>
      <c r="S4975">
        <v>24</v>
      </c>
      <c r="T4975">
        <v>24</v>
      </c>
      <c r="U4975">
        <v>23</v>
      </c>
      <c r="V4975">
        <v>23</v>
      </c>
      <c r="W4975">
        <v>23</v>
      </c>
      <c r="X4975">
        <v>23</v>
      </c>
      <c r="Y4975">
        <v>23</v>
      </c>
      <c r="Z4975">
        <v>23</v>
      </c>
      <c r="AA4975">
        <v>23</v>
      </c>
      <c r="AB4975">
        <v>23</v>
      </c>
      <c r="AC4975">
        <v>22</v>
      </c>
      <c r="AD4975">
        <v>22</v>
      </c>
      <c r="AE4975">
        <v>22</v>
      </c>
      <c r="AF4975">
        <v>22</v>
      </c>
      <c r="AG4975">
        <v>22</v>
      </c>
      <c r="AH4975">
        <v>22</v>
      </c>
      <c r="AI4975">
        <v>22</v>
      </c>
      <c r="AJ4975">
        <v>22</v>
      </c>
      <c r="AK4975">
        <v>22</v>
      </c>
      <c r="AL4975">
        <v>21</v>
      </c>
      <c r="AM4975">
        <v>21</v>
      </c>
      <c r="AN4975">
        <v>21</v>
      </c>
      <c r="AO4975">
        <v>21</v>
      </c>
      <c r="AP4975">
        <v>21</v>
      </c>
      <c r="AQ4975">
        <v>21</v>
      </c>
    </row>
    <row r="4976" spans="1:43">
      <c r="A4976" t="s">
        <v>3142</v>
      </c>
      <c r="B4976" t="s">
        <v>3143</v>
      </c>
      <c r="C4976" t="s">
        <v>3000</v>
      </c>
      <c r="D4976" t="s">
        <v>3001</v>
      </c>
      <c r="E4976" t="s">
        <v>2928</v>
      </c>
      <c r="F4976" t="s">
        <v>2929</v>
      </c>
      <c r="G4976" t="s">
        <v>80</v>
      </c>
      <c r="H4976" t="s">
        <v>81</v>
      </c>
      <c r="I4976" s="2">
        <v>1</v>
      </c>
      <c r="J4976" s="2">
        <v>0</v>
      </c>
      <c r="K4976" s="2">
        <v>0</v>
      </c>
      <c r="L4976" t="s">
        <v>120</v>
      </c>
      <c r="M4976" t="s">
        <v>89</v>
      </c>
      <c r="N4976" t="s">
        <v>90</v>
      </c>
      <c r="O4976" t="s">
        <v>85</v>
      </c>
      <c r="P4976" t="s">
        <v>86</v>
      </c>
      <c r="Q4976">
        <v>24</v>
      </c>
      <c r="R4976">
        <v>25</v>
      </c>
      <c r="S4976">
        <v>25</v>
      </c>
      <c r="T4976">
        <v>25</v>
      </c>
      <c r="U4976">
        <v>26</v>
      </c>
      <c r="V4976">
        <v>26</v>
      </c>
      <c r="W4976">
        <v>26</v>
      </c>
      <c r="X4976">
        <v>26</v>
      </c>
      <c r="Y4976">
        <v>26</v>
      </c>
      <c r="Z4976">
        <v>26</v>
      </c>
      <c r="AA4976">
        <v>26</v>
      </c>
      <c r="AB4976">
        <v>27</v>
      </c>
      <c r="AC4976">
        <v>27</v>
      </c>
      <c r="AD4976">
        <v>27</v>
      </c>
      <c r="AE4976">
        <v>27</v>
      </c>
      <c r="AF4976">
        <v>27</v>
      </c>
      <c r="AG4976">
        <v>26</v>
      </c>
      <c r="AH4976">
        <v>26</v>
      </c>
      <c r="AI4976">
        <v>26</v>
      </c>
      <c r="AJ4976">
        <v>26</v>
      </c>
      <c r="AK4976">
        <v>25</v>
      </c>
      <c r="AL4976">
        <v>25</v>
      </c>
      <c r="AM4976">
        <v>25</v>
      </c>
      <c r="AN4976">
        <v>25</v>
      </c>
      <c r="AO4976">
        <v>25</v>
      </c>
      <c r="AP4976">
        <v>24</v>
      </c>
      <c r="AQ4976">
        <v>24</v>
      </c>
    </row>
    <row r="4977" spans="1:43">
      <c r="A4977" t="s">
        <v>3142</v>
      </c>
      <c r="B4977" t="s">
        <v>3143</v>
      </c>
      <c r="C4977" t="s">
        <v>3000</v>
      </c>
      <c r="D4977" t="s">
        <v>3001</v>
      </c>
      <c r="E4977" t="s">
        <v>2928</v>
      </c>
      <c r="F4977" t="s">
        <v>2929</v>
      </c>
      <c r="G4977" t="s">
        <v>80</v>
      </c>
      <c r="H4977" t="s">
        <v>81</v>
      </c>
      <c r="I4977" s="2">
        <v>1</v>
      </c>
      <c r="J4977" s="2">
        <v>0</v>
      </c>
      <c r="K4977" s="2">
        <v>0</v>
      </c>
      <c r="L4977" t="s">
        <v>120</v>
      </c>
      <c r="M4977" t="s">
        <v>83</v>
      </c>
      <c r="N4977" t="s">
        <v>91</v>
      </c>
      <c r="O4977" t="s">
        <v>85</v>
      </c>
      <c r="P4977" t="s">
        <v>86</v>
      </c>
      <c r="Q4977">
        <v>24</v>
      </c>
      <c r="R4977">
        <v>24</v>
      </c>
      <c r="S4977">
        <v>24</v>
      </c>
      <c r="T4977">
        <v>24</v>
      </c>
      <c r="U4977">
        <v>25</v>
      </c>
      <c r="V4977">
        <v>25</v>
      </c>
      <c r="W4977">
        <v>25</v>
      </c>
      <c r="X4977">
        <v>25</v>
      </c>
      <c r="Y4977">
        <v>25</v>
      </c>
      <c r="Z4977">
        <v>25</v>
      </c>
      <c r="AA4977">
        <v>25</v>
      </c>
      <c r="AB4977">
        <v>25</v>
      </c>
      <c r="AC4977">
        <v>25</v>
      </c>
      <c r="AD4977">
        <v>25</v>
      </c>
      <c r="AE4977">
        <v>25</v>
      </c>
      <c r="AF4977">
        <v>25</v>
      </c>
      <c r="AG4977">
        <v>25</v>
      </c>
      <c r="AH4977">
        <v>25</v>
      </c>
      <c r="AI4977">
        <v>25</v>
      </c>
      <c r="AJ4977">
        <v>25</v>
      </c>
      <c r="AK4977">
        <v>25</v>
      </c>
      <c r="AL4977">
        <v>25</v>
      </c>
      <c r="AM4977">
        <v>25</v>
      </c>
      <c r="AN4977">
        <v>25</v>
      </c>
      <c r="AO4977">
        <v>24</v>
      </c>
      <c r="AP4977">
        <v>24</v>
      </c>
      <c r="AQ4977">
        <v>24</v>
      </c>
    </row>
    <row r="4978" spans="1:43">
      <c r="A4978" t="s">
        <v>3144</v>
      </c>
      <c r="B4978" t="s">
        <v>3145</v>
      </c>
      <c r="C4978" t="s">
        <v>3108</v>
      </c>
      <c r="D4978" t="s">
        <v>3109</v>
      </c>
      <c r="E4978" t="s">
        <v>2928</v>
      </c>
      <c r="F4978" t="s">
        <v>2929</v>
      </c>
      <c r="G4978" t="s">
        <v>80</v>
      </c>
      <c r="H4978" t="s">
        <v>81</v>
      </c>
      <c r="I4978" s="2">
        <v>1</v>
      </c>
      <c r="J4978" s="2">
        <v>0</v>
      </c>
      <c r="K4978" s="2">
        <v>0</v>
      </c>
      <c r="L4978" t="s">
        <v>120</v>
      </c>
      <c r="M4978" t="s">
        <v>83</v>
      </c>
      <c r="N4978" t="s">
        <v>84</v>
      </c>
      <c r="O4978" t="s">
        <v>85</v>
      </c>
      <c r="P4978" t="s">
        <v>86</v>
      </c>
      <c r="Q4978">
        <v>36</v>
      </c>
      <c r="R4978">
        <v>36</v>
      </c>
      <c r="S4978">
        <v>36</v>
      </c>
      <c r="T4978">
        <v>37</v>
      </c>
      <c r="U4978">
        <v>37</v>
      </c>
      <c r="V4978">
        <v>37</v>
      </c>
      <c r="W4978">
        <v>37</v>
      </c>
      <c r="X4978">
        <v>37</v>
      </c>
      <c r="Y4978">
        <v>37</v>
      </c>
      <c r="Z4978">
        <v>37</v>
      </c>
      <c r="AA4978">
        <v>37</v>
      </c>
      <c r="AB4978">
        <v>37</v>
      </c>
      <c r="AC4978">
        <v>37</v>
      </c>
      <c r="AD4978">
        <v>37</v>
      </c>
      <c r="AE4978">
        <v>37</v>
      </c>
      <c r="AF4978">
        <v>37</v>
      </c>
      <c r="AG4978">
        <v>38</v>
      </c>
      <c r="AH4978">
        <v>38</v>
      </c>
      <c r="AI4978">
        <v>38</v>
      </c>
      <c r="AJ4978">
        <v>38</v>
      </c>
      <c r="AK4978">
        <v>38</v>
      </c>
      <c r="AL4978">
        <v>37</v>
      </c>
      <c r="AM4978">
        <v>37</v>
      </c>
      <c r="AN4978">
        <v>37</v>
      </c>
      <c r="AO4978">
        <v>36</v>
      </c>
      <c r="AP4978">
        <v>36</v>
      </c>
      <c r="AQ4978">
        <v>36</v>
      </c>
    </row>
    <row r="4979" spans="1:43">
      <c r="A4979" t="s">
        <v>3144</v>
      </c>
      <c r="B4979" t="s">
        <v>3145</v>
      </c>
      <c r="C4979" t="s">
        <v>3108</v>
      </c>
      <c r="D4979" t="s">
        <v>3109</v>
      </c>
      <c r="E4979" t="s">
        <v>2928</v>
      </c>
      <c r="F4979" t="s">
        <v>2929</v>
      </c>
      <c r="G4979" t="s">
        <v>80</v>
      </c>
      <c r="H4979" t="s">
        <v>81</v>
      </c>
      <c r="I4979" s="2">
        <v>1</v>
      </c>
      <c r="J4979" s="2">
        <v>0</v>
      </c>
      <c r="K4979" s="2">
        <v>0</v>
      </c>
      <c r="L4979" t="s">
        <v>120</v>
      </c>
      <c r="M4979" t="s">
        <v>87</v>
      </c>
      <c r="N4979" t="s">
        <v>88</v>
      </c>
      <c r="O4979" t="s">
        <v>85</v>
      </c>
      <c r="P4979" t="s">
        <v>86</v>
      </c>
      <c r="Q4979">
        <v>36</v>
      </c>
      <c r="R4979">
        <v>36</v>
      </c>
      <c r="S4979">
        <v>35</v>
      </c>
      <c r="T4979">
        <v>35</v>
      </c>
      <c r="U4979">
        <v>35</v>
      </c>
      <c r="V4979">
        <v>35</v>
      </c>
      <c r="W4979">
        <v>35</v>
      </c>
      <c r="X4979">
        <v>35</v>
      </c>
      <c r="Y4979">
        <v>34</v>
      </c>
      <c r="Z4979">
        <v>34</v>
      </c>
      <c r="AA4979">
        <v>34</v>
      </c>
      <c r="AB4979">
        <v>34</v>
      </c>
      <c r="AC4979">
        <v>34</v>
      </c>
      <c r="AD4979">
        <v>34</v>
      </c>
      <c r="AE4979">
        <v>33</v>
      </c>
      <c r="AF4979">
        <v>33</v>
      </c>
      <c r="AG4979">
        <v>33</v>
      </c>
      <c r="AH4979">
        <v>33</v>
      </c>
      <c r="AI4979">
        <v>33</v>
      </c>
      <c r="AJ4979">
        <v>33</v>
      </c>
      <c r="AK4979">
        <v>32</v>
      </c>
      <c r="AL4979">
        <v>32</v>
      </c>
      <c r="AM4979">
        <v>32</v>
      </c>
      <c r="AN4979">
        <v>32</v>
      </c>
      <c r="AO4979">
        <v>32</v>
      </c>
      <c r="AP4979">
        <v>32</v>
      </c>
      <c r="AQ4979">
        <v>31</v>
      </c>
    </row>
    <row r="4980" spans="1:43">
      <c r="A4980" t="s">
        <v>3144</v>
      </c>
      <c r="B4980" t="s">
        <v>3145</v>
      </c>
      <c r="C4980" t="s">
        <v>3108</v>
      </c>
      <c r="D4980" t="s">
        <v>3109</v>
      </c>
      <c r="E4980" t="s">
        <v>2928</v>
      </c>
      <c r="F4980" t="s">
        <v>2929</v>
      </c>
      <c r="G4980" t="s">
        <v>80</v>
      </c>
      <c r="H4980" t="s">
        <v>81</v>
      </c>
      <c r="I4980" s="2">
        <v>1</v>
      </c>
      <c r="J4980" s="2">
        <v>0</v>
      </c>
      <c r="K4980" s="2">
        <v>0</v>
      </c>
      <c r="L4980" t="s">
        <v>120</v>
      </c>
      <c r="M4980" t="s">
        <v>89</v>
      </c>
      <c r="N4980" t="s">
        <v>90</v>
      </c>
      <c r="O4980" t="s">
        <v>85</v>
      </c>
      <c r="P4980" t="s">
        <v>86</v>
      </c>
      <c r="Q4980">
        <v>36</v>
      </c>
      <c r="R4980">
        <v>36</v>
      </c>
      <c r="S4980">
        <v>36</v>
      </c>
      <c r="T4980">
        <v>37</v>
      </c>
      <c r="U4980">
        <v>37</v>
      </c>
      <c r="V4980">
        <v>37</v>
      </c>
      <c r="W4980">
        <v>38</v>
      </c>
      <c r="X4980">
        <v>38</v>
      </c>
      <c r="Y4980">
        <v>38</v>
      </c>
      <c r="Z4980">
        <v>38</v>
      </c>
      <c r="AA4980">
        <v>39</v>
      </c>
      <c r="AB4980">
        <v>39</v>
      </c>
      <c r="AC4980">
        <v>39</v>
      </c>
      <c r="AD4980">
        <v>39</v>
      </c>
      <c r="AE4980">
        <v>39</v>
      </c>
      <c r="AF4980">
        <v>39</v>
      </c>
      <c r="AG4980">
        <v>38</v>
      </c>
      <c r="AH4980">
        <v>38</v>
      </c>
      <c r="AI4980">
        <v>38</v>
      </c>
      <c r="AJ4980">
        <v>37</v>
      </c>
      <c r="AK4980">
        <v>37</v>
      </c>
      <c r="AL4980">
        <v>37</v>
      </c>
      <c r="AM4980">
        <v>36</v>
      </c>
      <c r="AN4980">
        <v>36</v>
      </c>
      <c r="AO4980">
        <v>36</v>
      </c>
      <c r="AP4980">
        <v>35</v>
      </c>
      <c r="AQ4980">
        <v>35</v>
      </c>
    </row>
    <row r="4981" spans="1:43">
      <c r="A4981" t="s">
        <v>3144</v>
      </c>
      <c r="B4981" t="s">
        <v>3145</v>
      </c>
      <c r="C4981" t="s">
        <v>3108</v>
      </c>
      <c r="D4981" t="s">
        <v>3109</v>
      </c>
      <c r="E4981" t="s">
        <v>2928</v>
      </c>
      <c r="F4981" t="s">
        <v>2929</v>
      </c>
      <c r="G4981" t="s">
        <v>80</v>
      </c>
      <c r="H4981" t="s">
        <v>81</v>
      </c>
      <c r="I4981" s="2">
        <v>1</v>
      </c>
      <c r="J4981" s="2">
        <v>0</v>
      </c>
      <c r="K4981" s="2">
        <v>0</v>
      </c>
      <c r="L4981" t="s">
        <v>120</v>
      </c>
      <c r="M4981" t="s">
        <v>83</v>
      </c>
      <c r="N4981" t="s">
        <v>91</v>
      </c>
      <c r="O4981" t="s">
        <v>85</v>
      </c>
      <c r="P4981" t="s">
        <v>86</v>
      </c>
      <c r="Q4981">
        <v>36</v>
      </c>
      <c r="R4981">
        <v>36</v>
      </c>
      <c r="S4981">
        <v>36</v>
      </c>
      <c r="T4981">
        <v>37</v>
      </c>
      <c r="U4981">
        <v>37</v>
      </c>
      <c r="V4981">
        <v>37</v>
      </c>
      <c r="W4981">
        <v>37</v>
      </c>
      <c r="X4981">
        <v>37</v>
      </c>
      <c r="Y4981">
        <v>37</v>
      </c>
      <c r="Z4981">
        <v>37</v>
      </c>
      <c r="AA4981">
        <v>37</v>
      </c>
      <c r="AB4981">
        <v>37</v>
      </c>
      <c r="AC4981">
        <v>37</v>
      </c>
      <c r="AD4981">
        <v>37</v>
      </c>
      <c r="AE4981">
        <v>37</v>
      </c>
      <c r="AF4981">
        <v>37</v>
      </c>
      <c r="AG4981">
        <v>38</v>
      </c>
      <c r="AH4981">
        <v>38</v>
      </c>
      <c r="AI4981">
        <v>38</v>
      </c>
      <c r="AJ4981">
        <v>38</v>
      </c>
      <c r="AK4981">
        <v>38</v>
      </c>
      <c r="AL4981">
        <v>37</v>
      </c>
      <c r="AM4981">
        <v>37</v>
      </c>
      <c r="AN4981">
        <v>37</v>
      </c>
      <c r="AO4981">
        <v>36</v>
      </c>
      <c r="AP4981">
        <v>36</v>
      </c>
      <c r="AQ4981">
        <v>36</v>
      </c>
    </row>
    <row r="4982" spans="1:43">
      <c r="A4982" t="s">
        <v>3146</v>
      </c>
      <c r="B4982" t="s">
        <v>3147</v>
      </c>
      <c r="C4982" t="s">
        <v>3108</v>
      </c>
      <c r="D4982" t="s">
        <v>3109</v>
      </c>
      <c r="E4982" t="s">
        <v>2928</v>
      </c>
      <c r="F4982" t="s">
        <v>2929</v>
      </c>
      <c r="G4982" t="s">
        <v>80</v>
      </c>
      <c r="H4982" t="s">
        <v>81</v>
      </c>
      <c r="I4982" s="2">
        <v>1</v>
      </c>
      <c r="J4982" s="2">
        <v>0</v>
      </c>
      <c r="K4982" s="2">
        <v>0</v>
      </c>
      <c r="L4982" t="s">
        <v>120</v>
      </c>
      <c r="M4982" t="s">
        <v>83</v>
      </c>
      <c r="N4982" t="s">
        <v>84</v>
      </c>
      <c r="O4982" t="s">
        <v>85</v>
      </c>
      <c r="P4982" t="s">
        <v>86</v>
      </c>
      <c r="Q4982">
        <v>41</v>
      </c>
      <c r="R4982">
        <v>41</v>
      </c>
      <c r="S4982">
        <v>41</v>
      </c>
      <c r="T4982">
        <v>41</v>
      </c>
      <c r="U4982">
        <v>41</v>
      </c>
      <c r="V4982">
        <v>41</v>
      </c>
      <c r="W4982">
        <v>42</v>
      </c>
      <c r="X4982">
        <v>42</v>
      </c>
      <c r="Y4982">
        <v>42</v>
      </c>
      <c r="Z4982">
        <v>42</v>
      </c>
      <c r="AA4982">
        <v>42</v>
      </c>
      <c r="AB4982">
        <v>42</v>
      </c>
      <c r="AC4982">
        <v>42</v>
      </c>
      <c r="AD4982">
        <v>42</v>
      </c>
      <c r="AE4982">
        <v>42</v>
      </c>
      <c r="AF4982">
        <v>42</v>
      </c>
      <c r="AG4982">
        <v>42</v>
      </c>
      <c r="AH4982">
        <v>42</v>
      </c>
      <c r="AI4982">
        <v>42</v>
      </c>
      <c r="AJ4982">
        <v>42</v>
      </c>
      <c r="AK4982">
        <v>42</v>
      </c>
      <c r="AL4982">
        <v>42</v>
      </c>
      <c r="AM4982">
        <v>42</v>
      </c>
      <c r="AN4982">
        <v>41</v>
      </c>
      <c r="AO4982">
        <v>41</v>
      </c>
      <c r="AP4982">
        <v>41</v>
      </c>
      <c r="AQ4982">
        <v>40</v>
      </c>
    </row>
    <row r="4983" spans="1:43">
      <c r="A4983" t="s">
        <v>3146</v>
      </c>
      <c r="B4983" t="s">
        <v>3147</v>
      </c>
      <c r="C4983" t="s">
        <v>3108</v>
      </c>
      <c r="D4983" t="s">
        <v>3109</v>
      </c>
      <c r="E4983" t="s">
        <v>2928</v>
      </c>
      <c r="F4983" t="s">
        <v>2929</v>
      </c>
      <c r="G4983" t="s">
        <v>80</v>
      </c>
      <c r="H4983" t="s">
        <v>81</v>
      </c>
      <c r="I4983" s="2">
        <v>1</v>
      </c>
      <c r="J4983" s="2">
        <v>0</v>
      </c>
      <c r="K4983" s="2">
        <v>0</v>
      </c>
      <c r="L4983" t="s">
        <v>120</v>
      </c>
      <c r="M4983" t="s">
        <v>87</v>
      </c>
      <c r="N4983" t="s">
        <v>88</v>
      </c>
      <c r="O4983" t="s">
        <v>85</v>
      </c>
      <c r="P4983" t="s">
        <v>86</v>
      </c>
      <c r="Q4983">
        <v>41</v>
      </c>
      <c r="R4983">
        <v>41</v>
      </c>
      <c r="S4983">
        <v>41</v>
      </c>
      <c r="T4983">
        <v>41</v>
      </c>
      <c r="U4983">
        <v>40</v>
      </c>
      <c r="V4983">
        <v>40</v>
      </c>
      <c r="W4983">
        <v>40</v>
      </c>
      <c r="X4983">
        <v>40</v>
      </c>
      <c r="Y4983">
        <v>40</v>
      </c>
      <c r="Z4983">
        <v>39</v>
      </c>
      <c r="AA4983">
        <v>39</v>
      </c>
      <c r="AB4983">
        <v>39</v>
      </c>
      <c r="AC4983">
        <v>39</v>
      </c>
      <c r="AD4983">
        <v>39</v>
      </c>
      <c r="AE4983">
        <v>38</v>
      </c>
      <c r="AF4983">
        <v>38</v>
      </c>
      <c r="AG4983">
        <v>38</v>
      </c>
      <c r="AH4983">
        <v>38</v>
      </c>
      <c r="AI4983">
        <v>38</v>
      </c>
      <c r="AJ4983">
        <v>38</v>
      </c>
      <c r="AK4983">
        <v>37</v>
      </c>
      <c r="AL4983">
        <v>37</v>
      </c>
      <c r="AM4983">
        <v>37</v>
      </c>
      <c r="AN4983">
        <v>37</v>
      </c>
      <c r="AO4983">
        <v>37</v>
      </c>
      <c r="AP4983">
        <v>36</v>
      </c>
      <c r="AQ4983">
        <v>36</v>
      </c>
    </row>
    <row r="4984" spans="1:43">
      <c r="A4984" t="s">
        <v>3146</v>
      </c>
      <c r="B4984" t="s">
        <v>3147</v>
      </c>
      <c r="C4984" t="s">
        <v>3108</v>
      </c>
      <c r="D4984" t="s">
        <v>3109</v>
      </c>
      <c r="E4984" t="s">
        <v>2928</v>
      </c>
      <c r="F4984" t="s">
        <v>2929</v>
      </c>
      <c r="G4984" t="s">
        <v>80</v>
      </c>
      <c r="H4984" t="s">
        <v>81</v>
      </c>
      <c r="I4984" s="2">
        <v>1</v>
      </c>
      <c r="J4984" s="2">
        <v>0</v>
      </c>
      <c r="K4984" s="2">
        <v>0</v>
      </c>
      <c r="L4984" t="s">
        <v>120</v>
      </c>
      <c r="M4984" t="s">
        <v>89</v>
      </c>
      <c r="N4984" t="s">
        <v>90</v>
      </c>
      <c r="O4984" t="s">
        <v>85</v>
      </c>
      <c r="P4984" t="s">
        <v>86</v>
      </c>
      <c r="Q4984">
        <v>41</v>
      </c>
      <c r="R4984">
        <v>42</v>
      </c>
      <c r="S4984">
        <v>42</v>
      </c>
      <c r="T4984">
        <v>43</v>
      </c>
      <c r="U4984">
        <v>43</v>
      </c>
      <c r="V4984">
        <v>43</v>
      </c>
      <c r="W4984">
        <v>44</v>
      </c>
      <c r="X4984">
        <v>44</v>
      </c>
      <c r="Y4984">
        <v>44</v>
      </c>
      <c r="Z4984">
        <v>44</v>
      </c>
      <c r="AA4984">
        <v>45</v>
      </c>
      <c r="AB4984">
        <v>45</v>
      </c>
      <c r="AC4984">
        <v>45</v>
      </c>
      <c r="AD4984">
        <v>45</v>
      </c>
      <c r="AE4984">
        <v>45</v>
      </c>
      <c r="AF4984">
        <v>45</v>
      </c>
      <c r="AG4984">
        <v>44</v>
      </c>
      <c r="AH4984">
        <v>44</v>
      </c>
      <c r="AI4984">
        <v>43</v>
      </c>
      <c r="AJ4984">
        <v>43</v>
      </c>
      <c r="AK4984">
        <v>43</v>
      </c>
      <c r="AL4984">
        <v>42</v>
      </c>
      <c r="AM4984">
        <v>42</v>
      </c>
      <c r="AN4984">
        <v>42</v>
      </c>
      <c r="AO4984">
        <v>41</v>
      </c>
      <c r="AP4984">
        <v>41</v>
      </c>
      <c r="AQ4984">
        <v>41</v>
      </c>
    </row>
    <row r="4985" spans="1:43">
      <c r="A4985" t="s">
        <v>3146</v>
      </c>
      <c r="B4985" t="s">
        <v>3147</v>
      </c>
      <c r="C4985" t="s">
        <v>3108</v>
      </c>
      <c r="D4985" t="s">
        <v>3109</v>
      </c>
      <c r="E4985" t="s">
        <v>2928</v>
      </c>
      <c r="F4985" t="s">
        <v>2929</v>
      </c>
      <c r="G4985" t="s">
        <v>80</v>
      </c>
      <c r="H4985" t="s">
        <v>81</v>
      </c>
      <c r="I4985" s="2">
        <v>1</v>
      </c>
      <c r="J4985" s="2">
        <v>0</v>
      </c>
      <c r="K4985" s="2">
        <v>0</v>
      </c>
      <c r="L4985" t="s">
        <v>120</v>
      </c>
      <c r="M4985" t="s">
        <v>83</v>
      </c>
      <c r="N4985" t="s">
        <v>91</v>
      </c>
      <c r="O4985" t="s">
        <v>85</v>
      </c>
      <c r="P4985" t="s">
        <v>86</v>
      </c>
      <c r="Q4985">
        <v>41</v>
      </c>
      <c r="R4985">
        <v>41</v>
      </c>
      <c r="S4985">
        <v>41</v>
      </c>
      <c r="T4985">
        <v>41</v>
      </c>
      <c r="U4985">
        <v>41</v>
      </c>
      <c r="V4985">
        <v>41</v>
      </c>
      <c r="W4985">
        <v>42</v>
      </c>
      <c r="X4985">
        <v>42</v>
      </c>
      <c r="Y4985">
        <v>42</v>
      </c>
      <c r="Z4985">
        <v>42</v>
      </c>
      <c r="AA4985">
        <v>42</v>
      </c>
      <c r="AB4985">
        <v>42</v>
      </c>
      <c r="AC4985">
        <v>42</v>
      </c>
      <c r="AD4985">
        <v>42</v>
      </c>
      <c r="AE4985">
        <v>42</v>
      </c>
      <c r="AF4985">
        <v>42</v>
      </c>
      <c r="AG4985">
        <v>42</v>
      </c>
      <c r="AH4985">
        <v>42</v>
      </c>
      <c r="AI4985">
        <v>42</v>
      </c>
      <c r="AJ4985">
        <v>42</v>
      </c>
      <c r="AK4985">
        <v>42</v>
      </c>
      <c r="AL4985">
        <v>42</v>
      </c>
      <c r="AM4985">
        <v>42</v>
      </c>
      <c r="AN4985">
        <v>41</v>
      </c>
      <c r="AO4985">
        <v>41</v>
      </c>
      <c r="AP4985">
        <v>41</v>
      </c>
      <c r="AQ4985">
        <v>40</v>
      </c>
    </row>
    <row r="4986" spans="1:43">
      <c r="A4986" t="s">
        <v>3148</v>
      </c>
      <c r="B4986" t="s">
        <v>3149</v>
      </c>
      <c r="C4986" t="s">
        <v>3000</v>
      </c>
      <c r="D4986" t="s">
        <v>3001</v>
      </c>
      <c r="E4986" t="s">
        <v>2928</v>
      </c>
      <c r="F4986" t="s">
        <v>2929</v>
      </c>
      <c r="G4986" t="s">
        <v>80</v>
      </c>
      <c r="H4986" t="s">
        <v>81</v>
      </c>
      <c r="I4986" s="2">
        <v>1</v>
      </c>
      <c r="J4986" s="2">
        <v>0</v>
      </c>
      <c r="K4986" s="2">
        <v>0</v>
      </c>
      <c r="L4986" t="s">
        <v>120</v>
      </c>
      <c r="M4986" t="s">
        <v>83</v>
      </c>
      <c r="N4986" t="s">
        <v>84</v>
      </c>
      <c r="O4986" t="s">
        <v>85</v>
      </c>
      <c r="P4986" t="s">
        <v>86</v>
      </c>
      <c r="Q4986">
        <v>5</v>
      </c>
      <c r="R4986">
        <v>5</v>
      </c>
      <c r="S4986">
        <v>6</v>
      </c>
      <c r="T4986">
        <v>6</v>
      </c>
      <c r="U4986">
        <v>6</v>
      </c>
      <c r="V4986">
        <v>6</v>
      </c>
      <c r="W4986">
        <v>6</v>
      </c>
      <c r="X4986">
        <v>6</v>
      </c>
      <c r="Y4986">
        <v>6</v>
      </c>
      <c r="Z4986">
        <v>6</v>
      </c>
      <c r="AA4986">
        <v>6</v>
      </c>
      <c r="AB4986">
        <v>6</v>
      </c>
      <c r="AC4986">
        <v>6</v>
      </c>
      <c r="AD4986">
        <v>6</v>
      </c>
      <c r="AE4986">
        <v>6</v>
      </c>
      <c r="AF4986">
        <v>6</v>
      </c>
      <c r="AG4986">
        <v>6</v>
      </c>
      <c r="AH4986">
        <v>6</v>
      </c>
      <c r="AI4986">
        <v>6</v>
      </c>
      <c r="AJ4986">
        <v>6</v>
      </c>
      <c r="AK4986">
        <v>6</v>
      </c>
      <c r="AL4986">
        <v>6</v>
      </c>
      <c r="AM4986">
        <v>6</v>
      </c>
      <c r="AN4986">
        <v>6</v>
      </c>
      <c r="AO4986">
        <v>5</v>
      </c>
      <c r="AP4986">
        <v>5</v>
      </c>
      <c r="AQ4986">
        <v>5</v>
      </c>
    </row>
    <row r="4987" spans="1:43">
      <c r="A4987" t="s">
        <v>3148</v>
      </c>
      <c r="B4987" t="s">
        <v>3149</v>
      </c>
      <c r="C4987" t="s">
        <v>3000</v>
      </c>
      <c r="D4987" t="s">
        <v>3001</v>
      </c>
      <c r="E4987" t="s">
        <v>2928</v>
      </c>
      <c r="F4987" t="s">
        <v>2929</v>
      </c>
      <c r="G4987" t="s">
        <v>80</v>
      </c>
      <c r="H4987" t="s">
        <v>81</v>
      </c>
      <c r="I4987" s="2">
        <v>1</v>
      </c>
      <c r="J4987" s="2">
        <v>0</v>
      </c>
      <c r="K4987" s="2">
        <v>0</v>
      </c>
      <c r="L4987" t="s">
        <v>120</v>
      </c>
      <c r="M4987" t="s">
        <v>87</v>
      </c>
      <c r="N4987" t="s">
        <v>88</v>
      </c>
      <c r="O4987" t="s">
        <v>85</v>
      </c>
      <c r="P4987" t="s">
        <v>86</v>
      </c>
      <c r="Q4987">
        <v>5</v>
      </c>
      <c r="R4987">
        <v>5</v>
      </c>
      <c r="S4987">
        <v>5</v>
      </c>
      <c r="T4987">
        <v>5</v>
      </c>
      <c r="U4987">
        <v>5</v>
      </c>
      <c r="V4987">
        <v>5</v>
      </c>
      <c r="W4987">
        <v>5</v>
      </c>
      <c r="X4987">
        <v>5</v>
      </c>
      <c r="Y4987">
        <v>5</v>
      </c>
      <c r="Z4987">
        <v>5</v>
      </c>
      <c r="AA4987">
        <v>5</v>
      </c>
      <c r="AB4987">
        <v>5</v>
      </c>
      <c r="AC4987">
        <v>5</v>
      </c>
      <c r="AD4987">
        <v>5</v>
      </c>
      <c r="AE4987">
        <v>5</v>
      </c>
      <c r="AF4987">
        <v>5</v>
      </c>
      <c r="AG4987">
        <v>5</v>
      </c>
      <c r="AH4987">
        <v>5</v>
      </c>
      <c r="AI4987">
        <v>5</v>
      </c>
      <c r="AJ4987">
        <v>5</v>
      </c>
      <c r="AK4987">
        <v>5</v>
      </c>
      <c r="AL4987">
        <v>5</v>
      </c>
      <c r="AM4987">
        <v>5</v>
      </c>
      <c r="AN4987">
        <v>5</v>
      </c>
      <c r="AO4987">
        <v>5</v>
      </c>
      <c r="AP4987">
        <v>5</v>
      </c>
      <c r="AQ4987">
        <v>5</v>
      </c>
    </row>
    <row r="4988" spans="1:43">
      <c r="A4988" t="s">
        <v>3148</v>
      </c>
      <c r="B4988" t="s">
        <v>3149</v>
      </c>
      <c r="C4988" t="s">
        <v>3000</v>
      </c>
      <c r="D4988" t="s">
        <v>3001</v>
      </c>
      <c r="E4988" t="s">
        <v>2928</v>
      </c>
      <c r="F4988" t="s">
        <v>2929</v>
      </c>
      <c r="G4988" t="s">
        <v>80</v>
      </c>
      <c r="H4988" t="s">
        <v>81</v>
      </c>
      <c r="I4988" s="2">
        <v>1</v>
      </c>
      <c r="J4988" s="2">
        <v>0</v>
      </c>
      <c r="K4988" s="2">
        <v>0</v>
      </c>
      <c r="L4988" t="s">
        <v>120</v>
      </c>
      <c r="M4988" t="s">
        <v>89</v>
      </c>
      <c r="N4988" t="s">
        <v>90</v>
      </c>
      <c r="O4988" t="s">
        <v>85</v>
      </c>
      <c r="P4988" t="s">
        <v>86</v>
      </c>
      <c r="Q4988">
        <v>5</v>
      </c>
      <c r="R4988">
        <v>5</v>
      </c>
      <c r="S4988">
        <v>5</v>
      </c>
      <c r="T4988">
        <v>5</v>
      </c>
      <c r="U4988">
        <v>5</v>
      </c>
      <c r="V4988">
        <v>5</v>
      </c>
      <c r="W4988">
        <v>5</v>
      </c>
      <c r="X4988">
        <v>5</v>
      </c>
      <c r="Y4988">
        <v>5</v>
      </c>
      <c r="Z4988">
        <v>5</v>
      </c>
      <c r="AA4988">
        <v>5</v>
      </c>
      <c r="AB4988">
        <v>5</v>
      </c>
      <c r="AC4988">
        <v>5</v>
      </c>
      <c r="AD4988">
        <v>5</v>
      </c>
      <c r="AE4988">
        <v>5</v>
      </c>
      <c r="AF4988">
        <v>5</v>
      </c>
      <c r="AG4988">
        <v>5</v>
      </c>
      <c r="AH4988">
        <v>5</v>
      </c>
      <c r="AI4988">
        <v>5</v>
      </c>
      <c r="AJ4988">
        <v>5</v>
      </c>
      <c r="AK4988">
        <v>5</v>
      </c>
      <c r="AL4988">
        <v>5</v>
      </c>
      <c r="AM4988">
        <v>5</v>
      </c>
      <c r="AN4988">
        <v>5</v>
      </c>
      <c r="AO4988">
        <v>5</v>
      </c>
      <c r="AP4988">
        <v>4</v>
      </c>
      <c r="AQ4988">
        <v>4</v>
      </c>
    </row>
    <row r="4989" spans="1:43">
      <c r="A4989" t="s">
        <v>3148</v>
      </c>
      <c r="B4989" t="s">
        <v>3149</v>
      </c>
      <c r="C4989" t="s">
        <v>3000</v>
      </c>
      <c r="D4989" t="s">
        <v>3001</v>
      </c>
      <c r="E4989" t="s">
        <v>2928</v>
      </c>
      <c r="F4989" t="s">
        <v>2929</v>
      </c>
      <c r="G4989" t="s">
        <v>80</v>
      </c>
      <c r="H4989" t="s">
        <v>81</v>
      </c>
      <c r="I4989" s="2">
        <v>1</v>
      </c>
      <c r="J4989" s="2">
        <v>0</v>
      </c>
      <c r="K4989" s="2">
        <v>0</v>
      </c>
      <c r="L4989" t="s">
        <v>120</v>
      </c>
      <c r="M4989" t="s">
        <v>83</v>
      </c>
      <c r="N4989" t="s">
        <v>91</v>
      </c>
      <c r="O4989" t="s">
        <v>85</v>
      </c>
      <c r="P4989" t="s">
        <v>86</v>
      </c>
      <c r="Q4989">
        <v>5</v>
      </c>
      <c r="R4989">
        <v>5</v>
      </c>
      <c r="S4989">
        <v>6</v>
      </c>
      <c r="T4989">
        <v>6</v>
      </c>
      <c r="U4989">
        <v>6</v>
      </c>
      <c r="V4989">
        <v>6</v>
      </c>
      <c r="W4989">
        <v>6</v>
      </c>
      <c r="X4989">
        <v>6</v>
      </c>
      <c r="Y4989">
        <v>6</v>
      </c>
      <c r="Z4989">
        <v>6</v>
      </c>
      <c r="AA4989">
        <v>6</v>
      </c>
      <c r="AB4989">
        <v>6</v>
      </c>
      <c r="AC4989">
        <v>6</v>
      </c>
      <c r="AD4989">
        <v>6</v>
      </c>
      <c r="AE4989">
        <v>6</v>
      </c>
      <c r="AF4989">
        <v>6</v>
      </c>
      <c r="AG4989">
        <v>6</v>
      </c>
      <c r="AH4989">
        <v>6</v>
      </c>
      <c r="AI4989">
        <v>6</v>
      </c>
      <c r="AJ4989">
        <v>6</v>
      </c>
      <c r="AK4989">
        <v>6</v>
      </c>
      <c r="AL4989">
        <v>6</v>
      </c>
      <c r="AM4989">
        <v>6</v>
      </c>
      <c r="AN4989">
        <v>6</v>
      </c>
      <c r="AO4989">
        <v>5</v>
      </c>
      <c r="AP4989">
        <v>5</v>
      </c>
      <c r="AQ4989">
        <v>5</v>
      </c>
    </row>
    <row r="4990" spans="1:43">
      <c r="A4990" t="s">
        <v>3150</v>
      </c>
      <c r="B4990" t="s">
        <v>3151</v>
      </c>
      <c r="C4990" t="s">
        <v>3108</v>
      </c>
      <c r="D4990" t="s">
        <v>3109</v>
      </c>
      <c r="E4990" t="s">
        <v>2928</v>
      </c>
      <c r="F4990" t="s">
        <v>2929</v>
      </c>
      <c r="G4990" t="s">
        <v>80</v>
      </c>
      <c r="H4990" t="s">
        <v>81</v>
      </c>
      <c r="I4990" s="2">
        <v>1</v>
      </c>
      <c r="J4990" s="2">
        <v>0</v>
      </c>
      <c r="K4990" s="2">
        <v>0</v>
      </c>
      <c r="L4990" t="s">
        <v>120</v>
      </c>
      <c r="M4990" t="s">
        <v>83</v>
      </c>
      <c r="N4990" t="s">
        <v>84</v>
      </c>
      <c r="O4990" t="s">
        <v>85</v>
      </c>
      <c r="P4990" t="s">
        <v>86</v>
      </c>
      <c r="Q4990">
        <v>32</v>
      </c>
      <c r="R4990">
        <v>33</v>
      </c>
      <c r="S4990">
        <v>33</v>
      </c>
      <c r="T4990">
        <v>33</v>
      </c>
      <c r="U4990">
        <v>33</v>
      </c>
      <c r="V4990">
        <v>33</v>
      </c>
      <c r="W4990">
        <v>33</v>
      </c>
      <c r="X4990">
        <v>33</v>
      </c>
      <c r="Y4990">
        <v>33</v>
      </c>
      <c r="Z4990">
        <v>33</v>
      </c>
      <c r="AA4990">
        <v>33</v>
      </c>
      <c r="AB4990">
        <v>34</v>
      </c>
      <c r="AC4990">
        <v>34</v>
      </c>
      <c r="AD4990">
        <v>34</v>
      </c>
      <c r="AE4990">
        <v>34</v>
      </c>
      <c r="AF4990">
        <v>34</v>
      </c>
      <c r="AG4990">
        <v>34</v>
      </c>
      <c r="AH4990">
        <v>34</v>
      </c>
      <c r="AI4990">
        <v>34</v>
      </c>
      <c r="AJ4990">
        <v>34</v>
      </c>
      <c r="AK4990">
        <v>34</v>
      </c>
      <c r="AL4990">
        <v>34</v>
      </c>
      <c r="AM4990">
        <v>33</v>
      </c>
      <c r="AN4990">
        <v>33</v>
      </c>
      <c r="AO4990">
        <v>33</v>
      </c>
      <c r="AP4990">
        <v>32</v>
      </c>
      <c r="AQ4990">
        <v>32</v>
      </c>
    </row>
    <row r="4991" spans="1:43">
      <c r="A4991" t="s">
        <v>3150</v>
      </c>
      <c r="B4991" t="s">
        <v>3151</v>
      </c>
      <c r="C4991" t="s">
        <v>3108</v>
      </c>
      <c r="D4991" t="s">
        <v>3109</v>
      </c>
      <c r="E4991" t="s">
        <v>2928</v>
      </c>
      <c r="F4991" t="s">
        <v>2929</v>
      </c>
      <c r="G4991" t="s">
        <v>80</v>
      </c>
      <c r="H4991" t="s">
        <v>81</v>
      </c>
      <c r="I4991" s="2">
        <v>1</v>
      </c>
      <c r="J4991" s="2">
        <v>0</v>
      </c>
      <c r="K4991" s="2">
        <v>0</v>
      </c>
      <c r="L4991" t="s">
        <v>120</v>
      </c>
      <c r="M4991" t="s">
        <v>87</v>
      </c>
      <c r="N4991" t="s">
        <v>88</v>
      </c>
      <c r="O4991" t="s">
        <v>85</v>
      </c>
      <c r="P4991" t="s">
        <v>86</v>
      </c>
      <c r="Q4991">
        <v>32</v>
      </c>
      <c r="R4991">
        <v>32</v>
      </c>
      <c r="S4991">
        <v>32</v>
      </c>
      <c r="T4991">
        <v>32</v>
      </c>
      <c r="U4991">
        <v>32</v>
      </c>
      <c r="V4991">
        <v>31</v>
      </c>
      <c r="W4991">
        <v>31</v>
      </c>
      <c r="X4991">
        <v>31</v>
      </c>
      <c r="Y4991">
        <v>31</v>
      </c>
      <c r="Z4991">
        <v>31</v>
      </c>
      <c r="AA4991">
        <v>31</v>
      </c>
      <c r="AB4991">
        <v>30</v>
      </c>
      <c r="AC4991">
        <v>30</v>
      </c>
      <c r="AD4991">
        <v>30</v>
      </c>
      <c r="AE4991">
        <v>30</v>
      </c>
      <c r="AF4991">
        <v>30</v>
      </c>
      <c r="AG4991">
        <v>30</v>
      </c>
      <c r="AH4991">
        <v>29</v>
      </c>
      <c r="AI4991">
        <v>29</v>
      </c>
      <c r="AJ4991">
        <v>29</v>
      </c>
      <c r="AK4991">
        <v>29</v>
      </c>
      <c r="AL4991">
        <v>29</v>
      </c>
      <c r="AM4991">
        <v>29</v>
      </c>
      <c r="AN4991">
        <v>29</v>
      </c>
      <c r="AO4991">
        <v>28</v>
      </c>
      <c r="AP4991">
        <v>28</v>
      </c>
      <c r="AQ4991">
        <v>28</v>
      </c>
    </row>
    <row r="4992" spans="1:43">
      <c r="A4992" t="s">
        <v>3150</v>
      </c>
      <c r="B4992" t="s">
        <v>3151</v>
      </c>
      <c r="C4992" t="s">
        <v>3108</v>
      </c>
      <c r="D4992" t="s">
        <v>3109</v>
      </c>
      <c r="E4992" t="s">
        <v>2928</v>
      </c>
      <c r="F4992" t="s">
        <v>2929</v>
      </c>
      <c r="G4992" t="s">
        <v>80</v>
      </c>
      <c r="H4992" t="s">
        <v>81</v>
      </c>
      <c r="I4992" s="2">
        <v>1</v>
      </c>
      <c r="J4992" s="2">
        <v>0</v>
      </c>
      <c r="K4992" s="2">
        <v>0</v>
      </c>
      <c r="L4992" t="s">
        <v>120</v>
      </c>
      <c r="M4992" t="s">
        <v>89</v>
      </c>
      <c r="N4992" t="s">
        <v>90</v>
      </c>
      <c r="O4992" t="s">
        <v>85</v>
      </c>
      <c r="P4992" t="s">
        <v>86</v>
      </c>
      <c r="Q4992">
        <v>32</v>
      </c>
      <c r="R4992">
        <v>32</v>
      </c>
      <c r="S4992">
        <v>33</v>
      </c>
      <c r="T4992">
        <v>33</v>
      </c>
      <c r="U4992">
        <v>33</v>
      </c>
      <c r="V4992">
        <v>34</v>
      </c>
      <c r="W4992">
        <v>34</v>
      </c>
      <c r="X4992">
        <v>34</v>
      </c>
      <c r="Y4992">
        <v>34</v>
      </c>
      <c r="Z4992">
        <v>34</v>
      </c>
      <c r="AA4992">
        <v>35</v>
      </c>
      <c r="AB4992">
        <v>35</v>
      </c>
      <c r="AC4992">
        <v>35</v>
      </c>
      <c r="AD4992">
        <v>35</v>
      </c>
      <c r="AE4992">
        <v>35</v>
      </c>
      <c r="AF4992">
        <v>35</v>
      </c>
      <c r="AG4992">
        <v>34</v>
      </c>
      <c r="AH4992">
        <v>34</v>
      </c>
      <c r="AI4992">
        <v>34</v>
      </c>
      <c r="AJ4992">
        <v>33</v>
      </c>
      <c r="AK4992">
        <v>33</v>
      </c>
      <c r="AL4992">
        <v>33</v>
      </c>
      <c r="AM4992">
        <v>33</v>
      </c>
      <c r="AN4992">
        <v>32</v>
      </c>
      <c r="AO4992">
        <v>32</v>
      </c>
      <c r="AP4992">
        <v>32</v>
      </c>
      <c r="AQ4992">
        <v>31</v>
      </c>
    </row>
    <row r="4993" spans="1:43">
      <c r="A4993" t="s">
        <v>3150</v>
      </c>
      <c r="B4993" t="s">
        <v>3151</v>
      </c>
      <c r="C4993" t="s">
        <v>3108</v>
      </c>
      <c r="D4993" t="s">
        <v>3109</v>
      </c>
      <c r="E4993" t="s">
        <v>2928</v>
      </c>
      <c r="F4993" t="s">
        <v>2929</v>
      </c>
      <c r="G4993" t="s">
        <v>80</v>
      </c>
      <c r="H4993" t="s">
        <v>81</v>
      </c>
      <c r="I4993" s="2">
        <v>1</v>
      </c>
      <c r="J4993" s="2">
        <v>0</v>
      </c>
      <c r="K4993" s="2">
        <v>0</v>
      </c>
      <c r="L4993" t="s">
        <v>120</v>
      </c>
      <c r="M4993" t="s">
        <v>83</v>
      </c>
      <c r="N4993" t="s">
        <v>91</v>
      </c>
      <c r="O4993" t="s">
        <v>85</v>
      </c>
      <c r="P4993" t="s">
        <v>86</v>
      </c>
      <c r="Q4993">
        <v>32</v>
      </c>
      <c r="R4993">
        <v>33</v>
      </c>
      <c r="S4993">
        <v>33</v>
      </c>
      <c r="T4993">
        <v>33</v>
      </c>
      <c r="U4993">
        <v>33</v>
      </c>
      <c r="V4993">
        <v>33</v>
      </c>
      <c r="W4993">
        <v>33</v>
      </c>
      <c r="X4993">
        <v>33</v>
      </c>
      <c r="Y4993">
        <v>33</v>
      </c>
      <c r="Z4993">
        <v>33</v>
      </c>
      <c r="AA4993">
        <v>33</v>
      </c>
      <c r="AB4993">
        <v>34</v>
      </c>
      <c r="AC4993">
        <v>34</v>
      </c>
      <c r="AD4993">
        <v>34</v>
      </c>
      <c r="AE4993">
        <v>34</v>
      </c>
      <c r="AF4993">
        <v>34</v>
      </c>
      <c r="AG4993">
        <v>34</v>
      </c>
      <c r="AH4993">
        <v>34</v>
      </c>
      <c r="AI4993">
        <v>34</v>
      </c>
      <c r="AJ4993">
        <v>34</v>
      </c>
      <c r="AK4993">
        <v>34</v>
      </c>
      <c r="AL4993">
        <v>34</v>
      </c>
      <c r="AM4993">
        <v>33</v>
      </c>
      <c r="AN4993">
        <v>33</v>
      </c>
      <c r="AO4993">
        <v>33</v>
      </c>
      <c r="AP4993">
        <v>32</v>
      </c>
      <c r="AQ4993">
        <v>32</v>
      </c>
    </row>
    <row r="4994" spans="1:43">
      <c r="A4994" t="s">
        <v>3152</v>
      </c>
      <c r="B4994" t="s">
        <v>3153</v>
      </c>
      <c r="C4994" t="s">
        <v>3000</v>
      </c>
      <c r="D4994" t="s">
        <v>3001</v>
      </c>
      <c r="E4994" t="s">
        <v>2928</v>
      </c>
      <c r="F4994" t="s">
        <v>2929</v>
      </c>
      <c r="G4994" t="s">
        <v>80</v>
      </c>
      <c r="H4994" t="s">
        <v>81</v>
      </c>
      <c r="I4994" s="2">
        <v>1</v>
      </c>
      <c r="J4994" s="2">
        <v>0</v>
      </c>
      <c r="K4994" s="2">
        <v>0</v>
      </c>
      <c r="L4994" t="s">
        <v>120</v>
      </c>
      <c r="M4994" t="s">
        <v>83</v>
      </c>
      <c r="N4994" t="s">
        <v>84</v>
      </c>
      <c r="O4994" t="s">
        <v>85</v>
      </c>
      <c r="P4994" t="s">
        <v>86</v>
      </c>
      <c r="Q4994">
        <v>6</v>
      </c>
      <c r="R4994">
        <v>6</v>
      </c>
      <c r="S4994">
        <v>6</v>
      </c>
      <c r="T4994">
        <v>6</v>
      </c>
      <c r="U4994">
        <v>6</v>
      </c>
      <c r="V4994">
        <v>6</v>
      </c>
      <c r="W4994">
        <v>6</v>
      </c>
      <c r="X4994">
        <v>6</v>
      </c>
      <c r="Y4994">
        <v>6</v>
      </c>
      <c r="Z4994">
        <v>6</v>
      </c>
      <c r="AA4994">
        <v>6</v>
      </c>
      <c r="AB4994">
        <v>6</v>
      </c>
      <c r="AC4994">
        <v>6</v>
      </c>
      <c r="AD4994">
        <v>6</v>
      </c>
      <c r="AE4994">
        <v>6</v>
      </c>
      <c r="AF4994">
        <v>6</v>
      </c>
      <c r="AG4994">
        <v>6</v>
      </c>
      <c r="AH4994">
        <v>6</v>
      </c>
      <c r="AI4994">
        <v>6</v>
      </c>
      <c r="AJ4994">
        <v>6</v>
      </c>
      <c r="AK4994">
        <v>6</v>
      </c>
      <c r="AL4994">
        <v>6</v>
      </c>
      <c r="AM4994">
        <v>6</v>
      </c>
      <c r="AN4994">
        <v>6</v>
      </c>
      <c r="AO4994">
        <v>6</v>
      </c>
      <c r="AP4994">
        <v>6</v>
      </c>
      <c r="AQ4994">
        <v>6</v>
      </c>
    </row>
    <row r="4995" spans="1:43">
      <c r="A4995" t="s">
        <v>3152</v>
      </c>
      <c r="B4995" t="s">
        <v>3153</v>
      </c>
      <c r="C4995" t="s">
        <v>3000</v>
      </c>
      <c r="D4995" t="s">
        <v>3001</v>
      </c>
      <c r="E4995" t="s">
        <v>2928</v>
      </c>
      <c r="F4995" t="s">
        <v>2929</v>
      </c>
      <c r="G4995" t="s">
        <v>80</v>
      </c>
      <c r="H4995" t="s">
        <v>81</v>
      </c>
      <c r="I4995" s="2">
        <v>1</v>
      </c>
      <c r="J4995" s="2">
        <v>0</v>
      </c>
      <c r="K4995" s="2">
        <v>0</v>
      </c>
      <c r="L4995" t="s">
        <v>120</v>
      </c>
      <c r="M4995" t="s">
        <v>87</v>
      </c>
      <c r="N4995" t="s">
        <v>88</v>
      </c>
      <c r="O4995" t="s">
        <v>85</v>
      </c>
      <c r="P4995" t="s">
        <v>86</v>
      </c>
      <c r="Q4995">
        <v>6</v>
      </c>
      <c r="R4995">
        <v>6</v>
      </c>
      <c r="S4995">
        <v>6</v>
      </c>
      <c r="T4995">
        <v>6</v>
      </c>
      <c r="U4995">
        <v>6</v>
      </c>
      <c r="V4995">
        <v>6</v>
      </c>
      <c r="W4995">
        <v>6</v>
      </c>
      <c r="X4995">
        <v>6</v>
      </c>
      <c r="Y4995">
        <v>6</v>
      </c>
      <c r="Z4995">
        <v>6</v>
      </c>
      <c r="AA4995">
        <v>6</v>
      </c>
      <c r="AB4995">
        <v>6</v>
      </c>
      <c r="AC4995">
        <v>6</v>
      </c>
      <c r="AD4995">
        <v>6</v>
      </c>
      <c r="AE4995">
        <v>6</v>
      </c>
      <c r="AF4995">
        <v>6</v>
      </c>
      <c r="AG4995">
        <v>6</v>
      </c>
      <c r="AH4995">
        <v>6</v>
      </c>
      <c r="AI4995">
        <v>6</v>
      </c>
      <c r="AJ4995">
        <v>5</v>
      </c>
      <c r="AK4995">
        <v>5</v>
      </c>
      <c r="AL4995">
        <v>5</v>
      </c>
      <c r="AM4995">
        <v>5</v>
      </c>
      <c r="AN4995">
        <v>5</v>
      </c>
      <c r="AO4995">
        <v>5</v>
      </c>
      <c r="AP4995">
        <v>5</v>
      </c>
      <c r="AQ4995">
        <v>5</v>
      </c>
    </row>
    <row r="4996" spans="1:43">
      <c r="A4996" t="s">
        <v>3152</v>
      </c>
      <c r="B4996" t="s">
        <v>3153</v>
      </c>
      <c r="C4996" t="s">
        <v>3000</v>
      </c>
      <c r="D4996" t="s">
        <v>3001</v>
      </c>
      <c r="E4996" t="s">
        <v>2928</v>
      </c>
      <c r="F4996" t="s">
        <v>2929</v>
      </c>
      <c r="G4996" t="s">
        <v>80</v>
      </c>
      <c r="H4996" t="s">
        <v>81</v>
      </c>
      <c r="I4996" s="2">
        <v>1</v>
      </c>
      <c r="J4996" s="2">
        <v>0</v>
      </c>
      <c r="K4996" s="2">
        <v>0</v>
      </c>
      <c r="L4996" t="s">
        <v>120</v>
      </c>
      <c r="M4996" t="s">
        <v>89</v>
      </c>
      <c r="N4996" t="s">
        <v>90</v>
      </c>
      <c r="O4996" t="s">
        <v>85</v>
      </c>
      <c r="P4996" t="s">
        <v>86</v>
      </c>
      <c r="Q4996">
        <v>6</v>
      </c>
      <c r="R4996">
        <v>6</v>
      </c>
      <c r="S4996">
        <v>6</v>
      </c>
      <c r="T4996">
        <v>6</v>
      </c>
      <c r="U4996">
        <v>6</v>
      </c>
      <c r="V4996">
        <v>7</v>
      </c>
      <c r="W4996">
        <v>7</v>
      </c>
      <c r="X4996">
        <v>7</v>
      </c>
      <c r="Y4996">
        <v>7</v>
      </c>
      <c r="Z4996">
        <v>7</v>
      </c>
      <c r="AA4996">
        <v>7</v>
      </c>
      <c r="AB4996">
        <v>7</v>
      </c>
      <c r="AC4996">
        <v>7</v>
      </c>
      <c r="AD4996">
        <v>7</v>
      </c>
      <c r="AE4996">
        <v>7</v>
      </c>
      <c r="AF4996">
        <v>7</v>
      </c>
      <c r="AG4996">
        <v>7</v>
      </c>
      <c r="AH4996">
        <v>7</v>
      </c>
      <c r="AI4996">
        <v>7</v>
      </c>
      <c r="AJ4996">
        <v>6</v>
      </c>
      <c r="AK4996">
        <v>6</v>
      </c>
      <c r="AL4996">
        <v>6</v>
      </c>
      <c r="AM4996">
        <v>6</v>
      </c>
      <c r="AN4996">
        <v>6</v>
      </c>
      <c r="AO4996">
        <v>6</v>
      </c>
      <c r="AP4996">
        <v>6</v>
      </c>
      <c r="AQ4996">
        <v>6</v>
      </c>
    </row>
    <row r="4997" spans="1:43">
      <c r="A4997" t="s">
        <v>3152</v>
      </c>
      <c r="B4997" t="s">
        <v>3153</v>
      </c>
      <c r="C4997" t="s">
        <v>3000</v>
      </c>
      <c r="D4997" t="s">
        <v>3001</v>
      </c>
      <c r="E4997" t="s">
        <v>2928</v>
      </c>
      <c r="F4997" t="s">
        <v>2929</v>
      </c>
      <c r="G4997" t="s">
        <v>80</v>
      </c>
      <c r="H4997" t="s">
        <v>81</v>
      </c>
      <c r="I4997" s="2">
        <v>1</v>
      </c>
      <c r="J4997" s="2">
        <v>0</v>
      </c>
      <c r="K4997" s="2">
        <v>0</v>
      </c>
      <c r="L4997" t="s">
        <v>120</v>
      </c>
      <c r="M4997" t="s">
        <v>83</v>
      </c>
      <c r="N4997" t="s">
        <v>91</v>
      </c>
      <c r="O4997" t="s">
        <v>85</v>
      </c>
      <c r="P4997" t="s">
        <v>86</v>
      </c>
      <c r="Q4997">
        <v>6</v>
      </c>
      <c r="R4997">
        <v>6</v>
      </c>
      <c r="S4997">
        <v>6</v>
      </c>
      <c r="T4997">
        <v>6</v>
      </c>
      <c r="U4997">
        <v>6</v>
      </c>
      <c r="V4997">
        <v>6</v>
      </c>
      <c r="W4997">
        <v>6</v>
      </c>
      <c r="X4997">
        <v>6</v>
      </c>
      <c r="Y4997">
        <v>6</v>
      </c>
      <c r="Z4997">
        <v>6</v>
      </c>
      <c r="AA4997">
        <v>6</v>
      </c>
      <c r="AB4997">
        <v>6</v>
      </c>
      <c r="AC4997">
        <v>6</v>
      </c>
      <c r="AD4997">
        <v>6</v>
      </c>
      <c r="AE4997">
        <v>6</v>
      </c>
      <c r="AF4997">
        <v>6</v>
      </c>
      <c r="AG4997">
        <v>6</v>
      </c>
      <c r="AH4997">
        <v>6</v>
      </c>
      <c r="AI4997">
        <v>6</v>
      </c>
      <c r="AJ4997">
        <v>6</v>
      </c>
      <c r="AK4997">
        <v>6</v>
      </c>
      <c r="AL4997">
        <v>6</v>
      </c>
      <c r="AM4997">
        <v>6</v>
      </c>
      <c r="AN4997">
        <v>6</v>
      </c>
      <c r="AO4997">
        <v>6</v>
      </c>
      <c r="AP4997">
        <v>6</v>
      </c>
      <c r="AQ4997">
        <v>6</v>
      </c>
    </row>
    <row r="4998" spans="1:43">
      <c r="A4998" t="s">
        <v>3154</v>
      </c>
      <c r="B4998" t="s">
        <v>3155</v>
      </c>
      <c r="C4998" t="s">
        <v>3156</v>
      </c>
      <c r="D4998" t="s">
        <v>3157</v>
      </c>
      <c r="E4998" t="s">
        <v>2928</v>
      </c>
      <c r="F4998" t="s">
        <v>2929</v>
      </c>
      <c r="G4998" t="s">
        <v>80</v>
      </c>
      <c r="H4998" t="s">
        <v>81</v>
      </c>
      <c r="I4998" s="2">
        <v>1</v>
      </c>
      <c r="J4998" s="2">
        <v>0</v>
      </c>
      <c r="K4998" s="2">
        <v>0</v>
      </c>
      <c r="L4998" t="s">
        <v>120</v>
      </c>
      <c r="M4998" t="s">
        <v>83</v>
      </c>
      <c r="N4998" t="s">
        <v>84</v>
      </c>
      <c r="O4998" t="s">
        <v>85</v>
      </c>
      <c r="P4998" t="s">
        <v>86</v>
      </c>
      <c r="Q4998">
        <v>33</v>
      </c>
      <c r="R4998">
        <v>33</v>
      </c>
      <c r="S4998">
        <v>33</v>
      </c>
      <c r="T4998">
        <v>33</v>
      </c>
      <c r="U4998">
        <v>33</v>
      </c>
      <c r="V4998">
        <v>34</v>
      </c>
      <c r="W4998">
        <v>34</v>
      </c>
      <c r="X4998">
        <v>34</v>
      </c>
      <c r="Y4998">
        <v>34</v>
      </c>
      <c r="Z4998">
        <v>34</v>
      </c>
      <c r="AA4998">
        <v>34</v>
      </c>
      <c r="AB4998">
        <v>34</v>
      </c>
      <c r="AC4998">
        <v>34</v>
      </c>
      <c r="AD4998">
        <v>35</v>
      </c>
      <c r="AE4998">
        <v>35</v>
      </c>
      <c r="AF4998">
        <v>35</v>
      </c>
      <c r="AG4998">
        <v>35</v>
      </c>
      <c r="AH4998">
        <v>35</v>
      </c>
      <c r="AI4998">
        <v>35</v>
      </c>
      <c r="AJ4998">
        <v>35</v>
      </c>
      <c r="AK4998">
        <v>35</v>
      </c>
      <c r="AL4998">
        <v>35</v>
      </c>
      <c r="AM4998">
        <v>35</v>
      </c>
      <c r="AN4998">
        <v>35</v>
      </c>
      <c r="AO4998">
        <v>34</v>
      </c>
      <c r="AP4998">
        <v>34</v>
      </c>
      <c r="AQ4998">
        <v>34</v>
      </c>
    </row>
    <row r="4999" spans="1:43">
      <c r="A4999" t="s">
        <v>3154</v>
      </c>
      <c r="B4999" t="s">
        <v>3155</v>
      </c>
      <c r="C4999" t="s">
        <v>3156</v>
      </c>
      <c r="D4999" t="s">
        <v>3157</v>
      </c>
      <c r="E4999" t="s">
        <v>2928</v>
      </c>
      <c r="F4999" t="s">
        <v>2929</v>
      </c>
      <c r="G4999" t="s">
        <v>80</v>
      </c>
      <c r="H4999" t="s">
        <v>81</v>
      </c>
      <c r="I4999" s="2">
        <v>1</v>
      </c>
      <c r="J4999" s="2">
        <v>0</v>
      </c>
      <c r="K4999" s="2">
        <v>0</v>
      </c>
      <c r="L4999" t="s">
        <v>120</v>
      </c>
      <c r="M4999" t="s">
        <v>87</v>
      </c>
      <c r="N4999" t="s">
        <v>88</v>
      </c>
      <c r="O4999" t="s">
        <v>85</v>
      </c>
      <c r="P4999" t="s">
        <v>86</v>
      </c>
      <c r="Q4999">
        <v>33</v>
      </c>
      <c r="R4999">
        <v>32</v>
      </c>
      <c r="S4999">
        <v>32</v>
      </c>
      <c r="T4999">
        <v>32</v>
      </c>
      <c r="U4999">
        <v>32</v>
      </c>
      <c r="V4999">
        <v>32</v>
      </c>
      <c r="W4999">
        <v>32</v>
      </c>
      <c r="X4999">
        <v>32</v>
      </c>
      <c r="Y4999">
        <v>31</v>
      </c>
      <c r="Z4999">
        <v>31</v>
      </c>
      <c r="AA4999">
        <v>31</v>
      </c>
      <c r="AB4999">
        <v>31</v>
      </c>
      <c r="AC4999">
        <v>31</v>
      </c>
      <c r="AD4999">
        <v>31</v>
      </c>
      <c r="AE4999">
        <v>31</v>
      </c>
      <c r="AF4999">
        <v>31</v>
      </c>
      <c r="AG4999">
        <v>31</v>
      </c>
      <c r="AH4999">
        <v>30</v>
      </c>
      <c r="AI4999">
        <v>30</v>
      </c>
      <c r="AJ4999">
        <v>30</v>
      </c>
      <c r="AK4999">
        <v>30</v>
      </c>
      <c r="AL4999">
        <v>30</v>
      </c>
      <c r="AM4999">
        <v>30</v>
      </c>
      <c r="AN4999">
        <v>30</v>
      </c>
      <c r="AO4999">
        <v>30</v>
      </c>
      <c r="AP4999">
        <v>30</v>
      </c>
      <c r="AQ4999">
        <v>29</v>
      </c>
    </row>
    <row r="5000" spans="1:43">
      <c r="A5000" t="s">
        <v>3154</v>
      </c>
      <c r="B5000" t="s">
        <v>3155</v>
      </c>
      <c r="C5000" t="s">
        <v>3156</v>
      </c>
      <c r="D5000" t="s">
        <v>3157</v>
      </c>
      <c r="E5000" t="s">
        <v>2928</v>
      </c>
      <c r="F5000" t="s">
        <v>2929</v>
      </c>
      <c r="G5000" t="s">
        <v>80</v>
      </c>
      <c r="H5000" t="s">
        <v>81</v>
      </c>
      <c r="I5000" s="2">
        <v>1</v>
      </c>
      <c r="J5000" s="2">
        <v>0</v>
      </c>
      <c r="K5000" s="2">
        <v>0</v>
      </c>
      <c r="L5000" t="s">
        <v>120</v>
      </c>
      <c r="M5000" t="s">
        <v>89</v>
      </c>
      <c r="N5000" t="s">
        <v>90</v>
      </c>
      <c r="O5000" t="s">
        <v>85</v>
      </c>
      <c r="P5000" t="s">
        <v>86</v>
      </c>
      <c r="Q5000">
        <v>33</v>
      </c>
      <c r="R5000">
        <v>34</v>
      </c>
      <c r="S5000">
        <v>34</v>
      </c>
      <c r="T5000">
        <v>34</v>
      </c>
      <c r="U5000">
        <v>35</v>
      </c>
      <c r="V5000">
        <v>35</v>
      </c>
      <c r="W5000">
        <v>35</v>
      </c>
      <c r="X5000">
        <v>36</v>
      </c>
      <c r="Y5000">
        <v>36</v>
      </c>
      <c r="Z5000">
        <v>36</v>
      </c>
      <c r="AA5000">
        <v>36</v>
      </c>
      <c r="AB5000">
        <v>37</v>
      </c>
      <c r="AC5000">
        <v>37</v>
      </c>
      <c r="AD5000">
        <v>37</v>
      </c>
      <c r="AE5000">
        <v>37</v>
      </c>
      <c r="AF5000">
        <v>37</v>
      </c>
      <c r="AG5000">
        <v>37</v>
      </c>
      <c r="AH5000">
        <v>36</v>
      </c>
      <c r="AI5000">
        <v>36</v>
      </c>
      <c r="AJ5000">
        <v>36</v>
      </c>
      <c r="AK5000">
        <v>36</v>
      </c>
      <c r="AL5000">
        <v>35</v>
      </c>
      <c r="AM5000">
        <v>35</v>
      </c>
      <c r="AN5000">
        <v>35</v>
      </c>
      <c r="AO5000">
        <v>35</v>
      </c>
      <c r="AP5000">
        <v>35</v>
      </c>
      <c r="AQ5000">
        <v>34</v>
      </c>
    </row>
    <row r="5001" spans="1:43">
      <c r="A5001" t="s">
        <v>3154</v>
      </c>
      <c r="B5001" t="s">
        <v>3155</v>
      </c>
      <c r="C5001" t="s">
        <v>3156</v>
      </c>
      <c r="D5001" t="s">
        <v>3157</v>
      </c>
      <c r="E5001" t="s">
        <v>2928</v>
      </c>
      <c r="F5001" t="s">
        <v>2929</v>
      </c>
      <c r="G5001" t="s">
        <v>80</v>
      </c>
      <c r="H5001" t="s">
        <v>81</v>
      </c>
      <c r="I5001" s="2">
        <v>1</v>
      </c>
      <c r="J5001" s="2">
        <v>0</v>
      </c>
      <c r="K5001" s="2">
        <v>0</v>
      </c>
      <c r="L5001" t="s">
        <v>120</v>
      </c>
      <c r="M5001" t="s">
        <v>83</v>
      </c>
      <c r="N5001" t="s">
        <v>91</v>
      </c>
      <c r="O5001" t="s">
        <v>85</v>
      </c>
      <c r="P5001" t="s">
        <v>86</v>
      </c>
      <c r="Q5001">
        <v>33</v>
      </c>
      <c r="R5001">
        <v>33</v>
      </c>
      <c r="S5001">
        <v>33</v>
      </c>
      <c r="T5001">
        <v>33</v>
      </c>
      <c r="U5001">
        <v>33</v>
      </c>
      <c r="V5001">
        <v>34</v>
      </c>
      <c r="W5001">
        <v>34</v>
      </c>
      <c r="X5001">
        <v>34</v>
      </c>
      <c r="Y5001">
        <v>34</v>
      </c>
      <c r="Z5001">
        <v>34</v>
      </c>
      <c r="AA5001">
        <v>34</v>
      </c>
      <c r="AB5001">
        <v>34</v>
      </c>
      <c r="AC5001">
        <v>34</v>
      </c>
      <c r="AD5001">
        <v>35</v>
      </c>
      <c r="AE5001">
        <v>35</v>
      </c>
      <c r="AF5001">
        <v>35</v>
      </c>
      <c r="AG5001">
        <v>35</v>
      </c>
      <c r="AH5001">
        <v>35</v>
      </c>
      <c r="AI5001">
        <v>35</v>
      </c>
      <c r="AJ5001">
        <v>35</v>
      </c>
      <c r="AK5001">
        <v>35</v>
      </c>
      <c r="AL5001">
        <v>35</v>
      </c>
      <c r="AM5001">
        <v>35</v>
      </c>
      <c r="AN5001">
        <v>35</v>
      </c>
      <c r="AO5001">
        <v>34</v>
      </c>
      <c r="AP5001">
        <v>34</v>
      </c>
      <c r="AQ5001">
        <v>34</v>
      </c>
    </row>
    <row r="5002" spans="1:43">
      <c r="A5002" t="s">
        <v>3158</v>
      </c>
      <c r="B5002" t="s">
        <v>3159</v>
      </c>
      <c r="C5002" t="s">
        <v>3156</v>
      </c>
      <c r="D5002" t="s">
        <v>3157</v>
      </c>
      <c r="E5002" t="s">
        <v>2928</v>
      </c>
      <c r="F5002" t="s">
        <v>2929</v>
      </c>
      <c r="G5002" t="s">
        <v>80</v>
      </c>
      <c r="H5002" t="s">
        <v>81</v>
      </c>
      <c r="I5002" s="2">
        <v>1</v>
      </c>
      <c r="J5002" s="2">
        <v>0</v>
      </c>
      <c r="K5002" s="2">
        <v>0</v>
      </c>
      <c r="L5002" t="s">
        <v>120</v>
      </c>
      <c r="M5002" t="s">
        <v>83</v>
      </c>
      <c r="N5002" t="s">
        <v>84</v>
      </c>
      <c r="O5002" t="s">
        <v>85</v>
      </c>
      <c r="P5002" t="s">
        <v>86</v>
      </c>
      <c r="Q5002">
        <v>5</v>
      </c>
      <c r="R5002">
        <v>5</v>
      </c>
      <c r="S5002">
        <v>5</v>
      </c>
      <c r="T5002">
        <v>5</v>
      </c>
      <c r="U5002">
        <v>5</v>
      </c>
      <c r="V5002">
        <v>5</v>
      </c>
      <c r="W5002">
        <v>5</v>
      </c>
      <c r="X5002">
        <v>6</v>
      </c>
      <c r="Y5002">
        <v>6</v>
      </c>
      <c r="Z5002">
        <v>6</v>
      </c>
      <c r="AA5002">
        <v>6</v>
      </c>
      <c r="AB5002">
        <v>6</v>
      </c>
      <c r="AC5002">
        <v>6</v>
      </c>
      <c r="AD5002">
        <v>6</v>
      </c>
      <c r="AE5002">
        <v>6</v>
      </c>
      <c r="AF5002">
        <v>6</v>
      </c>
      <c r="AG5002">
        <v>6</v>
      </c>
      <c r="AH5002">
        <v>6</v>
      </c>
      <c r="AI5002">
        <v>6</v>
      </c>
      <c r="AJ5002">
        <v>6</v>
      </c>
      <c r="AK5002">
        <v>6</v>
      </c>
      <c r="AL5002">
        <v>6</v>
      </c>
      <c r="AM5002">
        <v>6</v>
      </c>
      <c r="AN5002">
        <v>6</v>
      </c>
      <c r="AO5002">
        <v>6</v>
      </c>
      <c r="AP5002">
        <v>5</v>
      </c>
      <c r="AQ5002">
        <v>5</v>
      </c>
    </row>
    <row r="5003" spans="1:43">
      <c r="A5003" t="s">
        <v>3158</v>
      </c>
      <c r="B5003" t="s">
        <v>3159</v>
      </c>
      <c r="C5003" t="s">
        <v>3156</v>
      </c>
      <c r="D5003" t="s">
        <v>3157</v>
      </c>
      <c r="E5003" t="s">
        <v>2928</v>
      </c>
      <c r="F5003" t="s">
        <v>2929</v>
      </c>
      <c r="G5003" t="s">
        <v>80</v>
      </c>
      <c r="H5003" t="s">
        <v>81</v>
      </c>
      <c r="I5003" s="2">
        <v>1</v>
      </c>
      <c r="J5003" s="2">
        <v>0</v>
      </c>
      <c r="K5003" s="2">
        <v>0</v>
      </c>
      <c r="L5003" t="s">
        <v>120</v>
      </c>
      <c r="M5003" t="s">
        <v>87</v>
      </c>
      <c r="N5003" t="s">
        <v>88</v>
      </c>
      <c r="O5003" t="s">
        <v>85</v>
      </c>
      <c r="P5003" t="s">
        <v>86</v>
      </c>
      <c r="Q5003">
        <v>5</v>
      </c>
      <c r="R5003">
        <v>5</v>
      </c>
      <c r="S5003">
        <v>5</v>
      </c>
      <c r="T5003">
        <v>5</v>
      </c>
      <c r="U5003">
        <v>5</v>
      </c>
      <c r="V5003">
        <v>5</v>
      </c>
      <c r="W5003">
        <v>5</v>
      </c>
      <c r="X5003">
        <v>5</v>
      </c>
      <c r="Y5003">
        <v>5</v>
      </c>
      <c r="Z5003">
        <v>5</v>
      </c>
      <c r="AA5003">
        <v>5</v>
      </c>
      <c r="AB5003">
        <v>5</v>
      </c>
      <c r="AC5003">
        <v>5</v>
      </c>
      <c r="AD5003">
        <v>5</v>
      </c>
      <c r="AE5003">
        <v>5</v>
      </c>
      <c r="AF5003">
        <v>5</v>
      </c>
      <c r="AG5003">
        <v>5</v>
      </c>
      <c r="AH5003">
        <v>5</v>
      </c>
      <c r="AI5003">
        <v>5</v>
      </c>
      <c r="AJ5003">
        <v>5</v>
      </c>
      <c r="AK5003">
        <v>5</v>
      </c>
      <c r="AL5003">
        <v>5</v>
      </c>
      <c r="AM5003">
        <v>5</v>
      </c>
      <c r="AN5003">
        <v>5</v>
      </c>
      <c r="AO5003">
        <v>5</v>
      </c>
      <c r="AP5003">
        <v>5</v>
      </c>
      <c r="AQ5003">
        <v>5</v>
      </c>
    </row>
    <row r="5004" spans="1:43">
      <c r="A5004" t="s">
        <v>3158</v>
      </c>
      <c r="B5004" t="s">
        <v>3159</v>
      </c>
      <c r="C5004" t="s">
        <v>3156</v>
      </c>
      <c r="D5004" t="s">
        <v>3157</v>
      </c>
      <c r="E5004" t="s">
        <v>2928</v>
      </c>
      <c r="F5004" t="s">
        <v>2929</v>
      </c>
      <c r="G5004" t="s">
        <v>80</v>
      </c>
      <c r="H5004" t="s">
        <v>81</v>
      </c>
      <c r="I5004" s="2">
        <v>1</v>
      </c>
      <c r="J5004" s="2">
        <v>0</v>
      </c>
      <c r="K5004" s="2">
        <v>0</v>
      </c>
      <c r="L5004" t="s">
        <v>120</v>
      </c>
      <c r="M5004" t="s">
        <v>89</v>
      </c>
      <c r="N5004" t="s">
        <v>90</v>
      </c>
      <c r="O5004" t="s">
        <v>85</v>
      </c>
      <c r="P5004" t="s">
        <v>86</v>
      </c>
      <c r="Q5004">
        <v>5</v>
      </c>
      <c r="R5004">
        <v>5</v>
      </c>
      <c r="S5004">
        <v>6</v>
      </c>
      <c r="T5004">
        <v>6</v>
      </c>
      <c r="U5004">
        <v>6</v>
      </c>
      <c r="V5004">
        <v>6</v>
      </c>
      <c r="W5004">
        <v>6</v>
      </c>
      <c r="X5004">
        <v>6</v>
      </c>
      <c r="Y5004">
        <v>6</v>
      </c>
      <c r="Z5004">
        <v>6</v>
      </c>
      <c r="AA5004">
        <v>6</v>
      </c>
      <c r="AB5004">
        <v>6</v>
      </c>
      <c r="AC5004">
        <v>6</v>
      </c>
      <c r="AD5004">
        <v>6</v>
      </c>
      <c r="AE5004">
        <v>6</v>
      </c>
      <c r="AF5004">
        <v>6</v>
      </c>
      <c r="AG5004">
        <v>6</v>
      </c>
      <c r="AH5004">
        <v>6</v>
      </c>
      <c r="AI5004">
        <v>6</v>
      </c>
      <c r="AJ5004">
        <v>6</v>
      </c>
      <c r="AK5004">
        <v>6</v>
      </c>
      <c r="AL5004">
        <v>6</v>
      </c>
      <c r="AM5004">
        <v>6</v>
      </c>
      <c r="AN5004">
        <v>6</v>
      </c>
      <c r="AO5004">
        <v>6</v>
      </c>
      <c r="AP5004">
        <v>6</v>
      </c>
      <c r="AQ5004">
        <v>6</v>
      </c>
    </row>
    <row r="5005" spans="1:43">
      <c r="A5005" t="s">
        <v>3158</v>
      </c>
      <c r="B5005" t="s">
        <v>3159</v>
      </c>
      <c r="C5005" t="s">
        <v>3156</v>
      </c>
      <c r="D5005" t="s">
        <v>3157</v>
      </c>
      <c r="E5005" t="s">
        <v>2928</v>
      </c>
      <c r="F5005" t="s">
        <v>2929</v>
      </c>
      <c r="G5005" t="s">
        <v>80</v>
      </c>
      <c r="H5005" t="s">
        <v>81</v>
      </c>
      <c r="I5005" s="2">
        <v>1</v>
      </c>
      <c r="J5005" s="2">
        <v>0</v>
      </c>
      <c r="K5005" s="2">
        <v>0</v>
      </c>
      <c r="L5005" t="s">
        <v>120</v>
      </c>
      <c r="M5005" t="s">
        <v>83</v>
      </c>
      <c r="N5005" t="s">
        <v>91</v>
      </c>
      <c r="O5005" t="s">
        <v>85</v>
      </c>
      <c r="P5005" t="s">
        <v>86</v>
      </c>
      <c r="Q5005">
        <v>5</v>
      </c>
      <c r="R5005">
        <v>5</v>
      </c>
      <c r="S5005">
        <v>5</v>
      </c>
      <c r="T5005">
        <v>5</v>
      </c>
      <c r="U5005">
        <v>5</v>
      </c>
      <c r="V5005">
        <v>5</v>
      </c>
      <c r="W5005">
        <v>5</v>
      </c>
      <c r="X5005">
        <v>6</v>
      </c>
      <c r="Y5005">
        <v>6</v>
      </c>
      <c r="Z5005">
        <v>6</v>
      </c>
      <c r="AA5005">
        <v>6</v>
      </c>
      <c r="AB5005">
        <v>6</v>
      </c>
      <c r="AC5005">
        <v>6</v>
      </c>
      <c r="AD5005">
        <v>6</v>
      </c>
      <c r="AE5005">
        <v>6</v>
      </c>
      <c r="AF5005">
        <v>6</v>
      </c>
      <c r="AG5005">
        <v>6</v>
      </c>
      <c r="AH5005">
        <v>6</v>
      </c>
      <c r="AI5005">
        <v>6</v>
      </c>
      <c r="AJ5005">
        <v>6</v>
      </c>
      <c r="AK5005">
        <v>6</v>
      </c>
      <c r="AL5005">
        <v>6</v>
      </c>
      <c r="AM5005">
        <v>6</v>
      </c>
      <c r="AN5005">
        <v>6</v>
      </c>
      <c r="AO5005">
        <v>6</v>
      </c>
      <c r="AP5005">
        <v>5</v>
      </c>
      <c r="AQ5005">
        <v>5</v>
      </c>
    </row>
    <row r="5006" spans="1:43">
      <c r="A5006" t="s">
        <v>3160</v>
      </c>
      <c r="B5006" t="s">
        <v>3161</v>
      </c>
      <c r="C5006" t="s">
        <v>2958</v>
      </c>
      <c r="D5006" t="s">
        <v>2959</v>
      </c>
      <c r="E5006" t="s">
        <v>2928</v>
      </c>
      <c r="F5006" t="s">
        <v>2929</v>
      </c>
      <c r="G5006" t="s">
        <v>80</v>
      </c>
      <c r="H5006" t="s">
        <v>81</v>
      </c>
      <c r="I5006" s="2">
        <v>1</v>
      </c>
      <c r="J5006" s="2">
        <v>0</v>
      </c>
      <c r="K5006" s="2">
        <v>0</v>
      </c>
      <c r="L5006" t="s">
        <v>120</v>
      </c>
      <c r="M5006" t="s">
        <v>83</v>
      </c>
      <c r="N5006" t="s">
        <v>84</v>
      </c>
      <c r="O5006" t="s">
        <v>85</v>
      </c>
      <c r="P5006" t="s">
        <v>86</v>
      </c>
      <c r="Q5006">
        <v>2</v>
      </c>
      <c r="R5006">
        <v>2</v>
      </c>
      <c r="S5006">
        <v>2</v>
      </c>
      <c r="T5006">
        <v>2</v>
      </c>
      <c r="U5006">
        <v>2</v>
      </c>
      <c r="V5006">
        <v>2</v>
      </c>
      <c r="W5006">
        <v>2</v>
      </c>
      <c r="X5006">
        <v>2</v>
      </c>
      <c r="Y5006">
        <v>2</v>
      </c>
      <c r="Z5006">
        <v>2</v>
      </c>
      <c r="AA5006">
        <v>2</v>
      </c>
      <c r="AB5006">
        <v>2</v>
      </c>
      <c r="AC5006">
        <v>2</v>
      </c>
      <c r="AD5006">
        <v>2</v>
      </c>
      <c r="AE5006">
        <v>2</v>
      </c>
      <c r="AF5006">
        <v>2</v>
      </c>
      <c r="AG5006">
        <v>2</v>
      </c>
      <c r="AH5006">
        <v>2</v>
      </c>
      <c r="AI5006">
        <v>2</v>
      </c>
      <c r="AJ5006">
        <v>2</v>
      </c>
      <c r="AK5006">
        <v>2</v>
      </c>
      <c r="AL5006">
        <v>2</v>
      </c>
      <c r="AM5006">
        <v>2</v>
      </c>
      <c r="AN5006">
        <v>2</v>
      </c>
      <c r="AO5006">
        <v>2</v>
      </c>
      <c r="AP5006">
        <v>2</v>
      </c>
      <c r="AQ5006">
        <v>2</v>
      </c>
    </row>
    <row r="5007" spans="1:43">
      <c r="A5007" t="s">
        <v>3160</v>
      </c>
      <c r="B5007" t="s">
        <v>3161</v>
      </c>
      <c r="C5007" t="s">
        <v>2958</v>
      </c>
      <c r="D5007" t="s">
        <v>2959</v>
      </c>
      <c r="E5007" t="s">
        <v>2928</v>
      </c>
      <c r="F5007" t="s">
        <v>2929</v>
      </c>
      <c r="G5007" t="s">
        <v>80</v>
      </c>
      <c r="H5007" t="s">
        <v>81</v>
      </c>
      <c r="I5007" s="2">
        <v>1</v>
      </c>
      <c r="J5007" s="2">
        <v>0</v>
      </c>
      <c r="K5007" s="2">
        <v>0</v>
      </c>
      <c r="L5007" t="s">
        <v>120</v>
      </c>
      <c r="M5007" t="s">
        <v>87</v>
      </c>
      <c r="N5007" t="s">
        <v>88</v>
      </c>
      <c r="O5007" t="s">
        <v>85</v>
      </c>
      <c r="P5007" t="s">
        <v>86</v>
      </c>
      <c r="Q5007">
        <v>2</v>
      </c>
      <c r="R5007">
        <v>2</v>
      </c>
      <c r="S5007">
        <v>2</v>
      </c>
      <c r="T5007">
        <v>2</v>
      </c>
      <c r="U5007">
        <v>2</v>
      </c>
      <c r="V5007">
        <v>2</v>
      </c>
      <c r="W5007">
        <v>2</v>
      </c>
      <c r="X5007">
        <v>2</v>
      </c>
      <c r="Y5007">
        <v>2</v>
      </c>
      <c r="Z5007">
        <v>2</v>
      </c>
      <c r="AA5007">
        <v>2</v>
      </c>
      <c r="AB5007">
        <v>2</v>
      </c>
      <c r="AC5007">
        <v>2</v>
      </c>
      <c r="AD5007">
        <v>2</v>
      </c>
      <c r="AE5007">
        <v>2</v>
      </c>
      <c r="AF5007">
        <v>2</v>
      </c>
      <c r="AG5007">
        <v>2</v>
      </c>
      <c r="AH5007">
        <v>2</v>
      </c>
      <c r="AI5007">
        <v>2</v>
      </c>
      <c r="AJ5007">
        <v>2</v>
      </c>
      <c r="AK5007">
        <v>2</v>
      </c>
      <c r="AL5007">
        <v>2</v>
      </c>
      <c r="AM5007">
        <v>2</v>
      </c>
      <c r="AN5007">
        <v>2</v>
      </c>
      <c r="AO5007">
        <v>2</v>
      </c>
      <c r="AP5007">
        <v>2</v>
      </c>
      <c r="AQ5007">
        <v>2</v>
      </c>
    </row>
    <row r="5008" spans="1:43">
      <c r="A5008" t="s">
        <v>3160</v>
      </c>
      <c r="B5008" t="s">
        <v>3161</v>
      </c>
      <c r="C5008" t="s">
        <v>2958</v>
      </c>
      <c r="D5008" t="s">
        <v>2959</v>
      </c>
      <c r="E5008" t="s">
        <v>2928</v>
      </c>
      <c r="F5008" t="s">
        <v>2929</v>
      </c>
      <c r="G5008" t="s">
        <v>80</v>
      </c>
      <c r="H5008" t="s">
        <v>81</v>
      </c>
      <c r="I5008" s="2">
        <v>1</v>
      </c>
      <c r="J5008" s="2">
        <v>0</v>
      </c>
      <c r="K5008" s="2">
        <v>0</v>
      </c>
      <c r="L5008" t="s">
        <v>120</v>
      </c>
      <c r="M5008" t="s">
        <v>89</v>
      </c>
      <c r="N5008" t="s">
        <v>90</v>
      </c>
      <c r="O5008" t="s">
        <v>85</v>
      </c>
      <c r="P5008" t="s">
        <v>86</v>
      </c>
      <c r="Q5008">
        <v>2</v>
      </c>
      <c r="R5008">
        <v>2</v>
      </c>
      <c r="S5008">
        <v>2</v>
      </c>
      <c r="T5008">
        <v>2</v>
      </c>
      <c r="U5008">
        <v>2</v>
      </c>
      <c r="V5008">
        <v>2</v>
      </c>
      <c r="W5008">
        <v>2</v>
      </c>
      <c r="X5008">
        <v>2</v>
      </c>
      <c r="Y5008">
        <v>3</v>
      </c>
      <c r="Z5008">
        <v>3</v>
      </c>
      <c r="AA5008">
        <v>3</v>
      </c>
      <c r="AB5008">
        <v>3</v>
      </c>
      <c r="AC5008">
        <v>3</v>
      </c>
      <c r="AD5008">
        <v>3</v>
      </c>
      <c r="AE5008">
        <v>3</v>
      </c>
      <c r="AF5008">
        <v>3</v>
      </c>
      <c r="AG5008">
        <v>3</v>
      </c>
      <c r="AH5008">
        <v>3</v>
      </c>
      <c r="AI5008">
        <v>3</v>
      </c>
      <c r="AJ5008">
        <v>3</v>
      </c>
      <c r="AK5008">
        <v>2</v>
      </c>
      <c r="AL5008">
        <v>2</v>
      </c>
      <c r="AM5008">
        <v>2</v>
      </c>
      <c r="AN5008">
        <v>2</v>
      </c>
      <c r="AO5008">
        <v>2</v>
      </c>
      <c r="AP5008">
        <v>2</v>
      </c>
      <c r="AQ5008">
        <v>2</v>
      </c>
    </row>
    <row r="5009" spans="1:43">
      <c r="A5009" t="s">
        <v>3160</v>
      </c>
      <c r="B5009" t="s">
        <v>3161</v>
      </c>
      <c r="C5009" t="s">
        <v>2958</v>
      </c>
      <c r="D5009" t="s">
        <v>2959</v>
      </c>
      <c r="E5009" t="s">
        <v>2928</v>
      </c>
      <c r="F5009" t="s">
        <v>2929</v>
      </c>
      <c r="G5009" t="s">
        <v>80</v>
      </c>
      <c r="H5009" t="s">
        <v>81</v>
      </c>
      <c r="I5009" s="2">
        <v>1</v>
      </c>
      <c r="J5009" s="2">
        <v>0</v>
      </c>
      <c r="K5009" s="2">
        <v>0</v>
      </c>
      <c r="L5009" t="s">
        <v>120</v>
      </c>
      <c r="M5009" t="s">
        <v>83</v>
      </c>
      <c r="N5009" t="s">
        <v>91</v>
      </c>
      <c r="O5009" t="s">
        <v>85</v>
      </c>
      <c r="P5009" t="s">
        <v>86</v>
      </c>
      <c r="Q5009">
        <v>2</v>
      </c>
      <c r="R5009">
        <v>2</v>
      </c>
      <c r="S5009">
        <v>2</v>
      </c>
      <c r="T5009">
        <v>2</v>
      </c>
      <c r="U5009">
        <v>2</v>
      </c>
      <c r="V5009">
        <v>2</v>
      </c>
      <c r="W5009">
        <v>2</v>
      </c>
      <c r="X5009">
        <v>2</v>
      </c>
      <c r="Y5009">
        <v>2</v>
      </c>
      <c r="Z5009">
        <v>2</v>
      </c>
      <c r="AA5009">
        <v>2</v>
      </c>
      <c r="AB5009">
        <v>2</v>
      </c>
      <c r="AC5009">
        <v>2</v>
      </c>
      <c r="AD5009">
        <v>2</v>
      </c>
      <c r="AE5009">
        <v>2</v>
      </c>
      <c r="AF5009">
        <v>2</v>
      </c>
      <c r="AG5009">
        <v>2</v>
      </c>
      <c r="AH5009">
        <v>2</v>
      </c>
      <c r="AI5009">
        <v>2</v>
      </c>
      <c r="AJ5009">
        <v>2</v>
      </c>
      <c r="AK5009">
        <v>2</v>
      </c>
      <c r="AL5009">
        <v>2</v>
      </c>
      <c r="AM5009">
        <v>2</v>
      </c>
      <c r="AN5009">
        <v>2</v>
      </c>
      <c r="AO5009">
        <v>2</v>
      </c>
      <c r="AP5009">
        <v>2</v>
      </c>
      <c r="AQ5009">
        <v>2</v>
      </c>
    </row>
    <row r="5010" spans="1:43">
      <c r="A5010" t="s">
        <v>3162</v>
      </c>
      <c r="B5010" t="s">
        <v>3163</v>
      </c>
      <c r="C5010" t="s">
        <v>3164</v>
      </c>
      <c r="D5010" t="s">
        <v>3165</v>
      </c>
      <c r="E5010" t="s">
        <v>2928</v>
      </c>
      <c r="F5010" t="s">
        <v>2929</v>
      </c>
      <c r="G5010" t="s">
        <v>80</v>
      </c>
      <c r="H5010" t="s">
        <v>81</v>
      </c>
      <c r="I5010" s="2">
        <v>1</v>
      </c>
      <c r="J5010" s="2">
        <v>0</v>
      </c>
      <c r="K5010" s="2">
        <v>0</v>
      </c>
      <c r="L5010" t="s">
        <v>120</v>
      </c>
      <c r="M5010" t="s">
        <v>83</v>
      </c>
      <c r="N5010" t="s">
        <v>84</v>
      </c>
      <c r="O5010" t="s">
        <v>85</v>
      </c>
      <c r="P5010" t="s">
        <v>86</v>
      </c>
      <c r="Q5010">
        <v>39</v>
      </c>
      <c r="R5010">
        <v>39</v>
      </c>
      <c r="S5010">
        <v>39</v>
      </c>
      <c r="T5010">
        <v>39</v>
      </c>
      <c r="U5010">
        <v>39</v>
      </c>
      <c r="V5010">
        <v>40</v>
      </c>
      <c r="W5010">
        <v>40</v>
      </c>
      <c r="X5010">
        <v>40</v>
      </c>
      <c r="Y5010">
        <v>40</v>
      </c>
      <c r="Z5010">
        <v>40</v>
      </c>
      <c r="AA5010">
        <v>40</v>
      </c>
      <c r="AB5010">
        <v>41</v>
      </c>
      <c r="AC5010">
        <v>41</v>
      </c>
      <c r="AD5010">
        <v>41</v>
      </c>
      <c r="AE5010">
        <v>41</v>
      </c>
      <c r="AF5010">
        <v>41</v>
      </c>
      <c r="AG5010">
        <v>41</v>
      </c>
      <c r="AH5010">
        <v>41</v>
      </c>
      <c r="AI5010">
        <v>41</v>
      </c>
      <c r="AJ5010">
        <v>41</v>
      </c>
      <c r="AK5010">
        <v>41</v>
      </c>
      <c r="AL5010">
        <v>41</v>
      </c>
      <c r="AM5010">
        <v>41</v>
      </c>
      <c r="AN5010">
        <v>41</v>
      </c>
      <c r="AO5010">
        <v>41</v>
      </c>
      <c r="AP5010">
        <v>40</v>
      </c>
      <c r="AQ5010">
        <v>40</v>
      </c>
    </row>
    <row r="5011" spans="1:43">
      <c r="A5011" t="s">
        <v>3162</v>
      </c>
      <c r="B5011" t="s">
        <v>3163</v>
      </c>
      <c r="C5011" t="s">
        <v>3164</v>
      </c>
      <c r="D5011" t="s">
        <v>3165</v>
      </c>
      <c r="E5011" t="s">
        <v>2928</v>
      </c>
      <c r="F5011" t="s">
        <v>2929</v>
      </c>
      <c r="G5011" t="s">
        <v>80</v>
      </c>
      <c r="H5011" t="s">
        <v>81</v>
      </c>
      <c r="I5011" s="2">
        <v>1</v>
      </c>
      <c r="J5011" s="2">
        <v>0</v>
      </c>
      <c r="K5011" s="2">
        <v>0</v>
      </c>
      <c r="L5011" t="s">
        <v>120</v>
      </c>
      <c r="M5011" t="s">
        <v>87</v>
      </c>
      <c r="N5011" t="s">
        <v>88</v>
      </c>
      <c r="O5011" t="s">
        <v>85</v>
      </c>
      <c r="P5011" t="s">
        <v>86</v>
      </c>
      <c r="Q5011">
        <v>39</v>
      </c>
      <c r="R5011">
        <v>39</v>
      </c>
      <c r="S5011">
        <v>39</v>
      </c>
      <c r="T5011">
        <v>39</v>
      </c>
      <c r="U5011">
        <v>39</v>
      </c>
      <c r="V5011">
        <v>39</v>
      </c>
      <c r="W5011">
        <v>38</v>
      </c>
      <c r="X5011">
        <v>38</v>
      </c>
      <c r="Y5011">
        <v>38</v>
      </c>
      <c r="Z5011">
        <v>38</v>
      </c>
      <c r="AA5011">
        <v>38</v>
      </c>
      <c r="AB5011">
        <v>38</v>
      </c>
      <c r="AC5011">
        <v>38</v>
      </c>
      <c r="AD5011">
        <v>38</v>
      </c>
      <c r="AE5011">
        <v>37</v>
      </c>
      <c r="AF5011">
        <v>37</v>
      </c>
      <c r="AG5011">
        <v>37</v>
      </c>
      <c r="AH5011">
        <v>37</v>
      </c>
      <c r="AI5011">
        <v>37</v>
      </c>
      <c r="AJ5011">
        <v>37</v>
      </c>
      <c r="AK5011">
        <v>37</v>
      </c>
      <c r="AL5011">
        <v>37</v>
      </c>
      <c r="AM5011">
        <v>36</v>
      </c>
      <c r="AN5011">
        <v>36</v>
      </c>
      <c r="AO5011">
        <v>36</v>
      </c>
      <c r="AP5011">
        <v>36</v>
      </c>
      <c r="AQ5011">
        <v>36</v>
      </c>
    </row>
    <row r="5012" spans="1:43">
      <c r="A5012" t="s">
        <v>3162</v>
      </c>
      <c r="B5012" t="s">
        <v>3163</v>
      </c>
      <c r="C5012" t="s">
        <v>3164</v>
      </c>
      <c r="D5012" t="s">
        <v>3165</v>
      </c>
      <c r="E5012" t="s">
        <v>2928</v>
      </c>
      <c r="F5012" t="s">
        <v>2929</v>
      </c>
      <c r="G5012" t="s">
        <v>80</v>
      </c>
      <c r="H5012" t="s">
        <v>81</v>
      </c>
      <c r="I5012" s="2">
        <v>1</v>
      </c>
      <c r="J5012" s="2">
        <v>0</v>
      </c>
      <c r="K5012" s="2">
        <v>0</v>
      </c>
      <c r="L5012" t="s">
        <v>120</v>
      </c>
      <c r="M5012" t="s">
        <v>89</v>
      </c>
      <c r="N5012" t="s">
        <v>90</v>
      </c>
      <c r="O5012" t="s">
        <v>85</v>
      </c>
      <c r="P5012" t="s">
        <v>86</v>
      </c>
      <c r="Q5012">
        <v>39</v>
      </c>
      <c r="R5012">
        <v>39</v>
      </c>
      <c r="S5012">
        <v>40</v>
      </c>
      <c r="T5012">
        <v>40</v>
      </c>
      <c r="U5012">
        <v>41</v>
      </c>
      <c r="V5012">
        <v>41</v>
      </c>
      <c r="W5012">
        <v>42</v>
      </c>
      <c r="X5012">
        <v>42</v>
      </c>
      <c r="Y5012">
        <v>42</v>
      </c>
      <c r="Z5012">
        <v>43</v>
      </c>
      <c r="AA5012">
        <v>43</v>
      </c>
      <c r="AB5012">
        <v>43</v>
      </c>
      <c r="AC5012">
        <v>43</v>
      </c>
      <c r="AD5012">
        <v>44</v>
      </c>
      <c r="AE5012">
        <v>44</v>
      </c>
      <c r="AF5012">
        <v>43</v>
      </c>
      <c r="AG5012">
        <v>43</v>
      </c>
      <c r="AH5012">
        <v>43</v>
      </c>
      <c r="AI5012">
        <v>43</v>
      </c>
      <c r="AJ5012">
        <v>42</v>
      </c>
      <c r="AK5012">
        <v>42</v>
      </c>
      <c r="AL5012">
        <v>42</v>
      </c>
      <c r="AM5012">
        <v>42</v>
      </c>
      <c r="AN5012">
        <v>42</v>
      </c>
      <c r="AO5012">
        <v>41</v>
      </c>
      <c r="AP5012">
        <v>41</v>
      </c>
      <c r="AQ5012">
        <v>41</v>
      </c>
    </row>
    <row r="5013" spans="1:43">
      <c r="A5013" t="s">
        <v>3162</v>
      </c>
      <c r="B5013" t="s">
        <v>3163</v>
      </c>
      <c r="C5013" t="s">
        <v>3164</v>
      </c>
      <c r="D5013" t="s">
        <v>3165</v>
      </c>
      <c r="E5013" t="s">
        <v>2928</v>
      </c>
      <c r="F5013" t="s">
        <v>2929</v>
      </c>
      <c r="G5013" t="s">
        <v>80</v>
      </c>
      <c r="H5013" t="s">
        <v>81</v>
      </c>
      <c r="I5013" s="2">
        <v>1</v>
      </c>
      <c r="J5013" s="2">
        <v>0</v>
      </c>
      <c r="K5013" s="2">
        <v>0</v>
      </c>
      <c r="L5013" t="s">
        <v>120</v>
      </c>
      <c r="M5013" t="s">
        <v>83</v>
      </c>
      <c r="N5013" t="s">
        <v>91</v>
      </c>
      <c r="O5013" t="s">
        <v>85</v>
      </c>
      <c r="P5013" t="s">
        <v>86</v>
      </c>
      <c r="Q5013">
        <v>39</v>
      </c>
      <c r="R5013">
        <v>39</v>
      </c>
      <c r="S5013">
        <v>39</v>
      </c>
      <c r="T5013">
        <v>39</v>
      </c>
      <c r="U5013">
        <v>39</v>
      </c>
      <c r="V5013">
        <v>40</v>
      </c>
      <c r="W5013">
        <v>40</v>
      </c>
      <c r="X5013">
        <v>40</v>
      </c>
      <c r="Y5013">
        <v>40</v>
      </c>
      <c r="Z5013">
        <v>40</v>
      </c>
      <c r="AA5013">
        <v>40</v>
      </c>
      <c r="AB5013">
        <v>41</v>
      </c>
      <c r="AC5013">
        <v>41</v>
      </c>
      <c r="AD5013">
        <v>41</v>
      </c>
      <c r="AE5013">
        <v>41</v>
      </c>
      <c r="AF5013">
        <v>41</v>
      </c>
      <c r="AG5013">
        <v>41</v>
      </c>
      <c r="AH5013">
        <v>41</v>
      </c>
      <c r="AI5013">
        <v>41</v>
      </c>
      <c r="AJ5013">
        <v>41</v>
      </c>
      <c r="AK5013">
        <v>41</v>
      </c>
      <c r="AL5013">
        <v>41</v>
      </c>
      <c r="AM5013">
        <v>41</v>
      </c>
      <c r="AN5013">
        <v>41</v>
      </c>
      <c r="AO5013">
        <v>41</v>
      </c>
      <c r="AP5013">
        <v>40</v>
      </c>
      <c r="AQ5013">
        <v>40</v>
      </c>
    </row>
    <row r="5014" spans="1:43">
      <c r="A5014" t="s">
        <v>3166</v>
      </c>
      <c r="B5014" t="s">
        <v>3167</v>
      </c>
      <c r="C5014" t="s">
        <v>3116</v>
      </c>
      <c r="D5014" t="s">
        <v>3117</v>
      </c>
      <c r="E5014" t="s">
        <v>2928</v>
      </c>
      <c r="F5014" t="s">
        <v>2929</v>
      </c>
      <c r="G5014" t="s">
        <v>80</v>
      </c>
      <c r="H5014" t="s">
        <v>81</v>
      </c>
      <c r="I5014" s="2">
        <v>1</v>
      </c>
      <c r="J5014" s="2">
        <v>0</v>
      </c>
      <c r="K5014" s="2">
        <v>0</v>
      </c>
      <c r="L5014" t="s">
        <v>120</v>
      </c>
      <c r="M5014" t="s">
        <v>83</v>
      </c>
      <c r="N5014" t="s">
        <v>84</v>
      </c>
      <c r="O5014" t="s">
        <v>85</v>
      </c>
      <c r="P5014" t="s">
        <v>86</v>
      </c>
      <c r="Q5014">
        <v>13</v>
      </c>
      <c r="R5014">
        <v>13</v>
      </c>
      <c r="S5014">
        <v>13</v>
      </c>
      <c r="T5014">
        <v>13</v>
      </c>
      <c r="U5014">
        <v>13</v>
      </c>
      <c r="V5014">
        <v>13</v>
      </c>
      <c r="W5014">
        <v>13</v>
      </c>
      <c r="X5014">
        <v>13</v>
      </c>
      <c r="Y5014">
        <v>13</v>
      </c>
      <c r="Z5014">
        <v>13</v>
      </c>
      <c r="AA5014">
        <v>13</v>
      </c>
      <c r="AB5014">
        <v>13</v>
      </c>
      <c r="AC5014">
        <v>13</v>
      </c>
      <c r="AD5014">
        <v>13</v>
      </c>
      <c r="AE5014">
        <v>13</v>
      </c>
      <c r="AF5014">
        <v>14</v>
      </c>
      <c r="AG5014">
        <v>14</v>
      </c>
      <c r="AH5014">
        <v>14</v>
      </c>
      <c r="AI5014">
        <v>14</v>
      </c>
      <c r="AJ5014">
        <v>14</v>
      </c>
      <c r="AK5014">
        <v>14</v>
      </c>
      <c r="AL5014">
        <v>14</v>
      </c>
      <c r="AM5014">
        <v>14</v>
      </c>
      <c r="AN5014">
        <v>13</v>
      </c>
      <c r="AO5014">
        <v>13</v>
      </c>
      <c r="AP5014">
        <v>13</v>
      </c>
      <c r="AQ5014">
        <v>13</v>
      </c>
    </row>
    <row r="5015" spans="1:43">
      <c r="A5015" t="s">
        <v>3166</v>
      </c>
      <c r="B5015" t="s">
        <v>3167</v>
      </c>
      <c r="C5015" t="s">
        <v>3116</v>
      </c>
      <c r="D5015" t="s">
        <v>3117</v>
      </c>
      <c r="E5015" t="s">
        <v>2928</v>
      </c>
      <c r="F5015" t="s">
        <v>2929</v>
      </c>
      <c r="G5015" t="s">
        <v>80</v>
      </c>
      <c r="H5015" t="s">
        <v>81</v>
      </c>
      <c r="I5015" s="2">
        <v>1</v>
      </c>
      <c r="J5015" s="2">
        <v>0</v>
      </c>
      <c r="K5015" s="2">
        <v>0</v>
      </c>
      <c r="L5015" t="s">
        <v>120</v>
      </c>
      <c r="M5015" t="s">
        <v>87</v>
      </c>
      <c r="N5015" t="s">
        <v>88</v>
      </c>
      <c r="O5015" t="s">
        <v>85</v>
      </c>
      <c r="P5015" t="s">
        <v>86</v>
      </c>
      <c r="Q5015">
        <v>13</v>
      </c>
      <c r="R5015">
        <v>13</v>
      </c>
      <c r="S5015">
        <v>13</v>
      </c>
      <c r="T5015">
        <v>13</v>
      </c>
      <c r="U5015">
        <v>12</v>
      </c>
      <c r="V5015">
        <v>12</v>
      </c>
      <c r="W5015">
        <v>12</v>
      </c>
      <c r="X5015">
        <v>12</v>
      </c>
      <c r="Y5015">
        <v>12</v>
      </c>
      <c r="Z5015">
        <v>12</v>
      </c>
      <c r="AA5015">
        <v>12</v>
      </c>
      <c r="AB5015">
        <v>12</v>
      </c>
      <c r="AC5015">
        <v>12</v>
      </c>
      <c r="AD5015">
        <v>12</v>
      </c>
      <c r="AE5015">
        <v>12</v>
      </c>
      <c r="AF5015">
        <v>12</v>
      </c>
      <c r="AG5015">
        <v>12</v>
      </c>
      <c r="AH5015">
        <v>12</v>
      </c>
      <c r="AI5015">
        <v>12</v>
      </c>
      <c r="AJ5015">
        <v>12</v>
      </c>
      <c r="AK5015">
        <v>12</v>
      </c>
      <c r="AL5015">
        <v>12</v>
      </c>
      <c r="AM5015">
        <v>12</v>
      </c>
      <c r="AN5015">
        <v>12</v>
      </c>
      <c r="AO5015">
        <v>12</v>
      </c>
      <c r="AP5015">
        <v>12</v>
      </c>
      <c r="AQ5015">
        <v>11</v>
      </c>
    </row>
    <row r="5016" spans="1:43">
      <c r="A5016" t="s">
        <v>3166</v>
      </c>
      <c r="B5016" t="s">
        <v>3167</v>
      </c>
      <c r="C5016" t="s">
        <v>3116</v>
      </c>
      <c r="D5016" t="s">
        <v>3117</v>
      </c>
      <c r="E5016" t="s">
        <v>2928</v>
      </c>
      <c r="F5016" t="s">
        <v>2929</v>
      </c>
      <c r="G5016" t="s">
        <v>80</v>
      </c>
      <c r="H5016" t="s">
        <v>81</v>
      </c>
      <c r="I5016" s="2">
        <v>1</v>
      </c>
      <c r="J5016" s="2">
        <v>0</v>
      </c>
      <c r="K5016" s="2">
        <v>0</v>
      </c>
      <c r="L5016" t="s">
        <v>120</v>
      </c>
      <c r="M5016" t="s">
        <v>89</v>
      </c>
      <c r="N5016" t="s">
        <v>90</v>
      </c>
      <c r="O5016" t="s">
        <v>85</v>
      </c>
      <c r="P5016" t="s">
        <v>86</v>
      </c>
      <c r="Q5016">
        <v>13</v>
      </c>
      <c r="R5016">
        <v>13</v>
      </c>
      <c r="S5016">
        <v>13</v>
      </c>
      <c r="T5016">
        <v>13</v>
      </c>
      <c r="U5016">
        <v>14</v>
      </c>
      <c r="V5016">
        <v>14</v>
      </c>
      <c r="W5016">
        <v>14</v>
      </c>
      <c r="X5016">
        <v>14</v>
      </c>
      <c r="Y5016">
        <v>14</v>
      </c>
      <c r="Z5016">
        <v>14</v>
      </c>
      <c r="AA5016">
        <v>14</v>
      </c>
      <c r="AB5016">
        <v>14</v>
      </c>
      <c r="AC5016">
        <v>14</v>
      </c>
      <c r="AD5016">
        <v>14</v>
      </c>
      <c r="AE5016">
        <v>14</v>
      </c>
      <c r="AF5016">
        <v>14</v>
      </c>
      <c r="AG5016">
        <v>14</v>
      </c>
      <c r="AH5016">
        <v>14</v>
      </c>
      <c r="AI5016">
        <v>14</v>
      </c>
      <c r="AJ5016">
        <v>14</v>
      </c>
      <c r="AK5016">
        <v>14</v>
      </c>
      <c r="AL5016">
        <v>14</v>
      </c>
      <c r="AM5016">
        <v>14</v>
      </c>
      <c r="AN5016">
        <v>14</v>
      </c>
      <c r="AO5016">
        <v>14</v>
      </c>
      <c r="AP5016">
        <v>13</v>
      </c>
      <c r="AQ5016">
        <v>13</v>
      </c>
    </row>
    <row r="5017" spans="1:43">
      <c r="A5017" t="s">
        <v>3166</v>
      </c>
      <c r="B5017" t="s">
        <v>3167</v>
      </c>
      <c r="C5017" t="s">
        <v>3116</v>
      </c>
      <c r="D5017" t="s">
        <v>3117</v>
      </c>
      <c r="E5017" t="s">
        <v>2928</v>
      </c>
      <c r="F5017" t="s">
        <v>2929</v>
      </c>
      <c r="G5017" t="s">
        <v>80</v>
      </c>
      <c r="H5017" t="s">
        <v>81</v>
      </c>
      <c r="I5017" s="2">
        <v>1</v>
      </c>
      <c r="J5017" s="2">
        <v>0</v>
      </c>
      <c r="K5017" s="2">
        <v>0</v>
      </c>
      <c r="L5017" t="s">
        <v>120</v>
      </c>
      <c r="M5017" t="s">
        <v>83</v>
      </c>
      <c r="N5017" t="s">
        <v>91</v>
      </c>
      <c r="O5017" t="s">
        <v>85</v>
      </c>
      <c r="P5017" t="s">
        <v>86</v>
      </c>
      <c r="Q5017">
        <v>13</v>
      </c>
      <c r="R5017">
        <v>13</v>
      </c>
      <c r="S5017">
        <v>13</v>
      </c>
      <c r="T5017">
        <v>13</v>
      </c>
      <c r="U5017">
        <v>13</v>
      </c>
      <c r="V5017">
        <v>13</v>
      </c>
      <c r="W5017">
        <v>13</v>
      </c>
      <c r="X5017">
        <v>13</v>
      </c>
      <c r="Y5017">
        <v>13</v>
      </c>
      <c r="Z5017">
        <v>13</v>
      </c>
      <c r="AA5017">
        <v>13</v>
      </c>
      <c r="AB5017">
        <v>13</v>
      </c>
      <c r="AC5017">
        <v>13</v>
      </c>
      <c r="AD5017">
        <v>13</v>
      </c>
      <c r="AE5017">
        <v>13</v>
      </c>
      <c r="AF5017">
        <v>14</v>
      </c>
      <c r="AG5017">
        <v>14</v>
      </c>
      <c r="AH5017">
        <v>14</v>
      </c>
      <c r="AI5017">
        <v>14</v>
      </c>
      <c r="AJ5017">
        <v>14</v>
      </c>
      <c r="AK5017">
        <v>14</v>
      </c>
      <c r="AL5017">
        <v>14</v>
      </c>
      <c r="AM5017">
        <v>14</v>
      </c>
      <c r="AN5017">
        <v>13</v>
      </c>
      <c r="AO5017">
        <v>13</v>
      </c>
      <c r="AP5017">
        <v>13</v>
      </c>
      <c r="AQ5017">
        <v>13</v>
      </c>
    </row>
    <row r="5018" spans="1:43">
      <c r="A5018" t="s">
        <v>3168</v>
      </c>
      <c r="B5018" t="s">
        <v>3169</v>
      </c>
      <c r="C5018" t="s">
        <v>3156</v>
      </c>
      <c r="D5018" t="s">
        <v>3157</v>
      </c>
      <c r="E5018" t="s">
        <v>2928</v>
      </c>
      <c r="F5018" t="s">
        <v>2929</v>
      </c>
      <c r="G5018" t="s">
        <v>80</v>
      </c>
      <c r="H5018" t="s">
        <v>81</v>
      </c>
      <c r="I5018" s="2">
        <v>1</v>
      </c>
      <c r="J5018" s="2">
        <v>0</v>
      </c>
      <c r="K5018" s="2">
        <v>0</v>
      </c>
      <c r="L5018" t="s">
        <v>120</v>
      </c>
      <c r="M5018" t="s">
        <v>83</v>
      </c>
      <c r="N5018" t="s">
        <v>84</v>
      </c>
      <c r="O5018" t="s">
        <v>85</v>
      </c>
      <c r="P5018" t="s">
        <v>86</v>
      </c>
      <c r="Q5018">
        <v>1</v>
      </c>
      <c r="R5018">
        <v>1</v>
      </c>
      <c r="S5018">
        <v>1</v>
      </c>
      <c r="T5018">
        <v>1</v>
      </c>
      <c r="U5018">
        <v>1</v>
      </c>
      <c r="V5018">
        <v>1</v>
      </c>
      <c r="W5018">
        <v>1</v>
      </c>
      <c r="X5018">
        <v>1</v>
      </c>
      <c r="Y5018">
        <v>1</v>
      </c>
      <c r="Z5018">
        <v>1</v>
      </c>
      <c r="AA5018">
        <v>1</v>
      </c>
      <c r="AB5018">
        <v>1</v>
      </c>
      <c r="AC5018">
        <v>1</v>
      </c>
      <c r="AD5018">
        <v>1</v>
      </c>
      <c r="AE5018">
        <v>1</v>
      </c>
      <c r="AF5018">
        <v>1</v>
      </c>
      <c r="AG5018">
        <v>1</v>
      </c>
      <c r="AH5018">
        <v>1</v>
      </c>
      <c r="AI5018">
        <v>1</v>
      </c>
      <c r="AJ5018">
        <v>1</v>
      </c>
      <c r="AK5018">
        <v>1</v>
      </c>
      <c r="AL5018">
        <v>1</v>
      </c>
      <c r="AM5018">
        <v>1</v>
      </c>
      <c r="AN5018">
        <v>1</v>
      </c>
      <c r="AO5018">
        <v>1</v>
      </c>
      <c r="AP5018">
        <v>1</v>
      </c>
      <c r="AQ5018">
        <v>1</v>
      </c>
    </row>
    <row r="5019" spans="1:43">
      <c r="A5019" t="s">
        <v>3168</v>
      </c>
      <c r="B5019" t="s">
        <v>3169</v>
      </c>
      <c r="C5019" t="s">
        <v>3156</v>
      </c>
      <c r="D5019" t="s">
        <v>3157</v>
      </c>
      <c r="E5019" t="s">
        <v>2928</v>
      </c>
      <c r="F5019" t="s">
        <v>2929</v>
      </c>
      <c r="G5019" t="s">
        <v>80</v>
      </c>
      <c r="H5019" t="s">
        <v>81</v>
      </c>
      <c r="I5019" s="2">
        <v>1</v>
      </c>
      <c r="J5019" s="2">
        <v>0</v>
      </c>
      <c r="K5019" s="2">
        <v>0</v>
      </c>
      <c r="L5019" t="s">
        <v>120</v>
      </c>
      <c r="M5019" t="s">
        <v>87</v>
      </c>
      <c r="N5019" t="s">
        <v>88</v>
      </c>
      <c r="O5019" t="s">
        <v>85</v>
      </c>
      <c r="P5019" t="s">
        <v>86</v>
      </c>
      <c r="Q5019">
        <v>1</v>
      </c>
      <c r="R5019">
        <v>1</v>
      </c>
      <c r="S5019">
        <v>1</v>
      </c>
      <c r="T5019">
        <v>1</v>
      </c>
      <c r="U5019">
        <v>1</v>
      </c>
      <c r="V5019">
        <v>1</v>
      </c>
      <c r="W5019">
        <v>1</v>
      </c>
      <c r="X5019">
        <v>1</v>
      </c>
      <c r="Y5019">
        <v>1</v>
      </c>
      <c r="Z5019">
        <v>1</v>
      </c>
      <c r="AA5019">
        <v>1</v>
      </c>
      <c r="AB5019">
        <v>1</v>
      </c>
      <c r="AC5019">
        <v>1</v>
      </c>
      <c r="AD5019">
        <v>1</v>
      </c>
      <c r="AE5019">
        <v>1</v>
      </c>
      <c r="AF5019">
        <v>1</v>
      </c>
      <c r="AG5019">
        <v>1</v>
      </c>
      <c r="AH5019">
        <v>1</v>
      </c>
      <c r="AI5019">
        <v>1</v>
      </c>
      <c r="AJ5019">
        <v>1</v>
      </c>
      <c r="AK5019">
        <v>1</v>
      </c>
      <c r="AL5019">
        <v>1</v>
      </c>
      <c r="AM5019">
        <v>1</v>
      </c>
      <c r="AN5019">
        <v>1</v>
      </c>
      <c r="AO5019">
        <v>1</v>
      </c>
      <c r="AP5019">
        <v>1</v>
      </c>
      <c r="AQ5019">
        <v>1</v>
      </c>
    </row>
    <row r="5020" spans="1:43">
      <c r="A5020" t="s">
        <v>3168</v>
      </c>
      <c r="B5020" t="s">
        <v>3169</v>
      </c>
      <c r="C5020" t="s">
        <v>3156</v>
      </c>
      <c r="D5020" t="s">
        <v>3157</v>
      </c>
      <c r="E5020" t="s">
        <v>2928</v>
      </c>
      <c r="F5020" t="s">
        <v>2929</v>
      </c>
      <c r="G5020" t="s">
        <v>80</v>
      </c>
      <c r="H5020" t="s">
        <v>81</v>
      </c>
      <c r="I5020" s="2">
        <v>1</v>
      </c>
      <c r="J5020" s="2">
        <v>0</v>
      </c>
      <c r="K5020" s="2">
        <v>0</v>
      </c>
      <c r="L5020" t="s">
        <v>120</v>
      </c>
      <c r="M5020" t="s">
        <v>89</v>
      </c>
      <c r="N5020" t="s">
        <v>90</v>
      </c>
      <c r="O5020" t="s">
        <v>85</v>
      </c>
      <c r="P5020" t="s">
        <v>86</v>
      </c>
      <c r="Q5020">
        <v>1</v>
      </c>
      <c r="R5020">
        <v>1</v>
      </c>
      <c r="S5020">
        <v>1</v>
      </c>
      <c r="T5020">
        <v>1</v>
      </c>
      <c r="U5020">
        <v>1</v>
      </c>
      <c r="V5020">
        <v>1</v>
      </c>
      <c r="W5020">
        <v>1</v>
      </c>
      <c r="X5020">
        <v>1</v>
      </c>
      <c r="Y5020">
        <v>1</v>
      </c>
      <c r="Z5020">
        <v>1</v>
      </c>
      <c r="AA5020">
        <v>1</v>
      </c>
      <c r="AB5020">
        <v>1</v>
      </c>
      <c r="AC5020">
        <v>1</v>
      </c>
      <c r="AD5020">
        <v>1</v>
      </c>
      <c r="AE5020">
        <v>1</v>
      </c>
      <c r="AF5020">
        <v>1</v>
      </c>
      <c r="AG5020">
        <v>1</v>
      </c>
      <c r="AH5020">
        <v>1</v>
      </c>
      <c r="AI5020">
        <v>1</v>
      </c>
      <c r="AJ5020">
        <v>1</v>
      </c>
      <c r="AK5020">
        <v>1</v>
      </c>
      <c r="AL5020">
        <v>1</v>
      </c>
      <c r="AM5020">
        <v>1</v>
      </c>
      <c r="AN5020">
        <v>1</v>
      </c>
      <c r="AO5020">
        <v>1</v>
      </c>
      <c r="AP5020">
        <v>1</v>
      </c>
      <c r="AQ5020">
        <v>1</v>
      </c>
    </row>
    <row r="5021" spans="1:43">
      <c r="A5021" t="s">
        <v>3168</v>
      </c>
      <c r="B5021" t="s">
        <v>3169</v>
      </c>
      <c r="C5021" t="s">
        <v>3156</v>
      </c>
      <c r="D5021" t="s">
        <v>3157</v>
      </c>
      <c r="E5021" t="s">
        <v>2928</v>
      </c>
      <c r="F5021" t="s">
        <v>2929</v>
      </c>
      <c r="G5021" t="s">
        <v>80</v>
      </c>
      <c r="H5021" t="s">
        <v>81</v>
      </c>
      <c r="I5021" s="2">
        <v>1</v>
      </c>
      <c r="J5021" s="2">
        <v>0</v>
      </c>
      <c r="K5021" s="2">
        <v>0</v>
      </c>
      <c r="L5021" t="s">
        <v>120</v>
      </c>
      <c r="M5021" t="s">
        <v>83</v>
      </c>
      <c r="N5021" t="s">
        <v>91</v>
      </c>
      <c r="O5021" t="s">
        <v>85</v>
      </c>
      <c r="P5021" t="s">
        <v>86</v>
      </c>
      <c r="Q5021">
        <v>1</v>
      </c>
      <c r="R5021">
        <v>1</v>
      </c>
      <c r="S5021">
        <v>1</v>
      </c>
      <c r="T5021">
        <v>1</v>
      </c>
      <c r="U5021">
        <v>1</v>
      </c>
      <c r="V5021">
        <v>1</v>
      </c>
      <c r="W5021">
        <v>1</v>
      </c>
      <c r="X5021">
        <v>1</v>
      </c>
      <c r="Y5021">
        <v>1</v>
      </c>
      <c r="Z5021">
        <v>1</v>
      </c>
      <c r="AA5021">
        <v>1</v>
      </c>
      <c r="AB5021">
        <v>1</v>
      </c>
      <c r="AC5021">
        <v>1</v>
      </c>
      <c r="AD5021">
        <v>1</v>
      </c>
      <c r="AE5021">
        <v>1</v>
      </c>
      <c r="AF5021">
        <v>1</v>
      </c>
      <c r="AG5021">
        <v>1</v>
      </c>
      <c r="AH5021">
        <v>1</v>
      </c>
      <c r="AI5021">
        <v>1</v>
      </c>
      <c r="AJ5021">
        <v>1</v>
      </c>
      <c r="AK5021">
        <v>1</v>
      </c>
      <c r="AL5021">
        <v>1</v>
      </c>
      <c r="AM5021">
        <v>1</v>
      </c>
      <c r="AN5021">
        <v>1</v>
      </c>
      <c r="AO5021">
        <v>1</v>
      </c>
      <c r="AP5021">
        <v>1</v>
      </c>
      <c r="AQ5021">
        <v>1</v>
      </c>
    </row>
    <row r="5022" spans="1:43">
      <c r="A5022" t="s">
        <v>3170</v>
      </c>
      <c r="B5022" t="s">
        <v>3171</v>
      </c>
      <c r="C5022" t="s">
        <v>3164</v>
      </c>
      <c r="D5022" t="s">
        <v>3165</v>
      </c>
      <c r="E5022" t="s">
        <v>2928</v>
      </c>
      <c r="F5022" t="s">
        <v>2929</v>
      </c>
      <c r="G5022" t="s">
        <v>80</v>
      </c>
      <c r="H5022" t="s">
        <v>81</v>
      </c>
      <c r="I5022" s="2">
        <v>1</v>
      </c>
      <c r="J5022" s="2">
        <v>0</v>
      </c>
      <c r="K5022" s="2">
        <v>0</v>
      </c>
      <c r="L5022" t="s">
        <v>120</v>
      </c>
      <c r="M5022" t="s">
        <v>83</v>
      </c>
      <c r="N5022" t="s">
        <v>84</v>
      </c>
      <c r="O5022" t="s">
        <v>85</v>
      </c>
      <c r="P5022" t="s">
        <v>86</v>
      </c>
      <c r="Q5022">
        <v>19</v>
      </c>
      <c r="R5022">
        <v>19</v>
      </c>
      <c r="S5022">
        <v>19</v>
      </c>
      <c r="T5022">
        <v>19</v>
      </c>
      <c r="U5022">
        <v>19</v>
      </c>
      <c r="V5022">
        <v>19</v>
      </c>
      <c r="W5022">
        <v>19</v>
      </c>
      <c r="X5022">
        <v>19</v>
      </c>
      <c r="Y5022">
        <v>19</v>
      </c>
      <c r="Z5022">
        <v>19</v>
      </c>
      <c r="AA5022">
        <v>19</v>
      </c>
      <c r="AB5022">
        <v>19</v>
      </c>
      <c r="AC5022">
        <v>19</v>
      </c>
      <c r="AD5022">
        <v>19</v>
      </c>
      <c r="AE5022">
        <v>19</v>
      </c>
      <c r="AF5022">
        <v>20</v>
      </c>
      <c r="AG5022">
        <v>20</v>
      </c>
      <c r="AH5022">
        <v>20</v>
      </c>
      <c r="AI5022">
        <v>20</v>
      </c>
      <c r="AJ5022">
        <v>20</v>
      </c>
      <c r="AK5022">
        <v>20</v>
      </c>
      <c r="AL5022">
        <v>20</v>
      </c>
      <c r="AM5022">
        <v>20</v>
      </c>
      <c r="AN5022">
        <v>19</v>
      </c>
      <c r="AO5022">
        <v>19</v>
      </c>
      <c r="AP5022">
        <v>19</v>
      </c>
      <c r="AQ5022">
        <v>19</v>
      </c>
    </row>
    <row r="5023" spans="1:43">
      <c r="A5023" t="s">
        <v>3170</v>
      </c>
      <c r="B5023" t="s">
        <v>3171</v>
      </c>
      <c r="C5023" t="s">
        <v>3164</v>
      </c>
      <c r="D5023" t="s">
        <v>3165</v>
      </c>
      <c r="E5023" t="s">
        <v>2928</v>
      </c>
      <c r="F5023" t="s">
        <v>2929</v>
      </c>
      <c r="G5023" t="s">
        <v>80</v>
      </c>
      <c r="H5023" t="s">
        <v>81</v>
      </c>
      <c r="I5023" s="2">
        <v>1</v>
      </c>
      <c r="J5023" s="2">
        <v>0</v>
      </c>
      <c r="K5023" s="2">
        <v>0</v>
      </c>
      <c r="L5023" t="s">
        <v>120</v>
      </c>
      <c r="M5023" t="s">
        <v>87</v>
      </c>
      <c r="N5023" t="s">
        <v>88</v>
      </c>
      <c r="O5023" t="s">
        <v>85</v>
      </c>
      <c r="P5023" t="s">
        <v>86</v>
      </c>
      <c r="Q5023">
        <v>19</v>
      </c>
      <c r="R5023">
        <v>19</v>
      </c>
      <c r="S5023">
        <v>19</v>
      </c>
      <c r="T5023">
        <v>19</v>
      </c>
      <c r="U5023">
        <v>19</v>
      </c>
      <c r="V5023">
        <v>19</v>
      </c>
      <c r="W5023">
        <v>19</v>
      </c>
      <c r="X5023">
        <v>19</v>
      </c>
      <c r="Y5023">
        <v>19</v>
      </c>
      <c r="Z5023">
        <v>19</v>
      </c>
      <c r="AA5023">
        <v>19</v>
      </c>
      <c r="AB5023">
        <v>19</v>
      </c>
      <c r="AC5023">
        <v>18</v>
      </c>
      <c r="AD5023">
        <v>18</v>
      </c>
      <c r="AE5023">
        <v>18</v>
      </c>
      <c r="AF5023">
        <v>18</v>
      </c>
      <c r="AG5023">
        <v>18</v>
      </c>
      <c r="AH5023">
        <v>18</v>
      </c>
      <c r="AI5023">
        <v>18</v>
      </c>
      <c r="AJ5023">
        <v>18</v>
      </c>
      <c r="AK5023">
        <v>18</v>
      </c>
      <c r="AL5023">
        <v>18</v>
      </c>
      <c r="AM5023">
        <v>18</v>
      </c>
      <c r="AN5023">
        <v>18</v>
      </c>
      <c r="AO5023">
        <v>18</v>
      </c>
      <c r="AP5023">
        <v>18</v>
      </c>
      <c r="AQ5023">
        <v>17</v>
      </c>
    </row>
    <row r="5024" spans="1:43">
      <c r="A5024" t="s">
        <v>3170</v>
      </c>
      <c r="B5024" t="s">
        <v>3171</v>
      </c>
      <c r="C5024" t="s">
        <v>3164</v>
      </c>
      <c r="D5024" t="s">
        <v>3165</v>
      </c>
      <c r="E5024" t="s">
        <v>2928</v>
      </c>
      <c r="F5024" t="s">
        <v>2929</v>
      </c>
      <c r="G5024" t="s">
        <v>80</v>
      </c>
      <c r="H5024" t="s">
        <v>81</v>
      </c>
      <c r="I5024" s="2">
        <v>1</v>
      </c>
      <c r="J5024" s="2">
        <v>0</v>
      </c>
      <c r="K5024" s="2">
        <v>0</v>
      </c>
      <c r="L5024" t="s">
        <v>120</v>
      </c>
      <c r="M5024" t="s">
        <v>89</v>
      </c>
      <c r="N5024" t="s">
        <v>90</v>
      </c>
      <c r="O5024" t="s">
        <v>85</v>
      </c>
      <c r="P5024" t="s">
        <v>86</v>
      </c>
      <c r="Q5024">
        <v>19</v>
      </c>
      <c r="R5024">
        <v>19</v>
      </c>
      <c r="S5024">
        <v>19</v>
      </c>
      <c r="T5024">
        <v>19</v>
      </c>
      <c r="U5024">
        <v>20</v>
      </c>
      <c r="V5024">
        <v>20</v>
      </c>
      <c r="W5024">
        <v>20</v>
      </c>
      <c r="X5024">
        <v>20</v>
      </c>
      <c r="Y5024">
        <v>20</v>
      </c>
      <c r="Z5024">
        <v>20</v>
      </c>
      <c r="AA5024">
        <v>21</v>
      </c>
      <c r="AB5024">
        <v>21</v>
      </c>
      <c r="AC5024">
        <v>21</v>
      </c>
      <c r="AD5024">
        <v>21</v>
      </c>
      <c r="AE5024">
        <v>21</v>
      </c>
      <c r="AF5024">
        <v>21</v>
      </c>
      <c r="AG5024">
        <v>21</v>
      </c>
      <c r="AH5024">
        <v>20</v>
      </c>
      <c r="AI5024">
        <v>20</v>
      </c>
      <c r="AJ5024">
        <v>20</v>
      </c>
      <c r="AK5024">
        <v>20</v>
      </c>
      <c r="AL5024">
        <v>20</v>
      </c>
      <c r="AM5024">
        <v>20</v>
      </c>
      <c r="AN5024">
        <v>20</v>
      </c>
      <c r="AO5024">
        <v>20</v>
      </c>
      <c r="AP5024">
        <v>19</v>
      </c>
      <c r="AQ5024">
        <v>19</v>
      </c>
    </row>
    <row r="5025" spans="1:43">
      <c r="A5025" t="s">
        <v>3170</v>
      </c>
      <c r="B5025" t="s">
        <v>3171</v>
      </c>
      <c r="C5025" t="s">
        <v>3164</v>
      </c>
      <c r="D5025" t="s">
        <v>3165</v>
      </c>
      <c r="E5025" t="s">
        <v>2928</v>
      </c>
      <c r="F5025" t="s">
        <v>2929</v>
      </c>
      <c r="G5025" t="s">
        <v>80</v>
      </c>
      <c r="H5025" t="s">
        <v>81</v>
      </c>
      <c r="I5025" s="2">
        <v>1</v>
      </c>
      <c r="J5025" s="2">
        <v>0</v>
      </c>
      <c r="K5025" s="2">
        <v>0</v>
      </c>
      <c r="L5025" t="s">
        <v>120</v>
      </c>
      <c r="M5025" t="s">
        <v>83</v>
      </c>
      <c r="N5025" t="s">
        <v>91</v>
      </c>
      <c r="O5025" t="s">
        <v>85</v>
      </c>
      <c r="P5025" t="s">
        <v>86</v>
      </c>
      <c r="Q5025">
        <v>19</v>
      </c>
      <c r="R5025">
        <v>19</v>
      </c>
      <c r="S5025">
        <v>19</v>
      </c>
      <c r="T5025">
        <v>19</v>
      </c>
      <c r="U5025">
        <v>19</v>
      </c>
      <c r="V5025">
        <v>19</v>
      </c>
      <c r="W5025">
        <v>19</v>
      </c>
      <c r="X5025">
        <v>19</v>
      </c>
      <c r="Y5025">
        <v>19</v>
      </c>
      <c r="Z5025">
        <v>19</v>
      </c>
      <c r="AA5025">
        <v>19</v>
      </c>
      <c r="AB5025">
        <v>19</v>
      </c>
      <c r="AC5025">
        <v>19</v>
      </c>
      <c r="AD5025">
        <v>19</v>
      </c>
      <c r="AE5025">
        <v>19</v>
      </c>
      <c r="AF5025">
        <v>20</v>
      </c>
      <c r="AG5025">
        <v>20</v>
      </c>
      <c r="AH5025">
        <v>20</v>
      </c>
      <c r="AI5025">
        <v>20</v>
      </c>
      <c r="AJ5025">
        <v>20</v>
      </c>
      <c r="AK5025">
        <v>20</v>
      </c>
      <c r="AL5025">
        <v>20</v>
      </c>
      <c r="AM5025">
        <v>20</v>
      </c>
      <c r="AN5025">
        <v>19</v>
      </c>
      <c r="AO5025">
        <v>19</v>
      </c>
      <c r="AP5025">
        <v>19</v>
      </c>
      <c r="AQ5025">
        <v>19</v>
      </c>
    </row>
    <row r="5026" spans="1:43">
      <c r="A5026" t="s">
        <v>3172</v>
      </c>
      <c r="B5026" t="s">
        <v>3173</v>
      </c>
      <c r="C5026" t="s">
        <v>3174</v>
      </c>
      <c r="D5026" t="s">
        <v>3175</v>
      </c>
      <c r="E5026" t="s">
        <v>2928</v>
      </c>
      <c r="F5026" t="s">
        <v>2929</v>
      </c>
      <c r="G5026" t="s">
        <v>80</v>
      </c>
      <c r="H5026" t="s">
        <v>81</v>
      </c>
      <c r="I5026" s="2">
        <v>1</v>
      </c>
      <c r="J5026" s="2">
        <v>0</v>
      </c>
      <c r="K5026" s="2">
        <v>0</v>
      </c>
      <c r="L5026" t="s">
        <v>120</v>
      </c>
      <c r="M5026" t="s">
        <v>83</v>
      </c>
      <c r="N5026" t="s">
        <v>84</v>
      </c>
      <c r="O5026" t="s">
        <v>85</v>
      </c>
      <c r="P5026" t="s">
        <v>86</v>
      </c>
      <c r="Q5026">
        <v>36</v>
      </c>
      <c r="R5026">
        <v>36</v>
      </c>
      <c r="S5026">
        <v>36</v>
      </c>
      <c r="T5026">
        <v>36</v>
      </c>
      <c r="U5026">
        <v>36</v>
      </c>
      <c r="V5026">
        <v>36</v>
      </c>
      <c r="W5026">
        <v>36</v>
      </c>
      <c r="X5026">
        <v>36</v>
      </c>
      <c r="Y5026">
        <v>36</v>
      </c>
      <c r="Z5026">
        <v>36</v>
      </c>
      <c r="AA5026">
        <v>37</v>
      </c>
      <c r="AB5026">
        <v>37</v>
      </c>
      <c r="AC5026">
        <v>37</v>
      </c>
      <c r="AD5026">
        <v>37</v>
      </c>
      <c r="AE5026">
        <v>37</v>
      </c>
      <c r="AF5026">
        <v>37</v>
      </c>
      <c r="AG5026">
        <v>37</v>
      </c>
      <c r="AH5026">
        <v>37</v>
      </c>
      <c r="AI5026">
        <v>37</v>
      </c>
      <c r="AJ5026">
        <v>37</v>
      </c>
      <c r="AK5026">
        <v>37</v>
      </c>
      <c r="AL5026">
        <v>36</v>
      </c>
      <c r="AM5026">
        <v>36</v>
      </c>
      <c r="AN5026">
        <v>36</v>
      </c>
      <c r="AO5026">
        <v>36</v>
      </c>
      <c r="AP5026">
        <v>35</v>
      </c>
      <c r="AQ5026">
        <v>35</v>
      </c>
    </row>
    <row r="5027" spans="1:43">
      <c r="A5027" t="s">
        <v>3172</v>
      </c>
      <c r="B5027" t="s">
        <v>3173</v>
      </c>
      <c r="C5027" t="s">
        <v>3174</v>
      </c>
      <c r="D5027" t="s">
        <v>3175</v>
      </c>
      <c r="E5027" t="s">
        <v>2928</v>
      </c>
      <c r="F5027" t="s">
        <v>2929</v>
      </c>
      <c r="G5027" t="s">
        <v>80</v>
      </c>
      <c r="H5027" t="s">
        <v>81</v>
      </c>
      <c r="I5027" s="2">
        <v>1</v>
      </c>
      <c r="J5027" s="2">
        <v>0</v>
      </c>
      <c r="K5027" s="2">
        <v>0</v>
      </c>
      <c r="L5027" t="s">
        <v>120</v>
      </c>
      <c r="M5027" t="s">
        <v>87</v>
      </c>
      <c r="N5027" t="s">
        <v>88</v>
      </c>
      <c r="O5027" t="s">
        <v>85</v>
      </c>
      <c r="P5027" t="s">
        <v>86</v>
      </c>
      <c r="Q5027">
        <v>36</v>
      </c>
      <c r="R5027">
        <v>36</v>
      </c>
      <c r="S5027">
        <v>36</v>
      </c>
      <c r="T5027">
        <v>36</v>
      </c>
      <c r="U5027">
        <v>36</v>
      </c>
      <c r="V5027">
        <v>35</v>
      </c>
      <c r="W5027">
        <v>35</v>
      </c>
      <c r="X5027">
        <v>35</v>
      </c>
      <c r="Y5027">
        <v>35</v>
      </c>
      <c r="Z5027">
        <v>34</v>
      </c>
      <c r="AA5027">
        <v>34</v>
      </c>
      <c r="AB5027">
        <v>34</v>
      </c>
      <c r="AC5027">
        <v>34</v>
      </c>
      <c r="AD5027">
        <v>34</v>
      </c>
      <c r="AE5027">
        <v>34</v>
      </c>
      <c r="AF5027">
        <v>33</v>
      </c>
      <c r="AG5027">
        <v>33</v>
      </c>
      <c r="AH5027">
        <v>33</v>
      </c>
      <c r="AI5027">
        <v>33</v>
      </c>
      <c r="AJ5027">
        <v>33</v>
      </c>
      <c r="AK5027">
        <v>32</v>
      </c>
      <c r="AL5027">
        <v>32</v>
      </c>
      <c r="AM5027">
        <v>32</v>
      </c>
      <c r="AN5027">
        <v>32</v>
      </c>
      <c r="AO5027">
        <v>32</v>
      </c>
      <c r="AP5027">
        <v>31</v>
      </c>
      <c r="AQ5027">
        <v>31</v>
      </c>
    </row>
    <row r="5028" spans="1:43">
      <c r="A5028" t="s">
        <v>3172</v>
      </c>
      <c r="B5028" t="s">
        <v>3173</v>
      </c>
      <c r="C5028" t="s">
        <v>3174</v>
      </c>
      <c r="D5028" t="s">
        <v>3175</v>
      </c>
      <c r="E5028" t="s">
        <v>2928</v>
      </c>
      <c r="F5028" t="s">
        <v>2929</v>
      </c>
      <c r="G5028" t="s">
        <v>80</v>
      </c>
      <c r="H5028" t="s">
        <v>81</v>
      </c>
      <c r="I5028" s="2">
        <v>1</v>
      </c>
      <c r="J5028" s="2">
        <v>0</v>
      </c>
      <c r="K5028" s="2">
        <v>0</v>
      </c>
      <c r="L5028" t="s">
        <v>120</v>
      </c>
      <c r="M5028" t="s">
        <v>89</v>
      </c>
      <c r="N5028" t="s">
        <v>90</v>
      </c>
      <c r="O5028" t="s">
        <v>85</v>
      </c>
      <c r="P5028" t="s">
        <v>86</v>
      </c>
      <c r="Q5028">
        <v>36</v>
      </c>
      <c r="R5028">
        <v>36</v>
      </c>
      <c r="S5028">
        <v>37</v>
      </c>
      <c r="T5028">
        <v>37</v>
      </c>
      <c r="U5028">
        <v>38</v>
      </c>
      <c r="V5028">
        <v>38</v>
      </c>
      <c r="W5028">
        <v>38</v>
      </c>
      <c r="X5028">
        <v>38</v>
      </c>
      <c r="Y5028">
        <v>39</v>
      </c>
      <c r="Z5028">
        <v>39</v>
      </c>
      <c r="AA5028">
        <v>39</v>
      </c>
      <c r="AB5028">
        <v>39</v>
      </c>
      <c r="AC5028">
        <v>39</v>
      </c>
      <c r="AD5028">
        <v>39</v>
      </c>
      <c r="AE5028">
        <v>39</v>
      </c>
      <c r="AF5028">
        <v>39</v>
      </c>
      <c r="AG5028">
        <v>39</v>
      </c>
      <c r="AH5028">
        <v>38</v>
      </c>
      <c r="AI5028">
        <v>38</v>
      </c>
      <c r="AJ5028">
        <v>38</v>
      </c>
      <c r="AK5028">
        <v>37</v>
      </c>
      <c r="AL5028">
        <v>37</v>
      </c>
      <c r="AM5028">
        <v>37</v>
      </c>
      <c r="AN5028">
        <v>36</v>
      </c>
      <c r="AO5028">
        <v>36</v>
      </c>
      <c r="AP5028">
        <v>36</v>
      </c>
      <c r="AQ5028">
        <v>35</v>
      </c>
    </row>
    <row r="5029" spans="1:43">
      <c r="A5029" t="s">
        <v>3172</v>
      </c>
      <c r="B5029" t="s">
        <v>3173</v>
      </c>
      <c r="C5029" t="s">
        <v>3174</v>
      </c>
      <c r="D5029" t="s">
        <v>3175</v>
      </c>
      <c r="E5029" t="s">
        <v>2928</v>
      </c>
      <c r="F5029" t="s">
        <v>2929</v>
      </c>
      <c r="G5029" t="s">
        <v>80</v>
      </c>
      <c r="H5029" t="s">
        <v>81</v>
      </c>
      <c r="I5029" s="2">
        <v>1</v>
      </c>
      <c r="J5029" s="2">
        <v>0</v>
      </c>
      <c r="K5029" s="2">
        <v>0</v>
      </c>
      <c r="L5029" t="s">
        <v>120</v>
      </c>
      <c r="M5029" t="s">
        <v>83</v>
      </c>
      <c r="N5029" t="s">
        <v>91</v>
      </c>
      <c r="O5029" t="s">
        <v>85</v>
      </c>
      <c r="P5029" t="s">
        <v>86</v>
      </c>
      <c r="Q5029">
        <v>36</v>
      </c>
      <c r="R5029">
        <v>36</v>
      </c>
      <c r="S5029">
        <v>36</v>
      </c>
      <c r="T5029">
        <v>36</v>
      </c>
      <c r="U5029">
        <v>36</v>
      </c>
      <c r="V5029">
        <v>36</v>
      </c>
      <c r="W5029">
        <v>36</v>
      </c>
      <c r="X5029">
        <v>36</v>
      </c>
      <c r="Y5029">
        <v>36</v>
      </c>
      <c r="Z5029">
        <v>36</v>
      </c>
      <c r="AA5029">
        <v>37</v>
      </c>
      <c r="AB5029">
        <v>37</v>
      </c>
      <c r="AC5029">
        <v>37</v>
      </c>
      <c r="AD5029">
        <v>37</v>
      </c>
      <c r="AE5029">
        <v>37</v>
      </c>
      <c r="AF5029">
        <v>37</v>
      </c>
      <c r="AG5029">
        <v>37</v>
      </c>
      <c r="AH5029">
        <v>37</v>
      </c>
      <c r="AI5029">
        <v>37</v>
      </c>
      <c r="AJ5029">
        <v>37</v>
      </c>
      <c r="AK5029">
        <v>37</v>
      </c>
      <c r="AL5029">
        <v>36</v>
      </c>
      <c r="AM5029">
        <v>36</v>
      </c>
      <c r="AN5029">
        <v>36</v>
      </c>
      <c r="AO5029">
        <v>36</v>
      </c>
      <c r="AP5029">
        <v>35</v>
      </c>
      <c r="AQ5029">
        <v>35</v>
      </c>
    </row>
    <row r="5030" spans="1:43">
      <c r="A5030" t="s">
        <v>3176</v>
      </c>
      <c r="B5030" t="s">
        <v>3177</v>
      </c>
      <c r="C5030" t="s">
        <v>2958</v>
      </c>
      <c r="D5030" t="s">
        <v>2959</v>
      </c>
      <c r="E5030" t="s">
        <v>2928</v>
      </c>
      <c r="F5030" t="s">
        <v>2929</v>
      </c>
      <c r="G5030" t="s">
        <v>80</v>
      </c>
      <c r="H5030" t="s">
        <v>81</v>
      </c>
      <c r="I5030" s="2">
        <v>1</v>
      </c>
      <c r="J5030" s="2">
        <v>0</v>
      </c>
      <c r="K5030" s="2">
        <v>0</v>
      </c>
      <c r="L5030" t="s">
        <v>120</v>
      </c>
      <c r="M5030" t="s">
        <v>83</v>
      </c>
      <c r="N5030" t="s">
        <v>84</v>
      </c>
      <c r="O5030" t="s">
        <v>85</v>
      </c>
      <c r="P5030" t="s">
        <v>86</v>
      </c>
      <c r="Q5030">
        <v>26</v>
      </c>
      <c r="R5030">
        <v>26</v>
      </c>
      <c r="S5030">
        <v>27</v>
      </c>
      <c r="T5030">
        <v>27</v>
      </c>
      <c r="U5030">
        <v>27</v>
      </c>
      <c r="V5030">
        <v>27</v>
      </c>
      <c r="W5030">
        <v>27</v>
      </c>
      <c r="X5030">
        <v>27</v>
      </c>
      <c r="Y5030">
        <v>27</v>
      </c>
      <c r="Z5030">
        <v>27</v>
      </c>
      <c r="AA5030">
        <v>27</v>
      </c>
      <c r="AB5030">
        <v>27</v>
      </c>
      <c r="AC5030">
        <v>27</v>
      </c>
      <c r="AD5030">
        <v>28</v>
      </c>
      <c r="AE5030">
        <v>28</v>
      </c>
      <c r="AF5030">
        <v>28</v>
      </c>
      <c r="AG5030">
        <v>28</v>
      </c>
      <c r="AH5030">
        <v>28</v>
      </c>
      <c r="AI5030">
        <v>28</v>
      </c>
      <c r="AJ5030">
        <v>28</v>
      </c>
      <c r="AK5030">
        <v>28</v>
      </c>
      <c r="AL5030">
        <v>28</v>
      </c>
      <c r="AM5030">
        <v>28</v>
      </c>
      <c r="AN5030">
        <v>27</v>
      </c>
      <c r="AO5030">
        <v>27</v>
      </c>
      <c r="AP5030">
        <v>27</v>
      </c>
      <c r="AQ5030">
        <v>27</v>
      </c>
    </row>
    <row r="5031" spans="1:43">
      <c r="A5031" t="s">
        <v>3176</v>
      </c>
      <c r="B5031" t="s">
        <v>3177</v>
      </c>
      <c r="C5031" t="s">
        <v>2958</v>
      </c>
      <c r="D5031" t="s">
        <v>2959</v>
      </c>
      <c r="E5031" t="s">
        <v>2928</v>
      </c>
      <c r="F5031" t="s">
        <v>2929</v>
      </c>
      <c r="G5031" t="s">
        <v>80</v>
      </c>
      <c r="H5031" t="s">
        <v>81</v>
      </c>
      <c r="I5031" s="2">
        <v>1</v>
      </c>
      <c r="J5031" s="2">
        <v>0</v>
      </c>
      <c r="K5031" s="2">
        <v>0</v>
      </c>
      <c r="L5031" t="s">
        <v>120</v>
      </c>
      <c r="M5031" t="s">
        <v>87</v>
      </c>
      <c r="N5031" t="s">
        <v>88</v>
      </c>
      <c r="O5031" t="s">
        <v>85</v>
      </c>
      <c r="P5031" t="s">
        <v>86</v>
      </c>
      <c r="Q5031">
        <v>26</v>
      </c>
      <c r="R5031">
        <v>26</v>
      </c>
      <c r="S5031">
        <v>26</v>
      </c>
      <c r="T5031">
        <v>26</v>
      </c>
      <c r="U5031">
        <v>26</v>
      </c>
      <c r="V5031">
        <v>25</v>
      </c>
      <c r="W5031">
        <v>25</v>
      </c>
      <c r="X5031">
        <v>25</v>
      </c>
      <c r="Y5031">
        <v>25</v>
      </c>
      <c r="Z5031">
        <v>25</v>
      </c>
      <c r="AA5031">
        <v>25</v>
      </c>
      <c r="AB5031">
        <v>25</v>
      </c>
      <c r="AC5031">
        <v>25</v>
      </c>
      <c r="AD5031">
        <v>25</v>
      </c>
      <c r="AE5031">
        <v>25</v>
      </c>
      <c r="AF5031">
        <v>24</v>
      </c>
      <c r="AG5031">
        <v>24</v>
      </c>
      <c r="AH5031">
        <v>24</v>
      </c>
      <c r="AI5031">
        <v>24</v>
      </c>
      <c r="AJ5031">
        <v>24</v>
      </c>
      <c r="AK5031">
        <v>24</v>
      </c>
      <c r="AL5031">
        <v>24</v>
      </c>
      <c r="AM5031">
        <v>24</v>
      </c>
      <c r="AN5031">
        <v>24</v>
      </c>
      <c r="AO5031">
        <v>24</v>
      </c>
      <c r="AP5031">
        <v>23</v>
      </c>
      <c r="AQ5031">
        <v>23</v>
      </c>
    </row>
    <row r="5032" spans="1:43">
      <c r="A5032" t="s">
        <v>3176</v>
      </c>
      <c r="B5032" t="s">
        <v>3177</v>
      </c>
      <c r="C5032" t="s">
        <v>2958</v>
      </c>
      <c r="D5032" t="s">
        <v>2959</v>
      </c>
      <c r="E5032" t="s">
        <v>2928</v>
      </c>
      <c r="F5032" t="s">
        <v>2929</v>
      </c>
      <c r="G5032" t="s">
        <v>80</v>
      </c>
      <c r="H5032" t="s">
        <v>81</v>
      </c>
      <c r="I5032" s="2">
        <v>1</v>
      </c>
      <c r="J5032" s="2">
        <v>0</v>
      </c>
      <c r="K5032" s="2">
        <v>0</v>
      </c>
      <c r="L5032" t="s">
        <v>120</v>
      </c>
      <c r="M5032" t="s">
        <v>89</v>
      </c>
      <c r="N5032" t="s">
        <v>90</v>
      </c>
      <c r="O5032" t="s">
        <v>85</v>
      </c>
      <c r="P5032" t="s">
        <v>86</v>
      </c>
      <c r="Q5032">
        <v>26</v>
      </c>
      <c r="R5032">
        <v>26</v>
      </c>
      <c r="S5032">
        <v>26</v>
      </c>
      <c r="T5032">
        <v>27</v>
      </c>
      <c r="U5032">
        <v>27</v>
      </c>
      <c r="V5032">
        <v>27</v>
      </c>
      <c r="W5032">
        <v>27</v>
      </c>
      <c r="X5032">
        <v>28</v>
      </c>
      <c r="Y5032">
        <v>28</v>
      </c>
      <c r="Z5032">
        <v>28</v>
      </c>
      <c r="AA5032">
        <v>28</v>
      </c>
      <c r="AB5032">
        <v>28</v>
      </c>
      <c r="AC5032">
        <v>28</v>
      </c>
      <c r="AD5032">
        <v>29</v>
      </c>
      <c r="AE5032">
        <v>29</v>
      </c>
      <c r="AF5032">
        <v>28</v>
      </c>
      <c r="AG5032">
        <v>28</v>
      </c>
      <c r="AH5032">
        <v>28</v>
      </c>
      <c r="AI5032">
        <v>28</v>
      </c>
      <c r="AJ5032">
        <v>28</v>
      </c>
      <c r="AK5032">
        <v>27</v>
      </c>
      <c r="AL5032">
        <v>27</v>
      </c>
      <c r="AM5032">
        <v>27</v>
      </c>
      <c r="AN5032">
        <v>27</v>
      </c>
      <c r="AO5032">
        <v>27</v>
      </c>
      <c r="AP5032">
        <v>27</v>
      </c>
      <c r="AQ5032">
        <v>26</v>
      </c>
    </row>
    <row r="5033" spans="1:43">
      <c r="A5033" t="s">
        <v>3176</v>
      </c>
      <c r="B5033" t="s">
        <v>3177</v>
      </c>
      <c r="C5033" t="s">
        <v>2958</v>
      </c>
      <c r="D5033" t="s">
        <v>2959</v>
      </c>
      <c r="E5033" t="s">
        <v>2928</v>
      </c>
      <c r="F5033" t="s">
        <v>2929</v>
      </c>
      <c r="G5033" t="s">
        <v>80</v>
      </c>
      <c r="H5033" t="s">
        <v>81</v>
      </c>
      <c r="I5033" s="2">
        <v>1</v>
      </c>
      <c r="J5033" s="2">
        <v>0</v>
      </c>
      <c r="K5033" s="2">
        <v>0</v>
      </c>
      <c r="L5033" t="s">
        <v>120</v>
      </c>
      <c r="M5033" t="s">
        <v>83</v>
      </c>
      <c r="N5033" t="s">
        <v>91</v>
      </c>
      <c r="O5033" t="s">
        <v>85</v>
      </c>
      <c r="P5033" t="s">
        <v>86</v>
      </c>
      <c r="Q5033">
        <v>26</v>
      </c>
      <c r="R5033">
        <v>26</v>
      </c>
      <c r="S5033">
        <v>27</v>
      </c>
      <c r="T5033">
        <v>27</v>
      </c>
      <c r="U5033">
        <v>27</v>
      </c>
      <c r="V5033">
        <v>27</v>
      </c>
      <c r="W5033">
        <v>27</v>
      </c>
      <c r="X5033">
        <v>27</v>
      </c>
      <c r="Y5033">
        <v>27</v>
      </c>
      <c r="Z5033">
        <v>27</v>
      </c>
      <c r="AA5033">
        <v>27</v>
      </c>
      <c r="AB5033">
        <v>27</v>
      </c>
      <c r="AC5033">
        <v>27</v>
      </c>
      <c r="AD5033">
        <v>28</v>
      </c>
      <c r="AE5033">
        <v>28</v>
      </c>
      <c r="AF5033">
        <v>28</v>
      </c>
      <c r="AG5033">
        <v>28</v>
      </c>
      <c r="AH5033">
        <v>28</v>
      </c>
      <c r="AI5033">
        <v>28</v>
      </c>
      <c r="AJ5033">
        <v>28</v>
      </c>
      <c r="AK5033">
        <v>28</v>
      </c>
      <c r="AL5033">
        <v>28</v>
      </c>
      <c r="AM5033">
        <v>28</v>
      </c>
      <c r="AN5033">
        <v>27</v>
      </c>
      <c r="AO5033">
        <v>27</v>
      </c>
      <c r="AP5033">
        <v>27</v>
      </c>
      <c r="AQ5033">
        <v>27</v>
      </c>
    </row>
    <row r="5034" spans="1:43">
      <c r="A5034" t="s">
        <v>3178</v>
      </c>
      <c r="B5034" t="s">
        <v>3179</v>
      </c>
      <c r="C5034" t="s">
        <v>3174</v>
      </c>
      <c r="D5034" t="s">
        <v>3175</v>
      </c>
      <c r="E5034" t="s">
        <v>2928</v>
      </c>
      <c r="F5034" t="s">
        <v>2929</v>
      </c>
      <c r="G5034" t="s">
        <v>80</v>
      </c>
      <c r="H5034" t="s">
        <v>81</v>
      </c>
      <c r="I5034" s="2">
        <v>1</v>
      </c>
      <c r="J5034" s="2">
        <v>0</v>
      </c>
      <c r="K5034" s="2">
        <v>0</v>
      </c>
      <c r="L5034" t="s">
        <v>120</v>
      </c>
      <c r="M5034" t="s">
        <v>83</v>
      </c>
      <c r="N5034" t="s">
        <v>84</v>
      </c>
      <c r="O5034" t="s">
        <v>85</v>
      </c>
      <c r="P5034" t="s">
        <v>86</v>
      </c>
      <c r="Q5034">
        <v>23</v>
      </c>
      <c r="R5034">
        <v>23</v>
      </c>
      <c r="S5034">
        <v>23</v>
      </c>
      <c r="T5034">
        <v>24</v>
      </c>
      <c r="U5034">
        <v>24</v>
      </c>
      <c r="V5034">
        <v>24</v>
      </c>
      <c r="W5034">
        <v>24</v>
      </c>
      <c r="X5034">
        <v>24</v>
      </c>
      <c r="Y5034">
        <v>24</v>
      </c>
      <c r="Z5034">
        <v>24</v>
      </c>
      <c r="AA5034">
        <v>24</v>
      </c>
      <c r="AB5034">
        <v>24</v>
      </c>
      <c r="AC5034">
        <v>24</v>
      </c>
      <c r="AD5034">
        <v>25</v>
      </c>
      <c r="AE5034">
        <v>25</v>
      </c>
      <c r="AF5034">
        <v>25</v>
      </c>
      <c r="AG5034">
        <v>25</v>
      </c>
      <c r="AH5034">
        <v>25</v>
      </c>
      <c r="AI5034">
        <v>25</v>
      </c>
      <c r="AJ5034">
        <v>25</v>
      </c>
      <c r="AK5034">
        <v>25</v>
      </c>
      <c r="AL5034">
        <v>25</v>
      </c>
      <c r="AM5034">
        <v>25</v>
      </c>
      <c r="AN5034">
        <v>25</v>
      </c>
      <c r="AO5034">
        <v>25</v>
      </c>
      <c r="AP5034">
        <v>25</v>
      </c>
      <c r="AQ5034">
        <v>24</v>
      </c>
    </row>
    <row r="5035" spans="1:43">
      <c r="A5035" t="s">
        <v>3178</v>
      </c>
      <c r="B5035" t="s">
        <v>3179</v>
      </c>
      <c r="C5035" t="s">
        <v>3174</v>
      </c>
      <c r="D5035" t="s">
        <v>3175</v>
      </c>
      <c r="E5035" t="s">
        <v>2928</v>
      </c>
      <c r="F5035" t="s">
        <v>2929</v>
      </c>
      <c r="G5035" t="s">
        <v>80</v>
      </c>
      <c r="H5035" t="s">
        <v>81</v>
      </c>
      <c r="I5035" s="2">
        <v>1</v>
      </c>
      <c r="J5035" s="2">
        <v>0</v>
      </c>
      <c r="K5035" s="2">
        <v>0</v>
      </c>
      <c r="L5035" t="s">
        <v>120</v>
      </c>
      <c r="M5035" t="s">
        <v>87</v>
      </c>
      <c r="N5035" t="s">
        <v>88</v>
      </c>
      <c r="O5035" t="s">
        <v>85</v>
      </c>
      <c r="P5035" t="s">
        <v>86</v>
      </c>
      <c r="Q5035">
        <v>23</v>
      </c>
      <c r="R5035">
        <v>23</v>
      </c>
      <c r="S5035">
        <v>23</v>
      </c>
      <c r="T5035">
        <v>23</v>
      </c>
      <c r="U5035">
        <v>23</v>
      </c>
      <c r="V5035">
        <v>23</v>
      </c>
      <c r="W5035">
        <v>22</v>
      </c>
      <c r="X5035">
        <v>22</v>
      </c>
      <c r="Y5035">
        <v>22</v>
      </c>
      <c r="Z5035">
        <v>22</v>
      </c>
      <c r="AA5035">
        <v>22</v>
      </c>
      <c r="AB5035">
        <v>22</v>
      </c>
      <c r="AC5035">
        <v>22</v>
      </c>
      <c r="AD5035">
        <v>22</v>
      </c>
      <c r="AE5035">
        <v>22</v>
      </c>
      <c r="AF5035">
        <v>22</v>
      </c>
      <c r="AG5035">
        <v>22</v>
      </c>
      <c r="AH5035">
        <v>22</v>
      </c>
      <c r="AI5035">
        <v>22</v>
      </c>
      <c r="AJ5035">
        <v>22</v>
      </c>
      <c r="AK5035">
        <v>22</v>
      </c>
      <c r="AL5035">
        <v>21</v>
      </c>
      <c r="AM5035">
        <v>21</v>
      </c>
      <c r="AN5035">
        <v>21</v>
      </c>
      <c r="AO5035">
        <v>21</v>
      </c>
      <c r="AP5035">
        <v>21</v>
      </c>
      <c r="AQ5035">
        <v>21</v>
      </c>
    </row>
    <row r="5036" spans="1:43">
      <c r="A5036" t="s">
        <v>3178</v>
      </c>
      <c r="B5036" t="s">
        <v>3179</v>
      </c>
      <c r="C5036" t="s">
        <v>3174</v>
      </c>
      <c r="D5036" t="s">
        <v>3175</v>
      </c>
      <c r="E5036" t="s">
        <v>2928</v>
      </c>
      <c r="F5036" t="s">
        <v>2929</v>
      </c>
      <c r="G5036" t="s">
        <v>80</v>
      </c>
      <c r="H5036" t="s">
        <v>81</v>
      </c>
      <c r="I5036" s="2">
        <v>1</v>
      </c>
      <c r="J5036" s="2">
        <v>0</v>
      </c>
      <c r="K5036" s="2">
        <v>0</v>
      </c>
      <c r="L5036" t="s">
        <v>120</v>
      </c>
      <c r="M5036" t="s">
        <v>89</v>
      </c>
      <c r="N5036" t="s">
        <v>90</v>
      </c>
      <c r="O5036" t="s">
        <v>85</v>
      </c>
      <c r="P5036" t="s">
        <v>86</v>
      </c>
      <c r="Q5036">
        <v>23</v>
      </c>
      <c r="R5036">
        <v>24</v>
      </c>
      <c r="S5036">
        <v>24</v>
      </c>
      <c r="T5036">
        <v>24</v>
      </c>
      <c r="U5036">
        <v>25</v>
      </c>
      <c r="V5036">
        <v>25</v>
      </c>
      <c r="W5036">
        <v>25</v>
      </c>
      <c r="X5036">
        <v>25</v>
      </c>
      <c r="Y5036">
        <v>25</v>
      </c>
      <c r="Z5036">
        <v>26</v>
      </c>
      <c r="AA5036">
        <v>26</v>
      </c>
      <c r="AB5036">
        <v>26</v>
      </c>
      <c r="AC5036">
        <v>26</v>
      </c>
      <c r="AD5036">
        <v>26</v>
      </c>
      <c r="AE5036">
        <v>26</v>
      </c>
      <c r="AF5036">
        <v>26</v>
      </c>
      <c r="AG5036">
        <v>26</v>
      </c>
      <c r="AH5036">
        <v>26</v>
      </c>
      <c r="AI5036">
        <v>26</v>
      </c>
      <c r="AJ5036">
        <v>26</v>
      </c>
      <c r="AK5036">
        <v>26</v>
      </c>
      <c r="AL5036">
        <v>25</v>
      </c>
      <c r="AM5036">
        <v>25</v>
      </c>
      <c r="AN5036">
        <v>25</v>
      </c>
      <c r="AO5036">
        <v>25</v>
      </c>
      <c r="AP5036">
        <v>25</v>
      </c>
      <c r="AQ5036">
        <v>25</v>
      </c>
    </row>
    <row r="5037" spans="1:43">
      <c r="A5037" t="s">
        <v>3178</v>
      </c>
      <c r="B5037" t="s">
        <v>3179</v>
      </c>
      <c r="C5037" t="s">
        <v>3174</v>
      </c>
      <c r="D5037" t="s">
        <v>3175</v>
      </c>
      <c r="E5037" t="s">
        <v>2928</v>
      </c>
      <c r="F5037" t="s">
        <v>2929</v>
      </c>
      <c r="G5037" t="s">
        <v>80</v>
      </c>
      <c r="H5037" t="s">
        <v>81</v>
      </c>
      <c r="I5037" s="2">
        <v>1</v>
      </c>
      <c r="J5037" s="2">
        <v>0</v>
      </c>
      <c r="K5037" s="2">
        <v>0</v>
      </c>
      <c r="L5037" t="s">
        <v>120</v>
      </c>
      <c r="M5037" t="s">
        <v>83</v>
      </c>
      <c r="N5037" t="s">
        <v>91</v>
      </c>
      <c r="O5037" t="s">
        <v>85</v>
      </c>
      <c r="P5037" t="s">
        <v>86</v>
      </c>
      <c r="Q5037">
        <v>23</v>
      </c>
      <c r="R5037">
        <v>23</v>
      </c>
      <c r="S5037">
        <v>23</v>
      </c>
      <c r="T5037">
        <v>24</v>
      </c>
      <c r="U5037">
        <v>24</v>
      </c>
      <c r="V5037">
        <v>24</v>
      </c>
      <c r="W5037">
        <v>24</v>
      </c>
      <c r="X5037">
        <v>24</v>
      </c>
      <c r="Y5037">
        <v>24</v>
      </c>
      <c r="Z5037">
        <v>24</v>
      </c>
      <c r="AA5037">
        <v>24</v>
      </c>
      <c r="AB5037">
        <v>24</v>
      </c>
      <c r="AC5037">
        <v>24</v>
      </c>
      <c r="AD5037">
        <v>25</v>
      </c>
      <c r="AE5037">
        <v>25</v>
      </c>
      <c r="AF5037">
        <v>25</v>
      </c>
      <c r="AG5037">
        <v>25</v>
      </c>
      <c r="AH5037">
        <v>25</v>
      </c>
      <c r="AI5037">
        <v>25</v>
      </c>
      <c r="AJ5037">
        <v>25</v>
      </c>
      <c r="AK5037">
        <v>25</v>
      </c>
      <c r="AL5037">
        <v>25</v>
      </c>
      <c r="AM5037">
        <v>25</v>
      </c>
      <c r="AN5037">
        <v>25</v>
      </c>
      <c r="AO5037">
        <v>25</v>
      </c>
      <c r="AP5037">
        <v>25</v>
      </c>
      <c r="AQ5037">
        <v>24</v>
      </c>
    </row>
    <row r="5038" spans="1:43">
      <c r="A5038" t="s">
        <v>3180</v>
      </c>
      <c r="B5038" t="s">
        <v>3181</v>
      </c>
      <c r="C5038" t="s">
        <v>3174</v>
      </c>
      <c r="D5038" t="s">
        <v>3175</v>
      </c>
      <c r="E5038" t="s">
        <v>2928</v>
      </c>
      <c r="F5038" t="s">
        <v>2929</v>
      </c>
      <c r="G5038" t="s">
        <v>80</v>
      </c>
      <c r="H5038" t="s">
        <v>81</v>
      </c>
      <c r="I5038" s="2">
        <v>1</v>
      </c>
      <c r="J5038" s="2">
        <v>0</v>
      </c>
      <c r="K5038" s="2">
        <v>0</v>
      </c>
      <c r="L5038" t="s">
        <v>120</v>
      </c>
      <c r="M5038" t="s">
        <v>83</v>
      </c>
      <c r="N5038" t="s">
        <v>84</v>
      </c>
      <c r="O5038" t="s">
        <v>85</v>
      </c>
      <c r="P5038" t="s">
        <v>86</v>
      </c>
      <c r="Q5038">
        <v>5</v>
      </c>
      <c r="R5038">
        <v>5</v>
      </c>
      <c r="S5038">
        <v>5</v>
      </c>
      <c r="T5038">
        <v>5</v>
      </c>
      <c r="U5038">
        <v>5</v>
      </c>
      <c r="V5038">
        <v>5</v>
      </c>
      <c r="W5038">
        <v>5</v>
      </c>
      <c r="X5038">
        <v>5</v>
      </c>
      <c r="Y5038">
        <v>5</v>
      </c>
      <c r="Z5038">
        <v>5</v>
      </c>
      <c r="AA5038">
        <v>5</v>
      </c>
      <c r="AB5038">
        <v>5</v>
      </c>
      <c r="AC5038">
        <v>5</v>
      </c>
      <c r="AD5038">
        <v>5</v>
      </c>
      <c r="AE5038">
        <v>5</v>
      </c>
      <c r="AF5038">
        <v>6</v>
      </c>
      <c r="AG5038">
        <v>6</v>
      </c>
      <c r="AH5038">
        <v>6</v>
      </c>
      <c r="AI5038">
        <v>6</v>
      </c>
      <c r="AJ5038">
        <v>6</v>
      </c>
      <c r="AK5038">
        <v>6</v>
      </c>
      <c r="AL5038">
        <v>6</v>
      </c>
      <c r="AM5038">
        <v>6</v>
      </c>
      <c r="AN5038">
        <v>6</v>
      </c>
      <c r="AO5038">
        <v>6</v>
      </c>
      <c r="AP5038">
        <v>5</v>
      </c>
      <c r="AQ5038">
        <v>5</v>
      </c>
    </row>
    <row r="5039" spans="1:43">
      <c r="A5039" t="s">
        <v>3180</v>
      </c>
      <c r="B5039" t="s">
        <v>3181</v>
      </c>
      <c r="C5039" t="s">
        <v>3174</v>
      </c>
      <c r="D5039" t="s">
        <v>3175</v>
      </c>
      <c r="E5039" t="s">
        <v>2928</v>
      </c>
      <c r="F5039" t="s">
        <v>2929</v>
      </c>
      <c r="G5039" t="s">
        <v>80</v>
      </c>
      <c r="H5039" t="s">
        <v>81</v>
      </c>
      <c r="I5039" s="2">
        <v>1</v>
      </c>
      <c r="J5039" s="2">
        <v>0</v>
      </c>
      <c r="K5039" s="2">
        <v>0</v>
      </c>
      <c r="L5039" t="s">
        <v>120</v>
      </c>
      <c r="M5039" t="s">
        <v>87</v>
      </c>
      <c r="N5039" t="s">
        <v>88</v>
      </c>
      <c r="O5039" t="s">
        <v>85</v>
      </c>
      <c r="P5039" t="s">
        <v>86</v>
      </c>
      <c r="Q5039">
        <v>5</v>
      </c>
      <c r="R5039">
        <v>5</v>
      </c>
      <c r="S5039">
        <v>5</v>
      </c>
      <c r="T5039">
        <v>5</v>
      </c>
      <c r="U5039">
        <v>5</v>
      </c>
      <c r="V5039">
        <v>5</v>
      </c>
      <c r="W5039">
        <v>5</v>
      </c>
      <c r="X5039">
        <v>5</v>
      </c>
      <c r="Y5039">
        <v>5</v>
      </c>
      <c r="Z5039">
        <v>5</v>
      </c>
      <c r="AA5039">
        <v>5</v>
      </c>
      <c r="AB5039">
        <v>5</v>
      </c>
      <c r="AC5039">
        <v>5</v>
      </c>
      <c r="AD5039">
        <v>5</v>
      </c>
      <c r="AE5039">
        <v>5</v>
      </c>
      <c r="AF5039">
        <v>5</v>
      </c>
      <c r="AG5039">
        <v>5</v>
      </c>
      <c r="AH5039">
        <v>5</v>
      </c>
      <c r="AI5039">
        <v>5</v>
      </c>
      <c r="AJ5039">
        <v>5</v>
      </c>
      <c r="AK5039">
        <v>5</v>
      </c>
      <c r="AL5039">
        <v>5</v>
      </c>
      <c r="AM5039">
        <v>5</v>
      </c>
      <c r="AN5039">
        <v>5</v>
      </c>
      <c r="AO5039">
        <v>5</v>
      </c>
      <c r="AP5039">
        <v>5</v>
      </c>
      <c r="AQ5039">
        <v>5</v>
      </c>
    </row>
    <row r="5040" spans="1:43">
      <c r="A5040" t="s">
        <v>3180</v>
      </c>
      <c r="B5040" t="s">
        <v>3181</v>
      </c>
      <c r="C5040" t="s">
        <v>3174</v>
      </c>
      <c r="D5040" t="s">
        <v>3175</v>
      </c>
      <c r="E5040" t="s">
        <v>2928</v>
      </c>
      <c r="F5040" t="s">
        <v>2929</v>
      </c>
      <c r="G5040" t="s">
        <v>80</v>
      </c>
      <c r="H5040" t="s">
        <v>81</v>
      </c>
      <c r="I5040" s="2">
        <v>1</v>
      </c>
      <c r="J5040" s="2">
        <v>0</v>
      </c>
      <c r="K5040" s="2">
        <v>0</v>
      </c>
      <c r="L5040" t="s">
        <v>120</v>
      </c>
      <c r="M5040" t="s">
        <v>89</v>
      </c>
      <c r="N5040" t="s">
        <v>90</v>
      </c>
      <c r="O5040" t="s">
        <v>85</v>
      </c>
      <c r="P5040" t="s">
        <v>86</v>
      </c>
      <c r="Q5040">
        <v>5</v>
      </c>
      <c r="R5040">
        <v>5</v>
      </c>
      <c r="S5040">
        <v>5</v>
      </c>
      <c r="T5040">
        <v>5</v>
      </c>
      <c r="U5040">
        <v>5</v>
      </c>
      <c r="V5040">
        <v>6</v>
      </c>
      <c r="W5040">
        <v>6</v>
      </c>
      <c r="X5040">
        <v>6</v>
      </c>
      <c r="Y5040">
        <v>6</v>
      </c>
      <c r="Z5040">
        <v>6</v>
      </c>
      <c r="AA5040">
        <v>6</v>
      </c>
      <c r="AB5040">
        <v>6</v>
      </c>
      <c r="AC5040">
        <v>6</v>
      </c>
      <c r="AD5040">
        <v>6</v>
      </c>
      <c r="AE5040">
        <v>6</v>
      </c>
      <c r="AF5040">
        <v>6</v>
      </c>
      <c r="AG5040">
        <v>6</v>
      </c>
      <c r="AH5040">
        <v>6</v>
      </c>
      <c r="AI5040">
        <v>6</v>
      </c>
      <c r="AJ5040">
        <v>6</v>
      </c>
      <c r="AK5040">
        <v>6</v>
      </c>
      <c r="AL5040">
        <v>6</v>
      </c>
      <c r="AM5040">
        <v>6</v>
      </c>
      <c r="AN5040">
        <v>6</v>
      </c>
      <c r="AO5040">
        <v>6</v>
      </c>
      <c r="AP5040">
        <v>6</v>
      </c>
      <c r="AQ5040">
        <v>6</v>
      </c>
    </row>
    <row r="5041" spans="1:43">
      <c r="A5041" t="s">
        <v>3180</v>
      </c>
      <c r="B5041" t="s">
        <v>3181</v>
      </c>
      <c r="C5041" t="s">
        <v>3174</v>
      </c>
      <c r="D5041" t="s">
        <v>3175</v>
      </c>
      <c r="E5041" t="s">
        <v>2928</v>
      </c>
      <c r="F5041" t="s">
        <v>2929</v>
      </c>
      <c r="G5041" t="s">
        <v>80</v>
      </c>
      <c r="H5041" t="s">
        <v>81</v>
      </c>
      <c r="I5041" s="2">
        <v>1</v>
      </c>
      <c r="J5041" s="2">
        <v>0</v>
      </c>
      <c r="K5041" s="2">
        <v>0</v>
      </c>
      <c r="L5041" t="s">
        <v>120</v>
      </c>
      <c r="M5041" t="s">
        <v>83</v>
      </c>
      <c r="N5041" t="s">
        <v>91</v>
      </c>
      <c r="O5041" t="s">
        <v>85</v>
      </c>
      <c r="P5041" t="s">
        <v>86</v>
      </c>
      <c r="Q5041">
        <v>5</v>
      </c>
      <c r="R5041">
        <v>5</v>
      </c>
      <c r="S5041">
        <v>5</v>
      </c>
      <c r="T5041">
        <v>5</v>
      </c>
      <c r="U5041">
        <v>5</v>
      </c>
      <c r="V5041">
        <v>5</v>
      </c>
      <c r="W5041">
        <v>5</v>
      </c>
      <c r="X5041">
        <v>5</v>
      </c>
      <c r="Y5041">
        <v>5</v>
      </c>
      <c r="Z5041">
        <v>5</v>
      </c>
      <c r="AA5041">
        <v>5</v>
      </c>
      <c r="AB5041">
        <v>5</v>
      </c>
      <c r="AC5041">
        <v>5</v>
      </c>
      <c r="AD5041">
        <v>5</v>
      </c>
      <c r="AE5041">
        <v>5</v>
      </c>
      <c r="AF5041">
        <v>6</v>
      </c>
      <c r="AG5041">
        <v>6</v>
      </c>
      <c r="AH5041">
        <v>6</v>
      </c>
      <c r="AI5041">
        <v>6</v>
      </c>
      <c r="AJ5041">
        <v>6</v>
      </c>
      <c r="AK5041">
        <v>6</v>
      </c>
      <c r="AL5041">
        <v>6</v>
      </c>
      <c r="AM5041">
        <v>6</v>
      </c>
      <c r="AN5041">
        <v>6</v>
      </c>
      <c r="AO5041">
        <v>6</v>
      </c>
      <c r="AP5041">
        <v>5</v>
      </c>
      <c r="AQ5041">
        <v>5</v>
      </c>
    </row>
    <row r="5042" spans="1:43">
      <c r="A5042" t="s">
        <v>3182</v>
      </c>
      <c r="B5042" t="s">
        <v>3183</v>
      </c>
      <c r="C5042" t="s">
        <v>3164</v>
      </c>
      <c r="D5042" t="s">
        <v>3165</v>
      </c>
      <c r="E5042" t="s">
        <v>2928</v>
      </c>
      <c r="F5042" t="s">
        <v>2929</v>
      </c>
      <c r="G5042" t="s">
        <v>80</v>
      </c>
      <c r="H5042" t="s">
        <v>81</v>
      </c>
      <c r="I5042" s="2">
        <v>1</v>
      </c>
      <c r="J5042" s="2">
        <v>0</v>
      </c>
      <c r="K5042" s="2">
        <v>0</v>
      </c>
      <c r="L5042" t="s">
        <v>120</v>
      </c>
      <c r="M5042" t="s">
        <v>83</v>
      </c>
      <c r="N5042" t="s">
        <v>84</v>
      </c>
      <c r="O5042" t="s">
        <v>85</v>
      </c>
      <c r="P5042" t="s">
        <v>86</v>
      </c>
      <c r="Q5042">
        <v>9</v>
      </c>
      <c r="R5042">
        <v>9</v>
      </c>
      <c r="S5042">
        <v>9</v>
      </c>
      <c r="T5042">
        <v>10</v>
      </c>
      <c r="U5042">
        <v>10</v>
      </c>
      <c r="V5042">
        <v>10</v>
      </c>
      <c r="W5042">
        <v>10</v>
      </c>
      <c r="X5042">
        <v>10</v>
      </c>
      <c r="Y5042">
        <v>10</v>
      </c>
      <c r="Z5042">
        <v>10</v>
      </c>
      <c r="AA5042">
        <v>10</v>
      </c>
      <c r="AB5042">
        <v>10</v>
      </c>
      <c r="AC5042">
        <v>10</v>
      </c>
      <c r="AD5042">
        <v>10</v>
      </c>
      <c r="AE5042">
        <v>10</v>
      </c>
      <c r="AF5042">
        <v>10</v>
      </c>
      <c r="AG5042">
        <v>10</v>
      </c>
      <c r="AH5042">
        <v>10</v>
      </c>
      <c r="AI5042">
        <v>10</v>
      </c>
      <c r="AJ5042">
        <v>10</v>
      </c>
      <c r="AK5042">
        <v>10</v>
      </c>
      <c r="AL5042">
        <v>10</v>
      </c>
      <c r="AM5042">
        <v>10</v>
      </c>
      <c r="AN5042">
        <v>10</v>
      </c>
      <c r="AO5042">
        <v>10</v>
      </c>
      <c r="AP5042">
        <v>10</v>
      </c>
      <c r="AQ5042">
        <v>10</v>
      </c>
    </row>
    <row r="5043" spans="1:43">
      <c r="A5043" t="s">
        <v>3182</v>
      </c>
      <c r="B5043" t="s">
        <v>3183</v>
      </c>
      <c r="C5043" t="s">
        <v>3164</v>
      </c>
      <c r="D5043" t="s">
        <v>3165</v>
      </c>
      <c r="E5043" t="s">
        <v>2928</v>
      </c>
      <c r="F5043" t="s">
        <v>2929</v>
      </c>
      <c r="G5043" t="s">
        <v>80</v>
      </c>
      <c r="H5043" t="s">
        <v>81</v>
      </c>
      <c r="I5043" s="2">
        <v>1</v>
      </c>
      <c r="J5043" s="2">
        <v>0</v>
      </c>
      <c r="K5043" s="2">
        <v>0</v>
      </c>
      <c r="L5043" t="s">
        <v>120</v>
      </c>
      <c r="M5043" t="s">
        <v>87</v>
      </c>
      <c r="N5043" t="s">
        <v>88</v>
      </c>
      <c r="O5043" t="s">
        <v>85</v>
      </c>
      <c r="P5043" t="s">
        <v>86</v>
      </c>
      <c r="Q5043">
        <v>9</v>
      </c>
      <c r="R5043">
        <v>9</v>
      </c>
      <c r="S5043">
        <v>9</v>
      </c>
      <c r="T5043">
        <v>9</v>
      </c>
      <c r="U5043">
        <v>9</v>
      </c>
      <c r="V5043">
        <v>9</v>
      </c>
      <c r="W5043">
        <v>9</v>
      </c>
      <c r="X5043">
        <v>9</v>
      </c>
      <c r="Y5043">
        <v>9</v>
      </c>
      <c r="Z5043">
        <v>9</v>
      </c>
      <c r="AA5043">
        <v>9</v>
      </c>
      <c r="AB5043">
        <v>9</v>
      </c>
      <c r="AC5043">
        <v>9</v>
      </c>
      <c r="AD5043">
        <v>9</v>
      </c>
      <c r="AE5043">
        <v>9</v>
      </c>
      <c r="AF5043">
        <v>9</v>
      </c>
      <c r="AG5043">
        <v>9</v>
      </c>
      <c r="AH5043">
        <v>9</v>
      </c>
      <c r="AI5043">
        <v>9</v>
      </c>
      <c r="AJ5043">
        <v>9</v>
      </c>
      <c r="AK5043">
        <v>9</v>
      </c>
      <c r="AL5043">
        <v>8</v>
      </c>
      <c r="AM5043">
        <v>8</v>
      </c>
      <c r="AN5043">
        <v>8</v>
      </c>
      <c r="AO5043">
        <v>8</v>
      </c>
      <c r="AP5043">
        <v>8</v>
      </c>
      <c r="AQ5043">
        <v>8</v>
      </c>
    </row>
    <row r="5044" spans="1:43">
      <c r="A5044" t="s">
        <v>3182</v>
      </c>
      <c r="B5044" t="s">
        <v>3183</v>
      </c>
      <c r="C5044" t="s">
        <v>3164</v>
      </c>
      <c r="D5044" t="s">
        <v>3165</v>
      </c>
      <c r="E5044" t="s">
        <v>2928</v>
      </c>
      <c r="F5044" t="s">
        <v>2929</v>
      </c>
      <c r="G5044" t="s">
        <v>80</v>
      </c>
      <c r="H5044" t="s">
        <v>81</v>
      </c>
      <c r="I5044" s="2">
        <v>1</v>
      </c>
      <c r="J5044" s="2">
        <v>0</v>
      </c>
      <c r="K5044" s="2">
        <v>0</v>
      </c>
      <c r="L5044" t="s">
        <v>120</v>
      </c>
      <c r="M5044" t="s">
        <v>89</v>
      </c>
      <c r="N5044" t="s">
        <v>90</v>
      </c>
      <c r="O5044" t="s">
        <v>85</v>
      </c>
      <c r="P5044" t="s">
        <v>86</v>
      </c>
      <c r="Q5044">
        <v>9</v>
      </c>
      <c r="R5044">
        <v>10</v>
      </c>
      <c r="S5044">
        <v>10</v>
      </c>
      <c r="T5044">
        <v>10</v>
      </c>
      <c r="U5044">
        <v>10</v>
      </c>
      <c r="V5044">
        <v>10</v>
      </c>
      <c r="W5044">
        <v>10</v>
      </c>
      <c r="X5044">
        <v>10</v>
      </c>
      <c r="Y5044">
        <v>10</v>
      </c>
      <c r="Z5044">
        <v>10</v>
      </c>
      <c r="AA5044">
        <v>10</v>
      </c>
      <c r="AB5044">
        <v>10</v>
      </c>
      <c r="AC5044">
        <v>10</v>
      </c>
      <c r="AD5044">
        <v>11</v>
      </c>
      <c r="AE5044">
        <v>11</v>
      </c>
      <c r="AF5044">
        <v>10</v>
      </c>
      <c r="AG5044">
        <v>10</v>
      </c>
      <c r="AH5044">
        <v>10</v>
      </c>
      <c r="AI5044">
        <v>10</v>
      </c>
      <c r="AJ5044">
        <v>10</v>
      </c>
      <c r="AK5044">
        <v>10</v>
      </c>
      <c r="AL5044">
        <v>10</v>
      </c>
      <c r="AM5044">
        <v>10</v>
      </c>
      <c r="AN5044">
        <v>10</v>
      </c>
      <c r="AO5044">
        <v>10</v>
      </c>
      <c r="AP5044">
        <v>10</v>
      </c>
      <c r="AQ5044">
        <v>10</v>
      </c>
    </row>
    <row r="5045" spans="1:43">
      <c r="A5045" t="s">
        <v>3182</v>
      </c>
      <c r="B5045" t="s">
        <v>3183</v>
      </c>
      <c r="C5045" t="s">
        <v>3164</v>
      </c>
      <c r="D5045" t="s">
        <v>3165</v>
      </c>
      <c r="E5045" t="s">
        <v>2928</v>
      </c>
      <c r="F5045" t="s">
        <v>2929</v>
      </c>
      <c r="G5045" t="s">
        <v>80</v>
      </c>
      <c r="H5045" t="s">
        <v>81</v>
      </c>
      <c r="I5045" s="2">
        <v>1</v>
      </c>
      <c r="J5045" s="2">
        <v>0</v>
      </c>
      <c r="K5045" s="2">
        <v>0</v>
      </c>
      <c r="L5045" t="s">
        <v>120</v>
      </c>
      <c r="M5045" t="s">
        <v>83</v>
      </c>
      <c r="N5045" t="s">
        <v>91</v>
      </c>
      <c r="O5045" t="s">
        <v>85</v>
      </c>
      <c r="P5045" t="s">
        <v>86</v>
      </c>
      <c r="Q5045">
        <v>9</v>
      </c>
      <c r="R5045">
        <v>9</v>
      </c>
      <c r="S5045">
        <v>9</v>
      </c>
      <c r="T5045">
        <v>10</v>
      </c>
      <c r="U5045">
        <v>10</v>
      </c>
      <c r="V5045">
        <v>10</v>
      </c>
      <c r="W5045">
        <v>10</v>
      </c>
      <c r="X5045">
        <v>10</v>
      </c>
      <c r="Y5045">
        <v>10</v>
      </c>
      <c r="Z5045">
        <v>10</v>
      </c>
      <c r="AA5045">
        <v>10</v>
      </c>
      <c r="AB5045">
        <v>10</v>
      </c>
      <c r="AC5045">
        <v>10</v>
      </c>
      <c r="AD5045">
        <v>10</v>
      </c>
      <c r="AE5045">
        <v>10</v>
      </c>
      <c r="AF5045">
        <v>10</v>
      </c>
      <c r="AG5045">
        <v>10</v>
      </c>
      <c r="AH5045">
        <v>10</v>
      </c>
      <c r="AI5045">
        <v>10</v>
      </c>
      <c r="AJ5045">
        <v>10</v>
      </c>
      <c r="AK5045">
        <v>10</v>
      </c>
      <c r="AL5045">
        <v>10</v>
      </c>
      <c r="AM5045">
        <v>10</v>
      </c>
      <c r="AN5045">
        <v>10</v>
      </c>
      <c r="AO5045">
        <v>10</v>
      </c>
      <c r="AP5045">
        <v>10</v>
      </c>
      <c r="AQ5045">
        <v>10</v>
      </c>
    </row>
    <row r="5046" spans="1:43">
      <c r="A5046" t="s">
        <v>3184</v>
      </c>
      <c r="B5046" t="s">
        <v>3185</v>
      </c>
      <c r="C5046" t="s">
        <v>3116</v>
      </c>
      <c r="D5046" t="s">
        <v>3117</v>
      </c>
      <c r="E5046" t="s">
        <v>2928</v>
      </c>
      <c r="F5046" t="s">
        <v>2929</v>
      </c>
      <c r="G5046" t="s">
        <v>80</v>
      </c>
      <c r="H5046" t="s">
        <v>81</v>
      </c>
      <c r="I5046" s="2">
        <v>1</v>
      </c>
      <c r="J5046" s="2">
        <v>0</v>
      </c>
      <c r="K5046" s="2">
        <v>0</v>
      </c>
      <c r="L5046" t="s">
        <v>120</v>
      </c>
      <c r="M5046" t="s">
        <v>83</v>
      </c>
      <c r="N5046" t="s">
        <v>84</v>
      </c>
      <c r="O5046" t="s">
        <v>85</v>
      </c>
      <c r="P5046" t="s">
        <v>86</v>
      </c>
      <c r="Q5046">
        <v>14</v>
      </c>
      <c r="R5046">
        <v>14</v>
      </c>
      <c r="S5046">
        <v>14</v>
      </c>
      <c r="T5046">
        <v>14</v>
      </c>
      <c r="U5046">
        <v>14</v>
      </c>
      <c r="V5046">
        <v>14</v>
      </c>
      <c r="W5046">
        <v>14</v>
      </c>
      <c r="X5046">
        <v>14</v>
      </c>
      <c r="Y5046">
        <v>14</v>
      </c>
      <c r="Z5046">
        <v>14</v>
      </c>
      <c r="AA5046">
        <v>15</v>
      </c>
      <c r="AB5046">
        <v>15</v>
      </c>
      <c r="AC5046">
        <v>15</v>
      </c>
      <c r="AD5046">
        <v>15</v>
      </c>
      <c r="AE5046">
        <v>15</v>
      </c>
      <c r="AF5046">
        <v>15</v>
      </c>
      <c r="AG5046">
        <v>15</v>
      </c>
      <c r="AH5046">
        <v>15</v>
      </c>
      <c r="AI5046">
        <v>15</v>
      </c>
      <c r="AJ5046">
        <v>15</v>
      </c>
      <c r="AK5046">
        <v>15</v>
      </c>
      <c r="AL5046">
        <v>15</v>
      </c>
      <c r="AM5046">
        <v>15</v>
      </c>
      <c r="AN5046">
        <v>15</v>
      </c>
      <c r="AO5046">
        <v>15</v>
      </c>
      <c r="AP5046">
        <v>15</v>
      </c>
      <c r="AQ5046">
        <v>14</v>
      </c>
    </row>
    <row r="5047" spans="1:43">
      <c r="A5047" t="s">
        <v>3184</v>
      </c>
      <c r="B5047" t="s">
        <v>3185</v>
      </c>
      <c r="C5047" t="s">
        <v>3116</v>
      </c>
      <c r="D5047" t="s">
        <v>3117</v>
      </c>
      <c r="E5047" t="s">
        <v>2928</v>
      </c>
      <c r="F5047" t="s">
        <v>2929</v>
      </c>
      <c r="G5047" t="s">
        <v>80</v>
      </c>
      <c r="H5047" t="s">
        <v>81</v>
      </c>
      <c r="I5047" s="2">
        <v>1</v>
      </c>
      <c r="J5047" s="2">
        <v>0</v>
      </c>
      <c r="K5047" s="2">
        <v>0</v>
      </c>
      <c r="L5047" t="s">
        <v>120</v>
      </c>
      <c r="M5047" t="s">
        <v>87</v>
      </c>
      <c r="N5047" t="s">
        <v>88</v>
      </c>
      <c r="O5047" t="s">
        <v>85</v>
      </c>
      <c r="P5047" t="s">
        <v>86</v>
      </c>
      <c r="Q5047">
        <v>14</v>
      </c>
      <c r="R5047">
        <v>14</v>
      </c>
      <c r="S5047">
        <v>14</v>
      </c>
      <c r="T5047">
        <v>14</v>
      </c>
      <c r="U5047">
        <v>14</v>
      </c>
      <c r="V5047">
        <v>13</v>
      </c>
      <c r="W5047">
        <v>13</v>
      </c>
      <c r="X5047">
        <v>13</v>
      </c>
      <c r="Y5047">
        <v>13</v>
      </c>
      <c r="Z5047">
        <v>13</v>
      </c>
      <c r="AA5047">
        <v>13</v>
      </c>
      <c r="AB5047">
        <v>13</v>
      </c>
      <c r="AC5047">
        <v>13</v>
      </c>
      <c r="AD5047">
        <v>13</v>
      </c>
      <c r="AE5047">
        <v>13</v>
      </c>
      <c r="AF5047">
        <v>13</v>
      </c>
      <c r="AG5047">
        <v>13</v>
      </c>
      <c r="AH5047">
        <v>13</v>
      </c>
      <c r="AI5047">
        <v>13</v>
      </c>
      <c r="AJ5047">
        <v>13</v>
      </c>
      <c r="AK5047">
        <v>13</v>
      </c>
      <c r="AL5047">
        <v>13</v>
      </c>
      <c r="AM5047">
        <v>13</v>
      </c>
      <c r="AN5047">
        <v>13</v>
      </c>
      <c r="AO5047">
        <v>13</v>
      </c>
      <c r="AP5047">
        <v>13</v>
      </c>
      <c r="AQ5047">
        <v>13</v>
      </c>
    </row>
    <row r="5048" spans="1:43">
      <c r="A5048" t="s">
        <v>3184</v>
      </c>
      <c r="B5048" t="s">
        <v>3185</v>
      </c>
      <c r="C5048" t="s">
        <v>3116</v>
      </c>
      <c r="D5048" t="s">
        <v>3117</v>
      </c>
      <c r="E5048" t="s">
        <v>2928</v>
      </c>
      <c r="F5048" t="s">
        <v>2929</v>
      </c>
      <c r="G5048" t="s">
        <v>80</v>
      </c>
      <c r="H5048" t="s">
        <v>81</v>
      </c>
      <c r="I5048" s="2">
        <v>1</v>
      </c>
      <c r="J5048" s="2">
        <v>0</v>
      </c>
      <c r="K5048" s="2">
        <v>0</v>
      </c>
      <c r="L5048" t="s">
        <v>120</v>
      </c>
      <c r="M5048" t="s">
        <v>89</v>
      </c>
      <c r="N5048" t="s">
        <v>90</v>
      </c>
      <c r="O5048" t="s">
        <v>85</v>
      </c>
      <c r="P5048" t="s">
        <v>86</v>
      </c>
      <c r="Q5048">
        <v>14</v>
      </c>
      <c r="R5048">
        <v>14</v>
      </c>
      <c r="S5048">
        <v>14</v>
      </c>
      <c r="T5048">
        <v>15</v>
      </c>
      <c r="U5048">
        <v>15</v>
      </c>
      <c r="V5048">
        <v>15</v>
      </c>
      <c r="W5048">
        <v>15</v>
      </c>
      <c r="X5048">
        <v>15</v>
      </c>
      <c r="Y5048">
        <v>15</v>
      </c>
      <c r="Z5048">
        <v>15</v>
      </c>
      <c r="AA5048">
        <v>15</v>
      </c>
      <c r="AB5048">
        <v>15</v>
      </c>
      <c r="AC5048">
        <v>16</v>
      </c>
      <c r="AD5048">
        <v>16</v>
      </c>
      <c r="AE5048">
        <v>16</v>
      </c>
      <c r="AF5048">
        <v>16</v>
      </c>
      <c r="AG5048">
        <v>16</v>
      </c>
      <c r="AH5048">
        <v>15</v>
      </c>
      <c r="AI5048">
        <v>15</v>
      </c>
      <c r="AJ5048">
        <v>15</v>
      </c>
      <c r="AK5048">
        <v>15</v>
      </c>
      <c r="AL5048">
        <v>15</v>
      </c>
      <c r="AM5048">
        <v>15</v>
      </c>
      <c r="AN5048">
        <v>15</v>
      </c>
      <c r="AO5048">
        <v>15</v>
      </c>
      <c r="AP5048">
        <v>15</v>
      </c>
      <c r="AQ5048">
        <v>15</v>
      </c>
    </row>
    <row r="5049" spans="1:43">
      <c r="A5049" t="s">
        <v>3184</v>
      </c>
      <c r="B5049" t="s">
        <v>3185</v>
      </c>
      <c r="C5049" t="s">
        <v>3116</v>
      </c>
      <c r="D5049" t="s">
        <v>3117</v>
      </c>
      <c r="E5049" t="s">
        <v>2928</v>
      </c>
      <c r="F5049" t="s">
        <v>2929</v>
      </c>
      <c r="G5049" t="s">
        <v>80</v>
      </c>
      <c r="H5049" t="s">
        <v>81</v>
      </c>
      <c r="I5049" s="2">
        <v>1</v>
      </c>
      <c r="J5049" s="2">
        <v>0</v>
      </c>
      <c r="K5049" s="2">
        <v>0</v>
      </c>
      <c r="L5049" t="s">
        <v>120</v>
      </c>
      <c r="M5049" t="s">
        <v>83</v>
      </c>
      <c r="N5049" t="s">
        <v>91</v>
      </c>
      <c r="O5049" t="s">
        <v>85</v>
      </c>
      <c r="P5049" t="s">
        <v>86</v>
      </c>
      <c r="Q5049">
        <v>14</v>
      </c>
      <c r="R5049">
        <v>14</v>
      </c>
      <c r="S5049">
        <v>14</v>
      </c>
      <c r="T5049">
        <v>14</v>
      </c>
      <c r="U5049">
        <v>14</v>
      </c>
      <c r="V5049">
        <v>14</v>
      </c>
      <c r="W5049">
        <v>14</v>
      </c>
      <c r="X5049">
        <v>14</v>
      </c>
      <c r="Y5049">
        <v>14</v>
      </c>
      <c r="Z5049">
        <v>14</v>
      </c>
      <c r="AA5049">
        <v>15</v>
      </c>
      <c r="AB5049">
        <v>15</v>
      </c>
      <c r="AC5049">
        <v>15</v>
      </c>
      <c r="AD5049">
        <v>15</v>
      </c>
      <c r="AE5049">
        <v>15</v>
      </c>
      <c r="AF5049">
        <v>15</v>
      </c>
      <c r="AG5049">
        <v>15</v>
      </c>
      <c r="AH5049">
        <v>15</v>
      </c>
      <c r="AI5049">
        <v>15</v>
      </c>
      <c r="AJ5049">
        <v>15</v>
      </c>
      <c r="AK5049">
        <v>15</v>
      </c>
      <c r="AL5049">
        <v>15</v>
      </c>
      <c r="AM5049">
        <v>15</v>
      </c>
      <c r="AN5049">
        <v>15</v>
      </c>
      <c r="AO5049">
        <v>15</v>
      </c>
      <c r="AP5049">
        <v>15</v>
      </c>
      <c r="AQ5049">
        <v>14</v>
      </c>
    </row>
    <row r="5050" spans="1:43">
      <c r="A5050" t="s">
        <v>3186</v>
      </c>
      <c r="B5050" t="s">
        <v>3187</v>
      </c>
      <c r="C5050" t="s">
        <v>3164</v>
      </c>
      <c r="D5050" t="s">
        <v>3165</v>
      </c>
      <c r="E5050" t="s">
        <v>2928</v>
      </c>
      <c r="F5050" t="s">
        <v>2929</v>
      </c>
      <c r="G5050" t="s">
        <v>80</v>
      </c>
      <c r="H5050" t="s">
        <v>81</v>
      </c>
      <c r="I5050" s="2">
        <v>1</v>
      </c>
      <c r="J5050" s="2">
        <v>0</v>
      </c>
      <c r="K5050" s="2">
        <v>0</v>
      </c>
      <c r="L5050" t="s">
        <v>120</v>
      </c>
      <c r="M5050" t="s">
        <v>83</v>
      </c>
      <c r="N5050" t="s">
        <v>84</v>
      </c>
      <c r="O5050" t="s">
        <v>85</v>
      </c>
      <c r="P5050" t="s">
        <v>86</v>
      </c>
      <c r="Q5050">
        <v>14</v>
      </c>
      <c r="R5050">
        <v>14</v>
      </c>
      <c r="S5050">
        <v>14</v>
      </c>
      <c r="T5050">
        <v>14</v>
      </c>
      <c r="U5050">
        <v>14</v>
      </c>
      <c r="V5050">
        <v>14</v>
      </c>
      <c r="W5050">
        <v>14</v>
      </c>
      <c r="X5050">
        <v>14</v>
      </c>
      <c r="Y5050">
        <v>14</v>
      </c>
      <c r="Z5050">
        <v>14</v>
      </c>
      <c r="AA5050">
        <v>14</v>
      </c>
      <c r="AB5050">
        <v>14</v>
      </c>
      <c r="AC5050">
        <v>14</v>
      </c>
      <c r="AD5050">
        <v>15</v>
      </c>
      <c r="AE5050">
        <v>15</v>
      </c>
      <c r="AF5050">
        <v>15</v>
      </c>
      <c r="AG5050">
        <v>15</v>
      </c>
      <c r="AH5050">
        <v>15</v>
      </c>
      <c r="AI5050">
        <v>15</v>
      </c>
      <c r="AJ5050">
        <v>15</v>
      </c>
      <c r="AK5050">
        <v>15</v>
      </c>
      <c r="AL5050">
        <v>15</v>
      </c>
      <c r="AM5050">
        <v>15</v>
      </c>
      <c r="AN5050">
        <v>14</v>
      </c>
      <c r="AO5050">
        <v>14</v>
      </c>
      <c r="AP5050">
        <v>14</v>
      </c>
      <c r="AQ5050">
        <v>14</v>
      </c>
    </row>
    <row r="5051" spans="1:43">
      <c r="A5051" t="s">
        <v>3186</v>
      </c>
      <c r="B5051" t="s">
        <v>3187</v>
      </c>
      <c r="C5051" t="s">
        <v>3164</v>
      </c>
      <c r="D5051" t="s">
        <v>3165</v>
      </c>
      <c r="E5051" t="s">
        <v>2928</v>
      </c>
      <c r="F5051" t="s">
        <v>2929</v>
      </c>
      <c r="G5051" t="s">
        <v>80</v>
      </c>
      <c r="H5051" t="s">
        <v>81</v>
      </c>
      <c r="I5051" s="2">
        <v>1</v>
      </c>
      <c r="J5051" s="2">
        <v>0</v>
      </c>
      <c r="K5051" s="2">
        <v>0</v>
      </c>
      <c r="L5051" t="s">
        <v>120</v>
      </c>
      <c r="M5051" t="s">
        <v>87</v>
      </c>
      <c r="N5051" t="s">
        <v>88</v>
      </c>
      <c r="O5051" t="s">
        <v>85</v>
      </c>
      <c r="P5051" t="s">
        <v>86</v>
      </c>
      <c r="Q5051">
        <v>14</v>
      </c>
      <c r="R5051">
        <v>14</v>
      </c>
      <c r="S5051">
        <v>14</v>
      </c>
      <c r="T5051">
        <v>14</v>
      </c>
      <c r="U5051">
        <v>13</v>
      </c>
      <c r="V5051">
        <v>13</v>
      </c>
      <c r="W5051">
        <v>13</v>
      </c>
      <c r="X5051">
        <v>13</v>
      </c>
      <c r="Y5051">
        <v>13</v>
      </c>
      <c r="Z5051">
        <v>13</v>
      </c>
      <c r="AA5051">
        <v>13</v>
      </c>
      <c r="AB5051">
        <v>13</v>
      </c>
      <c r="AC5051">
        <v>13</v>
      </c>
      <c r="AD5051">
        <v>13</v>
      </c>
      <c r="AE5051">
        <v>13</v>
      </c>
      <c r="AF5051">
        <v>13</v>
      </c>
      <c r="AG5051">
        <v>13</v>
      </c>
      <c r="AH5051">
        <v>13</v>
      </c>
      <c r="AI5051">
        <v>13</v>
      </c>
      <c r="AJ5051">
        <v>13</v>
      </c>
      <c r="AK5051">
        <v>13</v>
      </c>
      <c r="AL5051">
        <v>13</v>
      </c>
      <c r="AM5051">
        <v>12</v>
      </c>
      <c r="AN5051">
        <v>12</v>
      </c>
      <c r="AO5051">
        <v>12</v>
      </c>
      <c r="AP5051">
        <v>12</v>
      </c>
      <c r="AQ5051">
        <v>12</v>
      </c>
    </row>
    <row r="5052" spans="1:43">
      <c r="A5052" t="s">
        <v>3186</v>
      </c>
      <c r="B5052" t="s">
        <v>3187</v>
      </c>
      <c r="C5052" t="s">
        <v>3164</v>
      </c>
      <c r="D5052" t="s">
        <v>3165</v>
      </c>
      <c r="E5052" t="s">
        <v>2928</v>
      </c>
      <c r="F5052" t="s">
        <v>2929</v>
      </c>
      <c r="G5052" t="s">
        <v>80</v>
      </c>
      <c r="H5052" t="s">
        <v>81</v>
      </c>
      <c r="I5052" s="2">
        <v>1</v>
      </c>
      <c r="J5052" s="2">
        <v>0</v>
      </c>
      <c r="K5052" s="2">
        <v>0</v>
      </c>
      <c r="L5052" t="s">
        <v>120</v>
      </c>
      <c r="M5052" t="s">
        <v>89</v>
      </c>
      <c r="N5052" t="s">
        <v>90</v>
      </c>
      <c r="O5052" t="s">
        <v>85</v>
      </c>
      <c r="P5052" t="s">
        <v>86</v>
      </c>
      <c r="Q5052">
        <v>14</v>
      </c>
      <c r="R5052">
        <v>14</v>
      </c>
      <c r="S5052">
        <v>14</v>
      </c>
      <c r="T5052">
        <v>15</v>
      </c>
      <c r="U5052">
        <v>15</v>
      </c>
      <c r="V5052">
        <v>15</v>
      </c>
      <c r="W5052">
        <v>15</v>
      </c>
      <c r="X5052">
        <v>15</v>
      </c>
      <c r="Y5052">
        <v>15</v>
      </c>
      <c r="Z5052">
        <v>15</v>
      </c>
      <c r="AA5052">
        <v>15</v>
      </c>
      <c r="AB5052">
        <v>15</v>
      </c>
      <c r="AC5052">
        <v>16</v>
      </c>
      <c r="AD5052">
        <v>16</v>
      </c>
      <c r="AE5052">
        <v>16</v>
      </c>
      <c r="AF5052">
        <v>15</v>
      </c>
      <c r="AG5052">
        <v>15</v>
      </c>
      <c r="AH5052">
        <v>15</v>
      </c>
      <c r="AI5052">
        <v>15</v>
      </c>
      <c r="AJ5052">
        <v>15</v>
      </c>
      <c r="AK5052">
        <v>15</v>
      </c>
      <c r="AL5052">
        <v>15</v>
      </c>
      <c r="AM5052">
        <v>15</v>
      </c>
      <c r="AN5052">
        <v>15</v>
      </c>
      <c r="AO5052">
        <v>15</v>
      </c>
      <c r="AP5052">
        <v>14</v>
      </c>
      <c r="AQ5052">
        <v>14</v>
      </c>
    </row>
    <row r="5053" spans="1:43">
      <c r="A5053" t="s">
        <v>3186</v>
      </c>
      <c r="B5053" t="s">
        <v>3187</v>
      </c>
      <c r="C5053" t="s">
        <v>3164</v>
      </c>
      <c r="D5053" t="s">
        <v>3165</v>
      </c>
      <c r="E5053" t="s">
        <v>2928</v>
      </c>
      <c r="F5053" t="s">
        <v>2929</v>
      </c>
      <c r="G5053" t="s">
        <v>80</v>
      </c>
      <c r="H5053" t="s">
        <v>81</v>
      </c>
      <c r="I5053" s="2">
        <v>1</v>
      </c>
      <c r="J5053" s="2">
        <v>0</v>
      </c>
      <c r="K5053" s="2">
        <v>0</v>
      </c>
      <c r="L5053" t="s">
        <v>120</v>
      </c>
      <c r="M5053" t="s">
        <v>83</v>
      </c>
      <c r="N5053" t="s">
        <v>91</v>
      </c>
      <c r="O5053" t="s">
        <v>85</v>
      </c>
      <c r="P5053" t="s">
        <v>86</v>
      </c>
      <c r="Q5053">
        <v>14</v>
      </c>
      <c r="R5053">
        <v>14</v>
      </c>
      <c r="S5053">
        <v>14</v>
      </c>
      <c r="T5053">
        <v>14</v>
      </c>
      <c r="U5053">
        <v>14</v>
      </c>
      <c r="V5053">
        <v>14</v>
      </c>
      <c r="W5053">
        <v>14</v>
      </c>
      <c r="X5053">
        <v>14</v>
      </c>
      <c r="Y5053">
        <v>14</v>
      </c>
      <c r="Z5053">
        <v>14</v>
      </c>
      <c r="AA5053">
        <v>14</v>
      </c>
      <c r="AB5053">
        <v>14</v>
      </c>
      <c r="AC5053">
        <v>14</v>
      </c>
      <c r="AD5053">
        <v>15</v>
      </c>
      <c r="AE5053">
        <v>15</v>
      </c>
      <c r="AF5053">
        <v>15</v>
      </c>
      <c r="AG5053">
        <v>15</v>
      </c>
      <c r="AH5053">
        <v>15</v>
      </c>
      <c r="AI5053">
        <v>15</v>
      </c>
      <c r="AJ5053">
        <v>15</v>
      </c>
      <c r="AK5053">
        <v>15</v>
      </c>
      <c r="AL5053">
        <v>15</v>
      </c>
      <c r="AM5053">
        <v>15</v>
      </c>
      <c r="AN5053">
        <v>14</v>
      </c>
      <c r="AO5053">
        <v>14</v>
      </c>
      <c r="AP5053">
        <v>14</v>
      </c>
      <c r="AQ5053">
        <v>14</v>
      </c>
    </row>
    <row r="5054" spans="1:43">
      <c r="A5054" t="s">
        <v>3188</v>
      </c>
      <c r="B5054" t="s">
        <v>3189</v>
      </c>
      <c r="C5054" t="s">
        <v>3164</v>
      </c>
      <c r="D5054" t="s">
        <v>3165</v>
      </c>
      <c r="E5054" t="s">
        <v>2928</v>
      </c>
      <c r="F5054" t="s">
        <v>2929</v>
      </c>
      <c r="G5054" t="s">
        <v>80</v>
      </c>
      <c r="H5054" t="s">
        <v>81</v>
      </c>
      <c r="I5054" s="2">
        <v>1</v>
      </c>
      <c r="J5054" s="2">
        <v>0</v>
      </c>
      <c r="K5054" s="2">
        <v>0</v>
      </c>
      <c r="L5054" t="s">
        <v>120</v>
      </c>
      <c r="M5054" t="s">
        <v>83</v>
      </c>
      <c r="N5054" t="s">
        <v>84</v>
      </c>
      <c r="O5054" t="s">
        <v>85</v>
      </c>
      <c r="P5054" t="s">
        <v>86</v>
      </c>
      <c r="Q5054">
        <v>29</v>
      </c>
      <c r="R5054">
        <v>30</v>
      </c>
      <c r="S5054">
        <v>30</v>
      </c>
      <c r="T5054">
        <v>30</v>
      </c>
      <c r="U5054">
        <v>30</v>
      </c>
      <c r="V5054">
        <v>30</v>
      </c>
      <c r="W5054">
        <v>30</v>
      </c>
      <c r="X5054">
        <v>30</v>
      </c>
      <c r="Y5054">
        <v>31</v>
      </c>
      <c r="Z5054">
        <v>31</v>
      </c>
      <c r="AA5054">
        <v>31</v>
      </c>
      <c r="AB5054">
        <v>31</v>
      </c>
      <c r="AC5054">
        <v>31</v>
      </c>
      <c r="AD5054">
        <v>31</v>
      </c>
      <c r="AE5054">
        <v>31</v>
      </c>
      <c r="AF5054">
        <v>31</v>
      </c>
      <c r="AG5054">
        <v>31</v>
      </c>
      <c r="AH5054">
        <v>31</v>
      </c>
      <c r="AI5054">
        <v>31</v>
      </c>
      <c r="AJ5054">
        <v>32</v>
      </c>
      <c r="AK5054">
        <v>32</v>
      </c>
      <c r="AL5054">
        <v>31</v>
      </c>
      <c r="AM5054">
        <v>31</v>
      </c>
      <c r="AN5054">
        <v>31</v>
      </c>
      <c r="AO5054">
        <v>31</v>
      </c>
      <c r="AP5054">
        <v>31</v>
      </c>
      <c r="AQ5054">
        <v>31</v>
      </c>
    </row>
    <row r="5055" spans="1:43">
      <c r="A5055" t="s">
        <v>3188</v>
      </c>
      <c r="B5055" t="s">
        <v>3189</v>
      </c>
      <c r="C5055" t="s">
        <v>3164</v>
      </c>
      <c r="D5055" t="s">
        <v>3165</v>
      </c>
      <c r="E5055" t="s">
        <v>2928</v>
      </c>
      <c r="F5055" t="s">
        <v>2929</v>
      </c>
      <c r="G5055" t="s">
        <v>80</v>
      </c>
      <c r="H5055" t="s">
        <v>81</v>
      </c>
      <c r="I5055" s="2">
        <v>1</v>
      </c>
      <c r="J5055" s="2">
        <v>0</v>
      </c>
      <c r="K5055" s="2">
        <v>0</v>
      </c>
      <c r="L5055" t="s">
        <v>120</v>
      </c>
      <c r="M5055" t="s">
        <v>87</v>
      </c>
      <c r="N5055" t="s">
        <v>88</v>
      </c>
      <c r="O5055" t="s">
        <v>85</v>
      </c>
      <c r="P5055" t="s">
        <v>86</v>
      </c>
      <c r="Q5055">
        <v>29</v>
      </c>
      <c r="R5055">
        <v>29</v>
      </c>
      <c r="S5055">
        <v>29</v>
      </c>
      <c r="T5055">
        <v>29</v>
      </c>
      <c r="U5055">
        <v>29</v>
      </c>
      <c r="V5055">
        <v>29</v>
      </c>
      <c r="W5055">
        <v>28</v>
      </c>
      <c r="X5055">
        <v>28</v>
      </c>
      <c r="Y5055">
        <v>28</v>
      </c>
      <c r="Z5055">
        <v>28</v>
      </c>
      <c r="AA5055">
        <v>28</v>
      </c>
      <c r="AB5055">
        <v>28</v>
      </c>
      <c r="AC5055">
        <v>28</v>
      </c>
      <c r="AD5055">
        <v>28</v>
      </c>
      <c r="AE5055">
        <v>28</v>
      </c>
      <c r="AF5055">
        <v>28</v>
      </c>
      <c r="AG5055">
        <v>28</v>
      </c>
      <c r="AH5055">
        <v>27</v>
      </c>
      <c r="AI5055">
        <v>27</v>
      </c>
      <c r="AJ5055">
        <v>27</v>
      </c>
      <c r="AK5055">
        <v>27</v>
      </c>
      <c r="AL5055">
        <v>27</v>
      </c>
      <c r="AM5055">
        <v>27</v>
      </c>
      <c r="AN5055">
        <v>27</v>
      </c>
      <c r="AO5055">
        <v>27</v>
      </c>
      <c r="AP5055">
        <v>27</v>
      </c>
      <c r="AQ5055">
        <v>27</v>
      </c>
    </row>
    <row r="5056" spans="1:43">
      <c r="A5056" t="s">
        <v>3188</v>
      </c>
      <c r="B5056" t="s">
        <v>3189</v>
      </c>
      <c r="C5056" t="s">
        <v>3164</v>
      </c>
      <c r="D5056" t="s">
        <v>3165</v>
      </c>
      <c r="E5056" t="s">
        <v>2928</v>
      </c>
      <c r="F5056" t="s">
        <v>2929</v>
      </c>
      <c r="G5056" t="s">
        <v>80</v>
      </c>
      <c r="H5056" t="s">
        <v>81</v>
      </c>
      <c r="I5056" s="2">
        <v>1</v>
      </c>
      <c r="J5056" s="2">
        <v>0</v>
      </c>
      <c r="K5056" s="2">
        <v>0</v>
      </c>
      <c r="L5056" t="s">
        <v>120</v>
      </c>
      <c r="M5056" t="s">
        <v>89</v>
      </c>
      <c r="N5056" t="s">
        <v>90</v>
      </c>
      <c r="O5056" t="s">
        <v>85</v>
      </c>
      <c r="P5056" t="s">
        <v>86</v>
      </c>
      <c r="Q5056">
        <v>29</v>
      </c>
      <c r="R5056">
        <v>29</v>
      </c>
      <c r="S5056">
        <v>29</v>
      </c>
      <c r="T5056">
        <v>30</v>
      </c>
      <c r="U5056">
        <v>30</v>
      </c>
      <c r="V5056">
        <v>30</v>
      </c>
      <c r="W5056">
        <v>31</v>
      </c>
      <c r="X5056">
        <v>31</v>
      </c>
      <c r="Y5056">
        <v>31</v>
      </c>
      <c r="Z5056">
        <v>31</v>
      </c>
      <c r="AA5056">
        <v>32</v>
      </c>
      <c r="AB5056">
        <v>32</v>
      </c>
      <c r="AC5056">
        <v>32</v>
      </c>
      <c r="AD5056">
        <v>32</v>
      </c>
      <c r="AE5056">
        <v>32</v>
      </c>
      <c r="AF5056">
        <v>32</v>
      </c>
      <c r="AG5056">
        <v>32</v>
      </c>
      <c r="AH5056">
        <v>32</v>
      </c>
      <c r="AI5056">
        <v>32</v>
      </c>
      <c r="AJ5056">
        <v>31</v>
      </c>
      <c r="AK5056">
        <v>31</v>
      </c>
      <c r="AL5056">
        <v>31</v>
      </c>
      <c r="AM5056">
        <v>31</v>
      </c>
      <c r="AN5056">
        <v>31</v>
      </c>
      <c r="AO5056">
        <v>30</v>
      </c>
      <c r="AP5056">
        <v>30</v>
      </c>
      <c r="AQ5056">
        <v>30</v>
      </c>
    </row>
    <row r="5057" spans="1:43">
      <c r="A5057" t="s">
        <v>3188</v>
      </c>
      <c r="B5057" t="s">
        <v>3189</v>
      </c>
      <c r="C5057" t="s">
        <v>3164</v>
      </c>
      <c r="D5057" t="s">
        <v>3165</v>
      </c>
      <c r="E5057" t="s">
        <v>2928</v>
      </c>
      <c r="F5057" t="s">
        <v>2929</v>
      </c>
      <c r="G5057" t="s">
        <v>80</v>
      </c>
      <c r="H5057" t="s">
        <v>81</v>
      </c>
      <c r="I5057" s="2">
        <v>1</v>
      </c>
      <c r="J5057" s="2">
        <v>0</v>
      </c>
      <c r="K5057" s="2">
        <v>0</v>
      </c>
      <c r="L5057" t="s">
        <v>120</v>
      </c>
      <c r="M5057" t="s">
        <v>83</v>
      </c>
      <c r="N5057" t="s">
        <v>91</v>
      </c>
      <c r="O5057" t="s">
        <v>85</v>
      </c>
      <c r="P5057" t="s">
        <v>86</v>
      </c>
      <c r="Q5057">
        <v>29</v>
      </c>
      <c r="R5057">
        <v>30</v>
      </c>
      <c r="S5057">
        <v>30</v>
      </c>
      <c r="T5057">
        <v>30</v>
      </c>
      <c r="U5057">
        <v>30</v>
      </c>
      <c r="V5057">
        <v>30</v>
      </c>
      <c r="W5057">
        <v>30</v>
      </c>
      <c r="X5057">
        <v>30</v>
      </c>
      <c r="Y5057">
        <v>31</v>
      </c>
      <c r="Z5057">
        <v>31</v>
      </c>
      <c r="AA5057">
        <v>31</v>
      </c>
      <c r="AB5057">
        <v>31</v>
      </c>
      <c r="AC5057">
        <v>31</v>
      </c>
      <c r="AD5057">
        <v>31</v>
      </c>
      <c r="AE5057">
        <v>31</v>
      </c>
      <c r="AF5057">
        <v>31</v>
      </c>
      <c r="AG5057">
        <v>31</v>
      </c>
      <c r="AH5057">
        <v>31</v>
      </c>
      <c r="AI5057">
        <v>31</v>
      </c>
      <c r="AJ5057">
        <v>32</v>
      </c>
      <c r="AK5057">
        <v>32</v>
      </c>
      <c r="AL5057">
        <v>31</v>
      </c>
      <c r="AM5057">
        <v>31</v>
      </c>
      <c r="AN5057">
        <v>31</v>
      </c>
      <c r="AO5057">
        <v>31</v>
      </c>
      <c r="AP5057">
        <v>31</v>
      </c>
      <c r="AQ5057">
        <v>31</v>
      </c>
    </row>
    <row r="5058" spans="1:43">
      <c r="A5058" t="s">
        <v>3190</v>
      </c>
      <c r="B5058" t="s">
        <v>3191</v>
      </c>
      <c r="C5058" t="s">
        <v>3174</v>
      </c>
      <c r="D5058" t="s">
        <v>3175</v>
      </c>
      <c r="E5058" t="s">
        <v>2928</v>
      </c>
      <c r="F5058" t="s">
        <v>2929</v>
      </c>
      <c r="G5058" t="s">
        <v>80</v>
      </c>
      <c r="H5058" t="s">
        <v>81</v>
      </c>
      <c r="I5058" s="2">
        <v>1</v>
      </c>
      <c r="J5058" s="2">
        <v>0</v>
      </c>
      <c r="K5058" s="2">
        <v>0</v>
      </c>
      <c r="L5058" t="s">
        <v>120</v>
      </c>
      <c r="M5058" t="s">
        <v>83</v>
      </c>
      <c r="N5058" t="s">
        <v>84</v>
      </c>
      <c r="O5058" t="s">
        <v>85</v>
      </c>
      <c r="P5058" t="s">
        <v>86</v>
      </c>
      <c r="Q5058">
        <v>15</v>
      </c>
      <c r="R5058">
        <v>15</v>
      </c>
      <c r="S5058">
        <v>15</v>
      </c>
      <c r="T5058">
        <v>16</v>
      </c>
      <c r="U5058">
        <v>16</v>
      </c>
      <c r="V5058">
        <v>16</v>
      </c>
      <c r="W5058">
        <v>16</v>
      </c>
      <c r="X5058">
        <v>16</v>
      </c>
      <c r="Y5058">
        <v>16</v>
      </c>
      <c r="Z5058">
        <v>16</v>
      </c>
      <c r="AA5058">
        <v>16</v>
      </c>
      <c r="AB5058">
        <v>16</v>
      </c>
      <c r="AC5058">
        <v>16</v>
      </c>
      <c r="AD5058">
        <v>16</v>
      </c>
      <c r="AE5058">
        <v>16</v>
      </c>
      <c r="AF5058">
        <v>16</v>
      </c>
      <c r="AG5058">
        <v>16</v>
      </c>
      <c r="AH5058">
        <v>16</v>
      </c>
      <c r="AI5058">
        <v>16</v>
      </c>
      <c r="AJ5058">
        <v>17</v>
      </c>
      <c r="AK5058">
        <v>17</v>
      </c>
      <c r="AL5058">
        <v>17</v>
      </c>
      <c r="AM5058">
        <v>16</v>
      </c>
      <c r="AN5058">
        <v>16</v>
      </c>
      <c r="AO5058">
        <v>16</v>
      </c>
      <c r="AP5058">
        <v>16</v>
      </c>
      <c r="AQ5058">
        <v>16</v>
      </c>
    </row>
    <row r="5059" spans="1:43">
      <c r="A5059" t="s">
        <v>3190</v>
      </c>
      <c r="B5059" t="s">
        <v>3191</v>
      </c>
      <c r="C5059" t="s">
        <v>3174</v>
      </c>
      <c r="D5059" t="s">
        <v>3175</v>
      </c>
      <c r="E5059" t="s">
        <v>2928</v>
      </c>
      <c r="F5059" t="s">
        <v>2929</v>
      </c>
      <c r="G5059" t="s">
        <v>80</v>
      </c>
      <c r="H5059" t="s">
        <v>81</v>
      </c>
      <c r="I5059" s="2">
        <v>1</v>
      </c>
      <c r="J5059" s="2">
        <v>0</v>
      </c>
      <c r="K5059" s="2">
        <v>0</v>
      </c>
      <c r="L5059" t="s">
        <v>120</v>
      </c>
      <c r="M5059" t="s">
        <v>87</v>
      </c>
      <c r="N5059" t="s">
        <v>88</v>
      </c>
      <c r="O5059" t="s">
        <v>85</v>
      </c>
      <c r="P5059" t="s">
        <v>86</v>
      </c>
      <c r="Q5059">
        <v>15</v>
      </c>
      <c r="R5059">
        <v>15</v>
      </c>
      <c r="S5059">
        <v>15</v>
      </c>
      <c r="T5059">
        <v>15</v>
      </c>
      <c r="U5059">
        <v>15</v>
      </c>
      <c r="V5059">
        <v>15</v>
      </c>
      <c r="W5059">
        <v>15</v>
      </c>
      <c r="X5059">
        <v>15</v>
      </c>
      <c r="Y5059">
        <v>15</v>
      </c>
      <c r="Z5059">
        <v>15</v>
      </c>
      <c r="AA5059">
        <v>15</v>
      </c>
      <c r="AB5059">
        <v>15</v>
      </c>
      <c r="AC5059">
        <v>15</v>
      </c>
      <c r="AD5059">
        <v>15</v>
      </c>
      <c r="AE5059">
        <v>14</v>
      </c>
      <c r="AF5059">
        <v>14</v>
      </c>
      <c r="AG5059">
        <v>14</v>
      </c>
      <c r="AH5059">
        <v>14</v>
      </c>
      <c r="AI5059">
        <v>14</v>
      </c>
      <c r="AJ5059">
        <v>14</v>
      </c>
      <c r="AK5059">
        <v>14</v>
      </c>
      <c r="AL5059">
        <v>14</v>
      </c>
      <c r="AM5059">
        <v>14</v>
      </c>
      <c r="AN5059">
        <v>14</v>
      </c>
      <c r="AO5059">
        <v>14</v>
      </c>
      <c r="AP5059">
        <v>14</v>
      </c>
      <c r="AQ5059">
        <v>14</v>
      </c>
    </row>
    <row r="5060" spans="1:43">
      <c r="A5060" t="s">
        <v>3190</v>
      </c>
      <c r="B5060" t="s">
        <v>3191</v>
      </c>
      <c r="C5060" t="s">
        <v>3174</v>
      </c>
      <c r="D5060" t="s">
        <v>3175</v>
      </c>
      <c r="E5060" t="s">
        <v>2928</v>
      </c>
      <c r="F5060" t="s">
        <v>2929</v>
      </c>
      <c r="G5060" t="s">
        <v>80</v>
      </c>
      <c r="H5060" t="s">
        <v>81</v>
      </c>
      <c r="I5060" s="2">
        <v>1</v>
      </c>
      <c r="J5060" s="2">
        <v>0</v>
      </c>
      <c r="K5060" s="2">
        <v>0</v>
      </c>
      <c r="L5060" t="s">
        <v>120</v>
      </c>
      <c r="M5060" t="s">
        <v>89</v>
      </c>
      <c r="N5060" t="s">
        <v>90</v>
      </c>
      <c r="O5060" t="s">
        <v>85</v>
      </c>
      <c r="P5060" t="s">
        <v>86</v>
      </c>
      <c r="Q5060">
        <v>15</v>
      </c>
      <c r="R5060">
        <v>16</v>
      </c>
      <c r="S5060">
        <v>16</v>
      </c>
      <c r="T5060">
        <v>16</v>
      </c>
      <c r="U5060">
        <v>16</v>
      </c>
      <c r="V5060">
        <v>16</v>
      </c>
      <c r="W5060">
        <v>17</v>
      </c>
      <c r="X5060">
        <v>17</v>
      </c>
      <c r="Y5060">
        <v>17</v>
      </c>
      <c r="Z5060">
        <v>17</v>
      </c>
      <c r="AA5060">
        <v>17</v>
      </c>
      <c r="AB5060">
        <v>17</v>
      </c>
      <c r="AC5060">
        <v>17</v>
      </c>
      <c r="AD5060">
        <v>17</v>
      </c>
      <c r="AE5060">
        <v>17</v>
      </c>
      <c r="AF5060">
        <v>17</v>
      </c>
      <c r="AG5060">
        <v>17</v>
      </c>
      <c r="AH5060">
        <v>17</v>
      </c>
      <c r="AI5060">
        <v>17</v>
      </c>
      <c r="AJ5060">
        <v>17</v>
      </c>
      <c r="AK5060">
        <v>17</v>
      </c>
      <c r="AL5060">
        <v>17</v>
      </c>
      <c r="AM5060">
        <v>17</v>
      </c>
      <c r="AN5060">
        <v>17</v>
      </c>
      <c r="AO5060">
        <v>17</v>
      </c>
      <c r="AP5060">
        <v>17</v>
      </c>
      <c r="AQ5060">
        <v>16</v>
      </c>
    </row>
    <row r="5061" spans="1:43">
      <c r="A5061" t="s">
        <v>3190</v>
      </c>
      <c r="B5061" t="s">
        <v>3191</v>
      </c>
      <c r="C5061" t="s">
        <v>3174</v>
      </c>
      <c r="D5061" t="s">
        <v>3175</v>
      </c>
      <c r="E5061" t="s">
        <v>2928</v>
      </c>
      <c r="F5061" t="s">
        <v>2929</v>
      </c>
      <c r="G5061" t="s">
        <v>80</v>
      </c>
      <c r="H5061" t="s">
        <v>81</v>
      </c>
      <c r="I5061" s="2">
        <v>1</v>
      </c>
      <c r="J5061" s="2">
        <v>0</v>
      </c>
      <c r="K5061" s="2">
        <v>0</v>
      </c>
      <c r="L5061" t="s">
        <v>120</v>
      </c>
      <c r="M5061" t="s">
        <v>83</v>
      </c>
      <c r="N5061" t="s">
        <v>91</v>
      </c>
      <c r="O5061" t="s">
        <v>85</v>
      </c>
      <c r="P5061" t="s">
        <v>86</v>
      </c>
      <c r="Q5061">
        <v>15</v>
      </c>
      <c r="R5061">
        <v>15</v>
      </c>
      <c r="S5061">
        <v>15</v>
      </c>
      <c r="T5061">
        <v>16</v>
      </c>
      <c r="U5061">
        <v>16</v>
      </c>
      <c r="V5061">
        <v>16</v>
      </c>
      <c r="W5061">
        <v>16</v>
      </c>
      <c r="X5061">
        <v>16</v>
      </c>
      <c r="Y5061">
        <v>16</v>
      </c>
      <c r="Z5061">
        <v>16</v>
      </c>
      <c r="AA5061">
        <v>16</v>
      </c>
      <c r="AB5061">
        <v>16</v>
      </c>
      <c r="AC5061">
        <v>16</v>
      </c>
      <c r="AD5061">
        <v>16</v>
      </c>
      <c r="AE5061">
        <v>16</v>
      </c>
      <c r="AF5061">
        <v>16</v>
      </c>
      <c r="AG5061">
        <v>16</v>
      </c>
      <c r="AH5061">
        <v>16</v>
      </c>
      <c r="AI5061">
        <v>16</v>
      </c>
      <c r="AJ5061">
        <v>17</v>
      </c>
      <c r="AK5061">
        <v>17</v>
      </c>
      <c r="AL5061">
        <v>17</v>
      </c>
      <c r="AM5061">
        <v>16</v>
      </c>
      <c r="AN5061">
        <v>16</v>
      </c>
      <c r="AO5061">
        <v>16</v>
      </c>
      <c r="AP5061">
        <v>16</v>
      </c>
      <c r="AQ5061">
        <v>16</v>
      </c>
    </row>
    <row r="5062" spans="1:43">
      <c r="A5062" t="s">
        <v>3192</v>
      </c>
      <c r="B5062" t="s">
        <v>3193</v>
      </c>
      <c r="C5062" t="s">
        <v>2966</v>
      </c>
      <c r="D5062" t="s">
        <v>2967</v>
      </c>
      <c r="E5062" t="s">
        <v>2928</v>
      </c>
      <c r="F5062" t="s">
        <v>2929</v>
      </c>
      <c r="G5062" t="s">
        <v>80</v>
      </c>
      <c r="H5062" t="s">
        <v>81</v>
      </c>
      <c r="I5062" s="2">
        <v>1</v>
      </c>
      <c r="J5062" s="2">
        <v>0</v>
      </c>
      <c r="K5062" s="2">
        <v>0</v>
      </c>
      <c r="L5062" t="s">
        <v>120</v>
      </c>
      <c r="M5062" t="s">
        <v>83</v>
      </c>
      <c r="N5062" t="s">
        <v>84</v>
      </c>
      <c r="O5062" t="s">
        <v>85</v>
      </c>
      <c r="P5062" t="s">
        <v>86</v>
      </c>
      <c r="Q5062">
        <v>23</v>
      </c>
      <c r="R5062">
        <v>23</v>
      </c>
      <c r="S5062">
        <v>23</v>
      </c>
      <c r="T5062">
        <v>23</v>
      </c>
      <c r="U5062">
        <v>23</v>
      </c>
      <c r="V5062">
        <v>23</v>
      </c>
      <c r="W5062">
        <v>23</v>
      </c>
      <c r="X5062">
        <v>23</v>
      </c>
      <c r="Y5062">
        <v>23</v>
      </c>
      <c r="Z5062">
        <v>23</v>
      </c>
      <c r="AA5062">
        <v>23</v>
      </c>
      <c r="AB5062">
        <v>23</v>
      </c>
      <c r="AC5062">
        <v>23</v>
      </c>
      <c r="AD5062">
        <v>23</v>
      </c>
      <c r="AE5062">
        <v>23</v>
      </c>
      <c r="AF5062">
        <v>23</v>
      </c>
      <c r="AG5062">
        <v>23</v>
      </c>
      <c r="AH5062">
        <v>23</v>
      </c>
      <c r="AI5062">
        <v>23</v>
      </c>
      <c r="AJ5062">
        <v>23</v>
      </c>
      <c r="AK5062">
        <v>23</v>
      </c>
      <c r="AL5062">
        <v>23</v>
      </c>
      <c r="AM5062">
        <v>23</v>
      </c>
      <c r="AN5062">
        <v>22</v>
      </c>
      <c r="AO5062">
        <v>22</v>
      </c>
      <c r="AP5062">
        <v>22</v>
      </c>
      <c r="AQ5062">
        <v>22</v>
      </c>
    </row>
    <row r="5063" spans="1:43">
      <c r="A5063" t="s">
        <v>3192</v>
      </c>
      <c r="B5063" t="s">
        <v>3193</v>
      </c>
      <c r="C5063" t="s">
        <v>2966</v>
      </c>
      <c r="D5063" t="s">
        <v>2967</v>
      </c>
      <c r="E5063" t="s">
        <v>2928</v>
      </c>
      <c r="F5063" t="s">
        <v>2929</v>
      </c>
      <c r="G5063" t="s">
        <v>80</v>
      </c>
      <c r="H5063" t="s">
        <v>81</v>
      </c>
      <c r="I5063" s="2">
        <v>1</v>
      </c>
      <c r="J5063" s="2">
        <v>0</v>
      </c>
      <c r="K5063" s="2">
        <v>0</v>
      </c>
      <c r="L5063" t="s">
        <v>120</v>
      </c>
      <c r="M5063" t="s">
        <v>87</v>
      </c>
      <c r="N5063" t="s">
        <v>88</v>
      </c>
      <c r="O5063" t="s">
        <v>85</v>
      </c>
      <c r="P5063" t="s">
        <v>86</v>
      </c>
      <c r="Q5063">
        <v>23</v>
      </c>
      <c r="R5063">
        <v>23</v>
      </c>
      <c r="S5063">
        <v>23</v>
      </c>
      <c r="T5063">
        <v>23</v>
      </c>
      <c r="U5063">
        <v>23</v>
      </c>
      <c r="V5063">
        <v>23</v>
      </c>
      <c r="W5063">
        <v>22</v>
      </c>
      <c r="X5063">
        <v>22</v>
      </c>
      <c r="Y5063">
        <v>22</v>
      </c>
      <c r="Z5063">
        <v>22</v>
      </c>
      <c r="AA5063">
        <v>22</v>
      </c>
      <c r="AB5063">
        <v>22</v>
      </c>
      <c r="AC5063">
        <v>22</v>
      </c>
      <c r="AD5063">
        <v>22</v>
      </c>
      <c r="AE5063">
        <v>21</v>
      </c>
      <c r="AF5063">
        <v>21</v>
      </c>
      <c r="AG5063">
        <v>21</v>
      </c>
      <c r="AH5063">
        <v>21</v>
      </c>
      <c r="AI5063">
        <v>21</v>
      </c>
      <c r="AJ5063">
        <v>21</v>
      </c>
      <c r="AK5063">
        <v>21</v>
      </c>
      <c r="AL5063">
        <v>21</v>
      </c>
      <c r="AM5063">
        <v>20</v>
      </c>
      <c r="AN5063">
        <v>20</v>
      </c>
      <c r="AO5063">
        <v>20</v>
      </c>
      <c r="AP5063">
        <v>20</v>
      </c>
      <c r="AQ5063">
        <v>20</v>
      </c>
    </row>
    <row r="5064" spans="1:43">
      <c r="A5064" t="s">
        <v>3192</v>
      </c>
      <c r="B5064" t="s">
        <v>3193</v>
      </c>
      <c r="C5064" t="s">
        <v>2966</v>
      </c>
      <c r="D5064" t="s">
        <v>2967</v>
      </c>
      <c r="E5064" t="s">
        <v>2928</v>
      </c>
      <c r="F5064" t="s">
        <v>2929</v>
      </c>
      <c r="G5064" t="s">
        <v>80</v>
      </c>
      <c r="H5064" t="s">
        <v>81</v>
      </c>
      <c r="I5064" s="2">
        <v>1</v>
      </c>
      <c r="J5064" s="2">
        <v>0</v>
      </c>
      <c r="K5064" s="2">
        <v>0</v>
      </c>
      <c r="L5064" t="s">
        <v>120</v>
      </c>
      <c r="M5064" t="s">
        <v>89</v>
      </c>
      <c r="N5064" t="s">
        <v>90</v>
      </c>
      <c r="O5064" t="s">
        <v>85</v>
      </c>
      <c r="P5064" t="s">
        <v>86</v>
      </c>
      <c r="Q5064">
        <v>23</v>
      </c>
      <c r="R5064">
        <v>23</v>
      </c>
      <c r="S5064">
        <v>23</v>
      </c>
      <c r="T5064">
        <v>23</v>
      </c>
      <c r="U5064">
        <v>24</v>
      </c>
      <c r="V5064">
        <v>24</v>
      </c>
      <c r="W5064">
        <v>24</v>
      </c>
      <c r="X5064">
        <v>24</v>
      </c>
      <c r="Y5064">
        <v>24</v>
      </c>
      <c r="Z5064">
        <v>24</v>
      </c>
      <c r="AA5064">
        <v>24</v>
      </c>
      <c r="AB5064">
        <v>25</v>
      </c>
      <c r="AC5064">
        <v>25</v>
      </c>
      <c r="AD5064">
        <v>25</v>
      </c>
      <c r="AE5064">
        <v>25</v>
      </c>
      <c r="AF5064">
        <v>24</v>
      </c>
      <c r="AG5064">
        <v>24</v>
      </c>
      <c r="AH5064">
        <v>24</v>
      </c>
      <c r="AI5064">
        <v>24</v>
      </c>
      <c r="AJ5064">
        <v>24</v>
      </c>
      <c r="AK5064">
        <v>23</v>
      </c>
      <c r="AL5064">
        <v>23</v>
      </c>
      <c r="AM5064">
        <v>23</v>
      </c>
      <c r="AN5064">
        <v>23</v>
      </c>
      <c r="AO5064">
        <v>22</v>
      </c>
      <c r="AP5064">
        <v>22</v>
      </c>
      <c r="AQ5064">
        <v>22</v>
      </c>
    </row>
    <row r="5065" spans="1:43">
      <c r="A5065" t="s">
        <v>3192</v>
      </c>
      <c r="B5065" t="s">
        <v>3193</v>
      </c>
      <c r="C5065" t="s">
        <v>2966</v>
      </c>
      <c r="D5065" t="s">
        <v>2967</v>
      </c>
      <c r="E5065" t="s">
        <v>2928</v>
      </c>
      <c r="F5065" t="s">
        <v>2929</v>
      </c>
      <c r="G5065" t="s">
        <v>80</v>
      </c>
      <c r="H5065" t="s">
        <v>81</v>
      </c>
      <c r="I5065" s="2">
        <v>1</v>
      </c>
      <c r="J5065" s="2">
        <v>0</v>
      </c>
      <c r="K5065" s="2">
        <v>0</v>
      </c>
      <c r="L5065" t="s">
        <v>120</v>
      </c>
      <c r="M5065" t="s">
        <v>83</v>
      </c>
      <c r="N5065" t="s">
        <v>91</v>
      </c>
      <c r="O5065" t="s">
        <v>85</v>
      </c>
      <c r="P5065" t="s">
        <v>86</v>
      </c>
      <c r="Q5065">
        <v>23</v>
      </c>
      <c r="R5065">
        <v>23</v>
      </c>
      <c r="S5065">
        <v>23</v>
      </c>
      <c r="T5065">
        <v>23</v>
      </c>
      <c r="U5065">
        <v>23</v>
      </c>
      <c r="V5065">
        <v>23</v>
      </c>
      <c r="W5065">
        <v>23</v>
      </c>
      <c r="X5065">
        <v>23</v>
      </c>
      <c r="Y5065">
        <v>23</v>
      </c>
      <c r="Z5065">
        <v>23</v>
      </c>
      <c r="AA5065">
        <v>23</v>
      </c>
      <c r="AB5065">
        <v>23</v>
      </c>
      <c r="AC5065">
        <v>23</v>
      </c>
      <c r="AD5065">
        <v>23</v>
      </c>
      <c r="AE5065">
        <v>23</v>
      </c>
      <c r="AF5065">
        <v>23</v>
      </c>
      <c r="AG5065">
        <v>23</v>
      </c>
      <c r="AH5065">
        <v>23</v>
      </c>
      <c r="AI5065">
        <v>23</v>
      </c>
      <c r="AJ5065">
        <v>23</v>
      </c>
      <c r="AK5065">
        <v>23</v>
      </c>
      <c r="AL5065">
        <v>23</v>
      </c>
      <c r="AM5065">
        <v>23</v>
      </c>
      <c r="AN5065">
        <v>22</v>
      </c>
      <c r="AO5065">
        <v>22</v>
      </c>
      <c r="AP5065">
        <v>22</v>
      </c>
      <c r="AQ5065">
        <v>22</v>
      </c>
    </row>
    <row r="5066" spans="1:43">
      <c r="A5066" t="s">
        <v>3194</v>
      </c>
      <c r="B5066" t="s">
        <v>3195</v>
      </c>
      <c r="C5066" t="s">
        <v>2966</v>
      </c>
      <c r="D5066" t="s">
        <v>2967</v>
      </c>
      <c r="E5066" t="s">
        <v>2928</v>
      </c>
      <c r="F5066" t="s">
        <v>2929</v>
      </c>
      <c r="G5066" t="s">
        <v>80</v>
      </c>
      <c r="H5066" t="s">
        <v>81</v>
      </c>
      <c r="I5066" s="2">
        <v>1</v>
      </c>
      <c r="J5066" s="2">
        <v>0</v>
      </c>
      <c r="K5066" s="2">
        <v>0</v>
      </c>
      <c r="L5066" t="s">
        <v>120</v>
      </c>
      <c r="M5066" t="s">
        <v>83</v>
      </c>
      <c r="N5066" t="s">
        <v>84</v>
      </c>
      <c r="O5066" t="s">
        <v>85</v>
      </c>
      <c r="P5066" t="s">
        <v>86</v>
      </c>
      <c r="Q5066">
        <v>8</v>
      </c>
      <c r="R5066">
        <v>8</v>
      </c>
      <c r="S5066">
        <v>8</v>
      </c>
      <c r="T5066">
        <v>8</v>
      </c>
      <c r="U5066">
        <v>8</v>
      </c>
      <c r="V5066">
        <v>8</v>
      </c>
      <c r="W5066">
        <v>8</v>
      </c>
      <c r="X5066">
        <v>8</v>
      </c>
      <c r="Y5066">
        <v>8</v>
      </c>
      <c r="Z5066">
        <v>8</v>
      </c>
      <c r="AA5066">
        <v>8</v>
      </c>
      <c r="AB5066">
        <v>8</v>
      </c>
      <c r="AC5066">
        <v>8</v>
      </c>
      <c r="AD5066">
        <v>8</v>
      </c>
      <c r="AE5066">
        <v>8</v>
      </c>
      <c r="AF5066">
        <v>8</v>
      </c>
      <c r="AG5066">
        <v>8</v>
      </c>
      <c r="AH5066">
        <v>8</v>
      </c>
      <c r="AI5066">
        <v>8</v>
      </c>
      <c r="AJ5066">
        <v>8</v>
      </c>
      <c r="AK5066">
        <v>8</v>
      </c>
      <c r="AL5066">
        <v>8</v>
      </c>
      <c r="AM5066">
        <v>8</v>
      </c>
      <c r="AN5066">
        <v>8</v>
      </c>
      <c r="AO5066">
        <v>8</v>
      </c>
      <c r="AP5066">
        <v>8</v>
      </c>
      <c r="AQ5066">
        <v>8</v>
      </c>
    </row>
    <row r="5067" spans="1:43">
      <c r="A5067" t="s">
        <v>3194</v>
      </c>
      <c r="B5067" t="s">
        <v>3195</v>
      </c>
      <c r="C5067" t="s">
        <v>2966</v>
      </c>
      <c r="D5067" t="s">
        <v>2967</v>
      </c>
      <c r="E5067" t="s">
        <v>2928</v>
      </c>
      <c r="F5067" t="s">
        <v>2929</v>
      </c>
      <c r="G5067" t="s">
        <v>80</v>
      </c>
      <c r="H5067" t="s">
        <v>81</v>
      </c>
      <c r="I5067" s="2">
        <v>1</v>
      </c>
      <c r="J5067" s="2">
        <v>0</v>
      </c>
      <c r="K5067" s="2">
        <v>0</v>
      </c>
      <c r="L5067" t="s">
        <v>120</v>
      </c>
      <c r="M5067" t="s">
        <v>87</v>
      </c>
      <c r="N5067" t="s">
        <v>88</v>
      </c>
      <c r="O5067" t="s">
        <v>85</v>
      </c>
      <c r="P5067" t="s">
        <v>86</v>
      </c>
      <c r="Q5067">
        <v>8</v>
      </c>
      <c r="R5067">
        <v>8</v>
      </c>
      <c r="S5067">
        <v>8</v>
      </c>
      <c r="T5067">
        <v>8</v>
      </c>
      <c r="U5067">
        <v>8</v>
      </c>
      <c r="V5067">
        <v>8</v>
      </c>
      <c r="W5067">
        <v>8</v>
      </c>
      <c r="X5067">
        <v>8</v>
      </c>
      <c r="Y5067">
        <v>7</v>
      </c>
      <c r="Z5067">
        <v>7</v>
      </c>
      <c r="AA5067">
        <v>7</v>
      </c>
      <c r="AB5067">
        <v>7</v>
      </c>
      <c r="AC5067">
        <v>7</v>
      </c>
      <c r="AD5067">
        <v>7</v>
      </c>
      <c r="AE5067">
        <v>7</v>
      </c>
      <c r="AF5067">
        <v>7</v>
      </c>
      <c r="AG5067">
        <v>7</v>
      </c>
      <c r="AH5067">
        <v>7</v>
      </c>
      <c r="AI5067">
        <v>7</v>
      </c>
      <c r="AJ5067">
        <v>7</v>
      </c>
      <c r="AK5067">
        <v>7</v>
      </c>
      <c r="AL5067">
        <v>7</v>
      </c>
      <c r="AM5067">
        <v>7</v>
      </c>
      <c r="AN5067">
        <v>7</v>
      </c>
      <c r="AO5067">
        <v>7</v>
      </c>
      <c r="AP5067">
        <v>7</v>
      </c>
      <c r="AQ5067">
        <v>7</v>
      </c>
    </row>
    <row r="5068" spans="1:43">
      <c r="A5068" t="s">
        <v>3194</v>
      </c>
      <c r="B5068" t="s">
        <v>3195</v>
      </c>
      <c r="C5068" t="s">
        <v>2966</v>
      </c>
      <c r="D5068" t="s">
        <v>2967</v>
      </c>
      <c r="E5068" t="s">
        <v>2928</v>
      </c>
      <c r="F5068" t="s">
        <v>2929</v>
      </c>
      <c r="G5068" t="s">
        <v>80</v>
      </c>
      <c r="H5068" t="s">
        <v>81</v>
      </c>
      <c r="I5068" s="2">
        <v>1</v>
      </c>
      <c r="J5068" s="2">
        <v>0</v>
      </c>
      <c r="K5068" s="2">
        <v>0</v>
      </c>
      <c r="L5068" t="s">
        <v>120</v>
      </c>
      <c r="M5068" t="s">
        <v>89</v>
      </c>
      <c r="N5068" t="s">
        <v>90</v>
      </c>
      <c r="O5068" t="s">
        <v>85</v>
      </c>
      <c r="P5068" t="s">
        <v>86</v>
      </c>
      <c r="Q5068">
        <v>8</v>
      </c>
      <c r="R5068">
        <v>8</v>
      </c>
      <c r="S5068">
        <v>8</v>
      </c>
      <c r="T5068">
        <v>8</v>
      </c>
      <c r="U5068">
        <v>8</v>
      </c>
      <c r="V5068">
        <v>8</v>
      </c>
      <c r="W5068">
        <v>8</v>
      </c>
      <c r="X5068">
        <v>8</v>
      </c>
      <c r="Y5068">
        <v>9</v>
      </c>
      <c r="Z5068">
        <v>9</v>
      </c>
      <c r="AA5068">
        <v>9</v>
      </c>
      <c r="AB5068">
        <v>9</v>
      </c>
      <c r="AC5068">
        <v>9</v>
      </c>
      <c r="AD5068">
        <v>9</v>
      </c>
      <c r="AE5068">
        <v>9</v>
      </c>
      <c r="AF5068">
        <v>9</v>
      </c>
      <c r="AG5068">
        <v>9</v>
      </c>
      <c r="AH5068">
        <v>9</v>
      </c>
      <c r="AI5068">
        <v>8</v>
      </c>
      <c r="AJ5068">
        <v>8</v>
      </c>
      <c r="AK5068">
        <v>8</v>
      </c>
      <c r="AL5068">
        <v>8</v>
      </c>
      <c r="AM5068">
        <v>8</v>
      </c>
      <c r="AN5068">
        <v>8</v>
      </c>
      <c r="AO5068">
        <v>8</v>
      </c>
      <c r="AP5068">
        <v>8</v>
      </c>
      <c r="AQ5068">
        <v>8</v>
      </c>
    </row>
    <row r="5069" spans="1:43">
      <c r="A5069" t="s">
        <v>3194</v>
      </c>
      <c r="B5069" t="s">
        <v>3195</v>
      </c>
      <c r="C5069" t="s">
        <v>2966</v>
      </c>
      <c r="D5069" t="s">
        <v>2967</v>
      </c>
      <c r="E5069" t="s">
        <v>2928</v>
      </c>
      <c r="F5069" t="s">
        <v>2929</v>
      </c>
      <c r="G5069" t="s">
        <v>80</v>
      </c>
      <c r="H5069" t="s">
        <v>81</v>
      </c>
      <c r="I5069" s="2">
        <v>1</v>
      </c>
      <c r="J5069" s="2">
        <v>0</v>
      </c>
      <c r="K5069" s="2">
        <v>0</v>
      </c>
      <c r="L5069" t="s">
        <v>120</v>
      </c>
      <c r="M5069" t="s">
        <v>83</v>
      </c>
      <c r="N5069" t="s">
        <v>91</v>
      </c>
      <c r="O5069" t="s">
        <v>85</v>
      </c>
      <c r="P5069" t="s">
        <v>86</v>
      </c>
      <c r="Q5069">
        <v>8</v>
      </c>
      <c r="R5069">
        <v>8</v>
      </c>
      <c r="S5069">
        <v>8</v>
      </c>
      <c r="T5069">
        <v>8</v>
      </c>
      <c r="U5069">
        <v>8</v>
      </c>
      <c r="V5069">
        <v>8</v>
      </c>
      <c r="W5069">
        <v>8</v>
      </c>
      <c r="X5069">
        <v>8</v>
      </c>
      <c r="Y5069">
        <v>8</v>
      </c>
      <c r="Z5069">
        <v>8</v>
      </c>
      <c r="AA5069">
        <v>8</v>
      </c>
      <c r="AB5069">
        <v>8</v>
      </c>
      <c r="AC5069">
        <v>8</v>
      </c>
      <c r="AD5069">
        <v>8</v>
      </c>
      <c r="AE5069">
        <v>8</v>
      </c>
      <c r="AF5069">
        <v>8</v>
      </c>
      <c r="AG5069">
        <v>8</v>
      </c>
      <c r="AH5069">
        <v>8</v>
      </c>
      <c r="AI5069">
        <v>8</v>
      </c>
      <c r="AJ5069">
        <v>8</v>
      </c>
      <c r="AK5069">
        <v>8</v>
      </c>
      <c r="AL5069">
        <v>8</v>
      </c>
      <c r="AM5069">
        <v>8</v>
      </c>
      <c r="AN5069">
        <v>8</v>
      </c>
      <c r="AO5069">
        <v>8</v>
      </c>
      <c r="AP5069">
        <v>8</v>
      </c>
      <c r="AQ5069">
        <v>8</v>
      </c>
    </row>
    <row r="5070" spans="1:43">
      <c r="A5070" t="s">
        <v>3196</v>
      </c>
      <c r="B5070" t="s">
        <v>3197</v>
      </c>
      <c r="C5070" t="s">
        <v>3198</v>
      </c>
      <c r="D5070" t="s">
        <v>3199</v>
      </c>
      <c r="E5070" t="s">
        <v>2928</v>
      </c>
      <c r="F5070" t="s">
        <v>2929</v>
      </c>
      <c r="G5070" t="s">
        <v>80</v>
      </c>
      <c r="H5070" t="s">
        <v>81</v>
      </c>
      <c r="I5070" s="2">
        <v>1</v>
      </c>
      <c r="J5070" s="2">
        <v>0</v>
      </c>
      <c r="K5070" s="2">
        <v>0</v>
      </c>
      <c r="L5070" t="s">
        <v>120</v>
      </c>
      <c r="M5070" t="s">
        <v>83</v>
      </c>
      <c r="N5070" t="s">
        <v>84</v>
      </c>
      <c r="O5070" t="s">
        <v>85</v>
      </c>
      <c r="P5070" t="s">
        <v>86</v>
      </c>
      <c r="Q5070">
        <v>19</v>
      </c>
      <c r="R5070">
        <v>19</v>
      </c>
      <c r="S5070">
        <v>19</v>
      </c>
      <c r="T5070">
        <v>19</v>
      </c>
      <c r="U5070">
        <v>19</v>
      </c>
      <c r="V5070">
        <v>19</v>
      </c>
      <c r="W5070">
        <v>19</v>
      </c>
      <c r="X5070">
        <v>19</v>
      </c>
      <c r="Y5070">
        <v>19</v>
      </c>
      <c r="Z5070">
        <v>20</v>
      </c>
      <c r="AA5070">
        <v>20</v>
      </c>
      <c r="AB5070">
        <v>20</v>
      </c>
      <c r="AC5070">
        <v>20</v>
      </c>
      <c r="AD5070">
        <v>20</v>
      </c>
      <c r="AE5070">
        <v>20</v>
      </c>
      <c r="AF5070">
        <v>20</v>
      </c>
      <c r="AG5070">
        <v>20</v>
      </c>
      <c r="AH5070">
        <v>20</v>
      </c>
      <c r="AI5070">
        <v>20</v>
      </c>
      <c r="AJ5070">
        <v>20</v>
      </c>
      <c r="AK5070">
        <v>20</v>
      </c>
      <c r="AL5070">
        <v>20</v>
      </c>
      <c r="AM5070">
        <v>20</v>
      </c>
      <c r="AN5070">
        <v>19</v>
      </c>
      <c r="AO5070">
        <v>19</v>
      </c>
      <c r="AP5070">
        <v>19</v>
      </c>
      <c r="AQ5070">
        <v>19</v>
      </c>
    </row>
    <row r="5071" spans="1:43">
      <c r="A5071" t="s">
        <v>3196</v>
      </c>
      <c r="B5071" t="s">
        <v>3197</v>
      </c>
      <c r="C5071" t="s">
        <v>3198</v>
      </c>
      <c r="D5071" t="s">
        <v>3199</v>
      </c>
      <c r="E5071" t="s">
        <v>2928</v>
      </c>
      <c r="F5071" t="s">
        <v>2929</v>
      </c>
      <c r="G5071" t="s">
        <v>80</v>
      </c>
      <c r="H5071" t="s">
        <v>81</v>
      </c>
      <c r="I5071" s="2">
        <v>1</v>
      </c>
      <c r="J5071" s="2">
        <v>0</v>
      </c>
      <c r="K5071" s="2">
        <v>0</v>
      </c>
      <c r="L5071" t="s">
        <v>120</v>
      </c>
      <c r="M5071" t="s">
        <v>87</v>
      </c>
      <c r="N5071" t="s">
        <v>88</v>
      </c>
      <c r="O5071" t="s">
        <v>85</v>
      </c>
      <c r="P5071" t="s">
        <v>86</v>
      </c>
      <c r="Q5071">
        <v>19</v>
      </c>
      <c r="R5071">
        <v>19</v>
      </c>
      <c r="S5071">
        <v>19</v>
      </c>
      <c r="T5071">
        <v>18</v>
      </c>
      <c r="U5071">
        <v>18</v>
      </c>
      <c r="V5071">
        <v>18</v>
      </c>
      <c r="W5071">
        <v>18</v>
      </c>
      <c r="X5071">
        <v>18</v>
      </c>
      <c r="Y5071">
        <v>18</v>
      </c>
      <c r="Z5071">
        <v>18</v>
      </c>
      <c r="AA5071">
        <v>18</v>
      </c>
      <c r="AB5071">
        <v>18</v>
      </c>
      <c r="AC5071">
        <v>18</v>
      </c>
      <c r="AD5071">
        <v>18</v>
      </c>
      <c r="AE5071">
        <v>17</v>
      </c>
      <c r="AF5071">
        <v>17</v>
      </c>
      <c r="AG5071">
        <v>17</v>
      </c>
      <c r="AH5071">
        <v>17</v>
      </c>
      <c r="AI5071">
        <v>17</v>
      </c>
      <c r="AJ5071">
        <v>17</v>
      </c>
      <c r="AK5071">
        <v>17</v>
      </c>
      <c r="AL5071">
        <v>17</v>
      </c>
      <c r="AM5071">
        <v>17</v>
      </c>
      <c r="AN5071">
        <v>17</v>
      </c>
      <c r="AO5071">
        <v>17</v>
      </c>
      <c r="AP5071">
        <v>16</v>
      </c>
      <c r="AQ5071">
        <v>16</v>
      </c>
    </row>
    <row r="5072" spans="1:43">
      <c r="A5072" t="s">
        <v>3196</v>
      </c>
      <c r="B5072" t="s">
        <v>3197</v>
      </c>
      <c r="C5072" t="s">
        <v>3198</v>
      </c>
      <c r="D5072" t="s">
        <v>3199</v>
      </c>
      <c r="E5072" t="s">
        <v>2928</v>
      </c>
      <c r="F5072" t="s">
        <v>2929</v>
      </c>
      <c r="G5072" t="s">
        <v>80</v>
      </c>
      <c r="H5072" t="s">
        <v>81</v>
      </c>
      <c r="I5072" s="2">
        <v>1</v>
      </c>
      <c r="J5072" s="2">
        <v>0</v>
      </c>
      <c r="K5072" s="2">
        <v>0</v>
      </c>
      <c r="L5072" t="s">
        <v>120</v>
      </c>
      <c r="M5072" t="s">
        <v>89</v>
      </c>
      <c r="N5072" t="s">
        <v>90</v>
      </c>
      <c r="O5072" t="s">
        <v>85</v>
      </c>
      <c r="P5072" t="s">
        <v>86</v>
      </c>
      <c r="Q5072">
        <v>19</v>
      </c>
      <c r="R5072">
        <v>19</v>
      </c>
      <c r="S5072">
        <v>20</v>
      </c>
      <c r="T5072">
        <v>20</v>
      </c>
      <c r="U5072">
        <v>20</v>
      </c>
      <c r="V5072">
        <v>20</v>
      </c>
      <c r="W5072">
        <v>20</v>
      </c>
      <c r="X5072">
        <v>20</v>
      </c>
      <c r="Y5072">
        <v>21</v>
      </c>
      <c r="Z5072">
        <v>21</v>
      </c>
      <c r="AA5072">
        <v>21</v>
      </c>
      <c r="AB5072">
        <v>21</v>
      </c>
      <c r="AC5072">
        <v>21</v>
      </c>
      <c r="AD5072">
        <v>21</v>
      </c>
      <c r="AE5072">
        <v>21</v>
      </c>
      <c r="AF5072">
        <v>21</v>
      </c>
      <c r="AG5072">
        <v>21</v>
      </c>
      <c r="AH5072">
        <v>21</v>
      </c>
      <c r="AI5072">
        <v>20</v>
      </c>
      <c r="AJ5072">
        <v>20</v>
      </c>
      <c r="AK5072">
        <v>20</v>
      </c>
      <c r="AL5072">
        <v>20</v>
      </c>
      <c r="AM5072">
        <v>20</v>
      </c>
      <c r="AN5072">
        <v>20</v>
      </c>
      <c r="AO5072">
        <v>19</v>
      </c>
      <c r="AP5072">
        <v>19</v>
      </c>
      <c r="AQ5072">
        <v>19</v>
      </c>
    </row>
    <row r="5073" spans="1:43">
      <c r="A5073" t="s">
        <v>3196</v>
      </c>
      <c r="B5073" t="s">
        <v>3197</v>
      </c>
      <c r="C5073" t="s">
        <v>3198</v>
      </c>
      <c r="D5073" t="s">
        <v>3199</v>
      </c>
      <c r="E5073" t="s">
        <v>2928</v>
      </c>
      <c r="F5073" t="s">
        <v>2929</v>
      </c>
      <c r="G5073" t="s">
        <v>80</v>
      </c>
      <c r="H5073" t="s">
        <v>81</v>
      </c>
      <c r="I5073" s="2">
        <v>1</v>
      </c>
      <c r="J5073" s="2">
        <v>0</v>
      </c>
      <c r="K5073" s="2">
        <v>0</v>
      </c>
      <c r="L5073" t="s">
        <v>120</v>
      </c>
      <c r="M5073" t="s">
        <v>83</v>
      </c>
      <c r="N5073" t="s">
        <v>91</v>
      </c>
      <c r="O5073" t="s">
        <v>85</v>
      </c>
      <c r="P5073" t="s">
        <v>86</v>
      </c>
      <c r="Q5073">
        <v>19</v>
      </c>
      <c r="R5073">
        <v>19</v>
      </c>
      <c r="S5073">
        <v>19</v>
      </c>
      <c r="T5073">
        <v>19</v>
      </c>
      <c r="U5073">
        <v>19</v>
      </c>
      <c r="V5073">
        <v>19</v>
      </c>
      <c r="W5073">
        <v>19</v>
      </c>
      <c r="X5073">
        <v>19</v>
      </c>
      <c r="Y5073">
        <v>19</v>
      </c>
      <c r="Z5073">
        <v>20</v>
      </c>
      <c r="AA5073">
        <v>20</v>
      </c>
      <c r="AB5073">
        <v>20</v>
      </c>
      <c r="AC5073">
        <v>20</v>
      </c>
      <c r="AD5073">
        <v>20</v>
      </c>
      <c r="AE5073">
        <v>20</v>
      </c>
      <c r="AF5073">
        <v>20</v>
      </c>
      <c r="AG5073">
        <v>20</v>
      </c>
      <c r="AH5073">
        <v>20</v>
      </c>
      <c r="AI5073">
        <v>20</v>
      </c>
      <c r="AJ5073">
        <v>20</v>
      </c>
      <c r="AK5073">
        <v>20</v>
      </c>
      <c r="AL5073">
        <v>20</v>
      </c>
      <c r="AM5073">
        <v>20</v>
      </c>
      <c r="AN5073">
        <v>19</v>
      </c>
      <c r="AO5073">
        <v>19</v>
      </c>
      <c r="AP5073">
        <v>19</v>
      </c>
      <c r="AQ5073">
        <v>19</v>
      </c>
    </row>
    <row r="5074" spans="1:43">
      <c r="A5074" t="s">
        <v>3200</v>
      </c>
      <c r="B5074" t="s">
        <v>3201</v>
      </c>
      <c r="C5074" t="s">
        <v>2966</v>
      </c>
      <c r="D5074" t="s">
        <v>2967</v>
      </c>
      <c r="E5074" t="s">
        <v>2928</v>
      </c>
      <c r="F5074" t="s">
        <v>2929</v>
      </c>
      <c r="G5074" t="s">
        <v>80</v>
      </c>
      <c r="H5074" t="s">
        <v>81</v>
      </c>
      <c r="I5074" s="2">
        <v>1</v>
      </c>
      <c r="J5074" s="2">
        <v>0</v>
      </c>
      <c r="K5074" s="2">
        <v>0</v>
      </c>
      <c r="L5074" t="s">
        <v>120</v>
      </c>
      <c r="M5074" t="s">
        <v>83</v>
      </c>
      <c r="N5074" t="s">
        <v>84</v>
      </c>
      <c r="O5074" t="s">
        <v>85</v>
      </c>
      <c r="P5074" t="s">
        <v>86</v>
      </c>
      <c r="Q5074">
        <v>20</v>
      </c>
      <c r="R5074">
        <v>20</v>
      </c>
      <c r="S5074">
        <v>20</v>
      </c>
      <c r="T5074">
        <v>20</v>
      </c>
      <c r="U5074">
        <v>20</v>
      </c>
      <c r="V5074">
        <v>20</v>
      </c>
      <c r="W5074">
        <v>20</v>
      </c>
      <c r="X5074">
        <v>20</v>
      </c>
      <c r="Y5074">
        <v>20</v>
      </c>
      <c r="Z5074">
        <v>20</v>
      </c>
      <c r="AA5074">
        <v>20</v>
      </c>
      <c r="AB5074">
        <v>20</v>
      </c>
      <c r="AC5074">
        <v>20</v>
      </c>
      <c r="AD5074">
        <v>20</v>
      </c>
      <c r="AE5074">
        <v>20</v>
      </c>
      <c r="AF5074">
        <v>20</v>
      </c>
      <c r="AG5074">
        <v>20</v>
      </c>
      <c r="AH5074">
        <v>20</v>
      </c>
      <c r="AI5074">
        <v>20</v>
      </c>
      <c r="AJ5074">
        <v>20</v>
      </c>
      <c r="AK5074">
        <v>20</v>
      </c>
      <c r="AL5074">
        <v>20</v>
      </c>
      <c r="AM5074">
        <v>20</v>
      </c>
      <c r="AN5074">
        <v>20</v>
      </c>
      <c r="AO5074">
        <v>20</v>
      </c>
      <c r="AP5074">
        <v>20</v>
      </c>
      <c r="AQ5074">
        <v>19</v>
      </c>
    </row>
    <row r="5075" spans="1:43">
      <c r="A5075" t="s">
        <v>3200</v>
      </c>
      <c r="B5075" t="s">
        <v>3201</v>
      </c>
      <c r="C5075" t="s">
        <v>2966</v>
      </c>
      <c r="D5075" t="s">
        <v>2967</v>
      </c>
      <c r="E5075" t="s">
        <v>2928</v>
      </c>
      <c r="F5075" t="s">
        <v>2929</v>
      </c>
      <c r="G5075" t="s">
        <v>80</v>
      </c>
      <c r="H5075" t="s">
        <v>81</v>
      </c>
      <c r="I5075" s="2">
        <v>1</v>
      </c>
      <c r="J5075" s="2">
        <v>0</v>
      </c>
      <c r="K5075" s="2">
        <v>0</v>
      </c>
      <c r="L5075" t="s">
        <v>120</v>
      </c>
      <c r="M5075" t="s">
        <v>87</v>
      </c>
      <c r="N5075" t="s">
        <v>88</v>
      </c>
      <c r="O5075" t="s">
        <v>85</v>
      </c>
      <c r="P5075" t="s">
        <v>86</v>
      </c>
      <c r="Q5075">
        <v>20</v>
      </c>
      <c r="R5075">
        <v>20</v>
      </c>
      <c r="S5075">
        <v>20</v>
      </c>
      <c r="T5075">
        <v>20</v>
      </c>
      <c r="U5075">
        <v>20</v>
      </c>
      <c r="V5075">
        <v>20</v>
      </c>
      <c r="W5075">
        <v>20</v>
      </c>
      <c r="X5075">
        <v>20</v>
      </c>
      <c r="Y5075">
        <v>20</v>
      </c>
      <c r="Z5075">
        <v>19</v>
      </c>
      <c r="AA5075">
        <v>19</v>
      </c>
      <c r="AB5075">
        <v>19</v>
      </c>
      <c r="AC5075">
        <v>19</v>
      </c>
      <c r="AD5075">
        <v>19</v>
      </c>
      <c r="AE5075">
        <v>19</v>
      </c>
      <c r="AF5075">
        <v>19</v>
      </c>
      <c r="AG5075">
        <v>19</v>
      </c>
      <c r="AH5075">
        <v>19</v>
      </c>
      <c r="AI5075">
        <v>19</v>
      </c>
      <c r="AJ5075">
        <v>19</v>
      </c>
      <c r="AK5075">
        <v>18</v>
      </c>
      <c r="AL5075">
        <v>18</v>
      </c>
      <c r="AM5075">
        <v>18</v>
      </c>
      <c r="AN5075">
        <v>18</v>
      </c>
      <c r="AO5075">
        <v>18</v>
      </c>
      <c r="AP5075">
        <v>18</v>
      </c>
      <c r="AQ5075">
        <v>18</v>
      </c>
    </row>
    <row r="5076" spans="1:43">
      <c r="A5076" t="s">
        <v>3200</v>
      </c>
      <c r="B5076" t="s">
        <v>3201</v>
      </c>
      <c r="C5076" t="s">
        <v>2966</v>
      </c>
      <c r="D5076" t="s">
        <v>2967</v>
      </c>
      <c r="E5076" t="s">
        <v>2928</v>
      </c>
      <c r="F5076" t="s">
        <v>2929</v>
      </c>
      <c r="G5076" t="s">
        <v>80</v>
      </c>
      <c r="H5076" t="s">
        <v>81</v>
      </c>
      <c r="I5076" s="2">
        <v>1</v>
      </c>
      <c r="J5076" s="2">
        <v>0</v>
      </c>
      <c r="K5076" s="2">
        <v>0</v>
      </c>
      <c r="L5076" t="s">
        <v>120</v>
      </c>
      <c r="M5076" t="s">
        <v>89</v>
      </c>
      <c r="N5076" t="s">
        <v>90</v>
      </c>
      <c r="O5076" t="s">
        <v>85</v>
      </c>
      <c r="P5076" t="s">
        <v>86</v>
      </c>
      <c r="Q5076">
        <v>20</v>
      </c>
      <c r="R5076">
        <v>20</v>
      </c>
      <c r="S5076">
        <v>20</v>
      </c>
      <c r="T5076">
        <v>20</v>
      </c>
      <c r="U5076">
        <v>21</v>
      </c>
      <c r="V5076">
        <v>21</v>
      </c>
      <c r="W5076">
        <v>21</v>
      </c>
      <c r="X5076">
        <v>21</v>
      </c>
      <c r="Y5076">
        <v>21</v>
      </c>
      <c r="Z5076">
        <v>21</v>
      </c>
      <c r="AA5076">
        <v>21</v>
      </c>
      <c r="AB5076">
        <v>22</v>
      </c>
      <c r="AC5076">
        <v>22</v>
      </c>
      <c r="AD5076">
        <v>22</v>
      </c>
      <c r="AE5076">
        <v>22</v>
      </c>
      <c r="AF5076">
        <v>22</v>
      </c>
      <c r="AG5076">
        <v>21</v>
      </c>
      <c r="AH5076">
        <v>21</v>
      </c>
      <c r="AI5076">
        <v>21</v>
      </c>
      <c r="AJ5076">
        <v>21</v>
      </c>
      <c r="AK5076">
        <v>21</v>
      </c>
      <c r="AL5076">
        <v>21</v>
      </c>
      <c r="AM5076">
        <v>20</v>
      </c>
      <c r="AN5076">
        <v>20</v>
      </c>
      <c r="AO5076">
        <v>20</v>
      </c>
      <c r="AP5076">
        <v>20</v>
      </c>
      <c r="AQ5076">
        <v>20</v>
      </c>
    </row>
    <row r="5077" spans="1:43">
      <c r="A5077" t="s">
        <v>3200</v>
      </c>
      <c r="B5077" t="s">
        <v>3201</v>
      </c>
      <c r="C5077" t="s">
        <v>2966</v>
      </c>
      <c r="D5077" t="s">
        <v>2967</v>
      </c>
      <c r="E5077" t="s">
        <v>2928</v>
      </c>
      <c r="F5077" t="s">
        <v>2929</v>
      </c>
      <c r="G5077" t="s">
        <v>80</v>
      </c>
      <c r="H5077" t="s">
        <v>81</v>
      </c>
      <c r="I5077" s="2">
        <v>1</v>
      </c>
      <c r="J5077" s="2">
        <v>0</v>
      </c>
      <c r="K5077" s="2">
        <v>0</v>
      </c>
      <c r="L5077" t="s">
        <v>120</v>
      </c>
      <c r="M5077" t="s">
        <v>83</v>
      </c>
      <c r="N5077" t="s">
        <v>91</v>
      </c>
      <c r="O5077" t="s">
        <v>85</v>
      </c>
      <c r="P5077" t="s">
        <v>86</v>
      </c>
      <c r="Q5077">
        <v>20</v>
      </c>
      <c r="R5077">
        <v>20</v>
      </c>
      <c r="S5077">
        <v>20</v>
      </c>
      <c r="T5077">
        <v>20</v>
      </c>
      <c r="U5077">
        <v>20</v>
      </c>
      <c r="V5077">
        <v>20</v>
      </c>
      <c r="W5077">
        <v>20</v>
      </c>
      <c r="X5077">
        <v>20</v>
      </c>
      <c r="Y5077">
        <v>20</v>
      </c>
      <c r="Z5077">
        <v>20</v>
      </c>
      <c r="AA5077">
        <v>20</v>
      </c>
      <c r="AB5077">
        <v>20</v>
      </c>
      <c r="AC5077">
        <v>20</v>
      </c>
      <c r="AD5077">
        <v>20</v>
      </c>
      <c r="AE5077">
        <v>20</v>
      </c>
      <c r="AF5077">
        <v>20</v>
      </c>
      <c r="AG5077">
        <v>20</v>
      </c>
      <c r="AH5077">
        <v>20</v>
      </c>
      <c r="AI5077">
        <v>20</v>
      </c>
      <c r="AJ5077">
        <v>20</v>
      </c>
      <c r="AK5077">
        <v>20</v>
      </c>
      <c r="AL5077">
        <v>20</v>
      </c>
      <c r="AM5077">
        <v>20</v>
      </c>
      <c r="AN5077">
        <v>20</v>
      </c>
      <c r="AO5077">
        <v>20</v>
      </c>
      <c r="AP5077">
        <v>20</v>
      </c>
      <c r="AQ5077">
        <v>19</v>
      </c>
    </row>
    <row r="5078" spans="1:43">
      <c r="A5078" t="s">
        <v>3202</v>
      </c>
      <c r="B5078" t="s">
        <v>3203</v>
      </c>
      <c r="C5078" t="s">
        <v>3126</v>
      </c>
      <c r="D5078" t="s">
        <v>3127</v>
      </c>
      <c r="E5078" t="s">
        <v>2928</v>
      </c>
      <c r="F5078" t="s">
        <v>2929</v>
      </c>
      <c r="G5078" t="s">
        <v>80</v>
      </c>
      <c r="H5078" t="s">
        <v>81</v>
      </c>
      <c r="I5078" s="2">
        <v>1</v>
      </c>
      <c r="J5078" s="2">
        <v>0</v>
      </c>
      <c r="K5078" s="2">
        <v>0</v>
      </c>
      <c r="L5078" t="s">
        <v>120</v>
      </c>
      <c r="M5078" t="s">
        <v>83</v>
      </c>
      <c r="N5078" t="s">
        <v>84</v>
      </c>
      <c r="O5078" t="s">
        <v>85</v>
      </c>
      <c r="P5078" t="s">
        <v>86</v>
      </c>
      <c r="Q5078">
        <v>14</v>
      </c>
      <c r="R5078">
        <v>14</v>
      </c>
      <c r="S5078">
        <v>14</v>
      </c>
      <c r="T5078">
        <v>14</v>
      </c>
      <c r="U5078">
        <v>14</v>
      </c>
      <c r="V5078">
        <v>14</v>
      </c>
      <c r="W5078">
        <v>14</v>
      </c>
      <c r="X5078">
        <v>14</v>
      </c>
      <c r="Y5078">
        <v>14</v>
      </c>
      <c r="Z5078">
        <v>14</v>
      </c>
      <c r="AA5078">
        <v>14</v>
      </c>
      <c r="AB5078">
        <v>14</v>
      </c>
      <c r="AC5078">
        <v>14</v>
      </c>
      <c r="AD5078">
        <v>14</v>
      </c>
      <c r="AE5078">
        <v>14</v>
      </c>
      <c r="AF5078">
        <v>14</v>
      </c>
      <c r="AG5078">
        <v>14</v>
      </c>
      <c r="AH5078">
        <v>14</v>
      </c>
      <c r="AI5078">
        <v>14</v>
      </c>
      <c r="AJ5078">
        <v>14</v>
      </c>
      <c r="AK5078">
        <v>14</v>
      </c>
      <c r="AL5078">
        <v>14</v>
      </c>
      <c r="AM5078">
        <v>14</v>
      </c>
      <c r="AN5078">
        <v>14</v>
      </c>
      <c r="AO5078">
        <v>14</v>
      </c>
      <c r="AP5078">
        <v>14</v>
      </c>
      <c r="AQ5078">
        <v>14</v>
      </c>
    </row>
    <row r="5079" spans="1:43">
      <c r="A5079" t="s">
        <v>3202</v>
      </c>
      <c r="B5079" t="s">
        <v>3203</v>
      </c>
      <c r="C5079" t="s">
        <v>3126</v>
      </c>
      <c r="D5079" t="s">
        <v>3127</v>
      </c>
      <c r="E5079" t="s">
        <v>2928</v>
      </c>
      <c r="F5079" t="s">
        <v>2929</v>
      </c>
      <c r="G5079" t="s">
        <v>80</v>
      </c>
      <c r="H5079" t="s">
        <v>81</v>
      </c>
      <c r="I5079" s="2">
        <v>1</v>
      </c>
      <c r="J5079" s="2">
        <v>0</v>
      </c>
      <c r="K5079" s="2">
        <v>0</v>
      </c>
      <c r="L5079" t="s">
        <v>120</v>
      </c>
      <c r="M5079" t="s">
        <v>87</v>
      </c>
      <c r="N5079" t="s">
        <v>88</v>
      </c>
      <c r="O5079" t="s">
        <v>85</v>
      </c>
      <c r="P5079" t="s">
        <v>86</v>
      </c>
      <c r="Q5079">
        <v>14</v>
      </c>
      <c r="R5079">
        <v>14</v>
      </c>
      <c r="S5079">
        <v>14</v>
      </c>
      <c r="T5079">
        <v>14</v>
      </c>
      <c r="U5079">
        <v>14</v>
      </c>
      <c r="V5079">
        <v>14</v>
      </c>
      <c r="W5079">
        <v>14</v>
      </c>
      <c r="X5079">
        <v>14</v>
      </c>
      <c r="Y5079">
        <v>14</v>
      </c>
      <c r="Z5079">
        <v>14</v>
      </c>
      <c r="AA5079">
        <v>14</v>
      </c>
      <c r="AB5079">
        <v>14</v>
      </c>
      <c r="AC5079">
        <v>14</v>
      </c>
      <c r="AD5079">
        <v>14</v>
      </c>
      <c r="AE5079">
        <v>13</v>
      </c>
      <c r="AF5079">
        <v>13</v>
      </c>
      <c r="AG5079">
        <v>13</v>
      </c>
      <c r="AH5079">
        <v>13</v>
      </c>
      <c r="AI5079">
        <v>13</v>
      </c>
      <c r="AJ5079">
        <v>13</v>
      </c>
      <c r="AK5079">
        <v>13</v>
      </c>
      <c r="AL5079">
        <v>13</v>
      </c>
      <c r="AM5079">
        <v>13</v>
      </c>
      <c r="AN5079">
        <v>13</v>
      </c>
      <c r="AO5079">
        <v>13</v>
      </c>
      <c r="AP5079">
        <v>13</v>
      </c>
      <c r="AQ5079">
        <v>13</v>
      </c>
    </row>
    <row r="5080" spans="1:43">
      <c r="A5080" t="s">
        <v>3202</v>
      </c>
      <c r="B5080" t="s">
        <v>3203</v>
      </c>
      <c r="C5080" t="s">
        <v>3126</v>
      </c>
      <c r="D5080" t="s">
        <v>3127</v>
      </c>
      <c r="E5080" t="s">
        <v>2928</v>
      </c>
      <c r="F5080" t="s">
        <v>2929</v>
      </c>
      <c r="G5080" t="s">
        <v>80</v>
      </c>
      <c r="H5080" t="s">
        <v>81</v>
      </c>
      <c r="I5080" s="2">
        <v>1</v>
      </c>
      <c r="J5080" s="2">
        <v>0</v>
      </c>
      <c r="K5080" s="2">
        <v>0</v>
      </c>
      <c r="L5080" t="s">
        <v>120</v>
      </c>
      <c r="M5080" t="s">
        <v>89</v>
      </c>
      <c r="N5080" t="s">
        <v>90</v>
      </c>
      <c r="O5080" t="s">
        <v>85</v>
      </c>
      <c r="P5080" t="s">
        <v>86</v>
      </c>
      <c r="Q5080">
        <v>14</v>
      </c>
      <c r="R5080">
        <v>14</v>
      </c>
      <c r="S5080">
        <v>14</v>
      </c>
      <c r="T5080">
        <v>14</v>
      </c>
      <c r="U5080">
        <v>14</v>
      </c>
      <c r="V5080">
        <v>14</v>
      </c>
      <c r="W5080">
        <v>15</v>
      </c>
      <c r="X5080">
        <v>15</v>
      </c>
      <c r="Y5080">
        <v>15</v>
      </c>
      <c r="Z5080">
        <v>15</v>
      </c>
      <c r="AA5080">
        <v>15</v>
      </c>
      <c r="AB5080">
        <v>15</v>
      </c>
      <c r="AC5080">
        <v>15</v>
      </c>
      <c r="AD5080">
        <v>15</v>
      </c>
      <c r="AE5080">
        <v>15</v>
      </c>
      <c r="AF5080">
        <v>15</v>
      </c>
      <c r="AG5080">
        <v>15</v>
      </c>
      <c r="AH5080">
        <v>15</v>
      </c>
      <c r="AI5080">
        <v>15</v>
      </c>
      <c r="AJ5080">
        <v>14</v>
      </c>
      <c r="AK5080">
        <v>14</v>
      </c>
      <c r="AL5080">
        <v>14</v>
      </c>
      <c r="AM5080">
        <v>14</v>
      </c>
      <c r="AN5080">
        <v>14</v>
      </c>
      <c r="AO5080">
        <v>14</v>
      </c>
      <c r="AP5080">
        <v>14</v>
      </c>
      <c r="AQ5080">
        <v>14</v>
      </c>
    </row>
    <row r="5081" spans="1:43">
      <c r="A5081" t="s">
        <v>3202</v>
      </c>
      <c r="B5081" t="s">
        <v>3203</v>
      </c>
      <c r="C5081" t="s">
        <v>3126</v>
      </c>
      <c r="D5081" t="s">
        <v>3127</v>
      </c>
      <c r="E5081" t="s">
        <v>2928</v>
      </c>
      <c r="F5081" t="s">
        <v>2929</v>
      </c>
      <c r="G5081" t="s">
        <v>80</v>
      </c>
      <c r="H5081" t="s">
        <v>81</v>
      </c>
      <c r="I5081" s="2">
        <v>1</v>
      </c>
      <c r="J5081" s="2">
        <v>0</v>
      </c>
      <c r="K5081" s="2">
        <v>0</v>
      </c>
      <c r="L5081" t="s">
        <v>120</v>
      </c>
      <c r="M5081" t="s">
        <v>83</v>
      </c>
      <c r="N5081" t="s">
        <v>91</v>
      </c>
      <c r="O5081" t="s">
        <v>85</v>
      </c>
      <c r="P5081" t="s">
        <v>86</v>
      </c>
      <c r="Q5081">
        <v>14</v>
      </c>
      <c r="R5081">
        <v>14</v>
      </c>
      <c r="S5081">
        <v>14</v>
      </c>
      <c r="T5081">
        <v>14</v>
      </c>
      <c r="U5081">
        <v>14</v>
      </c>
      <c r="V5081">
        <v>14</v>
      </c>
      <c r="W5081">
        <v>14</v>
      </c>
      <c r="X5081">
        <v>14</v>
      </c>
      <c r="Y5081">
        <v>14</v>
      </c>
      <c r="Z5081">
        <v>14</v>
      </c>
      <c r="AA5081">
        <v>14</v>
      </c>
      <c r="AB5081">
        <v>14</v>
      </c>
      <c r="AC5081">
        <v>14</v>
      </c>
      <c r="AD5081">
        <v>14</v>
      </c>
      <c r="AE5081">
        <v>14</v>
      </c>
      <c r="AF5081">
        <v>14</v>
      </c>
      <c r="AG5081">
        <v>14</v>
      </c>
      <c r="AH5081">
        <v>14</v>
      </c>
      <c r="AI5081">
        <v>14</v>
      </c>
      <c r="AJ5081">
        <v>14</v>
      </c>
      <c r="AK5081">
        <v>14</v>
      </c>
      <c r="AL5081">
        <v>14</v>
      </c>
      <c r="AM5081">
        <v>14</v>
      </c>
      <c r="AN5081">
        <v>14</v>
      </c>
      <c r="AO5081">
        <v>14</v>
      </c>
      <c r="AP5081">
        <v>14</v>
      </c>
      <c r="AQ5081">
        <v>14</v>
      </c>
    </row>
    <row r="5082" spans="1:43">
      <c r="A5082" t="s">
        <v>3204</v>
      </c>
      <c r="B5082" t="s">
        <v>3205</v>
      </c>
      <c r="C5082" t="s">
        <v>3198</v>
      </c>
      <c r="D5082" t="s">
        <v>3199</v>
      </c>
      <c r="E5082" t="s">
        <v>2928</v>
      </c>
      <c r="F5082" t="s">
        <v>2929</v>
      </c>
      <c r="G5082" t="s">
        <v>80</v>
      </c>
      <c r="H5082" t="s">
        <v>81</v>
      </c>
      <c r="I5082" s="2">
        <v>1</v>
      </c>
      <c r="J5082" s="2">
        <v>0</v>
      </c>
      <c r="K5082" s="2">
        <v>0</v>
      </c>
      <c r="L5082" t="s">
        <v>120</v>
      </c>
      <c r="M5082" t="s">
        <v>83</v>
      </c>
      <c r="N5082" t="s">
        <v>84</v>
      </c>
      <c r="O5082" t="s">
        <v>85</v>
      </c>
      <c r="P5082" t="s">
        <v>86</v>
      </c>
      <c r="Q5082">
        <v>96</v>
      </c>
      <c r="R5082">
        <v>96</v>
      </c>
      <c r="S5082">
        <v>97</v>
      </c>
      <c r="T5082">
        <v>97</v>
      </c>
      <c r="U5082">
        <v>97</v>
      </c>
      <c r="V5082">
        <v>98</v>
      </c>
      <c r="W5082">
        <v>98</v>
      </c>
      <c r="X5082">
        <v>98</v>
      </c>
      <c r="Y5082">
        <v>99</v>
      </c>
      <c r="Z5082">
        <v>99</v>
      </c>
      <c r="AA5082">
        <v>99</v>
      </c>
      <c r="AB5082">
        <v>99</v>
      </c>
      <c r="AC5082">
        <v>99</v>
      </c>
      <c r="AD5082">
        <v>99</v>
      </c>
      <c r="AE5082">
        <v>100</v>
      </c>
      <c r="AF5082">
        <v>100</v>
      </c>
      <c r="AG5082">
        <v>100</v>
      </c>
      <c r="AH5082">
        <v>100</v>
      </c>
      <c r="AI5082">
        <v>100</v>
      </c>
      <c r="AJ5082">
        <v>100</v>
      </c>
      <c r="AK5082">
        <v>100</v>
      </c>
      <c r="AL5082">
        <v>100</v>
      </c>
      <c r="AM5082">
        <v>99</v>
      </c>
      <c r="AN5082">
        <v>98</v>
      </c>
      <c r="AO5082">
        <v>97</v>
      </c>
      <c r="AP5082">
        <v>97</v>
      </c>
      <c r="AQ5082">
        <v>96</v>
      </c>
    </row>
    <row r="5083" spans="1:43">
      <c r="A5083" t="s">
        <v>3204</v>
      </c>
      <c r="B5083" t="s">
        <v>3205</v>
      </c>
      <c r="C5083" t="s">
        <v>3198</v>
      </c>
      <c r="D5083" t="s">
        <v>3199</v>
      </c>
      <c r="E5083" t="s">
        <v>2928</v>
      </c>
      <c r="F5083" t="s">
        <v>2929</v>
      </c>
      <c r="G5083" t="s">
        <v>80</v>
      </c>
      <c r="H5083" t="s">
        <v>81</v>
      </c>
      <c r="I5083" s="2">
        <v>1</v>
      </c>
      <c r="J5083" s="2">
        <v>0</v>
      </c>
      <c r="K5083" s="2">
        <v>0</v>
      </c>
      <c r="L5083" t="s">
        <v>120</v>
      </c>
      <c r="M5083" t="s">
        <v>87</v>
      </c>
      <c r="N5083" t="s">
        <v>88</v>
      </c>
      <c r="O5083" t="s">
        <v>85</v>
      </c>
      <c r="P5083" t="s">
        <v>86</v>
      </c>
      <c r="Q5083">
        <v>96</v>
      </c>
      <c r="R5083">
        <v>95</v>
      </c>
      <c r="S5083">
        <v>95</v>
      </c>
      <c r="T5083">
        <v>95</v>
      </c>
      <c r="U5083">
        <v>94</v>
      </c>
      <c r="V5083">
        <v>94</v>
      </c>
      <c r="W5083">
        <v>93</v>
      </c>
      <c r="X5083">
        <v>93</v>
      </c>
      <c r="Y5083">
        <v>92</v>
      </c>
      <c r="Z5083">
        <v>92</v>
      </c>
      <c r="AA5083">
        <v>91</v>
      </c>
      <c r="AB5083">
        <v>91</v>
      </c>
      <c r="AC5083">
        <v>90</v>
      </c>
      <c r="AD5083">
        <v>90</v>
      </c>
      <c r="AE5083">
        <v>90</v>
      </c>
      <c r="AF5083">
        <v>89</v>
      </c>
      <c r="AG5083">
        <v>89</v>
      </c>
      <c r="AH5083">
        <v>88</v>
      </c>
      <c r="AI5083">
        <v>88</v>
      </c>
      <c r="AJ5083">
        <v>87</v>
      </c>
      <c r="AK5083">
        <v>87</v>
      </c>
      <c r="AL5083">
        <v>86</v>
      </c>
      <c r="AM5083">
        <v>86</v>
      </c>
      <c r="AN5083">
        <v>86</v>
      </c>
      <c r="AO5083">
        <v>85</v>
      </c>
      <c r="AP5083">
        <v>85</v>
      </c>
      <c r="AQ5083">
        <v>84</v>
      </c>
    </row>
    <row r="5084" spans="1:43">
      <c r="A5084" t="s">
        <v>3204</v>
      </c>
      <c r="B5084" t="s">
        <v>3205</v>
      </c>
      <c r="C5084" t="s">
        <v>3198</v>
      </c>
      <c r="D5084" t="s">
        <v>3199</v>
      </c>
      <c r="E5084" t="s">
        <v>2928</v>
      </c>
      <c r="F5084" t="s">
        <v>2929</v>
      </c>
      <c r="G5084" t="s">
        <v>80</v>
      </c>
      <c r="H5084" t="s">
        <v>81</v>
      </c>
      <c r="I5084" s="2">
        <v>1</v>
      </c>
      <c r="J5084" s="2">
        <v>0</v>
      </c>
      <c r="K5084" s="2">
        <v>0</v>
      </c>
      <c r="L5084" t="s">
        <v>120</v>
      </c>
      <c r="M5084" t="s">
        <v>89</v>
      </c>
      <c r="N5084" t="s">
        <v>90</v>
      </c>
      <c r="O5084" t="s">
        <v>85</v>
      </c>
      <c r="P5084" t="s">
        <v>86</v>
      </c>
      <c r="Q5084">
        <v>96</v>
      </c>
      <c r="R5084">
        <v>97</v>
      </c>
      <c r="S5084">
        <v>98</v>
      </c>
      <c r="T5084">
        <v>99</v>
      </c>
      <c r="U5084">
        <v>100</v>
      </c>
      <c r="V5084">
        <v>101</v>
      </c>
      <c r="W5084">
        <v>102</v>
      </c>
      <c r="X5084">
        <v>103</v>
      </c>
      <c r="Y5084">
        <v>103</v>
      </c>
      <c r="Z5084">
        <v>104</v>
      </c>
      <c r="AA5084">
        <v>104</v>
      </c>
      <c r="AB5084">
        <v>105</v>
      </c>
      <c r="AC5084">
        <v>105</v>
      </c>
      <c r="AD5084">
        <v>106</v>
      </c>
      <c r="AE5084">
        <v>106</v>
      </c>
      <c r="AF5084">
        <v>105</v>
      </c>
      <c r="AG5084">
        <v>104</v>
      </c>
      <c r="AH5084">
        <v>103</v>
      </c>
      <c r="AI5084">
        <v>102</v>
      </c>
      <c r="AJ5084">
        <v>101</v>
      </c>
      <c r="AK5084">
        <v>100</v>
      </c>
      <c r="AL5084">
        <v>100</v>
      </c>
      <c r="AM5084">
        <v>99</v>
      </c>
      <c r="AN5084">
        <v>98</v>
      </c>
      <c r="AO5084">
        <v>97</v>
      </c>
      <c r="AP5084">
        <v>96</v>
      </c>
      <c r="AQ5084">
        <v>96</v>
      </c>
    </row>
    <row r="5085" spans="1:43">
      <c r="A5085" t="s">
        <v>3204</v>
      </c>
      <c r="B5085" t="s">
        <v>3205</v>
      </c>
      <c r="C5085" t="s">
        <v>3198</v>
      </c>
      <c r="D5085" t="s">
        <v>3199</v>
      </c>
      <c r="E5085" t="s">
        <v>2928</v>
      </c>
      <c r="F5085" t="s">
        <v>2929</v>
      </c>
      <c r="G5085" t="s">
        <v>80</v>
      </c>
      <c r="H5085" t="s">
        <v>81</v>
      </c>
      <c r="I5085" s="2">
        <v>1</v>
      </c>
      <c r="J5085" s="2">
        <v>0</v>
      </c>
      <c r="K5085" s="2">
        <v>0</v>
      </c>
      <c r="L5085" t="s">
        <v>120</v>
      </c>
      <c r="M5085" t="s">
        <v>83</v>
      </c>
      <c r="N5085" t="s">
        <v>91</v>
      </c>
      <c r="O5085" t="s">
        <v>85</v>
      </c>
      <c r="P5085" t="s">
        <v>86</v>
      </c>
      <c r="Q5085">
        <v>96</v>
      </c>
      <c r="R5085">
        <v>96</v>
      </c>
      <c r="S5085">
        <v>97</v>
      </c>
      <c r="T5085">
        <v>97</v>
      </c>
      <c r="U5085">
        <v>97</v>
      </c>
      <c r="V5085">
        <v>98</v>
      </c>
      <c r="W5085">
        <v>98</v>
      </c>
      <c r="X5085">
        <v>98</v>
      </c>
      <c r="Y5085">
        <v>99</v>
      </c>
      <c r="Z5085">
        <v>99</v>
      </c>
      <c r="AA5085">
        <v>99</v>
      </c>
      <c r="AB5085">
        <v>99</v>
      </c>
      <c r="AC5085">
        <v>99</v>
      </c>
      <c r="AD5085">
        <v>99</v>
      </c>
      <c r="AE5085">
        <v>100</v>
      </c>
      <c r="AF5085">
        <v>100</v>
      </c>
      <c r="AG5085">
        <v>100</v>
      </c>
      <c r="AH5085">
        <v>100</v>
      </c>
      <c r="AI5085">
        <v>100</v>
      </c>
      <c r="AJ5085">
        <v>100</v>
      </c>
      <c r="AK5085">
        <v>100</v>
      </c>
      <c r="AL5085">
        <v>100</v>
      </c>
      <c r="AM5085">
        <v>99</v>
      </c>
      <c r="AN5085">
        <v>98</v>
      </c>
      <c r="AO5085">
        <v>97</v>
      </c>
      <c r="AP5085">
        <v>97</v>
      </c>
      <c r="AQ5085">
        <v>96</v>
      </c>
    </row>
    <row r="5086" spans="1:43">
      <c r="A5086" t="s">
        <v>3206</v>
      </c>
      <c r="B5086" t="s">
        <v>3207</v>
      </c>
      <c r="C5086" t="s">
        <v>3126</v>
      </c>
      <c r="D5086" t="s">
        <v>3127</v>
      </c>
      <c r="E5086" t="s">
        <v>2928</v>
      </c>
      <c r="F5086" t="s">
        <v>2929</v>
      </c>
      <c r="G5086" t="s">
        <v>80</v>
      </c>
      <c r="H5086" t="s">
        <v>81</v>
      </c>
      <c r="I5086" s="2">
        <v>1</v>
      </c>
      <c r="J5086" s="2">
        <v>0</v>
      </c>
      <c r="K5086" s="2">
        <v>0</v>
      </c>
      <c r="L5086" t="s">
        <v>120</v>
      </c>
      <c r="M5086" t="s">
        <v>83</v>
      </c>
      <c r="N5086" t="s">
        <v>84</v>
      </c>
      <c r="O5086" t="s">
        <v>85</v>
      </c>
      <c r="P5086" t="s">
        <v>86</v>
      </c>
      <c r="Q5086">
        <v>5</v>
      </c>
      <c r="R5086">
        <v>5</v>
      </c>
      <c r="S5086">
        <v>5</v>
      </c>
      <c r="T5086">
        <v>5</v>
      </c>
      <c r="U5086">
        <v>5</v>
      </c>
      <c r="V5086">
        <v>5</v>
      </c>
      <c r="W5086">
        <v>5</v>
      </c>
      <c r="X5086">
        <v>5</v>
      </c>
      <c r="Y5086">
        <v>5</v>
      </c>
      <c r="Z5086">
        <v>5</v>
      </c>
      <c r="AA5086">
        <v>5</v>
      </c>
      <c r="AB5086">
        <v>5</v>
      </c>
      <c r="AC5086">
        <v>5</v>
      </c>
      <c r="AD5086">
        <v>5</v>
      </c>
      <c r="AE5086">
        <v>5</v>
      </c>
      <c r="AF5086">
        <v>5</v>
      </c>
      <c r="AG5086">
        <v>5</v>
      </c>
      <c r="AH5086">
        <v>5</v>
      </c>
      <c r="AI5086">
        <v>5</v>
      </c>
      <c r="AJ5086">
        <v>5</v>
      </c>
      <c r="AK5086">
        <v>5</v>
      </c>
      <c r="AL5086">
        <v>5</v>
      </c>
      <c r="AM5086">
        <v>5</v>
      </c>
      <c r="AN5086">
        <v>5</v>
      </c>
      <c r="AO5086">
        <v>5</v>
      </c>
      <c r="AP5086">
        <v>5</v>
      </c>
      <c r="AQ5086">
        <v>5</v>
      </c>
    </row>
    <row r="5087" spans="1:43">
      <c r="A5087" t="s">
        <v>3206</v>
      </c>
      <c r="B5087" t="s">
        <v>3207</v>
      </c>
      <c r="C5087" t="s">
        <v>3126</v>
      </c>
      <c r="D5087" t="s">
        <v>3127</v>
      </c>
      <c r="E5087" t="s">
        <v>2928</v>
      </c>
      <c r="F5087" t="s">
        <v>2929</v>
      </c>
      <c r="G5087" t="s">
        <v>80</v>
      </c>
      <c r="H5087" t="s">
        <v>81</v>
      </c>
      <c r="I5087" s="2">
        <v>1</v>
      </c>
      <c r="J5087" s="2">
        <v>0</v>
      </c>
      <c r="K5087" s="2">
        <v>0</v>
      </c>
      <c r="L5087" t="s">
        <v>120</v>
      </c>
      <c r="M5087" t="s">
        <v>87</v>
      </c>
      <c r="N5087" t="s">
        <v>88</v>
      </c>
      <c r="O5087" t="s">
        <v>85</v>
      </c>
      <c r="P5087" t="s">
        <v>86</v>
      </c>
      <c r="Q5087">
        <v>5</v>
      </c>
      <c r="R5087">
        <v>5</v>
      </c>
      <c r="S5087">
        <v>5</v>
      </c>
      <c r="T5087">
        <v>5</v>
      </c>
      <c r="U5087">
        <v>5</v>
      </c>
      <c r="V5087">
        <v>5</v>
      </c>
      <c r="W5087">
        <v>5</v>
      </c>
      <c r="X5087">
        <v>5</v>
      </c>
      <c r="Y5087">
        <v>5</v>
      </c>
      <c r="Z5087">
        <v>5</v>
      </c>
      <c r="AA5087">
        <v>5</v>
      </c>
      <c r="AB5087">
        <v>4</v>
      </c>
      <c r="AC5087">
        <v>4</v>
      </c>
      <c r="AD5087">
        <v>4</v>
      </c>
      <c r="AE5087">
        <v>4</v>
      </c>
      <c r="AF5087">
        <v>4</v>
      </c>
      <c r="AG5087">
        <v>4</v>
      </c>
      <c r="AH5087">
        <v>4</v>
      </c>
      <c r="AI5087">
        <v>4</v>
      </c>
      <c r="AJ5087">
        <v>4</v>
      </c>
      <c r="AK5087">
        <v>4</v>
      </c>
      <c r="AL5087">
        <v>4</v>
      </c>
      <c r="AM5087">
        <v>4</v>
      </c>
      <c r="AN5087">
        <v>4</v>
      </c>
      <c r="AO5087">
        <v>4</v>
      </c>
      <c r="AP5087">
        <v>4</v>
      </c>
      <c r="AQ5087">
        <v>4</v>
      </c>
    </row>
    <row r="5088" spans="1:43">
      <c r="A5088" t="s">
        <v>3206</v>
      </c>
      <c r="B5088" t="s">
        <v>3207</v>
      </c>
      <c r="C5088" t="s">
        <v>3126</v>
      </c>
      <c r="D5088" t="s">
        <v>3127</v>
      </c>
      <c r="E5088" t="s">
        <v>2928</v>
      </c>
      <c r="F5088" t="s">
        <v>2929</v>
      </c>
      <c r="G5088" t="s">
        <v>80</v>
      </c>
      <c r="H5088" t="s">
        <v>81</v>
      </c>
      <c r="I5088" s="2">
        <v>1</v>
      </c>
      <c r="J5088" s="2">
        <v>0</v>
      </c>
      <c r="K5088" s="2">
        <v>0</v>
      </c>
      <c r="L5088" t="s">
        <v>120</v>
      </c>
      <c r="M5088" t="s">
        <v>89</v>
      </c>
      <c r="N5088" t="s">
        <v>90</v>
      </c>
      <c r="O5088" t="s">
        <v>85</v>
      </c>
      <c r="P5088" t="s">
        <v>86</v>
      </c>
      <c r="Q5088">
        <v>5</v>
      </c>
      <c r="R5088">
        <v>5</v>
      </c>
      <c r="S5088">
        <v>5</v>
      </c>
      <c r="T5088">
        <v>5</v>
      </c>
      <c r="U5088">
        <v>5</v>
      </c>
      <c r="V5088">
        <v>5</v>
      </c>
      <c r="W5088">
        <v>5</v>
      </c>
      <c r="X5088">
        <v>5</v>
      </c>
      <c r="Y5088">
        <v>5</v>
      </c>
      <c r="Z5088">
        <v>5</v>
      </c>
      <c r="AA5088">
        <v>5</v>
      </c>
      <c r="AB5088">
        <v>5</v>
      </c>
      <c r="AC5088">
        <v>5</v>
      </c>
      <c r="AD5088">
        <v>5</v>
      </c>
      <c r="AE5088">
        <v>5</v>
      </c>
      <c r="AF5088">
        <v>5</v>
      </c>
      <c r="AG5088">
        <v>5</v>
      </c>
      <c r="AH5088">
        <v>5</v>
      </c>
      <c r="AI5088">
        <v>5</v>
      </c>
      <c r="AJ5088">
        <v>5</v>
      </c>
      <c r="AK5088">
        <v>5</v>
      </c>
      <c r="AL5088">
        <v>5</v>
      </c>
      <c r="AM5088">
        <v>5</v>
      </c>
      <c r="AN5088">
        <v>5</v>
      </c>
      <c r="AO5088">
        <v>5</v>
      </c>
      <c r="AP5088">
        <v>5</v>
      </c>
      <c r="AQ5088">
        <v>5</v>
      </c>
    </row>
    <row r="5089" spans="1:43">
      <c r="A5089" t="s">
        <v>3206</v>
      </c>
      <c r="B5089" t="s">
        <v>3207</v>
      </c>
      <c r="C5089" t="s">
        <v>3126</v>
      </c>
      <c r="D5089" t="s">
        <v>3127</v>
      </c>
      <c r="E5089" t="s">
        <v>2928</v>
      </c>
      <c r="F5089" t="s">
        <v>2929</v>
      </c>
      <c r="G5089" t="s">
        <v>80</v>
      </c>
      <c r="H5089" t="s">
        <v>81</v>
      </c>
      <c r="I5089" s="2">
        <v>1</v>
      </c>
      <c r="J5089" s="2">
        <v>0</v>
      </c>
      <c r="K5089" s="2">
        <v>0</v>
      </c>
      <c r="L5089" t="s">
        <v>120</v>
      </c>
      <c r="M5089" t="s">
        <v>83</v>
      </c>
      <c r="N5089" t="s">
        <v>91</v>
      </c>
      <c r="O5089" t="s">
        <v>85</v>
      </c>
      <c r="P5089" t="s">
        <v>86</v>
      </c>
      <c r="Q5089">
        <v>5</v>
      </c>
      <c r="R5089">
        <v>5</v>
      </c>
      <c r="S5089">
        <v>5</v>
      </c>
      <c r="T5089">
        <v>5</v>
      </c>
      <c r="U5089">
        <v>5</v>
      </c>
      <c r="V5089">
        <v>5</v>
      </c>
      <c r="W5089">
        <v>5</v>
      </c>
      <c r="X5089">
        <v>5</v>
      </c>
      <c r="Y5089">
        <v>5</v>
      </c>
      <c r="Z5089">
        <v>5</v>
      </c>
      <c r="AA5089">
        <v>5</v>
      </c>
      <c r="AB5089">
        <v>5</v>
      </c>
      <c r="AC5089">
        <v>5</v>
      </c>
      <c r="AD5089">
        <v>5</v>
      </c>
      <c r="AE5089">
        <v>5</v>
      </c>
      <c r="AF5089">
        <v>5</v>
      </c>
      <c r="AG5089">
        <v>5</v>
      </c>
      <c r="AH5089">
        <v>5</v>
      </c>
      <c r="AI5089">
        <v>5</v>
      </c>
      <c r="AJ5089">
        <v>5</v>
      </c>
      <c r="AK5089">
        <v>5</v>
      </c>
      <c r="AL5089">
        <v>5</v>
      </c>
      <c r="AM5089">
        <v>5</v>
      </c>
      <c r="AN5089">
        <v>5</v>
      </c>
      <c r="AO5089">
        <v>5</v>
      </c>
      <c r="AP5089">
        <v>5</v>
      </c>
      <c r="AQ5089">
        <v>5</v>
      </c>
    </row>
    <row r="5090" spans="1:43">
      <c r="A5090" t="s">
        <v>3208</v>
      </c>
      <c r="B5090" t="s">
        <v>3209</v>
      </c>
      <c r="C5090" t="s">
        <v>2940</v>
      </c>
      <c r="D5090" t="s">
        <v>2941</v>
      </c>
      <c r="E5090" t="s">
        <v>2928</v>
      </c>
      <c r="F5090" t="s">
        <v>2929</v>
      </c>
      <c r="G5090" t="s">
        <v>80</v>
      </c>
      <c r="H5090" t="s">
        <v>81</v>
      </c>
      <c r="I5090" s="2">
        <v>1</v>
      </c>
      <c r="J5090" s="2">
        <v>0</v>
      </c>
      <c r="K5090" s="2">
        <v>0</v>
      </c>
      <c r="L5090" t="s">
        <v>120</v>
      </c>
      <c r="M5090" t="s">
        <v>83</v>
      </c>
      <c r="N5090" t="s">
        <v>84</v>
      </c>
      <c r="O5090" t="s">
        <v>85</v>
      </c>
      <c r="P5090" t="s">
        <v>86</v>
      </c>
      <c r="Q5090">
        <v>11</v>
      </c>
      <c r="R5090">
        <v>11</v>
      </c>
      <c r="S5090">
        <v>11</v>
      </c>
      <c r="T5090">
        <v>11</v>
      </c>
      <c r="U5090">
        <v>12</v>
      </c>
      <c r="V5090">
        <v>12</v>
      </c>
      <c r="W5090">
        <v>12</v>
      </c>
      <c r="X5090">
        <v>12</v>
      </c>
      <c r="Y5090">
        <v>12</v>
      </c>
      <c r="Z5090">
        <v>12</v>
      </c>
      <c r="AA5090">
        <v>12</v>
      </c>
      <c r="AB5090">
        <v>12</v>
      </c>
      <c r="AC5090">
        <v>12</v>
      </c>
      <c r="AD5090">
        <v>12</v>
      </c>
      <c r="AE5090">
        <v>12</v>
      </c>
      <c r="AF5090">
        <v>12</v>
      </c>
      <c r="AG5090">
        <v>12</v>
      </c>
      <c r="AH5090">
        <v>12</v>
      </c>
      <c r="AI5090">
        <v>12</v>
      </c>
      <c r="AJ5090">
        <v>12</v>
      </c>
      <c r="AK5090">
        <v>12</v>
      </c>
      <c r="AL5090">
        <v>12</v>
      </c>
      <c r="AM5090">
        <v>12</v>
      </c>
      <c r="AN5090">
        <v>12</v>
      </c>
      <c r="AO5090">
        <v>11</v>
      </c>
      <c r="AP5090">
        <v>11</v>
      </c>
      <c r="AQ5090">
        <v>11</v>
      </c>
    </row>
    <row r="5091" spans="1:43">
      <c r="A5091" t="s">
        <v>3208</v>
      </c>
      <c r="B5091" t="s">
        <v>3209</v>
      </c>
      <c r="C5091" t="s">
        <v>2940</v>
      </c>
      <c r="D5091" t="s">
        <v>2941</v>
      </c>
      <c r="E5091" t="s">
        <v>2928</v>
      </c>
      <c r="F5091" t="s">
        <v>2929</v>
      </c>
      <c r="G5091" t="s">
        <v>80</v>
      </c>
      <c r="H5091" t="s">
        <v>81</v>
      </c>
      <c r="I5091" s="2">
        <v>1</v>
      </c>
      <c r="J5091" s="2">
        <v>0</v>
      </c>
      <c r="K5091" s="2">
        <v>0</v>
      </c>
      <c r="L5091" t="s">
        <v>120</v>
      </c>
      <c r="M5091" t="s">
        <v>87</v>
      </c>
      <c r="N5091" t="s">
        <v>88</v>
      </c>
      <c r="O5091" t="s">
        <v>85</v>
      </c>
      <c r="P5091" t="s">
        <v>86</v>
      </c>
      <c r="Q5091">
        <v>11</v>
      </c>
      <c r="R5091">
        <v>11</v>
      </c>
      <c r="S5091">
        <v>11</v>
      </c>
      <c r="T5091">
        <v>11</v>
      </c>
      <c r="U5091">
        <v>11</v>
      </c>
      <c r="V5091">
        <v>11</v>
      </c>
      <c r="W5091">
        <v>11</v>
      </c>
      <c r="X5091">
        <v>11</v>
      </c>
      <c r="Y5091">
        <v>11</v>
      </c>
      <c r="Z5091">
        <v>11</v>
      </c>
      <c r="AA5091">
        <v>11</v>
      </c>
      <c r="AB5091">
        <v>11</v>
      </c>
      <c r="AC5091">
        <v>11</v>
      </c>
      <c r="AD5091">
        <v>10</v>
      </c>
      <c r="AE5091">
        <v>10</v>
      </c>
      <c r="AF5091">
        <v>10</v>
      </c>
      <c r="AG5091">
        <v>10</v>
      </c>
      <c r="AH5091">
        <v>10</v>
      </c>
      <c r="AI5091">
        <v>10</v>
      </c>
      <c r="AJ5091">
        <v>10</v>
      </c>
      <c r="AK5091">
        <v>10</v>
      </c>
      <c r="AL5091">
        <v>10</v>
      </c>
      <c r="AM5091">
        <v>10</v>
      </c>
      <c r="AN5091">
        <v>10</v>
      </c>
      <c r="AO5091">
        <v>10</v>
      </c>
      <c r="AP5091">
        <v>10</v>
      </c>
      <c r="AQ5091">
        <v>10</v>
      </c>
    </row>
    <row r="5092" spans="1:43">
      <c r="A5092" t="s">
        <v>3208</v>
      </c>
      <c r="B5092" t="s">
        <v>3209</v>
      </c>
      <c r="C5092" t="s">
        <v>2940</v>
      </c>
      <c r="D5092" t="s">
        <v>2941</v>
      </c>
      <c r="E5092" t="s">
        <v>2928</v>
      </c>
      <c r="F5092" t="s">
        <v>2929</v>
      </c>
      <c r="G5092" t="s">
        <v>80</v>
      </c>
      <c r="H5092" t="s">
        <v>81</v>
      </c>
      <c r="I5092" s="2">
        <v>1</v>
      </c>
      <c r="J5092" s="2">
        <v>0</v>
      </c>
      <c r="K5092" s="2">
        <v>0</v>
      </c>
      <c r="L5092" t="s">
        <v>120</v>
      </c>
      <c r="M5092" t="s">
        <v>89</v>
      </c>
      <c r="N5092" t="s">
        <v>90</v>
      </c>
      <c r="O5092" t="s">
        <v>85</v>
      </c>
      <c r="P5092" t="s">
        <v>86</v>
      </c>
      <c r="Q5092">
        <v>11</v>
      </c>
      <c r="R5092">
        <v>12</v>
      </c>
      <c r="S5092">
        <v>12</v>
      </c>
      <c r="T5092">
        <v>12</v>
      </c>
      <c r="U5092">
        <v>12</v>
      </c>
      <c r="V5092">
        <v>12</v>
      </c>
      <c r="W5092">
        <v>12</v>
      </c>
      <c r="X5092">
        <v>12</v>
      </c>
      <c r="Y5092">
        <v>12</v>
      </c>
      <c r="Z5092">
        <v>12</v>
      </c>
      <c r="AA5092">
        <v>12</v>
      </c>
      <c r="AB5092">
        <v>12</v>
      </c>
      <c r="AC5092">
        <v>13</v>
      </c>
      <c r="AD5092">
        <v>13</v>
      </c>
      <c r="AE5092">
        <v>13</v>
      </c>
      <c r="AF5092">
        <v>13</v>
      </c>
      <c r="AG5092">
        <v>12</v>
      </c>
      <c r="AH5092">
        <v>12</v>
      </c>
      <c r="AI5092">
        <v>12</v>
      </c>
      <c r="AJ5092">
        <v>12</v>
      </c>
      <c r="AK5092">
        <v>12</v>
      </c>
      <c r="AL5092">
        <v>12</v>
      </c>
      <c r="AM5092">
        <v>12</v>
      </c>
      <c r="AN5092">
        <v>12</v>
      </c>
      <c r="AO5092">
        <v>12</v>
      </c>
      <c r="AP5092">
        <v>12</v>
      </c>
      <c r="AQ5092">
        <v>11</v>
      </c>
    </row>
    <row r="5093" spans="1:43">
      <c r="A5093" t="s">
        <v>3208</v>
      </c>
      <c r="B5093" t="s">
        <v>3209</v>
      </c>
      <c r="C5093" t="s">
        <v>2940</v>
      </c>
      <c r="D5093" t="s">
        <v>2941</v>
      </c>
      <c r="E5093" t="s">
        <v>2928</v>
      </c>
      <c r="F5093" t="s">
        <v>2929</v>
      </c>
      <c r="G5093" t="s">
        <v>80</v>
      </c>
      <c r="H5093" t="s">
        <v>81</v>
      </c>
      <c r="I5093" s="2">
        <v>1</v>
      </c>
      <c r="J5093" s="2">
        <v>0</v>
      </c>
      <c r="K5093" s="2">
        <v>0</v>
      </c>
      <c r="L5093" t="s">
        <v>120</v>
      </c>
      <c r="M5093" t="s">
        <v>83</v>
      </c>
      <c r="N5093" t="s">
        <v>91</v>
      </c>
      <c r="O5093" t="s">
        <v>85</v>
      </c>
      <c r="P5093" t="s">
        <v>86</v>
      </c>
      <c r="Q5093">
        <v>11</v>
      </c>
      <c r="R5093">
        <v>11</v>
      </c>
      <c r="S5093">
        <v>11</v>
      </c>
      <c r="T5093">
        <v>11</v>
      </c>
      <c r="U5093">
        <v>12</v>
      </c>
      <c r="V5093">
        <v>12</v>
      </c>
      <c r="W5093">
        <v>12</v>
      </c>
      <c r="X5093">
        <v>12</v>
      </c>
      <c r="Y5093">
        <v>12</v>
      </c>
      <c r="Z5093">
        <v>12</v>
      </c>
      <c r="AA5093">
        <v>12</v>
      </c>
      <c r="AB5093">
        <v>12</v>
      </c>
      <c r="AC5093">
        <v>12</v>
      </c>
      <c r="AD5093">
        <v>12</v>
      </c>
      <c r="AE5093">
        <v>12</v>
      </c>
      <c r="AF5093">
        <v>12</v>
      </c>
      <c r="AG5093">
        <v>12</v>
      </c>
      <c r="AH5093">
        <v>12</v>
      </c>
      <c r="AI5093">
        <v>12</v>
      </c>
      <c r="AJ5093">
        <v>12</v>
      </c>
      <c r="AK5093">
        <v>12</v>
      </c>
      <c r="AL5093">
        <v>12</v>
      </c>
      <c r="AM5093">
        <v>12</v>
      </c>
      <c r="AN5093">
        <v>12</v>
      </c>
      <c r="AO5093">
        <v>11</v>
      </c>
      <c r="AP5093">
        <v>11</v>
      </c>
      <c r="AQ5093">
        <v>11</v>
      </c>
    </row>
    <row r="5094" spans="1:43">
      <c r="A5094" t="s">
        <v>3210</v>
      </c>
      <c r="B5094" t="s">
        <v>3211</v>
      </c>
      <c r="C5094" t="s">
        <v>2926</v>
      </c>
      <c r="D5094" t="s">
        <v>2927</v>
      </c>
      <c r="E5094" t="s">
        <v>2928</v>
      </c>
      <c r="F5094" t="s">
        <v>2929</v>
      </c>
      <c r="G5094" t="s">
        <v>80</v>
      </c>
      <c r="H5094" t="s">
        <v>81</v>
      </c>
      <c r="I5094" s="2">
        <v>1</v>
      </c>
      <c r="J5094" s="2">
        <v>0</v>
      </c>
      <c r="K5094" s="2">
        <v>0</v>
      </c>
      <c r="L5094" t="s">
        <v>120</v>
      </c>
      <c r="M5094" t="s">
        <v>83</v>
      </c>
      <c r="N5094" t="s">
        <v>84</v>
      </c>
      <c r="O5094" t="s">
        <v>85</v>
      </c>
      <c r="P5094" t="s">
        <v>86</v>
      </c>
      <c r="Q5094">
        <v>62</v>
      </c>
      <c r="R5094">
        <v>62</v>
      </c>
      <c r="S5094">
        <v>62</v>
      </c>
      <c r="T5094">
        <v>63</v>
      </c>
      <c r="U5094">
        <v>63</v>
      </c>
      <c r="V5094">
        <v>63</v>
      </c>
      <c r="W5094">
        <v>63</v>
      </c>
      <c r="X5094">
        <v>63</v>
      </c>
      <c r="Y5094">
        <v>64</v>
      </c>
      <c r="Z5094">
        <v>64</v>
      </c>
      <c r="AA5094">
        <v>64</v>
      </c>
      <c r="AB5094">
        <v>64</v>
      </c>
      <c r="AC5094">
        <v>64</v>
      </c>
      <c r="AD5094">
        <v>64</v>
      </c>
      <c r="AE5094">
        <v>64</v>
      </c>
      <c r="AF5094">
        <v>64</v>
      </c>
      <c r="AG5094">
        <v>64</v>
      </c>
      <c r="AH5094">
        <v>64</v>
      </c>
      <c r="AI5094">
        <v>65</v>
      </c>
      <c r="AJ5094">
        <v>65</v>
      </c>
      <c r="AK5094">
        <v>65</v>
      </c>
      <c r="AL5094">
        <v>64</v>
      </c>
      <c r="AM5094">
        <v>64</v>
      </c>
      <c r="AN5094">
        <v>63</v>
      </c>
      <c r="AO5094">
        <v>63</v>
      </c>
      <c r="AP5094">
        <v>62</v>
      </c>
      <c r="AQ5094">
        <v>62</v>
      </c>
    </row>
    <row r="5095" spans="1:43">
      <c r="A5095" t="s">
        <v>3210</v>
      </c>
      <c r="B5095" t="s">
        <v>3211</v>
      </c>
      <c r="C5095" t="s">
        <v>2926</v>
      </c>
      <c r="D5095" t="s">
        <v>2927</v>
      </c>
      <c r="E5095" t="s">
        <v>2928</v>
      </c>
      <c r="F5095" t="s">
        <v>2929</v>
      </c>
      <c r="G5095" t="s">
        <v>80</v>
      </c>
      <c r="H5095" t="s">
        <v>81</v>
      </c>
      <c r="I5095" s="2">
        <v>1</v>
      </c>
      <c r="J5095" s="2">
        <v>0</v>
      </c>
      <c r="K5095" s="2">
        <v>0</v>
      </c>
      <c r="L5095" t="s">
        <v>120</v>
      </c>
      <c r="M5095" t="s">
        <v>87</v>
      </c>
      <c r="N5095" t="s">
        <v>88</v>
      </c>
      <c r="O5095" t="s">
        <v>85</v>
      </c>
      <c r="P5095" t="s">
        <v>86</v>
      </c>
      <c r="Q5095">
        <v>62</v>
      </c>
      <c r="R5095">
        <v>62</v>
      </c>
      <c r="S5095">
        <v>62</v>
      </c>
      <c r="T5095">
        <v>61</v>
      </c>
      <c r="U5095">
        <v>61</v>
      </c>
      <c r="V5095">
        <v>61</v>
      </c>
      <c r="W5095">
        <v>60</v>
      </c>
      <c r="X5095">
        <v>60</v>
      </c>
      <c r="Y5095">
        <v>60</v>
      </c>
      <c r="Z5095">
        <v>60</v>
      </c>
      <c r="AA5095">
        <v>59</v>
      </c>
      <c r="AB5095">
        <v>59</v>
      </c>
      <c r="AC5095">
        <v>59</v>
      </c>
      <c r="AD5095">
        <v>58</v>
      </c>
      <c r="AE5095">
        <v>58</v>
      </c>
      <c r="AF5095">
        <v>58</v>
      </c>
      <c r="AG5095">
        <v>58</v>
      </c>
      <c r="AH5095">
        <v>57</v>
      </c>
      <c r="AI5095">
        <v>57</v>
      </c>
      <c r="AJ5095">
        <v>57</v>
      </c>
      <c r="AK5095">
        <v>56</v>
      </c>
      <c r="AL5095">
        <v>56</v>
      </c>
      <c r="AM5095">
        <v>56</v>
      </c>
      <c r="AN5095">
        <v>56</v>
      </c>
      <c r="AO5095">
        <v>55</v>
      </c>
      <c r="AP5095">
        <v>55</v>
      </c>
      <c r="AQ5095">
        <v>55</v>
      </c>
    </row>
    <row r="5096" spans="1:43">
      <c r="A5096" t="s">
        <v>3210</v>
      </c>
      <c r="B5096" t="s">
        <v>3211</v>
      </c>
      <c r="C5096" t="s">
        <v>2926</v>
      </c>
      <c r="D5096" t="s">
        <v>2927</v>
      </c>
      <c r="E5096" t="s">
        <v>2928</v>
      </c>
      <c r="F5096" t="s">
        <v>2929</v>
      </c>
      <c r="G5096" t="s">
        <v>80</v>
      </c>
      <c r="H5096" t="s">
        <v>81</v>
      </c>
      <c r="I5096" s="2">
        <v>1</v>
      </c>
      <c r="J5096" s="2">
        <v>0</v>
      </c>
      <c r="K5096" s="2">
        <v>0</v>
      </c>
      <c r="L5096" t="s">
        <v>120</v>
      </c>
      <c r="M5096" t="s">
        <v>89</v>
      </c>
      <c r="N5096" t="s">
        <v>90</v>
      </c>
      <c r="O5096" t="s">
        <v>85</v>
      </c>
      <c r="P5096" t="s">
        <v>86</v>
      </c>
      <c r="Q5096">
        <v>62</v>
      </c>
      <c r="R5096">
        <v>63</v>
      </c>
      <c r="S5096">
        <v>64</v>
      </c>
      <c r="T5096">
        <v>65</v>
      </c>
      <c r="U5096">
        <v>65</v>
      </c>
      <c r="V5096">
        <v>66</v>
      </c>
      <c r="W5096">
        <v>66</v>
      </c>
      <c r="X5096">
        <v>67</v>
      </c>
      <c r="Y5096">
        <v>67</v>
      </c>
      <c r="Z5096">
        <v>68</v>
      </c>
      <c r="AA5096">
        <v>68</v>
      </c>
      <c r="AB5096">
        <v>68</v>
      </c>
      <c r="AC5096">
        <v>69</v>
      </c>
      <c r="AD5096">
        <v>69</v>
      </c>
      <c r="AE5096">
        <v>69</v>
      </c>
      <c r="AF5096">
        <v>68</v>
      </c>
      <c r="AG5096">
        <v>68</v>
      </c>
      <c r="AH5096">
        <v>67</v>
      </c>
      <c r="AI5096">
        <v>67</v>
      </c>
      <c r="AJ5096">
        <v>66</v>
      </c>
      <c r="AK5096">
        <v>65</v>
      </c>
      <c r="AL5096">
        <v>65</v>
      </c>
      <c r="AM5096">
        <v>64</v>
      </c>
      <c r="AN5096">
        <v>64</v>
      </c>
      <c r="AO5096">
        <v>63</v>
      </c>
      <c r="AP5096">
        <v>63</v>
      </c>
      <c r="AQ5096">
        <v>62</v>
      </c>
    </row>
    <row r="5097" spans="1:43">
      <c r="A5097" t="s">
        <v>3210</v>
      </c>
      <c r="B5097" t="s">
        <v>3211</v>
      </c>
      <c r="C5097" t="s">
        <v>2926</v>
      </c>
      <c r="D5097" t="s">
        <v>2927</v>
      </c>
      <c r="E5097" t="s">
        <v>2928</v>
      </c>
      <c r="F5097" t="s">
        <v>2929</v>
      </c>
      <c r="G5097" t="s">
        <v>80</v>
      </c>
      <c r="H5097" t="s">
        <v>81</v>
      </c>
      <c r="I5097" s="2">
        <v>1</v>
      </c>
      <c r="J5097" s="2">
        <v>0</v>
      </c>
      <c r="K5097" s="2">
        <v>0</v>
      </c>
      <c r="L5097" t="s">
        <v>120</v>
      </c>
      <c r="M5097" t="s">
        <v>83</v>
      </c>
      <c r="N5097" t="s">
        <v>91</v>
      </c>
      <c r="O5097" t="s">
        <v>85</v>
      </c>
      <c r="P5097" t="s">
        <v>86</v>
      </c>
      <c r="Q5097">
        <v>62</v>
      </c>
      <c r="R5097">
        <v>62</v>
      </c>
      <c r="S5097">
        <v>62</v>
      </c>
      <c r="T5097">
        <v>63</v>
      </c>
      <c r="U5097">
        <v>63</v>
      </c>
      <c r="V5097">
        <v>63</v>
      </c>
      <c r="W5097">
        <v>63</v>
      </c>
      <c r="X5097">
        <v>63</v>
      </c>
      <c r="Y5097">
        <v>64</v>
      </c>
      <c r="Z5097">
        <v>64</v>
      </c>
      <c r="AA5097">
        <v>64</v>
      </c>
      <c r="AB5097">
        <v>64</v>
      </c>
      <c r="AC5097">
        <v>64</v>
      </c>
      <c r="AD5097">
        <v>64</v>
      </c>
      <c r="AE5097">
        <v>64</v>
      </c>
      <c r="AF5097">
        <v>64</v>
      </c>
      <c r="AG5097">
        <v>64</v>
      </c>
      <c r="AH5097">
        <v>64</v>
      </c>
      <c r="AI5097">
        <v>65</v>
      </c>
      <c r="AJ5097">
        <v>65</v>
      </c>
      <c r="AK5097">
        <v>65</v>
      </c>
      <c r="AL5097">
        <v>64</v>
      </c>
      <c r="AM5097">
        <v>64</v>
      </c>
      <c r="AN5097">
        <v>63</v>
      </c>
      <c r="AO5097">
        <v>63</v>
      </c>
      <c r="AP5097">
        <v>62</v>
      </c>
      <c r="AQ5097">
        <v>62</v>
      </c>
    </row>
    <row r="5098" spans="1:43">
      <c r="A5098" t="s">
        <v>3212</v>
      </c>
      <c r="B5098" t="s">
        <v>3213</v>
      </c>
      <c r="C5098" t="s">
        <v>3156</v>
      </c>
      <c r="D5098" t="s">
        <v>3157</v>
      </c>
      <c r="E5098" t="s">
        <v>2928</v>
      </c>
      <c r="F5098" t="s">
        <v>2929</v>
      </c>
      <c r="G5098" t="s">
        <v>80</v>
      </c>
      <c r="H5098" t="s">
        <v>81</v>
      </c>
      <c r="I5098" s="2">
        <v>1</v>
      </c>
      <c r="J5098" s="2">
        <v>0</v>
      </c>
      <c r="K5098" s="2">
        <v>0</v>
      </c>
      <c r="L5098" t="s">
        <v>120</v>
      </c>
      <c r="M5098" t="s">
        <v>83</v>
      </c>
      <c r="N5098" t="s">
        <v>84</v>
      </c>
      <c r="O5098" t="s">
        <v>85</v>
      </c>
      <c r="P5098" t="s">
        <v>86</v>
      </c>
      <c r="Q5098">
        <v>29</v>
      </c>
      <c r="R5098">
        <v>29</v>
      </c>
      <c r="S5098">
        <v>29</v>
      </c>
      <c r="T5098">
        <v>29</v>
      </c>
      <c r="U5098">
        <v>29</v>
      </c>
      <c r="V5098">
        <v>30</v>
      </c>
      <c r="W5098">
        <v>30</v>
      </c>
      <c r="X5098">
        <v>30</v>
      </c>
      <c r="Y5098">
        <v>30</v>
      </c>
      <c r="Z5098">
        <v>30</v>
      </c>
      <c r="AA5098">
        <v>30</v>
      </c>
      <c r="AB5098">
        <v>30</v>
      </c>
      <c r="AC5098">
        <v>30</v>
      </c>
      <c r="AD5098">
        <v>31</v>
      </c>
      <c r="AE5098">
        <v>31</v>
      </c>
      <c r="AF5098">
        <v>31</v>
      </c>
      <c r="AG5098">
        <v>31</v>
      </c>
      <c r="AH5098">
        <v>31</v>
      </c>
      <c r="AI5098">
        <v>31</v>
      </c>
      <c r="AJ5098">
        <v>31</v>
      </c>
      <c r="AK5098">
        <v>31</v>
      </c>
      <c r="AL5098">
        <v>31</v>
      </c>
      <c r="AM5098">
        <v>31</v>
      </c>
      <c r="AN5098">
        <v>31</v>
      </c>
      <c r="AO5098">
        <v>31</v>
      </c>
      <c r="AP5098">
        <v>30</v>
      </c>
      <c r="AQ5098">
        <v>30</v>
      </c>
    </row>
    <row r="5099" spans="1:43">
      <c r="A5099" t="s">
        <v>3212</v>
      </c>
      <c r="B5099" t="s">
        <v>3213</v>
      </c>
      <c r="C5099" t="s">
        <v>3156</v>
      </c>
      <c r="D5099" t="s">
        <v>3157</v>
      </c>
      <c r="E5099" t="s">
        <v>2928</v>
      </c>
      <c r="F5099" t="s">
        <v>2929</v>
      </c>
      <c r="G5099" t="s">
        <v>80</v>
      </c>
      <c r="H5099" t="s">
        <v>81</v>
      </c>
      <c r="I5099" s="2">
        <v>1</v>
      </c>
      <c r="J5099" s="2">
        <v>0</v>
      </c>
      <c r="K5099" s="2">
        <v>0</v>
      </c>
      <c r="L5099" t="s">
        <v>120</v>
      </c>
      <c r="M5099" t="s">
        <v>87</v>
      </c>
      <c r="N5099" t="s">
        <v>88</v>
      </c>
      <c r="O5099" t="s">
        <v>85</v>
      </c>
      <c r="P5099" t="s">
        <v>86</v>
      </c>
      <c r="Q5099">
        <v>29</v>
      </c>
      <c r="R5099">
        <v>28</v>
      </c>
      <c r="S5099">
        <v>28</v>
      </c>
      <c r="T5099">
        <v>28</v>
      </c>
      <c r="U5099">
        <v>28</v>
      </c>
      <c r="V5099">
        <v>28</v>
      </c>
      <c r="W5099">
        <v>28</v>
      </c>
      <c r="X5099">
        <v>28</v>
      </c>
      <c r="Y5099">
        <v>28</v>
      </c>
      <c r="Z5099">
        <v>28</v>
      </c>
      <c r="AA5099">
        <v>28</v>
      </c>
      <c r="AB5099">
        <v>27</v>
      </c>
      <c r="AC5099">
        <v>27</v>
      </c>
      <c r="AD5099">
        <v>27</v>
      </c>
      <c r="AE5099">
        <v>27</v>
      </c>
      <c r="AF5099">
        <v>27</v>
      </c>
      <c r="AG5099">
        <v>27</v>
      </c>
      <c r="AH5099">
        <v>27</v>
      </c>
      <c r="AI5099">
        <v>27</v>
      </c>
      <c r="AJ5099">
        <v>27</v>
      </c>
      <c r="AK5099">
        <v>27</v>
      </c>
      <c r="AL5099">
        <v>27</v>
      </c>
      <c r="AM5099">
        <v>26</v>
      </c>
      <c r="AN5099">
        <v>26</v>
      </c>
      <c r="AO5099">
        <v>26</v>
      </c>
      <c r="AP5099">
        <v>26</v>
      </c>
      <c r="AQ5099">
        <v>26</v>
      </c>
    </row>
    <row r="5100" spans="1:43">
      <c r="A5100" t="s">
        <v>3212</v>
      </c>
      <c r="B5100" t="s">
        <v>3213</v>
      </c>
      <c r="C5100" t="s">
        <v>3156</v>
      </c>
      <c r="D5100" t="s">
        <v>3157</v>
      </c>
      <c r="E5100" t="s">
        <v>2928</v>
      </c>
      <c r="F5100" t="s">
        <v>2929</v>
      </c>
      <c r="G5100" t="s">
        <v>80</v>
      </c>
      <c r="H5100" t="s">
        <v>81</v>
      </c>
      <c r="I5100" s="2">
        <v>1</v>
      </c>
      <c r="J5100" s="2">
        <v>0</v>
      </c>
      <c r="K5100" s="2">
        <v>0</v>
      </c>
      <c r="L5100" t="s">
        <v>120</v>
      </c>
      <c r="M5100" t="s">
        <v>89</v>
      </c>
      <c r="N5100" t="s">
        <v>90</v>
      </c>
      <c r="O5100" t="s">
        <v>85</v>
      </c>
      <c r="P5100" t="s">
        <v>86</v>
      </c>
      <c r="Q5100">
        <v>29</v>
      </c>
      <c r="R5100">
        <v>30</v>
      </c>
      <c r="S5100">
        <v>30</v>
      </c>
      <c r="T5100">
        <v>30</v>
      </c>
      <c r="U5100">
        <v>31</v>
      </c>
      <c r="V5100">
        <v>31</v>
      </c>
      <c r="W5100">
        <v>31</v>
      </c>
      <c r="X5100">
        <v>31</v>
      </c>
      <c r="Y5100">
        <v>32</v>
      </c>
      <c r="Z5100">
        <v>32</v>
      </c>
      <c r="AA5100">
        <v>32</v>
      </c>
      <c r="AB5100">
        <v>32</v>
      </c>
      <c r="AC5100">
        <v>33</v>
      </c>
      <c r="AD5100">
        <v>33</v>
      </c>
      <c r="AE5100">
        <v>33</v>
      </c>
      <c r="AF5100">
        <v>33</v>
      </c>
      <c r="AG5100">
        <v>32</v>
      </c>
      <c r="AH5100">
        <v>32</v>
      </c>
      <c r="AI5100">
        <v>32</v>
      </c>
      <c r="AJ5100">
        <v>32</v>
      </c>
      <c r="AK5100">
        <v>32</v>
      </c>
      <c r="AL5100">
        <v>32</v>
      </c>
      <c r="AM5100">
        <v>31</v>
      </c>
      <c r="AN5100">
        <v>31</v>
      </c>
      <c r="AO5100">
        <v>31</v>
      </c>
      <c r="AP5100">
        <v>31</v>
      </c>
      <c r="AQ5100">
        <v>31</v>
      </c>
    </row>
    <row r="5101" spans="1:43">
      <c r="A5101" t="s">
        <v>3212</v>
      </c>
      <c r="B5101" t="s">
        <v>3213</v>
      </c>
      <c r="C5101" t="s">
        <v>3156</v>
      </c>
      <c r="D5101" t="s">
        <v>3157</v>
      </c>
      <c r="E5101" t="s">
        <v>2928</v>
      </c>
      <c r="F5101" t="s">
        <v>2929</v>
      </c>
      <c r="G5101" t="s">
        <v>80</v>
      </c>
      <c r="H5101" t="s">
        <v>81</v>
      </c>
      <c r="I5101" s="2">
        <v>1</v>
      </c>
      <c r="J5101" s="2">
        <v>0</v>
      </c>
      <c r="K5101" s="2">
        <v>0</v>
      </c>
      <c r="L5101" t="s">
        <v>120</v>
      </c>
      <c r="M5101" t="s">
        <v>83</v>
      </c>
      <c r="N5101" t="s">
        <v>91</v>
      </c>
      <c r="O5101" t="s">
        <v>85</v>
      </c>
      <c r="P5101" t="s">
        <v>86</v>
      </c>
      <c r="Q5101">
        <v>29</v>
      </c>
      <c r="R5101">
        <v>29</v>
      </c>
      <c r="S5101">
        <v>29</v>
      </c>
      <c r="T5101">
        <v>29</v>
      </c>
      <c r="U5101">
        <v>29</v>
      </c>
      <c r="V5101">
        <v>30</v>
      </c>
      <c r="W5101">
        <v>30</v>
      </c>
      <c r="X5101">
        <v>30</v>
      </c>
      <c r="Y5101">
        <v>30</v>
      </c>
      <c r="Z5101">
        <v>30</v>
      </c>
      <c r="AA5101">
        <v>30</v>
      </c>
      <c r="AB5101">
        <v>30</v>
      </c>
      <c r="AC5101">
        <v>30</v>
      </c>
      <c r="AD5101">
        <v>31</v>
      </c>
      <c r="AE5101">
        <v>31</v>
      </c>
      <c r="AF5101">
        <v>31</v>
      </c>
      <c r="AG5101">
        <v>31</v>
      </c>
      <c r="AH5101">
        <v>31</v>
      </c>
      <c r="AI5101">
        <v>31</v>
      </c>
      <c r="AJ5101">
        <v>31</v>
      </c>
      <c r="AK5101">
        <v>31</v>
      </c>
      <c r="AL5101">
        <v>31</v>
      </c>
      <c r="AM5101">
        <v>31</v>
      </c>
      <c r="AN5101">
        <v>31</v>
      </c>
      <c r="AO5101">
        <v>31</v>
      </c>
      <c r="AP5101">
        <v>30</v>
      </c>
      <c r="AQ5101">
        <v>30</v>
      </c>
    </row>
    <row r="5102" spans="1:43">
      <c r="A5102" t="s">
        <v>3214</v>
      </c>
      <c r="B5102" t="s">
        <v>3215</v>
      </c>
      <c r="C5102" t="s">
        <v>3156</v>
      </c>
      <c r="D5102" t="s">
        <v>3157</v>
      </c>
      <c r="E5102" t="s">
        <v>2928</v>
      </c>
      <c r="F5102" t="s">
        <v>2929</v>
      </c>
      <c r="G5102" t="s">
        <v>80</v>
      </c>
      <c r="H5102" t="s">
        <v>81</v>
      </c>
      <c r="I5102" s="2">
        <v>1</v>
      </c>
      <c r="J5102" s="2">
        <v>0</v>
      </c>
      <c r="K5102" s="2">
        <v>0</v>
      </c>
      <c r="L5102" t="s">
        <v>120</v>
      </c>
      <c r="M5102" t="s">
        <v>83</v>
      </c>
      <c r="N5102" t="s">
        <v>84</v>
      </c>
      <c r="O5102" t="s">
        <v>85</v>
      </c>
      <c r="P5102" t="s">
        <v>86</v>
      </c>
      <c r="Q5102">
        <v>22</v>
      </c>
      <c r="R5102">
        <v>22</v>
      </c>
      <c r="S5102">
        <v>22</v>
      </c>
      <c r="T5102">
        <v>22</v>
      </c>
      <c r="U5102">
        <v>23</v>
      </c>
      <c r="V5102">
        <v>23</v>
      </c>
      <c r="W5102">
        <v>23</v>
      </c>
      <c r="X5102">
        <v>23</v>
      </c>
      <c r="Y5102">
        <v>23</v>
      </c>
      <c r="Z5102">
        <v>23</v>
      </c>
      <c r="AA5102">
        <v>23</v>
      </c>
      <c r="AB5102">
        <v>23</v>
      </c>
      <c r="AC5102">
        <v>23</v>
      </c>
      <c r="AD5102">
        <v>23</v>
      </c>
      <c r="AE5102">
        <v>23</v>
      </c>
      <c r="AF5102">
        <v>23</v>
      </c>
      <c r="AG5102">
        <v>24</v>
      </c>
      <c r="AH5102">
        <v>24</v>
      </c>
      <c r="AI5102">
        <v>24</v>
      </c>
      <c r="AJ5102">
        <v>24</v>
      </c>
      <c r="AK5102">
        <v>24</v>
      </c>
      <c r="AL5102">
        <v>24</v>
      </c>
      <c r="AM5102">
        <v>24</v>
      </c>
      <c r="AN5102">
        <v>23</v>
      </c>
      <c r="AO5102">
        <v>23</v>
      </c>
      <c r="AP5102">
        <v>23</v>
      </c>
      <c r="AQ5102">
        <v>23</v>
      </c>
    </row>
    <row r="5103" spans="1:43">
      <c r="A5103" t="s">
        <v>3214</v>
      </c>
      <c r="B5103" t="s">
        <v>3215</v>
      </c>
      <c r="C5103" t="s">
        <v>3156</v>
      </c>
      <c r="D5103" t="s">
        <v>3157</v>
      </c>
      <c r="E5103" t="s">
        <v>2928</v>
      </c>
      <c r="F5103" t="s">
        <v>2929</v>
      </c>
      <c r="G5103" t="s">
        <v>80</v>
      </c>
      <c r="H5103" t="s">
        <v>81</v>
      </c>
      <c r="I5103" s="2">
        <v>1</v>
      </c>
      <c r="J5103" s="2">
        <v>0</v>
      </c>
      <c r="K5103" s="2">
        <v>0</v>
      </c>
      <c r="L5103" t="s">
        <v>120</v>
      </c>
      <c r="M5103" t="s">
        <v>87</v>
      </c>
      <c r="N5103" t="s">
        <v>88</v>
      </c>
      <c r="O5103" t="s">
        <v>85</v>
      </c>
      <c r="P5103" t="s">
        <v>86</v>
      </c>
      <c r="Q5103">
        <v>22</v>
      </c>
      <c r="R5103">
        <v>22</v>
      </c>
      <c r="S5103">
        <v>22</v>
      </c>
      <c r="T5103">
        <v>22</v>
      </c>
      <c r="U5103">
        <v>22</v>
      </c>
      <c r="V5103">
        <v>21</v>
      </c>
      <c r="W5103">
        <v>21</v>
      </c>
      <c r="X5103">
        <v>21</v>
      </c>
      <c r="Y5103">
        <v>21</v>
      </c>
      <c r="Z5103">
        <v>21</v>
      </c>
      <c r="AA5103">
        <v>21</v>
      </c>
      <c r="AB5103">
        <v>21</v>
      </c>
      <c r="AC5103">
        <v>21</v>
      </c>
      <c r="AD5103">
        <v>21</v>
      </c>
      <c r="AE5103">
        <v>21</v>
      </c>
      <c r="AF5103">
        <v>21</v>
      </c>
      <c r="AG5103">
        <v>21</v>
      </c>
      <c r="AH5103">
        <v>21</v>
      </c>
      <c r="AI5103">
        <v>20</v>
      </c>
      <c r="AJ5103">
        <v>20</v>
      </c>
      <c r="AK5103">
        <v>20</v>
      </c>
      <c r="AL5103">
        <v>20</v>
      </c>
      <c r="AM5103">
        <v>20</v>
      </c>
      <c r="AN5103">
        <v>20</v>
      </c>
      <c r="AO5103">
        <v>20</v>
      </c>
      <c r="AP5103">
        <v>20</v>
      </c>
      <c r="AQ5103">
        <v>20</v>
      </c>
    </row>
    <row r="5104" spans="1:43">
      <c r="A5104" t="s">
        <v>3214</v>
      </c>
      <c r="B5104" t="s">
        <v>3215</v>
      </c>
      <c r="C5104" t="s">
        <v>3156</v>
      </c>
      <c r="D5104" t="s">
        <v>3157</v>
      </c>
      <c r="E5104" t="s">
        <v>2928</v>
      </c>
      <c r="F5104" t="s">
        <v>2929</v>
      </c>
      <c r="G5104" t="s">
        <v>80</v>
      </c>
      <c r="H5104" t="s">
        <v>81</v>
      </c>
      <c r="I5104" s="2">
        <v>1</v>
      </c>
      <c r="J5104" s="2">
        <v>0</v>
      </c>
      <c r="K5104" s="2">
        <v>0</v>
      </c>
      <c r="L5104" t="s">
        <v>120</v>
      </c>
      <c r="M5104" t="s">
        <v>89</v>
      </c>
      <c r="N5104" t="s">
        <v>90</v>
      </c>
      <c r="O5104" t="s">
        <v>85</v>
      </c>
      <c r="P5104" t="s">
        <v>86</v>
      </c>
      <c r="Q5104">
        <v>22</v>
      </c>
      <c r="R5104">
        <v>23</v>
      </c>
      <c r="S5104">
        <v>23</v>
      </c>
      <c r="T5104">
        <v>23</v>
      </c>
      <c r="U5104">
        <v>23</v>
      </c>
      <c r="V5104">
        <v>24</v>
      </c>
      <c r="W5104">
        <v>24</v>
      </c>
      <c r="X5104">
        <v>24</v>
      </c>
      <c r="Y5104">
        <v>24</v>
      </c>
      <c r="Z5104">
        <v>24</v>
      </c>
      <c r="AA5104">
        <v>25</v>
      </c>
      <c r="AB5104">
        <v>25</v>
      </c>
      <c r="AC5104">
        <v>25</v>
      </c>
      <c r="AD5104">
        <v>25</v>
      </c>
      <c r="AE5104">
        <v>25</v>
      </c>
      <c r="AF5104">
        <v>25</v>
      </c>
      <c r="AG5104">
        <v>25</v>
      </c>
      <c r="AH5104">
        <v>25</v>
      </c>
      <c r="AI5104">
        <v>25</v>
      </c>
      <c r="AJ5104">
        <v>24</v>
      </c>
      <c r="AK5104">
        <v>24</v>
      </c>
      <c r="AL5104">
        <v>24</v>
      </c>
      <c r="AM5104">
        <v>24</v>
      </c>
      <c r="AN5104">
        <v>24</v>
      </c>
      <c r="AO5104">
        <v>24</v>
      </c>
      <c r="AP5104">
        <v>24</v>
      </c>
      <c r="AQ5104">
        <v>23</v>
      </c>
    </row>
    <row r="5105" spans="1:43">
      <c r="A5105" t="s">
        <v>3214</v>
      </c>
      <c r="B5105" t="s">
        <v>3215</v>
      </c>
      <c r="C5105" t="s">
        <v>3156</v>
      </c>
      <c r="D5105" t="s">
        <v>3157</v>
      </c>
      <c r="E5105" t="s">
        <v>2928</v>
      </c>
      <c r="F5105" t="s">
        <v>2929</v>
      </c>
      <c r="G5105" t="s">
        <v>80</v>
      </c>
      <c r="H5105" t="s">
        <v>81</v>
      </c>
      <c r="I5105" s="2">
        <v>1</v>
      </c>
      <c r="J5105" s="2">
        <v>0</v>
      </c>
      <c r="K5105" s="2">
        <v>0</v>
      </c>
      <c r="L5105" t="s">
        <v>120</v>
      </c>
      <c r="M5105" t="s">
        <v>83</v>
      </c>
      <c r="N5105" t="s">
        <v>91</v>
      </c>
      <c r="O5105" t="s">
        <v>85</v>
      </c>
      <c r="P5105" t="s">
        <v>86</v>
      </c>
      <c r="Q5105">
        <v>22</v>
      </c>
      <c r="R5105">
        <v>22</v>
      </c>
      <c r="S5105">
        <v>22</v>
      </c>
      <c r="T5105">
        <v>22</v>
      </c>
      <c r="U5105">
        <v>23</v>
      </c>
      <c r="V5105">
        <v>23</v>
      </c>
      <c r="W5105">
        <v>23</v>
      </c>
      <c r="X5105">
        <v>23</v>
      </c>
      <c r="Y5105">
        <v>23</v>
      </c>
      <c r="Z5105">
        <v>23</v>
      </c>
      <c r="AA5105">
        <v>23</v>
      </c>
      <c r="AB5105">
        <v>23</v>
      </c>
      <c r="AC5105">
        <v>23</v>
      </c>
      <c r="AD5105">
        <v>23</v>
      </c>
      <c r="AE5105">
        <v>23</v>
      </c>
      <c r="AF5105">
        <v>23</v>
      </c>
      <c r="AG5105">
        <v>24</v>
      </c>
      <c r="AH5105">
        <v>24</v>
      </c>
      <c r="AI5105">
        <v>24</v>
      </c>
      <c r="AJ5105">
        <v>24</v>
      </c>
      <c r="AK5105">
        <v>24</v>
      </c>
      <c r="AL5105">
        <v>24</v>
      </c>
      <c r="AM5105">
        <v>24</v>
      </c>
      <c r="AN5105">
        <v>23</v>
      </c>
      <c r="AO5105">
        <v>23</v>
      </c>
      <c r="AP5105">
        <v>23</v>
      </c>
      <c r="AQ5105">
        <v>23</v>
      </c>
    </row>
    <row r="5106" spans="1:43">
      <c r="A5106" t="s">
        <v>3216</v>
      </c>
      <c r="B5106" t="s">
        <v>3217</v>
      </c>
      <c r="C5106" t="s">
        <v>3064</v>
      </c>
      <c r="D5106" t="s">
        <v>3065</v>
      </c>
      <c r="E5106" t="s">
        <v>2928</v>
      </c>
      <c r="F5106" t="s">
        <v>2929</v>
      </c>
      <c r="G5106" t="s">
        <v>80</v>
      </c>
      <c r="H5106" t="s">
        <v>81</v>
      </c>
      <c r="I5106" s="2">
        <v>1</v>
      </c>
      <c r="J5106" s="2">
        <v>0</v>
      </c>
      <c r="K5106" s="2">
        <v>0</v>
      </c>
      <c r="L5106" t="s">
        <v>120</v>
      </c>
      <c r="M5106" t="s">
        <v>83</v>
      </c>
      <c r="N5106" t="s">
        <v>84</v>
      </c>
      <c r="O5106" t="s">
        <v>85</v>
      </c>
      <c r="P5106" t="s">
        <v>86</v>
      </c>
      <c r="Q5106">
        <v>25</v>
      </c>
      <c r="R5106">
        <v>25</v>
      </c>
      <c r="S5106">
        <v>25</v>
      </c>
      <c r="T5106">
        <v>25</v>
      </c>
      <c r="U5106">
        <v>25</v>
      </c>
      <c r="V5106">
        <v>25</v>
      </c>
      <c r="W5106">
        <v>25</v>
      </c>
      <c r="X5106">
        <v>25</v>
      </c>
      <c r="Y5106">
        <v>25</v>
      </c>
      <c r="Z5106">
        <v>25</v>
      </c>
      <c r="AA5106">
        <v>25</v>
      </c>
      <c r="AB5106">
        <v>25</v>
      </c>
      <c r="AC5106">
        <v>26</v>
      </c>
      <c r="AD5106">
        <v>26</v>
      </c>
      <c r="AE5106">
        <v>26</v>
      </c>
      <c r="AF5106">
        <v>26</v>
      </c>
      <c r="AG5106">
        <v>26</v>
      </c>
      <c r="AH5106">
        <v>26</v>
      </c>
      <c r="AI5106">
        <v>26</v>
      </c>
      <c r="AJ5106">
        <v>26</v>
      </c>
      <c r="AK5106">
        <v>26</v>
      </c>
      <c r="AL5106">
        <v>26</v>
      </c>
      <c r="AM5106">
        <v>25</v>
      </c>
      <c r="AN5106">
        <v>25</v>
      </c>
      <c r="AO5106">
        <v>25</v>
      </c>
      <c r="AP5106">
        <v>25</v>
      </c>
      <c r="AQ5106">
        <v>25</v>
      </c>
    </row>
    <row r="5107" spans="1:43">
      <c r="A5107" t="s">
        <v>3216</v>
      </c>
      <c r="B5107" t="s">
        <v>3217</v>
      </c>
      <c r="C5107" t="s">
        <v>3064</v>
      </c>
      <c r="D5107" t="s">
        <v>3065</v>
      </c>
      <c r="E5107" t="s">
        <v>2928</v>
      </c>
      <c r="F5107" t="s">
        <v>2929</v>
      </c>
      <c r="G5107" t="s">
        <v>80</v>
      </c>
      <c r="H5107" t="s">
        <v>81</v>
      </c>
      <c r="I5107" s="2">
        <v>1</v>
      </c>
      <c r="J5107" s="2">
        <v>0</v>
      </c>
      <c r="K5107" s="2">
        <v>0</v>
      </c>
      <c r="L5107" t="s">
        <v>120</v>
      </c>
      <c r="M5107" t="s">
        <v>87</v>
      </c>
      <c r="N5107" t="s">
        <v>88</v>
      </c>
      <c r="O5107" t="s">
        <v>85</v>
      </c>
      <c r="P5107" t="s">
        <v>86</v>
      </c>
      <c r="Q5107">
        <v>25</v>
      </c>
      <c r="R5107">
        <v>25</v>
      </c>
      <c r="S5107">
        <v>25</v>
      </c>
      <c r="T5107">
        <v>25</v>
      </c>
      <c r="U5107">
        <v>25</v>
      </c>
      <c r="V5107">
        <v>25</v>
      </c>
      <c r="W5107">
        <v>25</v>
      </c>
      <c r="X5107">
        <v>25</v>
      </c>
      <c r="Y5107">
        <v>24</v>
      </c>
      <c r="Z5107">
        <v>24</v>
      </c>
      <c r="AA5107">
        <v>24</v>
      </c>
      <c r="AB5107">
        <v>24</v>
      </c>
      <c r="AC5107">
        <v>24</v>
      </c>
      <c r="AD5107">
        <v>24</v>
      </c>
      <c r="AE5107">
        <v>24</v>
      </c>
      <c r="AF5107">
        <v>24</v>
      </c>
      <c r="AG5107">
        <v>23</v>
      </c>
      <c r="AH5107">
        <v>23</v>
      </c>
      <c r="AI5107">
        <v>23</v>
      </c>
      <c r="AJ5107">
        <v>23</v>
      </c>
      <c r="AK5107">
        <v>23</v>
      </c>
      <c r="AL5107">
        <v>23</v>
      </c>
      <c r="AM5107">
        <v>23</v>
      </c>
      <c r="AN5107">
        <v>23</v>
      </c>
      <c r="AO5107">
        <v>23</v>
      </c>
      <c r="AP5107">
        <v>22</v>
      </c>
      <c r="AQ5107">
        <v>22</v>
      </c>
    </row>
    <row r="5108" spans="1:43">
      <c r="A5108" t="s">
        <v>3216</v>
      </c>
      <c r="B5108" t="s">
        <v>3217</v>
      </c>
      <c r="C5108" t="s">
        <v>3064</v>
      </c>
      <c r="D5108" t="s">
        <v>3065</v>
      </c>
      <c r="E5108" t="s">
        <v>2928</v>
      </c>
      <c r="F5108" t="s">
        <v>2929</v>
      </c>
      <c r="G5108" t="s">
        <v>80</v>
      </c>
      <c r="H5108" t="s">
        <v>81</v>
      </c>
      <c r="I5108" s="2">
        <v>1</v>
      </c>
      <c r="J5108" s="2">
        <v>0</v>
      </c>
      <c r="K5108" s="2">
        <v>0</v>
      </c>
      <c r="L5108" t="s">
        <v>120</v>
      </c>
      <c r="M5108" t="s">
        <v>89</v>
      </c>
      <c r="N5108" t="s">
        <v>90</v>
      </c>
      <c r="O5108" t="s">
        <v>85</v>
      </c>
      <c r="P5108" t="s">
        <v>86</v>
      </c>
      <c r="Q5108">
        <v>25</v>
      </c>
      <c r="R5108">
        <v>25</v>
      </c>
      <c r="S5108">
        <v>25</v>
      </c>
      <c r="T5108">
        <v>26</v>
      </c>
      <c r="U5108">
        <v>26</v>
      </c>
      <c r="V5108">
        <v>26</v>
      </c>
      <c r="W5108">
        <v>26</v>
      </c>
      <c r="X5108">
        <v>27</v>
      </c>
      <c r="Y5108">
        <v>27</v>
      </c>
      <c r="Z5108">
        <v>27</v>
      </c>
      <c r="AA5108">
        <v>27</v>
      </c>
      <c r="AB5108">
        <v>27</v>
      </c>
      <c r="AC5108">
        <v>27</v>
      </c>
      <c r="AD5108">
        <v>27</v>
      </c>
      <c r="AE5108">
        <v>27</v>
      </c>
      <c r="AF5108">
        <v>27</v>
      </c>
      <c r="AG5108">
        <v>27</v>
      </c>
      <c r="AH5108">
        <v>27</v>
      </c>
      <c r="AI5108">
        <v>27</v>
      </c>
      <c r="AJ5108">
        <v>26</v>
      </c>
      <c r="AK5108">
        <v>26</v>
      </c>
      <c r="AL5108">
        <v>26</v>
      </c>
      <c r="AM5108">
        <v>26</v>
      </c>
      <c r="AN5108">
        <v>26</v>
      </c>
      <c r="AO5108">
        <v>25</v>
      </c>
      <c r="AP5108">
        <v>25</v>
      </c>
      <c r="AQ5108">
        <v>25</v>
      </c>
    </row>
    <row r="5109" spans="1:43">
      <c r="A5109" t="s">
        <v>3216</v>
      </c>
      <c r="B5109" t="s">
        <v>3217</v>
      </c>
      <c r="C5109" t="s">
        <v>3064</v>
      </c>
      <c r="D5109" t="s">
        <v>3065</v>
      </c>
      <c r="E5109" t="s">
        <v>2928</v>
      </c>
      <c r="F5109" t="s">
        <v>2929</v>
      </c>
      <c r="G5109" t="s">
        <v>80</v>
      </c>
      <c r="H5109" t="s">
        <v>81</v>
      </c>
      <c r="I5109" s="2">
        <v>1</v>
      </c>
      <c r="J5109" s="2">
        <v>0</v>
      </c>
      <c r="K5109" s="2">
        <v>0</v>
      </c>
      <c r="L5109" t="s">
        <v>120</v>
      </c>
      <c r="M5109" t="s">
        <v>83</v>
      </c>
      <c r="N5109" t="s">
        <v>91</v>
      </c>
      <c r="O5109" t="s">
        <v>85</v>
      </c>
      <c r="P5109" t="s">
        <v>86</v>
      </c>
      <c r="Q5109">
        <v>25</v>
      </c>
      <c r="R5109">
        <v>25</v>
      </c>
      <c r="S5109">
        <v>25</v>
      </c>
      <c r="T5109">
        <v>25</v>
      </c>
      <c r="U5109">
        <v>25</v>
      </c>
      <c r="V5109">
        <v>25</v>
      </c>
      <c r="W5109">
        <v>25</v>
      </c>
      <c r="X5109">
        <v>25</v>
      </c>
      <c r="Y5109">
        <v>25</v>
      </c>
      <c r="Z5109">
        <v>25</v>
      </c>
      <c r="AA5109">
        <v>25</v>
      </c>
      <c r="AB5109">
        <v>25</v>
      </c>
      <c r="AC5109">
        <v>26</v>
      </c>
      <c r="AD5109">
        <v>26</v>
      </c>
      <c r="AE5109">
        <v>26</v>
      </c>
      <c r="AF5109">
        <v>26</v>
      </c>
      <c r="AG5109">
        <v>26</v>
      </c>
      <c r="AH5109">
        <v>26</v>
      </c>
      <c r="AI5109">
        <v>26</v>
      </c>
      <c r="AJ5109">
        <v>26</v>
      </c>
      <c r="AK5109">
        <v>26</v>
      </c>
      <c r="AL5109">
        <v>26</v>
      </c>
      <c r="AM5109">
        <v>25</v>
      </c>
      <c r="AN5109">
        <v>25</v>
      </c>
      <c r="AO5109">
        <v>25</v>
      </c>
      <c r="AP5109">
        <v>25</v>
      </c>
      <c r="AQ5109">
        <v>25</v>
      </c>
    </row>
    <row r="5110" spans="1:43">
      <c r="A5110" t="s">
        <v>3218</v>
      </c>
      <c r="B5110" t="s">
        <v>3219</v>
      </c>
      <c r="C5110" t="s">
        <v>3064</v>
      </c>
      <c r="D5110" t="s">
        <v>3065</v>
      </c>
      <c r="E5110" t="s">
        <v>2928</v>
      </c>
      <c r="F5110" t="s">
        <v>2929</v>
      </c>
      <c r="G5110" t="s">
        <v>80</v>
      </c>
      <c r="H5110" t="s">
        <v>81</v>
      </c>
      <c r="I5110" s="2">
        <v>1</v>
      </c>
      <c r="J5110" s="2">
        <v>0</v>
      </c>
      <c r="K5110" s="2">
        <v>0</v>
      </c>
      <c r="L5110" t="s">
        <v>120</v>
      </c>
      <c r="M5110" t="s">
        <v>83</v>
      </c>
      <c r="N5110" t="s">
        <v>84</v>
      </c>
      <c r="O5110" t="s">
        <v>85</v>
      </c>
      <c r="P5110" t="s">
        <v>86</v>
      </c>
      <c r="Q5110">
        <v>19</v>
      </c>
      <c r="R5110">
        <v>19</v>
      </c>
      <c r="S5110">
        <v>19</v>
      </c>
      <c r="T5110">
        <v>19</v>
      </c>
      <c r="U5110">
        <v>19</v>
      </c>
      <c r="V5110">
        <v>19</v>
      </c>
      <c r="W5110">
        <v>19</v>
      </c>
      <c r="X5110">
        <v>19</v>
      </c>
      <c r="Y5110">
        <v>19</v>
      </c>
      <c r="Z5110">
        <v>19</v>
      </c>
      <c r="AA5110">
        <v>19</v>
      </c>
      <c r="AB5110">
        <v>20</v>
      </c>
      <c r="AC5110">
        <v>20</v>
      </c>
      <c r="AD5110">
        <v>20</v>
      </c>
      <c r="AE5110">
        <v>20</v>
      </c>
      <c r="AF5110">
        <v>20</v>
      </c>
      <c r="AG5110">
        <v>20</v>
      </c>
      <c r="AH5110">
        <v>20</v>
      </c>
      <c r="AI5110">
        <v>20</v>
      </c>
      <c r="AJ5110">
        <v>20</v>
      </c>
      <c r="AK5110">
        <v>20</v>
      </c>
      <c r="AL5110">
        <v>20</v>
      </c>
      <c r="AM5110">
        <v>20</v>
      </c>
      <c r="AN5110">
        <v>20</v>
      </c>
      <c r="AO5110">
        <v>19</v>
      </c>
      <c r="AP5110">
        <v>19</v>
      </c>
      <c r="AQ5110">
        <v>19</v>
      </c>
    </row>
    <row r="5111" spans="1:43">
      <c r="A5111" t="s">
        <v>3218</v>
      </c>
      <c r="B5111" t="s">
        <v>3219</v>
      </c>
      <c r="C5111" t="s">
        <v>3064</v>
      </c>
      <c r="D5111" t="s">
        <v>3065</v>
      </c>
      <c r="E5111" t="s">
        <v>2928</v>
      </c>
      <c r="F5111" t="s">
        <v>2929</v>
      </c>
      <c r="G5111" t="s">
        <v>80</v>
      </c>
      <c r="H5111" t="s">
        <v>81</v>
      </c>
      <c r="I5111" s="2">
        <v>1</v>
      </c>
      <c r="J5111" s="2">
        <v>0</v>
      </c>
      <c r="K5111" s="2">
        <v>0</v>
      </c>
      <c r="L5111" t="s">
        <v>120</v>
      </c>
      <c r="M5111" t="s">
        <v>87</v>
      </c>
      <c r="N5111" t="s">
        <v>88</v>
      </c>
      <c r="O5111" t="s">
        <v>85</v>
      </c>
      <c r="P5111" t="s">
        <v>86</v>
      </c>
      <c r="Q5111">
        <v>19</v>
      </c>
      <c r="R5111">
        <v>18</v>
      </c>
      <c r="S5111">
        <v>18</v>
      </c>
      <c r="T5111">
        <v>18</v>
      </c>
      <c r="U5111">
        <v>18</v>
      </c>
      <c r="V5111">
        <v>18</v>
      </c>
      <c r="W5111">
        <v>18</v>
      </c>
      <c r="X5111">
        <v>18</v>
      </c>
      <c r="Y5111">
        <v>18</v>
      </c>
      <c r="Z5111">
        <v>18</v>
      </c>
      <c r="AA5111">
        <v>18</v>
      </c>
      <c r="AB5111">
        <v>18</v>
      </c>
      <c r="AC5111">
        <v>18</v>
      </c>
      <c r="AD5111">
        <v>18</v>
      </c>
      <c r="AE5111">
        <v>17</v>
      </c>
      <c r="AF5111">
        <v>17</v>
      </c>
      <c r="AG5111">
        <v>17</v>
      </c>
      <c r="AH5111">
        <v>17</v>
      </c>
      <c r="AI5111">
        <v>17</v>
      </c>
      <c r="AJ5111">
        <v>17</v>
      </c>
      <c r="AK5111">
        <v>17</v>
      </c>
      <c r="AL5111">
        <v>17</v>
      </c>
      <c r="AM5111">
        <v>17</v>
      </c>
      <c r="AN5111">
        <v>17</v>
      </c>
      <c r="AO5111">
        <v>17</v>
      </c>
      <c r="AP5111">
        <v>17</v>
      </c>
      <c r="AQ5111">
        <v>17</v>
      </c>
    </row>
    <row r="5112" spans="1:43">
      <c r="A5112" t="s">
        <v>3218</v>
      </c>
      <c r="B5112" t="s">
        <v>3219</v>
      </c>
      <c r="C5112" t="s">
        <v>3064</v>
      </c>
      <c r="D5112" t="s">
        <v>3065</v>
      </c>
      <c r="E5112" t="s">
        <v>2928</v>
      </c>
      <c r="F5112" t="s">
        <v>2929</v>
      </c>
      <c r="G5112" t="s">
        <v>80</v>
      </c>
      <c r="H5112" t="s">
        <v>81</v>
      </c>
      <c r="I5112" s="2">
        <v>1</v>
      </c>
      <c r="J5112" s="2">
        <v>0</v>
      </c>
      <c r="K5112" s="2">
        <v>0</v>
      </c>
      <c r="L5112" t="s">
        <v>120</v>
      </c>
      <c r="M5112" t="s">
        <v>89</v>
      </c>
      <c r="N5112" t="s">
        <v>90</v>
      </c>
      <c r="O5112" t="s">
        <v>85</v>
      </c>
      <c r="P5112" t="s">
        <v>86</v>
      </c>
      <c r="Q5112">
        <v>19</v>
      </c>
      <c r="R5112">
        <v>19</v>
      </c>
      <c r="S5112">
        <v>19</v>
      </c>
      <c r="T5112">
        <v>20</v>
      </c>
      <c r="U5112">
        <v>20</v>
      </c>
      <c r="V5112">
        <v>20</v>
      </c>
      <c r="W5112">
        <v>20</v>
      </c>
      <c r="X5112">
        <v>20</v>
      </c>
      <c r="Y5112">
        <v>20</v>
      </c>
      <c r="Z5112">
        <v>21</v>
      </c>
      <c r="AA5112">
        <v>21</v>
      </c>
      <c r="AB5112">
        <v>21</v>
      </c>
      <c r="AC5112">
        <v>21</v>
      </c>
      <c r="AD5112">
        <v>21</v>
      </c>
      <c r="AE5112">
        <v>21</v>
      </c>
      <c r="AF5112">
        <v>21</v>
      </c>
      <c r="AG5112">
        <v>21</v>
      </c>
      <c r="AH5112">
        <v>21</v>
      </c>
      <c r="AI5112">
        <v>21</v>
      </c>
      <c r="AJ5112">
        <v>20</v>
      </c>
      <c r="AK5112">
        <v>20</v>
      </c>
      <c r="AL5112">
        <v>20</v>
      </c>
      <c r="AM5112">
        <v>20</v>
      </c>
      <c r="AN5112">
        <v>20</v>
      </c>
      <c r="AO5112">
        <v>20</v>
      </c>
      <c r="AP5112">
        <v>20</v>
      </c>
      <c r="AQ5112">
        <v>20</v>
      </c>
    </row>
    <row r="5113" spans="1:43">
      <c r="A5113" t="s">
        <v>3218</v>
      </c>
      <c r="B5113" t="s">
        <v>3219</v>
      </c>
      <c r="C5113" t="s">
        <v>3064</v>
      </c>
      <c r="D5113" t="s">
        <v>3065</v>
      </c>
      <c r="E5113" t="s">
        <v>2928</v>
      </c>
      <c r="F5113" t="s">
        <v>2929</v>
      </c>
      <c r="G5113" t="s">
        <v>80</v>
      </c>
      <c r="H5113" t="s">
        <v>81</v>
      </c>
      <c r="I5113" s="2">
        <v>1</v>
      </c>
      <c r="J5113" s="2">
        <v>0</v>
      </c>
      <c r="K5113" s="2">
        <v>0</v>
      </c>
      <c r="L5113" t="s">
        <v>120</v>
      </c>
      <c r="M5113" t="s">
        <v>83</v>
      </c>
      <c r="N5113" t="s">
        <v>91</v>
      </c>
      <c r="O5113" t="s">
        <v>85</v>
      </c>
      <c r="P5113" t="s">
        <v>86</v>
      </c>
      <c r="Q5113">
        <v>19</v>
      </c>
      <c r="R5113">
        <v>19</v>
      </c>
      <c r="S5113">
        <v>19</v>
      </c>
      <c r="T5113">
        <v>19</v>
      </c>
      <c r="U5113">
        <v>19</v>
      </c>
      <c r="V5113">
        <v>19</v>
      </c>
      <c r="W5113">
        <v>19</v>
      </c>
      <c r="X5113">
        <v>19</v>
      </c>
      <c r="Y5113">
        <v>19</v>
      </c>
      <c r="Z5113">
        <v>19</v>
      </c>
      <c r="AA5113">
        <v>19</v>
      </c>
      <c r="AB5113">
        <v>20</v>
      </c>
      <c r="AC5113">
        <v>20</v>
      </c>
      <c r="AD5113">
        <v>20</v>
      </c>
      <c r="AE5113">
        <v>20</v>
      </c>
      <c r="AF5113">
        <v>20</v>
      </c>
      <c r="AG5113">
        <v>20</v>
      </c>
      <c r="AH5113">
        <v>20</v>
      </c>
      <c r="AI5113">
        <v>20</v>
      </c>
      <c r="AJ5113">
        <v>20</v>
      </c>
      <c r="AK5113">
        <v>20</v>
      </c>
      <c r="AL5113">
        <v>20</v>
      </c>
      <c r="AM5113">
        <v>20</v>
      </c>
      <c r="AN5113">
        <v>20</v>
      </c>
      <c r="AO5113">
        <v>19</v>
      </c>
      <c r="AP5113">
        <v>19</v>
      </c>
      <c r="AQ5113">
        <v>19</v>
      </c>
    </row>
    <row r="5114" spans="1:43">
      <c r="A5114" t="s">
        <v>3220</v>
      </c>
      <c r="B5114" t="s">
        <v>3221</v>
      </c>
      <c r="C5114" t="s">
        <v>3064</v>
      </c>
      <c r="D5114" t="s">
        <v>3065</v>
      </c>
      <c r="E5114" t="s">
        <v>2928</v>
      </c>
      <c r="F5114" t="s">
        <v>2929</v>
      </c>
      <c r="G5114" t="s">
        <v>80</v>
      </c>
      <c r="H5114" t="s">
        <v>81</v>
      </c>
      <c r="I5114" s="2">
        <v>1</v>
      </c>
      <c r="J5114" s="2">
        <v>0</v>
      </c>
      <c r="K5114" s="2">
        <v>0</v>
      </c>
      <c r="L5114" t="s">
        <v>120</v>
      </c>
      <c r="M5114" t="s">
        <v>83</v>
      </c>
      <c r="N5114" t="s">
        <v>84</v>
      </c>
      <c r="O5114" t="s">
        <v>85</v>
      </c>
      <c r="P5114" t="s">
        <v>86</v>
      </c>
      <c r="Q5114">
        <v>35</v>
      </c>
      <c r="R5114">
        <v>36</v>
      </c>
      <c r="S5114">
        <v>36</v>
      </c>
      <c r="T5114">
        <v>36</v>
      </c>
      <c r="U5114">
        <v>36</v>
      </c>
      <c r="V5114">
        <v>36</v>
      </c>
      <c r="W5114">
        <v>37</v>
      </c>
      <c r="X5114">
        <v>37</v>
      </c>
      <c r="Y5114">
        <v>37</v>
      </c>
      <c r="Z5114">
        <v>37</v>
      </c>
      <c r="AA5114">
        <v>37</v>
      </c>
      <c r="AB5114">
        <v>37</v>
      </c>
      <c r="AC5114">
        <v>37</v>
      </c>
      <c r="AD5114">
        <v>37</v>
      </c>
      <c r="AE5114">
        <v>38</v>
      </c>
      <c r="AF5114">
        <v>38</v>
      </c>
      <c r="AG5114">
        <v>38</v>
      </c>
      <c r="AH5114">
        <v>38</v>
      </c>
      <c r="AI5114">
        <v>38</v>
      </c>
      <c r="AJ5114">
        <v>38</v>
      </c>
      <c r="AK5114">
        <v>38</v>
      </c>
      <c r="AL5114">
        <v>38</v>
      </c>
      <c r="AM5114">
        <v>38</v>
      </c>
      <c r="AN5114">
        <v>38</v>
      </c>
      <c r="AO5114">
        <v>38</v>
      </c>
      <c r="AP5114">
        <v>37</v>
      </c>
      <c r="AQ5114">
        <v>37</v>
      </c>
    </row>
    <row r="5115" spans="1:43">
      <c r="A5115" t="s">
        <v>3220</v>
      </c>
      <c r="B5115" t="s">
        <v>3221</v>
      </c>
      <c r="C5115" t="s">
        <v>3064</v>
      </c>
      <c r="D5115" t="s">
        <v>3065</v>
      </c>
      <c r="E5115" t="s">
        <v>2928</v>
      </c>
      <c r="F5115" t="s">
        <v>2929</v>
      </c>
      <c r="G5115" t="s">
        <v>80</v>
      </c>
      <c r="H5115" t="s">
        <v>81</v>
      </c>
      <c r="I5115" s="2">
        <v>1</v>
      </c>
      <c r="J5115" s="2">
        <v>0</v>
      </c>
      <c r="K5115" s="2">
        <v>0</v>
      </c>
      <c r="L5115" t="s">
        <v>120</v>
      </c>
      <c r="M5115" t="s">
        <v>87</v>
      </c>
      <c r="N5115" t="s">
        <v>88</v>
      </c>
      <c r="O5115" t="s">
        <v>85</v>
      </c>
      <c r="P5115" t="s">
        <v>86</v>
      </c>
      <c r="Q5115">
        <v>35</v>
      </c>
      <c r="R5115">
        <v>35</v>
      </c>
      <c r="S5115">
        <v>35</v>
      </c>
      <c r="T5115">
        <v>35</v>
      </c>
      <c r="U5115">
        <v>35</v>
      </c>
      <c r="V5115">
        <v>34</v>
      </c>
      <c r="W5115">
        <v>34</v>
      </c>
      <c r="X5115">
        <v>34</v>
      </c>
      <c r="Y5115">
        <v>34</v>
      </c>
      <c r="Z5115">
        <v>34</v>
      </c>
      <c r="AA5115">
        <v>34</v>
      </c>
      <c r="AB5115">
        <v>34</v>
      </c>
      <c r="AC5115">
        <v>34</v>
      </c>
      <c r="AD5115">
        <v>33</v>
      </c>
      <c r="AE5115">
        <v>33</v>
      </c>
      <c r="AF5115">
        <v>33</v>
      </c>
      <c r="AG5115">
        <v>33</v>
      </c>
      <c r="AH5115">
        <v>33</v>
      </c>
      <c r="AI5115">
        <v>33</v>
      </c>
      <c r="AJ5115">
        <v>33</v>
      </c>
      <c r="AK5115">
        <v>33</v>
      </c>
      <c r="AL5115">
        <v>33</v>
      </c>
      <c r="AM5115">
        <v>32</v>
      </c>
      <c r="AN5115">
        <v>32</v>
      </c>
      <c r="AO5115">
        <v>32</v>
      </c>
      <c r="AP5115">
        <v>32</v>
      </c>
      <c r="AQ5115">
        <v>32</v>
      </c>
    </row>
    <row r="5116" spans="1:43">
      <c r="A5116" t="s">
        <v>3220</v>
      </c>
      <c r="B5116" t="s">
        <v>3221</v>
      </c>
      <c r="C5116" t="s">
        <v>3064</v>
      </c>
      <c r="D5116" t="s">
        <v>3065</v>
      </c>
      <c r="E5116" t="s">
        <v>2928</v>
      </c>
      <c r="F5116" t="s">
        <v>2929</v>
      </c>
      <c r="G5116" t="s">
        <v>80</v>
      </c>
      <c r="H5116" t="s">
        <v>81</v>
      </c>
      <c r="I5116" s="2">
        <v>1</v>
      </c>
      <c r="J5116" s="2">
        <v>0</v>
      </c>
      <c r="K5116" s="2">
        <v>0</v>
      </c>
      <c r="L5116" t="s">
        <v>120</v>
      </c>
      <c r="M5116" t="s">
        <v>89</v>
      </c>
      <c r="N5116" t="s">
        <v>90</v>
      </c>
      <c r="O5116" t="s">
        <v>85</v>
      </c>
      <c r="P5116" t="s">
        <v>86</v>
      </c>
      <c r="Q5116">
        <v>35</v>
      </c>
      <c r="R5116">
        <v>35</v>
      </c>
      <c r="S5116">
        <v>36</v>
      </c>
      <c r="T5116">
        <v>36</v>
      </c>
      <c r="U5116">
        <v>37</v>
      </c>
      <c r="V5116">
        <v>37</v>
      </c>
      <c r="W5116">
        <v>37</v>
      </c>
      <c r="X5116">
        <v>38</v>
      </c>
      <c r="Y5116">
        <v>38</v>
      </c>
      <c r="Z5116">
        <v>38</v>
      </c>
      <c r="AA5116">
        <v>39</v>
      </c>
      <c r="AB5116">
        <v>39</v>
      </c>
      <c r="AC5116">
        <v>39</v>
      </c>
      <c r="AD5116">
        <v>39</v>
      </c>
      <c r="AE5116">
        <v>39</v>
      </c>
      <c r="AF5116">
        <v>39</v>
      </c>
      <c r="AG5116">
        <v>39</v>
      </c>
      <c r="AH5116">
        <v>39</v>
      </c>
      <c r="AI5116">
        <v>38</v>
      </c>
      <c r="AJ5116">
        <v>38</v>
      </c>
      <c r="AK5116">
        <v>38</v>
      </c>
      <c r="AL5116">
        <v>38</v>
      </c>
      <c r="AM5116">
        <v>38</v>
      </c>
      <c r="AN5116">
        <v>37</v>
      </c>
      <c r="AO5116">
        <v>37</v>
      </c>
      <c r="AP5116">
        <v>37</v>
      </c>
      <c r="AQ5116">
        <v>37</v>
      </c>
    </row>
    <row r="5117" spans="1:43">
      <c r="A5117" t="s">
        <v>3220</v>
      </c>
      <c r="B5117" t="s">
        <v>3221</v>
      </c>
      <c r="C5117" t="s">
        <v>3064</v>
      </c>
      <c r="D5117" t="s">
        <v>3065</v>
      </c>
      <c r="E5117" t="s">
        <v>2928</v>
      </c>
      <c r="F5117" t="s">
        <v>2929</v>
      </c>
      <c r="G5117" t="s">
        <v>80</v>
      </c>
      <c r="H5117" t="s">
        <v>81</v>
      </c>
      <c r="I5117" s="2">
        <v>1</v>
      </c>
      <c r="J5117" s="2">
        <v>0</v>
      </c>
      <c r="K5117" s="2">
        <v>0</v>
      </c>
      <c r="L5117" t="s">
        <v>120</v>
      </c>
      <c r="M5117" t="s">
        <v>83</v>
      </c>
      <c r="N5117" t="s">
        <v>91</v>
      </c>
      <c r="O5117" t="s">
        <v>85</v>
      </c>
      <c r="P5117" t="s">
        <v>86</v>
      </c>
      <c r="Q5117">
        <v>35</v>
      </c>
      <c r="R5117">
        <v>36</v>
      </c>
      <c r="S5117">
        <v>36</v>
      </c>
      <c r="T5117">
        <v>36</v>
      </c>
      <c r="U5117">
        <v>36</v>
      </c>
      <c r="V5117">
        <v>36</v>
      </c>
      <c r="W5117">
        <v>37</v>
      </c>
      <c r="X5117">
        <v>37</v>
      </c>
      <c r="Y5117">
        <v>37</v>
      </c>
      <c r="Z5117">
        <v>37</v>
      </c>
      <c r="AA5117">
        <v>37</v>
      </c>
      <c r="AB5117">
        <v>37</v>
      </c>
      <c r="AC5117">
        <v>37</v>
      </c>
      <c r="AD5117">
        <v>37</v>
      </c>
      <c r="AE5117">
        <v>38</v>
      </c>
      <c r="AF5117">
        <v>38</v>
      </c>
      <c r="AG5117">
        <v>38</v>
      </c>
      <c r="AH5117">
        <v>38</v>
      </c>
      <c r="AI5117">
        <v>38</v>
      </c>
      <c r="AJ5117">
        <v>38</v>
      </c>
      <c r="AK5117">
        <v>38</v>
      </c>
      <c r="AL5117">
        <v>38</v>
      </c>
      <c r="AM5117">
        <v>38</v>
      </c>
      <c r="AN5117">
        <v>38</v>
      </c>
      <c r="AO5117">
        <v>38</v>
      </c>
      <c r="AP5117">
        <v>37</v>
      </c>
      <c r="AQ5117">
        <v>37</v>
      </c>
    </row>
    <row r="5118" spans="1:43">
      <c r="A5118" t="s">
        <v>3222</v>
      </c>
      <c r="B5118" t="s">
        <v>3223</v>
      </c>
      <c r="C5118" t="s">
        <v>3064</v>
      </c>
      <c r="D5118" t="s">
        <v>3065</v>
      </c>
      <c r="E5118" t="s">
        <v>2928</v>
      </c>
      <c r="F5118" t="s">
        <v>2929</v>
      </c>
      <c r="G5118" t="s">
        <v>80</v>
      </c>
      <c r="H5118" t="s">
        <v>81</v>
      </c>
      <c r="I5118" s="2">
        <v>1</v>
      </c>
      <c r="J5118" s="2">
        <v>0</v>
      </c>
      <c r="K5118" s="2">
        <v>0</v>
      </c>
      <c r="L5118" t="s">
        <v>120</v>
      </c>
      <c r="M5118" t="s">
        <v>83</v>
      </c>
      <c r="N5118" t="s">
        <v>84</v>
      </c>
      <c r="O5118" t="s">
        <v>85</v>
      </c>
      <c r="P5118" t="s">
        <v>86</v>
      </c>
      <c r="Q5118">
        <v>82</v>
      </c>
      <c r="R5118">
        <v>83</v>
      </c>
      <c r="S5118">
        <v>83</v>
      </c>
      <c r="T5118">
        <v>84</v>
      </c>
      <c r="U5118">
        <v>84</v>
      </c>
      <c r="V5118">
        <v>85</v>
      </c>
      <c r="W5118">
        <v>85</v>
      </c>
      <c r="X5118">
        <v>85</v>
      </c>
      <c r="Y5118">
        <v>86</v>
      </c>
      <c r="Z5118">
        <v>86</v>
      </c>
      <c r="AA5118">
        <v>86</v>
      </c>
      <c r="AB5118">
        <v>87</v>
      </c>
      <c r="AC5118">
        <v>87</v>
      </c>
      <c r="AD5118">
        <v>87</v>
      </c>
      <c r="AE5118">
        <v>87</v>
      </c>
      <c r="AF5118">
        <v>88</v>
      </c>
      <c r="AG5118">
        <v>88</v>
      </c>
      <c r="AH5118">
        <v>88</v>
      </c>
      <c r="AI5118">
        <v>88</v>
      </c>
      <c r="AJ5118">
        <v>89</v>
      </c>
      <c r="AK5118">
        <v>89</v>
      </c>
      <c r="AL5118">
        <v>89</v>
      </c>
      <c r="AM5118">
        <v>88</v>
      </c>
      <c r="AN5118">
        <v>88</v>
      </c>
      <c r="AO5118">
        <v>87</v>
      </c>
      <c r="AP5118">
        <v>87</v>
      </c>
      <c r="AQ5118">
        <v>86</v>
      </c>
    </row>
    <row r="5119" spans="1:43">
      <c r="A5119" t="s">
        <v>3222</v>
      </c>
      <c r="B5119" t="s">
        <v>3223</v>
      </c>
      <c r="C5119" t="s">
        <v>3064</v>
      </c>
      <c r="D5119" t="s">
        <v>3065</v>
      </c>
      <c r="E5119" t="s">
        <v>2928</v>
      </c>
      <c r="F5119" t="s">
        <v>2929</v>
      </c>
      <c r="G5119" t="s">
        <v>80</v>
      </c>
      <c r="H5119" t="s">
        <v>81</v>
      </c>
      <c r="I5119" s="2">
        <v>1</v>
      </c>
      <c r="J5119" s="2">
        <v>0</v>
      </c>
      <c r="K5119" s="2">
        <v>0</v>
      </c>
      <c r="L5119" t="s">
        <v>120</v>
      </c>
      <c r="M5119" t="s">
        <v>87</v>
      </c>
      <c r="N5119" t="s">
        <v>88</v>
      </c>
      <c r="O5119" t="s">
        <v>85</v>
      </c>
      <c r="P5119" t="s">
        <v>86</v>
      </c>
      <c r="Q5119">
        <v>82</v>
      </c>
      <c r="R5119">
        <v>81</v>
      </c>
      <c r="S5119">
        <v>81</v>
      </c>
      <c r="T5119">
        <v>81</v>
      </c>
      <c r="U5119">
        <v>80</v>
      </c>
      <c r="V5119">
        <v>80</v>
      </c>
      <c r="W5119">
        <v>80</v>
      </c>
      <c r="X5119">
        <v>80</v>
      </c>
      <c r="Y5119">
        <v>79</v>
      </c>
      <c r="Z5119">
        <v>79</v>
      </c>
      <c r="AA5119">
        <v>79</v>
      </c>
      <c r="AB5119">
        <v>78</v>
      </c>
      <c r="AC5119">
        <v>78</v>
      </c>
      <c r="AD5119">
        <v>78</v>
      </c>
      <c r="AE5119">
        <v>78</v>
      </c>
      <c r="AF5119">
        <v>77</v>
      </c>
      <c r="AG5119">
        <v>77</v>
      </c>
      <c r="AH5119">
        <v>77</v>
      </c>
      <c r="AI5119">
        <v>76</v>
      </c>
      <c r="AJ5119">
        <v>76</v>
      </c>
      <c r="AK5119">
        <v>76</v>
      </c>
      <c r="AL5119">
        <v>76</v>
      </c>
      <c r="AM5119">
        <v>75</v>
      </c>
      <c r="AN5119">
        <v>75</v>
      </c>
      <c r="AO5119">
        <v>75</v>
      </c>
      <c r="AP5119">
        <v>75</v>
      </c>
      <c r="AQ5119">
        <v>74</v>
      </c>
    </row>
    <row r="5120" spans="1:43">
      <c r="A5120" t="s">
        <v>3222</v>
      </c>
      <c r="B5120" t="s">
        <v>3223</v>
      </c>
      <c r="C5120" t="s">
        <v>3064</v>
      </c>
      <c r="D5120" t="s">
        <v>3065</v>
      </c>
      <c r="E5120" t="s">
        <v>2928</v>
      </c>
      <c r="F5120" t="s">
        <v>2929</v>
      </c>
      <c r="G5120" t="s">
        <v>80</v>
      </c>
      <c r="H5120" t="s">
        <v>81</v>
      </c>
      <c r="I5120" s="2">
        <v>1</v>
      </c>
      <c r="J5120" s="2">
        <v>0</v>
      </c>
      <c r="K5120" s="2">
        <v>0</v>
      </c>
      <c r="L5120" t="s">
        <v>120</v>
      </c>
      <c r="M5120" t="s">
        <v>89</v>
      </c>
      <c r="N5120" t="s">
        <v>90</v>
      </c>
      <c r="O5120" t="s">
        <v>85</v>
      </c>
      <c r="P5120" t="s">
        <v>86</v>
      </c>
      <c r="Q5120">
        <v>82</v>
      </c>
      <c r="R5120">
        <v>83</v>
      </c>
      <c r="S5120">
        <v>84</v>
      </c>
      <c r="T5120">
        <v>85</v>
      </c>
      <c r="U5120">
        <v>86</v>
      </c>
      <c r="V5120">
        <v>87</v>
      </c>
      <c r="W5120">
        <v>88</v>
      </c>
      <c r="X5120">
        <v>89</v>
      </c>
      <c r="Y5120">
        <v>90</v>
      </c>
      <c r="Z5120">
        <v>90</v>
      </c>
      <c r="AA5120">
        <v>91</v>
      </c>
      <c r="AB5120">
        <v>91</v>
      </c>
      <c r="AC5120">
        <v>92</v>
      </c>
      <c r="AD5120">
        <v>93</v>
      </c>
      <c r="AE5120">
        <v>93</v>
      </c>
      <c r="AF5120">
        <v>92</v>
      </c>
      <c r="AG5120">
        <v>92</v>
      </c>
      <c r="AH5120">
        <v>91</v>
      </c>
      <c r="AI5120">
        <v>91</v>
      </c>
      <c r="AJ5120">
        <v>90</v>
      </c>
      <c r="AK5120">
        <v>90</v>
      </c>
      <c r="AL5120">
        <v>89</v>
      </c>
      <c r="AM5120">
        <v>89</v>
      </c>
      <c r="AN5120">
        <v>88</v>
      </c>
      <c r="AO5120">
        <v>88</v>
      </c>
      <c r="AP5120">
        <v>87</v>
      </c>
      <c r="AQ5120">
        <v>87</v>
      </c>
    </row>
    <row r="5121" spans="1:43">
      <c r="A5121" t="s">
        <v>3222</v>
      </c>
      <c r="B5121" t="s">
        <v>3223</v>
      </c>
      <c r="C5121" t="s">
        <v>3064</v>
      </c>
      <c r="D5121" t="s">
        <v>3065</v>
      </c>
      <c r="E5121" t="s">
        <v>2928</v>
      </c>
      <c r="F5121" t="s">
        <v>2929</v>
      </c>
      <c r="G5121" t="s">
        <v>80</v>
      </c>
      <c r="H5121" t="s">
        <v>81</v>
      </c>
      <c r="I5121" s="2">
        <v>1</v>
      </c>
      <c r="J5121" s="2">
        <v>0</v>
      </c>
      <c r="K5121" s="2">
        <v>0</v>
      </c>
      <c r="L5121" t="s">
        <v>120</v>
      </c>
      <c r="M5121" t="s">
        <v>83</v>
      </c>
      <c r="N5121" t="s">
        <v>91</v>
      </c>
      <c r="O5121" t="s">
        <v>85</v>
      </c>
      <c r="P5121" t="s">
        <v>86</v>
      </c>
      <c r="Q5121">
        <v>82</v>
      </c>
      <c r="R5121">
        <v>83</v>
      </c>
      <c r="S5121">
        <v>83</v>
      </c>
      <c r="T5121">
        <v>84</v>
      </c>
      <c r="U5121">
        <v>84</v>
      </c>
      <c r="V5121">
        <v>85</v>
      </c>
      <c r="W5121">
        <v>85</v>
      </c>
      <c r="X5121">
        <v>85</v>
      </c>
      <c r="Y5121">
        <v>86</v>
      </c>
      <c r="Z5121">
        <v>86</v>
      </c>
      <c r="AA5121">
        <v>86</v>
      </c>
      <c r="AB5121">
        <v>87</v>
      </c>
      <c r="AC5121">
        <v>87</v>
      </c>
      <c r="AD5121">
        <v>87</v>
      </c>
      <c r="AE5121">
        <v>87</v>
      </c>
      <c r="AF5121">
        <v>88</v>
      </c>
      <c r="AG5121">
        <v>88</v>
      </c>
      <c r="AH5121">
        <v>88</v>
      </c>
      <c r="AI5121">
        <v>88</v>
      </c>
      <c r="AJ5121">
        <v>89</v>
      </c>
      <c r="AK5121">
        <v>89</v>
      </c>
      <c r="AL5121">
        <v>89</v>
      </c>
      <c r="AM5121">
        <v>88</v>
      </c>
      <c r="AN5121">
        <v>88</v>
      </c>
      <c r="AO5121">
        <v>87</v>
      </c>
      <c r="AP5121">
        <v>87</v>
      </c>
      <c r="AQ5121">
        <v>86</v>
      </c>
    </row>
    <row r="5122" spans="1:43">
      <c r="A5122" t="s">
        <v>3224</v>
      </c>
      <c r="B5122" t="s">
        <v>3225</v>
      </c>
      <c r="C5122" t="s">
        <v>3054</v>
      </c>
      <c r="D5122" t="s">
        <v>3055</v>
      </c>
      <c r="E5122" t="s">
        <v>2928</v>
      </c>
      <c r="F5122" t="s">
        <v>2929</v>
      </c>
      <c r="G5122" t="s">
        <v>80</v>
      </c>
      <c r="H5122" t="s">
        <v>81</v>
      </c>
      <c r="I5122" s="2">
        <v>1</v>
      </c>
      <c r="J5122" s="2">
        <v>0</v>
      </c>
      <c r="K5122" s="2">
        <v>0</v>
      </c>
      <c r="L5122" t="s">
        <v>120</v>
      </c>
      <c r="M5122" t="s">
        <v>83</v>
      </c>
      <c r="N5122" t="s">
        <v>84</v>
      </c>
      <c r="O5122" t="s">
        <v>85</v>
      </c>
      <c r="P5122" t="s">
        <v>86</v>
      </c>
      <c r="Q5122">
        <v>15</v>
      </c>
      <c r="R5122">
        <v>15</v>
      </c>
      <c r="S5122">
        <v>15</v>
      </c>
      <c r="T5122">
        <v>15</v>
      </c>
      <c r="U5122">
        <v>15</v>
      </c>
      <c r="V5122">
        <v>15</v>
      </c>
      <c r="W5122">
        <v>15</v>
      </c>
      <c r="X5122">
        <v>15</v>
      </c>
      <c r="Y5122">
        <v>15</v>
      </c>
      <c r="Z5122">
        <v>15</v>
      </c>
      <c r="AA5122">
        <v>15</v>
      </c>
      <c r="AB5122">
        <v>15</v>
      </c>
      <c r="AC5122">
        <v>16</v>
      </c>
      <c r="AD5122">
        <v>16</v>
      </c>
      <c r="AE5122">
        <v>16</v>
      </c>
      <c r="AF5122">
        <v>16</v>
      </c>
      <c r="AG5122">
        <v>16</v>
      </c>
      <c r="AH5122">
        <v>16</v>
      </c>
      <c r="AI5122">
        <v>16</v>
      </c>
      <c r="AJ5122">
        <v>16</v>
      </c>
      <c r="AK5122">
        <v>16</v>
      </c>
      <c r="AL5122">
        <v>16</v>
      </c>
      <c r="AM5122">
        <v>16</v>
      </c>
      <c r="AN5122">
        <v>16</v>
      </c>
      <c r="AO5122">
        <v>16</v>
      </c>
      <c r="AP5122">
        <v>15</v>
      </c>
      <c r="AQ5122">
        <v>15</v>
      </c>
    </row>
    <row r="5123" spans="1:43">
      <c r="A5123" t="s">
        <v>3224</v>
      </c>
      <c r="B5123" t="s">
        <v>3225</v>
      </c>
      <c r="C5123" t="s">
        <v>3054</v>
      </c>
      <c r="D5123" t="s">
        <v>3055</v>
      </c>
      <c r="E5123" t="s">
        <v>2928</v>
      </c>
      <c r="F5123" t="s">
        <v>2929</v>
      </c>
      <c r="G5123" t="s">
        <v>80</v>
      </c>
      <c r="H5123" t="s">
        <v>81</v>
      </c>
      <c r="I5123" s="2">
        <v>1</v>
      </c>
      <c r="J5123" s="2">
        <v>0</v>
      </c>
      <c r="K5123" s="2">
        <v>0</v>
      </c>
      <c r="L5123" t="s">
        <v>120</v>
      </c>
      <c r="M5123" t="s">
        <v>87</v>
      </c>
      <c r="N5123" t="s">
        <v>88</v>
      </c>
      <c r="O5123" t="s">
        <v>85</v>
      </c>
      <c r="P5123" t="s">
        <v>86</v>
      </c>
      <c r="Q5123">
        <v>15</v>
      </c>
      <c r="R5123">
        <v>15</v>
      </c>
      <c r="S5123">
        <v>15</v>
      </c>
      <c r="T5123">
        <v>14</v>
      </c>
      <c r="U5123">
        <v>14</v>
      </c>
      <c r="V5123">
        <v>14</v>
      </c>
      <c r="W5123">
        <v>14</v>
      </c>
      <c r="X5123">
        <v>14</v>
      </c>
      <c r="Y5123">
        <v>14</v>
      </c>
      <c r="Z5123">
        <v>14</v>
      </c>
      <c r="AA5123">
        <v>14</v>
      </c>
      <c r="AB5123">
        <v>14</v>
      </c>
      <c r="AC5123">
        <v>14</v>
      </c>
      <c r="AD5123">
        <v>14</v>
      </c>
      <c r="AE5123">
        <v>14</v>
      </c>
      <c r="AF5123">
        <v>14</v>
      </c>
      <c r="AG5123">
        <v>14</v>
      </c>
      <c r="AH5123">
        <v>14</v>
      </c>
      <c r="AI5123">
        <v>14</v>
      </c>
      <c r="AJ5123">
        <v>14</v>
      </c>
      <c r="AK5123">
        <v>14</v>
      </c>
      <c r="AL5123">
        <v>14</v>
      </c>
      <c r="AM5123">
        <v>13</v>
      </c>
      <c r="AN5123">
        <v>13</v>
      </c>
      <c r="AO5123">
        <v>13</v>
      </c>
      <c r="AP5123">
        <v>13</v>
      </c>
      <c r="AQ5123">
        <v>13</v>
      </c>
    </row>
    <row r="5124" spans="1:43">
      <c r="A5124" t="s">
        <v>3224</v>
      </c>
      <c r="B5124" t="s">
        <v>3225</v>
      </c>
      <c r="C5124" t="s">
        <v>3054</v>
      </c>
      <c r="D5124" t="s">
        <v>3055</v>
      </c>
      <c r="E5124" t="s">
        <v>2928</v>
      </c>
      <c r="F5124" t="s">
        <v>2929</v>
      </c>
      <c r="G5124" t="s">
        <v>80</v>
      </c>
      <c r="H5124" t="s">
        <v>81</v>
      </c>
      <c r="I5124" s="2">
        <v>1</v>
      </c>
      <c r="J5124" s="2">
        <v>0</v>
      </c>
      <c r="K5124" s="2">
        <v>0</v>
      </c>
      <c r="L5124" t="s">
        <v>120</v>
      </c>
      <c r="M5124" t="s">
        <v>89</v>
      </c>
      <c r="N5124" t="s">
        <v>90</v>
      </c>
      <c r="O5124" t="s">
        <v>85</v>
      </c>
      <c r="P5124" t="s">
        <v>86</v>
      </c>
      <c r="Q5124">
        <v>15</v>
      </c>
      <c r="R5124">
        <v>15</v>
      </c>
      <c r="S5124">
        <v>15</v>
      </c>
      <c r="T5124">
        <v>16</v>
      </c>
      <c r="U5124">
        <v>16</v>
      </c>
      <c r="V5124">
        <v>16</v>
      </c>
      <c r="W5124">
        <v>16</v>
      </c>
      <c r="X5124">
        <v>16</v>
      </c>
      <c r="Y5124">
        <v>16</v>
      </c>
      <c r="Z5124">
        <v>16</v>
      </c>
      <c r="AA5124">
        <v>16</v>
      </c>
      <c r="AB5124">
        <v>17</v>
      </c>
      <c r="AC5124">
        <v>17</v>
      </c>
      <c r="AD5124">
        <v>17</v>
      </c>
      <c r="AE5124">
        <v>17</v>
      </c>
      <c r="AF5124">
        <v>17</v>
      </c>
      <c r="AG5124">
        <v>17</v>
      </c>
      <c r="AH5124">
        <v>16</v>
      </c>
      <c r="AI5124">
        <v>16</v>
      </c>
      <c r="AJ5124">
        <v>16</v>
      </c>
      <c r="AK5124">
        <v>16</v>
      </c>
      <c r="AL5124">
        <v>16</v>
      </c>
      <c r="AM5124">
        <v>16</v>
      </c>
      <c r="AN5124">
        <v>16</v>
      </c>
      <c r="AO5124">
        <v>16</v>
      </c>
      <c r="AP5124">
        <v>16</v>
      </c>
      <c r="AQ5124">
        <v>16</v>
      </c>
    </row>
    <row r="5125" spans="1:43">
      <c r="A5125" t="s">
        <v>3224</v>
      </c>
      <c r="B5125" t="s">
        <v>3225</v>
      </c>
      <c r="C5125" t="s">
        <v>3054</v>
      </c>
      <c r="D5125" t="s">
        <v>3055</v>
      </c>
      <c r="E5125" t="s">
        <v>2928</v>
      </c>
      <c r="F5125" t="s">
        <v>2929</v>
      </c>
      <c r="G5125" t="s">
        <v>80</v>
      </c>
      <c r="H5125" t="s">
        <v>81</v>
      </c>
      <c r="I5125" s="2">
        <v>1</v>
      </c>
      <c r="J5125" s="2">
        <v>0</v>
      </c>
      <c r="K5125" s="2">
        <v>0</v>
      </c>
      <c r="L5125" t="s">
        <v>120</v>
      </c>
      <c r="M5125" t="s">
        <v>83</v>
      </c>
      <c r="N5125" t="s">
        <v>91</v>
      </c>
      <c r="O5125" t="s">
        <v>85</v>
      </c>
      <c r="P5125" t="s">
        <v>86</v>
      </c>
      <c r="Q5125">
        <v>15</v>
      </c>
      <c r="R5125">
        <v>15</v>
      </c>
      <c r="S5125">
        <v>15</v>
      </c>
      <c r="T5125">
        <v>15</v>
      </c>
      <c r="U5125">
        <v>15</v>
      </c>
      <c r="V5125">
        <v>15</v>
      </c>
      <c r="W5125">
        <v>15</v>
      </c>
      <c r="X5125">
        <v>15</v>
      </c>
      <c r="Y5125">
        <v>15</v>
      </c>
      <c r="Z5125">
        <v>15</v>
      </c>
      <c r="AA5125">
        <v>15</v>
      </c>
      <c r="AB5125">
        <v>15</v>
      </c>
      <c r="AC5125">
        <v>16</v>
      </c>
      <c r="AD5125">
        <v>16</v>
      </c>
      <c r="AE5125">
        <v>16</v>
      </c>
      <c r="AF5125">
        <v>16</v>
      </c>
      <c r="AG5125">
        <v>16</v>
      </c>
      <c r="AH5125">
        <v>16</v>
      </c>
      <c r="AI5125">
        <v>16</v>
      </c>
      <c r="AJ5125">
        <v>16</v>
      </c>
      <c r="AK5125">
        <v>16</v>
      </c>
      <c r="AL5125">
        <v>16</v>
      </c>
      <c r="AM5125">
        <v>16</v>
      </c>
      <c r="AN5125">
        <v>16</v>
      </c>
      <c r="AO5125">
        <v>16</v>
      </c>
      <c r="AP5125">
        <v>15</v>
      </c>
      <c r="AQ5125">
        <v>15</v>
      </c>
    </row>
    <row r="5126" spans="1:43">
      <c r="A5126" t="s">
        <v>3226</v>
      </c>
      <c r="B5126" t="s">
        <v>3227</v>
      </c>
      <c r="C5126" t="s">
        <v>2958</v>
      </c>
      <c r="D5126" t="s">
        <v>2959</v>
      </c>
      <c r="E5126" t="s">
        <v>2928</v>
      </c>
      <c r="F5126" t="s">
        <v>2929</v>
      </c>
      <c r="G5126" t="s">
        <v>80</v>
      </c>
      <c r="H5126" t="s">
        <v>81</v>
      </c>
      <c r="I5126" s="2">
        <v>1</v>
      </c>
      <c r="J5126" s="2">
        <v>0</v>
      </c>
      <c r="K5126" s="2">
        <v>0</v>
      </c>
      <c r="L5126" t="s">
        <v>120</v>
      </c>
      <c r="M5126" t="s">
        <v>83</v>
      </c>
      <c r="N5126" t="s">
        <v>84</v>
      </c>
      <c r="O5126" t="s">
        <v>85</v>
      </c>
      <c r="P5126" t="s">
        <v>86</v>
      </c>
      <c r="Q5126">
        <v>17</v>
      </c>
      <c r="R5126">
        <v>17</v>
      </c>
      <c r="S5126">
        <v>17</v>
      </c>
      <c r="T5126">
        <v>18</v>
      </c>
      <c r="U5126">
        <v>18</v>
      </c>
      <c r="V5126">
        <v>18</v>
      </c>
      <c r="W5126">
        <v>18</v>
      </c>
      <c r="X5126">
        <v>18</v>
      </c>
      <c r="Y5126">
        <v>18</v>
      </c>
      <c r="Z5126">
        <v>18</v>
      </c>
      <c r="AA5126">
        <v>18</v>
      </c>
      <c r="AB5126">
        <v>18</v>
      </c>
      <c r="AC5126">
        <v>18</v>
      </c>
      <c r="AD5126">
        <v>18</v>
      </c>
      <c r="AE5126">
        <v>18</v>
      </c>
      <c r="AF5126">
        <v>18</v>
      </c>
      <c r="AG5126">
        <v>18</v>
      </c>
      <c r="AH5126">
        <v>18</v>
      </c>
      <c r="AI5126">
        <v>18</v>
      </c>
      <c r="AJ5126">
        <v>18</v>
      </c>
      <c r="AK5126">
        <v>18</v>
      </c>
      <c r="AL5126">
        <v>18</v>
      </c>
      <c r="AM5126">
        <v>18</v>
      </c>
      <c r="AN5126">
        <v>18</v>
      </c>
      <c r="AO5126">
        <v>18</v>
      </c>
      <c r="AP5126">
        <v>18</v>
      </c>
      <c r="AQ5126">
        <v>18</v>
      </c>
    </row>
    <row r="5127" spans="1:43">
      <c r="A5127" t="s">
        <v>3226</v>
      </c>
      <c r="B5127" t="s">
        <v>3227</v>
      </c>
      <c r="C5127" t="s">
        <v>2958</v>
      </c>
      <c r="D5127" t="s">
        <v>2959</v>
      </c>
      <c r="E5127" t="s">
        <v>2928</v>
      </c>
      <c r="F5127" t="s">
        <v>2929</v>
      </c>
      <c r="G5127" t="s">
        <v>80</v>
      </c>
      <c r="H5127" t="s">
        <v>81</v>
      </c>
      <c r="I5127" s="2">
        <v>1</v>
      </c>
      <c r="J5127" s="2">
        <v>0</v>
      </c>
      <c r="K5127" s="2">
        <v>0</v>
      </c>
      <c r="L5127" t="s">
        <v>120</v>
      </c>
      <c r="M5127" t="s">
        <v>87</v>
      </c>
      <c r="N5127" t="s">
        <v>88</v>
      </c>
      <c r="O5127" t="s">
        <v>85</v>
      </c>
      <c r="P5127" t="s">
        <v>86</v>
      </c>
      <c r="Q5127">
        <v>17</v>
      </c>
      <c r="R5127">
        <v>17</v>
      </c>
      <c r="S5127">
        <v>17</v>
      </c>
      <c r="T5127">
        <v>17</v>
      </c>
      <c r="U5127">
        <v>17</v>
      </c>
      <c r="V5127">
        <v>17</v>
      </c>
      <c r="W5127">
        <v>17</v>
      </c>
      <c r="X5127">
        <v>17</v>
      </c>
      <c r="Y5127">
        <v>17</v>
      </c>
      <c r="Z5127">
        <v>16</v>
      </c>
      <c r="AA5127">
        <v>16</v>
      </c>
      <c r="AB5127">
        <v>16</v>
      </c>
      <c r="AC5127">
        <v>16</v>
      </c>
      <c r="AD5127">
        <v>16</v>
      </c>
      <c r="AE5127">
        <v>16</v>
      </c>
      <c r="AF5127">
        <v>16</v>
      </c>
      <c r="AG5127">
        <v>16</v>
      </c>
      <c r="AH5127">
        <v>16</v>
      </c>
      <c r="AI5127">
        <v>16</v>
      </c>
      <c r="AJ5127">
        <v>16</v>
      </c>
      <c r="AK5127">
        <v>16</v>
      </c>
      <c r="AL5127">
        <v>16</v>
      </c>
      <c r="AM5127">
        <v>16</v>
      </c>
      <c r="AN5127">
        <v>15</v>
      </c>
      <c r="AO5127">
        <v>15</v>
      </c>
      <c r="AP5127">
        <v>15</v>
      </c>
      <c r="AQ5127">
        <v>15</v>
      </c>
    </row>
    <row r="5128" spans="1:43">
      <c r="A5128" t="s">
        <v>3226</v>
      </c>
      <c r="B5128" t="s">
        <v>3227</v>
      </c>
      <c r="C5128" t="s">
        <v>2958</v>
      </c>
      <c r="D5128" t="s">
        <v>2959</v>
      </c>
      <c r="E5128" t="s">
        <v>2928</v>
      </c>
      <c r="F5128" t="s">
        <v>2929</v>
      </c>
      <c r="G5128" t="s">
        <v>80</v>
      </c>
      <c r="H5128" t="s">
        <v>81</v>
      </c>
      <c r="I5128" s="2">
        <v>1</v>
      </c>
      <c r="J5128" s="2">
        <v>0</v>
      </c>
      <c r="K5128" s="2">
        <v>0</v>
      </c>
      <c r="L5128" t="s">
        <v>120</v>
      </c>
      <c r="M5128" t="s">
        <v>89</v>
      </c>
      <c r="N5128" t="s">
        <v>90</v>
      </c>
      <c r="O5128" t="s">
        <v>85</v>
      </c>
      <c r="P5128" t="s">
        <v>86</v>
      </c>
      <c r="Q5128">
        <v>17</v>
      </c>
      <c r="R5128">
        <v>18</v>
      </c>
      <c r="S5128">
        <v>18</v>
      </c>
      <c r="T5128">
        <v>18</v>
      </c>
      <c r="U5128">
        <v>18</v>
      </c>
      <c r="V5128">
        <v>18</v>
      </c>
      <c r="W5128">
        <v>19</v>
      </c>
      <c r="X5128">
        <v>19</v>
      </c>
      <c r="Y5128">
        <v>19</v>
      </c>
      <c r="Z5128">
        <v>19</v>
      </c>
      <c r="AA5128">
        <v>19</v>
      </c>
      <c r="AB5128">
        <v>19</v>
      </c>
      <c r="AC5128">
        <v>19</v>
      </c>
      <c r="AD5128">
        <v>19</v>
      </c>
      <c r="AE5128">
        <v>19</v>
      </c>
      <c r="AF5128">
        <v>19</v>
      </c>
      <c r="AG5128">
        <v>19</v>
      </c>
      <c r="AH5128">
        <v>19</v>
      </c>
      <c r="AI5128">
        <v>19</v>
      </c>
      <c r="AJ5128">
        <v>19</v>
      </c>
      <c r="AK5128">
        <v>19</v>
      </c>
      <c r="AL5128">
        <v>19</v>
      </c>
      <c r="AM5128">
        <v>18</v>
      </c>
      <c r="AN5128">
        <v>18</v>
      </c>
      <c r="AO5128">
        <v>18</v>
      </c>
      <c r="AP5128">
        <v>18</v>
      </c>
      <c r="AQ5128">
        <v>18</v>
      </c>
    </row>
    <row r="5129" spans="1:43">
      <c r="A5129" t="s">
        <v>3226</v>
      </c>
      <c r="B5129" t="s">
        <v>3227</v>
      </c>
      <c r="C5129" t="s">
        <v>2958</v>
      </c>
      <c r="D5129" t="s">
        <v>2959</v>
      </c>
      <c r="E5129" t="s">
        <v>2928</v>
      </c>
      <c r="F5129" t="s">
        <v>2929</v>
      </c>
      <c r="G5129" t="s">
        <v>80</v>
      </c>
      <c r="H5129" t="s">
        <v>81</v>
      </c>
      <c r="I5129" s="2">
        <v>1</v>
      </c>
      <c r="J5129" s="2">
        <v>0</v>
      </c>
      <c r="K5129" s="2">
        <v>0</v>
      </c>
      <c r="L5129" t="s">
        <v>120</v>
      </c>
      <c r="M5129" t="s">
        <v>83</v>
      </c>
      <c r="N5129" t="s">
        <v>91</v>
      </c>
      <c r="O5129" t="s">
        <v>85</v>
      </c>
      <c r="P5129" t="s">
        <v>86</v>
      </c>
      <c r="Q5129">
        <v>17</v>
      </c>
      <c r="R5129">
        <v>17</v>
      </c>
      <c r="S5129">
        <v>17</v>
      </c>
      <c r="T5129">
        <v>18</v>
      </c>
      <c r="U5129">
        <v>18</v>
      </c>
      <c r="V5129">
        <v>18</v>
      </c>
      <c r="W5129">
        <v>18</v>
      </c>
      <c r="X5129">
        <v>18</v>
      </c>
      <c r="Y5129">
        <v>18</v>
      </c>
      <c r="Z5129">
        <v>18</v>
      </c>
      <c r="AA5129">
        <v>18</v>
      </c>
      <c r="AB5129">
        <v>18</v>
      </c>
      <c r="AC5129">
        <v>18</v>
      </c>
      <c r="AD5129">
        <v>18</v>
      </c>
      <c r="AE5129">
        <v>18</v>
      </c>
      <c r="AF5129">
        <v>18</v>
      </c>
      <c r="AG5129">
        <v>18</v>
      </c>
      <c r="AH5129">
        <v>18</v>
      </c>
      <c r="AI5129">
        <v>18</v>
      </c>
      <c r="AJ5129">
        <v>18</v>
      </c>
      <c r="AK5129">
        <v>18</v>
      </c>
      <c r="AL5129">
        <v>18</v>
      </c>
      <c r="AM5129">
        <v>18</v>
      </c>
      <c r="AN5129">
        <v>18</v>
      </c>
      <c r="AO5129">
        <v>18</v>
      </c>
      <c r="AP5129">
        <v>18</v>
      </c>
      <c r="AQ5129">
        <v>18</v>
      </c>
    </row>
    <row r="5130" spans="1:43">
      <c r="A5130" t="s">
        <v>3228</v>
      </c>
      <c r="B5130" t="s">
        <v>3229</v>
      </c>
      <c r="C5130" t="s">
        <v>2970</v>
      </c>
      <c r="D5130" t="s">
        <v>2971</v>
      </c>
      <c r="E5130" t="s">
        <v>2928</v>
      </c>
      <c r="F5130" t="s">
        <v>2929</v>
      </c>
      <c r="G5130" t="s">
        <v>80</v>
      </c>
      <c r="H5130" t="s">
        <v>81</v>
      </c>
      <c r="I5130" s="2">
        <v>1</v>
      </c>
      <c r="J5130" s="2">
        <v>0</v>
      </c>
      <c r="K5130" s="2">
        <v>0</v>
      </c>
      <c r="L5130" t="s">
        <v>120</v>
      </c>
      <c r="M5130" t="s">
        <v>83</v>
      </c>
      <c r="N5130" t="s">
        <v>84</v>
      </c>
      <c r="O5130" t="s">
        <v>85</v>
      </c>
      <c r="P5130" t="s">
        <v>86</v>
      </c>
      <c r="Q5130">
        <v>23</v>
      </c>
      <c r="R5130">
        <v>23</v>
      </c>
      <c r="S5130">
        <v>23</v>
      </c>
      <c r="T5130">
        <v>23</v>
      </c>
      <c r="U5130">
        <v>23</v>
      </c>
      <c r="V5130">
        <v>23</v>
      </c>
      <c r="W5130">
        <v>23</v>
      </c>
      <c r="X5130">
        <v>24</v>
      </c>
      <c r="Y5130">
        <v>24</v>
      </c>
      <c r="Z5130">
        <v>24</v>
      </c>
      <c r="AA5130">
        <v>24</v>
      </c>
      <c r="AB5130">
        <v>24</v>
      </c>
      <c r="AC5130">
        <v>24</v>
      </c>
      <c r="AD5130">
        <v>24</v>
      </c>
      <c r="AE5130">
        <v>24</v>
      </c>
      <c r="AF5130">
        <v>24</v>
      </c>
      <c r="AG5130">
        <v>24</v>
      </c>
      <c r="AH5130">
        <v>24</v>
      </c>
      <c r="AI5130">
        <v>24</v>
      </c>
      <c r="AJ5130">
        <v>24</v>
      </c>
      <c r="AK5130">
        <v>24</v>
      </c>
      <c r="AL5130">
        <v>24</v>
      </c>
      <c r="AM5130">
        <v>24</v>
      </c>
      <c r="AN5130">
        <v>24</v>
      </c>
      <c r="AO5130">
        <v>24</v>
      </c>
      <c r="AP5130">
        <v>24</v>
      </c>
      <c r="AQ5130">
        <v>23</v>
      </c>
    </row>
    <row r="5131" spans="1:43">
      <c r="A5131" t="s">
        <v>3228</v>
      </c>
      <c r="B5131" t="s">
        <v>3229</v>
      </c>
      <c r="C5131" t="s">
        <v>2970</v>
      </c>
      <c r="D5131" t="s">
        <v>2971</v>
      </c>
      <c r="E5131" t="s">
        <v>2928</v>
      </c>
      <c r="F5131" t="s">
        <v>2929</v>
      </c>
      <c r="G5131" t="s">
        <v>80</v>
      </c>
      <c r="H5131" t="s">
        <v>81</v>
      </c>
      <c r="I5131" s="2">
        <v>1</v>
      </c>
      <c r="J5131" s="2">
        <v>0</v>
      </c>
      <c r="K5131" s="2">
        <v>0</v>
      </c>
      <c r="L5131" t="s">
        <v>120</v>
      </c>
      <c r="M5131" t="s">
        <v>87</v>
      </c>
      <c r="N5131" t="s">
        <v>88</v>
      </c>
      <c r="O5131" t="s">
        <v>85</v>
      </c>
      <c r="P5131" t="s">
        <v>86</v>
      </c>
      <c r="Q5131">
        <v>23</v>
      </c>
      <c r="R5131">
        <v>23</v>
      </c>
      <c r="S5131">
        <v>22</v>
      </c>
      <c r="T5131">
        <v>22</v>
      </c>
      <c r="U5131">
        <v>22</v>
      </c>
      <c r="V5131">
        <v>22</v>
      </c>
      <c r="W5131">
        <v>22</v>
      </c>
      <c r="X5131">
        <v>22</v>
      </c>
      <c r="Y5131">
        <v>22</v>
      </c>
      <c r="Z5131">
        <v>22</v>
      </c>
      <c r="AA5131">
        <v>22</v>
      </c>
      <c r="AB5131">
        <v>22</v>
      </c>
      <c r="AC5131">
        <v>21</v>
      </c>
      <c r="AD5131">
        <v>21</v>
      </c>
      <c r="AE5131">
        <v>21</v>
      </c>
      <c r="AF5131">
        <v>21</v>
      </c>
      <c r="AG5131">
        <v>21</v>
      </c>
      <c r="AH5131">
        <v>21</v>
      </c>
      <c r="AI5131">
        <v>21</v>
      </c>
      <c r="AJ5131">
        <v>21</v>
      </c>
      <c r="AK5131">
        <v>21</v>
      </c>
      <c r="AL5131">
        <v>21</v>
      </c>
      <c r="AM5131">
        <v>21</v>
      </c>
      <c r="AN5131">
        <v>20</v>
      </c>
      <c r="AO5131">
        <v>20</v>
      </c>
      <c r="AP5131">
        <v>20</v>
      </c>
      <c r="AQ5131">
        <v>20</v>
      </c>
    </row>
    <row r="5132" spans="1:43">
      <c r="A5132" t="s">
        <v>3228</v>
      </c>
      <c r="B5132" t="s">
        <v>3229</v>
      </c>
      <c r="C5132" t="s">
        <v>2970</v>
      </c>
      <c r="D5132" t="s">
        <v>2971</v>
      </c>
      <c r="E5132" t="s">
        <v>2928</v>
      </c>
      <c r="F5132" t="s">
        <v>2929</v>
      </c>
      <c r="G5132" t="s">
        <v>80</v>
      </c>
      <c r="H5132" t="s">
        <v>81</v>
      </c>
      <c r="I5132" s="2">
        <v>1</v>
      </c>
      <c r="J5132" s="2">
        <v>0</v>
      </c>
      <c r="K5132" s="2">
        <v>0</v>
      </c>
      <c r="L5132" t="s">
        <v>120</v>
      </c>
      <c r="M5132" t="s">
        <v>89</v>
      </c>
      <c r="N5132" t="s">
        <v>90</v>
      </c>
      <c r="O5132" t="s">
        <v>85</v>
      </c>
      <c r="P5132" t="s">
        <v>86</v>
      </c>
      <c r="Q5132">
        <v>23</v>
      </c>
      <c r="R5132">
        <v>23</v>
      </c>
      <c r="S5132">
        <v>24</v>
      </c>
      <c r="T5132">
        <v>24</v>
      </c>
      <c r="U5132">
        <v>24</v>
      </c>
      <c r="V5132">
        <v>24</v>
      </c>
      <c r="W5132">
        <v>25</v>
      </c>
      <c r="X5132">
        <v>25</v>
      </c>
      <c r="Y5132">
        <v>25</v>
      </c>
      <c r="Z5132">
        <v>25</v>
      </c>
      <c r="AA5132">
        <v>25</v>
      </c>
      <c r="AB5132">
        <v>25</v>
      </c>
      <c r="AC5132">
        <v>26</v>
      </c>
      <c r="AD5132">
        <v>26</v>
      </c>
      <c r="AE5132">
        <v>26</v>
      </c>
      <c r="AF5132">
        <v>26</v>
      </c>
      <c r="AG5132">
        <v>25</v>
      </c>
      <c r="AH5132">
        <v>25</v>
      </c>
      <c r="AI5132">
        <v>25</v>
      </c>
      <c r="AJ5132">
        <v>25</v>
      </c>
      <c r="AK5132">
        <v>25</v>
      </c>
      <c r="AL5132">
        <v>25</v>
      </c>
      <c r="AM5132">
        <v>24</v>
      </c>
      <c r="AN5132">
        <v>24</v>
      </c>
      <c r="AO5132">
        <v>24</v>
      </c>
      <c r="AP5132">
        <v>24</v>
      </c>
      <c r="AQ5132">
        <v>24</v>
      </c>
    </row>
    <row r="5133" spans="1:43">
      <c r="A5133" t="s">
        <v>3228</v>
      </c>
      <c r="B5133" t="s">
        <v>3229</v>
      </c>
      <c r="C5133" t="s">
        <v>2970</v>
      </c>
      <c r="D5133" t="s">
        <v>2971</v>
      </c>
      <c r="E5133" t="s">
        <v>2928</v>
      </c>
      <c r="F5133" t="s">
        <v>2929</v>
      </c>
      <c r="G5133" t="s">
        <v>80</v>
      </c>
      <c r="H5133" t="s">
        <v>81</v>
      </c>
      <c r="I5133" s="2">
        <v>1</v>
      </c>
      <c r="J5133" s="2">
        <v>0</v>
      </c>
      <c r="K5133" s="2">
        <v>0</v>
      </c>
      <c r="L5133" t="s">
        <v>120</v>
      </c>
      <c r="M5133" t="s">
        <v>83</v>
      </c>
      <c r="N5133" t="s">
        <v>91</v>
      </c>
      <c r="O5133" t="s">
        <v>85</v>
      </c>
      <c r="P5133" t="s">
        <v>86</v>
      </c>
      <c r="Q5133">
        <v>23</v>
      </c>
      <c r="R5133">
        <v>23</v>
      </c>
      <c r="S5133">
        <v>23</v>
      </c>
      <c r="T5133">
        <v>23</v>
      </c>
      <c r="U5133">
        <v>23</v>
      </c>
      <c r="V5133">
        <v>23</v>
      </c>
      <c r="W5133">
        <v>23</v>
      </c>
      <c r="X5133">
        <v>24</v>
      </c>
      <c r="Y5133">
        <v>24</v>
      </c>
      <c r="Z5133">
        <v>24</v>
      </c>
      <c r="AA5133">
        <v>24</v>
      </c>
      <c r="AB5133">
        <v>24</v>
      </c>
      <c r="AC5133">
        <v>24</v>
      </c>
      <c r="AD5133">
        <v>24</v>
      </c>
      <c r="AE5133">
        <v>24</v>
      </c>
      <c r="AF5133">
        <v>24</v>
      </c>
      <c r="AG5133">
        <v>24</v>
      </c>
      <c r="AH5133">
        <v>24</v>
      </c>
      <c r="AI5133">
        <v>24</v>
      </c>
      <c r="AJ5133">
        <v>24</v>
      </c>
      <c r="AK5133">
        <v>24</v>
      </c>
      <c r="AL5133">
        <v>24</v>
      </c>
      <c r="AM5133">
        <v>24</v>
      </c>
      <c r="AN5133">
        <v>24</v>
      </c>
      <c r="AO5133">
        <v>24</v>
      </c>
      <c r="AP5133">
        <v>24</v>
      </c>
      <c r="AQ5133">
        <v>23</v>
      </c>
    </row>
    <row r="5134" spans="1:43">
      <c r="A5134" t="s">
        <v>3230</v>
      </c>
      <c r="B5134" t="s">
        <v>3231</v>
      </c>
      <c r="C5134" t="s">
        <v>3064</v>
      </c>
      <c r="D5134" t="s">
        <v>3065</v>
      </c>
      <c r="E5134" t="s">
        <v>2928</v>
      </c>
      <c r="F5134" t="s">
        <v>2929</v>
      </c>
      <c r="G5134" t="s">
        <v>80</v>
      </c>
      <c r="H5134" t="s">
        <v>81</v>
      </c>
      <c r="I5134" s="2">
        <v>1</v>
      </c>
      <c r="J5134" s="2">
        <v>0</v>
      </c>
      <c r="K5134" s="2">
        <v>0</v>
      </c>
      <c r="L5134" t="s">
        <v>120</v>
      </c>
      <c r="M5134" t="s">
        <v>83</v>
      </c>
      <c r="N5134" t="s">
        <v>84</v>
      </c>
      <c r="O5134" t="s">
        <v>85</v>
      </c>
      <c r="P5134" t="s">
        <v>86</v>
      </c>
      <c r="Q5134">
        <v>24</v>
      </c>
      <c r="R5134">
        <v>24</v>
      </c>
      <c r="S5134">
        <v>24</v>
      </c>
      <c r="T5134">
        <v>25</v>
      </c>
      <c r="U5134">
        <v>25</v>
      </c>
      <c r="V5134">
        <v>25</v>
      </c>
      <c r="W5134">
        <v>25</v>
      </c>
      <c r="X5134">
        <v>25</v>
      </c>
      <c r="Y5134">
        <v>25</v>
      </c>
      <c r="Z5134">
        <v>25</v>
      </c>
      <c r="AA5134">
        <v>25</v>
      </c>
      <c r="AB5134">
        <v>25</v>
      </c>
      <c r="AC5134">
        <v>25</v>
      </c>
      <c r="AD5134">
        <v>25</v>
      </c>
      <c r="AE5134">
        <v>25</v>
      </c>
      <c r="AF5134">
        <v>25</v>
      </c>
      <c r="AG5134">
        <v>25</v>
      </c>
      <c r="AH5134">
        <v>26</v>
      </c>
      <c r="AI5134">
        <v>26</v>
      </c>
      <c r="AJ5134">
        <v>26</v>
      </c>
      <c r="AK5134">
        <v>26</v>
      </c>
      <c r="AL5134">
        <v>26</v>
      </c>
      <c r="AM5134">
        <v>25</v>
      </c>
      <c r="AN5134">
        <v>25</v>
      </c>
      <c r="AO5134">
        <v>25</v>
      </c>
      <c r="AP5134">
        <v>25</v>
      </c>
      <c r="AQ5134">
        <v>25</v>
      </c>
    </row>
    <row r="5135" spans="1:43">
      <c r="A5135" t="s">
        <v>3230</v>
      </c>
      <c r="B5135" t="s">
        <v>3231</v>
      </c>
      <c r="C5135" t="s">
        <v>3064</v>
      </c>
      <c r="D5135" t="s">
        <v>3065</v>
      </c>
      <c r="E5135" t="s">
        <v>2928</v>
      </c>
      <c r="F5135" t="s">
        <v>2929</v>
      </c>
      <c r="G5135" t="s">
        <v>80</v>
      </c>
      <c r="H5135" t="s">
        <v>81</v>
      </c>
      <c r="I5135" s="2">
        <v>1</v>
      </c>
      <c r="J5135" s="2">
        <v>0</v>
      </c>
      <c r="K5135" s="2">
        <v>0</v>
      </c>
      <c r="L5135" t="s">
        <v>120</v>
      </c>
      <c r="M5135" t="s">
        <v>87</v>
      </c>
      <c r="N5135" t="s">
        <v>88</v>
      </c>
      <c r="O5135" t="s">
        <v>85</v>
      </c>
      <c r="P5135" t="s">
        <v>86</v>
      </c>
      <c r="Q5135">
        <v>24</v>
      </c>
      <c r="R5135">
        <v>24</v>
      </c>
      <c r="S5135">
        <v>24</v>
      </c>
      <c r="T5135">
        <v>24</v>
      </c>
      <c r="U5135">
        <v>24</v>
      </c>
      <c r="V5135">
        <v>23</v>
      </c>
      <c r="W5135">
        <v>23</v>
      </c>
      <c r="X5135">
        <v>23</v>
      </c>
      <c r="Y5135">
        <v>23</v>
      </c>
      <c r="Z5135">
        <v>23</v>
      </c>
      <c r="AA5135">
        <v>23</v>
      </c>
      <c r="AB5135">
        <v>23</v>
      </c>
      <c r="AC5135">
        <v>23</v>
      </c>
      <c r="AD5135">
        <v>23</v>
      </c>
      <c r="AE5135">
        <v>23</v>
      </c>
      <c r="AF5135">
        <v>22</v>
      </c>
      <c r="AG5135">
        <v>22</v>
      </c>
      <c r="AH5135">
        <v>22</v>
      </c>
      <c r="AI5135">
        <v>22</v>
      </c>
      <c r="AJ5135">
        <v>22</v>
      </c>
      <c r="AK5135">
        <v>22</v>
      </c>
      <c r="AL5135">
        <v>22</v>
      </c>
      <c r="AM5135">
        <v>22</v>
      </c>
      <c r="AN5135">
        <v>22</v>
      </c>
      <c r="AO5135">
        <v>22</v>
      </c>
      <c r="AP5135">
        <v>21</v>
      </c>
      <c r="AQ5135">
        <v>21</v>
      </c>
    </row>
    <row r="5136" spans="1:43">
      <c r="A5136" t="s">
        <v>3230</v>
      </c>
      <c r="B5136" t="s">
        <v>3231</v>
      </c>
      <c r="C5136" t="s">
        <v>3064</v>
      </c>
      <c r="D5136" t="s">
        <v>3065</v>
      </c>
      <c r="E5136" t="s">
        <v>2928</v>
      </c>
      <c r="F5136" t="s">
        <v>2929</v>
      </c>
      <c r="G5136" t="s">
        <v>80</v>
      </c>
      <c r="H5136" t="s">
        <v>81</v>
      </c>
      <c r="I5136" s="2">
        <v>1</v>
      </c>
      <c r="J5136" s="2">
        <v>0</v>
      </c>
      <c r="K5136" s="2">
        <v>0</v>
      </c>
      <c r="L5136" t="s">
        <v>120</v>
      </c>
      <c r="M5136" t="s">
        <v>89</v>
      </c>
      <c r="N5136" t="s">
        <v>90</v>
      </c>
      <c r="O5136" t="s">
        <v>85</v>
      </c>
      <c r="P5136" t="s">
        <v>86</v>
      </c>
      <c r="Q5136">
        <v>24</v>
      </c>
      <c r="R5136">
        <v>25</v>
      </c>
      <c r="S5136">
        <v>25</v>
      </c>
      <c r="T5136">
        <v>25</v>
      </c>
      <c r="U5136">
        <v>26</v>
      </c>
      <c r="V5136">
        <v>26</v>
      </c>
      <c r="W5136">
        <v>26</v>
      </c>
      <c r="X5136">
        <v>26</v>
      </c>
      <c r="Y5136">
        <v>26</v>
      </c>
      <c r="Z5136">
        <v>27</v>
      </c>
      <c r="AA5136">
        <v>27</v>
      </c>
      <c r="AB5136">
        <v>27</v>
      </c>
      <c r="AC5136">
        <v>27</v>
      </c>
      <c r="AD5136">
        <v>27</v>
      </c>
      <c r="AE5136">
        <v>27</v>
      </c>
      <c r="AF5136">
        <v>27</v>
      </c>
      <c r="AG5136">
        <v>27</v>
      </c>
      <c r="AH5136">
        <v>27</v>
      </c>
      <c r="AI5136">
        <v>26</v>
      </c>
      <c r="AJ5136">
        <v>26</v>
      </c>
      <c r="AK5136">
        <v>26</v>
      </c>
      <c r="AL5136">
        <v>26</v>
      </c>
      <c r="AM5136">
        <v>26</v>
      </c>
      <c r="AN5136">
        <v>26</v>
      </c>
      <c r="AO5136">
        <v>25</v>
      </c>
      <c r="AP5136">
        <v>25</v>
      </c>
      <c r="AQ5136">
        <v>25</v>
      </c>
    </row>
    <row r="5137" spans="1:43">
      <c r="A5137" t="s">
        <v>3230</v>
      </c>
      <c r="B5137" t="s">
        <v>3231</v>
      </c>
      <c r="C5137" t="s">
        <v>3064</v>
      </c>
      <c r="D5137" t="s">
        <v>3065</v>
      </c>
      <c r="E5137" t="s">
        <v>2928</v>
      </c>
      <c r="F5137" t="s">
        <v>2929</v>
      </c>
      <c r="G5137" t="s">
        <v>80</v>
      </c>
      <c r="H5137" t="s">
        <v>81</v>
      </c>
      <c r="I5137" s="2">
        <v>1</v>
      </c>
      <c r="J5137" s="2">
        <v>0</v>
      </c>
      <c r="K5137" s="2">
        <v>0</v>
      </c>
      <c r="L5137" t="s">
        <v>120</v>
      </c>
      <c r="M5137" t="s">
        <v>83</v>
      </c>
      <c r="N5137" t="s">
        <v>91</v>
      </c>
      <c r="O5137" t="s">
        <v>85</v>
      </c>
      <c r="P5137" t="s">
        <v>86</v>
      </c>
      <c r="Q5137">
        <v>24</v>
      </c>
      <c r="R5137">
        <v>24</v>
      </c>
      <c r="S5137">
        <v>24</v>
      </c>
      <c r="T5137">
        <v>25</v>
      </c>
      <c r="U5137">
        <v>25</v>
      </c>
      <c r="V5137">
        <v>25</v>
      </c>
      <c r="W5137">
        <v>25</v>
      </c>
      <c r="X5137">
        <v>25</v>
      </c>
      <c r="Y5137">
        <v>25</v>
      </c>
      <c r="Z5137">
        <v>25</v>
      </c>
      <c r="AA5137">
        <v>25</v>
      </c>
      <c r="AB5137">
        <v>25</v>
      </c>
      <c r="AC5137">
        <v>25</v>
      </c>
      <c r="AD5137">
        <v>25</v>
      </c>
      <c r="AE5137">
        <v>25</v>
      </c>
      <c r="AF5137">
        <v>25</v>
      </c>
      <c r="AG5137">
        <v>25</v>
      </c>
      <c r="AH5137">
        <v>26</v>
      </c>
      <c r="AI5137">
        <v>26</v>
      </c>
      <c r="AJ5137">
        <v>26</v>
      </c>
      <c r="AK5137">
        <v>26</v>
      </c>
      <c r="AL5137">
        <v>26</v>
      </c>
      <c r="AM5137">
        <v>25</v>
      </c>
      <c r="AN5137">
        <v>25</v>
      </c>
      <c r="AO5137">
        <v>25</v>
      </c>
      <c r="AP5137">
        <v>25</v>
      </c>
      <c r="AQ5137">
        <v>25</v>
      </c>
    </row>
    <row r="5138" spans="1:43">
      <c r="A5138" t="s">
        <v>3232</v>
      </c>
      <c r="B5138" t="s">
        <v>3233</v>
      </c>
      <c r="C5138" t="s">
        <v>2958</v>
      </c>
      <c r="D5138" t="s">
        <v>2959</v>
      </c>
      <c r="E5138" t="s">
        <v>2928</v>
      </c>
      <c r="F5138" t="s">
        <v>2929</v>
      </c>
      <c r="G5138" t="s">
        <v>80</v>
      </c>
      <c r="H5138" t="s">
        <v>81</v>
      </c>
      <c r="I5138" s="2">
        <v>1</v>
      </c>
      <c r="J5138" s="2">
        <v>0</v>
      </c>
      <c r="K5138" s="2">
        <v>0</v>
      </c>
      <c r="L5138" t="s">
        <v>120</v>
      </c>
      <c r="M5138" t="s">
        <v>83</v>
      </c>
      <c r="N5138" t="s">
        <v>84</v>
      </c>
      <c r="O5138" t="s">
        <v>85</v>
      </c>
      <c r="P5138" t="s">
        <v>86</v>
      </c>
      <c r="Q5138">
        <v>23</v>
      </c>
      <c r="R5138">
        <v>23</v>
      </c>
      <c r="S5138">
        <v>23</v>
      </c>
      <c r="T5138">
        <v>23</v>
      </c>
      <c r="U5138">
        <v>23</v>
      </c>
      <c r="V5138">
        <v>24</v>
      </c>
      <c r="W5138">
        <v>24</v>
      </c>
      <c r="X5138">
        <v>24</v>
      </c>
      <c r="Y5138">
        <v>24</v>
      </c>
      <c r="Z5138">
        <v>24</v>
      </c>
      <c r="AA5138">
        <v>24</v>
      </c>
      <c r="AB5138">
        <v>24</v>
      </c>
      <c r="AC5138">
        <v>24</v>
      </c>
      <c r="AD5138">
        <v>24</v>
      </c>
      <c r="AE5138">
        <v>24</v>
      </c>
      <c r="AF5138">
        <v>24</v>
      </c>
      <c r="AG5138">
        <v>24</v>
      </c>
      <c r="AH5138">
        <v>24</v>
      </c>
      <c r="AI5138">
        <v>24</v>
      </c>
      <c r="AJ5138">
        <v>24</v>
      </c>
      <c r="AK5138">
        <v>24</v>
      </c>
      <c r="AL5138">
        <v>24</v>
      </c>
      <c r="AM5138">
        <v>24</v>
      </c>
      <c r="AN5138">
        <v>24</v>
      </c>
      <c r="AO5138">
        <v>24</v>
      </c>
      <c r="AP5138">
        <v>24</v>
      </c>
      <c r="AQ5138">
        <v>24</v>
      </c>
    </row>
    <row r="5139" spans="1:43">
      <c r="A5139" t="s">
        <v>3232</v>
      </c>
      <c r="B5139" t="s">
        <v>3233</v>
      </c>
      <c r="C5139" t="s">
        <v>2958</v>
      </c>
      <c r="D5139" t="s">
        <v>2959</v>
      </c>
      <c r="E5139" t="s">
        <v>2928</v>
      </c>
      <c r="F5139" t="s">
        <v>2929</v>
      </c>
      <c r="G5139" t="s">
        <v>80</v>
      </c>
      <c r="H5139" t="s">
        <v>81</v>
      </c>
      <c r="I5139" s="2">
        <v>1</v>
      </c>
      <c r="J5139" s="2">
        <v>0</v>
      </c>
      <c r="K5139" s="2">
        <v>0</v>
      </c>
      <c r="L5139" t="s">
        <v>120</v>
      </c>
      <c r="M5139" t="s">
        <v>87</v>
      </c>
      <c r="N5139" t="s">
        <v>88</v>
      </c>
      <c r="O5139" t="s">
        <v>85</v>
      </c>
      <c r="P5139" t="s">
        <v>86</v>
      </c>
      <c r="Q5139">
        <v>23</v>
      </c>
      <c r="R5139">
        <v>23</v>
      </c>
      <c r="S5139">
        <v>23</v>
      </c>
      <c r="T5139">
        <v>23</v>
      </c>
      <c r="U5139">
        <v>22</v>
      </c>
      <c r="V5139">
        <v>22</v>
      </c>
      <c r="W5139">
        <v>22</v>
      </c>
      <c r="X5139">
        <v>22</v>
      </c>
      <c r="Y5139">
        <v>22</v>
      </c>
      <c r="Z5139">
        <v>22</v>
      </c>
      <c r="AA5139">
        <v>22</v>
      </c>
      <c r="AB5139">
        <v>22</v>
      </c>
      <c r="AC5139">
        <v>22</v>
      </c>
      <c r="AD5139">
        <v>22</v>
      </c>
      <c r="AE5139">
        <v>21</v>
      </c>
      <c r="AF5139">
        <v>21</v>
      </c>
      <c r="AG5139">
        <v>21</v>
      </c>
      <c r="AH5139">
        <v>21</v>
      </c>
      <c r="AI5139">
        <v>21</v>
      </c>
      <c r="AJ5139">
        <v>21</v>
      </c>
      <c r="AK5139">
        <v>21</v>
      </c>
      <c r="AL5139">
        <v>21</v>
      </c>
      <c r="AM5139">
        <v>21</v>
      </c>
      <c r="AN5139">
        <v>21</v>
      </c>
      <c r="AO5139">
        <v>21</v>
      </c>
      <c r="AP5139">
        <v>20</v>
      </c>
      <c r="AQ5139">
        <v>20</v>
      </c>
    </row>
    <row r="5140" spans="1:43">
      <c r="A5140" t="s">
        <v>3232</v>
      </c>
      <c r="B5140" t="s">
        <v>3233</v>
      </c>
      <c r="C5140" t="s">
        <v>2958</v>
      </c>
      <c r="D5140" t="s">
        <v>2959</v>
      </c>
      <c r="E5140" t="s">
        <v>2928</v>
      </c>
      <c r="F5140" t="s">
        <v>2929</v>
      </c>
      <c r="G5140" t="s">
        <v>80</v>
      </c>
      <c r="H5140" t="s">
        <v>81</v>
      </c>
      <c r="I5140" s="2">
        <v>1</v>
      </c>
      <c r="J5140" s="2">
        <v>0</v>
      </c>
      <c r="K5140" s="2">
        <v>0</v>
      </c>
      <c r="L5140" t="s">
        <v>120</v>
      </c>
      <c r="M5140" t="s">
        <v>89</v>
      </c>
      <c r="N5140" t="s">
        <v>90</v>
      </c>
      <c r="O5140" t="s">
        <v>85</v>
      </c>
      <c r="P5140" t="s">
        <v>86</v>
      </c>
      <c r="Q5140">
        <v>23</v>
      </c>
      <c r="R5140">
        <v>24</v>
      </c>
      <c r="S5140">
        <v>24</v>
      </c>
      <c r="T5140">
        <v>24</v>
      </c>
      <c r="U5140">
        <v>24</v>
      </c>
      <c r="V5140">
        <v>25</v>
      </c>
      <c r="W5140">
        <v>25</v>
      </c>
      <c r="X5140">
        <v>25</v>
      </c>
      <c r="Y5140">
        <v>25</v>
      </c>
      <c r="Z5140">
        <v>25</v>
      </c>
      <c r="AA5140">
        <v>25</v>
      </c>
      <c r="AB5140">
        <v>26</v>
      </c>
      <c r="AC5140">
        <v>26</v>
      </c>
      <c r="AD5140">
        <v>26</v>
      </c>
      <c r="AE5140">
        <v>26</v>
      </c>
      <c r="AF5140">
        <v>26</v>
      </c>
      <c r="AG5140">
        <v>26</v>
      </c>
      <c r="AH5140">
        <v>25</v>
      </c>
      <c r="AI5140">
        <v>25</v>
      </c>
      <c r="AJ5140">
        <v>25</v>
      </c>
      <c r="AK5140">
        <v>25</v>
      </c>
      <c r="AL5140">
        <v>25</v>
      </c>
      <c r="AM5140">
        <v>25</v>
      </c>
      <c r="AN5140">
        <v>24</v>
      </c>
      <c r="AO5140">
        <v>24</v>
      </c>
      <c r="AP5140">
        <v>24</v>
      </c>
      <c r="AQ5140">
        <v>24</v>
      </c>
    </row>
    <row r="5141" spans="1:43">
      <c r="A5141" t="s">
        <v>3232</v>
      </c>
      <c r="B5141" t="s">
        <v>3233</v>
      </c>
      <c r="C5141" t="s">
        <v>2958</v>
      </c>
      <c r="D5141" t="s">
        <v>2959</v>
      </c>
      <c r="E5141" t="s">
        <v>2928</v>
      </c>
      <c r="F5141" t="s">
        <v>2929</v>
      </c>
      <c r="G5141" t="s">
        <v>80</v>
      </c>
      <c r="H5141" t="s">
        <v>81</v>
      </c>
      <c r="I5141" s="2">
        <v>1</v>
      </c>
      <c r="J5141" s="2">
        <v>0</v>
      </c>
      <c r="K5141" s="2">
        <v>0</v>
      </c>
      <c r="L5141" t="s">
        <v>120</v>
      </c>
      <c r="M5141" t="s">
        <v>83</v>
      </c>
      <c r="N5141" t="s">
        <v>91</v>
      </c>
      <c r="O5141" t="s">
        <v>85</v>
      </c>
      <c r="P5141" t="s">
        <v>86</v>
      </c>
      <c r="Q5141">
        <v>23</v>
      </c>
      <c r="R5141">
        <v>23</v>
      </c>
      <c r="S5141">
        <v>23</v>
      </c>
      <c r="T5141">
        <v>23</v>
      </c>
      <c r="U5141">
        <v>23</v>
      </c>
      <c r="V5141">
        <v>24</v>
      </c>
      <c r="W5141">
        <v>24</v>
      </c>
      <c r="X5141">
        <v>24</v>
      </c>
      <c r="Y5141">
        <v>24</v>
      </c>
      <c r="Z5141">
        <v>24</v>
      </c>
      <c r="AA5141">
        <v>24</v>
      </c>
      <c r="AB5141">
        <v>24</v>
      </c>
      <c r="AC5141">
        <v>24</v>
      </c>
      <c r="AD5141">
        <v>24</v>
      </c>
      <c r="AE5141">
        <v>24</v>
      </c>
      <c r="AF5141">
        <v>24</v>
      </c>
      <c r="AG5141">
        <v>24</v>
      </c>
      <c r="AH5141">
        <v>24</v>
      </c>
      <c r="AI5141">
        <v>24</v>
      </c>
      <c r="AJ5141">
        <v>24</v>
      </c>
      <c r="AK5141">
        <v>24</v>
      </c>
      <c r="AL5141">
        <v>24</v>
      </c>
      <c r="AM5141">
        <v>24</v>
      </c>
      <c r="AN5141">
        <v>24</v>
      </c>
      <c r="AO5141">
        <v>24</v>
      </c>
      <c r="AP5141">
        <v>24</v>
      </c>
      <c r="AQ5141">
        <v>24</v>
      </c>
    </row>
    <row r="5142" spans="1:43">
      <c r="A5142" t="s">
        <v>3234</v>
      </c>
      <c r="B5142" t="s">
        <v>3235</v>
      </c>
      <c r="C5142" t="s">
        <v>2970</v>
      </c>
      <c r="D5142" t="s">
        <v>2971</v>
      </c>
      <c r="E5142" t="s">
        <v>2928</v>
      </c>
      <c r="F5142" t="s">
        <v>2929</v>
      </c>
      <c r="G5142" t="s">
        <v>80</v>
      </c>
      <c r="H5142" t="s">
        <v>81</v>
      </c>
      <c r="I5142" s="2">
        <v>1</v>
      </c>
      <c r="J5142" s="2">
        <v>0</v>
      </c>
      <c r="K5142" s="2">
        <v>0</v>
      </c>
      <c r="L5142" t="s">
        <v>120</v>
      </c>
      <c r="M5142" t="s">
        <v>83</v>
      </c>
      <c r="N5142" t="s">
        <v>84</v>
      </c>
      <c r="O5142" t="s">
        <v>85</v>
      </c>
      <c r="P5142" t="s">
        <v>86</v>
      </c>
      <c r="Q5142">
        <v>28</v>
      </c>
      <c r="R5142">
        <v>28</v>
      </c>
      <c r="S5142">
        <v>29</v>
      </c>
      <c r="T5142">
        <v>29</v>
      </c>
      <c r="U5142">
        <v>29</v>
      </c>
      <c r="V5142">
        <v>29</v>
      </c>
      <c r="W5142">
        <v>29</v>
      </c>
      <c r="X5142">
        <v>29</v>
      </c>
      <c r="Y5142">
        <v>29</v>
      </c>
      <c r="Z5142">
        <v>29</v>
      </c>
      <c r="AA5142">
        <v>29</v>
      </c>
      <c r="AB5142">
        <v>29</v>
      </c>
      <c r="AC5142">
        <v>30</v>
      </c>
      <c r="AD5142">
        <v>30</v>
      </c>
      <c r="AE5142">
        <v>30</v>
      </c>
      <c r="AF5142">
        <v>30</v>
      </c>
      <c r="AG5142">
        <v>30</v>
      </c>
      <c r="AH5142">
        <v>30</v>
      </c>
      <c r="AI5142">
        <v>30</v>
      </c>
      <c r="AJ5142">
        <v>30</v>
      </c>
      <c r="AK5142">
        <v>30</v>
      </c>
      <c r="AL5142">
        <v>30</v>
      </c>
      <c r="AM5142">
        <v>30</v>
      </c>
      <c r="AN5142">
        <v>29</v>
      </c>
      <c r="AO5142">
        <v>29</v>
      </c>
      <c r="AP5142">
        <v>29</v>
      </c>
      <c r="AQ5142">
        <v>29</v>
      </c>
    </row>
    <row r="5143" spans="1:43">
      <c r="A5143" t="s">
        <v>3234</v>
      </c>
      <c r="B5143" t="s">
        <v>3235</v>
      </c>
      <c r="C5143" t="s">
        <v>2970</v>
      </c>
      <c r="D5143" t="s">
        <v>2971</v>
      </c>
      <c r="E5143" t="s">
        <v>2928</v>
      </c>
      <c r="F5143" t="s">
        <v>2929</v>
      </c>
      <c r="G5143" t="s">
        <v>80</v>
      </c>
      <c r="H5143" t="s">
        <v>81</v>
      </c>
      <c r="I5143" s="2">
        <v>1</v>
      </c>
      <c r="J5143" s="2">
        <v>0</v>
      </c>
      <c r="K5143" s="2">
        <v>0</v>
      </c>
      <c r="L5143" t="s">
        <v>120</v>
      </c>
      <c r="M5143" t="s">
        <v>87</v>
      </c>
      <c r="N5143" t="s">
        <v>88</v>
      </c>
      <c r="O5143" t="s">
        <v>85</v>
      </c>
      <c r="P5143" t="s">
        <v>86</v>
      </c>
      <c r="Q5143">
        <v>28</v>
      </c>
      <c r="R5143">
        <v>28</v>
      </c>
      <c r="S5143">
        <v>28</v>
      </c>
      <c r="T5143">
        <v>28</v>
      </c>
      <c r="U5143">
        <v>27</v>
      </c>
      <c r="V5143">
        <v>27</v>
      </c>
      <c r="W5143">
        <v>27</v>
      </c>
      <c r="X5143">
        <v>27</v>
      </c>
      <c r="Y5143">
        <v>27</v>
      </c>
      <c r="Z5143">
        <v>27</v>
      </c>
      <c r="AA5143">
        <v>27</v>
      </c>
      <c r="AB5143">
        <v>27</v>
      </c>
      <c r="AC5143">
        <v>27</v>
      </c>
      <c r="AD5143">
        <v>26</v>
      </c>
      <c r="AE5143">
        <v>26</v>
      </c>
      <c r="AF5143">
        <v>26</v>
      </c>
      <c r="AG5143">
        <v>26</v>
      </c>
      <c r="AH5143">
        <v>26</v>
      </c>
      <c r="AI5143">
        <v>26</v>
      </c>
      <c r="AJ5143">
        <v>26</v>
      </c>
      <c r="AK5143">
        <v>26</v>
      </c>
      <c r="AL5143">
        <v>26</v>
      </c>
      <c r="AM5143">
        <v>25</v>
      </c>
      <c r="AN5143">
        <v>25</v>
      </c>
      <c r="AO5143">
        <v>25</v>
      </c>
      <c r="AP5143">
        <v>25</v>
      </c>
      <c r="AQ5143">
        <v>25</v>
      </c>
    </row>
    <row r="5144" spans="1:43">
      <c r="A5144" t="s">
        <v>3234</v>
      </c>
      <c r="B5144" t="s">
        <v>3235</v>
      </c>
      <c r="C5144" t="s">
        <v>2970</v>
      </c>
      <c r="D5144" t="s">
        <v>2971</v>
      </c>
      <c r="E5144" t="s">
        <v>2928</v>
      </c>
      <c r="F5144" t="s">
        <v>2929</v>
      </c>
      <c r="G5144" t="s">
        <v>80</v>
      </c>
      <c r="H5144" t="s">
        <v>81</v>
      </c>
      <c r="I5144" s="2">
        <v>1</v>
      </c>
      <c r="J5144" s="2">
        <v>0</v>
      </c>
      <c r="K5144" s="2">
        <v>0</v>
      </c>
      <c r="L5144" t="s">
        <v>120</v>
      </c>
      <c r="M5144" t="s">
        <v>89</v>
      </c>
      <c r="N5144" t="s">
        <v>90</v>
      </c>
      <c r="O5144" t="s">
        <v>85</v>
      </c>
      <c r="P5144" t="s">
        <v>86</v>
      </c>
      <c r="Q5144">
        <v>28</v>
      </c>
      <c r="R5144">
        <v>28</v>
      </c>
      <c r="S5144">
        <v>28</v>
      </c>
      <c r="T5144">
        <v>29</v>
      </c>
      <c r="U5144">
        <v>29</v>
      </c>
      <c r="V5144">
        <v>29</v>
      </c>
      <c r="W5144">
        <v>29</v>
      </c>
      <c r="X5144">
        <v>30</v>
      </c>
      <c r="Y5144">
        <v>30</v>
      </c>
      <c r="Z5144">
        <v>30</v>
      </c>
      <c r="AA5144">
        <v>30</v>
      </c>
      <c r="AB5144">
        <v>30</v>
      </c>
      <c r="AC5144">
        <v>31</v>
      </c>
      <c r="AD5144">
        <v>31</v>
      </c>
      <c r="AE5144">
        <v>31</v>
      </c>
      <c r="AF5144">
        <v>31</v>
      </c>
      <c r="AG5144">
        <v>30</v>
      </c>
      <c r="AH5144">
        <v>30</v>
      </c>
      <c r="AI5144">
        <v>30</v>
      </c>
      <c r="AJ5144">
        <v>30</v>
      </c>
      <c r="AK5144">
        <v>30</v>
      </c>
      <c r="AL5144">
        <v>29</v>
      </c>
      <c r="AM5144">
        <v>29</v>
      </c>
      <c r="AN5144">
        <v>29</v>
      </c>
      <c r="AO5144">
        <v>29</v>
      </c>
      <c r="AP5144">
        <v>28</v>
      </c>
      <c r="AQ5144">
        <v>28</v>
      </c>
    </row>
    <row r="5145" spans="1:43">
      <c r="A5145" t="s">
        <v>3234</v>
      </c>
      <c r="B5145" t="s">
        <v>3235</v>
      </c>
      <c r="C5145" t="s">
        <v>2970</v>
      </c>
      <c r="D5145" t="s">
        <v>2971</v>
      </c>
      <c r="E5145" t="s">
        <v>2928</v>
      </c>
      <c r="F5145" t="s">
        <v>2929</v>
      </c>
      <c r="G5145" t="s">
        <v>80</v>
      </c>
      <c r="H5145" t="s">
        <v>81</v>
      </c>
      <c r="I5145" s="2">
        <v>1</v>
      </c>
      <c r="J5145" s="2">
        <v>0</v>
      </c>
      <c r="K5145" s="2">
        <v>0</v>
      </c>
      <c r="L5145" t="s">
        <v>120</v>
      </c>
      <c r="M5145" t="s">
        <v>83</v>
      </c>
      <c r="N5145" t="s">
        <v>91</v>
      </c>
      <c r="O5145" t="s">
        <v>85</v>
      </c>
      <c r="P5145" t="s">
        <v>86</v>
      </c>
      <c r="Q5145">
        <v>28</v>
      </c>
      <c r="R5145">
        <v>28</v>
      </c>
      <c r="S5145">
        <v>29</v>
      </c>
      <c r="T5145">
        <v>29</v>
      </c>
      <c r="U5145">
        <v>29</v>
      </c>
      <c r="V5145">
        <v>29</v>
      </c>
      <c r="W5145">
        <v>29</v>
      </c>
      <c r="X5145">
        <v>29</v>
      </c>
      <c r="Y5145">
        <v>29</v>
      </c>
      <c r="Z5145">
        <v>29</v>
      </c>
      <c r="AA5145">
        <v>29</v>
      </c>
      <c r="AB5145">
        <v>29</v>
      </c>
      <c r="AC5145">
        <v>30</v>
      </c>
      <c r="AD5145">
        <v>30</v>
      </c>
      <c r="AE5145">
        <v>30</v>
      </c>
      <c r="AF5145">
        <v>30</v>
      </c>
      <c r="AG5145">
        <v>30</v>
      </c>
      <c r="AH5145">
        <v>30</v>
      </c>
      <c r="AI5145">
        <v>30</v>
      </c>
      <c r="AJ5145">
        <v>30</v>
      </c>
      <c r="AK5145">
        <v>30</v>
      </c>
      <c r="AL5145">
        <v>30</v>
      </c>
      <c r="AM5145">
        <v>30</v>
      </c>
      <c r="AN5145">
        <v>29</v>
      </c>
      <c r="AO5145">
        <v>29</v>
      </c>
      <c r="AP5145">
        <v>29</v>
      </c>
      <c r="AQ5145">
        <v>29</v>
      </c>
    </row>
    <row r="5146" spans="1:43">
      <c r="A5146" t="s">
        <v>3236</v>
      </c>
      <c r="B5146" t="s">
        <v>3237</v>
      </c>
      <c r="C5146" t="s">
        <v>2976</v>
      </c>
      <c r="D5146" t="s">
        <v>2977</v>
      </c>
      <c r="E5146" t="s">
        <v>2928</v>
      </c>
      <c r="F5146" t="s">
        <v>2929</v>
      </c>
      <c r="G5146" t="s">
        <v>80</v>
      </c>
      <c r="H5146" t="s">
        <v>81</v>
      </c>
      <c r="I5146" s="2">
        <v>1</v>
      </c>
      <c r="J5146" s="2">
        <v>0</v>
      </c>
      <c r="K5146" s="2">
        <v>0</v>
      </c>
      <c r="L5146" t="s">
        <v>120</v>
      </c>
      <c r="M5146" t="s">
        <v>83</v>
      </c>
      <c r="N5146" t="s">
        <v>84</v>
      </c>
      <c r="O5146" t="s">
        <v>85</v>
      </c>
      <c r="P5146" t="s">
        <v>86</v>
      </c>
      <c r="Q5146">
        <v>21</v>
      </c>
      <c r="R5146">
        <v>21</v>
      </c>
      <c r="S5146">
        <v>21</v>
      </c>
      <c r="T5146">
        <v>21</v>
      </c>
      <c r="U5146">
        <v>21</v>
      </c>
      <c r="V5146">
        <v>21</v>
      </c>
      <c r="W5146">
        <v>21</v>
      </c>
      <c r="X5146">
        <v>22</v>
      </c>
      <c r="Y5146">
        <v>22</v>
      </c>
      <c r="Z5146">
        <v>22</v>
      </c>
      <c r="AA5146">
        <v>22</v>
      </c>
      <c r="AB5146">
        <v>22</v>
      </c>
      <c r="AC5146">
        <v>22</v>
      </c>
      <c r="AD5146">
        <v>22</v>
      </c>
      <c r="AE5146">
        <v>22</v>
      </c>
      <c r="AF5146">
        <v>22</v>
      </c>
      <c r="AG5146">
        <v>22</v>
      </c>
      <c r="AH5146">
        <v>22</v>
      </c>
      <c r="AI5146">
        <v>22</v>
      </c>
      <c r="AJ5146">
        <v>22</v>
      </c>
      <c r="AK5146">
        <v>22</v>
      </c>
      <c r="AL5146">
        <v>22</v>
      </c>
      <c r="AM5146">
        <v>22</v>
      </c>
      <c r="AN5146">
        <v>21</v>
      </c>
      <c r="AO5146">
        <v>21</v>
      </c>
      <c r="AP5146">
        <v>21</v>
      </c>
      <c r="AQ5146">
        <v>21</v>
      </c>
    </row>
    <row r="5147" spans="1:43">
      <c r="A5147" t="s">
        <v>3236</v>
      </c>
      <c r="B5147" t="s">
        <v>3237</v>
      </c>
      <c r="C5147" t="s">
        <v>2976</v>
      </c>
      <c r="D5147" t="s">
        <v>2977</v>
      </c>
      <c r="E5147" t="s">
        <v>2928</v>
      </c>
      <c r="F5147" t="s">
        <v>2929</v>
      </c>
      <c r="G5147" t="s">
        <v>80</v>
      </c>
      <c r="H5147" t="s">
        <v>81</v>
      </c>
      <c r="I5147" s="2">
        <v>1</v>
      </c>
      <c r="J5147" s="2">
        <v>0</v>
      </c>
      <c r="K5147" s="2">
        <v>0</v>
      </c>
      <c r="L5147" t="s">
        <v>120</v>
      </c>
      <c r="M5147" t="s">
        <v>87</v>
      </c>
      <c r="N5147" t="s">
        <v>88</v>
      </c>
      <c r="O5147" t="s">
        <v>85</v>
      </c>
      <c r="P5147" t="s">
        <v>86</v>
      </c>
      <c r="Q5147">
        <v>21</v>
      </c>
      <c r="R5147">
        <v>21</v>
      </c>
      <c r="S5147">
        <v>21</v>
      </c>
      <c r="T5147">
        <v>20</v>
      </c>
      <c r="U5147">
        <v>20</v>
      </c>
      <c r="V5147">
        <v>20</v>
      </c>
      <c r="W5147">
        <v>20</v>
      </c>
      <c r="X5147">
        <v>20</v>
      </c>
      <c r="Y5147">
        <v>20</v>
      </c>
      <c r="Z5147">
        <v>20</v>
      </c>
      <c r="AA5147">
        <v>20</v>
      </c>
      <c r="AB5147">
        <v>20</v>
      </c>
      <c r="AC5147">
        <v>20</v>
      </c>
      <c r="AD5147">
        <v>19</v>
      </c>
      <c r="AE5147">
        <v>19</v>
      </c>
      <c r="AF5147">
        <v>19</v>
      </c>
      <c r="AG5147">
        <v>19</v>
      </c>
      <c r="AH5147">
        <v>19</v>
      </c>
      <c r="AI5147">
        <v>19</v>
      </c>
      <c r="AJ5147">
        <v>19</v>
      </c>
      <c r="AK5147">
        <v>19</v>
      </c>
      <c r="AL5147">
        <v>19</v>
      </c>
      <c r="AM5147">
        <v>19</v>
      </c>
      <c r="AN5147">
        <v>19</v>
      </c>
      <c r="AO5147">
        <v>18</v>
      </c>
      <c r="AP5147">
        <v>18</v>
      </c>
      <c r="AQ5147">
        <v>18</v>
      </c>
    </row>
    <row r="5148" spans="1:43">
      <c r="A5148" t="s">
        <v>3236</v>
      </c>
      <c r="B5148" t="s">
        <v>3237</v>
      </c>
      <c r="C5148" t="s">
        <v>2976</v>
      </c>
      <c r="D5148" t="s">
        <v>2977</v>
      </c>
      <c r="E5148" t="s">
        <v>2928</v>
      </c>
      <c r="F5148" t="s">
        <v>2929</v>
      </c>
      <c r="G5148" t="s">
        <v>80</v>
      </c>
      <c r="H5148" t="s">
        <v>81</v>
      </c>
      <c r="I5148" s="2">
        <v>1</v>
      </c>
      <c r="J5148" s="2">
        <v>0</v>
      </c>
      <c r="K5148" s="2">
        <v>0</v>
      </c>
      <c r="L5148" t="s">
        <v>120</v>
      </c>
      <c r="M5148" t="s">
        <v>89</v>
      </c>
      <c r="N5148" t="s">
        <v>90</v>
      </c>
      <c r="O5148" t="s">
        <v>85</v>
      </c>
      <c r="P5148" t="s">
        <v>86</v>
      </c>
      <c r="Q5148">
        <v>21</v>
      </c>
      <c r="R5148">
        <v>21</v>
      </c>
      <c r="S5148">
        <v>22</v>
      </c>
      <c r="T5148">
        <v>22</v>
      </c>
      <c r="U5148">
        <v>22</v>
      </c>
      <c r="V5148">
        <v>22</v>
      </c>
      <c r="W5148">
        <v>22</v>
      </c>
      <c r="X5148">
        <v>23</v>
      </c>
      <c r="Y5148">
        <v>23</v>
      </c>
      <c r="Z5148">
        <v>23</v>
      </c>
      <c r="AA5148">
        <v>23</v>
      </c>
      <c r="AB5148">
        <v>23</v>
      </c>
      <c r="AC5148">
        <v>23</v>
      </c>
      <c r="AD5148">
        <v>23</v>
      </c>
      <c r="AE5148">
        <v>23</v>
      </c>
      <c r="AF5148">
        <v>23</v>
      </c>
      <c r="AG5148">
        <v>23</v>
      </c>
      <c r="AH5148">
        <v>23</v>
      </c>
      <c r="AI5148">
        <v>23</v>
      </c>
      <c r="AJ5148">
        <v>22</v>
      </c>
      <c r="AK5148">
        <v>22</v>
      </c>
      <c r="AL5148">
        <v>22</v>
      </c>
      <c r="AM5148">
        <v>22</v>
      </c>
      <c r="AN5148">
        <v>22</v>
      </c>
      <c r="AO5148">
        <v>21</v>
      </c>
      <c r="AP5148">
        <v>21</v>
      </c>
      <c r="AQ5148">
        <v>21</v>
      </c>
    </row>
    <row r="5149" spans="1:43">
      <c r="A5149" t="s">
        <v>3236</v>
      </c>
      <c r="B5149" t="s">
        <v>3237</v>
      </c>
      <c r="C5149" t="s">
        <v>2976</v>
      </c>
      <c r="D5149" t="s">
        <v>2977</v>
      </c>
      <c r="E5149" t="s">
        <v>2928</v>
      </c>
      <c r="F5149" t="s">
        <v>2929</v>
      </c>
      <c r="G5149" t="s">
        <v>80</v>
      </c>
      <c r="H5149" t="s">
        <v>81</v>
      </c>
      <c r="I5149" s="2">
        <v>1</v>
      </c>
      <c r="J5149" s="2">
        <v>0</v>
      </c>
      <c r="K5149" s="2">
        <v>0</v>
      </c>
      <c r="L5149" t="s">
        <v>120</v>
      </c>
      <c r="M5149" t="s">
        <v>83</v>
      </c>
      <c r="N5149" t="s">
        <v>91</v>
      </c>
      <c r="O5149" t="s">
        <v>85</v>
      </c>
      <c r="P5149" t="s">
        <v>86</v>
      </c>
      <c r="Q5149">
        <v>21</v>
      </c>
      <c r="R5149">
        <v>21</v>
      </c>
      <c r="S5149">
        <v>21</v>
      </c>
      <c r="T5149">
        <v>21</v>
      </c>
      <c r="U5149">
        <v>21</v>
      </c>
      <c r="V5149">
        <v>21</v>
      </c>
      <c r="W5149">
        <v>21</v>
      </c>
      <c r="X5149">
        <v>22</v>
      </c>
      <c r="Y5149">
        <v>22</v>
      </c>
      <c r="Z5149">
        <v>22</v>
      </c>
      <c r="AA5149">
        <v>22</v>
      </c>
      <c r="AB5149">
        <v>22</v>
      </c>
      <c r="AC5149">
        <v>22</v>
      </c>
      <c r="AD5149">
        <v>22</v>
      </c>
      <c r="AE5149">
        <v>22</v>
      </c>
      <c r="AF5149">
        <v>22</v>
      </c>
      <c r="AG5149">
        <v>22</v>
      </c>
      <c r="AH5149">
        <v>22</v>
      </c>
      <c r="AI5149">
        <v>22</v>
      </c>
      <c r="AJ5149">
        <v>22</v>
      </c>
      <c r="AK5149">
        <v>22</v>
      </c>
      <c r="AL5149">
        <v>22</v>
      </c>
      <c r="AM5149">
        <v>22</v>
      </c>
      <c r="AN5149">
        <v>21</v>
      </c>
      <c r="AO5149">
        <v>21</v>
      </c>
      <c r="AP5149">
        <v>21</v>
      </c>
      <c r="AQ5149">
        <v>21</v>
      </c>
    </row>
    <row r="5150" spans="1:43">
      <c r="A5150" t="s">
        <v>3238</v>
      </c>
      <c r="B5150" t="s">
        <v>3239</v>
      </c>
      <c r="C5150" t="s">
        <v>3060</v>
      </c>
      <c r="D5150" t="s">
        <v>3061</v>
      </c>
      <c r="E5150" t="s">
        <v>2928</v>
      </c>
      <c r="F5150" t="s">
        <v>2929</v>
      </c>
      <c r="G5150" t="s">
        <v>80</v>
      </c>
      <c r="H5150" t="s">
        <v>81</v>
      </c>
      <c r="I5150" s="2">
        <v>1</v>
      </c>
      <c r="J5150" s="2">
        <v>0</v>
      </c>
      <c r="K5150" s="2">
        <v>0</v>
      </c>
      <c r="L5150" t="s">
        <v>120</v>
      </c>
      <c r="M5150" t="s">
        <v>83</v>
      </c>
      <c r="N5150" t="s">
        <v>84</v>
      </c>
      <c r="O5150" t="s">
        <v>85</v>
      </c>
      <c r="P5150" t="s">
        <v>86</v>
      </c>
      <c r="Q5150">
        <v>20</v>
      </c>
      <c r="R5150">
        <v>20</v>
      </c>
      <c r="S5150">
        <v>20</v>
      </c>
      <c r="T5150">
        <v>20</v>
      </c>
      <c r="U5150">
        <v>20</v>
      </c>
      <c r="V5150">
        <v>21</v>
      </c>
      <c r="W5150">
        <v>21</v>
      </c>
      <c r="X5150">
        <v>21</v>
      </c>
      <c r="Y5150">
        <v>21</v>
      </c>
      <c r="Z5150">
        <v>21</v>
      </c>
      <c r="AA5150">
        <v>21</v>
      </c>
      <c r="AB5150">
        <v>21</v>
      </c>
      <c r="AC5150">
        <v>21</v>
      </c>
      <c r="AD5150">
        <v>21</v>
      </c>
      <c r="AE5150">
        <v>21</v>
      </c>
      <c r="AF5150">
        <v>21</v>
      </c>
      <c r="AG5150">
        <v>21</v>
      </c>
      <c r="AH5150">
        <v>21</v>
      </c>
      <c r="AI5150">
        <v>21</v>
      </c>
      <c r="AJ5150">
        <v>21</v>
      </c>
      <c r="AK5150">
        <v>21</v>
      </c>
      <c r="AL5150">
        <v>21</v>
      </c>
      <c r="AM5150">
        <v>21</v>
      </c>
      <c r="AN5150">
        <v>21</v>
      </c>
      <c r="AO5150">
        <v>21</v>
      </c>
      <c r="AP5150">
        <v>21</v>
      </c>
      <c r="AQ5150">
        <v>21</v>
      </c>
    </row>
    <row r="5151" spans="1:43">
      <c r="A5151" t="s">
        <v>3238</v>
      </c>
      <c r="B5151" t="s">
        <v>3239</v>
      </c>
      <c r="C5151" t="s">
        <v>3060</v>
      </c>
      <c r="D5151" t="s">
        <v>3061</v>
      </c>
      <c r="E5151" t="s">
        <v>2928</v>
      </c>
      <c r="F5151" t="s">
        <v>2929</v>
      </c>
      <c r="G5151" t="s">
        <v>80</v>
      </c>
      <c r="H5151" t="s">
        <v>81</v>
      </c>
      <c r="I5151" s="2">
        <v>1</v>
      </c>
      <c r="J5151" s="2">
        <v>0</v>
      </c>
      <c r="K5151" s="2">
        <v>0</v>
      </c>
      <c r="L5151" t="s">
        <v>120</v>
      </c>
      <c r="M5151" t="s">
        <v>87</v>
      </c>
      <c r="N5151" t="s">
        <v>88</v>
      </c>
      <c r="O5151" t="s">
        <v>85</v>
      </c>
      <c r="P5151" t="s">
        <v>86</v>
      </c>
      <c r="Q5151">
        <v>20</v>
      </c>
      <c r="R5151">
        <v>20</v>
      </c>
      <c r="S5151">
        <v>20</v>
      </c>
      <c r="T5151">
        <v>20</v>
      </c>
      <c r="U5151">
        <v>19</v>
      </c>
      <c r="V5151">
        <v>19</v>
      </c>
      <c r="W5151">
        <v>19</v>
      </c>
      <c r="X5151">
        <v>19</v>
      </c>
      <c r="Y5151">
        <v>19</v>
      </c>
      <c r="Z5151">
        <v>19</v>
      </c>
      <c r="AA5151">
        <v>19</v>
      </c>
      <c r="AB5151">
        <v>19</v>
      </c>
      <c r="AC5151">
        <v>19</v>
      </c>
      <c r="AD5151">
        <v>19</v>
      </c>
      <c r="AE5151">
        <v>19</v>
      </c>
      <c r="AF5151">
        <v>19</v>
      </c>
      <c r="AG5151">
        <v>19</v>
      </c>
      <c r="AH5151">
        <v>19</v>
      </c>
      <c r="AI5151">
        <v>19</v>
      </c>
      <c r="AJ5151">
        <v>18</v>
      </c>
      <c r="AK5151">
        <v>18</v>
      </c>
      <c r="AL5151">
        <v>18</v>
      </c>
      <c r="AM5151">
        <v>18</v>
      </c>
      <c r="AN5151">
        <v>18</v>
      </c>
      <c r="AO5151">
        <v>18</v>
      </c>
      <c r="AP5151">
        <v>18</v>
      </c>
      <c r="AQ5151">
        <v>18</v>
      </c>
    </row>
    <row r="5152" spans="1:43">
      <c r="A5152" t="s">
        <v>3238</v>
      </c>
      <c r="B5152" t="s">
        <v>3239</v>
      </c>
      <c r="C5152" t="s">
        <v>3060</v>
      </c>
      <c r="D5152" t="s">
        <v>3061</v>
      </c>
      <c r="E5152" t="s">
        <v>2928</v>
      </c>
      <c r="F5152" t="s">
        <v>2929</v>
      </c>
      <c r="G5152" t="s">
        <v>80</v>
      </c>
      <c r="H5152" t="s">
        <v>81</v>
      </c>
      <c r="I5152" s="2">
        <v>1</v>
      </c>
      <c r="J5152" s="2">
        <v>0</v>
      </c>
      <c r="K5152" s="2">
        <v>0</v>
      </c>
      <c r="L5152" t="s">
        <v>120</v>
      </c>
      <c r="M5152" t="s">
        <v>89</v>
      </c>
      <c r="N5152" t="s">
        <v>90</v>
      </c>
      <c r="O5152" t="s">
        <v>85</v>
      </c>
      <c r="P5152" t="s">
        <v>86</v>
      </c>
      <c r="Q5152">
        <v>20</v>
      </c>
      <c r="R5152">
        <v>20</v>
      </c>
      <c r="S5152">
        <v>21</v>
      </c>
      <c r="T5152">
        <v>21</v>
      </c>
      <c r="U5152">
        <v>21</v>
      </c>
      <c r="V5152">
        <v>21</v>
      </c>
      <c r="W5152">
        <v>22</v>
      </c>
      <c r="X5152">
        <v>22</v>
      </c>
      <c r="Y5152">
        <v>22</v>
      </c>
      <c r="Z5152">
        <v>22</v>
      </c>
      <c r="AA5152">
        <v>22</v>
      </c>
      <c r="AB5152">
        <v>22</v>
      </c>
      <c r="AC5152">
        <v>22</v>
      </c>
      <c r="AD5152">
        <v>23</v>
      </c>
      <c r="AE5152">
        <v>23</v>
      </c>
      <c r="AF5152">
        <v>22</v>
      </c>
      <c r="AG5152">
        <v>22</v>
      </c>
      <c r="AH5152">
        <v>22</v>
      </c>
      <c r="AI5152">
        <v>22</v>
      </c>
      <c r="AJ5152">
        <v>22</v>
      </c>
      <c r="AK5152">
        <v>22</v>
      </c>
      <c r="AL5152">
        <v>22</v>
      </c>
      <c r="AM5152">
        <v>22</v>
      </c>
      <c r="AN5152">
        <v>21</v>
      </c>
      <c r="AO5152">
        <v>21</v>
      </c>
      <c r="AP5152">
        <v>21</v>
      </c>
      <c r="AQ5152">
        <v>21</v>
      </c>
    </row>
    <row r="5153" spans="1:43">
      <c r="A5153" t="s">
        <v>3238</v>
      </c>
      <c r="B5153" t="s">
        <v>3239</v>
      </c>
      <c r="C5153" t="s">
        <v>3060</v>
      </c>
      <c r="D5153" t="s">
        <v>3061</v>
      </c>
      <c r="E5153" t="s">
        <v>2928</v>
      </c>
      <c r="F5153" t="s">
        <v>2929</v>
      </c>
      <c r="G5153" t="s">
        <v>80</v>
      </c>
      <c r="H5153" t="s">
        <v>81</v>
      </c>
      <c r="I5153" s="2">
        <v>1</v>
      </c>
      <c r="J5153" s="2">
        <v>0</v>
      </c>
      <c r="K5153" s="2">
        <v>0</v>
      </c>
      <c r="L5153" t="s">
        <v>120</v>
      </c>
      <c r="M5153" t="s">
        <v>83</v>
      </c>
      <c r="N5153" t="s">
        <v>91</v>
      </c>
      <c r="O5153" t="s">
        <v>85</v>
      </c>
      <c r="P5153" t="s">
        <v>86</v>
      </c>
      <c r="Q5153">
        <v>20</v>
      </c>
      <c r="R5153">
        <v>20</v>
      </c>
      <c r="S5153">
        <v>20</v>
      </c>
      <c r="T5153">
        <v>20</v>
      </c>
      <c r="U5153">
        <v>20</v>
      </c>
      <c r="V5153">
        <v>21</v>
      </c>
      <c r="W5153">
        <v>21</v>
      </c>
      <c r="X5153">
        <v>21</v>
      </c>
      <c r="Y5153">
        <v>21</v>
      </c>
      <c r="Z5153">
        <v>21</v>
      </c>
      <c r="AA5153">
        <v>21</v>
      </c>
      <c r="AB5153">
        <v>21</v>
      </c>
      <c r="AC5153">
        <v>21</v>
      </c>
      <c r="AD5153">
        <v>21</v>
      </c>
      <c r="AE5153">
        <v>21</v>
      </c>
      <c r="AF5153">
        <v>21</v>
      </c>
      <c r="AG5153">
        <v>21</v>
      </c>
      <c r="AH5153">
        <v>21</v>
      </c>
      <c r="AI5153">
        <v>21</v>
      </c>
      <c r="AJ5153">
        <v>21</v>
      </c>
      <c r="AK5153">
        <v>21</v>
      </c>
      <c r="AL5153">
        <v>21</v>
      </c>
      <c r="AM5153">
        <v>21</v>
      </c>
      <c r="AN5153">
        <v>21</v>
      </c>
      <c r="AO5153">
        <v>21</v>
      </c>
      <c r="AP5153">
        <v>21</v>
      </c>
      <c r="AQ5153">
        <v>21</v>
      </c>
    </row>
    <row r="5154" spans="1:43">
      <c r="A5154" t="s">
        <v>3240</v>
      </c>
      <c r="B5154" t="s">
        <v>3241</v>
      </c>
      <c r="C5154" t="s">
        <v>2958</v>
      </c>
      <c r="D5154" t="s">
        <v>2959</v>
      </c>
      <c r="E5154" t="s">
        <v>2928</v>
      </c>
      <c r="F5154" t="s">
        <v>2929</v>
      </c>
      <c r="G5154" t="s">
        <v>80</v>
      </c>
      <c r="H5154" t="s">
        <v>81</v>
      </c>
      <c r="I5154" s="2">
        <v>1</v>
      </c>
      <c r="J5154" s="2">
        <v>0</v>
      </c>
      <c r="K5154" s="2">
        <v>0</v>
      </c>
      <c r="L5154" t="s">
        <v>120</v>
      </c>
      <c r="M5154" t="s">
        <v>83</v>
      </c>
      <c r="N5154" t="s">
        <v>84</v>
      </c>
      <c r="O5154" t="s">
        <v>85</v>
      </c>
      <c r="P5154" t="s">
        <v>86</v>
      </c>
      <c r="Q5154">
        <v>14</v>
      </c>
      <c r="R5154">
        <v>15</v>
      </c>
      <c r="S5154">
        <v>15</v>
      </c>
      <c r="T5154">
        <v>15</v>
      </c>
      <c r="U5154">
        <v>15</v>
      </c>
      <c r="V5154">
        <v>15</v>
      </c>
      <c r="W5154">
        <v>15</v>
      </c>
      <c r="X5154">
        <v>15</v>
      </c>
      <c r="Y5154">
        <v>15</v>
      </c>
      <c r="Z5154">
        <v>15</v>
      </c>
      <c r="AA5154">
        <v>15</v>
      </c>
      <c r="AB5154">
        <v>15</v>
      </c>
      <c r="AC5154">
        <v>15</v>
      </c>
      <c r="AD5154">
        <v>15</v>
      </c>
      <c r="AE5154">
        <v>15</v>
      </c>
      <c r="AF5154">
        <v>15</v>
      </c>
      <c r="AG5154">
        <v>15</v>
      </c>
      <c r="AH5154">
        <v>15</v>
      </c>
      <c r="AI5154">
        <v>15</v>
      </c>
      <c r="AJ5154">
        <v>15</v>
      </c>
      <c r="AK5154">
        <v>15</v>
      </c>
      <c r="AL5154">
        <v>15</v>
      </c>
      <c r="AM5154">
        <v>15</v>
      </c>
      <c r="AN5154">
        <v>15</v>
      </c>
      <c r="AO5154">
        <v>15</v>
      </c>
      <c r="AP5154">
        <v>15</v>
      </c>
      <c r="AQ5154">
        <v>15</v>
      </c>
    </row>
    <row r="5155" spans="1:43">
      <c r="A5155" t="s">
        <v>3240</v>
      </c>
      <c r="B5155" t="s">
        <v>3241</v>
      </c>
      <c r="C5155" t="s">
        <v>2958</v>
      </c>
      <c r="D5155" t="s">
        <v>2959</v>
      </c>
      <c r="E5155" t="s">
        <v>2928</v>
      </c>
      <c r="F5155" t="s">
        <v>2929</v>
      </c>
      <c r="G5155" t="s">
        <v>80</v>
      </c>
      <c r="H5155" t="s">
        <v>81</v>
      </c>
      <c r="I5155" s="2">
        <v>1</v>
      </c>
      <c r="J5155" s="2">
        <v>0</v>
      </c>
      <c r="K5155" s="2">
        <v>0</v>
      </c>
      <c r="L5155" t="s">
        <v>120</v>
      </c>
      <c r="M5155" t="s">
        <v>87</v>
      </c>
      <c r="N5155" t="s">
        <v>88</v>
      </c>
      <c r="O5155" t="s">
        <v>85</v>
      </c>
      <c r="P5155" t="s">
        <v>86</v>
      </c>
      <c r="Q5155">
        <v>14</v>
      </c>
      <c r="R5155">
        <v>14</v>
      </c>
      <c r="S5155">
        <v>14</v>
      </c>
      <c r="T5155">
        <v>14</v>
      </c>
      <c r="U5155">
        <v>14</v>
      </c>
      <c r="V5155">
        <v>14</v>
      </c>
      <c r="W5155">
        <v>14</v>
      </c>
      <c r="X5155">
        <v>14</v>
      </c>
      <c r="Y5155">
        <v>14</v>
      </c>
      <c r="Z5155">
        <v>14</v>
      </c>
      <c r="AA5155">
        <v>14</v>
      </c>
      <c r="AB5155">
        <v>14</v>
      </c>
      <c r="AC5155">
        <v>14</v>
      </c>
      <c r="AD5155">
        <v>13</v>
      </c>
      <c r="AE5155">
        <v>13</v>
      </c>
      <c r="AF5155">
        <v>13</v>
      </c>
      <c r="AG5155">
        <v>13</v>
      </c>
      <c r="AH5155">
        <v>13</v>
      </c>
      <c r="AI5155">
        <v>13</v>
      </c>
      <c r="AJ5155">
        <v>13</v>
      </c>
      <c r="AK5155">
        <v>13</v>
      </c>
      <c r="AL5155">
        <v>13</v>
      </c>
      <c r="AM5155">
        <v>13</v>
      </c>
      <c r="AN5155">
        <v>13</v>
      </c>
      <c r="AO5155">
        <v>13</v>
      </c>
      <c r="AP5155">
        <v>13</v>
      </c>
      <c r="AQ5155">
        <v>13</v>
      </c>
    </row>
    <row r="5156" spans="1:43">
      <c r="A5156" t="s">
        <v>3240</v>
      </c>
      <c r="B5156" t="s">
        <v>3241</v>
      </c>
      <c r="C5156" t="s">
        <v>2958</v>
      </c>
      <c r="D5156" t="s">
        <v>2959</v>
      </c>
      <c r="E5156" t="s">
        <v>2928</v>
      </c>
      <c r="F5156" t="s">
        <v>2929</v>
      </c>
      <c r="G5156" t="s">
        <v>80</v>
      </c>
      <c r="H5156" t="s">
        <v>81</v>
      </c>
      <c r="I5156" s="2">
        <v>1</v>
      </c>
      <c r="J5156" s="2">
        <v>0</v>
      </c>
      <c r="K5156" s="2">
        <v>0</v>
      </c>
      <c r="L5156" t="s">
        <v>120</v>
      </c>
      <c r="M5156" t="s">
        <v>89</v>
      </c>
      <c r="N5156" t="s">
        <v>90</v>
      </c>
      <c r="O5156" t="s">
        <v>85</v>
      </c>
      <c r="P5156" t="s">
        <v>86</v>
      </c>
      <c r="Q5156">
        <v>14</v>
      </c>
      <c r="R5156">
        <v>14</v>
      </c>
      <c r="S5156">
        <v>14</v>
      </c>
      <c r="T5156">
        <v>14</v>
      </c>
      <c r="U5156">
        <v>14</v>
      </c>
      <c r="V5156">
        <v>14</v>
      </c>
      <c r="W5156">
        <v>15</v>
      </c>
      <c r="X5156">
        <v>15</v>
      </c>
      <c r="Y5156">
        <v>15</v>
      </c>
      <c r="Z5156">
        <v>15</v>
      </c>
      <c r="AA5156">
        <v>15</v>
      </c>
      <c r="AB5156">
        <v>15</v>
      </c>
      <c r="AC5156">
        <v>15</v>
      </c>
      <c r="AD5156">
        <v>15</v>
      </c>
      <c r="AE5156">
        <v>15</v>
      </c>
      <c r="AF5156">
        <v>15</v>
      </c>
      <c r="AG5156">
        <v>15</v>
      </c>
      <c r="AH5156">
        <v>15</v>
      </c>
      <c r="AI5156">
        <v>15</v>
      </c>
      <c r="AJ5156">
        <v>15</v>
      </c>
      <c r="AK5156">
        <v>15</v>
      </c>
      <c r="AL5156">
        <v>14</v>
      </c>
      <c r="AM5156">
        <v>14</v>
      </c>
      <c r="AN5156">
        <v>14</v>
      </c>
      <c r="AO5156">
        <v>14</v>
      </c>
      <c r="AP5156">
        <v>14</v>
      </c>
      <c r="AQ5156">
        <v>14</v>
      </c>
    </row>
    <row r="5157" spans="1:43">
      <c r="A5157" t="s">
        <v>3240</v>
      </c>
      <c r="B5157" t="s">
        <v>3241</v>
      </c>
      <c r="C5157" t="s">
        <v>2958</v>
      </c>
      <c r="D5157" t="s">
        <v>2959</v>
      </c>
      <c r="E5157" t="s">
        <v>2928</v>
      </c>
      <c r="F5157" t="s">
        <v>2929</v>
      </c>
      <c r="G5157" t="s">
        <v>80</v>
      </c>
      <c r="H5157" t="s">
        <v>81</v>
      </c>
      <c r="I5157" s="2">
        <v>1</v>
      </c>
      <c r="J5157" s="2">
        <v>0</v>
      </c>
      <c r="K5157" s="2">
        <v>0</v>
      </c>
      <c r="L5157" t="s">
        <v>120</v>
      </c>
      <c r="M5157" t="s">
        <v>83</v>
      </c>
      <c r="N5157" t="s">
        <v>91</v>
      </c>
      <c r="O5157" t="s">
        <v>85</v>
      </c>
      <c r="P5157" t="s">
        <v>86</v>
      </c>
      <c r="Q5157">
        <v>14</v>
      </c>
      <c r="R5157">
        <v>15</v>
      </c>
      <c r="S5157">
        <v>15</v>
      </c>
      <c r="T5157">
        <v>15</v>
      </c>
      <c r="U5157">
        <v>15</v>
      </c>
      <c r="V5157">
        <v>15</v>
      </c>
      <c r="W5157">
        <v>15</v>
      </c>
      <c r="X5157">
        <v>15</v>
      </c>
      <c r="Y5157">
        <v>15</v>
      </c>
      <c r="Z5157">
        <v>15</v>
      </c>
      <c r="AA5157">
        <v>15</v>
      </c>
      <c r="AB5157">
        <v>15</v>
      </c>
      <c r="AC5157">
        <v>15</v>
      </c>
      <c r="AD5157">
        <v>15</v>
      </c>
      <c r="AE5157">
        <v>15</v>
      </c>
      <c r="AF5157">
        <v>15</v>
      </c>
      <c r="AG5157">
        <v>15</v>
      </c>
      <c r="AH5157">
        <v>15</v>
      </c>
      <c r="AI5157">
        <v>15</v>
      </c>
      <c r="AJ5157">
        <v>15</v>
      </c>
      <c r="AK5157">
        <v>15</v>
      </c>
      <c r="AL5157">
        <v>15</v>
      </c>
      <c r="AM5157">
        <v>15</v>
      </c>
      <c r="AN5157">
        <v>15</v>
      </c>
      <c r="AO5157">
        <v>15</v>
      </c>
      <c r="AP5157">
        <v>15</v>
      </c>
      <c r="AQ5157">
        <v>15</v>
      </c>
    </row>
    <row r="5158" spans="1:43">
      <c r="A5158" t="s">
        <v>3242</v>
      </c>
      <c r="B5158" t="s">
        <v>3243</v>
      </c>
      <c r="C5158" t="s">
        <v>3244</v>
      </c>
      <c r="D5158" t="s">
        <v>3245</v>
      </c>
      <c r="E5158" t="s">
        <v>2928</v>
      </c>
      <c r="F5158" t="s">
        <v>2929</v>
      </c>
      <c r="G5158" t="s">
        <v>80</v>
      </c>
      <c r="H5158" t="s">
        <v>81</v>
      </c>
      <c r="I5158" s="2">
        <v>1</v>
      </c>
      <c r="J5158" s="2">
        <v>0</v>
      </c>
      <c r="K5158" s="2">
        <v>0</v>
      </c>
      <c r="L5158" t="s">
        <v>120</v>
      </c>
      <c r="M5158" t="s">
        <v>83</v>
      </c>
      <c r="N5158" t="s">
        <v>84</v>
      </c>
      <c r="O5158" t="s">
        <v>85</v>
      </c>
      <c r="P5158" t="s">
        <v>86</v>
      </c>
      <c r="Q5158">
        <v>11</v>
      </c>
      <c r="R5158">
        <v>11</v>
      </c>
      <c r="S5158">
        <v>11</v>
      </c>
      <c r="T5158">
        <v>11</v>
      </c>
      <c r="U5158">
        <v>11</v>
      </c>
      <c r="V5158">
        <v>11</v>
      </c>
      <c r="W5158">
        <v>11</v>
      </c>
      <c r="X5158">
        <v>11</v>
      </c>
      <c r="Y5158">
        <v>11</v>
      </c>
      <c r="Z5158">
        <v>11</v>
      </c>
      <c r="AA5158">
        <v>11</v>
      </c>
      <c r="AB5158">
        <v>11</v>
      </c>
      <c r="AC5158">
        <v>11</v>
      </c>
      <c r="AD5158">
        <v>11</v>
      </c>
      <c r="AE5158">
        <v>11</v>
      </c>
      <c r="AF5158">
        <v>11</v>
      </c>
      <c r="AG5158">
        <v>11</v>
      </c>
      <c r="AH5158">
        <v>11</v>
      </c>
      <c r="AI5158">
        <v>11</v>
      </c>
      <c r="AJ5158">
        <v>11</v>
      </c>
      <c r="AK5158">
        <v>11</v>
      </c>
      <c r="AL5158">
        <v>11</v>
      </c>
      <c r="AM5158">
        <v>11</v>
      </c>
      <c r="AN5158">
        <v>11</v>
      </c>
      <c r="AO5158">
        <v>11</v>
      </c>
      <c r="AP5158">
        <v>10</v>
      </c>
      <c r="AQ5158">
        <v>10</v>
      </c>
    </row>
    <row r="5159" spans="1:43">
      <c r="A5159" t="s">
        <v>3242</v>
      </c>
      <c r="B5159" t="s">
        <v>3243</v>
      </c>
      <c r="C5159" t="s">
        <v>3244</v>
      </c>
      <c r="D5159" t="s">
        <v>3245</v>
      </c>
      <c r="E5159" t="s">
        <v>2928</v>
      </c>
      <c r="F5159" t="s">
        <v>2929</v>
      </c>
      <c r="G5159" t="s">
        <v>80</v>
      </c>
      <c r="H5159" t="s">
        <v>81</v>
      </c>
      <c r="I5159" s="2">
        <v>1</v>
      </c>
      <c r="J5159" s="2">
        <v>0</v>
      </c>
      <c r="K5159" s="2">
        <v>0</v>
      </c>
      <c r="L5159" t="s">
        <v>120</v>
      </c>
      <c r="M5159" t="s">
        <v>87</v>
      </c>
      <c r="N5159" t="s">
        <v>88</v>
      </c>
      <c r="O5159" t="s">
        <v>85</v>
      </c>
      <c r="P5159" t="s">
        <v>86</v>
      </c>
      <c r="Q5159">
        <v>11</v>
      </c>
      <c r="R5159">
        <v>11</v>
      </c>
      <c r="S5159">
        <v>11</v>
      </c>
      <c r="T5159">
        <v>11</v>
      </c>
      <c r="U5159">
        <v>11</v>
      </c>
      <c r="V5159">
        <v>11</v>
      </c>
      <c r="W5159">
        <v>11</v>
      </c>
      <c r="X5159">
        <v>11</v>
      </c>
      <c r="Y5159">
        <v>11</v>
      </c>
      <c r="Z5159">
        <v>11</v>
      </c>
      <c r="AA5159">
        <v>11</v>
      </c>
      <c r="AB5159">
        <v>11</v>
      </c>
      <c r="AC5159">
        <v>11</v>
      </c>
      <c r="AD5159">
        <v>11</v>
      </c>
      <c r="AE5159">
        <v>11</v>
      </c>
      <c r="AF5159">
        <v>11</v>
      </c>
      <c r="AG5159">
        <v>11</v>
      </c>
      <c r="AH5159">
        <v>10</v>
      </c>
      <c r="AI5159">
        <v>10</v>
      </c>
      <c r="AJ5159">
        <v>10</v>
      </c>
      <c r="AK5159">
        <v>10</v>
      </c>
      <c r="AL5159">
        <v>10</v>
      </c>
      <c r="AM5159">
        <v>10</v>
      </c>
      <c r="AN5159">
        <v>10</v>
      </c>
      <c r="AO5159">
        <v>10</v>
      </c>
      <c r="AP5159">
        <v>10</v>
      </c>
      <c r="AQ5159">
        <v>10</v>
      </c>
    </row>
    <row r="5160" spans="1:43">
      <c r="A5160" t="s">
        <v>3242</v>
      </c>
      <c r="B5160" t="s">
        <v>3243</v>
      </c>
      <c r="C5160" t="s">
        <v>3244</v>
      </c>
      <c r="D5160" t="s">
        <v>3245</v>
      </c>
      <c r="E5160" t="s">
        <v>2928</v>
      </c>
      <c r="F5160" t="s">
        <v>2929</v>
      </c>
      <c r="G5160" t="s">
        <v>80</v>
      </c>
      <c r="H5160" t="s">
        <v>81</v>
      </c>
      <c r="I5160" s="2">
        <v>1</v>
      </c>
      <c r="J5160" s="2">
        <v>0</v>
      </c>
      <c r="K5160" s="2">
        <v>0</v>
      </c>
      <c r="L5160" t="s">
        <v>120</v>
      </c>
      <c r="M5160" t="s">
        <v>89</v>
      </c>
      <c r="N5160" t="s">
        <v>90</v>
      </c>
      <c r="O5160" t="s">
        <v>85</v>
      </c>
      <c r="P5160" t="s">
        <v>86</v>
      </c>
      <c r="Q5160">
        <v>11</v>
      </c>
      <c r="R5160">
        <v>11</v>
      </c>
      <c r="S5160">
        <v>11</v>
      </c>
      <c r="T5160">
        <v>11</v>
      </c>
      <c r="U5160">
        <v>11</v>
      </c>
      <c r="V5160">
        <v>11</v>
      </c>
      <c r="W5160">
        <v>11</v>
      </c>
      <c r="X5160">
        <v>11</v>
      </c>
      <c r="Y5160">
        <v>11</v>
      </c>
      <c r="Z5160">
        <v>11</v>
      </c>
      <c r="AA5160">
        <v>12</v>
      </c>
      <c r="AB5160">
        <v>12</v>
      </c>
      <c r="AC5160">
        <v>12</v>
      </c>
      <c r="AD5160">
        <v>12</v>
      </c>
      <c r="AE5160">
        <v>12</v>
      </c>
      <c r="AF5160">
        <v>12</v>
      </c>
      <c r="AG5160">
        <v>11</v>
      </c>
      <c r="AH5160">
        <v>11</v>
      </c>
      <c r="AI5160">
        <v>11</v>
      </c>
      <c r="AJ5160">
        <v>11</v>
      </c>
      <c r="AK5160">
        <v>11</v>
      </c>
      <c r="AL5160">
        <v>11</v>
      </c>
      <c r="AM5160">
        <v>11</v>
      </c>
      <c r="AN5160">
        <v>11</v>
      </c>
      <c r="AO5160">
        <v>11</v>
      </c>
      <c r="AP5160">
        <v>11</v>
      </c>
      <c r="AQ5160">
        <v>10</v>
      </c>
    </row>
    <row r="5161" spans="1:43">
      <c r="A5161" t="s">
        <v>3242</v>
      </c>
      <c r="B5161" t="s">
        <v>3243</v>
      </c>
      <c r="C5161" t="s">
        <v>3244</v>
      </c>
      <c r="D5161" t="s">
        <v>3245</v>
      </c>
      <c r="E5161" t="s">
        <v>2928</v>
      </c>
      <c r="F5161" t="s">
        <v>2929</v>
      </c>
      <c r="G5161" t="s">
        <v>80</v>
      </c>
      <c r="H5161" t="s">
        <v>81</v>
      </c>
      <c r="I5161" s="2">
        <v>1</v>
      </c>
      <c r="J5161" s="2">
        <v>0</v>
      </c>
      <c r="K5161" s="2">
        <v>0</v>
      </c>
      <c r="L5161" t="s">
        <v>120</v>
      </c>
      <c r="M5161" t="s">
        <v>83</v>
      </c>
      <c r="N5161" t="s">
        <v>91</v>
      </c>
      <c r="O5161" t="s">
        <v>85</v>
      </c>
      <c r="P5161" t="s">
        <v>86</v>
      </c>
      <c r="Q5161">
        <v>11</v>
      </c>
      <c r="R5161">
        <v>11</v>
      </c>
      <c r="S5161">
        <v>11</v>
      </c>
      <c r="T5161">
        <v>11</v>
      </c>
      <c r="U5161">
        <v>11</v>
      </c>
      <c r="V5161">
        <v>11</v>
      </c>
      <c r="W5161">
        <v>11</v>
      </c>
      <c r="X5161">
        <v>11</v>
      </c>
      <c r="Y5161">
        <v>11</v>
      </c>
      <c r="Z5161">
        <v>11</v>
      </c>
      <c r="AA5161">
        <v>11</v>
      </c>
      <c r="AB5161">
        <v>11</v>
      </c>
      <c r="AC5161">
        <v>11</v>
      </c>
      <c r="AD5161">
        <v>11</v>
      </c>
      <c r="AE5161">
        <v>11</v>
      </c>
      <c r="AF5161">
        <v>11</v>
      </c>
      <c r="AG5161">
        <v>11</v>
      </c>
      <c r="AH5161">
        <v>11</v>
      </c>
      <c r="AI5161">
        <v>11</v>
      </c>
      <c r="AJ5161">
        <v>11</v>
      </c>
      <c r="AK5161">
        <v>11</v>
      </c>
      <c r="AL5161">
        <v>11</v>
      </c>
      <c r="AM5161">
        <v>11</v>
      </c>
      <c r="AN5161">
        <v>11</v>
      </c>
      <c r="AO5161">
        <v>11</v>
      </c>
      <c r="AP5161">
        <v>10</v>
      </c>
      <c r="AQ5161">
        <v>10</v>
      </c>
    </row>
    <row r="5162" spans="1:43">
      <c r="A5162" t="s">
        <v>3246</v>
      </c>
      <c r="B5162" t="s">
        <v>3247</v>
      </c>
      <c r="C5162" t="s">
        <v>3248</v>
      </c>
      <c r="D5162" t="s">
        <v>3249</v>
      </c>
      <c r="E5162" t="s">
        <v>2928</v>
      </c>
      <c r="F5162" t="s">
        <v>2929</v>
      </c>
      <c r="G5162" t="s">
        <v>80</v>
      </c>
      <c r="H5162" t="s">
        <v>81</v>
      </c>
      <c r="I5162" s="2">
        <v>1</v>
      </c>
      <c r="J5162" s="2">
        <v>0</v>
      </c>
      <c r="K5162" s="2">
        <v>0</v>
      </c>
      <c r="L5162" t="s">
        <v>120</v>
      </c>
      <c r="M5162" t="s">
        <v>83</v>
      </c>
      <c r="N5162" t="s">
        <v>84</v>
      </c>
      <c r="O5162" t="s">
        <v>85</v>
      </c>
      <c r="P5162" t="s">
        <v>86</v>
      </c>
      <c r="Q5162">
        <v>27</v>
      </c>
      <c r="R5162">
        <v>27</v>
      </c>
      <c r="S5162">
        <v>27</v>
      </c>
      <c r="T5162">
        <v>28</v>
      </c>
      <c r="U5162">
        <v>28</v>
      </c>
      <c r="V5162">
        <v>28</v>
      </c>
      <c r="W5162">
        <v>28</v>
      </c>
      <c r="X5162">
        <v>28</v>
      </c>
      <c r="Y5162">
        <v>28</v>
      </c>
      <c r="Z5162">
        <v>28</v>
      </c>
      <c r="AA5162">
        <v>28</v>
      </c>
      <c r="AB5162">
        <v>28</v>
      </c>
      <c r="AC5162">
        <v>28</v>
      </c>
      <c r="AD5162">
        <v>28</v>
      </c>
      <c r="AE5162">
        <v>28</v>
      </c>
      <c r="AF5162">
        <v>28</v>
      </c>
      <c r="AG5162">
        <v>28</v>
      </c>
      <c r="AH5162">
        <v>28</v>
      </c>
      <c r="AI5162">
        <v>28</v>
      </c>
      <c r="AJ5162">
        <v>28</v>
      </c>
      <c r="AK5162">
        <v>28</v>
      </c>
      <c r="AL5162">
        <v>28</v>
      </c>
      <c r="AM5162">
        <v>28</v>
      </c>
      <c r="AN5162">
        <v>27</v>
      </c>
      <c r="AO5162">
        <v>27</v>
      </c>
      <c r="AP5162">
        <v>27</v>
      </c>
      <c r="AQ5162">
        <v>27</v>
      </c>
    </row>
    <row r="5163" spans="1:43">
      <c r="A5163" t="s">
        <v>3246</v>
      </c>
      <c r="B5163" t="s">
        <v>3247</v>
      </c>
      <c r="C5163" t="s">
        <v>3248</v>
      </c>
      <c r="D5163" t="s">
        <v>3249</v>
      </c>
      <c r="E5163" t="s">
        <v>2928</v>
      </c>
      <c r="F5163" t="s">
        <v>2929</v>
      </c>
      <c r="G5163" t="s">
        <v>80</v>
      </c>
      <c r="H5163" t="s">
        <v>81</v>
      </c>
      <c r="I5163" s="2">
        <v>1</v>
      </c>
      <c r="J5163" s="2">
        <v>0</v>
      </c>
      <c r="K5163" s="2">
        <v>0</v>
      </c>
      <c r="L5163" t="s">
        <v>120</v>
      </c>
      <c r="M5163" t="s">
        <v>87</v>
      </c>
      <c r="N5163" t="s">
        <v>88</v>
      </c>
      <c r="O5163" t="s">
        <v>85</v>
      </c>
      <c r="P5163" t="s">
        <v>86</v>
      </c>
      <c r="Q5163">
        <v>27</v>
      </c>
      <c r="R5163">
        <v>27</v>
      </c>
      <c r="S5163">
        <v>27</v>
      </c>
      <c r="T5163">
        <v>27</v>
      </c>
      <c r="U5163">
        <v>26</v>
      </c>
      <c r="V5163">
        <v>26</v>
      </c>
      <c r="W5163">
        <v>26</v>
      </c>
      <c r="X5163">
        <v>26</v>
      </c>
      <c r="Y5163">
        <v>26</v>
      </c>
      <c r="Z5163">
        <v>26</v>
      </c>
      <c r="AA5163">
        <v>25</v>
      </c>
      <c r="AB5163">
        <v>25</v>
      </c>
      <c r="AC5163">
        <v>25</v>
      </c>
      <c r="AD5163">
        <v>25</v>
      </c>
      <c r="AE5163">
        <v>25</v>
      </c>
      <c r="AF5163">
        <v>25</v>
      </c>
      <c r="AG5163">
        <v>25</v>
      </c>
      <c r="AH5163">
        <v>24</v>
      </c>
      <c r="AI5163">
        <v>24</v>
      </c>
      <c r="AJ5163">
        <v>24</v>
      </c>
      <c r="AK5163">
        <v>24</v>
      </c>
      <c r="AL5163">
        <v>24</v>
      </c>
      <c r="AM5163">
        <v>24</v>
      </c>
      <c r="AN5163">
        <v>24</v>
      </c>
      <c r="AO5163">
        <v>23</v>
      </c>
      <c r="AP5163">
        <v>23</v>
      </c>
      <c r="AQ5163">
        <v>23</v>
      </c>
    </row>
    <row r="5164" spans="1:43">
      <c r="A5164" t="s">
        <v>3246</v>
      </c>
      <c r="B5164" t="s">
        <v>3247</v>
      </c>
      <c r="C5164" t="s">
        <v>3248</v>
      </c>
      <c r="D5164" t="s">
        <v>3249</v>
      </c>
      <c r="E5164" t="s">
        <v>2928</v>
      </c>
      <c r="F5164" t="s">
        <v>2929</v>
      </c>
      <c r="G5164" t="s">
        <v>80</v>
      </c>
      <c r="H5164" t="s">
        <v>81</v>
      </c>
      <c r="I5164" s="2">
        <v>1</v>
      </c>
      <c r="J5164" s="2">
        <v>0</v>
      </c>
      <c r="K5164" s="2">
        <v>0</v>
      </c>
      <c r="L5164" t="s">
        <v>120</v>
      </c>
      <c r="M5164" t="s">
        <v>89</v>
      </c>
      <c r="N5164" t="s">
        <v>90</v>
      </c>
      <c r="O5164" t="s">
        <v>85</v>
      </c>
      <c r="P5164" t="s">
        <v>86</v>
      </c>
      <c r="Q5164">
        <v>27</v>
      </c>
      <c r="R5164">
        <v>27</v>
      </c>
      <c r="S5164">
        <v>27</v>
      </c>
      <c r="T5164">
        <v>27</v>
      </c>
      <c r="U5164">
        <v>28</v>
      </c>
      <c r="V5164">
        <v>28</v>
      </c>
      <c r="W5164">
        <v>28</v>
      </c>
      <c r="X5164">
        <v>28</v>
      </c>
      <c r="Y5164">
        <v>28</v>
      </c>
      <c r="Z5164">
        <v>29</v>
      </c>
      <c r="AA5164">
        <v>29</v>
      </c>
      <c r="AB5164">
        <v>29</v>
      </c>
      <c r="AC5164">
        <v>29</v>
      </c>
      <c r="AD5164">
        <v>29</v>
      </c>
      <c r="AE5164">
        <v>29</v>
      </c>
      <c r="AF5164">
        <v>29</v>
      </c>
      <c r="AG5164">
        <v>28</v>
      </c>
      <c r="AH5164">
        <v>28</v>
      </c>
      <c r="AI5164">
        <v>28</v>
      </c>
      <c r="AJ5164">
        <v>28</v>
      </c>
      <c r="AK5164">
        <v>27</v>
      </c>
      <c r="AL5164">
        <v>27</v>
      </c>
      <c r="AM5164">
        <v>27</v>
      </c>
      <c r="AN5164">
        <v>27</v>
      </c>
      <c r="AO5164">
        <v>26</v>
      </c>
      <c r="AP5164">
        <v>26</v>
      </c>
      <c r="AQ5164">
        <v>26</v>
      </c>
    </row>
    <row r="5165" spans="1:43">
      <c r="A5165" t="s">
        <v>3246</v>
      </c>
      <c r="B5165" t="s">
        <v>3247</v>
      </c>
      <c r="C5165" t="s">
        <v>3248</v>
      </c>
      <c r="D5165" t="s">
        <v>3249</v>
      </c>
      <c r="E5165" t="s">
        <v>2928</v>
      </c>
      <c r="F5165" t="s">
        <v>2929</v>
      </c>
      <c r="G5165" t="s">
        <v>80</v>
      </c>
      <c r="H5165" t="s">
        <v>81</v>
      </c>
      <c r="I5165" s="2">
        <v>1</v>
      </c>
      <c r="J5165" s="2">
        <v>0</v>
      </c>
      <c r="K5165" s="2">
        <v>0</v>
      </c>
      <c r="L5165" t="s">
        <v>120</v>
      </c>
      <c r="M5165" t="s">
        <v>83</v>
      </c>
      <c r="N5165" t="s">
        <v>91</v>
      </c>
      <c r="O5165" t="s">
        <v>85</v>
      </c>
      <c r="P5165" t="s">
        <v>86</v>
      </c>
      <c r="Q5165">
        <v>27</v>
      </c>
      <c r="R5165">
        <v>27</v>
      </c>
      <c r="S5165">
        <v>27</v>
      </c>
      <c r="T5165">
        <v>28</v>
      </c>
      <c r="U5165">
        <v>28</v>
      </c>
      <c r="V5165">
        <v>28</v>
      </c>
      <c r="W5165">
        <v>28</v>
      </c>
      <c r="X5165">
        <v>28</v>
      </c>
      <c r="Y5165">
        <v>28</v>
      </c>
      <c r="Z5165">
        <v>28</v>
      </c>
      <c r="AA5165">
        <v>28</v>
      </c>
      <c r="AB5165">
        <v>28</v>
      </c>
      <c r="AC5165">
        <v>28</v>
      </c>
      <c r="AD5165">
        <v>28</v>
      </c>
      <c r="AE5165">
        <v>28</v>
      </c>
      <c r="AF5165">
        <v>28</v>
      </c>
      <c r="AG5165">
        <v>28</v>
      </c>
      <c r="AH5165">
        <v>28</v>
      </c>
      <c r="AI5165">
        <v>28</v>
      </c>
      <c r="AJ5165">
        <v>28</v>
      </c>
      <c r="AK5165">
        <v>28</v>
      </c>
      <c r="AL5165">
        <v>28</v>
      </c>
      <c r="AM5165">
        <v>28</v>
      </c>
      <c r="AN5165">
        <v>27</v>
      </c>
      <c r="AO5165">
        <v>27</v>
      </c>
      <c r="AP5165">
        <v>27</v>
      </c>
      <c r="AQ5165">
        <v>27</v>
      </c>
    </row>
    <row r="5166" spans="1:43">
      <c r="A5166" t="s">
        <v>3250</v>
      </c>
      <c r="B5166" t="s">
        <v>3251</v>
      </c>
      <c r="C5166" t="s">
        <v>3244</v>
      </c>
      <c r="D5166" t="s">
        <v>3245</v>
      </c>
      <c r="E5166" t="s">
        <v>2928</v>
      </c>
      <c r="F5166" t="s">
        <v>2929</v>
      </c>
      <c r="G5166" t="s">
        <v>80</v>
      </c>
      <c r="H5166" t="s">
        <v>81</v>
      </c>
      <c r="I5166" s="2">
        <v>1</v>
      </c>
      <c r="J5166" s="2">
        <v>0</v>
      </c>
      <c r="K5166" s="2">
        <v>0</v>
      </c>
      <c r="L5166" t="s">
        <v>120</v>
      </c>
      <c r="M5166" t="s">
        <v>83</v>
      </c>
      <c r="N5166" t="s">
        <v>84</v>
      </c>
      <c r="O5166" t="s">
        <v>85</v>
      </c>
      <c r="P5166" t="s">
        <v>86</v>
      </c>
      <c r="Q5166">
        <v>34</v>
      </c>
      <c r="R5166">
        <v>34</v>
      </c>
      <c r="S5166">
        <v>34</v>
      </c>
      <c r="T5166">
        <v>34</v>
      </c>
      <c r="U5166">
        <v>34</v>
      </c>
      <c r="V5166">
        <v>34</v>
      </c>
      <c r="W5166">
        <v>34</v>
      </c>
      <c r="X5166">
        <v>34</v>
      </c>
      <c r="Y5166">
        <v>34</v>
      </c>
      <c r="Z5166">
        <v>35</v>
      </c>
      <c r="AA5166">
        <v>35</v>
      </c>
      <c r="AB5166">
        <v>35</v>
      </c>
      <c r="AC5166">
        <v>35</v>
      </c>
      <c r="AD5166">
        <v>35</v>
      </c>
      <c r="AE5166">
        <v>35</v>
      </c>
      <c r="AF5166">
        <v>35</v>
      </c>
      <c r="AG5166">
        <v>35</v>
      </c>
      <c r="AH5166">
        <v>35</v>
      </c>
      <c r="AI5166">
        <v>35</v>
      </c>
      <c r="AJ5166">
        <v>35</v>
      </c>
      <c r="AK5166">
        <v>35</v>
      </c>
      <c r="AL5166">
        <v>35</v>
      </c>
      <c r="AM5166">
        <v>34</v>
      </c>
      <c r="AN5166">
        <v>34</v>
      </c>
      <c r="AO5166">
        <v>34</v>
      </c>
      <c r="AP5166">
        <v>33</v>
      </c>
      <c r="AQ5166">
        <v>33</v>
      </c>
    </row>
    <row r="5167" spans="1:43">
      <c r="A5167" t="s">
        <v>3250</v>
      </c>
      <c r="B5167" t="s">
        <v>3251</v>
      </c>
      <c r="C5167" t="s">
        <v>3244</v>
      </c>
      <c r="D5167" t="s">
        <v>3245</v>
      </c>
      <c r="E5167" t="s">
        <v>2928</v>
      </c>
      <c r="F5167" t="s">
        <v>2929</v>
      </c>
      <c r="G5167" t="s">
        <v>80</v>
      </c>
      <c r="H5167" t="s">
        <v>81</v>
      </c>
      <c r="I5167" s="2">
        <v>1</v>
      </c>
      <c r="J5167" s="2">
        <v>0</v>
      </c>
      <c r="K5167" s="2">
        <v>0</v>
      </c>
      <c r="L5167" t="s">
        <v>120</v>
      </c>
      <c r="M5167" t="s">
        <v>87</v>
      </c>
      <c r="N5167" t="s">
        <v>88</v>
      </c>
      <c r="O5167" t="s">
        <v>85</v>
      </c>
      <c r="P5167" t="s">
        <v>86</v>
      </c>
      <c r="Q5167">
        <v>34</v>
      </c>
      <c r="R5167">
        <v>34</v>
      </c>
      <c r="S5167">
        <v>34</v>
      </c>
      <c r="T5167">
        <v>34</v>
      </c>
      <c r="U5167">
        <v>34</v>
      </c>
      <c r="V5167">
        <v>33</v>
      </c>
      <c r="W5167">
        <v>33</v>
      </c>
      <c r="X5167">
        <v>33</v>
      </c>
      <c r="Y5167">
        <v>33</v>
      </c>
      <c r="Z5167">
        <v>33</v>
      </c>
      <c r="AA5167">
        <v>33</v>
      </c>
      <c r="AB5167">
        <v>32</v>
      </c>
      <c r="AC5167">
        <v>32</v>
      </c>
      <c r="AD5167">
        <v>32</v>
      </c>
      <c r="AE5167">
        <v>32</v>
      </c>
      <c r="AF5167">
        <v>32</v>
      </c>
      <c r="AG5167">
        <v>32</v>
      </c>
      <c r="AH5167">
        <v>31</v>
      </c>
      <c r="AI5167">
        <v>31</v>
      </c>
      <c r="AJ5167">
        <v>31</v>
      </c>
      <c r="AK5167">
        <v>31</v>
      </c>
      <c r="AL5167">
        <v>31</v>
      </c>
      <c r="AM5167">
        <v>31</v>
      </c>
      <c r="AN5167">
        <v>30</v>
      </c>
      <c r="AO5167">
        <v>30</v>
      </c>
      <c r="AP5167">
        <v>30</v>
      </c>
      <c r="AQ5167">
        <v>30</v>
      </c>
    </row>
    <row r="5168" spans="1:43">
      <c r="A5168" t="s">
        <v>3250</v>
      </c>
      <c r="B5168" t="s">
        <v>3251</v>
      </c>
      <c r="C5168" t="s">
        <v>3244</v>
      </c>
      <c r="D5168" t="s">
        <v>3245</v>
      </c>
      <c r="E5168" t="s">
        <v>2928</v>
      </c>
      <c r="F5168" t="s">
        <v>2929</v>
      </c>
      <c r="G5168" t="s">
        <v>80</v>
      </c>
      <c r="H5168" t="s">
        <v>81</v>
      </c>
      <c r="I5168" s="2">
        <v>1</v>
      </c>
      <c r="J5168" s="2">
        <v>0</v>
      </c>
      <c r="K5168" s="2">
        <v>0</v>
      </c>
      <c r="L5168" t="s">
        <v>120</v>
      </c>
      <c r="M5168" t="s">
        <v>89</v>
      </c>
      <c r="N5168" t="s">
        <v>90</v>
      </c>
      <c r="O5168" t="s">
        <v>85</v>
      </c>
      <c r="P5168" t="s">
        <v>86</v>
      </c>
      <c r="Q5168">
        <v>34</v>
      </c>
      <c r="R5168">
        <v>34</v>
      </c>
      <c r="S5168">
        <v>35</v>
      </c>
      <c r="T5168">
        <v>35</v>
      </c>
      <c r="U5168">
        <v>35</v>
      </c>
      <c r="V5168">
        <v>36</v>
      </c>
      <c r="W5168">
        <v>36</v>
      </c>
      <c r="X5168">
        <v>36</v>
      </c>
      <c r="Y5168">
        <v>36</v>
      </c>
      <c r="Z5168">
        <v>37</v>
      </c>
      <c r="AA5168">
        <v>37</v>
      </c>
      <c r="AB5168">
        <v>37</v>
      </c>
      <c r="AC5168">
        <v>37</v>
      </c>
      <c r="AD5168">
        <v>37</v>
      </c>
      <c r="AE5168">
        <v>37</v>
      </c>
      <c r="AF5168">
        <v>37</v>
      </c>
      <c r="AG5168">
        <v>37</v>
      </c>
      <c r="AH5168">
        <v>36</v>
      </c>
      <c r="AI5168">
        <v>36</v>
      </c>
      <c r="AJ5168">
        <v>36</v>
      </c>
      <c r="AK5168">
        <v>35</v>
      </c>
      <c r="AL5168">
        <v>35</v>
      </c>
      <c r="AM5168">
        <v>35</v>
      </c>
      <c r="AN5168">
        <v>34</v>
      </c>
      <c r="AO5168">
        <v>34</v>
      </c>
      <c r="AP5168">
        <v>34</v>
      </c>
      <c r="AQ5168">
        <v>33</v>
      </c>
    </row>
    <row r="5169" spans="1:43">
      <c r="A5169" t="s">
        <v>3250</v>
      </c>
      <c r="B5169" t="s">
        <v>3251</v>
      </c>
      <c r="C5169" t="s">
        <v>3244</v>
      </c>
      <c r="D5169" t="s">
        <v>3245</v>
      </c>
      <c r="E5169" t="s">
        <v>2928</v>
      </c>
      <c r="F5169" t="s">
        <v>2929</v>
      </c>
      <c r="G5169" t="s">
        <v>80</v>
      </c>
      <c r="H5169" t="s">
        <v>81</v>
      </c>
      <c r="I5169" s="2">
        <v>1</v>
      </c>
      <c r="J5169" s="2">
        <v>0</v>
      </c>
      <c r="K5169" s="2">
        <v>0</v>
      </c>
      <c r="L5169" t="s">
        <v>120</v>
      </c>
      <c r="M5169" t="s">
        <v>83</v>
      </c>
      <c r="N5169" t="s">
        <v>91</v>
      </c>
      <c r="O5169" t="s">
        <v>85</v>
      </c>
      <c r="P5169" t="s">
        <v>86</v>
      </c>
      <c r="Q5169">
        <v>34</v>
      </c>
      <c r="R5169">
        <v>34</v>
      </c>
      <c r="S5169">
        <v>34</v>
      </c>
      <c r="T5169">
        <v>34</v>
      </c>
      <c r="U5169">
        <v>34</v>
      </c>
      <c r="V5169">
        <v>34</v>
      </c>
      <c r="W5169">
        <v>34</v>
      </c>
      <c r="X5169">
        <v>34</v>
      </c>
      <c r="Y5169">
        <v>34</v>
      </c>
      <c r="Z5169">
        <v>35</v>
      </c>
      <c r="AA5169">
        <v>35</v>
      </c>
      <c r="AB5169">
        <v>35</v>
      </c>
      <c r="AC5169">
        <v>35</v>
      </c>
      <c r="AD5169">
        <v>35</v>
      </c>
      <c r="AE5169">
        <v>35</v>
      </c>
      <c r="AF5169">
        <v>35</v>
      </c>
      <c r="AG5169">
        <v>35</v>
      </c>
      <c r="AH5169">
        <v>35</v>
      </c>
      <c r="AI5169">
        <v>35</v>
      </c>
      <c r="AJ5169">
        <v>35</v>
      </c>
      <c r="AK5169">
        <v>35</v>
      </c>
      <c r="AL5169">
        <v>35</v>
      </c>
      <c r="AM5169">
        <v>34</v>
      </c>
      <c r="AN5169">
        <v>34</v>
      </c>
      <c r="AO5169">
        <v>34</v>
      </c>
      <c r="AP5169">
        <v>33</v>
      </c>
      <c r="AQ5169">
        <v>33</v>
      </c>
    </row>
    <row r="5170" spans="1:43">
      <c r="A5170" t="s">
        <v>3252</v>
      </c>
      <c r="B5170" t="s">
        <v>3253</v>
      </c>
      <c r="C5170" t="s">
        <v>3244</v>
      </c>
      <c r="D5170" t="s">
        <v>3245</v>
      </c>
      <c r="E5170" t="s">
        <v>2928</v>
      </c>
      <c r="F5170" t="s">
        <v>2929</v>
      </c>
      <c r="G5170" t="s">
        <v>80</v>
      </c>
      <c r="H5170" t="s">
        <v>81</v>
      </c>
      <c r="I5170" s="2">
        <v>1</v>
      </c>
      <c r="J5170" s="2">
        <v>0</v>
      </c>
      <c r="K5170" s="2">
        <v>0</v>
      </c>
      <c r="L5170" t="s">
        <v>120</v>
      </c>
      <c r="M5170" t="s">
        <v>83</v>
      </c>
      <c r="N5170" t="s">
        <v>84</v>
      </c>
      <c r="O5170" t="s">
        <v>85</v>
      </c>
      <c r="P5170" t="s">
        <v>86</v>
      </c>
      <c r="Q5170">
        <v>38</v>
      </c>
      <c r="R5170">
        <v>38</v>
      </c>
      <c r="S5170">
        <v>39</v>
      </c>
      <c r="T5170">
        <v>39</v>
      </c>
      <c r="U5170">
        <v>39</v>
      </c>
      <c r="V5170">
        <v>39</v>
      </c>
      <c r="W5170">
        <v>39</v>
      </c>
      <c r="X5170">
        <v>39</v>
      </c>
      <c r="Y5170">
        <v>39</v>
      </c>
      <c r="Z5170">
        <v>39</v>
      </c>
      <c r="AA5170">
        <v>39</v>
      </c>
      <c r="AB5170">
        <v>39</v>
      </c>
      <c r="AC5170">
        <v>40</v>
      </c>
      <c r="AD5170">
        <v>40</v>
      </c>
      <c r="AE5170">
        <v>40</v>
      </c>
      <c r="AF5170">
        <v>40</v>
      </c>
      <c r="AG5170">
        <v>40</v>
      </c>
      <c r="AH5170">
        <v>40</v>
      </c>
      <c r="AI5170">
        <v>40</v>
      </c>
      <c r="AJ5170">
        <v>40</v>
      </c>
      <c r="AK5170">
        <v>40</v>
      </c>
      <c r="AL5170">
        <v>39</v>
      </c>
      <c r="AM5170">
        <v>39</v>
      </c>
      <c r="AN5170">
        <v>39</v>
      </c>
      <c r="AO5170">
        <v>38</v>
      </c>
      <c r="AP5170">
        <v>38</v>
      </c>
      <c r="AQ5170">
        <v>38</v>
      </c>
    </row>
    <row r="5171" spans="1:43">
      <c r="A5171" t="s">
        <v>3252</v>
      </c>
      <c r="B5171" t="s">
        <v>3253</v>
      </c>
      <c r="C5171" t="s">
        <v>3244</v>
      </c>
      <c r="D5171" t="s">
        <v>3245</v>
      </c>
      <c r="E5171" t="s">
        <v>2928</v>
      </c>
      <c r="F5171" t="s">
        <v>2929</v>
      </c>
      <c r="G5171" t="s">
        <v>80</v>
      </c>
      <c r="H5171" t="s">
        <v>81</v>
      </c>
      <c r="I5171" s="2">
        <v>1</v>
      </c>
      <c r="J5171" s="2">
        <v>0</v>
      </c>
      <c r="K5171" s="2">
        <v>0</v>
      </c>
      <c r="L5171" t="s">
        <v>120</v>
      </c>
      <c r="M5171" t="s">
        <v>87</v>
      </c>
      <c r="N5171" t="s">
        <v>88</v>
      </c>
      <c r="O5171" t="s">
        <v>85</v>
      </c>
      <c r="P5171" t="s">
        <v>86</v>
      </c>
      <c r="Q5171">
        <v>38</v>
      </c>
      <c r="R5171">
        <v>38</v>
      </c>
      <c r="S5171">
        <v>38</v>
      </c>
      <c r="T5171">
        <v>37</v>
      </c>
      <c r="U5171">
        <v>37</v>
      </c>
      <c r="V5171">
        <v>37</v>
      </c>
      <c r="W5171">
        <v>37</v>
      </c>
      <c r="X5171">
        <v>37</v>
      </c>
      <c r="Y5171">
        <v>36</v>
      </c>
      <c r="Z5171">
        <v>36</v>
      </c>
      <c r="AA5171">
        <v>36</v>
      </c>
      <c r="AB5171">
        <v>36</v>
      </c>
      <c r="AC5171">
        <v>36</v>
      </c>
      <c r="AD5171">
        <v>35</v>
      </c>
      <c r="AE5171">
        <v>35</v>
      </c>
      <c r="AF5171">
        <v>35</v>
      </c>
      <c r="AG5171">
        <v>35</v>
      </c>
      <c r="AH5171">
        <v>35</v>
      </c>
      <c r="AI5171">
        <v>34</v>
      </c>
      <c r="AJ5171">
        <v>34</v>
      </c>
      <c r="AK5171">
        <v>34</v>
      </c>
      <c r="AL5171">
        <v>34</v>
      </c>
      <c r="AM5171">
        <v>34</v>
      </c>
      <c r="AN5171">
        <v>34</v>
      </c>
      <c r="AO5171">
        <v>33</v>
      </c>
      <c r="AP5171">
        <v>33</v>
      </c>
      <c r="AQ5171">
        <v>33</v>
      </c>
    </row>
    <row r="5172" spans="1:43">
      <c r="A5172" t="s">
        <v>3252</v>
      </c>
      <c r="B5172" t="s">
        <v>3253</v>
      </c>
      <c r="C5172" t="s">
        <v>3244</v>
      </c>
      <c r="D5172" t="s">
        <v>3245</v>
      </c>
      <c r="E5172" t="s">
        <v>2928</v>
      </c>
      <c r="F5172" t="s">
        <v>2929</v>
      </c>
      <c r="G5172" t="s">
        <v>80</v>
      </c>
      <c r="H5172" t="s">
        <v>81</v>
      </c>
      <c r="I5172" s="2">
        <v>1</v>
      </c>
      <c r="J5172" s="2">
        <v>0</v>
      </c>
      <c r="K5172" s="2">
        <v>0</v>
      </c>
      <c r="L5172" t="s">
        <v>120</v>
      </c>
      <c r="M5172" t="s">
        <v>89</v>
      </c>
      <c r="N5172" t="s">
        <v>90</v>
      </c>
      <c r="O5172" t="s">
        <v>85</v>
      </c>
      <c r="P5172" t="s">
        <v>86</v>
      </c>
      <c r="Q5172">
        <v>38</v>
      </c>
      <c r="R5172">
        <v>38</v>
      </c>
      <c r="S5172">
        <v>39</v>
      </c>
      <c r="T5172">
        <v>39</v>
      </c>
      <c r="U5172">
        <v>39</v>
      </c>
      <c r="V5172">
        <v>40</v>
      </c>
      <c r="W5172">
        <v>40</v>
      </c>
      <c r="X5172">
        <v>40</v>
      </c>
      <c r="Y5172">
        <v>40</v>
      </c>
      <c r="Z5172">
        <v>41</v>
      </c>
      <c r="AA5172">
        <v>41</v>
      </c>
      <c r="AB5172">
        <v>41</v>
      </c>
      <c r="AC5172">
        <v>41</v>
      </c>
      <c r="AD5172">
        <v>41</v>
      </c>
      <c r="AE5172">
        <v>41</v>
      </c>
      <c r="AF5172">
        <v>41</v>
      </c>
      <c r="AG5172">
        <v>41</v>
      </c>
      <c r="AH5172">
        <v>40</v>
      </c>
      <c r="AI5172">
        <v>40</v>
      </c>
      <c r="AJ5172">
        <v>40</v>
      </c>
      <c r="AK5172">
        <v>39</v>
      </c>
      <c r="AL5172">
        <v>39</v>
      </c>
      <c r="AM5172">
        <v>38</v>
      </c>
      <c r="AN5172">
        <v>38</v>
      </c>
      <c r="AO5172">
        <v>38</v>
      </c>
      <c r="AP5172">
        <v>37</v>
      </c>
      <c r="AQ5172">
        <v>37</v>
      </c>
    </row>
    <row r="5173" spans="1:43">
      <c r="A5173" t="s">
        <v>3252</v>
      </c>
      <c r="B5173" t="s">
        <v>3253</v>
      </c>
      <c r="C5173" t="s">
        <v>3244</v>
      </c>
      <c r="D5173" t="s">
        <v>3245</v>
      </c>
      <c r="E5173" t="s">
        <v>2928</v>
      </c>
      <c r="F5173" t="s">
        <v>2929</v>
      </c>
      <c r="G5173" t="s">
        <v>80</v>
      </c>
      <c r="H5173" t="s">
        <v>81</v>
      </c>
      <c r="I5173" s="2">
        <v>1</v>
      </c>
      <c r="J5173" s="2">
        <v>0</v>
      </c>
      <c r="K5173" s="2">
        <v>0</v>
      </c>
      <c r="L5173" t="s">
        <v>120</v>
      </c>
      <c r="M5173" t="s">
        <v>83</v>
      </c>
      <c r="N5173" t="s">
        <v>91</v>
      </c>
      <c r="O5173" t="s">
        <v>85</v>
      </c>
      <c r="P5173" t="s">
        <v>86</v>
      </c>
      <c r="Q5173">
        <v>38</v>
      </c>
      <c r="R5173">
        <v>38</v>
      </c>
      <c r="S5173">
        <v>39</v>
      </c>
      <c r="T5173">
        <v>39</v>
      </c>
      <c r="U5173">
        <v>39</v>
      </c>
      <c r="V5173">
        <v>39</v>
      </c>
      <c r="W5173">
        <v>39</v>
      </c>
      <c r="X5173">
        <v>39</v>
      </c>
      <c r="Y5173">
        <v>39</v>
      </c>
      <c r="Z5173">
        <v>39</v>
      </c>
      <c r="AA5173">
        <v>39</v>
      </c>
      <c r="AB5173">
        <v>39</v>
      </c>
      <c r="AC5173">
        <v>40</v>
      </c>
      <c r="AD5173">
        <v>40</v>
      </c>
      <c r="AE5173">
        <v>40</v>
      </c>
      <c r="AF5173">
        <v>40</v>
      </c>
      <c r="AG5173">
        <v>40</v>
      </c>
      <c r="AH5173">
        <v>40</v>
      </c>
      <c r="AI5173">
        <v>40</v>
      </c>
      <c r="AJ5173">
        <v>40</v>
      </c>
      <c r="AK5173">
        <v>40</v>
      </c>
      <c r="AL5173">
        <v>39</v>
      </c>
      <c r="AM5173">
        <v>39</v>
      </c>
      <c r="AN5173">
        <v>39</v>
      </c>
      <c r="AO5173">
        <v>38</v>
      </c>
      <c r="AP5173">
        <v>38</v>
      </c>
      <c r="AQ5173">
        <v>38</v>
      </c>
    </row>
    <row r="5174" spans="1:43">
      <c r="A5174" t="s">
        <v>3254</v>
      </c>
      <c r="B5174" t="s">
        <v>3255</v>
      </c>
      <c r="C5174" t="s">
        <v>3244</v>
      </c>
      <c r="D5174" t="s">
        <v>3245</v>
      </c>
      <c r="E5174" t="s">
        <v>2928</v>
      </c>
      <c r="F5174" t="s">
        <v>2929</v>
      </c>
      <c r="G5174" t="s">
        <v>80</v>
      </c>
      <c r="H5174" t="s">
        <v>81</v>
      </c>
      <c r="I5174" s="2">
        <v>1</v>
      </c>
      <c r="J5174" s="2">
        <v>0</v>
      </c>
      <c r="K5174" s="2">
        <v>0</v>
      </c>
      <c r="L5174" t="s">
        <v>120</v>
      </c>
      <c r="M5174" t="s">
        <v>83</v>
      </c>
      <c r="N5174" t="s">
        <v>84</v>
      </c>
      <c r="O5174" t="s">
        <v>85</v>
      </c>
      <c r="P5174" t="s">
        <v>86</v>
      </c>
      <c r="Q5174">
        <v>20</v>
      </c>
      <c r="R5174">
        <v>20</v>
      </c>
      <c r="S5174">
        <v>21</v>
      </c>
      <c r="T5174">
        <v>21</v>
      </c>
      <c r="U5174">
        <v>21</v>
      </c>
      <c r="V5174">
        <v>21</v>
      </c>
      <c r="W5174">
        <v>21</v>
      </c>
      <c r="X5174">
        <v>21</v>
      </c>
      <c r="Y5174">
        <v>21</v>
      </c>
      <c r="Z5174">
        <v>21</v>
      </c>
      <c r="AA5174">
        <v>21</v>
      </c>
      <c r="AB5174">
        <v>21</v>
      </c>
      <c r="AC5174">
        <v>21</v>
      </c>
      <c r="AD5174">
        <v>21</v>
      </c>
      <c r="AE5174">
        <v>21</v>
      </c>
      <c r="AF5174">
        <v>21</v>
      </c>
      <c r="AG5174">
        <v>21</v>
      </c>
      <c r="AH5174">
        <v>21</v>
      </c>
      <c r="AI5174">
        <v>21</v>
      </c>
      <c r="AJ5174">
        <v>21</v>
      </c>
      <c r="AK5174">
        <v>21</v>
      </c>
      <c r="AL5174">
        <v>21</v>
      </c>
      <c r="AM5174">
        <v>21</v>
      </c>
      <c r="AN5174">
        <v>21</v>
      </c>
      <c r="AO5174">
        <v>21</v>
      </c>
      <c r="AP5174">
        <v>21</v>
      </c>
      <c r="AQ5174">
        <v>20</v>
      </c>
    </row>
    <row r="5175" spans="1:43">
      <c r="A5175" t="s">
        <v>3254</v>
      </c>
      <c r="B5175" t="s">
        <v>3255</v>
      </c>
      <c r="C5175" t="s">
        <v>3244</v>
      </c>
      <c r="D5175" t="s">
        <v>3245</v>
      </c>
      <c r="E5175" t="s">
        <v>2928</v>
      </c>
      <c r="F5175" t="s">
        <v>2929</v>
      </c>
      <c r="G5175" t="s">
        <v>80</v>
      </c>
      <c r="H5175" t="s">
        <v>81</v>
      </c>
      <c r="I5175" s="2">
        <v>1</v>
      </c>
      <c r="J5175" s="2">
        <v>0</v>
      </c>
      <c r="K5175" s="2">
        <v>0</v>
      </c>
      <c r="L5175" t="s">
        <v>120</v>
      </c>
      <c r="M5175" t="s">
        <v>87</v>
      </c>
      <c r="N5175" t="s">
        <v>88</v>
      </c>
      <c r="O5175" t="s">
        <v>85</v>
      </c>
      <c r="P5175" t="s">
        <v>86</v>
      </c>
      <c r="Q5175">
        <v>20</v>
      </c>
      <c r="R5175">
        <v>20</v>
      </c>
      <c r="S5175">
        <v>20</v>
      </c>
      <c r="T5175">
        <v>20</v>
      </c>
      <c r="U5175">
        <v>20</v>
      </c>
      <c r="V5175">
        <v>20</v>
      </c>
      <c r="W5175">
        <v>20</v>
      </c>
      <c r="X5175">
        <v>19</v>
      </c>
      <c r="Y5175">
        <v>19</v>
      </c>
      <c r="Z5175">
        <v>19</v>
      </c>
      <c r="AA5175">
        <v>19</v>
      </c>
      <c r="AB5175">
        <v>19</v>
      </c>
      <c r="AC5175">
        <v>19</v>
      </c>
      <c r="AD5175">
        <v>19</v>
      </c>
      <c r="AE5175">
        <v>19</v>
      </c>
      <c r="AF5175">
        <v>19</v>
      </c>
      <c r="AG5175">
        <v>19</v>
      </c>
      <c r="AH5175">
        <v>19</v>
      </c>
      <c r="AI5175">
        <v>18</v>
      </c>
      <c r="AJ5175">
        <v>18</v>
      </c>
      <c r="AK5175">
        <v>18</v>
      </c>
      <c r="AL5175">
        <v>18</v>
      </c>
      <c r="AM5175">
        <v>18</v>
      </c>
      <c r="AN5175">
        <v>18</v>
      </c>
      <c r="AO5175">
        <v>18</v>
      </c>
      <c r="AP5175">
        <v>18</v>
      </c>
      <c r="AQ5175">
        <v>18</v>
      </c>
    </row>
    <row r="5176" spans="1:43">
      <c r="A5176" t="s">
        <v>3254</v>
      </c>
      <c r="B5176" t="s">
        <v>3255</v>
      </c>
      <c r="C5176" t="s">
        <v>3244</v>
      </c>
      <c r="D5176" t="s">
        <v>3245</v>
      </c>
      <c r="E5176" t="s">
        <v>2928</v>
      </c>
      <c r="F5176" t="s">
        <v>2929</v>
      </c>
      <c r="G5176" t="s">
        <v>80</v>
      </c>
      <c r="H5176" t="s">
        <v>81</v>
      </c>
      <c r="I5176" s="2">
        <v>1</v>
      </c>
      <c r="J5176" s="2">
        <v>0</v>
      </c>
      <c r="K5176" s="2">
        <v>0</v>
      </c>
      <c r="L5176" t="s">
        <v>120</v>
      </c>
      <c r="M5176" t="s">
        <v>89</v>
      </c>
      <c r="N5176" t="s">
        <v>90</v>
      </c>
      <c r="O5176" t="s">
        <v>85</v>
      </c>
      <c r="P5176" t="s">
        <v>86</v>
      </c>
      <c r="Q5176">
        <v>20</v>
      </c>
      <c r="R5176">
        <v>20</v>
      </c>
      <c r="S5176">
        <v>20</v>
      </c>
      <c r="T5176">
        <v>20</v>
      </c>
      <c r="U5176">
        <v>21</v>
      </c>
      <c r="V5176">
        <v>21</v>
      </c>
      <c r="W5176">
        <v>21</v>
      </c>
      <c r="X5176">
        <v>21</v>
      </c>
      <c r="Y5176">
        <v>21</v>
      </c>
      <c r="Z5176">
        <v>21</v>
      </c>
      <c r="AA5176">
        <v>21</v>
      </c>
      <c r="AB5176">
        <v>21</v>
      </c>
      <c r="AC5176">
        <v>22</v>
      </c>
      <c r="AD5176">
        <v>22</v>
      </c>
      <c r="AE5176">
        <v>22</v>
      </c>
      <c r="AF5176">
        <v>21</v>
      </c>
      <c r="AG5176">
        <v>21</v>
      </c>
      <c r="AH5176">
        <v>21</v>
      </c>
      <c r="AI5176">
        <v>21</v>
      </c>
      <c r="AJ5176">
        <v>21</v>
      </c>
      <c r="AK5176">
        <v>21</v>
      </c>
      <c r="AL5176">
        <v>20</v>
      </c>
      <c r="AM5176">
        <v>20</v>
      </c>
      <c r="AN5176">
        <v>20</v>
      </c>
      <c r="AO5176">
        <v>20</v>
      </c>
      <c r="AP5176">
        <v>20</v>
      </c>
      <c r="AQ5176">
        <v>20</v>
      </c>
    </row>
    <row r="5177" spans="1:43">
      <c r="A5177" t="s">
        <v>3254</v>
      </c>
      <c r="B5177" t="s">
        <v>3255</v>
      </c>
      <c r="C5177" t="s">
        <v>3244</v>
      </c>
      <c r="D5177" t="s">
        <v>3245</v>
      </c>
      <c r="E5177" t="s">
        <v>2928</v>
      </c>
      <c r="F5177" t="s">
        <v>2929</v>
      </c>
      <c r="G5177" t="s">
        <v>80</v>
      </c>
      <c r="H5177" t="s">
        <v>81</v>
      </c>
      <c r="I5177" s="2">
        <v>1</v>
      </c>
      <c r="J5177" s="2">
        <v>0</v>
      </c>
      <c r="K5177" s="2">
        <v>0</v>
      </c>
      <c r="L5177" t="s">
        <v>120</v>
      </c>
      <c r="M5177" t="s">
        <v>83</v>
      </c>
      <c r="N5177" t="s">
        <v>91</v>
      </c>
      <c r="O5177" t="s">
        <v>85</v>
      </c>
      <c r="P5177" t="s">
        <v>86</v>
      </c>
      <c r="Q5177">
        <v>20</v>
      </c>
      <c r="R5177">
        <v>20</v>
      </c>
      <c r="S5177">
        <v>21</v>
      </c>
      <c r="T5177">
        <v>21</v>
      </c>
      <c r="U5177">
        <v>21</v>
      </c>
      <c r="V5177">
        <v>21</v>
      </c>
      <c r="W5177">
        <v>21</v>
      </c>
      <c r="X5177">
        <v>21</v>
      </c>
      <c r="Y5177">
        <v>21</v>
      </c>
      <c r="Z5177">
        <v>21</v>
      </c>
      <c r="AA5177">
        <v>21</v>
      </c>
      <c r="AB5177">
        <v>21</v>
      </c>
      <c r="AC5177">
        <v>21</v>
      </c>
      <c r="AD5177">
        <v>21</v>
      </c>
      <c r="AE5177">
        <v>21</v>
      </c>
      <c r="AF5177">
        <v>21</v>
      </c>
      <c r="AG5177">
        <v>21</v>
      </c>
      <c r="AH5177">
        <v>21</v>
      </c>
      <c r="AI5177">
        <v>21</v>
      </c>
      <c r="AJ5177">
        <v>21</v>
      </c>
      <c r="AK5177">
        <v>21</v>
      </c>
      <c r="AL5177">
        <v>21</v>
      </c>
      <c r="AM5177">
        <v>21</v>
      </c>
      <c r="AN5177">
        <v>21</v>
      </c>
      <c r="AO5177">
        <v>21</v>
      </c>
      <c r="AP5177">
        <v>21</v>
      </c>
      <c r="AQ5177">
        <v>20</v>
      </c>
    </row>
    <row r="5178" spans="1:43">
      <c r="A5178" t="s">
        <v>3256</v>
      </c>
      <c r="B5178" t="s">
        <v>3257</v>
      </c>
      <c r="C5178" t="s">
        <v>3008</v>
      </c>
      <c r="D5178" t="s">
        <v>3009</v>
      </c>
      <c r="E5178" t="s">
        <v>2928</v>
      </c>
      <c r="F5178" t="s">
        <v>2929</v>
      </c>
      <c r="G5178" t="s">
        <v>80</v>
      </c>
      <c r="H5178" t="s">
        <v>81</v>
      </c>
      <c r="I5178" s="2">
        <v>1</v>
      </c>
      <c r="J5178" s="2">
        <v>0</v>
      </c>
      <c r="K5178" s="2">
        <v>0</v>
      </c>
      <c r="L5178" t="s">
        <v>120</v>
      </c>
      <c r="M5178" t="s">
        <v>83</v>
      </c>
      <c r="N5178" t="s">
        <v>84</v>
      </c>
      <c r="O5178" t="s">
        <v>85</v>
      </c>
      <c r="P5178" t="s">
        <v>86</v>
      </c>
      <c r="Q5178">
        <v>21</v>
      </c>
      <c r="R5178">
        <v>21</v>
      </c>
      <c r="S5178">
        <v>21</v>
      </c>
      <c r="T5178">
        <v>21</v>
      </c>
      <c r="U5178">
        <v>21</v>
      </c>
      <c r="V5178">
        <v>21</v>
      </c>
      <c r="W5178">
        <v>21</v>
      </c>
      <c r="X5178">
        <v>21</v>
      </c>
      <c r="Y5178">
        <v>21</v>
      </c>
      <c r="Z5178">
        <v>22</v>
      </c>
      <c r="AA5178">
        <v>22</v>
      </c>
      <c r="AB5178">
        <v>22</v>
      </c>
      <c r="AC5178">
        <v>22</v>
      </c>
      <c r="AD5178">
        <v>22</v>
      </c>
      <c r="AE5178">
        <v>22</v>
      </c>
      <c r="AF5178">
        <v>22</v>
      </c>
      <c r="AG5178">
        <v>22</v>
      </c>
      <c r="AH5178">
        <v>22</v>
      </c>
      <c r="AI5178">
        <v>22</v>
      </c>
      <c r="AJ5178">
        <v>22</v>
      </c>
      <c r="AK5178">
        <v>22</v>
      </c>
      <c r="AL5178">
        <v>22</v>
      </c>
      <c r="AM5178">
        <v>22</v>
      </c>
      <c r="AN5178">
        <v>21</v>
      </c>
      <c r="AO5178">
        <v>21</v>
      </c>
      <c r="AP5178">
        <v>21</v>
      </c>
      <c r="AQ5178">
        <v>21</v>
      </c>
    </row>
    <row r="5179" spans="1:43">
      <c r="A5179" t="s">
        <v>3256</v>
      </c>
      <c r="B5179" t="s">
        <v>3257</v>
      </c>
      <c r="C5179" t="s">
        <v>3008</v>
      </c>
      <c r="D5179" t="s">
        <v>3009</v>
      </c>
      <c r="E5179" t="s">
        <v>2928</v>
      </c>
      <c r="F5179" t="s">
        <v>2929</v>
      </c>
      <c r="G5179" t="s">
        <v>80</v>
      </c>
      <c r="H5179" t="s">
        <v>81</v>
      </c>
      <c r="I5179" s="2">
        <v>1</v>
      </c>
      <c r="J5179" s="2">
        <v>0</v>
      </c>
      <c r="K5179" s="2">
        <v>0</v>
      </c>
      <c r="L5179" t="s">
        <v>120</v>
      </c>
      <c r="M5179" t="s">
        <v>87</v>
      </c>
      <c r="N5179" t="s">
        <v>88</v>
      </c>
      <c r="O5179" t="s">
        <v>85</v>
      </c>
      <c r="P5179" t="s">
        <v>86</v>
      </c>
      <c r="Q5179">
        <v>21</v>
      </c>
      <c r="R5179">
        <v>20</v>
      </c>
      <c r="S5179">
        <v>20</v>
      </c>
      <c r="T5179">
        <v>20</v>
      </c>
      <c r="U5179">
        <v>20</v>
      </c>
      <c r="V5179">
        <v>20</v>
      </c>
      <c r="W5179">
        <v>20</v>
      </c>
      <c r="X5179">
        <v>20</v>
      </c>
      <c r="Y5179">
        <v>20</v>
      </c>
      <c r="Z5179">
        <v>20</v>
      </c>
      <c r="AA5179">
        <v>20</v>
      </c>
      <c r="AB5179">
        <v>20</v>
      </c>
      <c r="AC5179">
        <v>19</v>
      </c>
      <c r="AD5179">
        <v>19</v>
      </c>
      <c r="AE5179">
        <v>19</v>
      </c>
      <c r="AF5179">
        <v>19</v>
      </c>
      <c r="AG5179">
        <v>19</v>
      </c>
      <c r="AH5179">
        <v>19</v>
      </c>
      <c r="AI5179">
        <v>19</v>
      </c>
      <c r="AJ5179">
        <v>19</v>
      </c>
      <c r="AK5179">
        <v>19</v>
      </c>
      <c r="AL5179">
        <v>19</v>
      </c>
      <c r="AM5179">
        <v>19</v>
      </c>
      <c r="AN5179">
        <v>19</v>
      </c>
      <c r="AO5179">
        <v>18</v>
      </c>
      <c r="AP5179">
        <v>18</v>
      </c>
      <c r="AQ5179">
        <v>18</v>
      </c>
    </row>
    <row r="5180" spans="1:43">
      <c r="A5180" t="s">
        <v>3256</v>
      </c>
      <c r="B5180" t="s">
        <v>3257</v>
      </c>
      <c r="C5180" t="s">
        <v>3008</v>
      </c>
      <c r="D5180" t="s">
        <v>3009</v>
      </c>
      <c r="E5180" t="s">
        <v>2928</v>
      </c>
      <c r="F5180" t="s">
        <v>2929</v>
      </c>
      <c r="G5180" t="s">
        <v>80</v>
      </c>
      <c r="H5180" t="s">
        <v>81</v>
      </c>
      <c r="I5180" s="2">
        <v>1</v>
      </c>
      <c r="J5180" s="2">
        <v>0</v>
      </c>
      <c r="K5180" s="2">
        <v>0</v>
      </c>
      <c r="L5180" t="s">
        <v>120</v>
      </c>
      <c r="M5180" t="s">
        <v>89</v>
      </c>
      <c r="N5180" t="s">
        <v>90</v>
      </c>
      <c r="O5180" t="s">
        <v>85</v>
      </c>
      <c r="P5180" t="s">
        <v>86</v>
      </c>
      <c r="Q5180">
        <v>21</v>
      </c>
      <c r="R5180">
        <v>21</v>
      </c>
      <c r="S5180">
        <v>22</v>
      </c>
      <c r="T5180">
        <v>22</v>
      </c>
      <c r="U5180">
        <v>22</v>
      </c>
      <c r="V5180">
        <v>22</v>
      </c>
      <c r="W5180">
        <v>22</v>
      </c>
      <c r="X5180">
        <v>22</v>
      </c>
      <c r="Y5180">
        <v>23</v>
      </c>
      <c r="Z5180">
        <v>23</v>
      </c>
      <c r="AA5180">
        <v>23</v>
      </c>
      <c r="AB5180">
        <v>23</v>
      </c>
      <c r="AC5180">
        <v>23</v>
      </c>
      <c r="AD5180">
        <v>23</v>
      </c>
      <c r="AE5180">
        <v>23</v>
      </c>
      <c r="AF5180">
        <v>23</v>
      </c>
      <c r="AG5180">
        <v>23</v>
      </c>
      <c r="AH5180">
        <v>23</v>
      </c>
      <c r="AI5180">
        <v>23</v>
      </c>
      <c r="AJ5180">
        <v>22</v>
      </c>
      <c r="AK5180">
        <v>22</v>
      </c>
      <c r="AL5180">
        <v>22</v>
      </c>
      <c r="AM5180">
        <v>22</v>
      </c>
      <c r="AN5180">
        <v>22</v>
      </c>
      <c r="AO5180">
        <v>22</v>
      </c>
      <c r="AP5180">
        <v>21</v>
      </c>
      <c r="AQ5180">
        <v>21</v>
      </c>
    </row>
    <row r="5181" spans="1:43">
      <c r="A5181" t="s">
        <v>3256</v>
      </c>
      <c r="B5181" t="s">
        <v>3257</v>
      </c>
      <c r="C5181" t="s">
        <v>3008</v>
      </c>
      <c r="D5181" t="s">
        <v>3009</v>
      </c>
      <c r="E5181" t="s">
        <v>2928</v>
      </c>
      <c r="F5181" t="s">
        <v>2929</v>
      </c>
      <c r="G5181" t="s">
        <v>80</v>
      </c>
      <c r="H5181" t="s">
        <v>81</v>
      </c>
      <c r="I5181" s="2">
        <v>1</v>
      </c>
      <c r="J5181" s="2">
        <v>0</v>
      </c>
      <c r="K5181" s="2">
        <v>0</v>
      </c>
      <c r="L5181" t="s">
        <v>120</v>
      </c>
      <c r="M5181" t="s">
        <v>83</v>
      </c>
      <c r="N5181" t="s">
        <v>91</v>
      </c>
      <c r="O5181" t="s">
        <v>85</v>
      </c>
      <c r="P5181" t="s">
        <v>86</v>
      </c>
      <c r="Q5181">
        <v>21</v>
      </c>
      <c r="R5181">
        <v>21</v>
      </c>
      <c r="S5181">
        <v>21</v>
      </c>
      <c r="T5181">
        <v>21</v>
      </c>
      <c r="U5181">
        <v>21</v>
      </c>
      <c r="V5181">
        <v>21</v>
      </c>
      <c r="W5181">
        <v>21</v>
      </c>
      <c r="X5181">
        <v>21</v>
      </c>
      <c r="Y5181">
        <v>21</v>
      </c>
      <c r="Z5181">
        <v>22</v>
      </c>
      <c r="AA5181">
        <v>22</v>
      </c>
      <c r="AB5181">
        <v>22</v>
      </c>
      <c r="AC5181">
        <v>22</v>
      </c>
      <c r="AD5181">
        <v>22</v>
      </c>
      <c r="AE5181">
        <v>22</v>
      </c>
      <c r="AF5181">
        <v>22</v>
      </c>
      <c r="AG5181">
        <v>22</v>
      </c>
      <c r="AH5181">
        <v>22</v>
      </c>
      <c r="AI5181">
        <v>22</v>
      </c>
      <c r="AJ5181">
        <v>22</v>
      </c>
      <c r="AK5181">
        <v>22</v>
      </c>
      <c r="AL5181">
        <v>22</v>
      </c>
      <c r="AM5181">
        <v>22</v>
      </c>
      <c r="AN5181">
        <v>21</v>
      </c>
      <c r="AO5181">
        <v>21</v>
      </c>
      <c r="AP5181">
        <v>21</v>
      </c>
      <c r="AQ5181">
        <v>21</v>
      </c>
    </row>
    <row r="5182" spans="1:43">
      <c r="A5182" t="s">
        <v>3258</v>
      </c>
      <c r="B5182" t="s">
        <v>3259</v>
      </c>
      <c r="C5182" t="s">
        <v>3244</v>
      </c>
      <c r="D5182" t="s">
        <v>3245</v>
      </c>
      <c r="E5182" t="s">
        <v>2928</v>
      </c>
      <c r="F5182" t="s">
        <v>2929</v>
      </c>
      <c r="G5182" t="s">
        <v>80</v>
      </c>
      <c r="H5182" t="s">
        <v>81</v>
      </c>
      <c r="I5182" s="2">
        <v>1</v>
      </c>
      <c r="J5182" s="2">
        <v>0</v>
      </c>
      <c r="K5182" s="2">
        <v>0</v>
      </c>
      <c r="L5182" t="s">
        <v>120</v>
      </c>
      <c r="M5182" t="s">
        <v>83</v>
      </c>
      <c r="N5182" t="s">
        <v>84</v>
      </c>
      <c r="O5182" t="s">
        <v>85</v>
      </c>
      <c r="P5182" t="s">
        <v>86</v>
      </c>
      <c r="Q5182">
        <v>12</v>
      </c>
      <c r="R5182">
        <v>12</v>
      </c>
      <c r="S5182">
        <v>12</v>
      </c>
      <c r="T5182">
        <v>12</v>
      </c>
      <c r="U5182">
        <v>12</v>
      </c>
      <c r="V5182">
        <v>12</v>
      </c>
      <c r="W5182">
        <v>12</v>
      </c>
      <c r="X5182">
        <v>12</v>
      </c>
      <c r="Y5182">
        <v>12</v>
      </c>
      <c r="Z5182">
        <v>12</v>
      </c>
      <c r="AA5182">
        <v>12</v>
      </c>
      <c r="AB5182">
        <v>12</v>
      </c>
      <c r="AC5182">
        <v>12</v>
      </c>
      <c r="AD5182">
        <v>12</v>
      </c>
      <c r="AE5182">
        <v>12</v>
      </c>
      <c r="AF5182">
        <v>12</v>
      </c>
      <c r="AG5182">
        <v>12</v>
      </c>
      <c r="AH5182">
        <v>12</v>
      </c>
      <c r="AI5182">
        <v>12</v>
      </c>
      <c r="AJ5182">
        <v>12</v>
      </c>
      <c r="AK5182">
        <v>12</v>
      </c>
      <c r="AL5182">
        <v>12</v>
      </c>
      <c r="AM5182">
        <v>12</v>
      </c>
      <c r="AN5182">
        <v>12</v>
      </c>
      <c r="AO5182">
        <v>12</v>
      </c>
      <c r="AP5182">
        <v>12</v>
      </c>
      <c r="AQ5182">
        <v>12</v>
      </c>
    </row>
    <row r="5183" spans="1:43">
      <c r="A5183" t="s">
        <v>3258</v>
      </c>
      <c r="B5183" t="s">
        <v>3259</v>
      </c>
      <c r="C5183" t="s">
        <v>3244</v>
      </c>
      <c r="D5183" t="s">
        <v>3245</v>
      </c>
      <c r="E5183" t="s">
        <v>2928</v>
      </c>
      <c r="F5183" t="s">
        <v>2929</v>
      </c>
      <c r="G5183" t="s">
        <v>80</v>
      </c>
      <c r="H5183" t="s">
        <v>81</v>
      </c>
      <c r="I5183" s="2">
        <v>1</v>
      </c>
      <c r="J5183" s="2">
        <v>0</v>
      </c>
      <c r="K5183" s="2">
        <v>0</v>
      </c>
      <c r="L5183" t="s">
        <v>120</v>
      </c>
      <c r="M5183" t="s">
        <v>87</v>
      </c>
      <c r="N5183" t="s">
        <v>88</v>
      </c>
      <c r="O5183" t="s">
        <v>85</v>
      </c>
      <c r="P5183" t="s">
        <v>86</v>
      </c>
      <c r="Q5183">
        <v>12</v>
      </c>
      <c r="R5183">
        <v>12</v>
      </c>
      <c r="S5183">
        <v>12</v>
      </c>
      <c r="T5183">
        <v>12</v>
      </c>
      <c r="U5183">
        <v>11</v>
      </c>
      <c r="V5183">
        <v>11</v>
      </c>
      <c r="W5183">
        <v>11</v>
      </c>
      <c r="X5183">
        <v>11</v>
      </c>
      <c r="Y5183">
        <v>11</v>
      </c>
      <c r="Z5183">
        <v>11</v>
      </c>
      <c r="AA5183">
        <v>11</v>
      </c>
      <c r="AB5183">
        <v>11</v>
      </c>
      <c r="AC5183">
        <v>11</v>
      </c>
      <c r="AD5183">
        <v>11</v>
      </c>
      <c r="AE5183">
        <v>11</v>
      </c>
      <c r="AF5183">
        <v>11</v>
      </c>
      <c r="AG5183">
        <v>11</v>
      </c>
      <c r="AH5183">
        <v>11</v>
      </c>
      <c r="AI5183">
        <v>11</v>
      </c>
      <c r="AJ5183">
        <v>11</v>
      </c>
      <c r="AK5183">
        <v>10</v>
      </c>
      <c r="AL5183">
        <v>10</v>
      </c>
      <c r="AM5183">
        <v>10</v>
      </c>
      <c r="AN5183">
        <v>10</v>
      </c>
      <c r="AO5183">
        <v>10</v>
      </c>
      <c r="AP5183">
        <v>10</v>
      </c>
      <c r="AQ5183">
        <v>10</v>
      </c>
    </row>
    <row r="5184" spans="1:43">
      <c r="A5184" t="s">
        <v>3258</v>
      </c>
      <c r="B5184" t="s">
        <v>3259</v>
      </c>
      <c r="C5184" t="s">
        <v>3244</v>
      </c>
      <c r="D5184" t="s">
        <v>3245</v>
      </c>
      <c r="E5184" t="s">
        <v>2928</v>
      </c>
      <c r="F5184" t="s">
        <v>2929</v>
      </c>
      <c r="G5184" t="s">
        <v>80</v>
      </c>
      <c r="H5184" t="s">
        <v>81</v>
      </c>
      <c r="I5184" s="2">
        <v>1</v>
      </c>
      <c r="J5184" s="2">
        <v>0</v>
      </c>
      <c r="K5184" s="2">
        <v>0</v>
      </c>
      <c r="L5184" t="s">
        <v>120</v>
      </c>
      <c r="M5184" t="s">
        <v>89</v>
      </c>
      <c r="N5184" t="s">
        <v>90</v>
      </c>
      <c r="O5184" t="s">
        <v>85</v>
      </c>
      <c r="P5184" t="s">
        <v>86</v>
      </c>
      <c r="Q5184">
        <v>12</v>
      </c>
      <c r="R5184">
        <v>12</v>
      </c>
      <c r="S5184">
        <v>12</v>
      </c>
      <c r="T5184">
        <v>12</v>
      </c>
      <c r="U5184">
        <v>12</v>
      </c>
      <c r="V5184">
        <v>13</v>
      </c>
      <c r="W5184">
        <v>13</v>
      </c>
      <c r="X5184">
        <v>13</v>
      </c>
      <c r="Y5184">
        <v>13</v>
      </c>
      <c r="Z5184">
        <v>13</v>
      </c>
      <c r="AA5184">
        <v>13</v>
      </c>
      <c r="AB5184">
        <v>13</v>
      </c>
      <c r="AC5184">
        <v>13</v>
      </c>
      <c r="AD5184">
        <v>13</v>
      </c>
      <c r="AE5184">
        <v>13</v>
      </c>
      <c r="AF5184">
        <v>13</v>
      </c>
      <c r="AG5184">
        <v>13</v>
      </c>
      <c r="AH5184">
        <v>13</v>
      </c>
      <c r="AI5184">
        <v>13</v>
      </c>
      <c r="AJ5184">
        <v>12</v>
      </c>
      <c r="AK5184">
        <v>12</v>
      </c>
      <c r="AL5184">
        <v>12</v>
      </c>
      <c r="AM5184">
        <v>12</v>
      </c>
      <c r="AN5184">
        <v>12</v>
      </c>
      <c r="AO5184">
        <v>12</v>
      </c>
      <c r="AP5184">
        <v>12</v>
      </c>
      <c r="AQ5184">
        <v>12</v>
      </c>
    </row>
    <row r="5185" spans="1:43">
      <c r="A5185" t="s">
        <v>3258</v>
      </c>
      <c r="B5185" t="s">
        <v>3259</v>
      </c>
      <c r="C5185" t="s">
        <v>3244</v>
      </c>
      <c r="D5185" t="s">
        <v>3245</v>
      </c>
      <c r="E5185" t="s">
        <v>2928</v>
      </c>
      <c r="F5185" t="s">
        <v>2929</v>
      </c>
      <c r="G5185" t="s">
        <v>80</v>
      </c>
      <c r="H5185" t="s">
        <v>81</v>
      </c>
      <c r="I5185" s="2">
        <v>1</v>
      </c>
      <c r="J5185" s="2">
        <v>0</v>
      </c>
      <c r="K5185" s="2">
        <v>0</v>
      </c>
      <c r="L5185" t="s">
        <v>120</v>
      </c>
      <c r="M5185" t="s">
        <v>83</v>
      </c>
      <c r="N5185" t="s">
        <v>91</v>
      </c>
      <c r="O5185" t="s">
        <v>85</v>
      </c>
      <c r="P5185" t="s">
        <v>86</v>
      </c>
      <c r="Q5185">
        <v>12</v>
      </c>
      <c r="R5185">
        <v>12</v>
      </c>
      <c r="S5185">
        <v>12</v>
      </c>
      <c r="T5185">
        <v>12</v>
      </c>
      <c r="U5185">
        <v>12</v>
      </c>
      <c r="V5185">
        <v>12</v>
      </c>
      <c r="W5185">
        <v>12</v>
      </c>
      <c r="X5185">
        <v>12</v>
      </c>
      <c r="Y5185">
        <v>12</v>
      </c>
      <c r="Z5185">
        <v>12</v>
      </c>
      <c r="AA5185">
        <v>12</v>
      </c>
      <c r="AB5185">
        <v>12</v>
      </c>
      <c r="AC5185">
        <v>12</v>
      </c>
      <c r="AD5185">
        <v>12</v>
      </c>
      <c r="AE5185">
        <v>12</v>
      </c>
      <c r="AF5185">
        <v>12</v>
      </c>
      <c r="AG5185">
        <v>12</v>
      </c>
      <c r="AH5185">
        <v>12</v>
      </c>
      <c r="AI5185">
        <v>12</v>
      </c>
      <c r="AJ5185">
        <v>12</v>
      </c>
      <c r="AK5185">
        <v>12</v>
      </c>
      <c r="AL5185">
        <v>12</v>
      </c>
      <c r="AM5185">
        <v>12</v>
      </c>
      <c r="AN5185">
        <v>12</v>
      </c>
      <c r="AO5185">
        <v>12</v>
      </c>
      <c r="AP5185">
        <v>12</v>
      </c>
      <c r="AQ5185">
        <v>12</v>
      </c>
    </row>
    <row r="5186" spans="1:43">
      <c r="A5186" t="s">
        <v>3260</v>
      </c>
      <c r="B5186" t="s">
        <v>3261</v>
      </c>
      <c r="C5186" t="s">
        <v>2926</v>
      </c>
      <c r="D5186" t="s">
        <v>2927</v>
      </c>
      <c r="E5186" t="s">
        <v>2928</v>
      </c>
      <c r="F5186" t="s">
        <v>2929</v>
      </c>
      <c r="G5186" t="s">
        <v>80</v>
      </c>
      <c r="H5186" t="s">
        <v>81</v>
      </c>
      <c r="I5186" s="2">
        <v>1</v>
      </c>
      <c r="J5186" s="2">
        <v>0</v>
      </c>
      <c r="K5186" s="2">
        <v>0</v>
      </c>
      <c r="L5186" t="s">
        <v>120</v>
      </c>
      <c r="M5186" t="s">
        <v>83</v>
      </c>
      <c r="N5186" t="s">
        <v>84</v>
      </c>
      <c r="O5186" t="s">
        <v>85</v>
      </c>
      <c r="P5186" t="s">
        <v>86</v>
      </c>
      <c r="Q5186">
        <v>40</v>
      </c>
      <c r="R5186">
        <v>40</v>
      </c>
      <c r="S5186">
        <v>41</v>
      </c>
      <c r="T5186">
        <v>41</v>
      </c>
      <c r="U5186">
        <v>41</v>
      </c>
      <c r="V5186">
        <v>41</v>
      </c>
      <c r="W5186">
        <v>41</v>
      </c>
      <c r="X5186">
        <v>41</v>
      </c>
      <c r="Y5186">
        <v>41</v>
      </c>
      <c r="Z5186">
        <v>42</v>
      </c>
      <c r="AA5186">
        <v>42</v>
      </c>
      <c r="AB5186">
        <v>42</v>
      </c>
      <c r="AC5186">
        <v>42</v>
      </c>
      <c r="AD5186">
        <v>42</v>
      </c>
      <c r="AE5186">
        <v>42</v>
      </c>
      <c r="AF5186">
        <v>42</v>
      </c>
      <c r="AG5186">
        <v>42</v>
      </c>
      <c r="AH5186">
        <v>42</v>
      </c>
      <c r="AI5186">
        <v>42</v>
      </c>
      <c r="AJ5186">
        <v>42</v>
      </c>
      <c r="AK5186">
        <v>42</v>
      </c>
      <c r="AL5186">
        <v>42</v>
      </c>
      <c r="AM5186">
        <v>41</v>
      </c>
      <c r="AN5186">
        <v>41</v>
      </c>
      <c r="AO5186">
        <v>41</v>
      </c>
      <c r="AP5186">
        <v>40</v>
      </c>
      <c r="AQ5186">
        <v>40</v>
      </c>
    </row>
    <row r="5187" spans="1:43">
      <c r="A5187" t="s">
        <v>3260</v>
      </c>
      <c r="B5187" t="s">
        <v>3261</v>
      </c>
      <c r="C5187" t="s">
        <v>2926</v>
      </c>
      <c r="D5187" t="s">
        <v>2927</v>
      </c>
      <c r="E5187" t="s">
        <v>2928</v>
      </c>
      <c r="F5187" t="s">
        <v>2929</v>
      </c>
      <c r="G5187" t="s">
        <v>80</v>
      </c>
      <c r="H5187" t="s">
        <v>81</v>
      </c>
      <c r="I5187" s="2">
        <v>1</v>
      </c>
      <c r="J5187" s="2">
        <v>0</v>
      </c>
      <c r="K5187" s="2">
        <v>0</v>
      </c>
      <c r="L5187" t="s">
        <v>120</v>
      </c>
      <c r="M5187" t="s">
        <v>87</v>
      </c>
      <c r="N5187" t="s">
        <v>88</v>
      </c>
      <c r="O5187" t="s">
        <v>85</v>
      </c>
      <c r="P5187" t="s">
        <v>86</v>
      </c>
      <c r="Q5187">
        <v>40</v>
      </c>
      <c r="R5187">
        <v>40</v>
      </c>
      <c r="S5187">
        <v>40</v>
      </c>
      <c r="T5187">
        <v>39</v>
      </c>
      <c r="U5187">
        <v>39</v>
      </c>
      <c r="V5187">
        <v>39</v>
      </c>
      <c r="W5187">
        <v>39</v>
      </c>
      <c r="X5187">
        <v>39</v>
      </c>
      <c r="Y5187">
        <v>38</v>
      </c>
      <c r="Z5187">
        <v>38</v>
      </c>
      <c r="AA5187">
        <v>38</v>
      </c>
      <c r="AB5187">
        <v>38</v>
      </c>
      <c r="AC5187">
        <v>38</v>
      </c>
      <c r="AD5187">
        <v>37</v>
      </c>
      <c r="AE5187">
        <v>37</v>
      </c>
      <c r="AF5187">
        <v>37</v>
      </c>
      <c r="AG5187">
        <v>37</v>
      </c>
      <c r="AH5187">
        <v>37</v>
      </c>
      <c r="AI5187">
        <v>36</v>
      </c>
      <c r="AJ5187">
        <v>36</v>
      </c>
      <c r="AK5187">
        <v>36</v>
      </c>
      <c r="AL5187">
        <v>36</v>
      </c>
      <c r="AM5187">
        <v>36</v>
      </c>
      <c r="AN5187">
        <v>36</v>
      </c>
      <c r="AO5187">
        <v>35</v>
      </c>
      <c r="AP5187">
        <v>35</v>
      </c>
      <c r="AQ5187">
        <v>35</v>
      </c>
    </row>
    <row r="5188" spans="1:43">
      <c r="A5188" t="s">
        <v>3260</v>
      </c>
      <c r="B5188" t="s">
        <v>3261</v>
      </c>
      <c r="C5188" t="s">
        <v>2926</v>
      </c>
      <c r="D5188" t="s">
        <v>2927</v>
      </c>
      <c r="E5188" t="s">
        <v>2928</v>
      </c>
      <c r="F5188" t="s">
        <v>2929</v>
      </c>
      <c r="G5188" t="s">
        <v>80</v>
      </c>
      <c r="H5188" t="s">
        <v>81</v>
      </c>
      <c r="I5188" s="2">
        <v>1</v>
      </c>
      <c r="J5188" s="2">
        <v>0</v>
      </c>
      <c r="K5188" s="2">
        <v>0</v>
      </c>
      <c r="L5188" t="s">
        <v>120</v>
      </c>
      <c r="M5188" t="s">
        <v>89</v>
      </c>
      <c r="N5188" t="s">
        <v>90</v>
      </c>
      <c r="O5188" t="s">
        <v>85</v>
      </c>
      <c r="P5188" t="s">
        <v>86</v>
      </c>
      <c r="Q5188">
        <v>40</v>
      </c>
      <c r="R5188">
        <v>40</v>
      </c>
      <c r="S5188">
        <v>41</v>
      </c>
      <c r="T5188">
        <v>41</v>
      </c>
      <c r="U5188">
        <v>42</v>
      </c>
      <c r="V5188">
        <v>42</v>
      </c>
      <c r="W5188">
        <v>42</v>
      </c>
      <c r="X5188">
        <v>43</v>
      </c>
      <c r="Y5188">
        <v>43</v>
      </c>
      <c r="Z5188">
        <v>43</v>
      </c>
      <c r="AA5188">
        <v>43</v>
      </c>
      <c r="AB5188">
        <v>43</v>
      </c>
      <c r="AC5188">
        <v>44</v>
      </c>
      <c r="AD5188">
        <v>44</v>
      </c>
      <c r="AE5188">
        <v>44</v>
      </c>
      <c r="AF5188">
        <v>43</v>
      </c>
      <c r="AG5188">
        <v>43</v>
      </c>
      <c r="AH5188">
        <v>43</v>
      </c>
      <c r="AI5188">
        <v>42</v>
      </c>
      <c r="AJ5188">
        <v>42</v>
      </c>
      <c r="AK5188">
        <v>42</v>
      </c>
      <c r="AL5188">
        <v>41</v>
      </c>
      <c r="AM5188">
        <v>41</v>
      </c>
      <c r="AN5188">
        <v>40</v>
      </c>
      <c r="AO5188">
        <v>40</v>
      </c>
      <c r="AP5188">
        <v>40</v>
      </c>
      <c r="AQ5188">
        <v>39</v>
      </c>
    </row>
    <row r="5189" spans="1:43">
      <c r="A5189" t="s">
        <v>3260</v>
      </c>
      <c r="B5189" t="s">
        <v>3261</v>
      </c>
      <c r="C5189" t="s">
        <v>2926</v>
      </c>
      <c r="D5189" t="s">
        <v>2927</v>
      </c>
      <c r="E5189" t="s">
        <v>2928</v>
      </c>
      <c r="F5189" t="s">
        <v>2929</v>
      </c>
      <c r="G5189" t="s">
        <v>80</v>
      </c>
      <c r="H5189" t="s">
        <v>81</v>
      </c>
      <c r="I5189" s="2">
        <v>1</v>
      </c>
      <c r="J5189" s="2">
        <v>0</v>
      </c>
      <c r="K5189" s="2">
        <v>0</v>
      </c>
      <c r="L5189" t="s">
        <v>120</v>
      </c>
      <c r="M5189" t="s">
        <v>83</v>
      </c>
      <c r="N5189" t="s">
        <v>91</v>
      </c>
      <c r="O5189" t="s">
        <v>85</v>
      </c>
      <c r="P5189" t="s">
        <v>86</v>
      </c>
      <c r="Q5189">
        <v>40</v>
      </c>
      <c r="R5189">
        <v>40</v>
      </c>
      <c r="S5189">
        <v>41</v>
      </c>
      <c r="T5189">
        <v>41</v>
      </c>
      <c r="U5189">
        <v>41</v>
      </c>
      <c r="V5189">
        <v>41</v>
      </c>
      <c r="W5189">
        <v>41</v>
      </c>
      <c r="X5189">
        <v>41</v>
      </c>
      <c r="Y5189">
        <v>41</v>
      </c>
      <c r="Z5189">
        <v>42</v>
      </c>
      <c r="AA5189">
        <v>42</v>
      </c>
      <c r="AB5189">
        <v>42</v>
      </c>
      <c r="AC5189">
        <v>42</v>
      </c>
      <c r="AD5189">
        <v>42</v>
      </c>
      <c r="AE5189">
        <v>42</v>
      </c>
      <c r="AF5189">
        <v>42</v>
      </c>
      <c r="AG5189">
        <v>42</v>
      </c>
      <c r="AH5189">
        <v>42</v>
      </c>
      <c r="AI5189">
        <v>42</v>
      </c>
      <c r="AJ5189">
        <v>42</v>
      </c>
      <c r="AK5189">
        <v>42</v>
      </c>
      <c r="AL5189">
        <v>42</v>
      </c>
      <c r="AM5189">
        <v>41</v>
      </c>
      <c r="AN5189">
        <v>41</v>
      </c>
      <c r="AO5189">
        <v>41</v>
      </c>
      <c r="AP5189">
        <v>40</v>
      </c>
      <c r="AQ5189">
        <v>40</v>
      </c>
    </row>
    <row r="5190" spans="1:43">
      <c r="A5190" t="s">
        <v>3262</v>
      </c>
      <c r="B5190" t="s">
        <v>3263</v>
      </c>
      <c r="C5190" t="s">
        <v>2934</v>
      </c>
      <c r="D5190" t="s">
        <v>2935</v>
      </c>
      <c r="E5190" t="s">
        <v>2928</v>
      </c>
      <c r="F5190" t="s">
        <v>2929</v>
      </c>
      <c r="G5190" t="s">
        <v>80</v>
      </c>
      <c r="H5190" t="s">
        <v>81</v>
      </c>
      <c r="I5190" s="2">
        <v>1</v>
      </c>
      <c r="J5190" s="2">
        <v>0</v>
      </c>
      <c r="K5190" s="2">
        <v>0</v>
      </c>
      <c r="L5190" t="s">
        <v>120</v>
      </c>
      <c r="M5190" t="s">
        <v>83</v>
      </c>
      <c r="N5190" t="s">
        <v>84</v>
      </c>
      <c r="O5190" t="s">
        <v>85</v>
      </c>
      <c r="P5190" t="s">
        <v>86</v>
      </c>
      <c r="Q5190">
        <v>12</v>
      </c>
      <c r="R5190">
        <v>12</v>
      </c>
      <c r="S5190">
        <v>12</v>
      </c>
      <c r="T5190">
        <v>13</v>
      </c>
      <c r="U5190">
        <v>13</v>
      </c>
      <c r="V5190">
        <v>13</v>
      </c>
      <c r="W5190">
        <v>13</v>
      </c>
      <c r="X5190">
        <v>13</v>
      </c>
      <c r="Y5190">
        <v>13</v>
      </c>
      <c r="Z5190">
        <v>13</v>
      </c>
      <c r="AA5190">
        <v>13</v>
      </c>
      <c r="AB5190">
        <v>13</v>
      </c>
      <c r="AC5190">
        <v>13</v>
      </c>
      <c r="AD5190">
        <v>13</v>
      </c>
      <c r="AE5190">
        <v>13</v>
      </c>
      <c r="AF5190">
        <v>13</v>
      </c>
      <c r="AG5190">
        <v>13</v>
      </c>
      <c r="AH5190">
        <v>13</v>
      </c>
      <c r="AI5190">
        <v>13</v>
      </c>
      <c r="AJ5190">
        <v>13</v>
      </c>
      <c r="AK5190">
        <v>13</v>
      </c>
      <c r="AL5190">
        <v>13</v>
      </c>
      <c r="AM5190">
        <v>13</v>
      </c>
      <c r="AN5190">
        <v>13</v>
      </c>
      <c r="AO5190">
        <v>13</v>
      </c>
      <c r="AP5190">
        <v>13</v>
      </c>
      <c r="AQ5190">
        <v>13</v>
      </c>
    </row>
    <row r="5191" spans="1:43">
      <c r="A5191" t="s">
        <v>3262</v>
      </c>
      <c r="B5191" t="s">
        <v>3263</v>
      </c>
      <c r="C5191" t="s">
        <v>2934</v>
      </c>
      <c r="D5191" t="s">
        <v>2935</v>
      </c>
      <c r="E5191" t="s">
        <v>2928</v>
      </c>
      <c r="F5191" t="s">
        <v>2929</v>
      </c>
      <c r="G5191" t="s">
        <v>80</v>
      </c>
      <c r="H5191" t="s">
        <v>81</v>
      </c>
      <c r="I5191" s="2">
        <v>1</v>
      </c>
      <c r="J5191" s="2">
        <v>0</v>
      </c>
      <c r="K5191" s="2">
        <v>0</v>
      </c>
      <c r="L5191" t="s">
        <v>120</v>
      </c>
      <c r="M5191" t="s">
        <v>87</v>
      </c>
      <c r="N5191" t="s">
        <v>88</v>
      </c>
      <c r="O5191" t="s">
        <v>85</v>
      </c>
      <c r="P5191" t="s">
        <v>86</v>
      </c>
      <c r="Q5191">
        <v>12</v>
      </c>
      <c r="R5191">
        <v>12</v>
      </c>
      <c r="S5191">
        <v>12</v>
      </c>
      <c r="T5191">
        <v>12</v>
      </c>
      <c r="U5191">
        <v>12</v>
      </c>
      <c r="V5191">
        <v>12</v>
      </c>
      <c r="W5191">
        <v>12</v>
      </c>
      <c r="X5191">
        <v>12</v>
      </c>
      <c r="Y5191">
        <v>12</v>
      </c>
      <c r="Z5191">
        <v>12</v>
      </c>
      <c r="AA5191">
        <v>12</v>
      </c>
      <c r="AB5191">
        <v>12</v>
      </c>
      <c r="AC5191">
        <v>12</v>
      </c>
      <c r="AD5191">
        <v>12</v>
      </c>
      <c r="AE5191">
        <v>12</v>
      </c>
      <c r="AF5191">
        <v>11</v>
      </c>
      <c r="AG5191">
        <v>11</v>
      </c>
      <c r="AH5191">
        <v>11</v>
      </c>
      <c r="AI5191">
        <v>11</v>
      </c>
      <c r="AJ5191">
        <v>11</v>
      </c>
      <c r="AK5191">
        <v>11</v>
      </c>
      <c r="AL5191">
        <v>11</v>
      </c>
      <c r="AM5191">
        <v>11</v>
      </c>
      <c r="AN5191">
        <v>11</v>
      </c>
      <c r="AO5191">
        <v>11</v>
      </c>
      <c r="AP5191">
        <v>11</v>
      </c>
      <c r="AQ5191">
        <v>11</v>
      </c>
    </row>
    <row r="5192" spans="1:43">
      <c r="A5192" t="s">
        <v>3262</v>
      </c>
      <c r="B5192" t="s">
        <v>3263</v>
      </c>
      <c r="C5192" t="s">
        <v>2934</v>
      </c>
      <c r="D5192" t="s">
        <v>2935</v>
      </c>
      <c r="E5192" t="s">
        <v>2928</v>
      </c>
      <c r="F5192" t="s">
        <v>2929</v>
      </c>
      <c r="G5192" t="s">
        <v>80</v>
      </c>
      <c r="H5192" t="s">
        <v>81</v>
      </c>
      <c r="I5192" s="2">
        <v>1</v>
      </c>
      <c r="J5192" s="2">
        <v>0</v>
      </c>
      <c r="K5192" s="2">
        <v>0</v>
      </c>
      <c r="L5192" t="s">
        <v>120</v>
      </c>
      <c r="M5192" t="s">
        <v>89</v>
      </c>
      <c r="N5192" t="s">
        <v>90</v>
      </c>
      <c r="O5192" t="s">
        <v>85</v>
      </c>
      <c r="P5192" t="s">
        <v>86</v>
      </c>
      <c r="Q5192">
        <v>12</v>
      </c>
      <c r="R5192">
        <v>13</v>
      </c>
      <c r="S5192">
        <v>13</v>
      </c>
      <c r="T5192">
        <v>13</v>
      </c>
      <c r="U5192">
        <v>13</v>
      </c>
      <c r="V5192">
        <v>13</v>
      </c>
      <c r="W5192">
        <v>13</v>
      </c>
      <c r="X5192">
        <v>13</v>
      </c>
      <c r="Y5192">
        <v>13</v>
      </c>
      <c r="Z5192">
        <v>14</v>
      </c>
      <c r="AA5192">
        <v>14</v>
      </c>
      <c r="AB5192">
        <v>14</v>
      </c>
      <c r="AC5192">
        <v>14</v>
      </c>
      <c r="AD5192">
        <v>14</v>
      </c>
      <c r="AE5192">
        <v>14</v>
      </c>
      <c r="AF5192">
        <v>14</v>
      </c>
      <c r="AG5192">
        <v>14</v>
      </c>
      <c r="AH5192">
        <v>14</v>
      </c>
      <c r="AI5192">
        <v>13</v>
      </c>
      <c r="AJ5192">
        <v>13</v>
      </c>
      <c r="AK5192">
        <v>13</v>
      </c>
      <c r="AL5192">
        <v>13</v>
      </c>
      <c r="AM5192">
        <v>13</v>
      </c>
      <c r="AN5192">
        <v>13</v>
      </c>
      <c r="AO5192">
        <v>13</v>
      </c>
      <c r="AP5192">
        <v>13</v>
      </c>
      <c r="AQ5192">
        <v>13</v>
      </c>
    </row>
    <row r="5193" spans="1:43">
      <c r="A5193" t="s">
        <v>3262</v>
      </c>
      <c r="B5193" t="s">
        <v>3263</v>
      </c>
      <c r="C5193" t="s">
        <v>2934</v>
      </c>
      <c r="D5193" t="s">
        <v>2935</v>
      </c>
      <c r="E5193" t="s">
        <v>2928</v>
      </c>
      <c r="F5193" t="s">
        <v>2929</v>
      </c>
      <c r="G5193" t="s">
        <v>80</v>
      </c>
      <c r="H5193" t="s">
        <v>81</v>
      </c>
      <c r="I5193" s="2">
        <v>1</v>
      </c>
      <c r="J5193" s="2">
        <v>0</v>
      </c>
      <c r="K5193" s="2">
        <v>0</v>
      </c>
      <c r="L5193" t="s">
        <v>120</v>
      </c>
      <c r="M5193" t="s">
        <v>83</v>
      </c>
      <c r="N5193" t="s">
        <v>91</v>
      </c>
      <c r="O5193" t="s">
        <v>85</v>
      </c>
      <c r="P5193" t="s">
        <v>86</v>
      </c>
      <c r="Q5193">
        <v>12</v>
      </c>
      <c r="R5193">
        <v>12</v>
      </c>
      <c r="S5193">
        <v>12</v>
      </c>
      <c r="T5193">
        <v>13</v>
      </c>
      <c r="U5193">
        <v>13</v>
      </c>
      <c r="V5193">
        <v>13</v>
      </c>
      <c r="W5193">
        <v>13</v>
      </c>
      <c r="X5193">
        <v>13</v>
      </c>
      <c r="Y5193">
        <v>13</v>
      </c>
      <c r="Z5193">
        <v>13</v>
      </c>
      <c r="AA5193">
        <v>13</v>
      </c>
      <c r="AB5193">
        <v>13</v>
      </c>
      <c r="AC5193">
        <v>13</v>
      </c>
      <c r="AD5193">
        <v>13</v>
      </c>
      <c r="AE5193">
        <v>13</v>
      </c>
      <c r="AF5193">
        <v>13</v>
      </c>
      <c r="AG5193">
        <v>13</v>
      </c>
      <c r="AH5193">
        <v>13</v>
      </c>
      <c r="AI5193">
        <v>13</v>
      </c>
      <c r="AJ5193">
        <v>13</v>
      </c>
      <c r="AK5193">
        <v>13</v>
      </c>
      <c r="AL5193">
        <v>13</v>
      </c>
      <c r="AM5193">
        <v>13</v>
      </c>
      <c r="AN5193">
        <v>13</v>
      </c>
      <c r="AO5193">
        <v>13</v>
      </c>
      <c r="AP5193">
        <v>13</v>
      </c>
      <c r="AQ5193">
        <v>13</v>
      </c>
    </row>
    <row r="5194" spans="1:43">
      <c r="A5194" t="s">
        <v>3264</v>
      </c>
      <c r="B5194" t="s">
        <v>3265</v>
      </c>
      <c r="C5194" t="s">
        <v>2934</v>
      </c>
      <c r="D5194" t="s">
        <v>2935</v>
      </c>
      <c r="E5194" t="s">
        <v>2928</v>
      </c>
      <c r="F5194" t="s">
        <v>2929</v>
      </c>
      <c r="G5194" t="s">
        <v>80</v>
      </c>
      <c r="H5194" t="s">
        <v>81</v>
      </c>
      <c r="I5194" s="2">
        <v>1</v>
      </c>
      <c r="J5194" s="2">
        <v>0</v>
      </c>
      <c r="K5194" s="2">
        <v>0</v>
      </c>
      <c r="L5194" t="s">
        <v>120</v>
      </c>
      <c r="M5194" t="s">
        <v>83</v>
      </c>
      <c r="N5194" t="s">
        <v>84</v>
      </c>
      <c r="O5194" t="s">
        <v>85</v>
      </c>
      <c r="P5194" t="s">
        <v>86</v>
      </c>
      <c r="Q5194">
        <v>25</v>
      </c>
      <c r="R5194">
        <v>25</v>
      </c>
      <c r="S5194">
        <v>25</v>
      </c>
      <c r="T5194">
        <v>25</v>
      </c>
      <c r="U5194">
        <v>25</v>
      </c>
      <c r="V5194">
        <v>25</v>
      </c>
      <c r="W5194">
        <v>26</v>
      </c>
      <c r="X5194">
        <v>26</v>
      </c>
      <c r="Y5194">
        <v>26</v>
      </c>
      <c r="Z5194">
        <v>26</v>
      </c>
      <c r="AA5194">
        <v>26</v>
      </c>
      <c r="AB5194">
        <v>26</v>
      </c>
      <c r="AC5194">
        <v>26</v>
      </c>
      <c r="AD5194">
        <v>26</v>
      </c>
      <c r="AE5194">
        <v>26</v>
      </c>
      <c r="AF5194">
        <v>26</v>
      </c>
      <c r="AG5194">
        <v>26</v>
      </c>
      <c r="AH5194">
        <v>26</v>
      </c>
      <c r="AI5194">
        <v>26</v>
      </c>
      <c r="AJ5194">
        <v>26</v>
      </c>
      <c r="AK5194">
        <v>26</v>
      </c>
      <c r="AL5194">
        <v>26</v>
      </c>
      <c r="AM5194">
        <v>26</v>
      </c>
      <c r="AN5194">
        <v>26</v>
      </c>
      <c r="AO5194">
        <v>26</v>
      </c>
      <c r="AP5194">
        <v>25</v>
      </c>
      <c r="AQ5194">
        <v>25</v>
      </c>
    </row>
    <row r="5195" spans="1:43">
      <c r="A5195" t="s">
        <v>3264</v>
      </c>
      <c r="B5195" t="s">
        <v>3265</v>
      </c>
      <c r="C5195" t="s">
        <v>2934</v>
      </c>
      <c r="D5195" t="s">
        <v>2935</v>
      </c>
      <c r="E5195" t="s">
        <v>2928</v>
      </c>
      <c r="F5195" t="s">
        <v>2929</v>
      </c>
      <c r="G5195" t="s">
        <v>80</v>
      </c>
      <c r="H5195" t="s">
        <v>81</v>
      </c>
      <c r="I5195" s="2">
        <v>1</v>
      </c>
      <c r="J5195" s="2">
        <v>0</v>
      </c>
      <c r="K5195" s="2">
        <v>0</v>
      </c>
      <c r="L5195" t="s">
        <v>120</v>
      </c>
      <c r="M5195" t="s">
        <v>87</v>
      </c>
      <c r="N5195" t="s">
        <v>88</v>
      </c>
      <c r="O5195" t="s">
        <v>85</v>
      </c>
      <c r="P5195" t="s">
        <v>86</v>
      </c>
      <c r="Q5195">
        <v>25</v>
      </c>
      <c r="R5195">
        <v>25</v>
      </c>
      <c r="S5195">
        <v>24</v>
      </c>
      <c r="T5195">
        <v>24</v>
      </c>
      <c r="U5195">
        <v>24</v>
      </c>
      <c r="V5195">
        <v>24</v>
      </c>
      <c r="W5195">
        <v>24</v>
      </c>
      <c r="X5195">
        <v>24</v>
      </c>
      <c r="Y5195">
        <v>24</v>
      </c>
      <c r="Z5195">
        <v>24</v>
      </c>
      <c r="AA5195">
        <v>24</v>
      </c>
      <c r="AB5195">
        <v>23</v>
      </c>
      <c r="AC5195">
        <v>23</v>
      </c>
      <c r="AD5195">
        <v>23</v>
      </c>
      <c r="AE5195">
        <v>23</v>
      </c>
      <c r="AF5195">
        <v>23</v>
      </c>
      <c r="AG5195">
        <v>23</v>
      </c>
      <c r="AH5195">
        <v>23</v>
      </c>
      <c r="AI5195">
        <v>23</v>
      </c>
      <c r="AJ5195">
        <v>23</v>
      </c>
      <c r="AK5195">
        <v>23</v>
      </c>
      <c r="AL5195">
        <v>22</v>
      </c>
      <c r="AM5195">
        <v>22</v>
      </c>
      <c r="AN5195">
        <v>22</v>
      </c>
      <c r="AO5195">
        <v>22</v>
      </c>
      <c r="AP5195">
        <v>22</v>
      </c>
      <c r="AQ5195">
        <v>22</v>
      </c>
    </row>
    <row r="5196" spans="1:43">
      <c r="A5196" t="s">
        <v>3264</v>
      </c>
      <c r="B5196" t="s">
        <v>3265</v>
      </c>
      <c r="C5196" t="s">
        <v>2934</v>
      </c>
      <c r="D5196" t="s">
        <v>2935</v>
      </c>
      <c r="E5196" t="s">
        <v>2928</v>
      </c>
      <c r="F5196" t="s">
        <v>2929</v>
      </c>
      <c r="G5196" t="s">
        <v>80</v>
      </c>
      <c r="H5196" t="s">
        <v>81</v>
      </c>
      <c r="I5196" s="2">
        <v>1</v>
      </c>
      <c r="J5196" s="2">
        <v>0</v>
      </c>
      <c r="K5196" s="2">
        <v>0</v>
      </c>
      <c r="L5196" t="s">
        <v>120</v>
      </c>
      <c r="M5196" t="s">
        <v>89</v>
      </c>
      <c r="N5196" t="s">
        <v>90</v>
      </c>
      <c r="O5196" t="s">
        <v>85</v>
      </c>
      <c r="P5196" t="s">
        <v>86</v>
      </c>
      <c r="Q5196">
        <v>25</v>
      </c>
      <c r="R5196">
        <v>25</v>
      </c>
      <c r="S5196">
        <v>26</v>
      </c>
      <c r="T5196">
        <v>26</v>
      </c>
      <c r="U5196">
        <v>26</v>
      </c>
      <c r="V5196">
        <v>27</v>
      </c>
      <c r="W5196">
        <v>27</v>
      </c>
      <c r="X5196">
        <v>27</v>
      </c>
      <c r="Y5196">
        <v>27</v>
      </c>
      <c r="Z5196">
        <v>27</v>
      </c>
      <c r="AA5196">
        <v>27</v>
      </c>
      <c r="AB5196">
        <v>28</v>
      </c>
      <c r="AC5196">
        <v>28</v>
      </c>
      <c r="AD5196">
        <v>28</v>
      </c>
      <c r="AE5196">
        <v>28</v>
      </c>
      <c r="AF5196">
        <v>28</v>
      </c>
      <c r="AG5196">
        <v>27</v>
      </c>
      <c r="AH5196">
        <v>27</v>
      </c>
      <c r="AI5196">
        <v>27</v>
      </c>
      <c r="AJ5196">
        <v>27</v>
      </c>
      <c r="AK5196">
        <v>27</v>
      </c>
      <c r="AL5196">
        <v>26</v>
      </c>
      <c r="AM5196">
        <v>26</v>
      </c>
      <c r="AN5196">
        <v>26</v>
      </c>
      <c r="AO5196">
        <v>26</v>
      </c>
      <c r="AP5196">
        <v>26</v>
      </c>
      <c r="AQ5196">
        <v>26</v>
      </c>
    </row>
    <row r="5197" spans="1:43">
      <c r="A5197" t="s">
        <v>3264</v>
      </c>
      <c r="B5197" t="s">
        <v>3265</v>
      </c>
      <c r="C5197" t="s">
        <v>2934</v>
      </c>
      <c r="D5197" t="s">
        <v>2935</v>
      </c>
      <c r="E5197" t="s">
        <v>2928</v>
      </c>
      <c r="F5197" t="s">
        <v>2929</v>
      </c>
      <c r="G5197" t="s">
        <v>80</v>
      </c>
      <c r="H5197" t="s">
        <v>81</v>
      </c>
      <c r="I5197" s="2">
        <v>1</v>
      </c>
      <c r="J5197" s="2">
        <v>0</v>
      </c>
      <c r="K5197" s="2">
        <v>0</v>
      </c>
      <c r="L5197" t="s">
        <v>120</v>
      </c>
      <c r="M5197" t="s">
        <v>83</v>
      </c>
      <c r="N5197" t="s">
        <v>91</v>
      </c>
      <c r="O5197" t="s">
        <v>85</v>
      </c>
      <c r="P5197" t="s">
        <v>86</v>
      </c>
      <c r="Q5197">
        <v>25</v>
      </c>
      <c r="R5197">
        <v>25</v>
      </c>
      <c r="S5197">
        <v>25</v>
      </c>
      <c r="T5197">
        <v>25</v>
      </c>
      <c r="U5197">
        <v>25</v>
      </c>
      <c r="V5197">
        <v>25</v>
      </c>
      <c r="W5197">
        <v>26</v>
      </c>
      <c r="X5197">
        <v>26</v>
      </c>
      <c r="Y5197">
        <v>26</v>
      </c>
      <c r="Z5197">
        <v>26</v>
      </c>
      <c r="AA5197">
        <v>26</v>
      </c>
      <c r="AB5197">
        <v>26</v>
      </c>
      <c r="AC5197">
        <v>26</v>
      </c>
      <c r="AD5197">
        <v>26</v>
      </c>
      <c r="AE5197">
        <v>26</v>
      </c>
      <c r="AF5197">
        <v>26</v>
      </c>
      <c r="AG5197">
        <v>26</v>
      </c>
      <c r="AH5197">
        <v>26</v>
      </c>
      <c r="AI5197">
        <v>26</v>
      </c>
      <c r="AJ5197">
        <v>26</v>
      </c>
      <c r="AK5197">
        <v>26</v>
      </c>
      <c r="AL5197">
        <v>26</v>
      </c>
      <c r="AM5197">
        <v>26</v>
      </c>
      <c r="AN5197">
        <v>26</v>
      </c>
      <c r="AO5197">
        <v>26</v>
      </c>
      <c r="AP5197">
        <v>25</v>
      </c>
      <c r="AQ5197">
        <v>25</v>
      </c>
    </row>
    <row r="5198" spans="1:43">
      <c r="A5198" t="s">
        <v>3266</v>
      </c>
      <c r="B5198" t="s">
        <v>3267</v>
      </c>
      <c r="C5198" t="s">
        <v>2934</v>
      </c>
      <c r="D5198" t="s">
        <v>2935</v>
      </c>
      <c r="E5198" t="s">
        <v>2928</v>
      </c>
      <c r="F5198" t="s">
        <v>2929</v>
      </c>
      <c r="G5198" t="s">
        <v>80</v>
      </c>
      <c r="H5198" t="s">
        <v>81</v>
      </c>
      <c r="I5198" s="2">
        <v>1</v>
      </c>
      <c r="J5198" s="2">
        <v>0</v>
      </c>
      <c r="K5198" s="2">
        <v>0</v>
      </c>
      <c r="L5198" t="s">
        <v>120</v>
      </c>
      <c r="M5198" t="s">
        <v>83</v>
      </c>
      <c r="N5198" t="s">
        <v>84</v>
      </c>
      <c r="O5198" t="s">
        <v>85</v>
      </c>
      <c r="P5198" t="s">
        <v>86</v>
      </c>
      <c r="Q5198">
        <v>11</v>
      </c>
      <c r="R5198">
        <v>11</v>
      </c>
      <c r="S5198">
        <v>11</v>
      </c>
      <c r="T5198">
        <v>11</v>
      </c>
      <c r="U5198">
        <v>11</v>
      </c>
      <c r="V5198">
        <v>11</v>
      </c>
      <c r="W5198">
        <v>11</v>
      </c>
      <c r="X5198">
        <v>11</v>
      </c>
      <c r="Y5198">
        <v>11</v>
      </c>
      <c r="Z5198">
        <v>11</v>
      </c>
      <c r="AA5198">
        <v>11</v>
      </c>
      <c r="AB5198">
        <v>11</v>
      </c>
      <c r="AC5198">
        <v>11</v>
      </c>
      <c r="AD5198">
        <v>11</v>
      </c>
      <c r="AE5198">
        <v>11</v>
      </c>
      <c r="AF5198">
        <v>11</v>
      </c>
      <c r="AG5198">
        <v>11</v>
      </c>
      <c r="AH5198">
        <v>11</v>
      </c>
      <c r="AI5198">
        <v>11</v>
      </c>
      <c r="AJ5198">
        <v>11</v>
      </c>
      <c r="AK5198">
        <v>11</v>
      </c>
      <c r="AL5198">
        <v>11</v>
      </c>
      <c r="AM5198">
        <v>11</v>
      </c>
      <c r="AN5198">
        <v>11</v>
      </c>
      <c r="AO5198">
        <v>11</v>
      </c>
      <c r="AP5198">
        <v>11</v>
      </c>
      <c r="AQ5198">
        <v>11</v>
      </c>
    </row>
    <row r="5199" spans="1:43">
      <c r="A5199" t="s">
        <v>3266</v>
      </c>
      <c r="B5199" t="s">
        <v>3267</v>
      </c>
      <c r="C5199" t="s">
        <v>2934</v>
      </c>
      <c r="D5199" t="s">
        <v>2935</v>
      </c>
      <c r="E5199" t="s">
        <v>2928</v>
      </c>
      <c r="F5199" t="s">
        <v>2929</v>
      </c>
      <c r="G5199" t="s">
        <v>80</v>
      </c>
      <c r="H5199" t="s">
        <v>81</v>
      </c>
      <c r="I5199" s="2">
        <v>1</v>
      </c>
      <c r="J5199" s="2">
        <v>0</v>
      </c>
      <c r="K5199" s="2">
        <v>0</v>
      </c>
      <c r="L5199" t="s">
        <v>120</v>
      </c>
      <c r="M5199" t="s">
        <v>87</v>
      </c>
      <c r="N5199" t="s">
        <v>88</v>
      </c>
      <c r="O5199" t="s">
        <v>85</v>
      </c>
      <c r="P5199" t="s">
        <v>86</v>
      </c>
      <c r="Q5199">
        <v>11</v>
      </c>
      <c r="R5199">
        <v>11</v>
      </c>
      <c r="S5199">
        <v>11</v>
      </c>
      <c r="T5199">
        <v>11</v>
      </c>
      <c r="U5199">
        <v>10</v>
      </c>
      <c r="V5199">
        <v>10</v>
      </c>
      <c r="W5199">
        <v>10</v>
      </c>
      <c r="X5199">
        <v>10</v>
      </c>
      <c r="Y5199">
        <v>10</v>
      </c>
      <c r="Z5199">
        <v>10</v>
      </c>
      <c r="AA5199">
        <v>10</v>
      </c>
      <c r="AB5199">
        <v>10</v>
      </c>
      <c r="AC5199">
        <v>10</v>
      </c>
      <c r="AD5199">
        <v>10</v>
      </c>
      <c r="AE5199">
        <v>10</v>
      </c>
      <c r="AF5199">
        <v>10</v>
      </c>
      <c r="AG5199">
        <v>10</v>
      </c>
      <c r="AH5199">
        <v>10</v>
      </c>
      <c r="AI5199">
        <v>10</v>
      </c>
      <c r="AJ5199">
        <v>10</v>
      </c>
      <c r="AK5199">
        <v>10</v>
      </c>
      <c r="AL5199">
        <v>10</v>
      </c>
      <c r="AM5199">
        <v>10</v>
      </c>
      <c r="AN5199">
        <v>10</v>
      </c>
      <c r="AO5199">
        <v>9</v>
      </c>
      <c r="AP5199">
        <v>9</v>
      </c>
      <c r="AQ5199">
        <v>9</v>
      </c>
    </row>
    <row r="5200" spans="1:43">
      <c r="A5200" t="s">
        <v>3266</v>
      </c>
      <c r="B5200" t="s">
        <v>3267</v>
      </c>
      <c r="C5200" t="s">
        <v>2934</v>
      </c>
      <c r="D5200" t="s">
        <v>2935</v>
      </c>
      <c r="E5200" t="s">
        <v>2928</v>
      </c>
      <c r="F5200" t="s">
        <v>2929</v>
      </c>
      <c r="G5200" t="s">
        <v>80</v>
      </c>
      <c r="H5200" t="s">
        <v>81</v>
      </c>
      <c r="I5200" s="2">
        <v>1</v>
      </c>
      <c r="J5200" s="2">
        <v>0</v>
      </c>
      <c r="K5200" s="2">
        <v>0</v>
      </c>
      <c r="L5200" t="s">
        <v>120</v>
      </c>
      <c r="M5200" t="s">
        <v>89</v>
      </c>
      <c r="N5200" t="s">
        <v>90</v>
      </c>
      <c r="O5200" t="s">
        <v>85</v>
      </c>
      <c r="P5200" t="s">
        <v>86</v>
      </c>
      <c r="Q5200">
        <v>11</v>
      </c>
      <c r="R5200">
        <v>11</v>
      </c>
      <c r="S5200">
        <v>11</v>
      </c>
      <c r="T5200">
        <v>11</v>
      </c>
      <c r="U5200">
        <v>11</v>
      </c>
      <c r="V5200">
        <v>11</v>
      </c>
      <c r="W5200">
        <v>12</v>
      </c>
      <c r="X5200">
        <v>12</v>
      </c>
      <c r="Y5200">
        <v>12</v>
      </c>
      <c r="Z5200">
        <v>12</v>
      </c>
      <c r="AA5200">
        <v>12</v>
      </c>
      <c r="AB5200">
        <v>12</v>
      </c>
      <c r="AC5200">
        <v>12</v>
      </c>
      <c r="AD5200">
        <v>12</v>
      </c>
      <c r="AE5200">
        <v>12</v>
      </c>
      <c r="AF5200">
        <v>12</v>
      </c>
      <c r="AG5200">
        <v>12</v>
      </c>
      <c r="AH5200">
        <v>12</v>
      </c>
      <c r="AI5200">
        <v>12</v>
      </c>
      <c r="AJ5200">
        <v>12</v>
      </c>
      <c r="AK5200">
        <v>11</v>
      </c>
      <c r="AL5200">
        <v>11</v>
      </c>
      <c r="AM5200">
        <v>11</v>
      </c>
      <c r="AN5200">
        <v>11</v>
      </c>
      <c r="AO5200">
        <v>11</v>
      </c>
      <c r="AP5200">
        <v>11</v>
      </c>
      <c r="AQ5200">
        <v>11</v>
      </c>
    </row>
    <row r="5201" spans="1:43">
      <c r="A5201" t="s">
        <v>3266</v>
      </c>
      <c r="B5201" t="s">
        <v>3267</v>
      </c>
      <c r="C5201" t="s">
        <v>2934</v>
      </c>
      <c r="D5201" t="s">
        <v>2935</v>
      </c>
      <c r="E5201" t="s">
        <v>2928</v>
      </c>
      <c r="F5201" t="s">
        <v>2929</v>
      </c>
      <c r="G5201" t="s">
        <v>80</v>
      </c>
      <c r="H5201" t="s">
        <v>81</v>
      </c>
      <c r="I5201" s="2">
        <v>1</v>
      </c>
      <c r="J5201" s="2">
        <v>0</v>
      </c>
      <c r="K5201" s="2">
        <v>0</v>
      </c>
      <c r="L5201" t="s">
        <v>120</v>
      </c>
      <c r="M5201" t="s">
        <v>83</v>
      </c>
      <c r="N5201" t="s">
        <v>91</v>
      </c>
      <c r="O5201" t="s">
        <v>85</v>
      </c>
      <c r="P5201" t="s">
        <v>86</v>
      </c>
      <c r="Q5201">
        <v>11</v>
      </c>
      <c r="R5201">
        <v>11</v>
      </c>
      <c r="S5201">
        <v>11</v>
      </c>
      <c r="T5201">
        <v>11</v>
      </c>
      <c r="U5201">
        <v>11</v>
      </c>
      <c r="V5201">
        <v>11</v>
      </c>
      <c r="W5201">
        <v>11</v>
      </c>
      <c r="X5201">
        <v>11</v>
      </c>
      <c r="Y5201">
        <v>11</v>
      </c>
      <c r="Z5201">
        <v>11</v>
      </c>
      <c r="AA5201">
        <v>11</v>
      </c>
      <c r="AB5201">
        <v>11</v>
      </c>
      <c r="AC5201">
        <v>11</v>
      </c>
      <c r="AD5201">
        <v>11</v>
      </c>
      <c r="AE5201">
        <v>11</v>
      </c>
      <c r="AF5201">
        <v>11</v>
      </c>
      <c r="AG5201">
        <v>11</v>
      </c>
      <c r="AH5201">
        <v>11</v>
      </c>
      <c r="AI5201">
        <v>11</v>
      </c>
      <c r="AJ5201">
        <v>11</v>
      </c>
      <c r="AK5201">
        <v>11</v>
      </c>
      <c r="AL5201">
        <v>11</v>
      </c>
      <c r="AM5201">
        <v>11</v>
      </c>
      <c r="AN5201">
        <v>11</v>
      </c>
      <c r="AO5201">
        <v>11</v>
      </c>
      <c r="AP5201">
        <v>11</v>
      </c>
      <c r="AQ5201">
        <v>11</v>
      </c>
    </row>
    <row r="5202" spans="1:43">
      <c r="A5202" t="s">
        <v>3268</v>
      </c>
      <c r="B5202" t="s">
        <v>3269</v>
      </c>
      <c r="C5202" t="s">
        <v>3248</v>
      </c>
      <c r="D5202" t="s">
        <v>3249</v>
      </c>
      <c r="E5202" t="s">
        <v>2928</v>
      </c>
      <c r="F5202" t="s">
        <v>2929</v>
      </c>
      <c r="G5202" t="s">
        <v>80</v>
      </c>
      <c r="H5202" t="s">
        <v>81</v>
      </c>
      <c r="I5202" s="2">
        <v>1</v>
      </c>
      <c r="J5202" s="2">
        <v>0</v>
      </c>
      <c r="K5202" s="2">
        <v>0</v>
      </c>
      <c r="L5202" t="s">
        <v>120</v>
      </c>
      <c r="M5202" t="s">
        <v>83</v>
      </c>
      <c r="N5202" t="s">
        <v>84</v>
      </c>
      <c r="O5202" t="s">
        <v>85</v>
      </c>
      <c r="P5202" t="s">
        <v>86</v>
      </c>
      <c r="Q5202">
        <v>17</v>
      </c>
      <c r="R5202">
        <v>17</v>
      </c>
      <c r="S5202">
        <v>17</v>
      </c>
      <c r="T5202">
        <v>17</v>
      </c>
      <c r="U5202">
        <v>17</v>
      </c>
      <c r="V5202">
        <v>17</v>
      </c>
      <c r="W5202">
        <v>17</v>
      </c>
      <c r="X5202">
        <v>17</v>
      </c>
      <c r="Y5202">
        <v>17</v>
      </c>
      <c r="Z5202">
        <v>17</v>
      </c>
      <c r="AA5202">
        <v>17</v>
      </c>
      <c r="AB5202">
        <v>17</v>
      </c>
      <c r="AC5202">
        <v>17</v>
      </c>
      <c r="AD5202">
        <v>17</v>
      </c>
      <c r="AE5202">
        <v>17</v>
      </c>
      <c r="AF5202">
        <v>18</v>
      </c>
      <c r="AG5202">
        <v>18</v>
      </c>
      <c r="AH5202">
        <v>18</v>
      </c>
      <c r="AI5202">
        <v>18</v>
      </c>
      <c r="AJ5202">
        <v>18</v>
      </c>
      <c r="AK5202">
        <v>18</v>
      </c>
      <c r="AL5202">
        <v>17</v>
      </c>
      <c r="AM5202">
        <v>17</v>
      </c>
      <c r="AN5202">
        <v>17</v>
      </c>
      <c r="AO5202">
        <v>17</v>
      </c>
      <c r="AP5202">
        <v>17</v>
      </c>
      <c r="AQ5202">
        <v>17</v>
      </c>
    </row>
    <row r="5203" spans="1:43">
      <c r="A5203" t="s">
        <v>3268</v>
      </c>
      <c r="B5203" t="s">
        <v>3269</v>
      </c>
      <c r="C5203" t="s">
        <v>3248</v>
      </c>
      <c r="D5203" t="s">
        <v>3249</v>
      </c>
      <c r="E5203" t="s">
        <v>2928</v>
      </c>
      <c r="F5203" t="s">
        <v>2929</v>
      </c>
      <c r="G5203" t="s">
        <v>80</v>
      </c>
      <c r="H5203" t="s">
        <v>81</v>
      </c>
      <c r="I5203" s="2">
        <v>1</v>
      </c>
      <c r="J5203" s="2">
        <v>0</v>
      </c>
      <c r="K5203" s="2">
        <v>0</v>
      </c>
      <c r="L5203" t="s">
        <v>120</v>
      </c>
      <c r="M5203" t="s">
        <v>87</v>
      </c>
      <c r="N5203" t="s">
        <v>88</v>
      </c>
      <c r="O5203" t="s">
        <v>85</v>
      </c>
      <c r="P5203" t="s">
        <v>86</v>
      </c>
      <c r="Q5203">
        <v>17</v>
      </c>
      <c r="R5203">
        <v>17</v>
      </c>
      <c r="S5203">
        <v>17</v>
      </c>
      <c r="T5203">
        <v>16</v>
      </c>
      <c r="U5203">
        <v>16</v>
      </c>
      <c r="V5203">
        <v>16</v>
      </c>
      <c r="W5203">
        <v>16</v>
      </c>
      <c r="X5203">
        <v>16</v>
      </c>
      <c r="Y5203">
        <v>16</v>
      </c>
      <c r="Z5203">
        <v>16</v>
      </c>
      <c r="AA5203">
        <v>16</v>
      </c>
      <c r="AB5203">
        <v>16</v>
      </c>
      <c r="AC5203">
        <v>16</v>
      </c>
      <c r="AD5203">
        <v>16</v>
      </c>
      <c r="AE5203">
        <v>16</v>
      </c>
      <c r="AF5203">
        <v>15</v>
      </c>
      <c r="AG5203">
        <v>15</v>
      </c>
      <c r="AH5203">
        <v>15</v>
      </c>
      <c r="AI5203">
        <v>15</v>
      </c>
      <c r="AJ5203">
        <v>15</v>
      </c>
      <c r="AK5203">
        <v>15</v>
      </c>
      <c r="AL5203">
        <v>15</v>
      </c>
      <c r="AM5203">
        <v>15</v>
      </c>
      <c r="AN5203">
        <v>15</v>
      </c>
      <c r="AO5203">
        <v>15</v>
      </c>
      <c r="AP5203">
        <v>15</v>
      </c>
      <c r="AQ5203">
        <v>15</v>
      </c>
    </row>
    <row r="5204" spans="1:43">
      <c r="A5204" t="s">
        <v>3268</v>
      </c>
      <c r="B5204" t="s">
        <v>3269</v>
      </c>
      <c r="C5204" t="s">
        <v>3248</v>
      </c>
      <c r="D5204" t="s">
        <v>3249</v>
      </c>
      <c r="E5204" t="s">
        <v>2928</v>
      </c>
      <c r="F5204" t="s">
        <v>2929</v>
      </c>
      <c r="G5204" t="s">
        <v>80</v>
      </c>
      <c r="H5204" t="s">
        <v>81</v>
      </c>
      <c r="I5204" s="2">
        <v>1</v>
      </c>
      <c r="J5204" s="2">
        <v>0</v>
      </c>
      <c r="K5204" s="2">
        <v>0</v>
      </c>
      <c r="L5204" t="s">
        <v>120</v>
      </c>
      <c r="M5204" t="s">
        <v>89</v>
      </c>
      <c r="N5204" t="s">
        <v>90</v>
      </c>
      <c r="O5204" t="s">
        <v>85</v>
      </c>
      <c r="P5204" t="s">
        <v>86</v>
      </c>
      <c r="Q5204">
        <v>17</v>
      </c>
      <c r="R5204">
        <v>17</v>
      </c>
      <c r="S5204">
        <v>17</v>
      </c>
      <c r="T5204">
        <v>18</v>
      </c>
      <c r="U5204">
        <v>18</v>
      </c>
      <c r="V5204">
        <v>18</v>
      </c>
      <c r="W5204">
        <v>18</v>
      </c>
      <c r="X5204">
        <v>18</v>
      </c>
      <c r="Y5204">
        <v>18</v>
      </c>
      <c r="Z5204">
        <v>18</v>
      </c>
      <c r="AA5204">
        <v>19</v>
      </c>
      <c r="AB5204">
        <v>19</v>
      </c>
      <c r="AC5204">
        <v>19</v>
      </c>
      <c r="AD5204">
        <v>19</v>
      </c>
      <c r="AE5204">
        <v>19</v>
      </c>
      <c r="AF5204">
        <v>19</v>
      </c>
      <c r="AG5204">
        <v>18</v>
      </c>
      <c r="AH5204">
        <v>18</v>
      </c>
      <c r="AI5204">
        <v>18</v>
      </c>
      <c r="AJ5204">
        <v>18</v>
      </c>
      <c r="AK5204">
        <v>18</v>
      </c>
      <c r="AL5204">
        <v>18</v>
      </c>
      <c r="AM5204">
        <v>17</v>
      </c>
      <c r="AN5204">
        <v>17</v>
      </c>
      <c r="AO5204">
        <v>17</v>
      </c>
      <c r="AP5204">
        <v>17</v>
      </c>
      <c r="AQ5204">
        <v>17</v>
      </c>
    </row>
    <row r="5205" spans="1:43">
      <c r="A5205" t="s">
        <v>3268</v>
      </c>
      <c r="B5205" t="s">
        <v>3269</v>
      </c>
      <c r="C5205" t="s">
        <v>3248</v>
      </c>
      <c r="D5205" t="s">
        <v>3249</v>
      </c>
      <c r="E5205" t="s">
        <v>2928</v>
      </c>
      <c r="F5205" t="s">
        <v>2929</v>
      </c>
      <c r="G5205" t="s">
        <v>80</v>
      </c>
      <c r="H5205" t="s">
        <v>81</v>
      </c>
      <c r="I5205" s="2">
        <v>1</v>
      </c>
      <c r="J5205" s="2">
        <v>0</v>
      </c>
      <c r="K5205" s="2">
        <v>0</v>
      </c>
      <c r="L5205" t="s">
        <v>120</v>
      </c>
      <c r="M5205" t="s">
        <v>83</v>
      </c>
      <c r="N5205" t="s">
        <v>91</v>
      </c>
      <c r="O5205" t="s">
        <v>85</v>
      </c>
      <c r="P5205" t="s">
        <v>86</v>
      </c>
      <c r="Q5205">
        <v>17</v>
      </c>
      <c r="R5205">
        <v>17</v>
      </c>
      <c r="S5205">
        <v>17</v>
      </c>
      <c r="T5205">
        <v>17</v>
      </c>
      <c r="U5205">
        <v>17</v>
      </c>
      <c r="V5205">
        <v>17</v>
      </c>
      <c r="W5205">
        <v>17</v>
      </c>
      <c r="X5205">
        <v>17</v>
      </c>
      <c r="Y5205">
        <v>17</v>
      </c>
      <c r="Z5205">
        <v>17</v>
      </c>
      <c r="AA5205">
        <v>17</v>
      </c>
      <c r="AB5205">
        <v>17</v>
      </c>
      <c r="AC5205">
        <v>17</v>
      </c>
      <c r="AD5205">
        <v>17</v>
      </c>
      <c r="AE5205">
        <v>17</v>
      </c>
      <c r="AF5205">
        <v>18</v>
      </c>
      <c r="AG5205">
        <v>18</v>
      </c>
      <c r="AH5205">
        <v>18</v>
      </c>
      <c r="AI5205">
        <v>18</v>
      </c>
      <c r="AJ5205">
        <v>18</v>
      </c>
      <c r="AK5205">
        <v>18</v>
      </c>
      <c r="AL5205">
        <v>17</v>
      </c>
      <c r="AM5205">
        <v>17</v>
      </c>
      <c r="AN5205">
        <v>17</v>
      </c>
      <c r="AO5205">
        <v>17</v>
      </c>
      <c r="AP5205">
        <v>17</v>
      </c>
      <c r="AQ5205">
        <v>17</v>
      </c>
    </row>
    <row r="5206" spans="1:43">
      <c r="A5206" t="s">
        <v>3270</v>
      </c>
      <c r="B5206" t="s">
        <v>3271</v>
      </c>
      <c r="C5206" t="s">
        <v>3248</v>
      </c>
      <c r="D5206" t="s">
        <v>3249</v>
      </c>
      <c r="E5206" t="s">
        <v>2928</v>
      </c>
      <c r="F5206" t="s">
        <v>2929</v>
      </c>
      <c r="G5206" t="s">
        <v>80</v>
      </c>
      <c r="H5206" t="s">
        <v>81</v>
      </c>
      <c r="I5206" s="2">
        <v>1</v>
      </c>
      <c r="J5206" s="2">
        <v>0</v>
      </c>
      <c r="K5206" s="2">
        <v>0</v>
      </c>
      <c r="L5206" t="s">
        <v>120</v>
      </c>
      <c r="M5206" t="s">
        <v>83</v>
      </c>
      <c r="N5206" t="s">
        <v>84</v>
      </c>
      <c r="O5206" t="s">
        <v>85</v>
      </c>
      <c r="P5206" t="s">
        <v>86</v>
      </c>
      <c r="Q5206">
        <v>14</v>
      </c>
      <c r="R5206">
        <v>14</v>
      </c>
      <c r="S5206">
        <v>14</v>
      </c>
      <c r="T5206">
        <v>14</v>
      </c>
      <c r="U5206">
        <v>15</v>
      </c>
      <c r="V5206">
        <v>15</v>
      </c>
      <c r="W5206">
        <v>15</v>
      </c>
      <c r="X5206">
        <v>15</v>
      </c>
      <c r="Y5206">
        <v>15</v>
      </c>
      <c r="Z5206">
        <v>15</v>
      </c>
      <c r="AA5206">
        <v>15</v>
      </c>
      <c r="AB5206">
        <v>15</v>
      </c>
      <c r="AC5206">
        <v>15</v>
      </c>
      <c r="AD5206">
        <v>15</v>
      </c>
      <c r="AE5206">
        <v>15</v>
      </c>
      <c r="AF5206">
        <v>15</v>
      </c>
      <c r="AG5206">
        <v>15</v>
      </c>
      <c r="AH5206">
        <v>15</v>
      </c>
      <c r="AI5206">
        <v>15</v>
      </c>
      <c r="AJ5206">
        <v>15</v>
      </c>
      <c r="AK5206">
        <v>15</v>
      </c>
      <c r="AL5206">
        <v>15</v>
      </c>
      <c r="AM5206">
        <v>14</v>
      </c>
      <c r="AN5206">
        <v>14</v>
      </c>
      <c r="AO5206">
        <v>14</v>
      </c>
      <c r="AP5206">
        <v>14</v>
      </c>
      <c r="AQ5206">
        <v>14</v>
      </c>
    </row>
    <row r="5207" spans="1:43">
      <c r="A5207" t="s">
        <v>3270</v>
      </c>
      <c r="B5207" t="s">
        <v>3271</v>
      </c>
      <c r="C5207" t="s">
        <v>3248</v>
      </c>
      <c r="D5207" t="s">
        <v>3249</v>
      </c>
      <c r="E5207" t="s">
        <v>2928</v>
      </c>
      <c r="F5207" t="s">
        <v>2929</v>
      </c>
      <c r="G5207" t="s">
        <v>80</v>
      </c>
      <c r="H5207" t="s">
        <v>81</v>
      </c>
      <c r="I5207" s="2">
        <v>1</v>
      </c>
      <c r="J5207" s="2">
        <v>0</v>
      </c>
      <c r="K5207" s="2">
        <v>0</v>
      </c>
      <c r="L5207" t="s">
        <v>120</v>
      </c>
      <c r="M5207" t="s">
        <v>87</v>
      </c>
      <c r="N5207" t="s">
        <v>88</v>
      </c>
      <c r="O5207" t="s">
        <v>85</v>
      </c>
      <c r="P5207" t="s">
        <v>86</v>
      </c>
      <c r="Q5207">
        <v>14</v>
      </c>
      <c r="R5207">
        <v>14</v>
      </c>
      <c r="S5207">
        <v>14</v>
      </c>
      <c r="T5207">
        <v>14</v>
      </c>
      <c r="U5207">
        <v>14</v>
      </c>
      <c r="V5207">
        <v>14</v>
      </c>
      <c r="W5207">
        <v>14</v>
      </c>
      <c r="X5207">
        <v>14</v>
      </c>
      <c r="Y5207">
        <v>14</v>
      </c>
      <c r="Z5207">
        <v>13</v>
      </c>
      <c r="AA5207">
        <v>13</v>
      </c>
      <c r="AB5207">
        <v>13</v>
      </c>
      <c r="AC5207">
        <v>13</v>
      </c>
      <c r="AD5207">
        <v>13</v>
      </c>
      <c r="AE5207">
        <v>13</v>
      </c>
      <c r="AF5207">
        <v>13</v>
      </c>
      <c r="AG5207">
        <v>13</v>
      </c>
      <c r="AH5207">
        <v>13</v>
      </c>
      <c r="AI5207">
        <v>13</v>
      </c>
      <c r="AJ5207">
        <v>13</v>
      </c>
      <c r="AK5207">
        <v>13</v>
      </c>
      <c r="AL5207">
        <v>13</v>
      </c>
      <c r="AM5207">
        <v>12</v>
      </c>
      <c r="AN5207">
        <v>12</v>
      </c>
      <c r="AO5207">
        <v>12</v>
      </c>
      <c r="AP5207">
        <v>12</v>
      </c>
      <c r="AQ5207">
        <v>12</v>
      </c>
    </row>
    <row r="5208" spans="1:43">
      <c r="A5208" t="s">
        <v>3270</v>
      </c>
      <c r="B5208" t="s">
        <v>3271</v>
      </c>
      <c r="C5208" t="s">
        <v>3248</v>
      </c>
      <c r="D5208" t="s">
        <v>3249</v>
      </c>
      <c r="E5208" t="s">
        <v>2928</v>
      </c>
      <c r="F5208" t="s">
        <v>2929</v>
      </c>
      <c r="G5208" t="s">
        <v>80</v>
      </c>
      <c r="H5208" t="s">
        <v>81</v>
      </c>
      <c r="I5208" s="2">
        <v>1</v>
      </c>
      <c r="J5208" s="2">
        <v>0</v>
      </c>
      <c r="K5208" s="2">
        <v>0</v>
      </c>
      <c r="L5208" t="s">
        <v>120</v>
      </c>
      <c r="M5208" t="s">
        <v>89</v>
      </c>
      <c r="N5208" t="s">
        <v>90</v>
      </c>
      <c r="O5208" t="s">
        <v>85</v>
      </c>
      <c r="P5208" t="s">
        <v>86</v>
      </c>
      <c r="Q5208">
        <v>14</v>
      </c>
      <c r="R5208">
        <v>15</v>
      </c>
      <c r="S5208">
        <v>15</v>
      </c>
      <c r="T5208">
        <v>15</v>
      </c>
      <c r="U5208">
        <v>15</v>
      </c>
      <c r="V5208">
        <v>15</v>
      </c>
      <c r="W5208">
        <v>15</v>
      </c>
      <c r="X5208">
        <v>15</v>
      </c>
      <c r="Y5208">
        <v>15</v>
      </c>
      <c r="Z5208">
        <v>16</v>
      </c>
      <c r="AA5208">
        <v>16</v>
      </c>
      <c r="AB5208">
        <v>16</v>
      </c>
      <c r="AC5208">
        <v>16</v>
      </c>
      <c r="AD5208">
        <v>16</v>
      </c>
      <c r="AE5208">
        <v>16</v>
      </c>
      <c r="AF5208">
        <v>16</v>
      </c>
      <c r="AG5208">
        <v>15</v>
      </c>
      <c r="AH5208">
        <v>15</v>
      </c>
      <c r="AI5208">
        <v>15</v>
      </c>
      <c r="AJ5208">
        <v>15</v>
      </c>
      <c r="AK5208">
        <v>15</v>
      </c>
      <c r="AL5208">
        <v>15</v>
      </c>
      <c r="AM5208">
        <v>15</v>
      </c>
      <c r="AN5208">
        <v>14</v>
      </c>
      <c r="AO5208">
        <v>14</v>
      </c>
      <c r="AP5208">
        <v>14</v>
      </c>
      <c r="AQ5208">
        <v>14</v>
      </c>
    </row>
    <row r="5209" spans="1:43">
      <c r="A5209" t="s">
        <v>3270</v>
      </c>
      <c r="B5209" t="s">
        <v>3271</v>
      </c>
      <c r="C5209" t="s">
        <v>3248</v>
      </c>
      <c r="D5209" t="s">
        <v>3249</v>
      </c>
      <c r="E5209" t="s">
        <v>2928</v>
      </c>
      <c r="F5209" t="s">
        <v>2929</v>
      </c>
      <c r="G5209" t="s">
        <v>80</v>
      </c>
      <c r="H5209" t="s">
        <v>81</v>
      </c>
      <c r="I5209" s="2">
        <v>1</v>
      </c>
      <c r="J5209" s="2">
        <v>0</v>
      </c>
      <c r="K5209" s="2">
        <v>0</v>
      </c>
      <c r="L5209" t="s">
        <v>120</v>
      </c>
      <c r="M5209" t="s">
        <v>83</v>
      </c>
      <c r="N5209" t="s">
        <v>91</v>
      </c>
      <c r="O5209" t="s">
        <v>85</v>
      </c>
      <c r="P5209" t="s">
        <v>86</v>
      </c>
      <c r="Q5209">
        <v>14</v>
      </c>
      <c r="R5209">
        <v>14</v>
      </c>
      <c r="S5209">
        <v>14</v>
      </c>
      <c r="T5209">
        <v>14</v>
      </c>
      <c r="U5209">
        <v>15</v>
      </c>
      <c r="V5209">
        <v>15</v>
      </c>
      <c r="W5209">
        <v>15</v>
      </c>
      <c r="X5209">
        <v>15</v>
      </c>
      <c r="Y5209">
        <v>15</v>
      </c>
      <c r="Z5209">
        <v>15</v>
      </c>
      <c r="AA5209">
        <v>15</v>
      </c>
      <c r="AB5209">
        <v>15</v>
      </c>
      <c r="AC5209">
        <v>15</v>
      </c>
      <c r="AD5209">
        <v>15</v>
      </c>
      <c r="AE5209">
        <v>15</v>
      </c>
      <c r="AF5209">
        <v>15</v>
      </c>
      <c r="AG5209">
        <v>15</v>
      </c>
      <c r="AH5209">
        <v>15</v>
      </c>
      <c r="AI5209">
        <v>15</v>
      </c>
      <c r="AJ5209">
        <v>15</v>
      </c>
      <c r="AK5209">
        <v>15</v>
      </c>
      <c r="AL5209">
        <v>15</v>
      </c>
      <c r="AM5209">
        <v>14</v>
      </c>
      <c r="AN5209">
        <v>14</v>
      </c>
      <c r="AO5209">
        <v>14</v>
      </c>
      <c r="AP5209">
        <v>14</v>
      </c>
      <c r="AQ5209">
        <v>14</v>
      </c>
    </row>
    <row r="5210" spans="1:43">
      <c r="A5210" t="s">
        <v>3272</v>
      </c>
      <c r="B5210" t="s">
        <v>3273</v>
      </c>
      <c r="C5210" t="s">
        <v>3248</v>
      </c>
      <c r="D5210" t="s">
        <v>3249</v>
      </c>
      <c r="E5210" t="s">
        <v>2928</v>
      </c>
      <c r="F5210" t="s">
        <v>2929</v>
      </c>
      <c r="G5210" t="s">
        <v>80</v>
      </c>
      <c r="H5210" t="s">
        <v>81</v>
      </c>
      <c r="I5210" s="2">
        <v>1</v>
      </c>
      <c r="J5210" s="2">
        <v>0</v>
      </c>
      <c r="K5210" s="2">
        <v>0</v>
      </c>
      <c r="L5210" t="s">
        <v>120</v>
      </c>
      <c r="M5210" t="s">
        <v>83</v>
      </c>
      <c r="N5210" t="s">
        <v>84</v>
      </c>
      <c r="O5210" t="s">
        <v>85</v>
      </c>
      <c r="P5210" t="s">
        <v>86</v>
      </c>
      <c r="Q5210">
        <v>20</v>
      </c>
      <c r="R5210">
        <v>20</v>
      </c>
      <c r="S5210">
        <v>20</v>
      </c>
      <c r="T5210">
        <v>20</v>
      </c>
      <c r="U5210">
        <v>20</v>
      </c>
      <c r="V5210">
        <v>20</v>
      </c>
      <c r="W5210">
        <v>20</v>
      </c>
      <c r="X5210">
        <v>21</v>
      </c>
      <c r="Y5210">
        <v>21</v>
      </c>
      <c r="Z5210">
        <v>21</v>
      </c>
      <c r="AA5210">
        <v>21</v>
      </c>
      <c r="AB5210">
        <v>21</v>
      </c>
      <c r="AC5210">
        <v>21</v>
      </c>
      <c r="AD5210">
        <v>21</v>
      </c>
      <c r="AE5210">
        <v>21</v>
      </c>
      <c r="AF5210">
        <v>21</v>
      </c>
      <c r="AG5210">
        <v>21</v>
      </c>
      <c r="AH5210">
        <v>21</v>
      </c>
      <c r="AI5210">
        <v>21</v>
      </c>
      <c r="AJ5210">
        <v>21</v>
      </c>
      <c r="AK5210">
        <v>21</v>
      </c>
      <c r="AL5210">
        <v>20</v>
      </c>
      <c r="AM5210">
        <v>20</v>
      </c>
      <c r="AN5210">
        <v>20</v>
      </c>
      <c r="AO5210">
        <v>20</v>
      </c>
      <c r="AP5210">
        <v>20</v>
      </c>
      <c r="AQ5210">
        <v>20</v>
      </c>
    </row>
    <row r="5211" spans="1:43">
      <c r="A5211" t="s">
        <v>3272</v>
      </c>
      <c r="B5211" t="s">
        <v>3273</v>
      </c>
      <c r="C5211" t="s">
        <v>3248</v>
      </c>
      <c r="D5211" t="s">
        <v>3249</v>
      </c>
      <c r="E5211" t="s">
        <v>2928</v>
      </c>
      <c r="F5211" t="s">
        <v>2929</v>
      </c>
      <c r="G5211" t="s">
        <v>80</v>
      </c>
      <c r="H5211" t="s">
        <v>81</v>
      </c>
      <c r="I5211" s="2">
        <v>1</v>
      </c>
      <c r="J5211" s="2">
        <v>0</v>
      </c>
      <c r="K5211" s="2">
        <v>0</v>
      </c>
      <c r="L5211" t="s">
        <v>120</v>
      </c>
      <c r="M5211" t="s">
        <v>87</v>
      </c>
      <c r="N5211" t="s">
        <v>88</v>
      </c>
      <c r="O5211" t="s">
        <v>85</v>
      </c>
      <c r="P5211" t="s">
        <v>86</v>
      </c>
      <c r="Q5211">
        <v>20</v>
      </c>
      <c r="R5211">
        <v>20</v>
      </c>
      <c r="S5211">
        <v>20</v>
      </c>
      <c r="T5211">
        <v>20</v>
      </c>
      <c r="U5211">
        <v>19</v>
      </c>
      <c r="V5211">
        <v>19</v>
      </c>
      <c r="W5211">
        <v>19</v>
      </c>
      <c r="X5211">
        <v>19</v>
      </c>
      <c r="Y5211">
        <v>19</v>
      </c>
      <c r="Z5211">
        <v>19</v>
      </c>
      <c r="AA5211">
        <v>19</v>
      </c>
      <c r="AB5211">
        <v>19</v>
      </c>
      <c r="AC5211">
        <v>19</v>
      </c>
      <c r="AD5211">
        <v>18</v>
      </c>
      <c r="AE5211">
        <v>18</v>
      </c>
      <c r="AF5211">
        <v>18</v>
      </c>
      <c r="AG5211">
        <v>18</v>
      </c>
      <c r="AH5211">
        <v>18</v>
      </c>
      <c r="AI5211">
        <v>18</v>
      </c>
      <c r="AJ5211">
        <v>18</v>
      </c>
      <c r="AK5211">
        <v>18</v>
      </c>
      <c r="AL5211">
        <v>18</v>
      </c>
      <c r="AM5211">
        <v>18</v>
      </c>
      <c r="AN5211">
        <v>17</v>
      </c>
      <c r="AO5211">
        <v>17</v>
      </c>
      <c r="AP5211">
        <v>17</v>
      </c>
      <c r="AQ5211">
        <v>17</v>
      </c>
    </row>
    <row r="5212" spans="1:43">
      <c r="A5212" t="s">
        <v>3272</v>
      </c>
      <c r="B5212" t="s">
        <v>3273</v>
      </c>
      <c r="C5212" t="s">
        <v>3248</v>
      </c>
      <c r="D5212" t="s">
        <v>3249</v>
      </c>
      <c r="E5212" t="s">
        <v>2928</v>
      </c>
      <c r="F5212" t="s">
        <v>2929</v>
      </c>
      <c r="G5212" t="s">
        <v>80</v>
      </c>
      <c r="H5212" t="s">
        <v>81</v>
      </c>
      <c r="I5212" s="2">
        <v>1</v>
      </c>
      <c r="J5212" s="2">
        <v>0</v>
      </c>
      <c r="K5212" s="2">
        <v>0</v>
      </c>
      <c r="L5212" t="s">
        <v>120</v>
      </c>
      <c r="M5212" t="s">
        <v>89</v>
      </c>
      <c r="N5212" t="s">
        <v>90</v>
      </c>
      <c r="O5212" t="s">
        <v>85</v>
      </c>
      <c r="P5212" t="s">
        <v>86</v>
      </c>
      <c r="Q5212">
        <v>20</v>
      </c>
      <c r="R5212">
        <v>21</v>
      </c>
      <c r="S5212">
        <v>21</v>
      </c>
      <c r="T5212">
        <v>21</v>
      </c>
      <c r="U5212">
        <v>21</v>
      </c>
      <c r="V5212">
        <v>21</v>
      </c>
      <c r="W5212">
        <v>21</v>
      </c>
      <c r="X5212">
        <v>22</v>
      </c>
      <c r="Y5212">
        <v>22</v>
      </c>
      <c r="Z5212">
        <v>22</v>
      </c>
      <c r="AA5212">
        <v>22</v>
      </c>
      <c r="AB5212">
        <v>22</v>
      </c>
      <c r="AC5212">
        <v>22</v>
      </c>
      <c r="AD5212">
        <v>22</v>
      </c>
      <c r="AE5212">
        <v>22</v>
      </c>
      <c r="AF5212">
        <v>22</v>
      </c>
      <c r="AG5212">
        <v>22</v>
      </c>
      <c r="AH5212">
        <v>21</v>
      </c>
      <c r="AI5212">
        <v>21</v>
      </c>
      <c r="AJ5212">
        <v>21</v>
      </c>
      <c r="AK5212">
        <v>21</v>
      </c>
      <c r="AL5212">
        <v>21</v>
      </c>
      <c r="AM5212">
        <v>20</v>
      </c>
      <c r="AN5212">
        <v>20</v>
      </c>
      <c r="AO5212">
        <v>20</v>
      </c>
      <c r="AP5212">
        <v>20</v>
      </c>
      <c r="AQ5212">
        <v>20</v>
      </c>
    </row>
    <row r="5213" spans="1:43">
      <c r="A5213" t="s">
        <v>3272</v>
      </c>
      <c r="B5213" t="s">
        <v>3273</v>
      </c>
      <c r="C5213" t="s">
        <v>3248</v>
      </c>
      <c r="D5213" t="s">
        <v>3249</v>
      </c>
      <c r="E5213" t="s">
        <v>2928</v>
      </c>
      <c r="F5213" t="s">
        <v>2929</v>
      </c>
      <c r="G5213" t="s">
        <v>80</v>
      </c>
      <c r="H5213" t="s">
        <v>81</v>
      </c>
      <c r="I5213" s="2">
        <v>1</v>
      </c>
      <c r="J5213" s="2">
        <v>0</v>
      </c>
      <c r="K5213" s="2">
        <v>0</v>
      </c>
      <c r="L5213" t="s">
        <v>120</v>
      </c>
      <c r="M5213" t="s">
        <v>83</v>
      </c>
      <c r="N5213" t="s">
        <v>91</v>
      </c>
      <c r="O5213" t="s">
        <v>85</v>
      </c>
      <c r="P5213" t="s">
        <v>86</v>
      </c>
      <c r="Q5213">
        <v>20</v>
      </c>
      <c r="R5213">
        <v>20</v>
      </c>
      <c r="S5213">
        <v>20</v>
      </c>
      <c r="T5213">
        <v>20</v>
      </c>
      <c r="U5213">
        <v>20</v>
      </c>
      <c r="V5213">
        <v>20</v>
      </c>
      <c r="W5213">
        <v>20</v>
      </c>
      <c r="X5213">
        <v>21</v>
      </c>
      <c r="Y5213">
        <v>21</v>
      </c>
      <c r="Z5213">
        <v>21</v>
      </c>
      <c r="AA5213">
        <v>21</v>
      </c>
      <c r="AB5213">
        <v>21</v>
      </c>
      <c r="AC5213">
        <v>21</v>
      </c>
      <c r="AD5213">
        <v>21</v>
      </c>
      <c r="AE5213">
        <v>21</v>
      </c>
      <c r="AF5213">
        <v>21</v>
      </c>
      <c r="AG5213">
        <v>21</v>
      </c>
      <c r="AH5213">
        <v>21</v>
      </c>
      <c r="AI5213">
        <v>21</v>
      </c>
      <c r="AJ5213">
        <v>21</v>
      </c>
      <c r="AK5213">
        <v>21</v>
      </c>
      <c r="AL5213">
        <v>20</v>
      </c>
      <c r="AM5213">
        <v>20</v>
      </c>
      <c r="AN5213">
        <v>20</v>
      </c>
      <c r="AO5213">
        <v>20</v>
      </c>
      <c r="AP5213">
        <v>20</v>
      </c>
      <c r="AQ5213">
        <v>20</v>
      </c>
    </row>
    <row r="5214" spans="1:43">
      <c r="A5214" t="s">
        <v>3274</v>
      </c>
      <c r="B5214" t="s">
        <v>3275</v>
      </c>
      <c r="C5214" t="s">
        <v>2934</v>
      </c>
      <c r="D5214" t="s">
        <v>2935</v>
      </c>
      <c r="E5214" t="s">
        <v>2928</v>
      </c>
      <c r="F5214" t="s">
        <v>2929</v>
      </c>
      <c r="G5214" t="s">
        <v>80</v>
      </c>
      <c r="H5214" t="s">
        <v>81</v>
      </c>
      <c r="I5214" s="2">
        <v>1</v>
      </c>
      <c r="J5214" s="2">
        <v>0</v>
      </c>
      <c r="K5214" s="2">
        <v>0</v>
      </c>
      <c r="L5214" t="s">
        <v>120</v>
      </c>
      <c r="M5214" t="s">
        <v>83</v>
      </c>
      <c r="N5214" t="s">
        <v>84</v>
      </c>
      <c r="O5214" t="s">
        <v>85</v>
      </c>
      <c r="P5214" t="s">
        <v>86</v>
      </c>
      <c r="Q5214">
        <v>48</v>
      </c>
      <c r="R5214">
        <v>48</v>
      </c>
      <c r="S5214">
        <v>48</v>
      </c>
      <c r="T5214">
        <v>49</v>
      </c>
      <c r="U5214">
        <v>49</v>
      </c>
      <c r="V5214">
        <v>49</v>
      </c>
      <c r="W5214">
        <v>49</v>
      </c>
      <c r="X5214">
        <v>49</v>
      </c>
      <c r="Y5214">
        <v>49</v>
      </c>
      <c r="Z5214">
        <v>50</v>
      </c>
      <c r="AA5214">
        <v>50</v>
      </c>
      <c r="AB5214">
        <v>50</v>
      </c>
      <c r="AC5214">
        <v>50</v>
      </c>
      <c r="AD5214">
        <v>50</v>
      </c>
      <c r="AE5214">
        <v>50</v>
      </c>
      <c r="AF5214">
        <v>50</v>
      </c>
      <c r="AG5214">
        <v>50</v>
      </c>
      <c r="AH5214">
        <v>50</v>
      </c>
      <c r="AI5214">
        <v>50</v>
      </c>
      <c r="AJ5214">
        <v>50</v>
      </c>
      <c r="AK5214">
        <v>51</v>
      </c>
      <c r="AL5214">
        <v>50</v>
      </c>
      <c r="AM5214">
        <v>50</v>
      </c>
      <c r="AN5214">
        <v>50</v>
      </c>
      <c r="AO5214">
        <v>49</v>
      </c>
      <c r="AP5214">
        <v>49</v>
      </c>
      <c r="AQ5214">
        <v>49</v>
      </c>
    </row>
    <row r="5215" spans="1:43">
      <c r="A5215" t="s">
        <v>3274</v>
      </c>
      <c r="B5215" t="s">
        <v>3275</v>
      </c>
      <c r="C5215" t="s">
        <v>2934</v>
      </c>
      <c r="D5215" t="s">
        <v>2935</v>
      </c>
      <c r="E5215" t="s">
        <v>2928</v>
      </c>
      <c r="F5215" t="s">
        <v>2929</v>
      </c>
      <c r="G5215" t="s">
        <v>80</v>
      </c>
      <c r="H5215" t="s">
        <v>81</v>
      </c>
      <c r="I5215" s="2">
        <v>1</v>
      </c>
      <c r="J5215" s="2">
        <v>0</v>
      </c>
      <c r="K5215" s="2">
        <v>0</v>
      </c>
      <c r="L5215" t="s">
        <v>120</v>
      </c>
      <c r="M5215" t="s">
        <v>87</v>
      </c>
      <c r="N5215" t="s">
        <v>88</v>
      </c>
      <c r="O5215" t="s">
        <v>85</v>
      </c>
      <c r="P5215" t="s">
        <v>86</v>
      </c>
      <c r="Q5215">
        <v>48</v>
      </c>
      <c r="R5215">
        <v>48</v>
      </c>
      <c r="S5215">
        <v>48</v>
      </c>
      <c r="T5215">
        <v>48</v>
      </c>
      <c r="U5215">
        <v>48</v>
      </c>
      <c r="V5215">
        <v>47</v>
      </c>
      <c r="W5215">
        <v>47</v>
      </c>
      <c r="X5215">
        <v>47</v>
      </c>
      <c r="Y5215">
        <v>47</v>
      </c>
      <c r="Z5215">
        <v>47</v>
      </c>
      <c r="AA5215">
        <v>46</v>
      </c>
      <c r="AB5215">
        <v>46</v>
      </c>
      <c r="AC5215">
        <v>46</v>
      </c>
      <c r="AD5215">
        <v>46</v>
      </c>
      <c r="AE5215">
        <v>46</v>
      </c>
      <c r="AF5215">
        <v>45</v>
      </c>
      <c r="AG5215">
        <v>45</v>
      </c>
      <c r="AH5215">
        <v>45</v>
      </c>
      <c r="AI5215">
        <v>45</v>
      </c>
      <c r="AJ5215">
        <v>45</v>
      </c>
      <c r="AK5215">
        <v>44</v>
      </c>
      <c r="AL5215">
        <v>44</v>
      </c>
      <c r="AM5215">
        <v>44</v>
      </c>
      <c r="AN5215">
        <v>44</v>
      </c>
      <c r="AO5215">
        <v>44</v>
      </c>
      <c r="AP5215">
        <v>43</v>
      </c>
      <c r="AQ5215">
        <v>43</v>
      </c>
    </row>
    <row r="5216" spans="1:43">
      <c r="A5216" t="s">
        <v>3274</v>
      </c>
      <c r="B5216" t="s">
        <v>3275</v>
      </c>
      <c r="C5216" t="s">
        <v>2934</v>
      </c>
      <c r="D5216" t="s">
        <v>2935</v>
      </c>
      <c r="E5216" t="s">
        <v>2928</v>
      </c>
      <c r="F5216" t="s">
        <v>2929</v>
      </c>
      <c r="G5216" t="s">
        <v>80</v>
      </c>
      <c r="H5216" t="s">
        <v>81</v>
      </c>
      <c r="I5216" s="2">
        <v>1</v>
      </c>
      <c r="J5216" s="2">
        <v>0</v>
      </c>
      <c r="K5216" s="2">
        <v>0</v>
      </c>
      <c r="L5216" t="s">
        <v>120</v>
      </c>
      <c r="M5216" t="s">
        <v>89</v>
      </c>
      <c r="N5216" t="s">
        <v>90</v>
      </c>
      <c r="O5216" t="s">
        <v>85</v>
      </c>
      <c r="P5216" t="s">
        <v>86</v>
      </c>
      <c r="Q5216">
        <v>48</v>
      </c>
      <c r="R5216">
        <v>49</v>
      </c>
      <c r="S5216">
        <v>50</v>
      </c>
      <c r="T5216">
        <v>50</v>
      </c>
      <c r="U5216">
        <v>51</v>
      </c>
      <c r="V5216">
        <v>51</v>
      </c>
      <c r="W5216">
        <v>52</v>
      </c>
      <c r="X5216">
        <v>52</v>
      </c>
      <c r="Y5216">
        <v>52</v>
      </c>
      <c r="Z5216">
        <v>53</v>
      </c>
      <c r="AA5216">
        <v>53</v>
      </c>
      <c r="AB5216">
        <v>53</v>
      </c>
      <c r="AC5216">
        <v>53</v>
      </c>
      <c r="AD5216">
        <v>54</v>
      </c>
      <c r="AE5216">
        <v>54</v>
      </c>
      <c r="AF5216">
        <v>53</v>
      </c>
      <c r="AG5216">
        <v>53</v>
      </c>
      <c r="AH5216">
        <v>52</v>
      </c>
      <c r="AI5216">
        <v>52</v>
      </c>
      <c r="AJ5216">
        <v>52</v>
      </c>
      <c r="AK5216">
        <v>51</v>
      </c>
      <c r="AL5216">
        <v>51</v>
      </c>
      <c r="AM5216">
        <v>51</v>
      </c>
      <c r="AN5216">
        <v>50</v>
      </c>
      <c r="AO5216">
        <v>50</v>
      </c>
      <c r="AP5216">
        <v>49</v>
      </c>
      <c r="AQ5216">
        <v>49</v>
      </c>
    </row>
    <row r="5217" spans="1:43">
      <c r="A5217" t="s">
        <v>3274</v>
      </c>
      <c r="B5217" t="s">
        <v>3275</v>
      </c>
      <c r="C5217" t="s">
        <v>2934</v>
      </c>
      <c r="D5217" t="s">
        <v>2935</v>
      </c>
      <c r="E5217" t="s">
        <v>2928</v>
      </c>
      <c r="F5217" t="s">
        <v>2929</v>
      </c>
      <c r="G5217" t="s">
        <v>80</v>
      </c>
      <c r="H5217" t="s">
        <v>81</v>
      </c>
      <c r="I5217" s="2">
        <v>1</v>
      </c>
      <c r="J5217" s="2">
        <v>0</v>
      </c>
      <c r="K5217" s="2">
        <v>0</v>
      </c>
      <c r="L5217" t="s">
        <v>120</v>
      </c>
      <c r="M5217" t="s">
        <v>83</v>
      </c>
      <c r="N5217" t="s">
        <v>91</v>
      </c>
      <c r="O5217" t="s">
        <v>85</v>
      </c>
      <c r="P5217" t="s">
        <v>86</v>
      </c>
      <c r="Q5217">
        <v>48</v>
      </c>
      <c r="R5217">
        <v>48</v>
      </c>
      <c r="S5217">
        <v>48</v>
      </c>
      <c r="T5217">
        <v>49</v>
      </c>
      <c r="U5217">
        <v>49</v>
      </c>
      <c r="V5217">
        <v>49</v>
      </c>
      <c r="W5217">
        <v>49</v>
      </c>
      <c r="X5217">
        <v>49</v>
      </c>
      <c r="Y5217">
        <v>49</v>
      </c>
      <c r="Z5217">
        <v>50</v>
      </c>
      <c r="AA5217">
        <v>50</v>
      </c>
      <c r="AB5217">
        <v>50</v>
      </c>
      <c r="AC5217">
        <v>50</v>
      </c>
      <c r="AD5217">
        <v>50</v>
      </c>
      <c r="AE5217">
        <v>50</v>
      </c>
      <c r="AF5217">
        <v>50</v>
      </c>
      <c r="AG5217">
        <v>50</v>
      </c>
      <c r="AH5217">
        <v>50</v>
      </c>
      <c r="AI5217">
        <v>50</v>
      </c>
      <c r="AJ5217">
        <v>50</v>
      </c>
      <c r="AK5217">
        <v>51</v>
      </c>
      <c r="AL5217">
        <v>50</v>
      </c>
      <c r="AM5217">
        <v>50</v>
      </c>
      <c r="AN5217">
        <v>50</v>
      </c>
      <c r="AO5217">
        <v>49</v>
      </c>
      <c r="AP5217">
        <v>49</v>
      </c>
      <c r="AQ5217">
        <v>49</v>
      </c>
    </row>
    <row r="5218" spans="1:43">
      <c r="A5218" t="s">
        <v>3276</v>
      </c>
      <c r="B5218" t="s">
        <v>3277</v>
      </c>
      <c r="C5218" t="s">
        <v>3248</v>
      </c>
      <c r="D5218" t="s">
        <v>3249</v>
      </c>
      <c r="E5218" t="s">
        <v>2928</v>
      </c>
      <c r="F5218" t="s">
        <v>2929</v>
      </c>
      <c r="G5218" t="s">
        <v>80</v>
      </c>
      <c r="H5218" t="s">
        <v>81</v>
      </c>
      <c r="I5218" s="2">
        <v>1</v>
      </c>
      <c r="J5218" s="2">
        <v>0</v>
      </c>
      <c r="K5218" s="2">
        <v>0</v>
      </c>
      <c r="L5218" t="s">
        <v>120</v>
      </c>
      <c r="M5218" t="s">
        <v>83</v>
      </c>
      <c r="N5218" t="s">
        <v>84</v>
      </c>
      <c r="O5218" t="s">
        <v>85</v>
      </c>
      <c r="P5218" t="s">
        <v>86</v>
      </c>
      <c r="Q5218">
        <v>25</v>
      </c>
      <c r="R5218">
        <v>25</v>
      </c>
      <c r="S5218">
        <v>25</v>
      </c>
      <c r="T5218">
        <v>25</v>
      </c>
      <c r="U5218">
        <v>25</v>
      </c>
      <c r="V5218">
        <v>26</v>
      </c>
      <c r="W5218">
        <v>26</v>
      </c>
      <c r="X5218">
        <v>26</v>
      </c>
      <c r="Y5218">
        <v>26</v>
      </c>
      <c r="Z5218">
        <v>26</v>
      </c>
      <c r="AA5218">
        <v>26</v>
      </c>
      <c r="AB5218">
        <v>26</v>
      </c>
      <c r="AC5218">
        <v>26</v>
      </c>
      <c r="AD5218">
        <v>26</v>
      </c>
      <c r="AE5218">
        <v>26</v>
      </c>
      <c r="AF5218">
        <v>26</v>
      </c>
      <c r="AG5218">
        <v>26</v>
      </c>
      <c r="AH5218">
        <v>26</v>
      </c>
      <c r="AI5218">
        <v>26</v>
      </c>
      <c r="AJ5218">
        <v>26</v>
      </c>
      <c r="AK5218">
        <v>26</v>
      </c>
      <c r="AL5218">
        <v>26</v>
      </c>
      <c r="AM5218">
        <v>26</v>
      </c>
      <c r="AN5218">
        <v>26</v>
      </c>
      <c r="AO5218">
        <v>25</v>
      </c>
      <c r="AP5218">
        <v>25</v>
      </c>
      <c r="AQ5218">
        <v>25</v>
      </c>
    </row>
    <row r="5219" spans="1:43">
      <c r="A5219" t="s">
        <v>3276</v>
      </c>
      <c r="B5219" t="s">
        <v>3277</v>
      </c>
      <c r="C5219" t="s">
        <v>3248</v>
      </c>
      <c r="D5219" t="s">
        <v>3249</v>
      </c>
      <c r="E5219" t="s">
        <v>2928</v>
      </c>
      <c r="F5219" t="s">
        <v>2929</v>
      </c>
      <c r="G5219" t="s">
        <v>80</v>
      </c>
      <c r="H5219" t="s">
        <v>81</v>
      </c>
      <c r="I5219" s="2">
        <v>1</v>
      </c>
      <c r="J5219" s="2">
        <v>0</v>
      </c>
      <c r="K5219" s="2">
        <v>0</v>
      </c>
      <c r="L5219" t="s">
        <v>120</v>
      </c>
      <c r="M5219" t="s">
        <v>87</v>
      </c>
      <c r="N5219" t="s">
        <v>88</v>
      </c>
      <c r="O5219" t="s">
        <v>85</v>
      </c>
      <c r="P5219" t="s">
        <v>86</v>
      </c>
      <c r="Q5219">
        <v>25</v>
      </c>
      <c r="R5219">
        <v>25</v>
      </c>
      <c r="S5219">
        <v>25</v>
      </c>
      <c r="T5219">
        <v>24</v>
      </c>
      <c r="U5219">
        <v>24</v>
      </c>
      <c r="V5219">
        <v>24</v>
      </c>
      <c r="W5219">
        <v>24</v>
      </c>
      <c r="X5219">
        <v>24</v>
      </c>
      <c r="Y5219">
        <v>24</v>
      </c>
      <c r="Z5219">
        <v>24</v>
      </c>
      <c r="AA5219">
        <v>24</v>
      </c>
      <c r="AB5219">
        <v>23</v>
      </c>
      <c r="AC5219">
        <v>23</v>
      </c>
      <c r="AD5219">
        <v>23</v>
      </c>
      <c r="AE5219">
        <v>23</v>
      </c>
      <c r="AF5219">
        <v>23</v>
      </c>
      <c r="AG5219">
        <v>23</v>
      </c>
      <c r="AH5219">
        <v>23</v>
      </c>
      <c r="AI5219">
        <v>23</v>
      </c>
      <c r="AJ5219">
        <v>23</v>
      </c>
      <c r="AK5219">
        <v>22</v>
      </c>
      <c r="AL5219">
        <v>22</v>
      </c>
      <c r="AM5219">
        <v>22</v>
      </c>
      <c r="AN5219">
        <v>22</v>
      </c>
      <c r="AO5219">
        <v>22</v>
      </c>
      <c r="AP5219">
        <v>22</v>
      </c>
      <c r="AQ5219">
        <v>22</v>
      </c>
    </row>
    <row r="5220" spans="1:43">
      <c r="A5220" t="s">
        <v>3276</v>
      </c>
      <c r="B5220" t="s">
        <v>3277</v>
      </c>
      <c r="C5220" t="s">
        <v>3248</v>
      </c>
      <c r="D5220" t="s">
        <v>3249</v>
      </c>
      <c r="E5220" t="s">
        <v>2928</v>
      </c>
      <c r="F5220" t="s">
        <v>2929</v>
      </c>
      <c r="G5220" t="s">
        <v>80</v>
      </c>
      <c r="H5220" t="s">
        <v>81</v>
      </c>
      <c r="I5220" s="2">
        <v>1</v>
      </c>
      <c r="J5220" s="2">
        <v>0</v>
      </c>
      <c r="K5220" s="2">
        <v>0</v>
      </c>
      <c r="L5220" t="s">
        <v>120</v>
      </c>
      <c r="M5220" t="s">
        <v>89</v>
      </c>
      <c r="N5220" t="s">
        <v>90</v>
      </c>
      <c r="O5220" t="s">
        <v>85</v>
      </c>
      <c r="P5220" t="s">
        <v>86</v>
      </c>
      <c r="Q5220">
        <v>25</v>
      </c>
      <c r="R5220">
        <v>26</v>
      </c>
      <c r="S5220">
        <v>26</v>
      </c>
      <c r="T5220">
        <v>26</v>
      </c>
      <c r="U5220">
        <v>26</v>
      </c>
      <c r="V5220">
        <v>27</v>
      </c>
      <c r="W5220">
        <v>27</v>
      </c>
      <c r="X5220">
        <v>27</v>
      </c>
      <c r="Y5220">
        <v>27</v>
      </c>
      <c r="Z5220">
        <v>27</v>
      </c>
      <c r="AA5220">
        <v>28</v>
      </c>
      <c r="AB5220">
        <v>28</v>
      </c>
      <c r="AC5220">
        <v>28</v>
      </c>
      <c r="AD5220">
        <v>28</v>
      </c>
      <c r="AE5220">
        <v>28</v>
      </c>
      <c r="AF5220">
        <v>28</v>
      </c>
      <c r="AG5220">
        <v>27</v>
      </c>
      <c r="AH5220">
        <v>27</v>
      </c>
      <c r="AI5220">
        <v>27</v>
      </c>
      <c r="AJ5220">
        <v>27</v>
      </c>
      <c r="AK5220">
        <v>27</v>
      </c>
      <c r="AL5220">
        <v>26</v>
      </c>
      <c r="AM5220">
        <v>26</v>
      </c>
      <c r="AN5220">
        <v>26</v>
      </c>
      <c r="AO5220">
        <v>26</v>
      </c>
      <c r="AP5220">
        <v>26</v>
      </c>
      <c r="AQ5220">
        <v>25</v>
      </c>
    </row>
    <row r="5221" spans="1:43">
      <c r="A5221" t="s">
        <v>3276</v>
      </c>
      <c r="B5221" t="s">
        <v>3277</v>
      </c>
      <c r="C5221" t="s">
        <v>3248</v>
      </c>
      <c r="D5221" t="s">
        <v>3249</v>
      </c>
      <c r="E5221" t="s">
        <v>2928</v>
      </c>
      <c r="F5221" t="s">
        <v>2929</v>
      </c>
      <c r="G5221" t="s">
        <v>80</v>
      </c>
      <c r="H5221" t="s">
        <v>81</v>
      </c>
      <c r="I5221" s="2">
        <v>1</v>
      </c>
      <c r="J5221" s="2">
        <v>0</v>
      </c>
      <c r="K5221" s="2">
        <v>0</v>
      </c>
      <c r="L5221" t="s">
        <v>120</v>
      </c>
      <c r="M5221" t="s">
        <v>83</v>
      </c>
      <c r="N5221" t="s">
        <v>91</v>
      </c>
      <c r="O5221" t="s">
        <v>85</v>
      </c>
      <c r="P5221" t="s">
        <v>86</v>
      </c>
      <c r="Q5221">
        <v>25</v>
      </c>
      <c r="R5221">
        <v>25</v>
      </c>
      <c r="S5221">
        <v>25</v>
      </c>
      <c r="T5221">
        <v>25</v>
      </c>
      <c r="U5221">
        <v>25</v>
      </c>
      <c r="V5221">
        <v>26</v>
      </c>
      <c r="W5221">
        <v>26</v>
      </c>
      <c r="X5221">
        <v>26</v>
      </c>
      <c r="Y5221">
        <v>26</v>
      </c>
      <c r="Z5221">
        <v>26</v>
      </c>
      <c r="AA5221">
        <v>26</v>
      </c>
      <c r="AB5221">
        <v>26</v>
      </c>
      <c r="AC5221">
        <v>26</v>
      </c>
      <c r="AD5221">
        <v>26</v>
      </c>
      <c r="AE5221">
        <v>26</v>
      </c>
      <c r="AF5221">
        <v>26</v>
      </c>
      <c r="AG5221">
        <v>26</v>
      </c>
      <c r="AH5221">
        <v>26</v>
      </c>
      <c r="AI5221">
        <v>26</v>
      </c>
      <c r="AJ5221">
        <v>26</v>
      </c>
      <c r="AK5221">
        <v>26</v>
      </c>
      <c r="AL5221">
        <v>26</v>
      </c>
      <c r="AM5221">
        <v>26</v>
      </c>
      <c r="AN5221">
        <v>26</v>
      </c>
      <c r="AO5221">
        <v>25</v>
      </c>
      <c r="AP5221">
        <v>25</v>
      </c>
      <c r="AQ5221">
        <v>25</v>
      </c>
    </row>
    <row r="5222" spans="1:43">
      <c r="A5222" t="s">
        <v>3278</v>
      </c>
      <c r="B5222" t="s">
        <v>3279</v>
      </c>
      <c r="C5222" t="s">
        <v>3140</v>
      </c>
      <c r="D5222" t="s">
        <v>3141</v>
      </c>
      <c r="E5222" t="s">
        <v>2928</v>
      </c>
      <c r="F5222" t="s">
        <v>2929</v>
      </c>
      <c r="G5222" t="s">
        <v>80</v>
      </c>
      <c r="H5222" t="s">
        <v>81</v>
      </c>
      <c r="I5222" s="2">
        <v>1</v>
      </c>
      <c r="J5222" s="2">
        <v>0</v>
      </c>
      <c r="K5222" s="2">
        <v>0</v>
      </c>
      <c r="L5222" t="s">
        <v>120</v>
      </c>
      <c r="M5222" t="s">
        <v>83</v>
      </c>
      <c r="N5222" t="s">
        <v>84</v>
      </c>
      <c r="O5222" t="s">
        <v>85</v>
      </c>
      <c r="P5222" t="s">
        <v>86</v>
      </c>
      <c r="Q5222">
        <v>64</v>
      </c>
      <c r="R5222">
        <v>64</v>
      </c>
      <c r="S5222">
        <v>64</v>
      </c>
      <c r="T5222">
        <v>65</v>
      </c>
      <c r="U5222">
        <v>65</v>
      </c>
      <c r="V5222">
        <v>65</v>
      </c>
      <c r="W5222">
        <v>66</v>
      </c>
      <c r="X5222">
        <v>66</v>
      </c>
      <c r="Y5222">
        <v>66</v>
      </c>
      <c r="Z5222">
        <v>67</v>
      </c>
      <c r="AA5222">
        <v>67</v>
      </c>
      <c r="AB5222">
        <v>67</v>
      </c>
      <c r="AC5222">
        <v>67</v>
      </c>
      <c r="AD5222">
        <v>68</v>
      </c>
      <c r="AE5222">
        <v>68</v>
      </c>
      <c r="AF5222">
        <v>68</v>
      </c>
      <c r="AG5222">
        <v>68</v>
      </c>
      <c r="AH5222">
        <v>68</v>
      </c>
      <c r="AI5222">
        <v>69</v>
      </c>
      <c r="AJ5222">
        <v>69</v>
      </c>
      <c r="AK5222">
        <v>69</v>
      </c>
      <c r="AL5222">
        <v>69</v>
      </c>
      <c r="AM5222">
        <v>68</v>
      </c>
      <c r="AN5222">
        <v>68</v>
      </c>
      <c r="AO5222">
        <v>68</v>
      </c>
      <c r="AP5222">
        <v>67</v>
      </c>
      <c r="AQ5222">
        <v>67</v>
      </c>
    </row>
    <row r="5223" spans="1:43">
      <c r="A5223" t="s">
        <v>3278</v>
      </c>
      <c r="B5223" t="s">
        <v>3279</v>
      </c>
      <c r="C5223" t="s">
        <v>3140</v>
      </c>
      <c r="D5223" t="s">
        <v>3141</v>
      </c>
      <c r="E5223" t="s">
        <v>2928</v>
      </c>
      <c r="F5223" t="s">
        <v>2929</v>
      </c>
      <c r="G5223" t="s">
        <v>80</v>
      </c>
      <c r="H5223" t="s">
        <v>81</v>
      </c>
      <c r="I5223" s="2">
        <v>1</v>
      </c>
      <c r="J5223" s="2">
        <v>0</v>
      </c>
      <c r="K5223" s="2">
        <v>0</v>
      </c>
      <c r="L5223" t="s">
        <v>120</v>
      </c>
      <c r="M5223" t="s">
        <v>87</v>
      </c>
      <c r="N5223" t="s">
        <v>88</v>
      </c>
      <c r="O5223" t="s">
        <v>85</v>
      </c>
      <c r="P5223" t="s">
        <v>86</v>
      </c>
      <c r="Q5223">
        <v>64</v>
      </c>
      <c r="R5223">
        <v>64</v>
      </c>
      <c r="S5223">
        <v>64</v>
      </c>
      <c r="T5223">
        <v>63</v>
      </c>
      <c r="U5223">
        <v>63</v>
      </c>
      <c r="V5223">
        <v>63</v>
      </c>
      <c r="W5223">
        <v>63</v>
      </c>
      <c r="X5223">
        <v>63</v>
      </c>
      <c r="Y5223">
        <v>62</v>
      </c>
      <c r="Z5223">
        <v>62</v>
      </c>
      <c r="AA5223">
        <v>62</v>
      </c>
      <c r="AB5223">
        <v>62</v>
      </c>
      <c r="AC5223">
        <v>62</v>
      </c>
      <c r="AD5223">
        <v>61</v>
      </c>
      <c r="AE5223">
        <v>61</v>
      </c>
      <c r="AF5223">
        <v>61</v>
      </c>
      <c r="AG5223">
        <v>61</v>
      </c>
      <c r="AH5223">
        <v>61</v>
      </c>
      <c r="AI5223">
        <v>60</v>
      </c>
      <c r="AJ5223">
        <v>60</v>
      </c>
      <c r="AK5223">
        <v>60</v>
      </c>
      <c r="AL5223">
        <v>60</v>
      </c>
      <c r="AM5223">
        <v>60</v>
      </c>
      <c r="AN5223">
        <v>59</v>
      </c>
      <c r="AO5223">
        <v>59</v>
      </c>
      <c r="AP5223">
        <v>59</v>
      </c>
      <c r="AQ5223">
        <v>59</v>
      </c>
    </row>
    <row r="5224" spans="1:43">
      <c r="A5224" t="s">
        <v>3278</v>
      </c>
      <c r="B5224" t="s">
        <v>3279</v>
      </c>
      <c r="C5224" t="s">
        <v>3140</v>
      </c>
      <c r="D5224" t="s">
        <v>3141</v>
      </c>
      <c r="E5224" t="s">
        <v>2928</v>
      </c>
      <c r="F5224" t="s">
        <v>2929</v>
      </c>
      <c r="G5224" t="s">
        <v>80</v>
      </c>
      <c r="H5224" t="s">
        <v>81</v>
      </c>
      <c r="I5224" s="2">
        <v>1</v>
      </c>
      <c r="J5224" s="2">
        <v>0</v>
      </c>
      <c r="K5224" s="2">
        <v>0</v>
      </c>
      <c r="L5224" t="s">
        <v>120</v>
      </c>
      <c r="M5224" t="s">
        <v>89</v>
      </c>
      <c r="N5224" t="s">
        <v>90</v>
      </c>
      <c r="O5224" t="s">
        <v>85</v>
      </c>
      <c r="P5224" t="s">
        <v>86</v>
      </c>
      <c r="Q5224">
        <v>64</v>
      </c>
      <c r="R5224">
        <v>65</v>
      </c>
      <c r="S5224">
        <v>66</v>
      </c>
      <c r="T5224">
        <v>67</v>
      </c>
      <c r="U5224">
        <v>68</v>
      </c>
      <c r="V5224">
        <v>68</v>
      </c>
      <c r="W5224">
        <v>69</v>
      </c>
      <c r="X5224">
        <v>70</v>
      </c>
      <c r="Y5224">
        <v>70</v>
      </c>
      <c r="Z5224">
        <v>71</v>
      </c>
      <c r="AA5224">
        <v>71</v>
      </c>
      <c r="AB5224">
        <v>72</v>
      </c>
      <c r="AC5224">
        <v>72</v>
      </c>
      <c r="AD5224">
        <v>73</v>
      </c>
      <c r="AE5224">
        <v>73</v>
      </c>
      <c r="AF5224">
        <v>72</v>
      </c>
      <c r="AG5224">
        <v>72</v>
      </c>
      <c r="AH5224">
        <v>72</v>
      </c>
      <c r="AI5224">
        <v>71</v>
      </c>
      <c r="AJ5224">
        <v>71</v>
      </c>
      <c r="AK5224">
        <v>70</v>
      </c>
      <c r="AL5224">
        <v>70</v>
      </c>
      <c r="AM5224">
        <v>70</v>
      </c>
      <c r="AN5224">
        <v>69</v>
      </c>
      <c r="AO5224">
        <v>69</v>
      </c>
      <c r="AP5224">
        <v>69</v>
      </c>
      <c r="AQ5224">
        <v>68</v>
      </c>
    </row>
    <row r="5225" spans="1:43">
      <c r="A5225" t="s">
        <v>3278</v>
      </c>
      <c r="B5225" t="s">
        <v>3279</v>
      </c>
      <c r="C5225" t="s">
        <v>3140</v>
      </c>
      <c r="D5225" t="s">
        <v>3141</v>
      </c>
      <c r="E5225" t="s">
        <v>2928</v>
      </c>
      <c r="F5225" t="s">
        <v>2929</v>
      </c>
      <c r="G5225" t="s">
        <v>80</v>
      </c>
      <c r="H5225" t="s">
        <v>81</v>
      </c>
      <c r="I5225" s="2">
        <v>1</v>
      </c>
      <c r="J5225" s="2">
        <v>0</v>
      </c>
      <c r="K5225" s="2">
        <v>0</v>
      </c>
      <c r="L5225" t="s">
        <v>120</v>
      </c>
      <c r="M5225" t="s">
        <v>83</v>
      </c>
      <c r="N5225" t="s">
        <v>91</v>
      </c>
      <c r="O5225" t="s">
        <v>85</v>
      </c>
      <c r="P5225" t="s">
        <v>86</v>
      </c>
      <c r="Q5225">
        <v>64</v>
      </c>
      <c r="R5225">
        <v>64</v>
      </c>
      <c r="S5225">
        <v>64</v>
      </c>
      <c r="T5225">
        <v>65</v>
      </c>
      <c r="U5225">
        <v>65</v>
      </c>
      <c r="V5225">
        <v>65</v>
      </c>
      <c r="W5225">
        <v>66</v>
      </c>
      <c r="X5225">
        <v>66</v>
      </c>
      <c r="Y5225">
        <v>66</v>
      </c>
      <c r="Z5225">
        <v>67</v>
      </c>
      <c r="AA5225">
        <v>67</v>
      </c>
      <c r="AB5225">
        <v>67</v>
      </c>
      <c r="AC5225">
        <v>67</v>
      </c>
      <c r="AD5225">
        <v>68</v>
      </c>
      <c r="AE5225">
        <v>68</v>
      </c>
      <c r="AF5225">
        <v>68</v>
      </c>
      <c r="AG5225">
        <v>68</v>
      </c>
      <c r="AH5225">
        <v>68</v>
      </c>
      <c r="AI5225">
        <v>69</v>
      </c>
      <c r="AJ5225">
        <v>69</v>
      </c>
      <c r="AK5225">
        <v>69</v>
      </c>
      <c r="AL5225">
        <v>69</v>
      </c>
      <c r="AM5225">
        <v>68</v>
      </c>
      <c r="AN5225">
        <v>68</v>
      </c>
      <c r="AO5225">
        <v>68</v>
      </c>
      <c r="AP5225">
        <v>67</v>
      </c>
      <c r="AQ5225">
        <v>67</v>
      </c>
    </row>
    <row r="5226" spans="1:43">
      <c r="A5226" t="s">
        <v>3280</v>
      </c>
      <c r="B5226" t="s">
        <v>3281</v>
      </c>
      <c r="C5226" t="s">
        <v>2976</v>
      </c>
      <c r="D5226" t="s">
        <v>2977</v>
      </c>
      <c r="E5226" t="s">
        <v>2928</v>
      </c>
      <c r="F5226" t="s">
        <v>2929</v>
      </c>
      <c r="G5226" t="s">
        <v>80</v>
      </c>
      <c r="H5226" t="s">
        <v>81</v>
      </c>
      <c r="I5226" s="2">
        <v>1</v>
      </c>
      <c r="J5226" s="2">
        <v>0</v>
      </c>
      <c r="K5226" s="2">
        <v>0</v>
      </c>
      <c r="L5226" t="s">
        <v>120</v>
      </c>
      <c r="M5226" t="s">
        <v>83</v>
      </c>
      <c r="N5226" t="s">
        <v>84</v>
      </c>
      <c r="O5226" t="s">
        <v>85</v>
      </c>
      <c r="P5226" t="s">
        <v>86</v>
      </c>
      <c r="Q5226">
        <v>8</v>
      </c>
      <c r="R5226">
        <v>8</v>
      </c>
      <c r="S5226">
        <v>8</v>
      </c>
      <c r="T5226">
        <v>8</v>
      </c>
      <c r="U5226">
        <v>8</v>
      </c>
      <c r="V5226">
        <v>8</v>
      </c>
      <c r="W5226">
        <v>8</v>
      </c>
      <c r="X5226">
        <v>8</v>
      </c>
      <c r="Y5226">
        <v>8</v>
      </c>
      <c r="Z5226">
        <v>8</v>
      </c>
      <c r="AA5226">
        <v>8</v>
      </c>
      <c r="AB5226">
        <v>8</v>
      </c>
      <c r="AC5226">
        <v>8</v>
      </c>
      <c r="AD5226">
        <v>8</v>
      </c>
      <c r="AE5226">
        <v>8</v>
      </c>
      <c r="AF5226">
        <v>8</v>
      </c>
      <c r="AG5226">
        <v>8</v>
      </c>
      <c r="AH5226">
        <v>8</v>
      </c>
      <c r="AI5226">
        <v>8</v>
      </c>
      <c r="AJ5226">
        <v>8</v>
      </c>
      <c r="AK5226">
        <v>8</v>
      </c>
      <c r="AL5226">
        <v>8</v>
      </c>
      <c r="AM5226">
        <v>8</v>
      </c>
      <c r="AN5226">
        <v>8</v>
      </c>
      <c r="AO5226">
        <v>8</v>
      </c>
      <c r="AP5226">
        <v>8</v>
      </c>
      <c r="AQ5226">
        <v>8</v>
      </c>
    </row>
    <row r="5227" spans="1:43">
      <c r="A5227" t="s">
        <v>3280</v>
      </c>
      <c r="B5227" t="s">
        <v>3281</v>
      </c>
      <c r="C5227" t="s">
        <v>2976</v>
      </c>
      <c r="D5227" t="s">
        <v>2977</v>
      </c>
      <c r="E5227" t="s">
        <v>2928</v>
      </c>
      <c r="F5227" t="s">
        <v>2929</v>
      </c>
      <c r="G5227" t="s">
        <v>80</v>
      </c>
      <c r="H5227" t="s">
        <v>81</v>
      </c>
      <c r="I5227" s="2">
        <v>1</v>
      </c>
      <c r="J5227" s="2">
        <v>0</v>
      </c>
      <c r="K5227" s="2">
        <v>0</v>
      </c>
      <c r="L5227" t="s">
        <v>120</v>
      </c>
      <c r="M5227" t="s">
        <v>87</v>
      </c>
      <c r="N5227" t="s">
        <v>88</v>
      </c>
      <c r="O5227" t="s">
        <v>85</v>
      </c>
      <c r="P5227" t="s">
        <v>86</v>
      </c>
      <c r="Q5227">
        <v>8</v>
      </c>
      <c r="R5227">
        <v>8</v>
      </c>
      <c r="S5227">
        <v>8</v>
      </c>
      <c r="T5227">
        <v>8</v>
      </c>
      <c r="U5227">
        <v>8</v>
      </c>
      <c r="V5227">
        <v>8</v>
      </c>
      <c r="W5227">
        <v>8</v>
      </c>
      <c r="X5227">
        <v>8</v>
      </c>
      <c r="Y5227">
        <v>8</v>
      </c>
      <c r="Z5227">
        <v>8</v>
      </c>
      <c r="AA5227">
        <v>8</v>
      </c>
      <c r="AB5227">
        <v>8</v>
      </c>
      <c r="AC5227">
        <v>8</v>
      </c>
      <c r="AD5227">
        <v>8</v>
      </c>
      <c r="AE5227">
        <v>8</v>
      </c>
      <c r="AF5227">
        <v>7</v>
      </c>
      <c r="AG5227">
        <v>7</v>
      </c>
      <c r="AH5227">
        <v>7</v>
      </c>
      <c r="AI5227">
        <v>7</v>
      </c>
      <c r="AJ5227">
        <v>7</v>
      </c>
      <c r="AK5227">
        <v>7</v>
      </c>
      <c r="AL5227">
        <v>7</v>
      </c>
      <c r="AM5227">
        <v>7</v>
      </c>
      <c r="AN5227">
        <v>7</v>
      </c>
      <c r="AO5227">
        <v>7</v>
      </c>
      <c r="AP5227">
        <v>7</v>
      </c>
      <c r="AQ5227">
        <v>7</v>
      </c>
    </row>
    <row r="5228" spans="1:43">
      <c r="A5228" t="s">
        <v>3280</v>
      </c>
      <c r="B5228" t="s">
        <v>3281</v>
      </c>
      <c r="C5228" t="s">
        <v>2976</v>
      </c>
      <c r="D5228" t="s">
        <v>2977</v>
      </c>
      <c r="E5228" t="s">
        <v>2928</v>
      </c>
      <c r="F5228" t="s">
        <v>2929</v>
      </c>
      <c r="G5228" t="s">
        <v>80</v>
      </c>
      <c r="H5228" t="s">
        <v>81</v>
      </c>
      <c r="I5228" s="2">
        <v>1</v>
      </c>
      <c r="J5228" s="2">
        <v>0</v>
      </c>
      <c r="K5228" s="2">
        <v>0</v>
      </c>
      <c r="L5228" t="s">
        <v>120</v>
      </c>
      <c r="M5228" t="s">
        <v>89</v>
      </c>
      <c r="N5228" t="s">
        <v>90</v>
      </c>
      <c r="O5228" t="s">
        <v>85</v>
      </c>
      <c r="P5228" t="s">
        <v>86</v>
      </c>
      <c r="Q5228">
        <v>8</v>
      </c>
      <c r="R5228">
        <v>8</v>
      </c>
      <c r="S5228">
        <v>8</v>
      </c>
      <c r="T5228">
        <v>9</v>
      </c>
      <c r="U5228">
        <v>9</v>
      </c>
      <c r="V5228">
        <v>9</v>
      </c>
      <c r="W5228">
        <v>9</v>
      </c>
      <c r="X5228">
        <v>9</v>
      </c>
      <c r="Y5228">
        <v>9</v>
      </c>
      <c r="Z5228">
        <v>9</v>
      </c>
      <c r="AA5228">
        <v>9</v>
      </c>
      <c r="AB5228">
        <v>9</v>
      </c>
      <c r="AC5228">
        <v>9</v>
      </c>
      <c r="AD5228">
        <v>9</v>
      </c>
      <c r="AE5228">
        <v>9</v>
      </c>
      <c r="AF5228">
        <v>9</v>
      </c>
      <c r="AG5228">
        <v>9</v>
      </c>
      <c r="AH5228">
        <v>9</v>
      </c>
      <c r="AI5228">
        <v>9</v>
      </c>
      <c r="AJ5228">
        <v>9</v>
      </c>
      <c r="AK5228">
        <v>9</v>
      </c>
      <c r="AL5228">
        <v>9</v>
      </c>
      <c r="AM5228">
        <v>8</v>
      </c>
      <c r="AN5228">
        <v>8</v>
      </c>
      <c r="AO5228">
        <v>8</v>
      </c>
      <c r="AP5228">
        <v>8</v>
      </c>
      <c r="AQ5228">
        <v>8</v>
      </c>
    </row>
    <row r="5229" spans="1:43">
      <c r="A5229" t="s">
        <v>3280</v>
      </c>
      <c r="B5229" t="s">
        <v>3281</v>
      </c>
      <c r="C5229" t="s">
        <v>2976</v>
      </c>
      <c r="D5229" t="s">
        <v>2977</v>
      </c>
      <c r="E5229" t="s">
        <v>2928</v>
      </c>
      <c r="F5229" t="s">
        <v>2929</v>
      </c>
      <c r="G5229" t="s">
        <v>80</v>
      </c>
      <c r="H5229" t="s">
        <v>81</v>
      </c>
      <c r="I5229" s="2">
        <v>1</v>
      </c>
      <c r="J5229" s="2">
        <v>0</v>
      </c>
      <c r="K5229" s="2">
        <v>0</v>
      </c>
      <c r="L5229" t="s">
        <v>120</v>
      </c>
      <c r="M5229" t="s">
        <v>83</v>
      </c>
      <c r="N5229" t="s">
        <v>91</v>
      </c>
      <c r="O5229" t="s">
        <v>85</v>
      </c>
      <c r="P5229" t="s">
        <v>86</v>
      </c>
      <c r="Q5229">
        <v>8</v>
      </c>
      <c r="R5229">
        <v>8</v>
      </c>
      <c r="S5229">
        <v>8</v>
      </c>
      <c r="T5229">
        <v>8</v>
      </c>
      <c r="U5229">
        <v>8</v>
      </c>
      <c r="V5229">
        <v>8</v>
      </c>
      <c r="W5229">
        <v>8</v>
      </c>
      <c r="X5229">
        <v>8</v>
      </c>
      <c r="Y5229">
        <v>8</v>
      </c>
      <c r="Z5229">
        <v>8</v>
      </c>
      <c r="AA5229">
        <v>8</v>
      </c>
      <c r="AB5229">
        <v>8</v>
      </c>
      <c r="AC5229">
        <v>8</v>
      </c>
      <c r="AD5229">
        <v>8</v>
      </c>
      <c r="AE5229">
        <v>8</v>
      </c>
      <c r="AF5229">
        <v>8</v>
      </c>
      <c r="AG5229">
        <v>8</v>
      </c>
      <c r="AH5229">
        <v>8</v>
      </c>
      <c r="AI5229">
        <v>8</v>
      </c>
      <c r="AJ5229">
        <v>8</v>
      </c>
      <c r="AK5229">
        <v>8</v>
      </c>
      <c r="AL5229">
        <v>8</v>
      </c>
      <c r="AM5229">
        <v>8</v>
      </c>
      <c r="AN5229">
        <v>8</v>
      </c>
      <c r="AO5229">
        <v>8</v>
      </c>
      <c r="AP5229">
        <v>8</v>
      </c>
      <c r="AQ5229">
        <v>8</v>
      </c>
    </row>
    <row r="5230" spans="1:43">
      <c r="A5230" t="s">
        <v>3282</v>
      </c>
      <c r="B5230" t="s">
        <v>3283</v>
      </c>
      <c r="C5230" t="s">
        <v>3284</v>
      </c>
      <c r="D5230" t="s">
        <v>3285</v>
      </c>
      <c r="E5230" t="s">
        <v>2928</v>
      </c>
      <c r="F5230" t="s">
        <v>2929</v>
      </c>
      <c r="G5230" t="s">
        <v>80</v>
      </c>
      <c r="H5230" t="s">
        <v>81</v>
      </c>
      <c r="I5230" s="2">
        <v>1</v>
      </c>
      <c r="J5230" s="2">
        <v>0</v>
      </c>
      <c r="K5230" s="2">
        <v>0</v>
      </c>
      <c r="L5230" t="s">
        <v>120</v>
      </c>
      <c r="M5230" t="s">
        <v>83</v>
      </c>
      <c r="N5230" t="s">
        <v>84</v>
      </c>
      <c r="O5230" t="s">
        <v>85</v>
      </c>
      <c r="P5230" t="s">
        <v>86</v>
      </c>
      <c r="Q5230">
        <v>13</v>
      </c>
      <c r="R5230">
        <v>13</v>
      </c>
      <c r="S5230">
        <v>13</v>
      </c>
      <c r="T5230">
        <v>13</v>
      </c>
      <c r="U5230">
        <v>13</v>
      </c>
      <c r="V5230">
        <v>13</v>
      </c>
      <c r="W5230">
        <v>13</v>
      </c>
      <c r="X5230">
        <v>13</v>
      </c>
      <c r="Y5230">
        <v>13</v>
      </c>
      <c r="Z5230">
        <v>13</v>
      </c>
      <c r="AA5230">
        <v>13</v>
      </c>
      <c r="AB5230">
        <v>13</v>
      </c>
      <c r="AC5230">
        <v>13</v>
      </c>
      <c r="AD5230">
        <v>13</v>
      </c>
      <c r="AE5230">
        <v>13</v>
      </c>
      <c r="AF5230">
        <v>13</v>
      </c>
      <c r="AG5230">
        <v>13</v>
      </c>
      <c r="AH5230">
        <v>13</v>
      </c>
      <c r="AI5230">
        <v>13</v>
      </c>
      <c r="AJ5230">
        <v>13</v>
      </c>
      <c r="AK5230">
        <v>13</v>
      </c>
      <c r="AL5230">
        <v>13</v>
      </c>
      <c r="AM5230">
        <v>13</v>
      </c>
      <c r="AN5230">
        <v>13</v>
      </c>
      <c r="AO5230">
        <v>13</v>
      </c>
      <c r="AP5230">
        <v>13</v>
      </c>
      <c r="AQ5230">
        <v>13</v>
      </c>
    </row>
    <row r="5231" spans="1:43">
      <c r="A5231" t="s">
        <v>3282</v>
      </c>
      <c r="B5231" t="s">
        <v>3283</v>
      </c>
      <c r="C5231" t="s">
        <v>3284</v>
      </c>
      <c r="D5231" t="s">
        <v>3285</v>
      </c>
      <c r="E5231" t="s">
        <v>2928</v>
      </c>
      <c r="F5231" t="s">
        <v>2929</v>
      </c>
      <c r="G5231" t="s">
        <v>80</v>
      </c>
      <c r="H5231" t="s">
        <v>81</v>
      </c>
      <c r="I5231" s="2">
        <v>1</v>
      </c>
      <c r="J5231" s="2">
        <v>0</v>
      </c>
      <c r="K5231" s="2">
        <v>0</v>
      </c>
      <c r="L5231" t="s">
        <v>120</v>
      </c>
      <c r="M5231" t="s">
        <v>87</v>
      </c>
      <c r="N5231" t="s">
        <v>88</v>
      </c>
      <c r="O5231" t="s">
        <v>85</v>
      </c>
      <c r="P5231" t="s">
        <v>86</v>
      </c>
      <c r="Q5231">
        <v>13</v>
      </c>
      <c r="R5231">
        <v>13</v>
      </c>
      <c r="S5231">
        <v>13</v>
      </c>
      <c r="T5231">
        <v>13</v>
      </c>
      <c r="U5231">
        <v>12</v>
      </c>
      <c r="V5231">
        <v>12</v>
      </c>
      <c r="W5231">
        <v>12</v>
      </c>
      <c r="X5231">
        <v>12</v>
      </c>
      <c r="Y5231">
        <v>12</v>
      </c>
      <c r="Z5231">
        <v>12</v>
      </c>
      <c r="AA5231">
        <v>12</v>
      </c>
      <c r="AB5231">
        <v>12</v>
      </c>
      <c r="AC5231">
        <v>12</v>
      </c>
      <c r="AD5231">
        <v>12</v>
      </c>
      <c r="AE5231">
        <v>12</v>
      </c>
      <c r="AF5231">
        <v>12</v>
      </c>
      <c r="AG5231">
        <v>12</v>
      </c>
      <c r="AH5231">
        <v>12</v>
      </c>
      <c r="AI5231">
        <v>12</v>
      </c>
      <c r="AJ5231">
        <v>12</v>
      </c>
      <c r="AK5231">
        <v>12</v>
      </c>
      <c r="AL5231">
        <v>11</v>
      </c>
      <c r="AM5231">
        <v>11</v>
      </c>
      <c r="AN5231">
        <v>11</v>
      </c>
      <c r="AO5231">
        <v>11</v>
      </c>
      <c r="AP5231">
        <v>11</v>
      </c>
      <c r="AQ5231">
        <v>11</v>
      </c>
    </row>
    <row r="5232" spans="1:43">
      <c r="A5232" t="s">
        <v>3282</v>
      </c>
      <c r="B5232" t="s">
        <v>3283</v>
      </c>
      <c r="C5232" t="s">
        <v>3284</v>
      </c>
      <c r="D5232" t="s">
        <v>3285</v>
      </c>
      <c r="E5232" t="s">
        <v>2928</v>
      </c>
      <c r="F5232" t="s">
        <v>2929</v>
      </c>
      <c r="G5232" t="s">
        <v>80</v>
      </c>
      <c r="H5232" t="s">
        <v>81</v>
      </c>
      <c r="I5232" s="2">
        <v>1</v>
      </c>
      <c r="J5232" s="2">
        <v>0</v>
      </c>
      <c r="K5232" s="2">
        <v>0</v>
      </c>
      <c r="L5232" t="s">
        <v>120</v>
      </c>
      <c r="M5232" t="s">
        <v>89</v>
      </c>
      <c r="N5232" t="s">
        <v>90</v>
      </c>
      <c r="O5232" t="s">
        <v>85</v>
      </c>
      <c r="P5232" t="s">
        <v>86</v>
      </c>
      <c r="Q5232">
        <v>13</v>
      </c>
      <c r="R5232">
        <v>13</v>
      </c>
      <c r="S5232">
        <v>13</v>
      </c>
      <c r="T5232">
        <v>13</v>
      </c>
      <c r="U5232">
        <v>14</v>
      </c>
      <c r="V5232">
        <v>14</v>
      </c>
      <c r="W5232">
        <v>14</v>
      </c>
      <c r="X5232">
        <v>14</v>
      </c>
      <c r="Y5232">
        <v>14</v>
      </c>
      <c r="Z5232">
        <v>14</v>
      </c>
      <c r="AA5232">
        <v>14</v>
      </c>
      <c r="AB5232">
        <v>14</v>
      </c>
      <c r="AC5232">
        <v>14</v>
      </c>
      <c r="AD5232">
        <v>14</v>
      </c>
      <c r="AE5232">
        <v>14</v>
      </c>
      <c r="AF5232">
        <v>14</v>
      </c>
      <c r="AG5232">
        <v>14</v>
      </c>
      <c r="AH5232">
        <v>14</v>
      </c>
      <c r="AI5232">
        <v>14</v>
      </c>
      <c r="AJ5232">
        <v>14</v>
      </c>
      <c r="AK5232">
        <v>14</v>
      </c>
      <c r="AL5232">
        <v>13</v>
      </c>
      <c r="AM5232">
        <v>13</v>
      </c>
      <c r="AN5232">
        <v>13</v>
      </c>
      <c r="AO5232">
        <v>13</v>
      </c>
      <c r="AP5232">
        <v>13</v>
      </c>
      <c r="AQ5232">
        <v>13</v>
      </c>
    </row>
    <row r="5233" spans="1:43">
      <c r="A5233" t="s">
        <v>3282</v>
      </c>
      <c r="B5233" t="s">
        <v>3283</v>
      </c>
      <c r="C5233" t="s">
        <v>3284</v>
      </c>
      <c r="D5233" t="s">
        <v>3285</v>
      </c>
      <c r="E5233" t="s">
        <v>2928</v>
      </c>
      <c r="F5233" t="s">
        <v>2929</v>
      </c>
      <c r="G5233" t="s">
        <v>80</v>
      </c>
      <c r="H5233" t="s">
        <v>81</v>
      </c>
      <c r="I5233" s="2">
        <v>1</v>
      </c>
      <c r="J5233" s="2">
        <v>0</v>
      </c>
      <c r="K5233" s="2">
        <v>0</v>
      </c>
      <c r="L5233" t="s">
        <v>120</v>
      </c>
      <c r="M5233" t="s">
        <v>83</v>
      </c>
      <c r="N5233" t="s">
        <v>91</v>
      </c>
      <c r="O5233" t="s">
        <v>85</v>
      </c>
      <c r="P5233" t="s">
        <v>86</v>
      </c>
      <c r="Q5233">
        <v>13</v>
      </c>
      <c r="R5233">
        <v>13</v>
      </c>
      <c r="S5233">
        <v>13</v>
      </c>
      <c r="T5233">
        <v>13</v>
      </c>
      <c r="U5233">
        <v>13</v>
      </c>
      <c r="V5233">
        <v>13</v>
      </c>
      <c r="W5233">
        <v>13</v>
      </c>
      <c r="X5233">
        <v>13</v>
      </c>
      <c r="Y5233">
        <v>13</v>
      </c>
      <c r="Z5233">
        <v>13</v>
      </c>
      <c r="AA5233">
        <v>13</v>
      </c>
      <c r="AB5233">
        <v>13</v>
      </c>
      <c r="AC5233">
        <v>13</v>
      </c>
      <c r="AD5233">
        <v>13</v>
      </c>
      <c r="AE5233">
        <v>13</v>
      </c>
      <c r="AF5233">
        <v>13</v>
      </c>
      <c r="AG5233">
        <v>13</v>
      </c>
      <c r="AH5233">
        <v>13</v>
      </c>
      <c r="AI5233">
        <v>13</v>
      </c>
      <c r="AJ5233">
        <v>13</v>
      </c>
      <c r="AK5233">
        <v>13</v>
      </c>
      <c r="AL5233">
        <v>13</v>
      </c>
      <c r="AM5233">
        <v>13</v>
      </c>
      <c r="AN5233">
        <v>13</v>
      </c>
      <c r="AO5233">
        <v>13</v>
      </c>
      <c r="AP5233">
        <v>13</v>
      </c>
      <c r="AQ5233">
        <v>13</v>
      </c>
    </row>
    <row r="5234" spans="1:43">
      <c r="A5234" t="s">
        <v>3286</v>
      </c>
      <c r="B5234" t="s">
        <v>3287</v>
      </c>
      <c r="C5234" t="s">
        <v>3284</v>
      </c>
      <c r="D5234" t="s">
        <v>3285</v>
      </c>
      <c r="E5234" t="s">
        <v>2928</v>
      </c>
      <c r="F5234" t="s">
        <v>2929</v>
      </c>
      <c r="G5234" t="s">
        <v>80</v>
      </c>
      <c r="H5234" t="s">
        <v>81</v>
      </c>
      <c r="I5234" s="2">
        <v>1</v>
      </c>
      <c r="J5234" s="2">
        <v>0</v>
      </c>
      <c r="K5234" s="2">
        <v>0</v>
      </c>
      <c r="L5234" t="s">
        <v>120</v>
      </c>
      <c r="M5234" t="s">
        <v>83</v>
      </c>
      <c r="N5234" t="s">
        <v>84</v>
      </c>
      <c r="O5234" t="s">
        <v>85</v>
      </c>
      <c r="P5234" t="s">
        <v>86</v>
      </c>
      <c r="Q5234">
        <v>13</v>
      </c>
      <c r="R5234">
        <v>13</v>
      </c>
      <c r="S5234">
        <v>14</v>
      </c>
      <c r="T5234">
        <v>14</v>
      </c>
      <c r="U5234">
        <v>14</v>
      </c>
      <c r="V5234">
        <v>14</v>
      </c>
      <c r="W5234">
        <v>14</v>
      </c>
      <c r="X5234">
        <v>14</v>
      </c>
      <c r="Y5234">
        <v>14</v>
      </c>
      <c r="Z5234">
        <v>14</v>
      </c>
      <c r="AA5234">
        <v>14</v>
      </c>
      <c r="AB5234">
        <v>14</v>
      </c>
      <c r="AC5234">
        <v>14</v>
      </c>
      <c r="AD5234">
        <v>14</v>
      </c>
      <c r="AE5234">
        <v>14</v>
      </c>
      <c r="AF5234">
        <v>14</v>
      </c>
      <c r="AG5234">
        <v>14</v>
      </c>
      <c r="AH5234">
        <v>14</v>
      </c>
      <c r="AI5234">
        <v>14</v>
      </c>
      <c r="AJ5234">
        <v>14</v>
      </c>
      <c r="AK5234">
        <v>14</v>
      </c>
      <c r="AL5234">
        <v>14</v>
      </c>
      <c r="AM5234">
        <v>14</v>
      </c>
      <c r="AN5234">
        <v>14</v>
      </c>
      <c r="AO5234">
        <v>14</v>
      </c>
      <c r="AP5234">
        <v>14</v>
      </c>
      <c r="AQ5234">
        <v>14</v>
      </c>
    </row>
    <row r="5235" spans="1:43">
      <c r="A5235" t="s">
        <v>3286</v>
      </c>
      <c r="B5235" t="s">
        <v>3287</v>
      </c>
      <c r="C5235" t="s">
        <v>3284</v>
      </c>
      <c r="D5235" t="s">
        <v>3285</v>
      </c>
      <c r="E5235" t="s">
        <v>2928</v>
      </c>
      <c r="F5235" t="s">
        <v>2929</v>
      </c>
      <c r="G5235" t="s">
        <v>80</v>
      </c>
      <c r="H5235" t="s">
        <v>81</v>
      </c>
      <c r="I5235" s="2">
        <v>1</v>
      </c>
      <c r="J5235" s="2">
        <v>0</v>
      </c>
      <c r="K5235" s="2">
        <v>0</v>
      </c>
      <c r="L5235" t="s">
        <v>120</v>
      </c>
      <c r="M5235" t="s">
        <v>87</v>
      </c>
      <c r="N5235" t="s">
        <v>88</v>
      </c>
      <c r="O5235" t="s">
        <v>85</v>
      </c>
      <c r="P5235" t="s">
        <v>86</v>
      </c>
      <c r="Q5235">
        <v>13</v>
      </c>
      <c r="R5235">
        <v>13</v>
      </c>
      <c r="S5235">
        <v>13</v>
      </c>
      <c r="T5235">
        <v>13</v>
      </c>
      <c r="U5235">
        <v>13</v>
      </c>
      <c r="V5235">
        <v>13</v>
      </c>
      <c r="W5235">
        <v>13</v>
      </c>
      <c r="X5235">
        <v>13</v>
      </c>
      <c r="Y5235">
        <v>13</v>
      </c>
      <c r="Z5235">
        <v>13</v>
      </c>
      <c r="AA5235">
        <v>13</v>
      </c>
      <c r="AB5235">
        <v>13</v>
      </c>
      <c r="AC5235">
        <v>13</v>
      </c>
      <c r="AD5235">
        <v>12</v>
      </c>
      <c r="AE5235">
        <v>12</v>
      </c>
      <c r="AF5235">
        <v>12</v>
      </c>
      <c r="AG5235">
        <v>12</v>
      </c>
      <c r="AH5235">
        <v>12</v>
      </c>
      <c r="AI5235">
        <v>12</v>
      </c>
      <c r="AJ5235">
        <v>12</v>
      </c>
      <c r="AK5235">
        <v>12</v>
      </c>
      <c r="AL5235">
        <v>12</v>
      </c>
      <c r="AM5235">
        <v>12</v>
      </c>
      <c r="AN5235">
        <v>12</v>
      </c>
      <c r="AO5235">
        <v>12</v>
      </c>
      <c r="AP5235">
        <v>12</v>
      </c>
      <c r="AQ5235">
        <v>12</v>
      </c>
    </row>
    <row r="5236" spans="1:43">
      <c r="A5236" t="s">
        <v>3286</v>
      </c>
      <c r="B5236" t="s">
        <v>3287</v>
      </c>
      <c r="C5236" t="s">
        <v>3284</v>
      </c>
      <c r="D5236" t="s">
        <v>3285</v>
      </c>
      <c r="E5236" t="s">
        <v>2928</v>
      </c>
      <c r="F5236" t="s">
        <v>2929</v>
      </c>
      <c r="G5236" t="s">
        <v>80</v>
      </c>
      <c r="H5236" t="s">
        <v>81</v>
      </c>
      <c r="I5236" s="2">
        <v>1</v>
      </c>
      <c r="J5236" s="2">
        <v>0</v>
      </c>
      <c r="K5236" s="2">
        <v>0</v>
      </c>
      <c r="L5236" t="s">
        <v>120</v>
      </c>
      <c r="M5236" t="s">
        <v>89</v>
      </c>
      <c r="N5236" t="s">
        <v>90</v>
      </c>
      <c r="O5236" t="s">
        <v>85</v>
      </c>
      <c r="P5236" t="s">
        <v>86</v>
      </c>
      <c r="Q5236">
        <v>13</v>
      </c>
      <c r="R5236">
        <v>13</v>
      </c>
      <c r="S5236">
        <v>13</v>
      </c>
      <c r="T5236">
        <v>13</v>
      </c>
      <c r="U5236">
        <v>13</v>
      </c>
      <c r="V5236">
        <v>13</v>
      </c>
      <c r="W5236">
        <v>13</v>
      </c>
      <c r="X5236">
        <v>13</v>
      </c>
      <c r="Y5236">
        <v>14</v>
      </c>
      <c r="Z5236">
        <v>14</v>
      </c>
      <c r="AA5236">
        <v>14</v>
      </c>
      <c r="AB5236">
        <v>14</v>
      </c>
      <c r="AC5236">
        <v>14</v>
      </c>
      <c r="AD5236">
        <v>14</v>
      </c>
      <c r="AE5236">
        <v>14</v>
      </c>
      <c r="AF5236">
        <v>14</v>
      </c>
      <c r="AG5236">
        <v>14</v>
      </c>
      <c r="AH5236">
        <v>14</v>
      </c>
      <c r="AI5236">
        <v>14</v>
      </c>
      <c r="AJ5236">
        <v>13</v>
      </c>
      <c r="AK5236">
        <v>13</v>
      </c>
      <c r="AL5236">
        <v>13</v>
      </c>
      <c r="AM5236">
        <v>13</v>
      </c>
      <c r="AN5236">
        <v>13</v>
      </c>
      <c r="AO5236">
        <v>13</v>
      </c>
      <c r="AP5236">
        <v>13</v>
      </c>
      <c r="AQ5236">
        <v>13</v>
      </c>
    </row>
    <row r="5237" spans="1:43">
      <c r="A5237" t="s">
        <v>3286</v>
      </c>
      <c r="B5237" t="s">
        <v>3287</v>
      </c>
      <c r="C5237" t="s">
        <v>3284</v>
      </c>
      <c r="D5237" t="s">
        <v>3285</v>
      </c>
      <c r="E5237" t="s">
        <v>2928</v>
      </c>
      <c r="F5237" t="s">
        <v>2929</v>
      </c>
      <c r="G5237" t="s">
        <v>80</v>
      </c>
      <c r="H5237" t="s">
        <v>81</v>
      </c>
      <c r="I5237" s="2">
        <v>1</v>
      </c>
      <c r="J5237" s="2">
        <v>0</v>
      </c>
      <c r="K5237" s="2">
        <v>0</v>
      </c>
      <c r="L5237" t="s">
        <v>120</v>
      </c>
      <c r="M5237" t="s">
        <v>83</v>
      </c>
      <c r="N5237" t="s">
        <v>91</v>
      </c>
      <c r="O5237" t="s">
        <v>85</v>
      </c>
      <c r="P5237" t="s">
        <v>86</v>
      </c>
      <c r="Q5237">
        <v>13</v>
      </c>
      <c r="R5237">
        <v>13</v>
      </c>
      <c r="S5237">
        <v>14</v>
      </c>
      <c r="T5237">
        <v>14</v>
      </c>
      <c r="U5237">
        <v>14</v>
      </c>
      <c r="V5237">
        <v>14</v>
      </c>
      <c r="W5237">
        <v>14</v>
      </c>
      <c r="X5237">
        <v>14</v>
      </c>
      <c r="Y5237">
        <v>14</v>
      </c>
      <c r="Z5237">
        <v>14</v>
      </c>
      <c r="AA5237">
        <v>14</v>
      </c>
      <c r="AB5237">
        <v>14</v>
      </c>
      <c r="AC5237">
        <v>14</v>
      </c>
      <c r="AD5237">
        <v>14</v>
      </c>
      <c r="AE5237">
        <v>14</v>
      </c>
      <c r="AF5237">
        <v>14</v>
      </c>
      <c r="AG5237">
        <v>14</v>
      </c>
      <c r="AH5237">
        <v>14</v>
      </c>
      <c r="AI5237">
        <v>14</v>
      </c>
      <c r="AJ5237">
        <v>14</v>
      </c>
      <c r="AK5237">
        <v>14</v>
      </c>
      <c r="AL5237">
        <v>14</v>
      </c>
      <c r="AM5237">
        <v>14</v>
      </c>
      <c r="AN5237">
        <v>14</v>
      </c>
      <c r="AO5237">
        <v>14</v>
      </c>
      <c r="AP5237">
        <v>14</v>
      </c>
      <c r="AQ5237">
        <v>14</v>
      </c>
    </row>
    <row r="5238" spans="1:43">
      <c r="A5238" t="s">
        <v>3288</v>
      </c>
      <c r="B5238" t="s">
        <v>3289</v>
      </c>
      <c r="C5238" t="s">
        <v>3140</v>
      </c>
      <c r="D5238" t="s">
        <v>3141</v>
      </c>
      <c r="E5238" t="s">
        <v>2928</v>
      </c>
      <c r="F5238" t="s">
        <v>2929</v>
      </c>
      <c r="G5238" t="s">
        <v>80</v>
      </c>
      <c r="H5238" t="s">
        <v>81</v>
      </c>
      <c r="I5238" s="2">
        <v>1</v>
      </c>
      <c r="J5238" s="2">
        <v>0</v>
      </c>
      <c r="K5238" s="2">
        <v>0</v>
      </c>
      <c r="L5238" t="s">
        <v>120</v>
      </c>
      <c r="M5238" t="s">
        <v>83</v>
      </c>
      <c r="N5238" t="s">
        <v>84</v>
      </c>
      <c r="O5238" t="s">
        <v>85</v>
      </c>
      <c r="P5238" t="s">
        <v>86</v>
      </c>
      <c r="Q5238">
        <v>43</v>
      </c>
      <c r="R5238">
        <v>43</v>
      </c>
      <c r="S5238">
        <v>43</v>
      </c>
      <c r="T5238">
        <v>43</v>
      </c>
      <c r="U5238">
        <v>44</v>
      </c>
      <c r="V5238">
        <v>44</v>
      </c>
      <c r="W5238">
        <v>44</v>
      </c>
      <c r="X5238">
        <v>44</v>
      </c>
      <c r="Y5238">
        <v>44</v>
      </c>
      <c r="Z5238">
        <v>44</v>
      </c>
      <c r="AA5238">
        <v>44</v>
      </c>
      <c r="AB5238">
        <v>45</v>
      </c>
      <c r="AC5238">
        <v>45</v>
      </c>
      <c r="AD5238">
        <v>45</v>
      </c>
      <c r="AE5238">
        <v>45</v>
      </c>
      <c r="AF5238">
        <v>45</v>
      </c>
      <c r="AG5238">
        <v>45</v>
      </c>
      <c r="AH5238">
        <v>45</v>
      </c>
      <c r="AI5238">
        <v>45</v>
      </c>
      <c r="AJ5238">
        <v>45</v>
      </c>
      <c r="AK5238">
        <v>46</v>
      </c>
      <c r="AL5238">
        <v>45</v>
      </c>
      <c r="AM5238">
        <v>45</v>
      </c>
      <c r="AN5238">
        <v>45</v>
      </c>
      <c r="AO5238">
        <v>45</v>
      </c>
      <c r="AP5238">
        <v>44</v>
      </c>
      <c r="AQ5238">
        <v>44</v>
      </c>
    </row>
    <row r="5239" spans="1:43">
      <c r="A5239" t="s">
        <v>3288</v>
      </c>
      <c r="B5239" t="s">
        <v>3289</v>
      </c>
      <c r="C5239" t="s">
        <v>3140</v>
      </c>
      <c r="D5239" t="s">
        <v>3141</v>
      </c>
      <c r="E5239" t="s">
        <v>2928</v>
      </c>
      <c r="F5239" t="s">
        <v>2929</v>
      </c>
      <c r="G5239" t="s">
        <v>80</v>
      </c>
      <c r="H5239" t="s">
        <v>81</v>
      </c>
      <c r="I5239" s="2">
        <v>1</v>
      </c>
      <c r="J5239" s="2">
        <v>0</v>
      </c>
      <c r="K5239" s="2">
        <v>0</v>
      </c>
      <c r="L5239" t="s">
        <v>120</v>
      </c>
      <c r="M5239" t="s">
        <v>87</v>
      </c>
      <c r="N5239" t="s">
        <v>88</v>
      </c>
      <c r="O5239" t="s">
        <v>85</v>
      </c>
      <c r="P5239" t="s">
        <v>86</v>
      </c>
      <c r="Q5239">
        <v>43</v>
      </c>
      <c r="R5239">
        <v>43</v>
      </c>
      <c r="S5239">
        <v>43</v>
      </c>
      <c r="T5239">
        <v>43</v>
      </c>
      <c r="U5239">
        <v>43</v>
      </c>
      <c r="V5239">
        <v>42</v>
      </c>
      <c r="W5239">
        <v>42</v>
      </c>
      <c r="X5239">
        <v>42</v>
      </c>
      <c r="Y5239">
        <v>42</v>
      </c>
      <c r="Z5239">
        <v>42</v>
      </c>
      <c r="AA5239">
        <v>42</v>
      </c>
      <c r="AB5239">
        <v>41</v>
      </c>
      <c r="AC5239">
        <v>41</v>
      </c>
      <c r="AD5239">
        <v>41</v>
      </c>
      <c r="AE5239">
        <v>41</v>
      </c>
      <c r="AF5239">
        <v>41</v>
      </c>
      <c r="AG5239">
        <v>40</v>
      </c>
      <c r="AH5239">
        <v>40</v>
      </c>
      <c r="AI5239">
        <v>40</v>
      </c>
      <c r="AJ5239">
        <v>40</v>
      </c>
      <c r="AK5239">
        <v>40</v>
      </c>
      <c r="AL5239">
        <v>40</v>
      </c>
      <c r="AM5239">
        <v>40</v>
      </c>
      <c r="AN5239">
        <v>39</v>
      </c>
      <c r="AO5239">
        <v>39</v>
      </c>
      <c r="AP5239">
        <v>39</v>
      </c>
      <c r="AQ5239">
        <v>39</v>
      </c>
    </row>
    <row r="5240" spans="1:43">
      <c r="A5240" t="s">
        <v>3288</v>
      </c>
      <c r="B5240" t="s">
        <v>3289</v>
      </c>
      <c r="C5240" t="s">
        <v>3140</v>
      </c>
      <c r="D5240" t="s">
        <v>3141</v>
      </c>
      <c r="E5240" t="s">
        <v>2928</v>
      </c>
      <c r="F5240" t="s">
        <v>2929</v>
      </c>
      <c r="G5240" t="s">
        <v>80</v>
      </c>
      <c r="H5240" t="s">
        <v>81</v>
      </c>
      <c r="I5240" s="2">
        <v>1</v>
      </c>
      <c r="J5240" s="2">
        <v>0</v>
      </c>
      <c r="K5240" s="2">
        <v>0</v>
      </c>
      <c r="L5240" t="s">
        <v>120</v>
      </c>
      <c r="M5240" t="s">
        <v>89</v>
      </c>
      <c r="N5240" t="s">
        <v>90</v>
      </c>
      <c r="O5240" t="s">
        <v>85</v>
      </c>
      <c r="P5240" t="s">
        <v>86</v>
      </c>
      <c r="Q5240">
        <v>43</v>
      </c>
      <c r="R5240">
        <v>44</v>
      </c>
      <c r="S5240">
        <v>44</v>
      </c>
      <c r="T5240">
        <v>45</v>
      </c>
      <c r="U5240">
        <v>45</v>
      </c>
      <c r="V5240">
        <v>46</v>
      </c>
      <c r="W5240">
        <v>46</v>
      </c>
      <c r="X5240">
        <v>46</v>
      </c>
      <c r="Y5240">
        <v>47</v>
      </c>
      <c r="Z5240">
        <v>47</v>
      </c>
      <c r="AA5240">
        <v>47</v>
      </c>
      <c r="AB5240">
        <v>48</v>
      </c>
      <c r="AC5240">
        <v>48</v>
      </c>
      <c r="AD5240">
        <v>48</v>
      </c>
      <c r="AE5240">
        <v>48</v>
      </c>
      <c r="AF5240">
        <v>48</v>
      </c>
      <c r="AG5240">
        <v>48</v>
      </c>
      <c r="AH5240">
        <v>47</v>
      </c>
      <c r="AI5240">
        <v>47</v>
      </c>
      <c r="AJ5240">
        <v>47</v>
      </c>
      <c r="AK5240">
        <v>46</v>
      </c>
      <c r="AL5240">
        <v>46</v>
      </c>
      <c r="AM5240">
        <v>46</v>
      </c>
      <c r="AN5240">
        <v>45</v>
      </c>
      <c r="AO5240">
        <v>45</v>
      </c>
      <c r="AP5240">
        <v>45</v>
      </c>
      <c r="AQ5240">
        <v>45</v>
      </c>
    </row>
    <row r="5241" spans="1:43">
      <c r="A5241" t="s">
        <v>3288</v>
      </c>
      <c r="B5241" t="s">
        <v>3289</v>
      </c>
      <c r="C5241" t="s">
        <v>3140</v>
      </c>
      <c r="D5241" t="s">
        <v>3141</v>
      </c>
      <c r="E5241" t="s">
        <v>2928</v>
      </c>
      <c r="F5241" t="s">
        <v>2929</v>
      </c>
      <c r="G5241" t="s">
        <v>80</v>
      </c>
      <c r="H5241" t="s">
        <v>81</v>
      </c>
      <c r="I5241" s="2">
        <v>1</v>
      </c>
      <c r="J5241" s="2">
        <v>0</v>
      </c>
      <c r="K5241" s="2">
        <v>0</v>
      </c>
      <c r="L5241" t="s">
        <v>120</v>
      </c>
      <c r="M5241" t="s">
        <v>83</v>
      </c>
      <c r="N5241" t="s">
        <v>91</v>
      </c>
      <c r="O5241" t="s">
        <v>85</v>
      </c>
      <c r="P5241" t="s">
        <v>86</v>
      </c>
      <c r="Q5241">
        <v>43</v>
      </c>
      <c r="R5241">
        <v>43</v>
      </c>
      <c r="S5241">
        <v>43</v>
      </c>
      <c r="T5241">
        <v>43</v>
      </c>
      <c r="U5241">
        <v>44</v>
      </c>
      <c r="V5241">
        <v>44</v>
      </c>
      <c r="W5241">
        <v>44</v>
      </c>
      <c r="X5241">
        <v>44</v>
      </c>
      <c r="Y5241">
        <v>44</v>
      </c>
      <c r="Z5241">
        <v>44</v>
      </c>
      <c r="AA5241">
        <v>44</v>
      </c>
      <c r="AB5241">
        <v>45</v>
      </c>
      <c r="AC5241">
        <v>45</v>
      </c>
      <c r="AD5241">
        <v>45</v>
      </c>
      <c r="AE5241">
        <v>45</v>
      </c>
      <c r="AF5241">
        <v>45</v>
      </c>
      <c r="AG5241">
        <v>45</v>
      </c>
      <c r="AH5241">
        <v>45</v>
      </c>
      <c r="AI5241">
        <v>45</v>
      </c>
      <c r="AJ5241">
        <v>45</v>
      </c>
      <c r="AK5241">
        <v>46</v>
      </c>
      <c r="AL5241">
        <v>45</v>
      </c>
      <c r="AM5241">
        <v>45</v>
      </c>
      <c r="AN5241">
        <v>45</v>
      </c>
      <c r="AO5241">
        <v>45</v>
      </c>
      <c r="AP5241">
        <v>44</v>
      </c>
      <c r="AQ5241">
        <v>44</v>
      </c>
    </row>
    <row r="5242" spans="1:43">
      <c r="A5242" t="s">
        <v>3290</v>
      </c>
      <c r="B5242" t="s">
        <v>3291</v>
      </c>
      <c r="C5242" t="s">
        <v>3140</v>
      </c>
      <c r="D5242" t="s">
        <v>3141</v>
      </c>
      <c r="E5242" t="s">
        <v>2928</v>
      </c>
      <c r="F5242" t="s">
        <v>2929</v>
      </c>
      <c r="G5242" t="s">
        <v>80</v>
      </c>
      <c r="H5242" t="s">
        <v>81</v>
      </c>
      <c r="I5242" s="2">
        <v>1</v>
      </c>
      <c r="J5242" s="2">
        <v>0</v>
      </c>
      <c r="K5242" s="2">
        <v>0</v>
      </c>
      <c r="L5242" t="s">
        <v>120</v>
      </c>
      <c r="M5242" t="s">
        <v>83</v>
      </c>
      <c r="N5242" t="s">
        <v>84</v>
      </c>
      <c r="O5242" t="s">
        <v>85</v>
      </c>
      <c r="P5242" t="s">
        <v>86</v>
      </c>
      <c r="Q5242">
        <v>21</v>
      </c>
      <c r="R5242">
        <v>21</v>
      </c>
      <c r="S5242">
        <v>21</v>
      </c>
      <c r="T5242">
        <v>21</v>
      </c>
      <c r="U5242">
        <v>21</v>
      </c>
      <c r="V5242">
        <v>21</v>
      </c>
      <c r="W5242">
        <v>21</v>
      </c>
      <c r="X5242">
        <v>21</v>
      </c>
      <c r="Y5242">
        <v>21</v>
      </c>
      <c r="Z5242">
        <v>21</v>
      </c>
      <c r="AA5242">
        <v>21</v>
      </c>
      <c r="AB5242">
        <v>21</v>
      </c>
      <c r="AC5242">
        <v>21</v>
      </c>
      <c r="AD5242">
        <v>21</v>
      </c>
      <c r="AE5242">
        <v>21</v>
      </c>
      <c r="AF5242">
        <v>21</v>
      </c>
      <c r="AG5242">
        <v>21</v>
      </c>
      <c r="AH5242">
        <v>22</v>
      </c>
      <c r="AI5242">
        <v>22</v>
      </c>
      <c r="AJ5242">
        <v>22</v>
      </c>
      <c r="AK5242">
        <v>22</v>
      </c>
      <c r="AL5242">
        <v>21</v>
      </c>
      <c r="AM5242">
        <v>21</v>
      </c>
      <c r="AN5242">
        <v>21</v>
      </c>
      <c r="AO5242">
        <v>21</v>
      </c>
      <c r="AP5242">
        <v>21</v>
      </c>
      <c r="AQ5242">
        <v>21</v>
      </c>
    </row>
    <row r="5243" spans="1:43">
      <c r="A5243" t="s">
        <v>3290</v>
      </c>
      <c r="B5243" t="s">
        <v>3291</v>
      </c>
      <c r="C5243" t="s">
        <v>3140</v>
      </c>
      <c r="D5243" t="s">
        <v>3141</v>
      </c>
      <c r="E5243" t="s">
        <v>2928</v>
      </c>
      <c r="F5243" t="s">
        <v>2929</v>
      </c>
      <c r="G5243" t="s">
        <v>80</v>
      </c>
      <c r="H5243" t="s">
        <v>81</v>
      </c>
      <c r="I5243" s="2">
        <v>1</v>
      </c>
      <c r="J5243" s="2">
        <v>0</v>
      </c>
      <c r="K5243" s="2">
        <v>0</v>
      </c>
      <c r="L5243" t="s">
        <v>120</v>
      </c>
      <c r="M5243" t="s">
        <v>87</v>
      </c>
      <c r="N5243" t="s">
        <v>88</v>
      </c>
      <c r="O5243" t="s">
        <v>85</v>
      </c>
      <c r="P5243" t="s">
        <v>86</v>
      </c>
      <c r="Q5243">
        <v>21</v>
      </c>
      <c r="R5243">
        <v>21</v>
      </c>
      <c r="S5243">
        <v>21</v>
      </c>
      <c r="T5243">
        <v>21</v>
      </c>
      <c r="U5243">
        <v>21</v>
      </c>
      <c r="V5243">
        <v>21</v>
      </c>
      <c r="W5243">
        <v>21</v>
      </c>
      <c r="X5243">
        <v>21</v>
      </c>
      <c r="Y5243">
        <v>21</v>
      </c>
      <c r="Z5243">
        <v>20</v>
      </c>
      <c r="AA5243">
        <v>20</v>
      </c>
      <c r="AB5243">
        <v>20</v>
      </c>
      <c r="AC5243">
        <v>20</v>
      </c>
      <c r="AD5243">
        <v>20</v>
      </c>
      <c r="AE5243">
        <v>20</v>
      </c>
      <c r="AF5243">
        <v>20</v>
      </c>
      <c r="AG5243">
        <v>20</v>
      </c>
      <c r="AH5243">
        <v>20</v>
      </c>
      <c r="AI5243">
        <v>20</v>
      </c>
      <c r="AJ5243">
        <v>20</v>
      </c>
      <c r="AK5243">
        <v>19</v>
      </c>
      <c r="AL5243">
        <v>19</v>
      </c>
      <c r="AM5243">
        <v>19</v>
      </c>
      <c r="AN5243">
        <v>19</v>
      </c>
      <c r="AO5243">
        <v>19</v>
      </c>
      <c r="AP5243">
        <v>19</v>
      </c>
      <c r="AQ5243">
        <v>19</v>
      </c>
    </row>
    <row r="5244" spans="1:43">
      <c r="A5244" t="s">
        <v>3290</v>
      </c>
      <c r="B5244" t="s">
        <v>3291</v>
      </c>
      <c r="C5244" t="s">
        <v>3140</v>
      </c>
      <c r="D5244" t="s">
        <v>3141</v>
      </c>
      <c r="E5244" t="s">
        <v>2928</v>
      </c>
      <c r="F5244" t="s">
        <v>2929</v>
      </c>
      <c r="G5244" t="s">
        <v>80</v>
      </c>
      <c r="H5244" t="s">
        <v>81</v>
      </c>
      <c r="I5244" s="2">
        <v>1</v>
      </c>
      <c r="J5244" s="2">
        <v>0</v>
      </c>
      <c r="K5244" s="2">
        <v>0</v>
      </c>
      <c r="L5244" t="s">
        <v>120</v>
      </c>
      <c r="M5244" t="s">
        <v>89</v>
      </c>
      <c r="N5244" t="s">
        <v>90</v>
      </c>
      <c r="O5244" t="s">
        <v>85</v>
      </c>
      <c r="P5244" t="s">
        <v>86</v>
      </c>
      <c r="Q5244">
        <v>21</v>
      </c>
      <c r="R5244">
        <v>21</v>
      </c>
      <c r="S5244">
        <v>21</v>
      </c>
      <c r="T5244">
        <v>21</v>
      </c>
      <c r="U5244">
        <v>22</v>
      </c>
      <c r="V5244">
        <v>22</v>
      </c>
      <c r="W5244">
        <v>22</v>
      </c>
      <c r="X5244">
        <v>22</v>
      </c>
      <c r="Y5244">
        <v>22</v>
      </c>
      <c r="Z5244">
        <v>23</v>
      </c>
      <c r="AA5244">
        <v>23</v>
      </c>
      <c r="AB5244">
        <v>23</v>
      </c>
      <c r="AC5244">
        <v>23</v>
      </c>
      <c r="AD5244">
        <v>23</v>
      </c>
      <c r="AE5244">
        <v>23</v>
      </c>
      <c r="AF5244">
        <v>23</v>
      </c>
      <c r="AG5244">
        <v>23</v>
      </c>
      <c r="AH5244">
        <v>22</v>
      </c>
      <c r="AI5244">
        <v>22</v>
      </c>
      <c r="AJ5244">
        <v>22</v>
      </c>
      <c r="AK5244">
        <v>22</v>
      </c>
      <c r="AL5244">
        <v>22</v>
      </c>
      <c r="AM5244">
        <v>22</v>
      </c>
      <c r="AN5244">
        <v>21</v>
      </c>
      <c r="AO5244">
        <v>21</v>
      </c>
      <c r="AP5244">
        <v>21</v>
      </c>
      <c r="AQ5244">
        <v>21</v>
      </c>
    </row>
    <row r="5245" spans="1:43">
      <c r="A5245" t="s">
        <v>3290</v>
      </c>
      <c r="B5245" t="s">
        <v>3291</v>
      </c>
      <c r="C5245" t="s">
        <v>3140</v>
      </c>
      <c r="D5245" t="s">
        <v>3141</v>
      </c>
      <c r="E5245" t="s">
        <v>2928</v>
      </c>
      <c r="F5245" t="s">
        <v>2929</v>
      </c>
      <c r="G5245" t="s">
        <v>80</v>
      </c>
      <c r="H5245" t="s">
        <v>81</v>
      </c>
      <c r="I5245" s="2">
        <v>1</v>
      </c>
      <c r="J5245" s="2">
        <v>0</v>
      </c>
      <c r="K5245" s="2">
        <v>0</v>
      </c>
      <c r="L5245" t="s">
        <v>120</v>
      </c>
      <c r="M5245" t="s">
        <v>83</v>
      </c>
      <c r="N5245" t="s">
        <v>91</v>
      </c>
      <c r="O5245" t="s">
        <v>85</v>
      </c>
      <c r="P5245" t="s">
        <v>86</v>
      </c>
      <c r="Q5245">
        <v>21</v>
      </c>
      <c r="R5245">
        <v>21</v>
      </c>
      <c r="S5245">
        <v>21</v>
      </c>
      <c r="T5245">
        <v>21</v>
      </c>
      <c r="U5245">
        <v>21</v>
      </c>
      <c r="V5245">
        <v>21</v>
      </c>
      <c r="W5245">
        <v>21</v>
      </c>
      <c r="X5245">
        <v>21</v>
      </c>
      <c r="Y5245">
        <v>21</v>
      </c>
      <c r="Z5245">
        <v>21</v>
      </c>
      <c r="AA5245">
        <v>21</v>
      </c>
      <c r="AB5245">
        <v>21</v>
      </c>
      <c r="AC5245">
        <v>21</v>
      </c>
      <c r="AD5245">
        <v>21</v>
      </c>
      <c r="AE5245">
        <v>21</v>
      </c>
      <c r="AF5245">
        <v>21</v>
      </c>
      <c r="AG5245">
        <v>21</v>
      </c>
      <c r="AH5245">
        <v>22</v>
      </c>
      <c r="AI5245">
        <v>22</v>
      </c>
      <c r="AJ5245">
        <v>22</v>
      </c>
      <c r="AK5245">
        <v>22</v>
      </c>
      <c r="AL5245">
        <v>21</v>
      </c>
      <c r="AM5245">
        <v>21</v>
      </c>
      <c r="AN5245">
        <v>21</v>
      </c>
      <c r="AO5245">
        <v>21</v>
      </c>
      <c r="AP5245">
        <v>21</v>
      </c>
      <c r="AQ5245">
        <v>21</v>
      </c>
    </row>
    <row r="5246" spans="1:43">
      <c r="A5246" t="s">
        <v>3292</v>
      </c>
      <c r="B5246" t="s">
        <v>3293</v>
      </c>
      <c r="C5246" t="s">
        <v>3140</v>
      </c>
      <c r="D5246" t="s">
        <v>3141</v>
      </c>
      <c r="E5246" t="s">
        <v>2928</v>
      </c>
      <c r="F5246" t="s">
        <v>2929</v>
      </c>
      <c r="G5246" t="s">
        <v>80</v>
      </c>
      <c r="H5246" t="s">
        <v>81</v>
      </c>
      <c r="I5246" s="2">
        <v>1</v>
      </c>
      <c r="J5246" s="2">
        <v>0</v>
      </c>
      <c r="K5246" s="2">
        <v>0</v>
      </c>
      <c r="L5246" t="s">
        <v>120</v>
      </c>
      <c r="M5246" t="s">
        <v>83</v>
      </c>
      <c r="N5246" t="s">
        <v>84</v>
      </c>
      <c r="O5246" t="s">
        <v>85</v>
      </c>
      <c r="P5246" t="s">
        <v>86</v>
      </c>
      <c r="Q5246">
        <v>41</v>
      </c>
      <c r="R5246">
        <v>42</v>
      </c>
      <c r="S5246">
        <v>42</v>
      </c>
      <c r="T5246">
        <v>42</v>
      </c>
      <c r="U5246">
        <v>42</v>
      </c>
      <c r="V5246">
        <v>42</v>
      </c>
      <c r="W5246">
        <v>42</v>
      </c>
      <c r="X5246">
        <v>43</v>
      </c>
      <c r="Y5246">
        <v>43</v>
      </c>
      <c r="Z5246">
        <v>43</v>
      </c>
      <c r="AA5246">
        <v>43</v>
      </c>
      <c r="AB5246">
        <v>43</v>
      </c>
      <c r="AC5246">
        <v>43</v>
      </c>
      <c r="AD5246">
        <v>43</v>
      </c>
      <c r="AE5246">
        <v>43</v>
      </c>
      <c r="AF5246">
        <v>43</v>
      </c>
      <c r="AG5246">
        <v>43</v>
      </c>
      <c r="AH5246">
        <v>43</v>
      </c>
      <c r="AI5246">
        <v>43</v>
      </c>
      <c r="AJ5246">
        <v>44</v>
      </c>
      <c r="AK5246">
        <v>44</v>
      </c>
      <c r="AL5246">
        <v>43</v>
      </c>
      <c r="AM5246">
        <v>43</v>
      </c>
      <c r="AN5246">
        <v>43</v>
      </c>
      <c r="AO5246">
        <v>42</v>
      </c>
      <c r="AP5246">
        <v>42</v>
      </c>
      <c r="AQ5246">
        <v>42</v>
      </c>
    </row>
    <row r="5247" spans="1:43">
      <c r="A5247" t="s">
        <v>3292</v>
      </c>
      <c r="B5247" t="s">
        <v>3293</v>
      </c>
      <c r="C5247" t="s">
        <v>3140</v>
      </c>
      <c r="D5247" t="s">
        <v>3141</v>
      </c>
      <c r="E5247" t="s">
        <v>2928</v>
      </c>
      <c r="F5247" t="s">
        <v>2929</v>
      </c>
      <c r="G5247" t="s">
        <v>80</v>
      </c>
      <c r="H5247" t="s">
        <v>81</v>
      </c>
      <c r="I5247" s="2">
        <v>1</v>
      </c>
      <c r="J5247" s="2">
        <v>0</v>
      </c>
      <c r="K5247" s="2">
        <v>0</v>
      </c>
      <c r="L5247" t="s">
        <v>120</v>
      </c>
      <c r="M5247" t="s">
        <v>87</v>
      </c>
      <c r="N5247" t="s">
        <v>88</v>
      </c>
      <c r="O5247" t="s">
        <v>85</v>
      </c>
      <c r="P5247" t="s">
        <v>86</v>
      </c>
      <c r="Q5247">
        <v>41</v>
      </c>
      <c r="R5247">
        <v>41</v>
      </c>
      <c r="S5247">
        <v>41</v>
      </c>
      <c r="T5247">
        <v>40</v>
      </c>
      <c r="U5247">
        <v>40</v>
      </c>
      <c r="V5247">
        <v>40</v>
      </c>
      <c r="W5247">
        <v>40</v>
      </c>
      <c r="X5247">
        <v>40</v>
      </c>
      <c r="Y5247">
        <v>39</v>
      </c>
      <c r="Z5247">
        <v>39</v>
      </c>
      <c r="AA5247">
        <v>39</v>
      </c>
      <c r="AB5247">
        <v>39</v>
      </c>
      <c r="AC5247">
        <v>39</v>
      </c>
      <c r="AD5247">
        <v>39</v>
      </c>
      <c r="AE5247">
        <v>38</v>
      </c>
      <c r="AF5247">
        <v>38</v>
      </c>
      <c r="AG5247">
        <v>38</v>
      </c>
      <c r="AH5247">
        <v>38</v>
      </c>
      <c r="AI5247">
        <v>38</v>
      </c>
      <c r="AJ5247">
        <v>38</v>
      </c>
      <c r="AK5247">
        <v>37</v>
      </c>
      <c r="AL5247">
        <v>37</v>
      </c>
      <c r="AM5247">
        <v>37</v>
      </c>
      <c r="AN5247">
        <v>37</v>
      </c>
      <c r="AO5247">
        <v>37</v>
      </c>
      <c r="AP5247">
        <v>36</v>
      </c>
      <c r="AQ5247">
        <v>36</v>
      </c>
    </row>
    <row r="5248" spans="1:43">
      <c r="A5248" t="s">
        <v>3292</v>
      </c>
      <c r="B5248" t="s">
        <v>3293</v>
      </c>
      <c r="C5248" t="s">
        <v>3140</v>
      </c>
      <c r="D5248" t="s">
        <v>3141</v>
      </c>
      <c r="E5248" t="s">
        <v>2928</v>
      </c>
      <c r="F5248" t="s">
        <v>2929</v>
      </c>
      <c r="G5248" t="s">
        <v>80</v>
      </c>
      <c r="H5248" t="s">
        <v>81</v>
      </c>
      <c r="I5248" s="2">
        <v>1</v>
      </c>
      <c r="J5248" s="2">
        <v>0</v>
      </c>
      <c r="K5248" s="2">
        <v>0</v>
      </c>
      <c r="L5248" t="s">
        <v>120</v>
      </c>
      <c r="M5248" t="s">
        <v>89</v>
      </c>
      <c r="N5248" t="s">
        <v>90</v>
      </c>
      <c r="O5248" t="s">
        <v>85</v>
      </c>
      <c r="P5248" t="s">
        <v>86</v>
      </c>
      <c r="Q5248">
        <v>41</v>
      </c>
      <c r="R5248">
        <v>41</v>
      </c>
      <c r="S5248">
        <v>42</v>
      </c>
      <c r="T5248">
        <v>42</v>
      </c>
      <c r="U5248">
        <v>43</v>
      </c>
      <c r="V5248">
        <v>43</v>
      </c>
      <c r="W5248">
        <v>44</v>
      </c>
      <c r="X5248">
        <v>44</v>
      </c>
      <c r="Y5248">
        <v>44</v>
      </c>
      <c r="Z5248">
        <v>44</v>
      </c>
      <c r="AA5248">
        <v>45</v>
      </c>
      <c r="AB5248">
        <v>45</v>
      </c>
      <c r="AC5248">
        <v>45</v>
      </c>
      <c r="AD5248">
        <v>45</v>
      </c>
      <c r="AE5248">
        <v>45</v>
      </c>
      <c r="AF5248">
        <v>45</v>
      </c>
      <c r="AG5248">
        <v>45</v>
      </c>
      <c r="AH5248">
        <v>44</v>
      </c>
      <c r="AI5248">
        <v>44</v>
      </c>
      <c r="AJ5248">
        <v>44</v>
      </c>
      <c r="AK5248">
        <v>43</v>
      </c>
      <c r="AL5248">
        <v>43</v>
      </c>
      <c r="AM5248">
        <v>43</v>
      </c>
      <c r="AN5248">
        <v>42</v>
      </c>
      <c r="AO5248">
        <v>42</v>
      </c>
      <c r="AP5248">
        <v>42</v>
      </c>
      <c r="AQ5248">
        <v>41</v>
      </c>
    </row>
    <row r="5249" spans="1:43">
      <c r="A5249" t="s">
        <v>3292</v>
      </c>
      <c r="B5249" t="s">
        <v>3293</v>
      </c>
      <c r="C5249" t="s">
        <v>3140</v>
      </c>
      <c r="D5249" t="s">
        <v>3141</v>
      </c>
      <c r="E5249" t="s">
        <v>2928</v>
      </c>
      <c r="F5249" t="s">
        <v>2929</v>
      </c>
      <c r="G5249" t="s">
        <v>80</v>
      </c>
      <c r="H5249" t="s">
        <v>81</v>
      </c>
      <c r="I5249" s="2">
        <v>1</v>
      </c>
      <c r="J5249" s="2">
        <v>0</v>
      </c>
      <c r="K5249" s="2">
        <v>0</v>
      </c>
      <c r="L5249" t="s">
        <v>120</v>
      </c>
      <c r="M5249" t="s">
        <v>83</v>
      </c>
      <c r="N5249" t="s">
        <v>91</v>
      </c>
      <c r="O5249" t="s">
        <v>85</v>
      </c>
      <c r="P5249" t="s">
        <v>86</v>
      </c>
      <c r="Q5249">
        <v>41</v>
      </c>
      <c r="R5249">
        <v>42</v>
      </c>
      <c r="S5249">
        <v>42</v>
      </c>
      <c r="T5249">
        <v>42</v>
      </c>
      <c r="U5249">
        <v>42</v>
      </c>
      <c r="V5249">
        <v>42</v>
      </c>
      <c r="W5249">
        <v>42</v>
      </c>
      <c r="X5249">
        <v>43</v>
      </c>
      <c r="Y5249">
        <v>43</v>
      </c>
      <c r="Z5249">
        <v>43</v>
      </c>
      <c r="AA5249">
        <v>43</v>
      </c>
      <c r="AB5249">
        <v>43</v>
      </c>
      <c r="AC5249">
        <v>43</v>
      </c>
      <c r="AD5249">
        <v>43</v>
      </c>
      <c r="AE5249">
        <v>43</v>
      </c>
      <c r="AF5249">
        <v>43</v>
      </c>
      <c r="AG5249">
        <v>43</v>
      </c>
      <c r="AH5249">
        <v>43</v>
      </c>
      <c r="AI5249">
        <v>43</v>
      </c>
      <c r="AJ5249">
        <v>44</v>
      </c>
      <c r="AK5249">
        <v>44</v>
      </c>
      <c r="AL5249">
        <v>43</v>
      </c>
      <c r="AM5249">
        <v>43</v>
      </c>
      <c r="AN5249">
        <v>43</v>
      </c>
      <c r="AO5249">
        <v>42</v>
      </c>
      <c r="AP5249">
        <v>42</v>
      </c>
      <c r="AQ5249">
        <v>42</v>
      </c>
    </row>
    <row r="5250" spans="1:43">
      <c r="A5250" t="s">
        <v>3294</v>
      </c>
      <c r="B5250" t="s">
        <v>3295</v>
      </c>
      <c r="C5250" t="s">
        <v>3284</v>
      </c>
      <c r="D5250" t="s">
        <v>3285</v>
      </c>
      <c r="E5250" t="s">
        <v>2928</v>
      </c>
      <c r="F5250" t="s">
        <v>2929</v>
      </c>
      <c r="G5250" t="s">
        <v>80</v>
      </c>
      <c r="H5250" t="s">
        <v>81</v>
      </c>
      <c r="I5250" s="2">
        <v>1</v>
      </c>
      <c r="J5250" s="2">
        <v>0</v>
      </c>
      <c r="K5250" s="2">
        <v>0</v>
      </c>
      <c r="L5250" t="s">
        <v>120</v>
      </c>
      <c r="M5250" t="s">
        <v>83</v>
      </c>
      <c r="N5250" t="s">
        <v>84</v>
      </c>
      <c r="O5250" t="s">
        <v>85</v>
      </c>
      <c r="P5250" t="s">
        <v>86</v>
      </c>
      <c r="Q5250">
        <v>4</v>
      </c>
      <c r="R5250">
        <v>4</v>
      </c>
      <c r="S5250">
        <v>4</v>
      </c>
      <c r="T5250">
        <v>4</v>
      </c>
      <c r="U5250">
        <v>4</v>
      </c>
      <c r="V5250">
        <v>4</v>
      </c>
      <c r="W5250">
        <v>4</v>
      </c>
      <c r="X5250">
        <v>4</v>
      </c>
      <c r="Y5250">
        <v>4</v>
      </c>
      <c r="Z5250">
        <v>4</v>
      </c>
      <c r="AA5250">
        <v>4</v>
      </c>
      <c r="AB5250">
        <v>4</v>
      </c>
      <c r="AC5250">
        <v>4</v>
      </c>
      <c r="AD5250">
        <v>4</v>
      </c>
      <c r="AE5250">
        <v>4</v>
      </c>
      <c r="AF5250">
        <v>4</v>
      </c>
      <c r="AG5250">
        <v>4</v>
      </c>
      <c r="AH5250">
        <v>4</v>
      </c>
      <c r="AI5250">
        <v>4</v>
      </c>
      <c r="AJ5250">
        <v>4</v>
      </c>
      <c r="AK5250">
        <v>4</v>
      </c>
      <c r="AL5250">
        <v>4</v>
      </c>
      <c r="AM5250">
        <v>4</v>
      </c>
      <c r="AN5250">
        <v>4</v>
      </c>
      <c r="AO5250">
        <v>4</v>
      </c>
      <c r="AP5250">
        <v>4</v>
      </c>
      <c r="AQ5250">
        <v>4</v>
      </c>
    </row>
    <row r="5251" spans="1:43">
      <c r="A5251" t="s">
        <v>3294</v>
      </c>
      <c r="B5251" t="s">
        <v>3295</v>
      </c>
      <c r="C5251" t="s">
        <v>3284</v>
      </c>
      <c r="D5251" t="s">
        <v>3285</v>
      </c>
      <c r="E5251" t="s">
        <v>2928</v>
      </c>
      <c r="F5251" t="s">
        <v>2929</v>
      </c>
      <c r="G5251" t="s">
        <v>80</v>
      </c>
      <c r="H5251" t="s">
        <v>81</v>
      </c>
      <c r="I5251" s="2">
        <v>1</v>
      </c>
      <c r="J5251" s="2">
        <v>0</v>
      </c>
      <c r="K5251" s="2">
        <v>0</v>
      </c>
      <c r="L5251" t="s">
        <v>120</v>
      </c>
      <c r="M5251" t="s">
        <v>87</v>
      </c>
      <c r="N5251" t="s">
        <v>88</v>
      </c>
      <c r="O5251" t="s">
        <v>85</v>
      </c>
      <c r="P5251" t="s">
        <v>86</v>
      </c>
      <c r="Q5251">
        <v>4</v>
      </c>
      <c r="R5251">
        <v>4</v>
      </c>
      <c r="S5251">
        <v>4</v>
      </c>
      <c r="T5251">
        <v>4</v>
      </c>
      <c r="U5251">
        <v>3</v>
      </c>
      <c r="V5251">
        <v>3</v>
      </c>
      <c r="W5251">
        <v>3</v>
      </c>
      <c r="X5251">
        <v>3</v>
      </c>
      <c r="Y5251">
        <v>3</v>
      </c>
      <c r="Z5251">
        <v>3</v>
      </c>
      <c r="AA5251">
        <v>3</v>
      </c>
      <c r="AB5251">
        <v>3</v>
      </c>
      <c r="AC5251">
        <v>3</v>
      </c>
      <c r="AD5251">
        <v>3</v>
      </c>
      <c r="AE5251">
        <v>3</v>
      </c>
      <c r="AF5251">
        <v>3</v>
      </c>
      <c r="AG5251">
        <v>3</v>
      </c>
      <c r="AH5251">
        <v>3</v>
      </c>
      <c r="AI5251">
        <v>3</v>
      </c>
      <c r="AJ5251">
        <v>3</v>
      </c>
      <c r="AK5251">
        <v>3</v>
      </c>
      <c r="AL5251">
        <v>3</v>
      </c>
      <c r="AM5251">
        <v>3</v>
      </c>
      <c r="AN5251">
        <v>3</v>
      </c>
      <c r="AO5251">
        <v>3</v>
      </c>
      <c r="AP5251">
        <v>3</v>
      </c>
      <c r="AQ5251">
        <v>3</v>
      </c>
    </row>
    <row r="5252" spans="1:43">
      <c r="A5252" t="s">
        <v>3294</v>
      </c>
      <c r="B5252" t="s">
        <v>3295</v>
      </c>
      <c r="C5252" t="s">
        <v>3284</v>
      </c>
      <c r="D5252" t="s">
        <v>3285</v>
      </c>
      <c r="E5252" t="s">
        <v>2928</v>
      </c>
      <c r="F5252" t="s">
        <v>2929</v>
      </c>
      <c r="G5252" t="s">
        <v>80</v>
      </c>
      <c r="H5252" t="s">
        <v>81</v>
      </c>
      <c r="I5252" s="2">
        <v>1</v>
      </c>
      <c r="J5252" s="2">
        <v>0</v>
      </c>
      <c r="K5252" s="2">
        <v>0</v>
      </c>
      <c r="L5252" t="s">
        <v>120</v>
      </c>
      <c r="M5252" t="s">
        <v>89</v>
      </c>
      <c r="N5252" t="s">
        <v>90</v>
      </c>
      <c r="O5252" t="s">
        <v>85</v>
      </c>
      <c r="P5252" t="s">
        <v>86</v>
      </c>
      <c r="Q5252">
        <v>4</v>
      </c>
      <c r="R5252">
        <v>4</v>
      </c>
      <c r="S5252">
        <v>4</v>
      </c>
      <c r="T5252">
        <v>4</v>
      </c>
      <c r="U5252">
        <v>4</v>
      </c>
      <c r="V5252">
        <v>4</v>
      </c>
      <c r="W5252">
        <v>4</v>
      </c>
      <c r="X5252">
        <v>4</v>
      </c>
      <c r="Y5252">
        <v>4</v>
      </c>
      <c r="Z5252">
        <v>4</v>
      </c>
      <c r="AA5252">
        <v>4</v>
      </c>
      <c r="AB5252">
        <v>4</v>
      </c>
      <c r="AC5252">
        <v>4</v>
      </c>
      <c r="AD5252">
        <v>4</v>
      </c>
      <c r="AE5252">
        <v>4</v>
      </c>
      <c r="AF5252">
        <v>4</v>
      </c>
      <c r="AG5252">
        <v>4</v>
      </c>
      <c r="AH5252">
        <v>4</v>
      </c>
      <c r="AI5252">
        <v>4</v>
      </c>
      <c r="AJ5252">
        <v>4</v>
      </c>
      <c r="AK5252">
        <v>4</v>
      </c>
      <c r="AL5252">
        <v>4</v>
      </c>
      <c r="AM5252">
        <v>4</v>
      </c>
      <c r="AN5252">
        <v>4</v>
      </c>
      <c r="AO5252">
        <v>4</v>
      </c>
      <c r="AP5252">
        <v>4</v>
      </c>
      <c r="AQ5252">
        <v>4</v>
      </c>
    </row>
    <row r="5253" spans="1:43">
      <c r="A5253" t="s">
        <v>3294</v>
      </c>
      <c r="B5253" t="s">
        <v>3295</v>
      </c>
      <c r="C5253" t="s">
        <v>3284</v>
      </c>
      <c r="D5253" t="s">
        <v>3285</v>
      </c>
      <c r="E5253" t="s">
        <v>2928</v>
      </c>
      <c r="F5253" t="s">
        <v>2929</v>
      </c>
      <c r="G5253" t="s">
        <v>80</v>
      </c>
      <c r="H5253" t="s">
        <v>81</v>
      </c>
      <c r="I5253" s="2">
        <v>1</v>
      </c>
      <c r="J5253" s="2">
        <v>0</v>
      </c>
      <c r="K5253" s="2">
        <v>0</v>
      </c>
      <c r="L5253" t="s">
        <v>120</v>
      </c>
      <c r="M5253" t="s">
        <v>83</v>
      </c>
      <c r="N5253" t="s">
        <v>91</v>
      </c>
      <c r="O5253" t="s">
        <v>85</v>
      </c>
      <c r="P5253" t="s">
        <v>86</v>
      </c>
      <c r="Q5253">
        <v>4</v>
      </c>
      <c r="R5253">
        <v>4</v>
      </c>
      <c r="S5253">
        <v>4</v>
      </c>
      <c r="T5253">
        <v>4</v>
      </c>
      <c r="U5253">
        <v>4</v>
      </c>
      <c r="V5253">
        <v>4</v>
      </c>
      <c r="W5253">
        <v>4</v>
      </c>
      <c r="X5253">
        <v>4</v>
      </c>
      <c r="Y5253">
        <v>4</v>
      </c>
      <c r="Z5253">
        <v>4</v>
      </c>
      <c r="AA5253">
        <v>4</v>
      </c>
      <c r="AB5253">
        <v>4</v>
      </c>
      <c r="AC5253">
        <v>4</v>
      </c>
      <c r="AD5253">
        <v>4</v>
      </c>
      <c r="AE5253">
        <v>4</v>
      </c>
      <c r="AF5253">
        <v>4</v>
      </c>
      <c r="AG5253">
        <v>4</v>
      </c>
      <c r="AH5253">
        <v>4</v>
      </c>
      <c r="AI5253">
        <v>4</v>
      </c>
      <c r="AJ5253">
        <v>4</v>
      </c>
      <c r="AK5253">
        <v>4</v>
      </c>
      <c r="AL5253">
        <v>4</v>
      </c>
      <c r="AM5253">
        <v>4</v>
      </c>
      <c r="AN5253">
        <v>4</v>
      </c>
      <c r="AO5253">
        <v>4</v>
      </c>
      <c r="AP5253">
        <v>4</v>
      </c>
      <c r="AQ5253">
        <v>4</v>
      </c>
    </row>
    <row r="5254" spans="1:43">
      <c r="A5254" t="s">
        <v>3296</v>
      </c>
      <c r="B5254" t="s">
        <v>3297</v>
      </c>
      <c r="C5254" t="s">
        <v>3284</v>
      </c>
      <c r="D5254" t="s">
        <v>3285</v>
      </c>
      <c r="E5254" t="s">
        <v>2928</v>
      </c>
      <c r="F5254" t="s">
        <v>2929</v>
      </c>
      <c r="G5254" t="s">
        <v>80</v>
      </c>
      <c r="H5254" t="s">
        <v>81</v>
      </c>
      <c r="I5254" s="2">
        <v>1</v>
      </c>
      <c r="J5254" s="2">
        <v>0</v>
      </c>
      <c r="K5254" s="2">
        <v>0</v>
      </c>
      <c r="L5254" t="s">
        <v>120</v>
      </c>
      <c r="M5254" t="s">
        <v>83</v>
      </c>
      <c r="N5254" t="s">
        <v>84</v>
      </c>
      <c r="O5254" t="s">
        <v>85</v>
      </c>
      <c r="P5254" t="s">
        <v>86</v>
      </c>
      <c r="Q5254">
        <v>56</v>
      </c>
      <c r="R5254">
        <v>56</v>
      </c>
      <c r="S5254">
        <v>56</v>
      </c>
      <c r="T5254">
        <v>56</v>
      </c>
      <c r="U5254">
        <v>57</v>
      </c>
      <c r="V5254">
        <v>57</v>
      </c>
      <c r="W5254">
        <v>57</v>
      </c>
      <c r="X5254">
        <v>57</v>
      </c>
      <c r="Y5254">
        <v>57</v>
      </c>
      <c r="Z5254">
        <v>58</v>
      </c>
      <c r="AA5254">
        <v>58</v>
      </c>
      <c r="AB5254">
        <v>58</v>
      </c>
      <c r="AC5254">
        <v>58</v>
      </c>
      <c r="AD5254">
        <v>58</v>
      </c>
      <c r="AE5254">
        <v>58</v>
      </c>
      <c r="AF5254">
        <v>58</v>
      </c>
      <c r="AG5254">
        <v>58</v>
      </c>
      <c r="AH5254">
        <v>58</v>
      </c>
      <c r="AI5254">
        <v>59</v>
      </c>
      <c r="AJ5254">
        <v>59</v>
      </c>
      <c r="AK5254">
        <v>59</v>
      </c>
      <c r="AL5254">
        <v>58</v>
      </c>
      <c r="AM5254">
        <v>58</v>
      </c>
      <c r="AN5254">
        <v>58</v>
      </c>
      <c r="AO5254">
        <v>57</v>
      </c>
      <c r="AP5254">
        <v>57</v>
      </c>
      <c r="AQ5254">
        <v>56</v>
      </c>
    </row>
    <row r="5255" spans="1:43">
      <c r="A5255" t="s">
        <v>3296</v>
      </c>
      <c r="B5255" t="s">
        <v>3297</v>
      </c>
      <c r="C5255" t="s">
        <v>3284</v>
      </c>
      <c r="D5255" t="s">
        <v>3285</v>
      </c>
      <c r="E5255" t="s">
        <v>2928</v>
      </c>
      <c r="F5255" t="s">
        <v>2929</v>
      </c>
      <c r="G5255" t="s">
        <v>80</v>
      </c>
      <c r="H5255" t="s">
        <v>81</v>
      </c>
      <c r="I5255" s="2">
        <v>1</v>
      </c>
      <c r="J5255" s="2">
        <v>0</v>
      </c>
      <c r="K5255" s="2">
        <v>0</v>
      </c>
      <c r="L5255" t="s">
        <v>120</v>
      </c>
      <c r="M5255" t="s">
        <v>87</v>
      </c>
      <c r="N5255" t="s">
        <v>88</v>
      </c>
      <c r="O5255" t="s">
        <v>85</v>
      </c>
      <c r="P5255" t="s">
        <v>86</v>
      </c>
      <c r="Q5255">
        <v>56</v>
      </c>
      <c r="R5255">
        <v>56</v>
      </c>
      <c r="S5255">
        <v>56</v>
      </c>
      <c r="T5255">
        <v>55</v>
      </c>
      <c r="U5255">
        <v>55</v>
      </c>
      <c r="V5255">
        <v>55</v>
      </c>
      <c r="W5255">
        <v>55</v>
      </c>
      <c r="X5255">
        <v>54</v>
      </c>
      <c r="Y5255">
        <v>54</v>
      </c>
      <c r="Z5255">
        <v>54</v>
      </c>
      <c r="AA5255">
        <v>54</v>
      </c>
      <c r="AB5255">
        <v>53</v>
      </c>
      <c r="AC5255">
        <v>53</v>
      </c>
      <c r="AD5255">
        <v>53</v>
      </c>
      <c r="AE5255">
        <v>53</v>
      </c>
      <c r="AF5255">
        <v>52</v>
      </c>
      <c r="AG5255">
        <v>52</v>
      </c>
      <c r="AH5255">
        <v>52</v>
      </c>
      <c r="AI5255">
        <v>52</v>
      </c>
      <c r="AJ5255">
        <v>52</v>
      </c>
      <c r="AK5255">
        <v>51</v>
      </c>
      <c r="AL5255">
        <v>51</v>
      </c>
      <c r="AM5255">
        <v>51</v>
      </c>
      <c r="AN5255">
        <v>51</v>
      </c>
      <c r="AO5255">
        <v>50</v>
      </c>
      <c r="AP5255">
        <v>50</v>
      </c>
      <c r="AQ5255">
        <v>50</v>
      </c>
    </row>
    <row r="5256" spans="1:43">
      <c r="A5256" t="s">
        <v>3296</v>
      </c>
      <c r="B5256" t="s">
        <v>3297</v>
      </c>
      <c r="C5256" t="s">
        <v>3284</v>
      </c>
      <c r="D5256" t="s">
        <v>3285</v>
      </c>
      <c r="E5256" t="s">
        <v>2928</v>
      </c>
      <c r="F5256" t="s">
        <v>2929</v>
      </c>
      <c r="G5256" t="s">
        <v>80</v>
      </c>
      <c r="H5256" t="s">
        <v>81</v>
      </c>
      <c r="I5256" s="2">
        <v>1</v>
      </c>
      <c r="J5256" s="2">
        <v>0</v>
      </c>
      <c r="K5256" s="2">
        <v>0</v>
      </c>
      <c r="L5256" t="s">
        <v>120</v>
      </c>
      <c r="M5256" t="s">
        <v>89</v>
      </c>
      <c r="N5256" t="s">
        <v>90</v>
      </c>
      <c r="O5256" t="s">
        <v>85</v>
      </c>
      <c r="P5256" t="s">
        <v>86</v>
      </c>
      <c r="Q5256">
        <v>56</v>
      </c>
      <c r="R5256">
        <v>57</v>
      </c>
      <c r="S5256">
        <v>58</v>
      </c>
      <c r="T5256">
        <v>58</v>
      </c>
      <c r="U5256">
        <v>59</v>
      </c>
      <c r="V5256">
        <v>59</v>
      </c>
      <c r="W5256">
        <v>60</v>
      </c>
      <c r="X5256">
        <v>60</v>
      </c>
      <c r="Y5256">
        <v>61</v>
      </c>
      <c r="Z5256">
        <v>61</v>
      </c>
      <c r="AA5256">
        <v>61</v>
      </c>
      <c r="AB5256">
        <v>62</v>
      </c>
      <c r="AC5256">
        <v>62</v>
      </c>
      <c r="AD5256">
        <v>62</v>
      </c>
      <c r="AE5256">
        <v>62</v>
      </c>
      <c r="AF5256">
        <v>62</v>
      </c>
      <c r="AG5256">
        <v>61</v>
      </c>
      <c r="AH5256">
        <v>61</v>
      </c>
      <c r="AI5256">
        <v>60</v>
      </c>
      <c r="AJ5256">
        <v>60</v>
      </c>
      <c r="AK5256">
        <v>60</v>
      </c>
      <c r="AL5256">
        <v>59</v>
      </c>
      <c r="AM5256">
        <v>59</v>
      </c>
      <c r="AN5256">
        <v>58</v>
      </c>
      <c r="AO5256">
        <v>58</v>
      </c>
      <c r="AP5256">
        <v>57</v>
      </c>
      <c r="AQ5256">
        <v>57</v>
      </c>
    </row>
    <row r="5257" spans="1:43">
      <c r="A5257" t="s">
        <v>3296</v>
      </c>
      <c r="B5257" t="s">
        <v>3297</v>
      </c>
      <c r="C5257" t="s">
        <v>3284</v>
      </c>
      <c r="D5257" t="s">
        <v>3285</v>
      </c>
      <c r="E5257" t="s">
        <v>2928</v>
      </c>
      <c r="F5257" t="s">
        <v>2929</v>
      </c>
      <c r="G5257" t="s">
        <v>80</v>
      </c>
      <c r="H5257" t="s">
        <v>81</v>
      </c>
      <c r="I5257" s="2">
        <v>1</v>
      </c>
      <c r="J5257" s="2">
        <v>0</v>
      </c>
      <c r="K5257" s="2">
        <v>0</v>
      </c>
      <c r="L5257" t="s">
        <v>120</v>
      </c>
      <c r="M5257" t="s">
        <v>83</v>
      </c>
      <c r="N5257" t="s">
        <v>91</v>
      </c>
      <c r="O5257" t="s">
        <v>85</v>
      </c>
      <c r="P5257" t="s">
        <v>86</v>
      </c>
      <c r="Q5257">
        <v>56</v>
      </c>
      <c r="R5257">
        <v>56</v>
      </c>
      <c r="S5257">
        <v>56</v>
      </c>
      <c r="T5257">
        <v>56</v>
      </c>
      <c r="U5257">
        <v>57</v>
      </c>
      <c r="V5257">
        <v>57</v>
      </c>
      <c r="W5257">
        <v>57</v>
      </c>
      <c r="X5257">
        <v>57</v>
      </c>
      <c r="Y5257">
        <v>57</v>
      </c>
      <c r="Z5257">
        <v>58</v>
      </c>
      <c r="AA5257">
        <v>58</v>
      </c>
      <c r="AB5257">
        <v>58</v>
      </c>
      <c r="AC5257">
        <v>58</v>
      </c>
      <c r="AD5257">
        <v>58</v>
      </c>
      <c r="AE5257">
        <v>58</v>
      </c>
      <c r="AF5257">
        <v>58</v>
      </c>
      <c r="AG5257">
        <v>58</v>
      </c>
      <c r="AH5257">
        <v>58</v>
      </c>
      <c r="AI5257">
        <v>59</v>
      </c>
      <c r="AJ5257">
        <v>59</v>
      </c>
      <c r="AK5257">
        <v>59</v>
      </c>
      <c r="AL5257">
        <v>58</v>
      </c>
      <c r="AM5257">
        <v>58</v>
      </c>
      <c r="AN5257">
        <v>58</v>
      </c>
      <c r="AO5257">
        <v>57</v>
      </c>
      <c r="AP5257">
        <v>57</v>
      </c>
      <c r="AQ5257">
        <v>56</v>
      </c>
    </row>
    <row r="5258" spans="1:43">
      <c r="A5258" t="s">
        <v>3298</v>
      </c>
      <c r="B5258" t="s">
        <v>3299</v>
      </c>
      <c r="C5258" t="s">
        <v>3070</v>
      </c>
      <c r="D5258" t="s">
        <v>3071</v>
      </c>
      <c r="E5258" t="s">
        <v>2928</v>
      </c>
      <c r="F5258" t="s">
        <v>2929</v>
      </c>
      <c r="G5258" t="s">
        <v>80</v>
      </c>
      <c r="H5258" t="s">
        <v>81</v>
      </c>
      <c r="I5258" s="2">
        <v>1</v>
      </c>
      <c r="J5258" s="2">
        <v>0</v>
      </c>
      <c r="K5258" s="2">
        <v>0</v>
      </c>
      <c r="L5258" t="s">
        <v>120</v>
      </c>
      <c r="M5258" t="s">
        <v>83</v>
      </c>
      <c r="N5258" t="s">
        <v>84</v>
      </c>
      <c r="O5258" t="s">
        <v>85</v>
      </c>
      <c r="P5258" t="s">
        <v>86</v>
      </c>
      <c r="Q5258">
        <v>11</v>
      </c>
      <c r="R5258">
        <v>11</v>
      </c>
      <c r="S5258">
        <v>11</v>
      </c>
      <c r="T5258">
        <v>11</v>
      </c>
      <c r="U5258">
        <v>11</v>
      </c>
      <c r="V5258">
        <v>11</v>
      </c>
      <c r="W5258">
        <v>11</v>
      </c>
      <c r="X5258">
        <v>11</v>
      </c>
      <c r="Y5258">
        <v>11</v>
      </c>
      <c r="Z5258">
        <v>11</v>
      </c>
      <c r="AA5258">
        <v>11</v>
      </c>
      <c r="AB5258">
        <v>11</v>
      </c>
      <c r="AC5258">
        <v>11</v>
      </c>
      <c r="AD5258">
        <v>11</v>
      </c>
      <c r="AE5258">
        <v>11</v>
      </c>
      <c r="AF5258">
        <v>11</v>
      </c>
      <c r="AG5258">
        <v>11</v>
      </c>
      <c r="AH5258">
        <v>11</v>
      </c>
      <c r="AI5258">
        <v>11</v>
      </c>
      <c r="AJ5258">
        <v>11</v>
      </c>
      <c r="AK5258">
        <v>11</v>
      </c>
      <c r="AL5258">
        <v>11</v>
      </c>
      <c r="AM5258">
        <v>11</v>
      </c>
      <c r="AN5258">
        <v>11</v>
      </c>
      <c r="AO5258">
        <v>11</v>
      </c>
      <c r="AP5258">
        <v>11</v>
      </c>
      <c r="AQ5258">
        <v>11</v>
      </c>
    </row>
    <row r="5259" spans="1:43">
      <c r="A5259" t="s">
        <v>3298</v>
      </c>
      <c r="B5259" t="s">
        <v>3299</v>
      </c>
      <c r="C5259" t="s">
        <v>3070</v>
      </c>
      <c r="D5259" t="s">
        <v>3071</v>
      </c>
      <c r="E5259" t="s">
        <v>2928</v>
      </c>
      <c r="F5259" t="s">
        <v>2929</v>
      </c>
      <c r="G5259" t="s">
        <v>80</v>
      </c>
      <c r="H5259" t="s">
        <v>81</v>
      </c>
      <c r="I5259" s="2">
        <v>1</v>
      </c>
      <c r="J5259" s="2">
        <v>0</v>
      </c>
      <c r="K5259" s="2">
        <v>0</v>
      </c>
      <c r="L5259" t="s">
        <v>120</v>
      </c>
      <c r="M5259" t="s">
        <v>87</v>
      </c>
      <c r="N5259" t="s">
        <v>88</v>
      </c>
      <c r="O5259" t="s">
        <v>85</v>
      </c>
      <c r="P5259" t="s">
        <v>86</v>
      </c>
      <c r="Q5259">
        <v>11</v>
      </c>
      <c r="R5259">
        <v>11</v>
      </c>
      <c r="S5259">
        <v>11</v>
      </c>
      <c r="T5259">
        <v>10</v>
      </c>
      <c r="U5259">
        <v>10</v>
      </c>
      <c r="V5259">
        <v>10</v>
      </c>
      <c r="W5259">
        <v>10</v>
      </c>
      <c r="X5259">
        <v>10</v>
      </c>
      <c r="Y5259">
        <v>10</v>
      </c>
      <c r="Z5259">
        <v>10</v>
      </c>
      <c r="AA5259">
        <v>10</v>
      </c>
      <c r="AB5259">
        <v>10</v>
      </c>
      <c r="AC5259">
        <v>10</v>
      </c>
      <c r="AD5259">
        <v>10</v>
      </c>
      <c r="AE5259">
        <v>10</v>
      </c>
      <c r="AF5259">
        <v>10</v>
      </c>
      <c r="AG5259">
        <v>10</v>
      </c>
      <c r="AH5259">
        <v>10</v>
      </c>
      <c r="AI5259">
        <v>10</v>
      </c>
      <c r="AJ5259">
        <v>10</v>
      </c>
      <c r="AK5259">
        <v>10</v>
      </c>
      <c r="AL5259">
        <v>10</v>
      </c>
      <c r="AM5259">
        <v>10</v>
      </c>
      <c r="AN5259">
        <v>10</v>
      </c>
      <c r="AO5259">
        <v>10</v>
      </c>
      <c r="AP5259">
        <v>9</v>
      </c>
      <c r="AQ5259">
        <v>9</v>
      </c>
    </row>
    <row r="5260" spans="1:43">
      <c r="A5260" t="s">
        <v>3298</v>
      </c>
      <c r="B5260" t="s">
        <v>3299</v>
      </c>
      <c r="C5260" t="s">
        <v>3070</v>
      </c>
      <c r="D5260" t="s">
        <v>3071</v>
      </c>
      <c r="E5260" t="s">
        <v>2928</v>
      </c>
      <c r="F5260" t="s">
        <v>2929</v>
      </c>
      <c r="G5260" t="s">
        <v>80</v>
      </c>
      <c r="H5260" t="s">
        <v>81</v>
      </c>
      <c r="I5260" s="2">
        <v>1</v>
      </c>
      <c r="J5260" s="2">
        <v>0</v>
      </c>
      <c r="K5260" s="2">
        <v>0</v>
      </c>
      <c r="L5260" t="s">
        <v>120</v>
      </c>
      <c r="M5260" t="s">
        <v>89</v>
      </c>
      <c r="N5260" t="s">
        <v>90</v>
      </c>
      <c r="O5260" t="s">
        <v>85</v>
      </c>
      <c r="P5260" t="s">
        <v>86</v>
      </c>
      <c r="Q5260">
        <v>11</v>
      </c>
      <c r="R5260">
        <v>11</v>
      </c>
      <c r="S5260">
        <v>11</v>
      </c>
      <c r="T5260">
        <v>11</v>
      </c>
      <c r="U5260">
        <v>11</v>
      </c>
      <c r="V5260">
        <v>11</v>
      </c>
      <c r="W5260">
        <v>12</v>
      </c>
      <c r="X5260">
        <v>12</v>
      </c>
      <c r="Y5260">
        <v>12</v>
      </c>
      <c r="Z5260">
        <v>12</v>
      </c>
      <c r="AA5260">
        <v>12</v>
      </c>
      <c r="AB5260">
        <v>12</v>
      </c>
      <c r="AC5260">
        <v>12</v>
      </c>
      <c r="AD5260">
        <v>12</v>
      </c>
      <c r="AE5260">
        <v>12</v>
      </c>
      <c r="AF5260">
        <v>12</v>
      </c>
      <c r="AG5260">
        <v>12</v>
      </c>
      <c r="AH5260">
        <v>12</v>
      </c>
      <c r="AI5260">
        <v>12</v>
      </c>
      <c r="AJ5260">
        <v>12</v>
      </c>
      <c r="AK5260">
        <v>11</v>
      </c>
      <c r="AL5260">
        <v>11</v>
      </c>
      <c r="AM5260">
        <v>11</v>
      </c>
      <c r="AN5260">
        <v>11</v>
      </c>
      <c r="AO5260">
        <v>11</v>
      </c>
      <c r="AP5260">
        <v>11</v>
      </c>
      <c r="AQ5260">
        <v>11</v>
      </c>
    </row>
    <row r="5261" spans="1:43">
      <c r="A5261" t="s">
        <v>3298</v>
      </c>
      <c r="B5261" t="s">
        <v>3299</v>
      </c>
      <c r="C5261" t="s">
        <v>3070</v>
      </c>
      <c r="D5261" t="s">
        <v>3071</v>
      </c>
      <c r="E5261" t="s">
        <v>2928</v>
      </c>
      <c r="F5261" t="s">
        <v>2929</v>
      </c>
      <c r="G5261" t="s">
        <v>80</v>
      </c>
      <c r="H5261" t="s">
        <v>81</v>
      </c>
      <c r="I5261" s="2">
        <v>1</v>
      </c>
      <c r="J5261" s="2">
        <v>0</v>
      </c>
      <c r="K5261" s="2">
        <v>0</v>
      </c>
      <c r="L5261" t="s">
        <v>120</v>
      </c>
      <c r="M5261" t="s">
        <v>83</v>
      </c>
      <c r="N5261" t="s">
        <v>91</v>
      </c>
      <c r="O5261" t="s">
        <v>85</v>
      </c>
      <c r="P5261" t="s">
        <v>86</v>
      </c>
      <c r="Q5261">
        <v>11</v>
      </c>
      <c r="R5261">
        <v>11</v>
      </c>
      <c r="S5261">
        <v>11</v>
      </c>
      <c r="T5261">
        <v>11</v>
      </c>
      <c r="U5261">
        <v>11</v>
      </c>
      <c r="V5261">
        <v>11</v>
      </c>
      <c r="W5261">
        <v>11</v>
      </c>
      <c r="X5261">
        <v>11</v>
      </c>
      <c r="Y5261">
        <v>11</v>
      </c>
      <c r="Z5261">
        <v>11</v>
      </c>
      <c r="AA5261">
        <v>11</v>
      </c>
      <c r="AB5261">
        <v>11</v>
      </c>
      <c r="AC5261">
        <v>11</v>
      </c>
      <c r="AD5261">
        <v>11</v>
      </c>
      <c r="AE5261">
        <v>11</v>
      </c>
      <c r="AF5261">
        <v>11</v>
      </c>
      <c r="AG5261">
        <v>11</v>
      </c>
      <c r="AH5261">
        <v>11</v>
      </c>
      <c r="AI5261">
        <v>11</v>
      </c>
      <c r="AJ5261">
        <v>11</v>
      </c>
      <c r="AK5261">
        <v>11</v>
      </c>
      <c r="AL5261">
        <v>11</v>
      </c>
      <c r="AM5261">
        <v>11</v>
      </c>
      <c r="AN5261">
        <v>11</v>
      </c>
      <c r="AO5261">
        <v>11</v>
      </c>
      <c r="AP5261">
        <v>11</v>
      </c>
      <c r="AQ5261">
        <v>11</v>
      </c>
    </row>
    <row r="5262" spans="1:43">
      <c r="A5262" t="s">
        <v>3300</v>
      </c>
      <c r="B5262" t="s">
        <v>3301</v>
      </c>
      <c r="C5262" t="s">
        <v>3074</v>
      </c>
      <c r="D5262" t="s">
        <v>3075</v>
      </c>
      <c r="E5262" t="s">
        <v>2928</v>
      </c>
      <c r="F5262" t="s">
        <v>2929</v>
      </c>
      <c r="G5262" t="s">
        <v>80</v>
      </c>
      <c r="H5262" t="s">
        <v>81</v>
      </c>
      <c r="I5262" s="2">
        <v>1</v>
      </c>
      <c r="J5262" s="2">
        <v>0</v>
      </c>
      <c r="K5262" s="2">
        <v>0</v>
      </c>
      <c r="L5262" t="s">
        <v>120</v>
      </c>
      <c r="M5262" t="s">
        <v>83</v>
      </c>
      <c r="N5262" t="s">
        <v>84</v>
      </c>
      <c r="O5262" t="s">
        <v>85</v>
      </c>
      <c r="P5262" t="s">
        <v>86</v>
      </c>
      <c r="Q5262">
        <v>29</v>
      </c>
      <c r="R5262">
        <v>29</v>
      </c>
      <c r="S5262">
        <v>29</v>
      </c>
      <c r="T5262">
        <v>29</v>
      </c>
      <c r="U5262">
        <v>29</v>
      </c>
      <c r="V5262">
        <v>29</v>
      </c>
      <c r="W5262">
        <v>29</v>
      </c>
      <c r="X5262">
        <v>30</v>
      </c>
      <c r="Y5262">
        <v>30</v>
      </c>
      <c r="Z5262">
        <v>30</v>
      </c>
      <c r="AA5262">
        <v>30</v>
      </c>
      <c r="AB5262">
        <v>30</v>
      </c>
      <c r="AC5262">
        <v>30</v>
      </c>
      <c r="AD5262">
        <v>30</v>
      </c>
      <c r="AE5262">
        <v>30</v>
      </c>
      <c r="AF5262">
        <v>30</v>
      </c>
      <c r="AG5262">
        <v>30</v>
      </c>
      <c r="AH5262">
        <v>30</v>
      </c>
      <c r="AI5262">
        <v>30</v>
      </c>
      <c r="AJ5262">
        <v>30</v>
      </c>
      <c r="AK5262">
        <v>30</v>
      </c>
      <c r="AL5262">
        <v>30</v>
      </c>
      <c r="AM5262">
        <v>30</v>
      </c>
      <c r="AN5262">
        <v>30</v>
      </c>
      <c r="AO5262">
        <v>30</v>
      </c>
      <c r="AP5262">
        <v>29</v>
      </c>
      <c r="AQ5262">
        <v>29</v>
      </c>
    </row>
    <row r="5263" spans="1:43">
      <c r="A5263" t="s">
        <v>3300</v>
      </c>
      <c r="B5263" t="s">
        <v>3301</v>
      </c>
      <c r="C5263" t="s">
        <v>3074</v>
      </c>
      <c r="D5263" t="s">
        <v>3075</v>
      </c>
      <c r="E5263" t="s">
        <v>2928</v>
      </c>
      <c r="F5263" t="s">
        <v>2929</v>
      </c>
      <c r="G5263" t="s">
        <v>80</v>
      </c>
      <c r="H5263" t="s">
        <v>81</v>
      </c>
      <c r="I5263" s="2">
        <v>1</v>
      </c>
      <c r="J5263" s="2">
        <v>0</v>
      </c>
      <c r="K5263" s="2">
        <v>0</v>
      </c>
      <c r="L5263" t="s">
        <v>120</v>
      </c>
      <c r="M5263" t="s">
        <v>87</v>
      </c>
      <c r="N5263" t="s">
        <v>88</v>
      </c>
      <c r="O5263" t="s">
        <v>85</v>
      </c>
      <c r="P5263" t="s">
        <v>86</v>
      </c>
      <c r="Q5263">
        <v>29</v>
      </c>
      <c r="R5263">
        <v>29</v>
      </c>
      <c r="S5263">
        <v>29</v>
      </c>
      <c r="T5263">
        <v>29</v>
      </c>
      <c r="U5263">
        <v>29</v>
      </c>
      <c r="V5263">
        <v>29</v>
      </c>
      <c r="W5263">
        <v>29</v>
      </c>
      <c r="X5263">
        <v>29</v>
      </c>
      <c r="Y5263">
        <v>28</v>
      </c>
      <c r="Z5263">
        <v>28</v>
      </c>
      <c r="AA5263">
        <v>28</v>
      </c>
      <c r="AB5263">
        <v>28</v>
      </c>
      <c r="AC5263">
        <v>28</v>
      </c>
      <c r="AD5263">
        <v>28</v>
      </c>
      <c r="AE5263">
        <v>28</v>
      </c>
      <c r="AF5263">
        <v>28</v>
      </c>
      <c r="AG5263">
        <v>27</v>
      </c>
      <c r="AH5263">
        <v>27</v>
      </c>
      <c r="AI5263">
        <v>27</v>
      </c>
      <c r="AJ5263">
        <v>27</v>
      </c>
      <c r="AK5263">
        <v>27</v>
      </c>
      <c r="AL5263">
        <v>27</v>
      </c>
      <c r="AM5263">
        <v>27</v>
      </c>
      <c r="AN5263">
        <v>27</v>
      </c>
      <c r="AO5263">
        <v>27</v>
      </c>
      <c r="AP5263">
        <v>26</v>
      </c>
      <c r="AQ5263">
        <v>26</v>
      </c>
    </row>
    <row r="5264" spans="1:43">
      <c r="A5264" t="s">
        <v>3300</v>
      </c>
      <c r="B5264" t="s">
        <v>3301</v>
      </c>
      <c r="C5264" t="s">
        <v>3074</v>
      </c>
      <c r="D5264" t="s">
        <v>3075</v>
      </c>
      <c r="E5264" t="s">
        <v>2928</v>
      </c>
      <c r="F5264" t="s">
        <v>2929</v>
      </c>
      <c r="G5264" t="s">
        <v>80</v>
      </c>
      <c r="H5264" t="s">
        <v>81</v>
      </c>
      <c r="I5264" s="2">
        <v>1</v>
      </c>
      <c r="J5264" s="2">
        <v>0</v>
      </c>
      <c r="K5264" s="2">
        <v>0</v>
      </c>
      <c r="L5264" t="s">
        <v>120</v>
      </c>
      <c r="M5264" t="s">
        <v>89</v>
      </c>
      <c r="N5264" t="s">
        <v>90</v>
      </c>
      <c r="O5264" t="s">
        <v>85</v>
      </c>
      <c r="P5264" t="s">
        <v>86</v>
      </c>
      <c r="Q5264">
        <v>29</v>
      </c>
      <c r="R5264">
        <v>29</v>
      </c>
      <c r="S5264">
        <v>30</v>
      </c>
      <c r="T5264">
        <v>30</v>
      </c>
      <c r="U5264">
        <v>30</v>
      </c>
      <c r="V5264">
        <v>31</v>
      </c>
      <c r="W5264">
        <v>31</v>
      </c>
      <c r="X5264">
        <v>31</v>
      </c>
      <c r="Y5264">
        <v>31</v>
      </c>
      <c r="Z5264">
        <v>32</v>
      </c>
      <c r="AA5264">
        <v>32</v>
      </c>
      <c r="AB5264">
        <v>32</v>
      </c>
      <c r="AC5264">
        <v>32</v>
      </c>
      <c r="AD5264">
        <v>32</v>
      </c>
      <c r="AE5264">
        <v>32</v>
      </c>
      <c r="AF5264">
        <v>32</v>
      </c>
      <c r="AG5264">
        <v>32</v>
      </c>
      <c r="AH5264">
        <v>31</v>
      </c>
      <c r="AI5264">
        <v>31</v>
      </c>
      <c r="AJ5264">
        <v>31</v>
      </c>
      <c r="AK5264">
        <v>31</v>
      </c>
      <c r="AL5264">
        <v>31</v>
      </c>
      <c r="AM5264">
        <v>30</v>
      </c>
      <c r="AN5264">
        <v>30</v>
      </c>
      <c r="AO5264">
        <v>30</v>
      </c>
      <c r="AP5264">
        <v>30</v>
      </c>
      <c r="AQ5264">
        <v>29</v>
      </c>
    </row>
    <row r="5265" spans="1:43">
      <c r="A5265" t="s">
        <v>3300</v>
      </c>
      <c r="B5265" t="s">
        <v>3301</v>
      </c>
      <c r="C5265" t="s">
        <v>3074</v>
      </c>
      <c r="D5265" t="s">
        <v>3075</v>
      </c>
      <c r="E5265" t="s">
        <v>2928</v>
      </c>
      <c r="F5265" t="s">
        <v>2929</v>
      </c>
      <c r="G5265" t="s">
        <v>80</v>
      </c>
      <c r="H5265" t="s">
        <v>81</v>
      </c>
      <c r="I5265" s="2">
        <v>1</v>
      </c>
      <c r="J5265" s="2">
        <v>0</v>
      </c>
      <c r="K5265" s="2">
        <v>0</v>
      </c>
      <c r="L5265" t="s">
        <v>120</v>
      </c>
      <c r="M5265" t="s">
        <v>83</v>
      </c>
      <c r="N5265" t="s">
        <v>91</v>
      </c>
      <c r="O5265" t="s">
        <v>85</v>
      </c>
      <c r="P5265" t="s">
        <v>86</v>
      </c>
      <c r="Q5265">
        <v>29</v>
      </c>
      <c r="R5265">
        <v>29</v>
      </c>
      <c r="S5265">
        <v>29</v>
      </c>
      <c r="T5265">
        <v>29</v>
      </c>
      <c r="U5265">
        <v>29</v>
      </c>
      <c r="V5265">
        <v>29</v>
      </c>
      <c r="W5265">
        <v>29</v>
      </c>
      <c r="X5265">
        <v>30</v>
      </c>
      <c r="Y5265">
        <v>30</v>
      </c>
      <c r="Z5265">
        <v>30</v>
      </c>
      <c r="AA5265">
        <v>30</v>
      </c>
      <c r="AB5265">
        <v>30</v>
      </c>
      <c r="AC5265">
        <v>30</v>
      </c>
      <c r="AD5265">
        <v>30</v>
      </c>
      <c r="AE5265">
        <v>30</v>
      </c>
      <c r="AF5265">
        <v>30</v>
      </c>
      <c r="AG5265">
        <v>30</v>
      </c>
      <c r="AH5265">
        <v>30</v>
      </c>
      <c r="AI5265">
        <v>30</v>
      </c>
      <c r="AJ5265">
        <v>30</v>
      </c>
      <c r="AK5265">
        <v>30</v>
      </c>
      <c r="AL5265">
        <v>30</v>
      </c>
      <c r="AM5265">
        <v>30</v>
      </c>
      <c r="AN5265">
        <v>30</v>
      </c>
      <c r="AO5265">
        <v>30</v>
      </c>
      <c r="AP5265">
        <v>29</v>
      </c>
      <c r="AQ5265">
        <v>29</v>
      </c>
    </row>
    <row r="5266" spans="1:43">
      <c r="A5266" t="s">
        <v>3302</v>
      </c>
      <c r="B5266" t="s">
        <v>3303</v>
      </c>
      <c r="C5266" t="s">
        <v>3070</v>
      </c>
      <c r="D5266" t="s">
        <v>3071</v>
      </c>
      <c r="E5266" t="s">
        <v>2928</v>
      </c>
      <c r="F5266" t="s">
        <v>2929</v>
      </c>
      <c r="G5266" t="s">
        <v>80</v>
      </c>
      <c r="H5266" t="s">
        <v>81</v>
      </c>
      <c r="I5266" s="2">
        <v>1</v>
      </c>
      <c r="J5266" s="2">
        <v>0</v>
      </c>
      <c r="K5266" s="2">
        <v>0</v>
      </c>
      <c r="L5266" t="s">
        <v>120</v>
      </c>
      <c r="M5266" t="s">
        <v>83</v>
      </c>
      <c r="N5266" t="s">
        <v>84</v>
      </c>
      <c r="O5266" t="s">
        <v>85</v>
      </c>
      <c r="P5266" t="s">
        <v>86</v>
      </c>
      <c r="Q5266">
        <v>49</v>
      </c>
      <c r="R5266">
        <v>49</v>
      </c>
      <c r="S5266">
        <v>49</v>
      </c>
      <c r="T5266">
        <v>50</v>
      </c>
      <c r="U5266">
        <v>50</v>
      </c>
      <c r="V5266">
        <v>50</v>
      </c>
      <c r="W5266">
        <v>50</v>
      </c>
      <c r="X5266">
        <v>51</v>
      </c>
      <c r="Y5266">
        <v>51</v>
      </c>
      <c r="Z5266">
        <v>51</v>
      </c>
      <c r="AA5266">
        <v>51</v>
      </c>
      <c r="AB5266">
        <v>51</v>
      </c>
      <c r="AC5266">
        <v>51</v>
      </c>
      <c r="AD5266">
        <v>52</v>
      </c>
      <c r="AE5266">
        <v>52</v>
      </c>
      <c r="AF5266">
        <v>52</v>
      </c>
      <c r="AG5266">
        <v>52</v>
      </c>
      <c r="AH5266">
        <v>52</v>
      </c>
      <c r="AI5266">
        <v>52</v>
      </c>
      <c r="AJ5266">
        <v>52</v>
      </c>
      <c r="AK5266">
        <v>52</v>
      </c>
      <c r="AL5266">
        <v>52</v>
      </c>
      <c r="AM5266">
        <v>52</v>
      </c>
      <c r="AN5266">
        <v>52</v>
      </c>
      <c r="AO5266">
        <v>51</v>
      </c>
      <c r="AP5266">
        <v>51</v>
      </c>
      <c r="AQ5266">
        <v>51</v>
      </c>
    </row>
    <row r="5267" spans="1:43">
      <c r="A5267" t="s">
        <v>3302</v>
      </c>
      <c r="B5267" t="s">
        <v>3303</v>
      </c>
      <c r="C5267" t="s">
        <v>3070</v>
      </c>
      <c r="D5267" t="s">
        <v>3071</v>
      </c>
      <c r="E5267" t="s">
        <v>2928</v>
      </c>
      <c r="F5267" t="s">
        <v>2929</v>
      </c>
      <c r="G5267" t="s">
        <v>80</v>
      </c>
      <c r="H5267" t="s">
        <v>81</v>
      </c>
      <c r="I5267" s="2">
        <v>1</v>
      </c>
      <c r="J5267" s="2">
        <v>0</v>
      </c>
      <c r="K5267" s="2">
        <v>0</v>
      </c>
      <c r="L5267" t="s">
        <v>120</v>
      </c>
      <c r="M5267" t="s">
        <v>87</v>
      </c>
      <c r="N5267" t="s">
        <v>88</v>
      </c>
      <c r="O5267" t="s">
        <v>85</v>
      </c>
      <c r="P5267" t="s">
        <v>86</v>
      </c>
      <c r="Q5267">
        <v>49</v>
      </c>
      <c r="R5267">
        <v>49</v>
      </c>
      <c r="S5267">
        <v>49</v>
      </c>
      <c r="T5267">
        <v>49</v>
      </c>
      <c r="U5267">
        <v>49</v>
      </c>
      <c r="V5267">
        <v>48</v>
      </c>
      <c r="W5267">
        <v>48</v>
      </c>
      <c r="X5267">
        <v>48</v>
      </c>
      <c r="Y5267">
        <v>48</v>
      </c>
      <c r="Z5267">
        <v>48</v>
      </c>
      <c r="AA5267">
        <v>48</v>
      </c>
      <c r="AB5267">
        <v>47</v>
      </c>
      <c r="AC5267">
        <v>47</v>
      </c>
      <c r="AD5267">
        <v>47</v>
      </c>
      <c r="AE5267">
        <v>47</v>
      </c>
      <c r="AF5267">
        <v>47</v>
      </c>
      <c r="AG5267">
        <v>47</v>
      </c>
      <c r="AH5267">
        <v>46</v>
      </c>
      <c r="AI5267">
        <v>46</v>
      </c>
      <c r="AJ5267">
        <v>46</v>
      </c>
      <c r="AK5267">
        <v>46</v>
      </c>
      <c r="AL5267">
        <v>46</v>
      </c>
      <c r="AM5267">
        <v>46</v>
      </c>
      <c r="AN5267">
        <v>46</v>
      </c>
      <c r="AO5267">
        <v>45</v>
      </c>
      <c r="AP5267">
        <v>45</v>
      </c>
      <c r="AQ5267">
        <v>45</v>
      </c>
    </row>
    <row r="5268" spans="1:43">
      <c r="A5268" t="s">
        <v>3302</v>
      </c>
      <c r="B5268" t="s">
        <v>3303</v>
      </c>
      <c r="C5268" t="s">
        <v>3070</v>
      </c>
      <c r="D5268" t="s">
        <v>3071</v>
      </c>
      <c r="E5268" t="s">
        <v>2928</v>
      </c>
      <c r="F5268" t="s">
        <v>2929</v>
      </c>
      <c r="G5268" t="s">
        <v>80</v>
      </c>
      <c r="H5268" t="s">
        <v>81</v>
      </c>
      <c r="I5268" s="2">
        <v>1</v>
      </c>
      <c r="J5268" s="2">
        <v>0</v>
      </c>
      <c r="K5268" s="2">
        <v>0</v>
      </c>
      <c r="L5268" t="s">
        <v>120</v>
      </c>
      <c r="M5268" t="s">
        <v>89</v>
      </c>
      <c r="N5268" t="s">
        <v>90</v>
      </c>
      <c r="O5268" t="s">
        <v>85</v>
      </c>
      <c r="P5268" t="s">
        <v>86</v>
      </c>
      <c r="Q5268">
        <v>49</v>
      </c>
      <c r="R5268">
        <v>50</v>
      </c>
      <c r="S5268">
        <v>51</v>
      </c>
      <c r="T5268">
        <v>51</v>
      </c>
      <c r="U5268">
        <v>52</v>
      </c>
      <c r="V5268">
        <v>52</v>
      </c>
      <c r="W5268">
        <v>53</v>
      </c>
      <c r="X5268">
        <v>53</v>
      </c>
      <c r="Y5268">
        <v>54</v>
      </c>
      <c r="Z5268">
        <v>54</v>
      </c>
      <c r="AA5268">
        <v>54</v>
      </c>
      <c r="AB5268">
        <v>55</v>
      </c>
      <c r="AC5268">
        <v>55</v>
      </c>
      <c r="AD5268">
        <v>55</v>
      </c>
      <c r="AE5268">
        <v>55</v>
      </c>
      <c r="AF5268">
        <v>55</v>
      </c>
      <c r="AG5268">
        <v>55</v>
      </c>
      <c r="AH5268">
        <v>54</v>
      </c>
      <c r="AI5268">
        <v>54</v>
      </c>
      <c r="AJ5268">
        <v>54</v>
      </c>
      <c r="AK5268">
        <v>53</v>
      </c>
      <c r="AL5268">
        <v>53</v>
      </c>
      <c r="AM5268">
        <v>53</v>
      </c>
      <c r="AN5268">
        <v>53</v>
      </c>
      <c r="AO5268">
        <v>52</v>
      </c>
      <c r="AP5268">
        <v>52</v>
      </c>
      <c r="AQ5268">
        <v>52</v>
      </c>
    </row>
    <row r="5269" spans="1:43">
      <c r="A5269" t="s">
        <v>3302</v>
      </c>
      <c r="B5269" t="s">
        <v>3303</v>
      </c>
      <c r="C5269" t="s">
        <v>3070</v>
      </c>
      <c r="D5269" t="s">
        <v>3071</v>
      </c>
      <c r="E5269" t="s">
        <v>2928</v>
      </c>
      <c r="F5269" t="s">
        <v>2929</v>
      </c>
      <c r="G5269" t="s">
        <v>80</v>
      </c>
      <c r="H5269" t="s">
        <v>81</v>
      </c>
      <c r="I5269" s="2">
        <v>1</v>
      </c>
      <c r="J5269" s="2">
        <v>0</v>
      </c>
      <c r="K5269" s="2">
        <v>0</v>
      </c>
      <c r="L5269" t="s">
        <v>120</v>
      </c>
      <c r="M5269" t="s">
        <v>83</v>
      </c>
      <c r="N5269" t="s">
        <v>91</v>
      </c>
      <c r="O5269" t="s">
        <v>85</v>
      </c>
      <c r="P5269" t="s">
        <v>86</v>
      </c>
      <c r="Q5269">
        <v>49</v>
      </c>
      <c r="R5269">
        <v>49</v>
      </c>
      <c r="S5269">
        <v>49</v>
      </c>
      <c r="T5269">
        <v>50</v>
      </c>
      <c r="U5269">
        <v>50</v>
      </c>
      <c r="V5269">
        <v>50</v>
      </c>
      <c r="W5269">
        <v>50</v>
      </c>
      <c r="X5269">
        <v>51</v>
      </c>
      <c r="Y5269">
        <v>51</v>
      </c>
      <c r="Z5269">
        <v>51</v>
      </c>
      <c r="AA5269">
        <v>51</v>
      </c>
      <c r="AB5269">
        <v>51</v>
      </c>
      <c r="AC5269">
        <v>51</v>
      </c>
      <c r="AD5269">
        <v>52</v>
      </c>
      <c r="AE5269">
        <v>52</v>
      </c>
      <c r="AF5269">
        <v>52</v>
      </c>
      <c r="AG5269">
        <v>52</v>
      </c>
      <c r="AH5269">
        <v>52</v>
      </c>
      <c r="AI5269">
        <v>52</v>
      </c>
      <c r="AJ5269">
        <v>52</v>
      </c>
      <c r="AK5269">
        <v>52</v>
      </c>
      <c r="AL5269">
        <v>52</v>
      </c>
      <c r="AM5269">
        <v>52</v>
      </c>
      <c r="AN5269">
        <v>52</v>
      </c>
      <c r="AO5269">
        <v>51</v>
      </c>
      <c r="AP5269">
        <v>51</v>
      </c>
      <c r="AQ5269">
        <v>51</v>
      </c>
    </row>
    <row r="5270" spans="1:43">
      <c r="A5270" t="s">
        <v>3304</v>
      </c>
      <c r="B5270" t="s">
        <v>3305</v>
      </c>
      <c r="C5270" t="s">
        <v>3070</v>
      </c>
      <c r="D5270" t="s">
        <v>3071</v>
      </c>
      <c r="E5270" t="s">
        <v>2928</v>
      </c>
      <c r="F5270" t="s">
        <v>2929</v>
      </c>
      <c r="G5270" t="s">
        <v>80</v>
      </c>
      <c r="H5270" t="s">
        <v>81</v>
      </c>
      <c r="I5270" s="2">
        <v>1</v>
      </c>
      <c r="J5270" s="2">
        <v>0</v>
      </c>
      <c r="K5270" s="2">
        <v>0</v>
      </c>
      <c r="L5270" t="s">
        <v>120</v>
      </c>
      <c r="M5270" t="s">
        <v>83</v>
      </c>
      <c r="N5270" t="s">
        <v>84</v>
      </c>
      <c r="O5270" t="s">
        <v>85</v>
      </c>
      <c r="P5270" t="s">
        <v>86</v>
      </c>
      <c r="Q5270">
        <v>13</v>
      </c>
      <c r="R5270">
        <v>14</v>
      </c>
      <c r="S5270">
        <v>14</v>
      </c>
      <c r="T5270">
        <v>14</v>
      </c>
      <c r="U5270">
        <v>14</v>
      </c>
      <c r="V5270">
        <v>14</v>
      </c>
      <c r="W5270">
        <v>14</v>
      </c>
      <c r="X5270">
        <v>14</v>
      </c>
      <c r="Y5270">
        <v>14</v>
      </c>
      <c r="Z5270">
        <v>14</v>
      </c>
      <c r="AA5270">
        <v>14</v>
      </c>
      <c r="AB5270">
        <v>14</v>
      </c>
      <c r="AC5270">
        <v>14</v>
      </c>
      <c r="AD5270">
        <v>14</v>
      </c>
      <c r="AE5270">
        <v>14</v>
      </c>
      <c r="AF5270">
        <v>14</v>
      </c>
      <c r="AG5270">
        <v>14</v>
      </c>
      <c r="AH5270">
        <v>14</v>
      </c>
      <c r="AI5270">
        <v>14</v>
      </c>
      <c r="AJ5270">
        <v>14</v>
      </c>
      <c r="AK5270">
        <v>14</v>
      </c>
      <c r="AL5270">
        <v>14</v>
      </c>
      <c r="AM5270">
        <v>14</v>
      </c>
      <c r="AN5270">
        <v>14</v>
      </c>
      <c r="AO5270">
        <v>14</v>
      </c>
      <c r="AP5270">
        <v>14</v>
      </c>
      <c r="AQ5270">
        <v>13</v>
      </c>
    </row>
    <row r="5271" spans="1:43">
      <c r="A5271" t="s">
        <v>3304</v>
      </c>
      <c r="B5271" t="s">
        <v>3305</v>
      </c>
      <c r="C5271" t="s">
        <v>3070</v>
      </c>
      <c r="D5271" t="s">
        <v>3071</v>
      </c>
      <c r="E5271" t="s">
        <v>2928</v>
      </c>
      <c r="F5271" t="s">
        <v>2929</v>
      </c>
      <c r="G5271" t="s">
        <v>80</v>
      </c>
      <c r="H5271" t="s">
        <v>81</v>
      </c>
      <c r="I5271" s="2">
        <v>1</v>
      </c>
      <c r="J5271" s="2">
        <v>0</v>
      </c>
      <c r="K5271" s="2">
        <v>0</v>
      </c>
      <c r="L5271" t="s">
        <v>120</v>
      </c>
      <c r="M5271" t="s">
        <v>87</v>
      </c>
      <c r="N5271" t="s">
        <v>88</v>
      </c>
      <c r="O5271" t="s">
        <v>85</v>
      </c>
      <c r="P5271" t="s">
        <v>86</v>
      </c>
      <c r="Q5271">
        <v>13</v>
      </c>
      <c r="R5271">
        <v>13</v>
      </c>
      <c r="S5271">
        <v>13</v>
      </c>
      <c r="T5271">
        <v>13</v>
      </c>
      <c r="U5271">
        <v>13</v>
      </c>
      <c r="V5271">
        <v>13</v>
      </c>
      <c r="W5271">
        <v>13</v>
      </c>
      <c r="X5271">
        <v>13</v>
      </c>
      <c r="Y5271">
        <v>13</v>
      </c>
      <c r="Z5271">
        <v>13</v>
      </c>
      <c r="AA5271">
        <v>13</v>
      </c>
      <c r="AB5271">
        <v>13</v>
      </c>
      <c r="AC5271">
        <v>13</v>
      </c>
      <c r="AD5271">
        <v>13</v>
      </c>
      <c r="AE5271">
        <v>12</v>
      </c>
      <c r="AF5271">
        <v>12</v>
      </c>
      <c r="AG5271">
        <v>12</v>
      </c>
      <c r="AH5271">
        <v>12</v>
      </c>
      <c r="AI5271">
        <v>12</v>
      </c>
      <c r="AJ5271">
        <v>12</v>
      </c>
      <c r="AK5271">
        <v>12</v>
      </c>
      <c r="AL5271">
        <v>12</v>
      </c>
      <c r="AM5271">
        <v>12</v>
      </c>
      <c r="AN5271">
        <v>12</v>
      </c>
      <c r="AO5271">
        <v>12</v>
      </c>
      <c r="AP5271">
        <v>12</v>
      </c>
      <c r="AQ5271">
        <v>12</v>
      </c>
    </row>
    <row r="5272" spans="1:43">
      <c r="A5272" t="s">
        <v>3304</v>
      </c>
      <c r="B5272" t="s">
        <v>3305</v>
      </c>
      <c r="C5272" t="s">
        <v>3070</v>
      </c>
      <c r="D5272" t="s">
        <v>3071</v>
      </c>
      <c r="E5272" t="s">
        <v>2928</v>
      </c>
      <c r="F5272" t="s">
        <v>2929</v>
      </c>
      <c r="G5272" t="s">
        <v>80</v>
      </c>
      <c r="H5272" t="s">
        <v>81</v>
      </c>
      <c r="I5272" s="2">
        <v>1</v>
      </c>
      <c r="J5272" s="2">
        <v>0</v>
      </c>
      <c r="K5272" s="2">
        <v>0</v>
      </c>
      <c r="L5272" t="s">
        <v>120</v>
      </c>
      <c r="M5272" t="s">
        <v>89</v>
      </c>
      <c r="N5272" t="s">
        <v>90</v>
      </c>
      <c r="O5272" t="s">
        <v>85</v>
      </c>
      <c r="P5272" t="s">
        <v>86</v>
      </c>
      <c r="Q5272">
        <v>13</v>
      </c>
      <c r="R5272">
        <v>13</v>
      </c>
      <c r="S5272">
        <v>13</v>
      </c>
      <c r="T5272">
        <v>13</v>
      </c>
      <c r="U5272">
        <v>13</v>
      </c>
      <c r="V5272">
        <v>13</v>
      </c>
      <c r="W5272">
        <v>13</v>
      </c>
      <c r="X5272">
        <v>14</v>
      </c>
      <c r="Y5272">
        <v>14</v>
      </c>
      <c r="Z5272">
        <v>14</v>
      </c>
      <c r="AA5272">
        <v>14</v>
      </c>
      <c r="AB5272">
        <v>14</v>
      </c>
      <c r="AC5272">
        <v>14</v>
      </c>
      <c r="AD5272">
        <v>14</v>
      </c>
      <c r="AE5272">
        <v>14</v>
      </c>
      <c r="AF5272">
        <v>14</v>
      </c>
      <c r="AG5272">
        <v>14</v>
      </c>
      <c r="AH5272">
        <v>14</v>
      </c>
      <c r="AI5272">
        <v>13</v>
      </c>
      <c r="AJ5272">
        <v>13</v>
      </c>
      <c r="AK5272">
        <v>13</v>
      </c>
      <c r="AL5272">
        <v>13</v>
      </c>
      <c r="AM5272">
        <v>13</v>
      </c>
      <c r="AN5272">
        <v>13</v>
      </c>
      <c r="AO5272">
        <v>13</v>
      </c>
      <c r="AP5272">
        <v>13</v>
      </c>
      <c r="AQ5272">
        <v>13</v>
      </c>
    </row>
    <row r="5273" spans="1:43">
      <c r="A5273" t="s">
        <v>3304</v>
      </c>
      <c r="B5273" t="s">
        <v>3305</v>
      </c>
      <c r="C5273" t="s">
        <v>3070</v>
      </c>
      <c r="D5273" t="s">
        <v>3071</v>
      </c>
      <c r="E5273" t="s">
        <v>2928</v>
      </c>
      <c r="F5273" t="s">
        <v>2929</v>
      </c>
      <c r="G5273" t="s">
        <v>80</v>
      </c>
      <c r="H5273" t="s">
        <v>81</v>
      </c>
      <c r="I5273" s="2">
        <v>1</v>
      </c>
      <c r="J5273" s="2">
        <v>0</v>
      </c>
      <c r="K5273" s="2">
        <v>0</v>
      </c>
      <c r="L5273" t="s">
        <v>120</v>
      </c>
      <c r="M5273" t="s">
        <v>83</v>
      </c>
      <c r="N5273" t="s">
        <v>91</v>
      </c>
      <c r="O5273" t="s">
        <v>85</v>
      </c>
      <c r="P5273" t="s">
        <v>86</v>
      </c>
      <c r="Q5273">
        <v>13</v>
      </c>
      <c r="R5273">
        <v>14</v>
      </c>
      <c r="S5273">
        <v>14</v>
      </c>
      <c r="T5273">
        <v>14</v>
      </c>
      <c r="U5273">
        <v>14</v>
      </c>
      <c r="V5273">
        <v>14</v>
      </c>
      <c r="W5273">
        <v>14</v>
      </c>
      <c r="X5273">
        <v>14</v>
      </c>
      <c r="Y5273">
        <v>14</v>
      </c>
      <c r="Z5273">
        <v>14</v>
      </c>
      <c r="AA5273">
        <v>14</v>
      </c>
      <c r="AB5273">
        <v>14</v>
      </c>
      <c r="AC5273">
        <v>14</v>
      </c>
      <c r="AD5273">
        <v>14</v>
      </c>
      <c r="AE5273">
        <v>14</v>
      </c>
      <c r="AF5273">
        <v>14</v>
      </c>
      <c r="AG5273">
        <v>14</v>
      </c>
      <c r="AH5273">
        <v>14</v>
      </c>
      <c r="AI5273">
        <v>14</v>
      </c>
      <c r="AJ5273">
        <v>14</v>
      </c>
      <c r="AK5273">
        <v>14</v>
      </c>
      <c r="AL5273">
        <v>14</v>
      </c>
      <c r="AM5273">
        <v>14</v>
      </c>
      <c r="AN5273">
        <v>14</v>
      </c>
      <c r="AO5273">
        <v>14</v>
      </c>
      <c r="AP5273">
        <v>14</v>
      </c>
      <c r="AQ5273">
        <v>13</v>
      </c>
    </row>
    <row r="5274" spans="1:43">
      <c r="A5274" t="s">
        <v>3306</v>
      </c>
      <c r="B5274" t="s">
        <v>3307</v>
      </c>
      <c r="C5274" t="s">
        <v>3060</v>
      </c>
      <c r="D5274" t="s">
        <v>3061</v>
      </c>
      <c r="E5274" t="s">
        <v>2928</v>
      </c>
      <c r="F5274" t="s">
        <v>2929</v>
      </c>
      <c r="G5274" t="s">
        <v>80</v>
      </c>
      <c r="H5274" t="s">
        <v>81</v>
      </c>
      <c r="I5274" s="2">
        <v>1</v>
      </c>
      <c r="J5274" s="2">
        <v>0</v>
      </c>
      <c r="K5274" s="2">
        <v>0</v>
      </c>
      <c r="L5274" t="s">
        <v>120</v>
      </c>
      <c r="M5274" t="s">
        <v>83</v>
      </c>
      <c r="N5274" t="s">
        <v>84</v>
      </c>
      <c r="O5274" t="s">
        <v>85</v>
      </c>
      <c r="P5274" t="s">
        <v>86</v>
      </c>
      <c r="Q5274">
        <v>43</v>
      </c>
      <c r="R5274">
        <v>44</v>
      </c>
      <c r="S5274">
        <v>44</v>
      </c>
      <c r="T5274">
        <v>44</v>
      </c>
      <c r="U5274">
        <v>44</v>
      </c>
      <c r="V5274">
        <v>44</v>
      </c>
      <c r="W5274">
        <v>45</v>
      </c>
      <c r="X5274">
        <v>45</v>
      </c>
      <c r="Y5274">
        <v>45</v>
      </c>
      <c r="Z5274">
        <v>45</v>
      </c>
      <c r="AA5274">
        <v>45</v>
      </c>
      <c r="AB5274">
        <v>45</v>
      </c>
      <c r="AC5274">
        <v>45</v>
      </c>
      <c r="AD5274">
        <v>45</v>
      </c>
      <c r="AE5274">
        <v>46</v>
      </c>
      <c r="AF5274">
        <v>46</v>
      </c>
      <c r="AG5274">
        <v>46</v>
      </c>
      <c r="AH5274">
        <v>46</v>
      </c>
      <c r="AI5274">
        <v>46</v>
      </c>
      <c r="AJ5274">
        <v>46</v>
      </c>
      <c r="AK5274">
        <v>46</v>
      </c>
      <c r="AL5274">
        <v>46</v>
      </c>
      <c r="AM5274">
        <v>45</v>
      </c>
      <c r="AN5274">
        <v>45</v>
      </c>
      <c r="AO5274">
        <v>45</v>
      </c>
      <c r="AP5274">
        <v>45</v>
      </c>
      <c r="AQ5274">
        <v>44</v>
      </c>
    </row>
    <row r="5275" spans="1:43">
      <c r="A5275" t="s">
        <v>3306</v>
      </c>
      <c r="B5275" t="s">
        <v>3307</v>
      </c>
      <c r="C5275" t="s">
        <v>3060</v>
      </c>
      <c r="D5275" t="s">
        <v>3061</v>
      </c>
      <c r="E5275" t="s">
        <v>2928</v>
      </c>
      <c r="F5275" t="s">
        <v>2929</v>
      </c>
      <c r="G5275" t="s">
        <v>80</v>
      </c>
      <c r="H5275" t="s">
        <v>81</v>
      </c>
      <c r="I5275" s="2">
        <v>1</v>
      </c>
      <c r="J5275" s="2">
        <v>0</v>
      </c>
      <c r="K5275" s="2">
        <v>0</v>
      </c>
      <c r="L5275" t="s">
        <v>120</v>
      </c>
      <c r="M5275" t="s">
        <v>87</v>
      </c>
      <c r="N5275" t="s">
        <v>88</v>
      </c>
      <c r="O5275" t="s">
        <v>85</v>
      </c>
      <c r="P5275" t="s">
        <v>86</v>
      </c>
      <c r="Q5275">
        <v>43</v>
      </c>
      <c r="R5275">
        <v>43</v>
      </c>
      <c r="S5275">
        <v>43</v>
      </c>
      <c r="T5275">
        <v>42</v>
      </c>
      <c r="U5275">
        <v>42</v>
      </c>
      <c r="V5275">
        <v>42</v>
      </c>
      <c r="W5275">
        <v>42</v>
      </c>
      <c r="X5275">
        <v>42</v>
      </c>
      <c r="Y5275">
        <v>42</v>
      </c>
      <c r="Z5275">
        <v>41</v>
      </c>
      <c r="AA5275">
        <v>41</v>
      </c>
      <c r="AB5275">
        <v>41</v>
      </c>
      <c r="AC5275">
        <v>41</v>
      </c>
      <c r="AD5275">
        <v>41</v>
      </c>
      <c r="AE5275">
        <v>41</v>
      </c>
      <c r="AF5275">
        <v>40</v>
      </c>
      <c r="AG5275">
        <v>40</v>
      </c>
      <c r="AH5275">
        <v>40</v>
      </c>
      <c r="AI5275">
        <v>40</v>
      </c>
      <c r="AJ5275">
        <v>40</v>
      </c>
      <c r="AK5275">
        <v>40</v>
      </c>
      <c r="AL5275">
        <v>39</v>
      </c>
      <c r="AM5275">
        <v>39</v>
      </c>
      <c r="AN5275">
        <v>39</v>
      </c>
      <c r="AO5275">
        <v>39</v>
      </c>
      <c r="AP5275">
        <v>39</v>
      </c>
      <c r="AQ5275">
        <v>39</v>
      </c>
    </row>
    <row r="5276" spans="1:43">
      <c r="A5276" t="s">
        <v>3306</v>
      </c>
      <c r="B5276" t="s">
        <v>3307</v>
      </c>
      <c r="C5276" t="s">
        <v>3060</v>
      </c>
      <c r="D5276" t="s">
        <v>3061</v>
      </c>
      <c r="E5276" t="s">
        <v>2928</v>
      </c>
      <c r="F5276" t="s">
        <v>2929</v>
      </c>
      <c r="G5276" t="s">
        <v>80</v>
      </c>
      <c r="H5276" t="s">
        <v>81</v>
      </c>
      <c r="I5276" s="2">
        <v>1</v>
      </c>
      <c r="J5276" s="2">
        <v>0</v>
      </c>
      <c r="K5276" s="2">
        <v>0</v>
      </c>
      <c r="L5276" t="s">
        <v>120</v>
      </c>
      <c r="M5276" t="s">
        <v>89</v>
      </c>
      <c r="N5276" t="s">
        <v>90</v>
      </c>
      <c r="O5276" t="s">
        <v>85</v>
      </c>
      <c r="P5276" t="s">
        <v>86</v>
      </c>
      <c r="Q5276">
        <v>43</v>
      </c>
      <c r="R5276">
        <v>43</v>
      </c>
      <c r="S5276">
        <v>44</v>
      </c>
      <c r="T5276">
        <v>45</v>
      </c>
      <c r="U5276">
        <v>45</v>
      </c>
      <c r="V5276">
        <v>45</v>
      </c>
      <c r="W5276">
        <v>46</v>
      </c>
      <c r="X5276">
        <v>46</v>
      </c>
      <c r="Y5276">
        <v>46</v>
      </c>
      <c r="Z5276">
        <v>47</v>
      </c>
      <c r="AA5276">
        <v>47</v>
      </c>
      <c r="AB5276">
        <v>47</v>
      </c>
      <c r="AC5276">
        <v>47</v>
      </c>
      <c r="AD5276">
        <v>48</v>
      </c>
      <c r="AE5276">
        <v>48</v>
      </c>
      <c r="AF5276">
        <v>47</v>
      </c>
      <c r="AG5276">
        <v>47</v>
      </c>
      <c r="AH5276">
        <v>47</v>
      </c>
      <c r="AI5276">
        <v>46</v>
      </c>
      <c r="AJ5276">
        <v>46</v>
      </c>
      <c r="AK5276">
        <v>46</v>
      </c>
      <c r="AL5276">
        <v>45</v>
      </c>
      <c r="AM5276">
        <v>45</v>
      </c>
      <c r="AN5276">
        <v>45</v>
      </c>
      <c r="AO5276">
        <v>44</v>
      </c>
      <c r="AP5276">
        <v>44</v>
      </c>
      <c r="AQ5276">
        <v>44</v>
      </c>
    </row>
    <row r="5277" spans="1:43">
      <c r="A5277" t="s">
        <v>3306</v>
      </c>
      <c r="B5277" t="s">
        <v>3307</v>
      </c>
      <c r="C5277" t="s">
        <v>3060</v>
      </c>
      <c r="D5277" t="s">
        <v>3061</v>
      </c>
      <c r="E5277" t="s">
        <v>2928</v>
      </c>
      <c r="F5277" t="s">
        <v>2929</v>
      </c>
      <c r="G5277" t="s">
        <v>80</v>
      </c>
      <c r="H5277" t="s">
        <v>81</v>
      </c>
      <c r="I5277" s="2">
        <v>1</v>
      </c>
      <c r="J5277" s="2">
        <v>0</v>
      </c>
      <c r="K5277" s="2">
        <v>0</v>
      </c>
      <c r="L5277" t="s">
        <v>120</v>
      </c>
      <c r="M5277" t="s">
        <v>83</v>
      </c>
      <c r="N5277" t="s">
        <v>91</v>
      </c>
      <c r="O5277" t="s">
        <v>85</v>
      </c>
      <c r="P5277" t="s">
        <v>86</v>
      </c>
      <c r="Q5277">
        <v>43</v>
      </c>
      <c r="R5277">
        <v>44</v>
      </c>
      <c r="S5277">
        <v>44</v>
      </c>
      <c r="T5277">
        <v>44</v>
      </c>
      <c r="U5277">
        <v>44</v>
      </c>
      <c r="V5277">
        <v>44</v>
      </c>
      <c r="W5277">
        <v>45</v>
      </c>
      <c r="X5277">
        <v>45</v>
      </c>
      <c r="Y5277">
        <v>45</v>
      </c>
      <c r="Z5277">
        <v>45</v>
      </c>
      <c r="AA5277">
        <v>45</v>
      </c>
      <c r="AB5277">
        <v>45</v>
      </c>
      <c r="AC5277">
        <v>45</v>
      </c>
      <c r="AD5277">
        <v>45</v>
      </c>
      <c r="AE5277">
        <v>46</v>
      </c>
      <c r="AF5277">
        <v>46</v>
      </c>
      <c r="AG5277">
        <v>46</v>
      </c>
      <c r="AH5277">
        <v>46</v>
      </c>
      <c r="AI5277">
        <v>46</v>
      </c>
      <c r="AJ5277">
        <v>46</v>
      </c>
      <c r="AK5277">
        <v>46</v>
      </c>
      <c r="AL5277">
        <v>46</v>
      </c>
      <c r="AM5277">
        <v>45</v>
      </c>
      <c r="AN5277">
        <v>45</v>
      </c>
      <c r="AO5277">
        <v>45</v>
      </c>
      <c r="AP5277">
        <v>45</v>
      </c>
      <c r="AQ5277">
        <v>44</v>
      </c>
    </row>
    <row r="5278" spans="1:43">
      <c r="A5278" t="s">
        <v>3308</v>
      </c>
      <c r="B5278" t="s">
        <v>3309</v>
      </c>
      <c r="C5278" t="s">
        <v>3060</v>
      </c>
      <c r="D5278" t="s">
        <v>3061</v>
      </c>
      <c r="E5278" t="s">
        <v>2928</v>
      </c>
      <c r="F5278" t="s">
        <v>2929</v>
      </c>
      <c r="G5278" t="s">
        <v>80</v>
      </c>
      <c r="H5278" t="s">
        <v>81</v>
      </c>
      <c r="I5278" s="2">
        <v>1</v>
      </c>
      <c r="J5278" s="2">
        <v>0</v>
      </c>
      <c r="K5278" s="2">
        <v>0</v>
      </c>
      <c r="L5278" t="s">
        <v>120</v>
      </c>
      <c r="M5278" t="s">
        <v>83</v>
      </c>
      <c r="N5278" t="s">
        <v>84</v>
      </c>
      <c r="O5278" t="s">
        <v>85</v>
      </c>
      <c r="P5278" t="s">
        <v>86</v>
      </c>
      <c r="Q5278">
        <v>3</v>
      </c>
      <c r="R5278">
        <v>3</v>
      </c>
      <c r="S5278">
        <v>3</v>
      </c>
      <c r="T5278">
        <v>3</v>
      </c>
      <c r="U5278">
        <v>3</v>
      </c>
      <c r="V5278">
        <v>3</v>
      </c>
      <c r="W5278">
        <v>3</v>
      </c>
      <c r="X5278">
        <v>3</v>
      </c>
      <c r="Y5278">
        <v>4</v>
      </c>
      <c r="Z5278">
        <v>4</v>
      </c>
      <c r="AA5278">
        <v>4</v>
      </c>
      <c r="AB5278">
        <v>4</v>
      </c>
      <c r="AC5278">
        <v>4</v>
      </c>
      <c r="AD5278">
        <v>4</v>
      </c>
      <c r="AE5278">
        <v>4</v>
      </c>
      <c r="AF5278">
        <v>4</v>
      </c>
      <c r="AG5278">
        <v>4</v>
      </c>
      <c r="AH5278">
        <v>4</v>
      </c>
      <c r="AI5278">
        <v>4</v>
      </c>
      <c r="AJ5278">
        <v>4</v>
      </c>
      <c r="AK5278">
        <v>4</v>
      </c>
      <c r="AL5278">
        <v>4</v>
      </c>
      <c r="AM5278">
        <v>4</v>
      </c>
      <c r="AN5278">
        <v>4</v>
      </c>
      <c r="AO5278">
        <v>4</v>
      </c>
      <c r="AP5278">
        <v>4</v>
      </c>
      <c r="AQ5278">
        <v>3</v>
      </c>
    </row>
    <row r="5279" spans="1:43">
      <c r="A5279" t="s">
        <v>3308</v>
      </c>
      <c r="B5279" t="s">
        <v>3309</v>
      </c>
      <c r="C5279" t="s">
        <v>3060</v>
      </c>
      <c r="D5279" t="s">
        <v>3061</v>
      </c>
      <c r="E5279" t="s">
        <v>2928</v>
      </c>
      <c r="F5279" t="s">
        <v>2929</v>
      </c>
      <c r="G5279" t="s">
        <v>80</v>
      </c>
      <c r="H5279" t="s">
        <v>81</v>
      </c>
      <c r="I5279" s="2">
        <v>1</v>
      </c>
      <c r="J5279" s="2">
        <v>0</v>
      </c>
      <c r="K5279" s="2">
        <v>0</v>
      </c>
      <c r="L5279" t="s">
        <v>120</v>
      </c>
      <c r="M5279" t="s">
        <v>87</v>
      </c>
      <c r="N5279" t="s">
        <v>88</v>
      </c>
      <c r="O5279" t="s">
        <v>85</v>
      </c>
      <c r="P5279" t="s">
        <v>86</v>
      </c>
      <c r="Q5279">
        <v>3</v>
      </c>
      <c r="R5279">
        <v>3</v>
      </c>
      <c r="S5279">
        <v>3</v>
      </c>
      <c r="T5279">
        <v>3</v>
      </c>
      <c r="U5279">
        <v>3</v>
      </c>
      <c r="V5279">
        <v>3</v>
      </c>
      <c r="W5279">
        <v>3</v>
      </c>
      <c r="X5279">
        <v>3</v>
      </c>
      <c r="Y5279">
        <v>3</v>
      </c>
      <c r="Z5279">
        <v>3</v>
      </c>
      <c r="AA5279">
        <v>3</v>
      </c>
      <c r="AB5279">
        <v>3</v>
      </c>
      <c r="AC5279">
        <v>3</v>
      </c>
      <c r="AD5279">
        <v>3</v>
      </c>
      <c r="AE5279">
        <v>3</v>
      </c>
      <c r="AF5279">
        <v>3</v>
      </c>
      <c r="AG5279">
        <v>3</v>
      </c>
      <c r="AH5279">
        <v>3</v>
      </c>
      <c r="AI5279">
        <v>3</v>
      </c>
      <c r="AJ5279">
        <v>3</v>
      </c>
      <c r="AK5279">
        <v>3</v>
      </c>
      <c r="AL5279">
        <v>3</v>
      </c>
      <c r="AM5279">
        <v>3</v>
      </c>
      <c r="AN5279">
        <v>3</v>
      </c>
      <c r="AO5279">
        <v>3</v>
      </c>
      <c r="AP5279">
        <v>3</v>
      </c>
      <c r="AQ5279">
        <v>3</v>
      </c>
    </row>
    <row r="5280" spans="1:43">
      <c r="A5280" t="s">
        <v>3308</v>
      </c>
      <c r="B5280" t="s">
        <v>3309</v>
      </c>
      <c r="C5280" t="s">
        <v>3060</v>
      </c>
      <c r="D5280" t="s">
        <v>3061</v>
      </c>
      <c r="E5280" t="s">
        <v>2928</v>
      </c>
      <c r="F5280" t="s">
        <v>2929</v>
      </c>
      <c r="G5280" t="s">
        <v>80</v>
      </c>
      <c r="H5280" t="s">
        <v>81</v>
      </c>
      <c r="I5280" s="2">
        <v>1</v>
      </c>
      <c r="J5280" s="2">
        <v>0</v>
      </c>
      <c r="K5280" s="2">
        <v>0</v>
      </c>
      <c r="L5280" t="s">
        <v>120</v>
      </c>
      <c r="M5280" t="s">
        <v>89</v>
      </c>
      <c r="N5280" t="s">
        <v>90</v>
      </c>
      <c r="O5280" t="s">
        <v>85</v>
      </c>
      <c r="P5280" t="s">
        <v>86</v>
      </c>
      <c r="Q5280">
        <v>3</v>
      </c>
      <c r="R5280">
        <v>3</v>
      </c>
      <c r="S5280">
        <v>4</v>
      </c>
      <c r="T5280">
        <v>4</v>
      </c>
      <c r="U5280">
        <v>4</v>
      </c>
      <c r="V5280">
        <v>4</v>
      </c>
      <c r="W5280">
        <v>4</v>
      </c>
      <c r="X5280">
        <v>4</v>
      </c>
      <c r="Y5280">
        <v>4</v>
      </c>
      <c r="Z5280">
        <v>4</v>
      </c>
      <c r="AA5280">
        <v>4</v>
      </c>
      <c r="AB5280">
        <v>4</v>
      </c>
      <c r="AC5280">
        <v>4</v>
      </c>
      <c r="AD5280">
        <v>4</v>
      </c>
      <c r="AE5280">
        <v>4</v>
      </c>
      <c r="AF5280">
        <v>4</v>
      </c>
      <c r="AG5280">
        <v>4</v>
      </c>
      <c r="AH5280">
        <v>4</v>
      </c>
      <c r="AI5280">
        <v>4</v>
      </c>
      <c r="AJ5280">
        <v>4</v>
      </c>
      <c r="AK5280">
        <v>4</v>
      </c>
      <c r="AL5280">
        <v>4</v>
      </c>
      <c r="AM5280">
        <v>4</v>
      </c>
      <c r="AN5280">
        <v>4</v>
      </c>
      <c r="AO5280">
        <v>4</v>
      </c>
      <c r="AP5280">
        <v>4</v>
      </c>
      <c r="AQ5280">
        <v>4</v>
      </c>
    </row>
    <row r="5281" spans="1:43">
      <c r="A5281" t="s">
        <v>3308</v>
      </c>
      <c r="B5281" t="s">
        <v>3309</v>
      </c>
      <c r="C5281" t="s">
        <v>3060</v>
      </c>
      <c r="D5281" t="s">
        <v>3061</v>
      </c>
      <c r="E5281" t="s">
        <v>2928</v>
      </c>
      <c r="F5281" t="s">
        <v>2929</v>
      </c>
      <c r="G5281" t="s">
        <v>80</v>
      </c>
      <c r="H5281" t="s">
        <v>81</v>
      </c>
      <c r="I5281" s="2">
        <v>1</v>
      </c>
      <c r="J5281" s="2">
        <v>0</v>
      </c>
      <c r="K5281" s="2">
        <v>0</v>
      </c>
      <c r="L5281" t="s">
        <v>120</v>
      </c>
      <c r="M5281" t="s">
        <v>83</v>
      </c>
      <c r="N5281" t="s">
        <v>91</v>
      </c>
      <c r="O5281" t="s">
        <v>85</v>
      </c>
      <c r="P5281" t="s">
        <v>86</v>
      </c>
      <c r="Q5281">
        <v>3</v>
      </c>
      <c r="R5281">
        <v>3</v>
      </c>
      <c r="S5281">
        <v>3</v>
      </c>
      <c r="T5281">
        <v>3</v>
      </c>
      <c r="U5281">
        <v>3</v>
      </c>
      <c r="V5281">
        <v>3</v>
      </c>
      <c r="W5281">
        <v>3</v>
      </c>
      <c r="X5281">
        <v>3</v>
      </c>
      <c r="Y5281">
        <v>4</v>
      </c>
      <c r="Z5281">
        <v>4</v>
      </c>
      <c r="AA5281">
        <v>4</v>
      </c>
      <c r="AB5281">
        <v>4</v>
      </c>
      <c r="AC5281">
        <v>4</v>
      </c>
      <c r="AD5281">
        <v>4</v>
      </c>
      <c r="AE5281">
        <v>4</v>
      </c>
      <c r="AF5281">
        <v>4</v>
      </c>
      <c r="AG5281">
        <v>4</v>
      </c>
      <c r="AH5281">
        <v>4</v>
      </c>
      <c r="AI5281">
        <v>4</v>
      </c>
      <c r="AJ5281">
        <v>4</v>
      </c>
      <c r="AK5281">
        <v>4</v>
      </c>
      <c r="AL5281">
        <v>4</v>
      </c>
      <c r="AM5281">
        <v>4</v>
      </c>
      <c r="AN5281">
        <v>4</v>
      </c>
      <c r="AO5281">
        <v>4</v>
      </c>
      <c r="AP5281">
        <v>4</v>
      </c>
      <c r="AQ5281">
        <v>3</v>
      </c>
    </row>
    <row r="5282" spans="1:43">
      <c r="A5282" t="s">
        <v>3310</v>
      </c>
      <c r="B5282" t="s">
        <v>3311</v>
      </c>
      <c r="C5282" t="s">
        <v>3070</v>
      </c>
      <c r="D5282" t="s">
        <v>3071</v>
      </c>
      <c r="E5282" t="s">
        <v>2928</v>
      </c>
      <c r="F5282" t="s">
        <v>2929</v>
      </c>
      <c r="G5282" t="s">
        <v>80</v>
      </c>
      <c r="H5282" t="s">
        <v>81</v>
      </c>
      <c r="I5282" s="2">
        <v>1</v>
      </c>
      <c r="J5282" s="2">
        <v>0</v>
      </c>
      <c r="K5282" s="2">
        <v>0</v>
      </c>
      <c r="L5282" t="s">
        <v>120</v>
      </c>
      <c r="M5282" t="s">
        <v>83</v>
      </c>
      <c r="N5282" t="s">
        <v>84</v>
      </c>
      <c r="O5282" t="s">
        <v>85</v>
      </c>
      <c r="P5282" t="s">
        <v>86</v>
      </c>
      <c r="Q5282">
        <v>27</v>
      </c>
      <c r="R5282">
        <v>28</v>
      </c>
      <c r="S5282">
        <v>28</v>
      </c>
      <c r="T5282">
        <v>28</v>
      </c>
      <c r="U5282">
        <v>28</v>
      </c>
      <c r="V5282">
        <v>28</v>
      </c>
      <c r="W5282">
        <v>28</v>
      </c>
      <c r="X5282">
        <v>28</v>
      </c>
      <c r="Y5282">
        <v>28</v>
      </c>
      <c r="Z5282">
        <v>28</v>
      </c>
      <c r="AA5282">
        <v>28</v>
      </c>
      <c r="AB5282">
        <v>28</v>
      </c>
      <c r="AC5282">
        <v>28</v>
      </c>
      <c r="AD5282">
        <v>28</v>
      </c>
      <c r="AE5282">
        <v>29</v>
      </c>
      <c r="AF5282">
        <v>29</v>
      </c>
      <c r="AG5282">
        <v>29</v>
      </c>
      <c r="AH5282">
        <v>29</v>
      </c>
      <c r="AI5282">
        <v>29</v>
      </c>
      <c r="AJ5282">
        <v>29</v>
      </c>
      <c r="AK5282">
        <v>29</v>
      </c>
      <c r="AL5282">
        <v>28</v>
      </c>
      <c r="AM5282">
        <v>28</v>
      </c>
      <c r="AN5282">
        <v>28</v>
      </c>
      <c r="AO5282">
        <v>28</v>
      </c>
      <c r="AP5282">
        <v>28</v>
      </c>
      <c r="AQ5282">
        <v>27</v>
      </c>
    </row>
    <row r="5283" spans="1:43">
      <c r="A5283" t="s">
        <v>3310</v>
      </c>
      <c r="B5283" t="s">
        <v>3311</v>
      </c>
      <c r="C5283" t="s">
        <v>3070</v>
      </c>
      <c r="D5283" t="s">
        <v>3071</v>
      </c>
      <c r="E5283" t="s">
        <v>2928</v>
      </c>
      <c r="F5283" t="s">
        <v>2929</v>
      </c>
      <c r="G5283" t="s">
        <v>80</v>
      </c>
      <c r="H5283" t="s">
        <v>81</v>
      </c>
      <c r="I5283" s="2">
        <v>1</v>
      </c>
      <c r="J5283" s="2">
        <v>0</v>
      </c>
      <c r="K5283" s="2">
        <v>0</v>
      </c>
      <c r="L5283" t="s">
        <v>120</v>
      </c>
      <c r="M5283" t="s">
        <v>87</v>
      </c>
      <c r="N5283" t="s">
        <v>88</v>
      </c>
      <c r="O5283" t="s">
        <v>85</v>
      </c>
      <c r="P5283" t="s">
        <v>86</v>
      </c>
      <c r="Q5283">
        <v>27</v>
      </c>
      <c r="R5283">
        <v>27</v>
      </c>
      <c r="S5283">
        <v>27</v>
      </c>
      <c r="T5283">
        <v>27</v>
      </c>
      <c r="U5283">
        <v>27</v>
      </c>
      <c r="V5283">
        <v>27</v>
      </c>
      <c r="W5283">
        <v>26</v>
      </c>
      <c r="X5283">
        <v>26</v>
      </c>
      <c r="Y5283">
        <v>26</v>
      </c>
      <c r="Z5283">
        <v>26</v>
      </c>
      <c r="AA5283">
        <v>26</v>
      </c>
      <c r="AB5283">
        <v>26</v>
      </c>
      <c r="AC5283">
        <v>26</v>
      </c>
      <c r="AD5283">
        <v>25</v>
      </c>
      <c r="AE5283">
        <v>25</v>
      </c>
      <c r="AF5283">
        <v>25</v>
      </c>
      <c r="AG5283">
        <v>25</v>
      </c>
      <c r="AH5283">
        <v>25</v>
      </c>
      <c r="AI5283">
        <v>25</v>
      </c>
      <c r="AJ5283">
        <v>25</v>
      </c>
      <c r="AK5283">
        <v>25</v>
      </c>
      <c r="AL5283">
        <v>24</v>
      </c>
      <c r="AM5283">
        <v>24</v>
      </c>
      <c r="AN5283">
        <v>24</v>
      </c>
      <c r="AO5283">
        <v>24</v>
      </c>
      <c r="AP5283">
        <v>24</v>
      </c>
      <c r="AQ5283">
        <v>24</v>
      </c>
    </row>
    <row r="5284" spans="1:43">
      <c r="A5284" t="s">
        <v>3310</v>
      </c>
      <c r="B5284" t="s">
        <v>3311</v>
      </c>
      <c r="C5284" t="s">
        <v>3070</v>
      </c>
      <c r="D5284" t="s">
        <v>3071</v>
      </c>
      <c r="E5284" t="s">
        <v>2928</v>
      </c>
      <c r="F5284" t="s">
        <v>2929</v>
      </c>
      <c r="G5284" t="s">
        <v>80</v>
      </c>
      <c r="H5284" t="s">
        <v>81</v>
      </c>
      <c r="I5284" s="2">
        <v>1</v>
      </c>
      <c r="J5284" s="2">
        <v>0</v>
      </c>
      <c r="K5284" s="2">
        <v>0</v>
      </c>
      <c r="L5284" t="s">
        <v>120</v>
      </c>
      <c r="M5284" t="s">
        <v>89</v>
      </c>
      <c r="N5284" t="s">
        <v>90</v>
      </c>
      <c r="O5284" t="s">
        <v>85</v>
      </c>
      <c r="P5284" t="s">
        <v>86</v>
      </c>
      <c r="Q5284">
        <v>27</v>
      </c>
      <c r="R5284">
        <v>27</v>
      </c>
      <c r="S5284">
        <v>27</v>
      </c>
      <c r="T5284">
        <v>28</v>
      </c>
      <c r="U5284">
        <v>28</v>
      </c>
      <c r="V5284">
        <v>28</v>
      </c>
      <c r="W5284">
        <v>28</v>
      </c>
      <c r="X5284">
        <v>29</v>
      </c>
      <c r="Y5284">
        <v>29</v>
      </c>
      <c r="Z5284">
        <v>29</v>
      </c>
      <c r="AA5284">
        <v>29</v>
      </c>
      <c r="AB5284">
        <v>29</v>
      </c>
      <c r="AC5284">
        <v>29</v>
      </c>
      <c r="AD5284">
        <v>30</v>
      </c>
      <c r="AE5284">
        <v>29</v>
      </c>
      <c r="AF5284">
        <v>29</v>
      </c>
      <c r="AG5284">
        <v>29</v>
      </c>
      <c r="AH5284">
        <v>29</v>
      </c>
      <c r="AI5284">
        <v>28</v>
      </c>
      <c r="AJ5284">
        <v>28</v>
      </c>
      <c r="AK5284">
        <v>28</v>
      </c>
      <c r="AL5284">
        <v>28</v>
      </c>
      <c r="AM5284">
        <v>28</v>
      </c>
      <c r="AN5284">
        <v>27</v>
      </c>
      <c r="AO5284">
        <v>27</v>
      </c>
      <c r="AP5284">
        <v>27</v>
      </c>
      <c r="AQ5284">
        <v>27</v>
      </c>
    </row>
    <row r="5285" spans="1:43">
      <c r="A5285" t="s">
        <v>3310</v>
      </c>
      <c r="B5285" t="s">
        <v>3311</v>
      </c>
      <c r="C5285" t="s">
        <v>3070</v>
      </c>
      <c r="D5285" t="s">
        <v>3071</v>
      </c>
      <c r="E5285" t="s">
        <v>2928</v>
      </c>
      <c r="F5285" t="s">
        <v>2929</v>
      </c>
      <c r="G5285" t="s">
        <v>80</v>
      </c>
      <c r="H5285" t="s">
        <v>81</v>
      </c>
      <c r="I5285" s="2">
        <v>1</v>
      </c>
      <c r="J5285" s="2">
        <v>0</v>
      </c>
      <c r="K5285" s="2">
        <v>0</v>
      </c>
      <c r="L5285" t="s">
        <v>120</v>
      </c>
      <c r="M5285" t="s">
        <v>83</v>
      </c>
      <c r="N5285" t="s">
        <v>91</v>
      </c>
      <c r="O5285" t="s">
        <v>85</v>
      </c>
      <c r="P5285" t="s">
        <v>86</v>
      </c>
      <c r="Q5285">
        <v>27</v>
      </c>
      <c r="R5285">
        <v>28</v>
      </c>
      <c r="S5285">
        <v>28</v>
      </c>
      <c r="T5285">
        <v>28</v>
      </c>
      <c r="U5285">
        <v>28</v>
      </c>
      <c r="V5285">
        <v>28</v>
      </c>
      <c r="W5285">
        <v>28</v>
      </c>
      <c r="X5285">
        <v>28</v>
      </c>
      <c r="Y5285">
        <v>28</v>
      </c>
      <c r="Z5285">
        <v>28</v>
      </c>
      <c r="AA5285">
        <v>28</v>
      </c>
      <c r="AB5285">
        <v>28</v>
      </c>
      <c r="AC5285">
        <v>28</v>
      </c>
      <c r="AD5285">
        <v>28</v>
      </c>
      <c r="AE5285">
        <v>29</v>
      </c>
      <c r="AF5285">
        <v>29</v>
      </c>
      <c r="AG5285">
        <v>29</v>
      </c>
      <c r="AH5285">
        <v>29</v>
      </c>
      <c r="AI5285">
        <v>29</v>
      </c>
      <c r="AJ5285">
        <v>29</v>
      </c>
      <c r="AK5285">
        <v>29</v>
      </c>
      <c r="AL5285">
        <v>28</v>
      </c>
      <c r="AM5285">
        <v>28</v>
      </c>
      <c r="AN5285">
        <v>28</v>
      </c>
      <c r="AO5285">
        <v>28</v>
      </c>
      <c r="AP5285">
        <v>28</v>
      </c>
      <c r="AQ5285">
        <v>27</v>
      </c>
    </row>
    <row r="5286" spans="1:43">
      <c r="A5286" t="s">
        <v>3312</v>
      </c>
      <c r="B5286" t="s">
        <v>3313</v>
      </c>
      <c r="C5286" t="s">
        <v>3074</v>
      </c>
      <c r="D5286" t="s">
        <v>3075</v>
      </c>
      <c r="E5286" t="s">
        <v>2928</v>
      </c>
      <c r="F5286" t="s">
        <v>2929</v>
      </c>
      <c r="G5286" t="s">
        <v>80</v>
      </c>
      <c r="H5286" t="s">
        <v>81</v>
      </c>
      <c r="I5286" s="2">
        <v>1</v>
      </c>
      <c r="J5286" s="2">
        <v>0</v>
      </c>
      <c r="K5286" s="2">
        <v>0</v>
      </c>
      <c r="L5286" t="s">
        <v>120</v>
      </c>
      <c r="M5286" t="s">
        <v>83</v>
      </c>
      <c r="N5286" t="s">
        <v>84</v>
      </c>
      <c r="O5286" t="s">
        <v>85</v>
      </c>
      <c r="P5286" t="s">
        <v>86</v>
      </c>
      <c r="Q5286">
        <v>19</v>
      </c>
      <c r="R5286">
        <v>19</v>
      </c>
      <c r="S5286">
        <v>19</v>
      </c>
      <c r="T5286">
        <v>19</v>
      </c>
      <c r="U5286">
        <v>19</v>
      </c>
      <c r="V5286">
        <v>19</v>
      </c>
      <c r="W5286">
        <v>19</v>
      </c>
      <c r="X5286">
        <v>19</v>
      </c>
      <c r="Y5286">
        <v>19</v>
      </c>
      <c r="Z5286">
        <v>19</v>
      </c>
      <c r="AA5286">
        <v>19</v>
      </c>
      <c r="AB5286">
        <v>19</v>
      </c>
      <c r="AC5286">
        <v>19</v>
      </c>
      <c r="AD5286">
        <v>19</v>
      </c>
      <c r="AE5286">
        <v>19</v>
      </c>
      <c r="AF5286">
        <v>19</v>
      </c>
      <c r="AG5286">
        <v>20</v>
      </c>
      <c r="AH5286">
        <v>20</v>
      </c>
      <c r="AI5286">
        <v>20</v>
      </c>
      <c r="AJ5286">
        <v>20</v>
      </c>
      <c r="AK5286">
        <v>20</v>
      </c>
      <c r="AL5286">
        <v>20</v>
      </c>
      <c r="AM5286">
        <v>19</v>
      </c>
      <c r="AN5286">
        <v>19</v>
      </c>
      <c r="AO5286">
        <v>19</v>
      </c>
      <c r="AP5286">
        <v>19</v>
      </c>
      <c r="AQ5286">
        <v>19</v>
      </c>
    </row>
    <row r="5287" spans="1:43">
      <c r="A5287" t="s">
        <v>3312</v>
      </c>
      <c r="B5287" t="s">
        <v>3313</v>
      </c>
      <c r="C5287" t="s">
        <v>3074</v>
      </c>
      <c r="D5287" t="s">
        <v>3075</v>
      </c>
      <c r="E5287" t="s">
        <v>2928</v>
      </c>
      <c r="F5287" t="s">
        <v>2929</v>
      </c>
      <c r="G5287" t="s">
        <v>80</v>
      </c>
      <c r="H5287" t="s">
        <v>81</v>
      </c>
      <c r="I5287" s="2">
        <v>1</v>
      </c>
      <c r="J5287" s="2">
        <v>0</v>
      </c>
      <c r="K5287" s="2">
        <v>0</v>
      </c>
      <c r="L5287" t="s">
        <v>120</v>
      </c>
      <c r="M5287" t="s">
        <v>87</v>
      </c>
      <c r="N5287" t="s">
        <v>88</v>
      </c>
      <c r="O5287" t="s">
        <v>85</v>
      </c>
      <c r="P5287" t="s">
        <v>86</v>
      </c>
      <c r="Q5287">
        <v>19</v>
      </c>
      <c r="R5287">
        <v>19</v>
      </c>
      <c r="S5287">
        <v>19</v>
      </c>
      <c r="T5287">
        <v>19</v>
      </c>
      <c r="U5287">
        <v>19</v>
      </c>
      <c r="V5287">
        <v>19</v>
      </c>
      <c r="W5287">
        <v>19</v>
      </c>
      <c r="X5287">
        <v>19</v>
      </c>
      <c r="Y5287">
        <v>19</v>
      </c>
      <c r="Z5287">
        <v>19</v>
      </c>
      <c r="AA5287">
        <v>19</v>
      </c>
      <c r="AB5287">
        <v>19</v>
      </c>
      <c r="AC5287">
        <v>18</v>
      </c>
      <c r="AD5287">
        <v>18</v>
      </c>
      <c r="AE5287">
        <v>18</v>
      </c>
      <c r="AF5287">
        <v>18</v>
      </c>
      <c r="AG5287">
        <v>18</v>
      </c>
      <c r="AH5287">
        <v>18</v>
      </c>
      <c r="AI5287">
        <v>18</v>
      </c>
      <c r="AJ5287">
        <v>18</v>
      </c>
      <c r="AK5287">
        <v>18</v>
      </c>
      <c r="AL5287">
        <v>18</v>
      </c>
      <c r="AM5287">
        <v>18</v>
      </c>
      <c r="AN5287">
        <v>18</v>
      </c>
      <c r="AO5287">
        <v>18</v>
      </c>
      <c r="AP5287">
        <v>17</v>
      </c>
      <c r="AQ5287">
        <v>17</v>
      </c>
    </row>
    <row r="5288" spans="1:43">
      <c r="A5288" t="s">
        <v>3312</v>
      </c>
      <c r="B5288" t="s">
        <v>3313</v>
      </c>
      <c r="C5288" t="s">
        <v>3074</v>
      </c>
      <c r="D5288" t="s">
        <v>3075</v>
      </c>
      <c r="E5288" t="s">
        <v>2928</v>
      </c>
      <c r="F5288" t="s">
        <v>2929</v>
      </c>
      <c r="G5288" t="s">
        <v>80</v>
      </c>
      <c r="H5288" t="s">
        <v>81</v>
      </c>
      <c r="I5288" s="2">
        <v>1</v>
      </c>
      <c r="J5288" s="2">
        <v>0</v>
      </c>
      <c r="K5288" s="2">
        <v>0</v>
      </c>
      <c r="L5288" t="s">
        <v>120</v>
      </c>
      <c r="M5288" t="s">
        <v>89</v>
      </c>
      <c r="N5288" t="s">
        <v>90</v>
      </c>
      <c r="O5288" t="s">
        <v>85</v>
      </c>
      <c r="P5288" t="s">
        <v>86</v>
      </c>
      <c r="Q5288">
        <v>19</v>
      </c>
      <c r="R5288">
        <v>19</v>
      </c>
      <c r="S5288">
        <v>19</v>
      </c>
      <c r="T5288">
        <v>20</v>
      </c>
      <c r="U5288">
        <v>20</v>
      </c>
      <c r="V5288">
        <v>20</v>
      </c>
      <c r="W5288">
        <v>20</v>
      </c>
      <c r="X5288">
        <v>20</v>
      </c>
      <c r="Y5288">
        <v>20</v>
      </c>
      <c r="Z5288">
        <v>20</v>
      </c>
      <c r="AA5288">
        <v>21</v>
      </c>
      <c r="AB5288">
        <v>21</v>
      </c>
      <c r="AC5288">
        <v>21</v>
      </c>
      <c r="AD5288">
        <v>21</v>
      </c>
      <c r="AE5288">
        <v>21</v>
      </c>
      <c r="AF5288">
        <v>21</v>
      </c>
      <c r="AG5288">
        <v>21</v>
      </c>
      <c r="AH5288">
        <v>20</v>
      </c>
      <c r="AI5288">
        <v>20</v>
      </c>
      <c r="AJ5288">
        <v>20</v>
      </c>
      <c r="AK5288">
        <v>20</v>
      </c>
      <c r="AL5288">
        <v>20</v>
      </c>
      <c r="AM5288">
        <v>20</v>
      </c>
      <c r="AN5288">
        <v>19</v>
      </c>
      <c r="AO5288">
        <v>19</v>
      </c>
      <c r="AP5288">
        <v>19</v>
      </c>
      <c r="AQ5288">
        <v>19</v>
      </c>
    </row>
    <row r="5289" spans="1:43">
      <c r="A5289" t="s">
        <v>3312</v>
      </c>
      <c r="B5289" t="s">
        <v>3313</v>
      </c>
      <c r="C5289" t="s">
        <v>3074</v>
      </c>
      <c r="D5289" t="s">
        <v>3075</v>
      </c>
      <c r="E5289" t="s">
        <v>2928</v>
      </c>
      <c r="F5289" t="s">
        <v>2929</v>
      </c>
      <c r="G5289" t="s">
        <v>80</v>
      </c>
      <c r="H5289" t="s">
        <v>81</v>
      </c>
      <c r="I5289" s="2">
        <v>1</v>
      </c>
      <c r="J5289" s="2">
        <v>0</v>
      </c>
      <c r="K5289" s="2">
        <v>0</v>
      </c>
      <c r="L5289" t="s">
        <v>120</v>
      </c>
      <c r="M5289" t="s">
        <v>83</v>
      </c>
      <c r="N5289" t="s">
        <v>91</v>
      </c>
      <c r="O5289" t="s">
        <v>85</v>
      </c>
      <c r="P5289" t="s">
        <v>86</v>
      </c>
      <c r="Q5289">
        <v>19</v>
      </c>
      <c r="R5289">
        <v>19</v>
      </c>
      <c r="S5289">
        <v>19</v>
      </c>
      <c r="T5289">
        <v>19</v>
      </c>
      <c r="U5289">
        <v>19</v>
      </c>
      <c r="V5289">
        <v>19</v>
      </c>
      <c r="W5289">
        <v>19</v>
      </c>
      <c r="X5289">
        <v>19</v>
      </c>
      <c r="Y5289">
        <v>19</v>
      </c>
      <c r="Z5289">
        <v>19</v>
      </c>
      <c r="AA5289">
        <v>19</v>
      </c>
      <c r="AB5289">
        <v>19</v>
      </c>
      <c r="AC5289">
        <v>19</v>
      </c>
      <c r="AD5289">
        <v>19</v>
      </c>
      <c r="AE5289">
        <v>19</v>
      </c>
      <c r="AF5289">
        <v>19</v>
      </c>
      <c r="AG5289">
        <v>20</v>
      </c>
      <c r="AH5289">
        <v>20</v>
      </c>
      <c r="AI5289">
        <v>20</v>
      </c>
      <c r="AJ5289">
        <v>20</v>
      </c>
      <c r="AK5289">
        <v>20</v>
      </c>
      <c r="AL5289">
        <v>20</v>
      </c>
      <c r="AM5289">
        <v>19</v>
      </c>
      <c r="AN5289">
        <v>19</v>
      </c>
      <c r="AO5289">
        <v>19</v>
      </c>
      <c r="AP5289">
        <v>19</v>
      </c>
      <c r="AQ5289">
        <v>19</v>
      </c>
    </row>
    <row r="5290" spans="1:43">
      <c r="A5290" t="s">
        <v>3314</v>
      </c>
      <c r="B5290" t="s">
        <v>3315</v>
      </c>
      <c r="C5290" t="s">
        <v>3112</v>
      </c>
      <c r="D5290" t="s">
        <v>3113</v>
      </c>
      <c r="E5290" t="s">
        <v>2928</v>
      </c>
      <c r="F5290" t="s">
        <v>2929</v>
      </c>
      <c r="G5290" t="s">
        <v>80</v>
      </c>
      <c r="H5290" t="s">
        <v>81</v>
      </c>
      <c r="I5290" s="2">
        <v>1</v>
      </c>
      <c r="J5290" s="2">
        <v>0</v>
      </c>
      <c r="K5290" s="2">
        <v>0</v>
      </c>
      <c r="L5290" t="s">
        <v>120</v>
      </c>
      <c r="M5290" t="s">
        <v>83</v>
      </c>
      <c r="N5290" t="s">
        <v>84</v>
      </c>
      <c r="O5290" t="s">
        <v>85</v>
      </c>
      <c r="P5290" t="s">
        <v>86</v>
      </c>
      <c r="Q5290">
        <v>11</v>
      </c>
      <c r="R5290">
        <v>11</v>
      </c>
      <c r="S5290">
        <v>11</v>
      </c>
      <c r="T5290">
        <v>11</v>
      </c>
      <c r="U5290">
        <v>11</v>
      </c>
      <c r="V5290">
        <v>11</v>
      </c>
      <c r="W5290">
        <v>11</v>
      </c>
      <c r="X5290">
        <v>11</v>
      </c>
      <c r="Y5290">
        <v>11</v>
      </c>
      <c r="Z5290">
        <v>11</v>
      </c>
      <c r="AA5290">
        <v>12</v>
      </c>
      <c r="AB5290">
        <v>12</v>
      </c>
      <c r="AC5290">
        <v>12</v>
      </c>
      <c r="AD5290">
        <v>12</v>
      </c>
      <c r="AE5290">
        <v>12</v>
      </c>
      <c r="AF5290">
        <v>12</v>
      </c>
      <c r="AG5290">
        <v>12</v>
      </c>
      <c r="AH5290">
        <v>12</v>
      </c>
      <c r="AI5290">
        <v>12</v>
      </c>
      <c r="AJ5290">
        <v>12</v>
      </c>
      <c r="AK5290">
        <v>12</v>
      </c>
      <c r="AL5290">
        <v>12</v>
      </c>
      <c r="AM5290">
        <v>12</v>
      </c>
      <c r="AN5290">
        <v>12</v>
      </c>
      <c r="AO5290">
        <v>11</v>
      </c>
      <c r="AP5290">
        <v>11</v>
      </c>
      <c r="AQ5290">
        <v>11</v>
      </c>
    </row>
    <row r="5291" spans="1:43">
      <c r="A5291" t="s">
        <v>3314</v>
      </c>
      <c r="B5291" t="s">
        <v>3315</v>
      </c>
      <c r="C5291" t="s">
        <v>3112</v>
      </c>
      <c r="D5291" t="s">
        <v>3113</v>
      </c>
      <c r="E5291" t="s">
        <v>2928</v>
      </c>
      <c r="F5291" t="s">
        <v>2929</v>
      </c>
      <c r="G5291" t="s">
        <v>80</v>
      </c>
      <c r="H5291" t="s">
        <v>81</v>
      </c>
      <c r="I5291" s="2">
        <v>1</v>
      </c>
      <c r="J5291" s="2">
        <v>0</v>
      </c>
      <c r="K5291" s="2">
        <v>0</v>
      </c>
      <c r="L5291" t="s">
        <v>120</v>
      </c>
      <c r="M5291" t="s">
        <v>87</v>
      </c>
      <c r="N5291" t="s">
        <v>88</v>
      </c>
      <c r="O5291" t="s">
        <v>85</v>
      </c>
      <c r="P5291" t="s">
        <v>86</v>
      </c>
      <c r="Q5291">
        <v>11</v>
      </c>
      <c r="R5291">
        <v>11</v>
      </c>
      <c r="S5291">
        <v>11</v>
      </c>
      <c r="T5291">
        <v>11</v>
      </c>
      <c r="U5291">
        <v>11</v>
      </c>
      <c r="V5291">
        <v>11</v>
      </c>
      <c r="W5291">
        <v>11</v>
      </c>
      <c r="X5291">
        <v>11</v>
      </c>
      <c r="Y5291">
        <v>11</v>
      </c>
      <c r="Z5291">
        <v>11</v>
      </c>
      <c r="AA5291">
        <v>11</v>
      </c>
      <c r="AB5291">
        <v>10</v>
      </c>
      <c r="AC5291">
        <v>10</v>
      </c>
      <c r="AD5291">
        <v>10</v>
      </c>
      <c r="AE5291">
        <v>10</v>
      </c>
      <c r="AF5291">
        <v>10</v>
      </c>
      <c r="AG5291">
        <v>10</v>
      </c>
      <c r="AH5291">
        <v>10</v>
      </c>
      <c r="AI5291">
        <v>10</v>
      </c>
      <c r="AJ5291">
        <v>10</v>
      </c>
      <c r="AK5291">
        <v>10</v>
      </c>
      <c r="AL5291">
        <v>10</v>
      </c>
      <c r="AM5291">
        <v>10</v>
      </c>
      <c r="AN5291">
        <v>10</v>
      </c>
      <c r="AO5291">
        <v>10</v>
      </c>
      <c r="AP5291">
        <v>10</v>
      </c>
      <c r="AQ5291">
        <v>10</v>
      </c>
    </row>
    <row r="5292" spans="1:43">
      <c r="A5292" t="s">
        <v>3314</v>
      </c>
      <c r="B5292" t="s">
        <v>3315</v>
      </c>
      <c r="C5292" t="s">
        <v>3112</v>
      </c>
      <c r="D5292" t="s">
        <v>3113</v>
      </c>
      <c r="E5292" t="s">
        <v>2928</v>
      </c>
      <c r="F5292" t="s">
        <v>2929</v>
      </c>
      <c r="G5292" t="s">
        <v>80</v>
      </c>
      <c r="H5292" t="s">
        <v>81</v>
      </c>
      <c r="I5292" s="2">
        <v>1</v>
      </c>
      <c r="J5292" s="2">
        <v>0</v>
      </c>
      <c r="K5292" s="2">
        <v>0</v>
      </c>
      <c r="L5292" t="s">
        <v>120</v>
      </c>
      <c r="M5292" t="s">
        <v>89</v>
      </c>
      <c r="N5292" t="s">
        <v>90</v>
      </c>
      <c r="O5292" t="s">
        <v>85</v>
      </c>
      <c r="P5292" t="s">
        <v>86</v>
      </c>
      <c r="Q5292">
        <v>11</v>
      </c>
      <c r="R5292">
        <v>11</v>
      </c>
      <c r="S5292">
        <v>11</v>
      </c>
      <c r="T5292">
        <v>12</v>
      </c>
      <c r="U5292">
        <v>12</v>
      </c>
      <c r="V5292">
        <v>12</v>
      </c>
      <c r="W5292">
        <v>12</v>
      </c>
      <c r="X5292">
        <v>12</v>
      </c>
      <c r="Y5292">
        <v>12</v>
      </c>
      <c r="Z5292">
        <v>12</v>
      </c>
      <c r="AA5292">
        <v>12</v>
      </c>
      <c r="AB5292">
        <v>12</v>
      </c>
      <c r="AC5292">
        <v>12</v>
      </c>
      <c r="AD5292">
        <v>12</v>
      </c>
      <c r="AE5292">
        <v>12</v>
      </c>
      <c r="AF5292">
        <v>12</v>
      </c>
      <c r="AG5292">
        <v>12</v>
      </c>
      <c r="AH5292">
        <v>12</v>
      </c>
      <c r="AI5292">
        <v>12</v>
      </c>
      <c r="AJ5292">
        <v>12</v>
      </c>
      <c r="AK5292">
        <v>12</v>
      </c>
      <c r="AL5292">
        <v>12</v>
      </c>
      <c r="AM5292">
        <v>12</v>
      </c>
      <c r="AN5292">
        <v>12</v>
      </c>
      <c r="AO5292">
        <v>12</v>
      </c>
      <c r="AP5292">
        <v>12</v>
      </c>
      <c r="AQ5292">
        <v>11</v>
      </c>
    </row>
    <row r="5293" spans="1:43">
      <c r="A5293" t="s">
        <v>3314</v>
      </c>
      <c r="B5293" t="s">
        <v>3315</v>
      </c>
      <c r="C5293" t="s">
        <v>3112</v>
      </c>
      <c r="D5293" t="s">
        <v>3113</v>
      </c>
      <c r="E5293" t="s">
        <v>2928</v>
      </c>
      <c r="F5293" t="s">
        <v>2929</v>
      </c>
      <c r="G5293" t="s">
        <v>80</v>
      </c>
      <c r="H5293" t="s">
        <v>81</v>
      </c>
      <c r="I5293" s="2">
        <v>1</v>
      </c>
      <c r="J5293" s="2">
        <v>0</v>
      </c>
      <c r="K5293" s="2">
        <v>0</v>
      </c>
      <c r="L5293" t="s">
        <v>120</v>
      </c>
      <c r="M5293" t="s">
        <v>83</v>
      </c>
      <c r="N5293" t="s">
        <v>91</v>
      </c>
      <c r="O5293" t="s">
        <v>85</v>
      </c>
      <c r="P5293" t="s">
        <v>86</v>
      </c>
      <c r="Q5293">
        <v>11</v>
      </c>
      <c r="R5293">
        <v>11</v>
      </c>
      <c r="S5293">
        <v>11</v>
      </c>
      <c r="T5293">
        <v>11</v>
      </c>
      <c r="U5293">
        <v>11</v>
      </c>
      <c r="V5293">
        <v>11</v>
      </c>
      <c r="W5293">
        <v>11</v>
      </c>
      <c r="X5293">
        <v>11</v>
      </c>
      <c r="Y5293">
        <v>11</v>
      </c>
      <c r="Z5293">
        <v>11</v>
      </c>
      <c r="AA5293">
        <v>12</v>
      </c>
      <c r="AB5293">
        <v>12</v>
      </c>
      <c r="AC5293">
        <v>12</v>
      </c>
      <c r="AD5293">
        <v>12</v>
      </c>
      <c r="AE5293">
        <v>12</v>
      </c>
      <c r="AF5293">
        <v>12</v>
      </c>
      <c r="AG5293">
        <v>12</v>
      </c>
      <c r="AH5293">
        <v>12</v>
      </c>
      <c r="AI5293">
        <v>12</v>
      </c>
      <c r="AJ5293">
        <v>12</v>
      </c>
      <c r="AK5293">
        <v>12</v>
      </c>
      <c r="AL5293">
        <v>12</v>
      </c>
      <c r="AM5293">
        <v>12</v>
      </c>
      <c r="AN5293">
        <v>12</v>
      </c>
      <c r="AO5293">
        <v>11</v>
      </c>
      <c r="AP5293">
        <v>11</v>
      </c>
      <c r="AQ5293">
        <v>11</v>
      </c>
    </row>
    <row r="5294" spans="1:43">
      <c r="A5294" t="s">
        <v>3316</v>
      </c>
      <c r="B5294" t="s">
        <v>3317</v>
      </c>
      <c r="C5294" t="s">
        <v>3112</v>
      </c>
      <c r="D5294" t="s">
        <v>3113</v>
      </c>
      <c r="E5294" t="s">
        <v>2928</v>
      </c>
      <c r="F5294" t="s">
        <v>2929</v>
      </c>
      <c r="G5294" t="s">
        <v>80</v>
      </c>
      <c r="H5294" t="s">
        <v>81</v>
      </c>
      <c r="I5294" s="2">
        <v>1</v>
      </c>
      <c r="J5294" s="2">
        <v>0</v>
      </c>
      <c r="K5294" s="2">
        <v>0</v>
      </c>
      <c r="L5294" t="s">
        <v>120</v>
      </c>
      <c r="M5294" t="s">
        <v>83</v>
      </c>
      <c r="N5294" t="s">
        <v>84</v>
      </c>
      <c r="O5294" t="s">
        <v>85</v>
      </c>
      <c r="P5294" t="s">
        <v>86</v>
      </c>
      <c r="Q5294">
        <v>26</v>
      </c>
      <c r="R5294">
        <v>27</v>
      </c>
      <c r="S5294">
        <v>27</v>
      </c>
      <c r="T5294">
        <v>27</v>
      </c>
      <c r="U5294">
        <v>27</v>
      </c>
      <c r="V5294">
        <v>27</v>
      </c>
      <c r="W5294">
        <v>27</v>
      </c>
      <c r="X5294">
        <v>27</v>
      </c>
      <c r="Y5294">
        <v>28</v>
      </c>
      <c r="Z5294">
        <v>28</v>
      </c>
      <c r="AA5294">
        <v>28</v>
      </c>
      <c r="AB5294">
        <v>28</v>
      </c>
      <c r="AC5294">
        <v>28</v>
      </c>
      <c r="AD5294">
        <v>28</v>
      </c>
      <c r="AE5294">
        <v>28</v>
      </c>
      <c r="AF5294">
        <v>28</v>
      </c>
      <c r="AG5294">
        <v>28</v>
      </c>
      <c r="AH5294">
        <v>28</v>
      </c>
      <c r="AI5294">
        <v>28</v>
      </c>
      <c r="AJ5294">
        <v>29</v>
      </c>
      <c r="AK5294">
        <v>29</v>
      </c>
      <c r="AL5294">
        <v>29</v>
      </c>
      <c r="AM5294">
        <v>28</v>
      </c>
      <c r="AN5294">
        <v>28</v>
      </c>
      <c r="AO5294">
        <v>28</v>
      </c>
      <c r="AP5294">
        <v>28</v>
      </c>
      <c r="AQ5294">
        <v>28</v>
      </c>
    </row>
    <row r="5295" spans="1:43">
      <c r="A5295" t="s">
        <v>3316</v>
      </c>
      <c r="B5295" t="s">
        <v>3317</v>
      </c>
      <c r="C5295" t="s">
        <v>3112</v>
      </c>
      <c r="D5295" t="s">
        <v>3113</v>
      </c>
      <c r="E5295" t="s">
        <v>2928</v>
      </c>
      <c r="F5295" t="s">
        <v>2929</v>
      </c>
      <c r="G5295" t="s">
        <v>80</v>
      </c>
      <c r="H5295" t="s">
        <v>81</v>
      </c>
      <c r="I5295" s="2">
        <v>1</v>
      </c>
      <c r="J5295" s="2">
        <v>0</v>
      </c>
      <c r="K5295" s="2">
        <v>0</v>
      </c>
      <c r="L5295" t="s">
        <v>120</v>
      </c>
      <c r="M5295" t="s">
        <v>87</v>
      </c>
      <c r="N5295" t="s">
        <v>88</v>
      </c>
      <c r="O5295" t="s">
        <v>85</v>
      </c>
      <c r="P5295" t="s">
        <v>86</v>
      </c>
      <c r="Q5295">
        <v>26</v>
      </c>
      <c r="R5295">
        <v>26</v>
      </c>
      <c r="S5295">
        <v>26</v>
      </c>
      <c r="T5295">
        <v>26</v>
      </c>
      <c r="U5295">
        <v>26</v>
      </c>
      <c r="V5295">
        <v>26</v>
      </c>
      <c r="W5295">
        <v>26</v>
      </c>
      <c r="X5295">
        <v>26</v>
      </c>
      <c r="Y5295">
        <v>26</v>
      </c>
      <c r="Z5295">
        <v>25</v>
      </c>
      <c r="AA5295">
        <v>25</v>
      </c>
      <c r="AB5295">
        <v>25</v>
      </c>
      <c r="AC5295">
        <v>25</v>
      </c>
      <c r="AD5295">
        <v>25</v>
      </c>
      <c r="AE5295">
        <v>25</v>
      </c>
      <c r="AF5295">
        <v>25</v>
      </c>
      <c r="AG5295">
        <v>25</v>
      </c>
      <c r="AH5295">
        <v>25</v>
      </c>
      <c r="AI5295">
        <v>25</v>
      </c>
      <c r="AJ5295">
        <v>25</v>
      </c>
      <c r="AK5295">
        <v>25</v>
      </c>
      <c r="AL5295">
        <v>24</v>
      </c>
      <c r="AM5295">
        <v>24</v>
      </c>
      <c r="AN5295">
        <v>24</v>
      </c>
      <c r="AO5295">
        <v>24</v>
      </c>
      <c r="AP5295">
        <v>24</v>
      </c>
      <c r="AQ5295">
        <v>24</v>
      </c>
    </row>
    <row r="5296" spans="1:43">
      <c r="A5296" t="s">
        <v>3316</v>
      </c>
      <c r="B5296" t="s">
        <v>3317</v>
      </c>
      <c r="C5296" t="s">
        <v>3112</v>
      </c>
      <c r="D5296" t="s">
        <v>3113</v>
      </c>
      <c r="E5296" t="s">
        <v>2928</v>
      </c>
      <c r="F5296" t="s">
        <v>2929</v>
      </c>
      <c r="G5296" t="s">
        <v>80</v>
      </c>
      <c r="H5296" t="s">
        <v>81</v>
      </c>
      <c r="I5296" s="2">
        <v>1</v>
      </c>
      <c r="J5296" s="2">
        <v>0</v>
      </c>
      <c r="K5296" s="2">
        <v>0</v>
      </c>
      <c r="L5296" t="s">
        <v>120</v>
      </c>
      <c r="M5296" t="s">
        <v>89</v>
      </c>
      <c r="N5296" t="s">
        <v>90</v>
      </c>
      <c r="O5296" t="s">
        <v>85</v>
      </c>
      <c r="P5296" t="s">
        <v>86</v>
      </c>
      <c r="Q5296">
        <v>26</v>
      </c>
      <c r="R5296">
        <v>26</v>
      </c>
      <c r="S5296">
        <v>26</v>
      </c>
      <c r="T5296">
        <v>27</v>
      </c>
      <c r="U5296">
        <v>27</v>
      </c>
      <c r="V5296">
        <v>27</v>
      </c>
      <c r="W5296">
        <v>28</v>
      </c>
      <c r="X5296">
        <v>28</v>
      </c>
      <c r="Y5296">
        <v>28</v>
      </c>
      <c r="Z5296">
        <v>28</v>
      </c>
      <c r="AA5296">
        <v>29</v>
      </c>
      <c r="AB5296">
        <v>29</v>
      </c>
      <c r="AC5296">
        <v>29</v>
      </c>
      <c r="AD5296">
        <v>29</v>
      </c>
      <c r="AE5296">
        <v>29</v>
      </c>
      <c r="AF5296">
        <v>29</v>
      </c>
      <c r="AG5296">
        <v>29</v>
      </c>
      <c r="AH5296">
        <v>29</v>
      </c>
      <c r="AI5296">
        <v>29</v>
      </c>
      <c r="AJ5296">
        <v>28</v>
      </c>
      <c r="AK5296">
        <v>28</v>
      </c>
      <c r="AL5296">
        <v>28</v>
      </c>
      <c r="AM5296">
        <v>28</v>
      </c>
      <c r="AN5296">
        <v>28</v>
      </c>
      <c r="AO5296">
        <v>28</v>
      </c>
      <c r="AP5296">
        <v>27</v>
      </c>
      <c r="AQ5296">
        <v>27</v>
      </c>
    </row>
    <row r="5297" spans="1:43">
      <c r="A5297" t="s">
        <v>3316</v>
      </c>
      <c r="B5297" t="s">
        <v>3317</v>
      </c>
      <c r="C5297" t="s">
        <v>3112</v>
      </c>
      <c r="D5297" t="s">
        <v>3113</v>
      </c>
      <c r="E5297" t="s">
        <v>2928</v>
      </c>
      <c r="F5297" t="s">
        <v>2929</v>
      </c>
      <c r="G5297" t="s">
        <v>80</v>
      </c>
      <c r="H5297" t="s">
        <v>81</v>
      </c>
      <c r="I5297" s="2">
        <v>1</v>
      </c>
      <c r="J5297" s="2">
        <v>0</v>
      </c>
      <c r="K5297" s="2">
        <v>0</v>
      </c>
      <c r="L5297" t="s">
        <v>120</v>
      </c>
      <c r="M5297" t="s">
        <v>83</v>
      </c>
      <c r="N5297" t="s">
        <v>91</v>
      </c>
      <c r="O5297" t="s">
        <v>85</v>
      </c>
      <c r="P5297" t="s">
        <v>86</v>
      </c>
      <c r="Q5297">
        <v>26</v>
      </c>
      <c r="R5297">
        <v>27</v>
      </c>
      <c r="S5297">
        <v>27</v>
      </c>
      <c r="T5297">
        <v>27</v>
      </c>
      <c r="U5297">
        <v>27</v>
      </c>
      <c r="V5297">
        <v>27</v>
      </c>
      <c r="W5297">
        <v>27</v>
      </c>
      <c r="X5297">
        <v>27</v>
      </c>
      <c r="Y5297">
        <v>28</v>
      </c>
      <c r="Z5297">
        <v>28</v>
      </c>
      <c r="AA5297">
        <v>28</v>
      </c>
      <c r="AB5297">
        <v>28</v>
      </c>
      <c r="AC5297">
        <v>28</v>
      </c>
      <c r="AD5297">
        <v>28</v>
      </c>
      <c r="AE5297">
        <v>28</v>
      </c>
      <c r="AF5297">
        <v>28</v>
      </c>
      <c r="AG5297">
        <v>28</v>
      </c>
      <c r="AH5297">
        <v>28</v>
      </c>
      <c r="AI5297">
        <v>28</v>
      </c>
      <c r="AJ5297">
        <v>29</v>
      </c>
      <c r="AK5297">
        <v>29</v>
      </c>
      <c r="AL5297">
        <v>29</v>
      </c>
      <c r="AM5297">
        <v>28</v>
      </c>
      <c r="AN5297">
        <v>28</v>
      </c>
      <c r="AO5297">
        <v>28</v>
      </c>
      <c r="AP5297">
        <v>28</v>
      </c>
      <c r="AQ5297">
        <v>28</v>
      </c>
    </row>
    <row r="5298" spans="1:43">
      <c r="A5298" t="s">
        <v>3318</v>
      </c>
      <c r="B5298" t="s">
        <v>3319</v>
      </c>
      <c r="C5298" t="s">
        <v>3038</v>
      </c>
      <c r="D5298" t="s">
        <v>3039</v>
      </c>
      <c r="E5298" t="s">
        <v>2928</v>
      </c>
      <c r="F5298" t="s">
        <v>2929</v>
      </c>
      <c r="G5298" t="s">
        <v>80</v>
      </c>
      <c r="H5298" t="s">
        <v>81</v>
      </c>
      <c r="I5298" s="2">
        <v>1</v>
      </c>
      <c r="J5298" s="2">
        <v>0</v>
      </c>
      <c r="K5298" s="2">
        <v>0</v>
      </c>
      <c r="L5298" t="s">
        <v>120</v>
      </c>
      <c r="M5298" t="s">
        <v>83</v>
      </c>
      <c r="N5298" t="s">
        <v>84</v>
      </c>
      <c r="O5298" t="s">
        <v>85</v>
      </c>
      <c r="P5298" t="s">
        <v>86</v>
      </c>
      <c r="Q5298">
        <v>32</v>
      </c>
      <c r="R5298">
        <v>32</v>
      </c>
      <c r="S5298">
        <v>32</v>
      </c>
      <c r="T5298">
        <v>32</v>
      </c>
      <c r="U5298">
        <v>32</v>
      </c>
      <c r="V5298">
        <v>33</v>
      </c>
      <c r="W5298">
        <v>33</v>
      </c>
      <c r="X5298">
        <v>33</v>
      </c>
      <c r="Y5298">
        <v>33</v>
      </c>
      <c r="Z5298">
        <v>33</v>
      </c>
      <c r="AA5298">
        <v>33</v>
      </c>
      <c r="AB5298">
        <v>33</v>
      </c>
      <c r="AC5298">
        <v>34</v>
      </c>
      <c r="AD5298">
        <v>34</v>
      </c>
      <c r="AE5298">
        <v>34</v>
      </c>
      <c r="AF5298">
        <v>34</v>
      </c>
      <c r="AG5298">
        <v>34</v>
      </c>
      <c r="AH5298">
        <v>34</v>
      </c>
      <c r="AI5298">
        <v>34</v>
      </c>
      <c r="AJ5298">
        <v>34</v>
      </c>
      <c r="AK5298">
        <v>34</v>
      </c>
      <c r="AL5298">
        <v>34</v>
      </c>
      <c r="AM5298">
        <v>34</v>
      </c>
      <c r="AN5298">
        <v>34</v>
      </c>
      <c r="AO5298">
        <v>34</v>
      </c>
      <c r="AP5298">
        <v>34</v>
      </c>
      <c r="AQ5298">
        <v>34</v>
      </c>
    </row>
    <row r="5299" spans="1:43">
      <c r="A5299" t="s">
        <v>3318</v>
      </c>
      <c r="B5299" t="s">
        <v>3319</v>
      </c>
      <c r="C5299" t="s">
        <v>3038</v>
      </c>
      <c r="D5299" t="s">
        <v>3039</v>
      </c>
      <c r="E5299" t="s">
        <v>2928</v>
      </c>
      <c r="F5299" t="s">
        <v>2929</v>
      </c>
      <c r="G5299" t="s">
        <v>80</v>
      </c>
      <c r="H5299" t="s">
        <v>81</v>
      </c>
      <c r="I5299" s="2">
        <v>1</v>
      </c>
      <c r="J5299" s="2">
        <v>0</v>
      </c>
      <c r="K5299" s="2">
        <v>0</v>
      </c>
      <c r="L5299" t="s">
        <v>120</v>
      </c>
      <c r="M5299" t="s">
        <v>87</v>
      </c>
      <c r="N5299" t="s">
        <v>88</v>
      </c>
      <c r="O5299" t="s">
        <v>85</v>
      </c>
      <c r="P5299" t="s">
        <v>86</v>
      </c>
      <c r="Q5299">
        <v>32</v>
      </c>
      <c r="R5299">
        <v>32</v>
      </c>
      <c r="S5299">
        <v>32</v>
      </c>
      <c r="T5299">
        <v>32</v>
      </c>
      <c r="U5299">
        <v>32</v>
      </c>
      <c r="V5299">
        <v>32</v>
      </c>
      <c r="W5299">
        <v>32</v>
      </c>
      <c r="X5299">
        <v>32</v>
      </c>
      <c r="Y5299">
        <v>32</v>
      </c>
      <c r="Z5299">
        <v>32</v>
      </c>
      <c r="AA5299">
        <v>31</v>
      </c>
      <c r="AB5299">
        <v>31</v>
      </c>
      <c r="AC5299">
        <v>31</v>
      </c>
      <c r="AD5299">
        <v>31</v>
      </c>
      <c r="AE5299">
        <v>31</v>
      </c>
      <c r="AF5299">
        <v>31</v>
      </c>
      <c r="AG5299">
        <v>31</v>
      </c>
      <c r="AH5299">
        <v>31</v>
      </c>
      <c r="AI5299">
        <v>31</v>
      </c>
      <c r="AJ5299">
        <v>31</v>
      </c>
      <c r="AK5299">
        <v>31</v>
      </c>
      <c r="AL5299">
        <v>30</v>
      </c>
      <c r="AM5299">
        <v>30</v>
      </c>
      <c r="AN5299">
        <v>30</v>
      </c>
      <c r="AO5299">
        <v>30</v>
      </c>
      <c r="AP5299">
        <v>30</v>
      </c>
      <c r="AQ5299">
        <v>30</v>
      </c>
    </row>
    <row r="5300" spans="1:43">
      <c r="A5300" t="s">
        <v>3318</v>
      </c>
      <c r="B5300" t="s">
        <v>3319</v>
      </c>
      <c r="C5300" t="s">
        <v>3038</v>
      </c>
      <c r="D5300" t="s">
        <v>3039</v>
      </c>
      <c r="E5300" t="s">
        <v>2928</v>
      </c>
      <c r="F5300" t="s">
        <v>2929</v>
      </c>
      <c r="G5300" t="s">
        <v>80</v>
      </c>
      <c r="H5300" t="s">
        <v>81</v>
      </c>
      <c r="I5300" s="2">
        <v>1</v>
      </c>
      <c r="J5300" s="2">
        <v>0</v>
      </c>
      <c r="K5300" s="2">
        <v>0</v>
      </c>
      <c r="L5300" t="s">
        <v>120</v>
      </c>
      <c r="M5300" t="s">
        <v>89</v>
      </c>
      <c r="N5300" t="s">
        <v>90</v>
      </c>
      <c r="O5300" t="s">
        <v>85</v>
      </c>
      <c r="P5300" t="s">
        <v>86</v>
      </c>
      <c r="Q5300">
        <v>32</v>
      </c>
      <c r="R5300">
        <v>33</v>
      </c>
      <c r="S5300">
        <v>33</v>
      </c>
      <c r="T5300">
        <v>33</v>
      </c>
      <c r="U5300">
        <v>34</v>
      </c>
      <c r="V5300">
        <v>34</v>
      </c>
      <c r="W5300">
        <v>34</v>
      </c>
      <c r="X5300">
        <v>35</v>
      </c>
      <c r="Y5300">
        <v>35</v>
      </c>
      <c r="Z5300">
        <v>35</v>
      </c>
      <c r="AA5300">
        <v>35</v>
      </c>
      <c r="AB5300">
        <v>36</v>
      </c>
      <c r="AC5300">
        <v>36</v>
      </c>
      <c r="AD5300">
        <v>36</v>
      </c>
      <c r="AE5300">
        <v>36</v>
      </c>
      <c r="AF5300">
        <v>36</v>
      </c>
      <c r="AG5300">
        <v>36</v>
      </c>
      <c r="AH5300">
        <v>36</v>
      </c>
      <c r="AI5300">
        <v>35</v>
      </c>
      <c r="AJ5300">
        <v>35</v>
      </c>
      <c r="AK5300">
        <v>35</v>
      </c>
      <c r="AL5300">
        <v>35</v>
      </c>
      <c r="AM5300">
        <v>35</v>
      </c>
      <c r="AN5300">
        <v>35</v>
      </c>
      <c r="AO5300">
        <v>34</v>
      </c>
      <c r="AP5300">
        <v>34</v>
      </c>
      <c r="AQ5300">
        <v>34</v>
      </c>
    </row>
    <row r="5301" spans="1:43">
      <c r="A5301" t="s">
        <v>3318</v>
      </c>
      <c r="B5301" t="s">
        <v>3319</v>
      </c>
      <c r="C5301" t="s">
        <v>3038</v>
      </c>
      <c r="D5301" t="s">
        <v>3039</v>
      </c>
      <c r="E5301" t="s">
        <v>2928</v>
      </c>
      <c r="F5301" t="s">
        <v>2929</v>
      </c>
      <c r="G5301" t="s">
        <v>80</v>
      </c>
      <c r="H5301" t="s">
        <v>81</v>
      </c>
      <c r="I5301" s="2">
        <v>1</v>
      </c>
      <c r="J5301" s="2">
        <v>0</v>
      </c>
      <c r="K5301" s="2">
        <v>0</v>
      </c>
      <c r="L5301" t="s">
        <v>120</v>
      </c>
      <c r="M5301" t="s">
        <v>83</v>
      </c>
      <c r="N5301" t="s">
        <v>91</v>
      </c>
      <c r="O5301" t="s">
        <v>85</v>
      </c>
      <c r="P5301" t="s">
        <v>86</v>
      </c>
      <c r="Q5301">
        <v>32</v>
      </c>
      <c r="R5301">
        <v>32</v>
      </c>
      <c r="S5301">
        <v>32</v>
      </c>
      <c r="T5301">
        <v>32</v>
      </c>
      <c r="U5301">
        <v>32</v>
      </c>
      <c r="V5301">
        <v>33</v>
      </c>
      <c r="W5301">
        <v>33</v>
      </c>
      <c r="X5301">
        <v>33</v>
      </c>
      <c r="Y5301">
        <v>33</v>
      </c>
      <c r="Z5301">
        <v>33</v>
      </c>
      <c r="AA5301">
        <v>33</v>
      </c>
      <c r="AB5301">
        <v>33</v>
      </c>
      <c r="AC5301">
        <v>34</v>
      </c>
      <c r="AD5301">
        <v>34</v>
      </c>
      <c r="AE5301">
        <v>34</v>
      </c>
      <c r="AF5301">
        <v>34</v>
      </c>
      <c r="AG5301">
        <v>34</v>
      </c>
      <c r="AH5301">
        <v>34</v>
      </c>
      <c r="AI5301">
        <v>34</v>
      </c>
      <c r="AJ5301">
        <v>34</v>
      </c>
      <c r="AK5301">
        <v>34</v>
      </c>
      <c r="AL5301">
        <v>34</v>
      </c>
      <c r="AM5301">
        <v>34</v>
      </c>
      <c r="AN5301">
        <v>34</v>
      </c>
      <c r="AO5301">
        <v>34</v>
      </c>
      <c r="AP5301">
        <v>34</v>
      </c>
      <c r="AQ5301">
        <v>34</v>
      </c>
    </row>
    <row r="5302" spans="1:43">
      <c r="A5302" t="s">
        <v>3320</v>
      </c>
      <c r="B5302" t="s">
        <v>3321</v>
      </c>
      <c r="C5302" t="s">
        <v>2940</v>
      </c>
      <c r="D5302" t="s">
        <v>2941</v>
      </c>
      <c r="E5302" t="s">
        <v>2928</v>
      </c>
      <c r="F5302" t="s">
        <v>2929</v>
      </c>
      <c r="G5302" t="s">
        <v>80</v>
      </c>
      <c r="H5302" t="s">
        <v>81</v>
      </c>
      <c r="I5302" s="2">
        <v>1</v>
      </c>
      <c r="J5302" s="2">
        <v>0</v>
      </c>
      <c r="K5302" s="2">
        <v>0</v>
      </c>
      <c r="L5302" t="s">
        <v>120</v>
      </c>
      <c r="M5302" t="s">
        <v>83</v>
      </c>
      <c r="N5302" t="s">
        <v>84</v>
      </c>
      <c r="O5302" t="s">
        <v>85</v>
      </c>
      <c r="P5302" t="s">
        <v>86</v>
      </c>
      <c r="Q5302">
        <v>5</v>
      </c>
      <c r="R5302">
        <v>5</v>
      </c>
      <c r="S5302">
        <v>5</v>
      </c>
      <c r="T5302">
        <v>5</v>
      </c>
      <c r="U5302">
        <v>5</v>
      </c>
      <c r="V5302">
        <v>5</v>
      </c>
      <c r="W5302">
        <v>5</v>
      </c>
      <c r="X5302">
        <v>5</v>
      </c>
      <c r="Y5302">
        <v>5</v>
      </c>
      <c r="Z5302">
        <v>5</v>
      </c>
      <c r="AA5302">
        <v>5</v>
      </c>
      <c r="AB5302">
        <v>5</v>
      </c>
      <c r="AC5302">
        <v>5</v>
      </c>
      <c r="AD5302">
        <v>5</v>
      </c>
      <c r="AE5302">
        <v>5</v>
      </c>
      <c r="AF5302">
        <v>5</v>
      </c>
      <c r="AG5302">
        <v>5</v>
      </c>
      <c r="AH5302">
        <v>5</v>
      </c>
      <c r="AI5302">
        <v>5</v>
      </c>
      <c r="AJ5302">
        <v>5</v>
      </c>
      <c r="AK5302">
        <v>5</v>
      </c>
      <c r="AL5302">
        <v>5</v>
      </c>
      <c r="AM5302">
        <v>5</v>
      </c>
      <c r="AN5302">
        <v>5</v>
      </c>
      <c r="AO5302">
        <v>5</v>
      </c>
      <c r="AP5302">
        <v>5</v>
      </c>
      <c r="AQ5302">
        <v>5</v>
      </c>
    </row>
    <row r="5303" spans="1:43">
      <c r="A5303" t="s">
        <v>3320</v>
      </c>
      <c r="B5303" t="s">
        <v>3321</v>
      </c>
      <c r="C5303" t="s">
        <v>2940</v>
      </c>
      <c r="D5303" t="s">
        <v>2941</v>
      </c>
      <c r="E5303" t="s">
        <v>2928</v>
      </c>
      <c r="F5303" t="s">
        <v>2929</v>
      </c>
      <c r="G5303" t="s">
        <v>80</v>
      </c>
      <c r="H5303" t="s">
        <v>81</v>
      </c>
      <c r="I5303" s="2">
        <v>1</v>
      </c>
      <c r="J5303" s="2">
        <v>0</v>
      </c>
      <c r="K5303" s="2">
        <v>0</v>
      </c>
      <c r="L5303" t="s">
        <v>120</v>
      </c>
      <c r="M5303" t="s">
        <v>87</v>
      </c>
      <c r="N5303" t="s">
        <v>88</v>
      </c>
      <c r="O5303" t="s">
        <v>85</v>
      </c>
      <c r="P5303" t="s">
        <v>86</v>
      </c>
      <c r="Q5303">
        <v>5</v>
      </c>
      <c r="R5303">
        <v>5</v>
      </c>
      <c r="S5303">
        <v>5</v>
      </c>
      <c r="T5303">
        <v>5</v>
      </c>
      <c r="U5303">
        <v>5</v>
      </c>
      <c r="V5303">
        <v>5</v>
      </c>
      <c r="W5303">
        <v>5</v>
      </c>
      <c r="X5303">
        <v>5</v>
      </c>
      <c r="Y5303">
        <v>5</v>
      </c>
      <c r="Z5303">
        <v>5</v>
      </c>
      <c r="AA5303">
        <v>5</v>
      </c>
      <c r="AB5303">
        <v>5</v>
      </c>
      <c r="AC5303">
        <v>5</v>
      </c>
      <c r="AD5303">
        <v>5</v>
      </c>
      <c r="AE5303">
        <v>5</v>
      </c>
      <c r="AF5303">
        <v>5</v>
      </c>
      <c r="AG5303">
        <v>5</v>
      </c>
      <c r="AH5303">
        <v>5</v>
      </c>
      <c r="AI5303">
        <v>5</v>
      </c>
      <c r="AJ5303">
        <v>5</v>
      </c>
      <c r="AK5303">
        <v>4</v>
      </c>
      <c r="AL5303">
        <v>4</v>
      </c>
      <c r="AM5303">
        <v>4</v>
      </c>
      <c r="AN5303">
        <v>4</v>
      </c>
      <c r="AO5303">
        <v>4</v>
      </c>
      <c r="AP5303">
        <v>4</v>
      </c>
      <c r="AQ5303">
        <v>4</v>
      </c>
    </row>
    <row r="5304" spans="1:43">
      <c r="A5304" t="s">
        <v>3320</v>
      </c>
      <c r="B5304" t="s">
        <v>3321</v>
      </c>
      <c r="C5304" t="s">
        <v>2940</v>
      </c>
      <c r="D5304" t="s">
        <v>2941</v>
      </c>
      <c r="E5304" t="s">
        <v>2928</v>
      </c>
      <c r="F5304" t="s">
        <v>2929</v>
      </c>
      <c r="G5304" t="s">
        <v>80</v>
      </c>
      <c r="H5304" t="s">
        <v>81</v>
      </c>
      <c r="I5304" s="2">
        <v>1</v>
      </c>
      <c r="J5304" s="2">
        <v>0</v>
      </c>
      <c r="K5304" s="2">
        <v>0</v>
      </c>
      <c r="L5304" t="s">
        <v>120</v>
      </c>
      <c r="M5304" t="s">
        <v>89</v>
      </c>
      <c r="N5304" t="s">
        <v>90</v>
      </c>
      <c r="O5304" t="s">
        <v>85</v>
      </c>
      <c r="P5304" t="s">
        <v>86</v>
      </c>
      <c r="Q5304">
        <v>5</v>
      </c>
      <c r="R5304">
        <v>5</v>
      </c>
      <c r="S5304">
        <v>5</v>
      </c>
      <c r="T5304">
        <v>5</v>
      </c>
      <c r="U5304">
        <v>5</v>
      </c>
      <c r="V5304">
        <v>5</v>
      </c>
      <c r="W5304">
        <v>5</v>
      </c>
      <c r="X5304">
        <v>5</v>
      </c>
      <c r="Y5304">
        <v>5</v>
      </c>
      <c r="Z5304">
        <v>5</v>
      </c>
      <c r="AA5304">
        <v>5</v>
      </c>
      <c r="AB5304">
        <v>5</v>
      </c>
      <c r="AC5304">
        <v>6</v>
      </c>
      <c r="AD5304">
        <v>6</v>
      </c>
      <c r="AE5304">
        <v>6</v>
      </c>
      <c r="AF5304">
        <v>6</v>
      </c>
      <c r="AG5304">
        <v>5</v>
      </c>
      <c r="AH5304">
        <v>5</v>
      </c>
      <c r="AI5304">
        <v>5</v>
      </c>
      <c r="AJ5304">
        <v>5</v>
      </c>
      <c r="AK5304">
        <v>5</v>
      </c>
      <c r="AL5304">
        <v>5</v>
      </c>
      <c r="AM5304">
        <v>5</v>
      </c>
      <c r="AN5304">
        <v>5</v>
      </c>
      <c r="AO5304">
        <v>5</v>
      </c>
      <c r="AP5304">
        <v>5</v>
      </c>
      <c r="AQ5304">
        <v>5</v>
      </c>
    </row>
    <row r="5305" spans="1:43">
      <c r="A5305" t="s">
        <v>3320</v>
      </c>
      <c r="B5305" t="s">
        <v>3321</v>
      </c>
      <c r="C5305" t="s">
        <v>2940</v>
      </c>
      <c r="D5305" t="s">
        <v>2941</v>
      </c>
      <c r="E5305" t="s">
        <v>2928</v>
      </c>
      <c r="F5305" t="s">
        <v>2929</v>
      </c>
      <c r="G5305" t="s">
        <v>80</v>
      </c>
      <c r="H5305" t="s">
        <v>81</v>
      </c>
      <c r="I5305" s="2">
        <v>1</v>
      </c>
      <c r="J5305" s="2">
        <v>0</v>
      </c>
      <c r="K5305" s="2">
        <v>0</v>
      </c>
      <c r="L5305" t="s">
        <v>120</v>
      </c>
      <c r="M5305" t="s">
        <v>83</v>
      </c>
      <c r="N5305" t="s">
        <v>91</v>
      </c>
      <c r="O5305" t="s">
        <v>85</v>
      </c>
      <c r="P5305" t="s">
        <v>86</v>
      </c>
      <c r="Q5305">
        <v>5</v>
      </c>
      <c r="R5305">
        <v>5</v>
      </c>
      <c r="S5305">
        <v>5</v>
      </c>
      <c r="T5305">
        <v>5</v>
      </c>
      <c r="U5305">
        <v>5</v>
      </c>
      <c r="V5305">
        <v>5</v>
      </c>
      <c r="W5305">
        <v>5</v>
      </c>
      <c r="X5305">
        <v>5</v>
      </c>
      <c r="Y5305">
        <v>5</v>
      </c>
      <c r="Z5305">
        <v>5</v>
      </c>
      <c r="AA5305">
        <v>5</v>
      </c>
      <c r="AB5305">
        <v>5</v>
      </c>
      <c r="AC5305">
        <v>5</v>
      </c>
      <c r="AD5305">
        <v>5</v>
      </c>
      <c r="AE5305">
        <v>5</v>
      </c>
      <c r="AF5305">
        <v>5</v>
      </c>
      <c r="AG5305">
        <v>5</v>
      </c>
      <c r="AH5305">
        <v>5</v>
      </c>
      <c r="AI5305">
        <v>5</v>
      </c>
      <c r="AJ5305">
        <v>5</v>
      </c>
      <c r="AK5305">
        <v>5</v>
      </c>
      <c r="AL5305">
        <v>5</v>
      </c>
      <c r="AM5305">
        <v>5</v>
      </c>
      <c r="AN5305">
        <v>5</v>
      </c>
      <c r="AO5305">
        <v>5</v>
      </c>
      <c r="AP5305">
        <v>5</v>
      </c>
      <c r="AQ5305">
        <v>5</v>
      </c>
    </row>
    <row r="5306" spans="1:43">
      <c r="A5306" t="s">
        <v>3322</v>
      </c>
      <c r="B5306" t="s">
        <v>3323</v>
      </c>
      <c r="C5306" t="s">
        <v>3038</v>
      </c>
      <c r="D5306" t="s">
        <v>3039</v>
      </c>
      <c r="E5306" t="s">
        <v>2928</v>
      </c>
      <c r="F5306" t="s">
        <v>2929</v>
      </c>
      <c r="G5306" t="s">
        <v>80</v>
      </c>
      <c r="H5306" t="s">
        <v>81</v>
      </c>
      <c r="I5306" s="2">
        <v>1</v>
      </c>
      <c r="J5306" s="2">
        <v>0</v>
      </c>
      <c r="K5306" s="2">
        <v>0</v>
      </c>
      <c r="L5306" t="s">
        <v>120</v>
      </c>
      <c r="M5306" t="s">
        <v>83</v>
      </c>
      <c r="N5306" t="s">
        <v>84</v>
      </c>
      <c r="O5306" t="s">
        <v>85</v>
      </c>
      <c r="P5306" t="s">
        <v>86</v>
      </c>
      <c r="Q5306">
        <v>14</v>
      </c>
      <c r="R5306">
        <v>14</v>
      </c>
      <c r="S5306">
        <v>15</v>
      </c>
      <c r="T5306">
        <v>15</v>
      </c>
      <c r="U5306">
        <v>15</v>
      </c>
      <c r="V5306">
        <v>15</v>
      </c>
      <c r="W5306">
        <v>15</v>
      </c>
      <c r="X5306">
        <v>15</v>
      </c>
      <c r="Y5306">
        <v>15</v>
      </c>
      <c r="Z5306">
        <v>15</v>
      </c>
      <c r="AA5306">
        <v>15</v>
      </c>
      <c r="AB5306">
        <v>15</v>
      </c>
      <c r="AC5306">
        <v>15</v>
      </c>
      <c r="AD5306">
        <v>15</v>
      </c>
      <c r="AE5306">
        <v>15</v>
      </c>
      <c r="AF5306">
        <v>15</v>
      </c>
      <c r="AG5306">
        <v>15</v>
      </c>
      <c r="AH5306">
        <v>15</v>
      </c>
      <c r="AI5306">
        <v>16</v>
      </c>
      <c r="AJ5306">
        <v>16</v>
      </c>
      <c r="AK5306">
        <v>16</v>
      </c>
      <c r="AL5306">
        <v>16</v>
      </c>
      <c r="AM5306">
        <v>15</v>
      </c>
      <c r="AN5306">
        <v>15</v>
      </c>
      <c r="AO5306">
        <v>15</v>
      </c>
      <c r="AP5306">
        <v>15</v>
      </c>
      <c r="AQ5306">
        <v>15</v>
      </c>
    </row>
    <row r="5307" spans="1:43">
      <c r="A5307" t="s">
        <v>3322</v>
      </c>
      <c r="B5307" t="s">
        <v>3323</v>
      </c>
      <c r="C5307" t="s">
        <v>3038</v>
      </c>
      <c r="D5307" t="s">
        <v>3039</v>
      </c>
      <c r="E5307" t="s">
        <v>2928</v>
      </c>
      <c r="F5307" t="s">
        <v>2929</v>
      </c>
      <c r="G5307" t="s">
        <v>80</v>
      </c>
      <c r="H5307" t="s">
        <v>81</v>
      </c>
      <c r="I5307" s="2">
        <v>1</v>
      </c>
      <c r="J5307" s="2">
        <v>0</v>
      </c>
      <c r="K5307" s="2">
        <v>0</v>
      </c>
      <c r="L5307" t="s">
        <v>120</v>
      </c>
      <c r="M5307" t="s">
        <v>87</v>
      </c>
      <c r="N5307" t="s">
        <v>88</v>
      </c>
      <c r="O5307" t="s">
        <v>85</v>
      </c>
      <c r="P5307" t="s">
        <v>86</v>
      </c>
      <c r="Q5307">
        <v>14</v>
      </c>
      <c r="R5307">
        <v>14</v>
      </c>
      <c r="S5307">
        <v>14</v>
      </c>
      <c r="T5307">
        <v>14</v>
      </c>
      <c r="U5307">
        <v>14</v>
      </c>
      <c r="V5307">
        <v>14</v>
      </c>
      <c r="W5307">
        <v>14</v>
      </c>
      <c r="X5307">
        <v>14</v>
      </c>
      <c r="Y5307">
        <v>14</v>
      </c>
      <c r="Z5307">
        <v>14</v>
      </c>
      <c r="AA5307">
        <v>14</v>
      </c>
      <c r="AB5307">
        <v>14</v>
      </c>
      <c r="AC5307">
        <v>14</v>
      </c>
      <c r="AD5307">
        <v>14</v>
      </c>
      <c r="AE5307">
        <v>14</v>
      </c>
      <c r="AF5307">
        <v>14</v>
      </c>
      <c r="AG5307">
        <v>14</v>
      </c>
      <c r="AH5307">
        <v>14</v>
      </c>
      <c r="AI5307">
        <v>13</v>
      </c>
      <c r="AJ5307">
        <v>13</v>
      </c>
      <c r="AK5307">
        <v>13</v>
      </c>
      <c r="AL5307">
        <v>13</v>
      </c>
      <c r="AM5307">
        <v>13</v>
      </c>
      <c r="AN5307">
        <v>13</v>
      </c>
      <c r="AO5307">
        <v>13</v>
      </c>
      <c r="AP5307">
        <v>13</v>
      </c>
      <c r="AQ5307">
        <v>13</v>
      </c>
    </row>
    <row r="5308" spans="1:43">
      <c r="A5308" t="s">
        <v>3322</v>
      </c>
      <c r="B5308" t="s">
        <v>3323</v>
      </c>
      <c r="C5308" t="s">
        <v>3038</v>
      </c>
      <c r="D5308" t="s">
        <v>3039</v>
      </c>
      <c r="E5308" t="s">
        <v>2928</v>
      </c>
      <c r="F5308" t="s">
        <v>2929</v>
      </c>
      <c r="G5308" t="s">
        <v>80</v>
      </c>
      <c r="H5308" t="s">
        <v>81</v>
      </c>
      <c r="I5308" s="2">
        <v>1</v>
      </c>
      <c r="J5308" s="2">
        <v>0</v>
      </c>
      <c r="K5308" s="2">
        <v>0</v>
      </c>
      <c r="L5308" t="s">
        <v>120</v>
      </c>
      <c r="M5308" t="s">
        <v>89</v>
      </c>
      <c r="N5308" t="s">
        <v>90</v>
      </c>
      <c r="O5308" t="s">
        <v>85</v>
      </c>
      <c r="P5308" t="s">
        <v>86</v>
      </c>
      <c r="Q5308">
        <v>14</v>
      </c>
      <c r="R5308">
        <v>14</v>
      </c>
      <c r="S5308">
        <v>14</v>
      </c>
      <c r="T5308">
        <v>14</v>
      </c>
      <c r="U5308">
        <v>14</v>
      </c>
      <c r="V5308">
        <v>14</v>
      </c>
      <c r="W5308">
        <v>15</v>
      </c>
      <c r="X5308">
        <v>15</v>
      </c>
      <c r="Y5308">
        <v>15</v>
      </c>
      <c r="Z5308">
        <v>15</v>
      </c>
      <c r="AA5308">
        <v>15</v>
      </c>
      <c r="AB5308">
        <v>15</v>
      </c>
      <c r="AC5308">
        <v>15</v>
      </c>
      <c r="AD5308">
        <v>15</v>
      </c>
      <c r="AE5308">
        <v>15</v>
      </c>
      <c r="AF5308">
        <v>15</v>
      </c>
      <c r="AG5308">
        <v>15</v>
      </c>
      <c r="AH5308">
        <v>15</v>
      </c>
      <c r="AI5308">
        <v>15</v>
      </c>
      <c r="AJ5308">
        <v>15</v>
      </c>
      <c r="AK5308">
        <v>15</v>
      </c>
      <c r="AL5308">
        <v>15</v>
      </c>
      <c r="AM5308">
        <v>15</v>
      </c>
      <c r="AN5308">
        <v>15</v>
      </c>
      <c r="AO5308">
        <v>15</v>
      </c>
      <c r="AP5308">
        <v>15</v>
      </c>
      <c r="AQ5308">
        <v>14</v>
      </c>
    </row>
    <row r="5309" spans="1:43">
      <c r="A5309" t="s">
        <v>3322</v>
      </c>
      <c r="B5309" t="s">
        <v>3323</v>
      </c>
      <c r="C5309" t="s">
        <v>3038</v>
      </c>
      <c r="D5309" t="s">
        <v>3039</v>
      </c>
      <c r="E5309" t="s">
        <v>2928</v>
      </c>
      <c r="F5309" t="s">
        <v>2929</v>
      </c>
      <c r="G5309" t="s">
        <v>80</v>
      </c>
      <c r="H5309" t="s">
        <v>81</v>
      </c>
      <c r="I5309" s="2">
        <v>1</v>
      </c>
      <c r="J5309" s="2">
        <v>0</v>
      </c>
      <c r="K5309" s="2">
        <v>0</v>
      </c>
      <c r="L5309" t="s">
        <v>120</v>
      </c>
      <c r="M5309" t="s">
        <v>83</v>
      </c>
      <c r="N5309" t="s">
        <v>91</v>
      </c>
      <c r="O5309" t="s">
        <v>85</v>
      </c>
      <c r="P5309" t="s">
        <v>86</v>
      </c>
      <c r="Q5309">
        <v>14</v>
      </c>
      <c r="R5309">
        <v>14</v>
      </c>
      <c r="S5309">
        <v>15</v>
      </c>
      <c r="T5309">
        <v>15</v>
      </c>
      <c r="U5309">
        <v>15</v>
      </c>
      <c r="V5309">
        <v>15</v>
      </c>
      <c r="W5309">
        <v>15</v>
      </c>
      <c r="X5309">
        <v>15</v>
      </c>
      <c r="Y5309">
        <v>15</v>
      </c>
      <c r="Z5309">
        <v>15</v>
      </c>
      <c r="AA5309">
        <v>15</v>
      </c>
      <c r="AB5309">
        <v>15</v>
      </c>
      <c r="AC5309">
        <v>15</v>
      </c>
      <c r="AD5309">
        <v>15</v>
      </c>
      <c r="AE5309">
        <v>15</v>
      </c>
      <c r="AF5309">
        <v>15</v>
      </c>
      <c r="AG5309">
        <v>15</v>
      </c>
      <c r="AH5309">
        <v>15</v>
      </c>
      <c r="AI5309">
        <v>16</v>
      </c>
      <c r="AJ5309">
        <v>16</v>
      </c>
      <c r="AK5309">
        <v>16</v>
      </c>
      <c r="AL5309">
        <v>16</v>
      </c>
      <c r="AM5309">
        <v>15</v>
      </c>
      <c r="AN5309">
        <v>15</v>
      </c>
      <c r="AO5309">
        <v>15</v>
      </c>
      <c r="AP5309">
        <v>15</v>
      </c>
      <c r="AQ5309">
        <v>15</v>
      </c>
    </row>
    <row r="5310" spans="1:43">
      <c r="A5310" t="s">
        <v>3324</v>
      </c>
      <c r="B5310" t="s">
        <v>3325</v>
      </c>
      <c r="C5310" t="s">
        <v>3038</v>
      </c>
      <c r="D5310" t="s">
        <v>3039</v>
      </c>
      <c r="E5310" t="s">
        <v>2928</v>
      </c>
      <c r="F5310" t="s">
        <v>2929</v>
      </c>
      <c r="G5310" t="s">
        <v>80</v>
      </c>
      <c r="H5310" t="s">
        <v>81</v>
      </c>
      <c r="I5310" s="2">
        <v>1</v>
      </c>
      <c r="J5310" s="2">
        <v>0</v>
      </c>
      <c r="K5310" s="2">
        <v>0</v>
      </c>
      <c r="L5310" t="s">
        <v>120</v>
      </c>
      <c r="M5310" t="s">
        <v>83</v>
      </c>
      <c r="N5310" t="s">
        <v>84</v>
      </c>
      <c r="O5310" t="s">
        <v>85</v>
      </c>
      <c r="P5310" t="s">
        <v>86</v>
      </c>
      <c r="Q5310">
        <v>25</v>
      </c>
      <c r="R5310">
        <v>25</v>
      </c>
      <c r="S5310">
        <v>25</v>
      </c>
      <c r="T5310">
        <v>26</v>
      </c>
      <c r="U5310">
        <v>26</v>
      </c>
      <c r="V5310">
        <v>26</v>
      </c>
      <c r="W5310">
        <v>26</v>
      </c>
      <c r="X5310">
        <v>26</v>
      </c>
      <c r="Y5310">
        <v>26</v>
      </c>
      <c r="Z5310">
        <v>26</v>
      </c>
      <c r="AA5310">
        <v>26</v>
      </c>
      <c r="AB5310">
        <v>27</v>
      </c>
      <c r="AC5310">
        <v>27</v>
      </c>
      <c r="AD5310">
        <v>27</v>
      </c>
      <c r="AE5310">
        <v>27</v>
      </c>
      <c r="AF5310">
        <v>27</v>
      </c>
      <c r="AG5310">
        <v>27</v>
      </c>
      <c r="AH5310">
        <v>27</v>
      </c>
      <c r="AI5310">
        <v>27</v>
      </c>
      <c r="AJ5310">
        <v>27</v>
      </c>
      <c r="AK5310">
        <v>27</v>
      </c>
      <c r="AL5310">
        <v>27</v>
      </c>
      <c r="AM5310">
        <v>27</v>
      </c>
      <c r="AN5310">
        <v>27</v>
      </c>
      <c r="AO5310">
        <v>27</v>
      </c>
      <c r="AP5310">
        <v>27</v>
      </c>
      <c r="AQ5310">
        <v>27</v>
      </c>
    </row>
    <row r="5311" spans="1:43">
      <c r="A5311" t="s">
        <v>3324</v>
      </c>
      <c r="B5311" t="s">
        <v>3325</v>
      </c>
      <c r="C5311" t="s">
        <v>3038</v>
      </c>
      <c r="D5311" t="s">
        <v>3039</v>
      </c>
      <c r="E5311" t="s">
        <v>2928</v>
      </c>
      <c r="F5311" t="s">
        <v>2929</v>
      </c>
      <c r="G5311" t="s">
        <v>80</v>
      </c>
      <c r="H5311" t="s">
        <v>81</v>
      </c>
      <c r="I5311" s="2">
        <v>1</v>
      </c>
      <c r="J5311" s="2">
        <v>0</v>
      </c>
      <c r="K5311" s="2">
        <v>0</v>
      </c>
      <c r="L5311" t="s">
        <v>120</v>
      </c>
      <c r="M5311" t="s">
        <v>87</v>
      </c>
      <c r="N5311" t="s">
        <v>88</v>
      </c>
      <c r="O5311" t="s">
        <v>85</v>
      </c>
      <c r="P5311" t="s">
        <v>86</v>
      </c>
      <c r="Q5311">
        <v>25</v>
      </c>
      <c r="R5311">
        <v>25</v>
      </c>
      <c r="S5311">
        <v>25</v>
      </c>
      <c r="T5311">
        <v>25</v>
      </c>
      <c r="U5311">
        <v>25</v>
      </c>
      <c r="V5311">
        <v>24</v>
      </c>
      <c r="W5311">
        <v>24</v>
      </c>
      <c r="X5311">
        <v>24</v>
      </c>
      <c r="Y5311">
        <v>24</v>
      </c>
      <c r="Z5311">
        <v>24</v>
      </c>
      <c r="AA5311">
        <v>24</v>
      </c>
      <c r="AB5311">
        <v>24</v>
      </c>
      <c r="AC5311">
        <v>24</v>
      </c>
      <c r="AD5311">
        <v>24</v>
      </c>
      <c r="AE5311">
        <v>24</v>
      </c>
      <c r="AF5311">
        <v>24</v>
      </c>
      <c r="AG5311">
        <v>24</v>
      </c>
      <c r="AH5311">
        <v>24</v>
      </c>
      <c r="AI5311">
        <v>24</v>
      </c>
      <c r="AJ5311">
        <v>23</v>
      </c>
      <c r="AK5311">
        <v>23</v>
      </c>
      <c r="AL5311">
        <v>23</v>
      </c>
      <c r="AM5311">
        <v>23</v>
      </c>
      <c r="AN5311">
        <v>23</v>
      </c>
      <c r="AO5311">
        <v>23</v>
      </c>
      <c r="AP5311">
        <v>23</v>
      </c>
      <c r="AQ5311">
        <v>23</v>
      </c>
    </row>
    <row r="5312" spans="1:43">
      <c r="A5312" t="s">
        <v>3324</v>
      </c>
      <c r="B5312" t="s">
        <v>3325</v>
      </c>
      <c r="C5312" t="s">
        <v>3038</v>
      </c>
      <c r="D5312" t="s">
        <v>3039</v>
      </c>
      <c r="E5312" t="s">
        <v>2928</v>
      </c>
      <c r="F5312" t="s">
        <v>2929</v>
      </c>
      <c r="G5312" t="s">
        <v>80</v>
      </c>
      <c r="H5312" t="s">
        <v>81</v>
      </c>
      <c r="I5312" s="2">
        <v>1</v>
      </c>
      <c r="J5312" s="2">
        <v>0</v>
      </c>
      <c r="K5312" s="2">
        <v>0</v>
      </c>
      <c r="L5312" t="s">
        <v>120</v>
      </c>
      <c r="M5312" t="s">
        <v>89</v>
      </c>
      <c r="N5312" t="s">
        <v>90</v>
      </c>
      <c r="O5312" t="s">
        <v>85</v>
      </c>
      <c r="P5312" t="s">
        <v>86</v>
      </c>
      <c r="Q5312">
        <v>25</v>
      </c>
      <c r="R5312">
        <v>26</v>
      </c>
      <c r="S5312">
        <v>26</v>
      </c>
      <c r="T5312">
        <v>26</v>
      </c>
      <c r="U5312">
        <v>27</v>
      </c>
      <c r="V5312">
        <v>27</v>
      </c>
      <c r="W5312">
        <v>27</v>
      </c>
      <c r="X5312">
        <v>27</v>
      </c>
      <c r="Y5312">
        <v>28</v>
      </c>
      <c r="Z5312">
        <v>28</v>
      </c>
      <c r="AA5312">
        <v>28</v>
      </c>
      <c r="AB5312">
        <v>28</v>
      </c>
      <c r="AC5312">
        <v>28</v>
      </c>
      <c r="AD5312">
        <v>29</v>
      </c>
      <c r="AE5312">
        <v>29</v>
      </c>
      <c r="AF5312">
        <v>29</v>
      </c>
      <c r="AG5312">
        <v>28</v>
      </c>
      <c r="AH5312">
        <v>28</v>
      </c>
      <c r="AI5312">
        <v>28</v>
      </c>
      <c r="AJ5312">
        <v>28</v>
      </c>
      <c r="AK5312">
        <v>28</v>
      </c>
      <c r="AL5312">
        <v>28</v>
      </c>
      <c r="AM5312">
        <v>28</v>
      </c>
      <c r="AN5312">
        <v>27</v>
      </c>
      <c r="AO5312">
        <v>27</v>
      </c>
      <c r="AP5312">
        <v>27</v>
      </c>
      <c r="AQ5312">
        <v>27</v>
      </c>
    </row>
    <row r="5313" spans="1:43">
      <c r="A5313" t="s">
        <v>3324</v>
      </c>
      <c r="B5313" t="s">
        <v>3325</v>
      </c>
      <c r="C5313" t="s">
        <v>3038</v>
      </c>
      <c r="D5313" t="s">
        <v>3039</v>
      </c>
      <c r="E5313" t="s">
        <v>2928</v>
      </c>
      <c r="F5313" t="s">
        <v>2929</v>
      </c>
      <c r="G5313" t="s">
        <v>80</v>
      </c>
      <c r="H5313" t="s">
        <v>81</v>
      </c>
      <c r="I5313" s="2">
        <v>1</v>
      </c>
      <c r="J5313" s="2">
        <v>0</v>
      </c>
      <c r="K5313" s="2">
        <v>0</v>
      </c>
      <c r="L5313" t="s">
        <v>120</v>
      </c>
      <c r="M5313" t="s">
        <v>83</v>
      </c>
      <c r="N5313" t="s">
        <v>91</v>
      </c>
      <c r="O5313" t="s">
        <v>85</v>
      </c>
      <c r="P5313" t="s">
        <v>86</v>
      </c>
      <c r="Q5313">
        <v>25</v>
      </c>
      <c r="R5313">
        <v>25</v>
      </c>
      <c r="S5313">
        <v>25</v>
      </c>
      <c r="T5313">
        <v>26</v>
      </c>
      <c r="U5313">
        <v>26</v>
      </c>
      <c r="V5313">
        <v>26</v>
      </c>
      <c r="W5313">
        <v>26</v>
      </c>
      <c r="X5313">
        <v>26</v>
      </c>
      <c r="Y5313">
        <v>26</v>
      </c>
      <c r="Z5313">
        <v>26</v>
      </c>
      <c r="AA5313">
        <v>26</v>
      </c>
      <c r="AB5313">
        <v>27</v>
      </c>
      <c r="AC5313">
        <v>27</v>
      </c>
      <c r="AD5313">
        <v>27</v>
      </c>
      <c r="AE5313">
        <v>27</v>
      </c>
      <c r="AF5313">
        <v>27</v>
      </c>
      <c r="AG5313">
        <v>27</v>
      </c>
      <c r="AH5313">
        <v>27</v>
      </c>
      <c r="AI5313">
        <v>27</v>
      </c>
      <c r="AJ5313">
        <v>27</v>
      </c>
      <c r="AK5313">
        <v>27</v>
      </c>
      <c r="AL5313">
        <v>27</v>
      </c>
      <c r="AM5313">
        <v>27</v>
      </c>
      <c r="AN5313">
        <v>27</v>
      </c>
      <c r="AO5313">
        <v>27</v>
      </c>
      <c r="AP5313">
        <v>27</v>
      </c>
      <c r="AQ5313">
        <v>27</v>
      </c>
    </row>
    <row r="5314" spans="1:43">
      <c r="A5314" t="s">
        <v>3326</v>
      </c>
      <c r="B5314" t="s">
        <v>3327</v>
      </c>
      <c r="C5314" t="s">
        <v>3038</v>
      </c>
      <c r="D5314" t="s">
        <v>3039</v>
      </c>
      <c r="E5314" t="s">
        <v>2928</v>
      </c>
      <c r="F5314" t="s">
        <v>2929</v>
      </c>
      <c r="G5314" t="s">
        <v>80</v>
      </c>
      <c r="H5314" t="s">
        <v>81</v>
      </c>
      <c r="I5314" s="2">
        <v>1</v>
      </c>
      <c r="J5314" s="2">
        <v>0</v>
      </c>
      <c r="K5314" s="2">
        <v>0</v>
      </c>
      <c r="L5314" t="s">
        <v>120</v>
      </c>
      <c r="M5314" t="s">
        <v>83</v>
      </c>
      <c r="N5314" t="s">
        <v>84</v>
      </c>
      <c r="O5314" t="s">
        <v>85</v>
      </c>
      <c r="P5314" t="s">
        <v>86</v>
      </c>
      <c r="Q5314">
        <v>58</v>
      </c>
      <c r="R5314">
        <v>58</v>
      </c>
      <c r="S5314">
        <v>58</v>
      </c>
      <c r="T5314">
        <v>59</v>
      </c>
      <c r="U5314">
        <v>59</v>
      </c>
      <c r="V5314">
        <v>59</v>
      </c>
      <c r="W5314">
        <v>59</v>
      </c>
      <c r="X5314">
        <v>60</v>
      </c>
      <c r="Y5314">
        <v>60</v>
      </c>
      <c r="Z5314">
        <v>60</v>
      </c>
      <c r="AA5314">
        <v>60</v>
      </c>
      <c r="AB5314">
        <v>61</v>
      </c>
      <c r="AC5314">
        <v>61</v>
      </c>
      <c r="AD5314">
        <v>61</v>
      </c>
      <c r="AE5314">
        <v>61</v>
      </c>
      <c r="AF5314">
        <v>61</v>
      </c>
      <c r="AG5314">
        <v>62</v>
      </c>
      <c r="AH5314">
        <v>62</v>
      </c>
      <c r="AI5314">
        <v>62</v>
      </c>
      <c r="AJ5314">
        <v>62</v>
      </c>
      <c r="AK5314">
        <v>62</v>
      </c>
      <c r="AL5314">
        <v>62</v>
      </c>
      <c r="AM5314">
        <v>62</v>
      </c>
      <c r="AN5314">
        <v>62</v>
      </c>
      <c r="AO5314">
        <v>61</v>
      </c>
      <c r="AP5314">
        <v>61</v>
      </c>
      <c r="AQ5314">
        <v>61</v>
      </c>
    </row>
    <row r="5315" spans="1:43">
      <c r="A5315" t="s">
        <v>3326</v>
      </c>
      <c r="B5315" t="s">
        <v>3327</v>
      </c>
      <c r="C5315" t="s">
        <v>3038</v>
      </c>
      <c r="D5315" t="s">
        <v>3039</v>
      </c>
      <c r="E5315" t="s">
        <v>2928</v>
      </c>
      <c r="F5315" t="s">
        <v>2929</v>
      </c>
      <c r="G5315" t="s">
        <v>80</v>
      </c>
      <c r="H5315" t="s">
        <v>81</v>
      </c>
      <c r="I5315" s="2">
        <v>1</v>
      </c>
      <c r="J5315" s="2">
        <v>0</v>
      </c>
      <c r="K5315" s="2">
        <v>0</v>
      </c>
      <c r="L5315" t="s">
        <v>120</v>
      </c>
      <c r="M5315" t="s">
        <v>87</v>
      </c>
      <c r="N5315" t="s">
        <v>88</v>
      </c>
      <c r="O5315" t="s">
        <v>85</v>
      </c>
      <c r="P5315" t="s">
        <v>86</v>
      </c>
      <c r="Q5315">
        <v>58</v>
      </c>
      <c r="R5315">
        <v>58</v>
      </c>
      <c r="S5315">
        <v>58</v>
      </c>
      <c r="T5315">
        <v>58</v>
      </c>
      <c r="U5315">
        <v>57</v>
      </c>
      <c r="V5315">
        <v>57</v>
      </c>
      <c r="W5315">
        <v>57</v>
      </c>
      <c r="X5315">
        <v>57</v>
      </c>
      <c r="Y5315">
        <v>56</v>
      </c>
      <c r="Z5315">
        <v>56</v>
      </c>
      <c r="AA5315">
        <v>56</v>
      </c>
      <c r="AB5315">
        <v>56</v>
      </c>
      <c r="AC5315">
        <v>56</v>
      </c>
      <c r="AD5315">
        <v>55</v>
      </c>
      <c r="AE5315">
        <v>55</v>
      </c>
      <c r="AF5315">
        <v>55</v>
      </c>
      <c r="AG5315">
        <v>55</v>
      </c>
      <c r="AH5315">
        <v>55</v>
      </c>
      <c r="AI5315">
        <v>54</v>
      </c>
      <c r="AJ5315">
        <v>54</v>
      </c>
      <c r="AK5315">
        <v>54</v>
      </c>
      <c r="AL5315">
        <v>54</v>
      </c>
      <c r="AM5315">
        <v>54</v>
      </c>
      <c r="AN5315">
        <v>53</v>
      </c>
      <c r="AO5315">
        <v>53</v>
      </c>
      <c r="AP5315">
        <v>53</v>
      </c>
      <c r="AQ5315">
        <v>53</v>
      </c>
    </row>
    <row r="5316" spans="1:43">
      <c r="A5316" t="s">
        <v>3326</v>
      </c>
      <c r="B5316" t="s">
        <v>3327</v>
      </c>
      <c r="C5316" t="s">
        <v>3038</v>
      </c>
      <c r="D5316" t="s">
        <v>3039</v>
      </c>
      <c r="E5316" t="s">
        <v>2928</v>
      </c>
      <c r="F5316" t="s">
        <v>2929</v>
      </c>
      <c r="G5316" t="s">
        <v>80</v>
      </c>
      <c r="H5316" t="s">
        <v>81</v>
      </c>
      <c r="I5316" s="2">
        <v>1</v>
      </c>
      <c r="J5316" s="2">
        <v>0</v>
      </c>
      <c r="K5316" s="2">
        <v>0</v>
      </c>
      <c r="L5316" t="s">
        <v>120</v>
      </c>
      <c r="M5316" t="s">
        <v>89</v>
      </c>
      <c r="N5316" t="s">
        <v>90</v>
      </c>
      <c r="O5316" t="s">
        <v>85</v>
      </c>
      <c r="P5316" t="s">
        <v>86</v>
      </c>
      <c r="Q5316">
        <v>58</v>
      </c>
      <c r="R5316">
        <v>59</v>
      </c>
      <c r="S5316">
        <v>60</v>
      </c>
      <c r="T5316">
        <v>61</v>
      </c>
      <c r="U5316">
        <v>61</v>
      </c>
      <c r="V5316">
        <v>62</v>
      </c>
      <c r="W5316">
        <v>63</v>
      </c>
      <c r="X5316">
        <v>63</v>
      </c>
      <c r="Y5316">
        <v>64</v>
      </c>
      <c r="Z5316">
        <v>64</v>
      </c>
      <c r="AA5316">
        <v>64</v>
      </c>
      <c r="AB5316">
        <v>65</v>
      </c>
      <c r="AC5316">
        <v>65</v>
      </c>
      <c r="AD5316">
        <v>66</v>
      </c>
      <c r="AE5316">
        <v>66</v>
      </c>
      <c r="AF5316">
        <v>65</v>
      </c>
      <c r="AG5316">
        <v>65</v>
      </c>
      <c r="AH5316">
        <v>65</v>
      </c>
      <c r="AI5316">
        <v>64</v>
      </c>
      <c r="AJ5316">
        <v>64</v>
      </c>
      <c r="AK5316">
        <v>64</v>
      </c>
      <c r="AL5316">
        <v>63</v>
      </c>
      <c r="AM5316">
        <v>63</v>
      </c>
      <c r="AN5316">
        <v>63</v>
      </c>
      <c r="AO5316">
        <v>62</v>
      </c>
      <c r="AP5316">
        <v>62</v>
      </c>
      <c r="AQ5316">
        <v>62</v>
      </c>
    </row>
    <row r="5317" spans="1:43">
      <c r="A5317" t="s">
        <v>3326</v>
      </c>
      <c r="B5317" t="s">
        <v>3327</v>
      </c>
      <c r="C5317" t="s">
        <v>3038</v>
      </c>
      <c r="D5317" t="s">
        <v>3039</v>
      </c>
      <c r="E5317" t="s">
        <v>2928</v>
      </c>
      <c r="F5317" t="s">
        <v>2929</v>
      </c>
      <c r="G5317" t="s">
        <v>80</v>
      </c>
      <c r="H5317" t="s">
        <v>81</v>
      </c>
      <c r="I5317" s="2">
        <v>1</v>
      </c>
      <c r="J5317" s="2">
        <v>0</v>
      </c>
      <c r="K5317" s="2">
        <v>0</v>
      </c>
      <c r="L5317" t="s">
        <v>120</v>
      </c>
      <c r="M5317" t="s">
        <v>83</v>
      </c>
      <c r="N5317" t="s">
        <v>91</v>
      </c>
      <c r="O5317" t="s">
        <v>85</v>
      </c>
      <c r="P5317" t="s">
        <v>86</v>
      </c>
      <c r="Q5317">
        <v>58</v>
      </c>
      <c r="R5317">
        <v>58</v>
      </c>
      <c r="S5317">
        <v>58</v>
      </c>
      <c r="T5317">
        <v>59</v>
      </c>
      <c r="U5317">
        <v>59</v>
      </c>
      <c r="V5317">
        <v>59</v>
      </c>
      <c r="W5317">
        <v>59</v>
      </c>
      <c r="X5317">
        <v>60</v>
      </c>
      <c r="Y5317">
        <v>60</v>
      </c>
      <c r="Z5317">
        <v>60</v>
      </c>
      <c r="AA5317">
        <v>60</v>
      </c>
      <c r="AB5317">
        <v>61</v>
      </c>
      <c r="AC5317">
        <v>61</v>
      </c>
      <c r="AD5317">
        <v>61</v>
      </c>
      <c r="AE5317">
        <v>61</v>
      </c>
      <c r="AF5317">
        <v>61</v>
      </c>
      <c r="AG5317">
        <v>62</v>
      </c>
      <c r="AH5317">
        <v>62</v>
      </c>
      <c r="AI5317">
        <v>62</v>
      </c>
      <c r="AJ5317">
        <v>62</v>
      </c>
      <c r="AK5317">
        <v>62</v>
      </c>
      <c r="AL5317">
        <v>62</v>
      </c>
      <c r="AM5317">
        <v>62</v>
      </c>
      <c r="AN5317">
        <v>62</v>
      </c>
      <c r="AO5317">
        <v>61</v>
      </c>
      <c r="AP5317">
        <v>61</v>
      </c>
      <c r="AQ5317">
        <v>61</v>
      </c>
    </row>
    <row r="5318" spans="1:43">
      <c r="A5318" t="s">
        <v>3328</v>
      </c>
      <c r="B5318" t="s">
        <v>3329</v>
      </c>
      <c r="C5318" t="s">
        <v>2940</v>
      </c>
      <c r="D5318" t="s">
        <v>2941</v>
      </c>
      <c r="E5318" t="s">
        <v>2928</v>
      </c>
      <c r="F5318" t="s">
        <v>2929</v>
      </c>
      <c r="G5318" t="s">
        <v>80</v>
      </c>
      <c r="H5318" t="s">
        <v>81</v>
      </c>
      <c r="I5318" s="2">
        <v>1</v>
      </c>
      <c r="J5318" s="2">
        <v>0</v>
      </c>
      <c r="K5318" s="2">
        <v>0</v>
      </c>
      <c r="L5318" t="s">
        <v>120</v>
      </c>
      <c r="M5318" t="s">
        <v>83</v>
      </c>
      <c r="N5318" t="s">
        <v>84</v>
      </c>
      <c r="O5318" t="s">
        <v>85</v>
      </c>
      <c r="P5318" t="s">
        <v>86</v>
      </c>
      <c r="Q5318">
        <v>8</v>
      </c>
      <c r="R5318">
        <v>8</v>
      </c>
      <c r="S5318">
        <v>8</v>
      </c>
      <c r="T5318">
        <v>8</v>
      </c>
      <c r="U5318">
        <v>8</v>
      </c>
      <c r="V5318">
        <v>8</v>
      </c>
      <c r="W5318">
        <v>8</v>
      </c>
      <c r="X5318">
        <v>8</v>
      </c>
      <c r="Y5318">
        <v>8</v>
      </c>
      <c r="Z5318">
        <v>8</v>
      </c>
      <c r="AA5318">
        <v>8</v>
      </c>
      <c r="AB5318">
        <v>8</v>
      </c>
      <c r="AC5318">
        <v>8</v>
      </c>
      <c r="AD5318">
        <v>8</v>
      </c>
      <c r="AE5318">
        <v>8</v>
      </c>
      <c r="AF5318">
        <v>8</v>
      </c>
      <c r="AG5318">
        <v>8</v>
      </c>
      <c r="AH5318">
        <v>8</v>
      </c>
      <c r="AI5318">
        <v>8</v>
      </c>
      <c r="AJ5318">
        <v>8</v>
      </c>
      <c r="AK5318">
        <v>8</v>
      </c>
      <c r="AL5318">
        <v>8</v>
      </c>
      <c r="AM5318">
        <v>8</v>
      </c>
      <c r="AN5318">
        <v>8</v>
      </c>
      <c r="AO5318">
        <v>8</v>
      </c>
      <c r="AP5318">
        <v>8</v>
      </c>
      <c r="AQ5318">
        <v>8</v>
      </c>
    </row>
    <row r="5319" spans="1:43">
      <c r="A5319" t="s">
        <v>3328</v>
      </c>
      <c r="B5319" t="s">
        <v>3329</v>
      </c>
      <c r="C5319" t="s">
        <v>2940</v>
      </c>
      <c r="D5319" t="s">
        <v>2941</v>
      </c>
      <c r="E5319" t="s">
        <v>2928</v>
      </c>
      <c r="F5319" t="s">
        <v>2929</v>
      </c>
      <c r="G5319" t="s">
        <v>80</v>
      </c>
      <c r="H5319" t="s">
        <v>81</v>
      </c>
      <c r="I5319" s="2">
        <v>1</v>
      </c>
      <c r="J5319" s="2">
        <v>0</v>
      </c>
      <c r="K5319" s="2">
        <v>0</v>
      </c>
      <c r="L5319" t="s">
        <v>120</v>
      </c>
      <c r="M5319" t="s">
        <v>87</v>
      </c>
      <c r="N5319" t="s">
        <v>88</v>
      </c>
      <c r="O5319" t="s">
        <v>85</v>
      </c>
      <c r="P5319" t="s">
        <v>86</v>
      </c>
      <c r="Q5319">
        <v>8</v>
      </c>
      <c r="R5319">
        <v>8</v>
      </c>
      <c r="S5319">
        <v>8</v>
      </c>
      <c r="T5319">
        <v>8</v>
      </c>
      <c r="U5319">
        <v>8</v>
      </c>
      <c r="V5319">
        <v>8</v>
      </c>
      <c r="W5319">
        <v>8</v>
      </c>
      <c r="X5319">
        <v>8</v>
      </c>
      <c r="Y5319">
        <v>8</v>
      </c>
      <c r="Z5319">
        <v>8</v>
      </c>
      <c r="AA5319">
        <v>7</v>
      </c>
      <c r="AB5319">
        <v>7</v>
      </c>
      <c r="AC5319">
        <v>7</v>
      </c>
      <c r="AD5319">
        <v>7</v>
      </c>
      <c r="AE5319">
        <v>7</v>
      </c>
      <c r="AF5319">
        <v>7</v>
      </c>
      <c r="AG5319">
        <v>7</v>
      </c>
      <c r="AH5319">
        <v>7</v>
      </c>
      <c r="AI5319">
        <v>7</v>
      </c>
      <c r="AJ5319">
        <v>7</v>
      </c>
      <c r="AK5319">
        <v>7</v>
      </c>
      <c r="AL5319">
        <v>7</v>
      </c>
      <c r="AM5319">
        <v>7</v>
      </c>
      <c r="AN5319">
        <v>7</v>
      </c>
      <c r="AO5319">
        <v>7</v>
      </c>
      <c r="AP5319">
        <v>7</v>
      </c>
      <c r="AQ5319">
        <v>7</v>
      </c>
    </row>
    <row r="5320" spans="1:43">
      <c r="A5320" t="s">
        <v>3328</v>
      </c>
      <c r="B5320" t="s">
        <v>3329</v>
      </c>
      <c r="C5320" t="s">
        <v>2940</v>
      </c>
      <c r="D5320" t="s">
        <v>2941</v>
      </c>
      <c r="E5320" t="s">
        <v>2928</v>
      </c>
      <c r="F5320" t="s">
        <v>2929</v>
      </c>
      <c r="G5320" t="s">
        <v>80</v>
      </c>
      <c r="H5320" t="s">
        <v>81</v>
      </c>
      <c r="I5320" s="2">
        <v>1</v>
      </c>
      <c r="J5320" s="2">
        <v>0</v>
      </c>
      <c r="K5320" s="2">
        <v>0</v>
      </c>
      <c r="L5320" t="s">
        <v>120</v>
      </c>
      <c r="M5320" t="s">
        <v>89</v>
      </c>
      <c r="N5320" t="s">
        <v>90</v>
      </c>
      <c r="O5320" t="s">
        <v>85</v>
      </c>
      <c r="P5320" t="s">
        <v>86</v>
      </c>
      <c r="Q5320">
        <v>8</v>
      </c>
      <c r="R5320">
        <v>8</v>
      </c>
      <c r="S5320">
        <v>8</v>
      </c>
      <c r="T5320">
        <v>8</v>
      </c>
      <c r="U5320">
        <v>8</v>
      </c>
      <c r="V5320">
        <v>8</v>
      </c>
      <c r="W5320">
        <v>8</v>
      </c>
      <c r="X5320">
        <v>9</v>
      </c>
      <c r="Y5320">
        <v>9</v>
      </c>
      <c r="Z5320">
        <v>9</v>
      </c>
      <c r="AA5320">
        <v>9</v>
      </c>
      <c r="AB5320">
        <v>9</v>
      </c>
      <c r="AC5320">
        <v>9</v>
      </c>
      <c r="AD5320">
        <v>9</v>
      </c>
      <c r="AE5320">
        <v>9</v>
      </c>
      <c r="AF5320">
        <v>9</v>
      </c>
      <c r="AG5320">
        <v>9</v>
      </c>
      <c r="AH5320">
        <v>9</v>
      </c>
      <c r="AI5320">
        <v>9</v>
      </c>
      <c r="AJ5320">
        <v>9</v>
      </c>
      <c r="AK5320">
        <v>8</v>
      </c>
      <c r="AL5320">
        <v>8</v>
      </c>
      <c r="AM5320">
        <v>8</v>
      </c>
      <c r="AN5320">
        <v>8</v>
      </c>
      <c r="AO5320">
        <v>8</v>
      </c>
      <c r="AP5320">
        <v>8</v>
      </c>
      <c r="AQ5320">
        <v>8</v>
      </c>
    </row>
    <row r="5321" spans="1:43">
      <c r="A5321" t="s">
        <v>3328</v>
      </c>
      <c r="B5321" t="s">
        <v>3329</v>
      </c>
      <c r="C5321" t="s">
        <v>2940</v>
      </c>
      <c r="D5321" t="s">
        <v>2941</v>
      </c>
      <c r="E5321" t="s">
        <v>2928</v>
      </c>
      <c r="F5321" t="s">
        <v>2929</v>
      </c>
      <c r="G5321" t="s">
        <v>80</v>
      </c>
      <c r="H5321" t="s">
        <v>81</v>
      </c>
      <c r="I5321" s="2">
        <v>1</v>
      </c>
      <c r="J5321" s="2">
        <v>0</v>
      </c>
      <c r="K5321" s="2">
        <v>0</v>
      </c>
      <c r="L5321" t="s">
        <v>120</v>
      </c>
      <c r="M5321" t="s">
        <v>83</v>
      </c>
      <c r="N5321" t="s">
        <v>91</v>
      </c>
      <c r="O5321" t="s">
        <v>85</v>
      </c>
      <c r="P5321" t="s">
        <v>86</v>
      </c>
      <c r="Q5321">
        <v>8</v>
      </c>
      <c r="R5321">
        <v>8</v>
      </c>
      <c r="S5321">
        <v>8</v>
      </c>
      <c r="T5321">
        <v>8</v>
      </c>
      <c r="U5321">
        <v>8</v>
      </c>
      <c r="V5321">
        <v>8</v>
      </c>
      <c r="W5321">
        <v>8</v>
      </c>
      <c r="X5321">
        <v>8</v>
      </c>
      <c r="Y5321">
        <v>8</v>
      </c>
      <c r="Z5321">
        <v>8</v>
      </c>
      <c r="AA5321">
        <v>8</v>
      </c>
      <c r="AB5321">
        <v>8</v>
      </c>
      <c r="AC5321">
        <v>8</v>
      </c>
      <c r="AD5321">
        <v>8</v>
      </c>
      <c r="AE5321">
        <v>8</v>
      </c>
      <c r="AF5321">
        <v>8</v>
      </c>
      <c r="AG5321">
        <v>8</v>
      </c>
      <c r="AH5321">
        <v>8</v>
      </c>
      <c r="AI5321">
        <v>8</v>
      </c>
      <c r="AJ5321">
        <v>8</v>
      </c>
      <c r="AK5321">
        <v>8</v>
      </c>
      <c r="AL5321">
        <v>8</v>
      </c>
      <c r="AM5321">
        <v>8</v>
      </c>
      <c r="AN5321">
        <v>8</v>
      </c>
      <c r="AO5321">
        <v>8</v>
      </c>
      <c r="AP5321">
        <v>8</v>
      </c>
      <c r="AQ5321">
        <v>8</v>
      </c>
    </row>
    <row r="5322" spans="1:43">
      <c r="A5322" t="s">
        <v>3330</v>
      </c>
      <c r="B5322" t="s">
        <v>3331</v>
      </c>
      <c r="C5322" t="s">
        <v>3112</v>
      </c>
      <c r="D5322" t="s">
        <v>3113</v>
      </c>
      <c r="E5322" t="s">
        <v>2928</v>
      </c>
      <c r="F5322" t="s">
        <v>2929</v>
      </c>
      <c r="G5322" t="s">
        <v>80</v>
      </c>
      <c r="H5322" t="s">
        <v>81</v>
      </c>
      <c r="I5322" s="2">
        <v>1</v>
      </c>
      <c r="J5322" s="2">
        <v>0</v>
      </c>
      <c r="K5322" s="2">
        <v>0</v>
      </c>
      <c r="L5322" t="s">
        <v>120</v>
      </c>
      <c r="M5322" t="s">
        <v>83</v>
      </c>
      <c r="N5322" t="s">
        <v>84</v>
      </c>
      <c r="O5322" t="s">
        <v>85</v>
      </c>
      <c r="P5322" t="s">
        <v>86</v>
      </c>
      <c r="Q5322">
        <v>18</v>
      </c>
      <c r="R5322">
        <v>18</v>
      </c>
      <c r="S5322">
        <v>18</v>
      </c>
      <c r="T5322">
        <v>18</v>
      </c>
      <c r="U5322">
        <v>18</v>
      </c>
      <c r="V5322">
        <v>18</v>
      </c>
      <c r="W5322">
        <v>18</v>
      </c>
      <c r="X5322">
        <v>18</v>
      </c>
      <c r="Y5322">
        <v>18</v>
      </c>
      <c r="Z5322">
        <v>19</v>
      </c>
      <c r="AA5322">
        <v>19</v>
      </c>
      <c r="AB5322">
        <v>19</v>
      </c>
      <c r="AC5322">
        <v>19</v>
      </c>
      <c r="AD5322">
        <v>19</v>
      </c>
      <c r="AE5322">
        <v>19</v>
      </c>
      <c r="AF5322">
        <v>19</v>
      </c>
      <c r="AG5322">
        <v>19</v>
      </c>
      <c r="AH5322">
        <v>19</v>
      </c>
      <c r="AI5322">
        <v>19</v>
      </c>
      <c r="AJ5322">
        <v>19</v>
      </c>
      <c r="AK5322">
        <v>19</v>
      </c>
      <c r="AL5322">
        <v>19</v>
      </c>
      <c r="AM5322">
        <v>19</v>
      </c>
      <c r="AN5322">
        <v>19</v>
      </c>
      <c r="AO5322">
        <v>18</v>
      </c>
      <c r="AP5322">
        <v>18</v>
      </c>
      <c r="AQ5322">
        <v>18</v>
      </c>
    </row>
    <row r="5323" spans="1:43">
      <c r="A5323" t="s">
        <v>3330</v>
      </c>
      <c r="B5323" t="s">
        <v>3331</v>
      </c>
      <c r="C5323" t="s">
        <v>3112</v>
      </c>
      <c r="D5323" t="s">
        <v>3113</v>
      </c>
      <c r="E5323" t="s">
        <v>2928</v>
      </c>
      <c r="F5323" t="s">
        <v>2929</v>
      </c>
      <c r="G5323" t="s">
        <v>80</v>
      </c>
      <c r="H5323" t="s">
        <v>81</v>
      </c>
      <c r="I5323" s="2">
        <v>1</v>
      </c>
      <c r="J5323" s="2">
        <v>0</v>
      </c>
      <c r="K5323" s="2">
        <v>0</v>
      </c>
      <c r="L5323" t="s">
        <v>120</v>
      </c>
      <c r="M5323" t="s">
        <v>87</v>
      </c>
      <c r="N5323" t="s">
        <v>88</v>
      </c>
      <c r="O5323" t="s">
        <v>85</v>
      </c>
      <c r="P5323" t="s">
        <v>86</v>
      </c>
      <c r="Q5323">
        <v>18</v>
      </c>
      <c r="R5323">
        <v>18</v>
      </c>
      <c r="S5323">
        <v>18</v>
      </c>
      <c r="T5323">
        <v>17</v>
      </c>
      <c r="U5323">
        <v>17</v>
      </c>
      <c r="V5323">
        <v>17</v>
      </c>
      <c r="W5323">
        <v>17</v>
      </c>
      <c r="X5323">
        <v>17</v>
      </c>
      <c r="Y5323">
        <v>17</v>
      </c>
      <c r="Z5323">
        <v>17</v>
      </c>
      <c r="AA5323">
        <v>17</v>
      </c>
      <c r="AB5323">
        <v>17</v>
      </c>
      <c r="AC5323">
        <v>17</v>
      </c>
      <c r="AD5323">
        <v>17</v>
      </c>
      <c r="AE5323">
        <v>17</v>
      </c>
      <c r="AF5323">
        <v>17</v>
      </c>
      <c r="AG5323">
        <v>17</v>
      </c>
      <c r="AH5323">
        <v>17</v>
      </c>
      <c r="AI5323">
        <v>16</v>
      </c>
      <c r="AJ5323">
        <v>16</v>
      </c>
      <c r="AK5323">
        <v>16</v>
      </c>
      <c r="AL5323">
        <v>16</v>
      </c>
      <c r="AM5323">
        <v>16</v>
      </c>
      <c r="AN5323">
        <v>16</v>
      </c>
      <c r="AO5323">
        <v>16</v>
      </c>
      <c r="AP5323">
        <v>16</v>
      </c>
      <c r="AQ5323">
        <v>16</v>
      </c>
    </row>
    <row r="5324" spans="1:43">
      <c r="A5324" t="s">
        <v>3330</v>
      </c>
      <c r="B5324" t="s">
        <v>3331</v>
      </c>
      <c r="C5324" t="s">
        <v>3112</v>
      </c>
      <c r="D5324" t="s">
        <v>3113</v>
      </c>
      <c r="E5324" t="s">
        <v>2928</v>
      </c>
      <c r="F5324" t="s">
        <v>2929</v>
      </c>
      <c r="G5324" t="s">
        <v>80</v>
      </c>
      <c r="H5324" t="s">
        <v>81</v>
      </c>
      <c r="I5324" s="2">
        <v>1</v>
      </c>
      <c r="J5324" s="2">
        <v>0</v>
      </c>
      <c r="K5324" s="2">
        <v>0</v>
      </c>
      <c r="L5324" t="s">
        <v>120</v>
      </c>
      <c r="M5324" t="s">
        <v>89</v>
      </c>
      <c r="N5324" t="s">
        <v>90</v>
      </c>
      <c r="O5324" t="s">
        <v>85</v>
      </c>
      <c r="P5324" t="s">
        <v>86</v>
      </c>
      <c r="Q5324">
        <v>18</v>
      </c>
      <c r="R5324">
        <v>18</v>
      </c>
      <c r="S5324">
        <v>18</v>
      </c>
      <c r="T5324">
        <v>19</v>
      </c>
      <c r="U5324">
        <v>19</v>
      </c>
      <c r="V5324">
        <v>19</v>
      </c>
      <c r="W5324">
        <v>19</v>
      </c>
      <c r="X5324">
        <v>19</v>
      </c>
      <c r="Y5324">
        <v>19</v>
      </c>
      <c r="Z5324">
        <v>20</v>
      </c>
      <c r="AA5324">
        <v>20</v>
      </c>
      <c r="AB5324">
        <v>20</v>
      </c>
      <c r="AC5324">
        <v>20</v>
      </c>
      <c r="AD5324">
        <v>20</v>
      </c>
      <c r="AE5324">
        <v>20</v>
      </c>
      <c r="AF5324">
        <v>20</v>
      </c>
      <c r="AG5324">
        <v>20</v>
      </c>
      <c r="AH5324">
        <v>20</v>
      </c>
      <c r="AI5324">
        <v>19</v>
      </c>
      <c r="AJ5324">
        <v>19</v>
      </c>
      <c r="AK5324">
        <v>19</v>
      </c>
      <c r="AL5324">
        <v>19</v>
      </c>
      <c r="AM5324">
        <v>19</v>
      </c>
      <c r="AN5324">
        <v>19</v>
      </c>
      <c r="AO5324">
        <v>19</v>
      </c>
      <c r="AP5324">
        <v>19</v>
      </c>
      <c r="AQ5324">
        <v>18</v>
      </c>
    </row>
    <row r="5325" spans="1:43">
      <c r="A5325" t="s">
        <v>3330</v>
      </c>
      <c r="B5325" t="s">
        <v>3331</v>
      </c>
      <c r="C5325" t="s">
        <v>3112</v>
      </c>
      <c r="D5325" t="s">
        <v>3113</v>
      </c>
      <c r="E5325" t="s">
        <v>2928</v>
      </c>
      <c r="F5325" t="s">
        <v>2929</v>
      </c>
      <c r="G5325" t="s">
        <v>80</v>
      </c>
      <c r="H5325" t="s">
        <v>81</v>
      </c>
      <c r="I5325" s="2">
        <v>1</v>
      </c>
      <c r="J5325" s="2">
        <v>0</v>
      </c>
      <c r="K5325" s="2">
        <v>0</v>
      </c>
      <c r="L5325" t="s">
        <v>120</v>
      </c>
      <c r="M5325" t="s">
        <v>83</v>
      </c>
      <c r="N5325" t="s">
        <v>91</v>
      </c>
      <c r="O5325" t="s">
        <v>85</v>
      </c>
      <c r="P5325" t="s">
        <v>86</v>
      </c>
      <c r="Q5325">
        <v>18</v>
      </c>
      <c r="R5325">
        <v>18</v>
      </c>
      <c r="S5325">
        <v>18</v>
      </c>
      <c r="T5325">
        <v>18</v>
      </c>
      <c r="U5325">
        <v>18</v>
      </c>
      <c r="V5325">
        <v>18</v>
      </c>
      <c r="W5325">
        <v>18</v>
      </c>
      <c r="X5325">
        <v>18</v>
      </c>
      <c r="Y5325">
        <v>18</v>
      </c>
      <c r="Z5325">
        <v>19</v>
      </c>
      <c r="AA5325">
        <v>19</v>
      </c>
      <c r="AB5325">
        <v>19</v>
      </c>
      <c r="AC5325">
        <v>19</v>
      </c>
      <c r="AD5325">
        <v>19</v>
      </c>
      <c r="AE5325">
        <v>19</v>
      </c>
      <c r="AF5325">
        <v>19</v>
      </c>
      <c r="AG5325">
        <v>19</v>
      </c>
      <c r="AH5325">
        <v>19</v>
      </c>
      <c r="AI5325">
        <v>19</v>
      </c>
      <c r="AJ5325">
        <v>19</v>
      </c>
      <c r="AK5325">
        <v>19</v>
      </c>
      <c r="AL5325">
        <v>19</v>
      </c>
      <c r="AM5325">
        <v>19</v>
      </c>
      <c r="AN5325">
        <v>19</v>
      </c>
      <c r="AO5325">
        <v>18</v>
      </c>
      <c r="AP5325">
        <v>18</v>
      </c>
      <c r="AQ5325">
        <v>18</v>
      </c>
    </row>
    <row r="5326" spans="1:43">
      <c r="A5326" t="s">
        <v>3332</v>
      </c>
      <c r="B5326" t="s">
        <v>3333</v>
      </c>
      <c r="C5326" t="s">
        <v>3198</v>
      </c>
      <c r="D5326" t="s">
        <v>3199</v>
      </c>
      <c r="E5326" t="s">
        <v>2928</v>
      </c>
      <c r="F5326" t="s">
        <v>2929</v>
      </c>
      <c r="G5326" t="s">
        <v>80</v>
      </c>
      <c r="H5326" t="s">
        <v>81</v>
      </c>
      <c r="I5326" s="2">
        <v>1</v>
      </c>
      <c r="J5326" s="2">
        <v>0</v>
      </c>
      <c r="K5326" s="2">
        <v>0</v>
      </c>
      <c r="L5326" t="s">
        <v>120</v>
      </c>
      <c r="M5326" t="s">
        <v>83</v>
      </c>
      <c r="N5326" t="s">
        <v>84</v>
      </c>
      <c r="O5326" t="s">
        <v>85</v>
      </c>
      <c r="P5326" t="s">
        <v>86</v>
      </c>
      <c r="Q5326">
        <v>55</v>
      </c>
      <c r="R5326">
        <v>55</v>
      </c>
      <c r="S5326">
        <v>55</v>
      </c>
      <c r="T5326">
        <v>56</v>
      </c>
      <c r="U5326">
        <v>56</v>
      </c>
      <c r="V5326">
        <v>56</v>
      </c>
      <c r="W5326">
        <v>56</v>
      </c>
      <c r="X5326">
        <v>56</v>
      </c>
      <c r="Y5326">
        <v>57</v>
      </c>
      <c r="Z5326">
        <v>57</v>
      </c>
      <c r="AA5326">
        <v>57</v>
      </c>
      <c r="AB5326">
        <v>57</v>
      </c>
      <c r="AC5326">
        <v>57</v>
      </c>
      <c r="AD5326">
        <v>57</v>
      </c>
      <c r="AE5326">
        <v>57</v>
      </c>
      <c r="AF5326">
        <v>57</v>
      </c>
      <c r="AG5326">
        <v>57</v>
      </c>
      <c r="AH5326">
        <v>57</v>
      </c>
      <c r="AI5326">
        <v>57</v>
      </c>
      <c r="AJ5326">
        <v>57</v>
      </c>
      <c r="AK5326">
        <v>57</v>
      </c>
      <c r="AL5326">
        <v>57</v>
      </c>
      <c r="AM5326">
        <v>57</v>
      </c>
      <c r="AN5326">
        <v>56</v>
      </c>
      <c r="AO5326">
        <v>56</v>
      </c>
      <c r="AP5326">
        <v>55</v>
      </c>
      <c r="AQ5326">
        <v>55</v>
      </c>
    </row>
    <row r="5327" spans="1:43">
      <c r="A5327" t="s">
        <v>3332</v>
      </c>
      <c r="B5327" t="s">
        <v>3333</v>
      </c>
      <c r="C5327" t="s">
        <v>3198</v>
      </c>
      <c r="D5327" t="s">
        <v>3199</v>
      </c>
      <c r="E5327" t="s">
        <v>2928</v>
      </c>
      <c r="F5327" t="s">
        <v>2929</v>
      </c>
      <c r="G5327" t="s">
        <v>80</v>
      </c>
      <c r="H5327" t="s">
        <v>81</v>
      </c>
      <c r="I5327" s="2">
        <v>1</v>
      </c>
      <c r="J5327" s="2">
        <v>0</v>
      </c>
      <c r="K5327" s="2">
        <v>0</v>
      </c>
      <c r="L5327" t="s">
        <v>120</v>
      </c>
      <c r="M5327" t="s">
        <v>87</v>
      </c>
      <c r="N5327" t="s">
        <v>88</v>
      </c>
      <c r="O5327" t="s">
        <v>85</v>
      </c>
      <c r="P5327" t="s">
        <v>86</v>
      </c>
      <c r="Q5327">
        <v>55</v>
      </c>
      <c r="R5327">
        <v>55</v>
      </c>
      <c r="S5327">
        <v>55</v>
      </c>
      <c r="T5327">
        <v>55</v>
      </c>
      <c r="U5327">
        <v>54</v>
      </c>
      <c r="V5327">
        <v>54</v>
      </c>
      <c r="W5327">
        <v>54</v>
      </c>
      <c r="X5327">
        <v>54</v>
      </c>
      <c r="Y5327">
        <v>53</v>
      </c>
      <c r="Z5327">
        <v>53</v>
      </c>
      <c r="AA5327">
        <v>53</v>
      </c>
      <c r="AB5327">
        <v>53</v>
      </c>
      <c r="AC5327">
        <v>52</v>
      </c>
      <c r="AD5327">
        <v>52</v>
      </c>
      <c r="AE5327">
        <v>52</v>
      </c>
      <c r="AF5327">
        <v>52</v>
      </c>
      <c r="AG5327">
        <v>51</v>
      </c>
      <c r="AH5327">
        <v>51</v>
      </c>
      <c r="AI5327">
        <v>51</v>
      </c>
      <c r="AJ5327">
        <v>51</v>
      </c>
      <c r="AK5327">
        <v>50</v>
      </c>
      <c r="AL5327">
        <v>50</v>
      </c>
      <c r="AM5327">
        <v>50</v>
      </c>
      <c r="AN5327">
        <v>50</v>
      </c>
      <c r="AO5327">
        <v>49</v>
      </c>
      <c r="AP5327">
        <v>49</v>
      </c>
      <c r="AQ5327">
        <v>49</v>
      </c>
    </row>
    <row r="5328" spans="1:43">
      <c r="A5328" t="s">
        <v>3332</v>
      </c>
      <c r="B5328" t="s">
        <v>3333</v>
      </c>
      <c r="C5328" t="s">
        <v>3198</v>
      </c>
      <c r="D5328" t="s">
        <v>3199</v>
      </c>
      <c r="E5328" t="s">
        <v>2928</v>
      </c>
      <c r="F5328" t="s">
        <v>2929</v>
      </c>
      <c r="G5328" t="s">
        <v>80</v>
      </c>
      <c r="H5328" t="s">
        <v>81</v>
      </c>
      <c r="I5328" s="2">
        <v>1</v>
      </c>
      <c r="J5328" s="2">
        <v>0</v>
      </c>
      <c r="K5328" s="2">
        <v>0</v>
      </c>
      <c r="L5328" t="s">
        <v>120</v>
      </c>
      <c r="M5328" t="s">
        <v>89</v>
      </c>
      <c r="N5328" t="s">
        <v>90</v>
      </c>
      <c r="O5328" t="s">
        <v>85</v>
      </c>
      <c r="P5328" t="s">
        <v>86</v>
      </c>
      <c r="Q5328">
        <v>55</v>
      </c>
      <c r="R5328">
        <v>56</v>
      </c>
      <c r="S5328">
        <v>57</v>
      </c>
      <c r="T5328">
        <v>57</v>
      </c>
      <c r="U5328">
        <v>58</v>
      </c>
      <c r="V5328">
        <v>59</v>
      </c>
      <c r="W5328">
        <v>59</v>
      </c>
      <c r="X5328">
        <v>59</v>
      </c>
      <c r="Y5328">
        <v>60</v>
      </c>
      <c r="Z5328">
        <v>60</v>
      </c>
      <c r="AA5328">
        <v>60</v>
      </c>
      <c r="AB5328">
        <v>61</v>
      </c>
      <c r="AC5328">
        <v>61</v>
      </c>
      <c r="AD5328">
        <v>61</v>
      </c>
      <c r="AE5328">
        <v>61</v>
      </c>
      <c r="AF5328">
        <v>61</v>
      </c>
      <c r="AG5328">
        <v>60</v>
      </c>
      <c r="AH5328">
        <v>60</v>
      </c>
      <c r="AI5328">
        <v>59</v>
      </c>
      <c r="AJ5328">
        <v>59</v>
      </c>
      <c r="AK5328">
        <v>58</v>
      </c>
      <c r="AL5328">
        <v>58</v>
      </c>
      <c r="AM5328">
        <v>57</v>
      </c>
      <c r="AN5328">
        <v>57</v>
      </c>
      <c r="AO5328">
        <v>56</v>
      </c>
      <c r="AP5328">
        <v>56</v>
      </c>
      <c r="AQ5328">
        <v>56</v>
      </c>
    </row>
    <row r="5329" spans="1:43">
      <c r="A5329" t="s">
        <v>3332</v>
      </c>
      <c r="B5329" t="s">
        <v>3333</v>
      </c>
      <c r="C5329" t="s">
        <v>3198</v>
      </c>
      <c r="D5329" t="s">
        <v>3199</v>
      </c>
      <c r="E5329" t="s">
        <v>2928</v>
      </c>
      <c r="F5329" t="s">
        <v>2929</v>
      </c>
      <c r="G5329" t="s">
        <v>80</v>
      </c>
      <c r="H5329" t="s">
        <v>81</v>
      </c>
      <c r="I5329" s="2">
        <v>1</v>
      </c>
      <c r="J5329" s="2">
        <v>0</v>
      </c>
      <c r="K5329" s="2">
        <v>0</v>
      </c>
      <c r="L5329" t="s">
        <v>120</v>
      </c>
      <c r="M5329" t="s">
        <v>83</v>
      </c>
      <c r="N5329" t="s">
        <v>91</v>
      </c>
      <c r="O5329" t="s">
        <v>85</v>
      </c>
      <c r="P5329" t="s">
        <v>86</v>
      </c>
      <c r="Q5329">
        <v>55</v>
      </c>
      <c r="R5329">
        <v>55</v>
      </c>
      <c r="S5329">
        <v>55</v>
      </c>
      <c r="T5329">
        <v>56</v>
      </c>
      <c r="U5329">
        <v>56</v>
      </c>
      <c r="V5329">
        <v>56</v>
      </c>
      <c r="W5329">
        <v>56</v>
      </c>
      <c r="X5329">
        <v>56</v>
      </c>
      <c r="Y5329">
        <v>57</v>
      </c>
      <c r="Z5329">
        <v>57</v>
      </c>
      <c r="AA5329">
        <v>57</v>
      </c>
      <c r="AB5329">
        <v>57</v>
      </c>
      <c r="AC5329">
        <v>57</v>
      </c>
      <c r="AD5329">
        <v>57</v>
      </c>
      <c r="AE5329">
        <v>57</v>
      </c>
      <c r="AF5329">
        <v>57</v>
      </c>
      <c r="AG5329">
        <v>57</v>
      </c>
      <c r="AH5329">
        <v>57</v>
      </c>
      <c r="AI5329">
        <v>57</v>
      </c>
      <c r="AJ5329">
        <v>57</v>
      </c>
      <c r="AK5329">
        <v>57</v>
      </c>
      <c r="AL5329">
        <v>57</v>
      </c>
      <c r="AM5329">
        <v>57</v>
      </c>
      <c r="AN5329">
        <v>56</v>
      </c>
      <c r="AO5329">
        <v>56</v>
      </c>
      <c r="AP5329">
        <v>55</v>
      </c>
      <c r="AQ5329">
        <v>55</v>
      </c>
    </row>
    <row r="5330" spans="1:43">
      <c r="A5330" t="s">
        <v>3334</v>
      </c>
      <c r="B5330" t="s">
        <v>3335</v>
      </c>
      <c r="C5330" t="s">
        <v>3104</v>
      </c>
      <c r="D5330" t="s">
        <v>3105</v>
      </c>
      <c r="E5330" t="s">
        <v>2928</v>
      </c>
      <c r="F5330" t="s">
        <v>2929</v>
      </c>
      <c r="G5330" t="s">
        <v>80</v>
      </c>
      <c r="H5330" t="s">
        <v>81</v>
      </c>
      <c r="I5330" s="2">
        <v>1</v>
      </c>
      <c r="J5330" s="2">
        <v>0</v>
      </c>
      <c r="K5330" s="2">
        <v>0</v>
      </c>
      <c r="L5330" t="s">
        <v>120</v>
      </c>
      <c r="M5330" t="s">
        <v>83</v>
      </c>
      <c r="N5330" t="s">
        <v>84</v>
      </c>
      <c r="O5330" t="s">
        <v>85</v>
      </c>
      <c r="P5330" t="s">
        <v>86</v>
      </c>
      <c r="Q5330">
        <v>11</v>
      </c>
      <c r="R5330">
        <v>11</v>
      </c>
      <c r="S5330">
        <v>11</v>
      </c>
      <c r="T5330">
        <v>11</v>
      </c>
      <c r="U5330">
        <v>11</v>
      </c>
      <c r="V5330">
        <v>11</v>
      </c>
      <c r="W5330">
        <v>12</v>
      </c>
      <c r="X5330">
        <v>12</v>
      </c>
      <c r="Y5330">
        <v>12</v>
      </c>
      <c r="Z5330">
        <v>12</v>
      </c>
      <c r="AA5330">
        <v>12</v>
      </c>
      <c r="AB5330">
        <v>12</v>
      </c>
      <c r="AC5330">
        <v>12</v>
      </c>
      <c r="AD5330">
        <v>12</v>
      </c>
      <c r="AE5330">
        <v>12</v>
      </c>
      <c r="AF5330">
        <v>12</v>
      </c>
      <c r="AG5330">
        <v>12</v>
      </c>
      <c r="AH5330">
        <v>12</v>
      </c>
      <c r="AI5330">
        <v>12</v>
      </c>
      <c r="AJ5330">
        <v>12</v>
      </c>
      <c r="AK5330">
        <v>12</v>
      </c>
      <c r="AL5330">
        <v>12</v>
      </c>
      <c r="AM5330">
        <v>12</v>
      </c>
      <c r="AN5330">
        <v>12</v>
      </c>
      <c r="AO5330">
        <v>12</v>
      </c>
      <c r="AP5330">
        <v>11</v>
      </c>
      <c r="AQ5330">
        <v>11</v>
      </c>
    </row>
    <row r="5331" spans="1:43">
      <c r="A5331" t="s">
        <v>3334</v>
      </c>
      <c r="B5331" t="s">
        <v>3335</v>
      </c>
      <c r="C5331" t="s">
        <v>3104</v>
      </c>
      <c r="D5331" t="s">
        <v>3105</v>
      </c>
      <c r="E5331" t="s">
        <v>2928</v>
      </c>
      <c r="F5331" t="s">
        <v>2929</v>
      </c>
      <c r="G5331" t="s">
        <v>80</v>
      </c>
      <c r="H5331" t="s">
        <v>81</v>
      </c>
      <c r="I5331" s="2">
        <v>1</v>
      </c>
      <c r="J5331" s="2">
        <v>0</v>
      </c>
      <c r="K5331" s="2">
        <v>0</v>
      </c>
      <c r="L5331" t="s">
        <v>120</v>
      </c>
      <c r="M5331" t="s">
        <v>87</v>
      </c>
      <c r="N5331" t="s">
        <v>88</v>
      </c>
      <c r="O5331" t="s">
        <v>85</v>
      </c>
      <c r="P5331" t="s">
        <v>86</v>
      </c>
      <c r="Q5331">
        <v>11</v>
      </c>
      <c r="R5331">
        <v>11</v>
      </c>
      <c r="S5331">
        <v>11</v>
      </c>
      <c r="T5331">
        <v>11</v>
      </c>
      <c r="U5331">
        <v>11</v>
      </c>
      <c r="V5331">
        <v>11</v>
      </c>
      <c r="W5331">
        <v>11</v>
      </c>
      <c r="X5331">
        <v>11</v>
      </c>
      <c r="Y5331">
        <v>11</v>
      </c>
      <c r="Z5331">
        <v>11</v>
      </c>
      <c r="AA5331">
        <v>11</v>
      </c>
      <c r="AB5331">
        <v>11</v>
      </c>
      <c r="AC5331">
        <v>11</v>
      </c>
      <c r="AD5331">
        <v>10</v>
      </c>
      <c r="AE5331">
        <v>10</v>
      </c>
      <c r="AF5331">
        <v>10</v>
      </c>
      <c r="AG5331">
        <v>10</v>
      </c>
      <c r="AH5331">
        <v>10</v>
      </c>
      <c r="AI5331">
        <v>10</v>
      </c>
      <c r="AJ5331">
        <v>10</v>
      </c>
      <c r="AK5331">
        <v>10</v>
      </c>
      <c r="AL5331">
        <v>10</v>
      </c>
      <c r="AM5331">
        <v>10</v>
      </c>
      <c r="AN5331">
        <v>10</v>
      </c>
      <c r="AO5331">
        <v>10</v>
      </c>
      <c r="AP5331">
        <v>10</v>
      </c>
      <c r="AQ5331">
        <v>10</v>
      </c>
    </row>
    <row r="5332" spans="1:43">
      <c r="A5332" t="s">
        <v>3334</v>
      </c>
      <c r="B5332" t="s">
        <v>3335</v>
      </c>
      <c r="C5332" t="s">
        <v>3104</v>
      </c>
      <c r="D5332" t="s">
        <v>3105</v>
      </c>
      <c r="E5332" t="s">
        <v>2928</v>
      </c>
      <c r="F5332" t="s">
        <v>2929</v>
      </c>
      <c r="G5332" t="s">
        <v>80</v>
      </c>
      <c r="H5332" t="s">
        <v>81</v>
      </c>
      <c r="I5332" s="2">
        <v>1</v>
      </c>
      <c r="J5332" s="2">
        <v>0</v>
      </c>
      <c r="K5332" s="2">
        <v>0</v>
      </c>
      <c r="L5332" t="s">
        <v>120</v>
      </c>
      <c r="M5332" t="s">
        <v>89</v>
      </c>
      <c r="N5332" t="s">
        <v>90</v>
      </c>
      <c r="O5332" t="s">
        <v>85</v>
      </c>
      <c r="P5332" t="s">
        <v>86</v>
      </c>
      <c r="Q5332">
        <v>11</v>
      </c>
      <c r="R5332">
        <v>11</v>
      </c>
      <c r="S5332">
        <v>12</v>
      </c>
      <c r="T5332">
        <v>12</v>
      </c>
      <c r="U5332">
        <v>12</v>
      </c>
      <c r="V5332">
        <v>12</v>
      </c>
      <c r="W5332">
        <v>12</v>
      </c>
      <c r="X5332">
        <v>12</v>
      </c>
      <c r="Y5332">
        <v>12</v>
      </c>
      <c r="Z5332">
        <v>12</v>
      </c>
      <c r="AA5332">
        <v>12</v>
      </c>
      <c r="AB5332">
        <v>12</v>
      </c>
      <c r="AC5332">
        <v>13</v>
      </c>
      <c r="AD5332">
        <v>13</v>
      </c>
      <c r="AE5332">
        <v>13</v>
      </c>
      <c r="AF5332">
        <v>13</v>
      </c>
      <c r="AG5332">
        <v>12</v>
      </c>
      <c r="AH5332">
        <v>12</v>
      </c>
      <c r="AI5332">
        <v>12</v>
      </c>
      <c r="AJ5332">
        <v>12</v>
      </c>
      <c r="AK5332">
        <v>12</v>
      </c>
      <c r="AL5332">
        <v>12</v>
      </c>
      <c r="AM5332">
        <v>12</v>
      </c>
      <c r="AN5332">
        <v>12</v>
      </c>
      <c r="AO5332">
        <v>12</v>
      </c>
      <c r="AP5332">
        <v>12</v>
      </c>
      <c r="AQ5332">
        <v>12</v>
      </c>
    </row>
    <row r="5333" spans="1:43">
      <c r="A5333" t="s">
        <v>3334</v>
      </c>
      <c r="B5333" t="s">
        <v>3335</v>
      </c>
      <c r="C5333" t="s">
        <v>3104</v>
      </c>
      <c r="D5333" t="s">
        <v>3105</v>
      </c>
      <c r="E5333" t="s">
        <v>2928</v>
      </c>
      <c r="F5333" t="s">
        <v>2929</v>
      </c>
      <c r="G5333" t="s">
        <v>80</v>
      </c>
      <c r="H5333" t="s">
        <v>81</v>
      </c>
      <c r="I5333" s="2">
        <v>1</v>
      </c>
      <c r="J5333" s="2">
        <v>0</v>
      </c>
      <c r="K5333" s="2">
        <v>0</v>
      </c>
      <c r="L5333" t="s">
        <v>120</v>
      </c>
      <c r="M5333" t="s">
        <v>83</v>
      </c>
      <c r="N5333" t="s">
        <v>91</v>
      </c>
      <c r="O5333" t="s">
        <v>85</v>
      </c>
      <c r="P5333" t="s">
        <v>86</v>
      </c>
      <c r="Q5333">
        <v>11</v>
      </c>
      <c r="R5333">
        <v>11</v>
      </c>
      <c r="S5333">
        <v>11</v>
      </c>
      <c r="T5333">
        <v>11</v>
      </c>
      <c r="U5333">
        <v>11</v>
      </c>
      <c r="V5333">
        <v>11</v>
      </c>
      <c r="W5333">
        <v>12</v>
      </c>
      <c r="X5333">
        <v>12</v>
      </c>
      <c r="Y5333">
        <v>12</v>
      </c>
      <c r="Z5333">
        <v>12</v>
      </c>
      <c r="AA5333">
        <v>12</v>
      </c>
      <c r="AB5333">
        <v>12</v>
      </c>
      <c r="AC5333">
        <v>12</v>
      </c>
      <c r="AD5333">
        <v>12</v>
      </c>
      <c r="AE5333">
        <v>12</v>
      </c>
      <c r="AF5333">
        <v>12</v>
      </c>
      <c r="AG5333">
        <v>12</v>
      </c>
      <c r="AH5333">
        <v>12</v>
      </c>
      <c r="AI5333">
        <v>12</v>
      </c>
      <c r="AJ5333">
        <v>12</v>
      </c>
      <c r="AK5333">
        <v>12</v>
      </c>
      <c r="AL5333">
        <v>12</v>
      </c>
      <c r="AM5333">
        <v>12</v>
      </c>
      <c r="AN5333">
        <v>12</v>
      </c>
      <c r="AO5333">
        <v>12</v>
      </c>
      <c r="AP5333">
        <v>11</v>
      </c>
      <c r="AQ5333">
        <v>11</v>
      </c>
    </row>
    <row r="5334" spans="1:43">
      <c r="A5334" t="s">
        <v>3336</v>
      </c>
      <c r="B5334" t="s">
        <v>3337</v>
      </c>
      <c r="C5334" t="s">
        <v>3198</v>
      </c>
      <c r="D5334" t="s">
        <v>3199</v>
      </c>
      <c r="E5334" t="s">
        <v>2928</v>
      </c>
      <c r="F5334" t="s">
        <v>2929</v>
      </c>
      <c r="G5334" t="s">
        <v>80</v>
      </c>
      <c r="H5334" t="s">
        <v>81</v>
      </c>
      <c r="I5334" s="2">
        <v>1</v>
      </c>
      <c r="J5334" s="2">
        <v>0</v>
      </c>
      <c r="K5334" s="2">
        <v>0</v>
      </c>
      <c r="L5334" t="s">
        <v>120</v>
      </c>
      <c r="M5334" t="s">
        <v>83</v>
      </c>
      <c r="N5334" t="s">
        <v>84</v>
      </c>
      <c r="O5334" t="s">
        <v>85</v>
      </c>
      <c r="P5334" t="s">
        <v>86</v>
      </c>
      <c r="Q5334">
        <v>32</v>
      </c>
      <c r="R5334">
        <v>32</v>
      </c>
      <c r="S5334">
        <v>32</v>
      </c>
      <c r="T5334">
        <v>33</v>
      </c>
      <c r="U5334">
        <v>33</v>
      </c>
      <c r="V5334">
        <v>33</v>
      </c>
      <c r="W5334">
        <v>33</v>
      </c>
      <c r="X5334">
        <v>33</v>
      </c>
      <c r="Y5334">
        <v>33</v>
      </c>
      <c r="Z5334">
        <v>33</v>
      </c>
      <c r="AA5334">
        <v>33</v>
      </c>
      <c r="AB5334">
        <v>33</v>
      </c>
      <c r="AC5334">
        <v>33</v>
      </c>
      <c r="AD5334">
        <v>33</v>
      </c>
      <c r="AE5334">
        <v>33</v>
      </c>
      <c r="AF5334">
        <v>33</v>
      </c>
      <c r="AG5334">
        <v>33</v>
      </c>
      <c r="AH5334">
        <v>34</v>
      </c>
      <c r="AI5334">
        <v>34</v>
      </c>
      <c r="AJ5334">
        <v>34</v>
      </c>
      <c r="AK5334">
        <v>34</v>
      </c>
      <c r="AL5334">
        <v>33</v>
      </c>
      <c r="AM5334">
        <v>33</v>
      </c>
      <c r="AN5334">
        <v>33</v>
      </c>
      <c r="AO5334">
        <v>33</v>
      </c>
      <c r="AP5334">
        <v>32</v>
      </c>
      <c r="AQ5334">
        <v>32</v>
      </c>
    </row>
    <row r="5335" spans="1:43">
      <c r="A5335" t="s">
        <v>3336</v>
      </c>
      <c r="B5335" t="s">
        <v>3337</v>
      </c>
      <c r="C5335" t="s">
        <v>3198</v>
      </c>
      <c r="D5335" t="s">
        <v>3199</v>
      </c>
      <c r="E5335" t="s">
        <v>2928</v>
      </c>
      <c r="F5335" t="s">
        <v>2929</v>
      </c>
      <c r="G5335" t="s">
        <v>80</v>
      </c>
      <c r="H5335" t="s">
        <v>81</v>
      </c>
      <c r="I5335" s="2">
        <v>1</v>
      </c>
      <c r="J5335" s="2">
        <v>0</v>
      </c>
      <c r="K5335" s="2">
        <v>0</v>
      </c>
      <c r="L5335" t="s">
        <v>120</v>
      </c>
      <c r="M5335" t="s">
        <v>87</v>
      </c>
      <c r="N5335" t="s">
        <v>88</v>
      </c>
      <c r="O5335" t="s">
        <v>85</v>
      </c>
      <c r="P5335" t="s">
        <v>86</v>
      </c>
      <c r="Q5335">
        <v>32</v>
      </c>
      <c r="R5335">
        <v>32</v>
      </c>
      <c r="S5335">
        <v>32</v>
      </c>
      <c r="T5335">
        <v>31</v>
      </c>
      <c r="U5335">
        <v>31</v>
      </c>
      <c r="V5335">
        <v>31</v>
      </c>
      <c r="W5335">
        <v>31</v>
      </c>
      <c r="X5335">
        <v>31</v>
      </c>
      <c r="Y5335">
        <v>31</v>
      </c>
      <c r="Z5335">
        <v>30</v>
      </c>
      <c r="AA5335">
        <v>30</v>
      </c>
      <c r="AB5335">
        <v>30</v>
      </c>
      <c r="AC5335">
        <v>30</v>
      </c>
      <c r="AD5335">
        <v>30</v>
      </c>
      <c r="AE5335">
        <v>30</v>
      </c>
      <c r="AF5335">
        <v>30</v>
      </c>
      <c r="AG5335">
        <v>29</v>
      </c>
      <c r="AH5335">
        <v>29</v>
      </c>
      <c r="AI5335">
        <v>29</v>
      </c>
      <c r="AJ5335">
        <v>29</v>
      </c>
      <c r="AK5335">
        <v>29</v>
      </c>
      <c r="AL5335">
        <v>29</v>
      </c>
      <c r="AM5335">
        <v>29</v>
      </c>
      <c r="AN5335">
        <v>28</v>
      </c>
      <c r="AO5335">
        <v>28</v>
      </c>
      <c r="AP5335">
        <v>28</v>
      </c>
      <c r="AQ5335">
        <v>28</v>
      </c>
    </row>
    <row r="5336" spans="1:43">
      <c r="A5336" t="s">
        <v>3336</v>
      </c>
      <c r="B5336" t="s">
        <v>3337</v>
      </c>
      <c r="C5336" t="s">
        <v>3198</v>
      </c>
      <c r="D5336" t="s">
        <v>3199</v>
      </c>
      <c r="E5336" t="s">
        <v>2928</v>
      </c>
      <c r="F5336" t="s">
        <v>2929</v>
      </c>
      <c r="G5336" t="s">
        <v>80</v>
      </c>
      <c r="H5336" t="s">
        <v>81</v>
      </c>
      <c r="I5336" s="2">
        <v>1</v>
      </c>
      <c r="J5336" s="2">
        <v>0</v>
      </c>
      <c r="K5336" s="2">
        <v>0</v>
      </c>
      <c r="L5336" t="s">
        <v>120</v>
      </c>
      <c r="M5336" t="s">
        <v>89</v>
      </c>
      <c r="N5336" t="s">
        <v>90</v>
      </c>
      <c r="O5336" t="s">
        <v>85</v>
      </c>
      <c r="P5336" t="s">
        <v>86</v>
      </c>
      <c r="Q5336">
        <v>32</v>
      </c>
      <c r="R5336">
        <v>33</v>
      </c>
      <c r="S5336">
        <v>33</v>
      </c>
      <c r="T5336">
        <v>34</v>
      </c>
      <c r="U5336">
        <v>34</v>
      </c>
      <c r="V5336">
        <v>34</v>
      </c>
      <c r="W5336">
        <v>34</v>
      </c>
      <c r="X5336">
        <v>35</v>
      </c>
      <c r="Y5336">
        <v>35</v>
      </c>
      <c r="Z5336">
        <v>35</v>
      </c>
      <c r="AA5336">
        <v>35</v>
      </c>
      <c r="AB5336">
        <v>35</v>
      </c>
      <c r="AC5336">
        <v>36</v>
      </c>
      <c r="AD5336">
        <v>36</v>
      </c>
      <c r="AE5336">
        <v>36</v>
      </c>
      <c r="AF5336">
        <v>35</v>
      </c>
      <c r="AG5336">
        <v>35</v>
      </c>
      <c r="AH5336">
        <v>35</v>
      </c>
      <c r="AI5336">
        <v>35</v>
      </c>
      <c r="AJ5336">
        <v>34</v>
      </c>
      <c r="AK5336">
        <v>34</v>
      </c>
      <c r="AL5336">
        <v>34</v>
      </c>
      <c r="AM5336">
        <v>33</v>
      </c>
      <c r="AN5336">
        <v>33</v>
      </c>
      <c r="AO5336">
        <v>33</v>
      </c>
      <c r="AP5336">
        <v>33</v>
      </c>
      <c r="AQ5336">
        <v>32</v>
      </c>
    </row>
    <row r="5337" spans="1:43">
      <c r="A5337" t="s">
        <v>3336</v>
      </c>
      <c r="B5337" t="s">
        <v>3337</v>
      </c>
      <c r="C5337" t="s">
        <v>3198</v>
      </c>
      <c r="D5337" t="s">
        <v>3199</v>
      </c>
      <c r="E5337" t="s">
        <v>2928</v>
      </c>
      <c r="F5337" t="s">
        <v>2929</v>
      </c>
      <c r="G5337" t="s">
        <v>80</v>
      </c>
      <c r="H5337" t="s">
        <v>81</v>
      </c>
      <c r="I5337" s="2">
        <v>1</v>
      </c>
      <c r="J5337" s="2">
        <v>0</v>
      </c>
      <c r="K5337" s="2">
        <v>0</v>
      </c>
      <c r="L5337" t="s">
        <v>120</v>
      </c>
      <c r="M5337" t="s">
        <v>83</v>
      </c>
      <c r="N5337" t="s">
        <v>91</v>
      </c>
      <c r="O5337" t="s">
        <v>85</v>
      </c>
      <c r="P5337" t="s">
        <v>86</v>
      </c>
      <c r="Q5337">
        <v>32</v>
      </c>
      <c r="R5337">
        <v>32</v>
      </c>
      <c r="S5337">
        <v>32</v>
      </c>
      <c r="T5337">
        <v>33</v>
      </c>
      <c r="U5337">
        <v>33</v>
      </c>
      <c r="V5337">
        <v>33</v>
      </c>
      <c r="W5337">
        <v>33</v>
      </c>
      <c r="X5337">
        <v>33</v>
      </c>
      <c r="Y5337">
        <v>33</v>
      </c>
      <c r="Z5337">
        <v>33</v>
      </c>
      <c r="AA5337">
        <v>33</v>
      </c>
      <c r="AB5337">
        <v>33</v>
      </c>
      <c r="AC5337">
        <v>33</v>
      </c>
      <c r="AD5337">
        <v>33</v>
      </c>
      <c r="AE5337">
        <v>33</v>
      </c>
      <c r="AF5337">
        <v>33</v>
      </c>
      <c r="AG5337">
        <v>33</v>
      </c>
      <c r="AH5337">
        <v>34</v>
      </c>
      <c r="AI5337">
        <v>34</v>
      </c>
      <c r="AJ5337">
        <v>34</v>
      </c>
      <c r="AK5337">
        <v>34</v>
      </c>
      <c r="AL5337">
        <v>33</v>
      </c>
      <c r="AM5337">
        <v>33</v>
      </c>
      <c r="AN5337">
        <v>33</v>
      </c>
      <c r="AO5337">
        <v>33</v>
      </c>
      <c r="AP5337">
        <v>32</v>
      </c>
      <c r="AQ5337">
        <v>32</v>
      </c>
    </row>
    <row r="5338" spans="1:43">
      <c r="A5338" t="s">
        <v>3338</v>
      </c>
      <c r="B5338" t="s">
        <v>3339</v>
      </c>
      <c r="C5338" t="s">
        <v>3198</v>
      </c>
      <c r="D5338" t="s">
        <v>3199</v>
      </c>
      <c r="E5338" t="s">
        <v>2928</v>
      </c>
      <c r="F5338" t="s">
        <v>2929</v>
      </c>
      <c r="G5338" t="s">
        <v>80</v>
      </c>
      <c r="H5338" t="s">
        <v>81</v>
      </c>
      <c r="I5338" s="2">
        <v>1</v>
      </c>
      <c r="J5338" s="2">
        <v>0</v>
      </c>
      <c r="K5338" s="2">
        <v>0</v>
      </c>
      <c r="L5338" t="s">
        <v>120</v>
      </c>
      <c r="M5338" t="s">
        <v>83</v>
      </c>
      <c r="N5338" t="s">
        <v>84</v>
      </c>
      <c r="O5338" t="s">
        <v>85</v>
      </c>
      <c r="P5338" t="s">
        <v>86</v>
      </c>
      <c r="Q5338">
        <v>12</v>
      </c>
      <c r="R5338">
        <v>12</v>
      </c>
      <c r="S5338">
        <v>12</v>
      </c>
      <c r="T5338">
        <v>12</v>
      </c>
      <c r="U5338">
        <v>12</v>
      </c>
      <c r="V5338">
        <v>12</v>
      </c>
      <c r="W5338">
        <v>12</v>
      </c>
      <c r="X5338">
        <v>12</v>
      </c>
      <c r="Y5338">
        <v>12</v>
      </c>
      <c r="Z5338">
        <v>12</v>
      </c>
      <c r="AA5338">
        <v>12</v>
      </c>
      <c r="AB5338">
        <v>12</v>
      </c>
      <c r="AC5338">
        <v>13</v>
      </c>
      <c r="AD5338">
        <v>13</v>
      </c>
      <c r="AE5338">
        <v>13</v>
      </c>
      <c r="AF5338">
        <v>13</v>
      </c>
      <c r="AG5338">
        <v>13</v>
      </c>
      <c r="AH5338">
        <v>13</v>
      </c>
      <c r="AI5338">
        <v>13</v>
      </c>
      <c r="AJ5338">
        <v>13</v>
      </c>
      <c r="AK5338">
        <v>13</v>
      </c>
      <c r="AL5338">
        <v>13</v>
      </c>
      <c r="AM5338">
        <v>12</v>
      </c>
      <c r="AN5338">
        <v>12</v>
      </c>
      <c r="AO5338">
        <v>12</v>
      </c>
      <c r="AP5338">
        <v>12</v>
      </c>
      <c r="AQ5338">
        <v>12</v>
      </c>
    </row>
    <row r="5339" spans="1:43">
      <c r="A5339" t="s">
        <v>3338</v>
      </c>
      <c r="B5339" t="s">
        <v>3339</v>
      </c>
      <c r="C5339" t="s">
        <v>3198</v>
      </c>
      <c r="D5339" t="s">
        <v>3199</v>
      </c>
      <c r="E5339" t="s">
        <v>2928</v>
      </c>
      <c r="F5339" t="s">
        <v>2929</v>
      </c>
      <c r="G5339" t="s">
        <v>80</v>
      </c>
      <c r="H5339" t="s">
        <v>81</v>
      </c>
      <c r="I5339" s="2">
        <v>1</v>
      </c>
      <c r="J5339" s="2">
        <v>0</v>
      </c>
      <c r="K5339" s="2">
        <v>0</v>
      </c>
      <c r="L5339" t="s">
        <v>120</v>
      </c>
      <c r="M5339" t="s">
        <v>87</v>
      </c>
      <c r="N5339" t="s">
        <v>88</v>
      </c>
      <c r="O5339" t="s">
        <v>85</v>
      </c>
      <c r="P5339" t="s">
        <v>86</v>
      </c>
      <c r="Q5339">
        <v>12</v>
      </c>
      <c r="R5339">
        <v>12</v>
      </c>
      <c r="S5339">
        <v>12</v>
      </c>
      <c r="T5339">
        <v>12</v>
      </c>
      <c r="U5339">
        <v>12</v>
      </c>
      <c r="V5339">
        <v>12</v>
      </c>
      <c r="W5339">
        <v>12</v>
      </c>
      <c r="X5339">
        <v>12</v>
      </c>
      <c r="Y5339">
        <v>11</v>
      </c>
      <c r="Z5339">
        <v>11</v>
      </c>
      <c r="AA5339">
        <v>11</v>
      </c>
      <c r="AB5339">
        <v>11</v>
      </c>
      <c r="AC5339">
        <v>11</v>
      </c>
      <c r="AD5339">
        <v>11</v>
      </c>
      <c r="AE5339">
        <v>11</v>
      </c>
      <c r="AF5339">
        <v>11</v>
      </c>
      <c r="AG5339">
        <v>11</v>
      </c>
      <c r="AH5339">
        <v>11</v>
      </c>
      <c r="AI5339">
        <v>11</v>
      </c>
      <c r="AJ5339">
        <v>11</v>
      </c>
      <c r="AK5339">
        <v>11</v>
      </c>
      <c r="AL5339">
        <v>11</v>
      </c>
      <c r="AM5339">
        <v>11</v>
      </c>
      <c r="AN5339">
        <v>11</v>
      </c>
      <c r="AO5339">
        <v>11</v>
      </c>
      <c r="AP5339">
        <v>11</v>
      </c>
      <c r="AQ5339">
        <v>11</v>
      </c>
    </row>
    <row r="5340" spans="1:43">
      <c r="A5340" t="s">
        <v>3338</v>
      </c>
      <c r="B5340" t="s">
        <v>3339</v>
      </c>
      <c r="C5340" t="s">
        <v>3198</v>
      </c>
      <c r="D5340" t="s">
        <v>3199</v>
      </c>
      <c r="E5340" t="s">
        <v>2928</v>
      </c>
      <c r="F5340" t="s">
        <v>2929</v>
      </c>
      <c r="G5340" t="s">
        <v>80</v>
      </c>
      <c r="H5340" t="s">
        <v>81</v>
      </c>
      <c r="I5340" s="2">
        <v>1</v>
      </c>
      <c r="J5340" s="2">
        <v>0</v>
      </c>
      <c r="K5340" s="2">
        <v>0</v>
      </c>
      <c r="L5340" t="s">
        <v>120</v>
      </c>
      <c r="M5340" t="s">
        <v>89</v>
      </c>
      <c r="N5340" t="s">
        <v>90</v>
      </c>
      <c r="O5340" t="s">
        <v>85</v>
      </c>
      <c r="P5340" t="s">
        <v>86</v>
      </c>
      <c r="Q5340">
        <v>12</v>
      </c>
      <c r="R5340">
        <v>12</v>
      </c>
      <c r="S5340">
        <v>12</v>
      </c>
      <c r="T5340">
        <v>13</v>
      </c>
      <c r="U5340">
        <v>13</v>
      </c>
      <c r="V5340">
        <v>13</v>
      </c>
      <c r="W5340">
        <v>13</v>
      </c>
      <c r="X5340">
        <v>13</v>
      </c>
      <c r="Y5340">
        <v>13</v>
      </c>
      <c r="Z5340">
        <v>13</v>
      </c>
      <c r="AA5340">
        <v>13</v>
      </c>
      <c r="AB5340">
        <v>13</v>
      </c>
      <c r="AC5340">
        <v>13</v>
      </c>
      <c r="AD5340">
        <v>13</v>
      </c>
      <c r="AE5340">
        <v>13</v>
      </c>
      <c r="AF5340">
        <v>13</v>
      </c>
      <c r="AG5340">
        <v>13</v>
      </c>
      <c r="AH5340">
        <v>13</v>
      </c>
      <c r="AI5340">
        <v>13</v>
      </c>
      <c r="AJ5340">
        <v>13</v>
      </c>
      <c r="AK5340">
        <v>13</v>
      </c>
      <c r="AL5340">
        <v>13</v>
      </c>
      <c r="AM5340">
        <v>13</v>
      </c>
      <c r="AN5340">
        <v>12</v>
      </c>
      <c r="AO5340">
        <v>12</v>
      </c>
      <c r="AP5340">
        <v>12</v>
      </c>
      <c r="AQ5340">
        <v>12</v>
      </c>
    </row>
    <row r="5341" spans="1:43">
      <c r="A5341" t="s">
        <v>3338</v>
      </c>
      <c r="B5341" t="s">
        <v>3339</v>
      </c>
      <c r="C5341" t="s">
        <v>3198</v>
      </c>
      <c r="D5341" t="s">
        <v>3199</v>
      </c>
      <c r="E5341" t="s">
        <v>2928</v>
      </c>
      <c r="F5341" t="s">
        <v>2929</v>
      </c>
      <c r="G5341" t="s">
        <v>80</v>
      </c>
      <c r="H5341" t="s">
        <v>81</v>
      </c>
      <c r="I5341" s="2">
        <v>1</v>
      </c>
      <c r="J5341" s="2">
        <v>0</v>
      </c>
      <c r="K5341" s="2">
        <v>0</v>
      </c>
      <c r="L5341" t="s">
        <v>120</v>
      </c>
      <c r="M5341" t="s">
        <v>83</v>
      </c>
      <c r="N5341" t="s">
        <v>91</v>
      </c>
      <c r="O5341" t="s">
        <v>85</v>
      </c>
      <c r="P5341" t="s">
        <v>86</v>
      </c>
      <c r="Q5341">
        <v>12</v>
      </c>
      <c r="R5341">
        <v>12</v>
      </c>
      <c r="S5341">
        <v>12</v>
      </c>
      <c r="T5341">
        <v>12</v>
      </c>
      <c r="U5341">
        <v>12</v>
      </c>
      <c r="V5341">
        <v>12</v>
      </c>
      <c r="W5341">
        <v>12</v>
      </c>
      <c r="X5341">
        <v>12</v>
      </c>
      <c r="Y5341">
        <v>12</v>
      </c>
      <c r="Z5341">
        <v>12</v>
      </c>
      <c r="AA5341">
        <v>12</v>
      </c>
      <c r="AB5341">
        <v>12</v>
      </c>
      <c r="AC5341">
        <v>13</v>
      </c>
      <c r="AD5341">
        <v>13</v>
      </c>
      <c r="AE5341">
        <v>13</v>
      </c>
      <c r="AF5341">
        <v>13</v>
      </c>
      <c r="AG5341">
        <v>13</v>
      </c>
      <c r="AH5341">
        <v>13</v>
      </c>
      <c r="AI5341">
        <v>13</v>
      </c>
      <c r="AJ5341">
        <v>13</v>
      </c>
      <c r="AK5341">
        <v>13</v>
      </c>
      <c r="AL5341">
        <v>13</v>
      </c>
      <c r="AM5341">
        <v>12</v>
      </c>
      <c r="AN5341">
        <v>12</v>
      </c>
      <c r="AO5341">
        <v>12</v>
      </c>
      <c r="AP5341">
        <v>12</v>
      </c>
      <c r="AQ5341">
        <v>12</v>
      </c>
    </row>
    <row r="5342" spans="1:43">
      <c r="A5342" t="s">
        <v>3340</v>
      </c>
      <c r="B5342" t="s">
        <v>3341</v>
      </c>
      <c r="C5342" t="s">
        <v>3104</v>
      </c>
      <c r="D5342" t="s">
        <v>3105</v>
      </c>
      <c r="E5342" t="s">
        <v>2928</v>
      </c>
      <c r="F5342" t="s">
        <v>2929</v>
      </c>
      <c r="G5342" t="s">
        <v>80</v>
      </c>
      <c r="H5342" t="s">
        <v>81</v>
      </c>
      <c r="I5342" s="2">
        <v>1</v>
      </c>
      <c r="J5342" s="2">
        <v>0</v>
      </c>
      <c r="K5342" s="2">
        <v>0</v>
      </c>
      <c r="L5342" t="s">
        <v>120</v>
      </c>
      <c r="M5342" t="s">
        <v>83</v>
      </c>
      <c r="N5342" t="s">
        <v>84</v>
      </c>
      <c r="O5342" t="s">
        <v>85</v>
      </c>
      <c r="P5342" t="s">
        <v>86</v>
      </c>
      <c r="Q5342">
        <v>39</v>
      </c>
      <c r="R5342">
        <v>39</v>
      </c>
      <c r="S5342">
        <v>39</v>
      </c>
      <c r="T5342">
        <v>39</v>
      </c>
      <c r="U5342">
        <v>39</v>
      </c>
      <c r="V5342">
        <v>39</v>
      </c>
      <c r="W5342">
        <v>39</v>
      </c>
      <c r="X5342">
        <v>40</v>
      </c>
      <c r="Y5342">
        <v>40</v>
      </c>
      <c r="Z5342">
        <v>40</v>
      </c>
      <c r="AA5342">
        <v>40</v>
      </c>
      <c r="AB5342">
        <v>40</v>
      </c>
      <c r="AC5342">
        <v>40</v>
      </c>
      <c r="AD5342">
        <v>40</v>
      </c>
      <c r="AE5342">
        <v>40</v>
      </c>
      <c r="AF5342">
        <v>40</v>
      </c>
      <c r="AG5342">
        <v>40</v>
      </c>
      <c r="AH5342">
        <v>40</v>
      </c>
      <c r="AI5342">
        <v>40</v>
      </c>
      <c r="AJ5342">
        <v>40</v>
      </c>
      <c r="AK5342">
        <v>40</v>
      </c>
      <c r="AL5342">
        <v>40</v>
      </c>
      <c r="AM5342">
        <v>40</v>
      </c>
      <c r="AN5342">
        <v>39</v>
      </c>
      <c r="AO5342">
        <v>39</v>
      </c>
      <c r="AP5342">
        <v>38</v>
      </c>
      <c r="AQ5342">
        <v>38</v>
      </c>
    </row>
    <row r="5343" spans="1:43">
      <c r="A5343" t="s">
        <v>3340</v>
      </c>
      <c r="B5343" t="s">
        <v>3341</v>
      </c>
      <c r="C5343" t="s">
        <v>3104</v>
      </c>
      <c r="D5343" t="s">
        <v>3105</v>
      </c>
      <c r="E5343" t="s">
        <v>2928</v>
      </c>
      <c r="F5343" t="s">
        <v>2929</v>
      </c>
      <c r="G5343" t="s">
        <v>80</v>
      </c>
      <c r="H5343" t="s">
        <v>81</v>
      </c>
      <c r="I5343" s="2">
        <v>1</v>
      </c>
      <c r="J5343" s="2">
        <v>0</v>
      </c>
      <c r="K5343" s="2">
        <v>0</v>
      </c>
      <c r="L5343" t="s">
        <v>120</v>
      </c>
      <c r="M5343" t="s">
        <v>87</v>
      </c>
      <c r="N5343" t="s">
        <v>88</v>
      </c>
      <c r="O5343" t="s">
        <v>85</v>
      </c>
      <c r="P5343" t="s">
        <v>86</v>
      </c>
      <c r="Q5343">
        <v>39</v>
      </c>
      <c r="R5343">
        <v>39</v>
      </c>
      <c r="S5343">
        <v>39</v>
      </c>
      <c r="T5343">
        <v>39</v>
      </c>
      <c r="U5343">
        <v>38</v>
      </c>
      <c r="V5343">
        <v>38</v>
      </c>
      <c r="W5343">
        <v>38</v>
      </c>
      <c r="X5343">
        <v>38</v>
      </c>
      <c r="Y5343">
        <v>38</v>
      </c>
      <c r="Z5343">
        <v>37</v>
      </c>
      <c r="AA5343">
        <v>37</v>
      </c>
      <c r="AB5343">
        <v>37</v>
      </c>
      <c r="AC5343">
        <v>37</v>
      </c>
      <c r="AD5343">
        <v>37</v>
      </c>
      <c r="AE5343">
        <v>37</v>
      </c>
      <c r="AF5343">
        <v>36</v>
      </c>
      <c r="AG5343">
        <v>36</v>
      </c>
      <c r="AH5343">
        <v>36</v>
      </c>
      <c r="AI5343">
        <v>36</v>
      </c>
      <c r="AJ5343">
        <v>36</v>
      </c>
      <c r="AK5343">
        <v>35</v>
      </c>
      <c r="AL5343">
        <v>35</v>
      </c>
      <c r="AM5343">
        <v>35</v>
      </c>
      <c r="AN5343">
        <v>35</v>
      </c>
      <c r="AO5343">
        <v>35</v>
      </c>
      <c r="AP5343">
        <v>34</v>
      </c>
      <c r="AQ5343">
        <v>34</v>
      </c>
    </row>
    <row r="5344" spans="1:43">
      <c r="A5344" t="s">
        <v>3340</v>
      </c>
      <c r="B5344" t="s">
        <v>3341</v>
      </c>
      <c r="C5344" t="s">
        <v>3104</v>
      </c>
      <c r="D5344" t="s">
        <v>3105</v>
      </c>
      <c r="E5344" t="s">
        <v>2928</v>
      </c>
      <c r="F5344" t="s">
        <v>2929</v>
      </c>
      <c r="G5344" t="s">
        <v>80</v>
      </c>
      <c r="H5344" t="s">
        <v>81</v>
      </c>
      <c r="I5344" s="2">
        <v>1</v>
      </c>
      <c r="J5344" s="2">
        <v>0</v>
      </c>
      <c r="K5344" s="2">
        <v>0</v>
      </c>
      <c r="L5344" t="s">
        <v>120</v>
      </c>
      <c r="M5344" t="s">
        <v>89</v>
      </c>
      <c r="N5344" t="s">
        <v>90</v>
      </c>
      <c r="O5344" t="s">
        <v>85</v>
      </c>
      <c r="P5344" t="s">
        <v>86</v>
      </c>
      <c r="Q5344">
        <v>39</v>
      </c>
      <c r="R5344">
        <v>39</v>
      </c>
      <c r="S5344">
        <v>40</v>
      </c>
      <c r="T5344">
        <v>40</v>
      </c>
      <c r="U5344">
        <v>41</v>
      </c>
      <c r="V5344">
        <v>41</v>
      </c>
      <c r="W5344">
        <v>41</v>
      </c>
      <c r="X5344">
        <v>42</v>
      </c>
      <c r="Y5344">
        <v>42</v>
      </c>
      <c r="Z5344">
        <v>42</v>
      </c>
      <c r="AA5344">
        <v>42</v>
      </c>
      <c r="AB5344">
        <v>42</v>
      </c>
      <c r="AC5344">
        <v>43</v>
      </c>
      <c r="AD5344">
        <v>43</v>
      </c>
      <c r="AE5344">
        <v>43</v>
      </c>
      <c r="AF5344">
        <v>42</v>
      </c>
      <c r="AG5344">
        <v>42</v>
      </c>
      <c r="AH5344">
        <v>42</v>
      </c>
      <c r="AI5344">
        <v>41</v>
      </c>
      <c r="AJ5344">
        <v>41</v>
      </c>
      <c r="AK5344">
        <v>41</v>
      </c>
      <c r="AL5344">
        <v>40</v>
      </c>
      <c r="AM5344">
        <v>40</v>
      </c>
      <c r="AN5344">
        <v>39</v>
      </c>
      <c r="AO5344">
        <v>39</v>
      </c>
      <c r="AP5344">
        <v>39</v>
      </c>
      <c r="AQ5344">
        <v>38</v>
      </c>
    </row>
    <row r="5345" spans="1:43">
      <c r="A5345" t="s">
        <v>3340</v>
      </c>
      <c r="B5345" t="s">
        <v>3341</v>
      </c>
      <c r="C5345" t="s">
        <v>3104</v>
      </c>
      <c r="D5345" t="s">
        <v>3105</v>
      </c>
      <c r="E5345" t="s">
        <v>2928</v>
      </c>
      <c r="F5345" t="s">
        <v>2929</v>
      </c>
      <c r="G5345" t="s">
        <v>80</v>
      </c>
      <c r="H5345" t="s">
        <v>81</v>
      </c>
      <c r="I5345" s="2">
        <v>1</v>
      </c>
      <c r="J5345" s="2">
        <v>0</v>
      </c>
      <c r="K5345" s="2">
        <v>0</v>
      </c>
      <c r="L5345" t="s">
        <v>120</v>
      </c>
      <c r="M5345" t="s">
        <v>83</v>
      </c>
      <c r="N5345" t="s">
        <v>91</v>
      </c>
      <c r="O5345" t="s">
        <v>85</v>
      </c>
      <c r="P5345" t="s">
        <v>86</v>
      </c>
      <c r="Q5345">
        <v>39</v>
      </c>
      <c r="R5345">
        <v>39</v>
      </c>
      <c r="S5345">
        <v>39</v>
      </c>
      <c r="T5345">
        <v>39</v>
      </c>
      <c r="U5345">
        <v>39</v>
      </c>
      <c r="V5345">
        <v>39</v>
      </c>
      <c r="W5345">
        <v>39</v>
      </c>
      <c r="X5345">
        <v>40</v>
      </c>
      <c r="Y5345">
        <v>40</v>
      </c>
      <c r="Z5345">
        <v>40</v>
      </c>
      <c r="AA5345">
        <v>40</v>
      </c>
      <c r="AB5345">
        <v>40</v>
      </c>
      <c r="AC5345">
        <v>40</v>
      </c>
      <c r="AD5345">
        <v>40</v>
      </c>
      <c r="AE5345">
        <v>40</v>
      </c>
      <c r="AF5345">
        <v>40</v>
      </c>
      <c r="AG5345">
        <v>40</v>
      </c>
      <c r="AH5345">
        <v>40</v>
      </c>
      <c r="AI5345">
        <v>40</v>
      </c>
      <c r="AJ5345">
        <v>40</v>
      </c>
      <c r="AK5345">
        <v>40</v>
      </c>
      <c r="AL5345">
        <v>40</v>
      </c>
      <c r="AM5345">
        <v>40</v>
      </c>
      <c r="AN5345">
        <v>39</v>
      </c>
      <c r="AO5345">
        <v>39</v>
      </c>
      <c r="AP5345">
        <v>38</v>
      </c>
      <c r="AQ5345">
        <v>38</v>
      </c>
    </row>
    <row r="5346" spans="1:43">
      <c r="A5346" t="s">
        <v>3342</v>
      </c>
      <c r="B5346" t="s">
        <v>3343</v>
      </c>
      <c r="C5346" t="s">
        <v>3104</v>
      </c>
      <c r="D5346" t="s">
        <v>3105</v>
      </c>
      <c r="E5346" t="s">
        <v>2928</v>
      </c>
      <c r="F5346" t="s">
        <v>2929</v>
      </c>
      <c r="G5346" t="s">
        <v>80</v>
      </c>
      <c r="H5346" t="s">
        <v>81</v>
      </c>
      <c r="I5346" s="2">
        <v>1</v>
      </c>
      <c r="J5346" s="2">
        <v>0</v>
      </c>
      <c r="K5346" s="2">
        <v>0</v>
      </c>
      <c r="L5346" t="s">
        <v>120</v>
      </c>
      <c r="M5346" t="s">
        <v>83</v>
      </c>
      <c r="N5346" t="s">
        <v>84</v>
      </c>
      <c r="O5346" t="s">
        <v>85</v>
      </c>
      <c r="P5346" t="s">
        <v>86</v>
      </c>
      <c r="Q5346">
        <v>18</v>
      </c>
      <c r="R5346">
        <v>18</v>
      </c>
      <c r="S5346">
        <v>18</v>
      </c>
      <c r="T5346">
        <v>18</v>
      </c>
      <c r="U5346">
        <v>18</v>
      </c>
      <c r="V5346">
        <v>18</v>
      </c>
      <c r="W5346">
        <v>18</v>
      </c>
      <c r="X5346">
        <v>18</v>
      </c>
      <c r="Y5346">
        <v>18</v>
      </c>
      <c r="Z5346">
        <v>18</v>
      </c>
      <c r="AA5346">
        <v>18</v>
      </c>
      <c r="AB5346">
        <v>18</v>
      </c>
      <c r="AC5346">
        <v>18</v>
      </c>
      <c r="AD5346">
        <v>18</v>
      </c>
      <c r="AE5346">
        <v>18</v>
      </c>
      <c r="AF5346">
        <v>19</v>
      </c>
      <c r="AG5346">
        <v>19</v>
      </c>
      <c r="AH5346">
        <v>19</v>
      </c>
      <c r="AI5346">
        <v>19</v>
      </c>
      <c r="AJ5346">
        <v>19</v>
      </c>
      <c r="AK5346">
        <v>19</v>
      </c>
      <c r="AL5346">
        <v>19</v>
      </c>
      <c r="AM5346">
        <v>18</v>
      </c>
      <c r="AN5346">
        <v>18</v>
      </c>
      <c r="AO5346">
        <v>18</v>
      </c>
      <c r="AP5346">
        <v>18</v>
      </c>
      <c r="AQ5346">
        <v>18</v>
      </c>
    </row>
    <row r="5347" spans="1:43">
      <c r="A5347" t="s">
        <v>3342</v>
      </c>
      <c r="B5347" t="s">
        <v>3343</v>
      </c>
      <c r="C5347" t="s">
        <v>3104</v>
      </c>
      <c r="D5347" t="s">
        <v>3105</v>
      </c>
      <c r="E5347" t="s">
        <v>2928</v>
      </c>
      <c r="F5347" t="s">
        <v>2929</v>
      </c>
      <c r="G5347" t="s">
        <v>80</v>
      </c>
      <c r="H5347" t="s">
        <v>81</v>
      </c>
      <c r="I5347" s="2">
        <v>1</v>
      </c>
      <c r="J5347" s="2">
        <v>0</v>
      </c>
      <c r="K5347" s="2">
        <v>0</v>
      </c>
      <c r="L5347" t="s">
        <v>120</v>
      </c>
      <c r="M5347" t="s">
        <v>87</v>
      </c>
      <c r="N5347" t="s">
        <v>88</v>
      </c>
      <c r="O5347" t="s">
        <v>85</v>
      </c>
      <c r="P5347" t="s">
        <v>86</v>
      </c>
      <c r="Q5347">
        <v>18</v>
      </c>
      <c r="R5347">
        <v>17</v>
      </c>
      <c r="S5347">
        <v>17</v>
      </c>
      <c r="T5347">
        <v>17</v>
      </c>
      <c r="U5347">
        <v>17</v>
      </c>
      <c r="V5347">
        <v>17</v>
      </c>
      <c r="W5347">
        <v>17</v>
      </c>
      <c r="X5347">
        <v>17</v>
      </c>
      <c r="Y5347">
        <v>17</v>
      </c>
      <c r="Z5347">
        <v>17</v>
      </c>
      <c r="AA5347">
        <v>17</v>
      </c>
      <c r="AB5347">
        <v>17</v>
      </c>
      <c r="AC5347">
        <v>17</v>
      </c>
      <c r="AD5347">
        <v>16</v>
      </c>
      <c r="AE5347">
        <v>16</v>
      </c>
      <c r="AF5347">
        <v>16</v>
      </c>
      <c r="AG5347">
        <v>16</v>
      </c>
      <c r="AH5347">
        <v>16</v>
      </c>
      <c r="AI5347">
        <v>16</v>
      </c>
      <c r="AJ5347">
        <v>16</v>
      </c>
      <c r="AK5347">
        <v>16</v>
      </c>
      <c r="AL5347">
        <v>16</v>
      </c>
      <c r="AM5347">
        <v>16</v>
      </c>
      <c r="AN5347">
        <v>16</v>
      </c>
      <c r="AO5347">
        <v>16</v>
      </c>
      <c r="AP5347">
        <v>16</v>
      </c>
      <c r="AQ5347">
        <v>16</v>
      </c>
    </row>
    <row r="5348" spans="1:43">
      <c r="A5348" t="s">
        <v>3342</v>
      </c>
      <c r="B5348" t="s">
        <v>3343</v>
      </c>
      <c r="C5348" t="s">
        <v>3104</v>
      </c>
      <c r="D5348" t="s">
        <v>3105</v>
      </c>
      <c r="E5348" t="s">
        <v>2928</v>
      </c>
      <c r="F5348" t="s">
        <v>2929</v>
      </c>
      <c r="G5348" t="s">
        <v>80</v>
      </c>
      <c r="H5348" t="s">
        <v>81</v>
      </c>
      <c r="I5348" s="2">
        <v>1</v>
      </c>
      <c r="J5348" s="2">
        <v>0</v>
      </c>
      <c r="K5348" s="2">
        <v>0</v>
      </c>
      <c r="L5348" t="s">
        <v>120</v>
      </c>
      <c r="M5348" t="s">
        <v>89</v>
      </c>
      <c r="N5348" t="s">
        <v>90</v>
      </c>
      <c r="O5348" t="s">
        <v>85</v>
      </c>
      <c r="P5348" t="s">
        <v>86</v>
      </c>
      <c r="Q5348">
        <v>18</v>
      </c>
      <c r="R5348">
        <v>18</v>
      </c>
      <c r="S5348">
        <v>18</v>
      </c>
      <c r="T5348">
        <v>18</v>
      </c>
      <c r="U5348">
        <v>19</v>
      </c>
      <c r="V5348">
        <v>19</v>
      </c>
      <c r="W5348">
        <v>19</v>
      </c>
      <c r="X5348">
        <v>19</v>
      </c>
      <c r="Y5348">
        <v>19</v>
      </c>
      <c r="Z5348">
        <v>19</v>
      </c>
      <c r="AA5348">
        <v>20</v>
      </c>
      <c r="AB5348">
        <v>20</v>
      </c>
      <c r="AC5348">
        <v>20</v>
      </c>
      <c r="AD5348">
        <v>20</v>
      </c>
      <c r="AE5348">
        <v>20</v>
      </c>
      <c r="AF5348">
        <v>20</v>
      </c>
      <c r="AG5348">
        <v>20</v>
      </c>
      <c r="AH5348">
        <v>19</v>
      </c>
      <c r="AI5348">
        <v>19</v>
      </c>
      <c r="AJ5348">
        <v>19</v>
      </c>
      <c r="AK5348">
        <v>19</v>
      </c>
      <c r="AL5348">
        <v>19</v>
      </c>
      <c r="AM5348">
        <v>19</v>
      </c>
      <c r="AN5348">
        <v>19</v>
      </c>
      <c r="AO5348">
        <v>18</v>
      </c>
      <c r="AP5348">
        <v>18</v>
      </c>
      <c r="AQ5348">
        <v>18</v>
      </c>
    </row>
    <row r="5349" spans="1:43">
      <c r="A5349" t="s">
        <v>3342</v>
      </c>
      <c r="B5349" t="s">
        <v>3343</v>
      </c>
      <c r="C5349" t="s">
        <v>3104</v>
      </c>
      <c r="D5349" t="s">
        <v>3105</v>
      </c>
      <c r="E5349" t="s">
        <v>2928</v>
      </c>
      <c r="F5349" t="s">
        <v>2929</v>
      </c>
      <c r="G5349" t="s">
        <v>80</v>
      </c>
      <c r="H5349" t="s">
        <v>81</v>
      </c>
      <c r="I5349" s="2">
        <v>1</v>
      </c>
      <c r="J5349" s="2">
        <v>0</v>
      </c>
      <c r="K5349" s="2">
        <v>0</v>
      </c>
      <c r="L5349" t="s">
        <v>120</v>
      </c>
      <c r="M5349" t="s">
        <v>83</v>
      </c>
      <c r="N5349" t="s">
        <v>91</v>
      </c>
      <c r="O5349" t="s">
        <v>85</v>
      </c>
      <c r="P5349" t="s">
        <v>86</v>
      </c>
      <c r="Q5349">
        <v>18</v>
      </c>
      <c r="R5349">
        <v>18</v>
      </c>
      <c r="S5349">
        <v>18</v>
      </c>
      <c r="T5349">
        <v>18</v>
      </c>
      <c r="U5349">
        <v>18</v>
      </c>
      <c r="V5349">
        <v>18</v>
      </c>
      <c r="W5349">
        <v>18</v>
      </c>
      <c r="X5349">
        <v>18</v>
      </c>
      <c r="Y5349">
        <v>18</v>
      </c>
      <c r="Z5349">
        <v>18</v>
      </c>
      <c r="AA5349">
        <v>18</v>
      </c>
      <c r="AB5349">
        <v>18</v>
      </c>
      <c r="AC5349">
        <v>18</v>
      </c>
      <c r="AD5349">
        <v>18</v>
      </c>
      <c r="AE5349">
        <v>18</v>
      </c>
      <c r="AF5349">
        <v>19</v>
      </c>
      <c r="AG5349">
        <v>19</v>
      </c>
      <c r="AH5349">
        <v>19</v>
      </c>
      <c r="AI5349">
        <v>19</v>
      </c>
      <c r="AJ5349">
        <v>19</v>
      </c>
      <c r="AK5349">
        <v>19</v>
      </c>
      <c r="AL5349">
        <v>19</v>
      </c>
      <c r="AM5349">
        <v>18</v>
      </c>
      <c r="AN5349">
        <v>18</v>
      </c>
      <c r="AO5349">
        <v>18</v>
      </c>
      <c r="AP5349">
        <v>18</v>
      </c>
      <c r="AQ5349">
        <v>18</v>
      </c>
    </row>
    <row r="5350" spans="1:43">
      <c r="A5350" t="s">
        <v>3344</v>
      </c>
      <c r="B5350" t="s">
        <v>3345</v>
      </c>
      <c r="C5350" t="s">
        <v>3104</v>
      </c>
      <c r="D5350" t="s">
        <v>3105</v>
      </c>
      <c r="E5350" t="s">
        <v>2928</v>
      </c>
      <c r="F5350" t="s">
        <v>2929</v>
      </c>
      <c r="G5350" t="s">
        <v>80</v>
      </c>
      <c r="H5350" t="s">
        <v>81</v>
      </c>
      <c r="I5350" s="2">
        <v>1</v>
      </c>
      <c r="J5350" s="2">
        <v>0</v>
      </c>
      <c r="K5350" s="2">
        <v>0</v>
      </c>
      <c r="L5350" t="s">
        <v>120</v>
      </c>
      <c r="M5350" t="s">
        <v>83</v>
      </c>
      <c r="N5350" t="s">
        <v>84</v>
      </c>
      <c r="O5350" t="s">
        <v>85</v>
      </c>
      <c r="P5350" t="s">
        <v>86</v>
      </c>
      <c r="Q5350">
        <v>39</v>
      </c>
      <c r="R5350">
        <v>39</v>
      </c>
      <c r="S5350">
        <v>40</v>
      </c>
      <c r="T5350">
        <v>40</v>
      </c>
      <c r="U5350">
        <v>40</v>
      </c>
      <c r="V5350">
        <v>40</v>
      </c>
      <c r="W5350">
        <v>40</v>
      </c>
      <c r="X5350">
        <v>40</v>
      </c>
      <c r="Y5350">
        <v>41</v>
      </c>
      <c r="Z5350">
        <v>41</v>
      </c>
      <c r="AA5350">
        <v>41</v>
      </c>
      <c r="AB5350">
        <v>41</v>
      </c>
      <c r="AC5350">
        <v>41</v>
      </c>
      <c r="AD5350">
        <v>41</v>
      </c>
      <c r="AE5350">
        <v>41</v>
      </c>
      <c r="AF5350">
        <v>41</v>
      </c>
      <c r="AG5350">
        <v>41</v>
      </c>
      <c r="AH5350">
        <v>41</v>
      </c>
      <c r="AI5350">
        <v>41</v>
      </c>
      <c r="AJ5350">
        <v>41</v>
      </c>
      <c r="AK5350">
        <v>41</v>
      </c>
      <c r="AL5350">
        <v>41</v>
      </c>
      <c r="AM5350">
        <v>41</v>
      </c>
      <c r="AN5350">
        <v>41</v>
      </c>
      <c r="AO5350">
        <v>40</v>
      </c>
      <c r="AP5350">
        <v>40</v>
      </c>
      <c r="AQ5350">
        <v>40</v>
      </c>
    </row>
    <row r="5351" spans="1:43">
      <c r="A5351" t="s">
        <v>3344</v>
      </c>
      <c r="B5351" t="s">
        <v>3345</v>
      </c>
      <c r="C5351" t="s">
        <v>3104</v>
      </c>
      <c r="D5351" t="s">
        <v>3105</v>
      </c>
      <c r="E5351" t="s">
        <v>2928</v>
      </c>
      <c r="F5351" t="s">
        <v>2929</v>
      </c>
      <c r="G5351" t="s">
        <v>80</v>
      </c>
      <c r="H5351" t="s">
        <v>81</v>
      </c>
      <c r="I5351" s="2">
        <v>1</v>
      </c>
      <c r="J5351" s="2">
        <v>0</v>
      </c>
      <c r="K5351" s="2">
        <v>0</v>
      </c>
      <c r="L5351" t="s">
        <v>120</v>
      </c>
      <c r="M5351" t="s">
        <v>87</v>
      </c>
      <c r="N5351" t="s">
        <v>88</v>
      </c>
      <c r="O5351" t="s">
        <v>85</v>
      </c>
      <c r="P5351" t="s">
        <v>86</v>
      </c>
      <c r="Q5351">
        <v>39</v>
      </c>
      <c r="R5351">
        <v>39</v>
      </c>
      <c r="S5351">
        <v>39</v>
      </c>
      <c r="T5351">
        <v>38</v>
      </c>
      <c r="U5351">
        <v>38</v>
      </c>
      <c r="V5351">
        <v>38</v>
      </c>
      <c r="W5351">
        <v>38</v>
      </c>
      <c r="X5351">
        <v>38</v>
      </c>
      <c r="Y5351">
        <v>37</v>
      </c>
      <c r="Z5351">
        <v>37</v>
      </c>
      <c r="AA5351">
        <v>37</v>
      </c>
      <c r="AB5351">
        <v>37</v>
      </c>
      <c r="AC5351">
        <v>37</v>
      </c>
      <c r="AD5351">
        <v>37</v>
      </c>
      <c r="AE5351">
        <v>36</v>
      </c>
      <c r="AF5351">
        <v>36</v>
      </c>
      <c r="AG5351">
        <v>36</v>
      </c>
      <c r="AH5351">
        <v>36</v>
      </c>
      <c r="AI5351">
        <v>36</v>
      </c>
      <c r="AJ5351">
        <v>36</v>
      </c>
      <c r="AK5351">
        <v>35</v>
      </c>
      <c r="AL5351">
        <v>35</v>
      </c>
      <c r="AM5351">
        <v>35</v>
      </c>
      <c r="AN5351">
        <v>35</v>
      </c>
      <c r="AO5351">
        <v>35</v>
      </c>
      <c r="AP5351">
        <v>35</v>
      </c>
      <c r="AQ5351">
        <v>34</v>
      </c>
    </row>
    <row r="5352" spans="1:43">
      <c r="A5352" t="s">
        <v>3344</v>
      </c>
      <c r="B5352" t="s">
        <v>3345</v>
      </c>
      <c r="C5352" t="s">
        <v>3104</v>
      </c>
      <c r="D5352" t="s">
        <v>3105</v>
      </c>
      <c r="E5352" t="s">
        <v>2928</v>
      </c>
      <c r="F5352" t="s">
        <v>2929</v>
      </c>
      <c r="G5352" t="s">
        <v>80</v>
      </c>
      <c r="H5352" t="s">
        <v>81</v>
      </c>
      <c r="I5352" s="2">
        <v>1</v>
      </c>
      <c r="J5352" s="2">
        <v>0</v>
      </c>
      <c r="K5352" s="2">
        <v>0</v>
      </c>
      <c r="L5352" t="s">
        <v>120</v>
      </c>
      <c r="M5352" t="s">
        <v>89</v>
      </c>
      <c r="N5352" t="s">
        <v>90</v>
      </c>
      <c r="O5352" t="s">
        <v>85</v>
      </c>
      <c r="P5352" t="s">
        <v>86</v>
      </c>
      <c r="Q5352">
        <v>39</v>
      </c>
      <c r="R5352">
        <v>39</v>
      </c>
      <c r="S5352">
        <v>40</v>
      </c>
      <c r="T5352">
        <v>40</v>
      </c>
      <c r="U5352">
        <v>41</v>
      </c>
      <c r="V5352">
        <v>41</v>
      </c>
      <c r="W5352">
        <v>41</v>
      </c>
      <c r="X5352">
        <v>42</v>
      </c>
      <c r="Y5352">
        <v>42</v>
      </c>
      <c r="Z5352">
        <v>42</v>
      </c>
      <c r="AA5352">
        <v>42</v>
      </c>
      <c r="AB5352">
        <v>43</v>
      </c>
      <c r="AC5352">
        <v>43</v>
      </c>
      <c r="AD5352">
        <v>43</v>
      </c>
      <c r="AE5352">
        <v>43</v>
      </c>
      <c r="AF5352">
        <v>43</v>
      </c>
      <c r="AG5352">
        <v>42</v>
      </c>
      <c r="AH5352">
        <v>42</v>
      </c>
      <c r="AI5352">
        <v>42</v>
      </c>
      <c r="AJ5352">
        <v>41</v>
      </c>
      <c r="AK5352">
        <v>41</v>
      </c>
      <c r="AL5352">
        <v>41</v>
      </c>
      <c r="AM5352">
        <v>40</v>
      </c>
      <c r="AN5352">
        <v>40</v>
      </c>
      <c r="AO5352">
        <v>40</v>
      </c>
      <c r="AP5352">
        <v>39</v>
      </c>
      <c r="AQ5352">
        <v>39</v>
      </c>
    </row>
    <row r="5353" spans="1:43">
      <c r="A5353" t="s">
        <v>3344</v>
      </c>
      <c r="B5353" t="s">
        <v>3345</v>
      </c>
      <c r="C5353" t="s">
        <v>3104</v>
      </c>
      <c r="D5353" t="s">
        <v>3105</v>
      </c>
      <c r="E5353" t="s">
        <v>2928</v>
      </c>
      <c r="F5353" t="s">
        <v>2929</v>
      </c>
      <c r="G5353" t="s">
        <v>80</v>
      </c>
      <c r="H5353" t="s">
        <v>81</v>
      </c>
      <c r="I5353" s="2">
        <v>1</v>
      </c>
      <c r="J5353" s="2">
        <v>0</v>
      </c>
      <c r="K5353" s="2">
        <v>0</v>
      </c>
      <c r="L5353" t="s">
        <v>120</v>
      </c>
      <c r="M5353" t="s">
        <v>83</v>
      </c>
      <c r="N5353" t="s">
        <v>91</v>
      </c>
      <c r="O5353" t="s">
        <v>85</v>
      </c>
      <c r="P5353" t="s">
        <v>86</v>
      </c>
      <c r="Q5353">
        <v>39</v>
      </c>
      <c r="R5353">
        <v>39</v>
      </c>
      <c r="S5353">
        <v>40</v>
      </c>
      <c r="T5353">
        <v>40</v>
      </c>
      <c r="U5353">
        <v>40</v>
      </c>
      <c r="V5353">
        <v>40</v>
      </c>
      <c r="W5353">
        <v>40</v>
      </c>
      <c r="X5353">
        <v>40</v>
      </c>
      <c r="Y5353">
        <v>41</v>
      </c>
      <c r="Z5353">
        <v>41</v>
      </c>
      <c r="AA5353">
        <v>41</v>
      </c>
      <c r="AB5353">
        <v>41</v>
      </c>
      <c r="AC5353">
        <v>41</v>
      </c>
      <c r="AD5353">
        <v>41</v>
      </c>
      <c r="AE5353">
        <v>41</v>
      </c>
      <c r="AF5353">
        <v>41</v>
      </c>
      <c r="AG5353">
        <v>41</v>
      </c>
      <c r="AH5353">
        <v>41</v>
      </c>
      <c r="AI5353">
        <v>41</v>
      </c>
      <c r="AJ5353">
        <v>41</v>
      </c>
      <c r="AK5353">
        <v>41</v>
      </c>
      <c r="AL5353">
        <v>41</v>
      </c>
      <c r="AM5353">
        <v>41</v>
      </c>
      <c r="AN5353">
        <v>41</v>
      </c>
      <c r="AO5353">
        <v>40</v>
      </c>
      <c r="AP5353">
        <v>40</v>
      </c>
      <c r="AQ5353">
        <v>40</v>
      </c>
    </row>
    <row r="5354" spans="1:43">
      <c r="A5354" t="s">
        <v>3346</v>
      </c>
      <c r="B5354" t="s">
        <v>3347</v>
      </c>
      <c r="C5354" t="s">
        <v>2966</v>
      </c>
      <c r="D5354" t="s">
        <v>2967</v>
      </c>
      <c r="E5354" t="s">
        <v>2928</v>
      </c>
      <c r="F5354" t="s">
        <v>2929</v>
      </c>
      <c r="G5354" t="s">
        <v>80</v>
      </c>
      <c r="H5354" t="s">
        <v>81</v>
      </c>
      <c r="I5354" s="2">
        <v>1</v>
      </c>
      <c r="J5354" s="2">
        <v>0</v>
      </c>
      <c r="K5354" s="2">
        <v>0</v>
      </c>
      <c r="L5354" t="s">
        <v>120</v>
      </c>
      <c r="M5354" t="s">
        <v>83</v>
      </c>
      <c r="N5354" t="s">
        <v>84</v>
      </c>
      <c r="O5354" t="s">
        <v>85</v>
      </c>
      <c r="P5354" t="s">
        <v>86</v>
      </c>
      <c r="Q5354">
        <v>53</v>
      </c>
      <c r="R5354">
        <v>53</v>
      </c>
      <c r="S5354">
        <v>53</v>
      </c>
      <c r="T5354">
        <v>53</v>
      </c>
      <c r="U5354">
        <v>54</v>
      </c>
      <c r="V5354">
        <v>54</v>
      </c>
      <c r="W5354">
        <v>54</v>
      </c>
      <c r="X5354">
        <v>54</v>
      </c>
      <c r="Y5354">
        <v>54</v>
      </c>
      <c r="Z5354">
        <v>54</v>
      </c>
      <c r="AA5354">
        <v>55</v>
      </c>
      <c r="AB5354">
        <v>55</v>
      </c>
      <c r="AC5354">
        <v>55</v>
      </c>
      <c r="AD5354">
        <v>55</v>
      </c>
      <c r="AE5354">
        <v>55</v>
      </c>
      <c r="AF5354">
        <v>55</v>
      </c>
      <c r="AG5354">
        <v>55</v>
      </c>
      <c r="AH5354">
        <v>55</v>
      </c>
      <c r="AI5354">
        <v>56</v>
      </c>
      <c r="AJ5354">
        <v>56</v>
      </c>
      <c r="AK5354">
        <v>56</v>
      </c>
      <c r="AL5354">
        <v>56</v>
      </c>
      <c r="AM5354">
        <v>55</v>
      </c>
      <c r="AN5354">
        <v>55</v>
      </c>
      <c r="AO5354">
        <v>54</v>
      </c>
      <c r="AP5354">
        <v>54</v>
      </c>
      <c r="AQ5354">
        <v>54</v>
      </c>
    </row>
    <row r="5355" spans="1:43">
      <c r="A5355" t="s">
        <v>3346</v>
      </c>
      <c r="B5355" t="s">
        <v>3347</v>
      </c>
      <c r="C5355" t="s">
        <v>2966</v>
      </c>
      <c r="D5355" t="s">
        <v>2967</v>
      </c>
      <c r="E5355" t="s">
        <v>2928</v>
      </c>
      <c r="F5355" t="s">
        <v>2929</v>
      </c>
      <c r="G5355" t="s">
        <v>80</v>
      </c>
      <c r="H5355" t="s">
        <v>81</v>
      </c>
      <c r="I5355" s="2">
        <v>1</v>
      </c>
      <c r="J5355" s="2">
        <v>0</v>
      </c>
      <c r="K5355" s="2">
        <v>0</v>
      </c>
      <c r="L5355" t="s">
        <v>120</v>
      </c>
      <c r="M5355" t="s">
        <v>87</v>
      </c>
      <c r="N5355" t="s">
        <v>88</v>
      </c>
      <c r="O5355" t="s">
        <v>85</v>
      </c>
      <c r="P5355" t="s">
        <v>86</v>
      </c>
      <c r="Q5355">
        <v>53</v>
      </c>
      <c r="R5355">
        <v>53</v>
      </c>
      <c r="S5355">
        <v>53</v>
      </c>
      <c r="T5355">
        <v>52</v>
      </c>
      <c r="U5355">
        <v>52</v>
      </c>
      <c r="V5355">
        <v>52</v>
      </c>
      <c r="W5355">
        <v>52</v>
      </c>
      <c r="X5355">
        <v>51</v>
      </c>
      <c r="Y5355">
        <v>51</v>
      </c>
      <c r="Z5355">
        <v>51</v>
      </c>
      <c r="AA5355">
        <v>51</v>
      </c>
      <c r="AB5355">
        <v>51</v>
      </c>
      <c r="AC5355">
        <v>50</v>
      </c>
      <c r="AD5355">
        <v>50</v>
      </c>
      <c r="AE5355">
        <v>50</v>
      </c>
      <c r="AF5355">
        <v>50</v>
      </c>
      <c r="AG5355">
        <v>49</v>
      </c>
      <c r="AH5355">
        <v>49</v>
      </c>
      <c r="AI5355">
        <v>49</v>
      </c>
      <c r="AJ5355">
        <v>49</v>
      </c>
      <c r="AK5355">
        <v>49</v>
      </c>
      <c r="AL5355">
        <v>48</v>
      </c>
      <c r="AM5355">
        <v>48</v>
      </c>
      <c r="AN5355">
        <v>48</v>
      </c>
      <c r="AO5355">
        <v>48</v>
      </c>
      <c r="AP5355">
        <v>48</v>
      </c>
      <c r="AQ5355">
        <v>47</v>
      </c>
    </row>
    <row r="5356" spans="1:43">
      <c r="A5356" t="s">
        <v>3346</v>
      </c>
      <c r="B5356" t="s">
        <v>3347</v>
      </c>
      <c r="C5356" t="s">
        <v>2966</v>
      </c>
      <c r="D5356" t="s">
        <v>2967</v>
      </c>
      <c r="E5356" t="s">
        <v>2928</v>
      </c>
      <c r="F5356" t="s">
        <v>2929</v>
      </c>
      <c r="G5356" t="s">
        <v>80</v>
      </c>
      <c r="H5356" t="s">
        <v>81</v>
      </c>
      <c r="I5356" s="2">
        <v>1</v>
      </c>
      <c r="J5356" s="2">
        <v>0</v>
      </c>
      <c r="K5356" s="2">
        <v>0</v>
      </c>
      <c r="L5356" t="s">
        <v>120</v>
      </c>
      <c r="M5356" t="s">
        <v>89</v>
      </c>
      <c r="N5356" t="s">
        <v>90</v>
      </c>
      <c r="O5356" t="s">
        <v>85</v>
      </c>
      <c r="P5356" t="s">
        <v>86</v>
      </c>
      <c r="Q5356">
        <v>53</v>
      </c>
      <c r="R5356">
        <v>54</v>
      </c>
      <c r="S5356">
        <v>54</v>
      </c>
      <c r="T5356">
        <v>55</v>
      </c>
      <c r="U5356">
        <v>56</v>
      </c>
      <c r="V5356">
        <v>56</v>
      </c>
      <c r="W5356">
        <v>57</v>
      </c>
      <c r="X5356">
        <v>57</v>
      </c>
      <c r="Y5356">
        <v>57</v>
      </c>
      <c r="Z5356">
        <v>58</v>
      </c>
      <c r="AA5356">
        <v>58</v>
      </c>
      <c r="AB5356">
        <v>58</v>
      </c>
      <c r="AC5356">
        <v>59</v>
      </c>
      <c r="AD5356">
        <v>59</v>
      </c>
      <c r="AE5356">
        <v>59</v>
      </c>
      <c r="AF5356">
        <v>59</v>
      </c>
      <c r="AG5356">
        <v>58</v>
      </c>
      <c r="AH5356">
        <v>58</v>
      </c>
      <c r="AI5356">
        <v>58</v>
      </c>
      <c r="AJ5356">
        <v>57</v>
      </c>
      <c r="AK5356">
        <v>57</v>
      </c>
      <c r="AL5356">
        <v>56</v>
      </c>
      <c r="AM5356">
        <v>56</v>
      </c>
      <c r="AN5356">
        <v>56</v>
      </c>
      <c r="AO5356">
        <v>55</v>
      </c>
      <c r="AP5356">
        <v>55</v>
      </c>
      <c r="AQ5356">
        <v>54</v>
      </c>
    </row>
    <row r="5357" spans="1:43">
      <c r="A5357" t="s">
        <v>3346</v>
      </c>
      <c r="B5357" t="s">
        <v>3347</v>
      </c>
      <c r="C5357" t="s">
        <v>2966</v>
      </c>
      <c r="D5357" t="s">
        <v>2967</v>
      </c>
      <c r="E5357" t="s">
        <v>2928</v>
      </c>
      <c r="F5357" t="s">
        <v>2929</v>
      </c>
      <c r="G5357" t="s">
        <v>80</v>
      </c>
      <c r="H5357" t="s">
        <v>81</v>
      </c>
      <c r="I5357" s="2">
        <v>1</v>
      </c>
      <c r="J5357" s="2">
        <v>0</v>
      </c>
      <c r="K5357" s="2">
        <v>0</v>
      </c>
      <c r="L5357" t="s">
        <v>120</v>
      </c>
      <c r="M5357" t="s">
        <v>83</v>
      </c>
      <c r="N5357" t="s">
        <v>91</v>
      </c>
      <c r="O5357" t="s">
        <v>85</v>
      </c>
      <c r="P5357" t="s">
        <v>86</v>
      </c>
      <c r="Q5357">
        <v>53</v>
      </c>
      <c r="R5357">
        <v>53</v>
      </c>
      <c r="S5357">
        <v>53</v>
      </c>
      <c r="T5357">
        <v>53</v>
      </c>
      <c r="U5357">
        <v>54</v>
      </c>
      <c r="V5357">
        <v>54</v>
      </c>
      <c r="W5357">
        <v>54</v>
      </c>
      <c r="X5357">
        <v>54</v>
      </c>
      <c r="Y5357">
        <v>54</v>
      </c>
      <c r="Z5357">
        <v>54</v>
      </c>
      <c r="AA5357">
        <v>55</v>
      </c>
      <c r="AB5357">
        <v>55</v>
      </c>
      <c r="AC5357">
        <v>55</v>
      </c>
      <c r="AD5357">
        <v>55</v>
      </c>
      <c r="AE5357">
        <v>55</v>
      </c>
      <c r="AF5357">
        <v>55</v>
      </c>
      <c r="AG5357">
        <v>55</v>
      </c>
      <c r="AH5357">
        <v>55</v>
      </c>
      <c r="AI5357">
        <v>56</v>
      </c>
      <c r="AJ5357">
        <v>56</v>
      </c>
      <c r="AK5357">
        <v>56</v>
      </c>
      <c r="AL5357">
        <v>56</v>
      </c>
      <c r="AM5357">
        <v>55</v>
      </c>
      <c r="AN5357">
        <v>55</v>
      </c>
      <c r="AO5357">
        <v>54</v>
      </c>
      <c r="AP5357">
        <v>54</v>
      </c>
      <c r="AQ5357">
        <v>54</v>
      </c>
    </row>
    <row r="5358" spans="1:43">
      <c r="A5358" t="s">
        <v>3348</v>
      </c>
      <c r="B5358" t="s">
        <v>3349</v>
      </c>
      <c r="C5358" t="s">
        <v>3350</v>
      </c>
      <c r="D5358" t="s">
        <v>3351</v>
      </c>
      <c r="E5358" t="s">
        <v>3352</v>
      </c>
      <c r="F5358" t="s">
        <v>3353</v>
      </c>
      <c r="G5358" t="s">
        <v>80</v>
      </c>
      <c r="H5358" t="s">
        <v>81</v>
      </c>
      <c r="I5358" s="2">
        <v>0</v>
      </c>
      <c r="J5358" s="2">
        <v>1</v>
      </c>
      <c r="K5358" s="2">
        <v>0</v>
      </c>
      <c r="L5358" t="s">
        <v>82</v>
      </c>
      <c r="M5358" t="s">
        <v>83</v>
      </c>
      <c r="N5358" t="s">
        <v>84</v>
      </c>
      <c r="O5358" t="s">
        <v>85</v>
      </c>
      <c r="P5358" t="s">
        <v>86</v>
      </c>
      <c r="Q5358">
        <v>16</v>
      </c>
      <c r="R5358">
        <v>17</v>
      </c>
      <c r="S5358">
        <v>17</v>
      </c>
      <c r="T5358">
        <v>18</v>
      </c>
      <c r="U5358">
        <v>18</v>
      </c>
      <c r="V5358">
        <v>18</v>
      </c>
      <c r="W5358">
        <v>19</v>
      </c>
      <c r="X5358">
        <v>19</v>
      </c>
      <c r="Y5358">
        <v>20</v>
      </c>
      <c r="Z5358">
        <v>20</v>
      </c>
      <c r="AA5358">
        <v>21</v>
      </c>
      <c r="AB5358">
        <v>21</v>
      </c>
      <c r="AC5358">
        <v>21</v>
      </c>
      <c r="AD5358">
        <v>22</v>
      </c>
      <c r="AE5358">
        <v>22</v>
      </c>
      <c r="AF5358">
        <v>23</v>
      </c>
      <c r="AG5358">
        <v>23</v>
      </c>
      <c r="AH5358">
        <v>23</v>
      </c>
      <c r="AI5358">
        <v>24</v>
      </c>
      <c r="AJ5358">
        <v>24</v>
      </c>
      <c r="AK5358">
        <v>25</v>
      </c>
      <c r="AL5358">
        <v>25</v>
      </c>
      <c r="AM5358">
        <v>25</v>
      </c>
      <c r="AN5358">
        <v>26</v>
      </c>
      <c r="AO5358">
        <v>26</v>
      </c>
      <c r="AP5358">
        <v>26</v>
      </c>
      <c r="AQ5358">
        <v>26</v>
      </c>
    </row>
    <row r="5359" spans="1:43">
      <c r="A5359" t="s">
        <v>3348</v>
      </c>
      <c r="B5359" t="s">
        <v>3349</v>
      </c>
      <c r="C5359" t="s">
        <v>3350</v>
      </c>
      <c r="D5359" t="s">
        <v>3351</v>
      </c>
      <c r="E5359" t="s">
        <v>3352</v>
      </c>
      <c r="F5359" t="s">
        <v>3353</v>
      </c>
      <c r="G5359" t="s">
        <v>80</v>
      </c>
      <c r="H5359" t="s">
        <v>81</v>
      </c>
      <c r="I5359" s="2">
        <v>0</v>
      </c>
      <c r="J5359" s="2">
        <v>1</v>
      </c>
      <c r="K5359" s="2">
        <v>0</v>
      </c>
      <c r="L5359" t="s">
        <v>82</v>
      </c>
      <c r="M5359" t="s">
        <v>87</v>
      </c>
      <c r="N5359" t="s">
        <v>88</v>
      </c>
      <c r="O5359" t="s">
        <v>85</v>
      </c>
      <c r="P5359" t="s">
        <v>86</v>
      </c>
      <c r="Q5359">
        <v>16</v>
      </c>
      <c r="R5359">
        <v>17</v>
      </c>
      <c r="S5359">
        <v>17</v>
      </c>
      <c r="T5359">
        <v>17</v>
      </c>
      <c r="U5359">
        <v>17</v>
      </c>
      <c r="V5359">
        <v>17</v>
      </c>
      <c r="W5359">
        <v>18</v>
      </c>
      <c r="X5359">
        <v>18</v>
      </c>
      <c r="Y5359">
        <v>18</v>
      </c>
      <c r="Z5359">
        <v>18</v>
      </c>
      <c r="AA5359">
        <v>19</v>
      </c>
      <c r="AB5359">
        <v>19</v>
      </c>
      <c r="AC5359">
        <v>19</v>
      </c>
      <c r="AD5359">
        <v>19</v>
      </c>
      <c r="AE5359">
        <v>20</v>
      </c>
      <c r="AF5359">
        <v>20</v>
      </c>
      <c r="AG5359">
        <v>20</v>
      </c>
      <c r="AH5359">
        <v>20</v>
      </c>
      <c r="AI5359">
        <v>21</v>
      </c>
      <c r="AJ5359">
        <v>21</v>
      </c>
      <c r="AK5359">
        <v>21</v>
      </c>
      <c r="AL5359">
        <v>22</v>
      </c>
      <c r="AM5359">
        <v>22</v>
      </c>
      <c r="AN5359">
        <v>22</v>
      </c>
      <c r="AO5359">
        <v>22</v>
      </c>
      <c r="AP5359">
        <v>23</v>
      </c>
      <c r="AQ5359">
        <v>23</v>
      </c>
    </row>
    <row r="5360" spans="1:43">
      <c r="A5360" t="s">
        <v>3348</v>
      </c>
      <c r="B5360" t="s">
        <v>3349</v>
      </c>
      <c r="C5360" t="s">
        <v>3350</v>
      </c>
      <c r="D5360" t="s">
        <v>3351</v>
      </c>
      <c r="E5360" t="s">
        <v>3352</v>
      </c>
      <c r="F5360" t="s">
        <v>3353</v>
      </c>
      <c r="G5360" t="s">
        <v>80</v>
      </c>
      <c r="H5360" t="s">
        <v>81</v>
      </c>
      <c r="I5360" s="2">
        <v>0</v>
      </c>
      <c r="J5360" s="2">
        <v>1</v>
      </c>
      <c r="K5360" s="2">
        <v>0</v>
      </c>
      <c r="L5360" t="s">
        <v>82</v>
      </c>
      <c r="M5360" t="s">
        <v>89</v>
      </c>
      <c r="N5360" t="s">
        <v>90</v>
      </c>
      <c r="O5360" t="s">
        <v>85</v>
      </c>
      <c r="P5360" t="s">
        <v>86</v>
      </c>
      <c r="Q5360">
        <v>16</v>
      </c>
      <c r="R5360">
        <v>16</v>
      </c>
      <c r="S5360">
        <v>17</v>
      </c>
      <c r="T5360">
        <v>17</v>
      </c>
      <c r="U5360">
        <v>18</v>
      </c>
      <c r="V5360">
        <v>18</v>
      </c>
      <c r="W5360">
        <v>19</v>
      </c>
      <c r="X5360">
        <v>19</v>
      </c>
      <c r="Y5360">
        <v>20</v>
      </c>
      <c r="Z5360">
        <v>20</v>
      </c>
      <c r="AA5360">
        <v>21</v>
      </c>
      <c r="AB5360">
        <v>21</v>
      </c>
      <c r="AC5360">
        <v>22</v>
      </c>
      <c r="AD5360">
        <v>22</v>
      </c>
      <c r="AE5360">
        <v>23</v>
      </c>
      <c r="AF5360">
        <v>23</v>
      </c>
      <c r="AG5360">
        <v>23</v>
      </c>
      <c r="AH5360">
        <v>23</v>
      </c>
      <c r="AI5360">
        <v>24</v>
      </c>
      <c r="AJ5360">
        <v>24</v>
      </c>
      <c r="AK5360">
        <v>24</v>
      </c>
      <c r="AL5360">
        <v>24</v>
      </c>
      <c r="AM5360">
        <v>24</v>
      </c>
      <c r="AN5360">
        <v>25</v>
      </c>
      <c r="AO5360">
        <v>25</v>
      </c>
      <c r="AP5360">
        <v>25</v>
      </c>
      <c r="AQ5360">
        <v>25</v>
      </c>
    </row>
    <row r="5361" spans="1:43">
      <c r="A5361" t="s">
        <v>3348</v>
      </c>
      <c r="B5361" t="s">
        <v>3349</v>
      </c>
      <c r="C5361" t="s">
        <v>3350</v>
      </c>
      <c r="D5361" t="s">
        <v>3351</v>
      </c>
      <c r="E5361" t="s">
        <v>3352</v>
      </c>
      <c r="F5361" t="s">
        <v>3353</v>
      </c>
      <c r="G5361" t="s">
        <v>80</v>
      </c>
      <c r="H5361" t="s">
        <v>81</v>
      </c>
      <c r="I5361" s="2">
        <v>0</v>
      </c>
      <c r="J5361" s="2">
        <v>1</v>
      </c>
      <c r="K5361" s="2">
        <v>0</v>
      </c>
      <c r="L5361" t="s">
        <v>82</v>
      </c>
      <c r="M5361" t="s">
        <v>83</v>
      </c>
      <c r="N5361" t="s">
        <v>91</v>
      </c>
      <c r="O5361" t="s">
        <v>85</v>
      </c>
      <c r="P5361" t="s">
        <v>86</v>
      </c>
      <c r="Q5361">
        <v>16</v>
      </c>
      <c r="R5361">
        <v>17</v>
      </c>
      <c r="S5361">
        <v>17</v>
      </c>
      <c r="T5361">
        <v>18</v>
      </c>
      <c r="U5361">
        <v>18</v>
      </c>
      <c r="V5361">
        <v>18</v>
      </c>
      <c r="W5361">
        <v>19</v>
      </c>
      <c r="X5361">
        <v>19</v>
      </c>
      <c r="Y5361">
        <v>20</v>
      </c>
      <c r="Z5361">
        <v>20</v>
      </c>
      <c r="AA5361">
        <v>21</v>
      </c>
      <c r="AB5361">
        <v>21</v>
      </c>
      <c r="AC5361">
        <v>21</v>
      </c>
      <c r="AD5361">
        <v>22</v>
      </c>
      <c r="AE5361">
        <v>22</v>
      </c>
      <c r="AF5361">
        <v>23</v>
      </c>
      <c r="AG5361">
        <v>23</v>
      </c>
      <c r="AH5361">
        <v>23</v>
      </c>
      <c r="AI5361">
        <v>24</v>
      </c>
      <c r="AJ5361">
        <v>24</v>
      </c>
      <c r="AK5361">
        <v>25</v>
      </c>
      <c r="AL5361">
        <v>25</v>
      </c>
      <c r="AM5361">
        <v>25</v>
      </c>
      <c r="AN5361">
        <v>26</v>
      </c>
      <c r="AO5361">
        <v>26</v>
      </c>
      <c r="AP5361">
        <v>26</v>
      </c>
      <c r="AQ5361">
        <v>26</v>
      </c>
    </row>
    <row r="5362" spans="1:43">
      <c r="A5362" t="s">
        <v>3354</v>
      </c>
      <c r="B5362" t="s">
        <v>3355</v>
      </c>
      <c r="C5362" t="s">
        <v>3350</v>
      </c>
      <c r="D5362" t="s">
        <v>3351</v>
      </c>
      <c r="E5362" t="s">
        <v>3352</v>
      </c>
      <c r="F5362" t="s">
        <v>3353</v>
      </c>
      <c r="G5362" t="s">
        <v>80</v>
      </c>
      <c r="H5362" t="s">
        <v>81</v>
      </c>
      <c r="I5362" s="2">
        <v>0</v>
      </c>
      <c r="J5362" s="2">
        <v>1</v>
      </c>
      <c r="K5362" s="2">
        <v>0</v>
      </c>
      <c r="L5362" t="s">
        <v>82</v>
      </c>
      <c r="M5362" t="s">
        <v>83</v>
      </c>
      <c r="N5362" t="s">
        <v>84</v>
      </c>
      <c r="O5362" t="s">
        <v>85</v>
      </c>
      <c r="P5362" t="s">
        <v>86</v>
      </c>
      <c r="Q5362">
        <v>18</v>
      </c>
      <c r="R5362">
        <v>19</v>
      </c>
      <c r="S5362">
        <v>19</v>
      </c>
      <c r="T5362">
        <v>19</v>
      </c>
      <c r="U5362">
        <v>20</v>
      </c>
      <c r="V5362">
        <v>20</v>
      </c>
      <c r="W5362">
        <v>21</v>
      </c>
      <c r="X5362">
        <v>21</v>
      </c>
      <c r="Y5362">
        <v>22</v>
      </c>
      <c r="Z5362">
        <v>22</v>
      </c>
      <c r="AA5362">
        <v>23</v>
      </c>
      <c r="AB5362">
        <v>23</v>
      </c>
      <c r="AC5362">
        <v>24</v>
      </c>
      <c r="AD5362">
        <v>24</v>
      </c>
      <c r="AE5362">
        <v>25</v>
      </c>
      <c r="AF5362">
        <v>25</v>
      </c>
      <c r="AG5362">
        <v>25</v>
      </c>
      <c r="AH5362">
        <v>26</v>
      </c>
      <c r="AI5362">
        <v>26</v>
      </c>
      <c r="AJ5362">
        <v>27</v>
      </c>
      <c r="AK5362">
        <v>27</v>
      </c>
      <c r="AL5362">
        <v>28</v>
      </c>
      <c r="AM5362">
        <v>28</v>
      </c>
      <c r="AN5362">
        <v>28</v>
      </c>
      <c r="AO5362">
        <v>29</v>
      </c>
      <c r="AP5362">
        <v>29</v>
      </c>
      <c r="AQ5362">
        <v>29</v>
      </c>
    </row>
    <row r="5363" spans="1:43">
      <c r="A5363" t="s">
        <v>3354</v>
      </c>
      <c r="B5363" t="s">
        <v>3355</v>
      </c>
      <c r="C5363" t="s">
        <v>3350</v>
      </c>
      <c r="D5363" t="s">
        <v>3351</v>
      </c>
      <c r="E5363" t="s">
        <v>3352</v>
      </c>
      <c r="F5363" t="s">
        <v>3353</v>
      </c>
      <c r="G5363" t="s">
        <v>80</v>
      </c>
      <c r="H5363" t="s">
        <v>81</v>
      </c>
      <c r="I5363" s="2">
        <v>0</v>
      </c>
      <c r="J5363" s="2">
        <v>1</v>
      </c>
      <c r="K5363" s="2">
        <v>0</v>
      </c>
      <c r="L5363" t="s">
        <v>82</v>
      </c>
      <c r="M5363" t="s">
        <v>87</v>
      </c>
      <c r="N5363" t="s">
        <v>88</v>
      </c>
      <c r="O5363" t="s">
        <v>85</v>
      </c>
      <c r="P5363" t="s">
        <v>86</v>
      </c>
      <c r="Q5363">
        <v>18</v>
      </c>
      <c r="R5363">
        <v>18</v>
      </c>
      <c r="S5363">
        <v>19</v>
      </c>
      <c r="T5363">
        <v>19</v>
      </c>
      <c r="U5363">
        <v>19</v>
      </c>
      <c r="V5363">
        <v>19</v>
      </c>
      <c r="W5363">
        <v>20</v>
      </c>
      <c r="X5363">
        <v>20</v>
      </c>
      <c r="Y5363">
        <v>20</v>
      </c>
      <c r="Z5363">
        <v>20</v>
      </c>
      <c r="AA5363">
        <v>21</v>
      </c>
      <c r="AB5363">
        <v>21</v>
      </c>
      <c r="AC5363">
        <v>21</v>
      </c>
      <c r="AD5363">
        <v>21</v>
      </c>
      <c r="AE5363">
        <v>22</v>
      </c>
      <c r="AF5363">
        <v>22</v>
      </c>
      <c r="AG5363">
        <v>22</v>
      </c>
      <c r="AH5363">
        <v>23</v>
      </c>
      <c r="AI5363">
        <v>23</v>
      </c>
      <c r="AJ5363">
        <v>23</v>
      </c>
      <c r="AK5363">
        <v>23</v>
      </c>
      <c r="AL5363">
        <v>24</v>
      </c>
      <c r="AM5363">
        <v>24</v>
      </c>
      <c r="AN5363">
        <v>24</v>
      </c>
      <c r="AO5363">
        <v>25</v>
      </c>
      <c r="AP5363">
        <v>25</v>
      </c>
      <c r="AQ5363">
        <v>25</v>
      </c>
    </row>
    <row r="5364" spans="1:43">
      <c r="A5364" t="s">
        <v>3354</v>
      </c>
      <c r="B5364" t="s">
        <v>3355</v>
      </c>
      <c r="C5364" t="s">
        <v>3350</v>
      </c>
      <c r="D5364" t="s">
        <v>3351</v>
      </c>
      <c r="E5364" t="s">
        <v>3352</v>
      </c>
      <c r="F5364" t="s">
        <v>3353</v>
      </c>
      <c r="G5364" t="s">
        <v>80</v>
      </c>
      <c r="H5364" t="s">
        <v>81</v>
      </c>
      <c r="I5364" s="2">
        <v>0</v>
      </c>
      <c r="J5364" s="2">
        <v>1</v>
      </c>
      <c r="K5364" s="2">
        <v>0</v>
      </c>
      <c r="L5364" t="s">
        <v>82</v>
      </c>
      <c r="M5364" t="s">
        <v>89</v>
      </c>
      <c r="N5364" t="s">
        <v>90</v>
      </c>
      <c r="O5364" t="s">
        <v>85</v>
      </c>
      <c r="P5364" t="s">
        <v>86</v>
      </c>
      <c r="Q5364">
        <v>18</v>
      </c>
      <c r="R5364">
        <v>19</v>
      </c>
      <c r="S5364">
        <v>20</v>
      </c>
      <c r="T5364">
        <v>20</v>
      </c>
      <c r="U5364">
        <v>21</v>
      </c>
      <c r="V5364">
        <v>21</v>
      </c>
      <c r="W5364">
        <v>22</v>
      </c>
      <c r="X5364">
        <v>22</v>
      </c>
      <c r="Y5364">
        <v>23</v>
      </c>
      <c r="Z5364">
        <v>24</v>
      </c>
      <c r="AA5364">
        <v>24</v>
      </c>
      <c r="AB5364">
        <v>25</v>
      </c>
      <c r="AC5364">
        <v>25</v>
      </c>
      <c r="AD5364">
        <v>26</v>
      </c>
      <c r="AE5364">
        <v>26</v>
      </c>
      <c r="AF5364">
        <v>26</v>
      </c>
      <c r="AG5364">
        <v>27</v>
      </c>
      <c r="AH5364">
        <v>27</v>
      </c>
      <c r="AI5364">
        <v>27</v>
      </c>
      <c r="AJ5364">
        <v>27</v>
      </c>
      <c r="AK5364">
        <v>28</v>
      </c>
      <c r="AL5364">
        <v>28</v>
      </c>
      <c r="AM5364">
        <v>28</v>
      </c>
      <c r="AN5364">
        <v>28</v>
      </c>
      <c r="AO5364">
        <v>29</v>
      </c>
      <c r="AP5364">
        <v>29</v>
      </c>
      <c r="AQ5364">
        <v>29</v>
      </c>
    </row>
    <row r="5365" spans="1:43">
      <c r="A5365" t="s">
        <v>3354</v>
      </c>
      <c r="B5365" t="s">
        <v>3355</v>
      </c>
      <c r="C5365" t="s">
        <v>3350</v>
      </c>
      <c r="D5365" t="s">
        <v>3351</v>
      </c>
      <c r="E5365" t="s">
        <v>3352</v>
      </c>
      <c r="F5365" t="s">
        <v>3353</v>
      </c>
      <c r="G5365" t="s">
        <v>80</v>
      </c>
      <c r="H5365" t="s">
        <v>81</v>
      </c>
      <c r="I5365" s="2">
        <v>0</v>
      </c>
      <c r="J5365" s="2">
        <v>1</v>
      </c>
      <c r="K5365" s="2">
        <v>0</v>
      </c>
      <c r="L5365" t="s">
        <v>82</v>
      </c>
      <c r="M5365" t="s">
        <v>83</v>
      </c>
      <c r="N5365" t="s">
        <v>91</v>
      </c>
      <c r="O5365" t="s">
        <v>85</v>
      </c>
      <c r="P5365" t="s">
        <v>86</v>
      </c>
      <c r="Q5365">
        <v>18</v>
      </c>
      <c r="R5365">
        <v>19</v>
      </c>
      <c r="S5365">
        <v>19</v>
      </c>
      <c r="T5365">
        <v>19</v>
      </c>
      <c r="U5365">
        <v>20</v>
      </c>
      <c r="V5365">
        <v>20</v>
      </c>
      <c r="W5365">
        <v>21</v>
      </c>
      <c r="X5365">
        <v>21</v>
      </c>
      <c r="Y5365">
        <v>22</v>
      </c>
      <c r="Z5365">
        <v>22</v>
      </c>
      <c r="AA5365">
        <v>23</v>
      </c>
      <c r="AB5365">
        <v>23</v>
      </c>
      <c r="AC5365">
        <v>24</v>
      </c>
      <c r="AD5365">
        <v>24</v>
      </c>
      <c r="AE5365">
        <v>25</v>
      </c>
      <c r="AF5365">
        <v>25</v>
      </c>
      <c r="AG5365">
        <v>25</v>
      </c>
      <c r="AH5365">
        <v>26</v>
      </c>
      <c r="AI5365">
        <v>26</v>
      </c>
      <c r="AJ5365">
        <v>27</v>
      </c>
      <c r="AK5365">
        <v>27</v>
      </c>
      <c r="AL5365">
        <v>28</v>
      </c>
      <c r="AM5365">
        <v>28</v>
      </c>
      <c r="AN5365">
        <v>28</v>
      </c>
      <c r="AO5365">
        <v>29</v>
      </c>
      <c r="AP5365">
        <v>29</v>
      </c>
      <c r="AQ5365">
        <v>29</v>
      </c>
    </row>
    <row r="5366" spans="1:43">
      <c r="A5366" t="s">
        <v>3356</v>
      </c>
      <c r="B5366" t="s">
        <v>3357</v>
      </c>
      <c r="C5366" t="s">
        <v>3350</v>
      </c>
      <c r="D5366" t="s">
        <v>3351</v>
      </c>
      <c r="E5366" t="s">
        <v>3352</v>
      </c>
      <c r="F5366" t="s">
        <v>3353</v>
      </c>
      <c r="G5366" t="s">
        <v>80</v>
      </c>
      <c r="H5366" t="s">
        <v>81</v>
      </c>
      <c r="I5366" s="2">
        <v>0</v>
      </c>
      <c r="J5366" s="2">
        <v>1</v>
      </c>
      <c r="K5366" s="2">
        <v>0</v>
      </c>
      <c r="L5366" t="s">
        <v>82</v>
      </c>
      <c r="M5366" t="s">
        <v>83</v>
      </c>
      <c r="N5366" t="s">
        <v>84</v>
      </c>
      <c r="O5366" t="s">
        <v>85</v>
      </c>
      <c r="P5366" t="s">
        <v>86</v>
      </c>
      <c r="Q5366">
        <v>18</v>
      </c>
      <c r="R5366">
        <v>19</v>
      </c>
      <c r="S5366">
        <v>19</v>
      </c>
      <c r="T5366">
        <v>20</v>
      </c>
      <c r="U5366">
        <v>20</v>
      </c>
      <c r="V5366">
        <v>21</v>
      </c>
      <c r="W5366">
        <v>21</v>
      </c>
      <c r="X5366">
        <v>22</v>
      </c>
      <c r="Y5366">
        <v>22</v>
      </c>
      <c r="Z5366">
        <v>23</v>
      </c>
      <c r="AA5366">
        <v>23</v>
      </c>
      <c r="AB5366">
        <v>23</v>
      </c>
      <c r="AC5366">
        <v>24</v>
      </c>
      <c r="AD5366">
        <v>24</v>
      </c>
      <c r="AE5366">
        <v>25</v>
      </c>
      <c r="AF5366">
        <v>25</v>
      </c>
      <c r="AG5366">
        <v>26</v>
      </c>
      <c r="AH5366">
        <v>26</v>
      </c>
      <c r="AI5366">
        <v>27</v>
      </c>
      <c r="AJ5366">
        <v>27</v>
      </c>
      <c r="AK5366">
        <v>28</v>
      </c>
      <c r="AL5366">
        <v>28</v>
      </c>
      <c r="AM5366">
        <v>28</v>
      </c>
      <c r="AN5366">
        <v>29</v>
      </c>
      <c r="AO5366">
        <v>29</v>
      </c>
      <c r="AP5366">
        <v>29</v>
      </c>
      <c r="AQ5366">
        <v>29</v>
      </c>
    </row>
    <row r="5367" spans="1:43">
      <c r="A5367" t="s">
        <v>3356</v>
      </c>
      <c r="B5367" t="s">
        <v>3357</v>
      </c>
      <c r="C5367" t="s">
        <v>3350</v>
      </c>
      <c r="D5367" t="s">
        <v>3351</v>
      </c>
      <c r="E5367" t="s">
        <v>3352</v>
      </c>
      <c r="F5367" t="s">
        <v>3353</v>
      </c>
      <c r="G5367" t="s">
        <v>80</v>
      </c>
      <c r="H5367" t="s">
        <v>81</v>
      </c>
      <c r="I5367" s="2">
        <v>0</v>
      </c>
      <c r="J5367" s="2">
        <v>1</v>
      </c>
      <c r="K5367" s="2">
        <v>0</v>
      </c>
      <c r="L5367" t="s">
        <v>82</v>
      </c>
      <c r="M5367" t="s">
        <v>87</v>
      </c>
      <c r="N5367" t="s">
        <v>88</v>
      </c>
      <c r="O5367" t="s">
        <v>85</v>
      </c>
      <c r="P5367" t="s">
        <v>86</v>
      </c>
      <c r="Q5367">
        <v>18</v>
      </c>
      <c r="R5367">
        <v>19</v>
      </c>
      <c r="S5367">
        <v>19</v>
      </c>
      <c r="T5367">
        <v>19</v>
      </c>
      <c r="U5367">
        <v>19</v>
      </c>
      <c r="V5367">
        <v>20</v>
      </c>
      <c r="W5367">
        <v>20</v>
      </c>
      <c r="X5367">
        <v>20</v>
      </c>
      <c r="Y5367">
        <v>20</v>
      </c>
      <c r="Z5367">
        <v>21</v>
      </c>
      <c r="AA5367">
        <v>21</v>
      </c>
      <c r="AB5367">
        <v>21</v>
      </c>
      <c r="AC5367">
        <v>21</v>
      </c>
      <c r="AD5367">
        <v>22</v>
      </c>
      <c r="AE5367">
        <v>22</v>
      </c>
      <c r="AF5367">
        <v>22</v>
      </c>
      <c r="AG5367">
        <v>23</v>
      </c>
      <c r="AH5367">
        <v>23</v>
      </c>
      <c r="AI5367">
        <v>23</v>
      </c>
      <c r="AJ5367">
        <v>24</v>
      </c>
      <c r="AK5367">
        <v>24</v>
      </c>
      <c r="AL5367">
        <v>24</v>
      </c>
      <c r="AM5367">
        <v>24</v>
      </c>
      <c r="AN5367">
        <v>25</v>
      </c>
      <c r="AO5367">
        <v>25</v>
      </c>
      <c r="AP5367">
        <v>25</v>
      </c>
      <c r="AQ5367">
        <v>26</v>
      </c>
    </row>
    <row r="5368" spans="1:43">
      <c r="A5368" t="s">
        <v>3356</v>
      </c>
      <c r="B5368" t="s">
        <v>3357</v>
      </c>
      <c r="C5368" t="s">
        <v>3350</v>
      </c>
      <c r="D5368" t="s">
        <v>3351</v>
      </c>
      <c r="E5368" t="s">
        <v>3352</v>
      </c>
      <c r="F5368" t="s">
        <v>3353</v>
      </c>
      <c r="G5368" t="s">
        <v>80</v>
      </c>
      <c r="H5368" t="s">
        <v>81</v>
      </c>
      <c r="I5368" s="2">
        <v>0</v>
      </c>
      <c r="J5368" s="2">
        <v>1</v>
      </c>
      <c r="K5368" s="2">
        <v>0</v>
      </c>
      <c r="L5368" t="s">
        <v>82</v>
      </c>
      <c r="M5368" t="s">
        <v>89</v>
      </c>
      <c r="N5368" t="s">
        <v>90</v>
      </c>
      <c r="O5368" t="s">
        <v>85</v>
      </c>
      <c r="P5368" t="s">
        <v>86</v>
      </c>
      <c r="Q5368">
        <v>18</v>
      </c>
      <c r="R5368">
        <v>18</v>
      </c>
      <c r="S5368">
        <v>19</v>
      </c>
      <c r="T5368">
        <v>19</v>
      </c>
      <c r="U5368">
        <v>20</v>
      </c>
      <c r="V5368">
        <v>21</v>
      </c>
      <c r="W5368">
        <v>21</v>
      </c>
      <c r="X5368">
        <v>22</v>
      </c>
      <c r="Y5368">
        <v>22</v>
      </c>
      <c r="Z5368">
        <v>23</v>
      </c>
      <c r="AA5368">
        <v>23</v>
      </c>
      <c r="AB5368">
        <v>24</v>
      </c>
      <c r="AC5368">
        <v>25</v>
      </c>
      <c r="AD5368">
        <v>25</v>
      </c>
      <c r="AE5368">
        <v>26</v>
      </c>
      <c r="AF5368">
        <v>26</v>
      </c>
      <c r="AG5368">
        <v>26</v>
      </c>
      <c r="AH5368">
        <v>26</v>
      </c>
      <c r="AI5368">
        <v>27</v>
      </c>
      <c r="AJ5368">
        <v>27</v>
      </c>
      <c r="AK5368">
        <v>27</v>
      </c>
      <c r="AL5368">
        <v>27</v>
      </c>
      <c r="AM5368">
        <v>28</v>
      </c>
      <c r="AN5368">
        <v>28</v>
      </c>
      <c r="AO5368">
        <v>28</v>
      </c>
      <c r="AP5368">
        <v>28</v>
      </c>
      <c r="AQ5368">
        <v>29</v>
      </c>
    </row>
    <row r="5369" spans="1:43">
      <c r="A5369" t="s">
        <v>3356</v>
      </c>
      <c r="B5369" t="s">
        <v>3357</v>
      </c>
      <c r="C5369" t="s">
        <v>3350</v>
      </c>
      <c r="D5369" t="s">
        <v>3351</v>
      </c>
      <c r="E5369" t="s">
        <v>3352</v>
      </c>
      <c r="F5369" t="s">
        <v>3353</v>
      </c>
      <c r="G5369" t="s">
        <v>80</v>
      </c>
      <c r="H5369" t="s">
        <v>81</v>
      </c>
      <c r="I5369" s="2">
        <v>0</v>
      </c>
      <c r="J5369" s="2">
        <v>1</v>
      </c>
      <c r="K5369" s="2">
        <v>0</v>
      </c>
      <c r="L5369" t="s">
        <v>82</v>
      </c>
      <c r="M5369" t="s">
        <v>83</v>
      </c>
      <c r="N5369" t="s">
        <v>91</v>
      </c>
      <c r="O5369" t="s">
        <v>85</v>
      </c>
      <c r="P5369" t="s">
        <v>86</v>
      </c>
      <c r="Q5369">
        <v>18</v>
      </c>
      <c r="R5369">
        <v>19</v>
      </c>
      <c r="S5369">
        <v>19</v>
      </c>
      <c r="T5369">
        <v>20</v>
      </c>
      <c r="U5369">
        <v>20</v>
      </c>
      <c r="V5369">
        <v>21</v>
      </c>
      <c r="W5369">
        <v>21</v>
      </c>
      <c r="X5369">
        <v>22</v>
      </c>
      <c r="Y5369">
        <v>22</v>
      </c>
      <c r="Z5369">
        <v>23</v>
      </c>
      <c r="AA5369">
        <v>23</v>
      </c>
      <c r="AB5369">
        <v>23</v>
      </c>
      <c r="AC5369">
        <v>24</v>
      </c>
      <c r="AD5369">
        <v>24</v>
      </c>
      <c r="AE5369">
        <v>25</v>
      </c>
      <c r="AF5369">
        <v>25</v>
      </c>
      <c r="AG5369">
        <v>26</v>
      </c>
      <c r="AH5369">
        <v>26</v>
      </c>
      <c r="AI5369">
        <v>27</v>
      </c>
      <c r="AJ5369">
        <v>27</v>
      </c>
      <c r="AK5369">
        <v>28</v>
      </c>
      <c r="AL5369">
        <v>28</v>
      </c>
      <c r="AM5369">
        <v>28</v>
      </c>
      <c r="AN5369">
        <v>29</v>
      </c>
      <c r="AO5369">
        <v>29</v>
      </c>
      <c r="AP5369">
        <v>29</v>
      </c>
      <c r="AQ5369">
        <v>29</v>
      </c>
    </row>
    <row r="5370" spans="1:43">
      <c r="A5370" t="s">
        <v>3358</v>
      </c>
      <c r="B5370" t="s">
        <v>3359</v>
      </c>
      <c r="C5370" t="s">
        <v>3350</v>
      </c>
      <c r="D5370" t="s">
        <v>3351</v>
      </c>
      <c r="E5370" t="s">
        <v>3352</v>
      </c>
      <c r="F5370" t="s">
        <v>3353</v>
      </c>
      <c r="G5370" t="s">
        <v>80</v>
      </c>
      <c r="H5370" t="s">
        <v>81</v>
      </c>
      <c r="I5370" s="2">
        <v>0</v>
      </c>
      <c r="J5370" s="2">
        <v>1</v>
      </c>
      <c r="K5370" s="2">
        <v>0</v>
      </c>
      <c r="L5370" t="s">
        <v>82</v>
      </c>
      <c r="M5370" t="s">
        <v>83</v>
      </c>
      <c r="N5370" t="s">
        <v>84</v>
      </c>
      <c r="O5370" t="s">
        <v>85</v>
      </c>
      <c r="P5370" t="s">
        <v>86</v>
      </c>
      <c r="Q5370">
        <v>19</v>
      </c>
      <c r="R5370">
        <v>20</v>
      </c>
      <c r="S5370">
        <v>20</v>
      </c>
      <c r="T5370">
        <v>21</v>
      </c>
      <c r="U5370">
        <v>21</v>
      </c>
      <c r="V5370">
        <v>22</v>
      </c>
      <c r="W5370">
        <v>22</v>
      </c>
      <c r="X5370">
        <v>23</v>
      </c>
      <c r="Y5370">
        <v>23</v>
      </c>
      <c r="Z5370">
        <v>24</v>
      </c>
      <c r="AA5370">
        <v>24</v>
      </c>
      <c r="AB5370">
        <v>25</v>
      </c>
      <c r="AC5370">
        <v>25</v>
      </c>
      <c r="AD5370">
        <v>25</v>
      </c>
      <c r="AE5370">
        <v>26</v>
      </c>
      <c r="AF5370">
        <v>26</v>
      </c>
      <c r="AG5370">
        <v>27</v>
      </c>
      <c r="AH5370">
        <v>27</v>
      </c>
      <c r="AI5370">
        <v>28</v>
      </c>
      <c r="AJ5370">
        <v>29</v>
      </c>
      <c r="AK5370">
        <v>29</v>
      </c>
      <c r="AL5370">
        <v>29</v>
      </c>
      <c r="AM5370">
        <v>30</v>
      </c>
      <c r="AN5370">
        <v>30</v>
      </c>
      <c r="AO5370">
        <v>30</v>
      </c>
      <c r="AP5370">
        <v>30</v>
      </c>
      <c r="AQ5370">
        <v>31</v>
      </c>
    </row>
    <row r="5371" spans="1:43">
      <c r="A5371" t="s">
        <v>3358</v>
      </c>
      <c r="B5371" t="s">
        <v>3359</v>
      </c>
      <c r="C5371" t="s">
        <v>3350</v>
      </c>
      <c r="D5371" t="s">
        <v>3351</v>
      </c>
      <c r="E5371" t="s">
        <v>3352</v>
      </c>
      <c r="F5371" t="s">
        <v>3353</v>
      </c>
      <c r="G5371" t="s">
        <v>80</v>
      </c>
      <c r="H5371" t="s">
        <v>81</v>
      </c>
      <c r="I5371" s="2">
        <v>0</v>
      </c>
      <c r="J5371" s="2">
        <v>1</v>
      </c>
      <c r="K5371" s="2">
        <v>0</v>
      </c>
      <c r="L5371" t="s">
        <v>82</v>
      </c>
      <c r="M5371" t="s">
        <v>87</v>
      </c>
      <c r="N5371" t="s">
        <v>88</v>
      </c>
      <c r="O5371" t="s">
        <v>85</v>
      </c>
      <c r="P5371" t="s">
        <v>86</v>
      </c>
      <c r="Q5371">
        <v>19</v>
      </c>
      <c r="R5371">
        <v>19</v>
      </c>
      <c r="S5371">
        <v>20</v>
      </c>
      <c r="T5371">
        <v>20</v>
      </c>
      <c r="U5371">
        <v>20</v>
      </c>
      <c r="V5371">
        <v>20</v>
      </c>
      <c r="W5371">
        <v>21</v>
      </c>
      <c r="X5371">
        <v>21</v>
      </c>
      <c r="Y5371">
        <v>21</v>
      </c>
      <c r="Z5371">
        <v>22</v>
      </c>
      <c r="AA5371">
        <v>22</v>
      </c>
      <c r="AB5371">
        <v>22</v>
      </c>
      <c r="AC5371">
        <v>22</v>
      </c>
      <c r="AD5371">
        <v>23</v>
      </c>
      <c r="AE5371">
        <v>23</v>
      </c>
      <c r="AF5371">
        <v>23</v>
      </c>
      <c r="AG5371">
        <v>24</v>
      </c>
      <c r="AH5371">
        <v>24</v>
      </c>
      <c r="AI5371">
        <v>24</v>
      </c>
      <c r="AJ5371">
        <v>25</v>
      </c>
      <c r="AK5371">
        <v>25</v>
      </c>
      <c r="AL5371">
        <v>25</v>
      </c>
      <c r="AM5371">
        <v>26</v>
      </c>
      <c r="AN5371">
        <v>26</v>
      </c>
      <c r="AO5371">
        <v>26</v>
      </c>
      <c r="AP5371">
        <v>26</v>
      </c>
      <c r="AQ5371">
        <v>27</v>
      </c>
    </row>
    <row r="5372" spans="1:43">
      <c r="A5372" t="s">
        <v>3358</v>
      </c>
      <c r="B5372" t="s">
        <v>3359</v>
      </c>
      <c r="C5372" t="s">
        <v>3350</v>
      </c>
      <c r="D5372" t="s">
        <v>3351</v>
      </c>
      <c r="E5372" t="s">
        <v>3352</v>
      </c>
      <c r="F5372" t="s">
        <v>3353</v>
      </c>
      <c r="G5372" t="s">
        <v>80</v>
      </c>
      <c r="H5372" t="s">
        <v>81</v>
      </c>
      <c r="I5372" s="2">
        <v>0</v>
      </c>
      <c r="J5372" s="2">
        <v>1</v>
      </c>
      <c r="K5372" s="2">
        <v>0</v>
      </c>
      <c r="L5372" t="s">
        <v>82</v>
      </c>
      <c r="M5372" t="s">
        <v>89</v>
      </c>
      <c r="N5372" t="s">
        <v>90</v>
      </c>
      <c r="O5372" t="s">
        <v>85</v>
      </c>
      <c r="P5372" t="s">
        <v>86</v>
      </c>
      <c r="Q5372">
        <v>19</v>
      </c>
      <c r="R5372">
        <v>20</v>
      </c>
      <c r="S5372">
        <v>21</v>
      </c>
      <c r="T5372">
        <v>21</v>
      </c>
      <c r="U5372">
        <v>22</v>
      </c>
      <c r="V5372">
        <v>23</v>
      </c>
      <c r="W5372">
        <v>23</v>
      </c>
      <c r="X5372">
        <v>24</v>
      </c>
      <c r="Y5372">
        <v>24</v>
      </c>
      <c r="Z5372">
        <v>25</v>
      </c>
      <c r="AA5372">
        <v>26</v>
      </c>
      <c r="AB5372">
        <v>26</v>
      </c>
      <c r="AC5372">
        <v>27</v>
      </c>
      <c r="AD5372">
        <v>27</v>
      </c>
      <c r="AE5372">
        <v>28</v>
      </c>
      <c r="AF5372">
        <v>28</v>
      </c>
      <c r="AG5372">
        <v>28</v>
      </c>
      <c r="AH5372">
        <v>29</v>
      </c>
      <c r="AI5372">
        <v>29</v>
      </c>
      <c r="AJ5372">
        <v>29</v>
      </c>
      <c r="AK5372">
        <v>29</v>
      </c>
      <c r="AL5372">
        <v>30</v>
      </c>
      <c r="AM5372">
        <v>30</v>
      </c>
      <c r="AN5372">
        <v>30</v>
      </c>
      <c r="AO5372">
        <v>30</v>
      </c>
      <c r="AP5372">
        <v>31</v>
      </c>
      <c r="AQ5372">
        <v>31</v>
      </c>
    </row>
    <row r="5373" spans="1:43">
      <c r="A5373" t="s">
        <v>3358</v>
      </c>
      <c r="B5373" t="s">
        <v>3359</v>
      </c>
      <c r="C5373" t="s">
        <v>3350</v>
      </c>
      <c r="D5373" t="s">
        <v>3351</v>
      </c>
      <c r="E5373" t="s">
        <v>3352</v>
      </c>
      <c r="F5373" t="s">
        <v>3353</v>
      </c>
      <c r="G5373" t="s">
        <v>80</v>
      </c>
      <c r="H5373" t="s">
        <v>81</v>
      </c>
      <c r="I5373" s="2">
        <v>0</v>
      </c>
      <c r="J5373" s="2">
        <v>1</v>
      </c>
      <c r="K5373" s="2">
        <v>0</v>
      </c>
      <c r="L5373" t="s">
        <v>82</v>
      </c>
      <c r="M5373" t="s">
        <v>83</v>
      </c>
      <c r="N5373" t="s">
        <v>91</v>
      </c>
      <c r="O5373" t="s">
        <v>85</v>
      </c>
      <c r="P5373" t="s">
        <v>86</v>
      </c>
      <c r="Q5373">
        <v>19</v>
      </c>
      <c r="R5373">
        <v>20</v>
      </c>
      <c r="S5373">
        <v>20</v>
      </c>
      <c r="T5373">
        <v>21</v>
      </c>
      <c r="U5373">
        <v>21</v>
      </c>
      <c r="V5373">
        <v>22</v>
      </c>
      <c r="W5373">
        <v>22</v>
      </c>
      <c r="X5373">
        <v>23</v>
      </c>
      <c r="Y5373">
        <v>23</v>
      </c>
      <c r="Z5373">
        <v>24</v>
      </c>
      <c r="AA5373">
        <v>24</v>
      </c>
      <c r="AB5373">
        <v>25</v>
      </c>
      <c r="AC5373">
        <v>25</v>
      </c>
      <c r="AD5373">
        <v>25</v>
      </c>
      <c r="AE5373">
        <v>26</v>
      </c>
      <c r="AF5373">
        <v>26</v>
      </c>
      <c r="AG5373">
        <v>27</v>
      </c>
      <c r="AH5373">
        <v>27</v>
      </c>
      <c r="AI5373">
        <v>28</v>
      </c>
      <c r="AJ5373">
        <v>29</v>
      </c>
      <c r="AK5373">
        <v>29</v>
      </c>
      <c r="AL5373">
        <v>29</v>
      </c>
      <c r="AM5373">
        <v>30</v>
      </c>
      <c r="AN5373">
        <v>30</v>
      </c>
      <c r="AO5373">
        <v>30</v>
      </c>
      <c r="AP5373">
        <v>30</v>
      </c>
      <c r="AQ5373">
        <v>31</v>
      </c>
    </row>
    <row r="5374" spans="1:43">
      <c r="A5374" t="s">
        <v>3360</v>
      </c>
      <c r="B5374" t="s">
        <v>3361</v>
      </c>
      <c r="C5374" t="s">
        <v>3362</v>
      </c>
      <c r="D5374" t="s">
        <v>3363</v>
      </c>
      <c r="E5374" t="s">
        <v>3352</v>
      </c>
      <c r="F5374" t="s">
        <v>3353</v>
      </c>
      <c r="G5374" t="s">
        <v>80</v>
      </c>
      <c r="H5374" t="s">
        <v>81</v>
      </c>
      <c r="I5374" s="2">
        <v>0</v>
      </c>
      <c r="J5374" s="2">
        <v>1</v>
      </c>
      <c r="K5374" s="2">
        <v>0</v>
      </c>
      <c r="L5374" t="s">
        <v>82</v>
      </c>
      <c r="M5374" t="s">
        <v>83</v>
      </c>
      <c r="N5374" t="s">
        <v>84</v>
      </c>
      <c r="O5374" t="s">
        <v>85</v>
      </c>
      <c r="P5374" t="s">
        <v>86</v>
      </c>
      <c r="Q5374">
        <v>29</v>
      </c>
      <c r="R5374">
        <v>30</v>
      </c>
      <c r="S5374">
        <v>30</v>
      </c>
      <c r="T5374">
        <v>31</v>
      </c>
      <c r="U5374">
        <v>32</v>
      </c>
      <c r="V5374">
        <v>33</v>
      </c>
      <c r="W5374">
        <v>33</v>
      </c>
      <c r="X5374">
        <v>34</v>
      </c>
      <c r="Y5374">
        <v>35</v>
      </c>
      <c r="Z5374">
        <v>36</v>
      </c>
      <c r="AA5374">
        <v>36</v>
      </c>
      <c r="AB5374">
        <v>37</v>
      </c>
      <c r="AC5374">
        <v>38</v>
      </c>
      <c r="AD5374">
        <v>38</v>
      </c>
      <c r="AE5374">
        <v>39</v>
      </c>
      <c r="AF5374">
        <v>40</v>
      </c>
      <c r="AG5374">
        <v>41</v>
      </c>
      <c r="AH5374">
        <v>41</v>
      </c>
      <c r="AI5374">
        <v>42</v>
      </c>
      <c r="AJ5374">
        <v>43</v>
      </c>
      <c r="AK5374">
        <v>44</v>
      </c>
      <c r="AL5374">
        <v>44</v>
      </c>
      <c r="AM5374">
        <v>44</v>
      </c>
      <c r="AN5374">
        <v>45</v>
      </c>
      <c r="AO5374">
        <v>45</v>
      </c>
      <c r="AP5374">
        <v>46</v>
      </c>
      <c r="AQ5374">
        <v>46</v>
      </c>
    </row>
    <row r="5375" spans="1:43">
      <c r="A5375" t="s">
        <v>3360</v>
      </c>
      <c r="B5375" t="s">
        <v>3361</v>
      </c>
      <c r="C5375" t="s">
        <v>3362</v>
      </c>
      <c r="D5375" t="s">
        <v>3363</v>
      </c>
      <c r="E5375" t="s">
        <v>3352</v>
      </c>
      <c r="F5375" t="s">
        <v>3353</v>
      </c>
      <c r="G5375" t="s">
        <v>80</v>
      </c>
      <c r="H5375" t="s">
        <v>81</v>
      </c>
      <c r="I5375" s="2">
        <v>0</v>
      </c>
      <c r="J5375" s="2">
        <v>1</v>
      </c>
      <c r="K5375" s="2">
        <v>0</v>
      </c>
      <c r="L5375" t="s">
        <v>82</v>
      </c>
      <c r="M5375" t="s">
        <v>87</v>
      </c>
      <c r="N5375" t="s">
        <v>88</v>
      </c>
      <c r="O5375" t="s">
        <v>85</v>
      </c>
      <c r="P5375" t="s">
        <v>86</v>
      </c>
      <c r="Q5375">
        <v>29</v>
      </c>
      <c r="R5375">
        <v>29</v>
      </c>
      <c r="S5375">
        <v>30</v>
      </c>
      <c r="T5375">
        <v>30</v>
      </c>
      <c r="U5375">
        <v>30</v>
      </c>
      <c r="V5375">
        <v>31</v>
      </c>
      <c r="W5375">
        <v>31</v>
      </c>
      <c r="X5375">
        <v>32</v>
      </c>
      <c r="Y5375">
        <v>32</v>
      </c>
      <c r="Z5375">
        <v>33</v>
      </c>
      <c r="AA5375">
        <v>33</v>
      </c>
      <c r="AB5375">
        <v>33</v>
      </c>
      <c r="AC5375">
        <v>34</v>
      </c>
      <c r="AD5375">
        <v>34</v>
      </c>
      <c r="AE5375">
        <v>35</v>
      </c>
      <c r="AF5375">
        <v>35</v>
      </c>
      <c r="AG5375">
        <v>36</v>
      </c>
      <c r="AH5375">
        <v>36</v>
      </c>
      <c r="AI5375">
        <v>37</v>
      </c>
      <c r="AJ5375">
        <v>37</v>
      </c>
      <c r="AK5375">
        <v>38</v>
      </c>
      <c r="AL5375">
        <v>38</v>
      </c>
      <c r="AM5375">
        <v>39</v>
      </c>
      <c r="AN5375">
        <v>39</v>
      </c>
      <c r="AO5375">
        <v>39</v>
      </c>
      <c r="AP5375">
        <v>40</v>
      </c>
      <c r="AQ5375">
        <v>40</v>
      </c>
    </row>
    <row r="5376" spans="1:43">
      <c r="A5376" t="s">
        <v>3360</v>
      </c>
      <c r="B5376" t="s">
        <v>3361</v>
      </c>
      <c r="C5376" t="s">
        <v>3362</v>
      </c>
      <c r="D5376" t="s">
        <v>3363</v>
      </c>
      <c r="E5376" t="s">
        <v>3352</v>
      </c>
      <c r="F5376" t="s">
        <v>3353</v>
      </c>
      <c r="G5376" t="s">
        <v>80</v>
      </c>
      <c r="H5376" t="s">
        <v>81</v>
      </c>
      <c r="I5376" s="2">
        <v>0</v>
      </c>
      <c r="J5376" s="2">
        <v>1</v>
      </c>
      <c r="K5376" s="2">
        <v>0</v>
      </c>
      <c r="L5376" t="s">
        <v>82</v>
      </c>
      <c r="M5376" t="s">
        <v>89</v>
      </c>
      <c r="N5376" t="s">
        <v>90</v>
      </c>
      <c r="O5376" t="s">
        <v>85</v>
      </c>
      <c r="P5376" t="s">
        <v>86</v>
      </c>
      <c r="Q5376">
        <v>29</v>
      </c>
      <c r="R5376">
        <v>30</v>
      </c>
      <c r="S5376">
        <v>31</v>
      </c>
      <c r="T5376">
        <v>32</v>
      </c>
      <c r="U5376">
        <v>33</v>
      </c>
      <c r="V5376">
        <v>34</v>
      </c>
      <c r="W5376">
        <v>35</v>
      </c>
      <c r="X5376">
        <v>36</v>
      </c>
      <c r="Y5376">
        <v>37</v>
      </c>
      <c r="Z5376">
        <v>38</v>
      </c>
      <c r="AA5376">
        <v>38</v>
      </c>
      <c r="AB5376">
        <v>39</v>
      </c>
      <c r="AC5376">
        <v>40</v>
      </c>
      <c r="AD5376">
        <v>41</v>
      </c>
      <c r="AE5376">
        <v>42</v>
      </c>
      <c r="AF5376">
        <v>42</v>
      </c>
      <c r="AG5376">
        <v>42</v>
      </c>
      <c r="AH5376">
        <v>43</v>
      </c>
      <c r="AI5376">
        <v>43</v>
      </c>
      <c r="AJ5376">
        <v>44</v>
      </c>
      <c r="AK5376">
        <v>44</v>
      </c>
      <c r="AL5376">
        <v>44</v>
      </c>
      <c r="AM5376">
        <v>45</v>
      </c>
      <c r="AN5376">
        <v>45</v>
      </c>
      <c r="AO5376">
        <v>45</v>
      </c>
      <c r="AP5376">
        <v>46</v>
      </c>
      <c r="AQ5376">
        <v>46</v>
      </c>
    </row>
    <row r="5377" spans="1:43">
      <c r="A5377" t="s">
        <v>3360</v>
      </c>
      <c r="B5377" t="s">
        <v>3361</v>
      </c>
      <c r="C5377" t="s">
        <v>3362</v>
      </c>
      <c r="D5377" t="s">
        <v>3363</v>
      </c>
      <c r="E5377" t="s">
        <v>3352</v>
      </c>
      <c r="F5377" t="s">
        <v>3353</v>
      </c>
      <c r="G5377" t="s">
        <v>80</v>
      </c>
      <c r="H5377" t="s">
        <v>81</v>
      </c>
      <c r="I5377" s="2">
        <v>0</v>
      </c>
      <c r="J5377" s="2">
        <v>1</v>
      </c>
      <c r="K5377" s="2">
        <v>0</v>
      </c>
      <c r="L5377" t="s">
        <v>82</v>
      </c>
      <c r="M5377" t="s">
        <v>83</v>
      </c>
      <c r="N5377" t="s">
        <v>91</v>
      </c>
      <c r="O5377" t="s">
        <v>85</v>
      </c>
      <c r="P5377" t="s">
        <v>86</v>
      </c>
      <c r="Q5377">
        <v>29</v>
      </c>
      <c r="R5377">
        <v>30</v>
      </c>
      <c r="S5377">
        <v>30</v>
      </c>
      <c r="T5377">
        <v>31</v>
      </c>
      <c r="U5377">
        <v>32</v>
      </c>
      <c r="V5377">
        <v>33</v>
      </c>
      <c r="W5377">
        <v>33</v>
      </c>
      <c r="X5377">
        <v>34</v>
      </c>
      <c r="Y5377">
        <v>35</v>
      </c>
      <c r="Z5377">
        <v>36</v>
      </c>
      <c r="AA5377">
        <v>36</v>
      </c>
      <c r="AB5377">
        <v>37</v>
      </c>
      <c r="AC5377">
        <v>38</v>
      </c>
      <c r="AD5377">
        <v>38</v>
      </c>
      <c r="AE5377">
        <v>39</v>
      </c>
      <c r="AF5377">
        <v>40</v>
      </c>
      <c r="AG5377">
        <v>41</v>
      </c>
      <c r="AH5377">
        <v>41</v>
      </c>
      <c r="AI5377">
        <v>42</v>
      </c>
      <c r="AJ5377">
        <v>43</v>
      </c>
      <c r="AK5377">
        <v>44</v>
      </c>
      <c r="AL5377">
        <v>44</v>
      </c>
      <c r="AM5377">
        <v>44</v>
      </c>
      <c r="AN5377">
        <v>45</v>
      </c>
      <c r="AO5377">
        <v>45</v>
      </c>
      <c r="AP5377">
        <v>46</v>
      </c>
      <c r="AQ5377">
        <v>46</v>
      </c>
    </row>
    <row r="5378" spans="1:43">
      <c r="A5378" t="s">
        <v>3364</v>
      </c>
      <c r="B5378" t="s">
        <v>3365</v>
      </c>
      <c r="C5378" t="s">
        <v>3362</v>
      </c>
      <c r="D5378" t="s">
        <v>3363</v>
      </c>
      <c r="E5378" t="s">
        <v>3352</v>
      </c>
      <c r="F5378" t="s">
        <v>3353</v>
      </c>
      <c r="G5378" t="s">
        <v>80</v>
      </c>
      <c r="H5378" t="s">
        <v>81</v>
      </c>
      <c r="I5378" s="2">
        <v>0</v>
      </c>
      <c r="J5378" s="2">
        <v>1</v>
      </c>
      <c r="K5378" s="2">
        <v>0</v>
      </c>
      <c r="L5378" t="s">
        <v>82</v>
      </c>
      <c r="M5378" t="s">
        <v>83</v>
      </c>
      <c r="N5378" t="s">
        <v>84</v>
      </c>
      <c r="O5378" t="s">
        <v>85</v>
      </c>
      <c r="P5378" t="s">
        <v>86</v>
      </c>
      <c r="Q5378">
        <v>53</v>
      </c>
      <c r="R5378">
        <v>54</v>
      </c>
      <c r="S5378">
        <v>56</v>
      </c>
      <c r="T5378">
        <v>57</v>
      </c>
      <c r="U5378">
        <v>58</v>
      </c>
      <c r="V5378">
        <v>59</v>
      </c>
      <c r="W5378">
        <v>61</v>
      </c>
      <c r="X5378">
        <v>62</v>
      </c>
      <c r="Y5378">
        <v>63</v>
      </c>
      <c r="Z5378">
        <v>65</v>
      </c>
      <c r="AA5378">
        <v>66</v>
      </c>
      <c r="AB5378">
        <v>68</v>
      </c>
      <c r="AC5378">
        <v>69</v>
      </c>
      <c r="AD5378">
        <v>70</v>
      </c>
      <c r="AE5378">
        <v>71</v>
      </c>
      <c r="AF5378">
        <v>73</v>
      </c>
      <c r="AG5378">
        <v>74</v>
      </c>
      <c r="AH5378">
        <v>75</v>
      </c>
      <c r="AI5378">
        <v>77</v>
      </c>
      <c r="AJ5378">
        <v>78</v>
      </c>
      <c r="AK5378">
        <v>80</v>
      </c>
      <c r="AL5378">
        <v>81</v>
      </c>
      <c r="AM5378">
        <v>81</v>
      </c>
      <c r="AN5378">
        <v>82</v>
      </c>
      <c r="AO5378">
        <v>83</v>
      </c>
      <c r="AP5378">
        <v>83</v>
      </c>
      <c r="AQ5378">
        <v>84</v>
      </c>
    </row>
    <row r="5379" spans="1:43">
      <c r="A5379" t="s">
        <v>3364</v>
      </c>
      <c r="B5379" t="s">
        <v>3365</v>
      </c>
      <c r="C5379" t="s">
        <v>3362</v>
      </c>
      <c r="D5379" t="s">
        <v>3363</v>
      </c>
      <c r="E5379" t="s">
        <v>3352</v>
      </c>
      <c r="F5379" t="s">
        <v>3353</v>
      </c>
      <c r="G5379" t="s">
        <v>80</v>
      </c>
      <c r="H5379" t="s">
        <v>81</v>
      </c>
      <c r="I5379" s="2">
        <v>0</v>
      </c>
      <c r="J5379" s="2">
        <v>1</v>
      </c>
      <c r="K5379" s="2">
        <v>0</v>
      </c>
      <c r="L5379" t="s">
        <v>82</v>
      </c>
      <c r="M5379" t="s">
        <v>87</v>
      </c>
      <c r="N5379" t="s">
        <v>88</v>
      </c>
      <c r="O5379" t="s">
        <v>85</v>
      </c>
      <c r="P5379" t="s">
        <v>86</v>
      </c>
      <c r="Q5379">
        <v>53</v>
      </c>
      <c r="R5379">
        <v>54</v>
      </c>
      <c r="S5379">
        <v>55</v>
      </c>
      <c r="T5379">
        <v>56</v>
      </c>
      <c r="U5379">
        <v>57</v>
      </c>
      <c r="V5379">
        <v>57</v>
      </c>
      <c r="W5379">
        <v>58</v>
      </c>
      <c r="X5379">
        <v>59</v>
      </c>
      <c r="Y5379">
        <v>60</v>
      </c>
      <c r="Z5379">
        <v>60</v>
      </c>
      <c r="AA5379">
        <v>61</v>
      </c>
      <c r="AB5379">
        <v>62</v>
      </c>
      <c r="AC5379">
        <v>63</v>
      </c>
      <c r="AD5379">
        <v>64</v>
      </c>
      <c r="AE5379">
        <v>65</v>
      </c>
      <c r="AF5379">
        <v>65</v>
      </c>
      <c r="AG5379">
        <v>66</v>
      </c>
      <c r="AH5379">
        <v>67</v>
      </c>
      <c r="AI5379">
        <v>68</v>
      </c>
      <c r="AJ5379">
        <v>69</v>
      </c>
      <c r="AK5379">
        <v>70</v>
      </c>
      <c r="AL5379">
        <v>71</v>
      </c>
      <c r="AM5379">
        <v>71</v>
      </c>
      <c r="AN5379">
        <v>72</v>
      </c>
      <c r="AO5379">
        <v>73</v>
      </c>
      <c r="AP5379">
        <v>74</v>
      </c>
      <c r="AQ5379">
        <v>75</v>
      </c>
    </row>
    <row r="5380" spans="1:43">
      <c r="A5380" t="s">
        <v>3364</v>
      </c>
      <c r="B5380" t="s">
        <v>3365</v>
      </c>
      <c r="C5380" t="s">
        <v>3362</v>
      </c>
      <c r="D5380" t="s">
        <v>3363</v>
      </c>
      <c r="E5380" t="s">
        <v>3352</v>
      </c>
      <c r="F5380" t="s">
        <v>3353</v>
      </c>
      <c r="G5380" t="s">
        <v>80</v>
      </c>
      <c r="H5380" t="s">
        <v>81</v>
      </c>
      <c r="I5380" s="2">
        <v>0</v>
      </c>
      <c r="J5380" s="2">
        <v>1</v>
      </c>
      <c r="K5380" s="2">
        <v>0</v>
      </c>
      <c r="L5380" t="s">
        <v>82</v>
      </c>
      <c r="M5380" t="s">
        <v>89</v>
      </c>
      <c r="N5380" t="s">
        <v>90</v>
      </c>
      <c r="O5380" t="s">
        <v>85</v>
      </c>
      <c r="P5380" t="s">
        <v>86</v>
      </c>
      <c r="Q5380">
        <v>53</v>
      </c>
      <c r="R5380">
        <v>55</v>
      </c>
      <c r="S5380">
        <v>57</v>
      </c>
      <c r="T5380">
        <v>59</v>
      </c>
      <c r="U5380">
        <v>60</v>
      </c>
      <c r="V5380">
        <v>62</v>
      </c>
      <c r="W5380">
        <v>64</v>
      </c>
      <c r="X5380">
        <v>66</v>
      </c>
      <c r="Y5380">
        <v>67</v>
      </c>
      <c r="Z5380">
        <v>69</v>
      </c>
      <c r="AA5380">
        <v>70</v>
      </c>
      <c r="AB5380">
        <v>72</v>
      </c>
      <c r="AC5380">
        <v>73</v>
      </c>
      <c r="AD5380">
        <v>75</v>
      </c>
      <c r="AE5380">
        <v>76</v>
      </c>
      <c r="AF5380">
        <v>77</v>
      </c>
      <c r="AG5380">
        <v>77</v>
      </c>
      <c r="AH5380">
        <v>78</v>
      </c>
      <c r="AI5380">
        <v>79</v>
      </c>
      <c r="AJ5380">
        <v>80</v>
      </c>
      <c r="AK5380">
        <v>80</v>
      </c>
      <c r="AL5380">
        <v>81</v>
      </c>
      <c r="AM5380">
        <v>82</v>
      </c>
      <c r="AN5380">
        <v>82</v>
      </c>
      <c r="AO5380">
        <v>83</v>
      </c>
      <c r="AP5380">
        <v>84</v>
      </c>
      <c r="AQ5380">
        <v>84</v>
      </c>
    </row>
    <row r="5381" spans="1:43">
      <c r="A5381" t="s">
        <v>3364</v>
      </c>
      <c r="B5381" t="s">
        <v>3365</v>
      </c>
      <c r="C5381" t="s">
        <v>3362</v>
      </c>
      <c r="D5381" t="s">
        <v>3363</v>
      </c>
      <c r="E5381" t="s">
        <v>3352</v>
      </c>
      <c r="F5381" t="s">
        <v>3353</v>
      </c>
      <c r="G5381" t="s">
        <v>80</v>
      </c>
      <c r="H5381" t="s">
        <v>81</v>
      </c>
      <c r="I5381" s="2">
        <v>0</v>
      </c>
      <c r="J5381" s="2">
        <v>1</v>
      </c>
      <c r="K5381" s="2">
        <v>0</v>
      </c>
      <c r="L5381" t="s">
        <v>82</v>
      </c>
      <c r="M5381" t="s">
        <v>83</v>
      </c>
      <c r="N5381" t="s">
        <v>91</v>
      </c>
      <c r="O5381" t="s">
        <v>85</v>
      </c>
      <c r="P5381" t="s">
        <v>86</v>
      </c>
      <c r="Q5381">
        <v>53</v>
      </c>
      <c r="R5381">
        <v>54</v>
      </c>
      <c r="S5381">
        <v>56</v>
      </c>
      <c r="T5381">
        <v>57</v>
      </c>
      <c r="U5381">
        <v>58</v>
      </c>
      <c r="V5381">
        <v>59</v>
      </c>
      <c r="W5381">
        <v>61</v>
      </c>
      <c r="X5381">
        <v>62</v>
      </c>
      <c r="Y5381">
        <v>63</v>
      </c>
      <c r="Z5381">
        <v>65</v>
      </c>
      <c r="AA5381">
        <v>66</v>
      </c>
      <c r="AB5381">
        <v>68</v>
      </c>
      <c r="AC5381">
        <v>69</v>
      </c>
      <c r="AD5381">
        <v>70</v>
      </c>
      <c r="AE5381">
        <v>71</v>
      </c>
      <c r="AF5381">
        <v>73</v>
      </c>
      <c r="AG5381">
        <v>74</v>
      </c>
      <c r="AH5381">
        <v>75</v>
      </c>
      <c r="AI5381">
        <v>77</v>
      </c>
      <c r="AJ5381">
        <v>78</v>
      </c>
      <c r="AK5381">
        <v>80</v>
      </c>
      <c r="AL5381">
        <v>81</v>
      </c>
      <c r="AM5381">
        <v>81</v>
      </c>
      <c r="AN5381">
        <v>82</v>
      </c>
      <c r="AO5381">
        <v>83</v>
      </c>
      <c r="AP5381">
        <v>83</v>
      </c>
      <c r="AQ5381">
        <v>84</v>
      </c>
    </row>
    <row r="5382" spans="1:43">
      <c r="A5382" t="s">
        <v>3366</v>
      </c>
      <c r="B5382" t="s">
        <v>3367</v>
      </c>
      <c r="C5382" t="s">
        <v>3362</v>
      </c>
      <c r="D5382" t="s">
        <v>3363</v>
      </c>
      <c r="E5382" t="s">
        <v>3352</v>
      </c>
      <c r="F5382" t="s">
        <v>3353</v>
      </c>
      <c r="G5382" t="s">
        <v>80</v>
      </c>
      <c r="H5382" t="s">
        <v>81</v>
      </c>
      <c r="I5382" s="2">
        <v>0</v>
      </c>
      <c r="J5382" s="2">
        <v>1</v>
      </c>
      <c r="K5382" s="2">
        <v>0</v>
      </c>
      <c r="L5382" t="s">
        <v>82</v>
      </c>
      <c r="M5382" t="s">
        <v>83</v>
      </c>
      <c r="N5382" t="s">
        <v>84</v>
      </c>
      <c r="O5382" t="s">
        <v>85</v>
      </c>
      <c r="P5382" t="s">
        <v>86</v>
      </c>
      <c r="Q5382">
        <v>61</v>
      </c>
      <c r="R5382">
        <v>63</v>
      </c>
      <c r="S5382">
        <v>64</v>
      </c>
      <c r="T5382">
        <v>66</v>
      </c>
      <c r="U5382">
        <v>67</v>
      </c>
      <c r="V5382">
        <v>69</v>
      </c>
      <c r="W5382">
        <v>70</v>
      </c>
      <c r="X5382">
        <v>72</v>
      </c>
      <c r="Y5382">
        <v>73</v>
      </c>
      <c r="Z5382">
        <v>75</v>
      </c>
      <c r="AA5382">
        <v>76</v>
      </c>
      <c r="AB5382">
        <v>78</v>
      </c>
      <c r="AC5382">
        <v>79</v>
      </c>
      <c r="AD5382">
        <v>81</v>
      </c>
      <c r="AE5382">
        <v>82</v>
      </c>
      <c r="AF5382">
        <v>84</v>
      </c>
      <c r="AG5382">
        <v>85</v>
      </c>
      <c r="AH5382">
        <v>87</v>
      </c>
      <c r="AI5382">
        <v>89</v>
      </c>
      <c r="AJ5382">
        <v>90</v>
      </c>
      <c r="AK5382">
        <v>92</v>
      </c>
      <c r="AL5382">
        <v>93</v>
      </c>
      <c r="AM5382">
        <v>94</v>
      </c>
      <c r="AN5382">
        <v>94</v>
      </c>
      <c r="AO5382">
        <v>95</v>
      </c>
      <c r="AP5382">
        <v>96</v>
      </c>
      <c r="AQ5382">
        <v>97</v>
      </c>
    </row>
    <row r="5383" spans="1:43">
      <c r="A5383" t="s">
        <v>3366</v>
      </c>
      <c r="B5383" t="s">
        <v>3367</v>
      </c>
      <c r="C5383" t="s">
        <v>3362</v>
      </c>
      <c r="D5383" t="s">
        <v>3363</v>
      </c>
      <c r="E5383" t="s">
        <v>3352</v>
      </c>
      <c r="F5383" t="s">
        <v>3353</v>
      </c>
      <c r="G5383" t="s">
        <v>80</v>
      </c>
      <c r="H5383" t="s">
        <v>81</v>
      </c>
      <c r="I5383" s="2">
        <v>0</v>
      </c>
      <c r="J5383" s="2">
        <v>1</v>
      </c>
      <c r="K5383" s="2">
        <v>0</v>
      </c>
      <c r="L5383" t="s">
        <v>82</v>
      </c>
      <c r="M5383" t="s">
        <v>87</v>
      </c>
      <c r="N5383" t="s">
        <v>88</v>
      </c>
      <c r="O5383" t="s">
        <v>85</v>
      </c>
      <c r="P5383" t="s">
        <v>86</v>
      </c>
      <c r="Q5383">
        <v>61</v>
      </c>
      <c r="R5383">
        <v>61</v>
      </c>
      <c r="S5383">
        <v>62</v>
      </c>
      <c r="T5383">
        <v>63</v>
      </c>
      <c r="U5383">
        <v>64</v>
      </c>
      <c r="V5383">
        <v>65</v>
      </c>
      <c r="W5383">
        <v>66</v>
      </c>
      <c r="X5383">
        <v>67</v>
      </c>
      <c r="Y5383">
        <v>68</v>
      </c>
      <c r="Z5383">
        <v>69</v>
      </c>
      <c r="AA5383">
        <v>70</v>
      </c>
      <c r="AB5383">
        <v>70</v>
      </c>
      <c r="AC5383">
        <v>71</v>
      </c>
      <c r="AD5383">
        <v>72</v>
      </c>
      <c r="AE5383">
        <v>73</v>
      </c>
      <c r="AF5383">
        <v>74</v>
      </c>
      <c r="AG5383">
        <v>75</v>
      </c>
      <c r="AH5383">
        <v>76</v>
      </c>
      <c r="AI5383">
        <v>77</v>
      </c>
      <c r="AJ5383">
        <v>78</v>
      </c>
      <c r="AK5383">
        <v>79</v>
      </c>
      <c r="AL5383">
        <v>80</v>
      </c>
      <c r="AM5383">
        <v>81</v>
      </c>
      <c r="AN5383">
        <v>82</v>
      </c>
      <c r="AO5383">
        <v>83</v>
      </c>
      <c r="AP5383">
        <v>84</v>
      </c>
      <c r="AQ5383">
        <v>85</v>
      </c>
    </row>
    <row r="5384" spans="1:43">
      <c r="A5384" t="s">
        <v>3366</v>
      </c>
      <c r="B5384" t="s">
        <v>3367</v>
      </c>
      <c r="C5384" t="s">
        <v>3362</v>
      </c>
      <c r="D5384" t="s">
        <v>3363</v>
      </c>
      <c r="E5384" t="s">
        <v>3352</v>
      </c>
      <c r="F5384" t="s">
        <v>3353</v>
      </c>
      <c r="G5384" t="s">
        <v>80</v>
      </c>
      <c r="H5384" t="s">
        <v>81</v>
      </c>
      <c r="I5384" s="2">
        <v>0</v>
      </c>
      <c r="J5384" s="2">
        <v>1</v>
      </c>
      <c r="K5384" s="2">
        <v>0</v>
      </c>
      <c r="L5384" t="s">
        <v>82</v>
      </c>
      <c r="M5384" t="s">
        <v>89</v>
      </c>
      <c r="N5384" t="s">
        <v>90</v>
      </c>
      <c r="O5384" t="s">
        <v>85</v>
      </c>
      <c r="P5384" t="s">
        <v>86</v>
      </c>
      <c r="Q5384">
        <v>61</v>
      </c>
      <c r="R5384">
        <v>63</v>
      </c>
      <c r="S5384">
        <v>65</v>
      </c>
      <c r="T5384">
        <v>67</v>
      </c>
      <c r="U5384">
        <v>69</v>
      </c>
      <c r="V5384">
        <v>71</v>
      </c>
      <c r="W5384">
        <v>73</v>
      </c>
      <c r="X5384">
        <v>75</v>
      </c>
      <c r="Y5384">
        <v>76</v>
      </c>
      <c r="Z5384">
        <v>78</v>
      </c>
      <c r="AA5384">
        <v>80</v>
      </c>
      <c r="AB5384">
        <v>82</v>
      </c>
      <c r="AC5384">
        <v>83</v>
      </c>
      <c r="AD5384">
        <v>85</v>
      </c>
      <c r="AE5384">
        <v>87</v>
      </c>
      <c r="AF5384">
        <v>88</v>
      </c>
      <c r="AG5384">
        <v>88</v>
      </c>
      <c r="AH5384">
        <v>89</v>
      </c>
      <c r="AI5384">
        <v>90</v>
      </c>
      <c r="AJ5384">
        <v>91</v>
      </c>
      <c r="AK5384">
        <v>92</v>
      </c>
      <c r="AL5384">
        <v>92</v>
      </c>
      <c r="AM5384">
        <v>93</v>
      </c>
      <c r="AN5384">
        <v>94</v>
      </c>
      <c r="AO5384">
        <v>95</v>
      </c>
      <c r="AP5384">
        <v>96</v>
      </c>
      <c r="AQ5384">
        <v>96</v>
      </c>
    </row>
    <row r="5385" spans="1:43">
      <c r="A5385" t="s">
        <v>3366</v>
      </c>
      <c r="B5385" t="s">
        <v>3367</v>
      </c>
      <c r="C5385" t="s">
        <v>3362</v>
      </c>
      <c r="D5385" t="s">
        <v>3363</v>
      </c>
      <c r="E5385" t="s">
        <v>3352</v>
      </c>
      <c r="F5385" t="s">
        <v>3353</v>
      </c>
      <c r="G5385" t="s">
        <v>80</v>
      </c>
      <c r="H5385" t="s">
        <v>81</v>
      </c>
      <c r="I5385" s="2">
        <v>0</v>
      </c>
      <c r="J5385" s="2">
        <v>1</v>
      </c>
      <c r="K5385" s="2">
        <v>0</v>
      </c>
      <c r="L5385" t="s">
        <v>82</v>
      </c>
      <c r="M5385" t="s">
        <v>83</v>
      </c>
      <c r="N5385" t="s">
        <v>91</v>
      </c>
      <c r="O5385" t="s">
        <v>85</v>
      </c>
      <c r="P5385" t="s">
        <v>86</v>
      </c>
      <c r="Q5385">
        <v>61</v>
      </c>
      <c r="R5385">
        <v>63</v>
      </c>
      <c r="S5385">
        <v>64</v>
      </c>
      <c r="T5385">
        <v>66</v>
      </c>
      <c r="U5385">
        <v>67</v>
      </c>
      <c r="V5385">
        <v>69</v>
      </c>
      <c r="W5385">
        <v>70</v>
      </c>
      <c r="X5385">
        <v>72</v>
      </c>
      <c r="Y5385">
        <v>73</v>
      </c>
      <c r="Z5385">
        <v>75</v>
      </c>
      <c r="AA5385">
        <v>76</v>
      </c>
      <c r="AB5385">
        <v>78</v>
      </c>
      <c r="AC5385">
        <v>79</v>
      </c>
      <c r="AD5385">
        <v>81</v>
      </c>
      <c r="AE5385">
        <v>82</v>
      </c>
      <c r="AF5385">
        <v>84</v>
      </c>
      <c r="AG5385">
        <v>85</v>
      </c>
      <c r="AH5385">
        <v>87</v>
      </c>
      <c r="AI5385">
        <v>89</v>
      </c>
      <c r="AJ5385">
        <v>90</v>
      </c>
      <c r="AK5385">
        <v>92</v>
      </c>
      <c r="AL5385">
        <v>93</v>
      </c>
      <c r="AM5385">
        <v>94</v>
      </c>
      <c r="AN5385">
        <v>94</v>
      </c>
      <c r="AO5385">
        <v>95</v>
      </c>
      <c r="AP5385">
        <v>96</v>
      </c>
      <c r="AQ5385">
        <v>97</v>
      </c>
    </row>
    <row r="5386" spans="1:43">
      <c r="A5386" t="s">
        <v>3368</v>
      </c>
      <c r="B5386" t="s">
        <v>3369</v>
      </c>
      <c r="C5386" t="s">
        <v>3362</v>
      </c>
      <c r="D5386" t="s">
        <v>3363</v>
      </c>
      <c r="E5386" t="s">
        <v>3352</v>
      </c>
      <c r="F5386" t="s">
        <v>3353</v>
      </c>
      <c r="G5386" t="s">
        <v>80</v>
      </c>
      <c r="H5386" t="s">
        <v>81</v>
      </c>
      <c r="I5386" s="2">
        <v>0</v>
      </c>
      <c r="J5386" s="2">
        <v>1</v>
      </c>
      <c r="K5386" s="2">
        <v>0</v>
      </c>
      <c r="L5386" t="s">
        <v>82</v>
      </c>
      <c r="M5386" t="s">
        <v>83</v>
      </c>
      <c r="N5386" t="s">
        <v>84</v>
      </c>
      <c r="O5386" t="s">
        <v>85</v>
      </c>
      <c r="P5386" t="s">
        <v>86</v>
      </c>
      <c r="Q5386">
        <v>44</v>
      </c>
      <c r="R5386">
        <v>45</v>
      </c>
      <c r="S5386">
        <v>46</v>
      </c>
      <c r="T5386">
        <v>47</v>
      </c>
      <c r="U5386">
        <v>48</v>
      </c>
      <c r="V5386">
        <v>49</v>
      </c>
      <c r="W5386">
        <v>50</v>
      </c>
      <c r="X5386">
        <v>51</v>
      </c>
      <c r="Y5386">
        <v>53</v>
      </c>
      <c r="Z5386">
        <v>54</v>
      </c>
      <c r="AA5386">
        <v>55</v>
      </c>
      <c r="AB5386">
        <v>56</v>
      </c>
      <c r="AC5386">
        <v>57</v>
      </c>
      <c r="AD5386">
        <v>58</v>
      </c>
      <c r="AE5386">
        <v>59</v>
      </c>
      <c r="AF5386">
        <v>60</v>
      </c>
      <c r="AG5386">
        <v>61</v>
      </c>
      <c r="AH5386">
        <v>62</v>
      </c>
      <c r="AI5386">
        <v>64</v>
      </c>
      <c r="AJ5386">
        <v>65</v>
      </c>
      <c r="AK5386">
        <v>66</v>
      </c>
      <c r="AL5386">
        <v>67</v>
      </c>
      <c r="AM5386">
        <v>67</v>
      </c>
      <c r="AN5386">
        <v>68</v>
      </c>
      <c r="AO5386">
        <v>68</v>
      </c>
      <c r="AP5386">
        <v>69</v>
      </c>
      <c r="AQ5386">
        <v>70</v>
      </c>
    </row>
    <row r="5387" spans="1:43">
      <c r="A5387" t="s">
        <v>3368</v>
      </c>
      <c r="B5387" t="s">
        <v>3369</v>
      </c>
      <c r="C5387" t="s">
        <v>3362</v>
      </c>
      <c r="D5387" t="s">
        <v>3363</v>
      </c>
      <c r="E5387" t="s">
        <v>3352</v>
      </c>
      <c r="F5387" t="s">
        <v>3353</v>
      </c>
      <c r="G5387" t="s">
        <v>80</v>
      </c>
      <c r="H5387" t="s">
        <v>81</v>
      </c>
      <c r="I5387" s="2">
        <v>0</v>
      </c>
      <c r="J5387" s="2">
        <v>1</v>
      </c>
      <c r="K5387" s="2">
        <v>0</v>
      </c>
      <c r="L5387" t="s">
        <v>82</v>
      </c>
      <c r="M5387" t="s">
        <v>87</v>
      </c>
      <c r="N5387" t="s">
        <v>88</v>
      </c>
      <c r="O5387" t="s">
        <v>85</v>
      </c>
      <c r="P5387" t="s">
        <v>86</v>
      </c>
      <c r="Q5387">
        <v>44</v>
      </c>
      <c r="R5387">
        <v>45</v>
      </c>
      <c r="S5387">
        <v>46</v>
      </c>
      <c r="T5387">
        <v>46</v>
      </c>
      <c r="U5387">
        <v>47</v>
      </c>
      <c r="V5387">
        <v>48</v>
      </c>
      <c r="W5387">
        <v>48</v>
      </c>
      <c r="X5387">
        <v>49</v>
      </c>
      <c r="Y5387">
        <v>50</v>
      </c>
      <c r="Z5387">
        <v>50</v>
      </c>
      <c r="AA5387">
        <v>51</v>
      </c>
      <c r="AB5387">
        <v>52</v>
      </c>
      <c r="AC5387">
        <v>52</v>
      </c>
      <c r="AD5387">
        <v>53</v>
      </c>
      <c r="AE5387">
        <v>54</v>
      </c>
      <c r="AF5387">
        <v>54</v>
      </c>
      <c r="AG5387">
        <v>55</v>
      </c>
      <c r="AH5387">
        <v>56</v>
      </c>
      <c r="AI5387">
        <v>56</v>
      </c>
      <c r="AJ5387">
        <v>57</v>
      </c>
      <c r="AK5387">
        <v>58</v>
      </c>
      <c r="AL5387">
        <v>59</v>
      </c>
      <c r="AM5387">
        <v>59</v>
      </c>
      <c r="AN5387">
        <v>60</v>
      </c>
      <c r="AO5387">
        <v>61</v>
      </c>
      <c r="AP5387">
        <v>61</v>
      </c>
      <c r="AQ5387">
        <v>62</v>
      </c>
    </row>
    <row r="5388" spans="1:43">
      <c r="A5388" t="s">
        <v>3368</v>
      </c>
      <c r="B5388" t="s">
        <v>3369</v>
      </c>
      <c r="C5388" t="s">
        <v>3362</v>
      </c>
      <c r="D5388" t="s">
        <v>3363</v>
      </c>
      <c r="E5388" t="s">
        <v>3352</v>
      </c>
      <c r="F5388" t="s">
        <v>3353</v>
      </c>
      <c r="G5388" t="s">
        <v>80</v>
      </c>
      <c r="H5388" t="s">
        <v>81</v>
      </c>
      <c r="I5388" s="2">
        <v>0</v>
      </c>
      <c r="J5388" s="2">
        <v>1</v>
      </c>
      <c r="K5388" s="2">
        <v>0</v>
      </c>
      <c r="L5388" t="s">
        <v>82</v>
      </c>
      <c r="M5388" t="s">
        <v>89</v>
      </c>
      <c r="N5388" t="s">
        <v>90</v>
      </c>
      <c r="O5388" t="s">
        <v>85</v>
      </c>
      <c r="P5388" t="s">
        <v>86</v>
      </c>
      <c r="Q5388">
        <v>44</v>
      </c>
      <c r="R5388">
        <v>46</v>
      </c>
      <c r="S5388">
        <v>47</v>
      </c>
      <c r="T5388">
        <v>49</v>
      </c>
      <c r="U5388">
        <v>50</v>
      </c>
      <c r="V5388">
        <v>51</v>
      </c>
      <c r="W5388">
        <v>53</v>
      </c>
      <c r="X5388">
        <v>54</v>
      </c>
      <c r="Y5388">
        <v>56</v>
      </c>
      <c r="Z5388">
        <v>57</v>
      </c>
      <c r="AA5388">
        <v>58</v>
      </c>
      <c r="AB5388">
        <v>59</v>
      </c>
      <c r="AC5388">
        <v>61</v>
      </c>
      <c r="AD5388">
        <v>62</v>
      </c>
      <c r="AE5388">
        <v>63</v>
      </c>
      <c r="AF5388">
        <v>64</v>
      </c>
      <c r="AG5388">
        <v>64</v>
      </c>
      <c r="AH5388">
        <v>65</v>
      </c>
      <c r="AI5388">
        <v>65</v>
      </c>
      <c r="AJ5388">
        <v>66</v>
      </c>
      <c r="AK5388">
        <v>66</v>
      </c>
      <c r="AL5388">
        <v>67</v>
      </c>
      <c r="AM5388">
        <v>68</v>
      </c>
      <c r="AN5388">
        <v>68</v>
      </c>
      <c r="AO5388">
        <v>69</v>
      </c>
      <c r="AP5388">
        <v>69</v>
      </c>
      <c r="AQ5388">
        <v>70</v>
      </c>
    </row>
    <row r="5389" spans="1:43">
      <c r="A5389" t="s">
        <v>3368</v>
      </c>
      <c r="B5389" t="s">
        <v>3369</v>
      </c>
      <c r="C5389" t="s">
        <v>3362</v>
      </c>
      <c r="D5389" t="s">
        <v>3363</v>
      </c>
      <c r="E5389" t="s">
        <v>3352</v>
      </c>
      <c r="F5389" t="s">
        <v>3353</v>
      </c>
      <c r="G5389" t="s">
        <v>80</v>
      </c>
      <c r="H5389" t="s">
        <v>81</v>
      </c>
      <c r="I5389" s="2">
        <v>0</v>
      </c>
      <c r="J5389" s="2">
        <v>1</v>
      </c>
      <c r="K5389" s="2">
        <v>0</v>
      </c>
      <c r="L5389" t="s">
        <v>82</v>
      </c>
      <c r="M5389" t="s">
        <v>83</v>
      </c>
      <c r="N5389" t="s">
        <v>91</v>
      </c>
      <c r="O5389" t="s">
        <v>85</v>
      </c>
      <c r="P5389" t="s">
        <v>86</v>
      </c>
      <c r="Q5389">
        <v>44</v>
      </c>
      <c r="R5389">
        <v>45</v>
      </c>
      <c r="S5389">
        <v>46</v>
      </c>
      <c r="T5389">
        <v>47</v>
      </c>
      <c r="U5389">
        <v>48</v>
      </c>
      <c r="V5389">
        <v>49</v>
      </c>
      <c r="W5389">
        <v>50</v>
      </c>
      <c r="X5389">
        <v>51</v>
      </c>
      <c r="Y5389">
        <v>53</v>
      </c>
      <c r="Z5389">
        <v>54</v>
      </c>
      <c r="AA5389">
        <v>55</v>
      </c>
      <c r="AB5389">
        <v>56</v>
      </c>
      <c r="AC5389">
        <v>57</v>
      </c>
      <c r="AD5389">
        <v>58</v>
      </c>
      <c r="AE5389">
        <v>59</v>
      </c>
      <c r="AF5389">
        <v>60</v>
      </c>
      <c r="AG5389">
        <v>61</v>
      </c>
      <c r="AH5389">
        <v>62</v>
      </c>
      <c r="AI5389">
        <v>64</v>
      </c>
      <c r="AJ5389">
        <v>65</v>
      </c>
      <c r="AK5389">
        <v>66</v>
      </c>
      <c r="AL5389">
        <v>67</v>
      </c>
      <c r="AM5389">
        <v>67</v>
      </c>
      <c r="AN5389">
        <v>68</v>
      </c>
      <c r="AO5389">
        <v>68</v>
      </c>
      <c r="AP5389">
        <v>69</v>
      </c>
      <c r="AQ5389">
        <v>70</v>
      </c>
    </row>
    <row r="5390" spans="1:43">
      <c r="A5390" t="s">
        <v>3370</v>
      </c>
      <c r="B5390" t="s">
        <v>3371</v>
      </c>
      <c r="C5390" t="s">
        <v>3362</v>
      </c>
      <c r="D5390" t="s">
        <v>3363</v>
      </c>
      <c r="E5390" t="s">
        <v>3352</v>
      </c>
      <c r="F5390" t="s">
        <v>3353</v>
      </c>
      <c r="G5390" t="s">
        <v>80</v>
      </c>
      <c r="H5390" t="s">
        <v>81</v>
      </c>
      <c r="I5390" s="2">
        <v>0</v>
      </c>
      <c r="J5390" s="2">
        <v>1</v>
      </c>
      <c r="K5390" s="2">
        <v>0</v>
      </c>
      <c r="L5390" t="s">
        <v>82</v>
      </c>
      <c r="M5390" t="s">
        <v>83</v>
      </c>
      <c r="N5390" t="s">
        <v>84</v>
      </c>
      <c r="O5390" t="s">
        <v>85</v>
      </c>
      <c r="P5390" t="s">
        <v>86</v>
      </c>
      <c r="Q5390">
        <v>29</v>
      </c>
      <c r="R5390">
        <v>29</v>
      </c>
      <c r="S5390">
        <v>30</v>
      </c>
      <c r="T5390">
        <v>31</v>
      </c>
      <c r="U5390">
        <v>31</v>
      </c>
      <c r="V5390">
        <v>32</v>
      </c>
      <c r="W5390">
        <v>33</v>
      </c>
      <c r="X5390">
        <v>34</v>
      </c>
      <c r="Y5390">
        <v>34</v>
      </c>
      <c r="Z5390">
        <v>35</v>
      </c>
      <c r="AA5390">
        <v>36</v>
      </c>
      <c r="AB5390">
        <v>36</v>
      </c>
      <c r="AC5390">
        <v>37</v>
      </c>
      <c r="AD5390">
        <v>38</v>
      </c>
      <c r="AE5390">
        <v>39</v>
      </c>
      <c r="AF5390">
        <v>39</v>
      </c>
      <c r="AG5390">
        <v>40</v>
      </c>
      <c r="AH5390">
        <v>41</v>
      </c>
      <c r="AI5390">
        <v>41</v>
      </c>
      <c r="AJ5390">
        <v>42</v>
      </c>
      <c r="AK5390">
        <v>43</v>
      </c>
      <c r="AL5390">
        <v>43</v>
      </c>
      <c r="AM5390">
        <v>44</v>
      </c>
      <c r="AN5390">
        <v>44</v>
      </c>
      <c r="AO5390">
        <v>45</v>
      </c>
      <c r="AP5390">
        <v>45</v>
      </c>
      <c r="AQ5390">
        <v>45</v>
      </c>
    </row>
    <row r="5391" spans="1:43">
      <c r="A5391" t="s">
        <v>3370</v>
      </c>
      <c r="B5391" t="s">
        <v>3371</v>
      </c>
      <c r="C5391" t="s">
        <v>3362</v>
      </c>
      <c r="D5391" t="s">
        <v>3363</v>
      </c>
      <c r="E5391" t="s">
        <v>3352</v>
      </c>
      <c r="F5391" t="s">
        <v>3353</v>
      </c>
      <c r="G5391" t="s">
        <v>80</v>
      </c>
      <c r="H5391" t="s">
        <v>81</v>
      </c>
      <c r="I5391" s="2">
        <v>0</v>
      </c>
      <c r="J5391" s="2">
        <v>1</v>
      </c>
      <c r="K5391" s="2">
        <v>0</v>
      </c>
      <c r="L5391" t="s">
        <v>82</v>
      </c>
      <c r="M5391" t="s">
        <v>87</v>
      </c>
      <c r="N5391" t="s">
        <v>88</v>
      </c>
      <c r="O5391" t="s">
        <v>85</v>
      </c>
      <c r="P5391" t="s">
        <v>86</v>
      </c>
      <c r="Q5391">
        <v>29</v>
      </c>
      <c r="R5391">
        <v>30</v>
      </c>
      <c r="S5391">
        <v>30</v>
      </c>
      <c r="T5391">
        <v>31</v>
      </c>
      <c r="U5391">
        <v>31</v>
      </c>
      <c r="V5391">
        <v>31</v>
      </c>
      <c r="W5391">
        <v>32</v>
      </c>
      <c r="X5391">
        <v>32</v>
      </c>
      <c r="Y5391">
        <v>33</v>
      </c>
      <c r="Z5391">
        <v>33</v>
      </c>
      <c r="AA5391">
        <v>34</v>
      </c>
      <c r="AB5391">
        <v>34</v>
      </c>
      <c r="AC5391">
        <v>34</v>
      </c>
      <c r="AD5391">
        <v>35</v>
      </c>
      <c r="AE5391">
        <v>35</v>
      </c>
      <c r="AF5391">
        <v>36</v>
      </c>
      <c r="AG5391">
        <v>36</v>
      </c>
      <c r="AH5391">
        <v>37</v>
      </c>
      <c r="AI5391">
        <v>37</v>
      </c>
      <c r="AJ5391">
        <v>38</v>
      </c>
      <c r="AK5391">
        <v>38</v>
      </c>
      <c r="AL5391">
        <v>39</v>
      </c>
      <c r="AM5391">
        <v>39</v>
      </c>
      <c r="AN5391">
        <v>39</v>
      </c>
      <c r="AO5391">
        <v>40</v>
      </c>
      <c r="AP5391">
        <v>40</v>
      </c>
      <c r="AQ5391">
        <v>41</v>
      </c>
    </row>
    <row r="5392" spans="1:43">
      <c r="A5392" t="s">
        <v>3370</v>
      </c>
      <c r="B5392" t="s">
        <v>3371</v>
      </c>
      <c r="C5392" t="s">
        <v>3362</v>
      </c>
      <c r="D5392" t="s">
        <v>3363</v>
      </c>
      <c r="E5392" t="s">
        <v>3352</v>
      </c>
      <c r="F5392" t="s">
        <v>3353</v>
      </c>
      <c r="G5392" t="s">
        <v>80</v>
      </c>
      <c r="H5392" t="s">
        <v>81</v>
      </c>
      <c r="I5392" s="2">
        <v>0</v>
      </c>
      <c r="J5392" s="2">
        <v>1</v>
      </c>
      <c r="K5392" s="2">
        <v>0</v>
      </c>
      <c r="L5392" t="s">
        <v>82</v>
      </c>
      <c r="M5392" t="s">
        <v>89</v>
      </c>
      <c r="N5392" t="s">
        <v>90</v>
      </c>
      <c r="O5392" t="s">
        <v>85</v>
      </c>
      <c r="P5392" t="s">
        <v>86</v>
      </c>
      <c r="Q5392">
        <v>29</v>
      </c>
      <c r="R5392">
        <v>30</v>
      </c>
      <c r="S5392">
        <v>31</v>
      </c>
      <c r="T5392">
        <v>32</v>
      </c>
      <c r="U5392">
        <v>33</v>
      </c>
      <c r="V5392">
        <v>34</v>
      </c>
      <c r="W5392">
        <v>35</v>
      </c>
      <c r="X5392">
        <v>35</v>
      </c>
      <c r="Y5392">
        <v>36</v>
      </c>
      <c r="Z5392">
        <v>37</v>
      </c>
      <c r="AA5392">
        <v>38</v>
      </c>
      <c r="AB5392">
        <v>39</v>
      </c>
      <c r="AC5392">
        <v>40</v>
      </c>
      <c r="AD5392">
        <v>40</v>
      </c>
      <c r="AE5392">
        <v>41</v>
      </c>
      <c r="AF5392">
        <v>41</v>
      </c>
      <c r="AG5392">
        <v>42</v>
      </c>
      <c r="AH5392">
        <v>42</v>
      </c>
      <c r="AI5392">
        <v>43</v>
      </c>
      <c r="AJ5392">
        <v>43</v>
      </c>
      <c r="AK5392">
        <v>43</v>
      </c>
      <c r="AL5392">
        <v>44</v>
      </c>
      <c r="AM5392">
        <v>44</v>
      </c>
      <c r="AN5392">
        <v>44</v>
      </c>
      <c r="AO5392">
        <v>45</v>
      </c>
      <c r="AP5392">
        <v>45</v>
      </c>
      <c r="AQ5392">
        <v>46</v>
      </c>
    </row>
    <row r="5393" spans="1:43">
      <c r="A5393" t="s">
        <v>3370</v>
      </c>
      <c r="B5393" t="s">
        <v>3371</v>
      </c>
      <c r="C5393" t="s">
        <v>3362</v>
      </c>
      <c r="D5393" t="s">
        <v>3363</v>
      </c>
      <c r="E5393" t="s">
        <v>3352</v>
      </c>
      <c r="F5393" t="s">
        <v>3353</v>
      </c>
      <c r="G5393" t="s">
        <v>80</v>
      </c>
      <c r="H5393" t="s">
        <v>81</v>
      </c>
      <c r="I5393" s="2">
        <v>0</v>
      </c>
      <c r="J5393" s="2">
        <v>1</v>
      </c>
      <c r="K5393" s="2">
        <v>0</v>
      </c>
      <c r="L5393" t="s">
        <v>82</v>
      </c>
      <c r="M5393" t="s">
        <v>83</v>
      </c>
      <c r="N5393" t="s">
        <v>91</v>
      </c>
      <c r="O5393" t="s">
        <v>85</v>
      </c>
      <c r="P5393" t="s">
        <v>86</v>
      </c>
      <c r="Q5393">
        <v>29</v>
      </c>
      <c r="R5393">
        <v>29</v>
      </c>
      <c r="S5393">
        <v>30</v>
      </c>
      <c r="T5393">
        <v>31</v>
      </c>
      <c r="U5393">
        <v>31</v>
      </c>
      <c r="V5393">
        <v>32</v>
      </c>
      <c r="W5393">
        <v>33</v>
      </c>
      <c r="X5393">
        <v>34</v>
      </c>
      <c r="Y5393">
        <v>34</v>
      </c>
      <c r="Z5393">
        <v>35</v>
      </c>
      <c r="AA5393">
        <v>36</v>
      </c>
      <c r="AB5393">
        <v>36</v>
      </c>
      <c r="AC5393">
        <v>37</v>
      </c>
      <c r="AD5393">
        <v>38</v>
      </c>
      <c r="AE5393">
        <v>39</v>
      </c>
      <c r="AF5393">
        <v>39</v>
      </c>
      <c r="AG5393">
        <v>40</v>
      </c>
      <c r="AH5393">
        <v>41</v>
      </c>
      <c r="AI5393">
        <v>41</v>
      </c>
      <c r="AJ5393">
        <v>42</v>
      </c>
      <c r="AK5393">
        <v>43</v>
      </c>
      <c r="AL5393">
        <v>43</v>
      </c>
      <c r="AM5393">
        <v>44</v>
      </c>
      <c r="AN5393">
        <v>44</v>
      </c>
      <c r="AO5393">
        <v>45</v>
      </c>
      <c r="AP5393">
        <v>45</v>
      </c>
      <c r="AQ5393">
        <v>45</v>
      </c>
    </row>
    <row r="5394" spans="1:43">
      <c r="A5394" t="s">
        <v>3372</v>
      </c>
      <c r="B5394" t="s">
        <v>3373</v>
      </c>
      <c r="C5394" t="s">
        <v>3374</v>
      </c>
      <c r="D5394" t="s">
        <v>3375</v>
      </c>
      <c r="E5394" t="s">
        <v>3352</v>
      </c>
      <c r="F5394" t="s">
        <v>3353</v>
      </c>
      <c r="G5394" t="s">
        <v>80</v>
      </c>
      <c r="H5394" t="s">
        <v>81</v>
      </c>
      <c r="I5394" s="2">
        <v>0</v>
      </c>
      <c r="J5394" s="2">
        <v>1</v>
      </c>
      <c r="K5394" s="2">
        <v>0</v>
      </c>
      <c r="L5394" t="s">
        <v>82</v>
      </c>
      <c r="M5394" t="s">
        <v>83</v>
      </c>
      <c r="N5394" t="s">
        <v>84</v>
      </c>
      <c r="O5394" t="s">
        <v>85</v>
      </c>
      <c r="P5394" t="s">
        <v>86</v>
      </c>
      <c r="Q5394">
        <v>44</v>
      </c>
      <c r="R5394">
        <v>46</v>
      </c>
      <c r="S5394">
        <v>47</v>
      </c>
      <c r="T5394">
        <v>48</v>
      </c>
      <c r="U5394">
        <v>49</v>
      </c>
      <c r="V5394">
        <v>50</v>
      </c>
      <c r="W5394">
        <v>51</v>
      </c>
      <c r="X5394">
        <v>52</v>
      </c>
      <c r="Y5394">
        <v>53</v>
      </c>
      <c r="Z5394">
        <v>54</v>
      </c>
      <c r="AA5394">
        <v>56</v>
      </c>
      <c r="AB5394">
        <v>57</v>
      </c>
      <c r="AC5394">
        <v>58</v>
      </c>
      <c r="AD5394">
        <v>59</v>
      </c>
      <c r="AE5394">
        <v>60</v>
      </c>
      <c r="AF5394">
        <v>61</v>
      </c>
      <c r="AG5394">
        <v>63</v>
      </c>
      <c r="AH5394">
        <v>64</v>
      </c>
      <c r="AI5394">
        <v>65</v>
      </c>
      <c r="AJ5394">
        <v>66</v>
      </c>
      <c r="AK5394">
        <v>67</v>
      </c>
      <c r="AL5394">
        <v>68</v>
      </c>
      <c r="AM5394">
        <v>69</v>
      </c>
      <c r="AN5394">
        <v>70</v>
      </c>
      <c r="AO5394">
        <v>70</v>
      </c>
      <c r="AP5394">
        <v>71</v>
      </c>
      <c r="AQ5394">
        <v>71</v>
      </c>
    </row>
    <row r="5395" spans="1:43">
      <c r="A5395" t="s">
        <v>3372</v>
      </c>
      <c r="B5395" t="s">
        <v>3373</v>
      </c>
      <c r="C5395" t="s">
        <v>3374</v>
      </c>
      <c r="D5395" t="s">
        <v>3375</v>
      </c>
      <c r="E5395" t="s">
        <v>3352</v>
      </c>
      <c r="F5395" t="s">
        <v>3353</v>
      </c>
      <c r="G5395" t="s">
        <v>80</v>
      </c>
      <c r="H5395" t="s">
        <v>81</v>
      </c>
      <c r="I5395" s="2">
        <v>0</v>
      </c>
      <c r="J5395" s="2">
        <v>1</v>
      </c>
      <c r="K5395" s="2">
        <v>0</v>
      </c>
      <c r="L5395" t="s">
        <v>82</v>
      </c>
      <c r="M5395" t="s">
        <v>87</v>
      </c>
      <c r="N5395" t="s">
        <v>88</v>
      </c>
      <c r="O5395" t="s">
        <v>85</v>
      </c>
      <c r="P5395" t="s">
        <v>86</v>
      </c>
      <c r="Q5395">
        <v>44</v>
      </c>
      <c r="R5395">
        <v>45</v>
      </c>
      <c r="S5395">
        <v>45</v>
      </c>
      <c r="T5395">
        <v>46</v>
      </c>
      <c r="U5395">
        <v>47</v>
      </c>
      <c r="V5395">
        <v>47</v>
      </c>
      <c r="W5395">
        <v>48</v>
      </c>
      <c r="X5395">
        <v>49</v>
      </c>
      <c r="Y5395">
        <v>49</v>
      </c>
      <c r="Z5395">
        <v>50</v>
      </c>
      <c r="AA5395">
        <v>51</v>
      </c>
      <c r="AB5395">
        <v>51</v>
      </c>
      <c r="AC5395">
        <v>52</v>
      </c>
      <c r="AD5395">
        <v>53</v>
      </c>
      <c r="AE5395">
        <v>53</v>
      </c>
      <c r="AF5395">
        <v>54</v>
      </c>
      <c r="AG5395">
        <v>55</v>
      </c>
      <c r="AH5395">
        <v>55</v>
      </c>
      <c r="AI5395">
        <v>56</v>
      </c>
      <c r="AJ5395">
        <v>57</v>
      </c>
      <c r="AK5395">
        <v>58</v>
      </c>
      <c r="AL5395">
        <v>58</v>
      </c>
      <c r="AM5395">
        <v>59</v>
      </c>
      <c r="AN5395">
        <v>60</v>
      </c>
      <c r="AO5395">
        <v>61</v>
      </c>
      <c r="AP5395">
        <v>61</v>
      </c>
      <c r="AQ5395">
        <v>62</v>
      </c>
    </row>
    <row r="5396" spans="1:43">
      <c r="A5396" t="s">
        <v>3372</v>
      </c>
      <c r="B5396" t="s">
        <v>3373</v>
      </c>
      <c r="C5396" t="s">
        <v>3374</v>
      </c>
      <c r="D5396" t="s">
        <v>3375</v>
      </c>
      <c r="E5396" t="s">
        <v>3352</v>
      </c>
      <c r="F5396" t="s">
        <v>3353</v>
      </c>
      <c r="G5396" t="s">
        <v>80</v>
      </c>
      <c r="H5396" t="s">
        <v>81</v>
      </c>
      <c r="I5396" s="2">
        <v>0</v>
      </c>
      <c r="J5396" s="2">
        <v>1</v>
      </c>
      <c r="K5396" s="2">
        <v>0</v>
      </c>
      <c r="L5396" t="s">
        <v>82</v>
      </c>
      <c r="M5396" t="s">
        <v>89</v>
      </c>
      <c r="N5396" t="s">
        <v>90</v>
      </c>
      <c r="O5396" t="s">
        <v>85</v>
      </c>
      <c r="P5396" t="s">
        <v>86</v>
      </c>
      <c r="Q5396">
        <v>44</v>
      </c>
      <c r="R5396">
        <v>45</v>
      </c>
      <c r="S5396">
        <v>47</v>
      </c>
      <c r="T5396">
        <v>48</v>
      </c>
      <c r="U5396">
        <v>50</v>
      </c>
      <c r="V5396">
        <v>51</v>
      </c>
      <c r="W5396">
        <v>53</v>
      </c>
      <c r="X5396">
        <v>54</v>
      </c>
      <c r="Y5396">
        <v>55</v>
      </c>
      <c r="Z5396">
        <v>57</v>
      </c>
      <c r="AA5396">
        <v>58</v>
      </c>
      <c r="AB5396">
        <v>59</v>
      </c>
      <c r="AC5396">
        <v>61</v>
      </c>
      <c r="AD5396">
        <v>62</v>
      </c>
      <c r="AE5396">
        <v>63</v>
      </c>
      <c r="AF5396">
        <v>64</v>
      </c>
      <c r="AG5396">
        <v>65</v>
      </c>
      <c r="AH5396">
        <v>65</v>
      </c>
      <c r="AI5396">
        <v>66</v>
      </c>
      <c r="AJ5396">
        <v>67</v>
      </c>
      <c r="AK5396">
        <v>67</v>
      </c>
      <c r="AL5396">
        <v>68</v>
      </c>
      <c r="AM5396">
        <v>68</v>
      </c>
      <c r="AN5396">
        <v>69</v>
      </c>
      <c r="AO5396">
        <v>70</v>
      </c>
      <c r="AP5396">
        <v>70</v>
      </c>
      <c r="AQ5396">
        <v>71</v>
      </c>
    </row>
    <row r="5397" spans="1:43">
      <c r="A5397" t="s">
        <v>3372</v>
      </c>
      <c r="B5397" t="s">
        <v>3373</v>
      </c>
      <c r="C5397" t="s">
        <v>3374</v>
      </c>
      <c r="D5397" t="s">
        <v>3375</v>
      </c>
      <c r="E5397" t="s">
        <v>3352</v>
      </c>
      <c r="F5397" t="s">
        <v>3353</v>
      </c>
      <c r="G5397" t="s">
        <v>80</v>
      </c>
      <c r="H5397" t="s">
        <v>81</v>
      </c>
      <c r="I5397" s="2">
        <v>0</v>
      </c>
      <c r="J5397" s="2">
        <v>1</v>
      </c>
      <c r="K5397" s="2">
        <v>0</v>
      </c>
      <c r="L5397" t="s">
        <v>82</v>
      </c>
      <c r="M5397" t="s">
        <v>83</v>
      </c>
      <c r="N5397" t="s">
        <v>91</v>
      </c>
      <c r="O5397" t="s">
        <v>85</v>
      </c>
      <c r="P5397" t="s">
        <v>86</v>
      </c>
      <c r="Q5397">
        <v>44</v>
      </c>
      <c r="R5397">
        <v>46</v>
      </c>
      <c r="S5397">
        <v>47</v>
      </c>
      <c r="T5397">
        <v>48</v>
      </c>
      <c r="U5397">
        <v>49</v>
      </c>
      <c r="V5397">
        <v>50</v>
      </c>
      <c r="W5397">
        <v>51</v>
      </c>
      <c r="X5397">
        <v>52</v>
      </c>
      <c r="Y5397">
        <v>53</v>
      </c>
      <c r="Z5397">
        <v>54</v>
      </c>
      <c r="AA5397">
        <v>56</v>
      </c>
      <c r="AB5397">
        <v>57</v>
      </c>
      <c r="AC5397">
        <v>58</v>
      </c>
      <c r="AD5397">
        <v>59</v>
      </c>
      <c r="AE5397">
        <v>60</v>
      </c>
      <c r="AF5397">
        <v>61</v>
      </c>
      <c r="AG5397">
        <v>63</v>
      </c>
      <c r="AH5397">
        <v>64</v>
      </c>
      <c r="AI5397">
        <v>65</v>
      </c>
      <c r="AJ5397">
        <v>66</v>
      </c>
      <c r="AK5397">
        <v>67</v>
      </c>
      <c r="AL5397">
        <v>68</v>
      </c>
      <c r="AM5397">
        <v>69</v>
      </c>
      <c r="AN5397">
        <v>70</v>
      </c>
      <c r="AO5397">
        <v>70</v>
      </c>
      <c r="AP5397">
        <v>71</v>
      </c>
      <c r="AQ5397">
        <v>71</v>
      </c>
    </row>
    <row r="5398" spans="1:43">
      <c r="A5398" t="s">
        <v>3376</v>
      </c>
      <c r="B5398" t="s">
        <v>3377</v>
      </c>
      <c r="C5398" t="s">
        <v>3378</v>
      </c>
      <c r="D5398" t="s">
        <v>3379</v>
      </c>
      <c r="E5398" t="s">
        <v>3352</v>
      </c>
      <c r="F5398" t="s">
        <v>3353</v>
      </c>
      <c r="G5398" t="s">
        <v>80</v>
      </c>
      <c r="H5398" t="s">
        <v>81</v>
      </c>
      <c r="I5398" s="2">
        <v>0</v>
      </c>
      <c r="J5398" s="2">
        <v>1</v>
      </c>
      <c r="K5398" s="2">
        <v>0</v>
      </c>
      <c r="L5398" t="s">
        <v>82</v>
      </c>
      <c r="M5398" t="s">
        <v>83</v>
      </c>
      <c r="N5398" t="s">
        <v>84</v>
      </c>
      <c r="O5398" t="s">
        <v>85</v>
      </c>
      <c r="P5398" t="s">
        <v>86</v>
      </c>
      <c r="Q5398">
        <v>60</v>
      </c>
      <c r="R5398">
        <v>61</v>
      </c>
      <c r="S5398">
        <v>63</v>
      </c>
      <c r="T5398">
        <v>64</v>
      </c>
      <c r="U5398">
        <v>66</v>
      </c>
      <c r="V5398">
        <v>67</v>
      </c>
      <c r="W5398">
        <v>69</v>
      </c>
      <c r="X5398">
        <v>70</v>
      </c>
      <c r="Y5398">
        <v>72</v>
      </c>
      <c r="Z5398">
        <v>73</v>
      </c>
      <c r="AA5398">
        <v>75</v>
      </c>
      <c r="AB5398">
        <v>76</v>
      </c>
      <c r="AC5398">
        <v>78</v>
      </c>
      <c r="AD5398">
        <v>80</v>
      </c>
      <c r="AE5398">
        <v>81</v>
      </c>
      <c r="AF5398">
        <v>83</v>
      </c>
      <c r="AG5398">
        <v>84</v>
      </c>
      <c r="AH5398">
        <v>86</v>
      </c>
      <c r="AI5398">
        <v>88</v>
      </c>
      <c r="AJ5398">
        <v>89</v>
      </c>
      <c r="AK5398">
        <v>91</v>
      </c>
      <c r="AL5398">
        <v>92</v>
      </c>
      <c r="AM5398">
        <v>93</v>
      </c>
      <c r="AN5398">
        <v>94</v>
      </c>
      <c r="AO5398">
        <v>95</v>
      </c>
      <c r="AP5398">
        <v>95</v>
      </c>
      <c r="AQ5398">
        <v>96</v>
      </c>
    </row>
    <row r="5399" spans="1:43">
      <c r="A5399" t="s">
        <v>3376</v>
      </c>
      <c r="B5399" t="s">
        <v>3377</v>
      </c>
      <c r="C5399" t="s">
        <v>3378</v>
      </c>
      <c r="D5399" t="s">
        <v>3379</v>
      </c>
      <c r="E5399" t="s">
        <v>3352</v>
      </c>
      <c r="F5399" t="s">
        <v>3353</v>
      </c>
      <c r="G5399" t="s">
        <v>80</v>
      </c>
      <c r="H5399" t="s">
        <v>81</v>
      </c>
      <c r="I5399" s="2">
        <v>0</v>
      </c>
      <c r="J5399" s="2">
        <v>1</v>
      </c>
      <c r="K5399" s="2">
        <v>0</v>
      </c>
      <c r="L5399" t="s">
        <v>82</v>
      </c>
      <c r="M5399" t="s">
        <v>87</v>
      </c>
      <c r="N5399" t="s">
        <v>88</v>
      </c>
      <c r="O5399" t="s">
        <v>85</v>
      </c>
      <c r="P5399" t="s">
        <v>86</v>
      </c>
      <c r="Q5399">
        <v>60</v>
      </c>
      <c r="R5399">
        <v>61</v>
      </c>
      <c r="S5399">
        <v>62</v>
      </c>
      <c r="T5399">
        <v>63</v>
      </c>
      <c r="U5399">
        <v>64</v>
      </c>
      <c r="V5399">
        <v>65</v>
      </c>
      <c r="W5399">
        <v>66</v>
      </c>
      <c r="X5399">
        <v>67</v>
      </c>
      <c r="Y5399">
        <v>67</v>
      </c>
      <c r="Z5399">
        <v>68</v>
      </c>
      <c r="AA5399">
        <v>69</v>
      </c>
      <c r="AB5399">
        <v>70</v>
      </c>
      <c r="AC5399">
        <v>71</v>
      </c>
      <c r="AD5399">
        <v>72</v>
      </c>
      <c r="AE5399">
        <v>73</v>
      </c>
      <c r="AF5399">
        <v>74</v>
      </c>
      <c r="AG5399">
        <v>75</v>
      </c>
      <c r="AH5399">
        <v>76</v>
      </c>
      <c r="AI5399">
        <v>77</v>
      </c>
      <c r="AJ5399">
        <v>78</v>
      </c>
      <c r="AK5399">
        <v>79</v>
      </c>
      <c r="AL5399">
        <v>80</v>
      </c>
      <c r="AM5399">
        <v>81</v>
      </c>
      <c r="AN5399">
        <v>82</v>
      </c>
      <c r="AO5399">
        <v>83</v>
      </c>
      <c r="AP5399">
        <v>84</v>
      </c>
      <c r="AQ5399">
        <v>85</v>
      </c>
    </row>
    <row r="5400" spans="1:43">
      <c r="A5400" t="s">
        <v>3376</v>
      </c>
      <c r="B5400" t="s">
        <v>3377</v>
      </c>
      <c r="C5400" t="s">
        <v>3378</v>
      </c>
      <c r="D5400" t="s">
        <v>3379</v>
      </c>
      <c r="E5400" t="s">
        <v>3352</v>
      </c>
      <c r="F5400" t="s">
        <v>3353</v>
      </c>
      <c r="G5400" t="s">
        <v>80</v>
      </c>
      <c r="H5400" t="s">
        <v>81</v>
      </c>
      <c r="I5400" s="2">
        <v>0</v>
      </c>
      <c r="J5400" s="2">
        <v>1</v>
      </c>
      <c r="K5400" s="2">
        <v>0</v>
      </c>
      <c r="L5400" t="s">
        <v>82</v>
      </c>
      <c r="M5400" t="s">
        <v>89</v>
      </c>
      <c r="N5400" t="s">
        <v>90</v>
      </c>
      <c r="O5400" t="s">
        <v>85</v>
      </c>
      <c r="P5400" t="s">
        <v>86</v>
      </c>
      <c r="Q5400">
        <v>60</v>
      </c>
      <c r="R5400">
        <v>61</v>
      </c>
      <c r="S5400">
        <v>63</v>
      </c>
      <c r="T5400">
        <v>65</v>
      </c>
      <c r="U5400">
        <v>67</v>
      </c>
      <c r="V5400">
        <v>69</v>
      </c>
      <c r="W5400">
        <v>71</v>
      </c>
      <c r="X5400">
        <v>73</v>
      </c>
      <c r="Y5400">
        <v>75</v>
      </c>
      <c r="Z5400">
        <v>77</v>
      </c>
      <c r="AA5400">
        <v>79</v>
      </c>
      <c r="AB5400">
        <v>81</v>
      </c>
      <c r="AC5400">
        <v>82</v>
      </c>
      <c r="AD5400">
        <v>84</v>
      </c>
      <c r="AE5400">
        <v>86</v>
      </c>
      <c r="AF5400">
        <v>87</v>
      </c>
      <c r="AG5400">
        <v>88</v>
      </c>
      <c r="AH5400">
        <v>88</v>
      </c>
      <c r="AI5400">
        <v>89</v>
      </c>
      <c r="AJ5400">
        <v>90</v>
      </c>
      <c r="AK5400">
        <v>91</v>
      </c>
      <c r="AL5400">
        <v>92</v>
      </c>
      <c r="AM5400">
        <v>92</v>
      </c>
      <c r="AN5400">
        <v>93</v>
      </c>
      <c r="AO5400">
        <v>94</v>
      </c>
      <c r="AP5400">
        <v>95</v>
      </c>
      <c r="AQ5400">
        <v>96</v>
      </c>
    </row>
    <row r="5401" spans="1:43">
      <c r="A5401" t="s">
        <v>3376</v>
      </c>
      <c r="B5401" t="s">
        <v>3377</v>
      </c>
      <c r="C5401" t="s">
        <v>3378</v>
      </c>
      <c r="D5401" t="s">
        <v>3379</v>
      </c>
      <c r="E5401" t="s">
        <v>3352</v>
      </c>
      <c r="F5401" t="s">
        <v>3353</v>
      </c>
      <c r="G5401" t="s">
        <v>80</v>
      </c>
      <c r="H5401" t="s">
        <v>81</v>
      </c>
      <c r="I5401" s="2">
        <v>0</v>
      </c>
      <c r="J5401" s="2">
        <v>1</v>
      </c>
      <c r="K5401" s="2">
        <v>0</v>
      </c>
      <c r="L5401" t="s">
        <v>82</v>
      </c>
      <c r="M5401" t="s">
        <v>83</v>
      </c>
      <c r="N5401" t="s">
        <v>91</v>
      </c>
      <c r="O5401" t="s">
        <v>85</v>
      </c>
      <c r="P5401" t="s">
        <v>86</v>
      </c>
      <c r="Q5401">
        <v>60</v>
      </c>
      <c r="R5401">
        <v>61</v>
      </c>
      <c r="S5401">
        <v>63</v>
      </c>
      <c r="T5401">
        <v>64</v>
      </c>
      <c r="U5401">
        <v>66</v>
      </c>
      <c r="V5401">
        <v>67</v>
      </c>
      <c r="W5401">
        <v>69</v>
      </c>
      <c r="X5401">
        <v>70</v>
      </c>
      <c r="Y5401">
        <v>72</v>
      </c>
      <c r="Z5401">
        <v>73</v>
      </c>
      <c r="AA5401">
        <v>75</v>
      </c>
      <c r="AB5401">
        <v>76</v>
      </c>
      <c r="AC5401">
        <v>78</v>
      </c>
      <c r="AD5401">
        <v>80</v>
      </c>
      <c r="AE5401">
        <v>81</v>
      </c>
      <c r="AF5401">
        <v>83</v>
      </c>
      <c r="AG5401">
        <v>84</v>
      </c>
      <c r="AH5401">
        <v>86</v>
      </c>
      <c r="AI5401">
        <v>88</v>
      </c>
      <c r="AJ5401">
        <v>89</v>
      </c>
      <c r="AK5401">
        <v>91</v>
      </c>
      <c r="AL5401">
        <v>92</v>
      </c>
      <c r="AM5401">
        <v>93</v>
      </c>
      <c r="AN5401">
        <v>94</v>
      </c>
      <c r="AO5401">
        <v>95</v>
      </c>
      <c r="AP5401">
        <v>95</v>
      </c>
      <c r="AQ5401">
        <v>96</v>
      </c>
    </row>
    <row r="5402" spans="1:43">
      <c r="A5402" t="s">
        <v>3380</v>
      </c>
      <c r="B5402" t="s">
        <v>3381</v>
      </c>
      <c r="C5402" t="s">
        <v>3374</v>
      </c>
      <c r="D5402" t="s">
        <v>3375</v>
      </c>
      <c r="E5402" t="s">
        <v>3352</v>
      </c>
      <c r="F5402" t="s">
        <v>3353</v>
      </c>
      <c r="G5402" t="s">
        <v>80</v>
      </c>
      <c r="H5402" t="s">
        <v>81</v>
      </c>
      <c r="I5402" s="2">
        <v>0</v>
      </c>
      <c r="J5402" s="2">
        <v>1</v>
      </c>
      <c r="K5402" s="2">
        <v>0</v>
      </c>
      <c r="L5402" t="s">
        <v>82</v>
      </c>
      <c r="M5402" t="s">
        <v>83</v>
      </c>
      <c r="N5402" t="s">
        <v>84</v>
      </c>
      <c r="O5402" t="s">
        <v>85</v>
      </c>
      <c r="P5402" t="s">
        <v>86</v>
      </c>
      <c r="Q5402">
        <v>12</v>
      </c>
      <c r="R5402">
        <v>12</v>
      </c>
      <c r="S5402">
        <v>13</v>
      </c>
      <c r="T5402">
        <v>13</v>
      </c>
      <c r="U5402">
        <v>13</v>
      </c>
      <c r="V5402">
        <v>13</v>
      </c>
      <c r="W5402">
        <v>14</v>
      </c>
      <c r="X5402">
        <v>14</v>
      </c>
      <c r="Y5402">
        <v>14</v>
      </c>
      <c r="Z5402">
        <v>15</v>
      </c>
      <c r="AA5402">
        <v>15</v>
      </c>
      <c r="AB5402">
        <v>15</v>
      </c>
      <c r="AC5402">
        <v>16</v>
      </c>
      <c r="AD5402">
        <v>16</v>
      </c>
      <c r="AE5402">
        <v>16</v>
      </c>
      <c r="AF5402">
        <v>16</v>
      </c>
      <c r="AG5402">
        <v>17</v>
      </c>
      <c r="AH5402">
        <v>17</v>
      </c>
      <c r="AI5402">
        <v>17</v>
      </c>
      <c r="AJ5402">
        <v>18</v>
      </c>
      <c r="AK5402">
        <v>18</v>
      </c>
      <c r="AL5402">
        <v>18</v>
      </c>
      <c r="AM5402">
        <v>18</v>
      </c>
      <c r="AN5402">
        <v>19</v>
      </c>
      <c r="AO5402">
        <v>19</v>
      </c>
      <c r="AP5402">
        <v>19</v>
      </c>
      <c r="AQ5402">
        <v>19</v>
      </c>
    </row>
    <row r="5403" spans="1:43">
      <c r="A5403" t="s">
        <v>3380</v>
      </c>
      <c r="B5403" t="s">
        <v>3381</v>
      </c>
      <c r="C5403" t="s">
        <v>3374</v>
      </c>
      <c r="D5403" t="s">
        <v>3375</v>
      </c>
      <c r="E5403" t="s">
        <v>3352</v>
      </c>
      <c r="F5403" t="s">
        <v>3353</v>
      </c>
      <c r="G5403" t="s">
        <v>80</v>
      </c>
      <c r="H5403" t="s">
        <v>81</v>
      </c>
      <c r="I5403" s="2">
        <v>0</v>
      </c>
      <c r="J5403" s="2">
        <v>1</v>
      </c>
      <c r="K5403" s="2">
        <v>0</v>
      </c>
      <c r="L5403" t="s">
        <v>82</v>
      </c>
      <c r="M5403" t="s">
        <v>87</v>
      </c>
      <c r="N5403" t="s">
        <v>88</v>
      </c>
      <c r="O5403" t="s">
        <v>85</v>
      </c>
      <c r="P5403" t="s">
        <v>86</v>
      </c>
      <c r="Q5403">
        <v>12</v>
      </c>
      <c r="R5403">
        <v>12</v>
      </c>
      <c r="S5403">
        <v>12</v>
      </c>
      <c r="T5403">
        <v>12</v>
      </c>
      <c r="U5403">
        <v>13</v>
      </c>
      <c r="V5403">
        <v>13</v>
      </c>
      <c r="W5403">
        <v>13</v>
      </c>
      <c r="X5403">
        <v>13</v>
      </c>
      <c r="Y5403">
        <v>13</v>
      </c>
      <c r="Z5403">
        <v>13</v>
      </c>
      <c r="AA5403">
        <v>14</v>
      </c>
      <c r="AB5403">
        <v>14</v>
      </c>
      <c r="AC5403">
        <v>14</v>
      </c>
      <c r="AD5403">
        <v>14</v>
      </c>
      <c r="AE5403">
        <v>14</v>
      </c>
      <c r="AF5403">
        <v>14</v>
      </c>
      <c r="AG5403">
        <v>15</v>
      </c>
      <c r="AH5403">
        <v>15</v>
      </c>
      <c r="AI5403">
        <v>15</v>
      </c>
      <c r="AJ5403">
        <v>15</v>
      </c>
      <c r="AK5403">
        <v>15</v>
      </c>
      <c r="AL5403">
        <v>16</v>
      </c>
      <c r="AM5403">
        <v>16</v>
      </c>
      <c r="AN5403">
        <v>16</v>
      </c>
      <c r="AO5403">
        <v>16</v>
      </c>
      <c r="AP5403">
        <v>16</v>
      </c>
      <c r="AQ5403">
        <v>17</v>
      </c>
    </row>
    <row r="5404" spans="1:43">
      <c r="A5404" t="s">
        <v>3380</v>
      </c>
      <c r="B5404" t="s">
        <v>3381</v>
      </c>
      <c r="C5404" t="s">
        <v>3374</v>
      </c>
      <c r="D5404" t="s">
        <v>3375</v>
      </c>
      <c r="E5404" t="s">
        <v>3352</v>
      </c>
      <c r="F5404" t="s">
        <v>3353</v>
      </c>
      <c r="G5404" t="s">
        <v>80</v>
      </c>
      <c r="H5404" t="s">
        <v>81</v>
      </c>
      <c r="I5404" s="2">
        <v>0</v>
      </c>
      <c r="J5404" s="2">
        <v>1</v>
      </c>
      <c r="K5404" s="2">
        <v>0</v>
      </c>
      <c r="L5404" t="s">
        <v>82</v>
      </c>
      <c r="M5404" t="s">
        <v>89</v>
      </c>
      <c r="N5404" t="s">
        <v>90</v>
      </c>
      <c r="O5404" t="s">
        <v>85</v>
      </c>
      <c r="P5404" t="s">
        <v>86</v>
      </c>
      <c r="Q5404">
        <v>12</v>
      </c>
      <c r="R5404">
        <v>12</v>
      </c>
      <c r="S5404">
        <v>13</v>
      </c>
      <c r="T5404">
        <v>13</v>
      </c>
      <c r="U5404">
        <v>14</v>
      </c>
      <c r="V5404">
        <v>14</v>
      </c>
      <c r="W5404">
        <v>14</v>
      </c>
      <c r="X5404">
        <v>15</v>
      </c>
      <c r="Y5404">
        <v>15</v>
      </c>
      <c r="Z5404">
        <v>15</v>
      </c>
      <c r="AA5404">
        <v>16</v>
      </c>
      <c r="AB5404">
        <v>16</v>
      </c>
      <c r="AC5404">
        <v>17</v>
      </c>
      <c r="AD5404">
        <v>17</v>
      </c>
      <c r="AE5404">
        <v>17</v>
      </c>
      <c r="AF5404">
        <v>17</v>
      </c>
      <c r="AG5404">
        <v>18</v>
      </c>
      <c r="AH5404">
        <v>18</v>
      </c>
      <c r="AI5404">
        <v>18</v>
      </c>
      <c r="AJ5404">
        <v>18</v>
      </c>
      <c r="AK5404">
        <v>18</v>
      </c>
      <c r="AL5404">
        <v>18</v>
      </c>
      <c r="AM5404">
        <v>19</v>
      </c>
      <c r="AN5404">
        <v>19</v>
      </c>
      <c r="AO5404">
        <v>19</v>
      </c>
      <c r="AP5404">
        <v>19</v>
      </c>
      <c r="AQ5404">
        <v>19</v>
      </c>
    </row>
    <row r="5405" spans="1:43">
      <c r="A5405" t="s">
        <v>3380</v>
      </c>
      <c r="B5405" t="s">
        <v>3381</v>
      </c>
      <c r="C5405" t="s">
        <v>3374</v>
      </c>
      <c r="D5405" t="s">
        <v>3375</v>
      </c>
      <c r="E5405" t="s">
        <v>3352</v>
      </c>
      <c r="F5405" t="s">
        <v>3353</v>
      </c>
      <c r="G5405" t="s">
        <v>80</v>
      </c>
      <c r="H5405" t="s">
        <v>81</v>
      </c>
      <c r="I5405" s="2">
        <v>0</v>
      </c>
      <c r="J5405" s="2">
        <v>1</v>
      </c>
      <c r="K5405" s="2">
        <v>0</v>
      </c>
      <c r="L5405" t="s">
        <v>82</v>
      </c>
      <c r="M5405" t="s">
        <v>83</v>
      </c>
      <c r="N5405" t="s">
        <v>91</v>
      </c>
      <c r="O5405" t="s">
        <v>85</v>
      </c>
      <c r="P5405" t="s">
        <v>86</v>
      </c>
      <c r="Q5405">
        <v>12</v>
      </c>
      <c r="R5405">
        <v>12</v>
      </c>
      <c r="S5405">
        <v>13</v>
      </c>
      <c r="T5405">
        <v>13</v>
      </c>
      <c r="U5405">
        <v>13</v>
      </c>
      <c r="V5405">
        <v>13</v>
      </c>
      <c r="W5405">
        <v>14</v>
      </c>
      <c r="X5405">
        <v>14</v>
      </c>
      <c r="Y5405">
        <v>14</v>
      </c>
      <c r="Z5405">
        <v>15</v>
      </c>
      <c r="AA5405">
        <v>15</v>
      </c>
      <c r="AB5405">
        <v>15</v>
      </c>
      <c r="AC5405">
        <v>16</v>
      </c>
      <c r="AD5405">
        <v>16</v>
      </c>
      <c r="AE5405">
        <v>16</v>
      </c>
      <c r="AF5405">
        <v>16</v>
      </c>
      <c r="AG5405">
        <v>17</v>
      </c>
      <c r="AH5405">
        <v>17</v>
      </c>
      <c r="AI5405">
        <v>17</v>
      </c>
      <c r="AJ5405">
        <v>18</v>
      </c>
      <c r="AK5405">
        <v>18</v>
      </c>
      <c r="AL5405">
        <v>18</v>
      </c>
      <c r="AM5405">
        <v>18</v>
      </c>
      <c r="AN5405">
        <v>19</v>
      </c>
      <c r="AO5405">
        <v>19</v>
      </c>
      <c r="AP5405">
        <v>19</v>
      </c>
      <c r="AQ5405">
        <v>19</v>
      </c>
    </row>
    <row r="5406" spans="1:43">
      <c r="A5406" t="s">
        <v>3382</v>
      </c>
      <c r="B5406" t="s">
        <v>3383</v>
      </c>
      <c r="C5406" t="s">
        <v>3374</v>
      </c>
      <c r="D5406" t="s">
        <v>3375</v>
      </c>
      <c r="E5406" t="s">
        <v>3352</v>
      </c>
      <c r="F5406" t="s">
        <v>3353</v>
      </c>
      <c r="G5406" t="s">
        <v>80</v>
      </c>
      <c r="H5406" t="s">
        <v>81</v>
      </c>
      <c r="I5406" s="2">
        <v>0</v>
      </c>
      <c r="J5406" s="2">
        <v>1</v>
      </c>
      <c r="K5406" s="2">
        <v>0</v>
      </c>
      <c r="L5406" t="s">
        <v>82</v>
      </c>
      <c r="M5406" t="s">
        <v>83</v>
      </c>
      <c r="N5406" t="s">
        <v>84</v>
      </c>
      <c r="O5406" t="s">
        <v>85</v>
      </c>
      <c r="P5406" t="s">
        <v>86</v>
      </c>
      <c r="Q5406">
        <v>50</v>
      </c>
      <c r="R5406">
        <v>51</v>
      </c>
      <c r="S5406">
        <v>52</v>
      </c>
      <c r="T5406">
        <v>54</v>
      </c>
      <c r="U5406">
        <v>55</v>
      </c>
      <c r="V5406">
        <v>56</v>
      </c>
      <c r="W5406">
        <v>57</v>
      </c>
      <c r="X5406">
        <v>58</v>
      </c>
      <c r="Y5406">
        <v>60</v>
      </c>
      <c r="Z5406">
        <v>61</v>
      </c>
      <c r="AA5406">
        <v>62</v>
      </c>
      <c r="AB5406">
        <v>64</v>
      </c>
      <c r="AC5406">
        <v>65</v>
      </c>
      <c r="AD5406">
        <v>66</v>
      </c>
      <c r="AE5406">
        <v>68</v>
      </c>
      <c r="AF5406">
        <v>69</v>
      </c>
      <c r="AG5406">
        <v>70</v>
      </c>
      <c r="AH5406">
        <v>72</v>
      </c>
      <c r="AI5406">
        <v>73</v>
      </c>
      <c r="AJ5406">
        <v>74</v>
      </c>
      <c r="AK5406">
        <v>76</v>
      </c>
      <c r="AL5406">
        <v>77</v>
      </c>
      <c r="AM5406">
        <v>77</v>
      </c>
      <c r="AN5406">
        <v>78</v>
      </c>
      <c r="AO5406">
        <v>79</v>
      </c>
      <c r="AP5406">
        <v>79</v>
      </c>
      <c r="AQ5406">
        <v>80</v>
      </c>
    </row>
    <row r="5407" spans="1:43">
      <c r="A5407" t="s">
        <v>3382</v>
      </c>
      <c r="B5407" t="s">
        <v>3383</v>
      </c>
      <c r="C5407" t="s">
        <v>3374</v>
      </c>
      <c r="D5407" t="s">
        <v>3375</v>
      </c>
      <c r="E5407" t="s">
        <v>3352</v>
      </c>
      <c r="F5407" t="s">
        <v>3353</v>
      </c>
      <c r="G5407" t="s">
        <v>80</v>
      </c>
      <c r="H5407" t="s">
        <v>81</v>
      </c>
      <c r="I5407" s="2">
        <v>0</v>
      </c>
      <c r="J5407" s="2">
        <v>1</v>
      </c>
      <c r="K5407" s="2">
        <v>0</v>
      </c>
      <c r="L5407" t="s">
        <v>82</v>
      </c>
      <c r="M5407" t="s">
        <v>87</v>
      </c>
      <c r="N5407" t="s">
        <v>88</v>
      </c>
      <c r="O5407" t="s">
        <v>85</v>
      </c>
      <c r="P5407" t="s">
        <v>86</v>
      </c>
      <c r="Q5407">
        <v>50</v>
      </c>
      <c r="R5407">
        <v>51</v>
      </c>
      <c r="S5407">
        <v>52</v>
      </c>
      <c r="T5407">
        <v>53</v>
      </c>
      <c r="U5407">
        <v>53</v>
      </c>
      <c r="V5407">
        <v>54</v>
      </c>
      <c r="W5407">
        <v>55</v>
      </c>
      <c r="X5407">
        <v>56</v>
      </c>
      <c r="Y5407">
        <v>56</v>
      </c>
      <c r="Z5407">
        <v>57</v>
      </c>
      <c r="AA5407">
        <v>58</v>
      </c>
      <c r="AB5407">
        <v>59</v>
      </c>
      <c r="AC5407">
        <v>59</v>
      </c>
      <c r="AD5407">
        <v>60</v>
      </c>
      <c r="AE5407">
        <v>61</v>
      </c>
      <c r="AF5407">
        <v>62</v>
      </c>
      <c r="AG5407">
        <v>62</v>
      </c>
      <c r="AH5407">
        <v>63</v>
      </c>
      <c r="AI5407">
        <v>64</v>
      </c>
      <c r="AJ5407">
        <v>65</v>
      </c>
      <c r="AK5407">
        <v>66</v>
      </c>
      <c r="AL5407">
        <v>66</v>
      </c>
      <c r="AM5407">
        <v>67</v>
      </c>
      <c r="AN5407">
        <v>68</v>
      </c>
      <c r="AO5407">
        <v>69</v>
      </c>
      <c r="AP5407">
        <v>70</v>
      </c>
      <c r="AQ5407">
        <v>71</v>
      </c>
    </row>
    <row r="5408" spans="1:43">
      <c r="A5408" t="s">
        <v>3382</v>
      </c>
      <c r="B5408" t="s">
        <v>3383</v>
      </c>
      <c r="C5408" t="s">
        <v>3374</v>
      </c>
      <c r="D5408" t="s">
        <v>3375</v>
      </c>
      <c r="E5408" t="s">
        <v>3352</v>
      </c>
      <c r="F5408" t="s">
        <v>3353</v>
      </c>
      <c r="G5408" t="s">
        <v>80</v>
      </c>
      <c r="H5408" t="s">
        <v>81</v>
      </c>
      <c r="I5408" s="2">
        <v>0</v>
      </c>
      <c r="J5408" s="2">
        <v>1</v>
      </c>
      <c r="K5408" s="2">
        <v>0</v>
      </c>
      <c r="L5408" t="s">
        <v>82</v>
      </c>
      <c r="M5408" t="s">
        <v>89</v>
      </c>
      <c r="N5408" t="s">
        <v>90</v>
      </c>
      <c r="O5408" t="s">
        <v>85</v>
      </c>
      <c r="P5408" t="s">
        <v>86</v>
      </c>
      <c r="Q5408">
        <v>50</v>
      </c>
      <c r="R5408">
        <v>52</v>
      </c>
      <c r="S5408">
        <v>54</v>
      </c>
      <c r="T5408">
        <v>55</v>
      </c>
      <c r="U5408">
        <v>57</v>
      </c>
      <c r="V5408">
        <v>59</v>
      </c>
      <c r="W5408">
        <v>60</v>
      </c>
      <c r="X5408">
        <v>62</v>
      </c>
      <c r="Y5408">
        <v>63</v>
      </c>
      <c r="Z5408">
        <v>65</v>
      </c>
      <c r="AA5408">
        <v>66</v>
      </c>
      <c r="AB5408">
        <v>68</v>
      </c>
      <c r="AC5408">
        <v>70</v>
      </c>
      <c r="AD5408">
        <v>71</v>
      </c>
      <c r="AE5408">
        <v>72</v>
      </c>
      <c r="AF5408">
        <v>73</v>
      </c>
      <c r="AG5408">
        <v>74</v>
      </c>
      <c r="AH5408">
        <v>74</v>
      </c>
      <c r="AI5408">
        <v>75</v>
      </c>
      <c r="AJ5408">
        <v>76</v>
      </c>
      <c r="AK5408">
        <v>76</v>
      </c>
      <c r="AL5408">
        <v>77</v>
      </c>
      <c r="AM5408">
        <v>78</v>
      </c>
      <c r="AN5408">
        <v>79</v>
      </c>
      <c r="AO5408">
        <v>79</v>
      </c>
      <c r="AP5408">
        <v>80</v>
      </c>
      <c r="AQ5408">
        <v>81</v>
      </c>
    </row>
    <row r="5409" spans="1:43">
      <c r="A5409" t="s">
        <v>3382</v>
      </c>
      <c r="B5409" t="s">
        <v>3383</v>
      </c>
      <c r="C5409" t="s">
        <v>3374</v>
      </c>
      <c r="D5409" t="s">
        <v>3375</v>
      </c>
      <c r="E5409" t="s">
        <v>3352</v>
      </c>
      <c r="F5409" t="s">
        <v>3353</v>
      </c>
      <c r="G5409" t="s">
        <v>80</v>
      </c>
      <c r="H5409" t="s">
        <v>81</v>
      </c>
      <c r="I5409" s="2">
        <v>0</v>
      </c>
      <c r="J5409" s="2">
        <v>1</v>
      </c>
      <c r="K5409" s="2">
        <v>0</v>
      </c>
      <c r="L5409" t="s">
        <v>82</v>
      </c>
      <c r="M5409" t="s">
        <v>83</v>
      </c>
      <c r="N5409" t="s">
        <v>91</v>
      </c>
      <c r="O5409" t="s">
        <v>85</v>
      </c>
      <c r="P5409" t="s">
        <v>86</v>
      </c>
      <c r="Q5409">
        <v>50</v>
      </c>
      <c r="R5409">
        <v>51</v>
      </c>
      <c r="S5409">
        <v>52</v>
      </c>
      <c r="T5409">
        <v>54</v>
      </c>
      <c r="U5409">
        <v>55</v>
      </c>
      <c r="V5409">
        <v>56</v>
      </c>
      <c r="W5409">
        <v>57</v>
      </c>
      <c r="X5409">
        <v>58</v>
      </c>
      <c r="Y5409">
        <v>60</v>
      </c>
      <c r="Z5409">
        <v>61</v>
      </c>
      <c r="AA5409">
        <v>62</v>
      </c>
      <c r="AB5409">
        <v>64</v>
      </c>
      <c r="AC5409">
        <v>65</v>
      </c>
      <c r="AD5409">
        <v>66</v>
      </c>
      <c r="AE5409">
        <v>68</v>
      </c>
      <c r="AF5409">
        <v>69</v>
      </c>
      <c r="AG5409">
        <v>70</v>
      </c>
      <c r="AH5409">
        <v>72</v>
      </c>
      <c r="AI5409">
        <v>73</v>
      </c>
      <c r="AJ5409">
        <v>74</v>
      </c>
      <c r="AK5409">
        <v>76</v>
      </c>
      <c r="AL5409">
        <v>77</v>
      </c>
      <c r="AM5409">
        <v>77</v>
      </c>
      <c r="AN5409">
        <v>78</v>
      </c>
      <c r="AO5409">
        <v>79</v>
      </c>
      <c r="AP5409">
        <v>79</v>
      </c>
      <c r="AQ5409">
        <v>80</v>
      </c>
    </row>
    <row r="5410" spans="1:43">
      <c r="A5410" t="s">
        <v>3384</v>
      </c>
      <c r="B5410" t="s">
        <v>3385</v>
      </c>
      <c r="C5410" t="s">
        <v>3374</v>
      </c>
      <c r="D5410" t="s">
        <v>3375</v>
      </c>
      <c r="E5410" t="s">
        <v>3352</v>
      </c>
      <c r="F5410" t="s">
        <v>3353</v>
      </c>
      <c r="G5410" t="s">
        <v>80</v>
      </c>
      <c r="H5410" t="s">
        <v>81</v>
      </c>
      <c r="I5410" s="2">
        <v>0</v>
      </c>
      <c r="J5410" s="2">
        <v>1</v>
      </c>
      <c r="K5410" s="2">
        <v>0</v>
      </c>
      <c r="L5410" t="s">
        <v>82</v>
      </c>
      <c r="M5410" t="s">
        <v>83</v>
      </c>
      <c r="N5410" t="s">
        <v>84</v>
      </c>
      <c r="O5410" t="s">
        <v>85</v>
      </c>
      <c r="P5410" t="s">
        <v>86</v>
      </c>
      <c r="Q5410">
        <v>44</v>
      </c>
      <c r="R5410">
        <v>45</v>
      </c>
      <c r="S5410">
        <v>46</v>
      </c>
      <c r="T5410">
        <v>48</v>
      </c>
      <c r="U5410">
        <v>49</v>
      </c>
      <c r="V5410">
        <v>50</v>
      </c>
      <c r="W5410">
        <v>51</v>
      </c>
      <c r="X5410">
        <v>52</v>
      </c>
      <c r="Y5410">
        <v>53</v>
      </c>
      <c r="Z5410">
        <v>54</v>
      </c>
      <c r="AA5410">
        <v>55</v>
      </c>
      <c r="AB5410">
        <v>57</v>
      </c>
      <c r="AC5410">
        <v>58</v>
      </c>
      <c r="AD5410">
        <v>59</v>
      </c>
      <c r="AE5410">
        <v>60</v>
      </c>
      <c r="AF5410">
        <v>61</v>
      </c>
      <c r="AG5410">
        <v>62</v>
      </c>
      <c r="AH5410">
        <v>64</v>
      </c>
      <c r="AI5410">
        <v>65</v>
      </c>
      <c r="AJ5410">
        <v>66</v>
      </c>
      <c r="AK5410">
        <v>67</v>
      </c>
      <c r="AL5410">
        <v>68</v>
      </c>
      <c r="AM5410">
        <v>69</v>
      </c>
      <c r="AN5410">
        <v>69</v>
      </c>
      <c r="AO5410">
        <v>70</v>
      </c>
      <c r="AP5410">
        <v>71</v>
      </c>
      <c r="AQ5410">
        <v>71</v>
      </c>
    </row>
    <row r="5411" spans="1:43">
      <c r="A5411" t="s">
        <v>3384</v>
      </c>
      <c r="B5411" t="s">
        <v>3385</v>
      </c>
      <c r="C5411" t="s">
        <v>3374</v>
      </c>
      <c r="D5411" t="s">
        <v>3375</v>
      </c>
      <c r="E5411" t="s">
        <v>3352</v>
      </c>
      <c r="F5411" t="s">
        <v>3353</v>
      </c>
      <c r="G5411" t="s">
        <v>80</v>
      </c>
      <c r="H5411" t="s">
        <v>81</v>
      </c>
      <c r="I5411" s="2">
        <v>0</v>
      </c>
      <c r="J5411" s="2">
        <v>1</v>
      </c>
      <c r="K5411" s="2">
        <v>0</v>
      </c>
      <c r="L5411" t="s">
        <v>82</v>
      </c>
      <c r="M5411" t="s">
        <v>87</v>
      </c>
      <c r="N5411" t="s">
        <v>88</v>
      </c>
      <c r="O5411" t="s">
        <v>85</v>
      </c>
      <c r="P5411" t="s">
        <v>86</v>
      </c>
      <c r="Q5411">
        <v>44</v>
      </c>
      <c r="R5411">
        <v>45</v>
      </c>
      <c r="S5411">
        <v>45</v>
      </c>
      <c r="T5411">
        <v>46</v>
      </c>
      <c r="U5411">
        <v>46</v>
      </c>
      <c r="V5411">
        <v>47</v>
      </c>
      <c r="W5411">
        <v>48</v>
      </c>
      <c r="X5411">
        <v>48</v>
      </c>
      <c r="Y5411">
        <v>49</v>
      </c>
      <c r="Z5411">
        <v>50</v>
      </c>
      <c r="AA5411">
        <v>50</v>
      </c>
      <c r="AB5411">
        <v>51</v>
      </c>
      <c r="AC5411">
        <v>52</v>
      </c>
      <c r="AD5411">
        <v>52</v>
      </c>
      <c r="AE5411">
        <v>53</v>
      </c>
      <c r="AF5411">
        <v>54</v>
      </c>
      <c r="AG5411">
        <v>55</v>
      </c>
      <c r="AH5411">
        <v>55</v>
      </c>
      <c r="AI5411">
        <v>56</v>
      </c>
      <c r="AJ5411">
        <v>57</v>
      </c>
      <c r="AK5411">
        <v>57</v>
      </c>
      <c r="AL5411">
        <v>58</v>
      </c>
      <c r="AM5411">
        <v>59</v>
      </c>
      <c r="AN5411">
        <v>60</v>
      </c>
      <c r="AO5411">
        <v>60</v>
      </c>
      <c r="AP5411">
        <v>61</v>
      </c>
      <c r="AQ5411">
        <v>62</v>
      </c>
    </row>
    <row r="5412" spans="1:43">
      <c r="A5412" t="s">
        <v>3384</v>
      </c>
      <c r="B5412" t="s">
        <v>3385</v>
      </c>
      <c r="C5412" t="s">
        <v>3374</v>
      </c>
      <c r="D5412" t="s">
        <v>3375</v>
      </c>
      <c r="E5412" t="s">
        <v>3352</v>
      </c>
      <c r="F5412" t="s">
        <v>3353</v>
      </c>
      <c r="G5412" t="s">
        <v>80</v>
      </c>
      <c r="H5412" t="s">
        <v>81</v>
      </c>
      <c r="I5412" s="2">
        <v>0</v>
      </c>
      <c r="J5412" s="2">
        <v>1</v>
      </c>
      <c r="K5412" s="2">
        <v>0</v>
      </c>
      <c r="L5412" t="s">
        <v>82</v>
      </c>
      <c r="M5412" t="s">
        <v>89</v>
      </c>
      <c r="N5412" t="s">
        <v>90</v>
      </c>
      <c r="O5412" t="s">
        <v>85</v>
      </c>
      <c r="P5412" t="s">
        <v>86</v>
      </c>
      <c r="Q5412">
        <v>44</v>
      </c>
      <c r="R5412">
        <v>45</v>
      </c>
      <c r="S5412">
        <v>47</v>
      </c>
      <c r="T5412">
        <v>48</v>
      </c>
      <c r="U5412">
        <v>50</v>
      </c>
      <c r="V5412">
        <v>51</v>
      </c>
      <c r="W5412">
        <v>52</v>
      </c>
      <c r="X5412">
        <v>54</v>
      </c>
      <c r="Y5412">
        <v>55</v>
      </c>
      <c r="Z5412">
        <v>57</v>
      </c>
      <c r="AA5412">
        <v>58</v>
      </c>
      <c r="AB5412">
        <v>59</v>
      </c>
      <c r="AC5412">
        <v>61</v>
      </c>
      <c r="AD5412">
        <v>62</v>
      </c>
      <c r="AE5412">
        <v>63</v>
      </c>
      <c r="AF5412">
        <v>64</v>
      </c>
      <c r="AG5412">
        <v>65</v>
      </c>
      <c r="AH5412">
        <v>65</v>
      </c>
      <c r="AI5412">
        <v>66</v>
      </c>
      <c r="AJ5412">
        <v>66</v>
      </c>
      <c r="AK5412">
        <v>67</v>
      </c>
      <c r="AL5412">
        <v>68</v>
      </c>
      <c r="AM5412">
        <v>68</v>
      </c>
      <c r="AN5412">
        <v>69</v>
      </c>
      <c r="AO5412">
        <v>69</v>
      </c>
      <c r="AP5412">
        <v>70</v>
      </c>
      <c r="AQ5412">
        <v>70</v>
      </c>
    </row>
    <row r="5413" spans="1:43">
      <c r="A5413" t="s">
        <v>3384</v>
      </c>
      <c r="B5413" t="s">
        <v>3385</v>
      </c>
      <c r="C5413" t="s">
        <v>3374</v>
      </c>
      <c r="D5413" t="s">
        <v>3375</v>
      </c>
      <c r="E5413" t="s">
        <v>3352</v>
      </c>
      <c r="F5413" t="s">
        <v>3353</v>
      </c>
      <c r="G5413" t="s">
        <v>80</v>
      </c>
      <c r="H5413" t="s">
        <v>81</v>
      </c>
      <c r="I5413" s="2">
        <v>0</v>
      </c>
      <c r="J5413" s="2">
        <v>1</v>
      </c>
      <c r="K5413" s="2">
        <v>0</v>
      </c>
      <c r="L5413" t="s">
        <v>82</v>
      </c>
      <c r="M5413" t="s">
        <v>83</v>
      </c>
      <c r="N5413" t="s">
        <v>91</v>
      </c>
      <c r="O5413" t="s">
        <v>85</v>
      </c>
      <c r="P5413" t="s">
        <v>86</v>
      </c>
      <c r="Q5413">
        <v>44</v>
      </c>
      <c r="R5413">
        <v>45</v>
      </c>
      <c r="S5413">
        <v>46</v>
      </c>
      <c r="T5413">
        <v>48</v>
      </c>
      <c r="U5413">
        <v>49</v>
      </c>
      <c r="V5413">
        <v>50</v>
      </c>
      <c r="W5413">
        <v>51</v>
      </c>
      <c r="X5413">
        <v>52</v>
      </c>
      <c r="Y5413">
        <v>53</v>
      </c>
      <c r="Z5413">
        <v>54</v>
      </c>
      <c r="AA5413">
        <v>55</v>
      </c>
      <c r="AB5413">
        <v>57</v>
      </c>
      <c r="AC5413">
        <v>58</v>
      </c>
      <c r="AD5413">
        <v>59</v>
      </c>
      <c r="AE5413">
        <v>60</v>
      </c>
      <c r="AF5413">
        <v>61</v>
      </c>
      <c r="AG5413">
        <v>62</v>
      </c>
      <c r="AH5413">
        <v>64</v>
      </c>
      <c r="AI5413">
        <v>65</v>
      </c>
      <c r="AJ5413">
        <v>66</v>
      </c>
      <c r="AK5413">
        <v>67</v>
      </c>
      <c r="AL5413">
        <v>68</v>
      </c>
      <c r="AM5413">
        <v>69</v>
      </c>
      <c r="AN5413">
        <v>69</v>
      </c>
      <c r="AO5413">
        <v>70</v>
      </c>
      <c r="AP5413">
        <v>71</v>
      </c>
      <c r="AQ5413">
        <v>71</v>
      </c>
    </row>
    <row r="5414" spans="1:43">
      <c r="A5414" t="s">
        <v>3386</v>
      </c>
      <c r="B5414" t="s">
        <v>3387</v>
      </c>
      <c r="C5414" t="s">
        <v>3378</v>
      </c>
      <c r="D5414" t="s">
        <v>3379</v>
      </c>
      <c r="E5414" t="s">
        <v>3352</v>
      </c>
      <c r="F5414" t="s">
        <v>3353</v>
      </c>
      <c r="G5414" t="s">
        <v>80</v>
      </c>
      <c r="H5414" t="s">
        <v>81</v>
      </c>
      <c r="I5414" s="2">
        <v>0</v>
      </c>
      <c r="J5414" s="2">
        <v>1</v>
      </c>
      <c r="K5414" s="2">
        <v>0</v>
      </c>
      <c r="L5414" t="s">
        <v>82</v>
      </c>
      <c r="M5414" t="s">
        <v>83</v>
      </c>
      <c r="N5414" t="s">
        <v>84</v>
      </c>
      <c r="O5414" t="s">
        <v>85</v>
      </c>
      <c r="P5414" t="s">
        <v>86</v>
      </c>
      <c r="Q5414">
        <v>39</v>
      </c>
      <c r="R5414">
        <v>40</v>
      </c>
      <c r="S5414">
        <v>41</v>
      </c>
      <c r="T5414">
        <v>41</v>
      </c>
      <c r="U5414">
        <v>42</v>
      </c>
      <c r="V5414">
        <v>43</v>
      </c>
      <c r="W5414">
        <v>44</v>
      </c>
      <c r="X5414">
        <v>45</v>
      </c>
      <c r="Y5414">
        <v>46</v>
      </c>
      <c r="Z5414">
        <v>47</v>
      </c>
      <c r="AA5414">
        <v>48</v>
      </c>
      <c r="AB5414">
        <v>49</v>
      </c>
      <c r="AC5414">
        <v>50</v>
      </c>
      <c r="AD5414">
        <v>51</v>
      </c>
      <c r="AE5414">
        <v>52</v>
      </c>
      <c r="AF5414">
        <v>53</v>
      </c>
      <c r="AG5414">
        <v>54</v>
      </c>
      <c r="AH5414">
        <v>55</v>
      </c>
      <c r="AI5414">
        <v>56</v>
      </c>
      <c r="AJ5414">
        <v>58</v>
      </c>
      <c r="AK5414">
        <v>59</v>
      </c>
      <c r="AL5414">
        <v>59</v>
      </c>
      <c r="AM5414">
        <v>60</v>
      </c>
      <c r="AN5414">
        <v>60</v>
      </c>
      <c r="AO5414">
        <v>61</v>
      </c>
      <c r="AP5414">
        <v>61</v>
      </c>
      <c r="AQ5414">
        <v>62</v>
      </c>
    </row>
    <row r="5415" spans="1:43">
      <c r="A5415" t="s">
        <v>3386</v>
      </c>
      <c r="B5415" t="s">
        <v>3387</v>
      </c>
      <c r="C5415" t="s">
        <v>3378</v>
      </c>
      <c r="D5415" t="s">
        <v>3379</v>
      </c>
      <c r="E5415" t="s">
        <v>3352</v>
      </c>
      <c r="F5415" t="s">
        <v>3353</v>
      </c>
      <c r="G5415" t="s">
        <v>80</v>
      </c>
      <c r="H5415" t="s">
        <v>81</v>
      </c>
      <c r="I5415" s="2">
        <v>0</v>
      </c>
      <c r="J5415" s="2">
        <v>1</v>
      </c>
      <c r="K5415" s="2">
        <v>0</v>
      </c>
      <c r="L5415" t="s">
        <v>82</v>
      </c>
      <c r="M5415" t="s">
        <v>87</v>
      </c>
      <c r="N5415" t="s">
        <v>88</v>
      </c>
      <c r="O5415" t="s">
        <v>85</v>
      </c>
      <c r="P5415" t="s">
        <v>86</v>
      </c>
      <c r="Q5415">
        <v>39</v>
      </c>
      <c r="R5415">
        <v>40</v>
      </c>
      <c r="S5415">
        <v>40</v>
      </c>
      <c r="T5415">
        <v>41</v>
      </c>
      <c r="U5415">
        <v>42</v>
      </c>
      <c r="V5415">
        <v>42</v>
      </c>
      <c r="W5415">
        <v>43</v>
      </c>
      <c r="X5415">
        <v>43</v>
      </c>
      <c r="Y5415">
        <v>44</v>
      </c>
      <c r="Z5415">
        <v>44</v>
      </c>
      <c r="AA5415">
        <v>45</v>
      </c>
      <c r="AB5415">
        <v>46</v>
      </c>
      <c r="AC5415">
        <v>46</v>
      </c>
      <c r="AD5415">
        <v>47</v>
      </c>
      <c r="AE5415">
        <v>47</v>
      </c>
      <c r="AF5415">
        <v>48</v>
      </c>
      <c r="AG5415">
        <v>49</v>
      </c>
      <c r="AH5415">
        <v>49</v>
      </c>
      <c r="AI5415">
        <v>50</v>
      </c>
      <c r="AJ5415">
        <v>50</v>
      </c>
      <c r="AK5415">
        <v>51</v>
      </c>
      <c r="AL5415">
        <v>52</v>
      </c>
      <c r="AM5415">
        <v>52</v>
      </c>
      <c r="AN5415">
        <v>53</v>
      </c>
      <c r="AO5415">
        <v>54</v>
      </c>
      <c r="AP5415">
        <v>54</v>
      </c>
      <c r="AQ5415">
        <v>55</v>
      </c>
    </row>
    <row r="5416" spans="1:43">
      <c r="A5416" t="s">
        <v>3386</v>
      </c>
      <c r="B5416" t="s">
        <v>3387</v>
      </c>
      <c r="C5416" t="s">
        <v>3378</v>
      </c>
      <c r="D5416" t="s">
        <v>3379</v>
      </c>
      <c r="E5416" t="s">
        <v>3352</v>
      </c>
      <c r="F5416" t="s">
        <v>3353</v>
      </c>
      <c r="G5416" t="s">
        <v>80</v>
      </c>
      <c r="H5416" t="s">
        <v>81</v>
      </c>
      <c r="I5416" s="2">
        <v>0</v>
      </c>
      <c r="J5416" s="2">
        <v>1</v>
      </c>
      <c r="K5416" s="2">
        <v>0</v>
      </c>
      <c r="L5416" t="s">
        <v>82</v>
      </c>
      <c r="M5416" t="s">
        <v>89</v>
      </c>
      <c r="N5416" t="s">
        <v>90</v>
      </c>
      <c r="O5416" t="s">
        <v>85</v>
      </c>
      <c r="P5416" t="s">
        <v>86</v>
      </c>
      <c r="Q5416">
        <v>39</v>
      </c>
      <c r="R5416">
        <v>40</v>
      </c>
      <c r="S5416">
        <v>42</v>
      </c>
      <c r="T5416">
        <v>43</v>
      </c>
      <c r="U5416">
        <v>44</v>
      </c>
      <c r="V5416">
        <v>45</v>
      </c>
      <c r="W5416">
        <v>47</v>
      </c>
      <c r="X5416">
        <v>48</v>
      </c>
      <c r="Y5416">
        <v>49</v>
      </c>
      <c r="Z5416">
        <v>50</v>
      </c>
      <c r="AA5416">
        <v>51</v>
      </c>
      <c r="AB5416">
        <v>53</v>
      </c>
      <c r="AC5416">
        <v>54</v>
      </c>
      <c r="AD5416">
        <v>55</v>
      </c>
      <c r="AE5416">
        <v>56</v>
      </c>
      <c r="AF5416">
        <v>57</v>
      </c>
      <c r="AG5416">
        <v>57</v>
      </c>
      <c r="AH5416">
        <v>58</v>
      </c>
      <c r="AI5416">
        <v>58</v>
      </c>
      <c r="AJ5416">
        <v>59</v>
      </c>
      <c r="AK5416">
        <v>59</v>
      </c>
      <c r="AL5416">
        <v>60</v>
      </c>
      <c r="AM5416">
        <v>60</v>
      </c>
      <c r="AN5416">
        <v>61</v>
      </c>
      <c r="AO5416">
        <v>61</v>
      </c>
      <c r="AP5416">
        <v>62</v>
      </c>
      <c r="AQ5416">
        <v>62</v>
      </c>
    </row>
    <row r="5417" spans="1:43">
      <c r="A5417" t="s">
        <v>3386</v>
      </c>
      <c r="B5417" t="s">
        <v>3387</v>
      </c>
      <c r="C5417" t="s">
        <v>3378</v>
      </c>
      <c r="D5417" t="s">
        <v>3379</v>
      </c>
      <c r="E5417" t="s">
        <v>3352</v>
      </c>
      <c r="F5417" t="s">
        <v>3353</v>
      </c>
      <c r="G5417" t="s">
        <v>80</v>
      </c>
      <c r="H5417" t="s">
        <v>81</v>
      </c>
      <c r="I5417" s="2">
        <v>0</v>
      </c>
      <c r="J5417" s="2">
        <v>1</v>
      </c>
      <c r="K5417" s="2">
        <v>0</v>
      </c>
      <c r="L5417" t="s">
        <v>82</v>
      </c>
      <c r="M5417" t="s">
        <v>83</v>
      </c>
      <c r="N5417" t="s">
        <v>91</v>
      </c>
      <c r="O5417" t="s">
        <v>85</v>
      </c>
      <c r="P5417" t="s">
        <v>86</v>
      </c>
      <c r="Q5417">
        <v>39</v>
      </c>
      <c r="R5417">
        <v>40</v>
      </c>
      <c r="S5417">
        <v>41</v>
      </c>
      <c r="T5417">
        <v>41</v>
      </c>
      <c r="U5417">
        <v>42</v>
      </c>
      <c r="V5417">
        <v>43</v>
      </c>
      <c r="W5417">
        <v>44</v>
      </c>
      <c r="X5417">
        <v>45</v>
      </c>
      <c r="Y5417">
        <v>46</v>
      </c>
      <c r="Z5417">
        <v>47</v>
      </c>
      <c r="AA5417">
        <v>48</v>
      </c>
      <c r="AB5417">
        <v>49</v>
      </c>
      <c r="AC5417">
        <v>50</v>
      </c>
      <c r="AD5417">
        <v>51</v>
      </c>
      <c r="AE5417">
        <v>52</v>
      </c>
      <c r="AF5417">
        <v>53</v>
      </c>
      <c r="AG5417">
        <v>54</v>
      </c>
      <c r="AH5417">
        <v>55</v>
      </c>
      <c r="AI5417">
        <v>56</v>
      </c>
      <c r="AJ5417">
        <v>58</v>
      </c>
      <c r="AK5417">
        <v>59</v>
      </c>
      <c r="AL5417">
        <v>59</v>
      </c>
      <c r="AM5417">
        <v>60</v>
      </c>
      <c r="AN5417">
        <v>60</v>
      </c>
      <c r="AO5417">
        <v>61</v>
      </c>
      <c r="AP5417">
        <v>61</v>
      </c>
      <c r="AQ5417">
        <v>62</v>
      </c>
    </row>
    <row r="5418" spans="1:43">
      <c r="A5418" t="s">
        <v>3388</v>
      </c>
      <c r="B5418" t="s">
        <v>3389</v>
      </c>
      <c r="C5418" t="s">
        <v>3378</v>
      </c>
      <c r="D5418" t="s">
        <v>3379</v>
      </c>
      <c r="E5418" t="s">
        <v>3352</v>
      </c>
      <c r="F5418" t="s">
        <v>3353</v>
      </c>
      <c r="G5418" t="s">
        <v>80</v>
      </c>
      <c r="H5418" t="s">
        <v>81</v>
      </c>
      <c r="I5418" s="2">
        <v>0</v>
      </c>
      <c r="J5418" s="2">
        <v>1</v>
      </c>
      <c r="K5418" s="2">
        <v>0</v>
      </c>
      <c r="L5418" t="s">
        <v>82</v>
      </c>
      <c r="M5418" t="s">
        <v>83</v>
      </c>
      <c r="N5418" t="s">
        <v>84</v>
      </c>
      <c r="O5418" t="s">
        <v>85</v>
      </c>
      <c r="P5418" t="s">
        <v>86</v>
      </c>
      <c r="Q5418">
        <v>62</v>
      </c>
      <c r="R5418">
        <v>63</v>
      </c>
      <c r="S5418">
        <v>65</v>
      </c>
      <c r="T5418">
        <v>66</v>
      </c>
      <c r="U5418">
        <v>68</v>
      </c>
      <c r="V5418">
        <v>69</v>
      </c>
      <c r="W5418">
        <v>71</v>
      </c>
      <c r="X5418">
        <v>73</v>
      </c>
      <c r="Y5418">
        <v>74</v>
      </c>
      <c r="Z5418">
        <v>76</v>
      </c>
      <c r="AA5418">
        <v>77</v>
      </c>
      <c r="AB5418">
        <v>79</v>
      </c>
      <c r="AC5418">
        <v>81</v>
      </c>
      <c r="AD5418">
        <v>82</v>
      </c>
      <c r="AE5418">
        <v>84</v>
      </c>
      <c r="AF5418">
        <v>85</v>
      </c>
      <c r="AG5418">
        <v>87</v>
      </c>
      <c r="AH5418">
        <v>89</v>
      </c>
      <c r="AI5418">
        <v>90</v>
      </c>
      <c r="AJ5418">
        <v>92</v>
      </c>
      <c r="AK5418">
        <v>94</v>
      </c>
      <c r="AL5418">
        <v>95</v>
      </c>
      <c r="AM5418">
        <v>96</v>
      </c>
      <c r="AN5418">
        <v>97</v>
      </c>
      <c r="AO5418">
        <v>98</v>
      </c>
      <c r="AP5418">
        <v>98</v>
      </c>
      <c r="AQ5418">
        <v>99</v>
      </c>
    </row>
    <row r="5419" spans="1:43">
      <c r="A5419" t="s">
        <v>3388</v>
      </c>
      <c r="B5419" t="s">
        <v>3389</v>
      </c>
      <c r="C5419" t="s">
        <v>3378</v>
      </c>
      <c r="D5419" t="s">
        <v>3379</v>
      </c>
      <c r="E5419" t="s">
        <v>3352</v>
      </c>
      <c r="F5419" t="s">
        <v>3353</v>
      </c>
      <c r="G5419" t="s">
        <v>80</v>
      </c>
      <c r="H5419" t="s">
        <v>81</v>
      </c>
      <c r="I5419" s="2">
        <v>0</v>
      </c>
      <c r="J5419" s="2">
        <v>1</v>
      </c>
      <c r="K5419" s="2">
        <v>0</v>
      </c>
      <c r="L5419" t="s">
        <v>82</v>
      </c>
      <c r="M5419" t="s">
        <v>87</v>
      </c>
      <c r="N5419" t="s">
        <v>88</v>
      </c>
      <c r="O5419" t="s">
        <v>85</v>
      </c>
      <c r="P5419" t="s">
        <v>86</v>
      </c>
      <c r="Q5419">
        <v>62</v>
      </c>
      <c r="R5419">
        <v>63</v>
      </c>
      <c r="S5419">
        <v>64</v>
      </c>
      <c r="T5419">
        <v>65</v>
      </c>
      <c r="U5419">
        <v>66</v>
      </c>
      <c r="V5419">
        <v>67</v>
      </c>
      <c r="W5419">
        <v>68</v>
      </c>
      <c r="X5419">
        <v>69</v>
      </c>
      <c r="Y5419">
        <v>70</v>
      </c>
      <c r="Z5419">
        <v>70</v>
      </c>
      <c r="AA5419">
        <v>71</v>
      </c>
      <c r="AB5419">
        <v>72</v>
      </c>
      <c r="AC5419">
        <v>73</v>
      </c>
      <c r="AD5419">
        <v>74</v>
      </c>
      <c r="AE5419">
        <v>75</v>
      </c>
      <c r="AF5419">
        <v>76</v>
      </c>
      <c r="AG5419">
        <v>77</v>
      </c>
      <c r="AH5419">
        <v>78</v>
      </c>
      <c r="AI5419">
        <v>79</v>
      </c>
      <c r="AJ5419">
        <v>80</v>
      </c>
      <c r="AK5419">
        <v>81</v>
      </c>
      <c r="AL5419">
        <v>82</v>
      </c>
      <c r="AM5419">
        <v>83</v>
      </c>
      <c r="AN5419">
        <v>84</v>
      </c>
      <c r="AO5419">
        <v>85</v>
      </c>
      <c r="AP5419">
        <v>86</v>
      </c>
      <c r="AQ5419">
        <v>87</v>
      </c>
    </row>
    <row r="5420" spans="1:43">
      <c r="A5420" t="s">
        <v>3388</v>
      </c>
      <c r="B5420" t="s">
        <v>3389</v>
      </c>
      <c r="C5420" t="s">
        <v>3378</v>
      </c>
      <c r="D5420" t="s">
        <v>3379</v>
      </c>
      <c r="E5420" t="s">
        <v>3352</v>
      </c>
      <c r="F5420" t="s">
        <v>3353</v>
      </c>
      <c r="G5420" t="s">
        <v>80</v>
      </c>
      <c r="H5420" t="s">
        <v>81</v>
      </c>
      <c r="I5420" s="2">
        <v>0</v>
      </c>
      <c r="J5420" s="2">
        <v>1</v>
      </c>
      <c r="K5420" s="2">
        <v>0</v>
      </c>
      <c r="L5420" t="s">
        <v>82</v>
      </c>
      <c r="M5420" t="s">
        <v>89</v>
      </c>
      <c r="N5420" t="s">
        <v>90</v>
      </c>
      <c r="O5420" t="s">
        <v>85</v>
      </c>
      <c r="P5420" t="s">
        <v>86</v>
      </c>
      <c r="Q5420">
        <v>62</v>
      </c>
      <c r="R5420">
        <v>64</v>
      </c>
      <c r="S5420">
        <v>67</v>
      </c>
      <c r="T5420">
        <v>69</v>
      </c>
      <c r="U5420">
        <v>71</v>
      </c>
      <c r="V5420">
        <v>73</v>
      </c>
      <c r="W5420">
        <v>75</v>
      </c>
      <c r="X5420">
        <v>77</v>
      </c>
      <c r="Y5420">
        <v>78</v>
      </c>
      <c r="Z5420">
        <v>80</v>
      </c>
      <c r="AA5420">
        <v>82</v>
      </c>
      <c r="AB5420">
        <v>84</v>
      </c>
      <c r="AC5420">
        <v>86</v>
      </c>
      <c r="AD5420">
        <v>88</v>
      </c>
      <c r="AE5420">
        <v>90</v>
      </c>
      <c r="AF5420">
        <v>90</v>
      </c>
      <c r="AG5420">
        <v>91</v>
      </c>
      <c r="AH5420">
        <v>92</v>
      </c>
      <c r="AI5420">
        <v>93</v>
      </c>
      <c r="AJ5420">
        <v>94</v>
      </c>
      <c r="AK5420">
        <v>95</v>
      </c>
      <c r="AL5420">
        <v>96</v>
      </c>
      <c r="AM5420">
        <v>96</v>
      </c>
      <c r="AN5420">
        <v>97</v>
      </c>
      <c r="AO5420">
        <v>98</v>
      </c>
      <c r="AP5420">
        <v>99</v>
      </c>
      <c r="AQ5420">
        <v>100</v>
      </c>
    </row>
    <row r="5421" spans="1:43">
      <c r="A5421" t="s">
        <v>3388</v>
      </c>
      <c r="B5421" t="s">
        <v>3389</v>
      </c>
      <c r="C5421" t="s">
        <v>3378</v>
      </c>
      <c r="D5421" t="s">
        <v>3379</v>
      </c>
      <c r="E5421" t="s">
        <v>3352</v>
      </c>
      <c r="F5421" t="s">
        <v>3353</v>
      </c>
      <c r="G5421" t="s">
        <v>80</v>
      </c>
      <c r="H5421" t="s">
        <v>81</v>
      </c>
      <c r="I5421" s="2">
        <v>0</v>
      </c>
      <c r="J5421" s="2">
        <v>1</v>
      </c>
      <c r="K5421" s="2">
        <v>0</v>
      </c>
      <c r="L5421" t="s">
        <v>82</v>
      </c>
      <c r="M5421" t="s">
        <v>83</v>
      </c>
      <c r="N5421" t="s">
        <v>91</v>
      </c>
      <c r="O5421" t="s">
        <v>85</v>
      </c>
      <c r="P5421" t="s">
        <v>86</v>
      </c>
      <c r="Q5421">
        <v>62</v>
      </c>
      <c r="R5421">
        <v>63</v>
      </c>
      <c r="S5421">
        <v>65</v>
      </c>
      <c r="T5421">
        <v>66</v>
      </c>
      <c r="U5421">
        <v>68</v>
      </c>
      <c r="V5421">
        <v>69</v>
      </c>
      <c r="W5421">
        <v>71</v>
      </c>
      <c r="X5421">
        <v>73</v>
      </c>
      <c r="Y5421">
        <v>74</v>
      </c>
      <c r="Z5421">
        <v>76</v>
      </c>
      <c r="AA5421">
        <v>77</v>
      </c>
      <c r="AB5421">
        <v>79</v>
      </c>
      <c r="AC5421">
        <v>81</v>
      </c>
      <c r="AD5421">
        <v>82</v>
      </c>
      <c r="AE5421">
        <v>84</v>
      </c>
      <c r="AF5421">
        <v>85</v>
      </c>
      <c r="AG5421">
        <v>87</v>
      </c>
      <c r="AH5421">
        <v>89</v>
      </c>
      <c r="AI5421">
        <v>90</v>
      </c>
      <c r="AJ5421">
        <v>92</v>
      </c>
      <c r="AK5421">
        <v>94</v>
      </c>
      <c r="AL5421">
        <v>95</v>
      </c>
      <c r="AM5421">
        <v>96</v>
      </c>
      <c r="AN5421">
        <v>97</v>
      </c>
      <c r="AO5421">
        <v>98</v>
      </c>
      <c r="AP5421">
        <v>98</v>
      </c>
      <c r="AQ5421">
        <v>99</v>
      </c>
    </row>
    <row r="5422" spans="1:43">
      <c r="A5422" t="s">
        <v>3390</v>
      </c>
      <c r="B5422" t="s">
        <v>3391</v>
      </c>
      <c r="C5422" t="s">
        <v>3378</v>
      </c>
      <c r="D5422" t="s">
        <v>3379</v>
      </c>
      <c r="E5422" t="s">
        <v>3352</v>
      </c>
      <c r="F5422" t="s">
        <v>3353</v>
      </c>
      <c r="G5422" t="s">
        <v>80</v>
      </c>
      <c r="H5422" t="s">
        <v>81</v>
      </c>
      <c r="I5422" s="2">
        <v>0</v>
      </c>
      <c r="J5422" s="2">
        <v>1</v>
      </c>
      <c r="K5422" s="2">
        <v>0</v>
      </c>
      <c r="L5422" t="s">
        <v>82</v>
      </c>
      <c r="M5422" t="s">
        <v>83</v>
      </c>
      <c r="N5422" t="s">
        <v>84</v>
      </c>
      <c r="O5422" t="s">
        <v>85</v>
      </c>
      <c r="P5422" t="s">
        <v>86</v>
      </c>
      <c r="Q5422">
        <v>32</v>
      </c>
      <c r="R5422">
        <v>32</v>
      </c>
      <c r="S5422">
        <v>33</v>
      </c>
      <c r="T5422">
        <v>34</v>
      </c>
      <c r="U5422">
        <v>35</v>
      </c>
      <c r="V5422">
        <v>35</v>
      </c>
      <c r="W5422">
        <v>36</v>
      </c>
      <c r="X5422">
        <v>37</v>
      </c>
      <c r="Y5422">
        <v>38</v>
      </c>
      <c r="Z5422">
        <v>39</v>
      </c>
      <c r="AA5422">
        <v>40</v>
      </c>
      <c r="AB5422">
        <v>40</v>
      </c>
      <c r="AC5422">
        <v>41</v>
      </c>
      <c r="AD5422">
        <v>42</v>
      </c>
      <c r="AE5422">
        <v>43</v>
      </c>
      <c r="AF5422">
        <v>44</v>
      </c>
      <c r="AG5422">
        <v>45</v>
      </c>
      <c r="AH5422">
        <v>45</v>
      </c>
      <c r="AI5422">
        <v>46</v>
      </c>
      <c r="AJ5422">
        <v>47</v>
      </c>
      <c r="AK5422">
        <v>48</v>
      </c>
      <c r="AL5422">
        <v>49</v>
      </c>
      <c r="AM5422">
        <v>49</v>
      </c>
      <c r="AN5422">
        <v>49</v>
      </c>
      <c r="AO5422">
        <v>50</v>
      </c>
      <c r="AP5422">
        <v>50</v>
      </c>
      <c r="AQ5422">
        <v>51</v>
      </c>
    </row>
    <row r="5423" spans="1:43">
      <c r="A5423" t="s">
        <v>3390</v>
      </c>
      <c r="B5423" t="s">
        <v>3391</v>
      </c>
      <c r="C5423" t="s">
        <v>3378</v>
      </c>
      <c r="D5423" t="s">
        <v>3379</v>
      </c>
      <c r="E5423" t="s">
        <v>3352</v>
      </c>
      <c r="F5423" t="s">
        <v>3353</v>
      </c>
      <c r="G5423" t="s">
        <v>80</v>
      </c>
      <c r="H5423" t="s">
        <v>81</v>
      </c>
      <c r="I5423" s="2">
        <v>0</v>
      </c>
      <c r="J5423" s="2">
        <v>1</v>
      </c>
      <c r="K5423" s="2">
        <v>0</v>
      </c>
      <c r="L5423" t="s">
        <v>82</v>
      </c>
      <c r="M5423" t="s">
        <v>87</v>
      </c>
      <c r="N5423" t="s">
        <v>88</v>
      </c>
      <c r="O5423" t="s">
        <v>85</v>
      </c>
      <c r="P5423" t="s">
        <v>86</v>
      </c>
      <c r="Q5423">
        <v>32</v>
      </c>
      <c r="R5423">
        <v>33</v>
      </c>
      <c r="S5423">
        <v>33</v>
      </c>
      <c r="T5423">
        <v>34</v>
      </c>
      <c r="U5423">
        <v>34</v>
      </c>
      <c r="V5423">
        <v>35</v>
      </c>
      <c r="W5423">
        <v>35</v>
      </c>
      <c r="X5423">
        <v>36</v>
      </c>
      <c r="Y5423">
        <v>36</v>
      </c>
      <c r="Z5423">
        <v>37</v>
      </c>
      <c r="AA5423">
        <v>37</v>
      </c>
      <c r="AB5423">
        <v>37</v>
      </c>
      <c r="AC5423">
        <v>38</v>
      </c>
      <c r="AD5423">
        <v>38</v>
      </c>
      <c r="AE5423">
        <v>39</v>
      </c>
      <c r="AF5423">
        <v>39</v>
      </c>
      <c r="AG5423">
        <v>40</v>
      </c>
      <c r="AH5423">
        <v>40</v>
      </c>
      <c r="AI5423">
        <v>41</v>
      </c>
      <c r="AJ5423">
        <v>41</v>
      </c>
      <c r="AK5423">
        <v>42</v>
      </c>
      <c r="AL5423">
        <v>43</v>
      </c>
      <c r="AM5423">
        <v>43</v>
      </c>
      <c r="AN5423">
        <v>44</v>
      </c>
      <c r="AO5423">
        <v>44</v>
      </c>
      <c r="AP5423">
        <v>45</v>
      </c>
      <c r="AQ5423">
        <v>45</v>
      </c>
    </row>
    <row r="5424" spans="1:43">
      <c r="A5424" t="s">
        <v>3390</v>
      </c>
      <c r="B5424" t="s">
        <v>3391</v>
      </c>
      <c r="C5424" t="s">
        <v>3378</v>
      </c>
      <c r="D5424" t="s">
        <v>3379</v>
      </c>
      <c r="E5424" t="s">
        <v>3352</v>
      </c>
      <c r="F5424" t="s">
        <v>3353</v>
      </c>
      <c r="G5424" t="s">
        <v>80</v>
      </c>
      <c r="H5424" t="s">
        <v>81</v>
      </c>
      <c r="I5424" s="2">
        <v>0</v>
      </c>
      <c r="J5424" s="2">
        <v>1</v>
      </c>
      <c r="K5424" s="2">
        <v>0</v>
      </c>
      <c r="L5424" t="s">
        <v>82</v>
      </c>
      <c r="M5424" t="s">
        <v>89</v>
      </c>
      <c r="N5424" t="s">
        <v>90</v>
      </c>
      <c r="O5424" t="s">
        <v>85</v>
      </c>
      <c r="P5424" t="s">
        <v>86</v>
      </c>
      <c r="Q5424">
        <v>32</v>
      </c>
      <c r="R5424">
        <v>33</v>
      </c>
      <c r="S5424">
        <v>34</v>
      </c>
      <c r="T5424">
        <v>35</v>
      </c>
      <c r="U5424">
        <v>36</v>
      </c>
      <c r="V5424">
        <v>37</v>
      </c>
      <c r="W5424">
        <v>38</v>
      </c>
      <c r="X5424">
        <v>39</v>
      </c>
      <c r="Y5424">
        <v>40</v>
      </c>
      <c r="Z5424">
        <v>41</v>
      </c>
      <c r="AA5424">
        <v>42</v>
      </c>
      <c r="AB5424">
        <v>43</v>
      </c>
      <c r="AC5424">
        <v>44</v>
      </c>
      <c r="AD5424">
        <v>45</v>
      </c>
      <c r="AE5424">
        <v>46</v>
      </c>
      <c r="AF5424">
        <v>46</v>
      </c>
      <c r="AG5424">
        <v>47</v>
      </c>
      <c r="AH5424">
        <v>47</v>
      </c>
      <c r="AI5424">
        <v>48</v>
      </c>
      <c r="AJ5424">
        <v>48</v>
      </c>
      <c r="AK5424">
        <v>49</v>
      </c>
      <c r="AL5424">
        <v>49</v>
      </c>
      <c r="AM5424">
        <v>49</v>
      </c>
      <c r="AN5424">
        <v>50</v>
      </c>
      <c r="AO5424">
        <v>50</v>
      </c>
      <c r="AP5424">
        <v>51</v>
      </c>
      <c r="AQ5424">
        <v>51</v>
      </c>
    </row>
    <row r="5425" spans="1:43">
      <c r="A5425" t="s">
        <v>3390</v>
      </c>
      <c r="B5425" t="s">
        <v>3391</v>
      </c>
      <c r="C5425" t="s">
        <v>3378</v>
      </c>
      <c r="D5425" t="s">
        <v>3379</v>
      </c>
      <c r="E5425" t="s">
        <v>3352</v>
      </c>
      <c r="F5425" t="s">
        <v>3353</v>
      </c>
      <c r="G5425" t="s">
        <v>80</v>
      </c>
      <c r="H5425" t="s">
        <v>81</v>
      </c>
      <c r="I5425" s="2">
        <v>0</v>
      </c>
      <c r="J5425" s="2">
        <v>1</v>
      </c>
      <c r="K5425" s="2">
        <v>0</v>
      </c>
      <c r="L5425" t="s">
        <v>82</v>
      </c>
      <c r="M5425" t="s">
        <v>83</v>
      </c>
      <c r="N5425" t="s">
        <v>91</v>
      </c>
      <c r="O5425" t="s">
        <v>85</v>
      </c>
      <c r="P5425" t="s">
        <v>86</v>
      </c>
      <c r="Q5425">
        <v>32</v>
      </c>
      <c r="R5425">
        <v>32</v>
      </c>
      <c r="S5425">
        <v>33</v>
      </c>
      <c r="T5425">
        <v>34</v>
      </c>
      <c r="U5425">
        <v>35</v>
      </c>
      <c r="V5425">
        <v>35</v>
      </c>
      <c r="W5425">
        <v>36</v>
      </c>
      <c r="X5425">
        <v>37</v>
      </c>
      <c r="Y5425">
        <v>38</v>
      </c>
      <c r="Z5425">
        <v>39</v>
      </c>
      <c r="AA5425">
        <v>40</v>
      </c>
      <c r="AB5425">
        <v>40</v>
      </c>
      <c r="AC5425">
        <v>41</v>
      </c>
      <c r="AD5425">
        <v>42</v>
      </c>
      <c r="AE5425">
        <v>43</v>
      </c>
      <c r="AF5425">
        <v>44</v>
      </c>
      <c r="AG5425">
        <v>45</v>
      </c>
      <c r="AH5425">
        <v>45</v>
      </c>
      <c r="AI5425">
        <v>46</v>
      </c>
      <c r="AJ5425">
        <v>47</v>
      </c>
      <c r="AK5425">
        <v>48</v>
      </c>
      <c r="AL5425">
        <v>49</v>
      </c>
      <c r="AM5425">
        <v>49</v>
      </c>
      <c r="AN5425">
        <v>49</v>
      </c>
      <c r="AO5425">
        <v>50</v>
      </c>
      <c r="AP5425">
        <v>50</v>
      </c>
      <c r="AQ5425">
        <v>51</v>
      </c>
    </row>
    <row r="5426" spans="1:43">
      <c r="A5426" t="s">
        <v>3392</v>
      </c>
      <c r="B5426" t="s">
        <v>3393</v>
      </c>
      <c r="C5426" t="s">
        <v>3394</v>
      </c>
      <c r="D5426" t="s">
        <v>3395</v>
      </c>
      <c r="E5426" t="s">
        <v>3352</v>
      </c>
      <c r="F5426" t="s">
        <v>3353</v>
      </c>
      <c r="G5426" t="s">
        <v>80</v>
      </c>
      <c r="H5426" t="s">
        <v>81</v>
      </c>
      <c r="I5426" s="2">
        <v>0</v>
      </c>
      <c r="J5426" s="2">
        <v>1</v>
      </c>
      <c r="K5426" s="2">
        <v>0</v>
      </c>
      <c r="L5426" t="s">
        <v>82</v>
      </c>
      <c r="M5426" t="s">
        <v>83</v>
      </c>
      <c r="N5426" t="s">
        <v>84</v>
      </c>
      <c r="O5426" t="s">
        <v>85</v>
      </c>
      <c r="P5426" t="s">
        <v>86</v>
      </c>
      <c r="Q5426">
        <v>21</v>
      </c>
      <c r="R5426">
        <v>22</v>
      </c>
      <c r="S5426">
        <v>22</v>
      </c>
      <c r="T5426">
        <v>23</v>
      </c>
      <c r="U5426">
        <v>23</v>
      </c>
      <c r="V5426">
        <v>24</v>
      </c>
      <c r="W5426">
        <v>24</v>
      </c>
      <c r="X5426">
        <v>25</v>
      </c>
      <c r="Y5426">
        <v>25</v>
      </c>
      <c r="Z5426">
        <v>26</v>
      </c>
      <c r="AA5426">
        <v>26</v>
      </c>
      <c r="AB5426">
        <v>27</v>
      </c>
      <c r="AC5426">
        <v>27</v>
      </c>
      <c r="AD5426">
        <v>28</v>
      </c>
      <c r="AE5426">
        <v>29</v>
      </c>
      <c r="AF5426">
        <v>29</v>
      </c>
      <c r="AG5426">
        <v>30</v>
      </c>
      <c r="AH5426">
        <v>30</v>
      </c>
      <c r="AI5426">
        <v>31</v>
      </c>
      <c r="AJ5426">
        <v>31</v>
      </c>
      <c r="AK5426">
        <v>32</v>
      </c>
      <c r="AL5426">
        <v>32</v>
      </c>
      <c r="AM5426">
        <v>33</v>
      </c>
      <c r="AN5426">
        <v>33</v>
      </c>
      <c r="AO5426">
        <v>33</v>
      </c>
      <c r="AP5426">
        <v>33</v>
      </c>
      <c r="AQ5426">
        <v>34</v>
      </c>
    </row>
    <row r="5427" spans="1:43">
      <c r="A5427" t="s">
        <v>3392</v>
      </c>
      <c r="B5427" t="s">
        <v>3393</v>
      </c>
      <c r="C5427" t="s">
        <v>3394</v>
      </c>
      <c r="D5427" t="s">
        <v>3395</v>
      </c>
      <c r="E5427" t="s">
        <v>3352</v>
      </c>
      <c r="F5427" t="s">
        <v>3353</v>
      </c>
      <c r="G5427" t="s">
        <v>80</v>
      </c>
      <c r="H5427" t="s">
        <v>81</v>
      </c>
      <c r="I5427" s="2">
        <v>0</v>
      </c>
      <c r="J5427" s="2">
        <v>1</v>
      </c>
      <c r="K5427" s="2">
        <v>0</v>
      </c>
      <c r="L5427" t="s">
        <v>82</v>
      </c>
      <c r="M5427" t="s">
        <v>87</v>
      </c>
      <c r="N5427" t="s">
        <v>88</v>
      </c>
      <c r="O5427" t="s">
        <v>85</v>
      </c>
      <c r="P5427" t="s">
        <v>86</v>
      </c>
      <c r="Q5427">
        <v>21</v>
      </c>
      <c r="R5427">
        <v>21</v>
      </c>
      <c r="S5427">
        <v>22</v>
      </c>
      <c r="T5427">
        <v>22</v>
      </c>
      <c r="U5427">
        <v>22</v>
      </c>
      <c r="V5427">
        <v>22</v>
      </c>
      <c r="W5427">
        <v>23</v>
      </c>
      <c r="X5427">
        <v>23</v>
      </c>
      <c r="Y5427">
        <v>23</v>
      </c>
      <c r="Z5427">
        <v>24</v>
      </c>
      <c r="AA5427">
        <v>24</v>
      </c>
      <c r="AB5427">
        <v>24</v>
      </c>
      <c r="AC5427">
        <v>25</v>
      </c>
      <c r="AD5427">
        <v>25</v>
      </c>
      <c r="AE5427">
        <v>25</v>
      </c>
      <c r="AF5427">
        <v>26</v>
      </c>
      <c r="AG5427">
        <v>26</v>
      </c>
      <c r="AH5427">
        <v>26</v>
      </c>
      <c r="AI5427">
        <v>27</v>
      </c>
      <c r="AJ5427">
        <v>27</v>
      </c>
      <c r="AK5427">
        <v>27</v>
      </c>
      <c r="AL5427">
        <v>28</v>
      </c>
      <c r="AM5427">
        <v>28</v>
      </c>
      <c r="AN5427">
        <v>28</v>
      </c>
      <c r="AO5427">
        <v>29</v>
      </c>
      <c r="AP5427">
        <v>29</v>
      </c>
      <c r="AQ5427">
        <v>29</v>
      </c>
    </row>
    <row r="5428" spans="1:43">
      <c r="A5428" t="s">
        <v>3392</v>
      </c>
      <c r="B5428" t="s">
        <v>3393</v>
      </c>
      <c r="C5428" t="s">
        <v>3394</v>
      </c>
      <c r="D5428" t="s">
        <v>3395</v>
      </c>
      <c r="E5428" t="s">
        <v>3352</v>
      </c>
      <c r="F5428" t="s">
        <v>3353</v>
      </c>
      <c r="G5428" t="s">
        <v>80</v>
      </c>
      <c r="H5428" t="s">
        <v>81</v>
      </c>
      <c r="I5428" s="2">
        <v>0</v>
      </c>
      <c r="J5428" s="2">
        <v>1</v>
      </c>
      <c r="K5428" s="2">
        <v>0</v>
      </c>
      <c r="L5428" t="s">
        <v>82</v>
      </c>
      <c r="M5428" t="s">
        <v>89</v>
      </c>
      <c r="N5428" t="s">
        <v>90</v>
      </c>
      <c r="O5428" t="s">
        <v>85</v>
      </c>
      <c r="P5428" t="s">
        <v>86</v>
      </c>
      <c r="Q5428">
        <v>21</v>
      </c>
      <c r="R5428">
        <v>22</v>
      </c>
      <c r="S5428">
        <v>23</v>
      </c>
      <c r="T5428">
        <v>23</v>
      </c>
      <c r="U5428">
        <v>24</v>
      </c>
      <c r="V5428">
        <v>25</v>
      </c>
      <c r="W5428">
        <v>25</v>
      </c>
      <c r="X5428">
        <v>26</v>
      </c>
      <c r="Y5428">
        <v>27</v>
      </c>
      <c r="Z5428">
        <v>27</v>
      </c>
      <c r="AA5428">
        <v>28</v>
      </c>
      <c r="AB5428">
        <v>29</v>
      </c>
      <c r="AC5428">
        <v>29</v>
      </c>
      <c r="AD5428">
        <v>30</v>
      </c>
      <c r="AE5428">
        <v>31</v>
      </c>
      <c r="AF5428">
        <v>31</v>
      </c>
      <c r="AG5428">
        <v>31</v>
      </c>
      <c r="AH5428">
        <v>31</v>
      </c>
      <c r="AI5428">
        <v>32</v>
      </c>
      <c r="AJ5428">
        <v>32</v>
      </c>
      <c r="AK5428">
        <v>32</v>
      </c>
      <c r="AL5428">
        <v>33</v>
      </c>
      <c r="AM5428">
        <v>33</v>
      </c>
      <c r="AN5428">
        <v>33</v>
      </c>
      <c r="AO5428">
        <v>33</v>
      </c>
      <c r="AP5428">
        <v>34</v>
      </c>
      <c r="AQ5428">
        <v>34</v>
      </c>
    </row>
    <row r="5429" spans="1:43">
      <c r="A5429" t="s">
        <v>3392</v>
      </c>
      <c r="B5429" t="s">
        <v>3393</v>
      </c>
      <c r="C5429" t="s">
        <v>3394</v>
      </c>
      <c r="D5429" t="s">
        <v>3395</v>
      </c>
      <c r="E5429" t="s">
        <v>3352</v>
      </c>
      <c r="F5429" t="s">
        <v>3353</v>
      </c>
      <c r="G5429" t="s">
        <v>80</v>
      </c>
      <c r="H5429" t="s">
        <v>81</v>
      </c>
      <c r="I5429" s="2">
        <v>0</v>
      </c>
      <c r="J5429" s="2">
        <v>1</v>
      </c>
      <c r="K5429" s="2">
        <v>0</v>
      </c>
      <c r="L5429" t="s">
        <v>82</v>
      </c>
      <c r="M5429" t="s">
        <v>83</v>
      </c>
      <c r="N5429" t="s">
        <v>91</v>
      </c>
      <c r="O5429" t="s">
        <v>85</v>
      </c>
      <c r="P5429" t="s">
        <v>86</v>
      </c>
      <c r="Q5429">
        <v>21</v>
      </c>
      <c r="R5429">
        <v>22</v>
      </c>
      <c r="S5429">
        <v>22</v>
      </c>
      <c r="T5429">
        <v>23</v>
      </c>
      <c r="U5429">
        <v>23</v>
      </c>
      <c r="V5429">
        <v>24</v>
      </c>
      <c r="W5429">
        <v>24</v>
      </c>
      <c r="X5429">
        <v>25</v>
      </c>
      <c r="Y5429">
        <v>25</v>
      </c>
      <c r="Z5429">
        <v>26</v>
      </c>
      <c r="AA5429">
        <v>26</v>
      </c>
      <c r="AB5429">
        <v>27</v>
      </c>
      <c r="AC5429">
        <v>27</v>
      </c>
      <c r="AD5429">
        <v>28</v>
      </c>
      <c r="AE5429">
        <v>29</v>
      </c>
      <c r="AF5429">
        <v>29</v>
      </c>
      <c r="AG5429">
        <v>30</v>
      </c>
      <c r="AH5429">
        <v>30</v>
      </c>
      <c r="AI5429">
        <v>31</v>
      </c>
      <c r="AJ5429">
        <v>31</v>
      </c>
      <c r="AK5429">
        <v>32</v>
      </c>
      <c r="AL5429">
        <v>32</v>
      </c>
      <c r="AM5429">
        <v>33</v>
      </c>
      <c r="AN5429">
        <v>33</v>
      </c>
      <c r="AO5429">
        <v>33</v>
      </c>
      <c r="AP5429">
        <v>33</v>
      </c>
      <c r="AQ5429">
        <v>34</v>
      </c>
    </row>
    <row r="5430" spans="1:43">
      <c r="A5430" t="s">
        <v>3396</v>
      </c>
      <c r="B5430" t="s">
        <v>3397</v>
      </c>
      <c r="C5430" t="s">
        <v>3394</v>
      </c>
      <c r="D5430" t="s">
        <v>3395</v>
      </c>
      <c r="E5430" t="s">
        <v>3352</v>
      </c>
      <c r="F5430" t="s">
        <v>3353</v>
      </c>
      <c r="G5430" t="s">
        <v>80</v>
      </c>
      <c r="H5430" t="s">
        <v>81</v>
      </c>
      <c r="I5430" s="2">
        <v>0</v>
      </c>
      <c r="J5430" s="2">
        <v>1</v>
      </c>
      <c r="K5430" s="2">
        <v>0</v>
      </c>
      <c r="L5430" t="s">
        <v>82</v>
      </c>
      <c r="M5430" t="s">
        <v>83</v>
      </c>
      <c r="N5430" t="s">
        <v>84</v>
      </c>
      <c r="O5430" t="s">
        <v>85</v>
      </c>
      <c r="P5430" t="s">
        <v>86</v>
      </c>
      <c r="Q5430">
        <v>15</v>
      </c>
      <c r="R5430">
        <v>15</v>
      </c>
      <c r="S5430">
        <v>16</v>
      </c>
      <c r="T5430">
        <v>16</v>
      </c>
      <c r="U5430">
        <v>16</v>
      </c>
      <c r="V5430">
        <v>17</v>
      </c>
      <c r="W5430">
        <v>17</v>
      </c>
      <c r="X5430">
        <v>17</v>
      </c>
      <c r="Y5430">
        <v>18</v>
      </c>
      <c r="Z5430">
        <v>18</v>
      </c>
      <c r="AA5430">
        <v>18</v>
      </c>
      <c r="AB5430">
        <v>19</v>
      </c>
      <c r="AC5430">
        <v>19</v>
      </c>
      <c r="AD5430">
        <v>20</v>
      </c>
      <c r="AE5430">
        <v>20</v>
      </c>
      <c r="AF5430">
        <v>20</v>
      </c>
      <c r="AG5430">
        <v>21</v>
      </c>
      <c r="AH5430">
        <v>21</v>
      </c>
      <c r="AI5430">
        <v>22</v>
      </c>
      <c r="AJ5430">
        <v>22</v>
      </c>
      <c r="AK5430">
        <v>22</v>
      </c>
      <c r="AL5430">
        <v>23</v>
      </c>
      <c r="AM5430">
        <v>23</v>
      </c>
      <c r="AN5430">
        <v>23</v>
      </c>
      <c r="AO5430">
        <v>23</v>
      </c>
      <c r="AP5430">
        <v>23</v>
      </c>
      <c r="AQ5430">
        <v>24</v>
      </c>
    </row>
    <row r="5431" spans="1:43">
      <c r="A5431" t="s">
        <v>3396</v>
      </c>
      <c r="B5431" t="s">
        <v>3397</v>
      </c>
      <c r="C5431" t="s">
        <v>3394</v>
      </c>
      <c r="D5431" t="s">
        <v>3395</v>
      </c>
      <c r="E5431" t="s">
        <v>3352</v>
      </c>
      <c r="F5431" t="s">
        <v>3353</v>
      </c>
      <c r="G5431" t="s">
        <v>80</v>
      </c>
      <c r="H5431" t="s">
        <v>81</v>
      </c>
      <c r="I5431" s="2">
        <v>0</v>
      </c>
      <c r="J5431" s="2">
        <v>1</v>
      </c>
      <c r="K5431" s="2">
        <v>0</v>
      </c>
      <c r="L5431" t="s">
        <v>82</v>
      </c>
      <c r="M5431" t="s">
        <v>87</v>
      </c>
      <c r="N5431" t="s">
        <v>88</v>
      </c>
      <c r="O5431" t="s">
        <v>85</v>
      </c>
      <c r="P5431" t="s">
        <v>86</v>
      </c>
      <c r="Q5431">
        <v>15</v>
      </c>
      <c r="R5431">
        <v>15</v>
      </c>
      <c r="S5431">
        <v>15</v>
      </c>
      <c r="T5431">
        <v>15</v>
      </c>
      <c r="U5431">
        <v>16</v>
      </c>
      <c r="V5431">
        <v>16</v>
      </c>
      <c r="W5431">
        <v>16</v>
      </c>
      <c r="X5431">
        <v>16</v>
      </c>
      <c r="Y5431">
        <v>16</v>
      </c>
      <c r="Z5431">
        <v>17</v>
      </c>
      <c r="AA5431">
        <v>17</v>
      </c>
      <c r="AB5431">
        <v>17</v>
      </c>
      <c r="AC5431">
        <v>17</v>
      </c>
      <c r="AD5431">
        <v>18</v>
      </c>
      <c r="AE5431">
        <v>18</v>
      </c>
      <c r="AF5431">
        <v>18</v>
      </c>
      <c r="AG5431">
        <v>18</v>
      </c>
      <c r="AH5431">
        <v>18</v>
      </c>
      <c r="AI5431">
        <v>19</v>
      </c>
      <c r="AJ5431">
        <v>19</v>
      </c>
      <c r="AK5431">
        <v>19</v>
      </c>
      <c r="AL5431">
        <v>19</v>
      </c>
      <c r="AM5431">
        <v>20</v>
      </c>
      <c r="AN5431">
        <v>20</v>
      </c>
      <c r="AO5431">
        <v>20</v>
      </c>
      <c r="AP5431">
        <v>20</v>
      </c>
      <c r="AQ5431">
        <v>21</v>
      </c>
    </row>
    <row r="5432" spans="1:43">
      <c r="A5432" t="s">
        <v>3396</v>
      </c>
      <c r="B5432" t="s">
        <v>3397</v>
      </c>
      <c r="C5432" t="s">
        <v>3394</v>
      </c>
      <c r="D5432" t="s">
        <v>3395</v>
      </c>
      <c r="E5432" t="s">
        <v>3352</v>
      </c>
      <c r="F5432" t="s">
        <v>3353</v>
      </c>
      <c r="G5432" t="s">
        <v>80</v>
      </c>
      <c r="H5432" t="s">
        <v>81</v>
      </c>
      <c r="I5432" s="2">
        <v>0</v>
      </c>
      <c r="J5432" s="2">
        <v>1</v>
      </c>
      <c r="K5432" s="2">
        <v>0</v>
      </c>
      <c r="L5432" t="s">
        <v>82</v>
      </c>
      <c r="M5432" t="s">
        <v>89</v>
      </c>
      <c r="N5432" t="s">
        <v>90</v>
      </c>
      <c r="O5432" t="s">
        <v>85</v>
      </c>
      <c r="P5432" t="s">
        <v>86</v>
      </c>
      <c r="Q5432">
        <v>15</v>
      </c>
      <c r="R5432">
        <v>15</v>
      </c>
      <c r="S5432">
        <v>16</v>
      </c>
      <c r="T5432">
        <v>16</v>
      </c>
      <c r="U5432">
        <v>17</v>
      </c>
      <c r="V5432">
        <v>17</v>
      </c>
      <c r="W5432">
        <v>18</v>
      </c>
      <c r="X5432">
        <v>18</v>
      </c>
      <c r="Y5432">
        <v>19</v>
      </c>
      <c r="Z5432">
        <v>19</v>
      </c>
      <c r="AA5432">
        <v>20</v>
      </c>
      <c r="AB5432">
        <v>20</v>
      </c>
      <c r="AC5432">
        <v>21</v>
      </c>
      <c r="AD5432">
        <v>21</v>
      </c>
      <c r="AE5432">
        <v>21</v>
      </c>
      <c r="AF5432">
        <v>22</v>
      </c>
      <c r="AG5432">
        <v>22</v>
      </c>
      <c r="AH5432">
        <v>22</v>
      </c>
      <c r="AI5432">
        <v>22</v>
      </c>
      <c r="AJ5432">
        <v>22</v>
      </c>
      <c r="AK5432">
        <v>23</v>
      </c>
      <c r="AL5432">
        <v>23</v>
      </c>
      <c r="AM5432">
        <v>23</v>
      </c>
      <c r="AN5432">
        <v>23</v>
      </c>
      <c r="AO5432">
        <v>23</v>
      </c>
      <c r="AP5432">
        <v>24</v>
      </c>
      <c r="AQ5432">
        <v>24</v>
      </c>
    </row>
    <row r="5433" spans="1:43">
      <c r="A5433" t="s">
        <v>3396</v>
      </c>
      <c r="B5433" t="s">
        <v>3397</v>
      </c>
      <c r="C5433" t="s">
        <v>3394</v>
      </c>
      <c r="D5433" t="s">
        <v>3395</v>
      </c>
      <c r="E5433" t="s">
        <v>3352</v>
      </c>
      <c r="F5433" t="s">
        <v>3353</v>
      </c>
      <c r="G5433" t="s">
        <v>80</v>
      </c>
      <c r="H5433" t="s">
        <v>81</v>
      </c>
      <c r="I5433" s="2">
        <v>0</v>
      </c>
      <c r="J5433" s="2">
        <v>1</v>
      </c>
      <c r="K5433" s="2">
        <v>0</v>
      </c>
      <c r="L5433" t="s">
        <v>82</v>
      </c>
      <c r="M5433" t="s">
        <v>83</v>
      </c>
      <c r="N5433" t="s">
        <v>91</v>
      </c>
      <c r="O5433" t="s">
        <v>85</v>
      </c>
      <c r="P5433" t="s">
        <v>86</v>
      </c>
      <c r="Q5433">
        <v>15</v>
      </c>
      <c r="R5433">
        <v>15</v>
      </c>
      <c r="S5433">
        <v>16</v>
      </c>
      <c r="T5433">
        <v>16</v>
      </c>
      <c r="U5433">
        <v>16</v>
      </c>
      <c r="V5433">
        <v>17</v>
      </c>
      <c r="W5433">
        <v>17</v>
      </c>
      <c r="X5433">
        <v>17</v>
      </c>
      <c r="Y5433">
        <v>18</v>
      </c>
      <c r="Z5433">
        <v>18</v>
      </c>
      <c r="AA5433">
        <v>18</v>
      </c>
      <c r="AB5433">
        <v>19</v>
      </c>
      <c r="AC5433">
        <v>19</v>
      </c>
      <c r="AD5433">
        <v>20</v>
      </c>
      <c r="AE5433">
        <v>20</v>
      </c>
      <c r="AF5433">
        <v>20</v>
      </c>
      <c r="AG5433">
        <v>21</v>
      </c>
      <c r="AH5433">
        <v>21</v>
      </c>
      <c r="AI5433">
        <v>22</v>
      </c>
      <c r="AJ5433">
        <v>22</v>
      </c>
      <c r="AK5433">
        <v>22</v>
      </c>
      <c r="AL5433">
        <v>23</v>
      </c>
      <c r="AM5433">
        <v>23</v>
      </c>
      <c r="AN5433">
        <v>23</v>
      </c>
      <c r="AO5433">
        <v>23</v>
      </c>
      <c r="AP5433">
        <v>23</v>
      </c>
      <c r="AQ5433">
        <v>24</v>
      </c>
    </row>
    <row r="5434" spans="1:43">
      <c r="A5434" t="s">
        <v>3398</v>
      </c>
      <c r="B5434" t="s">
        <v>3399</v>
      </c>
      <c r="C5434" t="s">
        <v>3400</v>
      </c>
      <c r="D5434" t="s">
        <v>3401</v>
      </c>
      <c r="E5434" t="s">
        <v>3352</v>
      </c>
      <c r="F5434" t="s">
        <v>3353</v>
      </c>
      <c r="G5434" t="s">
        <v>80</v>
      </c>
      <c r="H5434" t="s">
        <v>81</v>
      </c>
      <c r="I5434" s="2">
        <v>0</v>
      </c>
      <c r="J5434" s="2">
        <v>1</v>
      </c>
      <c r="K5434" s="2">
        <v>0</v>
      </c>
      <c r="L5434" t="s">
        <v>82</v>
      </c>
      <c r="M5434" t="s">
        <v>83</v>
      </c>
      <c r="N5434" t="s">
        <v>84</v>
      </c>
      <c r="O5434" t="s">
        <v>85</v>
      </c>
      <c r="P5434" t="s">
        <v>86</v>
      </c>
      <c r="Q5434">
        <v>23</v>
      </c>
      <c r="R5434">
        <v>24</v>
      </c>
      <c r="S5434">
        <v>24</v>
      </c>
      <c r="T5434">
        <v>25</v>
      </c>
      <c r="U5434">
        <v>25</v>
      </c>
      <c r="V5434">
        <v>26</v>
      </c>
      <c r="W5434">
        <v>26</v>
      </c>
      <c r="X5434">
        <v>27</v>
      </c>
      <c r="Y5434">
        <v>28</v>
      </c>
      <c r="Z5434">
        <v>28</v>
      </c>
      <c r="AA5434">
        <v>29</v>
      </c>
      <c r="AB5434">
        <v>29</v>
      </c>
      <c r="AC5434">
        <v>30</v>
      </c>
      <c r="AD5434">
        <v>31</v>
      </c>
      <c r="AE5434">
        <v>31</v>
      </c>
      <c r="AF5434">
        <v>32</v>
      </c>
      <c r="AG5434">
        <v>32</v>
      </c>
      <c r="AH5434">
        <v>33</v>
      </c>
      <c r="AI5434">
        <v>34</v>
      </c>
      <c r="AJ5434">
        <v>34</v>
      </c>
      <c r="AK5434">
        <v>35</v>
      </c>
      <c r="AL5434">
        <v>35</v>
      </c>
      <c r="AM5434">
        <v>36</v>
      </c>
      <c r="AN5434">
        <v>36</v>
      </c>
      <c r="AO5434">
        <v>36</v>
      </c>
      <c r="AP5434">
        <v>37</v>
      </c>
      <c r="AQ5434">
        <v>37</v>
      </c>
    </row>
    <row r="5435" spans="1:43">
      <c r="A5435" t="s">
        <v>3398</v>
      </c>
      <c r="B5435" t="s">
        <v>3399</v>
      </c>
      <c r="C5435" t="s">
        <v>3400</v>
      </c>
      <c r="D5435" t="s">
        <v>3401</v>
      </c>
      <c r="E5435" t="s">
        <v>3352</v>
      </c>
      <c r="F5435" t="s">
        <v>3353</v>
      </c>
      <c r="G5435" t="s">
        <v>80</v>
      </c>
      <c r="H5435" t="s">
        <v>81</v>
      </c>
      <c r="I5435" s="2">
        <v>0</v>
      </c>
      <c r="J5435" s="2">
        <v>1</v>
      </c>
      <c r="K5435" s="2">
        <v>0</v>
      </c>
      <c r="L5435" t="s">
        <v>82</v>
      </c>
      <c r="M5435" t="s">
        <v>87</v>
      </c>
      <c r="N5435" t="s">
        <v>88</v>
      </c>
      <c r="O5435" t="s">
        <v>85</v>
      </c>
      <c r="P5435" t="s">
        <v>86</v>
      </c>
      <c r="Q5435">
        <v>23</v>
      </c>
      <c r="R5435">
        <v>23</v>
      </c>
      <c r="S5435">
        <v>24</v>
      </c>
      <c r="T5435">
        <v>24</v>
      </c>
      <c r="U5435">
        <v>24</v>
      </c>
      <c r="V5435">
        <v>25</v>
      </c>
      <c r="W5435">
        <v>25</v>
      </c>
      <c r="X5435">
        <v>25</v>
      </c>
      <c r="Y5435">
        <v>26</v>
      </c>
      <c r="Z5435">
        <v>26</v>
      </c>
      <c r="AA5435">
        <v>26</v>
      </c>
      <c r="AB5435">
        <v>27</v>
      </c>
      <c r="AC5435">
        <v>27</v>
      </c>
      <c r="AD5435">
        <v>27</v>
      </c>
      <c r="AE5435">
        <v>28</v>
      </c>
      <c r="AF5435">
        <v>28</v>
      </c>
      <c r="AG5435">
        <v>28</v>
      </c>
      <c r="AH5435">
        <v>29</v>
      </c>
      <c r="AI5435">
        <v>29</v>
      </c>
      <c r="AJ5435">
        <v>29</v>
      </c>
      <c r="AK5435">
        <v>30</v>
      </c>
      <c r="AL5435">
        <v>30</v>
      </c>
      <c r="AM5435">
        <v>31</v>
      </c>
      <c r="AN5435">
        <v>31</v>
      </c>
      <c r="AO5435">
        <v>31</v>
      </c>
      <c r="AP5435">
        <v>32</v>
      </c>
      <c r="AQ5435">
        <v>32</v>
      </c>
    </row>
    <row r="5436" spans="1:43">
      <c r="A5436" t="s">
        <v>3398</v>
      </c>
      <c r="B5436" t="s">
        <v>3399</v>
      </c>
      <c r="C5436" t="s">
        <v>3400</v>
      </c>
      <c r="D5436" t="s">
        <v>3401</v>
      </c>
      <c r="E5436" t="s">
        <v>3352</v>
      </c>
      <c r="F5436" t="s">
        <v>3353</v>
      </c>
      <c r="G5436" t="s">
        <v>80</v>
      </c>
      <c r="H5436" t="s">
        <v>81</v>
      </c>
      <c r="I5436" s="2">
        <v>0</v>
      </c>
      <c r="J5436" s="2">
        <v>1</v>
      </c>
      <c r="K5436" s="2">
        <v>0</v>
      </c>
      <c r="L5436" t="s">
        <v>82</v>
      </c>
      <c r="M5436" t="s">
        <v>89</v>
      </c>
      <c r="N5436" t="s">
        <v>90</v>
      </c>
      <c r="O5436" t="s">
        <v>85</v>
      </c>
      <c r="P5436" t="s">
        <v>86</v>
      </c>
      <c r="Q5436">
        <v>23</v>
      </c>
      <c r="R5436">
        <v>24</v>
      </c>
      <c r="S5436">
        <v>25</v>
      </c>
      <c r="T5436">
        <v>26</v>
      </c>
      <c r="U5436">
        <v>26</v>
      </c>
      <c r="V5436">
        <v>27</v>
      </c>
      <c r="W5436">
        <v>28</v>
      </c>
      <c r="X5436">
        <v>29</v>
      </c>
      <c r="Y5436">
        <v>29</v>
      </c>
      <c r="Z5436">
        <v>30</v>
      </c>
      <c r="AA5436">
        <v>31</v>
      </c>
      <c r="AB5436">
        <v>31</v>
      </c>
      <c r="AC5436">
        <v>32</v>
      </c>
      <c r="AD5436">
        <v>33</v>
      </c>
      <c r="AE5436">
        <v>34</v>
      </c>
      <c r="AF5436">
        <v>34</v>
      </c>
      <c r="AG5436">
        <v>34</v>
      </c>
      <c r="AH5436">
        <v>34</v>
      </c>
      <c r="AI5436">
        <v>35</v>
      </c>
      <c r="AJ5436">
        <v>35</v>
      </c>
      <c r="AK5436">
        <v>35</v>
      </c>
      <c r="AL5436">
        <v>36</v>
      </c>
      <c r="AM5436">
        <v>36</v>
      </c>
      <c r="AN5436">
        <v>36</v>
      </c>
      <c r="AO5436">
        <v>37</v>
      </c>
      <c r="AP5436">
        <v>37</v>
      </c>
      <c r="AQ5436">
        <v>37</v>
      </c>
    </row>
    <row r="5437" spans="1:43">
      <c r="A5437" t="s">
        <v>3398</v>
      </c>
      <c r="B5437" t="s">
        <v>3399</v>
      </c>
      <c r="C5437" t="s">
        <v>3400</v>
      </c>
      <c r="D5437" t="s">
        <v>3401</v>
      </c>
      <c r="E5437" t="s">
        <v>3352</v>
      </c>
      <c r="F5437" t="s">
        <v>3353</v>
      </c>
      <c r="G5437" t="s">
        <v>80</v>
      </c>
      <c r="H5437" t="s">
        <v>81</v>
      </c>
      <c r="I5437" s="2">
        <v>0</v>
      </c>
      <c r="J5437" s="2">
        <v>1</v>
      </c>
      <c r="K5437" s="2">
        <v>0</v>
      </c>
      <c r="L5437" t="s">
        <v>82</v>
      </c>
      <c r="M5437" t="s">
        <v>83</v>
      </c>
      <c r="N5437" t="s">
        <v>91</v>
      </c>
      <c r="O5437" t="s">
        <v>85</v>
      </c>
      <c r="P5437" t="s">
        <v>86</v>
      </c>
      <c r="Q5437">
        <v>23</v>
      </c>
      <c r="R5437">
        <v>24</v>
      </c>
      <c r="S5437">
        <v>24</v>
      </c>
      <c r="T5437">
        <v>25</v>
      </c>
      <c r="U5437">
        <v>25</v>
      </c>
      <c r="V5437">
        <v>26</v>
      </c>
      <c r="W5437">
        <v>26</v>
      </c>
      <c r="X5437">
        <v>27</v>
      </c>
      <c r="Y5437">
        <v>28</v>
      </c>
      <c r="Z5437">
        <v>28</v>
      </c>
      <c r="AA5437">
        <v>29</v>
      </c>
      <c r="AB5437">
        <v>29</v>
      </c>
      <c r="AC5437">
        <v>30</v>
      </c>
      <c r="AD5437">
        <v>31</v>
      </c>
      <c r="AE5437">
        <v>31</v>
      </c>
      <c r="AF5437">
        <v>32</v>
      </c>
      <c r="AG5437">
        <v>32</v>
      </c>
      <c r="AH5437">
        <v>33</v>
      </c>
      <c r="AI5437">
        <v>34</v>
      </c>
      <c r="AJ5437">
        <v>34</v>
      </c>
      <c r="AK5437">
        <v>35</v>
      </c>
      <c r="AL5437">
        <v>35</v>
      </c>
      <c r="AM5437">
        <v>36</v>
      </c>
      <c r="AN5437">
        <v>36</v>
      </c>
      <c r="AO5437">
        <v>36</v>
      </c>
      <c r="AP5437">
        <v>37</v>
      </c>
      <c r="AQ5437">
        <v>37</v>
      </c>
    </row>
    <row r="5438" spans="1:43">
      <c r="A5438" t="s">
        <v>3402</v>
      </c>
      <c r="B5438" t="s">
        <v>3403</v>
      </c>
      <c r="C5438" t="s">
        <v>3394</v>
      </c>
      <c r="D5438" t="s">
        <v>3395</v>
      </c>
      <c r="E5438" t="s">
        <v>3352</v>
      </c>
      <c r="F5438" t="s">
        <v>3353</v>
      </c>
      <c r="G5438" t="s">
        <v>80</v>
      </c>
      <c r="H5438" t="s">
        <v>81</v>
      </c>
      <c r="I5438" s="2">
        <v>0</v>
      </c>
      <c r="J5438" s="2">
        <v>1</v>
      </c>
      <c r="K5438" s="2">
        <v>0</v>
      </c>
      <c r="L5438" t="s">
        <v>82</v>
      </c>
      <c r="M5438" t="s">
        <v>83</v>
      </c>
      <c r="N5438" t="s">
        <v>84</v>
      </c>
      <c r="O5438" t="s">
        <v>85</v>
      </c>
      <c r="P5438" t="s">
        <v>86</v>
      </c>
      <c r="Q5438">
        <v>92</v>
      </c>
      <c r="R5438">
        <v>95</v>
      </c>
      <c r="S5438">
        <v>97</v>
      </c>
      <c r="T5438">
        <v>99</v>
      </c>
      <c r="U5438">
        <v>101</v>
      </c>
      <c r="V5438">
        <v>103</v>
      </c>
      <c r="W5438">
        <v>106</v>
      </c>
      <c r="X5438">
        <v>108</v>
      </c>
      <c r="Y5438">
        <v>110</v>
      </c>
      <c r="Z5438">
        <v>113</v>
      </c>
      <c r="AA5438">
        <v>115</v>
      </c>
      <c r="AB5438">
        <v>117</v>
      </c>
      <c r="AC5438">
        <v>120</v>
      </c>
      <c r="AD5438">
        <v>122</v>
      </c>
      <c r="AE5438">
        <v>125</v>
      </c>
      <c r="AF5438">
        <v>127</v>
      </c>
      <c r="AG5438">
        <v>129</v>
      </c>
      <c r="AH5438">
        <v>132</v>
      </c>
      <c r="AI5438">
        <v>134</v>
      </c>
      <c r="AJ5438">
        <v>137</v>
      </c>
      <c r="AK5438">
        <v>139</v>
      </c>
      <c r="AL5438">
        <v>141</v>
      </c>
      <c r="AM5438">
        <v>142</v>
      </c>
      <c r="AN5438">
        <v>144</v>
      </c>
      <c r="AO5438">
        <v>145</v>
      </c>
      <c r="AP5438">
        <v>146</v>
      </c>
      <c r="AQ5438">
        <v>148</v>
      </c>
    </row>
    <row r="5439" spans="1:43">
      <c r="A5439" t="s">
        <v>3402</v>
      </c>
      <c r="B5439" t="s">
        <v>3403</v>
      </c>
      <c r="C5439" t="s">
        <v>3394</v>
      </c>
      <c r="D5439" t="s">
        <v>3395</v>
      </c>
      <c r="E5439" t="s">
        <v>3352</v>
      </c>
      <c r="F5439" t="s">
        <v>3353</v>
      </c>
      <c r="G5439" t="s">
        <v>80</v>
      </c>
      <c r="H5439" t="s">
        <v>81</v>
      </c>
      <c r="I5439" s="2">
        <v>0</v>
      </c>
      <c r="J5439" s="2">
        <v>1</v>
      </c>
      <c r="K5439" s="2">
        <v>0</v>
      </c>
      <c r="L5439" t="s">
        <v>82</v>
      </c>
      <c r="M5439" t="s">
        <v>87</v>
      </c>
      <c r="N5439" t="s">
        <v>88</v>
      </c>
      <c r="O5439" t="s">
        <v>85</v>
      </c>
      <c r="P5439" t="s">
        <v>86</v>
      </c>
      <c r="Q5439">
        <v>92</v>
      </c>
      <c r="R5439">
        <v>94</v>
      </c>
      <c r="S5439">
        <v>95</v>
      </c>
      <c r="T5439">
        <v>96</v>
      </c>
      <c r="U5439">
        <v>98</v>
      </c>
      <c r="V5439">
        <v>99</v>
      </c>
      <c r="W5439">
        <v>100</v>
      </c>
      <c r="X5439">
        <v>102</v>
      </c>
      <c r="Y5439">
        <v>103</v>
      </c>
      <c r="Z5439">
        <v>104</v>
      </c>
      <c r="AA5439">
        <v>106</v>
      </c>
      <c r="AB5439">
        <v>107</v>
      </c>
      <c r="AC5439">
        <v>109</v>
      </c>
      <c r="AD5439">
        <v>110</v>
      </c>
      <c r="AE5439">
        <v>111</v>
      </c>
      <c r="AF5439">
        <v>113</v>
      </c>
      <c r="AG5439">
        <v>114</v>
      </c>
      <c r="AH5439">
        <v>116</v>
      </c>
      <c r="AI5439">
        <v>117</v>
      </c>
      <c r="AJ5439">
        <v>119</v>
      </c>
      <c r="AK5439">
        <v>120</v>
      </c>
      <c r="AL5439">
        <v>122</v>
      </c>
      <c r="AM5439">
        <v>123</v>
      </c>
      <c r="AN5439">
        <v>125</v>
      </c>
      <c r="AO5439">
        <v>126</v>
      </c>
      <c r="AP5439">
        <v>128</v>
      </c>
      <c r="AQ5439">
        <v>129</v>
      </c>
    </row>
    <row r="5440" spans="1:43">
      <c r="A5440" t="s">
        <v>3402</v>
      </c>
      <c r="B5440" t="s">
        <v>3403</v>
      </c>
      <c r="C5440" t="s">
        <v>3394</v>
      </c>
      <c r="D5440" t="s">
        <v>3395</v>
      </c>
      <c r="E5440" t="s">
        <v>3352</v>
      </c>
      <c r="F5440" t="s">
        <v>3353</v>
      </c>
      <c r="G5440" t="s">
        <v>80</v>
      </c>
      <c r="H5440" t="s">
        <v>81</v>
      </c>
      <c r="I5440" s="2">
        <v>0</v>
      </c>
      <c r="J5440" s="2">
        <v>1</v>
      </c>
      <c r="K5440" s="2">
        <v>0</v>
      </c>
      <c r="L5440" t="s">
        <v>82</v>
      </c>
      <c r="M5440" t="s">
        <v>89</v>
      </c>
      <c r="N5440" t="s">
        <v>90</v>
      </c>
      <c r="O5440" t="s">
        <v>85</v>
      </c>
      <c r="P5440" t="s">
        <v>86</v>
      </c>
      <c r="Q5440">
        <v>92</v>
      </c>
      <c r="R5440">
        <v>95</v>
      </c>
      <c r="S5440">
        <v>98</v>
      </c>
      <c r="T5440">
        <v>101</v>
      </c>
      <c r="U5440">
        <v>104</v>
      </c>
      <c r="V5440">
        <v>107</v>
      </c>
      <c r="W5440">
        <v>110</v>
      </c>
      <c r="X5440">
        <v>113</v>
      </c>
      <c r="Y5440">
        <v>116</v>
      </c>
      <c r="Z5440">
        <v>119</v>
      </c>
      <c r="AA5440">
        <v>122</v>
      </c>
      <c r="AB5440">
        <v>124</v>
      </c>
      <c r="AC5440">
        <v>127</v>
      </c>
      <c r="AD5440">
        <v>130</v>
      </c>
      <c r="AE5440">
        <v>132</v>
      </c>
      <c r="AF5440">
        <v>134</v>
      </c>
      <c r="AG5440">
        <v>135</v>
      </c>
      <c r="AH5440">
        <v>136</v>
      </c>
      <c r="AI5440">
        <v>138</v>
      </c>
      <c r="AJ5440">
        <v>139</v>
      </c>
      <c r="AK5440">
        <v>140</v>
      </c>
      <c r="AL5440">
        <v>141</v>
      </c>
      <c r="AM5440">
        <v>143</v>
      </c>
      <c r="AN5440">
        <v>144</v>
      </c>
      <c r="AO5440">
        <v>145</v>
      </c>
      <c r="AP5440">
        <v>146</v>
      </c>
      <c r="AQ5440">
        <v>148</v>
      </c>
    </row>
    <row r="5441" spans="1:43">
      <c r="A5441" t="s">
        <v>3402</v>
      </c>
      <c r="B5441" t="s">
        <v>3403</v>
      </c>
      <c r="C5441" t="s">
        <v>3394</v>
      </c>
      <c r="D5441" t="s">
        <v>3395</v>
      </c>
      <c r="E5441" t="s">
        <v>3352</v>
      </c>
      <c r="F5441" t="s">
        <v>3353</v>
      </c>
      <c r="G5441" t="s">
        <v>80</v>
      </c>
      <c r="H5441" t="s">
        <v>81</v>
      </c>
      <c r="I5441" s="2">
        <v>0</v>
      </c>
      <c r="J5441" s="2">
        <v>1</v>
      </c>
      <c r="K5441" s="2">
        <v>0</v>
      </c>
      <c r="L5441" t="s">
        <v>82</v>
      </c>
      <c r="M5441" t="s">
        <v>83</v>
      </c>
      <c r="N5441" t="s">
        <v>91</v>
      </c>
      <c r="O5441" t="s">
        <v>85</v>
      </c>
      <c r="P5441" t="s">
        <v>86</v>
      </c>
      <c r="Q5441">
        <v>92</v>
      </c>
      <c r="R5441">
        <v>95</v>
      </c>
      <c r="S5441">
        <v>97</v>
      </c>
      <c r="T5441">
        <v>99</v>
      </c>
      <c r="U5441">
        <v>101</v>
      </c>
      <c r="V5441">
        <v>103</v>
      </c>
      <c r="W5441">
        <v>106</v>
      </c>
      <c r="X5441">
        <v>108</v>
      </c>
      <c r="Y5441">
        <v>110</v>
      </c>
      <c r="Z5441">
        <v>113</v>
      </c>
      <c r="AA5441">
        <v>115</v>
      </c>
      <c r="AB5441">
        <v>117</v>
      </c>
      <c r="AC5441">
        <v>120</v>
      </c>
      <c r="AD5441">
        <v>122</v>
      </c>
      <c r="AE5441">
        <v>125</v>
      </c>
      <c r="AF5441">
        <v>127</v>
      </c>
      <c r="AG5441">
        <v>129</v>
      </c>
      <c r="AH5441">
        <v>132</v>
      </c>
      <c r="AI5441">
        <v>134</v>
      </c>
      <c r="AJ5441">
        <v>137</v>
      </c>
      <c r="AK5441">
        <v>139</v>
      </c>
      <c r="AL5441">
        <v>141</v>
      </c>
      <c r="AM5441">
        <v>142</v>
      </c>
      <c r="AN5441">
        <v>144</v>
      </c>
      <c r="AO5441">
        <v>145</v>
      </c>
      <c r="AP5441">
        <v>146</v>
      </c>
      <c r="AQ5441">
        <v>148</v>
      </c>
    </row>
    <row r="5442" spans="1:43">
      <c r="A5442" t="s">
        <v>3404</v>
      </c>
      <c r="B5442" t="s">
        <v>3405</v>
      </c>
      <c r="C5442" t="s">
        <v>3400</v>
      </c>
      <c r="D5442" t="s">
        <v>3401</v>
      </c>
      <c r="E5442" t="s">
        <v>3352</v>
      </c>
      <c r="F5442" t="s">
        <v>3353</v>
      </c>
      <c r="G5442" t="s">
        <v>80</v>
      </c>
      <c r="H5442" t="s">
        <v>81</v>
      </c>
      <c r="I5442" s="2">
        <v>0</v>
      </c>
      <c r="J5442" s="2">
        <v>1</v>
      </c>
      <c r="K5442" s="2">
        <v>0</v>
      </c>
      <c r="L5442" t="s">
        <v>82</v>
      </c>
      <c r="M5442" t="s">
        <v>83</v>
      </c>
      <c r="N5442" t="s">
        <v>84</v>
      </c>
      <c r="O5442" t="s">
        <v>85</v>
      </c>
      <c r="P5442" t="s">
        <v>86</v>
      </c>
      <c r="Q5442">
        <v>36</v>
      </c>
      <c r="R5442">
        <v>37</v>
      </c>
      <c r="S5442">
        <v>38</v>
      </c>
      <c r="T5442">
        <v>39</v>
      </c>
      <c r="U5442">
        <v>39</v>
      </c>
      <c r="V5442">
        <v>40</v>
      </c>
      <c r="W5442">
        <v>41</v>
      </c>
      <c r="X5442">
        <v>42</v>
      </c>
      <c r="Y5442">
        <v>43</v>
      </c>
      <c r="Z5442">
        <v>44</v>
      </c>
      <c r="AA5442">
        <v>45</v>
      </c>
      <c r="AB5442">
        <v>46</v>
      </c>
      <c r="AC5442">
        <v>47</v>
      </c>
      <c r="AD5442">
        <v>48</v>
      </c>
      <c r="AE5442">
        <v>49</v>
      </c>
      <c r="AF5442">
        <v>49</v>
      </c>
      <c r="AG5442">
        <v>50</v>
      </c>
      <c r="AH5442">
        <v>51</v>
      </c>
      <c r="AI5442">
        <v>52</v>
      </c>
      <c r="AJ5442">
        <v>53</v>
      </c>
      <c r="AK5442">
        <v>54</v>
      </c>
      <c r="AL5442">
        <v>55</v>
      </c>
      <c r="AM5442">
        <v>56</v>
      </c>
      <c r="AN5442">
        <v>56</v>
      </c>
      <c r="AO5442">
        <v>57</v>
      </c>
      <c r="AP5442">
        <v>57</v>
      </c>
      <c r="AQ5442">
        <v>58</v>
      </c>
    </row>
    <row r="5443" spans="1:43">
      <c r="A5443" t="s">
        <v>3404</v>
      </c>
      <c r="B5443" t="s">
        <v>3405</v>
      </c>
      <c r="C5443" t="s">
        <v>3400</v>
      </c>
      <c r="D5443" t="s">
        <v>3401</v>
      </c>
      <c r="E5443" t="s">
        <v>3352</v>
      </c>
      <c r="F5443" t="s">
        <v>3353</v>
      </c>
      <c r="G5443" t="s">
        <v>80</v>
      </c>
      <c r="H5443" t="s">
        <v>81</v>
      </c>
      <c r="I5443" s="2">
        <v>0</v>
      </c>
      <c r="J5443" s="2">
        <v>1</v>
      </c>
      <c r="K5443" s="2">
        <v>0</v>
      </c>
      <c r="L5443" t="s">
        <v>82</v>
      </c>
      <c r="M5443" t="s">
        <v>87</v>
      </c>
      <c r="N5443" t="s">
        <v>88</v>
      </c>
      <c r="O5443" t="s">
        <v>85</v>
      </c>
      <c r="P5443" t="s">
        <v>86</v>
      </c>
      <c r="Q5443">
        <v>36</v>
      </c>
      <c r="R5443">
        <v>36</v>
      </c>
      <c r="S5443">
        <v>37</v>
      </c>
      <c r="T5443">
        <v>37</v>
      </c>
      <c r="U5443">
        <v>38</v>
      </c>
      <c r="V5443">
        <v>38</v>
      </c>
      <c r="W5443">
        <v>39</v>
      </c>
      <c r="X5443">
        <v>39</v>
      </c>
      <c r="Y5443">
        <v>40</v>
      </c>
      <c r="Z5443">
        <v>40</v>
      </c>
      <c r="AA5443">
        <v>41</v>
      </c>
      <c r="AB5443">
        <v>41</v>
      </c>
      <c r="AC5443">
        <v>42</v>
      </c>
      <c r="AD5443">
        <v>42</v>
      </c>
      <c r="AE5443">
        <v>43</v>
      </c>
      <c r="AF5443">
        <v>43</v>
      </c>
      <c r="AG5443">
        <v>44</v>
      </c>
      <c r="AH5443">
        <v>45</v>
      </c>
      <c r="AI5443">
        <v>45</v>
      </c>
      <c r="AJ5443">
        <v>46</v>
      </c>
      <c r="AK5443">
        <v>46</v>
      </c>
      <c r="AL5443">
        <v>47</v>
      </c>
      <c r="AM5443">
        <v>48</v>
      </c>
      <c r="AN5443">
        <v>48</v>
      </c>
      <c r="AO5443">
        <v>49</v>
      </c>
      <c r="AP5443">
        <v>49</v>
      </c>
      <c r="AQ5443">
        <v>50</v>
      </c>
    </row>
    <row r="5444" spans="1:43">
      <c r="A5444" t="s">
        <v>3404</v>
      </c>
      <c r="B5444" t="s">
        <v>3405</v>
      </c>
      <c r="C5444" t="s">
        <v>3400</v>
      </c>
      <c r="D5444" t="s">
        <v>3401</v>
      </c>
      <c r="E5444" t="s">
        <v>3352</v>
      </c>
      <c r="F5444" t="s">
        <v>3353</v>
      </c>
      <c r="G5444" t="s">
        <v>80</v>
      </c>
      <c r="H5444" t="s">
        <v>81</v>
      </c>
      <c r="I5444" s="2">
        <v>0</v>
      </c>
      <c r="J5444" s="2">
        <v>1</v>
      </c>
      <c r="K5444" s="2">
        <v>0</v>
      </c>
      <c r="L5444" t="s">
        <v>82</v>
      </c>
      <c r="M5444" t="s">
        <v>89</v>
      </c>
      <c r="N5444" t="s">
        <v>90</v>
      </c>
      <c r="O5444" t="s">
        <v>85</v>
      </c>
      <c r="P5444" t="s">
        <v>86</v>
      </c>
      <c r="Q5444">
        <v>36</v>
      </c>
      <c r="R5444">
        <v>37</v>
      </c>
      <c r="S5444">
        <v>39</v>
      </c>
      <c r="T5444">
        <v>40</v>
      </c>
      <c r="U5444">
        <v>41</v>
      </c>
      <c r="V5444">
        <v>42</v>
      </c>
      <c r="W5444">
        <v>43</v>
      </c>
      <c r="X5444">
        <v>44</v>
      </c>
      <c r="Y5444">
        <v>46</v>
      </c>
      <c r="Z5444">
        <v>47</v>
      </c>
      <c r="AA5444">
        <v>48</v>
      </c>
      <c r="AB5444">
        <v>49</v>
      </c>
      <c r="AC5444">
        <v>50</v>
      </c>
      <c r="AD5444">
        <v>51</v>
      </c>
      <c r="AE5444">
        <v>52</v>
      </c>
      <c r="AF5444">
        <v>53</v>
      </c>
      <c r="AG5444">
        <v>53</v>
      </c>
      <c r="AH5444">
        <v>54</v>
      </c>
      <c r="AI5444">
        <v>54</v>
      </c>
      <c r="AJ5444">
        <v>55</v>
      </c>
      <c r="AK5444">
        <v>55</v>
      </c>
      <c r="AL5444">
        <v>56</v>
      </c>
      <c r="AM5444">
        <v>56</v>
      </c>
      <c r="AN5444">
        <v>57</v>
      </c>
      <c r="AO5444">
        <v>57</v>
      </c>
      <c r="AP5444">
        <v>58</v>
      </c>
      <c r="AQ5444">
        <v>58</v>
      </c>
    </row>
    <row r="5445" spans="1:43">
      <c r="A5445" t="s">
        <v>3404</v>
      </c>
      <c r="B5445" t="s">
        <v>3405</v>
      </c>
      <c r="C5445" t="s">
        <v>3400</v>
      </c>
      <c r="D5445" t="s">
        <v>3401</v>
      </c>
      <c r="E5445" t="s">
        <v>3352</v>
      </c>
      <c r="F5445" t="s">
        <v>3353</v>
      </c>
      <c r="G5445" t="s">
        <v>80</v>
      </c>
      <c r="H5445" t="s">
        <v>81</v>
      </c>
      <c r="I5445" s="2">
        <v>0</v>
      </c>
      <c r="J5445" s="2">
        <v>1</v>
      </c>
      <c r="K5445" s="2">
        <v>0</v>
      </c>
      <c r="L5445" t="s">
        <v>82</v>
      </c>
      <c r="M5445" t="s">
        <v>83</v>
      </c>
      <c r="N5445" t="s">
        <v>91</v>
      </c>
      <c r="O5445" t="s">
        <v>85</v>
      </c>
      <c r="P5445" t="s">
        <v>86</v>
      </c>
      <c r="Q5445">
        <v>36</v>
      </c>
      <c r="R5445">
        <v>37</v>
      </c>
      <c r="S5445">
        <v>38</v>
      </c>
      <c r="T5445">
        <v>39</v>
      </c>
      <c r="U5445">
        <v>39</v>
      </c>
      <c r="V5445">
        <v>40</v>
      </c>
      <c r="W5445">
        <v>41</v>
      </c>
      <c r="X5445">
        <v>42</v>
      </c>
      <c r="Y5445">
        <v>43</v>
      </c>
      <c r="Z5445">
        <v>44</v>
      </c>
      <c r="AA5445">
        <v>45</v>
      </c>
      <c r="AB5445">
        <v>46</v>
      </c>
      <c r="AC5445">
        <v>47</v>
      </c>
      <c r="AD5445">
        <v>48</v>
      </c>
      <c r="AE5445">
        <v>49</v>
      </c>
      <c r="AF5445">
        <v>49</v>
      </c>
      <c r="AG5445">
        <v>50</v>
      </c>
      <c r="AH5445">
        <v>51</v>
      </c>
      <c r="AI5445">
        <v>52</v>
      </c>
      <c r="AJ5445">
        <v>53</v>
      </c>
      <c r="AK5445">
        <v>54</v>
      </c>
      <c r="AL5445">
        <v>55</v>
      </c>
      <c r="AM5445">
        <v>56</v>
      </c>
      <c r="AN5445">
        <v>56</v>
      </c>
      <c r="AO5445">
        <v>57</v>
      </c>
      <c r="AP5445">
        <v>57</v>
      </c>
      <c r="AQ5445">
        <v>58</v>
      </c>
    </row>
    <row r="5446" spans="1:43">
      <c r="A5446" t="s">
        <v>3406</v>
      </c>
      <c r="B5446" t="s">
        <v>3407</v>
      </c>
      <c r="C5446" t="s">
        <v>3400</v>
      </c>
      <c r="D5446" t="s">
        <v>3401</v>
      </c>
      <c r="E5446" t="s">
        <v>3352</v>
      </c>
      <c r="F5446" t="s">
        <v>3353</v>
      </c>
      <c r="G5446" t="s">
        <v>80</v>
      </c>
      <c r="H5446" t="s">
        <v>81</v>
      </c>
      <c r="I5446" s="2">
        <v>0</v>
      </c>
      <c r="J5446" s="2">
        <v>1</v>
      </c>
      <c r="K5446" s="2">
        <v>0</v>
      </c>
      <c r="L5446" t="s">
        <v>82</v>
      </c>
      <c r="M5446" t="s">
        <v>83</v>
      </c>
      <c r="N5446" t="s">
        <v>84</v>
      </c>
      <c r="O5446" t="s">
        <v>85</v>
      </c>
      <c r="P5446" t="s">
        <v>86</v>
      </c>
      <c r="Q5446">
        <v>25</v>
      </c>
      <c r="R5446">
        <v>26</v>
      </c>
      <c r="S5446">
        <v>26</v>
      </c>
      <c r="T5446">
        <v>27</v>
      </c>
      <c r="U5446">
        <v>28</v>
      </c>
      <c r="V5446">
        <v>28</v>
      </c>
      <c r="W5446">
        <v>29</v>
      </c>
      <c r="X5446">
        <v>29</v>
      </c>
      <c r="Y5446">
        <v>30</v>
      </c>
      <c r="Z5446">
        <v>31</v>
      </c>
      <c r="AA5446">
        <v>31</v>
      </c>
      <c r="AB5446">
        <v>32</v>
      </c>
      <c r="AC5446">
        <v>33</v>
      </c>
      <c r="AD5446">
        <v>33</v>
      </c>
      <c r="AE5446">
        <v>34</v>
      </c>
      <c r="AF5446">
        <v>35</v>
      </c>
      <c r="AG5446">
        <v>35</v>
      </c>
      <c r="AH5446">
        <v>36</v>
      </c>
      <c r="AI5446">
        <v>37</v>
      </c>
      <c r="AJ5446">
        <v>37</v>
      </c>
      <c r="AK5446">
        <v>38</v>
      </c>
      <c r="AL5446">
        <v>39</v>
      </c>
      <c r="AM5446">
        <v>39</v>
      </c>
      <c r="AN5446">
        <v>39</v>
      </c>
      <c r="AO5446">
        <v>40</v>
      </c>
      <c r="AP5446">
        <v>40</v>
      </c>
      <c r="AQ5446">
        <v>40</v>
      </c>
    </row>
    <row r="5447" spans="1:43">
      <c r="A5447" t="s">
        <v>3406</v>
      </c>
      <c r="B5447" t="s">
        <v>3407</v>
      </c>
      <c r="C5447" t="s">
        <v>3400</v>
      </c>
      <c r="D5447" t="s">
        <v>3401</v>
      </c>
      <c r="E5447" t="s">
        <v>3352</v>
      </c>
      <c r="F5447" t="s">
        <v>3353</v>
      </c>
      <c r="G5447" t="s">
        <v>80</v>
      </c>
      <c r="H5447" t="s">
        <v>81</v>
      </c>
      <c r="I5447" s="2">
        <v>0</v>
      </c>
      <c r="J5447" s="2">
        <v>1</v>
      </c>
      <c r="K5447" s="2">
        <v>0</v>
      </c>
      <c r="L5447" t="s">
        <v>82</v>
      </c>
      <c r="M5447" t="s">
        <v>87</v>
      </c>
      <c r="N5447" t="s">
        <v>88</v>
      </c>
      <c r="O5447" t="s">
        <v>85</v>
      </c>
      <c r="P5447" t="s">
        <v>86</v>
      </c>
      <c r="Q5447">
        <v>25</v>
      </c>
      <c r="R5447">
        <v>25</v>
      </c>
      <c r="S5447">
        <v>26</v>
      </c>
      <c r="T5447">
        <v>26</v>
      </c>
      <c r="U5447">
        <v>26</v>
      </c>
      <c r="V5447">
        <v>27</v>
      </c>
      <c r="W5447">
        <v>27</v>
      </c>
      <c r="X5447">
        <v>27</v>
      </c>
      <c r="Y5447">
        <v>28</v>
      </c>
      <c r="Z5447">
        <v>28</v>
      </c>
      <c r="AA5447">
        <v>29</v>
      </c>
      <c r="AB5447">
        <v>29</v>
      </c>
      <c r="AC5447">
        <v>29</v>
      </c>
      <c r="AD5447">
        <v>30</v>
      </c>
      <c r="AE5447">
        <v>30</v>
      </c>
      <c r="AF5447">
        <v>30</v>
      </c>
      <c r="AG5447">
        <v>31</v>
      </c>
      <c r="AH5447">
        <v>31</v>
      </c>
      <c r="AI5447">
        <v>32</v>
      </c>
      <c r="AJ5447">
        <v>32</v>
      </c>
      <c r="AK5447">
        <v>32</v>
      </c>
      <c r="AL5447">
        <v>33</v>
      </c>
      <c r="AM5447">
        <v>33</v>
      </c>
      <c r="AN5447">
        <v>34</v>
      </c>
      <c r="AO5447">
        <v>34</v>
      </c>
      <c r="AP5447">
        <v>35</v>
      </c>
      <c r="AQ5447">
        <v>35</v>
      </c>
    </row>
    <row r="5448" spans="1:43">
      <c r="A5448" t="s">
        <v>3406</v>
      </c>
      <c r="B5448" t="s">
        <v>3407</v>
      </c>
      <c r="C5448" t="s">
        <v>3400</v>
      </c>
      <c r="D5448" t="s">
        <v>3401</v>
      </c>
      <c r="E5448" t="s">
        <v>3352</v>
      </c>
      <c r="F5448" t="s">
        <v>3353</v>
      </c>
      <c r="G5448" t="s">
        <v>80</v>
      </c>
      <c r="H5448" t="s">
        <v>81</v>
      </c>
      <c r="I5448" s="2">
        <v>0</v>
      </c>
      <c r="J5448" s="2">
        <v>1</v>
      </c>
      <c r="K5448" s="2">
        <v>0</v>
      </c>
      <c r="L5448" t="s">
        <v>82</v>
      </c>
      <c r="M5448" t="s">
        <v>89</v>
      </c>
      <c r="N5448" t="s">
        <v>90</v>
      </c>
      <c r="O5448" t="s">
        <v>85</v>
      </c>
      <c r="P5448" t="s">
        <v>86</v>
      </c>
      <c r="Q5448">
        <v>25</v>
      </c>
      <c r="R5448">
        <v>26</v>
      </c>
      <c r="S5448">
        <v>27</v>
      </c>
      <c r="T5448">
        <v>28</v>
      </c>
      <c r="U5448">
        <v>29</v>
      </c>
      <c r="V5448">
        <v>29</v>
      </c>
      <c r="W5448">
        <v>30</v>
      </c>
      <c r="X5448">
        <v>31</v>
      </c>
      <c r="Y5448">
        <v>32</v>
      </c>
      <c r="Z5448">
        <v>33</v>
      </c>
      <c r="AA5448">
        <v>33</v>
      </c>
      <c r="AB5448">
        <v>34</v>
      </c>
      <c r="AC5448">
        <v>35</v>
      </c>
      <c r="AD5448">
        <v>36</v>
      </c>
      <c r="AE5448">
        <v>36</v>
      </c>
      <c r="AF5448">
        <v>37</v>
      </c>
      <c r="AG5448">
        <v>37</v>
      </c>
      <c r="AH5448">
        <v>37</v>
      </c>
      <c r="AI5448">
        <v>38</v>
      </c>
      <c r="AJ5448">
        <v>38</v>
      </c>
      <c r="AK5448">
        <v>38</v>
      </c>
      <c r="AL5448">
        <v>39</v>
      </c>
      <c r="AM5448">
        <v>39</v>
      </c>
      <c r="AN5448">
        <v>39</v>
      </c>
      <c r="AO5448">
        <v>40</v>
      </c>
      <c r="AP5448">
        <v>40</v>
      </c>
      <c r="AQ5448">
        <v>40</v>
      </c>
    </row>
    <row r="5449" spans="1:43">
      <c r="A5449" t="s">
        <v>3406</v>
      </c>
      <c r="B5449" t="s">
        <v>3407</v>
      </c>
      <c r="C5449" t="s">
        <v>3400</v>
      </c>
      <c r="D5449" t="s">
        <v>3401</v>
      </c>
      <c r="E5449" t="s">
        <v>3352</v>
      </c>
      <c r="F5449" t="s">
        <v>3353</v>
      </c>
      <c r="G5449" t="s">
        <v>80</v>
      </c>
      <c r="H5449" t="s">
        <v>81</v>
      </c>
      <c r="I5449" s="2">
        <v>0</v>
      </c>
      <c r="J5449" s="2">
        <v>1</v>
      </c>
      <c r="K5449" s="2">
        <v>0</v>
      </c>
      <c r="L5449" t="s">
        <v>82</v>
      </c>
      <c r="M5449" t="s">
        <v>83</v>
      </c>
      <c r="N5449" t="s">
        <v>91</v>
      </c>
      <c r="O5449" t="s">
        <v>85</v>
      </c>
      <c r="P5449" t="s">
        <v>86</v>
      </c>
      <c r="Q5449">
        <v>25</v>
      </c>
      <c r="R5449">
        <v>26</v>
      </c>
      <c r="S5449">
        <v>26</v>
      </c>
      <c r="T5449">
        <v>27</v>
      </c>
      <c r="U5449">
        <v>28</v>
      </c>
      <c r="V5449">
        <v>28</v>
      </c>
      <c r="W5449">
        <v>29</v>
      </c>
      <c r="X5449">
        <v>29</v>
      </c>
      <c r="Y5449">
        <v>30</v>
      </c>
      <c r="Z5449">
        <v>31</v>
      </c>
      <c r="AA5449">
        <v>31</v>
      </c>
      <c r="AB5449">
        <v>32</v>
      </c>
      <c r="AC5449">
        <v>33</v>
      </c>
      <c r="AD5449">
        <v>33</v>
      </c>
      <c r="AE5449">
        <v>34</v>
      </c>
      <c r="AF5449">
        <v>35</v>
      </c>
      <c r="AG5449">
        <v>35</v>
      </c>
      <c r="AH5449">
        <v>36</v>
      </c>
      <c r="AI5449">
        <v>37</v>
      </c>
      <c r="AJ5449">
        <v>37</v>
      </c>
      <c r="AK5449">
        <v>38</v>
      </c>
      <c r="AL5449">
        <v>39</v>
      </c>
      <c r="AM5449">
        <v>39</v>
      </c>
      <c r="AN5449">
        <v>39</v>
      </c>
      <c r="AO5449">
        <v>40</v>
      </c>
      <c r="AP5449">
        <v>40</v>
      </c>
      <c r="AQ5449">
        <v>40</v>
      </c>
    </row>
    <row r="5450" spans="1:43">
      <c r="A5450" t="s">
        <v>3408</v>
      </c>
      <c r="B5450" t="s">
        <v>3409</v>
      </c>
      <c r="C5450" t="s">
        <v>3400</v>
      </c>
      <c r="D5450" t="s">
        <v>3401</v>
      </c>
      <c r="E5450" t="s">
        <v>3352</v>
      </c>
      <c r="F5450" t="s">
        <v>3353</v>
      </c>
      <c r="G5450" t="s">
        <v>80</v>
      </c>
      <c r="H5450" t="s">
        <v>81</v>
      </c>
      <c r="I5450" s="2">
        <v>0</v>
      </c>
      <c r="J5450" s="2">
        <v>1</v>
      </c>
      <c r="K5450" s="2">
        <v>0</v>
      </c>
      <c r="L5450" t="s">
        <v>82</v>
      </c>
      <c r="M5450" t="s">
        <v>83</v>
      </c>
      <c r="N5450" t="s">
        <v>84</v>
      </c>
      <c r="O5450" t="s">
        <v>85</v>
      </c>
      <c r="P5450" t="s">
        <v>86</v>
      </c>
      <c r="Q5450">
        <v>9</v>
      </c>
      <c r="R5450">
        <v>9</v>
      </c>
      <c r="S5450">
        <v>9</v>
      </c>
      <c r="T5450">
        <v>10</v>
      </c>
      <c r="U5450">
        <v>10</v>
      </c>
      <c r="V5450">
        <v>10</v>
      </c>
      <c r="W5450">
        <v>10</v>
      </c>
      <c r="X5450">
        <v>10</v>
      </c>
      <c r="Y5450">
        <v>11</v>
      </c>
      <c r="Z5450">
        <v>11</v>
      </c>
      <c r="AA5450">
        <v>11</v>
      </c>
      <c r="AB5450">
        <v>11</v>
      </c>
      <c r="AC5450">
        <v>12</v>
      </c>
      <c r="AD5450">
        <v>12</v>
      </c>
      <c r="AE5450">
        <v>12</v>
      </c>
      <c r="AF5450">
        <v>12</v>
      </c>
      <c r="AG5450">
        <v>13</v>
      </c>
      <c r="AH5450">
        <v>13</v>
      </c>
      <c r="AI5450">
        <v>13</v>
      </c>
      <c r="AJ5450">
        <v>13</v>
      </c>
      <c r="AK5450">
        <v>14</v>
      </c>
      <c r="AL5450">
        <v>14</v>
      </c>
      <c r="AM5450">
        <v>14</v>
      </c>
      <c r="AN5450">
        <v>14</v>
      </c>
      <c r="AO5450">
        <v>14</v>
      </c>
      <c r="AP5450">
        <v>14</v>
      </c>
      <c r="AQ5450">
        <v>14</v>
      </c>
    </row>
    <row r="5451" spans="1:43">
      <c r="A5451" t="s">
        <v>3408</v>
      </c>
      <c r="B5451" t="s">
        <v>3409</v>
      </c>
      <c r="C5451" t="s">
        <v>3400</v>
      </c>
      <c r="D5451" t="s">
        <v>3401</v>
      </c>
      <c r="E5451" t="s">
        <v>3352</v>
      </c>
      <c r="F5451" t="s">
        <v>3353</v>
      </c>
      <c r="G5451" t="s">
        <v>80</v>
      </c>
      <c r="H5451" t="s">
        <v>81</v>
      </c>
      <c r="I5451" s="2">
        <v>0</v>
      </c>
      <c r="J5451" s="2">
        <v>1</v>
      </c>
      <c r="K5451" s="2">
        <v>0</v>
      </c>
      <c r="L5451" t="s">
        <v>82</v>
      </c>
      <c r="M5451" t="s">
        <v>87</v>
      </c>
      <c r="N5451" t="s">
        <v>88</v>
      </c>
      <c r="O5451" t="s">
        <v>85</v>
      </c>
      <c r="P5451" t="s">
        <v>86</v>
      </c>
      <c r="Q5451">
        <v>9</v>
      </c>
      <c r="R5451">
        <v>9</v>
      </c>
      <c r="S5451">
        <v>9</v>
      </c>
      <c r="T5451">
        <v>9</v>
      </c>
      <c r="U5451">
        <v>9</v>
      </c>
      <c r="V5451">
        <v>10</v>
      </c>
      <c r="W5451">
        <v>10</v>
      </c>
      <c r="X5451">
        <v>10</v>
      </c>
      <c r="Y5451">
        <v>10</v>
      </c>
      <c r="Z5451">
        <v>10</v>
      </c>
      <c r="AA5451">
        <v>10</v>
      </c>
      <c r="AB5451">
        <v>10</v>
      </c>
      <c r="AC5451">
        <v>10</v>
      </c>
      <c r="AD5451">
        <v>11</v>
      </c>
      <c r="AE5451">
        <v>11</v>
      </c>
      <c r="AF5451">
        <v>11</v>
      </c>
      <c r="AG5451">
        <v>11</v>
      </c>
      <c r="AH5451">
        <v>11</v>
      </c>
      <c r="AI5451">
        <v>11</v>
      </c>
      <c r="AJ5451">
        <v>11</v>
      </c>
      <c r="AK5451">
        <v>12</v>
      </c>
      <c r="AL5451">
        <v>12</v>
      </c>
      <c r="AM5451">
        <v>12</v>
      </c>
      <c r="AN5451">
        <v>12</v>
      </c>
      <c r="AO5451">
        <v>12</v>
      </c>
      <c r="AP5451">
        <v>12</v>
      </c>
      <c r="AQ5451">
        <v>12</v>
      </c>
    </row>
    <row r="5452" spans="1:43">
      <c r="A5452" t="s">
        <v>3408</v>
      </c>
      <c r="B5452" t="s">
        <v>3409</v>
      </c>
      <c r="C5452" t="s">
        <v>3400</v>
      </c>
      <c r="D5452" t="s">
        <v>3401</v>
      </c>
      <c r="E5452" t="s">
        <v>3352</v>
      </c>
      <c r="F5452" t="s">
        <v>3353</v>
      </c>
      <c r="G5452" t="s">
        <v>80</v>
      </c>
      <c r="H5452" t="s">
        <v>81</v>
      </c>
      <c r="I5452" s="2">
        <v>0</v>
      </c>
      <c r="J5452" s="2">
        <v>1</v>
      </c>
      <c r="K5452" s="2">
        <v>0</v>
      </c>
      <c r="L5452" t="s">
        <v>82</v>
      </c>
      <c r="M5452" t="s">
        <v>89</v>
      </c>
      <c r="N5452" t="s">
        <v>90</v>
      </c>
      <c r="O5452" t="s">
        <v>85</v>
      </c>
      <c r="P5452" t="s">
        <v>86</v>
      </c>
      <c r="Q5452">
        <v>9</v>
      </c>
      <c r="R5452">
        <v>9</v>
      </c>
      <c r="S5452">
        <v>10</v>
      </c>
      <c r="T5452">
        <v>10</v>
      </c>
      <c r="U5452">
        <v>10</v>
      </c>
      <c r="V5452">
        <v>11</v>
      </c>
      <c r="W5452">
        <v>11</v>
      </c>
      <c r="X5452">
        <v>11</v>
      </c>
      <c r="Y5452">
        <v>11</v>
      </c>
      <c r="Z5452">
        <v>12</v>
      </c>
      <c r="AA5452">
        <v>12</v>
      </c>
      <c r="AB5452">
        <v>12</v>
      </c>
      <c r="AC5452">
        <v>12</v>
      </c>
      <c r="AD5452">
        <v>13</v>
      </c>
      <c r="AE5452">
        <v>13</v>
      </c>
      <c r="AF5452">
        <v>13</v>
      </c>
      <c r="AG5452">
        <v>13</v>
      </c>
      <c r="AH5452">
        <v>13</v>
      </c>
      <c r="AI5452">
        <v>13</v>
      </c>
      <c r="AJ5452">
        <v>14</v>
      </c>
      <c r="AK5452">
        <v>14</v>
      </c>
      <c r="AL5452">
        <v>14</v>
      </c>
      <c r="AM5452">
        <v>14</v>
      </c>
      <c r="AN5452">
        <v>14</v>
      </c>
      <c r="AO5452">
        <v>14</v>
      </c>
      <c r="AP5452">
        <v>14</v>
      </c>
      <c r="AQ5452">
        <v>14</v>
      </c>
    </row>
    <row r="5453" spans="1:43">
      <c r="A5453" t="s">
        <v>3408</v>
      </c>
      <c r="B5453" t="s">
        <v>3409</v>
      </c>
      <c r="C5453" t="s">
        <v>3400</v>
      </c>
      <c r="D5453" t="s">
        <v>3401</v>
      </c>
      <c r="E5453" t="s">
        <v>3352</v>
      </c>
      <c r="F5453" t="s">
        <v>3353</v>
      </c>
      <c r="G5453" t="s">
        <v>80</v>
      </c>
      <c r="H5453" t="s">
        <v>81</v>
      </c>
      <c r="I5453" s="2">
        <v>0</v>
      </c>
      <c r="J5453" s="2">
        <v>1</v>
      </c>
      <c r="K5453" s="2">
        <v>0</v>
      </c>
      <c r="L5453" t="s">
        <v>82</v>
      </c>
      <c r="M5453" t="s">
        <v>83</v>
      </c>
      <c r="N5453" t="s">
        <v>91</v>
      </c>
      <c r="O5453" t="s">
        <v>85</v>
      </c>
      <c r="P5453" t="s">
        <v>86</v>
      </c>
      <c r="Q5453">
        <v>9</v>
      </c>
      <c r="R5453">
        <v>9</v>
      </c>
      <c r="S5453">
        <v>9</v>
      </c>
      <c r="T5453">
        <v>10</v>
      </c>
      <c r="U5453">
        <v>10</v>
      </c>
      <c r="V5453">
        <v>10</v>
      </c>
      <c r="W5453">
        <v>10</v>
      </c>
      <c r="X5453">
        <v>10</v>
      </c>
      <c r="Y5453">
        <v>11</v>
      </c>
      <c r="Z5453">
        <v>11</v>
      </c>
      <c r="AA5453">
        <v>11</v>
      </c>
      <c r="AB5453">
        <v>11</v>
      </c>
      <c r="AC5453">
        <v>12</v>
      </c>
      <c r="AD5453">
        <v>12</v>
      </c>
      <c r="AE5453">
        <v>12</v>
      </c>
      <c r="AF5453">
        <v>12</v>
      </c>
      <c r="AG5453">
        <v>13</v>
      </c>
      <c r="AH5453">
        <v>13</v>
      </c>
      <c r="AI5453">
        <v>13</v>
      </c>
      <c r="AJ5453">
        <v>13</v>
      </c>
      <c r="AK5453">
        <v>14</v>
      </c>
      <c r="AL5453">
        <v>14</v>
      </c>
      <c r="AM5453">
        <v>14</v>
      </c>
      <c r="AN5453">
        <v>14</v>
      </c>
      <c r="AO5453">
        <v>14</v>
      </c>
      <c r="AP5453">
        <v>14</v>
      </c>
      <c r="AQ5453">
        <v>14</v>
      </c>
    </row>
    <row r="5454" spans="1:43">
      <c r="A5454" t="s">
        <v>3410</v>
      </c>
      <c r="B5454" t="s">
        <v>3411</v>
      </c>
      <c r="C5454" t="s">
        <v>3394</v>
      </c>
      <c r="D5454" t="s">
        <v>3395</v>
      </c>
      <c r="E5454" t="s">
        <v>3352</v>
      </c>
      <c r="F5454" t="s">
        <v>3353</v>
      </c>
      <c r="G5454" t="s">
        <v>80</v>
      </c>
      <c r="H5454" t="s">
        <v>81</v>
      </c>
      <c r="I5454" s="2">
        <v>0</v>
      </c>
      <c r="J5454" s="2">
        <v>1</v>
      </c>
      <c r="K5454" s="2">
        <v>0</v>
      </c>
      <c r="L5454" t="s">
        <v>82</v>
      </c>
      <c r="M5454" t="s">
        <v>83</v>
      </c>
      <c r="N5454" t="s">
        <v>84</v>
      </c>
      <c r="O5454" t="s">
        <v>85</v>
      </c>
      <c r="P5454" t="s">
        <v>86</v>
      </c>
      <c r="Q5454">
        <v>29</v>
      </c>
      <c r="R5454">
        <v>30</v>
      </c>
      <c r="S5454">
        <v>31</v>
      </c>
      <c r="T5454">
        <v>31</v>
      </c>
      <c r="U5454">
        <v>32</v>
      </c>
      <c r="V5454">
        <v>33</v>
      </c>
      <c r="W5454">
        <v>33</v>
      </c>
      <c r="X5454">
        <v>34</v>
      </c>
      <c r="Y5454">
        <v>35</v>
      </c>
      <c r="Z5454">
        <v>36</v>
      </c>
      <c r="AA5454">
        <v>36</v>
      </c>
      <c r="AB5454">
        <v>37</v>
      </c>
      <c r="AC5454">
        <v>38</v>
      </c>
      <c r="AD5454">
        <v>39</v>
      </c>
      <c r="AE5454">
        <v>39</v>
      </c>
      <c r="AF5454">
        <v>40</v>
      </c>
      <c r="AG5454">
        <v>41</v>
      </c>
      <c r="AH5454">
        <v>42</v>
      </c>
      <c r="AI5454">
        <v>43</v>
      </c>
      <c r="AJ5454">
        <v>43</v>
      </c>
      <c r="AK5454">
        <v>44</v>
      </c>
      <c r="AL5454">
        <v>45</v>
      </c>
      <c r="AM5454">
        <v>45</v>
      </c>
      <c r="AN5454">
        <v>46</v>
      </c>
      <c r="AO5454">
        <v>46</v>
      </c>
      <c r="AP5454">
        <v>46</v>
      </c>
      <c r="AQ5454">
        <v>47</v>
      </c>
    </row>
    <row r="5455" spans="1:43">
      <c r="A5455" t="s">
        <v>3410</v>
      </c>
      <c r="B5455" t="s">
        <v>3411</v>
      </c>
      <c r="C5455" t="s">
        <v>3394</v>
      </c>
      <c r="D5455" t="s">
        <v>3395</v>
      </c>
      <c r="E5455" t="s">
        <v>3352</v>
      </c>
      <c r="F5455" t="s">
        <v>3353</v>
      </c>
      <c r="G5455" t="s">
        <v>80</v>
      </c>
      <c r="H5455" t="s">
        <v>81</v>
      </c>
      <c r="I5455" s="2">
        <v>0</v>
      </c>
      <c r="J5455" s="2">
        <v>1</v>
      </c>
      <c r="K5455" s="2">
        <v>0</v>
      </c>
      <c r="L5455" t="s">
        <v>82</v>
      </c>
      <c r="M5455" t="s">
        <v>87</v>
      </c>
      <c r="N5455" t="s">
        <v>88</v>
      </c>
      <c r="O5455" t="s">
        <v>85</v>
      </c>
      <c r="P5455" t="s">
        <v>86</v>
      </c>
      <c r="Q5455">
        <v>29</v>
      </c>
      <c r="R5455">
        <v>29</v>
      </c>
      <c r="S5455">
        <v>30</v>
      </c>
      <c r="T5455">
        <v>30</v>
      </c>
      <c r="U5455">
        <v>31</v>
      </c>
      <c r="V5455">
        <v>31</v>
      </c>
      <c r="W5455">
        <v>31</v>
      </c>
      <c r="X5455">
        <v>32</v>
      </c>
      <c r="Y5455">
        <v>32</v>
      </c>
      <c r="Z5455">
        <v>33</v>
      </c>
      <c r="AA5455">
        <v>33</v>
      </c>
      <c r="AB5455">
        <v>34</v>
      </c>
      <c r="AC5455">
        <v>34</v>
      </c>
      <c r="AD5455">
        <v>34</v>
      </c>
      <c r="AE5455">
        <v>35</v>
      </c>
      <c r="AF5455">
        <v>35</v>
      </c>
      <c r="AG5455">
        <v>36</v>
      </c>
      <c r="AH5455">
        <v>36</v>
      </c>
      <c r="AI5455">
        <v>37</v>
      </c>
      <c r="AJ5455">
        <v>37</v>
      </c>
      <c r="AK5455">
        <v>38</v>
      </c>
      <c r="AL5455">
        <v>38</v>
      </c>
      <c r="AM5455">
        <v>39</v>
      </c>
      <c r="AN5455">
        <v>39</v>
      </c>
      <c r="AO5455">
        <v>40</v>
      </c>
      <c r="AP5455">
        <v>40</v>
      </c>
      <c r="AQ5455">
        <v>41</v>
      </c>
    </row>
    <row r="5456" spans="1:43">
      <c r="A5456" t="s">
        <v>3410</v>
      </c>
      <c r="B5456" t="s">
        <v>3411</v>
      </c>
      <c r="C5456" t="s">
        <v>3394</v>
      </c>
      <c r="D5456" t="s">
        <v>3395</v>
      </c>
      <c r="E5456" t="s">
        <v>3352</v>
      </c>
      <c r="F5456" t="s">
        <v>3353</v>
      </c>
      <c r="G5456" t="s">
        <v>80</v>
      </c>
      <c r="H5456" t="s">
        <v>81</v>
      </c>
      <c r="I5456" s="2">
        <v>0</v>
      </c>
      <c r="J5456" s="2">
        <v>1</v>
      </c>
      <c r="K5456" s="2">
        <v>0</v>
      </c>
      <c r="L5456" t="s">
        <v>82</v>
      </c>
      <c r="M5456" t="s">
        <v>89</v>
      </c>
      <c r="N5456" t="s">
        <v>90</v>
      </c>
      <c r="O5456" t="s">
        <v>85</v>
      </c>
      <c r="P5456" t="s">
        <v>86</v>
      </c>
      <c r="Q5456">
        <v>29</v>
      </c>
      <c r="R5456">
        <v>29</v>
      </c>
      <c r="S5456">
        <v>30</v>
      </c>
      <c r="T5456">
        <v>31</v>
      </c>
      <c r="U5456">
        <v>32</v>
      </c>
      <c r="V5456">
        <v>33</v>
      </c>
      <c r="W5456">
        <v>34</v>
      </c>
      <c r="X5456">
        <v>35</v>
      </c>
      <c r="Y5456">
        <v>36</v>
      </c>
      <c r="Z5456">
        <v>37</v>
      </c>
      <c r="AA5456">
        <v>38</v>
      </c>
      <c r="AB5456">
        <v>39</v>
      </c>
      <c r="AC5456">
        <v>40</v>
      </c>
      <c r="AD5456">
        <v>41</v>
      </c>
      <c r="AE5456">
        <v>41</v>
      </c>
      <c r="AF5456">
        <v>42</v>
      </c>
      <c r="AG5456">
        <v>42</v>
      </c>
      <c r="AH5456">
        <v>43</v>
      </c>
      <c r="AI5456">
        <v>43</v>
      </c>
      <c r="AJ5456">
        <v>43</v>
      </c>
      <c r="AK5456">
        <v>44</v>
      </c>
      <c r="AL5456">
        <v>44</v>
      </c>
      <c r="AM5456">
        <v>45</v>
      </c>
      <c r="AN5456">
        <v>45</v>
      </c>
      <c r="AO5456">
        <v>45</v>
      </c>
      <c r="AP5456">
        <v>46</v>
      </c>
      <c r="AQ5456">
        <v>46</v>
      </c>
    </row>
    <row r="5457" spans="1:43">
      <c r="A5457" t="s">
        <v>3410</v>
      </c>
      <c r="B5457" t="s">
        <v>3411</v>
      </c>
      <c r="C5457" t="s">
        <v>3394</v>
      </c>
      <c r="D5457" t="s">
        <v>3395</v>
      </c>
      <c r="E5457" t="s">
        <v>3352</v>
      </c>
      <c r="F5457" t="s">
        <v>3353</v>
      </c>
      <c r="G5457" t="s">
        <v>80</v>
      </c>
      <c r="H5457" t="s">
        <v>81</v>
      </c>
      <c r="I5457" s="2">
        <v>0</v>
      </c>
      <c r="J5457" s="2">
        <v>1</v>
      </c>
      <c r="K5457" s="2">
        <v>0</v>
      </c>
      <c r="L5457" t="s">
        <v>82</v>
      </c>
      <c r="M5457" t="s">
        <v>83</v>
      </c>
      <c r="N5457" t="s">
        <v>91</v>
      </c>
      <c r="O5457" t="s">
        <v>85</v>
      </c>
      <c r="P5457" t="s">
        <v>86</v>
      </c>
      <c r="Q5457">
        <v>29</v>
      </c>
      <c r="R5457">
        <v>30</v>
      </c>
      <c r="S5457">
        <v>31</v>
      </c>
      <c r="T5457">
        <v>31</v>
      </c>
      <c r="U5457">
        <v>32</v>
      </c>
      <c r="V5457">
        <v>33</v>
      </c>
      <c r="W5457">
        <v>33</v>
      </c>
      <c r="X5457">
        <v>34</v>
      </c>
      <c r="Y5457">
        <v>35</v>
      </c>
      <c r="Z5457">
        <v>36</v>
      </c>
      <c r="AA5457">
        <v>36</v>
      </c>
      <c r="AB5457">
        <v>37</v>
      </c>
      <c r="AC5457">
        <v>38</v>
      </c>
      <c r="AD5457">
        <v>39</v>
      </c>
      <c r="AE5457">
        <v>39</v>
      </c>
      <c r="AF5457">
        <v>40</v>
      </c>
      <c r="AG5457">
        <v>41</v>
      </c>
      <c r="AH5457">
        <v>42</v>
      </c>
      <c r="AI5457">
        <v>43</v>
      </c>
      <c r="AJ5457">
        <v>43</v>
      </c>
      <c r="AK5457">
        <v>44</v>
      </c>
      <c r="AL5457">
        <v>45</v>
      </c>
      <c r="AM5457">
        <v>45</v>
      </c>
      <c r="AN5457">
        <v>46</v>
      </c>
      <c r="AO5457">
        <v>46</v>
      </c>
      <c r="AP5457">
        <v>46</v>
      </c>
      <c r="AQ5457">
        <v>47</v>
      </c>
    </row>
    <row r="5458" spans="1:43">
      <c r="A5458" t="s">
        <v>3412</v>
      </c>
      <c r="B5458" t="s">
        <v>3413</v>
      </c>
      <c r="C5458" t="s">
        <v>3414</v>
      </c>
      <c r="D5458" t="s">
        <v>3415</v>
      </c>
      <c r="E5458" t="s">
        <v>3352</v>
      </c>
      <c r="F5458" t="s">
        <v>3353</v>
      </c>
      <c r="G5458" t="s">
        <v>80</v>
      </c>
      <c r="H5458" t="s">
        <v>81</v>
      </c>
      <c r="I5458" s="2">
        <v>0</v>
      </c>
      <c r="J5458" s="2">
        <v>1</v>
      </c>
      <c r="K5458" s="2">
        <v>0</v>
      </c>
      <c r="L5458" t="s">
        <v>82</v>
      </c>
      <c r="M5458" t="s">
        <v>83</v>
      </c>
      <c r="N5458" t="s">
        <v>84</v>
      </c>
      <c r="O5458" t="s">
        <v>85</v>
      </c>
      <c r="P5458" t="s">
        <v>86</v>
      </c>
      <c r="Q5458">
        <v>8</v>
      </c>
      <c r="R5458">
        <v>8</v>
      </c>
      <c r="S5458">
        <v>8</v>
      </c>
      <c r="T5458">
        <v>8</v>
      </c>
      <c r="U5458">
        <v>8</v>
      </c>
      <c r="V5458">
        <v>9</v>
      </c>
      <c r="W5458">
        <v>9</v>
      </c>
      <c r="X5458">
        <v>9</v>
      </c>
      <c r="Y5458">
        <v>9</v>
      </c>
      <c r="Z5458">
        <v>9</v>
      </c>
      <c r="AA5458">
        <v>10</v>
      </c>
      <c r="AB5458">
        <v>10</v>
      </c>
      <c r="AC5458">
        <v>10</v>
      </c>
      <c r="AD5458">
        <v>10</v>
      </c>
      <c r="AE5458">
        <v>10</v>
      </c>
      <c r="AF5458">
        <v>11</v>
      </c>
      <c r="AG5458">
        <v>11</v>
      </c>
      <c r="AH5458">
        <v>11</v>
      </c>
      <c r="AI5458">
        <v>11</v>
      </c>
      <c r="AJ5458">
        <v>11</v>
      </c>
      <c r="AK5458">
        <v>12</v>
      </c>
      <c r="AL5458">
        <v>12</v>
      </c>
      <c r="AM5458">
        <v>12</v>
      </c>
      <c r="AN5458">
        <v>12</v>
      </c>
      <c r="AO5458">
        <v>12</v>
      </c>
      <c r="AP5458">
        <v>12</v>
      </c>
      <c r="AQ5458">
        <v>12</v>
      </c>
    </row>
    <row r="5459" spans="1:43">
      <c r="A5459" t="s">
        <v>3412</v>
      </c>
      <c r="B5459" t="s">
        <v>3413</v>
      </c>
      <c r="C5459" t="s">
        <v>3414</v>
      </c>
      <c r="D5459" t="s">
        <v>3415</v>
      </c>
      <c r="E5459" t="s">
        <v>3352</v>
      </c>
      <c r="F5459" t="s">
        <v>3353</v>
      </c>
      <c r="G5459" t="s">
        <v>80</v>
      </c>
      <c r="H5459" t="s">
        <v>81</v>
      </c>
      <c r="I5459" s="2">
        <v>0</v>
      </c>
      <c r="J5459" s="2">
        <v>1</v>
      </c>
      <c r="K5459" s="2">
        <v>0</v>
      </c>
      <c r="L5459" t="s">
        <v>82</v>
      </c>
      <c r="M5459" t="s">
        <v>87</v>
      </c>
      <c r="N5459" t="s">
        <v>88</v>
      </c>
      <c r="O5459" t="s">
        <v>85</v>
      </c>
      <c r="P5459" t="s">
        <v>86</v>
      </c>
      <c r="Q5459">
        <v>8</v>
      </c>
      <c r="R5459">
        <v>8</v>
      </c>
      <c r="S5459">
        <v>8</v>
      </c>
      <c r="T5459">
        <v>8</v>
      </c>
      <c r="U5459">
        <v>8</v>
      </c>
      <c r="V5459">
        <v>8</v>
      </c>
      <c r="W5459">
        <v>8</v>
      </c>
      <c r="X5459">
        <v>8</v>
      </c>
      <c r="Y5459">
        <v>9</v>
      </c>
      <c r="Z5459">
        <v>9</v>
      </c>
      <c r="AA5459">
        <v>9</v>
      </c>
      <c r="AB5459">
        <v>9</v>
      </c>
      <c r="AC5459">
        <v>9</v>
      </c>
      <c r="AD5459">
        <v>9</v>
      </c>
      <c r="AE5459">
        <v>9</v>
      </c>
      <c r="AF5459">
        <v>9</v>
      </c>
      <c r="AG5459">
        <v>9</v>
      </c>
      <c r="AH5459">
        <v>10</v>
      </c>
      <c r="AI5459">
        <v>10</v>
      </c>
      <c r="AJ5459">
        <v>10</v>
      </c>
      <c r="AK5459">
        <v>10</v>
      </c>
      <c r="AL5459">
        <v>10</v>
      </c>
      <c r="AM5459">
        <v>10</v>
      </c>
      <c r="AN5459">
        <v>10</v>
      </c>
      <c r="AO5459">
        <v>10</v>
      </c>
      <c r="AP5459">
        <v>11</v>
      </c>
      <c r="AQ5459">
        <v>11</v>
      </c>
    </row>
    <row r="5460" spans="1:43">
      <c r="A5460" t="s">
        <v>3412</v>
      </c>
      <c r="B5460" t="s">
        <v>3413</v>
      </c>
      <c r="C5460" t="s">
        <v>3414</v>
      </c>
      <c r="D5460" t="s">
        <v>3415</v>
      </c>
      <c r="E5460" t="s">
        <v>3352</v>
      </c>
      <c r="F5460" t="s">
        <v>3353</v>
      </c>
      <c r="G5460" t="s">
        <v>80</v>
      </c>
      <c r="H5460" t="s">
        <v>81</v>
      </c>
      <c r="I5460" s="2">
        <v>0</v>
      </c>
      <c r="J5460" s="2">
        <v>1</v>
      </c>
      <c r="K5460" s="2">
        <v>0</v>
      </c>
      <c r="L5460" t="s">
        <v>82</v>
      </c>
      <c r="M5460" t="s">
        <v>89</v>
      </c>
      <c r="N5460" t="s">
        <v>90</v>
      </c>
      <c r="O5460" t="s">
        <v>85</v>
      </c>
      <c r="P5460" t="s">
        <v>86</v>
      </c>
      <c r="Q5460">
        <v>8</v>
      </c>
      <c r="R5460">
        <v>8</v>
      </c>
      <c r="S5460">
        <v>8</v>
      </c>
      <c r="T5460">
        <v>9</v>
      </c>
      <c r="U5460">
        <v>9</v>
      </c>
      <c r="V5460">
        <v>9</v>
      </c>
      <c r="W5460">
        <v>9</v>
      </c>
      <c r="X5460">
        <v>10</v>
      </c>
      <c r="Y5460">
        <v>10</v>
      </c>
      <c r="Z5460">
        <v>10</v>
      </c>
      <c r="AA5460">
        <v>10</v>
      </c>
      <c r="AB5460">
        <v>10</v>
      </c>
      <c r="AC5460">
        <v>11</v>
      </c>
      <c r="AD5460">
        <v>11</v>
      </c>
      <c r="AE5460">
        <v>11</v>
      </c>
      <c r="AF5460">
        <v>11</v>
      </c>
      <c r="AG5460">
        <v>11</v>
      </c>
      <c r="AH5460">
        <v>11</v>
      </c>
      <c r="AI5460">
        <v>12</v>
      </c>
      <c r="AJ5460">
        <v>12</v>
      </c>
      <c r="AK5460">
        <v>12</v>
      </c>
      <c r="AL5460">
        <v>12</v>
      </c>
      <c r="AM5460">
        <v>12</v>
      </c>
      <c r="AN5460">
        <v>12</v>
      </c>
      <c r="AO5460">
        <v>12</v>
      </c>
      <c r="AP5460">
        <v>12</v>
      </c>
      <c r="AQ5460">
        <v>12</v>
      </c>
    </row>
    <row r="5461" spans="1:43">
      <c r="A5461" t="s">
        <v>3412</v>
      </c>
      <c r="B5461" t="s">
        <v>3413</v>
      </c>
      <c r="C5461" t="s">
        <v>3414</v>
      </c>
      <c r="D5461" t="s">
        <v>3415</v>
      </c>
      <c r="E5461" t="s">
        <v>3352</v>
      </c>
      <c r="F5461" t="s">
        <v>3353</v>
      </c>
      <c r="G5461" t="s">
        <v>80</v>
      </c>
      <c r="H5461" t="s">
        <v>81</v>
      </c>
      <c r="I5461" s="2">
        <v>0</v>
      </c>
      <c r="J5461" s="2">
        <v>1</v>
      </c>
      <c r="K5461" s="2">
        <v>0</v>
      </c>
      <c r="L5461" t="s">
        <v>82</v>
      </c>
      <c r="M5461" t="s">
        <v>83</v>
      </c>
      <c r="N5461" t="s">
        <v>91</v>
      </c>
      <c r="O5461" t="s">
        <v>85</v>
      </c>
      <c r="P5461" t="s">
        <v>86</v>
      </c>
      <c r="Q5461">
        <v>8</v>
      </c>
      <c r="R5461">
        <v>8</v>
      </c>
      <c r="S5461">
        <v>8</v>
      </c>
      <c r="T5461">
        <v>8</v>
      </c>
      <c r="U5461">
        <v>8</v>
      </c>
      <c r="V5461">
        <v>9</v>
      </c>
      <c r="W5461">
        <v>9</v>
      </c>
      <c r="X5461">
        <v>9</v>
      </c>
      <c r="Y5461">
        <v>9</v>
      </c>
      <c r="Z5461">
        <v>9</v>
      </c>
      <c r="AA5461">
        <v>10</v>
      </c>
      <c r="AB5461">
        <v>10</v>
      </c>
      <c r="AC5461">
        <v>10</v>
      </c>
      <c r="AD5461">
        <v>10</v>
      </c>
      <c r="AE5461">
        <v>10</v>
      </c>
      <c r="AF5461">
        <v>11</v>
      </c>
      <c r="AG5461">
        <v>11</v>
      </c>
      <c r="AH5461">
        <v>11</v>
      </c>
      <c r="AI5461">
        <v>11</v>
      </c>
      <c r="AJ5461">
        <v>11</v>
      </c>
      <c r="AK5461">
        <v>12</v>
      </c>
      <c r="AL5461">
        <v>12</v>
      </c>
      <c r="AM5461">
        <v>12</v>
      </c>
      <c r="AN5461">
        <v>12</v>
      </c>
      <c r="AO5461">
        <v>12</v>
      </c>
      <c r="AP5461">
        <v>12</v>
      </c>
      <c r="AQ5461">
        <v>12</v>
      </c>
    </row>
    <row r="5462" spans="1:43">
      <c r="A5462" t="s">
        <v>3416</v>
      </c>
      <c r="B5462" t="s">
        <v>3417</v>
      </c>
      <c r="C5462" t="s">
        <v>3418</v>
      </c>
      <c r="D5462" t="s">
        <v>3419</v>
      </c>
      <c r="E5462" t="s">
        <v>3352</v>
      </c>
      <c r="F5462" t="s">
        <v>3353</v>
      </c>
      <c r="G5462" t="s">
        <v>80</v>
      </c>
      <c r="H5462" t="s">
        <v>81</v>
      </c>
      <c r="I5462" s="2">
        <v>0</v>
      </c>
      <c r="J5462" s="2">
        <v>1</v>
      </c>
      <c r="K5462" s="2">
        <v>0</v>
      </c>
      <c r="L5462" t="s">
        <v>82</v>
      </c>
      <c r="M5462" t="s">
        <v>83</v>
      </c>
      <c r="N5462" t="s">
        <v>84</v>
      </c>
      <c r="O5462" t="s">
        <v>85</v>
      </c>
      <c r="P5462" t="s">
        <v>86</v>
      </c>
      <c r="Q5462">
        <v>10</v>
      </c>
      <c r="R5462">
        <v>10</v>
      </c>
      <c r="S5462">
        <v>10</v>
      </c>
      <c r="T5462">
        <v>10</v>
      </c>
      <c r="U5462">
        <v>10</v>
      </c>
      <c r="V5462">
        <v>11</v>
      </c>
      <c r="W5462">
        <v>11</v>
      </c>
      <c r="X5462">
        <v>11</v>
      </c>
      <c r="Y5462">
        <v>11</v>
      </c>
      <c r="Z5462">
        <v>12</v>
      </c>
      <c r="AA5462">
        <v>12</v>
      </c>
      <c r="AB5462">
        <v>12</v>
      </c>
      <c r="AC5462">
        <v>12</v>
      </c>
      <c r="AD5462">
        <v>13</v>
      </c>
      <c r="AE5462">
        <v>13</v>
      </c>
      <c r="AF5462">
        <v>13</v>
      </c>
      <c r="AG5462">
        <v>13</v>
      </c>
      <c r="AH5462">
        <v>14</v>
      </c>
      <c r="AI5462">
        <v>14</v>
      </c>
      <c r="AJ5462">
        <v>14</v>
      </c>
      <c r="AK5462">
        <v>14</v>
      </c>
      <c r="AL5462">
        <v>15</v>
      </c>
      <c r="AM5462">
        <v>15</v>
      </c>
      <c r="AN5462">
        <v>15</v>
      </c>
      <c r="AO5462">
        <v>15</v>
      </c>
      <c r="AP5462">
        <v>15</v>
      </c>
      <c r="AQ5462">
        <v>15</v>
      </c>
    </row>
    <row r="5463" spans="1:43">
      <c r="A5463" t="s">
        <v>3416</v>
      </c>
      <c r="B5463" t="s">
        <v>3417</v>
      </c>
      <c r="C5463" t="s">
        <v>3418</v>
      </c>
      <c r="D5463" t="s">
        <v>3419</v>
      </c>
      <c r="E5463" t="s">
        <v>3352</v>
      </c>
      <c r="F5463" t="s">
        <v>3353</v>
      </c>
      <c r="G5463" t="s">
        <v>80</v>
      </c>
      <c r="H5463" t="s">
        <v>81</v>
      </c>
      <c r="I5463" s="2">
        <v>0</v>
      </c>
      <c r="J5463" s="2">
        <v>1</v>
      </c>
      <c r="K5463" s="2">
        <v>0</v>
      </c>
      <c r="L5463" t="s">
        <v>82</v>
      </c>
      <c r="M5463" t="s">
        <v>87</v>
      </c>
      <c r="N5463" t="s">
        <v>88</v>
      </c>
      <c r="O5463" t="s">
        <v>85</v>
      </c>
      <c r="P5463" t="s">
        <v>86</v>
      </c>
      <c r="Q5463">
        <v>10</v>
      </c>
      <c r="R5463">
        <v>11</v>
      </c>
      <c r="S5463">
        <v>11</v>
      </c>
      <c r="T5463">
        <v>11</v>
      </c>
      <c r="U5463">
        <v>11</v>
      </c>
      <c r="V5463">
        <v>11</v>
      </c>
      <c r="W5463">
        <v>11</v>
      </c>
      <c r="X5463">
        <v>11</v>
      </c>
      <c r="Y5463">
        <v>12</v>
      </c>
      <c r="Z5463">
        <v>12</v>
      </c>
      <c r="AA5463">
        <v>12</v>
      </c>
      <c r="AB5463">
        <v>12</v>
      </c>
      <c r="AC5463">
        <v>12</v>
      </c>
      <c r="AD5463">
        <v>12</v>
      </c>
      <c r="AE5463">
        <v>12</v>
      </c>
      <c r="AF5463">
        <v>13</v>
      </c>
      <c r="AG5463">
        <v>13</v>
      </c>
      <c r="AH5463">
        <v>13</v>
      </c>
      <c r="AI5463">
        <v>13</v>
      </c>
      <c r="AJ5463">
        <v>13</v>
      </c>
      <c r="AK5463">
        <v>13</v>
      </c>
      <c r="AL5463">
        <v>14</v>
      </c>
      <c r="AM5463">
        <v>14</v>
      </c>
      <c r="AN5463">
        <v>14</v>
      </c>
      <c r="AO5463">
        <v>14</v>
      </c>
      <c r="AP5463">
        <v>14</v>
      </c>
      <c r="AQ5463">
        <v>14</v>
      </c>
    </row>
    <row r="5464" spans="1:43">
      <c r="A5464" t="s">
        <v>3416</v>
      </c>
      <c r="B5464" t="s">
        <v>3417</v>
      </c>
      <c r="C5464" t="s">
        <v>3418</v>
      </c>
      <c r="D5464" t="s">
        <v>3419</v>
      </c>
      <c r="E5464" t="s">
        <v>3352</v>
      </c>
      <c r="F5464" t="s">
        <v>3353</v>
      </c>
      <c r="G5464" t="s">
        <v>80</v>
      </c>
      <c r="H5464" t="s">
        <v>81</v>
      </c>
      <c r="I5464" s="2">
        <v>0</v>
      </c>
      <c r="J5464" s="2">
        <v>1</v>
      </c>
      <c r="K5464" s="2">
        <v>0</v>
      </c>
      <c r="L5464" t="s">
        <v>82</v>
      </c>
      <c r="M5464" t="s">
        <v>89</v>
      </c>
      <c r="N5464" t="s">
        <v>90</v>
      </c>
      <c r="O5464" t="s">
        <v>85</v>
      </c>
      <c r="P5464" t="s">
        <v>86</v>
      </c>
      <c r="Q5464">
        <v>10</v>
      </c>
      <c r="R5464">
        <v>10</v>
      </c>
      <c r="S5464">
        <v>10</v>
      </c>
      <c r="T5464">
        <v>11</v>
      </c>
      <c r="U5464">
        <v>11</v>
      </c>
      <c r="V5464">
        <v>11</v>
      </c>
      <c r="W5464">
        <v>12</v>
      </c>
      <c r="X5464">
        <v>12</v>
      </c>
      <c r="Y5464">
        <v>12</v>
      </c>
      <c r="Z5464">
        <v>12</v>
      </c>
      <c r="AA5464">
        <v>13</v>
      </c>
      <c r="AB5464">
        <v>13</v>
      </c>
      <c r="AC5464">
        <v>13</v>
      </c>
      <c r="AD5464">
        <v>14</v>
      </c>
      <c r="AE5464">
        <v>14</v>
      </c>
      <c r="AF5464">
        <v>14</v>
      </c>
      <c r="AG5464">
        <v>14</v>
      </c>
      <c r="AH5464">
        <v>14</v>
      </c>
      <c r="AI5464">
        <v>14</v>
      </c>
      <c r="AJ5464">
        <v>14</v>
      </c>
      <c r="AK5464">
        <v>15</v>
      </c>
      <c r="AL5464">
        <v>15</v>
      </c>
      <c r="AM5464">
        <v>15</v>
      </c>
      <c r="AN5464">
        <v>15</v>
      </c>
      <c r="AO5464">
        <v>15</v>
      </c>
      <c r="AP5464">
        <v>15</v>
      </c>
      <c r="AQ5464">
        <v>15</v>
      </c>
    </row>
    <row r="5465" spans="1:43">
      <c r="A5465" t="s">
        <v>3416</v>
      </c>
      <c r="B5465" t="s">
        <v>3417</v>
      </c>
      <c r="C5465" t="s">
        <v>3418</v>
      </c>
      <c r="D5465" t="s">
        <v>3419</v>
      </c>
      <c r="E5465" t="s">
        <v>3352</v>
      </c>
      <c r="F5465" t="s">
        <v>3353</v>
      </c>
      <c r="G5465" t="s">
        <v>80</v>
      </c>
      <c r="H5465" t="s">
        <v>81</v>
      </c>
      <c r="I5465" s="2">
        <v>0</v>
      </c>
      <c r="J5465" s="2">
        <v>1</v>
      </c>
      <c r="K5465" s="2">
        <v>0</v>
      </c>
      <c r="L5465" t="s">
        <v>82</v>
      </c>
      <c r="M5465" t="s">
        <v>83</v>
      </c>
      <c r="N5465" t="s">
        <v>91</v>
      </c>
      <c r="O5465" t="s">
        <v>85</v>
      </c>
      <c r="P5465" t="s">
        <v>86</v>
      </c>
      <c r="Q5465">
        <v>10</v>
      </c>
      <c r="R5465">
        <v>10</v>
      </c>
      <c r="S5465">
        <v>10</v>
      </c>
      <c r="T5465">
        <v>10</v>
      </c>
      <c r="U5465">
        <v>10</v>
      </c>
      <c r="V5465">
        <v>11</v>
      </c>
      <c r="W5465">
        <v>11</v>
      </c>
      <c r="X5465">
        <v>11</v>
      </c>
      <c r="Y5465">
        <v>11</v>
      </c>
      <c r="Z5465">
        <v>12</v>
      </c>
      <c r="AA5465">
        <v>12</v>
      </c>
      <c r="AB5465">
        <v>12</v>
      </c>
      <c r="AC5465">
        <v>12</v>
      </c>
      <c r="AD5465">
        <v>13</v>
      </c>
      <c r="AE5465">
        <v>13</v>
      </c>
      <c r="AF5465">
        <v>13</v>
      </c>
      <c r="AG5465">
        <v>13</v>
      </c>
      <c r="AH5465">
        <v>14</v>
      </c>
      <c r="AI5465">
        <v>14</v>
      </c>
      <c r="AJ5465">
        <v>14</v>
      </c>
      <c r="AK5465">
        <v>14</v>
      </c>
      <c r="AL5465">
        <v>15</v>
      </c>
      <c r="AM5465">
        <v>15</v>
      </c>
      <c r="AN5465">
        <v>15</v>
      </c>
      <c r="AO5465">
        <v>15</v>
      </c>
      <c r="AP5465">
        <v>15</v>
      </c>
      <c r="AQ5465">
        <v>15</v>
      </c>
    </row>
    <row r="5466" spans="1:43">
      <c r="A5466" t="s">
        <v>3420</v>
      </c>
      <c r="B5466" t="s">
        <v>3421</v>
      </c>
      <c r="C5466" t="s">
        <v>3418</v>
      </c>
      <c r="D5466" t="s">
        <v>3419</v>
      </c>
      <c r="E5466" t="s">
        <v>3352</v>
      </c>
      <c r="F5466" t="s">
        <v>3353</v>
      </c>
      <c r="G5466" t="s">
        <v>80</v>
      </c>
      <c r="H5466" t="s">
        <v>81</v>
      </c>
      <c r="I5466" s="2">
        <v>0</v>
      </c>
      <c r="J5466" s="2">
        <v>1</v>
      </c>
      <c r="K5466" s="2">
        <v>0</v>
      </c>
      <c r="L5466" t="s">
        <v>82</v>
      </c>
      <c r="M5466" t="s">
        <v>83</v>
      </c>
      <c r="N5466" t="s">
        <v>84</v>
      </c>
      <c r="O5466" t="s">
        <v>85</v>
      </c>
      <c r="P5466" t="s">
        <v>86</v>
      </c>
      <c r="Q5466">
        <v>22</v>
      </c>
      <c r="R5466">
        <v>23</v>
      </c>
      <c r="S5466">
        <v>23</v>
      </c>
      <c r="T5466">
        <v>24</v>
      </c>
      <c r="U5466">
        <v>24</v>
      </c>
      <c r="V5466">
        <v>25</v>
      </c>
      <c r="W5466">
        <v>25</v>
      </c>
      <c r="X5466">
        <v>26</v>
      </c>
      <c r="Y5466">
        <v>26</v>
      </c>
      <c r="Z5466">
        <v>27</v>
      </c>
      <c r="AA5466">
        <v>27</v>
      </c>
      <c r="AB5466">
        <v>28</v>
      </c>
      <c r="AC5466">
        <v>29</v>
      </c>
      <c r="AD5466">
        <v>29</v>
      </c>
      <c r="AE5466">
        <v>30</v>
      </c>
      <c r="AF5466">
        <v>30</v>
      </c>
      <c r="AG5466">
        <v>31</v>
      </c>
      <c r="AH5466">
        <v>32</v>
      </c>
      <c r="AI5466">
        <v>32</v>
      </c>
      <c r="AJ5466">
        <v>33</v>
      </c>
      <c r="AK5466">
        <v>33</v>
      </c>
      <c r="AL5466">
        <v>34</v>
      </c>
      <c r="AM5466">
        <v>34</v>
      </c>
      <c r="AN5466">
        <v>34</v>
      </c>
      <c r="AO5466">
        <v>35</v>
      </c>
      <c r="AP5466">
        <v>35</v>
      </c>
      <c r="AQ5466">
        <v>35</v>
      </c>
    </row>
    <row r="5467" spans="1:43">
      <c r="A5467" t="s">
        <v>3420</v>
      </c>
      <c r="B5467" t="s">
        <v>3421</v>
      </c>
      <c r="C5467" t="s">
        <v>3418</v>
      </c>
      <c r="D5467" t="s">
        <v>3419</v>
      </c>
      <c r="E5467" t="s">
        <v>3352</v>
      </c>
      <c r="F5467" t="s">
        <v>3353</v>
      </c>
      <c r="G5467" t="s">
        <v>80</v>
      </c>
      <c r="H5467" t="s">
        <v>81</v>
      </c>
      <c r="I5467" s="2">
        <v>0</v>
      </c>
      <c r="J5467" s="2">
        <v>1</v>
      </c>
      <c r="K5467" s="2">
        <v>0</v>
      </c>
      <c r="L5467" t="s">
        <v>82</v>
      </c>
      <c r="M5467" t="s">
        <v>87</v>
      </c>
      <c r="N5467" t="s">
        <v>88</v>
      </c>
      <c r="O5467" t="s">
        <v>85</v>
      </c>
      <c r="P5467" t="s">
        <v>86</v>
      </c>
      <c r="Q5467">
        <v>22</v>
      </c>
      <c r="R5467">
        <v>22</v>
      </c>
      <c r="S5467">
        <v>22</v>
      </c>
      <c r="T5467">
        <v>23</v>
      </c>
      <c r="U5467">
        <v>23</v>
      </c>
      <c r="V5467">
        <v>23</v>
      </c>
      <c r="W5467">
        <v>24</v>
      </c>
      <c r="X5467">
        <v>24</v>
      </c>
      <c r="Y5467">
        <v>24</v>
      </c>
      <c r="Z5467">
        <v>25</v>
      </c>
      <c r="AA5467">
        <v>25</v>
      </c>
      <c r="AB5467">
        <v>25</v>
      </c>
      <c r="AC5467">
        <v>26</v>
      </c>
      <c r="AD5467">
        <v>26</v>
      </c>
      <c r="AE5467">
        <v>26</v>
      </c>
      <c r="AF5467">
        <v>27</v>
      </c>
      <c r="AG5467">
        <v>27</v>
      </c>
      <c r="AH5467">
        <v>27</v>
      </c>
      <c r="AI5467">
        <v>28</v>
      </c>
      <c r="AJ5467">
        <v>28</v>
      </c>
      <c r="AK5467">
        <v>28</v>
      </c>
      <c r="AL5467">
        <v>29</v>
      </c>
      <c r="AM5467">
        <v>29</v>
      </c>
      <c r="AN5467">
        <v>30</v>
      </c>
      <c r="AO5467">
        <v>30</v>
      </c>
      <c r="AP5467">
        <v>30</v>
      </c>
      <c r="AQ5467">
        <v>31</v>
      </c>
    </row>
    <row r="5468" spans="1:43">
      <c r="A5468" t="s">
        <v>3420</v>
      </c>
      <c r="B5468" t="s">
        <v>3421</v>
      </c>
      <c r="C5468" t="s">
        <v>3418</v>
      </c>
      <c r="D5468" t="s">
        <v>3419</v>
      </c>
      <c r="E5468" t="s">
        <v>3352</v>
      </c>
      <c r="F5468" t="s">
        <v>3353</v>
      </c>
      <c r="G5468" t="s">
        <v>80</v>
      </c>
      <c r="H5468" t="s">
        <v>81</v>
      </c>
      <c r="I5468" s="2">
        <v>0</v>
      </c>
      <c r="J5468" s="2">
        <v>1</v>
      </c>
      <c r="K5468" s="2">
        <v>0</v>
      </c>
      <c r="L5468" t="s">
        <v>82</v>
      </c>
      <c r="M5468" t="s">
        <v>89</v>
      </c>
      <c r="N5468" t="s">
        <v>90</v>
      </c>
      <c r="O5468" t="s">
        <v>85</v>
      </c>
      <c r="P5468" t="s">
        <v>86</v>
      </c>
      <c r="Q5468">
        <v>22</v>
      </c>
      <c r="R5468">
        <v>23</v>
      </c>
      <c r="S5468">
        <v>24</v>
      </c>
      <c r="T5468">
        <v>24</v>
      </c>
      <c r="U5468">
        <v>25</v>
      </c>
      <c r="V5468">
        <v>26</v>
      </c>
      <c r="W5468">
        <v>27</v>
      </c>
      <c r="X5468">
        <v>27</v>
      </c>
      <c r="Y5468">
        <v>28</v>
      </c>
      <c r="Z5468">
        <v>29</v>
      </c>
      <c r="AA5468">
        <v>29</v>
      </c>
      <c r="AB5468">
        <v>30</v>
      </c>
      <c r="AC5468">
        <v>31</v>
      </c>
      <c r="AD5468">
        <v>31</v>
      </c>
      <c r="AE5468">
        <v>32</v>
      </c>
      <c r="AF5468">
        <v>32</v>
      </c>
      <c r="AG5468">
        <v>32</v>
      </c>
      <c r="AH5468">
        <v>33</v>
      </c>
      <c r="AI5468">
        <v>33</v>
      </c>
      <c r="AJ5468">
        <v>33</v>
      </c>
      <c r="AK5468">
        <v>34</v>
      </c>
      <c r="AL5468">
        <v>34</v>
      </c>
      <c r="AM5468">
        <v>34</v>
      </c>
      <c r="AN5468">
        <v>35</v>
      </c>
      <c r="AO5468">
        <v>35</v>
      </c>
      <c r="AP5468">
        <v>35</v>
      </c>
      <c r="AQ5468">
        <v>35</v>
      </c>
    </row>
    <row r="5469" spans="1:43">
      <c r="A5469" t="s">
        <v>3420</v>
      </c>
      <c r="B5469" t="s">
        <v>3421</v>
      </c>
      <c r="C5469" t="s">
        <v>3418</v>
      </c>
      <c r="D5469" t="s">
        <v>3419</v>
      </c>
      <c r="E5469" t="s">
        <v>3352</v>
      </c>
      <c r="F5469" t="s">
        <v>3353</v>
      </c>
      <c r="G5469" t="s">
        <v>80</v>
      </c>
      <c r="H5469" t="s">
        <v>81</v>
      </c>
      <c r="I5469" s="2">
        <v>0</v>
      </c>
      <c r="J5469" s="2">
        <v>1</v>
      </c>
      <c r="K5469" s="2">
        <v>0</v>
      </c>
      <c r="L5469" t="s">
        <v>82</v>
      </c>
      <c r="M5469" t="s">
        <v>83</v>
      </c>
      <c r="N5469" t="s">
        <v>91</v>
      </c>
      <c r="O5469" t="s">
        <v>85</v>
      </c>
      <c r="P5469" t="s">
        <v>86</v>
      </c>
      <c r="Q5469">
        <v>22</v>
      </c>
      <c r="R5469">
        <v>23</v>
      </c>
      <c r="S5469">
        <v>23</v>
      </c>
      <c r="T5469">
        <v>24</v>
      </c>
      <c r="U5469">
        <v>24</v>
      </c>
      <c r="V5469">
        <v>25</v>
      </c>
      <c r="W5469">
        <v>25</v>
      </c>
      <c r="X5469">
        <v>26</v>
      </c>
      <c r="Y5469">
        <v>26</v>
      </c>
      <c r="Z5469">
        <v>27</v>
      </c>
      <c r="AA5469">
        <v>27</v>
      </c>
      <c r="AB5469">
        <v>28</v>
      </c>
      <c r="AC5469">
        <v>29</v>
      </c>
      <c r="AD5469">
        <v>29</v>
      </c>
      <c r="AE5469">
        <v>30</v>
      </c>
      <c r="AF5469">
        <v>30</v>
      </c>
      <c r="AG5469">
        <v>31</v>
      </c>
      <c r="AH5469">
        <v>32</v>
      </c>
      <c r="AI5469">
        <v>32</v>
      </c>
      <c r="AJ5469">
        <v>33</v>
      </c>
      <c r="AK5469">
        <v>33</v>
      </c>
      <c r="AL5469">
        <v>34</v>
      </c>
      <c r="AM5469">
        <v>34</v>
      </c>
      <c r="AN5469">
        <v>34</v>
      </c>
      <c r="AO5469">
        <v>35</v>
      </c>
      <c r="AP5469">
        <v>35</v>
      </c>
      <c r="AQ5469">
        <v>35</v>
      </c>
    </row>
    <row r="5470" spans="1:43">
      <c r="A5470" t="s">
        <v>3422</v>
      </c>
      <c r="B5470" t="s">
        <v>3423</v>
      </c>
      <c r="C5470" t="s">
        <v>3414</v>
      </c>
      <c r="D5470" t="s">
        <v>3415</v>
      </c>
      <c r="E5470" t="s">
        <v>3352</v>
      </c>
      <c r="F5470" t="s">
        <v>3353</v>
      </c>
      <c r="G5470" t="s">
        <v>80</v>
      </c>
      <c r="H5470" t="s">
        <v>81</v>
      </c>
      <c r="I5470" s="2">
        <v>0</v>
      </c>
      <c r="J5470" s="2">
        <v>1</v>
      </c>
      <c r="K5470" s="2">
        <v>0</v>
      </c>
      <c r="L5470" t="s">
        <v>82</v>
      </c>
      <c r="M5470" t="s">
        <v>83</v>
      </c>
      <c r="N5470" t="s">
        <v>84</v>
      </c>
      <c r="O5470" t="s">
        <v>85</v>
      </c>
      <c r="P5470" t="s">
        <v>86</v>
      </c>
      <c r="Q5470">
        <v>13</v>
      </c>
      <c r="R5470">
        <v>13</v>
      </c>
      <c r="S5470">
        <v>14</v>
      </c>
      <c r="T5470">
        <v>14</v>
      </c>
      <c r="U5470">
        <v>14</v>
      </c>
      <c r="V5470">
        <v>15</v>
      </c>
      <c r="W5470">
        <v>15</v>
      </c>
      <c r="X5470">
        <v>15</v>
      </c>
      <c r="Y5470">
        <v>16</v>
      </c>
      <c r="Z5470">
        <v>16</v>
      </c>
      <c r="AA5470">
        <v>16</v>
      </c>
      <c r="AB5470">
        <v>17</v>
      </c>
      <c r="AC5470">
        <v>17</v>
      </c>
      <c r="AD5470">
        <v>17</v>
      </c>
      <c r="AE5470">
        <v>18</v>
      </c>
      <c r="AF5470">
        <v>18</v>
      </c>
      <c r="AG5470">
        <v>18</v>
      </c>
      <c r="AH5470">
        <v>19</v>
      </c>
      <c r="AI5470">
        <v>19</v>
      </c>
      <c r="AJ5470">
        <v>19</v>
      </c>
      <c r="AK5470">
        <v>20</v>
      </c>
      <c r="AL5470">
        <v>20</v>
      </c>
      <c r="AM5470">
        <v>20</v>
      </c>
      <c r="AN5470">
        <v>20</v>
      </c>
      <c r="AO5470">
        <v>21</v>
      </c>
      <c r="AP5470">
        <v>21</v>
      </c>
      <c r="AQ5470">
        <v>21</v>
      </c>
    </row>
    <row r="5471" spans="1:43">
      <c r="A5471" t="s">
        <v>3422</v>
      </c>
      <c r="B5471" t="s">
        <v>3423</v>
      </c>
      <c r="C5471" t="s">
        <v>3414</v>
      </c>
      <c r="D5471" t="s">
        <v>3415</v>
      </c>
      <c r="E5471" t="s">
        <v>3352</v>
      </c>
      <c r="F5471" t="s">
        <v>3353</v>
      </c>
      <c r="G5471" t="s">
        <v>80</v>
      </c>
      <c r="H5471" t="s">
        <v>81</v>
      </c>
      <c r="I5471" s="2">
        <v>0</v>
      </c>
      <c r="J5471" s="2">
        <v>1</v>
      </c>
      <c r="K5471" s="2">
        <v>0</v>
      </c>
      <c r="L5471" t="s">
        <v>82</v>
      </c>
      <c r="M5471" t="s">
        <v>87</v>
      </c>
      <c r="N5471" t="s">
        <v>88</v>
      </c>
      <c r="O5471" t="s">
        <v>85</v>
      </c>
      <c r="P5471" t="s">
        <v>86</v>
      </c>
      <c r="Q5471">
        <v>13</v>
      </c>
      <c r="R5471">
        <v>13</v>
      </c>
      <c r="S5471">
        <v>13</v>
      </c>
      <c r="T5471">
        <v>14</v>
      </c>
      <c r="U5471">
        <v>14</v>
      </c>
      <c r="V5471">
        <v>14</v>
      </c>
      <c r="W5471">
        <v>14</v>
      </c>
      <c r="X5471">
        <v>14</v>
      </c>
      <c r="Y5471">
        <v>14</v>
      </c>
      <c r="Z5471">
        <v>15</v>
      </c>
      <c r="AA5471">
        <v>15</v>
      </c>
      <c r="AB5471">
        <v>15</v>
      </c>
      <c r="AC5471">
        <v>15</v>
      </c>
      <c r="AD5471">
        <v>15</v>
      </c>
      <c r="AE5471">
        <v>16</v>
      </c>
      <c r="AF5471">
        <v>16</v>
      </c>
      <c r="AG5471">
        <v>16</v>
      </c>
      <c r="AH5471">
        <v>16</v>
      </c>
      <c r="AI5471">
        <v>16</v>
      </c>
      <c r="AJ5471">
        <v>17</v>
      </c>
      <c r="AK5471">
        <v>17</v>
      </c>
      <c r="AL5471">
        <v>17</v>
      </c>
      <c r="AM5471">
        <v>17</v>
      </c>
      <c r="AN5471">
        <v>18</v>
      </c>
      <c r="AO5471">
        <v>18</v>
      </c>
      <c r="AP5471">
        <v>18</v>
      </c>
      <c r="AQ5471">
        <v>18</v>
      </c>
    </row>
    <row r="5472" spans="1:43">
      <c r="A5472" t="s">
        <v>3422</v>
      </c>
      <c r="B5472" t="s">
        <v>3423</v>
      </c>
      <c r="C5472" t="s">
        <v>3414</v>
      </c>
      <c r="D5472" t="s">
        <v>3415</v>
      </c>
      <c r="E5472" t="s">
        <v>3352</v>
      </c>
      <c r="F5472" t="s">
        <v>3353</v>
      </c>
      <c r="G5472" t="s">
        <v>80</v>
      </c>
      <c r="H5472" t="s">
        <v>81</v>
      </c>
      <c r="I5472" s="2">
        <v>0</v>
      </c>
      <c r="J5472" s="2">
        <v>1</v>
      </c>
      <c r="K5472" s="2">
        <v>0</v>
      </c>
      <c r="L5472" t="s">
        <v>82</v>
      </c>
      <c r="M5472" t="s">
        <v>89</v>
      </c>
      <c r="N5472" t="s">
        <v>90</v>
      </c>
      <c r="O5472" t="s">
        <v>85</v>
      </c>
      <c r="P5472" t="s">
        <v>86</v>
      </c>
      <c r="Q5472">
        <v>13</v>
      </c>
      <c r="R5472">
        <v>14</v>
      </c>
      <c r="S5472">
        <v>14</v>
      </c>
      <c r="T5472">
        <v>14</v>
      </c>
      <c r="U5472">
        <v>15</v>
      </c>
      <c r="V5472">
        <v>15</v>
      </c>
      <c r="W5472">
        <v>16</v>
      </c>
      <c r="X5472">
        <v>16</v>
      </c>
      <c r="Y5472">
        <v>17</v>
      </c>
      <c r="Z5472">
        <v>17</v>
      </c>
      <c r="AA5472">
        <v>17</v>
      </c>
      <c r="AB5472">
        <v>18</v>
      </c>
      <c r="AC5472">
        <v>18</v>
      </c>
      <c r="AD5472">
        <v>19</v>
      </c>
      <c r="AE5472">
        <v>19</v>
      </c>
      <c r="AF5472">
        <v>19</v>
      </c>
      <c r="AG5472">
        <v>19</v>
      </c>
      <c r="AH5472">
        <v>19</v>
      </c>
      <c r="AI5472">
        <v>20</v>
      </c>
      <c r="AJ5472">
        <v>20</v>
      </c>
      <c r="AK5472">
        <v>20</v>
      </c>
      <c r="AL5472">
        <v>20</v>
      </c>
      <c r="AM5472">
        <v>20</v>
      </c>
      <c r="AN5472">
        <v>21</v>
      </c>
      <c r="AO5472">
        <v>21</v>
      </c>
      <c r="AP5472">
        <v>21</v>
      </c>
      <c r="AQ5472">
        <v>21</v>
      </c>
    </row>
    <row r="5473" spans="1:43">
      <c r="A5473" t="s">
        <v>3422</v>
      </c>
      <c r="B5473" t="s">
        <v>3423</v>
      </c>
      <c r="C5473" t="s">
        <v>3414</v>
      </c>
      <c r="D5473" t="s">
        <v>3415</v>
      </c>
      <c r="E5473" t="s">
        <v>3352</v>
      </c>
      <c r="F5473" t="s">
        <v>3353</v>
      </c>
      <c r="G5473" t="s">
        <v>80</v>
      </c>
      <c r="H5473" t="s">
        <v>81</v>
      </c>
      <c r="I5473" s="2">
        <v>0</v>
      </c>
      <c r="J5473" s="2">
        <v>1</v>
      </c>
      <c r="K5473" s="2">
        <v>0</v>
      </c>
      <c r="L5473" t="s">
        <v>82</v>
      </c>
      <c r="M5473" t="s">
        <v>83</v>
      </c>
      <c r="N5473" t="s">
        <v>91</v>
      </c>
      <c r="O5473" t="s">
        <v>85</v>
      </c>
      <c r="P5473" t="s">
        <v>86</v>
      </c>
      <c r="Q5473">
        <v>13</v>
      </c>
      <c r="R5473">
        <v>13</v>
      </c>
      <c r="S5473">
        <v>14</v>
      </c>
      <c r="T5473">
        <v>14</v>
      </c>
      <c r="U5473">
        <v>14</v>
      </c>
      <c r="V5473">
        <v>15</v>
      </c>
      <c r="W5473">
        <v>15</v>
      </c>
      <c r="X5473">
        <v>15</v>
      </c>
      <c r="Y5473">
        <v>16</v>
      </c>
      <c r="Z5473">
        <v>16</v>
      </c>
      <c r="AA5473">
        <v>16</v>
      </c>
      <c r="AB5473">
        <v>17</v>
      </c>
      <c r="AC5473">
        <v>17</v>
      </c>
      <c r="AD5473">
        <v>17</v>
      </c>
      <c r="AE5473">
        <v>18</v>
      </c>
      <c r="AF5473">
        <v>18</v>
      </c>
      <c r="AG5473">
        <v>18</v>
      </c>
      <c r="AH5473">
        <v>19</v>
      </c>
      <c r="AI5473">
        <v>19</v>
      </c>
      <c r="AJ5473">
        <v>19</v>
      </c>
      <c r="AK5473">
        <v>20</v>
      </c>
      <c r="AL5473">
        <v>20</v>
      </c>
      <c r="AM5473">
        <v>20</v>
      </c>
      <c r="AN5473">
        <v>20</v>
      </c>
      <c r="AO5473">
        <v>21</v>
      </c>
      <c r="AP5473">
        <v>21</v>
      </c>
      <c r="AQ5473">
        <v>21</v>
      </c>
    </row>
    <row r="5474" spans="1:43">
      <c r="A5474" t="s">
        <v>3424</v>
      </c>
      <c r="B5474" t="s">
        <v>3425</v>
      </c>
      <c r="C5474" t="s">
        <v>3414</v>
      </c>
      <c r="D5474" t="s">
        <v>3415</v>
      </c>
      <c r="E5474" t="s">
        <v>3352</v>
      </c>
      <c r="F5474" t="s">
        <v>3353</v>
      </c>
      <c r="G5474" t="s">
        <v>80</v>
      </c>
      <c r="H5474" t="s">
        <v>81</v>
      </c>
      <c r="I5474" s="2">
        <v>0</v>
      </c>
      <c r="J5474" s="2">
        <v>1</v>
      </c>
      <c r="K5474" s="2">
        <v>0</v>
      </c>
      <c r="L5474" t="s">
        <v>82</v>
      </c>
      <c r="M5474" t="s">
        <v>83</v>
      </c>
      <c r="N5474" t="s">
        <v>84</v>
      </c>
      <c r="O5474" t="s">
        <v>85</v>
      </c>
      <c r="P5474" t="s">
        <v>86</v>
      </c>
      <c r="Q5474">
        <v>69</v>
      </c>
      <c r="R5474">
        <v>71</v>
      </c>
      <c r="S5474">
        <v>72</v>
      </c>
      <c r="T5474">
        <v>74</v>
      </c>
      <c r="U5474">
        <v>76</v>
      </c>
      <c r="V5474">
        <v>77</v>
      </c>
      <c r="W5474">
        <v>79</v>
      </c>
      <c r="X5474">
        <v>81</v>
      </c>
      <c r="Y5474">
        <v>83</v>
      </c>
      <c r="Z5474">
        <v>84</v>
      </c>
      <c r="AA5474">
        <v>86</v>
      </c>
      <c r="AB5474">
        <v>88</v>
      </c>
      <c r="AC5474">
        <v>90</v>
      </c>
      <c r="AD5474">
        <v>91</v>
      </c>
      <c r="AE5474">
        <v>93</v>
      </c>
      <c r="AF5474">
        <v>95</v>
      </c>
      <c r="AG5474">
        <v>97</v>
      </c>
      <c r="AH5474">
        <v>99</v>
      </c>
      <c r="AI5474">
        <v>101</v>
      </c>
      <c r="AJ5474">
        <v>103</v>
      </c>
      <c r="AK5474">
        <v>104</v>
      </c>
      <c r="AL5474">
        <v>106</v>
      </c>
      <c r="AM5474">
        <v>107</v>
      </c>
      <c r="AN5474">
        <v>108</v>
      </c>
      <c r="AO5474">
        <v>109</v>
      </c>
      <c r="AP5474">
        <v>110</v>
      </c>
      <c r="AQ5474">
        <v>111</v>
      </c>
    </row>
    <row r="5475" spans="1:43">
      <c r="A5475" t="s">
        <v>3424</v>
      </c>
      <c r="B5475" t="s">
        <v>3425</v>
      </c>
      <c r="C5475" t="s">
        <v>3414</v>
      </c>
      <c r="D5475" t="s">
        <v>3415</v>
      </c>
      <c r="E5475" t="s">
        <v>3352</v>
      </c>
      <c r="F5475" t="s">
        <v>3353</v>
      </c>
      <c r="G5475" t="s">
        <v>80</v>
      </c>
      <c r="H5475" t="s">
        <v>81</v>
      </c>
      <c r="I5475" s="2">
        <v>0</v>
      </c>
      <c r="J5475" s="2">
        <v>1</v>
      </c>
      <c r="K5475" s="2">
        <v>0</v>
      </c>
      <c r="L5475" t="s">
        <v>82</v>
      </c>
      <c r="M5475" t="s">
        <v>87</v>
      </c>
      <c r="N5475" t="s">
        <v>88</v>
      </c>
      <c r="O5475" t="s">
        <v>85</v>
      </c>
      <c r="P5475" t="s">
        <v>86</v>
      </c>
      <c r="Q5475">
        <v>69</v>
      </c>
      <c r="R5475">
        <v>70</v>
      </c>
      <c r="S5475">
        <v>71</v>
      </c>
      <c r="T5475">
        <v>72</v>
      </c>
      <c r="U5475">
        <v>73</v>
      </c>
      <c r="V5475">
        <v>74</v>
      </c>
      <c r="W5475">
        <v>75</v>
      </c>
      <c r="X5475">
        <v>76</v>
      </c>
      <c r="Y5475">
        <v>77</v>
      </c>
      <c r="Z5475">
        <v>78</v>
      </c>
      <c r="AA5475">
        <v>79</v>
      </c>
      <c r="AB5475">
        <v>80</v>
      </c>
      <c r="AC5475">
        <v>81</v>
      </c>
      <c r="AD5475">
        <v>82</v>
      </c>
      <c r="AE5475">
        <v>84</v>
      </c>
      <c r="AF5475">
        <v>85</v>
      </c>
      <c r="AG5475">
        <v>86</v>
      </c>
      <c r="AH5475">
        <v>87</v>
      </c>
      <c r="AI5475">
        <v>88</v>
      </c>
      <c r="AJ5475">
        <v>89</v>
      </c>
      <c r="AK5475">
        <v>90</v>
      </c>
      <c r="AL5475">
        <v>91</v>
      </c>
      <c r="AM5475">
        <v>92</v>
      </c>
      <c r="AN5475">
        <v>94</v>
      </c>
      <c r="AO5475">
        <v>95</v>
      </c>
      <c r="AP5475">
        <v>96</v>
      </c>
      <c r="AQ5475">
        <v>97</v>
      </c>
    </row>
    <row r="5476" spans="1:43">
      <c r="A5476" t="s">
        <v>3424</v>
      </c>
      <c r="B5476" t="s">
        <v>3425</v>
      </c>
      <c r="C5476" t="s">
        <v>3414</v>
      </c>
      <c r="D5476" t="s">
        <v>3415</v>
      </c>
      <c r="E5476" t="s">
        <v>3352</v>
      </c>
      <c r="F5476" t="s">
        <v>3353</v>
      </c>
      <c r="G5476" t="s">
        <v>80</v>
      </c>
      <c r="H5476" t="s">
        <v>81</v>
      </c>
      <c r="I5476" s="2">
        <v>0</v>
      </c>
      <c r="J5476" s="2">
        <v>1</v>
      </c>
      <c r="K5476" s="2">
        <v>0</v>
      </c>
      <c r="L5476" t="s">
        <v>82</v>
      </c>
      <c r="M5476" t="s">
        <v>89</v>
      </c>
      <c r="N5476" t="s">
        <v>90</v>
      </c>
      <c r="O5476" t="s">
        <v>85</v>
      </c>
      <c r="P5476" t="s">
        <v>86</v>
      </c>
      <c r="Q5476">
        <v>69</v>
      </c>
      <c r="R5476">
        <v>71</v>
      </c>
      <c r="S5476">
        <v>73</v>
      </c>
      <c r="T5476">
        <v>75</v>
      </c>
      <c r="U5476">
        <v>78</v>
      </c>
      <c r="V5476">
        <v>80</v>
      </c>
      <c r="W5476">
        <v>82</v>
      </c>
      <c r="X5476">
        <v>84</v>
      </c>
      <c r="Y5476">
        <v>86</v>
      </c>
      <c r="Z5476">
        <v>89</v>
      </c>
      <c r="AA5476">
        <v>91</v>
      </c>
      <c r="AB5476">
        <v>93</v>
      </c>
      <c r="AC5476">
        <v>95</v>
      </c>
      <c r="AD5476">
        <v>97</v>
      </c>
      <c r="AE5476">
        <v>99</v>
      </c>
      <c r="AF5476">
        <v>100</v>
      </c>
      <c r="AG5476">
        <v>101</v>
      </c>
      <c r="AH5476">
        <v>102</v>
      </c>
      <c r="AI5476">
        <v>103</v>
      </c>
      <c r="AJ5476">
        <v>104</v>
      </c>
      <c r="AK5476">
        <v>105</v>
      </c>
      <c r="AL5476">
        <v>105</v>
      </c>
      <c r="AM5476">
        <v>106</v>
      </c>
      <c r="AN5476">
        <v>107</v>
      </c>
      <c r="AO5476">
        <v>108</v>
      </c>
      <c r="AP5476">
        <v>109</v>
      </c>
      <c r="AQ5476">
        <v>110</v>
      </c>
    </row>
    <row r="5477" spans="1:43">
      <c r="A5477" t="s">
        <v>3424</v>
      </c>
      <c r="B5477" t="s">
        <v>3425</v>
      </c>
      <c r="C5477" t="s">
        <v>3414</v>
      </c>
      <c r="D5477" t="s">
        <v>3415</v>
      </c>
      <c r="E5477" t="s">
        <v>3352</v>
      </c>
      <c r="F5477" t="s">
        <v>3353</v>
      </c>
      <c r="G5477" t="s">
        <v>80</v>
      </c>
      <c r="H5477" t="s">
        <v>81</v>
      </c>
      <c r="I5477" s="2">
        <v>0</v>
      </c>
      <c r="J5477" s="2">
        <v>1</v>
      </c>
      <c r="K5477" s="2">
        <v>0</v>
      </c>
      <c r="L5477" t="s">
        <v>82</v>
      </c>
      <c r="M5477" t="s">
        <v>83</v>
      </c>
      <c r="N5477" t="s">
        <v>91</v>
      </c>
      <c r="O5477" t="s">
        <v>85</v>
      </c>
      <c r="P5477" t="s">
        <v>86</v>
      </c>
      <c r="Q5477">
        <v>69</v>
      </c>
      <c r="R5477">
        <v>71</v>
      </c>
      <c r="S5477">
        <v>72</v>
      </c>
      <c r="T5477">
        <v>74</v>
      </c>
      <c r="U5477">
        <v>76</v>
      </c>
      <c r="V5477">
        <v>77</v>
      </c>
      <c r="W5477">
        <v>79</v>
      </c>
      <c r="X5477">
        <v>81</v>
      </c>
      <c r="Y5477">
        <v>83</v>
      </c>
      <c r="Z5477">
        <v>84</v>
      </c>
      <c r="AA5477">
        <v>86</v>
      </c>
      <c r="AB5477">
        <v>88</v>
      </c>
      <c r="AC5477">
        <v>90</v>
      </c>
      <c r="AD5477">
        <v>91</v>
      </c>
      <c r="AE5477">
        <v>93</v>
      </c>
      <c r="AF5477">
        <v>95</v>
      </c>
      <c r="AG5477">
        <v>97</v>
      </c>
      <c r="AH5477">
        <v>99</v>
      </c>
      <c r="AI5477">
        <v>101</v>
      </c>
      <c r="AJ5477">
        <v>103</v>
      </c>
      <c r="AK5477">
        <v>104</v>
      </c>
      <c r="AL5477">
        <v>106</v>
      </c>
      <c r="AM5477">
        <v>107</v>
      </c>
      <c r="AN5477">
        <v>108</v>
      </c>
      <c r="AO5477">
        <v>109</v>
      </c>
      <c r="AP5477">
        <v>110</v>
      </c>
      <c r="AQ5477">
        <v>111</v>
      </c>
    </row>
    <row r="5478" spans="1:43">
      <c r="A5478" t="s">
        <v>3426</v>
      </c>
      <c r="B5478" t="s">
        <v>3427</v>
      </c>
      <c r="C5478" t="s">
        <v>3414</v>
      </c>
      <c r="D5478" t="s">
        <v>3415</v>
      </c>
      <c r="E5478" t="s">
        <v>3352</v>
      </c>
      <c r="F5478" t="s">
        <v>3353</v>
      </c>
      <c r="G5478" t="s">
        <v>80</v>
      </c>
      <c r="H5478" t="s">
        <v>81</v>
      </c>
      <c r="I5478" s="2">
        <v>0</v>
      </c>
      <c r="J5478" s="2">
        <v>1</v>
      </c>
      <c r="K5478" s="2">
        <v>0</v>
      </c>
      <c r="L5478" t="s">
        <v>82</v>
      </c>
      <c r="M5478" t="s">
        <v>83</v>
      </c>
      <c r="N5478" t="s">
        <v>84</v>
      </c>
      <c r="O5478" t="s">
        <v>85</v>
      </c>
      <c r="P5478" t="s">
        <v>86</v>
      </c>
      <c r="Q5478">
        <v>5</v>
      </c>
      <c r="R5478">
        <v>6</v>
      </c>
      <c r="S5478">
        <v>6</v>
      </c>
      <c r="T5478">
        <v>6</v>
      </c>
      <c r="U5478">
        <v>6</v>
      </c>
      <c r="V5478">
        <v>6</v>
      </c>
      <c r="W5478">
        <v>6</v>
      </c>
      <c r="X5478">
        <v>6</v>
      </c>
      <c r="Y5478">
        <v>6</v>
      </c>
      <c r="Z5478">
        <v>7</v>
      </c>
      <c r="AA5478">
        <v>7</v>
      </c>
      <c r="AB5478">
        <v>7</v>
      </c>
      <c r="AC5478">
        <v>7</v>
      </c>
      <c r="AD5478">
        <v>7</v>
      </c>
      <c r="AE5478">
        <v>7</v>
      </c>
      <c r="AF5478">
        <v>7</v>
      </c>
      <c r="AG5478">
        <v>8</v>
      </c>
      <c r="AH5478">
        <v>8</v>
      </c>
      <c r="AI5478">
        <v>8</v>
      </c>
      <c r="AJ5478">
        <v>8</v>
      </c>
      <c r="AK5478">
        <v>8</v>
      </c>
      <c r="AL5478">
        <v>8</v>
      </c>
      <c r="AM5478">
        <v>8</v>
      </c>
      <c r="AN5478">
        <v>8</v>
      </c>
      <c r="AO5478">
        <v>8</v>
      </c>
      <c r="AP5478">
        <v>9</v>
      </c>
      <c r="AQ5478">
        <v>9</v>
      </c>
    </row>
    <row r="5479" spans="1:43">
      <c r="A5479" t="s">
        <v>3426</v>
      </c>
      <c r="B5479" t="s">
        <v>3427</v>
      </c>
      <c r="C5479" t="s">
        <v>3414</v>
      </c>
      <c r="D5479" t="s">
        <v>3415</v>
      </c>
      <c r="E5479" t="s">
        <v>3352</v>
      </c>
      <c r="F5479" t="s">
        <v>3353</v>
      </c>
      <c r="G5479" t="s">
        <v>80</v>
      </c>
      <c r="H5479" t="s">
        <v>81</v>
      </c>
      <c r="I5479" s="2">
        <v>0</v>
      </c>
      <c r="J5479" s="2">
        <v>1</v>
      </c>
      <c r="K5479" s="2">
        <v>0</v>
      </c>
      <c r="L5479" t="s">
        <v>82</v>
      </c>
      <c r="M5479" t="s">
        <v>87</v>
      </c>
      <c r="N5479" t="s">
        <v>88</v>
      </c>
      <c r="O5479" t="s">
        <v>85</v>
      </c>
      <c r="P5479" t="s">
        <v>86</v>
      </c>
      <c r="Q5479">
        <v>5</v>
      </c>
      <c r="R5479">
        <v>5</v>
      </c>
      <c r="S5479">
        <v>5</v>
      </c>
      <c r="T5479">
        <v>6</v>
      </c>
      <c r="U5479">
        <v>6</v>
      </c>
      <c r="V5479">
        <v>6</v>
      </c>
      <c r="W5479">
        <v>6</v>
      </c>
      <c r="X5479">
        <v>6</v>
      </c>
      <c r="Y5479">
        <v>6</v>
      </c>
      <c r="Z5479">
        <v>6</v>
      </c>
      <c r="AA5479">
        <v>6</v>
      </c>
      <c r="AB5479">
        <v>6</v>
      </c>
      <c r="AC5479">
        <v>6</v>
      </c>
      <c r="AD5479">
        <v>6</v>
      </c>
      <c r="AE5479">
        <v>6</v>
      </c>
      <c r="AF5479">
        <v>7</v>
      </c>
      <c r="AG5479">
        <v>7</v>
      </c>
      <c r="AH5479">
        <v>7</v>
      </c>
      <c r="AI5479">
        <v>7</v>
      </c>
      <c r="AJ5479">
        <v>7</v>
      </c>
      <c r="AK5479">
        <v>7</v>
      </c>
      <c r="AL5479">
        <v>7</v>
      </c>
      <c r="AM5479">
        <v>7</v>
      </c>
      <c r="AN5479">
        <v>7</v>
      </c>
      <c r="AO5479">
        <v>7</v>
      </c>
      <c r="AP5479">
        <v>7</v>
      </c>
      <c r="AQ5479">
        <v>7</v>
      </c>
    </row>
    <row r="5480" spans="1:43">
      <c r="A5480" t="s">
        <v>3426</v>
      </c>
      <c r="B5480" t="s">
        <v>3427</v>
      </c>
      <c r="C5480" t="s">
        <v>3414</v>
      </c>
      <c r="D5480" t="s">
        <v>3415</v>
      </c>
      <c r="E5480" t="s">
        <v>3352</v>
      </c>
      <c r="F5480" t="s">
        <v>3353</v>
      </c>
      <c r="G5480" t="s">
        <v>80</v>
      </c>
      <c r="H5480" t="s">
        <v>81</v>
      </c>
      <c r="I5480" s="2">
        <v>0</v>
      </c>
      <c r="J5480" s="2">
        <v>1</v>
      </c>
      <c r="K5480" s="2">
        <v>0</v>
      </c>
      <c r="L5480" t="s">
        <v>82</v>
      </c>
      <c r="M5480" t="s">
        <v>89</v>
      </c>
      <c r="N5480" t="s">
        <v>90</v>
      </c>
      <c r="O5480" t="s">
        <v>85</v>
      </c>
      <c r="P5480" t="s">
        <v>86</v>
      </c>
      <c r="Q5480">
        <v>5</v>
      </c>
      <c r="R5480">
        <v>6</v>
      </c>
      <c r="S5480">
        <v>6</v>
      </c>
      <c r="T5480">
        <v>6</v>
      </c>
      <c r="U5480">
        <v>6</v>
      </c>
      <c r="V5480">
        <v>6</v>
      </c>
      <c r="W5480">
        <v>6</v>
      </c>
      <c r="X5480">
        <v>7</v>
      </c>
      <c r="Y5480">
        <v>7</v>
      </c>
      <c r="Z5480">
        <v>7</v>
      </c>
      <c r="AA5480">
        <v>7</v>
      </c>
      <c r="AB5480">
        <v>7</v>
      </c>
      <c r="AC5480">
        <v>7</v>
      </c>
      <c r="AD5480">
        <v>8</v>
      </c>
      <c r="AE5480">
        <v>8</v>
      </c>
      <c r="AF5480">
        <v>8</v>
      </c>
      <c r="AG5480">
        <v>8</v>
      </c>
      <c r="AH5480">
        <v>8</v>
      </c>
      <c r="AI5480">
        <v>8</v>
      </c>
      <c r="AJ5480">
        <v>8</v>
      </c>
      <c r="AK5480">
        <v>8</v>
      </c>
      <c r="AL5480">
        <v>8</v>
      </c>
      <c r="AM5480">
        <v>8</v>
      </c>
      <c r="AN5480">
        <v>8</v>
      </c>
      <c r="AO5480">
        <v>9</v>
      </c>
      <c r="AP5480">
        <v>9</v>
      </c>
      <c r="AQ5480">
        <v>9</v>
      </c>
    </row>
    <row r="5481" spans="1:43">
      <c r="A5481" t="s">
        <v>3426</v>
      </c>
      <c r="B5481" t="s">
        <v>3427</v>
      </c>
      <c r="C5481" t="s">
        <v>3414</v>
      </c>
      <c r="D5481" t="s">
        <v>3415</v>
      </c>
      <c r="E5481" t="s">
        <v>3352</v>
      </c>
      <c r="F5481" t="s">
        <v>3353</v>
      </c>
      <c r="G5481" t="s">
        <v>80</v>
      </c>
      <c r="H5481" t="s">
        <v>81</v>
      </c>
      <c r="I5481" s="2">
        <v>0</v>
      </c>
      <c r="J5481" s="2">
        <v>1</v>
      </c>
      <c r="K5481" s="2">
        <v>0</v>
      </c>
      <c r="L5481" t="s">
        <v>82</v>
      </c>
      <c r="M5481" t="s">
        <v>83</v>
      </c>
      <c r="N5481" t="s">
        <v>91</v>
      </c>
      <c r="O5481" t="s">
        <v>85</v>
      </c>
      <c r="P5481" t="s">
        <v>86</v>
      </c>
      <c r="Q5481">
        <v>5</v>
      </c>
      <c r="R5481">
        <v>6</v>
      </c>
      <c r="S5481">
        <v>6</v>
      </c>
      <c r="T5481">
        <v>6</v>
      </c>
      <c r="U5481">
        <v>6</v>
      </c>
      <c r="V5481">
        <v>6</v>
      </c>
      <c r="W5481">
        <v>6</v>
      </c>
      <c r="X5481">
        <v>6</v>
      </c>
      <c r="Y5481">
        <v>6</v>
      </c>
      <c r="Z5481">
        <v>7</v>
      </c>
      <c r="AA5481">
        <v>7</v>
      </c>
      <c r="AB5481">
        <v>7</v>
      </c>
      <c r="AC5481">
        <v>7</v>
      </c>
      <c r="AD5481">
        <v>7</v>
      </c>
      <c r="AE5481">
        <v>7</v>
      </c>
      <c r="AF5481">
        <v>7</v>
      </c>
      <c r="AG5481">
        <v>8</v>
      </c>
      <c r="AH5481">
        <v>8</v>
      </c>
      <c r="AI5481">
        <v>8</v>
      </c>
      <c r="AJ5481">
        <v>8</v>
      </c>
      <c r="AK5481">
        <v>8</v>
      </c>
      <c r="AL5481">
        <v>8</v>
      </c>
      <c r="AM5481">
        <v>8</v>
      </c>
      <c r="AN5481">
        <v>8</v>
      </c>
      <c r="AO5481">
        <v>8</v>
      </c>
      <c r="AP5481">
        <v>9</v>
      </c>
      <c r="AQ5481">
        <v>9</v>
      </c>
    </row>
    <row r="5482" spans="1:43">
      <c r="A5482" t="s">
        <v>3428</v>
      </c>
      <c r="B5482" t="s">
        <v>3429</v>
      </c>
      <c r="C5482" t="s">
        <v>3418</v>
      </c>
      <c r="D5482" t="s">
        <v>3419</v>
      </c>
      <c r="E5482" t="s">
        <v>3352</v>
      </c>
      <c r="F5482" t="s">
        <v>3353</v>
      </c>
      <c r="G5482" t="s">
        <v>80</v>
      </c>
      <c r="H5482" t="s">
        <v>81</v>
      </c>
      <c r="I5482" s="2">
        <v>0</v>
      </c>
      <c r="J5482" s="2">
        <v>1</v>
      </c>
      <c r="K5482" s="2">
        <v>0</v>
      </c>
      <c r="L5482" t="s">
        <v>82</v>
      </c>
      <c r="M5482" t="s">
        <v>83</v>
      </c>
      <c r="N5482" t="s">
        <v>84</v>
      </c>
      <c r="O5482" t="s">
        <v>85</v>
      </c>
      <c r="P5482" t="s">
        <v>86</v>
      </c>
      <c r="Q5482">
        <v>8</v>
      </c>
      <c r="R5482">
        <v>8</v>
      </c>
      <c r="S5482">
        <v>8</v>
      </c>
      <c r="T5482">
        <v>9</v>
      </c>
      <c r="U5482">
        <v>9</v>
      </c>
      <c r="V5482">
        <v>9</v>
      </c>
      <c r="W5482">
        <v>9</v>
      </c>
      <c r="X5482">
        <v>9</v>
      </c>
      <c r="Y5482">
        <v>10</v>
      </c>
      <c r="Z5482">
        <v>10</v>
      </c>
      <c r="AA5482">
        <v>10</v>
      </c>
      <c r="AB5482">
        <v>10</v>
      </c>
      <c r="AC5482">
        <v>11</v>
      </c>
      <c r="AD5482">
        <v>11</v>
      </c>
      <c r="AE5482">
        <v>11</v>
      </c>
      <c r="AF5482">
        <v>11</v>
      </c>
      <c r="AG5482">
        <v>11</v>
      </c>
      <c r="AH5482">
        <v>12</v>
      </c>
      <c r="AI5482">
        <v>12</v>
      </c>
      <c r="AJ5482">
        <v>12</v>
      </c>
      <c r="AK5482">
        <v>12</v>
      </c>
      <c r="AL5482">
        <v>12</v>
      </c>
      <c r="AM5482">
        <v>13</v>
      </c>
      <c r="AN5482">
        <v>13</v>
      </c>
      <c r="AO5482">
        <v>13</v>
      </c>
      <c r="AP5482">
        <v>13</v>
      </c>
      <c r="AQ5482">
        <v>13</v>
      </c>
    </row>
    <row r="5483" spans="1:43">
      <c r="A5483" t="s">
        <v>3428</v>
      </c>
      <c r="B5483" t="s">
        <v>3429</v>
      </c>
      <c r="C5483" t="s">
        <v>3418</v>
      </c>
      <c r="D5483" t="s">
        <v>3419</v>
      </c>
      <c r="E5483" t="s">
        <v>3352</v>
      </c>
      <c r="F5483" t="s">
        <v>3353</v>
      </c>
      <c r="G5483" t="s">
        <v>80</v>
      </c>
      <c r="H5483" t="s">
        <v>81</v>
      </c>
      <c r="I5483" s="2">
        <v>0</v>
      </c>
      <c r="J5483" s="2">
        <v>1</v>
      </c>
      <c r="K5483" s="2">
        <v>0</v>
      </c>
      <c r="L5483" t="s">
        <v>82</v>
      </c>
      <c r="M5483" t="s">
        <v>87</v>
      </c>
      <c r="N5483" t="s">
        <v>88</v>
      </c>
      <c r="O5483" t="s">
        <v>85</v>
      </c>
      <c r="P5483" t="s">
        <v>86</v>
      </c>
      <c r="Q5483">
        <v>8</v>
      </c>
      <c r="R5483">
        <v>8</v>
      </c>
      <c r="S5483">
        <v>8</v>
      </c>
      <c r="T5483">
        <v>8</v>
      </c>
      <c r="U5483">
        <v>8</v>
      </c>
      <c r="V5483">
        <v>9</v>
      </c>
      <c r="W5483">
        <v>9</v>
      </c>
      <c r="X5483">
        <v>9</v>
      </c>
      <c r="Y5483">
        <v>9</v>
      </c>
      <c r="Z5483">
        <v>9</v>
      </c>
      <c r="AA5483">
        <v>9</v>
      </c>
      <c r="AB5483">
        <v>9</v>
      </c>
      <c r="AC5483">
        <v>9</v>
      </c>
      <c r="AD5483">
        <v>10</v>
      </c>
      <c r="AE5483">
        <v>10</v>
      </c>
      <c r="AF5483">
        <v>10</v>
      </c>
      <c r="AG5483">
        <v>10</v>
      </c>
      <c r="AH5483">
        <v>10</v>
      </c>
      <c r="AI5483">
        <v>10</v>
      </c>
      <c r="AJ5483">
        <v>10</v>
      </c>
      <c r="AK5483">
        <v>10</v>
      </c>
      <c r="AL5483">
        <v>11</v>
      </c>
      <c r="AM5483">
        <v>11</v>
      </c>
      <c r="AN5483">
        <v>11</v>
      </c>
      <c r="AO5483">
        <v>11</v>
      </c>
      <c r="AP5483">
        <v>11</v>
      </c>
      <c r="AQ5483">
        <v>11</v>
      </c>
    </row>
    <row r="5484" spans="1:43">
      <c r="A5484" t="s">
        <v>3428</v>
      </c>
      <c r="B5484" t="s">
        <v>3429</v>
      </c>
      <c r="C5484" t="s">
        <v>3418</v>
      </c>
      <c r="D5484" t="s">
        <v>3419</v>
      </c>
      <c r="E5484" t="s">
        <v>3352</v>
      </c>
      <c r="F5484" t="s">
        <v>3353</v>
      </c>
      <c r="G5484" t="s">
        <v>80</v>
      </c>
      <c r="H5484" t="s">
        <v>81</v>
      </c>
      <c r="I5484" s="2">
        <v>0</v>
      </c>
      <c r="J5484" s="2">
        <v>1</v>
      </c>
      <c r="K5484" s="2">
        <v>0</v>
      </c>
      <c r="L5484" t="s">
        <v>82</v>
      </c>
      <c r="M5484" t="s">
        <v>89</v>
      </c>
      <c r="N5484" t="s">
        <v>90</v>
      </c>
      <c r="O5484" t="s">
        <v>85</v>
      </c>
      <c r="P5484" t="s">
        <v>86</v>
      </c>
      <c r="Q5484">
        <v>8</v>
      </c>
      <c r="R5484">
        <v>8</v>
      </c>
      <c r="S5484">
        <v>9</v>
      </c>
      <c r="T5484">
        <v>9</v>
      </c>
      <c r="U5484">
        <v>9</v>
      </c>
      <c r="V5484">
        <v>9</v>
      </c>
      <c r="W5484">
        <v>10</v>
      </c>
      <c r="X5484">
        <v>10</v>
      </c>
      <c r="Y5484">
        <v>10</v>
      </c>
      <c r="Z5484">
        <v>11</v>
      </c>
      <c r="AA5484">
        <v>11</v>
      </c>
      <c r="AB5484">
        <v>11</v>
      </c>
      <c r="AC5484">
        <v>11</v>
      </c>
      <c r="AD5484">
        <v>12</v>
      </c>
      <c r="AE5484">
        <v>12</v>
      </c>
      <c r="AF5484">
        <v>12</v>
      </c>
      <c r="AG5484">
        <v>12</v>
      </c>
      <c r="AH5484">
        <v>12</v>
      </c>
      <c r="AI5484">
        <v>12</v>
      </c>
      <c r="AJ5484">
        <v>12</v>
      </c>
      <c r="AK5484">
        <v>12</v>
      </c>
      <c r="AL5484">
        <v>12</v>
      </c>
      <c r="AM5484">
        <v>13</v>
      </c>
      <c r="AN5484">
        <v>13</v>
      </c>
      <c r="AO5484">
        <v>13</v>
      </c>
      <c r="AP5484">
        <v>13</v>
      </c>
      <c r="AQ5484">
        <v>13</v>
      </c>
    </row>
    <row r="5485" spans="1:43">
      <c r="A5485" t="s">
        <v>3428</v>
      </c>
      <c r="B5485" t="s">
        <v>3429</v>
      </c>
      <c r="C5485" t="s">
        <v>3418</v>
      </c>
      <c r="D5485" t="s">
        <v>3419</v>
      </c>
      <c r="E5485" t="s">
        <v>3352</v>
      </c>
      <c r="F5485" t="s">
        <v>3353</v>
      </c>
      <c r="G5485" t="s">
        <v>80</v>
      </c>
      <c r="H5485" t="s">
        <v>81</v>
      </c>
      <c r="I5485" s="2">
        <v>0</v>
      </c>
      <c r="J5485" s="2">
        <v>1</v>
      </c>
      <c r="K5485" s="2">
        <v>0</v>
      </c>
      <c r="L5485" t="s">
        <v>82</v>
      </c>
      <c r="M5485" t="s">
        <v>83</v>
      </c>
      <c r="N5485" t="s">
        <v>91</v>
      </c>
      <c r="O5485" t="s">
        <v>85</v>
      </c>
      <c r="P5485" t="s">
        <v>86</v>
      </c>
      <c r="Q5485">
        <v>8</v>
      </c>
      <c r="R5485">
        <v>8</v>
      </c>
      <c r="S5485">
        <v>8</v>
      </c>
      <c r="T5485">
        <v>9</v>
      </c>
      <c r="U5485">
        <v>9</v>
      </c>
      <c r="V5485">
        <v>9</v>
      </c>
      <c r="W5485">
        <v>9</v>
      </c>
      <c r="X5485">
        <v>9</v>
      </c>
      <c r="Y5485">
        <v>10</v>
      </c>
      <c r="Z5485">
        <v>10</v>
      </c>
      <c r="AA5485">
        <v>10</v>
      </c>
      <c r="AB5485">
        <v>10</v>
      </c>
      <c r="AC5485">
        <v>11</v>
      </c>
      <c r="AD5485">
        <v>11</v>
      </c>
      <c r="AE5485">
        <v>11</v>
      </c>
      <c r="AF5485">
        <v>11</v>
      </c>
      <c r="AG5485">
        <v>11</v>
      </c>
      <c r="AH5485">
        <v>12</v>
      </c>
      <c r="AI5485">
        <v>12</v>
      </c>
      <c r="AJ5485">
        <v>12</v>
      </c>
      <c r="AK5485">
        <v>12</v>
      </c>
      <c r="AL5485">
        <v>12</v>
      </c>
      <c r="AM5485">
        <v>13</v>
      </c>
      <c r="AN5485">
        <v>13</v>
      </c>
      <c r="AO5485">
        <v>13</v>
      </c>
      <c r="AP5485">
        <v>13</v>
      </c>
      <c r="AQ5485">
        <v>13</v>
      </c>
    </row>
    <row r="5486" spans="1:43">
      <c r="A5486" t="s">
        <v>3430</v>
      </c>
      <c r="B5486" t="s">
        <v>3431</v>
      </c>
      <c r="C5486" t="s">
        <v>3418</v>
      </c>
      <c r="D5486" t="s">
        <v>3419</v>
      </c>
      <c r="E5486" t="s">
        <v>3352</v>
      </c>
      <c r="F5486" t="s">
        <v>3353</v>
      </c>
      <c r="G5486" t="s">
        <v>80</v>
      </c>
      <c r="H5486" t="s">
        <v>81</v>
      </c>
      <c r="I5486" s="2">
        <v>0</v>
      </c>
      <c r="J5486" s="2">
        <v>1</v>
      </c>
      <c r="K5486" s="2">
        <v>0</v>
      </c>
      <c r="L5486" t="s">
        <v>82</v>
      </c>
      <c r="M5486" t="s">
        <v>83</v>
      </c>
      <c r="N5486" t="s">
        <v>84</v>
      </c>
      <c r="O5486" t="s">
        <v>85</v>
      </c>
      <c r="P5486" t="s">
        <v>86</v>
      </c>
      <c r="Q5486">
        <v>33</v>
      </c>
      <c r="R5486">
        <v>33</v>
      </c>
      <c r="S5486">
        <v>34</v>
      </c>
      <c r="T5486">
        <v>35</v>
      </c>
      <c r="U5486">
        <v>36</v>
      </c>
      <c r="V5486">
        <v>36</v>
      </c>
      <c r="W5486">
        <v>37</v>
      </c>
      <c r="X5486">
        <v>38</v>
      </c>
      <c r="Y5486">
        <v>39</v>
      </c>
      <c r="Z5486">
        <v>40</v>
      </c>
      <c r="AA5486">
        <v>41</v>
      </c>
      <c r="AB5486">
        <v>41</v>
      </c>
      <c r="AC5486">
        <v>42</v>
      </c>
      <c r="AD5486">
        <v>43</v>
      </c>
      <c r="AE5486">
        <v>44</v>
      </c>
      <c r="AF5486">
        <v>45</v>
      </c>
      <c r="AG5486">
        <v>46</v>
      </c>
      <c r="AH5486">
        <v>47</v>
      </c>
      <c r="AI5486">
        <v>47</v>
      </c>
      <c r="AJ5486">
        <v>48</v>
      </c>
      <c r="AK5486">
        <v>49</v>
      </c>
      <c r="AL5486">
        <v>50</v>
      </c>
      <c r="AM5486">
        <v>50</v>
      </c>
      <c r="AN5486">
        <v>51</v>
      </c>
      <c r="AO5486">
        <v>51</v>
      </c>
      <c r="AP5486">
        <v>52</v>
      </c>
      <c r="AQ5486">
        <v>52</v>
      </c>
    </row>
    <row r="5487" spans="1:43">
      <c r="A5487" t="s">
        <v>3430</v>
      </c>
      <c r="B5487" t="s">
        <v>3431</v>
      </c>
      <c r="C5487" t="s">
        <v>3418</v>
      </c>
      <c r="D5487" t="s">
        <v>3419</v>
      </c>
      <c r="E5487" t="s">
        <v>3352</v>
      </c>
      <c r="F5487" t="s">
        <v>3353</v>
      </c>
      <c r="G5487" t="s">
        <v>80</v>
      </c>
      <c r="H5487" t="s">
        <v>81</v>
      </c>
      <c r="I5487" s="2">
        <v>0</v>
      </c>
      <c r="J5487" s="2">
        <v>1</v>
      </c>
      <c r="K5487" s="2">
        <v>0</v>
      </c>
      <c r="L5487" t="s">
        <v>82</v>
      </c>
      <c r="M5487" t="s">
        <v>87</v>
      </c>
      <c r="N5487" t="s">
        <v>88</v>
      </c>
      <c r="O5487" t="s">
        <v>85</v>
      </c>
      <c r="P5487" t="s">
        <v>86</v>
      </c>
      <c r="Q5487">
        <v>33</v>
      </c>
      <c r="R5487">
        <v>34</v>
      </c>
      <c r="S5487">
        <v>34</v>
      </c>
      <c r="T5487">
        <v>35</v>
      </c>
      <c r="U5487">
        <v>35</v>
      </c>
      <c r="V5487">
        <v>36</v>
      </c>
      <c r="W5487">
        <v>36</v>
      </c>
      <c r="X5487">
        <v>36</v>
      </c>
      <c r="Y5487">
        <v>37</v>
      </c>
      <c r="Z5487">
        <v>37</v>
      </c>
      <c r="AA5487">
        <v>38</v>
      </c>
      <c r="AB5487">
        <v>38</v>
      </c>
      <c r="AC5487">
        <v>39</v>
      </c>
      <c r="AD5487">
        <v>39</v>
      </c>
      <c r="AE5487">
        <v>40</v>
      </c>
      <c r="AF5487">
        <v>40</v>
      </c>
      <c r="AG5487">
        <v>41</v>
      </c>
      <c r="AH5487">
        <v>41</v>
      </c>
      <c r="AI5487">
        <v>42</v>
      </c>
      <c r="AJ5487">
        <v>42</v>
      </c>
      <c r="AK5487">
        <v>43</v>
      </c>
      <c r="AL5487">
        <v>44</v>
      </c>
      <c r="AM5487">
        <v>44</v>
      </c>
      <c r="AN5487">
        <v>45</v>
      </c>
      <c r="AO5487">
        <v>45</v>
      </c>
      <c r="AP5487">
        <v>46</v>
      </c>
      <c r="AQ5487">
        <v>46</v>
      </c>
    </row>
    <row r="5488" spans="1:43">
      <c r="A5488" t="s">
        <v>3430</v>
      </c>
      <c r="B5488" t="s">
        <v>3431</v>
      </c>
      <c r="C5488" t="s">
        <v>3418</v>
      </c>
      <c r="D5488" t="s">
        <v>3419</v>
      </c>
      <c r="E5488" t="s">
        <v>3352</v>
      </c>
      <c r="F5488" t="s">
        <v>3353</v>
      </c>
      <c r="G5488" t="s">
        <v>80</v>
      </c>
      <c r="H5488" t="s">
        <v>81</v>
      </c>
      <c r="I5488" s="2">
        <v>0</v>
      </c>
      <c r="J5488" s="2">
        <v>1</v>
      </c>
      <c r="K5488" s="2">
        <v>0</v>
      </c>
      <c r="L5488" t="s">
        <v>82</v>
      </c>
      <c r="M5488" t="s">
        <v>89</v>
      </c>
      <c r="N5488" t="s">
        <v>90</v>
      </c>
      <c r="O5488" t="s">
        <v>85</v>
      </c>
      <c r="P5488" t="s">
        <v>86</v>
      </c>
      <c r="Q5488">
        <v>33</v>
      </c>
      <c r="R5488">
        <v>34</v>
      </c>
      <c r="S5488">
        <v>35</v>
      </c>
      <c r="T5488">
        <v>36</v>
      </c>
      <c r="U5488">
        <v>37</v>
      </c>
      <c r="V5488">
        <v>38</v>
      </c>
      <c r="W5488">
        <v>39</v>
      </c>
      <c r="X5488">
        <v>40</v>
      </c>
      <c r="Y5488">
        <v>41</v>
      </c>
      <c r="Z5488">
        <v>42</v>
      </c>
      <c r="AA5488">
        <v>43</v>
      </c>
      <c r="AB5488">
        <v>44</v>
      </c>
      <c r="AC5488">
        <v>45</v>
      </c>
      <c r="AD5488">
        <v>46</v>
      </c>
      <c r="AE5488">
        <v>47</v>
      </c>
      <c r="AF5488">
        <v>48</v>
      </c>
      <c r="AG5488">
        <v>48</v>
      </c>
      <c r="AH5488">
        <v>48</v>
      </c>
      <c r="AI5488">
        <v>49</v>
      </c>
      <c r="AJ5488">
        <v>49</v>
      </c>
      <c r="AK5488">
        <v>50</v>
      </c>
      <c r="AL5488">
        <v>50</v>
      </c>
      <c r="AM5488">
        <v>51</v>
      </c>
      <c r="AN5488">
        <v>51</v>
      </c>
      <c r="AO5488">
        <v>52</v>
      </c>
      <c r="AP5488">
        <v>52</v>
      </c>
      <c r="AQ5488">
        <v>52</v>
      </c>
    </row>
    <row r="5489" spans="1:43">
      <c r="A5489" t="s">
        <v>3430</v>
      </c>
      <c r="B5489" t="s">
        <v>3431</v>
      </c>
      <c r="C5489" t="s">
        <v>3418</v>
      </c>
      <c r="D5489" t="s">
        <v>3419</v>
      </c>
      <c r="E5489" t="s">
        <v>3352</v>
      </c>
      <c r="F5489" t="s">
        <v>3353</v>
      </c>
      <c r="G5489" t="s">
        <v>80</v>
      </c>
      <c r="H5489" t="s">
        <v>81</v>
      </c>
      <c r="I5489" s="2">
        <v>0</v>
      </c>
      <c r="J5489" s="2">
        <v>1</v>
      </c>
      <c r="K5489" s="2">
        <v>0</v>
      </c>
      <c r="L5489" t="s">
        <v>82</v>
      </c>
      <c r="M5489" t="s">
        <v>83</v>
      </c>
      <c r="N5489" t="s">
        <v>91</v>
      </c>
      <c r="O5489" t="s">
        <v>85</v>
      </c>
      <c r="P5489" t="s">
        <v>86</v>
      </c>
      <c r="Q5489">
        <v>33</v>
      </c>
      <c r="R5489">
        <v>33</v>
      </c>
      <c r="S5489">
        <v>34</v>
      </c>
      <c r="T5489">
        <v>35</v>
      </c>
      <c r="U5489">
        <v>36</v>
      </c>
      <c r="V5489">
        <v>36</v>
      </c>
      <c r="W5489">
        <v>37</v>
      </c>
      <c r="X5489">
        <v>38</v>
      </c>
      <c r="Y5489">
        <v>39</v>
      </c>
      <c r="Z5489">
        <v>40</v>
      </c>
      <c r="AA5489">
        <v>41</v>
      </c>
      <c r="AB5489">
        <v>41</v>
      </c>
      <c r="AC5489">
        <v>42</v>
      </c>
      <c r="AD5489">
        <v>43</v>
      </c>
      <c r="AE5489">
        <v>44</v>
      </c>
      <c r="AF5489">
        <v>45</v>
      </c>
      <c r="AG5489">
        <v>46</v>
      </c>
      <c r="AH5489">
        <v>47</v>
      </c>
      <c r="AI5489">
        <v>47</v>
      </c>
      <c r="AJ5489">
        <v>48</v>
      </c>
      <c r="AK5489">
        <v>49</v>
      </c>
      <c r="AL5489">
        <v>50</v>
      </c>
      <c r="AM5489">
        <v>50</v>
      </c>
      <c r="AN5489">
        <v>51</v>
      </c>
      <c r="AO5489">
        <v>51</v>
      </c>
      <c r="AP5489">
        <v>52</v>
      </c>
      <c r="AQ5489">
        <v>52</v>
      </c>
    </row>
    <row r="5490" spans="1:43">
      <c r="A5490" t="s">
        <v>3432</v>
      </c>
      <c r="B5490" t="s">
        <v>3433</v>
      </c>
      <c r="C5490" t="s">
        <v>3434</v>
      </c>
      <c r="D5490" t="s">
        <v>3435</v>
      </c>
      <c r="E5490" t="s">
        <v>3352</v>
      </c>
      <c r="F5490" t="s">
        <v>3353</v>
      </c>
      <c r="G5490" t="s">
        <v>80</v>
      </c>
      <c r="H5490" t="s">
        <v>81</v>
      </c>
      <c r="I5490" s="2">
        <v>0</v>
      </c>
      <c r="J5490" s="2">
        <v>1</v>
      </c>
      <c r="K5490" s="2">
        <v>0</v>
      </c>
      <c r="L5490" t="s">
        <v>82</v>
      </c>
      <c r="M5490" t="s">
        <v>83</v>
      </c>
      <c r="N5490" t="s">
        <v>84</v>
      </c>
      <c r="O5490" t="s">
        <v>85</v>
      </c>
      <c r="P5490" t="s">
        <v>86</v>
      </c>
      <c r="Q5490">
        <v>31</v>
      </c>
      <c r="R5490">
        <v>32</v>
      </c>
      <c r="S5490">
        <v>33</v>
      </c>
      <c r="T5490">
        <v>34</v>
      </c>
      <c r="U5490">
        <v>34</v>
      </c>
      <c r="V5490">
        <v>35</v>
      </c>
      <c r="W5490">
        <v>36</v>
      </c>
      <c r="X5490">
        <v>37</v>
      </c>
      <c r="Y5490">
        <v>37</v>
      </c>
      <c r="Z5490">
        <v>38</v>
      </c>
      <c r="AA5490">
        <v>39</v>
      </c>
      <c r="AB5490">
        <v>40</v>
      </c>
      <c r="AC5490">
        <v>41</v>
      </c>
      <c r="AD5490">
        <v>42</v>
      </c>
      <c r="AE5490">
        <v>42</v>
      </c>
      <c r="AF5490">
        <v>43</v>
      </c>
      <c r="AG5490">
        <v>44</v>
      </c>
      <c r="AH5490">
        <v>45</v>
      </c>
      <c r="AI5490">
        <v>46</v>
      </c>
      <c r="AJ5490">
        <v>47</v>
      </c>
      <c r="AK5490">
        <v>47</v>
      </c>
      <c r="AL5490">
        <v>48</v>
      </c>
      <c r="AM5490">
        <v>49</v>
      </c>
      <c r="AN5490">
        <v>49</v>
      </c>
      <c r="AO5490">
        <v>49</v>
      </c>
      <c r="AP5490">
        <v>50</v>
      </c>
      <c r="AQ5490">
        <v>50</v>
      </c>
    </row>
    <row r="5491" spans="1:43">
      <c r="A5491" t="s">
        <v>3432</v>
      </c>
      <c r="B5491" t="s">
        <v>3433</v>
      </c>
      <c r="C5491" t="s">
        <v>3434</v>
      </c>
      <c r="D5491" t="s">
        <v>3435</v>
      </c>
      <c r="E5491" t="s">
        <v>3352</v>
      </c>
      <c r="F5491" t="s">
        <v>3353</v>
      </c>
      <c r="G5491" t="s">
        <v>80</v>
      </c>
      <c r="H5491" t="s">
        <v>81</v>
      </c>
      <c r="I5491" s="2">
        <v>0</v>
      </c>
      <c r="J5491" s="2">
        <v>1</v>
      </c>
      <c r="K5491" s="2">
        <v>0</v>
      </c>
      <c r="L5491" t="s">
        <v>82</v>
      </c>
      <c r="M5491" t="s">
        <v>87</v>
      </c>
      <c r="N5491" t="s">
        <v>88</v>
      </c>
      <c r="O5491" t="s">
        <v>85</v>
      </c>
      <c r="P5491" t="s">
        <v>86</v>
      </c>
      <c r="Q5491">
        <v>31</v>
      </c>
      <c r="R5491">
        <v>31</v>
      </c>
      <c r="S5491">
        <v>32</v>
      </c>
      <c r="T5491">
        <v>32</v>
      </c>
      <c r="U5491">
        <v>33</v>
      </c>
      <c r="V5491">
        <v>33</v>
      </c>
      <c r="W5491">
        <v>34</v>
      </c>
      <c r="X5491">
        <v>34</v>
      </c>
      <c r="Y5491">
        <v>35</v>
      </c>
      <c r="Z5491">
        <v>35</v>
      </c>
      <c r="AA5491">
        <v>36</v>
      </c>
      <c r="AB5491">
        <v>36</v>
      </c>
      <c r="AC5491">
        <v>37</v>
      </c>
      <c r="AD5491">
        <v>37</v>
      </c>
      <c r="AE5491">
        <v>37</v>
      </c>
      <c r="AF5491">
        <v>38</v>
      </c>
      <c r="AG5491">
        <v>38</v>
      </c>
      <c r="AH5491">
        <v>39</v>
      </c>
      <c r="AI5491">
        <v>39</v>
      </c>
      <c r="AJ5491">
        <v>40</v>
      </c>
      <c r="AK5491">
        <v>40</v>
      </c>
      <c r="AL5491">
        <v>41</v>
      </c>
      <c r="AM5491">
        <v>41</v>
      </c>
      <c r="AN5491">
        <v>42</v>
      </c>
      <c r="AO5491">
        <v>43</v>
      </c>
      <c r="AP5491">
        <v>43</v>
      </c>
      <c r="AQ5491">
        <v>44</v>
      </c>
    </row>
    <row r="5492" spans="1:43">
      <c r="A5492" t="s">
        <v>3432</v>
      </c>
      <c r="B5492" t="s">
        <v>3433</v>
      </c>
      <c r="C5492" t="s">
        <v>3434</v>
      </c>
      <c r="D5492" t="s">
        <v>3435</v>
      </c>
      <c r="E5492" t="s">
        <v>3352</v>
      </c>
      <c r="F5492" t="s">
        <v>3353</v>
      </c>
      <c r="G5492" t="s">
        <v>80</v>
      </c>
      <c r="H5492" t="s">
        <v>81</v>
      </c>
      <c r="I5492" s="2">
        <v>0</v>
      </c>
      <c r="J5492" s="2">
        <v>1</v>
      </c>
      <c r="K5492" s="2">
        <v>0</v>
      </c>
      <c r="L5492" t="s">
        <v>82</v>
      </c>
      <c r="M5492" t="s">
        <v>89</v>
      </c>
      <c r="N5492" t="s">
        <v>90</v>
      </c>
      <c r="O5492" t="s">
        <v>85</v>
      </c>
      <c r="P5492" t="s">
        <v>86</v>
      </c>
      <c r="Q5492">
        <v>31</v>
      </c>
      <c r="R5492">
        <v>32</v>
      </c>
      <c r="S5492">
        <v>33</v>
      </c>
      <c r="T5492">
        <v>34</v>
      </c>
      <c r="U5492">
        <v>35</v>
      </c>
      <c r="V5492">
        <v>36</v>
      </c>
      <c r="W5492">
        <v>37</v>
      </c>
      <c r="X5492">
        <v>38</v>
      </c>
      <c r="Y5492">
        <v>39</v>
      </c>
      <c r="Z5492">
        <v>40</v>
      </c>
      <c r="AA5492">
        <v>41</v>
      </c>
      <c r="AB5492">
        <v>42</v>
      </c>
      <c r="AC5492">
        <v>43</v>
      </c>
      <c r="AD5492">
        <v>44</v>
      </c>
      <c r="AE5492">
        <v>44</v>
      </c>
      <c r="AF5492">
        <v>45</v>
      </c>
      <c r="AG5492">
        <v>45</v>
      </c>
      <c r="AH5492">
        <v>46</v>
      </c>
      <c r="AI5492">
        <v>46</v>
      </c>
      <c r="AJ5492">
        <v>47</v>
      </c>
      <c r="AK5492">
        <v>47</v>
      </c>
      <c r="AL5492">
        <v>48</v>
      </c>
      <c r="AM5492">
        <v>48</v>
      </c>
      <c r="AN5492">
        <v>49</v>
      </c>
      <c r="AO5492">
        <v>49</v>
      </c>
      <c r="AP5492">
        <v>49</v>
      </c>
      <c r="AQ5492">
        <v>50</v>
      </c>
    </row>
    <row r="5493" spans="1:43">
      <c r="A5493" t="s">
        <v>3432</v>
      </c>
      <c r="B5493" t="s">
        <v>3433</v>
      </c>
      <c r="C5493" t="s">
        <v>3434</v>
      </c>
      <c r="D5493" t="s">
        <v>3435</v>
      </c>
      <c r="E5493" t="s">
        <v>3352</v>
      </c>
      <c r="F5493" t="s">
        <v>3353</v>
      </c>
      <c r="G5493" t="s">
        <v>80</v>
      </c>
      <c r="H5493" t="s">
        <v>81</v>
      </c>
      <c r="I5493" s="2">
        <v>0</v>
      </c>
      <c r="J5493" s="2">
        <v>1</v>
      </c>
      <c r="K5493" s="2">
        <v>0</v>
      </c>
      <c r="L5493" t="s">
        <v>82</v>
      </c>
      <c r="M5493" t="s">
        <v>83</v>
      </c>
      <c r="N5493" t="s">
        <v>91</v>
      </c>
      <c r="O5493" t="s">
        <v>85</v>
      </c>
      <c r="P5493" t="s">
        <v>86</v>
      </c>
      <c r="Q5493">
        <v>31</v>
      </c>
      <c r="R5493">
        <v>32</v>
      </c>
      <c r="S5493">
        <v>33</v>
      </c>
      <c r="T5493">
        <v>34</v>
      </c>
      <c r="U5493">
        <v>34</v>
      </c>
      <c r="V5493">
        <v>35</v>
      </c>
      <c r="W5493">
        <v>36</v>
      </c>
      <c r="X5493">
        <v>37</v>
      </c>
      <c r="Y5493">
        <v>37</v>
      </c>
      <c r="Z5493">
        <v>38</v>
      </c>
      <c r="AA5493">
        <v>39</v>
      </c>
      <c r="AB5493">
        <v>40</v>
      </c>
      <c r="AC5493">
        <v>41</v>
      </c>
      <c r="AD5493">
        <v>42</v>
      </c>
      <c r="AE5493">
        <v>42</v>
      </c>
      <c r="AF5493">
        <v>43</v>
      </c>
      <c r="AG5493">
        <v>44</v>
      </c>
      <c r="AH5493">
        <v>45</v>
      </c>
      <c r="AI5493">
        <v>46</v>
      </c>
      <c r="AJ5493">
        <v>47</v>
      </c>
      <c r="AK5493">
        <v>47</v>
      </c>
      <c r="AL5493">
        <v>48</v>
      </c>
      <c r="AM5493">
        <v>49</v>
      </c>
      <c r="AN5493">
        <v>49</v>
      </c>
      <c r="AO5493">
        <v>49</v>
      </c>
      <c r="AP5493">
        <v>50</v>
      </c>
      <c r="AQ5493">
        <v>50</v>
      </c>
    </row>
    <row r="5494" spans="1:43">
      <c r="A5494" t="s">
        <v>3436</v>
      </c>
      <c r="B5494" t="s">
        <v>3437</v>
      </c>
      <c r="C5494" t="s">
        <v>3438</v>
      </c>
      <c r="D5494" t="s">
        <v>3439</v>
      </c>
      <c r="E5494" t="s">
        <v>3352</v>
      </c>
      <c r="F5494" t="s">
        <v>3353</v>
      </c>
      <c r="G5494" t="s">
        <v>80</v>
      </c>
      <c r="H5494" t="s">
        <v>81</v>
      </c>
      <c r="I5494" s="2">
        <v>0</v>
      </c>
      <c r="J5494" s="2">
        <v>1</v>
      </c>
      <c r="K5494" s="2">
        <v>0</v>
      </c>
      <c r="L5494" t="s">
        <v>82</v>
      </c>
      <c r="M5494" t="s">
        <v>83</v>
      </c>
      <c r="N5494" t="s">
        <v>84</v>
      </c>
      <c r="O5494" t="s">
        <v>85</v>
      </c>
      <c r="P5494" t="s">
        <v>86</v>
      </c>
      <c r="Q5494">
        <v>15</v>
      </c>
      <c r="R5494">
        <v>15</v>
      </c>
      <c r="S5494">
        <v>15</v>
      </c>
      <c r="T5494">
        <v>16</v>
      </c>
      <c r="U5494">
        <v>16</v>
      </c>
      <c r="V5494">
        <v>16</v>
      </c>
      <c r="W5494">
        <v>17</v>
      </c>
      <c r="X5494">
        <v>17</v>
      </c>
      <c r="Y5494">
        <v>17</v>
      </c>
      <c r="Z5494">
        <v>18</v>
      </c>
      <c r="AA5494">
        <v>18</v>
      </c>
      <c r="AB5494">
        <v>19</v>
      </c>
      <c r="AC5494">
        <v>19</v>
      </c>
      <c r="AD5494">
        <v>19</v>
      </c>
      <c r="AE5494">
        <v>20</v>
      </c>
      <c r="AF5494">
        <v>20</v>
      </c>
      <c r="AG5494">
        <v>21</v>
      </c>
      <c r="AH5494">
        <v>21</v>
      </c>
      <c r="AI5494">
        <v>21</v>
      </c>
      <c r="AJ5494">
        <v>22</v>
      </c>
      <c r="AK5494">
        <v>22</v>
      </c>
      <c r="AL5494">
        <v>22</v>
      </c>
      <c r="AM5494">
        <v>23</v>
      </c>
      <c r="AN5494">
        <v>23</v>
      </c>
      <c r="AO5494">
        <v>23</v>
      </c>
      <c r="AP5494">
        <v>23</v>
      </c>
      <c r="AQ5494">
        <v>24</v>
      </c>
    </row>
    <row r="5495" spans="1:43">
      <c r="A5495" t="s">
        <v>3436</v>
      </c>
      <c r="B5495" t="s">
        <v>3437</v>
      </c>
      <c r="C5495" t="s">
        <v>3438</v>
      </c>
      <c r="D5495" t="s">
        <v>3439</v>
      </c>
      <c r="E5495" t="s">
        <v>3352</v>
      </c>
      <c r="F5495" t="s">
        <v>3353</v>
      </c>
      <c r="G5495" t="s">
        <v>80</v>
      </c>
      <c r="H5495" t="s">
        <v>81</v>
      </c>
      <c r="I5495" s="2">
        <v>0</v>
      </c>
      <c r="J5495" s="2">
        <v>1</v>
      </c>
      <c r="K5495" s="2">
        <v>0</v>
      </c>
      <c r="L5495" t="s">
        <v>82</v>
      </c>
      <c r="M5495" t="s">
        <v>87</v>
      </c>
      <c r="N5495" t="s">
        <v>88</v>
      </c>
      <c r="O5495" t="s">
        <v>85</v>
      </c>
      <c r="P5495" t="s">
        <v>86</v>
      </c>
      <c r="Q5495">
        <v>15</v>
      </c>
      <c r="R5495">
        <v>16</v>
      </c>
      <c r="S5495">
        <v>16</v>
      </c>
      <c r="T5495">
        <v>16</v>
      </c>
      <c r="U5495">
        <v>16</v>
      </c>
      <c r="V5495">
        <v>17</v>
      </c>
      <c r="W5495">
        <v>17</v>
      </c>
      <c r="X5495">
        <v>17</v>
      </c>
      <c r="Y5495">
        <v>17</v>
      </c>
      <c r="Z5495">
        <v>17</v>
      </c>
      <c r="AA5495">
        <v>18</v>
      </c>
      <c r="AB5495">
        <v>18</v>
      </c>
      <c r="AC5495">
        <v>18</v>
      </c>
      <c r="AD5495">
        <v>18</v>
      </c>
      <c r="AE5495">
        <v>18</v>
      </c>
      <c r="AF5495">
        <v>19</v>
      </c>
      <c r="AG5495">
        <v>19</v>
      </c>
      <c r="AH5495">
        <v>19</v>
      </c>
      <c r="AI5495">
        <v>19</v>
      </c>
      <c r="AJ5495">
        <v>20</v>
      </c>
      <c r="AK5495">
        <v>20</v>
      </c>
      <c r="AL5495">
        <v>20</v>
      </c>
      <c r="AM5495">
        <v>20</v>
      </c>
      <c r="AN5495">
        <v>21</v>
      </c>
      <c r="AO5495">
        <v>21</v>
      </c>
      <c r="AP5495">
        <v>21</v>
      </c>
      <c r="AQ5495">
        <v>21</v>
      </c>
    </row>
    <row r="5496" spans="1:43">
      <c r="A5496" t="s">
        <v>3436</v>
      </c>
      <c r="B5496" t="s">
        <v>3437</v>
      </c>
      <c r="C5496" t="s">
        <v>3438</v>
      </c>
      <c r="D5496" t="s">
        <v>3439</v>
      </c>
      <c r="E5496" t="s">
        <v>3352</v>
      </c>
      <c r="F5496" t="s">
        <v>3353</v>
      </c>
      <c r="G5496" t="s">
        <v>80</v>
      </c>
      <c r="H5496" t="s">
        <v>81</v>
      </c>
      <c r="I5496" s="2">
        <v>0</v>
      </c>
      <c r="J5496" s="2">
        <v>1</v>
      </c>
      <c r="K5496" s="2">
        <v>0</v>
      </c>
      <c r="L5496" t="s">
        <v>82</v>
      </c>
      <c r="M5496" t="s">
        <v>89</v>
      </c>
      <c r="N5496" t="s">
        <v>90</v>
      </c>
      <c r="O5496" t="s">
        <v>85</v>
      </c>
      <c r="P5496" t="s">
        <v>86</v>
      </c>
      <c r="Q5496">
        <v>15</v>
      </c>
      <c r="R5496">
        <v>15</v>
      </c>
      <c r="S5496">
        <v>16</v>
      </c>
      <c r="T5496">
        <v>16</v>
      </c>
      <c r="U5496">
        <v>17</v>
      </c>
      <c r="V5496">
        <v>17</v>
      </c>
      <c r="W5496">
        <v>18</v>
      </c>
      <c r="X5496">
        <v>18</v>
      </c>
      <c r="Y5496">
        <v>19</v>
      </c>
      <c r="Z5496">
        <v>19</v>
      </c>
      <c r="AA5496">
        <v>19</v>
      </c>
      <c r="AB5496">
        <v>20</v>
      </c>
      <c r="AC5496">
        <v>20</v>
      </c>
      <c r="AD5496">
        <v>21</v>
      </c>
      <c r="AE5496">
        <v>21</v>
      </c>
      <c r="AF5496">
        <v>21</v>
      </c>
      <c r="AG5496">
        <v>22</v>
      </c>
      <c r="AH5496">
        <v>22</v>
      </c>
      <c r="AI5496">
        <v>22</v>
      </c>
      <c r="AJ5496">
        <v>22</v>
      </c>
      <c r="AK5496">
        <v>23</v>
      </c>
      <c r="AL5496">
        <v>23</v>
      </c>
      <c r="AM5496">
        <v>23</v>
      </c>
      <c r="AN5496">
        <v>23</v>
      </c>
      <c r="AO5496">
        <v>23</v>
      </c>
      <c r="AP5496">
        <v>24</v>
      </c>
      <c r="AQ5496">
        <v>24</v>
      </c>
    </row>
    <row r="5497" spans="1:43">
      <c r="A5497" t="s">
        <v>3436</v>
      </c>
      <c r="B5497" t="s">
        <v>3437</v>
      </c>
      <c r="C5497" t="s">
        <v>3438</v>
      </c>
      <c r="D5497" t="s">
        <v>3439</v>
      </c>
      <c r="E5497" t="s">
        <v>3352</v>
      </c>
      <c r="F5497" t="s">
        <v>3353</v>
      </c>
      <c r="G5497" t="s">
        <v>80</v>
      </c>
      <c r="H5497" t="s">
        <v>81</v>
      </c>
      <c r="I5497" s="2">
        <v>0</v>
      </c>
      <c r="J5497" s="2">
        <v>1</v>
      </c>
      <c r="K5497" s="2">
        <v>0</v>
      </c>
      <c r="L5497" t="s">
        <v>82</v>
      </c>
      <c r="M5497" t="s">
        <v>83</v>
      </c>
      <c r="N5497" t="s">
        <v>91</v>
      </c>
      <c r="O5497" t="s">
        <v>85</v>
      </c>
      <c r="P5497" t="s">
        <v>86</v>
      </c>
      <c r="Q5497">
        <v>15</v>
      </c>
      <c r="R5497">
        <v>15</v>
      </c>
      <c r="S5497">
        <v>15</v>
      </c>
      <c r="T5497">
        <v>16</v>
      </c>
      <c r="U5497">
        <v>16</v>
      </c>
      <c r="V5497">
        <v>16</v>
      </c>
      <c r="W5497">
        <v>17</v>
      </c>
      <c r="X5497">
        <v>17</v>
      </c>
      <c r="Y5497">
        <v>17</v>
      </c>
      <c r="Z5497">
        <v>18</v>
      </c>
      <c r="AA5497">
        <v>18</v>
      </c>
      <c r="AB5497">
        <v>19</v>
      </c>
      <c r="AC5497">
        <v>19</v>
      </c>
      <c r="AD5497">
        <v>19</v>
      </c>
      <c r="AE5497">
        <v>20</v>
      </c>
      <c r="AF5497">
        <v>20</v>
      </c>
      <c r="AG5497">
        <v>21</v>
      </c>
      <c r="AH5497">
        <v>21</v>
      </c>
      <c r="AI5497">
        <v>21</v>
      </c>
      <c r="AJ5497">
        <v>22</v>
      </c>
      <c r="AK5497">
        <v>22</v>
      </c>
      <c r="AL5497">
        <v>22</v>
      </c>
      <c r="AM5497">
        <v>23</v>
      </c>
      <c r="AN5497">
        <v>23</v>
      </c>
      <c r="AO5497">
        <v>23</v>
      </c>
      <c r="AP5497">
        <v>23</v>
      </c>
      <c r="AQ5497">
        <v>24</v>
      </c>
    </row>
    <row r="5498" spans="1:43">
      <c r="A5498" t="s">
        <v>3440</v>
      </c>
      <c r="B5498" t="s">
        <v>3441</v>
      </c>
      <c r="C5498" t="s">
        <v>3438</v>
      </c>
      <c r="D5498" t="s">
        <v>3439</v>
      </c>
      <c r="E5498" t="s">
        <v>3352</v>
      </c>
      <c r="F5498" t="s">
        <v>3353</v>
      </c>
      <c r="G5498" t="s">
        <v>80</v>
      </c>
      <c r="H5498" t="s">
        <v>81</v>
      </c>
      <c r="I5498" s="2">
        <v>0</v>
      </c>
      <c r="J5498" s="2">
        <v>1</v>
      </c>
      <c r="K5498" s="2">
        <v>0</v>
      </c>
      <c r="L5498" t="s">
        <v>82</v>
      </c>
      <c r="M5498" t="s">
        <v>83</v>
      </c>
      <c r="N5498" t="s">
        <v>84</v>
      </c>
      <c r="O5498" t="s">
        <v>85</v>
      </c>
      <c r="P5498" t="s">
        <v>86</v>
      </c>
      <c r="Q5498">
        <v>12</v>
      </c>
      <c r="R5498">
        <v>12</v>
      </c>
      <c r="S5498">
        <v>13</v>
      </c>
      <c r="T5498">
        <v>13</v>
      </c>
      <c r="U5498">
        <v>13</v>
      </c>
      <c r="V5498">
        <v>13</v>
      </c>
      <c r="W5498">
        <v>14</v>
      </c>
      <c r="X5498">
        <v>14</v>
      </c>
      <c r="Y5498">
        <v>14</v>
      </c>
      <c r="Z5498">
        <v>15</v>
      </c>
      <c r="AA5498">
        <v>15</v>
      </c>
      <c r="AB5498">
        <v>15</v>
      </c>
      <c r="AC5498">
        <v>16</v>
      </c>
      <c r="AD5498">
        <v>16</v>
      </c>
      <c r="AE5498">
        <v>16</v>
      </c>
      <c r="AF5498">
        <v>16</v>
      </c>
      <c r="AG5498">
        <v>17</v>
      </c>
      <c r="AH5498">
        <v>17</v>
      </c>
      <c r="AI5498">
        <v>17</v>
      </c>
      <c r="AJ5498">
        <v>18</v>
      </c>
      <c r="AK5498">
        <v>18</v>
      </c>
      <c r="AL5498">
        <v>18</v>
      </c>
      <c r="AM5498">
        <v>19</v>
      </c>
      <c r="AN5498">
        <v>19</v>
      </c>
      <c r="AO5498">
        <v>19</v>
      </c>
      <c r="AP5498">
        <v>19</v>
      </c>
      <c r="AQ5498">
        <v>19</v>
      </c>
    </row>
    <row r="5499" spans="1:43">
      <c r="A5499" t="s">
        <v>3440</v>
      </c>
      <c r="B5499" t="s">
        <v>3441</v>
      </c>
      <c r="C5499" t="s">
        <v>3438</v>
      </c>
      <c r="D5499" t="s">
        <v>3439</v>
      </c>
      <c r="E5499" t="s">
        <v>3352</v>
      </c>
      <c r="F5499" t="s">
        <v>3353</v>
      </c>
      <c r="G5499" t="s">
        <v>80</v>
      </c>
      <c r="H5499" t="s">
        <v>81</v>
      </c>
      <c r="I5499" s="2">
        <v>0</v>
      </c>
      <c r="J5499" s="2">
        <v>1</v>
      </c>
      <c r="K5499" s="2">
        <v>0</v>
      </c>
      <c r="L5499" t="s">
        <v>82</v>
      </c>
      <c r="M5499" t="s">
        <v>87</v>
      </c>
      <c r="N5499" t="s">
        <v>88</v>
      </c>
      <c r="O5499" t="s">
        <v>85</v>
      </c>
      <c r="P5499" t="s">
        <v>86</v>
      </c>
      <c r="Q5499">
        <v>12</v>
      </c>
      <c r="R5499">
        <v>12</v>
      </c>
      <c r="S5499">
        <v>12</v>
      </c>
      <c r="T5499">
        <v>12</v>
      </c>
      <c r="U5499">
        <v>13</v>
      </c>
      <c r="V5499">
        <v>13</v>
      </c>
      <c r="W5499">
        <v>13</v>
      </c>
      <c r="X5499">
        <v>13</v>
      </c>
      <c r="Y5499">
        <v>13</v>
      </c>
      <c r="Z5499">
        <v>13</v>
      </c>
      <c r="AA5499">
        <v>14</v>
      </c>
      <c r="AB5499">
        <v>14</v>
      </c>
      <c r="AC5499">
        <v>14</v>
      </c>
      <c r="AD5499">
        <v>14</v>
      </c>
      <c r="AE5499">
        <v>14</v>
      </c>
      <c r="AF5499">
        <v>14</v>
      </c>
      <c r="AG5499">
        <v>15</v>
      </c>
      <c r="AH5499">
        <v>15</v>
      </c>
      <c r="AI5499">
        <v>15</v>
      </c>
      <c r="AJ5499">
        <v>15</v>
      </c>
      <c r="AK5499">
        <v>15</v>
      </c>
      <c r="AL5499">
        <v>16</v>
      </c>
      <c r="AM5499">
        <v>16</v>
      </c>
      <c r="AN5499">
        <v>16</v>
      </c>
      <c r="AO5499">
        <v>16</v>
      </c>
      <c r="AP5499">
        <v>16</v>
      </c>
      <c r="AQ5499">
        <v>17</v>
      </c>
    </row>
    <row r="5500" spans="1:43">
      <c r="A5500" t="s">
        <v>3440</v>
      </c>
      <c r="B5500" t="s">
        <v>3441</v>
      </c>
      <c r="C5500" t="s">
        <v>3438</v>
      </c>
      <c r="D5500" t="s">
        <v>3439</v>
      </c>
      <c r="E5500" t="s">
        <v>3352</v>
      </c>
      <c r="F5500" t="s">
        <v>3353</v>
      </c>
      <c r="G5500" t="s">
        <v>80</v>
      </c>
      <c r="H5500" t="s">
        <v>81</v>
      </c>
      <c r="I5500" s="2">
        <v>0</v>
      </c>
      <c r="J5500" s="2">
        <v>1</v>
      </c>
      <c r="K5500" s="2">
        <v>0</v>
      </c>
      <c r="L5500" t="s">
        <v>82</v>
      </c>
      <c r="M5500" t="s">
        <v>89</v>
      </c>
      <c r="N5500" t="s">
        <v>90</v>
      </c>
      <c r="O5500" t="s">
        <v>85</v>
      </c>
      <c r="P5500" t="s">
        <v>86</v>
      </c>
      <c r="Q5500">
        <v>12</v>
      </c>
      <c r="R5500">
        <v>12</v>
      </c>
      <c r="S5500">
        <v>13</v>
      </c>
      <c r="T5500">
        <v>13</v>
      </c>
      <c r="U5500">
        <v>14</v>
      </c>
      <c r="V5500">
        <v>14</v>
      </c>
      <c r="W5500">
        <v>14</v>
      </c>
      <c r="X5500">
        <v>15</v>
      </c>
      <c r="Y5500">
        <v>15</v>
      </c>
      <c r="Z5500">
        <v>16</v>
      </c>
      <c r="AA5500">
        <v>16</v>
      </c>
      <c r="AB5500">
        <v>16</v>
      </c>
      <c r="AC5500">
        <v>17</v>
      </c>
      <c r="AD5500">
        <v>17</v>
      </c>
      <c r="AE5500">
        <v>17</v>
      </c>
      <c r="AF5500">
        <v>18</v>
      </c>
      <c r="AG5500">
        <v>18</v>
      </c>
      <c r="AH5500">
        <v>18</v>
      </c>
      <c r="AI5500">
        <v>18</v>
      </c>
      <c r="AJ5500">
        <v>18</v>
      </c>
      <c r="AK5500">
        <v>18</v>
      </c>
      <c r="AL5500">
        <v>19</v>
      </c>
      <c r="AM5500">
        <v>19</v>
      </c>
      <c r="AN5500">
        <v>19</v>
      </c>
      <c r="AO5500">
        <v>19</v>
      </c>
      <c r="AP5500">
        <v>19</v>
      </c>
      <c r="AQ5500">
        <v>19</v>
      </c>
    </row>
    <row r="5501" spans="1:43">
      <c r="A5501" t="s">
        <v>3440</v>
      </c>
      <c r="B5501" t="s">
        <v>3441</v>
      </c>
      <c r="C5501" t="s">
        <v>3438</v>
      </c>
      <c r="D5501" t="s">
        <v>3439</v>
      </c>
      <c r="E5501" t="s">
        <v>3352</v>
      </c>
      <c r="F5501" t="s">
        <v>3353</v>
      </c>
      <c r="G5501" t="s">
        <v>80</v>
      </c>
      <c r="H5501" t="s">
        <v>81</v>
      </c>
      <c r="I5501" s="2">
        <v>0</v>
      </c>
      <c r="J5501" s="2">
        <v>1</v>
      </c>
      <c r="K5501" s="2">
        <v>0</v>
      </c>
      <c r="L5501" t="s">
        <v>82</v>
      </c>
      <c r="M5501" t="s">
        <v>83</v>
      </c>
      <c r="N5501" t="s">
        <v>91</v>
      </c>
      <c r="O5501" t="s">
        <v>85</v>
      </c>
      <c r="P5501" t="s">
        <v>86</v>
      </c>
      <c r="Q5501">
        <v>12</v>
      </c>
      <c r="R5501">
        <v>12</v>
      </c>
      <c r="S5501">
        <v>13</v>
      </c>
      <c r="T5501">
        <v>13</v>
      </c>
      <c r="U5501">
        <v>13</v>
      </c>
      <c r="V5501">
        <v>13</v>
      </c>
      <c r="W5501">
        <v>14</v>
      </c>
      <c r="X5501">
        <v>14</v>
      </c>
      <c r="Y5501">
        <v>14</v>
      </c>
      <c r="Z5501">
        <v>15</v>
      </c>
      <c r="AA5501">
        <v>15</v>
      </c>
      <c r="AB5501">
        <v>15</v>
      </c>
      <c r="AC5501">
        <v>16</v>
      </c>
      <c r="AD5501">
        <v>16</v>
      </c>
      <c r="AE5501">
        <v>16</v>
      </c>
      <c r="AF5501">
        <v>16</v>
      </c>
      <c r="AG5501">
        <v>17</v>
      </c>
      <c r="AH5501">
        <v>17</v>
      </c>
      <c r="AI5501">
        <v>17</v>
      </c>
      <c r="AJ5501">
        <v>18</v>
      </c>
      <c r="AK5501">
        <v>18</v>
      </c>
      <c r="AL5501">
        <v>18</v>
      </c>
      <c r="AM5501">
        <v>19</v>
      </c>
      <c r="AN5501">
        <v>19</v>
      </c>
      <c r="AO5501">
        <v>19</v>
      </c>
      <c r="AP5501">
        <v>19</v>
      </c>
      <c r="AQ5501">
        <v>19</v>
      </c>
    </row>
    <row r="5502" spans="1:43">
      <c r="A5502" t="s">
        <v>3442</v>
      </c>
      <c r="B5502" t="s">
        <v>3443</v>
      </c>
      <c r="C5502" t="s">
        <v>3434</v>
      </c>
      <c r="D5502" t="s">
        <v>3435</v>
      </c>
      <c r="E5502" t="s">
        <v>3352</v>
      </c>
      <c r="F5502" t="s">
        <v>3353</v>
      </c>
      <c r="G5502" t="s">
        <v>80</v>
      </c>
      <c r="H5502" t="s">
        <v>81</v>
      </c>
      <c r="I5502" s="2">
        <v>0</v>
      </c>
      <c r="J5502" s="2">
        <v>1</v>
      </c>
      <c r="K5502" s="2">
        <v>0</v>
      </c>
      <c r="L5502" t="s">
        <v>82</v>
      </c>
      <c r="M5502" t="s">
        <v>83</v>
      </c>
      <c r="N5502" t="s">
        <v>84</v>
      </c>
      <c r="O5502" t="s">
        <v>85</v>
      </c>
      <c r="P5502" t="s">
        <v>86</v>
      </c>
      <c r="Q5502">
        <v>21</v>
      </c>
      <c r="R5502">
        <v>22</v>
      </c>
      <c r="S5502">
        <v>22</v>
      </c>
      <c r="T5502">
        <v>23</v>
      </c>
      <c r="U5502">
        <v>23</v>
      </c>
      <c r="V5502">
        <v>24</v>
      </c>
      <c r="W5502">
        <v>24</v>
      </c>
      <c r="X5502">
        <v>25</v>
      </c>
      <c r="Y5502">
        <v>25</v>
      </c>
      <c r="Z5502">
        <v>26</v>
      </c>
      <c r="AA5502">
        <v>26</v>
      </c>
      <c r="AB5502">
        <v>27</v>
      </c>
      <c r="AC5502">
        <v>28</v>
      </c>
      <c r="AD5502">
        <v>28</v>
      </c>
      <c r="AE5502">
        <v>29</v>
      </c>
      <c r="AF5502">
        <v>29</v>
      </c>
      <c r="AG5502">
        <v>30</v>
      </c>
      <c r="AH5502">
        <v>30</v>
      </c>
      <c r="AI5502">
        <v>31</v>
      </c>
      <c r="AJ5502">
        <v>32</v>
      </c>
      <c r="AK5502">
        <v>32</v>
      </c>
      <c r="AL5502">
        <v>33</v>
      </c>
      <c r="AM5502">
        <v>33</v>
      </c>
      <c r="AN5502">
        <v>33</v>
      </c>
      <c r="AO5502">
        <v>33</v>
      </c>
      <c r="AP5502">
        <v>34</v>
      </c>
      <c r="AQ5502">
        <v>34</v>
      </c>
    </row>
    <row r="5503" spans="1:43">
      <c r="A5503" t="s">
        <v>3442</v>
      </c>
      <c r="B5503" t="s">
        <v>3443</v>
      </c>
      <c r="C5503" t="s">
        <v>3434</v>
      </c>
      <c r="D5503" t="s">
        <v>3435</v>
      </c>
      <c r="E5503" t="s">
        <v>3352</v>
      </c>
      <c r="F5503" t="s">
        <v>3353</v>
      </c>
      <c r="G5503" t="s">
        <v>80</v>
      </c>
      <c r="H5503" t="s">
        <v>81</v>
      </c>
      <c r="I5503" s="2">
        <v>0</v>
      </c>
      <c r="J5503" s="2">
        <v>1</v>
      </c>
      <c r="K5503" s="2">
        <v>0</v>
      </c>
      <c r="L5503" t="s">
        <v>82</v>
      </c>
      <c r="M5503" t="s">
        <v>87</v>
      </c>
      <c r="N5503" t="s">
        <v>88</v>
      </c>
      <c r="O5503" t="s">
        <v>85</v>
      </c>
      <c r="P5503" t="s">
        <v>86</v>
      </c>
      <c r="Q5503">
        <v>21</v>
      </c>
      <c r="R5503">
        <v>21</v>
      </c>
      <c r="S5503">
        <v>22</v>
      </c>
      <c r="T5503">
        <v>22</v>
      </c>
      <c r="U5503">
        <v>22</v>
      </c>
      <c r="V5503">
        <v>23</v>
      </c>
      <c r="W5503">
        <v>23</v>
      </c>
      <c r="X5503">
        <v>23</v>
      </c>
      <c r="Y5503">
        <v>23</v>
      </c>
      <c r="Z5503">
        <v>24</v>
      </c>
      <c r="AA5503">
        <v>24</v>
      </c>
      <c r="AB5503">
        <v>24</v>
      </c>
      <c r="AC5503">
        <v>25</v>
      </c>
      <c r="AD5503">
        <v>25</v>
      </c>
      <c r="AE5503">
        <v>25</v>
      </c>
      <c r="AF5503">
        <v>26</v>
      </c>
      <c r="AG5503">
        <v>26</v>
      </c>
      <c r="AH5503">
        <v>26</v>
      </c>
      <c r="AI5503">
        <v>27</v>
      </c>
      <c r="AJ5503">
        <v>27</v>
      </c>
      <c r="AK5503">
        <v>27</v>
      </c>
      <c r="AL5503">
        <v>28</v>
      </c>
      <c r="AM5503">
        <v>28</v>
      </c>
      <c r="AN5503">
        <v>28</v>
      </c>
      <c r="AO5503">
        <v>29</v>
      </c>
      <c r="AP5503">
        <v>29</v>
      </c>
      <c r="AQ5503">
        <v>29</v>
      </c>
    </row>
    <row r="5504" spans="1:43">
      <c r="A5504" t="s">
        <v>3442</v>
      </c>
      <c r="B5504" t="s">
        <v>3443</v>
      </c>
      <c r="C5504" t="s">
        <v>3434</v>
      </c>
      <c r="D5504" t="s">
        <v>3435</v>
      </c>
      <c r="E5504" t="s">
        <v>3352</v>
      </c>
      <c r="F5504" t="s">
        <v>3353</v>
      </c>
      <c r="G5504" t="s">
        <v>80</v>
      </c>
      <c r="H5504" t="s">
        <v>81</v>
      </c>
      <c r="I5504" s="2">
        <v>0</v>
      </c>
      <c r="J5504" s="2">
        <v>1</v>
      </c>
      <c r="K5504" s="2">
        <v>0</v>
      </c>
      <c r="L5504" t="s">
        <v>82</v>
      </c>
      <c r="M5504" t="s">
        <v>89</v>
      </c>
      <c r="N5504" t="s">
        <v>90</v>
      </c>
      <c r="O5504" t="s">
        <v>85</v>
      </c>
      <c r="P5504" t="s">
        <v>86</v>
      </c>
      <c r="Q5504">
        <v>21</v>
      </c>
      <c r="R5504">
        <v>22</v>
      </c>
      <c r="S5504">
        <v>23</v>
      </c>
      <c r="T5504">
        <v>23</v>
      </c>
      <c r="U5504">
        <v>24</v>
      </c>
      <c r="V5504">
        <v>25</v>
      </c>
      <c r="W5504">
        <v>26</v>
      </c>
      <c r="X5504">
        <v>26</v>
      </c>
      <c r="Y5504">
        <v>27</v>
      </c>
      <c r="Z5504">
        <v>28</v>
      </c>
      <c r="AA5504">
        <v>28</v>
      </c>
      <c r="AB5504">
        <v>29</v>
      </c>
      <c r="AC5504">
        <v>30</v>
      </c>
      <c r="AD5504">
        <v>30</v>
      </c>
      <c r="AE5504">
        <v>31</v>
      </c>
      <c r="AF5504">
        <v>31</v>
      </c>
      <c r="AG5504">
        <v>31</v>
      </c>
      <c r="AH5504">
        <v>32</v>
      </c>
      <c r="AI5504">
        <v>32</v>
      </c>
      <c r="AJ5504">
        <v>32</v>
      </c>
      <c r="AK5504">
        <v>33</v>
      </c>
      <c r="AL5504">
        <v>33</v>
      </c>
      <c r="AM5504">
        <v>33</v>
      </c>
      <c r="AN5504">
        <v>34</v>
      </c>
      <c r="AO5504">
        <v>34</v>
      </c>
      <c r="AP5504">
        <v>34</v>
      </c>
      <c r="AQ5504">
        <v>34</v>
      </c>
    </row>
    <row r="5505" spans="1:43">
      <c r="A5505" t="s">
        <v>3442</v>
      </c>
      <c r="B5505" t="s">
        <v>3443</v>
      </c>
      <c r="C5505" t="s">
        <v>3434</v>
      </c>
      <c r="D5505" t="s">
        <v>3435</v>
      </c>
      <c r="E5505" t="s">
        <v>3352</v>
      </c>
      <c r="F5505" t="s">
        <v>3353</v>
      </c>
      <c r="G5505" t="s">
        <v>80</v>
      </c>
      <c r="H5505" t="s">
        <v>81</v>
      </c>
      <c r="I5505" s="2">
        <v>0</v>
      </c>
      <c r="J5505" s="2">
        <v>1</v>
      </c>
      <c r="K5505" s="2">
        <v>0</v>
      </c>
      <c r="L5505" t="s">
        <v>82</v>
      </c>
      <c r="M5505" t="s">
        <v>83</v>
      </c>
      <c r="N5505" t="s">
        <v>91</v>
      </c>
      <c r="O5505" t="s">
        <v>85</v>
      </c>
      <c r="P5505" t="s">
        <v>86</v>
      </c>
      <c r="Q5505">
        <v>21</v>
      </c>
      <c r="R5505">
        <v>22</v>
      </c>
      <c r="S5505">
        <v>22</v>
      </c>
      <c r="T5505">
        <v>23</v>
      </c>
      <c r="U5505">
        <v>23</v>
      </c>
      <c r="V5505">
        <v>24</v>
      </c>
      <c r="W5505">
        <v>24</v>
      </c>
      <c r="X5505">
        <v>25</v>
      </c>
      <c r="Y5505">
        <v>25</v>
      </c>
      <c r="Z5505">
        <v>26</v>
      </c>
      <c r="AA5505">
        <v>26</v>
      </c>
      <c r="AB5505">
        <v>27</v>
      </c>
      <c r="AC5505">
        <v>28</v>
      </c>
      <c r="AD5505">
        <v>28</v>
      </c>
      <c r="AE5505">
        <v>29</v>
      </c>
      <c r="AF5505">
        <v>29</v>
      </c>
      <c r="AG5505">
        <v>30</v>
      </c>
      <c r="AH5505">
        <v>30</v>
      </c>
      <c r="AI5505">
        <v>31</v>
      </c>
      <c r="AJ5505">
        <v>32</v>
      </c>
      <c r="AK5505">
        <v>32</v>
      </c>
      <c r="AL5505">
        <v>33</v>
      </c>
      <c r="AM5505">
        <v>33</v>
      </c>
      <c r="AN5505">
        <v>33</v>
      </c>
      <c r="AO5505">
        <v>33</v>
      </c>
      <c r="AP5505">
        <v>34</v>
      </c>
      <c r="AQ5505">
        <v>34</v>
      </c>
    </row>
    <row r="5506" spans="1:43">
      <c r="A5506" t="s">
        <v>3444</v>
      </c>
      <c r="B5506" t="s">
        <v>3445</v>
      </c>
      <c r="C5506" t="s">
        <v>3434</v>
      </c>
      <c r="D5506" t="s">
        <v>3435</v>
      </c>
      <c r="E5506" t="s">
        <v>3352</v>
      </c>
      <c r="F5506" t="s">
        <v>3353</v>
      </c>
      <c r="G5506" t="s">
        <v>80</v>
      </c>
      <c r="H5506" t="s">
        <v>81</v>
      </c>
      <c r="I5506" s="2">
        <v>0</v>
      </c>
      <c r="J5506" s="2">
        <v>1</v>
      </c>
      <c r="K5506" s="2">
        <v>0</v>
      </c>
      <c r="L5506" t="s">
        <v>82</v>
      </c>
      <c r="M5506" t="s">
        <v>83</v>
      </c>
      <c r="N5506" t="s">
        <v>84</v>
      </c>
      <c r="O5506" t="s">
        <v>85</v>
      </c>
      <c r="P5506" t="s">
        <v>86</v>
      </c>
      <c r="Q5506">
        <v>24</v>
      </c>
      <c r="R5506">
        <v>25</v>
      </c>
      <c r="S5506">
        <v>25</v>
      </c>
      <c r="T5506">
        <v>26</v>
      </c>
      <c r="U5506">
        <v>27</v>
      </c>
      <c r="V5506">
        <v>27</v>
      </c>
      <c r="W5506">
        <v>28</v>
      </c>
      <c r="X5506">
        <v>28</v>
      </c>
      <c r="Y5506">
        <v>29</v>
      </c>
      <c r="Z5506">
        <v>30</v>
      </c>
      <c r="AA5506">
        <v>30</v>
      </c>
      <c r="AB5506">
        <v>31</v>
      </c>
      <c r="AC5506">
        <v>32</v>
      </c>
      <c r="AD5506">
        <v>32</v>
      </c>
      <c r="AE5506">
        <v>33</v>
      </c>
      <c r="AF5506">
        <v>34</v>
      </c>
      <c r="AG5506">
        <v>34</v>
      </c>
      <c r="AH5506">
        <v>35</v>
      </c>
      <c r="AI5506">
        <v>36</v>
      </c>
      <c r="AJ5506">
        <v>36</v>
      </c>
      <c r="AK5506">
        <v>37</v>
      </c>
      <c r="AL5506">
        <v>37</v>
      </c>
      <c r="AM5506">
        <v>38</v>
      </c>
      <c r="AN5506">
        <v>38</v>
      </c>
      <c r="AO5506">
        <v>38</v>
      </c>
      <c r="AP5506">
        <v>39</v>
      </c>
      <c r="AQ5506">
        <v>39</v>
      </c>
    </row>
    <row r="5507" spans="1:43">
      <c r="A5507" t="s">
        <v>3444</v>
      </c>
      <c r="B5507" t="s">
        <v>3445</v>
      </c>
      <c r="C5507" t="s">
        <v>3434</v>
      </c>
      <c r="D5507" t="s">
        <v>3435</v>
      </c>
      <c r="E5507" t="s">
        <v>3352</v>
      </c>
      <c r="F5507" t="s">
        <v>3353</v>
      </c>
      <c r="G5507" t="s">
        <v>80</v>
      </c>
      <c r="H5507" t="s">
        <v>81</v>
      </c>
      <c r="I5507" s="2">
        <v>0</v>
      </c>
      <c r="J5507" s="2">
        <v>1</v>
      </c>
      <c r="K5507" s="2">
        <v>0</v>
      </c>
      <c r="L5507" t="s">
        <v>82</v>
      </c>
      <c r="M5507" t="s">
        <v>87</v>
      </c>
      <c r="N5507" t="s">
        <v>88</v>
      </c>
      <c r="O5507" t="s">
        <v>85</v>
      </c>
      <c r="P5507" t="s">
        <v>86</v>
      </c>
      <c r="Q5507">
        <v>24</v>
      </c>
      <c r="R5507">
        <v>24</v>
      </c>
      <c r="S5507">
        <v>25</v>
      </c>
      <c r="T5507">
        <v>25</v>
      </c>
      <c r="U5507">
        <v>25</v>
      </c>
      <c r="V5507">
        <v>26</v>
      </c>
      <c r="W5507">
        <v>26</v>
      </c>
      <c r="X5507">
        <v>27</v>
      </c>
      <c r="Y5507">
        <v>27</v>
      </c>
      <c r="Z5507">
        <v>27</v>
      </c>
      <c r="AA5507">
        <v>28</v>
      </c>
      <c r="AB5507">
        <v>28</v>
      </c>
      <c r="AC5507">
        <v>28</v>
      </c>
      <c r="AD5507">
        <v>29</v>
      </c>
      <c r="AE5507">
        <v>29</v>
      </c>
      <c r="AF5507">
        <v>29</v>
      </c>
      <c r="AG5507">
        <v>30</v>
      </c>
      <c r="AH5507">
        <v>30</v>
      </c>
      <c r="AI5507">
        <v>31</v>
      </c>
      <c r="AJ5507">
        <v>31</v>
      </c>
      <c r="AK5507">
        <v>31</v>
      </c>
      <c r="AL5507">
        <v>32</v>
      </c>
      <c r="AM5507">
        <v>32</v>
      </c>
      <c r="AN5507">
        <v>33</v>
      </c>
      <c r="AO5507">
        <v>33</v>
      </c>
      <c r="AP5507">
        <v>33</v>
      </c>
      <c r="AQ5507">
        <v>34</v>
      </c>
    </row>
    <row r="5508" spans="1:43">
      <c r="A5508" t="s">
        <v>3444</v>
      </c>
      <c r="B5508" t="s">
        <v>3445</v>
      </c>
      <c r="C5508" t="s">
        <v>3434</v>
      </c>
      <c r="D5508" t="s">
        <v>3435</v>
      </c>
      <c r="E5508" t="s">
        <v>3352</v>
      </c>
      <c r="F5508" t="s">
        <v>3353</v>
      </c>
      <c r="G5508" t="s">
        <v>80</v>
      </c>
      <c r="H5508" t="s">
        <v>81</v>
      </c>
      <c r="I5508" s="2">
        <v>0</v>
      </c>
      <c r="J5508" s="2">
        <v>1</v>
      </c>
      <c r="K5508" s="2">
        <v>0</v>
      </c>
      <c r="L5508" t="s">
        <v>82</v>
      </c>
      <c r="M5508" t="s">
        <v>89</v>
      </c>
      <c r="N5508" t="s">
        <v>90</v>
      </c>
      <c r="O5508" t="s">
        <v>85</v>
      </c>
      <c r="P5508" t="s">
        <v>86</v>
      </c>
      <c r="Q5508">
        <v>24</v>
      </c>
      <c r="R5508">
        <v>24</v>
      </c>
      <c r="S5508">
        <v>25</v>
      </c>
      <c r="T5508">
        <v>26</v>
      </c>
      <c r="U5508">
        <v>27</v>
      </c>
      <c r="V5508">
        <v>28</v>
      </c>
      <c r="W5508">
        <v>28</v>
      </c>
      <c r="X5508">
        <v>29</v>
      </c>
      <c r="Y5508">
        <v>30</v>
      </c>
      <c r="Z5508">
        <v>31</v>
      </c>
      <c r="AA5508">
        <v>31</v>
      </c>
      <c r="AB5508">
        <v>32</v>
      </c>
      <c r="AC5508">
        <v>33</v>
      </c>
      <c r="AD5508">
        <v>34</v>
      </c>
      <c r="AE5508">
        <v>34</v>
      </c>
      <c r="AF5508">
        <v>35</v>
      </c>
      <c r="AG5508">
        <v>35</v>
      </c>
      <c r="AH5508">
        <v>35</v>
      </c>
      <c r="AI5508">
        <v>36</v>
      </c>
      <c r="AJ5508">
        <v>36</v>
      </c>
      <c r="AK5508">
        <v>37</v>
      </c>
      <c r="AL5508">
        <v>37</v>
      </c>
      <c r="AM5508">
        <v>37</v>
      </c>
      <c r="AN5508">
        <v>38</v>
      </c>
      <c r="AO5508">
        <v>38</v>
      </c>
      <c r="AP5508">
        <v>38</v>
      </c>
      <c r="AQ5508">
        <v>39</v>
      </c>
    </row>
    <row r="5509" spans="1:43">
      <c r="A5509" t="s">
        <v>3444</v>
      </c>
      <c r="B5509" t="s">
        <v>3445</v>
      </c>
      <c r="C5509" t="s">
        <v>3434</v>
      </c>
      <c r="D5509" t="s">
        <v>3435</v>
      </c>
      <c r="E5509" t="s">
        <v>3352</v>
      </c>
      <c r="F5509" t="s">
        <v>3353</v>
      </c>
      <c r="G5509" t="s">
        <v>80</v>
      </c>
      <c r="H5509" t="s">
        <v>81</v>
      </c>
      <c r="I5509" s="2">
        <v>0</v>
      </c>
      <c r="J5509" s="2">
        <v>1</v>
      </c>
      <c r="K5509" s="2">
        <v>0</v>
      </c>
      <c r="L5509" t="s">
        <v>82</v>
      </c>
      <c r="M5509" t="s">
        <v>83</v>
      </c>
      <c r="N5509" t="s">
        <v>91</v>
      </c>
      <c r="O5509" t="s">
        <v>85</v>
      </c>
      <c r="P5509" t="s">
        <v>86</v>
      </c>
      <c r="Q5509">
        <v>24</v>
      </c>
      <c r="R5509">
        <v>25</v>
      </c>
      <c r="S5509">
        <v>25</v>
      </c>
      <c r="T5509">
        <v>26</v>
      </c>
      <c r="U5509">
        <v>27</v>
      </c>
      <c r="V5509">
        <v>27</v>
      </c>
      <c r="W5509">
        <v>28</v>
      </c>
      <c r="X5509">
        <v>28</v>
      </c>
      <c r="Y5509">
        <v>29</v>
      </c>
      <c r="Z5509">
        <v>30</v>
      </c>
      <c r="AA5509">
        <v>30</v>
      </c>
      <c r="AB5509">
        <v>31</v>
      </c>
      <c r="AC5509">
        <v>32</v>
      </c>
      <c r="AD5509">
        <v>32</v>
      </c>
      <c r="AE5509">
        <v>33</v>
      </c>
      <c r="AF5509">
        <v>34</v>
      </c>
      <c r="AG5509">
        <v>34</v>
      </c>
      <c r="AH5509">
        <v>35</v>
      </c>
      <c r="AI5509">
        <v>36</v>
      </c>
      <c r="AJ5509">
        <v>36</v>
      </c>
      <c r="AK5509">
        <v>37</v>
      </c>
      <c r="AL5509">
        <v>37</v>
      </c>
      <c r="AM5509">
        <v>38</v>
      </c>
      <c r="AN5509">
        <v>38</v>
      </c>
      <c r="AO5509">
        <v>38</v>
      </c>
      <c r="AP5509">
        <v>39</v>
      </c>
      <c r="AQ5509">
        <v>39</v>
      </c>
    </row>
    <row r="5510" spans="1:43">
      <c r="A5510" t="s">
        <v>3446</v>
      </c>
      <c r="B5510" t="s">
        <v>3447</v>
      </c>
      <c r="C5510" t="s">
        <v>3434</v>
      </c>
      <c r="D5510" t="s">
        <v>3435</v>
      </c>
      <c r="E5510" t="s">
        <v>3352</v>
      </c>
      <c r="F5510" t="s">
        <v>3353</v>
      </c>
      <c r="G5510" t="s">
        <v>80</v>
      </c>
      <c r="H5510" t="s">
        <v>81</v>
      </c>
      <c r="I5510" s="2">
        <v>0</v>
      </c>
      <c r="J5510" s="2">
        <v>1</v>
      </c>
      <c r="K5510" s="2">
        <v>0</v>
      </c>
      <c r="L5510" t="s">
        <v>82</v>
      </c>
      <c r="M5510" t="s">
        <v>83</v>
      </c>
      <c r="N5510" t="s">
        <v>84</v>
      </c>
      <c r="O5510" t="s">
        <v>85</v>
      </c>
      <c r="P5510" t="s">
        <v>86</v>
      </c>
      <c r="Q5510">
        <v>55</v>
      </c>
      <c r="R5510">
        <v>56</v>
      </c>
      <c r="S5510">
        <v>58</v>
      </c>
      <c r="T5510">
        <v>59</v>
      </c>
      <c r="U5510">
        <v>60</v>
      </c>
      <c r="V5510">
        <v>62</v>
      </c>
      <c r="W5510">
        <v>63</v>
      </c>
      <c r="X5510">
        <v>64</v>
      </c>
      <c r="Y5510">
        <v>66</v>
      </c>
      <c r="Z5510">
        <v>67</v>
      </c>
      <c r="AA5510">
        <v>69</v>
      </c>
      <c r="AB5510">
        <v>70</v>
      </c>
      <c r="AC5510">
        <v>71</v>
      </c>
      <c r="AD5510">
        <v>73</v>
      </c>
      <c r="AE5510">
        <v>74</v>
      </c>
      <c r="AF5510">
        <v>76</v>
      </c>
      <c r="AG5510">
        <v>77</v>
      </c>
      <c r="AH5510">
        <v>79</v>
      </c>
      <c r="AI5510">
        <v>80</v>
      </c>
      <c r="AJ5510">
        <v>82</v>
      </c>
      <c r="AK5510">
        <v>83</v>
      </c>
      <c r="AL5510">
        <v>84</v>
      </c>
      <c r="AM5510">
        <v>85</v>
      </c>
      <c r="AN5510">
        <v>86</v>
      </c>
      <c r="AO5510">
        <v>87</v>
      </c>
      <c r="AP5510">
        <v>88</v>
      </c>
      <c r="AQ5510">
        <v>89</v>
      </c>
    </row>
    <row r="5511" spans="1:43">
      <c r="A5511" t="s">
        <v>3446</v>
      </c>
      <c r="B5511" t="s">
        <v>3447</v>
      </c>
      <c r="C5511" t="s">
        <v>3434</v>
      </c>
      <c r="D5511" t="s">
        <v>3435</v>
      </c>
      <c r="E5511" t="s">
        <v>3352</v>
      </c>
      <c r="F5511" t="s">
        <v>3353</v>
      </c>
      <c r="G5511" t="s">
        <v>80</v>
      </c>
      <c r="H5511" t="s">
        <v>81</v>
      </c>
      <c r="I5511" s="2">
        <v>0</v>
      </c>
      <c r="J5511" s="2">
        <v>1</v>
      </c>
      <c r="K5511" s="2">
        <v>0</v>
      </c>
      <c r="L5511" t="s">
        <v>82</v>
      </c>
      <c r="M5511" t="s">
        <v>87</v>
      </c>
      <c r="N5511" t="s">
        <v>88</v>
      </c>
      <c r="O5511" t="s">
        <v>85</v>
      </c>
      <c r="P5511" t="s">
        <v>86</v>
      </c>
      <c r="Q5511">
        <v>55</v>
      </c>
      <c r="R5511">
        <v>56</v>
      </c>
      <c r="S5511">
        <v>57</v>
      </c>
      <c r="T5511">
        <v>58</v>
      </c>
      <c r="U5511">
        <v>59</v>
      </c>
      <c r="V5511">
        <v>59</v>
      </c>
      <c r="W5511">
        <v>60</v>
      </c>
      <c r="X5511">
        <v>61</v>
      </c>
      <c r="Y5511">
        <v>62</v>
      </c>
      <c r="Z5511">
        <v>63</v>
      </c>
      <c r="AA5511">
        <v>63</v>
      </c>
      <c r="AB5511">
        <v>64</v>
      </c>
      <c r="AC5511">
        <v>65</v>
      </c>
      <c r="AD5511">
        <v>66</v>
      </c>
      <c r="AE5511">
        <v>67</v>
      </c>
      <c r="AF5511">
        <v>68</v>
      </c>
      <c r="AG5511">
        <v>69</v>
      </c>
      <c r="AH5511">
        <v>69</v>
      </c>
      <c r="AI5511">
        <v>70</v>
      </c>
      <c r="AJ5511">
        <v>71</v>
      </c>
      <c r="AK5511">
        <v>72</v>
      </c>
      <c r="AL5511">
        <v>73</v>
      </c>
      <c r="AM5511">
        <v>74</v>
      </c>
      <c r="AN5511">
        <v>75</v>
      </c>
      <c r="AO5511">
        <v>76</v>
      </c>
      <c r="AP5511">
        <v>77</v>
      </c>
      <c r="AQ5511">
        <v>77</v>
      </c>
    </row>
    <row r="5512" spans="1:43">
      <c r="A5512" t="s">
        <v>3446</v>
      </c>
      <c r="B5512" t="s">
        <v>3447</v>
      </c>
      <c r="C5512" t="s">
        <v>3434</v>
      </c>
      <c r="D5512" t="s">
        <v>3435</v>
      </c>
      <c r="E5512" t="s">
        <v>3352</v>
      </c>
      <c r="F5512" t="s">
        <v>3353</v>
      </c>
      <c r="G5512" t="s">
        <v>80</v>
      </c>
      <c r="H5512" t="s">
        <v>81</v>
      </c>
      <c r="I5512" s="2">
        <v>0</v>
      </c>
      <c r="J5512" s="2">
        <v>1</v>
      </c>
      <c r="K5512" s="2">
        <v>0</v>
      </c>
      <c r="L5512" t="s">
        <v>82</v>
      </c>
      <c r="M5512" t="s">
        <v>89</v>
      </c>
      <c r="N5512" t="s">
        <v>90</v>
      </c>
      <c r="O5512" t="s">
        <v>85</v>
      </c>
      <c r="P5512" t="s">
        <v>86</v>
      </c>
      <c r="Q5512">
        <v>55</v>
      </c>
      <c r="R5512">
        <v>57</v>
      </c>
      <c r="S5512">
        <v>59</v>
      </c>
      <c r="T5512">
        <v>61</v>
      </c>
      <c r="U5512">
        <v>63</v>
      </c>
      <c r="V5512">
        <v>64</v>
      </c>
      <c r="W5512">
        <v>66</v>
      </c>
      <c r="X5512">
        <v>68</v>
      </c>
      <c r="Y5512">
        <v>70</v>
      </c>
      <c r="Z5512">
        <v>71</v>
      </c>
      <c r="AA5512">
        <v>73</v>
      </c>
      <c r="AB5512">
        <v>75</v>
      </c>
      <c r="AC5512">
        <v>77</v>
      </c>
      <c r="AD5512">
        <v>78</v>
      </c>
      <c r="AE5512">
        <v>80</v>
      </c>
      <c r="AF5512">
        <v>81</v>
      </c>
      <c r="AG5512">
        <v>81</v>
      </c>
      <c r="AH5512">
        <v>82</v>
      </c>
      <c r="AI5512">
        <v>83</v>
      </c>
      <c r="AJ5512">
        <v>84</v>
      </c>
      <c r="AK5512">
        <v>85</v>
      </c>
      <c r="AL5512">
        <v>85</v>
      </c>
      <c r="AM5512">
        <v>86</v>
      </c>
      <c r="AN5512">
        <v>87</v>
      </c>
      <c r="AO5512">
        <v>88</v>
      </c>
      <c r="AP5512">
        <v>89</v>
      </c>
      <c r="AQ5512">
        <v>89</v>
      </c>
    </row>
    <row r="5513" spans="1:43">
      <c r="A5513" t="s">
        <v>3446</v>
      </c>
      <c r="B5513" t="s">
        <v>3447</v>
      </c>
      <c r="C5513" t="s">
        <v>3434</v>
      </c>
      <c r="D5513" t="s">
        <v>3435</v>
      </c>
      <c r="E5513" t="s">
        <v>3352</v>
      </c>
      <c r="F5513" t="s">
        <v>3353</v>
      </c>
      <c r="G5513" t="s">
        <v>80</v>
      </c>
      <c r="H5513" t="s">
        <v>81</v>
      </c>
      <c r="I5513" s="2">
        <v>0</v>
      </c>
      <c r="J5513" s="2">
        <v>1</v>
      </c>
      <c r="K5513" s="2">
        <v>0</v>
      </c>
      <c r="L5513" t="s">
        <v>82</v>
      </c>
      <c r="M5513" t="s">
        <v>83</v>
      </c>
      <c r="N5513" t="s">
        <v>91</v>
      </c>
      <c r="O5513" t="s">
        <v>85</v>
      </c>
      <c r="P5513" t="s">
        <v>86</v>
      </c>
      <c r="Q5513">
        <v>55</v>
      </c>
      <c r="R5513">
        <v>56</v>
      </c>
      <c r="S5513">
        <v>58</v>
      </c>
      <c r="T5513">
        <v>59</v>
      </c>
      <c r="U5513">
        <v>60</v>
      </c>
      <c r="V5513">
        <v>62</v>
      </c>
      <c r="W5513">
        <v>63</v>
      </c>
      <c r="X5513">
        <v>64</v>
      </c>
      <c r="Y5513">
        <v>66</v>
      </c>
      <c r="Z5513">
        <v>67</v>
      </c>
      <c r="AA5513">
        <v>69</v>
      </c>
      <c r="AB5513">
        <v>70</v>
      </c>
      <c r="AC5513">
        <v>71</v>
      </c>
      <c r="AD5513">
        <v>73</v>
      </c>
      <c r="AE5513">
        <v>74</v>
      </c>
      <c r="AF5513">
        <v>76</v>
      </c>
      <c r="AG5513">
        <v>77</v>
      </c>
      <c r="AH5513">
        <v>79</v>
      </c>
      <c r="AI5513">
        <v>80</v>
      </c>
      <c r="AJ5513">
        <v>82</v>
      </c>
      <c r="AK5513">
        <v>83</v>
      </c>
      <c r="AL5513">
        <v>84</v>
      </c>
      <c r="AM5513">
        <v>85</v>
      </c>
      <c r="AN5513">
        <v>86</v>
      </c>
      <c r="AO5513">
        <v>87</v>
      </c>
      <c r="AP5513">
        <v>88</v>
      </c>
      <c r="AQ5513">
        <v>89</v>
      </c>
    </row>
    <row r="5514" spans="1:43">
      <c r="A5514" t="s">
        <v>3448</v>
      </c>
      <c r="B5514" t="s">
        <v>3449</v>
      </c>
      <c r="C5514" t="s">
        <v>3438</v>
      </c>
      <c r="D5514" t="s">
        <v>3439</v>
      </c>
      <c r="E5514" t="s">
        <v>3352</v>
      </c>
      <c r="F5514" t="s">
        <v>3353</v>
      </c>
      <c r="G5514" t="s">
        <v>80</v>
      </c>
      <c r="H5514" t="s">
        <v>81</v>
      </c>
      <c r="I5514" s="2">
        <v>0</v>
      </c>
      <c r="J5514" s="2">
        <v>1</v>
      </c>
      <c r="K5514" s="2">
        <v>0</v>
      </c>
      <c r="L5514" t="s">
        <v>82</v>
      </c>
      <c r="M5514" t="s">
        <v>83</v>
      </c>
      <c r="N5514" t="s">
        <v>84</v>
      </c>
      <c r="O5514" t="s">
        <v>85</v>
      </c>
      <c r="P5514" t="s">
        <v>86</v>
      </c>
      <c r="Q5514">
        <v>7</v>
      </c>
      <c r="R5514">
        <v>7</v>
      </c>
      <c r="S5514">
        <v>7</v>
      </c>
      <c r="T5514">
        <v>7</v>
      </c>
      <c r="U5514">
        <v>8</v>
      </c>
      <c r="V5514">
        <v>8</v>
      </c>
      <c r="W5514">
        <v>8</v>
      </c>
      <c r="X5514">
        <v>8</v>
      </c>
      <c r="Y5514">
        <v>8</v>
      </c>
      <c r="Z5514">
        <v>9</v>
      </c>
      <c r="AA5514">
        <v>9</v>
      </c>
      <c r="AB5514">
        <v>9</v>
      </c>
      <c r="AC5514">
        <v>9</v>
      </c>
      <c r="AD5514">
        <v>9</v>
      </c>
      <c r="AE5514">
        <v>9</v>
      </c>
      <c r="AF5514">
        <v>10</v>
      </c>
      <c r="AG5514">
        <v>10</v>
      </c>
      <c r="AH5514">
        <v>10</v>
      </c>
      <c r="AI5514">
        <v>10</v>
      </c>
      <c r="AJ5514">
        <v>10</v>
      </c>
      <c r="AK5514">
        <v>11</v>
      </c>
      <c r="AL5514">
        <v>11</v>
      </c>
      <c r="AM5514">
        <v>11</v>
      </c>
      <c r="AN5514">
        <v>11</v>
      </c>
      <c r="AO5514">
        <v>11</v>
      </c>
      <c r="AP5514">
        <v>11</v>
      </c>
      <c r="AQ5514">
        <v>11</v>
      </c>
    </row>
    <row r="5515" spans="1:43">
      <c r="A5515" t="s">
        <v>3448</v>
      </c>
      <c r="B5515" t="s">
        <v>3449</v>
      </c>
      <c r="C5515" t="s">
        <v>3438</v>
      </c>
      <c r="D5515" t="s">
        <v>3439</v>
      </c>
      <c r="E5515" t="s">
        <v>3352</v>
      </c>
      <c r="F5515" t="s">
        <v>3353</v>
      </c>
      <c r="G5515" t="s">
        <v>80</v>
      </c>
      <c r="H5515" t="s">
        <v>81</v>
      </c>
      <c r="I5515" s="2">
        <v>0</v>
      </c>
      <c r="J5515" s="2">
        <v>1</v>
      </c>
      <c r="K5515" s="2">
        <v>0</v>
      </c>
      <c r="L5515" t="s">
        <v>82</v>
      </c>
      <c r="M5515" t="s">
        <v>87</v>
      </c>
      <c r="N5515" t="s">
        <v>88</v>
      </c>
      <c r="O5515" t="s">
        <v>85</v>
      </c>
      <c r="P5515" t="s">
        <v>86</v>
      </c>
      <c r="Q5515">
        <v>7</v>
      </c>
      <c r="R5515">
        <v>7</v>
      </c>
      <c r="S5515">
        <v>7</v>
      </c>
      <c r="T5515">
        <v>7</v>
      </c>
      <c r="U5515">
        <v>7</v>
      </c>
      <c r="V5515">
        <v>7</v>
      </c>
      <c r="W5515">
        <v>7</v>
      </c>
      <c r="X5515">
        <v>8</v>
      </c>
      <c r="Y5515">
        <v>8</v>
      </c>
      <c r="Z5515">
        <v>8</v>
      </c>
      <c r="AA5515">
        <v>8</v>
      </c>
      <c r="AB5515">
        <v>8</v>
      </c>
      <c r="AC5515">
        <v>8</v>
      </c>
      <c r="AD5515">
        <v>8</v>
      </c>
      <c r="AE5515">
        <v>8</v>
      </c>
      <c r="AF5515">
        <v>8</v>
      </c>
      <c r="AG5515">
        <v>9</v>
      </c>
      <c r="AH5515">
        <v>9</v>
      </c>
      <c r="AI5515">
        <v>9</v>
      </c>
      <c r="AJ5515">
        <v>9</v>
      </c>
      <c r="AK5515">
        <v>9</v>
      </c>
      <c r="AL5515">
        <v>9</v>
      </c>
      <c r="AM5515">
        <v>9</v>
      </c>
      <c r="AN5515">
        <v>9</v>
      </c>
      <c r="AO5515">
        <v>9</v>
      </c>
      <c r="AP5515">
        <v>10</v>
      </c>
      <c r="AQ5515">
        <v>10</v>
      </c>
    </row>
    <row r="5516" spans="1:43">
      <c r="A5516" t="s">
        <v>3448</v>
      </c>
      <c r="B5516" t="s">
        <v>3449</v>
      </c>
      <c r="C5516" t="s">
        <v>3438</v>
      </c>
      <c r="D5516" t="s">
        <v>3439</v>
      </c>
      <c r="E5516" t="s">
        <v>3352</v>
      </c>
      <c r="F5516" t="s">
        <v>3353</v>
      </c>
      <c r="G5516" t="s">
        <v>80</v>
      </c>
      <c r="H5516" t="s">
        <v>81</v>
      </c>
      <c r="I5516" s="2">
        <v>0</v>
      </c>
      <c r="J5516" s="2">
        <v>1</v>
      </c>
      <c r="K5516" s="2">
        <v>0</v>
      </c>
      <c r="L5516" t="s">
        <v>82</v>
      </c>
      <c r="M5516" t="s">
        <v>89</v>
      </c>
      <c r="N5516" t="s">
        <v>90</v>
      </c>
      <c r="O5516" t="s">
        <v>85</v>
      </c>
      <c r="P5516" t="s">
        <v>86</v>
      </c>
      <c r="Q5516">
        <v>7</v>
      </c>
      <c r="R5516">
        <v>7</v>
      </c>
      <c r="S5516">
        <v>7</v>
      </c>
      <c r="T5516">
        <v>8</v>
      </c>
      <c r="U5516">
        <v>8</v>
      </c>
      <c r="V5516">
        <v>8</v>
      </c>
      <c r="W5516">
        <v>8</v>
      </c>
      <c r="X5516">
        <v>9</v>
      </c>
      <c r="Y5516">
        <v>9</v>
      </c>
      <c r="Z5516">
        <v>9</v>
      </c>
      <c r="AA5516">
        <v>9</v>
      </c>
      <c r="AB5516">
        <v>9</v>
      </c>
      <c r="AC5516">
        <v>10</v>
      </c>
      <c r="AD5516">
        <v>10</v>
      </c>
      <c r="AE5516">
        <v>10</v>
      </c>
      <c r="AF5516">
        <v>10</v>
      </c>
      <c r="AG5516">
        <v>10</v>
      </c>
      <c r="AH5516">
        <v>10</v>
      </c>
      <c r="AI5516">
        <v>10</v>
      </c>
      <c r="AJ5516">
        <v>11</v>
      </c>
      <c r="AK5516">
        <v>11</v>
      </c>
      <c r="AL5516">
        <v>11</v>
      </c>
      <c r="AM5516">
        <v>11</v>
      </c>
      <c r="AN5516">
        <v>11</v>
      </c>
      <c r="AO5516">
        <v>11</v>
      </c>
      <c r="AP5516">
        <v>11</v>
      </c>
      <c r="AQ5516">
        <v>11</v>
      </c>
    </row>
    <row r="5517" spans="1:43">
      <c r="A5517" t="s">
        <v>3448</v>
      </c>
      <c r="B5517" t="s">
        <v>3449</v>
      </c>
      <c r="C5517" t="s">
        <v>3438</v>
      </c>
      <c r="D5517" t="s">
        <v>3439</v>
      </c>
      <c r="E5517" t="s">
        <v>3352</v>
      </c>
      <c r="F5517" t="s">
        <v>3353</v>
      </c>
      <c r="G5517" t="s">
        <v>80</v>
      </c>
      <c r="H5517" t="s">
        <v>81</v>
      </c>
      <c r="I5517" s="2">
        <v>0</v>
      </c>
      <c r="J5517" s="2">
        <v>1</v>
      </c>
      <c r="K5517" s="2">
        <v>0</v>
      </c>
      <c r="L5517" t="s">
        <v>82</v>
      </c>
      <c r="M5517" t="s">
        <v>83</v>
      </c>
      <c r="N5517" t="s">
        <v>91</v>
      </c>
      <c r="O5517" t="s">
        <v>85</v>
      </c>
      <c r="P5517" t="s">
        <v>86</v>
      </c>
      <c r="Q5517">
        <v>7</v>
      </c>
      <c r="R5517">
        <v>7</v>
      </c>
      <c r="S5517">
        <v>7</v>
      </c>
      <c r="T5517">
        <v>7</v>
      </c>
      <c r="U5517">
        <v>8</v>
      </c>
      <c r="V5517">
        <v>8</v>
      </c>
      <c r="W5517">
        <v>8</v>
      </c>
      <c r="X5517">
        <v>8</v>
      </c>
      <c r="Y5517">
        <v>8</v>
      </c>
      <c r="Z5517">
        <v>9</v>
      </c>
      <c r="AA5517">
        <v>9</v>
      </c>
      <c r="AB5517">
        <v>9</v>
      </c>
      <c r="AC5517">
        <v>9</v>
      </c>
      <c r="AD5517">
        <v>9</v>
      </c>
      <c r="AE5517">
        <v>9</v>
      </c>
      <c r="AF5517">
        <v>10</v>
      </c>
      <c r="AG5517">
        <v>10</v>
      </c>
      <c r="AH5517">
        <v>10</v>
      </c>
      <c r="AI5517">
        <v>10</v>
      </c>
      <c r="AJ5517">
        <v>10</v>
      </c>
      <c r="AK5517">
        <v>11</v>
      </c>
      <c r="AL5517">
        <v>11</v>
      </c>
      <c r="AM5517">
        <v>11</v>
      </c>
      <c r="AN5517">
        <v>11</v>
      </c>
      <c r="AO5517">
        <v>11</v>
      </c>
      <c r="AP5517">
        <v>11</v>
      </c>
      <c r="AQ5517">
        <v>11</v>
      </c>
    </row>
    <row r="5518" spans="1:43">
      <c r="A5518" t="s">
        <v>3450</v>
      </c>
      <c r="B5518" t="s">
        <v>3451</v>
      </c>
      <c r="C5518" t="s">
        <v>3438</v>
      </c>
      <c r="D5518" t="s">
        <v>3439</v>
      </c>
      <c r="E5518" t="s">
        <v>3352</v>
      </c>
      <c r="F5518" t="s">
        <v>3353</v>
      </c>
      <c r="G5518" t="s">
        <v>80</v>
      </c>
      <c r="H5518" t="s">
        <v>81</v>
      </c>
      <c r="I5518" s="2">
        <v>0</v>
      </c>
      <c r="J5518" s="2">
        <v>1</v>
      </c>
      <c r="K5518" s="2">
        <v>0</v>
      </c>
      <c r="L5518" t="s">
        <v>82</v>
      </c>
      <c r="M5518" t="s">
        <v>83</v>
      </c>
      <c r="N5518" t="s">
        <v>84</v>
      </c>
      <c r="O5518" t="s">
        <v>85</v>
      </c>
      <c r="P5518" t="s">
        <v>86</v>
      </c>
      <c r="Q5518">
        <v>17</v>
      </c>
      <c r="R5518">
        <v>17</v>
      </c>
      <c r="S5518">
        <v>18</v>
      </c>
      <c r="T5518">
        <v>18</v>
      </c>
      <c r="U5518">
        <v>18</v>
      </c>
      <c r="V5518">
        <v>19</v>
      </c>
      <c r="W5518">
        <v>19</v>
      </c>
      <c r="X5518">
        <v>20</v>
      </c>
      <c r="Y5518">
        <v>20</v>
      </c>
      <c r="Z5518">
        <v>20</v>
      </c>
      <c r="AA5518">
        <v>21</v>
      </c>
      <c r="AB5518">
        <v>21</v>
      </c>
      <c r="AC5518">
        <v>22</v>
      </c>
      <c r="AD5518">
        <v>22</v>
      </c>
      <c r="AE5518">
        <v>23</v>
      </c>
      <c r="AF5518">
        <v>23</v>
      </c>
      <c r="AG5518">
        <v>23</v>
      </c>
      <c r="AH5518">
        <v>24</v>
      </c>
      <c r="AI5518">
        <v>24</v>
      </c>
      <c r="AJ5518">
        <v>25</v>
      </c>
      <c r="AK5518">
        <v>25</v>
      </c>
      <c r="AL5518">
        <v>26</v>
      </c>
      <c r="AM5518">
        <v>26</v>
      </c>
      <c r="AN5518">
        <v>26</v>
      </c>
      <c r="AO5518">
        <v>26</v>
      </c>
      <c r="AP5518">
        <v>27</v>
      </c>
      <c r="AQ5518">
        <v>27</v>
      </c>
    </row>
    <row r="5519" spans="1:43">
      <c r="A5519" t="s">
        <v>3450</v>
      </c>
      <c r="B5519" t="s">
        <v>3451</v>
      </c>
      <c r="C5519" t="s">
        <v>3438</v>
      </c>
      <c r="D5519" t="s">
        <v>3439</v>
      </c>
      <c r="E5519" t="s">
        <v>3352</v>
      </c>
      <c r="F5519" t="s">
        <v>3353</v>
      </c>
      <c r="G5519" t="s">
        <v>80</v>
      </c>
      <c r="H5519" t="s">
        <v>81</v>
      </c>
      <c r="I5519" s="2">
        <v>0</v>
      </c>
      <c r="J5519" s="2">
        <v>1</v>
      </c>
      <c r="K5519" s="2">
        <v>0</v>
      </c>
      <c r="L5519" t="s">
        <v>82</v>
      </c>
      <c r="M5519" t="s">
        <v>87</v>
      </c>
      <c r="N5519" t="s">
        <v>88</v>
      </c>
      <c r="O5519" t="s">
        <v>85</v>
      </c>
      <c r="P5519" t="s">
        <v>86</v>
      </c>
      <c r="Q5519">
        <v>17</v>
      </c>
      <c r="R5519">
        <v>17</v>
      </c>
      <c r="S5519">
        <v>17</v>
      </c>
      <c r="T5519">
        <v>17</v>
      </c>
      <c r="U5519">
        <v>18</v>
      </c>
      <c r="V5519">
        <v>18</v>
      </c>
      <c r="W5519">
        <v>18</v>
      </c>
      <c r="X5519">
        <v>18</v>
      </c>
      <c r="Y5519">
        <v>19</v>
      </c>
      <c r="Z5519">
        <v>19</v>
      </c>
      <c r="AA5519">
        <v>19</v>
      </c>
      <c r="AB5519">
        <v>19</v>
      </c>
      <c r="AC5519">
        <v>20</v>
      </c>
      <c r="AD5519">
        <v>20</v>
      </c>
      <c r="AE5519">
        <v>20</v>
      </c>
      <c r="AF5519">
        <v>20</v>
      </c>
      <c r="AG5519">
        <v>21</v>
      </c>
      <c r="AH5519">
        <v>21</v>
      </c>
      <c r="AI5519">
        <v>21</v>
      </c>
      <c r="AJ5519">
        <v>21</v>
      </c>
      <c r="AK5519">
        <v>22</v>
      </c>
      <c r="AL5519">
        <v>22</v>
      </c>
      <c r="AM5519">
        <v>22</v>
      </c>
      <c r="AN5519">
        <v>22</v>
      </c>
      <c r="AO5519">
        <v>23</v>
      </c>
      <c r="AP5519">
        <v>23</v>
      </c>
      <c r="AQ5519">
        <v>23</v>
      </c>
    </row>
    <row r="5520" spans="1:43">
      <c r="A5520" t="s">
        <v>3450</v>
      </c>
      <c r="B5520" t="s">
        <v>3451</v>
      </c>
      <c r="C5520" t="s">
        <v>3438</v>
      </c>
      <c r="D5520" t="s">
        <v>3439</v>
      </c>
      <c r="E5520" t="s">
        <v>3352</v>
      </c>
      <c r="F5520" t="s">
        <v>3353</v>
      </c>
      <c r="G5520" t="s">
        <v>80</v>
      </c>
      <c r="H5520" t="s">
        <v>81</v>
      </c>
      <c r="I5520" s="2">
        <v>0</v>
      </c>
      <c r="J5520" s="2">
        <v>1</v>
      </c>
      <c r="K5520" s="2">
        <v>0</v>
      </c>
      <c r="L5520" t="s">
        <v>82</v>
      </c>
      <c r="M5520" t="s">
        <v>89</v>
      </c>
      <c r="N5520" t="s">
        <v>90</v>
      </c>
      <c r="O5520" t="s">
        <v>85</v>
      </c>
      <c r="P5520" t="s">
        <v>86</v>
      </c>
      <c r="Q5520">
        <v>17</v>
      </c>
      <c r="R5520">
        <v>17</v>
      </c>
      <c r="S5520">
        <v>18</v>
      </c>
      <c r="T5520">
        <v>19</v>
      </c>
      <c r="U5520">
        <v>19</v>
      </c>
      <c r="V5520">
        <v>20</v>
      </c>
      <c r="W5520">
        <v>20</v>
      </c>
      <c r="X5520">
        <v>21</v>
      </c>
      <c r="Y5520">
        <v>21</v>
      </c>
      <c r="Z5520">
        <v>22</v>
      </c>
      <c r="AA5520">
        <v>22</v>
      </c>
      <c r="AB5520">
        <v>23</v>
      </c>
      <c r="AC5520">
        <v>23</v>
      </c>
      <c r="AD5520">
        <v>24</v>
      </c>
      <c r="AE5520">
        <v>24</v>
      </c>
      <c r="AF5520">
        <v>24</v>
      </c>
      <c r="AG5520">
        <v>25</v>
      </c>
      <c r="AH5520">
        <v>25</v>
      </c>
      <c r="AI5520">
        <v>25</v>
      </c>
      <c r="AJ5520">
        <v>25</v>
      </c>
      <c r="AK5520">
        <v>26</v>
      </c>
      <c r="AL5520">
        <v>26</v>
      </c>
      <c r="AM5520">
        <v>26</v>
      </c>
      <c r="AN5520">
        <v>26</v>
      </c>
      <c r="AO5520">
        <v>27</v>
      </c>
      <c r="AP5520">
        <v>27</v>
      </c>
      <c r="AQ5520">
        <v>27</v>
      </c>
    </row>
    <row r="5521" spans="1:43">
      <c r="A5521" t="s">
        <v>3450</v>
      </c>
      <c r="B5521" t="s">
        <v>3451</v>
      </c>
      <c r="C5521" t="s">
        <v>3438</v>
      </c>
      <c r="D5521" t="s">
        <v>3439</v>
      </c>
      <c r="E5521" t="s">
        <v>3352</v>
      </c>
      <c r="F5521" t="s">
        <v>3353</v>
      </c>
      <c r="G5521" t="s">
        <v>80</v>
      </c>
      <c r="H5521" t="s">
        <v>81</v>
      </c>
      <c r="I5521" s="2">
        <v>0</v>
      </c>
      <c r="J5521" s="2">
        <v>1</v>
      </c>
      <c r="K5521" s="2">
        <v>0</v>
      </c>
      <c r="L5521" t="s">
        <v>82</v>
      </c>
      <c r="M5521" t="s">
        <v>83</v>
      </c>
      <c r="N5521" t="s">
        <v>91</v>
      </c>
      <c r="O5521" t="s">
        <v>85</v>
      </c>
      <c r="P5521" t="s">
        <v>86</v>
      </c>
      <c r="Q5521">
        <v>17</v>
      </c>
      <c r="R5521">
        <v>17</v>
      </c>
      <c r="S5521">
        <v>18</v>
      </c>
      <c r="T5521">
        <v>18</v>
      </c>
      <c r="U5521">
        <v>18</v>
      </c>
      <c r="V5521">
        <v>19</v>
      </c>
      <c r="W5521">
        <v>19</v>
      </c>
      <c r="X5521">
        <v>20</v>
      </c>
      <c r="Y5521">
        <v>20</v>
      </c>
      <c r="Z5521">
        <v>20</v>
      </c>
      <c r="AA5521">
        <v>21</v>
      </c>
      <c r="AB5521">
        <v>21</v>
      </c>
      <c r="AC5521">
        <v>22</v>
      </c>
      <c r="AD5521">
        <v>22</v>
      </c>
      <c r="AE5521">
        <v>23</v>
      </c>
      <c r="AF5521">
        <v>23</v>
      </c>
      <c r="AG5521">
        <v>23</v>
      </c>
      <c r="AH5521">
        <v>24</v>
      </c>
      <c r="AI5521">
        <v>24</v>
      </c>
      <c r="AJ5521">
        <v>25</v>
      </c>
      <c r="AK5521">
        <v>25</v>
      </c>
      <c r="AL5521">
        <v>26</v>
      </c>
      <c r="AM5521">
        <v>26</v>
      </c>
      <c r="AN5521">
        <v>26</v>
      </c>
      <c r="AO5521">
        <v>26</v>
      </c>
      <c r="AP5521">
        <v>27</v>
      </c>
      <c r="AQ5521">
        <v>27</v>
      </c>
    </row>
    <row r="5522" spans="1:43">
      <c r="A5522" t="s">
        <v>3452</v>
      </c>
      <c r="B5522" t="s">
        <v>3453</v>
      </c>
      <c r="C5522" t="s">
        <v>3454</v>
      </c>
      <c r="D5522" t="s">
        <v>3455</v>
      </c>
      <c r="E5522" t="s">
        <v>3352</v>
      </c>
      <c r="F5522" t="s">
        <v>3353</v>
      </c>
      <c r="G5522" t="s">
        <v>80</v>
      </c>
      <c r="H5522" t="s">
        <v>81</v>
      </c>
      <c r="I5522" s="2">
        <v>0</v>
      </c>
      <c r="J5522" s="2">
        <v>1</v>
      </c>
      <c r="K5522" s="2">
        <v>0</v>
      </c>
      <c r="L5522" t="s">
        <v>82</v>
      </c>
      <c r="M5522" t="s">
        <v>83</v>
      </c>
      <c r="N5522" t="s">
        <v>84</v>
      </c>
      <c r="O5522" t="s">
        <v>85</v>
      </c>
      <c r="P5522" t="s">
        <v>86</v>
      </c>
      <c r="Q5522">
        <v>54</v>
      </c>
      <c r="R5522">
        <v>55</v>
      </c>
      <c r="S5522">
        <v>57</v>
      </c>
      <c r="T5522">
        <v>58</v>
      </c>
      <c r="U5522">
        <v>59</v>
      </c>
      <c r="V5522">
        <v>61</v>
      </c>
      <c r="W5522">
        <v>62</v>
      </c>
      <c r="X5522">
        <v>63</v>
      </c>
      <c r="Y5522">
        <v>65</v>
      </c>
      <c r="Z5522">
        <v>66</v>
      </c>
      <c r="AA5522">
        <v>68</v>
      </c>
      <c r="AB5522">
        <v>69</v>
      </c>
      <c r="AC5522">
        <v>70</v>
      </c>
      <c r="AD5522">
        <v>72</v>
      </c>
      <c r="AE5522">
        <v>73</v>
      </c>
      <c r="AF5522">
        <v>75</v>
      </c>
      <c r="AG5522">
        <v>76</v>
      </c>
      <c r="AH5522">
        <v>78</v>
      </c>
      <c r="AI5522">
        <v>79</v>
      </c>
      <c r="AJ5522">
        <v>81</v>
      </c>
      <c r="AK5522">
        <v>82</v>
      </c>
      <c r="AL5522">
        <v>83</v>
      </c>
      <c r="AM5522">
        <v>84</v>
      </c>
      <c r="AN5522">
        <v>85</v>
      </c>
      <c r="AO5522">
        <v>85</v>
      </c>
      <c r="AP5522">
        <v>86</v>
      </c>
      <c r="AQ5522">
        <v>87</v>
      </c>
    </row>
    <row r="5523" spans="1:43">
      <c r="A5523" t="s">
        <v>3452</v>
      </c>
      <c r="B5523" t="s">
        <v>3453</v>
      </c>
      <c r="C5523" t="s">
        <v>3454</v>
      </c>
      <c r="D5523" t="s">
        <v>3455</v>
      </c>
      <c r="E5523" t="s">
        <v>3352</v>
      </c>
      <c r="F5523" t="s">
        <v>3353</v>
      </c>
      <c r="G5523" t="s">
        <v>80</v>
      </c>
      <c r="H5523" t="s">
        <v>81</v>
      </c>
      <c r="I5523" s="2">
        <v>0</v>
      </c>
      <c r="J5523" s="2">
        <v>1</v>
      </c>
      <c r="K5523" s="2">
        <v>0</v>
      </c>
      <c r="L5523" t="s">
        <v>82</v>
      </c>
      <c r="M5523" t="s">
        <v>87</v>
      </c>
      <c r="N5523" t="s">
        <v>88</v>
      </c>
      <c r="O5523" t="s">
        <v>85</v>
      </c>
      <c r="P5523" t="s">
        <v>86</v>
      </c>
      <c r="Q5523">
        <v>54</v>
      </c>
      <c r="R5523">
        <v>54</v>
      </c>
      <c r="S5523">
        <v>55</v>
      </c>
      <c r="T5523">
        <v>56</v>
      </c>
      <c r="U5523">
        <v>57</v>
      </c>
      <c r="V5523">
        <v>58</v>
      </c>
      <c r="W5523">
        <v>58</v>
      </c>
      <c r="X5523">
        <v>59</v>
      </c>
      <c r="Y5523">
        <v>60</v>
      </c>
      <c r="Z5523">
        <v>61</v>
      </c>
      <c r="AA5523">
        <v>62</v>
      </c>
      <c r="AB5523">
        <v>62</v>
      </c>
      <c r="AC5523">
        <v>63</v>
      </c>
      <c r="AD5523">
        <v>64</v>
      </c>
      <c r="AE5523">
        <v>65</v>
      </c>
      <c r="AF5523">
        <v>66</v>
      </c>
      <c r="AG5523">
        <v>66</v>
      </c>
      <c r="AH5523">
        <v>67</v>
      </c>
      <c r="AI5523">
        <v>68</v>
      </c>
      <c r="AJ5523">
        <v>69</v>
      </c>
      <c r="AK5523">
        <v>70</v>
      </c>
      <c r="AL5523">
        <v>71</v>
      </c>
      <c r="AM5523">
        <v>72</v>
      </c>
      <c r="AN5523">
        <v>73</v>
      </c>
      <c r="AO5523">
        <v>74</v>
      </c>
      <c r="AP5523">
        <v>74</v>
      </c>
      <c r="AQ5523">
        <v>75</v>
      </c>
    </row>
    <row r="5524" spans="1:43">
      <c r="A5524" t="s">
        <v>3452</v>
      </c>
      <c r="B5524" t="s">
        <v>3453</v>
      </c>
      <c r="C5524" t="s">
        <v>3454</v>
      </c>
      <c r="D5524" t="s">
        <v>3455</v>
      </c>
      <c r="E5524" t="s">
        <v>3352</v>
      </c>
      <c r="F5524" t="s">
        <v>3353</v>
      </c>
      <c r="G5524" t="s">
        <v>80</v>
      </c>
      <c r="H5524" t="s">
        <v>81</v>
      </c>
      <c r="I5524" s="2">
        <v>0</v>
      </c>
      <c r="J5524" s="2">
        <v>1</v>
      </c>
      <c r="K5524" s="2">
        <v>0</v>
      </c>
      <c r="L5524" t="s">
        <v>82</v>
      </c>
      <c r="M5524" t="s">
        <v>89</v>
      </c>
      <c r="N5524" t="s">
        <v>90</v>
      </c>
      <c r="O5524" t="s">
        <v>85</v>
      </c>
      <c r="P5524" t="s">
        <v>86</v>
      </c>
      <c r="Q5524">
        <v>54</v>
      </c>
      <c r="R5524">
        <v>55</v>
      </c>
      <c r="S5524">
        <v>57</v>
      </c>
      <c r="T5524">
        <v>59</v>
      </c>
      <c r="U5524">
        <v>61</v>
      </c>
      <c r="V5524">
        <v>62</v>
      </c>
      <c r="W5524">
        <v>64</v>
      </c>
      <c r="X5524">
        <v>66</v>
      </c>
      <c r="Y5524">
        <v>68</v>
      </c>
      <c r="Z5524">
        <v>69</v>
      </c>
      <c r="AA5524">
        <v>71</v>
      </c>
      <c r="AB5524">
        <v>73</v>
      </c>
      <c r="AC5524">
        <v>74</v>
      </c>
      <c r="AD5524">
        <v>76</v>
      </c>
      <c r="AE5524">
        <v>78</v>
      </c>
      <c r="AF5524">
        <v>78</v>
      </c>
      <c r="AG5524">
        <v>79</v>
      </c>
      <c r="AH5524">
        <v>80</v>
      </c>
      <c r="AI5524">
        <v>81</v>
      </c>
      <c r="AJ5524">
        <v>81</v>
      </c>
      <c r="AK5524">
        <v>82</v>
      </c>
      <c r="AL5524">
        <v>83</v>
      </c>
      <c r="AM5524">
        <v>84</v>
      </c>
      <c r="AN5524">
        <v>84</v>
      </c>
      <c r="AO5524">
        <v>85</v>
      </c>
      <c r="AP5524">
        <v>86</v>
      </c>
      <c r="AQ5524">
        <v>87</v>
      </c>
    </row>
    <row r="5525" spans="1:43">
      <c r="A5525" t="s">
        <v>3452</v>
      </c>
      <c r="B5525" t="s">
        <v>3453</v>
      </c>
      <c r="C5525" t="s">
        <v>3454</v>
      </c>
      <c r="D5525" t="s">
        <v>3455</v>
      </c>
      <c r="E5525" t="s">
        <v>3352</v>
      </c>
      <c r="F5525" t="s">
        <v>3353</v>
      </c>
      <c r="G5525" t="s">
        <v>80</v>
      </c>
      <c r="H5525" t="s">
        <v>81</v>
      </c>
      <c r="I5525" s="2">
        <v>0</v>
      </c>
      <c r="J5525" s="2">
        <v>1</v>
      </c>
      <c r="K5525" s="2">
        <v>0</v>
      </c>
      <c r="L5525" t="s">
        <v>82</v>
      </c>
      <c r="M5525" t="s">
        <v>83</v>
      </c>
      <c r="N5525" t="s">
        <v>91</v>
      </c>
      <c r="O5525" t="s">
        <v>85</v>
      </c>
      <c r="P5525" t="s">
        <v>86</v>
      </c>
      <c r="Q5525">
        <v>54</v>
      </c>
      <c r="R5525">
        <v>55</v>
      </c>
      <c r="S5525">
        <v>57</v>
      </c>
      <c r="T5525">
        <v>58</v>
      </c>
      <c r="U5525">
        <v>59</v>
      </c>
      <c r="V5525">
        <v>61</v>
      </c>
      <c r="W5525">
        <v>62</v>
      </c>
      <c r="X5525">
        <v>63</v>
      </c>
      <c r="Y5525">
        <v>65</v>
      </c>
      <c r="Z5525">
        <v>66</v>
      </c>
      <c r="AA5525">
        <v>68</v>
      </c>
      <c r="AB5525">
        <v>69</v>
      </c>
      <c r="AC5525">
        <v>70</v>
      </c>
      <c r="AD5525">
        <v>72</v>
      </c>
      <c r="AE5525">
        <v>73</v>
      </c>
      <c r="AF5525">
        <v>75</v>
      </c>
      <c r="AG5525">
        <v>76</v>
      </c>
      <c r="AH5525">
        <v>78</v>
      </c>
      <c r="AI5525">
        <v>79</v>
      </c>
      <c r="AJ5525">
        <v>81</v>
      </c>
      <c r="AK5525">
        <v>82</v>
      </c>
      <c r="AL5525">
        <v>83</v>
      </c>
      <c r="AM5525">
        <v>84</v>
      </c>
      <c r="AN5525">
        <v>85</v>
      </c>
      <c r="AO5525">
        <v>85</v>
      </c>
      <c r="AP5525">
        <v>86</v>
      </c>
      <c r="AQ5525">
        <v>87</v>
      </c>
    </row>
    <row r="5526" spans="1:43">
      <c r="A5526" t="s">
        <v>3456</v>
      </c>
      <c r="B5526" t="s">
        <v>3457</v>
      </c>
      <c r="C5526" t="s">
        <v>3454</v>
      </c>
      <c r="D5526" t="s">
        <v>3455</v>
      </c>
      <c r="E5526" t="s">
        <v>3352</v>
      </c>
      <c r="F5526" t="s">
        <v>3353</v>
      </c>
      <c r="G5526" t="s">
        <v>80</v>
      </c>
      <c r="H5526" t="s">
        <v>81</v>
      </c>
      <c r="I5526" s="2">
        <v>0</v>
      </c>
      <c r="J5526" s="2">
        <v>1</v>
      </c>
      <c r="K5526" s="2">
        <v>0</v>
      </c>
      <c r="L5526" t="s">
        <v>82</v>
      </c>
      <c r="M5526" t="s">
        <v>83</v>
      </c>
      <c r="N5526" t="s">
        <v>84</v>
      </c>
      <c r="O5526" t="s">
        <v>85</v>
      </c>
      <c r="P5526" t="s">
        <v>86</v>
      </c>
      <c r="Q5526">
        <v>9</v>
      </c>
      <c r="R5526">
        <v>9</v>
      </c>
      <c r="S5526">
        <v>9</v>
      </c>
      <c r="T5526">
        <v>9</v>
      </c>
      <c r="U5526">
        <v>9</v>
      </c>
      <c r="V5526">
        <v>10</v>
      </c>
      <c r="W5526">
        <v>10</v>
      </c>
      <c r="X5526">
        <v>10</v>
      </c>
      <c r="Y5526">
        <v>10</v>
      </c>
      <c r="Z5526">
        <v>10</v>
      </c>
      <c r="AA5526">
        <v>11</v>
      </c>
      <c r="AB5526">
        <v>11</v>
      </c>
      <c r="AC5526">
        <v>11</v>
      </c>
      <c r="AD5526">
        <v>11</v>
      </c>
      <c r="AE5526">
        <v>12</v>
      </c>
      <c r="AF5526">
        <v>12</v>
      </c>
      <c r="AG5526">
        <v>12</v>
      </c>
      <c r="AH5526">
        <v>12</v>
      </c>
      <c r="AI5526">
        <v>13</v>
      </c>
      <c r="AJ5526">
        <v>13</v>
      </c>
      <c r="AK5526">
        <v>13</v>
      </c>
      <c r="AL5526">
        <v>13</v>
      </c>
      <c r="AM5526">
        <v>13</v>
      </c>
      <c r="AN5526">
        <v>13</v>
      </c>
      <c r="AO5526">
        <v>14</v>
      </c>
      <c r="AP5526">
        <v>14</v>
      </c>
      <c r="AQ5526">
        <v>14</v>
      </c>
    </row>
    <row r="5527" spans="1:43">
      <c r="A5527" t="s">
        <v>3456</v>
      </c>
      <c r="B5527" t="s">
        <v>3457</v>
      </c>
      <c r="C5527" t="s">
        <v>3454</v>
      </c>
      <c r="D5527" t="s">
        <v>3455</v>
      </c>
      <c r="E5527" t="s">
        <v>3352</v>
      </c>
      <c r="F5527" t="s">
        <v>3353</v>
      </c>
      <c r="G5527" t="s">
        <v>80</v>
      </c>
      <c r="H5527" t="s">
        <v>81</v>
      </c>
      <c r="I5527" s="2">
        <v>0</v>
      </c>
      <c r="J5527" s="2">
        <v>1</v>
      </c>
      <c r="K5527" s="2">
        <v>0</v>
      </c>
      <c r="L5527" t="s">
        <v>82</v>
      </c>
      <c r="M5527" t="s">
        <v>87</v>
      </c>
      <c r="N5527" t="s">
        <v>88</v>
      </c>
      <c r="O5527" t="s">
        <v>85</v>
      </c>
      <c r="P5527" t="s">
        <v>86</v>
      </c>
      <c r="Q5527">
        <v>9</v>
      </c>
      <c r="R5527">
        <v>9</v>
      </c>
      <c r="S5527">
        <v>9</v>
      </c>
      <c r="T5527">
        <v>9</v>
      </c>
      <c r="U5527">
        <v>9</v>
      </c>
      <c r="V5527">
        <v>9</v>
      </c>
      <c r="W5527">
        <v>9</v>
      </c>
      <c r="X5527">
        <v>9</v>
      </c>
      <c r="Y5527">
        <v>9</v>
      </c>
      <c r="Z5527">
        <v>10</v>
      </c>
      <c r="AA5527">
        <v>10</v>
      </c>
      <c r="AB5527">
        <v>10</v>
      </c>
      <c r="AC5527">
        <v>10</v>
      </c>
      <c r="AD5527">
        <v>10</v>
      </c>
      <c r="AE5527">
        <v>10</v>
      </c>
      <c r="AF5527">
        <v>10</v>
      </c>
      <c r="AG5527">
        <v>11</v>
      </c>
      <c r="AH5527">
        <v>11</v>
      </c>
      <c r="AI5527">
        <v>11</v>
      </c>
      <c r="AJ5527">
        <v>11</v>
      </c>
      <c r="AK5527">
        <v>11</v>
      </c>
      <c r="AL5527">
        <v>11</v>
      </c>
      <c r="AM5527">
        <v>11</v>
      </c>
      <c r="AN5527">
        <v>12</v>
      </c>
      <c r="AO5527">
        <v>12</v>
      </c>
      <c r="AP5527">
        <v>12</v>
      </c>
      <c r="AQ5527">
        <v>12</v>
      </c>
    </row>
    <row r="5528" spans="1:43">
      <c r="A5528" t="s">
        <v>3456</v>
      </c>
      <c r="B5528" t="s">
        <v>3457</v>
      </c>
      <c r="C5528" t="s">
        <v>3454</v>
      </c>
      <c r="D5528" t="s">
        <v>3455</v>
      </c>
      <c r="E5528" t="s">
        <v>3352</v>
      </c>
      <c r="F5528" t="s">
        <v>3353</v>
      </c>
      <c r="G5528" t="s">
        <v>80</v>
      </c>
      <c r="H5528" t="s">
        <v>81</v>
      </c>
      <c r="I5528" s="2">
        <v>0</v>
      </c>
      <c r="J5528" s="2">
        <v>1</v>
      </c>
      <c r="K5528" s="2">
        <v>0</v>
      </c>
      <c r="L5528" t="s">
        <v>82</v>
      </c>
      <c r="M5528" t="s">
        <v>89</v>
      </c>
      <c r="N5528" t="s">
        <v>90</v>
      </c>
      <c r="O5528" t="s">
        <v>85</v>
      </c>
      <c r="P5528" t="s">
        <v>86</v>
      </c>
      <c r="Q5528">
        <v>9</v>
      </c>
      <c r="R5528">
        <v>9</v>
      </c>
      <c r="S5528">
        <v>9</v>
      </c>
      <c r="T5528">
        <v>9</v>
      </c>
      <c r="U5528">
        <v>10</v>
      </c>
      <c r="V5528">
        <v>10</v>
      </c>
      <c r="W5528">
        <v>10</v>
      </c>
      <c r="X5528">
        <v>11</v>
      </c>
      <c r="Y5528">
        <v>11</v>
      </c>
      <c r="Z5528">
        <v>11</v>
      </c>
      <c r="AA5528">
        <v>11</v>
      </c>
      <c r="AB5528">
        <v>12</v>
      </c>
      <c r="AC5528">
        <v>12</v>
      </c>
      <c r="AD5528">
        <v>12</v>
      </c>
      <c r="AE5528">
        <v>12</v>
      </c>
      <c r="AF5528">
        <v>13</v>
      </c>
      <c r="AG5528">
        <v>13</v>
      </c>
      <c r="AH5528">
        <v>13</v>
      </c>
      <c r="AI5528">
        <v>13</v>
      </c>
      <c r="AJ5528">
        <v>13</v>
      </c>
      <c r="AK5528">
        <v>13</v>
      </c>
      <c r="AL5528">
        <v>13</v>
      </c>
      <c r="AM5528">
        <v>13</v>
      </c>
      <c r="AN5528">
        <v>14</v>
      </c>
      <c r="AO5528">
        <v>14</v>
      </c>
      <c r="AP5528">
        <v>14</v>
      </c>
      <c r="AQ5528">
        <v>14</v>
      </c>
    </row>
    <row r="5529" spans="1:43">
      <c r="A5529" t="s">
        <v>3456</v>
      </c>
      <c r="B5529" t="s">
        <v>3457</v>
      </c>
      <c r="C5529" t="s">
        <v>3454</v>
      </c>
      <c r="D5529" t="s">
        <v>3455</v>
      </c>
      <c r="E5529" t="s">
        <v>3352</v>
      </c>
      <c r="F5529" t="s">
        <v>3353</v>
      </c>
      <c r="G5529" t="s">
        <v>80</v>
      </c>
      <c r="H5529" t="s">
        <v>81</v>
      </c>
      <c r="I5529" s="2">
        <v>0</v>
      </c>
      <c r="J5529" s="2">
        <v>1</v>
      </c>
      <c r="K5529" s="2">
        <v>0</v>
      </c>
      <c r="L5529" t="s">
        <v>82</v>
      </c>
      <c r="M5529" t="s">
        <v>83</v>
      </c>
      <c r="N5529" t="s">
        <v>91</v>
      </c>
      <c r="O5529" t="s">
        <v>85</v>
      </c>
      <c r="P5529" t="s">
        <v>86</v>
      </c>
      <c r="Q5529">
        <v>9</v>
      </c>
      <c r="R5529">
        <v>9</v>
      </c>
      <c r="S5529">
        <v>9</v>
      </c>
      <c r="T5529">
        <v>9</v>
      </c>
      <c r="U5529">
        <v>9</v>
      </c>
      <c r="V5529">
        <v>10</v>
      </c>
      <c r="W5529">
        <v>10</v>
      </c>
      <c r="X5529">
        <v>10</v>
      </c>
      <c r="Y5529">
        <v>10</v>
      </c>
      <c r="Z5529">
        <v>10</v>
      </c>
      <c r="AA5529">
        <v>11</v>
      </c>
      <c r="AB5529">
        <v>11</v>
      </c>
      <c r="AC5529">
        <v>11</v>
      </c>
      <c r="AD5529">
        <v>11</v>
      </c>
      <c r="AE5529">
        <v>12</v>
      </c>
      <c r="AF5529">
        <v>12</v>
      </c>
      <c r="AG5529">
        <v>12</v>
      </c>
      <c r="AH5529">
        <v>12</v>
      </c>
      <c r="AI5529">
        <v>13</v>
      </c>
      <c r="AJ5529">
        <v>13</v>
      </c>
      <c r="AK5529">
        <v>13</v>
      </c>
      <c r="AL5529">
        <v>13</v>
      </c>
      <c r="AM5529">
        <v>13</v>
      </c>
      <c r="AN5529">
        <v>13</v>
      </c>
      <c r="AO5529">
        <v>14</v>
      </c>
      <c r="AP5529">
        <v>14</v>
      </c>
      <c r="AQ5529">
        <v>14</v>
      </c>
    </row>
    <row r="5530" spans="1:43">
      <c r="A5530" t="s">
        <v>3458</v>
      </c>
      <c r="B5530" t="s">
        <v>3459</v>
      </c>
      <c r="C5530" t="s">
        <v>3454</v>
      </c>
      <c r="D5530" t="s">
        <v>3455</v>
      </c>
      <c r="E5530" t="s">
        <v>3352</v>
      </c>
      <c r="F5530" t="s">
        <v>3353</v>
      </c>
      <c r="G5530" t="s">
        <v>80</v>
      </c>
      <c r="H5530" t="s">
        <v>81</v>
      </c>
      <c r="I5530" s="2">
        <v>0</v>
      </c>
      <c r="J5530" s="2">
        <v>1</v>
      </c>
      <c r="K5530" s="2">
        <v>0</v>
      </c>
      <c r="L5530" t="s">
        <v>82</v>
      </c>
      <c r="M5530" t="s">
        <v>83</v>
      </c>
      <c r="N5530" t="s">
        <v>84</v>
      </c>
      <c r="O5530" t="s">
        <v>85</v>
      </c>
      <c r="P5530" t="s">
        <v>86</v>
      </c>
      <c r="Q5530">
        <v>107</v>
      </c>
      <c r="R5530">
        <v>109</v>
      </c>
      <c r="S5530">
        <v>112</v>
      </c>
      <c r="T5530">
        <v>114</v>
      </c>
      <c r="U5530">
        <v>117</v>
      </c>
      <c r="V5530">
        <v>120</v>
      </c>
      <c r="W5530">
        <v>122</v>
      </c>
      <c r="X5530">
        <v>125</v>
      </c>
      <c r="Y5530">
        <v>128</v>
      </c>
      <c r="Z5530">
        <v>130</v>
      </c>
      <c r="AA5530">
        <v>133</v>
      </c>
      <c r="AB5530">
        <v>136</v>
      </c>
      <c r="AC5530">
        <v>139</v>
      </c>
      <c r="AD5530">
        <v>141</v>
      </c>
      <c r="AE5530">
        <v>144</v>
      </c>
      <c r="AF5530">
        <v>147</v>
      </c>
      <c r="AG5530">
        <v>150</v>
      </c>
      <c r="AH5530">
        <v>153</v>
      </c>
      <c r="AI5530">
        <v>156</v>
      </c>
      <c r="AJ5530">
        <v>159</v>
      </c>
      <c r="AK5530">
        <v>162</v>
      </c>
      <c r="AL5530">
        <v>164</v>
      </c>
      <c r="AM5530">
        <v>165</v>
      </c>
      <c r="AN5530">
        <v>167</v>
      </c>
      <c r="AO5530">
        <v>168</v>
      </c>
      <c r="AP5530">
        <v>170</v>
      </c>
      <c r="AQ5530">
        <v>171</v>
      </c>
    </row>
    <row r="5531" spans="1:43">
      <c r="A5531" t="s">
        <v>3458</v>
      </c>
      <c r="B5531" t="s">
        <v>3459</v>
      </c>
      <c r="C5531" t="s">
        <v>3454</v>
      </c>
      <c r="D5531" t="s">
        <v>3455</v>
      </c>
      <c r="E5531" t="s">
        <v>3352</v>
      </c>
      <c r="F5531" t="s">
        <v>3353</v>
      </c>
      <c r="G5531" t="s">
        <v>80</v>
      </c>
      <c r="H5531" t="s">
        <v>81</v>
      </c>
      <c r="I5531" s="2">
        <v>0</v>
      </c>
      <c r="J5531" s="2">
        <v>1</v>
      </c>
      <c r="K5531" s="2">
        <v>0</v>
      </c>
      <c r="L5531" t="s">
        <v>82</v>
      </c>
      <c r="M5531" t="s">
        <v>87</v>
      </c>
      <c r="N5531" t="s">
        <v>88</v>
      </c>
      <c r="O5531" t="s">
        <v>85</v>
      </c>
      <c r="P5531" t="s">
        <v>86</v>
      </c>
      <c r="Q5531">
        <v>107</v>
      </c>
      <c r="R5531">
        <v>108</v>
      </c>
      <c r="S5531">
        <v>110</v>
      </c>
      <c r="T5531">
        <v>111</v>
      </c>
      <c r="U5531">
        <v>113</v>
      </c>
      <c r="V5531">
        <v>114</v>
      </c>
      <c r="W5531">
        <v>116</v>
      </c>
      <c r="X5531">
        <v>117</v>
      </c>
      <c r="Y5531">
        <v>119</v>
      </c>
      <c r="Z5531">
        <v>121</v>
      </c>
      <c r="AA5531">
        <v>122</v>
      </c>
      <c r="AB5531">
        <v>124</v>
      </c>
      <c r="AC5531">
        <v>125</v>
      </c>
      <c r="AD5531">
        <v>127</v>
      </c>
      <c r="AE5531">
        <v>129</v>
      </c>
      <c r="AF5531">
        <v>130</v>
      </c>
      <c r="AG5531">
        <v>132</v>
      </c>
      <c r="AH5531">
        <v>134</v>
      </c>
      <c r="AI5531">
        <v>135</v>
      </c>
      <c r="AJ5531">
        <v>137</v>
      </c>
      <c r="AK5531">
        <v>139</v>
      </c>
      <c r="AL5531">
        <v>141</v>
      </c>
      <c r="AM5531">
        <v>142</v>
      </c>
      <c r="AN5531">
        <v>144</v>
      </c>
      <c r="AO5531">
        <v>146</v>
      </c>
      <c r="AP5531">
        <v>148</v>
      </c>
      <c r="AQ5531">
        <v>150</v>
      </c>
    </row>
    <row r="5532" spans="1:43">
      <c r="A5532" t="s">
        <v>3458</v>
      </c>
      <c r="B5532" t="s">
        <v>3459</v>
      </c>
      <c r="C5532" t="s">
        <v>3454</v>
      </c>
      <c r="D5532" t="s">
        <v>3455</v>
      </c>
      <c r="E5532" t="s">
        <v>3352</v>
      </c>
      <c r="F5532" t="s">
        <v>3353</v>
      </c>
      <c r="G5532" t="s">
        <v>80</v>
      </c>
      <c r="H5532" t="s">
        <v>81</v>
      </c>
      <c r="I5532" s="2">
        <v>0</v>
      </c>
      <c r="J5532" s="2">
        <v>1</v>
      </c>
      <c r="K5532" s="2">
        <v>0</v>
      </c>
      <c r="L5532" t="s">
        <v>82</v>
      </c>
      <c r="M5532" t="s">
        <v>89</v>
      </c>
      <c r="N5532" t="s">
        <v>90</v>
      </c>
      <c r="O5532" t="s">
        <v>85</v>
      </c>
      <c r="P5532" t="s">
        <v>86</v>
      </c>
      <c r="Q5532">
        <v>107</v>
      </c>
      <c r="R5532">
        <v>110</v>
      </c>
      <c r="S5532">
        <v>114</v>
      </c>
      <c r="T5532">
        <v>117</v>
      </c>
      <c r="U5532">
        <v>121</v>
      </c>
      <c r="V5532">
        <v>124</v>
      </c>
      <c r="W5532">
        <v>128</v>
      </c>
      <c r="X5532">
        <v>131</v>
      </c>
      <c r="Y5532">
        <v>134</v>
      </c>
      <c r="Z5532">
        <v>138</v>
      </c>
      <c r="AA5532">
        <v>141</v>
      </c>
      <c r="AB5532">
        <v>144</v>
      </c>
      <c r="AC5532">
        <v>148</v>
      </c>
      <c r="AD5532">
        <v>151</v>
      </c>
      <c r="AE5532">
        <v>154</v>
      </c>
      <c r="AF5532">
        <v>155</v>
      </c>
      <c r="AG5532">
        <v>157</v>
      </c>
      <c r="AH5532">
        <v>158</v>
      </c>
      <c r="AI5532">
        <v>160</v>
      </c>
      <c r="AJ5532">
        <v>161</v>
      </c>
      <c r="AK5532">
        <v>163</v>
      </c>
      <c r="AL5532">
        <v>164</v>
      </c>
      <c r="AM5532">
        <v>166</v>
      </c>
      <c r="AN5532">
        <v>167</v>
      </c>
      <c r="AO5532">
        <v>169</v>
      </c>
      <c r="AP5532">
        <v>170</v>
      </c>
      <c r="AQ5532">
        <v>172</v>
      </c>
    </row>
    <row r="5533" spans="1:43">
      <c r="A5533" t="s">
        <v>3458</v>
      </c>
      <c r="B5533" t="s">
        <v>3459</v>
      </c>
      <c r="C5533" t="s">
        <v>3454</v>
      </c>
      <c r="D5533" t="s">
        <v>3455</v>
      </c>
      <c r="E5533" t="s">
        <v>3352</v>
      </c>
      <c r="F5533" t="s">
        <v>3353</v>
      </c>
      <c r="G5533" t="s">
        <v>80</v>
      </c>
      <c r="H5533" t="s">
        <v>81</v>
      </c>
      <c r="I5533" s="2">
        <v>0</v>
      </c>
      <c r="J5533" s="2">
        <v>1</v>
      </c>
      <c r="K5533" s="2">
        <v>0</v>
      </c>
      <c r="L5533" t="s">
        <v>82</v>
      </c>
      <c r="M5533" t="s">
        <v>83</v>
      </c>
      <c r="N5533" t="s">
        <v>91</v>
      </c>
      <c r="O5533" t="s">
        <v>85</v>
      </c>
      <c r="P5533" t="s">
        <v>86</v>
      </c>
      <c r="Q5533">
        <v>107</v>
      </c>
      <c r="R5533">
        <v>109</v>
      </c>
      <c r="S5533">
        <v>112</v>
      </c>
      <c r="T5533">
        <v>114</v>
      </c>
      <c r="U5533">
        <v>117</v>
      </c>
      <c r="V5533">
        <v>120</v>
      </c>
      <c r="W5533">
        <v>122</v>
      </c>
      <c r="X5533">
        <v>125</v>
      </c>
      <c r="Y5533">
        <v>128</v>
      </c>
      <c r="Z5533">
        <v>130</v>
      </c>
      <c r="AA5533">
        <v>133</v>
      </c>
      <c r="AB5533">
        <v>136</v>
      </c>
      <c r="AC5533">
        <v>139</v>
      </c>
      <c r="AD5533">
        <v>141</v>
      </c>
      <c r="AE5533">
        <v>144</v>
      </c>
      <c r="AF5533">
        <v>147</v>
      </c>
      <c r="AG5533">
        <v>150</v>
      </c>
      <c r="AH5533">
        <v>153</v>
      </c>
      <c r="AI5533">
        <v>156</v>
      </c>
      <c r="AJ5533">
        <v>159</v>
      </c>
      <c r="AK5533">
        <v>162</v>
      </c>
      <c r="AL5533">
        <v>164</v>
      </c>
      <c r="AM5533">
        <v>165</v>
      </c>
      <c r="AN5533">
        <v>167</v>
      </c>
      <c r="AO5533">
        <v>168</v>
      </c>
      <c r="AP5533">
        <v>170</v>
      </c>
      <c r="AQ5533">
        <v>171</v>
      </c>
    </row>
    <row r="5534" spans="1:43">
      <c r="A5534" t="s">
        <v>3460</v>
      </c>
      <c r="B5534" t="s">
        <v>3461</v>
      </c>
      <c r="C5534" t="s">
        <v>3454</v>
      </c>
      <c r="D5534" t="s">
        <v>3455</v>
      </c>
      <c r="E5534" t="s">
        <v>3352</v>
      </c>
      <c r="F5534" t="s">
        <v>3353</v>
      </c>
      <c r="G5534" t="s">
        <v>80</v>
      </c>
      <c r="H5534" t="s">
        <v>81</v>
      </c>
      <c r="I5534" s="2">
        <v>0</v>
      </c>
      <c r="J5534" s="2">
        <v>1</v>
      </c>
      <c r="K5534" s="2">
        <v>0</v>
      </c>
      <c r="L5534" t="s">
        <v>82</v>
      </c>
      <c r="M5534" t="s">
        <v>83</v>
      </c>
      <c r="N5534" t="s">
        <v>84</v>
      </c>
      <c r="O5534" t="s">
        <v>85</v>
      </c>
      <c r="P5534" t="s">
        <v>86</v>
      </c>
      <c r="Q5534">
        <v>28</v>
      </c>
      <c r="R5534">
        <v>29</v>
      </c>
      <c r="S5534">
        <v>29</v>
      </c>
      <c r="T5534">
        <v>30</v>
      </c>
      <c r="U5534">
        <v>31</v>
      </c>
      <c r="V5534">
        <v>31</v>
      </c>
      <c r="W5534">
        <v>32</v>
      </c>
      <c r="X5534">
        <v>33</v>
      </c>
      <c r="Y5534">
        <v>33</v>
      </c>
      <c r="Z5534">
        <v>34</v>
      </c>
      <c r="AA5534">
        <v>35</v>
      </c>
      <c r="AB5534">
        <v>35</v>
      </c>
      <c r="AC5534">
        <v>36</v>
      </c>
      <c r="AD5534">
        <v>37</v>
      </c>
      <c r="AE5534">
        <v>38</v>
      </c>
      <c r="AF5534">
        <v>38</v>
      </c>
      <c r="AG5534">
        <v>39</v>
      </c>
      <c r="AH5534">
        <v>40</v>
      </c>
      <c r="AI5534">
        <v>41</v>
      </c>
      <c r="AJ5534">
        <v>41</v>
      </c>
      <c r="AK5534">
        <v>42</v>
      </c>
      <c r="AL5534">
        <v>43</v>
      </c>
      <c r="AM5534">
        <v>43</v>
      </c>
      <c r="AN5534">
        <v>44</v>
      </c>
      <c r="AO5534">
        <v>44</v>
      </c>
      <c r="AP5534">
        <v>44</v>
      </c>
      <c r="AQ5534">
        <v>45</v>
      </c>
    </row>
    <row r="5535" spans="1:43">
      <c r="A5535" t="s">
        <v>3460</v>
      </c>
      <c r="B5535" t="s">
        <v>3461</v>
      </c>
      <c r="C5535" t="s">
        <v>3454</v>
      </c>
      <c r="D5535" t="s">
        <v>3455</v>
      </c>
      <c r="E5535" t="s">
        <v>3352</v>
      </c>
      <c r="F5535" t="s">
        <v>3353</v>
      </c>
      <c r="G5535" t="s">
        <v>80</v>
      </c>
      <c r="H5535" t="s">
        <v>81</v>
      </c>
      <c r="I5535" s="2">
        <v>0</v>
      </c>
      <c r="J5535" s="2">
        <v>1</v>
      </c>
      <c r="K5535" s="2">
        <v>0</v>
      </c>
      <c r="L5535" t="s">
        <v>82</v>
      </c>
      <c r="M5535" t="s">
        <v>87</v>
      </c>
      <c r="N5535" t="s">
        <v>88</v>
      </c>
      <c r="O5535" t="s">
        <v>85</v>
      </c>
      <c r="P5535" t="s">
        <v>86</v>
      </c>
      <c r="Q5535">
        <v>28</v>
      </c>
      <c r="R5535">
        <v>28</v>
      </c>
      <c r="S5535">
        <v>28</v>
      </c>
      <c r="T5535">
        <v>29</v>
      </c>
      <c r="U5535">
        <v>29</v>
      </c>
      <c r="V5535">
        <v>30</v>
      </c>
      <c r="W5535">
        <v>30</v>
      </c>
      <c r="X5535">
        <v>30</v>
      </c>
      <c r="Y5535">
        <v>31</v>
      </c>
      <c r="Z5535">
        <v>31</v>
      </c>
      <c r="AA5535">
        <v>32</v>
      </c>
      <c r="AB5535">
        <v>32</v>
      </c>
      <c r="AC5535">
        <v>32</v>
      </c>
      <c r="AD5535">
        <v>33</v>
      </c>
      <c r="AE5535">
        <v>33</v>
      </c>
      <c r="AF5535">
        <v>34</v>
      </c>
      <c r="AG5535">
        <v>34</v>
      </c>
      <c r="AH5535">
        <v>35</v>
      </c>
      <c r="AI5535">
        <v>35</v>
      </c>
      <c r="AJ5535">
        <v>36</v>
      </c>
      <c r="AK5535">
        <v>36</v>
      </c>
      <c r="AL5535">
        <v>36</v>
      </c>
      <c r="AM5535">
        <v>37</v>
      </c>
      <c r="AN5535">
        <v>37</v>
      </c>
      <c r="AO5535">
        <v>38</v>
      </c>
      <c r="AP5535">
        <v>38</v>
      </c>
      <c r="AQ5535">
        <v>39</v>
      </c>
    </row>
    <row r="5536" spans="1:43">
      <c r="A5536" t="s">
        <v>3460</v>
      </c>
      <c r="B5536" t="s">
        <v>3461</v>
      </c>
      <c r="C5536" t="s">
        <v>3454</v>
      </c>
      <c r="D5536" t="s">
        <v>3455</v>
      </c>
      <c r="E5536" t="s">
        <v>3352</v>
      </c>
      <c r="F5536" t="s">
        <v>3353</v>
      </c>
      <c r="G5536" t="s">
        <v>80</v>
      </c>
      <c r="H5536" t="s">
        <v>81</v>
      </c>
      <c r="I5536" s="2">
        <v>0</v>
      </c>
      <c r="J5536" s="2">
        <v>1</v>
      </c>
      <c r="K5536" s="2">
        <v>0</v>
      </c>
      <c r="L5536" t="s">
        <v>82</v>
      </c>
      <c r="M5536" t="s">
        <v>89</v>
      </c>
      <c r="N5536" t="s">
        <v>90</v>
      </c>
      <c r="O5536" t="s">
        <v>85</v>
      </c>
      <c r="P5536" t="s">
        <v>86</v>
      </c>
      <c r="Q5536">
        <v>28</v>
      </c>
      <c r="R5536">
        <v>29</v>
      </c>
      <c r="S5536">
        <v>30</v>
      </c>
      <c r="T5536">
        <v>31</v>
      </c>
      <c r="U5536">
        <v>32</v>
      </c>
      <c r="V5536">
        <v>33</v>
      </c>
      <c r="W5536">
        <v>34</v>
      </c>
      <c r="X5536">
        <v>34</v>
      </c>
      <c r="Y5536">
        <v>35</v>
      </c>
      <c r="Z5536">
        <v>36</v>
      </c>
      <c r="AA5536">
        <v>37</v>
      </c>
      <c r="AB5536">
        <v>38</v>
      </c>
      <c r="AC5536">
        <v>39</v>
      </c>
      <c r="AD5536">
        <v>40</v>
      </c>
      <c r="AE5536">
        <v>40</v>
      </c>
      <c r="AF5536">
        <v>41</v>
      </c>
      <c r="AG5536">
        <v>41</v>
      </c>
      <c r="AH5536">
        <v>42</v>
      </c>
      <c r="AI5536">
        <v>42</v>
      </c>
      <c r="AJ5536">
        <v>42</v>
      </c>
      <c r="AK5536">
        <v>43</v>
      </c>
      <c r="AL5536">
        <v>43</v>
      </c>
      <c r="AM5536">
        <v>43</v>
      </c>
      <c r="AN5536">
        <v>44</v>
      </c>
      <c r="AO5536">
        <v>44</v>
      </c>
      <c r="AP5536">
        <v>45</v>
      </c>
      <c r="AQ5536">
        <v>45</v>
      </c>
    </row>
    <row r="5537" spans="1:43">
      <c r="A5537" t="s">
        <v>3460</v>
      </c>
      <c r="B5537" t="s">
        <v>3461</v>
      </c>
      <c r="C5537" t="s">
        <v>3454</v>
      </c>
      <c r="D5537" t="s">
        <v>3455</v>
      </c>
      <c r="E5537" t="s">
        <v>3352</v>
      </c>
      <c r="F5537" t="s">
        <v>3353</v>
      </c>
      <c r="G5537" t="s">
        <v>80</v>
      </c>
      <c r="H5537" t="s">
        <v>81</v>
      </c>
      <c r="I5537" s="2">
        <v>0</v>
      </c>
      <c r="J5537" s="2">
        <v>1</v>
      </c>
      <c r="K5537" s="2">
        <v>0</v>
      </c>
      <c r="L5537" t="s">
        <v>82</v>
      </c>
      <c r="M5537" t="s">
        <v>83</v>
      </c>
      <c r="N5537" t="s">
        <v>91</v>
      </c>
      <c r="O5537" t="s">
        <v>85</v>
      </c>
      <c r="P5537" t="s">
        <v>86</v>
      </c>
      <c r="Q5537">
        <v>28</v>
      </c>
      <c r="R5537">
        <v>29</v>
      </c>
      <c r="S5537">
        <v>29</v>
      </c>
      <c r="T5537">
        <v>30</v>
      </c>
      <c r="U5537">
        <v>31</v>
      </c>
      <c r="V5537">
        <v>31</v>
      </c>
      <c r="W5537">
        <v>32</v>
      </c>
      <c r="X5537">
        <v>33</v>
      </c>
      <c r="Y5537">
        <v>33</v>
      </c>
      <c r="Z5537">
        <v>34</v>
      </c>
      <c r="AA5537">
        <v>35</v>
      </c>
      <c r="AB5537">
        <v>35</v>
      </c>
      <c r="AC5537">
        <v>36</v>
      </c>
      <c r="AD5537">
        <v>37</v>
      </c>
      <c r="AE5537">
        <v>38</v>
      </c>
      <c r="AF5537">
        <v>38</v>
      </c>
      <c r="AG5537">
        <v>39</v>
      </c>
      <c r="AH5537">
        <v>40</v>
      </c>
      <c r="AI5537">
        <v>41</v>
      </c>
      <c r="AJ5537">
        <v>41</v>
      </c>
      <c r="AK5537">
        <v>42</v>
      </c>
      <c r="AL5537">
        <v>43</v>
      </c>
      <c r="AM5537">
        <v>43</v>
      </c>
      <c r="AN5537">
        <v>44</v>
      </c>
      <c r="AO5537">
        <v>44</v>
      </c>
      <c r="AP5537">
        <v>44</v>
      </c>
      <c r="AQ5537">
        <v>45</v>
      </c>
    </row>
    <row r="5538" spans="1:43">
      <c r="A5538" t="s">
        <v>3462</v>
      </c>
      <c r="B5538" t="s">
        <v>3463</v>
      </c>
      <c r="C5538" t="s">
        <v>3464</v>
      </c>
      <c r="D5538" t="s">
        <v>3465</v>
      </c>
      <c r="E5538" t="s">
        <v>3352</v>
      </c>
      <c r="F5538" t="s">
        <v>3353</v>
      </c>
      <c r="G5538" t="s">
        <v>80</v>
      </c>
      <c r="H5538" t="s">
        <v>81</v>
      </c>
      <c r="I5538" s="2">
        <v>0</v>
      </c>
      <c r="J5538" s="2">
        <v>1</v>
      </c>
      <c r="K5538" s="2">
        <v>0</v>
      </c>
      <c r="L5538" t="s">
        <v>82</v>
      </c>
      <c r="M5538" t="s">
        <v>83</v>
      </c>
      <c r="N5538" t="s">
        <v>84</v>
      </c>
      <c r="O5538" t="s">
        <v>85</v>
      </c>
      <c r="P5538" t="s">
        <v>86</v>
      </c>
      <c r="Q5538">
        <v>15</v>
      </c>
      <c r="R5538">
        <v>16</v>
      </c>
      <c r="S5538">
        <v>16</v>
      </c>
      <c r="T5538">
        <v>16</v>
      </c>
      <c r="U5538">
        <v>17</v>
      </c>
      <c r="V5538">
        <v>17</v>
      </c>
      <c r="W5538">
        <v>18</v>
      </c>
      <c r="X5538">
        <v>18</v>
      </c>
      <c r="Y5538">
        <v>18</v>
      </c>
      <c r="Z5538">
        <v>19</v>
      </c>
      <c r="AA5538">
        <v>19</v>
      </c>
      <c r="AB5538">
        <v>20</v>
      </c>
      <c r="AC5538">
        <v>20</v>
      </c>
      <c r="AD5538">
        <v>20</v>
      </c>
      <c r="AE5538">
        <v>21</v>
      </c>
      <c r="AF5538">
        <v>21</v>
      </c>
      <c r="AG5538">
        <v>22</v>
      </c>
      <c r="AH5538">
        <v>22</v>
      </c>
      <c r="AI5538">
        <v>22</v>
      </c>
      <c r="AJ5538">
        <v>23</v>
      </c>
      <c r="AK5538">
        <v>23</v>
      </c>
      <c r="AL5538">
        <v>24</v>
      </c>
      <c r="AM5538">
        <v>24</v>
      </c>
      <c r="AN5538">
        <v>24</v>
      </c>
      <c r="AO5538">
        <v>24</v>
      </c>
      <c r="AP5538">
        <v>24</v>
      </c>
      <c r="AQ5538">
        <v>25</v>
      </c>
    </row>
    <row r="5539" spans="1:43">
      <c r="A5539" t="s">
        <v>3462</v>
      </c>
      <c r="B5539" t="s">
        <v>3463</v>
      </c>
      <c r="C5539" t="s">
        <v>3464</v>
      </c>
      <c r="D5539" t="s">
        <v>3465</v>
      </c>
      <c r="E5539" t="s">
        <v>3352</v>
      </c>
      <c r="F5539" t="s">
        <v>3353</v>
      </c>
      <c r="G5539" t="s">
        <v>80</v>
      </c>
      <c r="H5539" t="s">
        <v>81</v>
      </c>
      <c r="I5539" s="2">
        <v>0</v>
      </c>
      <c r="J5539" s="2">
        <v>1</v>
      </c>
      <c r="K5539" s="2">
        <v>0</v>
      </c>
      <c r="L5539" t="s">
        <v>82</v>
      </c>
      <c r="M5539" t="s">
        <v>87</v>
      </c>
      <c r="N5539" t="s">
        <v>88</v>
      </c>
      <c r="O5539" t="s">
        <v>85</v>
      </c>
      <c r="P5539" t="s">
        <v>86</v>
      </c>
      <c r="Q5539">
        <v>15</v>
      </c>
      <c r="R5539">
        <v>15</v>
      </c>
      <c r="S5539">
        <v>16</v>
      </c>
      <c r="T5539">
        <v>16</v>
      </c>
      <c r="U5539">
        <v>16</v>
      </c>
      <c r="V5539">
        <v>16</v>
      </c>
      <c r="W5539">
        <v>16</v>
      </c>
      <c r="X5539">
        <v>17</v>
      </c>
      <c r="Y5539">
        <v>17</v>
      </c>
      <c r="Z5539">
        <v>17</v>
      </c>
      <c r="AA5539">
        <v>17</v>
      </c>
      <c r="AB5539">
        <v>18</v>
      </c>
      <c r="AC5539">
        <v>18</v>
      </c>
      <c r="AD5539">
        <v>18</v>
      </c>
      <c r="AE5539">
        <v>18</v>
      </c>
      <c r="AF5539">
        <v>19</v>
      </c>
      <c r="AG5539">
        <v>19</v>
      </c>
      <c r="AH5539">
        <v>19</v>
      </c>
      <c r="AI5539">
        <v>19</v>
      </c>
      <c r="AJ5539">
        <v>20</v>
      </c>
      <c r="AK5539">
        <v>20</v>
      </c>
      <c r="AL5539">
        <v>20</v>
      </c>
      <c r="AM5539">
        <v>20</v>
      </c>
      <c r="AN5539">
        <v>21</v>
      </c>
      <c r="AO5539">
        <v>21</v>
      </c>
      <c r="AP5539">
        <v>21</v>
      </c>
      <c r="AQ5539">
        <v>21</v>
      </c>
    </row>
    <row r="5540" spans="1:43">
      <c r="A5540" t="s">
        <v>3462</v>
      </c>
      <c r="B5540" t="s">
        <v>3463</v>
      </c>
      <c r="C5540" t="s">
        <v>3464</v>
      </c>
      <c r="D5540" t="s">
        <v>3465</v>
      </c>
      <c r="E5540" t="s">
        <v>3352</v>
      </c>
      <c r="F5540" t="s">
        <v>3353</v>
      </c>
      <c r="G5540" t="s">
        <v>80</v>
      </c>
      <c r="H5540" t="s">
        <v>81</v>
      </c>
      <c r="I5540" s="2">
        <v>0</v>
      </c>
      <c r="J5540" s="2">
        <v>1</v>
      </c>
      <c r="K5540" s="2">
        <v>0</v>
      </c>
      <c r="L5540" t="s">
        <v>82</v>
      </c>
      <c r="M5540" t="s">
        <v>89</v>
      </c>
      <c r="N5540" t="s">
        <v>90</v>
      </c>
      <c r="O5540" t="s">
        <v>85</v>
      </c>
      <c r="P5540" t="s">
        <v>86</v>
      </c>
      <c r="Q5540">
        <v>15</v>
      </c>
      <c r="R5540">
        <v>16</v>
      </c>
      <c r="S5540">
        <v>16</v>
      </c>
      <c r="T5540">
        <v>17</v>
      </c>
      <c r="U5540">
        <v>17</v>
      </c>
      <c r="V5540">
        <v>18</v>
      </c>
      <c r="W5540">
        <v>18</v>
      </c>
      <c r="X5540">
        <v>19</v>
      </c>
      <c r="Y5540">
        <v>19</v>
      </c>
      <c r="Z5540">
        <v>20</v>
      </c>
      <c r="AA5540">
        <v>20</v>
      </c>
      <c r="AB5540">
        <v>21</v>
      </c>
      <c r="AC5540">
        <v>21</v>
      </c>
      <c r="AD5540">
        <v>22</v>
      </c>
      <c r="AE5540">
        <v>22</v>
      </c>
      <c r="AF5540">
        <v>22</v>
      </c>
      <c r="AG5540">
        <v>23</v>
      </c>
      <c r="AH5540">
        <v>23</v>
      </c>
      <c r="AI5540">
        <v>23</v>
      </c>
      <c r="AJ5540">
        <v>23</v>
      </c>
      <c r="AK5540">
        <v>23</v>
      </c>
      <c r="AL5540">
        <v>24</v>
      </c>
      <c r="AM5540">
        <v>24</v>
      </c>
      <c r="AN5540">
        <v>24</v>
      </c>
      <c r="AO5540">
        <v>24</v>
      </c>
      <c r="AP5540">
        <v>25</v>
      </c>
      <c r="AQ5540">
        <v>25</v>
      </c>
    </row>
    <row r="5541" spans="1:43">
      <c r="A5541" t="s">
        <v>3462</v>
      </c>
      <c r="B5541" t="s">
        <v>3463</v>
      </c>
      <c r="C5541" t="s">
        <v>3464</v>
      </c>
      <c r="D5541" t="s">
        <v>3465</v>
      </c>
      <c r="E5541" t="s">
        <v>3352</v>
      </c>
      <c r="F5541" t="s">
        <v>3353</v>
      </c>
      <c r="G5541" t="s">
        <v>80</v>
      </c>
      <c r="H5541" t="s">
        <v>81</v>
      </c>
      <c r="I5541" s="2">
        <v>0</v>
      </c>
      <c r="J5541" s="2">
        <v>1</v>
      </c>
      <c r="K5541" s="2">
        <v>0</v>
      </c>
      <c r="L5541" t="s">
        <v>82</v>
      </c>
      <c r="M5541" t="s">
        <v>83</v>
      </c>
      <c r="N5541" t="s">
        <v>91</v>
      </c>
      <c r="O5541" t="s">
        <v>85</v>
      </c>
      <c r="P5541" t="s">
        <v>86</v>
      </c>
      <c r="Q5541">
        <v>15</v>
      </c>
      <c r="R5541">
        <v>16</v>
      </c>
      <c r="S5541">
        <v>16</v>
      </c>
      <c r="T5541">
        <v>16</v>
      </c>
      <c r="U5541">
        <v>17</v>
      </c>
      <c r="V5541">
        <v>17</v>
      </c>
      <c r="W5541">
        <v>18</v>
      </c>
      <c r="X5541">
        <v>18</v>
      </c>
      <c r="Y5541">
        <v>18</v>
      </c>
      <c r="Z5541">
        <v>19</v>
      </c>
      <c r="AA5541">
        <v>19</v>
      </c>
      <c r="AB5541">
        <v>20</v>
      </c>
      <c r="AC5541">
        <v>20</v>
      </c>
      <c r="AD5541">
        <v>20</v>
      </c>
      <c r="AE5541">
        <v>21</v>
      </c>
      <c r="AF5541">
        <v>21</v>
      </c>
      <c r="AG5541">
        <v>22</v>
      </c>
      <c r="AH5541">
        <v>22</v>
      </c>
      <c r="AI5541">
        <v>22</v>
      </c>
      <c r="AJ5541">
        <v>23</v>
      </c>
      <c r="AK5541">
        <v>23</v>
      </c>
      <c r="AL5541">
        <v>24</v>
      </c>
      <c r="AM5541">
        <v>24</v>
      </c>
      <c r="AN5541">
        <v>24</v>
      </c>
      <c r="AO5541">
        <v>24</v>
      </c>
      <c r="AP5541">
        <v>24</v>
      </c>
      <c r="AQ5541">
        <v>25</v>
      </c>
    </row>
    <row r="5542" spans="1:43">
      <c r="A5542" t="s">
        <v>3466</v>
      </c>
      <c r="B5542" t="s">
        <v>3467</v>
      </c>
      <c r="C5542" t="s">
        <v>3464</v>
      </c>
      <c r="D5542" t="s">
        <v>3465</v>
      </c>
      <c r="E5542" t="s">
        <v>3352</v>
      </c>
      <c r="F5542" t="s">
        <v>3353</v>
      </c>
      <c r="G5542" t="s">
        <v>80</v>
      </c>
      <c r="H5542" t="s">
        <v>81</v>
      </c>
      <c r="I5542" s="2">
        <v>0</v>
      </c>
      <c r="J5542" s="2">
        <v>1</v>
      </c>
      <c r="K5542" s="2">
        <v>0</v>
      </c>
      <c r="L5542" t="s">
        <v>82</v>
      </c>
      <c r="M5542" t="s">
        <v>83</v>
      </c>
      <c r="N5542" t="s">
        <v>84</v>
      </c>
      <c r="O5542" t="s">
        <v>85</v>
      </c>
      <c r="P5542" t="s">
        <v>86</v>
      </c>
      <c r="Q5542">
        <v>16</v>
      </c>
      <c r="R5542">
        <v>16</v>
      </c>
      <c r="S5542">
        <v>17</v>
      </c>
      <c r="T5542">
        <v>17</v>
      </c>
      <c r="U5542">
        <v>17</v>
      </c>
      <c r="V5542">
        <v>18</v>
      </c>
      <c r="W5542">
        <v>18</v>
      </c>
      <c r="X5542">
        <v>19</v>
      </c>
      <c r="Y5542">
        <v>19</v>
      </c>
      <c r="Z5542">
        <v>19</v>
      </c>
      <c r="AA5542">
        <v>20</v>
      </c>
      <c r="AB5542">
        <v>20</v>
      </c>
      <c r="AC5542">
        <v>21</v>
      </c>
      <c r="AD5542">
        <v>21</v>
      </c>
      <c r="AE5542">
        <v>22</v>
      </c>
      <c r="AF5542">
        <v>22</v>
      </c>
      <c r="AG5542">
        <v>22</v>
      </c>
      <c r="AH5542">
        <v>23</v>
      </c>
      <c r="AI5542">
        <v>23</v>
      </c>
      <c r="AJ5542">
        <v>24</v>
      </c>
      <c r="AK5542">
        <v>24</v>
      </c>
      <c r="AL5542">
        <v>24</v>
      </c>
      <c r="AM5542">
        <v>25</v>
      </c>
      <c r="AN5542">
        <v>25</v>
      </c>
      <c r="AO5542">
        <v>25</v>
      </c>
      <c r="AP5542">
        <v>25</v>
      </c>
      <c r="AQ5542">
        <v>26</v>
      </c>
    </row>
    <row r="5543" spans="1:43">
      <c r="A5543" t="s">
        <v>3466</v>
      </c>
      <c r="B5543" t="s">
        <v>3467</v>
      </c>
      <c r="C5543" t="s">
        <v>3464</v>
      </c>
      <c r="D5543" t="s">
        <v>3465</v>
      </c>
      <c r="E5543" t="s">
        <v>3352</v>
      </c>
      <c r="F5543" t="s">
        <v>3353</v>
      </c>
      <c r="G5543" t="s">
        <v>80</v>
      </c>
      <c r="H5543" t="s">
        <v>81</v>
      </c>
      <c r="I5543" s="2">
        <v>0</v>
      </c>
      <c r="J5543" s="2">
        <v>1</v>
      </c>
      <c r="K5543" s="2">
        <v>0</v>
      </c>
      <c r="L5543" t="s">
        <v>82</v>
      </c>
      <c r="M5543" t="s">
        <v>87</v>
      </c>
      <c r="N5543" t="s">
        <v>88</v>
      </c>
      <c r="O5543" t="s">
        <v>85</v>
      </c>
      <c r="P5543" t="s">
        <v>86</v>
      </c>
      <c r="Q5543">
        <v>16</v>
      </c>
      <c r="R5543">
        <v>16</v>
      </c>
      <c r="S5543">
        <v>16</v>
      </c>
      <c r="T5543">
        <v>16</v>
      </c>
      <c r="U5543">
        <v>17</v>
      </c>
      <c r="V5543">
        <v>17</v>
      </c>
      <c r="W5543">
        <v>17</v>
      </c>
      <c r="X5543">
        <v>17</v>
      </c>
      <c r="Y5543">
        <v>18</v>
      </c>
      <c r="Z5543">
        <v>18</v>
      </c>
      <c r="AA5543">
        <v>18</v>
      </c>
      <c r="AB5543">
        <v>18</v>
      </c>
      <c r="AC5543">
        <v>19</v>
      </c>
      <c r="AD5543">
        <v>19</v>
      </c>
      <c r="AE5543">
        <v>19</v>
      </c>
      <c r="AF5543">
        <v>19</v>
      </c>
      <c r="AG5543">
        <v>20</v>
      </c>
      <c r="AH5543">
        <v>20</v>
      </c>
      <c r="AI5543">
        <v>20</v>
      </c>
      <c r="AJ5543">
        <v>20</v>
      </c>
      <c r="AK5543">
        <v>21</v>
      </c>
      <c r="AL5543">
        <v>21</v>
      </c>
      <c r="AM5543">
        <v>21</v>
      </c>
      <c r="AN5543">
        <v>21</v>
      </c>
      <c r="AO5543">
        <v>22</v>
      </c>
      <c r="AP5543">
        <v>22</v>
      </c>
      <c r="AQ5543">
        <v>22</v>
      </c>
    </row>
    <row r="5544" spans="1:43">
      <c r="A5544" t="s">
        <v>3466</v>
      </c>
      <c r="B5544" t="s">
        <v>3467</v>
      </c>
      <c r="C5544" t="s">
        <v>3464</v>
      </c>
      <c r="D5544" t="s">
        <v>3465</v>
      </c>
      <c r="E5544" t="s">
        <v>3352</v>
      </c>
      <c r="F5544" t="s">
        <v>3353</v>
      </c>
      <c r="G5544" t="s">
        <v>80</v>
      </c>
      <c r="H5544" t="s">
        <v>81</v>
      </c>
      <c r="I5544" s="2">
        <v>0</v>
      </c>
      <c r="J5544" s="2">
        <v>1</v>
      </c>
      <c r="K5544" s="2">
        <v>0</v>
      </c>
      <c r="L5544" t="s">
        <v>82</v>
      </c>
      <c r="M5544" t="s">
        <v>89</v>
      </c>
      <c r="N5544" t="s">
        <v>90</v>
      </c>
      <c r="O5544" t="s">
        <v>85</v>
      </c>
      <c r="P5544" t="s">
        <v>86</v>
      </c>
      <c r="Q5544">
        <v>16</v>
      </c>
      <c r="R5544">
        <v>17</v>
      </c>
      <c r="S5544">
        <v>17</v>
      </c>
      <c r="T5544">
        <v>18</v>
      </c>
      <c r="U5544">
        <v>18</v>
      </c>
      <c r="V5544">
        <v>19</v>
      </c>
      <c r="W5544">
        <v>19</v>
      </c>
      <c r="X5544">
        <v>20</v>
      </c>
      <c r="Y5544">
        <v>20</v>
      </c>
      <c r="Z5544">
        <v>21</v>
      </c>
      <c r="AA5544">
        <v>21</v>
      </c>
      <c r="AB5544">
        <v>22</v>
      </c>
      <c r="AC5544">
        <v>22</v>
      </c>
      <c r="AD5544">
        <v>23</v>
      </c>
      <c r="AE5544">
        <v>23</v>
      </c>
      <c r="AF5544">
        <v>23</v>
      </c>
      <c r="AG5544">
        <v>24</v>
      </c>
      <c r="AH5544">
        <v>24</v>
      </c>
      <c r="AI5544">
        <v>24</v>
      </c>
      <c r="AJ5544">
        <v>24</v>
      </c>
      <c r="AK5544">
        <v>24</v>
      </c>
      <c r="AL5544">
        <v>25</v>
      </c>
      <c r="AM5544">
        <v>25</v>
      </c>
      <c r="AN5544">
        <v>25</v>
      </c>
      <c r="AO5544">
        <v>25</v>
      </c>
      <c r="AP5544">
        <v>26</v>
      </c>
      <c r="AQ5544">
        <v>26</v>
      </c>
    </row>
    <row r="5545" spans="1:43">
      <c r="A5545" t="s">
        <v>3466</v>
      </c>
      <c r="B5545" t="s">
        <v>3467</v>
      </c>
      <c r="C5545" t="s">
        <v>3464</v>
      </c>
      <c r="D5545" t="s">
        <v>3465</v>
      </c>
      <c r="E5545" t="s">
        <v>3352</v>
      </c>
      <c r="F5545" t="s">
        <v>3353</v>
      </c>
      <c r="G5545" t="s">
        <v>80</v>
      </c>
      <c r="H5545" t="s">
        <v>81</v>
      </c>
      <c r="I5545" s="2">
        <v>0</v>
      </c>
      <c r="J5545" s="2">
        <v>1</v>
      </c>
      <c r="K5545" s="2">
        <v>0</v>
      </c>
      <c r="L5545" t="s">
        <v>82</v>
      </c>
      <c r="M5545" t="s">
        <v>83</v>
      </c>
      <c r="N5545" t="s">
        <v>91</v>
      </c>
      <c r="O5545" t="s">
        <v>85</v>
      </c>
      <c r="P5545" t="s">
        <v>86</v>
      </c>
      <c r="Q5545">
        <v>16</v>
      </c>
      <c r="R5545">
        <v>16</v>
      </c>
      <c r="S5545">
        <v>17</v>
      </c>
      <c r="T5545">
        <v>17</v>
      </c>
      <c r="U5545">
        <v>17</v>
      </c>
      <c r="V5545">
        <v>18</v>
      </c>
      <c r="W5545">
        <v>18</v>
      </c>
      <c r="X5545">
        <v>19</v>
      </c>
      <c r="Y5545">
        <v>19</v>
      </c>
      <c r="Z5545">
        <v>19</v>
      </c>
      <c r="AA5545">
        <v>20</v>
      </c>
      <c r="AB5545">
        <v>20</v>
      </c>
      <c r="AC5545">
        <v>21</v>
      </c>
      <c r="AD5545">
        <v>21</v>
      </c>
      <c r="AE5545">
        <v>22</v>
      </c>
      <c r="AF5545">
        <v>22</v>
      </c>
      <c r="AG5545">
        <v>22</v>
      </c>
      <c r="AH5545">
        <v>23</v>
      </c>
      <c r="AI5545">
        <v>23</v>
      </c>
      <c r="AJ5545">
        <v>24</v>
      </c>
      <c r="AK5545">
        <v>24</v>
      </c>
      <c r="AL5545">
        <v>24</v>
      </c>
      <c r="AM5545">
        <v>25</v>
      </c>
      <c r="AN5545">
        <v>25</v>
      </c>
      <c r="AO5545">
        <v>25</v>
      </c>
      <c r="AP5545">
        <v>25</v>
      </c>
      <c r="AQ5545">
        <v>26</v>
      </c>
    </row>
    <row r="5546" spans="1:43">
      <c r="A5546" t="s">
        <v>3468</v>
      </c>
      <c r="B5546" t="s">
        <v>3469</v>
      </c>
      <c r="C5546" t="s">
        <v>3470</v>
      </c>
      <c r="D5546" t="s">
        <v>3471</v>
      </c>
      <c r="E5546" t="s">
        <v>3352</v>
      </c>
      <c r="F5546" t="s">
        <v>3353</v>
      </c>
      <c r="G5546" t="s">
        <v>80</v>
      </c>
      <c r="H5546" t="s">
        <v>81</v>
      </c>
      <c r="I5546" s="2">
        <v>0</v>
      </c>
      <c r="J5546" s="2">
        <v>1</v>
      </c>
      <c r="K5546" s="2">
        <v>0</v>
      </c>
      <c r="L5546" t="s">
        <v>82</v>
      </c>
      <c r="M5546" t="s">
        <v>83</v>
      </c>
      <c r="N5546" t="s">
        <v>84</v>
      </c>
      <c r="O5546" t="s">
        <v>85</v>
      </c>
      <c r="P5546" t="s">
        <v>86</v>
      </c>
      <c r="Q5546">
        <v>12</v>
      </c>
      <c r="R5546">
        <v>13</v>
      </c>
      <c r="S5546">
        <v>13</v>
      </c>
      <c r="T5546">
        <v>13</v>
      </c>
      <c r="U5546">
        <v>13</v>
      </c>
      <c r="V5546">
        <v>14</v>
      </c>
      <c r="W5546">
        <v>14</v>
      </c>
      <c r="X5546">
        <v>14</v>
      </c>
      <c r="Y5546">
        <v>15</v>
      </c>
      <c r="Z5546">
        <v>15</v>
      </c>
      <c r="AA5546">
        <v>15</v>
      </c>
      <c r="AB5546">
        <v>16</v>
      </c>
      <c r="AC5546">
        <v>16</v>
      </c>
      <c r="AD5546">
        <v>16</v>
      </c>
      <c r="AE5546">
        <v>17</v>
      </c>
      <c r="AF5546">
        <v>17</v>
      </c>
      <c r="AG5546">
        <v>17</v>
      </c>
      <c r="AH5546">
        <v>18</v>
      </c>
      <c r="AI5546">
        <v>18</v>
      </c>
      <c r="AJ5546">
        <v>18</v>
      </c>
      <c r="AK5546">
        <v>19</v>
      </c>
      <c r="AL5546">
        <v>19</v>
      </c>
      <c r="AM5546">
        <v>19</v>
      </c>
      <c r="AN5546">
        <v>19</v>
      </c>
      <c r="AO5546">
        <v>19</v>
      </c>
      <c r="AP5546">
        <v>19</v>
      </c>
      <c r="AQ5546">
        <v>20</v>
      </c>
    </row>
    <row r="5547" spans="1:43">
      <c r="A5547" t="s">
        <v>3468</v>
      </c>
      <c r="B5547" t="s">
        <v>3469</v>
      </c>
      <c r="C5547" t="s">
        <v>3470</v>
      </c>
      <c r="D5547" t="s">
        <v>3471</v>
      </c>
      <c r="E5547" t="s">
        <v>3352</v>
      </c>
      <c r="F5547" t="s">
        <v>3353</v>
      </c>
      <c r="G5547" t="s">
        <v>80</v>
      </c>
      <c r="H5547" t="s">
        <v>81</v>
      </c>
      <c r="I5547" s="2">
        <v>0</v>
      </c>
      <c r="J5547" s="2">
        <v>1</v>
      </c>
      <c r="K5547" s="2">
        <v>0</v>
      </c>
      <c r="L5547" t="s">
        <v>82</v>
      </c>
      <c r="M5547" t="s">
        <v>87</v>
      </c>
      <c r="N5547" t="s">
        <v>88</v>
      </c>
      <c r="O5547" t="s">
        <v>85</v>
      </c>
      <c r="P5547" t="s">
        <v>86</v>
      </c>
      <c r="Q5547">
        <v>12</v>
      </c>
      <c r="R5547">
        <v>12</v>
      </c>
      <c r="S5547">
        <v>12</v>
      </c>
      <c r="T5547">
        <v>13</v>
      </c>
      <c r="U5547">
        <v>13</v>
      </c>
      <c r="V5547">
        <v>13</v>
      </c>
      <c r="W5547">
        <v>13</v>
      </c>
      <c r="X5547">
        <v>13</v>
      </c>
      <c r="Y5547">
        <v>14</v>
      </c>
      <c r="Z5547">
        <v>14</v>
      </c>
      <c r="AA5547">
        <v>14</v>
      </c>
      <c r="AB5547">
        <v>14</v>
      </c>
      <c r="AC5547">
        <v>14</v>
      </c>
      <c r="AD5547">
        <v>14</v>
      </c>
      <c r="AE5547">
        <v>15</v>
      </c>
      <c r="AF5547">
        <v>15</v>
      </c>
      <c r="AG5547">
        <v>15</v>
      </c>
      <c r="AH5547">
        <v>15</v>
      </c>
      <c r="AI5547">
        <v>15</v>
      </c>
      <c r="AJ5547">
        <v>16</v>
      </c>
      <c r="AK5547">
        <v>16</v>
      </c>
      <c r="AL5547">
        <v>16</v>
      </c>
      <c r="AM5547">
        <v>16</v>
      </c>
      <c r="AN5547">
        <v>16</v>
      </c>
      <c r="AO5547">
        <v>17</v>
      </c>
      <c r="AP5547">
        <v>17</v>
      </c>
      <c r="AQ5547">
        <v>17</v>
      </c>
    </row>
    <row r="5548" spans="1:43">
      <c r="A5548" t="s">
        <v>3468</v>
      </c>
      <c r="B5548" t="s">
        <v>3469</v>
      </c>
      <c r="C5548" t="s">
        <v>3470</v>
      </c>
      <c r="D5548" t="s">
        <v>3471</v>
      </c>
      <c r="E5548" t="s">
        <v>3352</v>
      </c>
      <c r="F5548" t="s">
        <v>3353</v>
      </c>
      <c r="G5548" t="s">
        <v>80</v>
      </c>
      <c r="H5548" t="s">
        <v>81</v>
      </c>
      <c r="I5548" s="2">
        <v>0</v>
      </c>
      <c r="J5548" s="2">
        <v>1</v>
      </c>
      <c r="K5548" s="2">
        <v>0</v>
      </c>
      <c r="L5548" t="s">
        <v>82</v>
      </c>
      <c r="M5548" t="s">
        <v>89</v>
      </c>
      <c r="N5548" t="s">
        <v>90</v>
      </c>
      <c r="O5548" t="s">
        <v>85</v>
      </c>
      <c r="P5548" t="s">
        <v>86</v>
      </c>
      <c r="Q5548">
        <v>12</v>
      </c>
      <c r="R5548">
        <v>13</v>
      </c>
      <c r="S5548">
        <v>13</v>
      </c>
      <c r="T5548">
        <v>14</v>
      </c>
      <c r="U5548">
        <v>14</v>
      </c>
      <c r="V5548">
        <v>14</v>
      </c>
      <c r="W5548">
        <v>15</v>
      </c>
      <c r="X5548">
        <v>15</v>
      </c>
      <c r="Y5548">
        <v>16</v>
      </c>
      <c r="Z5548">
        <v>16</v>
      </c>
      <c r="AA5548">
        <v>16</v>
      </c>
      <c r="AB5548">
        <v>17</v>
      </c>
      <c r="AC5548">
        <v>17</v>
      </c>
      <c r="AD5548">
        <v>17</v>
      </c>
      <c r="AE5548">
        <v>18</v>
      </c>
      <c r="AF5548">
        <v>18</v>
      </c>
      <c r="AG5548">
        <v>18</v>
      </c>
      <c r="AH5548">
        <v>18</v>
      </c>
      <c r="AI5548">
        <v>18</v>
      </c>
      <c r="AJ5548">
        <v>19</v>
      </c>
      <c r="AK5548">
        <v>19</v>
      </c>
      <c r="AL5548">
        <v>19</v>
      </c>
      <c r="AM5548">
        <v>19</v>
      </c>
      <c r="AN5548">
        <v>19</v>
      </c>
      <c r="AO5548">
        <v>19</v>
      </c>
      <c r="AP5548">
        <v>20</v>
      </c>
      <c r="AQ5548">
        <v>20</v>
      </c>
    </row>
    <row r="5549" spans="1:43">
      <c r="A5549" t="s">
        <v>3468</v>
      </c>
      <c r="B5549" t="s">
        <v>3469</v>
      </c>
      <c r="C5549" t="s">
        <v>3470</v>
      </c>
      <c r="D5549" t="s">
        <v>3471</v>
      </c>
      <c r="E5549" t="s">
        <v>3352</v>
      </c>
      <c r="F5549" t="s">
        <v>3353</v>
      </c>
      <c r="G5549" t="s">
        <v>80</v>
      </c>
      <c r="H5549" t="s">
        <v>81</v>
      </c>
      <c r="I5549" s="2">
        <v>0</v>
      </c>
      <c r="J5549" s="2">
        <v>1</v>
      </c>
      <c r="K5549" s="2">
        <v>0</v>
      </c>
      <c r="L5549" t="s">
        <v>82</v>
      </c>
      <c r="M5549" t="s">
        <v>83</v>
      </c>
      <c r="N5549" t="s">
        <v>91</v>
      </c>
      <c r="O5549" t="s">
        <v>85</v>
      </c>
      <c r="P5549" t="s">
        <v>86</v>
      </c>
      <c r="Q5549">
        <v>12</v>
      </c>
      <c r="R5549">
        <v>13</v>
      </c>
      <c r="S5549">
        <v>13</v>
      </c>
      <c r="T5549">
        <v>13</v>
      </c>
      <c r="U5549">
        <v>13</v>
      </c>
      <c r="V5549">
        <v>14</v>
      </c>
      <c r="W5549">
        <v>14</v>
      </c>
      <c r="X5549">
        <v>14</v>
      </c>
      <c r="Y5549">
        <v>15</v>
      </c>
      <c r="Z5549">
        <v>15</v>
      </c>
      <c r="AA5549">
        <v>15</v>
      </c>
      <c r="AB5549">
        <v>16</v>
      </c>
      <c r="AC5549">
        <v>16</v>
      </c>
      <c r="AD5549">
        <v>16</v>
      </c>
      <c r="AE5549">
        <v>17</v>
      </c>
      <c r="AF5549">
        <v>17</v>
      </c>
      <c r="AG5549">
        <v>17</v>
      </c>
      <c r="AH5549">
        <v>18</v>
      </c>
      <c r="AI5549">
        <v>18</v>
      </c>
      <c r="AJ5549">
        <v>18</v>
      </c>
      <c r="AK5549">
        <v>19</v>
      </c>
      <c r="AL5549">
        <v>19</v>
      </c>
      <c r="AM5549">
        <v>19</v>
      </c>
      <c r="AN5549">
        <v>19</v>
      </c>
      <c r="AO5549">
        <v>19</v>
      </c>
      <c r="AP5549">
        <v>19</v>
      </c>
      <c r="AQ5549">
        <v>20</v>
      </c>
    </row>
    <row r="5550" spans="1:43">
      <c r="A5550" t="s">
        <v>3472</v>
      </c>
      <c r="B5550" t="s">
        <v>3473</v>
      </c>
      <c r="C5550" t="s">
        <v>3470</v>
      </c>
      <c r="D5550" t="s">
        <v>3471</v>
      </c>
      <c r="E5550" t="s">
        <v>3352</v>
      </c>
      <c r="F5550" t="s">
        <v>3353</v>
      </c>
      <c r="G5550" t="s">
        <v>80</v>
      </c>
      <c r="H5550" t="s">
        <v>81</v>
      </c>
      <c r="I5550" s="2">
        <v>0</v>
      </c>
      <c r="J5550" s="2">
        <v>1</v>
      </c>
      <c r="K5550" s="2">
        <v>0</v>
      </c>
      <c r="L5550" t="s">
        <v>82</v>
      </c>
      <c r="M5550" t="s">
        <v>83</v>
      </c>
      <c r="N5550" t="s">
        <v>84</v>
      </c>
      <c r="O5550" t="s">
        <v>85</v>
      </c>
      <c r="P5550" t="s">
        <v>86</v>
      </c>
      <c r="Q5550">
        <v>35</v>
      </c>
      <c r="R5550">
        <v>36</v>
      </c>
      <c r="S5550">
        <v>37</v>
      </c>
      <c r="T5550">
        <v>37</v>
      </c>
      <c r="U5550">
        <v>38</v>
      </c>
      <c r="V5550">
        <v>39</v>
      </c>
      <c r="W5550">
        <v>40</v>
      </c>
      <c r="X5550">
        <v>41</v>
      </c>
      <c r="Y5550">
        <v>42</v>
      </c>
      <c r="Z5550">
        <v>43</v>
      </c>
      <c r="AA5550">
        <v>44</v>
      </c>
      <c r="AB5550">
        <v>44</v>
      </c>
      <c r="AC5550">
        <v>45</v>
      </c>
      <c r="AD5550">
        <v>46</v>
      </c>
      <c r="AE5550">
        <v>47</v>
      </c>
      <c r="AF5550">
        <v>48</v>
      </c>
      <c r="AG5550">
        <v>49</v>
      </c>
      <c r="AH5550">
        <v>50</v>
      </c>
      <c r="AI5550">
        <v>51</v>
      </c>
      <c r="AJ5550">
        <v>52</v>
      </c>
      <c r="AK5550">
        <v>53</v>
      </c>
      <c r="AL5550">
        <v>53</v>
      </c>
      <c r="AM5550">
        <v>54</v>
      </c>
      <c r="AN5550">
        <v>54</v>
      </c>
      <c r="AO5550">
        <v>55</v>
      </c>
      <c r="AP5550">
        <v>55</v>
      </c>
      <c r="AQ5550">
        <v>56</v>
      </c>
    </row>
    <row r="5551" spans="1:43">
      <c r="A5551" t="s">
        <v>3472</v>
      </c>
      <c r="B5551" t="s">
        <v>3473</v>
      </c>
      <c r="C5551" t="s">
        <v>3470</v>
      </c>
      <c r="D5551" t="s">
        <v>3471</v>
      </c>
      <c r="E5551" t="s">
        <v>3352</v>
      </c>
      <c r="F5551" t="s">
        <v>3353</v>
      </c>
      <c r="G5551" t="s">
        <v>80</v>
      </c>
      <c r="H5551" t="s">
        <v>81</v>
      </c>
      <c r="I5551" s="2">
        <v>0</v>
      </c>
      <c r="J5551" s="2">
        <v>1</v>
      </c>
      <c r="K5551" s="2">
        <v>0</v>
      </c>
      <c r="L5551" t="s">
        <v>82</v>
      </c>
      <c r="M5551" t="s">
        <v>87</v>
      </c>
      <c r="N5551" t="s">
        <v>88</v>
      </c>
      <c r="O5551" t="s">
        <v>85</v>
      </c>
      <c r="P5551" t="s">
        <v>86</v>
      </c>
      <c r="Q5551">
        <v>35</v>
      </c>
      <c r="R5551">
        <v>35</v>
      </c>
      <c r="S5551">
        <v>36</v>
      </c>
      <c r="T5551">
        <v>36</v>
      </c>
      <c r="U5551">
        <v>37</v>
      </c>
      <c r="V5551">
        <v>37</v>
      </c>
      <c r="W5551">
        <v>38</v>
      </c>
      <c r="X5551">
        <v>38</v>
      </c>
      <c r="Y5551">
        <v>39</v>
      </c>
      <c r="Z5551">
        <v>39</v>
      </c>
      <c r="AA5551">
        <v>40</v>
      </c>
      <c r="AB5551">
        <v>40</v>
      </c>
      <c r="AC5551">
        <v>41</v>
      </c>
      <c r="AD5551">
        <v>41</v>
      </c>
      <c r="AE5551">
        <v>42</v>
      </c>
      <c r="AF5551">
        <v>42</v>
      </c>
      <c r="AG5551">
        <v>43</v>
      </c>
      <c r="AH5551">
        <v>43</v>
      </c>
      <c r="AI5551">
        <v>44</v>
      </c>
      <c r="AJ5551">
        <v>45</v>
      </c>
      <c r="AK5551">
        <v>45</v>
      </c>
      <c r="AL5551">
        <v>46</v>
      </c>
      <c r="AM5551">
        <v>46</v>
      </c>
      <c r="AN5551">
        <v>47</v>
      </c>
      <c r="AO5551">
        <v>47</v>
      </c>
      <c r="AP5551">
        <v>48</v>
      </c>
      <c r="AQ5551">
        <v>49</v>
      </c>
    </row>
    <row r="5552" spans="1:43">
      <c r="A5552" t="s">
        <v>3472</v>
      </c>
      <c r="B5552" t="s">
        <v>3473</v>
      </c>
      <c r="C5552" t="s">
        <v>3470</v>
      </c>
      <c r="D5552" t="s">
        <v>3471</v>
      </c>
      <c r="E5552" t="s">
        <v>3352</v>
      </c>
      <c r="F5552" t="s">
        <v>3353</v>
      </c>
      <c r="G5552" t="s">
        <v>80</v>
      </c>
      <c r="H5552" t="s">
        <v>81</v>
      </c>
      <c r="I5552" s="2">
        <v>0</v>
      </c>
      <c r="J5552" s="2">
        <v>1</v>
      </c>
      <c r="K5552" s="2">
        <v>0</v>
      </c>
      <c r="L5552" t="s">
        <v>82</v>
      </c>
      <c r="M5552" t="s">
        <v>89</v>
      </c>
      <c r="N5552" t="s">
        <v>90</v>
      </c>
      <c r="O5552" t="s">
        <v>85</v>
      </c>
      <c r="P5552" t="s">
        <v>86</v>
      </c>
      <c r="Q5552">
        <v>35</v>
      </c>
      <c r="R5552">
        <v>36</v>
      </c>
      <c r="S5552">
        <v>37</v>
      </c>
      <c r="T5552">
        <v>39</v>
      </c>
      <c r="U5552">
        <v>40</v>
      </c>
      <c r="V5552">
        <v>41</v>
      </c>
      <c r="W5552">
        <v>42</v>
      </c>
      <c r="X5552">
        <v>43</v>
      </c>
      <c r="Y5552">
        <v>44</v>
      </c>
      <c r="Z5552">
        <v>45</v>
      </c>
      <c r="AA5552">
        <v>46</v>
      </c>
      <c r="AB5552">
        <v>47</v>
      </c>
      <c r="AC5552">
        <v>48</v>
      </c>
      <c r="AD5552">
        <v>50</v>
      </c>
      <c r="AE5552">
        <v>50</v>
      </c>
      <c r="AF5552">
        <v>51</v>
      </c>
      <c r="AG5552">
        <v>51</v>
      </c>
      <c r="AH5552">
        <v>52</v>
      </c>
      <c r="AI5552">
        <v>52</v>
      </c>
      <c r="AJ5552">
        <v>53</v>
      </c>
      <c r="AK5552">
        <v>53</v>
      </c>
      <c r="AL5552">
        <v>54</v>
      </c>
      <c r="AM5552">
        <v>54</v>
      </c>
      <c r="AN5552">
        <v>55</v>
      </c>
      <c r="AO5552">
        <v>55</v>
      </c>
      <c r="AP5552">
        <v>56</v>
      </c>
      <c r="AQ5552">
        <v>56</v>
      </c>
    </row>
    <row r="5553" spans="1:43">
      <c r="A5553" t="s">
        <v>3472</v>
      </c>
      <c r="B5553" t="s">
        <v>3473</v>
      </c>
      <c r="C5553" t="s">
        <v>3470</v>
      </c>
      <c r="D5553" t="s">
        <v>3471</v>
      </c>
      <c r="E5553" t="s">
        <v>3352</v>
      </c>
      <c r="F5553" t="s">
        <v>3353</v>
      </c>
      <c r="G5553" t="s">
        <v>80</v>
      </c>
      <c r="H5553" t="s">
        <v>81</v>
      </c>
      <c r="I5553" s="2">
        <v>0</v>
      </c>
      <c r="J5553" s="2">
        <v>1</v>
      </c>
      <c r="K5553" s="2">
        <v>0</v>
      </c>
      <c r="L5553" t="s">
        <v>82</v>
      </c>
      <c r="M5553" t="s">
        <v>83</v>
      </c>
      <c r="N5553" t="s">
        <v>91</v>
      </c>
      <c r="O5553" t="s">
        <v>85</v>
      </c>
      <c r="P5553" t="s">
        <v>86</v>
      </c>
      <c r="Q5553">
        <v>35</v>
      </c>
      <c r="R5553">
        <v>36</v>
      </c>
      <c r="S5553">
        <v>37</v>
      </c>
      <c r="T5553">
        <v>37</v>
      </c>
      <c r="U5553">
        <v>38</v>
      </c>
      <c r="V5553">
        <v>39</v>
      </c>
      <c r="W5553">
        <v>40</v>
      </c>
      <c r="X5553">
        <v>41</v>
      </c>
      <c r="Y5553">
        <v>42</v>
      </c>
      <c r="Z5553">
        <v>43</v>
      </c>
      <c r="AA5553">
        <v>44</v>
      </c>
      <c r="AB5553">
        <v>44</v>
      </c>
      <c r="AC5553">
        <v>45</v>
      </c>
      <c r="AD5553">
        <v>46</v>
      </c>
      <c r="AE5553">
        <v>47</v>
      </c>
      <c r="AF5553">
        <v>48</v>
      </c>
      <c r="AG5553">
        <v>49</v>
      </c>
      <c r="AH5553">
        <v>50</v>
      </c>
      <c r="AI5553">
        <v>51</v>
      </c>
      <c r="AJ5553">
        <v>52</v>
      </c>
      <c r="AK5553">
        <v>53</v>
      </c>
      <c r="AL5553">
        <v>53</v>
      </c>
      <c r="AM5553">
        <v>54</v>
      </c>
      <c r="AN5553">
        <v>54</v>
      </c>
      <c r="AO5553">
        <v>55</v>
      </c>
      <c r="AP5553">
        <v>55</v>
      </c>
      <c r="AQ5553">
        <v>56</v>
      </c>
    </row>
    <row r="5554" spans="1:43">
      <c r="A5554" t="s">
        <v>3474</v>
      </c>
      <c r="B5554" t="s">
        <v>3475</v>
      </c>
      <c r="C5554" t="s">
        <v>3470</v>
      </c>
      <c r="D5554" t="s">
        <v>3471</v>
      </c>
      <c r="E5554" t="s">
        <v>3352</v>
      </c>
      <c r="F5554" t="s">
        <v>3353</v>
      </c>
      <c r="G5554" t="s">
        <v>80</v>
      </c>
      <c r="H5554" t="s">
        <v>81</v>
      </c>
      <c r="I5554" s="2">
        <v>0</v>
      </c>
      <c r="J5554" s="2">
        <v>1</v>
      </c>
      <c r="K5554" s="2">
        <v>0</v>
      </c>
      <c r="L5554" t="s">
        <v>82</v>
      </c>
      <c r="M5554" t="s">
        <v>83</v>
      </c>
      <c r="N5554" t="s">
        <v>84</v>
      </c>
      <c r="O5554" t="s">
        <v>85</v>
      </c>
      <c r="P5554" t="s">
        <v>86</v>
      </c>
      <c r="Q5554">
        <v>9</v>
      </c>
      <c r="R5554">
        <v>9</v>
      </c>
      <c r="S5554">
        <v>9</v>
      </c>
      <c r="T5554">
        <v>10</v>
      </c>
      <c r="U5554">
        <v>10</v>
      </c>
      <c r="V5554">
        <v>10</v>
      </c>
      <c r="W5554">
        <v>10</v>
      </c>
      <c r="X5554">
        <v>11</v>
      </c>
      <c r="Y5554">
        <v>11</v>
      </c>
      <c r="Z5554">
        <v>11</v>
      </c>
      <c r="AA5554">
        <v>11</v>
      </c>
      <c r="AB5554">
        <v>12</v>
      </c>
      <c r="AC5554">
        <v>12</v>
      </c>
      <c r="AD5554">
        <v>12</v>
      </c>
      <c r="AE5554">
        <v>12</v>
      </c>
      <c r="AF5554">
        <v>12</v>
      </c>
      <c r="AG5554">
        <v>13</v>
      </c>
      <c r="AH5554">
        <v>13</v>
      </c>
      <c r="AI5554">
        <v>13</v>
      </c>
      <c r="AJ5554">
        <v>13</v>
      </c>
      <c r="AK5554">
        <v>14</v>
      </c>
      <c r="AL5554">
        <v>14</v>
      </c>
      <c r="AM5554">
        <v>14</v>
      </c>
      <c r="AN5554">
        <v>14</v>
      </c>
      <c r="AO5554">
        <v>14</v>
      </c>
      <c r="AP5554">
        <v>14</v>
      </c>
      <c r="AQ5554">
        <v>14</v>
      </c>
    </row>
    <row r="5555" spans="1:43">
      <c r="A5555" t="s">
        <v>3474</v>
      </c>
      <c r="B5555" t="s">
        <v>3475</v>
      </c>
      <c r="C5555" t="s">
        <v>3470</v>
      </c>
      <c r="D5555" t="s">
        <v>3471</v>
      </c>
      <c r="E5555" t="s">
        <v>3352</v>
      </c>
      <c r="F5555" t="s">
        <v>3353</v>
      </c>
      <c r="G5555" t="s">
        <v>80</v>
      </c>
      <c r="H5555" t="s">
        <v>81</v>
      </c>
      <c r="I5555" s="2">
        <v>0</v>
      </c>
      <c r="J5555" s="2">
        <v>1</v>
      </c>
      <c r="K5555" s="2">
        <v>0</v>
      </c>
      <c r="L5555" t="s">
        <v>82</v>
      </c>
      <c r="M5555" t="s">
        <v>87</v>
      </c>
      <c r="N5555" t="s">
        <v>88</v>
      </c>
      <c r="O5555" t="s">
        <v>85</v>
      </c>
      <c r="P5555" t="s">
        <v>86</v>
      </c>
      <c r="Q5555">
        <v>9</v>
      </c>
      <c r="R5555">
        <v>9</v>
      </c>
      <c r="S5555">
        <v>9</v>
      </c>
      <c r="T5555">
        <v>9</v>
      </c>
      <c r="U5555">
        <v>9</v>
      </c>
      <c r="V5555">
        <v>10</v>
      </c>
      <c r="W5555">
        <v>10</v>
      </c>
      <c r="X5555">
        <v>10</v>
      </c>
      <c r="Y5555">
        <v>10</v>
      </c>
      <c r="Z5555">
        <v>10</v>
      </c>
      <c r="AA5555">
        <v>10</v>
      </c>
      <c r="AB5555">
        <v>10</v>
      </c>
      <c r="AC5555">
        <v>11</v>
      </c>
      <c r="AD5555">
        <v>11</v>
      </c>
      <c r="AE5555">
        <v>11</v>
      </c>
      <c r="AF5555">
        <v>11</v>
      </c>
      <c r="AG5555">
        <v>11</v>
      </c>
      <c r="AH5555">
        <v>11</v>
      </c>
      <c r="AI5555">
        <v>11</v>
      </c>
      <c r="AJ5555">
        <v>12</v>
      </c>
      <c r="AK5555">
        <v>12</v>
      </c>
      <c r="AL5555">
        <v>12</v>
      </c>
      <c r="AM5555">
        <v>12</v>
      </c>
      <c r="AN5555">
        <v>12</v>
      </c>
      <c r="AO5555">
        <v>12</v>
      </c>
      <c r="AP5555">
        <v>12</v>
      </c>
      <c r="AQ5555">
        <v>13</v>
      </c>
    </row>
    <row r="5556" spans="1:43">
      <c r="A5556" t="s">
        <v>3474</v>
      </c>
      <c r="B5556" t="s">
        <v>3475</v>
      </c>
      <c r="C5556" t="s">
        <v>3470</v>
      </c>
      <c r="D5556" t="s">
        <v>3471</v>
      </c>
      <c r="E5556" t="s">
        <v>3352</v>
      </c>
      <c r="F5556" t="s">
        <v>3353</v>
      </c>
      <c r="G5556" t="s">
        <v>80</v>
      </c>
      <c r="H5556" t="s">
        <v>81</v>
      </c>
      <c r="I5556" s="2">
        <v>0</v>
      </c>
      <c r="J5556" s="2">
        <v>1</v>
      </c>
      <c r="K5556" s="2">
        <v>0</v>
      </c>
      <c r="L5556" t="s">
        <v>82</v>
      </c>
      <c r="M5556" t="s">
        <v>89</v>
      </c>
      <c r="N5556" t="s">
        <v>90</v>
      </c>
      <c r="O5556" t="s">
        <v>85</v>
      </c>
      <c r="P5556" t="s">
        <v>86</v>
      </c>
      <c r="Q5556">
        <v>9</v>
      </c>
      <c r="R5556">
        <v>9</v>
      </c>
      <c r="S5556">
        <v>10</v>
      </c>
      <c r="T5556">
        <v>10</v>
      </c>
      <c r="U5556">
        <v>10</v>
      </c>
      <c r="V5556">
        <v>11</v>
      </c>
      <c r="W5556">
        <v>11</v>
      </c>
      <c r="X5556">
        <v>11</v>
      </c>
      <c r="Y5556">
        <v>11</v>
      </c>
      <c r="Z5556">
        <v>12</v>
      </c>
      <c r="AA5556">
        <v>12</v>
      </c>
      <c r="AB5556">
        <v>12</v>
      </c>
      <c r="AC5556">
        <v>13</v>
      </c>
      <c r="AD5556">
        <v>13</v>
      </c>
      <c r="AE5556">
        <v>13</v>
      </c>
      <c r="AF5556">
        <v>13</v>
      </c>
      <c r="AG5556">
        <v>13</v>
      </c>
      <c r="AH5556">
        <v>13</v>
      </c>
      <c r="AI5556">
        <v>14</v>
      </c>
      <c r="AJ5556">
        <v>14</v>
      </c>
      <c r="AK5556">
        <v>14</v>
      </c>
      <c r="AL5556">
        <v>14</v>
      </c>
      <c r="AM5556">
        <v>14</v>
      </c>
      <c r="AN5556">
        <v>14</v>
      </c>
      <c r="AO5556">
        <v>14</v>
      </c>
      <c r="AP5556">
        <v>14</v>
      </c>
      <c r="AQ5556">
        <v>15</v>
      </c>
    </row>
    <row r="5557" spans="1:43">
      <c r="A5557" t="s">
        <v>3474</v>
      </c>
      <c r="B5557" t="s">
        <v>3475</v>
      </c>
      <c r="C5557" t="s">
        <v>3470</v>
      </c>
      <c r="D5557" t="s">
        <v>3471</v>
      </c>
      <c r="E5557" t="s">
        <v>3352</v>
      </c>
      <c r="F5557" t="s">
        <v>3353</v>
      </c>
      <c r="G5557" t="s">
        <v>80</v>
      </c>
      <c r="H5557" t="s">
        <v>81</v>
      </c>
      <c r="I5557" s="2">
        <v>0</v>
      </c>
      <c r="J5557" s="2">
        <v>1</v>
      </c>
      <c r="K5557" s="2">
        <v>0</v>
      </c>
      <c r="L5557" t="s">
        <v>82</v>
      </c>
      <c r="M5557" t="s">
        <v>83</v>
      </c>
      <c r="N5557" t="s">
        <v>91</v>
      </c>
      <c r="O5557" t="s">
        <v>85</v>
      </c>
      <c r="P5557" t="s">
        <v>86</v>
      </c>
      <c r="Q5557">
        <v>9</v>
      </c>
      <c r="R5557">
        <v>9</v>
      </c>
      <c r="S5557">
        <v>9</v>
      </c>
      <c r="T5557">
        <v>10</v>
      </c>
      <c r="U5557">
        <v>10</v>
      </c>
      <c r="V5557">
        <v>10</v>
      </c>
      <c r="W5557">
        <v>10</v>
      </c>
      <c r="X5557">
        <v>11</v>
      </c>
      <c r="Y5557">
        <v>11</v>
      </c>
      <c r="Z5557">
        <v>11</v>
      </c>
      <c r="AA5557">
        <v>11</v>
      </c>
      <c r="AB5557">
        <v>12</v>
      </c>
      <c r="AC5557">
        <v>12</v>
      </c>
      <c r="AD5557">
        <v>12</v>
      </c>
      <c r="AE5557">
        <v>12</v>
      </c>
      <c r="AF5557">
        <v>12</v>
      </c>
      <c r="AG5557">
        <v>13</v>
      </c>
      <c r="AH5557">
        <v>13</v>
      </c>
      <c r="AI5557">
        <v>13</v>
      </c>
      <c r="AJ5557">
        <v>13</v>
      </c>
      <c r="AK5557">
        <v>14</v>
      </c>
      <c r="AL5557">
        <v>14</v>
      </c>
      <c r="AM5557">
        <v>14</v>
      </c>
      <c r="AN5557">
        <v>14</v>
      </c>
      <c r="AO5557">
        <v>14</v>
      </c>
      <c r="AP5557">
        <v>14</v>
      </c>
      <c r="AQ5557">
        <v>14</v>
      </c>
    </row>
    <row r="5558" spans="1:43">
      <c r="A5558" t="s">
        <v>3476</v>
      </c>
      <c r="B5558" t="s">
        <v>3477</v>
      </c>
      <c r="C5558" t="s">
        <v>3470</v>
      </c>
      <c r="D5558" t="s">
        <v>3471</v>
      </c>
      <c r="E5558" t="s">
        <v>3352</v>
      </c>
      <c r="F5558" t="s">
        <v>3353</v>
      </c>
      <c r="G5558" t="s">
        <v>80</v>
      </c>
      <c r="H5558" t="s">
        <v>81</v>
      </c>
      <c r="I5558" s="2">
        <v>0</v>
      </c>
      <c r="J5558" s="2">
        <v>1</v>
      </c>
      <c r="K5558" s="2">
        <v>0</v>
      </c>
      <c r="L5558" t="s">
        <v>82</v>
      </c>
      <c r="M5558" t="s">
        <v>83</v>
      </c>
      <c r="N5558" t="s">
        <v>84</v>
      </c>
      <c r="O5558" t="s">
        <v>85</v>
      </c>
      <c r="P5558" t="s">
        <v>86</v>
      </c>
      <c r="Q5558">
        <v>5</v>
      </c>
      <c r="R5558">
        <v>5</v>
      </c>
      <c r="S5558">
        <v>5</v>
      </c>
      <c r="T5558">
        <v>5</v>
      </c>
      <c r="U5558">
        <v>5</v>
      </c>
      <c r="V5558">
        <v>5</v>
      </c>
      <c r="W5558">
        <v>5</v>
      </c>
      <c r="X5558">
        <v>5</v>
      </c>
      <c r="Y5558">
        <v>6</v>
      </c>
      <c r="Z5558">
        <v>6</v>
      </c>
      <c r="AA5558">
        <v>6</v>
      </c>
      <c r="AB5558">
        <v>6</v>
      </c>
      <c r="AC5558">
        <v>6</v>
      </c>
      <c r="AD5558">
        <v>6</v>
      </c>
      <c r="AE5558">
        <v>6</v>
      </c>
      <c r="AF5558">
        <v>6</v>
      </c>
      <c r="AG5558">
        <v>7</v>
      </c>
      <c r="AH5558">
        <v>7</v>
      </c>
      <c r="AI5558">
        <v>7</v>
      </c>
      <c r="AJ5558">
        <v>7</v>
      </c>
      <c r="AK5558">
        <v>7</v>
      </c>
      <c r="AL5558">
        <v>7</v>
      </c>
      <c r="AM5558">
        <v>7</v>
      </c>
      <c r="AN5558">
        <v>7</v>
      </c>
      <c r="AO5558">
        <v>7</v>
      </c>
      <c r="AP5558">
        <v>7</v>
      </c>
      <c r="AQ5558">
        <v>7</v>
      </c>
    </row>
    <row r="5559" spans="1:43">
      <c r="A5559" t="s">
        <v>3476</v>
      </c>
      <c r="B5559" t="s">
        <v>3477</v>
      </c>
      <c r="C5559" t="s">
        <v>3470</v>
      </c>
      <c r="D5559" t="s">
        <v>3471</v>
      </c>
      <c r="E5559" t="s">
        <v>3352</v>
      </c>
      <c r="F5559" t="s">
        <v>3353</v>
      </c>
      <c r="G5559" t="s">
        <v>80</v>
      </c>
      <c r="H5559" t="s">
        <v>81</v>
      </c>
      <c r="I5559" s="2">
        <v>0</v>
      </c>
      <c r="J5559" s="2">
        <v>1</v>
      </c>
      <c r="K5559" s="2">
        <v>0</v>
      </c>
      <c r="L5559" t="s">
        <v>82</v>
      </c>
      <c r="M5559" t="s">
        <v>87</v>
      </c>
      <c r="N5559" t="s">
        <v>88</v>
      </c>
      <c r="O5559" t="s">
        <v>85</v>
      </c>
      <c r="P5559" t="s">
        <v>86</v>
      </c>
      <c r="Q5559">
        <v>5</v>
      </c>
      <c r="R5559">
        <v>5</v>
      </c>
      <c r="S5559">
        <v>5</v>
      </c>
      <c r="T5559">
        <v>5</v>
      </c>
      <c r="U5559">
        <v>5</v>
      </c>
      <c r="V5559">
        <v>5</v>
      </c>
      <c r="W5559">
        <v>5</v>
      </c>
      <c r="X5559">
        <v>5</v>
      </c>
      <c r="Y5559">
        <v>5</v>
      </c>
      <c r="Z5559">
        <v>5</v>
      </c>
      <c r="AA5559">
        <v>5</v>
      </c>
      <c r="AB5559">
        <v>5</v>
      </c>
      <c r="AC5559">
        <v>5</v>
      </c>
      <c r="AD5559">
        <v>6</v>
      </c>
      <c r="AE5559">
        <v>6</v>
      </c>
      <c r="AF5559">
        <v>6</v>
      </c>
      <c r="AG5559">
        <v>6</v>
      </c>
      <c r="AH5559">
        <v>6</v>
      </c>
      <c r="AI5559">
        <v>6</v>
      </c>
      <c r="AJ5559">
        <v>6</v>
      </c>
      <c r="AK5559">
        <v>6</v>
      </c>
      <c r="AL5559">
        <v>6</v>
      </c>
      <c r="AM5559">
        <v>6</v>
      </c>
      <c r="AN5559">
        <v>6</v>
      </c>
      <c r="AO5559">
        <v>6</v>
      </c>
      <c r="AP5559">
        <v>6</v>
      </c>
      <c r="AQ5559">
        <v>6</v>
      </c>
    </row>
    <row r="5560" spans="1:43">
      <c r="A5560" t="s">
        <v>3476</v>
      </c>
      <c r="B5560" t="s">
        <v>3477</v>
      </c>
      <c r="C5560" t="s">
        <v>3470</v>
      </c>
      <c r="D5560" t="s">
        <v>3471</v>
      </c>
      <c r="E5560" t="s">
        <v>3352</v>
      </c>
      <c r="F5560" t="s">
        <v>3353</v>
      </c>
      <c r="G5560" t="s">
        <v>80</v>
      </c>
      <c r="H5560" t="s">
        <v>81</v>
      </c>
      <c r="I5560" s="2">
        <v>0</v>
      </c>
      <c r="J5560" s="2">
        <v>1</v>
      </c>
      <c r="K5560" s="2">
        <v>0</v>
      </c>
      <c r="L5560" t="s">
        <v>82</v>
      </c>
      <c r="M5560" t="s">
        <v>89</v>
      </c>
      <c r="N5560" t="s">
        <v>90</v>
      </c>
      <c r="O5560" t="s">
        <v>85</v>
      </c>
      <c r="P5560" t="s">
        <v>86</v>
      </c>
      <c r="Q5560">
        <v>5</v>
      </c>
      <c r="R5560">
        <v>5</v>
      </c>
      <c r="S5560">
        <v>5</v>
      </c>
      <c r="T5560">
        <v>5</v>
      </c>
      <c r="U5560">
        <v>5</v>
      </c>
      <c r="V5560">
        <v>5</v>
      </c>
      <c r="W5560">
        <v>6</v>
      </c>
      <c r="X5560">
        <v>6</v>
      </c>
      <c r="Y5560">
        <v>6</v>
      </c>
      <c r="Z5560">
        <v>6</v>
      </c>
      <c r="AA5560">
        <v>6</v>
      </c>
      <c r="AB5560">
        <v>6</v>
      </c>
      <c r="AC5560">
        <v>6</v>
      </c>
      <c r="AD5560">
        <v>7</v>
      </c>
      <c r="AE5560">
        <v>7</v>
      </c>
      <c r="AF5560">
        <v>7</v>
      </c>
      <c r="AG5560">
        <v>7</v>
      </c>
      <c r="AH5560">
        <v>7</v>
      </c>
      <c r="AI5560">
        <v>7</v>
      </c>
      <c r="AJ5560">
        <v>7</v>
      </c>
      <c r="AK5560">
        <v>7</v>
      </c>
      <c r="AL5560">
        <v>7</v>
      </c>
      <c r="AM5560">
        <v>7</v>
      </c>
      <c r="AN5560">
        <v>7</v>
      </c>
      <c r="AO5560">
        <v>7</v>
      </c>
      <c r="AP5560">
        <v>7</v>
      </c>
      <c r="AQ5560">
        <v>8</v>
      </c>
    </row>
    <row r="5561" spans="1:43">
      <c r="A5561" t="s">
        <v>3476</v>
      </c>
      <c r="B5561" t="s">
        <v>3477</v>
      </c>
      <c r="C5561" t="s">
        <v>3470</v>
      </c>
      <c r="D5561" t="s">
        <v>3471</v>
      </c>
      <c r="E5561" t="s">
        <v>3352</v>
      </c>
      <c r="F5561" t="s">
        <v>3353</v>
      </c>
      <c r="G5561" t="s">
        <v>80</v>
      </c>
      <c r="H5561" t="s">
        <v>81</v>
      </c>
      <c r="I5561" s="2">
        <v>0</v>
      </c>
      <c r="J5561" s="2">
        <v>1</v>
      </c>
      <c r="K5561" s="2">
        <v>0</v>
      </c>
      <c r="L5561" t="s">
        <v>82</v>
      </c>
      <c r="M5561" t="s">
        <v>83</v>
      </c>
      <c r="N5561" t="s">
        <v>91</v>
      </c>
      <c r="O5561" t="s">
        <v>85</v>
      </c>
      <c r="P5561" t="s">
        <v>86</v>
      </c>
      <c r="Q5561">
        <v>5</v>
      </c>
      <c r="R5561">
        <v>5</v>
      </c>
      <c r="S5561">
        <v>5</v>
      </c>
      <c r="T5561">
        <v>5</v>
      </c>
      <c r="U5561">
        <v>5</v>
      </c>
      <c r="V5561">
        <v>5</v>
      </c>
      <c r="W5561">
        <v>5</v>
      </c>
      <c r="X5561">
        <v>5</v>
      </c>
      <c r="Y5561">
        <v>6</v>
      </c>
      <c r="Z5561">
        <v>6</v>
      </c>
      <c r="AA5561">
        <v>6</v>
      </c>
      <c r="AB5561">
        <v>6</v>
      </c>
      <c r="AC5561">
        <v>6</v>
      </c>
      <c r="AD5561">
        <v>6</v>
      </c>
      <c r="AE5561">
        <v>6</v>
      </c>
      <c r="AF5561">
        <v>6</v>
      </c>
      <c r="AG5561">
        <v>7</v>
      </c>
      <c r="AH5561">
        <v>7</v>
      </c>
      <c r="AI5561">
        <v>7</v>
      </c>
      <c r="AJ5561">
        <v>7</v>
      </c>
      <c r="AK5561">
        <v>7</v>
      </c>
      <c r="AL5561">
        <v>7</v>
      </c>
      <c r="AM5561">
        <v>7</v>
      </c>
      <c r="AN5561">
        <v>7</v>
      </c>
      <c r="AO5561">
        <v>7</v>
      </c>
      <c r="AP5561">
        <v>7</v>
      </c>
      <c r="AQ5561">
        <v>7</v>
      </c>
    </row>
    <row r="5562" spans="1:43">
      <c r="A5562" t="s">
        <v>3478</v>
      </c>
      <c r="B5562" t="s">
        <v>3479</v>
      </c>
      <c r="C5562" t="s">
        <v>3470</v>
      </c>
      <c r="D5562" t="s">
        <v>3471</v>
      </c>
      <c r="E5562" t="s">
        <v>3352</v>
      </c>
      <c r="F5562" t="s">
        <v>3353</v>
      </c>
      <c r="G5562" t="s">
        <v>80</v>
      </c>
      <c r="H5562" t="s">
        <v>81</v>
      </c>
      <c r="I5562" s="2">
        <v>0</v>
      </c>
      <c r="J5562" s="2">
        <v>1</v>
      </c>
      <c r="K5562" s="2">
        <v>0</v>
      </c>
      <c r="L5562" t="s">
        <v>82</v>
      </c>
      <c r="M5562" t="s">
        <v>83</v>
      </c>
      <c r="N5562" t="s">
        <v>84</v>
      </c>
      <c r="O5562" t="s">
        <v>85</v>
      </c>
      <c r="P5562" t="s">
        <v>86</v>
      </c>
      <c r="Q5562">
        <v>7</v>
      </c>
      <c r="R5562">
        <v>7</v>
      </c>
      <c r="S5562">
        <v>7</v>
      </c>
      <c r="T5562">
        <v>8</v>
      </c>
      <c r="U5562">
        <v>8</v>
      </c>
      <c r="V5562">
        <v>8</v>
      </c>
      <c r="W5562">
        <v>8</v>
      </c>
      <c r="X5562">
        <v>8</v>
      </c>
      <c r="Y5562">
        <v>9</v>
      </c>
      <c r="Z5562">
        <v>9</v>
      </c>
      <c r="AA5562">
        <v>9</v>
      </c>
      <c r="AB5562">
        <v>9</v>
      </c>
      <c r="AC5562">
        <v>9</v>
      </c>
      <c r="AD5562">
        <v>9</v>
      </c>
      <c r="AE5562">
        <v>10</v>
      </c>
      <c r="AF5562">
        <v>10</v>
      </c>
      <c r="AG5562">
        <v>10</v>
      </c>
      <c r="AH5562">
        <v>10</v>
      </c>
      <c r="AI5562">
        <v>10</v>
      </c>
      <c r="AJ5562">
        <v>11</v>
      </c>
      <c r="AK5562">
        <v>11</v>
      </c>
      <c r="AL5562">
        <v>11</v>
      </c>
      <c r="AM5562">
        <v>11</v>
      </c>
      <c r="AN5562">
        <v>11</v>
      </c>
      <c r="AO5562">
        <v>11</v>
      </c>
      <c r="AP5562">
        <v>11</v>
      </c>
      <c r="AQ5562">
        <v>11</v>
      </c>
    </row>
    <row r="5563" spans="1:43">
      <c r="A5563" t="s">
        <v>3478</v>
      </c>
      <c r="B5563" t="s">
        <v>3479</v>
      </c>
      <c r="C5563" t="s">
        <v>3470</v>
      </c>
      <c r="D5563" t="s">
        <v>3471</v>
      </c>
      <c r="E5563" t="s">
        <v>3352</v>
      </c>
      <c r="F5563" t="s">
        <v>3353</v>
      </c>
      <c r="G5563" t="s">
        <v>80</v>
      </c>
      <c r="H5563" t="s">
        <v>81</v>
      </c>
      <c r="I5563" s="2">
        <v>0</v>
      </c>
      <c r="J5563" s="2">
        <v>1</v>
      </c>
      <c r="K5563" s="2">
        <v>0</v>
      </c>
      <c r="L5563" t="s">
        <v>82</v>
      </c>
      <c r="M5563" t="s">
        <v>87</v>
      </c>
      <c r="N5563" t="s">
        <v>88</v>
      </c>
      <c r="O5563" t="s">
        <v>85</v>
      </c>
      <c r="P5563" t="s">
        <v>86</v>
      </c>
      <c r="Q5563">
        <v>7</v>
      </c>
      <c r="R5563">
        <v>7</v>
      </c>
      <c r="S5563">
        <v>7</v>
      </c>
      <c r="T5563">
        <v>7</v>
      </c>
      <c r="U5563">
        <v>8</v>
      </c>
      <c r="V5563">
        <v>8</v>
      </c>
      <c r="W5563">
        <v>8</v>
      </c>
      <c r="X5563">
        <v>8</v>
      </c>
      <c r="Y5563">
        <v>8</v>
      </c>
      <c r="Z5563">
        <v>8</v>
      </c>
      <c r="AA5563">
        <v>8</v>
      </c>
      <c r="AB5563">
        <v>8</v>
      </c>
      <c r="AC5563">
        <v>8</v>
      </c>
      <c r="AD5563">
        <v>8</v>
      </c>
      <c r="AE5563">
        <v>9</v>
      </c>
      <c r="AF5563">
        <v>9</v>
      </c>
      <c r="AG5563">
        <v>9</v>
      </c>
      <c r="AH5563">
        <v>9</v>
      </c>
      <c r="AI5563">
        <v>9</v>
      </c>
      <c r="AJ5563">
        <v>9</v>
      </c>
      <c r="AK5563">
        <v>9</v>
      </c>
      <c r="AL5563">
        <v>9</v>
      </c>
      <c r="AM5563">
        <v>9</v>
      </c>
      <c r="AN5563">
        <v>10</v>
      </c>
      <c r="AO5563">
        <v>10</v>
      </c>
      <c r="AP5563">
        <v>10</v>
      </c>
      <c r="AQ5563">
        <v>10</v>
      </c>
    </row>
    <row r="5564" spans="1:43">
      <c r="A5564" t="s">
        <v>3478</v>
      </c>
      <c r="B5564" t="s">
        <v>3479</v>
      </c>
      <c r="C5564" t="s">
        <v>3470</v>
      </c>
      <c r="D5564" t="s">
        <v>3471</v>
      </c>
      <c r="E5564" t="s">
        <v>3352</v>
      </c>
      <c r="F5564" t="s">
        <v>3353</v>
      </c>
      <c r="G5564" t="s">
        <v>80</v>
      </c>
      <c r="H5564" t="s">
        <v>81</v>
      </c>
      <c r="I5564" s="2">
        <v>0</v>
      </c>
      <c r="J5564" s="2">
        <v>1</v>
      </c>
      <c r="K5564" s="2">
        <v>0</v>
      </c>
      <c r="L5564" t="s">
        <v>82</v>
      </c>
      <c r="M5564" t="s">
        <v>89</v>
      </c>
      <c r="N5564" t="s">
        <v>90</v>
      </c>
      <c r="O5564" t="s">
        <v>85</v>
      </c>
      <c r="P5564" t="s">
        <v>86</v>
      </c>
      <c r="Q5564">
        <v>7</v>
      </c>
      <c r="R5564">
        <v>7</v>
      </c>
      <c r="S5564">
        <v>8</v>
      </c>
      <c r="T5564">
        <v>8</v>
      </c>
      <c r="U5564">
        <v>8</v>
      </c>
      <c r="V5564">
        <v>8</v>
      </c>
      <c r="W5564">
        <v>9</v>
      </c>
      <c r="X5564">
        <v>9</v>
      </c>
      <c r="Y5564">
        <v>9</v>
      </c>
      <c r="Z5564">
        <v>9</v>
      </c>
      <c r="AA5564">
        <v>10</v>
      </c>
      <c r="AB5564">
        <v>10</v>
      </c>
      <c r="AC5564">
        <v>10</v>
      </c>
      <c r="AD5564">
        <v>10</v>
      </c>
      <c r="AE5564">
        <v>10</v>
      </c>
      <c r="AF5564">
        <v>10</v>
      </c>
      <c r="AG5564">
        <v>11</v>
      </c>
      <c r="AH5564">
        <v>11</v>
      </c>
      <c r="AI5564">
        <v>11</v>
      </c>
      <c r="AJ5564">
        <v>11</v>
      </c>
      <c r="AK5564">
        <v>11</v>
      </c>
      <c r="AL5564">
        <v>11</v>
      </c>
      <c r="AM5564">
        <v>11</v>
      </c>
      <c r="AN5564">
        <v>11</v>
      </c>
      <c r="AO5564">
        <v>11</v>
      </c>
      <c r="AP5564">
        <v>11</v>
      </c>
      <c r="AQ5564">
        <v>12</v>
      </c>
    </row>
    <row r="5565" spans="1:43">
      <c r="A5565" t="s">
        <v>3478</v>
      </c>
      <c r="B5565" t="s">
        <v>3479</v>
      </c>
      <c r="C5565" t="s">
        <v>3470</v>
      </c>
      <c r="D5565" t="s">
        <v>3471</v>
      </c>
      <c r="E5565" t="s">
        <v>3352</v>
      </c>
      <c r="F5565" t="s">
        <v>3353</v>
      </c>
      <c r="G5565" t="s">
        <v>80</v>
      </c>
      <c r="H5565" t="s">
        <v>81</v>
      </c>
      <c r="I5565" s="2">
        <v>0</v>
      </c>
      <c r="J5565" s="2">
        <v>1</v>
      </c>
      <c r="K5565" s="2">
        <v>0</v>
      </c>
      <c r="L5565" t="s">
        <v>82</v>
      </c>
      <c r="M5565" t="s">
        <v>83</v>
      </c>
      <c r="N5565" t="s">
        <v>91</v>
      </c>
      <c r="O5565" t="s">
        <v>85</v>
      </c>
      <c r="P5565" t="s">
        <v>86</v>
      </c>
      <c r="Q5565">
        <v>7</v>
      </c>
      <c r="R5565">
        <v>7</v>
      </c>
      <c r="S5565">
        <v>7</v>
      </c>
      <c r="T5565">
        <v>8</v>
      </c>
      <c r="U5565">
        <v>8</v>
      </c>
      <c r="V5565">
        <v>8</v>
      </c>
      <c r="W5565">
        <v>8</v>
      </c>
      <c r="X5565">
        <v>8</v>
      </c>
      <c r="Y5565">
        <v>9</v>
      </c>
      <c r="Z5565">
        <v>9</v>
      </c>
      <c r="AA5565">
        <v>9</v>
      </c>
      <c r="AB5565">
        <v>9</v>
      </c>
      <c r="AC5565">
        <v>9</v>
      </c>
      <c r="AD5565">
        <v>9</v>
      </c>
      <c r="AE5565">
        <v>10</v>
      </c>
      <c r="AF5565">
        <v>10</v>
      </c>
      <c r="AG5565">
        <v>10</v>
      </c>
      <c r="AH5565">
        <v>10</v>
      </c>
      <c r="AI5565">
        <v>10</v>
      </c>
      <c r="AJ5565">
        <v>11</v>
      </c>
      <c r="AK5565">
        <v>11</v>
      </c>
      <c r="AL5565">
        <v>11</v>
      </c>
      <c r="AM5565">
        <v>11</v>
      </c>
      <c r="AN5565">
        <v>11</v>
      </c>
      <c r="AO5565">
        <v>11</v>
      </c>
      <c r="AP5565">
        <v>11</v>
      </c>
      <c r="AQ5565">
        <v>11</v>
      </c>
    </row>
    <row r="5566" spans="1:43">
      <c r="A5566" t="s">
        <v>3480</v>
      </c>
      <c r="B5566" t="s">
        <v>3481</v>
      </c>
      <c r="C5566" t="s">
        <v>3482</v>
      </c>
      <c r="D5566" t="s">
        <v>3483</v>
      </c>
      <c r="E5566" t="s">
        <v>3352</v>
      </c>
      <c r="F5566" t="s">
        <v>3353</v>
      </c>
      <c r="G5566" t="s">
        <v>80</v>
      </c>
      <c r="H5566" t="s">
        <v>81</v>
      </c>
      <c r="I5566" s="2">
        <v>0</v>
      </c>
      <c r="J5566" s="2">
        <v>1</v>
      </c>
      <c r="K5566" s="2">
        <v>0</v>
      </c>
      <c r="L5566" t="s">
        <v>82</v>
      </c>
      <c r="M5566" t="s">
        <v>83</v>
      </c>
      <c r="N5566" t="s">
        <v>84</v>
      </c>
      <c r="O5566" t="s">
        <v>85</v>
      </c>
      <c r="P5566" t="s">
        <v>86</v>
      </c>
      <c r="Q5566">
        <v>23</v>
      </c>
      <c r="R5566">
        <v>23</v>
      </c>
      <c r="S5566">
        <v>24</v>
      </c>
      <c r="T5566">
        <v>24</v>
      </c>
      <c r="U5566">
        <v>25</v>
      </c>
      <c r="V5566">
        <v>25</v>
      </c>
      <c r="W5566">
        <v>26</v>
      </c>
      <c r="X5566">
        <v>26</v>
      </c>
      <c r="Y5566">
        <v>27</v>
      </c>
      <c r="Z5566">
        <v>28</v>
      </c>
      <c r="AA5566">
        <v>28</v>
      </c>
      <c r="AB5566">
        <v>29</v>
      </c>
      <c r="AC5566">
        <v>29</v>
      </c>
      <c r="AD5566">
        <v>30</v>
      </c>
      <c r="AE5566">
        <v>31</v>
      </c>
      <c r="AF5566">
        <v>31</v>
      </c>
      <c r="AG5566">
        <v>32</v>
      </c>
      <c r="AH5566">
        <v>32</v>
      </c>
      <c r="AI5566">
        <v>33</v>
      </c>
      <c r="AJ5566">
        <v>34</v>
      </c>
      <c r="AK5566">
        <v>34</v>
      </c>
      <c r="AL5566">
        <v>35</v>
      </c>
      <c r="AM5566">
        <v>35</v>
      </c>
      <c r="AN5566">
        <v>35</v>
      </c>
      <c r="AO5566">
        <v>36</v>
      </c>
      <c r="AP5566">
        <v>36</v>
      </c>
      <c r="AQ5566">
        <v>36</v>
      </c>
    </row>
    <row r="5567" spans="1:43">
      <c r="A5567" t="s">
        <v>3480</v>
      </c>
      <c r="B5567" t="s">
        <v>3481</v>
      </c>
      <c r="C5567" t="s">
        <v>3482</v>
      </c>
      <c r="D5567" t="s">
        <v>3483</v>
      </c>
      <c r="E5567" t="s">
        <v>3352</v>
      </c>
      <c r="F5567" t="s">
        <v>3353</v>
      </c>
      <c r="G5567" t="s">
        <v>80</v>
      </c>
      <c r="H5567" t="s">
        <v>81</v>
      </c>
      <c r="I5567" s="2">
        <v>0</v>
      </c>
      <c r="J5567" s="2">
        <v>1</v>
      </c>
      <c r="K5567" s="2">
        <v>0</v>
      </c>
      <c r="L5567" t="s">
        <v>82</v>
      </c>
      <c r="M5567" t="s">
        <v>87</v>
      </c>
      <c r="N5567" t="s">
        <v>88</v>
      </c>
      <c r="O5567" t="s">
        <v>85</v>
      </c>
      <c r="P5567" t="s">
        <v>86</v>
      </c>
      <c r="Q5567">
        <v>23</v>
      </c>
      <c r="R5567">
        <v>24</v>
      </c>
      <c r="S5567">
        <v>24</v>
      </c>
      <c r="T5567">
        <v>24</v>
      </c>
      <c r="U5567">
        <v>25</v>
      </c>
      <c r="V5567">
        <v>25</v>
      </c>
      <c r="W5567">
        <v>25</v>
      </c>
      <c r="X5567">
        <v>26</v>
      </c>
      <c r="Y5567">
        <v>26</v>
      </c>
      <c r="Z5567">
        <v>26</v>
      </c>
      <c r="AA5567">
        <v>27</v>
      </c>
      <c r="AB5567">
        <v>27</v>
      </c>
      <c r="AC5567">
        <v>27</v>
      </c>
      <c r="AD5567">
        <v>28</v>
      </c>
      <c r="AE5567">
        <v>28</v>
      </c>
      <c r="AF5567">
        <v>28</v>
      </c>
      <c r="AG5567">
        <v>29</v>
      </c>
      <c r="AH5567">
        <v>29</v>
      </c>
      <c r="AI5567">
        <v>30</v>
      </c>
      <c r="AJ5567">
        <v>30</v>
      </c>
      <c r="AK5567">
        <v>30</v>
      </c>
      <c r="AL5567">
        <v>31</v>
      </c>
      <c r="AM5567">
        <v>31</v>
      </c>
      <c r="AN5567">
        <v>31</v>
      </c>
      <c r="AO5567">
        <v>32</v>
      </c>
      <c r="AP5567">
        <v>32</v>
      </c>
      <c r="AQ5567">
        <v>33</v>
      </c>
    </row>
    <row r="5568" spans="1:43">
      <c r="A5568" t="s">
        <v>3480</v>
      </c>
      <c r="B5568" t="s">
        <v>3481</v>
      </c>
      <c r="C5568" t="s">
        <v>3482</v>
      </c>
      <c r="D5568" t="s">
        <v>3483</v>
      </c>
      <c r="E5568" t="s">
        <v>3352</v>
      </c>
      <c r="F5568" t="s">
        <v>3353</v>
      </c>
      <c r="G5568" t="s">
        <v>80</v>
      </c>
      <c r="H5568" t="s">
        <v>81</v>
      </c>
      <c r="I5568" s="2">
        <v>0</v>
      </c>
      <c r="J5568" s="2">
        <v>1</v>
      </c>
      <c r="K5568" s="2">
        <v>0</v>
      </c>
      <c r="L5568" t="s">
        <v>82</v>
      </c>
      <c r="M5568" t="s">
        <v>89</v>
      </c>
      <c r="N5568" t="s">
        <v>90</v>
      </c>
      <c r="O5568" t="s">
        <v>85</v>
      </c>
      <c r="P5568" t="s">
        <v>86</v>
      </c>
      <c r="Q5568">
        <v>23</v>
      </c>
      <c r="R5568">
        <v>24</v>
      </c>
      <c r="S5568">
        <v>24</v>
      </c>
      <c r="T5568">
        <v>25</v>
      </c>
      <c r="U5568">
        <v>26</v>
      </c>
      <c r="V5568">
        <v>27</v>
      </c>
      <c r="W5568">
        <v>27</v>
      </c>
      <c r="X5568">
        <v>28</v>
      </c>
      <c r="Y5568">
        <v>29</v>
      </c>
      <c r="Z5568">
        <v>29</v>
      </c>
      <c r="AA5568">
        <v>30</v>
      </c>
      <c r="AB5568">
        <v>31</v>
      </c>
      <c r="AC5568">
        <v>31</v>
      </c>
      <c r="AD5568">
        <v>32</v>
      </c>
      <c r="AE5568">
        <v>33</v>
      </c>
      <c r="AF5568">
        <v>33</v>
      </c>
      <c r="AG5568">
        <v>33</v>
      </c>
      <c r="AH5568">
        <v>34</v>
      </c>
      <c r="AI5568">
        <v>34</v>
      </c>
      <c r="AJ5568">
        <v>34</v>
      </c>
      <c r="AK5568">
        <v>35</v>
      </c>
      <c r="AL5568">
        <v>35</v>
      </c>
      <c r="AM5568">
        <v>35</v>
      </c>
      <c r="AN5568">
        <v>35</v>
      </c>
      <c r="AO5568">
        <v>36</v>
      </c>
      <c r="AP5568">
        <v>36</v>
      </c>
      <c r="AQ5568">
        <v>36</v>
      </c>
    </row>
    <row r="5569" spans="1:43">
      <c r="A5569" t="s">
        <v>3480</v>
      </c>
      <c r="B5569" t="s">
        <v>3481</v>
      </c>
      <c r="C5569" t="s">
        <v>3482</v>
      </c>
      <c r="D5569" t="s">
        <v>3483</v>
      </c>
      <c r="E5569" t="s">
        <v>3352</v>
      </c>
      <c r="F5569" t="s">
        <v>3353</v>
      </c>
      <c r="G5569" t="s">
        <v>80</v>
      </c>
      <c r="H5569" t="s">
        <v>81</v>
      </c>
      <c r="I5569" s="2">
        <v>0</v>
      </c>
      <c r="J5569" s="2">
        <v>1</v>
      </c>
      <c r="K5569" s="2">
        <v>0</v>
      </c>
      <c r="L5569" t="s">
        <v>82</v>
      </c>
      <c r="M5569" t="s">
        <v>83</v>
      </c>
      <c r="N5569" t="s">
        <v>91</v>
      </c>
      <c r="O5569" t="s">
        <v>85</v>
      </c>
      <c r="P5569" t="s">
        <v>86</v>
      </c>
      <c r="Q5569">
        <v>23</v>
      </c>
      <c r="R5569">
        <v>23</v>
      </c>
      <c r="S5569">
        <v>24</v>
      </c>
      <c r="T5569">
        <v>24</v>
      </c>
      <c r="U5569">
        <v>25</v>
      </c>
      <c r="V5569">
        <v>25</v>
      </c>
      <c r="W5569">
        <v>26</v>
      </c>
      <c r="X5569">
        <v>26</v>
      </c>
      <c r="Y5569">
        <v>27</v>
      </c>
      <c r="Z5569">
        <v>28</v>
      </c>
      <c r="AA5569">
        <v>28</v>
      </c>
      <c r="AB5569">
        <v>29</v>
      </c>
      <c r="AC5569">
        <v>29</v>
      </c>
      <c r="AD5569">
        <v>30</v>
      </c>
      <c r="AE5569">
        <v>31</v>
      </c>
      <c r="AF5569">
        <v>31</v>
      </c>
      <c r="AG5569">
        <v>32</v>
      </c>
      <c r="AH5569">
        <v>32</v>
      </c>
      <c r="AI5569">
        <v>33</v>
      </c>
      <c r="AJ5569">
        <v>34</v>
      </c>
      <c r="AK5569">
        <v>34</v>
      </c>
      <c r="AL5569">
        <v>35</v>
      </c>
      <c r="AM5569">
        <v>35</v>
      </c>
      <c r="AN5569">
        <v>35</v>
      </c>
      <c r="AO5569">
        <v>36</v>
      </c>
      <c r="AP5569">
        <v>36</v>
      </c>
      <c r="AQ5569">
        <v>36</v>
      </c>
    </row>
    <row r="5570" spans="1:43">
      <c r="A5570" t="s">
        <v>3484</v>
      </c>
      <c r="B5570" t="s">
        <v>3485</v>
      </c>
      <c r="C5570" t="s">
        <v>3486</v>
      </c>
      <c r="D5570" t="s">
        <v>3487</v>
      </c>
      <c r="E5570" t="s">
        <v>3352</v>
      </c>
      <c r="F5570" t="s">
        <v>3353</v>
      </c>
      <c r="G5570" t="s">
        <v>80</v>
      </c>
      <c r="H5570" t="s">
        <v>81</v>
      </c>
      <c r="I5570" s="2">
        <v>0</v>
      </c>
      <c r="J5570" s="2">
        <v>1</v>
      </c>
      <c r="K5570" s="2">
        <v>0</v>
      </c>
      <c r="L5570" t="s">
        <v>82</v>
      </c>
      <c r="M5570" t="s">
        <v>83</v>
      </c>
      <c r="N5570" t="s">
        <v>84</v>
      </c>
      <c r="O5570" t="s">
        <v>85</v>
      </c>
      <c r="P5570" t="s">
        <v>86</v>
      </c>
      <c r="Q5570">
        <v>67</v>
      </c>
      <c r="R5570">
        <v>69</v>
      </c>
      <c r="S5570">
        <v>70</v>
      </c>
      <c r="T5570">
        <v>72</v>
      </c>
      <c r="U5570">
        <v>74</v>
      </c>
      <c r="V5570">
        <v>75</v>
      </c>
      <c r="W5570">
        <v>77</v>
      </c>
      <c r="X5570">
        <v>79</v>
      </c>
      <c r="Y5570">
        <v>80</v>
      </c>
      <c r="Z5570">
        <v>82</v>
      </c>
      <c r="AA5570">
        <v>84</v>
      </c>
      <c r="AB5570">
        <v>86</v>
      </c>
      <c r="AC5570">
        <v>87</v>
      </c>
      <c r="AD5570">
        <v>89</v>
      </c>
      <c r="AE5570">
        <v>91</v>
      </c>
      <c r="AF5570">
        <v>92</v>
      </c>
      <c r="AG5570">
        <v>94</v>
      </c>
      <c r="AH5570">
        <v>96</v>
      </c>
      <c r="AI5570">
        <v>98</v>
      </c>
      <c r="AJ5570">
        <v>100</v>
      </c>
      <c r="AK5570">
        <v>101</v>
      </c>
      <c r="AL5570">
        <v>103</v>
      </c>
      <c r="AM5570">
        <v>104</v>
      </c>
      <c r="AN5570">
        <v>105</v>
      </c>
      <c r="AO5570">
        <v>105</v>
      </c>
      <c r="AP5570">
        <v>106</v>
      </c>
      <c r="AQ5570">
        <v>107</v>
      </c>
    </row>
    <row r="5571" spans="1:43">
      <c r="A5571" t="s">
        <v>3484</v>
      </c>
      <c r="B5571" t="s">
        <v>3485</v>
      </c>
      <c r="C5571" t="s">
        <v>3486</v>
      </c>
      <c r="D5571" t="s">
        <v>3487</v>
      </c>
      <c r="E5571" t="s">
        <v>3352</v>
      </c>
      <c r="F5571" t="s">
        <v>3353</v>
      </c>
      <c r="G5571" t="s">
        <v>80</v>
      </c>
      <c r="H5571" t="s">
        <v>81</v>
      </c>
      <c r="I5571" s="2">
        <v>0</v>
      </c>
      <c r="J5571" s="2">
        <v>1</v>
      </c>
      <c r="K5571" s="2">
        <v>0</v>
      </c>
      <c r="L5571" t="s">
        <v>82</v>
      </c>
      <c r="M5571" t="s">
        <v>87</v>
      </c>
      <c r="N5571" t="s">
        <v>88</v>
      </c>
      <c r="O5571" t="s">
        <v>85</v>
      </c>
      <c r="P5571" t="s">
        <v>86</v>
      </c>
      <c r="Q5571">
        <v>67</v>
      </c>
      <c r="R5571">
        <v>67</v>
      </c>
      <c r="S5571">
        <v>68</v>
      </c>
      <c r="T5571">
        <v>69</v>
      </c>
      <c r="U5571">
        <v>70</v>
      </c>
      <c r="V5571">
        <v>71</v>
      </c>
      <c r="W5571">
        <v>72</v>
      </c>
      <c r="X5571">
        <v>73</v>
      </c>
      <c r="Y5571">
        <v>74</v>
      </c>
      <c r="Z5571">
        <v>75</v>
      </c>
      <c r="AA5571">
        <v>76</v>
      </c>
      <c r="AB5571">
        <v>77</v>
      </c>
      <c r="AC5571">
        <v>78</v>
      </c>
      <c r="AD5571">
        <v>79</v>
      </c>
      <c r="AE5571">
        <v>80</v>
      </c>
      <c r="AF5571">
        <v>81</v>
      </c>
      <c r="AG5571">
        <v>82</v>
      </c>
      <c r="AH5571">
        <v>84</v>
      </c>
      <c r="AI5571">
        <v>85</v>
      </c>
      <c r="AJ5571">
        <v>86</v>
      </c>
      <c r="AK5571">
        <v>87</v>
      </c>
      <c r="AL5571">
        <v>88</v>
      </c>
      <c r="AM5571">
        <v>89</v>
      </c>
      <c r="AN5571">
        <v>90</v>
      </c>
      <c r="AO5571">
        <v>91</v>
      </c>
      <c r="AP5571">
        <v>92</v>
      </c>
      <c r="AQ5571">
        <v>94</v>
      </c>
    </row>
    <row r="5572" spans="1:43">
      <c r="A5572" t="s">
        <v>3484</v>
      </c>
      <c r="B5572" t="s">
        <v>3485</v>
      </c>
      <c r="C5572" t="s">
        <v>3486</v>
      </c>
      <c r="D5572" t="s">
        <v>3487</v>
      </c>
      <c r="E5572" t="s">
        <v>3352</v>
      </c>
      <c r="F5572" t="s">
        <v>3353</v>
      </c>
      <c r="G5572" t="s">
        <v>80</v>
      </c>
      <c r="H5572" t="s">
        <v>81</v>
      </c>
      <c r="I5572" s="2">
        <v>0</v>
      </c>
      <c r="J5572" s="2">
        <v>1</v>
      </c>
      <c r="K5572" s="2">
        <v>0</v>
      </c>
      <c r="L5572" t="s">
        <v>82</v>
      </c>
      <c r="M5572" t="s">
        <v>89</v>
      </c>
      <c r="N5572" t="s">
        <v>90</v>
      </c>
      <c r="O5572" t="s">
        <v>85</v>
      </c>
      <c r="P5572" t="s">
        <v>86</v>
      </c>
      <c r="Q5572">
        <v>67</v>
      </c>
      <c r="R5572">
        <v>69</v>
      </c>
      <c r="S5572">
        <v>71</v>
      </c>
      <c r="T5572">
        <v>73</v>
      </c>
      <c r="U5572">
        <v>76</v>
      </c>
      <c r="V5572">
        <v>78</v>
      </c>
      <c r="W5572">
        <v>80</v>
      </c>
      <c r="X5572">
        <v>82</v>
      </c>
      <c r="Y5572">
        <v>84</v>
      </c>
      <c r="Z5572">
        <v>86</v>
      </c>
      <c r="AA5572">
        <v>88</v>
      </c>
      <c r="AB5572">
        <v>90</v>
      </c>
      <c r="AC5572">
        <v>92</v>
      </c>
      <c r="AD5572">
        <v>94</v>
      </c>
      <c r="AE5572">
        <v>96</v>
      </c>
      <c r="AF5572">
        <v>97</v>
      </c>
      <c r="AG5572">
        <v>98</v>
      </c>
      <c r="AH5572">
        <v>99</v>
      </c>
      <c r="AI5572">
        <v>100</v>
      </c>
      <c r="AJ5572">
        <v>101</v>
      </c>
      <c r="AK5572">
        <v>101</v>
      </c>
      <c r="AL5572">
        <v>102</v>
      </c>
      <c r="AM5572">
        <v>103</v>
      </c>
      <c r="AN5572">
        <v>104</v>
      </c>
      <c r="AO5572">
        <v>105</v>
      </c>
      <c r="AP5572">
        <v>106</v>
      </c>
      <c r="AQ5572">
        <v>107</v>
      </c>
    </row>
    <row r="5573" spans="1:43">
      <c r="A5573" t="s">
        <v>3484</v>
      </c>
      <c r="B5573" t="s">
        <v>3485</v>
      </c>
      <c r="C5573" t="s">
        <v>3486</v>
      </c>
      <c r="D5573" t="s">
        <v>3487</v>
      </c>
      <c r="E5573" t="s">
        <v>3352</v>
      </c>
      <c r="F5573" t="s">
        <v>3353</v>
      </c>
      <c r="G5573" t="s">
        <v>80</v>
      </c>
      <c r="H5573" t="s">
        <v>81</v>
      </c>
      <c r="I5573" s="2">
        <v>0</v>
      </c>
      <c r="J5573" s="2">
        <v>1</v>
      </c>
      <c r="K5573" s="2">
        <v>0</v>
      </c>
      <c r="L5573" t="s">
        <v>82</v>
      </c>
      <c r="M5573" t="s">
        <v>83</v>
      </c>
      <c r="N5573" t="s">
        <v>91</v>
      </c>
      <c r="O5573" t="s">
        <v>85</v>
      </c>
      <c r="P5573" t="s">
        <v>86</v>
      </c>
      <c r="Q5573">
        <v>67</v>
      </c>
      <c r="R5573">
        <v>69</v>
      </c>
      <c r="S5573">
        <v>70</v>
      </c>
      <c r="T5573">
        <v>72</v>
      </c>
      <c r="U5573">
        <v>74</v>
      </c>
      <c r="V5573">
        <v>75</v>
      </c>
      <c r="W5573">
        <v>77</v>
      </c>
      <c r="X5573">
        <v>79</v>
      </c>
      <c r="Y5573">
        <v>80</v>
      </c>
      <c r="Z5573">
        <v>82</v>
      </c>
      <c r="AA5573">
        <v>84</v>
      </c>
      <c r="AB5573">
        <v>86</v>
      </c>
      <c r="AC5573">
        <v>87</v>
      </c>
      <c r="AD5573">
        <v>89</v>
      </c>
      <c r="AE5573">
        <v>91</v>
      </c>
      <c r="AF5573">
        <v>92</v>
      </c>
      <c r="AG5573">
        <v>94</v>
      </c>
      <c r="AH5573">
        <v>96</v>
      </c>
      <c r="AI5573">
        <v>98</v>
      </c>
      <c r="AJ5573">
        <v>100</v>
      </c>
      <c r="AK5573">
        <v>101</v>
      </c>
      <c r="AL5573">
        <v>103</v>
      </c>
      <c r="AM5573">
        <v>104</v>
      </c>
      <c r="AN5573">
        <v>105</v>
      </c>
      <c r="AO5573">
        <v>105</v>
      </c>
      <c r="AP5573">
        <v>106</v>
      </c>
      <c r="AQ5573">
        <v>107</v>
      </c>
    </row>
    <row r="5574" spans="1:43">
      <c r="A5574" t="s">
        <v>3488</v>
      </c>
      <c r="B5574" t="s">
        <v>3489</v>
      </c>
      <c r="C5574" t="s">
        <v>3486</v>
      </c>
      <c r="D5574" t="s">
        <v>3487</v>
      </c>
      <c r="E5574" t="s">
        <v>3352</v>
      </c>
      <c r="F5574" t="s">
        <v>3353</v>
      </c>
      <c r="G5574" t="s">
        <v>80</v>
      </c>
      <c r="H5574" t="s">
        <v>81</v>
      </c>
      <c r="I5574" s="2">
        <v>0</v>
      </c>
      <c r="J5574" s="2">
        <v>1</v>
      </c>
      <c r="K5574" s="2">
        <v>0</v>
      </c>
      <c r="L5574" t="s">
        <v>82</v>
      </c>
      <c r="M5574" t="s">
        <v>83</v>
      </c>
      <c r="N5574" t="s">
        <v>84</v>
      </c>
      <c r="O5574" t="s">
        <v>85</v>
      </c>
      <c r="P5574" t="s">
        <v>86</v>
      </c>
      <c r="Q5574">
        <v>0</v>
      </c>
      <c r="R5574">
        <v>0</v>
      </c>
      <c r="S5574">
        <v>0</v>
      </c>
      <c r="T5574">
        <v>0</v>
      </c>
      <c r="U5574">
        <v>0</v>
      </c>
      <c r="V5574">
        <v>0</v>
      </c>
      <c r="W5574">
        <v>0</v>
      </c>
      <c r="X5574">
        <v>0</v>
      </c>
      <c r="Y5574">
        <v>0</v>
      </c>
      <c r="Z5574">
        <v>0</v>
      </c>
      <c r="AA5574">
        <v>0</v>
      </c>
      <c r="AB5574">
        <v>0</v>
      </c>
      <c r="AC5574">
        <v>0</v>
      </c>
      <c r="AD5574">
        <v>0</v>
      </c>
      <c r="AE5574">
        <v>0</v>
      </c>
      <c r="AF5574">
        <v>0</v>
      </c>
      <c r="AG5574">
        <v>0</v>
      </c>
      <c r="AH5574">
        <v>0</v>
      </c>
      <c r="AI5574">
        <v>0</v>
      </c>
      <c r="AJ5574">
        <v>0</v>
      </c>
      <c r="AK5574">
        <v>0</v>
      </c>
      <c r="AL5574">
        <v>0</v>
      </c>
      <c r="AM5574">
        <v>0</v>
      </c>
      <c r="AN5574">
        <v>0</v>
      </c>
      <c r="AO5574">
        <v>0</v>
      </c>
      <c r="AP5574">
        <v>0</v>
      </c>
      <c r="AQ5574">
        <v>0</v>
      </c>
    </row>
    <row r="5575" spans="1:43">
      <c r="A5575" t="s">
        <v>3488</v>
      </c>
      <c r="B5575" t="s">
        <v>3489</v>
      </c>
      <c r="C5575" t="s">
        <v>3486</v>
      </c>
      <c r="D5575" t="s">
        <v>3487</v>
      </c>
      <c r="E5575" t="s">
        <v>3352</v>
      </c>
      <c r="F5575" t="s">
        <v>3353</v>
      </c>
      <c r="G5575" t="s">
        <v>80</v>
      </c>
      <c r="H5575" t="s">
        <v>81</v>
      </c>
      <c r="I5575" s="2">
        <v>0</v>
      </c>
      <c r="J5575" s="2">
        <v>1</v>
      </c>
      <c r="K5575" s="2">
        <v>0</v>
      </c>
      <c r="L5575" t="s">
        <v>82</v>
      </c>
      <c r="M5575" t="s">
        <v>87</v>
      </c>
      <c r="N5575" t="s">
        <v>88</v>
      </c>
      <c r="O5575" t="s">
        <v>85</v>
      </c>
      <c r="P5575" t="s">
        <v>86</v>
      </c>
      <c r="Q5575">
        <v>0</v>
      </c>
      <c r="R5575">
        <v>0</v>
      </c>
      <c r="S5575">
        <v>0</v>
      </c>
      <c r="T5575">
        <v>0</v>
      </c>
      <c r="U5575">
        <v>0</v>
      </c>
      <c r="V5575">
        <v>0</v>
      </c>
      <c r="W5575">
        <v>0</v>
      </c>
      <c r="X5575">
        <v>0</v>
      </c>
      <c r="Y5575">
        <v>0</v>
      </c>
      <c r="Z5575">
        <v>0</v>
      </c>
      <c r="AA5575">
        <v>0</v>
      </c>
      <c r="AB5575">
        <v>0</v>
      </c>
      <c r="AC5575">
        <v>0</v>
      </c>
      <c r="AD5575">
        <v>0</v>
      </c>
      <c r="AE5575">
        <v>0</v>
      </c>
      <c r="AF5575">
        <v>0</v>
      </c>
      <c r="AG5575">
        <v>0</v>
      </c>
      <c r="AH5575">
        <v>0</v>
      </c>
      <c r="AI5575">
        <v>0</v>
      </c>
      <c r="AJ5575">
        <v>0</v>
      </c>
      <c r="AK5575">
        <v>0</v>
      </c>
      <c r="AL5575">
        <v>0</v>
      </c>
      <c r="AM5575">
        <v>0</v>
      </c>
      <c r="AN5575">
        <v>0</v>
      </c>
      <c r="AO5575">
        <v>0</v>
      </c>
      <c r="AP5575">
        <v>0</v>
      </c>
      <c r="AQ5575">
        <v>0</v>
      </c>
    </row>
    <row r="5576" spans="1:43">
      <c r="A5576" t="s">
        <v>3488</v>
      </c>
      <c r="B5576" t="s">
        <v>3489</v>
      </c>
      <c r="C5576" t="s">
        <v>3486</v>
      </c>
      <c r="D5576" t="s">
        <v>3487</v>
      </c>
      <c r="E5576" t="s">
        <v>3352</v>
      </c>
      <c r="F5576" t="s">
        <v>3353</v>
      </c>
      <c r="G5576" t="s">
        <v>80</v>
      </c>
      <c r="H5576" t="s">
        <v>81</v>
      </c>
      <c r="I5576" s="2">
        <v>0</v>
      </c>
      <c r="J5576" s="2">
        <v>1</v>
      </c>
      <c r="K5576" s="2">
        <v>0</v>
      </c>
      <c r="L5576" t="s">
        <v>82</v>
      </c>
      <c r="M5576" t="s">
        <v>89</v>
      </c>
      <c r="N5576" t="s">
        <v>90</v>
      </c>
      <c r="O5576" t="s">
        <v>85</v>
      </c>
      <c r="P5576" t="s">
        <v>86</v>
      </c>
      <c r="Q5576">
        <v>0</v>
      </c>
      <c r="R5576">
        <v>0</v>
      </c>
      <c r="S5576">
        <v>0</v>
      </c>
      <c r="T5576">
        <v>0</v>
      </c>
      <c r="U5576">
        <v>0</v>
      </c>
      <c r="V5576">
        <v>0</v>
      </c>
      <c r="W5576">
        <v>0</v>
      </c>
      <c r="X5576">
        <v>0</v>
      </c>
      <c r="Y5576">
        <v>0</v>
      </c>
      <c r="Z5576">
        <v>0</v>
      </c>
      <c r="AA5576">
        <v>0</v>
      </c>
      <c r="AB5576">
        <v>0</v>
      </c>
      <c r="AC5576">
        <v>0</v>
      </c>
      <c r="AD5576">
        <v>0</v>
      </c>
      <c r="AE5576">
        <v>0</v>
      </c>
      <c r="AF5576">
        <v>0</v>
      </c>
      <c r="AG5576">
        <v>0</v>
      </c>
      <c r="AH5576">
        <v>0</v>
      </c>
      <c r="AI5576">
        <v>0</v>
      </c>
      <c r="AJ5576">
        <v>0</v>
      </c>
      <c r="AK5576">
        <v>0</v>
      </c>
      <c r="AL5576">
        <v>0</v>
      </c>
      <c r="AM5576">
        <v>0</v>
      </c>
      <c r="AN5576">
        <v>0</v>
      </c>
      <c r="AO5576">
        <v>0</v>
      </c>
      <c r="AP5576">
        <v>0</v>
      </c>
      <c r="AQ5576">
        <v>0</v>
      </c>
    </row>
    <row r="5577" spans="1:43">
      <c r="A5577" t="s">
        <v>3488</v>
      </c>
      <c r="B5577" t="s">
        <v>3489</v>
      </c>
      <c r="C5577" t="s">
        <v>3486</v>
      </c>
      <c r="D5577" t="s">
        <v>3487</v>
      </c>
      <c r="E5577" t="s">
        <v>3352</v>
      </c>
      <c r="F5577" t="s">
        <v>3353</v>
      </c>
      <c r="G5577" t="s">
        <v>80</v>
      </c>
      <c r="H5577" t="s">
        <v>81</v>
      </c>
      <c r="I5577" s="2">
        <v>0</v>
      </c>
      <c r="J5577" s="2">
        <v>1</v>
      </c>
      <c r="K5577" s="2">
        <v>0</v>
      </c>
      <c r="L5577" t="s">
        <v>82</v>
      </c>
      <c r="M5577" t="s">
        <v>83</v>
      </c>
      <c r="N5577" t="s">
        <v>91</v>
      </c>
      <c r="O5577" t="s">
        <v>85</v>
      </c>
      <c r="P5577" t="s">
        <v>86</v>
      </c>
      <c r="Q5577">
        <v>0</v>
      </c>
      <c r="R5577">
        <v>0</v>
      </c>
      <c r="S5577">
        <v>0</v>
      </c>
      <c r="T5577">
        <v>0</v>
      </c>
      <c r="U5577">
        <v>0</v>
      </c>
      <c r="V5577">
        <v>0</v>
      </c>
      <c r="W5577">
        <v>0</v>
      </c>
      <c r="X5577">
        <v>0</v>
      </c>
      <c r="Y5577">
        <v>0</v>
      </c>
      <c r="Z5577">
        <v>0</v>
      </c>
      <c r="AA5577">
        <v>0</v>
      </c>
      <c r="AB5577">
        <v>0</v>
      </c>
      <c r="AC5577">
        <v>0</v>
      </c>
      <c r="AD5577">
        <v>0</v>
      </c>
      <c r="AE5577">
        <v>0</v>
      </c>
      <c r="AF5577">
        <v>0</v>
      </c>
      <c r="AG5577">
        <v>0</v>
      </c>
      <c r="AH5577">
        <v>0</v>
      </c>
      <c r="AI5577">
        <v>0</v>
      </c>
      <c r="AJ5577">
        <v>0</v>
      </c>
      <c r="AK5577">
        <v>0</v>
      </c>
      <c r="AL5577">
        <v>0</v>
      </c>
      <c r="AM5577">
        <v>0</v>
      </c>
      <c r="AN5577">
        <v>0</v>
      </c>
      <c r="AO5577">
        <v>0</v>
      </c>
      <c r="AP5577">
        <v>0</v>
      </c>
      <c r="AQ5577">
        <v>0</v>
      </c>
    </row>
    <row r="5578" spans="1:43">
      <c r="A5578" t="s">
        <v>3490</v>
      </c>
      <c r="B5578" t="s">
        <v>3491</v>
      </c>
      <c r="C5578" t="s">
        <v>3482</v>
      </c>
      <c r="D5578" t="s">
        <v>3483</v>
      </c>
      <c r="E5578" t="s">
        <v>3352</v>
      </c>
      <c r="F5578" t="s">
        <v>3353</v>
      </c>
      <c r="G5578" t="s">
        <v>80</v>
      </c>
      <c r="H5578" t="s">
        <v>81</v>
      </c>
      <c r="I5578" s="2">
        <v>0</v>
      </c>
      <c r="J5578" s="2">
        <v>1</v>
      </c>
      <c r="K5578" s="2">
        <v>0</v>
      </c>
      <c r="L5578" t="s">
        <v>82</v>
      </c>
      <c r="M5578" t="s">
        <v>83</v>
      </c>
      <c r="N5578" t="s">
        <v>84</v>
      </c>
      <c r="O5578" t="s">
        <v>85</v>
      </c>
      <c r="P5578" t="s">
        <v>86</v>
      </c>
      <c r="Q5578">
        <v>20</v>
      </c>
      <c r="R5578">
        <v>21</v>
      </c>
      <c r="S5578">
        <v>21</v>
      </c>
      <c r="T5578">
        <v>22</v>
      </c>
      <c r="U5578">
        <v>22</v>
      </c>
      <c r="V5578">
        <v>23</v>
      </c>
      <c r="W5578">
        <v>23</v>
      </c>
      <c r="X5578">
        <v>24</v>
      </c>
      <c r="Y5578">
        <v>24</v>
      </c>
      <c r="Z5578">
        <v>25</v>
      </c>
      <c r="AA5578">
        <v>25</v>
      </c>
      <c r="AB5578">
        <v>26</v>
      </c>
      <c r="AC5578">
        <v>26</v>
      </c>
      <c r="AD5578">
        <v>27</v>
      </c>
      <c r="AE5578">
        <v>27</v>
      </c>
      <c r="AF5578">
        <v>28</v>
      </c>
      <c r="AG5578">
        <v>28</v>
      </c>
      <c r="AH5578">
        <v>29</v>
      </c>
      <c r="AI5578">
        <v>29</v>
      </c>
      <c r="AJ5578">
        <v>30</v>
      </c>
      <c r="AK5578">
        <v>31</v>
      </c>
      <c r="AL5578">
        <v>31</v>
      </c>
      <c r="AM5578">
        <v>31</v>
      </c>
      <c r="AN5578">
        <v>32</v>
      </c>
      <c r="AO5578">
        <v>32</v>
      </c>
      <c r="AP5578">
        <v>32</v>
      </c>
      <c r="AQ5578">
        <v>32</v>
      </c>
    </row>
    <row r="5579" spans="1:43">
      <c r="A5579" t="s">
        <v>3490</v>
      </c>
      <c r="B5579" t="s">
        <v>3491</v>
      </c>
      <c r="C5579" t="s">
        <v>3482</v>
      </c>
      <c r="D5579" t="s">
        <v>3483</v>
      </c>
      <c r="E5579" t="s">
        <v>3352</v>
      </c>
      <c r="F5579" t="s">
        <v>3353</v>
      </c>
      <c r="G5579" t="s">
        <v>80</v>
      </c>
      <c r="H5579" t="s">
        <v>81</v>
      </c>
      <c r="I5579" s="2">
        <v>0</v>
      </c>
      <c r="J5579" s="2">
        <v>1</v>
      </c>
      <c r="K5579" s="2">
        <v>0</v>
      </c>
      <c r="L5579" t="s">
        <v>82</v>
      </c>
      <c r="M5579" t="s">
        <v>87</v>
      </c>
      <c r="N5579" t="s">
        <v>88</v>
      </c>
      <c r="O5579" t="s">
        <v>85</v>
      </c>
      <c r="P5579" t="s">
        <v>86</v>
      </c>
      <c r="Q5579">
        <v>20</v>
      </c>
      <c r="R5579">
        <v>20</v>
      </c>
      <c r="S5579">
        <v>21</v>
      </c>
      <c r="T5579">
        <v>21</v>
      </c>
      <c r="U5579">
        <v>21</v>
      </c>
      <c r="V5579">
        <v>21</v>
      </c>
      <c r="W5579">
        <v>22</v>
      </c>
      <c r="X5579">
        <v>22</v>
      </c>
      <c r="Y5579">
        <v>22</v>
      </c>
      <c r="Z5579">
        <v>23</v>
      </c>
      <c r="AA5579">
        <v>23</v>
      </c>
      <c r="AB5579">
        <v>23</v>
      </c>
      <c r="AC5579">
        <v>24</v>
      </c>
      <c r="AD5579">
        <v>24</v>
      </c>
      <c r="AE5579">
        <v>24</v>
      </c>
      <c r="AF5579">
        <v>25</v>
      </c>
      <c r="AG5579">
        <v>25</v>
      </c>
      <c r="AH5579">
        <v>25</v>
      </c>
      <c r="AI5579">
        <v>25</v>
      </c>
      <c r="AJ5579">
        <v>26</v>
      </c>
      <c r="AK5579">
        <v>26</v>
      </c>
      <c r="AL5579">
        <v>26</v>
      </c>
      <c r="AM5579">
        <v>27</v>
      </c>
      <c r="AN5579">
        <v>27</v>
      </c>
      <c r="AO5579">
        <v>28</v>
      </c>
      <c r="AP5579">
        <v>28</v>
      </c>
      <c r="AQ5579">
        <v>28</v>
      </c>
    </row>
    <row r="5580" spans="1:43">
      <c r="A5580" t="s">
        <v>3490</v>
      </c>
      <c r="B5580" t="s">
        <v>3491</v>
      </c>
      <c r="C5580" t="s">
        <v>3482</v>
      </c>
      <c r="D5580" t="s">
        <v>3483</v>
      </c>
      <c r="E5580" t="s">
        <v>3352</v>
      </c>
      <c r="F5580" t="s">
        <v>3353</v>
      </c>
      <c r="G5580" t="s">
        <v>80</v>
      </c>
      <c r="H5580" t="s">
        <v>81</v>
      </c>
      <c r="I5580" s="2">
        <v>0</v>
      </c>
      <c r="J5580" s="2">
        <v>1</v>
      </c>
      <c r="K5580" s="2">
        <v>0</v>
      </c>
      <c r="L5580" t="s">
        <v>82</v>
      </c>
      <c r="M5580" t="s">
        <v>89</v>
      </c>
      <c r="N5580" t="s">
        <v>90</v>
      </c>
      <c r="O5580" t="s">
        <v>85</v>
      </c>
      <c r="P5580" t="s">
        <v>86</v>
      </c>
      <c r="Q5580">
        <v>20</v>
      </c>
      <c r="R5580">
        <v>21</v>
      </c>
      <c r="S5580">
        <v>22</v>
      </c>
      <c r="T5580">
        <v>22</v>
      </c>
      <c r="U5580">
        <v>23</v>
      </c>
      <c r="V5580">
        <v>24</v>
      </c>
      <c r="W5580">
        <v>24</v>
      </c>
      <c r="X5580">
        <v>25</v>
      </c>
      <c r="Y5580">
        <v>26</v>
      </c>
      <c r="Z5580">
        <v>26</v>
      </c>
      <c r="AA5580">
        <v>27</v>
      </c>
      <c r="AB5580">
        <v>27</v>
      </c>
      <c r="AC5580">
        <v>28</v>
      </c>
      <c r="AD5580">
        <v>29</v>
      </c>
      <c r="AE5580">
        <v>29</v>
      </c>
      <c r="AF5580">
        <v>30</v>
      </c>
      <c r="AG5580">
        <v>30</v>
      </c>
      <c r="AH5580">
        <v>30</v>
      </c>
      <c r="AI5580">
        <v>30</v>
      </c>
      <c r="AJ5580">
        <v>31</v>
      </c>
      <c r="AK5580">
        <v>31</v>
      </c>
      <c r="AL5580">
        <v>31</v>
      </c>
      <c r="AM5580">
        <v>31</v>
      </c>
      <c r="AN5580">
        <v>32</v>
      </c>
      <c r="AO5580">
        <v>32</v>
      </c>
      <c r="AP5580">
        <v>32</v>
      </c>
      <c r="AQ5580">
        <v>32</v>
      </c>
    </row>
    <row r="5581" spans="1:43">
      <c r="A5581" t="s">
        <v>3490</v>
      </c>
      <c r="B5581" t="s">
        <v>3491</v>
      </c>
      <c r="C5581" t="s">
        <v>3482</v>
      </c>
      <c r="D5581" t="s">
        <v>3483</v>
      </c>
      <c r="E5581" t="s">
        <v>3352</v>
      </c>
      <c r="F5581" t="s">
        <v>3353</v>
      </c>
      <c r="G5581" t="s">
        <v>80</v>
      </c>
      <c r="H5581" t="s">
        <v>81</v>
      </c>
      <c r="I5581" s="2">
        <v>0</v>
      </c>
      <c r="J5581" s="2">
        <v>1</v>
      </c>
      <c r="K5581" s="2">
        <v>0</v>
      </c>
      <c r="L5581" t="s">
        <v>82</v>
      </c>
      <c r="M5581" t="s">
        <v>83</v>
      </c>
      <c r="N5581" t="s">
        <v>91</v>
      </c>
      <c r="O5581" t="s">
        <v>85</v>
      </c>
      <c r="P5581" t="s">
        <v>86</v>
      </c>
      <c r="Q5581">
        <v>20</v>
      </c>
      <c r="R5581">
        <v>21</v>
      </c>
      <c r="S5581">
        <v>21</v>
      </c>
      <c r="T5581">
        <v>22</v>
      </c>
      <c r="U5581">
        <v>22</v>
      </c>
      <c r="V5581">
        <v>23</v>
      </c>
      <c r="W5581">
        <v>23</v>
      </c>
      <c r="X5581">
        <v>24</v>
      </c>
      <c r="Y5581">
        <v>24</v>
      </c>
      <c r="Z5581">
        <v>25</v>
      </c>
      <c r="AA5581">
        <v>25</v>
      </c>
      <c r="AB5581">
        <v>26</v>
      </c>
      <c r="AC5581">
        <v>26</v>
      </c>
      <c r="AD5581">
        <v>27</v>
      </c>
      <c r="AE5581">
        <v>27</v>
      </c>
      <c r="AF5581">
        <v>28</v>
      </c>
      <c r="AG5581">
        <v>28</v>
      </c>
      <c r="AH5581">
        <v>29</v>
      </c>
      <c r="AI5581">
        <v>29</v>
      </c>
      <c r="AJ5581">
        <v>30</v>
      </c>
      <c r="AK5581">
        <v>31</v>
      </c>
      <c r="AL5581">
        <v>31</v>
      </c>
      <c r="AM5581">
        <v>31</v>
      </c>
      <c r="AN5581">
        <v>32</v>
      </c>
      <c r="AO5581">
        <v>32</v>
      </c>
      <c r="AP5581">
        <v>32</v>
      </c>
      <c r="AQ5581">
        <v>32</v>
      </c>
    </row>
    <row r="5582" spans="1:43">
      <c r="A5582" t="s">
        <v>3492</v>
      </c>
      <c r="B5582" t="s">
        <v>3493</v>
      </c>
      <c r="C5582" t="s">
        <v>3482</v>
      </c>
      <c r="D5582" t="s">
        <v>3483</v>
      </c>
      <c r="E5582" t="s">
        <v>3352</v>
      </c>
      <c r="F5582" t="s">
        <v>3353</v>
      </c>
      <c r="G5582" t="s">
        <v>80</v>
      </c>
      <c r="H5582" t="s">
        <v>81</v>
      </c>
      <c r="I5582" s="2">
        <v>0</v>
      </c>
      <c r="J5582" s="2">
        <v>1</v>
      </c>
      <c r="K5582" s="2">
        <v>0</v>
      </c>
      <c r="L5582" t="s">
        <v>82</v>
      </c>
      <c r="M5582" t="s">
        <v>83</v>
      </c>
      <c r="N5582" t="s">
        <v>84</v>
      </c>
      <c r="O5582" t="s">
        <v>85</v>
      </c>
      <c r="P5582" t="s">
        <v>86</v>
      </c>
      <c r="Q5582">
        <v>14</v>
      </c>
      <c r="R5582">
        <v>14</v>
      </c>
      <c r="S5582">
        <v>14</v>
      </c>
      <c r="T5582">
        <v>15</v>
      </c>
      <c r="U5582">
        <v>15</v>
      </c>
      <c r="V5582">
        <v>15</v>
      </c>
      <c r="W5582">
        <v>16</v>
      </c>
      <c r="X5582">
        <v>16</v>
      </c>
      <c r="Y5582">
        <v>16</v>
      </c>
      <c r="Z5582">
        <v>17</v>
      </c>
      <c r="AA5582">
        <v>17</v>
      </c>
      <c r="AB5582">
        <v>18</v>
      </c>
      <c r="AC5582">
        <v>18</v>
      </c>
      <c r="AD5582">
        <v>18</v>
      </c>
      <c r="AE5582">
        <v>19</v>
      </c>
      <c r="AF5582">
        <v>19</v>
      </c>
      <c r="AG5582">
        <v>19</v>
      </c>
      <c r="AH5582">
        <v>20</v>
      </c>
      <c r="AI5582">
        <v>20</v>
      </c>
      <c r="AJ5582">
        <v>20</v>
      </c>
      <c r="AK5582">
        <v>21</v>
      </c>
      <c r="AL5582">
        <v>21</v>
      </c>
      <c r="AM5582">
        <v>21</v>
      </c>
      <c r="AN5582">
        <v>21</v>
      </c>
      <c r="AO5582">
        <v>22</v>
      </c>
      <c r="AP5582">
        <v>22</v>
      </c>
      <c r="AQ5582">
        <v>22</v>
      </c>
    </row>
    <row r="5583" spans="1:43">
      <c r="A5583" t="s">
        <v>3492</v>
      </c>
      <c r="B5583" t="s">
        <v>3493</v>
      </c>
      <c r="C5583" t="s">
        <v>3482</v>
      </c>
      <c r="D5583" t="s">
        <v>3483</v>
      </c>
      <c r="E5583" t="s">
        <v>3352</v>
      </c>
      <c r="F5583" t="s">
        <v>3353</v>
      </c>
      <c r="G5583" t="s">
        <v>80</v>
      </c>
      <c r="H5583" t="s">
        <v>81</v>
      </c>
      <c r="I5583" s="2">
        <v>0</v>
      </c>
      <c r="J5583" s="2">
        <v>1</v>
      </c>
      <c r="K5583" s="2">
        <v>0</v>
      </c>
      <c r="L5583" t="s">
        <v>82</v>
      </c>
      <c r="M5583" t="s">
        <v>87</v>
      </c>
      <c r="N5583" t="s">
        <v>88</v>
      </c>
      <c r="O5583" t="s">
        <v>85</v>
      </c>
      <c r="P5583" t="s">
        <v>86</v>
      </c>
      <c r="Q5583">
        <v>14</v>
      </c>
      <c r="R5583">
        <v>14</v>
      </c>
      <c r="S5583">
        <v>14</v>
      </c>
      <c r="T5583">
        <v>14</v>
      </c>
      <c r="U5583">
        <v>14</v>
      </c>
      <c r="V5583">
        <v>15</v>
      </c>
      <c r="W5583">
        <v>15</v>
      </c>
      <c r="X5583">
        <v>15</v>
      </c>
      <c r="Y5583">
        <v>15</v>
      </c>
      <c r="Z5583">
        <v>15</v>
      </c>
      <c r="AA5583">
        <v>16</v>
      </c>
      <c r="AB5583">
        <v>16</v>
      </c>
      <c r="AC5583">
        <v>16</v>
      </c>
      <c r="AD5583">
        <v>16</v>
      </c>
      <c r="AE5583">
        <v>16</v>
      </c>
      <c r="AF5583">
        <v>17</v>
      </c>
      <c r="AG5583">
        <v>17</v>
      </c>
      <c r="AH5583">
        <v>17</v>
      </c>
      <c r="AI5583">
        <v>17</v>
      </c>
      <c r="AJ5583">
        <v>18</v>
      </c>
      <c r="AK5583">
        <v>18</v>
      </c>
      <c r="AL5583">
        <v>18</v>
      </c>
      <c r="AM5583">
        <v>18</v>
      </c>
      <c r="AN5583">
        <v>18</v>
      </c>
      <c r="AO5583">
        <v>19</v>
      </c>
      <c r="AP5583">
        <v>19</v>
      </c>
      <c r="AQ5583">
        <v>19</v>
      </c>
    </row>
    <row r="5584" spans="1:43">
      <c r="A5584" t="s">
        <v>3492</v>
      </c>
      <c r="B5584" t="s">
        <v>3493</v>
      </c>
      <c r="C5584" t="s">
        <v>3482</v>
      </c>
      <c r="D5584" t="s">
        <v>3483</v>
      </c>
      <c r="E5584" t="s">
        <v>3352</v>
      </c>
      <c r="F5584" t="s">
        <v>3353</v>
      </c>
      <c r="G5584" t="s">
        <v>80</v>
      </c>
      <c r="H5584" t="s">
        <v>81</v>
      </c>
      <c r="I5584" s="2">
        <v>0</v>
      </c>
      <c r="J5584" s="2">
        <v>1</v>
      </c>
      <c r="K5584" s="2">
        <v>0</v>
      </c>
      <c r="L5584" t="s">
        <v>82</v>
      </c>
      <c r="M5584" t="s">
        <v>89</v>
      </c>
      <c r="N5584" t="s">
        <v>90</v>
      </c>
      <c r="O5584" t="s">
        <v>85</v>
      </c>
      <c r="P5584" t="s">
        <v>86</v>
      </c>
      <c r="Q5584">
        <v>14</v>
      </c>
      <c r="R5584">
        <v>14</v>
      </c>
      <c r="S5584">
        <v>15</v>
      </c>
      <c r="T5584">
        <v>15</v>
      </c>
      <c r="U5584">
        <v>16</v>
      </c>
      <c r="V5584">
        <v>16</v>
      </c>
      <c r="W5584">
        <v>17</v>
      </c>
      <c r="X5584">
        <v>17</v>
      </c>
      <c r="Y5584">
        <v>17</v>
      </c>
      <c r="Z5584">
        <v>18</v>
      </c>
      <c r="AA5584">
        <v>18</v>
      </c>
      <c r="AB5584">
        <v>19</v>
      </c>
      <c r="AC5584">
        <v>19</v>
      </c>
      <c r="AD5584">
        <v>20</v>
      </c>
      <c r="AE5584">
        <v>20</v>
      </c>
      <c r="AF5584">
        <v>20</v>
      </c>
      <c r="AG5584">
        <v>20</v>
      </c>
      <c r="AH5584">
        <v>20</v>
      </c>
      <c r="AI5584">
        <v>21</v>
      </c>
      <c r="AJ5584">
        <v>21</v>
      </c>
      <c r="AK5584">
        <v>21</v>
      </c>
      <c r="AL5584">
        <v>21</v>
      </c>
      <c r="AM5584">
        <v>21</v>
      </c>
      <c r="AN5584">
        <v>22</v>
      </c>
      <c r="AO5584">
        <v>22</v>
      </c>
      <c r="AP5584">
        <v>22</v>
      </c>
      <c r="AQ5584">
        <v>22</v>
      </c>
    </row>
    <row r="5585" spans="1:43">
      <c r="A5585" t="s">
        <v>3492</v>
      </c>
      <c r="B5585" t="s">
        <v>3493</v>
      </c>
      <c r="C5585" t="s">
        <v>3482</v>
      </c>
      <c r="D5585" t="s">
        <v>3483</v>
      </c>
      <c r="E5585" t="s">
        <v>3352</v>
      </c>
      <c r="F5585" t="s">
        <v>3353</v>
      </c>
      <c r="G5585" t="s">
        <v>80</v>
      </c>
      <c r="H5585" t="s">
        <v>81</v>
      </c>
      <c r="I5585" s="2">
        <v>0</v>
      </c>
      <c r="J5585" s="2">
        <v>1</v>
      </c>
      <c r="K5585" s="2">
        <v>0</v>
      </c>
      <c r="L5585" t="s">
        <v>82</v>
      </c>
      <c r="M5585" t="s">
        <v>83</v>
      </c>
      <c r="N5585" t="s">
        <v>91</v>
      </c>
      <c r="O5585" t="s">
        <v>85</v>
      </c>
      <c r="P5585" t="s">
        <v>86</v>
      </c>
      <c r="Q5585">
        <v>14</v>
      </c>
      <c r="R5585">
        <v>14</v>
      </c>
      <c r="S5585">
        <v>14</v>
      </c>
      <c r="T5585">
        <v>15</v>
      </c>
      <c r="U5585">
        <v>15</v>
      </c>
      <c r="V5585">
        <v>15</v>
      </c>
      <c r="W5585">
        <v>16</v>
      </c>
      <c r="X5585">
        <v>16</v>
      </c>
      <c r="Y5585">
        <v>16</v>
      </c>
      <c r="Z5585">
        <v>17</v>
      </c>
      <c r="AA5585">
        <v>17</v>
      </c>
      <c r="AB5585">
        <v>18</v>
      </c>
      <c r="AC5585">
        <v>18</v>
      </c>
      <c r="AD5585">
        <v>18</v>
      </c>
      <c r="AE5585">
        <v>19</v>
      </c>
      <c r="AF5585">
        <v>19</v>
      </c>
      <c r="AG5585">
        <v>19</v>
      </c>
      <c r="AH5585">
        <v>20</v>
      </c>
      <c r="AI5585">
        <v>20</v>
      </c>
      <c r="AJ5585">
        <v>20</v>
      </c>
      <c r="AK5585">
        <v>21</v>
      </c>
      <c r="AL5585">
        <v>21</v>
      </c>
      <c r="AM5585">
        <v>21</v>
      </c>
      <c r="AN5585">
        <v>21</v>
      </c>
      <c r="AO5585">
        <v>22</v>
      </c>
      <c r="AP5585">
        <v>22</v>
      </c>
      <c r="AQ5585">
        <v>22</v>
      </c>
    </row>
    <row r="5586" spans="1:43">
      <c r="A5586" t="s">
        <v>3494</v>
      </c>
      <c r="B5586" t="s">
        <v>3495</v>
      </c>
      <c r="C5586" t="s">
        <v>3486</v>
      </c>
      <c r="D5586" t="s">
        <v>3487</v>
      </c>
      <c r="E5586" t="s">
        <v>3352</v>
      </c>
      <c r="F5586" t="s">
        <v>3353</v>
      </c>
      <c r="G5586" t="s">
        <v>80</v>
      </c>
      <c r="H5586" t="s">
        <v>81</v>
      </c>
      <c r="I5586" s="2">
        <v>0</v>
      </c>
      <c r="J5586" s="2">
        <v>1</v>
      </c>
      <c r="K5586" s="2">
        <v>0</v>
      </c>
      <c r="L5586" t="s">
        <v>82</v>
      </c>
      <c r="M5586" t="s">
        <v>83</v>
      </c>
      <c r="N5586" t="s">
        <v>84</v>
      </c>
      <c r="O5586" t="s">
        <v>85</v>
      </c>
      <c r="P5586" t="s">
        <v>86</v>
      </c>
      <c r="Q5586">
        <v>3</v>
      </c>
      <c r="R5586">
        <v>4</v>
      </c>
      <c r="S5586">
        <v>4</v>
      </c>
      <c r="T5586">
        <v>4</v>
      </c>
      <c r="U5586">
        <v>4</v>
      </c>
      <c r="V5586">
        <v>4</v>
      </c>
      <c r="W5586">
        <v>4</v>
      </c>
      <c r="X5586">
        <v>4</v>
      </c>
      <c r="Y5586">
        <v>4</v>
      </c>
      <c r="Z5586">
        <v>4</v>
      </c>
      <c r="AA5586">
        <v>4</v>
      </c>
      <c r="AB5586">
        <v>4</v>
      </c>
      <c r="AC5586">
        <v>5</v>
      </c>
      <c r="AD5586">
        <v>5</v>
      </c>
      <c r="AE5586">
        <v>5</v>
      </c>
      <c r="AF5586">
        <v>5</v>
      </c>
      <c r="AG5586">
        <v>5</v>
      </c>
      <c r="AH5586">
        <v>5</v>
      </c>
      <c r="AI5586">
        <v>5</v>
      </c>
      <c r="AJ5586">
        <v>5</v>
      </c>
      <c r="AK5586">
        <v>5</v>
      </c>
      <c r="AL5586">
        <v>5</v>
      </c>
      <c r="AM5586">
        <v>5</v>
      </c>
      <c r="AN5586">
        <v>5</v>
      </c>
      <c r="AO5586">
        <v>5</v>
      </c>
      <c r="AP5586">
        <v>6</v>
      </c>
      <c r="AQ5586">
        <v>6</v>
      </c>
    </row>
    <row r="5587" spans="1:43">
      <c r="A5587" t="s">
        <v>3494</v>
      </c>
      <c r="B5587" t="s">
        <v>3495</v>
      </c>
      <c r="C5587" t="s">
        <v>3486</v>
      </c>
      <c r="D5587" t="s">
        <v>3487</v>
      </c>
      <c r="E5587" t="s">
        <v>3352</v>
      </c>
      <c r="F5587" t="s">
        <v>3353</v>
      </c>
      <c r="G5587" t="s">
        <v>80</v>
      </c>
      <c r="H5587" t="s">
        <v>81</v>
      </c>
      <c r="I5587" s="2">
        <v>0</v>
      </c>
      <c r="J5587" s="2">
        <v>1</v>
      </c>
      <c r="K5587" s="2">
        <v>0</v>
      </c>
      <c r="L5587" t="s">
        <v>82</v>
      </c>
      <c r="M5587" t="s">
        <v>87</v>
      </c>
      <c r="N5587" t="s">
        <v>88</v>
      </c>
      <c r="O5587" t="s">
        <v>85</v>
      </c>
      <c r="P5587" t="s">
        <v>86</v>
      </c>
      <c r="Q5587">
        <v>3</v>
      </c>
      <c r="R5587">
        <v>4</v>
      </c>
      <c r="S5587">
        <v>4</v>
      </c>
      <c r="T5587">
        <v>4</v>
      </c>
      <c r="U5587">
        <v>4</v>
      </c>
      <c r="V5587">
        <v>4</v>
      </c>
      <c r="W5587">
        <v>4</v>
      </c>
      <c r="X5587">
        <v>4</v>
      </c>
      <c r="Y5587">
        <v>4</v>
      </c>
      <c r="Z5587">
        <v>4</v>
      </c>
      <c r="AA5587">
        <v>4</v>
      </c>
      <c r="AB5587">
        <v>4</v>
      </c>
      <c r="AC5587">
        <v>4</v>
      </c>
      <c r="AD5587">
        <v>4</v>
      </c>
      <c r="AE5587">
        <v>4</v>
      </c>
      <c r="AF5587">
        <v>4</v>
      </c>
      <c r="AG5587">
        <v>4</v>
      </c>
      <c r="AH5587">
        <v>4</v>
      </c>
      <c r="AI5587">
        <v>4</v>
      </c>
      <c r="AJ5587">
        <v>4</v>
      </c>
      <c r="AK5587">
        <v>5</v>
      </c>
      <c r="AL5587">
        <v>5</v>
      </c>
      <c r="AM5587">
        <v>5</v>
      </c>
      <c r="AN5587">
        <v>5</v>
      </c>
      <c r="AO5587">
        <v>5</v>
      </c>
      <c r="AP5587">
        <v>5</v>
      </c>
      <c r="AQ5587">
        <v>5</v>
      </c>
    </row>
    <row r="5588" spans="1:43">
      <c r="A5588" t="s">
        <v>3494</v>
      </c>
      <c r="B5588" t="s">
        <v>3495</v>
      </c>
      <c r="C5588" t="s">
        <v>3486</v>
      </c>
      <c r="D5588" t="s">
        <v>3487</v>
      </c>
      <c r="E5588" t="s">
        <v>3352</v>
      </c>
      <c r="F5588" t="s">
        <v>3353</v>
      </c>
      <c r="G5588" t="s">
        <v>80</v>
      </c>
      <c r="H5588" t="s">
        <v>81</v>
      </c>
      <c r="I5588" s="2">
        <v>0</v>
      </c>
      <c r="J5588" s="2">
        <v>1</v>
      </c>
      <c r="K5588" s="2">
        <v>0</v>
      </c>
      <c r="L5588" t="s">
        <v>82</v>
      </c>
      <c r="M5588" t="s">
        <v>89</v>
      </c>
      <c r="N5588" t="s">
        <v>90</v>
      </c>
      <c r="O5588" t="s">
        <v>85</v>
      </c>
      <c r="P5588" t="s">
        <v>86</v>
      </c>
      <c r="Q5588">
        <v>3</v>
      </c>
      <c r="R5588">
        <v>3</v>
      </c>
      <c r="S5588">
        <v>3</v>
      </c>
      <c r="T5588">
        <v>3</v>
      </c>
      <c r="U5588">
        <v>3</v>
      </c>
      <c r="V5588">
        <v>3</v>
      </c>
      <c r="W5588">
        <v>3</v>
      </c>
      <c r="X5588">
        <v>3</v>
      </c>
      <c r="Y5588">
        <v>3</v>
      </c>
      <c r="Z5588">
        <v>4</v>
      </c>
      <c r="AA5588">
        <v>4</v>
      </c>
      <c r="AB5588">
        <v>4</v>
      </c>
      <c r="AC5588">
        <v>4</v>
      </c>
      <c r="AD5588">
        <v>4</v>
      </c>
      <c r="AE5588">
        <v>4</v>
      </c>
      <c r="AF5588">
        <v>4</v>
      </c>
      <c r="AG5588">
        <v>4</v>
      </c>
      <c r="AH5588">
        <v>4</v>
      </c>
      <c r="AI5588">
        <v>4</v>
      </c>
      <c r="AJ5588">
        <v>4</v>
      </c>
      <c r="AK5588">
        <v>4</v>
      </c>
      <c r="AL5588">
        <v>4</v>
      </c>
      <c r="AM5588">
        <v>4</v>
      </c>
      <c r="AN5588">
        <v>4</v>
      </c>
      <c r="AO5588">
        <v>5</v>
      </c>
      <c r="AP5588">
        <v>5</v>
      </c>
      <c r="AQ5588">
        <v>5</v>
      </c>
    </row>
    <row r="5589" spans="1:43">
      <c r="A5589" t="s">
        <v>3494</v>
      </c>
      <c r="B5589" t="s">
        <v>3495</v>
      </c>
      <c r="C5589" t="s">
        <v>3486</v>
      </c>
      <c r="D5589" t="s">
        <v>3487</v>
      </c>
      <c r="E5589" t="s">
        <v>3352</v>
      </c>
      <c r="F5589" t="s">
        <v>3353</v>
      </c>
      <c r="G5589" t="s">
        <v>80</v>
      </c>
      <c r="H5589" t="s">
        <v>81</v>
      </c>
      <c r="I5589" s="2">
        <v>0</v>
      </c>
      <c r="J5589" s="2">
        <v>1</v>
      </c>
      <c r="K5589" s="2">
        <v>0</v>
      </c>
      <c r="L5589" t="s">
        <v>82</v>
      </c>
      <c r="M5589" t="s">
        <v>83</v>
      </c>
      <c r="N5589" t="s">
        <v>91</v>
      </c>
      <c r="O5589" t="s">
        <v>85</v>
      </c>
      <c r="P5589" t="s">
        <v>86</v>
      </c>
      <c r="Q5589">
        <v>3</v>
      </c>
      <c r="R5589">
        <v>4</v>
      </c>
      <c r="S5589">
        <v>4</v>
      </c>
      <c r="T5589">
        <v>4</v>
      </c>
      <c r="U5589">
        <v>4</v>
      </c>
      <c r="V5589">
        <v>4</v>
      </c>
      <c r="W5589">
        <v>4</v>
      </c>
      <c r="X5589">
        <v>4</v>
      </c>
      <c r="Y5589">
        <v>4</v>
      </c>
      <c r="Z5589">
        <v>4</v>
      </c>
      <c r="AA5589">
        <v>4</v>
      </c>
      <c r="AB5589">
        <v>4</v>
      </c>
      <c r="AC5589">
        <v>5</v>
      </c>
      <c r="AD5589">
        <v>5</v>
      </c>
      <c r="AE5589">
        <v>5</v>
      </c>
      <c r="AF5589">
        <v>5</v>
      </c>
      <c r="AG5589">
        <v>5</v>
      </c>
      <c r="AH5589">
        <v>5</v>
      </c>
      <c r="AI5589">
        <v>5</v>
      </c>
      <c r="AJ5589">
        <v>5</v>
      </c>
      <c r="AK5589">
        <v>5</v>
      </c>
      <c r="AL5589">
        <v>5</v>
      </c>
      <c r="AM5589">
        <v>5</v>
      </c>
      <c r="AN5589">
        <v>5</v>
      </c>
      <c r="AO5589">
        <v>5</v>
      </c>
      <c r="AP5589">
        <v>6</v>
      </c>
      <c r="AQ5589">
        <v>6</v>
      </c>
    </row>
    <row r="5590" spans="1:43">
      <c r="A5590" t="s">
        <v>3496</v>
      </c>
      <c r="B5590" t="s">
        <v>3497</v>
      </c>
      <c r="C5590" t="s">
        <v>3486</v>
      </c>
      <c r="D5590" t="s">
        <v>3487</v>
      </c>
      <c r="E5590" t="s">
        <v>3352</v>
      </c>
      <c r="F5590" t="s">
        <v>3353</v>
      </c>
      <c r="G5590" t="s">
        <v>80</v>
      </c>
      <c r="H5590" t="s">
        <v>81</v>
      </c>
      <c r="I5590" s="2">
        <v>0</v>
      </c>
      <c r="J5590" s="2">
        <v>1</v>
      </c>
      <c r="K5590" s="2">
        <v>0</v>
      </c>
      <c r="L5590" t="s">
        <v>82</v>
      </c>
      <c r="M5590" t="s">
        <v>83</v>
      </c>
      <c r="N5590" t="s">
        <v>84</v>
      </c>
      <c r="O5590" t="s">
        <v>85</v>
      </c>
      <c r="P5590" t="s">
        <v>86</v>
      </c>
      <c r="Q5590">
        <v>32</v>
      </c>
      <c r="R5590">
        <v>33</v>
      </c>
      <c r="S5590">
        <v>34</v>
      </c>
      <c r="T5590">
        <v>34</v>
      </c>
      <c r="U5590">
        <v>35</v>
      </c>
      <c r="V5590">
        <v>36</v>
      </c>
      <c r="W5590">
        <v>37</v>
      </c>
      <c r="X5590">
        <v>37</v>
      </c>
      <c r="Y5590">
        <v>38</v>
      </c>
      <c r="Z5590">
        <v>39</v>
      </c>
      <c r="AA5590">
        <v>40</v>
      </c>
      <c r="AB5590">
        <v>41</v>
      </c>
      <c r="AC5590">
        <v>42</v>
      </c>
      <c r="AD5590">
        <v>42</v>
      </c>
      <c r="AE5590">
        <v>43</v>
      </c>
      <c r="AF5590">
        <v>44</v>
      </c>
      <c r="AG5590">
        <v>45</v>
      </c>
      <c r="AH5590">
        <v>46</v>
      </c>
      <c r="AI5590">
        <v>47</v>
      </c>
      <c r="AJ5590">
        <v>48</v>
      </c>
      <c r="AK5590">
        <v>48</v>
      </c>
      <c r="AL5590">
        <v>49</v>
      </c>
      <c r="AM5590">
        <v>49</v>
      </c>
      <c r="AN5590">
        <v>50</v>
      </c>
      <c r="AO5590">
        <v>50</v>
      </c>
      <c r="AP5590">
        <v>51</v>
      </c>
      <c r="AQ5590">
        <v>51</v>
      </c>
    </row>
    <row r="5591" spans="1:43">
      <c r="A5591" t="s">
        <v>3496</v>
      </c>
      <c r="B5591" t="s">
        <v>3497</v>
      </c>
      <c r="C5591" t="s">
        <v>3486</v>
      </c>
      <c r="D5591" t="s">
        <v>3487</v>
      </c>
      <c r="E5591" t="s">
        <v>3352</v>
      </c>
      <c r="F5591" t="s">
        <v>3353</v>
      </c>
      <c r="G5591" t="s">
        <v>80</v>
      </c>
      <c r="H5591" t="s">
        <v>81</v>
      </c>
      <c r="I5591" s="2">
        <v>0</v>
      </c>
      <c r="J5591" s="2">
        <v>1</v>
      </c>
      <c r="K5591" s="2">
        <v>0</v>
      </c>
      <c r="L5591" t="s">
        <v>82</v>
      </c>
      <c r="M5591" t="s">
        <v>87</v>
      </c>
      <c r="N5591" t="s">
        <v>88</v>
      </c>
      <c r="O5591" t="s">
        <v>85</v>
      </c>
      <c r="P5591" t="s">
        <v>86</v>
      </c>
      <c r="Q5591">
        <v>32</v>
      </c>
      <c r="R5591">
        <v>32</v>
      </c>
      <c r="S5591">
        <v>33</v>
      </c>
      <c r="T5591">
        <v>33</v>
      </c>
      <c r="U5591">
        <v>34</v>
      </c>
      <c r="V5591">
        <v>34</v>
      </c>
      <c r="W5591">
        <v>34</v>
      </c>
      <c r="X5591">
        <v>35</v>
      </c>
      <c r="Y5591">
        <v>35</v>
      </c>
      <c r="Z5591">
        <v>36</v>
      </c>
      <c r="AA5591">
        <v>36</v>
      </c>
      <c r="AB5591">
        <v>37</v>
      </c>
      <c r="AC5591">
        <v>37</v>
      </c>
      <c r="AD5591">
        <v>38</v>
      </c>
      <c r="AE5591">
        <v>38</v>
      </c>
      <c r="AF5591">
        <v>39</v>
      </c>
      <c r="AG5591">
        <v>39</v>
      </c>
      <c r="AH5591">
        <v>40</v>
      </c>
      <c r="AI5591">
        <v>40</v>
      </c>
      <c r="AJ5591">
        <v>41</v>
      </c>
      <c r="AK5591">
        <v>41</v>
      </c>
      <c r="AL5591">
        <v>42</v>
      </c>
      <c r="AM5591">
        <v>42</v>
      </c>
      <c r="AN5591">
        <v>43</v>
      </c>
      <c r="AO5591">
        <v>43</v>
      </c>
      <c r="AP5591">
        <v>44</v>
      </c>
      <c r="AQ5591">
        <v>45</v>
      </c>
    </row>
    <row r="5592" spans="1:43">
      <c r="A5592" t="s">
        <v>3496</v>
      </c>
      <c r="B5592" t="s">
        <v>3497</v>
      </c>
      <c r="C5592" t="s">
        <v>3486</v>
      </c>
      <c r="D5592" t="s">
        <v>3487</v>
      </c>
      <c r="E5592" t="s">
        <v>3352</v>
      </c>
      <c r="F5592" t="s">
        <v>3353</v>
      </c>
      <c r="G5592" t="s">
        <v>80</v>
      </c>
      <c r="H5592" t="s">
        <v>81</v>
      </c>
      <c r="I5592" s="2">
        <v>0</v>
      </c>
      <c r="J5592" s="2">
        <v>1</v>
      </c>
      <c r="K5592" s="2">
        <v>0</v>
      </c>
      <c r="L5592" t="s">
        <v>82</v>
      </c>
      <c r="M5592" t="s">
        <v>89</v>
      </c>
      <c r="N5592" t="s">
        <v>90</v>
      </c>
      <c r="O5592" t="s">
        <v>85</v>
      </c>
      <c r="P5592" t="s">
        <v>86</v>
      </c>
      <c r="Q5592">
        <v>32</v>
      </c>
      <c r="R5592">
        <v>33</v>
      </c>
      <c r="S5592">
        <v>34</v>
      </c>
      <c r="T5592">
        <v>35</v>
      </c>
      <c r="U5592">
        <v>36</v>
      </c>
      <c r="V5592">
        <v>38</v>
      </c>
      <c r="W5592">
        <v>39</v>
      </c>
      <c r="X5592">
        <v>40</v>
      </c>
      <c r="Y5592">
        <v>41</v>
      </c>
      <c r="Z5592">
        <v>42</v>
      </c>
      <c r="AA5592">
        <v>42</v>
      </c>
      <c r="AB5592">
        <v>43</v>
      </c>
      <c r="AC5592">
        <v>45</v>
      </c>
      <c r="AD5592">
        <v>46</v>
      </c>
      <c r="AE5592">
        <v>46</v>
      </c>
      <c r="AF5592">
        <v>47</v>
      </c>
      <c r="AG5592">
        <v>47</v>
      </c>
      <c r="AH5592">
        <v>48</v>
      </c>
      <c r="AI5592">
        <v>48</v>
      </c>
      <c r="AJ5592">
        <v>49</v>
      </c>
      <c r="AK5592">
        <v>49</v>
      </c>
      <c r="AL5592">
        <v>49</v>
      </c>
      <c r="AM5592">
        <v>50</v>
      </c>
      <c r="AN5592">
        <v>50</v>
      </c>
      <c r="AO5592">
        <v>51</v>
      </c>
      <c r="AP5592">
        <v>51</v>
      </c>
      <c r="AQ5592">
        <v>52</v>
      </c>
    </row>
    <row r="5593" spans="1:43">
      <c r="A5593" t="s">
        <v>3496</v>
      </c>
      <c r="B5593" t="s">
        <v>3497</v>
      </c>
      <c r="C5593" t="s">
        <v>3486</v>
      </c>
      <c r="D5593" t="s">
        <v>3487</v>
      </c>
      <c r="E5593" t="s">
        <v>3352</v>
      </c>
      <c r="F5593" t="s">
        <v>3353</v>
      </c>
      <c r="G5593" t="s">
        <v>80</v>
      </c>
      <c r="H5593" t="s">
        <v>81</v>
      </c>
      <c r="I5593" s="2">
        <v>0</v>
      </c>
      <c r="J5593" s="2">
        <v>1</v>
      </c>
      <c r="K5593" s="2">
        <v>0</v>
      </c>
      <c r="L5593" t="s">
        <v>82</v>
      </c>
      <c r="M5593" t="s">
        <v>83</v>
      </c>
      <c r="N5593" t="s">
        <v>91</v>
      </c>
      <c r="O5593" t="s">
        <v>85</v>
      </c>
      <c r="P5593" t="s">
        <v>86</v>
      </c>
      <c r="Q5593">
        <v>32</v>
      </c>
      <c r="R5593">
        <v>33</v>
      </c>
      <c r="S5593">
        <v>34</v>
      </c>
      <c r="T5593">
        <v>34</v>
      </c>
      <c r="U5593">
        <v>35</v>
      </c>
      <c r="V5593">
        <v>36</v>
      </c>
      <c r="W5593">
        <v>37</v>
      </c>
      <c r="X5593">
        <v>37</v>
      </c>
      <c r="Y5593">
        <v>38</v>
      </c>
      <c r="Z5593">
        <v>39</v>
      </c>
      <c r="AA5593">
        <v>40</v>
      </c>
      <c r="AB5593">
        <v>41</v>
      </c>
      <c r="AC5593">
        <v>42</v>
      </c>
      <c r="AD5593">
        <v>42</v>
      </c>
      <c r="AE5593">
        <v>43</v>
      </c>
      <c r="AF5593">
        <v>44</v>
      </c>
      <c r="AG5593">
        <v>45</v>
      </c>
      <c r="AH5593">
        <v>46</v>
      </c>
      <c r="AI5593">
        <v>47</v>
      </c>
      <c r="AJ5593">
        <v>48</v>
      </c>
      <c r="AK5593">
        <v>48</v>
      </c>
      <c r="AL5593">
        <v>49</v>
      </c>
      <c r="AM5593">
        <v>49</v>
      </c>
      <c r="AN5593">
        <v>50</v>
      </c>
      <c r="AO5593">
        <v>50</v>
      </c>
      <c r="AP5593">
        <v>51</v>
      </c>
      <c r="AQ5593">
        <v>51</v>
      </c>
    </row>
    <row r="5594" spans="1:43">
      <c r="A5594" t="s">
        <v>3498</v>
      </c>
      <c r="B5594" t="s">
        <v>3499</v>
      </c>
      <c r="C5594" t="s">
        <v>3482</v>
      </c>
      <c r="D5594" t="s">
        <v>3483</v>
      </c>
      <c r="E5594" t="s">
        <v>3352</v>
      </c>
      <c r="F5594" t="s">
        <v>3353</v>
      </c>
      <c r="G5594" t="s">
        <v>80</v>
      </c>
      <c r="H5594" t="s">
        <v>81</v>
      </c>
      <c r="I5594" s="2">
        <v>0</v>
      </c>
      <c r="J5594" s="2">
        <v>1</v>
      </c>
      <c r="K5594" s="2">
        <v>0</v>
      </c>
      <c r="L5594" t="s">
        <v>82</v>
      </c>
      <c r="M5594" t="s">
        <v>83</v>
      </c>
      <c r="N5594" t="s">
        <v>84</v>
      </c>
      <c r="O5594" t="s">
        <v>85</v>
      </c>
      <c r="P5594" t="s">
        <v>86</v>
      </c>
      <c r="Q5594">
        <v>24</v>
      </c>
      <c r="R5594">
        <v>24</v>
      </c>
      <c r="S5594">
        <v>25</v>
      </c>
      <c r="T5594">
        <v>25</v>
      </c>
      <c r="U5594">
        <v>26</v>
      </c>
      <c r="V5594">
        <v>26</v>
      </c>
      <c r="W5594">
        <v>27</v>
      </c>
      <c r="X5594">
        <v>28</v>
      </c>
      <c r="Y5594">
        <v>28</v>
      </c>
      <c r="Z5594">
        <v>29</v>
      </c>
      <c r="AA5594">
        <v>29</v>
      </c>
      <c r="AB5594">
        <v>30</v>
      </c>
      <c r="AC5594">
        <v>31</v>
      </c>
      <c r="AD5594">
        <v>31</v>
      </c>
      <c r="AE5594">
        <v>32</v>
      </c>
      <c r="AF5594">
        <v>32</v>
      </c>
      <c r="AG5594">
        <v>33</v>
      </c>
      <c r="AH5594">
        <v>34</v>
      </c>
      <c r="AI5594">
        <v>34</v>
      </c>
      <c r="AJ5594">
        <v>35</v>
      </c>
      <c r="AK5594">
        <v>36</v>
      </c>
      <c r="AL5594">
        <v>36</v>
      </c>
      <c r="AM5594">
        <v>36</v>
      </c>
      <c r="AN5594">
        <v>37</v>
      </c>
      <c r="AO5594">
        <v>37</v>
      </c>
      <c r="AP5594">
        <v>37</v>
      </c>
      <c r="AQ5594">
        <v>38</v>
      </c>
    </row>
    <row r="5595" spans="1:43">
      <c r="A5595" t="s">
        <v>3498</v>
      </c>
      <c r="B5595" t="s">
        <v>3499</v>
      </c>
      <c r="C5595" t="s">
        <v>3482</v>
      </c>
      <c r="D5595" t="s">
        <v>3483</v>
      </c>
      <c r="E5595" t="s">
        <v>3352</v>
      </c>
      <c r="F5595" t="s">
        <v>3353</v>
      </c>
      <c r="G5595" t="s">
        <v>80</v>
      </c>
      <c r="H5595" t="s">
        <v>81</v>
      </c>
      <c r="I5595" s="2">
        <v>0</v>
      </c>
      <c r="J5595" s="2">
        <v>1</v>
      </c>
      <c r="K5595" s="2">
        <v>0</v>
      </c>
      <c r="L5595" t="s">
        <v>82</v>
      </c>
      <c r="M5595" t="s">
        <v>87</v>
      </c>
      <c r="N5595" t="s">
        <v>88</v>
      </c>
      <c r="O5595" t="s">
        <v>85</v>
      </c>
      <c r="P5595" t="s">
        <v>86</v>
      </c>
      <c r="Q5595">
        <v>24</v>
      </c>
      <c r="R5595">
        <v>25</v>
      </c>
      <c r="S5595">
        <v>25</v>
      </c>
      <c r="T5595">
        <v>25</v>
      </c>
      <c r="U5595">
        <v>26</v>
      </c>
      <c r="V5595">
        <v>26</v>
      </c>
      <c r="W5595">
        <v>26</v>
      </c>
      <c r="X5595">
        <v>27</v>
      </c>
      <c r="Y5595">
        <v>27</v>
      </c>
      <c r="Z5595">
        <v>27</v>
      </c>
      <c r="AA5595">
        <v>28</v>
      </c>
      <c r="AB5595">
        <v>28</v>
      </c>
      <c r="AC5595">
        <v>29</v>
      </c>
      <c r="AD5595">
        <v>29</v>
      </c>
      <c r="AE5595">
        <v>29</v>
      </c>
      <c r="AF5595">
        <v>30</v>
      </c>
      <c r="AG5595">
        <v>30</v>
      </c>
      <c r="AH5595">
        <v>30</v>
      </c>
      <c r="AI5595">
        <v>31</v>
      </c>
      <c r="AJ5595">
        <v>31</v>
      </c>
      <c r="AK5595">
        <v>32</v>
      </c>
      <c r="AL5595">
        <v>32</v>
      </c>
      <c r="AM5595">
        <v>32</v>
      </c>
      <c r="AN5595">
        <v>33</v>
      </c>
      <c r="AO5595">
        <v>33</v>
      </c>
      <c r="AP5595">
        <v>33</v>
      </c>
      <c r="AQ5595">
        <v>34</v>
      </c>
    </row>
    <row r="5596" spans="1:43">
      <c r="A5596" t="s">
        <v>3498</v>
      </c>
      <c r="B5596" t="s">
        <v>3499</v>
      </c>
      <c r="C5596" t="s">
        <v>3482</v>
      </c>
      <c r="D5596" t="s">
        <v>3483</v>
      </c>
      <c r="E5596" t="s">
        <v>3352</v>
      </c>
      <c r="F5596" t="s">
        <v>3353</v>
      </c>
      <c r="G5596" t="s">
        <v>80</v>
      </c>
      <c r="H5596" t="s">
        <v>81</v>
      </c>
      <c r="I5596" s="2">
        <v>0</v>
      </c>
      <c r="J5596" s="2">
        <v>1</v>
      </c>
      <c r="K5596" s="2">
        <v>0</v>
      </c>
      <c r="L5596" t="s">
        <v>82</v>
      </c>
      <c r="M5596" t="s">
        <v>89</v>
      </c>
      <c r="N5596" t="s">
        <v>90</v>
      </c>
      <c r="O5596" t="s">
        <v>85</v>
      </c>
      <c r="P5596" t="s">
        <v>86</v>
      </c>
      <c r="Q5596">
        <v>24</v>
      </c>
      <c r="R5596">
        <v>25</v>
      </c>
      <c r="S5596">
        <v>25</v>
      </c>
      <c r="T5596">
        <v>26</v>
      </c>
      <c r="U5596">
        <v>27</v>
      </c>
      <c r="V5596">
        <v>28</v>
      </c>
      <c r="W5596">
        <v>28</v>
      </c>
      <c r="X5596">
        <v>29</v>
      </c>
      <c r="Y5596">
        <v>30</v>
      </c>
      <c r="Z5596">
        <v>31</v>
      </c>
      <c r="AA5596">
        <v>31</v>
      </c>
      <c r="AB5596">
        <v>32</v>
      </c>
      <c r="AC5596">
        <v>33</v>
      </c>
      <c r="AD5596">
        <v>34</v>
      </c>
      <c r="AE5596">
        <v>34</v>
      </c>
      <c r="AF5596">
        <v>34</v>
      </c>
      <c r="AG5596">
        <v>35</v>
      </c>
      <c r="AH5596">
        <v>35</v>
      </c>
      <c r="AI5596">
        <v>35</v>
      </c>
      <c r="AJ5596">
        <v>36</v>
      </c>
      <c r="AK5596">
        <v>36</v>
      </c>
      <c r="AL5596">
        <v>36</v>
      </c>
      <c r="AM5596">
        <v>37</v>
      </c>
      <c r="AN5596">
        <v>37</v>
      </c>
      <c r="AO5596">
        <v>37</v>
      </c>
      <c r="AP5596">
        <v>38</v>
      </c>
      <c r="AQ5596">
        <v>38</v>
      </c>
    </row>
    <row r="5597" spans="1:43">
      <c r="A5597" t="s">
        <v>3498</v>
      </c>
      <c r="B5597" t="s">
        <v>3499</v>
      </c>
      <c r="C5597" t="s">
        <v>3482</v>
      </c>
      <c r="D5597" t="s">
        <v>3483</v>
      </c>
      <c r="E5597" t="s">
        <v>3352</v>
      </c>
      <c r="F5597" t="s">
        <v>3353</v>
      </c>
      <c r="G5597" t="s">
        <v>80</v>
      </c>
      <c r="H5597" t="s">
        <v>81</v>
      </c>
      <c r="I5597" s="2">
        <v>0</v>
      </c>
      <c r="J5597" s="2">
        <v>1</v>
      </c>
      <c r="K5597" s="2">
        <v>0</v>
      </c>
      <c r="L5597" t="s">
        <v>82</v>
      </c>
      <c r="M5597" t="s">
        <v>83</v>
      </c>
      <c r="N5597" t="s">
        <v>91</v>
      </c>
      <c r="O5597" t="s">
        <v>85</v>
      </c>
      <c r="P5597" t="s">
        <v>86</v>
      </c>
      <c r="Q5597">
        <v>24</v>
      </c>
      <c r="R5597">
        <v>24</v>
      </c>
      <c r="S5597">
        <v>25</v>
      </c>
      <c r="T5597">
        <v>25</v>
      </c>
      <c r="U5597">
        <v>26</v>
      </c>
      <c r="V5597">
        <v>26</v>
      </c>
      <c r="W5597">
        <v>27</v>
      </c>
      <c r="X5597">
        <v>28</v>
      </c>
      <c r="Y5597">
        <v>28</v>
      </c>
      <c r="Z5597">
        <v>29</v>
      </c>
      <c r="AA5597">
        <v>29</v>
      </c>
      <c r="AB5597">
        <v>30</v>
      </c>
      <c r="AC5597">
        <v>31</v>
      </c>
      <c r="AD5597">
        <v>31</v>
      </c>
      <c r="AE5597">
        <v>32</v>
      </c>
      <c r="AF5597">
        <v>32</v>
      </c>
      <c r="AG5597">
        <v>33</v>
      </c>
      <c r="AH5597">
        <v>34</v>
      </c>
      <c r="AI5597">
        <v>34</v>
      </c>
      <c r="AJ5597">
        <v>35</v>
      </c>
      <c r="AK5597">
        <v>36</v>
      </c>
      <c r="AL5597">
        <v>36</v>
      </c>
      <c r="AM5597">
        <v>36</v>
      </c>
      <c r="AN5597">
        <v>37</v>
      </c>
      <c r="AO5597">
        <v>37</v>
      </c>
      <c r="AP5597">
        <v>37</v>
      </c>
      <c r="AQ5597">
        <v>38</v>
      </c>
    </row>
    <row r="5598" spans="1:43">
      <c r="A5598" t="s">
        <v>3500</v>
      </c>
      <c r="B5598" t="s">
        <v>3501</v>
      </c>
      <c r="C5598" t="s">
        <v>3502</v>
      </c>
      <c r="D5598" t="s">
        <v>3503</v>
      </c>
      <c r="E5598" t="s">
        <v>3352</v>
      </c>
      <c r="F5598" t="s">
        <v>3353</v>
      </c>
      <c r="G5598" t="s">
        <v>80</v>
      </c>
      <c r="H5598" t="s">
        <v>81</v>
      </c>
      <c r="I5598" s="2">
        <v>0</v>
      </c>
      <c r="J5598" s="2">
        <v>1</v>
      </c>
      <c r="K5598" s="2">
        <v>0</v>
      </c>
      <c r="L5598" t="s">
        <v>82</v>
      </c>
      <c r="M5598" t="s">
        <v>83</v>
      </c>
      <c r="N5598" t="s">
        <v>84</v>
      </c>
      <c r="O5598" t="s">
        <v>85</v>
      </c>
      <c r="P5598" t="s">
        <v>86</v>
      </c>
      <c r="Q5598">
        <v>43</v>
      </c>
      <c r="R5598">
        <v>44</v>
      </c>
      <c r="S5598">
        <v>46</v>
      </c>
      <c r="T5598">
        <v>47</v>
      </c>
      <c r="U5598">
        <v>48</v>
      </c>
      <c r="V5598">
        <v>49</v>
      </c>
      <c r="W5598">
        <v>50</v>
      </c>
      <c r="X5598">
        <v>51</v>
      </c>
      <c r="Y5598">
        <v>52</v>
      </c>
      <c r="Z5598">
        <v>53</v>
      </c>
      <c r="AA5598">
        <v>54</v>
      </c>
      <c r="AB5598">
        <v>55</v>
      </c>
      <c r="AC5598">
        <v>57</v>
      </c>
      <c r="AD5598">
        <v>58</v>
      </c>
      <c r="AE5598">
        <v>59</v>
      </c>
      <c r="AF5598">
        <v>60</v>
      </c>
      <c r="AG5598">
        <v>61</v>
      </c>
      <c r="AH5598">
        <v>62</v>
      </c>
      <c r="AI5598">
        <v>64</v>
      </c>
      <c r="AJ5598">
        <v>65</v>
      </c>
      <c r="AK5598">
        <v>66</v>
      </c>
      <c r="AL5598">
        <v>67</v>
      </c>
      <c r="AM5598">
        <v>68</v>
      </c>
      <c r="AN5598">
        <v>68</v>
      </c>
      <c r="AO5598">
        <v>69</v>
      </c>
      <c r="AP5598">
        <v>69</v>
      </c>
      <c r="AQ5598">
        <v>70</v>
      </c>
    </row>
    <row r="5599" spans="1:43">
      <c r="A5599" t="s">
        <v>3500</v>
      </c>
      <c r="B5599" t="s">
        <v>3501</v>
      </c>
      <c r="C5599" t="s">
        <v>3502</v>
      </c>
      <c r="D5599" t="s">
        <v>3503</v>
      </c>
      <c r="E5599" t="s">
        <v>3352</v>
      </c>
      <c r="F5599" t="s">
        <v>3353</v>
      </c>
      <c r="G5599" t="s">
        <v>80</v>
      </c>
      <c r="H5599" t="s">
        <v>81</v>
      </c>
      <c r="I5599" s="2">
        <v>0</v>
      </c>
      <c r="J5599" s="2">
        <v>1</v>
      </c>
      <c r="K5599" s="2">
        <v>0</v>
      </c>
      <c r="L5599" t="s">
        <v>82</v>
      </c>
      <c r="M5599" t="s">
        <v>87</v>
      </c>
      <c r="N5599" t="s">
        <v>88</v>
      </c>
      <c r="O5599" t="s">
        <v>85</v>
      </c>
      <c r="P5599" t="s">
        <v>86</v>
      </c>
      <c r="Q5599">
        <v>43</v>
      </c>
      <c r="R5599">
        <v>44</v>
      </c>
      <c r="S5599">
        <v>44</v>
      </c>
      <c r="T5599">
        <v>45</v>
      </c>
      <c r="U5599">
        <v>46</v>
      </c>
      <c r="V5599">
        <v>46</v>
      </c>
      <c r="W5599">
        <v>47</v>
      </c>
      <c r="X5599">
        <v>47</v>
      </c>
      <c r="Y5599">
        <v>48</v>
      </c>
      <c r="Z5599">
        <v>49</v>
      </c>
      <c r="AA5599">
        <v>49</v>
      </c>
      <c r="AB5599">
        <v>50</v>
      </c>
      <c r="AC5599">
        <v>51</v>
      </c>
      <c r="AD5599">
        <v>51</v>
      </c>
      <c r="AE5599">
        <v>52</v>
      </c>
      <c r="AF5599">
        <v>53</v>
      </c>
      <c r="AG5599">
        <v>53</v>
      </c>
      <c r="AH5599">
        <v>54</v>
      </c>
      <c r="AI5599">
        <v>55</v>
      </c>
      <c r="AJ5599">
        <v>55</v>
      </c>
      <c r="AK5599">
        <v>56</v>
      </c>
      <c r="AL5599">
        <v>57</v>
      </c>
      <c r="AM5599">
        <v>58</v>
      </c>
      <c r="AN5599">
        <v>58</v>
      </c>
      <c r="AO5599">
        <v>59</v>
      </c>
      <c r="AP5599">
        <v>60</v>
      </c>
      <c r="AQ5599">
        <v>61</v>
      </c>
    </row>
    <row r="5600" spans="1:43">
      <c r="A5600" t="s">
        <v>3500</v>
      </c>
      <c r="B5600" t="s">
        <v>3501</v>
      </c>
      <c r="C5600" t="s">
        <v>3502</v>
      </c>
      <c r="D5600" t="s">
        <v>3503</v>
      </c>
      <c r="E5600" t="s">
        <v>3352</v>
      </c>
      <c r="F5600" t="s">
        <v>3353</v>
      </c>
      <c r="G5600" t="s">
        <v>80</v>
      </c>
      <c r="H5600" t="s">
        <v>81</v>
      </c>
      <c r="I5600" s="2">
        <v>0</v>
      </c>
      <c r="J5600" s="2">
        <v>1</v>
      </c>
      <c r="K5600" s="2">
        <v>0</v>
      </c>
      <c r="L5600" t="s">
        <v>82</v>
      </c>
      <c r="M5600" t="s">
        <v>89</v>
      </c>
      <c r="N5600" t="s">
        <v>90</v>
      </c>
      <c r="O5600" t="s">
        <v>85</v>
      </c>
      <c r="P5600" t="s">
        <v>86</v>
      </c>
      <c r="Q5600">
        <v>43</v>
      </c>
      <c r="R5600">
        <v>44</v>
      </c>
      <c r="S5600">
        <v>46</v>
      </c>
      <c r="T5600">
        <v>47</v>
      </c>
      <c r="U5600">
        <v>49</v>
      </c>
      <c r="V5600">
        <v>50</v>
      </c>
      <c r="W5600">
        <v>51</v>
      </c>
      <c r="X5600">
        <v>53</v>
      </c>
      <c r="Y5600">
        <v>54</v>
      </c>
      <c r="Z5600">
        <v>55</v>
      </c>
      <c r="AA5600">
        <v>57</v>
      </c>
      <c r="AB5600">
        <v>58</v>
      </c>
      <c r="AC5600">
        <v>60</v>
      </c>
      <c r="AD5600">
        <v>61</v>
      </c>
      <c r="AE5600">
        <v>62</v>
      </c>
      <c r="AF5600">
        <v>63</v>
      </c>
      <c r="AG5600">
        <v>63</v>
      </c>
      <c r="AH5600">
        <v>64</v>
      </c>
      <c r="AI5600">
        <v>65</v>
      </c>
      <c r="AJ5600">
        <v>65</v>
      </c>
      <c r="AK5600">
        <v>66</v>
      </c>
      <c r="AL5600">
        <v>66</v>
      </c>
      <c r="AM5600">
        <v>67</v>
      </c>
      <c r="AN5600">
        <v>68</v>
      </c>
      <c r="AO5600">
        <v>68</v>
      </c>
      <c r="AP5600">
        <v>69</v>
      </c>
      <c r="AQ5600">
        <v>69</v>
      </c>
    </row>
    <row r="5601" spans="1:43">
      <c r="A5601" t="s">
        <v>3500</v>
      </c>
      <c r="B5601" t="s">
        <v>3501</v>
      </c>
      <c r="C5601" t="s">
        <v>3502</v>
      </c>
      <c r="D5601" t="s">
        <v>3503</v>
      </c>
      <c r="E5601" t="s">
        <v>3352</v>
      </c>
      <c r="F5601" t="s">
        <v>3353</v>
      </c>
      <c r="G5601" t="s">
        <v>80</v>
      </c>
      <c r="H5601" t="s">
        <v>81</v>
      </c>
      <c r="I5601" s="2">
        <v>0</v>
      </c>
      <c r="J5601" s="2">
        <v>1</v>
      </c>
      <c r="K5601" s="2">
        <v>0</v>
      </c>
      <c r="L5601" t="s">
        <v>82</v>
      </c>
      <c r="M5601" t="s">
        <v>83</v>
      </c>
      <c r="N5601" t="s">
        <v>91</v>
      </c>
      <c r="O5601" t="s">
        <v>85</v>
      </c>
      <c r="P5601" t="s">
        <v>86</v>
      </c>
      <c r="Q5601">
        <v>43</v>
      </c>
      <c r="R5601">
        <v>44</v>
      </c>
      <c r="S5601">
        <v>46</v>
      </c>
      <c r="T5601">
        <v>47</v>
      </c>
      <c r="U5601">
        <v>48</v>
      </c>
      <c r="V5601">
        <v>49</v>
      </c>
      <c r="W5601">
        <v>50</v>
      </c>
      <c r="X5601">
        <v>51</v>
      </c>
      <c r="Y5601">
        <v>52</v>
      </c>
      <c r="Z5601">
        <v>53</v>
      </c>
      <c r="AA5601">
        <v>54</v>
      </c>
      <c r="AB5601">
        <v>55</v>
      </c>
      <c r="AC5601">
        <v>57</v>
      </c>
      <c r="AD5601">
        <v>58</v>
      </c>
      <c r="AE5601">
        <v>59</v>
      </c>
      <c r="AF5601">
        <v>60</v>
      </c>
      <c r="AG5601">
        <v>61</v>
      </c>
      <c r="AH5601">
        <v>62</v>
      </c>
      <c r="AI5601">
        <v>64</v>
      </c>
      <c r="AJ5601">
        <v>65</v>
      </c>
      <c r="AK5601">
        <v>66</v>
      </c>
      <c r="AL5601">
        <v>67</v>
      </c>
      <c r="AM5601">
        <v>68</v>
      </c>
      <c r="AN5601">
        <v>68</v>
      </c>
      <c r="AO5601">
        <v>69</v>
      </c>
      <c r="AP5601">
        <v>69</v>
      </c>
      <c r="AQ5601">
        <v>70</v>
      </c>
    </row>
    <row r="5602" spans="1:43">
      <c r="A5602" t="s">
        <v>3504</v>
      </c>
      <c r="B5602" t="s">
        <v>3505</v>
      </c>
      <c r="C5602" t="s">
        <v>3502</v>
      </c>
      <c r="D5602" t="s">
        <v>3503</v>
      </c>
      <c r="E5602" t="s">
        <v>3352</v>
      </c>
      <c r="F5602" t="s">
        <v>3353</v>
      </c>
      <c r="G5602" t="s">
        <v>80</v>
      </c>
      <c r="H5602" t="s">
        <v>81</v>
      </c>
      <c r="I5602" s="2">
        <v>0</v>
      </c>
      <c r="J5602" s="2">
        <v>1</v>
      </c>
      <c r="K5602" s="2">
        <v>0</v>
      </c>
      <c r="L5602" t="s">
        <v>82</v>
      </c>
      <c r="M5602" t="s">
        <v>83</v>
      </c>
      <c r="N5602" t="s">
        <v>84</v>
      </c>
      <c r="O5602" t="s">
        <v>85</v>
      </c>
      <c r="P5602" t="s">
        <v>86</v>
      </c>
      <c r="Q5602">
        <v>148</v>
      </c>
      <c r="R5602">
        <v>152</v>
      </c>
      <c r="S5602">
        <v>155</v>
      </c>
      <c r="T5602">
        <v>159</v>
      </c>
      <c r="U5602">
        <v>163</v>
      </c>
      <c r="V5602">
        <v>166</v>
      </c>
      <c r="W5602">
        <v>170</v>
      </c>
      <c r="X5602">
        <v>174</v>
      </c>
      <c r="Y5602">
        <v>178</v>
      </c>
      <c r="Z5602">
        <v>181</v>
      </c>
      <c r="AA5602">
        <v>185</v>
      </c>
      <c r="AB5602">
        <v>189</v>
      </c>
      <c r="AC5602">
        <v>193</v>
      </c>
      <c r="AD5602">
        <v>197</v>
      </c>
      <c r="AE5602">
        <v>201</v>
      </c>
      <c r="AF5602">
        <v>205</v>
      </c>
      <c r="AG5602">
        <v>209</v>
      </c>
      <c r="AH5602">
        <v>213</v>
      </c>
      <c r="AI5602">
        <v>217</v>
      </c>
      <c r="AJ5602">
        <v>221</v>
      </c>
      <c r="AK5602">
        <v>226</v>
      </c>
      <c r="AL5602">
        <v>228</v>
      </c>
      <c r="AM5602">
        <v>231</v>
      </c>
      <c r="AN5602">
        <v>233</v>
      </c>
      <c r="AO5602">
        <v>235</v>
      </c>
      <c r="AP5602">
        <v>237</v>
      </c>
      <c r="AQ5602">
        <v>239</v>
      </c>
    </row>
    <row r="5603" spans="1:43">
      <c r="A5603" t="s">
        <v>3504</v>
      </c>
      <c r="B5603" t="s">
        <v>3505</v>
      </c>
      <c r="C5603" t="s">
        <v>3502</v>
      </c>
      <c r="D5603" t="s">
        <v>3503</v>
      </c>
      <c r="E5603" t="s">
        <v>3352</v>
      </c>
      <c r="F5603" t="s">
        <v>3353</v>
      </c>
      <c r="G5603" t="s">
        <v>80</v>
      </c>
      <c r="H5603" t="s">
        <v>81</v>
      </c>
      <c r="I5603" s="2">
        <v>0</v>
      </c>
      <c r="J5603" s="2">
        <v>1</v>
      </c>
      <c r="K5603" s="2">
        <v>0</v>
      </c>
      <c r="L5603" t="s">
        <v>82</v>
      </c>
      <c r="M5603" t="s">
        <v>87</v>
      </c>
      <c r="N5603" t="s">
        <v>88</v>
      </c>
      <c r="O5603" t="s">
        <v>85</v>
      </c>
      <c r="P5603" t="s">
        <v>86</v>
      </c>
      <c r="Q5603">
        <v>148</v>
      </c>
      <c r="R5603">
        <v>150</v>
      </c>
      <c r="S5603">
        <v>152</v>
      </c>
      <c r="T5603">
        <v>154</v>
      </c>
      <c r="U5603">
        <v>156</v>
      </c>
      <c r="V5603">
        <v>159</v>
      </c>
      <c r="W5603">
        <v>161</v>
      </c>
      <c r="X5603">
        <v>163</v>
      </c>
      <c r="Y5603">
        <v>165</v>
      </c>
      <c r="Z5603">
        <v>167</v>
      </c>
      <c r="AA5603">
        <v>170</v>
      </c>
      <c r="AB5603">
        <v>172</v>
      </c>
      <c r="AC5603">
        <v>174</v>
      </c>
      <c r="AD5603">
        <v>176</v>
      </c>
      <c r="AE5603">
        <v>179</v>
      </c>
      <c r="AF5603">
        <v>181</v>
      </c>
      <c r="AG5603">
        <v>183</v>
      </c>
      <c r="AH5603">
        <v>186</v>
      </c>
      <c r="AI5603">
        <v>188</v>
      </c>
      <c r="AJ5603">
        <v>191</v>
      </c>
      <c r="AK5603">
        <v>193</v>
      </c>
      <c r="AL5603">
        <v>195</v>
      </c>
      <c r="AM5603">
        <v>198</v>
      </c>
      <c r="AN5603">
        <v>200</v>
      </c>
      <c r="AO5603">
        <v>203</v>
      </c>
      <c r="AP5603">
        <v>205</v>
      </c>
      <c r="AQ5603">
        <v>208</v>
      </c>
    </row>
    <row r="5604" spans="1:43">
      <c r="A5604" t="s">
        <v>3504</v>
      </c>
      <c r="B5604" t="s">
        <v>3505</v>
      </c>
      <c r="C5604" t="s">
        <v>3502</v>
      </c>
      <c r="D5604" t="s">
        <v>3503</v>
      </c>
      <c r="E5604" t="s">
        <v>3352</v>
      </c>
      <c r="F5604" t="s">
        <v>3353</v>
      </c>
      <c r="G5604" t="s">
        <v>80</v>
      </c>
      <c r="H5604" t="s">
        <v>81</v>
      </c>
      <c r="I5604" s="2">
        <v>0</v>
      </c>
      <c r="J5604" s="2">
        <v>1</v>
      </c>
      <c r="K5604" s="2">
        <v>0</v>
      </c>
      <c r="L5604" t="s">
        <v>82</v>
      </c>
      <c r="M5604" t="s">
        <v>89</v>
      </c>
      <c r="N5604" t="s">
        <v>90</v>
      </c>
      <c r="O5604" t="s">
        <v>85</v>
      </c>
      <c r="P5604" t="s">
        <v>86</v>
      </c>
      <c r="Q5604">
        <v>148</v>
      </c>
      <c r="R5604">
        <v>153</v>
      </c>
      <c r="S5604">
        <v>157</v>
      </c>
      <c r="T5604">
        <v>162</v>
      </c>
      <c r="U5604">
        <v>167</v>
      </c>
      <c r="V5604">
        <v>172</v>
      </c>
      <c r="W5604">
        <v>177</v>
      </c>
      <c r="X5604">
        <v>182</v>
      </c>
      <c r="Y5604">
        <v>186</v>
      </c>
      <c r="Z5604">
        <v>191</v>
      </c>
      <c r="AA5604">
        <v>195</v>
      </c>
      <c r="AB5604">
        <v>200</v>
      </c>
      <c r="AC5604">
        <v>205</v>
      </c>
      <c r="AD5604">
        <v>210</v>
      </c>
      <c r="AE5604">
        <v>214</v>
      </c>
      <c r="AF5604">
        <v>216</v>
      </c>
      <c r="AG5604">
        <v>218</v>
      </c>
      <c r="AH5604">
        <v>220</v>
      </c>
      <c r="AI5604">
        <v>222</v>
      </c>
      <c r="AJ5604">
        <v>224</v>
      </c>
      <c r="AK5604">
        <v>226</v>
      </c>
      <c r="AL5604">
        <v>228</v>
      </c>
      <c r="AM5604">
        <v>230</v>
      </c>
      <c r="AN5604">
        <v>233</v>
      </c>
      <c r="AO5604">
        <v>235</v>
      </c>
      <c r="AP5604">
        <v>237</v>
      </c>
      <c r="AQ5604">
        <v>239</v>
      </c>
    </row>
    <row r="5605" spans="1:43">
      <c r="A5605" t="s">
        <v>3504</v>
      </c>
      <c r="B5605" t="s">
        <v>3505</v>
      </c>
      <c r="C5605" t="s">
        <v>3502</v>
      </c>
      <c r="D5605" t="s">
        <v>3503</v>
      </c>
      <c r="E5605" t="s">
        <v>3352</v>
      </c>
      <c r="F5605" t="s">
        <v>3353</v>
      </c>
      <c r="G5605" t="s">
        <v>80</v>
      </c>
      <c r="H5605" t="s">
        <v>81</v>
      </c>
      <c r="I5605" s="2">
        <v>0</v>
      </c>
      <c r="J5605" s="2">
        <v>1</v>
      </c>
      <c r="K5605" s="2">
        <v>0</v>
      </c>
      <c r="L5605" t="s">
        <v>82</v>
      </c>
      <c r="M5605" t="s">
        <v>83</v>
      </c>
      <c r="N5605" t="s">
        <v>91</v>
      </c>
      <c r="O5605" t="s">
        <v>85</v>
      </c>
      <c r="P5605" t="s">
        <v>86</v>
      </c>
      <c r="Q5605">
        <v>148</v>
      </c>
      <c r="R5605">
        <v>152</v>
      </c>
      <c r="S5605">
        <v>155</v>
      </c>
      <c r="T5605">
        <v>159</v>
      </c>
      <c r="U5605">
        <v>163</v>
      </c>
      <c r="V5605">
        <v>166</v>
      </c>
      <c r="W5605">
        <v>170</v>
      </c>
      <c r="X5605">
        <v>174</v>
      </c>
      <c r="Y5605">
        <v>178</v>
      </c>
      <c r="Z5605">
        <v>181</v>
      </c>
      <c r="AA5605">
        <v>185</v>
      </c>
      <c r="AB5605">
        <v>189</v>
      </c>
      <c r="AC5605">
        <v>193</v>
      </c>
      <c r="AD5605">
        <v>197</v>
      </c>
      <c r="AE5605">
        <v>201</v>
      </c>
      <c r="AF5605">
        <v>205</v>
      </c>
      <c r="AG5605">
        <v>209</v>
      </c>
      <c r="AH5605">
        <v>213</v>
      </c>
      <c r="AI5605">
        <v>217</v>
      </c>
      <c r="AJ5605">
        <v>221</v>
      </c>
      <c r="AK5605">
        <v>226</v>
      </c>
      <c r="AL5605">
        <v>228</v>
      </c>
      <c r="AM5605">
        <v>231</v>
      </c>
      <c r="AN5605">
        <v>233</v>
      </c>
      <c r="AO5605">
        <v>235</v>
      </c>
      <c r="AP5605">
        <v>237</v>
      </c>
      <c r="AQ5605">
        <v>239</v>
      </c>
    </row>
    <row r="5606" spans="1:43">
      <c r="A5606" t="s">
        <v>3506</v>
      </c>
      <c r="B5606" t="s">
        <v>3507</v>
      </c>
      <c r="C5606" t="s">
        <v>3502</v>
      </c>
      <c r="D5606" t="s">
        <v>3503</v>
      </c>
      <c r="E5606" t="s">
        <v>3352</v>
      </c>
      <c r="F5606" t="s">
        <v>3353</v>
      </c>
      <c r="G5606" t="s">
        <v>80</v>
      </c>
      <c r="H5606" t="s">
        <v>81</v>
      </c>
      <c r="I5606" s="2">
        <v>0</v>
      </c>
      <c r="J5606" s="2">
        <v>1</v>
      </c>
      <c r="K5606" s="2">
        <v>0</v>
      </c>
      <c r="L5606" t="s">
        <v>82</v>
      </c>
      <c r="M5606" t="s">
        <v>83</v>
      </c>
      <c r="N5606" t="s">
        <v>84</v>
      </c>
      <c r="O5606" t="s">
        <v>85</v>
      </c>
      <c r="P5606" t="s">
        <v>86</v>
      </c>
      <c r="Q5606">
        <v>64</v>
      </c>
      <c r="R5606">
        <v>66</v>
      </c>
      <c r="S5606">
        <v>67</v>
      </c>
      <c r="T5606">
        <v>69</v>
      </c>
      <c r="U5606">
        <v>70</v>
      </c>
      <c r="V5606">
        <v>72</v>
      </c>
      <c r="W5606">
        <v>74</v>
      </c>
      <c r="X5606">
        <v>75</v>
      </c>
      <c r="Y5606">
        <v>77</v>
      </c>
      <c r="Z5606">
        <v>78</v>
      </c>
      <c r="AA5606">
        <v>80</v>
      </c>
      <c r="AB5606">
        <v>82</v>
      </c>
      <c r="AC5606">
        <v>83</v>
      </c>
      <c r="AD5606">
        <v>85</v>
      </c>
      <c r="AE5606">
        <v>87</v>
      </c>
      <c r="AF5606">
        <v>89</v>
      </c>
      <c r="AG5606">
        <v>90</v>
      </c>
      <c r="AH5606">
        <v>92</v>
      </c>
      <c r="AI5606">
        <v>94</v>
      </c>
      <c r="AJ5606">
        <v>96</v>
      </c>
      <c r="AK5606">
        <v>97</v>
      </c>
      <c r="AL5606">
        <v>99</v>
      </c>
      <c r="AM5606">
        <v>100</v>
      </c>
      <c r="AN5606">
        <v>100</v>
      </c>
      <c r="AO5606">
        <v>101</v>
      </c>
      <c r="AP5606">
        <v>102</v>
      </c>
      <c r="AQ5606">
        <v>103</v>
      </c>
    </row>
    <row r="5607" spans="1:43">
      <c r="A5607" t="s">
        <v>3506</v>
      </c>
      <c r="B5607" t="s">
        <v>3507</v>
      </c>
      <c r="C5607" t="s">
        <v>3502</v>
      </c>
      <c r="D5607" t="s">
        <v>3503</v>
      </c>
      <c r="E5607" t="s">
        <v>3352</v>
      </c>
      <c r="F5607" t="s">
        <v>3353</v>
      </c>
      <c r="G5607" t="s">
        <v>80</v>
      </c>
      <c r="H5607" t="s">
        <v>81</v>
      </c>
      <c r="I5607" s="2">
        <v>0</v>
      </c>
      <c r="J5607" s="2">
        <v>1</v>
      </c>
      <c r="K5607" s="2">
        <v>0</v>
      </c>
      <c r="L5607" t="s">
        <v>82</v>
      </c>
      <c r="M5607" t="s">
        <v>87</v>
      </c>
      <c r="N5607" t="s">
        <v>88</v>
      </c>
      <c r="O5607" t="s">
        <v>85</v>
      </c>
      <c r="P5607" t="s">
        <v>86</v>
      </c>
      <c r="Q5607">
        <v>64</v>
      </c>
      <c r="R5607">
        <v>64</v>
      </c>
      <c r="S5607">
        <v>65</v>
      </c>
      <c r="T5607">
        <v>66</v>
      </c>
      <c r="U5607">
        <v>67</v>
      </c>
      <c r="V5607">
        <v>68</v>
      </c>
      <c r="W5607">
        <v>69</v>
      </c>
      <c r="X5607">
        <v>70</v>
      </c>
      <c r="Y5607">
        <v>71</v>
      </c>
      <c r="Z5607">
        <v>72</v>
      </c>
      <c r="AA5607">
        <v>73</v>
      </c>
      <c r="AB5607">
        <v>74</v>
      </c>
      <c r="AC5607">
        <v>75</v>
      </c>
      <c r="AD5607">
        <v>76</v>
      </c>
      <c r="AE5607">
        <v>77</v>
      </c>
      <c r="AF5607">
        <v>78</v>
      </c>
      <c r="AG5607">
        <v>79</v>
      </c>
      <c r="AH5607">
        <v>80</v>
      </c>
      <c r="AI5607">
        <v>81</v>
      </c>
      <c r="AJ5607">
        <v>82</v>
      </c>
      <c r="AK5607">
        <v>83</v>
      </c>
      <c r="AL5607">
        <v>84</v>
      </c>
      <c r="AM5607">
        <v>85</v>
      </c>
      <c r="AN5607">
        <v>86</v>
      </c>
      <c r="AO5607">
        <v>87</v>
      </c>
      <c r="AP5607">
        <v>88</v>
      </c>
      <c r="AQ5607">
        <v>89</v>
      </c>
    </row>
    <row r="5608" spans="1:43">
      <c r="A5608" t="s">
        <v>3506</v>
      </c>
      <c r="B5608" t="s">
        <v>3507</v>
      </c>
      <c r="C5608" t="s">
        <v>3502</v>
      </c>
      <c r="D5608" t="s">
        <v>3503</v>
      </c>
      <c r="E5608" t="s">
        <v>3352</v>
      </c>
      <c r="F5608" t="s">
        <v>3353</v>
      </c>
      <c r="G5608" t="s">
        <v>80</v>
      </c>
      <c r="H5608" t="s">
        <v>81</v>
      </c>
      <c r="I5608" s="2">
        <v>0</v>
      </c>
      <c r="J5608" s="2">
        <v>1</v>
      </c>
      <c r="K5608" s="2">
        <v>0</v>
      </c>
      <c r="L5608" t="s">
        <v>82</v>
      </c>
      <c r="M5608" t="s">
        <v>89</v>
      </c>
      <c r="N5608" t="s">
        <v>90</v>
      </c>
      <c r="O5608" t="s">
        <v>85</v>
      </c>
      <c r="P5608" t="s">
        <v>86</v>
      </c>
      <c r="Q5608">
        <v>64</v>
      </c>
      <c r="R5608">
        <v>66</v>
      </c>
      <c r="S5608">
        <v>68</v>
      </c>
      <c r="T5608">
        <v>70</v>
      </c>
      <c r="U5608">
        <v>72</v>
      </c>
      <c r="V5608">
        <v>74</v>
      </c>
      <c r="W5608">
        <v>76</v>
      </c>
      <c r="X5608">
        <v>78</v>
      </c>
      <c r="Y5608">
        <v>80</v>
      </c>
      <c r="Z5608">
        <v>82</v>
      </c>
      <c r="AA5608">
        <v>84</v>
      </c>
      <c r="AB5608">
        <v>86</v>
      </c>
      <c r="AC5608">
        <v>88</v>
      </c>
      <c r="AD5608">
        <v>91</v>
      </c>
      <c r="AE5608">
        <v>92</v>
      </c>
      <c r="AF5608">
        <v>93</v>
      </c>
      <c r="AG5608">
        <v>94</v>
      </c>
      <c r="AH5608">
        <v>95</v>
      </c>
      <c r="AI5608">
        <v>96</v>
      </c>
      <c r="AJ5608">
        <v>97</v>
      </c>
      <c r="AK5608">
        <v>97</v>
      </c>
      <c r="AL5608">
        <v>98</v>
      </c>
      <c r="AM5608">
        <v>99</v>
      </c>
      <c r="AN5608">
        <v>100</v>
      </c>
      <c r="AO5608">
        <v>101</v>
      </c>
      <c r="AP5608">
        <v>102</v>
      </c>
      <c r="AQ5608">
        <v>103</v>
      </c>
    </row>
    <row r="5609" spans="1:43">
      <c r="A5609" t="s">
        <v>3506</v>
      </c>
      <c r="B5609" t="s">
        <v>3507</v>
      </c>
      <c r="C5609" t="s">
        <v>3502</v>
      </c>
      <c r="D5609" t="s">
        <v>3503</v>
      </c>
      <c r="E5609" t="s">
        <v>3352</v>
      </c>
      <c r="F5609" t="s">
        <v>3353</v>
      </c>
      <c r="G5609" t="s">
        <v>80</v>
      </c>
      <c r="H5609" t="s">
        <v>81</v>
      </c>
      <c r="I5609" s="2">
        <v>0</v>
      </c>
      <c r="J5609" s="2">
        <v>1</v>
      </c>
      <c r="K5609" s="2">
        <v>0</v>
      </c>
      <c r="L5609" t="s">
        <v>82</v>
      </c>
      <c r="M5609" t="s">
        <v>83</v>
      </c>
      <c r="N5609" t="s">
        <v>91</v>
      </c>
      <c r="O5609" t="s">
        <v>85</v>
      </c>
      <c r="P5609" t="s">
        <v>86</v>
      </c>
      <c r="Q5609">
        <v>64</v>
      </c>
      <c r="R5609">
        <v>66</v>
      </c>
      <c r="S5609">
        <v>67</v>
      </c>
      <c r="T5609">
        <v>69</v>
      </c>
      <c r="U5609">
        <v>70</v>
      </c>
      <c r="V5609">
        <v>72</v>
      </c>
      <c r="W5609">
        <v>74</v>
      </c>
      <c r="X5609">
        <v>75</v>
      </c>
      <c r="Y5609">
        <v>77</v>
      </c>
      <c r="Z5609">
        <v>78</v>
      </c>
      <c r="AA5609">
        <v>80</v>
      </c>
      <c r="AB5609">
        <v>82</v>
      </c>
      <c r="AC5609">
        <v>83</v>
      </c>
      <c r="AD5609">
        <v>85</v>
      </c>
      <c r="AE5609">
        <v>87</v>
      </c>
      <c r="AF5609">
        <v>89</v>
      </c>
      <c r="AG5609">
        <v>90</v>
      </c>
      <c r="AH5609">
        <v>92</v>
      </c>
      <c r="AI5609">
        <v>94</v>
      </c>
      <c r="AJ5609">
        <v>96</v>
      </c>
      <c r="AK5609">
        <v>97</v>
      </c>
      <c r="AL5609">
        <v>99</v>
      </c>
      <c r="AM5609">
        <v>100</v>
      </c>
      <c r="AN5609">
        <v>100</v>
      </c>
      <c r="AO5609">
        <v>101</v>
      </c>
      <c r="AP5609">
        <v>102</v>
      </c>
      <c r="AQ5609">
        <v>103</v>
      </c>
    </row>
    <row r="5610" spans="1:43">
      <c r="A5610" t="s">
        <v>3508</v>
      </c>
      <c r="B5610" t="s">
        <v>3509</v>
      </c>
      <c r="C5610" t="s">
        <v>3502</v>
      </c>
      <c r="D5610" t="s">
        <v>3503</v>
      </c>
      <c r="E5610" t="s">
        <v>3352</v>
      </c>
      <c r="F5610" t="s">
        <v>3353</v>
      </c>
      <c r="G5610" t="s">
        <v>80</v>
      </c>
      <c r="H5610" t="s">
        <v>81</v>
      </c>
      <c r="I5610" s="2">
        <v>0</v>
      </c>
      <c r="J5610" s="2">
        <v>1</v>
      </c>
      <c r="K5610" s="2">
        <v>0</v>
      </c>
      <c r="L5610" t="s">
        <v>82</v>
      </c>
      <c r="M5610" t="s">
        <v>83</v>
      </c>
      <c r="N5610" t="s">
        <v>84</v>
      </c>
      <c r="O5610" t="s">
        <v>85</v>
      </c>
      <c r="P5610" t="s">
        <v>86</v>
      </c>
      <c r="Q5610">
        <v>71</v>
      </c>
      <c r="R5610">
        <v>73</v>
      </c>
      <c r="S5610">
        <v>75</v>
      </c>
      <c r="T5610">
        <v>77</v>
      </c>
      <c r="U5610">
        <v>78</v>
      </c>
      <c r="V5610">
        <v>80</v>
      </c>
      <c r="W5610">
        <v>82</v>
      </c>
      <c r="X5610">
        <v>84</v>
      </c>
      <c r="Y5610">
        <v>85</v>
      </c>
      <c r="Z5610">
        <v>87</v>
      </c>
      <c r="AA5610">
        <v>89</v>
      </c>
      <c r="AB5610">
        <v>91</v>
      </c>
      <c r="AC5610">
        <v>93</v>
      </c>
      <c r="AD5610">
        <v>95</v>
      </c>
      <c r="AE5610">
        <v>97</v>
      </c>
      <c r="AF5610">
        <v>99</v>
      </c>
      <c r="AG5610">
        <v>101</v>
      </c>
      <c r="AH5610">
        <v>103</v>
      </c>
      <c r="AI5610">
        <v>104</v>
      </c>
      <c r="AJ5610">
        <v>106</v>
      </c>
      <c r="AK5610">
        <v>109</v>
      </c>
      <c r="AL5610">
        <v>110</v>
      </c>
      <c r="AM5610">
        <v>111</v>
      </c>
      <c r="AN5610">
        <v>112</v>
      </c>
      <c r="AO5610">
        <v>113</v>
      </c>
      <c r="AP5610">
        <v>114</v>
      </c>
      <c r="AQ5610">
        <v>115</v>
      </c>
    </row>
    <row r="5611" spans="1:43">
      <c r="A5611" t="s">
        <v>3508</v>
      </c>
      <c r="B5611" t="s">
        <v>3509</v>
      </c>
      <c r="C5611" t="s">
        <v>3502</v>
      </c>
      <c r="D5611" t="s">
        <v>3503</v>
      </c>
      <c r="E5611" t="s">
        <v>3352</v>
      </c>
      <c r="F5611" t="s">
        <v>3353</v>
      </c>
      <c r="G5611" t="s">
        <v>80</v>
      </c>
      <c r="H5611" t="s">
        <v>81</v>
      </c>
      <c r="I5611" s="2">
        <v>0</v>
      </c>
      <c r="J5611" s="2">
        <v>1</v>
      </c>
      <c r="K5611" s="2">
        <v>0</v>
      </c>
      <c r="L5611" t="s">
        <v>82</v>
      </c>
      <c r="M5611" t="s">
        <v>87</v>
      </c>
      <c r="N5611" t="s">
        <v>88</v>
      </c>
      <c r="O5611" t="s">
        <v>85</v>
      </c>
      <c r="P5611" t="s">
        <v>86</v>
      </c>
      <c r="Q5611">
        <v>71</v>
      </c>
      <c r="R5611">
        <v>72</v>
      </c>
      <c r="S5611">
        <v>73</v>
      </c>
      <c r="T5611">
        <v>74</v>
      </c>
      <c r="U5611">
        <v>75</v>
      </c>
      <c r="V5611">
        <v>76</v>
      </c>
      <c r="W5611">
        <v>77</v>
      </c>
      <c r="X5611">
        <v>78</v>
      </c>
      <c r="Y5611">
        <v>79</v>
      </c>
      <c r="Z5611">
        <v>80</v>
      </c>
      <c r="AA5611">
        <v>81</v>
      </c>
      <c r="AB5611">
        <v>82</v>
      </c>
      <c r="AC5611">
        <v>83</v>
      </c>
      <c r="AD5611">
        <v>84</v>
      </c>
      <c r="AE5611">
        <v>86</v>
      </c>
      <c r="AF5611">
        <v>87</v>
      </c>
      <c r="AG5611">
        <v>88</v>
      </c>
      <c r="AH5611">
        <v>89</v>
      </c>
      <c r="AI5611">
        <v>90</v>
      </c>
      <c r="AJ5611">
        <v>91</v>
      </c>
      <c r="AK5611">
        <v>92</v>
      </c>
      <c r="AL5611">
        <v>94</v>
      </c>
      <c r="AM5611">
        <v>95</v>
      </c>
      <c r="AN5611">
        <v>96</v>
      </c>
      <c r="AO5611">
        <v>97</v>
      </c>
      <c r="AP5611">
        <v>98</v>
      </c>
      <c r="AQ5611">
        <v>100</v>
      </c>
    </row>
    <row r="5612" spans="1:43">
      <c r="A5612" t="s">
        <v>3508</v>
      </c>
      <c r="B5612" t="s">
        <v>3509</v>
      </c>
      <c r="C5612" t="s">
        <v>3502</v>
      </c>
      <c r="D5612" t="s">
        <v>3503</v>
      </c>
      <c r="E5612" t="s">
        <v>3352</v>
      </c>
      <c r="F5612" t="s">
        <v>3353</v>
      </c>
      <c r="G5612" t="s">
        <v>80</v>
      </c>
      <c r="H5612" t="s">
        <v>81</v>
      </c>
      <c r="I5612" s="2">
        <v>0</v>
      </c>
      <c r="J5612" s="2">
        <v>1</v>
      </c>
      <c r="K5612" s="2">
        <v>0</v>
      </c>
      <c r="L5612" t="s">
        <v>82</v>
      </c>
      <c r="M5612" t="s">
        <v>89</v>
      </c>
      <c r="N5612" t="s">
        <v>90</v>
      </c>
      <c r="O5612" t="s">
        <v>85</v>
      </c>
      <c r="P5612" t="s">
        <v>86</v>
      </c>
      <c r="Q5612">
        <v>71</v>
      </c>
      <c r="R5612">
        <v>73</v>
      </c>
      <c r="S5612">
        <v>76</v>
      </c>
      <c r="T5612">
        <v>78</v>
      </c>
      <c r="U5612">
        <v>80</v>
      </c>
      <c r="V5612">
        <v>83</v>
      </c>
      <c r="W5612">
        <v>85</v>
      </c>
      <c r="X5612">
        <v>87</v>
      </c>
      <c r="Y5612">
        <v>90</v>
      </c>
      <c r="Z5612">
        <v>92</v>
      </c>
      <c r="AA5612">
        <v>94</v>
      </c>
      <c r="AB5612">
        <v>96</v>
      </c>
      <c r="AC5612">
        <v>99</v>
      </c>
      <c r="AD5612">
        <v>101</v>
      </c>
      <c r="AE5612">
        <v>103</v>
      </c>
      <c r="AF5612">
        <v>104</v>
      </c>
      <c r="AG5612">
        <v>105</v>
      </c>
      <c r="AH5612">
        <v>106</v>
      </c>
      <c r="AI5612">
        <v>107</v>
      </c>
      <c r="AJ5612">
        <v>108</v>
      </c>
      <c r="AK5612">
        <v>109</v>
      </c>
      <c r="AL5612">
        <v>110</v>
      </c>
      <c r="AM5612">
        <v>111</v>
      </c>
      <c r="AN5612">
        <v>112</v>
      </c>
      <c r="AO5612">
        <v>113</v>
      </c>
      <c r="AP5612">
        <v>114</v>
      </c>
      <c r="AQ5612">
        <v>114</v>
      </c>
    </row>
    <row r="5613" spans="1:43">
      <c r="A5613" t="s">
        <v>3508</v>
      </c>
      <c r="B5613" t="s">
        <v>3509</v>
      </c>
      <c r="C5613" t="s">
        <v>3502</v>
      </c>
      <c r="D5613" t="s">
        <v>3503</v>
      </c>
      <c r="E5613" t="s">
        <v>3352</v>
      </c>
      <c r="F5613" t="s">
        <v>3353</v>
      </c>
      <c r="G5613" t="s">
        <v>80</v>
      </c>
      <c r="H5613" t="s">
        <v>81</v>
      </c>
      <c r="I5613" s="2">
        <v>0</v>
      </c>
      <c r="J5613" s="2">
        <v>1</v>
      </c>
      <c r="K5613" s="2">
        <v>0</v>
      </c>
      <c r="L5613" t="s">
        <v>82</v>
      </c>
      <c r="M5613" t="s">
        <v>83</v>
      </c>
      <c r="N5613" t="s">
        <v>91</v>
      </c>
      <c r="O5613" t="s">
        <v>85</v>
      </c>
      <c r="P5613" t="s">
        <v>86</v>
      </c>
      <c r="Q5613">
        <v>71</v>
      </c>
      <c r="R5613">
        <v>73</v>
      </c>
      <c r="S5613">
        <v>75</v>
      </c>
      <c r="T5613">
        <v>77</v>
      </c>
      <c r="U5613">
        <v>78</v>
      </c>
      <c r="V5613">
        <v>80</v>
      </c>
      <c r="W5613">
        <v>82</v>
      </c>
      <c r="X5613">
        <v>84</v>
      </c>
      <c r="Y5613">
        <v>85</v>
      </c>
      <c r="Z5613">
        <v>87</v>
      </c>
      <c r="AA5613">
        <v>89</v>
      </c>
      <c r="AB5613">
        <v>91</v>
      </c>
      <c r="AC5613">
        <v>93</v>
      </c>
      <c r="AD5613">
        <v>95</v>
      </c>
      <c r="AE5613">
        <v>97</v>
      </c>
      <c r="AF5613">
        <v>99</v>
      </c>
      <c r="AG5613">
        <v>101</v>
      </c>
      <c r="AH5613">
        <v>103</v>
      </c>
      <c r="AI5613">
        <v>104</v>
      </c>
      <c r="AJ5613">
        <v>106</v>
      </c>
      <c r="AK5613">
        <v>109</v>
      </c>
      <c r="AL5613">
        <v>110</v>
      </c>
      <c r="AM5613">
        <v>111</v>
      </c>
      <c r="AN5613">
        <v>112</v>
      </c>
      <c r="AO5613">
        <v>113</v>
      </c>
      <c r="AP5613">
        <v>114</v>
      </c>
      <c r="AQ5613">
        <v>115</v>
      </c>
    </row>
    <row r="5614" spans="1:43">
      <c r="A5614" t="s">
        <v>3510</v>
      </c>
      <c r="B5614" t="s">
        <v>3511</v>
      </c>
      <c r="C5614" t="s">
        <v>3512</v>
      </c>
      <c r="D5614" t="s">
        <v>3513</v>
      </c>
      <c r="E5614" t="s">
        <v>3352</v>
      </c>
      <c r="F5614" t="s">
        <v>3353</v>
      </c>
      <c r="G5614" t="s">
        <v>80</v>
      </c>
      <c r="H5614" t="s">
        <v>81</v>
      </c>
      <c r="I5614" s="2">
        <v>0</v>
      </c>
      <c r="J5614" s="2">
        <v>1</v>
      </c>
      <c r="K5614" s="2">
        <v>0</v>
      </c>
      <c r="L5614" t="s">
        <v>82</v>
      </c>
      <c r="M5614" t="s">
        <v>83</v>
      </c>
      <c r="N5614" t="s">
        <v>84</v>
      </c>
      <c r="O5614" t="s">
        <v>85</v>
      </c>
      <c r="P5614" t="s">
        <v>86</v>
      </c>
      <c r="Q5614">
        <v>12</v>
      </c>
      <c r="R5614">
        <v>13</v>
      </c>
      <c r="S5614">
        <v>13</v>
      </c>
      <c r="T5614">
        <v>13</v>
      </c>
      <c r="U5614">
        <v>14</v>
      </c>
      <c r="V5614">
        <v>14</v>
      </c>
      <c r="W5614">
        <v>14</v>
      </c>
      <c r="X5614">
        <v>15</v>
      </c>
      <c r="Y5614">
        <v>15</v>
      </c>
      <c r="Z5614">
        <v>15</v>
      </c>
      <c r="AA5614">
        <v>16</v>
      </c>
      <c r="AB5614">
        <v>16</v>
      </c>
      <c r="AC5614">
        <v>16</v>
      </c>
      <c r="AD5614">
        <v>17</v>
      </c>
      <c r="AE5614">
        <v>17</v>
      </c>
      <c r="AF5614">
        <v>17</v>
      </c>
      <c r="AG5614">
        <v>17</v>
      </c>
      <c r="AH5614">
        <v>18</v>
      </c>
      <c r="AI5614">
        <v>18</v>
      </c>
      <c r="AJ5614">
        <v>19</v>
      </c>
      <c r="AK5614">
        <v>19</v>
      </c>
      <c r="AL5614">
        <v>19</v>
      </c>
      <c r="AM5614">
        <v>19</v>
      </c>
      <c r="AN5614">
        <v>19</v>
      </c>
      <c r="AO5614">
        <v>20</v>
      </c>
      <c r="AP5614">
        <v>20</v>
      </c>
      <c r="AQ5614">
        <v>20</v>
      </c>
    </row>
    <row r="5615" spans="1:43">
      <c r="A5615" t="s">
        <v>3510</v>
      </c>
      <c r="B5615" t="s">
        <v>3511</v>
      </c>
      <c r="C5615" t="s">
        <v>3512</v>
      </c>
      <c r="D5615" t="s">
        <v>3513</v>
      </c>
      <c r="E5615" t="s">
        <v>3352</v>
      </c>
      <c r="F5615" t="s">
        <v>3353</v>
      </c>
      <c r="G5615" t="s">
        <v>80</v>
      </c>
      <c r="H5615" t="s">
        <v>81</v>
      </c>
      <c r="I5615" s="2">
        <v>0</v>
      </c>
      <c r="J5615" s="2">
        <v>1</v>
      </c>
      <c r="K5615" s="2">
        <v>0</v>
      </c>
      <c r="L5615" t="s">
        <v>82</v>
      </c>
      <c r="M5615" t="s">
        <v>87</v>
      </c>
      <c r="N5615" t="s">
        <v>88</v>
      </c>
      <c r="O5615" t="s">
        <v>85</v>
      </c>
      <c r="P5615" t="s">
        <v>86</v>
      </c>
      <c r="Q5615">
        <v>12</v>
      </c>
      <c r="R5615">
        <v>13</v>
      </c>
      <c r="S5615">
        <v>13</v>
      </c>
      <c r="T5615">
        <v>13</v>
      </c>
      <c r="U5615">
        <v>13</v>
      </c>
      <c r="V5615">
        <v>13</v>
      </c>
      <c r="W5615">
        <v>13</v>
      </c>
      <c r="X5615">
        <v>14</v>
      </c>
      <c r="Y5615">
        <v>14</v>
      </c>
      <c r="Z5615">
        <v>14</v>
      </c>
      <c r="AA5615">
        <v>14</v>
      </c>
      <c r="AB5615">
        <v>14</v>
      </c>
      <c r="AC5615">
        <v>15</v>
      </c>
      <c r="AD5615">
        <v>15</v>
      </c>
      <c r="AE5615">
        <v>15</v>
      </c>
      <c r="AF5615">
        <v>15</v>
      </c>
      <c r="AG5615">
        <v>15</v>
      </c>
      <c r="AH5615">
        <v>16</v>
      </c>
      <c r="AI5615">
        <v>16</v>
      </c>
      <c r="AJ5615">
        <v>16</v>
      </c>
      <c r="AK5615">
        <v>16</v>
      </c>
      <c r="AL5615">
        <v>16</v>
      </c>
      <c r="AM5615">
        <v>17</v>
      </c>
      <c r="AN5615">
        <v>17</v>
      </c>
      <c r="AO5615">
        <v>17</v>
      </c>
      <c r="AP5615">
        <v>17</v>
      </c>
      <c r="AQ5615">
        <v>17</v>
      </c>
    </row>
    <row r="5616" spans="1:43">
      <c r="A5616" t="s">
        <v>3510</v>
      </c>
      <c r="B5616" t="s">
        <v>3511</v>
      </c>
      <c r="C5616" t="s">
        <v>3512</v>
      </c>
      <c r="D5616" t="s">
        <v>3513</v>
      </c>
      <c r="E5616" t="s">
        <v>3352</v>
      </c>
      <c r="F5616" t="s">
        <v>3353</v>
      </c>
      <c r="G5616" t="s">
        <v>80</v>
      </c>
      <c r="H5616" t="s">
        <v>81</v>
      </c>
      <c r="I5616" s="2">
        <v>0</v>
      </c>
      <c r="J5616" s="2">
        <v>1</v>
      </c>
      <c r="K5616" s="2">
        <v>0</v>
      </c>
      <c r="L5616" t="s">
        <v>82</v>
      </c>
      <c r="M5616" t="s">
        <v>89</v>
      </c>
      <c r="N5616" t="s">
        <v>90</v>
      </c>
      <c r="O5616" t="s">
        <v>85</v>
      </c>
      <c r="P5616" t="s">
        <v>86</v>
      </c>
      <c r="Q5616">
        <v>12</v>
      </c>
      <c r="R5616">
        <v>12</v>
      </c>
      <c r="S5616">
        <v>12</v>
      </c>
      <c r="T5616">
        <v>13</v>
      </c>
      <c r="U5616">
        <v>13</v>
      </c>
      <c r="V5616">
        <v>14</v>
      </c>
      <c r="W5616">
        <v>14</v>
      </c>
      <c r="X5616">
        <v>14</v>
      </c>
      <c r="Y5616">
        <v>15</v>
      </c>
      <c r="Z5616">
        <v>15</v>
      </c>
      <c r="AA5616">
        <v>16</v>
      </c>
      <c r="AB5616">
        <v>16</v>
      </c>
      <c r="AC5616">
        <v>16</v>
      </c>
      <c r="AD5616">
        <v>17</v>
      </c>
      <c r="AE5616">
        <v>17</v>
      </c>
      <c r="AF5616">
        <v>17</v>
      </c>
      <c r="AG5616">
        <v>17</v>
      </c>
      <c r="AH5616">
        <v>18</v>
      </c>
      <c r="AI5616">
        <v>18</v>
      </c>
      <c r="AJ5616">
        <v>18</v>
      </c>
      <c r="AK5616">
        <v>18</v>
      </c>
      <c r="AL5616">
        <v>18</v>
      </c>
      <c r="AM5616">
        <v>18</v>
      </c>
      <c r="AN5616">
        <v>19</v>
      </c>
      <c r="AO5616">
        <v>19</v>
      </c>
      <c r="AP5616">
        <v>19</v>
      </c>
      <c r="AQ5616">
        <v>19</v>
      </c>
    </row>
    <row r="5617" spans="1:43">
      <c r="A5617" t="s">
        <v>3510</v>
      </c>
      <c r="B5617" t="s">
        <v>3511</v>
      </c>
      <c r="C5617" t="s">
        <v>3512</v>
      </c>
      <c r="D5617" t="s">
        <v>3513</v>
      </c>
      <c r="E5617" t="s">
        <v>3352</v>
      </c>
      <c r="F5617" t="s">
        <v>3353</v>
      </c>
      <c r="G5617" t="s">
        <v>80</v>
      </c>
      <c r="H5617" t="s">
        <v>81</v>
      </c>
      <c r="I5617" s="2">
        <v>0</v>
      </c>
      <c r="J5617" s="2">
        <v>1</v>
      </c>
      <c r="K5617" s="2">
        <v>0</v>
      </c>
      <c r="L5617" t="s">
        <v>82</v>
      </c>
      <c r="M5617" t="s">
        <v>83</v>
      </c>
      <c r="N5617" t="s">
        <v>91</v>
      </c>
      <c r="O5617" t="s">
        <v>85</v>
      </c>
      <c r="P5617" t="s">
        <v>86</v>
      </c>
      <c r="Q5617">
        <v>12</v>
      </c>
      <c r="R5617">
        <v>13</v>
      </c>
      <c r="S5617">
        <v>13</v>
      </c>
      <c r="T5617">
        <v>13</v>
      </c>
      <c r="U5617">
        <v>14</v>
      </c>
      <c r="V5617">
        <v>14</v>
      </c>
      <c r="W5617">
        <v>14</v>
      </c>
      <c r="X5617">
        <v>15</v>
      </c>
      <c r="Y5617">
        <v>15</v>
      </c>
      <c r="Z5617">
        <v>15</v>
      </c>
      <c r="AA5617">
        <v>16</v>
      </c>
      <c r="AB5617">
        <v>16</v>
      </c>
      <c r="AC5617">
        <v>16</v>
      </c>
      <c r="AD5617">
        <v>17</v>
      </c>
      <c r="AE5617">
        <v>17</v>
      </c>
      <c r="AF5617">
        <v>17</v>
      </c>
      <c r="AG5617">
        <v>17</v>
      </c>
      <c r="AH5617">
        <v>18</v>
      </c>
      <c r="AI5617">
        <v>18</v>
      </c>
      <c r="AJ5617">
        <v>19</v>
      </c>
      <c r="AK5617">
        <v>19</v>
      </c>
      <c r="AL5617">
        <v>19</v>
      </c>
      <c r="AM5617">
        <v>19</v>
      </c>
      <c r="AN5617">
        <v>19</v>
      </c>
      <c r="AO5617">
        <v>20</v>
      </c>
      <c r="AP5617">
        <v>20</v>
      </c>
      <c r="AQ5617">
        <v>20</v>
      </c>
    </row>
    <row r="5618" spans="1:43">
      <c r="A5618" t="s">
        <v>3514</v>
      </c>
      <c r="B5618" t="s">
        <v>3515</v>
      </c>
      <c r="C5618" t="s">
        <v>3516</v>
      </c>
      <c r="D5618" t="s">
        <v>3517</v>
      </c>
      <c r="E5618" t="s">
        <v>3352</v>
      </c>
      <c r="F5618" t="s">
        <v>3353</v>
      </c>
      <c r="G5618" t="s">
        <v>80</v>
      </c>
      <c r="H5618" t="s">
        <v>81</v>
      </c>
      <c r="I5618" s="2">
        <v>0</v>
      </c>
      <c r="J5618" s="2">
        <v>1</v>
      </c>
      <c r="K5618" s="2">
        <v>0</v>
      </c>
      <c r="L5618" t="s">
        <v>82</v>
      </c>
      <c r="M5618" t="s">
        <v>83</v>
      </c>
      <c r="N5618" t="s">
        <v>84</v>
      </c>
      <c r="O5618" t="s">
        <v>85</v>
      </c>
      <c r="P5618" t="s">
        <v>86</v>
      </c>
      <c r="Q5618">
        <v>49</v>
      </c>
      <c r="R5618">
        <v>50</v>
      </c>
      <c r="S5618">
        <v>51</v>
      </c>
      <c r="T5618">
        <v>52</v>
      </c>
      <c r="U5618">
        <v>53</v>
      </c>
      <c r="V5618">
        <v>55</v>
      </c>
      <c r="W5618">
        <v>56</v>
      </c>
      <c r="X5618">
        <v>57</v>
      </c>
      <c r="Y5618">
        <v>58</v>
      </c>
      <c r="Z5618">
        <v>60</v>
      </c>
      <c r="AA5618">
        <v>61</v>
      </c>
      <c r="AB5618">
        <v>62</v>
      </c>
      <c r="AC5618">
        <v>63</v>
      </c>
      <c r="AD5618">
        <v>65</v>
      </c>
      <c r="AE5618">
        <v>66</v>
      </c>
      <c r="AF5618">
        <v>67</v>
      </c>
      <c r="AG5618">
        <v>68</v>
      </c>
      <c r="AH5618">
        <v>70</v>
      </c>
      <c r="AI5618">
        <v>71</v>
      </c>
      <c r="AJ5618">
        <v>72</v>
      </c>
      <c r="AK5618">
        <v>74</v>
      </c>
      <c r="AL5618">
        <v>74</v>
      </c>
      <c r="AM5618">
        <v>75</v>
      </c>
      <c r="AN5618">
        <v>76</v>
      </c>
      <c r="AO5618">
        <v>76</v>
      </c>
      <c r="AP5618">
        <v>77</v>
      </c>
      <c r="AQ5618">
        <v>78</v>
      </c>
    </row>
    <row r="5619" spans="1:43">
      <c r="A5619" t="s">
        <v>3514</v>
      </c>
      <c r="B5619" t="s">
        <v>3515</v>
      </c>
      <c r="C5619" t="s">
        <v>3516</v>
      </c>
      <c r="D5619" t="s">
        <v>3517</v>
      </c>
      <c r="E5619" t="s">
        <v>3352</v>
      </c>
      <c r="F5619" t="s">
        <v>3353</v>
      </c>
      <c r="G5619" t="s">
        <v>80</v>
      </c>
      <c r="H5619" t="s">
        <v>81</v>
      </c>
      <c r="I5619" s="2">
        <v>0</v>
      </c>
      <c r="J5619" s="2">
        <v>1</v>
      </c>
      <c r="K5619" s="2">
        <v>0</v>
      </c>
      <c r="L5619" t="s">
        <v>82</v>
      </c>
      <c r="M5619" t="s">
        <v>87</v>
      </c>
      <c r="N5619" t="s">
        <v>88</v>
      </c>
      <c r="O5619" t="s">
        <v>85</v>
      </c>
      <c r="P5619" t="s">
        <v>86</v>
      </c>
      <c r="Q5619">
        <v>49</v>
      </c>
      <c r="R5619">
        <v>50</v>
      </c>
      <c r="S5619">
        <v>51</v>
      </c>
      <c r="T5619">
        <v>51</v>
      </c>
      <c r="U5619">
        <v>52</v>
      </c>
      <c r="V5619">
        <v>53</v>
      </c>
      <c r="W5619">
        <v>53</v>
      </c>
      <c r="X5619">
        <v>54</v>
      </c>
      <c r="Y5619">
        <v>55</v>
      </c>
      <c r="Z5619">
        <v>56</v>
      </c>
      <c r="AA5619">
        <v>56</v>
      </c>
      <c r="AB5619">
        <v>57</v>
      </c>
      <c r="AC5619">
        <v>58</v>
      </c>
      <c r="AD5619">
        <v>59</v>
      </c>
      <c r="AE5619">
        <v>59</v>
      </c>
      <c r="AF5619">
        <v>60</v>
      </c>
      <c r="AG5619">
        <v>61</v>
      </c>
      <c r="AH5619">
        <v>62</v>
      </c>
      <c r="AI5619">
        <v>62</v>
      </c>
      <c r="AJ5619">
        <v>63</v>
      </c>
      <c r="AK5619">
        <v>64</v>
      </c>
      <c r="AL5619">
        <v>65</v>
      </c>
      <c r="AM5619">
        <v>66</v>
      </c>
      <c r="AN5619">
        <v>66</v>
      </c>
      <c r="AO5619">
        <v>67</v>
      </c>
      <c r="AP5619">
        <v>68</v>
      </c>
      <c r="AQ5619">
        <v>69</v>
      </c>
    </row>
    <row r="5620" spans="1:43">
      <c r="A5620" t="s">
        <v>3514</v>
      </c>
      <c r="B5620" t="s">
        <v>3515</v>
      </c>
      <c r="C5620" t="s">
        <v>3516</v>
      </c>
      <c r="D5620" t="s">
        <v>3517</v>
      </c>
      <c r="E5620" t="s">
        <v>3352</v>
      </c>
      <c r="F5620" t="s">
        <v>3353</v>
      </c>
      <c r="G5620" t="s">
        <v>80</v>
      </c>
      <c r="H5620" t="s">
        <v>81</v>
      </c>
      <c r="I5620" s="2">
        <v>0</v>
      </c>
      <c r="J5620" s="2">
        <v>1</v>
      </c>
      <c r="K5620" s="2">
        <v>0</v>
      </c>
      <c r="L5620" t="s">
        <v>82</v>
      </c>
      <c r="M5620" t="s">
        <v>89</v>
      </c>
      <c r="N5620" t="s">
        <v>90</v>
      </c>
      <c r="O5620" t="s">
        <v>85</v>
      </c>
      <c r="P5620" t="s">
        <v>86</v>
      </c>
      <c r="Q5620">
        <v>49</v>
      </c>
      <c r="R5620">
        <v>51</v>
      </c>
      <c r="S5620">
        <v>52</v>
      </c>
      <c r="T5620">
        <v>54</v>
      </c>
      <c r="U5620">
        <v>56</v>
      </c>
      <c r="V5620">
        <v>57</v>
      </c>
      <c r="W5620">
        <v>59</v>
      </c>
      <c r="X5620">
        <v>60</v>
      </c>
      <c r="Y5620">
        <v>62</v>
      </c>
      <c r="Z5620">
        <v>63</v>
      </c>
      <c r="AA5620">
        <v>65</v>
      </c>
      <c r="AB5620">
        <v>66</v>
      </c>
      <c r="AC5620">
        <v>68</v>
      </c>
      <c r="AD5620">
        <v>69</v>
      </c>
      <c r="AE5620">
        <v>70</v>
      </c>
      <c r="AF5620">
        <v>71</v>
      </c>
      <c r="AG5620">
        <v>72</v>
      </c>
      <c r="AH5620">
        <v>72</v>
      </c>
      <c r="AI5620">
        <v>73</v>
      </c>
      <c r="AJ5620">
        <v>74</v>
      </c>
      <c r="AK5620">
        <v>74</v>
      </c>
      <c r="AL5620">
        <v>75</v>
      </c>
      <c r="AM5620">
        <v>76</v>
      </c>
      <c r="AN5620">
        <v>76</v>
      </c>
      <c r="AO5620">
        <v>77</v>
      </c>
      <c r="AP5620">
        <v>77</v>
      </c>
      <c r="AQ5620">
        <v>78</v>
      </c>
    </row>
    <row r="5621" spans="1:43">
      <c r="A5621" t="s">
        <v>3514</v>
      </c>
      <c r="B5621" t="s">
        <v>3515</v>
      </c>
      <c r="C5621" t="s">
        <v>3516</v>
      </c>
      <c r="D5621" t="s">
        <v>3517</v>
      </c>
      <c r="E5621" t="s">
        <v>3352</v>
      </c>
      <c r="F5621" t="s">
        <v>3353</v>
      </c>
      <c r="G5621" t="s">
        <v>80</v>
      </c>
      <c r="H5621" t="s">
        <v>81</v>
      </c>
      <c r="I5621" s="2">
        <v>0</v>
      </c>
      <c r="J5621" s="2">
        <v>1</v>
      </c>
      <c r="K5621" s="2">
        <v>0</v>
      </c>
      <c r="L5621" t="s">
        <v>82</v>
      </c>
      <c r="M5621" t="s">
        <v>83</v>
      </c>
      <c r="N5621" t="s">
        <v>91</v>
      </c>
      <c r="O5621" t="s">
        <v>85</v>
      </c>
      <c r="P5621" t="s">
        <v>86</v>
      </c>
      <c r="Q5621">
        <v>49</v>
      </c>
      <c r="R5621">
        <v>50</v>
      </c>
      <c r="S5621">
        <v>51</v>
      </c>
      <c r="T5621">
        <v>52</v>
      </c>
      <c r="U5621">
        <v>53</v>
      </c>
      <c r="V5621">
        <v>55</v>
      </c>
      <c r="W5621">
        <v>56</v>
      </c>
      <c r="X5621">
        <v>57</v>
      </c>
      <c r="Y5621">
        <v>58</v>
      </c>
      <c r="Z5621">
        <v>60</v>
      </c>
      <c r="AA5621">
        <v>61</v>
      </c>
      <c r="AB5621">
        <v>62</v>
      </c>
      <c r="AC5621">
        <v>63</v>
      </c>
      <c r="AD5621">
        <v>65</v>
      </c>
      <c r="AE5621">
        <v>66</v>
      </c>
      <c r="AF5621">
        <v>67</v>
      </c>
      <c r="AG5621">
        <v>68</v>
      </c>
      <c r="AH5621">
        <v>70</v>
      </c>
      <c r="AI5621">
        <v>71</v>
      </c>
      <c r="AJ5621">
        <v>72</v>
      </c>
      <c r="AK5621">
        <v>74</v>
      </c>
      <c r="AL5621">
        <v>74</v>
      </c>
      <c r="AM5621">
        <v>75</v>
      </c>
      <c r="AN5621">
        <v>76</v>
      </c>
      <c r="AO5621">
        <v>76</v>
      </c>
      <c r="AP5621">
        <v>77</v>
      </c>
      <c r="AQ5621">
        <v>78</v>
      </c>
    </row>
    <row r="5622" spans="1:43">
      <c r="A5622" t="s">
        <v>3518</v>
      </c>
      <c r="B5622" t="s">
        <v>3519</v>
      </c>
      <c r="C5622" t="s">
        <v>3512</v>
      </c>
      <c r="D5622" t="s">
        <v>3513</v>
      </c>
      <c r="E5622" t="s">
        <v>3352</v>
      </c>
      <c r="F5622" t="s">
        <v>3353</v>
      </c>
      <c r="G5622" t="s">
        <v>80</v>
      </c>
      <c r="H5622" t="s">
        <v>81</v>
      </c>
      <c r="I5622" s="2">
        <v>0</v>
      </c>
      <c r="J5622" s="2">
        <v>1</v>
      </c>
      <c r="K5622" s="2">
        <v>0</v>
      </c>
      <c r="L5622" t="s">
        <v>82</v>
      </c>
      <c r="M5622" t="s">
        <v>83</v>
      </c>
      <c r="N5622" t="s">
        <v>84</v>
      </c>
      <c r="O5622" t="s">
        <v>85</v>
      </c>
      <c r="P5622" t="s">
        <v>86</v>
      </c>
      <c r="Q5622">
        <v>8</v>
      </c>
      <c r="R5622">
        <v>9</v>
      </c>
      <c r="S5622">
        <v>9</v>
      </c>
      <c r="T5622">
        <v>9</v>
      </c>
      <c r="U5622">
        <v>9</v>
      </c>
      <c r="V5622">
        <v>10</v>
      </c>
      <c r="W5622">
        <v>10</v>
      </c>
      <c r="X5622">
        <v>10</v>
      </c>
      <c r="Y5622">
        <v>10</v>
      </c>
      <c r="Z5622">
        <v>10</v>
      </c>
      <c r="AA5622">
        <v>11</v>
      </c>
      <c r="AB5622">
        <v>11</v>
      </c>
      <c r="AC5622">
        <v>11</v>
      </c>
      <c r="AD5622">
        <v>11</v>
      </c>
      <c r="AE5622">
        <v>11</v>
      </c>
      <c r="AF5622">
        <v>12</v>
      </c>
      <c r="AG5622">
        <v>12</v>
      </c>
      <c r="AH5622">
        <v>12</v>
      </c>
      <c r="AI5622">
        <v>12</v>
      </c>
      <c r="AJ5622">
        <v>13</v>
      </c>
      <c r="AK5622">
        <v>13</v>
      </c>
      <c r="AL5622">
        <v>13</v>
      </c>
      <c r="AM5622">
        <v>13</v>
      </c>
      <c r="AN5622">
        <v>13</v>
      </c>
      <c r="AO5622">
        <v>13</v>
      </c>
      <c r="AP5622">
        <v>13</v>
      </c>
      <c r="AQ5622">
        <v>14</v>
      </c>
    </row>
    <row r="5623" spans="1:43">
      <c r="A5623" t="s">
        <v>3518</v>
      </c>
      <c r="B5623" t="s">
        <v>3519</v>
      </c>
      <c r="C5623" t="s">
        <v>3512</v>
      </c>
      <c r="D5623" t="s">
        <v>3513</v>
      </c>
      <c r="E5623" t="s">
        <v>3352</v>
      </c>
      <c r="F5623" t="s">
        <v>3353</v>
      </c>
      <c r="G5623" t="s">
        <v>80</v>
      </c>
      <c r="H5623" t="s">
        <v>81</v>
      </c>
      <c r="I5623" s="2">
        <v>0</v>
      </c>
      <c r="J5623" s="2">
        <v>1</v>
      </c>
      <c r="K5623" s="2">
        <v>0</v>
      </c>
      <c r="L5623" t="s">
        <v>82</v>
      </c>
      <c r="M5623" t="s">
        <v>87</v>
      </c>
      <c r="N5623" t="s">
        <v>88</v>
      </c>
      <c r="O5623" t="s">
        <v>85</v>
      </c>
      <c r="P5623" t="s">
        <v>86</v>
      </c>
      <c r="Q5623">
        <v>8</v>
      </c>
      <c r="R5623">
        <v>9</v>
      </c>
      <c r="S5623">
        <v>9</v>
      </c>
      <c r="T5623">
        <v>9</v>
      </c>
      <c r="U5623">
        <v>9</v>
      </c>
      <c r="V5623">
        <v>9</v>
      </c>
      <c r="W5623">
        <v>9</v>
      </c>
      <c r="X5623">
        <v>9</v>
      </c>
      <c r="Y5623">
        <v>9</v>
      </c>
      <c r="Z5623">
        <v>10</v>
      </c>
      <c r="AA5623">
        <v>10</v>
      </c>
      <c r="AB5623">
        <v>10</v>
      </c>
      <c r="AC5623">
        <v>10</v>
      </c>
      <c r="AD5623">
        <v>10</v>
      </c>
      <c r="AE5623">
        <v>10</v>
      </c>
      <c r="AF5623">
        <v>10</v>
      </c>
      <c r="AG5623">
        <v>10</v>
      </c>
      <c r="AH5623">
        <v>11</v>
      </c>
      <c r="AI5623">
        <v>11</v>
      </c>
      <c r="AJ5623">
        <v>11</v>
      </c>
      <c r="AK5623">
        <v>11</v>
      </c>
      <c r="AL5623">
        <v>11</v>
      </c>
      <c r="AM5623">
        <v>11</v>
      </c>
      <c r="AN5623">
        <v>11</v>
      </c>
      <c r="AO5623">
        <v>12</v>
      </c>
      <c r="AP5623">
        <v>12</v>
      </c>
      <c r="AQ5623">
        <v>12</v>
      </c>
    </row>
    <row r="5624" spans="1:43">
      <c r="A5624" t="s">
        <v>3518</v>
      </c>
      <c r="B5624" t="s">
        <v>3519</v>
      </c>
      <c r="C5624" t="s">
        <v>3512</v>
      </c>
      <c r="D5624" t="s">
        <v>3513</v>
      </c>
      <c r="E5624" t="s">
        <v>3352</v>
      </c>
      <c r="F5624" t="s">
        <v>3353</v>
      </c>
      <c r="G5624" t="s">
        <v>80</v>
      </c>
      <c r="H5624" t="s">
        <v>81</v>
      </c>
      <c r="I5624" s="2">
        <v>0</v>
      </c>
      <c r="J5624" s="2">
        <v>1</v>
      </c>
      <c r="K5624" s="2">
        <v>0</v>
      </c>
      <c r="L5624" t="s">
        <v>82</v>
      </c>
      <c r="M5624" t="s">
        <v>89</v>
      </c>
      <c r="N5624" t="s">
        <v>90</v>
      </c>
      <c r="O5624" t="s">
        <v>85</v>
      </c>
      <c r="P5624" t="s">
        <v>86</v>
      </c>
      <c r="Q5624">
        <v>8</v>
      </c>
      <c r="R5624">
        <v>8</v>
      </c>
      <c r="S5624">
        <v>8</v>
      </c>
      <c r="T5624">
        <v>8</v>
      </c>
      <c r="U5624">
        <v>9</v>
      </c>
      <c r="V5624">
        <v>9</v>
      </c>
      <c r="W5624">
        <v>9</v>
      </c>
      <c r="X5624">
        <v>9</v>
      </c>
      <c r="Y5624">
        <v>10</v>
      </c>
      <c r="Z5624">
        <v>10</v>
      </c>
      <c r="AA5624">
        <v>10</v>
      </c>
      <c r="AB5624">
        <v>11</v>
      </c>
      <c r="AC5624">
        <v>11</v>
      </c>
      <c r="AD5624">
        <v>11</v>
      </c>
      <c r="AE5624">
        <v>11</v>
      </c>
      <c r="AF5624">
        <v>11</v>
      </c>
      <c r="AG5624">
        <v>11</v>
      </c>
      <c r="AH5624">
        <v>12</v>
      </c>
      <c r="AI5624">
        <v>12</v>
      </c>
      <c r="AJ5624">
        <v>12</v>
      </c>
      <c r="AK5624">
        <v>12</v>
      </c>
      <c r="AL5624">
        <v>12</v>
      </c>
      <c r="AM5624">
        <v>12</v>
      </c>
      <c r="AN5624">
        <v>12</v>
      </c>
      <c r="AO5624">
        <v>12</v>
      </c>
      <c r="AP5624">
        <v>13</v>
      </c>
      <c r="AQ5624">
        <v>13</v>
      </c>
    </row>
    <row r="5625" spans="1:43">
      <c r="A5625" t="s">
        <v>3518</v>
      </c>
      <c r="B5625" t="s">
        <v>3519</v>
      </c>
      <c r="C5625" t="s">
        <v>3512</v>
      </c>
      <c r="D5625" t="s">
        <v>3513</v>
      </c>
      <c r="E5625" t="s">
        <v>3352</v>
      </c>
      <c r="F5625" t="s">
        <v>3353</v>
      </c>
      <c r="G5625" t="s">
        <v>80</v>
      </c>
      <c r="H5625" t="s">
        <v>81</v>
      </c>
      <c r="I5625" s="2">
        <v>0</v>
      </c>
      <c r="J5625" s="2">
        <v>1</v>
      </c>
      <c r="K5625" s="2">
        <v>0</v>
      </c>
      <c r="L5625" t="s">
        <v>82</v>
      </c>
      <c r="M5625" t="s">
        <v>83</v>
      </c>
      <c r="N5625" t="s">
        <v>91</v>
      </c>
      <c r="O5625" t="s">
        <v>85</v>
      </c>
      <c r="P5625" t="s">
        <v>86</v>
      </c>
      <c r="Q5625">
        <v>8</v>
      </c>
      <c r="R5625">
        <v>9</v>
      </c>
      <c r="S5625">
        <v>9</v>
      </c>
      <c r="T5625">
        <v>9</v>
      </c>
      <c r="U5625">
        <v>9</v>
      </c>
      <c r="V5625">
        <v>10</v>
      </c>
      <c r="W5625">
        <v>10</v>
      </c>
      <c r="X5625">
        <v>10</v>
      </c>
      <c r="Y5625">
        <v>10</v>
      </c>
      <c r="Z5625">
        <v>10</v>
      </c>
      <c r="AA5625">
        <v>11</v>
      </c>
      <c r="AB5625">
        <v>11</v>
      </c>
      <c r="AC5625">
        <v>11</v>
      </c>
      <c r="AD5625">
        <v>11</v>
      </c>
      <c r="AE5625">
        <v>11</v>
      </c>
      <c r="AF5625">
        <v>12</v>
      </c>
      <c r="AG5625">
        <v>12</v>
      </c>
      <c r="AH5625">
        <v>12</v>
      </c>
      <c r="AI5625">
        <v>12</v>
      </c>
      <c r="AJ5625">
        <v>13</v>
      </c>
      <c r="AK5625">
        <v>13</v>
      </c>
      <c r="AL5625">
        <v>13</v>
      </c>
      <c r="AM5625">
        <v>13</v>
      </c>
      <c r="AN5625">
        <v>13</v>
      </c>
      <c r="AO5625">
        <v>13</v>
      </c>
      <c r="AP5625">
        <v>13</v>
      </c>
      <c r="AQ5625">
        <v>14</v>
      </c>
    </row>
    <row r="5626" spans="1:43">
      <c r="A5626" t="s">
        <v>3520</v>
      </c>
      <c r="B5626" t="s">
        <v>3521</v>
      </c>
      <c r="C5626" t="s">
        <v>3512</v>
      </c>
      <c r="D5626" t="s">
        <v>3513</v>
      </c>
      <c r="E5626" t="s">
        <v>3352</v>
      </c>
      <c r="F5626" t="s">
        <v>3353</v>
      </c>
      <c r="G5626" t="s">
        <v>80</v>
      </c>
      <c r="H5626" t="s">
        <v>81</v>
      </c>
      <c r="I5626" s="2">
        <v>0</v>
      </c>
      <c r="J5626" s="2">
        <v>1</v>
      </c>
      <c r="K5626" s="2">
        <v>0</v>
      </c>
      <c r="L5626" t="s">
        <v>82</v>
      </c>
      <c r="M5626" t="s">
        <v>83</v>
      </c>
      <c r="N5626" t="s">
        <v>84</v>
      </c>
      <c r="O5626" t="s">
        <v>85</v>
      </c>
      <c r="P5626" t="s">
        <v>86</v>
      </c>
      <c r="Q5626">
        <v>17</v>
      </c>
      <c r="R5626">
        <v>17</v>
      </c>
      <c r="S5626">
        <v>18</v>
      </c>
      <c r="T5626">
        <v>18</v>
      </c>
      <c r="U5626">
        <v>19</v>
      </c>
      <c r="V5626">
        <v>19</v>
      </c>
      <c r="W5626">
        <v>19</v>
      </c>
      <c r="X5626">
        <v>20</v>
      </c>
      <c r="Y5626">
        <v>20</v>
      </c>
      <c r="Z5626">
        <v>21</v>
      </c>
      <c r="AA5626">
        <v>21</v>
      </c>
      <c r="AB5626">
        <v>22</v>
      </c>
      <c r="AC5626">
        <v>22</v>
      </c>
      <c r="AD5626">
        <v>22</v>
      </c>
      <c r="AE5626">
        <v>23</v>
      </c>
      <c r="AF5626">
        <v>23</v>
      </c>
      <c r="AG5626">
        <v>24</v>
      </c>
      <c r="AH5626">
        <v>24</v>
      </c>
      <c r="AI5626">
        <v>25</v>
      </c>
      <c r="AJ5626">
        <v>25</v>
      </c>
      <c r="AK5626">
        <v>26</v>
      </c>
      <c r="AL5626">
        <v>26</v>
      </c>
      <c r="AM5626">
        <v>26</v>
      </c>
      <c r="AN5626">
        <v>26</v>
      </c>
      <c r="AO5626">
        <v>27</v>
      </c>
      <c r="AP5626">
        <v>27</v>
      </c>
      <c r="AQ5626">
        <v>27</v>
      </c>
    </row>
    <row r="5627" spans="1:43">
      <c r="A5627" t="s">
        <v>3520</v>
      </c>
      <c r="B5627" t="s">
        <v>3521</v>
      </c>
      <c r="C5627" t="s">
        <v>3512</v>
      </c>
      <c r="D5627" t="s">
        <v>3513</v>
      </c>
      <c r="E5627" t="s">
        <v>3352</v>
      </c>
      <c r="F5627" t="s">
        <v>3353</v>
      </c>
      <c r="G5627" t="s">
        <v>80</v>
      </c>
      <c r="H5627" t="s">
        <v>81</v>
      </c>
      <c r="I5627" s="2">
        <v>0</v>
      </c>
      <c r="J5627" s="2">
        <v>1</v>
      </c>
      <c r="K5627" s="2">
        <v>0</v>
      </c>
      <c r="L5627" t="s">
        <v>82</v>
      </c>
      <c r="M5627" t="s">
        <v>87</v>
      </c>
      <c r="N5627" t="s">
        <v>88</v>
      </c>
      <c r="O5627" t="s">
        <v>85</v>
      </c>
      <c r="P5627" t="s">
        <v>86</v>
      </c>
      <c r="Q5627">
        <v>17</v>
      </c>
      <c r="R5627">
        <v>17</v>
      </c>
      <c r="S5627">
        <v>17</v>
      </c>
      <c r="T5627">
        <v>18</v>
      </c>
      <c r="U5627">
        <v>18</v>
      </c>
      <c r="V5627">
        <v>18</v>
      </c>
      <c r="W5627">
        <v>18</v>
      </c>
      <c r="X5627">
        <v>19</v>
      </c>
      <c r="Y5627">
        <v>19</v>
      </c>
      <c r="Z5627">
        <v>19</v>
      </c>
      <c r="AA5627">
        <v>19</v>
      </c>
      <c r="AB5627">
        <v>20</v>
      </c>
      <c r="AC5627">
        <v>20</v>
      </c>
      <c r="AD5627">
        <v>20</v>
      </c>
      <c r="AE5627">
        <v>20</v>
      </c>
      <c r="AF5627">
        <v>21</v>
      </c>
      <c r="AG5627">
        <v>21</v>
      </c>
      <c r="AH5627">
        <v>21</v>
      </c>
      <c r="AI5627">
        <v>21</v>
      </c>
      <c r="AJ5627">
        <v>22</v>
      </c>
      <c r="AK5627">
        <v>22</v>
      </c>
      <c r="AL5627">
        <v>22</v>
      </c>
      <c r="AM5627">
        <v>23</v>
      </c>
      <c r="AN5627">
        <v>23</v>
      </c>
      <c r="AO5627">
        <v>23</v>
      </c>
      <c r="AP5627">
        <v>23</v>
      </c>
      <c r="AQ5627">
        <v>24</v>
      </c>
    </row>
    <row r="5628" spans="1:43">
      <c r="A5628" t="s">
        <v>3520</v>
      </c>
      <c r="B5628" t="s">
        <v>3521</v>
      </c>
      <c r="C5628" t="s">
        <v>3512</v>
      </c>
      <c r="D5628" t="s">
        <v>3513</v>
      </c>
      <c r="E5628" t="s">
        <v>3352</v>
      </c>
      <c r="F5628" t="s">
        <v>3353</v>
      </c>
      <c r="G5628" t="s">
        <v>80</v>
      </c>
      <c r="H5628" t="s">
        <v>81</v>
      </c>
      <c r="I5628" s="2">
        <v>0</v>
      </c>
      <c r="J5628" s="2">
        <v>1</v>
      </c>
      <c r="K5628" s="2">
        <v>0</v>
      </c>
      <c r="L5628" t="s">
        <v>82</v>
      </c>
      <c r="M5628" t="s">
        <v>89</v>
      </c>
      <c r="N5628" t="s">
        <v>90</v>
      </c>
      <c r="O5628" t="s">
        <v>85</v>
      </c>
      <c r="P5628" t="s">
        <v>86</v>
      </c>
      <c r="Q5628">
        <v>17</v>
      </c>
      <c r="R5628">
        <v>18</v>
      </c>
      <c r="S5628">
        <v>18</v>
      </c>
      <c r="T5628">
        <v>19</v>
      </c>
      <c r="U5628">
        <v>19</v>
      </c>
      <c r="V5628">
        <v>20</v>
      </c>
      <c r="W5628">
        <v>20</v>
      </c>
      <c r="X5628">
        <v>21</v>
      </c>
      <c r="Y5628">
        <v>21</v>
      </c>
      <c r="Z5628">
        <v>22</v>
      </c>
      <c r="AA5628">
        <v>23</v>
      </c>
      <c r="AB5628">
        <v>23</v>
      </c>
      <c r="AC5628">
        <v>24</v>
      </c>
      <c r="AD5628">
        <v>24</v>
      </c>
      <c r="AE5628">
        <v>25</v>
      </c>
      <c r="AF5628">
        <v>25</v>
      </c>
      <c r="AG5628">
        <v>25</v>
      </c>
      <c r="AH5628">
        <v>25</v>
      </c>
      <c r="AI5628">
        <v>25</v>
      </c>
      <c r="AJ5628">
        <v>26</v>
      </c>
      <c r="AK5628">
        <v>26</v>
      </c>
      <c r="AL5628">
        <v>26</v>
      </c>
      <c r="AM5628">
        <v>26</v>
      </c>
      <c r="AN5628">
        <v>27</v>
      </c>
      <c r="AO5628">
        <v>27</v>
      </c>
      <c r="AP5628">
        <v>27</v>
      </c>
      <c r="AQ5628">
        <v>27</v>
      </c>
    </row>
    <row r="5629" spans="1:43">
      <c r="A5629" t="s">
        <v>3520</v>
      </c>
      <c r="B5629" t="s">
        <v>3521</v>
      </c>
      <c r="C5629" t="s">
        <v>3512</v>
      </c>
      <c r="D5629" t="s">
        <v>3513</v>
      </c>
      <c r="E5629" t="s">
        <v>3352</v>
      </c>
      <c r="F5629" t="s">
        <v>3353</v>
      </c>
      <c r="G5629" t="s">
        <v>80</v>
      </c>
      <c r="H5629" t="s">
        <v>81</v>
      </c>
      <c r="I5629" s="2">
        <v>0</v>
      </c>
      <c r="J5629" s="2">
        <v>1</v>
      </c>
      <c r="K5629" s="2">
        <v>0</v>
      </c>
      <c r="L5629" t="s">
        <v>82</v>
      </c>
      <c r="M5629" t="s">
        <v>83</v>
      </c>
      <c r="N5629" t="s">
        <v>91</v>
      </c>
      <c r="O5629" t="s">
        <v>85</v>
      </c>
      <c r="P5629" t="s">
        <v>86</v>
      </c>
      <c r="Q5629">
        <v>17</v>
      </c>
      <c r="R5629">
        <v>17</v>
      </c>
      <c r="S5629">
        <v>18</v>
      </c>
      <c r="T5629">
        <v>18</v>
      </c>
      <c r="U5629">
        <v>19</v>
      </c>
      <c r="V5629">
        <v>19</v>
      </c>
      <c r="W5629">
        <v>19</v>
      </c>
      <c r="X5629">
        <v>20</v>
      </c>
      <c r="Y5629">
        <v>20</v>
      </c>
      <c r="Z5629">
        <v>21</v>
      </c>
      <c r="AA5629">
        <v>21</v>
      </c>
      <c r="AB5629">
        <v>22</v>
      </c>
      <c r="AC5629">
        <v>22</v>
      </c>
      <c r="AD5629">
        <v>22</v>
      </c>
      <c r="AE5629">
        <v>23</v>
      </c>
      <c r="AF5629">
        <v>23</v>
      </c>
      <c r="AG5629">
        <v>24</v>
      </c>
      <c r="AH5629">
        <v>24</v>
      </c>
      <c r="AI5629">
        <v>25</v>
      </c>
      <c r="AJ5629">
        <v>25</v>
      </c>
      <c r="AK5629">
        <v>26</v>
      </c>
      <c r="AL5629">
        <v>26</v>
      </c>
      <c r="AM5629">
        <v>26</v>
      </c>
      <c r="AN5629">
        <v>26</v>
      </c>
      <c r="AO5629">
        <v>27</v>
      </c>
      <c r="AP5629">
        <v>27</v>
      </c>
      <c r="AQ5629">
        <v>27</v>
      </c>
    </row>
    <row r="5630" spans="1:43">
      <c r="A5630" t="s">
        <v>3522</v>
      </c>
      <c r="B5630" t="s">
        <v>3523</v>
      </c>
      <c r="C5630" t="s">
        <v>3512</v>
      </c>
      <c r="D5630" t="s">
        <v>3513</v>
      </c>
      <c r="E5630" t="s">
        <v>3352</v>
      </c>
      <c r="F5630" t="s">
        <v>3353</v>
      </c>
      <c r="G5630" t="s">
        <v>80</v>
      </c>
      <c r="H5630" t="s">
        <v>81</v>
      </c>
      <c r="I5630" s="2">
        <v>0</v>
      </c>
      <c r="J5630" s="2">
        <v>1</v>
      </c>
      <c r="K5630" s="2">
        <v>0</v>
      </c>
      <c r="L5630" t="s">
        <v>82</v>
      </c>
      <c r="M5630" t="s">
        <v>83</v>
      </c>
      <c r="N5630" t="s">
        <v>84</v>
      </c>
      <c r="O5630" t="s">
        <v>85</v>
      </c>
      <c r="P5630" t="s">
        <v>86</v>
      </c>
      <c r="Q5630">
        <v>17</v>
      </c>
      <c r="R5630">
        <v>17</v>
      </c>
      <c r="S5630">
        <v>18</v>
      </c>
      <c r="T5630">
        <v>18</v>
      </c>
      <c r="U5630">
        <v>19</v>
      </c>
      <c r="V5630">
        <v>19</v>
      </c>
      <c r="W5630">
        <v>19</v>
      </c>
      <c r="X5630">
        <v>20</v>
      </c>
      <c r="Y5630">
        <v>20</v>
      </c>
      <c r="Z5630">
        <v>21</v>
      </c>
      <c r="AA5630">
        <v>21</v>
      </c>
      <c r="AB5630">
        <v>22</v>
      </c>
      <c r="AC5630">
        <v>22</v>
      </c>
      <c r="AD5630">
        <v>23</v>
      </c>
      <c r="AE5630">
        <v>23</v>
      </c>
      <c r="AF5630">
        <v>23</v>
      </c>
      <c r="AG5630">
        <v>24</v>
      </c>
      <c r="AH5630">
        <v>24</v>
      </c>
      <c r="AI5630">
        <v>25</v>
      </c>
      <c r="AJ5630">
        <v>25</v>
      </c>
      <c r="AK5630">
        <v>26</v>
      </c>
      <c r="AL5630">
        <v>26</v>
      </c>
      <c r="AM5630">
        <v>26</v>
      </c>
      <c r="AN5630">
        <v>26</v>
      </c>
      <c r="AO5630">
        <v>27</v>
      </c>
      <c r="AP5630">
        <v>27</v>
      </c>
      <c r="AQ5630">
        <v>27</v>
      </c>
    </row>
    <row r="5631" spans="1:43">
      <c r="A5631" t="s">
        <v>3522</v>
      </c>
      <c r="B5631" t="s">
        <v>3523</v>
      </c>
      <c r="C5631" t="s">
        <v>3512</v>
      </c>
      <c r="D5631" t="s">
        <v>3513</v>
      </c>
      <c r="E5631" t="s">
        <v>3352</v>
      </c>
      <c r="F5631" t="s">
        <v>3353</v>
      </c>
      <c r="G5631" t="s">
        <v>80</v>
      </c>
      <c r="H5631" t="s">
        <v>81</v>
      </c>
      <c r="I5631" s="2">
        <v>0</v>
      </c>
      <c r="J5631" s="2">
        <v>1</v>
      </c>
      <c r="K5631" s="2">
        <v>0</v>
      </c>
      <c r="L5631" t="s">
        <v>82</v>
      </c>
      <c r="M5631" t="s">
        <v>87</v>
      </c>
      <c r="N5631" t="s">
        <v>88</v>
      </c>
      <c r="O5631" t="s">
        <v>85</v>
      </c>
      <c r="P5631" t="s">
        <v>86</v>
      </c>
      <c r="Q5631">
        <v>17</v>
      </c>
      <c r="R5631">
        <v>17</v>
      </c>
      <c r="S5631">
        <v>17</v>
      </c>
      <c r="T5631">
        <v>18</v>
      </c>
      <c r="U5631">
        <v>18</v>
      </c>
      <c r="V5631">
        <v>18</v>
      </c>
      <c r="W5631">
        <v>18</v>
      </c>
      <c r="X5631">
        <v>19</v>
      </c>
      <c r="Y5631">
        <v>19</v>
      </c>
      <c r="Z5631">
        <v>19</v>
      </c>
      <c r="AA5631">
        <v>19</v>
      </c>
      <c r="AB5631">
        <v>20</v>
      </c>
      <c r="AC5631">
        <v>20</v>
      </c>
      <c r="AD5631">
        <v>20</v>
      </c>
      <c r="AE5631">
        <v>20</v>
      </c>
      <c r="AF5631">
        <v>21</v>
      </c>
      <c r="AG5631">
        <v>21</v>
      </c>
      <c r="AH5631">
        <v>21</v>
      </c>
      <c r="AI5631">
        <v>21</v>
      </c>
      <c r="AJ5631">
        <v>22</v>
      </c>
      <c r="AK5631">
        <v>22</v>
      </c>
      <c r="AL5631">
        <v>22</v>
      </c>
      <c r="AM5631">
        <v>23</v>
      </c>
      <c r="AN5631">
        <v>23</v>
      </c>
      <c r="AO5631">
        <v>23</v>
      </c>
      <c r="AP5631">
        <v>23</v>
      </c>
      <c r="AQ5631">
        <v>24</v>
      </c>
    </row>
    <row r="5632" spans="1:43">
      <c r="A5632" t="s">
        <v>3522</v>
      </c>
      <c r="B5632" t="s">
        <v>3523</v>
      </c>
      <c r="C5632" t="s">
        <v>3512</v>
      </c>
      <c r="D5632" t="s">
        <v>3513</v>
      </c>
      <c r="E5632" t="s">
        <v>3352</v>
      </c>
      <c r="F5632" t="s">
        <v>3353</v>
      </c>
      <c r="G5632" t="s">
        <v>80</v>
      </c>
      <c r="H5632" t="s">
        <v>81</v>
      </c>
      <c r="I5632" s="2">
        <v>0</v>
      </c>
      <c r="J5632" s="2">
        <v>1</v>
      </c>
      <c r="K5632" s="2">
        <v>0</v>
      </c>
      <c r="L5632" t="s">
        <v>82</v>
      </c>
      <c r="M5632" t="s">
        <v>89</v>
      </c>
      <c r="N5632" t="s">
        <v>90</v>
      </c>
      <c r="O5632" t="s">
        <v>85</v>
      </c>
      <c r="P5632" t="s">
        <v>86</v>
      </c>
      <c r="Q5632">
        <v>17</v>
      </c>
      <c r="R5632">
        <v>18</v>
      </c>
      <c r="S5632">
        <v>18</v>
      </c>
      <c r="T5632">
        <v>19</v>
      </c>
      <c r="U5632">
        <v>19</v>
      </c>
      <c r="V5632">
        <v>20</v>
      </c>
      <c r="W5632">
        <v>20</v>
      </c>
      <c r="X5632">
        <v>21</v>
      </c>
      <c r="Y5632">
        <v>22</v>
      </c>
      <c r="Z5632">
        <v>22</v>
      </c>
      <c r="AA5632">
        <v>23</v>
      </c>
      <c r="AB5632">
        <v>23</v>
      </c>
      <c r="AC5632">
        <v>24</v>
      </c>
      <c r="AD5632">
        <v>24</v>
      </c>
      <c r="AE5632">
        <v>25</v>
      </c>
      <c r="AF5632">
        <v>25</v>
      </c>
      <c r="AG5632">
        <v>25</v>
      </c>
      <c r="AH5632">
        <v>25</v>
      </c>
      <c r="AI5632">
        <v>25</v>
      </c>
      <c r="AJ5632">
        <v>26</v>
      </c>
      <c r="AK5632">
        <v>26</v>
      </c>
      <c r="AL5632">
        <v>26</v>
      </c>
      <c r="AM5632">
        <v>26</v>
      </c>
      <c r="AN5632">
        <v>27</v>
      </c>
      <c r="AO5632">
        <v>27</v>
      </c>
      <c r="AP5632">
        <v>27</v>
      </c>
      <c r="AQ5632">
        <v>27</v>
      </c>
    </row>
    <row r="5633" spans="1:43">
      <c r="A5633" t="s">
        <v>3522</v>
      </c>
      <c r="B5633" t="s">
        <v>3523</v>
      </c>
      <c r="C5633" t="s">
        <v>3512</v>
      </c>
      <c r="D5633" t="s">
        <v>3513</v>
      </c>
      <c r="E5633" t="s">
        <v>3352</v>
      </c>
      <c r="F5633" t="s">
        <v>3353</v>
      </c>
      <c r="G5633" t="s">
        <v>80</v>
      </c>
      <c r="H5633" t="s">
        <v>81</v>
      </c>
      <c r="I5633" s="2">
        <v>0</v>
      </c>
      <c r="J5633" s="2">
        <v>1</v>
      </c>
      <c r="K5633" s="2">
        <v>0</v>
      </c>
      <c r="L5633" t="s">
        <v>82</v>
      </c>
      <c r="M5633" t="s">
        <v>83</v>
      </c>
      <c r="N5633" t="s">
        <v>91</v>
      </c>
      <c r="O5633" t="s">
        <v>85</v>
      </c>
      <c r="P5633" t="s">
        <v>86</v>
      </c>
      <c r="Q5633">
        <v>17</v>
      </c>
      <c r="R5633">
        <v>17</v>
      </c>
      <c r="S5633">
        <v>18</v>
      </c>
      <c r="T5633">
        <v>18</v>
      </c>
      <c r="U5633">
        <v>19</v>
      </c>
      <c r="V5633">
        <v>19</v>
      </c>
      <c r="W5633">
        <v>19</v>
      </c>
      <c r="X5633">
        <v>20</v>
      </c>
      <c r="Y5633">
        <v>20</v>
      </c>
      <c r="Z5633">
        <v>21</v>
      </c>
      <c r="AA5633">
        <v>21</v>
      </c>
      <c r="AB5633">
        <v>22</v>
      </c>
      <c r="AC5633">
        <v>22</v>
      </c>
      <c r="AD5633">
        <v>23</v>
      </c>
      <c r="AE5633">
        <v>23</v>
      </c>
      <c r="AF5633">
        <v>23</v>
      </c>
      <c r="AG5633">
        <v>24</v>
      </c>
      <c r="AH5633">
        <v>24</v>
      </c>
      <c r="AI5633">
        <v>25</v>
      </c>
      <c r="AJ5633">
        <v>25</v>
      </c>
      <c r="AK5633">
        <v>26</v>
      </c>
      <c r="AL5633">
        <v>26</v>
      </c>
      <c r="AM5633">
        <v>26</v>
      </c>
      <c r="AN5633">
        <v>26</v>
      </c>
      <c r="AO5633">
        <v>27</v>
      </c>
      <c r="AP5633">
        <v>27</v>
      </c>
      <c r="AQ5633">
        <v>27</v>
      </c>
    </row>
    <row r="5634" spans="1:43">
      <c r="A5634" t="s">
        <v>3524</v>
      </c>
      <c r="B5634" t="s">
        <v>3525</v>
      </c>
      <c r="C5634" t="s">
        <v>3516</v>
      </c>
      <c r="D5634" t="s">
        <v>3517</v>
      </c>
      <c r="E5634" t="s">
        <v>3352</v>
      </c>
      <c r="F5634" t="s">
        <v>3353</v>
      </c>
      <c r="G5634" t="s">
        <v>80</v>
      </c>
      <c r="H5634" t="s">
        <v>81</v>
      </c>
      <c r="I5634" s="2">
        <v>0</v>
      </c>
      <c r="J5634" s="2">
        <v>1</v>
      </c>
      <c r="K5634" s="2">
        <v>0</v>
      </c>
      <c r="L5634" t="s">
        <v>82</v>
      </c>
      <c r="M5634" t="s">
        <v>83</v>
      </c>
      <c r="N5634" t="s">
        <v>84</v>
      </c>
      <c r="O5634" t="s">
        <v>85</v>
      </c>
      <c r="P5634" t="s">
        <v>86</v>
      </c>
      <c r="Q5634">
        <v>16</v>
      </c>
      <c r="R5634">
        <v>16</v>
      </c>
      <c r="S5634">
        <v>17</v>
      </c>
      <c r="T5634">
        <v>17</v>
      </c>
      <c r="U5634">
        <v>17</v>
      </c>
      <c r="V5634">
        <v>18</v>
      </c>
      <c r="W5634">
        <v>18</v>
      </c>
      <c r="X5634">
        <v>19</v>
      </c>
      <c r="Y5634">
        <v>19</v>
      </c>
      <c r="Z5634">
        <v>19</v>
      </c>
      <c r="AA5634">
        <v>20</v>
      </c>
      <c r="AB5634">
        <v>20</v>
      </c>
      <c r="AC5634">
        <v>21</v>
      </c>
      <c r="AD5634">
        <v>21</v>
      </c>
      <c r="AE5634">
        <v>21</v>
      </c>
      <c r="AF5634">
        <v>22</v>
      </c>
      <c r="AG5634">
        <v>22</v>
      </c>
      <c r="AH5634">
        <v>23</v>
      </c>
      <c r="AI5634">
        <v>23</v>
      </c>
      <c r="AJ5634">
        <v>24</v>
      </c>
      <c r="AK5634">
        <v>24</v>
      </c>
      <c r="AL5634">
        <v>24</v>
      </c>
      <c r="AM5634">
        <v>24</v>
      </c>
      <c r="AN5634">
        <v>25</v>
      </c>
      <c r="AO5634">
        <v>25</v>
      </c>
      <c r="AP5634">
        <v>25</v>
      </c>
      <c r="AQ5634">
        <v>25</v>
      </c>
    </row>
    <row r="5635" spans="1:43">
      <c r="A5635" t="s">
        <v>3524</v>
      </c>
      <c r="B5635" t="s">
        <v>3525</v>
      </c>
      <c r="C5635" t="s">
        <v>3516</v>
      </c>
      <c r="D5635" t="s">
        <v>3517</v>
      </c>
      <c r="E5635" t="s">
        <v>3352</v>
      </c>
      <c r="F5635" t="s">
        <v>3353</v>
      </c>
      <c r="G5635" t="s">
        <v>80</v>
      </c>
      <c r="H5635" t="s">
        <v>81</v>
      </c>
      <c r="I5635" s="2">
        <v>0</v>
      </c>
      <c r="J5635" s="2">
        <v>1</v>
      </c>
      <c r="K5635" s="2">
        <v>0</v>
      </c>
      <c r="L5635" t="s">
        <v>82</v>
      </c>
      <c r="M5635" t="s">
        <v>87</v>
      </c>
      <c r="N5635" t="s">
        <v>88</v>
      </c>
      <c r="O5635" t="s">
        <v>85</v>
      </c>
      <c r="P5635" t="s">
        <v>86</v>
      </c>
      <c r="Q5635">
        <v>16</v>
      </c>
      <c r="R5635">
        <v>16</v>
      </c>
      <c r="S5635">
        <v>16</v>
      </c>
      <c r="T5635">
        <v>16</v>
      </c>
      <c r="U5635">
        <v>17</v>
      </c>
      <c r="V5635">
        <v>17</v>
      </c>
      <c r="W5635">
        <v>17</v>
      </c>
      <c r="X5635">
        <v>17</v>
      </c>
      <c r="Y5635">
        <v>18</v>
      </c>
      <c r="Z5635">
        <v>18</v>
      </c>
      <c r="AA5635">
        <v>18</v>
      </c>
      <c r="AB5635">
        <v>18</v>
      </c>
      <c r="AC5635">
        <v>18</v>
      </c>
      <c r="AD5635">
        <v>19</v>
      </c>
      <c r="AE5635">
        <v>19</v>
      </c>
      <c r="AF5635">
        <v>19</v>
      </c>
      <c r="AG5635">
        <v>19</v>
      </c>
      <c r="AH5635">
        <v>20</v>
      </c>
      <c r="AI5635">
        <v>20</v>
      </c>
      <c r="AJ5635">
        <v>20</v>
      </c>
      <c r="AK5635">
        <v>20</v>
      </c>
      <c r="AL5635">
        <v>21</v>
      </c>
      <c r="AM5635">
        <v>21</v>
      </c>
      <c r="AN5635">
        <v>21</v>
      </c>
      <c r="AO5635">
        <v>21</v>
      </c>
      <c r="AP5635">
        <v>22</v>
      </c>
      <c r="AQ5635">
        <v>22</v>
      </c>
    </row>
    <row r="5636" spans="1:43">
      <c r="A5636" t="s">
        <v>3524</v>
      </c>
      <c r="B5636" t="s">
        <v>3525</v>
      </c>
      <c r="C5636" t="s">
        <v>3516</v>
      </c>
      <c r="D5636" t="s">
        <v>3517</v>
      </c>
      <c r="E5636" t="s">
        <v>3352</v>
      </c>
      <c r="F5636" t="s">
        <v>3353</v>
      </c>
      <c r="G5636" t="s">
        <v>80</v>
      </c>
      <c r="H5636" t="s">
        <v>81</v>
      </c>
      <c r="I5636" s="2">
        <v>0</v>
      </c>
      <c r="J5636" s="2">
        <v>1</v>
      </c>
      <c r="K5636" s="2">
        <v>0</v>
      </c>
      <c r="L5636" t="s">
        <v>82</v>
      </c>
      <c r="M5636" t="s">
        <v>89</v>
      </c>
      <c r="N5636" t="s">
        <v>90</v>
      </c>
      <c r="O5636" t="s">
        <v>85</v>
      </c>
      <c r="P5636" t="s">
        <v>86</v>
      </c>
      <c r="Q5636">
        <v>16</v>
      </c>
      <c r="R5636">
        <v>17</v>
      </c>
      <c r="S5636">
        <v>17</v>
      </c>
      <c r="T5636">
        <v>18</v>
      </c>
      <c r="U5636">
        <v>18</v>
      </c>
      <c r="V5636">
        <v>19</v>
      </c>
      <c r="W5636">
        <v>19</v>
      </c>
      <c r="X5636">
        <v>20</v>
      </c>
      <c r="Y5636">
        <v>20</v>
      </c>
      <c r="Z5636">
        <v>21</v>
      </c>
      <c r="AA5636">
        <v>21</v>
      </c>
      <c r="AB5636">
        <v>22</v>
      </c>
      <c r="AC5636">
        <v>22</v>
      </c>
      <c r="AD5636">
        <v>23</v>
      </c>
      <c r="AE5636">
        <v>23</v>
      </c>
      <c r="AF5636">
        <v>23</v>
      </c>
      <c r="AG5636">
        <v>23</v>
      </c>
      <c r="AH5636">
        <v>24</v>
      </c>
      <c r="AI5636">
        <v>24</v>
      </c>
      <c r="AJ5636">
        <v>24</v>
      </c>
      <c r="AK5636">
        <v>24</v>
      </c>
      <c r="AL5636">
        <v>24</v>
      </c>
      <c r="AM5636">
        <v>25</v>
      </c>
      <c r="AN5636">
        <v>25</v>
      </c>
      <c r="AO5636">
        <v>25</v>
      </c>
      <c r="AP5636">
        <v>25</v>
      </c>
      <c r="AQ5636">
        <v>26</v>
      </c>
    </row>
    <row r="5637" spans="1:43">
      <c r="A5637" t="s">
        <v>3524</v>
      </c>
      <c r="B5637" t="s">
        <v>3525</v>
      </c>
      <c r="C5637" t="s">
        <v>3516</v>
      </c>
      <c r="D5637" t="s">
        <v>3517</v>
      </c>
      <c r="E5637" t="s">
        <v>3352</v>
      </c>
      <c r="F5637" t="s">
        <v>3353</v>
      </c>
      <c r="G5637" t="s">
        <v>80</v>
      </c>
      <c r="H5637" t="s">
        <v>81</v>
      </c>
      <c r="I5637" s="2">
        <v>0</v>
      </c>
      <c r="J5637" s="2">
        <v>1</v>
      </c>
      <c r="K5637" s="2">
        <v>0</v>
      </c>
      <c r="L5637" t="s">
        <v>82</v>
      </c>
      <c r="M5637" t="s">
        <v>83</v>
      </c>
      <c r="N5637" t="s">
        <v>91</v>
      </c>
      <c r="O5637" t="s">
        <v>85</v>
      </c>
      <c r="P5637" t="s">
        <v>86</v>
      </c>
      <c r="Q5637">
        <v>16</v>
      </c>
      <c r="R5637">
        <v>16</v>
      </c>
      <c r="S5637">
        <v>17</v>
      </c>
      <c r="T5637">
        <v>17</v>
      </c>
      <c r="U5637">
        <v>17</v>
      </c>
      <c r="V5637">
        <v>18</v>
      </c>
      <c r="W5637">
        <v>18</v>
      </c>
      <c r="X5637">
        <v>19</v>
      </c>
      <c r="Y5637">
        <v>19</v>
      </c>
      <c r="Z5637">
        <v>19</v>
      </c>
      <c r="AA5637">
        <v>20</v>
      </c>
      <c r="AB5637">
        <v>20</v>
      </c>
      <c r="AC5637">
        <v>21</v>
      </c>
      <c r="AD5637">
        <v>21</v>
      </c>
      <c r="AE5637">
        <v>21</v>
      </c>
      <c r="AF5637">
        <v>22</v>
      </c>
      <c r="AG5637">
        <v>22</v>
      </c>
      <c r="AH5637">
        <v>23</v>
      </c>
      <c r="AI5637">
        <v>23</v>
      </c>
      <c r="AJ5637">
        <v>24</v>
      </c>
      <c r="AK5637">
        <v>24</v>
      </c>
      <c r="AL5637">
        <v>24</v>
      </c>
      <c r="AM5637">
        <v>24</v>
      </c>
      <c r="AN5637">
        <v>25</v>
      </c>
      <c r="AO5637">
        <v>25</v>
      </c>
      <c r="AP5637">
        <v>25</v>
      </c>
      <c r="AQ5637">
        <v>25</v>
      </c>
    </row>
    <row r="5638" spans="1:43">
      <c r="A5638" t="s">
        <v>3526</v>
      </c>
      <c r="B5638" t="s">
        <v>3527</v>
      </c>
      <c r="C5638" t="s">
        <v>3516</v>
      </c>
      <c r="D5638" t="s">
        <v>3517</v>
      </c>
      <c r="E5638" t="s">
        <v>3352</v>
      </c>
      <c r="F5638" t="s">
        <v>3353</v>
      </c>
      <c r="G5638" t="s">
        <v>80</v>
      </c>
      <c r="H5638" t="s">
        <v>81</v>
      </c>
      <c r="I5638" s="2">
        <v>0</v>
      </c>
      <c r="J5638" s="2">
        <v>1</v>
      </c>
      <c r="K5638" s="2">
        <v>0</v>
      </c>
      <c r="L5638" t="s">
        <v>82</v>
      </c>
      <c r="M5638" t="s">
        <v>83</v>
      </c>
      <c r="N5638" t="s">
        <v>84</v>
      </c>
      <c r="O5638" t="s">
        <v>85</v>
      </c>
      <c r="P5638" t="s">
        <v>86</v>
      </c>
      <c r="Q5638">
        <v>26</v>
      </c>
      <c r="R5638">
        <v>27</v>
      </c>
      <c r="S5638">
        <v>27</v>
      </c>
      <c r="T5638">
        <v>28</v>
      </c>
      <c r="U5638">
        <v>29</v>
      </c>
      <c r="V5638">
        <v>29</v>
      </c>
      <c r="W5638">
        <v>30</v>
      </c>
      <c r="X5638">
        <v>31</v>
      </c>
      <c r="Y5638">
        <v>31</v>
      </c>
      <c r="Z5638">
        <v>32</v>
      </c>
      <c r="AA5638">
        <v>33</v>
      </c>
      <c r="AB5638">
        <v>33</v>
      </c>
      <c r="AC5638">
        <v>34</v>
      </c>
      <c r="AD5638">
        <v>35</v>
      </c>
      <c r="AE5638">
        <v>35</v>
      </c>
      <c r="AF5638">
        <v>36</v>
      </c>
      <c r="AG5638">
        <v>37</v>
      </c>
      <c r="AH5638">
        <v>37</v>
      </c>
      <c r="AI5638">
        <v>38</v>
      </c>
      <c r="AJ5638">
        <v>39</v>
      </c>
      <c r="AK5638">
        <v>40</v>
      </c>
      <c r="AL5638">
        <v>40</v>
      </c>
      <c r="AM5638">
        <v>40</v>
      </c>
      <c r="AN5638">
        <v>41</v>
      </c>
      <c r="AO5638">
        <v>41</v>
      </c>
      <c r="AP5638">
        <v>41</v>
      </c>
      <c r="AQ5638">
        <v>42</v>
      </c>
    </row>
    <row r="5639" spans="1:43">
      <c r="A5639" t="s">
        <v>3526</v>
      </c>
      <c r="B5639" t="s">
        <v>3527</v>
      </c>
      <c r="C5639" t="s">
        <v>3516</v>
      </c>
      <c r="D5639" t="s">
        <v>3517</v>
      </c>
      <c r="E5639" t="s">
        <v>3352</v>
      </c>
      <c r="F5639" t="s">
        <v>3353</v>
      </c>
      <c r="G5639" t="s">
        <v>80</v>
      </c>
      <c r="H5639" t="s">
        <v>81</v>
      </c>
      <c r="I5639" s="2">
        <v>0</v>
      </c>
      <c r="J5639" s="2">
        <v>1</v>
      </c>
      <c r="K5639" s="2">
        <v>0</v>
      </c>
      <c r="L5639" t="s">
        <v>82</v>
      </c>
      <c r="M5639" t="s">
        <v>87</v>
      </c>
      <c r="N5639" t="s">
        <v>88</v>
      </c>
      <c r="O5639" t="s">
        <v>85</v>
      </c>
      <c r="P5639" t="s">
        <v>86</v>
      </c>
      <c r="Q5639">
        <v>26</v>
      </c>
      <c r="R5639">
        <v>26</v>
      </c>
      <c r="S5639">
        <v>27</v>
      </c>
      <c r="T5639">
        <v>27</v>
      </c>
      <c r="U5639">
        <v>27</v>
      </c>
      <c r="V5639">
        <v>28</v>
      </c>
      <c r="W5639">
        <v>28</v>
      </c>
      <c r="X5639">
        <v>29</v>
      </c>
      <c r="Y5639">
        <v>29</v>
      </c>
      <c r="Z5639">
        <v>29</v>
      </c>
      <c r="AA5639">
        <v>30</v>
      </c>
      <c r="AB5639">
        <v>30</v>
      </c>
      <c r="AC5639">
        <v>31</v>
      </c>
      <c r="AD5639">
        <v>31</v>
      </c>
      <c r="AE5639">
        <v>31</v>
      </c>
      <c r="AF5639">
        <v>32</v>
      </c>
      <c r="AG5639">
        <v>32</v>
      </c>
      <c r="AH5639">
        <v>33</v>
      </c>
      <c r="AI5639">
        <v>33</v>
      </c>
      <c r="AJ5639">
        <v>33</v>
      </c>
      <c r="AK5639">
        <v>34</v>
      </c>
      <c r="AL5639">
        <v>34</v>
      </c>
      <c r="AM5639">
        <v>35</v>
      </c>
      <c r="AN5639">
        <v>35</v>
      </c>
      <c r="AO5639">
        <v>36</v>
      </c>
      <c r="AP5639">
        <v>36</v>
      </c>
      <c r="AQ5639">
        <v>37</v>
      </c>
    </row>
    <row r="5640" spans="1:43">
      <c r="A5640" t="s">
        <v>3526</v>
      </c>
      <c r="B5640" t="s">
        <v>3527</v>
      </c>
      <c r="C5640" t="s">
        <v>3516</v>
      </c>
      <c r="D5640" t="s">
        <v>3517</v>
      </c>
      <c r="E5640" t="s">
        <v>3352</v>
      </c>
      <c r="F5640" t="s">
        <v>3353</v>
      </c>
      <c r="G5640" t="s">
        <v>80</v>
      </c>
      <c r="H5640" t="s">
        <v>81</v>
      </c>
      <c r="I5640" s="2">
        <v>0</v>
      </c>
      <c r="J5640" s="2">
        <v>1</v>
      </c>
      <c r="K5640" s="2">
        <v>0</v>
      </c>
      <c r="L5640" t="s">
        <v>82</v>
      </c>
      <c r="M5640" t="s">
        <v>89</v>
      </c>
      <c r="N5640" t="s">
        <v>90</v>
      </c>
      <c r="O5640" t="s">
        <v>85</v>
      </c>
      <c r="P5640" t="s">
        <v>86</v>
      </c>
      <c r="Q5640">
        <v>26</v>
      </c>
      <c r="R5640">
        <v>27</v>
      </c>
      <c r="S5640">
        <v>28</v>
      </c>
      <c r="T5640">
        <v>29</v>
      </c>
      <c r="U5640">
        <v>30</v>
      </c>
      <c r="V5640">
        <v>31</v>
      </c>
      <c r="W5640">
        <v>32</v>
      </c>
      <c r="X5640">
        <v>32</v>
      </c>
      <c r="Y5640">
        <v>33</v>
      </c>
      <c r="Z5640">
        <v>34</v>
      </c>
      <c r="AA5640">
        <v>35</v>
      </c>
      <c r="AB5640">
        <v>36</v>
      </c>
      <c r="AC5640">
        <v>36</v>
      </c>
      <c r="AD5640">
        <v>37</v>
      </c>
      <c r="AE5640">
        <v>38</v>
      </c>
      <c r="AF5640">
        <v>38</v>
      </c>
      <c r="AG5640">
        <v>39</v>
      </c>
      <c r="AH5640">
        <v>39</v>
      </c>
      <c r="AI5640">
        <v>39</v>
      </c>
      <c r="AJ5640">
        <v>40</v>
      </c>
      <c r="AK5640">
        <v>40</v>
      </c>
      <c r="AL5640">
        <v>40</v>
      </c>
      <c r="AM5640">
        <v>41</v>
      </c>
      <c r="AN5640">
        <v>41</v>
      </c>
      <c r="AO5640">
        <v>41</v>
      </c>
      <c r="AP5640">
        <v>42</v>
      </c>
      <c r="AQ5640">
        <v>42</v>
      </c>
    </row>
    <row r="5641" spans="1:43">
      <c r="A5641" t="s">
        <v>3526</v>
      </c>
      <c r="B5641" t="s">
        <v>3527</v>
      </c>
      <c r="C5641" t="s">
        <v>3516</v>
      </c>
      <c r="D5641" t="s">
        <v>3517</v>
      </c>
      <c r="E5641" t="s">
        <v>3352</v>
      </c>
      <c r="F5641" t="s">
        <v>3353</v>
      </c>
      <c r="G5641" t="s">
        <v>80</v>
      </c>
      <c r="H5641" t="s">
        <v>81</v>
      </c>
      <c r="I5641" s="2">
        <v>0</v>
      </c>
      <c r="J5641" s="2">
        <v>1</v>
      </c>
      <c r="K5641" s="2">
        <v>0</v>
      </c>
      <c r="L5641" t="s">
        <v>82</v>
      </c>
      <c r="M5641" t="s">
        <v>83</v>
      </c>
      <c r="N5641" t="s">
        <v>91</v>
      </c>
      <c r="O5641" t="s">
        <v>85</v>
      </c>
      <c r="P5641" t="s">
        <v>86</v>
      </c>
      <c r="Q5641">
        <v>26</v>
      </c>
      <c r="R5641">
        <v>27</v>
      </c>
      <c r="S5641">
        <v>27</v>
      </c>
      <c r="T5641">
        <v>28</v>
      </c>
      <c r="U5641">
        <v>29</v>
      </c>
      <c r="V5641">
        <v>29</v>
      </c>
      <c r="W5641">
        <v>30</v>
      </c>
      <c r="X5641">
        <v>31</v>
      </c>
      <c r="Y5641">
        <v>31</v>
      </c>
      <c r="Z5641">
        <v>32</v>
      </c>
      <c r="AA5641">
        <v>33</v>
      </c>
      <c r="AB5641">
        <v>33</v>
      </c>
      <c r="AC5641">
        <v>34</v>
      </c>
      <c r="AD5641">
        <v>35</v>
      </c>
      <c r="AE5641">
        <v>35</v>
      </c>
      <c r="AF5641">
        <v>36</v>
      </c>
      <c r="AG5641">
        <v>37</v>
      </c>
      <c r="AH5641">
        <v>37</v>
      </c>
      <c r="AI5641">
        <v>38</v>
      </c>
      <c r="AJ5641">
        <v>39</v>
      </c>
      <c r="AK5641">
        <v>40</v>
      </c>
      <c r="AL5641">
        <v>40</v>
      </c>
      <c r="AM5641">
        <v>40</v>
      </c>
      <c r="AN5641">
        <v>41</v>
      </c>
      <c r="AO5641">
        <v>41</v>
      </c>
      <c r="AP5641">
        <v>41</v>
      </c>
      <c r="AQ5641">
        <v>42</v>
      </c>
    </row>
    <row r="5642" spans="1:43">
      <c r="A5642" t="s">
        <v>3528</v>
      </c>
      <c r="B5642" t="s">
        <v>3529</v>
      </c>
      <c r="C5642" t="s">
        <v>3516</v>
      </c>
      <c r="D5642" t="s">
        <v>3517</v>
      </c>
      <c r="E5642" t="s">
        <v>3352</v>
      </c>
      <c r="F5642" t="s">
        <v>3353</v>
      </c>
      <c r="G5642" t="s">
        <v>80</v>
      </c>
      <c r="H5642" t="s">
        <v>81</v>
      </c>
      <c r="I5642" s="2">
        <v>0</v>
      </c>
      <c r="J5642" s="2">
        <v>1</v>
      </c>
      <c r="K5642" s="2">
        <v>0</v>
      </c>
      <c r="L5642" t="s">
        <v>82</v>
      </c>
      <c r="M5642" t="s">
        <v>83</v>
      </c>
      <c r="N5642" t="s">
        <v>84</v>
      </c>
      <c r="O5642" t="s">
        <v>85</v>
      </c>
      <c r="P5642" t="s">
        <v>86</v>
      </c>
      <c r="Q5642">
        <v>17</v>
      </c>
      <c r="R5642">
        <v>17</v>
      </c>
      <c r="S5642">
        <v>17</v>
      </c>
      <c r="T5642">
        <v>18</v>
      </c>
      <c r="U5642">
        <v>18</v>
      </c>
      <c r="V5642">
        <v>19</v>
      </c>
      <c r="W5642">
        <v>19</v>
      </c>
      <c r="X5642">
        <v>19</v>
      </c>
      <c r="Y5642">
        <v>20</v>
      </c>
      <c r="Z5642">
        <v>20</v>
      </c>
      <c r="AA5642">
        <v>21</v>
      </c>
      <c r="AB5642">
        <v>21</v>
      </c>
      <c r="AC5642">
        <v>22</v>
      </c>
      <c r="AD5642">
        <v>22</v>
      </c>
      <c r="AE5642">
        <v>22</v>
      </c>
      <c r="AF5642">
        <v>23</v>
      </c>
      <c r="AG5642">
        <v>23</v>
      </c>
      <c r="AH5642">
        <v>24</v>
      </c>
      <c r="AI5642">
        <v>24</v>
      </c>
      <c r="AJ5642">
        <v>25</v>
      </c>
      <c r="AK5642">
        <v>25</v>
      </c>
      <c r="AL5642">
        <v>25</v>
      </c>
      <c r="AM5642">
        <v>26</v>
      </c>
      <c r="AN5642">
        <v>26</v>
      </c>
      <c r="AO5642">
        <v>26</v>
      </c>
      <c r="AP5642">
        <v>26</v>
      </c>
      <c r="AQ5642">
        <v>27</v>
      </c>
    </row>
    <row r="5643" spans="1:43">
      <c r="A5643" t="s">
        <v>3528</v>
      </c>
      <c r="B5643" t="s">
        <v>3529</v>
      </c>
      <c r="C5643" t="s">
        <v>3516</v>
      </c>
      <c r="D5643" t="s">
        <v>3517</v>
      </c>
      <c r="E5643" t="s">
        <v>3352</v>
      </c>
      <c r="F5643" t="s">
        <v>3353</v>
      </c>
      <c r="G5643" t="s">
        <v>80</v>
      </c>
      <c r="H5643" t="s">
        <v>81</v>
      </c>
      <c r="I5643" s="2">
        <v>0</v>
      </c>
      <c r="J5643" s="2">
        <v>1</v>
      </c>
      <c r="K5643" s="2">
        <v>0</v>
      </c>
      <c r="L5643" t="s">
        <v>82</v>
      </c>
      <c r="M5643" t="s">
        <v>87</v>
      </c>
      <c r="N5643" t="s">
        <v>88</v>
      </c>
      <c r="O5643" t="s">
        <v>85</v>
      </c>
      <c r="P5643" t="s">
        <v>86</v>
      </c>
      <c r="Q5643">
        <v>17</v>
      </c>
      <c r="R5643">
        <v>18</v>
      </c>
      <c r="S5643">
        <v>18</v>
      </c>
      <c r="T5643">
        <v>18</v>
      </c>
      <c r="U5643">
        <v>18</v>
      </c>
      <c r="V5643">
        <v>19</v>
      </c>
      <c r="W5643">
        <v>19</v>
      </c>
      <c r="X5643">
        <v>19</v>
      </c>
      <c r="Y5643">
        <v>19</v>
      </c>
      <c r="Z5643">
        <v>20</v>
      </c>
      <c r="AA5643">
        <v>20</v>
      </c>
      <c r="AB5643">
        <v>20</v>
      </c>
      <c r="AC5643">
        <v>20</v>
      </c>
      <c r="AD5643">
        <v>21</v>
      </c>
      <c r="AE5643">
        <v>21</v>
      </c>
      <c r="AF5643">
        <v>21</v>
      </c>
      <c r="AG5643">
        <v>21</v>
      </c>
      <c r="AH5643">
        <v>22</v>
      </c>
      <c r="AI5643">
        <v>22</v>
      </c>
      <c r="AJ5643">
        <v>22</v>
      </c>
      <c r="AK5643">
        <v>22</v>
      </c>
      <c r="AL5643">
        <v>23</v>
      </c>
      <c r="AM5643">
        <v>23</v>
      </c>
      <c r="AN5643">
        <v>23</v>
      </c>
      <c r="AO5643">
        <v>24</v>
      </c>
      <c r="AP5643">
        <v>24</v>
      </c>
      <c r="AQ5643">
        <v>24</v>
      </c>
    </row>
    <row r="5644" spans="1:43">
      <c r="A5644" t="s">
        <v>3528</v>
      </c>
      <c r="B5644" t="s">
        <v>3529</v>
      </c>
      <c r="C5644" t="s">
        <v>3516</v>
      </c>
      <c r="D5644" t="s">
        <v>3517</v>
      </c>
      <c r="E5644" t="s">
        <v>3352</v>
      </c>
      <c r="F5644" t="s">
        <v>3353</v>
      </c>
      <c r="G5644" t="s">
        <v>80</v>
      </c>
      <c r="H5644" t="s">
        <v>81</v>
      </c>
      <c r="I5644" s="2">
        <v>0</v>
      </c>
      <c r="J5644" s="2">
        <v>1</v>
      </c>
      <c r="K5644" s="2">
        <v>0</v>
      </c>
      <c r="L5644" t="s">
        <v>82</v>
      </c>
      <c r="M5644" t="s">
        <v>89</v>
      </c>
      <c r="N5644" t="s">
        <v>90</v>
      </c>
      <c r="O5644" t="s">
        <v>85</v>
      </c>
      <c r="P5644" t="s">
        <v>86</v>
      </c>
      <c r="Q5644">
        <v>17</v>
      </c>
      <c r="R5644">
        <v>17</v>
      </c>
      <c r="S5644">
        <v>18</v>
      </c>
      <c r="T5644">
        <v>18</v>
      </c>
      <c r="U5644">
        <v>19</v>
      </c>
      <c r="V5644">
        <v>19</v>
      </c>
      <c r="W5644">
        <v>20</v>
      </c>
      <c r="X5644">
        <v>21</v>
      </c>
      <c r="Y5644">
        <v>21</v>
      </c>
      <c r="Z5644">
        <v>22</v>
      </c>
      <c r="AA5644">
        <v>22</v>
      </c>
      <c r="AB5644">
        <v>23</v>
      </c>
      <c r="AC5644">
        <v>23</v>
      </c>
      <c r="AD5644">
        <v>24</v>
      </c>
      <c r="AE5644">
        <v>24</v>
      </c>
      <c r="AF5644">
        <v>24</v>
      </c>
      <c r="AG5644">
        <v>24</v>
      </c>
      <c r="AH5644">
        <v>25</v>
      </c>
      <c r="AI5644">
        <v>25</v>
      </c>
      <c r="AJ5644">
        <v>25</v>
      </c>
      <c r="AK5644">
        <v>25</v>
      </c>
      <c r="AL5644">
        <v>26</v>
      </c>
      <c r="AM5644">
        <v>26</v>
      </c>
      <c r="AN5644">
        <v>26</v>
      </c>
      <c r="AO5644">
        <v>26</v>
      </c>
      <c r="AP5644">
        <v>26</v>
      </c>
      <c r="AQ5644">
        <v>27</v>
      </c>
    </row>
    <row r="5645" spans="1:43">
      <c r="A5645" t="s">
        <v>3528</v>
      </c>
      <c r="B5645" t="s">
        <v>3529</v>
      </c>
      <c r="C5645" t="s">
        <v>3516</v>
      </c>
      <c r="D5645" t="s">
        <v>3517</v>
      </c>
      <c r="E5645" t="s">
        <v>3352</v>
      </c>
      <c r="F5645" t="s">
        <v>3353</v>
      </c>
      <c r="G5645" t="s">
        <v>80</v>
      </c>
      <c r="H5645" t="s">
        <v>81</v>
      </c>
      <c r="I5645" s="2">
        <v>0</v>
      </c>
      <c r="J5645" s="2">
        <v>1</v>
      </c>
      <c r="K5645" s="2">
        <v>0</v>
      </c>
      <c r="L5645" t="s">
        <v>82</v>
      </c>
      <c r="M5645" t="s">
        <v>83</v>
      </c>
      <c r="N5645" t="s">
        <v>91</v>
      </c>
      <c r="O5645" t="s">
        <v>85</v>
      </c>
      <c r="P5645" t="s">
        <v>86</v>
      </c>
      <c r="Q5645">
        <v>17</v>
      </c>
      <c r="R5645">
        <v>17</v>
      </c>
      <c r="S5645">
        <v>17</v>
      </c>
      <c r="T5645">
        <v>18</v>
      </c>
      <c r="U5645">
        <v>18</v>
      </c>
      <c r="V5645">
        <v>19</v>
      </c>
      <c r="W5645">
        <v>19</v>
      </c>
      <c r="X5645">
        <v>19</v>
      </c>
      <c r="Y5645">
        <v>20</v>
      </c>
      <c r="Z5645">
        <v>20</v>
      </c>
      <c r="AA5645">
        <v>21</v>
      </c>
      <c r="AB5645">
        <v>21</v>
      </c>
      <c r="AC5645">
        <v>22</v>
      </c>
      <c r="AD5645">
        <v>22</v>
      </c>
      <c r="AE5645">
        <v>22</v>
      </c>
      <c r="AF5645">
        <v>23</v>
      </c>
      <c r="AG5645">
        <v>23</v>
      </c>
      <c r="AH5645">
        <v>24</v>
      </c>
      <c r="AI5645">
        <v>24</v>
      </c>
      <c r="AJ5645">
        <v>25</v>
      </c>
      <c r="AK5645">
        <v>25</v>
      </c>
      <c r="AL5645">
        <v>25</v>
      </c>
      <c r="AM5645">
        <v>26</v>
      </c>
      <c r="AN5645">
        <v>26</v>
      </c>
      <c r="AO5645">
        <v>26</v>
      </c>
      <c r="AP5645">
        <v>26</v>
      </c>
      <c r="AQ5645">
        <v>27</v>
      </c>
    </row>
    <row r="5646" spans="1:43">
      <c r="A5646" t="s">
        <v>3530</v>
      </c>
      <c r="B5646" t="s">
        <v>3531</v>
      </c>
      <c r="C5646" t="s">
        <v>3532</v>
      </c>
      <c r="D5646" t="s">
        <v>3533</v>
      </c>
      <c r="E5646" t="s">
        <v>3352</v>
      </c>
      <c r="F5646" t="s">
        <v>3353</v>
      </c>
      <c r="G5646" t="s">
        <v>80</v>
      </c>
      <c r="H5646" t="s">
        <v>81</v>
      </c>
      <c r="I5646" s="2">
        <v>0</v>
      </c>
      <c r="J5646" s="2">
        <v>1</v>
      </c>
      <c r="K5646" s="2">
        <v>0</v>
      </c>
      <c r="L5646" t="s">
        <v>82</v>
      </c>
      <c r="M5646" t="s">
        <v>83</v>
      </c>
      <c r="N5646" t="s">
        <v>84</v>
      </c>
      <c r="O5646" t="s">
        <v>85</v>
      </c>
      <c r="P5646" t="s">
        <v>86</v>
      </c>
      <c r="Q5646">
        <v>13</v>
      </c>
      <c r="R5646">
        <v>14</v>
      </c>
      <c r="S5646">
        <v>14</v>
      </c>
      <c r="T5646">
        <v>14</v>
      </c>
      <c r="U5646">
        <v>15</v>
      </c>
      <c r="V5646">
        <v>15</v>
      </c>
      <c r="W5646">
        <v>15</v>
      </c>
      <c r="X5646">
        <v>16</v>
      </c>
      <c r="Y5646">
        <v>16</v>
      </c>
      <c r="Z5646">
        <v>16</v>
      </c>
      <c r="AA5646">
        <v>17</v>
      </c>
      <c r="AB5646">
        <v>17</v>
      </c>
      <c r="AC5646">
        <v>17</v>
      </c>
      <c r="AD5646">
        <v>18</v>
      </c>
      <c r="AE5646">
        <v>18</v>
      </c>
      <c r="AF5646">
        <v>18</v>
      </c>
      <c r="AG5646">
        <v>19</v>
      </c>
      <c r="AH5646">
        <v>19</v>
      </c>
      <c r="AI5646">
        <v>19</v>
      </c>
      <c r="AJ5646">
        <v>20</v>
      </c>
      <c r="AK5646">
        <v>20</v>
      </c>
      <c r="AL5646">
        <v>20</v>
      </c>
      <c r="AM5646">
        <v>21</v>
      </c>
      <c r="AN5646">
        <v>21</v>
      </c>
      <c r="AO5646">
        <v>21</v>
      </c>
      <c r="AP5646">
        <v>21</v>
      </c>
      <c r="AQ5646">
        <v>21</v>
      </c>
    </row>
    <row r="5647" spans="1:43">
      <c r="A5647" t="s">
        <v>3530</v>
      </c>
      <c r="B5647" t="s">
        <v>3531</v>
      </c>
      <c r="C5647" t="s">
        <v>3532</v>
      </c>
      <c r="D5647" t="s">
        <v>3533</v>
      </c>
      <c r="E5647" t="s">
        <v>3352</v>
      </c>
      <c r="F5647" t="s">
        <v>3353</v>
      </c>
      <c r="G5647" t="s">
        <v>80</v>
      </c>
      <c r="H5647" t="s">
        <v>81</v>
      </c>
      <c r="I5647" s="2">
        <v>0</v>
      </c>
      <c r="J5647" s="2">
        <v>1</v>
      </c>
      <c r="K5647" s="2">
        <v>0</v>
      </c>
      <c r="L5647" t="s">
        <v>82</v>
      </c>
      <c r="M5647" t="s">
        <v>87</v>
      </c>
      <c r="N5647" t="s">
        <v>88</v>
      </c>
      <c r="O5647" t="s">
        <v>85</v>
      </c>
      <c r="P5647" t="s">
        <v>86</v>
      </c>
      <c r="Q5647">
        <v>13</v>
      </c>
      <c r="R5647">
        <v>13</v>
      </c>
      <c r="S5647">
        <v>14</v>
      </c>
      <c r="T5647">
        <v>14</v>
      </c>
      <c r="U5647">
        <v>14</v>
      </c>
      <c r="V5647">
        <v>14</v>
      </c>
      <c r="W5647">
        <v>14</v>
      </c>
      <c r="X5647">
        <v>14</v>
      </c>
      <c r="Y5647">
        <v>15</v>
      </c>
      <c r="Z5647">
        <v>15</v>
      </c>
      <c r="AA5647">
        <v>15</v>
      </c>
      <c r="AB5647">
        <v>15</v>
      </c>
      <c r="AC5647">
        <v>15</v>
      </c>
      <c r="AD5647">
        <v>16</v>
      </c>
      <c r="AE5647">
        <v>16</v>
      </c>
      <c r="AF5647">
        <v>16</v>
      </c>
      <c r="AG5647">
        <v>16</v>
      </c>
      <c r="AH5647">
        <v>17</v>
      </c>
      <c r="AI5647">
        <v>17</v>
      </c>
      <c r="AJ5647">
        <v>17</v>
      </c>
      <c r="AK5647">
        <v>17</v>
      </c>
      <c r="AL5647">
        <v>17</v>
      </c>
      <c r="AM5647">
        <v>18</v>
      </c>
      <c r="AN5647">
        <v>18</v>
      </c>
      <c r="AO5647">
        <v>18</v>
      </c>
      <c r="AP5647">
        <v>18</v>
      </c>
      <c r="AQ5647">
        <v>18</v>
      </c>
    </row>
    <row r="5648" spans="1:43">
      <c r="A5648" t="s">
        <v>3530</v>
      </c>
      <c r="B5648" t="s">
        <v>3531</v>
      </c>
      <c r="C5648" t="s">
        <v>3532</v>
      </c>
      <c r="D5648" t="s">
        <v>3533</v>
      </c>
      <c r="E5648" t="s">
        <v>3352</v>
      </c>
      <c r="F5648" t="s">
        <v>3353</v>
      </c>
      <c r="G5648" t="s">
        <v>80</v>
      </c>
      <c r="H5648" t="s">
        <v>81</v>
      </c>
      <c r="I5648" s="2">
        <v>0</v>
      </c>
      <c r="J5648" s="2">
        <v>1</v>
      </c>
      <c r="K5648" s="2">
        <v>0</v>
      </c>
      <c r="L5648" t="s">
        <v>82</v>
      </c>
      <c r="M5648" t="s">
        <v>89</v>
      </c>
      <c r="N5648" t="s">
        <v>90</v>
      </c>
      <c r="O5648" t="s">
        <v>85</v>
      </c>
      <c r="P5648" t="s">
        <v>86</v>
      </c>
      <c r="Q5648">
        <v>13</v>
      </c>
      <c r="R5648">
        <v>14</v>
      </c>
      <c r="S5648">
        <v>14</v>
      </c>
      <c r="T5648">
        <v>15</v>
      </c>
      <c r="U5648">
        <v>15</v>
      </c>
      <c r="V5648">
        <v>16</v>
      </c>
      <c r="W5648">
        <v>16</v>
      </c>
      <c r="X5648">
        <v>16</v>
      </c>
      <c r="Y5648">
        <v>17</v>
      </c>
      <c r="Z5648">
        <v>17</v>
      </c>
      <c r="AA5648">
        <v>18</v>
      </c>
      <c r="AB5648">
        <v>18</v>
      </c>
      <c r="AC5648">
        <v>18</v>
      </c>
      <c r="AD5648">
        <v>19</v>
      </c>
      <c r="AE5648">
        <v>19</v>
      </c>
      <c r="AF5648">
        <v>19</v>
      </c>
      <c r="AG5648">
        <v>20</v>
      </c>
      <c r="AH5648">
        <v>20</v>
      </c>
      <c r="AI5648">
        <v>20</v>
      </c>
      <c r="AJ5648">
        <v>20</v>
      </c>
      <c r="AK5648">
        <v>20</v>
      </c>
      <c r="AL5648">
        <v>21</v>
      </c>
      <c r="AM5648">
        <v>21</v>
      </c>
      <c r="AN5648">
        <v>21</v>
      </c>
      <c r="AO5648">
        <v>21</v>
      </c>
      <c r="AP5648">
        <v>21</v>
      </c>
      <c r="AQ5648">
        <v>21</v>
      </c>
    </row>
    <row r="5649" spans="1:43">
      <c r="A5649" t="s">
        <v>3530</v>
      </c>
      <c r="B5649" t="s">
        <v>3531</v>
      </c>
      <c r="C5649" t="s">
        <v>3532</v>
      </c>
      <c r="D5649" t="s">
        <v>3533</v>
      </c>
      <c r="E5649" t="s">
        <v>3352</v>
      </c>
      <c r="F5649" t="s">
        <v>3353</v>
      </c>
      <c r="G5649" t="s">
        <v>80</v>
      </c>
      <c r="H5649" t="s">
        <v>81</v>
      </c>
      <c r="I5649" s="2">
        <v>0</v>
      </c>
      <c r="J5649" s="2">
        <v>1</v>
      </c>
      <c r="K5649" s="2">
        <v>0</v>
      </c>
      <c r="L5649" t="s">
        <v>82</v>
      </c>
      <c r="M5649" t="s">
        <v>83</v>
      </c>
      <c r="N5649" t="s">
        <v>91</v>
      </c>
      <c r="O5649" t="s">
        <v>85</v>
      </c>
      <c r="P5649" t="s">
        <v>86</v>
      </c>
      <c r="Q5649">
        <v>13</v>
      </c>
      <c r="R5649">
        <v>14</v>
      </c>
      <c r="S5649">
        <v>14</v>
      </c>
      <c r="T5649">
        <v>14</v>
      </c>
      <c r="U5649">
        <v>15</v>
      </c>
      <c r="V5649">
        <v>15</v>
      </c>
      <c r="W5649">
        <v>15</v>
      </c>
      <c r="X5649">
        <v>16</v>
      </c>
      <c r="Y5649">
        <v>16</v>
      </c>
      <c r="Z5649">
        <v>16</v>
      </c>
      <c r="AA5649">
        <v>17</v>
      </c>
      <c r="AB5649">
        <v>17</v>
      </c>
      <c r="AC5649">
        <v>17</v>
      </c>
      <c r="AD5649">
        <v>18</v>
      </c>
      <c r="AE5649">
        <v>18</v>
      </c>
      <c r="AF5649">
        <v>18</v>
      </c>
      <c r="AG5649">
        <v>19</v>
      </c>
      <c r="AH5649">
        <v>19</v>
      </c>
      <c r="AI5649">
        <v>19</v>
      </c>
      <c r="AJ5649">
        <v>20</v>
      </c>
      <c r="AK5649">
        <v>20</v>
      </c>
      <c r="AL5649">
        <v>20</v>
      </c>
      <c r="AM5649">
        <v>21</v>
      </c>
      <c r="AN5649">
        <v>21</v>
      </c>
      <c r="AO5649">
        <v>21</v>
      </c>
      <c r="AP5649">
        <v>21</v>
      </c>
      <c r="AQ5649">
        <v>21</v>
      </c>
    </row>
    <row r="5650" spans="1:43">
      <c r="A5650" t="s">
        <v>3534</v>
      </c>
      <c r="B5650" t="s">
        <v>3535</v>
      </c>
      <c r="C5650" t="s">
        <v>3532</v>
      </c>
      <c r="D5650" t="s">
        <v>3533</v>
      </c>
      <c r="E5650" t="s">
        <v>3352</v>
      </c>
      <c r="F5650" t="s">
        <v>3353</v>
      </c>
      <c r="G5650" t="s">
        <v>80</v>
      </c>
      <c r="H5650" t="s">
        <v>81</v>
      </c>
      <c r="I5650" s="2">
        <v>0</v>
      </c>
      <c r="J5650" s="2">
        <v>1</v>
      </c>
      <c r="K5650" s="2">
        <v>0</v>
      </c>
      <c r="L5650" t="s">
        <v>82</v>
      </c>
      <c r="M5650" t="s">
        <v>83</v>
      </c>
      <c r="N5650" t="s">
        <v>84</v>
      </c>
      <c r="O5650" t="s">
        <v>85</v>
      </c>
      <c r="P5650" t="s">
        <v>86</v>
      </c>
      <c r="Q5650">
        <v>2</v>
      </c>
      <c r="R5650">
        <v>2</v>
      </c>
      <c r="S5650">
        <v>2</v>
      </c>
      <c r="T5650">
        <v>2</v>
      </c>
      <c r="U5650">
        <v>2</v>
      </c>
      <c r="V5650">
        <v>2</v>
      </c>
      <c r="W5650">
        <v>2</v>
      </c>
      <c r="X5650">
        <v>2</v>
      </c>
      <c r="Y5650">
        <v>3</v>
      </c>
      <c r="Z5650">
        <v>3</v>
      </c>
      <c r="AA5650">
        <v>3</v>
      </c>
      <c r="AB5650">
        <v>3</v>
      </c>
      <c r="AC5650">
        <v>3</v>
      </c>
      <c r="AD5650">
        <v>3</v>
      </c>
      <c r="AE5650">
        <v>3</v>
      </c>
      <c r="AF5650">
        <v>3</v>
      </c>
      <c r="AG5650">
        <v>3</v>
      </c>
      <c r="AH5650">
        <v>3</v>
      </c>
      <c r="AI5650">
        <v>3</v>
      </c>
      <c r="AJ5650">
        <v>3</v>
      </c>
      <c r="AK5650">
        <v>3</v>
      </c>
      <c r="AL5650">
        <v>3</v>
      </c>
      <c r="AM5650">
        <v>3</v>
      </c>
      <c r="AN5650">
        <v>3</v>
      </c>
      <c r="AO5650">
        <v>3</v>
      </c>
      <c r="AP5650">
        <v>3</v>
      </c>
      <c r="AQ5650">
        <v>3</v>
      </c>
    </row>
    <row r="5651" spans="1:43">
      <c r="A5651" t="s">
        <v>3534</v>
      </c>
      <c r="B5651" t="s">
        <v>3535</v>
      </c>
      <c r="C5651" t="s">
        <v>3532</v>
      </c>
      <c r="D5651" t="s">
        <v>3533</v>
      </c>
      <c r="E5651" t="s">
        <v>3352</v>
      </c>
      <c r="F5651" t="s">
        <v>3353</v>
      </c>
      <c r="G5651" t="s">
        <v>80</v>
      </c>
      <c r="H5651" t="s">
        <v>81</v>
      </c>
      <c r="I5651" s="2">
        <v>0</v>
      </c>
      <c r="J5651" s="2">
        <v>1</v>
      </c>
      <c r="K5651" s="2">
        <v>0</v>
      </c>
      <c r="L5651" t="s">
        <v>82</v>
      </c>
      <c r="M5651" t="s">
        <v>87</v>
      </c>
      <c r="N5651" t="s">
        <v>88</v>
      </c>
      <c r="O5651" t="s">
        <v>85</v>
      </c>
      <c r="P5651" t="s">
        <v>86</v>
      </c>
      <c r="Q5651">
        <v>2</v>
      </c>
      <c r="R5651">
        <v>2</v>
      </c>
      <c r="S5651">
        <v>2</v>
      </c>
      <c r="T5651">
        <v>2</v>
      </c>
      <c r="U5651">
        <v>2</v>
      </c>
      <c r="V5651">
        <v>2</v>
      </c>
      <c r="W5651">
        <v>2</v>
      </c>
      <c r="X5651">
        <v>2</v>
      </c>
      <c r="Y5651">
        <v>2</v>
      </c>
      <c r="Z5651">
        <v>2</v>
      </c>
      <c r="AA5651">
        <v>2</v>
      </c>
      <c r="AB5651">
        <v>2</v>
      </c>
      <c r="AC5651">
        <v>2</v>
      </c>
      <c r="AD5651">
        <v>3</v>
      </c>
      <c r="AE5651">
        <v>3</v>
      </c>
      <c r="AF5651">
        <v>3</v>
      </c>
      <c r="AG5651">
        <v>3</v>
      </c>
      <c r="AH5651">
        <v>3</v>
      </c>
      <c r="AI5651">
        <v>3</v>
      </c>
      <c r="AJ5651">
        <v>3</v>
      </c>
      <c r="AK5651">
        <v>3</v>
      </c>
      <c r="AL5651">
        <v>3</v>
      </c>
      <c r="AM5651">
        <v>3</v>
      </c>
      <c r="AN5651">
        <v>3</v>
      </c>
      <c r="AO5651">
        <v>3</v>
      </c>
      <c r="AP5651">
        <v>3</v>
      </c>
      <c r="AQ5651">
        <v>3</v>
      </c>
    </row>
    <row r="5652" spans="1:43">
      <c r="A5652" t="s">
        <v>3534</v>
      </c>
      <c r="B5652" t="s">
        <v>3535</v>
      </c>
      <c r="C5652" t="s">
        <v>3532</v>
      </c>
      <c r="D5652" t="s">
        <v>3533</v>
      </c>
      <c r="E5652" t="s">
        <v>3352</v>
      </c>
      <c r="F5652" t="s">
        <v>3353</v>
      </c>
      <c r="G5652" t="s">
        <v>80</v>
      </c>
      <c r="H5652" t="s">
        <v>81</v>
      </c>
      <c r="I5652" s="2">
        <v>0</v>
      </c>
      <c r="J5652" s="2">
        <v>1</v>
      </c>
      <c r="K5652" s="2">
        <v>0</v>
      </c>
      <c r="L5652" t="s">
        <v>82</v>
      </c>
      <c r="M5652" t="s">
        <v>89</v>
      </c>
      <c r="N5652" t="s">
        <v>90</v>
      </c>
      <c r="O5652" t="s">
        <v>85</v>
      </c>
      <c r="P5652" t="s">
        <v>86</v>
      </c>
      <c r="Q5652">
        <v>2</v>
      </c>
      <c r="R5652">
        <v>2</v>
      </c>
      <c r="S5652">
        <v>2</v>
      </c>
      <c r="T5652">
        <v>2</v>
      </c>
      <c r="U5652">
        <v>2</v>
      </c>
      <c r="V5652">
        <v>2</v>
      </c>
      <c r="W5652">
        <v>3</v>
      </c>
      <c r="X5652">
        <v>3</v>
      </c>
      <c r="Y5652">
        <v>3</v>
      </c>
      <c r="Z5652">
        <v>3</v>
      </c>
      <c r="AA5652">
        <v>3</v>
      </c>
      <c r="AB5652">
        <v>3</v>
      </c>
      <c r="AC5652">
        <v>3</v>
      </c>
      <c r="AD5652">
        <v>3</v>
      </c>
      <c r="AE5652">
        <v>3</v>
      </c>
      <c r="AF5652">
        <v>3</v>
      </c>
      <c r="AG5652">
        <v>3</v>
      </c>
      <c r="AH5652">
        <v>3</v>
      </c>
      <c r="AI5652">
        <v>3</v>
      </c>
      <c r="AJ5652">
        <v>3</v>
      </c>
      <c r="AK5652">
        <v>3</v>
      </c>
      <c r="AL5652">
        <v>3</v>
      </c>
      <c r="AM5652">
        <v>3</v>
      </c>
      <c r="AN5652">
        <v>3</v>
      </c>
      <c r="AO5652">
        <v>3</v>
      </c>
      <c r="AP5652">
        <v>3</v>
      </c>
      <c r="AQ5652">
        <v>3</v>
      </c>
    </row>
    <row r="5653" spans="1:43">
      <c r="A5653" t="s">
        <v>3534</v>
      </c>
      <c r="B5653" t="s">
        <v>3535</v>
      </c>
      <c r="C5653" t="s">
        <v>3532</v>
      </c>
      <c r="D5653" t="s">
        <v>3533</v>
      </c>
      <c r="E5653" t="s">
        <v>3352</v>
      </c>
      <c r="F5653" t="s">
        <v>3353</v>
      </c>
      <c r="G5653" t="s">
        <v>80</v>
      </c>
      <c r="H5653" t="s">
        <v>81</v>
      </c>
      <c r="I5653" s="2">
        <v>0</v>
      </c>
      <c r="J5653" s="2">
        <v>1</v>
      </c>
      <c r="K5653" s="2">
        <v>0</v>
      </c>
      <c r="L5653" t="s">
        <v>82</v>
      </c>
      <c r="M5653" t="s">
        <v>83</v>
      </c>
      <c r="N5653" t="s">
        <v>91</v>
      </c>
      <c r="O5653" t="s">
        <v>85</v>
      </c>
      <c r="P5653" t="s">
        <v>86</v>
      </c>
      <c r="Q5653">
        <v>2</v>
      </c>
      <c r="R5653">
        <v>2</v>
      </c>
      <c r="S5653">
        <v>2</v>
      </c>
      <c r="T5653">
        <v>2</v>
      </c>
      <c r="U5653">
        <v>2</v>
      </c>
      <c r="V5653">
        <v>2</v>
      </c>
      <c r="W5653">
        <v>2</v>
      </c>
      <c r="X5653">
        <v>2</v>
      </c>
      <c r="Y5653">
        <v>3</v>
      </c>
      <c r="Z5653">
        <v>3</v>
      </c>
      <c r="AA5653">
        <v>3</v>
      </c>
      <c r="AB5653">
        <v>3</v>
      </c>
      <c r="AC5653">
        <v>3</v>
      </c>
      <c r="AD5653">
        <v>3</v>
      </c>
      <c r="AE5653">
        <v>3</v>
      </c>
      <c r="AF5653">
        <v>3</v>
      </c>
      <c r="AG5653">
        <v>3</v>
      </c>
      <c r="AH5653">
        <v>3</v>
      </c>
      <c r="AI5653">
        <v>3</v>
      </c>
      <c r="AJ5653">
        <v>3</v>
      </c>
      <c r="AK5653">
        <v>3</v>
      </c>
      <c r="AL5653">
        <v>3</v>
      </c>
      <c r="AM5653">
        <v>3</v>
      </c>
      <c r="AN5653">
        <v>3</v>
      </c>
      <c r="AO5653">
        <v>3</v>
      </c>
      <c r="AP5653">
        <v>3</v>
      </c>
      <c r="AQ5653">
        <v>3</v>
      </c>
    </row>
    <row r="5654" spans="1:43">
      <c r="A5654" t="s">
        <v>3536</v>
      </c>
      <c r="B5654" t="s">
        <v>3537</v>
      </c>
      <c r="C5654" t="s">
        <v>3532</v>
      </c>
      <c r="D5654" t="s">
        <v>3533</v>
      </c>
      <c r="E5654" t="s">
        <v>3352</v>
      </c>
      <c r="F5654" t="s">
        <v>3353</v>
      </c>
      <c r="G5654" t="s">
        <v>80</v>
      </c>
      <c r="H5654" t="s">
        <v>81</v>
      </c>
      <c r="I5654" s="2">
        <v>0</v>
      </c>
      <c r="J5654" s="2">
        <v>1</v>
      </c>
      <c r="K5654" s="2">
        <v>0</v>
      </c>
      <c r="L5654" t="s">
        <v>82</v>
      </c>
      <c r="M5654" t="s">
        <v>83</v>
      </c>
      <c r="N5654" t="s">
        <v>84</v>
      </c>
      <c r="O5654" t="s">
        <v>85</v>
      </c>
      <c r="P5654" t="s">
        <v>86</v>
      </c>
      <c r="Q5654">
        <v>8</v>
      </c>
      <c r="R5654">
        <v>8</v>
      </c>
      <c r="S5654">
        <v>8</v>
      </c>
      <c r="T5654">
        <v>9</v>
      </c>
      <c r="U5654">
        <v>9</v>
      </c>
      <c r="V5654">
        <v>9</v>
      </c>
      <c r="W5654">
        <v>9</v>
      </c>
      <c r="X5654">
        <v>9</v>
      </c>
      <c r="Y5654">
        <v>10</v>
      </c>
      <c r="Z5654">
        <v>10</v>
      </c>
      <c r="AA5654">
        <v>10</v>
      </c>
      <c r="AB5654">
        <v>10</v>
      </c>
      <c r="AC5654">
        <v>10</v>
      </c>
      <c r="AD5654">
        <v>11</v>
      </c>
      <c r="AE5654">
        <v>11</v>
      </c>
      <c r="AF5654">
        <v>11</v>
      </c>
      <c r="AG5654">
        <v>11</v>
      </c>
      <c r="AH5654">
        <v>12</v>
      </c>
      <c r="AI5654">
        <v>12</v>
      </c>
      <c r="AJ5654">
        <v>12</v>
      </c>
      <c r="AK5654">
        <v>12</v>
      </c>
      <c r="AL5654">
        <v>12</v>
      </c>
      <c r="AM5654">
        <v>12</v>
      </c>
      <c r="AN5654">
        <v>13</v>
      </c>
      <c r="AO5654">
        <v>13</v>
      </c>
      <c r="AP5654">
        <v>13</v>
      </c>
      <c r="AQ5654">
        <v>13</v>
      </c>
    </row>
    <row r="5655" spans="1:43">
      <c r="A5655" t="s">
        <v>3536</v>
      </c>
      <c r="B5655" t="s">
        <v>3537</v>
      </c>
      <c r="C5655" t="s">
        <v>3532</v>
      </c>
      <c r="D5655" t="s">
        <v>3533</v>
      </c>
      <c r="E5655" t="s">
        <v>3352</v>
      </c>
      <c r="F5655" t="s">
        <v>3353</v>
      </c>
      <c r="G5655" t="s">
        <v>80</v>
      </c>
      <c r="H5655" t="s">
        <v>81</v>
      </c>
      <c r="I5655" s="2">
        <v>0</v>
      </c>
      <c r="J5655" s="2">
        <v>1</v>
      </c>
      <c r="K5655" s="2">
        <v>0</v>
      </c>
      <c r="L5655" t="s">
        <v>82</v>
      </c>
      <c r="M5655" t="s">
        <v>87</v>
      </c>
      <c r="N5655" t="s">
        <v>88</v>
      </c>
      <c r="O5655" t="s">
        <v>85</v>
      </c>
      <c r="P5655" t="s">
        <v>86</v>
      </c>
      <c r="Q5655">
        <v>8</v>
      </c>
      <c r="R5655">
        <v>8</v>
      </c>
      <c r="S5655">
        <v>8</v>
      </c>
      <c r="T5655">
        <v>8</v>
      </c>
      <c r="U5655">
        <v>8</v>
      </c>
      <c r="V5655">
        <v>9</v>
      </c>
      <c r="W5655">
        <v>9</v>
      </c>
      <c r="X5655">
        <v>9</v>
      </c>
      <c r="Y5655">
        <v>9</v>
      </c>
      <c r="Z5655">
        <v>9</v>
      </c>
      <c r="AA5655">
        <v>9</v>
      </c>
      <c r="AB5655">
        <v>9</v>
      </c>
      <c r="AC5655">
        <v>9</v>
      </c>
      <c r="AD5655">
        <v>10</v>
      </c>
      <c r="AE5655">
        <v>10</v>
      </c>
      <c r="AF5655">
        <v>10</v>
      </c>
      <c r="AG5655">
        <v>10</v>
      </c>
      <c r="AH5655">
        <v>10</v>
      </c>
      <c r="AI5655">
        <v>10</v>
      </c>
      <c r="AJ5655">
        <v>10</v>
      </c>
      <c r="AK5655">
        <v>10</v>
      </c>
      <c r="AL5655">
        <v>11</v>
      </c>
      <c r="AM5655">
        <v>11</v>
      </c>
      <c r="AN5655">
        <v>11</v>
      </c>
      <c r="AO5655">
        <v>11</v>
      </c>
      <c r="AP5655">
        <v>11</v>
      </c>
      <c r="AQ5655">
        <v>11</v>
      </c>
    </row>
    <row r="5656" spans="1:43">
      <c r="A5656" t="s">
        <v>3536</v>
      </c>
      <c r="B5656" t="s">
        <v>3537</v>
      </c>
      <c r="C5656" t="s">
        <v>3532</v>
      </c>
      <c r="D5656" t="s">
        <v>3533</v>
      </c>
      <c r="E5656" t="s">
        <v>3352</v>
      </c>
      <c r="F5656" t="s">
        <v>3353</v>
      </c>
      <c r="G5656" t="s">
        <v>80</v>
      </c>
      <c r="H5656" t="s">
        <v>81</v>
      </c>
      <c r="I5656" s="2">
        <v>0</v>
      </c>
      <c r="J5656" s="2">
        <v>1</v>
      </c>
      <c r="K5656" s="2">
        <v>0</v>
      </c>
      <c r="L5656" t="s">
        <v>82</v>
      </c>
      <c r="M5656" t="s">
        <v>89</v>
      </c>
      <c r="N5656" t="s">
        <v>90</v>
      </c>
      <c r="O5656" t="s">
        <v>85</v>
      </c>
      <c r="P5656" t="s">
        <v>86</v>
      </c>
      <c r="Q5656">
        <v>8</v>
      </c>
      <c r="R5656">
        <v>8</v>
      </c>
      <c r="S5656">
        <v>9</v>
      </c>
      <c r="T5656">
        <v>9</v>
      </c>
      <c r="U5656">
        <v>9</v>
      </c>
      <c r="V5656">
        <v>9</v>
      </c>
      <c r="W5656">
        <v>10</v>
      </c>
      <c r="X5656">
        <v>10</v>
      </c>
      <c r="Y5656">
        <v>10</v>
      </c>
      <c r="Z5656">
        <v>10</v>
      </c>
      <c r="AA5656">
        <v>11</v>
      </c>
      <c r="AB5656">
        <v>11</v>
      </c>
      <c r="AC5656">
        <v>11</v>
      </c>
      <c r="AD5656">
        <v>11</v>
      </c>
      <c r="AE5656">
        <v>12</v>
      </c>
      <c r="AF5656">
        <v>12</v>
      </c>
      <c r="AG5656">
        <v>12</v>
      </c>
      <c r="AH5656">
        <v>12</v>
      </c>
      <c r="AI5656">
        <v>12</v>
      </c>
      <c r="AJ5656">
        <v>12</v>
      </c>
      <c r="AK5656">
        <v>12</v>
      </c>
      <c r="AL5656">
        <v>12</v>
      </c>
      <c r="AM5656">
        <v>13</v>
      </c>
      <c r="AN5656">
        <v>13</v>
      </c>
      <c r="AO5656">
        <v>13</v>
      </c>
      <c r="AP5656">
        <v>13</v>
      </c>
      <c r="AQ5656">
        <v>13</v>
      </c>
    </row>
    <row r="5657" spans="1:43">
      <c r="A5657" t="s">
        <v>3536</v>
      </c>
      <c r="B5657" t="s">
        <v>3537</v>
      </c>
      <c r="C5657" t="s">
        <v>3532</v>
      </c>
      <c r="D5657" t="s">
        <v>3533</v>
      </c>
      <c r="E5657" t="s">
        <v>3352</v>
      </c>
      <c r="F5657" t="s">
        <v>3353</v>
      </c>
      <c r="G5657" t="s">
        <v>80</v>
      </c>
      <c r="H5657" t="s">
        <v>81</v>
      </c>
      <c r="I5657" s="2">
        <v>0</v>
      </c>
      <c r="J5657" s="2">
        <v>1</v>
      </c>
      <c r="K5657" s="2">
        <v>0</v>
      </c>
      <c r="L5657" t="s">
        <v>82</v>
      </c>
      <c r="M5657" t="s">
        <v>83</v>
      </c>
      <c r="N5657" t="s">
        <v>91</v>
      </c>
      <c r="O5657" t="s">
        <v>85</v>
      </c>
      <c r="P5657" t="s">
        <v>86</v>
      </c>
      <c r="Q5657">
        <v>8</v>
      </c>
      <c r="R5657">
        <v>8</v>
      </c>
      <c r="S5657">
        <v>8</v>
      </c>
      <c r="T5657">
        <v>9</v>
      </c>
      <c r="U5657">
        <v>9</v>
      </c>
      <c r="V5657">
        <v>9</v>
      </c>
      <c r="W5657">
        <v>9</v>
      </c>
      <c r="X5657">
        <v>9</v>
      </c>
      <c r="Y5657">
        <v>10</v>
      </c>
      <c r="Z5657">
        <v>10</v>
      </c>
      <c r="AA5657">
        <v>10</v>
      </c>
      <c r="AB5657">
        <v>10</v>
      </c>
      <c r="AC5657">
        <v>10</v>
      </c>
      <c r="AD5657">
        <v>11</v>
      </c>
      <c r="AE5657">
        <v>11</v>
      </c>
      <c r="AF5657">
        <v>11</v>
      </c>
      <c r="AG5657">
        <v>11</v>
      </c>
      <c r="AH5657">
        <v>12</v>
      </c>
      <c r="AI5657">
        <v>12</v>
      </c>
      <c r="AJ5657">
        <v>12</v>
      </c>
      <c r="AK5657">
        <v>12</v>
      </c>
      <c r="AL5657">
        <v>12</v>
      </c>
      <c r="AM5657">
        <v>12</v>
      </c>
      <c r="AN5657">
        <v>13</v>
      </c>
      <c r="AO5657">
        <v>13</v>
      </c>
      <c r="AP5657">
        <v>13</v>
      </c>
      <c r="AQ5657">
        <v>13</v>
      </c>
    </row>
    <row r="5658" spans="1:43">
      <c r="A5658" t="s">
        <v>3538</v>
      </c>
      <c r="B5658" t="s">
        <v>3539</v>
      </c>
      <c r="C5658" t="s">
        <v>3540</v>
      </c>
      <c r="D5658" t="s">
        <v>3541</v>
      </c>
      <c r="E5658" t="s">
        <v>3352</v>
      </c>
      <c r="F5658" t="s">
        <v>3353</v>
      </c>
      <c r="G5658" t="s">
        <v>80</v>
      </c>
      <c r="H5658" t="s">
        <v>81</v>
      </c>
      <c r="I5658" s="2">
        <v>0</v>
      </c>
      <c r="J5658" s="2">
        <v>1</v>
      </c>
      <c r="K5658" s="2">
        <v>0</v>
      </c>
      <c r="L5658" t="s">
        <v>82</v>
      </c>
      <c r="M5658" t="s">
        <v>83</v>
      </c>
      <c r="N5658" t="s">
        <v>84</v>
      </c>
      <c r="O5658" t="s">
        <v>85</v>
      </c>
      <c r="P5658" t="s">
        <v>86</v>
      </c>
      <c r="Q5658">
        <v>36</v>
      </c>
      <c r="R5658">
        <v>37</v>
      </c>
      <c r="S5658">
        <v>38</v>
      </c>
      <c r="T5658">
        <v>39</v>
      </c>
      <c r="U5658">
        <v>39</v>
      </c>
      <c r="V5658">
        <v>40</v>
      </c>
      <c r="W5658">
        <v>41</v>
      </c>
      <c r="X5658">
        <v>42</v>
      </c>
      <c r="Y5658">
        <v>43</v>
      </c>
      <c r="Z5658">
        <v>44</v>
      </c>
      <c r="AA5658">
        <v>45</v>
      </c>
      <c r="AB5658">
        <v>46</v>
      </c>
      <c r="AC5658">
        <v>47</v>
      </c>
      <c r="AD5658">
        <v>48</v>
      </c>
      <c r="AE5658">
        <v>49</v>
      </c>
      <c r="AF5658">
        <v>50</v>
      </c>
      <c r="AG5658">
        <v>51</v>
      </c>
      <c r="AH5658">
        <v>52</v>
      </c>
      <c r="AI5658">
        <v>53</v>
      </c>
      <c r="AJ5658">
        <v>54</v>
      </c>
      <c r="AK5658">
        <v>55</v>
      </c>
      <c r="AL5658">
        <v>55</v>
      </c>
      <c r="AM5658">
        <v>56</v>
      </c>
      <c r="AN5658">
        <v>56</v>
      </c>
      <c r="AO5658">
        <v>57</v>
      </c>
      <c r="AP5658">
        <v>57</v>
      </c>
      <c r="AQ5658">
        <v>58</v>
      </c>
    </row>
    <row r="5659" spans="1:43">
      <c r="A5659" t="s">
        <v>3538</v>
      </c>
      <c r="B5659" t="s">
        <v>3539</v>
      </c>
      <c r="C5659" t="s">
        <v>3540</v>
      </c>
      <c r="D5659" t="s">
        <v>3541</v>
      </c>
      <c r="E5659" t="s">
        <v>3352</v>
      </c>
      <c r="F5659" t="s">
        <v>3353</v>
      </c>
      <c r="G5659" t="s">
        <v>80</v>
      </c>
      <c r="H5659" t="s">
        <v>81</v>
      </c>
      <c r="I5659" s="2">
        <v>0</v>
      </c>
      <c r="J5659" s="2">
        <v>1</v>
      </c>
      <c r="K5659" s="2">
        <v>0</v>
      </c>
      <c r="L5659" t="s">
        <v>82</v>
      </c>
      <c r="M5659" t="s">
        <v>87</v>
      </c>
      <c r="N5659" t="s">
        <v>88</v>
      </c>
      <c r="O5659" t="s">
        <v>85</v>
      </c>
      <c r="P5659" t="s">
        <v>86</v>
      </c>
      <c r="Q5659">
        <v>36</v>
      </c>
      <c r="R5659">
        <v>36</v>
      </c>
      <c r="S5659">
        <v>37</v>
      </c>
      <c r="T5659">
        <v>37</v>
      </c>
      <c r="U5659">
        <v>38</v>
      </c>
      <c r="V5659">
        <v>38</v>
      </c>
      <c r="W5659">
        <v>39</v>
      </c>
      <c r="X5659">
        <v>39</v>
      </c>
      <c r="Y5659">
        <v>40</v>
      </c>
      <c r="Z5659">
        <v>40</v>
      </c>
      <c r="AA5659">
        <v>41</v>
      </c>
      <c r="AB5659">
        <v>41</v>
      </c>
      <c r="AC5659">
        <v>42</v>
      </c>
      <c r="AD5659">
        <v>43</v>
      </c>
      <c r="AE5659">
        <v>43</v>
      </c>
      <c r="AF5659">
        <v>44</v>
      </c>
      <c r="AG5659">
        <v>44</v>
      </c>
      <c r="AH5659">
        <v>45</v>
      </c>
      <c r="AI5659">
        <v>45</v>
      </c>
      <c r="AJ5659">
        <v>46</v>
      </c>
      <c r="AK5659">
        <v>47</v>
      </c>
      <c r="AL5659">
        <v>47</v>
      </c>
      <c r="AM5659">
        <v>48</v>
      </c>
      <c r="AN5659">
        <v>48</v>
      </c>
      <c r="AO5659">
        <v>49</v>
      </c>
      <c r="AP5659">
        <v>50</v>
      </c>
      <c r="AQ5659">
        <v>50</v>
      </c>
    </row>
    <row r="5660" spans="1:43">
      <c r="A5660" t="s">
        <v>3538</v>
      </c>
      <c r="B5660" t="s">
        <v>3539</v>
      </c>
      <c r="C5660" t="s">
        <v>3540</v>
      </c>
      <c r="D5660" t="s">
        <v>3541</v>
      </c>
      <c r="E5660" t="s">
        <v>3352</v>
      </c>
      <c r="F5660" t="s">
        <v>3353</v>
      </c>
      <c r="G5660" t="s">
        <v>80</v>
      </c>
      <c r="H5660" t="s">
        <v>81</v>
      </c>
      <c r="I5660" s="2">
        <v>0</v>
      </c>
      <c r="J5660" s="2">
        <v>1</v>
      </c>
      <c r="K5660" s="2">
        <v>0</v>
      </c>
      <c r="L5660" t="s">
        <v>82</v>
      </c>
      <c r="M5660" t="s">
        <v>89</v>
      </c>
      <c r="N5660" t="s">
        <v>90</v>
      </c>
      <c r="O5660" t="s">
        <v>85</v>
      </c>
      <c r="P5660" t="s">
        <v>86</v>
      </c>
      <c r="Q5660">
        <v>36</v>
      </c>
      <c r="R5660">
        <v>37</v>
      </c>
      <c r="S5660">
        <v>39</v>
      </c>
      <c r="T5660">
        <v>40</v>
      </c>
      <c r="U5660">
        <v>41</v>
      </c>
      <c r="V5660">
        <v>42</v>
      </c>
      <c r="W5660">
        <v>43</v>
      </c>
      <c r="X5660">
        <v>44</v>
      </c>
      <c r="Y5660">
        <v>46</v>
      </c>
      <c r="Z5660">
        <v>47</v>
      </c>
      <c r="AA5660">
        <v>48</v>
      </c>
      <c r="AB5660">
        <v>49</v>
      </c>
      <c r="AC5660">
        <v>50</v>
      </c>
      <c r="AD5660">
        <v>51</v>
      </c>
      <c r="AE5660">
        <v>52</v>
      </c>
      <c r="AF5660">
        <v>53</v>
      </c>
      <c r="AG5660">
        <v>53</v>
      </c>
      <c r="AH5660">
        <v>54</v>
      </c>
      <c r="AI5660">
        <v>54</v>
      </c>
      <c r="AJ5660">
        <v>54</v>
      </c>
      <c r="AK5660">
        <v>55</v>
      </c>
      <c r="AL5660">
        <v>55</v>
      </c>
      <c r="AM5660">
        <v>56</v>
      </c>
      <c r="AN5660">
        <v>56</v>
      </c>
      <c r="AO5660">
        <v>57</v>
      </c>
      <c r="AP5660">
        <v>57</v>
      </c>
      <c r="AQ5660">
        <v>58</v>
      </c>
    </row>
    <row r="5661" spans="1:43">
      <c r="A5661" t="s">
        <v>3538</v>
      </c>
      <c r="B5661" t="s">
        <v>3539</v>
      </c>
      <c r="C5661" t="s">
        <v>3540</v>
      </c>
      <c r="D5661" t="s">
        <v>3541</v>
      </c>
      <c r="E5661" t="s">
        <v>3352</v>
      </c>
      <c r="F5661" t="s">
        <v>3353</v>
      </c>
      <c r="G5661" t="s">
        <v>80</v>
      </c>
      <c r="H5661" t="s">
        <v>81</v>
      </c>
      <c r="I5661" s="2">
        <v>0</v>
      </c>
      <c r="J5661" s="2">
        <v>1</v>
      </c>
      <c r="K5661" s="2">
        <v>0</v>
      </c>
      <c r="L5661" t="s">
        <v>82</v>
      </c>
      <c r="M5661" t="s">
        <v>83</v>
      </c>
      <c r="N5661" t="s">
        <v>91</v>
      </c>
      <c r="O5661" t="s">
        <v>85</v>
      </c>
      <c r="P5661" t="s">
        <v>86</v>
      </c>
      <c r="Q5661">
        <v>36</v>
      </c>
      <c r="R5661">
        <v>37</v>
      </c>
      <c r="S5661">
        <v>38</v>
      </c>
      <c r="T5661">
        <v>39</v>
      </c>
      <c r="U5661">
        <v>39</v>
      </c>
      <c r="V5661">
        <v>40</v>
      </c>
      <c r="W5661">
        <v>41</v>
      </c>
      <c r="X5661">
        <v>42</v>
      </c>
      <c r="Y5661">
        <v>43</v>
      </c>
      <c r="Z5661">
        <v>44</v>
      </c>
      <c r="AA5661">
        <v>45</v>
      </c>
      <c r="AB5661">
        <v>46</v>
      </c>
      <c r="AC5661">
        <v>47</v>
      </c>
      <c r="AD5661">
        <v>48</v>
      </c>
      <c r="AE5661">
        <v>49</v>
      </c>
      <c r="AF5661">
        <v>50</v>
      </c>
      <c r="AG5661">
        <v>51</v>
      </c>
      <c r="AH5661">
        <v>52</v>
      </c>
      <c r="AI5661">
        <v>53</v>
      </c>
      <c r="AJ5661">
        <v>54</v>
      </c>
      <c r="AK5661">
        <v>55</v>
      </c>
      <c r="AL5661">
        <v>55</v>
      </c>
      <c r="AM5661">
        <v>56</v>
      </c>
      <c r="AN5661">
        <v>56</v>
      </c>
      <c r="AO5661">
        <v>57</v>
      </c>
      <c r="AP5661">
        <v>57</v>
      </c>
      <c r="AQ5661">
        <v>58</v>
      </c>
    </row>
    <row r="5662" spans="1:43">
      <c r="A5662" t="s">
        <v>3542</v>
      </c>
      <c r="B5662" t="s">
        <v>3543</v>
      </c>
      <c r="C5662" t="s">
        <v>3540</v>
      </c>
      <c r="D5662" t="s">
        <v>3541</v>
      </c>
      <c r="E5662" t="s">
        <v>3352</v>
      </c>
      <c r="F5662" t="s">
        <v>3353</v>
      </c>
      <c r="G5662" t="s">
        <v>80</v>
      </c>
      <c r="H5662" t="s">
        <v>81</v>
      </c>
      <c r="I5662" s="2">
        <v>0</v>
      </c>
      <c r="J5662" s="2">
        <v>1</v>
      </c>
      <c r="K5662" s="2">
        <v>0</v>
      </c>
      <c r="L5662" t="s">
        <v>82</v>
      </c>
      <c r="M5662" t="s">
        <v>83</v>
      </c>
      <c r="N5662" t="s">
        <v>84</v>
      </c>
      <c r="O5662" t="s">
        <v>85</v>
      </c>
      <c r="P5662" t="s">
        <v>86</v>
      </c>
      <c r="Q5662">
        <v>50</v>
      </c>
      <c r="R5662">
        <v>51</v>
      </c>
      <c r="S5662">
        <v>52</v>
      </c>
      <c r="T5662">
        <v>54</v>
      </c>
      <c r="U5662">
        <v>55</v>
      </c>
      <c r="V5662">
        <v>56</v>
      </c>
      <c r="W5662">
        <v>57</v>
      </c>
      <c r="X5662">
        <v>59</v>
      </c>
      <c r="Y5662">
        <v>60</v>
      </c>
      <c r="Z5662">
        <v>61</v>
      </c>
      <c r="AA5662">
        <v>62</v>
      </c>
      <c r="AB5662">
        <v>64</v>
      </c>
      <c r="AC5662">
        <v>65</v>
      </c>
      <c r="AD5662">
        <v>66</v>
      </c>
      <c r="AE5662">
        <v>68</v>
      </c>
      <c r="AF5662">
        <v>69</v>
      </c>
      <c r="AG5662">
        <v>70</v>
      </c>
      <c r="AH5662">
        <v>72</v>
      </c>
      <c r="AI5662">
        <v>73</v>
      </c>
      <c r="AJ5662">
        <v>74</v>
      </c>
      <c r="AK5662">
        <v>76</v>
      </c>
      <c r="AL5662">
        <v>77</v>
      </c>
      <c r="AM5662">
        <v>77</v>
      </c>
      <c r="AN5662">
        <v>78</v>
      </c>
      <c r="AO5662">
        <v>79</v>
      </c>
      <c r="AP5662">
        <v>79</v>
      </c>
      <c r="AQ5662">
        <v>80</v>
      </c>
    </row>
    <row r="5663" spans="1:43">
      <c r="A5663" t="s">
        <v>3542</v>
      </c>
      <c r="B5663" t="s">
        <v>3543</v>
      </c>
      <c r="C5663" t="s">
        <v>3540</v>
      </c>
      <c r="D5663" t="s">
        <v>3541</v>
      </c>
      <c r="E5663" t="s">
        <v>3352</v>
      </c>
      <c r="F5663" t="s">
        <v>3353</v>
      </c>
      <c r="G5663" t="s">
        <v>80</v>
      </c>
      <c r="H5663" t="s">
        <v>81</v>
      </c>
      <c r="I5663" s="2">
        <v>0</v>
      </c>
      <c r="J5663" s="2">
        <v>1</v>
      </c>
      <c r="K5663" s="2">
        <v>0</v>
      </c>
      <c r="L5663" t="s">
        <v>82</v>
      </c>
      <c r="M5663" t="s">
        <v>87</v>
      </c>
      <c r="N5663" t="s">
        <v>88</v>
      </c>
      <c r="O5663" t="s">
        <v>85</v>
      </c>
      <c r="P5663" t="s">
        <v>86</v>
      </c>
      <c r="Q5663">
        <v>50</v>
      </c>
      <c r="R5663">
        <v>50</v>
      </c>
      <c r="S5663">
        <v>51</v>
      </c>
      <c r="T5663">
        <v>52</v>
      </c>
      <c r="U5663">
        <v>52</v>
      </c>
      <c r="V5663">
        <v>53</v>
      </c>
      <c r="W5663">
        <v>54</v>
      </c>
      <c r="X5663">
        <v>55</v>
      </c>
      <c r="Y5663">
        <v>55</v>
      </c>
      <c r="Z5663">
        <v>56</v>
      </c>
      <c r="AA5663">
        <v>57</v>
      </c>
      <c r="AB5663">
        <v>58</v>
      </c>
      <c r="AC5663">
        <v>58</v>
      </c>
      <c r="AD5663">
        <v>59</v>
      </c>
      <c r="AE5663">
        <v>60</v>
      </c>
      <c r="AF5663">
        <v>61</v>
      </c>
      <c r="AG5663">
        <v>61</v>
      </c>
      <c r="AH5663">
        <v>62</v>
      </c>
      <c r="AI5663">
        <v>63</v>
      </c>
      <c r="AJ5663">
        <v>64</v>
      </c>
      <c r="AK5663">
        <v>65</v>
      </c>
      <c r="AL5663">
        <v>66</v>
      </c>
      <c r="AM5663">
        <v>66</v>
      </c>
      <c r="AN5663">
        <v>67</v>
      </c>
      <c r="AO5663">
        <v>68</v>
      </c>
      <c r="AP5663">
        <v>69</v>
      </c>
      <c r="AQ5663">
        <v>70</v>
      </c>
    </row>
    <row r="5664" spans="1:43">
      <c r="A5664" t="s">
        <v>3542</v>
      </c>
      <c r="B5664" t="s">
        <v>3543</v>
      </c>
      <c r="C5664" t="s">
        <v>3540</v>
      </c>
      <c r="D5664" t="s">
        <v>3541</v>
      </c>
      <c r="E5664" t="s">
        <v>3352</v>
      </c>
      <c r="F5664" t="s">
        <v>3353</v>
      </c>
      <c r="G5664" t="s">
        <v>80</v>
      </c>
      <c r="H5664" t="s">
        <v>81</v>
      </c>
      <c r="I5664" s="2">
        <v>0</v>
      </c>
      <c r="J5664" s="2">
        <v>1</v>
      </c>
      <c r="K5664" s="2">
        <v>0</v>
      </c>
      <c r="L5664" t="s">
        <v>82</v>
      </c>
      <c r="M5664" t="s">
        <v>89</v>
      </c>
      <c r="N5664" t="s">
        <v>90</v>
      </c>
      <c r="O5664" t="s">
        <v>85</v>
      </c>
      <c r="P5664" t="s">
        <v>86</v>
      </c>
      <c r="Q5664">
        <v>50</v>
      </c>
      <c r="R5664">
        <v>52</v>
      </c>
      <c r="S5664">
        <v>54</v>
      </c>
      <c r="T5664">
        <v>55</v>
      </c>
      <c r="U5664">
        <v>57</v>
      </c>
      <c r="V5664">
        <v>59</v>
      </c>
      <c r="W5664">
        <v>60</v>
      </c>
      <c r="X5664">
        <v>62</v>
      </c>
      <c r="Y5664">
        <v>63</v>
      </c>
      <c r="Z5664">
        <v>65</v>
      </c>
      <c r="AA5664">
        <v>66</v>
      </c>
      <c r="AB5664">
        <v>68</v>
      </c>
      <c r="AC5664">
        <v>70</v>
      </c>
      <c r="AD5664">
        <v>71</v>
      </c>
      <c r="AE5664">
        <v>72</v>
      </c>
      <c r="AF5664">
        <v>73</v>
      </c>
      <c r="AG5664">
        <v>74</v>
      </c>
      <c r="AH5664">
        <v>74</v>
      </c>
      <c r="AI5664">
        <v>75</v>
      </c>
      <c r="AJ5664">
        <v>76</v>
      </c>
      <c r="AK5664">
        <v>76</v>
      </c>
      <c r="AL5664">
        <v>77</v>
      </c>
      <c r="AM5664">
        <v>78</v>
      </c>
      <c r="AN5664">
        <v>79</v>
      </c>
      <c r="AO5664">
        <v>79</v>
      </c>
      <c r="AP5664">
        <v>80</v>
      </c>
      <c r="AQ5664">
        <v>80</v>
      </c>
    </row>
    <row r="5665" spans="1:43">
      <c r="A5665" t="s">
        <v>3542</v>
      </c>
      <c r="B5665" t="s">
        <v>3543</v>
      </c>
      <c r="C5665" t="s">
        <v>3540</v>
      </c>
      <c r="D5665" t="s">
        <v>3541</v>
      </c>
      <c r="E5665" t="s">
        <v>3352</v>
      </c>
      <c r="F5665" t="s">
        <v>3353</v>
      </c>
      <c r="G5665" t="s">
        <v>80</v>
      </c>
      <c r="H5665" t="s">
        <v>81</v>
      </c>
      <c r="I5665" s="2">
        <v>0</v>
      </c>
      <c r="J5665" s="2">
        <v>1</v>
      </c>
      <c r="K5665" s="2">
        <v>0</v>
      </c>
      <c r="L5665" t="s">
        <v>82</v>
      </c>
      <c r="M5665" t="s">
        <v>83</v>
      </c>
      <c r="N5665" t="s">
        <v>91</v>
      </c>
      <c r="O5665" t="s">
        <v>85</v>
      </c>
      <c r="P5665" t="s">
        <v>86</v>
      </c>
      <c r="Q5665">
        <v>50</v>
      </c>
      <c r="R5665">
        <v>51</v>
      </c>
      <c r="S5665">
        <v>52</v>
      </c>
      <c r="T5665">
        <v>54</v>
      </c>
      <c r="U5665">
        <v>55</v>
      </c>
      <c r="V5665">
        <v>56</v>
      </c>
      <c r="W5665">
        <v>57</v>
      </c>
      <c r="X5665">
        <v>59</v>
      </c>
      <c r="Y5665">
        <v>60</v>
      </c>
      <c r="Z5665">
        <v>61</v>
      </c>
      <c r="AA5665">
        <v>62</v>
      </c>
      <c r="AB5665">
        <v>64</v>
      </c>
      <c r="AC5665">
        <v>65</v>
      </c>
      <c r="AD5665">
        <v>66</v>
      </c>
      <c r="AE5665">
        <v>68</v>
      </c>
      <c r="AF5665">
        <v>69</v>
      </c>
      <c r="AG5665">
        <v>70</v>
      </c>
      <c r="AH5665">
        <v>72</v>
      </c>
      <c r="AI5665">
        <v>73</v>
      </c>
      <c r="AJ5665">
        <v>74</v>
      </c>
      <c r="AK5665">
        <v>76</v>
      </c>
      <c r="AL5665">
        <v>77</v>
      </c>
      <c r="AM5665">
        <v>77</v>
      </c>
      <c r="AN5665">
        <v>78</v>
      </c>
      <c r="AO5665">
        <v>79</v>
      </c>
      <c r="AP5665">
        <v>79</v>
      </c>
      <c r="AQ5665">
        <v>80</v>
      </c>
    </row>
    <row r="5666" spans="1:43">
      <c r="A5666" t="s">
        <v>3544</v>
      </c>
      <c r="B5666" t="s">
        <v>3545</v>
      </c>
      <c r="C5666" t="s">
        <v>3540</v>
      </c>
      <c r="D5666" t="s">
        <v>3541</v>
      </c>
      <c r="E5666" t="s">
        <v>3352</v>
      </c>
      <c r="F5666" t="s">
        <v>3353</v>
      </c>
      <c r="G5666" t="s">
        <v>80</v>
      </c>
      <c r="H5666" t="s">
        <v>81</v>
      </c>
      <c r="I5666" s="2">
        <v>0</v>
      </c>
      <c r="J5666" s="2">
        <v>1</v>
      </c>
      <c r="K5666" s="2">
        <v>0</v>
      </c>
      <c r="L5666" t="s">
        <v>82</v>
      </c>
      <c r="M5666" t="s">
        <v>83</v>
      </c>
      <c r="N5666" t="s">
        <v>84</v>
      </c>
      <c r="O5666" t="s">
        <v>85</v>
      </c>
      <c r="P5666" t="s">
        <v>86</v>
      </c>
      <c r="Q5666">
        <v>22</v>
      </c>
      <c r="R5666">
        <v>23</v>
      </c>
      <c r="S5666">
        <v>23</v>
      </c>
      <c r="T5666">
        <v>24</v>
      </c>
      <c r="U5666">
        <v>24</v>
      </c>
      <c r="V5666">
        <v>25</v>
      </c>
      <c r="W5666">
        <v>26</v>
      </c>
      <c r="X5666">
        <v>26</v>
      </c>
      <c r="Y5666">
        <v>27</v>
      </c>
      <c r="Z5666">
        <v>27</v>
      </c>
      <c r="AA5666">
        <v>28</v>
      </c>
      <c r="AB5666">
        <v>28</v>
      </c>
      <c r="AC5666">
        <v>29</v>
      </c>
      <c r="AD5666">
        <v>30</v>
      </c>
      <c r="AE5666">
        <v>30</v>
      </c>
      <c r="AF5666">
        <v>31</v>
      </c>
      <c r="AG5666">
        <v>31</v>
      </c>
      <c r="AH5666">
        <v>32</v>
      </c>
      <c r="AI5666">
        <v>33</v>
      </c>
      <c r="AJ5666">
        <v>33</v>
      </c>
      <c r="AK5666">
        <v>34</v>
      </c>
      <c r="AL5666">
        <v>34</v>
      </c>
      <c r="AM5666">
        <v>35</v>
      </c>
      <c r="AN5666">
        <v>35</v>
      </c>
      <c r="AO5666">
        <v>35</v>
      </c>
      <c r="AP5666">
        <v>36</v>
      </c>
      <c r="AQ5666">
        <v>36</v>
      </c>
    </row>
    <row r="5667" spans="1:43">
      <c r="A5667" t="s">
        <v>3544</v>
      </c>
      <c r="B5667" t="s">
        <v>3545</v>
      </c>
      <c r="C5667" t="s">
        <v>3540</v>
      </c>
      <c r="D5667" t="s">
        <v>3541</v>
      </c>
      <c r="E5667" t="s">
        <v>3352</v>
      </c>
      <c r="F5667" t="s">
        <v>3353</v>
      </c>
      <c r="G5667" t="s">
        <v>80</v>
      </c>
      <c r="H5667" t="s">
        <v>81</v>
      </c>
      <c r="I5667" s="2">
        <v>0</v>
      </c>
      <c r="J5667" s="2">
        <v>1</v>
      </c>
      <c r="K5667" s="2">
        <v>0</v>
      </c>
      <c r="L5667" t="s">
        <v>82</v>
      </c>
      <c r="M5667" t="s">
        <v>87</v>
      </c>
      <c r="N5667" t="s">
        <v>88</v>
      </c>
      <c r="O5667" t="s">
        <v>85</v>
      </c>
      <c r="P5667" t="s">
        <v>86</v>
      </c>
      <c r="Q5667">
        <v>22</v>
      </c>
      <c r="R5667">
        <v>22</v>
      </c>
      <c r="S5667">
        <v>23</v>
      </c>
      <c r="T5667">
        <v>23</v>
      </c>
      <c r="U5667">
        <v>23</v>
      </c>
      <c r="V5667">
        <v>24</v>
      </c>
      <c r="W5667">
        <v>24</v>
      </c>
      <c r="X5667">
        <v>24</v>
      </c>
      <c r="Y5667">
        <v>25</v>
      </c>
      <c r="Z5667">
        <v>25</v>
      </c>
      <c r="AA5667">
        <v>25</v>
      </c>
      <c r="AB5667">
        <v>26</v>
      </c>
      <c r="AC5667">
        <v>26</v>
      </c>
      <c r="AD5667">
        <v>26</v>
      </c>
      <c r="AE5667">
        <v>27</v>
      </c>
      <c r="AF5667">
        <v>27</v>
      </c>
      <c r="AG5667">
        <v>27</v>
      </c>
      <c r="AH5667">
        <v>28</v>
      </c>
      <c r="AI5667">
        <v>28</v>
      </c>
      <c r="AJ5667">
        <v>29</v>
      </c>
      <c r="AK5667">
        <v>29</v>
      </c>
      <c r="AL5667">
        <v>29</v>
      </c>
      <c r="AM5667">
        <v>30</v>
      </c>
      <c r="AN5667">
        <v>30</v>
      </c>
      <c r="AO5667">
        <v>30</v>
      </c>
      <c r="AP5667">
        <v>31</v>
      </c>
      <c r="AQ5667">
        <v>31</v>
      </c>
    </row>
    <row r="5668" spans="1:43">
      <c r="A5668" t="s">
        <v>3544</v>
      </c>
      <c r="B5668" t="s">
        <v>3545</v>
      </c>
      <c r="C5668" t="s">
        <v>3540</v>
      </c>
      <c r="D5668" t="s">
        <v>3541</v>
      </c>
      <c r="E5668" t="s">
        <v>3352</v>
      </c>
      <c r="F5668" t="s">
        <v>3353</v>
      </c>
      <c r="G5668" t="s">
        <v>80</v>
      </c>
      <c r="H5668" t="s">
        <v>81</v>
      </c>
      <c r="I5668" s="2">
        <v>0</v>
      </c>
      <c r="J5668" s="2">
        <v>1</v>
      </c>
      <c r="K5668" s="2">
        <v>0</v>
      </c>
      <c r="L5668" t="s">
        <v>82</v>
      </c>
      <c r="M5668" t="s">
        <v>89</v>
      </c>
      <c r="N5668" t="s">
        <v>90</v>
      </c>
      <c r="O5668" t="s">
        <v>85</v>
      </c>
      <c r="P5668" t="s">
        <v>86</v>
      </c>
      <c r="Q5668">
        <v>22</v>
      </c>
      <c r="R5668">
        <v>22</v>
      </c>
      <c r="S5668">
        <v>23</v>
      </c>
      <c r="T5668">
        <v>24</v>
      </c>
      <c r="U5668">
        <v>24</v>
      </c>
      <c r="V5668">
        <v>25</v>
      </c>
      <c r="W5668">
        <v>26</v>
      </c>
      <c r="X5668">
        <v>27</v>
      </c>
      <c r="Y5668">
        <v>27</v>
      </c>
      <c r="Z5668">
        <v>28</v>
      </c>
      <c r="AA5668">
        <v>29</v>
      </c>
      <c r="AB5668">
        <v>29</v>
      </c>
      <c r="AC5668">
        <v>30</v>
      </c>
      <c r="AD5668">
        <v>31</v>
      </c>
      <c r="AE5668">
        <v>31</v>
      </c>
      <c r="AF5668">
        <v>32</v>
      </c>
      <c r="AG5668">
        <v>32</v>
      </c>
      <c r="AH5668">
        <v>32</v>
      </c>
      <c r="AI5668">
        <v>33</v>
      </c>
      <c r="AJ5668">
        <v>33</v>
      </c>
      <c r="AK5668">
        <v>33</v>
      </c>
      <c r="AL5668">
        <v>34</v>
      </c>
      <c r="AM5668">
        <v>34</v>
      </c>
      <c r="AN5668">
        <v>34</v>
      </c>
      <c r="AO5668">
        <v>34</v>
      </c>
      <c r="AP5668">
        <v>35</v>
      </c>
      <c r="AQ5668">
        <v>35</v>
      </c>
    </row>
    <row r="5669" spans="1:43">
      <c r="A5669" t="s">
        <v>3544</v>
      </c>
      <c r="B5669" t="s">
        <v>3545</v>
      </c>
      <c r="C5669" t="s">
        <v>3540</v>
      </c>
      <c r="D5669" t="s">
        <v>3541</v>
      </c>
      <c r="E5669" t="s">
        <v>3352</v>
      </c>
      <c r="F5669" t="s">
        <v>3353</v>
      </c>
      <c r="G5669" t="s">
        <v>80</v>
      </c>
      <c r="H5669" t="s">
        <v>81</v>
      </c>
      <c r="I5669" s="2">
        <v>0</v>
      </c>
      <c r="J5669" s="2">
        <v>1</v>
      </c>
      <c r="K5669" s="2">
        <v>0</v>
      </c>
      <c r="L5669" t="s">
        <v>82</v>
      </c>
      <c r="M5669" t="s">
        <v>83</v>
      </c>
      <c r="N5669" t="s">
        <v>91</v>
      </c>
      <c r="O5669" t="s">
        <v>85</v>
      </c>
      <c r="P5669" t="s">
        <v>86</v>
      </c>
      <c r="Q5669">
        <v>22</v>
      </c>
      <c r="R5669">
        <v>23</v>
      </c>
      <c r="S5669">
        <v>23</v>
      </c>
      <c r="T5669">
        <v>24</v>
      </c>
      <c r="U5669">
        <v>24</v>
      </c>
      <c r="V5669">
        <v>25</v>
      </c>
      <c r="W5669">
        <v>26</v>
      </c>
      <c r="X5669">
        <v>26</v>
      </c>
      <c r="Y5669">
        <v>27</v>
      </c>
      <c r="Z5669">
        <v>27</v>
      </c>
      <c r="AA5669">
        <v>28</v>
      </c>
      <c r="AB5669">
        <v>28</v>
      </c>
      <c r="AC5669">
        <v>29</v>
      </c>
      <c r="AD5669">
        <v>30</v>
      </c>
      <c r="AE5669">
        <v>30</v>
      </c>
      <c r="AF5669">
        <v>31</v>
      </c>
      <c r="AG5669">
        <v>31</v>
      </c>
      <c r="AH5669">
        <v>32</v>
      </c>
      <c r="AI5669">
        <v>33</v>
      </c>
      <c r="AJ5669">
        <v>33</v>
      </c>
      <c r="AK5669">
        <v>34</v>
      </c>
      <c r="AL5669">
        <v>34</v>
      </c>
      <c r="AM5669">
        <v>35</v>
      </c>
      <c r="AN5669">
        <v>35</v>
      </c>
      <c r="AO5669">
        <v>35</v>
      </c>
      <c r="AP5669">
        <v>36</v>
      </c>
      <c r="AQ5669">
        <v>36</v>
      </c>
    </row>
    <row r="5670" spans="1:43">
      <c r="A5670" t="s">
        <v>3546</v>
      </c>
      <c r="B5670" t="s">
        <v>3547</v>
      </c>
      <c r="C5670" t="s">
        <v>3540</v>
      </c>
      <c r="D5670" t="s">
        <v>3541</v>
      </c>
      <c r="E5670" t="s">
        <v>3352</v>
      </c>
      <c r="F5670" t="s">
        <v>3353</v>
      </c>
      <c r="G5670" t="s">
        <v>80</v>
      </c>
      <c r="H5670" t="s">
        <v>81</v>
      </c>
      <c r="I5670" s="2">
        <v>0</v>
      </c>
      <c r="J5670" s="2">
        <v>1</v>
      </c>
      <c r="K5670" s="2">
        <v>0</v>
      </c>
      <c r="L5670" t="s">
        <v>82</v>
      </c>
      <c r="M5670" t="s">
        <v>83</v>
      </c>
      <c r="N5670" t="s">
        <v>84</v>
      </c>
      <c r="O5670" t="s">
        <v>85</v>
      </c>
      <c r="P5670" t="s">
        <v>86</v>
      </c>
      <c r="Q5670">
        <v>3</v>
      </c>
      <c r="R5670">
        <v>3</v>
      </c>
      <c r="S5670">
        <v>3</v>
      </c>
      <c r="T5670">
        <v>3</v>
      </c>
      <c r="U5670">
        <v>3</v>
      </c>
      <c r="V5670">
        <v>3</v>
      </c>
      <c r="W5670">
        <v>4</v>
      </c>
      <c r="X5670">
        <v>4</v>
      </c>
      <c r="Y5670">
        <v>4</v>
      </c>
      <c r="Z5670">
        <v>4</v>
      </c>
      <c r="AA5670">
        <v>4</v>
      </c>
      <c r="AB5670">
        <v>4</v>
      </c>
      <c r="AC5670">
        <v>4</v>
      </c>
      <c r="AD5670">
        <v>4</v>
      </c>
      <c r="AE5670">
        <v>4</v>
      </c>
      <c r="AF5670">
        <v>4</v>
      </c>
      <c r="AG5670">
        <v>4</v>
      </c>
      <c r="AH5670">
        <v>4</v>
      </c>
      <c r="AI5670">
        <v>5</v>
      </c>
      <c r="AJ5670">
        <v>5</v>
      </c>
      <c r="AK5670">
        <v>5</v>
      </c>
      <c r="AL5670">
        <v>5</v>
      </c>
      <c r="AM5670">
        <v>5</v>
      </c>
      <c r="AN5670">
        <v>5</v>
      </c>
      <c r="AO5670">
        <v>5</v>
      </c>
      <c r="AP5670">
        <v>5</v>
      </c>
      <c r="AQ5670">
        <v>5</v>
      </c>
    </row>
    <row r="5671" spans="1:43">
      <c r="A5671" t="s">
        <v>3546</v>
      </c>
      <c r="B5671" t="s">
        <v>3547</v>
      </c>
      <c r="C5671" t="s">
        <v>3540</v>
      </c>
      <c r="D5671" t="s">
        <v>3541</v>
      </c>
      <c r="E5671" t="s">
        <v>3352</v>
      </c>
      <c r="F5671" t="s">
        <v>3353</v>
      </c>
      <c r="G5671" t="s">
        <v>80</v>
      </c>
      <c r="H5671" t="s">
        <v>81</v>
      </c>
      <c r="I5671" s="2">
        <v>0</v>
      </c>
      <c r="J5671" s="2">
        <v>1</v>
      </c>
      <c r="K5671" s="2">
        <v>0</v>
      </c>
      <c r="L5671" t="s">
        <v>82</v>
      </c>
      <c r="M5671" t="s">
        <v>87</v>
      </c>
      <c r="N5671" t="s">
        <v>88</v>
      </c>
      <c r="O5671" t="s">
        <v>85</v>
      </c>
      <c r="P5671" t="s">
        <v>86</v>
      </c>
      <c r="Q5671">
        <v>3</v>
      </c>
      <c r="R5671">
        <v>3</v>
      </c>
      <c r="S5671">
        <v>3</v>
      </c>
      <c r="T5671">
        <v>3</v>
      </c>
      <c r="U5671">
        <v>3</v>
      </c>
      <c r="V5671">
        <v>3</v>
      </c>
      <c r="W5671">
        <v>3</v>
      </c>
      <c r="X5671">
        <v>3</v>
      </c>
      <c r="Y5671">
        <v>3</v>
      </c>
      <c r="Z5671">
        <v>3</v>
      </c>
      <c r="AA5671">
        <v>4</v>
      </c>
      <c r="AB5671">
        <v>4</v>
      </c>
      <c r="AC5671">
        <v>4</v>
      </c>
      <c r="AD5671">
        <v>4</v>
      </c>
      <c r="AE5671">
        <v>4</v>
      </c>
      <c r="AF5671">
        <v>4</v>
      </c>
      <c r="AG5671">
        <v>4</v>
      </c>
      <c r="AH5671">
        <v>4</v>
      </c>
      <c r="AI5671">
        <v>4</v>
      </c>
      <c r="AJ5671">
        <v>4</v>
      </c>
      <c r="AK5671">
        <v>4</v>
      </c>
      <c r="AL5671">
        <v>4</v>
      </c>
      <c r="AM5671">
        <v>4</v>
      </c>
      <c r="AN5671">
        <v>4</v>
      </c>
      <c r="AO5671">
        <v>4</v>
      </c>
      <c r="AP5671">
        <v>4</v>
      </c>
      <c r="AQ5671">
        <v>4</v>
      </c>
    </row>
    <row r="5672" spans="1:43">
      <c r="A5672" t="s">
        <v>3546</v>
      </c>
      <c r="B5672" t="s">
        <v>3547</v>
      </c>
      <c r="C5672" t="s">
        <v>3540</v>
      </c>
      <c r="D5672" t="s">
        <v>3541</v>
      </c>
      <c r="E5672" t="s">
        <v>3352</v>
      </c>
      <c r="F5672" t="s">
        <v>3353</v>
      </c>
      <c r="G5672" t="s">
        <v>80</v>
      </c>
      <c r="H5672" t="s">
        <v>81</v>
      </c>
      <c r="I5672" s="2">
        <v>0</v>
      </c>
      <c r="J5672" s="2">
        <v>1</v>
      </c>
      <c r="K5672" s="2">
        <v>0</v>
      </c>
      <c r="L5672" t="s">
        <v>82</v>
      </c>
      <c r="M5672" t="s">
        <v>89</v>
      </c>
      <c r="N5672" t="s">
        <v>90</v>
      </c>
      <c r="O5672" t="s">
        <v>85</v>
      </c>
      <c r="P5672" t="s">
        <v>86</v>
      </c>
      <c r="Q5672">
        <v>3</v>
      </c>
      <c r="R5672">
        <v>3</v>
      </c>
      <c r="S5672">
        <v>3</v>
      </c>
      <c r="T5672">
        <v>3</v>
      </c>
      <c r="U5672">
        <v>4</v>
      </c>
      <c r="V5672">
        <v>4</v>
      </c>
      <c r="W5672">
        <v>4</v>
      </c>
      <c r="X5672">
        <v>4</v>
      </c>
      <c r="Y5672">
        <v>4</v>
      </c>
      <c r="Z5672">
        <v>4</v>
      </c>
      <c r="AA5672">
        <v>4</v>
      </c>
      <c r="AB5672">
        <v>4</v>
      </c>
      <c r="AC5672">
        <v>4</v>
      </c>
      <c r="AD5672">
        <v>4</v>
      </c>
      <c r="AE5672">
        <v>4</v>
      </c>
      <c r="AF5672">
        <v>5</v>
      </c>
      <c r="AG5672">
        <v>5</v>
      </c>
      <c r="AH5672">
        <v>5</v>
      </c>
      <c r="AI5672">
        <v>5</v>
      </c>
      <c r="AJ5672">
        <v>5</v>
      </c>
      <c r="AK5672">
        <v>5</v>
      </c>
      <c r="AL5672">
        <v>5</v>
      </c>
      <c r="AM5672">
        <v>5</v>
      </c>
      <c r="AN5672">
        <v>5</v>
      </c>
      <c r="AO5672">
        <v>5</v>
      </c>
      <c r="AP5672">
        <v>5</v>
      </c>
      <c r="AQ5672">
        <v>5</v>
      </c>
    </row>
    <row r="5673" spans="1:43">
      <c r="A5673" t="s">
        <v>3546</v>
      </c>
      <c r="B5673" t="s">
        <v>3547</v>
      </c>
      <c r="C5673" t="s">
        <v>3540</v>
      </c>
      <c r="D5673" t="s">
        <v>3541</v>
      </c>
      <c r="E5673" t="s">
        <v>3352</v>
      </c>
      <c r="F5673" t="s">
        <v>3353</v>
      </c>
      <c r="G5673" t="s">
        <v>80</v>
      </c>
      <c r="H5673" t="s">
        <v>81</v>
      </c>
      <c r="I5673" s="2">
        <v>0</v>
      </c>
      <c r="J5673" s="2">
        <v>1</v>
      </c>
      <c r="K5673" s="2">
        <v>0</v>
      </c>
      <c r="L5673" t="s">
        <v>82</v>
      </c>
      <c r="M5673" t="s">
        <v>83</v>
      </c>
      <c r="N5673" t="s">
        <v>91</v>
      </c>
      <c r="O5673" t="s">
        <v>85</v>
      </c>
      <c r="P5673" t="s">
        <v>86</v>
      </c>
      <c r="Q5673">
        <v>3</v>
      </c>
      <c r="R5673">
        <v>3</v>
      </c>
      <c r="S5673">
        <v>3</v>
      </c>
      <c r="T5673">
        <v>3</v>
      </c>
      <c r="U5673">
        <v>3</v>
      </c>
      <c r="V5673">
        <v>3</v>
      </c>
      <c r="W5673">
        <v>4</v>
      </c>
      <c r="X5673">
        <v>4</v>
      </c>
      <c r="Y5673">
        <v>4</v>
      </c>
      <c r="Z5673">
        <v>4</v>
      </c>
      <c r="AA5673">
        <v>4</v>
      </c>
      <c r="AB5673">
        <v>4</v>
      </c>
      <c r="AC5673">
        <v>4</v>
      </c>
      <c r="AD5673">
        <v>4</v>
      </c>
      <c r="AE5673">
        <v>4</v>
      </c>
      <c r="AF5673">
        <v>4</v>
      </c>
      <c r="AG5673">
        <v>4</v>
      </c>
      <c r="AH5673">
        <v>4</v>
      </c>
      <c r="AI5673">
        <v>5</v>
      </c>
      <c r="AJ5673">
        <v>5</v>
      </c>
      <c r="AK5673">
        <v>5</v>
      </c>
      <c r="AL5673">
        <v>5</v>
      </c>
      <c r="AM5673">
        <v>5</v>
      </c>
      <c r="AN5673">
        <v>5</v>
      </c>
      <c r="AO5673">
        <v>5</v>
      </c>
      <c r="AP5673">
        <v>5</v>
      </c>
      <c r="AQ5673">
        <v>5</v>
      </c>
    </row>
    <row r="5674" spans="1:43">
      <c r="A5674" t="s">
        <v>3548</v>
      </c>
      <c r="B5674" t="s">
        <v>3549</v>
      </c>
      <c r="C5674" t="s">
        <v>3532</v>
      </c>
      <c r="D5674" t="s">
        <v>3533</v>
      </c>
      <c r="E5674" t="s">
        <v>3352</v>
      </c>
      <c r="F5674" t="s">
        <v>3353</v>
      </c>
      <c r="G5674" t="s">
        <v>80</v>
      </c>
      <c r="H5674" t="s">
        <v>81</v>
      </c>
      <c r="I5674" s="2">
        <v>0</v>
      </c>
      <c r="J5674" s="2">
        <v>1</v>
      </c>
      <c r="K5674" s="2">
        <v>0</v>
      </c>
      <c r="L5674" t="s">
        <v>82</v>
      </c>
      <c r="M5674" t="s">
        <v>83</v>
      </c>
      <c r="N5674" t="s">
        <v>84</v>
      </c>
      <c r="O5674" t="s">
        <v>85</v>
      </c>
      <c r="P5674" t="s">
        <v>86</v>
      </c>
      <c r="Q5674">
        <v>14</v>
      </c>
      <c r="R5674">
        <v>15</v>
      </c>
      <c r="S5674">
        <v>15</v>
      </c>
      <c r="T5674">
        <v>15</v>
      </c>
      <c r="U5674">
        <v>16</v>
      </c>
      <c r="V5674">
        <v>16</v>
      </c>
      <c r="W5674">
        <v>16</v>
      </c>
      <c r="X5674">
        <v>17</v>
      </c>
      <c r="Y5674">
        <v>17</v>
      </c>
      <c r="Z5674">
        <v>18</v>
      </c>
      <c r="AA5674">
        <v>18</v>
      </c>
      <c r="AB5674">
        <v>18</v>
      </c>
      <c r="AC5674">
        <v>19</v>
      </c>
      <c r="AD5674">
        <v>19</v>
      </c>
      <c r="AE5674">
        <v>19</v>
      </c>
      <c r="AF5674">
        <v>20</v>
      </c>
      <c r="AG5674">
        <v>20</v>
      </c>
      <c r="AH5674">
        <v>21</v>
      </c>
      <c r="AI5674">
        <v>21</v>
      </c>
      <c r="AJ5674">
        <v>21</v>
      </c>
      <c r="AK5674">
        <v>22</v>
      </c>
      <c r="AL5674">
        <v>22</v>
      </c>
      <c r="AM5674">
        <v>22</v>
      </c>
      <c r="AN5674">
        <v>22</v>
      </c>
      <c r="AO5674">
        <v>23</v>
      </c>
      <c r="AP5674">
        <v>23</v>
      </c>
      <c r="AQ5674">
        <v>23</v>
      </c>
    </row>
    <row r="5675" spans="1:43">
      <c r="A5675" t="s">
        <v>3548</v>
      </c>
      <c r="B5675" t="s">
        <v>3549</v>
      </c>
      <c r="C5675" t="s">
        <v>3532</v>
      </c>
      <c r="D5675" t="s">
        <v>3533</v>
      </c>
      <c r="E5675" t="s">
        <v>3352</v>
      </c>
      <c r="F5675" t="s">
        <v>3353</v>
      </c>
      <c r="G5675" t="s">
        <v>80</v>
      </c>
      <c r="H5675" t="s">
        <v>81</v>
      </c>
      <c r="I5675" s="2">
        <v>0</v>
      </c>
      <c r="J5675" s="2">
        <v>1</v>
      </c>
      <c r="K5675" s="2">
        <v>0</v>
      </c>
      <c r="L5675" t="s">
        <v>82</v>
      </c>
      <c r="M5675" t="s">
        <v>87</v>
      </c>
      <c r="N5675" t="s">
        <v>88</v>
      </c>
      <c r="O5675" t="s">
        <v>85</v>
      </c>
      <c r="P5675" t="s">
        <v>86</v>
      </c>
      <c r="Q5675">
        <v>14</v>
      </c>
      <c r="R5675">
        <v>14</v>
      </c>
      <c r="S5675">
        <v>15</v>
      </c>
      <c r="T5675">
        <v>15</v>
      </c>
      <c r="U5675">
        <v>15</v>
      </c>
      <c r="V5675">
        <v>15</v>
      </c>
      <c r="W5675">
        <v>15</v>
      </c>
      <c r="X5675">
        <v>16</v>
      </c>
      <c r="Y5675">
        <v>16</v>
      </c>
      <c r="Z5675">
        <v>16</v>
      </c>
      <c r="AA5675">
        <v>16</v>
      </c>
      <c r="AB5675">
        <v>17</v>
      </c>
      <c r="AC5675">
        <v>17</v>
      </c>
      <c r="AD5675">
        <v>17</v>
      </c>
      <c r="AE5675">
        <v>17</v>
      </c>
      <c r="AF5675">
        <v>17</v>
      </c>
      <c r="AG5675">
        <v>18</v>
      </c>
      <c r="AH5675">
        <v>18</v>
      </c>
      <c r="AI5675">
        <v>18</v>
      </c>
      <c r="AJ5675">
        <v>18</v>
      </c>
      <c r="AK5675">
        <v>19</v>
      </c>
      <c r="AL5675">
        <v>19</v>
      </c>
      <c r="AM5675">
        <v>19</v>
      </c>
      <c r="AN5675">
        <v>19</v>
      </c>
      <c r="AO5675">
        <v>20</v>
      </c>
      <c r="AP5675">
        <v>20</v>
      </c>
      <c r="AQ5675">
        <v>20</v>
      </c>
    </row>
    <row r="5676" spans="1:43">
      <c r="A5676" t="s">
        <v>3548</v>
      </c>
      <c r="B5676" t="s">
        <v>3549</v>
      </c>
      <c r="C5676" t="s">
        <v>3532</v>
      </c>
      <c r="D5676" t="s">
        <v>3533</v>
      </c>
      <c r="E5676" t="s">
        <v>3352</v>
      </c>
      <c r="F5676" t="s">
        <v>3353</v>
      </c>
      <c r="G5676" t="s">
        <v>80</v>
      </c>
      <c r="H5676" t="s">
        <v>81</v>
      </c>
      <c r="I5676" s="2">
        <v>0</v>
      </c>
      <c r="J5676" s="2">
        <v>1</v>
      </c>
      <c r="K5676" s="2">
        <v>0</v>
      </c>
      <c r="L5676" t="s">
        <v>82</v>
      </c>
      <c r="M5676" t="s">
        <v>89</v>
      </c>
      <c r="N5676" t="s">
        <v>90</v>
      </c>
      <c r="O5676" t="s">
        <v>85</v>
      </c>
      <c r="P5676" t="s">
        <v>86</v>
      </c>
      <c r="Q5676">
        <v>14</v>
      </c>
      <c r="R5676">
        <v>15</v>
      </c>
      <c r="S5676">
        <v>15</v>
      </c>
      <c r="T5676">
        <v>16</v>
      </c>
      <c r="U5676">
        <v>16</v>
      </c>
      <c r="V5676">
        <v>17</v>
      </c>
      <c r="W5676">
        <v>17</v>
      </c>
      <c r="X5676">
        <v>18</v>
      </c>
      <c r="Y5676">
        <v>18</v>
      </c>
      <c r="Z5676">
        <v>19</v>
      </c>
      <c r="AA5676">
        <v>19</v>
      </c>
      <c r="AB5676">
        <v>19</v>
      </c>
      <c r="AC5676">
        <v>20</v>
      </c>
      <c r="AD5676">
        <v>20</v>
      </c>
      <c r="AE5676">
        <v>21</v>
      </c>
      <c r="AF5676">
        <v>21</v>
      </c>
      <c r="AG5676">
        <v>21</v>
      </c>
      <c r="AH5676">
        <v>21</v>
      </c>
      <c r="AI5676">
        <v>21</v>
      </c>
      <c r="AJ5676">
        <v>22</v>
      </c>
      <c r="AK5676">
        <v>22</v>
      </c>
      <c r="AL5676">
        <v>22</v>
      </c>
      <c r="AM5676">
        <v>22</v>
      </c>
      <c r="AN5676">
        <v>22</v>
      </c>
      <c r="AO5676">
        <v>23</v>
      </c>
      <c r="AP5676">
        <v>23</v>
      </c>
      <c r="AQ5676">
        <v>23</v>
      </c>
    </row>
    <row r="5677" spans="1:43">
      <c r="A5677" t="s">
        <v>3548</v>
      </c>
      <c r="B5677" t="s">
        <v>3549</v>
      </c>
      <c r="C5677" t="s">
        <v>3532</v>
      </c>
      <c r="D5677" t="s">
        <v>3533</v>
      </c>
      <c r="E5677" t="s">
        <v>3352</v>
      </c>
      <c r="F5677" t="s">
        <v>3353</v>
      </c>
      <c r="G5677" t="s">
        <v>80</v>
      </c>
      <c r="H5677" t="s">
        <v>81</v>
      </c>
      <c r="I5677" s="2">
        <v>0</v>
      </c>
      <c r="J5677" s="2">
        <v>1</v>
      </c>
      <c r="K5677" s="2">
        <v>0</v>
      </c>
      <c r="L5677" t="s">
        <v>82</v>
      </c>
      <c r="M5677" t="s">
        <v>83</v>
      </c>
      <c r="N5677" t="s">
        <v>91</v>
      </c>
      <c r="O5677" t="s">
        <v>85</v>
      </c>
      <c r="P5677" t="s">
        <v>86</v>
      </c>
      <c r="Q5677">
        <v>14</v>
      </c>
      <c r="R5677">
        <v>15</v>
      </c>
      <c r="S5677">
        <v>15</v>
      </c>
      <c r="T5677">
        <v>15</v>
      </c>
      <c r="U5677">
        <v>16</v>
      </c>
      <c r="V5677">
        <v>16</v>
      </c>
      <c r="W5677">
        <v>16</v>
      </c>
      <c r="X5677">
        <v>17</v>
      </c>
      <c r="Y5677">
        <v>17</v>
      </c>
      <c r="Z5677">
        <v>18</v>
      </c>
      <c r="AA5677">
        <v>18</v>
      </c>
      <c r="AB5677">
        <v>18</v>
      </c>
      <c r="AC5677">
        <v>19</v>
      </c>
      <c r="AD5677">
        <v>19</v>
      </c>
      <c r="AE5677">
        <v>19</v>
      </c>
      <c r="AF5677">
        <v>20</v>
      </c>
      <c r="AG5677">
        <v>20</v>
      </c>
      <c r="AH5677">
        <v>21</v>
      </c>
      <c r="AI5677">
        <v>21</v>
      </c>
      <c r="AJ5677">
        <v>21</v>
      </c>
      <c r="AK5677">
        <v>22</v>
      </c>
      <c r="AL5677">
        <v>22</v>
      </c>
      <c r="AM5677">
        <v>22</v>
      </c>
      <c r="AN5677">
        <v>22</v>
      </c>
      <c r="AO5677">
        <v>23</v>
      </c>
      <c r="AP5677">
        <v>23</v>
      </c>
      <c r="AQ5677">
        <v>23</v>
      </c>
    </row>
    <row r="5678" spans="1:43">
      <c r="A5678" t="s">
        <v>3550</v>
      </c>
      <c r="B5678" t="s">
        <v>3551</v>
      </c>
      <c r="C5678" t="s">
        <v>3532</v>
      </c>
      <c r="D5678" t="s">
        <v>3533</v>
      </c>
      <c r="E5678" t="s">
        <v>3352</v>
      </c>
      <c r="F5678" t="s">
        <v>3353</v>
      </c>
      <c r="G5678" t="s">
        <v>80</v>
      </c>
      <c r="H5678" t="s">
        <v>81</v>
      </c>
      <c r="I5678" s="2">
        <v>0</v>
      </c>
      <c r="J5678" s="2">
        <v>1</v>
      </c>
      <c r="K5678" s="2">
        <v>0</v>
      </c>
      <c r="L5678" t="s">
        <v>82</v>
      </c>
      <c r="M5678" t="s">
        <v>83</v>
      </c>
      <c r="N5678" t="s">
        <v>84</v>
      </c>
      <c r="O5678" t="s">
        <v>85</v>
      </c>
      <c r="P5678" t="s">
        <v>86</v>
      </c>
      <c r="Q5678">
        <v>5</v>
      </c>
      <c r="R5678">
        <v>5</v>
      </c>
      <c r="S5678">
        <v>6</v>
      </c>
      <c r="T5678">
        <v>6</v>
      </c>
      <c r="U5678">
        <v>6</v>
      </c>
      <c r="V5678">
        <v>6</v>
      </c>
      <c r="W5678">
        <v>6</v>
      </c>
      <c r="X5678">
        <v>6</v>
      </c>
      <c r="Y5678">
        <v>6</v>
      </c>
      <c r="Z5678">
        <v>7</v>
      </c>
      <c r="AA5678">
        <v>7</v>
      </c>
      <c r="AB5678">
        <v>7</v>
      </c>
      <c r="AC5678">
        <v>7</v>
      </c>
      <c r="AD5678">
        <v>7</v>
      </c>
      <c r="AE5678">
        <v>7</v>
      </c>
      <c r="AF5678">
        <v>7</v>
      </c>
      <c r="AG5678">
        <v>8</v>
      </c>
      <c r="AH5678">
        <v>8</v>
      </c>
      <c r="AI5678">
        <v>8</v>
      </c>
      <c r="AJ5678">
        <v>8</v>
      </c>
      <c r="AK5678">
        <v>8</v>
      </c>
      <c r="AL5678">
        <v>8</v>
      </c>
      <c r="AM5678">
        <v>8</v>
      </c>
      <c r="AN5678">
        <v>8</v>
      </c>
      <c r="AO5678">
        <v>8</v>
      </c>
      <c r="AP5678">
        <v>9</v>
      </c>
      <c r="AQ5678">
        <v>9</v>
      </c>
    </row>
    <row r="5679" spans="1:43">
      <c r="A5679" t="s">
        <v>3550</v>
      </c>
      <c r="B5679" t="s">
        <v>3551</v>
      </c>
      <c r="C5679" t="s">
        <v>3532</v>
      </c>
      <c r="D5679" t="s">
        <v>3533</v>
      </c>
      <c r="E5679" t="s">
        <v>3352</v>
      </c>
      <c r="F5679" t="s">
        <v>3353</v>
      </c>
      <c r="G5679" t="s">
        <v>80</v>
      </c>
      <c r="H5679" t="s">
        <v>81</v>
      </c>
      <c r="I5679" s="2">
        <v>0</v>
      </c>
      <c r="J5679" s="2">
        <v>1</v>
      </c>
      <c r="K5679" s="2">
        <v>0</v>
      </c>
      <c r="L5679" t="s">
        <v>82</v>
      </c>
      <c r="M5679" t="s">
        <v>87</v>
      </c>
      <c r="N5679" t="s">
        <v>88</v>
      </c>
      <c r="O5679" t="s">
        <v>85</v>
      </c>
      <c r="P5679" t="s">
        <v>86</v>
      </c>
      <c r="Q5679">
        <v>5</v>
      </c>
      <c r="R5679">
        <v>5</v>
      </c>
      <c r="S5679">
        <v>5</v>
      </c>
      <c r="T5679">
        <v>6</v>
      </c>
      <c r="U5679">
        <v>6</v>
      </c>
      <c r="V5679">
        <v>6</v>
      </c>
      <c r="W5679">
        <v>6</v>
      </c>
      <c r="X5679">
        <v>6</v>
      </c>
      <c r="Y5679">
        <v>6</v>
      </c>
      <c r="Z5679">
        <v>6</v>
      </c>
      <c r="AA5679">
        <v>6</v>
      </c>
      <c r="AB5679">
        <v>6</v>
      </c>
      <c r="AC5679">
        <v>6</v>
      </c>
      <c r="AD5679">
        <v>6</v>
      </c>
      <c r="AE5679">
        <v>6</v>
      </c>
      <c r="AF5679">
        <v>7</v>
      </c>
      <c r="AG5679">
        <v>7</v>
      </c>
      <c r="AH5679">
        <v>7</v>
      </c>
      <c r="AI5679">
        <v>7</v>
      </c>
      <c r="AJ5679">
        <v>7</v>
      </c>
      <c r="AK5679">
        <v>7</v>
      </c>
      <c r="AL5679">
        <v>7</v>
      </c>
      <c r="AM5679">
        <v>7</v>
      </c>
      <c r="AN5679">
        <v>7</v>
      </c>
      <c r="AO5679">
        <v>7</v>
      </c>
      <c r="AP5679">
        <v>7</v>
      </c>
      <c r="AQ5679">
        <v>7</v>
      </c>
    </row>
    <row r="5680" spans="1:43">
      <c r="A5680" t="s">
        <v>3550</v>
      </c>
      <c r="B5680" t="s">
        <v>3551</v>
      </c>
      <c r="C5680" t="s">
        <v>3532</v>
      </c>
      <c r="D5680" t="s">
        <v>3533</v>
      </c>
      <c r="E5680" t="s">
        <v>3352</v>
      </c>
      <c r="F5680" t="s">
        <v>3353</v>
      </c>
      <c r="G5680" t="s">
        <v>80</v>
      </c>
      <c r="H5680" t="s">
        <v>81</v>
      </c>
      <c r="I5680" s="2">
        <v>0</v>
      </c>
      <c r="J5680" s="2">
        <v>1</v>
      </c>
      <c r="K5680" s="2">
        <v>0</v>
      </c>
      <c r="L5680" t="s">
        <v>82</v>
      </c>
      <c r="M5680" t="s">
        <v>89</v>
      </c>
      <c r="N5680" t="s">
        <v>90</v>
      </c>
      <c r="O5680" t="s">
        <v>85</v>
      </c>
      <c r="P5680" t="s">
        <v>86</v>
      </c>
      <c r="Q5680">
        <v>5</v>
      </c>
      <c r="R5680">
        <v>6</v>
      </c>
      <c r="S5680">
        <v>6</v>
      </c>
      <c r="T5680">
        <v>6</v>
      </c>
      <c r="U5680">
        <v>6</v>
      </c>
      <c r="V5680">
        <v>6</v>
      </c>
      <c r="W5680">
        <v>6</v>
      </c>
      <c r="X5680">
        <v>7</v>
      </c>
      <c r="Y5680">
        <v>7</v>
      </c>
      <c r="Z5680">
        <v>7</v>
      </c>
      <c r="AA5680">
        <v>7</v>
      </c>
      <c r="AB5680">
        <v>7</v>
      </c>
      <c r="AC5680">
        <v>7</v>
      </c>
      <c r="AD5680">
        <v>8</v>
      </c>
      <c r="AE5680">
        <v>8</v>
      </c>
      <c r="AF5680">
        <v>8</v>
      </c>
      <c r="AG5680">
        <v>8</v>
      </c>
      <c r="AH5680">
        <v>8</v>
      </c>
      <c r="AI5680">
        <v>8</v>
      </c>
      <c r="AJ5680">
        <v>8</v>
      </c>
      <c r="AK5680">
        <v>8</v>
      </c>
      <c r="AL5680">
        <v>8</v>
      </c>
      <c r="AM5680">
        <v>8</v>
      </c>
      <c r="AN5680">
        <v>8</v>
      </c>
      <c r="AO5680">
        <v>9</v>
      </c>
      <c r="AP5680">
        <v>9</v>
      </c>
      <c r="AQ5680">
        <v>9</v>
      </c>
    </row>
    <row r="5681" spans="1:43">
      <c r="A5681" t="s">
        <v>3550</v>
      </c>
      <c r="B5681" t="s">
        <v>3551</v>
      </c>
      <c r="C5681" t="s">
        <v>3532</v>
      </c>
      <c r="D5681" t="s">
        <v>3533</v>
      </c>
      <c r="E5681" t="s">
        <v>3352</v>
      </c>
      <c r="F5681" t="s">
        <v>3353</v>
      </c>
      <c r="G5681" t="s">
        <v>80</v>
      </c>
      <c r="H5681" t="s">
        <v>81</v>
      </c>
      <c r="I5681" s="2">
        <v>0</v>
      </c>
      <c r="J5681" s="2">
        <v>1</v>
      </c>
      <c r="K5681" s="2">
        <v>0</v>
      </c>
      <c r="L5681" t="s">
        <v>82</v>
      </c>
      <c r="M5681" t="s">
        <v>83</v>
      </c>
      <c r="N5681" t="s">
        <v>91</v>
      </c>
      <c r="O5681" t="s">
        <v>85</v>
      </c>
      <c r="P5681" t="s">
        <v>86</v>
      </c>
      <c r="Q5681">
        <v>5</v>
      </c>
      <c r="R5681">
        <v>5</v>
      </c>
      <c r="S5681">
        <v>6</v>
      </c>
      <c r="T5681">
        <v>6</v>
      </c>
      <c r="U5681">
        <v>6</v>
      </c>
      <c r="V5681">
        <v>6</v>
      </c>
      <c r="W5681">
        <v>6</v>
      </c>
      <c r="X5681">
        <v>6</v>
      </c>
      <c r="Y5681">
        <v>6</v>
      </c>
      <c r="Z5681">
        <v>7</v>
      </c>
      <c r="AA5681">
        <v>7</v>
      </c>
      <c r="AB5681">
        <v>7</v>
      </c>
      <c r="AC5681">
        <v>7</v>
      </c>
      <c r="AD5681">
        <v>7</v>
      </c>
      <c r="AE5681">
        <v>7</v>
      </c>
      <c r="AF5681">
        <v>7</v>
      </c>
      <c r="AG5681">
        <v>8</v>
      </c>
      <c r="AH5681">
        <v>8</v>
      </c>
      <c r="AI5681">
        <v>8</v>
      </c>
      <c r="AJ5681">
        <v>8</v>
      </c>
      <c r="AK5681">
        <v>8</v>
      </c>
      <c r="AL5681">
        <v>8</v>
      </c>
      <c r="AM5681">
        <v>8</v>
      </c>
      <c r="AN5681">
        <v>8</v>
      </c>
      <c r="AO5681">
        <v>8</v>
      </c>
      <c r="AP5681">
        <v>9</v>
      </c>
      <c r="AQ5681">
        <v>9</v>
      </c>
    </row>
    <row r="5682" spans="1:43">
      <c r="A5682" t="s">
        <v>3552</v>
      </c>
      <c r="B5682" t="s">
        <v>3553</v>
      </c>
      <c r="C5682" t="s">
        <v>3554</v>
      </c>
      <c r="D5682" t="s">
        <v>3555</v>
      </c>
      <c r="E5682" t="s">
        <v>3352</v>
      </c>
      <c r="F5682" t="s">
        <v>3353</v>
      </c>
      <c r="G5682" t="s">
        <v>80</v>
      </c>
      <c r="H5682" t="s">
        <v>81</v>
      </c>
      <c r="I5682" s="2">
        <v>0</v>
      </c>
      <c r="J5682" s="2">
        <v>1</v>
      </c>
      <c r="K5682" s="2">
        <v>0</v>
      </c>
      <c r="L5682" t="s">
        <v>82</v>
      </c>
      <c r="M5682" t="s">
        <v>83</v>
      </c>
      <c r="N5682" t="s">
        <v>84</v>
      </c>
      <c r="O5682" t="s">
        <v>85</v>
      </c>
      <c r="P5682" t="s">
        <v>86</v>
      </c>
      <c r="Q5682">
        <v>45</v>
      </c>
      <c r="R5682">
        <v>46</v>
      </c>
      <c r="S5682">
        <v>47</v>
      </c>
      <c r="T5682">
        <v>48</v>
      </c>
      <c r="U5682">
        <v>49</v>
      </c>
      <c r="V5682">
        <v>50</v>
      </c>
      <c r="W5682">
        <v>51</v>
      </c>
      <c r="X5682">
        <v>53</v>
      </c>
      <c r="Y5682">
        <v>54</v>
      </c>
      <c r="Z5682">
        <v>55</v>
      </c>
      <c r="AA5682">
        <v>56</v>
      </c>
      <c r="AB5682">
        <v>57</v>
      </c>
      <c r="AC5682">
        <v>58</v>
      </c>
      <c r="AD5682">
        <v>60</v>
      </c>
      <c r="AE5682">
        <v>61</v>
      </c>
      <c r="AF5682">
        <v>62</v>
      </c>
      <c r="AG5682">
        <v>63</v>
      </c>
      <c r="AH5682">
        <v>64</v>
      </c>
      <c r="AI5682">
        <v>66</v>
      </c>
      <c r="AJ5682">
        <v>67</v>
      </c>
      <c r="AK5682">
        <v>68</v>
      </c>
      <c r="AL5682">
        <v>69</v>
      </c>
      <c r="AM5682">
        <v>70</v>
      </c>
      <c r="AN5682">
        <v>70</v>
      </c>
      <c r="AO5682">
        <v>71</v>
      </c>
      <c r="AP5682">
        <v>72</v>
      </c>
      <c r="AQ5682">
        <v>72</v>
      </c>
    </row>
    <row r="5683" spans="1:43">
      <c r="A5683" t="s">
        <v>3552</v>
      </c>
      <c r="B5683" t="s">
        <v>3553</v>
      </c>
      <c r="C5683" t="s">
        <v>3554</v>
      </c>
      <c r="D5683" t="s">
        <v>3555</v>
      </c>
      <c r="E5683" t="s">
        <v>3352</v>
      </c>
      <c r="F5683" t="s">
        <v>3353</v>
      </c>
      <c r="G5683" t="s">
        <v>80</v>
      </c>
      <c r="H5683" t="s">
        <v>81</v>
      </c>
      <c r="I5683" s="2">
        <v>0</v>
      </c>
      <c r="J5683" s="2">
        <v>1</v>
      </c>
      <c r="K5683" s="2">
        <v>0</v>
      </c>
      <c r="L5683" t="s">
        <v>82</v>
      </c>
      <c r="M5683" t="s">
        <v>87</v>
      </c>
      <c r="N5683" t="s">
        <v>88</v>
      </c>
      <c r="O5683" t="s">
        <v>85</v>
      </c>
      <c r="P5683" t="s">
        <v>86</v>
      </c>
      <c r="Q5683">
        <v>45</v>
      </c>
      <c r="R5683">
        <v>46</v>
      </c>
      <c r="S5683">
        <v>47</v>
      </c>
      <c r="T5683">
        <v>47</v>
      </c>
      <c r="U5683">
        <v>48</v>
      </c>
      <c r="V5683">
        <v>49</v>
      </c>
      <c r="W5683">
        <v>49</v>
      </c>
      <c r="X5683">
        <v>50</v>
      </c>
      <c r="Y5683">
        <v>51</v>
      </c>
      <c r="Z5683">
        <v>51</v>
      </c>
      <c r="AA5683">
        <v>52</v>
      </c>
      <c r="AB5683">
        <v>53</v>
      </c>
      <c r="AC5683">
        <v>53</v>
      </c>
      <c r="AD5683">
        <v>54</v>
      </c>
      <c r="AE5683">
        <v>55</v>
      </c>
      <c r="AF5683">
        <v>55</v>
      </c>
      <c r="AG5683">
        <v>56</v>
      </c>
      <c r="AH5683">
        <v>57</v>
      </c>
      <c r="AI5683">
        <v>58</v>
      </c>
      <c r="AJ5683">
        <v>58</v>
      </c>
      <c r="AK5683">
        <v>59</v>
      </c>
      <c r="AL5683">
        <v>60</v>
      </c>
      <c r="AM5683">
        <v>61</v>
      </c>
      <c r="AN5683">
        <v>61</v>
      </c>
      <c r="AO5683">
        <v>62</v>
      </c>
      <c r="AP5683">
        <v>63</v>
      </c>
      <c r="AQ5683">
        <v>64</v>
      </c>
    </row>
    <row r="5684" spans="1:43">
      <c r="A5684" t="s">
        <v>3552</v>
      </c>
      <c r="B5684" t="s">
        <v>3553</v>
      </c>
      <c r="C5684" t="s">
        <v>3554</v>
      </c>
      <c r="D5684" t="s">
        <v>3555</v>
      </c>
      <c r="E5684" t="s">
        <v>3352</v>
      </c>
      <c r="F5684" t="s">
        <v>3353</v>
      </c>
      <c r="G5684" t="s">
        <v>80</v>
      </c>
      <c r="H5684" t="s">
        <v>81</v>
      </c>
      <c r="I5684" s="2">
        <v>0</v>
      </c>
      <c r="J5684" s="2">
        <v>1</v>
      </c>
      <c r="K5684" s="2">
        <v>0</v>
      </c>
      <c r="L5684" t="s">
        <v>82</v>
      </c>
      <c r="M5684" t="s">
        <v>89</v>
      </c>
      <c r="N5684" t="s">
        <v>90</v>
      </c>
      <c r="O5684" t="s">
        <v>85</v>
      </c>
      <c r="P5684" t="s">
        <v>86</v>
      </c>
      <c r="Q5684">
        <v>45</v>
      </c>
      <c r="R5684">
        <v>47</v>
      </c>
      <c r="S5684">
        <v>48</v>
      </c>
      <c r="T5684">
        <v>50</v>
      </c>
      <c r="U5684">
        <v>51</v>
      </c>
      <c r="V5684">
        <v>53</v>
      </c>
      <c r="W5684">
        <v>54</v>
      </c>
      <c r="X5684">
        <v>56</v>
      </c>
      <c r="Y5684">
        <v>57</v>
      </c>
      <c r="Z5684">
        <v>58</v>
      </c>
      <c r="AA5684">
        <v>60</v>
      </c>
      <c r="AB5684">
        <v>61</v>
      </c>
      <c r="AC5684">
        <v>63</v>
      </c>
      <c r="AD5684">
        <v>64</v>
      </c>
      <c r="AE5684">
        <v>65</v>
      </c>
      <c r="AF5684">
        <v>66</v>
      </c>
      <c r="AG5684">
        <v>67</v>
      </c>
      <c r="AH5684">
        <v>67</v>
      </c>
      <c r="AI5684">
        <v>68</v>
      </c>
      <c r="AJ5684">
        <v>69</v>
      </c>
      <c r="AK5684">
        <v>69</v>
      </c>
      <c r="AL5684">
        <v>70</v>
      </c>
      <c r="AM5684">
        <v>70</v>
      </c>
      <c r="AN5684">
        <v>71</v>
      </c>
      <c r="AO5684">
        <v>72</v>
      </c>
      <c r="AP5684">
        <v>72</v>
      </c>
      <c r="AQ5684">
        <v>73</v>
      </c>
    </row>
    <row r="5685" spans="1:43">
      <c r="A5685" t="s">
        <v>3552</v>
      </c>
      <c r="B5685" t="s">
        <v>3553</v>
      </c>
      <c r="C5685" t="s">
        <v>3554</v>
      </c>
      <c r="D5685" t="s">
        <v>3555</v>
      </c>
      <c r="E5685" t="s">
        <v>3352</v>
      </c>
      <c r="F5685" t="s">
        <v>3353</v>
      </c>
      <c r="G5685" t="s">
        <v>80</v>
      </c>
      <c r="H5685" t="s">
        <v>81</v>
      </c>
      <c r="I5685" s="2">
        <v>0</v>
      </c>
      <c r="J5685" s="2">
        <v>1</v>
      </c>
      <c r="K5685" s="2">
        <v>0</v>
      </c>
      <c r="L5685" t="s">
        <v>82</v>
      </c>
      <c r="M5685" t="s">
        <v>83</v>
      </c>
      <c r="N5685" t="s">
        <v>91</v>
      </c>
      <c r="O5685" t="s">
        <v>85</v>
      </c>
      <c r="P5685" t="s">
        <v>86</v>
      </c>
      <c r="Q5685">
        <v>45</v>
      </c>
      <c r="R5685">
        <v>46</v>
      </c>
      <c r="S5685">
        <v>47</v>
      </c>
      <c r="T5685">
        <v>48</v>
      </c>
      <c r="U5685">
        <v>49</v>
      </c>
      <c r="V5685">
        <v>50</v>
      </c>
      <c r="W5685">
        <v>51</v>
      </c>
      <c r="X5685">
        <v>53</v>
      </c>
      <c r="Y5685">
        <v>54</v>
      </c>
      <c r="Z5685">
        <v>55</v>
      </c>
      <c r="AA5685">
        <v>56</v>
      </c>
      <c r="AB5685">
        <v>57</v>
      </c>
      <c r="AC5685">
        <v>58</v>
      </c>
      <c r="AD5685">
        <v>60</v>
      </c>
      <c r="AE5685">
        <v>61</v>
      </c>
      <c r="AF5685">
        <v>62</v>
      </c>
      <c r="AG5685">
        <v>63</v>
      </c>
      <c r="AH5685">
        <v>64</v>
      </c>
      <c r="AI5685">
        <v>66</v>
      </c>
      <c r="AJ5685">
        <v>67</v>
      </c>
      <c r="AK5685">
        <v>68</v>
      </c>
      <c r="AL5685">
        <v>69</v>
      </c>
      <c r="AM5685">
        <v>70</v>
      </c>
      <c r="AN5685">
        <v>70</v>
      </c>
      <c r="AO5685">
        <v>71</v>
      </c>
      <c r="AP5685">
        <v>72</v>
      </c>
      <c r="AQ5685">
        <v>72</v>
      </c>
    </row>
    <row r="5686" spans="1:43">
      <c r="A5686" t="s">
        <v>3556</v>
      </c>
      <c r="B5686" t="s">
        <v>3557</v>
      </c>
      <c r="C5686" t="s">
        <v>3554</v>
      </c>
      <c r="D5686" t="s">
        <v>3555</v>
      </c>
      <c r="E5686" t="s">
        <v>3352</v>
      </c>
      <c r="F5686" t="s">
        <v>3353</v>
      </c>
      <c r="G5686" t="s">
        <v>80</v>
      </c>
      <c r="H5686" t="s">
        <v>81</v>
      </c>
      <c r="I5686" s="2">
        <v>0</v>
      </c>
      <c r="J5686" s="2">
        <v>1</v>
      </c>
      <c r="K5686" s="2">
        <v>0</v>
      </c>
      <c r="L5686" t="s">
        <v>82</v>
      </c>
      <c r="M5686" t="s">
        <v>83</v>
      </c>
      <c r="N5686" t="s">
        <v>84</v>
      </c>
      <c r="O5686" t="s">
        <v>85</v>
      </c>
      <c r="P5686" t="s">
        <v>86</v>
      </c>
      <c r="Q5686">
        <v>56</v>
      </c>
      <c r="R5686">
        <v>57</v>
      </c>
      <c r="S5686">
        <v>58</v>
      </c>
      <c r="T5686">
        <v>60</v>
      </c>
      <c r="U5686">
        <v>61</v>
      </c>
      <c r="V5686">
        <v>62</v>
      </c>
      <c r="W5686">
        <v>64</v>
      </c>
      <c r="X5686">
        <v>65</v>
      </c>
      <c r="Y5686">
        <v>67</v>
      </c>
      <c r="Z5686">
        <v>68</v>
      </c>
      <c r="AA5686">
        <v>70</v>
      </c>
      <c r="AB5686">
        <v>71</v>
      </c>
      <c r="AC5686">
        <v>72</v>
      </c>
      <c r="AD5686">
        <v>74</v>
      </c>
      <c r="AE5686">
        <v>75</v>
      </c>
      <c r="AF5686">
        <v>77</v>
      </c>
      <c r="AG5686">
        <v>79</v>
      </c>
      <c r="AH5686">
        <v>80</v>
      </c>
      <c r="AI5686">
        <v>82</v>
      </c>
      <c r="AJ5686">
        <v>83</v>
      </c>
      <c r="AK5686">
        <v>85</v>
      </c>
      <c r="AL5686">
        <v>86</v>
      </c>
      <c r="AM5686">
        <v>87</v>
      </c>
      <c r="AN5686">
        <v>87</v>
      </c>
      <c r="AO5686">
        <v>88</v>
      </c>
      <c r="AP5686">
        <v>89</v>
      </c>
      <c r="AQ5686">
        <v>90</v>
      </c>
    </row>
    <row r="5687" spans="1:43">
      <c r="A5687" t="s">
        <v>3556</v>
      </c>
      <c r="B5687" t="s">
        <v>3557</v>
      </c>
      <c r="C5687" t="s">
        <v>3554</v>
      </c>
      <c r="D5687" t="s">
        <v>3555</v>
      </c>
      <c r="E5687" t="s">
        <v>3352</v>
      </c>
      <c r="F5687" t="s">
        <v>3353</v>
      </c>
      <c r="G5687" t="s">
        <v>80</v>
      </c>
      <c r="H5687" t="s">
        <v>81</v>
      </c>
      <c r="I5687" s="2">
        <v>0</v>
      </c>
      <c r="J5687" s="2">
        <v>1</v>
      </c>
      <c r="K5687" s="2">
        <v>0</v>
      </c>
      <c r="L5687" t="s">
        <v>82</v>
      </c>
      <c r="M5687" t="s">
        <v>87</v>
      </c>
      <c r="N5687" t="s">
        <v>88</v>
      </c>
      <c r="O5687" t="s">
        <v>85</v>
      </c>
      <c r="P5687" t="s">
        <v>86</v>
      </c>
      <c r="Q5687">
        <v>56</v>
      </c>
      <c r="R5687">
        <v>57</v>
      </c>
      <c r="S5687">
        <v>58</v>
      </c>
      <c r="T5687">
        <v>59</v>
      </c>
      <c r="U5687">
        <v>59</v>
      </c>
      <c r="V5687">
        <v>60</v>
      </c>
      <c r="W5687">
        <v>61</v>
      </c>
      <c r="X5687">
        <v>62</v>
      </c>
      <c r="Y5687">
        <v>63</v>
      </c>
      <c r="Z5687">
        <v>63</v>
      </c>
      <c r="AA5687">
        <v>64</v>
      </c>
      <c r="AB5687">
        <v>65</v>
      </c>
      <c r="AC5687">
        <v>66</v>
      </c>
      <c r="AD5687">
        <v>67</v>
      </c>
      <c r="AE5687">
        <v>68</v>
      </c>
      <c r="AF5687">
        <v>69</v>
      </c>
      <c r="AG5687">
        <v>70</v>
      </c>
      <c r="AH5687">
        <v>70</v>
      </c>
      <c r="AI5687">
        <v>71</v>
      </c>
      <c r="AJ5687">
        <v>72</v>
      </c>
      <c r="AK5687">
        <v>73</v>
      </c>
      <c r="AL5687">
        <v>74</v>
      </c>
      <c r="AM5687">
        <v>75</v>
      </c>
      <c r="AN5687">
        <v>76</v>
      </c>
      <c r="AO5687">
        <v>77</v>
      </c>
      <c r="AP5687">
        <v>78</v>
      </c>
      <c r="AQ5687">
        <v>79</v>
      </c>
    </row>
    <row r="5688" spans="1:43">
      <c r="A5688" t="s">
        <v>3556</v>
      </c>
      <c r="B5688" t="s">
        <v>3557</v>
      </c>
      <c r="C5688" t="s">
        <v>3554</v>
      </c>
      <c r="D5688" t="s">
        <v>3555</v>
      </c>
      <c r="E5688" t="s">
        <v>3352</v>
      </c>
      <c r="F5688" t="s">
        <v>3353</v>
      </c>
      <c r="G5688" t="s">
        <v>80</v>
      </c>
      <c r="H5688" t="s">
        <v>81</v>
      </c>
      <c r="I5688" s="2">
        <v>0</v>
      </c>
      <c r="J5688" s="2">
        <v>1</v>
      </c>
      <c r="K5688" s="2">
        <v>0</v>
      </c>
      <c r="L5688" t="s">
        <v>82</v>
      </c>
      <c r="M5688" t="s">
        <v>89</v>
      </c>
      <c r="N5688" t="s">
        <v>90</v>
      </c>
      <c r="O5688" t="s">
        <v>85</v>
      </c>
      <c r="P5688" t="s">
        <v>86</v>
      </c>
      <c r="Q5688">
        <v>56</v>
      </c>
      <c r="R5688">
        <v>58</v>
      </c>
      <c r="S5688">
        <v>60</v>
      </c>
      <c r="T5688">
        <v>62</v>
      </c>
      <c r="U5688">
        <v>64</v>
      </c>
      <c r="V5688">
        <v>65</v>
      </c>
      <c r="W5688">
        <v>67</v>
      </c>
      <c r="X5688">
        <v>69</v>
      </c>
      <c r="Y5688">
        <v>71</v>
      </c>
      <c r="Z5688">
        <v>72</v>
      </c>
      <c r="AA5688">
        <v>74</v>
      </c>
      <c r="AB5688">
        <v>76</v>
      </c>
      <c r="AC5688">
        <v>78</v>
      </c>
      <c r="AD5688">
        <v>80</v>
      </c>
      <c r="AE5688">
        <v>81</v>
      </c>
      <c r="AF5688">
        <v>82</v>
      </c>
      <c r="AG5688">
        <v>83</v>
      </c>
      <c r="AH5688">
        <v>83</v>
      </c>
      <c r="AI5688">
        <v>84</v>
      </c>
      <c r="AJ5688">
        <v>85</v>
      </c>
      <c r="AK5688">
        <v>86</v>
      </c>
      <c r="AL5688">
        <v>86</v>
      </c>
      <c r="AM5688">
        <v>87</v>
      </c>
      <c r="AN5688">
        <v>88</v>
      </c>
      <c r="AO5688">
        <v>89</v>
      </c>
      <c r="AP5688">
        <v>89</v>
      </c>
      <c r="AQ5688">
        <v>90</v>
      </c>
    </row>
    <row r="5689" spans="1:43">
      <c r="A5689" t="s">
        <v>3556</v>
      </c>
      <c r="B5689" t="s">
        <v>3557</v>
      </c>
      <c r="C5689" t="s">
        <v>3554</v>
      </c>
      <c r="D5689" t="s">
        <v>3555</v>
      </c>
      <c r="E5689" t="s">
        <v>3352</v>
      </c>
      <c r="F5689" t="s">
        <v>3353</v>
      </c>
      <c r="G5689" t="s">
        <v>80</v>
      </c>
      <c r="H5689" t="s">
        <v>81</v>
      </c>
      <c r="I5689" s="2">
        <v>0</v>
      </c>
      <c r="J5689" s="2">
        <v>1</v>
      </c>
      <c r="K5689" s="2">
        <v>0</v>
      </c>
      <c r="L5689" t="s">
        <v>82</v>
      </c>
      <c r="M5689" t="s">
        <v>83</v>
      </c>
      <c r="N5689" t="s">
        <v>91</v>
      </c>
      <c r="O5689" t="s">
        <v>85</v>
      </c>
      <c r="P5689" t="s">
        <v>86</v>
      </c>
      <c r="Q5689">
        <v>56</v>
      </c>
      <c r="R5689">
        <v>57</v>
      </c>
      <c r="S5689">
        <v>58</v>
      </c>
      <c r="T5689">
        <v>60</v>
      </c>
      <c r="U5689">
        <v>61</v>
      </c>
      <c r="V5689">
        <v>62</v>
      </c>
      <c r="W5689">
        <v>64</v>
      </c>
      <c r="X5689">
        <v>65</v>
      </c>
      <c r="Y5689">
        <v>67</v>
      </c>
      <c r="Z5689">
        <v>68</v>
      </c>
      <c r="AA5689">
        <v>70</v>
      </c>
      <c r="AB5689">
        <v>71</v>
      </c>
      <c r="AC5689">
        <v>72</v>
      </c>
      <c r="AD5689">
        <v>74</v>
      </c>
      <c r="AE5689">
        <v>75</v>
      </c>
      <c r="AF5689">
        <v>77</v>
      </c>
      <c r="AG5689">
        <v>79</v>
      </c>
      <c r="AH5689">
        <v>80</v>
      </c>
      <c r="AI5689">
        <v>82</v>
      </c>
      <c r="AJ5689">
        <v>83</v>
      </c>
      <c r="AK5689">
        <v>85</v>
      </c>
      <c r="AL5689">
        <v>86</v>
      </c>
      <c r="AM5689">
        <v>87</v>
      </c>
      <c r="AN5689">
        <v>87</v>
      </c>
      <c r="AO5689">
        <v>88</v>
      </c>
      <c r="AP5689">
        <v>89</v>
      </c>
      <c r="AQ5689">
        <v>90</v>
      </c>
    </row>
    <row r="5690" spans="1:43">
      <c r="A5690" t="s">
        <v>3558</v>
      </c>
      <c r="B5690" t="s">
        <v>3559</v>
      </c>
      <c r="C5690" t="s">
        <v>3560</v>
      </c>
      <c r="D5690" t="s">
        <v>3561</v>
      </c>
      <c r="E5690" t="s">
        <v>3352</v>
      </c>
      <c r="F5690" t="s">
        <v>3353</v>
      </c>
      <c r="G5690" t="s">
        <v>80</v>
      </c>
      <c r="H5690" t="s">
        <v>81</v>
      </c>
      <c r="I5690" s="2">
        <v>0</v>
      </c>
      <c r="J5690" s="2">
        <v>1</v>
      </c>
      <c r="K5690" s="2">
        <v>0</v>
      </c>
      <c r="L5690" t="s">
        <v>82</v>
      </c>
      <c r="M5690" t="s">
        <v>83</v>
      </c>
      <c r="N5690" t="s">
        <v>84</v>
      </c>
      <c r="O5690" t="s">
        <v>85</v>
      </c>
      <c r="P5690" t="s">
        <v>86</v>
      </c>
      <c r="Q5690">
        <v>45</v>
      </c>
      <c r="R5690">
        <v>46</v>
      </c>
      <c r="S5690">
        <v>47</v>
      </c>
      <c r="T5690">
        <v>48</v>
      </c>
      <c r="U5690">
        <v>49</v>
      </c>
      <c r="V5690">
        <v>50</v>
      </c>
      <c r="W5690">
        <v>51</v>
      </c>
      <c r="X5690">
        <v>52</v>
      </c>
      <c r="Y5690">
        <v>54</v>
      </c>
      <c r="Z5690">
        <v>55</v>
      </c>
      <c r="AA5690">
        <v>56</v>
      </c>
      <c r="AB5690">
        <v>57</v>
      </c>
      <c r="AC5690">
        <v>58</v>
      </c>
      <c r="AD5690">
        <v>59</v>
      </c>
      <c r="AE5690">
        <v>61</v>
      </c>
      <c r="AF5690">
        <v>62</v>
      </c>
      <c r="AG5690">
        <v>63</v>
      </c>
      <c r="AH5690">
        <v>64</v>
      </c>
      <c r="AI5690">
        <v>65</v>
      </c>
      <c r="AJ5690">
        <v>67</v>
      </c>
      <c r="AK5690">
        <v>68</v>
      </c>
      <c r="AL5690">
        <v>69</v>
      </c>
      <c r="AM5690">
        <v>69</v>
      </c>
      <c r="AN5690">
        <v>70</v>
      </c>
      <c r="AO5690">
        <v>71</v>
      </c>
      <c r="AP5690">
        <v>71</v>
      </c>
      <c r="AQ5690">
        <v>72</v>
      </c>
    </row>
    <row r="5691" spans="1:43">
      <c r="A5691" t="s">
        <v>3558</v>
      </c>
      <c r="B5691" t="s">
        <v>3559</v>
      </c>
      <c r="C5691" t="s">
        <v>3560</v>
      </c>
      <c r="D5691" t="s">
        <v>3561</v>
      </c>
      <c r="E5691" t="s">
        <v>3352</v>
      </c>
      <c r="F5691" t="s">
        <v>3353</v>
      </c>
      <c r="G5691" t="s">
        <v>80</v>
      </c>
      <c r="H5691" t="s">
        <v>81</v>
      </c>
      <c r="I5691" s="2">
        <v>0</v>
      </c>
      <c r="J5691" s="2">
        <v>1</v>
      </c>
      <c r="K5691" s="2">
        <v>0</v>
      </c>
      <c r="L5691" t="s">
        <v>82</v>
      </c>
      <c r="M5691" t="s">
        <v>87</v>
      </c>
      <c r="N5691" t="s">
        <v>88</v>
      </c>
      <c r="O5691" t="s">
        <v>85</v>
      </c>
      <c r="P5691" t="s">
        <v>86</v>
      </c>
      <c r="Q5691">
        <v>45</v>
      </c>
      <c r="R5691">
        <v>46</v>
      </c>
      <c r="S5691">
        <v>47</v>
      </c>
      <c r="T5691">
        <v>47</v>
      </c>
      <c r="U5691">
        <v>48</v>
      </c>
      <c r="V5691">
        <v>49</v>
      </c>
      <c r="W5691">
        <v>49</v>
      </c>
      <c r="X5691">
        <v>50</v>
      </c>
      <c r="Y5691">
        <v>51</v>
      </c>
      <c r="Z5691">
        <v>51</v>
      </c>
      <c r="AA5691">
        <v>52</v>
      </c>
      <c r="AB5691">
        <v>53</v>
      </c>
      <c r="AC5691">
        <v>53</v>
      </c>
      <c r="AD5691">
        <v>54</v>
      </c>
      <c r="AE5691">
        <v>55</v>
      </c>
      <c r="AF5691">
        <v>55</v>
      </c>
      <c r="AG5691">
        <v>56</v>
      </c>
      <c r="AH5691">
        <v>57</v>
      </c>
      <c r="AI5691">
        <v>57</v>
      </c>
      <c r="AJ5691">
        <v>58</v>
      </c>
      <c r="AK5691">
        <v>59</v>
      </c>
      <c r="AL5691">
        <v>60</v>
      </c>
      <c r="AM5691">
        <v>60</v>
      </c>
      <c r="AN5691">
        <v>61</v>
      </c>
      <c r="AO5691">
        <v>62</v>
      </c>
      <c r="AP5691">
        <v>62</v>
      </c>
      <c r="AQ5691">
        <v>63</v>
      </c>
    </row>
    <row r="5692" spans="1:43">
      <c r="A5692" t="s">
        <v>3558</v>
      </c>
      <c r="B5692" t="s">
        <v>3559</v>
      </c>
      <c r="C5692" t="s">
        <v>3560</v>
      </c>
      <c r="D5692" t="s">
        <v>3561</v>
      </c>
      <c r="E5692" t="s">
        <v>3352</v>
      </c>
      <c r="F5692" t="s">
        <v>3353</v>
      </c>
      <c r="G5692" t="s">
        <v>80</v>
      </c>
      <c r="H5692" t="s">
        <v>81</v>
      </c>
      <c r="I5692" s="2">
        <v>0</v>
      </c>
      <c r="J5692" s="2">
        <v>1</v>
      </c>
      <c r="K5692" s="2">
        <v>0</v>
      </c>
      <c r="L5692" t="s">
        <v>82</v>
      </c>
      <c r="M5692" t="s">
        <v>89</v>
      </c>
      <c r="N5692" t="s">
        <v>90</v>
      </c>
      <c r="O5692" t="s">
        <v>85</v>
      </c>
      <c r="P5692" t="s">
        <v>86</v>
      </c>
      <c r="Q5692">
        <v>45</v>
      </c>
      <c r="R5692">
        <v>47</v>
      </c>
      <c r="S5692">
        <v>48</v>
      </c>
      <c r="T5692">
        <v>50</v>
      </c>
      <c r="U5692">
        <v>51</v>
      </c>
      <c r="V5692">
        <v>53</v>
      </c>
      <c r="W5692">
        <v>54</v>
      </c>
      <c r="X5692">
        <v>55</v>
      </c>
      <c r="Y5692">
        <v>57</v>
      </c>
      <c r="Z5692">
        <v>58</v>
      </c>
      <c r="AA5692">
        <v>60</v>
      </c>
      <c r="AB5692">
        <v>61</v>
      </c>
      <c r="AC5692">
        <v>62</v>
      </c>
      <c r="AD5692">
        <v>64</v>
      </c>
      <c r="AE5692">
        <v>65</v>
      </c>
      <c r="AF5692">
        <v>66</v>
      </c>
      <c r="AG5692">
        <v>66</v>
      </c>
      <c r="AH5692">
        <v>67</v>
      </c>
      <c r="AI5692">
        <v>67</v>
      </c>
      <c r="AJ5692">
        <v>68</v>
      </c>
      <c r="AK5692">
        <v>69</v>
      </c>
      <c r="AL5692">
        <v>69</v>
      </c>
      <c r="AM5692">
        <v>70</v>
      </c>
      <c r="AN5692">
        <v>71</v>
      </c>
      <c r="AO5692">
        <v>71</v>
      </c>
      <c r="AP5692">
        <v>72</v>
      </c>
      <c r="AQ5692">
        <v>72</v>
      </c>
    </row>
    <row r="5693" spans="1:43">
      <c r="A5693" t="s">
        <v>3558</v>
      </c>
      <c r="B5693" t="s">
        <v>3559</v>
      </c>
      <c r="C5693" t="s">
        <v>3560</v>
      </c>
      <c r="D5693" t="s">
        <v>3561</v>
      </c>
      <c r="E5693" t="s">
        <v>3352</v>
      </c>
      <c r="F5693" t="s">
        <v>3353</v>
      </c>
      <c r="G5693" t="s">
        <v>80</v>
      </c>
      <c r="H5693" t="s">
        <v>81</v>
      </c>
      <c r="I5693" s="2">
        <v>0</v>
      </c>
      <c r="J5693" s="2">
        <v>1</v>
      </c>
      <c r="K5693" s="2">
        <v>0</v>
      </c>
      <c r="L5693" t="s">
        <v>82</v>
      </c>
      <c r="M5693" t="s">
        <v>83</v>
      </c>
      <c r="N5693" t="s">
        <v>91</v>
      </c>
      <c r="O5693" t="s">
        <v>85</v>
      </c>
      <c r="P5693" t="s">
        <v>86</v>
      </c>
      <c r="Q5693">
        <v>45</v>
      </c>
      <c r="R5693">
        <v>46</v>
      </c>
      <c r="S5693">
        <v>47</v>
      </c>
      <c r="T5693">
        <v>48</v>
      </c>
      <c r="U5693">
        <v>49</v>
      </c>
      <c r="V5693">
        <v>50</v>
      </c>
      <c r="W5693">
        <v>51</v>
      </c>
      <c r="X5693">
        <v>52</v>
      </c>
      <c r="Y5693">
        <v>54</v>
      </c>
      <c r="Z5693">
        <v>55</v>
      </c>
      <c r="AA5693">
        <v>56</v>
      </c>
      <c r="AB5693">
        <v>57</v>
      </c>
      <c r="AC5693">
        <v>58</v>
      </c>
      <c r="AD5693">
        <v>59</v>
      </c>
      <c r="AE5693">
        <v>61</v>
      </c>
      <c r="AF5693">
        <v>62</v>
      </c>
      <c r="AG5693">
        <v>63</v>
      </c>
      <c r="AH5693">
        <v>64</v>
      </c>
      <c r="AI5693">
        <v>65</v>
      </c>
      <c r="AJ5693">
        <v>67</v>
      </c>
      <c r="AK5693">
        <v>68</v>
      </c>
      <c r="AL5693">
        <v>69</v>
      </c>
      <c r="AM5693">
        <v>69</v>
      </c>
      <c r="AN5693">
        <v>70</v>
      </c>
      <c r="AO5693">
        <v>71</v>
      </c>
      <c r="AP5693">
        <v>71</v>
      </c>
      <c r="AQ5693">
        <v>72</v>
      </c>
    </row>
    <row r="5694" spans="1:43">
      <c r="A5694" t="s">
        <v>3562</v>
      </c>
      <c r="B5694" t="s">
        <v>3563</v>
      </c>
      <c r="C5694" t="s">
        <v>3564</v>
      </c>
      <c r="D5694" t="s">
        <v>3565</v>
      </c>
      <c r="E5694" t="s">
        <v>3352</v>
      </c>
      <c r="F5694" t="s">
        <v>3353</v>
      </c>
      <c r="G5694" t="s">
        <v>80</v>
      </c>
      <c r="H5694" t="s">
        <v>81</v>
      </c>
      <c r="I5694" s="2">
        <v>0</v>
      </c>
      <c r="J5694" s="2">
        <v>1</v>
      </c>
      <c r="K5694" s="2">
        <v>0</v>
      </c>
      <c r="L5694" t="s">
        <v>82</v>
      </c>
      <c r="M5694" t="s">
        <v>83</v>
      </c>
      <c r="N5694" t="s">
        <v>84</v>
      </c>
      <c r="O5694" t="s">
        <v>85</v>
      </c>
      <c r="P5694" t="s">
        <v>86</v>
      </c>
      <c r="Q5694">
        <v>47</v>
      </c>
      <c r="R5694">
        <v>48</v>
      </c>
      <c r="S5694">
        <v>49</v>
      </c>
      <c r="T5694">
        <v>50</v>
      </c>
      <c r="U5694">
        <v>52</v>
      </c>
      <c r="V5694">
        <v>53</v>
      </c>
      <c r="W5694">
        <v>54</v>
      </c>
      <c r="X5694">
        <v>55</v>
      </c>
      <c r="Y5694">
        <v>56</v>
      </c>
      <c r="Z5694">
        <v>57</v>
      </c>
      <c r="AA5694">
        <v>59</v>
      </c>
      <c r="AB5694">
        <v>60</v>
      </c>
      <c r="AC5694">
        <v>61</v>
      </c>
      <c r="AD5694">
        <v>62</v>
      </c>
      <c r="AE5694">
        <v>64</v>
      </c>
      <c r="AF5694">
        <v>65</v>
      </c>
      <c r="AG5694">
        <v>66</v>
      </c>
      <c r="AH5694">
        <v>67</v>
      </c>
      <c r="AI5694">
        <v>69</v>
      </c>
      <c r="AJ5694">
        <v>70</v>
      </c>
      <c r="AK5694">
        <v>71</v>
      </c>
      <c r="AL5694">
        <v>72</v>
      </c>
      <c r="AM5694">
        <v>73</v>
      </c>
      <c r="AN5694">
        <v>73</v>
      </c>
      <c r="AO5694">
        <v>74</v>
      </c>
      <c r="AP5694">
        <v>75</v>
      </c>
      <c r="AQ5694">
        <v>75</v>
      </c>
    </row>
    <row r="5695" spans="1:43">
      <c r="A5695" t="s">
        <v>3562</v>
      </c>
      <c r="B5695" t="s">
        <v>3563</v>
      </c>
      <c r="C5695" t="s">
        <v>3564</v>
      </c>
      <c r="D5695" t="s">
        <v>3565</v>
      </c>
      <c r="E5695" t="s">
        <v>3352</v>
      </c>
      <c r="F5695" t="s">
        <v>3353</v>
      </c>
      <c r="G5695" t="s">
        <v>80</v>
      </c>
      <c r="H5695" t="s">
        <v>81</v>
      </c>
      <c r="I5695" s="2">
        <v>0</v>
      </c>
      <c r="J5695" s="2">
        <v>1</v>
      </c>
      <c r="K5695" s="2">
        <v>0</v>
      </c>
      <c r="L5695" t="s">
        <v>82</v>
      </c>
      <c r="M5695" t="s">
        <v>87</v>
      </c>
      <c r="N5695" t="s">
        <v>88</v>
      </c>
      <c r="O5695" t="s">
        <v>85</v>
      </c>
      <c r="P5695" t="s">
        <v>86</v>
      </c>
      <c r="Q5695">
        <v>47</v>
      </c>
      <c r="R5695">
        <v>47</v>
      </c>
      <c r="S5695">
        <v>48</v>
      </c>
      <c r="T5695">
        <v>49</v>
      </c>
      <c r="U5695">
        <v>49</v>
      </c>
      <c r="V5695">
        <v>50</v>
      </c>
      <c r="W5695">
        <v>51</v>
      </c>
      <c r="X5695">
        <v>51</v>
      </c>
      <c r="Y5695">
        <v>52</v>
      </c>
      <c r="Z5695">
        <v>53</v>
      </c>
      <c r="AA5695">
        <v>53</v>
      </c>
      <c r="AB5695">
        <v>54</v>
      </c>
      <c r="AC5695">
        <v>55</v>
      </c>
      <c r="AD5695">
        <v>56</v>
      </c>
      <c r="AE5695">
        <v>56</v>
      </c>
      <c r="AF5695">
        <v>57</v>
      </c>
      <c r="AG5695">
        <v>58</v>
      </c>
      <c r="AH5695">
        <v>59</v>
      </c>
      <c r="AI5695">
        <v>59</v>
      </c>
      <c r="AJ5695">
        <v>60</v>
      </c>
      <c r="AK5695">
        <v>61</v>
      </c>
      <c r="AL5695">
        <v>62</v>
      </c>
      <c r="AM5695">
        <v>62</v>
      </c>
      <c r="AN5695">
        <v>63</v>
      </c>
      <c r="AO5695">
        <v>64</v>
      </c>
      <c r="AP5695">
        <v>65</v>
      </c>
      <c r="AQ5695">
        <v>66</v>
      </c>
    </row>
    <row r="5696" spans="1:43">
      <c r="A5696" t="s">
        <v>3562</v>
      </c>
      <c r="B5696" t="s">
        <v>3563</v>
      </c>
      <c r="C5696" t="s">
        <v>3564</v>
      </c>
      <c r="D5696" t="s">
        <v>3565</v>
      </c>
      <c r="E5696" t="s">
        <v>3352</v>
      </c>
      <c r="F5696" t="s">
        <v>3353</v>
      </c>
      <c r="G5696" t="s">
        <v>80</v>
      </c>
      <c r="H5696" t="s">
        <v>81</v>
      </c>
      <c r="I5696" s="2">
        <v>0</v>
      </c>
      <c r="J5696" s="2">
        <v>1</v>
      </c>
      <c r="K5696" s="2">
        <v>0</v>
      </c>
      <c r="L5696" t="s">
        <v>82</v>
      </c>
      <c r="M5696" t="s">
        <v>89</v>
      </c>
      <c r="N5696" t="s">
        <v>90</v>
      </c>
      <c r="O5696" t="s">
        <v>85</v>
      </c>
      <c r="P5696" t="s">
        <v>86</v>
      </c>
      <c r="Q5696">
        <v>47</v>
      </c>
      <c r="R5696">
        <v>49</v>
      </c>
      <c r="S5696">
        <v>51</v>
      </c>
      <c r="T5696">
        <v>52</v>
      </c>
      <c r="U5696">
        <v>54</v>
      </c>
      <c r="V5696">
        <v>55</v>
      </c>
      <c r="W5696">
        <v>57</v>
      </c>
      <c r="X5696">
        <v>58</v>
      </c>
      <c r="Y5696">
        <v>60</v>
      </c>
      <c r="Z5696">
        <v>61</v>
      </c>
      <c r="AA5696">
        <v>62</v>
      </c>
      <c r="AB5696">
        <v>64</v>
      </c>
      <c r="AC5696">
        <v>65</v>
      </c>
      <c r="AD5696">
        <v>67</v>
      </c>
      <c r="AE5696">
        <v>68</v>
      </c>
      <c r="AF5696">
        <v>69</v>
      </c>
      <c r="AG5696">
        <v>69</v>
      </c>
      <c r="AH5696">
        <v>70</v>
      </c>
      <c r="AI5696">
        <v>71</v>
      </c>
      <c r="AJ5696">
        <v>71</v>
      </c>
      <c r="AK5696">
        <v>72</v>
      </c>
      <c r="AL5696">
        <v>73</v>
      </c>
      <c r="AM5696">
        <v>73</v>
      </c>
      <c r="AN5696">
        <v>74</v>
      </c>
      <c r="AO5696">
        <v>74</v>
      </c>
      <c r="AP5696">
        <v>75</v>
      </c>
      <c r="AQ5696">
        <v>76</v>
      </c>
    </row>
    <row r="5697" spans="1:43">
      <c r="A5697" t="s">
        <v>3562</v>
      </c>
      <c r="B5697" t="s">
        <v>3563</v>
      </c>
      <c r="C5697" t="s">
        <v>3564</v>
      </c>
      <c r="D5697" t="s">
        <v>3565</v>
      </c>
      <c r="E5697" t="s">
        <v>3352</v>
      </c>
      <c r="F5697" t="s">
        <v>3353</v>
      </c>
      <c r="G5697" t="s">
        <v>80</v>
      </c>
      <c r="H5697" t="s">
        <v>81</v>
      </c>
      <c r="I5697" s="2">
        <v>0</v>
      </c>
      <c r="J5697" s="2">
        <v>1</v>
      </c>
      <c r="K5697" s="2">
        <v>0</v>
      </c>
      <c r="L5697" t="s">
        <v>82</v>
      </c>
      <c r="M5697" t="s">
        <v>83</v>
      </c>
      <c r="N5697" t="s">
        <v>91</v>
      </c>
      <c r="O5697" t="s">
        <v>85</v>
      </c>
      <c r="P5697" t="s">
        <v>86</v>
      </c>
      <c r="Q5697">
        <v>47</v>
      </c>
      <c r="R5697">
        <v>48</v>
      </c>
      <c r="S5697">
        <v>49</v>
      </c>
      <c r="T5697">
        <v>50</v>
      </c>
      <c r="U5697">
        <v>52</v>
      </c>
      <c r="V5697">
        <v>53</v>
      </c>
      <c r="W5697">
        <v>54</v>
      </c>
      <c r="X5697">
        <v>55</v>
      </c>
      <c r="Y5697">
        <v>56</v>
      </c>
      <c r="Z5697">
        <v>57</v>
      </c>
      <c r="AA5697">
        <v>59</v>
      </c>
      <c r="AB5697">
        <v>60</v>
      </c>
      <c r="AC5697">
        <v>61</v>
      </c>
      <c r="AD5697">
        <v>62</v>
      </c>
      <c r="AE5697">
        <v>64</v>
      </c>
      <c r="AF5697">
        <v>65</v>
      </c>
      <c r="AG5697">
        <v>66</v>
      </c>
      <c r="AH5697">
        <v>67</v>
      </c>
      <c r="AI5697">
        <v>69</v>
      </c>
      <c r="AJ5697">
        <v>70</v>
      </c>
      <c r="AK5697">
        <v>71</v>
      </c>
      <c r="AL5697">
        <v>72</v>
      </c>
      <c r="AM5697">
        <v>73</v>
      </c>
      <c r="AN5697">
        <v>73</v>
      </c>
      <c r="AO5697">
        <v>74</v>
      </c>
      <c r="AP5697">
        <v>75</v>
      </c>
      <c r="AQ5697">
        <v>75</v>
      </c>
    </row>
    <row r="5698" spans="1:43">
      <c r="A5698" t="s">
        <v>3566</v>
      </c>
      <c r="B5698" t="s">
        <v>3567</v>
      </c>
      <c r="C5698" t="s">
        <v>3564</v>
      </c>
      <c r="D5698" t="s">
        <v>3565</v>
      </c>
      <c r="E5698" t="s">
        <v>3352</v>
      </c>
      <c r="F5698" t="s">
        <v>3353</v>
      </c>
      <c r="G5698" t="s">
        <v>80</v>
      </c>
      <c r="H5698" t="s">
        <v>81</v>
      </c>
      <c r="I5698" s="2">
        <v>0</v>
      </c>
      <c r="J5698" s="2">
        <v>1</v>
      </c>
      <c r="K5698" s="2">
        <v>0</v>
      </c>
      <c r="L5698" t="s">
        <v>82</v>
      </c>
      <c r="M5698" t="s">
        <v>83</v>
      </c>
      <c r="N5698" t="s">
        <v>84</v>
      </c>
      <c r="O5698" t="s">
        <v>85</v>
      </c>
      <c r="P5698" t="s">
        <v>86</v>
      </c>
      <c r="Q5698">
        <v>17</v>
      </c>
      <c r="R5698">
        <v>18</v>
      </c>
      <c r="S5698">
        <v>18</v>
      </c>
      <c r="T5698">
        <v>18</v>
      </c>
      <c r="U5698">
        <v>19</v>
      </c>
      <c r="V5698">
        <v>19</v>
      </c>
      <c r="W5698">
        <v>20</v>
      </c>
      <c r="X5698">
        <v>20</v>
      </c>
      <c r="Y5698">
        <v>21</v>
      </c>
      <c r="Z5698">
        <v>21</v>
      </c>
      <c r="AA5698">
        <v>22</v>
      </c>
      <c r="AB5698">
        <v>22</v>
      </c>
      <c r="AC5698">
        <v>22</v>
      </c>
      <c r="AD5698">
        <v>23</v>
      </c>
      <c r="AE5698">
        <v>23</v>
      </c>
      <c r="AF5698">
        <v>24</v>
      </c>
      <c r="AG5698">
        <v>24</v>
      </c>
      <c r="AH5698">
        <v>25</v>
      </c>
      <c r="AI5698">
        <v>25</v>
      </c>
      <c r="AJ5698">
        <v>26</v>
      </c>
      <c r="AK5698">
        <v>26</v>
      </c>
      <c r="AL5698">
        <v>26</v>
      </c>
      <c r="AM5698">
        <v>27</v>
      </c>
      <c r="AN5698">
        <v>27</v>
      </c>
      <c r="AO5698">
        <v>27</v>
      </c>
      <c r="AP5698">
        <v>27</v>
      </c>
      <c r="AQ5698">
        <v>28</v>
      </c>
    </row>
    <row r="5699" spans="1:43">
      <c r="A5699" t="s">
        <v>3566</v>
      </c>
      <c r="B5699" t="s">
        <v>3567</v>
      </c>
      <c r="C5699" t="s">
        <v>3564</v>
      </c>
      <c r="D5699" t="s">
        <v>3565</v>
      </c>
      <c r="E5699" t="s">
        <v>3352</v>
      </c>
      <c r="F5699" t="s">
        <v>3353</v>
      </c>
      <c r="G5699" t="s">
        <v>80</v>
      </c>
      <c r="H5699" t="s">
        <v>81</v>
      </c>
      <c r="I5699" s="2">
        <v>0</v>
      </c>
      <c r="J5699" s="2">
        <v>1</v>
      </c>
      <c r="K5699" s="2">
        <v>0</v>
      </c>
      <c r="L5699" t="s">
        <v>82</v>
      </c>
      <c r="M5699" t="s">
        <v>87</v>
      </c>
      <c r="N5699" t="s">
        <v>88</v>
      </c>
      <c r="O5699" t="s">
        <v>85</v>
      </c>
      <c r="P5699" t="s">
        <v>86</v>
      </c>
      <c r="Q5699">
        <v>17</v>
      </c>
      <c r="R5699">
        <v>17</v>
      </c>
      <c r="S5699">
        <v>18</v>
      </c>
      <c r="T5699">
        <v>18</v>
      </c>
      <c r="U5699">
        <v>18</v>
      </c>
      <c r="V5699">
        <v>18</v>
      </c>
      <c r="W5699">
        <v>19</v>
      </c>
      <c r="X5699">
        <v>19</v>
      </c>
      <c r="Y5699">
        <v>19</v>
      </c>
      <c r="Z5699">
        <v>19</v>
      </c>
      <c r="AA5699">
        <v>20</v>
      </c>
      <c r="AB5699">
        <v>20</v>
      </c>
      <c r="AC5699">
        <v>20</v>
      </c>
      <c r="AD5699">
        <v>20</v>
      </c>
      <c r="AE5699">
        <v>21</v>
      </c>
      <c r="AF5699">
        <v>21</v>
      </c>
      <c r="AG5699">
        <v>21</v>
      </c>
      <c r="AH5699">
        <v>21</v>
      </c>
      <c r="AI5699">
        <v>22</v>
      </c>
      <c r="AJ5699">
        <v>22</v>
      </c>
      <c r="AK5699">
        <v>22</v>
      </c>
      <c r="AL5699">
        <v>23</v>
      </c>
      <c r="AM5699">
        <v>23</v>
      </c>
      <c r="AN5699">
        <v>23</v>
      </c>
      <c r="AO5699">
        <v>23</v>
      </c>
      <c r="AP5699">
        <v>24</v>
      </c>
      <c r="AQ5699">
        <v>24</v>
      </c>
    </row>
    <row r="5700" spans="1:43">
      <c r="A5700" t="s">
        <v>3566</v>
      </c>
      <c r="B5700" t="s">
        <v>3567</v>
      </c>
      <c r="C5700" t="s">
        <v>3564</v>
      </c>
      <c r="D5700" t="s">
        <v>3565</v>
      </c>
      <c r="E5700" t="s">
        <v>3352</v>
      </c>
      <c r="F5700" t="s">
        <v>3353</v>
      </c>
      <c r="G5700" t="s">
        <v>80</v>
      </c>
      <c r="H5700" t="s">
        <v>81</v>
      </c>
      <c r="I5700" s="2">
        <v>0</v>
      </c>
      <c r="J5700" s="2">
        <v>1</v>
      </c>
      <c r="K5700" s="2">
        <v>0</v>
      </c>
      <c r="L5700" t="s">
        <v>82</v>
      </c>
      <c r="M5700" t="s">
        <v>89</v>
      </c>
      <c r="N5700" t="s">
        <v>90</v>
      </c>
      <c r="O5700" t="s">
        <v>85</v>
      </c>
      <c r="P5700" t="s">
        <v>86</v>
      </c>
      <c r="Q5700">
        <v>17</v>
      </c>
      <c r="R5700">
        <v>18</v>
      </c>
      <c r="S5700">
        <v>19</v>
      </c>
      <c r="T5700">
        <v>19</v>
      </c>
      <c r="U5700">
        <v>20</v>
      </c>
      <c r="V5700">
        <v>20</v>
      </c>
      <c r="W5700">
        <v>21</v>
      </c>
      <c r="X5700">
        <v>21</v>
      </c>
      <c r="Y5700">
        <v>22</v>
      </c>
      <c r="Z5700">
        <v>22</v>
      </c>
      <c r="AA5700">
        <v>23</v>
      </c>
      <c r="AB5700">
        <v>23</v>
      </c>
      <c r="AC5700">
        <v>24</v>
      </c>
      <c r="AD5700">
        <v>25</v>
      </c>
      <c r="AE5700">
        <v>25</v>
      </c>
      <c r="AF5700">
        <v>25</v>
      </c>
      <c r="AG5700">
        <v>25</v>
      </c>
      <c r="AH5700">
        <v>26</v>
      </c>
      <c r="AI5700">
        <v>26</v>
      </c>
      <c r="AJ5700">
        <v>26</v>
      </c>
      <c r="AK5700">
        <v>26</v>
      </c>
      <c r="AL5700">
        <v>27</v>
      </c>
      <c r="AM5700">
        <v>27</v>
      </c>
      <c r="AN5700">
        <v>27</v>
      </c>
      <c r="AO5700">
        <v>27</v>
      </c>
      <c r="AP5700">
        <v>28</v>
      </c>
      <c r="AQ5700">
        <v>28</v>
      </c>
    </row>
    <row r="5701" spans="1:43">
      <c r="A5701" t="s">
        <v>3566</v>
      </c>
      <c r="B5701" t="s">
        <v>3567</v>
      </c>
      <c r="C5701" t="s">
        <v>3564</v>
      </c>
      <c r="D5701" t="s">
        <v>3565</v>
      </c>
      <c r="E5701" t="s">
        <v>3352</v>
      </c>
      <c r="F5701" t="s">
        <v>3353</v>
      </c>
      <c r="G5701" t="s">
        <v>80</v>
      </c>
      <c r="H5701" t="s">
        <v>81</v>
      </c>
      <c r="I5701" s="2">
        <v>0</v>
      </c>
      <c r="J5701" s="2">
        <v>1</v>
      </c>
      <c r="K5701" s="2">
        <v>0</v>
      </c>
      <c r="L5701" t="s">
        <v>82</v>
      </c>
      <c r="M5701" t="s">
        <v>83</v>
      </c>
      <c r="N5701" t="s">
        <v>91</v>
      </c>
      <c r="O5701" t="s">
        <v>85</v>
      </c>
      <c r="P5701" t="s">
        <v>86</v>
      </c>
      <c r="Q5701">
        <v>17</v>
      </c>
      <c r="R5701">
        <v>18</v>
      </c>
      <c r="S5701">
        <v>18</v>
      </c>
      <c r="T5701">
        <v>18</v>
      </c>
      <c r="U5701">
        <v>19</v>
      </c>
      <c r="V5701">
        <v>19</v>
      </c>
      <c r="W5701">
        <v>20</v>
      </c>
      <c r="X5701">
        <v>20</v>
      </c>
      <c r="Y5701">
        <v>21</v>
      </c>
      <c r="Z5701">
        <v>21</v>
      </c>
      <c r="AA5701">
        <v>22</v>
      </c>
      <c r="AB5701">
        <v>22</v>
      </c>
      <c r="AC5701">
        <v>22</v>
      </c>
      <c r="AD5701">
        <v>23</v>
      </c>
      <c r="AE5701">
        <v>23</v>
      </c>
      <c r="AF5701">
        <v>24</v>
      </c>
      <c r="AG5701">
        <v>24</v>
      </c>
      <c r="AH5701">
        <v>25</v>
      </c>
      <c r="AI5701">
        <v>25</v>
      </c>
      <c r="AJ5701">
        <v>26</v>
      </c>
      <c r="AK5701">
        <v>26</v>
      </c>
      <c r="AL5701">
        <v>26</v>
      </c>
      <c r="AM5701">
        <v>27</v>
      </c>
      <c r="AN5701">
        <v>27</v>
      </c>
      <c r="AO5701">
        <v>27</v>
      </c>
      <c r="AP5701">
        <v>27</v>
      </c>
      <c r="AQ5701">
        <v>28</v>
      </c>
    </row>
    <row r="5702" spans="1:43">
      <c r="A5702" t="s">
        <v>3568</v>
      </c>
      <c r="B5702" t="s">
        <v>3569</v>
      </c>
      <c r="C5702" t="s">
        <v>3570</v>
      </c>
      <c r="D5702" t="s">
        <v>3571</v>
      </c>
      <c r="E5702" t="s">
        <v>3352</v>
      </c>
      <c r="F5702" t="s">
        <v>3353</v>
      </c>
      <c r="G5702" t="s">
        <v>80</v>
      </c>
      <c r="H5702" t="s">
        <v>81</v>
      </c>
      <c r="I5702" s="2">
        <v>0</v>
      </c>
      <c r="J5702" s="2">
        <v>1</v>
      </c>
      <c r="K5702" s="2">
        <v>0</v>
      </c>
      <c r="L5702" t="s">
        <v>82</v>
      </c>
      <c r="M5702" t="s">
        <v>83</v>
      </c>
      <c r="N5702" t="s">
        <v>84</v>
      </c>
      <c r="O5702" t="s">
        <v>85</v>
      </c>
      <c r="P5702" t="s">
        <v>86</v>
      </c>
      <c r="Q5702">
        <v>55</v>
      </c>
      <c r="R5702">
        <v>56</v>
      </c>
      <c r="S5702">
        <v>57</v>
      </c>
      <c r="T5702">
        <v>59</v>
      </c>
      <c r="U5702">
        <v>60</v>
      </c>
      <c r="V5702">
        <v>61</v>
      </c>
      <c r="W5702">
        <v>63</v>
      </c>
      <c r="X5702">
        <v>64</v>
      </c>
      <c r="Y5702">
        <v>66</v>
      </c>
      <c r="Z5702">
        <v>67</v>
      </c>
      <c r="AA5702">
        <v>68</v>
      </c>
      <c r="AB5702">
        <v>70</v>
      </c>
      <c r="AC5702">
        <v>71</v>
      </c>
      <c r="AD5702">
        <v>73</v>
      </c>
      <c r="AE5702">
        <v>74</v>
      </c>
      <c r="AF5702">
        <v>76</v>
      </c>
      <c r="AG5702">
        <v>77</v>
      </c>
      <c r="AH5702">
        <v>78</v>
      </c>
      <c r="AI5702">
        <v>80</v>
      </c>
      <c r="AJ5702">
        <v>81</v>
      </c>
      <c r="AK5702">
        <v>83</v>
      </c>
      <c r="AL5702">
        <v>84</v>
      </c>
      <c r="AM5702">
        <v>85</v>
      </c>
      <c r="AN5702">
        <v>86</v>
      </c>
      <c r="AO5702">
        <v>86</v>
      </c>
      <c r="AP5702">
        <v>87</v>
      </c>
      <c r="AQ5702">
        <v>88</v>
      </c>
    </row>
    <row r="5703" spans="1:43">
      <c r="A5703" t="s">
        <v>3568</v>
      </c>
      <c r="B5703" t="s">
        <v>3569</v>
      </c>
      <c r="C5703" t="s">
        <v>3570</v>
      </c>
      <c r="D5703" t="s">
        <v>3571</v>
      </c>
      <c r="E5703" t="s">
        <v>3352</v>
      </c>
      <c r="F5703" t="s">
        <v>3353</v>
      </c>
      <c r="G5703" t="s">
        <v>80</v>
      </c>
      <c r="H5703" t="s">
        <v>81</v>
      </c>
      <c r="I5703" s="2">
        <v>0</v>
      </c>
      <c r="J5703" s="2">
        <v>1</v>
      </c>
      <c r="K5703" s="2">
        <v>0</v>
      </c>
      <c r="L5703" t="s">
        <v>82</v>
      </c>
      <c r="M5703" t="s">
        <v>87</v>
      </c>
      <c r="N5703" t="s">
        <v>88</v>
      </c>
      <c r="O5703" t="s">
        <v>85</v>
      </c>
      <c r="P5703" t="s">
        <v>86</v>
      </c>
      <c r="Q5703">
        <v>55</v>
      </c>
      <c r="R5703">
        <v>56</v>
      </c>
      <c r="S5703">
        <v>57</v>
      </c>
      <c r="T5703">
        <v>58</v>
      </c>
      <c r="U5703">
        <v>58</v>
      </c>
      <c r="V5703">
        <v>59</v>
      </c>
      <c r="W5703">
        <v>60</v>
      </c>
      <c r="X5703">
        <v>61</v>
      </c>
      <c r="Y5703">
        <v>62</v>
      </c>
      <c r="Z5703">
        <v>62</v>
      </c>
      <c r="AA5703">
        <v>63</v>
      </c>
      <c r="AB5703">
        <v>64</v>
      </c>
      <c r="AC5703">
        <v>65</v>
      </c>
      <c r="AD5703">
        <v>66</v>
      </c>
      <c r="AE5703">
        <v>67</v>
      </c>
      <c r="AF5703">
        <v>68</v>
      </c>
      <c r="AG5703">
        <v>68</v>
      </c>
      <c r="AH5703">
        <v>69</v>
      </c>
      <c r="AI5703">
        <v>70</v>
      </c>
      <c r="AJ5703">
        <v>71</v>
      </c>
      <c r="AK5703">
        <v>72</v>
      </c>
      <c r="AL5703">
        <v>73</v>
      </c>
      <c r="AM5703">
        <v>74</v>
      </c>
      <c r="AN5703">
        <v>75</v>
      </c>
      <c r="AO5703">
        <v>76</v>
      </c>
      <c r="AP5703">
        <v>76</v>
      </c>
      <c r="AQ5703">
        <v>77</v>
      </c>
    </row>
    <row r="5704" spans="1:43">
      <c r="A5704" t="s">
        <v>3568</v>
      </c>
      <c r="B5704" t="s">
        <v>3569</v>
      </c>
      <c r="C5704" t="s">
        <v>3570</v>
      </c>
      <c r="D5704" t="s">
        <v>3571</v>
      </c>
      <c r="E5704" t="s">
        <v>3352</v>
      </c>
      <c r="F5704" t="s">
        <v>3353</v>
      </c>
      <c r="G5704" t="s">
        <v>80</v>
      </c>
      <c r="H5704" t="s">
        <v>81</v>
      </c>
      <c r="I5704" s="2">
        <v>0</v>
      </c>
      <c r="J5704" s="2">
        <v>1</v>
      </c>
      <c r="K5704" s="2">
        <v>0</v>
      </c>
      <c r="L5704" t="s">
        <v>82</v>
      </c>
      <c r="M5704" t="s">
        <v>89</v>
      </c>
      <c r="N5704" t="s">
        <v>90</v>
      </c>
      <c r="O5704" t="s">
        <v>85</v>
      </c>
      <c r="P5704" t="s">
        <v>86</v>
      </c>
      <c r="Q5704">
        <v>55</v>
      </c>
      <c r="R5704">
        <v>57</v>
      </c>
      <c r="S5704">
        <v>59</v>
      </c>
      <c r="T5704">
        <v>61</v>
      </c>
      <c r="U5704">
        <v>62</v>
      </c>
      <c r="V5704">
        <v>64</v>
      </c>
      <c r="W5704">
        <v>66</v>
      </c>
      <c r="X5704">
        <v>68</v>
      </c>
      <c r="Y5704">
        <v>69</v>
      </c>
      <c r="Z5704">
        <v>71</v>
      </c>
      <c r="AA5704">
        <v>73</v>
      </c>
      <c r="AB5704">
        <v>74</v>
      </c>
      <c r="AC5704">
        <v>76</v>
      </c>
      <c r="AD5704">
        <v>78</v>
      </c>
      <c r="AE5704">
        <v>79</v>
      </c>
      <c r="AF5704">
        <v>80</v>
      </c>
      <c r="AG5704">
        <v>81</v>
      </c>
      <c r="AH5704">
        <v>82</v>
      </c>
      <c r="AI5704">
        <v>82</v>
      </c>
      <c r="AJ5704">
        <v>83</v>
      </c>
      <c r="AK5704">
        <v>84</v>
      </c>
      <c r="AL5704">
        <v>85</v>
      </c>
      <c r="AM5704">
        <v>85</v>
      </c>
      <c r="AN5704">
        <v>86</v>
      </c>
      <c r="AO5704">
        <v>87</v>
      </c>
      <c r="AP5704">
        <v>88</v>
      </c>
      <c r="AQ5704">
        <v>88</v>
      </c>
    </row>
    <row r="5705" spans="1:43">
      <c r="A5705" t="s">
        <v>3568</v>
      </c>
      <c r="B5705" t="s">
        <v>3569</v>
      </c>
      <c r="C5705" t="s">
        <v>3570</v>
      </c>
      <c r="D5705" t="s">
        <v>3571</v>
      </c>
      <c r="E5705" t="s">
        <v>3352</v>
      </c>
      <c r="F5705" t="s">
        <v>3353</v>
      </c>
      <c r="G5705" t="s">
        <v>80</v>
      </c>
      <c r="H5705" t="s">
        <v>81</v>
      </c>
      <c r="I5705" s="2">
        <v>0</v>
      </c>
      <c r="J5705" s="2">
        <v>1</v>
      </c>
      <c r="K5705" s="2">
        <v>0</v>
      </c>
      <c r="L5705" t="s">
        <v>82</v>
      </c>
      <c r="M5705" t="s">
        <v>83</v>
      </c>
      <c r="N5705" t="s">
        <v>91</v>
      </c>
      <c r="O5705" t="s">
        <v>85</v>
      </c>
      <c r="P5705" t="s">
        <v>86</v>
      </c>
      <c r="Q5705">
        <v>55</v>
      </c>
      <c r="R5705">
        <v>56</v>
      </c>
      <c r="S5705">
        <v>57</v>
      </c>
      <c r="T5705">
        <v>59</v>
      </c>
      <c r="U5705">
        <v>60</v>
      </c>
      <c r="V5705">
        <v>61</v>
      </c>
      <c r="W5705">
        <v>63</v>
      </c>
      <c r="X5705">
        <v>64</v>
      </c>
      <c r="Y5705">
        <v>66</v>
      </c>
      <c r="Z5705">
        <v>67</v>
      </c>
      <c r="AA5705">
        <v>68</v>
      </c>
      <c r="AB5705">
        <v>70</v>
      </c>
      <c r="AC5705">
        <v>71</v>
      </c>
      <c r="AD5705">
        <v>73</v>
      </c>
      <c r="AE5705">
        <v>74</v>
      </c>
      <c r="AF5705">
        <v>76</v>
      </c>
      <c r="AG5705">
        <v>77</v>
      </c>
      <c r="AH5705">
        <v>78</v>
      </c>
      <c r="AI5705">
        <v>80</v>
      </c>
      <c r="AJ5705">
        <v>81</v>
      </c>
      <c r="AK5705">
        <v>83</v>
      </c>
      <c r="AL5705">
        <v>84</v>
      </c>
      <c r="AM5705">
        <v>85</v>
      </c>
      <c r="AN5705">
        <v>86</v>
      </c>
      <c r="AO5705">
        <v>86</v>
      </c>
      <c r="AP5705">
        <v>87</v>
      </c>
      <c r="AQ5705">
        <v>88</v>
      </c>
    </row>
    <row r="5706" spans="1:43">
      <c r="A5706" t="s">
        <v>3572</v>
      </c>
      <c r="B5706" t="s">
        <v>3573</v>
      </c>
      <c r="C5706" t="s">
        <v>3570</v>
      </c>
      <c r="D5706" t="s">
        <v>3571</v>
      </c>
      <c r="E5706" t="s">
        <v>3352</v>
      </c>
      <c r="F5706" t="s">
        <v>3353</v>
      </c>
      <c r="G5706" t="s">
        <v>80</v>
      </c>
      <c r="H5706" t="s">
        <v>81</v>
      </c>
      <c r="I5706" s="2">
        <v>0</v>
      </c>
      <c r="J5706" s="2">
        <v>1</v>
      </c>
      <c r="K5706" s="2">
        <v>0</v>
      </c>
      <c r="L5706" t="s">
        <v>82</v>
      </c>
      <c r="M5706" t="s">
        <v>83</v>
      </c>
      <c r="N5706" t="s">
        <v>84</v>
      </c>
      <c r="O5706" t="s">
        <v>85</v>
      </c>
      <c r="P5706" t="s">
        <v>86</v>
      </c>
      <c r="Q5706">
        <v>9</v>
      </c>
      <c r="R5706">
        <v>10</v>
      </c>
      <c r="S5706">
        <v>10</v>
      </c>
      <c r="T5706">
        <v>10</v>
      </c>
      <c r="U5706">
        <v>10</v>
      </c>
      <c r="V5706">
        <v>11</v>
      </c>
      <c r="W5706">
        <v>11</v>
      </c>
      <c r="X5706">
        <v>11</v>
      </c>
      <c r="Y5706">
        <v>11</v>
      </c>
      <c r="Z5706">
        <v>12</v>
      </c>
      <c r="AA5706">
        <v>12</v>
      </c>
      <c r="AB5706">
        <v>12</v>
      </c>
      <c r="AC5706">
        <v>12</v>
      </c>
      <c r="AD5706">
        <v>13</v>
      </c>
      <c r="AE5706">
        <v>13</v>
      </c>
      <c r="AF5706">
        <v>13</v>
      </c>
      <c r="AG5706">
        <v>13</v>
      </c>
      <c r="AH5706">
        <v>14</v>
      </c>
      <c r="AI5706">
        <v>14</v>
      </c>
      <c r="AJ5706">
        <v>14</v>
      </c>
      <c r="AK5706">
        <v>14</v>
      </c>
      <c r="AL5706">
        <v>15</v>
      </c>
      <c r="AM5706">
        <v>15</v>
      </c>
      <c r="AN5706">
        <v>15</v>
      </c>
      <c r="AO5706">
        <v>15</v>
      </c>
      <c r="AP5706">
        <v>15</v>
      </c>
      <c r="AQ5706">
        <v>15</v>
      </c>
    </row>
    <row r="5707" spans="1:43">
      <c r="A5707" t="s">
        <v>3572</v>
      </c>
      <c r="B5707" t="s">
        <v>3573</v>
      </c>
      <c r="C5707" t="s">
        <v>3570</v>
      </c>
      <c r="D5707" t="s">
        <v>3571</v>
      </c>
      <c r="E5707" t="s">
        <v>3352</v>
      </c>
      <c r="F5707" t="s">
        <v>3353</v>
      </c>
      <c r="G5707" t="s">
        <v>80</v>
      </c>
      <c r="H5707" t="s">
        <v>81</v>
      </c>
      <c r="I5707" s="2">
        <v>0</v>
      </c>
      <c r="J5707" s="2">
        <v>1</v>
      </c>
      <c r="K5707" s="2">
        <v>0</v>
      </c>
      <c r="L5707" t="s">
        <v>82</v>
      </c>
      <c r="M5707" t="s">
        <v>87</v>
      </c>
      <c r="N5707" t="s">
        <v>88</v>
      </c>
      <c r="O5707" t="s">
        <v>85</v>
      </c>
      <c r="P5707" t="s">
        <v>86</v>
      </c>
      <c r="Q5707">
        <v>9</v>
      </c>
      <c r="R5707">
        <v>10</v>
      </c>
      <c r="S5707">
        <v>10</v>
      </c>
      <c r="T5707">
        <v>10</v>
      </c>
      <c r="U5707">
        <v>10</v>
      </c>
      <c r="V5707">
        <v>10</v>
      </c>
      <c r="W5707">
        <v>10</v>
      </c>
      <c r="X5707">
        <v>10</v>
      </c>
      <c r="Y5707">
        <v>11</v>
      </c>
      <c r="Z5707">
        <v>11</v>
      </c>
      <c r="AA5707">
        <v>11</v>
      </c>
      <c r="AB5707">
        <v>11</v>
      </c>
      <c r="AC5707">
        <v>11</v>
      </c>
      <c r="AD5707">
        <v>11</v>
      </c>
      <c r="AE5707">
        <v>11</v>
      </c>
      <c r="AF5707">
        <v>12</v>
      </c>
      <c r="AG5707">
        <v>12</v>
      </c>
      <c r="AH5707">
        <v>12</v>
      </c>
      <c r="AI5707">
        <v>12</v>
      </c>
      <c r="AJ5707">
        <v>12</v>
      </c>
      <c r="AK5707">
        <v>12</v>
      </c>
      <c r="AL5707">
        <v>12</v>
      </c>
      <c r="AM5707">
        <v>13</v>
      </c>
      <c r="AN5707">
        <v>13</v>
      </c>
      <c r="AO5707">
        <v>13</v>
      </c>
      <c r="AP5707">
        <v>13</v>
      </c>
      <c r="AQ5707">
        <v>13</v>
      </c>
    </row>
    <row r="5708" spans="1:43">
      <c r="A5708" t="s">
        <v>3572</v>
      </c>
      <c r="B5708" t="s">
        <v>3573</v>
      </c>
      <c r="C5708" t="s">
        <v>3570</v>
      </c>
      <c r="D5708" t="s">
        <v>3571</v>
      </c>
      <c r="E5708" t="s">
        <v>3352</v>
      </c>
      <c r="F5708" t="s">
        <v>3353</v>
      </c>
      <c r="G5708" t="s">
        <v>80</v>
      </c>
      <c r="H5708" t="s">
        <v>81</v>
      </c>
      <c r="I5708" s="2">
        <v>0</v>
      </c>
      <c r="J5708" s="2">
        <v>1</v>
      </c>
      <c r="K5708" s="2">
        <v>0</v>
      </c>
      <c r="L5708" t="s">
        <v>82</v>
      </c>
      <c r="M5708" t="s">
        <v>89</v>
      </c>
      <c r="N5708" t="s">
        <v>90</v>
      </c>
      <c r="O5708" t="s">
        <v>85</v>
      </c>
      <c r="P5708" t="s">
        <v>86</v>
      </c>
      <c r="Q5708">
        <v>9</v>
      </c>
      <c r="R5708">
        <v>9</v>
      </c>
      <c r="S5708">
        <v>9</v>
      </c>
      <c r="T5708">
        <v>10</v>
      </c>
      <c r="U5708">
        <v>10</v>
      </c>
      <c r="V5708">
        <v>10</v>
      </c>
      <c r="W5708">
        <v>10</v>
      </c>
      <c r="X5708">
        <v>11</v>
      </c>
      <c r="Y5708">
        <v>11</v>
      </c>
      <c r="Z5708">
        <v>11</v>
      </c>
      <c r="AA5708">
        <v>12</v>
      </c>
      <c r="AB5708">
        <v>12</v>
      </c>
      <c r="AC5708">
        <v>12</v>
      </c>
      <c r="AD5708">
        <v>12</v>
      </c>
      <c r="AE5708">
        <v>13</v>
      </c>
      <c r="AF5708">
        <v>13</v>
      </c>
      <c r="AG5708">
        <v>13</v>
      </c>
      <c r="AH5708">
        <v>13</v>
      </c>
      <c r="AI5708">
        <v>13</v>
      </c>
      <c r="AJ5708">
        <v>13</v>
      </c>
      <c r="AK5708">
        <v>14</v>
      </c>
      <c r="AL5708">
        <v>14</v>
      </c>
      <c r="AM5708">
        <v>14</v>
      </c>
      <c r="AN5708">
        <v>14</v>
      </c>
      <c r="AO5708">
        <v>14</v>
      </c>
      <c r="AP5708">
        <v>14</v>
      </c>
      <c r="AQ5708">
        <v>14</v>
      </c>
    </row>
    <row r="5709" spans="1:43">
      <c r="A5709" t="s">
        <v>3572</v>
      </c>
      <c r="B5709" t="s">
        <v>3573</v>
      </c>
      <c r="C5709" t="s">
        <v>3570</v>
      </c>
      <c r="D5709" t="s">
        <v>3571</v>
      </c>
      <c r="E5709" t="s">
        <v>3352</v>
      </c>
      <c r="F5709" t="s">
        <v>3353</v>
      </c>
      <c r="G5709" t="s">
        <v>80</v>
      </c>
      <c r="H5709" t="s">
        <v>81</v>
      </c>
      <c r="I5709" s="2">
        <v>0</v>
      </c>
      <c r="J5709" s="2">
        <v>1</v>
      </c>
      <c r="K5709" s="2">
        <v>0</v>
      </c>
      <c r="L5709" t="s">
        <v>82</v>
      </c>
      <c r="M5709" t="s">
        <v>83</v>
      </c>
      <c r="N5709" t="s">
        <v>91</v>
      </c>
      <c r="O5709" t="s">
        <v>85</v>
      </c>
      <c r="P5709" t="s">
        <v>86</v>
      </c>
      <c r="Q5709">
        <v>9</v>
      </c>
      <c r="R5709">
        <v>10</v>
      </c>
      <c r="S5709">
        <v>10</v>
      </c>
      <c r="T5709">
        <v>10</v>
      </c>
      <c r="U5709">
        <v>10</v>
      </c>
      <c r="V5709">
        <v>11</v>
      </c>
      <c r="W5709">
        <v>11</v>
      </c>
      <c r="X5709">
        <v>11</v>
      </c>
      <c r="Y5709">
        <v>11</v>
      </c>
      <c r="Z5709">
        <v>12</v>
      </c>
      <c r="AA5709">
        <v>12</v>
      </c>
      <c r="AB5709">
        <v>12</v>
      </c>
      <c r="AC5709">
        <v>12</v>
      </c>
      <c r="AD5709">
        <v>13</v>
      </c>
      <c r="AE5709">
        <v>13</v>
      </c>
      <c r="AF5709">
        <v>13</v>
      </c>
      <c r="AG5709">
        <v>13</v>
      </c>
      <c r="AH5709">
        <v>14</v>
      </c>
      <c r="AI5709">
        <v>14</v>
      </c>
      <c r="AJ5709">
        <v>14</v>
      </c>
      <c r="AK5709">
        <v>14</v>
      </c>
      <c r="AL5709">
        <v>15</v>
      </c>
      <c r="AM5709">
        <v>15</v>
      </c>
      <c r="AN5709">
        <v>15</v>
      </c>
      <c r="AO5709">
        <v>15</v>
      </c>
      <c r="AP5709">
        <v>15</v>
      </c>
      <c r="AQ5709">
        <v>15</v>
      </c>
    </row>
    <row r="5710" spans="1:43">
      <c r="A5710" t="s">
        <v>3574</v>
      </c>
      <c r="B5710" t="s">
        <v>3575</v>
      </c>
      <c r="C5710" t="s">
        <v>3570</v>
      </c>
      <c r="D5710" t="s">
        <v>3571</v>
      </c>
      <c r="E5710" t="s">
        <v>3352</v>
      </c>
      <c r="F5710" t="s">
        <v>3353</v>
      </c>
      <c r="G5710" t="s">
        <v>80</v>
      </c>
      <c r="H5710" t="s">
        <v>81</v>
      </c>
      <c r="I5710" s="2">
        <v>0</v>
      </c>
      <c r="J5710" s="2">
        <v>1</v>
      </c>
      <c r="K5710" s="2">
        <v>0</v>
      </c>
      <c r="L5710" t="s">
        <v>82</v>
      </c>
      <c r="M5710" t="s">
        <v>83</v>
      </c>
      <c r="N5710" t="s">
        <v>84</v>
      </c>
      <c r="O5710" t="s">
        <v>85</v>
      </c>
      <c r="P5710" t="s">
        <v>86</v>
      </c>
      <c r="Q5710">
        <v>5</v>
      </c>
      <c r="R5710">
        <v>5</v>
      </c>
      <c r="S5710">
        <v>5</v>
      </c>
      <c r="T5710">
        <v>5</v>
      </c>
      <c r="U5710">
        <v>5</v>
      </c>
      <c r="V5710">
        <v>6</v>
      </c>
      <c r="W5710">
        <v>6</v>
      </c>
      <c r="X5710">
        <v>6</v>
      </c>
      <c r="Y5710">
        <v>6</v>
      </c>
      <c r="Z5710">
        <v>6</v>
      </c>
      <c r="AA5710">
        <v>6</v>
      </c>
      <c r="AB5710">
        <v>6</v>
      </c>
      <c r="AC5710">
        <v>6</v>
      </c>
      <c r="AD5710">
        <v>7</v>
      </c>
      <c r="AE5710">
        <v>7</v>
      </c>
      <c r="AF5710">
        <v>7</v>
      </c>
      <c r="AG5710">
        <v>7</v>
      </c>
      <c r="AH5710">
        <v>7</v>
      </c>
      <c r="AI5710">
        <v>7</v>
      </c>
      <c r="AJ5710">
        <v>7</v>
      </c>
      <c r="AK5710">
        <v>7</v>
      </c>
      <c r="AL5710">
        <v>8</v>
      </c>
      <c r="AM5710">
        <v>8</v>
      </c>
      <c r="AN5710">
        <v>8</v>
      </c>
      <c r="AO5710">
        <v>8</v>
      </c>
      <c r="AP5710">
        <v>8</v>
      </c>
      <c r="AQ5710">
        <v>8</v>
      </c>
    </row>
    <row r="5711" spans="1:43">
      <c r="A5711" t="s">
        <v>3574</v>
      </c>
      <c r="B5711" t="s">
        <v>3575</v>
      </c>
      <c r="C5711" t="s">
        <v>3570</v>
      </c>
      <c r="D5711" t="s">
        <v>3571</v>
      </c>
      <c r="E5711" t="s">
        <v>3352</v>
      </c>
      <c r="F5711" t="s">
        <v>3353</v>
      </c>
      <c r="G5711" t="s">
        <v>80</v>
      </c>
      <c r="H5711" t="s">
        <v>81</v>
      </c>
      <c r="I5711" s="2">
        <v>0</v>
      </c>
      <c r="J5711" s="2">
        <v>1</v>
      </c>
      <c r="K5711" s="2">
        <v>0</v>
      </c>
      <c r="L5711" t="s">
        <v>82</v>
      </c>
      <c r="M5711" t="s">
        <v>87</v>
      </c>
      <c r="N5711" t="s">
        <v>88</v>
      </c>
      <c r="O5711" t="s">
        <v>85</v>
      </c>
      <c r="P5711" t="s">
        <v>86</v>
      </c>
      <c r="Q5711">
        <v>5</v>
      </c>
      <c r="R5711">
        <v>5</v>
      </c>
      <c r="S5711">
        <v>5</v>
      </c>
      <c r="T5711">
        <v>5</v>
      </c>
      <c r="U5711">
        <v>5</v>
      </c>
      <c r="V5711">
        <v>5</v>
      </c>
      <c r="W5711">
        <v>5</v>
      </c>
      <c r="X5711">
        <v>5</v>
      </c>
      <c r="Y5711">
        <v>5</v>
      </c>
      <c r="Z5711">
        <v>6</v>
      </c>
      <c r="AA5711">
        <v>6</v>
      </c>
      <c r="AB5711">
        <v>6</v>
      </c>
      <c r="AC5711">
        <v>6</v>
      </c>
      <c r="AD5711">
        <v>6</v>
      </c>
      <c r="AE5711">
        <v>6</v>
      </c>
      <c r="AF5711">
        <v>6</v>
      </c>
      <c r="AG5711">
        <v>6</v>
      </c>
      <c r="AH5711">
        <v>6</v>
      </c>
      <c r="AI5711">
        <v>6</v>
      </c>
      <c r="AJ5711">
        <v>6</v>
      </c>
      <c r="AK5711">
        <v>6</v>
      </c>
      <c r="AL5711">
        <v>6</v>
      </c>
      <c r="AM5711">
        <v>7</v>
      </c>
      <c r="AN5711">
        <v>7</v>
      </c>
      <c r="AO5711">
        <v>7</v>
      </c>
      <c r="AP5711">
        <v>7</v>
      </c>
      <c r="AQ5711">
        <v>7</v>
      </c>
    </row>
    <row r="5712" spans="1:43">
      <c r="A5712" t="s">
        <v>3574</v>
      </c>
      <c r="B5712" t="s">
        <v>3575</v>
      </c>
      <c r="C5712" t="s">
        <v>3570</v>
      </c>
      <c r="D5712" t="s">
        <v>3571</v>
      </c>
      <c r="E5712" t="s">
        <v>3352</v>
      </c>
      <c r="F5712" t="s">
        <v>3353</v>
      </c>
      <c r="G5712" t="s">
        <v>80</v>
      </c>
      <c r="H5712" t="s">
        <v>81</v>
      </c>
      <c r="I5712" s="2">
        <v>0</v>
      </c>
      <c r="J5712" s="2">
        <v>1</v>
      </c>
      <c r="K5712" s="2">
        <v>0</v>
      </c>
      <c r="L5712" t="s">
        <v>82</v>
      </c>
      <c r="M5712" t="s">
        <v>89</v>
      </c>
      <c r="N5712" t="s">
        <v>90</v>
      </c>
      <c r="O5712" t="s">
        <v>85</v>
      </c>
      <c r="P5712" t="s">
        <v>86</v>
      </c>
      <c r="Q5712">
        <v>5</v>
      </c>
      <c r="R5712">
        <v>5</v>
      </c>
      <c r="S5712">
        <v>5</v>
      </c>
      <c r="T5712">
        <v>5</v>
      </c>
      <c r="U5712">
        <v>6</v>
      </c>
      <c r="V5712">
        <v>6</v>
      </c>
      <c r="W5712">
        <v>6</v>
      </c>
      <c r="X5712">
        <v>6</v>
      </c>
      <c r="Y5712">
        <v>6</v>
      </c>
      <c r="Z5712">
        <v>6</v>
      </c>
      <c r="AA5712">
        <v>7</v>
      </c>
      <c r="AB5712">
        <v>7</v>
      </c>
      <c r="AC5712">
        <v>7</v>
      </c>
      <c r="AD5712">
        <v>7</v>
      </c>
      <c r="AE5712">
        <v>7</v>
      </c>
      <c r="AF5712">
        <v>7</v>
      </c>
      <c r="AG5712">
        <v>7</v>
      </c>
      <c r="AH5712">
        <v>7</v>
      </c>
      <c r="AI5712">
        <v>7</v>
      </c>
      <c r="AJ5712">
        <v>7</v>
      </c>
      <c r="AK5712">
        <v>8</v>
      </c>
      <c r="AL5712">
        <v>8</v>
      </c>
      <c r="AM5712">
        <v>8</v>
      </c>
      <c r="AN5712">
        <v>8</v>
      </c>
      <c r="AO5712">
        <v>8</v>
      </c>
      <c r="AP5712">
        <v>8</v>
      </c>
      <c r="AQ5712">
        <v>8</v>
      </c>
    </row>
    <row r="5713" spans="1:43">
      <c r="A5713" t="s">
        <v>3574</v>
      </c>
      <c r="B5713" t="s">
        <v>3575</v>
      </c>
      <c r="C5713" t="s">
        <v>3570</v>
      </c>
      <c r="D5713" t="s">
        <v>3571</v>
      </c>
      <c r="E5713" t="s">
        <v>3352</v>
      </c>
      <c r="F5713" t="s">
        <v>3353</v>
      </c>
      <c r="G5713" t="s">
        <v>80</v>
      </c>
      <c r="H5713" t="s">
        <v>81</v>
      </c>
      <c r="I5713" s="2">
        <v>0</v>
      </c>
      <c r="J5713" s="2">
        <v>1</v>
      </c>
      <c r="K5713" s="2">
        <v>0</v>
      </c>
      <c r="L5713" t="s">
        <v>82</v>
      </c>
      <c r="M5713" t="s">
        <v>83</v>
      </c>
      <c r="N5713" t="s">
        <v>91</v>
      </c>
      <c r="O5713" t="s">
        <v>85</v>
      </c>
      <c r="P5713" t="s">
        <v>86</v>
      </c>
      <c r="Q5713">
        <v>5</v>
      </c>
      <c r="R5713">
        <v>5</v>
      </c>
      <c r="S5713">
        <v>5</v>
      </c>
      <c r="T5713">
        <v>5</v>
      </c>
      <c r="U5713">
        <v>5</v>
      </c>
      <c r="V5713">
        <v>6</v>
      </c>
      <c r="W5713">
        <v>6</v>
      </c>
      <c r="X5713">
        <v>6</v>
      </c>
      <c r="Y5713">
        <v>6</v>
      </c>
      <c r="Z5713">
        <v>6</v>
      </c>
      <c r="AA5713">
        <v>6</v>
      </c>
      <c r="AB5713">
        <v>6</v>
      </c>
      <c r="AC5713">
        <v>6</v>
      </c>
      <c r="AD5713">
        <v>7</v>
      </c>
      <c r="AE5713">
        <v>7</v>
      </c>
      <c r="AF5713">
        <v>7</v>
      </c>
      <c r="AG5713">
        <v>7</v>
      </c>
      <c r="AH5713">
        <v>7</v>
      </c>
      <c r="AI5713">
        <v>7</v>
      </c>
      <c r="AJ5713">
        <v>7</v>
      </c>
      <c r="AK5713">
        <v>7</v>
      </c>
      <c r="AL5713">
        <v>8</v>
      </c>
      <c r="AM5713">
        <v>8</v>
      </c>
      <c r="AN5713">
        <v>8</v>
      </c>
      <c r="AO5713">
        <v>8</v>
      </c>
      <c r="AP5713">
        <v>8</v>
      </c>
      <c r="AQ5713">
        <v>8</v>
      </c>
    </row>
    <row r="5714" spans="1:43">
      <c r="A5714" t="s">
        <v>3576</v>
      </c>
      <c r="B5714" t="s">
        <v>3577</v>
      </c>
      <c r="C5714" t="s">
        <v>3570</v>
      </c>
      <c r="D5714" t="s">
        <v>3571</v>
      </c>
      <c r="E5714" t="s">
        <v>3352</v>
      </c>
      <c r="F5714" t="s">
        <v>3353</v>
      </c>
      <c r="G5714" t="s">
        <v>80</v>
      </c>
      <c r="H5714" t="s">
        <v>81</v>
      </c>
      <c r="I5714" s="2">
        <v>0</v>
      </c>
      <c r="J5714" s="2">
        <v>1</v>
      </c>
      <c r="K5714" s="2">
        <v>0</v>
      </c>
      <c r="L5714" t="s">
        <v>82</v>
      </c>
      <c r="M5714" t="s">
        <v>83</v>
      </c>
      <c r="N5714" t="s">
        <v>84</v>
      </c>
      <c r="O5714" t="s">
        <v>85</v>
      </c>
      <c r="P5714" t="s">
        <v>86</v>
      </c>
      <c r="Q5714">
        <v>60</v>
      </c>
      <c r="R5714">
        <v>62</v>
      </c>
      <c r="S5714">
        <v>63</v>
      </c>
      <c r="T5714">
        <v>64</v>
      </c>
      <c r="U5714">
        <v>66</v>
      </c>
      <c r="V5714">
        <v>67</v>
      </c>
      <c r="W5714">
        <v>69</v>
      </c>
      <c r="X5714">
        <v>70</v>
      </c>
      <c r="Y5714">
        <v>72</v>
      </c>
      <c r="Z5714">
        <v>74</v>
      </c>
      <c r="AA5714">
        <v>75</v>
      </c>
      <c r="AB5714">
        <v>77</v>
      </c>
      <c r="AC5714">
        <v>78</v>
      </c>
      <c r="AD5714">
        <v>80</v>
      </c>
      <c r="AE5714">
        <v>81</v>
      </c>
      <c r="AF5714">
        <v>83</v>
      </c>
      <c r="AG5714">
        <v>84</v>
      </c>
      <c r="AH5714">
        <v>86</v>
      </c>
      <c r="AI5714">
        <v>88</v>
      </c>
      <c r="AJ5714">
        <v>89</v>
      </c>
      <c r="AK5714">
        <v>91</v>
      </c>
      <c r="AL5714">
        <v>92</v>
      </c>
      <c r="AM5714">
        <v>93</v>
      </c>
      <c r="AN5714">
        <v>94</v>
      </c>
      <c r="AO5714">
        <v>95</v>
      </c>
      <c r="AP5714">
        <v>96</v>
      </c>
      <c r="AQ5714">
        <v>96</v>
      </c>
    </row>
    <row r="5715" spans="1:43">
      <c r="A5715" t="s">
        <v>3576</v>
      </c>
      <c r="B5715" t="s">
        <v>3577</v>
      </c>
      <c r="C5715" t="s">
        <v>3570</v>
      </c>
      <c r="D5715" t="s">
        <v>3571</v>
      </c>
      <c r="E5715" t="s">
        <v>3352</v>
      </c>
      <c r="F5715" t="s">
        <v>3353</v>
      </c>
      <c r="G5715" t="s">
        <v>80</v>
      </c>
      <c r="H5715" t="s">
        <v>81</v>
      </c>
      <c r="I5715" s="2">
        <v>0</v>
      </c>
      <c r="J5715" s="2">
        <v>1</v>
      </c>
      <c r="K5715" s="2">
        <v>0</v>
      </c>
      <c r="L5715" t="s">
        <v>82</v>
      </c>
      <c r="M5715" t="s">
        <v>87</v>
      </c>
      <c r="N5715" t="s">
        <v>88</v>
      </c>
      <c r="O5715" t="s">
        <v>85</v>
      </c>
      <c r="P5715" t="s">
        <v>86</v>
      </c>
      <c r="Q5715">
        <v>60</v>
      </c>
      <c r="R5715">
        <v>60</v>
      </c>
      <c r="S5715">
        <v>61</v>
      </c>
      <c r="T5715">
        <v>62</v>
      </c>
      <c r="U5715">
        <v>63</v>
      </c>
      <c r="V5715">
        <v>64</v>
      </c>
      <c r="W5715">
        <v>65</v>
      </c>
      <c r="X5715">
        <v>66</v>
      </c>
      <c r="Y5715">
        <v>67</v>
      </c>
      <c r="Z5715">
        <v>67</v>
      </c>
      <c r="AA5715">
        <v>68</v>
      </c>
      <c r="AB5715">
        <v>69</v>
      </c>
      <c r="AC5715">
        <v>70</v>
      </c>
      <c r="AD5715">
        <v>71</v>
      </c>
      <c r="AE5715">
        <v>72</v>
      </c>
      <c r="AF5715">
        <v>73</v>
      </c>
      <c r="AG5715">
        <v>74</v>
      </c>
      <c r="AH5715">
        <v>75</v>
      </c>
      <c r="AI5715">
        <v>76</v>
      </c>
      <c r="AJ5715">
        <v>77</v>
      </c>
      <c r="AK5715">
        <v>78</v>
      </c>
      <c r="AL5715">
        <v>79</v>
      </c>
      <c r="AM5715">
        <v>80</v>
      </c>
      <c r="AN5715">
        <v>81</v>
      </c>
      <c r="AO5715">
        <v>82</v>
      </c>
      <c r="AP5715">
        <v>83</v>
      </c>
      <c r="AQ5715">
        <v>84</v>
      </c>
    </row>
    <row r="5716" spans="1:43">
      <c r="A5716" t="s">
        <v>3576</v>
      </c>
      <c r="B5716" t="s">
        <v>3577</v>
      </c>
      <c r="C5716" t="s">
        <v>3570</v>
      </c>
      <c r="D5716" t="s">
        <v>3571</v>
      </c>
      <c r="E5716" t="s">
        <v>3352</v>
      </c>
      <c r="F5716" t="s">
        <v>3353</v>
      </c>
      <c r="G5716" t="s">
        <v>80</v>
      </c>
      <c r="H5716" t="s">
        <v>81</v>
      </c>
      <c r="I5716" s="2">
        <v>0</v>
      </c>
      <c r="J5716" s="2">
        <v>1</v>
      </c>
      <c r="K5716" s="2">
        <v>0</v>
      </c>
      <c r="L5716" t="s">
        <v>82</v>
      </c>
      <c r="M5716" t="s">
        <v>89</v>
      </c>
      <c r="N5716" t="s">
        <v>90</v>
      </c>
      <c r="O5716" t="s">
        <v>85</v>
      </c>
      <c r="P5716" t="s">
        <v>86</v>
      </c>
      <c r="Q5716">
        <v>60</v>
      </c>
      <c r="R5716">
        <v>62</v>
      </c>
      <c r="S5716">
        <v>64</v>
      </c>
      <c r="T5716">
        <v>66</v>
      </c>
      <c r="U5716">
        <v>68</v>
      </c>
      <c r="V5716">
        <v>70</v>
      </c>
      <c r="W5716">
        <v>72</v>
      </c>
      <c r="X5716">
        <v>73</v>
      </c>
      <c r="Y5716">
        <v>75</v>
      </c>
      <c r="Z5716">
        <v>77</v>
      </c>
      <c r="AA5716">
        <v>79</v>
      </c>
      <c r="AB5716">
        <v>81</v>
      </c>
      <c r="AC5716">
        <v>83</v>
      </c>
      <c r="AD5716">
        <v>85</v>
      </c>
      <c r="AE5716">
        <v>86</v>
      </c>
      <c r="AF5716">
        <v>87</v>
      </c>
      <c r="AG5716">
        <v>88</v>
      </c>
      <c r="AH5716">
        <v>89</v>
      </c>
      <c r="AI5716">
        <v>89</v>
      </c>
      <c r="AJ5716">
        <v>90</v>
      </c>
      <c r="AK5716">
        <v>91</v>
      </c>
      <c r="AL5716">
        <v>92</v>
      </c>
      <c r="AM5716">
        <v>93</v>
      </c>
      <c r="AN5716">
        <v>94</v>
      </c>
      <c r="AO5716">
        <v>94</v>
      </c>
      <c r="AP5716">
        <v>95</v>
      </c>
      <c r="AQ5716">
        <v>96</v>
      </c>
    </row>
    <row r="5717" spans="1:43">
      <c r="A5717" t="s">
        <v>3576</v>
      </c>
      <c r="B5717" t="s">
        <v>3577</v>
      </c>
      <c r="C5717" t="s">
        <v>3570</v>
      </c>
      <c r="D5717" t="s">
        <v>3571</v>
      </c>
      <c r="E5717" t="s">
        <v>3352</v>
      </c>
      <c r="F5717" t="s">
        <v>3353</v>
      </c>
      <c r="G5717" t="s">
        <v>80</v>
      </c>
      <c r="H5717" t="s">
        <v>81</v>
      </c>
      <c r="I5717" s="2">
        <v>0</v>
      </c>
      <c r="J5717" s="2">
        <v>1</v>
      </c>
      <c r="K5717" s="2">
        <v>0</v>
      </c>
      <c r="L5717" t="s">
        <v>82</v>
      </c>
      <c r="M5717" t="s">
        <v>83</v>
      </c>
      <c r="N5717" t="s">
        <v>91</v>
      </c>
      <c r="O5717" t="s">
        <v>85</v>
      </c>
      <c r="P5717" t="s">
        <v>86</v>
      </c>
      <c r="Q5717">
        <v>60</v>
      </c>
      <c r="R5717">
        <v>62</v>
      </c>
      <c r="S5717">
        <v>63</v>
      </c>
      <c r="T5717">
        <v>64</v>
      </c>
      <c r="U5717">
        <v>66</v>
      </c>
      <c r="V5717">
        <v>67</v>
      </c>
      <c r="W5717">
        <v>69</v>
      </c>
      <c r="X5717">
        <v>70</v>
      </c>
      <c r="Y5717">
        <v>72</v>
      </c>
      <c r="Z5717">
        <v>74</v>
      </c>
      <c r="AA5717">
        <v>75</v>
      </c>
      <c r="AB5717">
        <v>77</v>
      </c>
      <c r="AC5717">
        <v>78</v>
      </c>
      <c r="AD5717">
        <v>80</v>
      </c>
      <c r="AE5717">
        <v>81</v>
      </c>
      <c r="AF5717">
        <v>83</v>
      </c>
      <c r="AG5717">
        <v>84</v>
      </c>
      <c r="AH5717">
        <v>86</v>
      </c>
      <c r="AI5717">
        <v>88</v>
      </c>
      <c r="AJ5717">
        <v>89</v>
      </c>
      <c r="AK5717">
        <v>91</v>
      </c>
      <c r="AL5717">
        <v>92</v>
      </c>
      <c r="AM5717">
        <v>93</v>
      </c>
      <c r="AN5717">
        <v>94</v>
      </c>
      <c r="AO5717">
        <v>95</v>
      </c>
      <c r="AP5717">
        <v>96</v>
      </c>
      <c r="AQ5717">
        <v>96</v>
      </c>
    </row>
    <row r="5718" spans="1:43">
      <c r="A5718" t="s">
        <v>3578</v>
      </c>
      <c r="B5718" t="s">
        <v>3579</v>
      </c>
      <c r="C5718" t="s">
        <v>3564</v>
      </c>
      <c r="D5718" t="s">
        <v>3565</v>
      </c>
      <c r="E5718" t="s">
        <v>3352</v>
      </c>
      <c r="F5718" t="s">
        <v>3353</v>
      </c>
      <c r="G5718" t="s">
        <v>80</v>
      </c>
      <c r="H5718" t="s">
        <v>81</v>
      </c>
      <c r="I5718" s="2">
        <v>0</v>
      </c>
      <c r="J5718" s="2">
        <v>1</v>
      </c>
      <c r="K5718" s="2">
        <v>0</v>
      </c>
      <c r="L5718" t="s">
        <v>82</v>
      </c>
      <c r="M5718" t="s">
        <v>83</v>
      </c>
      <c r="N5718" t="s">
        <v>84</v>
      </c>
      <c r="O5718" t="s">
        <v>85</v>
      </c>
      <c r="P5718" t="s">
        <v>86</v>
      </c>
      <c r="Q5718">
        <v>37</v>
      </c>
      <c r="R5718">
        <v>38</v>
      </c>
      <c r="S5718">
        <v>39</v>
      </c>
      <c r="T5718">
        <v>40</v>
      </c>
      <c r="U5718">
        <v>41</v>
      </c>
      <c r="V5718">
        <v>41</v>
      </c>
      <c r="W5718">
        <v>42</v>
      </c>
      <c r="X5718">
        <v>43</v>
      </c>
      <c r="Y5718">
        <v>44</v>
      </c>
      <c r="Z5718">
        <v>45</v>
      </c>
      <c r="AA5718">
        <v>46</v>
      </c>
      <c r="AB5718">
        <v>47</v>
      </c>
      <c r="AC5718">
        <v>48</v>
      </c>
      <c r="AD5718">
        <v>49</v>
      </c>
      <c r="AE5718">
        <v>50</v>
      </c>
      <c r="AF5718">
        <v>51</v>
      </c>
      <c r="AG5718">
        <v>52</v>
      </c>
      <c r="AH5718">
        <v>53</v>
      </c>
      <c r="AI5718">
        <v>54</v>
      </c>
      <c r="AJ5718">
        <v>55</v>
      </c>
      <c r="AK5718">
        <v>56</v>
      </c>
      <c r="AL5718">
        <v>57</v>
      </c>
      <c r="AM5718">
        <v>57</v>
      </c>
      <c r="AN5718">
        <v>58</v>
      </c>
      <c r="AO5718">
        <v>58</v>
      </c>
      <c r="AP5718">
        <v>59</v>
      </c>
      <c r="AQ5718">
        <v>59</v>
      </c>
    </row>
    <row r="5719" spans="1:43">
      <c r="A5719" t="s">
        <v>3578</v>
      </c>
      <c r="B5719" t="s">
        <v>3579</v>
      </c>
      <c r="C5719" t="s">
        <v>3564</v>
      </c>
      <c r="D5719" t="s">
        <v>3565</v>
      </c>
      <c r="E5719" t="s">
        <v>3352</v>
      </c>
      <c r="F5719" t="s">
        <v>3353</v>
      </c>
      <c r="G5719" t="s">
        <v>80</v>
      </c>
      <c r="H5719" t="s">
        <v>81</v>
      </c>
      <c r="I5719" s="2">
        <v>0</v>
      </c>
      <c r="J5719" s="2">
        <v>1</v>
      </c>
      <c r="K5719" s="2">
        <v>0</v>
      </c>
      <c r="L5719" t="s">
        <v>82</v>
      </c>
      <c r="M5719" t="s">
        <v>87</v>
      </c>
      <c r="N5719" t="s">
        <v>88</v>
      </c>
      <c r="O5719" t="s">
        <v>85</v>
      </c>
      <c r="P5719" t="s">
        <v>86</v>
      </c>
      <c r="Q5719">
        <v>37</v>
      </c>
      <c r="R5719">
        <v>37</v>
      </c>
      <c r="S5719">
        <v>38</v>
      </c>
      <c r="T5719">
        <v>38</v>
      </c>
      <c r="U5719">
        <v>39</v>
      </c>
      <c r="V5719">
        <v>39</v>
      </c>
      <c r="W5719">
        <v>40</v>
      </c>
      <c r="X5719">
        <v>40</v>
      </c>
      <c r="Y5719">
        <v>41</v>
      </c>
      <c r="Z5719">
        <v>41</v>
      </c>
      <c r="AA5719">
        <v>42</v>
      </c>
      <c r="AB5719">
        <v>43</v>
      </c>
      <c r="AC5719">
        <v>43</v>
      </c>
      <c r="AD5719">
        <v>44</v>
      </c>
      <c r="AE5719">
        <v>44</v>
      </c>
      <c r="AF5719">
        <v>45</v>
      </c>
      <c r="AG5719">
        <v>45</v>
      </c>
      <c r="AH5719">
        <v>46</v>
      </c>
      <c r="AI5719">
        <v>47</v>
      </c>
      <c r="AJ5719">
        <v>47</v>
      </c>
      <c r="AK5719">
        <v>48</v>
      </c>
      <c r="AL5719">
        <v>48</v>
      </c>
      <c r="AM5719">
        <v>49</v>
      </c>
      <c r="AN5719">
        <v>50</v>
      </c>
      <c r="AO5719">
        <v>50</v>
      </c>
      <c r="AP5719">
        <v>51</v>
      </c>
      <c r="AQ5719">
        <v>51</v>
      </c>
    </row>
    <row r="5720" spans="1:43">
      <c r="A5720" t="s">
        <v>3578</v>
      </c>
      <c r="B5720" t="s">
        <v>3579</v>
      </c>
      <c r="C5720" t="s">
        <v>3564</v>
      </c>
      <c r="D5720" t="s">
        <v>3565</v>
      </c>
      <c r="E5720" t="s">
        <v>3352</v>
      </c>
      <c r="F5720" t="s">
        <v>3353</v>
      </c>
      <c r="G5720" t="s">
        <v>80</v>
      </c>
      <c r="H5720" t="s">
        <v>81</v>
      </c>
      <c r="I5720" s="2">
        <v>0</v>
      </c>
      <c r="J5720" s="2">
        <v>1</v>
      </c>
      <c r="K5720" s="2">
        <v>0</v>
      </c>
      <c r="L5720" t="s">
        <v>82</v>
      </c>
      <c r="M5720" t="s">
        <v>89</v>
      </c>
      <c r="N5720" t="s">
        <v>90</v>
      </c>
      <c r="O5720" t="s">
        <v>85</v>
      </c>
      <c r="P5720" t="s">
        <v>86</v>
      </c>
      <c r="Q5720">
        <v>37</v>
      </c>
      <c r="R5720">
        <v>38</v>
      </c>
      <c r="S5720">
        <v>40</v>
      </c>
      <c r="T5720">
        <v>41</v>
      </c>
      <c r="U5720">
        <v>42</v>
      </c>
      <c r="V5720">
        <v>43</v>
      </c>
      <c r="W5720">
        <v>45</v>
      </c>
      <c r="X5720">
        <v>46</v>
      </c>
      <c r="Y5720">
        <v>47</v>
      </c>
      <c r="Z5720">
        <v>48</v>
      </c>
      <c r="AA5720">
        <v>49</v>
      </c>
      <c r="AB5720">
        <v>50</v>
      </c>
      <c r="AC5720">
        <v>51</v>
      </c>
      <c r="AD5720">
        <v>53</v>
      </c>
      <c r="AE5720">
        <v>53</v>
      </c>
      <c r="AF5720">
        <v>54</v>
      </c>
      <c r="AG5720">
        <v>54</v>
      </c>
      <c r="AH5720">
        <v>55</v>
      </c>
      <c r="AI5720">
        <v>55</v>
      </c>
      <c r="AJ5720">
        <v>56</v>
      </c>
      <c r="AK5720">
        <v>56</v>
      </c>
      <c r="AL5720">
        <v>57</v>
      </c>
      <c r="AM5720">
        <v>57</v>
      </c>
      <c r="AN5720">
        <v>58</v>
      </c>
      <c r="AO5720">
        <v>58</v>
      </c>
      <c r="AP5720">
        <v>59</v>
      </c>
      <c r="AQ5720">
        <v>59</v>
      </c>
    </row>
    <row r="5721" spans="1:43">
      <c r="A5721" t="s">
        <v>3578</v>
      </c>
      <c r="B5721" t="s">
        <v>3579</v>
      </c>
      <c r="C5721" t="s">
        <v>3564</v>
      </c>
      <c r="D5721" t="s">
        <v>3565</v>
      </c>
      <c r="E5721" t="s">
        <v>3352</v>
      </c>
      <c r="F5721" t="s">
        <v>3353</v>
      </c>
      <c r="G5721" t="s">
        <v>80</v>
      </c>
      <c r="H5721" t="s">
        <v>81</v>
      </c>
      <c r="I5721" s="2">
        <v>0</v>
      </c>
      <c r="J5721" s="2">
        <v>1</v>
      </c>
      <c r="K5721" s="2">
        <v>0</v>
      </c>
      <c r="L5721" t="s">
        <v>82</v>
      </c>
      <c r="M5721" t="s">
        <v>83</v>
      </c>
      <c r="N5721" t="s">
        <v>91</v>
      </c>
      <c r="O5721" t="s">
        <v>85</v>
      </c>
      <c r="P5721" t="s">
        <v>86</v>
      </c>
      <c r="Q5721">
        <v>37</v>
      </c>
      <c r="R5721">
        <v>38</v>
      </c>
      <c r="S5721">
        <v>39</v>
      </c>
      <c r="T5721">
        <v>40</v>
      </c>
      <c r="U5721">
        <v>41</v>
      </c>
      <c r="V5721">
        <v>41</v>
      </c>
      <c r="W5721">
        <v>42</v>
      </c>
      <c r="X5721">
        <v>43</v>
      </c>
      <c r="Y5721">
        <v>44</v>
      </c>
      <c r="Z5721">
        <v>45</v>
      </c>
      <c r="AA5721">
        <v>46</v>
      </c>
      <c r="AB5721">
        <v>47</v>
      </c>
      <c r="AC5721">
        <v>48</v>
      </c>
      <c r="AD5721">
        <v>49</v>
      </c>
      <c r="AE5721">
        <v>50</v>
      </c>
      <c r="AF5721">
        <v>51</v>
      </c>
      <c r="AG5721">
        <v>52</v>
      </c>
      <c r="AH5721">
        <v>53</v>
      </c>
      <c r="AI5721">
        <v>54</v>
      </c>
      <c r="AJ5721">
        <v>55</v>
      </c>
      <c r="AK5721">
        <v>56</v>
      </c>
      <c r="AL5721">
        <v>57</v>
      </c>
      <c r="AM5721">
        <v>57</v>
      </c>
      <c r="AN5721">
        <v>58</v>
      </c>
      <c r="AO5721">
        <v>58</v>
      </c>
      <c r="AP5721">
        <v>59</v>
      </c>
      <c r="AQ5721">
        <v>59</v>
      </c>
    </row>
    <row r="5722" spans="1:43">
      <c r="A5722" t="s">
        <v>3580</v>
      </c>
      <c r="B5722" t="s">
        <v>3581</v>
      </c>
      <c r="C5722" t="s">
        <v>3570</v>
      </c>
      <c r="D5722" t="s">
        <v>3571</v>
      </c>
      <c r="E5722" t="s">
        <v>3352</v>
      </c>
      <c r="F5722" t="s">
        <v>3353</v>
      </c>
      <c r="G5722" t="s">
        <v>80</v>
      </c>
      <c r="H5722" t="s">
        <v>81</v>
      </c>
      <c r="I5722" s="2">
        <v>0</v>
      </c>
      <c r="J5722" s="2">
        <v>1</v>
      </c>
      <c r="K5722" s="2">
        <v>0</v>
      </c>
      <c r="L5722" t="s">
        <v>82</v>
      </c>
      <c r="M5722" t="s">
        <v>83</v>
      </c>
      <c r="N5722" t="s">
        <v>84</v>
      </c>
      <c r="O5722" t="s">
        <v>85</v>
      </c>
      <c r="P5722" t="s">
        <v>86</v>
      </c>
      <c r="Q5722">
        <v>29</v>
      </c>
      <c r="R5722">
        <v>30</v>
      </c>
      <c r="S5722">
        <v>30</v>
      </c>
      <c r="T5722">
        <v>31</v>
      </c>
      <c r="U5722">
        <v>32</v>
      </c>
      <c r="V5722">
        <v>32</v>
      </c>
      <c r="W5722">
        <v>33</v>
      </c>
      <c r="X5722">
        <v>34</v>
      </c>
      <c r="Y5722">
        <v>35</v>
      </c>
      <c r="Z5722">
        <v>35</v>
      </c>
      <c r="AA5722">
        <v>36</v>
      </c>
      <c r="AB5722">
        <v>37</v>
      </c>
      <c r="AC5722">
        <v>38</v>
      </c>
      <c r="AD5722">
        <v>38</v>
      </c>
      <c r="AE5722">
        <v>39</v>
      </c>
      <c r="AF5722">
        <v>40</v>
      </c>
      <c r="AG5722">
        <v>41</v>
      </c>
      <c r="AH5722">
        <v>41</v>
      </c>
      <c r="AI5722">
        <v>42</v>
      </c>
      <c r="AJ5722">
        <v>43</v>
      </c>
      <c r="AK5722">
        <v>44</v>
      </c>
      <c r="AL5722">
        <v>44</v>
      </c>
      <c r="AM5722">
        <v>45</v>
      </c>
      <c r="AN5722">
        <v>45</v>
      </c>
      <c r="AO5722">
        <v>45</v>
      </c>
      <c r="AP5722">
        <v>46</v>
      </c>
      <c r="AQ5722">
        <v>46</v>
      </c>
    </row>
    <row r="5723" spans="1:43">
      <c r="A5723" t="s">
        <v>3580</v>
      </c>
      <c r="B5723" t="s">
        <v>3581</v>
      </c>
      <c r="C5723" t="s">
        <v>3570</v>
      </c>
      <c r="D5723" t="s">
        <v>3571</v>
      </c>
      <c r="E5723" t="s">
        <v>3352</v>
      </c>
      <c r="F5723" t="s">
        <v>3353</v>
      </c>
      <c r="G5723" t="s">
        <v>80</v>
      </c>
      <c r="H5723" t="s">
        <v>81</v>
      </c>
      <c r="I5723" s="2">
        <v>0</v>
      </c>
      <c r="J5723" s="2">
        <v>1</v>
      </c>
      <c r="K5723" s="2">
        <v>0</v>
      </c>
      <c r="L5723" t="s">
        <v>82</v>
      </c>
      <c r="M5723" t="s">
        <v>87</v>
      </c>
      <c r="N5723" t="s">
        <v>88</v>
      </c>
      <c r="O5723" t="s">
        <v>85</v>
      </c>
      <c r="P5723" t="s">
        <v>86</v>
      </c>
      <c r="Q5723">
        <v>29</v>
      </c>
      <c r="R5723">
        <v>29</v>
      </c>
      <c r="S5723">
        <v>29</v>
      </c>
      <c r="T5723">
        <v>30</v>
      </c>
      <c r="U5723">
        <v>30</v>
      </c>
      <c r="V5723">
        <v>31</v>
      </c>
      <c r="W5723">
        <v>31</v>
      </c>
      <c r="X5723">
        <v>32</v>
      </c>
      <c r="Y5723">
        <v>32</v>
      </c>
      <c r="Z5723">
        <v>32</v>
      </c>
      <c r="AA5723">
        <v>33</v>
      </c>
      <c r="AB5723">
        <v>33</v>
      </c>
      <c r="AC5723">
        <v>34</v>
      </c>
      <c r="AD5723">
        <v>34</v>
      </c>
      <c r="AE5723">
        <v>35</v>
      </c>
      <c r="AF5723">
        <v>35</v>
      </c>
      <c r="AG5723">
        <v>35</v>
      </c>
      <c r="AH5723">
        <v>36</v>
      </c>
      <c r="AI5723">
        <v>36</v>
      </c>
      <c r="AJ5723">
        <v>37</v>
      </c>
      <c r="AK5723">
        <v>37</v>
      </c>
      <c r="AL5723">
        <v>38</v>
      </c>
      <c r="AM5723">
        <v>38</v>
      </c>
      <c r="AN5723">
        <v>39</v>
      </c>
      <c r="AO5723">
        <v>39</v>
      </c>
      <c r="AP5723">
        <v>40</v>
      </c>
      <c r="AQ5723">
        <v>40</v>
      </c>
    </row>
    <row r="5724" spans="1:43">
      <c r="A5724" t="s">
        <v>3580</v>
      </c>
      <c r="B5724" t="s">
        <v>3581</v>
      </c>
      <c r="C5724" t="s">
        <v>3570</v>
      </c>
      <c r="D5724" t="s">
        <v>3571</v>
      </c>
      <c r="E5724" t="s">
        <v>3352</v>
      </c>
      <c r="F5724" t="s">
        <v>3353</v>
      </c>
      <c r="G5724" t="s">
        <v>80</v>
      </c>
      <c r="H5724" t="s">
        <v>81</v>
      </c>
      <c r="I5724" s="2">
        <v>0</v>
      </c>
      <c r="J5724" s="2">
        <v>1</v>
      </c>
      <c r="K5724" s="2">
        <v>0</v>
      </c>
      <c r="L5724" t="s">
        <v>82</v>
      </c>
      <c r="M5724" t="s">
        <v>89</v>
      </c>
      <c r="N5724" t="s">
        <v>90</v>
      </c>
      <c r="O5724" t="s">
        <v>85</v>
      </c>
      <c r="P5724" t="s">
        <v>86</v>
      </c>
      <c r="Q5724">
        <v>29</v>
      </c>
      <c r="R5724">
        <v>30</v>
      </c>
      <c r="S5724">
        <v>31</v>
      </c>
      <c r="T5724">
        <v>32</v>
      </c>
      <c r="U5724">
        <v>33</v>
      </c>
      <c r="V5724">
        <v>34</v>
      </c>
      <c r="W5724">
        <v>35</v>
      </c>
      <c r="X5724">
        <v>36</v>
      </c>
      <c r="Y5724">
        <v>37</v>
      </c>
      <c r="Z5724">
        <v>37</v>
      </c>
      <c r="AA5724">
        <v>38</v>
      </c>
      <c r="AB5724">
        <v>39</v>
      </c>
      <c r="AC5724">
        <v>40</v>
      </c>
      <c r="AD5724">
        <v>41</v>
      </c>
      <c r="AE5724">
        <v>42</v>
      </c>
      <c r="AF5724">
        <v>42</v>
      </c>
      <c r="AG5724">
        <v>43</v>
      </c>
      <c r="AH5724">
        <v>43</v>
      </c>
      <c r="AI5724">
        <v>43</v>
      </c>
      <c r="AJ5724">
        <v>44</v>
      </c>
      <c r="AK5724">
        <v>44</v>
      </c>
      <c r="AL5724">
        <v>45</v>
      </c>
      <c r="AM5724">
        <v>45</v>
      </c>
      <c r="AN5724">
        <v>45</v>
      </c>
      <c r="AO5724">
        <v>46</v>
      </c>
      <c r="AP5724">
        <v>46</v>
      </c>
      <c r="AQ5724">
        <v>47</v>
      </c>
    </row>
    <row r="5725" spans="1:43">
      <c r="A5725" t="s">
        <v>3580</v>
      </c>
      <c r="B5725" t="s">
        <v>3581</v>
      </c>
      <c r="C5725" t="s">
        <v>3570</v>
      </c>
      <c r="D5725" t="s">
        <v>3571</v>
      </c>
      <c r="E5725" t="s">
        <v>3352</v>
      </c>
      <c r="F5725" t="s">
        <v>3353</v>
      </c>
      <c r="G5725" t="s">
        <v>80</v>
      </c>
      <c r="H5725" t="s">
        <v>81</v>
      </c>
      <c r="I5725" s="2">
        <v>0</v>
      </c>
      <c r="J5725" s="2">
        <v>1</v>
      </c>
      <c r="K5725" s="2">
        <v>0</v>
      </c>
      <c r="L5725" t="s">
        <v>82</v>
      </c>
      <c r="M5725" t="s">
        <v>83</v>
      </c>
      <c r="N5725" t="s">
        <v>91</v>
      </c>
      <c r="O5725" t="s">
        <v>85</v>
      </c>
      <c r="P5725" t="s">
        <v>86</v>
      </c>
      <c r="Q5725">
        <v>29</v>
      </c>
      <c r="R5725">
        <v>30</v>
      </c>
      <c r="S5725">
        <v>30</v>
      </c>
      <c r="T5725">
        <v>31</v>
      </c>
      <c r="U5725">
        <v>32</v>
      </c>
      <c r="V5725">
        <v>32</v>
      </c>
      <c r="W5725">
        <v>33</v>
      </c>
      <c r="X5725">
        <v>34</v>
      </c>
      <c r="Y5725">
        <v>35</v>
      </c>
      <c r="Z5725">
        <v>35</v>
      </c>
      <c r="AA5725">
        <v>36</v>
      </c>
      <c r="AB5725">
        <v>37</v>
      </c>
      <c r="AC5725">
        <v>38</v>
      </c>
      <c r="AD5725">
        <v>38</v>
      </c>
      <c r="AE5725">
        <v>39</v>
      </c>
      <c r="AF5725">
        <v>40</v>
      </c>
      <c r="AG5725">
        <v>41</v>
      </c>
      <c r="AH5725">
        <v>41</v>
      </c>
      <c r="AI5725">
        <v>42</v>
      </c>
      <c r="AJ5725">
        <v>43</v>
      </c>
      <c r="AK5725">
        <v>44</v>
      </c>
      <c r="AL5725">
        <v>44</v>
      </c>
      <c r="AM5725">
        <v>45</v>
      </c>
      <c r="AN5725">
        <v>45</v>
      </c>
      <c r="AO5725">
        <v>45</v>
      </c>
      <c r="AP5725">
        <v>46</v>
      </c>
      <c r="AQ5725">
        <v>46</v>
      </c>
    </row>
    <row r="5726" spans="1:43">
      <c r="A5726" t="s">
        <v>3582</v>
      </c>
      <c r="B5726" t="s">
        <v>3583</v>
      </c>
      <c r="C5726" t="s">
        <v>3584</v>
      </c>
      <c r="D5726" t="s">
        <v>3585</v>
      </c>
      <c r="E5726" t="s">
        <v>3352</v>
      </c>
      <c r="F5726" t="s">
        <v>3353</v>
      </c>
      <c r="G5726" t="s">
        <v>80</v>
      </c>
      <c r="H5726" t="s">
        <v>81</v>
      </c>
      <c r="I5726" s="2">
        <v>0</v>
      </c>
      <c r="J5726" s="2">
        <v>1</v>
      </c>
      <c r="K5726" s="2">
        <v>0</v>
      </c>
      <c r="L5726" t="s">
        <v>82</v>
      </c>
      <c r="M5726" t="s">
        <v>83</v>
      </c>
      <c r="N5726" t="s">
        <v>84</v>
      </c>
      <c r="O5726" t="s">
        <v>85</v>
      </c>
      <c r="P5726" t="s">
        <v>86</v>
      </c>
      <c r="Q5726">
        <v>10</v>
      </c>
      <c r="R5726">
        <v>11</v>
      </c>
      <c r="S5726">
        <v>11</v>
      </c>
      <c r="T5726">
        <v>11</v>
      </c>
      <c r="U5726">
        <v>11</v>
      </c>
      <c r="V5726">
        <v>12</v>
      </c>
      <c r="W5726">
        <v>12</v>
      </c>
      <c r="X5726">
        <v>12</v>
      </c>
      <c r="Y5726">
        <v>12</v>
      </c>
      <c r="Z5726">
        <v>13</v>
      </c>
      <c r="AA5726">
        <v>13</v>
      </c>
      <c r="AB5726">
        <v>13</v>
      </c>
      <c r="AC5726">
        <v>13</v>
      </c>
      <c r="AD5726">
        <v>14</v>
      </c>
      <c r="AE5726">
        <v>14</v>
      </c>
      <c r="AF5726">
        <v>14</v>
      </c>
      <c r="AG5726">
        <v>15</v>
      </c>
      <c r="AH5726">
        <v>15</v>
      </c>
      <c r="AI5726">
        <v>15</v>
      </c>
      <c r="AJ5726">
        <v>15</v>
      </c>
      <c r="AK5726">
        <v>16</v>
      </c>
      <c r="AL5726">
        <v>16</v>
      </c>
      <c r="AM5726">
        <v>16</v>
      </c>
      <c r="AN5726">
        <v>16</v>
      </c>
      <c r="AO5726">
        <v>16</v>
      </c>
      <c r="AP5726">
        <v>16</v>
      </c>
      <c r="AQ5726">
        <v>17</v>
      </c>
    </row>
    <row r="5727" spans="1:43">
      <c r="A5727" t="s">
        <v>3582</v>
      </c>
      <c r="B5727" t="s">
        <v>3583</v>
      </c>
      <c r="C5727" t="s">
        <v>3584</v>
      </c>
      <c r="D5727" t="s">
        <v>3585</v>
      </c>
      <c r="E5727" t="s">
        <v>3352</v>
      </c>
      <c r="F5727" t="s">
        <v>3353</v>
      </c>
      <c r="G5727" t="s">
        <v>80</v>
      </c>
      <c r="H5727" t="s">
        <v>81</v>
      </c>
      <c r="I5727" s="2">
        <v>0</v>
      </c>
      <c r="J5727" s="2">
        <v>1</v>
      </c>
      <c r="K5727" s="2">
        <v>0</v>
      </c>
      <c r="L5727" t="s">
        <v>82</v>
      </c>
      <c r="M5727" t="s">
        <v>87</v>
      </c>
      <c r="N5727" t="s">
        <v>88</v>
      </c>
      <c r="O5727" t="s">
        <v>85</v>
      </c>
      <c r="P5727" t="s">
        <v>86</v>
      </c>
      <c r="Q5727">
        <v>10</v>
      </c>
      <c r="R5727">
        <v>10</v>
      </c>
      <c r="S5727">
        <v>11</v>
      </c>
      <c r="T5727">
        <v>11</v>
      </c>
      <c r="U5727">
        <v>11</v>
      </c>
      <c r="V5727">
        <v>11</v>
      </c>
      <c r="W5727">
        <v>11</v>
      </c>
      <c r="X5727">
        <v>11</v>
      </c>
      <c r="Y5727">
        <v>11</v>
      </c>
      <c r="Z5727">
        <v>12</v>
      </c>
      <c r="AA5727">
        <v>12</v>
      </c>
      <c r="AB5727">
        <v>12</v>
      </c>
      <c r="AC5727">
        <v>12</v>
      </c>
      <c r="AD5727">
        <v>12</v>
      </c>
      <c r="AE5727">
        <v>12</v>
      </c>
      <c r="AF5727">
        <v>13</v>
      </c>
      <c r="AG5727">
        <v>13</v>
      </c>
      <c r="AH5727">
        <v>13</v>
      </c>
      <c r="AI5727">
        <v>13</v>
      </c>
      <c r="AJ5727">
        <v>13</v>
      </c>
      <c r="AK5727">
        <v>13</v>
      </c>
      <c r="AL5727">
        <v>14</v>
      </c>
      <c r="AM5727">
        <v>14</v>
      </c>
      <c r="AN5727">
        <v>14</v>
      </c>
      <c r="AO5727">
        <v>14</v>
      </c>
      <c r="AP5727">
        <v>14</v>
      </c>
      <c r="AQ5727">
        <v>14</v>
      </c>
    </row>
    <row r="5728" spans="1:43">
      <c r="A5728" t="s">
        <v>3582</v>
      </c>
      <c r="B5728" t="s">
        <v>3583</v>
      </c>
      <c r="C5728" t="s">
        <v>3584</v>
      </c>
      <c r="D5728" t="s">
        <v>3585</v>
      </c>
      <c r="E5728" t="s">
        <v>3352</v>
      </c>
      <c r="F5728" t="s">
        <v>3353</v>
      </c>
      <c r="G5728" t="s">
        <v>80</v>
      </c>
      <c r="H5728" t="s">
        <v>81</v>
      </c>
      <c r="I5728" s="2">
        <v>0</v>
      </c>
      <c r="J5728" s="2">
        <v>1</v>
      </c>
      <c r="K5728" s="2">
        <v>0</v>
      </c>
      <c r="L5728" t="s">
        <v>82</v>
      </c>
      <c r="M5728" t="s">
        <v>89</v>
      </c>
      <c r="N5728" t="s">
        <v>90</v>
      </c>
      <c r="O5728" t="s">
        <v>85</v>
      </c>
      <c r="P5728" t="s">
        <v>86</v>
      </c>
      <c r="Q5728">
        <v>10</v>
      </c>
      <c r="R5728">
        <v>11</v>
      </c>
      <c r="S5728">
        <v>11</v>
      </c>
      <c r="T5728">
        <v>11</v>
      </c>
      <c r="U5728">
        <v>12</v>
      </c>
      <c r="V5728">
        <v>12</v>
      </c>
      <c r="W5728">
        <v>12</v>
      </c>
      <c r="X5728">
        <v>13</v>
      </c>
      <c r="Y5728">
        <v>13</v>
      </c>
      <c r="Z5728">
        <v>13</v>
      </c>
      <c r="AA5728">
        <v>14</v>
      </c>
      <c r="AB5728">
        <v>14</v>
      </c>
      <c r="AC5728">
        <v>14</v>
      </c>
      <c r="AD5728">
        <v>15</v>
      </c>
      <c r="AE5728">
        <v>15</v>
      </c>
      <c r="AF5728">
        <v>15</v>
      </c>
      <c r="AG5728">
        <v>15</v>
      </c>
      <c r="AH5728">
        <v>15</v>
      </c>
      <c r="AI5728">
        <v>16</v>
      </c>
      <c r="AJ5728">
        <v>16</v>
      </c>
      <c r="AK5728">
        <v>16</v>
      </c>
      <c r="AL5728">
        <v>16</v>
      </c>
      <c r="AM5728">
        <v>16</v>
      </c>
      <c r="AN5728">
        <v>16</v>
      </c>
      <c r="AO5728">
        <v>16</v>
      </c>
      <c r="AP5728">
        <v>17</v>
      </c>
      <c r="AQ5728">
        <v>17</v>
      </c>
    </row>
    <row r="5729" spans="1:43">
      <c r="A5729" t="s">
        <v>3582</v>
      </c>
      <c r="B5729" t="s">
        <v>3583</v>
      </c>
      <c r="C5729" t="s">
        <v>3584</v>
      </c>
      <c r="D5729" t="s">
        <v>3585</v>
      </c>
      <c r="E5729" t="s">
        <v>3352</v>
      </c>
      <c r="F5729" t="s">
        <v>3353</v>
      </c>
      <c r="G5729" t="s">
        <v>80</v>
      </c>
      <c r="H5729" t="s">
        <v>81</v>
      </c>
      <c r="I5729" s="2">
        <v>0</v>
      </c>
      <c r="J5729" s="2">
        <v>1</v>
      </c>
      <c r="K5729" s="2">
        <v>0</v>
      </c>
      <c r="L5729" t="s">
        <v>82</v>
      </c>
      <c r="M5729" t="s">
        <v>83</v>
      </c>
      <c r="N5729" t="s">
        <v>91</v>
      </c>
      <c r="O5729" t="s">
        <v>85</v>
      </c>
      <c r="P5729" t="s">
        <v>86</v>
      </c>
      <c r="Q5729">
        <v>10</v>
      </c>
      <c r="R5729">
        <v>11</v>
      </c>
      <c r="S5729">
        <v>11</v>
      </c>
      <c r="T5729">
        <v>11</v>
      </c>
      <c r="U5729">
        <v>11</v>
      </c>
      <c r="V5729">
        <v>12</v>
      </c>
      <c r="W5729">
        <v>12</v>
      </c>
      <c r="X5729">
        <v>12</v>
      </c>
      <c r="Y5729">
        <v>12</v>
      </c>
      <c r="Z5729">
        <v>13</v>
      </c>
      <c r="AA5729">
        <v>13</v>
      </c>
      <c r="AB5729">
        <v>13</v>
      </c>
      <c r="AC5729">
        <v>13</v>
      </c>
      <c r="AD5729">
        <v>14</v>
      </c>
      <c r="AE5729">
        <v>14</v>
      </c>
      <c r="AF5729">
        <v>14</v>
      </c>
      <c r="AG5729">
        <v>15</v>
      </c>
      <c r="AH5729">
        <v>15</v>
      </c>
      <c r="AI5729">
        <v>15</v>
      </c>
      <c r="AJ5729">
        <v>15</v>
      </c>
      <c r="AK5729">
        <v>16</v>
      </c>
      <c r="AL5729">
        <v>16</v>
      </c>
      <c r="AM5729">
        <v>16</v>
      </c>
      <c r="AN5729">
        <v>16</v>
      </c>
      <c r="AO5729">
        <v>16</v>
      </c>
      <c r="AP5729">
        <v>16</v>
      </c>
      <c r="AQ5729">
        <v>17</v>
      </c>
    </row>
    <row r="5730" spans="1:43">
      <c r="A5730" t="s">
        <v>3586</v>
      </c>
      <c r="B5730" t="s">
        <v>3587</v>
      </c>
      <c r="C5730" t="s">
        <v>3588</v>
      </c>
      <c r="D5730" t="s">
        <v>3589</v>
      </c>
      <c r="E5730" t="s">
        <v>3352</v>
      </c>
      <c r="F5730" t="s">
        <v>3353</v>
      </c>
      <c r="G5730" t="s">
        <v>80</v>
      </c>
      <c r="H5730" t="s">
        <v>81</v>
      </c>
      <c r="I5730" s="2">
        <v>0</v>
      </c>
      <c r="J5730" s="2">
        <v>1</v>
      </c>
      <c r="K5730" s="2">
        <v>0</v>
      </c>
      <c r="L5730" t="s">
        <v>82</v>
      </c>
      <c r="M5730" t="s">
        <v>83</v>
      </c>
      <c r="N5730" t="s">
        <v>84</v>
      </c>
      <c r="O5730" t="s">
        <v>85</v>
      </c>
      <c r="P5730" t="s">
        <v>86</v>
      </c>
      <c r="Q5730">
        <v>12</v>
      </c>
      <c r="R5730">
        <v>12</v>
      </c>
      <c r="S5730">
        <v>12</v>
      </c>
      <c r="T5730">
        <v>13</v>
      </c>
      <c r="U5730">
        <v>13</v>
      </c>
      <c r="V5730">
        <v>13</v>
      </c>
      <c r="W5730">
        <v>14</v>
      </c>
      <c r="X5730">
        <v>14</v>
      </c>
      <c r="Y5730">
        <v>14</v>
      </c>
      <c r="Z5730">
        <v>15</v>
      </c>
      <c r="AA5730">
        <v>15</v>
      </c>
      <c r="AB5730">
        <v>15</v>
      </c>
      <c r="AC5730">
        <v>15</v>
      </c>
      <c r="AD5730">
        <v>16</v>
      </c>
      <c r="AE5730">
        <v>16</v>
      </c>
      <c r="AF5730">
        <v>16</v>
      </c>
      <c r="AG5730">
        <v>17</v>
      </c>
      <c r="AH5730">
        <v>17</v>
      </c>
      <c r="AI5730">
        <v>17</v>
      </c>
      <c r="AJ5730">
        <v>18</v>
      </c>
      <c r="AK5730">
        <v>18</v>
      </c>
      <c r="AL5730">
        <v>18</v>
      </c>
      <c r="AM5730">
        <v>18</v>
      </c>
      <c r="AN5730">
        <v>18</v>
      </c>
      <c r="AO5730">
        <v>19</v>
      </c>
      <c r="AP5730">
        <v>19</v>
      </c>
      <c r="AQ5730">
        <v>19</v>
      </c>
    </row>
    <row r="5731" spans="1:43">
      <c r="A5731" t="s">
        <v>3586</v>
      </c>
      <c r="B5731" t="s">
        <v>3587</v>
      </c>
      <c r="C5731" t="s">
        <v>3588</v>
      </c>
      <c r="D5731" t="s">
        <v>3589</v>
      </c>
      <c r="E5731" t="s">
        <v>3352</v>
      </c>
      <c r="F5731" t="s">
        <v>3353</v>
      </c>
      <c r="G5731" t="s">
        <v>80</v>
      </c>
      <c r="H5731" t="s">
        <v>81</v>
      </c>
      <c r="I5731" s="2">
        <v>0</v>
      </c>
      <c r="J5731" s="2">
        <v>1</v>
      </c>
      <c r="K5731" s="2">
        <v>0</v>
      </c>
      <c r="L5731" t="s">
        <v>82</v>
      </c>
      <c r="M5731" t="s">
        <v>87</v>
      </c>
      <c r="N5731" t="s">
        <v>88</v>
      </c>
      <c r="O5731" t="s">
        <v>85</v>
      </c>
      <c r="P5731" t="s">
        <v>86</v>
      </c>
      <c r="Q5731">
        <v>12</v>
      </c>
      <c r="R5731">
        <v>12</v>
      </c>
      <c r="S5731">
        <v>12</v>
      </c>
      <c r="T5731">
        <v>12</v>
      </c>
      <c r="U5731">
        <v>12</v>
      </c>
      <c r="V5731">
        <v>13</v>
      </c>
      <c r="W5731">
        <v>13</v>
      </c>
      <c r="X5731">
        <v>13</v>
      </c>
      <c r="Y5731">
        <v>13</v>
      </c>
      <c r="Z5731">
        <v>13</v>
      </c>
      <c r="AA5731">
        <v>13</v>
      </c>
      <c r="AB5731">
        <v>14</v>
      </c>
      <c r="AC5731">
        <v>14</v>
      </c>
      <c r="AD5731">
        <v>14</v>
      </c>
      <c r="AE5731">
        <v>14</v>
      </c>
      <c r="AF5731">
        <v>14</v>
      </c>
      <c r="AG5731">
        <v>15</v>
      </c>
      <c r="AH5731">
        <v>15</v>
      </c>
      <c r="AI5731">
        <v>15</v>
      </c>
      <c r="AJ5731">
        <v>15</v>
      </c>
      <c r="AK5731">
        <v>15</v>
      </c>
      <c r="AL5731">
        <v>16</v>
      </c>
      <c r="AM5731">
        <v>16</v>
      </c>
      <c r="AN5731">
        <v>16</v>
      </c>
      <c r="AO5731">
        <v>16</v>
      </c>
      <c r="AP5731">
        <v>16</v>
      </c>
      <c r="AQ5731">
        <v>17</v>
      </c>
    </row>
    <row r="5732" spans="1:43">
      <c r="A5732" t="s">
        <v>3586</v>
      </c>
      <c r="B5732" t="s">
        <v>3587</v>
      </c>
      <c r="C5732" t="s">
        <v>3588</v>
      </c>
      <c r="D5732" t="s">
        <v>3589</v>
      </c>
      <c r="E5732" t="s">
        <v>3352</v>
      </c>
      <c r="F5732" t="s">
        <v>3353</v>
      </c>
      <c r="G5732" t="s">
        <v>80</v>
      </c>
      <c r="H5732" t="s">
        <v>81</v>
      </c>
      <c r="I5732" s="2">
        <v>0</v>
      </c>
      <c r="J5732" s="2">
        <v>1</v>
      </c>
      <c r="K5732" s="2">
        <v>0</v>
      </c>
      <c r="L5732" t="s">
        <v>82</v>
      </c>
      <c r="M5732" t="s">
        <v>89</v>
      </c>
      <c r="N5732" t="s">
        <v>90</v>
      </c>
      <c r="O5732" t="s">
        <v>85</v>
      </c>
      <c r="P5732" t="s">
        <v>86</v>
      </c>
      <c r="Q5732">
        <v>12</v>
      </c>
      <c r="R5732">
        <v>12</v>
      </c>
      <c r="S5732">
        <v>13</v>
      </c>
      <c r="T5732">
        <v>13</v>
      </c>
      <c r="U5732">
        <v>14</v>
      </c>
      <c r="V5732">
        <v>14</v>
      </c>
      <c r="W5732">
        <v>14</v>
      </c>
      <c r="X5732">
        <v>15</v>
      </c>
      <c r="Y5732">
        <v>15</v>
      </c>
      <c r="Z5732">
        <v>15</v>
      </c>
      <c r="AA5732">
        <v>16</v>
      </c>
      <c r="AB5732">
        <v>16</v>
      </c>
      <c r="AC5732">
        <v>16</v>
      </c>
      <c r="AD5732">
        <v>17</v>
      </c>
      <c r="AE5732">
        <v>17</v>
      </c>
      <c r="AF5732">
        <v>17</v>
      </c>
      <c r="AG5732">
        <v>17</v>
      </c>
      <c r="AH5732">
        <v>18</v>
      </c>
      <c r="AI5732">
        <v>18</v>
      </c>
      <c r="AJ5732">
        <v>18</v>
      </c>
      <c r="AK5732">
        <v>18</v>
      </c>
      <c r="AL5732">
        <v>18</v>
      </c>
      <c r="AM5732">
        <v>18</v>
      </c>
      <c r="AN5732">
        <v>19</v>
      </c>
      <c r="AO5732">
        <v>19</v>
      </c>
      <c r="AP5732">
        <v>19</v>
      </c>
      <c r="AQ5732">
        <v>19</v>
      </c>
    </row>
    <row r="5733" spans="1:43">
      <c r="A5733" t="s">
        <v>3586</v>
      </c>
      <c r="B5733" t="s">
        <v>3587</v>
      </c>
      <c r="C5733" t="s">
        <v>3588</v>
      </c>
      <c r="D5733" t="s">
        <v>3589</v>
      </c>
      <c r="E5733" t="s">
        <v>3352</v>
      </c>
      <c r="F5733" t="s">
        <v>3353</v>
      </c>
      <c r="G5733" t="s">
        <v>80</v>
      </c>
      <c r="H5733" t="s">
        <v>81</v>
      </c>
      <c r="I5733" s="2">
        <v>0</v>
      </c>
      <c r="J5733" s="2">
        <v>1</v>
      </c>
      <c r="K5733" s="2">
        <v>0</v>
      </c>
      <c r="L5733" t="s">
        <v>82</v>
      </c>
      <c r="M5733" t="s">
        <v>83</v>
      </c>
      <c r="N5733" t="s">
        <v>91</v>
      </c>
      <c r="O5733" t="s">
        <v>85</v>
      </c>
      <c r="P5733" t="s">
        <v>86</v>
      </c>
      <c r="Q5733">
        <v>12</v>
      </c>
      <c r="R5733">
        <v>12</v>
      </c>
      <c r="S5733">
        <v>12</v>
      </c>
      <c r="T5733">
        <v>13</v>
      </c>
      <c r="U5733">
        <v>13</v>
      </c>
      <c r="V5733">
        <v>13</v>
      </c>
      <c r="W5733">
        <v>14</v>
      </c>
      <c r="X5733">
        <v>14</v>
      </c>
      <c r="Y5733">
        <v>14</v>
      </c>
      <c r="Z5733">
        <v>15</v>
      </c>
      <c r="AA5733">
        <v>15</v>
      </c>
      <c r="AB5733">
        <v>15</v>
      </c>
      <c r="AC5733">
        <v>15</v>
      </c>
      <c r="AD5733">
        <v>16</v>
      </c>
      <c r="AE5733">
        <v>16</v>
      </c>
      <c r="AF5733">
        <v>16</v>
      </c>
      <c r="AG5733">
        <v>17</v>
      </c>
      <c r="AH5733">
        <v>17</v>
      </c>
      <c r="AI5733">
        <v>17</v>
      </c>
      <c r="AJ5733">
        <v>18</v>
      </c>
      <c r="AK5733">
        <v>18</v>
      </c>
      <c r="AL5733">
        <v>18</v>
      </c>
      <c r="AM5733">
        <v>18</v>
      </c>
      <c r="AN5733">
        <v>18</v>
      </c>
      <c r="AO5733">
        <v>19</v>
      </c>
      <c r="AP5733">
        <v>19</v>
      </c>
      <c r="AQ5733">
        <v>19</v>
      </c>
    </row>
    <row r="5734" spans="1:43">
      <c r="A5734" t="s">
        <v>3590</v>
      </c>
      <c r="B5734" t="s">
        <v>3591</v>
      </c>
      <c r="C5734" t="s">
        <v>3588</v>
      </c>
      <c r="D5734" t="s">
        <v>3589</v>
      </c>
      <c r="E5734" t="s">
        <v>3352</v>
      </c>
      <c r="F5734" t="s">
        <v>3353</v>
      </c>
      <c r="G5734" t="s">
        <v>80</v>
      </c>
      <c r="H5734" t="s">
        <v>81</v>
      </c>
      <c r="I5734" s="2">
        <v>0</v>
      </c>
      <c r="J5734" s="2">
        <v>1</v>
      </c>
      <c r="K5734" s="2">
        <v>0</v>
      </c>
      <c r="L5734" t="s">
        <v>82</v>
      </c>
      <c r="M5734" t="s">
        <v>83</v>
      </c>
      <c r="N5734" t="s">
        <v>84</v>
      </c>
      <c r="O5734" t="s">
        <v>85</v>
      </c>
      <c r="P5734" t="s">
        <v>86</v>
      </c>
      <c r="Q5734">
        <v>11</v>
      </c>
      <c r="R5734">
        <v>11</v>
      </c>
      <c r="S5734">
        <v>11</v>
      </c>
      <c r="T5734">
        <v>12</v>
      </c>
      <c r="U5734">
        <v>12</v>
      </c>
      <c r="V5734">
        <v>12</v>
      </c>
      <c r="W5734">
        <v>12</v>
      </c>
      <c r="X5734">
        <v>13</v>
      </c>
      <c r="Y5734">
        <v>13</v>
      </c>
      <c r="Z5734">
        <v>13</v>
      </c>
      <c r="AA5734">
        <v>14</v>
      </c>
      <c r="AB5734">
        <v>14</v>
      </c>
      <c r="AC5734">
        <v>14</v>
      </c>
      <c r="AD5734">
        <v>14</v>
      </c>
      <c r="AE5734">
        <v>15</v>
      </c>
      <c r="AF5734">
        <v>15</v>
      </c>
      <c r="AG5734">
        <v>15</v>
      </c>
      <c r="AH5734">
        <v>16</v>
      </c>
      <c r="AI5734">
        <v>16</v>
      </c>
      <c r="AJ5734">
        <v>16</v>
      </c>
      <c r="AK5734">
        <v>16</v>
      </c>
      <c r="AL5734">
        <v>17</v>
      </c>
      <c r="AM5734">
        <v>17</v>
      </c>
      <c r="AN5734">
        <v>17</v>
      </c>
      <c r="AO5734">
        <v>17</v>
      </c>
      <c r="AP5734">
        <v>17</v>
      </c>
      <c r="AQ5734">
        <v>17</v>
      </c>
    </row>
    <row r="5735" spans="1:43">
      <c r="A5735" t="s">
        <v>3590</v>
      </c>
      <c r="B5735" t="s">
        <v>3591</v>
      </c>
      <c r="C5735" t="s">
        <v>3588</v>
      </c>
      <c r="D5735" t="s">
        <v>3589</v>
      </c>
      <c r="E5735" t="s">
        <v>3352</v>
      </c>
      <c r="F5735" t="s">
        <v>3353</v>
      </c>
      <c r="G5735" t="s">
        <v>80</v>
      </c>
      <c r="H5735" t="s">
        <v>81</v>
      </c>
      <c r="I5735" s="2">
        <v>0</v>
      </c>
      <c r="J5735" s="2">
        <v>1</v>
      </c>
      <c r="K5735" s="2">
        <v>0</v>
      </c>
      <c r="L5735" t="s">
        <v>82</v>
      </c>
      <c r="M5735" t="s">
        <v>87</v>
      </c>
      <c r="N5735" t="s">
        <v>88</v>
      </c>
      <c r="O5735" t="s">
        <v>85</v>
      </c>
      <c r="P5735" t="s">
        <v>86</v>
      </c>
      <c r="Q5735">
        <v>11</v>
      </c>
      <c r="R5735">
        <v>11</v>
      </c>
      <c r="S5735">
        <v>11</v>
      </c>
      <c r="T5735">
        <v>11</v>
      </c>
      <c r="U5735">
        <v>11</v>
      </c>
      <c r="V5735">
        <v>12</v>
      </c>
      <c r="W5735">
        <v>12</v>
      </c>
      <c r="X5735">
        <v>12</v>
      </c>
      <c r="Y5735">
        <v>12</v>
      </c>
      <c r="Z5735">
        <v>12</v>
      </c>
      <c r="AA5735">
        <v>12</v>
      </c>
      <c r="AB5735">
        <v>13</v>
      </c>
      <c r="AC5735">
        <v>13</v>
      </c>
      <c r="AD5735">
        <v>13</v>
      </c>
      <c r="AE5735">
        <v>13</v>
      </c>
      <c r="AF5735">
        <v>13</v>
      </c>
      <c r="AG5735">
        <v>13</v>
      </c>
      <c r="AH5735">
        <v>14</v>
      </c>
      <c r="AI5735">
        <v>14</v>
      </c>
      <c r="AJ5735">
        <v>14</v>
      </c>
      <c r="AK5735">
        <v>14</v>
      </c>
      <c r="AL5735">
        <v>14</v>
      </c>
      <c r="AM5735">
        <v>14</v>
      </c>
      <c r="AN5735">
        <v>15</v>
      </c>
      <c r="AO5735">
        <v>15</v>
      </c>
      <c r="AP5735">
        <v>15</v>
      </c>
      <c r="AQ5735">
        <v>15</v>
      </c>
    </row>
    <row r="5736" spans="1:43">
      <c r="A5736" t="s">
        <v>3590</v>
      </c>
      <c r="B5736" t="s">
        <v>3591</v>
      </c>
      <c r="C5736" t="s">
        <v>3588</v>
      </c>
      <c r="D5736" t="s">
        <v>3589</v>
      </c>
      <c r="E5736" t="s">
        <v>3352</v>
      </c>
      <c r="F5736" t="s">
        <v>3353</v>
      </c>
      <c r="G5736" t="s">
        <v>80</v>
      </c>
      <c r="H5736" t="s">
        <v>81</v>
      </c>
      <c r="I5736" s="2">
        <v>0</v>
      </c>
      <c r="J5736" s="2">
        <v>1</v>
      </c>
      <c r="K5736" s="2">
        <v>0</v>
      </c>
      <c r="L5736" t="s">
        <v>82</v>
      </c>
      <c r="M5736" t="s">
        <v>89</v>
      </c>
      <c r="N5736" t="s">
        <v>90</v>
      </c>
      <c r="O5736" t="s">
        <v>85</v>
      </c>
      <c r="P5736" t="s">
        <v>86</v>
      </c>
      <c r="Q5736">
        <v>11</v>
      </c>
      <c r="R5736">
        <v>11</v>
      </c>
      <c r="S5736">
        <v>12</v>
      </c>
      <c r="T5736">
        <v>12</v>
      </c>
      <c r="U5736">
        <v>12</v>
      </c>
      <c r="V5736">
        <v>13</v>
      </c>
      <c r="W5736">
        <v>13</v>
      </c>
      <c r="X5736">
        <v>13</v>
      </c>
      <c r="Y5736">
        <v>14</v>
      </c>
      <c r="Z5736">
        <v>14</v>
      </c>
      <c r="AA5736">
        <v>14</v>
      </c>
      <c r="AB5736">
        <v>15</v>
      </c>
      <c r="AC5736">
        <v>15</v>
      </c>
      <c r="AD5736">
        <v>15</v>
      </c>
      <c r="AE5736">
        <v>16</v>
      </c>
      <c r="AF5736">
        <v>16</v>
      </c>
      <c r="AG5736">
        <v>16</v>
      </c>
      <c r="AH5736">
        <v>16</v>
      </c>
      <c r="AI5736">
        <v>16</v>
      </c>
      <c r="AJ5736">
        <v>16</v>
      </c>
      <c r="AK5736">
        <v>17</v>
      </c>
      <c r="AL5736">
        <v>17</v>
      </c>
      <c r="AM5736">
        <v>17</v>
      </c>
      <c r="AN5736">
        <v>17</v>
      </c>
      <c r="AO5736">
        <v>17</v>
      </c>
      <c r="AP5736">
        <v>17</v>
      </c>
      <c r="AQ5736">
        <v>17</v>
      </c>
    </row>
    <row r="5737" spans="1:43">
      <c r="A5737" t="s">
        <v>3590</v>
      </c>
      <c r="B5737" t="s">
        <v>3591</v>
      </c>
      <c r="C5737" t="s">
        <v>3588</v>
      </c>
      <c r="D5737" t="s">
        <v>3589</v>
      </c>
      <c r="E5737" t="s">
        <v>3352</v>
      </c>
      <c r="F5737" t="s">
        <v>3353</v>
      </c>
      <c r="G5737" t="s">
        <v>80</v>
      </c>
      <c r="H5737" t="s">
        <v>81</v>
      </c>
      <c r="I5737" s="2">
        <v>0</v>
      </c>
      <c r="J5737" s="2">
        <v>1</v>
      </c>
      <c r="K5737" s="2">
        <v>0</v>
      </c>
      <c r="L5737" t="s">
        <v>82</v>
      </c>
      <c r="M5737" t="s">
        <v>83</v>
      </c>
      <c r="N5737" t="s">
        <v>91</v>
      </c>
      <c r="O5737" t="s">
        <v>85</v>
      </c>
      <c r="P5737" t="s">
        <v>86</v>
      </c>
      <c r="Q5737">
        <v>11</v>
      </c>
      <c r="R5737">
        <v>11</v>
      </c>
      <c r="S5737">
        <v>11</v>
      </c>
      <c r="T5737">
        <v>12</v>
      </c>
      <c r="U5737">
        <v>12</v>
      </c>
      <c r="V5737">
        <v>12</v>
      </c>
      <c r="W5737">
        <v>12</v>
      </c>
      <c r="X5737">
        <v>13</v>
      </c>
      <c r="Y5737">
        <v>13</v>
      </c>
      <c r="Z5737">
        <v>13</v>
      </c>
      <c r="AA5737">
        <v>14</v>
      </c>
      <c r="AB5737">
        <v>14</v>
      </c>
      <c r="AC5737">
        <v>14</v>
      </c>
      <c r="AD5737">
        <v>14</v>
      </c>
      <c r="AE5737">
        <v>15</v>
      </c>
      <c r="AF5737">
        <v>15</v>
      </c>
      <c r="AG5737">
        <v>15</v>
      </c>
      <c r="AH5737">
        <v>16</v>
      </c>
      <c r="AI5737">
        <v>16</v>
      </c>
      <c r="AJ5737">
        <v>16</v>
      </c>
      <c r="AK5737">
        <v>16</v>
      </c>
      <c r="AL5737">
        <v>17</v>
      </c>
      <c r="AM5737">
        <v>17</v>
      </c>
      <c r="AN5737">
        <v>17</v>
      </c>
      <c r="AO5737">
        <v>17</v>
      </c>
      <c r="AP5737">
        <v>17</v>
      </c>
      <c r="AQ5737">
        <v>17</v>
      </c>
    </row>
    <row r="5738" spans="1:43">
      <c r="A5738" t="s">
        <v>3592</v>
      </c>
      <c r="B5738" t="s">
        <v>3593</v>
      </c>
      <c r="C5738" t="s">
        <v>3588</v>
      </c>
      <c r="D5738" t="s">
        <v>3589</v>
      </c>
      <c r="E5738" t="s">
        <v>3352</v>
      </c>
      <c r="F5738" t="s">
        <v>3353</v>
      </c>
      <c r="G5738" t="s">
        <v>80</v>
      </c>
      <c r="H5738" t="s">
        <v>81</v>
      </c>
      <c r="I5738" s="2">
        <v>0</v>
      </c>
      <c r="J5738" s="2">
        <v>1</v>
      </c>
      <c r="K5738" s="2">
        <v>0</v>
      </c>
      <c r="L5738" t="s">
        <v>82</v>
      </c>
      <c r="M5738" t="s">
        <v>83</v>
      </c>
      <c r="N5738" t="s">
        <v>84</v>
      </c>
      <c r="O5738" t="s">
        <v>85</v>
      </c>
      <c r="P5738" t="s">
        <v>86</v>
      </c>
      <c r="Q5738">
        <v>9</v>
      </c>
      <c r="R5738">
        <v>9</v>
      </c>
      <c r="S5738">
        <v>9</v>
      </c>
      <c r="T5738">
        <v>10</v>
      </c>
      <c r="U5738">
        <v>10</v>
      </c>
      <c r="V5738">
        <v>10</v>
      </c>
      <c r="W5738">
        <v>10</v>
      </c>
      <c r="X5738">
        <v>11</v>
      </c>
      <c r="Y5738">
        <v>11</v>
      </c>
      <c r="Z5738">
        <v>11</v>
      </c>
      <c r="AA5738">
        <v>11</v>
      </c>
      <c r="AB5738">
        <v>12</v>
      </c>
      <c r="AC5738">
        <v>12</v>
      </c>
      <c r="AD5738">
        <v>12</v>
      </c>
      <c r="AE5738">
        <v>12</v>
      </c>
      <c r="AF5738">
        <v>12</v>
      </c>
      <c r="AG5738">
        <v>13</v>
      </c>
      <c r="AH5738">
        <v>13</v>
      </c>
      <c r="AI5738">
        <v>13</v>
      </c>
      <c r="AJ5738">
        <v>13</v>
      </c>
      <c r="AK5738">
        <v>14</v>
      </c>
      <c r="AL5738">
        <v>14</v>
      </c>
      <c r="AM5738">
        <v>14</v>
      </c>
      <c r="AN5738">
        <v>14</v>
      </c>
      <c r="AO5738">
        <v>14</v>
      </c>
      <c r="AP5738">
        <v>14</v>
      </c>
      <c r="AQ5738">
        <v>14</v>
      </c>
    </row>
    <row r="5739" spans="1:43">
      <c r="A5739" t="s">
        <v>3592</v>
      </c>
      <c r="B5739" t="s">
        <v>3593</v>
      </c>
      <c r="C5739" t="s">
        <v>3588</v>
      </c>
      <c r="D5739" t="s">
        <v>3589</v>
      </c>
      <c r="E5739" t="s">
        <v>3352</v>
      </c>
      <c r="F5739" t="s">
        <v>3353</v>
      </c>
      <c r="G5739" t="s">
        <v>80</v>
      </c>
      <c r="H5739" t="s">
        <v>81</v>
      </c>
      <c r="I5739" s="2">
        <v>0</v>
      </c>
      <c r="J5739" s="2">
        <v>1</v>
      </c>
      <c r="K5739" s="2">
        <v>0</v>
      </c>
      <c r="L5739" t="s">
        <v>82</v>
      </c>
      <c r="M5739" t="s">
        <v>87</v>
      </c>
      <c r="N5739" t="s">
        <v>88</v>
      </c>
      <c r="O5739" t="s">
        <v>85</v>
      </c>
      <c r="P5739" t="s">
        <v>86</v>
      </c>
      <c r="Q5739">
        <v>9</v>
      </c>
      <c r="R5739">
        <v>9</v>
      </c>
      <c r="S5739">
        <v>9</v>
      </c>
      <c r="T5739">
        <v>9</v>
      </c>
      <c r="U5739">
        <v>9</v>
      </c>
      <c r="V5739">
        <v>10</v>
      </c>
      <c r="W5739">
        <v>10</v>
      </c>
      <c r="X5739">
        <v>10</v>
      </c>
      <c r="Y5739">
        <v>10</v>
      </c>
      <c r="Z5739">
        <v>10</v>
      </c>
      <c r="AA5739">
        <v>10</v>
      </c>
      <c r="AB5739">
        <v>10</v>
      </c>
      <c r="AC5739">
        <v>11</v>
      </c>
      <c r="AD5739">
        <v>11</v>
      </c>
      <c r="AE5739">
        <v>11</v>
      </c>
      <c r="AF5739">
        <v>11</v>
      </c>
      <c r="AG5739">
        <v>11</v>
      </c>
      <c r="AH5739">
        <v>11</v>
      </c>
      <c r="AI5739">
        <v>11</v>
      </c>
      <c r="AJ5739">
        <v>12</v>
      </c>
      <c r="AK5739">
        <v>12</v>
      </c>
      <c r="AL5739">
        <v>12</v>
      </c>
      <c r="AM5739">
        <v>12</v>
      </c>
      <c r="AN5739">
        <v>12</v>
      </c>
      <c r="AO5739">
        <v>12</v>
      </c>
      <c r="AP5739">
        <v>12</v>
      </c>
      <c r="AQ5739">
        <v>13</v>
      </c>
    </row>
    <row r="5740" spans="1:43">
      <c r="A5740" t="s">
        <v>3592</v>
      </c>
      <c r="B5740" t="s">
        <v>3593</v>
      </c>
      <c r="C5740" t="s">
        <v>3588</v>
      </c>
      <c r="D5740" t="s">
        <v>3589</v>
      </c>
      <c r="E5740" t="s">
        <v>3352</v>
      </c>
      <c r="F5740" t="s">
        <v>3353</v>
      </c>
      <c r="G5740" t="s">
        <v>80</v>
      </c>
      <c r="H5740" t="s">
        <v>81</v>
      </c>
      <c r="I5740" s="2">
        <v>0</v>
      </c>
      <c r="J5740" s="2">
        <v>1</v>
      </c>
      <c r="K5740" s="2">
        <v>0</v>
      </c>
      <c r="L5740" t="s">
        <v>82</v>
      </c>
      <c r="M5740" t="s">
        <v>89</v>
      </c>
      <c r="N5740" t="s">
        <v>90</v>
      </c>
      <c r="O5740" t="s">
        <v>85</v>
      </c>
      <c r="P5740" t="s">
        <v>86</v>
      </c>
      <c r="Q5740">
        <v>9</v>
      </c>
      <c r="R5740">
        <v>9</v>
      </c>
      <c r="S5740">
        <v>10</v>
      </c>
      <c r="T5740">
        <v>10</v>
      </c>
      <c r="U5740">
        <v>10</v>
      </c>
      <c r="V5740">
        <v>11</v>
      </c>
      <c r="W5740">
        <v>11</v>
      </c>
      <c r="X5740">
        <v>11</v>
      </c>
      <c r="Y5740">
        <v>11</v>
      </c>
      <c r="Z5740">
        <v>12</v>
      </c>
      <c r="AA5740">
        <v>12</v>
      </c>
      <c r="AB5740">
        <v>12</v>
      </c>
      <c r="AC5740">
        <v>13</v>
      </c>
      <c r="AD5740">
        <v>13</v>
      </c>
      <c r="AE5740">
        <v>13</v>
      </c>
      <c r="AF5740">
        <v>13</v>
      </c>
      <c r="AG5740">
        <v>13</v>
      </c>
      <c r="AH5740">
        <v>13</v>
      </c>
      <c r="AI5740">
        <v>14</v>
      </c>
      <c r="AJ5740">
        <v>14</v>
      </c>
      <c r="AK5740">
        <v>14</v>
      </c>
      <c r="AL5740">
        <v>14</v>
      </c>
      <c r="AM5740">
        <v>14</v>
      </c>
      <c r="AN5740">
        <v>14</v>
      </c>
      <c r="AO5740">
        <v>14</v>
      </c>
      <c r="AP5740">
        <v>14</v>
      </c>
      <c r="AQ5740">
        <v>15</v>
      </c>
    </row>
    <row r="5741" spans="1:43">
      <c r="A5741" t="s">
        <v>3592</v>
      </c>
      <c r="B5741" t="s">
        <v>3593</v>
      </c>
      <c r="C5741" t="s">
        <v>3588</v>
      </c>
      <c r="D5741" t="s">
        <v>3589</v>
      </c>
      <c r="E5741" t="s">
        <v>3352</v>
      </c>
      <c r="F5741" t="s">
        <v>3353</v>
      </c>
      <c r="G5741" t="s">
        <v>80</v>
      </c>
      <c r="H5741" t="s">
        <v>81</v>
      </c>
      <c r="I5741" s="2">
        <v>0</v>
      </c>
      <c r="J5741" s="2">
        <v>1</v>
      </c>
      <c r="K5741" s="2">
        <v>0</v>
      </c>
      <c r="L5741" t="s">
        <v>82</v>
      </c>
      <c r="M5741" t="s">
        <v>83</v>
      </c>
      <c r="N5741" t="s">
        <v>91</v>
      </c>
      <c r="O5741" t="s">
        <v>85</v>
      </c>
      <c r="P5741" t="s">
        <v>86</v>
      </c>
      <c r="Q5741">
        <v>9</v>
      </c>
      <c r="R5741">
        <v>9</v>
      </c>
      <c r="S5741">
        <v>9</v>
      </c>
      <c r="T5741">
        <v>10</v>
      </c>
      <c r="U5741">
        <v>10</v>
      </c>
      <c r="V5741">
        <v>10</v>
      </c>
      <c r="W5741">
        <v>10</v>
      </c>
      <c r="X5741">
        <v>11</v>
      </c>
      <c r="Y5741">
        <v>11</v>
      </c>
      <c r="Z5741">
        <v>11</v>
      </c>
      <c r="AA5741">
        <v>11</v>
      </c>
      <c r="AB5741">
        <v>12</v>
      </c>
      <c r="AC5741">
        <v>12</v>
      </c>
      <c r="AD5741">
        <v>12</v>
      </c>
      <c r="AE5741">
        <v>12</v>
      </c>
      <c r="AF5741">
        <v>12</v>
      </c>
      <c r="AG5741">
        <v>13</v>
      </c>
      <c r="AH5741">
        <v>13</v>
      </c>
      <c r="AI5741">
        <v>13</v>
      </c>
      <c r="AJ5741">
        <v>13</v>
      </c>
      <c r="AK5741">
        <v>14</v>
      </c>
      <c r="AL5741">
        <v>14</v>
      </c>
      <c r="AM5741">
        <v>14</v>
      </c>
      <c r="AN5741">
        <v>14</v>
      </c>
      <c r="AO5741">
        <v>14</v>
      </c>
      <c r="AP5741">
        <v>14</v>
      </c>
      <c r="AQ5741">
        <v>14</v>
      </c>
    </row>
    <row r="5742" spans="1:43">
      <c r="A5742" t="s">
        <v>3594</v>
      </c>
      <c r="B5742" t="s">
        <v>3595</v>
      </c>
      <c r="C5742" t="s">
        <v>3588</v>
      </c>
      <c r="D5742" t="s">
        <v>3589</v>
      </c>
      <c r="E5742" t="s">
        <v>3352</v>
      </c>
      <c r="F5742" t="s">
        <v>3353</v>
      </c>
      <c r="G5742" t="s">
        <v>80</v>
      </c>
      <c r="H5742" t="s">
        <v>81</v>
      </c>
      <c r="I5742" s="2">
        <v>0</v>
      </c>
      <c r="J5742" s="2">
        <v>1</v>
      </c>
      <c r="K5742" s="2">
        <v>0</v>
      </c>
      <c r="L5742" t="s">
        <v>82</v>
      </c>
      <c r="M5742" t="s">
        <v>83</v>
      </c>
      <c r="N5742" t="s">
        <v>84</v>
      </c>
      <c r="O5742" t="s">
        <v>85</v>
      </c>
      <c r="P5742" t="s">
        <v>86</v>
      </c>
      <c r="Q5742">
        <v>31</v>
      </c>
      <c r="R5742">
        <v>32</v>
      </c>
      <c r="S5742">
        <v>32</v>
      </c>
      <c r="T5742">
        <v>33</v>
      </c>
      <c r="U5742">
        <v>34</v>
      </c>
      <c r="V5742">
        <v>35</v>
      </c>
      <c r="W5742">
        <v>36</v>
      </c>
      <c r="X5742">
        <v>36</v>
      </c>
      <c r="Y5742">
        <v>37</v>
      </c>
      <c r="Z5742">
        <v>38</v>
      </c>
      <c r="AA5742">
        <v>39</v>
      </c>
      <c r="AB5742">
        <v>40</v>
      </c>
      <c r="AC5742">
        <v>40</v>
      </c>
      <c r="AD5742">
        <v>41</v>
      </c>
      <c r="AE5742">
        <v>42</v>
      </c>
      <c r="AF5742">
        <v>43</v>
      </c>
      <c r="AG5742">
        <v>43</v>
      </c>
      <c r="AH5742">
        <v>44</v>
      </c>
      <c r="AI5742">
        <v>45</v>
      </c>
      <c r="AJ5742">
        <v>46</v>
      </c>
      <c r="AK5742">
        <v>47</v>
      </c>
      <c r="AL5742">
        <v>47</v>
      </c>
      <c r="AM5742">
        <v>48</v>
      </c>
      <c r="AN5742">
        <v>48</v>
      </c>
      <c r="AO5742">
        <v>49</v>
      </c>
      <c r="AP5742">
        <v>49</v>
      </c>
      <c r="AQ5742">
        <v>49</v>
      </c>
    </row>
    <row r="5743" spans="1:43">
      <c r="A5743" t="s">
        <v>3594</v>
      </c>
      <c r="B5743" t="s">
        <v>3595</v>
      </c>
      <c r="C5743" t="s">
        <v>3588</v>
      </c>
      <c r="D5743" t="s">
        <v>3589</v>
      </c>
      <c r="E5743" t="s">
        <v>3352</v>
      </c>
      <c r="F5743" t="s">
        <v>3353</v>
      </c>
      <c r="G5743" t="s">
        <v>80</v>
      </c>
      <c r="H5743" t="s">
        <v>81</v>
      </c>
      <c r="I5743" s="2">
        <v>0</v>
      </c>
      <c r="J5743" s="2">
        <v>1</v>
      </c>
      <c r="K5743" s="2">
        <v>0</v>
      </c>
      <c r="L5743" t="s">
        <v>82</v>
      </c>
      <c r="M5743" t="s">
        <v>87</v>
      </c>
      <c r="N5743" t="s">
        <v>88</v>
      </c>
      <c r="O5743" t="s">
        <v>85</v>
      </c>
      <c r="P5743" t="s">
        <v>86</v>
      </c>
      <c r="Q5743">
        <v>31</v>
      </c>
      <c r="R5743">
        <v>31</v>
      </c>
      <c r="S5743">
        <v>32</v>
      </c>
      <c r="T5743">
        <v>32</v>
      </c>
      <c r="U5743">
        <v>33</v>
      </c>
      <c r="V5743">
        <v>33</v>
      </c>
      <c r="W5743">
        <v>33</v>
      </c>
      <c r="X5743">
        <v>34</v>
      </c>
      <c r="Y5743">
        <v>34</v>
      </c>
      <c r="Z5743">
        <v>35</v>
      </c>
      <c r="AA5743">
        <v>35</v>
      </c>
      <c r="AB5743">
        <v>36</v>
      </c>
      <c r="AC5743">
        <v>36</v>
      </c>
      <c r="AD5743">
        <v>37</v>
      </c>
      <c r="AE5743">
        <v>37</v>
      </c>
      <c r="AF5743">
        <v>38</v>
      </c>
      <c r="AG5743">
        <v>38</v>
      </c>
      <c r="AH5743">
        <v>39</v>
      </c>
      <c r="AI5743">
        <v>39</v>
      </c>
      <c r="AJ5743">
        <v>40</v>
      </c>
      <c r="AK5743">
        <v>40</v>
      </c>
      <c r="AL5743">
        <v>41</v>
      </c>
      <c r="AM5743">
        <v>41</v>
      </c>
      <c r="AN5743">
        <v>42</v>
      </c>
      <c r="AO5743">
        <v>42</v>
      </c>
      <c r="AP5743">
        <v>43</v>
      </c>
      <c r="AQ5743">
        <v>43</v>
      </c>
    </row>
    <row r="5744" spans="1:43">
      <c r="A5744" t="s">
        <v>3594</v>
      </c>
      <c r="B5744" t="s">
        <v>3595</v>
      </c>
      <c r="C5744" t="s">
        <v>3588</v>
      </c>
      <c r="D5744" t="s">
        <v>3589</v>
      </c>
      <c r="E5744" t="s">
        <v>3352</v>
      </c>
      <c r="F5744" t="s">
        <v>3353</v>
      </c>
      <c r="G5744" t="s">
        <v>80</v>
      </c>
      <c r="H5744" t="s">
        <v>81</v>
      </c>
      <c r="I5744" s="2">
        <v>0</v>
      </c>
      <c r="J5744" s="2">
        <v>1</v>
      </c>
      <c r="K5744" s="2">
        <v>0</v>
      </c>
      <c r="L5744" t="s">
        <v>82</v>
      </c>
      <c r="M5744" t="s">
        <v>89</v>
      </c>
      <c r="N5744" t="s">
        <v>90</v>
      </c>
      <c r="O5744" t="s">
        <v>85</v>
      </c>
      <c r="P5744" t="s">
        <v>86</v>
      </c>
      <c r="Q5744">
        <v>31</v>
      </c>
      <c r="R5744">
        <v>32</v>
      </c>
      <c r="S5744">
        <v>33</v>
      </c>
      <c r="T5744">
        <v>34</v>
      </c>
      <c r="U5744">
        <v>35</v>
      </c>
      <c r="V5744">
        <v>36</v>
      </c>
      <c r="W5744">
        <v>37</v>
      </c>
      <c r="X5744">
        <v>38</v>
      </c>
      <c r="Y5744">
        <v>39</v>
      </c>
      <c r="Z5744">
        <v>40</v>
      </c>
      <c r="AA5744">
        <v>41</v>
      </c>
      <c r="AB5744">
        <v>42</v>
      </c>
      <c r="AC5744">
        <v>43</v>
      </c>
      <c r="AD5744">
        <v>44</v>
      </c>
      <c r="AE5744">
        <v>45</v>
      </c>
      <c r="AF5744">
        <v>45</v>
      </c>
      <c r="AG5744">
        <v>46</v>
      </c>
      <c r="AH5744">
        <v>46</v>
      </c>
      <c r="AI5744">
        <v>46</v>
      </c>
      <c r="AJ5744">
        <v>47</v>
      </c>
      <c r="AK5744">
        <v>47</v>
      </c>
      <c r="AL5744">
        <v>48</v>
      </c>
      <c r="AM5744">
        <v>48</v>
      </c>
      <c r="AN5744">
        <v>49</v>
      </c>
      <c r="AO5744">
        <v>49</v>
      </c>
      <c r="AP5744">
        <v>49</v>
      </c>
      <c r="AQ5744">
        <v>50</v>
      </c>
    </row>
    <row r="5745" spans="1:43">
      <c r="A5745" t="s">
        <v>3594</v>
      </c>
      <c r="B5745" t="s">
        <v>3595</v>
      </c>
      <c r="C5745" t="s">
        <v>3588</v>
      </c>
      <c r="D5745" t="s">
        <v>3589</v>
      </c>
      <c r="E5745" t="s">
        <v>3352</v>
      </c>
      <c r="F5745" t="s">
        <v>3353</v>
      </c>
      <c r="G5745" t="s">
        <v>80</v>
      </c>
      <c r="H5745" t="s">
        <v>81</v>
      </c>
      <c r="I5745" s="2">
        <v>0</v>
      </c>
      <c r="J5745" s="2">
        <v>1</v>
      </c>
      <c r="K5745" s="2">
        <v>0</v>
      </c>
      <c r="L5745" t="s">
        <v>82</v>
      </c>
      <c r="M5745" t="s">
        <v>83</v>
      </c>
      <c r="N5745" t="s">
        <v>91</v>
      </c>
      <c r="O5745" t="s">
        <v>85</v>
      </c>
      <c r="P5745" t="s">
        <v>86</v>
      </c>
      <c r="Q5745">
        <v>31</v>
      </c>
      <c r="R5745">
        <v>32</v>
      </c>
      <c r="S5745">
        <v>32</v>
      </c>
      <c r="T5745">
        <v>33</v>
      </c>
      <c r="U5745">
        <v>34</v>
      </c>
      <c r="V5745">
        <v>35</v>
      </c>
      <c r="W5745">
        <v>36</v>
      </c>
      <c r="X5745">
        <v>36</v>
      </c>
      <c r="Y5745">
        <v>37</v>
      </c>
      <c r="Z5745">
        <v>38</v>
      </c>
      <c r="AA5745">
        <v>39</v>
      </c>
      <c r="AB5745">
        <v>40</v>
      </c>
      <c r="AC5745">
        <v>40</v>
      </c>
      <c r="AD5745">
        <v>41</v>
      </c>
      <c r="AE5745">
        <v>42</v>
      </c>
      <c r="AF5745">
        <v>43</v>
      </c>
      <c r="AG5745">
        <v>43</v>
      </c>
      <c r="AH5745">
        <v>44</v>
      </c>
      <c r="AI5745">
        <v>45</v>
      </c>
      <c r="AJ5745">
        <v>46</v>
      </c>
      <c r="AK5745">
        <v>47</v>
      </c>
      <c r="AL5745">
        <v>47</v>
      </c>
      <c r="AM5745">
        <v>48</v>
      </c>
      <c r="AN5745">
        <v>48</v>
      </c>
      <c r="AO5745">
        <v>49</v>
      </c>
      <c r="AP5745">
        <v>49</v>
      </c>
      <c r="AQ5745">
        <v>49</v>
      </c>
    </row>
    <row r="5746" spans="1:43">
      <c r="A5746" t="s">
        <v>3596</v>
      </c>
      <c r="B5746" t="s">
        <v>3597</v>
      </c>
      <c r="C5746" t="s">
        <v>3584</v>
      </c>
      <c r="D5746" t="s">
        <v>3585</v>
      </c>
      <c r="E5746" t="s">
        <v>3352</v>
      </c>
      <c r="F5746" t="s">
        <v>3353</v>
      </c>
      <c r="G5746" t="s">
        <v>80</v>
      </c>
      <c r="H5746" t="s">
        <v>81</v>
      </c>
      <c r="I5746" s="2">
        <v>0</v>
      </c>
      <c r="J5746" s="2">
        <v>1</v>
      </c>
      <c r="K5746" s="2">
        <v>0</v>
      </c>
      <c r="L5746" t="s">
        <v>82</v>
      </c>
      <c r="M5746" t="s">
        <v>83</v>
      </c>
      <c r="N5746" t="s">
        <v>84</v>
      </c>
      <c r="O5746" t="s">
        <v>85</v>
      </c>
      <c r="P5746" t="s">
        <v>86</v>
      </c>
      <c r="Q5746">
        <v>30</v>
      </c>
      <c r="R5746">
        <v>31</v>
      </c>
      <c r="S5746">
        <v>31</v>
      </c>
      <c r="T5746">
        <v>32</v>
      </c>
      <c r="U5746">
        <v>33</v>
      </c>
      <c r="V5746">
        <v>34</v>
      </c>
      <c r="W5746">
        <v>34</v>
      </c>
      <c r="X5746">
        <v>35</v>
      </c>
      <c r="Y5746">
        <v>36</v>
      </c>
      <c r="Z5746">
        <v>37</v>
      </c>
      <c r="AA5746">
        <v>37</v>
      </c>
      <c r="AB5746">
        <v>38</v>
      </c>
      <c r="AC5746">
        <v>39</v>
      </c>
      <c r="AD5746">
        <v>40</v>
      </c>
      <c r="AE5746">
        <v>41</v>
      </c>
      <c r="AF5746">
        <v>41</v>
      </c>
      <c r="AG5746">
        <v>42</v>
      </c>
      <c r="AH5746">
        <v>43</v>
      </c>
      <c r="AI5746">
        <v>44</v>
      </c>
      <c r="AJ5746">
        <v>45</v>
      </c>
      <c r="AK5746">
        <v>46</v>
      </c>
      <c r="AL5746">
        <v>46</v>
      </c>
      <c r="AM5746">
        <v>46</v>
      </c>
      <c r="AN5746">
        <v>47</v>
      </c>
      <c r="AO5746">
        <v>47</v>
      </c>
      <c r="AP5746">
        <v>48</v>
      </c>
      <c r="AQ5746">
        <v>48</v>
      </c>
    </row>
    <row r="5747" spans="1:43">
      <c r="A5747" t="s">
        <v>3596</v>
      </c>
      <c r="B5747" t="s">
        <v>3597</v>
      </c>
      <c r="C5747" t="s">
        <v>3584</v>
      </c>
      <c r="D5747" t="s">
        <v>3585</v>
      </c>
      <c r="E5747" t="s">
        <v>3352</v>
      </c>
      <c r="F5747" t="s">
        <v>3353</v>
      </c>
      <c r="G5747" t="s">
        <v>80</v>
      </c>
      <c r="H5747" t="s">
        <v>81</v>
      </c>
      <c r="I5747" s="2">
        <v>0</v>
      </c>
      <c r="J5747" s="2">
        <v>1</v>
      </c>
      <c r="K5747" s="2">
        <v>0</v>
      </c>
      <c r="L5747" t="s">
        <v>82</v>
      </c>
      <c r="M5747" t="s">
        <v>87</v>
      </c>
      <c r="N5747" t="s">
        <v>88</v>
      </c>
      <c r="O5747" t="s">
        <v>85</v>
      </c>
      <c r="P5747" t="s">
        <v>86</v>
      </c>
      <c r="Q5747">
        <v>30</v>
      </c>
      <c r="R5747">
        <v>30</v>
      </c>
      <c r="S5747">
        <v>31</v>
      </c>
      <c r="T5747">
        <v>31</v>
      </c>
      <c r="U5747">
        <v>31</v>
      </c>
      <c r="V5747">
        <v>32</v>
      </c>
      <c r="W5747">
        <v>32</v>
      </c>
      <c r="X5747">
        <v>33</v>
      </c>
      <c r="Y5747">
        <v>33</v>
      </c>
      <c r="Z5747">
        <v>34</v>
      </c>
      <c r="AA5747">
        <v>34</v>
      </c>
      <c r="AB5747">
        <v>35</v>
      </c>
      <c r="AC5747">
        <v>35</v>
      </c>
      <c r="AD5747">
        <v>35</v>
      </c>
      <c r="AE5747">
        <v>36</v>
      </c>
      <c r="AF5747">
        <v>36</v>
      </c>
      <c r="AG5747">
        <v>37</v>
      </c>
      <c r="AH5747">
        <v>37</v>
      </c>
      <c r="AI5747">
        <v>38</v>
      </c>
      <c r="AJ5747">
        <v>38</v>
      </c>
      <c r="AK5747">
        <v>39</v>
      </c>
      <c r="AL5747">
        <v>39</v>
      </c>
      <c r="AM5747">
        <v>40</v>
      </c>
      <c r="AN5747">
        <v>40</v>
      </c>
      <c r="AO5747">
        <v>41</v>
      </c>
      <c r="AP5747">
        <v>41</v>
      </c>
      <c r="AQ5747">
        <v>42</v>
      </c>
    </row>
    <row r="5748" spans="1:43">
      <c r="A5748" t="s">
        <v>3596</v>
      </c>
      <c r="B5748" t="s">
        <v>3597</v>
      </c>
      <c r="C5748" t="s">
        <v>3584</v>
      </c>
      <c r="D5748" t="s">
        <v>3585</v>
      </c>
      <c r="E5748" t="s">
        <v>3352</v>
      </c>
      <c r="F5748" t="s">
        <v>3353</v>
      </c>
      <c r="G5748" t="s">
        <v>80</v>
      </c>
      <c r="H5748" t="s">
        <v>81</v>
      </c>
      <c r="I5748" s="2">
        <v>0</v>
      </c>
      <c r="J5748" s="2">
        <v>1</v>
      </c>
      <c r="K5748" s="2">
        <v>0</v>
      </c>
      <c r="L5748" t="s">
        <v>82</v>
      </c>
      <c r="M5748" t="s">
        <v>89</v>
      </c>
      <c r="N5748" t="s">
        <v>90</v>
      </c>
      <c r="O5748" t="s">
        <v>85</v>
      </c>
      <c r="P5748" t="s">
        <v>86</v>
      </c>
      <c r="Q5748">
        <v>30</v>
      </c>
      <c r="R5748">
        <v>31</v>
      </c>
      <c r="S5748">
        <v>32</v>
      </c>
      <c r="T5748">
        <v>33</v>
      </c>
      <c r="U5748">
        <v>34</v>
      </c>
      <c r="V5748">
        <v>35</v>
      </c>
      <c r="W5748">
        <v>36</v>
      </c>
      <c r="X5748">
        <v>37</v>
      </c>
      <c r="Y5748">
        <v>38</v>
      </c>
      <c r="Z5748">
        <v>39</v>
      </c>
      <c r="AA5748">
        <v>40</v>
      </c>
      <c r="AB5748">
        <v>41</v>
      </c>
      <c r="AC5748">
        <v>42</v>
      </c>
      <c r="AD5748">
        <v>43</v>
      </c>
      <c r="AE5748">
        <v>44</v>
      </c>
      <c r="AF5748">
        <v>44</v>
      </c>
      <c r="AG5748">
        <v>44</v>
      </c>
      <c r="AH5748">
        <v>45</v>
      </c>
      <c r="AI5748">
        <v>45</v>
      </c>
      <c r="AJ5748">
        <v>46</v>
      </c>
      <c r="AK5748">
        <v>46</v>
      </c>
      <c r="AL5748">
        <v>46</v>
      </c>
      <c r="AM5748">
        <v>47</v>
      </c>
      <c r="AN5748">
        <v>47</v>
      </c>
      <c r="AO5748">
        <v>48</v>
      </c>
      <c r="AP5748">
        <v>48</v>
      </c>
      <c r="AQ5748">
        <v>48</v>
      </c>
    </row>
    <row r="5749" spans="1:43">
      <c r="A5749" t="s">
        <v>3596</v>
      </c>
      <c r="B5749" t="s">
        <v>3597</v>
      </c>
      <c r="C5749" t="s">
        <v>3584</v>
      </c>
      <c r="D5749" t="s">
        <v>3585</v>
      </c>
      <c r="E5749" t="s">
        <v>3352</v>
      </c>
      <c r="F5749" t="s">
        <v>3353</v>
      </c>
      <c r="G5749" t="s">
        <v>80</v>
      </c>
      <c r="H5749" t="s">
        <v>81</v>
      </c>
      <c r="I5749" s="2">
        <v>0</v>
      </c>
      <c r="J5749" s="2">
        <v>1</v>
      </c>
      <c r="K5749" s="2">
        <v>0</v>
      </c>
      <c r="L5749" t="s">
        <v>82</v>
      </c>
      <c r="M5749" t="s">
        <v>83</v>
      </c>
      <c r="N5749" t="s">
        <v>91</v>
      </c>
      <c r="O5749" t="s">
        <v>85</v>
      </c>
      <c r="P5749" t="s">
        <v>86</v>
      </c>
      <c r="Q5749">
        <v>30</v>
      </c>
      <c r="R5749">
        <v>31</v>
      </c>
      <c r="S5749">
        <v>31</v>
      </c>
      <c r="T5749">
        <v>32</v>
      </c>
      <c r="U5749">
        <v>33</v>
      </c>
      <c r="V5749">
        <v>34</v>
      </c>
      <c r="W5749">
        <v>34</v>
      </c>
      <c r="X5749">
        <v>35</v>
      </c>
      <c r="Y5749">
        <v>36</v>
      </c>
      <c r="Z5749">
        <v>37</v>
      </c>
      <c r="AA5749">
        <v>37</v>
      </c>
      <c r="AB5749">
        <v>38</v>
      </c>
      <c r="AC5749">
        <v>39</v>
      </c>
      <c r="AD5749">
        <v>40</v>
      </c>
      <c r="AE5749">
        <v>41</v>
      </c>
      <c r="AF5749">
        <v>41</v>
      </c>
      <c r="AG5749">
        <v>42</v>
      </c>
      <c r="AH5749">
        <v>43</v>
      </c>
      <c r="AI5749">
        <v>44</v>
      </c>
      <c r="AJ5749">
        <v>45</v>
      </c>
      <c r="AK5749">
        <v>46</v>
      </c>
      <c r="AL5749">
        <v>46</v>
      </c>
      <c r="AM5749">
        <v>46</v>
      </c>
      <c r="AN5749">
        <v>47</v>
      </c>
      <c r="AO5749">
        <v>47</v>
      </c>
      <c r="AP5749">
        <v>48</v>
      </c>
      <c r="AQ5749">
        <v>48</v>
      </c>
    </row>
    <row r="5750" spans="1:43">
      <c r="A5750" t="s">
        <v>3598</v>
      </c>
      <c r="B5750" t="s">
        <v>3599</v>
      </c>
      <c r="C5750" t="s">
        <v>3584</v>
      </c>
      <c r="D5750" t="s">
        <v>3585</v>
      </c>
      <c r="E5750" t="s">
        <v>3352</v>
      </c>
      <c r="F5750" t="s">
        <v>3353</v>
      </c>
      <c r="G5750" t="s">
        <v>80</v>
      </c>
      <c r="H5750" t="s">
        <v>81</v>
      </c>
      <c r="I5750" s="2">
        <v>0</v>
      </c>
      <c r="J5750" s="2">
        <v>1</v>
      </c>
      <c r="K5750" s="2">
        <v>0</v>
      </c>
      <c r="L5750" t="s">
        <v>82</v>
      </c>
      <c r="M5750" t="s">
        <v>83</v>
      </c>
      <c r="N5750" t="s">
        <v>84</v>
      </c>
      <c r="O5750" t="s">
        <v>85</v>
      </c>
      <c r="P5750" t="s">
        <v>86</v>
      </c>
      <c r="Q5750">
        <v>7</v>
      </c>
      <c r="R5750">
        <v>7</v>
      </c>
      <c r="S5750">
        <v>8</v>
      </c>
      <c r="T5750">
        <v>8</v>
      </c>
      <c r="U5750">
        <v>8</v>
      </c>
      <c r="V5750">
        <v>8</v>
      </c>
      <c r="W5750">
        <v>8</v>
      </c>
      <c r="X5750">
        <v>8</v>
      </c>
      <c r="Y5750">
        <v>9</v>
      </c>
      <c r="Z5750">
        <v>9</v>
      </c>
      <c r="AA5750">
        <v>9</v>
      </c>
      <c r="AB5750">
        <v>9</v>
      </c>
      <c r="AC5750">
        <v>9</v>
      </c>
      <c r="AD5750">
        <v>10</v>
      </c>
      <c r="AE5750">
        <v>10</v>
      </c>
      <c r="AF5750">
        <v>10</v>
      </c>
      <c r="AG5750">
        <v>10</v>
      </c>
      <c r="AH5750">
        <v>10</v>
      </c>
      <c r="AI5750">
        <v>11</v>
      </c>
      <c r="AJ5750">
        <v>11</v>
      </c>
      <c r="AK5750">
        <v>11</v>
      </c>
      <c r="AL5750">
        <v>11</v>
      </c>
      <c r="AM5750">
        <v>11</v>
      </c>
      <c r="AN5750">
        <v>11</v>
      </c>
      <c r="AO5750">
        <v>11</v>
      </c>
      <c r="AP5750">
        <v>11</v>
      </c>
      <c r="AQ5750">
        <v>12</v>
      </c>
    </row>
    <row r="5751" spans="1:43">
      <c r="A5751" t="s">
        <v>3598</v>
      </c>
      <c r="B5751" t="s">
        <v>3599</v>
      </c>
      <c r="C5751" t="s">
        <v>3584</v>
      </c>
      <c r="D5751" t="s">
        <v>3585</v>
      </c>
      <c r="E5751" t="s">
        <v>3352</v>
      </c>
      <c r="F5751" t="s">
        <v>3353</v>
      </c>
      <c r="G5751" t="s">
        <v>80</v>
      </c>
      <c r="H5751" t="s">
        <v>81</v>
      </c>
      <c r="I5751" s="2">
        <v>0</v>
      </c>
      <c r="J5751" s="2">
        <v>1</v>
      </c>
      <c r="K5751" s="2">
        <v>0</v>
      </c>
      <c r="L5751" t="s">
        <v>82</v>
      </c>
      <c r="M5751" t="s">
        <v>87</v>
      </c>
      <c r="N5751" t="s">
        <v>88</v>
      </c>
      <c r="O5751" t="s">
        <v>85</v>
      </c>
      <c r="P5751" t="s">
        <v>86</v>
      </c>
      <c r="Q5751">
        <v>7</v>
      </c>
      <c r="R5751">
        <v>7</v>
      </c>
      <c r="S5751">
        <v>7</v>
      </c>
      <c r="T5751">
        <v>7</v>
      </c>
      <c r="U5751">
        <v>8</v>
      </c>
      <c r="V5751">
        <v>8</v>
      </c>
      <c r="W5751">
        <v>8</v>
      </c>
      <c r="X5751">
        <v>8</v>
      </c>
      <c r="Y5751">
        <v>8</v>
      </c>
      <c r="Z5751">
        <v>8</v>
      </c>
      <c r="AA5751">
        <v>8</v>
      </c>
      <c r="AB5751">
        <v>8</v>
      </c>
      <c r="AC5751">
        <v>8</v>
      </c>
      <c r="AD5751">
        <v>9</v>
      </c>
      <c r="AE5751">
        <v>9</v>
      </c>
      <c r="AF5751">
        <v>9</v>
      </c>
      <c r="AG5751">
        <v>9</v>
      </c>
      <c r="AH5751">
        <v>9</v>
      </c>
      <c r="AI5751">
        <v>9</v>
      </c>
      <c r="AJ5751">
        <v>9</v>
      </c>
      <c r="AK5751">
        <v>9</v>
      </c>
      <c r="AL5751">
        <v>9</v>
      </c>
      <c r="AM5751">
        <v>10</v>
      </c>
      <c r="AN5751">
        <v>10</v>
      </c>
      <c r="AO5751">
        <v>10</v>
      </c>
      <c r="AP5751">
        <v>10</v>
      </c>
      <c r="AQ5751">
        <v>10</v>
      </c>
    </row>
    <row r="5752" spans="1:43">
      <c r="A5752" t="s">
        <v>3598</v>
      </c>
      <c r="B5752" t="s">
        <v>3599</v>
      </c>
      <c r="C5752" t="s">
        <v>3584</v>
      </c>
      <c r="D5752" t="s">
        <v>3585</v>
      </c>
      <c r="E5752" t="s">
        <v>3352</v>
      </c>
      <c r="F5752" t="s">
        <v>3353</v>
      </c>
      <c r="G5752" t="s">
        <v>80</v>
      </c>
      <c r="H5752" t="s">
        <v>81</v>
      </c>
      <c r="I5752" s="2">
        <v>0</v>
      </c>
      <c r="J5752" s="2">
        <v>1</v>
      </c>
      <c r="K5752" s="2">
        <v>0</v>
      </c>
      <c r="L5752" t="s">
        <v>82</v>
      </c>
      <c r="M5752" t="s">
        <v>89</v>
      </c>
      <c r="N5752" t="s">
        <v>90</v>
      </c>
      <c r="O5752" t="s">
        <v>85</v>
      </c>
      <c r="P5752" t="s">
        <v>86</v>
      </c>
      <c r="Q5752">
        <v>7</v>
      </c>
      <c r="R5752">
        <v>8</v>
      </c>
      <c r="S5752">
        <v>8</v>
      </c>
      <c r="T5752">
        <v>8</v>
      </c>
      <c r="U5752">
        <v>8</v>
      </c>
      <c r="V5752">
        <v>8</v>
      </c>
      <c r="W5752">
        <v>9</v>
      </c>
      <c r="X5752">
        <v>9</v>
      </c>
      <c r="Y5752">
        <v>9</v>
      </c>
      <c r="Z5752">
        <v>9</v>
      </c>
      <c r="AA5752">
        <v>10</v>
      </c>
      <c r="AB5752">
        <v>10</v>
      </c>
      <c r="AC5752">
        <v>10</v>
      </c>
      <c r="AD5752">
        <v>10</v>
      </c>
      <c r="AE5752">
        <v>10</v>
      </c>
      <c r="AF5752">
        <v>11</v>
      </c>
      <c r="AG5752">
        <v>11</v>
      </c>
      <c r="AH5752">
        <v>11</v>
      </c>
      <c r="AI5752">
        <v>11</v>
      </c>
      <c r="AJ5752">
        <v>11</v>
      </c>
      <c r="AK5752">
        <v>11</v>
      </c>
      <c r="AL5752">
        <v>11</v>
      </c>
      <c r="AM5752">
        <v>11</v>
      </c>
      <c r="AN5752">
        <v>11</v>
      </c>
      <c r="AO5752">
        <v>11</v>
      </c>
      <c r="AP5752">
        <v>12</v>
      </c>
      <c r="AQ5752">
        <v>12</v>
      </c>
    </row>
    <row r="5753" spans="1:43">
      <c r="A5753" t="s">
        <v>3598</v>
      </c>
      <c r="B5753" t="s">
        <v>3599</v>
      </c>
      <c r="C5753" t="s">
        <v>3584</v>
      </c>
      <c r="D5753" t="s">
        <v>3585</v>
      </c>
      <c r="E5753" t="s">
        <v>3352</v>
      </c>
      <c r="F5753" t="s">
        <v>3353</v>
      </c>
      <c r="G5753" t="s">
        <v>80</v>
      </c>
      <c r="H5753" t="s">
        <v>81</v>
      </c>
      <c r="I5753" s="2">
        <v>0</v>
      </c>
      <c r="J5753" s="2">
        <v>1</v>
      </c>
      <c r="K5753" s="2">
        <v>0</v>
      </c>
      <c r="L5753" t="s">
        <v>82</v>
      </c>
      <c r="M5753" t="s">
        <v>83</v>
      </c>
      <c r="N5753" t="s">
        <v>91</v>
      </c>
      <c r="O5753" t="s">
        <v>85</v>
      </c>
      <c r="P5753" t="s">
        <v>86</v>
      </c>
      <c r="Q5753">
        <v>7</v>
      </c>
      <c r="R5753">
        <v>7</v>
      </c>
      <c r="S5753">
        <v>8</v>
      </c>
      <c r="T5753">
        <v>8</v>
      </c>
      <c r="U5753">
        <v>8</v>
      </c>
      <c r="V5753">
        <v>8</v>
      </c>
      <c r="W5753">
        <v>8</v>
      </c>
      <c r="X5753">
        <v>8</v>
      </c>
      <c r="Y5753">
        <v>9</v>
      </c>
      <c r="Z5753">
        <v>9</v>
      </c>
      <c r="AA5753">
        <v>9</v>
      </c>
      <c r="AB5753">
        <v>9</v>
      </c>
      <c r="AC5753">
        <v>9</v>
      </c>
      <c r="AD5753">
        <v>10</v>
      </c>
      <c r="AE5753">
        <v>10</v>
      </c>
      <c r="AF5753">
        <v>10</v>
      </c>
      <c r="AG5753">
        <v>10</v>
      </c>
      <c r="AH5753">
        <v>10</v>
      </c>
      <c r="AI5753">
        <v>11</v>
      </c>
      <c r="AJ5753">
        <v>11</v>
      </c>
      <c r="AK5753">
        <v>11</v>
      </c>
      <c r="AL5753">
        <v>11</v>
      </c>
      <c r="AM5753">
        <v>11</v>
      </c>
      <c r="AN5753">
        <v>11</v>
      </c>
      <c r="AO5753">
        <v>11</v>
      </c>
      <c r="AP5753">
        <v>11</v>
      </c>
      <c r="AQ5753">
        <v>12</v>
      </c>
    </row>
    <row r="5754" spans="1:43">
      <c r="A5754" t="s">
        <v>3600</v>
      </c>
      <c r="B5754" t="s">
        <v>3601</v>
      </c>
      <c r="C5754" t="s">
        <v>3584</v>
      </c>
      <c r="D5754" t="s">
        <v>3585</v>
      </c>
      <c r="E5754" t="s">
        <v>3352</v>
      </c>
      <c r="F5754" t="s">
        <v>3353</v>
      </c>
      <c r="G5754" t="s">
        <v>80</v>
      </c>
      <c r="H5754" t="s">
        <v>81</v>
      </c>
      <c r="I5754" s="2">
        <v>0</v>
      </c>
      <c r="J5754" s="2">
        <v>1</v>
      </c>
      <c r="K5754" s="2">
        <v>0</v>
      </c>
      <c r="L5754" t="s">
        <v>82</v>
      </c>
      <c r="M5754" t="s">
        <v>83</v>
      </c>
      <c r="N5754" t="s">
        <v>84</v>
      </c>
      <c r="O5754" t="s">
        <v>85</v>
      </c>
      <c r="P5754" t="s">
        <v>86</v>
      </c>
      <c r="Q5754">
        <v>9</v>
      </c>
      <c r="R5754">
        <v>10</v>
      </c>
      <c r="S5754">
        <v>10</v>
      </c>
      <c r="T5754">
        <v>10</v>
      </c>
      <c r="U5754">
        <v>10</v>
      </c>
      <c r="V5754">
        <v>10</v>
      </c>
      <c r="W5754">
        <v>11</v>
      </c>
      <c r="X5754">
        <v>11</v>
      </c>
      <c r="Y5754">
        <v>11</v>
      </c>
      <c r="Z5754">
        <v>11</v>
      </c>
      <c r="AA5754">
        <v>12</v>
      </c>
      <c r="AB5754">
        <v>12</v>
      </c>
      <c r="AC5754">
        <v>12</v>
      </c>
      <c r="AD5754">
        <v>12</v>
      </c>
      <c r="AE5754">
        <v>13</v>
      </c>
      <c r="AF5754">
        <v>13</v>
      </c>
      <c r="AG5754">
        <v>13</v>
      </c>
      <c r="AH5754">
        <v>13</v>
      </c>
      <c r="AI5754">
        <v>14</v>
      </c>
      <c r="AJ5754">
        <v>14</v>
      </c>
      <c r="AK5754">
        <v>14</v>
      </c>
      <c r="AL5754">
        <v>14</v>
      </c>
      <c r="AM5754">
        <v>14</v>
      </c>
      <c r="AN5754">
        <v>15</v>
      </c>
      <c r="AO5754">
        <v>15</v>
      </c>
      <c r="AP5754">
        <v>15</v>
      </c>
      <c r="AQ5754">
        <v>15</v>
      </c>
    </row>
    <row r="5755" spans="1:43">
      <c r="A5755" t="s">
        <v>3600</v>
      </c>
      <c r="B5755" t="s">
        <v>3601</v>
      </c>
      <c r="C5755" t="s">
        <v>3584</v>
      </c>
      <c r="D5755" t="s">
        <v>3585</v>
      </c>
      <c r="E5755" t="s">
        <v>3352</v>
      </c>
      <c r="F5755" t="s">
        <v>3353</v>
      </c>
      <c r="G5755" t="s">
        <v>80</v>
      </c>
      <c r="H5755" t="s">
        <v>81</v>
      </c>
      <c r="I5755" s="2">
        <v>0</v>
      </c>
      <c r="J5755" s="2">
        <v>1</v>
      </c>
      <c r="K5755" s="2">
        <v>0</v>
      </c>
      <c r="L5755" t="s">
        <v>82</v>
      </c>
      <c r="M5755" t="s">
        <v>87</v>
      </c>
      <c r="N5755" t="s">
        <v>88</v>
      </c>
      <c r="O5755" t="s">
        <v>85</v>
      </c>
      <c r="P5755" t="s">
        <v>86</v>
      </c>
      <c r="Q5755">
        <v>9</v>
      </c>
      <c r="R5755">
        <v>9</v>
      </c>
      <c r="S5755">
        <v>9</v>
      </c>
      <c r="T5755">
        <v>10</v>
      </c>
      <c r="U5755">
        <v>10</v>
      </c>
      <c r="V5755">
        <v>10</v>
      </c>
      <c r="W5755">
        <v>10</v>
      </c>
      <c r="X5755">
        <v>10</v>
      </c>
      <c r="Y5755">
        <v>10</v>
      </c>
      <c r="Z5755">
        <v>10</v>
      </c>
      <c r="AA5755">
        <v>11</v>
      </c>
      <c r="AB5755">
        <v>11</v>
      </c>
      <c r="AC5755">
        <v>11</v>
      </c>
      <c r="AD5755">
        <v>11</v>
      </c>
      <c r="AE5755">
        <v>11</v>
      </c>
      <c r="AF5755">
        <v>11</v>
      </c>
      <c r="AG5755">
        <v>11</v>
      </c>
      <c r="AH5755">
        <v>12</v>
      </c>
      <c r="AI5755">
        <v>12</v>
      </c>
      <c r="AJ5755">
        <v>12</v>
      </c>
      <c r="AK5755">
        <v>12</v>
      </c>
      <c r="AL5755">
        <v>12</v>
      </c>
      <c r="AM5755">
        <v>12</v>
      </c>
      <c r="AN5755">
        <v>12</v>
      </c>
      <c r="AO5755">
        <v>13</v>
      </c>
      <c r="AP5755">
        <v>13</v>
      </c>
      <c r="AQ5755">
        <v>13</v>
      </c>
    </row>
    <row r="5756" spans="1:43">
      <c r="A5756" t="s">
        <v>3600</v>
      </c>
      <c r="B5756" t="s">
        <v>3601</v>
      </c>
      <c r="C5756" t="s">
        <v>3584</v>
      </c>
      <c r="D5756" t="s">
        <v>3585</v>
      </c>
      <c r="E5756" t="s">
        <v>3352</v>
      </c>
      <c r="F5756" t="s">
        <v>3353</v>
      </c>
      <c r="G5756" t="s">
        <v>80</v>
      </c>
      <c r="H5756" t="s">
        <v>81</v>
      </c>
      <c r="I5756" s="2">
        <v>0</v>
      </c>
      <c r="J5756" s="2">
        <v>1</v>
      </c>
      <c r="K5756" s="2">
        <v>0</v>
      </c>
      <c r="L5756" t="s">
        <v>82</v>
      </c>
      <c r="M5756" t="s">
        <v>89</v>
      </c>
      <c r="N5756" t="s">
        <v>90</v>
      </c>
      <c r="O5756" t="s">
        <v>85</v>
      </c>
      <c r="P5756" t="s">
        <v>86</v>
      </c>
      <c r="Q5756">
        <v>9</v>
      </c>
      <c r="R5756">
        <v>10</v>
      </c>
      <c r="S5756">
        <v>10</v>
      </c>
      <c r="T5756">
        <v>10</v>
      </c>
      <c r="U5756">
        <v>11</v>
      </c>
      <c r="V5756">
        <v>11</v>
      </c>
      <c r="W5756">
        <v>11</v>
      </c>
      <c r="X5756">
        <v>11</v>
      </c>
      <c r="Y5756">
        <v>12</v>
      </c>
      <c r="Z5756">
        <v>12</v>
      </c>
      <c r="AA5756">
        <v>12</v>
      </c>
      <c r="AB5756">
        <v>13</v>
      </c>
      <c r="AC5756">
        <v>13</v>
      </c>
      <c r="AD5756">
        <v>13</v>
      </c>
      <c r="AE5756">
        <v>13</v>
      </c>
      <c r="AF5756">
        <v>14</v>
      </c>
      <c r="AG5756">
        <v>14</v>
      </c>
      <c r="AH5756">
        <v>14</v>
      </c>
      <c r="AI5756">
        <v>14</v>
      </c>
      <c r="AJ5756">
        <v>14</v>
      </c>
      <c r="AK5756">
        <v>14</v>
      </c>
      <c r="AL5756">
        <v>14</v>
      </c>
      <c r="AM5756">
        <v>14</v>
      </c>
      <c r="AN5756">
        <v>15</v>
      </c>
      <c r="AO5756">
        <v>15</v>
      </c>
      <c r="AP5756">
        <v>15</v>
      </c>
      <c r="AQ5756">
        <v>15</v>
      </c>
    </row>
    <row r="5757" spans="1:43">
      <c r="A5757" t="s">
        <v>3600</v>
      </c>
      <c r="B5757" t="s">
        <v>3601</v>
      </c>
      <c r="C5757" t="s">
        <v>3584</v>
      </c>
      <c r="D5757" t="s">
        <v>3585</v>
      </c>
      <c r="E5757" t="s">
        <v>3352</v>
      </c>
      <c r="F5757" t="s">
        <v>3353</v>
      </c>
      <c r="G5757" t="s">
        <v>80</v>
      </c>
      <c r="H5757" t="s">
        <v>81</v>
      </c>
      <c r="I5757" s="2">
        <v>0</v>
      </c>
      <c r="J5757" s="2">
        <v>1</v>
      </c>
      <c r="K5757" s="2">
        <v>0</v>
      </c>
      <c r="L5757" t="s">
        <v>82</v>
      </c>
      <c r="M5757" t="s">
        <v>83</v>
      </c>
      <c r="N5757" t="s">
        <v>91</v>
      </c>
      <c r="O5757" t="s">
        <v>85</v>
      </c>
      <c r="P5757" t="s">
        <v>86</v>
      </c>
      <c r="Q5757">
        <v>9</v>
      </c>
      <c r="R5757">
        <v>10</v>
      </c>
      <c r="S5757">
        <v>10</v>
      </c>
      <c r="T5757">
        <v>10</v>
      </c>
      <c r="U5757">
        <v>10</v>
      </c>
      <c r="V5757">
        <v>10</v>
      </c>
      <c r="W5757">
        <v>11</v>
      </c>
      <c r="X5757">
        <v>11</v>
      </c>
      <c r="Y5757">
        <v>11</v>
      </c>
      <c r="Z5757">
        <v>11</v>
      </c>
      <c r="AA5757">
        <v>12</v>
      </c>
      <c r="AB5757">
        <v>12</v>
      </c>
      <c r="AC5757">
        <v>12</v>
      </c>
      <c r="AD5757">
        <v>12</v>
      </c>
      <c r="AE5757">
        <v>13</v>
      </c>
      <c r="AF5757">
        <v>13</v>
      </c>
      <c r="AG5757">
        <v>13</v>
      </c>
      <c r="AH5757">
        <v>13</v>
      </c>
      <c r="AI5757">
        <v>14</v>
      </c>
      <c r="AJ5757">
        <v>14</v>
      </c>
      <c r="AK5757">
        <v>14</v>
      </c>
      <c r="AL5757">
        <v>14</v>
      </c>
      <c r="AM5757">
        <v>14</v>
      </c>
      <c r="AN5757">
        <v>15</v>
      </c>
      <c r="AO5757">
        <v>15</v>
      </c>
      <c r="AP5757">
        <v>15</v>
      </c>
      <c r="AQ5757">
        <v>15</v>
      </c>
    </row>
    <row r="5758" spans="1:43">
      <c r="A5758" t="s">
        <v>3602</v>
      </c>
      <c r="B5758" t="s">
        <v>3603</v>
      </c>
      <c r="C5758" t="s">
        <v>3588</v>
      </c>
      <c r="D5758" t="s">
        <v>3589</v>
      </c>
      <c r="E5758" t="s">
        <v>3352</v>
      </c>
      <c r="F5758" t="s">
        <v>3353</v>
      </c>
      <c r="G5758" t="s">
        <v>80</v>
      </c>
      <c r="H5758" t="s">
        <v>81</v>
      </c>
      <c r="I5758" s="2">
        <v>0</v>
      </c>
      <c r="J5758" s="2">
        <v>1</v>
      </c>
      <c r="K5758" s="2">
        <v>0</v>
      </c>
      <c r="L5758" t="s">
        <v>82</v>
      </c>
      <c r="M5758" t="s">
        <v>83</v>
      </c>
      <c r="N5758" t="s">
        <v>84</v>
      </c>
      <c r="O5758" t="s">
        <v>85</v>
      </c>
      <c r="P5758" t="s">
        <v>86</v>
      </c>
      <c r="Q5758">
        <v>32</v>
      </c>
      <c r="R5758">
        <v>33</v>
      </c>
      <c r="S5758">
        <v>33</v>
      </c>
      <c r="T5758">
        <v>34</v>
      </c>
      <c r="U5758">
        <v>35</v>
      </c>
      <c r="V5758">
        <v>36</v>
      </c>
      <c r="W5758">
        <v>37</v>
      </c>
      <c r="X5758">
        <v>37</v>
      </c>
      <c r="Y5758">
        <v>38</v>
      </c>
      <c r="Z5758">
        <v>39</v>
      </c>
      <c r="AA5758">
        <v>40</v>
      </c>
      <c r="AB5758">
        <v>41</v>
      </c>
      <c r="AC5758">
        <v>41</v>
      </c>
      <c r="AD5758">
        <v>42</v>
      </c>
      <c r="AE5758">
        <v>43</v>
      </c>
      <c r="AF5758">
        <v>44</v>
      </c>
      <c r="AG5758">
        <v>45</v>
      </c>
      <c r="AH5758">
        <v>46</v>
      </c>
      <c r="AI5758">
        <v>46</v>
      </c>
      <c r="AJ5758">
        <v>47</v>
      </c>
      <c r="AK5758">
        <v>48</v>
      </c>
      <c r="AL5758">
        <v>49</v>
      </c>
      <c r="AM5758">
        <v>49</v>
      </c>
      <c r="AN5758">
        <v>50</v>
      </c>
      <c r="AO5758">
        <v>50</v>
      </c>
      <c r="AP5758">
        <v>50</v>
      </c>
      <c r="AQ5758">
        <v>51</v>
      </c>
    </row>
    <row r="5759" spans="1:43">
      <c r="A5759" t="s">
        <v>3602</v>
      </c>
      <c r="B5759" t="s">
        <v>3603</v>
      </c>
      <c r="C5759" t="s">
        <v>3588</v>
      </c>
      <c r="D5759" t="s">
        <v>3589</v>
      </c>
      <c r="E5759" t="s">
        <v>3352</v>
      </c>
      <c r="F5759" t="s">
        <v>3353</v>
      </c>
      <c r="G5759" t="s">
        <v>80</v>
      </c>
      <c r="H5759" t="s">
        <v>81</v>
      </c>
      <c r="I5759" s="2">
        <v>0</v>
      </c>
      <c r="J5759" s="2">
        <v>1</v>
      </c>
      <c r="K5759" s="2">
        <v>0</v>
      </c>
      <c r="L5759" t="s">
        <v>82</v>
      </c>
      <c r="M5759" t="s">
        <v>87</v>
      </c>
      <c r="N5759" t="s">
        <v>88</v>
      </c>
      <c r="O5759" t="s">
        <v>85</v>
      </c>
      <c r="P5759" t="s">
        <v>86</v>
      </c>
      <c r="Q5759">
        <v>32</v>
      </c>
      <c r="R5759">
        <v>32</v>
      </c>
      <c r="S5759">
        <v>32</v>
      </c>
      <c r="T5759">
        <v>33</v>
      </c>
      <c r="U5759">
        <v>33</v>
      </c>
      <c r="V5759">
        <v>34</v>
      </c>
      <c r="W5759">
        <v>34</v>
      </c>
      <c r="X5759">
        <v>35</v>
      </c>
      <c r="Y5759">
        <v>35</v>
      </c>
      <c r="Z5759">
        <v>36</v>
      </c>
      <c r="AA5759">
        <v>36</v>
      </c>
      <c r="AB5759">
        <v>37</v>
      </c>
      <c r="AC5759">
        <v>37</v>
      </c>
      <c r="AD5759">
        <v>38</v>
      </c>
      <c r="AE5759">
        <v>38</v>
      </c>
      <c r="AF5759">
        <v>39</v>
      </c>
      <c r="AG5759">
        <v>39</v>
      </c>
      <c r="AH5759">
        <v>40</v>
      </c>
      <c r="AI5759">
        <v>40</v>
      </c>
      <c r="AJ5759">
        <v>41</v>
      </c>
      <c r="AK5759">
        <v>41</v>
      </c>
      <c r="AL5759">
        <v>42</v>
      </c>
      <c r="AM5759">
        <v>42</v>
      </c>
      <c r="AN5759">
        <v>43</v>
      </c>
      <c r="AO5759">
        <v>43</v>
      </c>
      <c r="AP5759">
        <v>44</v>
      </c>
      <c r="AQ5759">
        <v>44</v>
      </c>
    </row>
    <row r="5760" spans="1:43">
      <c r="A5760" t="s">
        <v>3602</v>
      </c>
      <c r="B5760" t="s">
        <v>3603</v>
      </c>
      <c r="C5760" t="s">
        <v>3588</v>
      </c>
      <c r="D5760" t="s">
        <v>3589</v>
      </c>
      <c r="E5760" t="s">
        <v>3352</v>
      </c>
      <c r="F5760" t="s">
        <v>3353</v>
      </c>
      <c r="G5760" t="s">
        <v>80</v>
      </c>
      <c r="H5760" t="s">
        <v>81</v>
      </c>
      <c r="I5760" s="2">
        <v>0</v>
      </c>
      <c r="J5760" s="2">
        <v>1</v>
      </c>
      <c r="K5760" s="2">
        <v>0</v>
      </c>
      <c r="L5760" t="s">
        <v>82</v>
      </c>
      <c r="M5760" t="s">
        <v>89</v>
      </c>
      <c r="N5760" t="s">
        <v>90</v>
      </c>
      <c r="O5760" t="s">
        <v>85</v>
      </c>
      <c r="P5760" t="s">
        <v>86</v>
      </c>
      <c r="Q5760">
        <v>32</v>
      </c>
      <c r="R5760">
        <v>33</v>
      </c>
      <c r="S5760">
        <v>34</v>
      </c>
      <c r="T5760">
        <v>35</v>
      </c>
      <c r="U5760">
        <v>36</v>
      </c>
      <c r="V5760">
        <v>37</v>
      </c>
      <c r="W5760">
        <v>38</v>
      </c>
      <c r="X5760">
        <v>39</v>
      </c>
      <c r="Y5760">
        <v>40</v>
      </c>
      <c r="Z5760">
        <v>41</v>
      </c>
      <c r="AA5760">
        <v>42</v>
      </c>
      <c r="AB5760">
        <v>43</v>
      </c>
      <c r="AC5760">
        <v>44</v>
      </c>
      <c r="AD5760">
        <v>45</v>
      </c>
      <c r="AE5760">
        <v>46</v>
      </c>
      <c r="AF5760">
        <v>46</v>
      </c>
      <c r="AG5760">
        <v>47</v>
      </c>
      <c r="AH5760">
        <v>47</v>
      </c>
      <c r="AI5760">
        <v>48</v>
      </c>
      <c r="AJ5760">
        <v>48</v>
      </c>
      <c r="AK5760">
        <v>49</v>
      </c>
      <c r="AL5760">
        <v>49</v>
      </c>
      <c r="AM5760">
        <v>49</v>
      </c>
      <c r="AN5760">
        <v>50</v>
      </c>
      <c r="AO5760">
        <v>50</v>
      </c>
      <c r="AP5760">
        <v>51</v>
      </c>
      <c r="AQ5760">
        <v>51</v>
      </c>
    </row>
    <row r="5761" spans="1:43">
      <c r="A5761" t="s">
        <v>3602</v>
      </c>
      <c r="B5761" t="s">
        <v>3603</v>
      </c>
      <c r="C5761" t="s">
        <v>3588</v>
      </c>
      <c r="D5761" t="s">
        <v>3589</v>
      </c>
      <c r="E5761" t="s">
        <v>3352</v>
      </c>
      <c r="F5761" t="s">
        <v>3353</v>
      </c>
      <c r="G5761" t="s">
        <v>80</v>
      </c>
      <c r="H5761" t="s">
        <v>81</v>
      </c>
      <c r="I5761" s="2">
        <v>0</v>
      </c>
      <c r="J5761" s="2">
        <v>1</v>
      </c>
      <c r="K5761" s="2">
        <v>0</v>
      </c>
      <c r="L5761" t="s">
        <v>82</v>
      </c>
      <c r="M5761" t="s">
        <v>83</v>
      </c>
      <c r="N5761" t="s">
        <v>91</v>
      </c>
      <c r="O5761" t="s">
        <v>85</v>
      </c>
      <c r="P5761" t="s">
        <v>86</v>
      </c>
      <c r="Q5761">
        <v>32</v>
      </c>
      <c r="R5761">
        <v>33</v>
      </c>
      <c r="S5761">
        <v>33</v>
      </c>
      <c r="T5761">
        <v>34</v>
      </c>
      <c r="U5761">
        <v>35</v>
      </c>
      <c r="V5761">
        <v>36</v>
      </c>
      <c r="W5761">
        <v>37</v>
      </c>
      <c r="X5761">
        <v>37</v>
      </c>
      <c r="Y5761">
        <v>38</v>
      </c>
      <c r="Z5761">
        <v>39</v>
      </c>
      <c r="AA5761">
        <v>40</v>
      </c>
      <c r="AB5761">
        <v>41</v>
      </c>
      <c r="AC5761">
        <v>41</v>
      </c>
      <c r="AD5761">
        <v>42</v>
      </c>
      <c r="AE5761">
        <v>43</v>
      </c>
      <c r="AF5761">
        <v>44</v>
      </c>
      <c r="AG5761">
        <v>45</v>
      </c>
      <c r="AH5761">
        <v>46</v>
      </c>
      <c r="AI5761">
        <v>46</v>
      </c>
      <c r="AJ5761">
        <v>47</v>
      </c>
      <c r="AK5761">
        <v>48</v>
      </c>
      <c r="AL5761">
        <v>49</v>
      </c>
      <c r="AM5761">
        <v>49</v>
      </c>
      <c r="AN5761">
        <v>50</v>
      </c>
      <c r="AO5761">
        <v>50</v>
      </c>
      <c r="AP5761">
        <v>50</v>
      </c>
      <c r="AQ5761">
        <v>51</v>
      </c>
    </row>
    <row r="5762" spans="1:43">
      <c r="A5762" t="s">
        <v>3604</v>
      </c>
      <c r="B5762" t="s">
        <v>3605</v>
      </c>
      <c r="C5762" t="s">
        <v>3606</v>
      </c>
      <c r="D5762" t="s">
        <v>3607</v>
      </c>
      <c r="E5762" t="s">
        <v>3352</v>
      </c>
      <c r="F5762" t="s">
        <v>3353</v>
      </c>
      <c r="G5762" t="s">
        <v>80</v>
      </c>
      <c r="H5762" t="s">
        <v>81</v>
      </c>
      <c r="I5762" s="2">
        <v>0</v>
      </c>
      <c r="J5762" s="2">
        <v>1</v>
      </c>
      <c r="K5762" s="2">
        <v>0</v>
      </c>
      <c r="L5762" t="s">
        <v>82</v>
      </c>
      <c r="M5762" t="s">
        <v>83</v>
      </c>
      <c r="N5762" t="s">
        <v>84</v>
      </c>
      <c r="O5762" t="s">
        <v>85</v>
      </c>
      <c r="P5762" t="s">
        <v>86</v>
      </c>
      <c r="Q5762">
        <v>5</v>
      </c>
      <c r="R5762">
        <v>5</v>
      </c>
      <c r="S5762">
        <v>5</v>
      </c>
      <c r="T5762">
        <v>5</v>
      </c>
      <c r="U5762">
        <v>5</v>
      </c>
      <c r="V5762">
        <v>5</v>
      </c>
      <c r="W5762">
        <v>6</v>
      </c>
      <c r="X5762">
        <v>6</v>
      </c>
      <c r="Y5762">
        <v>6</v>
      </c>
      <c r="Z5762">
        <v>6</v>
      </c>
      <c r="AA5762">
        <v>6</v>
      </c>
      <c r="AB5762">
        <v>6</v>
      </c>
      <c r="AC5762">
        <v>6</v>
      </c>
      <c r="AD5762">
        <v>6</v>
      </c>
      <c r="AE5762">
        <v>7</v>
      </c>
      <c r="AF5762">
        <v>7</v>
      </c>
      <c r="AG5762">
        <v>7</v>
      </c>
      <c r="AH5762">
        <v>7</v>
      </c>
      <c r="AI5762">
        <v>7</v>
      </c>
      <c r="AJ5762">
        <v>7</v>
      </c>
      <c r="AK5762">
        <v>7</v>
      </c>
      <c r="AL5762">
        <v>7</v>
      </c>
      <c r="AM5762">
        <v>8</v>
      </c>
      <c r="AN5762">
        <v>8</v>
      </c>
      <c r="AO5762">
        <v>8</v>
      </c>
      <c r="AP5762">
        <v>8</v>
      </c>
      <c r="AQ5762">
        <v>8</v>
      </c>
    </row>
    <row r="5763" spans="1:43">
      <c r="A5763" t="s">
        <v>3604</v>
      </c>
      <c r="B5763" t="s">
        <v>3605</v>
      </c>
      <c r="C5763" t="s">
        <v>3606</v>
      </c>
      <c r="D5763" t="s">
        <v>3607</v>
      </c>
      <c r="E5763" t="s">
        <v>3352</v>
      </c>
      <c r="F5763" t="s">
        <v>3353</v>
      </c>
      <c r="G5763" t="s">
        <v>80</v>
      </c>
      <c r="H5763" t="s">
        <v>81</v>
      </c>
      <c r="I5763" s="2">
        <v>0</v>
      </c>
      <c r="J5763" s="2">
        <v>1</v>
      </c>
      <c r="K5763" s="2">
        <v>0</v>
      </c>
      <c r="L5763" t="s">
        <v>82</v>
      </c>
      <c r="M5763" t="s">
        <v>87</v>
      </c>
      <c r="N5763" t="s">
        <v>88</v>
      </c>
      <c r="O5763" t="s">
        <v>85</v>
      </c>
      <c r="P5763" t="s">
        <v>86</v>
      </c>
      <c r="Q5763">
        <v>5</v>
      </c>
      <c r="R5763">
        <v>5</v>
      </c>
      <c r="S5763">
        <v>5</v>
      </c>
      <c r="T5763">
        <v>5</v>
      </c>
      <c r="U5763">
        <v>5</v>
      </c>
      <c r="V5763">
        <v>5</v>
      </c>
      <c r="W5763">
        <v>5</v>
      </c>
      <c r="X5763">
        <v>5</v>
      </c>
      <c r="Y5763">
        <v>5</v>
      </c>
      <c r="Z5763">
        <v>5</v>
      </c>
      <c r="AA5763">
        <v>6</v>
      </c>
      <c r="AB5763">
        <v>6</v>
      </c>
      <c r="AC5763">
        <v>6</v>
      </c>
      <c r="AD5763">
        <v>6</v>
      </c>
      <c r="AE5763">
        <v>6</v>
      </c>
      <c r="AF5763">
        <v>6</v>
      </c>
      <c r="AG5763">
        <v>6</v>
      </c>
      <c r="AH5763">
        <v>6</v>
      </c>
      <c r="AI5763">
        <v>6</v>
      </c>
      <c r="AJ5763">
        <v>6</v>
      </c>
      <c r="AK5763">
        <v>6</v>
      </c>
      <c r="AL5763">
        <v>6</v>
      </c>
      <c r="AM5763">
        <v>6</v>
      </c>
      <c r="AN5763">
        <v>7</v>
      </c>
      <c r="AO5763">
        <v>7</v>
      </c>
      <c r="AP5763">
        <v>7</v>
      </c>
      <c r="AQ5763">
        <v>7</v>
      </c>
    </row>
    <row r="5764" spans="1:43">
      <c r="A5764" t="s">
        <v>3604</v>
      </c>
      <c r="B5764" t="s">
        <v>3605</v>
      </c>
      <c r="C5764" t="s">
        <v>3606</v>
      </c>
      <c r="D5764" t="s">
        <v>3607</v>
      </c>
      <c r="E5764" t="s">
        <v>3352</v>
      </c>
      <c r="F5764" t="s">
        <v>3353</v>
      </c>
      <c r="G5764" t="s">
        <v>80</v>
      </c>
      <c r="H5764" t="s">
        <v>81</v>
      </c>
      <c r="I5764" s="2">
        <v>0</v>
      </c>
      <c r="J5764" s="2">
        <v>1</v>
      </c>
      <c r="K5764" s="2">
        <v>0</v>
      </c>
      <c r="L5764" t="s">
        <v>82</v>
      </c>
      <c r="M5764" t="s">
        <v>89</v>
      </c>
      <c r="N5764" t="s">
        <v>90</v>
      </c>
      <c r="O5764" t="s">
        <v>85</v>
      </c>
      <c r="P5764" t="s">
        <v>86</v>
      </c>
      <c r="Q5764">
        <v>5</v>
      </c>
      <c r="R5764">
        <v>5</v>
      </c>
      <c r="S5764">
        <v>5</v>
      </c>
      <c r="T5764">
        <v>5</v>
      </c>
      <c r="U5764">
        <v>6</v>
      </c>
      <c r="V5764">
        <v>6</v>
      </c>
      <c r="W5764">
        <v>6</v>
      </c>
      <c r="X5764">
        <v>6</v>
      </c>
      <c r="Y5764">
        <v>6</v>
      </c>
      <c r="Z5764">
        <v>6</v>
      </c>
      <c r="AA5764">
        <v>6</v>
      </c>
      <c r="AB5764">
        <v>7</v>
      </c>
      <c r="AC5764">
        <v>7</v>
      </c>
      <c r="AD5764">
        <v>7</v>
      </c>
      <c r="AE5764">
        <v>7</v>
      </c>
      <c r="AF5764">
        <v>7</v>
      </c>
      <c r="AG5764">
        <v>7</v>
      </c>
      <c r="AH5764">
        <v>7</v>
      </c>
      <c r="AI5764">
        <v>7</v>
      </c>
      <c r="AJ5764">
        <v>7</v>
      </c>
      <c r="AK5764">
        <v>7</v>
      </c>
      <c r="AL5764">
        <v>8</v>
      </c>
      <c r="AM5764">
        <v>8</v>
      </c>
      <c r="AN5764">
        <v>8</v>
      </c>
      <c r="AO5764">
        <v>8</v>
      </c>
      <c r="AP5764">
        <v>8</v>
      </c>
      <c r="AQ5764">
        <v>8</v>
      </c>
    </row>
    <row r="5765" spans="1:43">
      <c r="A5765" t="s">
        <v>3604</v>
      </c>
      <c r="B5765" t="s">
        <v>3605</v>
      </c>
      <c r="C5765" t="s">
        <v>3606</v>
      </c>
      <c r="D5765" t="s">
        <v>3607</v>
      </c>
      <c r="E5765" t="s">
        <v>3352</v>
      </c>
      <c r="F5765" t="s">
        <v>3353</v>
      </c>
      <c r="G5765" t="s">
        <v>80</v>
      </c>
      <c r="H5765" t="s">
        <v>81</v>
      </c>
      <c r="I5765" s="2">
        <v>0</v>
      </c>
      <c r="J5765" s="2">
        <v>1</v>
      </c>
      <c r="K5765" s="2">
        <v>0</v>
      </c>
      <c r="L5765" t="s">
        <v>82</v>
      </c>
      <c r="M5765" t="s">
        <v>83</v>
      </c>
      <c r="N5765" t="s">
        <v>91</v>
      </c>
      <c r="O5765" t="s">
        <v>85</v>
      </c>
      <c r="P5765" t="s">
        <v>86</v>
      </c>
      <c r="Q5765">
        <v>5</v>
      </c>
      <c r="R5765">
        <v>5</v>
      </c>
      <c r="S5765">
        <v>5</v>
      </c>
      <c r="T5765">
        <v>5</v>
      </c>
      <c r="U5765">
        <v>5</v>
      </c>
      <c r="V5765">
        <v>5</v>
      </c>
      <c r="W5765">
        <v>6</v>
      </c>
      <c r="X5765">
        <v>6</v>
      </c>
      <c r="Y5765">
        <v>6</v>
      </c>
      <c r="Z5765">
        <v>6</v>
      </c>
      <c r="AA5765">
        <v>6</v>
      </c>
      <c r="AB5765">
        <v>6</v>
      </c>
      <c r="AC5765">
        <v>6</v>
      </c>
      <c r="AD5765">
        <v>6</v>
      </c>
      <c r="AE5765">
        <v>7</v>
      </c>
      <c r="AF5765">
        <v>7</v>
      </c>
      <c r="AG5765">
        <v>7</v>
      </c>
      <c r="AH5765">
        <v>7</v>
      </c>
      <c r="AI5765">
        <v>7</v>
      </c>
      <c r="AJ5765">
        <v>7</v>
      </c>
      <c r="AK5765">
        <v>7</v>
      </c>
      <c r="AL5765">
        <v>7</v>
      </c>
      <c r="AM5765">
        <v>8</v>
      </c>
      <c r="AN5765">
        <v>8</v>
      </c>
      <c r="AO5765">
        <v>8</v>
      </c>
      <c r="AP5765">
        <v>8</v>
      </c>
      <c r="AQ5765">
        <v>8</v>
      </c>
    </row>
    <row r="5766" spans="1:43">
      <c r="A5766" t="s">
        <v>3608</v>
      </c>
      <c r="B5766" t="s">
        <v>3609</v>
      </c>
      <c r="C5766" t="s">
        <v>3606</v>
      </c>
      <c r="D5766" t="s">
        <v>3607</v>
      </c>
      <c r="E5766" t="s">
        <v>3352</v>
      </c>
      <c r="F5766" t="s">
        <v>3353</v>
      </c>
      <c r="G5766" t="s">
        <v>80</v>
      </c>
      <c r="H5766" t="s">
        <v>81</v>
      </c>
      <c r="I5766" s="2">
        <v>0</v>
      </c>
      <c r="J5766" s="2">
        <v>1</v>
      </c>
      <c r="K5766" s="2">
        <v>0</v>
      </c>
      <c r="L5766" t="s">
        <v>82</v>
      </c>
      <c r="M5766" t="s">
        <v>83</v>
      </c>
      <c r="N5766" t="s">
        <v>84</v>
      </c>
      <c r="O5766" t="s">
        <v>85</v>
      </c>
      <c r="P5766" t="s">
        <v>86</v>
      </c>
      <c r="Q5766">
        <v>36</v>
      </c>
      <c r="R5766">
        <v>37</v>
      </c>
      <c r="S5766">
        <v>38</v>
      </c>
      <c r="T5766">
        <v>39</v>
      </c>
      <c r="U5766">
        <v>40</v>
      </c>
      <c r="V5766">
        <v>40</v>
      </c>
      <c r="W5766">
        <v>41</v>
      </c>
      <c r="X5766">
        <v>42</v>
      </c>
      <c r="Y5766">
        <v>43</v>
      </c>
      <c r="Z5766">
        <v>44</v>
      </c>
      <c r="AA5766">
        <v>45</v>
      </c>
      <c r="AB5766">
        <v>46</v>
      </c>
      <c r="AC5766">
        <v>47</v>
      </c>
      <c r="AD5766">
        <v>48</v>
      </c>
      <c r="AE5766">
        <v>49</v>
      </c>
      <c r="AF5766">
        <v>50</v>
      </c>
      <c r="AG5766">
        <v>51</v>
      </c>
      <c r="AH5766">
        <v>51</v>
      </c>
      <c r="AI5766">
        <v>52</v>
      </c>
      <c r="AJ5766">
        <v>53</v>
      </c>
      <c r="AK5766">
        <v>54</v>
      </c>
      <c r="AL5766">
        <v>55</v>
      </c>
      <c r="AM5766">
        <v>55</v>
      </c>
      <c r="AN5766">
        <v>56</v>
      </c>
      <c r="AO5766">
        <v>56</v>
      </c>
      <c r="AP5766">
        <v>57</v>
      </c>
      <c r="AQ5766">
        <v>57</v>
      </c>
    </row>
    <row r="5767" spans="1:43">
      <c r="A5767" t="s">
        <v>3608</v>
      </c>
      <c r="B5767" t="s">
        <v>3609</v>
      </c>
      <c r="C5767" t="s">
        <v>3606</v>
      </c>
      <c r="D5767" t="s">
        <v>3607</v>
      </c>
      <c r="E5767" t="s">
        <v>3352</v>
      </c>
      <c r="F5767" t="s">
        <v>3353</v>
      </c>
      <c r="G5767" t="s">
        <v>80</v>
      </c>
      <c r="H5767" t="s">
        <v>81</v>
      </c>
      <c r="I5767" s="2">
        <v>0</v>
      </c>
      <c r="J5767" s="2">
        <v>1</v>
      </c>
      <c r="K5767" s="2">
        <v>0</v>
      </c>
      <c r="L5767" t="s">
        <v>82</v>
      </c>
      <c r="M5767" t="s">
        <v>87</v>
      </c>
      <c r="N5767" t="s">
        <v>88</v>
      </c>
      <c r="O5767" t="s">
        <v>85</v>
      </c>
      <c r="P5767" t="s">
        <v>86</v>
      </c>
      <c r="Q5767">
        <v>36</v>
      </c>
      <c r="R5767">
        <v>36</v>
      </c>
      <c r="S5767">
        <v>37</v>
      </c>
      <c r="T5767">
        <v>37</v>
      </c>
      <c r="U5767">
        <v>38</v>
      </c>
      <c r="V5767">
        <v>38</v>
      </c>
      <c r="W5767">
        <v>39</v>
      </c>
      <c r="X5767">
        <v>39</v>
      </c>
      <c r="Y5767">
        <v>40</v>
      </c>
      <c r="Z5767">
        <v>41</v>
      </c>
      <c r="AA5767">
        <v>41</v>
      </c>
      <c r="AB5767">
        <v>42</v>
      </c>
      <c r="AC5767">
        <v>42</v>
      </c>
      <c r="AD5767">
        <v>43</v>
      </c>
      <c r="AE5767">
        <v>43</v>
      </c>
      <c r="AF5767">
        <v>44</v>
      </c>
      <c r="AG5767">
        <v>44</v>
      </c>
      <c r="AH5767">
        <v>45</v>
      </c>
      <c r="AI5767">
        <v>46</v>
      </c>
      <c r="AJ5767">
        <v>46</v>
      </c>
      <c r="AK5767">
        <v>47</v>
      </c>
      <c r="AL5767">
        <v>47</v>
      </c>
      <c r="AM5767">
        <v>48</v>
      </c>
      <c r="AN5767">
        <v>49</v>
      </c>
      <c r="AO5767">
        <v>49</v>
      </c>
      <c r="AP5767">
        <v>50</v>
      </c>
      <c r="AQ5767">
        <v>50</v>
      </c>
    </row>
    <row r="5768" spans="1:43">
      <c r="A5768" t="s">
        <v>3608</v>
      </c>
      <c r="B5768" t="s">
        <v>3609</v>
      </c>
      <c r="C5768" t="s">
        <v>3606</v>
      </c>
      <c r="D5768" t="s">
        <v>3607</v>
      </c>
      <c r="E5768" t="s">
        <v>3352</v>
      </c>
      <c r="F5768" t="s">
        <v>3353</v>
      </c>
      <c r="G5768" t="s">
        <v>80</v>
      </c>
      <c r="H5768" t="s">
        <v>81</v>
      </c>
      <c r="I5768" s="2">
        <v>0</v>
      </c>
      <c r="J5768" s="2">
        <v>1</v>
      </c>
      <c r="K5768" s="2">
        <v>0</v>
      </c>
      <c r="L5768" t="s">
        <v>82</v>
      </c>
      <c r="M5768" t="s">
        <v>89</v>
      </c>
      <c r="N5768" t="s">
        <v>90</v>
      </c>
      <c r="O5768" t="s">
        <v>85</v>
      </c>
      <c r="P5768" t="s">
        <v>86</v>
      </c>
      <c r="Q5768">
        <v>36</v>
      </c>
      <c r="R5768">
        <v>38</v>
      </c>
      <c r="S5768">
        <v>39</v>
      </c>
      <c r="T5768">
        <v>40</v>
      </c>
      <c r="U5768">
        <v>41</v>
      </c>
      <c r="V5768">
        <v>42</v>
      </c>
      <c r="W5768">
        <v>44</v>
      </c>
      <c r="X5768">
        <v>45</v>
      </c>
      <c r="Y5768">
        <v>46</v>
      </c>
      <c r="Z5768">
        <v>47</v>
      </c>
      <c r="AA5768">
        <v>48</v>
      </c>
      <c r="AB5768">
        <v>49</v>
      </c>
      <c r="AC5768">
        <v>50</v>
      </c>
      <c r="AD5768">
        <v>51</v>
      </c>
      <c r="AE5768">
        <v>52</v>
      </c>
      <c r="AF5768">
        <v>52</v>
      </c>
      <c r="AG5768">
        <v>53</v>
      </c>
      <c r="AH5768">
        <v>53</v>
      </c>
      <c r="AI5768">
        <v>54</v>
      </c>
      <c r="AJ5768">
        <v>54</v>
      </c>
      <c r="AK5768">
        <v>55</v>
      </c>
      <c r="AL5768">
        <v>55</v>
      </c>
      <c r="AM5768">
        <v>56</v>
      </c>
      <c r="AN5768">
        <v>56</v>
      </c>
      <c r="AO5768">
        <v>57</v>
      </c>
      <c r="AP5768">
        <v>57</v>
      </c>
      <c r="AQ5768">
        <v>58</v>
      </c>
    </row>
    <row r="5769" spans="1:43">
      <c r="A5769" t="s">
        <v>3608</v>
      </c>
      <c r="B5769" t="s">
        <v>3609</v>
      </c>
      <c r="C5769" t="s">
        <v>3606</v>
      </c>
      <c r="D5769" t="s">
        <v>3607</v>
      </c>
      <c r="E5769" t="s">
        <v>3352</v>
      </c>
      <c r="F5769" t="s">
        <v>3353</v>
      </c>
      <c r="G5769" t="s">
        <v>80</v>
      </c>
      <c r="H5769" t="s">
        <v>81</v>
      </c>
      <c r="I5769" s="2">
        <v>0</v>
      </c>
      <c r="J5769" s="2">
        <v>1</v>
      </c>
      <c r="K5769" s="2">
        <v>0</v>
      </c>
      <c r="L5769" t="s">
        <v>82</v>
      </c>
      <c r="M5769" t="s">
        <v>83</v>
      </c>
      <c r="N5769" t="s">
        <v>91</v>
      </c>
      <c r="O5769" t="s">
        <v>85</v>
      </c>
      <c r="P5769" t="s">
        <v>86</v>
      </c>
      <c r="Q5769">
        <v>36</v>
      </c>
      <c r="R5769">
        <v>37</v>
      </c>
      <c r="S5769">
        <v>38</v>
      </c>
      <c r="T5769">
        <v>39</v>
      </c>
      <c r="U5769">
        <v>40</v>
      </c>
      <c r="V5769">
        <v>40</v>
      </c>
      <c r="W5769">
        <v>41</v>
      </c>
      <c r="X5769">
        <v>42</v>
      </c>
      <c r="Y5769">
        <v>43</v>
      </c>
      <c r="Z5769">
        <v>44</v>
      </c>
      <c r="AA5769">
        <v>45</v>
      </c>
      <c r="AB5769">
        <v>46</v>
      </c>
      <c r="AC5769">
        <v>47</v>
      </c>
      <c r="AD5769">
        <v>48</v>
      </c>
      <c r="AE5769">
        <v>49</v>
      </c>
      <c r="AF5769">
        <v>50</v>
      </c>
      <c r="AG5769">
        <v>51</v>
      </c>
      <c r="AH5769">
        <v>51</v>
      </c>
      <c r="AI5769">
        <v>52</v>
      </c>
      <c r="AJ5769">
        <v>53</v>
      </c>
      <c r="AK5769">
        <v>54</v>
      </c>
      <c r="AL5769">
        <v>55</v>
      </c>
      <c r="AM5769">
        <v>55</v>
      </c>
      <c r="AN5769">
        <v>56</v>
      </c>
      <c r="AO5769">
        <v>56</v>
      </c>
      <c r="AP5769">
        <v>57</v>
      </c>
      <c r="AQ5769">
        <v>57</v>
      </c>
    </row>
    <row r="5770" spans="1:43">
      <c r="A5770" t="s">
        <v>3610</v>
      </c>
      <c r="B5770" t="s">
        <v>3611</v>
      </c>
      <c r="C5770" t="s">
        <v>3612</v>
      </c>
      <c r="D5770" t="s">
        <v>3613</v>
      </c>
      <c r="E5770" t="s">
        <v>3352</v>
      </c>
      <c r="F5770" t="s">
        <v>3353</v>
      </c>
      <c r="G5770" t="s">
        <v>80</v>
      </c>
      <c r="H5770" t="s">
        <v>81</v>
      </c>
      <c r="I5770" s="2">
        <v>0</v>
      </c>
      <c r="J5770" s="2">
        <v>1</v>
      </c>
      <c r="K5770" s="2">
        <v>0</v>
      </c>
      <c r="L5770" t="s">
        <v>82</v>
      </c>
      <c r="M5770" t="s">
        <v>83</v>
      </c>
      <c r="N5770" t="s">
        <v>84</v>
      </c>
      <c r="O5770" t="s">
        <v>85</v>
      </c>
      <c r="P5770" t="s">
        <v>86</v>
      </c>
      <c r="Q5770">
        <v>17</v>
      </c>
      <c r="R5770">
        <v>18</v>
      </c>
      <c r="S5770">
        <v>18</v>
      </c>
      <c r="T5770">
        <v>18</v>
      </c>
      <c r="U5770">
        <v>19</v>
      </c>
      <c r="V5770">
        <v>19</v>
      </c>
      <c r="W5770">
        <v>20</v>
      </c>
      <c r="X5770">
        <v>20</v>
      </c>
      <c r="Y5770">
        <v>21</v>
      </c>
      <c r="Z5770">
        <v>21</v>
      </c>
      <c r="AA5770">
        <v>21</v>
      </c>
      <c r="AB5770">
        <v>22</v>
      </c>
      <c r="AC5770">
        <v>22</v>
      </c>
      <c r="AD5770">
        <v>23</v>
      </c>
      <c r="AE5770">
        <v>23</v>
      </c>
      <c r="AF5770">
        <v>24</v>
      </c>
      <c r="AG5770">
        <v>24</v>
      </c>
      <c r="AH5770">
        <v>24</v>
      </c>
      <c r="AI5770">
        <v>25</v>
      </c>
      <c r="AJ5770">
        <v>25</v>
      </c>
      <c r="AK5770">
        <v>26</v>
      </c>
      <c r="AL5770">
        <v>26</v>
      </c>
      <c r="AM5770">
        <v>26</v>
      </c>
      <c r="AN5770">
        <v>26</v>
      </c>
      <c r="AO5770">
        <v>27</v>
      </c>
      <c r="AP5770">
        <v>27</v>
      </c>
      <c r="AQ5770">
        <v>27</v>
      </c>
    </row>
    <row r="5771" spans="1:43">
      <c r="A5771" t="s">
        <v>3610</v>
      </c>
      <c r="B5771" t="s">
        <v>3611</v>
      </c>
      <c r="C5771" t="s">
        <v>3612</v>
      </c>
      <c r="D5771" t="s">
        <v>3613</v>
      </c>
      <c r="E5771" t="s">
        <v>3352</v>
      </c>
      <c r="F5771" t="s">
        <v>3353</v>
      </c>
      <c r="G5771" t="s">
        <v>80</v>
      </c>
      <c r="H5771" t="s">
        <v>81</v>
      </c>
      <c r="I5771" s="2">
        <v>0</v>
      </c>
      <c r="J5771" s="2">
        <v>1</v>
      </c>
      <c r="K5771" s="2">
        <v>0</v>
      </c>
      <c r="L5771" t="s">
        <v>82</v>
      </c>
      <c r="M5771" t="s">
        <v>87</v>
      </c>
      <c r="N5771" t="s">
        <v>88</v>
      </c>
      <c r="O5771" t="s">
        <v>85</v>
      </c>
      <c r="P5771" t="s">
        <v>86</v>
      </c>
      <c r="Q5771">
        <v>17</v>
      </c>
      <c r="R5771">
        <v>17</v>
      </c>
      <c r="S5771">
        <v>17</v>
      </c>
      <c r="T5771">
        <v>18</v>
      </c>
      <c r="U5771">
        <v>18</v>
      </c>
      <c r="V5771">
        <v>18</v>
      </c>
      <c r="W5771">
        <v>18</v>
      </c>
      <c r="X5771">
        <v>19</v>
      </c>
      <c r="Y5771">
        <v>19</v>
      </c>
      <c r="Z5771">
        <v>19</v>
      </c>
      <c r="AA5771">
        <v>19</v>
      </c>
      <c r="AB5771">
        <v>20</v>
      </c>
      <c r="AC5771">
        <v>20</v>
      </c>
      <c r="AD5771">
        <v>20</v>
      </c>
      <c r="AE5771">
        <v>21</v>
      </c>
      <c r="AF5771">
        <v>21</v>
      </c>
      <c r="AG5771">
        <v>21</v>
      </c>
      <c r="AH5771">
        <v>21</v>
      </c>
      <c r="AI5771">
        <v>22</v>
      </c>
      <c r="AJ5771">
        <v>22</v>
      </c>
      <c r="AK5771">
        <v>22</v>
      </c>
      <c r="AL5771">
        <v>22</v>
      </c>
      <c r="AM5771">
        <v>23</v>
      </c>
      <c r="AN5771">
        <v>23</v>
      </c>
      <c r="AO5771">
        <v>23</v>
      </c>
      <c r="AP5771">
        <v>24</v>
      </c>
      <c r="AQ5771">
        <v>24</v>
      </c>
    </row>
    <row r="5772" spans="1:43">
      <c r="A5772" t="s">
        <v>3610</v>
      </c>
      <c r="B5772" t="s">
        <v>3611</v>
      </c>
      <c r="C5772" t="s">
        <v>3612</v>
      </c>
      <c r="D5772" t="s">
        <v>3613</v>
      </c>
      <c r="E5772" t="s">
        <v>3352</v>
      </c>
      <c r="F5772" t="s">
        <v>3353</v>
      </c>
      <c r="G5772" t="s">
        <v>80</v>
      </c>
      <c r="H5772" t="s">
        <v>81</v>
      </c>
      <c r="I5772" s="2">
        <v>0</v>
      </c>
      <c r="J5772" s="2">
        <v>1</v>
      </c>
      <c r="K5772" s="2">
        <v>0</v>
      </c>
      <c r="L5772" t="s">
        <v>82</v>
      </c>
      <c r="M5772" t="s">
        <v>89</v>
      </c>
      <c r="N5772" t="s">
        <v>90</v>
      </c>
      <c r="O5772" t="s">
        <v>85</v>
      </c>
      <c r="P5772" t="s">
        <v>86</v>
      </c>
      <c r="Q5772">
        <v>17</v>
      </c>
      <c r="R5772">
        <v>18</v>
      </c>
      <c r="S5772">
        <v>18</v>
      </c>
      <c r="T5772">
        <v>19</v>
      </c>
      <c r="U5772">
        <v>20</v>
      </c>
      <c r="V5772">
        <v>20</v>
      </c>
      <c r="W5772">
        <v>21</v>
      </c>
      <c r="X5772">
        <v>21</v>
      </c>
      <c r="Y5772">
        <v>22</v>
      </c>
      <c r="Z5772">
        <v>22</v>
      </c>
      <c r="AA5772">
        <v>23</v>
      </c>
      <c r="AB5772">
        <v>23</v>
      </c>
      <c r="AC5772">
        <v>24</v>
      </c>
      <c r="AD5772">
        <v>24</v>
      </c>
      <c r="AE5772">
        <v>25</v>
      </c>
      <c r="AF5772">
        <v>25</v>
      </c>
      <c r="AG5772">
        <v>25</v>
      </c>
      <c r="AH5772">
        <v>25</v>
      </c>
      <c r="AI5772">
        <v>26</v>
      </c>
      <c r="AJ5772">
        <v>26</v>
      </c>
      <c r="AK5772">
        <v>26</v>
      </c>
      <c r="AL5772">
        <v>26</v>
      </c>
      <c r="AM5772">
        <v>26</v>
      </c>
      <c r="AN5772">
        <v>27</v>
      </c>
      <c r="AO5772">
        <v>27</v>
      </c>
      <c r="AP5772">
        <v>27</v>
      </c>
      <c r="AQ5772">
        <v>27</v>
      </c>
    </row>
    <row r="5773" spans="1:43">
      <c r="A5773" t="s">
        <v>3610</v>
      </c>
      <c r="B5773" t="s">
        <v>3611</v>
      </c>
      <c r="C5773" t="s">
        <v>3612</v>
      </c>
      <c r="D5773" t="s">
        <v>3613</v>
      </c>
      <c r="E5773" t="s">
        <v>3352</v>
      </c>
      <c r="F5773" t="s">
        <v>3353</v>
      </c>
      <c r="G5773" t="s">
        <v>80</v>
      </c>
      <c r="H5773" t="s">
        <v>81</v>
      </c>
      <c r="I5773" s="2">
        <v>0</v>
      </c>
      <c r="J5773" s="2">
        <v>1</v>
      </c>
      <c r="K5773" s="2">
        <v>0</v>
      </c>
      <c r="L5773" t="s">
        <v>82</v>
      </c>
      <c r="M5773" t="s">
        <v>83</v>
      </c>
      <c r="N5773" t="s">
        <v>91</v>
      </c>
      <c r="O5773" t="s">
        <v>85</v>
      </c>
      <c r="P5773" t="s">
        <v>86</v>
      </c>
      <c r="Q5773">
        <v>17</v>
      </c>
      <c r="R5773">
        <v>18</v>
      </c>
      <c r="S5773">
        <v>18</v>
      </c>
      <c r="T5773">
        <v>18</v>
      </c>
      <c r="U5773">
        <v>19</v>
      </c>
      <c r="V5773">
        <v>19</v>
      </c>
      <c r="W5773">
        <v>20</v>
      </c>
      <c r="X5773">
        <v>20</v>
      </c>
      <c r="Y5773">
        <v>21</v>
      </c>
      <c r="Z5773">
        <v>21</v>
      </c>
      <c r="AA5773">
        <v>21</v>
      </c>
      <c r="AB5773">
        <v>22</v>
      </c>
      <c r="AC5773">
        <v>22</v>
      </c>
      <c r="AD5773">
        <v>23</v>
      </c>
      <c r="AE5773">
        <v>23</v>
      </c>
      <c r="AF5773">
        <v>24</v>
      </c>
      <c r="AG5773">
        <v>24</v>
      </c>
      <c r="AH5773">
        <v>24</v>
      </c>
      <c r="AI5773">
        <v>25</v>
      </c>
      <c r="AJ5773">
        <v>25</v>
      </c>
      <c r="AK5773">
        <v>26</v>
      </c>
      <c r="AL5773">
        <v>26</v>
      </c>
      <c r="AM5773">
        <v>26</v>
      </c>
      <c r="AN5773">
        <v>26</v>
      </c>
      <c r="AO5773">
        <v>27</v>
      </c>
      <c r="AP5773">
        <v>27</v>
      </c>
      <c r="AQ5773">
        <v>27</v>
      </c>
    </row>
    <row r="5774" spans="1:43">
      <c r="A5774" t="s">
        <v>3614</v>
      </c>
      <c r="B5774" t="s">
        <v>3615</v>
      </c>
      <c r="C5774" t="s">
        <v>3612</v>
      </c>
      <c r="D5774" t="s">
        <v>3613</v>
      </c>
      <c r="E5774" t="s">
        <v>3352</v>
      </c>
      <c r="F5774" t="s">
        <v>3353</v>
      </c>
      <c r="G5774" t="s">
        <v>80</v>
      </c>
      <c r="H5774" t="s">
        <v>81</v>
      </c>
      <c r="I5774" s="2">
        <v>0</v>
      </c>
      <c r="J5774" s="2">
        <v>1</v>
      </c>
      <c r="K5774" s="2">
        <v>0</v>
      </c>
      <c r="L5774" t="s">
        <v>82</v>
      </c>
      <c r="M5774" t="s">
        <v>83</v>
      </c>
      <c r="N5774" t="s">
        <v>84</v>
      </c>
      <c r="O5774" t="s">
        <v>85</v>
      </c>
      <c r="P5774" t="s">
        <v>86</v>
      </c>
      <c r="Q5774">
        <v>39</v>
      </c>
      <c r="R5774">
        <v>40</v>
      </c>
      <c r="S5774">
        <v>41</v>
      </c>
      <c r="T5774">
        <v>42</v>
      </c>
      <c r="U5774">
        <v>43</v>
      </c>
      <c r="V5774">
        <v>44</v>
      </c>
      <c r="W5774">
        <v>45</v>
      </c>
      <c r="X5774">
        <v>46</v>
      </c>
      <c r="Y5774">
        <v>47</v>
      </c>
      <c r="Z5774">
        <v>48</v>
      </c>
      <c r="AA5774">
        <v>49</v>
      </c>
      <c r="AB5774">
        <v>50</v>
      </c>
      <c r="AC5774">
        <v>51</v>
      </c>
      <c r="AD5774">
        <v>52</v>
      </c>
      <c r="AE5774">
        <v>53</v>
      </c>
      <c r="AF5774">
        <v>54</v>
      </c>
      <c r="AG5774">
        <v>55</v>
      </c>
      <c r="AH5774">
        <v>56</v>
      </c>
      <c r="AI5774">
        <v>57</v>
      </c>
      <c r="AJ5774">
        <v>58</v>
      </c>
      <c r="AK5774">
        <v>59</v>
      </c>
      <c r="AL5774">
        <v>60</v>
      </c>
      <c r="AM5774">
        <v>60</v>
      </c>
      <c r="AN5774">
        <v>61</v>
      </c>
      <c r="AO5774">
        <v>61</v>
      </c>
      <c r="AP5774">
        <v>62</v>
      </c>
      <c r="AQ5774">
        <v>62</v>
      </c>
    </row>
    <row r="5775" spans="1:43">
      <c r="A5775" t="s">
        <v>3614</v>
      </c>
      <c r="B5775" t="s">
        <v>3615</v>
      </c>
      <c r="C5775" t="s">
        <v>3612</v>
      </c>
      <c r="D5775" t="s">
        <v>3613</v>
      </c>
      <c r="E5775" t="s">
        <v>3352</v>
      </c>
      <c r="F5775" t="s">
        <v>3353</v>
      </c>
      <c r="G5775" t="s">
        <v>80</v>
      </c>
      <c r="H5775" t="s">
        <v>81</v>
      </c>
      <c r="I5775" s="2">
        <v>0</v>
      </c>
      <c r="J5775" s="2">
        <v>1</v>
      </c>
      <c r="K5775" s="2">
        <v>0</v>
      </c>
      <c r="L5775" t="s">
        <v>82</v>
      </c>
      <c r="M5775" t="s">
        <v>87</v>
      </c>
      <c r="N5775" t="s">
        <v>88</v>
      </c>
      <c r="O5775" t="s">
        <v>85</v>
      </c>
      <c r="P5775" t="s">
        <v>86</v>
      </c>
      <c r="Q5775">
        <v>39</v>
      </c>
      <c r="R5775">
        <v>39</v>
      </c>
      <c r="S5775">
        <v>40</v>
      </c>
      <c r="T5775">
        <v>41</v>
      </c>
      <c r="U5775">
        <v>41</v>
      </c>
      <c r="V5775">
        <v>42</v>
      </c>
      <c r="W5775">
        <v>42</v>
      </c>
      <c r="X5775">
        <v>43</v>
      </c>
      <c r="Y5775">
        <v>44</v>
      </c>
      <c r="Z5775">
        <v>44</v>
      </c>
      <c r="AA5775">
        <v>45</v>
      </c>
      <c r="AB5775">
        <v>45</v>
      </c>
      <c r="AC5775">
        <v>46</v>
      </c>
      <c r="AD5775">
        <v>47</v>
      </c>
      <c r="AE5775">
        <v>47</v>
      </c>
      <c r="AF5775">
        <v>48</v>
      </c>
      <c r="AG5775">
        <v>48</v>
      </c>
      <c r="AH5775">
        <v>49</v>
      </c>
      <c r="AI5775">
        <v>50</v>
      </c>
      <c r="AJ5775">
        <v>50</v>
      </c>
      <c r="AK5775">
        <v>51</v>
      </c>
      <c r="AL5775">
        <v>52</v>
      </c>
      <c r="AM5775">
        <v>52</v>
      </c>
      <c r="AN5775">
        <v>53</v>
      </c>
      <c r="AO5775">
        <v>54</v>
      </c>
      <c r="AP5775">
        <v>54</v>
      </c>
      <c r="AQ5775">
        <v>55</v>
      </c>
    </row>
    <row r="5776" spans="1:43">
      <c r="A5776" t="s">
        <v>3614</v>
      </c>
      <c r="B5776" t="s">
        <v>3615</v>
      </c>
      <c r="C5776" t="s">
        <v>3612</v>
      </c>
      <c r="D5776" t="s">
        <v>3613</v>
      </c>
      <c r="E5776" t="s">
        <v>3352</v>
      </c>
      <c r="F5776" t="s">
        <v>3353</v>
      </c>
      <c r="G5776" t="s">
        <v>80</v>
      </c>
      <c r="H5776" t="s">
        <v>81</v>
      </c>
      <c r="I5776" s="2">
        <v>0</v>
      </c>
      <c r="J5776" s="2">
        <v>1</v>
      </c>
      <c r="K5776" s="2">
        <v>0</v>
      </c>
      <c r="L5776" t="s">
        <v>82</v>
      </c>
      <c r="M5776" t="s">
        <v>89</v>
      </c>
      <c r="N5776" t="s">
        <v>90</v>
      </c>
      <c r="O5776" t="s">
        <v>85</v>
      </c>
      <c r="P5776" t="s">
        <v>86</v>
      </c>
      <c r="Q5776">
        <v>39</v>
      </c>
      <c r="R5776">
        <v>40</v>
      </c>
      <c r="S5776">
        <v>41</v>
      </c>
      <c r="T5776">
        <v>43</v>
      </c>
      <c r="U5776">
        <v>44</v>
      </c>
      <c r="V5776">
        <v>45</v>
      </c>
      <c r="W5776">
        <v>46</v>
      </c>
      <c r="X5776">
        <v>48</v>
      </c>
      <c r="Y5776">
        <v>49</v>
      </c>
      <c r="Z5776">
        <v>50</v>
      </c>
      <c r="AA5776">
        <v>51</v>
      </c>
      <c r="AB5776">
        <v>52</v>
      </c>
      <c r="AC5776">
        <v>53</v>
      </c>
      <c r="AD5776">
        <v>55</v>
      </c>
      <c r="AE5776">
        <v>55</v>
      </c>
      <c r="AF5776">
        <v>56</v>
      </c>
      <c r="AG5776">
        <v>56</v>
      </c>
      <c r="AH5776">
        <v>57</v>
      </c>
      <c r="AI5776">
        <v>58</v>
      </c>
      <c r="AJ5776">
        <v>58</v>
      </c>
      <c r="AK5776">
        <v>59</v>
      </c>
      <c r="AL5776">
        <v>59</v>
      </c>
      <c r="AM5776">
        <v>60</v>
      </c>
      <c r="AN5776">
        <v>60</v>
      </c>
      <c r="AO5776">
        <v>61</v>
      </c>
      <c r="AP5776">
        <v>61</v>
      </c>
      <c r="AQ5776">
        <v>62</v>
      </c>
    </row>
    <row r="5777" spans="1:43">
      <c r="A5777" t="s">
        <v>3614</v>
      </c>
      <c r="B5777" t="s">
        <v>3615</v>
      </c>
      <c r="C5777" t="s">
        <v>3612</v>
      </c>
      <c r="D5777" t="s">
        <v>3613</v>
      </c>
      <c r="E5777" t="s">
        <v>3352</v>
      </c>
      <c r="F5777" t="s">
        <v>3353</v>
      </c>
      <c r="G5777" t="s">
        <v>80</v>
      </c>
      <c r="H5777" t="s">
        <v>81</v>
      </c>
      <c r="I5777" s="2">
        <v>0</v>
      </c>
      <c r="J5777" s="2">
        <v>1</v>
      </c>
      <c r="K5777" s="2">
        <v>0</v>
      </c>
      <c r="L5777" t="s">
        <v>82</v>
      </c>
      <c r="M5777" t="s">
        <v>83</v>
      </c>
      <c r="N5777" t="s">
        <v>91</v>
      </c>
      <c r="O5777" t="s">
        <v>85</v>
      </c>
      <c r="P5777" t="s">
        <v>86</v>
      </c>
      <c r="Q5777">
        <v>39</v>
      </c>
      <c r="R5777">
        <v>40</v>
      </c>
      <c r="S5777">
        <v>41</v>
      </c>
      <c r="T5777">
        <v>42</v>
      </c>
      <c r="U5777">
        <v>43</v>
      </c>
      <c r="V5777">
        <v>44</v>
      </c>
      <c r="W5777">
        <v>45</v>
      </c>
      <c r="X5777">
        <v>46</v>
      </c>
      <c r="Y5777">
        <v>47</v>
      </c>
      <c r="Z5777">
        <v>48</v>
      </c>
      <c r="AA5777">
        <v>49</v>
      </c>
      <c r="AB5777">
        <v>50</v>
      </c>
      <c r="AC5777">
        <v>51</v>
      </c>
      <c r="AD5777">
        <v>52</v>
      </c>
      <c r="AE5777">
        <v>53</v>
      </c>
      <c r="AF5777">
        <v>54</v>
      </c>
      <c r="AG5777">
        <v>55</v>
      </c>
      <c r="AH5777">
        <v>56</v>
      </c>
      <c r="AI5777">
        <v>57</v>
      </c>
      <c r="AJ5777">
        <v>58</v>
      </c>
      <c r="AK5777">
        <v>59</v>
      </c>
      <c r="AL5777">
        <v>60</v>
      </c>
      <c r="AM5777">
        <v>60</v>
      </c>
      <c r="AN5777">
        <v>61</v>
      </c>
      <c r="AO5777">
        <v>61</v>
      </c>
      <c r="AP5777">
        <v>62</v>
      </c>
      <c r="AQ5777">
        <v>62</v>
      </c>
    </row>
    <row r="5778" spans="1:43">
      <c r="A5778" t="s">
        <v>3616</v>
      </c>
      <c r="B5778" t="s">
        <v>3617</v>
      </c>
      <c r="C5778" t="s">
        <v>3612</v>
      </c>
      <c r="D5778" t="s">
        <v>3613</v>
      </c>
      <c r="E5778" t="s">
        <v>3352</v>
      </c>
      <c r="F5778" t="s">
        <v>3353</v>
      </c>
      <c r="G5778" t="s">
        <v>80</v>
      </c>
      <c r="H5778" t="s">
        <v>81</v>
      </c>
      <c r="I5778" s="2">
        <v>0</v>
      </c>
      <c r="J5778" s="2">
        <v>1</v>
      </c>
      <c r="K5778" s="2">
        <v>0</v>
      </c>
      <c r="L5778" t="s">
        <v>82</v>
      </c>
      <c r="M5778" t="s">
        <v>83</v>
      </c>
      <c r="N5778" t="s">
        <v>84</v>
      </c>
      <c r="O5778" t="s">
        <v>85</v>
      </c>
      <c r="P5778" t="s">
        <v>86</v>
      </c>
      <c r="Q5778">
        <v>21</v>
      </c>
      <c r="R5778">
        <v>21</v>
      </c>
      <c r="S5778">
        <v>22</v>
      </c>
      <c r="T5778">
        <v>22</v>
      </c>
      <c r="U5778">
        <v>23</v>
      </c>
      <c r="V5778">
        <v>23</v>
      </c>
      <c r="W5778">
        <v>24</v>
      </c>
      <c r="X5778">
        <v>24</v>
      </c>
      <c r="Y5778">
        <v>25</v>
      </c>
      <c r="Z5778">
        <v>25</v>
      </c>
      <c r="AA5778">
        <v>26</v>
      </c>
      <c r="AB5778">
        <v>26</v>
      </c>
      <c r="AC5778">
        <v>27</v>
      </c>
      <c r="AD5778">
        <v>27</v>
      </c>
      <c r="AE5778">
        <v>28</v>
      </c>
      <c r="AF5778">
        <v>28</v>
      </c>
      <c r="AG5778">
        <v>29</v>
      </c>
      <c r="AH5778">
        <v>29</v>
      </c>
      <c r="AI5778">
        <v>30</v>
      </c>
      <c r="AJ5778">
        <v>30</v>
      </c>
      <c r="AK5778">
        <v>31</v>
      </c>
      <c r="AL5778">
        <v>31</v>
      </c>
      <c r="AM5778">
        <v>32</v>
      </c>
      <c r="AN5778">
        <v>32</v>
      </c>
      <c r="AO5778">
        <v>32</v>
      </c>
      <c r="AP5778">
        <v>32</v>
      </c>
      <c r="AQ5778">
        <v>33</v>
      </c>
    </row>
    <row r="5779" spans="1:43">
      <c r="A5779" t="s">
        <v>3616</v>
      </c>
      <c r="B5779" t="s">
        <v>3617</v>
      </c>
      <c r="C5779" t="s">
        <v>3612</v>
      </c>
      <c r="D5779" t="s">
        <v>3613</v>
      </c>
      <c r="E5779" t="s">
        <v>3352</v>
      </c>
      <c r="F5779" t="s">
        <v>3353</v>
      </c>
      <c r="G5779" t="s">
        <v>80</v>
      </c>
      <c r="H5779" t="s">
        <v>81</v>
      </c>
      <c r="I5779" s="2">
        <v>0</v>
      </c>
      <c r="J5779" s="2">
        <v>1</v>
      </c>
      <c r="K5779" s="2">
        <v>0</v>
      </c>
      <c r="L5779" t="s">
        <v>82</v>
      </c>
      <c r="M5779" t="s">
        <v>87</v>
      </c>
      <c r="N5779" t="s">
        <v>88</v>
      </c>
      <c r="O5779" t="s">
        <v>85</v>
      </c>
      <c r="P5779" t="s">
        <v>86</v>
      </c>
      <c r="Q5779">
        <v>21</v>
      </c>
      <c r="R5779">
        <v>22</v>
      </c>
      <c r="S5779">
        <v>22</v>
      </c>
      <c r="T5779">
        <v>22</v>
      </c>
      <c r="U5779">
        <v>23</v>
      </c>
      <c r="V5779">
        <v>23</v>
      </c>
      <c r="W5779">
        <v>23</v>
      </c>
      <c r="X5779">
        <v>24</v>
      </c>
      <c r="Y5779">
        <v>24</v>
      </c>
      <c r="Z5779">
        <v>24</v>
      </c>
      <c r="AA5779">
        <v>25</v>
      </c>
      <c r="AB5779">
        <v>25</v>
      </c>
      <c r="AC5779">
        <v>25</v>
      </c>
      <c r="AD5779">
        <v>25</v>
      </c>
      <c r="AE5779">
        <v>26</v>
      </c>
      <c r="AF5779">
        <v>26</v>
      </c>
      <c r="AG5779">
        <v>26</v>
      </c>
      <c r="AH5779">
        <v>27</v>
      </c>
      <c r="AI5779">
        <v>27</v>
      </c>
      <c r="AJ5779">
        <v>27</v>
      </c>
      <c r="AK5779">
        <v>28</v>
      </c>
      <c r="AL5779">
        <v>28</v>
      </c>
      <c r="AM5779">
        <v>28</v>
      </c>
      <c r="AN5779">
        <v>29</v>
      </c>
      <c r="AO5779">
        <v>29</v>
      </c>
      <c r="AP5779">
        <v>29</v>
      </c>
      <c r="AQ5779">
        <v>30</v>
      </c>
    </row>
    <row r="5780" spans="1:43">
      <c r="A5780" t="s">
        <v>3616</v>
      </c>
      <c r="B5780" t="s">
        <v>3617</v>
      </c>
      <c r="C5780" t="s">
        <v>3612</v>
      </c>
      <c r="D5780" t="s">
        <v>3613</v>
      </c>
      <c r="E5780" t="s">
        <v>3352</v>
      </c>
      <c r="F5780" t="s">
        <v>3353</v>
      </c>
      <c r="G5780" t="s">
        <v>80</v>
      </c>
      <c r="H5780" t="s">
        <v>81</v>
      </c>
      <c r="I5780" s="2">
        <v>0</v>
      </c>
      <c r="J5780" s="2">
        <v>1</v>
      </c>
      <c r="K5780" s="2">
        <v>0</v>
      </c>
      <c r="L5780" t="s">
        <v>82</v>
      </c>
      <c r="M5780" t="s">
        <v>89</v>
      </c>
      <c r="N5780" t="s">
        <v>90</v>
      </c>
      <c r="O5780" t="s">
        <v>85</v>
      </c>
      <c r="P5780" t="s">
        <v>86</v>
      </c>
      <c r="Q5780">
        <v>21</v>
      </c>
      <c r="R5780">
        <v>22</v>
      </c>
      <c r="S5780">
        <v>22</v>
      </c>
      <c r="T5780">
        <v>23</v>
      </c>
      <c r="U5780">
        <v>24</v>
      </c>
      <c r="V5780">
        <v>24</v>
      </c>
      <c r="W5780">
        <v>25</v>
      </c>
      <c r="X5780">
        <v>26</v>
      </c>
      <c r="Y5780">
        <v>26</v>
      </c>
      <c r="Z5780">
        <v>27</v>
      </c>
      <c r="AA5780">
        <v>27</v>
      </c>
      <c r="AB5780">
        <v>28</v>
      </c>
      <c r="AC5780">
        <v>29</v>
      </c>
      <c r="AD5780">
        <v>29</v>
      </c>
      <c r="AE5780">
        <v>30</v>
      </c>
      <c r="AF5780">
        <v>30</v>
      </c>
      <c r="AG5780">
        <v>30</v>
      </c>
      <c r="AH5780">
        <v>30</v>
      </c>
      <c r="AI5780">
        <v>31</v>
      </c>
      <c r="AJ5780">
        <v>31</v>
      </c>
      <c r="AK5780">
        <v>31</v>
      </c>
      <c r="AL5780">
        <v>32</v>
      </c>
      <c r="AM5780">
        <v>32</v>
      </c>
      <c r="AN5780">
        <v>32</v>
      </c>
      <c r="AO5780">
        <v>32</v>
      </c>
      <c r="AP5780">
        <v>33</v>
      </c>
      <c r="AQ5780">
        <v>33</v>
      </c>
    </row>
    <row r="5781" spans="1:43">
      <c r="A5781" t="s">
        <v>3616</v>
      </c>
      <c r="B5781" t="s">
        <v>3617</v>
      </c>
      <c r="C5781" t="s">
        <v>3612</v>
      </c>
      <c r="D5781" t="s">
        <v>3613</v>
      </c>
      <c r="E5781" t="s">
        <v>3352</v>
      </c>
      <c r="F5781" t="s">
        <v>3353</v>
      </c>
      <c r="G5781" t="s">
        <v>80</v>
      </c>
      <c r="H5781" t="s">
        <v>81</v>
      </c>
      <c r="I5781" s="2">
        <v>0</v>
      </c>
      <c r="J5781" s="2">
        <v>1</v>
      </c>
      <c r="K5781" s="2">
        <v>0</v>
      </c>
      <c r="L5781" t="s">
        <v>82</v>
      </c>
      <c r="M5781" t="s">
        <v>83</v>
      </c>
      <c r="N5781" t="s">
        <v>91</v>
      </c>
      <c r="O5781" t="s">
        <v>85</v>
      </c>
      <c r="P5781" t="s">
        <v>86</v>
      </c>
      <c r="Q5781">
        <v>21</v>
      </c>
      <c r="R5781">
        <v>21</v>
      </c>
      <c r="S5781">
        <v>22</v>
      </c>
      <c r="T5781">
        <v>22</v>
      </c>
      <c r="U5781">
        <v>23</v>
      </c>
      <c r="V5781">
        <v>23</v>
      </c>
      <c r="W5781">
        <v>24</v>
      </c>
      <c r="X5781">
        <v>24</v>
      </c>
      <c r="Y5781">
        <v>25</v>
      </c>
      <c r="Z5781">
        <v>25</v>
      </c>
      <c r="AA5781">
        <v>26</v>
      </c>
      <c r="AB5781">
        <v>26</v>
      </c>
      <c r="AC5781">
        <v>27</v>
      </c>
      <c r="AD5781">
        <v>27</v>
      </c>
      <c r="AE5781">
        <v>28</v>
      </c>
      <c r="AF5781">
        <v>28</v>
      </c>
      <c r="AG5781">
        <v>29</v>
      </c>
      <c r="AH5781">
        <v>29</v>
      </c>
      <c r="AI5781">
        <v>30</v>
      </c>
      <c r="AJ5781">
        <v>30</v>
      </c>
      <c r="AK5781">
        <v>31</v>
      </c>
      <c r="AL5781">
        <v>31</v>
      </c>
      <c r="AM5781">
        <v>32</v>
      </c>
      <c r="AN5781">
        <v>32</v>
      </c>
      <c r="AO5781">
        <v>32</v>
      </c>
      <c r="AP5781">
        <v>32</v>
      </c>
      <c r="AQ5781">
        <v>33</v>
      </c>
    </row>
    <row r="5782" spans="1:43">
      <c r="A5782" t="s">
        <v>3618</v>
      </c>
      <c r="B5782" t="s">
        <v>3619</v>
      </c>
      <c r="C5782" t="s">
        <v>3612</v>
      </c>
      <c r="D5782" t="s">
        <v>3613</v>
      </c>
      <c r="E5782" t="s">
        <v>3352</v>
      </c>
      <c r="F5782" t="s">
        <v>3353</v>
      </c>
      <c r="G5782" t="s">
        <v>80</v>
      </c>
      <c r="H5782" t="s">
        <v>81</v>
      </c>
      <c r="I5782" s="2">
        <v>0</v>
      </c>
      <c r="J5782" s="2">
        <v>1</v>
      </c>
      <c r="K5782" s="2">
        <v>0</v>
      </c>
      <c r="L5782" t="s">
        <v>82</v>
      </c>
      <c r="M5782" t="s">
        <v>83</v>
      </c>
      <c r="N5782" t="s">
        <v>84</v>
      </c>
      <c r="O5782" t="s">
        <v>85</v>
      </c>
      <c r="P5782" t="s">
        <v>86</v>
      </c>
      <c r="Q5782">
        <v>15</v>
      </c>
      <c r="R5782">
        <v>15</v>
      </c>
      <c r="S5782">
        <v>16</v>
      </c>
      <c r="T5782">
        <v>16</v>
      </c>
      <c r="U5782">
        <v>16</v>
      </c>
      <c r="V5782">
        <v>17</v>
      </c>
      <c r="W5782">
        <v>17</v>
      </c>
      <c r="X5782">
        <v>17</v>
      </c>
      <c r="Y5782">
        <v>18</v>
      </c>
      <c r="Z5782">
        <v>18</v>
      </c>
      <c r="AA5782">
        <v>19</v>
      </c>
      <c r="AB5782">
        <v>19</v>
      </c>
      <c r="AC5782">
        <v>19</v>
      </c>
      <c r="AD5782">
        <v>20</v>
      </c>
      <c r="AE5782">
        <v>20</v>
      </c>
      <c r="AF5782">
        <v>20</v>
      </c>
      <c r="AG5782">
        <v>21</v>
      </c>
      <c r="AH5782">
        <v>21</v>
      </c>
      <c r="AI5782">
        <v>22</v>
      </c>
      <c r="AJ5782">
        <v>22</v>
      </c>
      <c r="AK5782">
        <v>22</v>
      </c>
      <c r="AL5782">
        <v>23</v>
      </c>
      <c r="AM5782">
        <v>23</v>
      </c>
      <c r="AN5782">
        <v>23</v>
      </c>
      <c r="AO5782">
        <v>23</v>
      </c>
      <c r="AP5782">
        <v>23</v>
      </c>
      <c r="AQ5782">
        <v>24</v>
      </c>
    </row>
    <row r="5783" spans="1:43">
      <c r="A5783" t="s">
        <v>3618</v>
      </c>
      <c r="B5783" t="s">
        <v>3619</v>
      </c>
      <c r="C5783" t="s">
        <v>3612</v>
      </c>
      <c r="D5783" t="s">
        <v>3613</v>
      </c>
      <c r="E5783" t="s">
        <v>3352</v>
      </c>
      <c r="F5783" t="s">
        <v>3353</v>
      </c>
      <c r="G5783" t="s">
        <v>80</v>
      </c>
      <c r="H5783" t="s">
        <v>81</v>
      </c>
      <c r="I5783" s="2">
        <v>0</v>
      </c>
      <c r="J5783" s="2">
        <v>1</v>
      </c>
      <c r="K5783" s="2">
        <v>0</v>
      </c>
      <c r="L5783" t="s">
        <v>82</v>
      </c>
      <c r="M5783" t="s">
        <v>87</v>
      </c>
      <c r="N5783" t="s">
        <v>88</v>
      </c>
      <c r="O5783" t="s">
        <v>85</v>
      </c>
      <c r="P5783" t="s">
        <v>86</v>
      </c>
      <c r="Q5783">
        <v>15</v>
      </c>
      <c r="R5783">
        <v>15</v>
      </c>
      <c r="S5783">
        <v>15</v>
      </c>
      <c r="T5783">
        <v>15</v>
      </c>
      <c r="U5783">
        <v>16</v>
      </c>
      <c r="V5783">
        <v>16</v>
      </c>
      <c r="W5783">
        <v>16</v>
      </c>
      <c r="X5783">
        <v>16</v>
      </c>
      <c r="Y5783">
        <v>17</v>
      </c>
      <c r="Z5783">
        <v>17</v>
      </c>
      <c r="AA5783">
        <v>17</v>
      </c>
      <c r="AB5783">
        <v>17</v>
      </c>
      <c r="AC5783">
        <v>17</v>
      </c>
      <c r="AD5783">
        <v>18</v>
      </c>
      <c r="AE5783">
        <v>18</v>
      </c>
      <c r="AF5783">
        <v>18</v>
      </c>
      <c r="AG5783">
        <v>18</v>
      </c>
      <c r="AH5783">
        <v>19</v>
      </c>
      <c r="AI5783">
        <v>19</v>
      </c>
      <c r="AJ5783">
        <v>19</v>
      </c>
      <c r="AK5783">
        <v>19</v>
      </c>
      <c r="AL5783">
        <v>20</v>
      </c>
      <c r="AM5783">
        <v>20</v>
      </c>
      <c r="AN5783">
        <v>20</v>
      </c>
      <c r="AO5783">
        <v>20</v>
      </c>
      <c r="AP5783">
        <v>21</v>
      </c>
      <c r="AQ5783">
        <v>21</v>
      </c>
    </row>
    <row r="5784" spans="1:43">
      <c r="A5784" t="s">
        <v>3618</v>
      </c>
      <c r="B5784" t="s">
        <v>3619</v>
      </c>
      <c r="C5784" t="s">
        <v>3612</v>
      </c>
      <c r="D5784" t="s">
        <v>3613</v>
      </c>
      <c r="E5784" t="s">
        <v>3352</v>
      </c>
      <c r="F5784" t="s">
        <v>3353</v>
      </c>
      <c r="G5784" t="s">
        <v>80</v>
      </c>
      <c r="H5784" t="s">
        <v>81</v>
      </c>
      <c r="I5784" s="2">
        <v>0</v>
      </c>
      <c r="J5784" s="2">
        <v>1</v>
      </c>
      <c r="K5784" s="2">
        <v>0</v>
      </c>
      <c r="L5784" t="s">
        <v>82</v>
      </c>
      <c r="M5784" t="s">
        <v>89</v>
      </c>
      <c r="N5784" t="s">
        <v>90</v>
      </c>
      <c r="O5784" t="s">
        <v>85</v>
      </c>
      <c r="P5784" t="s">
        <v>86</v>
      </c>
      <c r="Q5784">
        <v>15</v>
      </c>
      <c r="R5784">
        <v>16</v>
      </c>
      <c r="S5784">
        <v>16</v>
      </c>
      <c r="T5784">
        <v>17</v>
      </c>
      <c r="U5784">
        <v>17</v>
      </c>
      <c r="V5784">
        <v>18</v>
      </c>
      <c r="W5784">
        <v>18</v>
      </c>
      <c r="X5784">
        <v>18</v>
      </c>
      <c r="Y5784">
        <v>19</v>
      </c>
      <c r="Z5784">
        <v>19</v>
      </c>
      <c r="AA5784">
        <v>20</v>
      </c>
      <c r="AB5784">
        <v>20</v>
      </c>
      <c r="AC5784">
        <v>21</v>
      </c>
      <c r="AD5784">
        <v>21</v>
      </c>
      <c r="AE5784">
        <v>21</v>
      </c>
      <c r="AF5784">
        <v>22</v>
      </c>
      <c r="AG5784">
        <v>22</v>
      </c>
      <c r="AH5784">
        <v>22</v>
      </c>
      <c r="AI5784">
        <v>22</v>
      </c>
      <c r="AJ5784">
        <v>22</v>
      </c>
      <c r="AK5784">
        <v>23</v>
      </c>
      <c r="AL5784">
        <v>23</v>
      </c>
      <c r="AM5784">
        <v>23</v>
      </c>
      <c r="AN5784">
        <v>23</v>
      </c>
      <c r="AO5784">
        <v>23</v>
      </c>
      <c r="AP5784">
        <v>24</v>
      </c>
      <c r="AQ5784">
        <v>24</v>
      </c>
    </row>
    <row r="5785" spans="1:43">
      <c r="A5785" t="s">
        <v>3618</v>
      </c>
      <c r="B5785" t="s">
        <v>3619</v>
      </c>
      <c r="C5785" t="s">
        <v>3612</v>
      </c>
      <c r="D5785" t="s">
        <v>3613</v>
      </c>
      <c r="E5785" t="s">
        <v>3352</v>
      </c>
      <c r="F5785" t="s">
        <v>3353</v>
      </c>
      <c r="G5785" t="s">
        <v>80</v>
      </c>
      <c r="H5785" t="s">
        <v>81</v>
      </c>
      <c r="I5785" s="2">
        <v>0</v>
      </c>
      <c r="J5785" s="2">
        <v>1</v>
      </c>
      <c r="K5785" s="2">
        <v>0</v>
      </c>
      <c r="L5785" t="s">
        <v>82</v>
      </c>
      <c r="M5785" t="s">
        <v>83</v>
      </c>
      <c r="N5785" t="s">
        <v>91</v>
      </c>
      <c r="O5785" t="s">
        <v>85</v>
      </c>
      <c r="P5785" t="s">
        <v>86</v>
      </c>
      <c r="Q5785">
        <v>15</v>
      </c>
      <c r="R5785">
        <v>15</v>
      </c>
      <c r="S5785">
        <v>16</v>
      </c>
      <c r="T5785">
        <v>16</v>
      </c>
      <c r="U5785">
        <v>16</v>
      </c>
      <c r="V5785">
        <v>17</v>
      </c>
      <c r="W5785">
        <v>17</v>
      </c>
      <c r="X5785">
        <v>17</v>
      </c>
      <c r="Y5785">
        <v>18</v>
      </c>
      <c r="Z5785">
        <v>18</v>
      </c>
      <c r="AA5785">
        <v>19</v>
      </c>
      <c r="AB5785">
        <v>19</v>
      </c>
      <c r="AC5785">
        <v>19</v>
      </c>
      <c r="AD5785">
        <v>20</v>
      </c>
      <c r="AE5785">
        <v>20</v>
      </c>
      <c r="AF5785">
        <v>20</v>
      </c>
      <c r="AG5785">
        <v>21</v>
      </c>
      <c r="AH5785">
        <v>21</v>
      </c>
      <c r="AI5785">
        <v>22</v>
      </c>
      <c r="AJ5785">
        <v>22</v>
      </c>
      <c r="AK5785">
        <v>22</v>
      </c>
      <c r="AL5785">
        <v>23</v>
      </c>
      <c r="AM5785">
        <v>23</v>
      </c>
      <c r="AN5785">
        <v>23</v>
      </c>
      <c r="AO5785">
        <v>23</v>
      </c>
      <c r="AP5785">
        <v>23</v>
      </c>
      <c r="AQ5785">
        <v>24</v>
      </c>
    </row>
    <row r="5786" spans="1:43">
      <c r="A5786" t="s">
        <v>3620</v>
      </c>
      <c r="B5786" t="s">
        <v>3621</v>
      </c>
      <c r="C5786" t="s">
        <v>3622</v>
      </c>
      <c r="D5786" t="s">
        <v>3623</v>
      </c>
      <c r="E5786" t="s">
        <v>3352</v>
      </c>
      <c r="F5786" t="s">
        <v>3353</v>
      </c>
      <c r="G5786" t="s">
        <v>80</v>
      </c>
      <c r="H5786" t="s">
        <v>81</v>
      </c>
      <c r="I5786" s="2">
        <v>0</v>
      </c>
      <c r="J5786" s="2">
        <v>1</v>
      </c>
      <c r="K5786" s="2">
        <v>0</v>
      </c>
      <c r="L5786" t="s">
        <v>82</v>
      </c>
      <c r="M5786" t="s">
        <v>83</v>
      </c>
      <c r="N5786" t="s">
        <v>84</v>
      </c>
      <c r="O5786" t="s">
        <v>85</v>
      </c>
      <c r="P5786" t="s">
        <v>86</v>
      </c>
      <c r="Q5786">
        <v>9</v>
      </c>
      <c r="R5786">
        <v>9</v>
      </c>
      <c r="S5786">
        <v>9</v>
      </c>
      <c r="T5786">
        <v>9</v>
      </c>
      <c r="U5786">
        <v>9</v>
      </c>
      <c r="V5786">
        <v>10</v>
      </c>
      <c r="W5786">
        <v>10</v>
      </c>
      <c r="X5786">
        <v>10</v>
      </c>
      <c r="Y5786">
        <v>10</v>
      </c>
      <c r="Z5786">
        <v>11</v>
      </c>
      <c r="AA5786">
        <v>11</v>
      </c>
      <c r="AB5786">
        <v>11</v>
      </c>
      <c r="AC5786">
        <v>11</v>
      </c>
      <c r="AD5786">
        <v>11</v>
      </c>
      <c r="AE5786">
        <v>12</v>
      </c>
      <c r="AF5786">
        <v>12</v>
      </c>
      <c r="AG5786">
        <v>12</v>
      </c>
      <c r="AH5786">
        <v>12</v>
      </c>
      <c r="AI5786">
        <v>13</v>
      </c>
      <c r="AJ5786">
        <v>13</v>
      </c>
      <c r="AK5786">
        <v>13</v>
      </c>
      <c r="AL5786">
        <v>13</v>
      </c>
      <c r="AM5786">
        <v>13</v>
      </c>
      <c r="AN5786">
        <v>13</v>
      </c>
      <c r="AO5786">
        <v>14</v>
      </c>
      <c r="AP5786">
        <v>14</v>
      </c>
      <c r="AQ5786">
        <v>14</v>
      </c>
    </row>
    <row r="5787" spans="1:43">
      <c r="A5787" t="s">
        <v>3620</v>
      </c>
      <c r="B5787" t="s">
        <v>3621</v>
      </c>
      <c r="C5787" t="s">
        <v>3622</v>
      </c>
      <c r="D5787" t="s">
        <v>3623</v>
      </c>
      <c r="E5787" t="s">
        <v>3352</v>
      </c>
      <c r="F5787" t="s">
        <v>3353</v>
      </c>
      <c r="G5787" t="s">
        <v>80</v>
      </c>
      <c r="H5787" t="s">
        <v>81</v>
      </c>
      <c r="I5787" s="2">
        <v>0</v>
      </c>
      <c r="J5787" s="2">
        <v>1</v>
      </c>
      <c r="K5787" s="2">
        <v>0</v>
      </c>
      <c r="L5787" t="s">
        <v>82</v>
      </c>
      <c r="M5787" t="s">
        <v>87</v>
      </c>
      <c r="N5787" t="s">
        <v>88</v>
      </c>
      <c r="O5787" t="s">
        <v>85</v>
      </c>
      <c r="P5787" t="s">
        <v>86</v>
      </c>
      <c r="Q5787">
        <v>9</v>
      </c>
      <c r="R5787">
        <v>9</v>
      </c>
      <c r="S5787">
        <v>9</v>
      </c>
      <c r="T5787">
        <v>9</v>
      </c>
      <c r="U5787">
        <v>9</v>
      </c>
      <c r="V5787">
        <v>9</v>
      </c>
      <c r="W5787">
        <v>9</v>
      </c>
      <c r="X5787">
        <v>9</v>
      </c>
      <c r="Y5787">
        <v>10</v>
      </c>
      <c r="Z5787">
        <v>10</v>
      </c>
      <c r="AA5787">
        <v>10</v>
      </c>
      <c r="AB5787">
        <v>10</v>
      </c>
      <c r="AC5787">
        <v>10</v>
      </c>
      <c r="AD5787">
        <v>10</v>
      </c>
      <c r="AE5787">
        <v>10</v>
      </c>
      <c r="AF5787">
        <v>10</v>
      </c>
      <c r="AG5787">
        <v>11</v>
      </c>
      <c r="AH5787">
        <v>11</v>
      </c>
      <c r="AI5787">
        <v>11</v>
      </c>
      <c r="AJ5787">
        <v>11</v>
      </c>
      <c r="AK5787">
        <v>11</v>
      </c>
      <c r="AL5787">
        <v>11</v>
      </c>
      <c r="AM5787">
        <v>11</v>
      </c>
      <c r="AN5787">
        <v>12</v>
      </c>
      <c r="AO5787">
        <v>12</v>
      </c>
      <c r="AP5787">
        <v>12</v>
      </c>
      <c r="AQ5787">
        <v>12</v>
      </c>
    </row>
    <row r="5788" spans="1:43">
      <c r="A5788" t="s">
        <v>3620</v>
      </c>
      <c r="B5788" t="s">
        <v>3621</v>
      </c>
      <c r="C5788" t="s">
        <v>3622</v>
      </c>
      <c r="D5788" t="s">
        <v>3623</v>
      </c>
      <c r="E5788" t="s">
        <v>3352</v>
      </c>
      <c r="F5788" t="s">
        <v>3353</v>
      </c>
      <c r="G5788" t="s">
        <v>80</v>
      </c>
      <c r="H5788" t="s">
        <v>81</v>
      </c>
      <c r="I5788" s="2">
        <v>0</v>
      </c>
      <c r="J5788" s="2">
        <v>1</v>
      </c>
      <c r="K5788" s="2">
        <v>0</v>
      </c>
      <c r="L5788" t="s">
        <v>82</v>
      </c>
      <c r="M5788" t="s">
        <v>89</v>
      </c>
      <c r="N5788" t="s">
        <v>90</v>
      </c>
      <c r="O5788" t="s">
        <v>85</v>
      </c>
      <c r="P5788" t="s">
        <v>86</v>
      </c>
      <c r="Q5788">
        <v>9</v>
      </c>
      <c r="R5788">
        <v>9</v>
      </c>
      <c r="S5788">
        <v>9</v>
      </c>
      <c r="T5788">
        <v>10</v>
      </c>
      <c r="U5788">
        <v>10</v>
      </c>
      <c r="V5788">
        <v>10</v>
      </c>
      <c r="W5788">
        <v>10</v>
      </c>
      <c r="X5788">
        <v>11</v>
      </c>
      <c r="Y5788">
        <v>11</v>
      </c>
      <c r="Z5788">
        <v>11</v>
      </c>
      <c r="AA5788">
        <v>11</v>
      </c>
      <c r="AB5788">
        <v>12</v>
      </c>
      <c r="AC5788">
        <v>12</v>
      </c>
      <c r="AD5788">
        <v>12</v>
      </c>
      <c r="AE5788">
        <v>12</v>
      </c>
      <c r="AF5788">
        <v>13</v>
      </c>
      <c r="AG5788">
        <v>13</v>
      </c>
      <c r="AH5788">
        <v>13</v>
      </c>
      <c r="AI5788">
        <v>13</v>
      </c>
      <c r="AJ5788">
        <v>13</v>
      </c>
      <c r="AK5788">
        <v>13</v>
      </c>
      <c r="AL5788">
        <v>13</v>
      </c>
      <c r="AM5788">
        <v>13</v>
      </c>
      <c r="AN5788">
        <v>14</v>
      </c>
      <c r="AO5788">
        <v>14</v>
      </c>
      <c r="AP5788">
        <v>14</v>
      </c>
      <c r="AQ5788">
        <v>14</v>
      </c>
    </row>
    <row r="5789" spans="1:43">
      <c r="A5789" t="s">
        <v>3620</v>
      </c>
      <c r="B5789" t="s">
        <v>3621</v>
      </c>
      <c r="C5789" t="s">
        <v>3622</v>
      </c>
      <c r="D5789" t="s">
        <v>3623</v>
      </c>
      <c r="E5789" t="s">
        <v>3352</v>
      </c>
      <c r="F5789" t="s">
        <v>3353</v>
      </c>
      <c r="G5789" t="s">
        <v>80</v>
      </c>
      <c r="H5789" t="s">
        <v>81</v>
      </c>
      <c r="I5789" s="2">
        <v>0</v>
      </c>
      <c r="J5789" s="2">
        <v>1</v>
      </c>
      <c r="K5789" s="2">
        <v>0</v>
      </c>
      <c r="L5789" t="s">
        <v>82</v>
      </c>
      <c r="M5789" t="s">
        <v>83</v>
      </c>
      <c r="N5789" t="s">
        <v>91</v>
      </c>
      <c r="O5789" t="s">
        <v>85</v>
      </c>
      <c r="P5789" t="s">
        <v>86</v>
      </c>
      <c r="Q5789">
        <v>9</v>
      </c>
      <c r="R5789">
        <v>9</v>
      </c>
      <c r="S5789">
        <v>9</v>
      </c>
      <c r="T5789">
        <v>9</v>
      </c>
      <c r="U5789">
        <v>9</v>
      </c>
      <c r="V5789">
        <v>10</v>
      </c>
      <c r="W5789">
        <v>10</v>
      </c>
      <c r="X5789">
        <v>10</v>
      </c>
      <c r="Y5789">
        <v>10</v>
      </c>
      <c r="Z5789">
        <v>11</v>
      </c>
      <c r="AA5789">
        <v>11</v>
      </c>
      <c r="AB5789">
        <v>11</v>
      </c>
      <c r="AC5789">
        <v>11</v>
      </c>
      <c r="AD5789">
        <v>11</v>
      </c>
      <c r="AE5789">
        <v>12</v>
      </c>
      <c r="AF5789">
        <v>12</v>
      </c>
      <c r="AG5789">
        <v>12</v>
      </c>
      <c r="AH5789">
        <v>12</v>
      </c>
      <c r="AI5789">
        <v>13</v>
      </c>
      <c r="AJ5789">
        <v>13</v>
      </c>
      <c r="AK5789">
        <v>13</v>
      </c>
      <c r="AL5789">
        <v>13</v>
      </c>
      <c r="AM5789">
        <v>13</v>
      </c>
      <c r="AN5789">
        <v>13</v>
      </c>
      <c r="AO5789">
        <v>14</v>
      </c>
      <c r="AP5789">
        <v>14</v>
      </c>
      <c r="AQ5789">
        <v>14</v>
      </c>
    </row>
    <row r="5790" spans="1:43">
      <c r="A5790" t="s">
        <v>3624</v>
      </c>
      <c r="B5790" t="s">
        <v>3625</v>
      </c>
      <c r="C5790" t="s">
        <v>3622</v>
      </c>
      <c r="D5790" t="s">
        <v>3623</v>
      </c>
      <c r="E5790" t="s">
        <v>3352</v>
      </c>
      <c r="F5790" t="s">
        <v>3353</v>
      </c>
      <c r="G5790" t="s">
        <v>80</v>
      </c>
      <c r="H5790" t="s">
        <v>81</v>
      </c>
      <c r="I5790" s="2">
        <v>0</v>
      </c>
      <c r="J5790" s="2">
        <v>1</v>
      </c>
      <c r="K5790" s="2">
        <v>0</v>
      </c>
      <c r="L5790" t="s">
        <v>82</v>
      </c>
      <c r="M5790" t="s">
        <v>83</v>
      </c>
      <c r="N5790" t="s">
        <v>84</v>
      </c>
      <c r="O5790" t="s">
        <v>85</v>
      </c>
      <c r="P5790" t="s">
        <v>86</v>
      </c>
      <c r="Q5790">
        <v>90</v>
      </c>
      <c r="R5790">
        <v>93</v>
      </c>
      <c r="S5790">
        <v>95</v>
      </c>
      <c r="T5790">
        <v>97</v>
      </c>
      <c r="U5790">
        <v>99</v>
      </c>
      <c r="V5790">
        <v>101</v>
      </c>
      <c r="W5790">
        <v>104</v>
      </c>
      <c r="X5790">
        <v>106</v>
      </c>
      <c r="Y5790">
        <v>108</v>
      </c>
      <c r="Z5790">
        <v>111</v>
      </c>
      <c r="AA5790">
        <v>113</v>
      </c>
      <c r="AB5790">
        <v>115</v>
      </c>
      <c r="AC5790">
        <v>118</v>
      </c>
      <c r="AD5790">
        <v>120</v>
      </c>
      <c r="AE5790">
        <v>122</v>
      </c>
      <c r="AF5790">
        <v>125</v>
      </c>
      <c r="AG5790">
        <v>127</v>
      </c>
      <c r="AH5790">
        <v>130</v>
      </c>
      <c r="AI5790">
        <v>132</v>
      </c>
      <c r="AJ5790">
        <v>135</v>
      </c>
      <c r="AK5790">
        <v>137</v>
      </c>
      <c r="AL5790">
        <v>139</v>
      </c>
      <c r="AM5790">
        <v>140</v>
      </c>
      <c r="AN5790">
        <v>142</v>
      </c>
      <c r="AO5790">
        <v>143</v>
      </c>
      <c r="AP5790">
        <v>144</v>
      </c>
      <c r="AQ5790">
        <v>145</v>
      </c>
    </row>
    <row r="5791" spans="1:43">
      <c r="A5791" t="s">
        <v>3624</v>
      </c>
      <c r="B5791" t="s">
        <v>3625</v>
      </c>
      <c r="C5791" t="s">
        <v>3622</v>
      </c>
      <c r="D5791" t="s">
        <v>3623</v>
      </c>
      <c r="E5791" t="s">
        <v>3352</v>
      </c>
      <c r="F5791" t="s">
        <v>3353</v>
      </c>
      <c r="G5791" t="s">
        <v>80</v>
      </c>
      <c r="H5791" t="s">
        <v>81</v>
      </c>
      <c r="I5791" s="2">
        <v>0</v>
      </c>
      <c r="J5791" s="2">
        <v>1</v>
      </c>
      <c r="K5791" s="2">
        <v>0</v>
      </c>
      <c r="L5791" t="s">
        <v>82</v>
      </c>
      <c r="M5791" t="s">
        <v>87</v>
      </c>
      <c r="N5791" t="s">
        <v>88</v>
      </c>
      <c r="O5791" t="s">
        <v>85</v>
      </c>
      <c r="P5791" t="s">
        <v>86</v>
      </c>
      <c r="Q5791">
        <v>90</v>
      </c>
      <c r="R5791">
        <v>91</v>
      </c>
      <c r="S5791">
        <v>92</v>
      </c>
      <c r="T5791">
        <v>93</v>
      </c>
      <c r="U5791">
        <v>95</v>
      </c>
      <c r="V5791">
        <v>96</v>
      </c>
      <c r="W5791">
        <v>97</v>
      </c>
      <c r="X5791">
        <v>99</v>
      </c>
      <c r="Y5791">
        <v>100</v>
      </c>
      <c r="Z5791">
        <v>101</v>
      </c>
      <c r="AA5791">
        <v>103</v>
      </c>
      <c r="AB5791">
        <v>104</v>
      </c>
      <c r="AC5791">
        <v>106</v>
      </c>
      <c r="AD5791">
        <v>107</v>
      </c>
      <c r="AE5791">
        <v>108</v>
      </c>
      <c r="AF5791">
        <v>110</v>
      </c>
      <c r="AG5791">
        <v>111</v>
      </c>
      <c r="AH5791">
        <v>113</v>
      </c>
      <c r="AI5791">
        <v>114</v>
      </c>
      <c r="AJ5791">
        <v>115</v>
      </c>
      <c r="AK5791">
        <v>117</v>
      </c>
      <c r="AL5791">
        <v>118</v>
      </c>
      <c r="AM5791">
        <v>120</v>
      </c>
      <c r="AN5791">
        <v>121</v>
      </c>
      <c r="AO5791">
        <v>123</v>
      </c>
      <c r="AP5791">
        <v>124</v>
      </c>
      <c r="AQ5791">
        <v>126</v>
      </c>
    </row>
    <row r="5792" spans="1:43">
      <c r="A5792" t="s">
        <v>3624</v>
      </c>
      <c r="B5792" t="s">
        <v>3625</v>
      </c>
      <c r="C5792" t="s">
        <v>3622</v>
      </c>
      <c r="D5792" t="s">
        <v>3623</v>
      </c>
      <c r="E5792" t="s">
        <v>3352</v>
      </c>
      <c r="F5792" t="s">
        <v>3353</v>
      </c>
      <c r="G5792" t="s">
        <v>80</v>
      </c>
      <c r="H5792" t="s">
        <v>81</v>
      </c>
      <c r="I5792" s="2">
        <v>0</v>
      </c>
      <c r="J5792" s="2">
        <v>1</v>
      </c>
      <c r="K5792" s="2">
        <v>0</v>
      </c>
      <c r="L5792" t="s">
        <v>82</v>
      </c>
      <c r="M5792" t="s">
        <v>89</v>
      </c>
      <c r="N5792" t="s">
        <v>90</v>
      </c>
      <c r="O5792" t="s">
        <v>85</v>
      </c>
      <c r="P5792" t="s">
        <v>86</v>
      </c>
      <c r="Q5792">
        <v>90</v>
      </c>
      <c r="R5792">
        <v>93</v>
      </c>
      <c r="S5792">
        <v>96</v>
      </c>
      <c r="T5792">
        <v>99</v>
      </c>
      <c r="U5792">
        <v>102</v>
      </c>
      <c r="V5792">
        <v>105</v>
      </c>
      <c r="W5792">
        <v>108</v>
      </c>
      <c r="X5792">
        <v>111</v>
      </c>
      <c r="Y5792">
        <v>114</v>
      </c>
      <c r="Z5792">
        <v>116</v>
      </c>
      <c r="AA5792">
        <v>119</v>
      </c>
      <c r="AB5792">
        <v>122</v>
      </c>
      <c r="AC5792">
        <v>125</v>
      </c>
      <c r="AD5792">
        <v>128</v>
      </c>
      <c r="AE5792">
        <v>130</v>
      </c>
      <c r="AF5792">
        <v>132</v>
      </c>
      <c r="AG5792">
        <v>133</v>
      </c>
      <c r="AH5792">
        <v>134</v>
      </c>
      <c r="AI5792">
        <v>135</v>
      </c>
      <c r="AJ5792">
        <v>137</v>
      </c>
      <c r="AK5792">
        <v>138</v>
      </c>
      <c r="AL5792">
        <v>139</v>
      </c>
      <c r="AM5792">
        <v>141</v>
      </c>
      <c r="AN5792">
        <v>142</v>
      </c>
      <c r="AO5792">
        <v>143</v>
      </c>
      <c r="AP5792">
        <v>144</v>
      </c>
      <c r="AQ5792">
        <v>146</v>
      </c>
    </row>
    <row r="5793" spans="1:43">
      <c r="A5793" t="s">
        <v>3624</v>
      </c>
      <c r="B5793" t="s">
        <v>3625</v>
      </c>
      <c r="C5793" t="s">
        <v>3622</v>
      </c>
      <c r="D5793" t="s">
        <v>3623</v>
      </c>
      <c r="E5793" t="s">
        <v>3352</v>
      </c>
      <c r="F5793" t="s">
        <v>3353</v>
      </c>
      <c r="G5793" t="s">
        <v>80</v>
      </c>
      <c r="H5793" t="s">
        <v>81</v>
      </c>
      <c r="I5793" s="2">
        <v>0</v>
      </c>
      <c r="J5793" s="2">
        <v>1</v>
      </c>
      <c r="K5793" s="2">
        <v>0</v>
      </c>
      <c r="L5793" t="s">
        <v>82</v>
      </c>
      <c r="M5793" t="s">
        <v>83</v>
      </c>
      <c r="N5793" t="s">
        <v>91</v>
      </c>
      <c r="O5793" t="s">
        <v>85</v>
      </c>
      <c r="P5793" t="s">
        <v>86</v>
      </c>
      <c r="Q5793">
        <v>90</v>
      </c>
      <c r="R5793">
        <v>93</v>
      </c>
      <c r="S5793">
        <v>95</v>
      </c>
      <c r="T5793">
        <v>97</v>
      </c>
      <c r="U5793">
        <v>99</v>
      </c>
      <c r="V5793">
        <v>101</v>
      </c>
      <c r="W5793">
        <v>104</v>
      </c>
      <c r="X5793">
        <v>106</v>
      </c>
      <c r="Y5793">
        <v>108</v>
      </c>
      <c r="Z5793">
        <v>111</v>
      </c>
      <c r="AA5793">
        <v>113</v>
      </c>
      <c r="AB5793">
        <v>115</v>
      </c>
      <c r="AC5793">
        <v>118</v>
      </c>
      <c r="AD5793">
        <v>120</v>
      </c>
      <c r="AE5793">
        <v>122</v>
      </c>
      <c r="AF5793">
        <v>125</v>
      </c>
      <c r="AG5793">
        <v>127</v>
      </c>
      <c r="AH5793">
        <v>130</v>
      </c>
      <c r="AI5793">
        <v>132</v>
      </c>
      <c r="AJ5793">
        <v>135</v>
      </c>
      <c r="AK5793">
        <v>137</v>
      </c>
      <c r="AL5793">
        <v>139</v>
      </c>
      <c r="AM5793">
        <v>140</v>
      </c>
      <c r="AN5793">
        <v>142</v>
      </c>
      <c r="AO5793">
        <v>143</v>
      </c>
      <c r="AP5793">
        <v>144</v>
      </c>
      <c r="AQ5793">
        <v>145</v>
      </c>
    </row>
    <row r="5794" spans="1:43">
      <c r="A5794" t="s">
        <v>3626</v>
      </c>
      <c r="B5794" t="s">
        <v>3627</v>
      </c>
      <c r="C5794" t="s">
        <v>3622</v>
      </c>
      <c r="D5794" t="s">
        <v>3623</v>
      </c>
      <c r="E5794" t="s">
        <v>3352</v>
      </c>
      <c r="F5794" t="s">
        <v>3353</v>
      </c>
      <c r="G5794" t="s">
        <v>80</v>
      </c>
      <c r="H5794" t="s">
        <v>81</v>
      </c>
      <c r="I5794" s="2">
        <v>0</v>
      </c>
      <c r="J5794" s="2">
        <v>1</v>
      </c>
      <c r="K5794" s="2">
        <v>0</v>
      </c>
      <c r="L5794" t="s">
        <v>82</v>
      </c>
      <c r="M5794" t="s">
        <v>83</v>
      </c>
      <c r="N5794" t="s">
        <v>84</v>
      </c>
      <c r="O5794" t="s">
        <v>85</v>
      </c>
      <c r="P5794" t="s">
        <v>86</v>
      </c>
      <c r="Q5794">
        <v>5</v>
      </c>
      <c r="R5794">
        <v>5</v>
      </c>
      <c r="S5794">
        <v>5</v>
      </c>
      <c r="T5794">
        <v>5</v>
      </c>
      <c r="U5794">
        <v>5</v>
      </c>
      <c r="V5794">
        <v>5</v>
      </c>
      <c r="W5794">
        <v>5</v>
      </c>
      <c r="X5794">
        <v>6</v>
      </c>
      <c r="Y5794">
        <v>6</v>
      </c>
      <c r="Z5794">
        <v>6</v>
      </c>
      <c r="AA5794">
        <v>6</v>
      </c>
      <c r="AB5794">
        <v>6</v>
      </c>
      <c r="AC5794">
        <v>6</v>
      </c>
      <c r="AD5794">
        <v>6</v>
      </c>
      <c r="AE5794">
        <v>6</v>
      </c>
      <c r="AF5794">
        <v>6</v>
      </c>
      <c r="AG5794">
        <v>7</v>
      </c>
      <c r="AH5794">
        <v>7</v>
      </c>
      <c r="AI5794">
        <v>7</v>
      </c>
      <c r="AJ5794">
        <v>7</v>
      </c>
      <c r="AK5794">
        <v>7</v>
      </c>
      <c r="AL5794">
        <v>7</v>
      </c>
      <c r="AM5794">
        <v>7</v>
      </c>
      <c r="AN5794">
        <v>7</v>
      </c>
      <c r="AO5794">
        <v>7</v>
      </c>
      <c r="AP5794">
        <v>7</v>
      </c>
      <c r="AQ5794">
        <v>8</v>
      </c>
    </row>
    <row r="5795" spans="1:43">
      <c r="A5795" t="s">
        <v>3626</v>
      </c>
      <c r="B5795" t="s">
        <v>3627</v>
      </c>
      <c r="C5795" t="s">
        <v>3622</v>
      </c>
      <c r="D5795" t="s">
        <v>3623</v>
      </c>
      <c r="E5795" t="s">
        <v>3352</v>
      </c>
      <c r="F5795" t="s">
        <v>3353</v>
      </c>
      <c r="G5795" t="s">
        <v>80</v>
      </c>
      <c r="H5795" t="s">
        <v>81</v>
      </c>
      <c r="I5795" s="2">
        <v>0</v>
      </c>
      <c r="J5795" s="2">
        <v>1</v>
      </c>
      <c r="K5795" s="2">
        <v>0</v>
      </c>
      <c r="L5795" t="s">
        <v>82</v>
      </c>
      <c r="M5795" t="s">
        <v>87</v>
      </c>
      <c r="N5795" t="s">
        <v>88</v>
      </c>
      <c r="O5795" t="s">
        <v>85</v>
      </c>
      <c r="P5795" t="s">
        <v>86</v>
      </c>
      <c r="Q5795">
        <v>5</v>
      </c>
      <c r="R5795">
        <v>5</v>
      </c>
      <c r="S5795">
        <v>5</v>
      </c>
      <c r="T5795">
        <v>5</v>
      </c>
      <c r="U5795">
        <v>5</v>
      </c>
      <c r="V5795">
        <v>5</v>
      </c>
      <c r="W5795">
        <v>5</v>
      </c>
      <c r="X5795">
        <v>5</v>
      </c>
      <c r="Y5795">
        <v>5</v>
      </c>
      <c r="Z5795">
        <v>5</v>
      </c>
      <c r="AA5795">
        <v>5</v>
      </c>
      <c r="AB5795">
        <v>5</v>
      </c>
      <c r="AC5795">
        <v>5</v>
      </c>
      <c r="AD5795">
        <v>6</v>
      </c>
      <c r="AE5795">
        <v>6</v>
      </c>
      <c r="AF5795">
        <v>6</v>
      </c>
      <c r="AG5795">
        <v>6</v>
      </c>
      <c r="AH5795">
        <v>6</v>
      </c>
      <c r="AI5795">
        <v>6</v>
      </c>
      <c r="AJ5795">
        <v>6</v>
      </c>
      <c r="AK5795">
        <v>6</v>
      </c>
      <c r="AL5795">
        <v>6</v>
      </c>
      <c r="AM5795">
        <v>6</v>
      </c>
      <c r="AN5795">
        <v>6</v>
      </c>
      <c r="AO5795">
        <v>6</v>
      </c>
      <c r="AP5795">
        <v>6</v>
      </c>
      <c r="AQ5795">
        <v>7</v>
      </c>
    </row>
    <row r="5796" spans="1:43">
      <c r="A5796" t="s">
        <v>3626</v>
      </c>
      <c r="B5796" t="s">
        <v>3627</v>
      </c>
      <c r="C5796" t="s">
        <v>3622</v>
      </c>
      <c r="D5796" t="s">
        <v>3623</v>
      </c>
      <c r="E5796" t="s">
        <v>3352</v>
      </c>
      <c r="F5796" t="s">
        <v>3353</v>
      </c>
      <c r="G5796" t="s">
        <v>80</v>
      </c>
      <c r="H5796" t="s">
        <v>81</v>
      </c>
      <c r="I5796" s="2">
        <v>0</v>
      </c>
      <c r="J5796" s="2">
        <v>1</v>
      </c>
      <c r="K5796" s="2">
        <v>0</v>
      </c>
      <c r="L5796" t="s">
        <v>82</v>
      </c>
      <c r="M5796" t="s">
        <v>89</v>
      </c>
      <c r="N5796" t="s">
        <v>90</v>
      </c>
      <c r="O5796" t="s">
        <v>85</v>
      </c>
      <c r="P5796" t="s">
        <v>86</v>
      </c>
      <c r="Q5796">
        <v>5</v>
      </c>
      <c r="R5796">
        <v>5</v>
      </c>
      <c r="S5796">
        <v>5</v>
      </c>
      <c r="T5796">
        <v>5</v>
      </c>
      <c r="U5796">
        <v>5</v>
      </c>
      <c r="V5796">
        <v>6</v>
      </c>
      <c r="W5796">
        <v>6</v>
      </c>
      <c r="X5796">
        <v>6</v>
      </c>
      <c r="Y5796">
        <v>6</v>
      </c>
      <c r="Z5796">
        <v>6</v>
      </c>
      <c r="AA5796">
        <v>6</v>
      </c>
      <c r="AB5796">
        <v>6</v>
      </c>
      <c r="AC5796">
        <v>7</v>
      </c>
      <c r="AD5796">
        <v>7</v>
      </c>
      <c r="AE5796">
        <v>7</v>
      </c>
      <c r="AF5796">
        <v>7</v>
      </c>
      <c r="AG5796">
        <v>7</v>
      </c>
      <c r="AH5796">
        <v>7</v>
      </c>
      <c r="AI5796">
        <v>7</v>
      </c>
      <c r="AJ5796">
        <v>7</v>
      </c>
      <c r="AK5796">
        <v>7</v>
      </c>
      <c r="AL5796">
        <v>7</v>
      </c>
      <c r="AM5796">
        <v>7</v>
      </c>
      <c r="AN5796">
        <v>7</v>
      </c>
      <c r="AO5796">
        <v>7</v>
      </c>
      <c r="AP5796">
        <v>8</v>
      </c>
      <c r="AQ5796">
        <v>8</v>
      </c>
    </row>
    <row r="5797" spans="1:43">
      <c r="A5797" t="s">
        <v>3626</v>
      </c>
      <c r="B5797" t="s">
        <v>3627</v>
      </c>
      <c r="C5797" t="s">
        <v>3622</v>
      </c>
      <c r="D5797" t="s">
        <v>3623</v>
      </c>
      <c r="E5797" t="s">
        <v>3352</v>
      </c>
      <c r="F5797" t="s">
        <v>3353</v>
      </c>
      <c r="G5797" t="s">
        <v>80</v>
      </c>
      <c r="H5797" t="s">
        <v>81</v>
      </c>
      <c r="I5797" s="2">
        <v>0</v>
      </c>
      <c r="J5797" s="2">
        <v>1</v>
      </c>
      <c r="K5797" s="2">
        <v>0</v>
      </c>
      <c r="L5797" t="s">
        <v>82</v>
      </c>
      <c r="M5797" t="s">
        <v>83</v>
      </c>
      <c r="N5797" t="s">
        <v>91</v>
      </c>
      <c r="O5797" t="s">
        <v>85</v>
      </c>
      <c r="P5797" t="s">
        <v>86</v>
      </c>
      <c r="Q5797">
        <v>5</v>
      </c>
      <c r="R5797">
        <v>5</v>
      </c>
      <c r="S5797">
        <v>5</v>
      </c>
      <c r="T5797">
        <v>5</v>
      </c>
      <c r="U5797">
        <v>5</v>
      </c>
      <c r="V5797">
        <v>5</v>
      </c>
      <c r="W5797">
        <v>5</v>
      </c>
      <c r="X5797">
        <v>6</v>
      </c>
      <c r="Y5797">
        <v>6</v>
      </c>
      <c r="Z5797">
        <v>6</v>
      </c>
      <c r="AA5797">
        <v>6</v>
      </c>
      <c r="AB5797">
        <v>6</v>
      </c>
      <c r="AC5797">
        <v>6</v>
      </c>
      <c r="AD5797">
        <v>6</v>
      </c>
      <c r="AE5797">
        <v>6</v>
      </c>
      <c r="AF5797">
        <v>6</v>
      </c>
      <c r="AG5797">
        <v>7</v>
      </c>
      <c r="AH5797">
        <v>7</v>
      </c>
      <c r="AI5797">
        <v>7</v>
      </c>
      <c r="AJ5797">
        <v>7</v>
      </c>
      <c r="AK5797">
        <v>7</v>
      </c>
      <c r="AL5797">
        <v>7</v>
      </c>
      <c r="AM5797">
        <v>7</v>
      </c>
      <c r="AN5797">
        <v>7</v>
      </c>
      <c r="AO5797">
        <v>7</v>
      </c>
      <c r="AP5797">
        <v>7</v>
      </c>
      <c r="AQ5797">
        <v>8</v>
      </c>
    </row>
    <row r="5798" spans="1:43">
      <c r="A5798" t="s">
        <v>3628</v>
      </c>
      <c r="B5798" t="s">
        <v>3629</v>
      </c>
      <c r="C5798" t="s">
        <v>3630</v>
      </c>
      <c r="D5798" t="s">
        <v>3631</v>
      </c>
      <c r="E5798" t="s">
        <v>3352</v>
      </c>
      <c r="F5798" t="s">
        <v>3353</v>
      </c>
      <c r="G5798" t="s">
        <v>80</v>
      </c>
      <c r="H5798" t="s">
        <v>81</v>
      </c>
      <c r="I5798" s="2">
        <v>0</v>
      </c>
      <c r="J5798" s="2">
        <v>1</v>
      </c>
      <c r="K5798" s="2">
        <v>0</v>
      </c>
      <c r="L5798" t="s">
        <v>82</v>
      </c>
      <c r="M5798" t="s">
        <v>83</v>
      </c>
      <c r="N5798" t="s">
        <v>84</v>
      </c>
      <c r="O5798" t="s">
        <v>85</v>
      </c>
      <c r="P5798" t="s">
        <v>86</v>
      </c>
      <c r="Q5798">
        <v>36</v>
      </c>
      <c r="R5798">
        <v>37</v>
      </c>
      <c r="S5798">
        <v>38</v>
      </c>
      <c r="T5798">
        <v>39</v>
      </c>
      <c r="U5798">
        <v>40</v>
      </c>
      <c r="V5798">
        <v>41</v>
      </c>
      <c r="W5798">
        <v>41</v>
      </c>
      <c r="X5798">
        <v>42</v>
      </c>
      <c r="Y5798">
        <v>43</v>
      </c>
      <c r="Z5798">
        <v>44</v>
      </c>
      <c r="AA5798">
        <v>45</v>
      </c>
      <c r="AB5798">
        <v>46</v>
      </c>
      <c r="AC5798">
        <v>47</v>
      </c>
      <c r="AD5798">
        <v>48</v>
      </c>
      <c r="AE5798">
        <v>49</v>
      </c>
      <c r="AF5798">
        <v>50</v>
      </c>
      <c r="AG5798">
        <v>51</v>
      </c>
      <c r="AH5798">
        <v>52</v>
      </c>
      <c r="AI5798">
        <v>53</v>
      </c>
      <c r="AJ5798">
        <v>54</v>
      </c>
      <c r="AK5798">
        <v>55</v>
      </c>
      <c r="AL5798">
        <v>55</v>
      </c>
      <c r="AM5798">
        <v>56</v>
      </c>
      <c r="AN5798">
        <v>56</v>
      </c>
      <c r="AO5798">
        <v>57</v>
      </c>
      <c r="AP5798">
        <v>57</v>
      </c>
      <c r="AQ5798">
        <v>58</v>
      </c>
    </row>
    <row r="5799" spans="1:43">
      <c r="A5799" t="s">
        <v>3628</v>
      </c>
      <c r="B5799" t="s">
        <v>3629</v>
      </c>
      <c r="C5799" t="s">
        <v>3630</v>
      </c>
      <c r="D5799" t="s">
        <v>3631</v>
      </c>
      <c r="E5799" t="s">
        <v>3352</v>
      </c>
      <c r="F5799" t="s">
        <v>3353</v>
      </c>
      <c r="G5799" t="s">
        <v>80</v>
      </c>
      <c r="H5799" t="s">
        <v>81</v>
      </c>
      <c r="I5799" s="2">
        <v>0</v>
      </c>
      <c r="J5799" s="2">
        <v>1</v>
      </c>
      <c r="K5799" s="2">
        <v>0</v>
      </c>
      <c r="L5799" t="s">
        <v>82</v>
      </c>
      <c r="M5799" t="s">
        <v>87</v>
      </c>
      <c r="N5799" t="s">
        <v>88</v>
      </c>
      <c r="O5799" t="s">
        <v>85</v>
      </c>
      <c r="P5799" t="s">
        <v>86</v>
      </c>
      <c r="Q5799">
        <v>36</v>
      </c>
      <c r="R5799">
        <v>36</v>
      </c>
      <c r="S5799">
        <v>37</v>
      </c>
      <c r="T5799">
        <v>37</v>
      </c>
      <c r="U5799">
        <v>38</v>
      </c>
      <c r="V5799">
        <v>38</v>
      </c>
      <c r="W5799">
        <v>39</v>
      </c>
      <c r="X5799">
        <v>40</v>
      </c>
      <c r="Y5799">
        <v>40</v>
      </c>
      <c r="Z5799">
        <v>41</v>
      </c>
      <c r="AA5799">
        <v>41</v>
      </c>
      <c r="AB5799">
        <v>42</v>
      </c>
      <c r="AC5799">
        <v>42</v>
      </c>
      <c r="AD5799">
        <v>43</v>
      </c>
      <c r="AE5799">
        <v>43</v>
      </c>
      <c r="AF5799">
        <v>44</v>
      </c>
      <c r="AG5799">
        <v>45</v>
      </c>
      <c r="AH5799">
        <v>45</v>
      </c>
      <c r="AI5799">
        <v>46</v>
      </c>
      <c r="AJ5799">
        <v>46</v>
      </c>
      <c r="AK5799">
        <v>47</v>
      </c>
      <c r="AL5799">
        <v>47</v>
      </c>
      <c r="AM5799">
        <v>48</v>
      </c>
      <c r="AN5799">
        <v>49</v>
      </c>
      <c r="AO5799">
        <v>49</v>
      </c>
      <c r="AP5799">
        <v>50</v>
      </c>
      <c r="AQ5799">
        <v>50</v>
      </c>
    </row>
    <row r="5800" spans="1:43">
      <c r="A5800" t="s">
        <v>3628</v>
      </c>
      <c r="B5800" t="s">
        <v>3629</v>
      </c>
      <c r="C5800" t="s">
        <v>3630</v>
      </c>
      <c r="D5800" t="s">
        <v>3631</v>
      </c>
      <c r="E5800" t="s">
        <v>3352</v>
      </c>
      <c r="F5800" t="s">
        <v>3353</v>
      </c>
      <c r="G5800" t="s">
        <v>80</v>
      </c>
      <c r="H5800" t="s">
        <v>81</v>
      </c>
      <c r="I5800" s="2">
        <v>0</v>
      </c>
      <c r="J5800" s="2">
        <v>1</v>
      </c>
      <c r="K5800" s="2">
        <v>0</v>
      </c>
      <c r="L5800" t="s">
        <v>82</v>
      </c>
      <c r="M5800" t="s">
        <v>89</v>
      </c>
      <c r="N5800" t="s">
        <v>90</v>
      </c>
      <c r="O5800" t="s">
        <v>85</v>
      </c>
      <c r="P5800" t="s">
        <v>86</v>
      </c>
      <c r="Q5800">
        <v>36</v>
      </c>
      <c r="R5800">
        <v>38</v>
      </c>
      <c r="S5800">
        <v>39</v>
      </c>
      <c r="T5800">
        <v>40</v>
      </c>
      <c r="U5800">
        <v>41</v>
      </c>
      <c r="V5800">
        <v>42</v>
      </c>
      <c r="W5800">
        <v>44</v>
      </c>
      <c r="X5800">
        <v>45</v>
      </c>
      <c r="Y5800">
        <v>46</v>
      </c>
      <c r="Z5800">
        <v>47</v>
      </c>
      <c r="AA5800">
        <v>48</v>
      </c>
      <c r="AB5800">
        <v>49</v>
      </c>
      <c r="AC5800">
        <v>50</v>
      </c>
      <c r="AD5800">
        <v>51</v>
      </c>
      <c r="AE5800">
        <v>52</v>
      </c>
      <c r="AF5800">
        <v>53</v>
      </c>
      <c r="AG5800">
        <v>53</v>
      </c>
      <c r="AH5800">
        <v>54</v>
      </c>
      <c r="AI5800">
        <v>54</v>
      </c>
      <c r="AJ5800">
        <v>55</v>
      </c>
      <c r="AK5800">
        <v>55</v>
      </c>
      <c r="AL5800">
        <v>56</v>
      </c>
      <c r="AM5800">
        <v>56</v>
      </c>
      <c r="AN5800">
        <v>57</v>
      </c>
      <c r="AO5800">
        <v>57</v>
      </c>
      <c r="AP5800">
        <v>58</v>
      </c>
      <c r="AQ5800">
        <v>58</v>
      </c>
    </row>
    <row r="5801" spans="1:43">
      <c r="A5801" t="s">
        <v>3628</v>
      </c>
      <c r="B5801" t="s">
        <v>3629</v>
      </c>
      <c r="C5801" t="s">
        <v>3630</v>
      </c>
      <c r="D5801" t="s">
        <v>3631</v>
      </c>
      <c r="E5801" t="s">
        <v>3352</v>
      </c>
      <c r="F5801" t="s">
        <v>3353</v>
      </c>
      <c r="G5801" t="s">
        <v>80</v>
      </c>
      <c r="H5801" t="s">
        <v>81</v>
      </c>
      <c r="I5801" s="2">
        <v>0</v>
      </c>
      <c r="J5801" s="2">
        <v>1</v>
      </c>
      <c r="K5801" s="2">
        <v>0</v>
      </c>
      <c r="L5801" t="s">
        <v>82</v>
      </c>
      <c r="M5801" t="s">
        <v>83</v>
      </c>
      <c r="N5801" t="s">
        <v>91</v>
      </c>
      <c r="O5801" t="s">
        <v>85</v>
      </c>
      <c r="P5801" t="s">
        <v>86</v>
      </c>
      <c r="Q5801">
        <v>36</v>
      </c>
      <c r="R5801">
        <v>37</v>
      </c>
      <c r="S5801">
        <v>38</v>
      </c>
      <c r="T5801">
        <v>39</v>
      </c>
      <c r="U5801">
        <v>40</v>
      </c>
      <c r="V5801">
        <v>41</v>
      </c>
      <c r="W5801">
        <v>41</v>
      </c>
      <c r="X5801">
        <v>42</v>
      </c>
      <c r="Y5801">
        <v>43</v>
      </c>
      <c r="Z5801">
        <v>44</v>
      </c>
      <c r="AA5801">
        <v>45</v>
      </c>
      <c r="AB5801">
        <v>46</v>
      </c>
      <c r="AC5801">
        <v>47</v>
      </c>
      <c r="AD5801">
        <v>48</v>
      </c>
      <c r="AE5801">
        <v>49</v>
      </c>
      <c r="AF5801">
        <v>50</v>
      </c>
      <c r="AG5801">
        <v>51</v>
      </c>
      <c r="AH5801">
        <v>52</v>
      </c>
      <c r="AI5801">
        <v>53</v>
      </c>
      <c r="AJ5801">
        <v>54</v>
      </c>
      <c r="AK5801">
        <v>55</v>
      </c>
      <c r="AL5801">
        <v>55</v>
      </c>
      <c r="AM5801">
        <v>56</v>
      </c>
      <c r="AN5801">
        <v>56</v>
      </c>
      <c r="AO5801">
        <v>57</v>
      </c>
      <c r="AP5801">
        <v>57</v>
      </c>
      <c r="AQ5801">
        <v>58</v>
      </c>
    </row>
    <row r="5802" spans="1:43">
      <c r="A5802" t="s">
        <v>3632</v>
      </c>
      <c r="B5802" t="s">
        <v>3633</v>
      </c>
      <c r="C5802" t="s">
        <v>3630</v>
      </c>
      <c r="D5802" t="s">
        <v>3631</v>
      </c>
      <c r="E5802" t="s">
        <v>3352</v>
      </c>
      <c r="F5802" t="s">
        <v>3353</v>
      </c>
      <c r="G5802" t="s">
        <v>80</v>
      </c>
      <c r="H5802" t="s">
        <v>81</v>
      </c>
      <c r="I5802" s="2">
        <v>0</v>
      </c>
      <c r="J5802" s="2">
        <v>1</v>
      </c>
      <c r="K5802" s="2">
        <v>0</v>
      </c>
      <c r="L5802" t="s">
        <v>82</v>
      </c>
      <c r="M5802" t="s">
        <v>83</v>
      </c>
      <c r="N5802" t="s">
        <v>84</v>
      </c>
      <c r="O5802" t="s">
        <v>85</v>
      </c>
      <c r="P5802" t="s">
        <v>86</v>
      </c>
      <c r="Q5802">
        <v>21</v>
      </c>
      <c r="R5802">
        <v>22</v>
      </c>
      <c r="S5802">
        <v>22</v>
      </c>
      <c r="T5802">
        <v>23</v>
      </c>
      <c r="U5802">
        <v>23</v>
      </c>
      <c r="V5802">
        <v>24</v>
      </c>
      <c r="W5802">
        <v>25</v>
      </c>
      <c r="X5802">
        <v>25</v>
      </c>
      <c r="Y5802">
        <v>26</v>
      </c>
      <c r="Z5802">
        <v>26</v>
      </c>
      <c r="AA5802">
        <v>27</v>
      </c>
      <c r="AB5802">
        <v>27</v>
      </c>
      <c r="AC5802">
        <v>28</v>
      </c>
      <c r="AD5802">
        <v>28</v>
      </c>
      <c r="AE5802">
        <v>29</v>
      </c>
      <c r="AF5802">
        <v>30</v>
      </c>
      <c r="AG5802">
        <v>30</v>
      </c>
      <c r="AH5802">
        <v>31</v>
      </c>
      <c r="AI5802">
        <v>31</v>
      </c>
      <c r="AJ5802">
        <v>32</v>
      </c>
      <c r="AK5802">
        <v>32</v>
      </c>
      <c r="AL5802">
        <v>33</v>
      </c>
      <c r="AM5802">
        <v>33</v>
      </c>
      <c r="AN5802">
        <v>33</v>
      </c>
      <c r="AO5802">
        <v>34</v>
      </c>
      <c r="AP5802">
        <v>34</v>
      </c>
      <c r="AQ5802">
        <v>34</v>
      </c>
    </row>
    <row r="5803" spans="1:43">
      <c r="A5803" t="s">
        <v>3632</v>
      </c>
      <c r="B5803" t="s">
        <v>3633</v>
      </c>
      <c r="C5803" t="s">
        <v>3630</v>
      </c>
      <c r="D5803" t="s">
        <v>3631</v>
      </c>
      <c r="E5803" t="s">
        <v>3352</v>
      </c>
      <c r="F5803" t="s">
        <v>3353</v>
      </c>
      <c r="G5803" t="s">
        <v>80</v>
      </c>
      <c r="H5803" t="s">
        <v>81</v>
      </c>
      <c r="I5803" s="2">
        <v>0</v>
      </c>
      <c r="J5803" s="2">
        <v>1</v>
      </c>
      <c r="K5803" s="2">
        <v>0</v>
      </c>
      <c r="L5803" t="s">
        <v>82</v>
      </c>
      <c r="M5803" t="s">
        <v>87</v>
      </c>
      <c r="N5803" t="s">
        <v>88</v>
      </c>
      <c r="O5803" t="s">
        <v>85</v>
      </c>
      <c r="P5803" t="s">
        <v>86</v>
      </c>
      <c r="Q5803">
        <v>21</v>
      </c>
      <c r="R5803">
        <v>22</v>
      </c>
      <c r="S5803">
        <v>22</v>
      </c>
      <c r="T5803">
        <v>22</v>
      </c>
      <c r="U5803">
        <v>22</v>
      </c>
      <c r="V5803">
        <v>23</v>
      </c>
      <c r="W5803">
        <v>23</v>
      </c>
      <c r="X5803">
        <v>23</v>
      </c>
      <c r="Y5803">
        <v>24</v>
      </c>
      <c r="Z5803">
        <v>24</v>
      </c>
      <c r="AA5803">
        <v>24</v>
      </c>
      <c r="AB5803">
        <v>25</v>
      </c>
      <c r="AC5803">
        <v>25</v>
      </c>
      <c r="AD5803">
        <v>25</v>
      </c>
      <c r="AE5803">
        <v>26</v>
      </c>
      <c r="AF5803">
        <v>26</v>
      </c>
      <c r="AG5803">
        <v>26</v>
      </c>
      <c r="AH5803">
        <v>27</v>
      </c>
      <c r="AI5803">
        <v>27</v>
      </c>
      <c r="AJ5803">
        <v>27</v>
      </c>
      <c r="AK5803">
        <v>28</v>
      </c>
      <c r="AL5803">
        <v>28</v>
      </c>
      <c r="AM5803">
        <v>28</v>
      </c>
      <c r="AN5803">
        <v>29</v>
      </c>
      <c r="AO5803">
        <v>29</v>
      </c>
      <c r="AP5803">
        <v>30</v>
      </c>
      <c r="AQ5803">
        <v>30</v>
      </c>
    </row>
    <row r="5804" spans="1:43">
      <c r="A5804" t="s">
        <v>3632</v>
      </c>
      <c r="B5804" t="s">
        <v>3633</v>
      </c>
      <c r="C5804" t="s">
        <v>3630</v>
      </c>
      <c r="D5804" t="s">
        <v>3631</v>
      </c>
      <c r="E5804" t="s">
        <v>3352</v>
      </c>
      <c r="F5804" t="s">
        <v>3353</v>
      </c>
      <c r="G5804" t="s">
        <v>80</v>
      </c>
      <c r="H5804" t="s">
        <v>81</v>
      </c>
      <c r="I5804" s="2">
        <v>0</v>
      </c>
      <c r="J5804" s="2">
        <v>1</v>
      </c>
      <c r="K5804" s="2">
        <v>0</v>
      </c>
      <c r="L5804" t="s">
        <v>82</v>
      </c>
      <c r="M5804" t="s">
        <v>89</v>
      </c>
      <c r="N5804" t="s">
        <v>90</v>
      </c>
      <c r="O5804" t="s">
        <v>85</v>
      </c>
      <c r="P5804" t="s">
        <v>86</v>
      </c>
      <c r="Q5804">
        <v>21</v>
      </c>
      <c r="R5804">
        <v>21</v>
      </c>
      <c r="S5804">
        <v>22</v>
      </c>
      <c r="T5804">
        <v>23</v>
      </c>
      <c r="U5804">
        <v>23</v>
      </c>
      <c r="V5804">
        <v>24</v>
      </c>
      <c r="W5804">
        <v>25</v>
      </c>
      <c r="X5804">
        <v>25</v>
      </c>
      <c r="Y5804">
        <v>26</v>
      </c>
      <c r="Z5804">
        <v>27</v>
      </c>
      <c r="AA5804">
        <v>27</v>
      </c>
      <c r="AB5804">
        <v>28</v>
      </c>
      <c r="AC5804">
        <v>29</v>
      </c>
      <c r="AD5804">
        <v>29</v>
      </c>
      <c r="AE5804">
        <v>30</v>
      </c>
      <c r="AF5804">
        <v>30</v>
      </c>
      <c r="AG5804">
        <v>31</v>
      </c>
      <c r="AH5804">
        <v>31</v>
      </c>
      <c r="AI5804">
        <v>31</v>
      </c>
      <c r="AJ5804">
        <v>31</v>
      </c>
      <c r="AK5804">
        <v>32</v>
      </c>
      <c r="AL5804">
        <v>32</v>
      </c>
      <c r="AM5804">
        <v>32</v>
      </c>
      <c r="AN5804">
        <v>33</v>
      </c>
      <c r="AO5804">
        <v>33</v>
      </c>
      <c r="AP5804">
        <v>33</v>
      </c>
      <c r="AQ5804">
        <v>33</v>
      </c>
    </row>
    <row r="5805" spans="1:43">
      <c r="A5805" t="s">
        <v>3632</v>
      </c>
      <c r="B5805" t="s">
        <v>3633</v>
      </c>
      <c r="C5805" t="s">
        <v>3630</v>
      </c>
      <c r="D5805" t="s">
        <v>3631</v>
      </c>
      <c r="E5805" t="s">
        <v>3352</v>
      </c>
      <c r="F5805" t="s">
        <v>3353</v>
      </c>
      <c r="G5805" t="s">
        <v>80</v>
      </c>
      <c r="H5805" t="s">
        <v>81</v>
      </c>
      <c r="I5805" s="2">
        <v>0</v>
      </c>
      <c r="J5805" s="2">
        <v>1</v>
      </c>
      <c r="K5805" s="2">
        <v>0</v>
      </c>
      <c r="L5805" t="s">
        <v>82</v>
      </c>
      <c r="M5805" t="s">
        <v>83</v>
      </c>
      <c r="N5805" t="s">
        <v>91</v>
      </c>
      <c r="O5805" t="s">
        <v>85</v>
      </c>
      <c r="P5805" t="s">
        <v>86</v>
      </c>
      <c r="Q5805">
        <v>21</v>
      </c>
      <c r="R5805">
        <v>22</v>
      </c>
      <c r="S5805">
        <v>22</v>
      </c>
      <c r="T5805">
        <v>23</v>
      </c>
      <c r="U5805">
        <v>23</v>
      </c>
      <c r="V5805">
        <v>24</v>
      </c>
      <c r="W5805">
        <v>25</v>
      </c>
      <c r="X5805">
        <v>25</v>
      </c>
      <c r="Y5805">
        <v>26</v>
      </c>
      <c r="Z5805">
        <v>26</v>
      </c>
      <c r="AA5805">
        <v>27</v>
      </c>
      <c r="AB5805">
        <v>27</v>
      </c>
      <c r="AC5805">
        <v>28</v>
      </c>
      <c r="AD5805">
        <v>28</v>
      </c>
      <c r="AE5805">
        <v>29</v>
      </c>
      <c r="AF5805">
        <v>30</v>
      </c>
      <c r="AG5805">
        <v>30</v>
      </c>
      <c r="AH5805">
        <v>31</v>
      </c>
      <c r="AI5805">
        <v>31</v>
      </c>
      <c r="AJ5805">
        <v>32</v>
      </c>
      <c r="AK5805">
        <v>32</v>
      </c>
      <c r="AL5805">
        <v>33</v>
      </c>
      <c r="AM5805">
        <v>33</v>
      </c>
      <c r="AN5805">
        <v>33</v>
      </c>
      <c r="AO5805">
        <v>34</v>
      </c>
      <c r="AP5805">
        <v>34</v>
      </c>
      <c r="AQ5805">
        <v>34</v>
      </c>
    </row>
    <row r="5806" spans="1:43">
      <c r="A5806" t="s">
        <v>3634</v>
      </c>
      <c r="B5806" t="s">
        <v>3635</v>
      </c>
      <c r="C5806" t="s">
        <v>3622</v>
      </c>
      <c r="D5806" t="s">
        <v>3623</v>
      </c>
      <c r="E5806" t="s">
        <v>3352</v>
      </c>
      <c r="F5806" t="s">
        <v>3353</v>
      </c>
      <c r="G5806" t="s">
        <v>80</v>
      </c>
      <c r="H5806" t="s">
        <v>81</v>
      </c>
      <c r="I5806" s="2">
        <v>0</v>
      </c>
      <c r="J5806" s="2">
        <v>1</v>
      </c>
      <c r="K5806" s="2">
        <v>0</v>
      </c>
      <c r="L5806" t="s">
        <v>82</v>
      </c>
      <c r="M5806" t="s">
        <v>83</v>
      </c>
      <c r="N5806" t="s">
        <v>84</v>
      </c>
      <c r="O5806" t="s">
        <v>85</v>
      </c>
      <c r="P5806" t="s">
        <v>86</v>
      </c>
      <c r="Q5806">
        <v>55</v>
      </c>
      <c r="R5806">
        <v>57</v>
      </c>
      <c r="S5806">
        <v>58</v>
      </c>
      <c r="T5806">
        <v>59</v>
      </c>
      <c r="U5806">
        <v>61</v>
      </c>
      <c r="V5806">
        <v>62</v>
      </c>
      <c r="W5806">
        <v>63</v>
      </c>
      <c r="X5806">
        <v>65</v>
      </c>
      <c r="Y5806">
        <v>66</v>
      </c>
      <c r="Z5806">
        <v>68</v>
      </c>
      <c r="AA5806">
        <v>69</v>
      </c>
      <c r="AB5806">
        <v>71</v>
      </c>
      <c r="AC5806">
        <v>72</v>
      </c>
      <c r="AD5806">
        <v>73</v>
      </c>
      <c r="AE5806">
        <v>75</v>
      </c>
      <c r="AF5806">
        <v>76</v>
      </c>
      <c r="AG5806">
        <v>78</v>
      </c>
      <c r="AH5806">
        <v>79</v>
      </c>
      <c r="AI5806">
        <v>81</v>
      </c>
      <c r="AJ5806">
        <v>82</v>
      </c>
      <c r="AK5806">
        <v>84</v>
      </c>
      <c r="AL5806">
        <v>85</v>
      </c>
      <c r="AM5806">
        <v>85</v>
      </c>
      <c r="AN5806">
        <v>86</v>
      </c>
      <c r="AO5806">
        <v>87</v>
      </c>
      <c r="AP5806">
        <v>88</v>
      </c>
      <c r="AQ5806">
        <v>88</v>
      </c>
    </row>
    <row r="5807" spans="1:43">
      <c r="A5807" t="s">
        <v>3634</v>
      </c>
      <c r="B5807" t="s">
        <v>3635</v>
      </c>
      <c r="C5807" t="s">
        <v>3622</v>
      </c>
      <c r="D5807" t="s">
        <v>3623</v>
      </c>
      <c r="E5807" t="s">
        <v>3352</v>
      </c>
      <c r="F5807" t="s">
        <v>3353</v>
      </c>
      <c r="G5807" t="s">
        <v>80</v>
      </c>
      <c r="H5807" t="s">
        <v>81</v>
      </c>
      <c r="I5807" s="2">
        <v>0</v>
      </c>
      <c r="J5807" s="2">
        <v>1</v>
      </c>
      <c r="K5807" s="2">
        <v>0</v>
      </c>
      <c r="L5807" t="s">
        <v>82</v>
      </c>
      <c r="M5807" t="s">
        <v>87</v>
      </c>
      <c r="N5807" t="s">
        <v>88</v>
      </c>
      <c r="O5807" t="s">
        <v>85</v>
      </c>
      <c r="P5807" t="s">
        <v>86</v>
      </c>
      <c r="Q5807">
        <v>55</v>
      </c>
      <c r="R5807">
        <v>56</v>
      </c>
      <c r="S5807">
        <v>56</v>
      </c>
      <c r="T5807">
        <v>57</v>
      </c>
      <c r="U5807">
        <v>58</v>
      </c>
      <c r="V5807">
        <v>59</v>
      </c>
      <c r="W5807">
        <v>60</v>
      </c>
      <c r="X5807">
        <v>60</v>
      </c>
      <c r="Y5807">
        <v>61</v>
      </c>
      <c r="Z5807">
        <v>62</v>
      </c>
      <c r="AA5807">
        <v>63</v>
      </c>
      <c r="AB5807">
        <v>64</v>
      </c>
      <c r="AC5807">
        <v>65</v>
      </c>
      <c r="AD5807">
        <v>65</v>
      </c>
      <c r="AE5807">
        <v>66</v>
      </c>
      <c r="AF5807">
        <v>67</v>
      </c>
      <c r="AG5807">
        <v>68</v>
      </c>
      <c r="AH5807">
        <v>69</v>
      </c>
      <c r="AI5807">
        <v>70</v>
      </c>
      <c r="AJ5807">
        <v>71</v>
      </c>
      <c r="AK5807">
        <v>72</v>
      </c>
      <c r="AL5807">
        <v>73</v>
      </c>
      <c r="AM5807">
        <v>73</v>
      </c>
      <c r="AN5807">
        <v>74</v>
      </c>
      <c r="AO5807">
        <v>75</v>
      </c>
      <c r="AP5807">
        <v>76</v>
      </c>
      <c r="AQ5807">
        <v>77</v>
      </c>
    </row>
    <row r="5808" spans="1:43">
      <c r="A5808" t="s">
        <v>3634</v>
      </c>
      <c r="B5808" t="s">
        <v>3635</v>
      </c>
      <c r="C5808" t="s">
        <v>3622</v>
      </c>
      <c r="D5808" t="s">
        <v>3623</v>
      </c>
      <c r="E5808" t="s">
        <v>3352</v>
      </c>
      <c r="F5808" t="s">
        <v>3353</v>
      </c>
      <c r="G5808" t="s">
        <v>80</v>
      </c>
      <c r="H5808" t="s">
        <v>81</v>
      </c>
      <c r="I5808" s="2">
        <v>0</v>
      </c>
      <c r="J5808" s="2">
        <v>1</v>
      </c>
      <c r="K5808" s="2">
        <v>0</v>
      </c>
      <c r="L5808" t="s">
        <v>82</v>
      </c>
      <c r="M5808" t="s">
        <v>89</v>
      </c>
      <c r="N5808" t="s">
        <v>90</v>
      </c>
      <c r="O5808" t="s">
        <v>85</v>
      </c>
      <c r="P5808" t="s">
        <v>86</v>
      </c>
      <c r="Q5808">
        <v>55</v>
      </c>
      <c r="R5808">
        <v>57</v>
      </c>
      <c r="S5808">
        <v>58</v>
      </c>
      <c r="T5808">
        <v>60</v>
      </c>
      <c r="U5808">
        <v>62</v>
      </c>
      <c r="V5808">
        <v>64</v>
      </c>
      <c r="W5808">
        <v>66</v>
      </c>
      <c r="X5808">
        <v>67</v>
      </c>
      <c r="Y5808">
        <v>69</v>
      </c>
      <c r="Z5808">
        <v>71</v>
      </c>
      <c r="AA5808">
        <v>72</v>
      </c>
      <c r="AB5808">
        <v>74</v>
      </c>
      <c r="AC5808">
        <v>76</v>
      </c>
      <c r="AD5808">
        <v>78</v>
      </c>
      <c r="AE5808">
        <v>79</v>
      </c>
      <c r="AF5808">
        <v>80</v>
      </c>
      <c r="AG5808">
        <v>80</v>
      </c>
      <c r="AH5808">
        <v>81</v>
      </c>
      <c r="AI5808">
        <v>82</v>
      </c>
      <c r="AJ5808">
        <v>83</v>
      </c>
      <c r="AK5808">
        <v>83</v>
      </c>
      <c r="AL5808">
        <v>84</v>
      </c>
      <c r="AM5808">
        <v>85</v>
      </c>
      <c r="AN5808">
        <v>86</v>
      </c>
      <c r="AO5808">
        <v>86</v>
      </c>
      <c r="AP5808">
        <v>87</v>
      </c>
      <c r="AQ5808">
        <v>88</v>
      </c>
    </row>
    <row r="5809" spans="1:43">
      <c r="A5809" t="s">
        <v>3634</v>
      </c>
      <c r="B5809" t="s">
        <v>3635</v>
      </c>
      <c r="C5809" t="s">
        <v>3622</v>
      </c>
      <c r="D5809" t="s">
        <v>3623</v>
      </c>
      <c r="E5809" t="s">
        <v>3352</v>
      </c>
      <c r="F5809" t="s">
        <v>3353</v>
      </c>
      <c r="G5809" t="s">
        <v>80</v>
      </c>
      <c r="H5809" t="s">
        <v>81</v>
      </c>
      <c r="I5809" s="2">
        <v>0</v>
      </c>
      <c r="J5809" s="2">
        <v>1</v>
      </c>
      <c r="K5809" s="2">
        <v>0</v>
      </c>
      <c r="L5809" t="s">
        <v>82</v>
      </c>
      <c r="M5809" t="s">
        <v>83</v>
      </c>
      <c r="N5809" t="s">
        <v>91</v>
      </c>
      <c r="O5809" t="s">
        <v>85</v>
      </c>
      <c r="P5809" t="s">
        <v>86</v>
      </c>
      <c r="Q5809">
        <v>55</v>
      </c>
      <c r="R5809">
        <v>57</v>
      </c>
      <c r="S5809">
        <v>58</v>
      </c>
      <c r="T5809">
        <v>59</v>
      </c>
      <c r="U5809">
        <v>61</v>
      </c>
      <c r="V5809">
        <v>62</v>
      </c>
      <c r="W5809">
        <v>63</v>
      </c>
      <c r="X5809">
        <v>65</v>
      </c>
      <c r="Y5809">
        <v>66</v>
      </c>
      <c r="Z5809">
        <v>68</v>
      </c>
      <c r="AA5809">
        <v>69</v>
      </c>
      <c r="AB5809">
        <v>71</v>
      </c>
      <c r="AC5809">
        <v>72</v>
      </c>
      <c r="AD5809">
        <v>73</v>
      </c>
      <c r="AE5809">
        <v>75</v>
      </c>
      <c r="AF5809">
        <v>76</v>
      </c>
      <c r="AG5809">
        <v>78</v>
      </c>
      <c r="AH5809">
        <v>79</v>
      </c>
      <c r="AI5809">
        <v>81</v>
      </c>
      <c r="AJ5809">
        <v>82</v>
      </c>
      <c r="AK5809">
        <v>84</v>
      </c>
      <c r="AL5809">
        <v>85</v>
      </c>
      <c r="AM5809">
        <v>85</v>
      </c>
      <c r="AN5809">
        <v>86</v>
      </c>
      <c r="AO5809">
        <v>87</v>
      </c>
      <c r="AP5809">
        <v>88</v>
      </c>
      <c r="AQ5809">
        <v>88</v>
      </c>
    </row>
    <row r="5810" spans="1:43">
      <c r="A5810" t="s">
        <v>3636</v>
      </c>
      <c r="B5810" t="s">
        <v>3637</v>
      </c>
      <c r="C5810" t="s">
        <v>3630</v>
      </c>
      <c r="D5810" t="s">
        <v>3631</v>
      </c>
      <c r="E5810" t="s">
        <v>3352</v>
      </c>
      <c r="F5810" t="s">
        <v>3353</v>
      </c>
      <c r="G5810" t="s">
        <v>80</v>
      </c>
      <c r="H5810" t="s">
        <v>81</v>
      </c>
      <c r="I5810" s="2">
        <v>0</v>
      </c>
      <c r="J5810" s="2">
        <v>1</v>
      </c>
      <c r="K5810" s="2">
        <v>0</v>
      </c>
      <c r="L5810" t="s">
        <v>82</v>
      </c>
      <c r="M5810" t="s">
        <v>83</v>
      </c>
      <c r="N5810" t="s">
        <v>84</v>
      </c>
      <c r="O5810" t="s">
        <v>85</v>
      </c>
      <c r="P5810" t="s">
        <v>86</v>
      </c>
      <c r="Q5810">
        <v>12</v>
      </c>
      <c r="R5810">
        <v>13</v>
      </c>
      <c r="S5810">
        <v>13</v>
      </c>
      <c r="T5810">
        <v>13</v>
      </c>
      <c r="U5810">
        <v>14</v>
      </c>
      <c r="V5810">
        <v>14</v>
      </c>
      <c r="W5810">
        <v>14</v>
      </c>
      <c r="X5810">
        <v>15</v>
      </c>
      <c r="Y5810">
        <v>15</v>
      </c>
      <c r="Z5810">
        <v>15</v>
      </c>
      <c r="AA5810">
        <v>15</v>
      </c>
      <c r="AB5810">
        <v>16</v>
      </c>
      <c r="AC5810">
        <v>16</v>
      </c>
      <c r="AD5810">
        <v>16</v>
      </c>
      <c r="AE5810">
        <v>17</v>
      </c>
      <c r="AF5810">
        <v>17</v>
      </c>
      <c r="AG5810">
        <v>17</v>
      </c>
      <c r="AH5810">
        <v>18</v>
      </c>
      <c r="AI5810">
        <v>18</v>
      </c>
      <c r="AJ5810">
        <v>18</v>
      </c>
      <c r="AK5810">
        <v>19</v>
      </c>
      <c r="AL5810">
        <v>19</v>
      </c>
      <c r="AM5810">
        <v>19</v>
      </c>
      <c r="AN5810">
        <v>19</v>
      </c>
      <c r="AO5810">
        <v>19</v>
      </c>
      <c r="AP5810">
        <v>20</v>
      </c>
      <c r="AQ5810">
        <v>20</v>
      </c>
    </row>
    <row r="5811" spans="1:43">
      <c r="A5811" t="s">
        <v>3636</v>
      </c>
      <c r="B5811" t="s">
        <v>3637</v>
      </c>
      <c r="C5811" t="s">
        <v>3630</v>
      </c>
      <c r="D5811" t="s">
        <v>3631</v>
      </c>
      <c r="E5811" t="s">
        <v>3352</v>
      </c>
      <c r="F5811" t="s">
        <v>3353</v>
      </c>
      <c r="G5811" t="s">
        <v>80</v>
      </c>
      <c r="H5811" t="s">
        <v>81</v>
      </c>
      <c r="I5811" s="2">
        <v>0</v>
      </c>
      <c r="J5811" s="2">
        <v>1</v>
      </c>
      <c r="K5811" s="2">
        <v>0</v>
      </c>
      <c r="L5811" t="s">
        <v>82</v>
      </c>
      <c r="M5811" t="s">
        <v>87</v>
      </c>
      <c r="N5811" t="s">
        <v>88</v>
      </c>
      <c r="O5811" t="s">
        <v>85</v>
      </c>
      <c r="P5811" t="s">
        <v>86</v>
      </c>
      <c r="Q5811">
        <v>12</v>
      </c>
      <c r="R5811">
        <v>12</v>
      </c>
      <c r="S5811">
        <v>13</v>
      </c>
      <c r="T5811">
        <v>13</v>
      </c>
      <c r="U5811">
        <v>13</v>
      </c>
      <c r="V5811">
        <v>13</v>
      </c>
      <c r="W5811">
        <v>13</v>
      </c>
      <c r="X5811">
        <v>14</v>
      </c>
      <c r="Y5811">
        <v>14</v>
      </c>
      <c r="Z5811">
        <v>14</v>
      </c>
      <c r="AA5811">
        <v>14</v>
      </c>
      <c r="AB5811">
        <v>14</v>
      </c>
      <c r="AC5811">
        <v>14</v>
      </c>
      <c r="AD5811">
        <v>15</v>
      </c>
      <c r="AE5811">
        <v>15</v>
      </c>
      <c r="AF5811">
        <v>15</v>
      </c>
      <c r="AG5811">
        <v>15</v>
      </c>
      <c r="AH5811">
        <v>15</v>
      </c>
      <c r="AI5811">
        <v>16</v>
      </c>
      <c r="AJ5811">
        <v>16</v>
      </c>
      <c r="AK5811">
        <v>16</v>
      </c>
      <c r="AL5811">
        <v>16</v>
      </c>
      <c r="AM5811">
        <v>16</v>
      </c>
      <c r="AN5811">
        <v>17</v>
      </c>
      <c r="AO5811">
        <v>17</v>
      </c>
      <c r="AP5811">
        <v>17</v>
      </c>
      <c r="AQ5811">
        <v>17</v>
      </c>
    </row>
    <row r="5812" spans="1:43">
      <c r="A5812" t="s">
        <v>3636</v>
      </c>
      <c r="B5812" t="s">
        <v>3637</v>
      </c>
      <c r="C5812" t="s">
        <v>3630</v>
      </c>
      <c r="D5812" t="s">
        <v>3631</v>
      </c>
      <c r="E5812" t="s">
        <v>3352</v>
      </c>
      <c r="F5812" t="s">
        <v>3353</v>
      </c>
      <c r="G5812" t="s">
        <v>80</v>
      </c>
      <c r="H5812" t="s">
        <v>81</v>
      </c>
      <c r="I5812" s="2">
        <v>0</v>
      </c>
      <c r="J5812" s="2">
        <v>1</v>
      </c>
      <c r="K5812" s="2">
        <v>0</v>
      </c>
      <c r="L5812" t="s">
        <v>82</v>
      </c>
      <c r="M5812" t="s">
        <v>89</v>
      </c>
      <c r="N5812" t="s">
        <v>90</v>
      </c>
      <c r="O5812" t="s">
        <v>85</v>
      </c>
      <c r="P5812" t="s">
        <v>86</v>
      </c>
      <c r="Q5812">
        <v>12</v>
      </c>
      <c r="R5812">
        <v>13</v>
      </c>
      <c r="S5812">
        <v>13</v>
      </c>
      <c r="T5812">
        <v>14</v>
      </c>
      <c r="U5812">
        <v>14</v>
      </c>
      <c r="V5812">
        <v>15</v>
      </c>
      <c r="W5812">
        <v>15</v>
      </c>
      <c r="X5812">
        <v>15</v>
      </c>
      <c r="Y5812">
        <v>16</v>
      </c>
      <c r="Z5812">
        <v>16</v>
      </c>
      <c r="AA5812">
        <v>16</v>
      </c>
      <c r="AB5812">
        <v>17</v>
      </c>
      <c r="AC5812">
        <v>17</v>
      </c>
      <c r="AD5812">
        <v>18</v>
      </c>
      <c r="AE5812">
        <v>18</v>
      </c>
      <c r="AF5812">
        <v>18</v>
      </c>
      <c r="AG5812">
        <v>18</v>
      </c>
      <c r="AH5812">
        <v>18</v>
      </c>
      <c r="AI5812">
        <v>19</v>
      </c>
      <c r="AJ5812">
        <v>19</v>
      </c>
      <c r="AK5812">
        <v>19</v>
      </c>
      <c r="AL5812">
        <v>19</v>
      </c>
      <c r="AM5812">
        <v>19</v>
      </c>
      <c r="AN5812">
        <v>19</v>
      </c>
      <c r="AO5812">
        <v>20</v>
      </c>
      <c r="AP5812">
        <v>20</v>
      </c>
      <c r="AQ5812">
        <v>20</v>
      </c>
    </row>
    <row r="5813" spans="1:43">
      <c r="A5813" t="s">
        <v>3636</v>
      </c>
      <c r="B5813" t="s">
        <v>3637</v>
      </c>
      <c r="C5813" t="s">
        <v>3630</v>
      </c>
      <c r="D5813" t="s">
        <v>3631</v>
      </c>
      <c r="E5813" t="s">
        <v>3352</v>
      </c>
      <c r="F5813" t="s">
        <v>3353</v>
      </c>
      <c r="G5813" t="s">
        <v>80</v>
      </c>
      <c r="H5813" t="s">
        <v>81</v>
      </c>
      <c r="I5813" s="2">
        <v>0</v>
      </c>
      <c r="J5813" s="2">
        <v>1</v>
      </c>
      <c r="K5813" s="2">
        <v>0</v>
      </c>
      <c r="L5813" t="s">
        <v>82</v>
      </c>
      <c r="M5813" t="s">
        <v>83</v>
      </c>
      <c r="N5813" t="s">
        <v>91</v>
      </c>
      <c r="O5813" t="s">
        <v>85</v>
      </c>
      <c r="P5813" t="s">
        <v>86</v>
      </c>
      <c r="Q5813">
        <v>12</v>
      </c>
      <c r="R5813">
        <v>13</v>
      </c>
      <c r="S5813">
        <v>13</v>
      </c>
      <c r="T5813">
        <v>13</v>
      </c>
      <c r="U5813">
        <v>14</v>
      </c>
      <c r="V5813">
        <v>14</v>
      </c>
      <c r="W5813">
        <v>14</v>
      </c>
      <c r="X5813">
        <v>15</v>
      </c>
      <c r="Y5813">
        <v>15</v>
      </c>
      <c r="Z5813">
        <v>15</v>
      </c>
      <c r="AA5813">
        <v>15</v>
      </c>
      <c r="AB5813">
        <v>16</v>
      </c>
      <c r="AC5813">
        <v>16</v>
      </c>
      <c r="AD5813">
        <v>16</v>
      </c>
      <c r="AE5813">
        <v>17</v>
      </c>
      <c r="AF5813">
        <v>17</v>
      </c>
      <c r="AG5813">
        <v>17</v>
      </c>
      <c r="AH5813">
        <v>18</v>
      </c>
      <c r="AI5813">
        <v>18</v>
      </c>
      <c r="AJ5813">
        <v>18</v>
      </c>
      <c r="AK5813">
        <v>19</v>
      </c>
      <c r="AL5813">
        <v>19</v>
      </c>
      <c r="AM5813">
        <v>19</v>
      </c>
      <c r="AN5813">
        <v>19</v>
      </c>
      <c r="AO5813">
        <v>19</v>
      </c>
      <c r="AP5813">
        <v>20</v>
      </c>
      <c r="AQ5813">
        <v>20</v>
      </c>
    </row>
    <row r="5814" spans="1:43">
      <c r="A5814" t="s">
        <v>3638</v>
      </c>
      <c r="B5814" t="s">
        <v>3639</v>
      </c>
      <c r="C5814" t="s">
        <v>3630</v>
      </c>
      <c r="D5814" t="s">
        <v>3631</v>
      </c>
      <c r="E5814" t="s">
        <v>3352</v>
      </c>
      <c r="F5814" t="s">
        <v>3353</v>
      </c>
      <c r="G5814" t="s">
        <v>80</v>
      </c>
      <c r="H5814" t="s">
        <v>81</v>
      </c>
      <c r="I5814" s="2">
        <v>0</v>
      </c>
      <c r="J5814" s="2">
        <v>1</v>
      </c>
      <c r="K5814" s="2">
        <v>0</v>
      </c>
      <c r="L5814" t="s">
        <v>82</v>
      </c>
      <c r="M5814" t="s">
        <v>83</v>
      </c>
      <c r="N5814" t="s">
        <v>84</v>
      </c>
      <c r="O5814" t="s">
        <v>85</v>
      </c>
      <c r="P5814" t="s">
        <v>86</v>
      </c>
      <c r="Q5814">
        <v>8</v>
      </c>
      <c r="R5814">
        <v>8</v>
      </c>
      <c r="S5814">
        <v>8</v>
      </c>
      <c r="T5814">
        <v>8</v>
      </c>
      <c r="U5814">
        <v>9</v>
      </c>
      <c r="V5814">
        <v>9</v>
      </c>
      <c r="W5814">
        <v>9</v>
      </c>
      <c r="X5814">
        <v>9</v>
      </c>
      <c r="Y5814">
        <v>9</v>
      </c>
      <c r="Z5814">
        <v>10</v>
      </c>
      <c r="AA5814">
        <v>10</v>
      </c>
      <c r="AB5814">
        <v>10</v>
      </c>
      <c r="AC5814">
        <v>10</v>
      </c>
      <c r="AD5814">
        <v>10</v>
      </c>
      <c r="AE5814">
        <v>11</v>
      </c>
      <c r="AF5814">
        <v>11</v>
      </c>
      <c r="AG5814">
        <v>11</v>
      </c>
      <c r="AH5814">
        <v>11</v>
      </c>
      <c r="AI5814">
        <v>11</v>
      </c>
      <c r="AJ5814">
        <v>12</v>
      </c>
      <c r="AK5814">
        <v>12</v>
      </c>
      <c r="AL5814">
        <v>12</v>
      </c>
      <c r="AM5814">
        <v>12</v>
      </c>
      <c r="AN5814">
        <v>12</v>
      </c>
      <c r="AO5814">
        <v>12</v>
      </c>
      <c r="AP5814">
        <v>12</v>
      </c>
      <c r="AQ5814">
        <v>13</v>
      </c>
    </row>
    <row r="5815" spans="1:43">
      <c r="A5815" t="s">
        <v>3638</v>
      </c>
      <c r="B5815" t="s">
        <v>3639</v>
      </c>
      <c r="C5815" t="s">
        <v>3630</v>
      </c>
      <c r="D5815" t="s">
        <v>3631</v>
      </c>
      <c r="E5815" t="s">
        <v>3352</v>
      </c>
      <c r="F5815" t="s">
        <v>3353</v>
      </c>
      <c r="G5815" t="s">
        <v>80</v>
      </c>
      <c r="H5815" t="s">
        <v>81</v>
      </c>
      <c r="I5815" s="2">
        <v>0</v>
      </c>
      <c r="J5815" s="2">
        <v>1</v>
      </c>
      <c r="K5815" s="2">
        <v>0</v>
      </c>
      <c r="L5815" t="s">
        <v>82</v>
      </c>
      <c r="M5815" t="s">
        <v>87</v>
      </c>
      <c r="N5815" t="s">
        <v>88</v>
      </c>
      <c r="O5815" t="s">
        <v>85</v>
      </c>
      <c r="P5815" t="s">
        <v>86</v>
      </c>
      <c r="Q5815">
        <v>8</v>
      </c>
      <c r="R5815">
        <v>8</v>
      </c>
      <c r="S5815">
        <v>8</v>
      </c>
      <c r="T5815">
        <v>8</v>
      </c>
      <c r="U5815">
        <v>8</v>
      </c>
      <c r="V5815">
        <v>8</v>
      </c>
      <c r="W5815">
        <v>8</v>
      </c>
      <c r="X5815">
        <v>9</v>
      </c>
      <c r="Y5815">
        <v>9</v>
      </c>
      <c r="Z5815">
        <v>9</v>
      </c>
      <c r="AA5815">
        <v>9</v>
      </c>
      <c r="AB5815">
        <v>9</v>
      </c>
      <c r="AC5815">
        <v>9</v>
      </c>
      <c r="AD5815">
        <v>9</v>
      </c>
      <c r="AE5815">
        <v>9</v>
      </c>
      <c r="AF5815">
        <v>10</v>
      </c>
      <c r="AG5815">
        <v>10</v>
      </c>
      <c r="AH5815">
        <v>10</v>
      </c>
      <c r="AI5815">
        <v>10</v>
      </c>
      <c r="AJ5815">
        <v>10</v>
      </c>
      <c r="AK5815">
        <v>10</v>
      </c>
      <c r="AL5815">
        <v>10</v>
      </c>
      <c r="AM5815">
        <v>10</v>
      </c>
      <c r="AN5815">
        <v>11</v>
      </c>
      <c r="AO5815">
        <v>11</v>
      </c>
      <c r="AP5815">
        <v>11</v>
      </c>
      <c r="AQ5815">
        <v>11</v>
      </c>
    </row>
    <row r="5816" spans="1:43">
      <c r="A5816" t="s">
        <v>3638</v>
      </c>
      <c r="B5816" t="s">
        <v>3639</v>
      </c>
      <c r="C5816" t="s">
        <v>3630</v>
      </c>
      <c r="D5816" t="s">
        <v>3631</v>
      </c>
      <c r="E5816" t="s">
        <v>3352</v>
      </c>
      <c r="F5816" t="s">
        <v>3353</v>
      </c>
      <c r="G5816" t="s">
        <v>80</v>
      </c>
      <c r="H5816" t="s">
        <v>81</v>
      </c>
      <c r="I5816" s="2">
        <v>0</v>
      </c>
      <c r="J5816" s="2">
        <v>1</v>
      </c>
      <c r="K5816" s="2">
        <v>0</v>
      </c>
      <c r="L5816" t="s">
        <v>82</v>
      </c>
      <c r="M5816" t="s">
        <v>89</v>
      </c>
      <c r="N5816" t="s">
        <v>90</v>
      </c>
      <c r="O5816" t="s">
        <v>85</v>
      </c>
      <c r="P5816" t="s">
        <v>86</v>
      </c>
      <c r="Q5816">
        <v>8</v>
      </c>
      <c r="R5816">
        <v>8</v>
      </c>
      <c r="S5816">
        <v>8</v>
      </c>
      <c r="T5816">
        <v>9</v>
      </c>
      <c r="U5816">
        <v>9</v>
      </c>
      <c r="V5816">
        <v>9</v>
      </c>
      <c r="W5816">
        <v>10</v>
      </c>
      <c r="X5816">
        <v>10</v>
      </c>
      <c r="Y5816">
        <v>10</v>
      </c>
      <c r="Z5816">
        <v>10</v>
      </c>
      <c r="AA5816">
        <v>10</v>
      </c>
      <c r="AB5816">
        <v>11</v>
      </c>
      <c r="AC5816">
        <v>11</v>
      </c>
      <c r="AD5816">
        <v>11</v>
      </c>
      <c r="AE5816">
        <v>11</v>
      </c>
      <c r="AF5816">
        <v>11</v>
      </c>
      <c r="AG5816">
        <v>12</v>
      </c>
      <c r="AH5816">
        <v>12</v>
      </c>
      <c r="AI5816">
        <v>12</v>
      </c>
      <c r="AJ5816">
        <v>12</v>
      </c>
      <c r="AK5816">
        <v>12</v>
      </c>
      <c r="AL5816">
        <v>12</v>
      </c>
      <c r="AM5816">
        <v>12</v>
      </c>
      <c r="AN5816">
        <v>12</v>
      </c>
      <c r="AO5816">
        <v>12</v>
      </c>
      <c r="AP5816">
        <v>13</v>
      </c>
      <c r="AQ5816">
        <v>13</v>
      </c>
    </row>
    <row r="5817" spans="1:43">
      <c r="A5817" t="s">
        <v>3638</v>
      </c>
      <c r="B5817" t="s">
        <v>3639</v>
      </c>
      <c r="C5817" t="s">
        <v>3630</v>
      </c>
      <c r="D5817" t="s">
        <v>3631</v>
      </c>
      <c r="E5817" t="s">
        <v>3352</v>
      </c>
      <c r="F5817" t="s">
        <v>3353</v>
      </c>
      <c r="G5817" t="s">
        <v>80</v>
      </c>
      <c r="H5817" t="s">
        <v>81</v>
      </c>
      <c r="I5817" s="2">
        <v>0</v>
      </c>
      <c r="J5817" s="2">
        <v>1</v>
      </c>
      <c r="K5817" s="2">
        <v>0</v>
      </c>
      <c r="L5817" t="s">
        <v>82</v>
      </c>
      <c r="M5817" t="s">
        <v>83</v>
      </c>
      <c r="N5817" t="s">
        <v>91</v>
      </c>
      <c r="O5817" t="s">
        <v>85</v>
      </c>
      <c r="P5817" t="s">
        <v>86</v>
      </c>
      <c r="Q5817">
        <v>8</v>
      </c>
      <c r="R5817">
        <v>8</v>
      </c>
      <c r="S5817">
        <v>8</v>
      </c>
      <c r="T5817">
        <v>8</v>
      </c>
      <c r="U5817">
        <v>9</v>
      </c>
      <c r="V5817">
        <v>9</v>
      </c>
      <c r="W5817">
        <v>9</v>
      </c>
      <c r="X5817">
        <v>9</v>
      </c>
      <c r="Y5817">
        <v>9</v>
      </c>
      <c r="Z5817">
        <v>10</v>
      </c>
      <c r="AA5817">
        <v>10</v>
      </c>
      <c r="AB5817">
        <v>10</v>
      </c>
      <c r="AC5817">
        <v>10</v>
      </c>
      <c r="AD5817">
        <v>10</v>
      </c>
      <c r="AE5817">
        <v>11</v>
      </c>
      <c r="AF5817">
        <v>11</v>
      </c>
      <c r="AG5817">
        <v>11</v>
      </c>
      <c r="AH5817">
        <v>11</v>
      </c>
      <c r="AI5817">
        <v>11</v>
      </c>
      <c r="AJ5817">
        <v>12</v>
      </c>
      <c r="AK5817">
        <v>12</v>
      </c>
      <c r="AL5817">
        <v>12</v>
      </c>
      <c r="AM5817">
        <v>12</v>
      </c>
      <c r="AN5817">
        <v>12</v>
      </c>
      <c r="AO5817">
        <v>12</v>
      </c>
      <c r="AP5817">
        <v>12</v>
      </c>
      <c r="AQ5817">
        <v>13</v>
      </c>
    </row>
    <row r="5818" spans="1:43">
      <c r="A5818" t="s">
        <v>3640</v>
      </c>
      <c r="B5818" t="s">
        <v>3641</v>
      </c>
      <c r="C5818" t="s">
        <v>3622</v>
      </c>
      <c r="D5818" t="s">
        <v>3623</v>
      </c>
      <c r="E5818" t="s">
        <v>3352</v>
      </c>
      <c r="F5818" t="s">
        <v>3353</v>
      </c>
      <c r="G5818" t="s">
        <v>80</v>
      </c>
      <c r="H5818" t="s">
        <v>81</v>
      </c>
      <c r="I5818" s="2">
        <v>0</v>
      </c>
      <c r="J5818" s="2">
        <v>1</v>
      </c>
      <c r="K5818" s="2">
        <v>0</v>
      </c>
      <c r="L5818" t="s">
        <v>82</v>
      </c>
      <c r="M5818" t="s">
        <v>83</v>
      </c>
      <c r="N5818" t="s">
        <v>84</v>
      </c>
      <c r="O5818" t="s">
        <v>85</v>
      </c>
      <c r="P5818" t="s">
        <v>86</v>
      </c>
      <c r="Q5818">
        <v>52</v>
      </c>
      <c r="R5818">
        <v>54</v>
      </c>
      <c r="S5818">
        <v>55</v>
      </c>
      <c r="T5818">
        <v>56</v>
      </c>
      <c r="U5818">
        <v>57</v>
      </c>
      <c r="V5818">
        <v>59</v>
      </c>
      <c r="W5818">
        <v>60</v>
      </c>
      <c r="X5818">
        <v>61</v>
      </c>
      <c r="Y5818">
        <v>63</v>
      </c>
      <c r="Z5818">
        <v>64</v>
      </c>
      <c r="AA5818">
        <v>65</v>
      </c>
      <c r="AB5818">
        <v>67</v>
      </c>
      <c r="AC5818">
        <v>68</v>
      </c>
      <c r="AD5818">
        <v>69</v>
      </c>
      <c r="AE5818">
        <v>71</v>
      </c>
      <c r="AF5818">
        <v>72</v>
      </c>
      <c r="AG5818">
        <v>73</v>
      </c>
      <c r="AH5818">
        <v>75</v>
      </c>
      <c r="AI5818">
        <v>76</v>
      </c>
      <c r="AJ5818">
        <v>78</v>
      </c>
      <c r="AK5818">
        <v>79</v>
      </c>
      <c r="AL5818">
        <v>80</v>
      </c>
      <c r="AM5818">
        <v>81</v>
      </c>
      <c r="AN5818">
        <v>81</v>
      </c>
      <c r="AO5818">
        <v>82</v>
      </c>
      <c r="AP5818">
        <v>83</v>
      </c>
      <c r="AQ5818">
        <v>84</v>
      </c>
    </row>
    <row r="5819" spans="1:43">
      <c r="A5819" t="s">
        <v>3640</v>
      </c>
      <c r="B5819" t="s">
        <v>3641</v>
      </c>
      <c r="C5819" t="s">
        <v>3622</v>
      </c>
      <c r="D5819" t="s">
        <v>3623</v>
      </c>
      <c r="E5819" t="s">
        <v>3352</v>
      </c>
      <c r="F5819" t="s">
        <v>3353</v>
      </c>
      <c r="G5819" t="s">
        <v>80</v>
      </c>
      <c r="H5819" t="s">
        <v>81</v>
      </c>
      <c r="I5819" s="2">
        <v>0</v>
      </c>
      <c r="J5819" s="2">
        <v>1</v>
      </c>
      <c r="K5819" s="2">
        <v>0</v>
      </c>
      <c r="L5819" t="s">
        <v>82</v>
      </c>
      <c r="M5819" t="s">
        <v>87</v>
      </c>
      <c r="N5819" t="s">
        <v>88</v>
      </c>
      <c r="O5819" t="s">
        <v>85</v>
      </c>
      <c r="P5819" t="s">
        <v>86</v>
      </c>
      <c r="Q5819">
        <v>52</v>
      </c>
      <c r="R5819">
        <v>53</v>
      </c>
      <c r="S5819">
        <v>53</v>
      </c>
      <c r="T5819">
        <v>54</v>
      </c>
      <c r="U5819">
        <v>55</v>
      </c>
      <c r="V5819">
        <v>56</v>
      </c>
      <c r="W5819">
        <v>56</v>
      </c>
      <c r="X5819">
        <v>57</v>
      </c>
      <c r="Y5819">
        <v>58</v>
      </c>
      <c r="Z5819">
        <v>59</v>
      </c>
      <c r="AA5819">
        <v>60</v>
      </c>
      <c r="AB5819">
        <v>60</v>
      </c>
      <c r="AC5819">
        <v>61</v>
      </c>
      <c r="AD5819">
        <v>62</v>
      </c>
      <c r="AE5819">
        <v>63</v>
      </c>
      <c r="AF5819">
        <v>64</v>
      </c>
      <c r="AG5819">
        <v>64</v>
      </c>
      <c r="AH5819">
        <v>65</v>
      </c>
      <c r="AI5819">
        <v>66</v>
      </c>
      <c r="AJ5819">
        <v>67</v>
      </c>
      <c r="AK5819">
        <v>68</v>
      </c>
      <c r="AL5819">
        <v>69</v>
      </c>
      <c r="AM5819">
        <v>70</v>
      </c>
      <c r="AN5819">
        <v>70</v>
      </c>
      <c r="AO5819">
        <v>71</v>
      </c>
      <c r="AP5819">
        <v>72</v>
      </c>
      <c r="AQ5819">
        <v>73</v>
      </c>
    </row>
    <row r="5820" spans="1:43">
      <c r="A5820" t="s">
        <v>3640</v>
      </c>
      <c r="B5820" t="s">
        <v>3641</v>
      </c>
      <c r="C5820" t="s">
        <v>3622</v>
      </c>
      <c r="D5820" t="s">
        <v>3623</v>
      </c>
      <c r="E5820" t="s">
        <v>3352</v>
      </c>
      <c r="F5820" t="s">
        <v>3353</v>
      </c>
      <c r="G5820" t="s">
        <v>80</v>
      </c>
      <c r="H5820" t="s">
        <v>81</v>
      </c>
      <c r="I5820" s="2">
        <v>0</v>
      </c>
      <c r="J5820" s="2">
        <v>1</v>
      </c>
      <c r="K5820" s="2">
        <v>0</v>
      </c>
      <c r="L5820" t="s">
        <v>82</v>
      </c>
      <c r="M5820" t="s">
        <v>89</v>
      </c>
      <c r="N5820" t="s">
        <v>90</v>
      </c>
      <c r="O5820" t="s">
        <v>85</v>
      </c>
      <c r="P5820" t="s">
        <v>86</v>
      </c>
      <c r="Q5820">
        <v>52</v>
      </c>
      <c r="R5820">
        <v>54</v>
      </c>
      <c r="S5820">
        <v>55</v>
      </c>
      <c r="T5820">
        <v>57</v>
      </c>
      <c r="U5820">
        <v>59</v>
      </c>
      <c r="V5820">
        <v>60</v>
      </c>
      <c r="W5820">
        <v>62</v>
      </c>
      <c r="X5820">
        <v>64</v>
      </c>
      <c r="Y5820">
        <v>65</v>
      </c>
      <c r="Z5820">
        <v>67</v>
      </c>
      <c r="AA5820">
        <v>68</v>
      </c>
      <c r="AB5820">
        <v>70</v>
      </c>
      <c r="AC5820">
        <v>72</v>
      </c>
      <c r="AD5820">
        <v>73</v>
      </c>
      <c r="AE5820">
        <v>75</v>
      </c>
      <c r="AF5820">
        <v>75</v>
      </c>
      <c r="AG5820">
        <v>76</v>
      </c>
      <c r="AH5820">
        <v>77</v>
      </c>
      <c r="AI5820">
        <v>77</v>
      </c>
      <c r="AJ5820">
        <v>78</v>
      </c>
      <c r="AK5820">
        <v>79</v>
      </c>
      <c r="AL5820">
        <v>80</v>
      </c>
      <c r="AM5820">
        <v>80</v>
      </c>
      <c r="AN5820">
        <v>81</v>
      </c>
      <c r="AO5820">
        <v>82</v>
      </c>
      <c r="AP5820">
        <v>82</v>
      </c>
      <c r="AQ5820">
        <v>83</v>
      </c>
    </row>
    <row r="5821" spans="1:43">
      <c r="A5821" t="s">
        <v>3640</v>
      </c>
      <c r="B5821" t="s">
        <v>3641</v>
      </c>
      <c r="C5821" t="s">
        <v>3622</v>
      </c>
      <c r="D5821" t="s">
        <v>3623</v>
      </c>
      <c r="E5821" t="s">
        <v>3352</v>
      </c>
      <c r="F5821" t="s">
        <v>3353</v>
      </c>
      <c r="G5821" t="s">
        <v>80</v>
      </c>
      <c r="H5821" t="s">
        <v>81</v>
      </c>
      <c r="I5821" s="2">
        <v>0</v>
      </c>
      <c r="J5821" s="2">
        <v>1</v>
      </c>
      <c r="K5821" s="2">
        <v>0</v>
      </c>
      <c r="L5821" t="s">
        <v>82</v>
      </c>
      <c r="M5821" t="s">
        <v>83</v>
      </c>
      <c r="N5821" t="s">
        <v>91</v>
      </c>
      <c r="O5821" t="s">
        <v>85</v>
      </c>
      <c r="P5821" t="s">
        <v>86</v>
      </c>
      <c r="Q5821">
        <v>52</v>
      </c>
      <c r="R5821">
        <v>54</v>
      </c>
      <c r="S5821">
        <v>55</v>
      </c>
      <c r="T5821">
        <v>56</v>
      </c>
      <c r="U5821">
        <v>57</v>
      </c>
      <c r="V5821">
        <v>59</v>
      </c>
      <c r="W5821">
        <v>60</v>
      </c>
      <c r="X5821">
        <v>61</v>
      </c>
      <c r="Y5821">
        <v>63</v>
      </c>
      <c r="Z5821">
        <v>64</v>
      </c>
      <c r="AA5821">
        <v>65</v>
      </c>
      <c r="AB5821">
        <v>67</v>
      </c>
      <c r="AC5821">
        <v>68</v>
      </c>
      <c r="AD5821">
        <v>69</v>
      </c>
      <c r="AE5821">
        <v>71</v>
      </c>
      <c r="AF5821">
        <v>72</v>
      </c>
      <c r="AG5821">
        <v>73</v>
      </c>
      <c r="AH5821">
        <v>75</v>
      </c>
      <c r="AI5821">
        <v>76</v>
      </c>
      <c r="AJ5821">
        <v>78</v>
      </c>
      <c r="AK5821">
        <v>79</v>
      </c>
      <c r="AL5821">
        <v>80</v>
      </c>
      <c r="AM5821">
        <v>81</v>
      </c>
      <c r="AN5821">
        <v>81</v>
      </c>
      <c r="AO5821">
        <v>82</v>
      </c>
      <c r="AP5821">
        <v>83</v>
      </c>
      <c r="AQ5821">
        <v>84</v>
      </c>
    </row>
    <row r="5822" spans="1:43">
      <c r="A5822" t="s">
        <v>3642</v>
      </c>
      <c r="B5822" t="s">
        <v>3643</v>
      </c>
      <c r="C5822" t="s">
        <v>3622</v>
      </c>
      <c r="D5822" t="s">
        <v>3623</v>
      </c>
      <c r="E5822" t="s">
        <v>3352</v>
      </c>
      <c r="F5822" t="s">
        <v>3353</v>
      </c>
      <c r="G5822" t="s">
        <v>80</v>
      </c>
      <c r="H5822" t="s">
        <v>81</v>
      </c>
      <c r="I5822" s="2">
        <v>0</v>
      </c>
      <c r="J5822" s="2">
        <v>1</v>
      </c>
      <c r="K5822" s="2">
        <v>0</v>
      </c>
      <c r="L5822" t="s">
        <v>82</v>
      </c>
      <c r="M5822" t="s">
        <v>83</v>
      </c>
      <c r="N5822" t="s">
        <v>84</v>
      </c>
      <c r="O5822" t="s">
        <v>85</v>
      </c>
      <c r="P5822" t="s">
        <v>86</v>
      </c>
      <c r="Q5822">
        <v>13</v>
      </c>
      <c r="R5822">
        <v>13</v>
      </c>
      <c r="S5822">
        <v>13</v>
      </c>
      <c r="T5822">
        <v>14</v>
      </c>
      <c r="U5822">
        <v>14</v>
      </c>
      <c r="V5822">
        <v>14</v>
      </c>
      <c r="W5822">
        <v>15</v>
      </c>
      <c r="X5822">
        <v>15</v>
      </c>
      <c r="Y5822">
        <v>15</v>
      </c>
      <c r="Z5822">
        <v>16</v>
      </c>
      <c r="AA5822">
        <v>16</v>
      </c>
      <c r="AB5822">
        <v>16</v>
      </c>
      <c r="AC5822">
        <v>17</v>
      </c>
      <c r="AD5822">
        <v>17</v>
      </c>
      <c r="AE5822">
        <v>17</v>
      </c>
      <c r="AF5822">
        <v>18</v>
      </c>
      <c r="AG5822">
        <v>18</v>
      </c>
      <c r="AH5822">
        <v>18</v>
      </c>
      <c r="AI5822">
        <v>19</v>
      </c>
      <c r="AJ5822">
        <v>19</v>
      </c>
      <c r="AK5822">
        <v>19</v>
      </c>
      <c r="AL5822">
        <v>20</v>
      </c>
      <c r="AM5822">
        <v>20</v>
      </c>
      <c r="AN5822">
        <v>20</v>
      </c>
      <c r="AO5822">
        <v>20</v>
      </c>
      <c r="AP5822">
        <v>20</v>
      </c>
      <c r="AQ5822">
        <v>20</v>
      </c>
    </row>
    <row r="5823" spans="1:43">
      <c r="A5823" t="s">
        <v>3642</v>
      </c>
      <c r="B5823" t="s">
        <v>3643</v>
      </c>
      <c r="C5823" t="s">
        <v>3622</v>
      </c>
      <c r="D5823" t="s">
        <v>3623</v>
      </c>
      <c r="E5823" t="s">
        <v>3352</v>
      </c>
      <c r="F5823" t="s">
        <v>3353</v>
      </c>
      <c r="G5823" t="s">
        <v>80</v>
      </c>
      <c r="H5823" t="s">
        <v>81</v>
      </c>
      <c r="I5823" s="2">
        <v>0</v>
      </c>
      <c r="J5823" s="2">
        <v>1</v>
      </c>
      <c r="K5823" s="2">
        <v>0</v>
      </c>
      <c r="L5823" t="s">
        <v>82</v>
      </c>
      <c r="M5823" t="s">
        <v>87</v>
      </c>
      <c r="N5823" t="s">
        <v>88</v>
      </c>
      <c r="O5823" t="s">
        <v>85</v>
      </c>
      <c r="P5823" t="s">
        <v>86</v>
      </c>
      <c r="Q5823">
        <v>13</v>
      </c>
      <c r="R5823">
        <v>13</v>
      </c>
      <c r="S5823">
        <v>13</v>
      </c>
      <c r="T5823">
        <v>13</v>
      </c>
      <c r="U5823">
        <v>13</v>
      </c>
      <c r="V5823">
        <v>14</v>
      </c>
      <c r="W5823">
        <v>14</v>
      </c>
      <c r="X5823">
        <v>14</v>
      </c>
      <c r="Y5823">
        <v>14</v>
      </c>
      <c r="Z5823">
        <v>14</v>
      </c>
      <c r="AA5823">
        <v>15</v>
      </c>
      <c r="AB5823">
        <v>15</v>
      </c>
      <c r="AC5823">
        <v>15</v>
      </c>
      <c r="AD5823">
        <v>15</v>
      </c>
      <c r="AE5823">
        <v>15</v>
      </c>
      <c r="AF5823">
        <v>16</v>
      </c>
      <c r="AG5823">
        <v>16</v>
      </c>
      <c r="AH5823">
        <v>16</v>
      </c>
      <c r="AI5823">
        <v>16</v>
      </c>
      <c r="AJ5823">
        <v>16</v>
      </c>
      <c r="AK5823">
        <v>17</v>
      </c>
      <c r="AL5823">
        <v>17</v>
      </c>
      <c r="AM5823">
        <v>17</v>
      </c>
      <c r="AN5823">
        <v>17</v>
      </c>
      <c r="AO5823">
        <v>17</v>
      </c>
      <c r="AP5823">
        <v>18</v>
      </c>
      <c r="AQ5823">
        <v>18</v>
      </c>
    </row>
    <row r="5824" spans="1:43">
      <c r="A5824" t="s">
        <v>3642</v>
      </c>
      <c r="B5824" t="s">
        <v>3643</v>
      </c>
      <c r="C5824" t="s">
        <v>3622</v>
      </c>
      <c r="D5824" t="s">
        <v>3623</v>
      </c>
      <c r="E5824" t="s">
        <v>3352</v>
      </c>
      <c r="F5824" t="s">
        <v>3353</v>
      </c>
      <c r="G5824" t="s">
        <v>80</v>
      </c>
      <c r="H5824" t="s">
        <v>81</v>
      </c>
      <c r="I5824" s="2">
        <v>0</v>
      </c>
      <c r="J5824" s="2">
        <v>1</v>
      </c>
      <c r="K5824" s="2">
        <v>0</v>
      </c>
      <c r="L5824" t="s">
        <v>82</v>
      </c>
      <c r="M5824" t="s">
        <v>89</v>
      </c>
      <c r="N5824" t="s">
        <v>90</v>
      </c>
      <c r="O5824" t="s">
        <v>85</v>
      </c>
      <c r="P5824" t="s">
        <v>86</v>
      </c>
      <c r="Q5824">
        <v>13</v>
      </c>
      <c r="R5824">
        <v>13</v>
      </c>
      <c r="S5824">
        <v>14</v>
      </c>
      <c r="T5824">
        <v>14</v>
      </c>
      <c r="U5824">
        <v>15</v>
      </c>
      <c r="V5824">
        <v>15</v>
      </c>
      <c r="W5824">
        <v>15</v>
      </c>
      <c r="X5824">
        <v>16</v>
      </c>
      <c r="Y5824">
        <v>16</v>
      </c>
      <c r="Z5824">
        <v>17</v>
      </c>
      <c r="AA5824">
        <v>17</v>
      </c>
      <c r="AB5824">
        <v>17</v>
      </c>
      <c r="AC5824">
        <v>18</v>
      </c>
      <c r="AD5824">
        <v>18</v>
      </c>
      <c r="AE5824">
        <v>18</v>
      </c>
      <c r="AF5824">
        <v>19</v>
      </c>
      <c r="AG5824">
        <v>19</v>
      </c>
      <c r="AH5824">
        <v>19</v>
      </c>
      <c r="AI5824">
        <v>19</v>
      </c>
      <c r="AJ5824">
        <v>19</v>
      </c>
      <c r="AK5824">
        <v>20</v>
      </c>
      <c r="AL5824">
        <v>20</v>
      </c>
      <c r="AM5824">
        <v>20</v>
      </c>
      <c r="AN5824">
        <v>20</v>
      </c>
      <c r="AO5824">
        <v>20</v>
      </c>
      <c r="AP5824">
        <v>20</v>
      </c>
      <c r="AQ5824">
        <v>21</v>
      </c>
    </row>
    <row r="5825" spans="1:43">
      <c r="A5825" t="s">
        <v>3642</v>
      </c>
      <c r="B5825" t="s">
        <v>3643</v>
      </c>
      <c r="C5825" t="s">
        <v>3622</v>
      </c>
      <c r="D5825" t="s">
        <v>3623</v>
      </c>
      <c r="E5825" t="s">
        <v>3352</v>
      </c>
      <c r="F5825" t="s">
        <v>3353</v>
      </c>
      <c r="G5825" t="s">
        <v>80</v>
      </c>
      <c r="H5825" t="s">
        <v>81</v>
      </c>
      <c r="I5825" s="2">
        <v>0</v>
      </c>
      <c r="J5825" s="2">
        <v>1</v>
      </c>
      <c r="K5825" s="2">
        <v>0</v>
      </c>
      <c r="L5825" t="s">
        <v>82</v>
      </c>
      <c r="M5825" t="s">
        <v>83</v>
      </c>
      <c r="N5825" t="s">
        <v>91</v>
      </c>
      <c r="O5825" t="s">
        <v>85</v>
      </c>
      <c r="P5825" t="s">
        <v>86</v>
      </c>
      <c r="Q5825">
        <v>13</v>
      </c>
      <c r="R5825">
        <v>13</v>
      </c>
      <c r="S5825">
        <v>13</v>
      </c>
      <c r="T5825">
        <v>14</v>
      </c>
      <c r="U5825">
        <v>14</v>
      </c>
      <c r="V5825">
        <v>14</v>
      </c>
      <c r="W5825">
        <v>15</v>
      </c>
      <c r="X5825">
        <v>15</v>
      </c>
      <c r="Y5825">
        <v>15</v>
      </c>
      <c r="Z5825">
        <v>16</v>
      </c>
      <c r="AA5825">
        <v>16</v>
      </c>
      <c r="AB5825">
        <v>16</v>
      </c>
      <c r="AC5825">
        <v>17</v>
      </c>
      <c r="AD5825">
        <v>17</v>
      </c>
      <c r="AE5825">
        <v>17</v>
      </c>
      <c r="AF5825">
        <v>18</v>
      </c>
      <c r="AG5825">
        <v>18</v>
      </c>
      <c r="AH5825">
        <v>18</v>
      </c>
      <c r="AI5825">
        <v>19</v>
      </c>
      <c r="AJ5825">
        <v>19</v>
      </c>
      <c r="AK5825">
        <v>19</v>
      </c>
      <c r="AL5825">
        <v>20</v>
      </c>
      <c r="AM5825">
        <v>20</v>
      </c>
      <c r="AN5825">
        <v>20</v>
      </c>
      <c r="AO5825">
        <v>20</v>
      </c>
      <c r="AP5825">
        <v>20</v>
      </c>
      <c r="AQ5825">
        <v>20</v>
      </c>
    </row>
    <row r="5826" spans="1:43">
      <c r="A5826" t="s">
        <v>3644</v>
      </c>
      <c r="B5826" t="s">
        <v>3645</v>
      </c>
      <c r="C5826" t="s">
        <v>3646</v>
      </c>
      <c r="D5826" t="s">
        <v>3647</v>
      </c>
      <c r="E5826" t="s">
        <v>3352</v>
      </c>
      <c r="F5826" t="s">
        <v>3353</v>
      </c>
      <c r="G5826" t="s">
        <v>80</v>
      </c>
      <c r="H5826" t="s">
        <v>81</v>
      </c>
      <c r="I5826" s="2">
        <v>0</v>
      </c>
      <c r="J5826" s="2">
        <v>1</v>
      </c>
      <c r="K5826" s="2">
        <v>0</v>
      </c>
      <c r="L5826" t="s">
        <v>82</v>
      </c>
      <c r="M5826" t="s">
        <v>83</v>
      </c>
      <c r="N5826" t="s">
        <v>84</v>
      </c>
      <c r="O5826" t="s">
        <v>85</v>
      </c>
      <c r="P5826" t="s">
        <v>86</v>
      </c>
      <c r="Q5826">
        <v>12</v>
      </c>
      <c r="R5826">
        <v>12</v>
      </c>
      <c r="S5826">
        <v>13</v>
      </c>
      <c r="T5826">
        <v>13</v>
      </c>
      <c r="U5826">
        <v>13</v>
      </c>
      <c r="V5826">
        <v>13</v>
      </c>
      <c r="W5826">
        <v>14</v>
      </c>
      <c r="X5826">
        <v>14</v>
      </c>
      <c r="Y5826">
        <v>14</v>
      </c>
      <c r="Z5826">
        <v>15</v>
      </c>
      <c r="AA5826">
        <v>15</v>
      </c>
      <c r="AB5826">
        <v>15</v>
      </c>
      <c r="AC5826">
        <v>16</v>
      </c>
      <c r="AD5826">
        <v>16</v>
      </c>
      <c r="AE5826">
        <v>16</v>
      </c>
      <c r="AF5826">
        <v>16</v>
      </c>
      <c r="AG5826">
        <v>17</v>
      </c>
      <c r="AH5826">
        <v>17</v>
      </c>
      <c r="AI5826">
        <v>17</v>
      </c>
      <c r="AJ5826">
        <v>18</v>
      </c>
      <c r="AK5826">
        <v>18</v>
      </c>
      <c r="AL5826">
        <v>18</v>
      </c>
      <c r="AM5826">
        <v>18</v>
      </c>
      <c r="AN5826">
        <v>19</v>
      </c>
      <c r="AO5826">
        <v>19</v>
      </c>
      <c r="AP5826">
        <v>19</v>
      </c>
      <c r="AQ5826">
        <v>19</v>
      </c>
    </row>
    <row r="5827" spans="1:43">
      <c r="A5827" t="s">
        <v>3644</v>
      </c>
      <c r="B5827" t="s">
        <v>3645</v>
      </c>
      <c r="C5827" t="s">
        <v>3646</v>
      </c>
      <c r="D5827" t="s">
        <v>3647</v>
      </c>
      <c r="E5827" t="s">
        <v>3352</v>
      </c>
      <c r="F5827" t="s">
        <v>3353</v>
      </c>
      <c r="G5827" t="s">
        <v>80</v>
      </c>
      <c r="H5827" t="s">
        <v>81</v>
      </c>
      <c r="I5827" s="2">
        <v>0</v>
      </c>
      <c r="J5827" s="2">
        <v>1</v>
      </c>
      <c r="K5827" s="2">
        <v>0</v>
      </c>
      <c r="L5827" t="s">
        <v>82</v>
      </c>
      <c r="M5827" t="s">
        <v>87</v>
      </c>
      <c r="N5827" t="s">
        <v>88</v>
      </c>
      <c r="O5827" t="s">
        <v>85</v>
      </c>
      <c r="P5827" t="s">
        <v>86</v>
      </c>
      <c r="Q5827">
        <v>12</v>
      </c>
      <c r="R5827">
        <v>12</v>
      </c>
      <c r="S5827">
        <v>12</v>
      </c>
      <c r="T5827">
        <v>12</v>
      </c>
      <c r="U5827">
        <v>13</v>
      </c>
      <c r="V5827">
        <v>13</v>
      </c>
      <c r="W5827">
        <v>13</v>
      </c>
      <c r="X5827">
        <v>13</v>
      </c>
      <c r="Y5827">
        <v>13</v>
      </c>
      <c r="Z5827">
        <v>13</v>
      </c>
      <c r="AA5827">
        <v>14</v>
      </c>
      <c r="AB5827">
        <v>14</v>
      </c>
      <c r="AC5827">
        <v>14</v>
      </c>
      <c r="AD5827">
        <v>14</v>
      </c>
      <c r="AE5827">
        <v>14</v>
      </c>
      <c r="AF5827">
        <v>15</v>
      </c>
      <c r="AG5827">
        <v>15</v>
      </c>
      <c r="AH5827">
        <v>15</v>
      </c>
      <c r="AI5827">
        <v>15</v>
      </c>
      <c r="AJ5827">
        <v>15</v>
      </c>
      <c r="AK5827">
        <v>15</v>
      </c>
      <c r="AL5827">
        <v>16</v>
      </c>
      <c r="AM5827">
        <v>16</v>
      </c>
      <c r="AN5827">
        <v>16</v>
      </c>
      <c r="AO5827">
        <v>16</v>
      </c>
      <c r="AP5827">
        <v>16</v>
      </c>
      <c r="AQ5827">
        <v>17</v>
      </c>
    </row>
    <row r="5828" spans="1:43">
      <c r="A5828" t="s">
        <v>3644</v>
      </c>
      <c r="B5828" t="s">
        <v>3645</v>
      </c>
      <c r="C5828" t="s">
        <v>3646</v>
      </c>
      <c r="D5828" t="s">
        <v>3647</v>
      </c>
      <c r="E5828" t="s">
        <v>3352</v>
      </c>
      <c r="F5828" t="s">
        <v>3353</v>
      </c>
      <c r="G5828" t="s">
        <v>80</v>
      </c>
      <c r="H5828" t="s">
        <v>81</v>
      </c>
      <c r="I5828" s="2">
        <v>0</v>
      </c>
      <c r="J5828" s="2">
        <v>1</v>
      </c>
      <c r="K5828" s="2">
        <v>0</v>
      </c>
      <c r="L5828" t="s">
        <v>82</v>
      </c>
      <c r="M5828" t="s">
        <v>89</v>
      </c>
      <c r="N5828" t="s">
        <v>90</v>
      </c>
      <c r="O5828" t="s">
        <v>85</v>
      </c>
      <c r="P5828" t="s">
        <v>86</v>
      </c>
      <c r="Q5828">
        <v>12</v>
      </c>
      <c r="R5828">
        <v>12</v>
      </c>
      <c r="S5828">
        <v>13</v>
      </c>
      <c r="T5828">
        <v>13</v>
      </c>
      <c r="U5828">
        <v>14</v>
      </c>
      <c r="V5828">
        <v>14</v>
      </c>
      <c r="W5828">
        <v>14</v>
      </c>
      <c r="X5828">
        <v>15</v>
      </c>
      <c r="Y5828">
        <v>15</v>
      </c>
      <c r="Z5828">
        <v>16</v>
      </c>
      <c r="AA5828">
        <v>16</v>
      </c>
      <c r="AB5828">
        <v>16</v>
      </c>
      <c r="AC5828">
        <v>17</v>
      </c>
      <c r="AD5828">
        <v>17</v>
      </c>
      <c r="AE5828">
        <v>17</v>
      </c>
      <c r="AF5828">
        <v>17</v>
      </c>
      <c r="AG5828">
        <v>18</v>
      </c>
      <c r="AH5828">
        <v>18</v>
      </c>
      <c r="AI5828">
        <v>18</v>
      </c>
      <c r="AJ5828">
        <v>18</v>
      </c>
      <c r="AK5828">
        <v>18</v>
      </c>
      <c r="AL5828">
        <v>18</v>
      </c>
      <c r="AM5828">
        <v>19</v>
      </c>
      <c r="AN5828">
        <v>19</v>
      </c>
      <c r="AO5828">
        <v>19</v>
      </c>
      <c r="AP5828">
        <v>19</v>
      </c>
      <c r="AQ5828">
        <v>19</v>
      </c>
    </row>
    <row r="5829" spans="1:43">
      <c r="A5829" t="s">
        <v>3644</v>
      </c>
      <c r="B5829" t="s">
        <v>3645</v>
      </c>
      <c r="C5829" t="s">
        <v>3646</v>
      </c>
      <c r="D5829" t="s">
        <v>3647</v>
      </c>
      <c r="E5829" t="s">
        <v>3352</v>
      </c>
      <c r="F5829" t="s">
        <v>3353</v>
      </c>
      <c r="G5829" t="s">
        <v>80</v>
      </c>
      <c r="H5829" t="s">
        <v>81</v>
      </c>
      <c r="I5829" s="2">
        <v>0</v>
      </c>
      <c r="J5829" s="2">
        <v>1</v>
      </c>
      <c r="K5829" s="2">
        <v>0</v>
      </c>
      <c r="L5829" t="s">
        <v>82</v>
      </c>
      <c r="M5829" t="s">
        <v>83</v>
      </c>
      <c r="N5829" t="s">
        <v>91</v>
      </c>
      <c r="O5829" t="s">
        <v>85</v>
      </c>
      <c r="P5829" t="s">
        <v>86</v>
      </c>
      <c r="Q5829">
        <v>12</v>
      </c>
      <c r="R5829">
        <v>12</v>
      </c>
      <c r="S5829">
        <v>13</v>
      </c>
      <c r="T5829">
        <v>13</v>
      </c>
      <c r="U5829">
        <v>13</v>
      </c>
      <c r="V5829">
        <v>13</v>
      </c>
      <c r="W5829">
        <v>14</v>
      </c>
      <c r="X5829">
        <v>14</v>
      </c>
      <c r="Y5829">
        <v>14</v>
      </c>
      <c r="Z5829">
        <v>15</v>
      </c>
      <c r="AA5829">
        <v>15</v>
      </c>
      <c r="AB5829">
        <v>15</v>
      </c>
      <c r="AC5829">
        <v>16</v>
      </c>
      <c r="AD5829">
        <v>16</v>
      </c>
      <c r="AE5829">
        <v>16</v>
      </c>
      <c r="AF5829">
        <v>16</v>
      </c>
      <c r="AG5829">
        <v>17</v>
      </c>
      <c r="AH5829">
        <v>17</v>
      </c>
      <c r="AI5829">
        <v>17</v>
      </c>
      <c r="AJ5829">
        <v>18</v>
      </c>
      <c r="AK5829">
        <v>18</v>
      </c>
      <c r="AL5829">
        <v>18</v>
      </c>
      <c r="AM5829">
        <v>18</v>
      </c>
      <c r="AN5829">
        <v>19</v>
      </c>
      <c r="AO5829">
        <v>19</v>
      </c>
      <c r="AP5829">
        <v>19</v>
      </c>
      <c r="AQ5829">
        <v>19</v>
      </c>
    </row>
    <row r="5830" spans="1:43">
      <c r="A5830" t="s">
        <v>3648</v>
      </c>
      <c r="B5830" t="s">
        <v>3649</v>
      </c>
      <c r="C5830" t="s">
        <v>3646</v>
      </c>
      <c r="D5830" t="s">
        <v>3647</v>
      </c>
      <c r="E5830" t="s">
        <v>3352</v>
      </c>
      <c r="F5830" t="s">
        <v>3353</v>
      </c>
      <c r="G5830" t="s">
        <v>80</v>
      </c>
      <c r="H5830" t="s">
        <v>81</v>
      </c>
      <c r="I5830" s="2">
        <v>0</v>
      </c>
      <c r="J5830" s="2">
        <v>1</v>
      </c>
      <c r="K5830" s="2">
        <v>0</v>
      </c>
      <c r="L5830" t="s">
        <v>82</v>
      </c>
      <c r="M5830" t="s">
        <v>83</v>
      </c>
      <c r="N5830" t="s">
        <v>84</v>
      </c>
      <c r="O5830" t="s">
        <v>85</v>
      </c>
      <c r="P5830" t="s">
        <v>86</v>
      </c>
      <c r="Q5830">
        <v>24</v>
      </c>
      <c r="R5830">
        <v>25</v>
      </c>
      <c r="S5830">
        <v>26</v>
      </c>
      <c r="T5830">
        <v>26</v>
      </c>
      <c r="U5830">
        <v>27</v>
      </c>
      <c r="V5830">
        <v>27</v>
      </c>
      <c r="W5830">
        <v>28</v>
      </c>
      <c r="X5830">
        <v>29</v>
      </c>
      <c r="Y5830">
        <v>29</v>
      </c>
      <c r="Z5830">
        <v>30</v>
      </c>
      <c r="AA5830">
        <v>31</v>
      </c>
      <c r="AB5830">
        <v>31</v>
      </c>
      <c r="AC5830">
        <v>32</v>
      </c>
      <c r="AD5830">
        <v>32</v>
      </c>
      <c r="AE5830">
        <v>33</v>
      </c>
      <c r="AF5830">
        <v>34</v>
      </c>
      <c r="AG5830">
        <v>34</v>
      </c>
      <c r="AH5830">
        <v>35</v>
      </c>
      <c r="AI5830">
        <v>36</v>
      </c>
      <c r="AJ5830">
        <v>36</v>
      </c>
      <c r="AK5830">
        <v>37</v>
      </c>
      <c r="AL5830">
        <v>37</v>
      </c>
      <c r="AM5830">
        <v>38</v>
      </c>
      <c r="AN5830">
        <v>38</v>
      </c>
      <c r="AO5830">
        <v>38</v>
      </c>
      <c r="AP5830">
        <v>39</v>
      </c>
      <c r="AQ5830">
        <v>39</v>
      </c>
    </row>
    <row r="5831" spans="1:43">
      <c r="A5831" t="s">
        <v>3648</v>
      </c>
      <c r="B5831" t="s">
        <v>3649</v>
      </c>
      <c r="C5831" t="s">
        <v>3646</v>
      </c>
      <c r="D5831" t="s">
        <v>3647</v>
      </c>
      <c r="E5831" t="s">
        <v>3352</v>
      </c>
      <c r="F5831" t="s">
        <v>3353</v>
      </c>
      <c r="G5831" t="s">
        <v>80</v>
      </c>
      <c r="H5831" t="s">
        <v>81</v>
      </c>
      <c r="I5831" s="2">
        <v>0</v>
      </c>
      <c r="J5831" s="2">
        <v>1</v>
      </c>
      <c r="K5831" s="2">
        <v>0</v>
      </c>
      <c r="L5831" t="s">
        <v>82</v>
      </c>
      <c r="M5831" t="s">
        <v>87</v>
      </c>
      <c r="N5831" t="s">
        <v>88</v>
      </c>
      <c r="O5831" t="s">
        <v>85</v>
      </c>
      <c r="P5831" t="s">
        <v>86</v>
      </c>
      <c r="Q5831">
        <v>24</v>
      </c>
      <c r="R5831">
        <v>25</v>
      </c>
      <c r="S5831">
        <v>25</v>
      </c>
      <c r="T5831">
        <v>25</v>
      </c>
      <c r="U5831">
        <v>26</v>
      </c>
      <c r="V5831">
        <v>26</v>
      </c>
      <c r="W5831">
        <v>26</v>
      </c>
      <c r="X5831">
        <v>27</v>
      </c>
      <c r="Y5831">
        <v>27</v>
      </c>
      <c r="Z5831">
        <v>27</v>
      </c>
      <c r="AA5831">
        <v>28</v>
      </c>
      <c r="AB5831">
        <v>28</v>
      </c>
      <c r="AC5831">
        <v>29</v>
      </c>
      <c r="AD5831">
        <v>29</v>
      </c>
      <c r="AE5831">
        <v>29</v>
      </c>
      <c r="AF5831">
        <v>30</v>
      </c>
      <c r="AG5831">
        <v>30</v>
      </c>
      <c r="AH5831">
        <v>30</v>
      </c>
      <c r="AI5831">
        <v>31</v>
      </c>
      <c r="AJ5831">
        <v>31</v>
      </c>
      <c r="AK5831">
        <v>32</v>
      </c>
      <c r="AL5831">
        <v>32</v>
      </c>
      <c r="AM5831">
        <v>32</v>
      </c>
      <c r="AN5831">
        <v>33</v>
      </c>
      <c r="AO5831">
        <v>33</v>
      </c>
      <c r="AP5831">
        <v>34</v>
      </c>
      <c r="AQ5831">
        <v>34</v>
      </c>
    </row>
    <row r="5832" spans="1:43">
      <c r="A5832" t="s">
        <v>3648</v>
      </c>
      <c r="B5832" t="s">
        <v>3649</v>
      </c>
      <c r="C5832" t="s">
        <v>3646</v>
      </c>
      <c r="D5832" t="s">
        <v>3647</v>
      </c>
      <c r="E5832" t="s">
        <v>3352</v>
      </c>
      <c r="F5832" t="s">
        <v>3353</v>
      </c>
      <c r="G5832" t="s">
        <v>80</v>
      </c>
      <c r="H5832" t="s">
        <v>81</v>
      </c>
      <c r="I5832" s="2">
        <v>0</v>
      </c>
      <c r="J5832" s="2">
        <v>1</v>
      </c>
      <c r="K5832" s="2">
        <v>0</v>
      </c>
      <c r="L5832" t="s">
        <v>82</v>
      </c>
      <c r="M5832" t="s">
        <v>89</v>
      </c>
      <c r="N5832" t="s">
        <v>90</v>
      </c>
      <c r="O5832" t="s">
        <v>85</v>
      </c>
      <c r="P5832" t="s">
        <v>86</v>
      </c>
      <c r="Q5832">
        <v>24</v>
      </c>
      <c r="R5832">
        <v>24</v>
      </c>
      <c r="S5832">
        <v>25</v>
      </c>
      <c r="T5832">
        <v>26</v>
      </c>
      <c r="U5832">
        <v>27</v>
      </c>
      <c r="V5832">
        <v>28</v>
      </c>
      <c r="W5832">
        <v>28</v>
      </c>
      <c r="X5832">
        <v>29</v>
      </c>
      <c r="Y5832">
        <v>30</v>
      </c>
      <c r="Z5832">
        <v>31</v>
      </c>
      <c r="AA5832">
        <v>31</v>
      </c>
      <c r="AB5832">
        <v>32</v>
      </c>
      <c r="AC5832">
        <v>33</v>
      </c>
      <c r="AD5832">
        <v>34</v>
      </c>
      <c r="AE5832">
        <v>34</v>
      </c>
      <c r="AF5832">
        <v>35</v>
      </c>
      <c r="AG5832">
        <v>35</v>
      </c>
      <c r="AH5832">
        <v>35</v>
      </c>
      <c r="AI5832">
        <v>36</v>
      </c>
      <c r="AJ5832">
        <v>36</v>
      </c>
      <c r="AK5832">
        <v>36</v>
      </c>
      <c r="AL5832">
        <v>37</v>
      </c>
      <c r="AM5832">
        <v>37</v>
      </c>
      <c r="AN5832">
        <v>37</v>
      </c>
      <c r="AO5832">
        <v>38</v>
      </c>
      <c r="AP5832">
        <v>38</v>
      </c>
      <c r="AQ5832">
        <v>38</v>
      </c>
    </row>
    <row r="5833" spans="1:43">
      <c r="A5833" t="s">
        <v>3648</v>
      </c>
      <c r="B5833" t="s">
        <v>3649</v>
      </c>
      <c r="C5833" t="s">
        <v>3646</v>
      </c>
      <c r="D5833" t="s">
        <v>3647</v>
      </c>
      <c r="E5833" t="s">
        <v>3352</v>
      </c>
      <c r="F5833" t="s">
        <v>3353</v>
      </c>
      <c r="G5833" t="s">
        <v>80</v>
      </c>
      <c r="H5833" t="s">
        <v>81</v>
      </c>
      <c r="I5833" s="2">
        <v>0</v>
      </c>
      <c r="J5833" s="2">
        <v>1</v>
      </c>
      <c r="K5833" s="2">
        <v>0</v>
      </c>
      <c r="L5833" t="s">
        <v>82</v>
      </c>
      <c r="M5833" t="s">
        <v>83</v>
      </c>
      <c r="N5833" t="s">
        <v>91</v>
      </c>
      <c r="O5833" t="s">
        <v>85</v>
      </c>
      <c r="P5833" t="s">
        <v>86</v>
      </c>
      <c r="Q5833">
        <v>24</v>
      </c>
      <c r="R5833">
        <v>25</v>
      </c>
      <c r="S5833">
        <v>26</v>
      </c>
      <c r="T5833">
        <v>26</v>
      </c>
      <c r="U5833">
        <v>27</v>
      </c>
      <c r="V5833">
        <v>27</v>
      </c>
      <c r="W5833">
        <v>28</v>
      </c>
      <c r="X5833">
        <v>29</v>
      </c>
      <c r="Y5833">
        <v>29</v>
      </c>
      <c r="Z5833">
        <v>30</v>
      </c>
      <c r="AA5833">
        <v>31</v>
      </c>
      <c r="AB5833">
        <v>31</v>
      </c>
      <c r="AC5833">
        <v>32</v>
      </c>
      <c r="AD5833">
        <v>32</v>
      </c>
      <c r="AE5833">
        <v>33</v>
      </c>
      <c r="AF5833">
        <v>34</v>
      </c>
      <c r="AG5833">
        <v>34</v>
      </c>
      <c r="AH5833">
        <v>35</v>
      </c>
      <c r="AI5833">
        <v>36</v>
      </c>
      <c r="AJ5833">
        <v>36</v>
      </c>
      <c r="AK5833">
        <v>37</v>
      </c>
      <c r="AL5833">
        <v>37</v>
      </c>
      <c r="AM5833">
        <v>38</v>
      </c>
      <c r="AN5833">
        <v>38</v>
      </c>
      <c r="AO5833">
        <v>38</v>
      </c>
      <c r="AP5833">
        <v>39</v>
      </c>
      <c r="AQ5833">
        <v>39</v>
      </c>
    </row>
    <row r="5834" spans="1:43">
      <c r="A5834" t="s">
        <v>3650</v>
      </c>
      <c r="B5834" t="s">
        <v>3651</v>
      </c>
      <c r="C5834" t="s">
        <v>3646</v>
      </c>
      <c r="D5834" t="s">
        <v>3647</v>
      </c>
      <c r="E5834" t="s">
        <v>3352</v>
      </c>
      <c r="F5834" t="s">
        <v>3353</v>
      </c>
      <c r="G5834" t="s">
        <v>80</v>
      </c>
      <c r="H5834" t="s">
        <v>81</v>
      </c>
      <c r="I5834" s="2">
        <v>0</v>
      </c>
      <c r="J5834" s="2">
        <v>1</v>
      </c>
      <c r="K5834" s="2">
        <v>0</v>
      </c>
      <c r="L5834" t="s">
        <v>82</v>
      </c>
      <c r="M5834" t="s">
        <v>83</v>
      </c>
      <c r="N5834" t="s">
        <v>84</v>
      </c>
      <c r="O5834" t="s">
        <v>85</v>
      </c>
      <c r="P5834" t="s">
        <v>86</v>
      </c>
      <c r="Q5834">
        <v>39</v>
      </c>
      <c r="R5834">
        <v>40</v>
      </c>
      <c r="S5834">
        <v>41</v>
      </c>
      <c r="T5834">
        <v>42</v>
      </c>
      <c r="U5834">
        <v>43</v>
      </c>
      <c r="V5834">
        <v>44</v>
      </c>
      <c r="W5834">
        <v>45</v>
      </c>
      <c r="X5834">
        <v>46</v>
      </c>
      <c r="Y5834">
        <v>47</v>
      </c>
      <c r="Z5834">
        <v>48</v>
      </c>
      <c r="AA5834">
        <v>49</v>
      </c>
      <c r="AB5834">
        <v>50</v>
      </c>
      <c r="AC5834">
        <v>51</v>
      </c>
      <c r="AD5834">
        <v>52</v>
      </c>
      <c r="AE5834">
        <v>53</v>
      </c>
      <c r="AF5834">
        <v>54</v>
      </c>
      <c r="AG5834">
        <v>55</v>
      </c>
      <c r="AH5834">
        <v>56</v>
      </c>
      <c r="AI5834">
        <v>57</v>
      </c>
      <c r="AJ5834">
        <v>58</v>
      </c>
      <c r="AK5834">
        <v>59</v>
      </c>
      <c r="AL5834">
        <v>60</v>
      </c>
      <c r="AM5834">
        <v>60</v>
      </c>
      <c r="AN5834">
        <v>61</v>
      </c>
      <c r="AO5834">
        <v>61</v>
      </c>
      <c r="AP5834">
        <v>62</v>
      </c>
      <c r="AQ5834">
        <v>62</v>
      </c>
    </row>
    <row r="5835" spans="1:43">
      <c r="A5835" t="s">
        <v>3650</v>
      </c>
      <c r="B5835" t="s">
        <v>3651</v>
      </c>
      <c r="C5835" t="s">
        <v>3646</v>
      </c>
      <c r="D5835" t="s">
        <v>3647</v>
      </c>
      <c r="E5835" t="s">
        <v>3352</v>
      </c>
      <c r="F5835" t="s">
        <v>3353</v>
      </c>
      <c r="G5835" t="s">
        <v>80</v>
      </c>
      <c r="H5835" t="s">
        <v>81</v>
      </c>
      <c r="I5835" s="2">
        <v>0</v>
      </c>
      <c r="J5835" s="2">
        <v>1</v>
      </c>
      <c r="K5835" s="2">
        <v>0</v>
      </c>
      <c r="L5835" t="s">
        <v>82</v>
      </c>
      <c r="M5835" t="s">
        <v>87</v>
      </c>
      <c r="N5835" t="s">
        <v>88</v>
      </c>
      <c r="O5835" t="s">
        <v>85</v>
      </c>
      <c r="P5835" t="s">
        <v>86</v>
      </c>
      <c r="Q5835">
        <v>39</v>
      </c>
      <c r="R5835">
        <v>39</v>
      </c>
      <c r="S5835">
        <v>40</v>
      </c>
      <c r="T5835">
        <v>40</v>
      </c>
      <c r="U5835">
        <v>41</v>
      </c>
      <c r="V5835">
        <v>42</v>
      </c>
      <c r="W5835">
        <v>42</v>
      </c>
      <c r="X5835">
        <v>43</v>
      </c>
      <c r="Y5835">
        <v>43</v>
      </c>
      <c r="Z5835">
        <v>44</v>
      </c>
      <c r="AA5835">
        <v>44</v>
      </c>
      <c r="AB5835">
        <v>45</v>
      </c>
      <c r="AC5835">
        <v>46</v>
      </c>
      <c r="AD5835">
        <v>46</v>
      </c>
      <c r="AE5835">
        <v>47</v>
      </c>
      <c r="AF5835">
        <v>47</v>
      </c>
      <c r="AG5835">
        <v>48</v>
      </c>
      <c r="AH5835">
        <v>49</v>
      </c>
      <c r="AI5835">
        <v>49</v>
      </c>
      <c r="AJ5835">
        <v>50</v>
      </c>
      <c r="AK5835">
        <v>51</v>
      </c>
      <c r="AL5835">
        <v>51</v>
      </c>
      <c r="AM5835">
        <v>52</v>
      </c>
      <c r="AN5835">
        <v>52</v>
      </c>
      <c r="AO5835">
        <v>53</v>
      </c>
      <c r="AP5835">
        <v>54</v>
      </c>
      <c r="AQ5835">
        <v>54</v>
      </c>
    </row>
    <row r="5836" spans="1:43">
      <c r="A5836" t="s">
        <v>3650</v>
      </c>
      <c r="B5836" t="s">
        <v>3651</v>
      </c>
      <c r="C5836" t="s">
        <v>3646</v>
      </c>
      <c r="D5836" t="s">
        <v>3647</v>
      </c>
      <c r="E5836" t="s">
        <v>3352</v>
      </c>
      <c r="F5836" t="s">
        <v>3353</v>
      </c>
      <c r="G5836" t="s">
        <v>80</v>
      </c>
      <c r="H5836" t="s">
        <v>81</v>
      </c>
      <c r="I5836" s="2">
        <v>0</v>
      </c>
      <c r="J5836" s="2">
        <v>1</v>
      </c>
      <c r="K5836" s="2">
        <v>0</v>
      </c>
      <c r="L5836" t="s">
        <v>82</v>
      </c>
      <c r="M5836" t="s">
        <v>89</v>
      </c>
      <c r="N5836" t="s">
        <v>90</v>
      </c>
      <c r="O5836" t="s">
        <v>85</v>
      </c>
      <c r="P5836" t="s">
        <v>86</v>
      </c>
      <c r="Q5836">
        <v>39</v>
      </c>
      <c r="R5836">
        <v>41</v>
      </c>
      <c r="S5836">
        <v>42</v>
      </c>
      <c r="T5836">
        <v>43</v>
      </c>
      <c r="U5836">
        <v>45</v>
      </c>
      <c r="V5836">
        <v>46</v>
      </c>
      <c r="W5836">
        <v>47</v>
      </c>
      <c r="X5836">
        <v>48</v>
      </c>
      <c r="Y5836">
        <v>49</v>
      </c>
      <c r="Z5836">
        <v>51</v>
      </c>
      <c r="AA5836">
        <v>52</v>
      </c>
      <c r="AB5836">
        <v>53</v>
      </c>
      <c r="AC5836">
        <v>54</v>
      </c>
      <c r="AD5836">
        <v>55</v>
      </c>
      <c r="AE5836">
        <v>56</v>
      </c>
      <c r="AF5836">
        <v>57</v>
      </c>
      <c r="AG5836">
        <v>57</v>
      </c>
      <c r="AH5836">
        <v>58</v>
      </c>
      <c r="AI5836">
        <v>58</v>
      </c>
      <c r="AJ5836">
        <v>59</v>
      </c>
      <c r="AK5836">
        <v>60</v>
      </c>
      <c r="AL5836">
        <v>60</v>
      </c>
      <c r="AM5836">
        <v>61</v>
      </c>
      <c r="AN5836">
        <v>61</v>
      </c>
      <c r="AO5836">
        <v>62</v>
      </c>
      <c r="AP5836">
        <v>62</v>
      </c>
      <c r="AQ5836">
        <v>63</v>
      </c>
    </row>
    <row r="5837" spans="1:43">
      <c r="A5837" t="s">
        <v>3650</v>
      </c>
      <c r="B5837" t="s">
        <v>3651</v>
      </c>
      <c r="C5837" t="s">
        <v>3646</v>
      </c>
      <c r="D5837" t="s">
        <v>3647</v>
      </c>
      <c r="E5837" t="s">
        <v>3352</v>
      </c>
      <c r="F5837" t="s">
        <v>3353</v>
      </c>
      <c r="G5837" t="s">
        <v>80</v>
      </c>
      <c r="H5837" t="s">
        <v>81</v>
      </c>
      <c r="I5837" s="2">
        <v>0</v>
      </c>
      <c r="J5837" s="2">
        <v>1</v>
      </c>
      <c r="K5837" s="2">
        <v>0</v>
      </c>
      <c r="L5837" t="s">
        <v>82</v>
      </c>
      <c r="M5837" t="s">
        <v>83</v>
      </c>
      <c r="N5837" t="s">
        <v>91</v>
      </c>
      <c r="O5837" t="s">
        <v>85</v>
      </c>
      <c r="P5837" t="s">
        <v>86</v>
      </c>
      <c r="Q5837">
        <v>39</v>
      </c>
      <c r="R5837">
        <v>40</v>
      </c>
      <c r="S5837">
        <v>41</v>
      </c>
      <c r="T5837">
        <v>42</v>
      </c>
      <c r="U5837">
        <v>43</v>
      </c>
      <c r="V5837">
        <v>44</v>
      </c>
      <c r="W5837">
        <v>45</v>
      </c>
      <c r="X5837">
        <v>46</v>
      </c>
      <c r="Y5837">
        <v>47</v>
      </c>
      <c r="Z5837">
        <v>48</v>
      </c>
      <c r="AA5837">
        <v>49</v>
      </c>
      <c r="AB5837">
        <v>50</v>
      </c>
      <c r="AC5837">
        <v>51</v>
      </c>
      <c r="AD5837">
        <v>52</v>
      </c>
      <c r="AE5837">
        <v>53</v>
      </c>
      <c r="AF5837">
        <v>54</v>
      </c>
      <c r="AG5837">
        <v>55</v>
      </c>
      <c r="AH5837">
        <v>56</v>
      </c>
      <c r="AI5837">
        <v>57</v>
      </c>
      <c r="AJ5837">
        <v>58</v>
      </c>
      <c r="AK5837">
        <v>59</v>
      </c>
      <c r="AL5837">
        <v>60</v>
      </c>
      <c r="AM5837">
        <v>60</v>
      </c>
      <c r="AN5837">
        <v>61</v>
      </c>
      <c r="AO5837">
        <v>61</v>
      </c>
      <c r="AP5837">
        <v>62</v>
      </c>
      <c r="AQ5837">
        <v>62</v>
      </c>
    </row>
    <row r="5838" spans="1:43">
      <c r="A5838" t="s">
        <v>3652</v>
      </c>
      <c r="B5838" t="s">
        <v>3653</v>
      </c>
      <c r="C5838" t="s">
        <v>3654</v>
      </c>
      <c r="D5838" t="s">
        <v>3655</v>
      </c>
      <c r="E5838" t="s">
        <v>3352</v>
      </c>
      <c r="F5838" t="s">
        <v>3353</v>
      </c>
      <c r="G5838" t="s">
        <v>80</v>
      </c>
      <c r="H5838" t="s">
        <v>81</v>
      </c>
      <c r="I5838" s="2">
        <v>0</v>
      </c>
      <c r="J5838" s="2">
        <v>1</v>
      </c>
      <c r="K5838" s="2">
        <v>0</v>
      </c>
      <c r="L5838" t="s">
        <v>82</v>
      </c>
      <c r="M5838" t="s">
        <v>83</v>
      </c>
      <c r="N5838" t="s">
        <v>84</v>
      </c>
      <c r="O5838" t="s">
        <v>85</v>
      </c>
      <c r="P5838" t="s">
        <v>86</v>
      </c>
      <c r="Q5838">
        <v>45</v>
      </c>
      <c r="R5838">
        <v>46</v>
      </c>
      <c r="S5838">
        <v>47</v>
      </c>
      <c r="T5838">
        <v>48</v>
      </c>
      <c r="U5838">
        <v>49</v>
      </c>
      <c r="V5838">
        <v>50</v>
      </c>
      <c r="W5838">
        <v>51</v>
      </c>
      <c r="X5838">
        <v>52</v>
      </c>
      <c r="Y5838">
        <v>53</v>
      </c>
      <c r="Z5838">
        <v>54</v>
      </c>
      <c r="AA5838">
        <v>56</v>
      </c>
      <c r="AB5838">
        <v>57</v>
      </c>
      <c r="AC5838">
        <v>58</v>
      </c>
      <c r="AD5838">
        <v>59</v>
      </c>
      <c r="AE5838">
        <v>60</v>
      </c>
      <c r="AF5838">
        <v>61</v>
      </c>
      <c r="AG5838">
        <v>62</v>
      </c>
      <c r="AH5838">
        <v>64</v>
      </c>
      <c r="AI5838">
        <v>65</v>
      </c>
      <c r="AJ5838">
        <v>66</v>
      </c>
      <c r="AK5838">
        <v>67</v>
      </c>
      <c r="AL5838">
        <v>68</v>
      </c>
      <c r="AM5838">
        <v>69</v>
      </c>
      <c r="AN5838">
        <v>69</v>
      </c>
      <c r="AO5838">
        <v>70</v>
      </c>
      <c r="AP5838">
        <v>70</v>
      </c>
      <c r="AQ5838">
        <v>71</v>
      </c>
    </row>
    <row r="5839" spans="1:43">
      <c r="A5839" t="s">
        <v>3652</v>
      </c>
      <c r="B5839" t="s">
        <v>3653</v>
      </c>
      <c r="C5839" t="s">
        <v>3654</v>
      </c>
      <c r="D5839" t="s">
        <v>3655</v>
      </c>
      <c r="E5839" t="s">
        <v>3352</v>
      </c>
      <c r="F5839" t="s">
        <v>3353</v>
      </c>
      <c r="G5839" t="s">
        <v>80</v>
      </c>
      <c r="H5839" t="s">
        <v>81</v>
      </c>
      <c r="I5839" s="2">
        <v>0</v>
      </c>
      <c r="J5839" s="2">
        <v>1</v>
      </c>
      <c r="K5839" s="2">
        <v>0</v>
      </c>
      <c r="L5839" t="s">
        <v>82</v>
      </c>
      <c r="M5839" t="s">
        <v>87</v>
      </c>
      <c r="N5839" t="s">
        <v>88</v>
      </c>
      <c r="O5839" t="s">
        <v>85</v>
      </c>
      <c r="P5839" t="s">
        <v>86</v>
      </c>
      <c r="Q5839">
        <v>45</v>
      </c>
      <c r="R5839">
        <v>46</v>
      </c>
      <c r="S5839">
        <v>46</v>
      </c>
      <c r="T5839">
        <v>47</v>
      </c>
      <c r="U5839">
        <v>48</v>
      </c>
      <c r="V5839">
        <v>48</v>
      </c>
      <c r="W5839">
        <v>49</v>
      </c>
      <c r="X5839">
        <v>50</v>
      </c>
      <c r="Y5839">
        <v>50</v>
      </c>
      <c r="Z5839">
        <v>51</v>
      </c>
      <c r="AA5839">
        <v>52</v>
      </c>
      <c r="AB5839">
        <v>52</v>
      </c>
      <c r="AC5839">
        <v>53</v>
      </c>
      <c r="AD5839">
        <v>54</v>
      </c>
      <c r="AE5839">
        <v>54</v>
      </c>
      <c r="AF5839">
        <v>55</v>
      </c>
      <c r="AG5839">
        <v>56</v>
      </c>
      <c r="AH5839">
        <v>56</v>
      </c>
      <c r="AI5839">
        <v>57</v>
      </c>
      <c r="AJ5839">
        <v>58</v>
      </c>
      <c r="AK5839">
        <v>59</v>
      </c>
      <c r="AL5839">
        <v>59</v>
      </c>
      <c r="AM5839">
        <v>60</v>
      </c>
      <c r="AN5839">
        <v>61</v>
      </c>
      <c r="AO5839">
        <v>61</v>
      </c>
      <c r="AP5839">
        <v>62</v>
      </c>
      <c r="AQ5839">
        <v>63</v>
      </c>
    </row>
    <row r="5840" spans="1:43">
      <c r="A5840" t="s">
        <v>3652</v>
      </c>
      <c r="B5840" t="s">
        <v>3653</v>
      </c>
      <c r="C5840" t="s">
        <v>3654</v>
      </c>
      <c r="D5840" t="s">
        <v>3655</v>
      </c>
      <c r="E5840" t="s">
        <v>3352</v>
      </c>
      <c r="F5840" t="s">
        <v>3353</v>
      </c>
      <c r="G5840" t="s">
        <v>80</v>
      </c>
      <c r="H5840" t="s">
        <v>81</v>
      </c>
      <c r="I5840" s="2">
        <v>0</v>
      </c>
      <c r="J5840" s="2">
        <v>1</v>
      </c>
      <c r="K5840" s="2">
        <v>0</v>
      </c>
      <c r="L5840" t="s">
        <v>82</v>
      </c>
      <c r="M5840" t="s">
        <v>89</v>
      </c>
      <c r="N5840" t="s">
        <v>90</v>
      </c>
      <c r="O5840" t="s">
        <v>85</v>
      </c>
      <c r="P5840" t="s">
        <v>86</v>
      </c>
      <c r="Q5840">
        <v>45</v>
      </c>
      <c r="R5840">
        <v>46</v>
      </c>
      <c r="S5840">
        <v>48</v>
      </c>
      <c r="T5840">
        <v>49</v>
      </c>
      <c r="U5840">
        <v>51</v>
      </c>
      <c r="V5840">
        <v>52</v>
      </c>
      <c r="W5840">
        <v>54</v>
      </c>
      <c r="X5840">
        <v>55</v>
      </c>
      <c r="Y5840">
        <v>56</v>
      </c>
      <c r="Z5840">
        <v>58</v>
      </c>
      <c r="AA5840">
        <v>59</v>
      </c>
      <c r="AB5840">
        <v>60</v>
      </c>
      <c r="AC5840">
        <v>62</v>
      </c>
      <c r="AD5840">
        <v>63</v>
      </c>
      <c r="AE5840">
        <v>64</v>
      </c>
      <c r="AF5840">
        <v>65</v>
      </c>
      <c r="AG5840">
        <v>65</v>
      </c>
      <c r="AH5840">
        <v>66</v>
      </c>
      <c r="AI5840">
        <v>67</v>
      </c>
      <c r="AJ5840">
        <v>67</v>
      </c>
      <c r="AK5840">
        <v>68</v>
      </c>
      <c r="AL5840">
        <v>68</v>
      </c>
      <c r="AM5840">
        <v>69</v>
      </c>
      <c r="AN5840">
        <v>70</v>
      </c>
      <c r="AO5840">
        <v>70</v>
      </c>
      <c r="AP5840">
        <v>71</v>
      </c>
      <c r="AQ5840">
        <v>71</v>
      </c>
    </row>
    <row r="5841" spans="1:43">
      <c r="A5841" t="s">
        <v>3652</v>
      </c>
      <c r="B5841" t="s">
        <v>3653</v>
      </c>
      <c r="C5841" t="s">
        <v>3654</v>
      </c>
      <c r="D5841" t="s">
        <v>3655</v>
      </c>
      <c r="E5841" t="s">
        <v>3352</v>
      </c>
      <c r="F5841" t="s">
        <v>3353</v>
      </c>
      <c r="G5841" t="s">
        <v>80</v>
      </c>
      <c r="H5841" t="s">
        <v>81</v>
      </c>
      <c r="I5841" s="2">
        <v>0</v>
      </c>
      <c r="J5841" s="2">
        <v>1</v>
      </c>
      <c r="K5841" s="2">
        <v>0</v>
      </c>
      <c r="L5841" t="s">
        <v>82</v>
      </c>
      <c r="M5841" t="s">
        <v>83</v>
      </c>
      <c r="N5841" t="s">
        <v>91</v>
      </c>
      <c r="O5841" t="s">
        <v>85</v>
      </c>
      <c r="P5841" t="s">
        <v>86</v>
      </c>
      <c r="Q5841">
        <v>45</v>
      </c>
      <c r="R5841">
        <v>46</v>
      </c>
      <c r="S5841">
        <v>47</v>
      </c>
      <c r="T5841">
        <v>48</v>
      </c>
      <c r="U5841">
        <v>49</v>
      </c>
      <c r="V5841">
        <v>50</v>
      </c>
      <c r="W5841">
        <v>51</v>
      </c>
      <c r="X5841">
        <v>52</v>
      </c>
      <c r="Y5841">
        <v>53</v>
      </c>
      <c r="Z5841">
        <v>54</v>
      </c>
      <c r="AA5841">
        <v>56</v>
      </c>
      <c r="AB5841">
        <v>57</v>
      </c>
      <c r="AC5841">
        <v>58</v>
      </c>
      <c r="AD5841">
        <v>59</v>
      </c>
      <c r="AE5841">
        <v>60</v>
      </c>
      <c r="AF5841">
        <v>61</v>
      </c>
      <c r="AG5841">
        <v>62</v>
      </c>
      <c r="AH5841">
        <v>64</v>
      </c>
      <c r="AI5841">
        <v>65</v>
      </c>
      <c r="AJ5841">
        <v>66</v>
      </c>
      <c r="AK5841">
        <v>67</v>
      </c>
      <c r="AL5841">
        <v>68</v>
      </c>
      <c r="AM5841">
        <v>69</v>
      </c>
      <c r="AN5841">
        <v>69</v>
      </c>
      <c r="AO5841">
        <v>70</v>
      </c>
      <c r="AP5841">
        <v>70</v>
      </c>
      <c r="AQ5841">
        <v>71</v>
      </c>
    </row>
    <row r="5842" spans="1:43">
      <c r="A5842" t="s">
        <v>3656</v>
      </c>
      <c r="B5842" t="s">
        <v>3657</v>
      </c>
      <c r="C5842" t="s">
        <v>3658</v>
      </c>
      <c r="D5842" t="s">
        <v>3659</v>
      </c>
      <c r="E5842" t="s">
        <v>3660</v>
      </c>
      <c r="F5842" t="s">
        <v>3661</v>
      </c>
      <c r="G5842" t="s">
        <v>80</v>
      </c>
      <c r="H5842" t="s">
        <v>81</v>
      </c>
      <c r="I5842" s="2">
        <v>0</v>
      </c>
      <c r="J5842" s="2">
        <v>1</v>
      </c>
      <c r="K5842" s="2">
        <v>0</v>
      </c>
      <c r="L5842" t="s">
        <v>82</v>
      </c>
      <c r="M5842" t="s">
        <v>83</v>
      </c>
      <c r="N5842" t="s">
        <v>84</v>
      </c>
      <c r="O5842" t="s">
        <v>85</v>
      </c>
      <c r="P5842" t="s">
        <v>86</v>
      </c>
      <c r="Q5842">
        <v>76</v>
      </c>
      <c r="R5842">
        <v>77</v>
      </c>
      <c r="S5842">
        <v>79</v>
      </c>
      <c r="T5842">
        <v>80</v>
      </c>
      <c r="U5842">
        <v>82</v>
      </c>
      <c r="V5842">
        <v>83</v>
      </c>
      <c r="W5842">
        <v>85</v>
      </c>
      <c r="X5842">
        <v>86</v>
      </c>
      <c r="Y5842">
        <v>88</v>
      </c>
      <c r="Z5842">
        <v>89</v>
      </c>
      <c r="AA5842">
        <v>90</v>
      </c>
      <c r="AB5842">
        <v>92</v>
      </c>
      <c r="AC5842">
        <v>93</v>
      </c>
      <c r="AD5842">
        <v>94</v>
      </c>
      <c r="AE5842">
        <v>96</v>
      </c>
      <c r="AF5842">
        <v>97</v>
      </c>
      <c r="AG5842">
        <v>98</v>
      </c>
      <c r="AH5842">
        <v>100</v>
      </c>
      <c r="AI5842">
        <v>101</v>
      </c>
      <c r="AJ5842">
        <v>102</v>
      </c>
      <c r="AK5842">
        <v>104</v>
      </c>
      <c r="AL5842">
        <v>104</v>
      </c>
      <c r="AM5842">
        <v>105</v>
      </c>
      <c r="AN5842">
        <v>105</v>
      </c>
      <c r="AO5842">
        <v>105</v>
      </c>
      <c r="AP5842">
        <v>105</v>
      </c>
      <c r="AQ5842">
        <v>106</v>
      </c>
    </row>
    <row r="5843" spans="1:43">
      <c r="A5843" t="s">
        <v>3656</v>
      </c>
      <c r="B5843" t="s">
        <v>3657</v>
      </c>
      <c r="C5843" t="s">
        <v>3658</v>
      </c>
      <c r="D5843" t="s">
        <v>3659</v>
      </c>
      <c r="E5843" t="s">
        <v>3660</v>
      </c>
      <c r="F5843" t="s">
        <v>3661</v>
      </c>
      <c r="G5843" t="s">
        <v>80</v>
      </c>
      <c r="H5843" t="s">
        <v>81</v>
      </c>
      <c r="I5843" s="2">
        <v>0</v>
      </c>
      <c r="J5843" s="2">
        <v>1</v>
      </c>
      <c r="K5843" s="2">
        <v>0</v>
      </c>
      <c r="L5843" t="s">
        <v>82</v>
      </c>
      <c r="M5843" t="s">
        <v>87</v>
      </c>
      <c r="N5843" t="s">
        <v>88</v>
      </c>
      <c r="O5843" t="s">
        <v>85</v>
      </c>
      <c r="P5843" t="s">
        <v>86</v>
      </c>
      <c r="Q5843">
        <v>76</v>
      </c>
      <c r="R5843">
        <v>77</v>
      </c>
      <c r="S5843">
        <v>78</v>
      </c>
      <c r="T5843">
        <v>79</v>
      </c>
      <c r="U5843">
        <v>79</v>
      </c>
      <c r="V5843">
        <v>80</v>
      </c>
      <c r="W5843">
        <v>81</v>
      </c>
      <c r="X5843">
        <v>81</v>
      </c>
      <c r="Y5843">
        <v>82</v>
      </c>
      <c r="Z5843">
        <v>83</v>
      </c>
      <c r="AA5843">
        <v>83</v>
      </c>
      <c r="AB5843">
        <v>84</v>
      </c>
      <c r="AC5843">
        <v>85</v>
      </c>
      <c r="AD5843">
        <v>85</v>
      </c>
      <c r="AE5843">
        <v>86</v>
      </c>
      <c r="AF5843">
        <v>86</v>
      </c>
      <c r="AG5843">
        <v>87</v>
      </c>
      <c r="AH5843">
        <v>88</v>
      </c>
      <c r="AI5843">
        <v>88</v>
      </c>
      <c r="AJ5843">
        <v>89</v>
      </c>
      <c r="AK5843">
        <v>89</v>
      </c>
      <c r="AL5843">
        <v>90</v>
      </c>
      <c r="AM5843">
        <v>90</v>
      </c>
      <c r="AN5843">
        <v>91</v>
      </c>
      <c r="AO5843">
        <v>92</v>
      </c>
      <c r="AP5843">
        <v>92</v>
      </c>
      <c r="AQ5843">
        <v>93</v>
      </c>
    </row>
    <row r="5844" spans="1:43">
      <c r="A5844" t="s">
        <v>3656</v>
      </c>
      <c r="B5844" t="s">
        <v>3657</v>
      </c>
      <c r="C5844" t="s">
        <v>3658</v>
      </c>
      <c r="D5844" t="s">
        <v>3659</v>
      </c>
      <c r="E5844" t="s">
        <v>3660</v>
      </c>
      <c r="F5844" t="s">
        <v>3661</v>
      </c>
      <c r="G5844" t="s">
        <v>80</v>
      </c>
      <c r="H5844" t="s">
        <v>81</v>
      </c>
      <c r="I5844" s="2">
        <v>0</v>
      </c>
      <c r="J5844" s="2">
        <v>1</v>
      </c>
      <c r="K5844" s="2">
        <v>0</v>
      </c>
      <c r="L5844" t="s">
        <v>82</v>
      </c>
      <c r="M5844" t="s">
        <v>89</v>
      </c>
      <c r="N5844" t="s">
        <v>90</v>
      </c>
      <c r="O5844" t="s">
        <v>85</v>
      </c>
      <c r="P5844" t="s">
        <v>86</v>
      </c>
      <c r="Q5844">
        <v>76</v>
      </c>
      <c r="R5844">
        <v>78</v>
      </c>
      <c r="S5844">
        <v>80</v>
      </c>
      <c r="T5844">
        <v>82</v>
      </c>
      <c r="U5844">
        <v>84</v>
      </c>
      <c r="V5844">
        <v>86</v>
      </c>
      <c r="W5844">
        <v>88</v>
      </c>
      <c r="X5844">
        <v>90</v>
      </c>
      <c r="Y5844">
        <v>92</v>
      </c>
      <c r="Z5844">
        <v>94</v>
      </c>
      <c r="AA5844">
        <v>95</v>
      </c>
      <c r="AB5844">
        <v>97</v>
      </c>
      <c r="AC5844">
        <v>99</v>
      </c>
      <c r="AD5844">
        <v>101</v>
      </c>
      <c r="AE5844">
        <v>102</v>
      </c>
      <c r="AF5844">
        <v>102</v>
      </c>
      <c r="AG5844">
        <v>103</v>
      </c>
      <c r="AH5844">
        <v>103</v>
      </c>
      <c r="AI5844">
        <v>103</v>
      </c>
      <c r="AJ5844">
        <v>103</v>
      </c>
      <c r="AK5844">
        <v>104</v>
      </c>
      <c r="AL5844">
        <v>104</v>
      </c>
      <c r="AM5844">
        <v>104</v>
      </c>
      <c r="AN5844">
        <v>105</v>
      </c>
      <c r="AO5844">
        <v>105</v>
      </c>
      <c r="AP5844">
        <v>105</v>
      </c>
      <c r="AQ5844">
        <v>105</v>
      </c>
    </row>
    <row r="5845" spans="1:43">
      <c r="A5845" t="s">
        <v>3656</v>
      </c>
      <c r="B5845" t="s">
        <v>3657</v>
      </c>
      <c r="C5845" t="s">
        <v>3658</v>
      </c>
      <c r="D5845" t="s">
        <v>3659</v>
      </c>
      <c r="E5845" t="s">
        <v>3660</v>
      </c>
      <c r="F5845" t="s">
        <v>3661</v>
      </c>
      <c r="G5845" t="s">
        <v>80</v>
      </c>
      <c r="H5845" t="s">
        <v>81</v>
      </c>
      <c r="I5845" s="2">
        <v>0</v>
      </c>
      <c r="J5845" s="2">
        <v>1</v>
      </c>
      <c r="K5845" s="2">
        <v>0</v>
      </c>
      <c r="L5845" t="s">
        <v>82</v>
      </c>
      <c r="M5845" t="s">
        <v>83</v>
      </c>
      <c r="N5845" t="s">
        <v>91</v>
      </c>
      <c r="O5845" t="s">
        <v>85</v>
      </c>
      <c r="P5845" t="s">
        <v>86</v>
      </c>
      <c r="Q5845">
        <v>76</v>
      </c>
      <c r="R5845">
        <v>77</v>
      </c>
      <c r="S5845">
        <v>79</v>
      </c>
      <c r="T5845">
        <v>80</v>
      </c>
      <c r="U5845">
        <v>82</v>
      </c>
      <c r="V5845">
        <v>83</v>
      </c>
      <c r="W5845">
        <v>85</v>
      </c>
      <c r="X5845">
        <v>86</v>
      </c>
      <c r="Y5845">
        <v>88</v>
      </c>
      <c r="Z5845">
        <v>89</v>
      </c>
      <c r="AA5845">
        <v>90</v>
      </c>
      <c r="AB5845">
        <v>92</v>
      </c>
      <c r="AC5845">
        <v>93</v>
      </c>
      <c r="AD5845">
        <v>94</v>
      </c>
      <c r="AE5845">
        <v>96</v>
      </c>
      <c r="AF5845">
        <v>97</v>
      </c>
      <c r="AG5845">
        <v>98</v>
      </c>
      <c r="AH5845">
        <v>100</v>
      </c>
      <c r="AI5845">
        <v>101</v>
      </c>
      <c r="AJ5845">
        <v>102</v>
      </c>
      <c r="AK5845">
        <v>104</v>
      </c>
      <c r="AL5845">
        <v>104</v>
      </c>
      <c r="AM5845">
        <v>105</v>
      </c>
      <c r="AN5845">
        <v>105</v>
      </c>
      <c r="AO5845">
        <v>105</v>
      </c>
      <c r="AP5845">
        <v>105</v>
      </c>
      <c r="AQ5845">
        <v>106</v>
      </c>
    </row>
    <row r="5846" spans="1:43">
      <c r="A5846" t="s">
        <v>3662</v>
      </c>
      <c r="B5846" t="s">
        <v>3663</v>
      </c>
      <c r="C5846" t="s">
        <v>3664</v>
      </c>
      <c r="D5846" t="s">
        <v>3665</v>
      </c>
      <c r="E5846" t="s">
        <v>3660</v>
      </c>
      <c r="F5846" t="s">
        <v>3661</v>
      </c>
      <c r="G5846" t="s">
        <v>80</v>
      </c>
      <c r="H5846" t="s">
        <v>81</v>
      </c>
      <c r="I5846" s="2">
        <v>0</v>
      </c>
      <c r="J5846" s="2">
        <v>1</v>
      </c>
      <c r="K5846" s="2">
        <v>0</v>
      </c>
      <c r="L5846" t="s">
        <v>82</v>
      </c>
      <c r="M5846" t="s">
        <v>83</v>
      </c>
      <c r="N5846" t="s">
        <v>84</v>
      </c>
      <c r="O5846" t="s">
        <v>85</v>
      </c>
      <c r="P5846" t="s">
        <v>86</v>
      </c>
      <c r="Q5846">
        <v>39</v>
      </c>
      <c r="R5846">
        <v>40</v>
      </c>
      <c r="S5846">
        <v>41</v>
      </c>
      <c r="T5846">
        <v>41</v>
      </c>
      <c r="U5846">
        <v>42</v>
      </c>
      <c r="V5846">
        <v>43</v>
      </c>
      <c r="W5846">
        <v>44</v>
      </c>
      <c r="X5846">
        <v>44</v>
      </c>
      <c r="Y5846">
        <v>45</v>
      </c>
      <c r="Z5846">
        <v>46</v>
      </c>
      <c r="AA5846">
        <v>47</v>
      </c>
      <c r="AB5846">
        <v>47</v>
      </c>
      <c r="AC5846">
        <v>48</v>
      </c>
      <c r="AD5846">
        <v>49</v>
      </c>
      <c r="AE5846">
        <v>49</v>
      </c>
      <c r="AF5846">
        <v>50</v>
      </c>
      <c r="AG5846">
        <v>51</v>
      </c>
      <c r="AH5846">
        <v>51</v>
      </c>
      <c r="AI5846">
        <v>52</v>
      </c>
      <c r="AJ5846">
        <v>53</v>
      </c>
      <c r="AK5846">
        <v>53</v>
      </c>
      <c r="AL5846">
        <v>54</v>
      </c>
      <c r="AM5846">
        <v>54</v>
      </c>
      <c r="AN5846">
        <v>54</v>
      </c>
      <c r="AO5846">
        <v>54</v>
      </c>
      <c r="AP5846">
        <v>54</v>
      </c>
      <c r="AQ5846">
        <v>55</v>
      </c>
    </row>
    <row r="5847" spans="1:43">
      <c r="A5847" t="s">
        <v>3662</v>
      </c>
      <c r="B5847" t="s">
        <v>3663</v>
      </c>
      <c r="C5847" t="s">
        <v>3664</v>
      </c>
      <c r="D5847" t="s">
        <v>3665</v>
      </c>
      <c r="E5847" t="s">
        <v>3660</v>
      </c>
      <c r="F5847" t="s">
        <v>3661</v>
      </c>
      <c r="G5847" t="s">
        <v>80</v>
      </c>
      <c r="H5847" t="s">
        <v>81</v>
      </c>
      <c r="I5847" s="2">
        <v>0</v>
      </c>
      <c r="J5847" s="2">
        <v>1</v>
      </c>
      <c r="K5847" s="2">
        <v>0</v>
      </c>
      <c r="L5847" t="s">
        <v>82</v>
      </c>
      <c r="M5847" t="s">
        <v>87</v>
      </c>
      <c r="N5847" t="s">
        <v>88</v>
      </c>
      <c r="O5847" t="s">
        <v>85</v>
      </c>
      <c r="P5847" t="s">
        <v>86</v>
      </c>
      <c r="Q5847">
        <v>39</v>
      </c>
      <c r="R5847">
        <v>39</v>
      </c>
      <c r="S5847">
        <v>40</v>
      </c>
      <c r="T5847">
        <v>40</v>
      </c>
      <c r="U5847">
        <v>40</v>
      </c>
      <c r="V5847">
        <v>41</v>
      </c>
      <c r="W5847">
        <v>41</v>
      </c>
      <c r="X5847">
        <v>41</v>
      </c>
      <c r="Y5847">
        <v>42</v>
      </c>
      <c r="Z5847">
        <v>42</v>
      </c>
      <c r="AA5847">
        <v>42</v>
      </c>
      <c r="AB5847">
        <v>43</v>
      </c>
      <c r="AC5847">
        <v>43</v>
      </c>
      <c r="AD5847">
        <v>43</v>
      </c>
      <c r="AE5847">
        <v>44</v>
      </c>
      <c r="AF5847">
        <v>44</v>
      </c>
      <c r="AG5847">
        <v>44</v>
      </c>
      <c r="AH5847">
        <v>45</v>
      </c>
      <c r="AI5847">
        <v>45</v>
      </c>
      <c r="AJ5847">
        <v>45</v>
      </c>
      <c r="AK5847">
        <v>46</v>
      </c>
      <c r="AL5847">
        <v>46</v>
      </c>
      <c r="AM5847">
        <v>46</v>
      </c>
      <c r="AN5847">
        <v>46</v>
      </c>
      <c r="AO5847">
        <v>47</v>
      </c>
      <c r="AP5847">
        <v>47</v>
      </c>
      <c r="AQ5847">
        <v>47</v>
      </c>
    </row>
    <row r="5848" spans="1:43">
      <c r="A5848" t="s">
        <v>3662</v>
      </c>
      <c r="B5848" t="s">
        <v>3663</v>
      </c>
      <c r="C5848" t="s">
        <v>3664</v>
      </c>
      <c r="D5848" t="s">
        <v>3665</v>
      </c>
      <c r="E5848" t="s">
        <v>3660</v>
      </c>
      <c r="F5848" t="s">
        <v>3661</v>
      </c>
      <c r="G5848" t="s">
        <v>80</v>
      </c>
      <c r="H5848" t="s">
        <v>81</v>
      </c>
      <c r="I5848" s="2">
        <v>0</v>
      </c>
      <c r="J5848" s="2">
        <v>1</v>
      </c>
      <c r="K5848" s="2">
        <v>0</v>
      </c>
      <c r="L5848" t="s">
        <v>82</v>
      </c>
      <c r="M5848" t="s">
        <v>89</v>
      </c>
      <c r="N5848" t="s">
        <v>90</v>
      </c>
      <c r="O5848" t="s">
        <v>85</v>
      </c>
      <c r="P5848" t="s">
        <v>86</v>
      </c>
      <c r="Q5848">
        <v>39</v>
      </c>
      <c r="R5848">
        <v>40</v>
      </c>
      <c r="S5848">
        <v>41</v>
      </c>
      <c r="T5848">
        <v>42</v>
      </c>
      <c r="U5848">
        <v>43</v>
      </c>
      <c r="V5848">
        <v>44</v>
      </c>
      <c r="W5848">
        <v>45</v>
      </c>
      <c r="X5848">
        <v>46</v>
      </c>
      <c r="Y5848">
        <v>47</v>
      </c>
      <c r="Z5848">
        <v>48</v>
      </c>
      <c r="AA5848">
        <v>49</v>
      </c>
      <c r="AB5848">
        <v>50</v>
      </c>
      <c r="AC5848">
        <v>51</v>
      </c>
      <c r="AD5848">
        <v>51</v>
      </c>
      <c r="AE5848">
        <v>52</v>
      </c>
      <c r="AF5848">
        <v>52</v>
      </c>
      <c r="AG5848">
        <v>52</v>
      </c>
      <c r="AH5848">
        <v>53</v>
      </c>
      <c r="AI5848">
        <v>53</v>
      </c>
      <c r="AJ5848">
        <v>53</v>
      </c>
      <c r="AK5848">
        <v>53</v>
      </c>
      <c r="AL5848">
        <v>53</v>
      </c>
      <c r="AM5848">
        <v>53</v>
      </c>
      <c r="AN5848">
        <v>53</v>
      </c>
      <c r="AO5848">
        <v>54</v>
      </c>
      <c r="AP5848">
        <v>54</v>
      </c>
      <c r="AQ5848">
        <v>54</v>
      </c>
    </row>
    <row r="5849" spans="1:43">
      <c r="A5849" t="s">
        <v>3662</v>
      </c>
      <c r="B5849" t="s">
        <v>3663</v>
      </c>
      <c r="C5849" t="s">
        <v>3664</v>
      </c>
      <c r="D5849" t="s">
        <v>3665</v>
      </c>
      <c r="E5849" t="s">
        <v>3660</v>
      </c>
      <c r="F5849" t="s">
        <v>3661</v>
      </c>
      <c r="G5849" t="s">
        <v>80</v>
      </c>
      <c r="H5849" t="s">
        <v>81</v>
      </c>
      <c r="I5849" s="2">
        <v>0</v>
      </c>
      <c r="J5849" s="2">
        <v>1</v>
      </c>
      <c r="K5849" s="2">
        <v>0</v>
      </c>
      <c r="L5849" t="s">
        <v>82</v>
      </c>
      <c r="M5849" t="s">
        <v>83</v>
      </c>
      <c r="N5849" t="s">
        <v>91</v>
      </c>
      <c r="O5849" t="s">
        <v>85</v>
      </c>
      <c r="P5849" t="s">
        <v>86</v>
      </c>
      <c r="Q5849">
        <v>39</v>
      </c>
      <c r="R5849">
        <v>40</v>
      </c>
      <c r="S5849">
        <v>41</v>
      </c>
      <c r="T5849">
        <v>41</v>
      </c>
      <c r="U5849">
        <v>42</v>
      </c>
      <c r="V5849">
        <v>43</v>
      </c>
      <c r="W5849">
        <v>44</v>
      </c>
      <c r="X5849">
        <v>44</v>
      </c>
      <c r="Y5849">
        <v>45</v>
      </c>
      <c r="Z5849">
        <v>46</v>
      </c>
      <c r="AA5849">
        <v>47</v>
      </c>
      <c r="AB5849">
        <v>47</v>
      </c>
      <c r="AC5849">
        <v>48</v>
      </c>
      <c r="AD5849">
        <v>49</v>
      </c>
      <c r="AE5849">
        <v>49</v>
      </c>
      <c r="AF5849">
        <v>50</v>
      </c>
      <c r="AG5849">
        <v>51</v>
      </c>
      <c r="AH5849">
        <v>51</v>
      </c>
      <c r="AI5849">
        <v>52</v>
      </c>
      <c r="AJ5849">
        <v>53</v>
      </c>
      <c r="AK5849">
        <v>53</v>
      </c>
      <c r="AL5849">
        <v>54</v>
      </c>
      <c r="AM5849">
        <v>54</v>
      </c>
      <c r="AN5849">
        <v>54</v>
      </c>
      <c r="AO5849">
        <v>54</v>
      </c>
      <c r="AP5849">
        <v>54</v>
      </c>
      <c r="AQ5849">
        <v>55</v>
      </c>
    </row>
    <row r="5850" spans="1:43">
      <c r="A5850" t="s">
        <v>3666</v>
      </c>
      <c r="B5850" t="s">
        <v>3667</v>
      </c>
      <c r="C5850" t="s">
        <v>3664</v>
      </c>
      <c r="D5850" t="s">
        <v>3665</v>
      </c>
      <c r="E5850" t="s">
        <v>3660</v>
      </c>
      <c r="F5850" t="s">
        <v>3661</v>
      </c>
      <c r="G5850" t="s">
        <v>80</v>
      </c>
      <c r="H5850" t="s">
        <v>81</v>
      </c>
      <c r="I5850" s="2">
        <v>0</v>
      </c>
      <c r="J5850" s="2">
        <v>1</v>
      </c>
      <c r="K5850" s="2">
        <v>0</v>
      </c>
      <c r="L5850" t="s">
        <v>82</v>
      </c>
      <c r="M5850" t="s">
        <v>83</v>
      </c>
      <c r="N5850" t="s">
        <v>84</v>
      </c>
      <c r="O5850" t="s">
        <v>85</v>
      </c>
      <c r="P5850" t="s">
        <v>86</v>
      </c>
      <c r="Q5850">
        <v>38</v>
      </c>
      <c r="R5850">
        <v>38</v>
      </c>
      <c r="S5850">
        <v>39</v>
      </c>
      <c r="T5850">
        <v>40</v>
      </c>
      <c r="U5850">
        <v>41</v>
      </c>
      <c r="V5850">
        <v>41</v>
      </c>
      <c r="W5850">
        <v>42</v>
      </c>
      <c r="X5850">
        <v>43</v>
      </c>
      <c r="Y5850">
        <v>43</v>
      </c>
      <c r="Z5850">
        <v>44</v>
      </c>
      <c r="AA5850">
        <v>45</v>
      </c>
      <c r="AB5850">
        <v>45</v>
      </c>
      <c r="AC5850">
        <v>46</v>
      </c>
      <c r="AD5850">
        <v>47</v>
      </c>
      <c r="AE5850">
        <v>47</v>
      </c>
      <c r="AF5850">
        <v>48</v>
      </c>
      <c r="AG5850">
        <v>49</v>
      </c>
      <c r="AH5850">
        <v>49</v>
      </c>
      <c r="AI5850">
        <v>50</v>
      </c>
      <c r="AJ5850">
        <v>51</v>
      </c>
      <c r="AK5850">
        <v>51</v>
      </c>
      <c r="AL5850">
        <v>52</v>
      </c>
      <c r="AM5850">
        <v>52</v>
      </c>
      <c r="AN5850">
        <v>52</v>
      </c>
      <c r="AO5850">
        <v>52</v>
      </c>
      <c r="AP5850">
        <v>52</v>
      </c>
      <c r="AQ5850">
        <v>52</v>
      </c>
    </row>
    <row r="5851" spans="1:43">
      <c r="A5851" t="s">
        <v>3666</v>
      </c>
      <c r="B5851" t="s">
        <v>3667</v>
      </c>
      <c r="C5851" t="s">
        <v>3664</v>
      </c>
      <c r="D5851" t="s">
        <v>3665</v>
      </c>
      <c r="E5851" t="s">
        <v>3660</v>
      </c>
      <c r="F5851" t="s">
        <v>3661</v>
      </c>
      <c r="G5851" t="s">
        <v>80</v>
      </c>
      <c r="H5851" t="s">
        <v>81</v>
      </c>
      <c r="I5851" s="2">
        <v>0</v>
      </c>
      <c r="J5851" s="2">
        <v>1</v>
      </c>
      <c r="K5851" s="2">
        <v>0</v>
      </c>
      <c r="L5851" t="s">
        <v>82</v>
      </c>
      <c r="M5851" t="s">
        <v>87</v>
      </c>
      <c r="N5851" t="s">
        <v>88</v>
      </c>
      <c r="O5851" t="s">
        <v>85</v>
      </c>
      <c r="P5851" t="s">
        <v>86</v>
      </c>
      <c r="Q5851">
        <v>38</v>
      </c>
      <c r="R5851">
        <v>39</v>
      </c>
      <c r="S5851">
        <v>39</v>
      </c>
      <c r="T5851">
        <v>39</v>
      </c>
      <c r="U5851">
        <v>40</v>
      </c>
      <c r="V5851">
        <v>40</v>
      </c>
      <c r="W5851">
        <v>40</v>
      </c>
      <c r="X5851">
        <v>41</v>
      </c>
      <c r="Y5851">
        <v>41</v>
      </c>
      <c r="Z5851">
        <v>41</v>
      </c>
      <c r="AA5851">
        <v>42</v>
      </c>
      <c r="AB5851">
        <v>42</v>
      </c>
      <c r="AC5851">
        <v>42</v>
      </c>
      <c r="AD5851">
        <v>43</v>
      </c>
      <c r="AE5851">
        <v>43</v>
      </c>
      <c r="AF5851">
        <v>43</v>
      </c>
      <c r="AG5851">
        <v>44</v>
      </c>
      <c r="AH5851">
        <v>44</v>
      </c>
      <c r="AI5851">
        <v>44</v>
      </c>
      <c r="AJ5851">
        <v>44</v>
      </c>
      <c r="AK5851">
        <v>45</v>
      </c>
      <c r="AL5851">
        <v>45</v>
      </c>
      <c r="AM5851">
        <v>45</v>
      </c>
      <c r="AN5851">
        <v>46</v>
      </c>
      <c r="AO5851">
        <v>46</v>
      </c>
      <c r="AP5851">
        <v>46</v>
      </c>
      <c r="AQ5851">
        <v>46</v>
      </c>
    </row>
    <row r="5852" spans="1:43">
      <c r="A5852" t="s">
        <v>3666</v>
      </c>
      <c r="B5852" t="s">
        <v>3667</v>
      </c>
      <c r="C5852" t="s">
        <v>3664</v>
      </c>
      <c r="D5852" t="s">
        <v>3665</v>
      </c>
      <c r="E5852" t="s">
        <v>3660</v>
      </c>
      <c r="F5852" t="s">
        <v>3661</v>
      </c>
      <c r="G5852" t="s">
        <v>80</v>
      </c>
      <c r="H5852" t="s">
        <v>81</v>
      </c>
      <c r="I5852" s="2">
        <v>0</v>
      </c>
      <c r="J5852" s="2">
        <v>1</v>
      </c>
      <c r="K5852" s="2">
        <v>0</v>
      </c>
      <c r="L5852" t="s">
        <v>82</v>
      </c>
      <c r="M5852" t="s">
        <v>89</v>
      </c>
      <c r="N5852" t="s">
        <v>90</v>
      </c>
      <c r="O5852" t="s">
        <v>85</v>
      </c>
      <c r="P5852" t="s">
        <v>86</v>
      </c>
      <c r="Q5852">
        <v>38</v>
      </c>
      <c r="R5852">
        <v>39</v>
      </c>
      <c r="S5852">
        <v>40</v>
      </c>
      <c r="T5852">
        <v>41</v>
      </c>
      <c r="U5852">
        <v>42</v>
      </c>
      <c r="V5852">
        <v>43</v>
      </c>
      <c r="W5852">
        <v>44</v>
      </c>
      <c r="X5852">
        <v>45</v>
      </c>
      <c r="Y5852">
        <v>46</v>
      </c>
      <c r="Z5852">
        <v>47</v>
      </c>
      <c r="AA5852">
        <v>48</v>
      </c>
      <c r="AB5852">
        <v>49</v>
      </c>
      <c r="AC5852">
        <v>49</v>
      </c>
      <c r="AD5852">
        <v>50</v>
      </c>
      <c r="AE5852">
        <v>51</v>
      </c>
      <c r="AF5852">
        <v>51</v>
      </c>
      <c r="AG5852">
        <v>51</v>
      </c>
      <c r="AH5852">
        <v>51</v>
      </c>
      <c r="AI5852">
        <v>52</v>
      </c>
      <c r="AJ5852">
        <v>52</v>
      </c>
      <c r="AK5852">
        <v>52</v>
      </c>
      <c r="AL5852">
        <v>52</v>
      </c>
      <c r="AM5852">
        <v>52</v>
      </c>
      <c r="AN5852">
        <v>52</v>
      </c>
      <c r="AO5852">
        <v>52</v>
      </c>
      <c r="AP5852">
        <v>52</v>
      </c>
      <c r="AQ5852">
        <v>53</v>
      </c>
    </row>
    <row r="5853" spans="1:43">
      <c r="A5853" t="s">
        <v>3666</v>
      </c>
      <c r="B5853" t="s">
        <v>3667</v>
      </c>
      <c r="C5853" t="s">
        <v>3664</v>
      </c>
      <c r="D5853" t="s">
        <v>3665</v>
      </c>
      <c r="E5853" t="s">
        <v>3660</v>
      </c>
      <c r="F5853" t="s">
        <v>3661</v>
      </c>
      <c r="G5853" t="s">
        <v>80</v>
      </c>
      <c r="H5853" t="s">
        <v>81</v>
      </c>
      <c r="I5853" s="2">
        <v>0</v>
      </c>
      <c r="J5853" s="2">
        <v>1</v>
      </c>
      <c r="K5853" s="2">
        <v>0</v>
      </c>
      <c r="L5853" t="s">
        <v>82</v>
      </c>
      <c r="M5853" t="s">
        <v>83</v>
      </c>
      <c r="N5853" t="s">
        <v>91</v>
      </c>
      <c r="O5853" t="s">
        <v>85</v>
      </c>
      <c r="P5853" t="s">
        <v>86</v>
      </c>
      <c r="Q5853">
        <v>38</v>
      </c>
      <c r="R5853">
        <v>38</v>
      </c>
      <c r="S5853">
        <v>39</v>
      </c>
      <c r="T5853">
        <v>40</v>
      </c>
      <c r="U5853">
        <v>41</v>
      </c>
      <c r="V5853">
        <v>41</v>
      </c>
      <c r="W5853">
        <v>42</v>
      </c>
      <c r="X5853">
        <v>43</v>
      </c>
      <c r="Y5853">
        <v>43</v>
      </c>
      <c r="Z5853">
        <v>44</v>
      </c>
      <c r="AA5853">
        <v>45</v>
      </c>
      <c r="AB5853">
        <v>45</v>
      </c>
      <c r="AC5853">
        <v>46</v>
      </c>
      <c r="AD5853">
        <v>47</v>
      </c>
      <c r="AE5853">
        <v>47</v>
      </c>
      <c r="AF5853">
        <v>48</v>
      </c>
      <c r="AG5853">
        <v>49</v>
      </c>
      <c r="AH5853">
        <v>49</v>
      </c>
      <c r="AI5853">
        <v>50</v>
      </c>
      <c r="AJ5853">
        <v>51</v>
      </c>
      <c r="AK5853">
        <v>51</v>
      </c>
      <c r="AL5853">
        <v>52</v>
      </c>
      <c r="AM5853">
        <v>52</v>
      </c>
      <c r="AN5853">
        <v>52</v>
      </c>
      <c r="AO5853">
        <v>52</v>
      </c>
      <c r="AP5853">
        <v>52</v>
      </c>
      <c r="AQ5853">
        <v>52</v>
      </c>
    </row>
    <row r="5854" spans="1:43">
      <c r="A5854" t="s">
        <v>3668</v>
      </c>
      <c r="B5854" t="s">
        <v>3669</v>
      </c>
      <c r="C5854" t="s">
        <v>3664</v>
      </c>
      <c r="D5854" t="s">
        <v>3665</v>
      </c>
      <c r="E5854" t="s">
        <v>3660</v>
      </c>
      <c r="F5854" t="s">
        <v>3661</v>
      </c>
      <c r="G5854" t="s">
        <v>80</v>
      </c>
      <c r="H5854" t="s">
        <v>81</v>
      </c>
      <c r="I5854" s="2">
        <v>0</v>
      </c>
      <c r="J5854" s="2">
        <v>1</v>
      </c>
      <c r="K5854" s="2">
        <v>0</v>
      </c>
      <c r="L5854" t="s">
        <v>82</v>
      </c>
      <c r="M5854" t="s">
        <v>83</v>
      </c>
      <c r="N5854" t="s">
        <v>84</v>
      </c>
      <c r="O5854" t="s">
        <v>85</v>
      </c>
      <c r="P5854" t="s">
        <v>86</v>
      </c>
      <c r="Q5854">
        <v>7</v>
      </c>
      <c r="R5854">
        <v>7</v>
      </c>
      <c r="S5854">
        <v>7</v>
      </c>
      <c r="T5854">
        <v>7</v>
      </c>
      <c r="U5854">
        <v>7</v>
      </c>
      <c r="V5854">
        <v>7</v>
      </c>
      <c r="W5854">
        <v>7</v>
      </c>
      <c r="X5854">
        <v>8</v>
      </c>
      <c r="Y5854">
        <v>8</v>
      </c>
      <c r="Z5854">
        <v>8</v>
      </c>
      <c r="AA5854">
        <v>8</v>
      </c>
      <c r="AB5854">
        <v>8</v>
      </c>
      <c r="AC5854">
        <v>8</v>
      </c>
      <c r="AD5854">
        <v>8</v>
      </c>
      <c r="AE5854">
        <v>8</v>
      </c>
      <c r="AF5854">
        <v>8</v>
      </c>
      <c r="AG5854">
        <v>9</v>
      </c>
      <c r="AH5854">
        <v>9</v>
      </c>
      <c r="AI5854">
        <v>9</v>
      </c>
      <c r="AJ5854">
        <v>9</v>
      </c>
      <c r="AK5854">
        <v>9</v>
      </c>
      <c r="AL5854">
        <v>9</v>
      </c>
      <c r="AM5854">
        <v>9</v>
      </c>
      <c r="AN5854">
        <v>9</v>
      </c>
      <c r="AO5854">
        <v>9</v>
      </c>
      <c r="AP5854">
        <v>9</v>
      </c>
      <c r="AQ5854">
        <v>9</v>
      </c>
    </row>
    <row r="5855" spans="1:43">
      <c r="A5855" t="s">
        <v>3668</v>
      </c>
      <c r="B5855" t="s">
        <v>3669</v>
      </c>
      <c r="C5855" t="s">
        <v>3664</v>
      </c>
      <c r="D5855" t="s">
        <v>3665</v>
      </c>
      <c r="E5855" t="s">
        <v>3660</v>
      </c>
      <c r="F5855" t="s">
        <v>3661</v>
      </c>
      <c r="G5855" t="s">
        <v>80</v>
      </c>
      <c r="H5855" t="s">
        <v>81</v>
      </c>
      <c r="I5855" s="2">
        <v>0</v>
      </c>
      <c r="J5855" s="2">
        <v>1</v>
      </c>
      <c r="K5855" s="2">
        <v>0</v>
      </c>
      <c r="L5855" t="s">
        <v>82</v>
      </c>
      <c r="M5855" t="s">
        <v>87</v>
      </c>
      <c r="N5855" t="s">
        <v>88</v>
      </c>
      <c r="O5855" t="s">
        <v>85</v>
      </c>
      <c r="P5855" t="s">
        <v>86</v>
      </c>
      <c r="Q5855">
        <v>7</v>
      </c>
      <c r="R5855">
        <v>7</v>
      </c>
      <c r="S5855">
        <v>7</v>
      </c>
      <c r="T5855">
        <v>7</v>
      </c>
      <c r="U5855">
        <v>7</v>
      </c>
      <c r="V5855">
        <v>7</v>
      </c>
      <c r="W5855">
        <v>7</v>
      </c>
      <c r="X5855">
        <v>7</v>
      </c>
      <c r="Y5855">
        <v>7</v>
      </c>
      <c r="Z5855">
        <v>7</v>
      </c>
      <c r="AA5855">
        <v>7</v>
      </c>
      <c r="AB5855">
        <v>7</v>
      </c>
      <c r="AC5855">
        <v>7</v>
      </c>
      <c r="AD5855">
        <v>7</v>
      </c>
      <c r="AE5855">
        <v>7</v>
      </c>
      <c r="AF5855">
        <v>7</v>
      </c>
      <c r="AG5855">
        <v>8</v>
      </c>
      <c r="AH5855">
        <v>8</v>
      </c>
      <c r="AI5855">
        <v>8</v>
      </c>
      <c r="AJ5855">
        <v>8</v>
      </c>
      <c r="AK5855">
        <v>8</v>
      </c>
      <c r="AL5855">
        <v>8</v>
      </c>
      <c r="AM5855">
        <v>8</v>
      </c>
      <c r="AN5855">
        <v>8</v>
      </c>
      <c r="AO5855">
        <v>8</v>
      </c>
      <c r="AP5855">
        <v>8</v>
      </c>
      <c r="AQ5855">
        <v>8</v>
      </c>
    </row>
    <row r="5856" spans="1:43">
      <c r="A5856" t="s">
        <v>3668</v>
      </c>
      <c r="B5856" t="s">
        <v>3669</v>
      </c>
      <c r="C5856" t="s">
        <v>3664</v>
      </c>
      <c r="D5856" t="s">
        <v>3665</v>
      </c>
      <c r="E5856" t="s">
        <v>3660</v>
      </c>
      <c r="F5856" t="s">
        <v>3661</v>
      </c>
      <c r="G5856" t="s">
        <v>80</v>
      </c>
      <c r="H5856" t="s">
        <v>81</v>
      </c>
      <c r="I5856" s="2">
        <v>0</v>
      </c>
      <c r="J5856" s="2">
        <v>1</v>
      </c>
      <c r="K5856" s="2">
        <v>0</v>
      </c>
      <c r="L5856" t="s">
        <v>82</v>
      </c>
      <c r="M5856" t="s">
        <v>89</v>
      </c>
      <c r="N5856" t="s">
        <v>90</v>
      </c>
      <c r="O5856" t="s">
        <v>85</v>
      </c>
      <c r="P5856" t="s">
        <v>86</v>
      </c>
      <c r="Q5856">
        <v>7</v>
      </c>
      <c r="R5856">
        <v>7</v>
      </c>
      <c r="S5856">
        <v>7</v>
      </c>
      <c r="T5856">
        <v>7</v>
      </c>
      <c r="U5856">
        <v>7</v>
      </c>
      <c r="V5856">
        <v>8</v>
      </c>
      <c r="W5856">
        <v>8</v>
      </c>
      <c r="X5856">
        <v>8</v>
      </c>
      <c r="Y5856">
        <v>8</v>
      </c>
      <c r="Z5856">
        <v>8</v>
      </c>
      <c r="AA5856">
        <v>8</v>
      </c>
      <c r="AB5856">
        <v>9</v>
      </c>
      <c r="AC5856">
        <v>9</v>
      </c>
      <c r="AD5856">
        <v>9</v>
      </c>
      <c r="AE5856">
        <v>9</v>
      </c>
      <c r="AF5856">
        <v>9</v>
      </c>
      <c r="AG5856">
        <v>9</v>
      </c>
      <c r="AH5856">
        <v>9</v>
      </c>
      <c r="AI5856">
        <v>9</v>
      </c>
      <c r="AJ5856">
        <v>9</v>
      </c>
      <c r="AK5856">
        <v>9</v>
      </c>
      <c r="AL5856">
        <v>9</v>
      </c>
      <c r="AM5856">
        <v>9</v>
      </c>
      <c r="AN5856">
        <v>9</v>
      </c>
      <c r="AO5856">
        <v>9</v>
      </c>
      <c r="AP5856">
        <v>9</v>
      </c>
      <c r="AQ5856">
        <v>9</v>
      </c>
    </row>
    <row r="5857" spans="1:43">
      <c r="A5857" t="s">
        <v>3668</v>
      </c>
      <c r="B5857" t="s">
        <v>3669</v>
      </c>
      <c r="C5857" t="s">
        <v>3664</v>
      </c>
      <c r="D5857" t="s">
        <v>3665</v>
      </c>
      <c r="E5857" t="s">
        <v>3660</v>
      </c>
      <c r="F5857" t="s">
        <v>3661</v>
      </c>
      <c r="G5857" t="s">
        <v>80</v>
      </c>
      <c r="H5857" t="s">
        <v>81</v>
      </c>
      <c r="I5857" s="2">
        <v>0</v>
      </c>
      <c r="J5857" s="2">
        <v>1</v>
      </c>
      <c r="K5857" s="2">
        <v>0</v>
      </c>
      <c r="L5857" t="s">
        <v>82</v>
      </c>
      <c r="M5857" t="s">
        <v>83</v>
      </c>
      <c r="N5857" t="s">
        <v>91</v>
      </c>
      <c r="O5857" t="s">
        <v>85</v>
      </c>
      <c r="P5857" t="s">
        <v>86</v>
      </c>
      <c r="Q5857">
        <v>7</v>
      </c>
      <c r="R5857">
        <v>7</v>
      </c>
      <c r="S5857">
        <v>7</v>
      </c>
      <c r="T5857">
        <v>7</v>
      </c>
      <c r="U5857">
        <v>7</v>
      </c>
      <c r="V5857">
        <v>7</v>
      </c>
      <c r="W5857">
        <v>7</v>
      </c>
      <c r="X5857">
        <v>8</v>
      </c>
      <c r="Y5857">
        <v>8</v>
      </c>
      <c r="Z5857">
        <v>8</v>
      </c>
      <c r="AA5857">
        <v>8</v>
      </c>
      <c r="AB5857">
        <v>8</v>
      </c>
      <c r="AC5857">
        <v>8</v>
      </c>
      <c r="AD5857">
        <v>8</v>
      </c>
      <c r="AE5857">
        <v>8</v>
      </c>
      <c r="AF5857">
        <v>8</v>
      </c>
      <c r="AG5857">
        <v>9</v>
      </c>
      <c r="AH5857">
        <v>9</v>
      </c>
      <c r="AI5857">
        <v>9</v>
      </c>
      <c r="AJ5857">
        <v>9</v>
      </c>
      <c r="AK5857">
        <v>9</v>
      </c>
      <c r="AL5857">
        <v>9</v>
      </c>
      <c r="AM5857">
        <v>9</v>
      </c>
      <c r="AN5857">
        <v>9</v>
      </c>
      <c r="AO5857">
        <v>9</v>
      </c>
      <c r="AP5857">
        <v>9</v>
      </c>
      <c r="AQ5857">
        <v>9</v>
      </c>
    </row>
    <row r="5858" spans="1:43">
      <c r="A5858" t="s">
        <v>3670</v>
      </c>
      <c r="B5858" t="s">
        <v>3671</v>
      </c>
      <c r="C5858" t="s">
        <v>3664</v>
      </c>
      <c r="D5858" t="s">
        <v>3665</v>
      </c>
      <c r="E5858" t="s">
        <v>3660</v>
      </c>
      <c r="F5858" t="s">
        <v>3661</v>
      </c>
      <c r="G5858" t="s">
        <v>80</v>
      </c>
      <c r="H5858" t="s">
        <v>81</v>
      </c>
      <c r="I5858" s="2">
        <v>0</v>
      </c>
      <c r="J5858" s="2">
        <v>1</v>
      </c>
      <c r="K5858" s="2">
        <v>0</v>
      </c>
      <c r="L5858" t="s">
        <v>82</v>
      </c>
      <c r="M5858" t="s">
        <v>83</v>
      </c>
      <c r="N5858" t="s">
        <v>84</v>
      </c>
      <c r="O5858" t="s">
        <v>85</v>
      </c>
      <c r="P5858" t="s">
        <v>86</v>
      </c>
      <c r="Q5858">
        <v>82</v>
      </c>
      <c r="R5858">
        <v>83</v>
      </c>
      <c r="S5858">
        <v>85</v>
      </c>
      <c r="T5858">
        <v>86</v>
      </c>
      <c r="U5858">
        <v>88</v>
      </c>
      <c r="V5858">
        <v>89</v>
      </c>
      <c r="W5858">
        <v>91</v>
      </c>
      <c r="X5858">
        <v>92</v>
      </c>
      <c r="Y5858">
        <v>94</v>
      </c>
      <c r="Z5858">
        <v>95</v>
      </c>
      <c r="AA5858">
        <v>97</v>
      </c>
      <c r="AB5858">
        <v>98</v>
      </c>
      <c r="AC5858">
        <v>100</v>
      </c>
      <c r="AD5858">
        <v>101</v>
      </c>
      <c r="AE5858">
        <v>103</v>
      </c>
      <c r="AF5858">
        <v>104</v>
      </c>
      <c r="AG5858">
        <v>106</v>
      </c>
      <c r="AH5858">
        <v>107</v>
      </c>
      <c r="AI5858">
        <v>108</v>
      </c>
      <c r="AJ5858">
        <v>110</v>
      </c>
      <c r="AK5858">
        <v>111</v>
      </c>
      <c r="AL5858">
        <v>112</v>
      </c>
      <c r="AM5858">
        <v>112</v>
      </c>
      <c r="AN5858">
        <v>112</v>
      </c>
      <c r="AO5858">
        <v>113</v>
      </c>
      <c r="AP5858">
        <v>113</v>
      </c>
      <c r="AQ5858">
        <v>113</v>
      </c>
    </row>
    <row r="5859" spans="1:43">
      <c r="A5859" t="s">
        <v>3670</v>
      </c>
      <c r="B5859" t="s">
        <v>3671</v>
      </c>
      <c r="C5859" t="s">
        <v>3664</v>
      </c>
      <c r="D5859" t="s">
        <v>3665</v>
      </c>
      <c r="E5859" t="s">
        <v>3660</v>
      </c>
      <c r="F5859" t="s">
        <v>3661</v>
      </c>
      <c r="G5859" t="s">
        <v>80</v>
      </c>
      <c r="H5859" t="s">
        <v>81</v>
      </c>
      <c r="I5859" s="2">
        <v>0</v>
      </c>
      <c r="J5859" s="2">
        <v>1</v>
      </c>
      <c r="K5859" s="2">
        <v>0</v>
      </c>
      <c r="L5859" t="s">
        <v>82</v>
      </c>
      <c r="M5859" t="s">
        <v>87</v>
      </c>
      <c r="N5859" t="s">
        <v>88</v>
      </c>
      <c r="O5859" t="s">
        <v>85</v>
      </c>
      <c r="P5859" t="s">
        <v>86</v>
      </c>
      <c r="Q5859">
        <v>82</v>
      </c>
      <c r="R5859">
        <v>83</v>
      </c>
      <c r="S5859">
        <v>83</v>
      </c>
      <c r="T5859">
        <v>84</v>
      </c>
      <c r="U5859">
        <v>85</v>
      </c>
      <c r="V5859">
        <v>86</v>
      </c>
      <c r="W5859">
        <v>86</v>
      </c>
      <c r="X5859">
        <v>87</v>
      </c>
      <c r="Y5859">
        <v>88</v>
      </c>
      <c r="Z5859">
        <v>89</v>
      </c>
      <c r="AA5859">
        <v>89</v>
      </c>
      <c r="AB5859">
        <v>90</v>
      </c>
      <c r="AC5859">
        <v>91</v>
      </c>
      <c r="AD5859">
        <v>91</v>
      </c>
      <c r="AE5859">
        <v>92</v>
      </c>
      <c r="AF5859">
        <v>93</v>
      </c>
      <c r="AG5859">
        <v>93</v>
      </c>
      <c r="AH5859">
        <v>94</v>
      </c>
      <c r="AI5859">
        <v>94</v>
      </c>
      <c r="AJ5859">
        <v>95</v>
      </c>
      <c r="AK5859">
        <v>96</v>
      </c>
      <c r="AL5859">
        <v>96</v>
      </c>
      <c r="AM5859">
        <v>97</v>
      </c>
      <c r="AN5859">
        <v>98</v>
      </c>
      <c r="AO5859">
        <v>98</v>
      </c>
      <c r="AP5859">
        <v>99</v>
      </c>
      <c r="AQ5859">
        <v>99</v>
      </c>
    </row>
    <row r="5860" spans="1:43">
      <c r="A5860" t="s">
        <v>3670</v>
      </c>
      <c r="B5860" t="s">
        <v>3671</v>
      </c>
      <c r="C5860" t="s">
        <v>3664</v>
      </c>
      <c r="D5860" t="s">
        <v>3665</v>
      </c>
      <c r="E5860" t="s">
        <v>3660</v>
      </c>
      <c r="F5860" t="s">
        <v>3661</v>
      </c>
      <c r="G5860" t="s">
        <v>80</v>
      </c>
      <c r="H5860" t="s">
        <v>81</v>
      </c>
      <c r="I5860" s="2">
        <v>0</v>
      </c>
      <c r="J5860" s="2">
        <v>1</v>
      </c>
      <c r="K5860" s="2">
        <v>0</v>
      </c>
      <c r="L5860" t="s">
        <v>82</v>
      </c>
      <c r="M5860" t="s">
        <v>89</v>
      </c>
      <c r="N5860" t="s">
        <v>90</v>
      </c>
      <c r="O5860" t="s">
        <v>85</v>
      </c>
      <c r="P5860" t="s">
        <v>86</v>
      </c>
      <c r="Q5860">
        <v>82</v>
      </c>
      <c r="R5860">
        <v>85</v>
      </c>
      <c r="S5860">
        <v>87</v>
      </c>
      <c r="T5860">
        <v>89</v>
      </c>
      <c r="U5860">
        <v>91</v>
      </c>
      <c r="V5860">
        <v>93</v>
      </c>
      <c r="W5860">
        <v>96</v>
      </c>
      <c r="X5860">
        <v>98</v>
      </c>
      <c r="Y5860">
        <v>100</v>
      </c>
      <c r="Z5860">
        <v>101</v>
      </c>
      <c r="AA5860">
        <v>103</v>
      </c>
      <c r="AB5860">
        <v>105</v>
      </c>
      <c r="AC5860">
        <v>107</v>
      </c>
      <c r="AD5860">
        <v>109</v>
      </c>
      <c r="AE5860">
        <v>110</v>
      </c>
      <c r="AF5860">
        <v>111</v>
      </c>
      <c r="AG5860">
        <v>111</v>
      </c>
      <c r="AH5860">
        <v>111</v>
      </c>
      <c r="AI5860">
        <v>112</v>
      </c>
      <c r="AJ5860">
        <v>112</v>
      </c>
      <c r="AK5860">
        <v>112</v>
      </c>
      <c r="AL5860">
        <v>113</v>
      </c>
      <c r="AM5860">
        <v>113</v>
      </c>
      <c r="AN5860">
        <v>113</v>
      </c>
      <c r="AO5860">
        <v>114</v>
      </c>
      <c r="AP5860">
        <v>114</v>
      </c>
      <c r="AQ5860">
        <v>114</v>
      </c>
    </row>
    <row r="5861" spans="1:43">
      <c r="A5861" t="s">
        <v>3670</v>
      </c>
      <c r="B5861" t="s">
        <v>3671</v>
      </c>
      <c r="C5861" t="s">
        <v>3664</v>
      </c>
      <c r="D5861" t="s">
        <v>3665</v>
      </c>
      <c r="E5861" t="s">
        <v>3660</v>
      </c>
      <c r="F5861" t="s">
        <v>3661</v>
      </c>
      <c r="G5861" t="s">
        <v>80</v>
      </c>
      <c r="H5861" t="s">
        <v>81</v>
      </c>
      <c r="I5861" s="2">
        <v>0</v>
      </c>
      <c r="J5861" s="2">
        <v>1</v>
      </c>
      <c r="K5861" s="2">
        <v>0</v>
      </c>
      <c r="L5861" t="s">
        <v>82</v>
      </c>
      <c r="M5861" t="s">
        <v>83</v>
      </c>
      <c r="N5861" t="s">
        <v>91</v>
      </c>
      <c r="O5861" t="s">
        <v>85</v>
      </c>
      <c r="P5861" t="s">
        <v>86</v>
      </c>
      <c r="Q5861">
        <v>82</v>
      </c>
      <c r="R5861">
        <v>83</v>
      </c>
      <c r="S5861">
        <v>85</v>
      </c>
      <c r="T5861">
        <v>86</v>
      </c>
      <c r="U5861">
        <v>88</v>
      </c>
      <c r="V5861">
        <v>89</v>
      </c>
      <c r="W5861">
        <v>91</v>
      </c>
      <c r="X5861">
        <v>92</v>
      </c>
      <c r="Y5861">
        <v>94</v>
      </c>
      <c r="Z5861">
        <v>95</v>
      </c>
      <c r="AA5861">
        <v>97</v>
      </c>
      <c r="AB5861">
        <v>98</v>
      </c>
      <c r="AC5861">
        <v>100</v>
      </c>
      <c r="AD5861">
        <v>101</v>
      </c>
      <c r="AE5861">
        <v>103</v>
      </c>
      <c r="AF5861">
        <v>104</v>
      </c>
      <c r="AG5861">
        <v>106</v>
      </c>
      <c r="AH5861">
        <v>107</v>
      </c>
      <c r="AI5861">
        <v>108</v>
      </c>
      <c r="AJ5861">
        <v>110</v>
      </c>
      <c r="AK5861">
        <v>111</v>
      </c>
      <c r="AL5861">
        <v>112</v>
      </c>
      <c r="AM5861">
        <v>112</v>
      </c>
      <c r="AN5861">
        <v>112</v>
      </c>
      <c r="AO5861">
        <v>113</v>
      </c>
      <c r="AP5861">
        <v>113</v>
      </c>
      <c r="AQ5861">
        <v>113</v>
      </c>
    </row>
    <row r="5862" spans="1:43">
      <c r="A5862" t="s">
        <v>3672</v>
      </c>
      <c r="B5862" t="s">
        <v>3673</v>
      </c>
      <c r="C5862" t="s">
        <v>3664</v>
      </c>
      <c r="D5862" t="s">
        <v>3665</v>
      </c>
      <c r="E5862" t="s">
        <v>3660</v>
      </c>
      <c r="F5862" t="s">
        <v>3661</v>
      </c>
      <c r="G5862" t="s">
        <v>80</v>
      </c>
      <c r="H5862" t="s">
        <v>81</v>
      </c>
      <c r="I5862" s="2">
        <v>0</v>
      </c>
      <c r="J5862" s="2">
        <v>1</v>
      </c>
      <c r="K5862" s="2">
        <v>0</v>
      </c>
      <c r="L5862" t="s">
        <v>82</v>
      </c>
      <c r="M5862" t="s">
        <v>83</v>
      </c>
      <c r="N5862" t="s">
        <v>84</v>
      </c>
      <c r="O5862" t="s">
        <v>85</v>
      </c>
      <c r="P5862" t="s">
        <v>86</v>
      </c>
      <c r="Q5862">
        <v>18</v>
      </c>
      <c r="R5862">
        <v>19</v>
      </c>
      <c r="S5862">
        <v>19</v>
      </c>
      <c r="T5862">
        <v>19</v>
      </c>
      <c r="U5862">
        <v>20</v>
      </c>
      <c r="V5862">
        <v>20</v>
      </c>
      <c r="W5862">
        <v>20</v>
      </c>
      <c r="X5862">
        <v>21</v>
      </c>
      <c r="Y5862">
        <v>21</v>
      </c>
      <c r="Z5862">
        <v>21</v>
      </c>
      <c r="AA5862">
        <v>22</v>
      </c>
      <c r="AB5862">
        <v>22</v>
      </c>
      <c r="AC5862">
        <v>22</v>
      </c>
      <c r="AD5862">
        <v>23</v>
      </c>
      <c r="AE5862">
        <v>23</v>
      </c>
      <c r="AF5862">
        <v>23</v>
      </c>
      <c r="AG5862">
        <v>24</v>
      </c>
      <c r="AH5862">
        <v>24</v>
      </c>
      <c r="AI5862">
        <v>24</v>
      </c>
      <c r="AJ5862">
        <v>24</v>
      </c>
      <c r="AK5862">
        <v>25</v>
      </c>
      <c r="AL5862">
        <v>25</v>
      </c>
      <c r="AM5862">
        <v>25</v>
      </c>
      <c r="AN5862">
        <v>25</v>
      </c>
      <c r="AO5862">
        <v>25</v>
      </c>
      <c r="AP5862">
        <v>25</v>
      </c>
      <c r="AQ5862">
        <v>25</v>
      </c>
    </row>
    <row r="5863" spans="1:43">
      <c r="A5863" t="s">
        <v>3672</v>
      </c>
      <c r="B5863" t="s">
        <v>3673</v>
      </c>
      <c r="C5863" t="s">
        <v>3664</v>
      </c>
      <c r="D5863" t="s">
        <v>3665</v>
      </c>
      <c r="E5863" t="s">
        <v>3660</v>
      </c>
      <c r="F5863" t="s">
        <v>3661</v>
      </c>
      <c r="G5863" t="s">
        <v>80</v>
      </c>
      <c r="H5863" t="s">
        <v>81</v>
      </c>
      <c r="I5863" s="2">
        <v>0</v>
      </c>
      <c r="J5863" s="2">
        <v>1</v>
      </c>
      <c r="K5863" s="2">
        <v>0</v>
      </c>
      <c r="L5863" t="s">
        <v>82</v>
      </c>
      <c r="M5863" t="s">
        <v>87</v>
      </c>
      <c r="N5863" t="s">
        <v>88</v>
      </c>
      <c r="O5863" t="s">
        <v>85</v>
      </c>
      <c r="P5863" t="s">
        <v>86</v>
      </c>
      <c r="Q5863">
        <v>18</v>
      </c>
      <c r="R5863">
        <v>18</v>
      </c>
      <c r="S5863">
        <v>18</v>
      </c>
      <c r="T5863">
        <v>19</v>
      </c>
      <c r="U5863">
        <v>19</v>
      </c>
      <c r="V5863">
        <v>19</v>
      </c>
      <c r="W5863">
        <v>19</v>
      </c>
      <c r="X5863">
        <v>19</v>
      </c>
      <c r="Y5863">
        <v>19</v>
      </c>
      <c r="Z5863">
        <v>20</v>
      </c>
      <c r="AA5863">
        <v>20</v>
      </c>
      <c r="AB5863">
        <v>20</v>
      </c>
      <c r="AC5863">
        <v>20</v>
      </c>
      <c r="AD5863">
        <v>20</v>
      </c>
      <c r="AE5863">
        <v>20</v>
      </c>
      <c r="AF5863">
        <v>20</v>
      </c>
      <c r="AG5863">
        <v>21</v>
      </c>
      <c r="AH5863">
        <v>21</v>
      </c>
      <c r="AI5863">
        <v>21</v>
      </c>
      <c r="AJ5863">
        <v>21</v>
      </c>
      <c r="AK5863">
        <v>21</v>
      </c>
      <c r="AL5863">
        <v>21</v>
      </c>
      <c r="AM5863">
        <v>21</v>
      </c>
      <c r="AN5863">
        <v>22</v>
      </c>
      <c r="AO5863">
        <v>22</v>
      </c>
      <c r="AP5863">
        <v>22</v>
      </c>
      <c r="AQ5863">
        <v>22</v>
      </c>
    </row>
    <row r="5864" spans="1:43">
      <c r="A5864" t="s">
        <v>3672</v>
      </c>
      <c r="B5864" t="s">
        <v>3673</v>
      </c>
      <c r="C5864" t="s">
        <v>3664</v>
      </c>
      <c r="D5864" t="s">
        <v>3665</v>
      </c>
      <c r="E5864" t="s">
        <v>3660</v>
      </c>
      <c r="F5864" t="s">
        <v>3661</v>
      </c>
      <c r="G5864" t="s">
        <v>80</v>
      </c>
      <c r="H5864" t="s">
        <v>81</v>
      </c>
      <c r="I5864" s="2">
        <v>0</v>
      </c>
      <c r="J5864" s="2">
        <v>1</v>
      </c>
      <c r="K5864" s="2">
        <v>0</v>
      </c>
      <c r="L5864" t="s">
        <v>82</v>
      </c>
      <c r="M5864" t="s">
        <v>89</v>
      </c>
      <c r="N5864" t="s">
        <v>90</v>
      </c>
      <c r="O5864" t="s">
        <v>85</v>
      </c>
      <c r="P5864" t="s">
        <v>86</v>
      </c>
      <c r="Q5864">
        <v>18</v>
      </c>
      <c r="R5864">
        <v>19</v>
      </c>
      <c r="S5864">
        <v>19</v>
      </c>
      <c r="T5864">
        <v>20</v>
      </c>
      <c r="U5864">
        <v>20</v>
      </c>
      <c r="V5864">
        <v>21</v>
      </c>
      <c r="W5864">
        <v>21</v>
      </c>
      <c r="X5864">
        <v>22</v>
      </c>
      <c r="Y5864">
        <v>22</v>
      </c>
      <c r="Z5864">
        <v>23</v>
      </c>
      <c r="AA5864">
        <v>23</v>
      </c>
      <c r="AB5864">
        <v>23</v>
      </c>
      <c r="AC5864">
        <v>24</v>
      </c>
      <c r="AD5864">
        <v>24</v>
      </c>
      <c r="AE5864">
        <v>25</v>
      </c>
      <c r="AF5864">
        <v>25</v>
      </c>
      <c r="AG5864">
        <v>25</v>
      </c>
      <c r="AH5864">
        <v>25</v>
      </c>
      <c r="AI5864">
        <v>25</v>
      </c>
      <c r="AJ5864">
        <v>25</v>
      </c>
      <c r="AK5864">
        <v>25</v>
      </c>
      <c r="AL5864">
        <v>25</v>
      </c>
      <c r="AM5864">
        <v>25</v>
      </c>
      <c r="AN5864">
        <v>25</v>
      </c>
      <c r="AO5864">
        <v>25</v>
      </c>
      <c r="AP5864">
        <v>25</v>
      </c>
      <c r="AQ5864">
        <v>25</v>
      </c>
    </row>
    <row r="5865" spans="1:43">
      <c r="A5865" t="s">
        <v>3672</v>
      </c>
      <c r="B5865" t="s">
        <v>3673</v>
      </c>
      <c r="C5865" t="s">
        <v>3664</v>
      </c>
      <c r="D5865" t="s">
        <v>3665</v>
      </c>
      <c r="E5865" t="s">
        <v>3660</v>
      </c>
      <c r="F5865" t="s">
        <v>3661</v>
      </c>
      <c r="G5865" t="s">
        <v>80</v>
      </c>
      <c r="H5865" t="s">
        <v>81</v>
      </c>
      <c r="I5865" s="2">
        <v>0</v>
      </c>
      <c r="J5865" s="2">
        <v>1</v>
      </c>
      <c r="K5865" s="2">
        <v>0</v>
      </c>
      <c r="L5865" t="s">
        <v>82</v>
      </c>
      <c r="M5865" t="s">
        <v>83</v>
      </c>
      <c r="N5865" t="s">
        <v>91</v>
      </c>
      <c r="O5865" t="s">
        <v>85</v>
      </c>
      <c r="P5865" t="s">
        <v>86</v>
      </c>
      <c r="Q5865">
        <v>18</v>
      </c>
      <c r="R5865">
        <v>19</v>
      </c>
      <c r="S5865">
        <v>19</v>
      </c>
      <c r="T5865">
        <v>19</v>
      </c>
      <c r="U5865">
        <v>20</v>
      </c>
      <c r="V5865">
        <v>20</v>
      </c>
      <c r="W5865">
        <v>20</v>
      </c>
      <c r="X5865">
        <v>21</v>
      </c>
      <c r="Y5865">
        <v>21</v>
      </c>
      <c r="Z5865">
        <v>21</v>
      </c>
      <c r="AA5865">
        <v>22</v>
      </c>
      <c r="AB5865">
        <v>22</v>
      </c>
      <c r="AC5865">
        <v>22</v>
      </c>
      <c r="AD5865">
        <v>23</v>
      </c>
      <c r="AE5865">
        <v>23</v>
      </c>
      <c r="AF5865">
        <v>23</v>
      </c>
      <c r="AG5865">
        <v>24</v>
      </c>
      <c r="AH5865">
        <v>24</v>
      </c>
      <c r="AI5865">
        <v>24</v>
      </c>
      <c r="AJ5865">
        <v>24</v>
      </c>
      <c r="AK5865">
        <v>25</v>
      </c>
      <c r="AL5865">
        <v>25</v>
      </c>
      <c r="AM5865">
        <v>25</v>
      </c>
      <c r="AN5865">
        <v>25</v>
      </c>
      <c r="AO5865">
        <v>25</v>
      </c>
      <c r="AP5865">
        <v>25</v>
      </c>
      <c r="AQ5865">
        <v>25</v>
      </c>
    </row>
    <row r="5866" spans="1:43">
      <c r="A5866" t="s">
        <v>3674</v>
      </c>
      <c r="B5866" t="s">
        <v>3675</v>
      </c>
      <c r="C5866" t="s">
        <v>3664</v>
      </c>
      <c r="D5866" t="s">
        <v>3665</v>
      </c>
      <c r="E5866" t="s">
        <v>3660</v>
      </c>
      <c r="F5866" t="s">
        <v>3661</v>
      </c>
      <c r="G5866" t="s">
        <v>80</v>
      </c>
      <c r="H5866" t="s">
        <v>81</v>
      </c>
      <c r="I5866" s="2">
        <v>0</v>
      </c>
      <c r="J5866" s="2">
        <v>1</v>
      </c>
      <c r="K5866" s="2">
        <v>0</v>
      </c>
      <c r="L5866" t="s">
        <v>82</v>
      </c>
      <c r="M5866" t="s">
        <v>83</v>
      </c>
      <c r="N5866" t="s">
        <v>84</v>
      </c>
      <c r="O5866" t="s">
        <v>85</v>
      </c>
      <c r="P5866" t="s">
        <v>86</v>
      </c>
      <c r="Q5866">
        <v>40</v>
      </c>
      <c r="R5866">
        <v>40</v>
      </c>
      <c r="S5866">
        <v>41</v>
      </c>
      <c r="T5866">
        <v>42</v>
      </c>
      <c r="U5866">
        <v>43</v>
      </c>
      <c r="V5866">
        <v>43</v>
      </c>
      <c r="W5866">
        <v>44</v>
      </c>
      <c r="X5866">
        <v>45</v>
      </c>
      <c r="Y5866">
        <v>46</v>
      </c>
      <c r="Z5866">
        <v>46</v>
      </c>
      <c r="AA5866">
        <v>47</v>
      </c>
      <c r="AB5866">
        <v>48</v>
      </c>
      <c r="AC5866">
        <v>48</v>
      </c>
      <c r="AD5866">
        <v>49</v>
      </c>
      <c r="AE5866">
        <v>50</v>
      </c>
      <c r="AF5866">
        <v>50</v>
      </c>
      <c r="AG5866">
        <v>51</v>
      </c>
      <c r="AH5866">
        <v>52</v>
      </c>
      <c r="AI5866">
        <v>53</v>
      </c>
      <c r="AJ5866">
        <v>53</v>
      </c>
      <c r="AK5866">
        <v>54</v>
      </c>
      <c r="AL5866">
        <v>54</v>
      </c>
      <c r="AM5866">
        <v>54</v>
      </c>
      <c r="AN5866">
        <v>54</v>
      </c>
      <c r="AO5866">
        <v>55</v>
      </c>
      <c r="AP5866">
        <v>55</v>
      </c>
      <c r="AQ5866">
        <v>55</v>
      </c>
    </row>
    <row r="5867" spans="1:43">
      <c r="A5867" t="s">
        <v>3674</v>
      </c>
      <c r="B5867" t="s">
        <v>3675</v>
      </c>
      <c r="C5867" t="s">
        <v>3664</v>
      </c>
      <c r="D5867" t="s">
        <v>3665</v>
      </c>
      <c r="E5867" t="s">
        <v>3660</v>
      </c>
      <c r="F5867" t="s">
        <v>3661</v>
      </c>
      <c r="G5867" t="s">
        <v>80</v>
      </c>
      <c r="H5867" t="s">
        <v>81</v>
      </c>
      <c r="I5867" s="2">
        <v>0</v>
      </c>
      <c r="J5867" s="2">
        <v>1</v>
      </c>
      <c r="K5867" s="2">
        <v>0</v>
      </c>
      <c r="L5867" t="s">
        <v>82</v>
      </c>
      <c r="M5867" t="s">
        <v>87</v>
      </c>
      <c r="N5867" t="s">
        <v>88</v>
      </c>
      <c r="O5867" t="s">
        <v>85</v>
      </c>
      <c r="P5867" t="s">
        <v>86</v>
      </c>
      <c r="Q5867">
        <v>40</v>
      </c>
      <c r="R5867">
        <v>41</v>
      </c>
      <c r="S5867">
        <v>41</v>
      </c>
      <c r="T5867">
        <v>41</v>
      </c>
      <c r="U5867">
        <v>42</v>
      </c>
      <c r="V5867">
        <v>42</v>
      </c>
      <c r="W5867">
        <v>42</v>
      </c>
      <c r="X5867">
        <v>43</v>
      </c>
      <c r="Y5867">
        <v>43</v>
      </c>
      <c r="Z5867">
        <v>43</v>
      </c>
      <c r="AA5867">
        <v>44</v>
      </c>
      <c r="AB5867">
        <v>44</v>
      </c>
      <c r="AC5867">
        <v>44</v>
      </c>
      <c r="AD5867">
        <v>45</v>
      </c>
      <c r="AE5867">
        <v>45</v>
      </c>
      <c r="AF5867">
        <v>45</v>
      </c>
      <c r="AG5867">
        <v>46</v>
      </c>
      <c r="AH5867">
        <v>46</v>
      </c>
      <c r="AI5867">
        <v>46</v>
      </c>
      <c r="AJ5867">
        <v>47</v>
      </c>
      <c r="AK5867">
        <v>47</v>
      </c>
      <c r="AL5867">
        <v>47</v>
      </c>
      <c r="AM5867">
        <v>47</v>
      </c>
      <c r="AN5867">
        <v>48</v>
      </c>
      <c r="AO5867">
        <v>48</v>
      </c>
      <c r="AP5867">
        <v>48</v>
      </c>
      <c r="AQ5867">
        <v>49</v>
      </c>
    </row>
    <row r="5868" spans="1:43">
      <c r="A5868" t="s">
        <v>3674</v>
      </c>
      <c r="B5868" t="s">
        <v>3675</v>
      </c>
      <c r="C5868" t="s">
        <v>3664</v>
      </c>
      <c r="D5868" t="s">
        <v>3665</v>
      </c>
      <c r="E5868" t="s">
        <v>3660</v>
      </c>
      <c r="F5868" t="s">
        <v>3661</v>
      </c>
      <c r="G5868" t="s">
        <v>80</v>
      </c>
      <c r="H5868" t="s">
        <v>81</v>
      </c>
      <c r="I5868" s="2">
        <v>0</v>
      </c>
      <c r="J5868" s="2">
        <v>1</v>
      </c>
      <c r="K5868" s="2">
        <v>0</v>
      </c>
      <c r="L5868" t="s">
        <v>82</v>
      </c>
      <c r="M5868" t="s">
        <v>89</v>
      </c>
      <c r="N5868" t="s">
        <v>90</v>
      </c>
      <c r="O5868" t="s">
        <v>85</v>
      </c>
      <c r="P5868" t="s">
        <v>86</v>
      </c>
      <c r="Q5868">
        <v>40</v>
      </c>
      <c r="R5868">
        <v>41</v>
      </c>
      <c r="S5868">
        <v>42</v>
      </c>
      <c r="T5868">
        <v>43</v>
      </c>
      <c r="U5868">
        <v>44</v>
      </c>
      <c r="V5868">
        <v>45</v>
      </c>
      <c r="W5868">
        <v>46</v>
      </c>
      <c r="X5868">
        <v>47</v>
      </c>
      <c r="Y5868">
        <v>48</v>
      </c>
      <c r="Z5868">
        <v>49</v>
      </c>
      <c r="AA5868">
        <v>50</v>
      </c>
      <c r="AB5868">
        <v>51</v>
      </c>
      <c r="AC5868">
        <v>52</v>
      </c>
      <c r="AD5868">
        <v>53</v>
      </c>
      <c r="AE5868">
        <v>53</v>
      </c>
      <c r="AF5868">
        <v>54</v>
      </c>
      <c r="AG5868">
        <v>54</v>
      </c>
      <c r="AH5868">
        <v>54</v>
      </c>
      <c r="AI5868">
        <v>54</v>
      </c>
      <c r="AJ5868">
        <v>54</v>
      </c>
      <c r="AK5868">
        <v>54</v>
      </c>
      <c r="AL5868">
        <v>55</v>
      </c>
      <c r="AM5868">
        <v>55</v>
      </c>
      <c r="AN5868">
        <v>55</v>
      </c>
      <c r="AO5868">
        <v>55</v>
      </c>
      <c r="AP5868">
        <v>55</v>
      </c>
      <c r="AQ5868">
        <v>55</v>
      </c>
    </row>
    <row r="5869" spans="1:43">
      <c r="A5869" t="s">
        <v>3674</v>
      </c>
      <c r="B5869" t="s">
        <v>3675</v>
      </c>
      <c r="C5869" t="s">
        <v>3664</v>
      </c>
      <c r="D5869" t="s">
        <v>3665</v>
      </c>
      <c r="E5869" t="s">
        <v>3660</v>
      </c>
      <c r="F5869" t="s">
        <v>3661</v>
      </c>
      <c r="G5869" t="s">
        <v>80</v>
      </c>
      <c r="H5869" t="s">
        <v>81</v>
      </c>
      <c r="I5869" s="2">
        <v>0</v>
      </c>
      <c r="J5869" s="2">
        <v>1</v>
      </c>
      <c r="K5869" s="2">
        <v>0</v>
      </c>
      <c r="L5869" t="s">
        <v>82</v>
      </c>
      <c r="M5869" t="s">
        <v>83</v>
      </c>
      <c r="N5869" t="s">
        <v>91</v>
      </c>
      <c r="O5869" t="s">
        <v>85</v>
      </c>
      <c r="P5869" t="s">
        <v>86</v>
      </c>
      <c r="Q5869">
        <v>40</v>
      </c>
      <c r="R5869">
        <v>40</v>
      </c>
      <c r="S5869">
        <v>41</v>
      </c>
      <c r="T5869">
        <v>42</v>
      </c>
      <c r="U5869">
        <v>43</v>
      </c>
      <c r="V5869">
        <v>43</v>
      </c>
      <c r="W5869">
        <v>44</v>
      </c>
      <c r="X5869">
        <v>45</v>
      </c>
      <c r="Y5869">
        <v>46</v>
      </c>
      <c r="Z5869">
        <v>46</v>
      </c>
      <c r="AA5869">
        <v>47</v>
      </c>
      <c r="AB5869">
        <v>48</v>
      </c>
      <c r="AC5869">
        <v>48</v>
      </c>
      <c r="AD5869">
        <v>49</v>
      </c>
      <c r="AE5869">
        <v>50</v>
      </c>
      <c r="AF5869">
        <v>50</v>
      </c>
      <c r="AG5869">
        <v>51</v>
      </c>
      <c r="AH5869">
        <v>52</v>
      </c>
      <c r="AI5869">
        <v>53</v>
      </c>
      <c r="AJ5869">
        <v>53</v>
      </c>
      <c r="AK5869">
        <v>54</v>
      </c>
      <c r="AL5869">
        <v>54</v>
      </c>
      <c r="AM5869">
        <v>54</v>
      </c>
      <c r="AN5869">
        <v>54</v>
      </c>
      <c r="AO5869">
        <v>55</v>
      </c>
      <c r="AP5869">
        <v>55</v>
      </c>
      <c r="AQ5869">
        <v>55</v>
      </c>
    </row>
    <row r="5870" spans="1:43">
      <c r="A5870" t="s">
        <v>3676</v>
      </c>
      <c r="B5870" t="s">
        <v>3677</v>
      </c>
      <c r="C5870" t="s">
        <v>3678</v>
      </c>
      <c r="D5870" t="s">
        <v>3679</v>
      </c>
      <c r="E5870" t="s">
        <v>3660</v>
      </c>
      <c r="F5870" t="s">
        <v>3661</v>
      </c>
      <c r="G5870" t="s">
        <v>80</v>
      </c>
      <c r="H5870" t="s">
        <v>81</v>
      </c>
      <c r="I5870" s="2">
        <v>0</v>
      </c>
      <c r="J5870" s="2">
        <v>1</v>
      </c>
      <c r="K5870" s="2">
        <v>0</v>
      </c>
      <c r="L5870" t="s">
        <v>82</v>
      </c>
      <c r="M5870" t="s">
        <v>83</v>
      </c>
      <c r="N5870" t="s">
        <v>84</v>
      </c>
      <c r="O5870" t="s">
        <v>85</v>
      </c>
      <c r="P5870" t="s">
        <v>86</v>
      </c>
      <c r="Q5870">
        <v>45</v>
      </c>
      <c r="R5870">
        <v>46</v>
      </c>
      <c r="S5870">
        <v>47</v>
      </c>
      <c r="T5870">
        <v>47</v>
      </c>
      <c r="U5870">
        <v>48</v>
      </c>
      <c r="V5870">
        <v>49</v>
      </c>
      <c r="W5870">
        <v>50</v>
      </c>
      <c r="X5870">
        <v>51</v>
      </c>
      <c r="Y5870">
        <v>52</v>
      </c>
      <c r="Z5870">
        <v>52</v>
      </c>
      <c r="AA5870">
        <v>53</v>
      </c>
      <c r="AB5870">
        <v>54</v>
      </c>
      <c r="AC5870">
        <v>55</v>
      </c>
      <c r="AD5870">
        <v>56</v>
      </c>
      <c r="AE5870">
        <v>56</v>
      </c>
      <c r="AF5870">
        <v>57</v>
      </c>
      <c r="AG5870">
        <v>58</v>
      </c>
      <c r="AH5870">
        <v>59</v>
      </c>
      <c r="AI5870">
        <v>60</v>
      </c>
      <c r="AJ5870">
        <v>60</v>
      </c>
      <c r="AK5870">
        <v>61</v>
      </c>
      <c r="AL5870">
        <v>62</v>
      </c>
      <c r="AM5870">
        <v>62</v>
      </c>
      <c r="AN5870">
        <v>62</v>
      </c>
      <c r="AO5870">
        <v>62</v>
      </c>
      <c r="AP5870">
        <v>62</v>
      </c>
      <c r="AQ5870">
        <v>62</v>
      </c>
    </row>
    <row r="5871" spans="1:43">
      <c r="A5871" t="s">
        <v>3676</v>
      </c>
      <c r="B5871" t="s">
        <v>3677</v>
      </c>
      <c r="C5871" t="s">
        <v>3678</v>
      </c>
      <c r="D5871" t="s">
        <v>3679</v>
      </c>
      <c r="E5871" t="s">
        <v>3660</v>
      </c>
      <c r="F5871" t="s">
        <v>3661</v>
      </c>
      <c r="G5871" t="s">
        <v>80</v>
      </c>
      <c r="H5871" t="s">
        <v>81</v>
      </c>
      <c r="I5871" s="2">
        <v>0</v>
      </c>
      <c r="J5871" s="2">
        <v>1</v>
      </c>
      <c r="K5871" s="2">
        <v>0</v>
      </c>
      <c r="L5871" t="s">
        <v>82</v>
      </c>
      <c r="M5871" t="s">
        <v>87</v>
      </c>
      <c r="N5871" t="s">
        <v>88</v>
      </c>
      <c r="O5871" t="s">
        <v>85</v>
      </c>
      <c r="P5871" t="s">
        <v>86</v>
      </c>
      <c r="Q5871">
        <v>45</v>
      </c>
      <c r="R5871">
        <v>46</v>
      </c>
      <c r="S5871">
        <v>46</v>
      </c>
      <c r="T5871">
        <v>47</v>
      </c>
      <c r="U5871">
        <v>47</v>
      </c>
      <c r="V5871">
        <v>48</v>
      </c>
      <c r="W5871">
        <v>48</v>
      </c>
      <c r="X5871">
        <v>48</v>
      </c>
      <c r="Y5871">
        <v>49</v>
      </c>
      <c r="Z5871">
        <v>49</v>
      </c>
      <c r="AA5871">
        <v>50</v>
      </c>
      <c r="AB5871">
        <v>50</v>
      </c>
      <c r="AC5871">
        <v>50</v>
      </c>
      <c r="AD5871">
        <v>51</v>
      </c>
      <c r="AE5871">
        <v>51</v>
      </c>
      <c r="AF5871">
        <v>51</v>
      </c>
      <c r="AG5871">
        <v>52</v>
      </c>
      <c r="AH5871">
        <v>52</v>
      </c>
      <c r="AI5871">
        <v>52</v>
      </c>
      <c r="AJ5871">
        <v>53</v>
      </c>
      <c r="AK5871">
        <v>53</v>
      </c>
      <c r="AL5871">
        <v>53</v>
      </c>
      <c r="AM5871">
        <v>54</v>
      </c>
      <c r="AN5871">
        <v>54</v>
      </c>
      <c r="AO5871">
        <v>54</v>
      </c>
      <c r="AP5871">
        <v>55</v>
      </c>
      <c r="AQ5871">
        <v>55</v>
      </c>
    </row>
    <row r="5872" spans="1:43">
      <c r="A5872" t="s">
        <v>3676</v>
      </c>
      <c r="B5872" t="s">
        <v>3677</v>
      </c>
      <c r="C5872" t="s">
        <v>3678</v>
      </c>
      <c r="D5872" t="s">
        <v>3679</v>
      </c>
      <c r="E5872" t="s">
        <v>3660</v>
      </c>
      <c r="F5872" t="s">
        <v>3661</v>
      </c>
      <c r="G5872" t="s">
        <v>80</v>
      </c>
      <c r="H5872" t="s">
        <v>81</v>
      </c>
      <c r="I5872" s="2">
        <v>0</v>
      </c>
      <c r="J5872" s="2">
        <v>1</v>
      </c>
      <c r="K5872" s="2">
        <v>0</v>
      </c>
      <c r="L5872" t="s">
        <v>82</v>
      </c>
      <c r="M5872" t="s">
        <v>89</v>
      </c>
      <c r="N5872" t="s">
        <v>90</v>
      </c>
      <c r="O5872" t="s">
        <v>85</v>
      </c>
      <c r="P5872" t="s">
        <v>86</v>
      </c>
      <c r="Q5872">
        <v>45</v>
      </c>
      <c r="R5872">
        <v>46</v>
      </c>
      <c r="S5872">
        <v>48</v>
      </c>
      <c r="T5872">
        <v>49</v>
      </c>
      <c r="U5872">
        <v>50</v>
      </c>
      <c r="V5872">
        <v>51</v>
      </c>
      <c r="W5872">
        <v>53</v>
      </c>
      <c r="X5872">
        <v>54</v>
      </c>
      <c r="Y5872">
        <v>55</v>
      </c>
      <c r="Z5872">
        <v>56</v>
      </c>
      <c r="AA5872">
        <v>57</v>
      </c>
      <c r="AB5872">
        <v>58</v>
      </c>
      <c r="AC5872">
        <v>59</v>
      </c>
      <c r="AD5872">
        <v>60</v>
      </c>
      <c r="AE5872">
        <v>61</v>
      </c>
      <c r="AF5872">
        <v>61</v>
      </c>
      <c r="AG5872">
        <v>61</v>
      </c>
      <c r="AH5872">
        <v>61</v>
      </c>
      <c r="AI5872">
        <v>61</v>
      </c>
      <c r="AJ5872">
        <v>62</v>
      </c>
      <c r="AK5872">
        <v>62</v>
      </c>
      <c r="AL5872">
        <v>62</v>
      </c>
      <c r="AM5872">
        <v>62</v>
      </c>
      <c r="AN5872">
        <v>62</v>
      </c>
      <c r="AO5872">
        <v>62</v>
      </c>
      <c r="AP5872">
        <v>62</v>
      </c>
      <c r="AQ5872">
        <v>63</v>
      </c>
    </row>
    <row r="5873" spans="1:43">
      <c r="A5873" t="s">
        <v>3676</v>
      </c>
      <c r="B5873" t="s">
        <v>3677</v>
      </c>
      <c r="C5873" t="s">
        <v>3678</v>
      </c>
      <c r="D5873" t="s">
        <v>3679</v>
      </c>
      <c r="E5873" t="s">
        <v>3660</v>
      </c>
      <c r="F5873" t="s">
        <v>3661</v>
      </c>
      <c r="G5873" t="s">
        <v>80</v>
      </c>
      <c r="H5873" t="s">
        <v>81</v>
      </c>
      <c r="I5873" s="2">
        <v>0</v>
      </c>
      <c r="J5873" s="2">
        <v>1</v>
      </c>
      <c r="K5873" s="2">
        <v>0</v>
      </c>
      <c r="L5873" t="s">
        <v>82</v>
      </c>
      <c r="M5873" t="s">
        <v>83</v>
      </c>
      <c r="N5873" t="s">
        <v>91</v>
      </c>
      <c r="O5873" t="s">
        <v>85</v>
      </c>
      <c r="P5873" t="s">
        <v>86</v>
      </c>
      <c r="Q5873">
        <v>45</v>
      </c>
      <c r="R5873">
        <v>46</v>
      </c>
      <c r="S5873">
        <v>47</v>
      </c>
      <c r="T5873">
        <v>47</v>
      </c>
      <c r="U5873">
        <v>48</v>
      </c>
      <c r="V5873">
        <v>49</v>
      </c>
      <c r="W5873">
        <v>50</v>
      </c>
      <c r="X5873">
        <v>51</v>
      </c>
      <c r="Y5873">
        <v>52</v>
      </c>
      <c r="Z5873">
        <v>52</v>
      </c>
      <c r="AA5873">
        <v>53</v>
      </c>
      <c r="AB5873">
        <v>54</v>
      </c>
      <c r="AC5873">
        <v>55</v>
      </c>
      <c r="AD5873">
        <v>56</v>
      </c>
      <c r="AE5873">
        <v>56</v>
      </c>
      <c r="AF5873">
        <v>57</v>
      </c>
      <c r="AG5873">
        <v>58</v>
      </c>
      <c r="AH5873">
        <v>59</v>
      </c>
      <c r="AI5873">
        <v>60</v>
      </c>
      <c r="AJ5873">
        <v>60</v>
      </c>
      <c r="AK5873">
        <v>61</v>
      </c>
      <c r="AL5873">
        <v>62</v>
      </c>
      <c r="AM5873">
        <v>62</v>
      </c>
      <c r="AN5873">
        <v>62</v>
      </c>
      <c r="AO5873">
        <v>62</v>
      </c>
      <c r="AP5873">
        <v>62</v>
      </c>
      <c r="AQ5873">
        <v>62</v>
      </c>
    </row>
    <row r="5874" spans="1:43">
      <c r="A5874" t="s">
        <v>3680</v>
      </c>
      <c r="B5874" t="s">
        <v>3681</v>
      </c>
      <c r="C5874" t="s">
        <v>3682</v>
      </c>
      <c r="D5874" t="s">
        <v>3683</v>
      </c>
      <c r="E5874" t="s">
        <v>3660</v>
      </c>
      <c r="F5874" t="s">
        <v>3661</v>
      </c>
      <c r="G5874" t="s">
        <v>80</v>
      </c>
      <c r="H5874" t="s">
        <v>81</v>
      </c>
      <c r="I5874" s="2">
        <v>0</v>
      </c>
      <c r="J5874" s="2">
        <v>1</v>
      </c>
      <c r="K5874" s="2">
        <v>0</v>
      </c>
      <c r="L5874" t="s">
        <v>82</v>
      </c>
      <c r="M5874" t="s">
        <v>83</v>
      </c>
      <c r="N5874" t="s">
        <v>84</v>
      </c>
      <c r="O5874" t="s">
        <v>85</v>
      </c>
      <c r="P5874" t="s">
        <v>86</v>
      </c>
      <c r="Q5874">
        <v>77</v>
      </c>
      <c r="R5874">
        <v>79</v>
      </c>
      <c r="S5874">
        <v>80</v>
      </c>
      <c r="T5874">
        <v>82</v>
      </c>
      <c r="U5874">
        <v>83</v>
      </c>
      <c r="V5874">
        <v>85</v>
      </c>
      <c r="W5874">
        <v>86</v>
      </c>
      <c r="X5874">
        <v>87</v>
      </c>
      <c r="Y5874">
        <v>89</v>
      </c>
      <c r="Z5874">
        <v>90</v>
      </c>
      <c r="AA5874">
        <v>92</v>
      </c>
      <c r="AB5874">
        <v>93</v>
      </c>
      <c r="AC5874">
        <v>95</v>
      </c>
      <c r="AD5874">
        <v>96</v>
      </c>
      <c r="AE5874">
        <v>97</v>
      </c>
      <c r="AF5874">
        <v>99</v>
      </c>
      <c r="AG5874">
        <v>100</v>
      </c>
      <c r="AH5874">
        <v>101</v>
      </c>
      <c r="AI5874">
        <v>103</v>
      </c>
      <c r="AJ5874">
        <v>104</v>
      </c>
      <c r="AK5874">
        <v>105</v>
      </c>
      <c r="AL5874">
        <v>106</v>
      </c>
      <c r="AM5874">
        <v>106</v>
      </c>
      <c r="AN5874">
        <v>106</v>
      </c>
      <c r="AO5874">
        <v>107</v>
      </c>
      <c r="AP5874">
        <v>107</v>
      </c>
      <c r="AQ5874">
        <v>107</v>
      </c>
    </row>
    <row r="5875" spans="1:43">
      <c r="A5875" t="s">
        <v>3680</v>
      </c>
      <c r="B5875" t="s">
        <v>3681</v>
      </c>
      <c r="C5875" t="s">
        <v>3682</v>
      </c>
      <c r="D5875" t="s">
        <v>3683</v>
      </c>
      <c r="E5875" t="s">
        <v>3660</v>
      </c>
      <c r="F5875" t="s">
        <v>3661</v>
      </c>
      <c r="G5875" t="s">
        <v>80</v>
      </c>
      <c r="H5875" t="s">
        <v>81</v>
      </c>
      <c r="I5875" s="2">
        <v>0</v>
      </c>
      <c r="J5875" s="2">
        <v>1</v>
      </c>
      <c r="K5875" s="2">
        <v>0</v>
      </c>
      <c r="L5875" t="s">
        <v>82</v>
      </c>
      <c r="M5875" t="s">
        <v>87</v>
      </c>
      <c r="N5875" t="s">
        <v>88</v>
      </c>
      <c r="O5875" t="s">
        <v>85</v>
      </c>
      <c r="P5875" t="s">
        <v>86</v>
      </c>
      <c r="Q5875">
        <v>77</v>
      </c>
      <c r="R5875">
        <v>77</v>
      </c>
      <c r="S5875">
        <v>78</v>
      </c>
      <c r="T5875">
        <v>79</v>
      </c>
      <c r="U5875">
        <v>79</v>
      </c>
      <c r="V5875">
        <v>80</v>
      </c>
      <c r="W5875">
        <v>81</v>
      </c>
      <c r="X5875">
        <v>82</v>
      </c>
      <c r="Y5875">
        <v>82</v>
      </c>
      <c r="Z5875">
        <v>83</v>
      </c>
      <c r="AA5875">
        <v>84</v>
      </c>
      <c r="AB5875">
        <v>84</v>
      </c>
      <c r="AC5875">
        <v>85</v>
      </c>
      <c r="AD5875">
        <v>85</v>
      </c>
      <c r="AE5875">
        <v>86</v>
      </c>
      <c r="AF5875">
        <v>87</v>
      </c>
      <c r="AG5875">
        <v>87</v>
      </c>
      <c r="AH5875">
        <v>88</v>
      </c>
      <c r="AI5875">
        <v>88</v>
      </c>
      <c r="AJ5875">
        <v>89</v>
      </c>
      <c r="AK5875">
        <v>89</v>
      </c>
      <c r="AL5875">
        <v>90</v>
      </c>
      <c r="AM5875">
        <v>91</v>
      </c>
      <c r="AN5875">
        <v>91</v>
      </c>
      <c r="AO5875">
        <v>92</v>
      </c>
      <c r="AP5875">
        <v>92</v>
      </c>
      <c r="AQ5875">
        <v>93</v>
      </c>
    </row>
    <row r="5876" spans="1:43">
      <c r="A5876" t="s">
        <v>3680</v>
      </c>
      <c r="B5876" t="s">
        <v>3681</v>
      </c>
      <c r="C5876" t="s">
        <v>3682</v>
      </c>
      <c r="D5876" t="s">
        <v>3683</v>
      </c>
      <c r="E5876" t="s">
        <v>3660</v>
      </c>
      <c r="F5876" t="s">
        <v>3661</v>
      </c>
      <c r="G5876" t="s">
        <v>80</v>
      </c>
      <c r="H5876" t="s">
        <v>81</v>
      </c>
      <c r="I5876" s="2">
        <v>0</v>
      </c>
      <c r="J5876" s="2">
        <v>1</v>
      </c>
      <c r="K5876" s="2">
        <v>0</v>
      </c>
      <c r="L5876" t="s">
        <v>82</v>
      </c>
      <c r="M5876" t="s">
        <v>89</v>
      </c>
      <c r="N5876" t="s">
        <v>90</v>
      </c>
      <c r="O5876" t="s">
        <v>85</v>
      </c>
      <c r="P5876" t="s">
        <v>86</v>
      </c>
      <c r="Q5876">
        <v>77</v>
      </c>
      <c r="R5876">
        <v>79</v>
      </c>
      <c r="S5876">
        <v>81</v>
      </c>
      <c r="T5876">
        <v>83</v>
      </c>
      <c r="U5876">
        <v>85</v>
      </c>
      <c r="V5876">
        <v>87</v>
      </c>
      <c r="W5876">
        <v>89</v>
      </c>
      <c r="X5876">
        <v>91</v>
      </c>
      <c r="Y5876">
        <v>93</v>
      </c>
      <c r="Z5876">
        <v>95</v>
      </c>
      <c r="AA5876">
        <v>97</v>
      </c>
      <c r="AB5876">
        <v>99</v>
      </c>
      <c r="AC5876">
        <v>100</v>
      </c>
      <c r="AD5876">
        <v>102</v>
      </c>
      <c r="AE5876">
        <v>103</v>
      </c>
      <c r="AF5876">
        <v>104</v>
      </c>
      <c r="AG5876">
        <v>104</v>
      </c>
      <c r="AH5876">
        <v>105</v>
      </c>
      <c r="AI5876">
        <v>105</v>
      </c>
      <c r="AJ5876">
        <v>105</v>
      </c>
      <c r="AK5876">
        <v>105</v>
      </c>
      <c r="AL5876">
        <v>106</v>
      </c>
      <c r="AM5876">
        <v>106</v>
      </c>
      <c r="AN5876">
        <v>106</v>
      </c>
      <c r="AO5876">
        <v>107</v>
      </c>
      <c r="AP5876">
        <v>107</v>
      </c>
      <c r="AQ5876">
        <v>107</v>
      </c>
    </row>
    <row r="5877" spans="1:43">
      <c r="A5877" t="s">
        <v>3680</v>
      </c>
      <c r="B5877" t="s">
        <v>3681</v>
      </c>
      <c r="C5877" t="s">
        <v>3682</v>
      </c>
      <c r="D5877" t="s">
        <v>3683</v>
      </c>
      <c r="E5877" t="s">
        <v>3660</v>
      </c>
      <c r="F5877" t="s">
        <v>3661</v>
      </c>
      <c r="G5877" t="s">
        <v>80</v>
      </c>
      <c r="H5877" t="s">
        <v>81</v>
      </c>
      <c r="I5877" s="2">
        <v>0</v>
      </c>
      <c r="J5877" s="2">
        <v>1</v>
      </c>
      <c r="K5877" s="2">
        <v>0</v>
      </c>
      <c r="L5877" t="s">
        <v>82</v>
      </c>
      <c r="M5877" t="s">
        <v>83</v>
      </c>
      <c r="N5877" t="s">
        <v>91</v>
      </c>
      <c r="O5877" t="s">
        <v>85</v>
      </c>
      <c r="P5877" t="s">
        <v>86</v>
      </c>
      <c r="Q5877">
        <v>77</v>
      </c>
      <c r="R5877">
        <v>79</v>
      </c>
      <c r="S5877">
        <v>80</v>
      </c>
      <c r="T5877">
        <v>82</v>
      </c>
      <c r="U5877">
        <v>83</v>
      </c>
      <c r="V5877">
        <v>85</v>
      </c>
      <c r="W5877">
        <v>86</v>
      </c>
      <c r="X5877">
        <v>87</v>
      </c>
      <c r="Y5877">
        <v>89</v>
      </c>
      <c r="Z5877">
        <v>90</v>
      </c>
      <c r="AA5877">
        <v>92</v>
      </c>
      <c r="AB5877">
        <v>93</v>
      </c>
      <c r="AC5877">
        <v>95</v>
      </c>
      <c r="AD5877">
        <v>96</v>
      </c>
      <c r="AE5877">
        <v>97</v>
      </c>
      <c r="AF5877">
        <v>99</v>
      </c>
      <c r="AG5877">
        <v>100</v>
      </c>
      <c r="AH5877">
        <v>101</v>
      </c>
      <c r="AI5877">
        <v>103</v>
      </c>
      <c r="AJ5877">
        <v>104</v>
      </c>
      <c r="AK5877">
        <v>105</v>
      </c>
      <c r="AL5877">
        <v>106</v>
      </c>
      <c r="AM5877">
        <v>106</v>
      </c>
      <c r="AN5877">
        <v>106</v>
      </c>
      <c r="AO5877">
        <v>107</v>
      </c>
      <c r="AP5877">
        <v>107</v>
      </c>
      <c r="AQ5877">
        <v>107</v>
      </c>
    </row>
    <row r="5878" spans="1:43">
      <c r="A5878" t="s">
        <v>3684</v>
      </c>
      <c r="B5878" t="s">
        <v>3685</v>
      </c>
      <c r="C5878" t="s">
        <v>3682</v>
      </c>
      <c r="D5878" t="s">
        <v>3683</v>
      </c>
      <c r="E5878" t="s">
        <v>3660</v>
      </c>
      <c r="F5878" t="s">
        <v>3661</v>
      </c>
      <c r="G5878" t="s">
        <v>80</v>
      </c>
      <c r="H5878" t="s">
        <v>81</v>
      </c>
      <c r="I5878" s="2">
        <v>0</v>
      </c>
      <c r="J5878" s="2">
        <v>1</v>
      </c>
      <c r="K5878" s="2">
        <v>0</v>
      </c>
      <c r="L5878" t="s">
        <v>82</v>
      </c>
      <c r="M5878" t="s">
        <v>83</v>
      </c>
      <c r="N5878" t="s">
        <v>84</v>
      </c>
      <c r="O5878" t="s">
        <v>85</v>
      </c>
      <c r="P5878" t="s">
        <v>86</v>
      </c>
      <c r="Q5878">
        <v>103</v>
      </c>
      <c r="R5878">
        <v>105</v>
      </c>
      <c r="S5878">
        <v>107</v>
      </c>
      <c r="T5878">
        <v>109</v>
      </c>
      <c r="U5878">
        <v>111</v>
      </c>
      <c r="V5878">
        <v>113</v>
      </c>
      <c r="W5878">
        <v>115</v>
      </c>
      <c r="X5878">
        <v>117</v>
      </c>
      <c r="Y5878">
        <v>119</v>
      </c>
      <c r="Z5878">
        <v>121</v>
      </c>
      <c r="AA5878">
        <v>123</v>
      </c>
      <c r="AB5878">
        <v>125</v>
      </c>
      <c r="AC5878">
        <v>126</v>
      </c>
      <c r="AD5878">
        <v>128</v>
      </c>
      <c r="AE5878">
        <v>130</v>
      </c>
      <c r="AF5878">
        <v>132</v>
      </c>
      <c r="AG5878">
        <v>134</v>
      </c>
      <c r="AH5878">
        <v>135</v>
      </c>
      <c r="AI5878">
        <v>137</v>
      </c>
      <c r="AJ5878">
        <v>139</v>
      </c>
      <c r="AK5878">
        <v>141</v>
      </c>
      <c r="AL5878">
        <v>142</v>
      </c>
      <c r="AM5878">
        <v>142</v>
      </c>
      <c r="AN5878">
        <v>142</v>
      </c>
      <c r="AO5878">
        <v>143</v>
      </c>
      <c r="AP5878">
        <v>143</v>
      </c>
      <c r="AQ5878">
        <v>143</v>
      </c>
    </row>
    <row r="5879" spans="1:43">
      <c r="A5879" t="s">
        <v>3684</v>
      </c>
      <c r="B5879" t="s">
        <v>3685</v>
      </c>
      <c r="C5879" t="s">
        <v>3682</v>
      </c>
      <c r="D5879" t="s">
        <v>3683</v>
      </c>
      <c r="E5879" t="s">
        <v>3660</v>
      </c>
      <c r="F5879" t="s">
        <v>3661</v>
      </c>
      <c r="G5879" t="s">
        <v>80</v>
      </c>
      <c r="H5879" t="s">
        <v>81</v>
      </c>
      <c r="I5879" s="2">
        <v>0</v>
      </c>
      <c r="J5879" s="2">
        <v>1</v>
      </c>
      <c r="K5879" s="2">
        <v>0</v>
      </c>
      <c r="L5879" t="s">
        <v>82</v>
      </c>
      <c r="M5879" t="s">
        <v>87</v>
      </c>
      <c r="N5879" t="s">
        <v>88</v>
      </c>
      <c r="O5879" t="s">
        <v>85</v>
      </c>
      <c r="P5879" t="s">
        <v>86</v>
      </c>
      <c r="Q5879">
        <v>103</v>
      </c>
      <c r="R5879">
        <v>104</v>
      </c>
      <c r="S5879">
        <v>105</v>
      </c>
      <c r="T5879">
        <v>106</v>
      </c>
      <c r="U5879">
        <v>107</v>
      </c>
      <c r="V5879">
        <v>108</v>
      </c>
      <c r="W5879">
        <v>109</v>
      </c>
      <c r="X5879">
        <v>110</v>
      </c>
      <c r="Y5879">
        <v>111</v>
      </c>
      <c r="Z5879">
        <v>112</v>
      </c>
      <c r="AA5879">
        <v>113</v>
      </c>
      <c r="AB5879">
        <v>114</v>
      </c>
      <c r="AC5879">
        <v>114</v>
      </c>
      <c r="AD5879">
        <v>115</v>
      </c>
      <c r="AE5879">
        <v>116</v>
      </c>
      <c r="AF5879">
        <v>117</v>
      </c>
      <c r="AG5879">
        <v>118</v>
      </c>
      <c r="AH5879">
        <v>118</v>
      </c>
      <c r="AI5879">
        <v>119</v>
      </c>
      <c r="AJ5879">
        <v>120</v>
      </c>
      <c r="AK5879">
        <v>121</v>
      </c>
      <c r="AL5879">
        <v>121</v>
      </c>
      <c r="AM5879">
        <v>122</v>
      </c>
      <c r="AN5879">
        <v>123</v>
      </c>
      <c r="AO5879">
        <v>124</v>
      </c>
      <c r="AP5879">
        <v>124</v>
      </c>
      <c r="AQ5879">
        <v>125</v>
      </c>
    </row>
    <row r="5880" spans="1:43">
      <c r="A5880" t="s">
        <v>3684</v>
      </c>
      <c r="B5880" t="s">
        <v>3685</v>
      </c>
      <c r="C5880" t="s">
        <v>3682</v>
      </c>
      <c r="D5880" t="s">
        <v>3683</v>
      </c>
      <c r="E5880" t="s">
        <v>3660</v>
      </c>
      <c r="F5880" t="s">
        <v>3661</v>
      </c>
      <c r="G5880" t="s">
        <v>80</v>
      </c>
      <c r="H5880" t="s">
        <v>81</v>
      </c>
      <c r="I5880" s="2">
        <v>0</v>
      </c>
      <c r="J5880" s="2">
        <v>1</v>
      </c>
      <c r="K5880" s="2">
        <v>0</v>
      </c>
      <c r="L5880" t="s">
        <v>82</v>
      </c>
      <c r="M5880" t="s">
        <v>89</v>
      </c>
      <c r="N5880" t="s">
        <v>90</v>
      </c>
      <c r="O5880" t="s">
        <v>85</v>
      </c>
      <c r="P5880" t="s">
        <v>86</v>
      </c>
      <c r="Q5880">
        <v>103</v>
      </c>
      <c r="R5880">
        <v>106</v>
      </c>
      <c r="S5880">
        <v>109</v>
      </c>
      <c r="T5880">
        <v>112</v>
      </c>
      <c r="U5880">
        <v>115</v>
      </c>
      <c r="V5880">
        <v>117</v>
      </c>
      <c r="W5880">
        <v>120</v>
      </c>
      <c r="X5880">
        <v>123</v>
      </c>
      <c r="Y5880">
        <v>125</v>
      </c>
      <c r="Z5880">
        <v>128</v>
      </c>
      <c r="AA5880">
        <v>130</v>
      </c>
      <c r="AB5880">
        <v>132</v>
      </c>
      <c r="AC5880">
        <v>135</v>
      </c>
      <c r="AD5880">
        <v>137</v>
      </c>
      <c r="AE5880">
        <v>139</v>
      </c>
      <c r="AF5880">
        <v>139</v>
      </c>
      <c r="AG5880">
        <v>140</v>
      </c>
      <c r="AH5880">
        <v>140</v>
      </c>
      <c r="AI5880">
        <v>141</v>
      </c>
      <c r="AJ5880">
        <v>141</v>
      </c>
      <c r="AK5880">
        <v>141</v>
      </c>
      <c r="AL5880">
        <v>142</v>
      </c>
      <c r="AM5880">
        <v>142</v>
      </c>
      <c r="AN5880">
        <v>142</v>
      </c>
      <c r="AO5880">
        <v>143</v>
      </c>
      <c r="AP5880">
        <v>143</v>
      </c>
      <c r="AQ5880">
        <v>143</v>
      </c>
    </row>
    <row r="5881" spans="1:43">
      <c r="A5881" t="s">
        <v>3684</v>
      </c>
      <c r="B5881" t="s">
        <v>3685</v>
      </c>
      <c r="C5881" t="s">
        <v>3682</v>
      </c>
      <c r="D5881" t="s">
        <v>3683</v>
      </c>
      <c r="E5881" t="s">
        <v>3660</v>
      </c>
      <c r="F5881" t="s">
        <v>3661</v>
      </c>
      <c r="G5881" t="s">
        <v>80</v>
      </c>
      <c r="H5881" t="s">
        <v>81</v>
      </c>
      <c r="I5881" s="2">
        <v>0</v>
      </c>
      <c r="J5881" s="2">
        <v>1</v>
      </c>
      <c r="K5881" s="2">
        <v>0</v>
      </c>
      <c r="L5881" t="s">
        <v>82</v>
      </c>
      <c r="M5881" t="s">
        <v>83</v>
      </c>
      <c r="N5881" t="s">
        <v>91</v>
      </c>
      <c r="O5881" t="s">
        <v>85</v>
      </c>
      <c r="P5881" t="s">
        <v>86</v>
      </c>
      <c r="Q5881">
        <v>103</v>
      </c>
      <c r="R5881">
        <v>105</v>
      </c>
      <c r="S5881">
        <v>107</v>
      </c>
      <c r="T5881">
        <v>109</v>
      </c>
      <c r="U5881">
        <v>111</v>
      </c>
      <c r="V5881">
        <v>113</v>
      </c>
      <c r="W5881">
        <v>115</v>
      </c>
      <c r="X5881">
        <v>117</v>
      </c>
      <c r="Y5881">
        <v>119</v>
      </c>
      <c r="Z5881">
        <v>121</v>
      </c>
      <c r="AA5881">
        <v>123</v>
      </c>
      <c r="AB5881">
        <v>125</v>
      </c>
      <c r="AC5881">
        <v>126</v>
      </c>
      <c r="AD5881">
        <v>128</v>
      </c>
      <c r="AE5881">
        <v>130</v>
      </c>
      <c r="AF5881">
        <v>132</v>
      </c>
      <c r="AG5881">
        <v>134</v>
      </c>
      <c r="AH5881">
        <v>135</v>
      </c>
      <c r="AI5881">
        <v>137</v>
      </c>
      <c r="AJ5881">
        <v>139</v>
      </c>
      <c r="AK5881">
        <v>141</v>
      </c>
      <c r="AL5881">
        <v>142</v>
      </c>
      <c r="AM5881">
        <v>142</v>
      </c>
      <c r="AN5881">
        <v>142</v>
      </c>
      <c r="AO5881">
        <v>143</v>
      </c>
      <c r="AP5881">
        <v>143</v>
      </c>
      <c r="AQ5881">
        <v>143</v>
      </c>
    </row>
    <row r="5882" spans="1:43">
      <c r="A5882" t="s">
        <v>3686</v>
      </c>
      <c r="B5882" t="s">
        <v>3687</v>
      </c>
      <c r="C5882" t="s">
        <v>3688</v>
      </c>
      <c r="D5882" t="s">
        <v>3689</v>
      </c>
      <c r="E5882" t="s">
        <v>3660</v>
      </c>
      <c r="F5882" t="s">
        <v>3661</v>
      </c>
      <c r="G5882" t="s">
        <v>80</v>
      </c>
      <c r="H5882" t="s">
        <v>81</v>
      </c>
      <c r="I5882" s="2">
        <v>0</v>
      </c>
      <c r="J5882" s="2">
        <v>1</v>
      </c>
      <c r="K5882" s="2">
        <v>0</v>
      </c>
      <c r="L5882" t="s">
        <v>82</v>
      </c>
      <c r="M5882" t="s">
        <v>83</v>
      </c>
      <c r="N5882" t="s">
        <v>84</v>
      </c>
      <c r="O5882" t="s">
        <v>85</v>
      </c>
      <c r="P5882" t="s">
        <v>86</v>
      </c>
      <c r="Q5882">
        <v>28</v>
      </c>
      <c r="R5882">
        <v>28</v>
      </c>
      <c r="S5882">
        <v>29</v>
      </c>
      <c r="T5882">
        <v>29</v>
      </c>
      <c r="U5882">
        <v>30</v>
      </c>
      <c r="V5882">
        <v>30</v>
      </c>
      <c r="W5882">
        <v>31</v>
      </c>
      <c r="X5882">
        <v>31</v>
      </c>
      <c r="Y5882">
        <v>32</v>
      </c>
      <c r="Z5882">
        <v>32</v>
      </c>
      <c r="AA5882">
        <v>33</v>
      </c>
      <c r="AB5882">
        <v>33</v>
      </c>
      <c r="AC5882">
        <v>34</v>
      </c>
      <c r="AD5882">
        <v>34</v>
      </c>
      <c r="AE5882">
        <v>35</v>
      </c>
      <c r="AF5882">
        <v>35</v>
      </c>
      <c r="AG5882">
        <v>36</v>
      </c>
      <c r="AH5882">
        <v>36</v>
      </c>
      <c r="AI5882">
        <v>37</v>
      </c>
      <c r="AJ5882">
        <v>37</v>
      </c>
      <c r="AK5882">
        <v>37</v>
      </c>
      <c r="AL5882">
        <v>38</v>
      </c>
      <c r="AM5882">
        <v>38</v>
      </c>
      <c r="AN5882">
        <v>38</v>
      </c>
      <c r="AO5882">
        <v>38</v>
      </c>
      <c r="AP5882">
        <v>38</v>
      </c>
      <c r="AQ5882">
        <v>38</v>
      </c>
    </row>
    <row r="5883" spans="1:43">
      <c r="A5883" t="s">
        <v>3686</v>
      </c>
      <c r="B5883" t="s">
        <v>3687</v>
      </c>
      <c r="C5883" t="s">
        <v>3688</v>
      </c>
      <c r="D5883" t="s">
        <v>3689</v>
      </c>
      <c r="E5883" t="s">
        <v>3660</v>
      </c>
      <c r="F5883" t="s">
        <v>3661</v>
      </c>
      <c r="G5883" t="s">
        <v>80</v>
      </c>
      <c r="H5883" t="s">
        <v>81</v>
      </c>
      <c r="I5883" s="2">
        <v>0</v>
      </c>
      <c r="J5883" s="2">
        <v>1</v>
      </c>
      <c r="K5883" s="2">
        <v>0</v>
      </c>
      <c r="L5883" t="s">
        <v>82</v>
      </c>
      <c r="M5883" t="s">
        <v>87</v>
      </c>
      <c r="N5883" t="s">
        <v>88</v>
      </c>
      <c r="O5883" t="s">
        <v>85</v>
      </c>
      <c r="P5883" t="s">
        <v>86</v>
      </c>
      <c r="Q5883">
        <v>28</v>
      </c>
      <c r="R5883">
        <v>29</v>
      </c>
      <c r="S5883">
        <v>29</v>
      </c>
      <c r="T5883">
        <v>29</v>
      </c>
      <c r="U5883">
        <v>29</v>
      </c>
      <c r="V5883">
        <v>30</v>
      </c>
      <c r="W5883">
        <v>30</v>
      </c>
      <c r="X5883">
        <v>30</v>
      </c>
      <c r="Y5883">
        <v>30</v>
      </c>
      <c r="Z5883">
        <v>30</v>
      </c>
      <c r="AA5883">
        <v>31</v>
      </c>
      <c r="AB5883">
        <v>31</v>
      </c>
      <c r="AC5883">
        <v>31</v>
      </c>
      <c r="AD5883">
        <v>31</v>
      </c>
      <c r="AE5883">
        <v>32</v>
      </c>
      <c r="AF5883">
        <v>32</v>
      </c>
      <c r="AG5883">
        <v>32</v>
      </c>
      <c r="AH5883">
        <v>32</v>
      </c>
      <c r="AI5883">
        <v>32</v>
      </c>
      <c r="AJ5883">
        <v>33</v>
      </c>
      <c r="AK5883">
        <v>33</v>
      </c>
      <c r="AL5883">
        <v>33</v>
      </c>
      <c r="AM5883">
        <v>33</v>
      </c>
      <c r="AN5883">
        <v>33</v>
      </c>
      <c r="AO5883">
        <v>34</v>
      </c>
      <c r="AP5883">
        <v>34</v>
      </c>
      <c r="AQ5883">
        <v>34</v>
      </c>
    </row>
    <row r="5884" spans="1:43">
      <c r="A5884" t="s">
        <v>3686</v>
      </c>
      <c r="B5884" t="s">
        <v>3687</v>
      </c>
      <c r="C5884" t="s">
        <v>3688</v>
      </c>
      <c r="D5884" t="s">
        <v>3689</v>
      </c>
      <c r="E5884" t="s">
        <v>3660</v>
      </c>
      <c r="F5884" t="s">
        <v>3661</v>
      </c>
      <c r="G5884" t="s">
        <v>80</v>
      </c>
      <c r="H5884" t="s">
        <v>81</v>
      </c>
      <c r="I5884" s="2">
        <v>0</v>
      </c>
      <c r="J5884" s="2">
        <v>1</v>
      </c>
      <c r="K5884" s="2">
        <v>0</v>
      </c>
      <c r="L5884" t="s">
        <v>82</v>
      </c>
      <c r="M5884" t="s">
        <v>89</v>
      </c>
      <c r="N5884" t="s">
        <v>90</v>
      </c>
      <c r="O5884" t="s">
        <v>85</v>
      </c>
      <c r="P5884" t="s">
        <v>86</v>
      </c>
      <c r="Q5884">
        <v>28</v>
      </c>
      <c r="R5884">
        <v>29</v>
      </c>
      <c r="S5884">
        <v>29</v>
      </c>
      <c r="T5884">
        <v>30</v>
      </c>
      <c r="U5884">
        <v>31</v>
      </c>
      <c r="V5884">
        <v>32</v>
      </c>
      <c r="W5884">
        <v>32</v>
      </c>
      <c r="X5884">
        <v>33</v>
      </c>
      <c r="Y5884">
        <v>34</v>
      </c>
      <c r="Z5884">
        <v>34</v>
      </c>
      <c r="AA5884">
        <v>35</v>
      </c>
      <c r="AB5884">
        <v>35</v>
      </c>
      <c r="AC5884">
        <v>36</v>
      </c>
      <c r="AD5884">
        <v>37</v>
      </c>
      <c r="AE5884">
        <v>37</v>
      </c>
      <c r="AF5884">
        <v>37</v>
      </c>
      <c r="AG5884">
        <v>37</v>
      </c>
      <c r="AH5884">
        <v>38</v>
      </c>
      <c r="AI5884">
        <v>38</v>
      </c>
      <c r="AJ5884">
        <v>38</v>
      </c>
      <c r="AK5884">
        <v>38</v>
      </c>
      <c r="AL5884">
        <v>38</v>
      </c>
      <c r="AM5884">
        <v>38</v>
      </c>
      <c r="AN5884">
        <v>38</v>
      </c>
      <c r="AO5884">
        <v>38</v>
      </c>
      <c r="AP5884">
        <v>38</v>
      </c>
      <c r="AQ5884">
        <v>38</v>
      </c>
    </row>
    <row r="5885" spans="1:43">
      <c r="A5885" t="s">
        <v>3686</v>
      </c>
      <c r="B5885" t="s">
        <v>3687</v>
      </c>
      <c r="C5885" t="s">
        <v>3688</v>
      </c>
      <c r="D5885" t="s">
        <v>3689</v>
      </c>
      <c r="E5885" t="s">
        <v>3660</v>
      </c>
      <c r="F5885" t="s">
        <v>3661</v>
      </c>
      <c r="G5885" t="s">
        <v>80</v>
      </c>
      <c r="H5885" t="s">
        <v>81</v>
      </c>
      <c r="I5885" s="2">
        <v>0</v>
      </c>
      <c r="J5885" s="2">
        <v>1</v>
      </c>
      <c r="K5885" s="2">
        <v>0</v>
      </c>
      <c r="L5885" t="s">
        <v>82</v>
      </c>
      <c r="M5885" t="s">
        <v>83</v>
      </c>
      <c r="N5885" t="s">
        <v>91</v>
      </c>
      <c r="O5885" t="s">
        <v>85</v>
      </c>
      <c r="P5885" t="s">
        <v>86</v>
      </c>
      <c r="Q5885">
        <v>28</v>
      </c>
      <c r="R5885">
        <v>28</v>
      </c>
      <c r="S5885">
        <v>29</v>
      </c>
      <c r="T5885">
        <v>29</v>
      </c>
      <c r="U5885">
        <v>30</v>
      </c>
      <c r="V5885">
        <v>30</v>
      </c>
      <c r="W5885">
        <v>31</v>
      </c>
      <c r="X5885">
        <v>31</v>
      </c>
      <c r="Y5885">
        <v>32</v>
      </c>
      <c r="Z5885">
        <v>32</v>
      </c>
      <c r="AA5885">
        <v>33</v>
      </c>
      <c r="AB5885">
        <v>33</v>
      </c>
      <c r="AC5885">
        <v>34</v>
      </c>
      <c r="AD5885">
        <v>34</v>
      </c>
      <c r="AE5885">
        <v>35</v>
      </c>
      <c r="AF5885">
        <v>35</v>
      </c>
      <c r="AG5885">
        <v>36</v>
      </c>
      <c r="AH5885">
        <v>36</v>
      </c>
      <c r="AI5885">
        <v>37</v>
      </c>
      <c r="AJ5885">
        <v>37</v>
      </c>
      <c r="AK5885">
        <v>37</v>
      </c>
      <c r="AL5885">
        <v>38</v>
      </c>
      <c r="AM5885">
        <v>38</v>
      </c>
      <c r="AN5885">
        <v>38</v>
      </c>
      <c r="AO5885">
        <v>38</v>
      </c>
      <c r="AP5885">
        <v>38</v>
      </c>
      <c r="AQ5885">
        <v>38</v>
      </c>
    </row>
    <row r="5886" spans="1:43">
      <c r="A5886" t="s">
        <v>3690</v>
      </c>
      <c r="B5886" t="s">
        <v>3691</v>
      </c>
      <c r="C5886" t="s">
        <v>3688</v>
      </c>
      <c r="D5886" t="s">
        <v>3689</v>
      </c>
      <c r="E5886" t="s">
        <v>3660</v>
      </c>
      <c r="F5886" t="s">
        <v>3661</v>
      </c>
      <c r="G5886" t="s">
        <v>80</v>
      </c>
      <c r="H5886" t="s">
        <v>81</v>
      </c>
      <c r="I5886" s="2">
        <v>0</v>
      </c>
      <c r="J5886" s="2">
        <v>1</v>
      </c>
      <c r="K5886" s="2">
        <v>0</v>
      </c>
      <c r="L5886" t="s">
        <v>82</v>
      </c>
      <c r="M5886" t="s">
        <v>83</v>
      </c>
      <c r="N5886" t="s">
        <v>84</v>
      </c>
      <c r="O5886" t="s">
        <v>85</v>
      </c>
      <c r="P5886" t="s">
        <v>86</v>
      </c>
      <c r="Q5886">
        <v>35</v>
      </c>
      <c r="R5886">
        <v>36</v>
      </c>
      <c r="S5886">
        <v>36</v>
      </c>
      <c r="T5886">
        <v>37</v>
      </c>
      <c r="U5886">
        <v>38</v>
      </c>
      <c r="V5886">
        <v>38</v>
      </c>
      <c r="W5886">
        <v>39</v>
      </c>
      <c r="X5886">
        <v>40</v>
      </c>
      <c r="Y5886">
        <v>40</v>
      </c>
      <c r="Z5886">
        <v>41</v>
      </c>
      <c r="AA5886">
        <v>42</v>
      </c>
      <c r="AB5886">
        <v>42</v>
      </c>
      <c r="AC5886">
        <v>43</v>
      </c>
      <c r="AD5886">
        <v>43</v>
      </c>
      <c r="AE5886">
        <v>44</v>
      </c>
      <c r="AF5886">
        <v>45</v>
      </c>
      <c r="AG5886">
        <v>45</v>
      </c>
      <c r="AH5886">
        <v>46</v>
      </c>
      <c r="AI5886">
        <v>46</v>
      </c>
      <c r="AJ5886">
        <v>47</v>
      </c>
      <c r="AK5886">
        <v>48</v>
      </c>
      <c r="AL5886">
        <v>48</v>
      </c>
      <c r="AM5886">
        <v>48</v>
      </c>
      <c r="AN5886">
        <v>48</v>
      </c>
      <c r="AO5886">
        <v>48</v>
      </c>
      <c r="AP5886">
        <v>48</v>
      </c>
      <c r="AQ5886">
        <v>49</v>
      </c>
    </row>
    <row r="5887" spans="1:43">
      <c r="A5887" t="s">
        <v>3690</v>
      </c>
      <c r="B5887" t="s">
        <v>3691</v>
      </c>
      <c r="C5887" t="s">
        <v>3688</v>
      </c>
      <c r="D5887" t="s">
        <v>3689</v>
      </c>
      <c r="E5887" t="s">
        <v>3660</v>
      </c>
      <c r="F5887" t="s">
        <v>3661</v>
      </c>
      <c r="G5887" t="s">
        <v>80</v>
      </c>
      <c r="H5887" t="s">
        <v>81</v>
      </c>
      <c r="I5887" s="2">
        <v>0</v>
      </c>
      <c r="J5887" s="2">
        <v>1</v>
      </c>
      <c r="K5887" s="2">
        <v>0</v>
      </c>
      <c r="L5887" t="s">
        <v>82</v>
      </c>
      <c r="M5887" t="s">
        <v>87</v>
      </c>
      <c r="N5887" t="s">
        <v>88</v>
      </c>
      <c r="O5887" t="s">
        <v>85</v>
      </c>
      <c r="P5887" t="s">
        <v>86</v>
      </c>
      <c r="Q5887">
        <v>35</v>
      </c>
      <c r="R5887">
        <v>35</v>
      </c>
      <c r="S5887">
        <v>35</v>
      </c>
      <c r="T5887">
        <v>36</v>
      </c>
      <c r="U5887">
        <v>36</v>
      </c>
      <c r="V5887">
        <v>36</v>
      </c>
      <c r="W5887">
        <v>37</v>
      </c>
      <c r="X5887">
        <v>37</v>
      </c>
      <c r="Y5887">
        <v>37</v>
      </c>
      <c r="Z5887">
        <v>38</v>
      </c>
      <c r="AA5887">
        <v>38</v>
      </c>
      <c r="AB5887">
        <v>38</v>
      </c>
      <c r="AC5887">
        <v>38</v>
      </c>
      <c r="AD5887">
        <v>39</v>
      </c>
      <c r="AE5887">
        <v>39</v>
      </c>
      <c r="AF5887">
        <v>39</v>
      </c>
      <c r="AG5887">
        <v>39</v>
      </c>
      <c r="AH5887">
        <v>40</v>
      </c>
      <c r="AI5887">
        <v>40</v>
      </c>
      <c r="AJ5887">
        <v>40</v>
      </c>
      <c r="AK5887">
        <v>41</v>
      </c>
      <c r="AL5887">
        <v>41</v>
      </c>
      <c r="AM5887">
        <v>41</v>
      </c>
      <c r="AN5887">
        <v>41</v>
      </c>
      <c r="AO5887">
        <v>42</v>
      </c>
      <c r="AP5887">
        <v>42</v>
      </c>
      <c r="AQ5887">
        <v>42</v>
      </c>
    </row>
    <row r="5888" spans="1:43">
      <c r="A5888" t="s">
        <v>3690</v>
      </c>
      <c r="B5888" t="s">
        <v>3691</v>
      </c>
      <c r="C5888" t="s">
        <v>3688</v>
      </c>
      <c r="D5888" t="s">
        <v>3689</v>
      </c>
      <c r="E5888" t="s">
        <v>3660</v>
      </c>
      <c r="F5888" t="s">
        <v>3661</v>
      </c>
      <c r="G5888" t="s">
        <v>80</v>
      </c>
      <c r="H5888" t="s">
        <v>81</v>
      </c>
      <c r="I5888" s="2">
        <v>0</v>
      </c>
      <c r="J5888" s="2">
        <v>1</v>
      </c>
      <c r="K5888" s="2">
        <v>0</v>
      </c>
      <c r="L5888" t="s">
        <v>82</v>
      </c>
      <c r="M5888" t="s">
        <v>89</v>
      </c>
      <c r="N5888" t="s">
        <v>90</v>
      </c>
      <c r="O5888" t="s">
        <v>85</v>
      </c>
      <c r="P5888" t="s">
        <v>86</v>
      </c>
      <c r="Q5888">
        <v>35</v>
      </c>
      <c r="R5888">
        <v>36</v>
      </c>
      <c r="S5888">
        <v>37</v>
      </c>
      <c r="T5888">
        <v>38</v>
      </c>
      <c r="U5888">
        <v>39</v>
      </c>
      <c r="V5888">
        <v>40</v>
      </c>
      <c r="W5888">
        <v>41</v>
      </c>
      <c r="X5888">
        <v>42</v>
      </c>
      <c r="Y5888">
        <v>43</v>
      </c>
      <c r="Z5888">
        <v>44</v>
      </c>
      <c r="AA5888">
        <v>44</v>
      </c>
      <c r="AB5888">
        <v>45</v>
      </c>
      <c r="AC5888">
        <v>46</v>
      </c>
      <c r="AD5888">
        <v>47</v>
      </c>
      <c r="AE5888">
        <v>47</v>
      </c>
      <c r="AF5888">
        <v>48</v>
      </c>
      <c r="AG5888">
        <v>48</v>
      </c>
      <c r="AH5888">
        <v>48</v>
      </c>
      <c r="AI5888">
        <v>48</v>
      </c>
      <c r="AJ5888">
        <v>48</v>
      </c>
      <c r="AK5888">
        <v>48</v>
      </c>
      <c r="AL5888">
        <v>48</v>
      </c>
      <c r="AM5888">
        <v>48</v>
      </c>
      <c r="AN5888">
        <v>49</v>
      </c>
      <c r="AO5888">
        <v>49</v>
      </c>
      <c r="AP5888">
        <v>49</v>
      </c>
      <c r="AQ5888">
        <v>49</v>
      </c>
    </row>
    <row r="5889" spans="1:43">
      <c r="A5889" t="s">
        <v>3690</v>
      </c>
      <c r="B5889" t="s">
        <v>3691</v>
      </c>
      <c r="C5889" t="s">
        <v>3688</v>
      </c>
      <c r="D5889" t="s">
        <v>3689</v>
      </c>
      <c r="E5889" t="s">
        <v>3660</v>
      </c>
      <c r="F5889" t="s">
        <v>3661</v>
      </c>
      <c r="G5889" t="s">
        <v>80</v>
      </c>
      <c r="H5889" t="s">
        <v>81</v>
      </c>
      <c r="I5889" s="2">
        <v>0</v>
      </c>
      <c r="J5889" s="2">
        <v>1</v>
      </c>
      <c r="K5889" s="2">
        <v>0</v>
      </c>
      <c r="L5889" t="s">
        <v>82</v>
      </c>
      <c r="M5889" t="s">
        <v>83</v>
      </c>
      <c r="N5889" t="s">
        <v>91</v>
      </c>
      <c r="O5889" t="s">
        <v>85</v>
      </c>
      <c r="P5889" t="s">
        <v>86</v>
      </c>
      <c r="Q5889">
        <v>35</v>
      </c>
      <c r="R5889">
        <v>36</v>
      </c>
      <c r="S5889">
        <v>36</v>
      </c>
      <c r="T5889">
        <v>37</v>
      </c>
      <c r="U5889">
        <v>38</v>
      </c>
      <c r="V5889">
        <v>38</v>
      </c>
      <c r="W5889">
        <v>39</v>
      </c>
      <c r="X5889">
        <v>40</v>
      </c>
      <c r="Y5889">
        <v>40</v>
      </c>
      <c r="Z5889">
        <v>41</v>
      </c>
      <c r="AA5889">
        <v>42</v>
      </c>
      <c r="AB5889">
        <v>42</v>
      </c>
      <c r="AC5889">
        <v>43</v>
      </c>
      <c r="AD5889">
        <v>43</v>
      </c>
      <c r="AE5889">
        <v>44</v>
      </c>
      <c r="AF5889">
        <v>45</v>
      </c>
      <c r="AG5889">
        <v>45</v>
      </c>
      <c r="AH5889">
        <v>46</v>
      </c>
      <c r="AI5889">
        <v>46</v>
      </c>
      <c r="AJ5889">
        <v>47</v>
      </c>
      <c r="AK5889">
        <v>48</v>
      </c>
      <c r="AL5889">
        <v>48</v>
      </c>
      <c r="AM5889">
        <v>48</v>
      </c>
      <c r="AN5889">
        <v>48</v>
      </c>
      <c r="AO5889">
        <v>48</v>
      </c>
      <c r="AP5889">
        <v>48</v>
      </c>
      <c r="AQ5889">
        <v>49</v>
      </c>
    </row>
    <row r="5890" spans="1:43">
      <c r="A5890" t="s">
        <v>3692</v>
      </c>
      <c r="B5890" t="s">
        <v>3693</v>
      </c>
      <c r="C5890" t="s">
        <v>3682</v>
      </c>
      <c r="D5890" t="s">
        <v>3683</v>
      </c>
      <c r="E5890" t="s">
        <v>3660</v>
      </c>
      <c r="F5890" t="s">
        <v>3661</v>
      </c>
      <c r="G5890" t="s">
        <v>80</v>
      </c>
      <c r="H5890" t="s">
        <v>81</v>
      </c>
      <c r="I5890" s="2">
        <v>0</v>
      </c>
      <c r="J5890" s="2">
        <v>1</v>
      </c>
      <c r="K5890" s="2">
        <v>0</v>
      </c>
      <c r="L5890" t="s">
        <v>82</v>
      </c>
      <c r="M5890" t="s">
        <v>83</v>
      </c>
      <c r="N5890" t="s">
        <v>84</v>
      </c>
      <c r="O5890" t="s">
        <v>85</v>
      </c>
      <c r="P5890" t="s">
        <v>86</v>
      </c>
      <c r="Q5890">
        <v>5</v>
      </c>
      <c r="R5890">
        <v>5</v>
      </c>
      <c r="S5890">
        <v>5</v>
      </c>
      <c r="T5890">
        <v>5</v>
      </c>
      <c r="U5890">
        <v>5</v>
      </c>
      <c r="V5890">
        <v>5</v>
      </c>
      <c r="W5890">
        <v>5</v>
      </c>
      <c r="X5890">
        <v>5</v>
      </c>
      <c r="Y5890">
        <v>5</v>
      </c>
      <c r="Z5890">
        <v>5</v>
      </c>
      <c r="AA5890">
        <v>5</v>
      </c>
      <c r="AB5890">
        <v>6</v>
      </c>
      <c r="AC5890">
        <v>6</v>
      </c>
      <c r="AD5890">
        <v>6</v>
      </c>
      <c r="AE5890">
        <v>6</v>
      </c>
      <c r="AF5890">
        <v>6</v>
      </c>
      <c r="AG5890">
        <v>6</v>
      </c>
      <c r="AH5890">
        <v>6</v>
      </c>
      <c r="AI5890">
        <v>6</v>
      </c>
      <c r="AJ5890">
        <v>6</v>
      </c>
      <c r="AK5890">
        <v>6</v>
      </c>
      <c r="AL5890">
        <v>6</v>
      </c>
      <c r="AM5890">
        <v>6</v>
      </c>
      <c r="AN5890">
        <v>6</v>
      </c>
      <c r="AO5890">
        <v>6</v>
      </c>
      <c r="AP5890">
        <v>6</v>
      </c>
      <c r="AQ5890">
        <v>6</v>
      </c>
    </row>
    <row r="5891" spans="1:43">
      <c r="A5891" t="s">
        <v>3692</v>
      </c>
      <c r="B5891" t="s">
        <v>3693</v>
      </c>
      <c r="C5891" t="s">
        <v>3682</v>
      </c>
      <c r="D5891" t="s">
        <v>3683</v>
      </c>
      <c r="E5891" t="s">
        <v>3660</v>
      </c>
      <c r="F5891" t="s">
        <v>3661</v>
      </c>
      <c r="G5891" t="s">
        <v>80</v>
      </c>
      <c r="H5891" t="s">
        <v>81</v>
      </c>
      <c r="I5891" s="2">
        <v>0</v>
      </c>
      <c r="J5891" s="2">
        <v>1</v>
      </c>
      <c r="K5891" s="2">
        <v>0</v>
      </c>
      <c r="L5891" t="s">
        <v>82</v>
      </c>
      <c r="M5891" t="s">
        <v>87</v>
      </c>
      <c r="N5891" t="s">
        <v>88</v>
      </c>
      <c r="O5891" t="s">
        <v>85</v>
      </c>
      <c r="P5891" t="s">
        <v>86</v>
      </c>
      <c r="Q5891">
        <v>5</v>
      </c>
      <c r="R5891">
        <v>5</v>
      </c>
      <c r="S5891">
        <v>5</v>
      </c>
      <c r="T5891">
        <v>5</v>
      </c>
      <c r="U5891">
        <v>5</v>
      </c>
      <c r="V5891">
        <v>5</v>
      </c>
      <c r="W5891">
        <v>5</v>
      </c>
      <c r="X5891">
        <v>5</v>
      </c>
      <c r="Y5891">
        <v>5</v>
      </c>
      <c r="Z5891">
        <v>5</v>
      </c>
      <c r="AA5891">
        <v>5</v>
      </c>
      <c r="AB5891">
        <v>5</v>
      </c>
      <c r="AC5891">
        <v>5</v>
      </c>
      <c r="AD5891">
        <v>5</v>
      </c>
      <c r="AE5891">
        <v>5</v>
      </c>
      <c r="AF5891">
        <v>5</v>
      </c>
      <c r="AG5891">
        <v>5</v>
      </c>
      <c r="AH5891">
        <v>5</v>
      </c>
      <c r="AI5891">
        <v>5</v>
      </c>
      <c r="AJ5891">
        <v>5</v>
      </c>
      <c r="AK5891">
        <v>5</v>
      </c>
      <c r="AL5891">
        <v>5</v>
      </c>
      <c r="AM5891">
        <v>5</v>
      </c>
      <c r="AN5891">
        <v>5</v>
      </c>
      <c r="AO5891">
        <v>5</v>
      </c>
      <c r="AP5891">
        <v>5</v>
      </c>
      <c r="AQ5891">
        <v>5</v>
      </c>
    </row>
    <row r="5892" spans="1:43">
      <c r="A5892" t="s">
        <v>3692</v>
      </c>
      <c r="B5892" t="s">
        <v>3693</v>
      </c>
      <c r="C5892" t="s">
        <v>3682</v>
      </c>
      <c r="D5892" t="s">
        <v>3683</v>
      </c>
      <c r="E5892" t="s">
        <v>3660</v>
      </c>
      <c r="F5892" t="s">
        <v>3661</v>
      </c>
      <c r="G5892" t="s">
        <v>80</v>
      </c>
      <c r="H5892" t="s">
        <v>81</v>
      </c>
      <c r="I5892" s="2">
        <v>0</v>
      </c>
      <c r="J5892" s="2">
        <v>1</v>
      </c>
      <c r="K5892" s="2">
        <v>0</v>
      </c>
      <c r="L5892" t="s">
        <v>82</v>
      </c>
      <c r="M5892" t="s">
        <v>89</v>
      </c>
      <c r="N5892" t="s">
        <v>90</v>
      </c>
      <c r="O5892" t="s">
        <v>85</v>
      </c>
      <c r="P5892" t="s">
        <v>86</v>
      </c>
      <c r="Q5892">
        <v>5</v>
      </c>
      <c r="R5892">
        <v>5</v>
      </c>
      <c r="S5892">
        <v>5</v>
      </c>
      <c r="T5892">
        <v>5</v>
      </c>
      <c r="U5892">
        <v>5</v>
      </c>
      <c r="V5892">
        <v>5</v>
      </c>
      <c r="W5892">
        <v>5</v>
      </c>
      <c r="X5892">
        <v>5</v>
      </c>
      <c r="Y5892">
        <v>6</v>
      </c>
      <c r="Z5892">
        <v>6</v>
      </c>
      <c r="AA5892">
        <v>6</v>
      </c>
      <c r="AB5892">
        <v>6</v>
      </c>
      <c r="AC5892">
        <v>6</v>
      </c>
      <c r="AD5892">
        <v>6</v>
      </c>
      <c r="AE5892">
        <v>6</v>
      </c>
      <c r="AF5892">
        <v>6</v>
      </c>
      <c r="AG5892">
        <v>6</v>
      </c>
      <c r="AH5892">
        <v>6</v>
      </c>
      <c r="AI5892">
        <v>6</v>
      </c>
      <c r="AJ5892">
        <v>6</v>
      </c>
      <c r="AK5892">
        <v>6</v>
      </c>
      <c r="AL5892">
        <v>6</v>
      </c>
      <c r="AM5892">
        <v>6</v>
      </c>
      <c r="AN5892">
        <v>6</v>
      </c>
      <c r="AO5892">
        <v>6</v>
      </c>
      <c r="AP5892">
        <v>6</v>
      </c>
      <c r="AQ5892">
        <v>6</v>
      </c>
    </row>
    <row r="5893" spans="1:43">
      <c r="A5893" t="s">
        <v>3692</v>
      </c>
      <c r="B5893" t="s">
        <v>3693</v>
      </c>
      <c r="C5893" t="s">
        <v>3682</v>
      </c>
      <c r="D5893" t="s">
        <v>3683</v>
      </c>
      <c r="E5893" t="s">
        <v>3660</v>
      </c>
      <c r="F5893" t="s">
        <v>3661</v>
      </c>
      <c r="G5893" t="s">
        <v>80</v>
      </c>
      <c r="H5893" t="s">
        <v>81</v>
      </c>
      <c r="I5893" s="2">
        <v>0</v>
      </c>
      <c r="J5893" s="2">
        <v>1</v>
      </c>
      <c r="K5893" s="2">
        <v>0</v>
      </c>
      <c r="L5893" t="s">
        <v>82</v>
      </c>
      <c r="M5893" t="s">
        <v>83</v>
      </c>
      <c r="N5893" t="s">
        <v>91</v>
      </c>
      <c r="O5893" t="s">
        <v>85</v>
      </c>
      <c r="P5893" t="s">
        <v>86</v>
      </c>
      <c r="Q5893">
        <v>5</v>
      </c>
      <c r="R5893">
        <v>5</v>
      </c>
      <c r="S5893">
        <v>5</v>
      </c>
      <c r="T5893">
        <v>5</v>
      </c>
      <c r="U5893">
        <v>5</v>
      </c>
      <c r="V5893">
        <v>5</v>
      </c>
      <c r="W5893">
        <v>5</v>
      </c>
      <c r="X5893">
        <v>5</v>
      </c>
      <c r="Y5893">
        <v>5</v>
      </c>
      <c r="Z5893">
        <v>5</v>
      </c>
      <c r="AA5893">
        <v>5</v>
      </c>
      <c r="AB5893">
        <v>6</v>
      </c>
      <c r="AC5893">
        <v>6</v>
      </c>
      <c r="AD5893">
        <v>6</v>
      </c>
      <c r="AE5893">
        <v>6</v>
      </c>
      <c r="AF5893">
        <v>6</v>
      </c>
      <c r="AG5893">
        <v>6</v>
      </c>
      <c r="AH5893">
        <v>6</v>
      </c>
      <c r="AI5893">
        <v>6</v>
      </c>
      <c r="AJ5893">
        <v>6</v>
      </c>
      <c r="AK5893">
        <v>6</v>
      </c>
      <c r="AL5893">
        <v>6</v>
      </c>
      <c r="AM5893">
        <v>6</v>
      </c>
      <c r="AN5893">
        <v>6</v>
      </c>
      <c r="AO5893">
        <v>6</v>
      </c>
      <c r="AP5893">
        <v>6</v>
      </c>
      <c r="AQ5893">
        <v>6</v>
      </c>
    </row>
    <row r="5894" spans="1:43">
      <c r="A5894" t="s">
        <v>3694</v>
      </c>
      <c r="B5894" t="s">
        <v>3695</v>
      </c>
      <c r="C5894" t="s">
        <v>3678</v>
      </c>
      <c r="D5894" t="s">
        <v>3679</v>
      </c>
      <c r="E5894" t="s">
        <v>3660</v>
      </c>
      <c r="F5894" t="s">
        <v>3661</v>
      </c>
      <c r="G5894" t="s">
        <v>80</v>
      </c>
      <c r="H5894" t="s">
        <v>81</v>
      </c>
      <c r="I5894" s="2">
        <v>0</v>
      </c>
      <c r="J5894" s="2">
        <v>1</v>
      </c>
      <c r="K5894" s="2">
        <v>0</v>
      </c>
      <c r="L5894" t="s">
        <v>82</v>
      </c>
      <c r="M5894" t="s">
        <v>83</v>
      </c>
      <c r="N5894" t="s">
        <v>84</v>
      </c>
      <c r="O5894" t="s">
        <v>85</v>
      </c>
      <c r="P5894" t="s">
        <v>86</v>
      </c>
      <c r="Q5894">
        <v>28</v>
      </c>
      <c r="R5894">
        <v>29</v>
      </c>
      <c r="S5894">
        <v>29</v>
      </c>
      <c r="T5894">
        <v>30</v>
      </c>
      <c r="U5894">
        <v>30</v>
      </c>
      <c r="V5894">
        <v>31</v>
      </c>
      <c r="W5894">
        <v>31</v>
      </c>
      <c r="X5894">
        <v>32</v>
      </c>
      <c r="Y5894">
        <v>32</v>
      </c>
      <c r="Z5894">
        <v>33</v>
      </c>
      <c r="AA5894">
        <v>33</v>
      </c>
      <c r="AB5894">
        <v>34</v>
      </c>
      <c r="AC5894">
        <v>34</v>
      </c>
      <c r="AD5894">
        <v>35</v>
      </c>
      <c r="AE5894">
        <v>35</v>
      </c>
      <c r="AF5894">
        <v>36</v>
      </c>
      <c r="AG5894">
        <v>36</v>
      </c>
      <c r="AH5894">
        <v>37</v>
      </c>
      <c r="AI5894">
        <v>37</v>
      </c>
      <c r="AJ5894">
        <v>38</v>
      </c>
      <c r="AK5894">
        <v>38</v>
      </c>
      <c r="AL5894">
        <v>38</v>
      </c>
      <c r="AM5894">
        <v>38</v>
      </c>
      <c r="AN5894">
        <v>39</v>
      </c>
      <c r="AO5894">
        <v>39</v>
      </c>
      <c r="AP5894">
        <v>39</v>
      </c>
      <c r="AQ5894">
        <v>39</v>
      </c>
    </row>
    <row r="5895" spans="1:43">
      <c r="A5895" t="s">
        <v>3694</v>
      </c>
      <c r="B5895" t="s">
        <v>3695</v>
      </c>
      <c r="C5895" t="s">
        <v>3678</v>
      </c>
      <c r="D5895" t="s">
        <v>3679</v>
      </c>
      <c r="E5895" t="s">
        <v>3660</v>
      </c>
      <c r="F5895" t="s">
        <v>3661</v>
      </c>
      <c r="G5895" t="s">
        <v>80</v>
      </c>
      <c r="H5895" t="s">
        <v>81</v>
      </c>
      <c r="I5895" s="2">
        <v>0</v>
      </c>
      <c r="J5895" s="2">
        <v>1</v>
      </c>
      <c r="K5895" s="2">
        <v>0</v>
      </c>
      <c r="L5895" t="s">
        <v>82</v>
      </c>
      <c r="M5895" t="s">
        <v>87</v>
      </c>
      <c r="N5895" t="s">
        <v>88</v>
      </c>
      <c r="O5895" t="s">
        <v>85</v>
      </c>
      <c r="P5895" t="s">
        <v>86</v>
      </c>
      <c r="Q5895">
        <v>28</v>
      </c>
      <c r="R5895">
        <v>28</v>
      </c>
      <c r="S5895">
        <v>28</v>
      </c>
      <c r="T5895">
        <v>29</v>
      </c>
      <c r="U5895">
        <v>29</v>
      </c>
      <c r="V5895">
        <v>29</v>
      </c>
      <c r="W5895">
        <v>29</v>
      </c>
      <c r="X5895">
        <v>30</v>
      </c>
      <c r="Y5895">
        <v>30</v>
      </c>
      <c r="Z5895">
        <v>30</v>
      </c>
      <c r="AA5895">
        <v>30</v>
      </c>
      <c r="AB5895">
        <v>30</v>
      </c>
      <c r="AC5895">
        <v>31</v>
      </c>
      <c r="AD5895">
        <v>31</v>
      </c>
      <c r="AE5895">
        <v>31</v>
      </c>
      <c r="AF5895">
        <v>31</v>
      </c>
      <c r="AG5895">
        <v>32</v>
      </c>
      <c r="AH5895">
        <v>32</v>
      </c>
      <c r="AI5895">
        <v>32</v>
      </c>
      <c r="AJ5895">
        <v>32</v>
      </c>
      <c r="AK5895">
        <v>32</v>
      </c>
      <c r="AL5895">
        <v>33</v>
      </c>
      <c r="AM5895">
        <v>33</v>
      </c>
      <c r="AN5895">
        <v>33</v>
      </c>
      <c r="AO5895">
        <v>33</v>
      </c>
      <c r="AP5895">
        <v>33</v>
      </c>
      <c r="AQ5895">
        <v>34</v>
      </c>
    </row>
    <row r="5896" spans="1:43">
      <c r="A5896" t="s">
        <v>3694</v>
      </c>
      <c r="B5896" t="s">
        <v>3695</v>
      </c>
      <c r="C5896" t="s">
        <v>3678</v>
      </c>
      <c r="D5896" t="s">
        <v>3679</v>
      </c>
      <c r="E5896" t="s">
        <v>3660</v>
      </c>
      <c r="F5896" t="s">
        <v>3661</v>
      </c>
      <c r="G5896" t="s">
        <v>80</v>
      </c>
      <c r="H5896" t="s">
        <v>81</v>
      </c>
      <c r="I5896" s="2">
        <v>0</v>
      </c>
      <c r="J5896" s="2">
        <v>1</v>
      </c>
      <c r="K5896" s="2">
        <v>0</v>
      </c>
      <c r="L5896" t="s">
        <v>82</v>
      </c>
      <c r="M5896" t="s">
        <v>89</v>
      </c>
      <c r="N5896" t="s">
        <v>90</v>
      </c>
      <c r="O5896" t="s">
        <v>85</v>
      </c>
      <c r="P5896" t="s">
        <v>86</v>
      </c>
      <c r="Q5896">
        <v>28</v>
      </c>
      <c r="R5896">
        <v>29</v>
      </c>
      <c r="S5896">
        <v>30</v>
      </c>
      <c r="T5896">
        <v>31</v>
      </c>
      <c r="U5896">
        <v>31</v>
      </c>
      <c r="V5896">
        <v>32</v>
      </c>
      <c r="W5896">
        <v>33</v>
      </c>
      <c r="X5896">
        <v>33</v>
      </c>
      <c r="Y5896">
        <v>34</v>
      </c>
      <c r="Z5896">
        <v>35</v>
      </c>
      <c r="AA5896">
        <v>35</v>
      </c>
      <c r="AB5896">
        <v>36</v>
      </c>
      <c r="AC5896">
        <v>37</v>
      </c>
      <c r="AD5896">
        <v>37</v>
      </c>
      <c r="AE5896">
        <v>38</v>
      </c>
      <c r="AF5896">
        <v>38</v>
      </c>
      <c r="AG5896">
        <v>38</v>
      </c>
      <c r="AH5896">
        <v>38</v>
      </c>
      <c r="AI5896">
        <v>38</v>
      </c>
      <c r="AJ5896">
        <v>38</v>
      </c>
      <c r="AK5896">
        <v>39</v>
      </c>
      <c r="AL5896">
        <v>39</v>
      </c>
      <c r="AM5896">
        <v>39</v>
      </c>
      <c r="AN5896">
        <v>39</v>
      </c>
      <c r="AO5896">
        <v>39</v>
      </c>
      <c r="AP5896">
        <v>39</v>
      </c>
      <c r="AQ5896">
        <v>39</v>
      </c>
    </row>
    <row r="5897" spans="1:43">
      <c r="A5897" t="s">
        <v>3694</v>
      </c>
      <c r="B5897" t="s">
        <v>3695</v>
      </c>
      <c r="C5897" t="s">
        <v>3678</v>
      </c>
      <c r="D5897" t="s">
        <v>3679</v>
      </c>
      <c r="E5897" t="s">
        <v>3660</v>
      </c>
      <c r="F5897" t="s">
        <v>3661</v>
      </c>
      <c r="G5897" t="s">
        <v>80</v>
      </c>
      <c r="H5897" t="s">
        <v>81</v>
      </c>
      <c r="I5897" s="2">
        <v>0</v>
      </c>
      <c r="J5897" s="2">
        <v>1</v>
      </c>
      <c r="K5897" s="2">
        <v>0</v>
      </c>
      <c r="L5897" t="s">
        <v>82</v>
      </c>
      <c r="M5897" t="s">
        <v>83</v>
      </c>
      <c r="N5897" t="s">
        <v>91</v>
      </c>
      <c r="O5897" t="s">
        <v>85</v>
      </c>
      <c r="P5897" t="s">
        <v>86</v>
      </c>
      <c r="Q5897">
        <v>28</v>
      </c>
      <c r="R5897">
        <v>29</v>
      </c>
      <c r="S5897">
        <v>29</v>
      </c>
      <c r="T5897">
        <v>30</v>
      </c>
      <c r="U5897">
        <v>30</v>
      </c>
      <c r="V5897">
        <v>31</v>
      </c>
      <c r="W5897">
        <v>31</v>
      </c>
      <c r="X5897">
        <v>32</v>
      </c>
      <c r="Y5897">
        <v>32</v>
      </c>
      <c r="Z5897">
        <v>33</v>
      </c>
      <c r="AA5897">
        <v>33</v>
      </c>
      <c r="AB5897">
        <v>34</v>
      </c>
      <c r="AC5897">
        <v>34</v>
      </c>
      <c r="AD5897">
        <v>35</v>
      </c>
      <c r="AE5897">
        <v>35</v>
      </c>
      <c r="AF5897">
        <v>36</v>
      </c>
      <c r="AG5897">
        <v>36</v>
      </c>
      <c r="AH5897">
        <v>37</v>
      </c>
      <c r="AI5897">
        <v>37</v>
      </c>
      <c r="AJ5897">
        <v>38</v>
      </c>
      <c r="AK5897">
        <v>38</v>
      </c>
      <c r="AL5897">
        <v>38</v>
      </c>
      <c r="AM5897">
        <v>38</v>
      </c>
      <c r="AN5897">
        <v>39</v>
      </c>
      <c r="AO5897">
        <v>39</v>
      </c>
      <c r="AP5897">
        <v>39</v>
      </c>
      <c r="AQ5897">
        <v>39</v>
      </c>
    </row>
    <row r="5898" spans="1:43">
      <c r="A5898" t="s">
        <v>3696</v>
      </c>
      <c r="B5898" t="s">
        <v>3697</v>
      </c>
      <c r="C5898" t="s">
        <v>3698</v>
      </c>
      <c r="D5898" t="s">
        <v>3699</v>
      </c>
      <c r="E5898" t="s">
        <v>3660</v>
      </c>
      <c r="F5898" t="s">
        <v>3661</v>
      </c>
      <c r="G5898" t="s">
        <v>80</v>
      </c>
      <c r="H5898" t="s">
        <v>81</v>
      </c>
      <c r="I5898" s="2">
        <v>0</v>
      </c>
      <c r="J5898" s="2">
        <v>1</v>
      </c>
      <c r="K5898" s="2">
        <v>0</v>
      </c>
      <c r="L5898" t="s">
        <v>82</v>
      </c>
      <c r="M5898" t="s">
        <v>83</v>
      </c>
      <c r="N5898" t="s">
        <v>84</v>
      </c>
      <c r="O5898" t="s">
        <v>85</v>
      </c>
      <c r="P5898" t="s">
        <v>86</v>
      </c>
      <c r="Q5898">
        <v>109</v>
      </c>
      <c r="R5898">
        <v>111</v>
      </c>
      <c r="S5898">
        <v>113</v>
      </c>
      <c r="T5898">
        <v>115</v>
      </c>
      <c r="U5898">
        <v>117</v>
      </c>
      <c r="V5898">
        <v>119</v>
      </c>
      <c r="W5898">
        <v>121</v>
      </c>
      <c r="X5898">
        <v>124</v>
      </c>
      <c r="Y5898">
        <v>126</v>
      </c>
      <c r="Z5898">
        <v>128</v>
      </c>
      <c r="AA5898">
        <v>130</v>
      </c>
      <c r="AB5898">
        <v>132</v>
      </c>
      <c r="AC5898">
        <v>134</v>
      </c>
      <c r="AD5898">
        <v>135</v>
      </c>
      <c r="AE5898">
        <v>137</v>
      </c>
      <c r="AF5898">
        <v>139</v>
      </c>
      <c r="AG5898">
        <v>141</v>
      </c>
      <c r="AH5898">
        <v>143</v>
      </c>
      <c r="AI5898">
        <v>145</v>
      </c>
      <c r="AJ5898">
        <v>147</v>
      </c>
      <c r="AK5898">
        <v>149</v>
      </c>
      <c r="AL5898">
        <v>149</v>
      </c>
      <c r="AM5898">
        <v>150</v>
      </c>
      <c r="AN5898">
        <v>150</v>
      </c>
      <c r="AO5898">
        <v>151</v>
      </c>
      <c r="AP5898">
        <v>151</v>
      </c>
      <c r="AQ5898">
        <v>152</v>
      </c>
    </row>
    <row r="5899" spans="1:43">
      <c r="A5899" t="s">
        <v>3696</v>
      </c>
      <c r="B5899" t="s">
        <v>3697</v>
      </c>
      <c r="C5899" t="s">
        <v>3698</v>
      </c>
      <c r="D5899" t="s">
        <v>3699</v>
      </c>
      <c r="E5899" t="s">
        <v>3660</v>
      </c>
      <c r="F5899" t="s">
        <v>3661</v>
      </c>
      <c r="G5899" t="s">
        <v>80</v>
      </c>
      <c r="H5899" t="s">
        <v>81</v>
      </c>
      <c r="I5899" s="2">
        <v>0</v>
      </c>
      <c r="J5899" s="2">
        <v>1</v>
      </c>
      <c r="K5899" s="2">
        <v>0</v>
      </c>
      <c r="L5899" t="s">
        <v>82</v>
      </c>
      <c r="M5899" t="s">
        <v>87</v>
      </c>
      <c r="N5899" t="s">
        <v>88</v>
      </c>
      <c r="O5899" t="s">
        <v>85</v>
      </c>
      <c r="P5899" t="s">
        <v>86</v>
      </c>
      <c r="Q5899">
        <v>109</v>
      </c>
      <c r="R5899">
        <v>110</v>
      </c>
      <c r="S5899">
        <v>111</v>
      </c>
      <c r="T5899">
        <v>112</v>
      </c>
      <c r="U5899">
        <v>113</v>
      </c>
      <c r="V5899">
        <v>114</v>
      </c>
      <c r="W5899">
        <v>115</v>
      </c>
      <c r="X5899">
        <v>116</v>
      </c>
      <c r="Y5899">
        <v>117</v>
      </c>
      <c r="Z5899">
        <v>118</v>
      </c>
      <c r="AA5899">
        <v>119</v>
      </c>
      <c r="AB5899">
        <v>120</v>
      </c>
      <c r="AC5899">
        <v>121</v>
      </c>
      <c r="AD5899">
        <v>122</v>
      </c>
      <c r="AE5899">
        <v>123</v>
      </c>
      <c r="AF5899">
        <v>124</v>
      </c>
      <c r="AG5899">
        <v>125</v>
      </c>
      <c r="AH5899">
        <v>125</v>
      </c>
      <c r="AI5899">
        <v>126</v>
      </c>
      <c r="AJ5899">
        <v>127</v>
      </c>
      <c r="AK5899">
        <v>128</v>
      </c>
      <c r="AL5899">
        <v>129</v>
      </c>
      <c r="AM5899">
        <v>130</v>
      </c>
      <c r="AN5899">
        <v>130</v>
      </c>
      <c r="AO5899">
        <v>131</v>
      </c>
      <c r="AP5899">
        <v>132</v>
      </c>
      <c r="AQ5899">
        <v>133</v>
      </c>
    </row>
    <row r="5900" spans="1:43">
      <c r="A5900" t="s">
        <v>3696</v>
      </c>
      <c r="B5900" t="s">
        <v>3697</v>
      </c>
      <c r="C5900" t="s">
        <v>3698</v>
      </c>
      <c r="D5900" t="s">
        <v>3699</v>
      </c>
      <c r="E5900" t="s">
        <v>3660</v>
      </c>
      <c r="F5900" t="s">
        <v>3661</v>
      </c>
      <c r="G5900" t="s">
        <v>80</v>
      </c>
      <c r="H5900" t="s">
        <v>81</v>
      </c>
      <c r="I5900" s="2">
        <v>0</v>
      </c>
      <c r="J5900" s="2">
        <v>1</v>
      </c>
      <c r="K5900" s="2">
        <v>0</v>
      </c>
      <c r="L5900" t="s">
        <v>82</v>
      </c>
      <c r="M5900" t="s">
        <v>89</v>
      </c>
      <c r="N5900" t="s">
        <v>90</v>
      </c>
      <c r="O5900" t="s">
        <v>85</v>
      </c>
      <c r="P5900" t="s">
        <v>86</v>
      </c>
      <c r="Q5900">
        <v>109</v>
      </c>
      <c r="R5900">
        <v>112</v>
      </c>
      <c r="S5900">
        <v>115</v>
      </c>
      <c r="T5900">
        <v>118</v>
      </c>
      <c r="U5900">
        <v>121</v>
      </c>
      <c r="V5900">
        <v>124</v>
      </c>
      <c r="W5900">
        <v>127</v>
      </c>
      <c r="X5900">
        <v>129</v>
      </c>
      <c r="Y5900">
        <v>132</v>
      </c>
      <c r="Z5900">
        <v>135</v>
      </c>
      <c r="AA5900">
        <v>137</v>
      </c>
      <c r="AB5900">
        <v>139</v>
      </c>
      <c r="AC5900">
        <v>142</v>
      </c>
      <c r="AD5900">
        <v>144</v>
      </c>
      <c r="AE5900">
        <v>146</v>
      </c>
      <c r="AF5900">
        <v>147</v>
      </c>
      <c r="AG5900">
        <v>147</v>
      </c>
      <c r="AH5900">
        <v>148</v>
      </c>
      <c r="AI5900">
        <v>148</v>
      </c>
      <c r="AJ5900">
        <v>149</v>
      </c>
      <c r="AK5900">
        <v>149</v>
      </c>
      <c r="AL5900">
        <v>150</v>
      </c>
      <c r="AM5900">
        <v>150</v>
      </c>
      <c r="AN5900">
        <v>150</v>
      </c>
      <c r="AO5900">
        <v>151</v>
      </c>
      <c r="AP5900">
        <v>151</v>
      </c>
      <c r="AQ5900">
        <v>152</v>
      </c>
    </row>
    <row r="5901" spans="1:43">
      <c r="A5901" t="s">
        <v>3696</v>
      </c>
      <c r="B5901" t="s">
        <v>3697</v>
      </c>
      <c r="C5901" t="s">
        <v>3698</v>
      </c>
      <c r="D5901" t="s">
        <v>3699</v>
      </c>
      <c r="E5901" t="s">
        <v>3660</v>
      </c>
      <c r="F5901" t="s">
        <v>3661</v>
      </c>
      <c r="G5901" t="s">
        <v>80</v>
      </c>
      <c r="H5901" t="s">
        <v>81</v>
      </c>
      <c r="I5901" s="2">
        <v>0</v>
      </c>
      <c r="J5901" s="2">
        <v>1</v>
      </c>
      <c r="K5901" s="2">
        <v>0</v>
      </c>
      <c r="L5901" t="s">
        <v>82</v>
      </c>
      <c r="M5901" t="s">
        <v>83</v>
      </c>
      <c r="N5901" t="s">
        <v>91</v>
      </c>
      <c r="O5901" t="s">
        <v>85</v>
      </c>
      <c r="P5901" t="s">
        <v>86</v>
      </c>
      <c r="Q5901">
        <v>109</v>
      </c>
      <c r="R5901">
        <v>111</v>
      </c>
      <c r="S5901">
        <v>113</v>
      </c>
      <c r="T5901">
        <v>115</v>
      </c>
      <c r="U5901">
        <v>117</v>
      </c>
      <c r="V5901">
        <v>119</v>
      </c>
      <c r="W5901">
        <v>121</v>
      </c>
      <c r="X5901">
        <v>124</v>
      </c>
      <c r="Y5901">
        <v>126</v>
      </c>
      <c r="Z5901">
        <v>128</v>
      </c>
      <c r="AA5901">
        <v>130</v>
      </c>
      <c r="AB5901">
        <v>132</v>
      </c>
      <c r="AC5901">
        <v>134</v>
      </c>
      <c r="AD5901">
        <v>135</v>
      </c>
      <c r="AE5901">
        <v>137</v>
      </c>
      <c r="AF5901">
        <v>139</v>
      </c>
      <c r="AG5901">
        <v>141</v>
      </c>
      <c r="AH5901">
        <v>143</v>
      </c>
      <c r="AI5901">
        <v>145</v>
      </c>
      <c r="AJ5901">
        <v>147</v>
      </c>
      <c r="AK5901">
        <v>149</v>
      </c>
      <c r="AL5901">
        <v>149</v>
      </c>
      <c r="AM5901">
        <v>150</v>
      </c>
      <c r="AN5901">
        <v>150</v>
      </c>
      <c r="AO5901">
        <v>151</v>
      </c>
      <c r="AP5901">
        <v>151</v>
      </c>
      <c r="AQ5901">
        <v>152</v>
      </c>
    </row>
    <row r="5902" spans="1:43">
      <c r="A5902" t="s">
        <v>3700</v>
      </c>
      <c r="B5902" t="s">
        <v>3701</v>
      </c>
      <c r="C5902" t="s">
        <v>3698</v>
      </c>
      <c r="D5902" t="s">
        <v>3699</v>
      </c>
      <c r="E5902" t="s">
        <v>3660</v>
      </c>
      <c r="F5902" t="s">
        <v>3661</v>
      </c>
      <c r="G5902" t="s">
        <v>80</v>
      </c>
      <c r="H5902" t="s">
        <v>81</v>
      </c>
      <c r="I5902" s="2">
        <v>0</v>
      </c>
      <c r="J5902" s="2">
        <v>1</v>
      </c>
      <c r="K5902" s="2">
        <v>0</v>
      </c>
      <c r="L5902" t="s">
        <v>82</v>
      </c>
      <c r="M5902" t="s">
        <v>83</v>
      </c>
      <c r="N5902" t="s">
        <v>84</v>
      </c>
      <c r="O5902" t="s">
        <v>85</v>
      </c>
      <c r="P5902" t="s">
        <v>86</v>
      </c>
      <c r="Q5902">
        <v>128</v>
      </c>
      <c r="R5902">
        <v>131</v>
      </c>
      <c r="S5902">
        <v>133</v>
      </c>
      <c r="T5902">
        <v>136</v>
      </c>
      <c r="U5902">
        <v>138</v>
      </c>
      <c r="V5902">
        <v>140</v>
      </c>
      <c r="W5902">
        <v>143</v>
      </c>
      <c r="X5902">
        <v>145</v>
      </c>
      <c r="Y5902">
        <v>148</v>
      </c>
      <c r="Z5902">
        <v>150</v>
      </c>
      <c r="AA5902">
        <v>152</v>
      </c>
      <c r="AB5902">
        <v>155</v>
      </c>
      <c r="AC5902">
        <v>157</v>
      </c>
      <c r="AD5902">
        <v>159</v>
      </c>
      <c r="AE5902">
        <v>161</v>
      </c>
      <c r="AF5902">
        <v>164</v>
      </c>
      <c r="AG5902">
        <v>166</v>
      </c>
      <c r="AH5902">
        <v>168</v>
      </c>
      <c r="AI5902">
        <v>170</v>
      </c>
      <c r="AJ5902">
        <v>172</v>
      </c>
      <c r="AK5902">
        <v>175</v>
      </c>
      <c r="AL5902">
        <v>176</v>
      </c>
      <c r="AM5902">
        <v>176</v>
      </c>
      <c r="AN5902">
        <v>177</v>
      </c>
      <c r="AO5902">
        <v>177</v>
      </c>
      <c r="AP5902">
        <v>178</v>
      </c>
      <c r="AQ5902">
        <v>178</v>
      </c>
    </row>
    <row r="5903" spans="1:43">
      <c r="A5903" t="s">
        <v>3700</v>
      </c>
      <c r="B5903" t="s">
        <v>3701</v>
      </c>
      <c r="C5903" t="s">
        <v>3698</v>
      </c>
      <c r="D5903" t="s">
        <v>3699</v>
      </c>
      <c r="E5903" t="s">
        <v>3660</v>
      </c>
      <c r="F5903" t="s">
        <v>3661</v>
      </c>
      <c r="G5903" t="s">
        <v>80</v>
      </c>
      <c r="H5903" t="s">
        <v>81</v>
      </c>
      <c r="I5903" s="2">
        <v>0</v>
      </c>
      <c r="J5903" s="2">
        <v>1</v>
      </c>
      <c r="K5903" s="2">
        <v>0</v>
      </c>
      <c r="L5903" t="s">
        <v>82</v>
      </c>
      <c r="M5903" t="s">
        <v>87</v>
      </c>
      <c r="N5903" t="s">
        <v>88</v>
      </c>
      <c r="O5903" t="s">
        <v>85</v>
      </c>
      <c r="P5903" t="s">
        <v>86</v>
      </c>
      <c r="Q5903">
        <v>128</v>
      </c>
      <c r="R5903">
        <v>129</v>
      </c>
      <c r="S5903">
        <v>130</v>
      </c>
      <c r="T5903">
        <v>132</v>
      </c>
      <c r="U5903">
        <v>133</v>
      </c>
      <c r="V5903">
        <v>134</v>
      </c>
      <c r="W5903">
        <v>135</v>
      </c>
      <c r="X5903">
        <v>136</v>
      </c>
      <c r="Y5903">
        <v>138</v>
      </c>
      <c r="Z5903">
        <v>139</v>
      </c>
      <c r="AA5903">
        <v>140</v>
      </c>
      <c r="AB5903">
        <v>141</v>
      </c>
      <c r="AC5903">
        <v>142</v>
      </c>
      <c r="AD5903">
        <v>143</v>
      </c>
      <c r="AE5903">
        <v>144</v>
      </c>
      <c r="AF5903">
        <v>145</v>
      </c>
      <c r="AG5903">
        <v>146</v>
      </c>
      <c r="AH5903">
        <v>147</v>
      </c>
      <c r="AI5903">
        <v>148</v>
      </c>
      <c r="AJ5903">
        <v>149</v>
      </c>
      <c r="AK5903">
        <v>150</v>
      </c>
      <c r="AL5903">
        <v>151</v>
      </c>
      <c r="AM5903">
        <v>152</v>
      </c>
      <c r="AN5903">
        <v>153</v>
      </c>
      <c r="AO5903">
        <v>154</v>
      </c>
      <c r="AP5903">
        <v>155</v>
      </c>
      <c r="AQ5903">
        <v>156</v>
      </c>
    </row>
    <row r="5904" spans="1:43">
      <c r="A5904" t="s">
        <v>3700</v>
      </c>
      <c r="B5904" t="s">
        <v>3701</v>
      </c>
      <c r="C5904" t="s">
        <v>3698</v>
      </c>
      <c r="D5904" t="s">
        <v>3699</v>
      </c>
      <c r="E5904" t="s">
        <v>3660</v>
      </c>
      <c r="F5904" t="s">
        <v>3661</v>
      </c>
      <c r="G5904" t="s">
        <v>80</v>
      </c>
      <c r="H5904" t="s">
        <v>81</v>
      </c>
      <c r="I5904" s="2">
        <v>0</v>
      </c>
      <c r="J5904" s="2">
        <v>1</v>
      </c>
      <c r="K5904" s="2">
        <v>0</v>
      </c>
      <c r="L5904" t="s">
        <v>82</v>
      </c>
      <c r="M5904" t="s">
        <v>89</v>
      </c>
      <c r="N5904" t="s">
        <v>90</v>
      </c>
      <c r="O5904" t="s">
        <v>85</v>
      </c>
      <c r="P5904" t="s">
        <v>86</v>
      </c>
      <c r="Q5904">
        <v>128</v>
      </c>
      <c r="R5904">
        <v>132</v>
      </c>
      <c r="S5904">
        <v>135</v>
      </c>
      <c r="T5904">
        <v>139</v>
      </c>
      <c r="U5904">
        <v>142</v>
      </c>
      <c r="V5904">
        <v>146</v>
      </c>
      <c r="W5904">
        <v>149</v>
      </c>
      <c r="X5904">
        <v>152</v>
      </c>
      <c r="Y5904">
        <v>155</v>
      </c>
      <c r="Z5904">
        <v>158</v>
      </c>
      <c r="AA5904">
        <v>161</v>
      </c>
      <c r="AB5904">
        <v>164</v>
      </c>
      <c r="AC5904">
        <v>167</v>
      </c>
      <c r="AD5904">
        <v>170</v>
      </c>
      <c r="AE5904">
        <v>172</v>
      </c>
      <c r="AF5904">
        <v>173</v>
      </c>
      <c r="AG5904">
        <v>173</v>
      </c>
      <c r="AH5904">
        <v>174</v>
      </c>
      <c r="AI5904">
        <v>174</v>
      </c>
      <c r="AJ5904">
        <v>175</v>
      </c>
      <c r="AK5904">
        <v>176</v>
      </c>
      <c r="AL5904">
        <v>176</v>
      </c>
      <c r="AM5904">
        <v>177</v>
      </c>
      <c r="AN5904">
        <v>177</v>
      </c>
      <c r="AO5904">
        <v>178</v>
      </c>
      <c r="AP5904">
        <v>178</v>
      </c>
      <c r="AQ5904">
        <v>178</v>
      </c>
    </row>
    <row r="5905" spans="1:43">
      <c r="A5905" t="s">
        <v>3700</v>
      </c>
      <c r="B5905" t="s">
        <v>3701</v>
      </c>
      <c r="C5905" t="s">
        <v>3698</v>
      </c>
      <c r="D5905" t="s">
        <v>3699</v>
      </c>
      <c r="E5905" t="s">
        <v>3660</v>
      </c>
      <c r="F5905" t="s">
        <v>3661</v>
      </c>
      <c r="G5905" t="s">
        <v>80</v>
      </c>
      <c r="H5905" t="s">
        <v>81</v>
      </c>
      <c r="I5905" s="2">
        <v>0</v>
      </c>
      <c r="J5905" s="2">
        <v>1</v>
      </c>
      <c r="K5905" s="2">
        <v>0</v>
      </c>
      <c r="L5905" t="s">
        <v>82</v>
      </c>
      <c r="M5905" t="s">
        <v>83</v>
      </c>
      <c r="N5905" t="s">
        <v>91</v>
      </c>
      <c r="O5905" t="s">
        <v>85</v>
      </c>
      <c r="P5905" t="s">
        <v>86</v>
      </c>
      <c r="Q5905">
        <v>128</v>
      </c>
      <c r="R5905">
        <v>131</v>
      </c>
      <c r="S5905">
        <v>133</v>
      </c>
      <c r="T5905">
        <v>136</v>
      </c>
      <c r="U5905">
        <v>138</v>
      </c>
      <c r="V5905">
        <v>140</v>
      </c>
      <c r="W5905">
        <v>143</v>
      </c>
      <c r="X5905">
        <v>145</v>
      </c>
      <c r="Y5905">
        <v>148</v>
      </c>
      <c r="Z5905">
        <v>150</v>
      </c>
      <c r="AA5905">
        <v>152</v>
      </c>
      <c r="AB5905">
        <v>155</v>
      </c>
      <c r="AC5905">
        <v>157</v>
      </c>
      <c r="AD5905">
        <v>159</v>
      </c>
      <c r="AE5905">
        <v>161</v>
      </c>
      <c r="AF5905">
        <v>164</v>
      </c>
      <c r="AG5905">
        <v>166</v>
      </c>
      <c r="AH5905">
        <v>168</v>
      </c>
      <c r="AI5905">
        <v>170</v>
      </c>
      <c r="AJ5905">
        <v>172</v>
      </c>
      <c r="AK5905">
        <v>175</v>
      </c>
      <c r="AL5905">
        <v>176</v>
      </c>
      <c r="AM5905">
        <v>176</v>
      </c>
      <c r="AN5905">
        <v>177</v>
      </c>
      <c r="AO5905">
        <v>177</v>
      </c>
      <c r="AP5905">
        <v>178</v>
      </c>
      <c r="AQ5905">
        <v>178</v>
      </c>
    </row>
    <row r="5906" spans="1:43">
      <c r="A5906" t="s">
        <v>3702</v>
      </c>
      <c r="B5906" t="s">
        <v>3703</v>
      </c>
      <c r="C5906" t="s">
        <v>3704</v>
      </c>
      <c r="D5906" t="s">
        <v>3705</v>
      </c>
      <c r="E5906" t="s">
        <v>3660</v>
      </c>
      <c r="F5906" t="s">
        <v>3661</v>
      </c>
      <c r="G5906" t="s">
        <v>80</v>
      </c>
      <c r="H5906" t="s">
        <v>81</v>
      </c>
      <c r="I5906" s="2">
        <v>0</v>
      </c>
      <c r="J5906" s="2">
        <v>1</v>
      </c>
      <c r="K5906" s="2">
        <v>0</v>
      </c>
      <c r="L5906" t="s">
        <v>82</v>
      </c>
      <c r="M5906" t="s">
        <v>83</v>
      </c>
      <c r="N5906" t="s">
        <v>84</v>
      </c>
      <c r="O5906" t="s">
        <v>85</v>
      </c>
      <c r="P5906" t="s">
        <v>86</v>
      </c>
      <c r="Q5906">
        <v>72</v>
      </c>
      <c r="R5906">
        <v>74</v>
      </c>
      <c r="S5906">
        <v>75</v>
      </c>
      <c r="T5906">
        <v>76</v>
      </c>
      <c r="U5906">
        <v>78</v>
      </c>
      <c r="V5906">
        <v>79</v>
      </c>
      <c r="W5906">
        <v>80</v>
      </c>
      <c r="X5906">
        <v>82</v>
      </c>
      <c r="Y5906">
        <v>83</v>
      </c>
      <c r="Z5906">
        <v>84</v>
      </c>
      <c r="AA5906">
        <v>86</v>
      </c>
      <c r="AB5906">
        <v>87</v>
      </c>
      <c r="AC5906">
        <v>88</v>
      </c>
      <c r="AD5906">
        <v>90</v>
      </c>
      <c r="AE5906">
        <v>91</v>
      </c>
      <c r="AF5906">
        <v>92</v>
      </c>
      <c r="AG5906">
        <v>93</v>
      </c>
      <c r="AH5906">
        <v>95</v>
      </c>
      <c r="AI5906">
        <v>96</v>
      </c>
      <c r="AJ5906">
        <v>97</v>
      </c>
      <c r="AK5906">
        <v>98</v>
      </c>
      <c r="AL5906">
        <v>99</v>
      </c>
      <c r="AM5906">
        <v>99</v>
      </c>
      <c r="AN5906">
        <v>99</v>
      </c>
      <c r="AO5906">
        <v>100</v>
      </c>
      <c r="AP5906">
        <v>100</v>
      </c>
      <c r="AQ5906">
        <v>100</v>
      </c>
    </row>
    <row r="5907" spans="1:43">
      <c r="A5907" t="s">
        <v>3702</v>
      </c>
      <c r="B5907" t="s">
        <v>3703</v>
      </c>
      <c r="C5907" t="s">
        <v>3704</v>
      </c>
      <c r="D5907" t="s">
        <v>3705</v>
      </c>
      <c r="E5907" t="s">
        <v>3660</v>
      </c>
      <c r="F5907" t="s">
        <v>3661</v>
      </c>
      <c r="G5907" t="s">
        <v>80</v>
      </c>
      <c r="H5907" t="s">
        <v>81</v>
      </c>
      <c r="I5907" s="2">
        <v>0</v>
      </c>
      <c r="J5907" s="2">
        <v>1</v>
      </c>
      <c r="K5907" s="2">
        <v>0</v>
      </c>
      <c r="L5907" t="s">
        <v>82</v>
      </c>
      <c r="M5907" t="s">
        <v>87</v>
      </c>
      <c r="N5907" t="s">
        <v>88</v>
      </c>
      <c r="O5907" t="s">
        <v>85</v>
      </c>
      <c r="P5907" t="s">
        <v>86</v>
      </c>
      <c r="Q5907">
        <v>72</v>
      </c>
      <c r="R5907">
        <v>73</v>
      </c>
      <c r="S5907">
        <v>74</v>
      </c>
      <c r="T5907">
        <v>75</v>
      </c>
      <c r="U5907">
        <v>75</v>
      </c>
      <c r="V5907">
        <v>76</v>
      </c>
      <c r="W5907">
        <v>77</v>
      </c>
      <c r="X5907">
        <v>77</v>
      </c>
      <c r="Y5907">
        <v>78</v>
      </c>
      <c r="Z5907">
        <v>78</v>
      </c>
      <c r="AA5907">
        <v>79</v>
      </c>
      <c r="AB5907">
        <v>80</v>
      </c>
      <c r="AC5907">
        <v>80</v>
      </c>
      <c r="AD5907">
        <v>81</v>
      </c>
      <c r="AE5907">
        <v>81</v>
      </c>
      <c r="AF5907">
        <v>82</v>
      </c>
      <c r="AG5907">
        <v>83</v>
      </c>
      <c r="AH5907">
        <v>83</v>
      </c>
      <c r="AI5907">
        <v>84</v>
      </c>
      <c r="AJ5907">
        <v>84</v>
      </c>
      <c r="AK5907">
        <v>85</v>
      </c>
      <c r="AL5907">
        <v>85</v>
      </c>
      <c r="AM5907">
        <v>86</v>
      </c>
      <c r="AN5907">
        <v>86</v>
      </c>
      <c r="AO5907">
        <v>87</v>
      </c>
      <c r="AP5907">
        <v>88</v>
      </c>
      <c r="AQ5907">
        <v>88</v>
      </c>
    </row>
    <row r="5908" spans="1:43">
      <c r="A5908" t="s">
        <v>3702</v>
      </c>
      <c r="B5908" t="s">
        <v>3703</v>
      </c>
      <c r="C5908" t="s">
        <v>3704</v>
      </c>
      <c r="D5908" t="s">
        <v>3705</v>
      </c>
      <c r="E5908" t="s">
        <v>3660</v>
      </c>
      <c r="F5908" t="s">
        <v>3661</v>
      </c>
      <c r="G5908" t="s">
        <v>80</v>
      </c>
      <c r="H5908" t="s">
        <v>81</v>
      </c>
      <c r="I5908" s="2">
        <v>0</v>
      </c>
      <c r="J5908" s="2">
        <v>1</v>
      </c>
      <c r="K5908" s="2">
        <v>0</v>
      </c>
      <c r="L5908" t="s">
        <v>82</v>
      </c>
      <c r="M5908" t="s">
        <v>89</v>
      </c>
      <c r="N5908" t="s">
        <v>90</v>
      </c>
      <c r="O5908" t="s">
        <v>85</v>
      </c>
      <c r="P5908" t="s">
        <v>86</v>
      </c>
      <c r="Q5908">
        <v>72</v>
      </c>
      <c r="R5908">
        <v>74</v>
      </c>
      <c r="S5908">
        <v>76</v>
      </c>
      <c r="T5908">
        <v>78</v>
      </c>
      <c r="U5908">
        <v>80</v>
      </c>
      <c r="V5908">
        <v>82</v>
      </c>
      <c r="W5908">
        <v>84</v>
      </c>
      <c r="X5908">
        <v>85</v>
      </c>
      <c r="Y5908">
        <v>87</v>
      </c>
      <c r="Z5908">
        <v>89</v>
      </c>
      <c r="AA5908">
        <v>90</v>
      </c>
      <c r="AB5908">
        <v>92</v>
      </c>
      <c r="AC5908">
        <v>94</v>
      </c>
      <c r="AD5908">
        <v>95</v>
      </c>
      <c r="AE5908">
        <v>96</v>
      </c>
      <c r="AF5908">
        <v>97</v>
      </c>
      <c r="AG5908">
        <v>97</v>
      </c>
      <c r="AH5908">
        <v>97</v>
      </c>
      <c r="AI5908">
        <v>98</v>
      </c>
      <c r="AJ5908">
        <v>98</v>
      </c>
      <c r="AK5908">
        <v>98</v>
      </c>
      <c r="AL5908">
        <v>99</v>
      </c>
      <c r="AM5908">
        <v>99</v>
      </c>
      <c r="AN5908">
        <v>99</v>
      </c>
      <c r="AO5908">
        <v>99</v>
      </c>
      <c r="AP5908">
        <v>100</v>
      </c>
      <c r="AQ5908">
        <v>100</v>
      </c>
    </row>
    <row r="5909" spans="1:43">
      <c r="A5909" t="s">
        <v>3702</v>
      </c>
      <c r="B5909" t="s">
        <v>3703</v>
      </c>
      <c r="C5909" t="s">
        <v>3704</v>
      </c>
      <c r="D5909" t="s">
        <v>3705</v>
      </c>
      <c r="E5909" t="s">
        <v>3660</v>
      </c>
      <c r="F5909" t="s">
        <v>3661</v>
      </c>
      <c r="G5909" t="s">
        <v>80</v>
      </c>
      <c r="H5909" t="s">
        <v>81</v>
      </c>
      <c r="I5909" s="2">
        <v>0</v>
      </c>
      <c r="J5909" s="2">
        <v>1</v>
      </c>
      <c r="K5909" s="2">
        <v>0</v>
      </c>
      <c r="L5909" t="s">
        <v>82</v>
      </c>
      <c r="M5909" t="s">
        <v>83</v>
      </c>
      <c r="N5909" t="s">
        <v>91</v>
      </c>
      <c r="O5909" t="s">
        <v>85</v>
      </c>
      <c r="P5909" t="s">
        <v>86</v>
      </c>
      <c r="Q5909">
        <v>72</v>
      </c>
      <c r="R5909">
        <v>74</v>
      </c>
      <c r="S5909">
        <v>75</v>
      </c>
      <c r="T5909">
        <v>76</v>
      </c>
      <c r="U5909">
        <v>78</v>
      </c>
      <c r="V5909">
        <v>79</v>
      </c>
      <c r="W5909">
        <v>80</v>
      </c>
      <c r="X5909">
        <v>82</v>
      </c>
      <c r="Y5909">
        <v>83</v>
      </c>
      <c r="Z5909">
        <v>84</v>
      </c>
      <c r="AA5909">
        <v>86</v>
      </c>
      <c r="AB5909">
        <v>87</v>
      </c>
      <c r="AC5909">
        <v>88</v>
      </c>
      <c r="AD5909">
        <v>90</v>
      </c>
      <c r="AE5909">
        <v>91</v>
      </c>
      <c r="AF5909">
        <v>92</v>
      </c>
      <c r="AG5909">
        <v>93</v>
      </c>
      <c r="AH5909">
        <v>95</v>
      </c>
      <c r="AI5909">
        <v>96</v>
      </c>
      <c r="AJ5909">
        <v>97</v>
      </c>
      <c r="AK5909">
        <v>98</v>
      </c>
      <c r="AL5909">
        <v>99</v>
      </c>
      <c r="AM5909">
        <v>99</v>
      </c>
      <c r="AN5909">
        <v>99</v>
      </c>
      <c r="AO5909">
        <v>100</v>
      </c>
      <c r="AP5909">
        <v>100</v>
      </c>
      <c r="AQ5909">
        <v>100</v>
      </c>
    </row>
    <row r="5910" spans="1:43">
      <c r="A5910" t="s">
        <v>3706</v>
      </c>
      <c r="B5910" t="s">
        <v>3707</v>
      </c>
      <c r="C5910" t="s">
        <v>3698</v>
      </c>
      <c r="D5910" t="s">
        <v>3699</v>
      </c>
      <c r="E5910" t="s">
        <v>3660</v>
      </c>
      <c r="F5910" t="s">
        <v>3661</v>
      </c>
      <c r="G5910" t="s">
        <v>80</v>
      </c>
      <c r="H5910" t="s">
        <v>81</v>
      </c>
      <c r="I5910" s="2">
        <v>0</v>
      </c>
      <c r="J5910" s="2">
        <v>1</v>
      </c>
      <c r="K5910" s="2">
        <v>0</v>
      </c>
      <c r="L5910" t="s">
        <v>82</v>
      </c>
      <c r="M5910" t="s">
        <v>83</v>
      </c>
      <c r="N5910" t="s">
        <v>84</v>
      </c>
      <c r="O5910" t="s">
        <v>85</v>
      </c>
      <c r="P5910" t="s">
        <v>86</v>
      </c>
      <c r="Q5910">
        <v>41</v>
      </c>
      <c r="R5910">
        <v>42</v>
      </c>
      <c r="S5910">
        <v>43</v>
      </c>
      <c r="T5910">
        <v>43</v>
      </c>
      <c r="U5910">
        <v>44</v>
      </c>
      <c r="V5910">
        <v>45</v>
      </c>
      <c r="W5910">
        <v>46</v>
      </c>
      <c r="X5910">
        <v>46</v>
      </c>
      <c r="Y5910">
        <v>47</v>
      </c>
      <c r="Z5910">
        <v>48</v>
      </c>
      <c r="AA5910">
        <v>49</v>
      </c>
      <c r="AB5910">
        <v>50</v>
      </c>
      <c r="AC5910">
        <v>50</v>
      </c>
      <c r="AD5910">
        <v>51</v>
      </c>
      <c r="AE5910">
        <v>52</v>
      </c>
      <c r="AF5910">
        <v>52</v>
      </c>
      <c r="AG5910">
        <v>53</v>
      </c>
      <c r="AH5910">
        <v>54</v>
      </c>
      <c r="AI5910">
        <v>54</v>
      </c>
      <c r="AJ5910">
        <v>55</v>
      </c>
      <c r="AK5910">
        <v>56</v>
      </c>
      <c r="AL5910">
        <v>56</v>
      </c>
      <c r="AM5910">
        <v>56</v>
      </c>
      <c r="AN5910">
        <v>57</v>
      </c>
      <c r="AO5910">
        <v>57</v>
      </c>
      <c r="AP5910">
        <v>57</v>
      </c>
      <c r="AQ5910">
        <v>57</v>
      </c>
    </row>
    <row r="5911" spans="1:43">
      <c r="A5911" t="s">
        <v>3706</v>
      </c>
      <c r="B5911" t="s">
        <v>3707</v>
      </c>
      <c r="C5911" t="s">
        <v>3698</v>
      </c>
      <c r="D5911" t="s">
        <v>3699</v>
      </c>
      <c r="E5911" t="s">
        <v>3660</v>
      </c>
      <c r="F5911" t="s">
        <v>3661</v>
      </c>
      <c r="G5911" t="s">
        <v>80</v>
      </c>
      <c r="H5911" t="s">
        <v>81</v>
      </c>
      <c r="I5911" s="2">
        <v>0</v>
      </c>
      <c r="J5911" s="2">
        <v>1</v>
      </c>
      <c r="K5911" s="2">
        <v>0</v>
      </c>
      <c r="L5911" t="s">
        <v>82</v>
      </c>
      <c r="M5911" t="s">
        <v>87</v>
      </c>
      <c r="N5911" t="s">
        <v>88</v>
      </c>
      <c r="O5911" t="s">
        <v>85</v>
      </c>
      <c r="P5911" t="s">
        <v>86</v>
      </c>
      <c r="Q5911">
        <v>41</v>
      </c>
      <c r="R5911">
        <v>41</v>
      </c>
      <c r="S5911">
        <v>41</v>
      </c>
      <c r="T5911">
        <v>42</v>
      </c>
      <c r="U5911">
        <v>42</v>
      </c>
      <c r="V5911">
        <v>43</v>
      </c>
      <c r="W5911">
        <v>43</v>
      </c>
      <c r="X5911">
        <v>43</v>
      </c>
      <c r="Y5911">
        <v>44</v>
      </c>
      <c r="Z5911">
        <v>44</v>
      </c>
      <c r="AA5911">
        <v>44</v>
      </c>
      <c r="AB5911">
        <v>45</v>
      </c>
      <c r="AC5911">
        <v>45</v>
      </c>
      <c r="AD5911">
        <v>45</v>
      </c>
      <c r="AE5911">
        <v>46</v>
      </c>
      <c r="AF5911">
        <v>46</v>
      </c>
      <c r="AG5911">
        <v>46</v>
      </c>
      <c r="AH5911">
        <v>47</v>
      </c>
      <c r="AI5911">
        <v>47</v>
      </c>
      <c r="AJ5911">
        <v>47</v>
      </c>
      <c r="AK5911">
        <v>48</v>
      </c>
      <c r="AL5911">
        <v>48</v>
      </c>
      <c r="AM5911">
        <v>48</v>
      </c>
      <c r="AN5911">
        <v>49</v>
      </c>
      <c r="AO5911">
        <v>49</v>
      </c>
      <c r="AP5911">
        <v>49</v>
      </c>
      <c r="AQ5911">
        <v>50</v>
      </c>
    </row>
    <row r="5912" spans="1:43">
      <c r="A5912" t="s">
        <v>3706</v>
      </c>
      <c r="B5912" t="s">
        <v>3707</v>
      </c>
      <c r="C5912" t="s">
        <v>3698</v>
      </c>
      <c r="D5912" t="s">
        <v>3699</v>
      </c>
      <c r="E5912" t="s">
        <v>3660</v>
      </c>
      <c r="F5912" t="s">
        <v>3661</v>
      </c>
      <c r="G5912" t="s">
        <v>80</v>
      </c>
      <c r="H5912" t="s">
        <v>81</v>
      </c>
      <c r="I5912" s="2">
        <v>0</v>
      </c>
      <c r="J5912" s="2">
        <v>1</v>
      </c>
      <c r="K5912" s="2">
        <v>0</v>
      </c>
      <c r="L5912" t="s">
        <v>82</v>
      </c>
      <c r="M5912" t="s">
        <v>89</v>
      </c>
      <c r="N5912" t="s">
        <v>90</v>
      </c>
      <c r="O5912" t="s">
        <v>85</v>
      </c>
      <c r="P5912" t="s">
        <v>86</v>
      </c>
      <c r="Q5912">
        <v>41</v>
      </c>
      <c r="R5912">
        <v>43</v>
      </c>
      <c r="S5912">
        <v>44</v>
      </c>
      <c r="T5912">
        <v>45</v>
      </c>
      <c r="U5912">
        <v>46</v>
      </c>
      <c r="V5912">
        <v>47</v>
      </c>
      <c r="W5912">
        <v>48</v>
      </c>
      <c r="X5912">
        <v>49</v>
      </c>
      <c r="Y5912">
        <v>50</v>
      </c>
      <c r="Z5912">
        <v>51</v>
      </c>
      <c r="AA5912">
        <v>52</v>
      </c>
      <c r="AB5912">
        <v>53</v>
      </c>
      <c r="AC5912">
        <v>54</v>
      </c>
      <c r="AD5912">
        <v>55</v>
      </c>
      <c r="AE5912">
        <v>55</v>
      </c>
      <c r="AF5912">
        <v>56</v>
      </c>
      <c r="AG5912">
        <v>56</v>
      </c>
      <c r="AH5912">
        <v>56</v>
      </c>
      <c r="AI5912">
        <v>56</v>
      </c>
      <c r="AJ5912">
        <v>56</v>
      </c>
      <c r="AK5912">
        <v>56</v>
      </c>
      <c r="AL5912">
        <v>57</v>
      </c>
      <c r="AM5912">
        <v>57</v>
      </c>
      <c r="AN5912">
        <v>57</v>
      </c>
      <c r="AO5912">
        <v>57</v>
      </c>
      <c r="AP5912">
        <v>57</v>
      </c>
      <c r="AQ5912">
        <v>57</v>
      </c>
    </row>
    <row r="5913" spans="1:43">
      <c r="A5913" t="s">
        <v>3706</v>
      </c>
      <c r="B5913" t="s">
        <v>3707</v>
      </c>
      <c r="C5913" t="s">
        <v>3698</v>
      </c>
      <c r="D5913" t="s">
        <v>3699</v>
      </c>
      <c r="E5913" t="s">
        <v>3660</v>
      </c>
      <c r="F5913" t="s">
        <v>3661</v>
      </c>
      <c r="G5913" t="s">
        <v>80</v>
      </c>
      <c r="H5913" t="s">
        <v>81</v>
      </c>
      <c r="I5913" s="2">
        <v>0</v>
      </c>
      <c r="J5913" s="2">
        <v>1</v>
      </c>
      <c r="K5913" s="2">
        <v>0</v>
      </c>
      <c r="L5913" t="s">
        <v>82</v>
      </c>
      <c r="M5913" t="s">
        <v>83</v>
      </c>
      <c r="N5913" t="s">
        <v>91</v>
      </c>
      <c r="O5913" t="s">
        <v>85</v>
      </c>
      <c r="P5913" t="s">
        <v>86</v>
      </c>
      <c r="Q5913">
        <v>41</v>
      </c>
      <c r="R5913">
        <v>42</v>
      </c>
      <c r="S5913">
        <v>43</v>
      </c>
      <c r="T5913">
        <v>43</v>
      </c>
      <c r="U5913">
        <v>44</v>
      </c>
      <c r="V5913">
        <v>45</v>
      </c>
      <c r="W5913">
        <v>46</v>
      </c>
      <c r="X5913">
        <v>46</v>
      </c>
      <c r="Y5913">
        <v>47</v>
      </c>
      <c r="Z5913">
        <v>48</v>
      </c>
      <c r="AA5913">
        <v>49</v>
      </c>
      <c r="AB5913">
        <v>50</v>
      </c>
      <c r="AC5913">
        <v>50</v>
      </c>
      <c r="AD5913">
        <v>51</v>
      </c>
      <c r="AE5913">
        <v>52</v>
      </c>
      <c r="AF5913">
        <v>52</v>
      </c>
      <c r="AG5913">
        <v>53</v>
      </c>
      <c r="AH5913">
        <v>54</v>
      </c>
      <c r="AI5913">
        <v>54</v>
      </c>
      <c r="AJ5913">
        <v>55</v>
      </c>
      <c r="AK5913">
        <v>56</v>
      </c>
      <c r="AL5913">
        <v>56</v>
      </c>
      <c r="AM5913">
        <v>56</v>
      </c>
      <c r="AN5913">
        <v>57</v>
      </c>
      <c r="AO5913">
        <v>57</v>
      </c>
      <c r="AP5913">
        <v>57</v>
      </c>
      <c r="AQ5913">
        <v>57</v>
      </c>
    </row>
    <row r="5914" spans="1:43">
      <c r="A5914" t="s">
        <v>3708</v>
      </c>
      <c r="B5914" t="s">
        <v>3709</v>
      </c>
      <c r="C5914" t="s">
        <v>3710</v>
      </c>
      <c r="D5914" t="s">
        <v>3711</v>
      </c>
      <c r="E5914" t="s">
        <v>3660</v>
      </c>
      <c r="F5914" t="s">
        <v>3661</v>
      </c>
      <c r="G5914" t="s">
        <v>80</v>
      </c>
      <c r="H5914" t="s">
        <v>81</v>
      </c>
      <c r="I5914" s="2">
        <v>0</v>
      </c>
      <c r="J5914" s="2">
        <v>1</v>
      </c>
      <c r="K5914" s="2">
        <v>0</v>
      </c>
      <c r="L5914" t="s">
        <v>82</v>
      </c>
      <c r="M5914" t="s">
        <v>83</v>
      </c>
      <c r="N5914" t="s">
        <v>84</v>
      </c>
      <c r="O5914" t="s">
        <v>85</v>
      </c>
      <c r="P5914" t="s">
        <v>86</v>
      </c>
      <c r="Q5914">
        <v>73</v>
      </c>
      <c r="R5914">
        <v>75</v>
      </c>
      <c r="S5914">
        <v>76</v>
      </c>
      <c r="T5914">
        <v>77</v>
      </c>
      <c r="U5914">
        <v>79</v>
      </c>
      <c r="V5914">
        <v>80</v>
      </c>
      <c r="W5914">
        <v>82</v>
      </c>
      <c r="X5914">
        <v>83</v>
      </c>
      <c r="Y5914">
        <v>84</v>
      </c>
      <c r="Z5914">
        <v>86</v>
      </c>
      <c r="AA5914">
        <v>87</v>
      </c>
      <c r="AB5914">
        <v>88</v>
      </c>
      <c r="AC5914">
        <v>90</v>
      </c>
      <c r="AD5914">
        <v>91</v>
      </c>
      <c r="AE5914">
        <v>92</v>
      </c>
      <c r="AF5914">
        <v>94</v>
      </c>
      <c r="AG5914">
        <v>95</v>
      </c>
      <c r="AH5914">
        <v>96</v>
      </c>
      <c r="AI5914">
        <v>97</v>
      </c>
      <c r="AJ5914">
        <v>99</v>
      </c>
      <c r="AK5914">
        <v>100</v>
      </c>
      <c r="AL5914">
        <v>100</v>
      </c>
      <c r="AM5914">
        <v>101</v>
      </c>
      <c r="AN5914">
        <v>101</v>
      </c>
      <c r="AO5914">
        <v>101</v>
      </c>
      <c r="AP5914">
        <v>102</v>
      </c>
      <c r="AQ5914">
        <v>102</v>
      </c>
    </row>
    <row r="5915" spans="1:43">
      <c r="A5915" t="s">
        <v>3708</v>
      </c>
      <c r="B5915" t="s">
        <v>3709</v>
      </c>
      <c r="C5915" t="s">
        <v>3710</v>
      </c>
      <c r="D5915" t="s">
        <v>3711</v>
      </c>
      <c r="E5915" t="s">
        <v>3660</v>
      </c>
      <c r="F5915" t="s">
        <v>3661</v>
      </c>
      <c r="G5915" t="s">
        <v>80</v>
      </c>
      <c r="H5915" t="s">
        <v>81</v>
      </c>
      <c r="I5915" s="2">
        <v>0</v>
      </c>
      <c r="J5915" s="2">
        <v>1</v>
      </c>
      <c r="K5915" s="2">
        <v>0</v>
      </c>
      <c r="L5915" t="s">
        <v>82</v>
      </c>
      <c r="M5915" t="s">
        <v>87</v>
      </c>
      <c r="N5915" t="s">
        <v>88</v>
      </c>
      <c r="O5915" t="s">
        <v>85</v>
      </c>
      <c r="P5915" t="s">
        <v>86</v>
      </c>
      <c r="Q5915">
        <v>73</v>
      </c>
      <c r="R5915">
        <v>73</v>
      </c>
      <c r="S5915">
        <v>74</v>
      </c>
      <c r="T5915">
        <v>75</v>
      </c>
      <c r="U5915">
        <v>75</v>
      </c>
      <c r="V5915">
        <v>76</v>
      </c>
      <c r="W5915">
        <v>77</v>
      </c>
      <c r="X5915">
        <v>77</v>
      </c>
      <c r="Y5915">
        <v>78</v>
      </c>
      <c r="Z5915">
        <v>79</v>
      </c>
      <c r="AA5915">
        <v>79</v>
      </c>
      <c r="AB5915">
        <v>80</v>
      </c>
      <c r="AC5915">
        <v>81</v>
      </c>
      <c r="AD5915">
        <v>81</v>
      </c>
      <c r="AE5915">
        <v>82</v>
      </c>
      <c r="AF5915">
        <v>82</v>
      </c>
      <c r="AG5915">
        <v>83</v>
      </c>
      <c r="AH5915">
        <v>83</v>
      </c>
      <c r="AI5915">
        <v>84</v>
      </c>
      <c r="AJ5915">
        <v>85</v>
      </c>
      <c r="AK5915">
        <v>85</v>
      </c>
      <c r="AL5915">
        <v>86</v>
      </c>
      <c r="AM5915">
        <v>86</v>
      </c>
      <c r="AN5915">
        <v>87</v>
      </c>
      <c r="AO5915">
        <v>87</v>
      </c>
      <c r="AP5915">
        <v>88</v>
      </c>
      <c r="AQ5915">
        <v>88</v>
      </c>
    </row>
    <row r="5916" spans="1:43">
      <c r="A5916" t="s">
        <v>3708</v>
      </c>
      <c r="B5916" t="s">
        <v>3709</v>
      </c>
      <c r="C5916" t="s">
        <v>3710</v>
      </c>
      <c r="D5916" t="s">
        <v>3711</v>
      </c>
      <c r="E5916" t="s">
        <v>3660</v>
      </c>
      <c r="F5916" t="s">
        <v>3661</v>
      </c>
      <c r="G5916" t="s">
        <v>80</v>
      </c>
      <c r="H5916" t="s">
        <v>81</v>
      </c>
      <c r="I5916" s="2">
        <v>0</v>
      </c>
      <c r="J5916" s="2">
        <v>1</v>
      </c>
      <c r="K5916" s="2">
        <v>0</v>
      </c>
      <c r="L5916" t="s">
        <v>82</v>
      </c>
      <c r="M5916" t="s">
        <v>89</v>
      </c>
      <c r="N5916" t="s">
        <v>90</v>
      </c>
      <c r="O5916" t="s">
        <v>85</v>
      </c>
      <c r="P5916" t="s">
        <v>86</v>
      </c>
      <c r="Q5916">
        <v>73</v>
      </c>
      <c r="R5916">
        <v>75</v>
      </c>
      <c r="S5916">
        <v>77</v>
      </c>
      <c r="T5916">
        <v>79</v>
      </c>
      <c r="U5916">
        <v>81</v>
      </c>
      <c r="V5916">
        <v>83</v>
      </c>
      <c r="W5916">
        <v>85</v>
      </c>
      <c r="X5916">
        <v>87</v>
      </c>
      <c r="Y5916">
        <v>88</v>
      </c>
      <c r="Z5916">
        <v>90</v>
      </c>
      <c r="AA5916">
        <v>92</v>
      </c>
      <c r="AB5916">
        <v>93</v>
      </c>
      <c r="AC5916">
        <v>95</v>
      </c>
      <c r="AD5916">
        <v>97</v>
      </c>
      <c r="AE5916">
        <v>98</v>
      </c>
      <c r="AF5916">
        <v>98</v>
      </c>
      <c r="AG5916">
        <v>99</v>
      </c>
      <c r="AH5916">
        <v>99</v>
      </c>
      <c r="AI5916">
        <v>99</v>
      </c>
      <c r="AJ5916">
        <v>100</v>
      </c>
      <c r="AK5916">
        <v>100</v>
      </c>
      <c r="AL5916">
        <v>100</v>
      </c>
      <c r="AM5916">
        <v>101</v>
      </c>
      <c r="AN5916">
        <v>101</v>
      </c>
      <c r="AO5916">
        <v>101</v>
      </c>
      <c r="AP5916">
        <v>101</v>
      </c>
      <c r="AQ5916">
        <v>102</v>
      </c>
    </row>
    <row r="5917" spans="1:43">
      <c r="A5917" t="s">
        <v>3708</v>
      </c>
      <c r="B5917" t="s">
        <v>3709</v>
      </c>
      <c r="C5917" t="s">
        <v>3710</v>
      </c>
      <c r="D5917" t="s">
        <v>3711</v>
      </c>
      <c r="E5917" t="s">
        <v>3660</v>
      </c>
      <c r="F5917" t="s">
        <v>3661</v>
      </c>
      <c r="G5917" t="s">
        <v>80</v>
      </c>
      <c r="H5917" t="s">
        <v>81</v>
      </c>
      <c r="I5917" s="2">
        <v>0</v>
      </c>
      <c r="J5917" s="2">
        <v>1</v>
      </c>
      <c r="K5917" s="2">
        <v>0</v>
      </c>
      <c r="L5917" t="s">
        <v>82</v>
      </c>
      <c r="M5917" t="s">
        <v>83</v>
      </c>
      <c r="N5917" t="s">
        <v>91</v>
      </c>
      <c r="O5917" t="s">
        <v>85</v>
      </c>
      <c r="P5917" t="s">
        <v>86</v>
      </c>
      <c r="Q5917">
        <v>73</v>
      </c>
      <c r="R5917">
        <v>75</v>
      </c>
      <c r="S5917">
        <v>76</v>
      </c>
      <c r="T5917">
        <v>77</v>
      </c>
      <c r="U5917">
        <v>79</v>
      </c>
      <c r="V5917">
        <v>80</v>
      </c>
      <c r="W5917">
        <v>82</v>
      </c>
      <c r="X5917">
        <v>83</v>
      </c>
      <c r="Y5917">
        <v>84</v>
      </c>
      <c r="Z5917">
        <v>86</v>
      </c>
      <c r="AA5917">
        <v>87</v>
      </c>
      <c r="AB5917">
        <v>88</v>
      </c>
      <c r="AC5917">
        <v>90</v>
      </c>
      <c r="AD5917">
        <v>91</v>
      </c>
      <c r="AE5917">
        <v>92</v>
      </c>
      <c r="AF5917">
        <v>94</v>
      </c>
      <c r="AG5917">
        <v>95</v>
      </c>
      <c r="AH5917">
        <v>96</v>
      </c>
      <c r="AI5917">
        <v>97</v>
      </c>
      <c r="AJ5917">
        <v>99</v>
      </c>
      <c r="AK5917">
        <v>100</v>
      </c>
      <c r="AL5917">
        <v>100</v>
      </c>
      <c r="AM5917">
        <v>101</v>
      </c>
      <c r="AN5917">
        <v>101</v>
      </c>
      <c r="AO5917">
        <v>101</v>
      </c>
      <c r="AP5917">
        <v>102</v>
      </c>
      <c r="AQ5917">
        <v>102</v>
      </c>
    </row>
    <row r="5918" spans="1:43">
      <c r="A5918" t="s">
        <v>3712</v>
      </c>
      <c r="B5918" t="s">
        <v>3713</v>
      </c>
      <c r="C5918" t="s">
        <v>3704</v>
      </c>
      <c r="D5918" t="s">
        <v>3705</v>
      </c>
      <c r="E5918" t="s">
        <v>3660</v>
      </c>
      <c r="F5918" t="s">
        <v>3661</v>
      </c>
      <c r="G5918" t="s">
        <v>80</v>
      </c>
      <c r="H5918" t="s">
        <v>81</v>
      </c>
      <c r="I5918" s="2">
        <v>0</v>
      </c>
      <c r="J5918" s="2">
        <v>1</v>
      </c>
      <c r="K5918" s="2">
        <v>0</v>
      </c>
      <c r="L5918" t="s">
        <v>82</v>
      </c>
      <c r="M5918" t="s">
        <v>83</v>
      </c>
      <c r="N5918" t="s">
        <v>84</v>
      </c>
      <c r="O5918" t="s">
        <v>85</v>
      </c>
      <c r="P5918" t="s">
        <v>86</v>
      </c>
      <c r="Q5918">
        <v>157</v>
      </c>
      <c r="R5918">
        <v>160</v>
      </c>
      <c r="S5918">
        <v>163</v>
      </c>
      <c r="T5918">
        <v>166</v>
      </c>
      <c r="U5918">
        <v>169</v>
      </c>
      <c r="V5918">
        <v>172</v>
      </c>
      <c r="W5918">
        <v>175</v>
      </c>
      <c r="X5918">
        <v>177</v>
      </c>
      <c r="Y5918">
        <v>180</v>
      </c>
      <c r="Z5918">
        <v>183</v>
      </c>
      <c r="AA5918">
        <v>186</v>
      </c>
      <c r="AB5918">
        <v>189</v>
      </c>
      <c r="AC5918">
        <v>192</v>
      </c>
      <c r="AD5918">
        <v>195</v>
      </c>
      <c r="AE5918">
        <v>197</v>
      </c>
      <c r="AF5918">
        <v>200</v>
      </c>
      <c r="AG5918">
        <v>203</v>
      </c>
      <c r="AH5918">
        <v>206</v>
      </c>
      <c r="AI5918">
        <v>208</v>
      </c>
      <c r="AJ5918">
        <v>211</v>
      </c>
      <c r="AK5918">
        <v>214</v>
      </c>
      <c r="AL5918">
        <v>215</v>
      </c>
      <c r="AM5918">
        <v>215</v>
      </c>
      <c r="AN5918">
        <v>216</v>
      </c>
      <c r="AO5918">
        <v>217</v>
      </c>
      <c r="AP5918">
        <v>217</v>
      </c>
      <c r="AQ5918">
        <v>218</v>
      </c>
    </row>
    <row r="5919" spans="1:43">
      <c r="A5919" t="s">
        <v>3712</v>
      </c>
      <c r="B5919" t="s">
        <v>3713</v>
      </c>
      <c r="C5919" t="s">
        <v>3704</v>
      </c>
      <c r="D5919" t="s">
        <v>3705</v>
      </c>
      <c r="E5919" t="s">
        <v>3660</v>
      </c>
      <c r="F5919" t="s">
        <v>3661</v>
      </c>
      <c r="G5919" t="s">
        <v>80</v>
      </c>
      <c r="H5919" t="s">
        <v>81</v>
      </c>
      <c r="I5919" s="2">
        <v>0</v>
      </c>
      <c r="J5919" s="2">
        <v>1</v>
      </c>
      <c r="K5919" s="2">
        <v>0</v>
      </c>
      <c r="L5919" t="s">
        <v>82</v>
      </c>
      <c r="M5919" t="s">
        <v>87</v>
      </c>
      <c r="N5919" t="s">
        <v>88</v>
      </c>
      <c r="O5919" t="s">
        <v>85</v>
      </c>
      <c r="P5919" t="s">
        <v>86</v>
      </c>
      <c r="Q5919">
        <v>157</v>
      </c>
      <c r="R5919">
        <v>159</v>
      </c>
      <c r="S5919">
        <v>160</v>
      </c>
      <c r="T5919">
        <v>162</v>
      </c>
      <c r="U5919">
        <v>163</v>
      </c>
      <c r="V5919">
        <v>165</v>
      </c>
      <c r="W5919">
        <v>166</v>
      </c>
      <c r="X5919">
        <v>167</v>
      </c>
      <c r="Y5919">
        <v>169</v>
      </c>
      <c r="Z5919">
        <v>170</v>
      </c>
      <c r="AA5919">
        <v>172</v>
      </c>
      <c r="AB5919">
        <v>173</v>
      </c>
      <c r="AC5919">
        <v>174</v>
      </c>
      <c r="AD5919">
        <v>175</v>
      </c>
      <c r="AE5919">
        <v>177</v>
      </c>
      <c r="AF5919">
        <v>178</v>
      </c>
      <c r="AG5919">
        <v>179</v>
      </c>
      <c r="AH5919">
        <v>180</v>
      </c>
      <c r="AI5919">
        <v>182</v>
      </c>
      <c r="AJ5919">
        <v>183</v>
      </c>
      <c r="AK5919">
        <v>184</v>
      </c>
      <c r="AL5919">
        <v>185</v>
      </c>
      <c r="AM5919">
        <v>186</v>
      </c>
      <c r="AN5919">
        <v>188</v>
      </c>
      <c r="AO5919">
        <v>189</v>
      </c>
      <c r="AP5919">
        <v>190</v>
      </c>
      <c r="AQ5919">
        <v>191</v>
      </c>
    </row>
    <row r="5920" spans="1:43">
      <c r="A5920" t="s">
        <v>3712</v>
      </c>
      <c r="B5920" t="s">
        <v>3713</v>
      </c>
      <c r="C5920" t="s">
        <v>3704</v>
      </c>
      <c r="D5920" t="s">
        <v>3705</v>
      </c>
      <c r="E5920" t="s">
        <v>3660</v>
      </c>
      <c r="F5920" t="s">
        <v>3661</v>
      </c>
      <c r="G5920" t="s">
        <v>80</v>
      </c>
      <c r="H5920" t="s">
        <v>81</v>
      </c>
      <c r="I5920" s="2">
        <v>0</v>
      </c>
      <c r="J5920" s="2">
        <v>1</v>
      </c>
      <c r="K5920" s="2">
        <v>0</v>
      </c>
      <c r="L5920" t="s">
        <v>82</v>
      </c>
      <c r="M5920" t="s">
        <v>89</v>
      </c>
      <c r="N5920" t="s">
        <v>90</v>
      </c>
      <c r="O5920" t="s">
        <v>85</v>
      </c>
      <c r="P5920" t="s">
        <v>86</v>
      </c>
      <c r="Q5920">
        <v>157</v>
      </c>
      <c r="R5920">
        <v>161</v>
      </c>
      <c r="S5920">
        <v>166</v>
      </c>
      <c r="T5920">
        <v>170</v>
      </c>
      <c r="U5920">
        <v>174</v>
      </c>
      <c r="V5920">
        <v>178</v>
      </c>
      <c r="W5920">
        <v>183</v>
      </c>
      <c r="X5920">
        <v>186</v>
      </c>
      <c r="Y5920">
        <v>190</v>
      </c>
      <c r="Z5920">
        <v>194</v>
      </c>
      <c r="AA5920">
        <v>197</v>
      </c>
      <c r="AB5920">
        <v>201</v>
      </c>
      <c r="AC5920">
        <v>205</v>
      </c>
      <c r="AD5920">
        <v>208</v>
      </c>
      <c r="AE5920">
        <v>211</v>
      </c>
      <c r="AF5920">
        <v>211</v>
      </c>
      <c r="AG5920">
        <v>212</v>
      </c>
      <c r="AH5920">
        <v>213</v>
      </c>
      <c r="AI5920">
        <v>214</v>
      </c>
      <c r="AJ5920">
        <v>214</v>
      </c>
      <c r="AK5920">
        <v>215</v>
      </c>
      <c r="AL5920">
        <v>215</v>
      </c>
      <c r="AM5920">
        <v>216</v>
      </c>
      <c r="AN5920">
        <v>216</v>
      </c>
      <c r="AO5920">
        <v>217</v>
      </c>
      <c r="AP5920">
        <v>217</v>
      </c>
      <c r="AQ5920">
        <v>218</v>
      </c>
    </row>
    <row r="5921" spans="1:43">
      <c r="A5921" t="s">
        <v>3712</v>
      </c>
      <c r="B5921" t="s">
        <v>3713</v>
      </c>
      <c r="C5921" t="s">
        <v>3704</v>
      </c>
      <c r="D5921" t="s">
        <v>3705</v>
      </c>
      <c r="E5921" t="s">
        <v>3660</v>
      </c>
      <c r="F5921" t="s">
        <v>3661</v>
      </c>
      <c r="G5921" t="s">
        <v>80</v>
      </c>
      <c r="H5921" t="s">
        <v>81</v>
      </c>
      <c r="I5921" s="2">
        <v>0</v>
      </c>
      <c r="J5921" s="2">
        <v>1</v>
      </c>
      <c r="K5921" s="2">
        <v>0</v>
      </c>
      <c r="L5921" t="s">
        <v>82</v>
      </c>
      <c r="M5921" t="s">
        <v>83</v>
      </c>
      <c r="N5921" t="s">
        <v>91</v>
      </c>
      <c r="O5921" t="s">
        <v>85</v>
      </c>
      <c r="P5921" t="s">
        <v>86</v>
      </c>
      <c r="Q5921">
        <v>157</v>
      </c>
      <c r="R5921">
        <v>160</v>
      </c>
      <c r="S5921">
        <v>163</v>
      </c>
      <c r="T5921">
        <v>166</v>
      </c>
      <c r="U5921">
        <v>169</v>
      </c>
      <c r="V5921">
        <v>172</v>
      </c>
      <c r="W5921">
        <v>175</v>
      </c>
      <c r="X5921">
        <v>177</v>
      </c>
      <c r="Y5921">
        <v>180</v>
      </c>
      <c r="Z5921">
        <v>183</v>
      </c>
      <c r="AA5921">
        <v>186</v>
      </c>
      <c r="AB5921">
        <v>189</v>
      </c>
      <c r="AC5921">
        <v>192</v>
      </c>
      <c r="AD5921">
        <v>195</v>
      </c>
      <c r="AE5921">
        <v>197</v>
      </c>
      <c r="AF5921">
        <v>200</v>
      </c>
      <c r="AG5921">
        <v>203</v>
      </c>
      <c r="AH5921">
        <v>206</v>
      </c>
      <c r="AI5921">
        <v>208</v>
      </c>
      <c r="AJ5921">
        <v>211</v>
      </c>
      <c r="AK5921">
        <v>214</v>
      </c>
      <c r="AL5921">
        <v>215</v>
      </c>
      <c r="AM5921">
        <v>215</v>
      </c>
      <c r="AN5921">
        <v>216</v>
      </c>
      <c r="AO5921">
        <v>217</v>
      </c>
      <c r="AP5921">
        <v>217</v>
      </c>
      <c r="AQ5921">
        <v>218</v>
      </c>
    </row>
    <row r="5922" spans="1:43">
      <c r="A5922" t="s">
        <v>3714</v>
      </c>
      <c r="B5922" t="s">
        <v>3715</v>
      </c>
      <c r="C5922" t="s">
        <v>3698</v>
      </c>
      <c r="D5922" t="s">
        <v>3699</v>
      </c>
      <c r="E5922" t="s">
        <v>3660</v>
      </c>
      <c r="F5922" t="s">
        <v>3661</v>
      </c>
      <c r="G5922" t="s">
        <v>80</v>
      </c>
      <c r="H5922" t="s">
        <v>81</v>
      </c>
      <c r="I5922" s="2">
        <v>0</v>
      </c>
      <c r="J5922" s="2">
        <v>1</v>
      </c>
      <c r="K5922" s="2">
        <v>0</v>
      </c>
      <c r="L5922" t="s">
        <v>82</v>
      </c>
      <c r="M5922" t="s">
        <v>83</v>
      </c>
      <c r="N5922" t="s">
        <v>84</v>
      </c>
      <c r="O5922" t="s">
        <v>85</v>
      </c>
      <c r="P5922" t="s">
        <v>86</v>
      </c>
      <c r="Q5922">
        <v>62</v>
      </c>
      <c r="R5922">
        <v>63</v>
      </c>
      <c r="S5922">
        <v>65</v>
      </c>
      <c r="T5922">
        <v>66</v>
      </c>
      <c r="U5922">
        <v>67</v>
      </c>
      <c r="V5922">
        <v>68</v>
      </c>
      <c r="W5922">
        <v>69</v>
      </c>
      <c r="X5922">
        <v>71</v>
      </c>
      <c r="Y5922">
        <v>72</v>
      </c>
      <c r="Z5922">
        <v>73</v>
      </c>
      <c r="AA5922">
        <v>74</v>
      </c>
      <c r="AB5922">
        <v>75</v>
      </c>
      <c r="AC5922">
        <v>76</v>
      </c>
      <c r="AD5922">
        <v>77</v>
      </c>
      <c r="AE5922">
        <v>78</v>
      </c>
      <c r="AF5922">
        <v>80</v>
      </c>
      <c r="AG5922">
        <v>81</v>
      </c>
      <c r="AH5922">
        <v>82</v>
      </c>
      <c r="AI5922">
        <v>83</v>
      </c>
      <c r="AJ5922">
        <v>84</v>
      </c>
      <c r="AK5922">
        <v>85</v>
      </c>
      <c r="AL5922">
        <v>85</v>
      </c>
      <c r="AM5922">
        <v>86</v>
      </c>
      <c r="AN5922">
        <v>86</v>
      </c>
      <c r="AO5922">
        <v>86</v>
      </c>
      <c r="AP5922">
        <v>86</v>
      </c>
      <c r="AQ5922">
        <v>87</v>
      </c>
    </row>
    <row r="5923" spans="1:43">
      <c r="A5923" t="s">
        <v>3714</v>
      </c>
      <c r="B5923" t="s">
        <v>3715</v>
      </c>
      <c r="C5923" t="s">
        <v>3698</v>
      </c>
      <c r="D5923" t="s">
        <v>3699</v>
      </c>
      <c r="E5923" t="s">
        <v>3660</v>
      </c>
      <c r="F5923" t="s">
        <v>3661</v>
      </c>
      <c r="G5923" t="s">
        <v>80</v>
      </c>
      <c r="H5923" t="s">
        <v>81</v>
      </c>
      <c r="I5923" s="2">
        <v>0</v>
      </c>
      <c r="J5923" s="2">
        <v>1</v>
      </c>
      <c r="K5923" s="2">
        <v>0</v>
      </c>
      <c r="L5923" t="s">
        <v>82</v>
      </c>
      <c r="M5923" t="s">
        <v>87</v>
      </c>
      <c r="N5923" t="s">
        <v>88</v>
      </c>
      <c r="O5923" t="s">
        <v>85</v>
      </c>
      <c r="P5923" t="s">
        <v>86</v>
      </c>
      <c r="Q5923">
        <v>62</v>
      </c>
      <c r="R5923">
        <v>62</v>
      </c>
      <c r="S5923">
        <v>63</v>
      </c>
      <c r="T5923">
        <v>63</v>
      </c>
      <c r="U5923">
        <v>64</v>
      </c>
      <c r="V5923">
        <v>65</v>
      </c>
      <c r="W5923">
        <v>65</v>
      </c>
      <c r="X5923">
        <v>66</v>
      </c>
      <c r="Y5923">
        <v>66</v>
      </c>
      <c r="Z5923">
        <v>67</v>
      </c>
      <c r="AA5923">
        <v>67</v>
      </c>
      <c r="AB5923">
        <v>68</v>
      </c>
      <c r="AC5923">
        <v>68</v>
      </c>
      <c r="AD5923">
        <v>69</v>
      </c>
      <c r="AE5923">
        <v>70</v>
      </c>
      <c r="AF5923">
        <v>70</v>
      </c>
      <c r="AG5923">
        <v>71</v>
      </c>
      <c r="AH5923">
        <v>71</v>
      </c>
      <c r="AI5923">
        <v>72</v>
      </c>
      <c r="AJ5923">
        <v>72</v>
      </c>
      <c r="AK5923">
        <v>72</v>
      </c>
      <c r="AL5923">
        <v>73</v>
      </c>
      <c r="AM5923">
        <v>73</v>
      </c>
      <c r="AN5923">
        <v>74</v>
      </c>
      <c r="AO5923">
        <v>74</v>
      </c>
      <c r="AP5923">
        <v>75</v>
      </c>
      <c r="AQ5923">
        <v>75</v>
      </c>
    </row>
    <row r="5924" spans="1:43">
      <c r="A5924" t="s">
        <v>3714</v>
      </c>
      <c r="B5924" t="s">
        <v>3715</v>
      </c>
      <c r="C5924" t="s">
        <v>3698</v>
      </c>
      <c r="D5924" t="s">
        <v>3699</v>
      </c>
      <c r="E5924" t="s">
        <v>3660</v>
      </c>
      <c r="F5924" t="s">
        <v>3661</v>
      </c>
      <c r="G5924" t="s">
        <v>80</v>
      </c>
      <c r="H5924" t="s">
        <v>81</v>
      </c>
      <c r="I5924" s="2">
        <v>0</v>
      </c>
      <c r="J5924" s="2">
        <v>1</v>
      </c>
      <c r="K5924" s="2">
        <v>0</v>
      </c>
      <c r="L5924" t="s">
        <v>82</v>
      </c>
      <c r="M5924" t="s">
        <v>89</v>
      </c>
      <c r="N5924" t="s">
        <v>90</v>
      </c>
      <c r="O5924" t="s">
        <v>85</v>
      </c>
      <c r="P5924" t="s">
        <v>86</v>
      </c>
      <c r="Q5924">
        <v>62</v>
      </c>
      <c r="R5924">
        <v>64</v>
      </c>
      <c r="S5924">
        <v>65</v>
      </c>
      <c r="T5924">
        <v>67</v>
      </c>
      <c r="U5924">
        <v>69</v>
      </c>
      <c r="V5924">
        <v>70</v>
      </c>
      <c r="W5924">
        <v>72</v>
      </c>
      <c r="X5924">
        <v>74</v>
      </c>
      <c r="Y5924">
        <v>75</v>
      </c>
      <c r="Z5924">
        <v>76</v>
      </c>
      <c r="AA5924">
        <v>78</v>
      </c>
      <c r="AB5924">
        <v>79</v>
      </c>
      <c r="AC5924">
        <v>81</v>
      </c>
      <c r="AD5924">
        <v>82</v>
      </c>
      <c r="AE5924">
        <v>83</v>
      </c>
      <c r="AF5924">
        <v>83</v>
      </c>
      <c r="AG5924">
        <v>84</v>
      </c>
      <c r="AH5924">
        <v>84</v>
      </c>
      <c r="AI5924">
        <v>84</v>
      </c>
      <c r="AJ5924">
        <v>85</v>
      </c>
      <c r="AK5924">
        <v>85</v>
      </c>
      <c r="AL5924">
        <v>85</v>
      </c>
      <c r="AM5924">
        <v>85</v>
      </c>
      <c r="AN5924">
        <v>86</v>
      </c>
      <c r="AO5924">
        <v>86</v>
      </c>
      <c r="AP5924">
        <v>86</v>
      </c>
      <c r="AQ5924">
        <v>86</v>
      </c>
    </row>
    <row r="5925" spans="1:43">
      <c r="A5925" t="s">
        <v>3714</v>
      </c>
      <c r="B5925" t="s">
        <v>3715</v>
      </c>
      <c r="C5925" t="s">
        <v>3698</v>
      </c>
      <c r="D5925" t="s">
        <v>3699</v>
      </c>
      <c r="E5925" t="s">
        <v>3660</v>
      </c>
      <c r="F5925" t="s">
        <v>3661</v>
      </c>
      <c r="G5925" t="s">
        <v>80</v>
      </c>
      <c r="H5925" t="s">
        <v>81</v>
      </c>
      <c r="I5925" s="2">
        <v>0</v>
      </c>
      <c r="J5925" s="2">
        <v>1</v>
      </c>
      <c r="K5925" s="2">
        <v>0</v>
      </c>
      <c r="L5925" t="s">
        <v>82</v>
      </c>
      <c r="M5925" t="s">
        <v>83</v>
      </c>
      <c r="N5925" t="s">
        <v>91</v>
      </c>
      <c r="O5925" t="s">
        <v>85</v>
      </c>
      <c r="P5925" t="s">
        <v>86</v>
      </c>
      <c r="Q5925">
        <v>62</v>
      </c>
      <c r="R5925">
        <v>63</v>
      </c>
      <c r="S5925">
        <v>65</v>
      </c>
      <c r="T5925">
        <v>66</v>
      </c>
      <c r="U5925">
        <v>67</v>
      </c>
      <c r="V5925">
        <v>68</v>
      </c>
      <c r="W5925">
        <v>69</v>
      </c>
      <c r="X5925">
        <v>71</v>
      </c>
      <c r="Y5925">
        <v>72</v>
      </c>
      <c r="Z5925">
        <v>73</v>
      </c>
      <c r="AA5925">
        <v>74</v>
      </c>
      <c r="AB5925">
        <v>75</v>
      </c>
      <c r="AC5925">
        <v>76</v>
      </c>
      <c r="AD5925">
        <v>77</v>
      </c>
      <c r="AE5925">
        <v>78</v>
      </c>
      <c r="AF5925">
        <v>80</v>
      </c>
      <c r="AG5925">
        <v>81</v>
      </c>
      <c r="AH5925">
        <v>82</v>
      </c>
      <c r="AI5925">
        <v>83</v>
      </c>
      <c r="AJ5925">
        <v>84</v>
      </c>
      <c r="AK5925">
        <v>85</v>
      </c>
      <c r="AL5925">
        <v>85</v>
      </c>
      <c r="AM5925">
        <v>86</v>
      </c>
      <c r="AN5925">
        <v>86</v>
      </c>
      <c r="AO5925">
        <v>86</v>
      </c>
      <c r="AP5925">
        <v>86</v>
      </c>
      <c r="AQ5925">
        <v>87</v>
      </c>
    </row>
    <row r="5926" spans="1:43">
      <c r="A5926" t="s">
        <v>3716</v>
      </c>
      <c r="B5926" t="s">
        <v>3717</v>
      </c>
      <c r="C5926" t="s">
        <v>3718</v>
      </c>
      <c r="D5926" t="s">
        <v>3719</v>
      </c>
      <c r="E5926" t="s">
        <v>3660</v>
      </c>
      <c r="F5926" t="s">
        <v>3661</v>
      </c>
      <c r="G5926" t="s">
        <v>80</v>
      </c>
      <c r="H5926" t="s">
        <v>81</v>
      </c>
      <c r="I5926" s="2">
        <v>0</v>
      </c>
      <c r="J5926" s="2">
        <v>1</v>
      </c>
      <c r="K5926" s="2">
        <v>0</v>
      </c>
      <c r="L5926" t="s">
        <v>82</v>
      </c>
      <c r="M5926" t="s">
        <v>83</v>
      </c>
      <c r="N5926" t="s">
        <v>84</v>
      </c>
      <c r="O5926" t="s">
        <v>85</v>
      </c>
      <c r="P5926" t="s">
        <v>86</v>
      </c>
      <c r="Q5926">
        <v>50</v>
      </c>
      <c r="R5926">
        <v>51</v>
      </c>
      <c r="S5926">
        <v>52</v>
      </c>
      <c r="T5926">
        <v>53</v>
      </c>
      <c r="U5926">
        <v>54</v>
      </c>
      <c r="V5926">
        <v>55</v>
      </c>
      <c r="W5926">
        <v>56</v>
      </c>
      <c r="X5926">
        <v>57</v>
      </c>
      <c r="Y5926">
        <v>58</v>
      </c>
      <c r="Z5926">
        <v>59</v>
      </c>
      <c r="AA5926">
        <v>60</v>
      </c>
      <c r="AB5926">
        <v>61</v>
      </c>
      <c r="AC5926">
        <v>62</v>
      </c>
      <c r="AD5926">
        <v>63</v>
      </c>
      <c r="AE5926">
        <v>63</v>
      </c>
      <c r="AF5926">
        <v>64</v>
      </c>
      <c r="AG5926">
        <v>65</v>
      </c>
      <c r="AH5926">
        <v>66</v>
      </c>
      <c r="AI5926">
        <v>67</v>
      </c>
      <c r="AJ5926">
        <v>68</v>
      </c>
      <c r="AK5926">
        <v>69</v>
      </c>
      <c r="AL5926">
        <v>69</v>
      </c>
      <c r="AM5926">
        <v>69</v>
      </c>
      <c r="AN5926">
        <v>69</v>
      </c>
      <c r="AO5926">
        <v>70</v>
      </c>
      <c r="AP5926">
        <v>70</v>
      </c>
      <c r="AQ5926">
        <v>70</v>
      </c>
    </row>
    <row r="5927" spans="1:43">
      <c r="A5927" t="s">
        <v>3716</v>
      </c>
      <c r="B5927" t="s">
        <v>3717</v>
      </c>
      <c r="C5927" t="s">
        <v>3718</v>
      </c>
      <c r="D5927" t="s">
        <v>3719</v>
      </c>
      <c r="E5927" t="s">
        <v>3660</v>
      </c>
      <c r="F5927" t="s">
        <v>3661</v>
      </c>
      <c r="G5927" t="s">
        <v>80</v>
      </c>
      <c r="H5927" t="s">
        <v>81</v>
      </c>
      <c r="I5927" s="2">
        <v>0</v>
      </c>
      <c r="J5927" s="2">
        <v>1</v>
      </c>
      <c r="K5927" s="2">
        <v>0</v>
      </c>
      <c r="L5927" t="s">
        <v>82</v>
      </c>
      <c r="M5927" t="s">
        <v>87</v>
      </c>
      <c r="N5927" t="s">
        <v>88</v>
      </c>
      <c r="O5927" t="s">
        <v>85</v>
      </c>
      <c r="P5927" t="s">
        <v>86</v>
      </c>
      <c r="Q5927">
        <v>50</v>
      </c>
      <c r="R5927">
        <v>50</v>
      </c>
      <c r="S5927">
        <v>51</v>
      </c>
      <c r="T5927">
        <v>51</v>
      </c>
      <c r="U5927">
        <v>52</v>
      </c>
      <c r="V5927">
        <v>52</v>
      </c>
      <c r="W5927">
        <v>53</v>
      </c>
      <c r="X5927">
        <v>53</v>
      </c>
      <c r="Y5927">
        <v>54</v>
      </c>
      <c r="Z5927">
        <v>54</v>
      </c>
      <c r="AA5927">
        <v>54</v>
      </c>
      <c r="AB5927">
        <v>55</v>
      </c>
      <c r="AC5927">
        <v>55</v>
      </c>
      <c r="AD5927">
        <v>56</v>
      </c>
      <c r="AE5927">
        <v>56</v>
      </c>
      <c r="AF5927">
        <v>56</v>
      </c>
      <c r="AG5927">
        <v>57</v>
      </c>
      <c r="AH5927">
        <v>57</v>
      </c>
      <c r="AI5927">
        <v>58</v>
      </c>
      <c r="AJ5927">
        <v>58</v>
      </c>
      <c r="AK5927">
        <v>58</v>
      </c>
      <c r="AL5927">
        <v>59</v>
      </c>
      <c r="AM5927">
        <v>59</v>
      </c>
      <c r="AN5927">
        <v>59</v>
      </c>
      <c r="AO5927">
        <v>60</v>
      </c>
      <c r="AP5927">
        <v>60</v>
      </c>
      <c r="AQ5927">
        <v>61</v>
      </c>
    </row>
    <row r="5928" spans="1:43">
      <c r="A5928" t="s">
        <v>3716</v>
      </c>
      <c r="B5928" t="s">
        <v>3717</v>
      </c>
      <c r="C5928" t="s">
        <v>3718</v>
      </c>
      <c r="D5928" t="s">
        <v>3719</v>
      </c>
      <c r="E5928" t="s">
        <v>3660</v>
      </c>
      <c r="F5928" t="s">
        <v>3661</v>
      </c>
      <c r="G5928" t="s">
        <v>80</v>
      </c>
      <c r="H5928" t="s">
        <v>81</v>
      </c>
      <c r="I5928" s="2">
        <v>0</v>
      </c>
      <c r="J5928" s="2">
        <v>1</v>
      </c>
      <c r="K5928" s="2">
        <v>0</v>
      </c>
      <c r="L5928" t="s">
        <v>82</v>
      </c>
      <c r="M5928" t="s">
        <v>89</v>
      </c>
      <c r="N5928" t="s">
        <v>90</v>
      </c>
      <c r="O5928" t="s">
        <v>85</v>
      </c>
      <c r="P5928" t="s">
        <v>86</v>
      </c>
      <c r="Q5928">
        <v>50</v>
      </c>
      <c r="R5928">
        <v>51</v>
      </c>
      <c r="S5928">
        <v>53</v>
      </c>
      <c r="T5928">
        <v>54</v>
      </c>
      <c r="U5928">
        <v>55</v>
      </c>
      <c r="V5928">
        <v>57</v>
      </c>
      <c r="W5928">
        <v>58</v>
      </c>
      <c r="X5928">
        <v>59</v>
      </c>
      <c r="Y5928">
        <v>60</v>
      </c>
      <c r="Z5928">
        <v>62</v>
      </c>
      <c r="AA5928">
        <v>63</v>
      </c>
      <c r="AB5928">
        <v>64</v>
      </c>
      <c r="AC5928">
        <v>65</v>
      </c>
      <c r="AD5928">
        <v>66</v>
      </c>
      <c r="AE5928">
        <v>67</v>
      </c>
      <c r="AF5928">
        <v>67</v>
      </c>
      <c r="AG5928">
        <v>68</v>
      </c>
      <c r="AH5928">
        <v>68</v>
      </c>
      <c r="AI5928">
        <v>68</v>
      </c>
      <c r="AJ5928">
        <v>68</v>
      </c>
      <c r="AK5928">
        <v>68</v>
      </c>
      <c r="AL5928">
        <v>69</v>
      </c>
      <c r="AM5928">
        <v>69</v>
      </c>
      <c r="AN5928">
        <v>69</v>
      </c>
      <c r="AO5928">
        <v>69</v>
      </c>
      <c r="AP5928">
        <v>69</v>
      </c>
      <c r="AQ5928">
        <v>69</v>
      </c>
    </row>
    <row r="5929" spans="1:43">
      <c r="A5929" t="s">
        <v>3716</v>
      </c>
      <c r="B5929" t="s">
        <v>3717</v>
      </c>
      <c r="C5929" t="s">
        <v>3718</v>
      </c>
      <c r="D5929" t="s">
        <v>3719</v>
      </c>
      <c r="E5929" t="s">
        <v>3660</v>
      </c>
      <c r="F5929" t="s">
        <v>3661</v>
      </c>
      <c r="G5929" t="s">
        <v>80</v>
      </c>
      <c r="H5929" t="s">
        <v>81</v>
      </c>
      <c r="I5929" s="2">
        <v>0</v>
      </c>
      <c r="J5929" s="2">
        <v>1</v>
      </c>
      <c r="K5929" s="2">
        <v>0</v>
      </c>
      <c r="L5929" t="s">
        <v>82</v>
      </c>
      <c r="M5929" t="s">
        <v>83</v>
      </c>
      <c r="N5929" t="s">
        <v>91</v>
      </c>
      <c r="O5929" t="s">
        <v>85</v>
      </c>
      <c r="P5929" t="s">
        <v>86</v>
      </c>
      <c r="Q5929">
        <v>50</v>
      </c>
      <c r="R5929">
        <v>51</v>
      </c>
      <c r="S5929">
        <v>52</v>
      </c>
      <c r="T5929">
        <v>53</v>
      </c>
      <c r="U5929">
        <v>54</v>
      </c>
      <c r="V5929">
        <v>55</v>
      </c>
      <c r="W5929">
        <v>56</v>
      </c>
      <c r="X5929">
        <v>57</v>
      </c>
      <c r="Y5929">
        <v>58</v>
      </c>
      <c r="Z5929">
        <v>59</v>
      </c>
      <c r="AA5929">
        <v>60</v>
      </c>
      <c r="AB5929">
        <v>61</v>
      </c>
      <c r="AC5929">
        <v>62</v>
      </c>
      <c r="AD5929">
        <v>63</v>
      </c>
      <c r="AE5929">
        <v>63</v>
      </c>
      <c r="AF5929">
        <v>64</v>
      </c>
      <c r="AG5929">
        <v>65</v>
      </c>
      <c r="AH5929">
        <v>66</v>
      </c>
      <c r="AI5929">
        <v>67</v>
      </c>
      <c r="AJ5929">
        <v>68</v>
      </c>
      <c r="AK5929">
        <v>69</v>
      </c>
      <c r="AL5929">
        <v>69</v>
      </c>
      <c r="AM5929">
        <v>69</v>
      </c>
      <c r="AN5929">
        <v>69</v>
      </c>
      <c r="AO5929">
        <v>70</v>
      </c>
      <c r="AP5929">
        <v>70</v>
      </c>
      <c r="AQ5929">
        <v>70</v>
      </c>
    </row>
    <row r="5930" spans="1:43">
      <c r="A5930" t="s">
        <v>3720</v>
      </c>
      <c r="B5930" t="s">
        <v>3721</v>
      </c>
      <c r="C5930" t="s">
        <v>3718</v>
      </c>
      <c r="D5930" t="s">
        <v>3719</v>
      </c>
      <c r="E5930" t="s">
        <v>3660</v>
      </c>
      <c r="F5930" t="s">
        <v>3661</v>
      </c>
      <c r="G5930" t="s">
        <v>80</v>
      </c>
      <c r="H5930" t="s">
        <v>81</v>
      </c>
      <c r="I5930" s="2">
        <v>0</v>
      </c>
      <c r="J5930" s="2">
        <v>1</v>
      </c>
      <c r="K5930" s="2">
        <v>0</v>
      </c>
      <c r="L5930" t="s">
        <v>82</v>
      </c>
      <c r="M5930" t="s">
        <v>83</v>
      </c>
      <c r="N5930" t="s">
        <v>84</v>
      </c>
      <c r="O5930" t="s">
        <v>85</v>
      </c>
      <c r="P5930" t="s">
        <v>86</v>
      </c>
      <c r="Q5930">
        <v>52</v>
      </c>
      <c r="R5930">
        <v>53</v>
      </c>
      <c r="S5930">
        <v>54</v>
      </c>
      <c r="T5930">
        <v>55</v>
      </c>
      <c r="U5930">
        <v>56</v>
      </c>
      <c r="V5930">
        <v>57</v>
      </c>
      <c r="W5930">
        <v>58</v>
      </c>
      <c r="X5930">
        <v>59</v>
      </c>
      <c r="Y5930">
        <v>60</v>
      </c>
      <c r="Z5930">
        <v>61</v>
      </c>
      <c r="AA5930">
        <v>62</v>
      </c>
      <c r="AB5930">
        <v>63</v>
      </c>
      <c r="AC5930">
        <v>64</v>
      </c>
      <c r="AD5930">
        <v>65</v>
      </c>
      <c r="AE5930">
        <v>65</v>
      </c>
      <c r="AF5930">
        <v>66</v>
      </c>
      <c r="AG5930">
        <v>67</v>
      </c>
      <c r="AH5930">
        <v>68</v>
      </c>
      <c r="AI5930">
        <v>69</v>
      </c>
      <c r="AJ5930">
        <v>70</v>
      </c>
      <c r="AK5930">
        <v>71</v>
      </c>
      <c r="AL5930">
        <v>71</v>
      </c>
      <c r="AM5930">
        <v>71</v>
      </c>
      <c r="AN5930">
        <v>72</v>
      </c>
      <c r="AO5930">
        <v>72</v>
      </c>
      <c r="AP5930">
        <v>72</v>
      </c>
      <c r="AQ5930">
        <v>72</v>
      </c>
    </row>
    <row r="5931" spans="1:43">
      <c r="A5931" t="s">
        <v>3720</v>
      </c>
      <c r="B5931" t="s">
        <v>3721</v>
      </c>
      <c r="C5931" t="s">
        <v>3718</v>
      </c>
      <c r="D5931" t="s">
        <v>3719</v>
      </c>
      <c r="E5931" t="s">
        <v>3660</v>
      </c>
      <c r="F5931" t="s">
        <v>3661</v>
      </c>
      <c r="G5931" t="s">
        <v>80</v>
      </c>
      <c r="H5931" t="s">
        <v>81</v>
      </c>
      <c r="I5931" s="2">
        <v>0</v>
      </c>
      <c r="J5931" s="2">
        <v>1</v>
      </c>
      <c r="K5931" s="2">
        <v>0</v>
      </c>
      <c r="L5931" t="s">
        <v>82</v>
      </c>
      <c r="M5931" t="s">
        <v>87</v>
      </c>
      <c r="N5931" t="s">
        <v>88</v>
      </c>
      <c r="O5931" t="s">
        <v>85</v>
      </c>
      <c r="P5931" t="s">
        <v>86</v>
      </c>
      <c r="Q5931">
        <v>52</v>
      </c>
      <c r="R5931">
        <v>53</v>
      </c>
      <c r="S5931">
        <v>53</v>
      </c>
      <c r="T5931">
        <v>54</v>
      </c>
      <c r="U5931">
        <v>54</v>
      </c>
      <c r="V5931">
        <v>55</v>
      </c>
      <c r="W5931">
        <v>55</v>
      </c>
      <c r="X5931">
        <v>56</v>
      </c>
      <c r="Y5931">
        <v>56</v>
      </c>
      <c r="Z5931">
        <v>57</v>
      </c>
      <c r="AA5931">
        <v>57</v>
      </c>
      <c r="AB5931">
        <v>58</v>
      </c>
      <c r="AC5931">
        <v>58</v>
      </c>
      <c r="AD5931">
        <v>59</v>
      </c>
      <c r="AE5931">
        <v>59</v>
      </c>
      <c r="AF5931">
        <v>59</v>
      </c>
      <c r="AG5931">
        <v>60</v>
      </c>
      <c r="AH5931">
        <v>60</v>
      </c>
      <c r="AI5931">
        <v>61</v>
      </c>
      <c r="AJ5931">
        <v>61</v>
      </c>
      <c r="AK5931">
        <v>61</v>
      </c>
      <c r="AL5931">
        <v>62</v>
      </c>
      <c r="AM5931">
        <v>62</v>
      </c>
      <c r="AN5931">
        <v>62</v>
      </c>
      <c r="AO5931">
        <v>63</v>
      </c>
      <c r="AP5931">
        <v>63</v>
      </c>
      <c r="AQ5931">
        <v>64</v>
      </c>
    </row>
    <row r="5932" spans="1:43">
      <c r="A5932" t="s">
        <v>3720</v>
      </c>
      <c r="B5932" t="s">
        <v>3721</v>
      </c>
      <c r="C5932" t="s">
        <v>3718</v>
      </c>
      <c r="D5932" t="s">
        <v>3719</v>
      </c>
      <c r="E5932" t="s">
        <v>3660</v>
      </c>
      <c r="F5932" t="s">
        <v>3661</v>
      </c>
      <c r="G5932" t="s">
        <v>80</v>
      </c>
      <c r="H5932" t="s">
        <v>81</v>
      </c>
      <c r="I5932" s="2">
        <v>0</v>
      </c>
      <c r="J5932" s="2">
        <v>1</v>
      </c>
      <c r="K5932" s="2">
        <v>0</v>
      </c>
      <c r="L5932" t="s">
        <v>82</v>
      </c>
      <c r="M5932" t="s">
        <v>89</v>
      </c>
      <c r="N5932" t="s">
        <v>90</v>
      </c>
      <c r="O5932" t="s">
        <v>85</v>
      </c>
      <c r="P5932" t="s">
        <v>86</v>
      </c>
      <c r="Q5932">
        <v>52</v>
      </c>
      <c r="R5932">
        <v>54</v>
      </c>
      <c r="S5932">
        <v>55</v>
      </c>
      <c r="T5932">
        <v>57</v>
      </c>
      <c r="U5932">
        <v>58</v>
      </c>
      <c r="V5932">
        <v>60</v>
      </c>
      <c r="W5932">
        <v>61</v>
      </c>
      <c r="X5932">
        <v>62</v>
      </c>
      <c r="Y5932">
        <v>63</v>
      </c>
      <c r="Z5932">
        <v>65</v>
      </c>
      <c r="AA5932">
        <v>66</v>
      </c>
      <c r="AB5932">
        <v>67</v>
      </c>
      <c r="AC5932">
        <v>68</v>
      </c>
      <c r="AD5932">
        <v>69</v>
      </c>
      <c r="AE5932">
        <v>70</v>
      </c>
      <c r="AF5932">
        <v>70</v>
      </c>
      <c r="AG5932">
        <v>71</v>
      </c>
      <c r="AH5932">
        <v>71</v>
      </c>
      <c r="AI5932">
        <v>71</v>
      </c>
      <c r="AJ5932">
        <v>71</v>
      </c>
      <c r="AK5932">
        <v>72</v>
      </c>
      <c r="AL5932">
        <v>72</v>
      </c>
      <c r="AM5932">
        <v>72</v>
      </c>
      <c r="AN5932">
        <v>72</v>
      </c>
      <c r="AO5932">
        <v>72</v>
      </c>
      <c r="AP5932">
        <v>72</v>
      </c>
      <c r="AQ5932">
        <v>73</v>
      </c>
    </row>
    <row r="5933" spans="1:43">
      <c r="A5933" t="s">
        <v>3720</v>
      </c>
      <c r="B5933" t="s">
        <v>3721</v>
      </c>
      <c r="C5933" t="s">
        <v>3718</v>
      </c>
      <c r="D5933" t="s">
        <v>3719</v>
      </c>
      <c r="E5933" t="s">
        <v>3660</v>
      </c>
      <c r="F5933" t="s">
        <v>3661</v>
      </c>
      <c r="G5933" t="s">
        <v>80</v>
      </c>
      <c r="H5933" t="s">
        <v>81</v>
      </c>
      <c r="I5933" s="2">
        <v>0</v>
      </c>
      <c r="J5933" s="2">
        <v>1</v>
      </c>
      <c r="K5933" s="2">
        <v>0</v>
      </c>
      <c r="L5933" t="s">
        <v>82</v>
      </c>
      <c r="M5933" t="s">
        <v>83</v>
      </c>
      <c r="N5933" t="s">
        <v>91</v>
      </c>
      <c r="O5933" t="s">
        <v>85</v>
      </c>
      <c r="P5933" t="s">
        <v>86</v>
      </c>
      <c r="Q5933">
        <v>52</v>
      </c>
      <c r="R5933">
        <v>53</v>
      </c>
      <c r="S5933">
        <v>54</v>
      </c>
      <c r="T5933">
        <v>55</v>
      </c>
      <c r="U5933">
        <v>56</v>
      </c>
      <c r="V5933">
        <v>57</v>
      </c>
      <c r="W5933">
        <v>58</v>
      </c>
      <c r="X5933">
        <v>59</v>
      </c>
      <c r="Y5933">
        <v>60</v>
      </c>
      <c r="Z5933">
        <v>61</v>
      </c>
      <c r="AA5933">
        <v>62</v>
      </c>
      <c r="AB5933">
        <v>63</v>
      </c>
      <c r="AC5933">
        <v>64</v>
      </c>
      <c r="AD5933">
        <v>65</v>
      </c>
      <c r="AE5933">
        <v>65</v>
      </c>
      <c r="AF5933">
        <v>66</v>
      </c>
      <c r="AG5933">
        <v>67</v>
      </c>
      <c r="AH5933">
        <v>68</v>
      </c>
      <c r="AI5933">
        <v>69</v>
      </c>
      <c r="AJ5933">
        <v>70</v>
      </c>
      <c r="AK5933">
        <v>71</v>
      </c>
      <c r="AL5933">
        <v>71</v>
      </c>
      <c r="AM5933">
        <v>71</v>
      </c>
      <c r="AN5933">
        <v>72</v>
      </c>
      <c r="AO5933">
        <v>72</v>
      </c>
      <c r="AP5933">
        <v>72</v>
      </c>
      <c r="AQ5933">
        <v>72</v>
      </c>
    </row>
    <row r="5934" spans="1:43">
      <c r="A5934" t="s">
        <v>3722</v>
      </c>
      <c r="B5934" t="s">
        <v>3723</v>
      </c>
      <c r="C5934" t="s">
        <v>3718</v>
      </c>
      <c r="D5934" t="s">
        <v>3719</v>
      </c>
      <c r="E5934" t="s">
        <v>3660</v>
      </c>
      <c r="F5934" t="s">
        <v>3661</v>
      </c>
      <c r="G5934" t="s">
        <v>80</v>
      </c>
      <c r="H5934" t="s">
        <v>81</v>
      </c>
      <c r="I5934" s="2">
        <v>0</v>
      </c>
      <c r="J5934" s="2">
        <v>1</v>
      </c>
      <c r="K5934" s="2">
        <v>0</v>
      </c>
      <c r="L5934" t="s">
        <v>82</v>
      </c>
      <c r="M5934" t="s">
        <v>83</v>
      </c>
      <c r="N5934" t="s">
        <v>84</v>
      </c>
      <c r="O5934" t="s">
        <v>85</v>
      </c>
      <c r="P5934" t="s">
        <v>86</v>
      </c>
      <c r="Q5934">
        <v>71</v>
      </c>
      <c r="R5934">
        <v>73</v>
      </c>
      <c r="S5934">
        <v>74</v>
      </c>
      <c r="T5934">
        <v>75</v>
      </c>
      <c r="U5934">
        <v>77</v>
      </c>
      <c r="V5934">
        <v>78</v>
      </c>
      <c r="W5934">
        <v>79</v>
      </c>
      <c r="X5934">
        <v>81</v>
      </c>
      <c r="Y5934">
        <v>82</v>
      </c>
      <c r="Z5934">
        <v>83</v>
      </c>
      <c r="AA5934">
        <v>85</v>
      </c>
      <c r="AB5934">
        <v>86</v>
      </c>
      <c r="AC5934">
        <v>87</v>
      </c>
      <c r="AD5934">
        <v>89</v>
      </c>
      <c r="AE5934">
        <v>90</v>
      </c>
      <c r="AF5934">
        <v>91</v>
      </c>
      <c r="AG5934">
        <v>92</v>
      </c>
      <c r="AH5934">
        <v>94</v>
      </c>
      <c r="AI5934">
        <v>95</v>
      </c>
      <c r="AJ5934">
        <v>96</v>
      </c>
      <c r="AK5934">
        <v>97</v>
      </c>
      <c r="AL5934">
        <v>98</v>
      </c>
      <c r="AM5934">
        <v>98</v>
      </c>
      <c r="AN5934">
        <v>98</v>
      </c>
      <c r="AO5934">
        <v>99</v>
      </c>
      <c r="AP5934">
        <v>99</v>
      </c>
      <c r="AQ5934">
        <v>99</v>
      </c>
    </row>
    <row r="5935" spans="1:43">
      <c r="A5935" t="s">
        <v>3722</v>
      </c>
      <c r="B5935" t="s">
        <v>3723</v>
      </c>
      <c r="C5935" t="s">
        <v>3718</v>
      </c>
      <c r="D5935" t="s">
        <v>3719</v>
      </c>
      <c r="E5935" t="s">
        <v>3660</v>
      </c>
      <c r="F5935" t="s">
        <v>3661</v>
      </c>
      <c r="G5935" t="s">
        <v>80</v>
      </c>
      <c r="H5935" t="s">
        <v>81</v>
      </c>
      <c r="I5935" s="2">
        <v>0</v>
      </c>
      <c r="J5935" s="2">
        <v>1</v>
      </c>
      <c r="K5935" s="2">
        <v>0</v>
      </c>
      <c r="L5935" t="s">
        <v>82</v>
      </c>
      <c r="M5935" t="s">
        <v>87</v>
      </c>
      <c r="N5935" t="s">
        <v>88</v>
      </c>
      <c r="O5935" t="s">
        <v>85</v>
      </c>
      <c r="P5935" t="s">
        <v>86</v>
      </c>
      <c r="Q5935">
        <v>71</v>
      </c>
      <c r="R5935">
        <v>71</v>
      </c>
      <c r="S5935">
        <v>72</v>
      </c>
      <c r="T5935">
        <v>73</v>
      </c>
      <c r="U5935">
        <v>73</v>
      </c>
      <c r="V5935">
        <v>74</v>
      </c>
      <c r="W5935">
        <v>75</v>
      </c>
      <c r="X5935">
        <v>75</v>
      </c>
      <c r="Y5935">
        <v>76</v>
      </c>
      <c r="Z5935">
        <v>77</v>
      </c>
      <c r="AA5935">
        <v>77</v>
      </c>
      <c r="AB5935">
        <v>78</v>
      </c>
      <c r="AC5935">
        <v>78</v>
      </c>
      <c r="AD5935">
        <v>79</v>
      </c>
      <c r="AE5935">
        <v>79</v>
      </c>
      <c r="AF5935">
        <v>80</v>
      </c>
      <c r="AG5935">
        <v>81</v>
      </c>
      <c r="AH5935">
        <v>81</v>
      </c>
      <c r="AI5935">
        <v>82</v>
      </c>
      <c r="AJ5935">
        <v>82</v>
      </c>
      <c r="AK5935">
        <v>83</v>
      </c>
      <c r="AL5935">
        <v>83</v>
      </c>
      <c r="AM5935">
        <v>84</v>
      </c>
      <c r="AN5935">
        <v>84</v>
      </c>
      <c r="AO5935">
        <v>85</v>
      </c>
      <c r="AP5935">
        <v>85</v>
      </c>
      <c r="AQ5935">
        <v>86</v>
      </c>
    </row>
    <row r="5936" spans="1:43">
      <c r="A5936" t="s">
        <v>3722</v>
      </c>
      <c r="B5936" t="s">
        <v>3723</v>
      </c>
      <c r="C5936" t="s">
        <v>3718</v>
      </c>
      <c r="D5936" t="s">
        <v>3719</v>
      </c>
      <c r="E5936" t="s">
        <v>3660</v>
      </c>
      <c r="F5936" t="s">
        <v>3661</v>
      </c>
      <c r="G5936" t="s">
        <v>80</v>
      </c>
      <c r="H5936" t="s">
        <v>81</v>
      </c>
      <c r="I5936" s="2">
        <v>0</v>
      </c>
      <c r="J5936" s="2">
        <v>1</v>
      </c>
      <c r="K5936" s="2">
        <v>0</v>
      </c>
      <c r="L5936" t="s">
        <v>82</v>
      </c>
      <c r="M5936" t="s">
        <v>89</v>
      </c>
      <c r="N5936" t="s">
        <v>90</v>
      </c>
      <c r="O5936" t="s">
        <v>85</v>
      </c>
      <c r="P5936" t="s">
        <v>86</v>
      </c>
      <c r="Q5936">
        <v>71</v>
      </c>
      <c r="R5936">
        <v>73</v>
      </c>
      <c r="S5936">
        <v>75</v>
      </c>
      <c r="T5936">
        <v>77</v>
      </c>
      <c r="U5936">
        <v>79</v>
      </c>
      <c r="V5936">
        <v>81</v>
      </c>
      <c r="W5936">
        <v>83</v>
      </c>
      <c r="X5936">
        <v>84</v>
      </c>
      <c r="Y5936">
        <v>86</v>
      </c>
      <c r="Z5936">
        <v>88</v>
      </c>
      <c r="AA5936">
        <v>89</v>
      </c>
      <c r="AB5936">
        <v>91</v>
      </c>
      <c r="AC5936">
        <v>93</v>
      </c>
      <c r="AD5936">
        <v>94</v>
      </c>
      <c r="AE5936">
        <v>95</v>
      </c>
      <c r="AF5936">
        <v>96</v>
      </c>
      <c r="AG5936">
        <v>96</v>
      </c>
      <c r="AH5936">
        <v>96</v>
      </c>
      <c r="AI5936">
        <v>97</v>
      </c>
      <c r="AJ5936">
        <v>97</v>
      </c>
      <c r="AK5936">
        <v>97</v>
      </c>
      <c r="AL5936">
        <v>97</v>
      </c>
      <c r="AM5936">
        <v>98</v>
      </c>
      <c r="AN5936">
        <v>98</v>
      </c>
      <c r="AO5936">
        <v>98</v>
      </c>
      <c r="AP5936">
        <v>98</v>
      </c>
      <c r="AQ5936">
        <v>99</v>
      </c>
    </row>
    <row r="5937" spans="1:43">
      <c r="A5937" t="s">
        <v>3722</v>
      </c>
      <c r="B5937" t="s">
        <v>3723</v>
      </c>
      <c r="C5937" t="s">
        <v>3718</v>
      </c>
      <c r="D5937" t="s">
        <v>3719</v>
      </c>
      <c r="E5937" t="s">
        <v>3660</v>
      </c>
      <c r="F5937" t="s">
        <v>3661</v>
      </c>
      <c r="G5937" t="s">
        <v>80</v>
      </c>
      <c r="H5937" t="s">
        <v>81</v>
      </c>
      <c r="I5937" s="2">
        <v>0</v>
      </c>
      <c r="J5937" s="2">
        <v>1</v>
      </c>
      <c r="K5937" s="2">
        <v>0</v>
      </c>
      <c r="L5937" t="s">
        <v>82</v>
      </c>
      <c r="M5937" t="s">
        <v>83</v>
      </c>
      <c r="N5937" t="s">
        <v>91</v>
      </c>
      <c r="O5937" t="s">
        <v>85</v>
      </c>
      <c r="P5937" t="s">
        <v>86</v>
      </c>
      <c r="Q5937">
        <v>71</v>
      </c>
      <c r="R5937">
        <v>73</v>
      </c>
      <c r="S5937">
        <v>74</v>
      </c>
      <c r="T5937">
        <v>75</v>
      </c>
      <c r="U5937">
        <v>77</v>
      </c>
      <c r="V5937">
        <v>78</v>
      </c>
      <c r="W5937">
        <v>79</v>
      </c>
      <c r="X5937">
        <v>81</v>
      </c>
      <c r="Y5937">
        <v>82</v>
      </c>
      <c r="Z5937">
        <v>83</v>
      </c>
      <c r="AA5937">
        <v>85</v>
      </c>
      <c r="AB5937">
        <v>86</v>
      </c>
      <c r="AC5937">
        <v>87</v>
      </c>
      <c r="AD5937">
        <v>89</v>
      </c>
      <c r="AE5937">
        <v>90</v>
      </c>
      <c r="AF5937">
        <v>91</v>
      </c>
      <c r="AG5937">
        <v>92</v>
      </c>
      <c r="AH5937">
        <v>94</v>
      </c>
      <c r="AI5937">
        <v>95</v>
      </c>
      <c r="AJ5937">
        <v>96</v>
      </c>
      <c r="AK5937">
        <v>97</v>
      </c>
      <c r="AL5937">
        <v>98</v>
      </c>
      <c r="AM5937">
        <v>98</v>
      </c>
      <c r="AN5937">
        <v>98</v>
      </c>
      <c r="AO5937">
        <v>99</v>
      </c>
      <c r="AP5937">
        <v>99</v>
      </c>
      <c r="AQ5937">
        <v>99</v>
      </c>
    </row>
    <row r="5938" spans="1:43">
      <c r="A5938" t="s">
        <v>3724</v>
      </c>
      <c r="B5938" t="s">
        <v>3725</v>
      </c>
      <c r="C5938" t="s">
        <v>3718</v>
      </c>
      <c r="D5938" t="s">
        <v>3719</v>
      </c>
      <c r="E5938" t="s">
        <v>3660</v>
      </c>
      <c r="F5938" t="s">
        <v>3661</v>
      </c>
      <c r="G5938" t="s">
        <v>80</v>
      </c>
      <c r="H5938" t="s">
        <v>81</v>
      </c>
      <c r="I5938" s="2">
        <v>0</v>
      </c>
      <c r="J5938" s="2">
        <v>1</v>
      </c>
      <c r="K5938" s="2">
        <v>0</v>
      </c>
      <c r="L5938" t="s">
        <v>82</v>
      </c>
      <c r="M5938" t="s">
        <v>83</v>
      </c>
      <c r="N5938" t="s">
        <v>84</v>
      </c>
      <c r="O5938" t="s">
        <v>85</v>
      </c>
      <c r="P5938" t="s">
        <v>86</v>
      </c>
      <c r="Q5938">
        <v>55</v>
      </c>
      <c r="R5938">
        <v>56</v>
      </c>
      <c r="S5938">
        <v>57</v>
      </c>
      <c r="T5938">
        <v>58</v>
      </c>
      <c r="U5938">
        <v>59</v>
      </c>
      <c r="V5938">
        <v>60</v>
      </c>
      <c r="W5938">
        <v>61</v>
      </c>
      <c r="X5938">
        <v>63</v>
      </c>
      <c r="Y5938">
        <v>64</v>
      </c>
      <c r="Z5938">
        <v>65</v>
      </c>
      <c r="AA5938">
        <v>66</v>
      </c>
      <c r="AB5938">
        <v>67</v>
      </c>
      <c r="AC5938">
        <v>68</v>
      </c>
      <c r="AD5938">
        <v>69</v>
      </c>
      <c r="AE5938">
        <v>70</v>
      </c>
      <c r="AF5938">
        <v>70</v>
      </c>
      <c r="AG5938">
        <v>71</v>
      </c>
      <c r="AH5938">
        <v>72</v>
      </c>
      <c r="AI5938">
        <v>73</v>
      </c>
      <c r="AJ5938">
        <v>74</v>
      </c>
      <c r="AK5938">
        <v>75</v>
      </c>
      <c r="AL5938">
        <v>76</v>
      </c>
      <c r="AM5938">
        <v>76</v>
      </c>
      <c r="AN5938">
        <v>76</v>
      </c>
      <c r="AO5938">
        <v>76</v>
      </c>
      <c r="AP5938">
        <v>76</v>
      </c>
      <c r="AQ5938">
        <v>77</v>
      </c>
    </row>
    <row r="5939" spans="1:43">
      <c r="A5939" t="s">
        <v>3724</v>
      </c>
      <c r="B5939" t="s">
        <v>3725</v>
      </c>
      <c r="C5939" t="s">
        <v>3718</v>
      </c>
      <c r="D5939" t="s">
        <v>3719</v>
      </c>
      <c r="E5939" t="s">
        <v>3660</v>
      </c>
      <c r="F5939" t="s">
        <v>3661</v>
      </c>
      <c r="G5939" t="s">
        <v>80</v>
      </c>
      <c r="H5939" t="s">
        <v>81</v>
      </c>
      <c r="I5939" s="2">
        <v>0</v>
      </c>
      <c r="J5939" s="2">
        <v>1</v>
      </c>
      <c r="K5939" s="2">
        <v>0</v>
      </c>
      <c r="L5939" t="s">
        <v>82</v>
      </c>
      <c r="M5939" t="s">
        <v>87</v>
      </c>
      <c r="N5939" t="s">
        <v>88</v>
      </c>
      <c r="O5939" t="s">
        <v>85</v>
      </c>
      <c r="P5939" t="s">
        <v>86</v>
      </c>
      <c r="Q5939">
        <v>55</v>
      </c>
      <c r="R5939">
        <v>55</v>
      </c>
      <c r="S5939">
        <v>56</v>
      </c>
      <c r="T5939">
        <v>56</v>
      </c>
      <c r="U5939">
        <v>57</v>
      </c>
      <c r="V5939">
        <v>57</v>
      </c>
      <c r="W5939">
        <v>58</v>
      </c>
      <c r="X5939">
        <v>58</v>
      </c>
      <c r="Y5939">
        <v>59</v>
      </c>
      <c r="Z5939">
        <v>59</v>
      </c>
      <c r="AA5939">
        <v>60</v>
      </c>
      <c r="AB5939">
        <v>60</v>
      </c>
      <c r="AC5939">
        <v>61</v>
      </c>
      <c r="AD5939">
        <v>61</v>
      </c>
      <c r="AE5939">
        <v>62</v>
      </c>
      <c r="AF5939">
        <v>62</v>
      </c>
      <c r="AG5939">
        <v>62</v>
      </c>
      <c r="AH5939">
        <v>63</v>
      </c>
      <c r="AI5939">
        <v>63</v>
      </c>
      <c r="AJ5939">
        <v>64</v>
      </c>
      <c r="AK5939">
        <v>64</v>
      </c>
      <c r="AL5939">
        <v>64</v>
      </c>
      <c r="AM5939">
        <v>65</v>
      </c>
      <c r="AN5939">
        <v>65</v>
      </c>
      <c r="AO5939">
        <v>66</v>
      </c>
      <c r="AP5939">
        <v>66</v>
      </c>
      <c r="AQ5939">
        <v>66</v>
      </c>
    </row>
    <row r="5940" spans="1:43">
      <c r="A5940" t="s">
        <v>3724</v>
      </c>
      <c r="B5940" t="s">
        <v>3725</v>
      </c>
      <c r="C5940" t="s">
        <v>3718</v>
      </c>
      <c r="D5940" t="s">
        <v>3719</v>
      </c>
      <c r="E5940" t="s">
        <v>3660</v>
      </c>
      <c r="F5940" t="s">
        <v>3661</v>
      </c>
      <c r="G5940" t="s">
        <v>80</v>
      </c>
      <c r="H5940" t="s">
        <v>81</v>
      </c>
      <c r="I5940" s="2">
        <v>0</v>
      </c>
      <c r="J5940" s="2">
        <v>1</v>
      </c>
      <c r="K5940" s="2">
        <v>0</v>
      </c>
      <c r="L5940" t="s">
        <v>82</v>
      </c>
      <c r="M5940" t="s">
        <v>89</v>
      </c>
      <c r="N5940" t="s">
        <v>90</v>
      </c>
      <c r="O5940" t="s">
        <v>85</v>
      </c>
      <c r="P5940" t="s">
        <v>86</v>
      </c>
      <c r="Q5940">
        <v>55</v>
      </c>
      <c r="R5940">
        <v>56</v>
      </c>
      <c r="S5940">
        <v>58</v>
      </c>
      <c r="T5940">
        <v>59</v>
      </c>
      <c r="U5940">
        <v>61</v>
      </c>
      <c r="V5940">
        <v>62</v>
      </c>
      <c r="W5940">
        <v>64</v>
      </c>
      <c r="X5940">
        <v>65</v>
      </c>
      <c r="Y5940">
        <v>66</v>
      </c>
      <c r="Z5940">
        <v>68</v>
      </c>
      <c r="AA5940">
        <v>69</v>
      </c>
      <c r="AB5940">
        <v>70</v>
      </c>
      <c r="AC5940">
        <v>72</v>
      </c>
      <c r="AD5940">
        <v>73</v>
      </c>
      <c r="AE5940">
        <v>74</v>
      </c>
      <c r="AF5940">
        <v>74</v>
      </c>
      <c r="AG5940">
        <v>74</v>
      </c>
      <c r="AH5940">
        <v>74</v>
      </c>
      <c r="AI5940">
        <v>75</v>
      </c>
      <c r="AJ5940">
        <v>75</v>
      </c>
      <c r="AK5940">
        <v>75</v>
      </c>
      <c r="AL5940">
        <v>75</v>
      </c>
      <c r="AM5940">
        <v>75</v>
      </c>
      <c r="AN5940">
        <v>76</v>
      </c>
      <c r="AO5940">
        <v>76</v>
      </c>
      <c r="AP5940">
        <v>76</v>
      </c>
      <c r="AQ5940">
        <v>76</v>
      </c>
    </row>
    <row r="5941" spans="1:43">
      <c r="A5941" t="s">
        <v>3724</v>
      </c>
      <c r="B5941" t="s">
        <v>3725</v>
      </c>
      <c r="C5941" t="s">
        <v>3718</v>
      </c>
      <c r="D5941" t="s">
        <v>3719</v>
      </c>
      <c r="E5941" t="s">
        <v>3660</v>
      </c>
      <c r="F5941" t="s">
        <v>3661</v>
      </c>
      <c r="G5941" t="s">
        <v>80</v>
      </c>
      <c r="H5941" t="s">
        <v>81</v>
      </c>
      <c r="I5941" s="2">
        <v>0</v>
      </c>
      <c r="J5941" s="2">
        <v>1</v>
      </c>
      <c r="K5941" s="2">
        <v>0</v>
      </c>
      <c r="L5941" t="s">
        <v>82</v>
      </c>
      <c r="M5941" t="s">
        <v>83</v>
      </c>
      <c r="N5941" t="s">
        <v>91</v>
      </c>
      <c r="O5941" t="s">
        <v>85</v>
      </c>
      <c r="P5941" t="s">
        <v>86</v>
      </c>
      <c r="Q5941">
        <v>55</v>
      </c>
      <c r="R5941">
        <v>56</v>
      </c>
      <c r="S5941">
        <v>57</v>
      </c>
      <c r="T5941">
        <v>58</v>
      </c>
      <c r="U5941">
        <v>59</v>
      </c>
      <c r="V5941">
        <v>60</v>
      </c>
      <c r="W5941">
        <v>61</v>
      </c>
      <c r="X5941">
        <v>63</v>
      </c>
      <c r="Y5941">
        <v>64</v>
      </c>
      <c r="Z5941">
        <v>65</v>
      </c>
      <c r="AA5941">
        <v>66</v>
      </c>
      <c r="AB5941">
        <v>67</v>
      </c>
      <c r="AC5941">
        <v>68</v>
      </c>
      <c r="AD5941">
        <v>69</v>
      </c>
      <c r="AE5941">
        <v>70</v>
      </c>
      <c r="AF5941">
        <v>70</v>
      </c>
      <c r="AG5941">
        <v>71</v>
      </c>
      <c r="AH5941">
        <v>72</v>
      </c>
      <c r="AI5941">
        <v>73</v>
      </c>
      <c r="AJ5941">
        <v>74</v>
      </c>
      <c r="AK5941">
        <v>75</v>
      </c>
      <c r="AL5941">
        <v>76</v>
      </c>
      <c r="AM5941">
        <v>76</v>
      </c>
      <c r="AN5941">
        <v>76</v>
      </c>
      <c r="AO5941">
        <v>76</v>
      </c>
      <c r="AP5941">
        <v>76</v>
      </c>
      <c r="AQ5941">
        <v>77</v>
      </c>
    </row>
    <row r="5942" spans="1:43">
      <c r="A5942" t="s">
        <v>3726</v>
      </c>
      <c r="B5942" t="s">
        <v>3727</v>
      </c>
      <c r="C5942" t="s">
        <v>3728</v>
      </c>
      <c r="D5942" t="s">
        <v>3729</v>
      </c>
      <c r="E5942" t="s">
        <v>3660</v>
      </c>
      <c r="F5942" t="s">
        <v>3661</v>
      </c>
      <c r="G5942" t="s">
        <v>80</v>
      </c>
      <c r="H5942" t="s">
        <v>81</v>
      </c>
      <c r="I5942" s="2">
        <v>0</v>
      </c>
      <c r="J5942" s="2">
        <v>1</v>
      </c>
      <c r="K5942" s="2">
        <v>0</v>
      </c>
      <c r="L5942" t="s">
        <v>82</v>
      </c>
      <c r="M5942" t="s">
        <v>83</v>
      </c>
      <c r="N5942" t="s">
        <v>84</v>
      </c>
      <c r="O5942" t="s">
        <v>85</v>
      </c>
      <c r="P5942" t="s">
        <v>86</v>
      </c>
      <c r="Q5942">
        <v>85</v>
      </c>
      <c r="R5942">
        <v>87</v>
      </c>
      <c r="S5942">
        <v>88</v>
      </c>
      <c r="T5942">
        <v>90</v>
      </c>
      <c r="U5942">
        <v>91</v>
      </c>
      <c r="V5942">
        <v>93</v>
      </c>
      <c r="W5942">
        <v>95</v>
      </c>
      <c r="X5942">
        <v>96</v>
      </c>
      <c r="Y5942">
        <v>98</v>
      </c>
      <c r="Z5942">
        <v>99</v>
      </c>
      <c r="AA5942">
        <v>101</v>
      </c>
      <c r="AB5942">
        <v>103</v>
      </c>
      <c r="AC5942">
        <v>104</v>
      </c>
      <c r="AD5942">
        <v>106</v>
      </c>
      <c r="AE5942">
        <v>107</v>
      </c>
      <c r="AF5942">
        <v>109</v>
      </c>
      <c r="AG5942">
        <v>110</v>
      </c>
      <c r="AH5942">
        <v>111</v>
      </c>
      <c r="AI5942">
        <v>113</v>
      </c>
      <c r="AJ5942">
        <v>114</v>
      </c>
      <c r="AK5942">
        <v>116</v>
      </c>
      <c r="AL5942">
        <v>117</v>
      </c>
      <c r="AM5942">
        <v>117</v>
      </c>
      <c r="AN5942">
        <v>117</v>
      </c>
      <c r="AO5942">
        <v>117</v>
      </c>
      <c r="AP5942">
        <v>118</v>
      </c>
      <c r="AQ5942">
        <v>118</v>
      </c>
    </row>
    <row r="5943" spans="1:43">
      <c r="A5943" t="s">
        <v>3726</v>
      </c>
      <c r="B5943" t="s">
        <v>3727</v>
      </c>
      <c r="C5943" t="s">
        <v>3728</v>
      </c>
      <c r="D5943" t="s">
        <v>3729</v>
      </c>
      <c r="E5943" t="s">
        <v>3660</v>
      </c>
      <c r="F5943" t="s">
        <v>3661</v>
      </c>
      <c r="G5943" t="s">
        <v>80</v>
      </c>
      <c r="H5943" t="s">
        <v>81</v>
      </c>
      <c r="I5943" s="2">
        <v>0</v>
      </c>
      <c r="J5943" s="2">
        <v>1</v>
      </c>
      <c r="K5943" s="2">
        <v>0</v>
      </c>
      <c r="L5943" t="s">
        <v>82</v>
      </c>
      <c r="M5943" t="s">
        <v>87</v>
      </c>
      <c r="N5943" t="s">
        <v>88</v>
      </c>
      <c r="O5943" t="s">
        <v>85</v>
      </c>
      <c r="P5943" t="s">
        <v>86</v>
      </c>
      <c r="Q5943">
        <v>85</v>
      </c>
      <c r="R5943">
        <v>86</v>
      </c>
      <c r="S5943">
        <v>87</v>
      </c>
      <c r="T5943">
        <v>88</v>
      </c>
      <c r="U5943">
        <v>88</v>
      </c>
      <c r="V5943">
        <v>89</v>
      </c>
      <c r="W5943">
        <v>90</v>
      </c>
      <c r="X5943">
        <v>91</v>
      </c>
      <c r="Y5943">
        <v>91</v>
      </c>
      <c r="Z5943">
        <v>92</v>
      </c>
      <c r="AA5943">
        <v>93</v>
      </c>
      <c r="AB5943">
        <v>94</v>
      </c>
      <c r="AC5943">
        <v>94</v>
      </c>
      <c r="AD5943">
        <v>95</v>
      </c>
      <c r="AE5943">
        <v>96</v>
      </c>
      <c r="AF5943">
        <v>96</v>
      </c>
      <c r="AG5943">
        <v>97</v>
      </c>
      <c r="AH5943">
        <v>98</v>
      </c>
      <c r="AI5943">
        <v>98</v>
      </c>
      <c r="AJ5943">
        <v>99</v>
      </c>
      <c r="AK5943">
        <v>100</v>
      </c>
      <c r="AL5943">
        <v>100</v>
      </c>
      <c r="AM5943">
        <v>101</v>
      </c>
      <c r="AN5943">
        <v>101</v>
      </c>
      <c r="AO5943">
        <v>102</v>
      </c>
      <c r="AP5943">
        <v>103</v>
      </c>
      <c r="AQ5943">
        <v>103</v>
      </c>
    </row>
    <row r="5944" spans="1:43">
      <c r="A5944" t="s">
        <v>3726</v>
      </c>
      <c r="B5944" t="s">
        <v>3727</v>
      </c>
      <c r="C5944" t="s">
        <v>3728</v>
      </c>
      <c r="D5944" t="s">
        <v>3729</v>
      </c>
      <c r="E5944" t="s">
        <v>3660</v>
      </c>
      <c r="F5944" t="s">
        <v>3661</v>
      </c>
      <c r="G5944" t="s">
        <v>80</v>
      </c>
      <c r="H5944" t="s">
        <v>81</v>
      </c>
      <c r="I5944" s="2">
        <v>0</v>
      </c>
      <c r="J5944" s="2">
        <v>1</v>
      </c>
      <c r="K5944" s="2">
        <v>0</v>
      </c>
      <c r="L5944" t="s">
        <v>82</v>
      </c>
      <c r="M5944" t="s">
        <v>89</v>
      </c>
      <c r="N5944" t="s">
        <v>90</v>
      </c>
      <c r="O5944" t="s">
        <v>85</v>
      </c>
      <c r="P5944" t="s">
        <v>86</v>
      </c>
      <c r="Q5944">
        <v>85</v>
      </c>
      <c r="R5944">
        <v>87</v>
      </c>
      <c r="S5944">
        <v>90</v>
      </c>
      <c r="T5944">
        <v>92</v>
      </c>
      <c r="U5944">
        <v>94</v>
      </c>
      <c r="V5944">
        <v>96</v>
      </c>
      <c r="W5944">
        <v>99</v>
      </c>
      <c r="X5944">
        <v>101</v>
      </c>
      <c r="Y5944">
        <v>103</v>
      </c>
      <c r="Z5944">
        <v>105</v>
      </c>
      <c r="AA5944">
        <v>107</v>
      </c>
      <c r="AB5944">
        <v>109</v>
      </c>
      <c r="AC5944">
        <v>111</v>
      </c>
      <c r="AD5944">
        <v>113</v>
      </c>
      <c r="AE5944">
        <v>114</v>
      </c>
      <c r="AF5944">
        <v>114</v>
      </c>
      <c r="AG5944">
        <v>115</v>
      </c>
      <c r="AH5944">
        <v>115</v>
      </c>
      <c r="AI5944">
        <v>115</v>
      </c>
      <c r="AJ5944">
        <v>116</v>
      </c>
      <c r="AK5944">
        <v>116</v>
      </c>
      <c r="AL5944">
        <v>116</v>
      </c>
      <c r="AM5944">
        <v>117</v>
      </c>
      <c r="AN5944">
        <v>117</v>
      </c>
      <c r="AO5944">
        <v>117</v>
      </c>
      <c r="AP5944">
        <v>117</v>
      </c>
      <c r="AQ5944">
        <v>118</v>
      </c>
    </row>
    <row r="5945" spans="1:43">
      <c r="A5945" t="s">
        <v>3726</v>
      </c>
      <c r="B5945" t="s">
        <v>3727</v>
      </c>
      <c r="C5945" t="s">
        <v>3728</v>
      </c>
      <c r="D5945" t="s">
        <v>3729</v>
      </c>
      <c r="E5945" t="s">
        <v>3660</v>
      </c>
      <c r="F5945" t="s">
        <v>3661</v>
      </c>
      <c r="G5945" t="s">
        <v>80</v>
      </c>
      <c r="H5945" t="s">
        <v>81</v>
      </c>
      <c r="I5945" s="2">
        <v>0</v>
      </c>
      <c r="J5945" s="2">
        <v>1</v>
      </c>
      <c r="K5945" s="2">
        <v>0</v>
      </c>
      <c r="L5945" t="s">
        <v>82</v>
      </c>
      <c r="M5945" t="s">
        <v>83</v>
      </c>
      <c r="N5945" t="s">
        <v>91</v>
      </c>
      <c r="O5945" t="s">
        <v>85</v>
      </c>
      <c r="P5945" t="s">
        <v>86</v>
      </c>
      <c r="Q5945">
        <v>85</v>
      </c>
      <c r="R5945">
        <v>87</v>
      </c>
      <c r="S5945">
        <v>88</v>
      </c>
      <c r="T5945">
        <v>90</v>
      </c>
      <c r="U5945">
        <v>91</v>
      </c>
      <c r="V5945">
        <v>93</v>
      </c>
      <c r="W5945">
        <v>95</v>
      </c>
      <c r="X5945">
        <v>96</v>
      </c>
      <c r="Y5945">
        <v>98</v>
      </c>
      <c r="Z5945">
        <v>99</v>
      </c>
      <c r="AA5945">
        <v>101</v>
      </c>
      <c r="AB5945">
        <v>103</v>
      </c>
      <c r="AC5945">
        <v>104</v>
      </c>
      <c r="AD5945">
        <v>106</v>
      </c>
      <c r="AE5945">
        <v>107</v>
      </c>
      <c r="AF5945">
        <v>109</v>
      </c>
      <c r="AG5945">
        <v>110</v>
      </c>
      <c r="AH5945">
        <v>111</v>
      </c>
      <c r="AI5945">
        <v>113</v>
      </c>
      <c r="AJ5945">
        <v>114</v>
      </c>
      <c r="AK5945">
        <v>116</v>
      </c>
      <c r="AL5945">
        <v>117</v>
      </c>
      <c r="AM5945">
        <v>117</v>
      </c>
      <c r="AN5945">
        <v>117</v>
      </c>
      <c r="AO5945">
        <v>117</v>
      </c>
      <c r="AP5945">
        <v>118</v>
      </c>
      <c r="AQ5945">
        <v>118</v>
      </c>
    </row>
    <row r="5946" spans="1:43">
      <c r="A5946" t="s">
        <v>3730</v>
      </c>
      <c r="B5946" t="s">
        <v>3731</v>
      </c>
      <c r="C5946" t="s">
        <v>3732</v>
      </c>
      <c r="D5946" t="s">
        <v>3733</v>
      </c>
      <c r="E5946" t="s">
        <v>3660</v>
      </c>
      <c r="F5946" t="s">
        <v>3661</v>
      </c>
      <c r="G5946" t="s">
        <v>80</v>
      </c>
      <c r="H5946" t="s">
        <v>81</v>
      </c>
      <c r="I5946" s="2">
        <v>0</v>
      </c>
      <c r="J5946" s="2">
        <v>1</v>
      </c>
      <c r="K5946" s="2">
        <v>0</v>
      </c>
      <c r="L5946" t="s">
        <v>82</v>
      </c>
      <c r="M5946" t="s">
        <v>83</v>
      </c>
      <c r="N5946" t="s">
        <v>84</v>
      </c>
      <c r="O5946" t="s">
        <v>85</v>
      </c>
      <c r="P5946" t="s">
        <v>86</v>
      </c>
      <c r="Q5946">
        <v>47</v>
      </c>
      <c r="R5946">
        <v>48</v>
      </c>
      <c r="S5946">
        <v>49</v>
      </c>
      <c r="T5946">
        <v>50</v>
      </c>
      <c r="U5946">
        <v>51</v>
      </c>
      <c r="V5946">
        <v>51</v>
      </c>
      <c r="W5946">
        <v>52</v>
      </c>
      <c r="X5946">
        <v>53</v>
      </c>
      <c r="Y5946">
        <v>54</v>
      </c>
      <c r="Z5946">
        <v>55</v>
      </c>
      <c r="AA5946">
        <v>56</v>
      </c>
      <c r="AB5946">
        <v>57</v>
      </c>
      <c r="AC5946">
        <v>57</v>
      </c>
      <c r="AD5946">
        <v>58</v>
      </c>
      <c r="AE5946">
        <v>59</v>
      </c>
      <c r="AF5946">
        <v>60</v>
      </c>
      <c r="AG5946">
        <v>61</v>
      </c>
      <c r="AH5946">
        <v>62</v>
      </c>
      <c r="AI5946">
        <v>62</v>
      </c>
      <c r="AJ5946">
        <v>63</v>
      </c>
      <c r="AK5946">
        <v>64</v>
      </c>
      <c r="AL5946">
        <v>64</v>
      </c>
      <c r="AM5946">
        <v>64</v>
      </c>
      <c r="AN5946">
        <v>65</v>
      </c>
      <c r="AO5946">
        <v>65</v>
      </c>
      <c r="AP5946">
        <v>65</v>
      </c>
      <c r="AQ5946">
        <v>65</v>
      </c>
    </row>
    <row r="5947" spans="1:43">
      <c r="A5947" t="s">
        <v>3730</v>
      </c>
      <c r="B5947" t="s">
        <v>3731</v>
      </c>
      <c r="C5947" t="s">
        <v>3732</v>
      </c>
      <c r="D5947" t="s">
        <v>3733</v>
      </c>
      <c r="E5947" t="s">
        <v>3660</v>
      </c>
      <c r="F5947" t="s">
        <v>3661</v>
      </c>
      <c r="G5947" t="s">
        <v>80</v>
      </c>
      <c r="H5947" t="s">
        <v>81</v>
      </c>
      <c r="I5947" s="2">
        <v>0</v>
      </c>
      <c r="J5947" s="2">
        <v>1</v>
      </c>
      <c r="K5947" s="2">
        <v>0</v>
      </c>
      <c r="L5947" t="s">
        <v>82</v>
      </c>
      <c r="M5947" t="s">
        <v>87</v>
      </c>
      <c r="N5947" t="s">
        <v>88</v>
      </c>
      <c r="O5947" t="s">
        <v>85</v>
      </c>
      <c r="P5947" t="s">
        <v>86</v>
      </c>
      <c r="Q5947">
        <v>47</v>
      </c>
      <c r="R5947">
        <v>47</v>
      </c>
      <c r="S5947">
        <v>47</v>
      </c>
      <c r="T5947">
        <v>48</v>
      </c>
      <c r="U5947">
        <v>48</v>
      </c>
      <c r="V5947">
        <v>49</v>
      </c>
      <c r="W5947">
        <v>49</v>
      </c>
      <c r="X5947">
        <v>50</v>
      </c>
      <c r="Y5947">
        <v>50</v>
      </c>
      <c r="Z5947">
        <v>50</v>
      </c>
      <c r="AA5947">
        <v>51</v>
      </c>
      <c r="AB5947">
        <v>51</v>
      </c>
      <c r="AC5947">
        <v>52</v>
      </c>
      <c r="AD5947">
        <v>52</v>
      </c>
      <c r="AE5947">
        <v>52</v>
      </c>
      <c r="AF5947">
        <v>53</v>
      </c>
      <c r="AG5947">
        <v>53</v>
      </c>
      <c r="AH5947">
        <v>53</v>
      </c>
      <c r="AI5947">
        <v>54</v>
      </c>
      <c r="AJ5947">
        <v>54</v>
      </c>
      <c r="AK5947">
        <v>54</v>
      </c>
      <c r="AL5947">
        <v>55</v>
      </c>
      <c r="AM5947">
        <v>55</v>
      </c>
      <c r="AN5947">
        <v>55</v>
      </c>
      <c r="AO5947">
        <v>56</v>
      </c>
      <c r="AP5947">
        <v>56</v>
      </c>
      <c r="AQ5947">
        <v>56</v>
      </c>
    </row>
    <row r="5948" spans="1:43">
      <c r="A5948" t="s">
        <v>3730</v>
      </c>
      <c r="B5948" t="s">
        <v>3731</v>
      </c>
      <c r="C5948" t="s">
        <v>3732</v>
      </c>
      <c r="D5948" t="s">
        <v>3733</v>
      </c>
      <c r="E5948" t="s">
        <v>3660</v>
      </c>
      <c r="F5948" t="s">
        <v>3661</v>
      </c>
      <c r="G5948" t="s">
        <v>80</v>
      </c>
      <c r="H5948" t="s">
        <v>81</v>
      </c>
      <c r="I5948" s="2">
        <v>0</v>
      </c>
      <c r="J5948" s="2">
        <v>1</v>
      </c>
      <c r="K5948" s="2">
        <v>0</v>
      </c>
      <c r="L5948" t="s">
        <v>82</v>
      </c>
      <c r="M5948" t="s">
        <v>89</v>
      </c>
      <c r="N5948" t="s">
        <v>90</v>
      </c>
      <c r="O5948" t="s">
        <v>85</v>
      </c>
      <c r="P5948" t="s">
        <v>86</v>
      </c>
      <c r="Q5948">
        <v>47</v>
      </c>
      <c r="R5948">
        <v>49</v>
      </c>
      <c r="S5948">
        <v>50</v>
      </c>
      <c r="T5948">
        <v>51</v>
      </c>
      <c r="U5948">
        <v>53</v>
      </c>
      <c r="V5948">
        <v>54</v>
      </c>
      <c r="W5948">
        <v>55</v>
      </c>
      <c r="X5948">
        <v>56</v>
      </c>
      <c r="Y5948">
        <v>57</v>
      </c>
      <c r="Z5948">
        <v>58</v>
      </c>
      <c r="AA5948">
        <v>59</v>
      </c>
      <c r="AB5948">
        <v>61</v>
      </c>
      <c r="AC5948">
        <v>62</v>
      </c>
      <c r="AD5948">
        <v>63</v>
      </c>
      <c r="AE5948">
        <v>63</v>
      </c>
      <c r="AF5948">
        <v>64</v>
      </c>
      <c r="AG5948">
        <v>64</v>
      </c>
      <c r="AH5948">
        <v>64</v>
      </c>
      <c r="AI5948">
        <v>64</v>
      </c>
      <c r="AJ5948">
        <v>65</v>
      </c>
      <c r="AK5948">
        <v>65</v>
      </c>
      <c r="AL5948">
        <v>65</v>
      </c>
      <c r="AM5948">
        <v>65</v>
      </c>
      <c r="AN5948">
        <v>65</v>
      </c>
      <c r="AO5948">
        <v>65</v>
      </c>
      <c r="AP5948">
        <v>66</v>
      </c>
      <c r="AQ5948">
        <v>66</v>
      </c>
    </row>
    <row r="5949" spans="1:43">
      <c r="A5949" t="s">
        <v>3730</v>
      </c>
      <c r="B5949" t="s">
        <v>3731</v>
      </c>
      <c r="C5949" t="s">
        <v>3732</v>
      </c>
      <c r="D5949" t="s">
        <v>3733</v>
      </c>
      <c r="E5949" t="s">
        <v>3660</v>
      </c>
      <c r="F5949" t="s">
        <v>3661</v>
      </c>
      <c r="G5949" t="s">
        <v>80</v>
      </c>
      <c r="H5949" t="s">
        <v>81</v>
      </c>
      <c r="I5949" s="2">
        <v>0</v>
      </c>
      <c r="J5949" s="2">
        <v>1</v>
      </c>
      <c r="K5949" s="2">
        <v>0</v>
      </c>
      <c r="L5949" t="s">
        <v>82</v>
      </c>
      <c r="M5949" t="s">
        <v>83</v>
      </c>
      <c r="N5949" t="s">
        <v>91</v>
      </c>
      <c r="O5949" t="s">
        <v>85</v>
      </c>
      <c r="P5949" t="s">
        <v>86</v>
      </c>
      <c r="Q5949">
        <v>47</v>
      </c>
      <c r="R5949">
        <v>48</v>
      </c>
      <c r="S5949">
        <v>49</v>
      </c>
      <c r="T5949">
        <v>50</v>
      </c>
      <c r="U5949">
        <v>51</v>
      </c>
      <c r="V5949">
        <v>51</v>
      </c>
      <c r="W5949">
        <v>52</v>
      </c>
      <c r="X5949">
        <v>53</v>
      </c>
      <c r="Y5949">
        <v>54</v>
      </c>
      <c r="Z5949">
        <v>55</v>
      </c>
      <c r="AA5949">
        <v>56</v>
      </c>
      <c r="AB5949">
        <v>57</v>
      </c>
      <c r="AC5949">
        <v>57</v>
      </c>
      <c r="AD5949">
        <v>58</v>
      </c>
      <c r="AE5949">
        <v>59</v>
      </c>
      <c r="AF5949">
        <v>60</v>
      </c>
      <c r="AG5949">
        <v>61</v>
      </c>
      <c r="AH5949">
        <v>62</v>
      </c>
      <c r="AI5949">
        <v>62</v>
      </c>
      <c r="AJ5949">
        <v>63</v>
      </c>
      <c r="AK5949">
        <v>64</v>
      </c>
      <c r="AL5949">
        <v>64</v>
      </c>
      <c r="AM5949">
        <v>64</v>
      </c>
      <c r="AN5949">
        <v>65</v>
      </c>
      <c r="AO5949">
        <v>65</v>
      </c>
      <c r="AP5949">
        <v>65</v>
      </c>
      <c r="AQ5949">
        <v>65</v>
      </c>
    </row>
    <row r="5950" spans="1:43">
      <c r="A5950" t="s">
        <v>3734</v>
      </c>
      <c r="B5950" t="s">
        <v>3735</v>
      </c>
      <c r="C5950" t="s">
        <v>3736</v>
      </c>
      <c r="D5950" t="s">
        <v>3737</v>
      </c>
      <c r="E5950" t="s">
        <v>3660</v>
      </c>
      <c r="F5950" t="s">
        <v>3661</v>
      </c>
      <c r="G5950" t="s">
        <v>80</v>
      </c>
      <c r="H5950" t="s">
        <v>81</v>
      </c>
      <c r="I5950" s="2">
        <v>0</v>
      </c>
      <c r="J5950" s="2">
        <v>1</v>
      </c>
      <c r="K5950" s="2">
        <v>0</v>
      </c>
      <c r="L5950" t="s">
        <v>82</v>
      </c>
      <c r="M5950" t="s">
        <v>83</v>
      </c>
      <c r="N5950" t="s">
        <v>84</v>
      </c>
      <c r="O5950" t="s">
        <v>85</v>
      </c>
      <c r="P5950" t="s">
        <v>86</v>
      </c>
      <c r="Q5950">
        <v>81</v>
      </c>
      <c r="R5950">
        <v>82</v>
      </c>
      <c r="S5950">
        <v>84</v>
      </c>
      <c r="T5950">
        <v>85</v>
      </c>
      <c r="U5950">
        <v>87</v>
      </c>
      <c r="V5950">
        <v>89</v>
      </c>
      <c r="W5950">
        <v>90</v>
      </c>
      <c r="X5950">
        <v>92</v>
      </c>
      <c r="Y5950">
        <v>93</v>
      </c>
      <c r="Z5950">
        <v>95</v>
      </c>
      <c r="AA5950">
        <v>96</v>
      </c>
      <c r="AB5950">
        <v>98</v>
      </c>
      <c r="AC5950">
        <v>99</v>
      </c>
      <c r="AD5950">
        <v>100</v>
      </c>
      <c r="AE5950">
        <v>102</v>
      </c>
      <c r="AF5950">
        <v>103</v>
      </c>
      <c r="AG5950">
        <v>105</v>
      </c>
      <c r="AH5950">
        <v>106</v>
      </c>
      <c r="AI5950">
        <v>107</v>
      </c>
      <c r="AJ5950">
        <v>109</v>
      </c>
      <c r="AK5950">
        <v>110</v>
      </c>
      <c r="AL5950">
        <v>111</v>
      </c>
      <c r="AM5950">
        <v>111</v>
      </c>
      <c r="AN5950">
        <v>111</v>
      </c>
      <c r="AO5950">
        <v>112</v>
      </c>
      <c r="AP5950">
        <v>112</v>
      </c>
      <c r="AQ5950">
        <v>112</v>
      </c>
    </row>
    <row r="5951" spans="1:43">
      <c r="A5951" t="s">
        <v>3734</v>
      </c>
      <c r="B5951" t="s">
        <v>3735</v>
      </c>
      <c r="C5951" t="s">
        <v>3736</v>
      </c>
      <c r="D5951" t="s">
        <v>3737</v>
      </c>
      <c r="E5951" t="s">
        <v>3660</v>
      </c>
      <c r="F5951" t="s">
        <v>3661</v>
      </c>
      <c r="G5951" t="s">
        <v>80</v>
      </c>
      <c r="H5951" t="s">
        <v>81</v>
      </c>
      <c r="I5951" s="2">
        <v>0</v>
      </c>
      <c r="J5951" s="2">
        <v>1</v>
      </c>
      <c r="K5951" s="2">
        <v>0</v>
      </c>
      <c r="L5951" t="s">
        <v>82</v>
      </c>
      <c r="M5951" t="s">
        <v>87</v>
      </c>
      <c r="N5951" t="s">
        <v>88</v>
      </c>
      <c r="O5951" t="s">
        <v>85</v>
      </c>
      <c r="P5951" t="s">
        <v>86</v>
      </c>
      <c r="Q5951">
        <v>81</v>
      </c>
      <c r="R5951">
        <v>82</v>
      </c>
      <c r="S5951">
        <v>83</v>
      </c>
      <c r="T5951">
        <v>83</v>
      </c>
      <c r="U5951">
        <v>84</v>
      </c>
      <c r="V5951">
        <v>85</v>
      </c>
      <c r="W5951">
        <v>86</v>
      </c>
      <c r="X5951">
        <v>86</v>
      </c>
      <c r="Y5951">
        <v>87</v>
      </c>
      <c r="Z5951">
        <v>88</v>
      </c>
      <c r="AA5951">
        <v>88</v>
      </c>
      <c r="AB5951">
        <v>89</v>
      </c>
      <c r="AC5951">
        <v>90</v>
      </c>
      <c r="AD5951">
        <v>90</v>
      </c>
      <c r="AE5951">
        <v>91</v>
      </c>
      <c r="AF5951">
        <v>92</v>
      </c>
      <c r="AG5951">
        <v>92</v>
      </c>
      <c r="AH5951">
        <v>93</v>
      </c>
      <c r="AI5951">
        <v>94</v>
      </c>
      <c r="AJ5951">
        <v>94</v>
      </c>
      <c r="AK5951">
        <v>95</v>
      </c>
      <c r="AL5951">
        <v>95</v>
      </c>
      <c r="AM5951">
        <v>96</v>
      </c>
      <c r="AN5951">
        <v>97</v>
      </c>
      <c r="AO5951">
        <v>97</v>
      </c>
      <c r="AP5951">
        <v>98</v>
      </c>
      <c r="AQ5951">
        <v>98</v>
      </c>
    </row>
    <row r="5952" spans="1:43">
      <c r="A5952" t="s">
        <v>3734</v>
      </c>
      <c r="B5952" t="s">
        <v>3735</v>
      </c>
      <c r="C5952" t="s">
        <v>3736</v>
      </c>
      <c r="D5952" t="s">
        <v>3737</v>
      </c>
      <c r="E5952" t="s">
        <v>3660</v>
      </c>
      <c r="F5952" t="s">
        <v>3661</v>
      </c>
      <c r="G5952" t="s">
        <v>80</v>
      </c>
      <c r="H5952" t="s">
        <v>81</v>
      </c>
      <c r="I5952" s="2">
        <v>0</v>
      </c>
      <c r="J5952" s="2">
        <v>1</v>
      </c>
      <c r="K5952" s="2">
        <v>0</v>
      </c>
      <c r="L5952" t="s">
        <v>82</v>
      </c>
      <c r="M5952" t="s">
        <v>89</v>
      </c>
      <c r="N5952" t="s">
        <v>90</v>
      </c>
      <c r="O5952" t="s">
        <v>85</v>
      </c>
      <c r="P5952" t="s">
        <v>86</v>
      </c>
      <c r="Q5952">
        <v>81</v>
      </c>
      <c r="R5952">
        <v>83</v>
      </c>
      <c r="S5952">
        <v>85</v>
      </c>
      <c r="T5952">
        <v>87</v>
      </c>
      <c r="U5952">
        <v>89</v>
      </c>
      <c r="V5952">
        <v>92</v>
      </c>
      <c r="W5952">
        <v>94</v>
      </c>
      <c r="X5952">
        <v>96</v>
      </c>
      <c r="Y5952">
        <v>98</v>
      </c>
      <c r="Z5952">
        <v>100</v>
      </c>
      <c r="AA5952">
        <v>101</v>
      </c>
      <c r="AB5952">
        <v>103</v>
      </c>
      <c r="AC5952">
        <v>105</v>
      </c>
      <c r="AD5952">
        <v>107</v>
      </c>
      <c r="AE5952">
        <v>108</v>
      </c>
      <c r="AF5952">
        <v>109</v>
      </c>
      <c r="AG5952">
        <v>109</v>
      </c>
      <c r="AH5952">
        <v>109</v>
      </c>
      <c r="AI5952">
        <v>110</v>
      </c>
      <c r="AJ5952">
        <v>110</v>
      </c>
      <c r="AK5952">
        <v>110</v>
      </c>
      <c r="AL5952">
        <v>111</v>
      </c>
      <c r="AM5952">
        <v>111</v>
      </c>
      <c r="AN5952">
        <v>111</v>
      </c>
      <c r="AO5952">
        <v>111</v>
      </c>
      <c r="AP5952">
        <v>112</v>
      </c>
      <c r="AQ5952">
        <v>112</v>
      </c>
    </row>
    <row r="5953" spans="1:43">
      <c r="A5953" t="s">
        <v>3734</v>
      </c>
      <c r="B5953" t="s">
        <v>3735</v>
      </c>
      <c r="C5953" t="s">
        <v>3736</v>
      </c>
      <c r="D5953" t="s">
        <v>3737</v>
      </c>
      <c r="E5953" t="s">
        <v>3660</v>
      </c>
      <c r="F5953" t="s">
        <v>3661</v>
      </c>
      <c r="G5953" t="s">
        <v>80</v>
      </c>
      <c r="H5953" t="s">
        <v>81</v>
      </c>
      <c r="I5953" s="2">
        <v>0</v>
      </c>
      <c r="J5953" s="2">
        <v>1</v>
      </c>
      <c r="K5953" s="2">
        <v>0</v>
      </c>
      <c r="L5953" t="s">
        <v>82</v>
      </c>
      <c r="M5953" t="s">
        <v>83</v>
      </c>
      <c r="N5953" t="s">
        <v>91</v>
      </c>
      <c r="O5953" t="s">
        <v>85</v>
      </c>
      <c r="P5953" t="s">
        <v>86</v>
      </c>
      <c r="Q5953">
        <v>81</v>
      </c>
      <c r="R5953">
        <v>82</v>
      </c>
      <c r="S5953">
        <v>84</v>
      </c>
      <c r="T5953">
        <v>85</v>
      </c>
      <c r="U5953">
        <v>87</v>
      </c>
      <c r="V5953">
        <v>89</v>
      </c>
      <c r="W5953">
        <v>90</v>
      </c>
      <c r="X5953">
        <v>92</v>
      </c>
      <c r="Y5953">
        <v>93</v>
      </c>
      <c r="Z5953">
        <v>95</v>
      </c>
      <c r="AA5953">
        <v>96</v>
      </c>
      <c r="AB5953">
        <v>98</v>
      </c>
      <c r="AC5953">
        <v>99</v>
      </c>
      <c r="AD5953">
        <v>100</v>
      </c>
      <c r="AE5953">
        <v>102</v>
      </c>
      <c r="AF5953">
        <v>103</v>
      </c>
      <c r="AG5953">
        <v>105</v>
      </c>
      <c r="AH5953">
        <v>106</v>
      </c>
      <c r="AI5953">
        <v>107</v>
      </c>
      <c r="AJ5953">
        <v>109</v>
      </c>
      <c r="AK5953">
        <v>110</v>
      </c>
      <c r="AL5953">
        <v>111</v>
      </c>
      <c r="AM5953">
        <v>111</v>
      </c>
      <c r="AN5953">
        <v>111</v>
      </c>
      <c r="AO5953">
        <v>112</v>
      </c>
      <c r="AP5953">
        <v>112</v>
      </c>
      <c r="AQ5953">
        <v>112</v>
      </c>
    </row>
    <row r="5954" spans="1:43">
      <c r="A5954" t="s">
        <v>3738</v>
      </c>
      <c r="B5954" t="s">
        <v>3739</v>
      </c>
      <c r="C5954" t="s">
        <v>3740</v>
      </c>
      <c r="D5954" t="s">
        <v>3741</v>
      </c>
      <c r="E5954" t="s">
        <v>3660</v>
      </c>
      <c r="F5954" t="s">
        <v>3661</v>
      </c>
      <c r="G5954" t="s">
        <v>80</v>
      </c>
      <c r="H5954" t="s">
        <v>81</v>
      </c>
      <c r="I5954" s="2">
        <v>0</v>
      </c>
      <c r="J5954" s="2">
        <v>1</v>
      </c>
      <c r="K5954" s="2">
        <v>0</v>
      </c>
      <c r="L5954" t="s">
        <v>82</v>
      </c>
      <c r="M5954" t="s">
        <v>83</v>
      </c>
      <c r="N5954" t="s">
        <v>84</v>
      </c>
      <c r="O5954" t="s">
        <v>85</v>
      </c>
      <c r="P5954" t="s">
        <v>86</v>
      </c>
      <c r="Q5954">
        <v>45</v>
      </c>
      <c r="R5954">
        <v>46</v>
      </c>
      <c r="S5954">
        <v>47</v>
      </c>
      <c r="T5954">
        <v>48</v>
      </c>
      <c r="U5954">
        <v>49</v>
      </c>
      <c r="V5954">
        <v>50</v>
      </c>
      <c r="W5954">
        <v>51</v>
      </c>
      <c r="X5954">
        <v>51</v>
      </c>
      <c r="Y5954">
        <v>52</v>
      </c>
      <c r="Z5954">
        <v>53</v>
      </c>
      <c r="AA5954">
        <v>54</v>
      </c>
      <c r="AB5954">
        <v>55</v>
      </c>
      <c r="AC5954">
        <v>56</v>
      </c>
      <c r="AD5954">
        <v>56</v>
      </c>
      <c r="AE5954">
        <v>57</v>
      </c>
      <c r="AF5954">
        <v>58</v>
      </c>
      <c r="AG5954">
        <v>59</v>
      </c>
      <c r="AH5954">
        <v>60</v>
      </c>
      <c r="AI5954">
        <v>60</v>
      </c>
      <c r="AJ5954">
        <v>61</v>
      </c>
      <c r="AK5954">
        <v>62</v>
      </c>
      <c r="AL5954">
        <v>62</v>
      </c>
      <c r="AM5954">
        <v>62</v>
      </c>
      <c r="AN5954">
        <v>63</v>
      </c>
      <c r="AO5954">
        <v>63</v>
      </c>
      <c r="AP5954">
        <v>63</v>
      </c>
      <c r="AQ5954">
        <v>63</v>
      </c>
    </row>
    <row r="5955" spans="1:43">
      <c r="A5955" t="s">
        <v>3738</v>
      </c>
      <c r="B5955" t="s">
        <v>3739</v>
      </c>
      <c r="C5955" t="s">
        <v>3740</v>
      </c>
      <c r="D5955" t="s">
        <v>3741</v>
      </c>
      <c r="E5955" t="s">
        <v>3660</v>
      </c>
      <c r="F5955" t="s">
        <v>3661</v>
      </c>
      <c r="G5955" t="s">
        <v>80</v>
      </c>
      <c r="H5955" t="s">
        <v>81</v>
      </c>
      <c r="I5955" s="2">
        <v>0</v>
      </c>
      <c r="J5955" s="2">
        <v>1</v>
      </c>
      <c r="K5955" s="2">
        <v>0</v>
      </c>
      <c r="L5955" t="s">
        <v>82</v>
      </c>
      <c r="M5955" t="s">
        <v>87</v>
      </c>
      <c r="N5955" t="s">
        <v>88</v>
      </c>
      <c r="O5955" t="s">
        <v>85</v>
      </c>
      <c r="P5955" t="s">
        <v>86</v>
      </c>
      <c r="Q5955">
        <v>45</v>
      </c>
      <c r="R5955">
        <v>45</v>
      </c>
      <c r="S5955">
        <v>46</v>
      </c>
      <c r="T5955">
        <v>46</v>
      </c>
      <c r="U5955">
        <v>47</v>
      </c>
      <c r="V5955">
        <v>47</v>
      </c>
      <c r="W5955">
        <v>47</v>
      </c>
      <c r="X5955">
        <v>48</v>
      </c>
      <c r="Y5955">
        <v>48</v>
      </c>
      <c r="Z5955">
        <v>49</v>
      </c>
      <c r="AA5955">
        <v>49</v>
      </c>
      <c r="AB5955">
        <v>49</v>
      </c>
      <c r="AC5955">
        <v>50</v>
      </c>
      <c r="AD5955">
        <v>50</v>
      </c>
      <c r="AE5955">
        <v>51</v>
      </c>
      <c r="AF5955">
        <v>51</v>
      </c>
      <c r="AG5955">
        <v>51</v>
      </c>
      <c r="AH5955">
        <v>52</v>
      </c>
      <c r="AI5955">
        <v>52</v>
      </c>
      <c r="AJ5955">
        <v>52</v>
      </c>
      <c r="AK5955">
        <v>53</v>
      </c>
      <c r="AL5955">
        <v>53</v>
      </c>
      <c r="AM5955">
        <v>53</v>
      </c>
      <c r="AN5955">
        <v>54</v>
      </c>
      <c r="AO5955">
        <v>54</v>
      </c>
      <c r="AP5955">
        <v>54</v>
      </c>
      <c r="AQ5955">
        <v>55</v>
      </c>
    </row>
    <row r="5956" spans="1:43">
      <c r="A5956" t="s">
        <v>3738</v>
      </c>
      <c r="B5956" t="s">
        <v>3739</v>
      </c>
      <c r="C5956" t="s">
        <v>3740</v>
      </c>
      <c r="D5956" t="s">
        <v>3741</v>
      </c>
      <c r="E5956" t="s">
        <v>3660</v>
      </c>
      <c r="F5956" t="s">
        <v>3661</v>
      </c>
      <c r="G5956" t="s">
        <v>80</v>
      </c>
      <c r="H5956" t="s">
        <v>81</v>
      </c>
      <c r="I5956" s="2">
        <v>0</v>
      </c>
      <c r="J5956" s="2">
        <v>1</v>
      </c>
      <c r="K5956" s="2">
        <v>0</v>
      </c>
      <c r="L5956" t="s">
        <v>82</v>
      </c>
      <c r="M5956" t="s">
        <v>89</v>
      </c>
      <c r="N5956" t="s">
        <v>90</v>
      </c>
      <c r="O5956" t="s">
        <v>85</v>
      </c>
      <c r="P5956" t="s">
        <v>86</v>
      </c>
      <c r="Q5956">
        <v>45</v>
      </c>
      <c r="R5956">
        <v>46</v>
      </c>
      <c r="S5956">
        <v>47</v>
      </c>
      <c r="T5956">
        <v>49</v>
      </c>
      <c r="U5956">
        <v>50</v>
      </c>
      <c r="V5956">
        <v>51</v>
      </c>
      <c r="W5956">
        <v>52</v>
      </c>
      <c r="X5956">
        <v>53</v>
      </c>
      <c r="Y5956">
        <v>54</v>
      </c>
      <c r="Z5956">
        <v>55</v>
      </c>
      <c r="AA5956">
        <v>56</v>
      </c>
      <c r="AB5956">
        <v>57</v>
      </c>
      <c r="AC5956">
        <v>59</v>
      </c>
      <c r="AD5956">
        <v>60</v>
      </c>
      <c r="AE5956">
        <v>60</v>
      </c>
      <c r="AF5956">
        <v>61</v>
      </c>
      <c r="AG5956">
        <v>61</v>
      </c>
      <c r="AH5956">
        <v>61</v>
      </c>
      <c r="AI5956">
        <v>61</v>
      </c>
      <c r="AJ5956">
        <v>61</v>
      </c>
      <c r="AK5956">
        <v>61</v>
      </c>
      <c r="AL5956">
        <v>62</v>
      </c>
      <c r="AM5956">
        <v>62</v>
      </c>
      <c r="AN5956">
        <v>62</v>
      </c>
      <c r="AO5956">
        <v>62</v>
      </c>
      <c r="AP5956">
        <v>62</v>
      </c>
      <c r="AQ5956">
        <v>62</v>
      </c>
    </row>
    <row r="5957" spans="1:43">
      <c r="A5957" t="s">
        <v>3738</v>
      </c>
      <c r="B5957" t="s">
        <v>3739</v>
      </c>
      <c r="C5957" t="s">
        <v>3740</v>
      </c>
      <c r="D5957" t="s">
        <v>3741</v>
      </c>
      <c r="E5957" t="s">
        <v>3660</v>
      </c>
      <c r="F5957" t="s">
        <v>3661</v>
      </c>
      <c r="G5957" t="s">
        <v>80</v>
      </c>
      <c r="H5957" t="s">
        <v>81</v>
      </c>
      <c r="I5957" s="2">
        <v>0</v>
      </c>
      <c r="J5957" s="2">
        <v>1</v>
      </c>
      <c r="K5957" s="2">
        <v>0</v>
      </c>
      <c r="L5957" t="s">
        <v>82</v>
      </c>
      <c r="M5957" t="s">
        <v>83</v>
      </c>
      <c r="N5957" t="s">
        <v>91</v>
      </c>
      <c r="O5957" t="s">
        <v>85</v>
      </c>
      <c r="P5957" t="s">
        <v>86</v>
      </c>
      <c r="Q5957">
        <v>45</v>
      </c>
      <c r="R5957">
        <v>46</v>
      </c>
      <c r="S5957">
        <v>47</v>
      </c>
      <c r="T5957">
        <v>48</v>
      </c>
      <c r="U5957">
        <v>49</v>
      </c>
      <c r="V5957">
        <v>50</v>
      </c>
      <c r="W5957">
        <v>51</v>
      </c>
      <c r="X5957">
        <v>51</v>
      </c>
      <c r="Y5957">
        <v>52</v>
      </c>
      <c r="Z5957">
        <v>53</v>
      </c>
      <c r="AA5957">
        <v>54</v>
      </c>
      <c r="AB5957">
        <v>55</v>
      </c>
      <c r="AC5957">
        <v>56</v>
      </c>
      <c r="AD5957">
        <v>56</v>
      </c>
      <c r="AE5957">
        <v>57</v>
      </c>
      <c r="AF5957">
        <v>58</v>
      </c>
      <c r="AG5957">
        <v>59</v>
      </c>
      <c r="AH5957">
        <v>60</v>
      </c>
      <c r="AI5957">
        <v>60</v>
      </c>
      <c r="AJ5957">
        <v>61</v>
      </c>
      <c r="AK5957">
        <v>62</v>
      </c>
      <c r="AL5957">
        <v>62</v>
      </c>
      <c r="AM5957">
        <v>62</v>
      </c>
      <c r="AN5957">
        <v>63</v>
      </c>
      <c r="AO5957">
        <v>63</v>
      </c>
      <c r="AP5957">
        <v>63</v>
      </c>
      <c r="AQ5957">
        <v>63</v>
      </c>
    </row>
    <row r="5958" spans="1:43">
      <c r="A5958" t="s">
        <v>3742</v>
      </c>
      <c r="B5958" t="s">
        <v>3743</v>
      </c>
      <c r="C5958" t="s">
        <v>3744</v>
      </c>
      <c r="D5958" t="s">
        <v>3745</v>
      </c>
      <c r="E5958" t="s">
        <v>3660</v>
      </c>
      <c r="F5958" t="s">
        <v>3661</v>
      </c>
      <c r="G5958" t="s">
        <v>80</v>
      </c>
      <c r="H5958" t="s">
        <v>81</v>
      </c>
      <c r="I5958" s="2">
        <v>0</v>
      </c>
      <c r="J5958" s="2">
        <v>1</v>
      </c>
      <c r="K5958" s="2">
        <v>0</v>
      </c>
      <c r="L5958" t="s">
        <v>82</v>
      </c>
      <c r="M5958" t="s">
        <v>83</v>
      </c>
      <c r="N5958" t="s">
        <v>84</v>
      </c>
      <c r="O5958" t="s">
        <v>85</v>
      </c>
      <c r="P5958" t="s">
        <v>86</v>
      </c>
      <c r="Q5958">
        <v>101</v>
      </c>
      <c r="R5958">
        <v>103</v>
      </c>
      <c r="S5958">
        <v>105</v>
      </c>
      <c r="T5958">
        <v>107</v>
      </c>
      <c r="U5958">
        <v>109</v>
      </c>
      <c r="V5958">
        <v>111</v>
      </c>
      <c r="W5958">
        <v>112</v>
      </c>
      <c r="X5958">
        <v>114</v>
      </c>
      <c r="Y5958">
        <v>116</v>
      </c>
      <c r="Z5958">
        <v>118</v>
      </c>
      <c r="AA5958">
        <v>120</v>
      </c>
      <c r="AB5958">
        <v>122</v>
      </c>
      <c r="AC5958">
        <v>123</v>
      </c>
      <c r="AD5958">
        <v>125</v>
      </c>
      <c r="AE5958">
        <v>127</v>
      </c>
      <c r="AF5958">
        <v>129</v>
      </c>
      <c r="AG5958">
        <v>130</v>
      </c>
      <c r="AH5958">
        <v>132</v>
      </c>
      <c r="AI5958">
        <v>134</v>
      </c>
      <c r="AJ5958">
        <v>135</v>
      </c>
      <c r="AK5958">
        <v>137</v>
      </c>
      <c r="AL5958">
        <v>138</v>
      </c>
      <c r="AM5958">
        <v>138</v>
      </c>
      <c r="AN5958">
        <v>139</v>
      </c>
      <c r="AO5958">
        <v>139</v>
      </c>
      <c r="AP5958">
        <v>140</v>
      </c>
      <c r="AQ5958">
        <v>140</v>
      </c>
    </row>
    <row r="5959" spans="1:43">
      <c r="A5959" t="s">
        <v>3742</v>
      </c>
      <c r="B5959" t="s">
        <v>3743</v>
      </c>
      <c r="C5959" t="s">
        <v>3744</v>
      </c>
      <c r="D5959" t="s">
        <v>3745</v>
      </c>
      <c r="E5959" t="s">
        <v>3660</v>
      </c>
      <c r="F5959" t="s">
        <v>3661</v>
      </c>
      <c r="G5959" t="s">
        <v>80</v>
      </c>
      <c r="H5959" t="s">
        <v>81</v>
      </c>
      <c r="I5959" s="2">
        <v>0</v>
      </c>
      <c r="J5959" s="2">
        <v>1</v>
      </c>
      <c r="K5959" s="2">
        <v>0</v>
      </c>
      <c r="L5959" t="s">
        <v>82</v>
      </c>
      <c r="M5959" t="s">
        <v>87</v>
      </c>
      <c r="N5959" t="s">
        <v>88</v>
      </c>
      <c r="O5959" t="s">
        <v>85</v>
      </c>
      <c r="P5959" t="s">
        <v>86</v>
      </c>
      <c r="Q5959">
        <v>101</v>
      </c>
      <c r="R5959">
        <v>102</v>
      </c>
      <c r="S5959">
        <v>103</v>
      </c>
      <c r="T5959">
        <v>104</v>
      </c>
      <c r="U5959">
        <v>105</v>
      </c>
      <c r="V5959">
        <v>106</v>
      </c>
      <c r="W5959">
        <v>107</v>
      </c>
      <c r="X5959">
        <v>108</v>
      </c>
      <c r="Y5959">
        <v>108</v>
      </c>
      <c r="Z5959">
        <v>109</v>
      </c>
      <c r="AA5959">
        <v>110</v>
      </c>
      <c r="AB5959">
        <v>111</v>
      </c>
      <c r="AC5959">
        <v>112</v>
      </c>
      <c r="AD5959">
        <v>112</v>
      </c>
      <c r="AE5959">
        <v>113</v>
      </c>
      <c r="AF5959">
        <v>114</v>
      </c>
      <c r="AG5959">
        <v>115</v>
      </c>
      <c r="AH5959">
        <v>115</v>
      </c>
      <c r="AI5959">
        <v>116</v>
      </c>
      <c r="AJ5959">
        <v>117</v>
      </c>
      <c r="AK5959">
        <v>118</v>
      </c>
      <c r="AL5959">
        <v>118</v>
      </c>
      <c r="AM5959">
        <v>119</v>
      </c>
      <c r="AN5959">
        <v>120</v>
      </c>
      <c r="AO5959">
        <v>120</v>
      </c>
      <c r="AP5959">
        <v>121</v>
      </c>
      <c r="AQ5959">
        <v>122</v>
      </c>
    </row>
    <row r="5960" spans="1:43">
      <c r="A5960" t="s">
        <v>3742</v>
      </c>
      <c r="B5960" t="s">
        <v>3743</v>
      </c>
      <c r="C5960" t="s">
        <v>3744</v>
      </c>
      <c r="D5960" t="s">
        <v>3745</v>
      </c>
      <c r="E5960" t="s">
        <v>3660</v>
      </c>
      <c r="F5960" t="s">
        <v>3661</v>
      </c>
      <c r="G5960" t="s">
        <v>80</v>
      </c>
      <c r="H5960" t="s">
        <v>81</v>
      </c>
      <c r="I5960" s="2">
        <v>0</v>
      </c>
      <c r="J5960" s="2">
        <v>1</v>
      </c>
      <c r="K5960" s="2">
        <v>0</v>
      </c>
      <c r="L5960" t="s">
        <v>82</v>
      </c>
      <c r="M5960" t="s">
        <v>89</v>
      </c>
      <c r="N5960" t="s">
        <v>90</v>
      </c>
      <c r="O5960" t="s">
        <v>85</v>
      </c>
      <c r="P5960" t="s">
        <v>86</v>
      </c>
      <c r="Q5960">
        <v>101</v>
      </c>
      <c r="R5960">
        <v>104</v>
      </c>
      <c r="S5960">
        <v>107</v>
      </c>
      <c r="T5960">
        <v>109</v>
      </c>
      <c r="U5960">
        <v>112</v>
      </c>
      <c r="V5960">
        <v>115</v>
      </c>
      <c r="W5960">
        <v>117</v>
      </c>
      <c r="X5960">
        <v>120</v>
      </c>
      <c r="Y5960">
        <v>122</v>
      </c>
      <c r="Z5960">
        <v>125</v>
      </c>
      <c r="AA5960">
        <v>127</v>
      </c>
      <c r="AB5960">
        <v>129</v>
      </c>
      <c r="AC5960">
        <v>131</v>
      </c>
      <c r="AD5960">
        <v>134</v>
      </c>
      <c r="AE5960">
        <v>135</v>
      </c>
      <c r="AF5960">
        <v>136</v>
      </c>
      <c r="AG5960">
        <v>136</v>
      </c>
      <c r="AH5960">
        <v>137</v>
      </c>
      <c r="AI5960">
        <v>137</v>
      </c>
      <c r="AJ5960">
        <v>138</v>
      </c>
      <c r="AK5960">
        <v>138</v>
      </c>
      <c r="AL5960">
        <v>139</v>
      </c>
      <c r="AM5960">
        <v>139</v>
      </c>
      <c r="AN5960">
        <v>139</v>
      </c>
      <c r="AO5960">
        <v>140</v>
      </c>
      <c r="AP5960">
        <v>140</v>
      </c>
      <c r="AQ5960">
        <v>140</v>
      </c>
    </row>
    <row r="5961" spans="1:43">
      <c r="A5961" t="s">
        <v>3742</v>
      </c>
      <c r="B5961" t="s">
        <v>3743</v>
      </c>
      <c r="C5961" t="s">
        <v>3744</v>
      </c>
      <c r="D5961" t="s">
        <v>3745</v>
      </c>
      <c r="E5961" t="s">
        <v>3660</v>
      </c>
      <c r="F5961" t="s">
        <v>3661</v>
      </c>
      <c r="G5961" t="s">
        <v>80</v>
      </c>
      <c r="H5961" t="s">
        <v>81</v>
      </c>
      <c r="I5961" s="2">
        <v>0</v>
      </c>
      <c r="J5961" s="2">
        <v>1</v>
      </c>
      <c r="K5961" s="2">
        <v>0</v>
      </c>
      <c r="L5961" t="s">
        <v>82</v>
      </c>
      <c r="M5961" t="s">
        <v>83</v>
      </c>
      <c r="N5961" t="s">
        <v>91</v>
      </c>
      <c r="O5961" t="s">
        <v>85</v>
      </c>
      <c r="P5961" t="s">
        <v>86</v>
      </c>
      <c r="Q5961">
        <v>101</v>
      </c>
      <c r="R5961">
        <v>103</v>
      </c>
      <c r="S5961">
        <v>105</v>
      </c>
      <c r="T5961">
        <v>107</v>
      </c>
      <c r="U5961">
        <v>109</v>
      </c>
      <c r="V5961">
        <v>111</v>
      </c>
      <c r="W5961">
        <v>112</v>
      </c>
      <c r="X5961">
        <v>114</v>
      </c>
      <c r="Y5961">
        <v>116</v>
      </c>
      <c r="Z5961">
        <v>118</v>
      </c>
      <c r="AA5961">
        <v>120</v>
      </c>
      <c r="AB5961">
        <v>122</v>
      </c>
      <c r="AC5961">
        <v>123</v>
      </c>
      <c r="AD5961">
        <v>125</v>
      </c>
      <c r="AE5961">
        <v>127</v>
      </c>
      <c r="AF5961">
        <v>129</v>
      </c>
      <c r="AG5961">
        <v>130</v>
      </c>
      <c r="AH5961">
        <v>132</v>
      </c>
      <c r="AI5961">
        <v>134</v>
      </c>
      <c r="AJ5961">
        <v>135</v>
      </c>
      <c r="AK5961">
        <v>137</v>
      </c>
      <c r="AL5961">
        <v>138</v>
      </c>
      <c r="AM5961">
        <v>138</v>
      </c>
      <c r="AN5961">
        <v>139</v>
      </c>
      <c r="AO5961">
        <v>139</v>
      </c>
      <c r="AP5961">
        <v>140</v>
      </c>
      <c r="AQ5961">
        <v>140</v>
      </c>
    </row>
    <row r="5962" spans="1:43">
      <c r="A5962" t="s">
        <v>3746</v>
      </c>
      <c r="B5962" t="s">
        <v>3747</v>
      </c>
      <c r="C5962" t="s">
        <v>3744</v>
      </c>
      <c r="D5962" t="s">
        <v>3745</v>
      </c>
      <c r="E5962" t="s">
        <v>3660</v>
      </c>
      <c r="F5962" t="s">
        <v>3661</v>
      </c>
      <c r="G5962" t="s">
        <v>80</v>
      </c>
      <c r="H5962" t="s">
        <v>81</v>
      </c>
      <c r="I5962" s="2">
        <v>0</v>
      </c>
      <c r="J5962" s="2">
        <v>1</v>
      </c>
      <c r="K5962" s="2">
        <v>0</v>
      </c>
      <c r="L5962" t="s">
        <v>82</v>
      </c>
      <c r="M5962" t="s">
        <v>83</v>
      </c>
      <c r="N5962" t="s">
        <v>84</v>
      </c>
      <c r="O5962" t="s">
        <v>85</v>
      </c>
      <c r="P5962" t="s">
        <v>86</v>
      </c>
      <c r="Q5962">
        <v>33</v>
      </c>
      <c r="R5962">
        <v>34</v>
      </c>
      <c r="S5962">
        <v>34</v>
      </c>
      <c r="T5962">
        <v>35</v>
      </c>
      <c r="U5962">
        <v>36</v>
      </c>
      <c r="V5962">
        <v>36</v>
      </c>
      <c r="W5962">
        <v>37</v>
      </c>
      <c r="X5962">
        <v>38</v>
      </c>
      <c r="Y5962">
        <v>38</v>
      </c>
      <c r="Z5962">
        <v>39</v>
      </c>
      <c r="AA5962">
        <v>39</v>
      </c>
      <c r="AB5962">
        <v>40</v>
      </c>
      <c r="AC5962">
        <v>41</v>
      </c>
      <c r="AD5962">
        <v>41</v>
      </c>
      <c r="AE5962">
        <v>42</v>
      </c>
      <c r="AF5962">
        <v>42</v>
      </c>
      <c r="AG5962">
        <v>43</v>
      </c>
      <c r="AH5962">
        <v>43</v>
      </c>
      <c r="AI5962">
        <v>44</v>
      </c>
      <c r="AJ5962">
        <v>45</v>
      </c>
      <c r="AK5962">
        <v>45</v>
      </c>
      <c r="AL5962">
        <v>45</v>
      </c>
      <c r="AM5962">
        <v>45</v>
      </c>
      <c r="AN5962">
        <v>46</v>
      </c>
      <c r="AO5962">
        <v>46</v>
      </c>
      <c r="AP5962">
        <v>46</v>
      </c>
      <c r="AQ5962">
        <v>46</v>
      </c>
    </row>
    <row r="5963" spans="1:43">
      <c r="A5963" t="s">
        <v>3746</v>
      </c>
      <c r="B5963" t="s">
        <v>3747</v>
      </c>
      <c r="C5963" t="s">
        <v>3744</v>
      </c>
      <c r="D5963" t="s">
        <v>3745</v>
      </c>
      <c r="E5963" t="s">
        <v>3660</v>
      </c>
      <c r="F5963" t="s">
        <v>3661</v>
      </c>
      <c r="G5963" t="s">
        <v>80</v>
      </c>
      <c r="H5963" t="s">
        <v>81</v>
      </c>
      <c r="I5963" s="2">
        <v>0</v>
      </c>
      <c r="J5963" s="2">
        <v>1</v>
      </c>
      <c r="K5963" s="2">
        <v>0</v>
      </c>
      <c r="L5963" t="s">
        <v>82</v>
      </c>
      <c r="M5963" t="s">
        <v>87</v>
      </c>
      <c r="N5963" t="s">
        <v>88</v>
      </c>
      <c r="O5963" t="s">
        <v>85</v>
      </c>
      <c r="P5963" t="s">
        <v>86</v>
      </c>
      <c r="Q5963">
        <v>33</v>
      </c>
      <c r="R5963">
        <v>33</v>
      </c>
      <c r="S5963">
        <v>34</v>
      </c>
      <c r="T5963">
        <v>34</v>
      </c>
      <c r="U5963">
        <v>34</v>
      </c>
      <c r="V5963">
        <v>34</v>
      </c>
      <c r="W5963">
        <v>35</v>
      </c>
      <c r="X5963">
        <v>35</v>
      </c>
      <c r="Y5963">
        <v>35</v>
      </c>
      <c r="Z5963">
        <v>36</v>
      </c>
      <c r="AA5963">
        <v>36</v>
      </c>
      <c r="AB5963">
        <v>36</v>
      </c>
      <c r="AC5963">
        <v>36</v>
      </c>
      <c r="AD5963">
        <v>37</v>
      </c>
      <c r="AE5963">
        <v>37</v>
      </c>
      <c r="AF5963">
        <v>37</v>
      </c>
      <c r="AG5963">
        <v>37</v>
      </c>
      <c r="AH5963">
        <v>38</v>
      </c>
      <c r="AI5963">
        <v>38</v>
      </c>
      <c r="AJ5963">
        <v>38</v>
      </c>
      <c r="AK5963">
        <v>38</v>
      </c>
      <c r="AL5963">
        <v>39</v>
      </c>
      <c r="AM5963">
        <v>39</v>
      </c>
      <c r="AN5963">
        <v>39</v>
      </c>
      <c r="AO5963">
        <v>39</v>
      </c>
      <c r="AP5963">
        <v>39</v>
      </c>
      <c r="AQ5963">
        <v>40</v>
      </c>
    </row>
    <row r="5964" spans="1:43">
      <c r="A5964" t="s">
        <v>3746</v>
      </c>
      <c r="B5964" t="s">
        <v>3747</v>
      </c>
      <c r="C5964" t="s">
        <v>3744</v>
      </c>
      <c r="D5964" t="s">
        <v>3745</v>
      </c>
      <c r="E5964" t="s">
        <v>3660</v>
      </c>
      <c r="F5964" t="s">
        <v>3661</v>
      </c>
      <c r="G5964" t="s">
        <v>80</v>
      </c>
      <c r="H5964" t="s">
        <v>81</v>
      </c>
      <c r="I5964" s="2">
        <v>0</v>
      </c>
      <c r="J5964" s="2">
        <v>1</v>
      </c>
      <c r="K5964" s="2">
        <v>0</v>
      </c>
      <c r="L5964" t="s">
        <v>82</v>
      </c>
      <c r="M5964" t="s">
        <v>89</v>
      </c>
      <c r="N5964" t="s">
        <v>90</v>
      </c>
      <c r="O5964" t="s">
        <v>85</v>
      </c>
      <c r="P5964" t="s">
        <v>86</v>
      </c>
      <c r="Q5964">
        <v>33</v>
      </c>
      <c r="R5964">
        <v>33</v>
      </c>
      <c r="S5964">
        <v>34</v>
      </c>
      <c r="T5964">
        <v>35</v>
      </c>
      <c r="U5964">
        <v>36</v>
      </c>
      <c r="V5964">
        <v>37</v>
      </c>
      <c r="W5964">
        <v>38</v>
      </c>
      <c r="X5964">
        <v>39</v>
      </c>
      <c r="Y5964">
        <v>39</v>
      </c>
      <c r="Z5964">
        <v>40</v>
      </c>
      <c r="AA5964">
        <v>41</v>
      </c>
      <c r="AB5964">
        <v>42</v>
      </c>
      <c r="AC5964">
        <v>43</v>
      </c>
      <c r="AD5964">
        <v>43</v>
      </c>
      <c r="AE5964">
        <v>44</v>
      </c>
      <c r="AF5964">
        <v>44</v>
      </c>
      <c r="AG5964">
        <v>44</v>
      </c>
      <c r="AH5964">
        <v>44</v>
      </c>
      <c r="AI5964">
        <v>44</v>
      </c>
      <c r="AJ5964">
        <v>45</v>
      </c>
      <c r="AK5964">
        <v>45</v>
      </c>
      <c r="AL5964">
        <v>45</v>
      </c>
      <c r="AM5964">
        <v>45</v>
      </c>
      <c r="AN5964">
        <v>45</v>
      </c>
      <c r="AO5964">
        <v>45</v>
      </c>
      <c r="AP5964">
        <v>45</v>
      </c>
      <c r="AQ5964">
        <v>45</v>
      </c>
    </row>
    <row r="5965" spans="1:43">
      <c r="A5965" t="s">
        <v>3746</v>
      </c>
      <c r="B5965" t="s">
        <v>3747</v>
      </c>
      <c r="C5965" t="s">
        <v>3744</v>
      </c>
      <c r="D5965" t="s">
        <v>3745</v>
      </c>
      <c r="E5965" t="s">
        <v>3660</v>
      </c>
      <c r="F5965" t="s">
        <v>3661</v>
      </c>
      <c r="G5965" t="s">
        <v>80</v>
      </c>
      <c r="H5965" t="s">
        <v>81</v>
      </c>
      <c r="I5965" s="2">
        <v>0</v>
      </c>
      <c r="J5965" s="2">
        <v>1</v>
      </c>
      <c r="K5965" s="2">
        <v>0</v>
      </c>
      <c r="L5965" t="s">
        <v>82</v>
      </c>
      <c r="M5965" t="s">
        <v>83</v>
      </c>
      <c r="N5965" t="s">
        <v>91</v>
      </c>
      <c r="O5965" t="s">
        <v>85</v>
      </c>
      <c r="P5965" t="s">
        <v>86</v>
      </c>
      <c r="Q5965">
        <v>33</v>
      </c>
      <c r="R5965">
        <v>34</v>
      </c>
      <c r="S5965">
        <v>34</v>
      </c>
      <c r="T5965">
        <v>35</v>
      </c>
      <c r="U5965">
        <v>36</v>
      </c>
      <c r="V5965">
        <v>36</v>
      </c>
      <c r="W5965">
        <v>37</v>
      </c>
      <c r="X5965">
        <v>38</v>
      </c>
      <c r="Y5965">
        <v>38</v>
      </c>
      <c r="Z5965">
        <v>39</v>
      </c>
      <c r="AA5965">
        <v>39</v>
      </c>
      <c r="AB5965">
        <v>40</v>
      </c>
      <c r="AC5965">
        <v>41</v>
      </c>
      <c r="AD5965">
        <v>41</v>
      </c>
      <c r="AE5965">
        <v>42</v>
      </c>
      <c r="AF5965">
        <v>42</v>
      </c>
      <c r="AG5965">
        <v>43</v>
      </c>
      <c r="AH5965">
        <v>43</v>
      </c>
      <c r="AI5965">
        <v>44</v>
      </c>
      <c r="AJ5965">
        <v>45</v>
      </c>
      <c r="AK5965">
        <v>45</v>
      </c>
      <c r="AL5965">
        <v>45</v>
      </c>
      <c r="AM5965">
        <v>45</v>
      </c>
      <c r="AN5965">
        <v>46</v>
      </c>
      <c r="AO5965">
        <v>46</v>
      </c>
      <c r="AP5965">
        <v>46</v>
      </c>
      <c r="AQ5965">
        <v>46</v>
      </c>
    </row>
    <row r="5966" spans="1:43">
      <c r="A5966" t="s">
        <v>3748</v>
      </c>
      <c r="B5966" t="s">
        <v>3749</v>
      </c>
      <c r="C5966" t="s">
        <v>3728</v>
      </c>
      <c r="D5966" t="s">
        <v>3729</v>
      </c>
      <c r="E5966" t="s">
        <v>3660</v>
      </c>
      <c r="F5966" t="s">
        <v>3661</v>
      </c>
      <c r="G5966" t="s">
        <v>80</v>
      </c>
      <c r="H5966" t="s">
        <v>81</v>
      </c>
      <c r="I5966" s="2">
        <v>0</v>
      </c>
      <c r="J5966" s="2">
        <v>1</v>
      </c>
      <c r="K5966" s="2">
        <v>0</v>
      </c>
      <c r="L5966" t="s">
        <v>82</v>
      </c>
      <c r="M5966" t="s">
        <v>83</v>
      </c>
      <c r="N5966" t="s">
        <v>84</v>
      </c>
      <c r="O5966" t="s">
        <v>85</v>
      </c>
      <c r="P5966" t="s">
        <v>86</v>
      </c>
      <c r="Q5966">
        <v>143</v>
      </c>
      <c r="R5966">
        <v>145</v>
      </c>
      <c r="S5966">
        <v>148</v>
      </c>
      <c r="T5966">
        <v>151</v>
      </c>
      <c r="U5966">
        <v>153</v>
      </c>
      <c r="V5966">
        <v>156</v>
      </c>
      <c r="W5966">
        <v>159</v>
      </c>
      <c r="X5966">
        <v>161</v>
      </c>
      <c r="Y5966">
        <v>164</v>
      </c>
      <c r="Z5966">
        <v>167</v>
      </c>
      <c r="AA5966">
        <v>169</v>
      </c>
      <c r="AB5966">
        <v>172</v>
      </c>
      <c r="AC5966">
        <v>174</v>
      </c>
      <c r="AD5966">
        <v>177</v>
      </c>
      <c r="AE5966">
        <v>179</v>
      </c>
      <c r="AF5966">
        <v>182</v>
      </c>
      <c r="AG5966">
        <v>184</v>
      </c>
      <c r="AH5966">
        <v>187</v>
      </c>
      <c r="AI5966">
        <v>189</v>
      </c>
      <c r="AJ5966">
        <v>192</v>
      </c>
      <c r="AK5966">
        <v>194</v>
      </c>
      <c r="AL5966">
        <v>195</v>
      </c>
      <c r="AM5966">
        <v>196</v>
      </c>
      <c r="AN5966">
        <v>196</v>
      </c>
      <c r="AO5966">
        <v>197</v>
      </c>
      <c r="AP5966">
        <v>197</v>
      </c>
      <c r="AQ5966">
        <v>198</v>
      </c>
    </row>
    <row r="5967" spans="1:43">
      <c r="A5967" t="s">
        <v>3748</v>
      </c>
      <c r="B5967" t="s">
        <v>3749</v>
      </c>
      <c r="C5967" t="s">
        <v>3728</v>
      </c>
      <c r="D5967" t="s">
        <v>3729</v>
      </c>
      <c r="E5967" t="s">
        <v>3660</v>
      </c>
      <c r="F5967" t="s">
        <v>3661</v>
      </c>
      <c r="G5967" t="s">
        <v>80</v>
      </c>
      <c r="H5967" t="s">
        <v>81</v>
      </c>
      <c r="I5967" s="2">
        <v>0</v>
      </c>
      <c r="J5967" s="2">
        <v>1</v>
      </c>
      <c r="K5967" s="2">
        <v>0</v>
      </c>
      <c r="L5967" t="s">
        <v>82</v>
      </c>
      <c r="M5967" t="s">
        <v>87</v>
      </c>
      <c r="N5967" t="s">
        <v>88</v>
      </c>
      <c r="O5967" t="s">
        <v>85</v>
      </c>
      <c r="P5967" t="s">
        <v>86</v>
      </c>
      <c r="Q5967">
        <v>143</v>
      </c>
      <c r="R5967">
        <v>145</v>
      </c>
      <c r="S5967">
        <v>146</v>
      </c>
      <c r="T5967">
        <v>147</v>
      </c>
      <c r="U5967">
        <v>149</v>
      </c>
      <c r="V5967">
        <v>150</v>
      </c>
      <c r="W5967">
        <v>151</v>
      </c>
      <c r="X5967">
        <v>152</v>
      </c>
      <c r="Y5967">
        <v>154</v>
      </c>
      <c r="Z5967">
        <v>155</v>
      </c>
      <c r="AA5967">
        <v>156</v>
      </c>
      <c r="AB5967">
        <v>157</v>
      </c>
      <c r="AC5967">
        <v>158</v>
      </c>
      <c r="AD5967">
        <v>159</v>
      </c>
      <c r="AE5967">
        <v>161</v>
      </c>
      <c r="AF5967">
        <v>162</v>
      </c>
      <c r="AG5967">
        <v>163</v>
      </c>
      <c r="AH5967">
        <v>164</v>
      </c>
      <c r="AI5967">
        <v>165</v>
      </c>
      <c r="AJ5967">
        <v>166</v>
      </c>
      <c r="AK5967">
        <v>167</v>
      </c>
      <c r="AL5967">
        <v>168</v>
      </c>
      <c r="AM5967">
        <v>169</v>
      </c>
      <c r="AN5967">
        <v>170</v>
      </c>
      <c r="AO5967">
        <v>171</v>
      </c>
      <c r="AP5967">
        <v>172</v>
      </c>
      <c r="AQ5967">
        <v>173</v>
      </c>
    </row>
    <row r="5968" spans="1:43">
      <c r="A5968" t="s">
        <v>3748</v>
      </c>
      <c r="B5968" t="s">
        <v>3749</v>
      </c>
      <c r="C5968" t="s">
        <v>3728</v>
      </c>
      <c r="D5968" t="s">
        <v>3729</v>
      </c>
      <c r="E5968" t="s">
        <v>3660</v>
      </c>
      <c r="F5968" t="s">
        <v>3661</v>
      </c>
      <c r="G5968" t="s">
        <v>80</v>
      </c>
      <c r="H5968" t="s">
        <v>81</v>
      </c>
      <c r="I5968" s="2">
        <v>0</v>
      </c>
      <c r="J5968" s="2">
        <v>1</v>
      </c>
      <c r="K5968" s="2">
        <v>0</v>
      </c>
      <c r="L5968" t="s">
        <v>82</v>
      </c>
      <c r="M5968" t="s">
        <v>89</v>
      </c>
      <c r="N5968" t="s">
        <v>90</v>
      </c>
      <c r="O5968" t="s">
        <v>85</v>
      </c>
      <c r="P5968" t="s">
        <v>86</v>
      </c>
      <c r="Q5968">
        <v>143</v>
      </c>
      <c r="R5968">
        <v>147</v>
      </c>
      <c r="S5968">
        <v>151</v>
      </c>
      <c r="T5968">
        <v>155</v>
      </c>
      <c r="U5968">
        <v>159</v>
      </c>
      <c r="V5968">
        <v>162</v>
      </c>
      <c r="W5968">
        <v>166</v>
      </c>
      <c r="X5968">
        <v>169</v>
      </c>
      <c r="Y5968">
        <v>173</v>
      </c>
      <c r="Z5968">
        <v>176</v>
      </c>
      <c r="AA5968">
        <v>180</v>
      </c>
      <c r="AB5968">
        <v>183</v>
      </c>
      <c r="AC5968">
        <v>186</v>
      </c>
      <c r="AD5968">
        <v>189</v>
      </c>
      <c r="AE5968">
        <v>192</v>
      </c>
      <c r="AF5968">
        <v>192</v>
      </c>
      <c r="AG5968">
        <v>193</v>
      </c>
      <c r="AH5968">
        <v>194</v>
      </c>
      <c r="AI5968">
        <v>194</v>
      </c>
      <c r="AJ5968">
        <v>195</v>
      </c>
      <c r="AK5968">
        <v>195</v>
      </c>
      <c r="AL5968">
        <v>196</v>
      </c>
      <c r="AM5968">
        <v>196</v>
      </c>
      <c r="AN5968">
        <v>197</v>
      </c>
      <c r="AO5968">
        <v>197</v>
      </c>
      <c r="AP5968">
        <v>198</v>
      </c>
      <c r="AQ5968">
        <v>198</v>
      </c>
    </row>
    <row r="5969" spans="1:43">
      <c r="A5969" t="s">
        <v>3748</v>
      </c>
      <c r="B5969" t="s">
        <v>3749</v>
      </c>
      <c r="C5969" t="s">
        <v>3728</v>
      </c>
      <c r="D5969" t="s">
        <v>3729</v>
      </c>
      <c r="E5969" t="s">
        <v>3660</v>
      </c>
      <c r="F5969" t="s">
        <v>3661</v>
      </c>
      <c r="G5969" t="s">
        <v>80</v>
      </c>
      <c r="H5969" t="s">
        <v>81</v>
      </c>
      <c r="I5969" s="2">
        <v>0</v>
      </c>
      <c r="J5969" s="2">
        <v>1</v>
      </c>
      <c r="K5969" s="2">
        <v>0</v>
      </c>
      <c r="L5969" t="s">
        <v>82</v>
      </c>
      <c r="M5969" t="s">
        <v>83</v>
      </c>
      <c r="N5969" t="s">
        <v>91</v>
      </c>
      <c r="O5969" t="s">
        <v>85</v>
      </c>
      <c r="P5969" t="s">
        <v>86</v>
      </c>
      <c r="Q5969">
        <v>143</v>
      </c>
      <c r="R5969">
        <v>145</v>
      </c>
      <c r="S5969">
        <v>148</v>
      </c>
      <c r="T5969">
        <v>151</v>
      </c>
      <c r="U5969">
        <v>153</v>
      </c>
      <c r="V5969">
        <v>156</v>
      </c>
      <c r="W5969">
        <v>159</v>
      </c>
      <c r="X5969">
        <v>161</v>
      </c>
      <c r="Y5969">
        <v>164</v>
      </c>
      <c r="Z5969">
        <v>167</v>
      </c>
      <c r="AA5969">
        <v>169</v>
      </c>
      <c r="AB5969">
        <v>172</v>
      </c>
      <c r="AC5969">
        <v>174</v>
      </c>
      <c r="AD5969">
        <v>177</v>
      </c>
      <c r="AE5969">
        <v>179</v>
      </c>
      <c r="AF5969">
        <v>182</v>
      </c>
      <c r="AG5969">
        <v>184</v>
      </c>
      <c r="AH5969">
        <v>187</v>
      </c>
      <c r="AI5969">
        <v>189</v>
      </c>
      <c r="AJ5969">
        <v>192</v>
      </c>
      <c r="AK5969">
        <v>194</v>
      </c>
      <c r="AL5969">
        <v>195</v>
      </c>
      <c r="AM5969">
        <v>196</v>
      </c>
      <c r="AN5969">
        <v>196</v>
      </c>
      <c r="AO5969">
        <v>197</v>
      </c>
      <c r="AP5969">
        <v>197</v>
      </c>
      <c r="AQ5969">
        <v>198</v>
      </c>
    </row>
    <row r="5970" spans="1:43">
      <c r="A5970" t="s">
        <v>3750</v>
      </c>
      <c r="B5970" t="s">
        <v>3751</v>
      </c>
      <c r="C5970" t="s">
        <v>3752</v>
      </c>
      <c r="D5970" t="s">
        <v>3753</v>
      </c>
      <c r="E5970" t="s">
        <v>3660</v>
      </c>
      <c r="F5970" t="s">
        <v>3661</v>
      </c>
      <c r="G5970" t="s">
        <v>80</v>
      </c>
      <c r="H5970" t="s">
        <v>81</v>
      </c>
      <c r="I5970" s="2">
        <v>0</v>
      </c>
      <c r="J5970" s="2">
        <v>1</v>
      </c>
      <c r="K5970" s="2">
        <v>0</v>
      </c>
      <c r="L5970" t="s">
        <v>82</v>
      </c>
      <c r="M5970" t="s">
        <v>83</v>
      </c>
      <c r="N5970" t="s">
        <v>84</v>
      </c>
      <c r="O5970" t="s">
        <v>85</v>
      </c>
      <c r="P5970" t="s">
        <v>86</v>
      </c>
      <c r="Q5970">
        <v>52</v>
      </c>
      <c r="R5970">
        <v>53</v>
      </c>
      <c r="S5970">
        <v>54</v>
      </c>
      <c r="T5970">
        <v>55</v>
      </c>
      <c r="U5970">
        <v>56</v>
      </c>
      <c r="V5970">
        <v>57</v>
      </c>
      <c r="W5970">
        <v>58</v>
      </c>
      <c r="X5970">
        <v>59</v>
      </c>
      <c r="Y5970">
        <v>60</v>
      </c>
      <c r="Z5970">
        <v>61</v>
      </c>
      <c r="AA5970">
        <v>62</v>
      </c>
      <c r="AB5970">
        <v>63</v>
      </c>
      <c r="AC5970">
        <v>64</v>
      </c>
      <c r="AD5970">
        <v>64</v>
      </c>
      <c r="AE5970">
        <v>65</v>
      </c>
      <c r="AF5970">
        <v>66</v>
      </c>
      <c r="AG5970">
        <v>67</v>
      </c>
      <c r="AH5970">
        <v>68</v>
      </c>
      <c r="AI5970">
        <v>69</v>
      </c>
      <c r="AJ5970">
        <v>70</v>
      </c>
      <c r="AK5970">
        <v>71</v>
      </c>
      <c r="AL5970">
        <v>71</v>
      </c>
      <c r="AM5970">
        <v>71</v>
      </c>
      <c r="AN5970">
        <v>72</v>
      </c>
      <c r="AO5970">
        <v>72</v>
      </c>
      <c r="AP5970">
        <v>72</v>
      </c>
      <c r="AQ5970">
        <v>72</v>
      </c>
    </row>
    <row r="5971" spans="1:43">
      <c r="A5971" t="s">
        <v>3750</v>
      </c>
      <c r="B5971" t="s">
        <v>3751</v>
      </c>
      <c r="C5971" t="s">
        <v>3752</v>
      </c>
      <c r="D5971" t="s">
        <v>3753</v>
      </c>
      <c r="E5971" t="s">
        <v>3660</v>
      </c>
      <c r="F5971" t="s">
        <v>3661</v>
      </c>
      <c r="G5971" t="s">
        <v>80</v>
      </c>
      <c r="H5971" t="s">
        <v>81</v>
      </c>
      <c r="I5971" s="2">
        <v>0</v>
      </c>
      <c r="J5971" s="2">
        <v>1</v>
      </c>
      <c r="K5971" s="2">
        <v>0</v>
      </c>
      <c r="L5971" t="s">
        <v>82</v>
      </c>
      <c r="M5971" t="s">
        <v>87</v>
      </c>
      <c r="N5971" t="s">
        <v>88</v>
      </c>
      <c r="O5971" t="s">
        <v>85</v>
      </c>
      <c r="P5971" t="s">
        <v>86</v>
      </c>
      <c r="Q5971">
        <v>52</v>
      </c>
      <c r="R5971">
        <v>53</v>
      </c>
      <c r="S5971">
        <v>53</v>
      </c>
      <c r="T5971">
        <v>54</v>
      </c>
      <c r="U5971">
        <v>54</v>
      </c>
      <c r="V5971">
        <v>55</v>
      </c>
      <c r="W5971">
        <v>55</v>
      </c>
      <c r="X5971">
        <v>56</v>
      </c>
      <c r="Y5971">
        <v>56</v>
      </c>
      <c r="Z5971">
        <v>57</v>
      </c>
      <c r="AA5971">
        <v>57</v>
      </c>
      <c r="AB5971">
        <v>58</v>
      </c>
      <c r="AC5971">
        <v>58</v>
      </c>
      <c r="AD5971">
        <v>58</v>
      </c>
      <c r="AE5971">
        <v>59</v>
      </c>
      <c r="AF5971">
        <v>59</v>
      </c>
      <c r="AG5971">
        <v>60</v>
      </c>
      <c r="AH5971">
        <v>60</v>
      </c>
      <c r="AI5971">
        <v>60</v>
      </c>
      <c r="AJ5971">
        <v>61</v>
      </c>
      <c r="AK5971">
        <v>61</v>
      </c>
      <c r="AL5971">
        <v>62</v>
      </c>
      <c r="AM5971">
        <v>62</v>
      </c>
      <c r="AN5971">
        <v>62</v>
      </c>
      <c r="AO5971">
        <v>63</v>
      </c>
      <c r="AP5971">
        <v>63</v>
      </c>
      <c r="AQ5971">
        <v>63</v>
      </c>
    </row>
    <row r="5972" spans="1:43">
      <c r="A5972" t="s">
        <v>3750</v>
      </c>
      <c r="B5972" t="s">
        <v>3751</v>
      </c>
      <c r="C5972" t="s">
        <v>3752</v>
      </c>
      <c r="D5972" t="s">
        <v>3753</v>
      </c>
      <c r="E5972" t="s">
        <v>3660</v>
      </c>
      <c r="F5972" t="s">
        <v>3661</v>
      </c>
      <c r="G5972" t="s">
        <v>80</v>
      </c>
      <c r="H5972" t="s">
        <v>81</v>
      </c>
      <c r="I5972" s="2">
        <v>0</v>
      </c>
      <c r="J5972" s="2">
        <v>1</v>
      </c>
      <c r="K5972" s="2">
        <v>0</v>
      </c>
      <c r="L5972" t="s">
        <v>82</v>
      </c>
      <c r="M5972" t="s">
        <v>89</v>
      </c>
      <c r="N5972" t="s">
        <v>90</v>
      </c>
      <c r="O5972" t="s">
        <v>85</v>
      </c>
      <c r="P5972" t="s">
        <v>86</v>
      </c>
      <c r="Q5972">
        <v>52</v>
      </c>
      <c r="R5972">
        <v>54</v>
      </c>
      <c r="S5972">
        <v>55</v>
      </c>
      <c r="T5972">
        <v>57</v>
      </c>
      <c r="U5972">
        <v>58</v>
      </c>
      <c r="V5972">
        <v>59</v>
      </c>
      <c r="W5972">
        <v>61</v>
      </c>
      <c r="X5972">
        <v>62</v>
      </c>
      <c r="Y5972">
        <v>63</v>
      </c>
      <c r="Z5972">
        <v>65</v>
      </c>
      <c r="AA5972">
        <v>66</v>
      </c>
      <c r="AB5972">
        <v>67</v>
      </c>
      <c r="AC5972">
        <v>68</v>
      </c>
      <c r="AD5972">
        <v>69</v>
      </c>
      <c r="AE5972">
        <v>70</v>
      </c>
      <c r="AF5972">
        <v>70</v>
      </c>
      <c r="AG5972">
        <v>71</v>
      </c>
      <c r="AH5972">
        <v>71</v>
      </c>
      <c r="AI5972">
        <v>71</v>
      </c>
      <c r="AJ5972">
        <v>71</v>
      </c>
      <c r="AK5972">
        <v>72</v>
      </c>
      <c r="AL5972">
        <v>72</v>
      </c>
      <c r="AM5972">
        <v>72</v>
      </c>
      <c r="AN5972">
        <v>72</v>
      </c>
      <c r="AO5972">
        <v>72</v>
      </c>
      <c r="AP5972">
        <v>72</v>
      </c>
      <c r="AQ5972">
        <v>73</v>
      </c>
    </row>
    <row r="5973" spans="1:43">
      <c r="A5973" t="s">
        <v>3750</v>
      </c>
      <c r="B5973" t="s">
        <v>3751</v>
      </c>
      <c r="C5973" t="s">
        <v>3752</v>
      </c>
      <c r="D5973" t="s">
        <v>3753</v>
      </c>
      <c r="E5973" t="s">
        <v>3660</v>
      </c>
      <c r="F5973" t="s">
        <v>3661</v>
      </c>
      <c r="G5973" t="s">
        <v>80</v>
      </c>
      <c r="H5973" t="s">
        <v>81</v>
      </c>
      <c r="I5973" s="2">
        <v>0</v>
      </c>
      <c r="J5973" s="2">
        <v>1</v>
      </c>
      <c r="K5973" s="2">
        <v>0</v>
      </c>
      <c r="L5973" t="s">
        <v>82</v>
      </c>
      <c r="M5973" t="s">
        <v>83</v>
      </c>
      <c r="N5973" t="s">
        <v>91</v>
      </c>
      <c r="O5973" t="s">
        <v>85</v>
      </c>
      <c r="P5973" t="s">
        <v>86</v>
      </c>
      <c r="Q5973">
        <v>52</v>
      </c>
      <c r="R5973">
        <v>53</v>
      </c>
      <c r="S5973">
        <v>54</v>
      </c>
      <c r="T5973">
        <v>55</v>
      </c>
      <c r="U5973">
        <v>56</v>
      </c>
      <c r="V5973">
        <v>57</v>
      </c>
      <c r="W5973">
        <v>58</v>
      </c>
      <c r="X5973">
        <v>59</v>
      </c>
      <c r="Y5973">
        <v>60</v>
      </c>
      <c r="Z5973">
        <v>61</v>
      </c>
      <c r="AA5973">
        <v>62</v>
      </c>
      <c r="AB5973">
        <v>63</v>
      </c>
      <c r="AC5973">
        <v>64</v>
      </c>
      <c r="AD5973">
        <v>64</v>
      </c>
      <c r="AE5973">
        <v>65</v>
      </c>
      <c r="AF5973">
        <v>66</v>
      </c>
      <c r="AG5973">
        <v>67</v>
      </c>
      <c r="AH5973">
        <v>68</v>
      </c>
      <c r="AI5973">
        <v>69</v>
      </c>
      <c r="AJ5973">
        <v>70</v>
      </c>
      <c r="AK5973">
        <v>71</v>
      </c>
      <c r="AL5973">
        <v>71</v>
      </c>
      <c r="AM5973">
        <v>71</v>
      </c>
      <c r="AN5973">
        <v>72</v>
      </c>
      <c r="AO5973">
        <v>72</v>
      </c>
      <c r="AP5973">
        <v>72</v>
      </c>
      <c r="AQ5973">
        <v>72</v>
      </c>
    </row>
    <row r="5974" spans="1:43">
      <c r="A5974" t="s">
        <v>3754</v>
      </c>
      <c r="B5974" t="s">
        <v>3755</v>
      </c>
      <c r="C5974" t="s">
        <v>3740</v>
      </c>
      <c r="D5974" t="s">
        <v>3741</v>
      </c>
      <c r="E5974" t="s">
        <v>3660</v>
      </c>
      <c r="F5974" t="s">
        <v>3661</v>
      </c>
      <c r="G5974" t="s">
        <v>80</v>
      </c>
      <c r="H5974" t="s">
        <v>81</v>
      </c>
      <c r="I5974" s="2">
        <v>0</v>
      </c>
      <c r="J5974" s="2">
        <v>1</v>
      </c>
      <c r="K5974" s="2">
        <v>0</v>
      </c>
      <c r="L5974" t="s">
        <v>82</v>
      </c>
      <c r="M5974" t="s">
        <v>83</v>
      </c>
      <c r="N5974" t="s">
        <v>84</v>
      </c>
      <c r="O5974" t="s">
        <v>85</v>
      </c>
      <c r="P5974" t="s">
        <v>86</v>
      </c>
      <c r="Q5974">
        <v>110</v>
      </c>
      <c r="R5974">
        <v>112</v>
      </c>
      <c r="S5974">
        <v>114</v>
      </c>
      <c r="T5974">
        <v>116</v>
      </c>
      <c r="U5974">
        <v>118</v>
      </c>
      <c r="V5974">
        <v>120</v>
      </c>
      <c r="W5974">
        <v>122</v>
      </c>
      <c r="X5974">
        <v>124</v>
      </c>
      <c r="Y5974">
        <v>126</v>
      </c>
      <c r="Z5974">
        <v>128</v>
      </c>
      <c r="AA5974">
        <v>130</v>
      </c>
      <c r="AB5974">
        <v>132</v>
      </c>
      <c r="AC5974">
        <v>134</v>
      </c>
      <c r="AD5974">
        <v>136</v>
      </c>
      <c r="AE5974">
        <v>138</v>
      </c>
      <c r="AF5974">
        <v>140</v>
      </c>
      <c r="AG5974">
        <v>142</v>
      </c>
      <c r="AH5974">
        <v>144</v>
      </c>
      <c r="AI5974">
        <v>146</v>
      </c>
      <c r="AJ5974">
        <v>148</v>
      </c>
      <c r="AK5974">
        <v>150</v>
      </c>
      <c r="AL5974">
        <v>150</v>
      </c>
      <c r="AM5974">
        <v>151</v>
      </c>
      <c r="AN5974">
        <v>151</v>
      </c>
      <c r="AO5974">
        <v>152</v>
      </c>
      <c r="AP5974">
        <v>152</v>
      </c>
      <c r="AQ5974">
        <v>152</v>
      </c>
    </row>
    <row r="5975" spans="1:43">
      <c r="A5975" t="s">
        <v>3754</v>
      </c>
      <c r="B5975" t="s">
        <v>3755</v>
      </c>
      <c r="C5975" t="s">
        <v>3740</v>
      </c>
      <c r="D5975" t="s">
        <v>3741</v>
      </c>
      <c r="E5975" t="s">
        <v>3660</v>
      </c>
      <c r="F5975" t="s">
        <v>3661</v>
      </c>
      <c r="G5975" t="s">
        <v>80</v>
      </c>
      <c r="H5975" t="s">
        <v>81</v>
      </c>
      <c r="I5975" s="2">
        <v>0</v>
      </c>
      <c r="J5975" s="2">
        <v>1</v>
      </c>
      <c r="K5975" s="2">
        <v>0</v>
      </c>
      <c r="L5975" t="s">
        <v>82</v>
      </c>
      <c r="M5975" t="s">
        <v>87</v>
      </c>
      <c r="N5975" t="s">
        <v>88</v>
      </c>
      <c r="O5975" t="s">
        <v>85</v>
      </c>
      <c r="P5975" t="s">
        <v>86</v>
      </c>
      <c r="Q5975">
        <v>110</v>
      </c>
      <c r="R5975">
        <v>111</v>
      </c>
      <c r="S5975">
        <v>112</v>
      </c>
      <c r="T5975">
        <v>113</v>
      </c>
      <c r="U5975">
        <v>114</v>
      </c>
      <c r="V5975">
        <v>115</v>
      </c>
      <c r="W5975">
        <v>116</v>
      </c>
      <c r="X5975">
        <v>117</v>
      </c>
      <c r="Y5975">
        <v>118</v>
      </c>
      <c r="Z5975">
        <v>119</v>
      </c>
      <c r="AA5975">
        <v>120</v>
      </c>
      <c r="AB5975">
        <v>121</v>
      </c>
      <c r="AC5975">
        <v>122</v>
      </c>
      <c r="AD5975">
        <v>122</v>
      </c>
      <c r="AE5975">
        <v>123</v>
      </c>
      <c r="AF5975">
        <v>124</v>
      </c>
      <c r="AG5975">
        <v>125</v>
      </c>
      <c r="AH5975">
        <v>126</v>
      </c>
      <c r="AI5975">
        <v>127</v>
      </c>
      <c r="AJ5975">
        <v>128</v>
      </c>
      <c r="AK5975">
        <v>128</v>
      </c>
      <c r="AL5975">
        <v>129</v>
      </c>
      <c r="AM5975">
        <v>130</v>
      </c>
      <c r="AN5975">
        <v>131</v>
      </c>
      <c r="AO5975">
        <v>132</v>
      </c>
      <c r="AP5975">
        <v>133</v>
      </c>
      <c r="AQ5975">
        <v>133</v>
      </c>
    </row>
    <row r="5976" spans="1:43">
      <c r="A5976" t="s">
        <v>3754</v>
      </c>
      <c r="B5976" t="s">
        <v>3755</v>
      </c>
      <c r="C5976" t="s">
        <v>3740</v>
      </c>
      <c r="D5976" t="s">
        <v>3741</v>
      </c>
      <c r="E5976" t="s">
        <v>3660</v>
      </c>
      <c r="F5976" t="s">
        <v>3661</v>
      </c>
      <c r="G5976" t="s">
        <v>80</v>
      </c>
      <c r="H5976" t="s">
        <v>81</v>
      </c>
      <c r="I5976" s="2">
        <v>0</v>
      </c>
      <c r="J5976" s="2">
        <v>1</v>
      </c>
      <c r="K5976" s="2">
        <v>0</v>
      </c>
      <c r="L5976" t="s">
        <v>82</v>
      </c>
      <c r="M5976" t="s">
        <v>89</v>
      </c>
      <c r="N5976" t="s">
        <v>90</v>
      </c>
      <c r="O5976" t="s">
        <v>85</v>
      </c>
      <c r="P5976" t="s">
        <v>86</v>
      </c>
      <c r="Q5976">
        <v>110</v>
      </c>
      <c r="R5976">
        <v>113</v>
      </c>
      <c r="S5976">
        <v>116</v>
      </c>
      <c r="T5976">
        <v>119</v>
      </c>
      <c r="U5976">
        <v>122</v>
      </c>
      <c r="V5976">
        <v>125</v>
      </c>
      <c r="W5976">
        <v>128</v>
      </c>
      <c r="X5976">
        <v>130</v>
      </c>
      <c r="Y5976">
        <v>133</v>
      </c>
      <c r="Z5976">
        <v>135</v>
      </c>
      <c r="AA5976">
        <v>138</v>
      </c>
      <c r="AB5976">
        <v>140</v>
      </c>
      <c r="AC5976">
        <v>143</v>
      </c>
      <c r="AD5976">
        <v>146</v>
      </c>
      <c r="AE5976">
        <v>147</v>
      </c>
      <c r="AF5976">
        <v>148</v>
      </c>
      <c r="AG5976">
        <v>148</v>
      </c>
      <c r="AH5976">
        <v>149</v>
      </c>
      <c r="AI5976">
        <v>149</v>
      </c>
      <c r="AJ5976">
        <v>150</v>
      </c>
      <c r="AK5976">
        <v>150</v>
      </c>
      <c r="AL5976">
        <v>150</v>
      </c>
      <c r="AM5976">
        <v>151</v>
      </c>
      <c r="AN5976">
        <v>151</v>
      </c>
      <c r="AO5976">
        <v>151</v>
      </c>
      <c r="AP5976">
        <v>152</v>
      </c>
      <c r="AQ5976">
        <v>152</v>
      </c>
    </row>
    <row r="5977" spans="1:43">
      <c r="A5977" t="s">
        <v>3754</v>
      </c>
      <c r="B5977" t="s">
        <v>3755</v>
      </c>
      <c r="C5977" t="s">
        <v>3740</v>
      </c>
      <c r="D5977" t="s">
        <v>3741</v>
      </c>
      <c r="E5977" t="s">
        <v>3660</v>
      </c>
      <c r="F5977" t="s">
        <v>3661</v>
      </c>
      <c r="G5977" t="s">
        <v>80</v>
      </c>
      <c r="H5977" t="s">
        <v>81</v>
      </c>
      <c r="I5977" s="2">
        <v>0</v>
      </c>
      <c r="J5977" s="2">
        <v>1</v>
      </c>
      <c r="K5977" s="2">
        <v>0</v>
      </c>
      <c r="L5977" t="s">
        <v>82</v>
      </c>
      <c r="M5977" t="s">
        <v>83</v>
      </c>
      <c r="N5977" t="s">
        <v>91</v>
      </c>
      <c r="O5977" t="s">
        <v>85</v>
      </c>
      <c r="P5977" t="s">
        <v>86</v>
      </c>
      <c r="Q5977">
        <v>110</v>
      </c>
      <c r="R5977">
        <v>112</v>
      </c>
      <c r="S5977">
        <v>114</v>
      </c>
      <c r="T5977">
        <v>116</v>
      </c>
      <c r="U5977">
        <v>118</v>
      </c>
      <c r="V5977">
        <v>120</v>
      </c>
      <c r="W5977">
        <v>122</v>
      </c>
      <c r="X5977">
        <v>124</v>
      </c>
      <c r="Y5977">
        <v>126</v>
      </c>
      <c r="Z5977">
        <v>128</v>
      </c>
      <c r="AA5977">
        <v>130</v>
      </c>
      <c r="AB5977">
        <v>132</v>
      </c>
      <c r="AC5977">
        <v>134</v>
      </c>
      <c r="AD5977">
        <v>136</v>
      </c>
      <c r="AE5977">
        <v>138</v>
      </c>
      <c r="AF5977">
        <v>140</v>
      </c>
      <c r="AG5977">
        <v>142</v>
      </c>
      <c r="AH5977">
        <v>144</v>
      </c>
      <c r="AI5977">
        <v>146</v>
      </c>
      <c r="AJ5977">
        <v>148</v>
      </c>
      <c r="AK5977">
        <v>150</v>
      </c>
      <c r="AL5977">
        <v>150</v>
      </c>
      <c r="AM5977">
        <v>151</v>
      </c>
      <c r="AN5977">
        <v>151</v>
      </c>
      <c r="AO5977">
        <v>152</v>
      </c>
      <c r="AP5977">
        <v>152</v>
      </c>
      <c r="AQ5977">
        <v>152</v>
      </c>
    </row>
    <row r="5978" spans="1:43">
      <c r="A5978" t="s">
        <v>3756</v>
      </c>
      <c r="B5978" t="s">
        <v>3757</v>
      </c>
      <c r="C5978" t="s">
        <v>3740</v>
      </c>
      <c r="D5978" t="s">
        <v>3741</v>
      </c>
      <c r="E5978" t="s">
        <v>3660</v>
      </c>
      <c r="F5978" t="s">
        <v>3661</v>
      </c>
      <c r="G5978" t="s">
        <v>80</v>
      </c>
      <c r="H5978" t="s">
        <v>81</v>
      </c>
      <c r="I5978" s="2">
        <v>0</v>
      </c>
      <c r="J5978" s="2">
        <v>1</v>
      </c>
      <c r="K5978" s="2">
        <v>0</v>
      </c>
      <c r="L5978" t="s">
        <v>82</v>
      </c>
      <c r="M5978" t="s">
        <v>83</v>
      </c>
      <c r="N5978" t="s">
        <v>84</v>
      </c>
      <c r="O5978" t="s">
        <v>85</v>
      </c>
      <c r="P5978" t="s">
        <v>86</v>
      </c>
      <c r="Q5978">
        <v>37</v>
      </c>
      <c r="R5978">
        <v>38</v>
      </c>
      <c r="S5978">
        <v>39</v>
      </c>
      <c r="T5978">
        <v>40</v>
      </c>
      <c r="U5978">
        <v>40</v>
      </c>
      <c r="V5978">
        <v>41</v>
      </c>
      <c r="W5978">
        <v>42</v>
      </c>
      <c r="X5978">
        <v>42</v>
      </c>
      <c r="Y5978">
        <v>43</v>
      </c>
      <c r="Z5978">
        <v>44</v>
      </c>
      <c r="AA5978">
        <v>44</v>
      </c>
      <c r="AB5978">
        <v>45</v>
      </c>
      <c r="AC5978">
        <v>46</v>
      </c>
      <c r="AD5978">
        <v>46</v>
      </c>
      <c r="AE5978">
        <v>47</v>
      </c>
      <c r="AF5978">
        <v>48</v>
      </c>
      <c r="AG5978">
        <v>48</v>
      </c>
      <c r="AH5978">
        <v>49</v>
      </c>
      <c r="AI5978">
        <v>50</v>
      </c>
      <c r="AJ5978">
        <v>50</v>
      </c>
      <c r="AK5978">
        <v>51</v>
      </c>
      <c r="AL5978">
        <v>51</v>
      </c>
      <c r="AM5978">
        <v>51</v>
      </c>
      <c r="AN5978">
        <v>52</v>
      </c>
      <c r="AO5978">
        <v>52</v>
      </c>
      <c r="AP5978">
        <v>52</v>
      </c>
      <c r="AQ5978">
        <v>52</v>
      </c>
    </row>
    <row r="5979" spans="1:43">
      <c r="A5979" t="s">
        <v>3756</v>
      </c>
      <c r="B5979" t="s">
        <v>3757</v>
      </c>
      <c r="C5979" t="s">
        <v>3740</v>
      </c>
      <c r="D5979" t="s">
        <v>3741</v>
      </c>
      <c r="E5979" t="s">
        <v>3660</v>
      </c>
      <c r="F5979" t="s">
        <v>3661</v>
      </c>
      <c r="G5979" t="s">
        <v>80</v>
      </c>
      <c r="H5979" t="s">
        <v>81</v>
      </c>
      <c r="I5979" s="2">
        <v>0</v>
      </c>
      <c r="J5979" s="2">
        <v>1</v>
      </c>
      <c r="K5979" s="2">
        <v>0</v>
      </c>
      <c r="L5979" t="s">
        <v>82</v>
      </c>
      <c r="M5979" t="s">
        <v>87</v>
      </c>
      <c r="N5979" t="s">
        <v>88</v>
      </c>
      <c r="O5979" t="s">
        <v>85</v>
      </c>
      <c r="P5979" t="s">
        <v>86</v>
      </c>
      <c r="Q5979">
        <v>37</v>
      </c>
      <c r="R5979">
        <v>37</v>
      </c>
      <c r="S5979">
        <v>38</v>
      </c>
      <c r="T5979">
        <v>38</v>
      </c>
      <c r="U5979">
        <v>38</v>
      </c>
      <c r="V5979">
        <v>39</v>
      </c>
      <c r="W5979">
        <v>39</v>
      </c>
      <c r="X5979">
        <v>39</v>
      </c>
      <c r="Y5979">
        <v>40</v>
      </c>
      <c r="Z5979">
        <v>40</v>
      </c>
      <c r="AA5979">
        <v>40</v>
      </c>
      <c r="AB5979">
        <v>41</v>
      </c>
      <c r="AC5979">
        <v>41</v>
      </c>
      <c r="AD5979">
        <v>41</v>
      </c>
      <c r="AE5979">
        <v>42</v>
      </c>
      <c r="AF5979">
        <v>42</v>
      </c>
      <c r="AG5979">
        <v>42</v>
      </c>
      <c r="AH5979">
        <v>43</v>
      </c>
      <c r="AI5979">
        <v>43</v>
      </c>
      <c r="AJ5979">
        <v>43</v>
      </c>
      <c r="AK5979">
        <v>43</v>
      </c>
      <c r="AL5979">
        <v>44</v>
      </c>
      <c r="AM5979">
        <v>44</v>
      </c>
      <c r="AN5979">
        <v>44</v>
      </c>
      <c r="AO5979">
        <v>45</v>
      </c>
      <c r="AP5979">
        <v>45</v>
      </c>
      <c r="AQ5979">
        <v>45</v>
      </c>
    </row>
    <row r="5980" spans="1:43">
      <c r="A5980" t="s">
        <v>3756</v>
      </c>
      <c r="B5980" t="s">
        <v>3757</v>
      </c>
      <c r="C5980" t="s">
        <v>3740</v>
      </c>
      <c r="D5980" t="s">
        <v>3741</v>
      </c>
      <c r="E5980" t="s">
        <v>3660</v>
      </c>
      <c r="F5980" t="s">
        <v>3661</v>
      </c>
      <c r="G5980" t="s">
        <v>80</v>
      </c>
      <c r="H5980" t="s">
        <v>81</v>
      </c>
      <c r="I5980" s="2">
        <v>0</v>
      </c>
      <c r="J5980" s="2">
        <v>1</v>
      </c>
      <c r="K5980" s="2">
        <v>0</v>
      </c>
      <c r="L5980" t="s">
        <v>82</v>
      </c>
      <c r="M5980" t="s">
        <v>89</v>
      </c>
      <c r="N5980" t="s">
        <v>90</v>
      </c>
      <c r="O5980" t="s">
        <v>85</v>
      </c>
      <c r="P5980" t="s">
        <v>86</v>
      </c>
      <c r="Q5980">
        <v>37</v>
      </c>
      <c r="R5980">
        <v>38</v>
      </c>
      <c r="S5980">
        <v>39</v>
      </c>
      <c r="T5980">
        <v>40</v>
      </c>
      <c r="U5980">
        <v>41</v>
      </c>
      <c r="V5980">
        <v>42</v>
      </c>
      <c r="W5980">
        <v>43</v>
      </c>
      <c r="X5980">
        <v>44</v>
      </c>
      <c r="Y5980">
        <v>45</v>
      </c>
      <c r="Z5980">
        <v>46</v>
      </c>
      <c r="AA5980">
        <v>46</v>
      </c>
      <c r="AB5980">
        <v>47</v>
      </c>
      <c r="AC5980">
        <v>48</v>
      </c>
      <c r="AD5980">
        <v>49</v>
      </c>
      <c r="AE5980">
        <v>50</v>
      </c>
      <c r="AF5980">
        <v>50</v>
      </c>
      <c r="AG5980">
        <v>50</v>
      </c>
      <c r="AH5980">
        <v>50</v>
      </c>
      <c r="AI5980">
        <v>50</v>
      </c>
      <c r="AJ5980">
        <v>50</v>
      </c>
      <c r="AK5980">
        <v>50</v>
      </c>
      <c r="AL5980">
        <v>51</v>
      </c>
      <c r="AM5980">
        <v>51</v>
      </c>
      <c r="AN5980">
        <v>51</v>
      </c>
      <c r="AO5980">
        <v>51</v>
      </c>
      <c r="AP5980">
        <v>51</v>
      </c>
      <c r="AQ5980">
        <v>51</v>
      </c>
    </row>
    <row r="5981" spans="1:43">
      <c r="A5981" t="s">
        <v>3756</v>
      </c>
      <c r="B5981" t="s">
        <v>3757</v>
      </c>
      <c r="C5981" t="s">
        <v>3740</v>
      </c>
      <c r="D5981" t="s">
        <v>3741</v>
      </c>
      <c r="E5981" t="s">
        <v>3660</v>
      </c>
      <c r="F5981" t="s">
        <v>3661</v>
      </c>
      <c r="G5981" t="s">
        <v>80</v>
      </c>
      <c r="H5981" t="s">
        <v>81</v>
      </c>
      <c r="I5981" s="2">
        <v>0</v>
      </c>
      <c r="J5981" s="2">
        <v>1</v>
      </c>
      <c r="K5981" s="2">
        <v>0</v>
      </c>
      <c r="L5981" t="s">
        <v>82</v>
      </c>
      <c r="M5981" t="s">
        <v>83</v>
      </c>
      <c r="N5981" t="s">
        <v>91</v>
      </c>
      <c r="O5981" t="s">
        <v>85</v>
      </c>
      <c r="P5981" t="s">
        <v>86</v>
      </c>
      <c r="Q5981">
        <v>37</v>
      </c>
      <c r="R5981">
        <v>38</v>
      </c>
      <c r="S5981">
        <v>39</v>
      </c>
      <c r="T5981">
        <v>40</v>
      </c>
      <c r="U5981">
        <v>40</v>
      </c>
      <c r="V5981">
        <v>41</v>
      </c>
      <c r="W5981">
        <v>42</v>
      </c>
      <c r="X5981">
        <v>42</v>
      </c>
      <c r="Y5981">
        <v>43</v>
      </c>
      <c r="Z5981">
        <v>44</v>
      </c>
      <c r="AA5981">
        <v>44</v>
      </c>
      <c r="AB5981">
        <v>45</v>
      </c>
      <c r="AC5981">
        <v>46</v>
      </c>
      <c r="AD5981">
        <v>46</v>
      </c>
      <c r="AE5981">
        <v>47</v>
      </c>
      <c r="AF5981">
        <v>48</v>
      </c>
      <c r="AG5981">
        <v>48</v>
      </c>
      <c r="AH5981">
        <v>49</v>
      </c>
      <c r="AI5981">
        <v>50</v>
      </c>
      <c r="AJ5981">
        <v>50</v>
      </c>
      <c r="AK5981">
        <v>51</v>
      </c>
      <c r="AL5981">
        <v>51</v>
      </c>
      <c r="AM5981">
        <v>51</v>
      </c>
      <c r="AN5981">
        <v>52</v>
      </c>
      <c r="AO5981">
        <v>52</v>
      </c>
      <c r="AP5981">
        <v>52</v>
      </c>
      <c r="AQ5981">
        <v>52</v>
      </c>
    </row>
    <row r="5982" spans="1:43">
      <c r="A5982" t="s">
        <v>3758</v>
      </c>
      <c r="B5982" t="s">
        <v>3759</v>
      </c>
      <c r="C5982" t="s">
        <v>3760</v>
      </c>
      <c r="D5982" t="s">
        <v>3761</v>
      </c>
      <c r="E5982" t="s">
        <v>3660</v>
      </c>
      <c r="F5982" t="s">
        <v>3661</v>
      </c>
      <c r="G5982" t="s">
        <v>80</v>
      </c>
      <c r="H5982" t="s">
        <v>81</v>
      </c>
      <c r="I5982" s="2">
        <v>0</v>
      </c>
      <c r="J5982" s="2">
        <v>1</v>
      </c>
      <c r="K5982" s="2">
        <v>0</v>
      </c>
      <c r="L5982" t="s">
        <v>82</v>
      </c>
      <c r="M5982" t="s">
        <v>83</v>
      </c>
      <c r="N5982" t="s">
        <v>84</v>
      </c>
      <c r="O5982" t="s">
        <v>85</v>
      </c>
      <c r="P5982" t="s">
        <v>86</v>
      </c>
      <c r="Q5982">
        <v>32</v>
      </c>
      <c r="R5982">
        <v>32</v>
      </c>
      <c r="S5982">
        <v>33</v>
      </c>
      <c r="T5982">
        <v>34</v>
      </c>
      <c r="U5982">
        <v>34</v>
      </c>
      <c r="V5982">
        <v>35</v>
      </c>
      <c r="W5982">
        <v>35</v>
      </c>
      <c r="X5982">
        <v>36</v>
      </c>
      <c r="Y5982">
        <v>37</v>
      </c>
      <c r="Z5982">
        <v>37</v>
      </c>
      <c r="AA5982">
        <v>38</v>
      </c>
      <c r="AB5982">
        <v>38</v>
      </c>
      <c r="AC5982">
        <v>39</v>
      </c>
      <c r="AD5982">
        <v>40</v>
      </c>
      <c r="AE5982">
        <v>40</v>
      </c>
      <c r="AF5982">
        <v>41</v>
      </c>
      <c r="AG5982">
        <v>41</v>
      </c>
      <c r="AH5982">
        <v>42</v>
      </c>
      <c r="AI5982">
        <v>42</v>
      </c>
      <c r="AJ5982">
        <v>43</v>
      </c>
      <c r="AK5982">
        <v>43</v>
      </c>
      <c r="AL5982">
        <v>44</v>
      </c>
      <c r="AM5982">
        <v>44</v>
      </c>
      <c r="AN5982">
        <v>44</v>
      </c>
      <c r="AO5982">
        <v>44</v>
      </c>
      <c r="AP5982">
        <v>44</v>
      </c>
      <c r="AQ5982">
        <v>44</v>
      </c>
    </row>
    <row r="5983" spans="1:43">
      <c r="A5983" t="s">
        <v>3758</v>
      </c>
      <c r="B5983" t="s">
        <v>3759</v>
      </c>
      <c r="C5983" t="s">
        <v>3760</v>
      </c>
      <c r="D5983" t="s">
        <v>3761</v>
      </c>
      <c r="E5983" t="s">
        <v>3660</v>
      </c>
      <c r="F5983" t="s">
        <v>3661</v>
      </c>
      <c r="G5983" t="s">
        <v>80</v>
      </c>
      <c r="H5983" t="s">
        <v>81</v>
      </c>
      <c r="I5983" s="2">
        <v>0</v>
      </c>
      <c r="J5983" s="2">
        <v>1</v>
      </c>
      <c r="K5983" s="2">
        <v>0</v>
      </c>
      <c r="L5983" t="s">
        <v>82</v>
      </c>
      <c r="M5983" t="s">
        <v>87</v>
      </c>
      <c r="N5983" t="s">
        <v>88</v>
      </c>
      <c r="O5983" t="s">
        <v>85</v>
      </c>
      <c r="P5983" t="s">
        <v>86</v>
      </c>
      <c r="Q5983">
        <v>32</v>
      </c>
      <c r="R5983">
        <v>32</v>
      </c>
      <c r="S5983">
        <v>32</v>
      </c>
      <c r="T5983">
        <v>32</v>
      </c>
      <c r="U5983">
        <v>33</v>
      </c>
      <c r="V5983">
        <v>33</v>
      </c>
      <c r="W5983">
        <v>33</v>
      </c>
      <c r="X5983">
        <v>34</v>
      </c>
      <c r="Y5983">
        <v>34</v>
      </c>
      <c r="Z5983">
        <v>34</v>
      </c>
      <c r="AA5983">
        <v>34</v>
      </c>
      <c r="AB5983">
        <v>35</v>
      </c>
      <c r="AC5983">
        <v>35</v>
      </c>
      <c r="AD5983">
        <v>35</v>
      </c>
      <c r="AE5983">
        <v>36</v>
      </c>
      <c r="AF5983">
        <v>36</v>
      </c>
      <c r="AG5983">
        <v>36</v>
      </c>
      <c r="AH5983">
        <v>36</v>
      </c>
      <c r="AI5983">
        <v>37</v>
      </c>
      <c r="AJ5983">
        <v>37</v>
      </c>
      <c r="AK5983">
        <v>37</v>
      </c>
      <c r="AL5983">
        <v>37</v>
      </c>
      <c r="AM5983">
        <v>38</v>
      </c>
      <c r="AN5983">
        <v>38</v>
      </c>
      <c r="AO5983">
        <v>38</v>
      </c>
      <c r="AP5983">
        <v>38</v>
      </c>
      <c r="AQ5983">
        <v>38</v>
      </c>
    </row>
    <row r="5984" spans="1:43">
      <c r="A5984" t="s">
        <v>3758</v>
      </c>
      <c r="B5984" t="s">
        <v>3759</v>
      </c>
      <c r="C5984" t="s">
        <v>3760</v>
      </c>
      <c r="D5984" t="s">
        <v>3761</v>
      </c>
      <c r="E5984" t="s">
        <v>3660</v>
      </c>
      <c r="F5984" t="s">
        <v>3661</v>
      </c>
      <c r="G5984" t="s">
        <v>80</v>
      </c>
      <c r="H5984" t="s">
        <v>81</v>
      </c>
      <c r="I5984" s="2">
        <v>0</v>
      </c>
      <c r="J5984" s="2">
        <v>1</v>
      </c>
      <c r="K5984" s="2">
        <v>0</v>
      </c>
      <c r="L5984" t="s">
        <v>82</v>
      </c>
      <c r="M5984" t="s">
        <v>89</v>
      </c>
      <c r="N5984" t="s">
        <v>90</v>
      </c>
      <c r="O5984" t="s">
        <v>85</v>
      </c>
      <c r="P5984" t="s">
        <v>86</v>
      </c>
      <c r="Q5984">
        <v>32</v>
      </c>
      <c r="R5984">
        <v>33</v>
      </c>
      <c r="S5984">
        <v>34</v>
      </c>
      <c r="T5984">
        <v>35</v>
      </c>
      <c r="U5984">
        <v>36</v>
      </c>
      <c r="V5984">
        <v>36</v>
      </c>
      <c r="W5984">
        <v>37</v>
      </c>
      <c r="X5984">
        <v>38</v>
      </c>
      <c r="Y5984">
        <v>39</v>
      </c>
      <c r="Z5984">
        <v>40</v>
      </c>
      <c r="AA5984">
        <v>40</v>
      </c>
      <c r="AB5984">
        <v>41</v>
      </c>
      <c r="AC5984">
        <v>42</v>
      </c>
      <c r="AD5984">
        <v>43</v>
      </c>
      <c r="AE5984">
        <v>43</v>
      </c>
      <c r="AF5984">
        <v>43</v>
      </c>
      <c r="AG5984">
        <v>43</v>
      </c>
      <c r="AH5984">
        <v>43</v>
      </c>
      <c r="AI5984">
        <v>44</v>
      </c>
      <c r="AJ5984">
        <v>44</v>
      </c>
      <c r="AK5984">
        <v>44</v>
      </c>
      <c r="AL5984">
        <v>44</v>
      </c>
      <c r="AM5984">
        <v>44</v>
      </c>
      <c r="AN5984">
        <v>44</v>
      </c>
      <c r="AO5984">
        <v>44</v>
      </c>
      <c r="AP5984">
        <v>44</v>
      </c>
      <c r="AQ5984">
        <v>44</v>
      </c>
    </row>
    <row r="5985" spans="1:43">
      <c r="A5985" t="s">
        <v>3758</v>
      </c>
      <c r="B5985" t="s">
        <v>3759</v>
      </c>
      <c r="C5985" t="s">
        <v>3760</v>
      </c>
      <c r="D5985" t="s">
        <v>3761</v>
      </c>
      <c r="E5985" t="s">
        <v>3660</v>
      </c>
      <c r="F5985" t="s">
        <v>3661</v>
      </c>
      <c r="G5985" t="s">
        <v>80</v>
      </c>
      <c r="H5985" t="s">
        <v>81</v>
      </c>
      <c r="I5985" s="2">
        <v>0</v>
      </c>
      <c r="J5985" s="2">
        <v>1</v>
      </c>
      <c r="K5985" s="2">
        <v>0</v>
      </c>
      <c r="L5985" t="s">
        <v>82</v>
      </c>
      <c r="M5985" t="s">
        <v>83</v>
      </c>
      <c r="N5985" t="s">
        <v>91</v>
      </c>
      <c r="O5985" t="s">
        <v>85</v>
      </c>
      <c r="P5985" t="s">
        <v>86</v>
      </c>
      <c r="Q5985">
        <v>32</v>
      </c>
      <c r="R5985">
        <v>32</v>
      </c>
      <c r="S5985">
        <v>33</v>
      </c>
      <c r="T5985">
        <v>34</v>
      </c>
      <c r="U5985">
        <v>34</v>
      </c>
      <c r="V5985">
        <v>35</v>
      </c>
      <c r="W5985">
        <v>35</v>
      </c>
      <c r="X5985">
        <v>36</v>
      </c>
      <c r="Y5985">
        <v>37</v>
      </c>
      <c r="Z5985">
        <v>37</v>
      </c>
      <c r="AA5985">
        <v>38</v>
      </c>
      <c r="AB5985">
        <v>38</v>
      </c>
      <c r="AC5985">
        <v>39</v>
      </c>
      <c r="AD5985">
        <v>40</v>
      </c>
      <c r="AE5985">
        <v>40</v>
      </c>
      <c r="AF5985">
        <v>41</v>
      </c>
      <c r="AG5985">
        <v>41</v>
      </c>
      <c r="AH5985">
        <v>42</v>
      </c>
      <c r="AI5985">
        <v>42</v>
      </c>
      <c r="AJ5985">
        <v>43</v>
      </c>
      <c r="AK5985">
        <v>43</v>
      </c>
      <c r="AL5985">
        <v>44</v>
      </c>
      <c r="AM5985">
        <v>44</v>
      </c>
      <c r="AN5985">
        <v>44</v>
      </c>
      <c r="AO5985">
        <v>44</v>
      </c>
      <c r="AP5985">
        <v>44</v>
      </c>
      <c r="AQ5985">
        <v>44</v>
      </c>
    </row>
    <row r="5986" spans="1:43">
      <c r="A5986" t="s">
        <v>3762</v>
      </c>
      <c r="B5986" t="s">
        <v>3763</v>
      </c>
      <c r="C5986" t="s">
        <v>3760</v>
      </c>
      <c r="D5986" t="s">
        <v>3761</v>
      </c>
      <c r="E5986" t="s">
        <v>3660</v>
      </c>
      <c r="F5986" t="s">
        <v>3661</v>
      </c>
      <c r="G5986" t="s">
        <v>80</v>
      </c>
      <c r="H5986" t="s">
        <v>81</v>
      </c>
      <c r="I5986" s="2">
        <v>0</v>
      </c>
      <c r="J5986" s="2">
        <v>1</v>
      </c>
      <c r="K5986" s="2">
        <v>0</v>
      </c>
      <c r="L5986" t="s">
        <v>82</v>
      </c>
      <c r="M5986" t="s">
        <v>83</v>
      </c>
      <c r="N5986" t="s">
        <v>84</v>
      </c>
      <c r="O5986" t="s">
        <v>85</v>
      </c>
      <c r="P5986" t="s">
        <v>86</v>
      </c>
      <c r="Q5986">
        <v>51</v>
      </c>
      <c r="R5986">
        <v>52</v>
      </c>
      <c r="S5986">
        <v>53</v>
      </c>
      <c r="T5986">
        <v>54</v>
      </c>
      <c r="U5986">
        <v>55</v>
      </c>
      <c r="V5986">
        <v>56</v>
      </c>
      <c r="W5986">
        <v>57</v>
      </c>
      <c r="X5986">
        <v>58</v>
      </c>
      <c r="Y5986">
        <v>59</v>
      </c>
      <c r="Z5986">
        <v>60</v>
      </c>
      <c r="AA5986">
        <v>61</v>
      </c>
      <c r="AB5986">
        <v>62</v>
      </c>
      <c r="AC5986">
        <v>63</v>
      </c>
      <c r="AD5986">
        <v>64</v>
      </c>
      <c r="AE5986">
        <v>65</v>
      </c>
      <c r="AF5986">
        <v>66</v>
      </c>
      <c r="AG5986">
        <v>67</v>
      </c>
      <c r="AH5986">
        <v>68</v>
      </c>
      <c r="AI5986">
        <v>68</v>
      </c>
      <c r="AJ5986">
        <v>69</v>
      </c>
      <c r="AK5986">
        <v>70</v>
      </c>
      <c r="AL5986">
        <v>71</v>
      </c>
      <c r="AM5986">
        <v>71</v>
      </c>
      <c r="AN5986">
        <v>71</v>
      </c>
      <c r="AO5986">
        <v>71</v>
      </c>
      <c r="AP5986">
        <v>71</v>
      </c>
      <c r="AQ5986">
        <v>71</v>
      </c>
    </row>
    <row r="5987" spans="1:43">
      <c r="A5987" t="s">
        <v>3762</v>
      </c>
      <c r="B5987" t="s">
        <v>3763</v>
      </c>
      <c r="C5987" t="s">
        <v>3760</v>
      </c>
      <c r="D5987" t="s">
        <v>3761</v>
      </c>
      <c r="E5987" t="s">
        <v>3660</v>
      </c>
      <c r="F5987" t="s">
        <v>3661</v>
      </c>
      <c r="G5987" t="s">
        <v>80</v>
      </c>
      <c r="H5987" t="s">
        <v>81</v>
      </c>
      <c r="I5987" s="2">
        <v>0</v>
      </c>
      <c r="J5987" s="2">
        <v>1</v>
      </c>
      <c r="K5987" s="2">
        <v>0</v>
      </c>
      <c r="L5987" t="s">
        <v>82</v>
      </c>
      <c r="M5987" t="s">
        <v>87</v>
      </c>
      <c r="N5987" t="s">
        <v>88</v>
      </c>
      <c r="O5987" t="s">
        <v>85</v>
      </c>
      <c r="P5987" t="s">
        <v>86</v>
      </c>
      <c r="Q5987">
        <v>51</v>
      </c>
      <c r="R5987">
        <v>51</v>
      </c>
      <c r="S5987">
        <v>52</v>
      </c>
      <c r="T5987">
        <v>52</v>
      </c>
      <c r="U5987">
        <v>53</v>
      </c>
      <c r="V5987">
        <v>53</v>
      </c>
      <c r="W5987">
        <v>54</v>
      </c>
      <c r="X5987">
        <v>54</v>
      </c>
      <c r="Y5987">
        <v>55</v>
      </c>
      <c r="Z5987">
        <v>55</v>
      </c>
      <c r="AA5987">
        <v>56</v>
      </c>
      <c r="AB5987">
        <v>56</v>
      </c>
      <c r="AC5987">
        <v>57</v>
      </c>
      <c r="AD5987">
        <v>57</v>
      </c>
      <c r="AE5987">
        <v>57</v>
      </c>
      <c r="AF5987">
        <v>58</v>
      </c>
      <c r="AG5987">
        <v>58</v>
      </c>
      <c r="AH5987">
        <v>59</v>
      </c>
      <c r="AI5987">
        <v>59</v>
      </c>
      <c r="AJ5987">
        <v>59</v>
      </c>
      <c r="AK5987">
        <v>60</v>
      </c>
      <c r="AL5987">
        <v>60</v>
      </c>
      <c r="AM5987">
        <v>61</v>
      </c>
      <c r="AN5987">
        <v>61</v>
      </c>
      <c r="AO5987">
        <v>61</v>
      </c>
      <c r="AP5987">
        <v>62</v>
      </c>
      <c r="AQ5987">
        <v>62</v>
      </c>
    </row>
    <row r="5988" spans="1:43">
      <c r="A5988" t="s">
        <v>3762</v>
      </c>
      <c r="B5988" t="s">
        <v>3763</v>
      </c>
      <c r="C5988" t="s">
        <v>3760</v>
      </c>
      <c r="D5988" t="s">
        <v>3761</v>
      </c>
      <c r="E5988" t="s">
        <v>3660</v>
      </c>
      <c r="F5988" t="s">
        <v>3661</v>
      </c>
      <c r="G5988" t="s">
        <v>80</v>
      </c>
      <c r="H5988" t="s">
        <v>81</v>
      </c>
      <c r="I5988" s="2">
        <v>0</v>
      </c>
      <c r="J5988" s="2">
        <v>1</v>
      </c>
      <c r="K5988" s="2">
        <v>0</v>
      </c>
      <c r="L5988" t="s">
        <v>82</v>
      </c>
      <c r="M5988" t="s">
        <v>89</v>
      </c>
      <c r="N5988" t="s">
        <v>90</v>
      </c>
      <c r="O5988" t="s">
        <v>85</v>
      </c>
      <c r="P5988" t="s">
        <v>86</v>
      </c>
      <c r="Q5988">
        <v>51</v>
      </c>
      <c r="R5988">
        <v>52</v>
      </c>
      <c r="S5988">
        <v>54</v>
      </c>
      <c r="T5988">
        <v>55</v>
      </c>
      <c r="U5988">
        <v>57</v>
      </c>
      <c r="V5988">
        <v>58</v>
      </c>
      <c r="W5988">
        <v>59</v>
      </c>
      <c r="X5988">
        <v>61</v>
      </c>
      <c r="Y5988">
        <v>62</v>
      </c>
      <c r="Z5988">
        <v>63</v>
      </c>
      <c r="AA5988">
        <v>64</v>
      </c>
      <c r="AB5988">
        <v>65</v>
      </c>
      <c r="AC5988">
        <v>67</v>
      </c>
      <c r="AD5988">
        <v>68</v>
      </c>
      <c r="AE5988">
        <v>69</v>
      </c>
      <c r="AF5988">
        <v>69</v>
      </c>
      <c r="AG5988">
        <v>69</v>
      </c>
      <c r="AH5988">
        <v>69</v>
      </c>
      <c r="AI5988">
        <v>69</v>
      </c>
      <c r="AJ5988">
        <v>70</v>
      </c>
      <c r="AK5988">
        <v>70</v>
      </c>
      <c r="AL5988">
        <v>70</v>
      </c>
      <c r="AM5988">
        <v>70</v>
      </c>
      <c r="AN5988">
        <v>70</v>
      </c>
      <c r="AO5988">
        <v>70</v>
      </c>
      <c r="AP5988">
        <v>71</v>
      </c>
      <c r="AQ5988">
        <v>71</v>
      </c>
    </row>
    <row r="5989" spans="1:43">
      <c r="A5989" t="s">
        <v>3762</v>
      </c>
      <c r="B5989" t="s">
        <v>3763</v>
      </c>
      <c r="C5989" t="s">
        <v>3760</v>
      </c>
      <c r="D5989" t="s">
        <v>3761</v>
      </c>
      <c r="E5989" t="s">
        <v>3660</v>
      </c>
      <c r="F5989" t="s">
        <v>3661</v>
      </c>
      <c r="G5989" t="s">
        <v>80</v>
      </c>
      <c r="H5989" t="s">
        <v>81</v>
      </c>
      <c r="I5989" s="2">
        <v>0</v>
      </c>
      <c r="J5989" s="2">
        <v>1</v>
      </c>
      <c r="K5989" s="2">
        <v>0</v>
      </c>
      <c r="L5989" t="s">
        <v>82</v>
      </c>
      <c r="M5989" t="s">
        <v>83</v>
      </c>
      <c r="N5989" t="s">
        <v>91</v>
      </c>
      <c r="O5989" t="s">
        <v>85</v>
      </c>
      <c r="P5989" t="s">
        <v>86</v>
      </c>
      <c r="Q5989">
        <v>51</v>
      </c>
      <c r="R5989">
        <v>52</v>
      </c>
      <c r="S5989">
        <v>53</v>
      </c>
      <c r="T5989">
        <v>54</v>
      </c>
      <c r="U5989">
        <v>55</v>
      </c>
      <c r="V5989">
        <v>56</v>
      </c>
      <c r="W5989">
        <v>57</v>
      </c>
      <c r="X5989">
        <v>58</v>
      </c>
      <c r="Y5989">
        <v>59</v>
      </c>
      <c r="Z5989">
        <v>60</v>
      </c>
      <c r="AA5989">
        <v>61</v>
      </c>
      <c r="AB5989">
        <v>62</v>
      </c>
      <c r="AC5989">
        <v>63</v>
      </c>
      <c r="AD5989">
        <v>64</v>
      </c>
      <c r="AE5989">
        <v>65</v>
      </c>
      <c r="AF5989">
        <v>66</v>
      </c>
      <c r="AG5989">
        <v>67</v>
      </c>
      <c r="AH5989">
        <v>68</v>
      </c>
      <c r="AI5989">
        <v>68</v>
      </c>
      <c r="AJ5989">
        <v>69</v>
      </c>
      <c r="AK5989">
        <v>70</v>
      </c>
      <c r="AL5989">
        <v>71</v>
      </c>
      <c r="AM5989">
        <v>71</v>
      </c>
      <c r="AN5989">
        <v>71</v>
      </c>
      <c r="AO5989">
        <v>71</v>
      </c>
      <c r="AP5989">
        <v>71</v>
      </c>
      <c r="AQ5989">
        <v>71</v>
      </c>
    </row>
    <row r="5990" spans="1:43">
      <c r="A5990" t="s">
        <v>3764</v>
      </c>
      <c r="B5990" t="s">
        <v>3765</v>
      </c>
      <c r="C5990" t="s">
        <v>3766</v>
      </c>
      <c r="D5990" t="s">
        <v>3767</v>
      </c>
      <c r="E5990" t="s">
        <v>3660</v>
      </c>
      <c r="F5990" t="s">
        <v>3661</v>
      </c>
      <c r="G5990" t="s">
        <v>80</v>
      </c>
      <c r="H5990" t="s">
        <v>81</v>
      </c>
      <c r="I5990" s="2">
        <v>0</v>
      </c>
      <c r="J5990" s="2">
        <v>1</v>
      </c>
      <c r="K5990" s="2">
        <v>0</v>
      </c>
      <c r="L5990" t="s">
        <v>82</v>
      </c>
      <c r="M5990" t="s">
        <v>83</v>
      </c>
      <c r="N5990" t="s">
        <v>84</v>
      </c>
      <c r="O5990" t="s">
        <v>85</v>
      </c>
      <c r="P5990" t="s">
        <v>86</v>
      </c>
      <c r="Q5990">
        <v>100</v>
      </c>
      <c r="R5990">
        <v>102</v>
      </c>
      <c r="S5990">
        <v>104</v>
      </c>
      <c r="T5990">
        <v>106</v>
      </c>
      <c r="U5990">
        <v>107</v>
      </c>
      <c r="V5990">
        <v>109</v>
      </c>
      <c r="W5990">
        <v>111</v>
      </c>
      <c r="X5990">
        <v>113</v>
      </c>
      <c r="Y5990">
        <v>115</v>
      </c>
      <c r="Z5990">
        <v>117</v>
      </c>
      <c r="AA5990">
        <v>119</v>
      </c>
      <c r="AB5990">
        <v>120</v>
      </c>
      <c r="AC5990">
        <v>122</v>
      </c>
      <c r="AD5990">
        <v>124</v>
      </c>
      <c r="AE5990">
        <v>126</v>
      </c>
      <c r="AF5990">
        <v>127</v>
      </c>
      <c r="AG5990">
        <v>129</v>
      </c>
      <c r="AH5990">
        <v>131</v>
      </c>
      <c r="AI5990">
        <v>133</v>
      </c>
      <c r="AJ5990">
        <v>134</v>
      </c>
      <c r="AK5990">
        <v>136</v>
      </c>
      <c r="AL5990">
        <v>137</v>
      </c>
      <c r="AM5990">
        <v>137</v>
      </c>
      <c r="AN5990">
        <v>138</v>
      </c>
      <c r="AO5990">
        <v>138</v>
      </c>
      <c r="AP5990">
        <v>138</v>
      </c>
      <c r="AQ5990">
        <v>139</v>
      </c>
    </row>
    <row r="5991" spans="1:43">
      <c r="A5991" t="s">
        <v>3764</v>
      </c>
      <c r="B5991" t="s">
        <v>3765</v>
      </c>
      <c r="C5991" t="s">
        <v>3766</v>
      </c>
      <c r="D5991" t="s">
        <v>3767</v>
      </c>
      <c r="E5991" t="s">
        <v>3660</v>
      </c>
      <c r="F5991" t="s">
        <v>3661</v>
      </c>
      <c r="G5991" t="s">
        <v>80</v>
      </c>
      <c r="H5991" t="s">
        <v>81</v>
      </c>
      <c r="I5991" s="2">
        <v>0</v>
      </c>
      <c r="J5991" s="2">
        <v>1</v>
      </c>
      <c r="K5991" s="2">
        <v>0</v>
      </c>
      <c r="L5991" t="s">
        <v>82</v>
      </c>
      <c r="M5991" t="s">
        <v>87</v>
      </c>
      <c r="N5991" t="s">
        <v>88</v>
      </c>
      <c r="O5991" t="s">
        <v>85</v>
      </c>
      <c r="P5991" t="s">
        <v>86</v>
      </c>
      <c r="Q5991">
        <v>100</v>
      </c>
      <c r="R5991">
        <v>101</v>
      </c>
      <c r="S5991">
        <v>102</v>
      </c>
      <c r="T5991">
        <v>103</v>
      </c>
      <c r="U5991">
        <v>104</v>
      </c>
      <c r="V5991">
        <v>105</v>
      </c>
      <c r="W5991">
        <v>106</v>
      </c>
      <c r="X5991">
        <v>106</v>
      </c>
      <c r="Y5991">
        <v>107</v>
      </c>
      <c r="Z5991">
        <v>108</v>
      </c>
      <c r="AA5991">
        <v>109</v>
      </c>
      <c r="AB5991">
        <v>110</v>
      </c>
      <c r="AC5991">
        <v>111</v>
      </c>
      <c r="AD5991">
        <v>111</v>
      </c>
      <c r="AE5991">
        <v>112</v>
      </c>
      <c r="AF5991">
        <v>113</v>
      </c>
      <c r="AG5991">
        <v>114</v>
      </c>
      <c r="AH5991">
        <v>115</v>
      </c>
      <c r="AI5991">
        <v>115</v>
      </c>
      <c r="AJ5991">
        <v>116</v>
      </c>
      <c r="AK5991">
        <v>117</v>
      </c>
      <c r="AL5991">
        <v>118</v>
      </c>
      <c r="AM5991">
        <v>118</v>
      </c>
      <c r="AN5991">
        <v>119</v>
      </c>
      <c r="AO5991">
        <v>120</v>
      </c>
      <c r="AP5991">
        <v>120</v>
      </c>
      <c r="AQ5991">
        <v>121</v>
      </c>
    </row>
    <row r="5992" spans="1:43">
      <c r="A5992" t="s">
        <v>3764</v>
      </c>
      <c r="B5992" t="s">
        <v>3765</v>
      </c>
      <c r="C5992" t="s">
        <v>3766</v>
      </c>
      <c r="D5992" t="s">
        <v>3767</v>
      </c>
      <c r="E5992" t="s">
        <v>3660</v>
      </c>
      <c r="F5992" t="s">
        <v>3661</v>
      </c>
      <c r="G5992" t="s">
        <v>80</v>
      </c>
      <c r="H5992" t="s">
        <v>81</v>
      </c>
      <c r="I5992" s="2">
        <v>0</v>
      </c>
      <c r="J5992" s="2">
        <v>1</v>
      </c>
      <c r="K5992" s="2">
        <v>0</v>
      </c>
      <c r="L5992" t="s">
        <v>82</v>
      </c>
      <c r="M5992" t="s">
        <v>89</v>
      </c>
      <c r="N5992" t="s">
        <v>90</v>
      </c>
      <c r="O5992" t="s">
        <v>85</v>
      </c>
      <c r="P5992" t="s">
        <v>86</v>
      </c>
      <c r="Q5992">
        <v>100</v>
      </c>
      <c r="R5992">
        <v>103</v>
      </c>
      <c r="S5992">
        <v>105</v>
      </c>
      <c r="T5992">
        <v>108</v>
      </c>
      <c r="U5992">
        <v>111</v>
      </c>
      <c r="V5992">
        <v>113</v>
      </c>
      <c r="W5992">
        <v>116</v>
      </c>
      <c r="X5992">
        <v>118</v>
      </c>
      <c r="Y5992">
        <v>121</v>
      </c>
      <c r="Z5992">
        <v>123</v>
      </c>
      <c r="AA5992">
        <v>126</v>
      </c>
      <c r="AB5992">
        <v>128</v>
      </c>
      <c r="AC5992">
        <v>130</v>
      </c>
      <c r="AD5992">
        <v>132</v>
      </c>
      <c r="AE5992">
        <v>134</v>
      </c>
      <c r="AF5992">
        <v>135</v>
      </c>
      <c r="AG5992">
        <v>135</v>
      </c>
      <c r="AH5992">
        <v>135</v>
      </c>
      <c r="AI5992">
        <v>136</v>
      </c>
      <c r="AJ5992">
        <v>136</v>
      </c>
      <c r="AK5992">
        <v>137</v>
      </c>
      <c r="AL5992">
        <v>137</v>
      </c>
      <c r="AM5992">
        <v>137</v>
      </c>
      <c r="AN5992">
        <v>138</v>
      </c>
      <c r="AO5992">
        <v>138</v>
      </c>
      <c r="AP5992">
        <v>138</v>
      </c>
      <c r="AQ5992">
        <v>138</v>
      </c>
    </row>
    <row r="5993" spans="1:43">
      <c r="A5993" t="s">
        <v>3764</v>
      </c>
      <c r="B5993" t="s">
        <v>3765</v>
      </c>
      <c r="C5993" t="s">
        <v>3766</v>
      </c>
      <c r="D5993" t="s">
        <v>3767</v>
      </c>
      <c r="E5993" t="s">
        <v>3660</v>
      </c>
      <c r="F5993" t="s">
        <v>3661</v>
      </c>
      <c r="G5993" t="s">
        <v>80</v>
      </c>
      <c r="H5993" t="s">
        <v>81</v>
      </c>
      <c r="I5993" s="2">
        <v>0</v>
      </c>
      <c r="J5993" s="2">
        <v>1</v>
      </c>
      <c r="K5993" s="2">
        <v>0</v>
      </c>
      <c r="L5993" t="s">
        <v>82</v>
      </c>
      <c r="M5993" t="s">
        <v>83</v>
      </c>
      <c r="N5993" t="s">
        <v>91</v>
      </c>
      <c r="O5993" t="s">
        <v>85</v>
      </c>
      <c r="P5993" t="s">
        <v>86</v>
      </c>
      <c r="Q5993">
        <v>100</v>
      </c>
      <c r="R5993">
        <v>102</v>
      </c>
      <c r="S5993">
        <v>104</v>
      </c>
      <c r="T5993">
        <v>106</v>
      </c>
      <c r="U5993">
        <v>107</v>
      </c>
      <c r="V5993">
        <v>109</v>
      </c>
      <c r="W5993">
        <v>111</v>
      </c>
      <c r="X5993">
        <v>113</v>
      </c>
      <c r="Y5993">
        <v>115</v>
      </c>
      <c r="Z5993">
        <v>117</v>
      </c>
      <c r="AA5993">
        <v>119</v>
      </c>
      <c r="AB5993">
        <v>120</v>
      </c>
      <c r="AC5993">
        <v>122</v>
      </c>
      <c r="AD5993">
        <v>124</v>
      </c>
      <c r="AE5993">
        <v>126</v>
      </c>
      <c r="AF5993">
        <v>127</v>
      </c>
      <c r="AG5993">
        <v>129</v>
      </c>
      <c r="AH5993">
        <v>131</v>
      </c>
      <c r="AI5993">
        <v>133</v>
      </c>
      <c r="AJ5993">
        <v>134</v>
      </c>
      <c r="AK5993">
        <v>136</v>
      </c>
      <c r="AL5993">
        <v>137</v>
      </c>
      <c r="AM5993">
        <v>137</v>
      </c>
      <c r="AN5993">
        <v>138</v>
      </c>
      <c r="AO5993">
        <v>138</v>
      </c>
      <c r="AP5993">
        <v>138</v>
      </c>
      <c r="AQ5993">
        <v>139</v>
      </c>
    </row>
    <row r="5994" spans="1:43">
      <c r="A5994" t="s">
        <v>3768</v>
      </c>
      <c r="B5994" t="s">
        <v>3769</v>
      </c>
      <c r="C5994" t="s">
        <v>3744</v>
      </c>
      <c r="D5994" t="s">
        <v>3745</v>
      </c>
      <c r="E5994" t="s">
        <v>3660</v>
      </c>
      <c r="F5994" t="s">
        <v>3661</v>
      </c>
      <c r="G5994" t="s">
        <v>80</v>
      </c>
      <c r="H5994" t="s">
        <v>81</v>
      </c>
      <c r="I5994" s="2">
        <v>0</v>
      </c>
      <c r="J5994" s="2">
        <v>1</v>
      </c>
      <c r="K5994" s="2">
        <v>0</v>
      </c>
      <c r="L5994" t="s">
        <v>82</v>
      </c>
      <c r="M5994" t="s">
        <v>83</v>
      </c>
      <c r="N5994" t="s">
        <v>84</v>
      </c>
      <c r="O5994" t="s">
        <v>85</v>
      </c>
      <c r="P5994" t="s">
        <v>86</v>
      </c>
      <c r="Q5994">
        <v>32</v>
      </c>
      <c r="R5994">
        <v>33</v>
      </c>
      <c r="S5994">
        <v>33</v>
      </c>
      <c r="T5994">
        <v>34</v>
      </c>
      <c r="U5994">
        <v>35</v>
      </c>
      <c r="V5994">
        <v>35</v>
      </c>
      <c r="W5994">
        <v>36</v>
      </c>
      <c r="X5994">
        <v>37</v>
      </c>
      <c r="Y5994">
        <v>37</v>
      </c>
      <c r="Z5994">
        <v>38</v>
      </c>
      <c r="AA5994">
        <v>38</v>
      </c>
      <c r="AB5994">
        <v>39</v>
      </c>
      <c r="AC5994">
        <v>39</v>
      </c>
      <c r="AD5994">
        <v>40</v>
      </c>
      <c r="AE5994">
        <v>41</v>
      </c>
      <c r="AF5994">
        <v>41</v>
      </c>
      <c r="AG5994">
        <v>42</v>
      </c>
      <c r="AH5994">
        <v>42</v>
      </c>
      <c r="AI5994">
        <v>43</v>
      </c>
      <c r="AJ5994">
        <v>43</v>
      </c>
      <c r="AK5994">
        <v>44</v>
      </c>
      <c r="AL5994">
        <v>44</v>
      </c>
      <c r="AM5994">
        <v>44</v>
      </c>
      <c r="AN5994">
        <v>44</v>
      </c>
      <c r="AO5994">
        <v>45</v>
      </c>
      <c r="AP5994">
        <v>45</v>
      </c>
      <c r="AQ5994">
        <v>45</v>
      </c>
    </row>
    <row r="5995" spans="1:43">
      <c r="A5995" t="s">
        <v>3768</v>
      </c>
      <c r="B5995" t="s">
        <v>3769</v>
      </c>
      <c r="C5995" t="s">
        <v>3744</v>
      </c>
      <c r="D5995" t="s">
        <v>3745</v>
      </c>
      <c r="E5995" t="s">
        <v>3660</v>
      </c>
      <c r="F5995" t="s">
        <v>3661</v>
      </c>
      <c r="G5995" t="s">
        <v>80</v>
      </c>
      <c r="H5995" t="s">
        <v>81</v>
      </c>
      <c r="I5995" s="2">
        <v>0</v>
      </c>
      <c r="J5995" s="2">
        <v>1</v>
      </c>
      <c r="K5995" s="2">
        <v>0</v>
      </c>
      <c r="L5995" t="s">
        <v>82</v>
      </c>
      <c r="M5995" t="s">
        <v>87</v>
      </c>
      <c r="N5995" t="s">
        <v>88</v>
      </c>
      <c r="O5995" t="s">
        <v>85</v>
      </c>
      <c r="P5995" t="s">
        <v>86</v>
      </c>
      <c r="Q5995">
        <v>32</v>
      </c>
      <c r="R5995">
        <v>32</v>
      </c>
      <c r="S5995">
        <v>33</v>
      </c>
      <c r="T5995">
        <v>33</v>
      </c>
      <c r="U5995">
        <v>33</v>
      </c>
      <c r="V5995">
        <v>33</v>
      </c>
      <c r="W5995">
        <v>34</v>
      </c>
      <c r="X5995">
        <v>34</v>
      </c>
      <c r="Y5995">
        <v>34</v>
      </c>
      <c r="Z5995">
        <v>35</v>
      </c>
      <c r="AA5995">
        <v>35</v>
      </c>
      <c r="AB5995">
        <v>35</v>
      </c>
      <c r="AC5995">
        <v>35</v>
      </c>
      <c r="AD5995">
        <v>36</v>
      </c>
      <c r="AE5995">
        <v>36</v>
      </c>
      <c r="AF5995">
        <v>36</v>
      </c>
      <c r="AG5995">
        <v>37</v>
      </c>
      <c r="AH5995">
        <v>37</v>
      </c>
      <c r="AI5995">
        <v>37</v>
      </c>
      <c r="AJ5995">
        <v>37</v>
      </c>
      <c r="AK5995">
        <v>38</v>
      </c>
      <c r="AL5995">
        <v>38</v>
      </c>
      <c r="AM5995">
        <v>38</v>
      </c>
      <c r="AN5995">
        <v>38</v>
      </c>
      <c r="AO5995">
        <v>38</v>
      </c>
      <c r="AP5995">
        <v>39</v>
      </c>
      <c r="AQ5995">
        <v>39</v>
      </c>
    </row>
    <row r="5996" spans="1:43">
      <c r="A5996" t="s">
        <v>3768</v>
      </c>
      <c r="B5996" t="s">
        <v>3769</v>
      </c>
      <c r="C5996" t="s">
        <v>3744</v>
      </c>
      <c r="D5996" t="s">
        <v>3745</v>
      </c>
      <c r="E5996" t="s">
        <v>3660</v>
      </c>
      <c r="F5996" t="s">
        <v>3661</v>
      </c>
      <c r="G5996" t="s">
        <v>80</v>
      </c>
      <c r="H5996" t="s">
        <v>81</v>
      </c>
      <c r="I5996" s="2">
        <v>0</v>
      </c>
      <c r="J5996" s="2">
        <v>1</v>
      </c>
      <c r="K5996" s="2">
        <v>0</v>
      </c>
      <c r="L5996" t="s">
        <v>82</v>
      </c>
      <c r="M5996" t="s">
        <v>89</v>
      </c>
      <c r="N5996" t="s">
        <v>90</v>
      </c>
      <c r="O5996" t="s">
        <v>85</v>
      </c>
      <c r="P5996" t="s">
        <v>86</v>
      </c>
      <c r="Q5996">
        <v>32</v>
      </c>
      <c r="R5996">
        <v>33</v>
      </c>
      <c r="S5996">
        <v>34</v>
      </c>
      <c r="T5996">
        <v>35</v>
      </c>
      <c r="U5996">
        <v>36</v>
      </c>
      <c r="V5996">
        <v>37</v>
      </c>
      <c r="W5996">
        <v>38</v>
      </c>
      <c r="X5996">
        <v>39</v>
      </c>
      <c r="Y5996">
        <v>39</v>
      </c>
      <c r="Z5996">
        <v>40</v>
      </c>
      <c r="AA5996">
        <v>41</v>
      </c>
      <c r="AB5996">
        <v>42</v>
      </c>
      <c r="AC5996">
        <v>42</v>
      </c>
      <c r="AD5996">
        <v>43</v>
      </c>
      <c r="AE5996">
        <v>44</v>
      </c>
      <c r="AF5996">
        <v>44</v>
      </c>
      <c r="AG5996">
        <v>44</v>
      </c>
      <c r="AH5996">
        <v>44</v>
      </c>
      <c r="AI5996">
        <v>44</v>
      </c>
      <c r="AJ5996">
        <v>44</v>
      </c>
      <c r="AK5996">
        <v>44</v>
      </c>
      <c r="AL5996">
        <v>44</v>
      </c>
      <c r="AM5996">
        <v>45</v>
      </c>
      <c r="AN5996">
        <v>45</v>
      </c>
      <c r="AO5996">
        <v>45</v>
      </c>
      <c r="AP5996">
        <v>45</v>
      </c>
      <c r="AQ5996">
        <v>45</v>
      </c>
    </row>
    <row r="5997" spans="1:43">
      <c r="A5997" t="s">
        <v>3768</v>
      </c>
      <c r="B5997" t="s">
        <v>3769</v>
      </c>
      <c r="C5997" t="s">
        <v>3744</v>
      </c>
      <c r="D5997" t="s">
        <v>3745</v>
      </c>
      <c r="E5997" t="s">
        <v>3660</v>
      </c>
      <c r="F5997" t="s">
        <v>3661</v>
      </c>
      <c r="G5997" t="s">
        <v>80</v>
      </c>
      <c r="H5997" t="s">
        <v>81</v>
      </c>
      <c r="I5997" s="2">
        <v>0</v>
      </c>
      <c r="J5997" s="2">
        <v>1</v>
      </c>
      <c r="K5997" s="2">
        <v>0</v>
      </c>
      <c r="L5997" t="s">
        <v>82</v>
      </c>
      <c r="M5997" t="s">
        <v>83</v>
      </c>
      <c r="N5997" t="s">
        <v>91</v>
      </c>
      <c r="O5997" t="s">
        <v>85</v>
      </c>
      <c r="P5997" t="s">
        <v>86</v>
      </c>
      <c r="Q5997">
        <v>32</v>
      </c>
      <c r="R5997">
        <v>33</v>
      </c>
      <c r="S5997">
        <v>33</v>
      </c>
      <c r="T5997">
        <v>34</v>
      </c>
      <c r="U5997">
        <v>35</v>
      </c>
      <c r="V5997">
        <v>35</v>
      </c>
      <c r="W5997">
        <v>36</v>
      </c>
      <c r="X5997">
        <v>37</v>
      </c>
      <c r="Y5997">
        <v>37</v>
      </c>
      <c r="Z5997">
        <v>38</v>
      </c>
      <c r="AA5997">
        <v>38</v>
      </c>
      <c r="AB5997">
        <v>39</v>
      </c>
      <c r="AC5997">
        <v>39</v>
      </c>
      <c r="AD5997">
        <v>40</v>
      </c>
      <c r="AE5997">
        <v>41</v>
      </c>
      <c r="AF5997">
        <v>41</v>
      </c>
      <c r="AG5997">
        <v>42</v>
      </c>
      <c r="AH5997">
        <v>42</v>
      </c>
      <c r="AI5997">
        <v>43</v>
      </c>
      <c r="AJ5997">
        <v>43</v>
      </c>
      <c r="AK5997">
        <v>44</v>
      </c>
      <c r="AL5997">
        <v>44</v>
      </c>
      <c r="AM5997">
        <v>44</v>
      </c>
      <c r="AN5997">
        <v>44</v>
      </c>
      <c r="AO5997">
        <v>45</v>
      </c>
      <c r="AP5997">
        <v>45</v>
      </c>
      <c r="AQ5997">
        <v>45</v>
      </c>
    </row>
    <row r="5998" spans="1:43">
      <c r="A5998" t="s">
        <v>3770</v>
      </c>
      <c r="B5998" t="s">
        <v>3771</v>
      </c>
      <c r="C5998" t="s">
        <v>3744</v>
      </c>
      <c r="D5998" t="s">
        <v>3745</v>
      </c>
      <c r="E5998" t="s">
        <v>3660</v>
      </c>
      <c r="F5998" t="s">
        <v>3661</v>
      </c>
      <c r="G5998" t="s">
        <v>80</v>
      </c>
      <c r="H5998" t="s">
        <v>81</v>
      </c>
      <c r="I5998" s="2">
        <v>0</v>
      </c>
      <c r="J5998" s="2">
        <v>1</v>
      </c>
      <c r="K5998" s="2">
        <v>0</v>
      </c>
      <c r="L5998" t="s">
        <v>82</v>
      </c>
      <c r="M5998" t="s">
        <v>83</v>
      </c>
      <c r="N5998" t="s">
        <v>84</v>
      </c>
      <c r="O5998" t="s">
        <v>85</v>
      </c>
      <c r="P5998" t="s">
        <v>86</v>
      </c>
      <c r="Q5998">
        <v>114</v>
      </c>
      <c r="R5998">
        <v>116</v>
      </c>
      <c r="S5998">
        <v>118</v>
      </c>
      <c r="T5998">
        <v>120</v>
      </c>
      <c r="U5998">
        <v>122</v>
      </c>
      <c r="V5998">
        <v>124</v>
      </c>
      <c r="W5998">
        <v>127</v>
      </c>
      <c r="X5998">
        <v>129</v>
      </c>
      <c r="Y5998">
        <v>131</v>
      </c>
      <c r="Z5998">
        <v>133</v>
      </c>
      <c r="AA5998">
        <v>135</v>
      </c>
      <c r="AB5998">
        <v>137</v>
      </c>
      <c r="AC5998">
        <v>139</v>
      </c>
      <c r="AD5998">
        <v>141</v>
      </c>
      <c r="AE5998">
        <v>143</v>
      </c>
      <c r="AF5998">
        <v>145</v>
      </c>
      <c r="AG5998">
        <v>147</v>
      </c>
      <c r="AH5998">
        <v>149</v>
      </c>
      <c r="AI5998">
        <v>151</v>
      </c>
      <c r="AJ5998">
        <v>153</v>
      </c>
      <c r="AK5998">
        <v>155</v>
      </c>
      <c r="AL5998">
        <v>156</v>
      </c>
      <c r="AM5998">
        <v>156</v>
      </c>
      <c r="AN5998">
        <v>157</v>
      </c>
      <c r="AO5998">
        <v>157</v>
      </c>
      <c r="AP5998">
        <v>157</v>
      </c>
      <c r="AQ5998">
        <v>158</v>
      </c>
    </row>
    <row r="5999" spans="1:43">
      <c r="A5999" t="s">
        <v>3770</v>
      </c>
      <c r="B5999" t="s">
        <v>3771</v>
      </c>
      <c r="C5999" t="s">
        <v>3744</v>
      </c>
      <c r="D5999" t="s">
        <v>3745</v>
      </c>
      <c r="E5999" t="s">
        <v>3660</v>
      </c>
      <c r="F5999" t="s">
        <v>3661</v>
      </c>
      <c r="G5999" t="s">
        <v>80</v>
      </c>
      <c r="H5999" t="s">
        <v>81</v>
      </c>
      <c r="I5999" s="2">
        <v>0</v>
      </c>
      <c r="J5999" s="2">
        <v>1</v>
      </c>
      <c r="K5999" s="2">
        <v>0</v>
      </c>
      <c r="L5999" t="s">
        <v>82</v>
      </c>
      <c r="M5999" t="s">
        <v>87</v>
      </c>
      <c r="N5999" t="s">
        <v>88</v>
      </c>
      <c r="O5999" t="s">
        <v>85</v>
      </c>
      <c r="P5999" t="s">
        <v>86</v>
      </c>
      <c r="Q5999">
        <v>114</v>
      </c>
      <c r="R5999">
        <v>115</v>
      </c>
      <c r="S5999">
        <v>116</v>
      </c>
      <c r="T5999">
        <v>117</v>
      </c>
      <c r="U5999">
        <v>118</v>
      </c>
      <c r="V5999">
        <v>119</v>
      </c>
      <c r="W5999">
        <v>120</v>
      </c>
      <c r="X5999">
        <v>121</v>
      </c>
      <c r="Y5999">
        <v>122</v>
      </c>
      <c r="Z5999">
        <v>123</v>
      </c>
      <c r="AA5999">
        <v>124</v>
      </c>
      <c r="AB5999">
        <v>125</v>
      </c>
      <c r="AC5999">
        <v>126</v>
      </c>
      <c r="AD5999">
        <v>127</v>
      </c>
      <c r="AE5999">
        <v>128</v>
      </c>
      <c r="AF5999">
        <v>129</v>
      </c>
      <c r="AG5999">
        <v>129</v>
      </c>
      <c r="AH5999">
        <v>130</v>
      </c>
      <c r="AI5999">
        <v>131</v>
      </c>
      <c r="AJ5999">
        <v>132</v>
      </c>
      <c r="AK5999">
        <v>133</v>
      </c>
      <c r="AL5999">
        <v>134</v>
      </c>
      <c r="AM5999">
        <v>135</v>
      </c>
      <c r="AN5999">
        <v>135</v>
      </c>
      <c r="AO5999">
        <v>136</v>
      </c>
      <c r="AP5999">
        <v>137</v>
      </c>
      <c r="AQ5999">
        <v>138</v>
      </c>
    </row>
    <row r="6000" spans="1:43">
      <c r="A6000" t="s">
        <v>3770</v>
      </c>
      <c r="B6000" t="s">
        <v>3771</v>
      </c>
      <c r="C6000" t="s">
        <v>3744</v>
      </c>
      <c r="D6000" t="s">
        <v>3745</v>
      </c>
      <c r="E6000" t="s">
        <v>3660</v>
      </c>
      <c r="F6000" t="s">
        <v>3661</v>
      </c>
      <c r="G6000" t="s">
        <v>80</v>
      </c>
      <c r="H6000" t="s">
        <v>81</v>
      </c>
      <c r="I6000" s="2">
        <v>0</v>
      </c>
      <c r="J6000" s="2">
        <v>1</v>
      </c>
      <c r="K6000" s="2">
        <v>0</v>
      </c>
      <c r="L6000" t="s">
        <v>82</v>
      </c>
      <c r="M6000" t="s">
        <v>89</v>
      </c>
      <c r="N6000" t="s">
        <v>90</v>
      </c>
      <c r="O6000" t="s">
        <v>85</v>
      </c>
      <c r="P6000" t="s">
        <v>86</v>
      </c>
      <c r="Q6000">
        <v>114</v>
      </c>
      <c r="R6000">
        <v>117</v>
      </c>
      <c r="S6000">
        <v>120</v>
      </c>
      <c r="T6000">
        <v>123</v>
      </c>
      <c r="U6000">
        <v>126</v>
      </c>
      <c r="V6000">
        <v>129</v>
      </c>
      <c r="W6000">
        <v>132</v>
      </c>
      <c r="X6000">
        <v>135</v>
      </c>
      <c r="Y6000">
        <v>138</v>
      </c>
      <c r="Z6000">
        <v>140</v>
      </c>
      <c r="AA6000">
        <v>143</v>
      </c>
      <c r="AB6000">
        <v>145</v>
      </c>
      <c r="AC6000">
        <v>148</v>
      </c>
      <c r="AD6000">
        <v>151</v>
      </c>
      <c r="AE6000">
        <v>153</v>
      </c>
      <c r="AF6000">
        <v>153</v>
      </c>
      <c r="AG6000">
        <v>154</v>
      </c>
      <c r="AH6000">
        <v>154</v>
      </c>
      <c r="AI6000">
        <v>155</v>
      </c>
      <c r="AJ6000">
        <v>155</v>
      </c>
      <c r="AK6000">
        <v>156</v>
      </c>
      <c r="AL6000">
        <v>156</v>
      </c>
      <c r="AM6000">
        <v>156</v>
      </c>
      <c r="AN6000">
        <v>157</v>
      </c>
      <c r="AO6000">
        <v>157</v>
      </c>
      <c r="AP6000">
        <v>158</v>
      </c>
      <c r="AQ6000">
        <v>158</v>
      </c>
    </row>
    <row r="6001" spans="1:43">
      <c r="A6001" t="s">
        <v>3770</v>
      </c>
      <c r="B6001" t="s">
        <v>3771</v>
      </c>
      <c r="C6001" t="s">
        <v>3744</v>
      </c>
      <c r="D6001" t="s">
        <v>3745</v>
      </c>
      <c r="E6001" t="s">
        <v>3660</v>
      </c>
      <c r="F6001" t="s">
        <v>3661</v>
      </c>
      <c r="G6001" t="s">
        <v>80</v>
      </c>
      <c r="H6001" t="s">
        <v>81</v>
      </c>
      <c r="I6001" s="2">
        <v>0</v>
      </c>
      <c r="J6001" s="2">
        <v>1</v>
      </c>
      <c r="K6001" s="2">
        <v>0</v>
      </c>
      <c r="L6001" t="s">
        <v>82</v>
      </c>
      <c r="M6001" t="s">
        <v>83</v>
      </c>
      <c r="N6001" t="s">
        <v>91</v>
      </c>
      <c r="O6001" t="s">
        <v>85</v>
      </c>
      <c r="P6001" t="s">
        <v>86</v>
      </c>
      <c r="Q6001">
        <v>114</v>
      </c>
      <c r="R6001">
        <v>116</v>
      </c>
      <c r="S6001">
        <v>118</v>
      </c>
      <c r="T6001">
        <v>120</v>
      </c>
      <c r="U6001">
        <v>122</v>
      </c>
      <c r="V6001">
        <v>124</v>
      </c>
      <c r="W6001">
        <v>127</v>
      </c>
      <c r="X6001">
        <v>129</v>
      </c>
      <c r="Y6001">
        <v>131</v>
      </c>
      <c r="Z6001">
        <v>133</v>
      </c>
      <c r="AA6001">
        <v>135</v>
      </c>
      <c r="AB6001">
        <v>137</v>
      </c>
      <c r="AC6001">
        <v>139</v>
      </c>
      <c r="AD6001">
        <v>141</v>
      </c>
      <c r="AE6001">
        <v>143</v>
      </c>
      <c r="AF6001">
        <v>145</v>
      </c>
      <c r="AG6001">
        <v>147</v>
      </c>
      <c r="AH6001">
        <v>149</v>
      </c>
      <c r="AI6001">
        <v>151</v>
      </c>
      <c r="AJ6001">
        <v>153</v>
      </c>
      <c r="AK6001">
        <v>155</v>
      </c>
      <c r="AL6001">
        <v>156</v>
      </c>
      <c r="AM6001">
        <v>156</v>
      </c>
      <c r="AN6001">
        <v>157</v>
      </c>
      <c r="AO6001">
        <v>157</v>
      </c>
      <c r="AP6001">
        <v>157</v>
      </c>
      <c r="AQ6001">
        <v>158</v>
      </c>
    </row>
    <row r="6002" spans="1:43">
      <c r="A6002" t="s">
        <v>3772</v>
      </c>
      <c r="B6002" t="s">
        <v>3773</v>
      </c>
      <c r="C6002" t="s">
        <v>3744</v>
      </c>
      <c r="D6002" t="s">
        <v>3745</v>
      </c>
      <c r="E6002" t="s">
        <v>3660</v>
      </c>
      <c r="F6002" t="s">
        <v>3661</v>
      </c>
      <c r="G6002" t="s">
        <v>80</v>
      </c>
      <c r="H6002" t="s">
        <v>81</v>
      </c>
      <c r="I6002" s="2">
        <v>0</v>
      </c>
      <c r="J6002" s="2">
        <v>1</v>
      </c>
      <c r="K6002" s="2">
        <v>0</v>
      </c>
      <c r="L6002" t="s">
        <v>82</v>
      </c>
      <c r="M6002" t="s">
        <v>83</v>
      </c>
      <c r="N6002" t="s">
        <v>84</v>
      </c>
      <c r="O6002" t="s">
        <v>85</v>
      </c>
      <c r="P6002" t="s">
        <v>86</v>
      </c>
      <c r="Q6002">
        <v>24</v>
      </c>
      <c r="R6002">
        <v>25</v>
      </c>
      <c r="S6002">
        <v>25</v>
      </c>
      <c r="T6002">
        <v>26</v>
      </c>
      <c r="U6002">
        <v>26</v>
      </c>
      <c r="V6002">
        <v>27</v>
      </c>
      <c r="W6002">
        <v>27</v>
      </c>
      <c r="X6002">
        <v>28</v>
      </c>
      <c r="Y6002">
        <v>28</v>
      </c>
      <c r="Z6002">
        <v>28</v>
      </c>
      <c r="AA6002">
        <v>29</v>
      </c>
      <c r="AB6002">
        <v>29</v>
      </c>
      <c r="AC6002">
        <v>30</v>
      </c>
      <c r="AD6002">
        <v>30</v>
      </c>
      <c r="AE6002">
        <v>31</v>
      </c>
      <c r="AF6002">
        <v>31</v>
      </c>
      <c r="AG6002">
        <v>31</v>
      </c>
      <c r="AH6002">
        <v>32</v>
      </c>
      <c r="AI6002">
        <v>32</v>
      </c>
      <c r="AJ6002">
        <v>33</v>
      </c>
      <c r="AK6002">
        <v>33</v>
      </c>
      <c r="AL6002">
        <v>33</v>
      </c>
      <c r="AM6002">
        <v>33</v>
      </c>
      <c r="AN6002">
        <v>33</v>
      </c>
      <c r="AO6002">
        <v>34</v>
      </c>
      <c r="AP6002">
        <v>34</v>
      </c>
      <c r="AQ6002">
        <v>34</v>
      </c>
    </row>
    <row r="6003" spans="1:43">
      <c r="A6003" t="s">
        <v>3772</v>
      </c>
      <c r="B6003" t="s">
        <v>3773</v>
      </c>
      <c r="C6003" t="s">
        <v>3744</v>
      </c>
      <c r="D6003" t="s">
        <v>3745</v>
      </c>
      <c r="E6003" t="s">
        <v>3660</v>
      </c>
      <c r="F6003" t="s">
        <v>3661</v>
      </c>
      <c r="G6003" t="s">
        <v>80</v>
      </c>
      <c r="H6003" t="s">
        <v>81</v>
      </c>
      <c r="I6003" s="2">
        <v>0</v>
      </c>
      <c r="J6003" s="2">
        <v>1</v>
      </c>
      <c r="K6003" s="2">
        <v>0</v>
      </c>
      <c r="L6003" t="s">
        <v>82</v>
      </c>
      <c r="M6003" t="s">
        <v>87</v>
      </c>
      <c r="N6003" t="s">
        <v>88</v>
      </c>
      <c r="O6003" t="s">
        <v>85</v>
      </c>
      <c r="P6003" t="s">
        <v>86</v>
      </c>
      <c r="Q6003">
        <v>24</v>
      </c>
      <c r="R6003">
        <v>24</v>
      </c>
      <c r="S6003">
        <v>25</v>
      </c>
      <c r="T6003">
        <v>25</v>
      </c>
      <c r="U6003">
        <v>25</v>
      </c>
      <c r="V6003">
        <v>25</v>
      </c>
      <c r="W6003">
        <v>25</v>
      </c>
      <c r="X6003">
        <v>26</v>
      </c>
      <c r="Y6003">
        <v>26</v>
      </c>
      <c r="Z6003">
        <v>26</v>
      </c>
      <c r="AA6003">
        <v>26</v>
      </c>
      <c r="AB6003">
        <v>26</v>
      </c>
      <c r="AC6003">
        <v>27</v>
      </c>
      <c r="AD6003">
        <v>27</v>
      </c>
      <c r="AE6003">
        <v>27</v>
      </c>
      <c r="AF6003">
        <v>27</v>
      </c>
      <c r="AG6003">
        <v>27</v>
      </c>
      <c r="AH6003">
        <v>28</v>
      </c>
      <c r="AI6003">
        <v>28</v>
      </c>
      <c r="AJ6003">
        <v>28</v>
      </c>
      <c r="AK6003">
        <v>28</v>
      </c>
      <c r="AL6003">
        <v>28</v>
      </c>
      <c r="AM6003">
        <v>28</v>
      </c>
      <c r="AN6003">
        <v>29</v>
      </c>
      <c r="AO6003">
        <v>29</v>
      </c>
      <c r="AP6003">
        <v>29</v>
      </c>
      <c r="AQ6003">
        <v>29</v>
      </c>
    </row>
    <row r="6004" spans="1:43">
      <c r="A6004" t="s">
        <v>3772</v>
      </c>
      <c r="B6004" t="s">
        <v>3773</v>
      </c>
      <c r="C6004" t="s">
        <v>3744</v>
      </c>
      <c r="D6004" t="s">
        <v>3745</v>
      </c>
      <c r="E6004" t="s">
        <v>3660</v>
      </c>
      <c r="F6004" t="s">
        <v>3661</v>
      </c>
      <c r="G6004" t="s">
        <v>80</v>
      </c>
      <c r="H6004" t="s">
        <v>81</v>
      </c>
      <c r="I6004" s="2">
        <v>0</v>
      </c>
      <c r="J6004" s="2">
        <v>1</v>
      </c>
      <c r="K6004" s="2">
        <v>0</v>
      </c>
      <c r="L6004" t="s">
        <v>82</v>
      </c>
      <c r="M6004" t="s">
        <v>89</v>
      </c>
      <c r="N6004" t="s">
        <v>90</v>
      </c>
      <c r="O6004" t="s">
        <v>85</v>
      </c>
      <c r="P6004" t="s">
        <v>86</v>
      </c>
      <c r="Q6004">
        <v>24</v>
      </c>
      <c r="R6004">
        <v>24</v>
      </c>
      <c r="S6004">
        <v>25</v>
      </c>
      <c r="T6004">
        <v>26</v>
      </c>
      <c r="U6004">
        <v>26</v>
      </c>
      <c r="V6004">
        <v>27</v>
      </c>
      <c r="W6004">
        <v>27</v>
      </c>
      <c r="X6004">
        <v>28</v>
      </c>
      <c r="Y6004">
        <v>29</v>
      </c>
      <c r="Z6004">
        <v>29</v>
      </c>
      <c r="AA6004">
        <v>30</v>
      </c>
      <c r="AB6004">
        <v>30</v>
      </c>
      <c r="AC6004">
        <v>31</v>
      </c>
      <c r="AD6004">
        <v>31</v>
      </c>
      <c r="AE6004">
        <v>32</v>
      </c>
      <c r="AF6004">
        <v>32</v>
      </c>
      <c r="AG6004">
        <v>32</v>
      </c>
      <c r="AH6004">
        <v>32</v>
      </c>
      <c r="AI6004">
        <v>32</v>
      </c>
      <c r="AJ6004">
        <v>32</v>
      </c>
      <c r="AK6004">
        <v>33</v>
      </c>
      <c r="AL6004">
        <v>33</v>
      </c>
      <c r="AM6004">
        <v>33</v>
      </c>
      <c r="AN6004">
        <v>33</v>
      </c>
      <c r="AO6004">
        <v>33</v>
      </c>
      <c r="AP6004">
        <v>33</v>
      </c>
      <c r="AQ6004">
        <v>33</v>
      </c>
    </row>
    <row r="6005" spans="1:43">
      <c r="A6005" t="s">
        <v>3772</v>
      </c>
      <c r="B6005" t="s">
        <v>3773</v>
      </c>
      <c r="C6005" t="s">
        <v>3744</v>
      </c>
      <c r="D6005" t="s">
        <v>3745</v>
      </c>
      <c r="E6005" t="s">
        <v>3660</v>
      </c>
      <c r="F6005" t="s">
        <v>3661</v>
      </c>
      <c r="G6005" t="s">
        <v>80</v>
      </c>
      <c r="H6005" t="s">
        <v>81</v>
      </c>
      <c r="I6005" s="2">
        <v>0</v>
      </c>
      <c r="J6005" s="2">
        <v>1</v>
      </c>
      <c r="K6005" s="2">
        <v>0</v>
      </c>
      <c r="L6005" t="s">
        <v>82</v>
      </c>
      <c r="M6005" t="s">
        <v>83</v>
      </c>
      <c r="N6005" t="s">
        <v>91</v>
      </c>
      <c r="O6005" t="s">
        <v>85</v>
      </c>
      <c r="P6005" t="s">
        <v>86</v>
      </c>
      <c r="Q6005">
        <v>24</v>
      </c>
      <c r="R6005">
        <v>25</v>
      </c>
      <c r="S6005">
        <v>25</v>
      </c>
      <c r="T6005">
        <v>26</v>
      </c>
      <c r="U6005">
        <v>26</v>
      </c>
      <c r="V6005">
        <v>27</v>
      </c>
      <c r="W6005">
        <v>27</v>
      </c>
      <c r="X6005">
        <v>28</v>
      </c>
      <c r="Y6005">
        <v>28</v>
      </c>
      <c r="Z6005">
        <v>28</v>
      </c>
      <c r="AA6005">
        <v>29</v>
      </c>
      <c r="AB6005">
        <v>29</v>
      </c>
      <c r="AC6005">
        <v>30</v>
      </c>
      <c r="AD6005">
        <v>30</v>
      </c>
      <c r="AE6005">
        <v>31</v>
      </c>
      <c r="AF6005">
        <v>31</v>
      </c>
      <c r="AG6005">
        <v>31</v>
      </c>
      <c r="AH6005">
        <v>32</v>
      </c>
      <c r="AI6005">
        <v>32</v>
      </c>
      <c r="AJ6005">
        <v>33</v>
      </c>
      <c r="AK6005">
        <v>33</v>
      </c>
      <c r="AL6005">
        <v>33</v>
      </c>
      <c r="AM6005">
        <v>33</v>
      </c>
      <c r="AN6005">
        <v>33</v>
      </c>
      <c r="AO6005">
        <v>34</v>
      </c>
      <c r="AP6005">
        <v>34</v>
      </c>
      <c r="AQ6005">
        <v>34</v>
      </c>
    </row>
    <row r="6006" spans="1:43">
      <c r="A6006" t="s">
        <v>3774</v>
      </c>
      <c r="B6006" t="s">
        <v>3775</v>
      </c>
      <c r="C6006" t="s">
        <v>3704</v>
      </c>
      <c r="D6006" t="s">
        <v>3705</v>
      </c>
      <c r="E6006" t="s">
        <v>3660</v>
      </c>
      <c r="F6006" t="s">
        <v>3661</v>
      </c>
      <c r="G6006" t="s">
        <v>80</v>
      </c>
      <c r="H6006" t="s">
        <v>81</v>
      </c>
      <c r="I6006" s="2">
        <v>0</v>
      </c>
      <c r="J6006" s="2">
        <v>1</v>
      </c>
      <c r="K6006" s="2">
        <v>0</v>
      </c>
      <c r="L6006" t="s">
        <v>82</v>
      </c>
      <c r="M6006" t="s">
        <v>83</v>
      </c>
      <c r="N6006" t="s">
        <v>84</v>
      </c>
      <c r="O6006" t="s">
        <v>85</v>
      </c>
      <c r="P6006" t="s">
        <v>86</v>
      </c>
      <c r="Q6006">
        <v>82</v>
      </c>
      <c r="R6006">
        <v>84</v>
      </c>
      <c r="S6006">
        <v>85</v>
      </c>
      <c r="T6006">
        <v>87</v>
      </c>
      <c r="U6006">
        <v>88</v>
      </c>
      <c r="V6006">
        <v>90</v>
      </c>
      <c r="W6006">
        <v>91</v>
      </c>
      <c r="X6006">
        <v>93</v>
      </c>
      <c r="Y6006">
        <v>94</v>
      </c>
      <c r="Z6006">
        <v>96</v>
      </c>
      <c r="AA6006">
        <v>98</v>
      </c>
      <c r="AB6006">
        <v>99</v>
      </c>
      <c r="AC6006">
        <v>100</v>
      </c>
      <c r="AD6006">
        <v>102</v>
      </c>
      <c r="AE6006">
        <v>103</v>
      </c>
      <c r="AF6006">
        <v>105</v>
      </c>
      <c r="AG6006">
        <v>106</v>
      </c>
      <c r="AH6006">
        <v>108</v>
      </c>
      <c r="AI6006">
        <v>109</v>
      </c>
      <c r="AJ6006">
        <v>110</v>
      </c>
      <c r="AK6006">
        <v>112</v>
      </c>
      <c r="AL6006">
        <v>112</v>
      </c>
      <c r="AM6006">
        <v>113</v>
      </c>
      <c r="AN6006">
        <v>113</v>
      </c>
      <c r="AO6006">
        <v>113</v>
      </c>
      <c r="AP6006">
        <v>114</v>
      </c>
      <c r="AQ6006">
        <v>114</v>
      </c>
    </row>
    <row r="6007" spans="1:43">
      <c r="A6007" t="s">
        <v>3774</v>
      </c>
      <c r="B6007" t="s">
        <v>3775</v>
      </c>
      <c r="C6007" t="s">
        <v>3704</v>
      </c>
      <c r="D6007" t="s">
        <v>3705</v>
      </c>
      <c r="E6007" t="s">
        <v>3660</v>
      </c>
      <c r="F6007" t="s">
        <v>3661</v>
      </c>
      <c r="G6007" t="s">
        <v>80</v>
      </c>
      <c r="H6007" t="s">
        <v>81</v>
      </c>
      <c r="I6007" s="2">
        <v>0</v>
      </c>
      <c r="J6007" s="2">
        <v>1</v>
      </c>
      <c r="K6007" s="2">
        <v>0</v>
      </c>
      <c r="L6007" t="s">
        <v>82</v>
      </c>
      <c r="M6007" t="s">
        <v>87</v>
      </c>
      <c r="N6007" t="s">
        <v>88</v>
      </c>
      <c r="O6007" t="s">
        <v>85</v>
      </c>
      <c r="P6007" t="s">
        <v>86</v>
      </c>
      <c r="Q6007">
        <v>82</v>
      </c>
      <c r="R6007">
        <v>83</v>
      </c>
      <c r="S6007">
        <v>84</v>
      </c>
      <c r="T6007">
        <v>85</v>
      </c>
      <c r="U6007">
        <v>85</v>
      </c>
      <c r="V6007">
        <v>86</v>
      </c>
      <c r="W6007">
        <v>87</v>
      </c>
      <c r="X6007">
        <v>88</v>
      </c>
      <c r="Y6007">
        <v>88</v>
      </c>
      <c r="Z6007">
        <v>89</v>
      </c>
      <c r="AA6007">
        <v>90</v>
      </c>
      <c r="AB6007">
        <v>90</v>
      </c>
      <c r="AC6007">
        <v>91</v>
      </c>
      <c r="AD6007">
        <v>92</v>
      </c>
      <c r="AE6007">
        <v>92</v>
      </c>
      <c r="AF6007">
        <v>93</v>
      </c>
      <c r="AG6007">
        <v>94</v>
      </c>
      <c r="AH6007">
        <v>94</v>
      </c>
      <c r="AI6007">
        <v>95</v>
      </c>
      <c r="AJ6007">
        <v>95</v>
      </c>
      <c r="AK6007">
        <v>96</v>
      </c>
      <c r="AL6007">
        <v>97</v>
      </c>
      <c r="AM6007">
        <v>97</v>
      </c>
      <c r="AN6007">
        <v>98</v>
      </c>
      <c r="AO6007">
        <v>98</v>
      </c>
      <c r="AP6007">
        <v>99</v>
      </c>
      <c r="AQ6007">
        <v>100</v>
      </c>
    </row>
    <row r="6008" spans="1:43">
      <c r="A6008" t="s">
        <v>3774</v>
      </c>
      <c r="B6008" t="s">
        <v>3775</v>
      </c>
      <c r="C6008" t="s">
        <v>3704</v>
      </c>
      <c r="D6008" t="s">
        <v>3705</v>
      </c>
      <c r="E6008" t="s">
        <v>3660</v>
      </c>
      <c r="F6008" t="s">
        <v>3661</v>
      </c>
      <c r="G6008" t="s">
        <v>80</v>
      </c>
      <c r="H6008" t="s">
        <v>81</v>
      </c>
      <c r="I6008" s="2">
        <v>0</v>
      </c>
      <c r="J6008" s="2">
        <v>1</v>
      </c>
      <c r="K6008" s="2">
        <v>0</v>
      </c>
      <c r="L6008" t="s">
        <v>82</v>
      </c>
      <c r="M6008" t="s">
        <v>89</v>
      </c>
      <c r="N6008" t="s">
        <v>90</v>
      </c>
      <c r="O6008" t="s">
        <v>85</v>
      </c>
      <c r="P6008" t="s">
        <v>86</v>
      </c>
      <c r="Q6008">
        <v>82</v>
      </c>
      <c r="R6008">
        <v>84</v>
      </c>
      <c r="S6008">
        <v>86</v>
      </c>
      <c r="T6008">
        <v>89</v>
      </c>
      <c r="U6008">
        <v>91</v>
      </c>
      <c r="V6008">
        <v>93</v>
      </c>
      <c r="W6008">
        <v>95</v>
      </c>
      <c r="X6008">
        <v>97</v>
      </c>
      <c r="Y6008">
        <v>99</v>
      </c>
      <c r="Z6008">
        <v>101</v>
      </c>
      <c r="AA6008">
        <v>103</v>
      </c>
      <c r="AB6008">
        <v>105</v>
      </c>
      <c r="AC6008">
        <v>107</v>
      </c>
      <c r="AD6008">
        <v>109</v>
      </c>
      <c r="AE6008">
        <v>110</v>
      </c>
      <c r="AF6008">
        <v>110</v>
      </c>
      <c r="AG6008">
        <v>111</v>
      </c>
      <c r="AH6008">
        <v>111</v>
      </c>
      <c r="AI6008">
        <v>111</v>
      </c>
      <c r="AJ6008">
        <v>112</v>
      </c>
      <c r="AK6008">
        <v>112</v>
      </c>
      <c r="AL6008">
        <v>112</v>
      </c>
      <c r="AM6008">
        <v>113</v>
      </c>
      <c r="AN6008">
        <v>113</v>
      </c>
      <c r="AO6008">
        <v>113</v>
      </c>
      <c r="AP6008">
        <v>114</v>
      </c>
      <c r="AQ6008">
        <v>114</v>
      </c>
    </row>
    <row r="6009" spans="1:43">
      <c r="A6009" t="s">
        <v>3774</v>
      </c>
      <c r="B6009" t="s">
        <v>3775</v>
      </c>
      <c r="C6009" t="s">
        <v>3704</v>
      </c>
      <c r="D6009" t="s">
        <v>3705</v>
      </c>
      <c r="E6009" t="s">
        <v>3660</v>
      </c>
      <c r="F6009" t="s">
        <v>3661</v>
      </c>
      <c r="G6009" t="s">
        <v>80</v>
      </c>
      <c r="H6009" t="s">
        <v>81</v>
      </c>
      <c r="I6009" s="2">
        <v>0</v>
      </c>
      <c r="J6009" s="2">
        <v>1</v>
      </c>
      <c r="K6009" s="2">
        <v>0</v>
      </c>
      <c r="L6009" t="s">
        <v>82</v>
      </c>
      <c r="M6009" t="s">
        <v>83</v>
      </c>
      <c r="N6009" t="s">
        <v>91</v>
      </c>
      <c r="O6009" t="s">
        <v>85</v>
      </c>
      <c r="P6009" t="s">
        <v>86</v>
      </c>
      <c r="Q6009">
        <v>82</v>
      </c>
      <c r="R6009">
        <v>84</v>
      </c>
      <c r="S6009">
        <v>85</v>
      </c>
      <c r="T6009">
        <v>87</v>
      </c>
      <c r="U6009">
        <v>88</v>
      </c>
      <c r="V6009">
        <v>90</v>
      </c>
      <c r="W6009">
        <v>91</v>
      </c>
      <c r="X6009">
        <v>93</v>
      </c>
      <c r="Y6009">
        <v>94</v>
      </c>
      <c r="Z6009">
        <v>96</v>
      </c>
      <c r="AA6009">
        <v>98</v>
      </c>
      <c r="AB6009">
        <v>99</v>
      </c>
      <c r="AC6009">
        <v>100</v>
      </c>
      <c r="AD6009">
        <v>102</v>
      </c>
      <c r="AE6009">
        <v>103</v>
      </c>
      <c r="AF6009">
        <v>105</v>
      </c>
      <c r="AG6009">
        <v>106</v>
      </c>
      <c r="AH6009">
        <v>108</v>
      </c>
      <c r="AI6009">
        <v>109</v>
      </c>
      <c r="AJ6009">
        <v>110</v>
      </c>
      <c r="AK6009">
        <v>112</v>
      </c>
      <c r="AL6009">
        <v>112</v>
      </c>
      <c r="AM6009">
        <v>113</v>
      </c>
      <c r="AN6009">
        <v>113</v>
      </c>
      <c r="AO6009">
        <v>113</v>
      </c>
      <c r="AP6009">
        <v>114</v>
      </c>
      <c r="AQ6009">
        <v>114</v>
      </c>
    </row>
    <row r="6010" spans="1:43">
      <c r="A6010" t="s">
        <v>3776</v>
      </c>
      <c r="B6010" t="s">
        <v>3777</v>
      </c>
      <c r="C6010" t="s">
        <v>3744</v>
      </c>
      <c r="D6010" t="s">
        <v>3745</v>
      </c>
      <c r="E6010" t="s">
        <v>3660</v>
      </c>
      <c r="F6010" t="s">
        <v>3661</v>
      </c>
      <c r="G6010" t="s">
        <v>80</v>
      </c>
      <c r="H6010" t="s">
        <v>81</v>
      </c>
      <c r="I6010" s="2">
        <v>0</v>
      </c>
      <c r="J6010" s="2">
        <v>1</v>
      </c>
      <c r="K6010" s="2">
        <v>0</v>
      </c>
      <c r="L6010" t="s">
        <v>82</v>
      </c>
      <c r="M6010" t="s">
        <v>83</v>
      </c>
      <c r="N6010" t="s">
        <v>84</v>
      </c>
      <c r="O6010" t="s">
        <v>85</v>
      </c>
      <c r="P6010" t="s">
        <v>86</v>
      </c>
      <c r="Q6010">
        <v>73</v>
      </c>
      <c r="R6010">
        <v>75</v>
      </c>
      <c r="S6010">
        <v>76</v>
      </c>
      <c r="T6010">
        <v>77</v>
      </c>
      <c r="U6010">
        <v>79</v>
      </c>
      <c r="V6010">
        <v>80</v>
      </c>
      <c r="W6010">
        <v>82</v>
      </c>
      <c r="X6010">
        <v>83</v>
      </c>
      <c r="Y6010">
        <v>84</v>
      </c>
      <c r="Z6010">
        <v>86</v>
      </c>
      <c r="AA6010">
        <v>87</v>
      </c>
      <c r="AB6010">
        <v>88</v>
      </c>
      <c r="AC6010">
        <v>89</v>
      </c>
      <c r="AD6010">
        <v>91</v>
      </c>
      <c r="AE6010">
        <v>92</v>
      </c>
      <c r="AF6010">
        <v>93</v>
      </c>
      <c r="AG6010">
        <v>95</v>
      </c>
      <c r="AH6010">
        <v>96</v>
      </c>
      <c r="AI6010">
        <v>97</v>
      </c>
      <c r="AJ6010">
        <v>98</v>
      </c>
      <c r="AK6010">
        <v>100</v>
      </c>
      <c r="AL6010">
        <v>100</v>
      </c>
      <c r="AM6010">
        <v>100</v>
      </c>
      <c r="AN6010">
        <v>101</v>
      </c>
      <c r="AO6010">
        <v>101</v>
      </c>
      <c r="AP6010">
        <v>101</v>
      </c>
      <c r="AQ6010">
        <v>102</v>
      </c>
    </row>
    <row r="6011" spans="1:43">
      <c r="A6011" t="s">
        <v>3776</v>
      </c>
      <c r="B6011" t="s">
        <v>3777</v>
      </c>
      <c r="C6011" t="s">
        <v>3744</v>
      </c>
      <c r="D6011" t="s">
        <v>3745</v>
      </c>
      <c r="E6011" t="s">
        <v>3660</v>
      </c>
      <c r="F6011" t="s">
        <v>3661</v>
      </c>
      <c r="G6011" t="s">
        <v>80</v>
      </c>
      <c r="H6011" t="s">
        <v>81</v>
      </c>
      <c r="I6011" s="2">
        <v>0</v>
      </c>
      <c r="J6011" s="2">
        <v>1</v>
      </c>
      <c r="K6011" s="2">
        <v>0</v>
      </c>
      <c r="L6011" t="s">
        <v>82</v>
      </c>
      <c r="M6011" t="s">
        <v>87</v>
      </c>
      <c r="N6011" t="s">
        <v>88</v>
      </c>
      <c r="O6011" t="s">
        <v>85</v>
      </c>
      <c r="P6011" t="s">
        <v>86</v>
      </c>
      <c r="Q6011">
        <v>73</v>
      </c>
      <c r="R6011">
        <v>73</v>
      </c>
      <c r="S6011">
        <v>74</v>
      </c>
      <c r="T6011">
        <v>75</v>
      </c>
      <c r="U6011">
        <v>75</v>
      </c>
      <c r="V6011">
        <v>76</v>
      </c>
      <c r="W6011">
        <v>77</v>
      </c>
      <c r="X6011">
        <v>77</v>
      </c>
      <c r="Y6011">
        <v>78</v>
      </c>
      <c r="Z6011">
        <v>78</v>
      </c>
      <c r="AA6011">
        <v>79</v>
      </c>
      <c r="AB6011">
        <v>80</v>
      </c>
      <c r="AC6011">
        <v>80</v>
      </c>
      <c r="AD6011">
        <v>81</v>
      </c>
      <c r="AE6011">
        <v>81</v>
      </c>
      <c r="AF6011">
        <v>82</v>
      </c>
      <c r="AG6011">
        <v>83</v>
      </c>
      <c r="AH6011">
        <v>83</v>
      </c>
      <c r="AI6011">
        <v>84</v>
      </c>
      <c r="AJ6011">
        <v>84</v>
      </c>
      <c r="AK6011">
        <v>85</v>
      </c>
      <c r="AL6011">
        <v>85</v>
      </c>
      <c r="AM6011">
        <v>86</v>
      </c>
      <c r="AN6011">
        <v>86</v>
      </c>
      <c r="AO6011">
        <v>87</v>
      </c>
      <c r="AP6011">
        <v>87</v>
      </c>
      <c r="AQ6011">
        <v>88</v>
      </c>
    </row>
    <row r="6012" spans="1:43">
      <c r="A6012" t="s">
        <v>3776</v>
      </c>
      <c r="B6012" t="s">
        <v>3777</v>
      </c>
      <c r="C6012" t="s">
        <v>3744</v>
      </c>
      <c r="D6012" t="s">
        <v>3745</v>
      </c>
      <c r="E6012" t="s">
        <v>3660</v>
      </c>
      <c r="F6012" t="s">
        <v>3661</v>
      </c>
      <c r="G6012" t="s">
        <v>80</v>
      </c>
      <c r="H6012" t="s">
        <v>81</v>
      </c>
      <c r="I6012" s="2">
        <v>0</v>
      </c>
      <c r="J6012" s="2">
        <v>1</v>
      </c>
      <c r="K6012" s="2">
        <v>0</v>
      </c>
      <c r="L6012" t="s">
        <v>82</v>
      </c>
      <c r="M6012" t="s">
        <v>89</v>
      </c>
      <c r="N6012" t="s">
        <v>90</v>
      </c>
      <c r="O6012" t="s">
        <v>85</v>
      </c>
      <c r="P6012" t="s">
        <v>86</v>
      </c>
      <c r="Q6012">
        <v>73</v>
      </c>
      <c r="R6012">
        <v>75</v>
      </c>
      <c r="S6012">
        <v>77</v>
      </c>
      <c r="T6012">
        <v>79</v>
      </c>
      <c r="U6012">
        <v>81</v>
      </c>
      <c r="V6012">
        <v>83</v>
      </c>
      <c r="W6012">
        <v>85</v>
      </c>
      <c r="X6012">
        <v>87</v>
      </c>
      <c r="Y6012">
        <v>88</v>
      </c>
      <c r="Z6012">
        <v>90</v>
      </c>
      <c r="AA6012">
        <v>92</v>
      </c>
      <c r="AB6012">
        <v>93</v>
      </c>
      <c r="AC6012">
        <v>95</v>
      </c>
      <c r="AD6012">
        <v>97</v>
      </c>
      <c r="AE6012">
        <v>98</v>
      </c>
      <c r="AF6012">
        <v>98</v>
      </c>
      <c r="AG6012">
        <v>99</v>
      </c>
      <c r="AH6012">
        <v>99</v>
      </c>
      <c r="AI6012">
        <v>99</v>
      </c>
      <c r="AJ6012">
        <v>100</v>
      </c>
      <c r="AK6012">
        <v>100</v>
      </c>
      <c r="AL6012">
        <v>100</v>
      </c>
      <c r="AM6012">
        <v>100</v>
      </c>
      <c r="AN6012">
        <v>101</v>
      </c>
      <c r="AO6012">
        <v>101</v>
      </c>
      <c r="AP6012">
        <v>101</v>
      </c>
      <c r="AQ6012">
        <v>101</v>
      </c>
    </row>
    <row r="6013" spans="1:43">
      <c r="A6013" t="s">
        <v>3776</v>
      </c>
      <c r="B6013" t="s">
        <v>3777</v>
      </c>
      <c r="C6013" t="s">
        <v>3744</v>
      </c>
      <c r="D6013" t="s">
        <v>3745</v>
      </c>
      <c r="E6013" t="s">
        <v>3660</v>
      </c>
      <c r="F6013" t="s">
        <v>3661</v>
      </c>
      <c r="G6013" t="s">
        <v>80</v>
      </c>
      <c r="H6013" t="s">
        <v>81</v>
      </c>
      <c r="I6013" s="2">
        <v>0</v>
      </c>
      <c r="J6013" s="2">
        <v>1</v>
      </c>
      <c r="K6013" s="2">
        <v>0</v>
      </c>
      <c r="L6013" t="s">
        <v>82</v>
      </c>
      <c r="M6013" t="s">
        <v>83</v>
      </c>
      <c r="N6013" t="s">
        <v>91</v>
      </c>
      <c r="O6013" t="s">
        <v>85</v>
      </c>
      <c r="P6013" t="s">
        <v>86</v>
      </c>
      <c r="Q6013">
        <v>73</v>
      </c>
      <c r="R6013">
        <v>75</v>
      </c>
      <c r="S6013">
        <v>76</v>
      </c>
      <c r="T6013">
        <v>77</v>
      </c>
      <c r="U6013">
        <v>79</v>
      </c>
      <c r="V6013">
        <v>80</v>
      </c>
      <c r="W6013">
        <v>82</v>
      </c>
      <c r="X6013">
        <v>83</v>
      </c>
      <c r="Y6013">
        <v>84</v>
      </c>
      <c r="Z6013">
        <v>86</v>
      </c>
      <c r="AA6013">
        <v>87</v>
      </c>
      <c r="AB6013">
        <v>88</v>
      </c>
      <c r="AC6013">
        <v>89</v>
      </c>
      <c r="AD6013">
        <v>91</v>
      </c>
      <c r="AE6013">
        <v>92</v>
      </c>
      <c r="AF6013">
        <v>93</v>
      </c>
      <c r="AG6013">
        <v>95</v>
      </c>
      <c r="AH6013">
        <v>96</v>
      </c>
      <c r="AI6013">
        <v>97</v>
      </c>
      <c r="AJ6013">
        <v>98</v>
      </c>
      <c r="AK6013">
        <v>100</v>
      </c>
      <c r="AL6013">
        <v>100</v>
      </c>
      <c r="AM6013">
        <v>100</v>
      </c>
      <c r="AN6013">
        <v>101</v>
      </c>
      <c r="AO6013">
        <v>101</v>
      </c>
      <c r="AP6013">
        <v>101</v>
      </c>
      <c r="AQ6013">
        <v>102</v>
      </c>
    </row>
    <row r="6014" spans="1:43">
      <c r="A6014" t="s">
        <v>3778</v>
      </c>
      <c r="B6014" t="s">
        <v>3779</v>
      </c>
      <c r="C6014" t="s">
        <v>3704</v>
      </c>
      <c r="D6014" t="s">
        <v>3705</v>
      </c>
      <c r="E6014" t="s">
        <v>3660</v>
      </c>
      <c r="F6014" t="s">
        <v>3661</v>
      </c>
      <c r="G6014" t="s">
        <v>80</v>
      </c>
      <c r="H6014" t="s">
        <v>81</v>
      </c>
      <c r="I6014" s="2">
        <v>0</v>
      </c>
      <c r="J6014" s="2">
        <v>1</v>
      </c>
      <c r="K6014" s="2">
        <v>0</v>
      </c>
      <c r="L6014" t="s">
        <v>82</v>
      </c>
      <c r="M6014" t="s">
        <v>83</v>
      </c>
      <c r="N6014" t="s">
        <v>84</v>
      </c>
      <c r="O6014" t="s">
        <v>85</v>
      </c>
      <c r="P6014" t="s">
        <v>86</v>
      </c>
      <c r="Q6014">
        <v>71</v>
      </c>
      <c r="R6014">
        <v>72</v>
      </c>
      <c r="S6014">
        <v>73</v>
      </c>
      <c r="T6014">
        <v>75</v>
      </c>
      <c r="U6014">
        <v>76</v>
      </c>
      <c r="V6014">
        <v>77</v>
      </c>
      <c r="W6014">
        <v>79</v>
      </c>
      <c r="X6014">
        <v>80</v>
      </c>
      <c r="Y6014">
        <v>81</v>
      </c>
      <c r="Z6014">
        <v>83</v>
      </c>
      <c r="AA6014">
        <v>84</v>
      </c>
      <c r="AB6014">
        <v>85</v>
      </c>
      <c r="AC6014">
        <v>86</v>
      </c>
      <c r="AD6014">
        <v>88</v>
      </c>
      <c r="AE6014">
        <v>89</v>
      </c>
      <c r="AF6014">
        <v>90</v>
      </c>
      <c r="AG6014">
        <v>91</v>
      </c>
      <c r="AH6014">
        <v>92</v>
      </c>
      <c r="AI6014">
        <v>94</v>
      </c>
      <c r="AJ6014">
        <v>95</v>
      </c>
      <c r="AK6014">
        <v>96</v>
      </c>
      <c r="AL6014">
        <v>97</v>
      </c>
      <c r="AM6014">
        <v>97</v>
      </c>
      <c r="AN6014">
        <v>97</v>
      </c>
      <c r="AO6014">
        <v>97</v>
      </c>
      <c r="AP6014">
        <v>98</v>
      </c>
      <c r="AQ6014">
        <v>98</v>
      </c>
    </row>
    <row r="6015" spans="1:43">
      <c r="A6015" t="s">
        <v>3778</v>
      </c>
      <c r="B6015" t="s">
        <v>3779</v>
      </c>
      <c r="C6015" t="s">
        <v>3704</v>
      </c>
      <c r="D6015" t="s">
        <v>3705</v>
      </c>
      <c r="E6015" t="s">
        <v>3660</v>
      </c>
      <c r="F6015" t="s">
        <v>3661</v>
      </c>
      <c r="G6015" t="s">
        <v>80</v>
      </c>
      <c r="H6015" t="s">
        <v>81</v>
      </c>
      <c r="I6015" s="2">
        <v>0</v>
      </c>
      <c r="J6015" s="2">
        <v>1</v>
      </c>
      <c r="K6015" s="2">
        <v>0</v>
      </c>
      <c r="L6015" t="s">
        <v>82</v>
      </c>
      <c r="M6015" t="s">
        <v>87</v>
      </c>
      <c r="N6015" t="s">
        <v>88</v>
      </c>
      <c r="O6015" t="s">
        <v>85</v>
      </c>
      <c r="P6015" t="s">
        <v>86</v>
      </c>
      <c r="Q6015">
        <v>71</v>
      </c>
      <c r="R6015">
        <v>72</v>
      </c>
      <c r="S6015">
        <v>72</v>
      </c>
      <c r="T6015">
        <v>73</v>
      </c>
      <c r="U6015">
        <v>74</v>
      </c>
      <c r="V6015">
        <v>74</v>
      </c>
      <c r="W6015">
        <v>75</v>
      </c>
      <c r="X6015">
        <v>76</v>
      </c>
      <c r="Y6015">
        <v>76</v>
      </c>
      <c r="Z6015">
        <v>77</v>
      </c>
      <c r="AA6015">
        <v>77</v>
      </c>
      <c r="AB6015">
        <v>78</v>
      </c>
      <c r="AC6015">
        <v>78</v>
      </c>
      <c r="AD6015">
        <v>79</v>
      </c>
      <c r="AE6015">
        <v>80</v>
      </c>
      <c r="AF6015">
        <v>80</v>
      </c>
      <c r="AG6015">
        <v>81</v>
      </c>
      <c r="AH6015">
        <v>81</v>
      </c>
      <c r="AI6015">
        <v>82</v>
      </c>
      <c r="AJ6015">
        <v>82</v>
      </c>
      <c r="AK6015">
        <v>83</v>
      </c>
      <c r="AL6015">
        <v>83</v>
      </c>
      <c r="AM6015">
        <v>84</v>
      </c>
      <c r="AN6015">
        <v>84</v>
      </c>
      <c r="AO6015">
        <v>85</v>
      </c>
      <c r="AP6015">
        <v>85</v>
      </c>
      <c r="AQ6015">
        <v>86</v>
      </c>
    </row>
    <row r="6016" spans="1:43">
      <c r="A6016" t="s">
        <v>3778</v>
      </c>
      <c r="B6016" t="s">
        <v>3779</v>
      </c>
      <c r="C6016" t="s">
        <v>3704</v>
      </c>
      <c r="D6016" t="s">
        <v>3705</v>
      </c>
      <c r="E6016" t="s">
        <v>3660</v>
      </c>
      <c r="F6016" t="s">
        <v>3661</v>
      </c>
      <c r="G6016" t="s">
        <v>80</v>
      </c>
      <c r="H6016" t="s">
        <v>81</v>
      </c>
      <c r="I6016" s="2">
        <v>0</v>
      </c>
      <c r="J6016" s="2">
        <v>1</v>
      </c>
      <c r="K6016" s="2">
        <v>0</v>
      </c>
      <c r="L6016" t="s">
        <v>82</v>
      </c>
      <c r="M6016" t="s">
        <v>89</v>
      </c>
      <c r="N6016" t="s">
        <v>90</v>
      </c>
      <c r="O6016" t="s">
        <v>85</v>
      </c>
      <c r="P6016" t="s">
        <v>86</v>
      </c>
      <c r="Q6016">
        <v>71</v>
      </c>
      <c r="R6016">
        <v>73</v>
      </c>
      <c r="S6016">
        <v>75</v>
      </c>
      <c r="T6016">
        <v>77</v>
      </c>
      <c r="U6016">
        <v>79</v>
      </c>
      <c r="V6016">
        <v>81</v>
      </c>
      <c r="W6016">
        <v>83</v>
      </c>
      <c r="X6016">
        <v>84</v>
      </c>
      <c r="Y6016">
        <v>86</v>
      </c>
      <c r="Z6016">
        <v>88</v>
      </c>
      <c r="AA6016">
        <v>89</v>
      </c>
      <c r="AB6016">
        <v>91</v>
      </c>
      <c r="AC6016">
        <v>93</v>
      </c>
      <c r="AD6016">
        <v>94</v>
      </c>
      <c r="AE6016">
        <v>95</v>
      </c>
      <c r="AF6016">
        <v>96</v>
      </c>
      <c r="AG6016">
        <v>96</v>
      </c>
      <c r="AH6016">
        <v>96</v>
      </c>
      <c r="AI6016">
        <v>97</v>
      </c>
      <c r="AJ6016">
        <v>97</v>
      </c>
      <c r="AK6016">
        <v>97</v>
      </c>
      <c r="AL6016">
        <v>98</v>
      </c>
      <c r="AM6016">
        <v>98</v>
      </c>
      <c r="AN6016">
        <v>98</v>
      </c>
      <c r="AO6016">
        <v>98</v>
      </c>
      <c r="AP6016">
        <v>99</v>
      </c>
      <c r="AQ6016">
        <v>99</v>
      </c>
    </row>
    <row r="6017" spans="1:43">
      <c r="A6017" t="s">
        <v>3778</v>
      </c>
      <c r="B6017" t="s">
        <v>3779</v>
      </c>
      <c r="C6017" t="s">
        <v>3704</v>
      </c>
      <c r="D6017" t="s">
        <v>3705</v>
      </c>
      <c r="E6017" t="s">
        <v>3660</v>
      </c>
      <c r="F6017" t="s">
        <v>3661</v>
      </c>
      <c r="G6017" t="s">
        <v>80</v>
      </c>
      <c r="H6017" t="s">
        <v>81</v>
      </c>
      <c r="I6017" s="2">
        <v>0</v>
      </c>
      <c r="J6017" s="2">
        <v>1</v>
      </c>
      <c r="K6017" s="2">
        <v>0</v>
      </c>
      <c r="L6017" t="s">
        <v>82</v>
      </c>
      <c r="M6017" t="s">
        <v>83</v>
      </c>
      <c r="N6017" t="s">
        <v>91</v>
      </c>
      <c r="O6017" t="s">
        <v>85</v>
      </c>
      <c r="P6017" t="s">
        <v>86</v>
      </c>
      <c r="Q6017">
        <v>71</v>
      </c>
      <c r="R6017">
        <v>72</v>
      </c>
      <c r="S6017">
        <v>73</v>
      </c>
      <c r="T6017">
        <v>75</v>
      </c>
      <c r="U6017">
        <v>76</v>
      </c>
      <c r="V6017">
        <v>77</v>
      </c>
      <c r="W6017">
        <v>79</v>
      </c>
      <c r="X6017">
        <v>80</v>
      </c>
      <c r="Y6017">
        <v>81</v>
      </c>
      <c r="Z6017">
        <v>83</v>
      </c>
      <c r="AA6017">
        <v>84</v>
      </c>
      <c r="AB6017">
        <v>85</v>
      </c>
      <c r="AC6017">
        <v>86</v>
      </c>
      <c r="AD6017">
        <v>88</v>
      </c>
      <c r="AE6017">
        <v>89</v>
      </c>
      <c r="AF6017">
        <v>90</v>
      </c>
      <c r="AG6017">
        <v>91</v>
      </c>
      <c r="AH6017">
        <v>92</v>
      </c>
      <c r="AI6017">
        <v>94</v>
      </c>
      <c r="AJ6017">
        <v>95</v>
      </c>
      <c r="AK6017">
        <v>96</v>
      </c>
      <c r="AL6017">
        <v>97</v>
      </c>
      <c r="AM6017">
        <v>97</v>
      </c>
      <c r="AN6017">
        <v>97</v>
      </c>
      <c r="AO6017">
        <v>97</v>
      </c>
      <c r="AP6017">
        <v>98</v>
      </c>
      <c r="AQ6017">
        <v>98</v>
      </c>
    </row>
    <row r="6018" spans="1:43">
      <c r="A6018" t="s">
        <v>3780</v>
      </c>
      <c r="B6018" t="s">
        <v>3781</v>
      </c>
      <c r="C6018" t="s">
        <v>3752</v>
      </c>
      <c r="D6018" t="s">
        <v>3753</v>
      </c>
      <c r="E6018" t="s">
        <v>3660</v>
      </c>
      <c r="F6018" t="s">
        <v>3661</v>
      </c>
      <c r="G6018" t="s">
        <v>80</v>
      </c>
      <c r="H6018" t="s">
        <v>81</v>
      </c>
      <c r="I6018" s="2">
        <v>0</v>
      </c>
      <c r="J6018" s="2">
        <v>1</v>
      </c>
      <c r="K6018" s="2">
        <v>0</v>
      </c>
      <c r="L6018" t="s">
        <v>82</v>
      </c>
      <c r="M6018" t="s">
        <v>83</v>
      </c>
      <c r="N6018" t="s">
        <v>84</v>
      </c>
      <c r="O6018" t="s">
        <v>85</v>
      </c>
      <c r="P6018" t="s">
        <v>86</v>
      </c>
      <c r="Q6018">
        <v>77</v>
      </c>
      <c r="R6018">
        <v>78</v>
      </c>
      <c r="S6018">
        <v>80</v>
      </c>
      <c r="T6018">
        <v>81</v>
      </c>
      <c r="U6018">
        <v>82</v>
      </c>
      <c r="V6018">
        <v>84</v>
      </c>
      <c r="W6018">
        <v>85</v>
      </c>
      <c r="X6018">
        <v>87</v>
      </c>
      <c r="Y6018">
        <v>88</v>
      </c>
      <c r="Z6018">
        <v>90</v>
      </c>
      <c r="AA6018">
        <v>91</v>
      </c>
      <c r="AB6018">
        <v>92</v>
      </c>
      <c r="AC6018">
        <v>94</v>
      </c>
      <c r="AD6018">
        <v>95</v>
      </c>
      <c r="AE6018">
        <v>96</v>
      </c>
      <c r="AF6018">
        <v>98</v>
      </c>
      <c r="AG6018">
        <v>99</v>
      </c>
      <c r="AH6018">
        <v>100</v>
      </c>
      <c r="AI6018">
        <v>102</v>
      </c>
      <c r="AJ6018">
        <v>103</v>
      </c>
      <c r="AK6018">
        <v>104</v>
      </c>
      <c r="AL6018">
        <v>105</v>
      </c>
      <c r="AM6018">
        <v>105</v>
      </c>
      <c r="AN6018">
        <v>105</v>
      </c>
      <c r="AO6018">
        <v>106</v>
      </c>
      <c r="AP6018">
        <v>106</v>
      </c>
      <c r="AQ6018">
        <v>106</v>
      </c>
    </row>
    <row r="6019" spans="1:43">
      <c r="A6019" t="s">
        <v>3780</v>
      </c>
      <c r="B6019" t="s">
        <v>3781</v>
      </c>
      <c r="C6019" t="s">
        <v>3752</v>
      </c>
      <c r="D6019" t="s">
        <v>3753</v>
      </c>
      <c r="E6019" t="s">
        <v>3660</v>
      </c>
      <c r="F6019" t="s">
        <v>3661</v>
      </c>
      <c r="G6019" t="s">
        <v>80</v>
      </c>
      <c r="H6019" t="s">
        <v>81</v>
      </c>
      <c r="I6019" s="2">
        <v>0</v>
      </c>
      <c r="J6019" s="2">
        <v>1</v>
      </c>
      <c r="K6019" s="2">
        <v>0</v>
      </c>
      <c r="L6019" t="s">
        <v>82</v>
      </c>
      <c r="M6019" t="s">
        <v>87</v>
      </c>
      <c r="N6019" t="s">
        <v>88</v>
      </c>
      <c r="O6019" t="s">
        <v>85</v>
      </c>
      <c r="P6019" t="s">
        <v>86</v>
      </c>
      <c r="Q6019">
        <v>77</v>
      </c>
      <c r="R6019">
        <v>78</v>
      </c>
      <c r="S6019">
        <v>78</v>
      </c>
      <c r="T6019">
        <v>79</v>
      </c>
      <c r="U6019">
        <v>80</v>
      </c>
      <c r="V6019">
        <v>80</v>
      </c>
      <c r="W6019">
        <v>81</v>
      </c>
      <c r="X6019">
        <v>82</v>
      </c>
      <c r="Y6019">
        <v>82</v>
      </c>
      <c r="Z6019">
        <v>83</v>
      </c>
      <c r="AA6019">
        <v>84</v>
      </c>
      <c r="AB6019">
        <v>84</v>
      </c>
      <c r="AC6019">
        <v>85</v>
      </c>
      <c r="AD6019">
        <v>86</v>
      </c>
      <c r="AE6019">
        <v>86</v>
      </c>
      <c r="AF6019">
        <v>87</v>
      </c>
      <c r="AG6019">
        <v>87</v>
      </c>
      <c r="AH6019">
        <v>88</v>
      </c>
      <c r="AI6019">
        <v>89</v>
      </c>
      <c r="AJ6019">
        <v>89</v>
      </c>
      <c r="AK6019">
        <v>90</v>
      </c>
      <c r="AL6019">
        <v>90</v>
      </c>
      <c r="AM6019">
        <v>91</v>
      </c>
      <c r="AN6019">
        <v>91</v>
      </c>
      <c r="AO6019">
        <v>92</v>
      </c>
      <c r="AP6019">
        <v>92</v>
      </c>
      <c r="AQ6019">
        <v>93</v>
      </c>
    </row>
    <row r="6020" spans="1:43">
      <c r="A6020" t="s">
        <v>3780</v>
      </c>
      <c r="B6020" t="s">
        <v>3781</v>
      </c>
      <c r="C6020" t="s">
        <v>3752</v>
      </c>
      <c r="D6020" t="s">
        <v>3753</v>
      </c>
      <c r="E6020" t="s">
        <v>3660</v>
      </c>
      <c r="F6020" t="s">
        <v>3661</v>
      </c>
      <c r="G6020" t="s">
        <v>80</v>
      </c>
      <c r="H6020" t="s">
        <v>81</v>
      </c>
      <c r="I6020" s="2">
        <v>0</v>
      </c>
      <c r="J6020" s="2">
        <v>1</v>
      </c>
      <c r="K6020" s="2">
        <v>0</v>
      </c>
      <c r="L6020" t="s">
        <v>82</v>
      </c>
      <c r="M6020" t="s">
        <v>89</v>
      </c>
      <c r="N6020" t="s">
        <v>90</v>
      </c>
      <c r="O6020" t="s">
        <v>85</v>
      </c>
      <c r="P6020" t="s">
        <v>86</v>
      </c>
      <c r="Q6020">
        <v>77</v>
      </c>
      <c r="R6020">
        <v>79</v>
      </c>
      <c r="S6020">
        <v>82</v>
      </c>
      <c r="T6020">
        <v>84</v>
      </c>
      <c r="U6020">
        <v>86</v>
      </c>
      <c r="V6020">
        <v>88</v>
      </c>
      <c r="W6020">
        <v>90</v>
      </c>
      <c r="X6020">
        <v>92</v>
      </c>
      <c r="Y6020">
        <v>93</v>
      </c>
      <c r="Z6020">
        <v>95</v>
      </c>
      <c r="AA6020">
        <v>97</v>
      </c>
      <c r="AB6020">
        <v>99</v>
      </c>
      <c r="AC6020">
        <v>101</v>
      </c>
      <c r="AD6020">
        <v>102</v>
      </c>
      <c r="AE6020">
        <v>103</v>
      </c>
      <c r="AF6020">
        <v>104</v>
      </c>
      <c r="AG6020">
        <v>104</v>
      </c>
      <c r="AH6020">
        <v>105</v>
      </c>
      <c r="AI6020">
        <v>105</v>
      </c>
      <c r="AJ6020">
        <v>105</v>
      </c>
      <c r="AK6020">
        <v>105</v>
      </c>
      <c r="AL6020">
        <v>106</v>
      </c>
      <c r="AM6020">
        <v>106</v>
      </c>
      <c r="AN6020">
        <v>106</v>
      </c>
      <c r="AO6020">
        <v>107</v>
      </c>
      <c r="AP6020">
        <v>107</v>
      </c>
      <c r="AQ6020">
        <v>107</v>
      </c>
    </row>
    <row r="6021" spans="1:43">
      <c r="A6021" t="s">
        <v>3780</v>
      </c>
      <c r="B6021" t="s">
        <v>3781</v>
      </c>
      <c r="C6021" t="s">
        <v>3752</v>
      </c>
      <c r="D6021" t="s">
        <v>3753</v>
      </c>
      <c r="E6021" t="s">
        <v>3660</v>
      </c>
      <c r="F6021" t="s">
        <v>3661</v>
      </c>
      <c r="G6021" t="s">
        <v>80</v>
      </c>
      <c r="H6021" t="s">
        <v>81</v>
      </c>
      <c r="I6021" s="2">
        <v>0</v>
      </c>
      <c r="J6021" s="2">
        <v>1</v>
      </c>
      <c r="K6021" s="2">
        <v>0</v>
      </c>
      <c r="L6021" t="s">
        <v>82</v>
      </c>
      <c r="M6021" t="s">
        <v>83</v>
      </c>
      <c r="N6021" t="s">
        <v>91</v>
      </c>
      <c r="O6021" t="s">
        <v>85</v>
      </c>
      <c r="P6021" t="s">
        <v>86</v>
      </c>
      <c r="Q6021">
        <v>77</v>
      </c>
      <c r="R6021">
        <v>78</v>
      </c>
      <c r="S6021">
        <v>80</v>
      </c>
      <c r="T6021">
        <v>81</v>
      </c>
      <c r="U6021">
        <v>82</v>
      </c>
      <c r="V6021">
        <v>84</v>
      </c>
      <c r="W6021">
        <v>85</v>
      </c>
      <c r="X6021">
        <v>87</v>
      </c>
      <c r="Y6021">
        <v>88</v>
      </c>
      <c r="Z6021">
        <v>90</v>
      </c>
      <c r="AA6021">
        <v>91</v>
      </c>
      <c r="AB6021">
        <v>92</v>
      </c>
      <c r="AC6021">
        <v>94</v>
      </c>
      <c r="AD6021">
        <v>95</v>
      </c>
      <c r="AE6021">
        <v>96</v>
      </c>
      <c r="AF6021">
        <v>98</v>
      </c>
      <c r="AG6021">
        <v>99</v>
      </c>
      <c r="AH6021">
        <v>100</v>
      </c>
      <c r="AI6021">
        <v>102</v>
      </c>
      <c r="AJ6021">
        <v>103</v>
      </c>
      <c r="AK6021">
        <v>104</v>
      </c>
      <c r="AL6021">
        <v>105</v>
      </c>
      <c r="AM6021">
        <v>105</v>
      </c>
      <c r="AN6021">
        <v>105</v>
      </c>
      <c r="AO6021">
        <v>106</v>
      </c>
      <c r="AP6021">
        <v>106</v>
      </c>
      <c r="AQ6021">
        <v>106</v>
      </c>
    </row>
    <row r="6022" spans="1:43">
      <c r="A6022" t="s">
        <v>3782</v>
      </c>
      <c r="B6022" t="s">
        <v>3783</v>
      </c>
      <c r="C6022" t="s">
        <v>3784</v>
      </c>
      <c r="D6022" t="s">
        <v>3785</v>
      </c>
      <c r="E6022" t="s">
        <v>3660</v>
      </c>
      <c r="F6022" t="s">
        <v>3661</v>
      </c>
      <c r="G6022" t="s">
        <v>80</v>
      </c>
      <c r="H6022" t="s">
        <v>81</v>
      </c>
      <c r="I6022" s="2">
        <v>0</v>
      </c>
      <c r="J6022" s="2">
        <v>1</v>
      </c>
      <c r="K6022" s="2">
        <v>0</v>
      </c>
      <c r="L6022" t="s">
        <v>82</v>
      </c>
      <c r="M6022" t="s">
        <v>83</v>
      </c>
      <c r="N6022" t="s">
        <v>84</v>
      </c>
      <c r="O6022" t="s">
        <v>85</v>
      </c>
      <c r="P6022" t="s">
        <v>86</v>
      </c>
      <c r="Q6022">
        <v>61</v>
      </c>
      <c r="R6022">
        <v>63</v>
      </c>
      <c r="S6022">
        <v>64</v>
      </c>
      <c r="T6022">
        <v>65</v>
      </c>
      <c r="U6022">
        <v>66</v>
      </c>
      <c r="V6022">
        <v>67</v>
      </c>
      <c r="W6022">
        <v>68</v>
      </c>
      <c r="X6022">
        <v>70</v>
      </c>
      <c r="Y6022">
        <v>71</v>
      </c>
      <c r="Z6022">
        <v>72</v>
      </c>
      <c r="AA6022">
        <v>73</v>
      </c>
      <c r="AB6022">
        <v>74</v>
      </c>
      <c r="AC6022">
        <v>75</v>
      </c>
      <c r="AD6022">
        <v>76</v>
      </c>
      <c r="AE6022">
        <v>77</v>
      </c>
      <c r="AF6022">
        <v>78</v>
      </c>
      <c r="AG6022">
        <v>79</v>
      </c>
      <c r="AH6022">
        <v>80</v>
      </c>
      <c r="AI6022">
        <v>82</v>
      </c>
      <c r="AJ6022">
        <v>83</v>
      </c>
      <c r="AK6022">
        <v>84</v>
      </c>
      <c r="AL6022">
        <v>84</v>
      </c>
      <c r="AM6022">
        <v>84</v>
      </c>
      <c r="AN6022">
        <v>85</v>
      </c>
      <c r="AO6022">
        <v>85</v>
      </c>
      <c r="AP6022">
        <v>85</v>
      </c>
      <c r="AQ6022">
        <v>85</v>
      </c>
    </row>
    <row r="6023" spans="1:43">
      <c r="A6023" t="s">
        <v>3782</v>
      </c>
      <c r="B6023" t="s">
        <v>3783</v>
      </c>
      <c r="C6023" t="s">
        <v>3784</v>
      </c>
      <c r="D6023" t="s">
        <v>3785</v>
      </c>
      <c r="E6023" t="s">
        <v>3660</v>
      </c>
      <c r="F6023" t="s">
        <v>3661</v>
      </c>
      <c r="G6023" t="s">
        <v>80</v>
      </c>
      <c r="H6023" t="s">
        <v>81</v>
      </c>
      <c r="I6023" s="2">
        <v>0</v>
      </c>
      <c r="J6023" s="2">
        <v>1</v>
      </c>
      <c r="K6023" s="2">
        <v>0</v>
      </c>
      <c r="L6023" t="s">
        <v>82</v>
      </c>
      <c r="M6023" t="s">
        <v>87</v>
      </c>
      <c r="N6023" t="s">
        <v>88</v>
      </c>
      <c r="O6023" t="s">
        <v>85</v>
      </c>
      <c r="P6023" t="s">
        <v>86</v>
      </c>
      <c r="Q6023">
        <v>61</v>
      </c>
      <c r="R6023">
        <v>61</v>
      </c>
      <c r="S6023">
        <v>62</v>
      </c>
      <c r="T6023">
        <v>63</v>
      </c>
      <c r="U6023">
        <v>63</v>
      </c>
      <c r="V6023">
        <v>64</v>
      </c>
      <c r="W6023">
        <v>64</v>
      </c>
      <c r="X6023">
        <v>65</v>
      </c>
      <c r="Y6023">
        <v>65</v>
      </c>
      <c r="Z6023">
        <v>66</v>
      </c>
      <c r="AA6023">
        <v>66</v>
      </c>
      <c r="AB6023">
        <v>67</v>
      </c>
      <c r="AC6023">
        <v>67</v>
      </c>
      <c r="AD6023">
        <v>68</v>
      </c>
      <c r="AE6023">
        <v>68</v>
      </c>
      <c r="AF6023">
        <v>69</v>
      </c>
      <c r="AG6023">
        <v>69</v>
      </c>
      <c r="AH6023">
        <v>70</v>
      </c>
      <c r="AI6023">
        <v>70</v>
      </c>
      <c r="AJ6023">
        <v>71</v>
      </c>
      <c r="AK6023">
        <v>71</v>
      </c>
      <c r="AL6023">
        <v>72</v>
      </c>
      <c r="AM6023">
        <v>72</v>
      </c>
      <c r="AN6023">
        <v>73</v>
      </c>
      <c r="AO6023">
        <v>73</v>
      </c>
      <c r="AP6023">
        <v>73</v>
      </c>
      <c r="AQ6023">
        <v>74</v>
      </c>
    </row>
    <row r="6024" spans="1:43">
      <c r="A6024" t="s">
        <v>3782</v>
      </c>
      <c r="B6024" t="s">
        <v>3783</v>
      </c>
      <c r="C6024" t="s">
        <v>3784</v>
      </c>
      <c r="D6024" t="s">
        <v>3785</v>
      </c>
      <c r="E6024" t="s">
        <v>3660</v>
      </c>
      <c r="F6024" t="s">
        <v>3661</v>
      </c>
      <c r="G6024" t="s">
        <v>80</v>
      </c>
      <c r="H6024" t="s">
        <v>81</v>
      </c>
      <c r="I6024" s="2">
        <v>0</v>
      </c>
      <c r="J6024" s="2">
        <v>1</v>
      </c>
      <c r="K6024" s="2">
        <v>0</v>
      </c>
      <c r="L6024" t="s">
        <v>82</v>
      </c>
      <c r="M6024" t="s">
        <v>89</v>
      </c>
      <c r="N6024" t="s">
        <v>90</v>
      </c>
      <c r="O6024" t="s">
        <v>85</v>
      </c>
      <c r="P6024" t="s">
        <v>86</v>
      </c>
      <c r="Q6024">
        <v>61</v>
      </c>
      <c r="R6024">
        <v>63</v>
      </c>
      <c r="S6024">
        <v>64</v>
      </c>
      <c r="T6024">
        <v>66</v>
      </c>
      <c r="U6024">
        <v>68</v>
      </c>
      <c r="V6024">
        <v>69</v>
      </c>
      <c r="W6024">
        <v>71</v>
      </c>
      <c r="X6024">
        <v>72</v>
      </c>
      <c r="Y6024">
        <v>74</v>
      </c>
      <c r="Z6024">
        <v>75</v>
      </c>
      <c r="AA6024">
        <v>77</v>
      </c>
      <c r="AB6024">
        <v>78</v>
      </c>
      <c r="AC6024">
        <v>80</v>
      </c>
      <c r="AD6024">
        <v>81</v>
      </c>
      <c r="AE6024">
        <v>82</v>
      </c>
      <c r="AF6024">
        <v>82</v>
      </c>
      <c r="AG6024">
        <v>83</v>
      </c>
      <c r="AH6024">
        <v>83</v>
      </c>
      <c r="AI6024">
        <v>83</v>
      </c>
      <c r="AJ6024">
        <v>83</v>
      </c>
      <c r="AK6024">
        <v>84</v>
      </c>
      <c r="AL6024">
        <v>84</v>
      </c>
      <c r="AM6024">
        <v>84</v>
      </c>
      <c r="AN6024">
        <v>84</v>
      </c>
      <c r="AO6024">
        <v>84</v>
      </c>
      <c r="AP6024">
        <v>85</v>
      </c>
      <c r="AQ6024">
        <v>85</v>
      </c>
    </row>
    <row r="6025" spans="1:43">
      <c r="A6025" t="s">
        <v>3782</v>
      </c>
      <c r="B6025" t="s">
        <v>3783</v>
      </c>
      <c r="C6025" t="s">
        <v>3784</v>
      </c>
      <c r="D6025" t="s">
        <v>3785</v>
      </c>
      <c r="E6025" t="s">
        <v>3660</v>
      </c>
      <c r="F6025" t="s">
        <v>3661</v>
      </c>
      <c r="G6025" t="s">
        <v>80</v>
      </c>
      <c r="H6025" t="s">
        <v>81</v>
      </c>
      <c r="I6025" s="2">
        <v>0</v>
      </c>
      <c r="J6025" s="2">
        <v>1</v>
      </c>
      <c r="K6025" s="2">
        <v>0</v>
      </c>
      <c r="L6025" t="s">
        <v>82</v>
      </c>
      <c r="M6025" t="s">
        <v>83</v>
      </c>
      <c r="N6025" t="s">
        <v>91</v>
      </c>
      <c r="O6025" t="s">
        <v>85</v>
      </c>
      <c r="P6025" t="s">
        <v>86</v>
      </c>
      <c r="Q6025">
        <v>61</v>
      </c>
      <c r="R6025">
        <v>63</v>
      </c>
      <c r="S6025">
        <v>64</v>
      </c>
      <c r="T6025">
        <v>65</v>
      </c>
      <c r="U6025">
        <v>66</v>
      </c>
      <c r="V6025">
        <v>67</v>
      </c>
      <c r="W6025">
        <v>68</v>
      </c>
      <c r="X6025">
        <v>70</v>
      </c>
      <c r="Y6025">
        <v>71</v>
      </c>
      <c r="Z6025">
        <v>72</v>
      </c>
      <c r="AA6025">
        <v>73</v>
      </c>
      <c r="AB6025">
        <v>74</v>
      </c>
      <c r="AC6025">
        <v>75</v>
      </c>
      <c r="AD6025">
        <v>76</v>
      </c>
      <c r="AE6025">
        <v>77</v>
      </c>
      <c r="AF6025">
        <v>78</v>
      </c>
      <c r="AG6025">
        <v>79</v>
      </c>
      <c r="AH6025">
        <v>80</v>
      </c>
      <c r="AI6025">
        <v>82</v>
      </c>
      <c r="AJ6025">
        <v>83</v>
      </c>
      <c r="AK6025">
        <v>84</v>
      </c>
      <c r="AL6025">
        <v>84</v>
      </c>
      <c r="AM6025">
        <v>84</v>
      </c>
      <c r="AN6025">
        <v>85</v>
      </c>
      <c r="AO6025">
        <v>85</v>
      </c>
      <c r="AP6025">
        <v>85</v>
      </c>
      <c r="AQ6025">
        <v>85</v>
      </c>
    </row>
    <row r="6026" spans="1:43">
      <c r="A6026" t="s">
        <v>3786</v>
      </c>
      <c r="B6026" t="s">
        <v>3787</v>
      </c>
      <c r="C6026" t="s">
        <v>3784</v>
      </c>
      <c r="D6026" t="s">
        <v>3785</v>
      </c>
      <c r="E6026" t="s">
        <v>3660</v>
      </c>
      <c r="F6026" t="s">
        <v>3661</v>
      </c>
      <c r="G6026" t="s">
        <v>80</v>
      </c>
      <c r="H6026" t="s">
        <v>81</v>
      </c>
      <c r="I6026" s="2">
        <v>0</v>
      </c>
      <c r="J6026" s="2">
        <v>1</v>
      </c>
      <c r="K6026" s="2">
        <v>0</v>
      </c>
      <c r="L6026" t="s">
        <v>82</v>
      </c>
      <c r="M6026" t="s">
        <v>83</v>
      </c>
      <c r="N6026" t="s">
        <v>84</v>
      </c>
      <c r="O6026" t="s">
        <v>85</v>
      </c>
      <c r="P6026" t="s">
        <v>86</v>
      </c>
      <c r="Q6026">
        <v>55</v>
      </c>
      <c r="R6026">
        <v>56</v>
      </c>
      <c r="S6026">
        <v>57</v>
      </c>
      <c r="T6026">
        <v>58</v>
      </c>
      <c r="U6026">
        <v>59</v>
      </c>
      <c r="V6026">
        <v>60</v>
      </c>
      <c r="W6026">
        <v>61</v>
      </c>
      <c r="X6026">
        <v>62</v>
      </c>
      <c r="Y6026">
        <v>64</v>
      </c>
      <c r="Z6026">
        <v>65</v>
      </c>
      <c r="AA6026">
        <v>66</v>
      </c>
      <c r="AB6026">
        <v>67</v>
      </c>
      <c r="AC6026">
        <v>68</v>
      </c>
      <c r="AD6026">
        <v>69</v>
      </c>
      <c r="AE6026">
        <v>70</v>
      </c>
      <c r="AF6026">
        <v>70</v>
      </c>
      <c r="AG6026">
        <v>71</v>
      </c>
      <c r="AH6026">
        <v>72</v>
      </c>
      <c r="AI6026">
        <v>73</v>
      </c>
      <c r="AJ6026">
        <v>74</v>
      </c>
      <c r="AK6026">
        <v>75</v>
      </c>
      <c r="AL6026">
        <v>76</v>
      </c>
      <c r="AM6026">
        <v>76</v>
      </c>
      <c r="AN6026">
        <v>76</v>
      </c>
      <c r="AO6026">
        <v>76</v>
      </c>
      <c r="AP6026">
        <v>76</v>
      </c>
      <c r="AQ6026">
        <v>77</v>
      </c>
    </row>
    <row r="6027" spans="1:43">
      <c r="A6027" t="s">
        <v>3786</v>
      </c>
      <c r="B6027" t="s">
        <v>3787</v>
      </c>
      <c r="C6027" t="s">
        <v>3784</v>
      </c>
      <c r="D6027" t="s">
        <v>3785</v>
      </c>
      <c r="E6027" t="s">
        <v>3660</v>
      </c>
      <c r="F6027" t="s">
        <v>3661</v>
      </c>
      <c r="G6027" t="s">
        <v>80</v>
      </c>
      <c r="H6027" t="s">
        <v>81</v>
      </c>
      <c r="I6027" s="2">
        <v>0</v>
      </c>
      <c r="J6027" s="2">
        <v>1</v>
      </c>
      <c r="K6027" s="2">
        <v>0</v>
      </c>
      <c r="L6027" t="s">
        <v>82</v>
      </c>
      <c r="M6027" t="s">
        <v>87</v>
      </c>
      <c r="N6027" t="s">
        <v>88</v>
      </c>
      <c r="O6027" t="s">
        <v>85</v>
      </c>
      <c r="P6027" t="s">
        <v>86</v>
      </c>
      <c r="Q6027">
        <v>55</v>
      </c>
      <c r="R6027">
        <v>55</v>
      </c>
      <c r="S6027">
        <v>56</v>
      </c>
      <c r="T6027">
        <v>56</v>
      </c>
      <c r="U6027">
        <v>57</v>
      </c>
      <c r="V6027">
        <v>57</v>
      </c>
      <c r="W6027">
        <v>58</v>
      </c>
      <c r="X6027">
        <v>58</v>
      </c>
      <c r="Y6027">
        <v>59</v>
      </c>
      <c r="Z6027">
        <v>59</v>
      </c>
      <c r="AA6027">
        <v>60</v>
      </c>
      <c r="AB6027">
        <v>60</v>
      </c>
      <c r="AC6027">
        <v>61</v>
      </c>
      <c r="AD6027">
        <v>61</v>
      </c>
      <c r="AE6027">
        <v>62</v>
      </c>
      <c r="AF6027">
        <v>62</v>
      </c>
      <c r="AG6027">
        <v>62</v>
      </c>
      <c r="AH6027">
        <v>63</v>
      </c>
      <c r="AI6027">
        <v>63</v>
      </c>
      <c r="AJ6027">
        <v>64</v>
      </c>
      <c r="AK6027">
        <v>64</v>
      </c>
      <c r="AL6027">
        <v>65</v>
      </c>
      <c r="AM6027">
        <v>65</v>
      </c>
      <c r="AN6027">
        <v>65</v>
      </c>
      <c r="AO6027">
        <v>66</v>
      </c>
      <c r="AP6027">
        <v>66</v>
      </c>
      <c r="AQ6027">
        <v>67</v>
      </c>
    </row>
    <row r="6028" spans="1:43">
      <c r="A6028" t="s">
        <v>3786</v>
      </c>
      <c r="B6028" t="s">
        <v>3787</v>
      </c>
      <c r="C6028" t="s">
        <v>3784</v>
      </c>
      <c r="D6028" t="s">
        <v>3785</v>
      </c>
      <c r="E6028" t="s">
        <v>3660</v>
      </c>
      <c r="F6028" t="s">
        <v>3661</v>
      </c>
      <c r="G6028" t="s">
        <v>80</v>
      </c>
      <c r="H6028" t="s">
        <v>81</v>
      </c>
      <c r="I6028" s="2">
        <v>0</v>
      </c>
      <c r="J6028" s="2">
        <v>1</v>
      </c>
      <c r="K6028" s="2">
        <v>0</v>
      </c>
      <c r="L6028" t="s">
        <v>82</v>
      </c>
      <c r="M6028" t="s">
        <v>89</v>
      </c>
      <c r="N6028" t="s">
        <v>90</v>
      </c>
      <c r="O6028" t="s">
        <v>85</v>
      </c>
      <c r="P6028" t="s">
        <v>86</v>
      </c>
      <c r="Q6028">
        <v>55</v>
      </c>
      <c r="R6028">
        <v>56</v>
      </c>
      <c r="S6028">
        <v>58</v>
      </c>
      <c r="T6028">
        <v>59</v>
      </c>
      <c r="U6028">
        <v>61</v>
      </c>
      <c r="V6028">
        <v>62</v>
      </c>
      <c r="W6028">
        <v>64</v>
      </c>
      <c r="X6028">
        <v>65</v>
      </c>
      <c r="Y6028">
        <v>66</v>
      </c>
      <c r="Z6028">
        <v>68</v>
      </c>
      <c r="AA6028">
        <v>69</v>
      </c>
      <c r="AB6028">
        <v>70</v>
      </c>
      <c r="AC6028">
        <v>71</v>
      </c>
      <c r="AD6028">
        <v>73</v>
      </c>
      <c r="AE6028">
        <v>74</v>
      </c>
      <c r="AF6028">
        <v>74</v>
      </c>
      <c r="AG6028">
        <v>74</v>
      </c>
      <c r="AH6028">
        <v>74</v>
      </c>
      <c r="AI6028">
        <v>75</v>
      </c>
      <c r="AJ6028">
        <v>75</v>
      </c>
      <c r="AK6028">
        <v>75</v>
      </c>
      <c r="AL6028">
        <v>75</v>
      </c>
      <c r="AM6028">
        <v>75</v>
      </c>
      <c r="AN6028">
        <v>76</v>
      </c>
      <c r="AO6028">
        <v>76</v>
      </c>
      <c r="AP6028">
        <v>76</v>
      </c>
      <c r="AQ6028">
        <v>76</v>
      </c>
    </row>
    <row r="6029" spans="1:43">
      <c r="A6029" t="s">
        <v>3786</v>
      </c>
      <c r="B6029" t="s">
        <v>3787</v>
      </c>
      <c r="C6029" t="s">
        <v>3784</v>
      </c>
      <c r="D6029" t="s">
        <v>3785</v>
      </c>
      <c r="E6029" t="s">
        <v>3660</v>
      </c>
      <c r="F6029" t="s">
        <v>3661</v>
      </c>
      <c r="G6029" t="s">
        <v>80</v>
      </c>
      <c r="H6029" t="s">
        <v>81</v>
      </c>
      <c r="I6029" s="2">
        <v>0</v>
      </c>
      <c r="J6029" s="2">
        <v>1</v>
      </c>
      <c r="K6029" s="2">
        <v>0</v>
      </c>
      <c r="L6029" t="s">
        <v>82</v>
      </c>
      <c r="M6029" t="s">
        <v>83</v>
      </c>
      <c r="N6029" t="s">
        <v>91</v>
      </c>
      <c r="O6029" t="s">
        <v>85</v>
      </c>
      <c r="P6029" t="s">
        <v>86</v>
      </c>
      <c r="Q6029">
        <v>55</v>
      </c>
      <c r="R6029">
        <v>56</v>
      </c>
      <c r="S6029">
        <v>57</v>
      </c>
      <c r="T6029">
        <v>58</v>
      </c>
      <c r="U6029">
        <v>59</v>
      </c>
      <c r="V6029">
        <v>60</v>
      </c>
      <c r="W6029">
        <v>61</v>
      </c>
      <c r="X6029">
        <v>62</v>
      </c>
      <c r="Y6029">
        <v>64</v>
      </c>
      <c r="Z6029">
        <v>65</v>
      </c>
      <c r="AA6029">
        <v>66</v>
      </c>
      <c r="AB6029">
        <v>67</v>
      </c>
      <c r="AC6029">
        <v>68</v>
      </c>
      <c r="AD6029">
        <v>69</v>
      </c>
      <c r="AE6029">
        <v>70</v>
      </c>
      <c r="AF6029">
        <v>70</v>
      </c>
      <c r="AG6029">
        <v>71</v>
      </c>
      <c r="AH6029">
        <v>72</v>
      </c>
      <c r="AI6029">
        <v>73</v>
      </c>
      <c r="AJ6029">
        <v>74</v>
      </c>
      <c r="AK6029">
        <v>75</v>
      </c>
      <c r="AL6029">
        <v>76</v>
      </c>
      <c r="AM6029">
        <v>76</v>
      </c>
      <c r="AN6029">
        <v>76</v>
      </c>
      <c r="AO6029">
        <v>76</v>
      </c>
      <c r="AP6029">
        <v>76</v>
      </c>
      <c r="AQ6029">
        <v>77</v>
      </c>
    </row>
    <row r="6030" spans="1:43">
      <c r="A6030" t="s">
        <v>3788</v>
      </c>
      <c r="B6030" t="s">
        <v>3789</v>
      </c>
      <c r="C6030" t="s">
        <v>3784</v>
      </c>
      <c r="D6030" t="s">
        <v>3785</v>
      </c>
      <c r="E6030" t="s">
        <v>3660</v>
      </c>
      <c r="F6030" t="s">
        <v>3661</v>
      </c>
      <c r="G6030" t="s">
        <v>80</v>
      </c>
      <c r="H6030" t="s">
        <v>81</v>
      </c>
      <c r="I6030" s="2">
        <v>0</v>
      </c>
      <c r="J6030" s="2">
        <v>1</v>
      </c>
      <c r="K6030" s="2">
        <v>0</v>
      </c>
      <c r="L6030" t="s">
        <v>82</v>
      </c>
      <c r="M6030" t="s">
        <v>83</v>
      </c>
      <c r="N6030" t="s">
        <v>84</v>
      </c>
      <c r="O6030" t="s">
        <v>85</v>
      </c>
      <c r="P6030" t="s">
        <v>86</v>
      </c>
      <c r="Q6030">
        <v>53</v>
      </c>
      <c r="R6030">
        <v>54</v>
      </c>
      <c r="S6030">
        <v>55</v>
      </c>
      <c r="T6030">
        <v>56</v>
      </c>
      <c r="U6030">
        <v>57</v>
      </c>
      <c r="V6030">
        <v>58</v>
      </c>
      <c r="W6030">
        <v>59</v>
      </c>
      <c r="X6030">
        <v>60</v>
      </c>
      <c r="Y6030">
        <v>61</v>
      </c>
      <c r="Z6030">
        <v>62</v>
      </c>
      <c r="AA6030">
        <v>63</v>
      </c>
      <c r="AB6030">
        <v>64</v>
      </c>
      <c r="AC6030">
        <v>65</v>
      </c>
      <c r="AD6030">
        <v>66</v>
      </c>
      <c r="AE6030">
        <v>67</v>
      </c>
      <c r="AF6030">
        <v>68</v>
      </c>
      <c r="AG6030">
        <v>68</v>
      </c>
      <c r="AH6030">
        <v>69</v>
      </c>
      <c r="AI6030">
        <v>70</v>
      </c>
      <c r="AJ6030">
        <v>71</v>
      </c>
      <c r="AK6030">
        <v>72</v>
      </c>
      <c r="AL6030">
        <v>73</v>
      </c>
      <c r="AM6030">
        <v>73</v>
      </c>
      <c r="AN6030">
        <v>73</v>
      </c>
      <c r="AO6030">
        <v>73</v>
      </c>
      <c r="AP6030">
        <v>73</v>
      </c>
      <c r="AQ6030">
        <v>73</v>
      </c>
    </row>
    <row r="6031" spans="1:43">
      <c r="A6031" t="s">
        <v>3788</v>
      </c>
      <c r="B6031" t="s">
        <v>3789</v>
      </c>
      <c r="C6031" t="s">
        <v>3784</v>
      </c>
      <c r="D6031" t="s">
        <v>3785</v>
      </c>
      <c r="E6031" t="s">
        <v>3660</v>
      </c>
      <c r="F6031" t="s">
        <v>3661</v>
      </c>
      <c r="G6031" t="s">
        <v>80</v>
      </c>
      <c r="H6031" t="s">
        <v>81</v>
      </c>
      <c r="I6031" s="2">
        <v>0</v>
      </c>
      <c r="J6031" s="2">
        <v>1</v>
      </c>
      <c r="K6031" s="2">
        <v>0</v>
      </c>
      <c r="L6031" t="s">
        <v>82</v>
      </c>
      <c r="M6031" t="s">
        <v>87</v>
      </c>
      <c r="N6031" t="s">
        <v>88</v>
      </c>
      <c r="O6031" t="s">
        <v>85</v>
      </c>
      <c r="P6031" t="s">
        <v>86</v>
      </c>
      <c r="Q6031">
        <v>53</v>
      </c>
      <c r="R6031">
        <v>54</v>
      </c>
      <c r="S6031">
        <v>54</v>
      </c>
      <c r="T6031">
        <v>55</v>
      </c>
      <c r="U6031">
        <v>55</v>
      </c>
      <c r="V6031">
        <v>56</v>
      </c>
      <c r="W6031">
        <v>56</v>
      </c>
      <c r="X6031">
        <v>57</v>
      </c>
      <c r="Y6031">
        <v>57</v>
      </c>
      <c r="Z6031">
        <v>58</v>
      </c>
      <c r="AA6031">
        <v>58</v>
      </c>
      <c r="AB6031">
        <v>59</v>
      </c>
      <c r="AC6031">
        <v>59</v>
      </c>
      <c r="AD6031">
        <v>60</v>
      </c>
      <c r="AE6031">
        <v>60</v>
      </c>
      <c r="AF6031">
        <v>60</v>
      </c>
      <c r="AG6031">
        <v>61</v>
      </c>
      <c r="AH6031">
        <v>61</v>
      </c>
      <c r="AI6031">
        <v>62</v>
      </c>
      <c r="AJ6031">
        <v>62</v>
      </c>
      <c r="AK6031">
        <v>63</v>
      </c>
      <c r="AL6031">
        <v>63</v>
      </c>
      <c r="AM6031">
        <v>63</v>
      </c>
      <c r="AN6031">
        <v>64</v>
      </c>
      <c r="AO6031">
        <v>64</v>
      </c>
      <c r="AP6031">
        <v>65</v>
      </c>
      <c r="AQ6031">
        <v>65</v>
      </c>
    </row>
    <row r="6032" spans="1:43">
      <c r="A6032" t="s">
        <v>3788</v>
      </c>
      <c r="B6032" t="s">
        <v>3789</v>
      </c>
      <c r="C6032" t="s">
        <v>3784</v>
      </c>
      <c r="D6032" t="s">
        <v>3785</v>
      </c>
      <c r="E6032" t="s">
        <v>3660</v>
      </c>
      <c r="F6032" t="s">
        <v>3661</v>
      </c>
      <c r="G6032" t="s">
        <v>80</v>
      </c>
      <c r="H6032" t="s">
        <v>81</v>
      </c>
      <c r="I6032" s="2">
        <v>0</v>
      </c>
      <c r="J6032" s="2">
        <v>1</v>
      </c>
      <c r="K6032" s="2">
        <v>0</v>
      </c>
      <c r="L6032" t="s">
        <v>82</v>
      </c>
      <c r="M6032" t="s">
        <v>89</v>
      </c>
      <c r="N6032" t="s">
        <v>90</v>
      </c>
      <c r="O6032" t="s">
        <v>85</v>
      </c>
      <c r="P6032" t="s">
        <v>86</v>
      </c>
      <c r="Q6032">
        <v>53</v>
      </c>
      <c r="R6032">
        <v>55</v>
      </c>
      <c r="S6032">
        <v>56</v>
      </c>
      <c r="T6032">
        <v>58</v>
      </c>
      <c r="U6032">
        <v>59</v>
      </c>
      <c r="V6032">
        <v>61</v>
      </c>
      <c r="W6032">
        <v>62</v>
      </c>
      <c r="X6032">
        <v>63</v>
      </c>
      <c r="Y6032">
        <v>65</v>
      </c>
      <c r="Z6032">
        <v>66</v>
      </c>
      <c r="AA6032">
        <v>67</v>
      </c>
      <c r="AB6032">
        <v>68</v>
      </c>
      <c r="AC6032">
        <v>69</v>
      </c>
      <c r="AD6032">
        <v>71</v>
      </c>
      <c r="AE6032">
        <v>71</v>
      </c>
      <c r="AF6032">
        <v>72</v>
      </c>
      <c r="AG6032">
        <v>72</v>
      </c>
      <c r="AH6032">
        <v>72</v>
      </c>
      <c r="AI6032">
        <v>72</v>
      </c>
      <c r="AJ6032">
        <v>73</v>
      </c>
      <c r="AK6032">
        <v>73</v>
      </c>
      <c r="AL6032">
        <v>73</v>
      </c>
      <c r="AM6032">
        <v>73</v>
      </c>
      <c r="AN6032">
        <v>73</v>
      </c>
      <c r="AO6032">
        <v>74</v>
      </c>
      <c r="AP6032">
        <v>74</v>
      </c>
      <c r="AQ6032">
        <v>74</v>
      </c>
    </row>
    <row r="6033" spans="1:43">
      <c r="A6033" t="s">
        <v>3788</v>
      </c>
      <c r="B6033" t="s">
        <v>3789</v>
      </c>
      <c r="C6033" t="s">
        <v>3784</v>
      </c>
      <c r="D6033" t="s">
        <v>3785</v>
      </c>
      <c r="E6033" t="s">
        <v>3660</v>
      </c>
      <c r="F6033" t="s">
        <v>3661</v>
      </c>
      <c r="G6033" t="s">
        <v>80</v>
      </c>
      <c r="H6033" t="s">
        <v>81</v>
      </c>
      <c r="I6033" s="2">
        <v>0</v>
      </c>
      <c r="J6033" s="2">
        <v>1</v>
      </c>
      <c r="K6033" s="2">
        <v>0</v>
      </c>
      <c r="L6033" t="s">
        <v>82</v>
      </c>
      <c r="M6033" t="s">
        <v>83</v>
      </c>
      <c r="N6033" t="s">
        <v>91</v>
      </c>
      <c r="O6033" t="s">
        <v>85</v>
      </c>
      <c r="P6033" t="s">
        <v>86</v>
      </c>
      <c r="Q6033">
        <v>53</v>
      </c>
      <c r="R6033">
        <v>54</v>
      </c>
      <c r="S6033">
        <v>55</v>
      </c>
      <c r="T6033">
        <v>56</v>
      </c>
      <c r="U6033">
        <v>57</v>
      </c>
      <c r="V6033">
        <v>58</v>
      </c>
      <c r="W6033">
        <v>59</v>
      </c>
      <c r="X6033">
        <v>60</v>
      </c>
      <c r="Y6033">
        <v>61</v>
      </c>
      <c r="Z6033">
        <v>62</v>
      </c>
      <c r="AA6033">
        <v>63</v>
      </c>
      <c r="AB6033">
        <v>64</v>
      </c>
      <c r="AC6033">
        <v>65</v>
      </c>
      <c r="AD6033">
        <v>66</v>
      </c>
      <c r="AE6033">
        <v>67</v>
      </c>
      <c r="AF6033">
        <v>68</v>
      </c>
      <c r="AG6033">
        <v>68</v>
      </c>
      <c r="AH6033">
        <v>69</v>
      </c>
      <c r="AI6033">
        <v>70</v>
      </c>
      <c r="AJ6033">
        <v>71</v>
      </c>
      <c r="AK6033">
        <v>72</v>
      </c>
      <c r="AL6033">
        <v>73</v>
      </c>
      <c r="AM6033">
        <v>73</v>
      </c>
      <c r="AN6033">
        <v>73</v>
      </c>
      <c r="AO6033">
        <v>73</v>
      </c>
      <c r="AP6033">
        <v>73</v>
      </c>
      <c r="AQ6033">
        <v>73</v>
      </c>
    </row>
    <row r="6034" spans="1:43">
      <c r="A6034" t="s">
        <v>3790</v>
      </c>
      <c r="B6034" t="s">
        <v>3791</v>
      </c>
      <c r="C6034" t="s">
        <v>3682</v>
      </c>
      <c r="D6034" t="s">
        <v>3683</v>
      </c>
      <c r="E6034" t="s">
        <v>3660</v>
      </c>
      <c r="F6034" t="s">
        <v>3661</v>
      </c>
      <c r="G6034" t="s">
        <v>80</v>
      </c>
      <c r="H6034" t="s">
        <v>81</v>
      </c>
      <c r="I6034" s="2">
        <v>0</v>
      </c>
      <c r="J6034" s="2">
        <v>1</v>
      </c>
      <c r="K6034" s="2">
        <v>0</v>
      </c>
      <c r="L6034" t="s">
        <v>82</v>
      </c>
      <c r="M6034" t="s">
        <v>83</v>
      </c>
      <c r="N6034" t="s">
        <v>84</v>
      </c>
      <c r="O6034" t="s">
        <v>85</v>
      </c>
      <c r="P6034" t="s">
        <v>86</v>
      </c>
      <c r="Q6034">
        <v>19</v>
      </c>
      <c r="R6034">
        <v>19</v>
      </c>
      <c r="S6034">
        <v>20</v>
      </c>
      <c r="T6034">
        <v>20</v>
      </c>
      <c r="U6034">
        <v>20</v>
      </c>
      <c r="V6034">
        <v>21</v>
      </c>
      <c r="W6034">
        <v>21</v>
      </c>
      <c r="X6034">
        <v>21</v>
      </c>
      <c r="Y6034">
        <v>22</v>
      </c>
      <c r="Z6034">
        <v>22</v>
      </c>
      <c r="AA6034">
        <v>22</v>
      </c>
      <c r="AB6034">
        <v>23</v>
      </c>
      <c r="AC6034">
        <v>23</v>
      </c>
      <c r="AD6034">
        <v>23</v>
      </c>
      <c r="AE6034">
        <v>24</v>
      </c>
      <c r="AF6034">
        <v>24</v>
      </c>
      <c r="AG6034">
        <v>24</v>
      </c>
      <c r="AH6034">
        <v>25</v>
      </c>
      <c r="AI6034">
        <v>25</v>
      </c>
      <c r="AJ6034">
        <v>25</v>
      </c>
      <c r="AK6034">
        <v>26</v>
      </c>
      <c r="AL6034">
        <v>26</v>
      </c>
      <c r="AM6034">
        <v>26</v>
      </c>
      <c r="AN6034">
        <v>26</v>
      </c>
      <c r="AO6034">
        <v>26</v>
      </c>
      <c r="AP6034">
        <v>26</v>
      </c>
      <c r="AQ6034">
        <v>26</v>
      </c>
    </row>
    <row r="6035" spans="1:43">
      <c r="A6035" t="s">
        <v>3790</v>
      </c>
      <c r="B6035" t="s">
        <v>3791</v>
      </c>
      <c r="C6035" t="s">
        <v>3682</v>
      </c>
      <c r="D6035" t="s">
        <v>3683</v>
      </c>
      <c r="E6035" t="s">
        <v>3660</v>
      </c>
      <c r="F6035" t="s">
        <v>3661</v>
      </c>
      <c r="G6035" t="s">
        <v>80</v>
      </c>
      <c r="H6035" t="s">
        <v>81</v>
      </c>
      <c r="I6035" s="2">
        <v>0</v>
      </c>
      <c r="J6035" s="2">
        <v>1</v>
      </c>
      <c r="K6035" s="2">
        <v>0</v>
      </c>
      <c r="L6035" t="s">
        <v>82</v>
      </c>
      <c r="M6035" t="s">
        <v>87</v>
      </c>
      <c r="N6035" t="s">
        <v>88</v>
      </c>
      <c r="O6035" t="s">
        <v>85</v>
      </c>
      <c r="P6035" t="s">
        <v>86</v>
      </c>
      <c r="Q6035">
        <v>19</v>
      </c>
      <c r="R6035">
        <v>19</v>
      </c>
      <c r="S6035">
        <v>19</v>
      </c>
      <c r="T6035">
        <v>19</v>
      </c>
      <c r="U6035">
        <v>19</v>
      </c>
      <c r="V6035">
        <v>20</v>
      </c>
      <c r="W6035">
        <v>20</v>
      </c>
      <c r="X6035">
        <v>20</v>
      </c>
      <c r="Y6035">
        <v>20</v>
      </c>
      <c r="Z6035">
        <v>20</v>
      </c>
      <c r="AA6035">
        <v>20</v>
      </c>
      <c r="AB6035">
        <v>21</v>
      </c>
      <c r="AC6035">
        <v>21</v>
      </c>
      <c r="AD6035">
        <v>21</v>
      </c>
      <c r="AE6035">
        <v>21</v>
      </c>
      <c r="AF6035">
        <v>21</v>
      </c>
      <c r="AG6035">
        <v>21</v>
      </c>
      <c r="AH6035">
        <v>22</v>
      </c>
      <c r="AI6035">
        <v>22</v>
      </c>
      <c r="AJ6035">
        <v>22</v>
      </c>
      <c r="AK6035">
        <v>22</v>
      </c>
      <c r="AL6035">
        <v>22</v>
      </c>
      <c r="AM6035">
        <v>22</v>
      </c>
      <c r="AN6035">
        <v>22</v>
      </c>
      <c r="AO6035">
        <v>23</v>
      </c>
      <c r="AP6035">
        <v>23</v>
      </c>
      <c r="AQ6035">
        <v>23</v>
      </c>
    </row>
    <row r="6036" spans="1:43">
      <c r="A6036" t="s">
        <v>3790</v>
      </c>
      <c r="B6036" t="s">
        <v>3791</v>
      </c>
      <c r="C6036" t="s">
        <v>3682</v>
      </c>
      <c r="D6036" t="s">
        <v>3683</v>
      </c>
      <c r="E6036" t="s">
        <v>3660</v>
      </c>
      <c r="F6036" t="s">
        <v>3661</v>
      </c>
      <c r="G6036" t="s">
        <v>80</v>
      </c>
      <c r="H6036" t="s">
        <v>81</v>
      </c>
      <c r="I6036" s="2">
        <v>0</v>
      </c>
      <c r="J6036" s="2">
        <v>1</v>
      </c>
      <c r="K6036" s="2">
        <v>0</v>
      </c>
      <c r="L6036" t="s">
        <v>82</v>
      </c>
      <c r="M6036" t="s">
        <v>89</v>
      </c>
      <c r="N6036" t="s">
        <v>90</v>
      </c>
      <c r="O6036" t="s">
        <v>85</v>
      </c>
      <c r="P6036" t="s">
        <v>86</v>
      </c>
      <c r="Q6036">
        <v>19</v>
      </c>
      <c r="R6036">
        <v>20</v>
      </c>
      <c r="S6036">
        <v>20</v>
      </c>
      <c r="T6036">
        <v>21</v>
      </c>
      <c r="U6036">
        <v>21</v>
      </c>
      <c r="V6036">
        <v>22</v>
      </c>
      <c r="W6036">
        <v>22</v>
      </c>
      <c r="X6036">
        <v>23</v>
      </c>
      <c r="Y6036">
        <v>23</v>
      </c>
      <c r="Z6036">
        <v>23</v>
      </c>
      <c r="AA6036">
        <v>24</v>
      </c>
      <c r="AB6036">
        <v>24</v>
      </c>
      <c r="AC6036">
        <v>25</v>
      </c>
      <c r="AD6036">
        <v>25</v>
      </c>
      <c r="AE6036">
        <v>26</v>
      </c>
      <c r="AF6036">
        <v>26</v>
      </c>
      <c r="AG6036">
        <v>26</v>
      </c>
      <c r="AH6036">
        <v>26</v>
      </c>
      <c r="AI6036">
        <v>26</v>
      </c>
      <c r="AJ6036">
        <v>26</v>
      </c>
      <c r="AK6036">
        <v>26</v>
      </c>
      <c r="AL6036">
        <v>26</v>
      </c>
      <c r="AM6036">
        <v>26</v>
      </c>
      <c r="AN6036">
        <v>26</v>
      </c>
      <c r="AO6036">
        <v>26</v>
      </c>
      <c r="AP6036">
        <v>26</v>
      </c>
      <c r="AQ6036">
        <v>26</v>
      </c>
    </row>
    <row r="6037" spans="1:43">
      <c r="A6037" t="s">
        <v>3790</v>
      </c>
      <c r="B6037" t="s">
        <v>3791</v>
      </c>
      <c r="C6037" t="s">
        <v>3682</v>
      </c>
      <c r="D6037" t="s">
        <v>3683</v>
      </c>
      <c r="E6037" t="s">
        <v>3660</v>
      </c>
      <c r="F6037" t="s">
        <v>3661</v>
      </c>
      <c r="G6037" t="s">
        <v>80</v>
      </c>
      <c r="H6037" t="s">
        <v>81</v>
      </c>
      <c r="I6037" s="2">
        <v>0</v>
      </c>
      <c r="J6037" s="2">
        <v>1</v>
      </c>
      <c r="K6037" s="2">
        <v>0</v>
      </c>
      <c r="L6037" t="s">
        <v>82</v>
      </c>
      <c r="M6037" t="s">
        <v>83</v>
      </c>
      <c r="N6037" t="s">
        <v>91</v>
      </c>
      <c r="O6037" t="s">
        <v>85</v>
      </c>
      <c r="P6037" t="s">
        <v>86</v>
      </c>
      <c r="Q6037">
        <v>19</v>
      </c>
      <c r="R6037">
        <v>19</v>
      </c>
      <c r="S6037">
        <v>20</v>
      </c>
      <c r="T6037">
        <v>20</v>
      </c>
      <c r="U6037">
        <v>20</v>
      </c>
      <c r="V6037">
        <v>21</v>
      </c>
      <c r="W6037">
        <v>21</v>
      </c>
      <c r="X6037">
        <v>21</v>
      </c>
      <c r="Y6037">
        <v>22</v>
      </c>
      <c r="Z6037">
        <v>22</v>
      </c>
      <c r="AA6037">
        <v>22</v>
      </c>
      <c r="AB6037">
        <v>23</v>
      </c>
      <c r="AC6037">
        <v>23</v>
      </c>
      <c r="AD6037">
        <v>23</v>
      </c>
      <c r="AE6037">
        <v>24</v>
      </c>
      <c r="AF6037">
        <v>24</v>
      </c>
      <c r="AG6037">
        <v>24</v>
      </c>
      <c r="AH6037">
        <v>25</v>
      </c>
      <c r="AI6037">
        <v>25</v>
      </c>
      <c r="AJ6037">
        <v>25</v>
      </c>
      <c r="AK6037">
        <v>26</v>
      </c>
      <c r="AL6037">
        <v>26</v>
      </c>
      <c r="AM6037">
        <v>26</v>
      </c>
      <c r="AN6037">
        <v>26</v>
      </c>
      <c r="AO6037">
        <v>26</v>
      </c>
      <c r="AP6037">
        <v>26</v>
      </c>
      <c r="AQ6037">
        <v>26</v>
      </c>
    </row>
    <row r="6038" spans="1:43">
      <c r="A6038" t="s">
        <v>3792</v>
      </c>
      <c r="B6038" t="s">
        <v>3793</v>
      </c>
      <c r="C6038" t="s">
        <v>3682</v>
      </c>
      <c r="D6038" t="s">
        <v>3683</v>
      </c>
      <c r="E6038" t="s">
        <v>3660</v>
      </c>
      <c r="F6038" t="s">
        <v>3661</v>
      </c>
      <c r="G6038" t="s">
        <v>80</v>
      </c>
      <c r="H6038" t="s">
        <v>81</v>
      </c>
      <c r="I6038" s="2">
        <v>0</v>
      </c>
      <c r="J6038" s="2">
        <v>1</v>
      </c>
      <c r="K6038" s="2">
        <v>0</v>
      </c>
      <c r="L6038" t="s">
        <v>82</v>
      </c>
      <c r="M6038" t="s">
        <v>83</v>
      </c>
      <c r="N6038" t="s">
        <v>84</v>
      </c>
      <c r="O6038" t="s">
        <v>85</v>
      </c>
      <c r="P6038" t="s">
        <v>86</v>
      </c>
      <c r="Q6038">
        <v>40</v>
      </c>
      <c r="R6038">
        <v>41</v>
      </c>
      <c r="S6038">
        <v>41</v>
      </c>
      <c r="T6038">
        <v>42</v>
      </c>
      <c r="U6038">
        <v>43</v>
      </c>
      <c r="V6038">
        <v>44</v>
      </c>
      <c r="W6038">
        <v>44</v>
      </c>
      <c r="X6038">
        <v>45</v>
      </c>
      <c r="Y6038">
        <v>46</v>
      </c>
      <c r="Z6038">
        <v>47</v>
      </c>
      <c r="AA6038">
        <v>47</v>
      </c>
      <c r="AB6038">
        <v>48</v>
      </c>
      <c r="AC6038">
        <v>49</v>
      </c>
      <c r="AD6038">
        <v>49</v>
      </c>
      <c r="AE6038">
        <v>50</v>
      </c>
      <c r="AF6038">
        <v>51</v>
      </c>
      <c r="AG6038">
        <v>51</v>
      </c>
      <c r="AH6038">
        <v>52</v>
      </c>
      <c r="AI6038">
        <v>53</v>
      </c>
      <c r="AJ6038">
        <v>53</v>
      </c>
      <c r="AK6038">
        <v>54</v>
      </c>
      <c r="AL6038">
        <v>54</v>
      </c>
      <c r="AM6038">
        <v>55</v>
      </c>
      <c r="AN6038">
        <v>55</v>
      </c>
      <c r="AO6038">
        <v>55</v>
      </c>
      <c r="AP6038">
        <v>55</v>
      </c>
      <c r="AQ6038">
        <v>55</v>
      </c>
    </row>
    <row r="6039" spans="1:43">
      <c r="A6039" t="s">
        <v>3792</v>
      </c>
      <c r="B6039" t="s">
        <v>3793</v>
      </c>
      <c r="C6039" t="s">
        <v>3682</v>
      </c>
      <c r="D6039" t="s">
        <v>3683</v>
      </c>
      <c r="E6039" t="s">
        <v>3660</v>
      </c>
      <c r="F6039" t="s">
        <v>3661</v>
      </c>
      <c r="G6039" t="s">
        <v>80</v>
      </c>
      <c r="H6039" t="s">
        <v>81</v>
      </c>
      <c r="I6039" s="2">
        <v>0</v>
      </c>
      <c r="J6039" s="2">
        <v>1</v>
      </c>
      <c r="K6039" s="2">
        <v>0</v>
      </c>
      <c r="L6039" t="s">
        <v>82</v>
      </c>
      <c r="M6039" t="s">
        <v>87</v>
      </c>
      <c r="N6039" t="s">
        <v>88</v>
      </c>
      <c r="O6039" t="s">
        <v>85</v>
      </c>
      <c r="P6039" t="s">
        <v>86</v>
      </c>
      <c r="Q6039">
        <v>40</v>
      </c>
      <c r="R6039">
        <v>41</v>
      </c>
      <c r="S6039">
        <v>41</v>
      </c>
      <c r="T6039">
        <v>42</v>
      </c>
      <c r="U6039">
        <v>42</v>
      </c>
      <c r="V6039">
        <v>42</v>
      </c>
      <c r="W6039">
        <v>43</v>
      </c>
      <c r="X6039">
        <v>43</v>
      </c>
      <c r="Y6039">
        <v>43</v>
      </c>
      <c r="Z6039">
        <v>44</v>
      </c>
      <c r="AA6039">
        <v>44</v>
      </c>
      <c r="AB6039">
        <v>44</v>
      </c>
      <c r="AC6039">
        <v>45</v>
      </c>
      <c r="AD6039">
        <v>45</v>
      </c>
      <c r="AE6039">
        <v>45</v>
      </c>
      <c r="AF6039">
        <v>46</v>
      </c>
      <c r="AG6039">
        <v>46</v>
      </c>
      <c r="AH6039">
        <v>46</v>
      </c>
      <c r="AI6039">
        <v>47</v>
      </c>
      <c r="AJ6039">
        <v>47</v>
      </c>
      <c r="AK6039">
        <v>47</v>
      </c>
      <c r="AL6039">
        <v>47</v>
      </c>
      <c r="AM6039">
        <v>48</v>
      </c>
      <c r="AN6039">
        <v>48</v>
      </c>
      <c r="AO6039">
        <v>48</v>
      </c>
      <c r="AP6039">
        <v>49</v>
      </c>
      <c r="AQ6039">
        <v>49</v>
      </c>
    </row>
    <row r="6040" spans="1:43">
      <c r="A6040" t="s">
        <v>3792</v>
      </c>
      <c r="B6040" t="s">
        <v>3793</v>
      </c>
      <c r="C6040" t="s">
        <v>3682</v>
      </c>
      <c r="D6040" t="s">
        <v>3683</v>
      </c>
      <c r="E6040" t="s">
        <v>3660</v>
      </c>
      <c r="F6040" t="s">
        <v>3661</v>
      </c>
      <c r="G6040" t="s">
        <v>80</v>
      </c>
      <c r="H6040" t="s">
        <v>81</v>
      </c>
      <c r="I6040" s="2">
        <v>0</v>
      </c>
      <c r="J6040" s="2">
        <v>1</v>
      </c>
      <c r="K6040" s="2">
        <v>0</v>
      </c>
      <c r="L6040" t="s">
        <v>82</v>
      </c>
      <c r="M6040" t="s">
        <v>89</v>
      </c>
      <c r="N6040" t="s">
        <v>90</v>
      </c>
      <c r="O6040" t="s">
        <v>85</v>
      </c>
      <c r="P6040" t="s">
        <v>86</v>
      </c>
      <c r="Q6040">
        <v>40</v>
      </c>
      <c r="R6040">
        <v>41</v>
      </c>
      <c r="S6040">
        <v>42</v>
      </c>
      <c r="T6040">
        <v>43</v>
      </c>
      <c r="U6040">
        <v>45</v>
      </c>
      <c r="V6040">
        <v>46</v>
      </c>
      <c r="W6040">
        <v>47</v>
      </c>
      <c r="X6040">
        <v>48</v>
      </c>
      <c r="Y6040">
        <v>49</v>
      </c>
      <c r="Z6040">
        <v>49</v>
      </c>
      <c r="AA6040">
        <v>50</v>
      </c>
      <c r="AB6040">
        <v>51</v>
      </c>
      <c r="AC6040">
        <v>52</v>
      </c>
      <c r="AD6040">
        <v>53</v>
      </c>
      <c r="AE6040">
        <v>54</v>
      </c>
      <c r="AF6040">
        <v>54</v>
      </c>
      <c r="AG6040">
        <v>54</v>
      </c>
      <c r="AH6040">
        <v>54</v>
      </c>
      <c r="AI6040">
        <v>54</v>
      </c>
      <c r="AJ6040">
        <v>55</v>
      </c>
      <c r="AK6040">
        <v>55</v>
      </c>
      <c r="AL6040">
        <v>55</v>
      </c>
      <c r="AM6040">
        <v>55</v>
      </c>
      <c r="AN6040">
        <v>55</v>
      </c>
      <c r="AO6040">
        <v>55</v>
      </c>
      <c r="AP6040">
        <v>55</v>
      </c>
      <c r="AQ6040">
        <v>56</v>
      </c>
    </row>
    <row r="6041" spans="1:43">
      <c r="A6041" t="s">
        <v>3792</v>
      </c>
      <c r="B6041" t="s">
        <v>3793</v>
      </c>
      <c r="C6041" t="s">
        <v>3682</v>
      </c>
      <c r="D6041" t="s">
        <v>3683</v>
      </c>
      <c r="E6041" t="s">
        <v>3660</v>
      </c>
      <c r="F6041" t="s">
        <v>3661</v>
      </c>
      <c r="G6041" t="s">
        <v>80</v>
      </c>
      <c r="H6041" t="s">
        <v>81</v>
      </c>
      <c r="I6041" s="2">
        <v>0</v>
      </c>
      <c r="J6041" s="2">
        <v>1</v>
      </c>
      <c r="K6041" s="2">
        <v>0</v>
      </c>
      <c r="L6041" t="s">
        <v>82</v>
      </c>
      <c r="M6041" t="s">
        <v>83</v>
      </c>
      <c r="N6041" t="s">
        <v>91</v>
      </c>
      <c r="O6041" t="s">
        <v>85</v>
      </c>
      <c r="P6041" t="s">
        <v>86</v>
      </c>
      <c r="Q6041">
        <v>40</v>
      </c>
      <c r="R6041">
        <v>41</v>
      </c>
      <c r="S6041">
        <v>41</v>
      </c>
      <c r="T6041">
        <v>42</v>
      </c>
      <c r="U6041">
        <v>43</v>
      </c>
      <c r="V6041">
        <v>44</v>
      </c>
      <c r="W6041">
        <v>44</v>
      </c>
      <c r="X6041">
        <v>45</v>
      </c>
      <c r="Y6041">
        <v>46</v>
      </c>
      <c r="Z6041">
        <v>47</v>
      </c>
      <c r="AA6041">
        <v>47</v>
      </c>
      <c r="AB6041">
        <v>48</v>
      </c>
      <c r="AC6041">
        <v>49</v>
      </c>
      <c r="AD6041">
        <v>49</v>
      </c>
      <c r="AE6041">
        <v>50</v>
      </c>
      <c r="AF6041">
        <v>51</v>
      </c>
      <c r="AG6041">
        <v>51</v>
      </c>
      <c r="AH6041">
        <v>52</v>
      </c>
      <c r="AI6041">
        <v>53</v>
      </c>
      <c r="AJ6041">
        <v>53</v>
      </c>
      <c r="AK6041">
        <v>54</v>
      </c>
      <c r="AL6041">
        <v>54</v>
      </c>
      <c r="AM6041">
        <v>55</v>
      </c>
      <c r="AN6041">
        <v>55</v>
      </c>
      <c r="AO6041">
        <v>55</v>
      </c>
      <c r="AP6041">
        <v>55</v>
      </c>
      <c r="AQ6041">
        <v>55</v>
      </c>
    </row>
    <row r="6042" spans="1:43">
      <c r="A6042" t="s">
        <v>3794</v>
      </c>
      <c r="B6042" t="s">
        <v>3795</v>
      </c>
      <c r="C6042" t="s">
        <v>3784</v>
      </c>
      <c r="D6042" t="s">
        <v>3785</v>
      </c>
      <c r="E6042" t="s">
        <v>3660</v>
      </c>
      <c r="F6042" t="s">
        <v>3661</v>
      </c>
      <c r="G6042" t="s">
        <v>80</v>
      </c>
      <c r="H6042" t="s">
        <v>81</v>
      </c>
      <c r="I6042" s="2">
        <v>0</v>
      </c>
      <c r="J6042" s="2">
        <v>1</v>
      </c>
      <c r="K6042" s="2">
        <v>0</v>
      </c>
      <c r="L6042" t="s">
        <v>82</v>
      </c>
      <c r="M6042" t="s">
        <v>83</v>
      </c>
      <c r="N6042" t="s">
        <v>84</v>
      </c>
      <c r="O6042" t="s">
        <v>85</v>
      </c>
      <c r="P6042" t="s">
        <v>86</v>
      </c>
      <c r="Q6042">
        <v>55</v>
      </c>
      <c r="R6042">
        <v>56</v>
      </c>
      <c r="S6042">
        <v>57</v>
      </c>
      <c r="T6042">
        <v>58</v>
      </c>
      <c r="U6042">
        <v>59</v>
      </c>
      <c r="V6042">
        <v>60</v>
      </c>
      <c r="W6042">
        <v>61</v>
      </c>
      <c r="X6042">
        <v>62</v>
      </c>
      <c r="Y6042">
        <v>63</v>
      </c>
      <c r="Z6042">
        <v>64</v>
      </c>
      <c r="AA6042">
        <v>65</v>
      </c>
      <c r="AB6042">
        <v>66</v>
      </c>
      <c r="AC6042">
        <v>67</v>
      </c>
      <c r="AD6042">
        <v>68</v>
      </c>
      <c r="AE6042">
        <v>69</v>
      </c>
      <c r="AF6042">
        <v>70</v>
      </c>
      <c r="AG6042">
        <v>71</v>
      </c>
      <c r="AH6042">
        <v>72</v>
      </c>
      <c r="AI6042">
        <v>73</v>
      </c>
      <c r="AJ6042">
        <v>74</v>
      </c>
      <c r="AK6042">
        <v>75</v>
      </c>
      <c r="AL6042">
        <v>75</v>
      </c>
      <c r="AM6042">
        <v>75</v>
      </c>
      <c r="AN6042">
        <v>76</v>
      </c>
      <c r="AO6042">
        <v>76</v>
      </c>
      <c r="AP6042">
        <v>76</v>
      </c>
      <c r="AQ6042">
        <v>76</v>
      </c>
    </row>
    <row r="6043" spans="1:43">
      <c r="A6043" t="s">
        <v>3794</v>
      </c>
      <c r="B6043" t="s">
        <v>3795</v>
      </c>
      <c r="C6043" t="s">
        <v>3784</v>
      </c>
      <c r="D6043" t="s">
        <v>3785</v>
      </c>
      <c r="E6043" t="s">
        <v>3660</v>
      </c>
      <c r="F6043" t="s">
        <v>3661</v>
      </c>
      <c r="G6043" t="s">
        <v>80</v>
      </c>
      <c r="H6043" t="s">
        <v>81</v>
      </c>
      <c r="I6043" s="2">
        <v>0</v>
      </c>
      <c r="J6043" s="2">
        <v>1</v>
      </c>
      <c r="K6043" s="2">
        <v>0</v>
      </c>
      <c r="L6043" t="s">
        <v>82</v>
      </c>
      <c r="M6043" t="s">
        <v>87</v>
      </c>
      <c r="N6043" t="s">
        <v>88</v>
      </c>
      <c r="O6043" t="s">
        <v>85</v>
      </c>
      <c r="P6043" t="s">
        <v>86</v>
      </c>
      <c r="Q6043">
        <v>55</v>
      </c>
      <c r="R6043">
        <v>56</v>
      </c>
      <c r="S6043">
        <v>56</v>
      </c>
      <c r="T6043">
        <v>57</v>
      </c>
      <c r="U6043">
        <v>57</v>
      </c>
      <c r="V6043">
        <v>58</v>
      </c>
      <c r="W6043">
        <v>58</v>
      </c>
      <c r="X6043">
        <v>59</v>
      </c>
      <c r="Y6043">
        <v>59</v>
      </c>
      <c r="Z6043">
        <v>60</v>
      </c>
      <c r="AA6043">
        <v>60</v>
      </c>
      <c r="AB6043">
        <v>61</v>
      </c>
      <c r="AC6043">
        <v>61</v>
      </c>
      <c r="AD6043">
        <v>62</v>
      </c>
      <c r="AE6043">
        <v>62</v>
      </c>
      <c r="AF6043">
        <v>63</v>
      </c>
      <c r="AG6043">
        <v>63</v>
      </c>
      <c r="AH6043">
        <v>63</v>
      </c>
      <c r="AI6043">
        <v>64</v>
      </c>
      <c r="AJ6043">
        <v>64</v>
      </c>
      <c r="AK6043">
        <v>65</v>
      </c>
      <c r="AL6043">
        <v>65</v>
      </c>
      <c r="AM6043">
        <v>66</v>
      </c>
      <c r="AN6043">
        <v>66</v>
      </c>
      <c r="AO6043">
        <v>66</v>
      </c>
      <c r="AP6043">
        <v>67</v>
      </c>
      <c r="AQ6043">
        <v>67</v>
      </c>
    </row>
    <row r="6044" spans="1:43">
      <c r="A6044" t="s">
        <v>3794</v>
      </c>
      <c r="B6044" t="s">
        <v>3795</v>
      </c>
      <c r="C6044" t="s">
        <v>3784</v>
      </c>
      <c r="D6044" t="s">
        <v>3785</v>
      </c>
      <c r="E6044" t="s">
        <v>3660</v>
      </c>
      <c r="F6044" t="s">
        <v>3661</v>
      </c>
      <c r="G6044" t="s">
        <v>80</v>
      </c>
      <c r="H6044" t="s">
        <v>81</v>
      </c>
      <c r="I6044" s="2">
        <v>0</v>
      </c>
      <c r="J6044" s="2">
        <v>1</v>
      </c>
      <c r="K6044" s="2">
        <v>0</v>
      </c>
      <c r="L6044" t="s">
        <v>82</v>
      </c>
      <c r="M6044" t="s">
        <v>89</v>
      </c>
      <c r="N6044" t="s">
        <v>90</v>
      </c>
      <c r="O6044" t="s">
        <v>85</v>
      </c>
      <c r="P6044" t="s">
        <v>86</v>
      </c>
      <c r="Q6044">
        <v>55</v>
      </c>
      <c r="R6044">
        <v>57</v>
      </c>
      <c r="S6044">
        <v>58</v>
      </c>
      <c r="T6044">
        <v>60</v>
      </c>
      <c r="U6044">
        <v>61</v>
      </c>
      <c r="V6044">
        <v>63</v>
      </c>
      <c r="W6044">
        <v>64</v>
      </c>
      <c r="X6044">
        <v>65</v>
      </c>
      <c r="Y6044">
        <v>67</v>
      </c>
      <c r="Z6044">
        <v>68</v>
      </c>
      <c r="AA6044">
        <v>69</v>
      </c>
      <c r="AB6044">
        <v>71</v>
      </c>
      <c r="AC6044">
        <v>72</v>
      </c>
      <c r="AD6044">
        <v>73</v>
      </c>
      <c r="AE6044">
        <v>74</v>
      </c>
      <c r="AF6044">
        <v>74</v>
      </c>
      <c r="AG6044">
        <v>74</v>
      </c>
      <c r="AH6044">
        <v>75</v>
      </c>
      <c r="AI6044">
        <v>75</v>
      </c>
      <c r="AJ6044">
        <v>75</v>
      </c>
      <c r="AK6044">
        <v>75</v>
      </c>
      <c r="AL6044">
        <v>76</v>
      </c>
      <c r="AM6044">
        <v>76</v>
      </c>
      <c r="AN6044">
        <v>76</v>
      </c>
      <c r="AO6044">
        <v>76</v>
      </c>
      <c r="AP6044">
        <v>76</v>
      </c>
      <c r="AQ6044">
        <v>76</v>
      </c>
    </row>
    <row r="6045" spans="1:43">
      <c r="A6045" t="s">
        <v>3794</v>
      </c>
      <c r="B6045" t="s">
        <v>3795</v>
      </c>
      <c r="C6045" t="s">
        <v>3784</v>
      </c>
      <c r="D6045" t="s">
        <v>3785</v>
      </c>
      <c r="E6045" t="s">
        <v>3660</v>
      </c>
      <c r="F6045" t="s">
        <v>3661</v>
      </c>
      <c r="G6045" t="s">
        <v>80</v>
      </c>
      <c r="H6045" t="s">
        <v>81</v>
      </c>
      <c r="I6045" s="2">
        <v>0</v>
      </c>
      <c r="J6045" s="2">
        <v>1</v>
      </c>
      <c r="K6045" s="2">
        <v>0</v>
      </c>
      <c r="L6045" t="s">
        <v>82</v>
      </c>
      <c r="M6045" t="s">
        <v>83</v>
      </c>
      <c r="N6045" t="s">
        <v>91</v>
      </c>
      <c r="O6045" t="s">
        <v>85</v>
      </c>
      <c r="P6045" t="s">
        <v>86</v>
      </c>
      <c r="Q6045">
        <v>55</v>
      </c>
      <c r="R6045">
        <v>56</v>
      </c>
      <c r="S6045">
        <v>57</v>
      </c>
      <c r="T6045">
        <v>58</v>
      </c>
      <c r="U6045">
        <v>59</v>
      </c>
      <c r="V6045">
        <v>60</v>
      </c>
      <c r="W6045">
        <v>61</v>
      </c>
      <c r="X6045">
        <v>62</v>
      </c>
      <c r="Y6045">
        <v>63</v>
      </c>
      <c r="Z6045">
        <v>64</v>
      </c>
      <c r="AA6045">
        <v>65</v>
      </c>
      <c r="AB6045">
        <v>66</v>
      </c>
      <c r="AC6045">
        <v>67</v>
      </c>
      <c r="AD6045">
        <v>68</v>
      </c>
      <c r="AE6045">
        <v>69</v>
      </c>
      <c r="AF6045">
        <v>70</v>
      </c>
      <c r="AG6045">
        <v>71</v>
      </c>
      <c r="AH6045">
        <v>72</v>
      </c>
      <c r="AI6045">
        <v>73</v>
      </c>
      <c r="AJ6045">
        <v>74</v>
      </c>
      <c r="AK6045">
        <v>75</v>
      </c>
      <c r="AL6045">
        <v>75</v>
      </c>
      <c r="AM6045">
        <v>75</v>
      </c>
      <c r="AN6045">
        <v>76</v>
      </c>
      <c r="AO6045">
        <v>76</v>
      </c>
      <c r="AP6045">
        <v>76</v>
      </c>
      <c r="AQ6045">
        <v>76</v>
      </c>
    </row>
    <row r="6046" spans="1:43">
      <c r="A6046" t="s">
        <v>3796</v>
      </c>
      <c r="B6046" t="s">
        <v>3797</v>
      </c>
      <c r="C6046" t="s">
        <v>3798</v>
      </c>
      <c r="D6046" t="s">
        <v>3799</v>
      </c>
      <c r="E6046" t="s">
        <v>3660</v>
      </c>
      <c r="F6046" t="s">
        <v>3661</v>
      </c>
      <c r="G6046" t="s">
        <v>80</v>
      </c>
      <c r="H6046" t="s">
        <v>81</v>
      </c>
      <c r="I6046" s="2">
        <v>0</v>
      </c>
      <c r="J6046" s="2">
        <v>1</v>
      </c>
      <c r="K6046" s="2">
        <v>0</v>
      </c>
      <c r="L6046" t="s">
        <v>82</v>
      </c>
      <c r="M6046" t="s">
        <v>83</v>
      </c>
      <c r="N6046" t="s">
        <v>84</v>
      </c>
      <c r="O6046" t="s">
        <v>85</v>
      </c>
      <c r="P6046" t="s">
        <v>86</v>
      </c>
      <c r="Q6046">
        <v>30</v>
      </c>
      <c r="R6046">
        <v>31</v>
      </c>
      <c r="S6046">
        <v>32</v>
      </c>
      <c r="T6046">
        <v>32</v>
      </c>
      <c r="U6046">
        <v>33</v>
      </c>
      <c r="V6046">
        <v>33</v>
      </c>
      <c r="W6046">
        <v>34</v>
      </c>
      <c r="X6046">
        <v>34</v>
      </c>
      <c r="Y6046">
        <v>35</v>
      </c>
      <c r="Z6046">
        <v>35</v>
      </c>
      <c r="AA6046">
        <v>36</v>
      </c>
      <c r="AB6046">
        <v>37</v>
      </c>
      <c r="AC6046">
        <v>37</v>
      </c>
      <c r="AD6046">
        <v>38</v>
      </c>
      <c r="AE6046">
        <v>38</v>
      </c>
      <c r="AF6046">
        <v>39</v>
      </c>
      <c r="AG6046">
        <v>39</v>
      </c>
      <c r="AH6046">
        <v>40</v>
      </c>
      <c r="AI6046">
        <v>40</v>
      </c>
      <c r="AJ6046">
        <v>41</v>
      </c>
      <c r="AK6046">
        <v>41</v>
      </c>
      <c r="AL6046">
        <v>42</v>
      </c>
      <c r="AM6046">
        <v>42</v>
      </c>
      <c r="AN6046">
        <v>42</v>
      </c>
      <c r="AO6046">
        <v>42</v>
      </c>
      <c r="AP6046">
        <v>42</v>
      </c>
      <c r="AQ6046">
        <v>42</v>
      </c>
    </row>
    <row r="6047" spans="1:43">
      <c r="A6047" t="s">
        <v>3796</v>
      </c>
      <c r="B6047" t="s">
        <v>3797</v>
      </c>
      <c r="C6047" t="s">
        <v>3798</v>
      </c>
      <c r="D6047" t="s">
        <v>3799</v>
      </c>
      <c r="E6047" t="s">
        <v>3660</v>
      </c>
      <c r="F6047" t="s">
        <v>3661</v>
      </c>
      <c r="G6047" t="s">
        <v>80</v>
      </c>
      <c r="H6047" t="s">
        <v>81</v>
      </c>
      <c r="I6047" s="2">
        <v>0</v>
      </c>
      <c r="J6047" s="2">
        <v>1</v>
      </c>
      <c r="K6047" s="2">
        <v>0</v>
      </c>
      <c r="L6047" t="s">
        <v>82</v>
      </c>
      <c r="M6047" t="s">
        <v>87</v>
      </c>
      <c r="N6047" t="s">
        <v>88</v>
      </c>
      <c r="O6047" t="s">
        <v>85</v>
      </c>
      <c r="P6047" t="s">
        <v>86</v>
      </c>
      <c r="Q6047">
        <v>30</v>
      </c>
      <c r="R6047">
        <v>30</v>
      </c>
      <c r="S6047">
        <v>31</v>
      </c>
      <c r="T6047">
        <v>31</v>
      </c>
      <c r="U6047">
        <v>31</v>
      </c>
      <c r="V6047">
        <v>31</v>
      </c>
      <c r="W6047">
        <v>32</v>
      </c>
      <c r="X6047">
        <v>32</v>
      </c>
      <c r="Y6047">
        <v>32</v>
      </c>
      <c r="Z6047">
        <v>33</v>
      </c>
      <c r="AA6047">
        <v>33</v>
      </c>
      <c r="AB6047">
        <v>33</v>
      </c>
      <c r="AC6047">
        <v>33</v>
      </c>
      <c r="AD6047">
        <v>34</v>
      </c>
      <c r="AE6047">
        <v>34</v>
      </c>
      <c r="AF6047">
        <v>34</v>
      </c>
      <c r="AG6047">
        <v>34</v>
      </c>
      <c r="AH6047">
        <v>34</v>
      </c>
      <c r="AI6047">
        <v>35</v>
      </c>
      <c r="AJ6047">
        <v>35</v>
      </c>
      <c r="AK6047">
        <v>35</v>
      </c>
      <c r="AL6047">
        <v>35</v>
      </c>
      <c r="AM6047">
        <v>36</v>
      </c>
      <c r="AN6047">
        <v>36</v>
      </c>
      <c r="AO6047">
        <v>36</v>
      </c>
      <c r="AP6047">
        <v>36</v>
      </c>
      <c r="AQ6047">
        <v>36</v>
      </c>
    </row>
    <row r="6048" spans="1:43">
      <c r="A6048" t="s">
        <v>3796</v>
      </c>
      <c r="B6048" t="s">
        <v>3797</v>
      </c>
      <c r="C6048" t="s">
        <v>3798</v>
      </c>
      <c r="D6048" t="s">
        <v>3799</v>
      </c>
      <c r="E6048" t="s">
        <v>3660</v>
      </c>
      <c r="F6048" t="s">
        <v>3661</v>
      </c>
      <c r="G6048" t="s">
        <v>80</v>
      </c>
      <c r="H6048" t="s">
        <v>81</v>
      </c>
      <c r="I6048" s="2">
        <v>0</v>
      </c>
      <c r="J6048" s="2">
        <v>1</v>
      </c>
      <c r="K6048" s="2">
        <v>0</v>
      </c>
      <c r="L6048" t="s">
        <v>82</v>
      </c>
      <c r="M6048" t="s">
        <v>89</v>
      </c>
      <c r="N6048" t="s">
        <v>90</v>
      </c>
      <c r="O6048" t="s">
        <v>85</v>
      </c>
      <c r="P6048" t="s">
        <v>86</v>
      </c>
      <c r="Q6048">
        <v>30</v>
      </c>
      <c r="R6048">
        <v>30</v>
      </c>
      <c r="S6048">
        <v>31</v>
      </c>
      <c r="T6048">
        <v>32</v>
      </c>
      <c r="U6048">
        <v>33</v>
      </c>
      <c r="V6048">
        <v>34</v>
      </c>
      <c r="W6048">
        <v>35</v>
      </c>
      <c r="X6048">
        <v>35</v>
      </c>
      <c r="Y6048">
        <v>36</v>
      </c>
      <c r="Z6048">
        <v>37</v>
      </c>
      <c r="AA6048">
        <v>37</v>
      </c>
      <c r="AB6048">
        <v>38</v>
      </c>
      <c r="AC6048">
        <v>39</v>
      </c>
      <c r="AD6048">
        <v>40</v>
      </c>
      <c r="AE6048">
        <v>40</v>
      </c>
      <c r="AF6048">
        <v>40</v>
      </c>
      <c r="AG6048">
        <v>40</v>
      </c>
      <c r="AH6048">
        <v>40</v>
      </c>
      <c r="AI6048">
        <v>41</v>
      </c>
      <c r="AJ6048">
        <v>41</v>
      </c>
      <c r="AK6048">
        <v>41</v>
      </c>
      <c r="AL6048">
        <v>41</v>
      </c>
      <c r="AM6048">
        <v>41</v>
      </c>
      <c r="AN6048">
        <v>41</v>
      </c>
      <c r="AO6048">
        <v>41</v>
      </c>
      <c r="AP6048">
        <v>41</v>
      </c>
      <c r="AQ6048">
        <v>41</v>
      </c>
    </row>
    <row r="6049" spans="1:43">
      <c r="A6049" t="s">
        <v>3796</v>
      </c>
      <c r="B6049" t="s">
        <v>3797</v>
      </c>
      <c r="C6049" t="s">
        <v>3798</v>
      </c>
      <c r="D6049" t="s">
        <v>3799</v>
      </c>
      <c r="E6049" t="s">
        <v>3660</v>
      </c>
      <c r="F6049" t="s">
        <v>3661</v>
      </c>
      <c r="G6049" t="s">
        <v>80</v>
      </c>
      <c r="H6049" t="s">
        <v>81</v>
      </c>
      <c r="I6049" s="2">
        <v>0</v>
      </c>
      <c r="J6049" s="2">
        <v>1</v>
      </c>
      <c r="K6049" s="2">
        <v>0</v>
      </c>
      <c r="L6049" t="s">
        <v>82</v>
      </c>
      <c r="M6049" t="s">
        <v>83</v>
      </c>
      <c r="N6049" t="s">
        <v>91</v>
      </c>
      <c r="O6049" t="s">
        <v>85</v>
      </c>
      <c r="P6049" t="s">
        <v>86</v>
      </c>
      <c r="Q6049">
        <v>30</v>
      </c>
      <c r="R6049">
        <v>31</v>
      </c>
      <c r="S6049">
        <v>32</v>
      </c>
      <c r="T6049">
        <v>32</v>
      </c>
      <c r="U6049">
        <v>33</v>
      </c>
      <c r="V6049">
        <v>33</v>
      </c>
      <c r="W6049">
        <v>34</v>
      </c>
      <c r="X6049">
        <v>34</v>
      </c>
      <c r="Y6049">
        <v>35</v>
      </c>
      <c r="Z6049">
        <v>35</v>
      </c>
      <c r="AA6049">
        <v>36</v>
      </c>
      <c r="AB6049">
        <v>37</v>
      </c>
      <c r="AC6049">
        <v>37</v>
      </c>
      <c r="AD6049">
        <v>38</v>
      </c>
      <c r="AE6049">
        <v>38</v>
      </c>
      <c r="AF6049">
        <v>39</v>
      </c>
      <c r="AG6049">
        <v>39</v>
      </c>
      <c r="AH6049">
        <v>40</v>
      </c>
      <c r="AI6049">
        <v>40</v>
      </c>
      <c r="AJ6049">
        <v>41</v>
      </c>
      <c r="AK6049">
        <v>41</v>
      </c>
      <c r="AL6049">
        <v>42</v>
      </c>
      <c r="AM6049">
        <v>42</v>
      </c>
      <c r="AN6049">
        <v>42</v>
      </c>
      <c r="AO6049">
        <v>42</v>
      </c>
      <c r="AP6049">
        <v>42</v>
      </c>
      <c r="AQ6049">
        <v>42</v>
      </c>
    </row>
    <row r="6050" spans="1:43">
      <c r="A6050" t="s">
        <v>3800</v>
      </c>
      <c r="B6050" t="s">
        <v>3801</v>
      </c>
      <c r="C6050" t="s">
        <v>3760</v>
      </c>
      <c r="D6050" t="s">
        <v>3761</v>
      </c>
      <c r="E6050" t="s">
        <v>3660</v>
      </c>
      <c r="F6050" t="s">
        <v>3661</v>
      </c>
      <c r="G6050" t="s">
        <v>80</v>
      </c>
      <c r="H6050" t="s">
        <v>81</v>
      </c>
      <c r="I6050" s="2">
        <v>0</v>
      </c>
      <c r="J6050" s="2">
        <v>1</v>
      </c>
      <c r="K6050" s="2">
        <v>0</v>
      </c>
      <c r="L6050" t="s">
        <v>82</v>
      </c>
      <c r="M6050" t="s">
        <v>83</v>
      </c>
      <c r="N6050" t="s">
        <v>84</v>
      </c>
      <c r="O6050" t="s">
        <v>85</v>
      </c>
      <c r="P6050" t="s">
        <v>86</v>
      </c>
      <c r="Q6050">
        <v>104</v>
      </c>
      <c r="R6050">
        <v>106</v>
      </c>
      <c r="S6050">
        <v>108</v>
      </c>
      <c r="T6050">
        <v>110</v>
      </c>
      <c r="U6050">
        <v>112</v>
      </c>
      <c r="V6050">
        <v>114</v>
      </c>
      <c r="W6050">
        <v>116</v>
      </c>
      <c r="X6050">
        <v>118</v>
      </c>
      <c r="Y6050">
        <v>120</v>
      </c>
      <c r="Z6050">
        <v>122</v>
      </c>
      <c r="AA6050">
        <v>124</v>
      </c>
      <c r="AB6050">
        <v>125</v>
      </c>
      <c r="AC6050">
        <v>127</v>
      </c>
      <c r="AD6050">
        <v>129</v>
      </c>
      <c r="AE6050">
        <v>131</v>
      </c>
      <c r="AF6050">
        <v>133</v>
      </c>
      <c r="AG6050">
        <v>135</v>
      </c>
      <c r="AH6050">
        <v>136</v>
      </c>
      <c r="AI6050">
        <v>138</v>
      </c>
      <c r="AJ6050">
        <v>140</v>
      </c>
      <c r="AK6050">
        <v>142</v>
      </c>
      <c r="AL6050">
        <v>143</v>
      </c>
      <c r="AM6050">
        <v>143</v>
      </c>
      <c r="AN6050">
        <v>143</v>
      </c>
      <c r="AO6050">
        <v>144</v>
      </c>
      <c r="AP6050">
        <v>144</v>
      </c>
      <c r="AQ6050">
        <v>144</v>
      </c>
    </row>
    <row r="6051" spans="1:43">
      <c r="A6051" t="s">
        <v>3800</v>
      </c>
      <c r="B6051" t="s">
        <v>3801</v>
      </c>
      <c r="C6051" t="s">
        <v>3760</v>
      </c>
      <c r="D6051" t="s">
        <v>3761</v>
      </c>
      <c r="E6051" t="s">
        <v>3660</v>
      </c>
      <c r="F6051" t="s">
        <v>3661</v>
      </c>
      <c r="G6051" t="s">
        <v>80</v>
      </c>
      <c r="H6051" t="s">
        <v>81</v>
      </c>
      <c r="I6051" s="2">
        <v>0</v>
      </c>
      <c r="J6051" s="2">
        <v>1</v>
      </c>
      <c r="K6051" s="2">
        <v>0</v>
      </c>
      <c r="L6051" t="s">
        <v>82</v>
      </c>
      <c r="M6051" t="s">
        <v>87</v>
      </c>
      <c r="N6051" t="s">
        <v>88</v>
      </c>
      <c r="O6051" t="s">
        <v>85</v>
      </c>
      <c r="P6051" t="s">
        <v>86</v>
      </c>
      <c r="Q6051">
        <v>104</v>
      </c>
      <c r="R6051">
        <v>105</v>
      </c>
      <c r="S6051">
        <v>106</v>
      </c>
      <c r="T6051">
        <v>107</v>
      </c>
      <c r="U6051">
        <v>108</v>
      </c>
      <c r="V6051">
        <v>109</v>
      </c>
      <c r="W6051">
        <v>110</v>
      </c>
      <c r="X6051">
        <v>111</v>
      </c>
      <c r="Y6051">
        <v>112</v>
      </c>
      <c r="Z6051">
        <v>113</v>
      </c>
      <c r="AA6051">
        <v>113</v>
      </c>
      <c r="AB6051">
        <v>114</v>
      </c>
      <c r="AC6051">
        <v>115</v>
      </c>
      <c r="AD6051">
        <v>116</v>
      </c>
      <c r="AE6051">
        <v>117</v>
      </c>
      <c r="AF6051">
        <v>118</v>
      </c>
      <c r="AG6051">
        <v>118</v>
      </c>
      <c r="AH6051">
        <v>119</v>
      </c>
      <c r="AI6051">
        <v>120</v>
      </c>
      <c r="AJ6051">
        <v>121</v>
      </c>
      <c r="AK6051">
        <v>121</v>
      </c>
      <c r="AL6051">
        <v>122</v>
      </c>
      <c r="AM6051">
        <v>123</v>
      </c>
      <c r="AN6051">
        <v>124</v>
      </c>
      <c r="AO6051">
        <v>124</v>
      </c>
      <c r="AP6051">
        <v>125</v>
      </c>
      <c r="AQ6051">
        <v>126</v>
      </c>
    </row>
    <row r="6052" spans="1:43">
      <c r="A6052" t="s">
        <v>3800</v>
      </c>
      <c r="B6052" t="s">
        <v>3801</v>
      </c>
      <c r="C6052" t="s">
        <v>3760</v>
      </c>
      <c r="D6052" t="s">
        <v>3761</v>
      </c>
      <c r="E6052" t="s">
        <v>3660</v>
      </c>
      <c r="F6052" t="s">
        <v>3661</v>
      </c>
      <c r="G6052" t="s">
        <v>80</v>
      </c>
      <c r="H6052" t="s">
        <v>81</v>
      </c>
      <c r="I6052" s="2">
        <v>0</v>
      </c>
      <c r="J6052" s="2">
        <v>1</v>
      </c>
      <c r="K6052" s="2">
        <v>0</v>
      </c>
      <c r="L6052" t="s">
        <v>82</v>
      </c>
      <c r="M6052" t="s">
        <v>89</v>
      </c>
      <c r="N6052" t="s">
        <v>90</v>
      </c>
      <c r="O6052" t="s">
        <v>85</v>
      </c>
      <c r="P6052" t="s">
        <v>86</v>
      </c>
      <c r="Q6052">
        <v>104</v>
      </c>
      <c r="R6052">
        <v>107</v>
      </c>
      <c r="S6052">
        <v>110</v>
      </c>
      <c r="T6052">
        <v>113</v>
      </c>
      <c r="U6052">
        <v>115</v>
      </c>
      <c r="V6052">
        <v>118</v>
      </c>
      <c r="W6052">
        <v>121</v>
      </c>
      <c r="X6052">
        <v>123</v>
      </c>
      <c r="Y6052">
        <v>126</v>
      </c>
      <c r="Z6052">
        <v>128</v>
      </c>
      <c r="AA6052">
        <v>131</v>
      </c>
      <c r="AB6052">
        <v>133</v>
      </c>
      <c r="AC6052">
        <v>136</v>
      </c>
      <c r="AD6052">
        <v>138</v>
      </c>
      <c r="AE6052">
        <v>140</v>
      </c>
      <c r="AF6052">
        <v>140</v>
      </c>
      <c r="AG6052">
        <v>141</v>
      </c>
      <c r="AH6052">
        <v>141</v>
      </c>
      <c r="AI6052">
        <v>141</v>
      </c>
      <c r="AJ6052">
        <v>142</v>
      </c>
      <c r="AK6052">
        <v>142</v>
      </c>
      <c r="AL6052">
        <v>143</v>
      </c>
      <c r="AM6052">
        <v>143</v>
      </c>
      <c r="AN6052">
        <v>143</v>
      </c>
      <c r="AO6052">
        <v>144</v>
      </c>
      <c r="AP6052">
        <v>144</v>
      </c>
      <c r="AQ6052">
        <v>144</v>
      </c>
    </row>
    <row r="6053" spans="1:43">
      <c r="A6053" t="s">
        <v>3800</v>
      </c>
      <c r="B6053" t="s">
        <v>3801</v>
      </c>
      <c r="C6053" t="s">
        <v>3760</v>
      </c>
      <c r="D6053" t="s">
        <v>3761</v>
      </c>
      <c r="E6053" t="s">
        <v>3660</v>
      </c>
      <c r="F6053" t="s">
        <v>3661</v>
      </c>
      <c r="G6053" t="s">
        <v>80</v>
      </c>
      <c r="H6053" t="s">
        <v>81</v>
      </c>
      <c r="I6053" s="2">
        <v>0</v>
      </c>
      <c r="J6053" s="2">
        <v>1</v>
      </c>
      <c r="K6053" s="2">
        <v>0</v>
      </c>
      <c r="L6053" t="s">
        <v>82</v>
      </c>
      <c r="M6053" t="s">
        <v>83</v>
      </c>
      <c r="N6053" t="s">
        <v>91</v>
      </c>
      <c r="O6053" t="s">
        <v>85</v>
      </c>
      <c r="P6053" t="s">
        <v>86</v>
      </c>
      <c r="Q6053">
        <v>104</v>
      </c>
      <c r="R6053">
        <v>106</v>
      </c>
      <c r="S6053">
        <v>108</v>
      </c>
      <c r="T6053">
        <v>110</v>
      </c>
      <c r="U6053">
        <v>112</v>
      </c>
      <c r="V6053">
        <v>114</v>
      </c>
      <c r="W6053">
        <v>116</v>
      </c>
      <c r="X6053">
        <v>118</v>
      </c>
      <c r="Y6053">
        <v>120</v>
      </c>
      <c r="Z6053">
        <v>122</v>
      </c>
      <c r="AA6053">
        <v>124</v>
      </c>
      <c r="AB6053">
        <v>125</v>
      </c>
      <c r="AC6053">
        <v>127</v>
      </c>
      <c r="AD6053">
        <v>129</v>
      </c>
      <c r="AE6053">
        <v>131</v>
      </c>
      <c r="AF6053">
        <v>133</v>
      </c>
      <c r="AG6053">
        <v>135</v>
      </c>
      <c r="AH6053">
        <v>136</v>
      </c>
      <c r="AI6053">
        <v>138</v>
      </c>
      <c r="AJ6053">
        <v>140</v>
      </c>
      <c r="AK6053">
        <v>142</v>
      </c>
      <c r="AL6053">
        <v>143</v>
      </c>
      <c r="AM6053">
        <v>143</v>
      </c>
      <c r="AN6053">
        <v>143</v>
      </c>
      <c r="AO6053">
        <v>144</v>
      </c>
      <c r="AP6053">
        <v>144</v>
      </c>
      <c r="AQ6053">
        <v>144</v>
      </c>
    </row>
    <row r="6054" spans="1:43">
      <c r="A6054" t="s">
        <v>3802</v>
      </c>
      <c r="B6054" t="s">
        <v>3803</v>
      </c>
      <c r="C6054" t="s">
        <v>3798</v>
      </c>
      <c r="D6054" t="s">
        <v>3799</v>
      </c>
      <c r="E6054" t="s">
        <v>3660</v>
      </c>
      <c r="F6054" t="s">
        <v>3661</v>
      </c>
      <c r="G6054" t="s">
        <v>80</v>
      </c>
      <c r="H6054" t="s">
        <v>81</v>
      </c>
      <c r="I6054" s="2">
        <v>0</v>
      </c>
      <c r="J6054" s="2">
        <v>1</v>
      </c>
      <c r="K6054" s="2">
        <v>0</v>
      </c>
      <c r="L6054" t="s">
        <v>82</v>
      </c>
      <c r="M6054" t="s">
        <v>83</v>
      </c>
      <c r="N6054" t="s">
        <v>84</v>
      </c>
      <c r="O6054" t="s">
        <v>85</v>
      </c>
      <c r="P6054" t="s">
        <v>86</v>
      </c>
      <c r="Q6054">
        <v>146</v>
      </c>
      <c r="R6054">
        <v>149</v>
      </c>
      <c r="S6054">
        <v>152</v>
      </c>
      <c r="T6054">
        <v>155</v>
      </c>
      <c r="U6054">
        <v>158</v>
      </c>
      <c r="V6054">
        <v>160</v>
      </c>
      <c r="W6054">
        <v>163</v>
      </c>
      <c r="X6054">
        <v>166</v>
      </c>
      <c r="Y6054">
        <v>169</v>
      </c>
      <c r="Z6054">
        <v>171</v>
      </c>
      <c r="AA6054">
        <v>174</v>
      </c>
      <c r="AB6054">
        <v>177</v>
      </c>
      <c r="AC6054">
        <v>179</v>
      </c>
      <c r="AD6054">
        <v>182</v>
      </c>
      <c r="AE6054">
        <v>184</v>
      </c>
      <c r="AF6054">
        <v>187</v>
      </c>
      <c r="AG6054">
        <v>189</v>
      </c>
      <c r="AH6054">
        <v>192</v>
      </c>
      <c r="AI6054">
        <v>195</v>
      </c>
      <c r="AJ6054">
        <v>197</v>
      </c>
      <c r="AK6054">
        <v>200</v>
      </c>
      <c r="AL6054">
        <v>201</v>
      </c>
      <c r="AM6054">
        <v>201</v>
      </c>
      <c r="AN6054">
        <v>202</v>
      </c>
      <c r="AO6054">
        <v>202</v>
      </c>
      <c r="AP6054">
        <v>203</v>
      </c>
      <c r="AQ6054">
        <v>203</v>
      </c>
    </row>
    <row r="6055" spans="1:43">
      <c r="A6055" t="s">
        <v>3802</v>
      </c>
      <c r="B6055" t="s">
        <v>3803</v>
      </c>
      <c r="C6055" t="s">
        <v>3798</v>
      </c>
      <c r="D6055" t="s">
        <v>3799</v>
      </c>
      <c r="E6055" t="s">
        <v>3660</v>
      </c>
      <c r="F6055" t="s">
        <v>3661</v>
      </c>
      <c r="G6055" t="s">
        <v>80</v>
      </c>
      <c r="H6055" t="s">
        <v>81</v>
      </c>
      <c r="I6055" s="2">
        <v>0</v>
      </c>
      <c r="J6055" s="2">
        <v>1</v>
      </c>
      <c r="K6055" s="2">
        <v>0</v>
      </c>
      <c r="L6055" t="s">
        <v>82</v>
      </c>
      <c r="M6055" t="s">
        <v>87</v>
      </c>
      <c r="N6055" t="s">
        <v>88</v>
      </c>
      <c r="O6055" t="s">
        <v>85</v>
      </c>
      <c r="P6055" t="s">
        <v>86</v>
      </c>
      <c r="Q6055">
        <v>146</v>
      </c>
      <c r="R6055">
        <v>147</v>
      </c>
      <c r="S6055">
        <v>149</v>
      </c>
      <c r="T6055">
        <v>150</v>
      </c>
      <c r="U6055">
        <v>152</v>
      </c>
      <c r="V6055">
        <v>153</v>
      </c>
      <c r="W6055">
        <v>154</v>
      </c>
      <c r="X6055">
        <v>156</v>
      </c>
      <c r="Y6055">
        <v>157</v>
      </c>
      <c r="Z6055">
        <v>158</v>
      </c>
      <c r="AA6055">
        <v>159</v>
      </c>
      <c r="AB6055">
        <v>161</v>
      </c>
      <c r="AC6055">
        <v>162</v>
      </c>
      <c r="AD6055">
        <v>163</v>
      </c>
      <c r="AE6055">
        <v>164</v>
      </c>
      <c r="AF6055">
        <v>165</v>
      </c>
      <c r="AG6055">
        <v>166</v>
      </c>
      <c r="AH6055">
        <v>168</v>
      </c>
      <c r="AI6055">
        <v>169</v>
      </c>
      <c r="AJ6055">
        <v>170</v>
      </c>
      <c r="AK6055">
        <v>171</v>
      </c>
      <c r="AL6055">
        <v>172</v>
      </c>
      <c r="AM6055">
        <v>173</v>
      </c>
      <c r="AN6055">
        <v>174</v>
      </c>
      <c r="AO6055">
        <v>175</v>
      </c>
      <c r="AP6055">
        <v>176</v>
      </c>
      <c r="AQ6055">
        <v>177</v>
      </c>
    </row>
    <row r="6056" spans="1:43">
      <c r="A6056" t="s">
        <v>3802</v>
      </c>
      <c r="B6056" t="s">
        <v>3803</v>
      </c>
      <c r="C6056" t="s">
        <v>3798</v>
      </c>
      <c r="D6056" t="s">
        <v>3799</v>
      </c>
      <c r="E6056" t="s">
        <v>3660</v>
      </c>
      <c r="F6056" t="s">
        <v>3661</v>
      </c>
      <c r="G6056" t="s">
        <v>80</v>
      </c>
      <c r="H6056" t="s">
        <v>81</v>
      </c>
      <c r="I6056" s="2">
        <v>0</v>
      </c>
      <c r="J6056" s="2">
        <v>1</v>
      </c>
      <c r="K6056" s="2">
        <v>0</v>
      </c>
      <c r="L6056" t="s">
        <v>82</v>
      </c>
      <c r="M6056" t="s">
        <v>89</v>
      </c>
      <c r="N6056" t="s">
        <v>90</v>
      </c>
      <c r="O6056" t="s">
        <v>85</v>
      </c>
      <c r="P6056" t="s">
        <v>86</v>
      </c>
      <c r="Q6056">
        <v>146</v>
      </c>
      <c r="R6056">
        <v>150</v>
      </c>
      <c r="S6056">
        <v>154</v>
      </c>
      <c r="T6056">
        <v>158</v>
      </c>
      <c r="U6056">
        <v>162</v>
      </c>
      <c r="V6056">
        <v>166</v>
      </c>
      <c r="W6056">
        <v>169</v>
      </c>
      <c r="X6056">
        <v>173</v>
      </c>
      <c r="Y6056">
        <v>177</v>
      </c>
      <c r="Z6056">
        <v>180</v>
      </c>
      <c r="AA6056">
        <v>183</v>
      </c>
      <c r="AB6056">
        <v>187</v>
      </c>
      <c r="AC6056">
        <v>190</v>
      </c>
      <c r="AD6056">
        <v>194</v>
      </c>
      <c r="AE6056">
        <v>196</v>
      </c>
      <c r="AF6056">
        <v>197</v>
      </c>
      <c r="AG6056">
        <v>197</v>
      </c>
      <c r="AH6056">
        <v>198</v>
      </c>
      <c r="AI6056">
        <v>198</v>
      </c>
      <c r="AJ6056">
        <v>199</v>
      </c>
      <c r="AK6056">
        <v>200</v>
      </c>
      <c r="AL6056">
        <v>200</v>
      </c>
      <c r="AM6056">
        <v>201</v>
      </c>
      <c r="AN6056">
        <v>201</v>
      </c>
      <c r="AO6056">
        <v>202</v>
      </c>
      <c r="AP6056">
        <v>202</v>
      </c>
      <c r="AQ6056">
        <v>202</v>
      </c>
    </row>
    <row r="6057" spans="1:43">
      <c r="A6057" t="s">
        <v>3802</v>
      </c>
      <c r="B6057" t="s">
        <v>3803</v>
      </c>
      <c r="C6057" t="s">
        <v>3798</v>
      </c>
      <c r="D6057" t="s">
        <v>3799</v>
      </c>
      <c r="E6057" t="s">
        <v>3660</v>
      </c>
      <c r="F6057" t="s">
        <v>3661</v>
      </c>
      <c r="G6057" t="s">
        <v>80</v>
      </c>
      <c r="H6057" t="s">
        <v>81</v>
      </c>
      <c r="I6057" s="2">
        <v>0</v>
      </c>
      <c r="J6057" s="2">
        <v>1</v>
      </c>
      <c r="K6057" s="2">
        <v>0</v>
      </c>
      <c r="L6057" t="s">
        <v>82</v>
      </c>
      <c r="M6057" t="s">
        <v>83</v>
      </c>
      <c r="N6057" t="s">
        <v>91</v>
      </c>
      <c r="O6057" t="s">
        <v>85</v>
      </c>
      <c r="P6057" t="s">
        <v>86</v>
      </c>
      <c r="Q6057">
        <v>146</v>
      </c>
      <c r="R6057">
        <v>149</v>
      </c>
      <c r="S6057">
        <v>152</v>
      </c>
      <c r="T6057">
        <v>155</v>
      </c>
      <c r="U6057">
        <v>158</v>
      </c>
      <c r="V6057">
        <v>160</v>
      </c>
      <c r="W6057">
        <v>163</v>
      </c>
      <c r="X6057">
        <v>166</v>
      </c>
      <c r="Y6057">
        <v>169</v>
      </c>
      <c r="Z6057">
        <v>171</v>
      </c>
      <c r="AA6057">
        <v>174</v>
      </c>
      <c r="AB6057">
        <v>177</v>
      </c>
      <c r="AC6057">
        <v>179</v>
      </c>
      <c r="AD6057">
        <v>182</v>
      </c>
      <c r="AE6057">
        <v>184</v>
      </c>
      <c r="AF6057">
        <v>187</v>
      </c>
      <c r="AG6057">
        <v>189</v>
      </c>
      <c r="AH6057">
        <v>192</v>
      </c>
      <c r="AI6057">
        <v>195</v>
      </c>
      <c r="AJ6057">
        <v>197</v>
      </c>
      <c r="AK6057">
        <v>200</v>
      </c>
      <c r="AL6057">
        <v>201</v>
      </c>
      <c r="AM6057">
        <v>201</v>
      </c>
      <c r="AN6057">
        <v>202</v>
      </c>
      <c r="AO6057">
        <v>202</v>
      </c>
      <c r="AP6057">
        <v>203</v>
      </c>
      <c r="AQ6057">
        <v>203</v>
      </c>
    </row>
    <row r="6058" spans="1:43">
      <c r="A6058" t="s">
        <v>3804</v>
      </c>
      <c r="B6058" t="s">
        <v>3805</v>
      </c>
      <c r="C6058" t="s">
        <v>3798</v>
      </c>
      <c r="D6058" t="s">
        <v>3799</v>
      </c>
      <c r="E6058" t="s">
        <v>3660</v>
      </c>
      <c r="F6058" t="s">
        <v>3661</v>
      </c>
      <c r="G6058" t="s">
        <v>80</v>
      </c>
      <c r="H6058" t="s">
        <v>81</v>
      </c>
      <c r="I6058" s="2">
        <v>0</v>
      </c>
      <c r="J6058" s="2">
        <v>1</v>
      </c>
      <c r="K6058" s="2">
        <v>0</v>
      </c>
      <c r="L6058" t="s">
        <v>82</v>
      </c>
      <c r="M6058" t="s">
        <v>83</v>
      </c>
      <c r="N6058" t="s">
        <v>84</v>
      </c>
      <c r="O6058" t="s">
        <v>85</v>
      </c>
      <c r="P6058" t="s">
        <v>86</v>
      </c>
      <c r="Q6058">
        <v>20</v>
      </c>
      <c r="R6058">
        <v>21</v>
      </c>
      <c r="S6058">
        <v>21</v>
      </c>
      <c r="T6058">
        <v>21</v>
      </c>
      <c r="U6058">
        <v>22</v>
      </c>
      <c r="V6058">
        <v>22</v>
      </c>
      <c r="W6058">
        <v>23</v>
      </c>
      <c r="X6058">
        <v>23</v>
      </c>
      <c r="Y6058">
        <v>23</v>
      </c>
      <c r="Z6058">
        <v>24</v>
      </c>
      <c r="AA6058">
        <v>24</v>
      </c>
      <c r="AB6058">
        <v>25</v>
      </c>
      <c r="AC6058">
        <v>25</v>
      </c>
      <c r="AD6058">
        <v>25</v>
      </c>
      <c r="AE6058">
        <v>26</v>
      </c>
      <c r="AF6058">
        <v>26</v>
      </c>
      <c r="AG6058">
        <v>26</v>
      </c>
      <c r="AH6058">
        <v>27</v>
      </c>
      <c r="AI6058">
        <v>27</v>
      </c>
      <c r="AJ6058">
        <v>27</v>
      </c>
      <c r="AK6058">
        <v>28</v>
      </c>
      <c r="AL6058">
        <v>28</v>
      </c>
      <c r="AM6058">
        <v>28</v>
      </c>
      <c r="AN6058">
        <v>28</v>
      </c>
      <c r="AO6058">
        <v>28</v>
      </c>
      <c r="AP6058">
        <v>28</v>
      </c>
      <c r="AQ6058">
        <v>28</v>
      </c>
    </row>
    <row r="6059" spans="1:43">
      <c r="A6059" t="s">
        <v>3804</v>
      </c>
      <c r="B6059" t="s">
        <v>3805</v>
      </c>
      <c r="C6059" t="s">
        <v>3798</v>
      </c>
      <c r="D6059" t="s">
        <v>3799</v>
      </c>
      <c r="E6059" t="s">
        <v>3660</v>
      </c>
      <c r="F6059" t="s">
        <v>3661</v>
      </c>
      <c r="G6059" t="s">
        <v>80</v>
      </c>
      <c r="H6059" t="s">
        <v>81</v>
      </c>
      <c r="I6059" s="2">
        <v>0</v>
      </c>
      <c r="J6059" s="2">
        <v>1</v>
      </c>
      <c r="K6059" s="2">
        <v>0</v>
      </c>
      <c r="L6059" t="s">
        <v>82</v>
      </c>
      <c r="M6059" t="s">
        <v>87</v>
      </c>
      <c r="N6059" t="s">
        <v>88</v>
      </c>
      <c r="O6059" t="s">
        <v>85</v>
      </c>
      <c r="P6059" t="s">
        <v>86</v>
      </c>
      <c r="Q6059">
        <v>20</v>
      </c>
      <c r="R6059">
        <v>20</v>
      </c>
      <c r="S6059">
        <v>21</v>
      </c>
      <c r="T6059">
        <v>21</v>
      </c>
      <c r="U6059">
        <v>21</v>
      </c>
      <c r="V6059">
        <v>21</v>
      </c>
      <c r="W6059">
        <v>21</v>
      </c>
      <c r="X6059">
        <v>21</v>
      </c>
      <c r="Y6059">
        <v>22</v>
      </c>
      <c r="Z6059">
        <v>22</v>
      </c>
      <c r="AA6059">
        <v>22</v>
      </c>
      <c r="AB6059">
        <v>22</v>
      </c>
      <c r="AC6059">
        <v>22</v>
      </c>
      <c r="AD6059">
        <v>22</v>
      </c>
      <c r="AE6059">
        <v>23</v>
      </c>
      <c r="AF6059">
        <v>23</v>
      </c>
      <c r="AG6059">
        <v>23</v>
      </c>
      <c r="AH6059">
        <v>23</v>
      </c>
      <c r="AI6059">
        <v>23</v>
      </c>
      <c r="AJ6059">
        <v>23</v>
      </c>
      <c r="AK6059">
        <v>24</v>
      </c>
      <c r="AL6059">
        <v>24</v>
      </c>
      <c r="AM6059">
        <v>24</v>
      </c>
      <c r="AN6059">
        <v>24</v>
      </c>
      <c r="AO6059">
        <v>24</v>
      </c>
      <c r="AP6059">
        <v>24</v>
      </c>
      <c r="AQ6059">
        <v>24</v>
      </c>
    </row>
    <row r="6060" spans="1:43">
      <c r="A6060" t="s">
        <v>3804</v>
      </c>
      <c r="B6060" t="s">
        <v>3805</v>
      </c>
      <c r="C6060" t="s">
        <v>3798</v>
      </c>
      <c r="D6060" t="s">
        <v>3799</v>
      </c>
      <c r="E6060" t="s">
        <v>3660</v>
      </c>
      <c r="F6060" t="s">
        <v>3661</v>
      </c>
      <c r="G6060" t="s">
        <v>80</v>
      </c>
      <c r="H6060" t="s">
        <v>81</v>
      </c>
      <c r="I6060" s="2">
        <v>0</v>
      </c>
      <c r="J6060" s="2">
        <v>1</v>
      </c>
      <c r="K6060" s="2">
        <v>0</v>
      </c>
      <c r="L6060" t="s">
        <v>82</v>
      </c>
      <c r="M6060" t="s">
        <v>89</v>
      </c>
      <c r="N6060" t="s">
        <v>90</v>
      </c>
      <c r="O6060" t="s">
        <v>85</v>
      </c>
      <c r="P6060" t="s">
        <v>86</v>
      </c>
      <c r="Q6060">
        <v>20</v>
      </c>
      <c r="R6060">
        <v>20</v>
      </c>
      <c r="S6060">
        <v>21</v>
      </c>
      <c r="T6060">
        <v>21</v>
      </c>
      <c r="U6060">
        <v>22</v>
      </c>
      <c r="V6060">
        <v>22</v>
      </c>
      <c r="W6060">
        <v>23</v>
      </c>
      <c r="X6060">
        <v>23</v>
      </c>
      <c r="Y6060">
        <v>24</v>
      </c>
      <c r="Z6060">
        <v>24</v>
      </c>
      <c r="AA6060">
        <v>25</v>
      </c>
      <c r="AB6060">
        <v>25</v>
      </c>
      <c r="AC6060">
        <v>26</v>
      </c>
      <c r="AD6060">
        <v>26</v>
      </c>
      <c r="AE6060">
        <v>26</v>
      </c>
      <c r="AF6060">
        <v>27</v>
      </c>
      <c r="AG6060">
        <v>27</v>
      </c>
      <c r="AH6060">
        <v>27</v>
      </c>
      <c r="AI6060">
        <v>27</v>
      </c>
      <c r="AJ6060">
        <v>27</v>
      </c>
      <c r="AK6060">
        <v>27</v>
      </c>
      <c r="AL6060">
        <v>27</v>
      </c>
      <c r="AM6060">
        <v>27</v>
      </c>
      <c r="AN6060">
        <v>27</v>
      </c>
      <c r="AO6060">
        <v>27</v>
      </c>
      <c r="AP6060">
        <v>27</v>
      </c>
      <c r="AQ6060">
        <v>27</v>
      </c>
    </row>
    <row r="6061" spans="1:43">
      <c r="A6061" t="s">
        <v>3804</v>
      </c>
      <c r="B6061" t="s">
        <v>3805</v>
      </c>
      <c r="C6061" t="s">
        <v>3798</v>
      </c>
      <c r="D6061" t="s">
        <v>3799</v>
      </c>
      <c r="E6061" t="s">
        <v>3660</v>
      </c>
      <c r="F6061" t="s">
        <v>3661</v>
      </c>
      <c r="G6061" t="s">
        <v>80</v>
      </c>
      <c r="H6061" t="s">
        <v>81</v>
      </c>
      <c r="I6061" s="2">
        <v>0</v>
      </c>
      <c r="J6061" s="2">
        <v>1</v>
      </c>
      <c r="K6061" s="2">
        <v>0</v>
      </c>
      <c r="L6061" t="s">
        <v>82</v>
      </c>
      <c r="M6061" t="s">
        <v>83</v>
      </c>
      <c r="N6061" t="s">
        <v>91</v>
      </c>
      <c r="O6061" t="s">
        <v>85</v>
      </c>
      <c r="P6061" t="s">
        <v>86</v>
      </c>
      <c r="Q6061">
        <v>20</v>
      </c>
      <c r="R6061">
        <v>21</v>
      </c>
      <c r="S6061">
        <v>21</v>
      </c>
      <c r="T6061">
        <v>21</v>
      </c>
      <c r="U6061">
        <v>22</v>
      </c>
      <c r="V6061">
        <v>22</v>
      </c>
      <c r="W6061">
        <v>23</v>
      </c>
      <c r="X6061">
        <v>23</v>
      </c>
      <c r="Y6061">
        <v>23</v>
      </c>
      <c r="Z6061">
        <v>24</v>
      </c>
      <c r="AA6061">
        <v>24</v>
      </c>
      <c r="AB6061">
        <v>25</v>
      </c>
      <c r="AC6061">
        <v>25</v>
      </c>
      <c r="AD6061">
        <v>25</v>
      </c>
      <c r="AE6061">
        <v>26</v>
      </c>
      <c r="AF6061">
        <v>26</v>
      </c>
      <c r="AG6061">
        <v>26</v>
      </c>
      <c r="AH6061">
        <v>27</v>
      </c>
      <c r="AI6061">
        <v>27</v>
      </c>
      <c r="AJ6061">
        <v>27</v>
      </c>
      <c r="AK6061">
        <v>28</v>
      </c>
      <c r="AL6061">
        <v>28</v>
      </c>
      <c r="AM6061">
        <v>28</v>
      </c>
      <c r="AN6061">
        <v>28</v>
      </c>
      <c r="AO6061">
        <v>28</v>
      </c>
      <c r="AP6061">
        <v>28</v>
      </c>
      <c r="AQ6061">
        <v>28</v>
      </c>
    </row>
    <row r="6062" spans="1:43">
      <c r="A6062" t="s">
        <v>3806</v>
      </c>
      <c r="B6062" t="s">
        <v>3807</v>
      </c>
      <c r="C6062" t="s">
        <v>3760</v>
      </c>
      <c r="D6062" t="s">
        <v>3761</v>
      </c>
      <c r="E6062" t="s">
        <v>3660</v>
      </c>
      <c r="F6062" t="s">
        <v>3661</v>
      </c>
      <c r="G6062" t="s">
        <v>80</v>
      </c>
      <c r="H6062" t="s">
        <v>81</v>
      </c>
      <c r="I6062" s="2">
        <v>0</v>
      </c>
      <c r="J6062" s="2">
        <v>1</v>
      </c>
      <c r="K6062" s="2">
        <v>0</v>
      </c>
      <c r="L6062" t="s">
        <v>82</v>
      </c>
      <c r="M6062" t="s">
        <v>83</v>
      </c>
      <c r="N6062" t="s">
        <v>84</v>
      </c>
      <c r="O6062" t="s">
        <v>85</v>
      </c>
      <c r="P6062" t="s">
        <v>86</v>
      </c>
      <c r="Q6062">
        <v>22</v>
      </c>
      <c r="R6062">
        <v>23</v>
      </c>
      <c r="S6062">
        <v>23</v>
      </c>
      <c r="T6062">
        <v>24</v>
      </c>
      <c r="U6062">
        <v>24</v>
      </c>
      <c r="V6062">
        <v>25</v>
      </c>
      <c r="W6062">
        <v>25</v>
      </c>
      <c r="X6062">
        <v>25</v>
      </c>
      <c r="Y6062">
        <v>26</v>
      </c>
      <c r="Z6062">
        <v>26</v>
      </c>
      <c r="AA6062">
        <v>27</v>
      </c>
      <c r="AB6062">
        <v>27</v>
      </c>
      <c r="AC6062">
        <v>27</v>
      </c>
      <c r="AD6062">
        <v>28</v>
      </c>
      <c r="AE6062">
        <v>28</v>
      </c>
      <c r="AF6062">
        <v>29</v>
      </c>
      <c r="AG6062">
        <v>29</v>
      </c>
      <c r="AH6062">
        <v>29</v>
      </c>
      <c r="AI6062">
        <v>30</v>
      </c>
      <c r="AJ6062">
        <v>30</v>
      </c>
      <c r="AK6062">
        <v>31</v>
      </c>
      <c r="AL6062">
        <v>31</v>
      </c>
      <c r="AM6062">
        <v>31</v>
      </c>
      <c r="AN6062">
        <v>31</v>
      </c>
      <c r="AO6062">
        <v>31</v>
      </c>
      <c r="AP6062">
        <v>31</v>
      </c>
      <c r="AQ6062">
        <v>31</v>
      </c>
    </row>
    <row r="6063" spans="1:43">
      <c r="A6063" t="s">
        <v>3806</v>
      </c>
      <c r="B6063" t="s">
        <v>3807</v>
      </c>
      <c r="C6063" t="s">
        <v>3760</v>
      </c>
      <c r="D6063" t="s">
        <v>3761</v>
      </c>
      <c r="E6063" t="s">
        <v>3660</v>
      </c>
      <c r="F6063" t="s">
        <v>3661</v>
      </c>
      <c r="G6063" t="s">
        <v>80</v>
      </c>
      <c r="H6063" t="s">
        <v>81</v>
      </c>
      <c r="I6063" s="2">
        <v>0</v>
      </c>
      <c r="J6063" s="2">
        <v>1</v>
      </c>
      <c r="K6063" s="2">
        <v>0</v>
      </c>
      <c r="L6063" t="s">
        <v>82</v>
      </c>
      <c r="M6063" t="s">
        <v>87</v>
      </c>
      <c r="N6063" t="s">
        <v>88</v>
      </c>
      <c r="O6063" t="s">
        <v>85</v>
      </c>
      <c r="P6063" t="s">
        <v>86</v>
      </c>
      <c r="Q6063">
        <v>22</v>
      </c>
      <c r="R6063">
        <v>22</v>
      </c>
      <c r="S6063">
        <v>23</v>
      </c>
      <c r="T6063">
        <v>23</v>
      </c>
      <c r="U6063">
        <v>23</v>
      </c>
      <c r="V6063">
        <v>23</v>
      </c>
      <c r="W6063">
        <v>23</v>
      </c>
      <c r="X6063">
        <v>24</v>
      </c>
      <c r="Y6063">
        <v>24</v>
      </c>
      <c r="Z6063">
        <v>24</v>
      </c>
      <c r="AA6063">
        <v>24</v>
      </c>
      <c r="AB6063">
        <v>24</v>
      </c>
      <c r="AC6063">
        <v>25</v>
      </c>
      <c r="AD6063">
        <v>25</v>
      </c>
      <c r="AE6063">
        <v>25</v>
      </c>
      <c r="AF6063">
        <v>25</v>
      </c>
      <c r="AG6063">
        <v>25</v>
      </c>
      <c r="AH6063">
        <v>25</v>
      </c>
      <c r="AI6063">
        <v>26</v>
      </c>
      <c r="AJ6063">
        <v>26</v>
      </c>
      <c r="AK6063">
        <v>26</v>
      </c>
      <c r="AL6063">
        <v>26</v>
      </c>
      <c r="AM6063">
        <v>26</v>
      </c>
      <c r="AN6063">
        <v>26</v>
      </c>
      <c r="AO6063">
        <v>27</v>
      </c>
      <c r="AP6063">
        <v>27</v>
      </c>
      <c r="AQ6063">
        <v>27</v>
      </c>
    </row>
    <row r="6064" spans="1:43">
      <c r="A6064" t="s">
        <v>3806</v>
      </c>
      <c r="B6064" t="s">
        <v>3807</v>
      </c>
      <c r="C6064" t="s">
        <v>3760</v>
      </c>
      <c r="D6064" t="s">
        <v>3761</v>
      </c>
      <c r="E6064" t="s">
        <v>3660</v>
      </c>
      <c r="F6064" t="s">
        <v>3661</v>
      </c>
      <c r="G6064" t="s">
        <v>80</v>
      </c>
      <c r="H6064" t="s">
        <v>81</v>
      </c>
      <c r="I6064" s="2">
        <v>0</v>
      </c>
      <c r="J6064" s="2">
        <v>1</v>
      </c>
      <c r="K6064" s="2">
        <v>0</v>
      </c>
      <c r="L6064" t="s">
        <v>82</v>
      </c>
      <c r="M6064" t="s">
        <v>89</v>
      </c>
      <c r="N6064" t="s">
        <v>90</v>
      </c>
      <c r="O6064" t="s">
        <v>85</v>
      </c>
      <c r="P6064" t="s">
        <v>86</v>
      </c>
      <c r="Q6064">
        <v>22</v>
      </c>
      <c r="R6064">
        <v>22</v>
      </c>
      <c r="S6064">
        <v>23</v>
      </c>
      <c r="T6064">
        <v>23</v>
      </c>
      <c r="U6064">
        <v>24</v>
      </c>
      <c r="V6064">
        <v>25</v>
      </c>
      <c r="W6064">
        <v>25</v>
      </c>
      <c r="X6064">
        <v>26</v>
      </c>
      <c r="Y6064">
        <v>26</v>
      </c>
      <c r="Z6064">
        <v>27</v>
      </c>
      <c r="AA6064">
        <v>27</v>
      </c>
      <c r="AB6064">
        <v>28</v>
      </c>
      <c r="AC6064">
        <v>28</v>
      </c>
      <c r="AD6064">
        <v>29</v>
      </c>
      <c r="AE6064">
        <v>29</v>
      </c>
      <c r="AF6064">
        <v>29</v>
      </c>
      <c r="AG6064">
        <v>29</v>
      </c>
      <c r="AH6064">
        <v>30</v>
      </c>
      <c r="AI6064">
        <v>30</v>
      </c>
      <c r="AJ6064">
        <v>30</v>
      </c>
      <c r="AK6064">
        <v>30</v>
      </c>
      <c r="AL6064">
        <v>30</v>
      </c>
      <c r="AM6064">
        <v>30</v>
      </c>
      <c r="AN6064">
        <v>30</v>
      </c>
      <c r="AO6064">
        <v>30</v>
      </c>
      <c r="AP6064">
        <v>30</v>
      </c>
      <c r="AQ6064">
        <v>30</v>
      </c>
    </row>
    <row r="6065" spans="1:43">
      <c r="A6065" t="s">
        <v>3806</v>
      </c>
      <c r="B6065" t="s">
        <v>3807</v>
      </c>
      <c r="C6065" t="s">
        <v>3760</v>
      </c>
      <c r="D6065" t="s">
        <v>3761</v>
      </c>
      <c r="E6065" t="s">
        <v>3660</v>
      </c>
      <c r="F6065" t="s">
        <v>3661</v>
      </c>
      <c r="G6065" t="s">
        <v>80</v>
      </c>
      <c r="H6065" t="s">
        <v>81</v>
      </c>
      <c r="I6065" s="2">
        <v>0</v>
      </c>
      <c r="J6065" s="2">
        <v>1</v>
      </c>
      <c r="K6065" s="2">
        <v>0</v>
      </c>
      <c r="L6065" t="s">
        <v>82</v>
      </c>
      <c r="M6065" t="s">
        <v>83</v>
      </c>
      <c r="N6065" t="s">
        <v>91</v>
      </c>
      <c r="O6065" t="s">
        <v>85</v>
      </c>
      <c r="P6065" t="s">
        <v>86</v>
      </c>
      <c r="Q6065">
        <v>22</v>
      </c>
      <c r="R6065">
        <v>23</v>
      </c>
      <c r="S6065">
        <v>23</v>
      </c>
      <c r="T6065">
        <v>24</v>
      </c>
      <c r="U6065">
        <v>24</v>
      </c>
      <c r="V6065">
        <v>25</v>
      </c>
      <c r="W6065">
        <v>25</v>
      </c>
      <c r="X6065">
        <v>25</v>
      </c>
      <c r="Y6065">
        <v>26</v>
      </c>
      <c r="Z6065">
        <v>26</v>
      </c>
      <c r="AA6065">
        <v>27</v>
      </c>
      <c r="AB6065">
        <v>27</v>
      </c>
      <c r="AC6065">
        <v>27</v>
      </c>
      <c r="AD6065">
        <v>28</v>
      </c>
      <c r="AE6065">
        <v>28</v>
      </c>
      <c r="AF6065">
        <v>29</v>
      </c>
      <c r="AG6065">
        <v>29</v>
      </c>
      <c r="AH6065">
        <v>29</v>
      </c>
      <c r="AI6065">
        <v>30</v>
      </c>
      <c r="AJ6065">
        <v>30</v>
      </c>
      <c r="AK6065">
        <v>31</v>
      </c>
      <c r="AL6065">
        <v>31</v>
      </c>
      <c r="AM6065">
        <v>31</v>
      </c>
      <c r="AN6065">
        <v>31</v>
      </c>
      <c r="AO6065">
        <v>31</v>
      </c>
      <c r="AP6065">
        <v>31</v>
      </c>
      <c r="AQ6065">
        <v>31</v>
      </c>
    </row>
    <row r="6066" spans="1:43">
      <c r="A6066" t="s">
        <v>3808</v>
      </c>
      <c r="B6066" t="s">
        <v>3809</v>
      </c>
      <c r="C6066" t="s">
        <v>3810</v>
      </c>
      <c r="D6066" t="s">
        <v>3811</v>
      </c>
      <c r="E6066" t="s">
        <v>3660</v>
      </c>
      <c r="F6066" t="s">
        <v>3661</v>
      </c>
      <c r="G6066" t="s">
        <v>80</v>
      </c>
      <c r="H6066" t="s">
        <v>81</v>
      </c>
      <c r="I6066" s="2">
        <v>0</v>
      </c>
      <c r="J6066" s="2">
        <v>1</v>
      </c>
      <c r="K6066" s="2">
        <v>0</v>
      </c>
      <c r="L6066" t="s">
        <v>82</v>
      </c>
      <c r="M6066" t="s">
        <v>83</v>
      </c>
      <c r="N6066" t="s">
        <v>84</v>
      </c>
      <c r="O6066" t="s">
        <v>85</v>
      </c>
      <c r="P6066" t="s">
        <v>86</v>
      </c>
      <c r="Q6066">
        <v>229</v>
      </c>
      <c r="R6066">
        <v>233</v>
      </c>
      <c r="S6066">
        <v>237</v>
      </c>
      <c r="T6066">
        <v>242</v>
      </c>
      <c r="U6066">
        <v>246</v>
      </c>
      <c r="V6066">
        <v>250</v>
      </c>
      <c r="W6066">
        <v>255</v>
      </c>
      <c r="X6066">
        <v>259</v>
      </c>
      <c r="Y6066">
        <v>263</v>
      </c>
      <c r="Z6066">
        <v>268</v>
      </c>
      <c r="AA6066">
        <v>272</v>
      </c>
      <c r="AB6066">
        <v>276</v>
      </c>
      <c r="AC6066">
        <v>280</v>
      </c>
      <c r="AD6066">
        <v>284</v>
      </c>
      <c r="AE6066">
        <v>288</v>
      </c>
      <c r="AF6066">
        <v>292</v>
      </c>
      <c r="AG6066">
        <v>296</v>
      </c>
      <c r="AH6066">
        <v>300</v>
      </c>
      <c r="AI6066">
        <v>304</v>
      </c>
      <c r="AJ6066">
        <v>308</v>
      </c>
      <c r="AK6066">
        <v>312</v>
      </c>
      <c r="AL6066">
        <v>314</v>
      </c>
      <c r="AM6066">
        <v>314</v>
      </c>
      <c r="AN6066">
        <v>315</v>
      </c>
      <c r="AO6066">
        <v>316</v>
      </c>
      <c r="AP6066">
        <v>317</v>
      </c>
      <c r="AQ6066">
        <v>317</v>
      </c>
    </row>
    <row r="6067" spans="1:43">
      <c r="A6067" t="s">
        <v>3808</v>
      </c>
      <c r="B6067" t="s">
        <v>3809</v>
      </c>
      <c r="C6067" t="s">
        <v>3810</v>
      </c>
      <c r="D6067" t="s">
        <v>3811</v>
      </c>
      <c r="E6067" t="s">
        <v>3660</v>
      </c>
      <c r="F6067" t="s">
        <v>3661</v>
      </c>
      <c r="G6067" t="s">
        <v>80</v>
      </c>
      <c r="H6067" t="s">
        <v>81</v>
      </c>
      <c r="I6067" s="2">
        <v>0</v>
      </c>
      <c r="J6067" s="2">
        <v>1</v>
      </c>
      <c r="K6067" s="2">
        <v>0</v>
      </c>
      <c r="L6067" t="s">
        <v>82</v>
      </c>
      <c r="M6067" t="s">
        <v>87</v>
      </c>
      <c r="N6067" t="s">
        <v>88</v>
      </c>
      <c r="O6067" t="s">
        <v>85</v>
      </c>
      <c r="P6067" t="s">
        <v>86</v>
      </c>
      <c r="Q6067">
        <v>229</v>
      </c>
      <c r="R6067">
        <v>231</v>
      </c>
      <c r="S6067">
        <v>233</v>
      </c>
      <c r="T6067">
        <v>235</v>
      </c>
      <c r="U6067">
        <v>237</v>
      </c>
      <c r="V6067">
        <v>239</v>
      </c>
      <c r="W6067">
        <v>241</v>
      </c>
      <c r="X6067">
        <v>243</v>
      </c>
      <c r="Y6067">
        <v>245</v>
      </c>
      <c r="Z6067">
        <v>247</v>
      </c>
      <c r="AA6067">
        <v>249</v>
      </c>
      <c r="AB6067">
        <v>251</v>
      </c>
      <c r="AC6067">
        <v>253</v>
      </c>
      <c r="AD6067">
        <v>255</v>
      </c>
      <c r="AE6067">
        <v>257</v>
      </c>
      <c r="AF6067">
        <v>259</v>
      </c>
      <c r="AG6067">
        <v>260</v>
      </c>
      <c r="AH6067">
        <v>262</v>
      </c>
      <c r="AI6067">
        <v>264</v>
      </c>
      <c r="AJ6067">
        <v>266</v>
      </c>
      <c r="AK6067">
        <v>267</v>
      </c>
      <c r="AL6067">
        <v>269</v>
      </c>
      <c r="AM6067">
        <v>271</v>
      </c>
      <c r="AN6067">
        <v>272</v>
      </c>
      <c r="AO6067">
        <v>274</v>
      </c>
      <c r="AP6067">
        <v>276</v>
      </c>
      <c r="AQ6067">
        <v>277</v>
      </c>
    </row>
    <row r="6068" spans="1:43">
      <c r="A6068" t="s">
        <v>3808</v>
      </c>
      <c r="B6068" t="s">
        <v>3809</v>
      </c>
      <c r="C6068" t="s">
        <v>3810</v>
      </c>
      <c r="D6068" t="s">
        <v>3811</v>
      </c>
      <c r="E6068" t="s">
        <v>3660</v>
      </c>
      <c r="F6068" t="s">
        <v>3661</v>
      </c>
      <c r="G6068" t="s">
        <v>80</v>
      </c>
      <c r="H6068" t="s">
        <v>81</v>
      </c>
      <c r="I6068" s="2">
        <v>0</v>
      </c>
      <c r="J6068" s="2">
        <v>1</v>
      </c>
      <c r="K6068" s="2">
        <v>0</v>
      </c>
      <c r="L6068" t="s">
        <v>82</v>
      </c>
      <c r="M6068" t="s">
        <v>89</v>
      </c>
      <c r="N6068" t="s">
        <v>90</v>
      </c>
      <c r="O6068" t="s">
        <v>85</v>
      </c>
      <c r="P6068" t="s">
        <v>86</v>
      </c>
      <c r="Q6068">
        <v>229</v>
      </c>
      <c r="R6068">
        <v>235</v>
      </c>
      <c r="S6068">
        <v>242</v>
      </c>
      <c r="T6068">
        <v>248</v>
      </c>
      <c r="U6068">
        <v>254</v>
      </c>
      <c r="V6068">
        <v>260</v>
      </c>
      <c r="W6068">
        <v>266</v>
      </c>
      <c r="X6068">
        <v>272</v>
      </c>
      <c r="Y6068">
        <v>277</v>
      </c>
      <c r="Z6068">
        <v>283</v>
      </c>
      <c r="AA6068">
        <v>288</v>
      </c>
      <c r="AB6068">
        <v>293</v>
      </c>
      <c r="AC6068">
        <v>299</v>
      </c>
      <c r="AD6068">
        <v>304</v>
      </c>
      <c r="AE6068">
        <v>307</v>
      </c>
      <c r="AF6068">
        <v>308</v>
      </c>
      <c r="AG6068">
        <v>309</v>
      </c>
      <c r="AH6068">
        <v>310</v>
      </c>
      <c r="AI6068">
        <v>311</v>
      </c>
      <c r="AJ6068">
        <v>312</v>
      </c>
      <c r="AK6068">
        <v>313</v>
      </c>
      <c r="AL6068">
        <v>314</v>
      </c>
      <c r="AM6068">
        <v>314</v>
      </c>
      <c r="AN6068">
        <v>315</v>
      </c>
      <c r="AO6068">
        <v>316</v>
      </c>
      <c r="AP6068">
        <v>317</v>
      </c>
      <c r="AQ6068">
        <v>317</v>
      </c>
    </row>
    <row r="6069" spans="1:43">
      <c r="A6069" t="s">
        <v>3808</v>
      </c>
      <c r="B6069" t="s">
        <v>3809</v>
      </c>
      <c r="C6069" t="s">
        <v>3810</v>
      </c>
      <c r="D6069" t="s">
        <v>3811</v>
      </c>
      <c r="E6069" t="s">
        <v>3660</v>
      </c>
      <c r="F6069" t="s">
        <v>3661</v>
      </c>
      <c r="G6069" t="s">
        <v>80</v>
      </c>
      <c r="H6069" t="s">
        <v>81</v>
      </c>
      <c r="I6069" s="2">
        <v>0</v>
      </c>
      <c r="J6069" s="2">
        <v>1</v>
      </c>
      <c r="K6069" s="2">
        <v>0</v>
      </c>
      <c r="L6069" t="s">
        <v>82</v>
      </c>
      <c r="M6069" t="s">
        <v>83</v>
      </c>
      <c r="N6069" t="s">
        <v>91</v>
      </c>
      <c r="O6069" t="s">
        <v>85</v>
      </c>
      <c r="P6069" t="s">
        <v>86</v>
      </c>
      <c r="Q6069">
        <v>229</v>
      </c>
      <c r="R6069">
        <v>233</v>
      </c>
      <c r="S6069">
        <v>237</v>
      </c>
      <c r="T6069">
        <v>242</v>
      </c>
      <c r="U6069">
        <v>246</v>
      </c>
      <c r="V6069">
        <v>250</v>
      </c>
      <c r="W6069">
        <v>255</v>
      </c>
      <c r="X6069">
        <v>259</v>
      </c>
      <c r="Y6069">
        <v>263</v>
      </c>
      <c r="Z6069">
        <v>268</v>
      </c>
      <c r="AA6069">
        <v>272</v>
      </c>
      <c r="AB6069">
        <v>276</v>
      </c>
      <c r="AC6069">
        <v>280</v>
      </c>
      <c r="AD6069">
        <v>284</v>
      </c>
      <c r="AE6069">
        <v>288</v>
      </c>
      <c r="AF6069">
        <v>292</v>
      </c>
      <c r="AG6069">
        <v>296</v>
      </c>
      <c r="AH6069">
        <v>300</v>
      </c>
      <c r="AI6069">
        <v>304</v>
      </c>
      <c r="AJ6069">
        <v>308</v>
      </c>
      <c r="AK6069">
        <v>312</v>
      </c>
      <c r="AL6069">
        <v>314</v>
      </c>
      <c r="AM6069">
        <v>314</v>
      </c>
      <c r="AN6069">
        <v>315</v>
      </c>
      <c r="AO6069">
        <v>316</v>
      </c>
      <c r="AP6069">
        <v>317</v>
      </c>
      <c r="AQ6069">
        <v>317</v>
      </c>
    </row>
    <row r="6070" spans="1:43">
      <c r="A6070" t="s">
        <v>3812</v>
      </c>
      <c r="B6070" t="s">
        <v>3813</v>
      </c>
      <c r="C6070" t="s">
        <v>3814</v>
      </c>
      <c r="D6070" t="s">
        <v>3815</v>
      </c>
      <c r="E6070" t="s">
        <v>3660</v>
      </c>
      <c r="F6070" t="s">
        <v>3661</v>
      </c>
      <c r="G6070" t="s">
        <v>80</v>
      </c>
      <c r="H6070" t="s">
        <v>81</v>
      </c>
      <c r="I6070" s="2">
        <v>0</v>
      </c>
      <c r="J6070" s="2">
        <v>1</v>
      </c>
      <c r="K6070" s="2">
        <v>0</v>
      </c>
      <c r="L6070" t="s">
        <v>82</v>
      </c>
      <c r="M6070" t="s">
        <v>83</v>
      </c>
      <c r="N6070" t="s">
        <v>84</v>
      </c>
      <c r="O6070" t="s">
        <v>85</v>
      </c>
      <c r="P6070" t="s">
        <v>86</v>
      </c>
      <c r="Q6070">
        <v>135</v>
      </c>
      <c r="R6070">
        <v>138</v>
      </c>
      <c r="S6070">
        <v>140</v>
      </c>
      <c r="T6070">
        <v>143</v>
      </c>
      <c r="U6070">
        <v>146</v>
      </c>
      <c r="V6070">
        <v>148</v>
      </c>
      <c r="W6070">
        <v>151</v>
      </c>
      <c r="X6070">
        <v>153</v>
      </c>
      <c r="Y6070">
        <v>156</v>
      </c>
      <c r="Z6070">
        <v>158</v>
      </c>
      <c r="AA6070">
        <v>161</v>
      </c>
      <c r="AB6070">
        <v>163</v>
      </c>
      <c r="AC6070">
        <v>166</v>
      </c>
      <c r="AD6070">
        <v>168</v>
      </c>
      <c r="AE6070">
        <v>170</v>
      </c>
      <c r="AF6070">
        <v>173</v>
      </c>
      <c r="AG6070">
        <v>175</v>
      </c>
      <c r="AH6070">
        <v>178</v>
      </c>
      <c r="AI6070">
        <v>180</v>
      </c>
      <c r="AJ6070">
        <v>182</v>
      </c>
      <c r="AK6070">
        <v>185</v>
      </c>
      <c r="AL6070">
        <v>186</v>
      </c>
      <c r="AM6070">
        <v>186</v>
      </c>
      <c r="AN6070">
        <v>187</v>
      </c>
      <c r="AO6070">
        <v>187</v>
      </c>
      <c r="AP6070">
        <v>187</v>
      </c>
      <c r="AQ6070">
        <v>188</v>
      </c>
    </row>
    <row r="6071" spans="1:43">
      <c r="A6071" t="s">
        <v>3812</v>
      </c>
      <c r="B6071" t="s">
        <v>3813</v>
      </c>
      <c r="C6071" t="s">
        <v>3814</v>
      </c>
      <c r="D6071" t="s">
        <v>3815</v>
      </c>
      <c r="E6071" t="s">
        <v>3660</v>
      </c>
      <c r="F6071" t="s">
        <v>3661</v>
      </c>
      <c r="G6071" t="s">
        <v>80</v>
      </c>
      <c r="H6071" t="s">
        <v>81</v>
      </c>
      <c r="I6071" s="2">
        <v>0</v>
      </c>
      <c r="J6071" s="2">
        <v>1</v>
      </c>
      <c r="K6071" s="2">
        <v>0</v>
      </c>
      <c r="L6071" t="s">
        <v>82</v>
      </c>
      <c r="M6071" t="s">
        <v>87</v>
      </c>
      <c r="N6071" t="s">
        <v>88</v>
      </c>
      <c r="O6071" t="s">
        <v>85</v>
      </c>
      <c r="P6071" t="s">
        <v>86</v>
      </c>
      <c r="Q6071">
        <v>135</v>
      </c>
      <c r="R6071">
        <v>136</v>
      </c>
      <c r="S6071">
        <v>138</v>
      </c>
      <c r="T6071">
        <v>139</v>
      </c>
      <c r="U6071">
        <v>140</v>
      </c>
      <c r="V6071">
        <v>141</v>
      </c>
      <c r="W6071">
        <v>143</v>
      </c>
      <c r="X6071">
        <v>144</v>
      </c>
      <c r="Y6071">
        <v>145</v>
      </c>
      <c r="Z6071">
        <v>146</v>
      </c>
      <c r="AA6071">
        <v>147</v>
      </c>
      <c r="AB6071">
        <v>148</v>
      </c>
      <c r="AC6071">
        <v>150</v>
      </c>
      <c r="AD6071">
        <v>151</v>
      </c>
      <c r="AE6071">
        <v>152</v>
      </c>
      <c r="AF6071">
        <v>153</v>
      </c>
      <c r="AG6071">
        <v>154</v>
      </c>
      <c r="AH6071">
        <v>155</v>
      </c>
      <c r="AI6071">
        <v>156</v>
      </c>
      <c r="AJ6071">
        <v>157</v>
      </c>
      <c r="AK6071">
        <v>158</v>
      </c>
      <c r="AL6071">
        <v>159</v>
      </c>
      <c r="AM6071">
        <v>160</v>
      </c>
      <c r="AN6071">
        <v>161</v>
      </c>
      <c r="AO6071">
        <v>162</v>
      </c>
      <c r="AP6071">
        <v>163</v>
      </c>
      <c r="AQ6071">
        <v>164</v>
      </c>
    </row>
    <row r="6072" spans="1:43">
      <c r="A6072" t="s">
        <v>3812</v>
      </c>
      <c r="B6072" t="s">
        <v>3813</v>
      </c>
      <c r="C6072" t="s">
        <v>3814</v>
      </c>
      <c r="D6072" t="s">
        <v>3815</v>
      </c>
      <c r="E6072" t="s">
        <v>3660</v>
      </c>
      <c r="F6072" t="s">
        <v>3661</v>
      </c>
      <c r="G6072" t="s">
        <v>80</v>
      </c>
      <c r="H6072" t="s">
        <v>81</v>
      </c>
      <c r="I6072" s="2">
        <v>0</v>
      </c>
      <c r="J6072" s="2">
        <v>1</v>
      </c>
      <c r="K6072" s="2">
        <v>0</v>
      </c>
      <c r="L6072" t="s">
        <v>82</v>
      </c>
      <c r="M6072" t="s">
        <v>89</v>
      </c>
      <c r="N6072" t="s">
        <v>90</v>
      </c>
      <c r="O6072" t="s">
        <v>85</v>
      </c>
      <c r="P6072" t="s">
        <v>86</v>
      </c>
      <c r="Q6072">
        <v>135</v>
      </c>
      <c r="R6072">
        <v>138</v>
      </c>
      <c r="S6072">
        <v>142</v>
      </c>
      <c r="T6072">
        <v>146</v>
      </c>
      <c r="U6072">
        <v>149</v>
      </c>
      <c r="V6072">
        <v>153</v>
      </c>
      <c r="W6072">
        <v>157</v>
      </c>
      <c r="X6072">
        <v>160</v>
      </c>
      <c r="Y6072">
        <v>163</v>
      </c>
      <c r="Z6072">
        <v>166</v>
      </c>
      <c r="AA6072">
        <v>170</v>
      </c>
      <c r="AB6072">
        <v>173</v>
      </c>
      <c r="AC6072">
        <v>176</v>
      </c>
      <c r="AD6072">
        <v>179</v>
      </c>
      <c r="AE6072">
        <v>181</v>
      </c>
      <c r="AF6072">
        <v>182</v>
      </c>
      <c r="AG6072">
        <v>182</v>
      </c>
      <c r="AH6072">
        <v>183</v>
      </c>
      <c r="AI6072">
        <v>183</v>
      </c>
      <c r="AJ6072">
        <v>184</v>
      </c>
      <c r="AK6072">
        <v>184</v>
      </c>
      <c r="AL6072">
        <v>185</v>
      </c>
      <c r="AM6072">
        <v>185</v>
      </c>
      <c r="AN6072">
        <v>186</v>
      </c>
      <c r="AO6072">
        <v>186</v>
      </c>
      <c r="AP6072">
        <v>186</v>
      </c>
      <c r="AQ6072">
        <v>187</v>
      </c>
    </row>
    <row r="6073" spans="1:43">
      <c r="A6073" t="s">
        <v>3812</v>
      </c>
      <c r="B6073" t="s">
        <v>3813</v>
      </c>
      <c r="C6073" t="s">
        <v>3814</v>
      </c>
      <c r="D6073" t="s">
        <v>3815</v>
      </c>
      <c r="E6073" t="s">
        <v>3660</v>
      </c>
      <c r="F6073" t="s">
        <v>3661</v>
      </c>
      <c r="G6073" t="s">
        <v>80</v>
      </c>
      <c r="H6073" t="s">
        <v>81</v>
      </c>
      <c r="I6073" s="2">
        <v>0</v>
      </c>
      <c r="J6073" s="2">
        <v>1</v>
      </c>
      <c r="K6073" s="2">
        <v>0</v>
      </c>
      <c r="L6073" t="s">
        <v>82</v>
      </c>
      <c r="M6073" t="s">
        <v>83</v>
      </c>
      <c r="N6073" t="s">
        <v>91</v>
      </c>
      <c r="O6073" t="s">
        <v>85</v>
      </c>
      <c r="P6073" t="s">
        <v>86</v>
      </c>
      <c r="Q6073">
        <v>135</v>
      </c>
      <c r="R6073">
        <v>138</v>
      </c>
      <c r="S6073">
        <v>140</v>
      </c>
      <c r="T6073">
        <v>143</v>
      </c>
      <c r="U6073">
        <v>146</v>
      </c>
      <c r="V6073">
        <v>148</v>
      </c>
      <c r="W6073">
        <v>151</v>
      </c>
      <c r="X6073">
        <v>153</v>
      </c>
      <c r="Y6073">
        <v>156</v>
      </c>
      <c r="Z6073">
        <v>158</v>
      </c>
      <c r="AA6073">
        <v>161</v>
      </c>
      <c r="AB6073">
        <v>163</v>
      </c>
      <c r="AC6073">
        <v>166</v>
      </c>
      <c r="AD6073">
        <v>168</v>
      </c>
      <c r="AE6073">
        <v>170</v>
      </c>
      <c r="AF6073">
        <v>173</v>
      </c>
      <c r="AG6073">
        <v>175</v>
      </c>
      <c r="AH6073">
        <v>178</v>
      </c>
      <c r="AI6073">
        <v>180</v>
      </c>
      <c r="AJ6073">
        <v>182</v>
      </c>
      <c r="AK6073">
        <v>185</v>
      </c>
      <c r="AL6073">
        <v>186</v>
      </c>
      <c r="AM6073">
        <v>186</v>
      </c>
      <c r="AN6073">
        <v>187</v>
      </c>
      <c r="AO6073">
        <v>187</v>
      </c>
      <c r="AP6073">
        <v>187</v>
      </c>
      <c r="AQ6073">
        <v>188</v>
      </c>
    </row>
    <row r="6074" spans="1:43">
      <c r="A6074" t="s">
        <v>3816</v>
      </c>
      <c r="B6074" t="s">
        <v>3817</v>
      </c>
      <c r="C6074" t="s">
        <v>3818</v>
      </c>
      <c r="D6074" t="s">
        <v>3819</v>
      </c>
      <c r="E6074" t="s">
        <v>3660</v>
      </c>
      <c r="F6074" t="s">
        <v>3661</v>
      </c>
      <c r="G6074" t="s">
        <v>80</v>
      </c>
      <c r="H6074" t="s">
        <v>81</v>
      </c>
      <c r="I6074" s="2">
        <v>0</v>
      </c>
      <c r="J6074" s="2">
        <v>1</v>
      </c>
      <c r="K6074" s="2">
        <v>0</v>
      </c>
      <c r="L6074" t="s">
        <v>82</v>
      </c>
      <c r="M6074" t="s">
        <v>83</v>
      </c>
      <c r="N6074" t="s">
        <v>84</v>
      </c>
      <c r="O6074" t="s">
        <v>85</v>
      </c>
      <c r="P6074" t="s">
        <v>86</v>
      </c>
      <c r="Q6074">
        <v>41</v>
      </c>
      <c r="R6074">
        <v>41</v>
      </c>
      <c r="S6074">
        <v>42</v>
      </c>
      <c r="T6074">
        <v>43</v>
      </c>
      <c r="U6074">
        <v>44</v>
      </c>
      <c r="V6074">
        <v>44</v>
      </c>
      <c r="W6074">
        <v>45</v>
      </c>
      <c r="X6074">
        <v>46</v>
      </c>
      <c r="Y6074">
        <v>47</v>
      </c>
      <c r="Z6074">
        <v>47</v>
      </c>
      <c r="AA6074">
        <v>48</v>
      </c>
      <c r="AB6074">
        <v>49</v>
      </c>
      <c r="AC6074">
        <v>50</v>
      </c>
      <c r="AD6074">
        <v>50</v>
      </c>
      <c r="AE6074">
        <v>51</v>
      </c>
      <c r="AF6074">
        <v>52</v>
      </c>
      <c r="AG6074">
        <v>53</v>
      </c>
      <c r="AH6074">
        <v>53</v>
      </c>
      <c r="AI6074">
        <v>54</v>
      </c>
      <c r="AJ6074">
        <v>55</v>
      </c>
      <c r="AK6074">
        <v>55</v>
      </c>
      <c r="AL6074">
        <v>56</v>
      </c>
      <c r="AM6074">
        <v>56</v>
      </c>
      <c r="AN6074">
        <v>56</v>
      </c>
      <c r="AO6074">
        <v>56</v>
      </c>
      <c r="AP6074">
        <v>56</v>
      </c>
      <c r="AQ6074">
        <v>56</v>
      </c>
    </row>
    <row r="6075" spans="1:43">
      <c r="A6075" t="s">
        <v>3816</v>
      </c>
      <c r="B6075" t="s">
        <v>3817</v>
      </c>
      <c r="C6075" t="s">
        <v>3818</v>
      </c>
      <c r="D6075" t="s">
        <v>3819</v>
      </c>
      <c r="E6075" t="s">
        <v>3660</v>
      </c>
      <c r="F6075" t="s">
        <v>3661</v>
      </c>
      <c r="G6075" t="s">
        <v>80</v>
      </c>
      <c r="H6075" t="s">
        <v>81</v>
      </c>
      <c r="I6075" s="2">
        <v>0</v>
      </c>
      <c r="J6075" s="2">
        <v>1</v>
      </c>
      <c r="K6075" s="2">
        <v>0</v>
      </c>
      <c r="L6075" t="s">
        <v>82</v>
      </c>
      <c r="M6075" t="s">
        <v>87</v>
      </c>
      <c r="N6075" t="s">
        <v>88</v>
      </c>
      <c r="O6075" t="s">
        <v>85</v>
      </c>
      <c r="P6075" t="s">
        <v>86</v>
      </c>
      <c r="Q6075">
        <v>41</v>
      </c>
      <c r="R6075">
        <v>42</v>
      </c>
      <c r="S6075">
        <v>42</v>
      </c>
      <c r="T6075">
        <v>42</v>
      </c>
      <c r="U6075">
        <v>43</v>
      </c>
      <c r="V6075">
        <v>43</v>
      </c>
      <c r="W6075">
        <v>43</v>
      </c>
      <c r="X6075">
        <v>44</v>
      </c>
      <c r="Y6075">
        <v>44</v>
      </c>
      <c r="Z6075">
        <v>45</v>
      </c>
      <c r="AA6075">
        <v>45</v>
      </c>
      <c r="AB6075">
        <v>45</v>
      </c>
      <c r="AC6075">
        <v>46</v>
      </c>
      <c r="AD6075">
        <v>46</v>
      </c>
      <c r="AE6075">
        <v>46</v>
      </c>
      <c r="AF6075">
        <v>47</v>
      </c>
      <c r="AG6075">
        <v>47</v>
      </c>
      <c r="AH6075">
        <v>47</v>
      </c>
      <c r="AI6075">
        <v>47</v>
      </c>
      <c r="AJ6075">
        <v>48</v>
      </c>
      <c r="AK6075">
        <v>48</v>
      </c>
      <c r="AL6075">
        <v>48</v>
      </c>
      <c r="AM6075">
        <v>49</v>
      </c>
      <c r="AN6075">
        <v>49</v>
      </c>
      <c r="AO6075">
        <v>49</v>
      </c>
      <c r="AP6075">
        <v>50</v>
      </c>
      <c r="AQ6075">
        <v>50</v>
      </c>
    </row>
    <row r="6076" spans="1:43">
      <c r="A6076" t="s">
        <v>3816</v>
      </c>
      <c r="B6076" t="s">
        <v>3817</v>
      </c>
      <c r="C6076" t="s">
        <v>3818</v>
      </c>
      <c r="D6076" t="s">
        <v>3819</v>
      </c>
      <c r="E6076" t="s">
        <v>3660</v>
      </c>
      <c r="F6076" t="s">
        <v>3661</v>
      </c>
      <c r="G6076" t="s">
        <v>80</v>
      </c>
      <c r="H6076" t="s">
        <v>81</v>
      </c>
      <c r="I6076" s="2">
        <v>0</v>
      </c>
      <c r="J6076" s="2">
        <v>1</v>
      </c>
      <c r="K6076" s="2">
        <v>0</v>
      </c>
      <c r="L6076" t="s">
        <v>82</v>
      </c>
      <c r="M6076" t="s">
        <v>89</v>
      </c>
      <c r="N6076" t="s">
        <v>90</v>
      </c>
      <c r="O6076" t="s">
        <v>85</v>
      </c>
      <c r="P6076" t="s">
        <v>86</v>
      </c>
      <c r="Q6076">
        <v>41</v>
      </c>
      <c r="R6076">
        <v>42</v>
      </c>
      <c r="S6076">
        <v>43</v>
      </c>
      <c r="T6076">
        <v>44</v>
      </c>
      <c r="U6076">
        <v>45</v>
      </c>
      <c r="V6076">
        <v>46</v>
      </c>
      <c r="W6076">
        <v>48</v>
      </c>
      <c r="X6076">
        <v>49</v>
      </c>
      <c r="Y6076">
        <v>50</v>
      </c>
      <c r="Z6076">
        <v>50</v>
      </c>
      <c r="AA6076">
        <v>51</v>
      </c>
      <c r="AB6076">
        <v>52</v>
      </c>
      <c r="AC6076">
        <v>53</v>
      </c>
      <c r="AD6076">
        <v>54</v>
      </c>
      <c r="AE6076">
        <v>55</v>
      </c>
      <c r="AF6076">
        <v>55</v>
      </c>
      <c r="AG6076">
        <v>55</v>
      </c>
      <c r="AH6076">
        <v>55</v>
      </c>
      <c r="AI6076">
        <v>56</v>
      </c>
      <c r="AJ6076">
        <v>56</v>
      </c>
      <c r="AK6076">
        <v>56</v>
      </c>
      <c r="AL6076">
        <v>56</v>
      </c>
      <c r="AM6076">
        <v>56</v>
      </c>
      <c r="AN6076">
        <v>56</v>
      </c>
      <c r="AO6076">
        <v>56</v>
      </c>
      <c r="AP6076">
        <v>56</v>
      </c>
      <c r="AQ6076">
        <v>57</v>
      </c>
    </row>
    <row r="6077" spans="1:43">
      <c r="A6077" t="s">
        <v>3816</v>
      </c>
      <c r="B6077" t="s">
        <v>3817</v>
      </c>
      <c r="C6077" t="s">
        <v>3818</v>
      </c>
      <c r="D6077" t="s">
        <v>3819</v>
      </c>
      <c r="E6077" t="s">
        <v>3660</v>
      </c>
      <c r="F6077" t="s">
        <v>3661</v>
      </c>
      <c r="G6077" t="s">
        <v>80</v>
      </c>
      <c r="H6077" t="s">
        <v>81</v>
      </c>
      <c r="I6077" s="2">
        <v>0</v>
      </c>
      <c r="J6077" s="2">
        <v>1</v>
      </c>
      <c r="K6077" s="2">
        <v>0</v>
      </c>
      <c r="L6077" t="s">
        <v>82</v>
      </c>
      <c r="M6077" t="s">
        <v>83</v>
      </c>
      <c r="N6077" t="s">
        <v>91</v>
      </c>
      <c r="O6077" t="s">
        <v>85</v>
      </c>
      <c r="P6077" t="s">
        <v>86</v>
      </c>
      <c r="Q6077">
        <v>41</v>
      </c>
      <c r="R6077">
        <v>41</v>
      </c>
      <c r="S6077">
        <v>42</v>
      </c>
      <c r="T6077">
        <v>43</v>
      </c>
      <c r="U6077">
        <v>44</v>
      </c>
      <c r="V6077">
        <v>44</v>
      </c>
      <c r="W6077">
        <v>45</v>
      </c>
      <c r="X6077">
        <v>46</v>
      </c>
      <c r="Y6077">
        <v>47</v>
      </c>
      <c r="Z6077">
        <v>47</v>
      </c>
      <c r="AA6077">
        <v>48</v>
      </c>
      <c r="AB6077">
        <v>49</v>
      </c>
      <c r="AC6077">
        <v>50</v>
      </c>
      <c r="AD6077">
        <v>50</v>
      </c>
      <c r="AE6077">
        <v>51</v>
      </c>
      <c r="AF6077">
        <v>52</v>
      </c>
      <c r="AG6077">
        <v>53</v>
      </c>
      <c r="AH6077">
        <v>53</v>
      </c>
      <c r="AI6077">
        <v>54</v>
      </c>
      <c r="AJ6077">
        <v>55</v>
      </c>
      <c r="AK6077">
        <v>55</v>
      </c>
      <c r="AL6077">
        <v>56</v>
      </c>
      <c r="AM6077">
        <v>56</v>
      </c>
      <c r="AN6077">
        <v>56</v>
      </c>
      <c r="AO6077">
        <v>56</v>
      </c>
      <c r="AP6077">
        <v>56</v>
      </c>
      <c r="AQ6077">
        <v>56</v>
      </c>
    </row>
    <row r="6078" spans="1:43">
      <c r="A6078" t="s">
        <v>3820</v>
      </c>
      <c r="B6078" t="s">
        <v>3821</v>
      </c>
      <c r="C6078" t="s">
        <v>3818</v>
      </c>
      <c r="D6078" t="s">
        <v>3819</v>
      </c>
      <c r="E6078" t="s">
        <v>3660</v>
      </c>
      <c r="F6078" t="s">
        <v>3661</v>
      </c>
      <c r="G6078" t="s">
        <v>80</v>
      </c>
      <c r="H6078" t="s">
        <v>81</v>
      </c>
      <c r="I6078" s="2">
        <v>0</v>
      </c>
      <c r="J6078" s="2">
        <v>1</v>
      </c>
      <c r="K6078" s="2">
        <v>0</v>
      </c>
      <c r="L6078" t="s">
        <v>82</v>
      </c>
      <c r="M6078" t="s">
        <v>83</v>
      </c>
      <c r="N6078" t="s">
        <v>84</v>
      </c>
      <c r="O6078" t="s">
        <v>85</v>
      </c>
      <c r="P6078" t="s">
        <v>86</v>
      </c>
      <c r="Q6078">
        <v>35</v>
      </c>
      <c r="R6078">
        <v>36</v>
      </c>
      <c r="S6078">
        <v>37</v>
      </c>
      <c r="T6078">
        <v>37</v>
      </c>
      <c r="U6078">
        <v>38</v>
      </c>
      <c r="V6078">
        <v>39</v>
      </c>
      <c r="W6078">
        <v>39</v>
      </c>
      <c r="X6078">
        <v>40</v>
      </c>
      <c r="Y6078">
        <v>41</v>
      </c>
      <c r="Z6078">
        <v>41</v>
      </c>
      <c r="AA6078">
        <v>42</v>
      </c>
      <c r="AB6078">
        <v>43</v>
      </c>
      <c r="AC6078">
        <v>43</v>
      </c>
      <c r="AD6078">
        <v>44</v>
      </c>
      <c r="AE6078">
        <v>45</v>
      </c>
      <c r="AF6078">
        <v>45</v>
      </c>
      <c r="AG6078">
        <v>46</v>
      </c>
      <c r="AH6078">
        <v>46</v>
      </c>
      <c r="AI6078">
        <v>47</v>
      </c>
      <c r="AJ6078">
        <v>48</v>
      </c>
      <c r="AK6078">
        <v>48</v>
      </c>
      <c r="AL6078">
        <v>49</v>
      </c>
      <c r="AM6078">
        <v>49</v>
      </c>
      <c r="AN6078">
        <v>49</v>
      </c>
      <c r="AO6078">
        <v>49</v>
      </c>
      <c r="AP6078">
        <v>49</v>
      </c>
      <c r="AQ6078">
        <v>49</v>
      </c>
    </row>
    <row r="6079" spans="1:43">
      <c r="A6079" t="s">
        <v>3820</v>
      </c>
      <c r="B6079" t="s">
        <v>3821</v>
      </c>
      <c r="C6079" t="s">
        <v>3818</v>
      </c>
      <c r="D6079" t="s">
        <v>3819</v>
      </c>
      <c r="E6079" t="s">
        <v>3660</v>
      </c>
      <c r="F6079" t="s">
        <v>3661</v>
      </c>
      <c r="G6079" t="s">
        <v>80</v>
      </c>
      <c r="H6079" t="s">
        <v>81</v>
      </c>
      <c r="I6079" s="2">
        <v>0</v>
      </c>
      <c r="J6079" s="2">
        <v>1</v>
      </c>
      <c r="K6079" s="2">
        <v>0</v>
      </c>
      <c r="L6079" t="s">
        <v>82</v>
      </c>
      <c r="M6079" t="s">
        <v>87</v>
      </c>
      <c r="N6079" t="s">
        <v>88</v>
      </c>
      <c r="O6079" t="s">
        <v>85</v>
      </c>
      <c r="P6079" t="s">
        <v>86</v>
      </c>
      <c r="Q6079">
        <v>35</v>
      </c>
      <c r="R6079">
        <v>35</v>
      </c>
      <c r="S6079">
        <v>36</v>
      </c>
      <c r="T6079">
        <v>36</v>
      </c>
      <c r="U6079">
        <v>36</v>
      </c>
      <c r="V6079">
        <v>37</v>
      </c>
      <c r="W6079">
        <v>37</v>
      </c>
      <c r="X6079">
        <v>37</v>
      </c>
      <c r="Y6079">
        <v>38</v>
      </c>
      <c r="Z6079">
        <v>38</v>
      </c>
      <c r="AA6079">
        <v>38</v>
      </c>
      <c r="AB6079">
        <v>39</v>
      </c>
      <c r="AC6079">
        <v>39</v>
      </c>
      <c r="AD6079">
        <v>39</v>
      </c>
      <c r="AE6079">
        <v>39</v>
      </c>
      <c r="AF6079">
        <v>40</v>
      </c>
      <c r="AG6079">
        <v>40</v>
      </c>
      <c r="AH6079">
        <v>40</v>
      </c>
      <c r="AI6079">
        <v>41</v>
      </c>
      <c r="AJ6079">
        <v>41</v>
      </c>
      <c r="AK6079">
        <v>41</v>
      </c>
      <c r="AL6079">
        <v>41</v>
      </c>
      <c r="AM6079">
        <v>42</v>
      </c>
      <c r="AN6079">
        <v>42</v>
      </c>
      <c r="AO6079">
        <v>42</v>
      </c>
      <c r="AP6079">
        <v>42</v>
      </c>
      <c r="AQ6079">
        <v>43</v>
      </c>
    </row>
    <row r="6080" spans="1:43">
      <c r="A6080" t="s">
        <v>3820</v>
      </c>
      <c r="B6080" t="s">
        <v>3821</v>
      </c>
      <c r="C6080" t="s">
        <v>3818</v>
      </c>
      <c r="D6080" t="s">
        <v>3819</v>
      </c>
      <c r="E6080" t="s">
        <v>3660</v>
      </c>
      <c r="F6080" t="s">
        <v>3661</v>
      </c>
      <c r="G6080" t="s">
        <v>80</v>
      </c>
      <c r="H6080" t="s">
        <v>81</v>
      </c>
      <c r="I6080" s="2">
        <v>0</v>
      </c>
      <c r="J6080" s="2">
        <v>1</v>
      </c>
      <c r="K6080" s="2">
        <v>0</v>
      </c>
      <c r="L6080" t="s">
        <v>82</v>
      </c>
      <c r="M6080" t="s">
        <v>89</v>
      </c>
      <c r="N6080" t="s">
        <v>90</v>
      </c>
      <c r="O6080" t="s">
        <v>85</v>
      </c>
      <c r="P6080" t="s">
        <v>86</v>
      </c>
      <c r="Q6080">
        <v>35</v>
      </c>
      <c r="R6080">
        <v>36</v>
      </c>
      <c r="S6080">
        <v>37</v>
      </c>
      <c r="T6080">
        <v>38</v>
      </c>
      <c r="U6080">
        <v>39</v>
      </c>
      <c r="V6080">
        <v>40</v>
      </c>
      <c r="W6080">
        <v>40</v>
      </c>
      <c r="X6080">
        <v>41</v>
      </c>
      <c r="Y6080">
        <v>42</v>
      </c>
      <c r="Z6080">
        <v>43</v>
      </c>
      <c r="AA6080">
        <v>44</v>
      </c>
      <c r="AB6080">
        <v>45</v>
      </c>
      <c r="AC6080">
        <v>46</v>
      </c>
      <c r="AD6080">
        <v>46</v>
      </c>
      <c r="AE6080">
        <v>47</v>
      </c>
      <c r="AF6080">
        <v>47</v>
      </c>
      <c r="AG6080">
        <v>47</v>
      </c>
      <c r="AH6080">
        <v>47</v>
      </c>
      <c r="AI6080">
        <v>47</v>
      </c>
      <c r="AJ6080">
        <v>48</v>
      </c>
      <c r="AK6080">
        <v>48</v>
      </c>
      <c r="AL6080">
        <v>48</v>
      </c>
      <c r="AM6080">
        <v>48</v>
      </c>
      <c r="AN6080">
        <v>48</v>
      </c>
      <c r="AO6080">
        <v>48</v>
      </c>
      <c r="AP6080">
        <v>48</v>
      </c>
      <c r="AQ6080">
        <v>48</v>
      </c>
    </row>
    <row r="6081" spans="1:43">
      <c r="A6081" t="s">
        <v>3820</v>
      </c>
      <c r="B6081" t="s">
        <v>3821</v>
      </c>
      <c r="C6081" t="s">
        <v>3818</v>
      </c>
      <c r="D6081" t="s">
        <v>3819</v>
      </c>
      <c r="E6081" t="s">
        <v>3660</v>
      </c>
      <c r="F6081" t="s">
        <v>3661</v>
      </c>
      <c r="G6081" t="s">
        <v>80</v>
      </c>
      <c r="H6081" t="s">
        <v>81</v>
      </c>
      <c r="I6081" s="2">
        <v>0</v>
      </c>
      <c r="J6081" s="2">
        <v>1</v>
      </c>
      <c r="K6081" s="2">
        <v>0</v>
      </c>
      <c r="L6081" t="s">
        <v>82</v>
      </c>
      <c r="M6081" t="s">
        <v>83</v>
      </c>
      <c r="N6081" t="s">
        <v>91</v>
      </c>
      <c r="O6081" t="s">
        <v>85</v>
      </c>
      <c r="P6081" t="s">
        <v>86</v>
      </c>
      <c r="Q6081">
        <v>35</v>
      </c>
      <c r="R6081">
        <v>36</v>
      </c>
      <c r="S6081">
        <v>37</v>
      </c>
      <c r="T6081">
        <v>37</v>
      </c>
      <c r="U6081">
        <v>38</v>
      </c>
      <c r="V6081">
        <v>39</v>
      </c>
      <c r="W6081">
        <v>39</v>
      </c>
      <c r="X6081">
        <v>40</v>
      </c>
      <c r="Y6081">
        <v>41</v>
      </c>
      <c r="Z6081">
        <v>41</v>
      </c>
      <c r="AA6081">
        <v>42</v>
      </c>
      <c r="AB6081">
        <v>43</v>
      </c>
      <c r="AC6081">
        <v>43</v>
      </c>
      <c r="AD6081">
        <v>44</v>
      </c>
      <c r="AE6081">
        <v>45</v>
      </c>
      <c r="AF6081">
        <v>45</v>
      </c>
      <c r="AG6081">
        <v>46</v>
      </c>
      <c r="AH6081">
        <v>46</v>
      </c>
      <c r="AI6081">
        <v>47</v>
      </c>
      <c r="AJ6081">
        <v>48</v>
      </c>
      <c r="AK6081">
        <v>48</v>
      </c>
      <c r="AL6081">
        <v>49</v>
      </c>
      <c r="AM6081">
        <v>49</v>
      </c>
      <c r="AN6081">
        <v>49</v>
      </c>
      <c r="AO6081">
        <v>49</v>
      </c>
      <c r="AP6081">
        <v>49</v>
      </c>
      <c r="AQ6081">
        <v>49</v>
      </c>
    </row>
    <row r="6082" spans="1:43">
      <c r="A6082" t="s">
        <v>3822</v>
      </c>
      <c r="B6082" t="s">
        <v>3823</v>
      </c>
      <c r="C6082" t="s">
        <v>3814</v>
      </c>
      <c r="D6082" t="s">
        <v>3815</v>
      </c>
      <c r="E6082" t="s">
        <v>3660</v>
      </c>
      <c r="F6082" t="s">
        <v>3661</v>
      </c>
      <c r="G6082" t="s">
        <v>80</v>
      </c>
      <c r="H6082" t="s">
        <v>81</v>
      </c>
      <c r="I6082" s="2">
        <v>0</v>
      </c>
      <c r="J6082" s="2">
        <v>1</v>
      </c>
      <c r="K6082" s="2">
        <v>0</v>
      </c>
      <c r="L6082" t="s">
        <v>82</v>
      </c>
      <c r="M6082" t="s">
        <v>83</v>
      </c>
      <c r="N6082" t="s">
        <v>84</v>
      </c>
      <c r="O6082" t="s">
        <v>85</v>
      </c>
      <c r="P6082" t="s">
        <v>86</v>
      </c>
      <c r="Q6082">
        <v>45</v>
      </c>
      <c r="R6082">
        <v>46</v>
      </c>
      <c r="S6082">
        <v>47</v>
      </c>
      <c r="T6082">
        <v>48</v>
      </c>
      <c r="U6082">
        <v>48</v>
      </c>
      <c r="V6082">
        <v>49</v>
      </c>
      <c r="W6082">
        <v>50</v>
      </c>
      <c r="X6082">
        <v>51</v>
      </c>
      <c r="Y6082">
        <v>52</v>
      </c>
      <c r="Z6082">
        <v>53</v>
      </c>
      <c r="AA6082">
        <v>53</v>
      </c>
      <c r="AB6082">
        <v>54</v>
      </c>
      <c r="AC6082">
        <v>55</v>
      </c>
      <c r="AD6082">
        <v>56</v>
      </c>
      <c r="AE6082">
        <v>57</v>
      </c>
      <c r="AF6082">
        <v>57</v>
      </c>
      <c r="AG6082">
        <v>58</v>
      </c>
      <c r="AH6082">
        <v>59</v>
      </c>
      <c r="AI6082">
        <v>60</v>
      </c>
      <c r="AJ6082">
        <v>61</v>
      </c>
      <c r="AK6082">
        <v>61</v>
      </c>
      <c r="AL6082">
        <v>62</v>
      </c>
      <c r="AM6082">
        <v>62</v>
      </c>
      <c r="AN6082">
        <v>62</v>
      </c>
      <c r="AO6082">
        <v>62</v>
      </c>
      <c r="AP6082">
        <v>62</v>
      </c>
      <c r="AQ6082">
        <v>62</v>
      </c>
    </row>
    <row r="6083" spans="1:43">
      <c r="A6083" t="s">
        <v>3822</v>
      </c>
      <c r="B6083" t="s">
        <v>3823</v>
      </c>
      <c r="C6083" t="s">
        <v>3814</v>
      </c>
      <c r="D6083" t="s">
        <v>3815</v>
      </c>
      <c r="E6083" t="s">
        <v>3660</v>
      </c>
      <c r="F6083" t="s">
        <v>3661</v>
      </c>
      <c r="G6083" t="s">
        <v>80</v>
      </c>
      <c r="H6083" t="s">
        <v>81</v>
      </c>
      <c r="I6083" s="2">
        <v>0</v>
      </c>
      <c r="J6083" s="2">
        <v>1</v>
      </c>
      <c r="K6083" s="2">
        <v>0</v>
      </c>
      <c r="L6083" t="s">
        <v>82</v>
      </c>
      <c r="M6083" t="s">
        <v>87</v>
      </c>
      <c r="N6083" t="s">
        <v>88</v>
      </c>
      <c r="O6083" t="s">
        <v>85</v>
      </c>
      <c r="P6083" t="s">
        <v>86</v>
      </c>
      <c r="Q6083">
        <v>45</v>
      </c>
      <c r="R6083">
        <v>45</v>
      </c>
      <c r="S6083">
        <v>45</v>
      </c>
      <c r="T6083">
        <v>46</v>
      </c>
      <c r="U6083">
        <v>46</v>
      </c>
      <c r="V6083">
        <v>47</v>
      </c>
      <c r="W6083">
        <v>47</v>
      </c>
      <c r="X6083">
        <v>47</v>
      </c>
      <c r="Y6083">
        <v>48</v>
      </c>
      <c r="Z6083">
        <v>48</v>
      </c>
      <c r="AA6083">
        <v>49</v>
      </c>
      <c r="AB6083">
        <v>49</v>
      </c>
      <c r="AC6083">
        <v>49</v>
      </c>
      <c r="AD6083">
        <v>50</v>
      </c>
      <c r="AE6083">
        <v>50</v>
      </c>
      <c r="AF6083">
        <v>50</v>
      </c>
      <c r="AG6083">
        <v>51</v>
      </c>
      <c r="AH6083">
        <v>51</v>
      </c>
      <c r="AI6083">
        <v>51</v>
      </c>
      <c r="AJ6083">
        <v>52</v>
      </c>
      <c r="AK6083">
        <v>52</v>
      </c>
      <c r="AL6083">
        <v>52</v>
      </c>
      <c r="AM6083">
        <v>53</v>
      </c>
      <c r="AN6083">
        <v>53</v>
      </c>
      <c r="AO6083">
        <v>53</v>
      </c>
      <c r="AP6083">
        <v>54</v>
      </c>
      <c r="AQ6083">
        <v>54</v>
      </c>
    </row>
    <row r="6084" spans="1:43">
      <c r="A6084" t="s">
        <v>3822</v>
      </c>
      <c r="B6084" t="s">
        <v>3823</v>
      </c>
      <c r="C6084" t="s">
        <v>3814</v>
      </c>
      <c r="D6084" t="s">
        <v>3815</v>
      </c>
      <c r="E6084" t="s">
        <v>3660</v>
      </c>
      <c r="F6084" t="s">
        <v>3661</v>
      </c>
      <c r="G6084" t="s">
        <v>80</v>
      </c>
      <c r="H6084" t="s">
        <v>81</v>
      </c>
      <c r="I6084" s="2">
        <v>0</v>
      </c>
      <c r="J6084" s="2">
        <v>1</v>
      </c>
      <c r="K6084" s="2">
        <v>0</v>
      </c>
      <c r="L6084" t="s">
        <v>82</v>
      </c>
      <c r="M6084" t="s">
        <v>89</v>
      </c>
      <c r="N6084" t="s">
        <v>90</v>
      </c>
      <c r="O6084" t="s">
        <v>85</v>
      </c>
      <c r="P6084" t="s">
        <v>86</v>
      </c>
      <c r="Q6084">
        <v>45</v>
      </c>
      <c r="R6084">
        <v>47</v>
      </c>
      <c r="S6084">
        <v>48</v>
      </c>
      <c r="T6084">
        <v>49</v>
      </c>
      <c r="U6084">
        <v>50</v>
      </c>
      <c r="V6084">
        <v>52</v>
      </c>
      <c r="W6084">
        <v>53</v>
      </c>
      <c r="X6084">
        <v>54</v>
      </c>
      <c r="Y6084">
        <v>55</v>
      </c>
      <c r="Z6084">
        <v>56</v>
      </c>
      <c r="AA6084">
        <v>57</v>
      </c>
      <c r="AB6084">
        <v>58</v>
      </c>
      <c r="AC6084">
        <v>59</v>
      </c>
      <c r="AD6084">
        <v>60</v>
      </c>
      <c r="AE6084">
        <v>61</v>
      </c>
      <c r="AF6084">
        <v>61</v>
      </c>
      <c r="AG6084">
        <v>61</v>
      </c>
      <c r="AH6084">
        <v>61</v>
      </c>
      <c r="AI6084">
        <v>62</v>
      </c>
      <c r="AJ6084">
        <v>62</v>
      </c>
      <c r="AK6084">
        <v>62</v>
      </c>
      <c r="AL6084">
        <v>62</v>
      </c>
      <c r="AM6084">
        <v>62</v>
      </c>
      <c r="AN6084">
        <v>62</v>
      </c>
      <c r="AO6084">
        <v>62</v>
      </c>
      <c r="AP6084">
        <v>63</v>
      </c>
      <c r="AQ6084">
        <v>63</v>
      </c>
    </row>
    <row r="6085" spans="1:43">
      <c r="A6085" t="s">
        <v>3822</v>
      </c>
      <c r="B6085" t="s">
        <v>3823</v>
      </c>
      <c r="C6085" t="s">
        <v>3814</v>
      </c>
      <c r="D6085" t="s">
        <v>3815</v>
      </c>
      <c r="E6085" t="s">
        <v>3660</v>
      </c>
      <c r="F6085" t="s">
        <v>3661</v>
      </c>
      <c r="G6085" t="s">
        <v>80</v>
      </c>
      <c r="H6085" t="s">
        <v>81</v>
      </c>
      <c r="I6085" s="2">
        <v>0</v>
      </c>
      <c r="J6085" s="2">
        <v>1</v>
      </c>
      <c r="K6085" s="2">
        <v>0</v>
      </c>
      <c r="L6085" t="s">
        <v>82</v>
      </c>
      <c r="M6085" t="s">
        <v>83</v>
      </c>
      <c r="N6085" t="s">
        <v>91</v>
      </c>
      <c r="O6085" t="s">
        <v>85</v>
      </c>
      <c r="P6085" t="s">
        <v>86</v>
      </c>
      <c r="Q6085">
        <v>45</v>
      </c>
      <c r="R6085">
        <v>46</v>
      </c>
      <c r="S6085">
        <v>47</v>
      </c>
      <c r="T6085">
        <v>48</v>
      </c>
      <c r="U6085">
        <v>48</v>
      </c>
      <c r="V6085">
        <v>49</v>
      </c>
      <c r="W6085">
        <v>50</v>
      </c>
      <c r="X6085">
        <v>51</v>
      </c>
      <c r="Y6085">
        <v>52</v>
      </c>
      <c r="Z6085">
        <v>53</v>
      </c>
      <c r="AA6085">
        <v>53</v>
      </c>
      <c r="AB6085">
        <v>54</v>
      </c>
      <c r="AC6085">
        <v>55</v>
      </c>
      <c r="AD6085">
        <v>56</v>
      </c>
      <c r="AE6085">
        <v>57</v>
      </c>
      <c r="AF6085">
        <v>57</v>
      </c>
      <c r="AG6085">
        <v>58</v>
      </c>
      <c r="AH6085">
        <v>59</v>
      </c>
      <c r="AI6085">
        <v>60</v>
      </c>
      <c r="AJ6085">
        <v>61</v>
      </c>
      <c r="AK6085">
        <v>61</v>
      </c>
      <c r="AL6085">
        <v>62</v>
      </c>
      <c r="AM6085">
        <v>62</v>
      </c>
      <c r="AN6085">
        <v>62</v>
      </c>
      <c r="AO6085">
        <v>62</v>
      </c>
      <c r="AP6085">
        <v>62</v>
      </c>
      <c r="AQ6085">
        <v>62</v>
      </c>
    </row>
    <row r="6086" spans="1:43">
      <c r="A6086" t="s">
        <v>3824</v>
      </c>
      <c r="B6086" t="s">
        <v>3825</v>
      </c>
      <c r="C6086" t="s">
        <v>3710</v>
      </c>
      <c r="D6086" t="s">
        <v>3711</v>
      </c>
      <c r="E6086" t="s">
        <v>3660</v>
      </c>
      <c r="F6086" t="s">
        <v>3661</v>
      </c>
      <c r="G6086" t="s">
        <v>80</v>
      </c>
      <c r="H6086" t="s">
        <v>81</v>
      </c>
      <c r="I6086" s="2">
        <v>0</v>
      </c>
      <c r="J6086" s="2">
        <v>1</v>
      </c>
      <c r="K6086" s="2">
        <v>0</v>
      </c>
      <c r="L6086" t="s">
        <v>82</v>
      </c>
      <c r="M6086" t="s">
        <v>83</v>
      </c>
      <c r="N6086" t="s">
        <v>84</v>
      </c>
      <c r="O6086" t="s">
        <v>85</v>
      </c>
      <c r="P6086" t="s">
        <v>86</v>
      </c>
      <c r="Q6086">
        <v>0</v>
      </c>
      <c r="R6086">
        <v>0</v>
      </c>
      <c r="S6086">
        <v>0</v>
      </c>
      <c r="T6086">
        <v>0</v>
      </c>
      <c r="U6086">
        <v>0</v>
      </c>
      <c r="V6086">
        <v>0</v>
      </c>
      <c r="W6086">
        <v>0</v>
      </c>
      <c r="X6086">
        <v>0</v>
      </c>
      <c r="Y6086">
        <v>0</v>
      </c>
      <c r="Z6086">
        <v>0</v>
      </c>
      <c r="AA6086">
        <v>0</v>
      </c>
      <c r="AB6086">
        <v>0</v>
      </c>
      <c r="AC6086">
        <v>0</v>
      </c>
      <c r="AD6086">
        <v>0</v>
      </c>
      <c r="AE6086">
        <v>0</v>
      </c>
      <c r="AF6086">
        <v>0</v>
      </c>
      <c r="AG6086">
        <v>0</v>
      </c>
      <c r="AH6086">
        <v>0</v>
      </c>
      <c r="AI6086">
        <v>0</v>
      </c>
      <c r="AJ6086">
        <v>0</v>
      </c>
      <c r="AK6086">
        <v>0</v>
      </c>
      <c r="AL6086">
        <v>0</v>
      </c>
      <c r="AM6086">
        <v>0</v>
      </c>
      <c r="AN6086">
        <v>0</v>
      </c>
      <c r="AO6086">
        <v>0</v>
      </c>
      <c r="AP6086">
        <v>0</v>
      </c>
      <c r="AQ6086">
        <v>0</v>
      </c>
    </row>
    <row r="6087" spans="1:43">
      <c r="A6087" t="s">
        <v>3824</v>
      </c>
      <c r="B6087" t="s">
        <v>3825</v>
      </c>
      <c r="C6087" t="s">
        <v>3710</v>
      </c>
      <c r="D6087" t="s">
        <v>3711</v>
      </c>
      <c r="E6087" t="s">
        <v>3660</v>
      </c>
      <c r="F6087" t="s">
        <v>3661</v>
      </c>
      <c r="G6087" t="s">
        <v>80</v>
      </c>
      <c r="H6087" t="s">
        <v>81</v>
      </c>
      <c r="I6087" s="2">
        <v>0</v>
      </c>
      <c r="J6087" s="2">
        <v>1</v>
      </c>
      <c r="K6087" s="2">
        <v>0</v>
      </c>
      <c r="L6087" t="s">
        <v>82</v>
      </c>
      <c r="M6087" t="s">
        <v>87</v>
      </c>
      <c r="N6087" t="s">
        <v>88</v>
      </c>
      <c r="O6087" t="s">
        <v>85</v>
      </c>
      <c r="P6087" t="s">
        <v>86</v>
      </c>
      <c r="Q6087">
        <v>0</v>
      </c>
      <c r="R6087">
        <v>0</v>
      </c>
      <c r="S6087">
        <v>0</v>
      </c>
      <c r="T6087">
        <v>0</v>
      </c>
      <c r="U6087">
        <v>0</v>
      </c>
      <c r="V6087">
        <v>0</v>
      </c>
      <c r="W6087">
        <v>0</v>
      </c>
      <c r="X6087">
        <v>0</v>
      </c>
      <c r="Y6087">
        <v>0</v>
      </c>
      <c r="Z6087">
        <v>0</v>
      </c>
      <c r="AA6087">
        <v>0</v>
      </c>
      <c r="AB6087">
        <v>0</v>
      </c>
      <c r="AC6087">
        <v>0</v>
      </c>
      <c r="AD6087">
        <v>0</v>
      </c>
      <c r="AE6087">
        <v>0</v>
      </c>
      <c r="AF6087">
        <v>0</v>
      </c>
      <c r="AG6087">
        <v>0</v>
      </c>
      <c r="AH6087">
        <v>0</v>
      </c>
      <c r="AI6087">
        <v>0</v>
      </c>
      <c r="AJ6087">
        <v>0</v>
      </c>
      <c r="AK6087">
        <v>0</v>
      </c>
      <c r="AL6087">
        <v>0</v>
      </c>
      <c r="AM6087">
        <v>0</v>
      </c>
      <c r="AN6087">
        <v>0</v>
      </c>
      <c r="AO6087">
        <v>0</v>
      </c>
      <c r="AP6087">
        <v>0</v>
      </c>
      <c r="AQ6087">
        <v>0</v>
      </c>
    </row>
    <row r="6088" spans="1:43">
      <c r="A6088" t="s">
        <v>3824</v>
      </c>
      <c r="B6088" t="s">
        <v>3825</v>
      </c>
      <c r="C6088" t="s">
        <v>3710</v>
      </c>
      <c r="D6088" t="s">
        <v>3711</v>
      </c>
      <c r="E6088" t="s">
        <v>3660</v>
      </c>
      <c r="F6088" t="s">
        <v>3661</v>
      </c>
      <c r="G6088" t="s">
        <v>80</v>
      </c>
      <c r="H6088" t="s">
        <v>81</v>
      </c>
      <c r="I6088" s="2">
        <v>0</v>
      </c>
      <c r="J6088" s="2">
        <v>1</v>
      </c>
      <c r="K6088" s="2">
        <v>0</v>
      </c>
      <c r="L6088" t="s">
        <v>82</v>
      </c>
      <c r="M6088" t="s">
        <v>89</v>
      </c>
      <c r="N6088" t="s">
        <v>90</v>
      </c>
      <c r="O6088" t="s">
        <v>85</v>
      </c>
      <c r="P6088" t="s">
        <v>86</v>
      </c>
      <c r="Q6088">
        <v>0</v>
      </c>
      <c r="R6088">
        <v>0</v>
      </c>
      <c r="S6088">
        <v>0</v>
      </c>
      <c r="T6088">
        <v>0</v>
      </c>
      <c r="U6088">
        <v>0</v>
      </c>
      <c r="V6088">
        <v>0</v>
      </c>
      <c r="W6088">
        <v>0</v>
      </c>
      <c r="X6088">
        <v>0</v>
      </c>
      <c r="Y6088">
        <v>0</v>
      </c>
      <c r="Z6088">
        <v>0</v>
      </c>
      <c r="AA6088">
        <v>0</v>
      </c>
      <c r="AB6088">
        <v>0</v>
      </c>
      <c r="AC6088">
        <v>0</v>
      </c>
      <c r="AD6088">
        <v>0</v>
      </c>
      <c r="AE6088">
        <v>0</v>
      </c>
      <c r="AF6088">
        <v>0</v>
      </c>
      <c r="AG6088">
        <v>0</v>
      </c>
      <c r="AH6088">
        <v>0</v>
      </c>
      <c r="AI6088">
        <v>0</v>
      </c>
      <c r="AJ6088">
        <v>0</v>
      </c>
      <c r="AK6088">
        <v>0</v>
      </c>
      <c r="AL6088">
        <v>0</v>
      </c>
      <c r="AM6088">
        <v>0</v>
      </c>
      <c r="AN6088">
        <v>0</v>
      </c>
      <c r="AO6088">
        <v>0</v>
      </c>
      <c r="AP6088">
        <v>0</v>
      </c>
      <c r="AQ6088">
        <v>0</v>
      </c>
    </row>
    <row r="6089" spans="1:43">
      <c r="A6089" t="s">
        <v>3824</v>
      </c>
      <c r="B6089" t="s">
        <v>3825</v>
      </c>
      <c r="C6089" t="s">
        <v>3710</v>
      </c>
      <c r="D6089" t="s">
        <v>3711</v>
      </c>
      <c r="E6089" t="s">
        <v>3660</v>
      </c>
      <c r="F6089" t="s">
        <v>3661</v>
      </c>
      <c r="G6089" t="s">
        <v>80</v>
      </c>
      <c r="H6089" t="s">
        <v>81</v>
      </c>
      <c r="I6089" s="2">
        <v>0</v>
      </c>
      <c r="J6089" s="2">
        <v>1</v>
      </c>
      <c r="K6089" s="2">
        <v>0</v>
      </c>
      <c r="L6089" t="s">
        <v>82</v>
      </c>
      <c r="M6089" t="s">
        <v>83</v>
      </c>
      <c r="N6089" t="s">
        <v>91</v>
      </c>
      <c r="O6089" t="s">
        <v>85</v>
      </c>
      <c r="P6089" t="s">
        <v>86</v>
      </c>
      <c r="Q6089">
        <v>0</v>
      </c>
      <c r="R6089">
        <v>0</v>
      </c>
      <c r="S6089">
        <v>0</v>
      </c>
      <c r="T6089">
        <v>0</v>
      </c>
      <c r="U6089">
        <v>0</v>
      </c>
      <c r="V6089">
        <v>0</v>
      </c>
      <c r="W6089">
        <v>0</v>
      </c>
      <c r="X6089">
        <v>0</v>
      </c>
      <c r="Y6089">
        <v>0</v>
      </c>
      <c r="Z6089">
        <v>0</v>
      </c>
      <c r="AA6089">
        <v>0</v>
      </c>
      <c r="AB6089">
        <v>0</v>
      </c>
      <c r="AC6089">
        <v>0</v>
      </c>
      <c r="AD6089">
        <v>0</v>
      </c>
      <c r="AE6089">
        <v>0</v>
      </c>
      <c r="AF6089">
        <v>0</v>
      </c>
      <c r="AG6089">
        <v>0</v>
      </c>
      <c r="AH6089">
        <v>0</v>
      </c>
      <c r="AI6089">
        <v>0</v>
      </c>
      <c r="AJ6089">
        <v>0</v>
      </c>
      <c r="AK6089">
        <v>0</v>
      </c>
      <c r="AL6089">
        <v>0</v>
      </c>
      <c r="AM6089">
        <v>0</v>
      </c>
      <c r="AN6089">
        <v>0</v>
      </c>
      <c r="AO6089">
        <v>0</v>
      </c>
      <c r="AP6089">
        <v>0</v>
      </c>
      <c r="AQ6089">
        <v>0</v>
      </c>
    </row>
    <row r="6090" spans="1:43">
      <c r="A6090" t="s">
        <v>3826</v>
      </c>
      <c r="B6090" t="s">
        <v>3827</v>
      </c>
      <c r="C6090" t="s">
        <v>3828</v>
      </c>
      <c r="D6090" t="s">
        <v>3829</v>
      </c>
      <c r="E6090" t="s">
        <v>3660</v>
      </c>
      <c r="F6090" t="s">
        <v>3661</v>
      </c>
      <c r="G6090" t="s">
        <v>80</v>
      </c>
      <c r="H6090" t="s">
        <v>81</v>
      </c>
      <c r="I6090" s="2">
        <v>0</v>
      </c>
      <c r="J6090" s="2">
        <v>1</v>
      </c>
      <c r="K6090" s="2">
        <v>0</v>
      </c>
      <c r="L6090" t="s">
        <v>82</v>
      </c>
      <c r="M6090" t="s">
        <v>83</v>
      </c>
      <c r="N6090" t="s">
        <v>84</v>
      </c>
      <c r="O6090" t="s">
        <v>85</v>
      </c>
      <c r="P6090" t="s">
        <v>86</v>
      </c>
      <c r="Q6090">
        <v>56</v>
      </c>
      <c r="R6090">
        <v>57</v>
      </c>
      <c r="S6090">
        <v>59</v>
      </c>
      <c r="T6090">
        <v>60</v>
      </c>
      <c r="U6090">
        <v>61</v>
      </c>
      <c r="V6090">
        <v>62</v>
      </c>
      <c r="W6090">
        <v>63</v>
      </c>
      <c r="X6090">
        <v>64</v>
      </c>
      <c r="Y6090">
        <v>65</v>
      </c>
      <c r="Z6090">
        <v>66</v>
      </c>
      <c r="AA6090">
        <v>67</v>
      </c>
      <c r="AB6090">
        <v>68</v>
      </c>
      <c r="AC6090">
        <v>69</v>
      </c>
      <c r="AD6090">
        <v>70</v>
      </c>
      <c r="AE6090">
        <v>71</v>
      </c>
      <c r="AF6090">
        <v>72</v>
      </c>
      <c r="AG6090">
        <v>73</v>
      </c>
      <c r="AH6090">
        <v>74</v>
      </c>
      <c r="AI6090">
        <v>75</v>
      </c>
      <c r="AJ6090">
        <v>76</v>
      </c>
      <c r="AK6090">
        <v>77</v>
      </c>
      <c r="AL6090">
        <v>77</v>
      </c>
      <c r="AM6090">
        <v>78</v>
      </c>
      <c r="AN6090">
        <v>78</v>
      </c>
      <c r="AO6090">
        <v>78</v>
      </c>
      <c r="AP6090">
        <v>78</v>
      </c>
      <c r="AQ6090">
        <v>79</v>
      </c>
    </row>
    <row r="6091" spans="1:43">
      <c r="A6091" t="s">
        <v>3826</v>
      </c>
      <c r="B6091" t="s">
        <v>3827</v>
      </c>
      <c r="C6091" t="s">
        <v>3828</v>
      </c>
      <c r="D6091" t="s">
        <v>3829</v>
      </c>
      <c r="E6091" t="s">
        <v>3660</v>
      </c>
      <c r="F6091" t="s">
        <v>3661</v>
      </c>
      <c r="G6091" t="s">
        <v>80</v>
      </c>
      <c r="H6091" t="s">
        <v>81</v>
      </c>
      <c r="I6091" s="2">
        <v>0</v>
      </c>
      <c r="J6091" s="2">
        <v>1</v>
      </c>
      <c r="K6091" s="2">
        <v>0</v>
      </c>
      <c r="L6091" t="s">
        <v>82</v>
      </c>
      <c r="M6091" t="s">
        <v>87</v>
      </c>
      <c r="N6091" t="s">
        <v>88</v>
      </c>
      <c r="O6091" t="s">
        <v>85</v>
      </c>
      <c r="P6091" t="s">
        <v>86</v>
      </c>
      <c r="Q6091">
        <v>56</v>
      </c>
      <c r="R6091">
        <v>56</v>
      </c>
      <c r="S6091">
        <v>57</v>
      </c>
      <c r="T6091">
        <v>58</v>
      </c>
      <c r="U6091">
        <v>58</v>
      </c>
      <c r="V6091">
        <v>59</v>
      </c>
      <c r="W6091">
        <v>59</v>
      </c>
      <c r="X6091">
        <v>60</v>
      </c>
      <c r="Y6091">
        <v>60</v>
      </c>
      <c r="Z6091">
        <v>61</v>
      </c>
      <c r="AA6091">
        <v>61</v>
      </c>
      <c r="AB6091">
        <v>62</v>
      </c>
      <c r="AC6091">
        <v>62</v>
      </c>
      <c r="AD6091">
        <v>63</v>
      </c>
      <c r="AE6091">
        <v>63</v>
      </c>
      <c r="AF6091">
        <v>64</v>
      </c>
      <c r="AG6091">
        <v>64</v>
      </c>
      <c r="AH6091">
        <v>64</v>
      </c>
      <c r="AI6091">
        <v>65</v>
      </c>
      <c r="AJ6091">
        <v>65</v>
      </c>
      <c r="AK6091">
        <v>66</v>
      </c>
      <c r="AL6091">
        <v>66</v>
      </c>
      <c r="AM6091">
        <v>67</v>
      </c>
      <c r="AN6091">
        <v>67</v>
      </c>
      <c r="AO6091">
        <v>68</v>
      </c>
      <c r="AP6091">
        <v>68</v>
      </c>
      <c r="AQ6091">
        <v>68</v>
      </c>
    </row>
    <row r="6092" spans="1:43">
      <c r="A6092" t="s">
        <v>3826</v>
      </c>
      <c r="B6092" t="s">
        <v>3827</v>
      </c>
      <c r="C6092" t="s">
        <v>3828</v>
      </c>
      <c r="D6092" t="s">
        <v>3829</v>
      </c>
      <c r="E6092" t="s">
        <v>3660</v>
      </c>
      <c r="F6092" t="s">
        <v>3661</v>
      </c>
      <c r="G6092" t="s">
        <v>80</v>
      </c>
      <c r="H6092" t="s">
        <v>81</v>
      </c>
      <c r="I6092" s="2">
        <v>0</v>
      </c>
      <c r="J6092" s="2">
        <v>1</v>
      </c>
      <c r="K6092" s="2">
        <v>0</v>
      </c>
      <c r="L6092" t="s">
        <v>82</v>
      </c>
      <c r="M6092" t="s">
        <v>89</v>
      </c>
      <c r="N6092" t="s">
        <v>90</v>
      </c>
      <c r="O6092" t="s">
        <v>85</v>
      </c>
      <c r="P6092" t="s">
        <v>86</v>
      </c>
      <c r="Q6092">
        <v>56</v>
      </c>
      <c r="R6092">
        <v>57</v>
      </c>
      <c r="S6092">
        <v>59</v>
      </c>
      <c r="T6092">
        <v>61</v>
      </c>
      <c r="U6092">
        <v>62</v>
      </c>
      <c r="V6092">
        <v>64</v>
      </c>
      <c r="W6092">
        <v>65</v>
      </c>
      <c r="X6092">
        <v>67</v>
      </c>
      <c r="Y6092">
        <v>68</v>
      </c>
      <c r="Z6092">
        <v>69</v>
      </c>
      <c r="AA6092">
        <v>70</v>
      </c>
      <c r="AB6092">
        <v>72</v>
      </c>
      <c r="AC6092">
        <v>73</v>
      </c>
      <c r="AD6092">
        <v>74</v>
      </c>
      <c r="AE6092">
        <v>75</v>
      </c>
      <c r="AF6092">
        <v>76</v>
      </c>
      <c r="AG6092">
        <v>76</v>
      </c>
      <c r="AH6092">
        <v>76</v>
      </c>
      <c r="AI6092">
        <v>76</v>
      </c>
      <c r="AJ6092">
        <v>76</v>
      </c>
      <c r="AK6092">
        <v>77</v>
      </c>
      <c r="AL6092">
        <v>77</v>
      </c>
      <c r="AM6092">
        <v>77</v>
      </c>
      <c r="AN6092">
        <v>77</v>
      </c>
      <c r="AO6092">
        <v>78</v>
      </c>
      <c r="AP6092">
        <v>78</v>
      </c>
      <c r="AQ6092">
        <v>78</v>
      </c>
    </row>
    <row r="6093" spans="1:43">
      <c r="A6093" t="s">
        <v>3826</v>
      </c>
      <c r="B6093" t="s">
        <v>3827</v>
      </c>
      <c r="C6093" t="s">
        <v>3828</v>
      </c>
      <c r="D6093" t="s">
        <v>3829</v>
      </c>
      <c r="E6093" t="s">
        <v>3660</v>
      </c>
      <c r="F6093" t="s">
        <v>3661</v>
      </c>
      <c r="G6093" t="s">
        <v>80</v>
      </c>
      <c r="H6093" t="s">
        <v>81</v>
      </c>
      <c r="I6093" s="2">
        <v>0</v>
      </c>
      <c r="J6093" s="2">
        <v>1</v>
      </c>
      <c r="K6093" s="2">
        <v>0</v>
      </c>
      <c r="L6093" t="s">
        <v>82</v>
      </c>
      <c r="M6093" t="s">
        <v>83</v>
      </c>
      <c r="N6093" t="s">
        <v>91</v>
      </c>
      <c r="O6093" t="s">
        <v>85</v>
      </c>
      <c r="P6093" t="s">
        <v>86</v>
      </c>
      <c r="Q6093">
        <v>56</v>
      </c>
      <c r="R6093">
        <v>57</v>
      </c>
      <c r="S6093">
        <v>59</v>
      </c>
      <c r="T6093">
        <v>60</v>
      </c>
      <c r="U6093">
        <v>61</v>
      </c>
      <c r="V6093">
        <v>62</v>
      </c>
      <c r="W6093">
        <v>63</v>
      </c>
      <c r="X6093">
        <v>64</v>
      </c>
      <c r="Y6093">
        <v>65</v>
      </c>
      <c r="Z6093">
        <v>66</v>
      </c>
      <c r="AA6093">
        <v>67</v>
      </c>
      <c r="AB6093">
        <v>68</v>
      </c>
      <c r="AC6093">
        <v>69</v>
      </c>
      <c r="AD6093">
        <v>70</v>
      </c>
      <c r="AE6093">
        <v>71</v>
      </c>
      <c r="AF6093">
        <v>72</v>
      </c>
      <c r="AG6093">
        <v>73</v>
      </c>
      <c r="AH6093">
        <v>74</v>
      </c>
      <c r="AI6093">
        <v>75</v>
      </c>
      <c r="AJ6093">
        <v>76</v>
      </c>
      <c r="AK6093">
        <v>77</v>
      </c>
      <c r="AL6093">
        <v>77</v>
      </c>
      <c r="AM6093">
        <v>78</v>
      </c>
      <c r="AN6093">
        <v>78</v>
      </c>
      <c r="AO6093">
        <v>78</v>
      </c>
      <c r="AP6093">
        <v>78</v>
      </c>
      <c r="AQ6093">
        <v>79</v>
      </c>
    </row>
    <row r="6094" spans="1:43">
      <c r="A6094" t="s">
        <v>3830</v>
      </c>
      <c r="B6094" t="s">
        <v>3831</v>
      </c>
      <c r="C6094" t="s">
        <v>3828</v>
      </c>
      <c r="D6094" t="s">
        <v>3829</v>
      </c>
      <c r="E6094" t="s">
        <v>3660</v>
      </c>
      <c r="F6094" t="s">
        <v>3661</v>
      </c>
      <c r="G6094" t="s">
        <v>80</v>
      </c>
      <c r="H6094" t="s">
        <v>81</v>
      </c>
      <c r="I6094" s="2">
        <v>0</v>
      </c>
      <c r="J6094" s="2">
        <v>1</v>
      </c>
      <c r="K6094" s="2">
        <v>0</v>
      </c>
      <c r="L6094" t="s">
        <v>82</v>
      </c>
      <c r="M6094" t="s">
        <v>83</v>
      </c>
      <c r="N6094" t="s">
        <v>84</v>
      </c>
      <c r="O6094" t="s">
        <v>85</v>
      </c>
      <c r="P6094" t="s">
        <v>86</v>
      </c>
      <c r="Q6094">
        <v>52</v>
      </c>
      <c r="R6094">
        <v>53</v>
      </c>
      <c r="S6094">
        <v>54</v>
      </c>
      <c r="T6094">
        <v>55</v>
      </c>
      <c r="U6094">
        <v>56</v>
      </c>
      <c r="V6094">
        <v>57</v>
      </c>
      <c r="W6094">
        <v>58</v>
      </c>
      <c r="X6094">
        <v>59</v>
      </c>
      <c r="Y6094">
        <v>60</v>
      </c>
      <c r="Z6094">
        <v>61</v>
      </c>
      <c r="AA6094">
        <v>62</v>
      </c>
      <c r="AB6094">
        <v>63</v>
      </c>
      <c r="AC6094">
        <v>64</v>
      </c>
      <c r="AD6094">
        <v>65</v>
      </c>
      <c r="AE6094">
        <v>66</v>
      </c>
      <c r="AF6094">
        <v>67</v>
      </c>
      <c r="AG6094">
        <v>68</v>
      </c>
      <c r="AH6094">
        <v>69</v>
      </c>
      <c r="AI6094">
        <v>69</v>
      </c>
      <c r="AJ6094">
        <v>70</v>
      </c>
      <c r="AK6094">
        <v>71</v>
      </c>
      <c r="AL6094">
        <v>72</v>
      </c>
      <c r="AM6094">
        <v>72</v>
      </c>
      <c r="AN6094">
        <v>72</v>
      </c>
      <c r="AO6094">
        <v>72</v>
      </c>
      <c r="AP6094">
        <v>72</v>
      </c>
      <c r="AQ6094">
        <v>73</v>
      </c>
    </row>
    <row r="6095" spans="1:43">
      <c r="A6095" t="s">
        <v>3830</v>
      </c>
      <c r="B6095" t="s">
        <v>3831</v>
      </c>
      <c r="C6095" t="s">
        <v>3828</v>
      </c>
      <c r="D6095" t="s">
        <v>3829</v>
      </c>
      <c r="E6095" t="s">
        <v>3660</v>
      </c>
      <c r="F6095" t="s">
        <v>3661</v>
      </c>
      <c r="G6095" t="s">
        <v>80</v>
      </c>
      <c r="H6095" t="s">
        <v>81</v>
      </c>
      <c r="I6095" s="2">
        <v>0</v>
      </c>
      <c r="J6095" s="2">
        <v>1</v>
      </c>
      <c r="K6095" s="2">
        <v>0</v>
      </c>
      <c r="L6095" t="s">
        <v>82</v>
      </c>
      <c r="M6095" t="s">
        <v>87</v>
      </c>
      <c r="N6095" t="s">
        <v>88</v>
      </c>
      <c r="O6095" t="s">
        <v>85</v>
      </c>
      <c r="P6095" t="s">
        <v>86</v>
      </c>
      <c r="Q6095">
        <v>52</v>
      </c>
      <c r="R6095">
        <v>52</v>
      </c>
      <c r="S6095">
        <v>53</v>
      </c>
      <c r="T6095">
        <v>53</v>
      </c>
      <c r="U6095">
        <v>54</v>
      </c>
      <c r="V6095">
        <v>54</v>
      </c>
      <c r="W6095">
        <v>55</v>
      </c>
      <c r="X6095">
        <v>55</v>
      </c>
      <c r="Y6095">
        <v>56</v>
      </c>
      <c r="Z6095">
        <v>56</v>
      </c>
      <c r="AA6095">
        <v>57</v>
      </c>
      <c r="AB6095">
        <v>57</v>
      </c>
      <c r="AC6095">
        <v>57</v>
      </c>
      <c r="AD6095">
        <v>58</v>
      </c>
      <c r="AE6095">
        <v>58</v>
      </c>
      <c r="AF6095">
        <v>59</v>
      </c>
      <c r="AG6095">
        <v>59</v>
      </c>
      <c r="AH6095">
        <v>59</v>
      </c>
      <c r="AI6095">
        <v>60</v>
      </c>
      <c r="AJ6095">
        <v>60</v>
      </c>
      <c r="AK6095">
        <v>61</v>
      </c>
      <c r="AL6095">
        <v>61</v>
      </c>
      <c r="AM6095">
        <v>61</v>
      </c>
      <c r="AN6095">
        <v>62</v>
      </c>
      <c r="AO6095">
        <v>62</v>
      </c>
      <c r="AP6095">
        <v>63</v>
      </c>
      <c r="AQ6095">
        <v>63</v>
      </c>
    </row>
    <row r="6096" spans="1:43">
      <c r="A6096" t="s">
        <v>3830</v>
      </c>
      <c r="B6096" t="s">
        <v>3831</v>
      </c>
      <c r="C6096" t="s">
        <v>3828</v>
      </c>
      <c r="D6096" t="s">
        <v>3829</v>
      </c>
      <c r="E6096" t="s">
        <v>3660</v>
      </c>
      <c r="F6096" t="s">
        <v>3661</v>
      </c>
      <c r="G6096" t="s">
        <v>80</v>
      </c>
      <c r="H6096" t="s">
        <v>81</v>
      </c>
      <c r="I6096" s="2">
        <v>0</v>
      </c>
      <c r="J6096" s="2">
        <v>1</v>
      </c>
      <c r="K6096" s="2">
        <v>0</v>
      </c>
      <c r="L6096" t="s">
        <v>82</v>
      </c>
      <c r="M6096" t="s">
        <v>89</v>
      </c>
      <c r="N6096" t="s">
        <v>90</v>
      </c>
      <c r="O6096" t="s">
        <v>85</v>
      </c>
      <c r="P6096" t="s">
        <v>86</v>
      </c>
      <c r="Q6096">
        <v>52</v>
      </c>
      <c r="R6096">
        <v>53</v>
      </c>
      <c r="S6096">
        <v>55</v>
      </c>
      <c r="T6096">
        <v>56</v>
      </c>
      <c r="U6096">
        <v>58</v>
      </c>
      <c r="V6096">
        <v>59</v>
      </c>
      <c r="W6096">
        <v>60</v>
      </c>
      <c r="X6096">
        <v>62</v>
      </c>
      <c r="Y6096">
        <v>63</v>
      </c>
      <c r="Z6096">
        <v>64</v>
      </c>
      <c r="AA6096">
        <v>65</v>
      </c>
      <c r="AB6096">
        <v>66</v>
      </c>
      <c r="AC6096">
        <v>68</v>
      </c>
      <c r="AD6096">
        <v>69</v>
      </c>
      <c r="AE6096">
        <v>70</v>
      </c>
      <c r="AF6096">
        <v>70</v>
      </c>
      <c r="AG6096">
        <v>70</v>
      </c>
      <c r="AH6096">
        <v>70</v>
      </c>
      <c r="AI6096">
        <v>71</v>
      </c>
      <c r="AJ6096">
        <v>71</v>
      </c>
      <c r="AK6096">
        <v>71</v>
      </c>
      <c r="AL6096">
        <v>71</v>
      </c>
      <c r="AM6096">
        <v>71</v>
      </c>
      <c r="AN6096">
        <v>72</v>
      </c>
      <c r="AO6096">
        <v>72</v>
      </c>
      <c r="AP6096">
        <v>72</v>
      </c>
      <c r="AQ6096">
        <v>72</v>
      </c>
    </row>
    <row r="6097" spans="1:43">
      <c r="A6097" t="s">
        <v>3830</v>
      </c>
      <c r="B6097" t="s">
        <v>3831</v>
      </c>
      <c r="C6097" t="s">
        <v>3828</v>
      </c>
      <c r="D6097" t="s">
        <v>3829</v>
      </c>
      <c r="E6097" t="s">
        <v>3660</v>
      </c>
      <c r="F6097" t="s">
        <v>3661</v>
      </c>
      <c r="G6097" t="s">
        <v>80</v>
      </c>
      <c r="H6097" t="s">
        <v>81</v>
      </c>
      <c r="I6097" s="2">
        <v>0</v>
      </c>
      <c r="J6097" s="2">
        <v>1</v>
      </c>
      <c r="K6097" s="2">
        <v>0</v>
      </c>
      <c r="L6097" t="s">
        <v>82</v>
      </c>
      <c r="M6097" t="s">
        <v>83</v>
      </c>
      <c r="N6097" t="s">
        <v>91</v>
      </c>
      <c r="O6097" t="s">
        <v>85</v>
      </c>
      <c r="P6097" t="s">
        <v>86</v>
      </c>
      <c r="Q6097">
        <v>52</v>
      </c>
      <c r="R6097">
        <v>53</v>
      </c>
      <c r="S6097">
        <v>54</v>
      </c>
      <c r="T6097">
        <v>55</v>
      </c>
      <c r="U6097">
        <v>56</v>
      </c>
      <c r="V6097">
        <v>57</v>
      </c>
      <c r="W6097">
        <v>58</v>
      </c>
      <c r="X6097">
        <v>59</v>
      </c>
      <c r="Y6097">
        <v>60</v>
      </c>
      <c r="Z6097">
        <v>61</v>
      </c>
      <c r="AA6097">
        <v>62</v>
      </c>
      <c r="AB6097">
        <v>63</v>
      </c>
      <c r="AC6097">
        <v>64</v>
      </c>
      <c r="AD6097">
        <v>65</v>
      </c>
      <c r="AE6097">
        <v>66</v>
      </c>
      <c r="AF6097">
        <v>67</v>
      </c>
      <c r="AG6097">
        <v>68</v>
      </c>
      <c r="AH6097">
        <v>69</v>
      </c>
      <c r="AI6097">
        <v>69</v>
      </c>
      <c r="AJ6097">
        <v>70</v>
      </c>
      <c r="AK6097">
        <v>71</v>
      </c>
      <c r="AL6097">
        <v>72</v>
      </c>
      <c r="AM6097">
        <v>72</v>
      </c>
      <c r="AN6097">
        <v>72</v>
      </c>
      <c r="AO6097">
        <v>72</v>
      </c>
      <c r="AP6097">
        <v>72</v>
      </c>
      <c r="AQ6097">
        <v>73</v>
      </c>
    </row>
    <row r="6098" spans="1:43">
      <c r="A6098" t="s">
        <v>3832</v>
      </c>
      <c r="B6098" t="s">
        <v>3833</v>
      </c>
      <c r="C6098" t="s">
        <v>3828</v>
      </c>
      <c r="D6098" t="s">
        <v>3829</v>
      </c>
      <c r="E6098" t="s">
        <v>3660</v>
      </c>
      <c r="F6098" t="s">
        <v>3661</v>
      </c>
      <c r="G6098" t="s">
        <v>80</v>
      </c>
      <c r="H6098" t="s">
        <v>81</v>
      </c>
      <c r="I6098" s="2">
        <v>0</v>
      </c>
      <c r="J6098" s="2">
        <v>1</v>
      </c>
      <c r="K6098" s="2">
        <v>0</v>
      </c>
      <c r="L6098" t="s">
        <v>82</v>
      </c>
      <c r="M6098" t="s">
        <v>83</v>
      </c>
      <c r="N6098" t="s">
        <v>84</v>
      </c>
      <c r="O6098" t="s">
        <v>85</v>
      </c>
      <c r="P6098" t="s">
        <v>86</v>
      </c>
      <c r="Q6098">
        <v>22</v>
      </c>
      <c r="R6098">
        <v>22</v>
      </c>
      <c r="S6098">
        <v>23</v>
      </c>
      <c r="T6098">
        <v>23</v>
      </c>
      <c r="U6098">
        <v>23</v>
      </c>
      <c r="V6098">
        <v>24</v>
      </c>
      <c r="W6098">
        <v>24</v>
      </c>
      <c r="X6098">
        <v>25</v>
      </c>
      <c r="Y6098">
        <v>25</v>
      </c>
      <c r="Z6098">
        <v>25</v>
      </c>
      <c r="AA6098">
        <v>26</v>
      </c>
      <c r="AB6098">
        <v>26</v>
      </c>
      <c r="AC6098">
        <v>27</v>
      </c>
      <c r="AD6098">
        <v>27</v>
      </c>
      <c r="AE6098">
        <v>27</v>
      </c>
      <c r="AF6098">
        <v>28</v>
      </c>
      <c r="AG6098">
        <v>28</v>
      </c>
      <c r="AH6098">
        <v>29</v>
      </c>
      <c r="AI6098">
        <v>29</v>
      </c>
      <c r="AJ6098">
        <v>29</v>
      </c>
      <c r="AK6098">
        <v>30</v>
      </c>
      <c r="AL6098">
        <v>30</v>
      </c>
      <c r="AM6098">
        <v>30</v>
      </c>
      <c r="AN6098">
        <v>30</v>
      </c>
      <c r="AO6098">
        <v>30</v>
      </c>
      <c r="AP6098">
        <v>30</v>
      </c>
      <c r="AQ6098">
        <v>30</v>
      </c>
    </row>
    <row r="6099" spans="1:43">
      <c r="A6099" t="s">
        <v>3832</v>
      </c>
      <c r="B6099" t="s">
        <v>3833</v>
      </c>
      <c r="C6099" t="s">
        <v>3828</v>
      </c>
      <c r="D6099" t="s">
        <v>3829</v>
      </c>
      <c r="E6099" t="s">
        <v>3660</v>
      </c>
      <c r="F6099" t="s">
        <v>3661</v>
      </c>
      <c r="G6099" t="s">
        <v>80</v>
      </c>
      <c r="H6099" t="s">
        <v>81</v>
      </c>
      <c r="I6099" s="2">
        <v>0</v>
      </c>
      <c r="J6099" s="2">
        <v>1</v>
      </c>
      <c r="K6099" s="2">
        <v>0</v>
      </c>
      <c r="L6099" t="s">
        <v>82</v>
      </c>
      <c r="M6099" t="s">
        <v>87</v>
      </c>
      <c r="N6099" t="s">
        <v>88</v>
      </c>
      <c r="O6099" t="s">
        <v>85</v>
      </c>
      <c r="P6099" t="s">
        <v>86</v>
      </c>
      <c r="Q6099">
        <v>22</v>
      </c>
      <c r="R6099">
        <v>22</v>
      </c>
      <c r="S6099">
        <v>22</v>
      </c>
      <c r="T6099">
        <v>22</v>
      </c>
      <c r="U6099">
        <v>22</v>
      </c>
      <c r="V6099">
        <v>23</v>
      </c>
      <c r="W6099">
        <v>23</v>
      </c>
      <c r="X6099">
        <v>23</v>
      </c>
      <c r="Y6099">
        <v>23</v>
      </c>
      <c r="Z6099">
        <v>23</v>
      </c>
      <c r="AA6099">
        <v>24</v>
      </c>
      <c r="AB6099">
        <v>24</v>
      </c>
      <c r="AC6099">
        <v>24</v>
      </c>
      <c r="AD6099">
        <v>24</v>
      </c>
      <c r="AE6099">
        <v>24</v>
      </c>
      <c r="AF6099">
        <v>24</v>
      </c>
      <c r="AG6099">
        <v>25</v>
      </c>
      <c r="AH6099">
        <v>25</v>
      </c>
      <c r="AI6099">
        <v>25</v>
      </c>
      <c r="AJ6099">
        <v>25</v>
      </c>
      <c r="AK6099">
        <v>25</v>
      </c>
      <c r="AL6099">
        <v>25</v>
      </c>
      <c r="AM6099">
        <v>26</v>
      </c>
      <c r="AN6099">
        <v>26</v>
      </c>
      <c r="AO6099">
        <v>26</v>
      </c>
      <c r="AP6099">
        <v>26</v>
      </c>
      <c r="AQ6099">
        <v>26</v>
      </c>
    </row>
    <row r="6100" spans="1:43">
      <c r="A6100" t="s">
        <v>3832</v>
      </c>
      <c r="B6100" t="s">
        <v>3833</v>
      </c>
      <c r="C6100" t="s">
        <v>3828</v>
      </c>
      <c r="D6100" t="s">
        <v>3829</v>
      </c>
      <c r="E6100" t="s">
        <v>3660</v>
      </c>
      <c r="F6100" t="s">
        <v>3661</v>
      </c>
      <c r="G6100" t="s">
        <v>80</v>
      </c>
      <c r="H6100" t="s">
        <v>81</v>
      </c>
      <c r="I6100" s="2">
        <v>0</v>
      </c>
      <c r="J6100" s="2">
        <v>1</v>
      </c>
      <c r="K6100" s="2">
        <v>0</v>
      </c>
      <c r="L6100" t="s">
        <v>82</v>
      </c>
      <c r="M6100" t="s">
        <v>89</v>
      </c>
      <c r="N6100" t="s">
        <v>90</v>
      </c>
      <c r="O6100" t="s">
        <v>85</v>
      </c>
      <c r="P6100" t="s">
        <v>86</v>
      </c>
      <c r="Q6100">
        <v>22</v>
      </c>
      <c r="R6100">
        <v>23</v>
      </c>
      <c r="S6100">
        <v>23</v>
      </c>
      <c r="T6100">
        <v>24</v>
      </c>
      <c r="U6100">
        <v>24</v>
      </c>
      <c r="V6100">
        <v>25</v>
      </c>
      <c r="W6100">
        <v>26</v>
      </c>
      <c r="X6100">
        <v>26</v>
      </c>
      <c r="Y6100">
        <v>27</v>
      </c>
      <c r="Z6100">
        <v>27</v>
      </c>
      <c r="AA6100">
        <v>28</v>
      </c>
      <c r="AB6100">
        <v>28</v>
      </c>
      <c r="AC6100">
        <v>29</v>
      </c>
      <c r="AD6100">
        <v>29</v>
      </c>
      <c r="AE6100">
        <v>29</v>
      </c>
      <c r="AF6100">
        <v>30</v>
      </c>
      <c r="AG6100">
        <v>30</v>
      </c>
      <c r="AH6100">
        <v>30</v>
      </c>
      <c r="AI6100">
        <v>30</v>
      </c>
      <c r="AJ6100">
        <v>30</v>
      </c>
      <c r="AK6100">
        <v>30</v>
      </c>
      <c r="AL6100">
        <v>30</v>
      </c>
      <c r="AM6100">
        <v>30</v>
      </c>
      <c r="AN6100">
        <v>30</v>
      </c>
      <c r="AO6100">
        <v>30</v>
      </c>
      <c r="AP6100">
        <v>30</v>
      </c>
      <c r="AQ6100">
        <v>30</v>
      </c>
    </row>
    <row r="6101" spans="1:43">
      <c r="A6101" t="s">
        <v>3832</v>
      </c>
      <c r="B6101" t="s">
        <v>3833</v>
      </c>
      <c r="C6101" t="s">
        <v>3828</v>
      </c>
      <c r="D6101" t="s">
        <v>3829</v>
      </c>
      <c r="E6101" t="s">
        <v>3660</v>
      </c>
      <c r="F6101" t="s">
        <v>3661</v>
      </c>
      <c r="G6101" t="s">
        <v>80</v>
      </c>
      <c r="H6101" t="s">
        <v>81</v>
      </c>
      <c r="I6101" s="2">
        <v>0</v>
      </c>
      <c r="J6101" s="2">
        <v>1</v>
      </c>
      <c r="K6101" s="2">
        <v>0</v>
      </c>
      <c r="L6101" t="s">
        <v>82</v>
      </c>
      <c r="M6101" t="s">
        <v>83</v>
      </c>
      <c r="N6101" t="s">
        <v>91</v>
      </c>
      <c r="O6101" t="s">
        <v>85</v>
      </c>
      <c r="P6101" t="s">
        <v>86</v>
      </c>
      <c r="Q6101">
        <v>22</v>
      </c>
      <c r="R6101">
        <v>22</v>
      </c>
      <c r="S6101">
        <v>23</v>
      </c>
      <c r="T6101">
        <v>23</v>
      </c>
      <c r="U6101">
        <v>23</v>
      </c>
      <c r="V6101">
        <v>24</v>
      </c>
      <c r="W6101">
        <v>24</v>
      </c>
      <c r="X6101">
        <v>25</v>
      </c>
      <c r="Y6101">
        <v>25</v>
      </c>
      <c r="Z6101">
        <v>25</v>
      </c>
      <c r="AA6101">
        <v>26</v>
      </c>
      <c r="AB6101">
        <v>26</v>
      </c>
      <c r="AC6101">
        <v>27</v>
      </c>
      <c r="AD6101">
        <v>27</v>
      </c>
      <c r="AE6101">
        <v>27</v>
      </c>
      <c r="AF6101">
        <v>28</v>
      </c>
      <c r="AG6101">
        <v>28</v>
      </c>
      <c r="AH6101">
        <v>29</v>
      </c>
      <c r="AI6101">
        <v>29</v>
      </c>
      <c r="AJ6101">
        <v>29</v>
      </c>
      <c r="AK6101">
        <v>30</v>
      </c>
      <c r="AL6101">
        <v>30</v>
      </c>
      <c r="AM6101">
        <v>30</v>
      </c>
      <c r="AN6101">
        <v>30</v>
      </c>
      <c r="AO6101">
        <v>30</v>
      </c>
      <c r="AP6101">
        <v>30</v>
      </c>
      <c r="AQ6101">
        <v>30</v>
      </c>
    </row>
    <row r="6102" spans="1:43">
      <c r="A6102" t="s">
        <v>3834</v>
      </c>
      <c r="B6102" t="s">
        <v>3835</v>
      </c>
      <c r="C6102" t="s">
        <v>3710</v>
      </c>
      <c r="D6102" t="s">
        <v>3711</v>
      </c>
      <c r="E6102" t="s">
        <v>3660</v>
      </c>
      <c r="F6102" t="s">
        <v>3661</v>
      </c>
      <c r="G6102" t="s">
        <v>80</v>
      </c>
      <c r="H6102" t="s">
        <v>81</v>
      </c>
      <c r="I6102" s="2">
        <v>0</v>
      </c>
      <c r="J6102" s="2">
        <v>1</v>
      </c>
      <c r="K6102" s="2">
        <v>0</v>
      </c>
      <c r="L6102" t="s">
        <v>82</v>
      </c>
      <c r="M6102" t="s">
        <v>83</v>
      </c>
      <c r="N6102" t="s">
        <v>84</v>
      </c>
      <c r="O6102" t="s">
        <v>85</v>
      </c>
      <c r="P6102" t="s">
        <v>86</v>
      </c>
      <c r="Q6102">
        <v>25</v>
      </c>
      <c r="R6102">
        <v>26</v>
      </c>
      <c r="S6102">
        <v>26</v>
      </c>
      <c r="T6102">
        <v>27</v>
      </c>
      <c r="U6102">
        <v>27</v>
      </c>
      <c r="V6102">
        <v>28</v>
      </c>
      <c r="W6102">
        <v>28</v>
      </c>
      <c r="X6102">
        <v>28</v>
      </c>
      <c r="Y6102">
        <v>29</v>
      </c>
      <c r="Z6102">
        <v>29</v>
      </c>
      <c r="AA6102">
        <v>30</v>
      </c>
      <c r="AB6102">
        <v>30</v>
      </c>
      <c r="AC6102">
        <v>31</v>
      </c>
      <c r="AD6102">
        <v>31</v>
      </c>
      <c r="AE6102">
        <v>32</v>
      </c>
      <c r="AF6102">
        <v>32</v>
      </c>
      <c r="AG6102">
        <v>33</v>
      </c>
      <c r="AH6102">
        <v>33</v>
      </c>
      <c r="AI6102">
        <v>33</v>
      </c>
      <c r="AJ6102">
        <v>34</v>
      </c>
      <c r="AK6102">
        <v>34</v>
      </c>
      <c r="AL6102">
        <v>34</v>
      </c>
      <c r="AM6102">
        <v>35</v>
      </c>
      <c r="AN6102">
        <v>35</v>
      </c>
      <c r="AO6102">
        <v>35</v>
      </c>
      <c r="AP6102">
        <v>35</v>
      </c>
      <c r="AQ6102">
        <v>35</v>
      </c>
    </row>
    <row r="6103" spans="1:43">
      <c r="A6103" t="s">
        <v>3834</v>
      </c>
      <c r="B6103" t="s">
        <v>3835</v>
      </c>
      <c r="C6103" t="s">
        <v>3710</v>
      </c>
      <c r="D6103" t="s">
        <v>3711</v>
      </c>
      <c r="E6103" t="s">
        <v>3660</v>
      </c>
      <c r="F6103" t="s">
        <v>3661</v>
      </c>
      <c r="G6103" t="s">
        <v>80</v>
      </c>
      <c r="H6103" t="s">
        <v>81</v>
      </c>
      <c r="I6103" s="2">
        <v>0</v>
      </c>
      <c r="J6103" s="2">
        <v>1</v>
      </c>
      <c r="K6103" s="2">
        <v>0</v>
      </c>
      <c r="L6103" t="s">
        <v>82</v>
      </c>
      <c r="M6103" t="s">
        <v>87</v>
      </c>
      <c r="N6103" t="s">
        <v>88</v>
      </c>
      <c r="O6103" t="s">
        <v>85</v>
      </c>
      <c r="P6103" t="s">
        <v>86</v>
      </c>
      <c r="Q6103">
        <v>25</v>
      </c>
      <c r="R6103">
        <v>25</v>
      </c>
      <c r="S6103">
        <v>25</v>
      </c>
      <c r="T6103">
        <v>26</v>
      </c>
      <c r="U6103">
        <v>26</v>
      </c>
      <c r="V6103">
        <v>26</v>
      </c>
      <c r="W6103">
        <v>26</v>
      </c>
      <c r="X6103">
        <v>27</v>
      </c>
      <c r="Y6103">
        <v>27</v>
      </c>
      <c r="Z6103">
        <v>27</v>
      </c>
      <c r="AA6103">
        <v>27</v>
      </c>
      <c r="AB6103">
        <v>27</v>
      </c>
      <c r="AC6103">
        <v>28</v>
      </c>
      <c r="AD6103">
        <v>28</v>
      </c>
      <c r="AE6103">
        <v>28</v>
      </c>
      <c r="AF6103">
        <v>28</v>
      </c>
      <c r="AG6103">
        <v>28</v>
      </c>
      <c r="AH6103">
        <v>29</v>
      </c>
      <c r="AI6103">
        <v>29</v>
      </c>
      <c r="AJ6103">
        <v>29</v>
      </c>
      <c r="AK6103">
        <v>29</v>
      </c>
      <c r="AL6103">
        <v>29</v>
      </c>
      <c r="AM6103">
        <v>30</v>
      </c>
      <c r="AN6103">
        <v>30</v>
      </c>
      <c r="AO6103">
        <v>30</v>
      </c>
      <c r="AP6103">
        <v>30</v>
      </c>
      <c r="AQ6103">
        <v>30</v>
      </c>
    </row>
    <row r="6104" spans="1:43">
      <c r="A6104" t="s">
        <v>3834</v>
      </c>
      <c r="B6104" t="s">
        <v>3835</v>
      </c>
      <c r="C6104" t="s">
        <v>3710</v>
      </c>
      <c r="D6104" t="s">
        <v>3711</v>
      </c>
      <c r="E6104" t="s">
        <v>3660</v>
      </c>
      <c r="F6104" t="s">
        <v>3661</v>
      </c>
      <c r="G6104" t="s">
        <v>80</v>
      </c>
      <c r="H6104" t="s">
        <v>81</v>
      </c>
      <c r="I6104" s="2">
        <v>0</v>
      </c>
      <c r="J6104" s="2">
        <v>1</v>
      </c>
      <c r="K6104" s="2">
        <v>0</v>
      </c>
      <c r="L6104" t="s">
        <v>82</v>
      </c>
      <c r="M6104" t="s">
        <v>89</v>
      </c>
      <c r="N6104" t="s">
        <v>90</v>
      </c>
      <c r="O6104" t="s">
        <v>85</v>
      </c>
      <c r="P6104" t="s">
        <v>86</v>
      </c>
      <c r="Q6104">
        <v>25</v>
      </c>
      <c r="R6104">
        <v>26</v>
      </c>
      <c r="S6104">
        <v>27</v>
      </c>
      <c r="T6104">
        <v>27</v>
      </c>
      <c r="U6104">
        <v>28</v>
      </c>
      <c r="V6104">
        <v>29</v>
      </c>
      <c r="W6104">
        <v>29</v>
      </c>
      <c r="X6104">
        <v>30</v>
      </c>
      <c r="Y6104">
        <v>31</v>
      </c>
      <c r="Z6104">
        <v>31</v>
      </c>
      <c r="AA6104">
        <v>32</v>
      </c>
      <c r="AB6104">
        <v>32</v>
      </c>
      <c r="AC6104">
        <v>33</v>
      </c>
      <c r="AD6104">
        <v>34</v>
      </c>
      <c r="AE6104">
        <v>34</v>
      </c>
      <c r="AF6104">
        <v>34</v>
      </c>
      <c r="AG6104">
        <v>34</v>
      </c>
      <c r="AH6104">
        <v>34</v>
      </c>
      <c r="AI6104">
        <v>34</v>
      </c>
      <c r="AJ6104">
        <v>35</v>
      </c>
      <c r="AK6104">
        <v>35</v>
      </c>
      <c r="AL6104">
        <v>35</v>
      </c>
      <c r="AM6104">
        <v>35</v>
      </c>
      <c r="AN6104">
        <v>35</v>
      </c>
      <c r="AO6104">
        <v>35</v>
      </c>
      <c r="AP6104">
        <v>35</v>
      </c>
      <c r="AQ6104">
        <v>35</v>
      </c>
    </row>
    <row r="6105" spans="1:43">
      <c r="A6105" t="s">
        <v>3834</v>
      </c>
      <c r="B6105" t="s">
        <v>3835</v>
      </c>
      <c r="C6105" t="s">
        <v>3710</v>
      </c>
      <c r="D6105" t="s">
        <v>3711</v>
      </c>
      <c r="E6105" t="s">
        <v>3660</v>
      </c>
      <c r="F6105" t="s">
        <v>3661</v>
      </c>
      <c r="G6105" t="s">
        <v>80</v>
      </c>
      <c r="H6105" t="s">
        <v>81</v>
      </c>
      <c r="I6105" s="2">
        <v>0</v>
      </c>
      <c r="J6105" s="2">
        <v>1</v>
      </c>
      <c r="K6105" s="2">
        <v>0</v>
      </c>
      <c r="L6105" t="s">
        <v>82</v>
      </c>
      <c r="M6105" t="s">
        <v>83</v>
      </c>
      <c r="N6105" t="s">
        <v>91</v>
      </c>
      <c r="O6105" t="s">
        <v>85</v>
      </c>
      <c r="P6105" t="s">
        <v>86</v>
      </c>
      <c r="Q6105">
        <v>25</v>
      </c>
      <c r="R6105">
        <v>26</v>
      </c>
      <c r="S6105">
        <v>26</v>
      </c>
      <c r="T6105">
        <v>27</v>
      </c>
      <c r="U6105">
        <v>27</v>
      </c>
      <c r="V6105">
        <v>28</v>
      </c>
      <c r="W6105">
        <v>28</v>
      </c>
      <c r="X6105">
        <v>28</v>
      </c>
      <c r="Y6105">
        <v>29</v>
      </c>
      <c r="Z6105">
        <v>29</v>
      </c>
      <c r="AA6105">
        <v>30</v>
      </c>
      <c r="AB6105">
        <v>30</v>
      </c>
      <c r="AC6105">
        <v>31</v>
      </c>
      <c r="AD6105">
        <v>31</v>
      </c>
      <c r="AE6105">
        <v>32</v>
      </c>
      <c r="AF6105">
        <v>32</v>
      </c>
      <c r="AG6105">
        <v>33</v>
      </c>
      <c r="AH6105">
        <v>33</v>
      </c>
      <c r="AI6105">
        <v>33</v>
      </c>
      <c r="AJ6105">
        <v>34</v>
      </c>
      <c r="AK6105">
        <v>34</v>
      </c>
      <c r="AL6105">
        <v>34</v>
      </c>
      <c r="AM6105">
        <v>35</v>
      </c>
      <c r="AN6105">
        <v>35</v>
      </c>
      <c r="AO6105">
        <v>35</v>
      </c>
      <c r="AP6105">
        <v>35</v>
      </c>
      <c r="AQ6105">
        <v>35</v>
      </c>
    </row>
    <row r="6106" spans="1:43">
      <c r="A6106" t="s">
        <v>3836</v>
      </c>
      <c r="B6106" t="s">
        <v>3837</v>
      </c>
      <c r="C6106" t="s">
        <v>3828</v>
      </c>
      <c r="D6106" t="s">
        <v>3829</v>
      </c>
      <c r="E6106" t="s">
        <v>3660</v>
      </c>
      <c r="F6106" t="s">
        <v>3661</v>
      </c>
      <c r="G6106" t="s">
        <v>80</v>
      </c>
      <c r="H6106" t="s">
        <v>81</v>
      </c>
      <c r="I6106" s="2">
        <v>0</v>
      </c>
      <c r="J6106" s="2">
        <v>1</v>
      </c>
      <c r="K6106" s="2">
        <v>0</v>
      </c>
      <c r="L6106" t="s">
        <v>82</v>
      </c>
      <c r="M6106" t="s">
        <v>83</v>
      </c>
      <c r="N6106" t="s">
        <v>84</v>
      </c>
      <c r="O6106" t="s">
        <v>85</v>
      </c>
      <c r="P6106" t="s">
        <v>86</v>
      </c>
      <c r="Q6106">
        <v>12</v>
      </c>
      <c r="R6106">
        <v>12</v>
      </c>
      <c r="S6106">
        <v>12</v>
      </c>
      <c r="T6106">
        <v>12</v>
      </c>
      <c r="U6106">
        <v>12</v>
      </c>
      <c r="V6106">
        <v>13</v>
      </c>
      <c r="W6106">
        <v>13</v>
      </c>
      <c r="X6106">
        <v>13</v>
      </c>
      <c r="Y6106">
        <v>13</v>
      </c>
      <c r="Z6106">
        <v>14</v>
      </c>
      <c r="AA6106">
        <v>14</v>
      </c>
      <c r="AB6106">
        <v>14</v>
      </c>
      <c r="AC6106">
        <v>14</v>
      </c>
      <c r="AD6106">
        <v>14</v>
      </c>
      <c r="AE6106">
        <v>15</v>
      </c>
      <c r="AF6106">
        <v>15</v>
      </c>
      <c r="AG6106">
        <v>15</v>
      </c>
      <c r="AH6106">
        <v>15</v>
      </c>
      <c r="AI6106">
        <v>15</v>
      </c>
      <c r="AJ6106">
        <v>16</v>
      </c>
      <c r="AK6106">
        <v>16</v>
      </c>
      <c r="AL6106">
        <v>16</v>
      </c>
      <c r="AM6106">
        <v>16</v>
      </c>
      <c r="AN6106">
        <v>16</v>
      </c>
      <c r="AO6106">
        <v>16</v>
      </c>
      <c r="AP6106">
        <v>16</v>
      </c>
      <c r="AQ6106">
        <v>16</v>
      </c>
    </row>
    <row r="6107" spans="1:43">
      <c r="A6107" t="s">
        <v>3836</v>
      </c>
      <c r="B6107" t="s">
        <v>3837</v>
      </c>
      <c r="C6107" t="s">
        <v>3828</v>
      </c>
      <c r="D6107" t="s">
        <v>3829</v>
      </c>
      <c r="E6107" t="s">
        <v>3660</v>
      </c>
      <c r="F6107" t="s">
        <v>3661</v>
      </c>
      <c r="G6107" t="s">
        <v>80</v>
      </c>
      <c r="H6107" t="s">
        <v>81</v>
      </c>
      <c r="I6107" s="2">
        <v>0</v>
      </c>
      <c r="J6107" s="2">
        <v>1</v>
      </c>
      <c r="K6107" s="2">
        <v>0</v>
      </c>
      <c r="L6107" t="s">
        <v>82</v>
      </c>
      <c r="M6107" t="s">
        <v>87</v>
      </c>
      <c r="N6107" t="s">
        <v>88</v>
      </c>
      <c r="O6107" t="s">
        <v>85</v>
      </c>
      <c r="P6107" t="s">
        <v>86</v>
      </c>
      <c r="Q6107">
        <v>12</v>
      </c>
      <c r="R6107">
        <v>13</v>
      </c>
      <c r="S6107">
        <v>13</v>
      </c>
      <c r="T6107">
        <v>13</v>
      </c>
      <c r="U6107">
        <v>13</v>
      </c>
      <c r="V6107">
        <v>13</v>
      </c>
      <c r="W6107">
        <v>13</v>
      </c>
      <c r="X6107">
        <v>13</v>
      </c>
      <c r="Y6107">
        <v>13</v>
      </c>
      <c r="Z6107">
        <v>13</v>
      </c>
      <c r="AA6107">
        <v>14</v>
      </c>
      <c r="AB6107">
        <v>14</v>
      </c>
      <c r="AC6107">
        <v>14</v>
      </c>
      <c r="AD6107">
        <v>14</v>
      </c>
      <c r="AE6107">
        <v>14</v>
      </c>
      <c r="AF6107">
        <v>14</v>
      </c>
      <c r="AG6107">
        <v>14</v>
      </c>
      <c r="AH6107">
        <v>14</v>
      </c>
      <c r="AI6107">
        <v>14</v>
      </c>
      <c r="AJ6107">
        <v>14</v>
      </c>
      <c r="AK6107">
        <v>14</v>
      </c>
      <c r="AL6107">
        <v>15</v>
      </c>
      <c r="AM6107">
        <v>15</v>
      </c>
      <c r="AN6107">
        <v>15</v>
      </c>
      <c r="AO6107">
        <v>15</v>
      </c>
      <c r="AP6107">
        <v>15</v>
      </c>
      <c r="AQ6107">
        <v>15</v>
      </c>
    </row>
    <row r="6108" spans="1:43">
      <c r="A6108" t="s">
        <v>3836</v>
      </c>
      <c r="B6108" t="s">
        <v>3837</v>
      </c>
      <c r="C6108" t="s">
        <v>3828</v>
      </c>
      <c r="D6108" t="s">
        <v>3829</v>
      </c>
      <c r="E6108" t="s">
        <v>3660</v>
      </c>
      <c r="F6108" t="s">
        <v>3661</v>
      </c>
      <c r="G6108" t="s">
        <v>80</v>
      </c>
      <c r="H6108" t="s">
        <v>81</v>
      </c>
      <c r="I6108" s="2">
        <v>0</v>
      </c>
      <c r="J6108" s="2">
        <v>1</v>
      </c>
      <c r="K6108" s="2">
        <v>0</v>
      </c>
      <c r="L6108" t="s">
        <v>82</v>
      </c>
      <c r="M6108" t="s">
        <v>89</v>
      </c>
      <c r="N6108" t="s">
        <v>90</v>
      </c>
      <c r="O6108" t="s">
        <v>85</v>
      </c>
      <c r="P6108" t="s">
        <v>86</v>
      </c>
      <c r="Q6108">
        <v>12</v>
      </c>
      <c r="R6108">
        <v>12</v>
      </c>
      <c r="S6108">
        <v>12</v>
      </c>
      <c r="T6108">
        <v>13</v>
      </c>
      <c r="U6108">
        <v>13</v>
      </c>
      <c r="V6108">
        <v>13</v>
      </c>
      <c r="W6108">
        <v>14</v>
      </c>
      <c r="X6108">
        <v>14</v>
      </c>
      <c r="Y6108">
        <v>14</v>
      </c>
      <c r="Z6108">
        <v>14</v>
      </c>
      <c r="AA6108">
        <v>15</v>
      </c>
      <c r="AB6108">
        <v>15</v>
      </c>
      <c r="AC6108">
        <v>15</v>
      </c>
      <c r="AD6108">
        <v>15</v>
      </c>
      <c r="AE6108">
        <v>16</v>
      </c>
      <c r="AF6108">
        <v>16</v>
      </c>
      <c r="AG6108">
        <v>16</v>
      </c>
      <c r="AH6108">
        <v>16</v>
      </c>
      <c r="AI6108">
        <v>16</v>
      </c>
      <c r="AJ6108">
        <v>16</v>
      </c>
      <c r="AK6108">
        <v>16</v>
      </c>
      <c r="AL6108">
        <v>16</v>
      </c>
      <c r="AM6108">
        <v>16</v>
      </c>
      <c r="AN6108">
        <v>16</v>
      </c>
      <c r="AO6108">
        <v>16</v>
      </c>
      <c r="AP6108">
        <v>16</v>
      </c>
      <c r="AQ6108">
        <v>16</v>
      </c>
    </row>
    <row r="6109" spans="1:43">
      <c r="A6109" t="s">
        <v>3836</v>
      </c>
      <c r="B6109" t="s">
        <v>3837</v>
      </c>
      <c r="C6109" t="s">
        <v>3828</v>
      </c>
      <c r="D6109" t="s">
        <v>3829</v>
      </c>
      <c r="E6109" t="s">
        <v>3660</v>
      </c>
      <c r="F6109" t="s">
        <v>3661</v>
      </c>
      <c r="G6109" t="s">
        <v>80</v>
      </c>
      <c r="H6109" t="s">
        <v>81</v>
      </c>
      <c r="I6109" s="2">
        <v>0</v>
      </c>
      <c r="J6109" s="2">
        <v>1</v>
      </c>
      <c r="K6109" s="2">
        <v>0</v>
      </c>
      <c r="L6109" t="s">
        <v>82</v>
      </c>
      <c r="M6109" t="s">
        <v>83</v>
      </c>
      <c r="N6109" t="s">
        <v>91</v>
      </c>
      <c r="O6109" t="s">
        <v>85</v>
      </c>
      <c r="P6109" t="s">
        <v>86</v>
      </c>
      <c r="Q6109">
        <v>12</v>
      </c>
      <c r="R6109">
        <v>12</v>
      </c>
      <c r="S6109">
        <v>12</v>
      </c>
      <c r="T6109">
        <v>12</v>
      </c>
      <c r="U6109">
        <v>12</v>
      </c>
      <c r="V6109">
        <v>13</v>
      </c>
      <c r="W6109">
        <v>13</v>
      </c>
      <c r="X6109">
        <v>13</v>
      </c>
      <c r="Y6109">
        <v>13</v>
      </c>
      <c r="Z6109">
        <v>14</v>
      </c>
      <c r="AA6109">
        <v>14</v>
      </c>
      <c r="AB6109">
        <v>14</v>
      </c>
      <c r="AC6109">
        <v>14</v>
      </c>
      <c r="AD6109">
        <v>14</v>
      </c>
      <c r="AE6109">
        <v>15</v>
      </c>
      <c r="AF6109">
        <v>15</v>
      </c>
      <c r="AG6109">
        <v>15</v>
      </c>
      <c r="AH6109">
        <v>15</v>
      </c>
      <c r="AI6109">
        <v>15</v>
      </c>
      <c r="AJ6109">
        <v>16</v>
      </c>
      <c r="AK6109">
        <v>16</v>
      </c>
      <c r="AL6109">
        <v>16</v>
      </c>
      <c r="AM6109">
        <v>16</v>
      </c>
      <c r="AN6109">
        <v>16</v>
      </c>
      <c r="AO6109">
        <v>16</v>
      </c>
      <c r="AP6109">
        <v>16</v>
      </c>
      <c r="AQ6109">
        <v>16</v>
      </c>
    </row>
    <row r="6110" spans="1:43">
      <c r="A6110" t="s">
        <v>3838</v>
      </c>
      <c r="B6110" t="s">
        <v>3839</v>
      </c>
      <c r="C6110" t="s">
        <v>3710</v>
      </c>
      <c r="D6110" t="s">
        <v>3711</v>
      </c>
      <c r="E6110" t="s">
        <v>3660</v>
      </c>
      <c r="F6110" t="s">
        <v>3661</v>
      </c>
      <c r="G6110" t="s">
        <v>80</v>
      </c>
      <c r="H6110" t="s">
        <v>81</v>
      </c>
      <c r="I6110" s="2">
        <v>0</v>
      </c>
      <c r="J6110" s="2">
        <v>1</v>
      </c>
      <c r="K6110" s="2">
        <v>0</v>
      </c>
      <c r="L6110" t="s">
        <v>82</v>
      </c>
      <c r="M6110" t="s">
        <v>83</v>
      </c>
      <c r="N6110" t="s">
        <v>84</v>
      </c>
      <c r="O6110" t="s">
        <v>85</v>
      </c>
      <c r="P6110" t="s">
        <v>86</v>
      </c>
      <c r="Q6110">
        <v>90</v>
      </c>
      <c r="R6110">
        <v>92</v>
      </c>
      <c r="S6110">
        <v>93</v>
      </c>
      <c r="T6110">
        <v>95</v>
      </c>
      <c r="U6110">
        <v>97</v>
      </c>
      <c r="V6110">
        <v>99</v>
      </c>
      <c r="W6110">
        <v>100</v>
      </c>
      <c r="X6110">
        <v>102</v>
      </c>
      <c r="Y6110">
        <v>104</v>
      </c>
      <c r="Z6110">
        <v>105</v>
      </c>
      <c r="AA6110">
        <v>107</v>
      </c>
      <c r="AB6110">
        <v>109</v>
      </c>
      <c r="AC6110">
        <v>110</v>
      </c>
      <c r="AD6110">
        <v>112</v>
      </c>
      <c r="AE6110">
        <v>113</v>
      </c>
      <c r="AF6110">
        <v>115</v>
      </c>
      <c r="AG6110">
        <v>117</v>
      </c>
      <c r="AH6110">
        <v>118</v>
      </c>
      <c r="AI6110">
        <v>120</v>
      </c>
      <c r="AJ6110">
        <v>121</v>
      </c>
      <c r="AK6110">
        <v>123</v>
      </c>
      <c r="AL6110">
        <v>123</v>
      </c>
      <c r="AM6110">
        <v>124</v>
      </c>
      <c r="AN6110">
        <v>124</v>
      </c>
      <c r="AO6110">
        <v>124</v>
      </c>
      <c r="AP6110">
        <v>125</v>
      </c>
      <c r="AQ6110">
        <v>125</v>
      </c>
    </row>
    <row r="6111" spans="1:43">
      <c r="A6111" t="s">
        <v>3838</v>
      </c>
      <c r="B6111" t="s">
        <v>3839</v>
      </c>
      <c r="C6111" t="s">
        <v>3710</v>
      </c>
      <c r="D6111" t="s">
        <v>3711</v>
      </c>
      <c r="E6111" t="s">
        <v>3660</v>
      </c>
      <c r="F6111" t="s">
        <v>3661</v>
      </c>
      <c r="G6111" t="s">
        <v>80</v>
      </c>
      <c r="H6111" t="s">
        <v>81</v>
      </c>
      <c r="I6111" s="2">
        <v>0</v>
      </c>
      <c r="J6111" s="2">
        <v>1</v>
      </c>
      <c r="K6111" s="2">
        <v>0</v>
      </c>
      <c r="L6111" t="s">
        <v>82</v>
      </c>
      <c r="M6111" t="s">
        <v>87</v>
      </c>
      <c r="N6111" t="s">
        <v>88</v>
      </c>
      <c r="O6111" t="s">
        <v>85</v>
      </c>
      <c r="P6111" t="s">
        <v>86</v>
      </c>
      <c r="Q6111">
        <v>90</v>
      </c>
      <c r="R6111">
        <v>91</v>
      </c>
      <c r="S6111">
        <v>92</v>
      </c>
      <c r="T6111">
        <v>93</v>
      </c>
      <c r="U6111">
        <v>94</v>
      </c>
      <c r="V6111">
        <v>94</v>
      </c>
      <c r="W6111">
        <v>95</v>
      </c>
      <c r="X6111">
        <v>96</v>
      </c>
      <c r="Y6111">
        <v>97</v>
      </c>
      <c r="Z6111">
        <v>98</v>
      </c>
      <c r="AA6111">
        <v>98</v>
      </c>
      <c r="AB6111">
        <v>99</v>
      </c>
      <c r="AC6111">
        <v>100</v>
      </c>
      <c r="AD6111">
        <v>101</v>
      </c>
      <c r="AE6111">
        <v>101</v>
      </c>
      <c r="AF6111">
        <v>102</v>
      </c>
      <c r="AG6111">
        <v>103</v>
      </c>
      <c r="AH6111">
        <v>103</v>
      </c>
      <c r="AI6111">
        <v>104</v>
      </c>
      <c r="AJ6111">
        <v>105</v>
      </c>
      <c r="AK6111">
        <v>106</v>
      </c>
      <c r="AL6111">
        <v>106</v>
      </c>
      <c r="AM6111">
        <v>107</v>
      </c>
      <c r="AN6111">
        <v>108</v>
      </c>
      <c r="AO6111">
        <v>108</v>
      </c>
      <c r="AP6111">
        <v>109</v>
      </c>
      <c r="AQ6111">
        <v>109</v>
      </c>
    </row>
    <row r="6112" spans="1:43">
      <c r="A6112" t="s">
        <v>3838</v>
      </c>
      <c r="B6112" t="s">
        <v>3839</v>
      </c>
      <c r="C6112" t="s">
        <v>3710</v>
      </c>
      <c r="D6112" t="s">
        <v>3711</v>
      </c>
      <c r="E6112" t="s">
        <v>3660</v>
      </c>
      <c r="F6112" t="s">
        <v>3661</v>
      </c>
      <c r="G6112" t="s">
        <v>80</v>
      </c>
      <c r="H6112" t="s">
        <v>81</v>
      </c>
      <c r="I6112" s="2">
        <v>0</v>
      </c>
      <c r="J6112" s="2">
        <v>1</v>
      </c>
      <c r="K6112" s="2">
        <v>0</v>
      </c>
      <c r="L6112" t="s">
        <v>82</v>
      </c>
      <c r="M6112" t="s">
        <v>89</v>
      </c>
      <c r="N6112" t="s">
        <v>90</v>
      </c>
      <c r="O6112" t="s">
        <v>85</v>
      </c>
      <c r="P6112" t="s">
        <v>86</v>
      </c>
      <c r="Q6112">
        <v>90</v>
      </c>
      <c r="R6112">
        <v>92</v>
      </c>
      <c r="S6112">
        <v>95</v>
      </c>
      <c r="T6112">
        <v>97</v>
      </c>
      <c r="U6112">
        <v>100</v>
      </c>
      <c r="V6112">
        <v>102</v>
      </c>
      <c r="W6112">
        <v>104</v>
      </c>
      <c r="X6112">
        <v>107</v>
      </c>
      <c r="Y6112">
        <v>109</v>
      </c>
      <c r="Z6112">
        <v>111</v>
      </c>
      <c r="AA6112">
        <v>113</v>
      </c>
      <c r="AB6112">
        <v>115</v>
      </c>
      <c r="AC6112">
        <v>117</v>
      </c>
      <c r="AD6112">
        <v>119</v>
      </c>
      <c r="AE6112">
        <v>121</v>
      </c>
      <c r="AF6112">
        <v>121</v>
      </c>
      <c r="AG6112">
        <v>122</v>
      </c>
      <c r="AH6112">
        <v>122</v>
      </c>
      <c r="AI6112">
        <v>122</v>
      </c>
      <c r="AJ6112">
        <v>123</v>
      </c>
      <c r="AK6112">
        <v>123</v>
      </c>
      <c r="AL6112">
        <v>123</v>
      </c>
      <c r="AM6112">
        <v>124</v>
      </c>
      <c r="AN6112">
        <v>124</v>
      </c>
      <c r="AO6112">
        <v>124</v>
      </c>
      <c r="AP6112">
        <v>125</v>
      </c>
      <c r="AQ6112">
        <v>125</v>
      </c>
    </row>
    <row r="6113" spans="1:43">
      <c r="A6113" t="s">
        <v>3838</v>
      </c>
      <c r="B6113" t="s">
        <v>3839</v>
      </c>
      <c r="C6113" t="s">
        <v>3710</v>
      </c>
      <c r="D6113" t="s">
        <v>3711</v>
      </c>
      <c r="E6113" t="s">
        <v>3660</v>
      </c>
      <c r="F6113" t="s">
        <v>3661</v>
      </c>
      <c r="G6113" t="s">
        <v>80</v>
      </c>
      <c r="H6113" t="s">
        <v>81</v>
      </c>
      <c r="I6113" s="2">
        <v>0</v>
      </c>
      <c r="J6113" s="2">
        <v>1</v>
      </c>
      <c r="K6113" s="2">
        <v>0</v>
      </c>
      <c r="L6113" t="s">
        <v>82</v>
      </c>
      <c r="M6113" t="s">
        <v>83</v>
      </c>
      <c r="N6113" t="s">
        <v>91</v>
      </c>
      <c r="O6113" t="s">
        <v>85</v>
      </c>
      <c r="P6113" t="s">
        <v>86</v>
      </c>
      <c r="Q6113">
        <v>90</v>
      </c>
      <c r="R6113">
        <v>92</v>
      </c>
      <c r="S6113">
        <v>93</v>
      </c>
      <c r="T6113">
        <v>95</v>
      </c>
      <c r="U6113">
        <v>97</v>
      </c>
      <c r="V6113">
        <v>99</v>
      </c>
      <c r="W6113">
        <v>100</v>
      </c>
      <c r="X6113">
        <v>102</v>
      </c>
      <c r="Y6113">
        <v>104</v>
      </c>
      <c r="Z6113">
        <v>105</v>
      </c>
      <c r="AA6113">
        <v>107</v>
      </c>
      <c r="AB6113">
        <v>109</v>
      </c>
      <c r="AC6113">
        <v>110</v>
      </c>
      <c r="AD6113">
        <v>112</v>
      </c>
      <c r="AE6113">
        <v>113</v>
      </c>
      <c r="AF6113">
        <v>115</v>
      </c>
      <c r="AG6113">
        <v>117</v>
      </c>
      <c r="AH6113">
        <v>118</v>
      </c>
      <c r="AI6113">
        <v>120</v>
      </c>
      <c r="AJ6113">
        <v>121</v>
      </c>
      <c r="AK6113">
        <v>123</v>
      </c>
      <c r="AL6113">
        <v>123</v>
      </c>
      <c r="AM6113">
        <v>124</v>
      </c>
      <c r="AN6113">
        <v>124</v>
      </c>
      <c r="AO6113">
        <v>124</v>
      </c>
      <c r="AP6113">
        <v>125</v>
      </c>
      <c r="AQ6113">
        <v>125</v>
      </c>
    </row>
    <row r="6114" spans="1:43">
      <c r="A6114" t="s">
        <v>3840</v>
      </c>
      <c r="B6114" t="s">
        <v>3841</v>
      </c>
      <c r="C6114" t="s">
        <v>3842</v>
      </c>
      <c r="D6114" t="s">
        <v>3843</v>
      </c>
      <c r="E6114" t="s">
        <v>3660</v>
      </c>
      <c r="F6114" t="s">
        <v>3661</v>
      </c>
      <c r="G6114" t="s">
        <v>80</v>
      </c>
      <c r="H6114" t="s">
        <v>81</v>
      </c>
      <c r="I6114" s="2">
        <v>0</v>
      </c>
      <c r="J6114" s="2">
        <v>1</v>
      </c>
      <c r="K6114" s="2">
        <v>0</v>
      </c>
      <c r="L6114" t="s">
        <v>82</v>
      </c>
      <c r="M6114" t="s">
        <v>83</v>
      </c>
      <c r="N6114" t="s">
        <v>84</v>
      </c>
      <c r="O6114" t="s">
        <v>85</v>
      </c>
      <c r="P6114" t="s">
        <v>86</v>
      </c>
      <c r="Q6114">
        <v>15</v>
      </c>
      <c r="R6114">
        <v>15</v>
      </c>
      <c r="S6114">
        <v>15</v>
      </c>
      <c r="T6114">
        <v>16</v>
      </c>
      <c r="U6114">
        <v>16</v>
      </c>
      <c r="V6114">
        <v>16</v>
      </c>
      <c r="W6114">
        <v>17</v>
      </c>
      <c r="X6114">
        <v>17</v>
      </c>
      <c r="Y6114">
        <v>17</v>
      </c>
      <c r="Z6114">
        <v>17</v>
      </c>
      <c r="AA6114">
        <v>18</v>
      </c>
      <c r="AB6114">
        <v>18</v>
      </c>
      <c r="AC6114">
        <v>18</v>
      </c>
      <c r="AD6114">
        <v>18</v>
      </c>
      <c r="AE6114">
        <v>19</v>
      </c>
      <c r="AF6114">
        <v>19</v>
      </c>
      <c r="AG6114">
        <v>19</v>
      </c>
      <c r="AH6114">
        <v>19</v>
      </c>
      <c r="AI6114">
        <v>20</v>
      </c>
      <c r="AJ6114">
        <v>20</v>
      </c>
      <c r="AK6114">
        <v>20</v>
      </c>
      <c r="AL6114">
        <v>20</v>
      </c>
      <c r="AM6114">
        <v>20</v>
      </c>
      <c r="AN6114">
        <v>20</v>
      </c>
      <c r="AO6114">
        <v>20</v>
      </c>
      <c r="AP6114">
        <v>21</v>
      </c>
      <c r="AQ6114">
        <v>21</v>
      </c>
    </row>
    <row r="6115" spans="1:43">
      <c r="A6115" t="s">
        <v>3840</v>
      </c>
      <c r="B6115" t="s">
        <v>3841</v>
      </c>
      <c r="C6115" t="s">
        <v>3842</v>
      </c>
      <c r="D6115" t="s">
        <v>3843</v>
      </c>
      <c r="E6115" t="s">
        <v>3660</v>
      </c>
      <c r="F6115" t="s">
        <v>3661</v>
      </c>
      <c r="G6115" t="s">
        <v>80</v>
      </c>
      <c r="H6115" t="s">
        <v>81</v>
      </c>
      <c r="I6115" s="2">
        <v>0</v>
      </c>
      <c r="J6115" s="2">
        <v>1</v>
      </c>
      <c r="K6115" s="2">
        <v>0</v>
      </c>
      <c r="L6115" t="s">
        <v>82</v>
      </c>
      <c r="M6115" t="s">
        <v>87</v>
      </c>
      <c r="N6115" t="s">
        <v>88</v>
      </c>
      <c r="O6115" t="s">
        <v>85</v>
      </c>
      <c r="P6115" t="s">
        <v>86</v>
      </c>
      <c r="Q6115">
        <v>15</v>
      </c>
      <c r="R6115">
        <v>15</v>
      </c>
      <c r="S6115">
        <v>15</v>
      </c>
      <c r="T6115">
        <v>15</v>
      </c>
      <c r="U6115">
        <v>15</v>
      </c>
      <c r="V6115">
        <v>15</v>
      </c>
      <c r="W6115">
        <v>16</v>
      </c>
      <c r="X6115">
        <v>16</v>
      </c>
      <c r="Y6115">
        <v>16</v>
      </c>
      <c r="Z6115">
        <v>16</v>
      </c>
      <c r="AA6115">
        <v>16</v>
      </c>
      <c r="AB6115">
        <v>16</v>
      </c>
      <c r="AC6115">
        <v>16</v>
      </c>
      <c r="AD6115">
        <v>16</v>
      </c>
      <c r="AE6115">
        <v>17</v>
      </c>
      <c r="AF6115">
        <v>17</v>
      </c>
      <c r="AG6115">
        <v>17</v>
      </c>
      <c r="AH6115">
        <v>17</v>
      </c>
      <c r="AI6115">
        <v>17</v>
      </c>
      <c r="AJ6115">
        <v>17</v>
      </c>
      <c r="AK6115">
        <v>17</v>
      </c>
      <c r="AL6115">
        <v>17</v>
      </c>
      <c r="AM6115">
        <v>17</v>
      </c>
      <c r="AN6115">
        <v>18</v>
      </c>
      <c r="AO6115">
        <v>18</v>
      </c>
      <c r="AP6115">
        <v>18</v>
      </c>
      <c r="AQ6115">
        <v>18</v>
      </c>
    </row>
    <row r="6116" spans="1:43">
      <c r="A6116" t="s">
        <v>3840</v>
      </c>
      <c r="B6116" t="s">
        <v>3841</v>
      </c>
      <c r="C6116" t="s">
        <v>3842</v>
      </c>
      <c r="D6116" t="s">
        <v>3843</v>
      </c>
      <c r="E6116" t="s">
        <v>3660</v>
      </c>
      <c r="F6116" t="s">
        <v>3661</v>
      </c>
      <c r="G6116" t="s">
        <v>80</v>
      </c>
      <c r="H6116" t="s">
        <v>81</v>
      </c>
      <c r="I6116" s="2">
        <v>0</v>
      </c>
      <c r="J6116" s="2">
        <v>1</v>
      </c>
      <c r="K6116" s="2">
        <v>0</v>
      </c>
      <c r="L6116" t="s">
        <v>82</v>
      </c>
      <c r="M6116" t="s">
        <v>89</v>
      </c>
      <c r="N6116" t="s">
        <v>90</v>
      </c>
      <c r="O6116" t="s">
        <v>85</v>
      </c>
      <c r="P6116" t="s">
        <v>86</v>
      </c>
      <c r="Q6116">
        <v>15</v>
      </c>
      <c r="R6116">
        <v>15</v>
      </c>
      <c r="S6116">
        <v>16</v>
      </c>
      <c r="T6116">
        <v>16</v>
      </c>
      <c r="U6116">
        <v>17</v>
      </c>
      <c r="V6116">
        <v>17</v>
      </c>
      <c r="W6116">
        <v>17</v>
      </c>
      <c r="X6116">
        <v>18</v>
      </c>
      <c r="Y6116">
        <v>18</v>
      </c>
      <c r="Z6116">
        <v>18</v>
      </c>
      <c r="AA6116">
        <v>19</v>
      </c>
      <c r="AB6116">
        <v>19</v>
      </c>
      <c r="AC6116">
        <v>19</v>
      </c>
      <c r="AD6116">
        <v>20</v>
      </c>
      <c r="AE6116">
        <v>20</v>
      </c>
      <c r="AF6116">
        <v>20</v>
      </c>
      <c r="AG6116">
        <v>20</v>
      </c>
      <c r="AH6116">
        <v>20</v>
      </c>
      <c r="AI6116">
        <v>20</v>
      </c>
      <c r="AJ6116">
        <v>20</v>
      </c>
      <c r="AK6116">
        <v>20</v>
      </c>
      <c r="AL6116">
        <v>20</v>
      </c>
      <c r="AM6116">
        <v>21</v>
      </c>
      <c r="AN6116">
        <v>21</v>
      </c>
      <c r="AO6116">
        <v>21</v>
      </c>
      <c r="AP6116">
        <v>21</v>
      </c>
      <c r="AQ6116">
        <v>21</v>
      </c>
    </row>
    <row r="6117" spans="1:43">
      <c r="A6117" t="s">
        <v>3840</v>
      </c>
      <c r="B6117" t="s">
        <v>3841</v>
      </c>
      <c r="C6117" t="s">
        <v>3842</v>
      </c>
      <c r="D6117" t="s">
        <v>3843</v>
      </c>
      <c r="E6117" t="s">
        <v>3660</v>
      </c>
      <c r="F6117" t="s">
        <v>3661</v>
      </c>
      <c r="G6117" t="s">
        <v>80</v>
      </c>
      <c r="H6117" t="s">
        <v>81</v>
      </c>
      <c r="I6117" s="2">
        <v>0</v>
      </c>
      <c r="J6117" s="2">
        <v>1</v>
      </c>
      <c r="K6117" s="2">
        <v>0</v>
      </c>
      <c r="L6117" t="s">
        <v>82</v>
      </c>
      <c r="M6117" t="s">
        <v>83</v>
      </c>
      <c r="N6117" t="s">
        <v>91</v>
      </c>
      <c r="O6117" t="s">
        <v>85</v>
      </c>
      <c r="P6117" t="s">
        <v>86</v>
      </c>
      <c r="Q6117">
        <v>15</v>
      </c>
      <c r="R6117">
        <v>15</v>
      </c>
      <c r="S6117">
        <v>15</v>
      </c>
      <c r="T6117">
        <v>16</v>
      </c>
      <c r="U6117">
        <v>16</v>
      </c>
      <c r="V6117">
        <v>16</v>
      </c>
      <c r="W6117">
        <v>17</v>
      </c>
      <c r="X6117">
        <v>17</v>
      </c>
      <c r="Y6117">
        <v>17</v>
      </c>
      <c r="Z6117">
        <v>17</v>
      </c>
      <c r="AA6117">
        <v>18</v>
      </c>
      <c r="AB6117">
        <v>18</v>
      </c>
      <c r="AC6117">
        <v>18</v>
      </c>
      <c r="AD6117">
        <v>18</v>
      </c>
      <c r="AE6117">
        <v>19</v>
      </c>
      <c r="AF6117">
        <v>19</v>
      </c>
      <c r="AG6117">
        <v>19</v>
      </c>
      <c r="AH6117">
        <v>19</v>
      </c>
      <c r="AI6117">
        <v>20</v>
      </c>
      <c r="AJ6117">
        <v>20</v>
      </c>
      <c r="AK6117">
        <v>20</v>
      </c>
      <c r="AL6117">
        <v>20</v>
      </c>
      <c r="AM6117">
        <v>20</v>
      </c>
      <c r="AN6117">
        <v>20</v>
      </c>
      <c r="AO6117">
        <v>20</v>
      </c>
      <c r="AP6117">
        <v>21</v>
      </c>
      <c r="AQ6117">
        <v>21</v>
      </c>
    </row>
    <row r="6118" spans="1:43">
      <c r="A6118" t="s">
        <v>3844</v>
      </c>
      <c r="B6118" t="s">
        <v>3845</v>
      </c>
      <c r="C6118" t="s">
        <v>3842</v>
      </c>
      <c r="D6118" t="s">
        <v>3843</v>
      </c>
      <c r="E6118" t="s">
        <v>3660</v>
      </c>
      <c r="F6118" t="s">
        <v>3661</v>
      </c>
      <c r="G6118" t="s">
        <v>80</v>
      </c>
      <c r="H6118" t="s">
        <v>81</v>
      </c>
      <c r="I6118" s="2">
        <v>0</v>
      </c>
      <c r="J6118" s="2">
        <v>1</v>
      </c>
      <c r="K6118" s="2">
        <v>0</v>
      </c>
      <c r="L6118" t="s">
        <v>82</v>
      </c>
      <c r="M6118" t="s">
        <v>83</v>
      </c>
      <c r="N6118" t="s">
        <v>84</v>
      </c>
      <c r="O6118" t="s">
        <v>85</v>
      </c>
      <c r="P6118" t="s">
        <v>86</v>
      </c>
      <c r="Q6118">
        <v>63</v>
      </c>
      <c r="R6118">
        <v>64</v>
      </c>
      <c r="S6118">
        <v>65</v>
      </c>
      <c r="T6118">
        <v>66</v>
      </c>
      <c r="U6118">
        <v>67</v>
      </c>
      <c r="V6118">
        <v>68</v>
      </c>
      <c r="W6118">
        <v>70</v>
      </c>
      <c r="X6118">
        <v>71</v>
      </c>
      <c r="Y6118">
        <v>72</v>
      </c>
      <c r="Z6118">
        <v>73</v>
      </c>
      <c r="AA6118">
        <v>74</v>
      </c>
      <c r="AB6118">
        <v>75</v>
      </c>
      <c r="AC6118">
        <v>77</v>
      </c>
      <c r="AD6118">
        <v>78</v>
      </c>
      <c r="AE6118">
        <v>79</v>
      </c>
      <c r="AF6118">
        <v>80</v>
      </c>
      <c r="AG6118">
        <v>81</v>
      </c>
      <c r="AH6118">
        <v>82</v>
      </c>
      <c r="AI6118">
        <v>83</v>
      </c>
      <c r="AJ6118">
        <v>84</v>
      </c>
      <c r="AK6118">
        <v>85</v>
      </c>
      <c r="AL6118">
        <v>86</v>
      </c>
      <c r="AM6118">
        <v>86</v>
      </c>
      <c r="AN6118">
        <v>86</v>
      </c>
      <c r="AO6118">
        <v>86</v>
      </c>
      <c r="AP6118">
        <v>87</v>
      </c>
      <c r="AQ6118">
        <v>87</v>
      </c>
    </row>
    <row r="6119" spans="1:43">
      <c r="A6119" t="s">
        <v>3844</v>
      </c>
      <c r="B6119" t="s">
        <v>3845</v>
      </c>
      <c r="C6119" t="s">
        <v>3842</v>
      </c>
      <c r="D6119" t="s">
        <v>3843</v>
      </c>
      <c r="E6119" t="s">
        <v>3660</v>
      </c>
      <c r="F6119" t="s">
        <v>3661</v>
      </c>
      <c r="G6119" t="s">
        <v>80</v>
      </c>
      <c r="H6119" t="s">
        <v>81</v>
      </c>
      <c r="I6119" s="2">
        <v>0</v>
      </c>
      <c r="J6119" s="2">
        <v>1</v>
      </c>
      <c r="K6119" s="2">
        <v>0</v>
      </c>
      <c r="L6119" t="s">
        <v>82</v>
      </c>
      <c r="M6119" t="s">
        <v>87</v>
      </c>
      <c r="N6119" t="s">
        <v>88</v>
      </c>
      <c r="O6119" t="s">
        <v>85</v>
      </c>
      <c r="P6119" t="s">
        <v>86</v>
      </c>
      <c r="Q6119">
        <v>63</v>
      </c>
      <c r="R6119">
        <v>64</v>
      </c>
      <c r="S6119">
        <v>64</v>
      </c>
      <c r="T6119">
        <v>65</v>
      </c>
      <c r="U6119">
        <v>65</v>
      </c>
      <c r="V6119">
        <v>66</v>
      </c>
      <c r="W6119">
        <v>66</v>
      </c>
      <c r="X6119">
        <v>67</v>
      </c>
      <c r="Y6119">
        <v>68</v>
      </c>
      <c r="Z6119">
        <v>68</v>
      </c>
      <c r="AA6119">
        <v>69</v>
      </c>
      <c r="AB6119">
        <v>69</v>
      </c>
      <c r="AC6119">
        <v>70</v>
      </c>
      <c r="AD6119">
        <v>70</v>
      </c>
      <c r="AE6119">
        <v>71</v>
      </c>
      <c r="AF6119">
        <v>71</v>
      </c>
      <c r="AG6119">
        <v>72</v>
      </c>
      <c r="AH6119">
        <v>72</v>
      </c>
      <c r="AI6119">
        <v>73</v>
      </c>
      <c r="AJ6119">
        <v>73</v>
      </c>
      <c r="AK6119">
        <v>74</v>
      </c>
      <c r="AL6119">
        <v>74</v>
      </c>
      <c r="AM6119">
        <v>75</v>
      </c>
      <c r="AN6119">
        <v>75</v>
      </c>
      <c r="AO6119">
        <v>75</v>
      </c>
      <c r="AP6119">
        <v>76</v>
      </c>
      <c r="AQ6119">
        <v>76</v>
      </c>
    </row>
    <row r="6120" spans="1:43">
      <c r="A6120" t="s">
        <v>3844</v>
      </c>
      <c r="B6120" t="s">
        <v>3845</v>
      </c>
      <c r="C6120" t="s">
        <v>3842</v>
      </c>
      <c r="D6120" t="s">
        <v>3843</v>
      </c>
      <c r="E6120" t="s">
        <v>3660</v>
      </c>
      <c r="F6120" t="s">
        <v>3661</v>
      </c>
      <c r="G6120" t="s">
        <v>80</v>
      </c>
      <c r="H6120" t="s">
        <v>81</v>
      </c>
      <c r="I6120" s="2">
        <v>0</v>
      </c>
      <c r="J6120" s="2">
        <v>1</v>
      </c>
      <c r="K6120" s="2">
        <v>0</v>
      </c>
      <c r="L6120" t="s">
        <v>82</v>
      </c>
      <c r="M6120" t="s">
        <v>89</v>
      </c>
      <c r="N6120" t="s">
        <v>90</v>
      </c>
      <c r="O6120" t="s">
        <v>85</v>
      </c>
      <c r="P6120" t="s">
        <v>86</v>
      </c>
      <c r="Q6120">
        <v>63</v>
      </c>
      <c r="R6120">
        <v>65</v>
      </c>
      <c r="S6120">
        <v>67</v>
      </c>
      <c r="T6120">
        <v>68</v>
      </c>
      <c r="U6120">
        <v>70</v>
      </c>
      <c r="V6120">
        <v>72</v>
      </c>
      <c r="W6120">
        <v>73</v>
      </c>
      <c r="X6120">
        <v>75</v>
      </c>
      <c r="Y6120">
        <v>76</v>
      </c>
      <c r="Z6120">
        <v>78</v>
      </c>
      <c r="AA6120">
        <v>79</v>
      </c>
      <c r="AB6120">
        <v>81</v>
      </c>
      <c r="AC6120">
        <v>82</v>
      </c>
      <c r="AD6120">
        <v>84</v>
      </c>
      <c r="AE6120">
        <v>84</v>
      </c>
      <c r="AF6120">
        <v>85</v>
      </c>
      <c r="AG6120">
        <v>85</v>
      </c>
      <c r="AH6120">
        <v>85</v>
      </c>
      <c r="AI6120">
        <v>86</v>
      </c>
      <c r="AJ6120">
        <v>86</v>
      </c>
      <c r="AK6120">
        <v>86</v>
      </c>
      <c r="AL6120">
        <v>86</v>
      </c>
      <c r="AM6120">
        <v>87</v>
      </c>
      <c r="AN6120">
        <v>87</v>
      </c>
      <c r="AO6120">
        <v>87</v>
      </c>
      <c r="AP6120">
        <v>87</v>
      </c>
      <c r="AQ6120">
        <v>87</v>
      </c>
    </row>
    <row r="6121" spans="1:43">
      <c r="A6121" t="s">
        <v>3844</v>
      </c>
      <c r="B6121" t="s">
        <v>3845</v>
      </c>
      <c r="C6121" t="s">
        <v>3842</v>
      </c>
      <c r="D6121" t="s">
        <v>3843</v>
      </c>
      <c r="E6121" t="s">
        <v>3660</v>
      </c>
      <c r="F6121" t="s">
        <v>3661</v>
      </c>
      <c r="G6121" t="s">
        <v>80</v>
      </c>
      <c r="H6121" t="s">
        <v>81</v>
      </c>
      <c r="I6121" s="2">
        <v>0</v>
      </c>
      <c r="J6121" s="2">
        <v>1</v>
      </c>
      <c r="K6121" s="2">
        <v>0</v>
      </c>
      <c r="L6121" t="s">
        <v>82</v>
      </c>
      <c r="M6121" t="s">
        <v>83</v>
      </c>
      <c r="N6121" t="s">
        <v>91</v>
      </c>
      <c r="O6121" t="s">
        <v>85</v>
      </c>
      <c r="P6121" t="s">
        <v>86</v>
      </c>
      <c r="Q6121">
        <v>63</v>
      </c>
      <c r="R6121">
        <v>64</v>
      </c>
      <c r="S6121">
        <v>65</v>
      </c>
      <c r="T6121">
        <v>66</v>
      </c>
      <c r="U6121">
        <v>67</v>
      </c>
      <c r="V6121">
        <v>68</v>
      </c>
      <c r="W6121">
        <v>70</v>
      </c>
      <c r="X6121">
        <v>71</v>
      </c>
      <c r="Y6121">
        <v>72</v>
      </c>
      <c r="Z6121">
        <v>73</v>
      </c>
      <c r="AA6121">
        <v>74</v>
      </c>
      <c r="AB6121">
        <v>75</v>
      </c>
      <c r="AC6121">
        <v>77</v>
      </c>
      <c r="AD6121">
        <v>78</v>
      </c>
      <c r="AE6121">
        <v>79</v>
      </c>
      <c r="AF6121">
        <v>80</v>
      </c>
      <c r="AG6121">
        <v>81</v>
      </c>
      <c r="AH6121">
        <v>82</v>
      </c>
      <c r="AI6121">
        <v>83</v>
      </c>
      <c r="AJ6121">
        <v>84</v>
      </c>
      <c r="AK6121">
        <v>85</v>
      </c>
      <c r="AL6121">
        <v>86</v>
      </c>
      <c r="AM6121">
        <v>86</v>
      </c>
      <c r="AN6121">
        <v>86</v>
      </c>
      <c r="AO6121">
        <v>86</v>
      </c>
      <c r="AP6121">
        <v>87</v>
      </c>
      <c r="AQ6121">
        <v>87</v>
      </c>
    </row>
    <row r="6122" spans="1:43">
      <c r="A6122" t="s">
        <v>3846</v>
      </c>
      <c r="B6122" t="s">
        <v>3847</v>
      </c>
      <c r="C6122" t="s">
        <v>3842</v>
      </c>
      <c r="D6122" t="s">
        <v>3843</v>
      </c>
      <c r="E6122" t="s">
        <v>3660</v>
      </c>
      <c r="F6122" t="s">
        <v>3661</v>
      </c>
      <c r="G6122" t="s">
        <v>80</v>
      </c>
      <c r="H6122" t="s">
        <v>81</v>
      </c>
      <c r="I6122" s="2">
        <v>0</v>
      </c>
      <c r="J6122" s="2">
        <v>1</v>
      </c>
      <c r="K6122" s="2">
        <v>0</v>
      </c>
      <c r="L6122" t="s">
        <v>82</v>
      </c>
      <c r="M6122" t="s">
        <v>83</v>
      </c>
      <c r="N6122" t="s">
        <v>84</v>
      </c>
      <c r="O6122" t="s">
        <v>85</v>
      </c>
      <c r="P6122" t="s">
        <v>86</v>
      </c>
      <c r="Q6122">
        <v>71</v>
      </c>
      <c r="R6122">
        <v>72</v>
      </c>
      <c r="S6122">
        <v>73</v>
      </c>
      <c r="T6122">
        <v>75</v>
      </c>
      <c r="U6122">
        <v>76</v>
      </c>
      <c r="V6122">
        <v>77</v>
      </c>
      <c r="W6122">
        <v>79</v>
      </c>
      <c r="X6122">
        <v>80</v>
      </c>
      <c r="Y6122">
        <v>81</v>
      </c>
      <c r="Z6122">
        <v>83</v>
      </c>
      <c r="AA6122">
        <v>84</v>
      </c>
      <c r="AB6122">
        <v>85</v>
      </c>
      <c r="AC6122">
        <v>87</v>
      </c>
      <c r="AD6122">
        <v>88</v>
      </c>
      <c r="AE6122">
        <v>89</v>
      </c>
      <c r="AF6122">
        <v>90</v>
      </c>
      <c r="AG6122">
        <v>91</v>
      </c>
      <c r="AH6122">
        <v>93</v>
      </c>
      <c r="AI6122">
        <v>94</v>
      </c>
      <c r="AJ6122">
        <v>95</v>
      </c>
      <c r="AK6122">
        <v>96</v>
      </c>
      <c r="AL6122">
        <v>97</v>
      </c>
      <c r="AM6122">
        <v>97</v>
      </c>
      <c r="AN6122">
        <v>97</v>
      </c>
      <c r="AO6122">
        <v>98</v>
      </c>
      <c r="AP6122">
        <v>98</v>
      </c>
      <c r="AQ6122">
        <v>98</v>
      </c>
    </row>
    <row r="6123" spans="1:43">
      <c r="A6123" t="s">
        <v>3846</v>
      </c>
      <c r="B6123" t="s">
        <v>3847</v>
      </c>
      <c r="C6123" t="s">
        <v>3842</v>
      </c>
      <c r="D6123" t="s">
        <v>3843</v>
      </c>
      <c r="E6123" t="s">
        <v>3660</v>
      </c>
      <c r="F6123" t="s">
        <v>3661</v>
      </c>
      <c r="G6123" t="s">
        <v>80</v>
      </c>
      <c r="H6123" t="s">
        <v>81</v>
      </c>
      <c r="I6123" s="2">
        <v>0</v>
      </c>
      <c r="J6123" s="2">
        <v>1</v>
      </c>
      <c r="K6123" s="2">
        <v>0</v>
      </c>
      <c r="L6123" t="s">
        <v>82</v>
      </c>
      <c r="M6123" t="s">
        <v>87</v>
      </c>
      <c r="N6123" t="s">
        <v>88</v>
      </c>
      <c r="O6123" t="s">
        <v>85</v>
      </c>
      <c r="P6123" t="s">
        <v>86</v>
      </c>
      <c r="Q6123">
        <v>71</v>
      </c>
      <c r="R6123">
        <v>72</v>
      </c>
      <c r="S6123">
        <v>72</v>
      </c>
      <c r="T6123">
        <v>73</v>
      </c>
      <c r="U6123">
        <v>74</v>
      </c>
      <c r="V6123">
        <v>74</v>
      </c>
      <c r="W6123">
        <v>75</v>
      </c>
      <c r="X6123">
        <v>76</v>
      </c>
      <c r="Y6123">
        <v>76</v>
      </c>
      <c r="Z6123">
        <v>77</v>
      </c>
      <c r="AA6123">
        <v>77</v>
      </c>
      <c r="AB6123">
        <v>78</v>
      </c>
      <c r="AC6123">
        <v>79</v>
      </c>
      <c r="AD6123">
        <v>79</v>
      </c>
      <c r="AE6123">
        <v>80</v>
      </c>
      <c r="AF6123">
        <v>80</v>
      </c>
      <c r="AG6123">
        <v>81</v>
      </c>
      <c r="AH6123">
        <v>81</v>
      </c>
      <c r="AI6123">
        <v>82</v>
      </c>
      <c r="AJ6123">
        <v>83</v>
      </c>
      <c r="AK6123">
        <v>83</v>
      </c>
      <c r="AL6123">
        <v>84</v>
      </c>
      <c r="AM6123">
        <v>84</v>
      </c>
      <c r="AN6123">
        <v>85</v>
      </c>
      <c r="AO6123">
        <v>85</v>
      </c>
      <c r="AP6123">
        <v>86</v>
      </c>
      <c r="AQ6123">
        <v>86</v>
      </c>
    </row>
    <row r="6124" spans="1:43">
      <c r="A6124" t="s">
        <v>3846</v>
      </c>
      <c r="B6124" t="s">
        <v>3847</v>
      </c>
      <c r="C6124" t="s">
        <v>3842</v>
      </c>
      <c r="D6124" t="s">
        <v>3843</v>
      </c>
      <c r="E6124" t="s">
        <v>3660</v>
      </c>
      <c r="F6124" t="s">
        <v>3661</v>
      </c>
      <c r="G6124" t="s">
        <v>80</v>
      </c>
      <c r="H6124" t="s">
        <v>81</v>
      </c>
      <c r="I6124" s="2">
        <v>0</v>
      </c>
      <c r="J6124" s="2">
        <v>1</v>
      </c>
      <c r="K6124" s="2">
        <v>0</v>
      </c>
      <c r="L6124" t="s">
        <v>82</v>
      </c>
      <c r="M6124" t="s">
        <v>89</v>
      </c>
      <c r="N6124" t="s">
        <v>90</v>
      </c>
      <c r="O6124" t="s">
        <v>85</v>
      </c>
      <c r="P6124" t="s">
        <v>86</v>
      </c>
      <c r="Q6124">
        <v>71</v>
      </c>
      <c r="R6124">
        <v>73</v>
      </c>
      <c r="S6124">
        <v>75</v>
      </c>
      <c r="T6124">
        <v>77</v>
      </c>
      <c r="U6124">
        <v>79</v>
      </c>
      <c r="V6124">
        <v>81</v>
      </c>
      <c r="W6124">
        <v>83</v>
      </c>
      <c r="X6124">
        <v>85</v>
      </c>
      <c r="Y6124">
        <v>86</v>
      </c>
      <c r="Z6124">
        <v>88</v>
      </c>
      <c r="AA6124">
        <v>90</v>
      </c>
      <c r="AB6124">
        <v>91</v>
      </c>
      <c r="AC6124">
        <v>93</v>
      </c>
      <c r="AD6124">
        <v>94</v>
      </c>
      <c r="AE6124">
        <v>96</v>
      </c>
      <c r="AF6124">
        <v>96</v>
      </c>
      <c r="AG6124">
        <v>96</v>
      </c>
      <c r="AH6124">
        <v>97</v>
      </c>
      <c r="AI6124">
        <v>97</v>
      </c>
      <c r="AJ6124">
        <v>97</v>
      </c>
      <c r="AK6124">
        <v>97</v>
      </c>
      <c r="AL6124">
        <v>98</v>
      </c>
      <c r="AM6124">
        <v>98</v>
      </c>
      <c r="AN6124">
        <v>98</v>
      </c>
      <c r="AO6124">
        <v>98</v>
      </c>
      <c r="AP6124">
        <v>99</v>
      </c>
      <c r="AQ6124">
        <v>99</v>
      </c>
    </row>
    <row r="6125" spans="1:43">
      <c r="A6125" t="s">
        <v>3846</v>
      </c>
      <c r="B6125" t="s">
        <v>3847</v>
      </c>
      <c r="C6125" t="s">
        <v>3842</v>
      </c>
      <c r="D6125" t="s">
        <v>3843</v>
      </c>
      <c r="E6125" t="s">
        <v>3660</v>
      </c>
      <c r="F6125" t="s">
        <v>3661</v>
      </c>
      <c r="G6125" t="s">
        <v>80</v>
      </c>
      <c r="H6125" t="s">
        <v>81</v>
      </c>
      <c r="I6125" s="2">
        <v>0</v>
      </c>
      <c r="J6125" s="2">
        <v>1</v>
      </c>
      <c r="K6125" s="2">
        <v>0</v>
      </c>
      <c r="L6125" t="s">
        <v>82</v>
      </c>
      <c r="M6125" t="s">
        <v>83</v>
      </c>
      <c r="N6125" t="s">
        <v>91</v>
      </c>
      <c r="O6125" t="s">
        <v>85</v>
      </c>
      <c r="P6125" t="s">
        <v>86</v>
      </c>
      <c r="Q6125">
        <v>71</v>
      </c>
      <c r="R6125">
        <v>72</v>
      </c>
      <c r="S6125">
        <v>73</v>
      </c>
      <c r="T6125">
        <v>75</v>
      </c>
      <c r="U6125">
        <v>76</v>
      </c>
      <c r="V6125">
        <v>77</v>
      </c>
      <c r="W6125">
        <v>79</v>
      </c>
      <c r="X6125">
        <v>80</v>
      </c>
      <c r="Y6125">
        <v>81</v>
      </c>
      <c r="Z6125">
        <v>83</v>
      </c>
      <c r="AA6125">
        <v>84</v>
      </c>
      <c r="AB6125">
        <v>85</v>
      </c>
      <c r="AC6125">
        <v>87</v>
      </c>
      <c r="AD6125">
        <v>88</v>
      </c>
      <c r="AE6125">
        <v>89</v>
      </c>
      <c r="AF6125">
        <v>90</v>
      </c>
      <c r="AG6125">
        <v>91</v>
      </c>
      <c r="AH6125">
        <v>93</v>
      </c>
      <c r="AI6125">
        <v>94</v>
      </c>
      <c r="AJ6125">
        <v>95</v>
      </c>
      <c r="AK6125">
        <v>96</v>
      </c>
      <c r="AL6125">
        <v>97</v>
      </c>
      <c r="AM6125">
        <v>97</v>
      </c>
      <c r="AN6125">
        <v>97</v>
      </c>
      <c r="AO6125">
        <v>98</v>
      </c>
      <c r="AP6125">
        <v>98</v>
      </c>
      <c r="AQ6125">
        <v>98</v>
      </c>
    </row>
    <row r="6126" spans="1:43">
      <c r="A6126" t="s">
        <v>3848</v>
      </c>
      <c r="B6126" t="s">
        <v>3849</v>
      </c>
      <c r="C6126" t="s">
        <v>3842</v>
      </c>
      <c r="D6126" t="s">
        <v>3843</v>
      </c>
      <c r="E6126" t="s">
        <v>3660</v>
      </c>
      <c r="F6126" t="s">
        <v>3661</v>
      </c>
      <c r="G6126" t="s">
        <v>80</v>
      </c>
      <c r="H6126" t="s">
        <v>81</v>
      </c>
      <c r="I6126" s="2">
        <v>0</v>
      </c>
      <c r="J6126" s="2">
        <v>1</v>
      </c>
      <c r="K6126" s="2">
        <v>0</v>
      </c>
      <c r="L6126" t="s">
        <v>82</v>
      </c>
      <c r="M6126" t="s">
        <v>83</v>
      </c>
      <c r="N6126" t="s">
        <v>84</v>
      </c>
      <c r="O6126" t="s">
        <v>85</v>
      </c>
      <c r="P6126" t="s">
        <v>86</v>
      </c>
      <c r="Q6126">
        <v>63</v>
      </c>
      <c r="R6126">
        <v>64</v>
      </c>
      <c r="S6126">
        <v>66</v>
      </c>
      <c r="T6126">
        <v>67</v>
      </c>
      <c r="U6126">
        <v>68</v>
      </c>
      <c r="V6126">
        <v>69</v>
      </c>
      <c r="W6126">
        <v>70</v>
      </c>
      <c r="X6126">
        <v>71</v>
      </c>
      <c r="Y6126">
        <v>73</v>
      </c>
      <c r="Z6126">
        <v>74</v>
      </c>
      <c r="AA6126">
        <v>75</v>
      </c>
      <c r="AB6126">
        <v>76</v>
      </c>
      <c r="AC6126">
        <v>77</v>
      </c>
      <c r="AD6126">
        <v>78</v>
      </c>
      <c r="AE6126">
        <v>79</v>
      </c>
      <c r="AF6126">
        <v>81</v>
      </c>
      <c r="AG6126">
        <v>82</v>
      </c>
      <c r="AH6126">
        <v>83</v>
      </c>
      <c r="AI6126">
        <v>84</v>
      </c>
      <c r="AJ6126">
        <v>85</v>
      </c>
      <c r="AK6126">
        <v>86</v>
      </c>
      <c r="AL6126">
        <v>87</v>
      </c>
      <c r="AM6126">
        <v>87</v>
      </c>
      <c r="AN6126">
        <v>87</v>
      </c>
      <c r="AO6126">
        <v>87</v>
      </c>
      <c r="AP6126">
        <v>87</v>
      </c>
      <c r="AQ6126">
        <v>88</v>
      </c>
    </row>
    <row r="6127" spans="1:43">
      <c r="A6127" t="s">
        <v>3848</v>
      </c>
      <c r="B6127" t="s">
        <v>3849</v>
      </c>
      <c r="C6127" t="s">
        <v>3842</v>
      </c>
      <c r="D6127" t="s">
        <v>3843</v>
      </c>
      <c r="E6127" t="s">
        <v>3660</v>
      </c>
      <c r="F6127" t="s">
        <v>3661</v>
      </c>
      <c r="G6127" t="s">
        <v>80</v>
      </c>
      <c r="H6127" t="s">
        <v>81</v>
      </c>
      <c r="I6127" s="2">
        <v>0</v>
      </c>
      <c r="J6127" s="2">
        <v>1</v>
      </c>
      <c r="K6127" s="2">
        <v>0</v>
      </c>
      <c r="L6127" t="s">
        <v>82</v>
      </c>
      <c r="M6127" t="s">
        <v>87</v>
      </c>
      <c r="N6127" t="s">
        <v>88</v>
      </c>
      <c r="O6127" t="s">
        <v>85</v>
      </c>
      <c r="P6127" t="s">
        <v>86</v>
      </c>
      <c r="Q6127">
        <v>63</v>
      </c>
      <c r="R6127">
        <v>63</v>
      </c>
      <c r="S6127">
        <v>64</v>
      </c>
      <c r="T6127">
        <v>64</v>
      </c>
      <c r="U6127">
        <v>65</v>
      </c>
      <c r="V6127">
        <v>66</v>
      </c>
      <c r="W6127">
        <v>66</v>
      </c>
      <c r="X6127">
        <v>67</v>
      </c>
      <c r="Y6127">
        <v>67</v>
      </c>
      <c r="Z6127">
        <v>68</v>
      </c>
      <c r="AA6127">
        <v>68</v>
      </c>
      <c r="AB6127">
        <v>69</v>
      </c>
      <c r="AC6127">
        <v>69</v>
      </c>
      <c r="AD6127">
        <v>70</v>
      </c>
      <c r="AE6127">
        <v>70</v>
      </c>
      <c r="AF6127">
        <v>71</v>
      </c>
      <c r="AG6127">
        <v>71</v>
      </c>
      <c r="AH6127">
        <v>72</v>
      </c>
      <c r="AI6127">
        <v>72</v>
      </c>
      <c r="AJ6127">
        <v>73</v>
      </c>
      <c r="AK6127">
        <v>73</v>
      </c>
      <c r="AL6127">
        <v>74</v>
      </c>
      <c r="AM6127">
        <v>74</v>
      </c>
      <c r="AN6127">
        <v>75</v>
      </c>
      <c r="AO6127">
        <v>75</v>
      </c>
      <c r="AP6127">
        <v>76</v>
      </c>
      <c r="AQ6127">
        <v>76</v>
      </c>
    </row>
    <row r="6128" spans="1:43">
      <c r="A6128" t="s">
        <v>3848</v>
      </c>
      <c r="B6128" t="s">
        <v>3849</v>
      </c>
      <c r="C6128" t="s">
        <v>3842</v>
      </c>
      <c r="D6128" t="s">
        <v>3843</v>
      </c>
      <c r="E6128" t="s">
        <v>3660</v>
      </c>
      <c r="F6128" t="s">
        <v>3661</v>
      </c>
      <c r="G6128" t="s">
        <v>80</v>
      </c>
      <c r="H6128" t="s">
        <v>81</v>
      </c>
      <c r="I6128" s="2">
        <v>0</v>
      </c>
      <c r="J6128" s="2">
        <v>1</v>
      </c>
      <c r="K6128" s="2">
        <v>0</v>
      </c>
      <c r="L6128" t="s">
        <v>82</v>
      </c>
      <c r="M6128" t="s">
        <v>89</v>
      </c>
      <c r="N6128" t="s">
        <v>90</v>
      </c>
      <c r="O6128" t="s">
        <v>85</v>
      </c>
      <c r="P6128" t="s">
        <v>86</v>
      </c>
      <c r="Q6128">
        <v>63</v>
      </c>
      <c r="R6128">
        <v>64</v>
      </c>
      <c r="S6128">
        <v>66</v>
      </c>
      <c r="T6128">
        <v>68</v>
      </c>
      <c r="U6128">
        <v>70</v>
      </c>
      <c r="V6128">
        <v>71</v>
      </c>
      <c r="W6128">
        <v>73</v>
      </c>
      <c r="X6128">
        <v>75</v>
      </c>
      <c r="Y6128">
        <v>76</v>
      </c>
      <c r="Z6128">
        <v>77</v>
      </c>
      <c r="AA6128">
        <v>79</v>
      </c>
      <c r="AB6128">
        <v>80</v>
      </c>
      <c r="AC6128">
        <v>82</v>
      </c>
      <c r="AD6128">
        <v>83</v>
      </c>
      <c r="AE6128">
        <v>84</v>
      </c>
      <c r="AF6128">
        <v>85</v>
      </c>
      <c r="AG6128">
        <v>85</v>
      </c>
      <c r="AH6128">
        <v>85</v>
      </c>
      <c r="AI6128">
        <v>85</v>
      </c>
      <c r="AJ6128">
        <v>86</v>
      </c>
      <c r="AK6128">
        <v>86</v>
      </c>
      <c r="AL6128">
        <v>86</v>
      </c>
      <c r="AM6128">
        <v>86</v>
      </c>
      <c r="AN6128">
        <v>87</v>
      </c>
      <c r="AO6128">
        <v>87</v>
      </c>
      <c r="AP6128">
        <v>87</v>
      </c>
      <c r="AQ6128">
        <v>87</v>
      </c>
    </row>
    <row r="6129" spans="1:43">
      <c r="A6129" t="s">
        <v>3848</v>
      </c>
      <c r="B6129" t="s">
        <v>3849</v>
      </c>
      <c r="C6129" t="s">
        <v>3842</v>
      </c>
      <c r="D6129" t="s">
        <v>3843</v>
      </c>
      <c r="E6129" t="s">
        <v>3660</v>
      </c>
      <c r="F6129" t="s">
        <v>3661</v>
      </c>
      <c r="G6129" t="s">
        <v>80</v>
      </c>
      <c r="H6129" t="s">
        <v>81</v>
      </c>
      <c r="I6129" s="2">
        <v>0</v>
      </c>
      <c r="J6129" s="2">
        <v>1</v>
      </c>
      <c r="K6129" s="2">
        <v>0</v>
      </c>
      <c r="L6129" t="s">
        <v>82</v>
      </c>
      <c r="M6129" t="s">
        <v>83</v>
      </c>
      <c r="N6129" t="s">
        <v>91</v>
      </c>
      <c r="O6129" t="s">
        <v>85</v>
      </c>
      <c r="P6129" t="s">
        <v>86</v>
      </c>
      <c r="Q6129">
        <v>63</v>
      </c>
      <c r="R6129">
        <v>64</v>
      </c>
      <c r="S6129">
        <v>66</v>
      </c>
      <c r="T6129">
        <v>67</v>
      </c>
      <c r="U6129">
        <v>68</v>
      </c>
      <c r="V6129">
        <v>69</v>
      </c>
      <c r="W6129">
        <v>70</v>
      </c>
      <c r="X6129">
        <v>71</v>
      </c>
      <c r="Y6129">
        <v>73</v>
      </c>
      <c r="Z6129">
        <v>74</v>
      </c>
      <c r="AA6129">
        <v>75</v>
      </c>
      <c r="AB6129">
        <v>76</v>
      </c>
      <c r="AC6129">
        <v>77</v>
      </c>
      <c r="AD6129">
        <v>78</v>
      </c>
      <c r="AE6129">
        <v>79</v>
      </c>
      <c r="AF6129">
        <v>81</v>
      </c>
      <c r="AG6129">
        <v>82</v>
      </c>
      <c r="AH6129">
        <v>83</v>
      </c>
      <c r="AI6129">
        <v>84</v>
      </c>
      <c r="AJ6129">
        <v>85</v>
      </c>
      <c r="AK6129">
        <v>86</v>
      </c>
      <c r="AL6129">
        <v>87</v>
      </c>
      <c r="AM6129">
        <v>87</v>
      </c>
      <c r="AN6129">
        <v>87</v>
      </c>
      <c r="AO6129">
        <v>87</v>
      </c>
      <c r="AP6129">
        <v>87</v>
      </c>
      <c r="AQ6129">
        <v>88</v>
      </c>
    </row>
    <row r="6130" spans="1:43">
      <c r="A6130" t="s">
        <v>3850</v>
      </c>
      <c r="B6130" t="s">
        <v>3851</v>
      </c>
      <c r="C6130" t="s">
        <v>3842</v>
      </c>
      <c r="D6130" t="s">
        <v>3843</v>
      </c>
      <c r="E6130" t="s">
        <v>3660</v>
      </c>
      <c r="F6130" t="s">
        <v>3661</v>
      </c>
      <c r="G6130" t="s">
        <v>80</v>
      </c>
      <c r="H6130" t="s">
        <v>81</v>
      </c>
      <c r="I6130" s="2">
        <v>0</v>
      </c>
      <c r="J6130" s="2">
        <v>1</v>
      </c>
      <c r="K6130" s="2">
        <v>0</v>
      </c>
      <c r="L6130" t="s">
        <v>82</v>
      </c>
      <c r="M6130" t="s">
        <v>83</v>
      </c>
      <c r="N6130" t="s">
        <v>84</v>
      </c>
      <c r="O6130" t="s">
        <v>85</v>
      </c>
      <c r="P6130" t="s">
        <v>86</v>
      </c>
      <c r="Q6130">
        <v>60</v>
      </c>
      <c r="R6130">
        <v>61</v>
      </c>
      <c r="S6130">
        <v>62</v>
      </c>
      <c r="T6130">
        <v>63</v>
      </c>
      <c r="U6130">
        <v>64</v>
      </c>
      <c r="V6130">
        <v>65</v>
      </c>
      <c r="W6130">
        <v>66</v>
      </c>
      <c r="X6130">
        <v>67</v>
      </c>
      <c r="Y6130">
        <v>69</v>
      </c>
      <c r="Z6130">
        <v>70</v>
      </c>
      <c r="AA6130">
        <v>71</v>
      </c>
      <c r="AB6130">
        <v>72</v>
      </c>
      <c r="AC6130">
        <v>73</v>
      </c>
      <c r="AD6130">
        <v>74</v>
      </c>
      <c r="AE6130">
        <v>75</v>
      </c>
      <c r="AF6130">
        <v>76</v>
      </c>
      <c r="AG6130">
        <v>77</v>
      </c>
      <c r="AH6130">
        <v>78</v>
      </c>
      <c r="AI6130">
        <v>79</v>
      </c>
      <c r="AJ6130">
        <v>80</v>
      </c>
      <c r="AK6130">
        <v>81</v>
      </c>
      <c r="AL6130">
        <v>82</v>
      </c>
      <c r="AM6130">
        <v>82</v>
      </c>
      <c r="AN6130">
        <v>82</v>
      </c>
      <c r="AO6130">
        <v>82</v>
      </c>
      <c r="AP6130">
        <v>82</v>
      </c>
      <c r="AQ6130">
        <v>83</v>
      </c>
    </row>
    <row r="6131" spans="1:43">
      <c r="A6131" t="s">
        <v>3850</v>
      </c>
      <c r="B6131" t="s">
        <v>3851</v>
      </c>
      <c r="C6131" t="s">
        <v>3842</v>
      </c>
      <c r="D6131" t="s">
        <v>3843</v>
      </c>
      <c r="E6131" t="s">
        <v>3660</v>
      </c>
      <c r="F6131" t="s">
        <v>3661</v>
      </c>
      <c r="G6131" t="s">
        <v>80</v>
      </c>
      <c r="H6131" t="s">
        <v>81</v>
      </c>
      <c r="I6131" s="2">
        <v>0</v>
      </c>
      <c r="J6131" s="2">
        <v>1</v>
      </c>
      <c r="K6131" s="2">
        <v>0</v>
      </c>
      <c r="L6131" t="s">
        <v>82</v>
      </c>
      <c r="M6131" t="s">
        <v>87</v>
      </c>
      <c r="N6131" t="s">
        <v>88</v>
      </c>
      <c r="O6131" t="s">
        <v>85</v>
      </c>
      <c r="P6131" t="s">
        <v>86</v>
      </c>
      <c r="Q6131">
        <v>60</v>
      </c>
      <c r="R6131">
        <v>61</v>
      </c>
      <c r="S6131">
        <v>61</v>
      </c>
      <c r="T6131">
        <v>62</v>
      </c>
      <c r="U6131">
        <v>62</v>
      </c>
      <c r="V6131">
        <v>63</v>
      </c>
      <c r="W6131">
        <v>63</v>
      </c>
      <c r="X6131">
        <v>64</v>
      </c>
      <c r="Y6131">
        <v>64</v>
      </c>
      <c r="Z6131">
        <v>65</v>
      </c>
      <c r="AA6131">
        <v>65</v>
      </c>
      <c r="AB6131">
        <v>66</v>
      </c>
      <c r="AC6131">
        <v>66</v>
      </c>
      <c r="AD6131">
        <v>67</v>
      </c>
      <c r="AE6131">
        <v>67</v>
      </c>
      <c r="AF6131">
        <v>68</v>
      </c>
      <c r="AG6131">
        <v>68</v>
      </c>
      <c r="AH6131">
        <v>69</v>
      </c>
      <c r="AI6131">
        <v>69</v>
      </c>
      <c r="AJ6131">
        <v>70</v>
      </c>
      <c r="AK6131">
        <v>70</v>
      </c>
      <c r="AL6131">
        <v>71</v>
      </c>
      <c r="AM6131">
        <v>71</v>
      </c>
      <c r="AN6131">
        <v>71</v>
      </c>
      <c r="AO6131">
        <v>72</v>
      </c>
      <c r="AP6131">
        <v>72</v>
      </c>
      <c r="AQ6131">
        <v>73</v>
      </c>
    </row>
    <row r="6132" spans="1:43">
      <c r="A6132" t="s">
        <v>3850</v>
      </c>
      <c r="B6132" t="s">
        <v>3851</v>
      </c>
      <c r="C6132" t="s">
        <v>3842</v>
      </c>
      <c r="D6132" t="s">
        <v>3843</v>
      </c>
      <c r="E6132" t="s">
        <v>3660</v>
      </c>
      <c r="F6132" t="s">
        <v>3661</v>
      </c>
      <c r="G6132" t="s">
        <v>80</v>
      </c>
      <c r="H6132" t="s">
        <v>81</v>
      </c>
      <c r="I6132" s="2">
        <v>0</v>
      </c>
      <c r="J6132" s="2">
        <v>1</v>
      </c>
      <c r="K6132" s="2">
        <v>0</v>
      </c>
      <c r="L6132" t="s">
        <v>82</v>
      </c>
      <c r="M6132" t="s">
        <v>89</v>
      </c>
      <c r="N6132" t="s">
        <v>90</v>
      </c>
      <c r="O6132" t="s">
        <v>85</v>
      </c>
      <c r="P6132" t="s">
        <v>86</v>
      </c>
      <c r="Q6132">
        <v>60</v>
      </c>
      <c r="R6132">
        <v>62</v>
      </c>
      <c r="S6132">
        <v>63</v>
      </c>
      <c r="T6132">
        <v>65</v>
      </c>
      <c r="U6132">
        <v>67</v>
      </c>
      <c r="V6132">
        <v>68</v>
      </c>
      <c r="W6132">
        <v>70</v>
      </c>
      <c r="X6132">
        <v>71</v>
      </c>
      <c r="Y6132">
        <v>73</v>
      </c>
      <c r="Z6132">
        <v>74</v>
      </c>
      <c r="AA6132">
        <v>75</v>
      </c>
      <c r="AB6132">
        <v>77</v>
      </c>
      <c r="AC6132">
        <v>78</v>
      </c>
      <c r="AD6132">
        <v>80</v>
      </c>
      <c r="AE6132">
        <v>80</v>
      </c>
      <c r="AF6132">
        <v>81</v>
      </c>
      <c r="AG6132">
        <v>81</v>
      </c>
      <c r="AH6132">
        <v>81</v>
      </c>
      <c r="AI6132">
        <v>82</v>
      </c>
      <c r="AJ6132">
        <v>82</v>
      </c>
      <c r="AK6132">
        <v>82</v>
      </c>
      <c r="AL6132">
        <v>82</v>
      </c>
      <c r="AM6132">
        <v>82</v>
      </c>
      <c r="AN6132">
        <v>83</v>
      </c>
      <c r="AO6132">
        <v>83</v>
      </c>
      <c r="AP6132">
        <v>83</v>
      </c>
      <c r="AQ6132">
        <v>83</v>
      </c>
    </row>
    <row r="6133" spans="1:43">
      <c r="A6133" t="s">
        <v>3850</v>
      </c>
      <c r="B6133" t="s">
        <v>3851</v>
      </c>
      <c r="C6133" t="s">
        <v>3842</v>
      </c>
      <c r="D6133" t="s">
        <v>3843</v>
      </c>
      <c r="E6133" t="s">
        <v>3660</v>
      </c>
      <c r="F6133" t="s">
        <v>3661</v>
      </c>
      <c r="G6133" t="s">
        <v>80</v>
      </c>
      <c r="H6133" t="s">
        <v>81</v>
      </c>
      <c r="I6133" s="2">
        <v>0</v>
      </c>
      <c r="J6133" s="2">
        <v>1</v>
      </c>
      <c r="K6133" s="2">
        <v>0</v>
      </c>
      <c r="L6133" t="s">
        <v>82</v>
      </c>
      <c r="M6133" t="s">
        <v>83</v>
      </c>
      <c r="N6133" t="s">
        <v>91</v>
      </c>
      <c r="O6133" t="s">
        <v>85</v>
      </c>
      <c r="P6133" t="s">
        <v>86</v>
      </c>
      <c r="Q6133">
        <v>60</v>
      </c>
      <c r="R6133">
        <v>61</v>
      </c>
      <c r="S6133">
        <v>62</v>
      </c>
      <c r="T6133">
        <v>63</v>
      </c>
      <c r="U6133">
        <v>64</v>
      </c>
      <c r="V6133">
        <v>65</v>
      </c>
      <c r="W6133">
        <v>66</v>
      </c>
      <c r="X6133">
        <v>67</v>
      </c>
      <c r="Y6133">
        <v>69</v>
      </c>
      <c r="Z6133">
        <v>70</v>
      </c>
      <c r="AA6133">
        <v>71</v>
      </c>
      <c r="AB6133">
        <v>72</v>
      </c>
      <c r="AC6133">
        <v>73</v>
      </c>
      <c r="AD6133">
        <v>74</v>
      </c>
      <c r="AE6133">
        <v>75</v>
      </c>
      <c r="AF6133">
        <v>76</v>
      </c>
      <c r="AG6133">
        <v>77</v>
      </c>
      <c r="AH6133">
        <v>78</v>
      </c>
      <c r="AI6133">
        <v>79</v>
      </c>
      <c r="AJ6133">
        <v>80</v>
      </c>
      <c r="AK6133">
        <v>81</v>
      </c>
      <c r="AL6133">
        <v>82</v>
      </c>
      <c r="AM6133">
        <v>82</v>
      </c>
      <c r="AN6133">
        <v>82</v>
      </c>
      <c r="AO6133">
        <v>82</v>
      </c>
      <c r="AP6133">
        <v>82</v>
      </c>
      <c r="AQ6133">
        <v>83</v>
      </c>
    </row>
    <row r="6134" spans="1:43">
      <c r="A6134" t="s">
        <v>3852</v>
      </c>
      <c r="B6134" t="s">
        <v>3853</v>
      </c>
      <c r="C6134" t="s">
        <v>3854</v>
      </c>
      <c r="D6134" t="s">
        <v>3855</v>
      </c>
      <c r="E6134" t="s">
        <v>3660</v>
      </c>
      <c r="F6134" t="s">
        <v>3661</v>
      </c>
      <c r="G6134" t="s">
        <v>80</v>
      </c>
      <c r="H6134" t="s">
        <v>81</v>
      </c>
      <c r="I6134" s="2">
        <v>0</v>
      </c>
      <c r="J6134" s="2">
        <v>1</v>
      </c>
      <c r="K6134" s="2">
        <v>0</v>
      </c>
      <c r="L6134" t="s">
        <v>82</v>
      </c>
      <c r="M6134" t="s">
        <v>83</v>
      </c>
      <c r="N6134" t="s">
        <v>84</v>
      </c>
      <c r="O6134" t="s">
        <v>85</v>
      </c>
      <c r="P6134" t="s">
        <v>86</v>
      </c>
      <c r="Q6134">
        <v>25</v>
      </c>
      <c r="R6134">
        <v>25</v>
      </c>
      <c r="S6134">
        <v>26</v>
      </c>
      <c r="T6134">
        <v>26</v>
      </c>
      <c r="U6134">
        <v>27</v>
      </c>
      <c r="V6134">
        <v>27</v>
      </c>
      <c r="W6134">
        <v>28</v>
      </c>
      <c r="X6134">
        <v>28</v>
      </c>
      <c r="Y6134">
        <v>29</v>
      </c>
      <c r="Z6134">
        <v>29</v>
      </c>
      <c r="AA6134">
        <v>29</v>
      </c>
      <c r="AB6134">
        <v>30</v>
      </c>
      <c r="AC6134">
        <v>30</v>
      </c>
      <c r="AD6134">
        <v>31</v>
      </c>
      <c r="AE6134">
        <v>31</v>
      </c>
      <c r="AF6134">
        <v>32</v>
      </c>
      <c r="AG6134">
        <v>32</v>
      </c>
      <c r="AH6134">
        <v>33</v>
      </c>
      <c r="AI6134">
        <v>33</v>
      </c>
      <c r="AJ6134">
        <v>33</v>
      </c>
      <c r="AK6134">
        <v>34</v>
      </c>
      <c r="AL6134">
        <v>34</v>
      </c>
      <c r="AM6134">
        <v>34</v>
      </c>
      <c r="AN6134">
        <v>34</v>
      </c>
      <c r="AO6134">
        <v>34</v>
      </c>
      <c r="AP6134">
        <v>34</v>
      </c>
      <c r="AQ6134">
        <v>34</v>
      </c>
    </row>
    <row r="6135" spans="1:43">
      <c r="A6135" t="s">
        <v>3852</v>
      </c>
      <c r="B6135" t="s">
        <v>3853</v>
      </c>
      <c r="C6135" t="s">
        <v>3854</v>
      </c>
      <c r="D6135" t="s">
        <v>3855</v>
      </c>
      <c r="E6135" t="s">
        <v>3660</v>
      </c>
      <c r="F6135" t="s">
        <v>3661</v>
      </c>
      <c r="G6135" t="s">
        <v>80</v>
      </c>
      <c r="H6135" t="s">
        <v>81</v>
      </c>
      <c r="I6135" s="2">
        <v>0</v>
      </c>
      <c r="J6135" s="2">
        <v>1</v>
      </c>
      <c r="K6135" s="2">
        <v>0</v>
      </c>
      <c r="L6135" t="s">
        <v>82</v>
      </c>
      <c r="M6135" t="s">
        <v>87</v>
      </c>
      <c r="N6135" t="s">
        <v>88</v>
      </c>
      <c r="O6135" t="s">
        <v>85</v>
      </c>
      <c r="P6135" t="s">
        <v>86</v>
      </c>
      <c r="Q6135">
        <v>25</v>
      </c>
      <c r="R6135">
        <v>25</v>
      </c>
      <c r="S6135">
        <v>25</v>
      </c>
      <c r="T6135">
        <v>25</v>
      </c>
      <c r="U6135">
        <v>26</v>
      </c>
      <c r="V6135">
        <v>26</v>
      </c>
      <c r="W6135">
        <v>26</v>
      </c>
      <c r="X6135">
        <v>26</v>
      </c>
      <c r="Y6135">
        <v>26</v>
      </c>
      <c r="Z6135">
        <v>27</v>
      </c>
      <c r="AA6135">
        <v>27</v>
      </c>
      <c r="AB6135">
        <v>27</v>
      </c>
      <c r="AC6135">
        <v>27</v>
      </c>
      <c r="AD6135">
        <v>27</v>
      </c>
      <c r="AE6135">
        <v>28</v>
      </c>
      <c r="AF6135">
        <v>28</v>
      </c>
      <c r="AG6135">
        <v>28</v>
      </c>
      <c r="AH6135">
        <v>28</v>
      </c>
      <c r="AI6135">
        <v>28</v>
      </c>
      <c r="AJ6135">
        <v>29</v>
      </c>
      <c r="AK6135">
        <v>29</v>
      </c>
      <c r="AL6135">
        <v>29</v>
      </c>
      <c r="AM6135">
        <v>29</v>
      </c>
      <c r="AN6135">
        <v>29</v>
      </c>
      <c r="AO6135">
        <v>30</v>
      </c>
      <c r="AP6135">
        <v>30</v>
      </c>
      <c r="AQ6135">
        <v>30</v>
      </c>
    </row>
    <row r="6136" spans="1:43">
      <c r="A6136" t="s">
        <v>3852</v>
      </c>
      <c r="B6136" t="s">
        <v>3853</v>
      </c>
      <c r="C6136" t="s">
        <v>3854</v>
      </c>
      <c r="D6136" t="s">
        <v>3855</v>
      </c>
      <c r="E6136" t="s">
        <v>3660</v>
      </c>
      <c r="F6136" t="s">
        <v>3661</v>
      </c>
      <c r="G6136" t="s">
        <v>80</v>
      </c>
      <c r="H6136" t="s">
        <v>81</v>
      </c>
      <c r="I6136" s="2">
        <v>0</v>
      </c>
      <c r="J6136" s="2">
        <v>1</v>
      </c>
      <c r="K6136" s="2">
        <v>0</v>
      </c>
      <c r="L6136" t="s">
        <v>82</v>
      </c>
      <c r="M6136" t="s">
        <v>89</v>
      </c>
      <c r="N6136" t="s">
        <v>90</v>
      </c>
      <c r="O6136" t="s">
        <v>85</v>
      </c>
      <c r="P6136" t="s">
        <v>86</v>
      </c>
      <c r="Q6136">
        <v>25</v>
      </c>
      <c r="R6136">
        <v>26</v>
      </c>
      <c r="S6136">
        <v>26</v>
      </c>
      <c r="T6136">
        <v>27</v>
      </c>
      <c r="U6136">
        <v>28</v>
      </c>
      <c r="V6136">
        <v>28</v>
      </c>
      <c r="W6136">
        <v>29</v>
      </c>
      <c r="X6136">
        <v>30</v>
      </c>
      <c r="Y6136">
        <v>30</v>
      </c>
      <c r="Z6136">
        <v>31</v>
      </c>
      <c r="AA6136">
        <v>31</v>
      </c>
      <c r="AB6136">
        <v>32</v>
      </c>
      <c r="AC6136">
        <v>33</v>
      </c>
      <c r="AD6136">
        <v>33</v>
      </c>
      <c r="AE6136">
        <v>34</v>
      </c>
      <c r="AF6136">
        <v>34</v>
      </c>
      <c r="AG6136">
        <v>34</v>
      </c>
      <c r="AH6136">
        <v>34</v>
      </c>
      <c r="AI6136">
        <v>34</v>
      </c>
      <c r="AJ6136">
        <v>34</v>
      </c>
      <c r="AK6136">
        <v>34</v>
      </c>
      <c r="AL6136">
        <v>34</v>
      </c>
      <c r="AM6136">
        <v>34</v>
      </c>
      <c r="AN6136">
        <v>34</v>
      </c>
      <c r="AO6136">
        <v>34</v>
      </c>
      <c r="AP6136">
        <v>35</v>
      </c>
      <c r="AQ6136">
        <v>35</v>
      </c>
    </row>
    <row r="6137" spans="1:43">
      <c r="A6137" t="s">
        <v>3852</v>
      </c>
      <c r="B6137" t="s">
        <v>3853</v>
      </c>
      <c r="C6137" t="s">
        <v>3854</v>
      </c>
      <c r="D6137" t="s">
        <v>3855</v>
      </c>
      <c r="E6137" t="s">
        <v>3660</v>
      </c>
      <c r="F6137" t="s">
        <v>3661</v>
      </c>
      <c r="G6137" t="s">
        <v>80</v>
      </c>
      <c r="H6137" t="s">
        <v>81</v>
      </c>
      <c r="I6137" s="2">
        <v>0</v>
      </c>
      <c r="J6137" s="2">
        <v>1</v>
      </c>
      <c r="K6137" s="2">
        <v>0</v>
      </c>
      <c r="L6137" t="s">
        <v>82</v>
      </c>
      <c r="M6137" t="s">
        <v>83</v>
      </c>
      <c r="N6137" t="s">
        <v>91</v>
      </c>
      <c r="O6137" t="s">
        <v>85</v>
      </c>
      <c r="P6137" t="s">
        <v>86</v>
      </c>
      <c r="Q6137">
        <v>25</v>
      </c>
      <c r="R6137">
        <v>25</v>
      </c>
      <c r="S6137">
        <v>26</v>
      </c>
      <c r="T6137">
        <v>26</v>
      </c>
      <c r="U6137">
        <v>27</v>
      </c>
      <c r="V6137">
        <v>27</v>
      </c>
      <c r="W6137">
        <v>28</v>
      </c>
      <c r="X6137">
        <v>28</v>
      </c>
      <c r="Y6137">
        <v>29</v>
      </c>
      <c r="Z6137">
        <v>29</v>
      </c>
      <c r="AA6137">
        <v>29</v>
      </c>
      <c r="AB6137">
        <v>30</v>
      </c>
      <c r="AC6137">
        <v>30</v>
      </c>
      <c r="AD6137">
        <v>31</v>
      </c>
      <c r="AE6137">
        <v>31</v>
      </c>
      <c r="AF6137">
        <v>32</v>
      </c>
      <c r="AG6137">
        <v>32</v>
      </c>
      <c r="AH6137">
        <v>33</v>
      </c>
      <c r="AI6137">
        <v>33</v>
      </c>
      <c r="AJ6137">
        <v>33</v>
      </c>
      <c r="AK6137">
        <v>34</v>
      </c>
      <c r="AL6137">
        <v>34</v>
      </c>
      <c r="AM6137">
        <v>34</v>
      </c>
      <c r="AN6137">
        <v>34</v>
      </c>
      <c r="AO6137">
        <v>34</v>
      </c>
      <c r="AP6137">
        <v>34</v>
      </c>
      <c r="AQ6137">
        <v>34</v>
      </c>
    </row>
    <row r="6138" spans="1:43">
      <c r="A6138" t="s">
        <v>3856</v>
      </c>
      <c r="B6138" t="s">
        <v>3857</v>
      </c>
      <c r="C6138" t="s">
        <v>3858</v>
      </c>
      <c r="D6138" t="s">
        <v>3859</v>
      </c>
      <c r="E6138" t="s">
        <v>3660</v>
      </c>
      <c r="F6138" t="s">
        <v>3661</v>
      </c>
      <c r="G6138" t="s">
        <v>80</v>
      </c>
      <c r="H6138" t="s">
        <v>81</v>
      </c>
      <c r="I6138" s="2">
        <v>0</v>
      </c>
      <c r="J6138" s="2">
        <v>1</v>
      </c>
      <c r="K6138" s="2">
        <v>0</v>
      </c>
      <c r="L6138" t="s">
        <v>82</v>
      </c>
      <c r="M6138" t="s">
        <v>83</v>
      </c>
      <c r="N6138" t="s">
        <v>84</v>
      </c>
      <c r="O6138" t="s">
        <v>85</v>
      </c>
      <c r="P6138" t="s">
        <v>86</v>
      </c>
      <c r="Q6138">
        <v>44</v>
      </c>
      <c r="R6138">
        <v>45</v>
      </c>
      <c r="S6138">
        <v>45</v>
      </c>
      <c r="T6138">
        <v>46</v>
      </c>
      <c r="U6138">
        <v>47</v>
      </c>
      <c r="V6138">
        <v>48</v>
      </c>
      <c r="W6138">
        <v>49</v>
      </c>
      <c r="X6138">
        <v>50</v>
      </c>
      <c r="Y6138">
        <v>50</v>
      </c>
      <c r="Z6138">
        <v>51</v>
      </c>
      <c r="AA6138">
        <v>52</v>
      </c>
      <c r="AB6138">
        <v>53</v>
      </c>
      <c r="AC6138">
        <v>54</v>
      </c>
      <c r="AD6138">
        <v>54</v>
      </c>
      <c r="AE6138">
        <v>55</v>
      </c>
      <c r="AF6138">
        <v>56</v>
      </c>
      <c r="AG6138">
        <v>57</v>
      </c>
      <c r="AH6138">
        <v>57</v>
      </c>
      <c r="AI6138">
        <v>58</v>
      </c>
      <c r="AJ6138">
        <v>59</v>
      </c>
      <c r="AK6138">
        <v>60</v>
      </c>
      <c r="AL6138">
        <v>60</v>
      </c>
      <c r="AM6138">
        <v>60</v>
      </c>
      <c r="AN6138">
        <v>60</v>
      </c>
      <c r="AO6138">
        <v>60</v>
      </c>
      <c r="AP6138">
        <v>61</v>
      </c>
      <c r="AQ6138">
        <v>61</v>
      </c>
    </row>
    <row r="6139" spans="1:43">
      <c r="A6139" t="s">
        <v>3856</v>
      </c>
      <c r="B6139" t="s">
        <v>3857</v>
      </c>
      <c r="C6139" t="s">
        <v>3858</v>
      </c>
      <c r="D6139" t="s">
        <v>3859</v>
      </c>
      <c r="E6139" t="s">
        <v>3660</v>
      </c>
      <c r="F6139" t="s">
        <v>3661</v>
      </c>
      <c r="G6139" t="s">
        <v>80</v>
      </c>
      <c r="H6139" t="s">
        <v>81</v>
      </c>
      <c r="I6139" s="2">
        <v>0</v>
      </c>
      <c r="J6139" s="2">
        <v>1</v>
      </c>
      <c r="K6139" s="2">
        <v>0</v>
      </c>
      <c r="L6139" t="s">
        <v>82</v>
      </c>
      <c r="M6139" t="s">
        <v>87</v>
      </c>
      <c r="N6139" t="s">
        <v>88</v>
      </c>
      <c r="O6139" t="s">
        <v>85</v>
      </c>
      <c r="P6139" t="s">
        <v>86</v>
      </c>
      <c r="Q6139">
        <v>44</v>
      </c>
      <c r="R6139">
        <v>45</v>
      </c>
      <c r="S6139">
        <v>45</v>
      </c>
      <c r="T6139">
        <v>46</v>
      </c>
      <c r="U6139">
        <v>46</v>
      </c>
      <c r="V6139">
        <v>46</v>
      </c>
      <c r="W6139">
        <v>47</v>
      </c>
      <c r="X6139">
        <v>47</v>
      </c>
      <c r="Y6139">
        <v>48</v>
      </c>
      <c r="Z6139">
        <v>48</v>
      </c>
      <c r="AA6139">
        <v>48</v>
      </c>
      <c r="AB6139">
        <v>49</v>
      </c>
      <c r="AC6139">
        <v>49</v>
      </c>
      <c r="AD6139">
        <v>49</v>
      </c>
      <c r="AE6139">
        <v>50</v>
      </c>
      <c r="AF6139">
        <v>50</v>
      </c>
      <c r="AG6139">
        <v>50</v>
      </c>
      <c r="AH6139">
        <v>51</v>
      </c>
      <c r="AI6139">
        <v>51</v>
      </c>
      <c r="AJ6139">
        <v>51</v>
      </c>
      <c r="AK6139">
        <v>52</v>
      </c>
      <c r="AL6139">
        <v>52</v>
      </c>
      <c r="AM6139">
        <v>52</v>
      </c>
      <c r="AN6139">
        <v>53</v>
      </c>
      <c r="AO6139">
        <v>53</v>
      </c>
      <c r="AP6139">
        <v>53</v>
      </c>
      <c r="AQ6139">
        <v>54</v>
      </c>
    </row>
    <row r="6140" spans="1:43">
      <c r="A6140" t="s">
        <v>3856</v>
      </c>
      <c r="B6140" t="s">
        <v>3857</v>
      </c>
      <c r="C6140" t="s">
        <v>3858</v>
      </c>
      <c r="D6140" t="s">
        <v>3859</v>
      </c>
      <c r="E6140" t="s">
        <v>3660</v>
      </c>
      <c r="F6140" t="s">
        <v>3661</v>
      </c>
      <c r="G6140" t="s">
        <v>80</v>
      </c>
      <c r="H6140" t="s">
        <v>81</v>
      </c>
      <c r="I6140" s="2">
        <v>0</v>
      </c>
      <c r="J6140" s="2">
        <v>1</v>
      </c>
      <c r="K6140" s="2">
        <v>0</v>
      </c>
      <c r="L6140" t="s">
        <v>82</v>
      </c>
      <c r="M6140" t="s">
        <v>89</v>
      </c>
      <c r="N6140" t="s">
        <v>90</v>
      </c>
      <c r="O6140" t="s">
        <v>85</v>
      </c>
      <c r="P6140" t="s">
        <v>86</v>
      </c>
      <c r="Q6140">
        <v>44</v>
      </c>
      <c r="R6140">
        <v>45</v>
      </c>
      <c r="S6140">
        <v>47</v>
      </c>
      <c r="T6140">
        <v>48</v>
      </c>
      <c r="U6140">
        <v>49</v>
      </c>
      <c r="V6140">
        <v>50</v>
      </c>
      <c r="W6140">
        <v>51</v>
      </c>
      <c r="X6140">
        <v>52</v>
      </c>
      <c r="Y6140">
        <v>53</v>
      </c>
      <c r="Z6140">
        <v>54</v>
      </c>
      <c r="AA6140">
        <v>55</v>
      </c>
      <c r="AB6140">
        <v>56</v>
      </c>
      <c r="AC6140">
        <v>57</v>
      </c>
      <c r="AD6140">
        <v>58</v>
      </c>
      <c r="AE6140">
        <v>59</v>
      </c>
      <c r="AF6140">
        <v>59</v>
      </c>
      <c r="AG6140">
        <v>60</v>
      </c>
      <c r="AH6140">
        <v>60</v>
      </c>
      <c r="AI6140">
        <v>60</v>
      </c>
      <c r="AJ6140">
        <v>60</v>
      </c>
      <c r="AK6140">
        <v>60</v>
      </c>
      <c r="AL6140">
        <v>60</v>
      </c>
      <c r="AM6140">
        <v>61</v>
      </c>
      <c r="AN6140">
        <v>61</v>
      </c>
      <c r="AO6140">
        <v>61</v>
      </c>
      <c r="AP6140">
        <v>61</v>
      </c>
      <c r="AQ6140">
        <v>61</v>
      </c>
    </row>
    <row r="6141" spans="1:43">
      <c r="A6141" t="s">
        <v>3856</v>
      </c>
      <c r="B6141" t="s">
        <v>3857</v>
      </c>
      <c r="C6141" t="s">
        <v>3858</v>
      </c>
      <c r="D6141" t="s">
        <v>3859</v>
      </c>
      <c r="E6141" t="s">
        <v>3660</v>
      </c>
      <c r="F6141" t="s">
        <v>3661</v>
      </c>
      <c r="G6141" t="s">
        <v>80</v>
      </c>
      <c r="H6141" t="s">
        <v>81</v>
      </c>
      <c r="I6141" s="2">
        <v>0</v>
      </c>
      <c r="J6141" s="2">
        <v>1</v>
      </c>
      <c r="K6141" s="2">
        <v>0</v>
      </c>
      <c r="L6141" t="s">
        <v>82</v>
      </c>
      <c r="M6141" t="s">
        <v>83</v>
      </c>
      <c r="N6141" t="s">
        <v>91</v>
      </c>
      <c r="O6141" t="s">
        <v>85</v>
      </c>
      <c r="P6141" t="s">
        <v>86</v>
      </c>
      <c r="Q6141">
        <v>44</v>
      </c>
      <c r="R6141">
        <v>45</v>
      </c>
      <c r="S6141">
        <v>45</v>
      </c>
      <c r="T6141">
        <v>46</v>
      </c>
      <c r="U6141">
        <v>47</v>
      </c>
      <c r="V6141">
        <v>48</v>
      </c>
      <c r="W6141">
        <v>49</v>
      </c>
      <c r="X6141">
        <v>50</v>
      </c>
      <c r="Y6141">
        <v>50</v>
      </c>
      <c r="Z6141">
        <v>51</v>
      </c>
      <c r="AA6141">
        <v>52</v>
      </c>
      <c r="AB6141">
        <v>53</v>
      </c>
      <c r="AC6141">
        <v>54</v>
      </c>
      <c r="AD6141">
        <v>54</v>
      </c>
      <c r="AE6141">
        <v>55</v>
      </c>
      <c r="AF6141">
        <v>56</v>
      </c>
      <c r="AG6141">
        <v>57</v>
      </c>
      <c r="AH6141">
        <v>57</v>
      </c>
      <c r="AI6141">
        <v>58</v>
      </c>
      <c r="AJ6141">
        <v>59</v>
      </c>
      <c r="AK6141">
        <v>60</v>
      </c>
      <c r="AL6141">
        <v>60</v>
      </c>
      <c r="AM6141">
        <v>60</v>
      </c>
      <c r="AN6141">
        <v>60</v>
      </c>
      <c r="AO6141">
        <v>60</v>
      </c>
      <c r="AP6141">
        <v>61</v>
      </c>
      <c r="AQ6141">
        <v>61</v>
      </c>
    </row>
    <row r="6142" spans="1:43">
      <c r="A6142" t="s">
        <v>3860</v>
      </c>
      <c r="B6142" t="s">
        <v>3861</v>
      </c>
      <c r="C6142" t="s">
        <v>3688</v>
      </c>
      <c r="D6142" t="s">
        <v>3689</v>
      </c>
      <c r="E6142" t="s">
        <v>3660</v>
      </c>
      <c r="F6142" t="s">
        <v>3661</v>
      </c>
      <c r="G6142" t="s">
        <v>80</v>
      </c>
      <c r="H6142" t="s">
        <v>81</v>
      </c>
      <c r="I6142" s="2">
        <v>0</v>
      </c>
      <c r="J6142" s="2">
        <v>1</v>
      </c>
      <c r="K6142" s="2">
        <v>0</v>
      </c>
      <c r="L6142" t="s">
        <v>82</v>
      </c>
      <c r="M6142" t="s">
        <v>83</v>
      </c>
      <c r="N6142" t="s">
        <v>84</v>
      </c>
      <c r="O6142" t="s">
        <v>85</v>
      </c>
      <c r="P6142" t="s">
        <v>86</v>
      </c>
      <c r="Q6142">
        <v>20</v>
      </c>
      <c r="R6142">
        <v>21</v>
      </c>
      <c r="S6142">
        <v>21</v>
      </c>
      <c r="T6142">
        <v>21</v>
      </c>
      <c r="U6142">
        <v>22</v>
      </c>
      <c r="V6142">
        <v>22</v>
      </c>
      <c r="W6142">
        <v>22</v>
      </c>
      <c r="X6142">
        <v>23</v>
      </c>
      <c r="Y6142">
        <v>23</v>
      </c>
      <c r="Z6142">
        <v>24</v>
      </c>
      <c r="AA6142">
        <v>24</v>
      </c>
      <c r="AB6142">
        <v>24</v>
      </c>
      <c r="AC6142">
        <v>25</v>
      </c>
      <c r="AD6142">
        <v>25</v>
      </c>
      <c r="AE6142">
        <v>25</v>
      </c>
      <c r="AF6142">
        <v>26</v>
      </c>
      <c r="AG6142">
        <v>26</v>
      </c>
      <c r="AH6142">
        <v>26</v>
      </c>
      <c r="AI6142">
        <v>27</v>
      </c>
      <c r="AJ6142">
        <v>27</v>
      </c>
      <c r="AK6142">
        <v>27</v>
      </c>
      <c r="AL6142">
        <v>28</v>
      </c>
      <c r="AM6142">
        <v>28</v>
      </c>
      <c r="AN6142">
        <v>28</v>
      </c>
      <c r="AO6142">
        <v>28</v>
      </c>
      <c r="AP6142">
        <v>28</v>
      </c>
      <c r="AQ6142">
        <v>28</v>
      </c>
    </row>
    <row r="6143" spans="1:43">
      <c r="A6143" t="s">
        <v>3860</v>
      </c>
      <c r="B6143" t="s">
        <v>3861</v>
      </c>
      <c r="C6143" t="s">
        <v>3688</v>
      </c>
      <c r="D6143" t="s">
        <v>3689</v>
      </c>
      <c r="E6143" t="s">
        <v>3660</v>
      </c>
      <c r="F6143" t="s">
        <v>3661</v>
      </c>
      <c r="G6143" t="s">
        <v>80</v>
      </c>
      <c r="H6143" t="s">
        <v>81</v>
      </c>
      <c r="I6143" s="2">
        <v>0</v>
      </c>
      <c r="J6143" s="2">
        <v>1</v>
      </c>
      <c r="K6143" s="2">
        <v>0</v>
      </c>
      <c r="L6143" t="s">
        <v>82</v>
      </c>
      <c r="M6143" t="s">
        <v>87</v>
      </c>
      <c r="N6143" t="s">
        <v>88</v>
      </c>
      <c r="O6143" t="s">
        <v>85</v>
      </c>
      <c r="P6143" t="s">
        <v>86</v>
      </c>
      <c r="Q6143">
        <v>20</v>
      </c>
      <c r="R6143">
        <v>20</v>
      </c>
      <c r="S6143">
        <v>20</v>
      </c>
      <c r="T6143">
        <v>21</v>
      </c>
      <c r="U6143">
        <v>21</v>
      </c>
      <c r="V6143">
        <v>21</v>
      </c>
      <c r="W6143">
        <v>21</v>
      </c>
      <c r="X6143">
        <v>21</v>
      </c>
      <c r="Y6143">
        <v>21</v>
      </c>
      <c r="Z6143">
        <v>22</v>
      </c>
      <c r="AA6143">
        <v>22</v>
      </c>
      <c r="AB6143">
        <v>22</v>
      </c>
      <c r="AC6143">
        <v>22</v>
      </c>
      <c r="AD6143">
        <v>22</v>
      </c>
      <c r="AE6143">
        <v>22</v>
      </c>
      <c r="AF6143">
        <v>23</v>
      </c>
      <c r="AG6143">
        <v>23</v>
      </c>
      <c r="AH6143">
        <v>23</v>
      </c>
      <c r="AI6143">
        <v>23</v>
      </c>
      <c r="AJ6143">
        <v>23</v>
      </c>
      <c r="AK6143">
        <v>23</v>
      </c>
      <c r="AL6143">
        <v>23</v>
      </c>
      <c r="AM6143">
        <v>24</v>
      </c>
      <c r="AN6143">
        <v>24</v>
      </c>
      <c r="AO6143">
        <v>24</v>
      </c>
      <c r="AP6143">
        <v>24</v>
      </c>
      <c r="AQ6143">
        <v>24</v>
      </c>
    </row>
    <row r="6144" spans="1:43">
      <c r="A6144" t="s">
        <v>3860</v>
      </c>
      <c r="B6144" t="s">
        <v>3861</v>
      </c>
      <c r="C6144" t="s">
        <v>3688</v>
      </c>
      <c r="D6144" t="s">
        <v>3689</v>
      </c>
      <c r="E6144" t="s">
        <v>3660</v>
      </c>
      <c r="F6144" t="s">
        <v>3661</v>
      </c>
      <c r="G6144" t="s">
        <v>80</v>
      </c>
      <c r="H6144" t="s">
        <v>81</v>
      </c>
      <c r="I6144" s="2">
        <v>0</v>
      </c>
      <c r="J6144" s="2">
        <v>1</v>
      </c>
      <c r="K6144" s="2">
        <v>0</v>
      </c>
      <c r="L6144" t="s">
        <v>82</v>
      </c>
      <c r="M6144" t="s">
        <v>89</v>
      </c>
      <c r="N6144" t="s">
        <v>90</v>
      </c>
      <c r="O6144" t="s">
        <v>85</v>
      </c>
      <c r="P6144" t="s">
        <v>86</v>
      </c>
      <c r="Q6144">
        <v>20</v>
      </c>
      <c r="R6144">
        <v>21</v>
      </c>
      <c r="S6144">
        <v>21</v>
      </c>
      <c r="T6144">
        <v>22</v>
      </c>
      <c r="U6144">
        <v>23</v>
      </c>
      <c r="V6144">
        <v>23</v>
      </c>
      <c r="W6144">
        <v>24</v>
      </c>
      <c r="X6144">
        <v>24</v>
      </c>
      <c r="Y6144">
        <v>25</v>
      </c>
      <c r="Z6144">
        <v>25</v>
      </c>
      <c r="AA6144">
        <v>25</v>
      </c>
      <c r="AB6144">
        <v>26</v>
      </c>
      <c r="AC6144">
        <v>26</v>
      </c>
      <c r="AD6144">
        <v>27</v>
      </c>
      <c r="AE6144">
        <v>27</v>
      </c>
      <c r="AF6144">
        <v>27</v>
      </c>
      <c r="AG6144">
        <v>27</v>
      </c>
      <c r="AH6144">
        <v>27</v>
      </c>
      <c r="AI6144">
        <v>28</v>
      </c>
      <c r="AJ6144">
        <v>28</v>
      </c>
      <c r="AK6144">
        <v>28</v>
      </c>
      <c r="AL6144">
        <v>28</v>
      </c>
      <c r="AM6144">
        <v>28</v>
      </c>
      <c r="AN6144">
        <v>28</v>
      </c>
      <c r="AO6144">
        <v>28</v>
      </c>
      <c r="AP6144">
        <v>28</v>
      </c>
      <c r="AQ6144">
        <v>28</v>
      </c>
    </row>
    <row r="6145" spans="1:43">
      <c r="A6145" t="s">
        <v>3860</v>
      </c>
      <c r="B6145" t="s">
        <v>3861</v>
      </c>
      <c r="C6145" t="s">
        <v>3688</v>
      </c>
      <c r="D6145" t="s">
        <v>3689</v>
      </c>
      <c r="E6145" t="s">
        <v>3660</v>
      </c>
      <c r="F6145" t="s">
        <v>3661</v>
      </c>
      <c r="G6145" t="s">
        <v>80</v>
      </c>
      <c r="H6145" t="s">
        <v>81</v>
      </c>
      <c r="I6145" s="2">
        <v>0</v>
      </c>
      <c r="J6145" s="2">
        <v>1</v>
      </c>
      <c r="K6145" s="2">
        <v>0</v>
      </c>
      <c r="L6145" t="s">
        <v>82</v>
      </c>
      <c r="M6145" t="s">
        <v>83</v>
      </c>
      <c r="N6145" t="s">
        <v>91</v>
      </c>
      <c r="O6145" t="s">
        <v>85</v>
      </c>
      <c r="P6145" t="s">
        <v>86</v>
      </c>
      <c r="Q6145">
        <v>20</v>
      </c>
      <c r="R6145">
        <v>21</v>
      </c>
      <c r="S6145">
        <v>21</v>
      </c>
      <c r="T6145">
        <v>21</v>
      </c>
      <c r="U6145">
        <v>22</v>
      </c>
      <c r="V6145">
        <v>22</v>
      </c>
      <c r="W6145">
        <v>22</v>
      </c>
      <c r="X6145">
        <v>23</v>
      </c>
      <c r="Y6145">
        <v>23</v>
      </c>
      <c r="Z6145">
        <v>24</v>
      </c>
      <c r="AA6145">
        <v>24</v>
      </c>
      <c r="AB6145">
        <v>24</v>
      </c>
      <c r="AC6145">
        <v>25</v>
      </c>
      <c r="AD6145">
        <v>25</v>
      </c>
      <c r="AE6145">
        <v>25</v>
      </c>
      <c r="AF6145">
        <v>26</v>
      </c>
      <c r="AG6145">
        <v>26</v>
      </c>
      <c r="AH6145">
        <v>26</v>
      </c>
      <c r="AI6145">
        <v>27</v>
      </c>
      <c r="AJ6145">
        <v>27</v>
      </c>
      <c r="AK6145">
        <v>27</v>
      </c>
      <c r="AL6145">
        <v>28</v>
      </c>
      <c r="AM6145">
        <v>28</v>
      </c>
      <c r="AN6145">
        <v>28</v>
      </c>
      <c r="AO6145">
        <v>28</v>
      </c>
      <c r="AP6145">
        <v>28</v>
      </c>
      <c r="AQ6145">
        <v>28</v>
      </c>
    </row>
    <row r="6146" spans="1:43">
      <c r="A6146" t="s">
        <v>3862</v>
      </c>
      <c r="B6146" t="s">
        <v>3863</v>
      </c>
      <c r="C6146" t="s">
        <v>3736</v>
      </c>
      <c r="D6146" t="s">
        <v>3737</v>
      </c>
      <c r="E6146" t="s">
        <v>3660</v>
      </c>
      <c r="F6146" t="s">
        <v>3661</v>
      </c>
      <c r="G6146" t="s">
        <v>80</v>
      </c>
      <c r="H6146" t="s">
        <v>81</v>
      </c>
      <c r="I6146" s="2">
        <v>0</v>
      </c>
      <c r="J6146" s="2">
        <v>1</v>
      </c>
      <c r="K6146" s="2">
        <v>0</v>
      </c>
      <c r="L6146" t="s">
        <v>82</v>
      </c>
      <c r="M6146" t="s">
        <v>83</v>
      </c>
      <c r="N6146" t="s">
        <v>84</v>
      </c>
      <c r="O6146" t="s">
        <v>85</v>
      </c>
      <c r="P6146" t="s">
        <v>86</v>
      </c>
      <c r="Q6146">
        <v>35</v>
      </c>
      <c r="R6146">
        <v>36</v>
      </c>
      <c r="S6146">
        <v>36</v>
      </c>
      <c r="T6146">
        <v>37</v>
      </c>
      <c r="U6146">
        <v>38</v>
      </c>
      <c r="V6146">
        <v>38</v>
      </c>
      <c r="W6146">
        <v>39</v>
      </c>
      <c r="X6146">
        <v>40</v>
      </c>
      <c r="Y6146">
        <v>40</v>
      </c>
      <c r="Z6146">
        <v>41</v>
      </c>
      <c r="AA6146">
        <v>42</v>
      </c>
      <c r="AB6146">
        <v>42</v>
      </c>
      <c r="AC6146">
        <v>43</v>
      </c>
      <c r="AD6146">
        <v>43</v>
      </c>
      <c r="AE6146">
        <v>44</v>
      </c>
      <c r="AF6146">
        <v>45</v>
      </c>
      <c r="AG6146">
        <v>45</v>
      </c>
      <c r="AH6146">
        <v>46</v>
      </c>
      <c r="AI6146">
        <v>46</v>
      </c>
      <c r="AJ6146">
        <v>47</v>
      </c>
      <c r="AK6146">
        <v>48</v>
      </c>
      <c r="AL6146">
        <v>48</v>
      </c>
      <c r="AM6146">
        <v>48</v>
      </c>
      <c r="AN6146">
        <v>48</v>
      </c>
      <c r="AO6146">
        <v>48</v>
      </c>
      <c r="AP6146">
        <v>48</v>
      </c>
      <c r="AQ6146">
        <v>49</v>
      </c>
    </row>
    <row r="6147" spans="1:43">
      <c r="A6147" t="s">
        <v>3862</v>
      </c>
      <c r="B6147" t="s">
        <v>3863</v>
      </c>
      <c r="C6147" t="s">
        <v>3736</v>
      </c>
      <c r="D6147" t="s">
        <v>3737</v>
      </c>
      <c r="E6147" t="s">
        <v>3660</v>
      </c>
      <c r="F6147" t="s">
        <v>3661</v>
      </c>
      <c r="G6147" t="s">
        <v>80</v>
      </c>
      <c r="H6147" t="s">
        <v>81</v>
      </c>
      <c r="I6147" s="2">
        <v>0</v>
      </c>
      <c r="J6147" s="2">
        <v>1</v>
      </c>
      <c r="K6147" s="2">
        <v>0</v>
      </c>
      <c r="L6147" t="s">
        <v>82</v>
      </c>
      <c r="M6147" t="s">
        <v>87</v>
      </c>
      <c r="N6147" t="s">
        <v>88</v>
      </c>
      <c r="O6147" t="s">
        <v>85</v>
      </c>
      <c r="P6147" t="s">
        <v>86</v>
      </c>
      <c r="Q6147">
        <v>35</v>
      </c>
      <c r="R6147">
        <v>35</v>
      </c>
      <c r="S6147">
        <v>35</v>
      </c>
      <c r="T6147">
        <v>36</v>
      </c>
      <c r="U6147">
        <v>36</v>
      </c>
      <c r="V6147">
        <v>36</v>
      </c>
      <c r="W6147">
        <v>37</v>
      </c>
      <c r="X6147">
        <v>37</v>
      </c>
      <c r="Y6147">
        <v>37</v>
      </c>
      <c r="Z6147">
        <v>38</v>
      </c>
      <c r="AA6147">
        <v>38</v>
      </c>
      <c r="AB6147">
        <v>38</v>
      </c>
      <c r="AC6147">
        <v>38</v>
      </c>
      <c r="AD6147">
        <v>39</v>
      </c>
      <c r="AE6147">
        <v>39</v>
      </c>
      <c r="AF6147">
        <v>39</v>
      </c>
      <c r="AG6147">
        <v>40</v>
      </c>
      <c r="AH6147">
        <v>40</v>
      </c>
      <c r="AI6147">
        <v>40</v>
      </c>
      <c r="AJ6147">
        <v>40</v>
      </c>
      <c r="AK6147">
        <v>41</v>
      </c>
      <c r="AL6147">
        <v>41</v>
      </c>
      <c r="AM6147">
        <v>41</v>
      </c>
      <c r="AN6147">
        <v>41</v>
      </c>
      <c r="AO6147">
        <v>42</v>
      </c>
      <c r="AP6147">
        <v>42</v>
      </c>
      <c r="AQ6147">
        <v>42</v>
      </c>
    </row>
    <row r="6148" spans="1:43">
      <c r="A6148" t="s">
        <v>3862</v>
      </c>
      <c r="B6148" t="s">
        <v>3863</v>
      </c>
      <c r="C6148" t="s">
        <v>3736</v>
      </c>
      <c r="D6148" t="s">
        <v>3737</v>
      </c>
      <c r="E6148" t="s">
        <v>3660</v>
      </c>
      <c r="F6148" t="s">
        <v>3661</v>
      </c>
      <c r="G6148" t="s">
        <v>80</v>
      </c>
      <c r="H6148" t="s">
        <v>81</v>
      </c>
      <c r="I6148" s="2">
        <v>0</v>
      </c>
      <c r="J6148" s="2">
        <v>1</v>
      </c>
      <c r="K6148" s="2">
        <v>0</v>
      </c>
      <c r="L6148" t="s">
        <v>82</v>
      </c>
      <c r="M6148" t="s">
        <v>89</v>
      </c>
      <c r="N6148" t="s">
        <v>90</v>
      </c>
      <c r="O6148" t="s">
        <v>85</v>
      </c>
      <c r="P6148" t="s">
        <v>86</v>
      </c>
      <c r="Q6148">
        <v>35</v>
      </c>
      <c r="R6148">
        <v>36</v>
      </c>
      <c r="S6148">
        <v>37</v>
      </c>
      <c r="T6148">
        <v>38</v>
      </c>
      <c r="U6148">
        <v>39</v>
      </c>
      <c r="V6148">
        <v>40</v>
      </c>
      <c r="W6148">
        <v>41</v>
      </c>
      <c r="X6148">
        <v>42</v>
      </c>
      <c r="Y6148">
        <v>43</v>
      </c>
      <c r="Z6148">
        <v>44</v>
      </c>
      <c r="AA6148">
        <v>44</v>
      </c>
      <c r="AB6148">
        <v>45</v>
      </c>
      <c r="AC6148">
        <v>46</v>
      </c>
      <c r="AD6148">
        <v>47</v>
      </c>
      <c r="AE6148">
        <v>47</v>
      </c>
      <c r="AF6148">
        <v>47</v>
      </c>
      <c r="AG6148">
        <v>48</v>
      </c>
      <c r="AH6148">
        <v>48</v>
      </c>
      <c r="AI6148">
        <v>48</v>
      </c>
      <c r="AJ6148">
        <v>48</v>
      </c>
      <c r="AK6148">
        <v>48</v>
      </c>
      <c r="AL6148">
        <v>48</v>
      </c>
      <c r="AM6148">
        <v>48</v>
      </c>
      <c r="AN6148">
        <v>49</v>
      </c>
      <c r="AO6148">
        <v>49</v>
      </c>
      <c r="AP6148">
        <v>49</v>
      </c>
      <c r="AQ6148">
        <v>49</v>
      </c>
    </row>
    <row r="6149" spans="1:43">
      <c r="A6149" t="s">
        <v>3862</v>
      </c>
      <c r="B6149" t="s">
        <v>3863</v>
      </c>
      <c r="C6149" t="s">
        <v>3736</v>
      </c>
      <c r="D6149" t="s">
        <v>3737</v>
      </c>
      <c r="E6149" t="s">
        <v>3660</v>
      </c>
      <c r="F6149" t="s">
        <v>3661</v>
      </c>
      <c r="G6149" t="s">
        <v>80</v>
      </c>
      <c r="H6149" t="s">
        <v>81</v>
      </c>
      <c r="I6149" s="2">
        <v>0</v>
      </c>
      <c r="J6149" s="2">
        <v>1</v>
      </c>
      <c r="K6149" s="2">
        <v>0</v>
      </c>
      <c r="L6149" t="s">
        <v>82</v>
      </c>
      <c r="M6149" t="s">
        <v>83</v>
      </c>
      <c r="N6149" t="s">
        <v>91</v>
      </c>
      <c r="O6149" t="s">
        <v>85</v>
      </c>
      <c r="P6149" t="s">
        <v>86</v>
      </c>
      <c r="Q6149">
        <v>35</v>
      </c>
      <c r="R6149">
        <v>36</v>
      </c>
      <c r="S6149">
        <v>36</v>
      </c>
      <c r="T6149">
        <v>37</v>
      </c>
      <c r="U6149">
        <v>38</v>
      </c>
      <c r="V6149">
        <v>38</v>
      </c>
      <c r="W6149">
        <v>39</v>
      </c>
      <c r="X6149">
        <v>40</v>
      </c>
      <c r="Y6149">
        <v>40</v>
      </c>
      <c r="Z6149">
        <v>41</v>
      </c>
      <c r="AA6149">
        <v>42</v>
      </c>
      <c r="AB6149">
        <v>42</v>
      </c>
      <c r="AC6149">
        <v>43</v>
      </c>
      <c r="AD6149">
        <v>43</v>
      </c>
      <c r="AE6149">
        <v>44</v>
      </c>
      <c r="AF6149">
        <v>45</v>
      </c>
      <c r="AG6149">
        <v>45</v>
      </c>
      <c r="AH6149">
        <v>46</v>
      </c>
      <c r="AI6149">
        <v>46</v>
      </c>
      <c r="AJ6149">
        <v>47</v>
      </c>
      <c r="AK6149">
        <v>48</v>
      </c>
      <c r="AL6149">
        <v>48</v>
      </c>
      <c r="AM6149">
        <v>48</v>
      </c>
      <c r="AN6149">
        <v>48</v>
      </c>
      <c r="AO6149">
        <v>48</v>
      </c>
      <c r="AP6149">
        <v>48</v>
      </c>
      <c r="AQ6149">
        <v>49</v>
      </c>
    </row>
    <row r="6150" spans="1:43">
      <c r="A6150" t="s">
        <v>3864</v>
      </c>
      <c r="B6150" t="s">
        <v>3865</v>
      </c>
      <c r="C6150" t="s">
        <v>3858</v>
      </c>
      <c r="D6150" t="s">
        <v>3859</v>
      </c>
      <c r="E6150" t="s">
        <v>3660</v>
      </c>
      <c r="F6150" t="s">
        <v>3661</v>
      </c>
      <c r="G6150" t="s">
        <v>80</v>
      </c>
      <c r="H6150" t="s">
        <v>81</v>
      </c>
      <c r="I6150" s="2">
        <v>0</v>
      </c>
      <c r="J6150" s="2">
        <v>1</v>
      </c>
      <c r="K6150" s="2">
        <v>0</v>
      </c>
      <c r="L6150" t="s">
        <v>82</v>
      </c>
      <c r="M6150" t="s">
        <v>83</v>
      </c>
      <c r="N6150" t="s">
        <v>84</v>
      </c>
      <c r="O6150" t="s">
        <v>85</v>
      </c>
      <c r="P6150" t="s">
        <v>86</v>
      </c>
      <c r="Q6150">
        <v>18</v>
      </c>
      <c r="R6150">
        <v>18</v>
      </c>
      <c r="S6150">
        <v>18</v>
      </c>
      <c r="T6150">
        <v>19</v>
      </c>
      <c r="U6150">
        <v>19</v>
      </c>
      <c r="V6150">
        <v>19</v>
      </c>
      <c r="W6150">
        <v>20</v>
      </c>
      <c r="X6150">
        <v>20</v>
      </c>
      <c r="Y6150">
        <v>20</v>
      </c>
      <c r="Z6150">
        <v>21</v>
      </c>
      <c r="AA6150">
        <v>21</v>
      </c>
      <c r="AB6150">
        <v>21</v>
      </c>
      <c r="AC6150">
        <v>22</v>
      </c>
      <c r="AD6150">
        <v>22</v>
      </c>
      <c r="AE6150">
        <v>22</v>
      </c>
      <c r="AF6150">
        <v>23</v>
      </c>
      <c r="AG6150">
        <v>23</v>
      </c>
      <c r="AH6150">
        <v>23</v>
      </c>
      <c r="AI6150">
        <v>24</v>
      </c>
      <c r="AJ6150">
        <v>24</v>
      </c>
      <c r="AK6150">
        <v>24</v>
      </c>
      <c r="AL6150">
        <v>24</v>
      </c>
      <c r="AM6150">
        <v>24</v>
      </c>
      <c r="AN6150">
        <v>25</v>
      </c>
      <c r="AO6150">
        <v>25</v>
      </c>
      <c r="AP6150">
        <v>25</v>
      </c>
      <c r="AQ6150">
        <v>25</v>
      </c>
    </row>
    <row r="6151" spans="1:43">
      <c r="A6151" t="s">
        <v>3864</v>
      </c>
      <c r="B6151" t="s">
        <v>3865</v>
      </c>
      <c r="C6151" t="s">
        <v>3858</v>
      </c>
      <c r="D6151" t="s">
        <v>3859</v>
      </c>
      <c r="E6151" t="s">
        <v>3660</v>
      </c>
      <c r="F6151" t="s">
        <v>3661</v>
      </c>
      <c r="G6151" t="s">
        <v>80</v>
      </c>
      <c r="H6151" t="s">
        <v>81</v>
      </c>
      <c r="I6151" s="2">
        <v>0</v>
      </c>
      <c r="J6151" s="2">
        <v>1</v>
      </c>
      <c r="K6151" s="2">
        <v>0</v>
      </c>
      <c r="L6151" t="s">
        <v>82</v>
      </c>
      <c r="M6151" t="s">
        <v>87</v>
      </c>
      <c r="N6151" t="s">
        <v>88</v>
      </c>
      <c r="O6151" t="s">
        <v>85</v>
      </c>
      <c r="P6151" t="s">
        <v>86</v>
      </c>
      <c r="Q6151">
        <v>18</v>
      </c>
      <c r="R6151">
        <v>18</v>
      </c>
      <c r="S6151">
        <v>18</v>
      </c>
      <c r="T6151">
        <v>18</v>
      </c>
      <c r="U6151">
        <v>18</v>
      </c>
      <c r="V6151">
        <v>18</v>
      </c>
      <c r="W6151">
        <v>19</v>
      </c>
      <c r="X6151">
        <v>19</v>
      </c>
      <c r="Y6151">
        <v>19</v>
      </c>
      <c r="Z6151">
        <v>19</v>
      </c>
      <c r="AA6151">
        <v>19</v>
      </c>
      <c r="AB6151">
        <v>19</v>
      </c>
      <c r="AC6151">
        <v>20</v>
      </c>
      <c r="AD6151">
        <v>20</v>
      </c>
      <c r="AE6151">
        <v>20</v>
      </c>
      <c r="AF6151">
        <v>20</v>
      </c>
      <c r="AG6151">
        <v>20</v>
      </c>
      <c r="AH6151">
        <v>20</v>
      </c>
      <c r="AI6151">
        <v>20</v>
      </c>
      <c r="AJ6151">
        <v>21</v>
      </c>
      <c r="AK6151">
        <v>21</v>
      </c>
      <c r="AL6151">
        <v>21</v>
      </c>
      <c r="AM6151">
        <v>21</v>
      </c>
      <c r="AN6151">
        <v>21</v>
      </c>
      <c r="AO6151">
        <v>21</v>
      </c>
      <c r="AP6151">
        <v>21</v>
      </c>
      <c r="AQ6151">
        <v>21</v>
      </c>
    </row>
    <row r="6152" spans="1:43">
      <c r="A6152" t="s">
        <v>3864</v>
      </c>
      <c r="B6152" t="s">
        <v>3865</v>
      </c>
      <c r="C6152" t="s">
        <v>3858</v>
      </c>
      <c r="D6152" t="s">
        <v>3859</v>
      </c>
      <c r="E6152" t="s">
        <v>3660</v>
      </c>
      <c r="F6152" t="s">
        <v>3661</v>
      </c>
      <c r="G6152" t="s">
        <v>80</v>
      </c>
      <c r="H6152" t="s">
        <v>81</v>
      </c>
      <c r="I6152" s="2">
        <v>0</v>
      </c>
      <c r="J6152" s="2">
        <v>1</v>
      </c>
      <c r="K6152" s="2">
        <v>0</v>
      </c>
      <c r="L6152" t="s">
        <v>82</v>
      </c>
      <c r="M6152" t="s">
        <v>89</v>
      </c>
      <c r="N6152" t="s">
        <v>90</v>
      </c>
      <c r="O6152" t="s">
        <v>85</v>
      </c>
      <c r="P6152" t="s">
        <v>86</v>
      </c>
      <c r="Q6152">
        <v>18</v>
      </c>
      <c r="R6152">
        <v>18</v>
      </c>
      <c r="S6152">
        <v>19</v>
      </c>
      <c r="T6152">
        <v>19</v>
      </c>
      <c r="U6152">
        <v>20</v>
      </c>
      <c r="V6152">
        <v>20</v>
      </c>
      <c r="W6152">
        <v>21</v>
      </c>
      <c r="X6152">
        <v>21</v>
      </c>
      <c r="Y6152">
        <v>22</v>
      </c>
      <c r="Z6152">
        <v>22</v>
      </c>
      <c r="AA6152">
        <v>23</v>
      </c>
      <c r="AB6152">
        <v>23</v>
      </c>
      <c r="AC6152">
        <v>23</v>
      </c>
      <c r="AD6152">
        <v>24</v>
      </c>
      <c r="AE6152">
        <v>24</v>
      </c>
      <c r="AF6152">
        <v>24</v>
      </c>
      <c r="AG6152">
        <v>24</v>
      </c>
      <c r="AH6152">
        <v>24</v>
      </c>
      <c r="AI6152">
        <v>24</v>
      </c>
      <c r="AJ6152">
        <v>24</v>
      </c>
      <c r="AK6152">
        <v>25</v>
      </c>
      <c r="AL6152">
        <v>25</v>
      </c>
      <c r="AM6152">
        <v>25</v>
      </c>
      <c r="AN6152">
        <v>25</v>
      </c>
      <c r="AO6152">
        <v>25</v>
      </c>
      <c r="AP6152">
        <v>25</v>
      </c>
      <c r="AQ6152">
        <v>25</v>
      </c>
    </row>
    <row r="6153" spans="1:43">
      <c r="A6153" t="s">
        <v>3864</v>
      </c>
      <c r="B6153" t="s">
        <v>3865</v>
      </c>
      <c r="C6153" t="s">
        <v>3858</v>
      </c>
      <c r="D6153" t="s">
        <v>3859</v>
      </c>
      <c r="E6153" t="s">
        <v>3660</v>
      </c>
      <c r="F6153" t="s">
        <v>3661</v>
      </c>
      <c r="G6153" t="s">
        <v>80</v>
      </c>
      <c r="H6153" t="s">
        <v>81</v>
      </c>
      <c r="I6153" s="2">
        <v>0</v>
      </c>
      <c r="J6153" s="2">
        <v>1</v>
      </c>
      <c r="K6153" s="2">
        <v>0</v>
      </c>
      <c r="L6153" t="s">
        <v>82</v>
      </c>
      <c r="M6153" t="s">
        <v>83</v>
      </c>
      <c r="N6153" t="s">
        <v>91</v>
      </c>
      <c r="O6153" t="s">
        <v>85</v>
      </c>
      <c r="P6153" t="s">
        <v>86</v>
      </c>
      <c r="Q6153">
        <v>18</v>
      </c>
      <c r="R6153">
        <v>18</v>
      </c>
      <c r="S6153">
        <v>18</v>
      </c>
      <c r="T6153">
        <v>19</v>
      </c>
      <c r="U6153">
        <v>19</v>
      </c>
      <c r="V6153">
        <v>19</v>
      </c>
      <c r="W6153">
        <v>20</v>
      </c>
      <c r="X6153">
        <v>20</v>
      </c>
      <c r="Y6153">
        <v>20</v>
      </c>
      <c r="Z6153">
        <v>21</v>
      </c>
      <c r="AA6153">
        <v>21</v>
      </c>
      <c r="AB6153">
        <v>21</v>
      </c>
      <c r="AC6153">
        <v>22</v>
      </c>
      <c r="AD6153">
        <v>22</v>
      </c>
      <c r="AE6153">
        <v>22</v>
      </c>
      <c r="AF6153">
        <v>23</v>
      </c>
      <c r="AG6153">
        <v>23</v>
      </c>
      <c r="AH6153">
        <v>23</v>
      </c>
      <c r="AI6153">
        <v>24</v>
      </c>
      <c r="AJ6153">
        <v>24</v>
      </c>
      <c r="AK6153">
        <v>24</v>
      </c>
      <c r="AL6153">
        <v>24</v>
      </c>
      <c r="AM6153">
        <v>24</v>
      </c>
      <c r="AN6153">
        <v>25</v>
      </c>
      <c r="AO6153">
        <v>25</v>
      </c>
      <c r="AP6153">
        <v>25</v>
      </c>
      <c r="AQ6153">
        <v>25</v>
      </c>
    </row>
    <row r="6154" spans="1:43">
      <c r="A6154" t="s">
        <v>3866</v>
      </c>
      <c r="B6154" t="s">
        <v>3867</v>
      </c>
      <c r="C6154" t="s">
        <v>3736</v>
      </c>
      <c r="D6154" t="s">
        <v>3737</v>
      </c>
      <c r="E6154" t="s">
        <v>3660</v>
      </c>
      <c r="F6154" t="s">
        <v>3661</v>
      </c>
      <c r="G6154" t="s">
        <v>80</v>
      </c>
      <c r="H6154" t="s">
        <v>81</v>
      </c>
      <c r="I6154" s="2">
        <v>0</v>
      </c>
      <c r="J6154" s="2">
        <v>1</v>
      </c>
      <c r="K6154" s="2">
        <v>0</v>
      </c>
      <c r="L6154" t="s">
        <v>82</v>
      </c>
      <c r="M6154" t="s">
        <v>83</v>
      </c>
      <c r="N6154" t="s">
        <v>84</v>
      </c>
      <c r="O6154" t="s">
        <v>85</v>
      </c>
      <c r="P6154" t="s">
        <v>86</v>
      </c>
      <c r="Q6154">
        <v>35</v>
      </c>
      <c r="R6154">
        <v>36</v>
      </c>
      <c r="S6154">
        <v>37</v>
      </c>
      <c r="T6154">
        <v>37</v>
      </c>
      <c r="U6154">
        <v>38</v>
      </c>
      <c r="V6154">
        <v>39</v>
      </c>
      <c r="W6154">
        <v>39</v>
      </c>
      <c r="X6154">
        <v>40</v>
      </c>
      <c r="Y6154">
        <v>41</v>
      </c>
      <c r="Z6154">
        <v>41</v>
      </c>
      <c r="AA6154">
        <v>42</v>
      </c>
      <c r="AB6154">
        <v>43</v>
      </c>
      <c r="AC6154">
        <v>43</v>
      </c>
      <c r="AD6154">
        <v>44</v>
      </c>
      <c r="AE6154">
        <v>45</v>
      </c>
      <c r="AF6154">
        <v>45</v>
      </c>
      <c r="AG6154">
        <v>46</v>
      </c>
      <c r="AH6154">
        <v>46</v>
      </c>
      <c r="AI6154">
        <v>47</v>
      </c>
      <c r="AJ6154">
        <v>48</v>
      </c>
      <c r="AK6154">
        <v>48</v>
      </c>
      <c r="AL6154">
        <v>49</v>
      </c>
      <c r="AM6154">
        <v>49</v>
      </c>
      <c r="AN6154">
        <v>49</v>
      </c>
      <c r="AO6154">
        <v>49</v>
      </c>
      <c r="AP6154">
        <v>49</v>
      </c>
      <c r="AQ6154">
        <v>49</v>
      </c>
    </row>
    <row r="6155" spans="1:43">
      <c r="A6155" t="s">
        <v>3866</v>
      </c>
      <c r="B6155" t="s">
        <v>3867</v>
      </c>
      <c r="C6155" t="s">
        <v>3736</v>
      </c>
      <c r="D6155" t="s">
        <v>3737</v>
      </c>
      <c r="E6155" t="s">
        <v>3660</v>
      </c>
      <c r="F6155" t="s">
        <v>3661</v>
      </c>
      <c r="G6155" t="s">
        <v>80</v>
      </c>
      <c r="H6155" t="s">
        <v>81</v>
      </c>
      <c r="I6155" s="2">
        <v>0</v>
      </c>
      <c r="J6155" s="2">
        <v>1</v>
      </c>
      <c r="K6155" s="2">
        <v>0</v>
      </c>
      <c r="L6155" t="s">
        <v>82</v>
      </c>
      <c r="M6155" t="s">
        <v>87</v>
      </c>
      <c r="N6155" t="s">
        <v>88</v>
      </c>
      <c r="O6155" t="s">
        <v>85</v>
      </c>
      <c r="P6155" t="s">
        <v>86</v>
      </c>
      <c r="Q6155">
        <v>35</v>
      </c>
      <c r="R6155">
        <v>35</v>
      </c>
      <c r="S6155">
        <v>36</v>
      </c>
      <c r="T6155">
        <v>36</v>
      </c>
      <c r="U6155">
        <v>36</v>
      </c>
      <c r="V6155">
        <v>37</v>
      </c>
      <c r="W6155">
        <v>37</v>
      </c>
      <c r="X6155">
        <v>37</v>
      </c>
      <c r="Y6155">
        <v>38</v>
      </c>
      <c r="Z6155">
        <v>38</v>
      </c>
      <c r="AA6155">
        <v>38</v>
      </c>
      <c r="AB6155">
        <v>39</v>
      </c>
      <c r="AC6155">
        <v>39</v>
      </c>
      <c r="AD6155">
        <v>39</v>
      </c>
      <c r="AE6155">
        <v>39</v>
      </c>
      <c r="AF6155">
        <v>40</v>
      </c>
      <c r="AG6155">
        <v>40</v>
      </c>
      <c r="AH6155">
        <v>40</v>
      </c>
      <c r="AI6155">
        <v>41</v>
      </c>
      <c r="AJ6155">
        <v>41</v>
      </c>
      <c r="AK6155">
        <v>41</v>
      </c>
      <c r="AL6155">
        <v>41</v>
      </c>
      <c r="AM6155">
        <v>42</v>
      </c>
      <c r="AN6155">
        <v>42</v>
      </c>
      <c r="AO6155">
        <v>42</v>
      </c>
      <c r="AP6155">
        <v>42</v>
      </c>
      <c r="AQ6155">
        <v>43</v>
      </c>
    </row>
    <row r="6156" spans="1:43">
      <c r="A6156" t="s">
        <v>3866</v>
      </c>
      <c r="B6156" t="s">
        <v>3867</v>
      </c>
      <c r="C6156" t="s">
        <v>3736</v>
      </c>
      <c r="D6156" t="s">
        <v>3737</v>
      </c>
      <c r="E6156" t="s">
        <v>3660</v>
      </c>
      <c r="F6156" t="s">
        <v>3661</v>
      </c>
      <c r="G6156" t="s">
        <v>80</v>
      </c>
      <c r="H6156" t="s">
        <v>81</v>
      </c>
      <c r="I6156" s="2">
        <v>0</v>
      </c>
      <c r="J6156" s="2">
        <v>1</v>
      </c>
      <c r="K6156" s="2">
        <v>0</v>
      </c>
      <c r="L6156" t="s">
        <v>82</v>
      </c>
      <c r="M6156" t="s">
        <v>89</v>
      </c>
      <c r="N6156" t="s">
        <v>90</v>
      </c>
      <c r="O6156" t="s">
        <v>85</v>
      </c>
      <c r="P6156" t="s">
        <v>86</v>
      </c>
      <c r="Q6156">
        <v>35</v>
      </c>
      <c r="R6156">
        <v>36</v>
      </c>
      <c r="S6156">
        <v>37</v>
      </c>
      <c r="T6156">
        <v>38</v>
      </c>
      <c r="U6156">
        <v>39</v>
      </c>
      <c r="V6156">
        <v>40</v>
      </c>
      <c r="W6156">
        <v>41</v>
      </c>
      <c r="X6156">
        <v>41</v>
      </c>
      <c r="Y6156">
        <v>42</v>
      </c>
      <c r="Z6156">
        <v>43</v>
      </c>
      <c r="AA6156">
        <v>44</v>
      </c>
      <c r="AB6156">
        <v>45</v>
      </c>
      <c r="AC6156">
        <v>46</v>
      </c>
      <c r="AD6156">
        <v>46</v>
      </c>
      <c r="AE6156">
        <v>47</v>
      </c>
      <c r="AF6156">
        <v>47</v>
      </c>
      <c r="AG6156">
        <v>47</v>
      </c>
      <c r="AH6156">
        <v>47</v>
      </c>
      <c r="AI6156">
        <v>48</v>
      </c>
      <c r="AJ6156">
        <v>48</v>
      </c>
      <c r="AK6156">
        <v>48</v>
      </c>
      <c r="AL6156">
        <v>48</v>
      </c>
      <c r="AM6156">
        <v>48</v>
      </c>
      <c r="AN6156">
        <v>48</v>
      </c>
      <c r="AO6156">
        <v>48</v>
      </c>
      <c r="AP6156">
        <v>48</v>
      </c>
      <c r="AQ6156">
        <v>49</v>
      </c>
    </row>
    <row r="6157" spans="1:43">
      <c r="A6157" t="s">
        <v>3866</v>
      </c>
      <c r="B6157" t="s">
        <v>3867</v>
      </c>
      <c r="C6157" t="s">
        <v>3736</v>
      </c>
      <c r="D6157" t="s">
        <v>3737</v>
      </c>
      <c r="E6157" t="s">
        <v>3660</v>
      </c>
      <c r="F6157" t="s">
        <v>3661</v>
      </c>
      <c r="G6157" t="s">
        <v>80</v>
      </c>
      <c r="H6157" t="s">
        <v>81</v>
      </c>
      <c r="I6157" s="2">
        <v>0</v>
      </c>
      <c r="J6157" s="2">
        <v>1</v>
      </c>
      <c r="K6157" s="2">
        <v>0</v>
      </c>
      <c r="L6157" t="s">
        <v>82</v>
      </c>
      <c r="M6157" t="s">
        <v>83</v>
      </c>
      <c r="N6157" t="s">
        <v>91</v>
      </c>
      <c r="O6157" t="s">
        <v>85</v>
      </c>
      <c r="P6157" t="s">
        <v>86</v>
      </c>
      <c r="Q6157">
        <v>35</v>
      </c>
      <c r="R6157">
        <v>36</v>
      </c>
      <c r="S6157">
        <v>37</v>
      </c>
      <c r="T6157">
        <v>37</v>
      </c>
      <c r="U6157">
        <v>38</v>
      </c>
      <c r="V6157">
        <v>39</v>
      </c>
      <c r="W6157">
        <v>39</v>
      </c>
      <c r="X6157">
        <v>40</v>
      </c>
      <c r="Y6157">
        <v>41</v>
      </c>
      <c r="Z6157">
        <v>41</v>
      </c>
      <c r="AA6157">
        <v>42</v>
      </c>
      <c r="AB6157">
        <v>43</v>
      </c>
      <c r="AC6157">
        <v>43</v>
      </c>
      <c r="AD6157">
        <v>44</v>
      </c>
      <c r="AE6157">
        <v>45</v>
      </c>
      <c r="AF6157">
        <v>45</v>
      </c>
      <c r="AG6157">
        <v>46</v>
      </c>
      <c r="AH6157">
        <v>46</v>
      </c>
      <c r="AI6157">
        <v>47</v>
      </c>
      <c r="AJ6157">
        <v>48</v>
      </c>
      <c r="AK6157">
        <v>48</v>
      </c>
      <c r="AL6157">
        <v>49</v>
      </c>
      <c r="AM6157">
        <v>49</v>
      </c>
      <c r="AN6157">
        <v>49</v>
      </c>
      <c r="AO6157">
        <v>49</v>
      </c>
      <c r="AP6157">
        <v>49</v>
      </c>
      <c r="AQ6157">
        <v>49</v>
      </c>
    </row>
    <row r="6158" spans="1:43">
      <c r="A6158" t="s">
        <v>3868</v>
      </c>
      <c r="B6158" t="s">
        <v>3869</v>
      </c>
      <c r="C6158" t="s">
        <v>3858</v>
      </c>
      <c r="D6158" t="s">
        <v>3859</v>
      </c>
      <c r="E6158" t="s">
        <v>3660</v>
      </c>
      <c r="F6158" t="s">
        <v>3661</v>
      </c>
      <c r="G6158" t="s">
        <v>80</v>
      </c>
      <c r="H6158" t="s">
        <v>81</v>
      </c>
      <c r="I6158" s="2">
        <v>0</v>
      </c>
      <c r="J6158" s="2">
        <v>1</v>
      </c>
      <c r="K6158" s="2">
        <v>0</v>
      </c>
      <c r="L6158" t="s">
        <v>82</v>
      </c>
      <c r="M6158" t="s">
        <v>83</v>
      </c>
      <c r="N6158" t="s">
        <v>84</v>
      </c>
      <c r="O6158" t="s">
        <v>85</v>
      </c>
      <c r="P6158" t="s">
        <v>86</v>
      </c>
      <c r="Q6158">
        <v>34</v>
      </c>
      <c r="R6158">
        <v>35</v>
      </c>
      <c r="S6158">
        <v>35</v>
      </c>
      <c r="T6158">
        <v>36</v>
      </c>
      <c r="U6158">
        <v>37</v>
      </c>
      <c r="V6158">
        <v>37</v>
      </c>
      <c r="W6158">
        <v>38</v>
      </c>
      <c r="X6158">
        <v>39</v>
      </c>
      <c r="Y6158">
        <v>39</v>
      </c>
      <c r="Z6158">
        <v>40</v>
      </c>
      <c r="AA6158">
        <v>41</v>
      </c>
      <c r="AB6158">
        <v>41</v>
      </c>
      <c r="AC6158">
        <v>42</v>
      </c>
      <c r="AD6158">
        <v>42</v>
      </c>
      <c r="AE6158">
        <v>43</v>
      </c>
      <c r="AF6158">
        <v>44</v>
      </c>
      <c r="AG6158">
        <v>44</v>
      </c>
      <c r="AH6158">
        <v>45</v>
      </c>
      <c r="AI6158">
        <v>45</v>
      </c>
      <c r="AJ6158">
        <v>46</v>
      </c>
      <c r="AK6158">
        <v>46</v>
      </c>
      <c r="AL6158">
        <v>47</v>
      </c>
      <c r="AM6158">
        <v>47</v>
      </c>
      <c r="AN6158">
        <v>47</v>
      </c>
      <c r="AO6158">
        <v>47</v>
      </c>
      <c r="AP6158">
        <v>47</v>
      </c>
      <c r="AQ6158">
        <v>47</v>
      </c>
    </row>
    <row r="6159" spans="1:43">
      <c r="A6159" t="s">
        <v>3868</v>
      </c>
      <c r="B6159" t="s">
        <v>3869</v>
      </c>
      <c r="C6159" t="s">
        <v>3858</v>
      </c>
      <c r="D6159" t="s">
        <v>3859</v>
      </c>
      <c r="E6159" t="s">
        <v>3660</v>
      </c>
      <c r="F6159" t="s">
        <v>3661</v>
      </c>
      <c r="G6159" t="s">
        <v>80</v>
      </c>
      <c r="H6159" t="s">
        <v>81</v>
      </c>
      <c r="I6159" s="2">
        <v>0</v>
      </c>
      <c r="J6159" s="2">
        <v>1</v>
      </c>
      <c r="K6159" s="2">
        <v>0</v>
      </c>
      <c r="L6159" t="s">
        <v>82</v>
      </c>
      <c r="M6159" t="s">
        <v>87</v>
      </c>
      <c r="N6159" t="s">
        <v>88</v>
      </c>
      <c r="O6159" t="s">
        <v>85</v>
      </c>
      <c r="P6159" t="s">
        <v>86</v>
      </c>
      <c r="Q6159">
        <v>34</v>
      </c>
      <c r="R6159">
        <v>34</v>
      </c>
      <c r="S6159">
        <v>34</v>
      </c>
      <c r="T6159">
        <v>35</v>
      </c>
      <c r="U6159">
        <v>35</v>
      </c>
      <c r="V6159">
        <v>35</v>
      </c>
      <c r="W6159">
        <v>36</v>
      </c>
      <c r="X6159">
        <v>36</v>
      </c>
      <c r="Y6159">
        <v>36</v>
      </c>
      <c r="Z6159">
        <v>37</v>
      </c>
      <c r="AA6159">
        <v>37</v>
      </c>
      <c r="AB6159">
        <v>37</v>
      </c>
      <c r="AC6159">
        <v>37</v>
      </c>
      <c r="AD6159">
        <v>38</v>
      </c>
      <c r="AE6159">
        <v>38</v>
      </c>
      <c r="AF6159">
        <v>38</v>
      </c>
      <c r="AG6159">
        <v>39</v>
      </c>
      <c r="AH6159">
        <v>39</v>
      </c>
      <c r="AI6159">
        <v>39</v>
      </c>
      <c r="AJ6159">
        <v>39</v>
      </c>
      <c r="AK6159">
        <v>40</v>
      </c>
      <c r="AL6159">
        <v>40</v>
      </c>
      <c r="AM6159">
        <v>40</v>
      </c>
      <c r="AN6159">
        <v>40</v>
      </c>
      <c r="AO6159">
        <v>41</v>
      </c>
      <c r="AP6159">
        <v>41</v>
      </c>
      <c r="AQ6159">
        <v>41</v>
      </c>
    </row>
    <row r="6160" spans="1:43">
      <c r="A6160" t="s">
        <v>3868</v>
      </c>
      <c r="B6160" t="s">
        <v>3869</v>
      </c>
      <c r="C6160" t="s">
        <v>3858</v>
      </c>
      <c r="D6160" t="s">
        <v>3859</v>
      </c>
      <c r="E6160" t="s">
        <v>3660</v>
      </c>
      <c r="F6160" t="s">
        <v>3661</v>
      </c>
      <c r="G6160" t="s">
        <v>80</v>
      </c>
      <c r="H6160" t="s">
        <v>81</v>
      </c>
      <c r="I6160" s="2">
        <v>0</v>
      </c>
      <c r="J6160" s="2">
        <v>1</v>
      </c>
      <c r="K6160" s="2">
        <v>0</v>
      </c>
      <c r="L6160" t="s">
        <v>82</v>
      </c>
      <c r="M6160" t="s">
        <v>89</v>
      </c>
      <c r="N6160" t="s">
        <v>90</v>
      </c>
      <c r="O6160" t="s">
        <v>85</v>
      </c>
      <c r="P6160" t="s">
        <v>86</v>
      </c>
      <c r="Q6160">
        <v>34</v>
      </c>
      <c r="R6160">
        <v>35</v>
      </c>
      <c r="S6160">
        <v>36</v>
      </c>
      <c r="T6160">
        <v>37</v>
      </c>
      <c r="U6160">
        <v>38</v>
      </c>
      <c r="V6160">
        <v>39</v>
      </c>
      <c r="W6160">
        <v>40</v>
      </c>
      <c r="X6160">
        <v>41</v>
      </c>
      <c r="Y6160">
        <v>42</v>
      </c>
      <c r="Z6160">
        <v>42</v>
      </c>
      <c r="AA6160">
        <v>43</v>
      </c>
      <c r="AB6160">
        <v>44</v>
      </c>
      <c r="AC6160">
        <v>45</v>
      </c>
      <c r="AD6160">
        <v>46</v>
      </c>
      <c r="AE6160">
        <v>46</v>
      </c>
      <c r="AF6160">
        <v>46</v>
      </c>
      <c r="AG6160">
        <v>46</v>
      </c>
      <c r="AH6160">
        <v>47</v>
      </c>
      <c r="AI6160">
        <v>47</v>
      </c>
      <c r="AJ6160">
        <v>47</v>
      </c>
      <c r="AK6160">
        <v>47</v>
      </c>
      <c r="AL6160">
        <v>47</v>
      </c>
      <c r="AM6160">
        <v>47</v>
      </c>
      <c r="AN6160">
        <v>47</v>
      </c>
      <c r="AO6160">
        <v>47</v>
      </c>
      <c r="AP6160">
        <v>48</v>
      </c>
      <c r="AQ6160">
        <v>48</v>
      </c>
    </row>
    <row r="6161" spans="1:43">
      <c r="A6161" t="s">
        <v>3868</v>
      </c>
      <c r="B6161" t="s">
        <v>3869</v>
      </c>
      <c r="C6161" t="s">
        <v>3858</v>
      </c>
      <c r="D6161" t="s">
        <v>3859</v>
      </c>
      <c r="E6161" t="s">
        <v>3660</v>
      </c>
      <c r="F6161" t="s">
        <v>3661</v>
      </c>
      <c r="G6161" t="s">
        <v>80</v>
      </c>
      <c r="H6161" t="s">
        <v>81</v>
      </c>
      <c r="I6161" s="2">
        <v>0</v>
      </c>
      <c r="J6161" s="2">
        <v>1</v>
      </c>
      <c r="K6161" s="2">
        <v>0</v>
      </c>
      <c r="L6161" t="s">
        <v>82</v>
      </c>
      <c r="M6161" t="s">
        <v>83</v>
      </c>
      <c r="N6161" t="s">
        <v>91</v>
      </c>
      <c r="O6161" t="s">
        <v>85</v>
      </c>
      <c r="P6161" t="s">
        <v>86</v>
      </c>
      <c r="Q6161">
        <v>34</v>
      </c>
      <c r="R6161">
        <v>35</v>
      </c>
      <c r="S6161">
        <v>35</v>
      </c>
      <c r="T6161">
        <v>36</v>
      </c>
      <c r="U6161">
        <v>37</v>
      </c>
      <c r="V6161">
        <v>37</v>
      </c>
      <c r="W6161">
        <v>38</v>
      </c>
      <c r="X6161">
        <v>39</v>
      </c>
      <c r="Y6161">
        <v>39</v>
      </c>
      <c r="Z6161">
        <v>40</v>
      </c>
      <c r="AA6161">
        <v>41</v>
      </c>
      <c r="AB6161">
        <v>41</v>
      </c>
      <c r="AC6161">
        <v>42</v>
      </c>
      <c r="AD6161">
        <v>42</v>
      </c>
      <c r="AE6161">
        <v>43</v>
      </c>
      <c r="AF6161">
        <v>44</v>
      </c>
      <c r="AG6161">
        <v>44</v>
      </c>
      <c r="AH6161">
        <v>45</v>
      </c>
      <c r="AI6161">
        <v>45</v>
      </c>
      <c r="AJ6161">
        <v>46</v>
      </c>
      <c r="AK6161">
        <v>46</v>
      </c>
      <c r="AL6161">
        <v>47</v>
      </c>
      <c r="AM6161">
        <v>47</v>
      </c>
      <c r="AN6161">
        <v>47</v>
      </c>
      <c r="AO6161">
        <v>47</v>
      </c>
      <c r="AP6161">
        <v>47</v>
      </c>
      <c r="AQ6161">
        <v>47</v>
      </c>
    </row>
    <row r="6162" spans="1:43">
      <c r="A6162" t="s">
        <v>3870</v>
      </c>
      <c r="B6162" t="s">
        <v>3871</v>
      </c>
      <c r="C6162" t="s">
        <v>3732</v>
      </c>
      <c r="D6162" t="s">
        <v>3733</v>
      </c>
      <c r="E6162" t="s">
        <v>3660</v>
      </c>
      <c r="F6162" t="s">
        <v>3661</v>
      </c>
      <c r="G6162" t="s">
        <v>80</v>
      </c>
      <c r="H6162" t="s">
        <v>81</v>
      </c>
      <c r="I6162" s="2">
        <v>0</v>
      </c>
      <c r="J6162" s="2">
        <v>1</v>
      </c>
      <c r="K6162" s="2">
        <v>0</v>
      </c>
      <c r="L6162" t="s">
        <v>82</v>
      </c>
      <c r="M6162" t="s">
        <v>83</v>
      </c>
      <c r="N6162" t="s">
        <v>84</v>
      </c>
      <c r="O6162" t="s">
        <v>85</v>
      </c>
      <c r="P6162" t="s">
        <v>86</v>
      </c>
      <c r="Q6162">
        <v>47</v>
      </c>
      <c r="R6162">
        <v>48</v>
      </c>
      <c r="S6162">
        <v>49</v>
      </c>
      <c r="T6162">
        <v>50</v>
      </c>
      <c r="U6162">
        <v>51</v>
      </c>
      <c r="V6162">
        <v>52</v>
      </c>
      <c r="W6162">
        <v>52</v>
      </c>
      <c r="X6162">
        <v>53</v>
      </c>
      <c r="Y6162">
        <v>54</v>
      </c>
      <c r="Z6162">
        <v>55</v>
      </c>
      <c r="AA6162">
        <v>56</v>
      </c>
      <c r="AB6162">
        <v>57</v>
      </c>
      <c r="AC6162">
        <v>58</v>
      </c>
      <c r="AD6162">
        <v>58</v>
      </c>
      <c r="AE6162">
        <v>59</v>
      </c>
      <c r="AF6162">
        <v>60</v>
      </c>
      <c r="AG6162">
        <v>61</v>
      </c>
      <c r="AH6162">
        <v>62</v>
      </c>
      <c r="AI6162">
        <v>63</v>
      </c>
      <c r="AJ6162">
        <v>63</v>
      </c>
      <c r="AK6162">
        <v>64</v>
      </c>
      <c r="AL6162">
        <v>65</v>
      </c>
      <c r="AM6162">
        <v>65</v>
      </c>
      <c r="AN6162">
        <v>65</v>
      </c>
      <c r="AO6162">
        <v>65</v>
      </c>
      <c r="AP6162">
        <v>65</v>
      </c>
      <c r="AQ6162">
        <v>65</v>
      </c>
    </row>
    <row r="6163" spans="1:43">
      <c r="A6163" t="s">
        <v>3870</v>
      </c>
      <c r="B6163" t="s">
        <v>3871</v>
      </c>
      <c r="C6163" t="s">
        <v>3732</v>
      </c>
      <c r="D6163" t="s">
        <v>3733</v>
      </c>
      <c r="E6163" t="s">
        <v>3660</v>
      </c>
      <c r="F6163" t="s">
        <v>3661</v>
      </c>
      <c r="G6163" t="s">
        <v>80</v>
      </c>
      <c r="H6163" t="s">
        <v>81</v>
      </c>
      <c r="I6163" s="2">
        <v>0</v>
      </c>
      <c r="J6163" s="2">
        <v>1</v>
      </c>
      <c r="K6163" s="2">
        <v>0</v>
      </c>
      <c r="L6163" t="s">
        <v>82</v>
      </c>
      <c r="M6163" t="s">
        <v>87</v>
      </c>
      <c r="N6163" t="s">
        <v>88</v>
      </c>
      <c r="O6163" t="s">
        <v>85</v>
      </c>
      <c r="P6163" t="s">
        <v>86</v>
      </c>
      <c r="Q6163">
        <v>47</v>
      </c>
      <c r="R6163">
        <v>47</v>
      </c>
      <c r="S6163">
        <v>48</v>
      </c>
      <c r="T6163">
        <v>48</v>
      </c>
      <c r="U6163">
        <v>48</v>
      </c>
      <c r="V6163">
        <v>49</v>
      </c>
      <c r="W6163">
        <v>49</v>
      </c>
      <c r="X6163">
        <v>50</v>
      </c>
      <c r="Y6163">
        <v>50</v>
      </c>
      <c r="Z6163">
        <v>51</v>
      </c>
      <c r="AA6163">
        <v>51</v>
      </c>
      <c r="AB6163">
        <v>51</v>
      </c>
      <c r="AC6163">
        <v>52</v>
      </c>
      <c r="AD6163">
        <v>52</v>
      </c>
      <c r="AE6163">
        <v>52</v>
      </c>
      <c r="AF6163">
        <v>53</v>
      </c>
      <c r="AG6163">
        <v>53</v>
      </c>
      <c r="AH6163">
        <v>54</v>
      </c>
      <c r="AI6163">
        <v>54</v>
      </c>
      <c r="AJ6163">
        <v>54</v>
      </c>
      <c r="AK6163">
        <v>55</v>
      </c>
      <c r="AL6163">
        <v>55</v>
      </c>
      <c r="AM6163">
        <v>55</v>
      </c>
      <c r="AN6163">
        <v>56</v>
      </c>
      <c r="AO6163">
        <v>56</v>
      </c>
      <c r="AP6163">
        <v>56</v>
      </c>
      <c r="AQ6163">
        <v>57</v>
      </c>
    </row>
    <row r="6164" spans="1:43">
      <c r="A6164" t="s">
        <v>3870</v>
      </c>
      <c r="B6164" t="s">
        <v>3871</v>
      </c>
      <c r="C6164" t="s">
        <v>3732</v>
      </c>
      <c r="D6164" t="s">
        <v>3733</v>
      </c>
      <c r="E6164" t="s">
        <v>3660</v>
      </c>
      <c r="F6164" t="s">
        <v>3661</v>
      </c>
      <c r="G6164" t="s">
        <v>80</v>
      </c>
      <c r="H6164" t="s">
        <v>81</v>
      </c>
      <c r="I6164" s="2">
        <v>0</v>
      </c>
      <c r="J6164" s="2">
        <v>1</v>
      </c>
      <c r="K6164" s="2">
        <v>0</v>
      </c>
      <c r="L6164" t="s">
        <v>82</v>
      </c>
      <c r="M6164" t="s">
        <v>89</v>
      </c>
      <c r="N6164" t="s">
        <v>90</v>
      </c>
      <c r="O6164" t="s">
        <v>85</v>
      </c>
      <c r="P6164" t="s">
        <v>86</v>
      </c>
      <c r="Q6164">
        <v>47</v>
      </c>
      <c r="R6164">
        <v>48</v>
      </c>
      <c r="S6164">
        <v>49</v>
      </c>
      <c r="T6164">
        <v>50</v>
      </c>
      <c r="U6164">
        <v>52</v>
      </c>
      <c r="V6164">
        <v>53</v>
      </c>
      <c r="W6164">
        <v>54</v>
      </c>
      <c r="X6164">
        <v>55</v>
      </c>
      <c r="Y6164">
        <v>56</v>
      </c>
      <c r="Z6164">
        <v>58</v>
      </c>
      <c r="AA6164">
        <v>59</v>
      </c>
      <c r="AB6164">
        <v>60</v>
      </c>
      <c r="AC6164">
        <v>61</v>
      </c>
      <c r="AD6164">
        <v>62</v>
      </c>
      <c r="AE6164">
        <v>63</v>
      </c>
      <c r="AF6164">
        <v>63</v>
      </c>
      <c r="AG6164">
        <v>63</v>
      </c>
      <c r="AH6164">
        <v>63</v>
      </c>
      <c r="AI6164">
        <v>64</v>
      </c>
      <c r="AJ6164">
        <v>64</v>
      </c>
      <c r="AK6164">
        <v>64</v>
      </c>
      <c r="AL6164">
        <v>64</v>
      </c>
      <c r="AM6164">
        <v>64</v>
      </c>
      <c r="AN6164">
        <v>64</v>
      </c>
      <c r="AO6164">
        <v>65</v>
      </c>
      <c r="AP6164">
        <v>65</v>
      </c>
      <c r="AQ6164">
        <v>65</v>
      </c>
    </row>
    <row r="6165" spans="1:43">
      <c r="A6165" t="s">
        <v>3870</v>
      </c>
      <c r="B6165" t="s">
        <v>3871</v>
      </c>
      <c r="C6165" t="s">
        <v>3732</v>
      </c>
      <c r="D6165" t="s">
        <v>3733</v>
      </c>
      <c r="E6165" t="s">
        <v>3660</v>
      </c>
      <c r="F6165" t="s">
        <v>3661</v>
      </c>
      <c r="G6165" t="s">
        <v>80</v>
      </c>
      <c r="H6165" t="s">
        <v>81</v>
      </c>
      <c r="I6165" s="2">
        <v>0</v>
      </c>
      <c r="J6165" s="2">
        <v>1</v>
      </c>
      <c r="K6165" s="2">
        <v>0</v>
      </c>
      <c r="L6165" t="s">
        <v>82</v>
      </c>
      <c r="M6165" t="s">
        <v>83</v>
      </c>
      <c r="N6165" t="s">
        <v>91</v>
      </c>
      <c r="O6165" t="s">
        <v>85</v>
      </c>
      <c r="P6165" t="s">
        <v>86</v>
      </c>
      <c r="Q6165">
        <v>47</v>
      </c>
      <c r="R6165">
        <v>48</v>
      </c>
      <c r="S6165">
        <v>49</v>
      </c>
      <c r="T6165">
        <v>50</v>
      </c>
      <c r="U6165">
        <v>51</v>
      </c>
      <c r="V6165">
        <v>52</v>
      </c>
      <c r="W6165">
        <v>52</v>
      </c>
      <c r="X6165">
        <v>53</v>
      </c>
      <c r="Y6165">
        <v>54</v>
      </c>
      <c r="Z6165">
        <v>55</v>
      </c>
      <c r="AA6165">
        <v>56</v>
      </c>
      <c r="AB6165">
        <v>57</v>
      </c>
      <c r="AC6165">
        <v>58</v>
      </c>
      <c r="AD6165">
        <v>58</v>
      </c>
      <c r="AE6165">
        <v>59</v>
      </c>
      <c r="AF6165">
        <v>60</v>
      </c>
      <c r="AG6165">
        <v>61</v>
      </c>
      <c r="AH6165">
        <v>62</v>
      </c>
      <c r="AI6165">
        <v>63</v>
      </c>
      <c r="AJ6165">
        <v>63</v>
      </c>
      <c r="AK6165">
        <v>64</v>
      </c>
      <c r="AL6165">
        <v>65</v>
      </c>
      <c r="AM6165">
        <v>65</v>
      </c>
      <c r="AN6165">
        <v>65</v>
      </c>
      <c r="AO6165">
        <v>65</v>
      </c>
      <c r="AP6165">
        <v>65</v>
      </c>
      <c r="AQ6165">
        <v>65</v>
      </c>
    </row>
    <row r="6166" spans="1:43">
      <c r="A6166" t="s">
        <v>3872</v>
      </c>
      <c r="B6166" t="s">
        <v>3873</v>
      </c>
      <c r="C6166" t="s">
        <v>3736</v>
      </c>
      <c r="D6166" t="s">
        <v>3737</v>
      </c>
      <c r="E6166" t="s">
        <v>3660</v>
      </c>
      <c r="F6166" t="s">
        <v>3661</v>
      </c>
      <c r="G6166" t="s">
        <v>80</v>
      </c>
      <c r="H6166" t="s">
        <v>81</v>
      </c>
      <c r="I6166" s="2">
        <v>0</v>
      </c>
      <c r="J6166" s="2">
        <v>1</v>
      </c>
      <c r="K6166" s="2">
        <v>0</v>
      </c>
      <c r="L6166" t="s">
        <v>82</v>
      </c>
      <c r="M6166" t="s">
        <v>83</v>
      </c>
      <c r="N6166" t="s">
        <v>84</v>
      </c>
      <c r="O6166" t="s">
        <v>85</v>
      </c>
      <c r="P6166" t="s">
        <v>86</v>
      </c>
      <c r="Q6166">
        <v>107</v>
      </c>
      <c r="R6166">
        <v>109</v>
      </c>
      <c r="S6166">
        <v>111</v>
      </c>
      <c r="T6166">
        <v>113</v>
      </c>
      <c r="U6166">
        <v>115</v>
      </c>
      <c r="V6166">
        <v>117</v>
      </c>
      <c r="W6166">
        <v>119</v>
      </c>
      <c r="X6166">
        <v>121</v>
      </c>
      <c r="Y6166">
        <v>123</v>
      </c>
      <c r="Z6166">
        <v>125</v>
      </c>
      <c r="AA6166">
        <v>127</v>
      </c>
      <c r="AB6166">
        <v>129</v>
      </c>
      <c r="AC6166">
        <v>131</v>
      </c>
      <c r="AD6166">
        <v>133</v>
      </c>
      <c r="AE6166">
        <v>135</v>
      </c>
      <c r="AF6166">
        <v>137</v>
      </c>
      <c r="AG6166">
        <v>139</v>
      </c>
      <c r="AH6166">
        <v>141</v>
      </c>
      <c r="AI6166">
        <v>142</v>
      </c>
      <c r="AJ6166">
        <v>144</v>
      </c>
      <c r="AK6166">
        <v>146</v>
      </c>
      <c r="AL6166">
        <v>147</v>
      </c>
      <c r="AM6166">
        <v>147</v>
      </c>
      <c r="AN6166">
        <v>148</v>
      </c>
      <c r="AO6166">
        <v>148</v>
      </c>
      <c r="AP6166">
        <v>149</v>
      </c>
      <c r="AQ6166">
        <v>149</v>
      </c>
    </row>
    <row r="6167" spans="1:43">
      <c r="A6167" t="s">
        <v>3872</v>
      </c>
      <c r="B6167" t="s">
        <v>3873</v>
      </c>
      <c r="C6167" t="s">
        <v>3736</v>
      </c>
      <c r="D6167" t="s">
        <v>3737</v>
      </c>
      <c r="E6167" t="s">
        <v>3660</v>
      </c>
      <c r="F6167" t="s">
        <v>3661</v>
      </c>
      <c r="G6167" t="s">
        <v>80</v>
      </c>
      <c r="H6167" t="s">
        <v>81</v>
      </c>
      <c r="I6167" s="2">
        <v>0</v>
      </c>
      <c r="J6167" s="2">
        <v>1</v>
      </c>
      <c r="K6167" s="2">
        <v>0</v>
      </c>
      <c r="L6167" t="s">
        <v>82</v>
      </c>
      <c r="M6167" t="s">
        <v>87</v>
      </c>
      <c r="N6167" t="s">
        <v>88</v>
      </c>
      <c r="O6167" t="s">
        <v>85</v>
      </c>
      <c r="P6167" t="s">
        <v>86</v>
      </c>
      <c r="Q6167">
        <v>107</v>
      </c>
      <c r="R6167">
        <v>108</v>
      </c>
      <c r="S6167">
        <v>109</v>
      </c>
      <c r="T6167">
        <v>110</v>
      </c>
      <c r="U6167">
        <v>111</v>
      </c>
      <c r="V6167">
        <v>112</v>
      </c>
      <c r="W6167">
        <v>113</v>
      </c>
      <c r="X6167">
        <v>114</v>
      </c>
      <c r="Y6167">
        <v>115</v>
      </c>
      <c r="Z6167">
        <v>116</v>
      </c>
      <c r="AA6167">
        <v>117</v>
      </c>
      <c r="AB6167">
        <v>118</v>
      </c>
      <c r="AC6167">
        <v>119</v>
      </c>
      <c r="AD6167">
        <v>120</v>
      </c>
      <c r="AE6167">
        <v>120</v>
      </c>
      <c r="AF6167">
        <v>121</v>
      </c>
      <c r="AG6167">
        <v>122</v>
      </c>
      <c r="AH6167">
        <v>123</v>
      </c>
      <c r="AI6167">
        <v>124</v>
      </c>
      <c r="AJ6167">
        <v>124</v>
      </c>
      <c r="AK6167">
        <v>125</v>
      </c>
      <c r="AL6167">
        <v>126</v>
      </c>
      <c r="AM6167">
        <v>127</v>
      </c>
      <c r="AN6167">
        <v>128</v>
      </c>
      <c r="AO6167">
        <v>128</v>
      </c>
      <c r="AP6167">
        <v>129</v>
      </c>
      <c r="AQ6167">
        <v>130</v>
      </c>
    </row>
    <row r="6168" spans="1:43">
      <c r="A6168" t="s">
        <v>3872</v>
      </c>
      <c r="B6168" t="s">
        <v>3873</v>
      </c>
      <c r="C6168" t="s">
        <v>3736</v>
      </c>
      <c r="D6168" t="s">
        <v>3737</v>
      </c>
      <c r="E6168" t="s">
        <v>3660</v>
      </c>
      <c r="F6168" t="s">
        <v>3661</v>
      </c>
      <c r="G6168" t="s">
        <v>80</v>
      </c>
      <c r="H6168" t="s">
        <v>81</v>
      </c>
      <c r="I6168" s="2">
        <v>0</v>
      </c>
      <c r="J6168" s="2">
        <v>1</v>
      </c>
      <c r="K6168" s="2">
        <v>0</v>
      </c>
      <c r="L6168" t="s">
        <v>82</v>
      </c>
      <c r="M6168" t="s">
        <v>89</v>
      </c>
      <c r="N6168" t="s">
        <v>90</v>
      </c>
      <c r="O6168" t="s">
        <v>85</v>
      </c>
      <c r="P6168" t="s">
        <v>86</v>
      </c>
      <c r="Q6168">
        <v>107</v>
      </c>
      <c r="R6168">
        <v>110</v>
      </c>
      <c r="S6168">
        <v>113</v>
      </c>
      <c r="T6168">
        <v>116</v>
      </c>
      <c r="U6168">
        <v>119</v>
      </c>
      <c r="V6168">
        <v>122</v>
      </c>
      <c r="W6168">
        <v>125</v>
      </c>
      <c r="X6168">
        <v>127</v>
      </c>
      <c r="Y6168">
        <v>130</v>
      </c>
      <c r="Z6168">
        <v>132</v>
      </c>
      <c r="AA6168">
        <v>135</v>
      </c>
      <c r="AB6168">
        <v>137</v>
      </c>
      <c r="AC6168">
        <v>140</v>
      </c>
      <c r="AD6168">
        <v>142</v>
      </c>
      <c r="AE6168">
        <v>144</v>
      </c>
      <c r="AF6168">
        <v>145</v>
      </c>
      <c r="AG6168">
        <v>145</v>
      </c>
      <c r="AH6168">
        <v>145</v>
      </c>
      <c r="AI6168">
        <v>146</v>
      </c>
      <c r="AJ6168">
        <v>146</v>
      </c>
      <c r="AK6168">
        <v>147</v>
      </c>
      <c r="AL6168">
        <v>147</v>
      </c>
      <c r="AM6168">
        <v>148</v>
      </c>
      <c r="AN6168">
        <v>148</v>
      </c>
      <c r="AO6168">
        <v>148</v>
      </c>
      <c r="AP6168">
        <v>149</v>
      </c>
      <c r="AQ6168">
        <v>149</v>
      </c>
    </row>
    <row r="6169" spans="1:43">
      <c r="A6169" t="s">
        <v>3872</v>
      </c>
      <c r="B6169" t="s">
        <v>3873</v>
      </c>
      <c r="C6169" t="s">
        <v>3736</v>
      </c>
      <c r="D6169" t="s">
        <v>3737</v>
      </c>
      <c r="E6169" t="s">
        <v>3660</v>
      </c>
      <c r="F6169" t="s">
        <v>3661</v>
      </c>
      <c r="G6169" t="s">
        <v>80</v>
      </c>
      <c r="H6169" t="s">
        <v>81</v>
      </c>
      <c r="I6169" s="2">
        <v>0</v>
      </c>
      <c r="J6169" s="2">
        <v>1</v>
      </c>
      <c r="K6169" s="2">
        <v>0</v>
      </c>
      <c r="L6169" t="s">
        <v>82</v>
      </c>
      <c r="M6169" t="s">
        <v>83</v>
      </c>
      <c r="N6169" t="s">
        <v>91</v>
      </c>
      <c r="O6169" t="s">
        <v>85</v>
      </c>
      <c r="P6169" t="s">
        <v>86</v>
      </c>
      <c r="Q6169">
        <v>107</v>
      </c>
      <c r="R6169">
        <v>109</v>
      </c>
      <c r="S6169">
        <v>111</v>
      </c>
      <c r="T6169">
        <v>113</v>
      </c>
      <c r="U6169">
        <v>115</v>
      </c>
      <c r="V6169">
        <v>117</v>
      </c>
      <c r="W6169">
        <v>119</v>
      </c>
      <c r="X6169">
        <v>121</v>
      </c>
      <c r="Y6169">
        <v>123</v>
      </c>
      <c r="Z6169">
        <v>125</v>
      </c>
      <c r="AA6169">
        <v>127</v>
      </c>
      <c r="AB6169">
        <v>129</v>
      </c>
      <c r="AC6169">
        <v>131</v>
      </c>
      <c r="AD6169">
        <v>133</v>
      </c>
      <c r="AE6169">
        <v>135</v>
      </c>
      <c r="AF6169">
        <v>137</v>
      </c>
      <c r="AG6169">
        <v>139</v>
      </c>
      <c r="AH6169">
        <v>141</v>
      </c>
      <c r="AI6169">
        <v>142</v>
      </c>
      <c r="AJ6169">
        <v>144</v>
      </c>
      <c r="AK6169">
        <v>146</v>
      </c>
      <c r="AL6169">
        <v>147</v>
      </c>
      <c r="AM6169">
        <v>147</v>
      </c>
      <c r="AN6169">
        <v>148</v>
      </c>
      <c r="AO6169">
        <v>148</v>
      </c>
      <c r="AP6169">
        <v>149</v>
      </c>
      <c r="AQ6169">
        <v>149</v>
      </c>
    </row>
    <row r="6170" spans="1:43">
      <c r="A6170" t="s">
        <v>3874</v>
      </c>
      <c r="B6170" t="s">
        <v>3875</v>
      </c>
      <c r="C6170" t="s">
        <v>3858</v>
      </c>
      <c r="D6170" t="s">
        <v>3859</v>
      </c>
      <c r="E6170" t="s">
        <v>3660</v>
      </c>
      <c r="F6170" t="s">
        <v>3661</v>
      </c>
      <c r="G6170" t="s">
        <v>80</v>
      </c>
      <c r="H6170" t="s">
        <v>81</v>
      </c>
      <c r="I6170" s="2">
        <v>0</v>
      </c>
      <c r="J6170" s="2">
        <v>1</v>
      </c>
      <c r="K6170" s="2">
        <v>0</v>
      </c>
      <c r="L6170" t="s">
        <v>82</v>
      </c>
      <c r="M6170" t="s">
        <v>83</v>
      </c>
      <c r="N6170" t="s">
        <v>84</v>
      </c>
      <c r="O6170" t="s">
        <v>85</v>
      </c>
      <c r="P6170" t="s">
        <v>86</v>
      </c>
      <c r="Q6170">
        <v>18</v>
      </c>
      <c r="R6170">
        <v>18</v>
      </c>
      <c r="S6170">
        <v>19</v>
      </c>
      <c r="T6170">
        <v>19</v>
      </c>
      <c r="U6170">
        <v>19</v>
      </c>
      <c r="V6170">
        <v>20</v>
      </c>
      <c r="W6170">
        <v>20</v>
      </c>
      <c r="X6170">
        <v>20</v>
      </c>
      <c r="Y6170">
        <v>21</v>
      </c>
      <c r="Z6170">
        <v>21</v>
      </c>
      <c r="AA6170">
        <v>21</v>
      </c>
      <c r="AB6170">
        <v>22</v>
      </c>
      <c r="AC6170">
        <v>22</v>
      </c>
      <c r="AD6170">
        <v>22</v>
      </c>
      <c r="AE6170">
        <v>23</v>
      </c>
      <c r="AF6170">
        <v>23</v>
      </c>
      <c r="AG6170">
        <v>23</v>
      </c>
      <c r="AH6170">
        <v>24</v>
      </c>
      <c r="AI6170">
        <v>24</v>
      </c>
      <c r="AJ6170">
        <v>24</v>
      </c>
      <c r="AK6170">
        <v>25</v>
      </c>
      <c r="AL6170">
        <v>25</v>
      </c>
      <c r="AM6170">
        <v>25</v>
      </c>
      <c r="AN6170">
        <v>25</v>
      </c>
      <c r="AO6170">
        <v>25</v>
      </c>
      <c r="AP6170">
        <v>25</v>
      </c>
      <c r="AQ6170">
        <v>25</v>
      </c>
    </row>
    <row r="6171" spans="1:43">
      <c r="A6171" t="s">
        <v>3874</v>
      </c>
      <c r="B6171" t="s">
        <v>3875</v>
      </c>
      <c r="C6171" t="s">
        <v>3858</v>
      </c>
      <c r="D6171" t="s">
        <v>3859</v>
      </c>
      <c r="E6171" t="s">
        <v>3660</v>
      </c>
      <c r="F6171" t="s">
        <v>3661</v>
      </c>
      <c r="G6171" t="s">
        <v>80</v>
      </c>
      <c r="H6171" t="s">
        <v>81</v>
      </c>
      <c r="I6171" s="2">
        <v>0</v>
      </c>
      <c r="J6171" s="2">
        <v>1</v>
      </c>
      <c r="K6171" s="2">
        <v>0</v>
      </c>
      <c r="L6171" t="s">
        <v>82</v>
      </c>
      <c r="M6171" t="s">
        <v>87</v>
      </c>
      <c r="N6171" t="s">
        <v>88</v>
      </c>
      <c r="O6171" t="s">
        <v>85</v>
      </c>
      <c r="P6171" t="s">
        <v>86</v>
      </c>
      <c r="Q6171">
        <v>18</v>
      </c>
      <c r="R6171">
        <v>18</v>
      </c>
      <c r="S6171">
        <v>18</v>
      </c>
      <c r="T6171">
        <v>18</v>
      </c>
      <c r="U6171">
        <v>19</v>
      </c>
      <c r="V6171">
        <v>19</v>
      </c>
      <c r="W6171">
        <v>19</v>
      </c>
      <c r="X6171">
        <v>19</v>
      </c>
      <c r="Y6171">
        <v>19</v>
      </c>
      <c r="Z6171">
        <v>19</v>
      </c>
      <c r="AA6171">
        <v>20</v>
      </c>
      <c r="AB6171">
        <v>20</v>
      </c>
      <c r="AC6171">
        <v>20</v>
      </c>
      <c r="AD6171">
        <v>20</v>
      </c>
      <c r="AE6171">
        <v>20</v>
      </c>
      <c r="AF6171">
        <v>20</v>
      </c>
      <c r="AG6171">
        <v>20</v>
      </c>
      <c r="AH6171">
        <v>21</v>
      </c>
      <c r="AI6171">
        <v>21</v>
      </c>
      <c r="AJ6171">
        <v>21</v>
      </c>
      <c r="AK6171">
        <v>21</v>
      </c>
      <c r="AL6171">
        <v>21</v>
      </c>
      <c r="AM6171">
        <v>21</v>
      </c>
      <c r="AN6171">
        <v>21</v>
      </c>
      <c r="AO6171">
        <v>21</v>
      </c>
      <c r="AP6171">
        <v>22</v>
      </c>
      <c r="AQ6171">
        <v>22</v>
      </c>
    </row>
    <row r="6172" spans="1:43">
      <c r="A6172" t="s">
        <v>3874</v>
      </c>
      <c r="B6172" t="s">
        <v>3875</v>
      </c>
      <c r="C6172" t="s">
        <v>3858</v>
      </c>
      <c r="D6172" t="s">
        <v>3859</v>
      </c>
      <c r="E6172" t="s">
        <v>3660</v>
      </c>
      <c r="F6172" t="s">
        <v>3661</v>
      </c>
      <c r="G6172" t="s">
        <v>80</v>
      </c>
      <c r="H6172" t="s">
        <v>81</v>
      </c>
      <c r="I6172" s="2">
        <v>0</v>
      </c>
      <c r="J6172" s="2">
        <v>1</v>
      </c>
      <c r="K6172" s="2">
        <v>0</v>
      </c>
      <c r="L6172" t="s">
        <v>82</v>
      </c>
      <c r="M6172" t="s">
        <v>89</v>
      </c>
      <c r="N6172" t="s">
        <v>90</v>
      </c>
      <c r="O6172" t="s">
        <v>85</v>
      </c>
      <c r="P6172" t="s">
        <v>86</v>
      </c>
      <c r="Q6172">
        <v>18</v>
      </c>
      <c r="R6172">
        <v>19</v>
      </c>
      <c r="S6172">
        <v>19</v>
      </c>
      <c r="T6172">
        <v>20</v>
      </c>
      <c r="U6172">
        <v>20</v>
      </c>
      <c r="V6172">
        <v>21</v>
      </c>
      <c r="W6172">
        <v>21</v>
      </c>
      <c r="X6172">
        <v>22</v>
      </c>
      <c r="Y6172">
        <v>22</v>
      </c>
      <c r="Z6172">
        <v>22</v>
      </c>
      <c r="AA6172">
        <v>23</v>
      </c>
      <c r="AB6172">
        <v>23</v>
      </c>
      <c r="AC6172">
        <v>24</v>
      </c>
      <c r="AD6172">
        <v>24</v>
      </c>
      <c r="AE6172">
        <v>24</v>
      </c>
      <c r="AF6172">
        <v>25</v>
      </c>
      <c r="AG6172">
        <v>25</v>
      </c>
      <c r="AH6172">
        <v>25</v>
      </c>
      <c r="AI6172">
        <v>25</v>
      </c>
      <c r="AJ6172">
        <v>25</v>
      </c>
      <c r="AK6172">
        <v>25</v>
      </c>
      <c r="AL6172">
        <v>25</v>
      </c>
      <c r="AM6172">
        <v>25</v>
      </c>
      <c r="AN6172">
        <v>25</v>
      </c>
      <c r="AO6172">
        <v>25</v>
      </c>
      <c r="AP6172">
        <v>25</v>
      </c>
      <c r="AQ6172">
        <v>25</v>
      </c>
    </row>
    <row r="6173" spans="1:43">
      <c r="A6173" t="s">
        <v>3874</v>
      </c>
      <c r="B6173" t="s">
        <v>3875</v>
      </c>
      <c r="C6173" t="s">
        <v>3858</v>
      </c>
      <c r="D6173" t="s">
        <v>3859</v>
      </c>
      <c r="E6173" t="s">
        <v>3660</v>
      </c>
      <c r="F6173" t="s">
        <v>3661</v>
      </c>
      <c r="G6173" t="s">
        <v>80</v>
      </c>
      <c r="H6173" t="s">
        <v>81</v>
      </c>
      <c r="I6173" s="2">
        <v>0</v>
      </c>
      <c r="J6173" s="2">
        <v>1</v>
      </c>
      <c r="K6173" s="2">
        <v>0</v>
      </c>
      <c r="L6173" t="s">
        <v>82</v>
      </c>
      <c r="M6173" t="s">
        <v>83</v>
      </c>
      <c r="N6173" t="s">
        <v>91</v>
      </c>
      <c r="O6173" t="s">
        <v>85</v>
      </c>
      <c r="P6173" t="s">
        <v>86</v>
      </c>
      <c r="Q6173">
        <v>18</v>
      </c>
      <c r="R6173">
        <v>18</v>
      </c>
      <c r="S6173">
        <v>19</v>
      </c>
      <c r="T6173">
        <v>19</v>
      </c>
      <c r="U6173">
        <v>19</v>
      </c>
      <c r="V6173">
        <v>20</v>
      </c>
      <c r="W6173">
        <v>20</v>
      </c>
      <c r="X6173">
        <v>20</v>
      </c>
      <c r="Y6173">
        <v>21</v>
      </c>
      <c r="Z6173">
        <v>21</v>
      </c>
      <c r="AA6173">
        <v>21</v>
      </c>
      <c r="AB6173">
        <v>22</v>
      </c>
      <c r="AC6173">
        <v>22</v>
      </c>
      <c r="AD6173">
        <v>22</v>
      </c>
      <c r="AE6173">
        <v>23</v>
      </c>
      <c r="AF6173">
        <v>23</v>
      </c>
      <c r="AG6173">
        <v>23</v>
      </c>
      <c r="AH6173">
        <v>24</v>
      </c>
      <c r="AI6173">
        <v>24</v>
      </c>
      <c r="AJ6173">
        <v>24</v>
      </c>
      <c r="AK6173">
        <v>25</v>
      </c>
      <c r="AL6173">
        <v>25</v>
      </c>
      <c r="AM6173">
        <v>25</v>
      </c>
      <c r="AN6173">
        <v>25</v>
      </c>
      <c r="AO6173">
        <v>25</v>
      </c>
      <c r="AP6173">
        <v>25</v>
      </c>
      <c r="AQ6173">
        <v>25</v>
      </c>
    </row>
    <row r="6174" spans="1:43">
      <c r="A6174" t="s">
        <v>3876</v>
      </c>
      <c r="B6174" t="s">
        <v>3877</v>
      </c>
      <c r="C6174" t="s">
        <v>3878</v>
      </c>
      <c r="D6174" t="s">
        <v>3879</v>
      </c>
      <c r="E6174" t="s">
        <v>3660</v>
      </c>
      <c r="F6174" t="s">
        <v>3661</v>
      </c>
      <c r="G6174" t="s">
        <v>80</v>
      </c>
      <c r="H6174" t="s">
        <v>81</v>
      </c>
      <c r="I6174" s="2">
        <v>0</v>
      </c>
      <c r="J6174" s="2">
        <v>1</v>
      </c>
      <c r="K6174" s="2">
        <v>0</v>
      </c>
      <c r="L6174" t="s">
        <v>82</v>
      </c>
      <c r="M6174" t="s">
        <v>83</v>
      </c>
      <c r="N6174" t="s">
        <v>84</v>
      </c>
      <c r="O6174" t="s">
        <v>85</v>
      </c>
      <c r="P6174" t="s">
        <v>86</v>
      </c>
      <c r="Q6174">
        <v>73</v>
      </c>
      <c r="R6174">
        <v>74</v>
      </c>
      <c r="S6174">
        <v>75</v>
      </c>
      <c r="T6174">
        <v>77</v>
      </c>
      <c r="U6174">
        <v>78</v>
      </c>
      <c r="V6174">
        <v>80</v>
      </c>
      <c r="W6174">
        <v>81</v>
      </c>
      <c r="X6174">
        <v>82</v>
      </c>
      <c r="Y6174">
        <v>84</v>
      </c>
      <c r="Z6174">
        <v>85</v>
      </c>
      <c r="AA6174">
        <v>86</v>
      </c>
      <c r="AB6174">
        <v>88</v>
      </c>
      <c r="AC6174">
        <v>89</v>
      </c>
      <c r="AD6174">
        <v>90</v>
      </c>
      <c r="AE6174">
        <v>91</v>
      </c>
      <c r="AF6174">
        <v>93</v>
      </c>
      <c r="AG6174">
        <v>94</v>
      </c>
      <c r="AH6174">
        <v>95</v>
      </c>
      <c r="AI6174">
        <v>96</v>
      </c>
      <c r="AJ6174">
        <v>98</v>
      </c>
      <c r="AK6174">
        <v>99</v>
      </c>
      <c r="AL6174">
        <v>99</v>
      </c>
      <c r="AM6174">
        <v>100</v>
      </c>
      <c r="AN6174">
        <v>100</v>
      </c>
      <c r="AO6174">
        <v>100</v>
      </c>
      <c r="AP6174">
        <v>101</v>
      </c>
      <c r="AQ6174">
        <v>101</v>
      </c>
    </row>
    <row r="6175" spans="1:43">
      <c r="A6175" t="s">
        <v>3876</v>
      </c>
      <c r="B6175" t="s">
        <v>3877</v>
      </c>
      <c r="C6175" t="s">
        <v>3878</v>
      </c>
      <c r="D6175" t="s">
        <v>3879</v>
      </c>
      <c r="E6175" t="s">
        <v>3660</v>
      </c>
      <c r="F6175" t="s">
        <v>3661</v>
      </c>
      <c r="G6175" t="s">
        <v>80</v>
      </c>
      <c r="H6175" t="s">
        <v>81</v>
      </c>
      <c r="I6175" s="2">
        <v>0</v>
      </c>
      <c r="J6175" s="2">
        <v>1</v>
      </c>
      <c r="K6175" s="2">
        <v>0</v>
      </c>
      <c r="L6175" t="s">
        <v>82</v>
      </c>
      <c r="M6175" t="s">
        <v>87</v>
      </c>
      <c r="N6175" t="s">
        <v>88</v>
      </c>
      <c r="O6175" t="s">
        <v>85</v>
      </c>
      <c r="P6175" t="s">
        <v>86</v>
      </c>
      <c r="Q6175">
        <v>73</v>
      </c>
      <c r="R6175">
        <v>74</v>
      </c>
      <c r="S6175">
        <v>74</v>
      </c>
      <c r="T6175">
        <v>75</v>
      </c>
      <c r="U6175">
        <v>76</v>
      </c>
      <c r="V6175">
        <v>76</v>
      </c>
      <c r="W6175">
        <v>77</v>
      </c>
      <c r="X6175">
        <v>78</v>
      </c>
      <c r="Y6175">
        <v>78</v>
      </c>
      <c r="Z6175">
        <v>79</v>
      </c>
      <c r="AA6175">
        <v>80</v>
      </c>
      <c r="AB6175">
        <v>80</v>
      </c>
      <c r="AC6175">
        <v>81</v>
      </c>
      <c r="AD6175">
        <v>81</v>
      </c>
      <c r="AE6175">
        <v>82</v>
      </c>
      <c r="AF6175">
        <v>82</v>
      </c>
      <c r="AG6175">
        <v>83</v>
      </c>
      <c r="AH6175">
        <v>84</v>
      </c>
      <c r="AI6175">
        <v>84</v>
      </c>
      <c r="AJ6175">
        <v>85</v>
      </c>
      <c r="AK6175">
        <v>85</v>
      </c>
      <c r="AL6175">
        <v>86</v>
      </c>
      <c r="AM6175">
        <v>86</v>
      </c>
      <c r="AN6175">
        <v>87</v>
      </c>
      <c r="AO6175">
        <v>87</v>
      </c>
      <c r="AP6175">
        <v>88</v>
      </c>
      <c r="AQ6175">
        <v>88</v>
      </c>
    </row>
    <row r="6176" spans="1:43">
      <c r="A6176" t="s">
        <v>3876</v>
      </c>
      <c r="B6176" t="s">
        <v>3877</v>
      </c>
      <c r="C6176" t="s">
        <v>3878</v>
      </c>
      <c r="D6176" t="s">
        <v>3879</v>
      </c>
      <c r="E6176" t="s">
        <v>3660</v>
      </c>
      <c r="F6176" t="s">
        <v>3661</v>
      </c>
      <c r="G6176" t="s">
        <v>80</v>
      </c>
      <c r="H6176" t="s">
        <v>81</v>
      </c>
      <c r="I6176" s="2">
        <v>0</v>
      </c>
      <c r="J6176" s="2">
        <v>1</v>
      </c>
      <c r="K6176" s="2">
        <v>0</v>
      </c>
      <c r="L6176" t="s">
        <v>82</v>
      </c>
      <c r="M6176" t="s">
        <v>89</v>
      </c>
      <c r="N6176" t="s">
        <v>90</v>
      </c>
      <c r="O6176" t="s">
        <v>85</v>
      </c>
      <c r="P6176" t="s">
        <v>86</v>
      </c>
      <c r="Q6176">
        <v>73</v>
      </c>
      <c r="R6176">
        <v>75</v>
      </c>
      <c r="S6176">
        <v>77</v>
      </c>
      <c r="T6176">
        <v>79</v>
      </c>
      <c r="U6176">
        <v>81</v>
      </c>
      <c r="V6176">
        <v>83</v>
      </c>
      <c r="W6176">
        <v>85</v>
      </c>
      <c r="X6176">
        <v>87</v>
      </c>
      <c r="Y6176">
        <v>89</v>
      </c>
      <c r="Z6176">
        <v>90</v>
      </c>
      <c r="AA6176">
        <v>92</v>
      </c>
      <c r="AB6176">
        <v>94</v>
      </c>
      <c r="AC6176">
        <v>95</v>
      </c>
      <c r="AD6176">
        <v>97</v>
      </c>
      <c r="AE6176">
        <v>98</v>
      </c>
      <c r="AF6176">
        <v>99</v>
      </c>
      <c r="AG6176">
        <v>99</v>
      </c>
      <c r="AH6176">
        <v>99</v>
      </c>
      <c r="AI6176">
        <v>99</v>
      </c>
      <c r="AJ6176">
        <v>100</v>
      </c>
      <c r="AK6176">
        <v>100</v>
      </c>
      <c r="AL6176">
        <v>100</v>
      </c>
      <c r="AM6176">
        <v>101</v>
      </c>
      <c r="AN6176">
        <v>101</v>
      </c>
      <c r="AO6176">
        <v>101</v>
      </c>
      <c r="AP6176">
        <v>101</v>
      </c>
      <c r="AQ6176">
        <v>101</v>
      </c>
    </row>
    <row r="6177" spans="1:43">
      <c r="A6177" t="s">
        <v>3876</v>
      </c>
      <c r="B6177" t="s">
        <v>3877</v>
      </c>
      <c r="C6177" t="s">
        <v>3878</v>
      </c>
      <c r="D6177" t="s">
        <v>3879</v>
      </c>
      <c r="E6177" t="s">
        <v>3660</v>
      </c>
      <c r="F6177" t="s">
        <v>3661</v>
      </c>
      <c r="G6177" t="s">
        <v>80</v>
      </c>
      <c r="H6177" t="s">
        <v>81</v>
      </c>
      <c r="I6177" s="2">
        <v>0</v>
      </c>
      <c r="J6177" s="2">
        <v>1</v>
      </c>
      <c r="K6177" s="2">
        <v>0</v>
      </c>
      <c r="L6177" t="s">
        <v>82</v>
      </c>
      <c r="M6177" t="s">
        <v>83</v>
      </c>
      <c r="N6177" t="s">
        <v>91</v>
      </c>
      <c r="O6177" t="s">
        <v>85</v>
      </c>
      <c r="P6177" t="s">
        <v>86</v>
      </c>
      <c r="Q6177">
        <v>73</v>
      </c>
      <c r="R6177">
        <v>74</v>
      </c>
      <c r="S6177">
        <v>75</v>
      </c>
      <c r="T6177">
        <v>77</v>
      </c>
      <c r="U6177">
        <v>78</v>
      </c>
      <c r="V6177">
        <v>80</v>
      </c>
      <c r="W6177">
        <v>81</v>
      </c>
      <c r="X6177">
        <v>82</v>
      </c>
      <c r="Y6177">
        <v>84</v>
      </c>
      <c r="Z6177">
        <v>85</v>
      </c>
      <c r="AA6177">
        <v>86</v>
      </c>
      <c r="AB6177">
        <v>88</v>
      </c>
      <c r="AC6177">
        <v>89</v>
      </c>
      <c r="AD6177">
        <v>90</v>
      </c>
      <c r="AE6177">
        <v>91</v>
      </c>
      <c r="AF6177">
        <v>93</v>
      </c>
      <c r="AG6177">
        <v>94</v>
      </c>
      <c r="AH6177">
        <v>95</v>
      </c>
      <c r="AI6177">
        <v>96</v>
      </c>
      <c r="AJ6177">
        <v>98</v>
      </c>
      <c r="AK6177">
        <v>99</v>
      </c>
      <c r="AL6177">
        <v>99</v>
      </c>
      <c r="AM6177">
        <v>100</v>
      </c>
      <c r="AN6177">
        <v>100</v>
      </c>
      <c r="AO6177">
        <v>100</v>
      </c>
      <c r="AP6177">
        <v>101</v>
      </c>
      <c r="AQ6177">
        <v>101</v>
      </c>
    </row>
    <row r="6178" spans="1:43">
      <c r="A6178" t="s">
        <v>3880</v>
      </c>
      <c r="B6178" t="s">
        <v>3881</v>
      </c>
      <c r="C6178" t="s">
        <v>3878</v>
      </c>
      <c r="D6178" t="s">
        <v>3879</v>
      </c>
      <c r="E6178" t="s">
        <v>3660</v>
      </c>
      <c r="F6178" t="s">
        <v>3661</v>
      </c>
      <c r="G6178" t="s">
        <v>80</v>
      </c>
      <c r="H6178" t="s">
        <v>81</v>
      </c>
      <c r="I6178" s="2">
        <v>0</v>
      </c>
      <c r="J6178" s="2">
        <v>1</v>
      </c>
      <c r="K6178" s="2">
        <v>0</v>
      </c>
      <c r="L6178" t="s">
        <v>82</v>
      </c>
      <c r="M6178" t="s">
        <v>83</v>
      </c>
      <c r="N6178" t="s">
        <v>84</v>
      </c>
      <c r="O6178" t="s">
        <v>85</v>
      </c>
      <c r="P6178" t="s">
        <v>86</v>
      </c>
      <c r="Q6178">
        <v>62</v>
      </c>
      <c r="R6178">
        <v>63</v>
      </c>
      <c r="S6178">
        <v>65</v>
      </c>
      <c r="T6178">
        <v>66</v>
      </c>
      <c r="U6178">
        <v>67</v>
      </c>
      <c r="V6178">
        <v>68</v>
      </c>
      <c r="W6178">
        <v>69</v>
      </c>
      <c r="X6178">
        <v>71</v>
      </c>
      <c r="Y6178">
        <v>72</v>
      </c>
      <c r="Z6178">
        <v>73</v>
      </c>
      <c r="AA6178">
        <v>74</v>
      </c>
      <c r="AB6178">
        <v>75</v>
      </c>
      <c r="AC6178">
        <v>76</v>
      </c>
      <c r="AD6178">
        <v>77</v>
      </c>
      <c r="AE6178">
        <v>78</v>
      </c>
      <c r="AF6178">
        <v>79</v>
      </c>
      <c r="AG6178">
        <v>81</v>
      </c>
      <c r="AH6178">
        <v>82</v>
      </c>
      <c r="AI6178">
        <v>83</v>
      </c>
      <c r="AJ6178">
        <v>84</v>
      </c>
      <c r="AK6178">
        <v>85</v>
      </c>
      <c r="AL6178">
        <v>85</v>
      </c>
      <c r="AM6178">
        <v>86</v>
      </c>
      <c r="AN6178">
        <v>86</v>
      </c>
      <c r="AO6178">
        <v>86</v>
      </c>
      <c r="AP6178">
        <v>86</v>
      </c>
      <c r="AQ6178">
        <v>86</v>
      </c>
    </row>
    <row r="6179" spans="1:43">
      <c r="A6179" t="s">
        <v>3880</v>
      </c>
      <c r="B6179" t="s">
        <v>3881</v>
      </c>
      <c r="C6179" t="s">
        <v>3878</v>
      </c>
      <c r="D6179" t="s">
        <v>3879</v>
      </c>
      <c r="E6179" t="s">
        <v>3660</v>
      </c>
      <c r="F6179" t="s">
        <v>3661</v>
      </c>
      <c r="G6179" t="s">
        <v>80</v>
      </c>
      <c r="H6179" t="s">
        <v>81</v>
      </c>
      <c r="I6179" s="2">
        <v>0</v>
      </c>
      <c r="J6179" s="2">
        <v>1</v>
      </c>
      <c r="K6179" s="2">
        <v>0</v>
      </c>
      <c r="L6179" t="s">
        <v>82</v>
      </c>
      <c r="M6179" t="s">
        <v>87</v>
      </c>
      <c r="N6179" t="s">
        <v>88</v>
      </c>
      <c r="O6179" t="s">
        <v>85</v>
      </c>
      <c r="P6179" t="s">
        <v>86</v>
      </c>
      <c r="Q6179">
        <v>62</v>
      </c>
      <c r="R6179">
        <v>62</v>
      </c>
      <c r="S6179">
        <v>63</v>
      </c>
      <c r="T6179">
        <v>63</v>
      </c>
      <c r="U6179">
        <v>64</v>
      </c>
      <c r="V6179">
        <v>65</v>
      </c>
      <c r="W6179">
        <v>65</v>
      </c>
      <c r="X6179">
        <v>66</v>
      </c>
      <c r="Y6179">
        <v>66</v>
      </c>
      <c r="Z6179">
        <v>67</v>
      </c>
      <c r="AA6179">
        <v>67</v>
      </c>
      <c r="AB6179">
        <v>68</v>
      </c>
      <c r="AC6179">
        <v>68</v>
      </c>
      <c r="AD6179">
        <v>69</v>
      </c>
      <c r="AE6179">
        <v>69</v>
      </c>
      <c r="AF6179">
        <v>70</v>
      </c>
      <c r="AG6179">
        <v>70</v>
      </c>
      <c r="AH6179">
        <v>71</v>
      </c>
      <c r="AI6179">
        <v>71</v>
      </c>
      <c r="AJ6179">
        <v>72</v>
      </c>
      <c r="AK6179">
        <v>72</v>
      </c>
      <c r="AL6179">
        <v>73</v>
      </c>
      <c r="AM6179">
        <v>73</v>
      </c>
      <c r="AN6179">
        <v>74</v>
      </c>
      <c r="AO6179">
        <v>74</v>
      </c>
      <c r="AP6179">
        <v>74</v>
      </c>
      <c r="AQ6179">
        <v>75</v>
      </c>
    </row>
    <row r="6180" spans="1:43">
      <c r="A6180" t="s">
        <v>3880</v>
      </c>
      <c r="B6180" t="s">
        <v>3881</v>
      </c>
      <c r="C6180" t="s">
        <v>3878</v>
      </c>
      <c r="D6180" t="s">
        <v>3879</v>
      </c>
      <c r="E6180" t="s">
        <v>3660</v>
      </c>
      <c r="F6180" t="s">
        <v>3661</v>
      </c>
      <c r="G6180" t="s">
        <v>80</v>
      </c>
      <c r="H6180" t="s">
        <v>81</v>
      </c>
      <c r="I6180" s="2">
        <v>0</v>
      </c>
      <c r="J6180" s="2">
        <v>1</v>
      </c>
      <c r="K6180" s="2">
        <v>0</v>
      </c>
      <c r="L6180" t="s">
        <v>82</v>
      </c>
      <c r="M6180" t="s">
        <v>89</v>
      </c>
      <c r="N6180" t="s">
        <v>90</v>
      </c>
      <c r="O6180" t="s">
        <v>85</v>
      </c>
      <c r="P6180" t="s">
        <v>86</v>
      </c>
      <c r="Q6180">
        <v>62</v>
      </c>
      <c r="R6180">
        <v>64</v>
      </c>
      <c r="S6180">
        <v>65</v>
      </c>
      <c r="T6180">
        <v>67</v>
      </c>
      <c r="U6180">
        <v>69</v>
      </c>
      <c r="V6180">
        <v>70</v>
      </c>
      <c r="W6180">
        <v>72</v>
      </c>
      <c r="X6180">
        <v>73</v>
      </c>
      <c r="Y6180">
        <v>75</v>
      </c>
      <c r="Z6180">
        <v>76</v>
      </c>
      <c r="AA6180">
        <v>78</v>
      </c>
      <c r="AB6180">
        <v>79</v>
      </c>
      <c r="AC6180">
        <v>81</v>
      </c>
      <c r="AD6180">
        <v>82</v>
      </c>
      <c r="AE6180">
        <v>83</v>
      </c>
      <c r="AF6180">
        <v>83</v>
      </c>
      <c r="AG6180">
        <v>84</v>
      </c>
      <c r="AH6180">
        <v>84</v>
      </c>
      <c r="AI6180">
        <v>84</v>
      </c>
      <c r="AJ6180">
        <v>85</v>
      </c>
      <c r="AK6180">
        <v>85</v>
      </c>
      <c r="AL6180">
        <v>85</v>
      </c>
      <c r="AM6180">
        <v>85</v>
      </c>
      <c r="AN6180">
        <v>85</v>
      </c>
      <c r="AO6180">
        <v>86</v>
      </c>
      <c r="AP6180">
        <v>86</v>
      </c>
      <c r="AQ6180">
        <v>86</v>
      </c>
    </row>
    <row r="6181" spans="1:43">
      <c r="A6181" t="s">
        <v>3880</v>
      </c>
      <c r="B6181" t="s">
        <v>3881</v>
      </c>
      <c r="C6181" t="s">
        <v>3878</v>
      </c>
      <c r="D6181" t="s">
        <v>3879</v>
      </c>
      <c r="E6181" t="s">
        <v>3660</v>
      </c>
      <c r="F6181" t="s">
        <v>3661</v>
      </c>
      <c r="G6181" t="s">
        <v>80</v>
      </c>
      <c r="H6181" t="s">
        <v>81</v>
      </c>
      <c r="I6181" s="2">
        <v>0</v>
      </c>
      <c r="J6181" s="2">
        <v>1</v>
      </c>
      <c r="K6181" s="2">
        <v>0</v>
      </c>
      <c r="L6181" t="s">
        <v>82</v>
      </c>
      <c r="M6181" t="s">
        <v>83</v>
      </c>
      <c r="N6181" t="s">
        <v>91</v>
      </c>
      <c r="O6181" t="s">
        <v>85</v>
      </c>
      <c r="P6181" t="s">
        <v>86</v>
      </c>
      <c r="Q6181">
        <v>62</v>
      </c>
      <c r="R6181">
        <v>63</v>
      </c>
      <c r="S6181">
        <v>65</v>
      </c>
      <c r="T6181">
        <v>66</v>
      </c>
      <c r="U6181">
        <v>67</v>
      </c>
      <c r="V6181">
        <v>68</v>
      </c>
      <c r="W6181">
        <v>69</v>
      </c>
      <c r="X6181">
        <v>71</v>
      </c>
      <c r="Y6181">
        <v>72</v>
      </c>
      <c r="Z6181">
        <v>73</v>
      </c>
      <c r="AA6181">
        <v>74</v>
      </c>
      <c r="AB6181">
        <v>75</v>
      </c>
      <c r="AC6181">
        <v>76</v>
      </c>
      <c r="AD6181">
        <v>77</v>
      </c>
      <c r="AE6181">
        <v>78</v>
      </c>
      <c r="AF6181">
        <v>79</v>
      </c>
      <c r="AG6181">
        <v>81</v>
      </c>
      <c r="AH6181">
        <v>82</v>
      </c>
      <c r="AI6181">
        <v>83</v>
      </c>
      <c r="AJ6181">
        <v>84</v>
      </c>
      <c r="AK6181">
        <v>85</v>
      </c>
      <c r="AL6181">
        <v>85</v>
      </c>
      <c r="AM6181">
        <v>86</v>
      </c>
      <c r="AN6181">
        <v>86</v>
      </c>
      <c r="AO6181">
        <v>86</v>
      </c>
      <c r="AP6181">
        <v>86</v>
      </c>
      <c r="AQ6181">
        <v>86</v>
      </c>
    </row>
    <row r="6182" spans="1:43">
      <c r="A6182" t="s">
        <v>3882</v>
      </c>
      <c r="B6182" t="s">
        <v>3883</v>
      </c>
      <c r="C6182" t="s">
        <v>3658</v>
      </c>
      <c r="D6182" t="s">
        <v>3659</v>
      </c>
      <c r="E6182" t="s">
        <v>3660</v>
      </c>
      <c r="F6182" t="s">
        <v>3661</v>
      </c>
      <c r="G6182" t="s">
        <v>80</v>
      </c>
      <c r="H6182" t="s">
        <v>81</v>
      </c>
      <c r="I6182" s="2">
        <v>0</v>
      </c>
      <c r="J6182" s="2">
        <v>1</v>
      </c>
      <c r="K6182" s="2">
        <v>0</v>
      </c>
      <c r="L6182" t="s">
        <v>82</v>
      </c>
      <c r="M6182" t="s">
        <v>83</v>
      </c>
      <c r="N6182" t="s">
        <v>84</v>
      </c>
      <c r="O6182" t="s">
        <v>85</v>
      </c>
      <c r="P6182" t="s">
        <v>86</v>
      </c>
      <c r="Q6182">
        <v>51</v>
      </c>
      <c r="R6182">
        <v>52</v>
      </c>
      <c r="S6182">
        <v>53</v>
      </c>
      <c r="T6182">
        <v>54</v>
      </c>
      <c r="U6182">
        <v>55</v>
      </c>
      <c r="V6182">
        <v>56</v>
      </c>
      <c r="W6182">
        <v>57</v>
      </c>
      <c r="X6182">
        <v>58</v>
      </c>
      <c r="Y6182">
        <v>59</v>
      </c>
      <c r="Z6182">
        <v>60</v>
      </c>
      <c r="AA6182">
        <v>61</v>
      </c>
      <c r="AB6182">
        <v>62</v>
      </c>
      <c r="AC6182">
        <v>63</v>
      </c>
      <c r="AD6182">
        <v>64</v>
      </c>
      <c r="AE6182">
        <v>65</v>
      </c>
      <c r="AF6182">
        <v>65</v>
      </c>
      <c r="AG6182">
        <v>66</v>
      </c>
      <c r="AH6182">
        <v>67</v>
      </c>
      <c r="AI6182">
        <v>68</v>
      </c>
      <c r="AJ6182">
        <v>69</v>
      </c>
      <c r="AK6182">
        <v>70</v>
      </c>
      <c r="AL6182">
        <v>70</v>
      </c>
      <c r="AM6182">
        <v>70</v>
      </c>
      <c r="AN6182">
        <v>71</v>
      </c>
      <c r="AO6182">
        <v>71</v>
      </c>
      <c r="AP6182">
        <v>71</v>
      </c>
      <c r="AQ6182">
        <v>71</v>
      </c>
    </row>
    <row r="6183" spans="1:43">
      <c r="A6183" t="s">
        <v>3882</v>
      </c>
      <c r="B6183" t="s">
        <v>3883</v>
      </c>
      <c r="C6183" t="s">
        <v>3658</v>
      </c>
      <c r="D6183" t="s">
        <v>3659</v>
      </c>
      <c r="E6183" t="s">
        <v>3660</v>
      </c>
      <c r="F6183" t="s">
        <v>3661</v>
      </c>
      <c r="G6183" t="s">
        <v>80</v>
      </c>
      <c r="H6183" t="s">
        <v>81</v>
      </c>
      <c r="I6183" s="2">
        <v>0</v>
      </c>
      <c r="J6183" s="2">
        <v>1</v>
      </c>
      <c r="K6183" s="2">
        <v>0</v>
      </c>
      <c r="L6183" t="s">
        <v>82</v>
      </c>
      <c r="M6183" t="s">
        <v>87</v>
      </c>
      <c r="N6183" t="s">
        <v>88</v>
      </c>
      <c r="O6183" t="s">
        <v>85</v>
      </c>
      <c r="P6183" t="s">
        <v>86</v>
      </c>
      <c r="Q6183">
        <v>51</v>
      </c>
      <c r="R6183">
        <v>51</v>
      </c>
      <c r="S6183">
        <v>52</v>
      </c>
      <c r="T6183">
        <v>52</v>
      </c>
      <c r="U6183">
        <v>53</v>
      </c>
      <c r="V6183">
        <v>53</v>
      </c>
      <c r="W6183">
        <v>54</v>
      </c>
      <c r="X6183">
        <v>54</v>
      </c>
      <c r="Y6183">
        <v>55</v>
      </c>
      <c r="Z6183">
        <v>55</v>
      </c>
      <c r="AA6183">
        <v>55</v>
      </c>
      <c r="AB6183">
        <v>56</v>
      </c>
      <c r="AC6183">
        <v>56</v>
      </c>
      <c r="AD6183">
        <v>57</v>
      </c>
      <c r="AE6183">
        <v>57</v>
      </c>
      <c r="AF6183">
        <v>57</v>
      </c>
      <c r="AG6183">
        <v>58</v>
      </c>
      <c r="AH6183">
        <v>58</v>
      </c>
      <c r="AI6183">
        <v>59</v>
      </c>
      <c r="AJ6183">
        <v>59</v>
      </c>
      <c r="AK6183">
        <v>59</v>
      </c>
      <c r="AL6183">
        <v>60</v>
      </c>
      <c r="AM6183">
        <v>60</v>
      </c>
      <c r="AN6183">
        <v>61</v>
      </c>
      <c r="AO6183">
        <v>61</v>
      </c>
      <c r="AP6183">
        <v>61</v>
      </c>
      <c r="AQ6183">
        <v>62</v>
      </c>
    </row>
    <row r="6184" spans="1:43">
      <c r="A6184" t="s">
        <v>3882</v>
      </c>
      <c r="B6184" t="s">
        <v>3883</v>
      </c>
      <c r="C6184" t="s">
        <v>3658</v>
      </c>
      <c r="D6184" t="s">
        <v>3659</v>
      </c>
      <c r="E6184" t="s">
        <v>3660</v>
      </c>
      <c r="F6184" t="s">
        <v>3661</v>
      </c>
      <c r="G6184" t="s">
        <v>80</v>
      </c>
      <c r="H6184" t="s">
        <v>81</v>
      </c>
      <c r="I6184" s="2">
        <v>0</v>
      </c>
      <c r="J6184" s="2">
        <v>1</v>
      </c>
      <c r="K6184" s="2">
        <v>0</v>
      </c>
      <c r="L6184" t="s">
        <v>82</v>
      </c>
      <c r="M6184" t="s">
        <v>89</v>
      </c>
      <c r="N6184" t="s">
        <v>90</v>
      </c>
      <c r="O6184" t="s">
        <v>85</v>
      </c>
      <c r="P6184" t="s">
        <v>86</v>
      </c>
      <c r="Q6184">
        <v>51</v>
      </c>
      <c r="R6184">
        <v>52</v>
      </c>
      <c r="S6184">
        <v>54</v>
      </c>
      <c r="T6184">
        <v>55</v>
      </c>
      <c r="U6184">
        <v>56</v>
      </c>
      <c r="V6184">
        <v>58</v>
      </c>
      <c r="W6184">
        <v>59</v>
      </c>
      <c r="X6184">
        <v>60</v>
      </c>
      <c r="Y6184">
        <v>62</v>
      </c>
      <c r="Z6184">
        <v>63</v>
      </c>
      <c r="AA6184">
        <v>64</v>
      </c>
      <c r="AB6184">
        <v>65</v>
      </c>
      <c r="AC6184">
        <v>66</v>
      </c>
      <c r="AD6184">
        <v>67</v>
      </c>
      <c r="AE6184">
        <v>68</v>
      </c>
      <c r="AF6184">
        <v>68</v>
      </c>
      <c r="AG6184">
        <v>69</v>
      </c>
      <c r="AH6184">
        <v>69</v>
      </c>
      <c r="AI6184">
        <v>69</v>
      </c>
      <c r="AJ6184">
        <v>69</v>
      </c>
      <c r="AK6184">
        <v>70</v>
      </c>
      <c r="AL6184">
        <v>70</v>
      </c>
      <c r="AM6184">
        <v>70</v>
      </c>
      <c r="AN6184">
        <v>70</v>
      </c>
      <c r="AO6184">
        <v>70</v>
      </c>
      <c r="AP6184">
        <v>70</v>
      </c>
      <c r="AQ6184">
        <v>71</v>
      </c>
    </row>
    <row r="6185" spans="1:43">
      <c r="A6185" t="s">
        <v>3882</v>
      </c>
      <c r="B6185" t="s">
        <v>3883</v>
      </c>
      <c r="C6185" t="s">
        <v>3658</v>
      </c>
      <c r="D6185" t="s">
        <v>3659</v>
      </c>
      <c r="E6185" t="s">
        <v>3660</v>
      </c>
      <c r="F6185" t="s">
        <v>3661</v>
      </c>
      <c r="G6185" t="s">
        <v>80</v>
      </c>
      <c r="H6185" t="s">
        <v>81</v>
      </c>
      <c r="I6185" s="2">
        <v>0</v>
      </c>
      <c r="J6185" s="2">
        <v>1</v>
      </c>
      <c r="K6185" s="2">
        <v>0</v>
      </c>
      <c r="L6185" t="s">
        <v>82</v>
      </c>
      <c r="M6185" t="s">
        <v>83</v>
      </c>
      <c r="N6185" t="s">
        <v>91</v>
      </c>
      <c r="O6185" t="s">
        <v>85</v>
      </c>
      <c r="P6185" t="s">
        <v>86</v>
      </c>
      <c r="Q6185">
        <v>51</v>
      </c>
      <c r="R6185">
        <v>52</v>
      </c>
      <c r="S6185">
        <v>53</v>
      </c>
      <c r="T6185">
        <v>54</v>
      </c>
      <c r="U6185">
        <v>55</v>
      </c>
      <c r="V6185">
        <v>56</v>
      </c>
      <c r="W6185">
        <v>57</v>
      </c>
      <c r="X6185">
        <v>58</v>
      </c>
      <c r="Y6185">
        <v>59</v>
      </c>
      <c r="Z6185">
        <v>60</v>
      </c>
      <c r="AA6185">
        <v>61</v>
      </c>
      <c r="AB6185">
        <v>62</v>
      </c>
      <c r="AC6185">
        <v>63</v>
      </c>
      <c r="AD6185">
        <v>64</v>
      </c>
      <c r="AE6185">
        <v>65</v>
      </c>
      <c r="AF6185">
        <v>65</v>
      </c>
      <c r="AG6185">
        <v>66</v>
      </c>
      <c r="AH6185">
        <v>67</v>
      </c>
      <c r="AI6185">
        <v>68</v>
      </c>
      <c r="AJ6185">
        <v>69</v>
      </c>
      <c r="AK6185">
        <v>70</v>
      </c>
      <c r="AL6185">
        <v>70</v>
      </c>
      <c r="AM6185">
        <v>70</v>
      </c>
      <c r="AN6185">
        <v>71</v>
      </c>
      <c r="AO6185">
        <v>71</v>
      </c>
      <c r="AP6185">
        <v>71</v>
      </c>
      <c r="AQ6185">
        <v>71</v>
      </c>
    </row>
    <row r="6186" spans="1:43">
      <c r="A6186" t="s">
        <v>3884</v>
      </c>
      <c r="B6186" t="s">
        <v>3885</v>
      </c>
      <c r="C6186" t="s">
        <v>3858</v>
      </c>
      <c r="D6186" t="s">
        <v>3859</v>
      </c>
      <c r="E6186" t="s">
        <v>3660</v>
      </c>
      <c r="F6186" t="s">
        <v>3661</v>
      </c>
      <c r="G6186" t="s">
        <v>80</v>
      </c>
      <c r="H6186" t="s">
        <v>81</v>
      </c>
      <c r="I6186" s="2">
        <v>0</v>
      </c>
      <c r="J6186" s="2">
        <v>1</v>
      </c>
      <c r="K6186" s="2">
        <v>0</v>
      </c>
      <c r="L6186" t="s">
        <v>82</v>
      </c>
      <c r="M6186" t="s">
        <v>83</v>
      </c>
      <c r="N6186" t="s">
        <v>84</v>
      </c>
      <c r="O6186" t="s">
        <v>85</v>
      </c>
      <c r="P6186" t="s">
        <v>86</v>
      </c>
      <c r="Q6186">
        <v>61</v>
      </c>
      <c r="R6186">
        <v>62</v>
      </c>
      <c r="S6186">
        <v>63</v>
      </c>
      <c r="T6186">
        <v>64</v>
      </c>
      <c r="U6186">
        <v>65</v>
      </c>
      <c r="V6186">
        <v>66</v>
      </c>
      <c r="W6186">
        <v>68</v>
      </c>
      <c r="X6186">
        <v>69</v>
      </c>
      <c r="Y6186">
        <v>70</v>
      </c>
      <c r="Z6186">
        <v>71</v>
      </c>
      <c r="AA6186">
        <v>72</v>
      </c>
      <c r="AB6186">
        <v>73</v>
      </c>
      <c r="AC6186">
        <v>74</v>
      </c>
      <c r="AD6186">
        <v>75</v>
      </c>
      <c r="AE6186">
        <v>76</v>
      </c>
      <c r="AF6186">
        <v>77</v>
      </c>
      <c r="AG6186">
        <v>78</v>
      </c>
      <c r="AH6186">
        <v>79</v>
      </c>
      <c r="AI6186">
        <v>81</v>
      </c>
      <c r="AJ6186">
        <v>82</v>
      </c>
      <c r="AK6186">
        <v>83</v>
      </c>
      <c r="AL6186">
        <v>83</v>
      </c>
      <c r="AM6186">
        <v>83</v>
      </c>
      <c r="AN6186">
        <v>84</v>
      </c>
      <c r="AO6186">
        <v>84</v>
      </c>
      <c r="AP6186">
        <v>84</v>
      </c>
      <c r="AQ6186">
        <v>84</v>
      </c>
    </row>
    <row r="6187" spans="1:43">
      <c r="A6187" t="s">
        <v>3884</v>
      </c>
      <c r="B6187" t="s">
        <v>3885</v>
      </c>
      <c r="C6187" t="s">
        <v>3858</v>
      </c>
      <c r="D6187" t="s">
        <v>3859</v>
      </c>
      <c r="E6187" t="s">
        <v>3660</v>
      </c>
      <c r="F6187" t="s">
        <v>3661</v>
      </c>
      <c r="G6187" t="s">
        <v>80</v>
      </c>
      <c r="H6187" t="s">
        <v>81</v>
      </c>
      <c r="I6187" s="2">
        <v>0</v>
      </c>
      <c r="J6187" s="2">
        <v>1</v>
      </c>
      <c r="K6187" s="2">
        <v>0</v>
      </c>
      <c r="L6187" t="s">
        <v>82</v>
      </c>
      <c r="M6187" t="s">
        <v>87</v>
      </c>
      <c r="N6187" t="s">
        <v>88</v>
      </c>
      <c r="O6187" t="s">
        <v>85</v>
      </c>
      <c r="P6187" t="s">
        <v>86</v>
      </c>
      <c r="Q6187">
        <v>61</v>
      </c>
      <c r="R6187">
        <v>62</v>
      </c>
      <c r="S6187">
        <v>62</v>
      </c>
      <c r="T6187">
        <v>63</v>
      </c>
      <c r="U6187">
        <v>63</v>
      </c>
      <c r="V6187">
        <v>64</v>
      </c>
      <c r="W6187">
        <v>64</v>
      </c>
      <c r="X6187">
        <v>65</v>
      </c>
      <c r="Y6187">
        <v>66</v>
      </c>
      <c r="Z6187">
        <v>66</v>
      </c>
      <c r="AA6187">
        <v>67</v>
      </c>
      <c r="AB6187">
        <v>67</v>
      </c>
      <c r="AC6187">
        <v>68</v>
      </c>
      <c r="AD6187">
        <v>68</v>
      </c>
      <c r="AE6187">
        <v>69</v>
      </c>
      <c r="AF6187">
        <v>69</v>
      </c>
      <c r="AG6187">
        <v>69</v>
      </c>
      <c r="AH6187">
        <v>70</v>
      </c>
      <c r="AI6187">
        <v>70</v>
      </c>
      <c r="AJ6187">
        <v>71</v>
      </c>
      <c r="AK6187">
        <v>71</v>
      </c>
      <c r="AL6187">
        <v>72</v>
      </c>
      <c r="AM6187">
        <v>72</v>
      </c>
      <c r="AN6187">
        <v>73</v>
      </c>
      <c r="AO6187">
        <v>73</v>
      </c>
      <c r="AP6187">
        <v>73</v>
      </c>
      <c r="AQ6187">
        <v>74</v>
      </c>
    </row>
    <row r="6188" spans="1:43">
      <c r="A6188" t="s">
        <v>3884</v>
      </c>
      <c r="B6188" t="s">
        <v>3885</v>
      </c>
      <c r="C6188" t="s">
        <v>3858</v>
      </c>
      <c r="D6188" t="s">
        <v>3859</v>
      </c>
      <c r="E6188" t="s">
        <v>3660</v>
      </c>
      <c r="F6188" t="s">
        <v>3661</v>
      </c>
      <c r="G6188" t="s">
        <v>80</v>
      </c>
      <c r="H6188" t="s">
        <v>81</v>
      </c>
      <c r="I6188" s="2">
        <v>0</v>
      </c>
      <c r="J6188" s="2">
        <v>1</v>
      </c>
      <c r="K6188" s="2">
        <v>0</v>
      </c>
      <c r="L6188" t="s">
        <v>82</v>
      </c>
      <c r="M6188" t="s">
        <v>89</v>
      </c>
      <c r="N6188" t="s">
        <v>90</v>
      </c>
      <c r="O6188" t="s">
        <v>85</v>
      </c>
      <c r="P6188" t="s">
        <v>86</v>
      </c>
      <c r="Q6188">
        <v>61</v>
      </c>
      <c r="R6188">
        <v>63</v>
      </c>
      <c r="S6188">
        <v>65</v>
      </c>
      <c r="T6188">
        <v>66</v>
      </c>
      <c r="U6188">
        <v>68</v>
      </c>
      <c r="V6188">
        <v>69</v>
      </c>
      <c r="W6188">
        <v>71</v>
      </c>
      <c r="X6188">
        <v>73</v>
      </c>
      <c r="Y6188">
        <v>74</v>
      </c>
      <c r="Z6188">
        <v>75</v>
      </c>
      <c r="AA6188">
        <v>77</v>
      </c>
      <c r="AB6188">
        <v>78</v>
      </c>
      <c r="AC6188">
        <v>80</v>
      </c>
      <c r="AD6188">
        <v>81</v>
      </c>
      <c r="AE6188">
        <v>82</v>
      </c>
      <c r="AF6188">
        <v>82</v>
      </c>
      <c r="AG6188">
        <v>83</v>
      </c>
      <c r="AH6188">
        <v>83</v>
      </c>
      <c r="AI6188">
        <v>83</v>
      </c>
      <c r="AJ6188">
        <v>83</v>
      </c>
      <c r="AK6188">
        <v>84</v>
      </c>
      <c r="AL6188">
        <v>84</v>
      </c>
      <c r="AM6188">
        <v>84</v>
      </c>
      <c r="AN6188">
        <v>84</v>
      </c>
      <c r="AO6188">
        <v>84</v>
      </c>
      <c r="AP6188">
        <v>85</v>
      </c>
      <c r="AQ6188">
        <v>85</v>
      </c>
    </row>
    <row r="6189" spans="1:43">
      <c r="A6189" t="s">
        <v>3884</v>
      </c>
      <c r="B6189" t="s">
        <v>3885</v>
      </c>
      <c r="C6189" t="s">
        <v>3858</v>
      </c>
      <c r="D6189" t="s">
        <v>3859</v>
      </c>
      <c r="E6189" t="s">
        <v>3660</v>
      </c>
      <c r="F6189" t="s">
        <v>3661</v>
      </c>
      <c r="G6189" t="s">
        <v>80</v>
      </c>
      <c r="H6189" t="s">
        <v>81</v>
      </c>
      <c r="I6189" s="2">
        <v>0</v>
      </c>
      <c r="J6189" s="2">
        <v>1</v>
      </c>
      <c r="K6189" s="2">
        <v>0</v>
      </c>
      <c r="L6189" t="s">
        <v>82</v>
      </c>
      <c r="M6189" t="s">
        <v>83</v>
      </c>
      <c r="N6189" t="s">
        <v>91</v>
      </c>
      <c r="O6189" t="s">
        <v>85</v>
      </c>
      <c r="P6189" t="s">
        <v>86</v>
      </c>
      <c r="Q6189">
        <v>61</v>
      </c>
      <c r="R6189">
        <v>62</v>
      </c>
      <c r="S6189">
        <v>63</v>
      </c>
      <c r="T6189">
        <v>64</v>
      </c>
      <c r="U6189">
        <v>65</v>
      </c>
      <c r="V6189">
        <v>66</v>
      </c>
      <c r="W6189">
        <v>68</v>
      </c>
      <c r="X6189">
        <v>69</v>
      </c>
      <c r="Y6189">
        <v>70</v>
      </c>
      <c r="Z6189">
        <v>71</v>
      </c>
      <c r="AA6189">
        <v>72</v>
      </c>
      <c r="AB6189">
        <v>73</v>
      </c>
      <c r="AC6189">
        <v>74</v>
      </c>
      <c r="AD6189">
        <v>75</v>
      </c>
      <c r="AE6189">
        <v>76</v>
      </c>
      <c r="AF6189">
        <v>77</v>
      </c>
      <c r="AG6189">
        <v>78</v>
      </c>
      <c r="AH6189">
        <v>79</v>
      </c>
      <c r="AI6189">
        <v>81</v>
      </c>
      <c r="AJ6189">
        <v>82</v>
      </c>
      <c r="AK6189">
        <v>83</v>
      </c>
      <c r="AL6189">
        <v>83</v>
      </c>
      <c r="AM6189">
        <v>83</v>
      </c>
      <c r="AN6189">
        <v>84</v>
      </c>
      <c r="AO6189">
        <v>84</v>
      </c>
      <c r="AP6189">
        <v>84</v>
      </c>
      <c r="AQ6189">
        <v>84</v>
      </c>
    </row>
    <row r="6190" spans="1:43">
      <c r="A6190" t="s">
        <v>3886</v>
      </c>
      <c r="B6190" t="s">
        <v>3887</v>
      </c>
      <c r="C6190" t="s">
        <v>3658</v>
      </c>
      <c r="D6190" t="s">
        <v>3659</v>
      </c>
      <c r="E6190" t="s">
        <v>3660</v>
      </c>
      <c r="F6190" t="s">
        <v>3661</v>
      </c>
      <c r="G6190" t="s">
        <v>80</v>
      </c>
      <c r="H6190" t="s">
        <v>81</v>
      </c>
      <c r="I6190" s="2">
        <v>0</v>
      </c>
      <c r="J6190" s="2">
        <v>1</v>
      </c>
      <c r="K6190" s="2">
        <v>0</v>
      </c>
      <c r="L6190" t="s">
        <v>82</v>
      </c>
      <c r="M6190" t="s">
        <v>83</v>
      </c>
      <c r="N6190" t="s">
        <v>84</v>
      </c>
      <c r="O6190" t="s">
        <v>85</v>
      </c>
      <c r="P6190" t="s">
        <v>86</v>
      </c>
      <c r="Q6190">
        <v>32</v>
      </c>
      <c r="R6190">
        <v>33</v>
      </c>
      <c r="S6190">
        <v>34</v>
      </c>
      <c r="T6190">
        <v>34</v>
      </c>
      <c r="U6190">
        <v>35</v>
      </c>
      <c r="V6190">
        <v>36</v>
      </c>
      <c r="W6190">
        <v>36</v>
      </c>
      <c r="X6190">
        <v>37</v>
      </c>
      <c r="Y6190">
        <v>37</v>
      </c>
      <c r="Z6190">
        <v>38</v>
      </c>
      <c r="AA6190">
        <v>39</v>
      </c>
      <c r="AB6190">
        <v>39</v>
      </c>
      <c r="AC6190">
        <v>40</v>
      </c>
      <c r="AD6190">
        <v>40</v>
      </c>
      <c r="AE6190">
        <v>41</v>
      </c>
      <c r="AF6190">
        <v>41</v>
      </c>
      <c r="AG6190">
        <v>42</v>
      </c>
      <c r="AH6190">
        <v>43</v>
      </c>
      <c r="AI6190">
        <v>43</v>
      </c>
      <c r="AJ6190">
        <v>44</v>
      </c>
      <c r="AK6190">
        <v>44</v>
      </c>
      <c r="AL6190">
        <v>44</v>
      </c>
      <c r="AM6190">
        <v>45</v>
      </c>
      <c r="AN6190">
        <v>45</v>
      </c>
      <c r="AO6190">
        <v>45</v>
      </c>
      <c r="AP6190">
        <v>45</v>
      </c>
      <c r="AQ6190">
        <v>45</v>
      </c>
    </row>
    <row r="6191" spans="1:43">
      <c r="A6191" t="s">
        <v>3886</v>
      </c>
      <c r="B6191" t="s">
        <v>3887</v>
      </c>
      <c r="C6191" t="s">
        <v>3658</v>
      </c>
      <c r="D6191" t="s">
        <v>3659</v>
      </c>
      <c r="E6191" t="s">
        <v>3660</v>
      </c>
      <c r="F6191" t="s">
        <v>3661</v>
      </c>
      <c r="G6191" t="s">
        <v>80</v>
      </c>
      <c r="H6191" t="s">
        <v>81</v>
      </c>
      <c r="I6191" s="2">
        <v>0</v>
      </c>
      <c r="J6191" s="2">
        <v>1</v>
      </c>
      <c r="K6191" s="2">
        <v>0</v>
      </c>
      <c r="L6191" t="s">
        <v>82</v>
      </c>
      <c r="M6191" t="s">
        <v>87</v>
      </c>
      <c r="N6191" t="s">
        <v>88</v>
      </c>
      <c r="O6191" t="s">
        <v>85</v>
      </c>
      <c r="P6191" t="s">
        <v>86</v>
      </c>
      <c r="Q6191">
        <v>32</v>
      </c>
      <c r="R6191">
        <v>33</v>
      </c>
      <c r="S6191">
        <v>33</v>
      </c>
      <c r="T6191">
        <v>33</v>
      </c>
      <c r="U6191">
        <v>33</v>
      </c>
      <c r="V6191">
        <v>34</v>
      </c>
      <c r="W6191">
        <v>34</v>
      </c>
      <c r="X6191">
        <v>34</v>
      </c>
      <c r="Y6191">
        <v>35</v>
      </c>
      <c r="Z6191">
        <v>35</v>
      </c>
      <c r="AA6191">
        <v>35</v>
      </c>
      <c r="AB6191">
        <v>35</v>
      </c>
      <c r="AC6191">
        <v>36</v>
      </c>
      <c r="AD6191">
        <v>36</v>
      </c>
      <c r="AE6191">
        <v>36</v>
      </c>
      <c r="AF6191">
        <v>36</v>
      </c>
      <c r="AG6191">
        <v>37</v>
      </c>
      <c r="AH6191">
        <v>37</v>
      </c>
      <c r="AI6191">
        <v>37</v>
      </c>
      <c r="AJ6191">
        <v>37</v>
      </c>
      <c r="AK6191">
        <v>38</v>
      </c>
      <c r="AL6191">
        <v>38</v>
      </c>
      <c r="AM6191">
        <v>38</v>
      </c>
      <c r="AN6191">
        <v>38</v>
      </c>
      <c r="AO6191">
        <v>39</v>
      </c>
      <c r="AP6191">
        <v>39</v>
      </c>
      <c r="AQ6191">
        <v>39</v>
      </c>
    </row>
    <row r="6192" spans="1:43">
      <c r="A6192" t="s">
        <v>3886</v>
      </c>
      <c r="B6192" t="s">
        <v>3887</v>
      </c>
      <c r="C6192" t="s">
        <v>3658</v>
      </c>
      <c r="D6192" t="s">
        <v>3659</v>
      </c>
      <c r="E6192" t="s">
        <v>3660</v>
      </c>
      <c r="F6192" t="s">
        <v>3661</v>
      </c>
      <c r="G6192" t="s">
        <v>80</v>
      </c>
      <c r="H6192" t="s">
        <v>81</v>
      </c>
      <c r="I6192" s="2">
        <v>0</v>
      </c>
      <c r="J6192" s="2">
        <v>1</v>
      </c>
      <c r="K6192" s="2">
        <v>0</v>
      </c>
      <c r="L6192" t="s">
        <v>82</v>
      </c>
      <c r="M6192" t="s">
        <v>89</v>
      </c>
      <c r="N6192" t="s">
        <v>90</v>
      </c>
      <c r="O6192" t="s">
        <v>85</v>
      </c>
      <c r="P6192" t="s">
        <v>86</v>
      </c>
      <c r="Q6192">
        <v>32</v>
      </c>
      <c r="R6192">
        <v>33</v>
      </c>
      <c r="S6192">
        <v>34</v>
      </c>
      <c r="T6192">
        <v>34</v>
      </c>
      <c r="U6192">
        <v>35</v>
      </c>
      <c r="V6192">
        <v>36</v>
      </c>
      <c r="W6192">
        <v>37</v>
      </c>
      <c r="X6192">
        <v>38</v>
      </c>
      <c r="Y6192">
        <v>39</v>
      </c>
      <c r="Z6192">
        <v>39</v>
      </c>
      <c r="AA6192">
        <v>40</v>
      </c>
      <c r="AB6192">
        <v>41</v>
      </c>
      <c r="AC6192">
        <v>42</v>
      </c>
      <c r="AD6192">
        <v>42</v>
      </c>
      <c r="AE6192">
        <v>43</v>
      </c>
      <c r="AF6192">
        <v>43</v>
      </c>
      <c r="AG6192">
        <v>43</v>
      </c>
      <c r="AH6192">
        <v>43</v>
      </c>
      <c r="AI6192">
        <v>43</v>
      </c>
      <c r="AJ6192">
        <v>44</v>
      </c>
      <c r="AK6192">
        <v>44</v>
      </c>
      <c r="AL6192">
        <v>44</v>
      </c>
      <c r="AM6192">
        <v>44</v>
      </c>
      <c r="AN6192">
        <v>44</v>
      </c>
      <c r="AO6192">
        <v>44</v>
      </c>
      <c r="AP6192">
        <v>44</v>
      </c>
      <c r="AQ6192">
        <v>44</v>
      </c>
    </row>
    <row r="6193" spans="1:43">
      <c r="A6193" t="s">
        <v>3886</v>
      </c>
      <c r="B6193" t="s">
        <v>3887</v>
      </c>
      <c r="C6193" t="s">
        <v>3658</v>
      </c>
      <c r="D6193" t="s">
        <v>3659</v>
      </c>
      <c r="E6193" t="s">
        <v>3660</v>
      </c>
      <c r="F6193" t="s">
        <v>3661</v>
      </c>
      <c r="G6193" t="s">
        <v>80</v>
      </c>
      <c r="H6193" t="s">
        <v>81</v>
      </c>
      <c r="I6193" s="2">
        <v>0</v>
      </c>
      <c r="J6193" s="2">
        <v>1</v>
      </c>
      <c r="K6193" s="2">
        <v>0</v>
      </c>
      <c r="L6193" t="s">
        <v>82</v>
      </c>
      <c r="M6193" t="s">
        <v>83</v>
      </c>
      <c r="N6193" t="s">
        <v>91</v>
      </c>
      <c r="O6193" t="s">
        <v>85</v>
      </c>
      <c r="P6193" t="s">
        <v>86</v>
      </c>
      <c r="Q6193">
        <v>32</v>
      </c>
      <c r="R6193">
        <v>33</v>
      </c>
      <c r="S6193">
        <v>34</v>
      </c>
      <c r="T6193">
        <v>34</v>
      </c>
      <c r="U6193">
        <v>35</v>
      </c>
      <c r="V6193">
        <v>36</v>
      </c>
      <c r="W6193">
        <v>36</v>
      </c>
      <c r="X6193">
        <v>37</v>
      </c>
      <c r="Y6193">
        <v>37</v>
      </c>
      <c r="Z6193">
        <v>38</v>
      </c>
      <c r="AA6193">
        <v>39</v>
      </c>
      <c r="AB6193">
        <v>39</v>
      </c>
      <c r="AC6193">
        <v>40</v>
      </c>
      <c r="AD6193">
        <v>40</v>
      </c>
      <c r="AE6193">
        <v>41</v>
      </c>
      <c r="AF6193">
        <v>41</v>
      </c>
      <c r="AG6193">
        <v>42</v>
      </c>
      <c r="AH6193">
        <v>43</v>
      </c>
      <c r="AI6193">
        <v>43</v>
      </c>
      <c r="AJ6193">
        <v>44</v>
      </c>
      <c r="AK6193">
        <v>44</v>
      </c>
      <c r="AL6193">
        <v>44</v>
      </c>
      <c r="AM6193">
        <v>45</v>
      </c>
      <c r="AN6193">
        <v>45</v>
      </c>
      <c r="AO6193">
        <v>45</v>
      </c>
      <c r="AP6193">
        <v>45</v>
      </c>
      <c r="AQ6193">
        <v>45</v>
      </c>
    </row>
    <row r="6194" spans="1:43">
      <c r="A6194" t="s">
        <v>3888</v>
      </c>
      <c r="B6194" t="s">
        <v>3889</v>
      </c>
      <c r="C6194" t="s">
        <v>3878</v>
      </c>
      <c r="D6194" t="s">
        <v>3879</v>
      </c>
      <c r="E6194" t="s">
        <v>3660</v>
      </c>
      <c r="F6194" t="s">
        <v>3661</v>
      </c>
      <c r="G6194" t="s">
        <v>80</v>
      </c>
      <c r="H6194" t="s">
        <v>81</v>
      </c>
      <c r="I6194" s="2">
        <v>0</v>
      </c>
      <c r="J6194" s="2">
        <v>1</v>
      </c>
      <c r="K6194" s="2">
        <v>0</v>
      </c>
      <c r="L6194" t="s">
        <v>82</v>
      </c>
      <c r="M6194" t="s">
        <v>83</v>
      </c>
      <c r="N6194" t="s">
        <v>84</v>
      </c>
      <c r="O6194" t="s">
        <v>85</v>
      </c>
      <c r="P6194" t="s">
        <v>86</v>
      </c>
      <c r="Q6194">
        <v>41</v>
      </c>
      <c r="R6194">
        <v>42</v>
      </c>
      <c r="S6194">
        <v>43</v>
      </c>
      <c r="T6194">
        <v>44</v>
      </c>
      <c r="U6194">
        <v>44</v>
      </c>
      <c r="V6194">
        <v>45</v>
      </c>
      <c r="W6194">
        <v>46</v>
      </c>
      <c r="X6194">
        <v>47</v>
      </c>
      <c r="Y6194">
        <v>47</v>
      </c>
      <c r="Z6194">
        <v>48</v>
      </c>
      <c r="AA6194">
        <v>49</v>
      </c>
      <c r="AB6194">
        <v>50</v>
      </c>
      <c r="AC6194">
        <v>50</v>
      </c>
      <c r="AD6194">
        <v>51</v>
      </c>
      <c r="AE6194">
        <v>52</v>
      </c>
      <c r="AF6194">
        <v>53</v>
      </c>
      <c r="AG6194">
        <v>53</v>
      </c>
      <c r="AH6194">
        <v>54</v>
      </c>
      <c r="AI6194">
        <v>55</v>
      </c>
      <c r="AJ6194">
        <v>55</v>
      </c>
      <c r="AK6194">
        <v>56</v>
      </c>
      <c r="AL6194">
        <v>56</v>
      </c>
      <c r="AM6194">
        <v>57</v>
      </c>
      <c r="AN6194">
        <v>57</v>
      </c>
      <c r="AO6194">
        <v>57</v>
      </c>
      <c r="AP6194">
        <v>57</v>
      </c>
      <c r="AQ6194">
        <v>57</v>
      </c>
    </row>
    <row r="6195" spans="1:43">
      <c r="A6195" t="s">
        <v>3888</v>
      </c>
      <c r="B6195" t="s">
        <v>3889</v>
      </c>
      <c r="C6195" t="s">
        <v>3878</v>
      </c>
      <c r="D6195" t="s">
        <v>3879</v>
      </c>
      <c r="E6195" t="s">
        <v>3660</v>
      </c>
      <c r="F6195" t="s">
        <v>3661</v>
      </c>
      <c r="G6195" t="s">
        <v>80</v>
      </c>
      <c r="H6195" t="s">
        <v>81</v>
      </c>
      <c r="I6195" s="2">
        <v>0</v>
      </c>
      <c r="J6195" s="2">
        <v>1</v>
      </c>
      <c r="K6195" s="2">
        <v>0</v>
      </c>
      <c r="L6195" t="s">
        <v>82</v>
      </c>
      <c r="M6195" t="s">
        <v>87</v>
      </c>
      <c r="N6195" t="s">
        <v>88</v>
      </c>
      <c r="O6195" t="s">
        <v>85</v>
      </c>
      <c r="P6195" t="s">
        <v>86</v>
      </c>
      <c r="Q6195">
        <v>41</v>
      </c>
      <c r="R6195">
        <v>41</v>
      </c>
      <c r="S6195">
        <v>42</v>
      </c>
      <c r="T6195">
        <v>42</v>
      </c>
      <c r="U6195">
        <v>42</v>
      </c>
      <c r="V6195">
        <v>43</v>
      </c>
      <c r="W6195">
        <v>43</v>
      </c>
      <c r="X6195">
        <v>43</v>
      </c>
      <c r="Y6195">
        <v>44</v>
      </c>
      <c r="Z6195">
        <v>44</v>
      </c>
      <c r="AA6195">
        <v>45</v>
      </c>
      <c r="AB6195">
        <v>45</v>
      </c>
      <c r="AC6195">
        <v>45</v>
      </c>
      <c r="AD6195">
        <v>46</v>
      </c>
      <c r="AE6195">
        <v>46</v>
      </c>
      <c r="AF6195">
        <v>46</v>
      </c>
      <c r="AG6195">
        <v>47</v>
      </c>
      <c r="AH6195">
        <v>47</v>
      </c>
      <c r="AI6195">
        <v>47</v>
      </c>
      <c r="AJ6195">
        <v>47</v>
      </c>
      <c r="AK6195">
        <v>48</v>
      </c>
      <c r="AL6195">
        <v>48</v>
      </c>
      <c r="AM6195">
        <v>48</v>
      </c>
      <c r="AN6195">
        <v>49</v>
      </c>
      <c r="AO6195">
        <v>49</v>
      </c>
      <c r="AP6195">
        <v>49</v>
      </c>
      <c r="AQ6195">
        <v>49</v>
      </c>
    </row>
    <row r="6196" spans="1:43">
      <c r="A6196" t="s">
        <v>3888</v>
      </c>
      <c r="B6196" t="s">
        <v>3889</v>
      </c>
      <c r="C6196" t="s">
        <v>3878</v>
      </c>
      <c r="D6196" t="s">
        <v>3879</v>
      </c>
      <c r="E6196" t="s">
        <v>3660</v>
      </c>
      <c r="F6196" t="s">
        <v>3661</v>
      </c>
      <c r="G6196" t="s">
        <v>80</v>
      </c>
      <c r="H6196" t="s">
        <v>81</v>
      </c>
      <c r="I6196" s="2">
        <v>0</v>
      </c>
      <c r="J6196" s="2">
        <v>1</v>
      </c>
      <c r="K6196" s="2">
        <v>0</v>
      </c>
      <c r="L6196" t="s">
        <v>82</v>
      </c>
      <c r="M6196" t="s">
        <v>89</v>
      </c>
      <c r="N6196" t="s">
        <v>90</v>
      </c>
      <c r="O6196" t="s">
        <v>85</v>
      </c>
      <c r="P6196" t="s">
        <v>86</v>
      </c>
      <c r="Q6196">
        <v>41</v>
      </c>
      <c r="R6196">
        <v>42</v>
      </c>
      <c r="S6196">
        <v>43</v>
      </c>
      <c r="T6196">
        <v>44</v>
      </c>
      <c r="U6196">
        <v>45</v>
      </c>
      <c r="V6196">
        <v>46</v>
      </c>
      <c r="W6196">
        <v>47</v>
      </c>
      <c r="X6196">
        <v>48</v>
      </c>
      <c r="Y6196">
        <v>49</v>
      </c>
      <c r="Z6196">
        <v>50</v>
      </c>
      <c r="AA6196">
        <v>51</v>
      </c>
      <c r="AB6196">
        <v>52</v>
      </c>
      <c r="AC6196">
        <v>53</v>
      </c>
      <c r="AD6196">
        <v>54</v>
      </c>
      <c r="AE6196">
        <v>55</v>
      </c>
      <c r="AF6196">
        <v>55</v>
      </c>
      <c r="AG6196">
        <v>55</v>
      </c>
      <c r="AH6196">
        <v>55</v>
      </c>
      <c r="AI6196">
        <v>55</v>
      </c>
      <c r="AJ6196">
        <v>56</v>
      </c>
      <c r="AK6196">
        <v>56</v>
      </c>
      <c r="AL6196">
        <v>56</v>
      </c>
      <c r="AM6196">
        <v>56</v>
      </c>
      <c r="AN6196">
        <v>56</v>
      </c>
      <c r="AO6196">
        <v>56</v>
      </c>
      <c r="AP6196">
        <v>56</v>
      </c>
      <c r="AQ6196">
        <v>57</v>
      </c>
    </row>
    <row r="6197" spans="1:43">
      <c r="A6197" t="s">
        <v>3888</v>
      </c>
      <c r="B6197" t="s">
        <v>3889</v>
      </c>
      <c r="C6197" t="s">
        <v>3878</v>
      </c>
      <c r="D6197" t="s">
        <v>3879</v>
      </c>
      <c r="E6197" t="s">
        <v>3660</v>
      </c>
      <c r="F6197" t="s">
        <v>3661</v>
      </c>
      <c r="G6197" t="s">
        <v>80</v>
      </c>
      <c r="H6197" t="s">
        <v>81</v>
      </c>
      <c r="I6197" s="2">
        <v>0</v>
      </c>
      <c r="J6197" s="2">
        <v>1</v>
      </c>
      <c r="K6197" s="2">
        <v>0</v>
      </c>
      <c r="L6197" t="s">
        <v>82</v>
      </c>
      <c r="M6197" t="s">
        <v>83</v>
      </c>
      <c r="N6197" t="s">
        <v>91</v>
      </c>
      <c r="O6197" t="s">
        <v>85</v>
      </c>
      <c r="P6197" t="s">
        <v>86</v>
      </c>
      <c r="Q6197">
        <v>41</v>
      </c>
      <c r="R6197">
        <v>42</v>
      </c>
      <c r="S6197">
        <v>43</v>
      </c>
      <c r="T6197">
        <v>44</v>
      </c>
      <c r="U6197">
        <v>44</v>
      </c>
      <c r="V6197">
        <v>45</v>
      </c>
      <c r="W6197">
        <v>46</v>
      </c>
      <c r="X6197">
        <v>47</v>
      </c>
      <c r="Y6197">
        <v>47</v>
      </c>
      <c r="Z6197">
        <v>48</v>
      </c>
      <c r="AA6197">
        <v>49</v>
      </c>
      <c r="AB6197">
        <v>50</v>
      </c>
      <c r="AC6197">
        <v>50</v>
      </c>
      <c r="AD6197">
        <v>51</v>
      </c>
      <c r="AE6197">
        <v>52</v>
      </c>
      <c r="AF6197">
        <v>53</v>
      </c>
      <c r="AG6197">
        <v>53</v>
      </c>
      <c r="AH6197">
        <v>54</v>
      </c>
      <c r="AI6197">
        <v>55</v>
      </c>
      <c r="AJ6197">
        <v>55</v>
      </c>
      <c r="AK6197">
        <v>56</v>
      </c>
      <c r="AL6197">
        <v>56</v>
      </c>
      <c r="AM6197">
        <v>57</v>
      </c>
      <c r="AN6197">
        <v>57</v>
      </c>
      <c r="AO6197">
        <v>57</v>
      </c>
      <c r="AP6197">
        <v>57</v>
      </c>
      <c r="AQ6197">
        <v>57</v>
      </c>
    </row>
    <row r="6198" spans="1:43">
      <c r="A6198" t="s">
        <v>3890</v>
      </c>
      <c r="B6198" t="s">
        <v>3891</v>
      </c>
      <c r="C6198" t="s">
        <v>3798</v>
      </c>
      <c r="D6198" t="s">
        <v>3799</v>
      </c>
      <c r="E6198" t="s">
        <v>3660</v>
      </c>
      <c r="F6198" t="s">
        <v>3661</v>
      </c>
      <c r="G6198" t="s">
        <v>80</v>
      </c>
      <c r="H6198" t="s">
        <v>81</v>
      </c>
      <c r="I6198" s="2">
        <v>0</v>
      </c>
      <c r="J6198" s="2">
        <v>1</v>
      </c>
      <c r="K6198" s="2">
        <v>0</v>
      </c>
      <c r="L6198" t="s">
        <v>82</v>
      </c>
      <c r="M6198" t="s">
        <v>83</v>
      </c>
      <c r="N6198" t="s">
        <v>84</v>
      </c>
      <c r="O6198" t="s">
        <v>85</v>
      </c>
      <c r="P6198" t="s">
        <v>86</v>
      </c>
      <c r="Q6198">
        <v>14</v>
      </c>
      <c r="R6198">
        <v>14</v>
      </c>
      <c r="S6198">
        <v>15</v>
      </c>
      <c r="T6198">
        <v>15</v>
      </c>
      <c r="U6198">
        <v>15</v>
      </c>
      <c r="V6198">
        <v>15</v>
      </c>
      <c r="W6198">
        <v>16</v>
      </c>
      <c r="X6198">
        <v>16</v>
      </c>
      <c r="Y6198">
        <v>16</v>
      </c>
      <c r="Z6198">
        <v>16</v>
      </c>
      <c r="AA6198">
        <v>17</v>
      </c>
      <c r="AB6198">
        <v>17</v>
      </c>
      <c r="AC6198">
        <v>17</v>
      </c>
      <c r="AD6198">
        <v>17</v>
      </c>
      <c r="AE6198">
        <v>18</v>
      </c>
      <c r="AF6198">
        <v>18</v>
      </c>
      <c r="AG6198">
        <v>18</v>
      </c>
      <c r="AH6198">
        <v>18</v>
      </c>
      <c r="AI6198">
        <v>19</v>
      </c>
      <c r="AJ6198">
        <v>19</v>
      </c>
      <c r="AK6198">
        <v>19</v>
      </c>
      <c r="AL6198">
        <v>19</v>
      </c>
      <c r="AM6198">
        <v>19</v>
      </c>
      <c r="AN6198">
        <v>19</v>
      </c>
      <c r="AO6198">
        <v>19</v>
      </c>
      <c r="AP6198">
        <v>19</v>
      </c>
      <c r="AQ6198">
        <v>19</v>
      </c>
    </row>
    <row r="6199" spans="1:43">
      <c r="A6199" t="s">
        <v>3890</v>
      </c>
      <c r="B6199" t="s">
        <v>3891</v>
      </c>
      <c r="C6199" t="s">
        <v>3798</v>
      </c>
      <c r="D6199" t="s">
        <v>3799</v>
      </c>
      <c r="E6199" t="s">
        <v>3660</v>
      </c>
      <c r="F6199" t="s">
        <v>3661</v>
      </c>
      <c r="G6199" t="s">
        <v>80</v>
      </c>
      <c r="H6199" t="s">
        <v>81</v>
      </c>
      <c r="I6199" s="2">
        <v>0</v>
      </c>
      <c r="J6199" s="2">
        <v>1</v>
      </c>
      <c r="K6199" s="2">
        <v>0</v>
      </c>
      <c r="L6199" t="s">
        <v>82</v>
      </c>
      <c r="M6199" t="s">
        <v>87</v>
      </c>
      <c r="N6199" t="s">
        <v>88</v>
      </c>
      <c r="O6199" t="s">
        <v>85</v>
      </c>
      <c r="P6199" t="s">
        <v>86</v>
      </c>
      <c r="Q6199">
        <v>14</v>
      </c>
      <c r="R6199">
        <v>14</v>
      </c>
      <c r="S6199">
        <v>14</v>
      </c>
      <c r="T6199">
        <v>14</v>
      </c>
      <c r="U6199">
        <v>14</v>
      </c>
      <c r="V6199">
        <v>15</v>
      </c>
      <c r="W6199">
        <v>15</v>
      </c>
      <c r="X6199">
        <v>15</v>
      </c>
      <c r="Y6199">
        <v>15</v>
      </c>
      <c r="Z6199">
        <v>15</v>
      </c>
      <c r="AA6199">
        <v>15</v>
      </c>
      <c r="AB6199">
        <v>15</v>
      </c>
      <c r="AC6199">
        <v>15</v>
      </c>
      <c r="AD6199">
        <v>15</v>
      </c>
      <c r="AE6199">
        <v>16</v>
      </c>
      <c r="AF6199">
        <v>16</v>
      </c>
      <c r="AG6199">
        <v>16</v>
      </c>
      <c r="AH6199">
        <v>16</v>
      </c>
      <c r="AI6199">
        <v>16</v>
      </c>
      <c r="AJ6199">
        <v>16</v>
      </c>
      <c r="AK6199">
        <v>16</v>
      </c>
      <c r="AL6199">
        <v>16</v>
      </c>
      <c r="AM6199">
        <v>16</v>
      </c>
      <c r="AN6199">
        <v>16</v>
      </c>
      <c r="AO6199">
        <v>17</v>
      </c>
      <c r="AP6199">
        <v>17</v>
      </c>
      <c r="AQ6199">
        <v>17</v>
      </c>
    </row>
    <row r="6200" spans="1:43">
      <c r="A6200" t="s">
        <v>3890</v>
      </c>
      <c r="B6200" t="s">
        <v>3891</v>
      </c>
      <c r="C6200" t="s">
        <v>3798</v>
      </c>
      <c r="D6200" t="s">
        <v>3799</v>
      </c>
      <c r="E6200" t="s">
        <v>3660</v>
      </c>
      <c r="F6200" t="s">
        <v>3661</v>
      </c>
      <c r="G6200" t="s">
        <v>80</v>
      </c>
      <c r="H6200" t="s">
        <v>81</v>
      </c>
      <c r="I6200" s="2">
        <v>0</v>
      </c>
      <c r="J6200" s="2">
        <v>1</v>
      </c>
      <c r="K6200" s="2">
        <v>0</v>
      </c>
      <c r="L6200" t="s">
        <v>82</v>
      </c>
      <c r="M6200" t="s">
        <v>89</v>
      </c>
      <c r="N6200" t="s">
        <v>90</v>
      </c>
      <c r="O6200" t="s">
        <v>85</v>
      </c>
      <c r="P6200" t="s">
        <v>86</v>
      </c>
      <c r="Q6200">
        <v>14</v>
      </c>
      <c r="R6200">
        <v>15</v>
      </c>
      <c r="S6200">
        <v>15</v>
      </c>
      <c r="T6200">
        <v>15</v>
      </c>
      <c r="U6200">
        <v>16</v>
      </c>
      <c r="V6200">
        <v>16</v>
      </c>
      <c r="W6200">
        <v>16</v>
      </c>
      <c r="X6200">
        <v>17</v>
      </c>
      <c r="Y6200">
        <v>17</v>
      </c>
      <c r="Z6200">
        <v>17</v>
      </c>
      <c r="AA6200">
        <v>18</v>
      </c>
      <c r="AB6200">
        <v>18</v>
      </c>
      <c r="AC6200">
        <v>18</v>
      </c>
      <c r="AD6200">
        <v>19</v>
      </c>
      <c r="AE6200">
        <v>19</v>
      </c>
      <c r="AF6200">
        <v>19</v>
      </c>
      <c r="AG6200">
        <v>19</v>
      </c>
      <c r="AH6200">
        <v>19</v>
      </c>
      <c r="AI6200">
        <v>19</v>
      </c>
      <c r="AJ6200">
        <v>19</v>
      </c>
      <c r="AK6200">
        <v>19</v>
      </c>
      <c r="AL6200">
        <v>19</v>
      </c>
      <c r="AM6200">
        <v>19</v>
      </c>
      <c r="AN6200">
        <v>19</v>
      </c>
      <c r="AO6200">
        <v>19</v>
      </c>
      <c r="AP6200">
        <v>19</v>
      </c>
      <c r="AQ6200">
        <v>20</v>
      </c>
    </row>
    <row r="6201" spans="1:43">
      <c r="A6201" t="s">
        <v>3890</v>
      </c>
      <c r="B6201" t="s">
        <v>3891</v>
      </c>
      <c r="C6201" t="s">
        <v>3798</v>
      </c>
      <c r="D6201" t="s">
        <v>3799</v>
      </c>
      <c r="E6201" t="s">
        <v>3660</v>
      </c>
      <c r="F6201" t="s">
        <v>3661</v>
      </c>
      <c r="G6201" t="s">
        <v>80</v>
      </c>
      <c r="H6201" t="s">
        <v>81</v>
      </c>
      <c r="I6201" s="2">
        <v>0</v>
      </c>
      <c r="J6201" s="2">
        <v>1</v>
      </c>
      <c r="K6201" s="2">
        <v>0</v>
      </c>
      <c r="L6201" t="s">
        <v>82</v>
      </c>
      <c r="M6201" t="s">
        <v>83</v>
      </c>
      <c r="N6201" t="s">
        <v>91</v>
      </c>
      <c r="O6201" t="s">
        <v>85</v>
      </c>
      <c r="P6201" t="s">
        <v>86</v>
      </c>
      <c r="Q6201">
        <v>14</v>
      </c>
      <c r="R6201">
        <v>14</v>
      </c>
      <c r="S6201">
        <v>15</v>
      </c>
      <c r="T6201">
        <v>15</v>
      </c>
      <c r="U6201">
        <v>15</v>
      </c>
      <c r="V6201">
        <v>15</v>
      </c>
      <c r="W6201">
        <v>16</v>
      </c>
      <c r="X6201">
        <v>16</v>
      </c>
      <c r="Y6201">
        <v>16</v>
      </c>
      <c r="Z6201">
        <v>16</v>
      </c>
      <c r="AA6201">
        <v>17</v>
      </c>
      <c r="AB6201">
        <v>17</v>
      </c>
      <c r="AC6201">
        <v>17</v>
      </c>
      <c r="AD6201">
        <v>17</v>
      </c>
      <c r="AE6201">
        <v>18</v>
      </c>
      <c r="AF6201">
        <v>18</v>
      </c>
      <c r="AG6201">
        <v>18</v>
      </c>
      <c r="AH6201">
        <v>18</v>
      </c>
      <c r="AI6201">
        <v>19</v>
      </c>
      <c r="AJ6201">
        <v>19</v>
      </c>
      <c r="AK6201">
        <v>19</v>
      </c>
      <c r="AL6201">
        <v>19</v>
      </c>
      <c r="AM6201">
        <v>19</v>
      </c>
      <c r="AN6201">
        <v>19</v>
      </c>
      <c r="AO6201">
        <v>19</v>
      </c>
      <c r="AP6201">
        <v>19</v>
      </c>
      <c r="AQ6201">
        <v>19</v>
      </c>
    </row>
    <row r="6202" spans="1:43">
      <c r="A6202" t="s">
        <v>3892</v>
      </c>
      <c r="B6202" t="s">
        <v>3893</v>
      </c>
      <c r="C6202" t="s">
        <v>3752</v>
      </c>
      <c r="D6202" t="s">
        <v>3753</v>
      </c>
      <c r="E6202" t="s">
        <v>3660</v>
      </c>
      <c r="F6202" t="s">
        <v>3661</v>
      </c>
      <c r="G6202" t="s">
        <v>80</v>
      </c>
      <c r="H6202" t="s">
        <v>81</v>
      </c>
      <c r="I6202" s="2">
        <v>0</v>
      </c>
      <c r="J6202" s="2">
        <v>1</v>
      </c>
      <c r="K6202" s="2">
        <v>0</v>
      </c>
      <c r="L6202" t="s">
        <v>82</v>
      </c>
      <c r="M6202" t="s">
        <v>83</v>
      </c>
      <c r="N6202" t="s">
        <v>84</v>
      </c>
      <c r="O6202" t="s">
        <v>85</v>
      </c>
      <c r="P6202" t="s">
        <v>86</v>
      </c>
      <c r="Q6202">
        <v>27</v>
      </c>
      <c r="R6202">
        <v>28</v>
      </c>
      <c r="S6202">
        <v>28</v>
      </c>
      <c r="T6202">
        <v>29</v>
      </c>
      <c r="U6202">
        <v>30</v>
      </c>
      <c r="V6202">
        <v>30</v>
      </c>
      <c r="W6202">
        <v>31</v>
      </c>
      <c r="X6202">
        <v>31</v>
      </c>
      <c r="Y6202">
        <v>32</v>
      </c>
      <c r="Z6202">
        <v>32</v>
      </c>
      <c r="AA6202">
        <v>33</v>
      </c>
      <c r="AB6202">
        <v>33</v>
      </c>
      <c r="AC6202">
        <v>34</v>
      </c>
      <c r="AD6202">
        <v>34</v>
      </c>
      <c r="AE6202">
        <v>35</v>
      </c>
      <c r="AF6202">
        <v>35</v>
      </c>
      <c r="AG6202">
        <v>36</v>
      </c>
      <c r="AH6202">
        <v>36</v>
      </c>
      <c r="AI6202">
        <v>36</v>
      </c>
      <c r="AJ6202">
        <v>37</v>
      </c>
      <c r="AK6202">
        <v>37</v>
      </c>
      <c r="AL6202">
        <v>38</v>
      </c>
      <c r="AM6202">
        <v>38</v>
      </c>
      <c r="AN6202">
        <v>38</v>
      </c>
      <c r="AO6202">
        <v>38</v>
      </c>
      <c r="AP6202">
        <v>38</v>
      </c>
      <c r="AQ6202">
        <v>38</v>
      </c>
    </row>
    <row r="6203" spans="1:43">
      <c r="A6203" t="s">
        <v>3892</v>
      </c>
      <c r="B6203" t="s">
        <v>3893</v>
      </c>
      <c r="C6203" t="s">
        <v>3752</v>
      </c>
      <c r="D6203" t="s">
        <v>3753</v>
      </c>
      <c r="E6203" t="s">
        <v>3660</v>
      </c>
      <c r="F6203" t="s">
        <v>3661</v>
      </c>
      <c r="G6203" t="s">
        <v>80</v>
      </c>
      <c r="H6203" t="s">
        <v>81</v>
      </c>
      <c r="I6203" s="2">
        <v>0</v>
      </c>
      <c r="J6203" s="2">
        <v>1</v>
      </c>
      <c r="K6203" s="2">
        <v>0</v>
      </c>
      <c r="L6203" t="s">
        <v>82</v>
      </c>
      <c r="M6203" t="s">
        <v>87</v>
      </c>
      <c r="N6203" t="s">
        <v>88</v>
      </c>
      <c r="O6203" t="s">
        <v>85</v>
      </c>
      <c r="P6203" t="s">
        <v>86</v>
      </c>
      <c r="Q6203">
        <v>27</v>
      </c>
      <c r="R6203">
        <v>27</v>
      </c>
      <c r="S6203">
        <v>28</v>
      </c>
      <c r="T6203">
        <v>28</v>
      </c>
      <c r="U6203">
        <v>28</v>
      </c>
      <c r="V6203">
        <v>28</v>
      </c>
      <c r="W6203">
        <v>29</v>
      </c>
      <c r="X6203">
        <v>29</v>
      </c>
      <c r="Y6203">
        <v>29</v>
      </c>
      <c r="Z6203">
        <v>29</v>
      </c>
      <c r="AA6203">
        <v>30</v>
      </c>
      <c r="AB6203">
        <v>30</v>
      </c>
      <c r="AC6203">
        <v>30</v>
      </c>
      <c r="AD6203">
        <v>30</v>
      </c>
      <c r="AE6203">
        <v>31</v>
      </c>
      <c r="AF6203">
        <v>31</v>
      </c>
      <c r="AG6203">
        <v>31</v>
      </c>
      <c r="AH6203">
        <v>31</v>
      </c>
      <c r="AI6203">
        <v>31</v>
      </c>
      <c r="AJ6203">
        <v>32</v>
      </c>
      <c r="AK6203">
        <v>32</v>
      </c>
      <c r="AL6203">
        <v>32</v>
      </c>
      <c r="AM6203">
        <v>32</v>
      </c>
      <c r="AN6203">
        <v>32</v>
      </c>
      <c r="AO6203">
        <v>33</v>
      </c>
      <c r="AP6203">
        <v>33</v>
      </c>
      <c r="AQ6203">
        <v>33</v>
      </c>
    </row>
    <row r="6204" spans="1:43">
      <c r="A6204" t="s">
        <v>3892</v>
      </c>
      <c r="B6204" t="s">
        <v>3893</v>
      </c>
      <c r="C6204" t="s">
        <v>3752</v>
      </c>
      <c r="D6204" t="s">
        <v>3753</v>
      </c>
      <c r="E6204" t="s">
        <v>3660</v>
      </c>
      <c r="F6204" t="s">
        <v>3661</v>
      </c>
      <c r="G6204" t="s">
        <v>80</v>
      </c>
      <c r="H6204" t="s">
        <v>81</v>
      </c>
      <c r="I6204" s="2">
        <v>0</v>
      </c>
      <c r="J6204" s="2">
        <v>1</v>
      </c>
      <c r="K6204" s="2">
        <v>0</v>
      </c>
      <c r="L6204" t="s">
        <v>82</v>
      </c>
      <c r="M6204" t="s">
        <v>89</v>
      </c>
      <c r="N6204" t="s">
        <v>90</v>
      </c>
      <c r="O6204" t="s">
        <v>85</v>
      </c>
      <c r="P6204" t="s">
        <v>86</v>
      </c>
      <c r="Q6204">
        <v>27</v>
      </c>
      <c r="R6204">
        <v>27</v>
      </c>
      <c r="S6204">
        <v>28</v>
      </c>
      <c r="T6204">
        <v>29</v>
      </c>
      <c r="U6204">
        <v>30</v>
      </c>
      <c r="V6204">
        <v>30</v>
      </c>
      <c r="W6204">
        <v>31</v>
      </c>
      <c r="X6204">
        <v>32</v>
      </c>
      <c r="Y6204">
        <v>32</v>
      </c>
      <c r="Z6204">
        <v>33</v>
      </c>
      <c r="AA6204">
        <v>34</v>
      </c>
      <c r="AB6204">
        <v>34</v>
      </c>
      <c r="AC6204">
        <v>35</v>
      </c>
      <c r="AD6204">
        <v>36</v>
      </c>
      <c r="AE6204">
        <v>36</v>
      </c>
      <c r="AF6204">
        <v>36</v>
      </c>
      <c r="AG6204">
        <v>36</v>
      </c>
      <c r="AH6204">
        <v>36</v>
      </c>
      <c r="AI6204">
        <v>37</v>
      </c>
      <c r="AJ6204">
        <v>37</v>
      </c>
      <c r="AK6204">
        <v>37</v>
      </c>
      <c r="AL6204">
        <v>37</v>
      </c>
      <c r="AM6204">
        <v>37</v>
      </c>
      <c r="AN6204">
        <v>37</v>
      </c>
      <c r="AO6204">
        <v>37</v>
      </c>
      <c r="AP6204">
        <v>37</v>
      </c>
      <c r="AQ6204">
        <v>37</v>
      </c>
    </row>
    <row r="6205" spans="1:43">
      <c r="A6205" t="s">
        <v>3892</v>
      </c>
      <c r="B6205" t="s">
        <v>3893</v>
      </c>
      <c r="C6205" t="s">
        <v>3752</v>
      </c>
      <c r="D6205" t="s">
        <v>3753</v>
      </c>
      <c r="E6205" t="s">
        <v>3660</v>
      </c>
      <c r="F6205" t="s">
        <v>3661</v>
      </c>
      <c r="G6205" t="s">
        <v>80</v>
      </c>
      <c r="H6205" t="s">
        <v>81</v>
      </c>
      <c r="I6205" s="2">
        <v>0</v>
      </c>
      <c r="J6205" s="2">
        <v>1</v>
      </c>
      <c r="K6205" s="2">
        <v>0</v>
      </c>
      <c r="L6205" t="s">
        <v>82</v>
      </c>
      <c r="M6205" t="s">
        <v>83</v>
      </c>
      <c r="N6205" t="s">
        <v>91</v>
      </c>
      <c r="O6205" t="s">
        <v>85</v>
      </c>
      <c r="P6205" t="s">
        <v>86</v>
      </c>
      <c r="Q6205">
        <v>27</v>
      </c>
      <c r="R6205">
        <v>28</v>
      </c>
      <c r="S6205">
        <v>28</v>
      </c>
      <c r="T6205">
        <v>29</v>
      </c>
      <c r="U6205">
        <v>30</v>
      </c>
      <c r="V6205">
        <v>30</v>
      </c>
      <c r="W6205">
        <v>31</v>
      </c>
      <c r="X6205">
        <v>31</v>
      </c>
      <c r="Y6205">
        <v>32</v>
      </c>
      <c r="Z6205">
        <v>32</v>
      </c>
      <c r="AA6205">
        <v>33</v>
      </c>
      <c r="AB6205">
        <v>33</v>
      </c>
      <c r="AC6205">
        <v>34</v>
      </c>
      <c r="AD6205">
        <v>34</v>
      </c>
      <c r="AE6205">
        <v>35</v>
      </c>
      <c r="AF6205">
        <v>35</v>
      </c>
      <c r="AG6205">
        <v>36</v>
      </c>
      <c r="AH6205">
        <v>36</v>
      </c>
      <c r="AI6205">
        <v>36</v>
      </c>
      <c r="AJ6205">
        <v>37</v>
      </c>
      <c r="AK6205">
        <v>37</v>
      </c>
      <c r="AL6205">
        <v>38</v>
      </c>
      <c r="AM6205">
        <v>38</v>
      </c>
      <c r="AN6205">
        <v>38</v>
      </c>
      <c r="AO6205">
        <v>38</v>
      </c>
      <c r="AP6205">
        <v>38</v>
      </c>
      <c r="AQ6205">
        <v>38</v>
      </c>
    </row>
    <row r="6206" spans="1:43">
      <c r="A6206" t="s">
        <v>3894</v>
      </c>
      <c r="B6206" t="s">
        <v>3895</v>
      </c>
      <c r="C6206" t="s">
        <v>3752</v>
      </c>
      <c r="D6206" t="s">
        <v>3753</v>
      </c>
      <c r="E6206" t="s">
        <v>3660</v>
      </c>
      <c r="F6206" t="s">
        <v>3661</v>
      </c>
      <c r="G6206" t="s">
        <v>80</v>
      </c>
      <c r="H6206" t="s">
        <v>81</v>
      </c>
      <c r="I6206" s="2">
        <v>0</v>
      </c>
      <c r="J6206" s="2">
        <v>1</v>
      </c>
      <c r="K6206" s="2">
        <v>0</v>
      </c>
      <c r="L6206" t="s">
        <v>82</v>
      </c>
      <c r="M6206" t="s">
        <v>83</v>
      </c>
      <c r="N6206" t="s">
        <v>84</v>
      </c>
      <c r="O6206" t="s">
        <v>85</v>
      </c>
      <c r="P6206" t="s">
        <v>86</v>
      </c>
      <c r="Q6206">
        <v>24</v>
      </c>
      <c r="R6206">
        <v>24</v>
      </c>
      <c r="S6206">
        <v>25</v>
      </c>
      <c r="T6206">
        <v>25</v>
      </c>
      <c r="U6206">
        <v>26</v>
      </c>
      <c r="V6206">
        <v>26</v>
      </c>
      <c r="W6206">
        <v>27</v>
      </c>
      <c r="X6206">
        <v>27</v>
      </c>
      <c r="Y6206">
        <v>28</v>
      </c>
      <c r="Z6206">
        <v>28</v>
      </c>
      <c r="AA6206">
        <v>28</v>
      </c>
      <c r="AB6206">
        <v>29</v>
      </c>
      <c r="AC6206">
        <v>29</v>
      </c>
      <c r="AD6206">
        <v>30</v>
      </c>
      <c r="AE6206">
        <v>30</v>
      </c>
      <c r="AF6206">
        <v>31</v>
      </c>
      <c r="AG6206">
        <v>31</v>
      </c>
      <c r="AH6206">
        <v>31</v>
      </c>
      <c r="AI6206">
        <v>32</v>
      </c>
      <c r="AJ6206">
        <v>32</v>
      </c>
      <c r="AK6206">
        <v>33</v>
      </c>
      <c r="AL6206">
        <v>33</v>
      </c>
      <c r="AM6206">
        <v>33</v>
      </c>
      <c r="AN6206">
        <v>33</v>
      </c>
      <c r="AO6206">
        <v>33</v>
      </c>
      <c r="AP6206">
        <v>33</v>
      </c>
      <c r="AQ6206">
        <v>33</v>
      </c>
    </row>
    <row r="6207" spans="1:43">
      <c r="A6207" t="s">
        <v>3894</v>
      </c>
      <c r="B6207" t="s">
        <v>3895</v>
      </c>
      <c r="C6207" t="s">
        <v>3752</v>
      </c>
      <c r="D6207" t="s">
        <v>3753</v>
      </c>
      <c r="E6207" t="s">
        <v>3660</v>
      </c>
      <c r="F6207" t="s">
        <v>3661</v>
      </c>
      <c r="G6207" t="s">
        <v>80</v>
      </c>
      <c r="H6207" t="s">
        <v>81</v>
      </c>
      <c r="I6207" s="2">
        <v>0</v>
      </c>
      <c r="J6207" s="2">
        <v>1</v>
      </c>
      <c r="K6207" s="2">
        <v>0</v>
      </c>
      <c r="L6207" t="s">
        <v>82</v>
      </c>
      <c r="M6207" t="s">
        <v>87</v>
      </c>
      <c r="N6207" t="s">
        <v>88</v>
      </c>
      <c r="O6207" t="s">
        <v>85</v>
      </c>
      <c r="P6207" t="s">
        <v>86</v>
      </c>
      <c r="Q6207">
        <v>24</v>
      </c>
      <c r="R6207">
        <v>24</v>
      </c>
      <c r="S6207">
        <v>24</v>
      </c>
      <c r="T6207">
        <v>24</v>
      </c>
      <c r="U6207">
        <v>25</v>
      </c>
      <c r="V6207">
        <v>25</v>
      </c>
      <c r="W6207">
        <v>25</v>
      </c>
      <c r="X6207">
        <v>25</v>
      </c>
      <c r="Y6207">
        <v>26</v>
      </c>
      <c r="Z6207">
        <v>26</v>
      </c>
      <c r="AA6207">
        <v>26</v>
      </c>
      <c r="AB6207">
        <v>26</v>
      </c>
      <c r="AC6207">
        <v>26</v>
      </c>
      <c r="AD6207">
        <v>27</v>
      </c>
      <c r="AE6207">
        <v>27</v>
      </c>
      <c r="AF6207">
        <v>27</v>
      </c>
      <c r="AG6207">
        <v>27</v>
      </c>
      <c r="AH6207">
        <v>27</v>
      </c>
      <c r="AI6207">
        <v>27</v>
      </c>
      <c r="AJ6207">
        <v>28</v>
      </c>
      <c r="AK6207">
        <v>28</v>
      </c>
      <c r="AL6207">
        <v>28</v>
      </c>
      <c r="AM6207">
        <v>28</v>
      </c>
      <c r="AN6207">
        <v>28</v>
      </c>
      <c r="AO6207">
        <v>28</v>
      </c>
      <c r="AP6207">
        <v>29</v>
      </c>
      <c r="AQ6207">
        <v>29</v>
      </c>
    </row>
    <row r="6208" spans="1:43">
      <c r="A6208" t="s">
        <v>3894</v>
      </c>
      <c r="B6208" t="s">
        <v>3895</v>
      </c>
      <c r="C6208" t="s">
        <v>3752</v>
      </c>
      <c r="D6208" t="s">
        <v>3753</v>
      </c>
      <c r="E6208" t="s">
        <v>3660</v>
      </c>
      <c r="F6208" t="s">
        <v>3661</v>
      </c>
      <c r="G6208" t="s">
        <v>80</v>
      </c>
      <c r="H6208" t="s">
        <v>81</v>
      </c>
      <c r="I6208" s="2">
        <v>0</v>
      </c>
      <c r="J6208" s="2">
        <v>1</v>
      </c>
      <c r="K6208" s="2">
        <v>0</v>
      </c>
      <c r="L6208" t="s">
        <v>82</v>
      </c>
      <c r="M6208" t="s">
        <v>89</v>
      </c>
      <c r="N6208" t="s">
        <v>90</v>
      </c>
      <c r="O6208" t="s">
        <v>85</v>
      </c>
      <c r="P6208" t="s">
        <v>86</v>
      </c>
      <c r="Q6208">
        <v>24</v>
      </c>
      <c r="R6208">
        <v>25</v>
      </c>
      <c r="S6208">
        <v>26</v>
      </c>
      <c r="T6208">
        <v>26</v>
      </c>
      <c r="U6208">
        <v>27</v>
      </c>
      <c r="V6208">
        <v>27</v>
      </c>
      <c r="W6208">
        <v>28</v>
      </c>
      <c r="X6208">
        <v>29</v>
      </c>
      <c r="Y6208">
        <v>29</v>
      </c>
      <c r="Z6208">
        <v>30</v>
      </c>
      <c r="AA6208">
        <v>30</v>
      </c>
      <c r="AB6208">
        <v>31</v>
      </c>
      <c r="AC6208">
        <v>32</v>
      </c>
      <c r="AD6208">
        <v>32</v>
      </c>
      <c r="AE6208">
        <v>32</v>
      </c>
      <c r="AF6208">
        <v>33</v>
      </c>
      <c r="AG6208">
        <v>33</v>
      </c>
      <c r="AH6208">
        <v>33</v>
      </c>
      <c r="AI6208">
        <v>33</v>
      </c>
      <c r="AJ6208">
        <v>33</v>
      </c>
      <c r="AK6208">
        <v>33</v>
      </c>
      <c r="AL6208">
        <v>33</v>
      </c>
      <c r="AM6208">
        <v>33</v>
      </c>
      <c r="AN6208">
        <v>33</v>
      </c>
      <c r="AO6208">
        <v>33</v>
      </c>
      <c r="AP6208">
        <v>33</v>
      </c>
      <c r="AQ6208">
        <v>33</v>
      </c>
    </row>
    <row r="6209" spans="1:43">
      <c r="A6209" t="s">
        <v>3894</v>
      </c>
      <c r="B6209" t="s">
        <v>3895</v>
      </c>
      <c r="C6209" t="s">
        <v>3752</v>
      </c>
      <c r="D6209" t="s">
        <v>3753</v>
      </c>
      <c r="E6209" t="s">
        <v>3660</v>
      </c>
      <c r="F6209" t="s">
        <v>3661</v>
      </c>
      <c r="G6209" t="s">
        <v>80</v>
      </c>
      <c r="H6209" t="s">
        <v>81</v>
      </c>
      <c r="I6209" s="2">
        <v>0</v>
      </c>
      <c r="J6209" s="2">
        <v>1</v>
      </c>
      <c r="K6209" s="2">
        <v>0</v>
      </c>
      <c r="L6209" t="s">
        <v>82</v>
      </c>
      <c r="M6209" t="s">
        <v>83</v>
      </c>
      <c r="N6209" t="s">
        <v>91</v>
      </c>
      <c r="O6209" t="s">
        <v>85</v>
      </c>
      <c r="P6209" t="s">
        <v>86</v>
      </c>
      <c r="Q6209">
        <v>24</v>
      </c>
      <c r="R6209">
        <v>24</v>
      </c>
      <c r="S6209">
        <v>25</v>
      </c>
      <c r="T6209">
        <v>25</v>
      </c>
      <c r="U6209">
        <v>26</v>
      </c>
      <c r="V6209">
        <v>26</v>
      </c>
      <c r="W6209">
        <v>27</v>
      </c>
      <c r="X6209">
        <v>27</v>
      </c>
      <c r="Y6209">
        <v>28</v>
      </c>
      <c r="Z6209">
        <v>28</v>
      </c>
      <c r="AA6209">
        <v>28</v>
      </c>
      <c r="AB6209">
        <v>29</v>
      </c>
      <c r="AC6209">
        <v>29</v>
      </c>
      <c r="AD6209">
        <v>30</v>
      </c>
      <c r="AE6209">
        <v>30</v>
      </c>
      <c r="AF6209">
        <v>31</v>
      </c>
      <c r="AG6209">
        <v>31</v>
      </c>
      <c r="AH6209">
        <v>31</v>
      </c>
      <c r="AI6209">
        <v>32</v>
      </c>
      <c r="AJ6209">
        <v>32</v>
      </c>
      <c r="AK6209">
        <v>33</v>
      </c>
      <c r="AL6209">
        <v>33</v>
      </c>
      <c r="AM6209">
        <v>33</v>
      </c>
      <c r="AN6209">
        <v>33</v>
      </c>
      <c r="AO6209">
        <v>33</v>
      </c>
      <c r="AP6209">
        <v>33</v>
      </c>
      <c r="AQ6209">
        <v>33</v>
      </c>
    </row>
    <row r="6210" spans="1:43">
      <c r="A6210" t="s">
        <v>3896</v>
      </c>
      <c r="B6210" t="s">
        <v>3897</v>
      </c>
      <c r="C6210" t="s">
        <v>3798</v>
      </c>
      <c r="D6210" t="s">
        <v>3799</v>
      </c>
      <c r="E6210" t="s">
        <v>3660</v>
      </c>
      <c r="F6210" t="s">
        <v>3661</v>
      </c>
      <c r="G6210" t="s">
        <v>80</v>
      </c>
      <c r="H6210" t="s">
        <v>81</v>
      </c>
      <c r="I6210" s="2">
        <v>0</v>
      </c>
      <c r="J6210" s="2">
        <v>1</v>
      </c>
      <c r="K6210" s="2">
        <v>0</v>
      </c>
      <c r="L6210" t="s">
        <v>82</v>
      </c>
      <c r="M6210" t="s">
        <v>83</v>
      </c>
      <c r="N6210" t="s">
        <v>84</v>
      </c>
      <c r="O6210" t="s">
        <v>85</v>
      </c>
      <c r="P6210" t="s">
        <v>86</v>
      </c>
      <c r="Q6210">
        <v>23</v>
      </c>
      <c r="R6210">
        <v>24</v>
      </c>
      <c r="S6210">
        <v>24</v>
      </c>
      <c r="T6210">
        <v>25</v>
      </c>
      <c r="U6210">
        <v>25</v>
      </c>
      <c r="V6210">
        <v>25</v>
      </c>
      <c r="W6210">
        <v>26</v>
      </c>
      <c r="X6210">
        <v>26</v>
      </c>
      <c r="Y6210">
        <v>27</v>
      </c>
      <c r="Z6210">
        <v>27</v>
      </c>
      <c r="AA6210">
        <v>28</v>
      </c>
      <c r="AB6210">
        <v>28</v>
      </c>
      <c r="AC6210">
        <v>28</v>
      </c>
      <c r="AD6210">
        <v>29</v>
      </c>
      <c r="AE6210">
        <v>29</v>
      </c>
      <c r="AF6210">
        <v>30</v>
      </c>
      <c r="AG6210">
        <v>30</v>
      </c>
      <c r="AH6210">
        <v>30</v>
      </c>
      <c r="AI6210">
        <v>31</v>
      </c>
      <c r="AJ6210">
        <v>31</v>
      </c>
      <c r="AK6210">
        <v>32</v>
      </c>
      <c r="AL6210">
        <v>32</v>
      </c>
      <c r="AM6210">
        <v>32</v>
      </c>
      <c r="AN6210">
        <v>32</v>
      </c>
      <c r="AO6210">
        <v>32</v>
      </c>
      <c r="AP6210">
        <v>32</v>
      </c>
      <c r="AQ6210">
        <v>32</v>
      </c>
    </row>
    <row r="6211" spans="1:43">
      <c r="A6211" t="s">
        <v>3896</v>
      </c>
      <c r="B6211" t="s">
        <v>3897</v>
      </c>
      <c r="C6211" t="s">
        <v>3798</v>
      </c>
      <c r="D6211" t="s">
        <v>3799</v>
      </c>
      <c r="E6211" t="s">
        <v>3660</v>
      </c>
      <c r="F6211" t="s">
        <v>3661</v>
      </c>
      <c r="G6211" t="s">
        <v>80</v>
      </c>
      <c r="H6211" t="s">
        <v>81</v>
      </c>
      <c r="I6211" s="2">
        <v>0</v>
      </c>
      <c r="J6211" s="2">
        <v>1</v>
      </c>
      <c r="K6211" s="2">
        <v>0</v>
      </c>
      <c r="L6211" t="s">
        <v>82</v>
      </c>
      <c r="M6211" t="s">
        <v>87</v>
      </c>
      <c r="N6211" t="s">
        <v>88</v>
      </c>
      <c r="O6211" t="s">
        <v>85</v>
      </c>
      <c r="P6211" t="s">
        <v>86</v>
      </c>
      <c r="Q6211">
        <v>23</v>
      </c>
      <c r="R6211">
        <v>23</v>
      </c>
      <c r="S6211">
        <v>23</v>
      </c>
      <c r="T6211">
        <v>24</v>
      </c>
      <c r="U6211">
        <v>24</v>
      </c>
      <c r="V6211">
        <v>24</v>
      </c>
      <c r="W6211">
        <v>24</v>
      </c>
      <c r="X6211">
        <v>25</v>
      </c>
      <c r="Y6211">
        <v>25</v>
      </c>
      <c r="Z6211">
        <v>25</v>
      </c>
      <c r="AA6211">
        <v>25</v>
      </c>
      <c r="AB6211">
        <v>25</v>
      </c>
      <c r="AC6211">
        <v>25</v>
      </c>
      <c r="AD6211">
        <v>26</v>
      </c>
      <c r="AE6211">
        <v>26</v>
      </c>
      <c r="AF6211">
        <v>26</v>
      </c>
      <c r="AG6211">
        <v>26</v>
      </c>
      <c r="AH6211">
        <v>26</v>
      </c>
      <c r="AI6211">
        <v>27</v>
      </c>
      <c r="AJ6211">
        <v>27</v>
      </c>
      <c r="AK6211">
        <v>27</v>
      </c>
      <c r="AL6211">
        <v>27</v>
      </c>
      <c r="AM6211">
        <v>27</v>
      </c>
      <c r="AN6211">
        <v>27</v>
      </c>
      <c r="AO6211">
        <v>28</v>
      </c>
      <c r="AP6211">
        <v>28</v>
      </c>
      <c r="AQ6211">
        <v>28</v>
      </c>
    </row>
    <row r="6212" spans="1:43">
      <c r="A6212" t="s">
        <v>3896</v>
      </c>
      <c r="B6212" t="s">
        <v>3897</v>
      </c>
      <c r="C6212" t="s">
        <v>3798</v>
      </c>
      <c r="D6212" t="s">
        <v>3799</v>
      </c>
      <c r="E6212" t="s">
        <v>3660</v>
      </c>
      <c r="F6212" t="s">
        <v>3661</v>
      </c>
      <c r="G6212" t="s">
        <v>80</v>
      </c>
      <c r="H6212" t="s">
        <v>81</v>
      </c>
      <c r="I6212" s="2">
        <v>0</v>
      </c>
      <c r="J6212" s="2">
        <v>1</v>
      </c>
      <c r="K6212" s="2">
        <v>0</v>
      </c>
      <c r="L6212" t="s">
        <v>82</v>
      </c>
      <c r="M6212" t="s">
        <v>89</v>
      </c>
      <c r="N6212" t="s">
        <v>90</v>
      </c>
      <c r="O6212" t="s">
        <v>85</v>
      </c>
      <c r="P6212" t="s">
        <v>86</v>
      </c>
      <c r="Q6212">
        <v>23</v>
      </c>
      <c r="R6212">
        <v>24</v>
      </c>
      <c r="S6212">
        <v>25</v>
      </c>
      <c r="T6212">
        <v>25</v>
      </c>
      <c r="U6212">
        <v>26</v>
      </c>
      <c r="V6212">
        <v>27</v>
      </c>
      <c r="W6212">
        <v>27</v>
      </c>
      <c r="X6212">
        <v>28</v>
      </c>
      <c r="Y6212">
        <v>28</v>
      </c>
      <c r="Z6212">
        <v>29</v>
      </c>
      <c r="AA6212">
        <v>29</v>
      </c>
      <c r="AB6212">
        <v>30</v>
      </c>
      <c r="AC6212">
        <v>31</v>
      </c>
      <c r="AD6212">
        <v>31</v>
      </c>
      <c r="AE6212">
        <v>31</v>
      </c>
      <c r="AF6212">
        <v>32</v>
      </c>
      <c r="AG6212">
        <v>32</v>
      </c>
      <c r="AH6212">
        <v>32</v>
      </c>
      <c r="AI6212">
        <v>32</v>
      </c>
      <c r="AJ6212">
        <v>32</v>
      </c>
      <c r="AK6212">
        <v>32</v>
      </c>
      <c r="AL6212">
        <v>32</v>
      </c>
      <c r="AM6212">
        <v>32</v>
      </c>
      <c r="AN6212">
        <v>32</v>
      </c>
      <c r="AO6212">
        <v>32</v>
      </c>
      <c r="AP6212">
        <v>32</v>
      </c>
      <c r="AQ6212">
        <v>32</v>
      </c>
    </row>
    <row r="6213" spans="1:43">
      <c r="A6213" t="s">
        <v>3896</v>
      </c>
      <c r="B6213" t="s">
        <v>3897</v>
      </c>
      <c r="C6213" t="s">
        <v>3798</v>
      </c>
      <c r="D6213" t="s">
        <v>3799</v>
      </c>
      <c r="E6213" t="s">
        <v>3660</v>
      </c>
      <c r="F6213" t="s">
        <v>3661</v>
      </c>
      <c r="G6213" t="s">
        <v>80</v>
      </c>
      <c r="H6213" t="s">
        <v>81</v>
      </c>
      <c r="I6213" s="2">
        <v>0</v>
      </c>
      <c r="J6213" s="2">
        <v>1</v>
      </c>
      <c r="K6213" s="2">
        <v>0</v>
      </c>
      <c r="L6213" t="s">
        <v>82</v>
      </c>
      <c r="M6213" t="s">
        <v>83</v>
      </c>
      <c r="N6213" t="s">
        <v>91</v>
      </c>
      <c r="O6213" t="s">
        <v>85</v>
      </c>
      <c r="P6213" t="s">
        <v>86</v>
      </c>
      <c r="Q6213">
        <v>23</v>
      </c>
      <c r="R6213">
        <v>24</v>
      </c>
      <c r="S6213">
        <v>24</v>
      </c>
      <c r="T6213">
        <v>25</v>
      </c>
      <c r="U6213">
        <v>25</v>
      </c>
      <c r="V6213">
        <v>25</v>
      </c>
      <c r="W6213">
        <v>26</v>
      </c>
      <c r="X6213">
        <v>26</v>
      </c>
      <c r="Y6213">
        <v>27</v>
      </c>
      <c r="Z6213">
        <v>27</v>
      </c>
      <c r="AA6213">
        <v>28</v>
      </c>
      <c r="AB6213">
        <v>28</v>
      </c>
      <c r="AC6213">
        <v>28</v>
      </c>
      <c r="AD6213">
        <v>29</v>
      </c>
      <c r="AE6213">
        <v>29</v>
      </c>
      <c r="AF6213">
        <v>30</v>
      </c>
      <c r="AG6213">
        <v>30</v>
      </c>
      <c r="AH6213">
        <v>30</v>
      </c>
      <c r="AI6213">
        <v>31</v>
      </c>
      <c r="AJ6213">
        <v>31</v>
      </c>
      <c r="AK6213">
        <v>32</v>
      </c>
      <c r="AL6213">
        <v>32</v>
      </c>
      <c r="AM6213">
        <v>32</v>
      </c>
      <c r="AN6213">
        <v>32</v>
      </c>
      <c r="AO6213">
        <v>32</v>
      </c>
      <c r="AP6213">
        <v>32</v>
      </c>
      <c r="AQ6213">
        <v>32</v>
      </c>
    </row>
    <row r="6214" spans="1:43">
      <c r="A6214" t="s">
        <v>3898</v>
      </c>
      <c r="B6214" t="s">
        <v>3899</v>
      </c>
      <c r="C6214" t="s">
        <v>3798</v>
      </c>
      <c r="D6214" t="s">
        <v>3799</v>
      </c>
      <c r="E6214" t="s">
        <v>3660</v>
      </c>
      <c r="F6214" t="s">
        <v>3661</v>
      </c>
      <c r="G6214" t="s">
        <v>80</v>
      </c>
      <c r="H6214" t="s">
        <v>81</v>
      </c>
      <c r="I6214" s="2">
        <v>0</v>
      </c>
      <c r="J6214" s="2">
        <v>1</v>
      </c>
      <c r="K6214" s="2">
        <v>0</v>
      </c>
      <c r="L6214" t="s">
        <v>82</v>
      </c>
      <c r="M6214" t="s">
        <v>83</v>
      </c>
      <c r="N6214" t="s">
        <v>84</v>
      </c>
      <c r="O6214" t="s">
        <v>85</v>
      </c>
      <c r="P6214" t="s">
        <v>86</v>
      </c>
      <c r="Q6214">
        <v>69</v>
      </c>
      <c r="R6214">
        <v>70</v>
      </c>
      <c r="S6214">
        <v>71</v>
      </c>
      <c r="T6214">
        <v>72</v>
      </c>
      <c r="U6214">
        <v>74</v>
      </c>
      <c r="V6214">
        <v>75</v>
      </c>
      <c r="W6214">
        <v>76</v>
      </c>
      <c r="X6214">
        <v>78</v>
      </c>
      <c r="Y6214">
        <v>79</v>
      </c>
      <c r="Z6214">
        <v>80</v>
      </c>
      <c r="AA6214">
        <v>81</v>
      </c>
      <c r="AB6214">
        <v>83</v>
      </c>
      <c r="AC6214">
        <v>84</v>
      </c>
      <c r="AD6214">
        <v>85</v>
      </c>
      <c r="AE6214">
        <v>86</v>
      </c>
      <c r="AF6214">
        <v>87</v>
      </c>
      <c r="AG6214">
        <v>89</v>
      </c>
      <c r="AH6214">
        <v>90</v>
      </c>
      <c r="AI6214">
        <v>91</v>
      </c>
      <c r="AJ6214">
        <v>92</v>
      </c>
      <c r="AK6214">
        <v>93</v>
      </c>
      <c r="AL6214">
        <v>94</v>
      </c>
      <c r="AM6214">
        <v>94</v>
      </c>
      <c r="AN6214">
        <v>94</v>
      </c>
      <c r="AO6214">
        <v>94</v>
      </c>
      <c r="AP6214">
        <v>95</v>
      </c>
      <c r="AQ6214">
        <v>95</v>
      </c>
    </row>
    <row r="6215" spans="1:43">
      <c r="A6215" t="s">
        <v>3898</v>
      </c>
      <c r="B6215" t="s">
        <v>3899</v>
      </c>
      <c r="C6215" t="s">
        <v>3798</v>
      </c>
      <c r="D6215" t="s">
        <v>3799</v>
      </c>
      <c r="E6215" t="s">
        <v>3660</v>
      </c>
      <c r="F6215" t="s">
        <v>3661</v>
      </c>
      <c r="G6215" t="s">
        <v>80</v>
      </c>
      <c r="H6215" t="s">
        <v>81</v>
      </c>
      <c r="I6215" s="2">
        <v>0</v>
      </c>
      <c r="J6215" s="2">
        <v>1</v>
      </c>
      <c r="K6215" s="2">
        <v>0</v>
      </c>
      <c r="L6215" t="s">
        <v>82</v>
      </c>
      <c r="M6215" t="s">
        <v>87</v>
      </c>
      <c r="N6215" t="s">
        <v>88</v>
      </c>
      <c r="O6215" t="s">
        <v>85</v>
      </c>
      <c r="P6215" t="s">
        <v>86</v>
      </c>
      <c r="Q6215">
        <v>69</v>
      </c>
      <c r="R6215">
        <v>70</v>
      </c>
      <c r="S6215">
        <v>70</v>
      </c>
      <c r="T6215">
        <v>71</v>
      </c>
      <c r="U6215">
        <v>71</v>
      </c>
      <c r="V6215">
        <v>72</v>
      </c>
      <c r="W6215">
        <v>73</v>
      </c>
      <c r="X6215">
        <v>73</v>
      </c>
      <c r="Y6215">
        <v>74</v>
      </c>
      <c r="Z6215">
        <v>74</v>
      </c>
      <c r="AA6215">
        <v>75</v>
      </c>
      <c r="AB6215">
        <v>76</v>
      </c>
      <c r="AC6215">
        <v>76</v>
      </c>
      <c r="AD6215">
        <v>77</v>
      </c>
      <c r="AE6215">
        <v>77</v>
      </c>
      <c r="AF6215">
        <v>78</v>
      </c>
      <c r="AG6215">
        <v>78</v>
      </c>
      <c r="AH6215">
        <v>79</v>
      </c>
      <c r="AI6215">
        <v>79</v>
      </c>
      <c r="AJ6215">
        <v>80</v>
      </c>
      <c r="AK6215">
        <v>80</v>
      </c>
      <c r="AL6215">
        <v>81</v>
      </c>
      <c r="AM6215">
        <v>81</v>
      </c>
      <c r="AN6215">
        <v>82</v>
      </c>
      <c r="AO6215">
        <v>82</v>
      </c>
      <c r="AP6215">
        <v>83</v>
      </c>
      <c r="AQ6215">
        <v>83</v>
      </c>
    </row>
    <row r="6216" spans="1:43">
      <c r="A6216" t="s">
        <v>3898</v>
      </c>
      <c r="B6216" t="s">
        <v>3899</v>
      </c>
      <c r="C6216" t="s">
        <v>3798</v>
      </c>
      <c r="D6216" t="s">
        <v>3799</v>
      </c>
      <c r="E6216" t="s">
        <v>3660</v>
      </c>
      <c r="F6216" t="s">
        <v>3661</v>
      </c>
      <c r="G6216" t="s">
        <v>80</v>
      </c>
      <c r="H6216" t="s">
        <v>81</v>
      </c>
      <c r="I6216" s="2">
        <v>0</v>
      </c>
      <c r="J6216" s="2">
        <v>1</v>
      </c>
      <c r="K6216" s="2">
        <v>0</v>
      </c>
      <c r="L6216" t="s">
        <v>82</v>
      </c>
      <c r="M6216" t="s">
        <v>89</v>
      </c>
      <c r="N6216" t="s">
        <v>90</v>
      </c>
      <c r="O6216" t="s">
        <v>85</v>
      </c>
      <c r="P6216" t="s">
        <v>86</v>
      </c>
      <c r="Q6216">
        <v>69</v>
      </c>
      <c r="R6216">
        <v>71</v>
      </c>
      <c r="S6216">
        <v>73</v>
      </c>
      <c r="T6216">
        <v>75</v>
      </c>
      <c r="U6216">
        <v>77</v>
      </c>
      <c r="V6216">
        <v>78</v>
      </c>
      <c r="W6216">
        <v>80</v>
      </c>
      <c r="X6216">
        <v>82</v>
      </c>
      <c r="Y6216">
        <v>84</v>
      </c>
      <c r="Z6216">
        <v>85</v>
      </c>
      <c r="AA6216">
        <v>87</v>
      </c>
      <c r="AB6216">
        <v>88</v>
      </c>
      <c r="AC6216">
        <v>90</v>
      </c>
      <c r="AD6216">
        <v>92</v>
      </c>
      <c r="AE6216">
        <v>93</v>
      </c>
      <c r="AF6216">
        <v>93</v>
      </c>
      <c r="AG6216">
        <v>93</v>
      </c>
      <c r="AH6216">
        <v>94</v>
      </c>
      <c r="AI6216">
        <v>94</v>
      </c>
      <c r="AJ6216">
        <v>94</v>
      </c>
      <c r="AK6216">
        <v>94</v>
      </c>
      <c r="AL6216">
        <v>95</v>
      </c>
      <c r="AM6216">
        <v>95</v>
      </c>
      <c r="AN6216">
        <v>95</v>
      </c>
      <c r="AO6216">
        <v>95</v>
      </c>
      <c r="AP6216">
        <v>95</v>
      </c>
      <c r="AQ6216">
        <v>96</v>
      </c>
    </row>
    <row r="6217" spans="1:43">
      <c r="A6217" t="s">
        <v>3898</v>
      </c>
      <c r="B6217" t="s">
        <v>3899</v>
      </c>
      <c r="C6217" t="s">
        <v>3798</v>
      </c>
      <c r="D6217" t="s">
        <v>3799</v>
      </c>
      <c r="E6217" t="s">
        <v>3660</v>
      </c>
      <c r="F6217" t="s">
        <v>3661</v>
      </c>
      <c r="G6217" t="s">
        <v>80</v>
      </c>
      <c r="H6217" t="s">
        <v>81</v>
      </c>
      <c r="I6217" s="2">
        <v>0</v>
      </c>
      <c r="J6217" s="2">
        <v>1</v>
      </c>
      <c r="K6217" s="2">
        <v>0</v>
      </c>
      <c r="L6217" t="s">
        <v>82</v>
      </c>
      <c r="M6217" t="s">
        <v>83</v>
      </c>
      <c r="N6217" t="s">
        <v>91</v>
      </c>
      <c r="O6217" t="s">
        <v>85</v>
      </c>
      <c r="P6217" t="s">
        <v>86</v>
      </c>
      <c r="Q6217">
        <v>69</v>
      </c>
      <c r="R6217">
        <v>70</v>
      </c>
      <c r="S6217">
        <v>71</v>
      </c>
      <c r="T6217">
        <v>72</v>
      </c>
      <c r="U6217">
        <v>74</v>
      </c>
      <c r="V6217">
        <v>75</v>
      </c>
      <c r="W6217">
        <v>76</v>
      </c>
      <c r="X6217">
        <v>78</v>
      </c>
      <c r="Y6217">
        <v>79</v>
      </c>
      <c r="Z6217">
        <v>80</v>
      </c>
      <c r="AA6217">
        <v>81</v>
      </c>
      <c r="AB6217">
        <v>83</v>
      </c>
      <c r="AC6217">
        <v>84</v>
      </c>
      <c r="AD6217">
        <v>85</v>
      </c>
      <c r="AE6217">
        <v>86</v>
      </c>
      <c r="AF6217">
        <v>87</v>
      </c>
      <c r="AG6217">
        <v>89</v>
      </c>
      <c r="AH6217">
        <v>90</v>
      </c>
      <c r="AI6217">
        <v>91</v>
      </c>
      <c r="AJ6217">
        <v>92</v>
      </c>
      <c r="AK6217">
        <v>93</v>
      </c>
      <c r="AL6217">
        <v>94</v>
      </c>
      <c r="AM6217">
        <v>94</v>
      </c>
      <c r="AN6217">
        <v>94</v>
      </c>
      <c r="AO6217">
        <v>94</v>
      </c>
      <c r="AP6217">
        <v>95</v>
      </c>
      <c r="AQ6217">
        <v>95</v>
      </c>
    </row>
    <row r="6218" spans="1:43">
      <c r="A6218" t="s">
        <v>3900</v>
      </c>
      <c r="B6218" t="s">
        <v>3901</v>
      </c>
      <c r="C6218" t="s">
        <v>3678</v>
      </c>
      <c r="D6218" t="s">
        <v>3679</v>
      </c>
      <c r="E6218" t="s">
        <v>3660</v>
      </c>
      <c r="F6218" t="s">
        <v>3661</v>
      </c>
      <c r="G6218" t="s">
        <v>80</v>
      </c>
      <c r="H6218" t="s">
        <v>81</v>
      </c>
      <c r="I6218" s="2">
        <v>0</v>
      </c>
      <c r="J6218" s="2">
        <v>1</v>
      </c>
      <c r="K6218" s="2">
        <v>0</v>
      </c>
      <c r="L6218" t="s">
        <v>82</v>
      </c>
      <c r="M6218" t="s">
        <v>83</v>
      </c>
      <c r="N6218" t="s">
        <v>84</v>
      </c>
      <c r="O6218" t="s">
        <v>85</v>
      </c>
      <c r="P6218" t="s">
        <v>86</v>
      </c>
      <c r="Q6218">
        <v>20</v>
      </c>
      <c r="R6218">
        <v>20</v>
      </c>
      <c r="S6218">
        <v>20</v>
      </c>
      <c r="T6218">
        <v>21</v>
      </c>
      <c r="U6218">
        <v>21</v>
      </c>
      <c r="V6218">
        <v>21</v>
      </c>
      <c r="W6218">
        <v>22</v>
      </c>
      <c r="X6218">
        <v>22</v>
      </c>
      <c r="Y6218">
        <v>23</v>
      </c>
      <c r="Z6218">
        <v>23</v>
      </c>
      <c r="AA6218">
        <v>23</v>
      </c>
      <c r="AB6218">
        <v>24</v>
      </c>
      <c r="AC6218">
        <v>24</v>
      </c>
      <c r="AD6218">
        <v>24</v>
      </c>
      <c r="AE6218">
        <v>25</v>
      </c>
      <c r="AF6218">
        <v>25</v>
      </c>
      <c r="AG6218">
        <v>25</v>
      </c>
      <c r="AH6218">
        <v>26</v>
      </c>
      <c r="AI6218">
        <v>26</v>
      </c>
      <c r="AJ6218">
        <v>26</v>
      </c>
      <c r="AK6218">
        <v>27</v>
      </c>
      <c r="AL6218">
        <v>27</v>
      </c>
      <c r="AM6218">
        <v>27</v>
      </c>
      <c r="AN6218">
        <v>27</v>
      </c>
      <c r="AO6218">
        <v>27</v>
      </c>
      <c r="AP6218">
        <v>27</v>
      </c>
      <c r="AQ6218">
        <v>27</v>
      </c>
    </row>
    <row r="6219" spans="1:43">
      <c r="A6219" t="s">
        <v>3900</v>
      </c>
      <c r="B6219" t="s">
        <v>3901</v>
      </c>
      <c r="C6219" t="s">
        <v>3678</v>
      </c>
      <c r="D6219" t="s">
        <v>3679</v>
      </c>
      <c r="E6219" t="s">
        <v>3660</v>
      </c>
      <c r="F6219" t="s">
        <v>3661</v>
      </c>
      <c r="G6219" t="s">
        <v>80</v>
      </c>
      <c r="H6219" t="s">
        <v>81</v>
      </c>
      <c r="I6219" s="2">
        <v>0</v>
      </c>
      <c r="J6219" s="2">
        <v>1</v>
      </c>
      <c r="K6219" s="2">
        <v>0</v>
      </c>
      <c r="L6219" t="s">
        <v>82</v>
      </c>
      <c r="M6219" t="s">
        <v>87</v>
      </c>
      <c r="N6219" t="s">
        <v>88</v>
      </c>
      <c r="O6219" t="s">
        <v>85</v>
      </c>
      <c r="P6219" t="s">
        <v>86</v>
      </c>
      <c r="Q6219">
        <v>20</v>
      </c>
      <c r="R6219">
        <v>21</v>
      </c>
      <c r="S6219">
        <v>21</v>
      </c>
      <c r="T6219">
        <v>21</v>
      </c>
      <c r="U6219">
        <v>21</v>
      </c>
      <c r="V6219">
        <v>21</v>
      </c>
      <c r="W6219">
        <v>21</v>
      </c>
      <c r="X6219">
        <v>22</v>
      </c>
      <c r="Y6219">
        <v>22</v>
      </c>
      <c r="Z6219">
        <v>22</v>
      </c>
      <c r="AA6219">
        <v>22</v>
      </c>
      <c r="AB6219">
        <v>22</v>
      </c>
      <c r="AC6219">
        <v>22</v>
      </c>
      <c r="AD6219">
        <v>23</v>
      </c>
      <c r="AE6219">
        <v>23</v>
      </c>
      <c r="AF6219">
        <v>23</v>
      </c>
      <c r="AG6219">
        <v>23</v>
      </c>
      <c r="AH6219">
        <v>23</v>
      </c>
      <c r="AI6219">
        <v>23</v>
      </c>
      <c r="AJ6219">
        <v>24</v>
      </c>
      <c r="AK6219">
        <v>24</v>
      </c>
      <c r="AL6219">
        <v>24</v>
      </c>
      <c r="AM6219">
        <v>24</v>
      </c>
      <c r="AN6219">
        <v>24</v>
      </c>
      <c r="AO6219">
        <v>24</v>
      </c>
      <c r="AP6219">
        <v>24</v>
      </c>
      <c r="AQ6219">
        <v>25</v>
      </c>
    </row>
    <row r="6220" spans="1:43">
      <c r="A6220" t="s">
        <v>3900</v>
      </c>
      <c r="B6220" t="s">
        <v>3901</v>
      </c>
      <c r="C6220" t="s">
        <v>3678</v>
      </c>
      <c r="D6220" t="s">
        <v>3679</v>
      </c>
      <c r="E6220" t="s">
        <v>3660</v>
      </c>
      <c r="F6220" t="s">
        <v>3661</v>
      </c>
      <c r="G6220" t="s">
        <v>80</v>
      </c>
      <c r="H6220" t="s">
        <v>81</v>
      </c>
      <c r="I6220" s="2">
        <v>0</v>
      </c>
      <c r="J6220" s="2">
        <v>1</v>
      </c>
      <c r="K6220" s="2">
        <v>0</v>
      </c>
      <c r="L6220" t="s">
        <v>82</v>
      </c>
      <c r="M6220" t="s">
        <v>89</v>
      </c>
      <c r="N6220" t="s">
        <v>90</v>
      </c>
      <c r="O6220" t="s">
        <v>85</v>
      </c>
      <c r="P6220" t="s">
        <v>86</v>
      </c>
      <c r="Q6220">
        <v>20</v>
      </c>
      <c r="R6220">
        <v>20</v>
      </c>
      <c r="S6220">
        <v>21</v>
      </c>
      <c r="T6220">
        <v>21</v>
      </c>
      <c r="U6220">
        <v>22</v>
      </c>
      <c r="V6220">
        <v>22</v>
      </c>
      <c r="W6220">
        <v>23</v>
      </c>
      <c r="X6220">
        <v>23</v>
      </c>
      <c r="Y6220">
        <v>24</v>
      </c>
      <c r="Z6220">
        <v>24</v>
      </c>
      <c r="AA6220">
        <v>25</v>
      </c>
      <c r="AB6220">
        <v>25</v>
      </c>
      <c r="AC6220">
        <v>26</v>
      </c>
      <c r="AD6220">
        <v>26</v>
      </c>
      <c r="AE6220">
        <v>26</v>
      </c>
      <c r="AF6220">
        <v>27</v>
      </c>
      <c r="AG6220">
        <v>27</v>
      </c>
      <c r="AH6220">
        <v>27</v>
      </c>
      <c r="AI6220">
        <v>27</v>
      </c>
      <c r="AJ6220">
        <v>27</v>
      </c>
      <c r="AK6220">
        <v>27</v>
      </c>
      <c r="AL6220">
        <v>27</v>
      </c>
      <c r="AM6220">
        <v>27</v>
      </c>
      <c r="AN6220">
        <v>27</v>
      </c>
      <c r="AO6220">
        <v>27</v>
      </c>
      <c r="AP6220">
        <v>27</v>
      </c>
      <c r="AQ6220">
        <v>27</v>
      </c>
    </row>
    <row r="6221" spans="1:43">
      <c r="A6221" t="s">
        <v>3900</v>
      </c>
      <c r="B6221" t="s">
        <v>3901</v>
      </c>
      <c r="C6221" t="s">
        <v>3678</v>
      </c>
      <c r="D6221" t="s">
        <v>3679</v>
      </c>
      <c r="E6221" t="s">
        <v>3660</v>
      </c>
      <c r="F6221" t="s">
        <v>3661</v>
      </c>
      <c r="G6221" t="s">
        <v>80</v>
      </c>
      <c r="H6221" t="s">
        <v>81</v>
      </c>
      <c r="I6221" s="2">
        <v>0</v>
      </c>
      <c r="J6221" s="2">
        <v>1</v>
      </c>
      <c r="K6221" s="2">
        <v>0</v>
      </c>
      <c r="L6221" t="s">
        <v>82</v>
      </c>
      <c r="M6221" t="s">
        <v>83</v>
      </c>
      <c r="N6221" t="s">
        <v>91</v>
      </c>
      <c r="O6221" t="s">
        <v>85</v>
      </c>
      <c r="P6221" t="s">
        <v>86</v>
      </c>
      <c r="Q6221">
        <v>20</v>
      </c>
      <c r="R6221">
        <v>20</v>
      </c>
      <c r="S6221">
        <v>20</v>
      </c>
      <c r="T6221">
        <v>21</v>
      </c>
      <c r="U6221">
        <v>21</v>
      </c>
      <c r="V6221">
        <v>21</v>
      </c>
      <c r="W6221">
        <v>22</v>
      </c>
      <c r="X6221">
        <v>22</v>
      </c>
      <c r="Y6221">
        <v>23</v>
      </c>
      <c r="Z6221">
        <v>23</v>
      </c>
      <c r="AA6221">
        <v>23</v>
      </c>
      <c r="AB6221">
        <v>24</v>
      </c>
      <c r="AC6221">
        <v>24</v>
      </c>
      <c r="AD6221">
        <v>24</v>
      </c>
      <c r="AE6221">
        <v>25</v>
      </c>
      <c r="AF6221">
        <v>25</v>
      </c>
      <c r="AG6221">
        <v>25</v>
      </c>
      <c r="AH6221">
        <v>26</v>
      </c>
      <c r="AI6221">
        <v>26</v>
      </c>
      <c r="AJ6221">
        <v>26</v>
      </c>
      <c r="AK6221">
        <v>27</v>
      </c>
      <c r="AL6221">
        <v>27</v>
      </c>
      <c r="AM6221">
        <v>27</v>
      </c>
      <c r="AN6221">
        <v>27</v>
      </c>
      <c r="AO6221">
        <v>27</v>
      </c>
      <c r="AP6221">
        <v>27</v>
      </c>
      <c r="AQ6221">
        <v>27</v>
      </c>
    </row>
    <row r="6222" spans="1:43">
      <c r="A6222" t="s">
        <v>3902</v>
      </c>
      <c r="B6222" t="s">
        <v>3903</v>
      </c>
      <c r="C6222" t="s">
        <v>3878</v>
      </c>
      <c r="D6222" t="s">
        <v>3879</v>
      </c>
      <c r="E6222" t="s">
        <v>3660</v>
      </c>
      <c r="F6222" t="s">
        <v>3661</v>
      </c>
      <c r="G6222" t="s">
        <v>80</v>
      </c>
      <c r="H6222" t="s">
        <v>81</v>
      </c>
      <c r="I6222" s="2">
        <v>0.42</v>
      </c>
      <c r="J6222" s="2">
        <v>0.57999999999999996</v>
      </c>
      <c r="K6222" s="2">
        <v>0</v>
      </c>
      <c r="L6222" t="s">
        <v>82</v>
      </c>
      <c r="M6222" t="s">
        <v>83</v>
      </c>
      <c r="N6222" t="s">
        <v>84</v>
      </c>
      <c r="O6222" t="s">
        <v>85</v>
      </c>
      <c r="P6222" t="s">
        <v>86</v>
      </c>
      <c r="Q6222">
        <v>33</v>
      </c>
      <c r="R6222">
        <v>33</v>
      </c>
      <c r="S6222">
        <v>34</v>
      </c>
      <c r="T6222">
        <v>34</v>
      </c>
      <c r="U6222">
        <v>35</v>
      </c>
      <c r="V6222">
        <v>36</v>
      </c>
      <c r="W6222">
        <v>36</v>
      </c>
      <c r="X6222">
        <v>37</v>
      </c>
      <c r="Y6222">
        <v>37</v>
      </c>
      <c r="Z6222">
        <v>38</v>
      </c>
      <c r="AA6222">
        <v>39</v>
      </c>
      <c r="AB6222">
        <v>39</v>
      </c>
      <c r="AC6222">
        <v>40</v>
      </c>
      <c r="AD6222">
        <v>40</v>
      </c>
      <c r="AE6222">
        <v>41</v>
      </c>
      <c r="AF6222">
        <v>42</v>
      </c>
      <c r="AG6222">
        <v>42</v>
      </c>
      <c r="AH6222">
        <v>43</v>
      </c>
      <c r="AI6222">
        <v>43</v>
      </c>
      <c r="AJ6222">
        <v>44</v>
      </c>
      <c r="AK6222">
        <v>44</v>
      </c>
      <c r="AL6222">
        <v>45</v>
      </c>
      <c r="AM6222">
        <v>45</v>
      </c>
      <c r="AN6222">
        <v>45</v>
      </c>
      <c r="AO6222">
        <v>45</v>
      </c>
      <c r="AP6222">
        <v>45</v>
      </c>
      <c r="AQ6222">
        <v>45</v>
      </c>
    </row>
    <row r="6223" spans="1:43">
      <c r="A6223" t="s">
        <v>3902</v>
      </c>
      <c r="B6223" t="s">
        <v>3903</v>
      </c>
      <c r="C6223" t="s">
        <v>3878</v>
      </c>
      <c r="D6223" t="s">
        <v>3879</v>
      </c>
      <c r="E6223" t="s">
        <v>3660</v>
      </c>
      <c r="F6223" t="s">
        <v>3661</v>
      </c>
      <c r="G6223" t="s">
        <v>80</v>
      </c>
      <c r="H6223" t="s">
        <v>81</v>
      </c>
      <c r="I6223" s="2">
        <v>0.42</v>
      </c>
      <c r="J6223" s="2">
        <v>0.57999999999999996</v>
      </c>
      <c r="K6223" s="2">
        <v>0</v>
      </c>
      <c r="L6223" t="s">
        <v>82</v>
      </c>
      <c r="M6223" t="s">
        <v>87</v>
      </c>
      <c r="N6223" t="s">
        <v>88</v>
      </c>
      <c r="O6223" t="s">
        <v>85</v>
      </c>
      <c r="P6223" t="s">
        <v>86</v>
      </c>
      <c r="Q6223">
        <v>33</v>
      </c>
      <c r="R6223">
        <v>34</v>
      </c>
      <c r="S6223">
        <v>34</v>
      </c>
      <c r="T6223">
        <v>34</v>
      </c>
      <c r="U6223">
        <v>34</v>
      </c>
      <c r="V6223">
        <v>35</v>
      </c>
      <c r="W6223">
        <v>35</v>
      </c>
      <c r="X6223">
        <v>35</v>
      </c>
      <c r="Y6223">
        <v>36</v>
      </c>
      <c r="Z6223">
        <v>36</v>
      </c>
      <c r="AA6223">
        <v>36</v>
      </c>
      <c r="AB6223">
        <v>36</v>
      </c>
      <c r="AC6223">
        <v>37</v>
      </c>
      <c r="AD6223">
        <v>37</v>
      </c>
      <c r="AE6223">
        <v>37</v>
      </c>
      <c r="AF6223">
        <v>37</v>
      </c>
      <c r="AG6223">
        <v>38</v>
      </c>
      <c r="AH6223">
        <v>38</v>
      </c>
      <c r="AI6223">
        <v>38</v>
      </c>
      <c r="AJ6223">
        <v>38</v>
      </c>
      <c r="AK6223">
        <v>39</v>
      </c>
      <c r="AL6223">
        <v>39</v>
      </c>
      <c r="AM6223">
        <v>39</v>
      </c>
      <c r="AN6223">
        <v>39</v>
      </c>
      <c r="AO6223">
        <v>40</v>
      </c>
      <c r="AP6223">
        <v>40</v>
      </c>
      <c r="AQ6223">
        <v>40</v>
      </c>
    </row>
    <row r="6224" spans="1:43">
      <c r="A6224" t="s">
        <v>3902</v>
      </c>
      <c r="B6224" t="s">
        <v>3903</v>
      </c>
      <c r="C6224" t="s">
        <v>3878</v>
      </c>
      <c r="D6224" t="s">
        <v>3879</v>
      </c>
      <c r="E6224" t="s">
        <v>3660</v>
      </c>
      <c r="F6224" t="s">
        <v>3661</v>
      </c>
      <c r="G6224" t="s">
        <v>80</v>
      </c>
      <c r="H6224" t="s">
        <v>81</v>
      </c>
      <c r="I6224" s="2">
        <v>0.42</v>
      </c>
      <c r="J6224" s="2">
        <v>0.57999999999999996</v>
      </c>
      <c r="K6224" s="2">
        <v>0</v>
      </c>
      <c r="L6224" t="s">
        <v>82</v>
      </c>
      <c r="M6224" t="s">
        <v>89</v>
      </c>
      <c r="N6224" t="s">
        <v>90</v>
      </c>
      <c r="O6224" t="s">
        <v>85</v>
      </c>
      <c r="P6224" t="s">
        <v>86</v>
      </c>
      <c r="Q6224">
        <v>33</v>
      </c>
      <c r="R6224">
        <v>34</v>
      </c>
      <c r="S6224">
        <v>35</v>
      </c>
      <c r="T6224">
        <v>36</v>
      </c>
      <c r="U6224">
        <v>36</v>
      </c>
      <c r="V6224">
        <v>37</v>
      </c>
      <c r="W6224">
        <v>38</v>
      </c>
      <c r="X6224">
        <v>39</v>
      </c>
      <c r="Y6224">
        <v>40</v>
      </c>
      <c r="Z6224">
        <v>40</v>
      </c>
      <c r="AA6224">
        <v>41</v>
      </c>
      <c r="AB6224">
        <v>42</v>
      </c>
      <c r="AC6224">
        <v>43</v>
      </c>
      <c r="AD6224">
        <v>43</v>
      </c>
      <c r="AE6224">
        <v>44</v>
      </c>
      <c r="AF6224">
        <v>44</v>
      </c>
      <c r="AG6224">
        <v>44</v>
      </c>
      <c r="AH6224">
        <v>44</v>
      </c>
      <c r="AI6224">
        <v>45</v>
      </c>
      <c r="AJ6224">
        <v>45</v>
      </c>
      <c r="AK6224">
        <v>45</v>
      </c>
      <c r="AL6224">
        <v>45</v>
      </c>
      <c r="AM6224">
        <v>45</v>
      </c>
      <c r="AN6224">
        <v>45</v>
      </c>
      <c r="AO6224">
        <v>45</v>
      </c>
      <c r="AP6224">
        <v>45</v>
      </c>
      <c r="AQ6224">
        <v>45</v>
      </c>
    </row>
    <row r="6225" spans="1:43">
      <c r="A6225" t="s">
        <v>3902</v>
      </c>
      <c r="B6225" t="s">
        <v>3903</v>
      </c>
      <c r="C6225" t="s">
        <v>3878</v>
      </c>
      <c r="D6225" t="s">
        <v>3879</v>
      </c>
      <c r="E6225" t="s">
        <v>3660</v>
      </c>
      <c r="F6225" t="s">
        <v>3661</v>
      </c>
      <c r="G6225" t="s">
        <v>80</v>
      </c>
      <c r="H6225" t="s">
        <v>81</v>
      </c>
      <c r="I6225" s="2">
        <v>0.42</v>
      </c>
      <c r="J6225" s="2">
        <v>0.57999999999999996</v>
      </c>
      <c r="K6225" s="2">
        <v>0</v>
      </c>
      <c r="L6225" t="s">
        <v>82</v>
      </c>
      <c r="M6225" t="s">
        <v>83</v>
      </c>
      <c r="N6225" t="s">
        <v>91</v>
      </c>
      <c r="O6225" t="s">
        <v>85</v>
      </c>
      <c r="P6225" t="s">
        <v>86</v>
      </c>
      <c r="Q6225">
        <v>33</v>
      </c>
      <c r="R6225">
        <v>33</v>
      </c>
      <c r="S6225">
        <v>34</v>
      </c>
      <c r="T6225">
        <v>34</v>
      </c>
      <c r="U6225">
        <v>35</v>
      </c>
      <c r="V6225">
        <v>36</v>
      </c>
      <c r="W6225">
        <v>36</v>
      </c>
      <c r="X6225">
        <v>37</v>
      </c>
      <c r="Y6225">
        <v>37</v>
      </c>
      <c r="Z6225">
        <v>38</v>
      </c>
      <c r="AA6225">
        <v>39</v>
      </c>
      <c r="AB6225">
        <v>39</v>
      </c>
      <c r="AC6225">
        <v>40</v>
      </c>
      <c r="AD6225">
        <v>40</v>
      </c>
      <c r="AE6225">
        <v>41</v>
      </c>
      <c r="AF6225">
        <v>42</v>
      </c>
      <c r="AG6225">
        <v>42</v>
      </c>
      <c r="AH6225">
        <v>43</v>
      </c>
      <c r="AI6225">
        <v>43</v>
      </c>
      <c r="AJ6225">
        <v>44</v>
      </c>
      <c r="AK6225">
        <v>44</v>
      </c>
      <c r="AL6225">
        <v>45</v>
      </c>
      <c r="AM6225">
        <v>45</v>
      </c>
      <c r="AN6225">
        <v>45</v>
      </c>
      <c r="AO6225">
        <v>45</v>
      </c>
      <c r="AP6225">
        <v>45</v>
      </c>
      <c r="AQ6225">
        <v>45</v>
      </c>
    </row>
    <row r="6226" spans="1:43">
      <c r="A6226" t="s">
        <v>3904</v>
      </c>
      <c r="B6226" t="s">
        <v>3905</v>
      </c>
      <c r="C6226" t="s">
        <v>3688</v>
      </c>
      <c r="D6226" t="s">
        <v>3689</v>
      </c>
      <c r="E6226" t="s">
        <v>3660</v>
      </c>
      <c r="F6226" t="s">
        <v>3661</v>
      </c>
      <c r="G6226" t="s">
        <v>80</v>
      </c>
      <c r="H6226" t="s">
        <v>81</v>
      </c>
      <c r="I6226" s="2">
        <v>0</v>
      </c>
      <c r="J6226" s="2">
        <v>1</v>
      </c>
      <c r="K6226" s="2">
        <v>0</v>
      </c>
      <c r="L6226" t="s">
        <v>82</v>
      </c>
      <c r="M6226" t="s">
        <v>83</v>
      </c>
      <c r="N6226" t="s">
        <v>84</v>
      </c>
      <c r="O6226" t="s">
        <v>85</v>
      </c>
      <c r="P6226" t="s">
        <v>86</v>
      </c>
      <c r="Q6226">
        <v>76</v>
      </c>
      <c r="R6226">
        <v>78</v>
      </c>
      <c r="S6226">
        <v>79</v>
      </c>
      <c r="T6226">
        <v>81</v>
      </c>
      <c r="U6226">
        <v>82</v>
      </c>
      <c r="V6226">
        <v>84</v>
      </c>
      <c r="W6226">
        <v>85</v>
      </c>
      <c r="X6226">
        <v>87</v>
      </c>
      <c r="Y6226">
        <v>88</v>
      </c>
      <c r="Z6226">
        <v>89</v>
      </c>
      <c r="AA6226">
        <v>91</v>
      </c>
      <c r="AB6226">
        <v>92</v>
      </c>
      <c r="AC6226">
        <v>94</v>
      </c>
      <c r="AD6226">
        <v>95</v>
      </c>
      <c r="AE6226">
        <v>96</v>
      </c>
      <c r="AF6226">
        <v>98</v>
      </c>
      <c r="AG6226">
        <v>99</v>
      </c>
      <c r="AH6226">
        <v>100</v>
      </c>
      <c r="AI6226">
        <v>102</v>
      </c>
      <c r="AJ6226">
        <v>103</v>
      </c>
      <c r="AK6226">
        <v>104</v>
      </c>
      <c r="AL6226">
        <v>105</v>
      </c>
      <c r="AM6226">
        <v>105</v>
      </c>
      <c r="AN6226">
        <v>105</v>
      </c>
      <c r="AO6226">
        <v>106</v>
      </c>
      <c r="AP6226">
        <v>106</v>
      </c>
      <c r="AQ6226">
        <v>106</v>
      </c>
    </row>
    <row r="6227" spans="1:43">
      <c r="A6227" t="s">
        <v>3904</v>
      </c>
      <c r="B6227" t="s">
        <v>3905</v>
      </c>
      <c r="C6227" t="s">
        <v>3688</v>
      </c>
      <c r="D6227" t="s">
        <v>3689</v>
      </c>
      <c r="E6227" t="s">
        <v>3660</v>
      </c>
      <c r="F6227" t="s">
        <v>3661</v>
      </c>
      <c r="G6227" t="s">
        <v>80</v>
      </c>
      <c r="H6227" t="s">
        <v>81</v>
      </c>
      <c r="I6227" s="2">
        <v>0</v>
      </c>
      <c r="J6227" s="2">
        <v>1</v>
      </c>
      <c r="K6227" s="2">
        <v>0</v>
      </c>
      <c r="L6227" t="s">
        <v>82</v>
      </c>
      <c r="M6227" t="s">
        <v>87</v>
      </c>
      <c r="N6227" t="s">
        <v>88</v>
      </c>
      <c r="O6227" t="s">
        <v>85</v>
      </c>
      <c r="P6227" t="s">
        <v>86</v>
      </c>
      <c r="Q6227">
        <v>76</v>
      </c>
      <c r="R6227">
        <v>77</v>
      </c>
      <c r="S6227">
        <v>77</v>
      </c>
      <c r="T6227">
        <v>78</v>
      </c>
      <c r="U6227">
        <v>79</v>
      </c>
      <c r="V6227">
        <v>79</v>
      </c>
      <c r="W6227">
        <v>80</v>
      </c>
      <c r="X6227">
        <v>81</v>
      </c>
      <c r="Y6227">
        <v>81</v>
      </c>
      <c r="Z6227">
        <v>82</v>
      </c>
      <c r="AA6227">
        <v>83</v>
      </c>
      <c r="AB6227">
        <v>83</v>
      </c>
      <c r="AC6227">
        <v>84</v>
      </c>
      <c r="AD6227">
        <v>85</v>
      </c>
      <c r="AE6227">
        <v>85</v>
      </c>
      <c r="AF6227">
        <v>86</v>
      </c>
      <c r="AG6227">
        <v>86</v>
      </c>
      <c r="AH6227">
        <v>87</v>
      </c>
      <c r="AI6227">
        <v>88</v>
      </c>
      <c r="AJ6227">
        <v>88</v>
      </c>
      <c r="AK6227">
        <v>89</v>
      </c>
      <c r="AL6227">
        <v>89</v>
      </c>
      <c r="AM6227">
        <v>90</v>
      </c>
      <c r="AN6227">
        <v>90</v>
      </c>
      <c r="AO6227">
        <v>91</v>
      </c>
      <c r="AP6227">
        <v>92</v>
      </c>
      <c r="AQ6227">
        <v>92</v>
      </c>
    </row>
    <row r="6228" spans="1:43">
      <c r="A6228" t="s">
        <v>3904</v>
      </c>
      <c r="B6228" t="s">
        <v>3905</v>
      </c>
      <c r="C6228" t="s">
        <v>3688</v>
      </c>
      <c r="D6228" t="s">
        <v>3689</v>
      </c>
      <c r="E6228" t="s">
        <v>3660</v>
      </c>
      <c r="F6228" t="s">
        <v>3661</v>
      </c>
      <c r="G6228" t="s">
        <v>80</v>
      </c>
      <c r="H6228" t="s">
        <v>81</v>
      </c>
      <c r="I6228" s="2">
        <v>0</v>
      </c>
      <c r="J6228" s="2">
        <v>1</v>
      </c>
      <c r="K6228" s="2">
        <v>0</v>
      </c>
      <c r="L6228" t="s">
        <v>82</v>
      </c>
      <c r="M6228" t="s">
        <v>89</v>
      </c>
      <c r="N6228" t="s">
        <v>90</v>
      </c>
      <c r="O6228" t="s">
        <v>85</v>
      </c>
      <c r="P6228" t="s">
        <v>86</v>
      </c>
      <c r="Q6228">
        <v>76</v>
      </c>
      <c r="R6228">
        <v>78</v>
      </c>
      <c r="S6228">
        <v>80</v>
      </c>
      <c r="T6228">
        <v>83</v>
      </c>
      <c r="U6228">
        <v>85</v>
      </c>
      <c r="V6228">
        <v>87</v>
      </c>
      <c r="W6228">
        <v>89</v>
      </c>
      <c r="X6228">
        <v>90</v>
      </c>
      <c r="Y6228">
        <v>92</v>
      </c>
      <c r="Z6228">
        <v>94</v>
      </c>
      <c r="AA6228">
        <v>96</v>
      </c>
      <c r="AB6228">
        <v>98</v>
      </c>
      <c r="AC6228">
        <v>99</v>
      </c>
      <c r="AD6228">
        <v>101</v>
      </c>
      <c r="AE6228">
        <v>102</v>
      </c>
      <c r="AF6228">
        <v>103</v>
      </c>
      <c r="AG6228">
        <v>103</v>
      </c>
      <c r="AH6228">
        <v>103</v>
      </c>
      <c r="AI6228">
        <v>104</v>
      </c>
      <c r="AJ6228">
        <v>104</v>
      </c>
      <c r="AK6228">
        <v>104</v>
      </c>
      <c r="AL6228">
        <v>105</v>
      </c>
      <c r="AM6228">
        <v>105</v>
      </c>
      <c r="AN6228">
        <v>105</v>
      </c>
      <c r="AO6228">
        <v>105</v>
      </c>
      <c r="AP6228">
        <v>106</v>
      </c>
      <c r="AQ6228">
        <v>106</v>
      </c>
    </row>
    <row r="6229" spans="1:43">
      <c r="A6229" t="s">
        <v>3904</v>
      </c>
      <c r="B6229" t="s">
        <v>3905</v>
      </c>
      <c r="C6229" t="s">
        <v>3688</v>
      </c>
      <c r="D6229" t="s">
        <v>3689</v>
      </c>
      <c r="E6229" t="s">
        <v>3660</v>
      </c>
      <c r="F6229" t="s">
        <v>3661</v>
      </c>
      <c r="G6229" t="s">
        <v>80</v>
      </c>
      <c r="H6229" t="s">
        <v>81</v>
      </c>
      <c r="I6229" s="2">
        <v>0</v>
      </c>
      <c r="J6229" s="2">
        <v>1</v>
      </c>
      <c r="K6229" s="2">
        <v>0</v>
      </c>
      <c r="L6229" t="s">
        <v>82</v>
      </c>
      <c r="M6229" t="s">
        <v>83</v>
      </c>
      <c r="N6229" t="s">
        <v>91</v>
      </c>
      <c r="O6229" t="s">
        <v>85</v>
      </c>
      <c r="P6229" t="s">
        <v>86</v>
      </c>
      <c r="Q6229">
        <v>76</v>
      </c>
      <c r="R6229">
        <v>78</v>
      </c>
      <c r="S6229">
        <v>79</v>
      </c>
      <c r="T6229">
        <v>81</v>
      </c>
      <c r="U6229">
        <v>82</v>
      </c>
      <c r="V6229">
        <v>84</v>
      </c>
      <c r="W6229">
        <v>85</v>
      </c>
      <c r="X6229">
        <v>87</v>
      </c>
      <c r="Y6229">
        <v>88</v>
      </c>
      <c r="Z6229">
        <v>89</v>
      </c>
      <c r="AA6229">
        <v>91</v>
      </c>
      <c r="AB6229">
        <v>92</v>
      </c>
      <c r="AC6229">
        <v>94</v>
      </c>
      <c r="AD6229">
        <v>95</v>
      </c>
      <c r="AE6229">
        <v>96</v>
      </c>
      <c r="AF6229">
        <v>98</v>
      </c>
      <c r="AG6229">
        <v>99</v>
      </c>
      <c r="AH6229">
        <v>100</v>
      </c>
      <c r="AI6229">
        <v>102</v>
      </c>
      <c r="AJ6229">
        <v>103</v>
      </c>
      <c r="AK6229">
        <v>104</v>
      </c>
      <c r="AL6229">
        <v>105</v>
      </c>
      <c r="AM6229">
        <v>105</v>
      </c>
      <c r="AN6229">
        <v>105</v>
      </c>
      <c r="AO6229">
        <v>106</v>
      </c>
      <c r="AP6229">
        <v>106</v>
      </c>
      <c r="AQ6229">
        <v>106</v>
      </c>
    </row>
    <row r="6230" spans="1:43">
      <c r="A6230" t="s">
        <v>3906</v>
      </c>
      <c r="B6230" t="s">
        <v>3907</v>
      </c>
      <c r="C6230" t="s">
        <v>3878</v>
      </c>
      <c r="D6230" t="s">
        <v>3879</v>
      </c>
      <c r="E6230" t="s">
        <v>3660</v>
      </c>
      <c r="F6230" t="s">
        <v>3661</v>
      </c>
      <c r="G6230" t="s">
        <v>80</v>
      </c>
      <c r="H6230" t="s">
        <v>81</v>
      </c>
      <c r="I6230" s="2">
        <v>0</v>
      </c>
      <c r="J6230" s="2">
        <v>1</v>
      </c>
      <c r="K6230" s="2">
        <v>0</v>
      </c>
      <c r="L6230" t="s">
        <v>82</v>
      </c>
      <c r="M6230" t="s">
        <v>83</v>
      </c>
      <c r="N6230" t="s">
        <v>84</v>
      </c>
      <c r="O6230" t="s">
        <v>85</v>
      </c>
      <c r="P6230" t="s">
        <v>86</v>
      </c>
      <c r="Q6230">
        <v>18</v>
      </c>
      <c r="R6230">
        <v>18</v>
      </c>
      <c r="S6230">
        <v>19</v>
      </c>
      <c r="T6230">
        <v>19</v>
      </c>
      <c r="U6230">
        <v>19</v>
      </c>
      <c r="V6230">
        <v>20</v>
      </c>
      <c r="W6230">
        <v>20</v>
      </c>
      <c r="X6230">
        <v>20</v>
      </c>
      <c r="Y6230">
        <v>21</v>
      </c>
      <c r="Z6230">
        <v>21</v>
      </c>
      <c r="AA6230">
        <v>21</v>
      </c>
      <c r="AB6230">
        <v>22</v>
      </c>
      <c r="AC6230">
        <v>22</v>
      </c>
      <c r="AD6230">
        <v>22</v>
      </c>
      <c r="AE6230">
        <v>23</v>
      </c>
      <c r="AF6230">
        <v>23</v>
      </c>
      <c r="AG6230">
        <v>23</v>
      </c>
      <c r="AH6230">
        <v>23</v>
      </c>
      <c r="AI6230">
        <v>24</v>
      </c>
      <c r="AJ6230">
        <v>24</v>
      </c>
      <c r="AK6230">
        <v>24</v>
      </c>
      <c r="AL6230">
        <v>25</v>
      </c>
      <c r="AM6230">
        <v>25</v>
      </c>
      <c r="AN6230">
        <v>25</v>
      </c>
      <c r="AO6230">
        <v>25</v>
      </c>
      <c r="AP6230">
        <v>25</v>
      </c>
      <c r="AQ6230">
        <v>25</v>
      </c>
    </row>
    <row r="6231" spans="1:43">
      <c r="A6231" t="s">
        <v>3906</v>
      </c>
      <c r="B6231" t="s">
        <v>3907</v>
      </c>
      <c r="C6231" t="s">
        <v>3878</v>
      </c>
      <c r="D6231" t="s">
        <v>3879</v>
      </c>
      <c r="E6231" t="s">
        <v>3660</v>
      </c>
      <c r="F6231" t="s">
        <v>3661</v>
      </c>
      <c r="G6231" t="s">
        <v>80</v>
      </c>
      <c r="H6231" t="s">
        <v>81</v>
      </c>
      <c r="I6231" s="2">
        <v>0</v>
      </c>
      <c r="J6231" s="2">
        <v>1</v>
      </c>
      <c r="K6231" s="2">
        <v>0</v>
      </c>
      <c r="L6231" t="s">
        <v>82</v>
      </c>
      <c r="M6231" t="s">
        <v>87</v>
      </c>
      <c r="N6231" t="s">
        <v>88</v>
      </c>
      <c r="O6231" t="s">
        <v>85</v>
      </c>
      <c r="P6231" t="s">
        <v>86</v>
      </c>
      <c r="Q6231">
        <v>18</v>
      </c>
      <c r="R6231">
        <v>18</v>
      </c>
      <c r="S6231">
        <v>18</v>
      </c>
      <c r="T6231">
        <v>18</v>
      </c>
      <c r="U6231">
        <v>18</v>
      </c>
      <c r="V6231">
        <v>19</v>
      </c>
      <c r="W6231">
        <v>19</v>
      </c>
      <c r="X6231">
        <v>19</v>
      </c>
      <c r="Y6231">
        <v>19</v>
      </c>
      <c r="Z6231">
        <v>19</v>
      </c>
      <c r="AA6231">
        <v>19</v>
      </c>
      <c r="AB6231">
        <v>19</v>
      </c>
      <c r="AC6231">
        <v>20</v>
      </c>
      <c r="AD6231">
        <v>20</v>
      </c>
      <c r="AE6231">
        <v>20</v>
      </c>
      <c r="AF6231">
        <v>20</v>
      </c>
      <c r="AG6231">
        <v>20</v>
      </c>
      <c r="AH6231">
        <v>20</v>
      </c>
      <c r="AI6231">
        <v>20</v>
      </c>
      <c r="AJ6231">
        <v>21</v>
      </c>
      <c r="AK6231">
        <v>21</v>
      </c>
      <c r="AL6231">
        <v>21</v>
      </c>
      <c r="AM6231">
        <v>21</v>
      </c>
      <c r="AN6231">
        <v>21</v>
      </c>
      <c r="AO6231">
        <v>21</v>
      </c>
      <c r="AP6231">
        <v>21</v>
      </c>
      <c r="AQ6231">
        <v>21</v>
      </c>
    </row>
    <row r="6232" spans="1:43">
      <c r="A6232" t="s">
        <v>3906</v>
      </c>
      <c r="B6232" t="s">
        <v>3907</v>
      </c>
      <c r="C6232" t="s">
        <v>3878</v>
      </c>
      <c r="D6232" t="s">
        <v>3879</v>
      </c>
      <c r="E6232" t="s">
        <v>3660</v>
      </c>
      <c r="F6232" t="s">
        <v>3661</v>
      </c>
      <c r="G6232" t="s">
        <v>80</v>
      </c>
      <c r="H6232" t="s">
        <v>81</v>
      </c>
      <c r="I6232" s="2">
        <v>0</v>
      </c>
      <c r="J6232" s="2">
        <v>1</v>
      </c>
      <c r="K6232" s="2">
        <v>0</v>
      </c>
      <c r="L6232" t="s">
        <v>82</v>
      </c>
      <c r="M6232" t="s">
        <v>89</v>
      </c>
      <c r="N6232" t="s">
        <v>90</v>
      </c>
      <c r="O6232" t="s">
        <v>85</v>
      </c>
      <c r="P6232" t="s">
        <v>86</v>
      </c>
      <c r="Q6232">
        <v>18</v>
      </c>
      <c r="R6232">
        <v>19</v>
      </c>
      <c r="S6232">
        <v>19</v>
      </c>
      <c r="T6232">
        <v>20</v>
      </c>
      <c r="U6232">
        <v>20</v>
      </c>
      <c r="V6232">
        <v>21</v>
      </c>
      <c r="W6232">
        <v>21</v>
      </c>
      <c r="X6232">
        <v>21</v>
      </c>
      <c r="Y6232">
        <v>22</v>
      </c>
      <c r="Z6232">
        <v>22</v>
      </c>
      <c r="AA6232">
        <v>23</v>
      </c>
      <c r="AB6232">
        <v>23</v>
      </c>
      <c r="AC6232">
        <v>24</v>
      </c>
      <c r="AD6232">
        <v>24</v>
      </c>
      <c r="AE6232">
        <v>24</v>
      </c>
      <c r="AF6232">
        <v>24</v>
      </c>
      <c r="AG6232">
        <v>24</v>
      </c>
      <c r="AH6232">
        <v>24</v>
      </c>
      <c r="AI6232">
        <v>25</v>
      </c>
      <c r="AJ6232">
        <v>25</v>
      </c>
      <c r="AK6232">
        <v>25</v>
      </c>
      <c r="AL6232">
        <v>25</v>
      </c>
      <c r="AM6232">
        <v>25</v>
      </c>
      <c r="AN6232">
        <v>25</v>
      </c>
      <c r="AO6232">
        <v>25</v>
      </c>
      <c r="AP6232">
        <v>25</v>
      </c>
      <c r="AQ6232">
        <v>25</v>
      </c>
    </row>
    <row r="6233" spans="1:43">
      <c r="A6233" t="s">
        <v>3906</v>
      </c>
      <c r="B6233" t="s">
        <v>3907</v>
      </c>
      <c r="C6233" t="s">
        <v>3878</v>
      </c>
      <c r="D6233" t="s">
        <v>3879</v>
      </c>
      <c r="E6233" t="s">
        <v>3660</v>
      </c>
      <c r="F6233" t="s">
        <v>3661</v>
      </c>
      <c r="G6233" t="s">
        <v>80</v>
      </c>
      <c r="H6233" t="s">
        <v>81</v>
      </c>
      <c r="I6233" s="2">
        <v>0</v>
      </c>
      <c r="J6233" s="2">
        <v>1</v>
      </c>
      <c r="K6233" s="2">
        <v>0</v>
      </c>
      <c r="L6233" t="s">
        <v>82</v>
      </c>
      <c r="M6233" t="s">
        <v>83</v>
      </c>
      <c r="N6233" t="s">
        <v>91</v>
      </c>
      <c r="O6233" t="s">
        <v>85</v>
      </c>
      <c r="P6233" t="s">
        <v>86</v>
      </c>
      <c r="Q6233">
        <v>18</v>
      </c>
      <c r="R6233">
        <v>18</v>
      </c>
      <c r="S6233">
        <v>19</v>
      </c>
      <c r="T6233">
        <v>19</v>
      </c>
      <c r="U6233">
        <v>19</v>
      </c>
      <c r="V6233">
        <v>20</v>
      </c>
      <c r="W6233">
        <v>20</v>
      </c>
      <c r="X6233">
        <v>20</v>
      </c>
      <c r="Y6233">
        <v>21</v>
      </c>
      <c r="Z6233">
        <v>21</v>
      </c>
      <c r="AA6233">
        <v>21</v>
      </c>
      <c r="AB6233">
        <v>22</v>
      </c>
      <c r="AC6233">
        <v>22</v>
      </c>
      <c r="AD6233">
        <v>22</v>
      </c>
      <c r="AE6233">
        <v>23</v>
      </c>
      <c r="AF6233">
        <v>23</v>
      </c>
      <c r="AG6233">
        <v>23</v>
      </c>
      <c r="AH6233">
        <v>23</v>
      </c>
      <c r="AI6233">
        <v>24</v>
      </c>
      <c r="AJ6233">
        <v>24</v>
      </c>
      <c r="AK6233">
        <v>24</v>
      </c>
      <c r="AL6233">
        <v>25</v>
      </c>
      <c r="AM6233">
        <v>25</v>
      </c>
      <c r="AN6233">
        <v>25</v>
      </c>
      <c r="AO6233">
        <v>25</v>
      </c>
      <c r="AP6233">
        <v>25</v>
      </c>
      <c r="AQ6233">
        <v>25</v>
      </c>
    </row>
    <row r="6234" spans="1:43">
      <c r="A6234" t="s">
        <v>3908</v>
      </c>
      <c r="B6234" t="s">
        <v>3909</v>
      </c>
      <c r="C6234" t="s">
        <v>3688</v>
      </c>
      <c r="D6234" t="s">
        <v>3689</v>
      </c>
      <c r="E6234" t="s">
        <v>3660</v>
      </c>
      <c r="F6234" t="s">
        <v>3661</v>
      </c>
      <c r="G6234" t="s">
        <v>80</v>
      </c>
      <c r="H6234" t="s">
        <v>81</v>
      </c>
      <c r="I6234" s="2">
        <v>0</v>
      </c>
      <c r="J6234" s="2">
        <v>1</v>
      </c>
      <c r="K6234" s="2">
        <v>0</v>
      </c>
      <c r="L6234" t="s">
        <v>82</v>
      </c>
      <c r="M6234" t="s">
        <v>83</v>
      </c>
      <c r="N6234" t="s">
        <v>84</v>
      </c>
      <c r="O6234" t="s">
        <v>85</v>
      </c>
      <c r="P6234" t="s">
        <v>86</v>
      </c>
      <c r="Q6234">
        <v>48</v>
      </c>
      <c r="R6234">
        <v>49</v>
      </c>
      <c r="S6234">
        <v>50</v>
      </c>
      <c r="T6234">
        <v>51</v>
      </c>
      <c r="U6234">
        <v>52</v>
      </c>
      <c r="V6234">
        <v>53</v>
      </c>
      <c r="W6234">
        <v>54</v>
      </c>
      <c r="X6234">
        <v>54</v>
      </c>
      <c r="Y6234">
        <v>55</v>
      </c>
      <c r="Z6234">
        <v>56</v>
      </c>
      <c r="AA6234">
        <v>57</v>
      </c>
      <c r="AB6234">
        <v>58</v>
      </c>
      <c r="AC6234">
        <v>59</v>
      </c>
      <c r="AD6234">
        <v>60</v>
      </c>
      <c r="AE6234">
        <v>60</v>
      </c>
      <c r="AF6234">
        <v>61</v>
      </c>
      <c r="AG6234">
        <v>62</v>
      </c>
      <c r="AH6234">
        <v>63</v>
      </c>
      <c r="AI6234">
        <v>64</v>
      </c>
      <c r="AJ6234">
        <v>65</v>
      </c>
      <c r="AK6234">
        <v>65</v>
      </c>
      <c r="AL6234">
        <v>66</v>
      </c>
      <c r="AM6234">
        <v>66</v>
      </c>
      <c r="AN6234">
        <v>66</v>
      </c>
      <c r="AO6234">
        <v>66</v>
      </c>
      <c r="AP6234">
        <v>66</v>
      </c>
      <c r="AQ6234">
        <v>67</v>
      </c>
    </row>
    <row r="6235" spans="1:43">
      <c r="A6235" t="s">
        <v>3908</v>
      </c>
      <c r="B6235" t="s">
        <v>3909</v>
      </c>
      <c r="C6235" t="s">
        <v>3688</v>
      </c>
      <c r="D6235" t="s">
        <v>3689</v>
      </c>
      <c r="E6235" t="s">
        <v>3660</v>
      </c>
      <c r="F6235" t="s">
        <v>3661</v>
      </c>
      <c r="G6235" t="s">
        <v>80</v>
      </c>
      <c r="H6235" t="s">
        <v>81</v>
      </c>
      <c r="I6235" s="2">
        <v>0</v>
      </c>
      <c r="J6235" s="2">
        <v>1</v>
      </c>
      <c r="K6235" s="2">
        <v>0</v>
      </c>
      <c r="L6235" t="s">
        <v>82</v>
      </c>
      <c r="M6235" t="s">
        <v>87</v>
      </c>
      <c r="N6235" t="s">
        <v>88</v>
      </c>
      <c r="O6235" t="s">
        <v>85</v>
      </c>
      <c r="P6235" t="s">
        <v>86</v>
      </c>
      <c r="Q6235">
        <v>48</v>
      </c>
      <c r="R6235">
        <v>48</v>
      </c>
      <c r="S6235">
        <v>49</v>
      </c>
      <c r="T6235">
        <v>49</v>
      </c>
      <c r="U6235">
        <v>49</v>
      </c>
      <c r="V6235">
        <v>50</v>
      </c>
      <c r="W6235">
        <v>50</v>
      </c>
      <c r="X6235">
        <v>51</v>
      </c>
      <c r="Y6235">
        <v>51</v>
      </c>
      <c r="Z6235">
        <v>52</v>
      </c>
      <c r="AA6235">
        <v>52</v>
      </c>
      <c r="AB6235">
        <v>52</v>
      </c>
      <c r="AC6235">
        <v>53</v>
      </c>
      <c r="AD6235">
        <v>53</v>
      </c>
      <c r="AE6235">
        <v>53</v>
      </c>
      <c r="AF6235">
        <v>54</v>
      </c>
      <c r="AG6235">
        <v>54</v>
      </c>
      <c r="AH6235">
        <v>55</v>
      </c>
      <c r="AI6235">
        <v>55</v>
      </c>
      <c r="AJ6235">
        <v>55</v>
      </c>
      <c r="AK6235">
        <v>56</v>
      </c>
      <c r="AL6235">
        <v>56</v>
      </c>
      <c r="AM6235">
        <v>56</v>
      </c>
      <c r="AN6235">
        <v>57</v>
      </c>
      <c r="AO6235">
        <v>57</v>
      </c>
      <c r="AP6235">
        <v>57</v>
      </c>
      <c r="AQ6235">
        <v>58</v>
      </c>
    </row>
    <row r="6236" spans="1:43">
      <c r="A6236" t="s">
        <v>3908</v>
      </c>
      <c r="B6236" t="s">
        <v>3909</v>
      </c>
      <c r="C6236" t="s">
        <v>3688</v>
      </c>
      <c r="D6236" t="s">
        <v>3689</v>
      </c>
      <c r="E6236" t="s">
        <v>3660</v>
      </c>
      <c r="F6236" t="s">
        <v>3661</v>
      </c>
      <c r="G6236" t="s">
        <v>80</v>
      </c>
      <c r="H6236" t="s">
        <v>81</v>
      </c>
      <c r="I6236" s="2">
        <v>0</v>
      </c>
      <c r="J6236" s="2">
        <v>1</v>
      </c>
      <c r="K6236" s="2">
        <v>0</v>
      </c>
      <c r="L6236" t="s">
        <v>82</v>
      </c>
      <c r="M6236" t="s">
        <v>89</v>
      </c>
      <c r="N6236" t="s">
        <v>90</v>
      </c>
      <c r="O6236" t="s">
        <v>85</v>
      </c>
      <c r="P6236" t="s">
        <v>86</v>
      </c>
      <c r="Q6236">
        <v>48</v>
      </c>
      <c r="R6236">
        <v>49</v>
      </c>
      <c r="S6236">
        <v>50</v>
      </c>
      <c r="T6236">
        <v>51</v>
      </c>
      <c r="U6236">
        <v>53</v>
      </c>
      <c r="V6236">
        <v>54</v>
      </c>
      <c r="W6236">
        <v>55</v>
      </c>
      <c r="X6236">
        <v>56</v>
      </c>
      <c r="Y6236">
        <v>58</v>
      </c>
      <c r="Z6236">
        <v>59</v>
      </c>
      <c r="AA6236">
        <v>60</v>
      </c>
      <c r="AB6236">
        <v>61</v>
      </c>
      <c r="AC6236">
        <v>62</v>
      </c>
      <c r="AD6236">
        <v>63</v>
      </c>
      <c r="AE6236">
        <v>64</v>
      </c>
      <c r="AF6236">
        <v>64</v>
      </c>
      <c r="AG6236">
        <v>64</v>
      </c>
      <c r="AH6236">
        <v>65</v>
      </c>
      <c r="AI6236">
        <v>65</v>
      </c>
      <c r="AJ6236">
        <v>65</v>
      </c>
      <c r="AK6236">
        <v>65</v>
      </c>
      <c r="AL6236">
        <v>65</v>
      </c>
      <c r="AM6236">
        <v>66</v>
      </c>
      <c r="AN6236">
        <v>66</v>
      </c>
      <c r="AO6236">
        <v>66</v>
      </c>
      <c r="AP6236">
        <v>66</v>
      </c>
      <c r="AQ6236">
        <v>66</v>
      </c>
    </row>
    <row r="6237" spans="1:43">
      <c r="A6237" t="s">
        <v>3908</v>
      </c>
      <c r="B6237" t="s">
        <v>3909</v>
      </c>
      <c r="C6237" t="s">
        <v>3688</v>
      </c>
      <c r="D6237" t="s">
        <v>3689</v>
      </c>
      <c r="E6237" t="s">
        <v>3660</v>
      </c>
      <c r="F6237" t="s">
        <v>3661</v>
      </c>
      <c r="G6237" t="s">
        <v>80</v>
      </c>
      <c r="H6237" t="s">
        <v>81</v>
      </c>
      <c r="I6237" s="2">
        <v>0</v>
      </c>
      <c r="J6237" s="2">
        <v>1</v>
      </c>
      <c r="K6237" s="2">
        <v>0</v>
      </c>
      <c r="L6237" t="s">
        <v>82</v>
      </c>
      <c r="M6237" t="s">
        <v>83</v>
      </c>
      <c r="N6237" t="s">
        <v>91</v>
      </c>
      <c r="O6237" t="s">
        <v>85</v>
      </c>
      <c r="P6237" t="s">
        <v>86</v>
      </c>
      <c r="Q6237">
        <v>48</v>
      </c>
      <c r="R6237">
        <v>49</v>
      </c>
      <c r="S6237">
        <v>50</v>
      </c>
      <c r="T6237">
        <v>51</v>
      </c>
      <c r="U6237">
        <v>52</v>
      </c>
      <c r="V6237">
        <v>53</v>
      </c>
      <c r="W6237">
        <v>54</v>
      </c>
      <c r="X6237">
        <v>54</v>
      </c>
      <c r="Y6237">
        <v>55</v>
      </c>
      <c r="Z6237">
        <v>56</v>
      </c>
      <c r="AA6237">
        <v>57</v>
      </c>
      <c r="AB6237">
        <v>58</v>
      </c>
      <c r="AC6237">
        <v>59</v>
      </c>
      <c r="AD6237">
        <v>60</v>
      </c>
      <c r="AE6237">
        <v>60</v>
      </c>
      <c r="AF6237">
        <v>61</v>
      </c>
      <c r="AG6237">
        <v>62</v>
      </c>
      <c r="AH6237">
        <v>63</v>
      </c>
      <c r="AI6237">
        <v>64</v>
      </c>
      <c r="AJ6237">
        <v>65</v>
      </c>
      <c r="AK6237">
        <v>65</v>
      </c>
      <c r="AL6237">
        <v>66</v>
      </c>
      <c r="AM6237">
        <v>66</v>
      </c>
      <c r="AN6237">
        <v>66</v>
      </c>
      <c r="AO6237">
        <v>66</v>
      </c>
      <c r="AP6237">
        <v>66</v>
      </c>
      <c r="AQ6237">
        <v>67</v>
      </c>
    </row>
    <row r="6238" spans="1:43">
      <c r="A6238" t="s">
        <v>3910</v>
      </c>
      <c r="B6238" t="s">
        <v>3911</v>
      </c>
      <c r="C6238" t="s">
        <v>3678</v>
      </c>
      <c r="D6238" t="s">
        <v>3679</v>
      </c>
      <c r="E6238" t="s">
        <v>3660</v>
      </c>
      <c r="F6238" t="s">
        <v>3661</v>
      </c>
      <c r="G6238" t="s">
        <v>80</v>
      </c>
      <c r="H6238" t="s">
        <v>81</v>
      </c>
      <c r="I6238" s="2">
        <v>0</v>
      </c>
      <c r="J6238" s="2">
        <v>1</v>
      </c>
      <c r="K6238" s="2">
        <v>0</v>
      </c>
      <c r="L6238" t="s">
        <v>82</v>
      </c>
      <c r="M6238" t="s">
        <v>83</v>
      </c>
      <c r="N6238" t="s">
        <v>84</v>
      </c>
      <c r="O6238" t="s">
        <v>85</v>
      </c>
      <c r="P6238" t="s">
        <v>86</v>
      </c>
      <c r="Q6238">
        <v>37</v>
      </c>
      <c r="R6238">
        <v>38</v>
      </c>
      <c r="S6238">
        <v>39</v>
      </c>
      <c r="T6238">
        <v>39</v>
      </c>
      <c r="U6238">
        <v>40</v>
      </c>
      <c r="V6238">
        <v>41</v>
      </c>
      <c r="W6238">
        <v>42</v>
      </c>
      <c r="X6238">
        <v>42</v>
      </c>
      <c r="Y6238">
        <v>43</v>
      </c>
      <c r="Z6238">
        <v>44</v>
      </c>
      <c r="AA6238">
        <v>44</v>
      </c>
      <c r="AB6238">
        <v>45</v>
      </c>
      <c r="AC6238">
        <v>46</v>
      </c>
      <c r="AD6238">
        <v>46</v>
      </c>
      <c r="AE6238">
        <v>47</v>
      </c>
      <c r="AF6238">
        <v>48</v>
      </c>
      <c r="AG6238">
        <v>48</v>
      </c>
      <c r="AH6238">
        <v>49</v>
      </c>
      <c r="AI6238">
        <v>50</v>
      </c>
      <c r="AJ6238">
        <v>50</v>
      </c>
      <c r="AK6238">
        <v>51</v>
      </c>
      <c r="AL6238">
        <v>51</v>
      </c>
      <c r="AM6238">
        <v>51</v>
      </c>
      <c r="AN6238">
        <v>51</v>
      </c>
      <c r="AO6238">
        <v>52</v>
      </c>
      <c r="AP6238">
        <v>52</v>
      </c>
      <c r="AQ6238">
        <v>52</v>
      </c>
    </row>
    <row r="6239" spans="1:43">
      <c r="A6239" t="s">
        <v>3910</v>
      </c>
      <c r="B6239" t="s">
        <v>3911</v>
      </c>
      <c r="C6239" t="s">
        <v>3678</v>
      </c>
      <c r="D6239" t="s">
        <v>3679</v>
      </c>
      <c r="E6239" t="s">
        <v>3660</v>
      </c>
      <c r="F6239" t="s">
        <v>3661</v>
      </c>
      <c r="G6239" t="s">
        <v>80</v>
      </c>
      <c r="H6239" t="s">
        <v>81</v>
      </c>
      <c r="I6239" s="2">
        <v>0</v>
      </c>
      <c r="J6239" s="2">
        <v>1</v>
      </c>
      <c r="K6239" s="2">
        <v>0</v>
      </c>
      <c r="L6239" t="s">
        <v>82</v>
      </c>
      <c r="M6239" t="s">
        <v>87</v>
      </c>
      <c r="N6239" t="s">
        <v>88</v>
      </c>
      <c r="O6239" t="s">
        <v>85</v>
      </c>
      <c r="P6239" t="s">
        <v>86</v>
      </c>
      <c r="Q6239">
        <v>37</v>
      </c>
      <c r="R6239">
        <v>37</v>
      </c>
      <c r="S6239">
        <v>38</v>
      </c>
      <c r="T6239">
        <v>38</v>
      </c>
      <c r="U6239">
        <v>38</v>
      </c>
      <c r="V6239">
        <v>39</v>
      </c>
      <c r="W6239">
        <v>39</v>
      </c>
      <c r="X6239">
        <v>39</v>
      </c>
      <c r="Y6239">
        <v>40</v>
      </c>
      <c r="Z6239">
        <v>40</v>
      </c>
      <c r="AA6239">
        <v>40</v>
      </c>
      <c r="AB6239">
        <v>41</v>
      </c>
      <c r="AC6239">
        <v>41</v>
      </c>
      <c r="AD6239">
        <v>41</v>
      </c>
      <c r="AE6239">
        <v>42</v>
      </c>
      <c r="AF6239">
        <v>42</v>
      </c>
      <c r="AG6239">
        <v>42</v>
      </c>
      <c r="AH6239">
        <v>43</v>
      </c>
      <c r="AI6239">
        <v>43</v>
      </c>
      <c r="AJ6239">
        <v>43</v>
      </c>
      <c r="AK6239">
        <v>43</v>
      </c>
      <c r="AL6239">
        <v>44</v>
      </c>
      <c r="AM6239">
        <v>44</v>
      </c>
      <c r="AN6239">
        <v>44</v>
      </c>
      <c r="AO6239">
        <v>44</v>
      </c>
      <c r="AP6239">
        <v>45</v>
      </c>
      <c r="AQ6239">
        <v>45</v>
      </c>
    </row>
    <row r="6240" spans="1:43">
      <c r="A6240" t="s">
        <v>3910</v>
      </c>
      <c r="B6240" t="s">
        <v>3911</v>
      </c>
      <c r="C6240" t="s">
        <v>3678</v>
      </c>
      <c r="D6240" t="s">
        <v>3679</v>
      </c>
      <c r="E6240" t="s">
        <v>3660</v>
      </c>
      <c r="F6240" t="s">
        <v>3661</v>
      </c>
      <c r="G6240" t="s">
        <v>80</v>
      </c>
      <c r="H6240" t="s">
        <v>81</v>
      </c>
      <c r="I6240" s="2">
        <v>0</v>
      </c>
      <c r="J6240" s="2">
        <v>1</v>
      </c>
      <c r="K6240" s="2">
        <v>0</v>
      </c>
      <c r="L6240" t="s">
        <v>82</v>
      </c>
      <c r="M6240" t="s">
        <v>89</v>
      </c>
      <c r="N6240" t="s">
        <v>90</v>
      </c>
      <c r="O6240" t="s">
        <v>85</v>
      </c>
      <c r="P6240" t="s">
        <v>86</v>
      </c>
      <c r="Q6240">
        <v>37</v>
      </c>
      <c r="R6240">
        <v>38</v>
      </c>
      <c r="S6240">
        <v>39</v>
      </c>
      <c r="T6240">
        <v>40</v>
      </c>
      <c r="U6240">
        <v>41</v>
      </c>
      <c r="V6240">
        <v>42</v>
      </c>
      <c r="W6240">
        <v>43</v>
      </c>
      <c r="X6240">
        <v>44</v>
      </c>
      <c r="Y6240">
        <v>45</v>
      </c>
      <c r="Z6240">
        <v>45</v>
      </c>
      <c r="AA6240">
        <v>46</v>
      </c>
      <c r="AB6240">
        <v>47</v>
      </c>
      <c r="AC6240">
        <v>48</v>
      </c>
      <c r="AD6240">
        <v>49</v>
      </c>
      <c r="AE6240">
        <v>49</v>
      </c>
      <c r="AF6240">
        <v>50</v>
      </c>
      <c r="AG6240">
        <v>50</v>
      </c>
      <c r="AH6240">
        <v>50</v>
      </c>
      <c r="AI6240">
        <v>50</v>
      </c>
      <c r="AJ6240">
        <v>50</v>
      </c>
      <c r="AK6240">
        <v>50</v>
      </c>
      <c r="AL6240">
        <v>51</v>
      </c>
      <c r="AM6240">
        <v>51</v>
      </c>
      <c r="AN6240">
        <v>51</v>
      </c>
      <c r="AO6240">
        <v>51</v>
      </c>
      <c r="AP6240">
        <v>51</v>
      </c>
      <c r="AQ6240">
        <v>51</v>
      </c>
    </row>
    <row r="6241" spans="1:43">
      <c r="A6241" t="s">
        <v>3910</v>
      </c>
      <c r="B6241" t="s">
        <v>3911</v>
      </c>
      <c r="C6241" t="s">
        <v>3678</v>
      </c>
      <c r="D6241" t="s">
        <v>3679</v>
      </c>
      <c r="E6241" t="s">
        <v>3660</v>
      </c>
      <c r="F6241" t="s">
        <v>3661</v>
      </c>
      <c r="G6241" t="s">
        <v>80</v>
      </c>
      <c r="H6241" t="s">
        <v>81</v>
      </c>
      <c r="I6241" s="2">
        <v>0</v>
      </c>
      <c r="J6241" s="2">
        <v>1</v>
      </c>
      <c r="K6241" s="2">
        <v>0</v>
      </c>
      <c r="L6241" t="s">
        <v>82</v>
      </c>
      <c r="M6241" t="s">
        <v>83</v>
      </c>
      <c r="N6241" t="s">
        <v>91</v>
      </c>
      <c r="O6241" t="s">
        <v>85</v>
      </c>
      <c r="P6241" t="s">
        <v>86</v>
      </c>
      <c r="Q6241">
        <v>37</v>
      </c>
      <c r="R6241">
        <v>38</v>
      </c>
      <c r="S6241">
        <v>39</v>
      </c>
      <c r="T6241">
        <v>39</v>
      </c>
      <c r="U6241">
        <v>40</v>
      </c>
      <c r="V6241">
        <v>41</v>
      </c>
      <c r="W6241">
        <v>42</v>
      </c>
      <c r="X6241">
        <v>42</v>
      </c>
      <c r="Y6241">
        <v>43</v>
      </c>
      <c r="Z6241">
        <v>44</v>
      </c>
      <c r="AA6241">
        <v>44</v>
      </c>
      <c r="AB6241">
        <v>45</v>
      </c>
      <c r="AC6241">
        <v>46</v>
      </c>
      <c r="AD6241">
        <v>46</v>
      </c>
      <c r="AE6241">
        <v>47</v>
      </c>
      <c r="AF6241">
        <v>48</v>
      </c>
      <c r="AG6241">
        <v>48</v>
      </c>
      <c r="AH6241">
        <v>49</v>
      </c>
      <c r="AI6241">
        <v>50</v>
      </c>
      <c r="AJ6241">
        <v>50</v>
      </c>
      <c r="AK6241">
        <v>51</v>
      </c>
      <c r="AL6241">
        <v>51</v>
      </c>
      <c r="AM6241">
        <v>51</v>
      </c>
      <c r="AN6241">
        <v>51</v>
      </c>
      <c r="AO6241">
        <v>52</v>
      </c>
      <c r="AP6241">
        <v>52</v>
      </c>
      <c r="AQ6241">
        <v>52</v>
      </c>
    </row>
    <row r="6242" spans="1:43">
      <c r="A6242" t="s">
        <v>3912</v>
      </c>
      <c r="B6242" t="s">
        <v>3913</v>
      </c>
      <c r="C6242" t="s">
        <v>3854</v>
      </c>
      <c r="D6242" t="s">
        <v>3855</v>
      </c>
      <c r="E6242" t="s">
        <v>3660</v>
      </c>
      <c r="F6242" t="s">
        <v>3661</v>
      </c>
      <c r="G6242" t="s">
        <v>80</v>
      </c>
      <c r="H6242" t="s">
        <v>81</v>
      </c>
      <c r="I6242" s="2">
        <v>0</v>
      </c>
      <c r="J6242" s="2">
        <v>1</v>
      </c>
      <c r="K6242" s="2">
        <v>0</v>
      </c>
      <c r="L6242" t="s">
        <v>82</v>
      </c>
      <c r="M6242" t="s">
        <v>83</v>
      </c>
      <c r="N6242" t="s">
        <v>84</v>
      </c>
      <c r="O6242" t="s">
        <v>85</v>
      </c>
      <c r="P6242" t="s">
        <v>86</v>
      </c>
      <c r="Q6242">
        <v>116</v>
      </c>
      <c r="R6242">
        <v>118</v>
      </c>
      <c r="S6242">
        <v>120</v>
      </c>
      <c r="T6242">
        <v>122</v>
      </c>
      <c r="U6242">
        <v>125</v>
      </c>
      <c r="V6242">
        <v>127</v>
      </c>
      <c r="W6242">
        <v>129</v>
      </c>
      <c r="X6242">
        <v>131</v>
      </c>
      <c r="Y6242">
        <v>133</v>
      </c>
      <c r="Z6242">
        <v>135</v>
      </c>
      <c r="AA6242">
        <v>138</v>
      </c>
      <c r="AB6242">
        <v>140</v>
      </c>
      <c r="AC6242">
        <v>142</v>
      </c>
      <c r="AD6242">
        <v>144</v>
      </c>
      <c r="AE6242">
        <v>146</v>
      </c>
      <c r="AF6242">
        <v>148</v>
      </c>
      <c r="AG6242">
        <v>150</v>
      </c>
      <c r="AH6242">
        <v>152</v>
      </c>
      <c r="AI6242">
        <v>154</v>
      </c>
      <c r="AJ6242">
        <v>156</v>
      </c>
      <c r="AK6242">
        <v>158</v>
      </c>
      <c r="AL6242">
        <v>159</v>
      </c>
      <c r="AM6242">
        <v>159</v>
      </c>
      <c r="AN6242">
        <v>160</v>
      </c>
      <c r="AO6242">
        <v>160</v>
      </c>
      <c r="AP6242">
        <v>160</v>
      </c>
      <c r="AQ6242">
        <v>161</v>
      </c>
    </row>
    <row r="6243" spans="1:43">
      <c r="A6243" t="s">
        <v>3912</v>
      </c>
      <c r="B6243" t="s">
        <v>3913</v>
      </c>
      <c r="C6243" t="s">
        <v>3854</v>
      </c>
      <c r="D6243" t="s">
        <v>3855</v>
      </c>
      <c r="E6243" t="s">
        <v>3660</v>
      </c>
      <c r="F6243" t="s">
        <v>3661</v>
      </c>
      <c r="G6243" t="s">
        <v>80</v>
      </c>
      <c r="H6243" t="s">
        <v>81</v>
      </c>
      <c r="I6243" s="2">
        <v>0</v>
      </c>
      <c r="J6243" s="2">
        <v>1</v>
      </c>
      <c r="K6243" s="2">
        <v>0</v>
      </c>
      <c r="L6243" t="s">
        <v>82</v>
      </c>
      <c r="M6243" t="s">
        <v>87</v>
      </c>
      <c r="N6243" t="s">
        <v>88</v>
      </c>
      <c r="O6243" t="s">
        <v>85</v>
      </c>
      <c r="P6243" t="s">
        <v>86</v>
      </c>
      <c r="Q6243">
        <v>116</v>
      </c>
      <c r="R6243">
        <v>117</v>
      </c>
      <c r="S6243">
        <v>118</v>
      </c>
      <c r="T6243">
        <v>119</v>
      </c>
      <c r="U6243">
        <v>120</v>
      </c>
      <c r="V6243">
        <v>121</v>
      </c>
      <c r="W6243">
        <v>122</v>
      </c>
      <c r="X6243">
        <v>123</v>
      </c>
      <c r="Y6243">
        <v>124</v>
      </c>
      <c r="Z6243">
        <v>125</v>
      </c>
      <c r="AA6243">
        <v>126</v>
      </c>
      <c r="AB6243">
        <v>127</v>
      </c>
      <c r="AC6243">
        <v>128</v>
      </c>
      <c r="AD6243">
        <v>129</v>
      </c>
      <c r="AE6243">
        <v>130</v>
      </c>
      <c r="AF6243">
        <v>131</v>
      </c>
      <c r="AG6243">
        <v>132</v>
      </c>
      <c r="AH6243">
        <v>133</v>
      </c>
      <c r="AI6243">
        <v>134</v>
      </c>
      <c r="AJ6243">
        <v>135</v>
      </c>
      <c r="AK6243">
        <v>135</v>
      </c>
      <c r="AL6243">
        <v>136</v>
      </c>
      <c r="AM6243">
        <v>137</v>
      </c>
      <c r="AN6243">
        <v>138</v>
      </c>
      <c r="AO6243">
        <v>139</v>
      </c>
      <c r="AP6243">
        <v>140</v>
      </c>
      <c r="AQ6243">
        <v>140</v>
      </c>
    </row>
    <row r="6244" spans="1:43">
      <c r="A6244" t="s">
        <v>3912</v>
      </c>
      <c r="B6244" t="s">
        <v>3913</v>
      </c>
      <c r="C6244" t="s">
        <v>3854</v>
      </c>
      <c r="D6244" t="s">
        <v>3855</v>
      </c>
      <c r="E6244" t="s">
        <v>3660</v>
      </c>
      <c r="F6244" t="s">
        <v>3661</v>
      </c>
      <c r="G6244" t="s">
        <v>80</v>
      </c>
      <c r="H6244" t="s">
        <v>81</v>
      </c>
      <c r="I6244" s="2">
        <v>0</v>
      </c>
      <c r="J6244" s="2">
        <v>1</v>
      </c>
      <c r="K6244" s="2">
        <v>0</v>
      </c>
      <c r="L6244" t="s">
        <v>82</v>
      </c>
      <c r="M6244" t="s">
        <v>89</v>
      </c>
      <c r="N6244" t="s">
        <v>90</v>
      </c>
      <c r="O6244" t="s">
        <v>85</v>
      </c>
      <c r="P6244" t="s">
        <v>86</v>
      </c>
      <c r="Q6244">
        <v>116</v>
      </c>
      <c r="R6244">
        <v>119</v>
      </c>
      <c r="S6244">
        <v>122</v>
      </c>
      <c r="T6244">
        <v>125</v>
      </c>
      <c r="U6244">
        <v>129</v>
      </c>
      <c r="V6244">
        <v>132</v>
      </c>
      <c r="W6244">
        <v>135</v>
      </c>
      <c r="X6244">
        <v>137</v>
      </c>
      <c r="Y6244">
        <v>140</v>
      </c>
      <c r="Z6244">
        <v>143</v>
      </c>
      <c r="AA6244">
        <v>146</v>
      </c>
      <c r="AB6244">
        <v>148</v>
      </c>
      <c r="AC6244">
        <v>151</v>
      </c>
      <c r="AD6244">
        <v>154</v>
      </c>
      <c r="AE6244">
        <v>155</v>
      </c>
      <c r="AF6244">
        <v>156</v>
      </c>
      <c r="AG6244">
        <v>157</v>
      </c>
      <c r="AH6244">
        <v>157</v>
      </c>
      <c r="AI6244">
        <v>157</v>
      </c>
      <c r="AJ6244">
        <v>158</v>
      </c>
      <c r="AK6244">
        <v>158</v>
      </c>
      <c r="AL6244">
        <v>159</v>
      </c>
      <c r="AM6244">
        <v>159</v>
      </c>
      <c r="AN6244">
        <v>160</v>
      </c>
      <c r="AO6244">
        <v>160</v>
      </c>
      <c r="AP6244">
        <v>160</v>
      </c>
      <c r="AQ6244">
        <v>161</v>
      </c>
    </row>
    <row r="6245" spans="1:43">
      <c r="A6245" t="s">
        <v>3912</v>
      </c>
      <c r="B6245" t="s">
        <v>3913</v>
      </c>
      <c r="C6245" t="s">
        <v>3854</v>
      </c>
      <c r="D6245" t="s">
        <v>3855</v>
      </c>
      <c r="E6245" t="s">
        <v>3660</v>
      </c>
      <c r="F6245" t="s">
        <v>3661</v>
      </c>
      <c r="G6245" t="s">
        <v>80</v>
      </c>
      <c r="H6245" t="s">
        <v>81</v>
      </c>
      <c r="I6245" s="2">
        <v>0</v>
      </c>
      <c r="J6245" s="2">
        <v>1</v>
      </c>
      <c r="K6245" s="2">
        <v>0</v>
      </c>
      <c r="L6245" t="s">
        <v>82</v>
      </c>
      <c r="M6245" t="s">
        <v>83</v>
      </c>
      <c r="N6245" t="s">
        <v>91</v>
      </c>
      <c r="O6245" t="s">
        <v>85</v>
      </c>
      <c r="P6245" t="s">
        <v>86</v>
      </c>
      <c r="Q6245">
        <v>116</v>
      </c>
      <c r="R6245">
        <v>118</v>
      </c>
      <c r="S6245">
        <v>120</v>
      </c>
      <c r="T6245">
        <v>122</v>
      </c>
      <c r="U6245">
        <v>125</v>
      </c>
      <c r="V6245">
        <v>127</v>
      </c>
      <c r="W6245">
        <v>129</v>
      </c>
      <c r="X6245">
        <v>131</v>
      </c>
      <c r="Y6245">
        <v>133</v>
      </c>
      <c r="Z6245">
        <v>135</v>
      </c>
      <c r="AA6245">
        <v>138</v>
      </c>
      <c r="AB6245">
        <v>140</v>
      </c>
      <c r="AC6245">
        <v>142</v>
      </c>
      <c r="AD6245">
        <v>144</v>
      </c>
      <c r="AE6245">
        <v>146</v>
      </c>
      <c r="AF6245">
        <v>148</v>
      </c>
      <c r="AG6245">
        <v>150</v>
      </c>
      <c r="AH6245">
        <v>152</v>
      </c>
      <c r="AI6245">
        <v>154</v>
      </c>
      <c r="AJ6245">
        <v>156</v>
      </c>
      <c r="AK6245">
        <v>158</v>
      </c>
      <c r="AL6245">
        <v>159</v>
      </c>
      <c r="AM6245">
        <v>159</v>
      </c>
      <c r="AN6245">
        <v>160</v>
      </c>
      <c r="AO6245">
        <v>160</v>
      </c>
      <c r="AP6245">
        <v>160</v>
      </c>
      <c r="AQ6245">
        <v>161</v>
      </c>
    </row>
    <row r="6246" spans="1:43">
      <c r="A6246" t="s">
        <v>3914</v>
      </c>
      <c r="B6246" t="s">
        <v>3915</v>
      </c>
      <c r="C6246" t="s">
        <v>3732</v>
      </c>
      <c r="D6246" t="s">
        <v>3733</v>
      </c>
      <c r="E6246" t="s">
        <v>3660</v>
      </c>
      <c r="F6246" t="s">
        <v>3661</v>
      </c>
      <c r="G6246" t="s">
        <v>80</v>
      </c>
      <c r="H6246" t="s">
        <v>81</v>
      </c>
      <c r="I6246" s="2">
        <v>0</v>
      </c>
      <c r="J6246" s="2">
        <v>1</v>
      </c>
      <c r="K6246" s="2">
        <v>0</v>
      </c>
      <c r="L6246" t="s">
        <v>82</v>
      </c>
      <c r="M6246" t="s">
        <v>83</v>
      </c>
      <c r="N6246" t="s">
        <v>84</v>
      </c>
      <c r="O6246" t="s">
        <v>85</v>
      </c>
      <c r="P6246" t="s">
        <v>86</v>
      </c>
      <c r="Q6246">
        <v>66</v>
      </c>
      <c r="R6246">
        <v>67</v>
      </c>
      <c r="S6246">
        <v>68</v>
      </c>
      <c r="T6246">
        <v>70</v>
      </c>
      <c r="U6246">
        <v>71</v>
      </c>
      <c r="V6246">
        <v>72</v>
      </c>
      <c r="W6246">
        <v>73</v>
      </c>
      <c r="X6246">
        <v>75</v>
      </c>
      <c r="Y6246">
        <v>76</v>
      </c>
      <c r="Z6246">
        <v>77</v>
      </c>
      <c r="AA6246">
        <v>78</v>
      </c>
      <c r="AB6246">
        <v>79</v>
      </c>
      <c r="AC6246">
        <v>81</v>
      </c>
      <c r="AD6246">
        <v>82</v>
      </c>
      <c r="AE6246">
        <v>83</v>
      </c>
      <c r="AF6246">
        <v>84</v>
      </c>
      <c r="AG6246">
        <v>85</v>
      </c>
      <c r="AH6246">
        <v>86</v>
      </c>
      <c r="AI6246">
        <v>87</v>
      </c>
      <c r="AJ6246">
        <v>89</v>
      </c>
      <c r="AK6246">
        <v>90</v>
      </c>
      <c r="AL6246">
        <v>90</v>
      </c>
      <c r="AM6246">
        <v>90</v>
      </c>
      <c r="AN6246">
        <v>91</v>
      </c>
      <c r="AO6246">
        <v>91</v>
      </c>
      <c r="AP6246">
        <v>91</v>
      </c>
      <c r="AQ6246">
        <v>91</v>
      </c>
    </row>
    <row r="6247" spans="1:43">
      <c r="A6247" t="s">
        <v>3914</v>
      </c>
      <c r="B6247" t="s">
        <v>3915</v>
      </c>
      <c r="C6247" t="s">
        <v>3732</v>
      </c>
      <c r="D6247" t="s">
        <v>3733</v>
      </c>
      <c r="E6247" t="s">
        <v>3660</v>
      </c>
      <c r="F6247" t="s">
        <v>3661</v>
      </c>
      <c r="G6247" t="s">
        <v>80</v>
      </c>
      <c r="H6247" t="s">
        <v>81</v>
      </c>
      <c r="I6247" s="2">
        <v>0</v>
      </c>
      <c r="J6247" s="2">
        <v>1</v>
      </c>
      <c r="K6247" s="2">
        <v>0</v>
      </c>
      <c r="L6247" t="s">
        <v>82</v>
      </c>
      <c r="M6247" t="s">
        <v>87</v>
      </c>
      <c r="N6247" t="s">
        <v>88</v>
      </c>
      <c r="O6247" t="s">
        <v>85</v>
      </c>
      <c r="P6247" t="s">
        <v>86</v>
      </c>
      <c r="Q6247">
        <v>66</v>
      </c>
      <c r="R6247">
        <v>67</v>
      </c>
      <c r="S6247">
        <v>68</v>
      </c>
      <c r="T6247">
        <v>68</v>
      </c>
      <c r="U6247">
        <v>69</v>
      </c>
      <c r="V6247">
        <v>69</v>
      </c>
      <c r="W6247">
        <v>70</v>
      </c>
      <c r="X6247">
        <v>71</v>
      </c>
      <c r="Y6247">
        <v>71</v>
      </c>
      <c r="Z6247">
        <v>72</v>
      </c>
      <c r="AA6247">
        <v>72</v>
      </c>
      <c r="AB6247">
        <v>73</v>
      </c>
      <c r="AC6247">
        <v>73</v>
      </c>
      <c r="AD6247">
        <v>74</v>
      </c>
      <c r="AE6247">
        <v>74</v>
      </c>
      <c r="AF6247">
        <v>75</v>
      </c>
      <c r="AG6247">
        <v>75</v>
      </c>
      <c r="AH6247">
        <v>76</v>
      </c>
      <c r="AI6247">
        <v>76</v>
      </c>
      <c r="AJ6247">
        <v>77</v>
      </c>
      <c r="AK6247">
        <v>77</v>
      </c>
      <c r="AL6247">
        <v>78</v>
      </c>
      <c r="AM6247">
        <v>78</v>
      </c>
      <c r="AN6247">
        <v>79</v>
      </c>
      <c r="AO6247">
        <v>79</v>
      </c>
      <c r="AP6247">
        <v>80</v>
      </c>
      <c r="AQ6247">
        <v>80</v>
      </c>
    </row>
    <row r="6248" spans="1:43">
      <c r="A6248" t="s">
        <v>3914</v>
      </c>
      <c r="B6248" t="s">
        <v>3915</v>
      </c>
      <c r="C6248" t="s">
        <v>3732</v>
      </c>
      <c r="D6248" t="s">
        <v>3733</v>
      </c>
      <c r="E6248" t="s">
        <v>3660</v>
      </c>
      <c r="F6248" t="s">
        <v>3661</v>
      </c>
      <c r="G6248" t="s">
        <v>80</v>
      </c>
      <c r="H6248" t="s">
        <v>81</v>
      </c>
      <c r="I6248" s="2">
        <v>0</v>
      </c>
      <c r="J6248" s="2">
        <v>1</v>
      </c>
      <c r="K6248" s="2">
        <v>0</v>
      </c>
      <c r="L6248" t="s">
        <v>82</v>
      </c>
      <c r="M6248" t="s">
        <v>89</v>
      </c>
      <c r="N6248" t="s">
        <v>90</v>
      </c>
      <c r="O6248" t="s">
        <v>85</v>
      </c>
      <c r="P6248" t="s">
        <v>86</v>
      </c>
      <c r="Q6248">
        <v>66</v>
      </c>
      <c r="R6248">
        <v>67</v>
      </c>
      <c r="S6248">
        <v>69</v>
      </c>
      <c r="T6248">
        <v>71</v>
      </c>
      <c r="U6248">
        <v>73</v>
      </c>
      <c r="V6248">
        <v>74</v>
      </c>
      <c r="W6248">
        <v>76</v>
      </c>
      <c r="X6248">
        <v>78</v>
      </c>
      <c r="Y6248">
        <v>79</v>
      </c>
      <c r="Z6248">
        <v>81</v>
      </c>
      <c r="AA6248">
        <v>82</v>
      </c>
      <c r="AB6248">
        <v>84</v>
      </c>
      <c r="AC6248">
        <v>86</v>
      </c>
      <c r="AD6248">
        <v>87</v>
      </c>
      <c r="AE6248">
        <v>88</v>
      </c>
      <c r="AF6248">
        <v>88</v>
      </c>
      <c r="AG6248">
        <v>89</v>
      </c>
      <c r="AH6248">
        <v>89</v>
      </c>
      <c r="AI6248">
        <v>89</v>
      </c>
      <c r="AJ6248">
        <v>90</v>
      </c>
      <c r="AK6248">
        <v>90</v>
      </c>
      <c r="AL6248">
        <v>90</v>
      </c>
      <c r="AM6248">
        <v>90</v>
      </c>
      <c r="AN6248">
        <v>91</v>
      </c>
      <c r="AO6248">
        <v>91</v>
      </c>
      <c r="AP6248">
        <v>91</v>
      </c>
      <c r="AQ6248">
        <v>91</v>
      </c>
    </row>
    <row r="6249" spans="1:43">
      <c r="A6249" t="s">
        <v>3914</v>
      </c>
      <c r="B6249" t="s">
        <v>3915</v>
      </c>
      <c r="C6249" t="s">
        <v>3732</v>
      </c>
      <c r="D6249" t="s">
        <v>3733</v>
      </c>
      <c r="E6249" t="s">
        <v>3660</v>
      </c>
      <c r="F6249" t="s">
        <v>3661</v>
      </c>
      <c r="G6249" t="s">
        <v>80</v>
      </c>
      <c r="H6249" t="s">
        <v>81</v>
      </c>
      <c r="I6249" s="2">
        <v>0</v>
      </c>
      <c r="J6249" s="2">
        <v>1</v>
      </c>
      <c r="K6249" s="2">
        <v>0</v>
      </c>
      <c r="L6249" t="s">
        <v>82</v>
      </c>
      <c r="M6249" t="s">
        <v>83</v>
      </c>
      <c r="N6249" t="s">
        <v>91</v>
      </c>
      <c r="O6249" t="s">
        <v>85</v>
      </c>
      <c r="P6249" t="s">
        <v>86</v>
      </c>
      <c r="Q6249">
        <v>66</v>
      </c>
      <c r="R6249">
        <v>67</v>
      </c>
      <c r="S6249">
        <v>68</v>
      </c>
      <c r="T6249">
        <v>70</v>
      </c>
      <c r="U6249">
        <v>71</v>
      </c>
      <c r="V6249">
        <v>72</v>
      </c>
      <c r="W6249">
        <v>73</v>
      </c>
      <c r="X6249">
        <v>75</v>
      </c>
      <c r="Y6249">
        <v>76</v>
      </c>
      <c r="Z6249">
        <v>77</v>
      </c>
      <c r="AA6249">
        <v>78</v>
      </c>
      <c r="AB6249">
        <v>79</v>
      </c>
      <c r="AC6249">
        <v>81</v>
      </c>
      <c r="AD6249">
        <v>82</v>
      </c>
      <c r="AE6249">
        <v>83</v>
      </c>
      <c r="AF6249">
        <v>84</v>
      </c>
      <c r="AG6249">
        <v>85</v>
      </c>
      <c r="AH6249">
        <v>86</v>
      </c>
      <c r="AI6249">
        <v>87</v>
      </c>
      <c r="AJ6249">
        <v>89</v>
      </c>
      <c r="AK6249">
        <v>90</v>
      </c>
      <c r="AL6249">
        <v>90</v>
      </c>
      <c r="AM6249">
        <v>90</v>
      </c>
      <c r="AN6249">
        <v>91</v>
      </c>
      <c r="AO6249">
        <v>91</v>
      </c>
      <c r="AP6249">
        <v>91</v>
      </c>
      <c r="AQ6249">
        <v>91</v>
      </c>
    </row>
    <row r="6250" spans="1:43">
      <c r="A6250" t="s">
        <v>3916</v>
      </c>
      <c r="B6250" t="s">
        <v>3917</v>
      </c>
      <c r="C6250" t="s">
        <v>3728</v>
      </c>
      <c r="D6250" t="s">
        <v>3729</v>
      </c>
      <c r="E6250" t="s">
        <v>3660</v>
      </c>
      <c r="F6250" t="s">
        <v>3661</v>
      </c>
      <c r="G6250" t="s">
        <v>80</v>
      </c>
      <c r="H6250" t="s">
        <v>81</v>
      </c>
      <c r="I6250" s="2">
        <v>0</v>
      </c>
      <c r="J6250" s="2">
        <v>1</v>
      </c>
      <c r="K6250" s="2">
        <v>0</v>
      </c>
      <c r="L6250" t="s">
        <v>82</v>
      </c>
      <c r="M6250" t="s">
        <v>83</v>
      </c>
      <c r="N6250" t="s">
        <v>84</v>
      </c>
      <c r="O6250" t="s">
        <v>85</v>
      </c>
      <c r="P6250" t="s">
        <v>86</v>
      </c>
      <c r="Q6250">
        <v>67</v>
      </c>
      <c r="R6250">
        <v>68</v>
      </c>
      <c r="S6250">
        <v>69</v>
      </c>
      <c r="T6250">
        <v>71</v>
      </c>
      <c r="U6250">
        <v>72</v>
      </c>
      <c r="V6250">
        <v>73</v>
      </c>
      <c r="W6250">
        <v>75</v>
      </c>
      <c r="X6250">
        <v>76</v>
      </c>
      <c r="Y6250">
        <v>77</v>
      </c>
      <c r="Z6250">
        <v>78</v>
      </c>
      <c r="AA6250">
        <v>79</v>
      </c>
      <c r="AB6250">
        <v>81</v>
      </c>
      <c r="AC6250">
        <v>82</v>
      </c>
      <c r="AD6250">
        <v>83</v>
      </c>
      <c r="AE6250">
        <v>84</v>
      </c>
      <c r="AF6250">
        <v>85</v>
      </c>
      <c r="AG6250">
        <v>87</v>
      </c>
      <c r="AH6250">
        <v>88</v>
      </c>
      <c r="AI6250">
        <v>89</v>
      </c>
      <c r="AJ6250">
        <v>90</v>
      </c>
      <c r="AK6250">
        <v>91</v>
      </c>
      <c r="AL6250">
        <v>92</v>
      </c>
      <c r="AM6250">
        <v>92</v>
      </c>
      <c r="AN6250">
        <v>92</v>
      </c>
      <c r="AO6250">
        <v>92</v>
      </c>
      <c r="AP6250">
        <v>93</v>
      </c>
      <c r="AQ6250">
        <v>93</v>
      </c>
    </row>
    <row r="6251" spans="1:43">
      <c r="A6251" t="s">
        <v>3916</v>
      </c>
      <c r="B6251" t="s">
        <v>3917</v>
      </c>
      <c r="C6251" t="s">
        <v>3728</v>
      </c>
      <c r="D6251" t="s">
        <v>3729</v>
      </c>
      <c r="E6251" t="s">
        <v>3660</v>
      </c>
      <c r="F6251" t="s">
        <v>3661</v>
      </c>
      <c r="G6251" t="s">
        <v>80</v>
      </c>
      <c r="H6251" t="s">
        <v>81</v>
      </c>
      <c r="I6251" s="2">
        <v>0</v>
      </c>
      <c r="J6251" s="2">
        <v>1</v>
      </c>
      <c r="K6251" s="2">
        <v>0</v>
      </c>
      <c r="L6251" t="s">
        <v>82</v>
      </c>
      <c r="M6251" t="s">
        <v>87</v>
      </c>
      <c r="N6251" t="s">
        <v>88</v>
      </c>
      <c r="O6251" t="s">
        <v>85</v>
      </c>
      <c r="P6251" t="s">
        <v>86</v>
      </c>
      <c r="Q6251">
        <v>67</v>
      </c>
      <c r="R6251">
        <v>68</v>
      </c>
      <c r="S6251">
        <v>69</v>
      </c>
      <c r="T6251">
        <v>69</v>
      </c>
      <c r="U6251">
        <v>70</v>
      </c>
      <c r="V6251">
        <v>70</v>
      </c>
      <c r="W6251">
        <v>71</v>
      </c>
      <c r="X6251">
        <v>72</v>
      </c>
      <c r="Y6251">
        <v>72</v>
      </c>
      <c r="Z6251">
        <v>73</v>
      </c>
      <c r="AA6251">
        <v>73</v>
      </c>
      <c r="AB6251">
        <v>74</v>
      </c>
      <c r="AC6251">
        <v>74</v>
      </c>
      <c r="AD6251">
        <v>75</v>
      </c>
      <c r="AE6251">
        <v>76</v>
      </c>
      <c r="AF6251">
        <v>76</v>
      </c>
      <c r="AG6251">
        <v>77</v>
      </c>
      <c r="AH6251">
        <v>77</v>
      </c>
      <c r="AI6251">
        <v>78</v>
      </c>
      <c r="AJ6251">
        <v>78</v>
      </c>
      <c r="AK6251">
        <v>79</v>
      </c>
      <c r="AL6251">
        <v>79</v>
      </c>
      <c r="AM6251">
        <v>80</v>
      </c>
      <c r="AN6251">
        <v>80</v>
      </c>
      <c r="AO6251">
        <v>80</v>
      </c>
      <c r="AP6251">
        <v>81</v>
      </c>
      <c r="AQ6251">
        <v>81</v>
      </c>
    </row>
    <row r="6252" spans="1:43">
      <c r="A6252" t="s">
        <v>3916</v>
      </c>
      <c r="B6252" t="s">
        <v>3917</v>
      </c>
      <c r="C6252" t="s">
        <v>3728</v>
      </c>
      <c r="D6252" t="s">
        <v>3729</v>
      </c>
      <c r="E6252" t="s">
        <v>3660</v>
      </c>
      <c r="F6252" t="s">
        <v>3661</v>
      </c>
      <c r="G6252" t="s">
        <v>80</v>
      </c>
      <c r="H6252" t="s">
        <v>81</v>
      </c>
      <c r="I6252" s="2">
        <v>0</v>
      </c>
      <c r="J6252" s="2">
        <v>1</v>
      </c>
      <c r="K6252" s="2">
        <v>0</v>
      </c>
      <c r="L6252" t="s">
        <v>82</v>
      </c>
      <c r="M6252" t="s">
        <v>89</v>
      </c>
      <c r="N6252" t="s">
        <v>90</v>
      </c>
      <c r="O6252" t="s">
        <v>85</v>
      </c>
      <c r="P6252" t="s">
        <v>86</v>
      </c>
      <c r="Q6252">
        <v>67</v>
      </c>
      <c r="R6252">
        <v>68</v>
      </c>
      <c r="S6252">
        <v>70</v>
      </c>
      <c r="T6252">
        <v>72</v>
      </c>
      <c r="U6252">
        <v>74</v>
      </c>
      <c r="V6252">
        <v>76</v>
      </c>
      <c r="W6252">
        <v>77</v>
      </c>
      <c r="X6252">
        <v>79</v>
      </c>
      <c r="Y6252">
        <v>81</v>
      </c>
      <c r="Z6252">
        <v>82</v>
      </c>
      <c r="AA6252">
        <v>84</v>
      </c>
      <c r="AB6252">
        <v>85</v>
      </c>
      <c r="AC6252">
        <v>87</v>
      </c>
      <c r="AD6252">
        <v>88</v>
      </c>
      <c r="AE6252">
        <v>89</v>
      </c>
      <c r="AF6252">
        <v>90</v>
      </c>
      <c r="AG6252">
        <v>90</v>
      </c>
      <c r="AH6252">
        <v>90</v>
      </c>
      <c r="AI6252">
        <v>91</v>
      </c>
      <c r="AJ6252">
        <v>91</v>
      </c>
      <c r="AK6252">
        <v>91</v>
      </c>
      <c r="AL6252">
        <v>91</v>
      </c>
      <c r="AM6252">
        <v>92</v>
      </c>
      <c r="AN6252">
        <v>92</v>
      </c>
      <c r="AO6252">
        <v>92</v>
      </c>
      <c r="AP6252">
        <v>92</v>
      </c>
      <c r="AQ6252">
        <v>92</v>
      </c>
    </row>
    <row r="6253" spans="1:43">
      <c r="A6253" t="s">
        <v>3916</v>
      </c>
      <c r="B6253" t="s">
        <v>3917</v>
      </c>
      <c r="C6253" t="s">
        <v>3728</v>
      </c>
      <c r="D6253" t="s">
        <v>3729</v>
      </c>
      <c r="E6253" t="s">
        <v>3660</v>
      </c>
      <c r="F6253" t="s">
        <v>3661</v>
      </c>
      <c r="G6253" t="s">
        <v>80</v>
      </c>
      <c r="H6253" t="s">
        <v>81</v>
      </c>
      <c r="I6253" s="2">
        <v>0</v>
      </c>
      <c r="J6253" s="2">
        <v>1</v>
      </c>
      <c r="K6253" s="2">
        <v>0</v>
      </c>
      <c r="L6253" t="s">
        <v>82</v>
      </c>
      <c r="M6253" t="s">
        <v>83</v>
      </c>
      <c r="N6253" t="s">
        <v>91</v>
      </c>
      <c r="O6253" t="s">
        <v>85</v>
      </c>
      <c r="P6253" t="s">
        <v>86</v>
      </c>
      <c r="Q6253">
        <v>67</v>
      </c>
      <c r="R6253">
        <v>68</v>
      </c>
      <c r="S6253">
        <v>69</v>
      </c>
      <c r="T6253">
        <v>71</v>
      </c>
      <c r="U6253">
        <v>72</v>
      </c>
      <c r="V6253">
        <v>73</v>
      </c>
      <c r="W6253">
        <v>75</v>
      </c>
      <c r="X6253">
        <v>76</v>
      </c>
      <c r="Y6253">
        <v>77</v>
      </c>
      <c r="Z6253">
        <v>78</v>
      </c>
      <c r="AA6253">
        <v>79</v>
      </c>
      <c r="AB6253">
        <v>81</v>
      </c>
      <c r="AC6253">
        <v>82</v>
      </c>
      <c r="AD6253">
        <v>83</v>
      </c>
      <c r="AE6253">
        <v>84</v>
      </c>
      <c r="AF6253">
        <v>85</v>
      </c>
      <c r="AG6253">
        <v>87</v>
      </c>
      <c r="AH6253">
        <v>88</v>
      </c>
      <c r="AI6253">
        <v>89</v>
      </c>
      <c r="AJ6253">
        <v>90</v>
      </c>
      <c r="AK6253">
        <v>91</v>
      </c>
      <c r="AL6253">
        <v>92</v>
      </c>
      <c r="AM6253">
        <v>92</v>
      </c>
      <c r="AN6253">
        <v>92</v>
      </c>
      <c r="AO6253">
        <v>92</v>
      </c>
      <c r="AP6253">
        <v>93</v>
      </c>
      <c r="AQ6253">
        <v>93</v>
      </c>
    </row>
    <row r="6254" spans="1:43">
      <c r="A6254" t="s">
        <v>3918</v>
      </c>
      <c r="B6254" t="s">
        <v>3919</v>
      </c>
      <c r="C6254" t="s">
        <v>3732</v>
      </c>
      <c r="D6254" t="s">
        <v>3733</v>
      </c>
      <c r="E6254" t="s">
        <v>3660</v>
      </c>
      <c r="F6254" t="s">
        <v>3661</v>
      </c>
      <c r="G6254" t="s">
        <v>80</v>
      </c>
      <c r="H6254" t="s">
        <v>81</v>
      </c>
      <c r="I6254" s="2">
        <v>0</v>
      </c>
      <c r="J6254" s="2">
        <v>1</v>
      </c>
      <c r="K6254" s="2">
        <v>0</v>
      </c>
      <c r="L6254" t="s">
        <v>82</v>
      </c>
      <c r="M6254" t="s">
        <v>83</v>
      </c>
      <c r="N6254" t="s">
        <v>84</v>
      </c>
      <c r="O6254" t="s">
        <v>85</v>
      </c>
      <c r="P6254" t="s">
        <v>86</v>
      </c>
      <c r="Q6254">
        <v>137</v>
      </c>
      <c r="R6254">
        <v>140</v>
      </c>
      <c r="S6254">
        <v>143</v>
      </c>
      <c r="T6254">
        <v>145</v>
      </c>
      <c r="U6254">
        <v>148</v>
      </c>
      <c r="V6254">
        <v>150</v>
      </c>
      <c r="W6254">
        <v>153</v>
      </c>
      <c r="X6254">
        <v>155</v>
      </c>
      <c r="Y6254">
        <v>158</v>
      </c>
      <c r="Z6254">
        <v>161</v>
      </c>
      <c r="AA6254">
        <v>163</v>
      </c>
      <c r="AB6254">
        <v>165</v>
      </c>
      <c r="AC6254">
        <v>168</v>
      </c>
      <c r="AD6254">
        <v>170</v>
      </c>
      <c r="AE6254">
        <v>173</v>
      </c>
      <c r="AF6254">
        <v>175</v>
      </c>
      <c r="AG6254">
        <v>177</v>
      </c>
      <c r="AH6254">
        <v>180</v>
      </c>
      <c r="AI6254">
        <v>182</v>
      </c>
      <c r="AJ6254">
        <v>185</v>
      </c>
      <c r="AK6254">
        <v>187</v>
      </c>
      <c r="AL6254">
        <v>188</v>
      </c>
      <c r="AM6254">
        <v>189</v>
      </c>
      <c r="AN6254">
        <v>189</v>
      </c>
      <c r="AO6254">
        <v>190</v>
      </c>
      <c r="AP6254">
        <v>190</v>
      </c>
      <c r="AQ6254">
        <v>190</v>
      </c>
    </row>
    <row r="6255" spans="1:43">
      <c r="A6255" t="s">
        <v>3918</v>
      </c>
      <c r="B6255" t="s">
        <v>3919</v>
      </c>
      <c r="C6255" t="s">
        <v>3732</v>
      </c>
      <c r="D6255" t="s">
        <v>3733</v>
      </c>
      <c r="E6255" t="s">
        <v>3660</v>
      </c>
      <c r="F6255" t="s">
        <v>3661</v>
      </c>
      <c r="G6255" t="s">
        <v>80</v>
      </c>
      <c r="H6255" t="s">
        <v>81</v>
      </c>
      <c r="I6255" s="2">
        <v>0</v>
      </c>
      <c r="J6255" s="2">
        <v>1</v>
      </c>
      <c r="K6255" s="2">
        <v>0</v>
      </c>
      <c r="L6255" t="s">
        <v>82</v>
      </c>
      <c r="M6255" t="s">
        <v>87</v>
      </c>
      <c r="N6255" t="s">
        <v>88</v>
      </c>
      <c r="O6255" t="s">
        <v>85</v>
      </c>
      <c r="P6255" t="s">
        <v>86</v>
      </c>
      <c r="Q6255">
        <v>137</v>
      </c>
      <c r="R6255">
        <v>138</v>
      </c>
      <c r="S6255">
        <v>140</v>
      </c>
      <c r="T6255">
        <v>141</v>
      </c>
      <c r="U6255">
        <v>142</v>
      </c>
      <c r="V6255">
        <v>143</v>
      </c>
      <c r="W6255">
        <v>145</v>
      </c>
      <c r="X6255">
        <v>146</v>
      </c>
      <c r="Y6255">
        <v>147</v>
      </c>
      <c r="Z6255">
        <v>148</v>
      </c>
      <c r="AA6255">
        <v>149</v>
      </c>
      <c r="AB6255">
        <v>151</v>
      </c>
      <c r="AC6255">
        <v>152</v>
      </c>
      <c r="AD6255">
        <v>153</v>
      </c>
      <c r="AE6255">
        <v>154</v>
      </c>
      <c r="AF6255">
        <v>155</v>
      </c>
      <c r="AG6255">
        <v>156</v>
      </c>
      <c r="AH6255">
        <v>157</v>
      </c>
      <c r="AI6255">
        <v>158</v>
      </c>
      <c r="AJ6255">
        <v>159</v>
      </c>
      <c r="AK6255">
        <v>160</v>
      </c>
      <c r="AL6255">
        <v>161</v>
      </c>
      <c r="AM6255">
        <v>162</v>
      </c>
      <c r="AN6255">
        <v>163</v>
      </c>
      <c r="AO6255">
        <v>164</v>
      </c>
      <c r="AP6255">
        <v>165</v>
      </c>
      <c r="AQ6255">
        <v>166</v>
      </c>
    </row>
    <row r="6256" spans="1:43">
      <c r="A6256" t="s">
        <v>3918</v>
      </c>
      <c r="B6256" t="s">
        <v>3919</v>
      </c>
      <c r="C6256" t="s">
        <v>3732</v>
      </c>
      <c r="D6256" t="s">
        <v>3733</v>
      </c>
      <c r="E6256" t="s">
        <v>3660</v>
      </c>
      <c r="F6256" t="s">
        <v>3661</v>
      </c>
      <c r="G6256" t="s">
        <v>80</v>
      </c>
      <c r="H6256" t="s">
        <v>81</v>
      </c>
      <c r="I6256" s="2">
        <v>0</v>
      </c>
      <c r="J6256" s="2">
        <v>1</v>
      </c>
      <c r="K6256" s="2">
        <v>0</v>
      </c>
      <c r="L6256" t="s">
        <v>82</v>
      </c>
      <c r="M6256" t="s">
        <v>89</v>
      </c>
      <c r="N6256" t="s">
        <v>90</v>
      </c>
      <c r="O6256" t="s">
        <v>85</v>
      </c>
      <c r="P6256" t="s">
        <v>86</v>
      </c>
      <c r="Q6256">
        <v>137</v>
      </c>
      <c r="R6256">
        <v>140</v>
      </c>
      <c r="S6256">
        <v>144</v>
      </c>
      <c r="T6256">
        <v>148</v>
      </c>
      <c r="U6256">
        <v>152</v>
      </c>
      <c r="V6256">
        <v>155</v>
      </c>
      <c r="W6256">
        <v>159</v>
      </c>
      <c r="X6256">
        <v>162</v>
      </c>
      <c r="Y6256">
        <v>165</v>
      </c>
      <c r="Z6256">
        <v>169</v>
      </c>
      <c r="AA6256">
        <v>172</v>
      </c>
      <c r="AB6256">
        <v>175</v>
      </c>
      <c r="AC6256">
        <v>178</v>
      </c>
      <c r="AD6256">
        <v>181</v>
      </c>
      <c r="AE6256">
        <v>183</v>
      </c>
      <c r="AF6256">
        <v>184</v>
      </c>
      <c r="AG6256">
        <v>185</v>
      </c>
      <c r="AH6256">
        <v>185</v>
      </c>
      <c r="AI6256">
        <v>186</v>
      </c>
      <c r="AJ6256">
        <v>187</v>
      </c>
      <c r="AK6256">
        <v>187</v>
      </c>
      <c r="AL6256">
        <v>188</v>
      </c>
      <c r="AM6256">
        <v>188</v>
      </c>
      <c r="AN6256">
        <v>189</v>
      </c>
      <c r="AO6256">
        <v>189</v>
      </c>
      <c r="AP6256">
        <v>189</v>
      </c>
      <c r="AQ6256">
        <v>190</v>
      </c>
    </row>
    <row r="6257" spans="1:43">
      <c r="A6257" t="s">
        <v>3918</v>
      </c>
      <c r="B6257" t="s">
        <v>3919</v>
      </c>
      <c r="C6257" t="s">
        <v>3732</v>
      </c>
      <c r="D6257" t="s">
        <v>3733</v>
      </c>
      <c r="E6257" t="s">
        <v>3660</v>
      </c>
      <c r="F6257" t="s">
        <v>3661</v>
      </c>
      <c r="G6257" t="s">
        <v>80</v>
      </c>
      <c r="H6257" t="s">
        <v>81</v>
      </c>
      <c r="I6257" s="2">
        <v>0</v>
      </c>
      <c r="J6257" s="2">
        <v>1</v>
      </c>
      <c r="K6257" s="2">
        <v>0</v>
      </c>
      <c r="L6257" t="s">
        <v>82</v>
      </c>
      <c r="M6257" t="s">
        <v>83</v>
      </c>
      <c r="N6257" t="s">
        <v>91</v>
      </c>
      <c r="O6257" t="s">
        <v>85</v>
      </c>
      <c r="P6257" t="s">
        <v>86</v>
      </c>
      <c r="Q6257">
        <v>137</v>
      </c>
      <c r="R6257">
        <v>140</v>
      </c>
      <c r="S6257">
        <v>143</v>
      </c>
      <c r="T6257">
        <v>145</v>
      </c>
      <c r="U6257">
        <v>148</v>
      </c>
      <c r="V6257">
        <v>150</v>
      </c>
      <c r="W6257">
        <v>153</v>
      </c>
      <c r="X6257">
        <v>155</v>
      </c>
      <c r="Y6257">
        <v>158</v>
      </c>
      <c r="Z6257">
        <v>161</v>
      </c>
      <c r="AA6257">
        <v>163</v>
      </c>
      <c r="AB6257">
        <v>165</v>
      </c>
      <c r="AC6257">
        <v>168</v>
      </c>
      <c r="AD6257">
        <v>170</v>
      </c>
      <c r="AE6257">
        <v>173</v>
      </c>
      <c r="AF6257">
        <v>175</v>
      </c>
      <c r="AG6257">
        <v>177</v>
      </c>
      <c r="AH6257">
        <v>180</v>
      </c>
      <c r="AI6257">
        <v>182</v>
      </c>
      <c r="AJ6257">
        <v>185</v>
      </c>
      <c r="AK6257">
        <v>187</v>
      </c>
      <c r="AL6257">
        <v>188</v>
      </c>
      <c r="AM6257">
        <v>189</v>
      </c>
      <c r="AN6257">
        <v>189</v>
      </c>
      <c r="AO6257">
        <v>190</v>
      </c>
      <c r="AP6257">
        <v>190</v>
      </c>
      <c r="AQ6257">
        <v>190</v>
      </c>
    </row>
    <row r="6258" spans="1:43">
      <c r="A6258" t="s">
        <v>3920</v>
      </c>
      <c r="B6258" t="s">
        <v>3921</v>
      </c>
      <c r="C6258" t="s">
        <v>3732</v>
      </c>
      <c r="D6258" t="s">
        <v>3733</v>
      </c>
      <c r="E6258" t="s">
        <v>3660</v>
      </c>
      <c r="F6258" t="s">
        <v>3661</v>
      </c>
      <c r="G6258" t="s">
        <v>80</v>
      </c>
      <c r="H6258" t="s">
        <v>81</v>
      </c>
      <c r="I6258" s="2">
        <v>0</v>
      </c>
      <c r="J6258" s="2">
        <v>1</v>
      </c>
      <c r="K6258" s="2">
        <v>0</v>
      </c>
      <c r="L6258" t="s">
        <v>82</v>
      </c>
      <c r="M6258" t="s">
        <v>83</v>
      </c>
      <c r="N6258" t="s">
        <v>84</v>
      </c>
      <c r="O6258" t="s">
        <v>85</v>
      </c>
      <c r="P6258" t="s">
        <v>86</v>
      </c>
      <c r="Q6258">
        <v>18</v>
      </c>
      <c r="R6258">
        <v>19</v>
      </c>
      <c r="S6258">
        <v>19</v>
      </c>
      <c r="T6258">
        <v>19</v>
      </c>
      <c r="U6258">
        <v>20</v>
      </c>
      <c r="V6258">
        <v>20</v>
      </c>
      <c r="W6258">
        <v>20</v>
      </c>
      <c r="X6258">
        <v>21</v>
      </c>
      <c r="Y6258">
        <v>21</v>
      </c>
      <c r="Z6258">
        <v>21</v>
      </c>
      <c r="AA6258">
        <v>22</v>
      </c>
      <c r="AB6258">
        <v>22</v>
      </c>
      <c r="AC6258">
        <v>22</v>
      </c>
      <c r="AD6258">
        <v>23</v>
      </c>
      <c r="AE6258">
        <v>23</v>
      </c>
      <c r="AF6258">
        <v>23</v>
      </c>
      <c r="AG6258">
        <v>24</v>
      </c>
      <c r="AH6258">
        <v>24</v>
      </c>
      <c r="AI6258">
        <v>24</v>
      </c>
      <c r="AJ6258">
        <v>25</v>
      </c>
      <c r="AK6258">
        <v>25</v>
      </c>
      <c r="AL6258">
        <v>25</v>
      </c>
      <c r="AM6258">
        <v>25</v>
      </c>
      <c r="AN6258">
        <v>25</v>
      </c>
      <c r="AO6258">
        <v>25</v>
      </c>
      <c r="AP6258">
        <v>25</v>
      </c>
      <c r="AQ6258">
        <v>25</v>
      </c>
    </row>
    <row r="6259" spans="1:43">
      <c r="A6259" t="s">
        <v>3920</v>
      </c>
      <c r="B6259" t="s">
        <v>3921</v>
      </c>
      <c r="C6259" t="s">
        <v>3732</v>
      </c>
      <c r="D6259" t="s">
        <v>3733</v>
      </c>
      <c r="E6259" t="s">
        <v>3660</v>
      </c>
      <c r="F6259" t="s">
        <v>3661</v>
      </c>
      <c r="G6259" t="s">
        <v>80</v>
      </c>
      <c r="H6259" t="s">
        <v>81</v>
      </c>
      <c r="I6259" s="2">
        <v>0</v>
      </c>
      <c r="J6259" s="2">
        <v>1</v>
      </c>
      <c r="K6259" s="2">
        <v>0</v>
      </c>
      <c r="L6259" t="s">
        <v>82</v>
      </c>
      <c r="M6259" t="s">
        <v>87</v>
      </c>
      <c r="N6259" t="s">
        <v>88</v>
      </c>
      <c r="O6259" t="s">
        <v>85</v>
      </c>
      <c r="P6259" t="s">
        <v>86</v>
      </c>
      <c r="Q6259">
        <v>18</v>
      </c>
      <c r="R6259">
        <v>18</v>
      </c>
      <c r="S6259">
        <v>18</v>
      </c>
      <c r="T6259">
        <v>19</v>
      </c>
      <c r="U6259">
        <v>19</v>
      </c>
      <c r="V6259">
        <v>19</v>
      </c>
      <c r="W6259">
        <v>19</v>
      </c>
      <c r="X6259">
        <v>19</v>
      </c>
      <c r="Y6259">
        <v>19</v>
      </c>
      <c r="Z6259">
        <v>20</v>
      </c>
      <c r="AA6259">
        <v>20</v>
      </c>
      <c r="AB6259">
        <v>20</v>
      </c>
      <c r="AC6259">
        <v>20</v>
      </c>
      <c r="AD6259">
        <v>20</v>
      </c>
      <c r="AE6259">
        <v>20</v>
      </c>
      <c r="AF6259">
        <v>20</v>
      </c>
      <c r="AG6259">
        <v>21</v>
      </c>
      <c r="AH6259">
        <v>21</v>
      </c>
      <c r="AI6259">
        <v>21</v>
      </c>
      <c r="AJ6259">
        <v>21</v>
      </c>
      <c r="AK6259">
        <v>21</v>
      </c>
      <c r="AL6259">
        <v>21</v>
      </c>
      <c r="AM6259">
        <v>21</v>
      </c>
      <c r="AN6259">
        <v>22</v>
      </c>
      <c r="AO6259">
        <v>22</v>
      </c>
      <c r="AP6259">
        <v>22</v>
      </c>
      <c r="AQ6259">
        <v>22</v>
      </c>
    </row>
    <row r="6260" spans="1:43">
      <c r="A6260" t="s">
        <v>3920</v>
      </c>
      <c r="B6260" t="s">
        <v>3921</v>
      </c>
      <c r="C6260" t="s">
        <v>3732</v>
      </c>
      <c r="D6260" t="s">
        <v>3733</v>
      </c>
      <c r="E6260" t="s">
        <v>3660</v>
      </c>
      <c r="F6260" t="s">
        <v>3661</v>
      </c>
      <c r="G6260" t="s">
        <v>80</v>
      </c>
      <c r="H6260" t="s">
        <v>81</v>
      </c>
      <c r="I6260" s="2">
        <v>0</v>
      </c>
      <c r="J6260" s="2">
        <v>1</v>
      </c>
      <c r="K6260" s="2">
        <v>0</v>
      </c>
      <c r="L6260" t="s">
        <v>82</v>
      </c>
      <c r="M6260" t="s">
        <v>89</v>
      </c>
      <c r="N6260" t="s">
        <v>90</v>
      </c>
      <c r="O6260" t="s">
        <v>85</v>
      </c>
      <c r="P6260" t="s">
        <v>86</v>
      </c>
      <c r="Q6260">
        <v>18</v>
      </c>
      <c r="R6260">
        <v>19</v>
      </c>
      <c r="S6260">
        <v>19</v>
      </c>
      <c r="T6260">
        <v>20</v>
      </c>
      <c r="U6260">
        <v>20</v>
      </c>
      <c r="V6260">
        <v>21</v>
      </c>
      <c r="W6260">
        <v>21</v>
      </c>
      <c r="X6260">
        <v>22</v>
      </c>
      <c r="Y6260">
        <v>22</v>
      </c>
      <c r="Z6260">
        <v>23</v>
      </c>
      <c r="AA6260">
        <v>23</v>
      </c>
      <c r="AB6260">
        <v>24</v>
      </c>
      <c r="AC6260">
        <v>24</v>
      </c>
      <c r="AD6260">
        <v>24</v>
      </c>
      <c r="AE6260">
        <v>25</v>
      </c>
      <c r="AF6260">
        <v>25</v>
      </c>
      <c r="AG6260">
        <v>25</v>
      </c>
      <c r="AH6260">
        <v>25</v>
      </c>
      <c r="AI6260">
        <v>25</v>
      </c>
      <c r="AJ6260">
        <v>25</v>
      </c>
      <c r="AK6260">
        <v>25</v>
      </c>
      <c r="AL6260">
        <v>25</v>
      </c>
      <c r="AM6260">
        <v>25</v>
      </c>
      <c r="AN6260">
        <v>25</v>
      </c>
      <c r="AO6260">
        <v>25</v>
      </c>
      <c r="AP6260">
        <v>25</v>
      </c>
      <c r="AQ6260">
        <v>26</v>
      </c>
    </row>
    <row r="6261" spans="1:43">
      <c r="A6261" t="s">
        <v>3920</v>
      </c>
      <c r="B6261" t="s">
        <v>3921</v>
      </c>
      <c r="C6261" t="s">
        <v>3732</v>
      </c>
      <c r="D6261" t="s">
        <v>3733</v>
      </c>
      <c r="E6261" t="s">
        <v>3660</v>
      </c>
      <c r="F6261" t="s">
        <v>3661</v>
      </c>
      <c r="G6261" t="s">
        <v>80</v>
      </c>
      <c r="H6261" t="s">
        <v>81</v>
      </c>
      <c r="I6261" s="2">
        <v>0</v>
      </c>
      <c r="J6261" s="2">
        <v>1</v>
      </c>
      <c r="K6261" s="2">
        <v>0</v>
      </c>
      <c r="L6261" t="s">
        <v>82</v>
      </c>
      <c r="M6261" t="s">
        <v>83</v>
      </c>
      <c r="N6261" t="s">
        <v>91</v>
      </c>
      <c r="O6261" t="s">
        <v>85</v>
      </c>
      <c r="P6261" t="s">
        <v>86</v>
      </c>
      <c r="Q6261">
        <v>18</v>
      </c>
      <c r="R6261">
        <v>19</v>
      </c>
      <c r="S6261">
        <v>19</v>
      </c>
      <c r="T6261">
        <v>19</v>
      </c>
      <c r="U6261">
        <v>20</v>
      </c>
      <c r="V6261">
        <v>20</v>
      </c>
      <c r="W6261">
        <v>20</v>
      </c>
      <c r="X6261">
        <v>21</v>
      </c>
      <c r="Y6261">
        <v>21</v>
      </c>
      <c r="Z6261">
        <v>21</v>
      </c>
      <c r="AA6261">
        <v>22</v>
      </c>
      <c r="AB6261">
        <v>22</v>
      </c>
      <c r="AC6261">
        <v>22</v>
      </c>
      <c r="AD6261">
        <v>23</v>
      </c>
      <c r="AE6261">
        <v>23</v>
      </c>
      <c r="AF6261">
        <v>23</v>
      </c>
      <c r="AG6261">
        <v>24</v>
      </c>
      <c r="AH6261">
        <v>24</v>
      </c>
      <c r="AI6261">
        <v>24</v>
      </c>
      <c r="AJ6261">
        <v>25</v>
      </c>
      <c r="AK6261">
        <v>25</v>
      </c>
      <c r="AL6261">
        <v>25</v>
      </c>
      <c r="AM6261">
        <v>25</v>
      </c>
      <c r="AN6261">
        <v>25</v>
      </c>
      <c r="AO6261">
        <v>25</v>
      </c>
      <c r="AP6261">
        <v>25</v>
      </c>
      <c r="AQ6261">
        <v>25</v>
      </c>
    </row>
    <row r="6262" spans="1:43">
      <c r="A6262" t="s">
        <v>3922</v>
      </c>
      <c r="B6262" t="s">
        <v>3923</v>
      </c>
      <c r="C6262" t="s">
        <v>3728</v>
      </c>
      <c r="D6262" t="s">
        <v>3729</v>
      </c>
      <c r="E6262" t="s">
        <v>3660</v>
      </c>
      <c r="F6262" t="s">
        <v>3661</v>
      </c>
      <c r="G6262" t="s">
        <v>80</v>
      </c>
      <c r="H6262" t="s">
        <v>81</v>
      </c>
      <c r="I6262" s="2">
        <v>0</v>
      </c>
      <c r="J6262" s="2">
        <v>1</v>
      </c>
      <c r="K6262" s="2">
        <v>0</v>
      </c>
      <c r="L6262" t="s">
        <v>82</v>
      </c>
      <c r="M6262" t="s">
        <v>83</v>
      </c>
      <c r="N6262" t="s">
        <v>84</v>
      </c>
      <c r="O6262" t="s">
        <v>85</v>
      </c>
      <c r="P6262" t="s">
        <v>86</v>
      </c>
      <c r="Q6262">
        <v>64</v>
      </c>
      <c r="R6262">
        <v>65</v>
      </c>
      <c r="S6262">
        <v>66</v>
      </c>
      <c r="T6262">
        <v>67</v>
      </c>
      <c r="U6262">
        <v>68</v>
      </c>
      <c r="V6262">
        <v>70</v>
      </c>
      <c r="W6262">
        <v>71</v>
      </c>
      <c r="X6262">
        <v>72</v>
      </c>
      <c r="Y6262">
        <v>73</v>
      </c>
      <c r="Z6262">
        <v>74</v>
      </c>
      <c r="AA6262">
        <v>75</v>
      </c>
      <c r="AB6262">
        <v>77</v>
      </c>
      <c r="AC6262">
        <v>78</v>
      </c>
      <c r="AD6262">
        <v>79</v>
      </c>
      <c r="AE6262">
        <v>80</v>
      </c>
      <c r="AF6262">
        <v>81</v>
      </c>
      <c r="AG6262">
        <v>82</v>
      </c>
      <c r="AH6262">
        <v>83</v>
      </c>
      <c r="AI6262">
        <v>84</v>
      </c>
      <c r="AJ6262">
        <v>85</v>
      </c>
      <c r="AK6262">
        <v>87</v>
      </c>
      <c r="AL6262">
        <v>87</v>
      </c>
      <c r="AM6262">
        <v>87</v>
      </c>
      <c r="AN6262">
        <v>88</v>
      </c>
      <c r="AO6262">
        <v>88</v>
      </c>
      <c r="AP6262">
        <v>88</v>
      </c>
      <c r="AQ6262">
        <v>88</v>
      </c>
    </row>
    <row r="6263" spans="1:43">
      <c r="A6263" t="s">
        <v>3922</v>
      </c>
      <c r="B6263" t="s">
        <v>3923</v>
      </c>
      <c r="C6263" t="s">
        <v>3728</v>
      </c>
      <c r="D6263" t="s">
        <v>3729</v>
      </c>
      <c r="E6263" t="s">
        <v>3660</v>
      </c>
      <c r="F6263" t="s">
        <v>3661</v>
      </c>
      <c r="G6263" t="s">
        <v>80</v>
      </c>
      <c r="H6263" t="s">
        <v>81</v>
      </c>
      <c r="I6263" s="2">
        <v>0</v>
      </c>
      <c r="J6263" s="2">
        <v>1</v>
      </c>
      <c r="K6263" s="2">
        <v>0</v>
      </c>
      <c r="L6263" t="s">
        <v>82</v>
      </c>
      <c r="M6263" t="s">
        <v>87</v>
      </c>
      <c r="N6263" t="s">
        <v>88</v>
      </c>
      <c r="O6263" t="s">
        <v>85</v>
      </c>
      <c r="P6263" t="s">
        <v>86</v>
      </c>
      <c r="Q6263">
        <v>64</v>
      </c>
      <c r="R6263">
        <v>65</v>
      </c>
      <c r="S6263">
        <v>65</v>
      </c>
      <c r="T6263">
        <v>66</v>
      </c>
      <c r="U6263">
        <v>66</v>
      </c>
      <c r="V6263">
        <v>67</v>
      </c>
      <c r="W6263">
        <v>68</v>
      </c>
      <c r="X6263">
        <v>68</v>
      </c>
      <c r="Y6263">
        <v>69</v>
      </c>
      <c r="Z6263">
        <v>69</v>
      </c>
      <c r="AA6263">
        <v>70</v>
      </c>
      <c r="AB6263">
        <v>70</v>
      </c>
      <c r="AC6263">
        <v>71</v>
      </c>
      <c r="AD6263">
        <v>71</v>
      </c>
      <c r="AE6263">
        <v>72</v>
      </c>
      <c r="AF6263">
        <v>72</v>
      </c>
      <c r="AG6263">
        <v>73</v>
      </c>
      <c r="AH6263">
        <v>73</v>
      </c>
      <c r="AI6263">
        <v>74</v>
      </c>
      <c r="AJ6263">
        <v>74</v>
      </c>
      <c r="AK6263">
        <v>75</v>
      </c>
      <c r="AL6263">
        <v>75</v>
      </c>
      <c r="AM6263">
        <v>76</v>
      </c>
      <c r="AN6263">
        <v>76</v>
      </c>
      <c r="AO6263">
        <v>76</v>
      </c>
      <c r="AP6263">
        <v>77</v>
      </c>
      <c r="AQ6263">
        <v>77</v>
      </c>
    </row>
    <row r="6264" spans="1:43">
      <c r="A6264" t="s">
        <v>3922</v>
      </c>
      <c r="B6264" t="s">
        <v>3923</v>
      </c>
      <c r="C6264" t="s">
        <v>3728</v>
      </c>
      <c r="D6264" t="s">
        <v>3729</v>
      </c>
      <c r="E6264" t="s">
        <v>3660</v>
      </c>
      <c r="F6264" t="s">
        <v>3661</v>
      </c>
      <c r="G6264" t="s">
        <v>80</v>
      </c>
      <c r="H6264" t="s">
        <v>81</v>
      </c>
      <c r="I6264" s="2">
        <v>0</v>
      </c>
      <c r="J6264" s="2">
        <v>1</v>
      </c>
      <c r="K6264" s="2">
        <v>0</v>
      </c>
      <c r="L6264" t="s">
        <v>82</v>
      </c>
      <c r="M6264" t="s">
        <v>89</v>
      </c>
      <c r="N6264" t="s">
        <v>90</v>
      </c>
      <c r="O6264" t="s">
        <v>85</v>
      </c>
      <c r="P6264" t="s">
        <v>86</v>
      </c>
      <c r="Q6264">
        <v>64</v>
      </c>
      <c r="R6264">
        <v>66</v>
      </c>
      <c r="S6264">
        <v>68</v>
      </c>
      <c r="T6264">
        <v>69</v>
      </c>
      <c r="U6264">
        <v>71</v>
      </c>
      <c r="V6264">
        <v>73</v>
      </c>
      <c r="W6264">
        <v>74</v>
      </c>
      <c r="X6264">
        <v>76</v>
      </c>
      <c r="Y6264">
        <v>78</v>
      </c>
      <c r="Z6264">
        <v>79</v>
      </c>
      <c r="AA6264">
        <v>80</v>
      </c>
      <c r="AB6264">
        <v>82</v>
      </c>
      <c r="AC6264">
        <v>83</v>
      </c>
      <c r="AD6264">
        <v>85</v>
      </c>
      <c r="AE6264">
        <v>86</v>
      </c>
      <c r="AF6264">
        <v>86</v>
      </c>
      <c r="AG6264">
        <v>86</v>
      </c>
      <c r="AH6264">
        <v>87</v>
      </c>
      <c r="AI6264">
        <v>87</v>
      </c>
      <c r="AJ6264">
        <v>87</v>
      </c>
      <c r="AK6264">
        <v>88</v>
      </c>
      <c r="AL6264">
        <v>88</v>
      </c>
      <c r="AM6264">
        <v>88</v>
      </c>
      <c r="AN6264">
        <v>88</v>
      </c>
      <c r="AO6264">
        <v>88</v>
      </c>
      <c r="AP6264">
        <v>89</v>
      </c>
      <c r="AQ6264">
        <v>89</v>
      </c>
    </row>
    <row r="6265" spans="1:43">
      <c r="A6265" t="s">
        <v>3922</v>
      </c>
      <c r="B6265" t="s">
        <v>3923</v>
      </c>
      <c r="C6265" t="s">
        <v>3728</v>
      </c>
      <c r="D6265" t="s">
        <v>3729</v>
      </c>
      <c r="E6265" t="s">
        <v>3660</v>
      </c>
      <c r="F6265" t="s">
        <v>3661</v>
      </c>
      <c r="G6265" t="s">
        <v>80</v>
      </c>
      <c r="H6265" t="s">
        <v>81</v>
      </c>
      <c r="I6265" s="2">
        <v>0</v>
      </c>
      <c r="J6265" s="2">
        <v>1</v>
      </c>
      <c r="K6265" s="2">
        <v>0</v>
      </c>
      <c r="L6265" t="s">
        <v>82</v>
      </c>
      <c r="M6265" t="s">
        <v>83</v>
      </c>
      <c r="N6265" t="s">
        <v>91</v>
      </c>
      <c r="O6265" t="s">
        <v>85</v>
      </c>
      <c r="P6265" t="s">
        <v>86</v>
      </c>
      <c r="Q6265">
        <v>64</v>
      </c>
      <c r="R6265">
        <v>65</v>
      </c>
      <c r="S6265">
        <v>66</v>
      </c>
      <c r="T6265">
        <v>67</v>
      </c>
      <c r="U6265">
        <v>68</v>
      </c>
      <c r="V6265">
        <v>70</v>
      </c>
      <c r="W6265">
        <v>71</v>
      </c>
      <c r="X6265">
        <v>72</v>
      </c>
      <c r="Y6265">
        <v>73</v>
      </c>
      <c r="Z6265">
        <v>74</v>
      </c>
      <c r="AA6265">
        <v>75</v>
      </c>
      <c r="AB6265">
        <v>77</v>
      </c>
      <c r="AC6265">
        <v>78</v>
      </c>
      <c r="AD6265">
        <v>79</v>
      </c>
      <c r="AE6265">
        <v>80</v>
      </c>
      <c r="AF6265">
        <v>81</v>
      </c>
      <c r="AG6265">
        <v>82</v>
      </c>
      <c r="AH6265">
        <v>83</v>
      </c>
      <c r="AI6265">
        <v>84</v>
      </c>
      <c r="AJ6265">
        <v>85</v>
      </c>
      <c r="AK6265">
        <v>87</v>
      </c>
      <c r="AL6265">
        <v>87</v>
      </c>
      <c r="AM6265">
        <v>87</v>
      </c>
      <c r="AN6265">
        <v>88</v>
      </c>
      <c r="AO6265">
        <v>88</v>
      </c>
      <c r="AP6265">
        <v>88</v>
      </c>
      <c r="AQ6265">
        <v>88</v>
      </c>
    </row>
    <row r="6266" spans="1:43">
      <c r="A6266" t="s">
        <v>3924</v>
      </c>
      <c r="B6266" t="s">
        <v>3925</v>
      </c>
      <c r="C6266" t="s">
        <v>3728</v>
      </c>
      <c r="D6266" t="s">
        <v>3729</v>
      </c>
      <c r="E6266" t="s">
        <v>3660</v>
      </c>
      <c r="F6266" t="s">
        <v>3661</v>
      </c>
      <c r="G6266" t="s">
        <v>80</v>
      </c>
      <c r="H6266" t="s">
        <v>81</v>
      </c>
      <c r="I6266" s="2">
        <v>0</v>
      </c>
      <c r="J6266" s="2">
        <v>1</v>
      </c>
      <c r="K6266" s="2">
        <v>0</v>
      </c>
      <c r="L6266" t="s">
        <v>82</v>
      </c>
      <c r="M6266" t="s">
        <v>83</v>
      </c>
      <c r="N6266" t="s">
        <v>84</v>
      </c>
      <c r="O6266" t="s">
        <v>85</v>
      </c>
      <c r="P6266" t="s">
        <v>86</v>
      </c>
      <c r="Q6266">
        <v>61</v>
      </c>
      <c r="R6266">
        <v>62</v>
      </c>
      <c r="S6266">
        <v>64</v>
      </c>
      <c r="T6266">
        <v>65</v>
      </c>
      <c r="U6266">
        <v>66</v>
      </c>
      <c r="V6266">
        <v>67</v>
      </c>
      <c r="W6266">
        <v>68</v>
      </c>
      <c r="X6266">
        <v>69</v>
      </c>
      <c r="Y6266">
        <v>70</v>
      </c>
      <c r="Z6266">
        <v>72</v>
      </c>
      <c r="AA6266">
        <v>73</v>
      </c>
      <c r="AB6266">
        <v>74</v>
      </c>
      <c r="AC6266">
        <v>75</v>
      </c>
      <c r="AD6266">
        <v>76</v>
      </c>
      <c r="AE6266">
        <v>77</v>
      </c>
      <c r="AF6266">
        <v>78</v>
      </c>
      <c r="AG6266">
        <v>79</v>
      </c>
      <c r="AH6266">
        <v>80</v>
      </c>
      <c r="AI6266">
        <v>81</v>
      </c>
      <c r="AJ6266">
        <v>82</v>
      </c>
      <c r="AK6266">
        <v>83</v>
      </c>
      <c r="AL6266">
        <v>84</v>
      </c>
      <c r="AM6266">
        <v>84</v>
      </c>
      <c r="AN6266">
        <v>84</v>
      </c>
      <c r="AO6266">
        <v>84</v>
      </c>
      <c r="AP6266">
        <v>85</v>
      </c>
      <c r="AQ6266">
        <v>85</v>
      </c>
    </row>
    <row r="6267" spans="1:43">
      <c r="A6267" t="s">
        <v>3924</v>
      </c>
      <c r="B6267" t="s">
        <v>3925</v>
      </c>
      <c r="C6267" t="s">
        <v>3728</v>
      </c>
      <c r="D6267" t="s">
        <v>3729</v>
      </c>
      <c r="E6267" t="s">
        <v>3660</v>
      </c>
      <c r="F6267" t="s">
        <v>3661</v>
      </c>
      <c r="G6267" t="s">
        <v>80</v>
      </c>
      <c r="H6267" t="s">
        <v>81</v>
      </c>
      <c r="I6267" s="2">
        <v>0</v>
      </c>
      <c r="J6267" s="2">
        <v>1</v>
      </c>
      <c r="K6267" s="2">
        <v>0</v>
      </c>
      <c r="L6267" t="s">
        <v>82</v>
      </c>
      <c r="M6267" t="s">
        <v>87</v>
      </c>
      <c r="N6267" t="s">
        <v>88</v>
      </c>
      <c r="O6267" t="s">
        <v>85</v>
      </c>
      <c r="P6267" t="s">
        <v>86</v>
      </c>
      <c r="Q6267">
        <v>61</v>
      </c>
      <c r="R6267">
        <v>61</v>
      </c>
      <c r="S6267">
        <v>62</v>
      </c>
      <c r="T6267">
        <v>62</v>
      </c>
      <c r="U6267">
        <v>63</v>
      </c>
      <c r="V6267">
        <v>63</v>
      </c>
      <c r="W6267">
        <v>64</v>
      </c>
      <c r="X6267">
        <v>65</v>
      </c>
      <c r="Y6267">
        <v>65</v>
      </c>
      <c r="Z6267">
        <v>66</v>
      </c>
      <c r="AA6267">
        <v>66</v>
      </c>
      <c r="AB6267">
        <v>67</v>
      </c>
      <c r="AC6267">
        <v>67</v>
      </c>
      <c r="AD6267">
        <v>68</v>
      </c>
      <c r="AE6267">
        <v>68</v>
      </c>
      <c r="AF6267">
        <v>69</v>
      </c>
      <c r="AG6267">
        <v>69</v>
      </c>
      <c r="AH6267">
        <v>70</v>
      </c>
      <c r="AI6267">
        <v>70</v>
      </c>
      <c r="AJ6267">
        <v>70</v>
      </c>
      <c r="AK6267">
        <v>71</v>
      </c>
      <c r="AL6267">
        <v>71</v>
      </c>
      <c r="AM6267">
        <v>72</v>
      </c>
      <c r="AN6267">
        <v>72</v>
      </c>
      <c r="AO6267">
        <v>73</v>
      </c>
      <c r="AP6267">
        <v>73</v>
      </c>
      <c r="AQ6267">
        <v>74</v>
      </c>
    </row>
    <row r="6268" spans="1:43">
      <c r="A6268" t="s">
        <v>3924</v>
      </c>
      <c r="B6268" t="s">
        <v>3925</v>
      </c>
      <c r="C6268" t="s">
        <v>3728</v>
      </c>
      <c r="D6268" t="s">
        <v>3729</v>
      </c>
      <c r="E6268" t="s">
        <v>3660</v>
      </c>
      <c r="F6268" t="s">
        <v>3661</v>
      </c>
      <c r="G6268" t="s">
        <v>80</v>
      </c>
      <c r="H6268" t="s">
        <v>81</v>
      </c>
      <c r="I6268" s="2">
        <v>0</v>
      </c>
      <c r="J6268" s="2">
        <v>1</v>
      </c>
      <c r="K6268" s="2">
        <v>0</v>
      </c>
      <c r="L6268" t="s">
        <v>82</v>
      </c>
      <c r="M6268" t="s">
        <v>89</v>
      </c>
      <c r="N6268" t="s">
        <v>90</v>
      </c>
      <c r="O6268" t="s">
        <v>85</v>
      </c>
      <c r="P6268" t="s">
        <v>86</v>
      </c>
      <c r="Q6268">
        <v>61</v>
      </c>
      <c r="R6268">
        <v>62</v>
      </c>
      <c r="S6268">
        <v>64</v>
      </c>
      <c r="T6268">
        <v>66</v>
      </c>
      <c r="U6268">
        <v>67</v>
      </c>
      <c r="V6268">
        <v>69</v>
      </c>
      <c r="W6268">
        <v>71</v>
      </c>
      <c r="X6268">
        <v>72</v>
      </c>
      <c r="Y6268">
        <v>74</v>
      </c>
      <c r="Z6268">
        <v>75</v>
      </c>
      <c r="AA6268">
        <v>76</v>
      </c>
      <c r="AB6268">
        <v>78</v>
      </c>
      <c r="AC6268">
        <v>79</v>
      </c>
      <c r="AD6268">
        <v>81</v>
      </c>
      <c r="AE6268">
        <v>82</v>
      </c>
      <c r="AF6268">
        <v>82</v>
      </c>
      <c r="AG6268">
        <v>82</v>
      </c>
      <c r="AH6268">
        <v>83</v>
      </c>
      <c r="AI6268">
        <v>83</v>
      </c>
      <c r="AJ6268">
        <v>83</v>
      </c>
      <c r="AK6268">
        <v>83</v>
      </c>
      <c r="AL6268">
        <v>83</v>
      </c>
      <c r="AM6268">
        <v>84</v>
      </c>
      <c r="AN6268">
        <v>84</v>
      </c>
      <c r="AO6268">
        <v>84</v>
      </c>
      <c r="AP6268">
        <v>84</v>
      </c>
      <c r="AQ6268">
        <v>84</v>
      </c>
    </row>
    <row r="6269" spans="1:43">
      <c r="A6269" t="s">
        <v>3924</v>
      </c>
      <c r="B6269" t="s">
        <v>3925</v>
      </c>
      <c r="C6269" t="s">
        <v>3728</v>
      </c>
      <c r="D6269" t="s">
        <v>3729</v>
      </c>
      <c r="E6269" t="s">
        <v>3660</v>
      </c>
      <c r="F6269" t="s">
        <v>3661</v>
      </c>
      <c r="G6269" t="s">
        <v>80</v>
      </c>
      <c r="H6269" t="s">
        <v>81</v>
      </c>
      <c r="I6269" s="2">
        <v>0</v>
      </c>
      <c r="J6269" s="2">
        <v>1</v>
      </c>
      <c r="K6269" s="2">
        <v>0</v>
      </c>
      <c r="L6269" t="s">
        <v>82</v>
      </c>
      <c r="M6269" t="s">
        <v>83</v>
      </c>
      <c r="N6269" t="s">
        <v>91</v>
      </c>
      <c r="O6269" t="s">
        <v>85</v>
      </c>
      <c r="P6269" t="s">
        <v>86</v>
      </c>
      <c r="Q6269">
        <v>61</v>
      </c>
      <c r="R6269">
        <v>62</v>
      </c>
      <c r="S6269">
        <v>64</v>
      </c>
      <c r="T6269">
        <v>65</v>
      </c>
      <c r="U6269">
        <v>66</v>
      </c>
      <c r="V6269">
        <v>67</v>
      </c>
      <c r="W6269">
        <v>68</v>
      </c>
      <c r="X6269">
        <v>69</v>
      </c>
      <c r="Y6269">
        <v>70</v>
      </c>
      <c r="Z6269">
        <v>72</v>
      </c>
      <c r="AA6269">
        <v>73</v>
      </c>
      <c r="AB6269">
        <v>74</v>
      </c>
      <c r="AC6269">
        <v>75</v>
      </c>
      <c r="AD6269">
        <v>76</v>
      </c>
      <c r="AE6269">
        <v>77</v>
      </c>
      <c r="AF6269">
        <v>78</v>
      </c>
      <c r="AG6269">
        <v>79</v>
      </c>
      <c r="AH6269">
        <v>80</v>
      </c>
      <c r="AI6269">
        <v>81</v>
      </c>
      <c r="AJ6269">
        <v>82</v>
      </c>
      <c r="AK6269">
        <v>83</v>
      </c>
      <c r="AL6269">
        <v>84</v>
      </c>
      <c r="AM6269">
        <v>84</v>
      </c>
      <c r="AN6269">
        <v>84</v>
      </c>
      <c r="AO6269">
        <v>84</v>
      </c>
      <c r="AP6269">
        <v>85</v>
      </c>
      <c r="AQ6269">
        <v>85</v>
      </c>
    </row>
    <row r="6270" spans="1:43">
      <c r="A6270" t="s">
        <v>3926</v>
      </c>
      <c r="B6270" t="s">
        <v>3927</v>
      </c>
      <c r="C6270" t="s">
        <v>3728</v>
      </c>
      <c r="D6270" t="s">
        <v>3729</v>
      </c>
      <c r="E6270" t="s">
        <v>3660</v>
      </c>
      <c r="F6270" t="s">
        <v>3661</v>
      </c>
      <c r="G6270" t="s">
        <v>80</v>
      </c>
      <c r="H6270" t="s">
        <v>81</v>
      </c>
      <c r="I6270" s="2">
        <v>0</v>
      </c>
      <c r="J6270" s="2">
        <v>1</v>
      </c>
      <c r="K6270" s="2">
        <v>0</v>
      </c>
      <c r="L6270" t="s">
        <v>82</v>
      </c>
      <c r="M6270" t="s">
        <v>83</v>
      </c>
      <c r="N6270" t="s">
        <v>84</v>
      </c>
      <c r="O6270" t="s">
        <v>85</v>
      </c>
      <c r="P6270" t="s">
        <v>86</v>
      </c>
      <c r="Q6270">
        <v>36</v>
      </c>
      <c r="R6270">
        <v>36</v>
      </c>
      <c r="S6270">
        <v>37</v>
      </c>
      <c r="T6270">
        <v>38</v>
      </c>
      <c r="U6270">
        <v>39</v>
      </c>
      <c r="V6270">
        <v>39</v>
      </c>
      <c r="W6270">
        <v>40</v>
      </c>
      <c r="X6270">
        <v>41</v>
      </c>
      <c r="Y6270">
        <v>41</v>
      </c>
      <c r="Z6270">
        <v>42</v>
      </c>
      <c r="AA6270">
        <v>43</v>
      </c>
      <c r="AB6270">
        <v>43</v>
      </c>
      <c r="AC6270">
        <v>44</v>
      </c>
      <c r="AD6270">
        <v>44</v>
      </c>
      <c r="AE6270">
        <v>45</v>
      </c>
      <c r="AF6270">
        <v>46</v>
      </c>
      <c r="AG6270">
        <v>46</v>
      </c>
      <c r="AH6270">
        <v>47</v>
      </c>
      <c r="AI6270">
        <v>48</v>
      </c>
      <c r="AJ6270">
        <v>48</v>
      </c>
      <c r="AK6270">
        <v>49</v>
      </c>
      <c r="AL6270">
        <v>49</v>
      </c>
      <c r="AM6270">
        <v>49</v>
      </c>
      <c r="AN6270">
        <v>49</v>
      </c>
      <c r="AO6270">
        <v>49</v>
      </c>
      <c r="AP6270">
        <v>50</v>
      </c>
      <c r="AQ6270">
        <v>50</v>
      </c>
    </row>
    <row r="6271" spans="1:43">
      <c r="A6271" t="s">
        <v>3926</v>
      </c>
      <c r="B6271" t="s">
        <v>3927</v>
      </c>
      <c r="C6271" t="s">
        <v>3728</v>
      </c>
      <c r="D6271" t="s">
        <v>3729</v>
      </c>
      <c r="E6271" t="s">
        <v>3660</v>
      </c>
      <c r="F6271" t="s">
        <v>3661</v>
      </c>
      <c r="G6271" t="s">
        <v>80</v>
      </c>
      <c r="H6271" t="s">
        <v>81</v>
      </c>
      <c r="I6271" s="2">
        <v>0</v>
      </c>
      <c r="J6271" s="2">
        <v>1</v>
      </c>
      <c r="K6271" s="2">
        <v>0</v>
      </c>
      <c r="L6271" t="s">
        <v>82</v>
      </c>
      <c r="M6271" t="s">
        <v>87</v>
      </c>
      <c r="N6271" t="s">
        <v>88</v>
      </c>
      <c r="O6271" t="s">
        <v>85</v>
      </c>
      <c r="P6271" t="s">
        <v>86</v>
      </c>
      <c r="Q6271">
        <v>36</v>
      </c>
      <c r="R6271">
        <v>37</v>
      </c>
      <c r="S6271">
        <v>37</v>
      </c>
      <c r="T6271">
        <v>37</v>
      </c>
      <c r="U6271">
        <v>38</v>
      </c>
      <c r="V6271">
        <v>38</v>
      </c>
      <c r="W6271">
        <v>38</v>
      </c>
      <c r="X6271">
        <v>39</v>
      </c>
      <c r="Y6271">
        <v>39</v>
      </c>
      <c r="Z6271">
        <v>39</v>
      </c>
      <c r="AA6271">
        <v>40</v>
      </c>
      <c r="AB6271">
        <v>40</v>
      </c>
      <c r="AC6271">
        <v>40</v>
      </c>
      <c r="AD6271">
        <v>41</v>
      </c>
      <c r="AE6271">
        <v>41</v>
      </c>
      <c r="AF6271">
        <v>41</v>
      </c>
      <c r="AG6271">
        <v>41</v>
      </c>
      <c r="AH6271">
        <v>42</v>
      </c>
      <c r="AI6271">
        <v>42</v>
      </c>
      <c r="AJ6271">
        <v>42</v>
      </c>
      <c r="AK6271">
        <v>42</v>
      </c>
      <c r="AL6271">
        <v>43</v>
      </c>
      <c r="AM6271">
        <v>43</v>
      </c>
      <c r="AN6271">
        <v>43</v>
      </c>
      <c r="AO6271">
        <v>44</v>
      </c>
      <c r="AP6271">
        <v>44</v>
      </c>
      <c r="AQ6271">
        <v>44</v>
      </c>
    </row>
    <row r="6272" spans="1:43">
      <c r="A6272" t="s">
        <v>3926</v>
      </c>
      <c r="B6272" t="s">
        <v>3927</v>
      </c>
      <c r="C6272" t="s">
        <v>3728</v>
      </c>
      <c r="D6272" t="s">
        <v>3729</v>
      </c>
      <c r="E6272" t="s">
        <v>3660</v>
      </c>
      <c r="F6272" t="s">
        <v>3661</v>
      </c>
      <c r="G6272" t="s">
        <v>80</v>
      </c>
      <c r="H6272" t="s">
        <v>81</v>
      </c>
      <c r="I6272" s="2">
        <v>0</v>
      </c>
      <c r="J6272" s="2">
        <v>1</v>
      </c>
      <c r="K6272" s="2">
        <v>0</v>
      </c>
      <c r="L6272" t="s">
        <v>82</v>
      </c>
      <c r="M6272" t="s">
        <v>89</v>
      </c>
      <c r="N6272" t="s">
        <v>90</v>
      </c>
      <c r="O6272" t="s">
        <v>85</v>
      </c>
      <c r="P6272" t="s">
        <v>86</v>
      </c>
      <c r="Q6272">
        <v>36</v>
      </c>
      <c r="R6272">
        <v>37</v>
      </c>
      <c r="S6272">
        <v>38</v>
      </c>
      <c r="T6272">
        <v>39</v>
      </c>
      <c r="U6272">
        <v>40</v>
      </c>
      <c r="V6272">
        <v>41</v>
      </c>
      <c r="W6272">
        <v>42</v>
      </c>
      <c r="X6272">
        <v>43</v>
      </c>
      <c r="Y6272">
        <v>44</v>
      </c>
      <c r="Z6272">
        <v>45</v>
      </c>
      <c r="AA6272">
        <v>45</v>
      </c>
      <c r="AB6272">
        <v>46</v>
      </c>
      <c r="AC6272">
        <v>47</v>
      </c>
      <c r="AD6272">
        <v>48</v>
      </c>
      <c r="AE6272">
        <v>48</v>
      </c>
      <c r="AF6272">
        <v>49</v>
      </c>
      <c r="AG6272">
        <v>49</v>
      </c>
      <c r="AH6272">
        <v>49</v>
      </c>
      <c r="AI6272">
        <v>49</v>
      </c>
      <c r="AJ6272">
        <v>49</v>
      </c>
      <c r="AK6272">
        <v>49</v>
      </c>
      <c r="AL6272">
        <v>49</v>
      </c>
      <c r="AM6272">
        <v>50</v>
      </c>
      <c r="AN6272">
        <v>50</v>
      </c>
      <c r="AO6272">
        <v>50</v>
      </c>
      <c r="AP6272">
        <v>50</v>
      </c>
      <c r="AQ6272">
        <v>50</v>
      </c>
    </row>
    <row r="6273" spans="1:43">
      <c r="A6273" t="s">
        <v>3926</v>
      </c>
      <c r="B6273" t="s">
        <v>3927</v>
      </c>
      <c r="C6273" t="s">
        <v>3728</v>
      </c>
      <c r="D6273" t="s">
        <v>3729</v>
      </c>
      <c r="E6273" t="s">
        <v>3660</v>
      </c>
      <c r="F6273" t="s">
        <v>3661</v>
      </c>
      <c r="G6273" t="s">
        <v>80</v>
      </c>
      <c r="H6273" t="s">
        <v>81</v>
      </c>
      <c r="I6273" s="2">
        <v>0</v>
      </c>
      <c r="J6273" s="2">
        <v>1</v>
      </c>
      <c r="K6273" s="2">
        <v>0</v>
      </c>
      <c r="L6273" t="s">
        <v>82</v>
      </c>
      <c r="M6273" t="s">
        <v>83</v>
      </c>
      <c r="N6273" t="s">
        <v>91</v>
      </c>
      <c r="O6273" t="s">
        <v>85</v>
      </c>
      <c r="P6273" t="s">
        <v>86</v>
      </c>
      <c r="Q6273">
        <v>36</v>
      </c>
      <c r="R6273">
        <v>36</v>
      </c>
      <c r="S6273">
        <v>37</v>
      </c>
      <c r="T6273">
        <v>38</v>
      </c>
      <c r="U6273">
        <v>39</v>
      </c>
      <c r="V6273">
        <v>39</v>
      </c>
      <c r="W6273">
        <v>40</v>
      </c>
      <c r="X6273">
        <v>41</v>
      </c>
      <c r="Y6273">
        <v>41</v>
      </c>
      <c r="Z6273">
        <v>42</v>
      </c>
      <c r="AA6273">
        <v>43</v>
      </c>
      <c r="AB6273">
        <v>43</v>
      </c>
      <c r="AC6273">
        <v>44</v>
      </c>
      <c r="AD6273">
        <v>44</v>
      </c>
      <c r="AE6273">
        <v>45</v>
      </c>
      <c r="AF6273">
        <v>46</v>
      </c>
      <c r="AG6273">
        <v>46</v>
      </c>
      <c r="AH6273">
        <v>47</v>
      </c>
      <c r="AI6273">
        <v>48</v>
      </c>
      <c r="AJ6273">
        <v>48</v>
      </c>
      <c r="AK6273">
        <v>49</v>
      </c>
      <c r="AL6273">
        <v>49</v>
      </c>
      <c r="AM6273">
        <v>49</v>
      </c>
      <c r="AN6273">
        <v>49</v>
      </c>
      <c r="AO6273">
        <v>49</v>
      </c>
      <c r="AP6273">
        <v>50</v>
      </c>
      <c r="AQ6273">
        <v>50</v>
      </c>
    </row>
    <row r="6274" spans="1:43">
      <c r="A6274" t="s">
        <v>3928</v>
      </c>
      <c r="B6274" t="s">
        <v>3929</v>
      </c>
      <c r="C6274" t="s">
        <v>3930</v>
      </c>
      <c r="D6274" t="s">
        <v>3931</v>
      </c>
      <c r="E6274" t="s">
        <v>3660</v>
      </c>
      <c r="F6274" t="s">
        <v>3661</v>
      </c>
      <c r="G6274" t="s">
        <v>80</v>
      </c>
      <c r="H6274" t="s">
        <v>81</v>
      </c>
      <c r="I6274" s="2">
        <v>0</v>
      </c>
      <c r="J6274" s="2">
        <v>1</v>
      </c>
      <c r="K6274" s="2">
        <v>0</v>
      </c>
      <c r="L6274" t="s">
        <v>82</v>
      </c>
      <c r="M6274" t="s">
        <v>83</v>
      </c>
      <c r="N6274" t="s">
        <v>84</v>
      </c>
      <c r="O6274" t="s">
        <v>85</v>
      </c>
      <c r="P6274" t="s">
        <v>86</v>
      </c>
      <c r="Q6274">
        <v>65</v>
      </c>
      <c r="R6274">
        <v>66</v>
      </c>
      <c r="S6274">
        <v>67</v>
      </c>
      <c r="T6274">
        <v>68</v>
      </c>
      <c r="U6274">
        <v>70</v>
      </c>
      <c r="V6274">
        <v>71</v>
      </c>
      <c r="W6274">
        <v>72</v>
      </c>
      <c r="X6274">
        <v>73</v>
      </c>
      <c r="Y6274">
        <v>74</v>
      </c>
      <c r="Z6274">
        <v>76</v>
      </c>
      <c r="AA6274">
        <v>77</v>
      </c>
      <c r="AB6274">
        <v>78</v>
      </c>
      <c r="AC6274">
        <v>79</v>
      </c>
      <c r="AD6274">
        <v>80</v>
      </c>
      <c r="AE6274">
        <v>81</v>
      </c>
      <c r="AF6274">
        <v>83</v>
      </c>
      <c r="AG6274">
        <v>84</v>
      </c>
      <c r="AH6274">
        <v>85</v>
      </c>
      <c r="AI6274">
        <v>86</v>
      </c>
      <c r="AJ6274">
        <v>87</v>
      </c>
      <c r="AK6274">
        <v>88</v>
      </c>
      <c r="AL6274">
        <v>89</v>
      </c>
      <c r="AM6274">
        <v>89</v>
      </c>
      <c r="AN6274">
        <v>89</v>
      </c>
      <c r="AO6274">
        <v>89</v>
      </c>
      <c r="AP6274">
        <v>90</v>
      </c>
      <c r="AQ6274">
        <v>90</v>
      </c>
    </row>
    <row r="6275" spans="1:43">
      <c r="A6275" t="s">
        <v>3928</v>
      </c>
      <c r="B6275" t="s">
        <v>3929</v>
      </c>
      <c r="C6275" t="s">
        <v>3930</v>
      </c>
      <c r="D6275" t="s">
        <v>3931</v>
      </c>
      <c r="E6275" t="s">
        <v>3660</v>
      </c>
      <c r="F6275" t="s">
        <v>3661</v>
      </c>
      <c r="G6275" t="s">
        <v>80</v>
      </c>
      <c r="H6275" t="s">
        <v>81</v>
      </c>
      <c r="I6275" s="2">
        <v>0</v>
      </c>
      <c r="J6275" s="2">
        <v>1</v>
      </c>
      <c r="K6275" s="2">
        <v>0</v>
      </c>
      <c r="L6275" t="s">
        <v>82</v>
      </c>
      <c r="M6275" t="s">
        <v>87</v>
      </c>
      <c r="N6275" t="s">
        <v>88</v>
      </c>
      <c r="O6275" t="s">
        <v>85</v>
      </c>
      <c r="P6275" t="s">
        <v>86</v>
      </c>
      <c r="Q6275">
        <v>65</v>
      </c>
      <c r="R6275">
        <v>66</v>
      </c>
      <c r="S6275">
        <v>66</v>
      </c>
      <c r="T6275">
        <v>67</v>
      </c>
      <c r="U6275">
        <v>68</v>
      </c>
      <c r="V6275">
        <v>68</v>
      </c>
      <c r="W6275">
        <v>69</v>
      </c>
      <c r="X6275">
        <v>69</v>
      </c>
      <c r="Y6275">
        <v>70</v>
      </c>
      <c r="Z6275">
        <v>70</v>
      </c>
      <c r="AA6275">
        <v>71</v>
      </c>
      <c r="AB6275">
        <v>71</v>
      </c>
      <c r="AC6275">
        <v>72</v>
      </c>
      <c r="AD6275">
        <v>73</v>
      </c>
      <c r="AE6275">
        <v>73</v>
      </c>
      <c r="AF6275">
        <v>74</v>
      </c>
      <c r="AG6275">
        <v>74</v>
      </c>
      <c r="AH6275">
        <v>75</v>
      </c>
      <c r="AI6275">
        <v>75</v>
      </c>
      <c r="AJ6275">
        <v>76</v>
      </c>
      <c r="AK6275">
        <v>76</v>
      </c>
      <c r="AL6275">
        <v>77</v>
      </c>
      <c r="AM6275">
        <v>77</v>
      </c>
      <c r="AN6275">
        <v>77</v>
      </c>
      <c r="AO6275">
        <v>78</v>
      </c>
      <c r="AP6275">
        <v>78</v>
      </c>
      <c r="AQ6275">
        <v>79</v>
      </c>
    </row>
    <row r="6276" spans="1:43">
      <c r="A6276" t="s">
        <v>3928</v>
      </c>
      <c r="B6276" t="s">
        <v>3929</v>
      </c>
      <c r="C6276" t="s">
        <v>3930</v>
      </c>
      <c r="D6276" t="s">
        <v>3931</v>
      </c>
      <c r="E6276" t="s">
        <v>3660</v>
      </c>
      <c r="F6276" t="s">
        <v>3661</v>
      </c>
      <c r="G6276" t="s">
        <v>80</v>
      </c>
      <c r="H6276" t="s">
        <v>81</v>
      </c>
      <c r="I6276" s="2">
        <v>0</v>
      </c>
      <c r="J6276" s="2">
        <v>1</v>
      </c>
      <c r="K6276" s="2">
        <v>0</v>
      </c>
      <c r="L6276" t="s">
        <v>82</v>
      </c>
      <c r="M6276" t="s">
        <v>89</v>
      </c>
      <c r="N6276" t="s">
        <v>90</v>
      </c>
      <c r="O6276" t="s">
        <v>85</v>
      </c>
      <c r="P6276" t="s">
        <v>86</v>
      </c>
      <c r="Q6276">
        <v>65</v>
      </c>
      <c r="R6276">
        <v>67</v>
      </c>
      <c r="S6276">
        <v>69</v>
      </c>
      <c r="T6276">
        <v>71</v>
      </c>
      <c r="U6276">
        <v>72</v>
      </c>
      <c r="V6276">
        <v>74</v>
      </c>
      <c r="W6276">
        <v>76</v>
      </c>
      <c r="X6276">
        <v>77</v>
      </c>
      <c r="Y6276">
        <v>79</v>
      </c>
      <c r="Z6276">
        <v>80</v>
      </c>
      <c r="AA6276">
        <v>82</v>
      </c>
      <c r="AB6276">
        <v>83</v>
      </c>
      <c r="AC6276">
        <v>85</v>
      </c>
      <c r="AD6276">
        <v>86</v>
      </c>
      <c r="AE6276">
        <v>87</v>
      </c>
      <c r="AF6276">
        <v>88</v>
      </c>
      <c r="AG6276">
        <v>88</v>
      </c>
      <c r="AH6276">
        <v>88</v>
      </c>
      <c r="AI6276">
        <v>89</v>
      </c>
      <c r="AJ6276">
        <v>89</v>
      </c>
      <c r="AK6276">
        <v>89</v>
      </c>
      <c r="AL6276">
        <v>89</v>
      </c>
      <c r="AM6276">
        <v>90</v>
      </c>
      <c r="AN6276">
        <v>90</v>
      </c>
      <c r="AO6276">
        <v>90</v>
      </c>
      <c r="AP6276">
        <v>90</v>
      </c>
      <c r="AQ6276">
        <v>90</v>
      </c>
    </row>
    <row r="6277" spans="1:43">
      <c r="A6277" t="s">
        <v>3928</v>
      </c>
      <c r="B6277" t="s">
        <v>3929</v>
      </c>
      <c r="C6277" t="s">
        <v>3930</v>
      </c>
      <c r="D6277" t="s">
        <v>3931</v>
      </c>
      <c r="E6277" t="s">
        <v>3660</v>
      </c>
      <c r="F6277" t="s">
        <v>3661</v>
      </c>
      <c r="G6277" t="s">
        <v>80</v>
      </c>
      <c r="H6277" t="s">
        <v>81</v>
      </c>
      <c r="I6277" s="2">
        <v>0</v>
      </c>
      <c r="J6277" s="2">
        <v>1</v>
      </c>
      <c r="K6277" s="2">
        <v>0</v>
      </c>
      <c r="L6277" t="s">
        <v>82</v>
      </c>
      <c r="M6277" t="s">
        <v>83</v>
      </c>
      <c r="N6277" t="s">
        <v>91</v>
      </c>
      <c r="O6277" t="s">
        <v>85</v>
      </c>
      <c r="P6277" t="s">
        <v>86</v>
      </c>
      <c r="Q6277">
        <v>65</v>
      </c>
      <c r="R6277">
        <v>66</v>
      </c>
      <c r="S6277">
        <v>67</v>
      </c>
      <c r="T6277">
        <v>68</v>
      </c>
      <c r="U6277">
        <v>70</v>
      </c>
      <c r="V6277">
        <v>71</v>
      </c>
      <c r="W6277">
        <v>72</v>
      </c>
      <c r="X6277">
        <v>73</v>
      </c>
      <c r="Y6277">
        <v>74</v>
      </c>
      <c r="Z6277">
        <v>76</v>
      </c>
      <c r="AA6277">
        <v>77</v>
      </c>
      <c r="AB6277">
        <v>78</v>
      </c>
      <c r="AC6277">
        <v>79</v>
      </c>
      <c r="AD6277">
        <v>80</v>
      </c>
      <c r="AE6277">
        <v>81</v>
      </c>
      <c r="AF6277">
        <v>83</v>
      </c>
      <c r="AG6277">
        <v>84</v>
      </c>
      <c r="AH6277">
        <v>85</v>
      </c>
      <c r="AI6277">
        <v>86</v>
      </c>
      <c r="AJ6277">
        <v>87</v>
      </c>
      <c r="AK6277">
        <v>88</v>
      </c>
      <c r="AL6277">
        <v>89</v>
      </c>
      <c r="AM6277">
        <v>89</v>
      </c>
      <c r="AN6277">
        <v>89</v>
      </c>
      <c r="AO6277">
        <v>89</v>
      </c>
      <c r="AP6277">
        <v>90</v>
      </c>
      <c r="AQ6277">
        <v>90</v>
      </c>
    </row>
    <row r="6278" spans="1:43">
      <c r="A6278" t="s">
        <v>3932</v>
      </c>
      <c r="B6278" t="s">
        <v>3933</v>
      </c>
      <c r="C6278" t="s">
        <v>3934</v>
      </c>
      <c r="D6278" t="s">
        <v>3935</v>
      </c>
      <c r="E6278" t="s">
        <v>3660</v>
      </c>
      <c r="F6278" t="s">
        <v>3661</v>
      </c>
      <c r="G6278" t="s">
        <v>80</v>
      </c>
      <c r="H6278" t="s">
        <v>81</v>
      </c>
      <c r="I6278" s="2">
        <v>0</v>
      </c>
      <c r="J6278" s="2">
        <v>1</v>
      </c>
      <c r="K6278" s="2">
        <v>0</v>
      </c>
      <c r="L6278" t="s">
        <v>82</v>
      </c>
      <c r="M6278" t="s">
        <v>83</v>
      </c>
      <c r="N6278" t="s">
        <v>84</v>
      </c>
      <c r="O6278" t="s">
        <v>85</v>
      </c>
      <c r="P6278" t="s">
        <v>86</v>
      </c>
      <c r="Q6278">
        <v>38</v>
      </c>
      <c r="R6278">
        <v>38</v>
      </c>
      <c r="S6278">
        <v>39</v>
      </c>
      <c r="T6278">
        <v>40</v>
      </c>
      <c r="U6278">
        <v>41</v>
      </c>
      <c r="V6278">
        <v>41</v>
      </c>
      <c r="W6278">
        <v>42</v>
      </c>
      <c r="X6278">
        <v>43</v>
      </c>
      <c r="Y6278">
        <v>43</v>
      </c>
      <c r="Z6278">
        <v>44</v>
      </c>
      <c r="AA6278">
        <v>45</v>
      </c>
      <c r="AB6278">
        <v>46</v>
      </c>
      <c r="AC6278">
        <v>46</v>
      </c>
      <c r="AD6278">
        <v>47</v>
      </c>
      <c r="AE6278">
        <v>48</v>
      </c>
      <c r="AF6278">
        <v>48</v>
      </c>
      <c r="AG6278">
        <v>49</v>
      </c>
      <c r="AH6278">
        <v>50</v>
      </c>
      <c r="AI6278">
        <v>50</v>
      </c>
      <c r="AJ6278">
        <v>51</v>
      </c>
      <c r="AK6278">
        <v>51</v>
      </c>
      <c r="AL6278">
        <v>52</v>
      </c>
      <c r="AM6278">
        <v>52</v>
      </c>
      <c r="AN6278">
        <v>52</v>
      </c>
      <c r="AO6278">
        <v>52</v>
      </c>
      <c r="AP6278">
        <v>52</v>
      </c>
      <c r="AQ6278">
        <v>52</v>
      </c>
    </row>
    <row r="6279" spans="1:43">
      <c r="A6279" t="s">
        <v>3932</v>
      </c>
      <c r="B6279" t="s">
        <v>3933</v>
      </c>
      <c r="C6279" t="s">
        <v>3934</v>
      </c>
      <c r="D6279" t="s">
        <v>3935</v>
      </c>
      <c r="E6279" t="s">
        <v>3660</v>
      </c>
      <c r="F6279" t="s">
        <v>3661</v>
      </c>
      <c r="G6279" t="s">
        <v>80</v>
      </c>
      <c r="H6279" t="s">
        <v>81</v>
      </c>
      <c r="I6279" s="2">
        <v>0</v>
      </c>
      <c r="J6279" s="2">
        <v>1</v>
      </c>
      <c r="K6279" s="2">
        <v>0</v>
      </c>
      <c r="L6279" t="s">
        <v>82</v>
      </c>
      <c r="M6279" t="s">
        <v>87</v>
      </c>
      <c r="N6279" t="s">
        <v>88</v>
      </c>
      <c r="O6279" t="s">
        <v>85</v>
      </c>
      <c r="P6279" t="s">
        <v>86</v>
      </c>
      <c r="Q6279">
        <v>38</v>
      </c>
      <c r="R6279">
        <v>39</v>
      </c>
      <c r="S6279">
        <v>39</v>
      </c>
      <c r="T6279">
        <v>40</v>
      </c>
      <c r="U6279">
        <v>40</v>
      </c>
      <c r="V6279">
        <v>40</v>
      </c>
      <c r="W6279">
        <v>41</v>
      </c>
      <c r="X6279">
        <v>41</v>
      </c>
      <c r="Y6279">
        <v>41</v>
      </c>
      <c r="Z6279">
        <v>42</v>
      </c>
      <c r="AA6279">
        <v>42</v>
      </c>
      <c r="AB6279">
        <v>42</v>
      </c>
      <c r="AC6279">
        <v>42</v>
      </c>
      <c r="AD6279">
        <v>43</v>
      </c>
      <c r="AE6279">
        <v>43</v>
      </c>
      <c r="AF6279">
        <v>43</v>
      </c>
      <c r="AG6279">
        <v>44</v>
      </c>
      <c r="AH6279">
        <v>44</v>
      </c>
      <c r="AI6279">
        <v>44</v>
      </c>
      <c r="AJ6279">
        <v>45</v>
      </c>
      <c r="AK6279">
        <v>45</v>
      </c>
      <c r="AL6279">
        <v>45</v>
      </c>
      <c r="AM6279">
        <v>45</v>
      </c>
      <c r="AN6279">
        <v>46</v>
      </c>
      <c r="AO6279">
        <v>46</v>
      </c>
      <c r="AP6279">
        <v>46</v>
      </c>
      <c r="AQ6279">
        <v>46</v>
      </c>
    </row>
    <row r="6280" spans="1:43">
      <c r="A6280" t="s">
        <v>3932</v>
      </c>
      <c r="B6280" t="s">
        <v>3933</v>
      </c>
      <c r="C6280" t="s">
        <v>3934</v>
      </c>
      <c r="D6280" t="s">
        <v>3935</v>
      </c>
      <c r="E6280" t="s">
        <v>3660</v>
      </c>
      <c r="F6280" t="s">
        <v>3661</v>
      </c>
      <c r="G6280" t="s">
        <v>80</v>
      </c>
      <c r="H6280" t="s">
        <v>81</v>
      </c>
      <c r="I6280" s="2">
        <v>0</v>
      </c>
      <c r="J6280" s="2">
        <v>1</v>
      </c>
      <c r="K6280" s="2">
        <v>0</v>
      </c>
      <c r="L6280" t="s">
        <v>82</v>
      </c>
      <c r="M6280" t="s">
        <v>89</v>
      </c>
      <c r="N6280" t="s">
        <v>90</v>
      </c>
      <c r="O6280" t="s">
        <v>85</v>
      </c>
      <c r="P6280" t="s">
        <v>86</v>
      </c>
      <c r="Q6280">
        <v>38</v>
      </c>
      <c r="R6280">
        <v>39</v>
      </c>
      <c r="S6280">
        <v>40</v>
      </c>
      <c r="T6280">
        <v>41</v>
      </c>
      <c r="U6280">
        <v>42</v>
      </c>
      <c r="V6280">
        <v>43</v>
      </c>
      <c r="W6280">
        <v>44</v>
      </c>
      <c r="X6280">
        <v>45</v>
      </c>
      <c r="Y6280">
        <v>46</v>
      </c>
      <c r="Z6280">
        <v>47</v>
      </c>
      <c r="AA6280">
        <v>48</v>
      </c>
      <c r="AB6280">
        <v>49</v>
      </c>
      <c r="AC6280">
        <v>50</v>
      </c>
      <c r="AD6280">
        <v>50</v>
      </c>
      <c r="AE6280">
        <v>51</v>
      </c>
      <c r="AF6280">
        <v>51</v>
      </c>
      <c r="AG6280">
        <v>51</v>
      </c>
      <c r="AH6280">
        <v>52</v>
      </c>
      <c r="AI6280">
        <v>52</v>
      </c>
      <c r="AJ6280">
        <v>52</v>
      </c>
      <c r="AK6280">
        <v>52</v>
      </c>
      <c r="AL6280">
        <v>52</v>
      </c>
      <c r="AM6280">
        <v>52</v>
      </c>
      <c r="AN6280">
        <v>52</v>
      </c>
      <c r="AO6280">
        <v>53</v>
      </c>
      <c r="AP6280">
        <v>53</v>
      </c>
      <c r="AQ6280">
        <v>53</v>
      </c>
    </row>
    <row r="6281" spans="1:43">
      <c r="A6281" t="s">
        <v>3932</v>
      </c>
      <c r="B6281" t="s">
        <v>3933</v>
      </c>
      <c r="C6281" t="s">
        <v>3934</v>
      </c>
      <c r="D6281" t="s">
        <v>3935</v>
      </c>
      <c r="E6281" t="s">
        <v>3660</v>
      </c>
      <c r="F6281" t="s">
        <v>3661</v>
      </c>
      <c r="G6281" t="s">
        <v>80</v>
      </c>
      <c r="H6281" t="s">
        <v>81</v>
      </c>
      <c r="I6281" s="2">
        <v>0</v>
      </c>
      <c r="J6281" s="2">
        <v>1</v>
      </c>
      <c r="K6281" s="2">
        <v>0</v>
      </c>
      <c r="L6281" t="s">
        <v>82</v>
      </c>
      <c r="M6281" t="s">
        <v>83</v>
      </c>
      <c r="N6281" t="s">
        <v>91</v>
      </c>
      <c r="O6281" t="s">
        <v>85</v>
      </c>
      <c r="P6281" t="s">
        <v>86</v>
      </c>
      <c r="Q6281">
        <v>38</v>
      </c>
      <c r="R6281">
        <v>38</v>
      </c>
      <c r="S6281">
        <v>39</v>
      </c>
      <c r="T6281">
        <v>40</v>
      </c>
      <c r="U6281">
        <v>41</v>
      </c>
      <c r="V6281">
        <v>41</v>
      </c>
      <c r="W6281">
        <v>42</v>
      </c>
      <c r="X6281">
        <v>43</v>
      </c>
      <c r="Y6281">
        <v>43</v>
      </c>
      <c r="Z6281">
        <v>44</v>
      </c>
      <c r="AA6281">
        <v>45</v>
      </c>
      <c r="AB6281">
        <v>46</v>
      </c>
      <c r="AC6281">
        <v>46</v>
      </c>
      <c r="AD6281">
        <v>47</v>
      </c>
      <c r="AE6281">
        <v>48</v>
      </c>
      <c r="AF6281">
        <v>48</v>
      </c>
      <c r="AG6281">
        <v>49</v>
      </c>
      <c r="AH6281">
        <v>50</v>
      </c>
      <c r="AI6281">
        <v>50</v>
      </c>
      <c r="AJ6281">
        <v>51</v>
      </c>
      <c r="AK6281">
        <v>51</v>
      </c>
      <c r="AL6281">
        <v>52</v>
      </c>
      <c r="AM6281">
        <v>52</v>
      </c>
      <c r="AN6281">
        <v>52</v>
      </c>
      <c r="AO6281">
        <v>52</v>
      </c>
      <c r="AP6281">
        <v>52</v>
      </c>
      <c r="AQ6281">
        <v>52</v>
      </c>
    </row>
    <row r="6282" spans="1:43">
      <c r="A6282" t="s">
        <v>3936</v>
      </c>
      <c r="B6282" t="s">
        <v>3937</v>
      </c>
      <c r="C6282" t="s">
        <v>3698</v>
      </c>
      <c r="D6282" t="s">
        <v>3699</v>
      </c>
      <c r="E6282" t="s">
        <v>3660</v>
      </c>
      <c r="F6282" t="s">
        <v>3661</v>
      </c>
      <c r="G6282" t="s">
        <v>80</v>
      </c>
      <c r="H6282" t="s">
        <v>81</v>
      </c>
      <c r="I6282" s="2">
        <v>0</v>
      </c>
      <c r="J6282" s="2">
        <v>1</v>
      </c>
      <c r="K6282" s="2">
        <v>0</v>
      </c>
      <c r="L6282" t="s">
        <v>82</v>
      </c>
      <c r="M6282" t="s">
        <v>83</v>
      </c>
      <c r="N6282" t="s">
        <v>84</v>
      </c>
      <c r="O6282" t="s">
        <v>85</v>
      </c>
      <c r="P6282" t="s">
        <v>86</v>
      </c>
      <c r="Q6282">
        <v>17</v>
      </c>
      <c r="R6282">
        <v>18</v>
      </c>
      <c r="S6282">
        <v>18</v>
      </c>
      <c r="T6282">
        <v>18</v>
      </c>
      <c r="U6282">
        <v>19</v>
      </c>
      <c r="V6282">
        <v>19</v>
      </c>
      <c r="W6282">
        <v>19</v>
      </c>
      <c r="X6282">
        <v>20</v>
      </c>
      <c r="Y6282">
        <v>20</v>
      </c>
      <c r="Z6282">
        <v>20</v>
      </c>
      <c r="AA6282">
        <v>21</v>
      </c>
      <c r="AB6282">
        <v>21</v>
      </c>
      <c r="AC6282">
        <v>21</v>
      </c>
      <c r="AD6282">
        <v>22</v>
      </c>
      <c r="AE6282">
        <v>22</v>
      </c>
      <c r="AF6282">
        <v>22</v>
      </c>
      <c r="AG6282">
        <v>23</v>
      </c>
      <c r="AH6282">
        <v>23</v>
      </c>
      <c r="AI6282">
        <v>23</v>
      </c>
      <c r="AJ6282">
        <v>23</v>
      </c>
      <c r="AK6282">
        <v>24</v>
      </c>
      <c r="AL6282">
        <v>24</v>
      </c>
      <c r="AM6282">
        <v>24</v>
      </c>
      <c r="AN6282">
        <v>24</v>
      </c>
      <c r="AO6282">
        <v>24</v>
      </c>
      <c r="AP6282">
        <v>24</v>
      </c>
      <c r="AQ6282">
        <v>24</v>
      </c>
    </row>
    <row r="6283" spans="1:43">
      <c r="A6283" t="s">
        <v>3936</v>
      </c>
      <c r="B6283" t="s">
        <v>3937</v>
      </c>
      <c r="C6283" t="s">
        <v>3698</v>
      </c>
      <c r="D6283" t="s">
        <v>3699</v>
      </c>
      <c r="E6283" t="s">
        <v>3660</v>
      </c>
      <c r="F6283" t="s">
        <v>3661</v>
      </c>
      <c r="G6283" t="s">
        <v>80</v>
      </c>
      <c r="H6283" t="s">
        <v>81</v>
      </c>
      <c r="I6283" s="2">
        <v>0</v>
      </c>
      <c r="J6283" s="2">
        <v>1</v>
      </c>
      <c r="K6283" s="2">
        <v>0</v>
      </c>
      <c r="L6283" t="s">
        <v>82</v>
      </c>
      <c r="M6283" t="s">
        <v>87</v>
      </c>
      <c r="N6283" t="s">
        <v>88</v>
      </c>
      <c r="O6283" t="s">
        <v>85</v>
      </c>
      <c r="P6283" t="s">
        <v>86</v>
      </c>
      <c r="Q6283">
        <v>17</v>
      </c>
      <c r="R6283">
        <v>17</v>
      </c>
      <c r="S6283">
        <v>18</v>
      </c>
      <c r="T6283">
        <v>18</v>
      </c>
      <c r="U6283">
        <v>18</v>
      </c>
      <c r="V6283">
        <v>18</v>
      </c>
      <c r="W6283">
        <v>18</v>
      </c>
      <c r="X6283">
        <v>18</v>
      </c>
      <c r="Y6283">
        <v>19</v>
      </c>
      <c r="Z6283">
        <v>19</v>
      </c>
      <c r="AA6283">
        <v>19</v>
      </c>
      <c r="AB6283">
        <v>19</v>
      </c>
      <c r="AC6283">
        <v>19</v>
      </c>
      <c r="AD6283">
        <v>19</v>
      </c>
      <c r="AE6283">
        <v>19</v>
      </c>
      <c r="AF6283">
        <v>20</v>
      </c>
      <c r="AG6283">
        <v>20</v>
      </c>
      <c r="AH6283">
        <v>20</v>
      </c>
      <c r="AI6283">
        <v>20</v>
      </c>
      <c r="AJ6283">
        <v>20</v>
      </c>
      <c r="AK6283">
        <v>20</v>
      </c>
      <c r="AL6283">
        <v>20</v>
      </c>
      <c r="AM6283">
        <v>20</v>
      </c>
      <c r="AN6283">
        <v>21</v>
      </c>
      <c r="AO6283">
        <v>21</v>
      </c>
      <c r="AP6283">
        <v>21</v>
      </c>
      <c r="AQ6283">
        <v>21</v>
      </c>
    </row>
    <row r="6284" spans="1:43">
      <c r="A6284" t="s">
        <v>3936</v>
      </c>
      <c r="B6284" t="s">
        <v>3937</v>
      </c>
      <c r="C6284" t="s">
        <v>3698</v>
      </c>
      <c r="D6284" t="s">
        <v>3699</v>
      </c>
      <c r="E6284" t="s">
        <v>3660</v>
      </c>
      <c r="F6284" t="s">
        <v>3661</v>
      </c>
      <c r="G6284" t="s">
        <v>80</v>
      </c>
      <c r="H6284" t="s">
        <v>81</v>
      </c>
      <c r="I6284" s="2">
        <v>0</v>
      </c>
      <c r="J6284" s="2">
        <v>1</v>
      </c>
      <c r="K6284" s="2">
        <v>0</v>
      </c>
      <c r="L6284" t="s">
        <v>82</v>
      </c>
      <c r="M6284" t="s">
        <v>89</v>
      </c>
      <c r="N6284" t="s">
        <v>90</v>
      </c>
      <c r="O6284" t="s">
        <v>85</v>
      </c>
      <c r="P6284" t="s">
        <v>86</v>
      </c>
      <c r="Q6284">
        <v>17</v>
      </c>
      <c r="R6284">
        <v>17</v>
      </c>
      <c r="S6284">
        <v>18</v>
      </c>
      <c r="T6284">
        <v>18</v>
      </c>
      <c r="U6284">
        <v>18</v>
      </c>
      <c r="V6284">
        <v>19</v>
      </c>
      <c r="W6284">
        <v>19</v>
      </c>
      <c r="X6284">
        <v>20</v>
      </c>
      <c r="Y6284">
        <v>20</v>
      </c>
      <c r="Z6284">
        <v>21</v>
      </c>
      <c r="AA6284">
        <v>21</v>
      </c>
      <c r="AB6284">
        <v>21</v>
      </c>
      <c r="AC6284">
        <v>22</v>
      </c>
      <c r="AD6284">
        <v>22</v>
      </c>
      <c r="AE6284">
        <v>22</v>
      </c>
      <c r="AF6284">
        <v>23</v>
      </c>
      <c r="AG6284">
        <v>23</v>
      </c>
      <c r="AH6284">
        <v>23</v>
      </c>
      <c r="AI6284">
        <v>23</v>
      </c>
      <c r="AJ6284">
        <v>23</v>
      </c>
      <c r="AK6284">
        <v>23</v>
      </c>
      <c r="AL6284">
        <v>23</v>
      </c>
      <c r="AM6284">
        <v>23</v>
      </c>
      <c r="AN6284">
        <v>23</v>
      </c>
      <c r="AO6284">
        <v>23</v>
      </c>
      <c r="AP6284">
        <v>23</v>
      </c>
      <c r="AQ6284">
        <v>23</v>
      </c>
    </row>
    <row r="6285" spans="1:43">
      <c r="A6285" t="s">
        <v>3936</v>
      </c>
      <c r="B6285" t="s">
        <v>3937</v>
      </c>
      <c r="C6285" t="s">
        <v>3698</v>
      </c>
      <c r="D6285" t="s">
        <v>3699</v>
      </c>
      <c r="E6285" t="s">
        <v>3660</v>
      </c>
      <c r="F6285" t="s">
        <v>3661</v>
      </c>
      <c r="G6285" t="s">
        <v>80</v>
      </c>
      <c r="H6285" t="s">
        <v>81</v>
      </c>
      <c r="I6285" s="2">
        <v>0</v>
      </c>
      <c r="J6285" s="2">
        <v>1</v>
      </c>
      <c r="K6285" s="2">
        <v>0</v>
      </c>
      <c r="L6285" t="s">
        <v>82</v>
      </c>
      <c r="M6285" t="s">
        <v>83</v>
      </c>
      <c r="N6285" t="s">
        <v>91</v>
      </c>
      <c r="O6285" t="s">
        <v>85</v>
      </c>
      <c r="P6285" t="s">
        <v>86</v>
      </c>
      <c r="Q6285">
        <v>17</v>
      </c>
      <c r="R6285">
        <v>18</v>
      </c>
      <c r="S6285">
        <v>18</v>
      </c>
      <c r="T6285">
        <v>18</v>
      </c>
      <c r="U6285">
        <v>19</v>
      </c>
      <c r="V6285">
        <v>19</v>
      </c>
      <c r="W6285">
        <v>19</v>
      </c>
      <c r="X6285">
        <v>20</v>
      </c>
      <c r="Y6285">
        <v>20</v>
      </c>
      <c r="Z6285">
        <v>20</v>
      </c>
      <c r="AA6285">
        <v>21</v>
      </c>
      <c r="AB6285">
        <v>21</v>
      </c>
      <c r="AC6285">
        <v>21</v>
      </c>
      <c r="AD6285">
        <v>22</v>
      </c>
      <c r="AE6285">
        <v>22</v>
      </c>
      <c r="AF6285">
        <v>22</v>
      </c>
      <c r="AG6285">
        <v>23</v>
      </c>
      <c r="AH6285">
        <v>23</v>
      </c>
      <c r="AI6285">
        <v>23</v>
      </c>
      <c r="AJ6285">
        <v>23</v>
      </c>
      <c r="AK6285">
        <v>24</v>
      </c>
      <c r="AL6285">
        <v>24</v>
      </c>
      <c r="AM6285">
        <v>24</v>
      </c>
      <c r="AN6285">
        <v>24</v>
      </c>
      <c r="AO6285">
        <v>24</v>
      </c>
      <c r="AP6285">
        <v>24</v>
      </c>
      <c r="AQ6285">
        <v>24</v>
      </c>
    </row>
    <row r="6286" spans="1:43">
      <c r="A6286" t="s">
        <v>3938</v>
      </c>
      <c r="B6286" t="s">
        <v>3939</v>
      </c>
      <c r="C6286" t="s">
        <v>3934</v>
      </c>
      <c r="D6286" t="s">
        <v>3935</v>
      </c>
      <c r="E6286" t="s">
        <v>3660</v>
      </c>
      <c r="F6286" t="s">
        <v>3661</v>
      </c>
      <c r="G6286" t="s">
        <v>80</v>
      </c>
      <c r="H6286" t="s">
        <v>81</v>
      </c>
      <c r="I6286" s="2">
        <v>0</v>
      </c>
      <c r="J6286" s="2">
        <v>1</v>
      </c>
      <c r="K6286" s="2">
        <v>0</v>
      </c>
      <c r="L6286" t="s">
        <v>82</v>
      </c>
      <c r="M6286" t="s">
        <v>83</v>
      </c>
      <c r="N6286" t="s">
        <v>84</v>
      </c>
      <c r="O6286" t="s">
        <v>85</v>
      </c>
      <c r="P6286" t="s">
        <v>86</v>
      </c>
      <c r="Q6286">
        <v>105</v>
      </c>
      <c r="R6286">
        <v>107</v>
      </c>
      <c r="S6286">
        <v>109</v>
      </c>
      <c r="T6286">
        <v>111</v>
      </c>
      <c r="U6286">
        <v>113</v>
      </c>
      <c r="V6286">
        <v>115</v>
      </c>
      <c r="W6286">
        <v>117</v>
      </c>
      <c r="X6286">
        <v>119</v>
      </c>
      <c r="Y6286">
        <v>121</v>
      </c>
      <c r="Z6286">
        <v>123</v>
      </c>
      <c r="AA6286">
        <v>125</v>
      </c>
      <c r="AB6286">
        <v>127</v>
      </c>
      <c r="AC6286">
        <v>129</v>
      </c>
      <c r="AD6286">
        <v>130</v>
      </c>
      <c r="AE6286">
        <v>132</v>
      </c>
      <c r="AF6286">
        <v>134</v>
      </c>
      <c r="AG6286">
        <v>136</v>
      </c>
      <c r="AH6286">
        <v>138</v>
      </c>
      <c r="AI6286">
        <v>140</v>
      </c>
      <c r="AJ6286">
        <v>141</v>
      </c>
      <c r="AK6286">
        <v>143</v>
      </c>
      <c r="AL6286">
        <v>144</v>
      </c>
      <c r="AM6286">
        <v>144</v>
      </c>
      <c r="AN6286">
        <v>145</v>
      </c>
      <c r="AO6286">
        <v>145</v>
      </c>
      <c r="AP6286">
        <v>146</v>
      </c>
      <c r="AQ6286">
        <v>146</v>
      </c>
    </row>
    <row r="6287" spans="1:43">
      <c r="A6287" t="s">
        <v>3938</v>
      </c>
      <c r="B6287" t="s">
        <v>3939</v>
      </c>
      <c r="C6287" t="s">
        <v>3934</v>
      </c>
      <c r="D6287" t="s">
        <v>3935</v>
      </c>
      <c r="E6287" t="s">
        <v>3660</v>
      </c>
      <c r="F6287" t="s">
        <v>3661</v>
      </c>
      <c r="G6287" t="s">
        <v>80</v>
      </c>
      <c r="H6287" t="s">
        <v>81</v>
      </c>
      <c r="I6287" s="2">
        <v>0</v>
      </c>
      <c r="J6287" s="2">
        <v>1</v>
      </c>
      <c r="K6287" s="2">
        <v>0</v>
      </c>
      <c r="L6287" t="s">
        <v>82</v>
      </c>
      <c r="M6287" t="s">
        <v>87</v>
      </c>
      <c r="N6287" t="s">
        <v>88</v>
      </c>
      <c r="O6287" t="s">
        <v>85</v>
      </c>
      <c r="P6287" t="s">
        <v>86</v>
      </c>
      <c r="Q6287">
        <v>105</v>
      </c>
      <c r="R6287">
        <v>106</v>
      </c>
      <c r="S6287">
        <v>107</v>
      </c>
      <c r="T6287">
        <v>108</v>
      </c>
      <c r="U6287">
        <v>109</v>
      </c>
      <c r="V6287">
        <v>110</v>
      </c>
      <c r="W6287">
        <v>111</v>
      </c>
      <c r="X6287">
        <v>112</v>
      </c>
      <c r="Y6287">
        <v>113</v>
      </c>
      <c r="Z6287">
        <v>114</v>
      </c>
      <c r="AA6287">
        <v>115</v>
      </c>
      <c r="AB6287">
        <v>116</v>
      </c>
      <c r="AC6287">
        <v>116</v>
      </c>
      <c r="AD6287">
        <v>117</v>
      </c>
      <c r="AE6287">
        <v>118</v>
      </c>
      <c r="AF6287">
        <v>119</v>
      </c>
      <c r="AG6287">
        <v>120</v>
      </c>
      <c r="AH6287">
        <v>121</v>
      </c>
      <c r="AI6287">
        <v>121</v>
      </c>
      <c r="AJ6287">
        <v>122</v>
      </c>
      <c r="AK6287">
        <v>123</v>
      </c>
      <c r="AL6287">
        <v>124</v>
      </c>
      <c r="AM6287">
        <v>124</v>
      </c>
      <c r="AN6287">
        <v>125</v>
      </c>
      <c r="AO6287">
        <v>126</v>
      </c>
      <c r="AP6287">
        <v>127</v>
      </c>
      <c r="AQ6287">
        <v>128</v>
      </c>
    </row>
    <row r="6288" spans="1:43">
      <c r="A6288" t="s">
        <v>3938</v>
      </c>
      <c r="B6288" t="s">
        <v>3939</v>
      </c>
      <c r="C6288" t="s">
        <v>3934</v>
      </c>
      <c r="D6288" t="s">
        <v>3935</v>
      </c>
      <c r="E6288" t="s">
        <v>3660</v>
      </c>
      <c r="F6288" t="s">
        <v>3661</v>
      </c>
      <c r="G6288" t="s">
        <v>80</v>
      </c>
      <c r="H6288" t="s">
        <v>81</v>
      </c>
      <c r="I6288" s="2">
        <v>0</v>
      </c>
      <c r="J6288" s="2">
        <v>1</v>
      </c>
      <c r="K6288" s="2">
        <v>0</v>
      </c>
      <c r="L6288" t="s">
        <v>82</v>
      </c>
      <c r="M6288" t="s">
        <v>89</v>
      </c>
      <c r="N6288" t="s">
        <v>90</v>
      </c>
      <c r="O6288" t="s">
        <v>85</v>
      </c>
      <c r="P6288" t="s">
        <v>86</v>
      </c>
      <c r="Q6288">
        <v>105</v>
      </c>
      <c r="R6288">
        <v>108</v>
      </c>
      <c r="S6288">
        <v>111</v>
      </c>
      <c r="T6288">
        <v>114</v>
      </c>
      <c r="U6288">
        <v>117</v>
      </c>
      <c r="V6288">
        <v>119</v>
      </c>
      <c r="W6288">
        <v>122</v>
      </c>
      <c r="X6288">
        <v>125</v>
      </c>
      <c r="Y6288">
        <v>127</v>
      </c>
      <c r="Z6288">
        <v>130</v>
      </c>
      <c r="AA6288">
        <v>132</v>
      </c>
      <c r="AB6288">
        <v>134</v>
      </c>
      <c r="AC6288">
        <v>137</v>
      </c>
      <c r="AD6288">
        <v>139</v>
      </c>
      <c r="AE6288">
        <v>141</v>
      </c>
      <c r="AF6288">
        <v>141</v>
      </c>
      <c r="AG6288">
        <v>142</v>
      </c>
      <c r="AH6288">
        <v>142</v>
      </c>
      <c r="AI6288">
        <v>143</v>
      </c>
      <c r="AJ6288">
        <v>143</v>
      </c>
      <c r="AK6288">
        <v>144</v>
      </c>
      <c r="AL6288">
        <v>144</v>
      </c>
      <c r="AM6288">
        <v>144</v>
      </c>
      <c r="AN6288">
        <v>145</v>
      </c>
      <c r="AO6288">
        <v>145</v>
      </c>
      <c r="AP6288">
        <v>145</v>
      </c>
      <c r="AQ6288">
        <v>146</v>
      </c>
    </row>
    <row r="6289" spans="1:43">
      <c r="A6289" t="s">
        <v>3938</v>
      </c>
      <c r="B6289" t="s">
        <v>3939</v>
      </c>
      <c r="C6289" t="s">
        <v>3934</v>
      </c>
      <c r="D6289" t="s">
        <v>3935</v>
      </c>
      <c r="E6289" t="s">
        <v>3660</v>
      </c>
      <c r="F6289" t="s">
        <v>3661</v>
      </c>
      <c r="G6289" t="s">
        <v>80</v>
      </c>
      <c r="H6289" t="s">
        <v>81</v>
      </c>
      <c r="I6289" s="2">
        <v>0</v>
      </c>
      <c r="J6289" s="2">
        <v>1</v>
      </c>
      <c r="K6289" s="2">
        <v>0</v>
      </c>
      <c r="L6289" t="s">
        <v>82</v>
      </c>
      <c r="M6289" t="s">
        <v>83</v>
      </c>
      <c r="N6289" t="s">
        <v>91</v>
      </c>
      <c r="O6289" t="s">
        <v>85</v>
      </c>
      <c r="P6289" t="s">
        <v>86</v>
      </c>
      <c r="Q6289">
        <v>105</v>
      </c>
      <c r="R6289">
        <v>107</v>
      </c>
      <c r="S6289">
        <v>109</v>
      </c>
      <c r="T6289">
        <v>111</v>
      </c>
      <c r="U6289">
        <v>113</v>
      </c>
      <c r="V6289">
        <v>115</v>
      </c>
      <c r="W6289">
        <v>117</v>
      </c>
      <c r="X6289">
        <v>119</v>
      </c>
      <c r="Y6289">
        <v>121</v>
      </c>
      <c r="Z6289">
        <v>123</v>
      </c>
      <c r="AA6289">
        <v>125</v>
      </c>
      <c r="AB6289">
        <v>127</v>
      </c>
      <c r="AC6289">
        <v>129</v>
      </c>
      <c r="AD6289">
        <v>130</v>
      </c>
      <c r="AE6289">
        <v>132</v>
      </c>
      <c r="AF6289">
        <v>134</v>
      </c>
      <c r="AG6289">
        <v>136</v>
      </c>
      <c r="AH6289">
        <v>138</v>
      </c>
      <c r="AI6289">
        <v>140</v>
      </c>
      <c r="AJ6289">
        <v>141</v>
      </c>
      <c r="AK6289">
        <v>143</v>
      </c>
      <c r="AL6289">
        <v>144</v>
      </c>
      <c r="AM6289">
        <v>144</v>
      </c>
      <c r="AN6289">
        <v>145</v>
      </c>
      <c r="AO6289">
        <v>145</v>
      </c>
      <c r="AP6289">
        <v>146</v>
      </c>
      <c r="AQ6289">
        <v>146</v>
      </c>
    </row>
    <row r="6290" spans="1:43">
      <c r="A6290" t="s">
        <v>3940</v>
      </c>
      <c r="B6290" t="s">
        <v>3941</v>
      </c>
      <c r="C6290" t="s">
        <v>3930</v>
      </c>
      <c r="D6290" t="s">
        <v>3931</v>
      </c>
      <c r="E6290" t="s">
        <v>3660</v>
      </c>
      <c r="F6290" t="s">
        <v>3661</v>
      </c>
      <c r="G6290" t="s">
        <v>80</v>
      </c>
      <c r="H6290" t="s">
        <v>81</v>
      </c>
      <c r="I6290" s="2">
        <v>0</v>
      </c>
      <c r="J6290" s="2">
        <v>1</v>
      </c>
      <c r="K6290" s="2">
        <v>0</v>
      </c>
      <c r="L6290" t="s">
        <v>82</v>
      </c>
      <c r="M6290" t="s">
        <v>83</v>
      </c>
      <c r="N6290" t="s">
        <v>84</v>
      </c>
      <c r="O6290" t="s">
        <v>85</v>
      </c>
      <c r="P6290" t="s">
        <v>86</v>
      </c>
      <c r="Q6290">
        <v>52</v>
      </c>
      <c r="R6290">
        <v>53</v>
      </c>
      <c r="S6290">
        <v>53</v>
      </c>
      <c r="T6290">
        <v>54</v>
      </c>
      <c r="U6290">
        <v>55</v>
      </c>
      <c r="V6290">
        <v>56</v>
      </c>
      <c r="W6290">
        <v>57</v>
      </c>
      <c r="X6290">
        <v>58</v>
      </c>
      <c r="Y6290">
        <v>59</v>
      </c>
      <c r="Z6290">
        <v>60</v>
      </c>
      <c r="AA6290">
        <v>61</v>
      </c>
      <c r="AB6290">
        <v>62</v>
      </c>
      <c r="AC6290">
        <v>63</v>
      </c>
      <c r="AD6290">
        <v>64</v>
      </c>
      <c r="AE6290">
        <v>65</v>
      </c>
      <c r="AF6290">
        <v>66</v>
      </c>
      <c r="AG6290">
        <v>67</v>
      </c>
      <c r="AH6290">
        <v>68</v>
      </c>
      <c r="AI6290">
        <v>68</v>
      </c>
      <c r="AJ6290">
        <v>69</v>
      </c>
      <c r="AK6290">
        <v>70</v>
      </c>
      <c r="AL6290">
        <v>71</v>
      </c>
      <c r="AM6290">
        <v>71</v>
      </c>
      <c r="AN6290">
        <v>71</v>
      </c>
      <c r="AO6290">
        <v>71</v>
      </c>
      <c r="AP6290">
        <v>71</v>
      </c>
      <c r="AQ6290">
        <v>72</v>
      </c>
    </row>
    <row r="6291" spans="1:43">
      <c r="A6291" t="s">
        <v>3940</v>
      </c>
      <c r="B6291" t="s">
        <v>3941</v>
      </c>
      <c r="C6291" t="s">
        <v>3930</v>
      </c>
      <c r="D6291" t="s">
        <v>3931</v>
      </c>
      <c r="E6291" t="s">
        <v>3660</v>
      </c>
      <c r="F6291" t="s">
        <v>3661</v>
      </c>
      <c r="G6291" t="s">
        <v>80</v>
      </c>
      <c r="H6291" t="s">
        <v>81</v>
      </c>
      <c r="I6291" s="2">
        <v>0</v>
      </c>
      <c r="J6291" s="2">
        <v>1</v>
      </c>
      <c r="K6291" s="2">
        <v>0</v>
      </c>
      <c r="L6291" t="s">
        <v>82</v>
      </c>
      <c r="M6291" t="s">
        <v>87</v>
      </c>
      <c r="N6291" t="s">
        <v>88</v>
      </c>
      <c r="O6291" t="s">
        <v>85</v>
      </c>
      <c r="P6291" t="s">
        <v>86</v>
      </c>
      <c r="Q6291">
        <v>52</v>
      </c>
      <c r="R6291">
        <v>53</v>
      </c>
      <c r="S6291">
        <v>53</v>
      </c>
      <c r="T6291">
        <v>54</v>
      </c>
      <c r="U6291">
        <v>54</v>
      </c>
      <c r="V6291">
        <v>54</v>
      </c>
      <c r="W6291">
        <v>55</v>
      </c>
      <c r="X6291">
        <v>55</v>
      </c>
      <c r="Y6291">
        <v>56</v>
      </c>
      <c r="Z6291">
        <v>56</v>
      </c>
      <c r="AA6291">
        <v>57</v>
      </c>
      <c r="AB6291">
        <v>57</v>
      </c>
      <c r="AC6291">
        <v>58</v>
      </c>
      <c r="AD6291">
        <v>58</v>
      </c>
      <c r="AE6291">
        <v>58</v>
      </c>
      <c r="AF6291">
        <v>59</v>
      </c>
      <c r="AG6291">
        <v>59</v>
      </c>
      <c r="AH6291">
        <v>60</v>
      </c>
      <c r="AI6291">
        <v>60</v>
      </c>
      <c r="AJ6291">
        <v>60</v>
      </c>
      <c r="AK6291">
        <v>61</v>
      </c>
      <c r="AL6291">
        <v>61</v>
      </c>
      <c r="AM6291">
        <v>62</v>
      </c>
      <c r="AN6291">
        <v>62</v>
      </c>
      <c r="AO6291">
        <v>62</v>
      </c>
      <c r="AP6291">
        <v>63</v>
      </c>
      <c r="AQ6291">
        <v>63</v>
      </c>
    </row>
    <row r="6292" spans="1:43">
      <c r="A6292" t="s">
        <v>3940</v>
      </c>
      <c r="B6292" t="s">
        <v>3941</v>
      </c>
      <c r="C6292" t="s">
        <v>3930</v>
      </c>
      <c r="D6292" t="s">
        <v>3931</v>
      </c>
      <c r="E6292" t="s">
        <v>3660</v>
      </c>
      <c r="F6292" t="s">
        <v>3661</v>
      </c>
      <c r="G6292" t="s">
        <v>80</v>
      </c>
      <c r="H6292" t="s">
        <v>81</v>
      </c>
      <c r="I6292" s="2">
        <v>0</v>
      </c>
      <c r="J6292" s="2">
        <v>1</v>
      </c>
      <c r="K6292" s="2">
        <v>0</v>
      </c>
      <c r="L6292" t="s">
        <v>82</v>
      </c>
      <c r="M6292" t="s">
        <v>89</v>
      </c>
      <c r="N6292" t="s">
        <v>90</v>
      </c>
      <c r="O6292" t="s">
        <v>85</v>
      </c>
      <c r="P6292" t="s">
        <v>86</v>
      </c>
      <c r="Q6292">
        <v>52</v>
      </c>
      <c r="R6292">
        <v>53</v>
      </c>
      <c r="S6292">
        <v>55</v>
      </c>
      <c r="T6292">
        <v>56</v>
      </c>
      <c r="U6292">
        <v>58</v>
      </c>
      <c r="V6292">
        <v>59</v>
      </c>
      <c r="W6292">
        <v>60</v>
      </c>
      <c r="X6292">
        <v>62</v>
      </c>
      <c r="Y6292">
        <v>63</v>
      </c>
      <c r="Z6292">
        <v>64</v>
      </c>
      <c r="AA6292">
        <v>65</v>
      </c>
      <c r="AB6292">
        <v>66</v>
      </c>
      <c r="AC6292">
        <v>68</v>
      </c>
      <c r="AD6292">
        <v>69</v>
      </c>
      <c r="AE6292">
        <v>70</v>
      </c>
      <c r="AF6292">
        <v>70</v>
      </c>
      <c r="AG6292">
        <v>70</v>
      </c>
      <c r="AH6292">
        <v>70</v>
      </c>
      <c r="AI6292">
        <v>71</v>
      </c>
      <c r="AJ6292">
        <v>71</v>
      </c>
      <c r="AK6292">
        <v>71</v>
      </c>
      <c r="AL6292">
        <v>71</v>
      </c>
      <c r="AM6292">
        <v>71</v>
      </c>
      <c r="AN6292">
        <v>72</v>
      </c>
      <c r="AO6292">
        <v>72</v>
      </c>
      <c r="AP6292">
        <v>72</v>
      </c>
      <c r="AQ6292">
        <v>72</v>
      </c>
    </row>
    <row r="6293" spans="1:43">
      <c r="A6293" t="s">
        <v>3940</v>
      </c>
      <c r="B6293" t="s">
        <v>3941</v>
      </c>
      <c r="C6293" t="s">
        <v>3930</v>
      </c>
      <c r="D6293" t="s">
        <v>3931</v>
      </c>
      <c r="E6293" t="s">
        <v>3660</v>
      </c>
      <c r="F6293" t="s">
        <v>3661</v>
      </c>
      <c r="G6293" t="s">
        <v>80</v>
      </c>
      <c r="H6293" t="s">
        <v>81</v>
      </c>
      <c r="I6293" s="2">
        <v>0</v>
      </c>
      <c r="J6293" s="2">
        <v>1</v>
      </c>
      <c r="K6293" s="2">
        <v>0</v>
      </c>
      <c r="L6293" t="s">
        <v>82</v>
      </c>
      <c r="M6293" t="s">
        <v>83</v>
      </c>
      <c r="N6293" t="s">
        <v>91</v>
      </c>
      <c r="O6293" t="s">
        <v>85</v>
      </c>
      <c r="P6293" t="s">
        <v>86</v>
      </c>
      <c r="Q6293">
        <v>52</v>
      </c>
      <c r="R6293">
        <v>53</v>
      </c>
      <c r="S6293">
        <v>53</v>
      </c>
      <c r="T6293">
        <v>54</v>
      </c>
      <c r="U6293">
        <v>55</v>
      </c>
      <c r="V6293">
        <v>56</v>
      </c>
      <c r="W6293">
        <v>57</v>
      </c>
      <c r="X6293">
        <v>58</v>
      </c>
      <c r="Y6293">
        <v>59</v>
      </c>
      <c r="Z6293">
        <v>60</v>
      </c>
      <c r="AA6293">
        <v>61</v>
      </c>
      <c r="AB6293">
        <v>62</v>
      </c>
      <c r="AC6293">
        <v>63</v>
      </c>
      <c r="AD6293">
        <v>64</v>
      </c>
      <c r="AE6293">
        <v>65</v>
      </c>
      <c r="AF6293">
        <v>66</v>
      </c>
      <c r="AG6293">
        <v>67</v>
      </c>
      <c r="AH6293">
        <v>68</v>
      </c>
      <c r="AI6293">
        <v>68</v>
      </c>
      <c r="AJ6293">
        <v>69</v>
      </c>
      <c r="AK6293">
        <v>70</v>
      </c>
      <c r="AL6293">
        <v>71</v>
      </c>
      <c r="AM6293">
        <v>71</v>
      </c>
      <c r="AN6293">
        <v>71</v>
      </c>
      <c r="AO6293">
        <v>71</v>
      </c>
      <c r="AP6293">
        <v>71</v>
      </c>
      <c r="AQ6293">
        <v>72</v>
      </c>
    </row>
    <row r="6294" spans="1:43">
      <c r="A6294" t="s">
        <v>3942</v>
      </c>
      <c r="B6294" t="s">
        <v>3943</v>
      </c>
      <c r="C6294" t="s">
        <v>3930</v>
      </c>
      <c r="D6294" t="s">
        <v>3931</v>
      </c>
      <c r="E6294" t="s">
        <v>3660</v>
      </c>
      <c r="F6294" t="s">
        <v>3661</v>
      </c>
      <c r="G6294" t="s">
        <v>80</v>
      </c>
      <c r="H6294" t="s">
        <v>81</v>
      </c>
      <c r="I6294" s="2">
        <v>0</v>
      </c>
      <c r="J6294" s="2">
        <v>1</v>
      </c>
      <c r="K6294" s="2">
        <v>0</v>
      </c>
      <c r="L6294" t="s">
        <v>82</v>
      </c>
      <c r="M6294" t="s">
        <v>83</v>
      </c>
      <c r="N6294" t="s">
        <v>84</v>
      </c>
      <c r="O6294" t="s">
        <v>85</v>
      </c>
      <c r="P6294" t="s">
        <v>86</v>
      </c>
      <c r="Q6294">
        <v>45</v>
      </c>
      <c r="R6294">
        <v>46</v>
      </c>
      <c r="S6294">
        <v>47</v>
      </c>
      <c r="T6294">
        <v>48</v>
      </c>
      <c r="U6294">
        <v>49</v>
      </c>
      <c r="V6294">
        <v>50</v>
      </c>
      <c r="W6294">
        <v>51</v>
      </c>
      <c r="X6294">
        <v>51</v>
      </c>
      <c r="Y6294">
        <v>52</v>
      </c>
      <c r="Z6294">
        <v>53</v>
      </c>
      <c r="AA6294">
        <v>54</v>
      </c>
      <c r="AB6294">
        <v>55</v>
      </c>
      <c r="AC6294">
        <v>56</v>
      </c>
      <c r="AD6294">
        <v>56</v>
      </c>
      <c r="AE6294">
        <v>57</v>
      </c>
      <c r="AF6294">
        <v>58</v>
      </c>
      <c r="AG6294">
        <v>59</v>
      </c>
      <c r="AH6294">
        <v>60</v>
      </c>
      <c r="AI6294">
        <v>60</v>
      </c>
      <c r="AJ6294">
        <v>61</v>
      </c>
      <c r="AK6294">
        <v>62</v>
      </c>
      <c r="AL6294">
        <v>62</v>
      </c>
      <c r="AM6294">
        <v>62</v>
      </c>
      <c r="AN6294">
        <v>63</v>
      </c>
      <c r="AO6294">
        <v>63</v>
      </c>
      <c r="AP6294">
        <v>63</v>
      </c>
      <c r="AQ6294">
        <v>63</v>
      </c>
    </row>
    <row r="6295" spans="1:43">
      <c r="A6295" t="s">
        <v>3942</v>
      </c>
      <c r="B6295" t="s">
        <v>3943</v>
      </c>
      <c r="C6295" t="s">
        <v>3930</v>
      </c>
      <c r="D6295" t="s">
        <v>3931</v>
      </c>
      <c r="E6295" t="s">
        <v>3660</v>
      </c>
      <c r="F6295" t="s">
        <v>3661</v>
      </c>
      <c r="G6295" t="s">
        <v>80</v>
      </c>
      <c r="H6295" t="s">
        <v>81</v>
      </c>
      <c r="I6295" s="2">
        <v>0</v>
      </c>
      <c r="J6295" s="2">
        <v>1</v>
      </c>
      <c r="K6295" s="2">
        <v>0</v>
      </c>
      <c r="L6295" t="s">
        <v>82</v>
      </c>
      <c r="M6295" t="s">
        <v>87</v>
      </c>
      <c r="N6295" t="s">
        <v>88</v>
      </c>
      <c r="O6295" t="s">
        <v>85</v>
      </c>
      <c r="P6295" t="s">
        <v>86</v>
      </c>
      <c r="Q6295">
        <v>45</v>
      </c>
      <c r="R6295">
        <v>45</v>
      </c>
      <c r="S6295">
        <v>46</v>
      </c>
      <c r="T6295">
        <v>46</v>
      </c>
      <c r="U6295">
        <v>47</v>
      </c>
      <c r="V6295">
        <v>47</v>
      </c>
      <c r="W6295">
        <v>48</v>
      </c>
      <c r="X6295">
        <v>48</v>
      </c>
      <c r="Y6295">
        <v>48</v>
      </c>
      <c r="Z6295">
        <v>49</v>
      </c>
      <c r="AA6295">
        <v>49</v>
      </c>
      <c r="AB6295">
        <v>50</v>
      </c>
      <c r="AC6295">
        <v>50</v>
      </c>
      <c r="AD6295">
        <v>50</v>
      </c>
      <c r="AE6295">
        <v>51</v>
      </c>
      <c r="AF6295">
        <v>51</v>
      </c>
      <c r="AG6295">
        <v>51</v>
      </c>
      <c r="AH6295">
        <v>52</v>
      </c>
      <c r="AI6295">
        <v>52</v>
      </c>
      <c r="AJ6295">
        <v>52</v>
      </c>
      <c r="AK6295">
        <v>53</v>
      </c>
      <c r="AL6295">
        <v>53</v>
      </c>
      <c r="AM6295">
        <v>53</v>
      </c>
      <c r="AN6295">
        <v>54</v>
      </c>
      <c r="AO6295">
        <v>54</v>
      </c>
      <c r="AP6295">
        <v>54</v>
      </c>
      <c r="AQ6295">
        <v>55</v>
      </c>
    </row>
    <row r="6296" spans="1:43">
      <c r="A6296" t="s">
        <v>3942</v>
      </c>
      <c r="B6296" t="s">
        <v>3943</v>
      </c>
      <c r="C6296" t="s">
        <v>3930</v>
      </c>
      <c r="D6296" t="s">
        <v>3931</v>
      </c>
      <c r="E6296" t="s">
        <v>3660</v>
      </c>
      <c r="F6296" t="s">
        <v>3661</v>
      </c>
      <c r="G6296" t="s">
        <v>80</v>
      </c>
      <c r="H6296" t="s">
        <v>81</v>
      </c>
      <c r="I6296" s="2">
        <v>0</v>
      </c>
      <c r="J6296" s="2">
        <v>1</v>
      </c>
      <c r="K6296" s="2">
        <v>0</v>
      </c>
      <c r="L6296" t="s">
        <v>82</v>
      </c>
      <c r="M6296" t="s">
        <v>89</v>
      </c>
      <c r="N6296" t="s">
        <v>90</v>
      </c>
      <c r="O6296" t="s">
        <v>85</v>
      </c>
      <c r="P6296" t="s">
        <v>86</v>
      </c>
      <c r="Q6296">
        <v>45</v>
      </c>
      <c r="R6296">
        <v>46</v>
      </c>
      <c r="S6296">
        <v>47</v>
      </c>
      <c r="T6296">
        <v>49</v>
      </c>
      <c r="U6296">
        <v>50</v>
      </c>
      <c r="V6296">
        <v>51</v>
      </c>
      <c r="W6296">
        <v>52</v>
      </c>
      <c r="X6296">
        <v>53</v>
      </c>
      <c r="Y6296">
        <v>54</v>
      </c>
      <c r="Z6296">
        <v>56</v>
      </c>
      <c r="AA6296">
        <v>57</v>
      </c>
      <c r="AB6296">
        <v>58</v>
      </c>
      <c r="AC6296">
        <v>59</v>
      </c>
      <c r="AD6296">
        <v>60</v>
      </c>
      <c r="AE6296">
        <v>60</v>
      </c>
      <c r="AF6296">
        <v>61</v>
      </c>
      <c r="AG6296">
        <v>61</v>
      </c>
      <c r="AH6296">
        <v>61</v>
      </c>
      <c r="AI6296">
        <v>61</v>
      </c>
      <c r="AJ6296">
        <v>61</v>
      </c>
      <c r="AK6296">
        <v>62</v>
      </c>
      <c r="AL6296">
        <v>62</v>
      </c>
      <c r="AM6296">
        <v>62</v>
      </c>
      <c r="AN6296">
        <v>62</v>
      </c>
      <c r="AO6296">
        <v>62</v>
      </c>
      <c r="AP6296">
        <v>62</v>
      </c>
      <c r="AQ6296">
        <v>63</v>
      </c>
    </row>
    <row r="6297" spans="1:43">
      <c r="A6297" t="s">
        <v>3942</v>
      </c>
      <c r="B6297" t="s">
        <v>3943</v>
      </c>
      <c r="C6297" t="s">
        <v>3930</v>
      </c>
      <c r="D6297" t="s">
        <v>3931</v>
      </c>
      <c r="E6297" t="s">
        <v>3660</v>
      </c>
      <c r="F6297" t="s">
        <v>3661</v>
      </c>
      <c r="G6297" t="s">
        <v>80</v>
      </c>
      <c r="H6297" t="s">
        <v>81</v>
      </c>
      <c r="I6297" s="2">
        <v>0</v>
      </c>
      <c r="J6297" s="2">
        <v>1</v>
      </c>
      <c r="K6297" s="2">
        <v>0</v>
      </c>
      <c r="L6297" t="s">
        <v>82</v>
      </c>
      <c r="M6297" t="s">
        <v>83</v>
      </c>
      <c r="N6297" t="s">
        <v>91</v>
      </c>
      <c r="O6297" t="s">
        <v>85</v>
      </c>
      <c r="P6297" t="s">
        <v>86</v>
      </c>
      <c r="Q6297">
        <v>45</v>
      </c>
      <c r="R6297">
        <v>46</v>
      </c>
      <c r="S6297">
        <v>47</v>
      </c>
      <c r="T6297">
        <v>48</v>
      </c>
      <c r="U6297">
        <v>49</v>
      </c>
      <c r="V6297">
        <v>50</v>
      </c>
      <c r="W6297">
        <v>51</v>
      </c>
      <c r="X6297">
        <v>51</v>
      </c>
      <c r="Y6297">
        <v>52</v>
      </c>
      <c r="Z6297">
        <v>53</v>
      </c>
      <c r="AA6297">
        <v>54</v>
      </c>
      <c r="AB6297">
        <v>55</v>
      </c>
      <c r="AC6297">
        <v>56</v>
      </c>
      <c r="AD6297">
        <v>56</v>
      </c>
      <c r="AE6297">
        <v>57</v>
      </c>
      <c r="AF6297">
        <v>58</v>
      </c>
      <c r="AG6297">
        <v>59</v>
      </c>
      <c r="AH6297">
        <v>60</v>
      </c>
      <c r="AI6297">
        <v>60</v>
      </c>
      <c r="AJ6297">
        <v>61</v>
      </c>
      <c r="AK6297">
        <v>62</v>
      </c>
      <c r="AL6297">
        <v>62</v>
      </c>
      <c r="AM6297">
        <v>62</v>
      </c>
      <c r="AN6297">
        <v>63</v>
      </c>
      <c r="AO6297">
        <v>63</v>
      </c>
      <c r="AP6297">
        <v>63</v>
      </c>
      <c r="AQ6297">
        <v>63</v>
      </c>
    </row>
    <row r="6298" spans="1:43">
      <c r="A6298" t="s">
        <v>3944</v>
      </c>
      <c r="B6298" t="s">
        <v>3945</v>
      </c>
      <c r="C6298" t="s">
        <v>3934</v>
      </c>
      <c r="D6298" t="s">
        <v>3935</v>
      </c>
      <c r="E6298" t="s">
        <v>3660</v>
      </c>
      <c r="F6298" t="s">
        <v>3661</v>
      </c>
      <c r="G6298" t="s">
        <v>80</v>
      </c>
      <c r="H6298" t="s">
        <v>81</v>
      </c>
      <c r="I6298" s="2">
        <v>0</v>
      </c>
      <c r="J6298" s="2">
        <v>1</v>
      </c>
      <c r="K6298" s="2">
        <v>0</v>
      </c>
      <c r="L6298" t="s">
        <v>82</v>
      </c>
      <c r="M6298" t="s">
        <v>83</v>
      </c>
      <c r="N6298" t="s">
        <v>84</v>
      </c>
      <c r="O6298" t="s">
        <v>85</v>
      </c>
      <c r="P6298" t="s">
        <v>86</v>
      </c>
      <c r="Q6298">
        <v>17</v>
      </c>
      <c r="R6298">
        <v>17</v>
      </c>
      <c r="S6298">
        <v>17</v>
      </c>
      <c r="T6298">
        <v>18</v>
      </c>
      <c r="U6298">
        <v>18</v>
      </c>
      <c r="V6298">
        <v>18</v>
      </c>
      <c r="W6298">
        <v>18</v>
      </c>
      <c r="X6298">
        <v>19</v>
      </c>
      <c r="Y6298">
        <v>19</v>
      </c>
      <c r="Z6298">
        <v>19</v>
      </c>
      <c r="AA6298">
        <v>20</v>
      </c>
      <c r="AB6298">
        <v>20</v>
      </c>
      <c r="AC6298">
        <v>20</v>
      </c>
      <c r="AD6298">
        <v>21</v>
      </c>
      <c r="AE6298">
        <v>21</v>
      </c>
      <c r="AF6298">
        <v>21</v>
      </c>
      <c r="AG6298">
        <v>21</v>
      </c>
      <c r="AH6298">
        <v>22</v>
      </c>
      <c r="AI6298">
        <v>22</v>
      </c>
      <c r="AJ6298">
        <v>22</v>
      </c>
      <c r="AK6298">
        <v>23</v>
      </c>
      <c r="AL6298">
        <v>23</v>
      </c>
      <c r="AM6298">
        <v>23</v>
      </c>
      <c r="AN6298">
        <v>23</v>
      </c>
      <c r="AO6298">
        <v>23</v>
      </c>
      <c r="AP6298">
        <v>23</v>
      </c>
      <c r="AQ6298">
        <v>23</v>
      </c>
    </row>
    <row r="6299" spans="1:43">
      <c r="A6299" t="s">
        <v>3944</v>
      </c>
      <c r="B6299" t="s">
        <v>3945</v>
      </c>
      <c r="C6299" t="s">
        <v>3934</v>
      </c>
      <c r="D6299" t="s">
        <v>3935</v>
      </c>
      <c r="E6299" t="s">
        <v>3660</v>
      </c>
      <c r="F6299" t="s">
        <v>3661</v>
      </c>
      <c r="G6299" t="s">
        <v>80</v>
      </c>
      <c r="H6299" t="s">
        <v>81</v>
      </c>
      <c r="I6299" s="2">
        <v>0</v>
      </c>
      <c r="J6299" s="2">
        <v>1</v>
      </c>
      <c r="K6299" s="2">
        <v>0</v>
      </c>
      <c r="L6299" t="s">
        <v>82</v>
      </c>
      <c r="M6299" t="s">
        <v>87</v>
      </c>
      <c r="N6299" t="s">
        <v>88</v>
      </c>
      <c r="O6299" t="s">
        <v>85</v>
      </c>
      <c r="P6299" t="s">
        <v>86</v>
      </c>
      <c r="Q6299">
        <v>17</v>
      </c>
      <c r="R6299">
        <v>18</v>
      </c>
      <c r="S6299">
        <v>18</v>
      </c>
      <c r="T6299">
        <v>18</v>
      </c>
      <c r="U6299">
        <v>18</v>
      </c>
      <c r="V6299">
        <v>18</v>
      </c>
      <c r="W6299">
        <v>18</v>
      </c>
      <c r="X6299">
        <v>18</v>
      </c>
      <c r="Y6299">
        <v>19</v>
      </c>
      <c r="Z6299">
        <v>19</v>
      </c>
      <c r="AA6299">
        <v>19</v>
      </c>
      <c r="AB6299">
        <v>19</v>
      </c>
      <c r="AC6299">
        <v>19</v>
      </c>
      <c r="AD6299">
        <v>19</v>
      </c>
      <c r="AE6299">
        <v>19</v>
      </c>
      <c r="AF6299">
        <v>20</v>
      </c>
      <c r="AG6299">
        <v>20</v>
      </c>
      <c r="AH6299">
        <v>20</v>
      </c>
      <c r="AI6299">
        <v>20</v>
      </c>
      <c r="AJ6299">
        <v>20</v>
      </c>
      <c r="AK6299">
        <v>20</v>
      </c>
      <c r="AL6299">
        <v>20</v>
      </c>
      <c r="AM6299">
        <v>20</v>
      </c>
      <c r="AN6299">
        <v>21</v>
      </c>
      <c r="AO6299">
        <v>21</v>
      </c>
      <c r="AP6299">
        <v>21</v>
      </c>
      <c r="AQ6299">
        <v>21</v>
      </c>
    </row>
    <row r="6300" spans="1:43">
      <c r="A6300" t="s">
        <v>3944</v>
      </c>
      <c r="B6300" t="s">
        <v>3945</v>
      </c>
      <c r="C6300" t="s">
        <v>3934</v>
      </c>
      <c r="D6300" t="s">
        <v>3935</v>
      </c>
      <c r="E6300" t="s">
        <v>3660</v>
      </c>
      <c r="F6300" t="s">
        <v>3661</v>
      </c>
      <c r="G6300" t="s">
        <v>80</v>
      </c>
      <c r="H6300" t="s">
        <v>81</v>
      </c>
      <c r="I6300" s="2">
        <v>0</v>
      </c>
      <c r="J6300" s="2">
        <v>1</v>
      </c>
      <c r="K6300" s="2">
        <v>0</v>
      </c>
      <c r="L6300" t="s">
        <v>82</v>
      </c>
      <c r="M6300" t="s">
        <v>89</v>
      </c>
      <c r="N6300" t="s">
        <v>90</v>
      </c>
      <c r="O6300" t="s">
        <v>85</v>
      </c>
      <c r="P6300" t="s">
        <v>86</v>
      </c>
      <c r="Q6300">
        <v>17</v>
      </c>
      <c r="R6300">
        <v>17</v>
      </c>
      <c r="S6300">
        <v>18</v>
      </c>
      <c r="T6300">
        <v>18</v>
      </c>
      <c r="U6300">
        <v>19</v>
      </c>
      <c r="V6300">
        <v>19</v>
      </c>
      <c r="W6300">
        <v>19</v>
      </c>
      <c r="X6300">
        <v>20</v>
      </c>
      <c r="Y6300">
        <v>20</v>
      </c>
      <c r="Z6300">
        <v>21</v>
      </c>
      <c r="AA6300">
        <v>21</v>
      </c>
      <c r="AB6300">
        <v>21</v>
      </c>
      <c r="AC6300">
        <v>22</v>
      </c>
      <c r="AD6300">
        <v>22</v>
      </c>
      <c r="AE6300">
        <v>22</v>
      </c>
      <c r="AF6300">
        <v>22</v>
      </c>
      <c r="AG6300">
        <v>23</v>
      </c>
      <c r="AH6300">
        <v>23</v>
      </c>
      <c r="AI6300">
        <v>23</v>
      </c>
      <c r="AJ6300">
        <v>23</v>
      </c>
      <c r="AK6300">
        <v>23</v>
      </c>
      <c r="AL6300">
        <v>23</v>
      </c>
      <c r="AM6300">
        <v>23</v>
      </c>
      <c r="AN6300">
        <v>23</v>
      </c>
      <c r="AO6300">
        <v>23</v>
      </c>
      <c r="AP6300">
        <v>23</v>
      </c>
      <c r="AQ6300">
        <v>23</v>
      </c>
    </row>
    <row r="6301" spans="1:43">
      <c r="A6301" t="s">
        <v>3944</v>
      </c>
      <c r="B6301" t="s">
        <v>3945</v>
      </c>
      <c r="C6301" t="s">
        <v>3934</v>
      </c>
      <c r="D6301" t="s">
        <v>3935</v>
      </c>
      <c r="E6301" t="s">
        <v>3660</v>
      </c>
      <c r="F6301" t="s">
        <v>3661</v>
      </c>
      <c r="G6301" t="s">
        <v>80</v>
      </c>
      <c r="H6301" t="s">
        <v>81</v>
      </c>
      <c r="I6301" s="2">
        <v>0</v>
      </c>
      <c r="J6301" s="2">
        <v>1</v>
      </c>
      <c r="K6301" s="2">
        <v>0</v>
      </c>
      <c r="L6301" t="s">
        <v>82</v>
      </c>
      <c r="M6301" t="s">
        <v>83</v>
      </c>
      <c r="N6301" t="s">
        <v>91</v>
      </c>
      <c r="O6301" t="s">
        <v>85</v>
      </c>
      <c r="P6301" t="s">
        <v>86</v>
      </c>
      <c r="Q6301">
        <v>17</v>
      </c>
      <c r="R6301">
        <v>17</v>
      </c>
      <c r="S6301">
        <v>17</v>
      </c>
      <c r="T6301">
        <v>18</v>
      </c>
      <c r="U6301">
        <v>18</v>
      </c>
      <c r="V6301">
        <v>18</v>
      </c>
      <c r="W6301">
        <v>18</v>
      </c>
      <c r="X6301">
        <v>19</v>
      </c>
      <c r="Y6301">
        <v>19</v>
      </c>
      <c r="Z6301">
        <v>19</v>
      </c>
      <c r="AA6301">
        <v>20</v>
      </c>
      <c r="AB6301">
        <v>20</v>
      </c>
      <c r="AC6301">
        <v>20</v>
      </c>
      <c r="AD6301">
        <v>21</v>
      </c>
      <c r="AE6301">
        <v>21</v>
      </c>
      <c r="AF6301">
        <v>21</v>
      </c>
      <c r="AG6301">
        <v>21</v>
      </c>
      <c r="AH6301">
        <v>22</v>
      </c>
      <c r="AI6301">
        <v>22</v>
      </c>
      <c r="AJ6301">
        <v>22</v>
      </c>
      <c r="AK6301">
        <v>23</v>
      </c>
      <c r="AL6301">
        <v>23</v>
      </c>
      <c r="AM6301">
        <v>23</v>
      </c>
      <c r="AN6301">
        <v>23</v>
      </c>
      <c r="AO6301">
        <v>23</v>
      </c>
      <c r="AP6301">
        <v>23</v>
      </c>
      <c r="AQ6301">
        <v>23</v>
      </c>
    </row>
    <row r="6302" spans="1:43">
      <c r="A6302" t="s">
        <v>3946</v>
      </c>
      <c r="B6302" t="s">
        <v>3947</v>
      </c>
      <c r="C6302" t="s">
        <v>3934</v>
      </c>
      <c r="D6302" t="s">
        <v>3935</v>
      </c>
      <c r="E6302" t="s">
        <v>3660</v>
      </c>
      <c r="F6302" t="s">
        <v>3661</v>
      </c>
      <c r="G6302" t="s">
        <v>80</v>
      </c>
      <c r="H6302" t="s">
        <v>81</v>
      </c>
      <c r="I6302" s="2">
        <v>0</v>
      </c>
      <c r="J6302" s="2">
        <v>1</v>
      </c>
      <c r="K6302" s="2">
        <v>0</v>
      </c>
      <c r="L6302" t="s">
        <v>82</v>
      </c>
      <c r="M6302" t="s">
        <v>83</v>
      </c>
      <c r="N6302" t="s">
        <v>84</v>
      </c>
      <c r="O6302" t="s">
        <v>85</v>
      </c>
      <c r="P6302" t="s">
        <v>86</v>
      </c>
      <c r="Q6302">
        <v>0</v>
      </c>
      <c r="R6302">
        <v>0</v>
      </c>
      <c r="S6302">
        <v>0</v>
      </c>
      <c r="T6302">
        <v>0</v>
      </c>
      <c r="U6302">
        <v>0</v>
      </c>
      <c r="V6302">
        <v>0</v>
      </c>
      <c r="W6302">
        <v>0</v>
      </c>
      <c r="X6302">
        <v>0</v>
      </c>
      <c r="Y6302">
        <v>0</v>
      </c>
      <c r="Z6302">
        <v>0</v>
      </c>
      <c r="AA6302">
        <v>0</v>
      </c>
      <c r="AB6302">
        <v>0</v>
      </c>
      <c r="AC6302">
        <v>0</v>
      </c>
      <c r="AD6302">
        <v>0</v>
      </c>
      <c r="AE6302">
        <v>0</v>
      </c>
      <c r="AF6302">
        <v>0</v>
      </c>
      <c r="AG6302">
        <v>0</v>
      </c>
      <c r="AH6302">
        <v>0</v>
      </c>
      <c r="AI6302">
        <v>0</v>
      </c>
      <c r="AJ6302">
        <v>0</v>
      </c>
      <c r="AK6302">
        <v>0</v>
      </c>
      <c r="AL6302">
        <v>0</v>
      </c>
      <c r="AM6302">
        <v>0</v>
      </c>
      <c r="AN6302">
        <v>0</v>
      </c>
      <c r="AO6302">
        <v>0</v>
      </c>
      <c r="AP6302">
        <v>0</v>
      </c>
      <c r="AQ6302">
        <v>0</v>
      </c>
    </row>
    <row r="6303" spans="1:43">
      <c r="A6303" t="s">
        <v>3946</v>
      </c>
      <c r="B6303" t="s">
        <v>3947</v>
      </c>
      <c r="C6303" t="s">
        <v>3934</v>
      </c>
      <c r="D6303" t="s">
        <v>3935</v>
      </c>
      <c r="E6303" t="s">
        <v>3660</v>
      </c>
      <c r="F6303" t="s">
        <v>3661</v>
      </c>
      <c r="G6303" t="s">
        <v>80</v>
      </c>
      <c r="H6303" t="s">
        <v>81</v>
      </c>
      <c r="I6303" s="2">
        <v>0</v>
      </c>
      <c r="J6303" s="2">
        <v>1</v>
      </c>
      <c r="K6303" s="2">
        <v>0</v>
      </c>
      <c r="L6303" t="s">
        <v>82</v>
      </c>
      <c r="M6303" t="s">
        <v>87</v>
      </c>
      <c r="N6303" t="s">
        <v>88</v>
      </c>
      <c r="O6303" t="s">
        <v>85</v>
      </c>
      <c r="P6303" t="s">
        <v>86</v>
      </c>
      <c r="Q6303">
        <v>0</v>
      </c>
      <c r="R6303">
        <v>0</v>
      </c>
      <c r="S6303">
        <v>0</v>
      </c>
      <c r="T6303">
        <v>0</v>
      </c>
      <c r="U6303">
        <v>0</v>
      </c>
      <c r="V6303">
        <v>0</v>
      </c>
      <c r="W6303">
        <v>0</v>
      </c>
      <c r="X6303">
        <v>0</v>
      </c>
      <c r="Y6303">
        <v>0</v>
      </c>
      <c r="Z6303">
        <v>0</v>
      </c>
      <c r="AA6303">
        <v>0</v>
      </c>
      <c r="AB6303">
        <v>0</v>
      </c>
      <c r="AC6303">
        <v>0</v>
      </c>
      <c r="AD6303">
        <v>0</v>
      </c>
      <c r="AE6303">
        <v>0</v>
      </c>
      <c r="AF6303">
        <v>0</v>
      </c>
      <c r="AG6303">
        <v>0</v>
      </c>
      <c r="AH6303">
        <v>0</v>
      </c>
      <c r="AI6303">
        <v>0</v>
      </c>
      <c r="AJ6303">
        <v>0</v>
      </c>
      <c r="AK6303">
        <v>0</v>
      </c>
      <c r="AL6303">
        <v>0</v>
      </c>
      <c r="AM6303">
        <v>0</v>
      </c>
      <c r="AN6303">
        <v>0</v>
      </c>
      <c r="AO6303">
        <v>0</v>
      </c>
      <c r="AP6303">
        <v>0</v>
      </c>
      <c r="AQ6303">
        <v>0</v>
      </c>
    </row>
    <row r="6304" spans="1:43">
      <c r="A6304" t="s">
        <v>3946</v>
      </c>
      <c r="B6304" t="s">
        <v>3947</v>
      </c>
      <c r="C6304" t="s">
        <v>3934</v>
      </c>
      <c r="D6304" t="s">
        <v>3935</v>
      </c>
      <c r="E6304" t="s">
        <v>3660</v>
      </c>
      <c r="F6304" t="s">
        <v>3661</v>
      </c>
      <c r="G6304" t="s">
        <v>80</v>
      </c>
      <c r="H6304" t="s">
        <v>81</v>
      </c>
      <c r="I6304" s="2">
        <v>0</v>
      </c>
      <c r="J6304" s="2">
        <v>1</v>
      </c>
      <c r="K6304" s="2">
        <v>0</v>
      </c>
      <c r="L6304" t="s">
        <v>82</v>
      </c>
      <c r="M6304" t="s">
        <v>89</v>
      </c>
      <c r="N6304" t="s">
        <v>90</v>
      </c>
      <c r="O6304" t="s">
        <v>85</v>
      </c>
      <c r="P6304" t="s">
        <v>86</v>
      </c>
      <c r="Q6304">
        <v>0</v>
      </c>
      <c r="R6304">
        <v>0</v>
      </c>
      <c r="S6304">
        <v>0</v>
      </c>
      <c r="T6304">
        <v>0</v>
      </c>
      <c r="U6304">
        <v>0</v>
      </c>
      <c r="V6304">
        <v>0</v>
      </c>
      <c r="W6304">
        <v>0</v>
      </c>
      <c r="X6304">
        <v>0</v>
      </c>
      <c r="Y6304">
        <v>0</v>
      </c>
      <c r="Z6304">
        <v>0</v>
      </c>
      <c r="AA6304">
        <v>0</v>
      </c>
      <c r="AB6304">
        <v>0</v>
      </c>
      <c r="AC6304">
        <v>0</v>
      </c>
      <c r="AD6304">
        <v>0</v>
      </c>
      <c r="AE6304">
        <v>0</v>
      </c>
      <c r="AF6304">
        <v>0</v>
      </c>
      <c r="AG6304">
        <v>0</v>
      </c>
      <c r="AH6304">
        <v>0</v>
      </c>
      <c r="AI6304">
        <v>0</v>
      </c>
      <c r="AJ6304">
        <v>0</v>
      </c>
      <c r="AK6304">
        <v>0</v>
      </c>
      <c r="AL6304">
        <v>0</v>
      </c>
      <c r="AM6304">
        <v>0</v>
      </c>
      <c r="AN6304">
        <v>0</v>
      </c>
      <c r="AO6304">
        <v>0</v>
      </c>
      <c r="AP6304">
        <v>0</v>
      </c>
      <c r="AQ6304">
        <v>0</v>
      </c>
    </row>
    <row r="6305" spans="1:43">
      <c r="A6305" t="s">
        <v>3946</v>
      </c>
      <c r="B6305" t="s">
        <v>3947</v>
      </c>
      <c r="C6305" t="s">
        <v>3934</v>
      </c>
      <c r="D6305" t="s">
        <v>3935</v>
      </c>
      <c r="E6305" t="s">
        <v>3660</v>
      </c>
      <c r="F6305" t="s">
        <v>3661</v>
      </c>
      <c r="G6305" t="s">
        <v>80</v>
      </c>
      <c r="H6305" t="s">
        <v>81</v>
      </c>
      <c r="I6305" s="2">
        <v>0</v>
      </c>
      <c r="J6305" s="2">
        <v>1</v>
      </c>
      <c r="K6305" s="2">
        <v>0</v>
      </c>
      <c r="L6305" t="s">
        <v>82</v>
      </c>
      <c r="M6305" t="s">
        <v>83</v>
      </c>
      <c r="N6305" t="s">
        <v>91</v>
      </c>
      <c r="O6305" t="s">
        <v>85</v>
      </c>
      <c r="P6305" t="s">
        <v>86</v>
      </c>
      <c r="Q6305">
        <v>0</v>
      </c>
      <c r="R6305">
        <v>0</v>
      </c>
      <c r="S6305">
        <v>0</v>
      </c>
      <c r="T6305">
        <v>0</v>
      </c>
      <c r="U6305">
        <v>0</v>
      </c>
      <c r="V6305">
        <v>0</v>
      </c>
      <c r="W6305">
        <v>0</v>
      </c>
      <c r="X6305">
        <v>0</v>
      </c>
      <c r="Y6305">
        <v>0</v>
      </c>
      <c r="Z6305">
        <v>0</v>
      </c>
      <c r="AA6305">
        <v>0</v>
      </c>
      <c r="AB6305">
        <v>0</v>
      </c>
      <c r="AC6305">
        <v>0</v>
      </c>
      <c r="AD6305">
        <v>0</v>
      </c>
      <c r="AE6305">
        <v>0</v>
      </c>
      <c r="AF6305">
        <v>0</v>
      </c>
      <c r="AG6305">
        <v>0</v>
      </c>
      <c r="AH6305">
        <v>0</v>
      </c>
      <c r="AI6305">
        <v>0</v>
      </c>
      <c r="AJ6305">
        <v>0</v>
      </c>
      <c r="AK6305">
        <v>0</v>
      </c>
      <c r="AL6305">
        <v>0</v>
      </c>
      <c r="AM6305">
        <v>0</v>
      </c>
      <c r="AN6305">
        <v>0</v>
      </c>
      <c r="AO6305">
        <v>0</v>
      </c>
      <c r="AP6305">
        <v>0</v>
      </c>
      <c r="AQ6305">
        <v>0</v>
      </c>
    </row>
    <row r="6306" spans="1:43">
      <c r="A6306" t="s">
        <v>3948</v>
      </c>
      <c r="B6306" t="s">
        <v>3949</v>
      </c>
      <c r="C6306" t="s">
        <v>3930</v>
      </c>
      <c r="D6306" t="s">
        <v>3931</v>
      </c>
      <c r="E6306" t="s">
        <v>3660</v>
      </c>
      <c r="F6306" t="s">
        <v>3661</v>
      </c>
      <c r="G6306" t="s">
        <v>80</v>
      </c>
      <c r="H6306" t="s">
        <v>81</v>
      </c>
      <c r="I6306" s="2">
        <v>0</v>
      </c>
      <c r="J6306" s="2">
        <v>1</v>
      </c>
      <c r="K6306" s="2">
        <v>0</v>
      </c>
      <c r="L6306" t="s">
        <v>82</v>
      </c>
      <c r="M6306" t="s">
        <v>83</v>
      </c>
      <c r="N6306" t="s">
        <v>84</v>
      </c>
      <c r="O6306" t="s">
        <v>85</v>
      </c>
      <c r="P6306" t="s">
        <v>86</v>
      </c>
      <c r="Q6306">
        <v>67</v>
      </c>
      <c r="R6306">
        <v>68</v>
      </c>
      <c r="S6306">
        <v>69</v>
      </c>
      <c r="T6306">
        <v>71</v>
      </c>
      <c r="U6306">
        <v>72</v>
      </c>
      <c r="V6306">
        <v>73</v>
      </c>
      <c r="W6306">
        <v>75</v>
      </c>
      <c r="X6306">
        <v>76</v>
      </c>
      <c r="Y6306">
        <v>77</v>
      </c>
      <c r="Z6306">
        <v>78</v>
      </c>
      <c r="AA6306">
        <v>80</v>
      </c>
      <c r="AB6306">
        <v>81</v>
      </c>
      <c r="AC6306">
        <v>82</v>
      </c>
      <c r="AD6306">
        <v>83</v>
      </c>
      <c r="AE6306">
        <v>84</v>
      </c>
      <c r="AF6306">
        <v>85</v>
      </c>
      <c r="AG6306">
        <v>87</v>
      </c>
      <c r="AH6306">
        <v>88</v>
      </c>
      <c r="AI6306">
        <v>89</v>
      </c>
      <c r="AJ6306">
        <v>90</v>
      </c>
      <c r="AK6306">
        <v>91</v>
      </c>
      <c r="AL6306">
        <v>92</v>
      </c>
      <c r="AM6306">
        <v>92</v>
      </c>
      <c r="AN6306">
        <v>92</v>
      </c>
      <c r="AO6306">
        <v>93</v>
      </c>
      <c r="AP6306">
        <v>93</v>
      </c>
      <c r="AQ6306">
        <v>93</v>
      </c>
    </row>
    <row r="6307" spans="1:43">
      <c r="A6307" t="s">
        <v>3948</v>
      </c>
      <c r="B6307" t="s">
        <v>3949</v>
      </c>
      <c r="C6307" t="s">
        <v>3930</v>
      </c>
      <c r="D6307" t="s">
        <v>3931</v>
      </c>
      <c r="E6307" t="s">
        <v>3660</v>
      </c>
      <c r="F6307" t="s">
        <v>3661</v>
      </c>
      <c r="G6307" t="s">
        <v>80</v>
      </c>
      <c r="H6307" t="s">
        <v>81</v>
      </c>
      <c r="I6307" s="2">
        <v>0</v>
      </c>
      <c r="J6307" s="2">
        <v>1</v>
      </c>
      <c r="K6307" s="2">
        <v>0</v>
      </c>
      <c r="L6307" t="s">
        <v>82</v>
      </c>
      <c r="M6307" t="s">
        <v>87</v>
      </c>
      <c r="N6307" t="s">
        <v>88</v>
      </c>
      <c r="O6307" t="s">
        <v>85</v>
      </c>
      <c r="P6307" t="s">
        <v>86</v>
      </c>
      <c r="Q6307">
        <v>67</v>
      </c>
      <c r="R6307">
        <v>68</v>
      </c>
      <c r="S6307">
        <v>69</v>
      </c>
      <c r="T6307">
        <v>69</v>
      </c>
      <c r="U6307">
        <v>70</v>
      </c>
      <c r="V6307">
        <v>70</v>
      </c>
      <c r="W6307">
        <v>71</v>
      </c>
      <c r="X6307">
        <v>72</v>
      </c>
      <c r="Y6307">
        <v>72</v>
      </c>
      <c r="Z6307">
        <v>73</v>
      </c>
      <c r="AA6307">
        <v>73</v>
      </c>
      <c r="AB6307">
        <v>74</v>
      </c>
      <c r="AC6307">
        <v>75</v>
      </c>
      <c r="AD6307">
        <v>75</v>
      </c>
      <c r="AE6307">
        <v>76</v>
      </c>
      <c r="AF6307">
        <v>76</v>
      </c>
      <c r="AG6307">
        <v>77</v>
      </c>
      <c r="AH6307">
        <v>77</v>
      </c>
      <c r="AI6307">
        <v>78</v>
      </c>
      <c r="AJ6307">
        <v>78</v>
      </c>
      <c r="AK6307">
        <v>79</v>
      </c>
      <c r="AL6307">
        <v>79</v>
      </c>
      <c r="AM6307">
        <v>80</v>
      </c>
      <c r="AN6307">
        <v>80</v>
      </c>
      <c r="AO6307">
        <v>81</v>
      </c>
      <c r="AP6307">
        <v>81</v>
      </c>
      <c r="AQ6307">
        <v>82</v>
      </c>
    </row>
    <row r="6308" spans="1:43">
      <c r="A6308" t="s">
        <v>3948</v>
      </c>
      <c r="B6308" t="s">
        <v>3949</v>
      </c>
      <c r="C6308" t="s">
        <v>3930</v>
      </c>
      <c r="D6308" t="s">
        <v>3931</v>
      </c>
      <c r="E6308" t="s">
        <v>3660</v>
      </c>
      <c r="F6308" t="s">
        <v>3661</v>
      </c>
      <c r="G6308" t="s">
        <v>80</v>
      </c>
      <c r="H6308" t="s">
        <v>81</v>
      </c>
      <c r="I6308" s="2">
        <v>0</v>
      </c>
      <c r="J6308" s="2">
        <v>1</v>
      </c>
      <c r="K6308" s="2">
        <v>0</v>
      </c>
      <c r="L6308" t="s">
        <v>82</v>
      </c>
      <c r="M6308" t="s">
        <v>89</v>
      </c>
      <c r="N6308" t="s">
        <v>90</v>
      </c>
      <c r="O6308" t="s">
        <v>85</v>
      </c>
      <c r="P6308" t="s">
        <v>86</v>
      </c>
      <c r="Q6308">
        <v>67</v>
      </c>
      <c r="R6308">
        <v>68</v>
      </c>
      <c r="S6308">
        <v>70</v>
      </c>
      <c r="T6308">
        <v>72</v>
      </c>
      <c r="U6308">
        <v>74</v>
      </c>
      <c r="V6308">
        <v>76</v>
      </c>
      <c r="W6308">
        <v>77</v>
      </c>
      <c r="X6308">
        <v>79</v>
      </c>
      <c r="Y6308">
        <v>81</v>
      </c>
      <c r="Z6308">
        <v>82</v>
      </c>
      <c r="AA6308">
        <v>84</v>
      </c>
      <c r="AB6308">
        <v>85</v>
      </c>
      <c r="AC6308">
        <v>87</v>
      </c>
      <c r="AD6308">
        <v>88</v>
      </c>
      <c r="AE6308">
        <v>89</v>
      </c>
      <c r="AF6308">
        <v>90</v>
      </c>
      <c r="AG6308">
        <v>90</v>
      </c>
      <c r="AH6308">
        <v>90</v>
      </c>
      <c r="AI6308">
        <v>91</v>
      </c>
      <c r="AJ6308">
        <v>91</v>
      </c>
      <c r="AK6308">
        <v>91</v>
      </c>
      <c r="AL6308">
        <v>91</v>
      </c>
      <c r="AM6308">
        <v>92</v>
      </c>
      <c r="AN6308">
        <v>92</v>
      </c>
      <c r="AO6308">
        <v>92</v>
      </c>
      <c r="AP6308">
        <v>92</v>
      </c>
      <c r="AQ6308">
        <v>93</v>
      </c>
    </row>
    <row r="6309" spans="1:43">
      <c r="A6309" t="s">
        <v>3948</v>
      </c>
      <c r="B6309" t="s">
        <v>3949</v>
      </c>
      <c r="C6309" t="s">
        <v>3930</v>
      </c>
      <c r="D6309" t="s">
        <v>3931</v>
      </c>
      <c r="E6309" t="s">
        <v>3660</v>
      </c>
      <c r="F6309" t="s">
        <v>3661</v>
      </c>
      <c r="G6309" t="s">
        <v>80</v>
      </c>
      <c r="H6309" t="s">
        <v>81</v>
      </c>
      <c r="I6309" s="2">
        <v>0</v>
      </c>
      <c r="J6309" s="2">
        <v>1</v>
      </c>
      <c r="K6309" s="2">
        <v>0</v>
      </c>
      <c r="L6309" t="s">
        <v>82</v>
      </c>
      <c r="M6309" t="s">
        <v>83</v>
      </c>
      <c r="N6309" t="s">
        <v>91</v>
      </c>
      <c r="O6309" t="s">
        <v>85</v>
      </c>
      <c r="P6309" t="s">
        <v>86</v>
      </c>
      <c r="Q6309">
        <v>67</v>
      </c>
      <c r="R6309">
        <v>68</v>
      </c>
      <c r="S6309">
        <v>69</v>
      </c>
      <c r="T6309">
        <v>71</v>
      </c>
      <c r="U6309">
        <v>72</v>
      </c>
      <c r="V6309">
        <v>73</v>
      </c>
      <c r="W6309">
        <v>75</v>
      </c>
      <c r="X6309">
        <v>76</v>
      </c>
      <c r="Y6309">
        <v>77</v>
      </c>
      <c r="Z6309">
        <v>78</v>
      </c>
      <c r="AA6309">
        <v>80</v>
      </c>
      <c r="AB6309">
        <v>81</v>
      </c>
      <c r="AC6309">
        <v>82</v>
      </c>
      <c r="AD6309">
        <v>83</v>
      </c>
      <c r="AE6309">
        <v>84</v>
      </c>
      <c r="AF6309">
        <v>85</v>
      </c>
      <c r="AG6309">
        <v>87</v>
      </c>
      <c r="AH6309">
        <v>88</v>
      </c>
      <c r="AI6309">
        <v>89</v>
      </c>
      <c r="AJ6309">
        <v>90</v>
      </c>
      <c r="AK6309">
        <v>91</v>
      </c>
      <c r="AL6309">
        <v>92</v>
      </c>
      <c r="AM6309">
        <v>92</v>
      </c>
      <c r="AN6309">
        <v>92</v>
      </c>
      <c r="AO6309">
        <v>93</v>
      </c>
      <c r="AP6309">
        <v>93</v>
      </c>
      <c r="AQ6309">
        <v>93</v>
      </c>
    </row>
    <row r="6310" spans="1:43">
      <c r="A6310" t="s">
        <v>3950</v>
      </c>
      <c r="B6310" t="s">
        <v>3951</v>
      </c>
      <c r="C6310" t="s">
        <v>3930</v>
      </c>
      <c r="D6310" t="s">
        <v>3931</v>
      </c>
      <c r="E6310" t="s">
        <v>3660</v>
      </c>
      <c r="F6310" t="s">
        <v>3661</v>
      </c>
      <c r="G6310" t="s">
        <v>80</v>
      </c>
      <c r="H6310" t="s">
        <v>81</v>
      </c>
      <c r="I6310" s="2">
        <v>0</v>
      </c>
      <c r="J6310" s="2">
        <v>1</v>
      </c>
      <c r="K6310" s="2">
        <v>0</v>
      </c>
      <c r="L6310" t="s">
        <v>82</v>
      </c>
      <c r="M6310" t="s">
        <v>83</v>
      </c>
      <c r="N6310" t="s">
        <v>84</v>
      </c>
      <c r="O6310" t="s">
        <v>85</v>
      </c>
      <c r="P6310" t="s">
        <v>86</v>
      </c>
      <c r="Q6310">
        <v>19</v>
      </c>
      <c r="R6310">
        <v>20</v>
      </c>
      <c r="S6310">
        <v>20</v>
      </c>
      <c r="T6310">
        <v>20</v>
      </c>
      <c r="U6310">
        <v>21</v>
      </c>
      <c r="V6310">
        <v>21</v>
      </c>
      <c r="W6310">
        <v>21</v>
      </c>
      <c r="X6310">
        <v>22</v>
      </c>
      <c r="Y6310">
        <v>22</v>
      </c>
      <c r="Z6310">
        <v>23</v>
      </c>
      <c r="AA6310">
        <v>23</v>
      </c>
      <c r="AB6310">
        <v>23</v>
      </c>
      <c r="AC6310">
        <v>24</v>
      </c>
      <c r="AD6310">
        <v>24</v>
      </c>
      <c r="AE6310">
        <v>24</v>
      </c>
      <c r="AF6310">
        <v>25</v>
      </c>
      <c r="AG6310">
        <v>25</v>
      </c>
      <c r="AH6310">
        <v>25</v>
      </c>
      <c r="AI6310">
        <v>26</v>
      </c>
      <c r="AJ6310">
        <v>26</v>
      </c>
      <c r="AK6310">
        <v>26</v>
      </c>
      <c r="AL6310">
        <v>26</v>
      </c>
      <c r="AM6310">
        <v>27</v>
      </c>
      <c r="AN6310">
        <v>27</v>
      </c>
      <c r="AO6310">
        <v>27</v>
      </c>
      <c r="AP6310">
        <v>27</v>
      </c>
      <c r="AQ6310">
        <v>27</v>
      </c>
    </row>
    <row r="6311" spans="1:43">
      <c r="A6311" t="s">
        <v>3950</v>
      </c>
      <c r="B6311" t="s">
        <v>3951</v>
      </c>
      <c r="C6311" t="s">
        <v>3930</v>
      </c>
      <c r="D6311" t="s">
        <v>3931</v>
      </c>
      <c r="E6311" t="s">
        <v>3660</v>
      </c>
      <c r="F6311" t="s">
        <v>3661</v>
      </c>
      <c r="G6311" t="s">
        <v>80</v>
      </c>
      <c r="H6311" t="s">
        <v>81</v>
      </c>
      <c r="I6311" s="2">
        <v>0</v>
      </c>
      <c r="J6311" s="2">
        <v>1</v>
      </c>
      <c r="K6311" s="2">
        <v>0</v>
      </c>
      <c r="L6311" t="s">
        <v>82</v>
      </c>
      <c r="M6311" t="s">
        <v>87</v>
      </c>
      <c r="N6311" t="s">
        <v>88</v>
      </c>
      <c r="O6311" t="s">
        <v>85</v>
      </c>
      <c r="P6311" t="s">
        <v>86</v>
      </c>
      <c r="Q6311">
        <v>19</v>
      </c>
      <c r="R6311">
        <v>19</v>
      </c>
      <c r="S6311">
        <v>19</v>
      </c>
      <c r="T6311">
        <v>20</v>
      </c>
      <c r="U6311">
        <v>20</v>
      </c>
      <c r="V6311">
        <v>20</v>
      </c>
      <c r="W6311">
        <v>20</v>
      </c>
      <c r="X6311">
        <v>20</v>
      </c>
      <c r="Y6311">
        <v>21</v>
      </c>
      <c r="Z6311">
        <v>21</v>
      </c>
      <c r="AA6311">
        <v>21</v>
      </c>
      <c r="AB6311">
        <v>21</v>
      </c>
      <c r="AC6311">
        <v>21</v>
      </c>
      <c r="AD6311">
        <v>21</v>
      </c>
      <c r="AE6311">
        <v>22</v>
      </c>
      <c r="AF6311">
        <v>22</v>
      </c>
      <c r="AG6311">
        <v>22</v>
      </c>
      <c r="AH6311">
        <v>22</v>
      </c>
      <c r="AI6311">
        <v>22</v>
      </c>
      <c r="AJ6311">
        <v>22</v>
      </c>
      <c r="AK6311">
        <v>22</v>
      </c>
      <c r="AL6311">
        <v>23</v>
      </c>
      <c r="AM6311">
        <v>23</v>
      </c>
      <c r="AN6311">
        <v>23</v>
      </c>
      <c r="AO6311">
        <v>23</v>
      </c>
      <c r="AP6311">
        <v>23</v>
      </c>
      <c r="AQ6311">
        <v>23</v>
      </c>
    </row>
    <row r="6312" spans="1:43">
      <c r="A6312" t="s">
        <v>3950</v>
      </c>
      <c r="B6312" t="s">
        <v>3951</v>
      </c>
      <c r="C6312" t="s">
        <v>3930</v>
      </c>
      <c r="D6312" t="s">
        <v>3931</v>
      </c>
      <c r="E6312" t="s">
        <v>3660</v>
      </c>
      <c r="F6312" t="s">
        <v>3661</v>
      </c>
      <c r="G6312" t="s">
        <v>80</v>
      </c>
      <c r="H6312" t="s">
        <v>81</v>
      </c>
      <c r="I6312" s="2">
        <v>0</v>
      </c>
      <c r="J6312" s="2">
        <v>1</v>
      </c>
      <c r="K6312" s="2">
        <v>0</v>
      </c>
      <c r="L6312" t="s">
        <v>82</v>
      </c>
      <c r="M6312" t="s">
        <v>89</v>
      </c>
      <c r="N6312" t="s">
        <v>90</v>
      </c>
      <c r="O6312" t="s">
        <v>85</v>
      </c>
      <c r="P6312" t="s">
        <v>86</v>
      </c>
      <c r="Q6312">
        <v>19</v>
      </c>
      <c r="R6312">
        <v>20</v>
      </c>
      <c r="S6312">
        <v>21</v>
      </c>
      <c r="T6312">
        <v>21</v>
      </c>
      <c r="U6312">
        <v>22</v>
      </c>
      <c r="V6312">
        <v>22</v>
      </c>
      <c r="W6312">
        <v>23</v>
      </c>
      <c r="X6312">
        <v>23</v>
      </c>
      <c r="Y6312">
        <v>24</v>
      </c>
      <c r="Z6312">
        <v>24</v>
      </c>
      <c r="AA6312">
        <v>24</v>
      </c>
      <c r="AB6312">
        <v>25</v>
      </c>
      <c r="AC6312">
        <v>25</v>
      </c>
      <c r="AD6312">
        <v>26</v>
      </c>
      <c r="AE6312">
        <v>26</v>
      </c>
      <c r="AF6312">
        <v>26</v>
      </c>
      <c r="AG6312">
        <v>26</v>
      </c>
      <c r="AH6312">
        <v>26</v>
      </c>
      <c r="AI6312">
        <v>26</v>
      </c>
      <c r="AJ6312">
        <v>26</v>
      </c>
      <c r="AK6312">
        <v>27</v>
      </c>
      <c r="AL6312">
        <v>27</v>
      </c>
      <c r="AM6312">
        <v>27</v>
      </c>
      <c r="AN6312">
        <v>27</v>
      </c>
      <c r="AO6312">
        <v>27</v>
      </c>
      <c r="AP6312">
        <v>27</v>
      </c>
      <c r="AQ6312">
        <v>27</v>
      </c>
    </row>
    <row r="6313" spans="1:43">
      <c r="A6313" t="s">
        <v>3950</v>
      </c>
      <c r="B6313" t="s">
        <v>3951</v>
      </c>
      <c r="C6313" t="s">
        <v>3930</v>
      </c>
      <c r="D6313" t="s">
        <v>3931</v>
      </c>
      <c r="E6313" t="s">
        <v>3660</v>
      </c>
      <c r="F6313" t="s">
        <v>3661</v>
      </c>
      <c r="G6313" t="s">
        <v>80</v>
      </c>
      <c r="H6313" t="s">
        <v>81</v>
      </c>
      <c r="I6313" s="2">
        <v>0</v>
      </c>
      <c r="J6313" s="2">
        <v>1</v>
      </c>
      <c r="K6313" s="2">
        <v>0</v>
      </c>
      <c r="L6313" t="s">
        <v>82</v>
      </c>
      <c r="M6313" t="s">
        <v>83</v>
      </c>
      <c r="N6313" t="s">
        <v>91</v>
      </c>
      <c r="O6313" t="s">
        <v>85</v>
      </c>
      <c r="P6313" t="s">
        <v>86</v>
      </c>
      <c r="Q6313">
        <v>19</v>
      </c>
      <c r="R6313">
        <v>20</v>
      </c>
      <c r="S6313">
        <v>20</v>
      </c>
      <c r="T6313">
        <v>20</v>
      </c>
      <c r="U6313">
        <v>21</v>
      </c>
      <c r="V6313">
        <v>21</v>
      </c>
      <c r="W6313">
        <v>21</v>
      </c>
      <c r="X6313">
        <v>22</v>
      </c>
      <c r="Y6313">
        <v>22</v>
      </c>
      <c r="Z6313">
        <v>23</v>
      </c>
      <c r="AA6313">
        <v>23</v>
      </c>
      <c r="AB6313">
        <v>23</v>
      </c>
      <c r="AC6313">
        <v>24</v>
      </c>
      <c r="AD6313">
        <v>24</v>
      </c>
      <c r="AE6313">
        <v>24</v>
      </c>
      <c r="AF6313">
        <v>25</v>
      </c>
      <c r="AG6313">
        <v>25</v>
      </c>
      <c r="AH6313">
        <v>25</v>
      </c>
      <c r="AI6313">
        <v>26</v>
      </c>
      <c r="AJ6313">
        <v>26</v>
      </c>
      <c r="AK6313">
        <v>26</v>
      </c>
      <c r="AL6313">
        <v>26</v>
      </c>
      <c r="AM6313">
        <v>27</v>
      </c>
      <c r="AN6313">
        <v>27</v>
      </c>
      <c r="AO6313">
        <v>27</v>
      </c>
      <c r="AP6313">
        <v>27</v>
      </c>
      <c r="AQ6313">
        <v>27</v>
      </c>
    </row>
    <row r="6314" spans="1:43">
      <c r="A6314" t="s">
        <v>3952</v>
      </c>
      <c r="B6314" t="s">
        <v>3953</v>
      </c>
      <c r="C6314" t="s">
        <v>3954</v>
      </c>
      <c r="D6314" t="s">
        <v>3955</v>
      </c>
      <c r="E6314" t="s">
        <v>3660</v>
      </c>
      <c r="F6314" t="s">
        <v>3661</v>
      </c>
      <c r="G6314" t="s">
        <v>80</v>
      </c>
      <c r="H6314" t="s">
        <v>81</v>
      </c>
      <c r="I6314" s="2">
        <v>0</v>
      </c>
      <c r="J6314" s="2">
        <v>1</v>
      </c>
      <c r="K6314" s="2">
        <v>0</v>
      </c>
      <c r="L6314" t="s">
        <v>82</v>
      </c>
      <c r="M6314" t="s">
        <v>83</v>
      </c>
      <c r="N6314" t="s">
        <v>84</v>
      </c>
      <c r="O6314" t="s">
        <v>85</v>
      </c>
      <c r="P6314" t="s">
        <v>86</v>
      </c>
      <c r="Q6314">
        <v>35</v>
      </c>
      <c r="R6314">
        <v>36</v>
      </c>
      <c r="S6314">
        <v>37</v>
      </c>
      <c r="T6314">
        <v>37</v>
      </c>
      <c r="U6314">
        <v>38</v>
      </c>
      <c r="V6314">
        <v>39</v>
      </c>
      <c r="W6314">
        <v>39</v>
      </c>
      <c r="X6314">
        <v>40</v>
      </c>
      <c r="Y6314">
        <v>41</v>
      </c>
      <c r="Z6314">
        <v>41</v>
      </c>
      <c r="AA6314">
        <v>42</v>
      </c>
      <c r="AB6314">
        <v>43</v>
      </c>
      <c r="AC6314">
        <v>43</v>
      </c>
      <c r="AD6314">
        <v>44</v>
      </c>
      <c r="AE6314">
        <v>44</v>
      </c>
      <c r="AF6314">
        <v>45</v>
      </c>
      <c r="AG6314">
        <v>46</v>
      </c>
      <c r="AH6314">
        <v>46</v>
      </c>
      <c r="AI6314">
        <v>47</v>
      </c>
      <c r="AJ6314">
        <v>47</v>
      </c>
      <c r="AK6314">
        <v>48</v>
      </c>
      <c r="AL6314">
        <v>48</v>
      </c>
      <c r="AM6314">
        <v>48</v>
      </c>
      <c r="AN6314">
        <v>49</v>
      </c>
      <c r="AO6314">
        <v>49</v>
      </c>
      <c r="AP6314">
        <v>49</v>
      </c>
      <c r="AQ6314">
        <v>49</v>
      </c>
    </row>
    <row r="6315" spans="1:43">
      <c r="A6315" t="s">
        <v>3952</v>
      </c>
      <c r="B6315" t="s">
        <v>3953</v>
      </c>
      <c r="C6315" t="s">
        <v>3954</v>
      </c>
      <c r="D6315" t="s">
        <v>3955</v>
      </c>
      <c r="E6315" t="s">
        <v>3660</v>
      </c>
      <c r="F6315" t="s">
        <v>3661</v>
      </c>
      <c r="G6315" t="s">
        <v>80</v>
      </c>
      <c r="H6315" t="s">
        <v>81</v>
      </c>
      <c r="I6315" s="2">
        <v>0</v>
      </c>
      <c r="J6315" s="2">
        <v>1</v>
      </c>
      <c r="K6315" s="2">
        <v>0</v>
      </c>
      <c r="L6315" t="s">
        <v>82</v>
      </c>
      <c r="M6315" t="s">
        <v>87</v>
      </c>
      <c r="N6315" t="s">
        <v>88</v>
      </c>
      <c r="O6315" t="s">
        <v>85</v>
      </c>
      <c r="P6315" t="s">
        <v>86</v>
      </c>
      <c r="Q6315">
        <v>35</v>
      </c>
      <c r="R6315">
        <v>35</v>
      </c>
      <c r="S6315">
        <v>36</v>
      </c>
      <c r="T6315">
        <v>36</v>
      </c>
      <c r="U6315">
        <v>36</v>
      </c>
      <c r="V6315">
        <v>37</v>
      </c>
      <c r="W6315">
        <v>37</v>
      </c>
      <c r="X6315">
        <v>37</v>
      </c>
      <c r="Y6315">
        <v>38</v>
      </c>
      <c r="Z6315">
        <v>38</v>
      </c>
      <c r="AA6315">
        <v>38</v>
      </c>
      <c r="AB6315">
        <v>38</v>
      </c>
      <c r="AC6315">
        <v>39</v>
      </c>
      <c r="AD6315">
        <v>39</v>
      </c>
      <c r="AE6315">
        <v>39</v>
      </c>
      <c r="AF6315">
        <v>40</v>
      </c>
      <c r="AG6315">
        <v>40</v>
      </c>
      <c r="AH6315">
        <v>40</v>
      </c>
      <c r="AI6315">
        <v>41</v>
      </c>
      <c r="AJ6315">
        <v>41</v>
      </c>
      <c r="AK6315">
        <v>41</v>
      </c>
      <c r="AL6315">
        <v>41</v>
      </c>
      <c r="AM6315">
        <v>42</v>
      </c>
      <c r="AN6315">
        <v>42</v>
      </c>
      <c r="AO6315">
        <v>42</v>
      </c>
      <c r="AP6315">
        <v>42</v>
      </c>
      <c r="AQ6315">
        <v>43</v>
      </c>
    </row>
    <row r="6316" spans="1:43">
      <c r="A6316" t="s">
        <v>3952</v>
      </c>
      <c r="B6316" t="s">
        <v>3953</v>
      </c>
      <c r="C6316" t="s">
        <v>3954</v>
      </c>
      <c r="D6316" t="s">
        <v>3955</v>
      </c>
      <c r="E6316" t="s">
        <v>3660</v>
      </c>
      <c r="F6316" t="s">
        <v>3661</v>
      </c>
      <c r="G6316" t="s">
        <v>80</v>
      </c>
      <c r="H6316" t="s">
        <v>81</v>
      </c>
      <c r="I6316" s="2">
        <v>0</v>
      </c>
      <c r="J6316" s="2">
        <v>1</v>
      </c>
      <c r="K6316" s="2">
        <v>0</v>
      </c>
      <c r="L6316" t="s">
        <v>82</v>
      </c>
      <c r="M6316" t="s">
        <v>89</v>
      </c>
      <c r="N6316" t="s">
        <v>90</v>
      </c>
      <c r="O6316" t="s">
        <v>85</v>
      </c>
      <c r="P6316" t="s">
        <v>86</v>
      </c>
      <c r="Q6316">
        <v>35</v>
      </c>
      <c r="R6316">
        <v>36</v>
      </c>
      <c r="S6316">
        <v>36</v>
      </c>
      <c r="T6316">
        <v>37</v>
      </c>
      <c r="U6316">
        <v>38</v>
      </c>
      <c r="V6316">
        <v>39</v>
      </c>
      <c r="W6316">
        <v>40</v>
      </c>
      <c r="X6316">
        <v>41</v>
      </c>
      <c r="Y6316">
        <v>42</v>
      </c>
      <c r="Z6316">
        <v>43</v>
      </c>
      <c r="AA6316">
        <v>44</v>
      </c>
      <c r="AB6316">
        <v>44</v>
      </c>
      <c r="AC6316">
        <v>45</v>
      </c>
      <c r="AD6316">
        <v>46</v>
      </c>
      <c r="AE6316">
        <v>47</v>
      </c>
      <c r="AF6316">
        <v>47</v>
      </c>
      <c r="AG6316">
        <v>47</v>
      </c>
      <c r="AH6316">
        <v>47</v>
      </c>
      <c r="AI6316">
        <v>47</v>
      </c>
      <c r="AJ6316">
        <v>47</v>
      </c>
      <c r="AK6316">
        <v>47</v>
      </c>
      <c r="AL6316">
        <v>48</v>
      </c>
      <c r="AM6316">
        <v>48</v>
      </c>
      <c r="AN6316">
        <v>48</v>
      </c>
      <c r="AO6316">
        <v>48</v>
      </c>
      <c r="AP6316">
        <v>48</v>
      </c>
      <c r="AQ6316">
        <v>48</v>
      </c>
    </row>
    <row r="6317" spans="1:43">
      <c r="A6317" t="s">
        <v>3952</v>
      </c>
      <c r="B6317" t="s">
        <v>3953</v>
      </c>
      <c r="C6317" t="s">
        <v>3954</v>
      </c>
      <c r="D6317" t="s">
        <v>3955</v>
      </c>
      <c r="E6317" t="s">
        <v>3660</v>
      </c>
      <c r="F6317" t="s">
        <v>3661</v>
      </c>
      <c r="G6317" t="s">
        <v>80</v>
      </c>
      <c r="H6317" t="s">
        <v>81</v>
      </c>
      <c r="I6317" s="2">
        <v>0</v>
      </c>
      <c r="J6317" s="2">
        <v>1</v>
      </c>
      <c r="K6317" s="2">
        <v>0</v>
      </c>
      <c r="L6317" t="s">
        <v>82</v>
      </c>
      <c r="M6317" t="s">
        <v>83</v>
      </c>
      <c r="N6317" t="s">
        <v>91</v>
      </c>
      <c r="O6317" t="s">
        <v>85</v>
      </c>
      <c r="P6317" t="s">
        <v>86</v>
      </c>
      <c r="Q6317">
        <v>35</v>
      </c>
      <c r="R6317">
        <v>36</v>
      </c>
      <c r="S6317">
        <v>37</v>
      </c>
      <c r="T6317">
        <v>37</v>
      </c>
      <c r="U6317">
        <v>38</v>
      </c>
      <c r="V6317">
        <v>39</v>
      </c>
      <c r="W6317">
        <v>39</v>
      </c>
      <c r="X6317">
        <v>40</v>
      </c>
      <c r="Y6317">
        <v>41</v>
      </c>
      <c r="Z6317">
        <v>41</v>
      </c>
      <c r="AA6317">
        <v>42</v>
      </c>
      <c r="AB6317">
        <v>43</v>
      </c>
      <c r="AC6317">
        <v>43</v>
      </c>
      <c r="AD6317">
        <v>44</v>
      </c>
      <c r="AE6317">
        <v>44</v>
      </c>
      <c r="AF6317">
        <v>45</v>
      </c>
      <c r="AG6317">
        <v>46</v>
      </c>
      <c r="AH6317">
        <v>46</v>
      </c>
      <c r="AI6317">
        <v>47</v>
      </c>
      <c r="AJ6317">
        <v>47</v>
      </c>
      <c r="AK6317">
        <v>48</v>
      </c>
      <c r="AL6317">
        <v>48</v>
      </c>
      <c r="AM6317">
        <v>48</v>
      </c>
      <c r="AN6317">
        <v>49</v>
      </c>
      <c r="AO6317">
        <v>49</v>
      </c>
      <c r="AP6317">
        <v>49</v>
      </c>
      <c r="AQ6317">
        <v>49</v>
      </c>
    </row>
    <row r="6318" spans="1:43">
      <c r="A6318" t="s">
        <v>3956</v>
      </c>
      <c r="B6318" t="s">
        <v>3957</v>
      </c>
      <c r="C6318" t="s">
        <v>3954</v>
      </c>
      <c r="D6318" t="s">
        <v>3955</v>
      </c>
      <c r="E6318" t="s">
        <v>3660</v>
      </c>
      <c r="F6318" t="s">
        <v>3661</v>
      </c>
      <c r="G6318" t="s">
        <v>80</v>
      </c>
      <c r="H6318" t="s">
        <v>81</v>
      </c>
      <c r="I6318" s="2">
        <v>0</v>
      </c>
      <c r="J6318" s="2">
        <v>1</v>
      </c>
      <c r="K6318" s="2">
        <v>0</v>
      </c>
      <c r="L6318" t="s">
        <v>82</v>
      </c>
      <c r="M6318" t="s">
        <v>83</v>
      </c>
      <c r="N6318" t="s">
        <v>84</v>
      </c>
      <c r="O6318" t="s">
        <v>85</v>
      </c>
      <c r="P6318" t="s">
        <v>86</v>
      </c>
      <c r="Q6318">
        <v>43</v>
      </c>
      <c r="R6318">
        <v>44</v>
      </c>
      <c r="S6318">
        <v>45</v>
      </c>
      <c r="T6318">
        <v>46</v>
      </c>
      <c r="U6318">
        <v>47</v>
      </c>
      <c r="V6318">
        <v>48</v>
      </c>
      <c r="W6318">
        <v>48</v>
      </c>
      <c r="X6318">
        <v>49</v>
      </c>
      <c r="Y6318">
        <v>50</v>
      </c>
      <c r="Z6318">
        <v>51</v>
      </c>
      <c r="AA6318">
        <v>52</v>
      </c>
      <c r="AB6318">
        <v>52</v>
      </c>
      <c r="AC6318">
        <v>53</v>
      </c>
      <c r="AD6318">
        <v>54</v>
      </c>
      <c r="AE6318">
        <v>55</v>
      </c>
      <c r="AF6318">
        <v>56</v>
      </c>
      <c r="AG6318">
        <v>56</v>
      </c>
      <c r="AH6318">
        <v>57</v>
      </c>
      <c r="AI6318">
        <v>58</v>
      </c>
      <c r="AJ6318">
        <v>59</v>
      </c>
      <c r="AK6318">
        <v>59</v>
      </c>
      <c r="AL6318">
        <v>60</v>
      </c>
      <c r="AM6318">
        <v>60</v>
      </c>
      <c r="AN6318">
        <v>60</v>
      </c>
      <c r="AO6318">
        <v>60</v>
      </c>
      <c r="AP6318">
        <v>60</v>
      </c>
      <c r="AQ6318">
        <v>60</v>
      </c>
    </row>
    <row r="6319" spans="1:43">
      <c r="A6319" t="s">
        <v>3956</v>
      </c>
      <c r="B6319" t="s">
        <v>3957</v>
      </c>
      <c r="C6319" t="s">
        <v>3954</v>
      </c>
      <c r="D6319" t="s">
        <v>3955</v>
      </c>
      <c r="E6319" t="s">
        <v>3660</v>
      </c>
      <c r="F6319" t="s">
        <v>3661</v>
      </c>
      <c r="G6319" t="s">
        <v>80</v>
      </c>
      <c r="H6319" t="s">
        <v>81</v>
      </c>
      <c r="I6319" s="2">
        <v>0</v>
      </c>
      <c r="J6319" s="2">
        <v>1</v>
      </c>
      <c r="K6319" s="2">
        <v>0</v>
      </c>
      <c r="L6319" t="s">
        <v>82</v>
      </c>
      <c r="M6319" t="s">
        <v>87</v>
      </c>
      <c r="N6319" t="s">
        <v>88</v>
      </c>
      <c r="O6319" t="s">
        <v>85</v>
      </c>
      <c r="P6319" t="s">
        <v>86</v>
      </c>
      <c r="Q6319">
        <v>43</v>
      </c>
      <c r="R6319">
        <v>43</v>
      </c>
      <c r="S6319">
        <v>44</v>
      </c>
      <c r="T6319">
        <v>44</v>
      </c>
      <c r="U6319">
        <v>45</v>
      </c>
      <c r="V6319">
        <v>45</v>
      </c>
      <c r="W6319">
        <v>45</v>
      </c>
      <c r="X6319">
        <v>46</v>
      </c>
      <c r="Y6319">
        <v>46</v>
      </c>
      <c r="Z6319">
        <v>47</v>
      </c>
      <c r="AA6319">
        <v>47</v>
      </c>
      <c r="AB6319">
        <v>47</v>
      </c>
      <c r="AC6319">
        <v>48</v>
      </c>
      <c r="AD6319">
        <v>48</v>
      </c>
      <c r="AE6319">
        <v>49</v>
      </c>
      <c r="AF6319">
        <v>49</v>
      </c>
      <c r="AG6319">
        <v>49</v>
      </c>
      <c r="AH6319">
        <v>50</v>
      </c>
      <c r="AI6319">
        <v>50</v>
      </c>
      <c r="AJ6319">
        <v>50</v>
      </c>
      <c r="AK6319">
        <v>51</v>
      </c>
      <c r="AL6319">
        <v>51</v>
      </c>
      <c r="AM6319">
        <v>51</v>
      </c>
      <c r="AN6319">
        <v>52</v>
      </c>
      <c r="AO6319">
        <v>52</v>
      </c>
      <c r="AP6319">
        <v>52</v>
      </c>
      <c r="AQ6319">
        <v>53</v>
      </c>
    </row>
    <row r="6320" spans="1:43">
      <c r="A6320" t="s">
        <v>3956</v>
      </c>
      <c r="B6320" t="s">
        <v>3957</v>
      </c>
      <c r="C6320" t="s">
        <v>3954</v>
      </c>
      <c r="D6320" t="s">
        <v>3955</v>
      </c>
      <c r="E6320" t="s">
        <v>3660</v>
      </c>
      <c r="F6320" t="s">
        <v>3661</v>
      </c>
      <c r="G6320" t="s">
        <v>80</v>
      </c>
      <c r="H6320" t="s">
        <v>81</v>
      </c>
      <c r="I6320" s="2">
        <v>0</v>
      </c>
      <c r="J6320" s="2">
        <v>1</v>
      </c>
      <c r="K6320" s="2">
        <v>0</v>
      </c>
      <c r="L6320" t="s">
        <v>82</v>
      </c>
      <c r="M6320" t="s">
        <v>89</v>
      </c>
      <c r="N6320" t="s">
        <v>90</v>
      </c>
      <c r="O6320" t="s">
        <v>85</v>
      </c>
      <c r="P6320" t="s">
        <v>86</v>
      </c>
      <c r="Q6320">
        <v>43</v>
      </c>
      <c r="R6320">
        <v>44</v>
      </c>
      <c r="S6320">
        <v>45</v>
      </c>
      <c r="T6320">
        <v>46</v>
      </c>
      <c r="U6320">
        <v>48</v>
      </c>
      <c r="V6320">
        <v>49</v>
      </c>
      <c r="W6320">
        <v>50</v>
      </c>
      <c r="X6320">
        <v>51</v>
      </c>
      <c r="Y6320">
        <v>52</v>
      </c>
      <c r="Z6320">
        <v>53</v>
      </c>
      <c r="AA6320">
        <v>54</v>
      </c>
      <c r="AB6320">
        <v>55</v>
      </c>
      <c r="AC6320">
        <v>56</v>
      </c>
      <c r="AD6320">
        <v>57</v>
      </c>
      <c r="AE6320">
        <v>58</v>
      </c>
      <c r="AF6320">
        <v>58</v>
      </c>
      <c r="AG6320">
        <v>58</v>
      </c>
      <c r="AH6320">
        <v>58</v>
      </c>
      <c r="AI6320">
        <v>58</v>
      </c>
      <c r="AJ6320">
        <v>59</v>
      </c>
      <c r="AK6320">
        <v>59</v>
      </c>
      <c r="AL6320">
        <v>59</v>
      </c>
      <c r="AM6320">
        <v>59</v>
      </c>
      <c r="AN6320">
        <v>59</v>
      </c>
      <c r="AO6320">
        <v>59</v>
      </c>
      <c r="AP6320">
        <v>60</v>
      </c>
      <c r="AQ6320">
        <v>60</v>
      </c>
    </row>
    <row r="6321" spans="1:43">
      <c r="A6321" t="s">
        <v>3956</v>
      </c>
      <c r="B6321" t="s">
        <v>3957</v>
      </c>
      <c r="C6321" t="s">
        <v>3954</v>
      </c>
      <c r="D6321" t="s">
        <v>3955</v>
      </c>
      <c r="E6321" t="s">
        <v>3660</v>
      </c>
      <c r="F6321" t="s">
        <v>3661</v>
      </c>
      <c r="G6321" t="s">
        <v>80</v>
      </c>
      <c r="H6321" t="s">
        <v>81</v>
      </c>
      <c r="I6321" s="2">
        <v>0</v>
      </c>
      <c r="J6321" s="2">
        <v>1</v>
      </c>
      <c r="K6321" s="2">
        <v>0</v>
      </c>
      <c r="L6321" t="s">
        <v>82</v>
      </c>
      <c r="M6321" t="s">
        <v>83</v>
      </c>
      <c r="N6321" t="s">
        <v>91</v>
      </c>
      <c r="O6321" t="s">
        <v>85</v>
      </c>
      <c r="P6321" t="s">
        <v>86</v>
      </c>
      <c r="Q6321">
        <v>43</v>
      </c>
      <c r="R6321">
        <v>44</v>
      </c>
      <c r="S6321">
        <v>45</v>
      </c>
      <c r="T6321">
        <v>46</v>
      </c>
      <c r="U6321">
        <v>47</v>
      </c>
      <c r="V6321">
        <v>48</v>
      </c>
      <c r="W6321">
        <v>48</v>
      </c>
      <c r="X6321">
        <v>49</v>
      </c>
      <c r="Y6321">
        <v>50</v>
      </c>
      <c r="Z6321">
        <v>51</v>
      </c>
      <c r="AA6321">
        <v>52</v>
      </c>
      <c r="AB6321">
        <v>52</v>
      </c>
      <c r="AC6321">
        <v>53</v>
      </c>
      <c r="AD6321">
        <v>54</v>
      </c>
      <c r="AE6321">
        <v>55</v>
      </c>
      <c r="AF6321">
        <v>56</v>
      </c>
      <c r="AG6321">
        <v>56</v>
      </c>
      <c r="AH6321">
        <v>57</v>
      </c>
      <c r="AI6321">
        <v>58</v>
      </c>
      <c r="AJ6321">
        <v>59</v>
      </c>
      <c r="AK6321">
        <v>59</v>
      </c>
      <c r="AL6321">
        <v>60</v>
      </c>
      <c r="AM6321">
        <v>60</v>
      </c>
      <c r="AN6321">
        <v>60</v>
      </c>
      <c r="AO6321">
        <v>60</v>
      </c>
      <c r="AP6321">
        <v>60</v>
      </c>
      <c r="AQ6321">
        <v>60</v>
      </c>
    </row>
    <row r="6322" spans="1:43">
      <c r="A6322" t="s">
        <v>3958</v>
      </c>
      <c r="B6322" t="s">
        <v>3959</v>
      </c>
      <c r="C6322" t="s">
        <v>3954</v>
      </c>
      <c r="D6322" t="s">
        <v>3955</v>
      </c>
      <c r="E6322" t="s">
        <v>3660</v>
      </c>
      <c r="F6322" t="s">
        <v>3661</v>
      </c>
      <c r="G6322" t="s">
        <v>80</v>
      </c>
      <c r="H6322" t="s">
        <v>81</v>
      </c>
      <c r="I6322" s="2">
        <v>0</v>
      </c>
      <c r="J6322" s="2">
        <v>1</v>
      </c>
      <c r="K6322" s="2">
        <v>0</v>
      </c>
      <c r="L6322" t="s">
        <v>82</v>
      </c>
      <c r="M6322" t="s">
        <v>83</v>
      </c>
      <c r="N6322" t="s">
        <v>84</v>
      </c>
      <c r="O6322" t="s">
        <v>85</v>
      </c>
      <c r="P6322" t="s">
        <v>86</v>
      </c>
      <c r="Q6322">
        <v>49</v>
      </c>
      <c r="R6322">
        <v>49</v>
      </c>
      <c r="S6322">
        <v>50</v>
      </c>
      <c r="T6322">
        <v>51</v>
      </c>
      <c r="U6322">
        <v>52</v>
      </c>
      <c r="V6322">
        <v>53</v>
      </c>
      <c r="W6322">
        <v>54</v>
      </c>
      <c r="X6322">
        <v>55</v>
      </c>
      <c r="Y6322">
        <v>56</v>
      </c>
      <c r="Z6322">
        <v>57</v>
      </c>
      <c r="AA6322">
        <v>58</v>
      </c>
      <c r="AB6322">
        <v>59</v>
      </c>
      <c r="AC6322">
        <v>60</v>
      </c>
      <c r="AD6322">
        <v>60</v>
      </c>
      <c r="AE6322">
        <v>61</v>
      </c>
      <c r="AF6322">
        <v>62</v>
      </c>
      <c r="AG6322">
        <v>63</v>
      </c>
      <c r="AH6322">
        <v>64</v>
      </c>
      <c r="AI6322">
        <v>65</v>
      </c>
      <c r="AJ6322">
        <v>65</v>
      </c>
      <c r="AK6322">
        <v>66</v>
      </c>
      <c r="AL6322">
        <v>67</v>
      </c>
      <c r="AM6322">
        <v>67</v>
      </c>
      <c r="AN6322">
        <v>67</v>
      </c>
      <c r="AO6322">
        <v>67</v>
      </c>
      <c r="AP6322">
        <v>67</v>
      </c>
      <c r="AQ6322">
        <v>68</v>
      </c>
    </row>
    <row r="6323" spans="1:43">
      <c r="A6323" t="s">
        <v>3958</v>
      </c>
      <c r="B6323" t="s">
        <v>3959</v>
      </c>
      <c r="C6323" t="s">
        <v>3954</v>
      </c>
      <c r="D6323" t="s">
        <v>3955</v>
      </c>
      <c r="E6323" t="s">
        <v>3660</v>
      </c>
      <c r="F6323" t="s">
        <v>3661</v>
      </c>
      <c r="G6323" t="s">
        <v>80</v>
      </c>
      <c r="H6323" t="s">
        <v>81</v>
      </c>
      <c r="I6323" s="2">
        <v>0</v>
      </c>
      <c r="J6323" s="2">
        <v>1</v>
      </c>
      <c r="K6323" s="2">
        <v>0</v>
      </c>
      <c r="L6323" t="s">
        <v>82</v>
      </c>
      <c r="M6323" t="s">
        <v>87</v>
      </c>
      <c r="N6323" t="s">
        <v>88</v>
      </c>
      <c r="O6323" t="s">
        <v>85</v>
      </c>
      <c r="P6323" t="s">
        <v>86</v>
      </c>
      <c r="Q6323">
        <v>49</v>
      </c>
      <c r="R6323">
        <v>50</v>
      </c>
      <c r="S6323">
        <v>50</v>
      </c>
      <c r="T6323">
        <v>51</v>
      </c>
      <c r="U6323">
        <v>51</v>
      </c>
      <c r="V6323">
        <v>51</v>
      </c>
      <c r="W6323">
        <v>52</v>
      </c>
      <c r="X6323">
        <v>52</v>
      </c>
      <c r="Y6323">
        <v>53</v>
      </c>
      <c r="Z6323">
        <v>53</v>
      </c>
      <c r="AA6323">
        <v>54</v>
      </c>
      <c r="AB6323">
        <v>54</v>
      </c>
      <c r="AC6323">
        <v>54</v>
      </c>
      <c r="AD6323">
        <v>55</v>
      </c>
      <c r="AE6323">
        <v>55</v>
      </c>
      <c r="AF6323">
        <v>56</v>
      </c>
      <c r="AG6323">
        <v>56</v>
      </c>
      <c r="AH6323">
        <v>57</v>
      </c>
      <c r="AI6323">
        <v>57</v>
      </c>
      <c r="AJ6323">
        <v>57</v>
      </c>
      <c r="AK6323">
        <v>58</v>
      </c>
      <c r="AL6323">
        <v>58</v>
      </c>
      <c r="AM6323">
        <v>58</v>
      </c>
      <c r="AN6323">
        <v>59</v>
      </c>
      <c r="AO6323">
        <v>59</v>
      </c>
      <c r="AP6323">
        <v>60</v>
      </c>
      <c r="AQ6323">
        <v>60</v>
      </c>
    </row>
    <row r="6324" spans="1:43">
      <c r="A6324" t="s">
        <v>3958</v>
      </c>
      <c r="B6324" t="s">
        <v>3959</v>
      </c>
      <c r="C6324" t="s">
        <v>3954</v>
      </c>
      <c r="D6324" t="s">
        <v>3955</v>
      </c>
      <c r="E6324" t="s">
        <v>3660</v>
      </c>
      <c r="F6324" t="s">
        <v>3661</v>
      </c>
      <c r="G6324" t="s">
        <v>80</v>
      </c>
      <c r="H6324" t="s">
        <v>81</v>
      </c>
      <c r="I6324" s="2">
        <v>0</v>
      </c>
      <c r="J6324" s="2">
        <v>1</v>
      </c>
      <c r="K6324" s="2">
        <v>0</v>
      </c>
      <c r="L6324" t="s">
        <v>82</v>
      </c>
      <c r="M6324" t="s">
        <v>89</v>
      </c>
      <c r="N6324" t="s">
        <v>90</v>
      </c>
      <c r="O6324" t="s">
        <v>85</v>
      </c>
      <c r="P6324" t="s">
        <v>86</v>
      </c>
      <c r="Q6324">
        <v>49</v>
      </c>
      <c r="R6324">
        <v>50</v>
      </c>
      <c r="S6324">
        <v>52</v>
      </c>
      <c r="T6324">
        <v>53</v>
      </c>
      <c r="U6324">
        <v>54</v>
      </c>
      <c r="V6324">
        <v>56</v>
      </c>
      <c r="W6324">
        <v>57</v>
      </c>
      <c r="X6324">
        <v>58</v>
      </c>
      <c r="Y6324">
        <v>59</v>
      </c>
      <c r="Z6324">
        <v>60</v>
      </c>
      <c r="AA6324">
        <v>62</v>
      </c>
      <c r="AB6324">
        <v>63</v>
      </c>
      <c r="AC6324">
        <v>64</v>
      </c>
      <c r="AD6324">
        <v>65</v>
      </c>
      <c r="AE6324">
        <v>66</v>
      </c>
      <c r="AF6324">
        <v>66</v>
      </c>
      <c r="AG6324">
        <v>66</v>
      </c>
      <c r="AH6324">
        <v>66</v>
      </c>
      <c r="AI6324">
        <v>66</v>
      </c>
      <c r="AJ6324">
        <v>67</v>
      </c>
      <c r="AK6324">
        <v>67</v>
      </c>
      <c r="AL6324">
        <v>67</v>
      </c>
      <c r="AM6324">
        <v>67</v>
      </c>
      <c r="AN6324">
        <v>67</v>
      </c>
      <c r="AO6324">
        <v>68</v>
      </c>
      <c r="AP6324">
        <v>68</v>
      </c>
      <c r="AQ6324">
        <v>68</v>
      </c>
    </row>
    <row r="6325" spans="1:43">
      <c r="A6325" t="s">
        <v>3958</v>
      </c>
      <c r="B6325" t="s">
        <v>3959</v>
      </c>
      <c r="C6325" t="s">
        <v>3954</v>
      </c>
      <c r="D6325" t="s">
        <v>3955</v>
      </c>
      <c r="E6325" t="s">
        <v>3660</v>
      </c>
      <c r="F6325" t="s">
        <v>3661</v>
      </c>
      <c r="G6325" t="s">
        <v>80</v>
      </c>
      <c r="H6325" t="s">
        <v>81</v>
      </c>
      <c r="I6325" s="2">
        <v>0</v>
      </c>
      <c r="J6325" s="2">
        <v>1</v>
      </c>
      <c r="K6325" s="2">
        <v>0</v>
      </c>
      <c r="L6325" t="s">
        <v>82</v>
      </c>
      <c r="M6325" t="s">
        <v>83</v>
      </c>
      <c r="N6325" t="s">
        <v>91</v>
      </c>
      <c r="O6325" t="s">
        <v>85</v>
      </c>
      <c r="P6325" t="s">
        <v>86</v>
      </c>
      <c r="Q6325">
        <v>49</v>
      </c>
      <c r="R6325">
        <v>49</v>
      </c>
      <c r="S6325">
        <v>50</v>
      </c>
      <c r="T6325">
        <v>51</v>
      </c>
      <c r="U6325">
        <v>52</v>
      </c>
      <c r="V6325">
        <v>53</v>
      </c>
      <c r="W6325">
        <v>54</v>
      </c>
      <c r="X6325">
        <v>55</v>
      </c>
      <c r="Y6325">
        <v>56</v>
      </c>
      <c r="Z6325">
        <v>57</v>
      </c>
      <c r="AA6325">
        <v>58</v>
      </c>
      <c r="AB6325">
        <v>59</v>
      </c>
      <c r="AC6325">
        <v>60</v>
      </c>
      <c r="AD6325">
        <v>60</v>
      </c>
      <c r="AE6325">
        <v>61</v>
      </c>
      <c r="AF6325">
        <v>62</v>
      </c>
      <c r="AG6325">
        <v>63</v>
      </c>
      <c r="AH6325">
        <v>64</v>
      </c>
      <c r="AI6325">
        <v>65</v>
      </c>
      <c r="AJ6325">
        <v>65</v>
      </c>
      <c r="AK6325">
        <v>66</v>
      </c>
      <c r="AL6325">
        <v>67</v>
      </c>
      <c r="AM6325">
        <v>67</v>
      </c>
      <c r="AN6325">
        <v>67</v>
      </c>
      <c r="AO6325">
        <v>67</v>
      </c>
      <c r="AP6325">
        <v>67</v>
      </c>
      <c r="AQ6325">
        <v>68</v>
      </c>
    </row>
    <row r="6326" spans="1:43">
      <c r="A6326" t="s">
        <v>3960</v>
      </c>
      <c r="B6326" t="s">
        <v>3961</v>
      </c>
      <c r="C6326" t="s">
        <v>3954</v>
      </c>
      <c r="D6326" t="s">
        <v>3955</v>
      </c>
      <c r="E6326" t="s">
        <v>3660</v>
      </c>
      <c r="F6326" t="s">
        <v>3661</v>
      </c>
      <c r="G6326" t="s">
        <v>80</v>
      </c>
      <c r="H6326" t="s">
        <v>81</v>
      </c>
      <c r="I6326" s="2">
        <v>0</v>
      </c>
      <c r="J6326" s="2">
        <v>1</v>
      </c>
      <c r="K6326" s="2">
        <v>0</v>
      </c>
      <c r="L6326" t="s">
        <v>82</v>
      </c>
      <c r="M6326" t="s">
        <v>83</v>
      </c>
      <c r="N6326" t="s">
        <v>84</v>
      </c>
      <c r="O6326" t="s">
        <v>85</v>
      </c>
      <c r="P6326" t="s">
        <v>86</v>
      </c>
      <c r="Q6326">
        <v>94</v>
      </c>
      <c r="R6326">
        <v>96</v>
      </c>
      <c r="S6326">
        <v>98</v>
      </c>
      <c r="T6326">
        <v>100</v>
      </c>
      <c r="U6326">
        <v>102</v>
      </c>
      <c r="V6326">
        <v>103</v>
      </c>
      <c r="W6326">
        <v>105</v>
      </c>
      <c r="X6326">
        <v>107</v>
      </c>
      <c r="Y6326">
        <v>109</v>
      </c>
      <c r="Z6326">
        <v>111</v>
      </c>
      <c r="AA6326">
        <v>112</v>
      </c>
      <c r="AB6326">
        <v>114</v>
      </c>
      <c r="AC6326">
        <v>116</v>
      </c>
      <c r="AD6326">
        <v>117</v>
      </c>
      <c r="AE6326">
        <v>119</v>
      </c>
      <c r="AF6326">
        <v>121</v>
      </c>
      <c r="AG6326">
        <v>122</v>
      </c>
      <c r="AH6326">
        <v>124</v>
      </c>
      <c r="AI6326">
        <v>126</v>
      </c>
      <c r="AJ6326">
        <v>127</v>
      </c>
      <c r="AK6326">
        <v>129</v>
      </c>
      <c r="AL6326">
        <v>130</v>
      </c>
      <c r="AM6326">
        <v>130</v>
      </c>
      <c r="AN6326">
        <v>130</v>
      </c>
      <c r="AO6326">
        <v>131</v>
      </c>
      <c r="AP6326">
        <v>131</v>
      </c>
      <c r="AQ6326">
        <v>131</v>
      </c>
    </row>
    <row r="6327" spans="1:43">
      <c r="A6327" t="s">
        <v>3960</v>
      </c>
      <c r="B6327" t="s">
        <v>3961</v>
      </c>
      <c r="C6327" t="s">
        <v>3954</v>
      </c>
      <c r="D6327" t="s">
        <v>3955</v>
      </c>
      <c r="E6327" t="s">
        <v>3660</v>
      </c>
      <c r="F6327" t="s">
        <v>3661</v>
      </c>
      <c r="G6327" t="s">
        <v>80</v>
      </c>
      <c r="H6327" t="s">
        <v>81</v>
      </c>
      <c r="I6327" s="2">
        <v>0</v>
      </c>
      <c r="J6327" s="2">
        <v>1</v>
      </c>
      <c r="K6327" s="2">
        <v>0</v>
      </c>
      <c r="L6327" t="s">
        <v>82</v>
      </c>
      <c r="M6327" t="s">
        <v>87</v>
      </c>
      <c r="N6327" t="s">
        <v>88</v>
      </c>
      <c r="O6327" t="s">
        <v>85</v>
      </c>
      <c r="P6327" t="s">
        <v>86</v>
      </c>
      <c r="Q6327">
        <v>94</v>
      </c>
      <c r="R6327">
        <v>95</v>
      </c>
      <c r="S6327">
        <v>96</v>
      </c>
      <c r="T6327">
        <v>97</v>
      </c>
      <c r="U6327">
        <v>98</v>
      </c>
      <c r="V6327">
        <v>99</v>
      </c>
      <c r="W6327">
        <v>100</v>
      </c>
      <c r="X6327">
        <v>101</v>
      </c>
      <c r="Y6327">
        <v>102</v>
      </c>
      <c r="Z6327">
        <v>102</v>
      </c>
      <c r="AA6327">
        <v>103</v>
      </c>
      <c r="AB6327">
        <v>104</v>
      </c>
      <c r="AC6327">
        <v>105</v>
      </c>
      <c r="AD6327">
        <v>106</v>
      </c>
      <c r="AE6327">
        <v>107</v>
      </c>
      <c r="AF6327">
        <v>107</v>
      </c>
      <c r="AG6327">
        <v>108</v>
      </c>
      <c r="AH6327">
        <v>109</v>
      </c>
      <c r="AI6327">
        <v>110</v>
      </c>
      <c r="AJ6327">
        <v>110</v>
      </c>
      <c r="AK6327">
        <v>111</v>
      </c>
      <c r="AL6327">
        <v>112</v>
      </c>
      <c r="AM6327">
        <v>113</v>
      </c>
      <c r="AN6327">
        <v>113</v>
      </c>
      <c r="AO6327">
        <v>114</v>
      </c>
      <c r="AP6327">
        <v>115</v>
      </c>
      <c r="AQ6327">
        <v>116</v>
      </c>
    </row>
    <row r="6328" spans="1:43">
      <c r="A6328" t="s">
        <v>3960</v>
      </c>
      <c r="B6328" t="s">
        <v>3961</v>
      </c>
      <c r="C6328" t="s">
        <v>3954</v>
      </c>
      <c r="D6328" t="s">
        <v>3955</v>
      </c>
      <c r="E6328" t="s">
        <v>3660</v>
      </c>
      <c r="F6328" t="s">
        <v>3661</v>
      </c>
      <c r="G6328" t="s">
        <v>80</v>
      </c>
      <c r="H6328" t="s">
        <v>81</v>
      </c>
      <c r="I6328" s="2">
        <v>0</v>
      </c>
      <c r="J6328" s="2">
        <v>1</v>
      </c>
      <c r="K6328" s="2">
        <v>0</v>
      </c>
      <c r="L6328" t="s">
        <v>82</v>
      </c>
      <c r="M6328" t="s">
        <v>89</v>
      </c>
      <c r="N6328" t="s">
        <v>90</v>
      </c>
      <c r="O6328" t="s">
        <v>85</v>
      </c>
      <c r="P6328" t="s">
        <v>86</v>
      </c>
      <c r="Q6328">
        <v>94</v>
      </c>
      <c r="R6328">
        <v>97</v>
      </c>
      <c r="S6328">
        <v>99</v>
      </c>
      <c r="T6328">
        <v>102</v>
      </c>
      <c r="U6328">
        <v>105</v>
      </c>
      <c r="V6328">
        <v>107</v>
      </c>
      <c r="W6328">
        <v>110</v>
      </c>
      <c r="X6328">
        <v>112</v>
      </c>
      <c r="Y6328">
        <v>114</v>
      </c>
      <c r="Z6328">
        <v>116</v>
      </c>
      <c r="AA6328">
        <v>119</v>
      </c>
      <c r="AB6328">
        <v>121</v>
      </c>
      <c r="AC6328">
        <v>123</v>
      </c>
      <c r="AD6328">
        <v>125</v>
      </c>
      <c r="AE6328">
        <v>126</v>
      </c>
      <c r="AF6328">
        <v>127</v>
      </c>
      <c r="AG6328">
        <v>127</v>
      </c>
      <c r="AH6328">
        <v>128</v>
      </c>
      <c r="AI6328">
        <v>128</v>
      </c>
      <c r="AJ6328">
        <v>129</v>
      </c>
      <c r="AK6328">
        <v>129</v>
      </c>
      <c r="AL6328">
        <v>129</v>
      </c>
      <c r="AM6328">
        <v>130</v>
      </c>
      <c r="AN6328">
        <v>130</v>
      </c>
      <c r="AO6328">
        <v>130</v>
      </c>
      <c r="AP6328">
        <v>131</v>
      </c>
      <c r="AQ6328">
        <v>131</v>
      </c>
    </row>
    <row r="6329" spans="1:43">
      <c r="A6329" t="s">
        <v>3960</v>
      </c>
      <c r="B6329" t="s">
        <v>3961</v>
      </c>
      <c r="C6329" t="s">
        <v>3954</v>
      </c>
      <c r="D6329" t="s">
        <v>3955</v>
      </c>
      <c r="E6329" t="s">
        <v>3660</v>
      </c>
      <c r="F6329" t="s">
        <v>3661</v>
      </c>
      <c r="G6329" t="s">
        <v>80</v>
      </c>
      <c r="H6329" t="s">
        <v>81</v>
      </c>
      <c r="I6329" s="2">
        <v>0</v>
      </c>
      <c r="J6329" s="2">
        <v>1</v>
      </c>
      <c r="K6329" s="2">
        <v>0</v>
      </c>
      <c r="L6329" t="s">
        <v>82</v>
      </c>
      <c r="M6329" t="s">
        <v>83</v>
      </c>
      <c r="N6329" t="s">
        <v>91</v>
      </c>
      <c r="O6329" t="s">
        <v>85</v>
      </c>
      <c r="P6329" t="s">
        <v>86</v>
      </c>
      <c r="Q6329">
        <v>94</v>
      </c>
      <c r="R6329">
        <v>96</v>
      </c>
      <c r="S6329">
        <v>98</v>
      </c>
      <c r="T6329">
        <v>100</v>
      </c>
      <c r="U6329">
        <v>102</v>
      </c>
      <c r="V6329">
        <v>103</v>
      </c>
      <c r="W6329">
        <v>105</v>
      </c>
      <c r="X6329">
        <v>107</v>
      </c>
      <c r="Y6329">
        <v>109</v>
      </c>
      <c r="Z6329">
        <v>111</v>
      </c>
      <c r="AA6329">
        <v>112</v>
      </c>
      <c r="AB6329">
        <v>114</v>
      </c>
      <c r="AC6329">
        <v>116</v>
      </c>
      <c r="AD6329">
        <v>117</v>
      </c>
      <c r="AE6329">
        <v>119</v>
      </c>
      <c r="AF6329">
        <v>121</v>
      </c>
      <c r="AG6329">
        <v>122</v>
      </c>
      <c r="AH6329">
        <v>124</v>
      </c>
      <c r="AI6329">
        <v>126</v>
      </c>
      <c r="AJ6329">
        <v>127</v>
      </c>
      <c r="AK6329">
        <v>129</v>
      </c>
      <c r="AL6329">
        <v>130</v>
      </c>
      <c r="AM6329">
        <v>130</v>
      </c>
      <c r="AN6329">
        <v>130</v>
      </c>
      <c r="AO6329">
        <v>131</v>
      </c>
      <c r="AP6329">
        <v>131</v>
      </c>
      <c r="AQ6329">
        <v>131</v>
      </c>
    </row>
    <row r="6330" spans="1:43">
      <c r="A6330" t="s">
        <v>3962</v>
      </c>
      <c r="B6330" t="s">
        <v>3963</v>
      </c>
      <c r="C6330" t="s">
        <v>3698</v>
      </c>
      <c r="D6330" t="s">
        <v>3699</v>
      </c>
      <c r="E6330" t="s">
        <v>3660</v>
      </c>
      <c r="F6330" t="s">
        <v>3661</v>
      </c>
      <c r="G6330" t="s">
        <v>80</v>
      </c>
      <c r="H6330" t="s">
        <v>81</v>
      </c>
      <c r="I6330" s="2">
        <v>0</v>
      </c>
      <c r="J6330" s="2">
        <v>1</v>
      </c>
      <c r="K6330" s="2">
        <v>0</v>
      </c>
      <c r="L6330" t="s">
        <v>82</v>
      </c>
      <c r="M6330" t="s">
        <v>83</v>
      </c>
      <c r="N6330" t="s">
        <v>84</v>
      </c>
      <c r="O6330" t="s">
        <v>85</v>
      </c>
      <c r="P6330" t="s">
        <v>86</v>
      </c>
      <c r="Q6330">
        <v>28</v>
      </c>
      <c r="R6330">
        <v>29</v>
      </c>
      <c r="S6330">
        <v>30</v>
      </c>
      <c r="T6330">
        <v>30</v>
      </c>
      <c r="U6330">
        <v>31</v>
      </c>
      <c r="V6330">
        <v>31</v>
      </c>
      <c r="W6330">
        <v>32</v>
      </c>
      <c r="X6330">
        <v>32</v>
      </c>
      <c r="Y6330">
        <v>33</v>
      </c>
      <c r="Z6330">
        <v>33</v>
      </c>
      <c r="AA6330">
        <v>34</v>
      </c>
      <c r="AB6330">
        <v>34</v>
      </c>
      <c r="AC6330">
        <v>35</v>
      </c>
      <c r="AD6330">
        <v>35</v>
      </c>
      <c r="AE6330">
        <v>36</v>
      </c>
      <c r="AF6330">
        <v>36</v>
      </c>
      <c r="AG6330">
        <v>37</v>
      </c>
      <c r="AH6330">
        <v>37</v>
      </c>
      <c r="AI6330">
        <v>38</v>
      </c>
      <c r="AJ6330">
        <v>38</v>
      </c>
      <c r="AK6330">
        <v>39</v>
      </c>
      <c r="AL6330">
        <v>39</v>
      </c>
      <c r="AM6330">
        <v>39</v>
      </c>
      <c r="AN6330">
        <v>39</v>
      </c>
      <c r="AO6330">
        <v>39</v>
      </c>
      <c r="AP6330">
        <v>40</v>
      </c>
      <c r="AQ6330">
        <v>40</v>
      </c>
    </row>
    <row r="6331" spans="1:43">
      <c r="A6331" t="s">
        <v>3962</v>
      </c>
      <c r="B6331" t="s">
        <v>3963</v>
      </c>
      <c r="C6331" t="s">
        <v>3698</v>
      </c>
      <c r="D6331" t="s">
        <v>3699</v>
      </c>
      <c r="E6331" t="s">
        <v>3660</v>
      </c>
      <c r="F6331" t="s">
        <v>3661</v>
      </c>
      <c r="G6331" t="s">
        <v>80</v>
      </c>
      <c r="H6331" t="s">
        <v>81</v>
      </c>
      <c r="I6331" s="2">
        <v>0</v>
      </c>
      <c r="J6331" s="2">
        <v>1</v>
      </c>
      <c r="K6331" s="2">
        <v>0</v>
      </c>
      <c r="L6331" t="s">
        <v>82</v>
      </c>
      <c r="M6331" t="s">
        <v>87</v>
      </c>
      <c r="N6331" t="s">
        <v>88</v>
      </c>
      <c r="O6331" t="s">
        <v>85</v>
      </c>
      <c r="P6331" t="s">
        <v>86</v>
      </c>
      <c r="Q6331">
        <v>28</v>
      </c>
      <c r="R6331">
        <v>29</v>
      </c>
      <c r="S6331">
        <v>29</v>
      </c>
      <c r="T6331">
        <v>29</v>
      </c>
      <c r="U6331">
        <v>29</v>
      </c>
      <c r="V6331">
        <v>30</v>
      </c>
      <c r="W6331">
        <v>30</v>
      </c>
      <c r="X6331">
        <v>30</v>
      </c>
      <c r="Y6331">
        <v>30</v>
      </c>
      <c r="Z6331">
        <v>31</v>
      </c>
      <c r="AA6331">
        <v>31</v>
      </c>
      <c r="AB6331">
        <v>31</v>
      </c>
      <c r="AC6331">
        <v>31</v>
      </c>
      <c r="AD6331">
        <v>32</v>
      </c>
      <c r="AE6331">
        <v>32</v>
      </c>
      <c r="AF6331">
        <v>32</v>
      </c>
      <c r="AG6331">
        <v>32</v>
      </c>
      <c r="AH6331">
        <v>33</v>
      </c>
      <c r="AI6331">
        <v>33</v>
      </c>
      <c r="AJ6331">
        <v>33</v>
      </c>
      <c r="AK6331">
        <v>33</v>
      </c>
      <c r="AL6331">
        <v>34</v>
      </c>
      <c r="AM6331">
        <v>34</v>
      </c>
      <c r="AN6331">
        <v>34</v>
      </c>
      <c r="AO6331">
        <v>34</v>
      </c>
      <c r="AP6331">
        <v>34</v>
      </c>
      <c r="AQ6331">
        <v>35</v>
      </c>
    </row>
    <row r="6332" spans="1:43">
      <c r="A6332" t="s">
        <v>3962</v>
      </c>
      <c r="B6332" t="s">
        <v>3963</v>
      </c>
      <c r="C6332" t="s">
        <v>3698</v>
      </c>
      <c r="D6332" t="s">
        <v>3699</v>
      </c>
      <c r="E6332" t="s">
        <v>3660</v>
      </c>
      <c r="F6332" t="s">
        <v>3661</v>
      </c>
      <c r="G6332" t="s">
        <v>80</v>
      </c>
      <c r="H6332" t="s">
        <v>81</v>
      </c>
      <c r="I6332" s="2">
        <v>0</v>
      </c>
      <c r="J6332" s="2">
        <v>1</v>
      </c>
      <c r="K6332" s="2">
        <v>0</v>
      </c>
      <c r="L6332" t="s">
        <v>82</v>
      </c>
      <c r="M6332" t="s">
        <v>89</v>
      </c>
      <c r="N6332" t="s">
        <v>90</v>
      </c>
      <c r="O6332" t="s">
        <v>85</v>
      </c>
      <c r="P6332" t="s">
        <v>86</v>
      </c>
      <c r="Q6332">
        <v>28</v>
      </c>
      <c r="R6332">
        <v>29</v>
      </c>
      <c r="S6332">
        <v>29</v>
      </c>
      <c r="T6332">
        <v>30</v>
      </c>
      <c r="U6332">
        <v>31</v>
      </c>
      <c r="V6332">
        <v>32</v>
      </c>
      <c r="W6332">
        <v>32</v>
      </c>
      <c r="X6332">
        <v>33</v>
      </c>
      <c r="Y6332">
        <v>34</v>
      </c>
      <c r="Z6332">
        <v>34</v>
      </c>
      <c r="AA6332">
        <v>35</v>
      </c>
      <c r="AB6332">
        <v>36</v>
      </c>
      <c r="AC6332">
        <v>36</v>
      </c>
      <c r="AD6332">
        <v>37</v>
      </c>
      <c r="AE6332">
        <v>38</v>
      </c>
      <c r="AF6332">
        <v>38</v>
      </c>
      <c r="AG6332">
        <v>38</v>
      </c>
      <c r="AH6332">
        <v>38</v>
      </c>
      <c r="AI6332">
        <v>38</v>
      </c>
      <c r="AJ6332">
        <v>38</v>
      </c>
      <c r="AK6332">
        <v>38</v>
      </c>
      <c r="AL6332">
        <v>38</v>
      </c>
      <c r="AM6332">
        <v>38</v>
      </c>
      <c r="AN6332">
        <v>39</v>
      </c>
      <c r="AO6332">
        <v>39</v>
      </c>
      <c r="AP6332">
        <v>39</v>
      </c>
      <c r="AQ6332">
        <v>39</v>
      </c>
    </row>
    <row r="6333" spans="1:43">
      <c r="A6333" t="s">
        <v>3962</v>
      </c>
      <c r="B6333" t="s">
        <v>3963</v>
      </c>
      <c r="C6333" t="s">
        <v>3698</v>
      </c>
      <c r="D6333" t="s">
        <v>3699</v>
      </c>
      <c r="E6333" t="s">
        <v>3660</v>
      </c>
      <c r="F6333" t="s">
        <v>3661</v>
      </c>
      <c r="G6333" t="s">
        <v>80</v>
      </c>
      <c r="H6333" t="s">
        <v>81</v>
      </c>
      <c r="I6333" s="2">
        <v>0</v>
      </c>
      <c r="J6333" s="2">
        <v>1</v>
      </c>
      <c r="K6333" s="2">
        <v>0</v>
      </c>
      <c r="L6333" t="s">
        <v>82</v>
      </c>
      <c r="M6333" t="s">
        <v>83</v>
      </c>
      <c r="N6333" t="s">
        <v>91</v>
      </c>
      <c r="O6333" t="s">
        <v>85</v>
      </c>
      <c r="P6333" t="s">
        <v>86</v>
      </c>
      <c r="Q6333">
        <v>28</v>
      </c>
      <c r="R6333">
        <v>29</v>
      </c>
      <c r="S6333">
        <v>30</v>
      </c>
      <c r="T6333">
        <v>30</v>
      </c>
      <c r="U6333">
        <v>31</v>
      </c>
      <c r="V6333">
        <v>31</v>
      </c>
      <c r="W6333">
        <v>32</v>
      </c>
      <c r="X6333">
        <v>32</v>
      </c>
      <c r="Y6333">
        <v>33</v>
      </c>
      <c r="Z6333">
        <v>33</v>
      </c>
      <c r="AA6333">
        <v>34</v>
      </c>
      <c r="AB6333">
        <v>34</v>
      </c>
      <c r="AC6333">
        <v>35</v>
      </c>
      <c r="AD6333">
        <v>35</v>
      </c>
      <c r="AE6333">
        <v>36</v>
      </c>
      <c r="AF6333">
        <v>36</v>
      </c>
      <c r="AG6333">
        <v>37</v>
      </c>
      <c r="AH6333">
        <v>37</v>
      </c>
      <c r="AI6333">
        <v>38</v>
      </c>
      <c r="AJ6333">
        <v>38</v>
      </c>
      <c r="AK6333">
        <v>39</v>
      </c>
      <c r="AL6333">
        <v>39</v>
      </c>
      <c r="AM6333">
        <v>39</v>
      </c>
      <c r="AN6333">
        <v>39</v>
      </c>
      <c r="AO6333">
        <v>39</v>
      </c>
      <c r="AP6333">
        <v>40</v>
      </c>
      <c r="AQ6333">
        <v>40</v>
      </c>
    </row>
    <row r="6334" spans="1:43">
      <c r="A6334" t="s">
        <v>3964</v>
      </c>
      <c r="B6334" t="s">
        <v>3965</v>
      </c>
      <c r="C6334" t="s">
        <v>3966</v>
      </c>
      <c r="D6334" t="s">
        <v>3967</v>
      </c>
      <c r="E6334" t="s">
        <v>3968</v>
      </c>
      <c r="F6334" t="s">
        <v>3969</v>
      </c>
      <c r="G6334" t="s">
        <v>80</v>
      </c>
      <c r="H6334" t="s">
        <v>81</v>
      </c>
      <c r="I6334" s="2">
        <v>0</v>
      </c>
      <c r="J6334" s="2">
        <v>1</v>
      </c>
      <c r="K6334" s="2">
        <v>0</v>
      </c>
      <c r="L6334" t="s">
        <v>82</v>
      </c>
      <c r="M6334" t="s">
        <v>83</v>
      </c>
      <c r="N6334" t="s">
        <v>84</v>
      </c>
      <c r="O6334" t="s">
        <v>85</v>
      </c>
      <c r="P6334" t="s">
        <v>86</v>
      </c>
      <c r="Q6334">
        <v>69</v>
      </c>
      <c r="R6334">
        <v>70</v>
      </c>
      <c r="S6334">
        <v>71</v>
      </c>
      <c r="T6334">
        <v>72</v>
      </c>
      <c r="U6334">
        <v>72</v>
      </c>
      <c r="V6334">
        <v>73</v>
      </c>
      <c r="W6334">
        <v>74</v>
      </c>
      <c r="X6334">
        <v>74</v>
      </c>
      <c r="Y6334">
        <v>75</v>
      </c>
      <c r="Z6334">
        <v>76</v>
      </c>
      <c r="AA6334">
        <v>77</v>
      </c>
      <c r="AB6334">
        <v>77</v>
      </c>
      <c r="AC6334">
        <v>78</v>
      </c>
      <c r="AD6334">
        <v>79</v>
      </c>
      <c r="AE6334">
        <v>79</v>
      </c>
      <c r="AF6334">
        <v>80</v>
      </c>
      <c r="AG6334">
        <v>80</v>
      </c>
      <c r="AH6334">
        <v>81</v>
      </c>
      <c r="AI6334">
        <v>81</v>
      </c>
      <c r="AJ6334">
        <v>82</v>
      </c>
      <c r="AK6334">
        <v>83</v>
      </c>
      <c r="AL6334">
        <v>83</v>
      </c>
      <c r="AM6334">
        <v>82</v>
      </c>
      <c r="AN6334">
        <v>82</v>
      </c>
      <c r="AO6334">
        <v>82</v>
      </c>
      <c r="AP6334">
        <v>81</v>
      </c>
      <c r="AQ6334">
        <v>81</v>
      </c>
    </row>
    <row r="6335" spans="1:43">
      <c r="A6335" t="s">
        <v>3964</v>
      </c>
      <c r="B6335" t="s">
        <v>3965</v>
      </c>
      <c r="C6335" t="s">
        <v>3966</v>
      </c>
      <c r="D6335" t="s">
        <v>3967</v>
      </c>
      <c r="E6335" t="s">
        <v>3968</v>
      </c>
      <c r="F6335" t="s">
        <v>3969</v>
      </c>
      <c r="G6335" t="s">
        <v>80</v>
      </c>
      <c r="H6335" t="s">
        <v>81</v>
      </c>
      <c r="I6335" s="2">
        <v>0</v>
      </c>
      <c r="J6335" s="2">
        <v>1</v>
      </c>
      <c r="K6335" s="2">
        <v>0</v>
      </c>
      <c r="L6335" t="s">
        <v>82</v>
      </c>
      <c r="M6335" t="s">
        <v>87</v>
      </c>
      <c r="N6335" t="s">
        <v>88</v>
      </c>
      <c r="O6335" t="s">
        <v>85</v>
      </c>
      <c r="P6335" t="s">
        <v>86</v>
      </c>
      <c r="Q6335">
        <v>69</v>
      </c>
      <c r="R6335">
        <v>70</v>
      </c>
      <c r="S6335">
        <v>70</v>
      </c>
      <c r="T6335">
        <v>70</v>
      </c>
      <c r="U6335">
        <v>70</v>
      </c>
      <c r="V6335">
        <v>70</v>
      </c>
      <c r="W6335">
        <v>70</v>
      </c>
      <c r="X6335">
        <v>70</v>
      </c>
      <c r="Y6335">
        <v>71</v>
      </c>
      <c r="Z6335">
        <v>71</v>
      </c>
      <c r="AA6335">
        <v>71</v>
      </c>
      <c r="AB6335">
        <v>71</v>
      </c>
      <c r="AC6335">
        <v>71</v>
      </c>
      <c r="AD6335">
        <v>71</v>
      </c>
      <c r="AE6335">
        <v>71</v>
      </c>
      <c r="AF6335">
        <v>71</v>
      </c>
      <c r="AG6335">
        <v>71</v>
      </c>
      <c r="AH6335">
        <v>71</v>
      </c>
      <c r="AI6335">
        <v>71</v>
      </c>
      <c r="AJ6335">
        <v>71</v>
      </c>
      <c r="AK6335">
        <v>71</v>
      </c>
      <c r="AL6335">
        <v>71</v>
      </c>
      <c r="AM6335">
        <v>71</v>
      </c>
      <c r="AN6335">
        <v>71</v>
      </c>
      <c r="AO6335">
        <v>71</v>
      </c>
      <c r="AP6335">
        <v>71</v>
      </c>
      <c r="AQ6335">
        <v>71</v>
      </c>
    </row>
    <row r="6336" spans="1:43">
      <c r="A6336" t="s">
        <v>3964</v>
      </c>
      <c r="B6336" t="s">
        <v>3965</v>
      </c>
      <c r="C6336" t="s">
        <v>3966</v>
      </c>
      <c r="D6336" t="s">
        <v>3967</v>
      </c>
      <c r="E6336" t="s">
        <v>3968</v>
      </c>
      <c r="F6336" t="s">
        <v>3969</v>
      </c>
      <c r="G6336" t="s">
        <v>80</v>
      </c>
      <c r="H6336" t="s">
        <v>81</v>
      </c>
      <c r="I6336" s="2">
        <v>0</v>
      </c>
      <c r="J6336" s="2">
        <v>1</v>
      </c>
      <c r="K6336" s="2">
        <v>0</v>
      </c>
      <c r="L6336" t="s">
        <v>82</v>
      </c>
      <c r="M6336" t="s">
        <v>89</v>
      </c>
      <c r="N6336" t="s">
        <v>90</v>
      </c>
      <c r="O6336" t="s">
        <v>85</v>
      </c>
      <c r="P6336" t="s">
        <v>86</v>
      </c>
      <c r="Q6336">
        <v>69</v>
      </c>
      <c r="R6336">
        <v>70</v>
      </c>
      <c r="S6336">
        <v>72</v>
      </c>
      <c r="T6336">
        <v>73</v>
      </c>
      <c r="U6336">
        <v>74</v>
      </c>
      <c r="V6336">
        <v>75</v>
      </c>
      <c r="W6336">
        <v>77</v>
      </c>
      <c r="X6336">
        <v>78</v>
      </c>
      <c r="Y6336">
        <v>79</v>
      </c>
      <c r="Z6336">
        <v>80</v>
      </c>
      <c r="AA6336">
        <v>81</v>
      </c>
      <c r="AB6336">
        <v>82</v>
      </c>
      <c r="AC6336">
        <v>83</v>
      </c>
      <c r="AD6336">
        <v>84</v>
      </c>
      <c r="AE6336">
        <v>84</v>
      </c>
      <c r="AF6336">
        <v>84</v>
      </c>
      <c r="AG6336">
        <v>84</v>
      </c>
      <c r="AH6336">
        <v>83</v>
      </c>
      <c r="AI6336">
        <v>83</v>
      </c>
      <c r="AJ6336">
        <v>83</v>
      </c>
      <c r="AK6336">
        <v>82</v>
      </c>
      <c r="AL6336">
        <v>82</v>
      </c>
      <c r="AM6336">
        <v>82</v>
      </c>
      <c r="AN6336">
        <v>82</v>
      </c>
      <c r="AO6336">
        <v>81</v>
      </c>
      <c r="AP6336">
        <v>81</v>
      </c>
      <c r="AQ6336">
        <v>81</v>
      </c>
    </row>
    <row r="6337" spans="1:43">
      <c r="A6337" t="s">
        <v>3964</v>
      </c>
      <c r="B6337" t="s">
        <v>3965</v>
      </c>
      <c r="C6337" t="s">
        <v>3966</v>
      </c>
      <c r="D6337" t="s">
        <v>3967</v>
      </c>
      <c r="E6337" t="s">
        <v>3968</v>
      </c>
      <c r="F6337" t="s">
        <v>3969</v>
      </c>
      <c r="G6337" t="s">
        <v>80</v>
      </c>
      <c r="H6337" t="s">
        <v>81</v>
      </c>
      <c r="I6337" s="2">
        <v>0</v>
      </c>
      <c r="J6337" s="2">
        <v>1</v>
      </c>
      <c r="K6337" s="2">
        <v>0</v>
      </c>
      <c r="L6337" t="s">
        <v>82</v>
      </c>
      <c r="M6337" t="s">
        <v>83</v>
      </c>
      <c r="N6337" t="s">
        <v>91</v>
      </c>
      <c r="O6337" t="s">
        <v>85</v>
      </c>
      <c r="P6337" t="s">
        <v>86</v>
      </c>
      <c r="Q6337">
        <v>69</v>
      </c>
      <c r="R6337">
        <v>70</v>
      </c>
      <c r="S6337">
        <v>71</v>
      </c>
      <c r="T6337">
        <v>72</v>
      </c>
      <c r="U6337">
        <v>72</v>
      </c>
      <c r="V6337">
        <v>73</v>
      </c>
      <c r="W6337">
        <v>74</v>
      </c>
      <c r="X6337">
        <v>74</v>
      </c>
      <c r="Y6337">
        <v>75</v>
      </c>
      <c r="Z6337">
        <v>76</v>
      </c>
      <c r="AA6337">
        <v>77</v>
      </c>
      <c r="AB6337">
        <v>77</v>
      </c>
      <c r="AC6337">
        <v>78</v>
      </c>
      <c r="AD6337">
        <v>79</v>
      </c>
      <c r="AE6337">
        <v>79</v>
      </c>
      <c r="AF6337">
        <v>80</v>
      </c>
      <c r="AG6337">
        <v>80</v>
      </c>
      <c r="AH6337">
        <v>81</v>
      </c>
      <c r="AI6337">
        <v>81</v>
      </c>
      <c r="AJ6337">
        <v>82</v>
      </c>
      <c r="AK6337">
        <v>83</v>
      </c>
      <c r="AL6337">
        <v>83</v>
      </c>
      <c r="AM6337">
        <v>82</v>
      </c>
      <c r="AN6337">
        <v>82</v>
      </c>
      <c r="AO6337">
        <v>82</v>
      </c>
      <c r="AP6337">
        <v>81</v>
      </c>
      <c r="AQ6337">
        <v>81</v>
      </c>
    </row>
    <row r="6338" spans="1:43">
      <c r="A6338" t="s">
        <v>3970</v>
      </c>
      <c r="B6338" t="s">
        <v>3971</v>
      </c>
      <c r="C6338" t="s">
        <v>3972</v>
      </c>
      <c r="D6338" t="s">
        <v>3973</v>
      </c>
      <c r="E6338" t="s">
        <v>3968</v>
      </c>
      <c r="F6338" t="s">
        <v>3969</v>
      </c>
      <c r="G6338" t="s">
        <v>80</v>
      </c>
      <c r="H6338" t="s">
        <v>81</v>
      </c>
      <c r="I6338" s="2">
        <v>0</v>
      </c>
      <c r="J6338" s="2">
        <v>1</v>
      </c>
      <c r="K6338" s="2">
        <v>0</v>
      </c>
      <c r="L6338" t="s">
        <v>82</v>
      </c>
      <c r="M6338" t="s">
        <v>83</v>
      </c>
      <c r="N6338" t="s">
        <v>84</v>
      </c>
      <c r="O6338" t="s">
        <v>85</v>
      </c>
      <c r="P6338" t="s">
        <v>86</v>
      </c>
      <c r="Q6338">
        <v>17</v>
      </c>
      <c r="R6338">
        <v>18</v>
      </c>
      <c r="S6338">
        <v>18</v>
      </c>
      <c r="T6338">
        <v>18</v>
      </c>
      <c r="U6338">
        <v>18</v>
      </c>
      <c r="V6338">
        <v>18</v>
      </c>
      <c r="W6338">
        <v>19</v>
      </c>
      <c r="X6338">
        <v>19</v>
      </c>
      <c r="Y6338">
        <v>19</v>
      </c>
      <c r="Z6338">
        <v>19</v>
      </c>
      <c r="AA6338">
        <v>19</v>
      </c>
      <c r="AB6338">
        <v>19</v>
      </c>
      <c r="AC6338">
        <v>20</v>
      </c>
      <c r="AD6338">
        <v>20</v>
      </c>
      <c r="AE6338">
        <v>20</v>
      </c>
      <c r="AF6338">
        <v>20</v>
      </c>
      <c r="AG6338">
        <v>20</v>
      </c>
      <c r="AH6338">
        <v>20</v>
      </c>
      <c r="AI6338">
        <v>21</v>
      </c>
      <c r="AJ6338">
        <v>21</v>
      </c>
      <c r="AK6338">
        <v>21</v>
      </c>
      <c r="AL6338">
        <v>21</v>
      </c>
      <c r="AM6338">
        <v>21</v>
      </c>
      <c r="AN6338">
        <v>21</v>
      </c>
      <c r="AO6338">
        <v>21</v>
      </c>
      <c r="AP6338">
        <v>21</v>
      </c>
      <c r="AQ6338">
        <v>21</v>
      </c>
    </row>
    <row r="6339" spans="1:43">
      <c r="A6339" t="s">
        <v>3970</v>
      </c>
      <c r="B6339" t="s">
        <v>3971</v>
      </c>
      <c r="C6339" t="s">
        <v>3972</v>
      </c>
      <c r="D6339" t="s">
        <v>3973</v>
      </c>
      <c r="E6339" t="s">
        <v>3968</v>
      </c>
      <c r="F6339" t="s">
        <v>3969</v>
      </c>
      <c r="G6339" t="s">
        <v>80</v>
      </c>
      <c r="H6339" t="s">
        <v>81</v>
      </c>
      <c r="I6339" s="2">
        <v>0</v>
      </c>
      <c r="J6339" s="2">
        <v>1</v>
      </c>
      <c r="K6339" s="2">
        <v>0</v>
      </c>
      <c r="L6339" t="s">
        <v>82</v>
      </c>
      <c r="M6339" t="s">
        <v>87</v>
      </c>
      <c r="N6339" t="s">
        <v>88</v>
      </c>
      <c r="O6339" t="s">
        <v>85</v>
      </c>
      <c r="P6339" t="s">
        <v>86</v>
      </c>
      <c r="Q6339">
        <v>17</v>
      </c>
      <c r="R6339">
        <v>17</v>
      </c>
      <c r="S6339">
        <v>17</v>
      </c>
      <c r="T6339">
        <v>17</v>
      </c>
      <c r="U6339">
        <v>17</v>
      </c>
      <c r="V6339">
        <v>17</v>
      </c>
      <c r="W6339">
        <v>17</v>
      </c>
      <c r="X6339">
        <v>17</v>
      </c>
      <c r="Y6339">
        <v>18</v>
      </c>
      <c r="Z6339">
        <v>18</v>
      </c>
      <c r="AA6339">
        <v>18</v>
      </c>
      <c r="AB6339">
        <v>18</v>
      </c>
      <c r="AC6339">
        <v>18</v>
      </c>
      <c r="AD6339">
        <v>18</v>
      </c>
      <c r="AE6339">
        <v>18</v>
      </c>
      <c r="AF6339">
        <v>18</v>
      </c>
      <c r="AG6339">
        <v>18</v>
      </c>
      <c r="AH6339">
        <v>18</v>
      </c>
      <c r="AI6339">
        <v>18</v>
      </c>
      <c r="AJ6339">
        <v>18</v>
      </c>
      <c r="AK6339">
        <v>18</v>
      </c>
      <c r="AL6339">
        <v>18</v>
      </c>
      <c r="AM6339">
        <v>18</v>
      </c>
      <c r="AN6339">
        <v>18</v>
      </c>
      <c r="AO6339">
        <v>18</v>
      </c>
      <c r="AP6339">
        <v>18</v>
      </c>
      <c r="AQ6339">
        <v>18</v>
      </c>
    </row>
    <row r="6340" spans="1:43">
      <c r="A6340" t="s">
        <v>3970</v>
      </c>
      <c r="B6340" t="s">
        <v>3971</v>
      </c>
      <c r="C6340" t="s">
        <v>3972</v>
      </c>
      <c r="D6340" t="s">
        <v>3973</v>
      </c>
      <c r="E6340" t="s">
        <v>3968</v>
      </c>
      <c r="F6340" t="s">
        <v>3969</v>
      </c>
      <c r="G6340" t="s">
        <v>80</v>
      </c>
      <c r="H6340" t="s">
        <v>81</v>
      </c>
      <c r="I6340" s="2">
        <v>0</v>
      </c>
      <c r="J6340" s="2">
        <v>1</v>
      </c>
      <c r="K6340" s="2">
        <v>0</v>
      </c>
      <c r="L6340" t="s">
        <v>82</v>
      </c>
      <c r="M6340" t="s">
        <v>89</v>
      </c>
      <c r="N6340" t="s">
        <v>90</v>
      </c>
      <c r="O6340" t="s">
        <v>85</v>
      </c>
      <c r="P6340" t="s">
        <v>86</v>
      </c>
      <c r="Q6340">
        <v>17</v>
      </c>
      <c r="R6340">
        <v>17</v>
      </c>
      <c r="S6340">
        <v>17</v>
      </c>
      <c r="T6340">
        <v>18</v>
      </c>
      <c r="U6340">
        <v>18</v>
      </c>
      <c r="V6340">
        <v>18</v>
      </c>
      <c r="W6340">
        <v>19</v>
      </c>
      <c r="X6340">
        <v>19</v>
      </c>
      <c r="Y6340">
        <v>19</v>
      </c>
      <c r="Z6340">
        <v>19</v>
      </c>
      <c r="AA6340">
        <v>20</v>
      </c>
      <c r="AB6340">
        <v>20</v>
      </c>
      <c r="AC6340">
        <v>20</v>
      </c>
      <c r="AD6340">
        <v>20</v>
      </c>
      <c r="AE6340">
        <v>20</v>
      </c>
      <c r="AF6340">
        <v>20</v>
      </c>
      <c r="AG6340">
        <v>20</v>
      </c>
      <c r="AH6340">
        <v>20</v>
      </c>
      <c r="AI6340">
        <v>20</v>
      </c>
      <c r="AJ6340">
        <v>20</v>
      </c>
      <c r="AK6340">
        <v>20</v>
      </c>
      <c r="AL6340">
        <v>20</v>
      </c>
      <c r="AM6340">
        <v>20</v>
      </c>
      <c r="AN6340">
        <v>20</v>
      </c>
      <c r="AO6340">
        <v>20</v>
      </c>
      <c r="AP6340">
        <v>20</v>
      </c>
      <c r="AQ6340">
        <v>20</v>
      </c>
    </row>
    <row r="6341" spans="1:43">
      <c r="A6341" t="s">
        <v>3970</v>
      </c>
      <c r="B6341" t="s">
        <v>3971</v>
      </c>
      <c r="C6341" t="s">
        <v>3972</v>
      </c>
      <c r="D6341" t="s">
        <v>3973</v>
      </c>
      <c r="E6341" t="s">
        <v>3968</v>
      </c>
      <c r="F6341" t="s">
        <v>3969</v>
      </c>
      <c r="G6341" t="s">
        <v>80</v>
      </c>
      <c r="H6341" t="s">
        <v>81</v>
      </c>
      <c r="I6341" s="2">
        <v>0</v>
      </c>
      <c r="J6341" s="2">
        <v>1</v>
      </c>
      <c r="K6341" s="2">
        <v>0</v>
      </c>
      <c r="L6341" t="s">
        <v>82</v>
      </c>
      <c r="M6341" t="s">
        <v>83</v>
      </c>
      <c r="N6341" t="s">
        <v>91</v>
      </c>
      <c r="O6341" t="s">
        <v>85</v>
      </c>
      <c r="P6341" t="s">
        <v>86</v>
      </c>
      <c r="Q6341">
        <v>17</v>
      </c>
      <c r="R6341">
        <v>18</v>
      </c>
      <c r="S6341">
        <v>18</v>
      </c>
      <c r="T6341">
        <v>18</v>
      </c>
      <c r="U6341">
        <v>18</v>
      </c>
      <c r="V6341">
        <v>18</v>
      </c>
      <c r="W6341">
        <v>19</v>
      </c>
      <c r="X6341">
        <v>19</v>
      </c>
      <c r="Y6341">
        <v>19</v>
      </c>
      <c r="Z6341">
        <v>19</v>
      </c>
      <c r="AA6341">
        <v>19</v>
      </c>
      <c r="AB6341">
        <v>19</v>
      </c>
      <c r="AC6341">
        <v>20</v>
      </c>
      <c r="AD6341">
        <v>20</v>
      </c>
      <c r="AE6341">
        <v>20</v>
      </c>
      <c r="AF6341">
        <v>20</v>
      </c>
      <c r="AG6341">
        <v>20</v>
      </c>
      <c r="AH6341">
        <v>20</v>
      </c>
      <c r="AI6341">
        <v>21</v>
      </c>
      <c r="AJ6341">
        <v>21</v>
      </c>
      <c r="AK6341">
        <v>21</v>
      </c>
      <c r="AL6341">
        <v>21</v>
      </c>
      <c r="AM6341">
        <v>21</v>
      </c>
      <c r="AN6341">
        <v>21</v>
      </c>
      <c r="AO6341">
        <v>21</v>
      </c>
      <c r="AP6341">
        <v>21</v>
      </c>
      <c r="AQ6341">
        <v>21</v>
      </c>
    </row>
    <row r="6342" spans="1:43">
      <c r="A6342" t="s">
        <v>3974</v>
      </c>
      <c r="B6342" t="s">
        <v>3975</v>
      </c>
      <c r="C6342" t="s">
        <v>3972</v>
      </c>
      <c r="D6342" t="s">
        <v>3973</v>
      </c>
      <c r="E6342" t="s">
        <v>3968</v>
      </c>
      <c r="F6342" t="s">
        <v>3969</v>
      </c>
      <c r="G6342" t="s">
        <v>80</v>
      </c>
      <c r="H6342" t="s">
        <v>81</v>
      </c>
      <c r="I6342" s="2">
        <v>0</v>
      </c>
      <c r="J6342" s="2">
        <v>1</v>
      </c>
      <c r="K6342" s="2">
        <v>0</v>
      </c>
      <c r="L6342" t="s">
        <v>82</v>
      </c>
      <c r="M6342" t="s">
        <v>83</v>
      </c>
      <c r="N6342" t="s">
        <v>84</v>
      </c>
      <c r="O6342" t="s">
        <v>85</v>
      </c>
      <c r="P6342" t="s">
        <v>86</v>
      </c>
      <c r="Q6342">
        <v>59</v>
      </c>
      <c r="R6342">
        <v>60</v>
      </c>
      <c r="S6342">
        <v>60</v>
      </c>
      <c r="T6342">
        <v>61</v>
      </c>
      <c r="U6342">
        <v>62</v>
      </c>
      <c r="V6342">
        <v>62</v>
      </c>
      <c r="W6342">
        <v>63</v>
      </c>
      <c r="X6342">
        <v>63</v>
      </c>
      <c r="Y6342">
        <v>64</v>
      </c>
      <c r="Z6342">
        <v>65</v>
      </c>
      <c r="AA6342">
        <v>65</v>
      </c>
      <c r="AB6342">
        <v>66</v>
      </c>
      <c r="AC6342">
        <v>66</v>
      </c>
      <c r="AD6342">
        <v>67</v>
      </c>
      <c r="AE6342">
        <v>67</v>
      </c>
      <c r="AF6342">
        <v>68</v>
      </c>
      <c r="AG6342">
        <v>68</v>
      </c>
      <c r="AH6342">
        <v>69</v>
      </c>
      <c r="AI6342">
        <v>69</v>
      </c>
      <c r="AJ6342">
        <v>70</v>
      </c>
      <c r="AK6342">
        <v>70</v>
      </c>
      <c r="AL6342">
        <v>70</v>
      </c>
      <c r="AM6342">
        <v>70</v>
      </c>
      <c r="AN6342">
        <v>70</v>
      </c>
      <c r="AO6342">
        <v>70</v>
      </c>
      <c r="AP6342">
        <v>70</v>
      </c>
      <c r="AQ6342">
        <v>69</v>
      </c>
    </row>
    <row r="6343" spans="1:43">
      <c r="A6343" t="s">
        <v>3974</v>
      </c>
      <c r="B6343" t="s">
        <v>3975</v>
      </c>
      <c r="C6343" t="s">
        <v>3972</v>
      </c>
      <c r="D6343" t="s">
        <v>3973</v>
      </c>
      <c r="E6343" t="s">
        <v>3968</v>
      </c>
      <c r="F6343" t="s">
        <v>3969</v>
      </c>
      <c r="G6343" t="s">
        <v>80</v>
      </c>
      <c r="H6343" t="s">
        <v>81</v>
      </c>
      <c r="I6343" s="2">
        <v>0</v>
      </c>
      <c r="J6343" s="2">
        <v>1</v>
      </c>
      <c r="K6343" s="2">
        <v>0</v>
      </c>
      <c r="L6343" t="s">
        <v>82</v>
      </c>
      <c r="M6343" t="s">
        <v>87</v>
      </c>
      <c r="N6343" t="s">
        <v>88</v>
      </c>
      <c r="O6343" t="s">
        <v>85</v>
      </c>
      <c r="P6343" t="s">
        <v>86</v>
      </c>
      <c r="Q6343">
        <v>59</v>
      </c>
      <c r="R6343">
        <v>59</v>
      </c>
      <c r="S6343">
        <v>60</v>
      </c>
      <c r="T6343">
        <v>60</v>
      </c>
      <c r="U6343">
        <v>60</v>
      </c>
      <c r="V6343">
        <v>60</v>
      </c>
      <c r="W6343">
        <v>60</v>
      </c>
      <c r="X6343">
        <v>60</v>
      </c>
      <c r="Y6343">
        <v>60</v>
      </c>
      <c r="Z6343">
        <v>60</v>
      </c>
      <c r="AA6343">
        <v>60</v>
      </c>
      <c r="AB6343">
        <v>61</v>
      </c>
      <c r="AC6343">
        <v>61</v>
      </c>
      <c r="AD6343">
        <v>61</v>
      </c>
      <c r="AE6343">
        <v>61</v>
      </c>
      <c r="AF6343">
        <v>61</v>
      </c>
      <c r="AG6343">
        <v>61</v>
      </c>
      <c r="AH6343">
        <v>61</v>
      </c>
      <c r="AI6343">
        <v>61</v>
      </c>
      <c r="AJ6343">
        <v>61</v>
      </c>
      <c r="AK6343">
        <v>61</v>
      </c>
      <c r="AL6343">
        <v>61</v>
      </c>
      <c r="AM6343">
        <v>61</v>
      </c>
      <c r="AN6343">
        <v>61</v>
      </c>
      <c r="AO6343">
        <v>61</v>
      </c>
      <c r="AP6343">
        <v>61</v>
      </c>
      <c r="AQ6343">
        <v>61</v>
      </c>
    </row>
    <row r="6344" spans="1:43">
      <c r="A6344" t="s">
        <v>3974</v>
      </c>
      <c r="B6344" t="s">
        <v>3975</v>
      </c>
      <c r="C6344" t="s">
        <v>3972</v>
      </c>
      <c r="D6344" t="s">
        <v>3973</v>
      </c>
      <c r="E6344" t="s">
        <v>3968</v>
      </c>
      <c r="F6344" t="s">
        <v>3969</v>
      </c>
      <c r="G6344" t="s">
        <v>80</v>
      </c>
      <c r="H6344" t="s">
        <v>81</v>
      </c>
      <c r="I6344" s="2">
        <v>0</v>
      </c>
      <c r="J6344" s="2">
        <v>1</v>
      </c>
      <c r="K6344" s="2">
        <v>0</v>
      </c>
      <c r="L6344" t="s">
        <v>82</v>
      </c>
      <c r="M6344" t="s">
        <v>89</v>
      </c>
      <c r="N6344" t="s">
        <v>90</v>
      </c>
      <c r="O6344" t="s">
        <v>85</v>
      </c>
      <c r="P6344" t="s">
        <v>86</v>
      </c>
      <c r="Q6344">
        <v>59</v>
      </c>
      <c r="R6344">
        <v>61</v>
      </c>
      <c r="S6344">
        <v>62</v>
      </c>
      <c r="T6344">
        <v>63</v>
      </c>
      <c r="U6344">
        <v>64</v>
      </c>
      <c r="V6344">
        <v>65</v>
      </c>
      <c r="W6344">
        <v>66</v>
      </c>
      <c r="X6344">
        <v>67</v>
      </c>
      <c r="Y6344">
        <v>68</v>
      </c>
      <c r="Z6344">
        <v>69</v>
      </c>
      <c r="AA6344">
        <v>70</v>
      </c>
      <c r="AB6344">
        <v>70</v>
      </c>
      <c r="AC6344">
        <v>71</v>
      </c>
      <c r="AD6344">
        <v>72</v>
      </c>
      <c r="AE6344">
        <v>72</v>
      </c>
      <c r="AF6344">
        <v>72</v>
      </c>
      <c r="AG6344">
        <v>72</v>
      </c>
      <c r="AH6344">
        <v>72</v>
      </c>
      <c r="AI6344">
        <v>72</v>
      </c>
      <c r="AJ6344">
        <v>71</v>
      </c>
      <c r="AK6344">
        <v>71</v>
      </c>
      <c r="AL6344">
        <v>71</v>
      </c>
      <c r="AM6344">
        <v>71</v>
      </c>
      <c r="AN6344">
        <v>71</v>
      </c>
      <c r="AO6344">
        <v>70</v>
      </c>
      <c r="AP6344">
        <v>70</v>
      </c>
      <c r="AQ6344">
        <v>70</v>
      </c>
    </row>
    <row r="6345" spans="1:43">
      <c r="A6345" t="s">
        <v>3974</v>
      </c>
      <c r="B6345" t="s">
        <v>3975</v>
      </c>
      <c r="C6345" t="s">
        <v>3972</v>
      </c>
      <c r="D6345" t="s">
        <v>3973</v>
      </c>
      <c r="E6345" t="s">
        <v>3968</v>
      </c>
      <c r="F6345" t="s">
        <v>3969</v>
      </c>
      <c r="G6345" t="s">
        <v>80</v>
      </c>
      <c r="H6345" t="s">
        <v>81</v>
      </c>
      <c r="I6345" s="2">
        <v>0</v>
      </c>
      <c r="J6345" s="2">
        <v>1</v>
      </c>
      <c r="K6345" s="2">
        <v>0</v>
      </c>
      <c r="L6345" t="s">
        <v>82</v>
      </c>
      <c r="M6345" t="s">
        <v>83</v>
      </c>
      <c r="N6345" t="s">
        <v>91</v>
      </c>
      <c r="O6345" t="s">
        <v>85</v>
      </c>
      <c r="P6345" t="s">
        <v>86</v>
      </c>
      <c r="Q6345">
        <v>59</v>
      </c>
      <c r="R6345">
        <v>60</v>
      </c>
      <c r="S6345">
        <v>60</v>
      </c>
      <c r="T6345">
        <v>61</v>
      </c>
      <c r="U6345">
        <v>62</v>
      </c>
      <c r="V6345">
        <v>62</v>
      </c>
      <c r="W6345">
        <v>63</v>
      </c>
      <c r="X6345">
        <v>63</v>
      </c>
      <c r="Y6345">
        <v>64</v>
      </c>
      <c r="Z6345">
        <v>65</v>
      </c>
      <c r="AA6345">
        <v>65</v>
      </c>
      <c r="AB6345">
        <v>66</v>
      </c>
      <c r="AC6345">
        <v>66</v>
      </c>
      <c r="AD6345">
        <v>67</v>
      </c>
      <c r="AE6345">
        <v>67</v>
      </c>
      <c r="AF6345">
        <v>68</v>
      </c>
      <c r="AG6345">
        <v>68</v>
      </c>
      <c r="AH6345">
        <v>69</v>
      </c>
      <c r="AI6345">
        <v>69</v>
      </c>
      <c r="AJ6345">
        <v>70</v>
      </c>
      <c r="AK6345">
        <v>70</v>
      </c>
      <c r="AL6345">
        <v>70</v>
      </c>
      <c r="AM6345">
        <v>70</v>
      </c>
      <c r="AN6345">
        <v>70</v>
      </c>
      <c r="AO6345">
        <v>70</v>
      </c>
      <c r="AP6345">
        <v>70</v>
      </c>
      <c r="AQ6345">
        <v>69</v>
      </c>
    </row>
    <row r="6346" spans="1:43">
      <c r="A6346" t="s">
        <v>3976</v>
      </c>
      <c r="B6346" t="s">
        <v>3977</v>
      </c>
      <c r="C6346" t="s">
        <v>3972</v>
      </c>
      <c r="D6346" t="s">
        <v>3973</v>
      </c>
      <c r="E6346" t="s">
        <v>3968</v>
      </c>
      <c r="F6346" t="s">
        <v>3969</v>
      </c>
      <c r="G6346" t="s">
        <v>80</v>
      </c>
      <c r="H6346" t="s">
        <v>81</v>
      </c>
      <c r="I6346" s="2">
        <v>0</v>
      </c>
      <c r="J6346" s="2">
        <v>1</v>
      </c>
      <c r="K6346" s="2">
        <v>0</v>
      </c>
      <c r="L6346" t="s">
        <v>82</v>
      </c>
      <c r="M6346" t="s">
        <v>83</v>
      </c>
      <c r="N6346" t="s">
        <v>84</v>
      </c>
      <c r="O6346" t="s">
        <v>85</v>
      </c>
      <c r="P6346" t="s">
        <v>86</v>
      </c>
      <c r="Q6346">
        <v>107</v>
      </c>
      <c r="R6346">
        <v>108</v>
      </c>
      <c r="S6346">
        <v>109</v>
      </c>
      <c r="T6346">
        <v>111</v>
      </c>
      <c r="U6346">
        <v>112</v>
      </c>
      <c r="V6346">
        <v>113</v>
      </c>
      <c r="W6346">
        <v>114</v>
      </c>
      <c r="X6346">
        <v>115</v>
      </c>
      <c r="Y6346">
        <v>116</v>
      </c>
      <c r="Z6346">
        <v>118</v>
      </c>
      <c r="AA6346">
        <v>119</v>
      </c>
      <c r="AB6346">
        <v>120</v>
      </c>
      <c r="AC6346">
        <v>121</v>
      </c>
      <c r="AD6346">
        <v>122</v>
      </c>
      <c r="AE6346">
        <v>123</v>
      </c>
      <c r="AF6346">
        <v>123</v>
      </c>
      <c r="AG6346">
        <v>124</v>
      </c>
      <c r="AH6346">
        <v>125</v>
      </c>
      <c r="AI6346">
        <v>126</v>
      </c>
      <c r="AJ6346">
        <v>127</v>
      </c>
      <c r="AK6346">
        <v>128</v>
      </c>
      <c r="AL6346">
        <v>128</v>
      </c>
      <c r="AM6346">
        <v>127</v>
      </c>
      <c r="AN6346">
        <v>127</v>
      </c>
      <c r="AO6346">
        <v>126</v>
      </c>
      <c r="AP6346">
        <v>126</v>
      </c>
      <c r="AQ6346">
        <v>126</v>
      </c>
    </row>
    <row r="6347" spans="1:43">
      <c r="A6347" t="s">
        <v>3976</v>
      </c>
      <c r="B6347" t="s">
        <v>3977</v>
      </c>
      <c r="C6347" t="s">
        <v>3972</v>
      </c>
      <c r="D6347" t="s">
        <v>3973</v>
      </c>
      <c r="E6347" t="s">
        <v>3968</v>
      </c>
      <c r="F6347" t="s">
        <v>3969</v>
      </c>
      <c r="G6347" t="s">
        <v>80</v>
      </c>
      <c r="H6347" t="s">
        <v>81</v>
      </c>
      <c r="I6347" s="2">
        <v>0</v>
      </c>
      <c r="J6347" s="2">
        <v>1</v>
      </c>
      <c r="K6347" s="2">
        <v>0</v>
      </c>
      <c r="L6347" t="s">
        <v>82</v>
      </c>
      <c r="M6347" t="s">
        <v>87</v>
      </c>
      <c r="N6347" t="s">
        <v>88</v>
      </c>
      <c r="O6347" t="s">
        <v>85</v>
      </c>
      <c r="P6347" t="s">
        <v>86</v>
      </c>
      <c r="Q6347">
        <v>107</v>
      </c>
      <c r="R6347">
        <v>107</v>
      </c>
      <c r="S6347">
        <v>107</v>
      </c>
      <c r="T6347">
        <v>108</v>
      </c>
      <c r="U6347">
        <v>108</v>
      </c>
      <c r="V6347">
        <v>108</v>
      </c>
      <c r="W6347">
        <v>108</v>
      </c>
      <c r="X6347">
        <v>109</v>
      </c>
      <c r="Y6347">
        <v>109</v>
      </c>
      <c r="Z6347">
        <v>109</v>
      </c>
      <c r="AA6347">
        <v>109</v>
      </c>
      <c r="AB6347">
        <v>109</v>
      </c>
      <c r="AC6347">
        <v>109</v>
      </c>
      <c r="AD6347">
        <v>109</v>
      </c>
      <c r="AE6347">
        <v>109</v>
      </c>
      <c r="AF6347">
        <v>109</v>
      </c>
      <c r="AG6347">
        <v>110</v>
      </c>
      <c r="AH6347">
        <v>110</v>
      </c>
      <c r="AI6347">
        <v>110</v>
      </c>
      <c r="AJ6347">
        <v>110</v>
      </c>
      <c r="AK6347">
        <v>110</v>
      </c>
      <c r="AL6347">
        <v>110</v>
      </c>
      <c r="AM6347">
        <v>110</v>
      </c>
      <c r="AN6347">
        <v>110</v>
      </c>
      <c r="AO6347">
        <v>110</v>
      </c>
      <c r="AP6347">
        <v>110</v>
      </c>
      <c r="AQ6347">
        <v>110</v>
      </c>
    </row>
    <row r="6348" spans="1:43">
      <c r="A6348" t="s">
        <v>3976</v>
      </c>
      <c r="B6348" t="s">
        <v>3977</v>
      </c>
      <c r="C6348" t="s">
        <v>3972</v>
      </c>
      <c r="D6348" t="s">
        <v>3973</v>
      </c>
      <c r="E6348" t="s">
        <v>3968</v>
      </c>
      <c r="F6348" t="s">
        <v>3969</v>
      </c>
      <c r="G6348" t="s">
        <v>80</v>
      </c>
      <c r="H6348" t="s">
        <v>81</v>
      </c>
      <c r="I6348" s="2">
        <v>0</v>
      </c>
      <c r="J6348" s="2">
        <v>1</v>
      </c>
      <c r="K6348" s="2">
        <v>0</v>
      </c>
      <c r="L6348" t="s">
        <v>82</v>
      </c>
      <c r="M6348" t="s">
        <v>89</v>
      </c>
      <c r="N6348" t="s">
        <v>90</v>
      </c>
      <c r="O6348" t="s">
        <v>85</v>
      </c>
      <c r="P6348" t="s">
        <v>86</v>
      </c>
      <c r="Q6348">
        <v>107</v>
      </c>
      <c r="R6348">
        <v>109</v>
      </c>
      <c r="S6348">
        <v>111</v>
      </c>
      <c r="T6348">
        <v>113</v>
      </c>
      <c r="U6348">
        <v>115</v>
      </c>
      <c r="V6348">
        <v>117</v>
      </c>
      <c r="W6348">
        <v>119</v>
      </c>
      <c r="X6348">
        <v>121</v>
      </c>
      <c r="Y6348">
        <v>122</v>
      </c>
      <c r="Z6348">
        <v>124</v>
      </c>
      <c r="AA6348">
        <v>126</v>
      </c>
      <c r="AB6348">
        <v>127</v>
      </c>
      <c r="AC6348">
        <v>129</v>
      </c>
      <c r="AD6348">
        <v>130</v>
      </c>
      <c r="AE6348">
        <v>131</v>
      </c>
      <c r="AF6348">
        <v>130</v>
      </c>
      <c r="AG6348">
        <v>130</v>
      </c>
      <c r="AH6348">
        <v>130</v>
      </c>
      <c r="AI6348">
        <v>129</v>
      </c>
      <c r="AJ6348">
        <v>129</v>
      </c>
      <c r="AK6348">
        <v>128</v>
      </c>
      <c r="AL6348">
        <v>128</v>
      </c>
      <c r="AM6348">
        <v>127</v>
      </c>
      <c r="AN6348">
        <v>127</v>
      </c>
      <c r="AO6348">
        <v>127</v>
      </c>
      <c r="AP6348">
        <v>126</v>
      </c>
      <c r="AQ6348">
        <v>126</v>
      </c>
    </row>
    <row r="6349" spans="1:43">
      <c r="A6349" t="s">
        <v>3976</v>
      </c>
      <c r="B6349" t="s">
        <v>3977</v>
      </c>
      <c r="C6349" t="s">
        <v>3972</v>
      </c>
      <c r="D6349" t="s">
        <v>3973</v>
      </c>
      <c r="E6349" t="s">
        <v>3968</v>
      </c>
      <c r="F6349" t="s">
        <v>3969</v>
      </c>
      <c r="G6349" t="s">
        <v>80</v>
      </c>
      <c r="H6349" t="s">
        <v>81</v>
      </c>
      <c r="I6349" s="2">
        <v>0</v>
      </c>
      <c r="J6349" s="2">
        <v>1</v>
      </c>
      <c r="K6349" s="2">
        <v>0</v>
      </c>
      <c r="L6349" t="s">
        <v>82</v>
      </c>
      <c r="M6349" t="s">
        <v>83</v>
      </c>
      <c r="N6349" t="s">
        <v>91</v>
      </c>
      <c r="O6349" t="s">
        <v>85</v>
      </c>
      <c r="P6349" t="s">
        <v>86</v>
      </c>
      <c r="Q6349">
        <v>107</v>
      </c>
      <c r="R6349">
        <v>108</v>
      </c>
      <c r="S6349">
        <v>109</v>
      </c>
      <c r="T6349">
        <v>111</v>
      </c>
      <c r="U6349">
        <v>112</v>
      </c>
      <c r="V6349">
        <v>113</v>
      </c>
      <c r="W6349">
        <v>114</v>
      </c>
      <c r="X6349">
        <v>115</v>
      </c>
      <c r="Y6349">
        <v>116</v>
      </c>
      <c r="Z6349">
        <v>118</v>
      </c>
      <c r="AA6349">
        <v>119</v>
      </c>
      <c r="AB6349">
        <v>120</v>
      </c>
      <c r="AC6349">
        <v>121</v>
      </c>
      <c r="AD6349">
        <v>122</v>
      </c>
      <c r="AE6349">
        <v>123</v>
      </c>
      <c r="AF6349">
        <v>123</v>
      </c>
      <c r="AG6349">
        <v>124</v>
      </c>
      <c r="AH6349">
        <v>125</v>
      </c>
      <c r="AI6349">
        <v>126</v>
      </c>
      <c r="AJ6349">
        <v>127</v>
      </c>
      <c r="AK6349">
        <v>128</v>
      </c>
      <c r="AL6349">
        <v>128</v>
      </c>
      <c r="AM6349">
        <v>127</v>
      </c>
      <c r="AN6349">
        <v>127</v>
      </c>
      <c r="AO6349">
        <v>126</v>
      </c>
      <c r="AP6349">
        <v>126</v>
      </c>
      <c r="AQ6349">
        <v>126</v>
      </c>
    </row>
    <row r="6350" spans="1:43">
      <c r="A6350" t="s">
        <v>3978</v>
      </c>
      <c r="B6350" t="s">
        <v>3979</v>
      </c>
      <c r="C6350" t="s">
        <v>3966</v>
      </c>
      <c r="D6350" t="s">
        <v>3967</v>
      </c>
      <c r="E6350" t="s">
        <v>3968</v>
      </c>
      <c r="F6350" t="s">
        <v>3969</v>
      </c>
      <c r="G6350" t="s">
        <v>80</v>
      </c>
      <c r="H6350" t="s">
        <v>81</v>
      </c>
      <c r="I6350" s="2">
        <v>0</v>
      </c>
      <c r="J6350" s="2">
        <v>1</v>
      </c>
      <c r="K6350" s="2">
        <v>0</v>
      </c>
      <c r="L6350" t="s">
        <v>82</v>
      </c>
      <c r="M6350" t="s">
        <v>83</v>
      </c>
      <c r="N6350" t="s">
        <v>84</v>
      </c>
      <c r="O6350" t="s">
        <v>85</v>
      </c>
      <c r="P6350" t="s">
        <v>86</v>
      </c>
      <c r="Q6350">
        <v>119</v>
      </c>
      <c r="R6350">
        <v>120</v>
      </c>
      <c r="S6350">
        <v>121</v>
      </c>
      <c r="T6350">
        <v>122</v>
      </c>
      <c r="U6350">
        <v>123</v>
      </c>
      <c r="V6350">
        <v>125</v>
      </c>
      <c r="W6350">
        <v>126</v>
      </c>
      <c r="X6350">
        <v>127</v>
      </c>
      <c r="Y6350">
        <v>128</v>
      </c>
      <c r="Z6350">
        <v>129</v>
      </c>
      <c r="AA6350">
        <v>130</v>
      </c>
      <c r="AB6350">
        <v>131</v>
      </c>
      <c r="AC6350">
        <v>132</v>
      </c>
      <c r="AD6350">
        <v>133</v>
      </c>
      <c r="AE6350">
        <v>133</v>
      </c>
      <c r="AF6350">
        <v>134</v>
      </c>
      <c r="AG6350">
        <v>135</v>
      </c>
      <c r="AH6350">
        <v>136</v>
      </c>
      <c r="AI6350">
        <v>136</v>
      </c>
      <c r="AJ6350">
        <v>137</v>
      </c>
      <c r="AK6350">
        <v>138</v>
      </c>
      <c r="AL6350">
        <v>138</v>
      </c>
      <c r="AM6350">
        <v>137</v>
      </c>
      <c r="AN6350">
        <v>136</v>
      </c>
      <c r="AO6350">
        <v>135</v>
      </c>
      <c r="AP6350">
        <v>135</v>
      </c>
      <c r="AQ6350">
        <v>134</v>
      </c>
    </row>
    <row r="6351" spans="1:43">
      <c r="A6351" t="s">
        <v>3978</v>
      </c>
      <c r="B6351" t="s">
        <v>3979</v>
      </c>
      <c r="C6351" t="s">
        <v>3966</v>
      </c>
      <c r="D6351" t="s">
        <v>3967</v>
      </c>
      <c r="E6351" t="s">
        <v>3968</v>
      </c>
      <c r="F6351" t="s">
        <v>3969</v>
      </c>
      <c r="G6351" t="s">
        <v>80</v>
      </c>
      <c r="H6351" t="s">
        <v>81</v>
      </c>
      <c r="I6351" s="2">
        <v>0</v>
      </c>
      <c r="J6351" s="2">
        <v>1</v>
      </c>
      <c r="K6351" s="2">
        <v>0</v>
      </c>
      <c r="L6351" t="s">
        <v>82</v>
      </c>
      <c r="M6351" t="s">
        <v>87</v>
      </c>
      <c r="N6351" t="s">
        <v>88</v>
      </c>
      <c r="O6351" t="s">
        <v>85</v>
      </c>
      <c r="P6351" t="s">
        <v>86</v>
      </c>
      <c r="Q6351">
        <v>119</v>
      </c>
      <c r="R6351">
        <v>120</v>
      </c>
      <c r="S6351">
        <v>120</v>
      </c>
      <c r="T6351">
        <v>120</v>
      </c>
      <c r="U6351">
        <v>120</v>
      </c>
      <c r="V6351">
        <v>120</v>
      </c>
      <c r="W6351">
        <v>120</v>
      </c>
      <c r="X6351">
        <v>120</v>
      </c>
      <c r="Y6351">
        <v>120</v>
      </c>
      <c r="Z6351">
        <v>120</v>
      </c>
      <c r="AA6351">
        <v>120</v>
      </c>
      <c r="AB6351">
        <v>120</v>
      </c>
      <c r="AC6351">
        <v>120</v>
      </c>
      <c r="AD6351">
        <v>120</v>
      </c>
      <c r="AE6351">
        <v>120</v>
      </c>
      <c r="AF6351">
        <v>120</v>
      </c>
      <c r="AG6351">
        <v>120</v>
      </c>
      <c r="AH6351">
        <v>120</v>
      </c>
      <c r="AI6351">
        <v>119</v>
      </c>
      <c r="AJ6351">
        <v>119</v>
      </c>
      <c r="AK6351">
        <v>119</v>
      </c>
      <c r="AL6351">
        <v>119</v>
      </c>
      <c r="AM6351">
        <v>119</v>
      </c>
      <c r="AN6351">
        <v>118</v>
      </c>
      <c r="AO6351">
        <v>118</v>
      </c>
      <c r="AP6351">
        <v>118</v>
      </c>
      <c r="AQ6351">
        <v>118</v>
      </c>
    </row>
    <row r="6352" spans="1:43">
      <c r="A6352" t="s">
        <v>3978</v>
      </c>
      <c r="B6352" t="s">
        <v>3979</v>
      </c>
      <c r="C6352" t="s">
        <v>3966</v>
      </c>
      <c r="D6352" t="s">
        <v>3967</v>
      </c>
      <c r="E6352" t="s">
        <v>3968</v>
      </c>
      <c r="F6352" t="s">
        <v>3969</v>
      </c>
      <c r="G6352" t="s">
        <v>80</v>
      </c>
      <c r="H6352" t="s">
        <v>81</v>
      </c>
      <c r="I6352" s="2">
        <v>0</v>
      </c>
      <c r="J6352" s="2">
        <v>1</v>
      </c>
      <c r="K6352" s="2">
        <v>0</v>
      </c>
      <c r="L6352" t="s">
        <v>82</v>
      </c>
      <c r="M6352" t="s">
        <v>89</v>
      </c>
      <c r="N6352" t="s">
        <v>90</v>
      </c>
      <c r="O6352" t="s">
        <v>85</v>
      </c>
      <c r="P6352" t="s">
        <v>86</v>
      </c>
      <c r="Q6352">
        <v>119</v>
      </c>
      <c r="R6352">
        <v>121</v>
      </c>
      <c r="S6352">
        <v>123</v>
      </c>
      <c r="T6352">
        <v>125</v>
      </c>
      <c r="U6352">
        <v>127</v>
      </c>
      <c r="V6352">
        <v>129</v>
      </c>
      <c r="W6352">
        <v>131</v>
      </c>
      <c r="X6352">
        <v>133</v>
      </c>
      <c r="Y6352">
        <v>134</v>
      </c>
      <c r="Z6352">
        <v>136</v>
      </c>
      <c r="AA6352">
        <v>137</v>
      </c>
      <c r="AB6352">
        <v>139</v>
      </c>
      <c r="AC6352">
        <v>140</v>
      </c>
      <c r="AD6352">
        <v>142</v>
      </c>
      <c r="AE6352">
        <v>142</v>
      </c>
      <c r="AF6352">
        <v>142</v>
      </c>
      <c r="AG6352">
        <v>141</v>
      </c>
      <c r="AH6352">
        <v>140</v>
      </c>
      <c r="AI6352">
        <v>140</v>
      </c>
      <c r="AJ6352">
        <v>139</v>
      </c>
      <c r="AK6352">
        <v>138</v>
      </c>
      <c r="AL6352">
        <v>137</v>
      </c>
      <c r="AM6352">
        <v>137</v>
      </c>
      <c r="AN6352">
        <v>136</v>
      </c>
      <c r="AO6352">
        <v>135</v>
      </c>
      <c r="AP6352">
        <v>134</v>
      </c>
      <c r="AQ6352">
        <v>133</v>
      </c>
    </row>
    <row r="6353" spans="1:43">
      <c r="A6353" t="s">
        <v>3978</v>
      </c>
      <c r="B6353" t="s">
        <v>3979</v>
      </c>
      <c r="C6353" t="s">
        <v>3966</v>
      </c>
      <c r="D6353" t="s">
        <v>3967</v>
      </c>
      <c r="E6353" t="s">
        <v>3968</v>
      </c>
      <c r="F6353" t="s">
        <v>3969</v>
      </c>
      <c r="G6353" t="s">
        <v>80</v>
      </c>
      <c r="H6353" t="s">
        <v>81</v>
      </c>
      <c r="I6353" s="2">
        <v>0</v>
      </c>
      <c r="J6353" s="2">
        <v>1</v>
      </c>
      <c r="K6353" s="2">
        <v>0</v>
      </c>
      <c r="L6353" t="s">
        <v>82</v>
      </c>
      <c r="M6353" t="s">
        <v>83</v>
      </c>
      <c r="N6353" t="s">
        <v>91</v>
      </c>
      <c r="O6353" t="s">
        <v>85</v>
      </c>
      <c r="P6353" t="s">
        <v>86</v>
      </c>
      <c r="Q6353">
        <v>119</v>
      </c>
      <c r="R6353">
        <v>120</v>
      </c>
      <c r="S6353">
        <v>121</v>
      </c>
      <c r="T6353">
        <v>122</v>
      </c>
      <c r="U6353">
        <v>123</v>
      </c>
      <c r="V6353">
        <v>125</v>
      </c>
      <c r="W6353">
        <v>126</v>
      </c>
      <c r="X6353">
        <v>127</v>
      </c>
      <c r="Y6353">
        <v>128</v>
      </c>
      <c r="Z6353">
        <v>129</v>
      </c>
      <c r="AA6353">
        <v>130</v>
      </c>
      <c r="AB6353">
        <v>131</v>
      </c>
      <c r="AC6353">
        <v>132</v>
      </c>
      <c r="AD6353">
        <v>133</v>
      </c>
      <c r="AE6353">
        <v>133</v>
      </c>
      <c r="AF6353">
        <v>134</v>
      </c>
      <c r="AG6353">
        <v>135</v>
      </c>
      <c r="AH6353">
        <v>136</v>
      </c>
      <c r="AI6353">
        <v>136</v>
      </c>
      <c r="AJ6353">
        <v>137</v>
      </c>
      <c r="AK6353">
        <v>138</v>
      </c>
      <c r="AL6353">
        <v>138</v>
      </c>
      <c r="AM6353">
        <v>137</v>
      </c>
      <c r="AN6353">
        <v>136</v>
      </c>
      <c r="AO6353">
        <v>135</v>
      </c>
      <c r="AP6353">
        <v>135</v>
      </c>
      <c r="AQ6353">
        <v>134</v>
      </c>
    </row>
    <row r="6354" spans="1:43">
      <c r="A6354" t="s">
        <v>3980</v>
      </c>
      <c r="B6354" t="s">
        <v>3981</v>
      </c>
      <c r="C6354" t="s">
        <v>3966</v>
      </c>
      <c r="D6354" t="s">
        <v>3967</v>
      </c>
      <c r="E6354" t="s">
        <v>3968</v>
      </c>
      <c r="F6354" t="s">
        <v>3969</v>
      </c>
      <c r="G6354" t="s">
        <v>80</v>
      </c>
      <c r="H6354" t="s">
        <v>81</v>
      </c>
      <c r="I6354" s="2">
        <v>0</v>
      </c>
      <c r="J6354" s="2">
        <v>1</v>
      </c>
      <c r="K6354" s="2">
        <v>0</v>
      </c>
      <c r="L6354" t="s">
        <v>82</v>
      </c>
      <c r="M6354" t="s">
        <v>83</v>
      </c>
      <c r="N6354" t="s">
        <v>84</v>
      </c>
      <c r="O6354" t="s">
        <v>85</v>
      </c>
      <c r="P6354" t="s">
        <v>86</v>
      </c>
      <c r="Q6354">
        <v>114</v>
      </c>
      <c r="R6354">
        <v>115</v>
      </c>
      <c r="S6354">
        <v>117</v>
      </c>
      <c r="T6354">
        <v>118</v>
      </c>
      <c r="U6354">
        <v>119</v>
      </c>
      <c r="V6354">
        <v>121</v>
      </c>
      <c r="W6354">
        <v>122</v>
      </c>
      <c r="X6354">
        <v>123</v>
      </c>
      <c r="Y6354">
        <v>124</v>
      </c>
      <c r="Z6354">
        <v>125</v>
      </c>
      <c r="AA6354">
        <v>127</v>
      </c>
      <c r="AB6354">
        <v>128</v>
      </c>
      <c r="AC6354">
        <v>129</v>
      </c>
      <c r="AD6354">
        <v>130</v>
      </c>
      <c r="AE6354">
        <v>131</v>
      </c>
      <c r="AF6354">
        <v>132</v>
      </c>
      <c r="AG6354">
        <v>133</v>
      </c>
      <c r="AH6354">
        <v>134</v>
      </c>
      <c r="AI6354">
        <v>135</v>
      </c>
      <c r="AJ6354">
        <v>136</v>
      </c>
      <c r="AK6354">
        <v>136</v>
      </c>
      <c r="AL6354">
        <v>136</v>
      </c>
      <c r="AM6354">
        <v>136</v>
      </c>
      <c r="AN6354">
        <v>136</v>
      </c>
      <c r="AO6354">
        <v>135</v>
      </c>
      <c r="AP6354">
        <v>135</v>
      </c>
      <c r="AQ6354">
        <v>134</v>
      </c>
    </row>
    <row r="6355" spans="1:43">
      <c r="A6355" t="s">
        <v>3980</v>
      </c>
      <c r="B6355" t="s">
        <v>3981</v>
      </c>
      <c r="C6355" t="s">
        <v>3966</v>
      </c>
      <c r="D6355" t="s">
        <v>3967</v>
      </c>
      <c r="E6355" t="s">
        <v>3968</v>
      </c>
      <c r="F6355" t="s">
        <v>3969</v>
      </c>
      <c r="G6355" t="s">
        <v>80</v>
      </c>
      <c r="H6355" t="s">
        <v>81</v>
      </c>
      <c r="I6355" s="2">
        <v>0</v>
      </c>
      <c r="J6355" s="2">
        <v>1</v>
      </c>
      <c r="K6355" s="2">
        <v>0</v>
      </c>
      <c r="L6355" t="s">
        <v>82</v>
      </c>
      <c r="M6355" t="s">
        <v>87</v>
      </c>
      <c r="N6355" t="s">
        <v>88</v>
      </c>
      <c r="O6355" t="s">
        <v>85</v>
      </c>
      <c r="P6355" t="s">
        <v>86</v>
      </c>
      <c r="Q6355">
        <v>114</v>
      </c>
      <c r="R6355">
        <v>114</v>
      </c>
      <c r="S6355">
        <v>115</v>
      </c>
      <c r="T6355">
        <v>115</v>
      </c>
      <c r="U6355">
        <v>115</v>
      </c>
      <c r="V6355">
        <v>115</v>
      </c>
      <c r="W6355">
        <v>116</v>
      </c>
      <c r="X6355">
        <v>116</v>
      </c>
      <c r="Y6355">
        <v>116</v>
      </c>
      <c r="Z6355">
        <v>116</v>
      </c>
      <c r="AA6355">
        <v>116</v>
      </c>
      <c r="AB6355">
        <v>116</v>
      </c>
      <c r="AC6355">
        <v>117</v>
      </c>
      <c r="AD6355">
        <v>117</v>
      </c>
      <c r="AE6355">
        <v>117</v>
      </c>
      <c r="AF6355">
        <v>117</v>
      </c>
      <c r="AG6355">
        <v>117</v>
      </c>
      <c r="AH6355">
        <v>117</v>
      </c>
      <c r="AI6355">
        <v>117</v>
      </c>
      <c r="AJ6355">
        <v>117</v>
      </c>
      <c r="AK6355">
        <v>117</v>
      </c>
      <c r="AL6355">
        <v>117</v>
      </c>
      <c r="AM6355">
        <v>117</v>
      </c>
      <c r="AN6355">
        <v>117</v>
      </c>
      <c r="AO6355">
        <v>117</v>
      </c>
      <c r="AP6355">
        <v>117</v>
      </c>
      <c r="AQ6355">
        <v>117</v>
      </c>
    </row>
    <row r="6356" spans="1:43">
      <c r="A6356" t="s">
        <v>3980</v>
      </c>
      <c r="B6356" t="s">
        <v>3981</v>
      </c>
      <c r="C6356" t="s">
        <v>3966</v>
      </c>
      <c r="D6356" t="s">
        <v>3967</v>
      </c>
      <c r="E6356" t="s">
        <v>3968</v>
      </c>
      <c r="F6356" t="s">
        <v>3969</v>
      </c>
      <c r="G6356" t="s">
        <v>80</v>
      </c>
      <c r="H6356" t="s">
        <v>81</v>
      </c>
      <c r="I6356" s="2">
        <v>0</v>
      </c>
      <c r="J6356" s="2">
        <v>1</v>
      </c>
      <c r="K6356" s="2">
        <v>0</v>
      </c>
      <c r="L6356" t="s">
        <v>82</v>
      </c>
      <c r="M6356" t="s">
        <v>89</v>
      </c>
      <c r="N6356" t="s">
        <v>90</v>
      </c>
      <c r="O6356" t="s">
        <v>85</v>
      </c>
      <c r="P6356" t="s">
        <v>86</v>
      </c>
      <c r="Q6356">
        <v>114</v>
      </c>
      <c r="R6356">
        <v>117</v>
      </c>
      <c r="S6356">
        <v>119</v>
      </c>
      <c r="T6356">
        <v>121</v>
      </c>
      <c r="U6356">
        <v>123</v>
      </c>
      <c r="V6356">
        <v>125</v>
      </c>
      <c r="W6356">
        <v>127</v>
      </c>
      <c r="X6356">
        <v>129</v>
      </c>
      <c r="Y6356">
        <v>131</v>
      </c>
      <c r="Z6356">
        <v>132</v>
      </c>
      <c r="AA6356">
        <v>134</v>
      </c>
      <c r="AB6356">
        <v>135</v>
      </c>
      <c r="AC6356">
        <v>137</v>
      </c>
      <c r="AD6356">
        <v>139</v>
      </c>
      <c r="AE6356">
        <v>139</v>
      </c>
      <c r="AF6356">
        <v>139</v>
      </c>
      <c r="AG6356">
        <v>139</v>
      </c>
      <c r="AH6356">
        <v>138</v>
      </c>
      <c r="AI6356">
        <v>138</v>
      </c>
      <c r="AJ6356">
        <v>138</v>
      </c>
      <c r="AK6356">
        <v>137</v>
      </c>
      <c r="AL6356">
        <v>137</v>
      </c>
      <c r="AM6356">
        <v>136</v>
      </c>
      <c r="AN6356">
        <v>136</v>
      </c>
      <c r="AO6356">
        <v>135</v>
      </c>
      <c r="AP6356">
        <v>135</v>
      </c>
      <c r="AQ6356">
        <v>134</v>
      </c>
    </row>
    <row r="6357" spans="1:43">
      <c r="A6357" t="s">
        <v>3980</v>
      </c>
      <c r="B6357" t="s">
        <v>3981</v>
      </c>
      <c r="C6357" t="s">
        <v>3966</v>
      </c>
      <c r="D6357" t="s">
        <v>3967</v>
      </c>
      <c r="E6357" t="s">
        <v>3968</v>
      </c>
      <c r="F6357" t="s">
        <v>3969</v>
      </c>
      <c r="G6357" t="s">
        <v>80</v>
      </c>
      <c r="H6357" t="s">
        <v>81</v>
      </c>
      <c r="I6357" s="2">
        <v>0</v>
      </c>
      <c r="J6357" s="2">
        <v>1</v>
      </c>
      <c r="K6357" s="2">
        <v>0</v>
      </c>
      <c r="L6357" t="s">
        <v>82</v>
      </c>
      <c r="M6357" t="s">
        <v>83</v>
      </c>
      <c r="N6357" t="s">
        <v>91</v>
      </c>
      <c r="O6357" t="s">
        <v>85</v>
      </c>
      <c r="P6357" t="s">
        <v>86</v>
      </c>
      <c r="Q6357">
        <v>114</v>
      </c>
      <c r="R6357">
        <v>115</v>
      </c>
      <c r="S6357">
        <v>117</v>
      </c>
      <c r="T6357">
        <v>118</v>
      </c>
      <c r="U6357">
        <v>119</v>
      </c>
      <c r="V6357">
        <v>121</v>
      </c>
      <c r="W6357">
        <v>122</v>
      </c>
      <c r="X6357">
        <v>123</v>
      </c>
      <c r="Y6357">
        <v>124</v>
      </c>
      <c r="Z6357">
        <v>125</v>
      </c>
      <c r="AA6357">
        <v>127</v>
      </c>
      <c r="AB6357">
        <v>128</v>
      </c>
      <c r="AC6357">
        <v>129</v>
      </c>
      <c r="AD6357">
        <v>130</v>
      </c>
      <c r="AE6357">
        <v>131</v>
      </c>
      <c r="AF6357">
        <v>132</v>
      </c>
      <c r="AG6357">
        <v>133</v>
      </c>
      <c r="AH6357">
        <v>134</v>
      </c>
      <c r="AI6357">
        <v>135</v>
      </c>
      <c r="AJ6357">
        <v>136</v>
      </c>
      <c r="AK6357">
        <v>136</v>
      </c>
      <c r="AL6357">
        <v>136</v>
      </c>
      <c r="AM6357">
        <v>136</v>
      </c>
      <c r="AN6357">
        <v>136</v>
      </c>
      <c r="AO6357">
        <v>135</v>
      </c>
      <c r="AP6357">
        <v>135</v>
      </c>
      <c r="AQ6357">
        <v>134</v>
      </c>
    </row>
    <row r="6358" spans="1:43">
      <c r="A6358" t="s">
        <v>3982</v>
      </c>
      <c r="B6358" t="s">
        <v>3983</v>
      </c>
      <c r="C6358" t="s">
        <v>3972</v>
      </c>
      <c r="D6358" t="s">
        <v>3973</v>
      </c>
      <c r="E6358" t="s">
        <v>3968</v>
      </c>
      <c r="F6358" t="s">
        <v>3969</v>
      </c>
      <c r="G6358" t="s">
        <v>80</v>
      </c>
      <c r="H6358" t="s">
        <v>81</v>
      </c>
      <c r="I6358" s="2">
        <v>0</v>
      </c>
      <c r="J6358" s="2">
        <v>1</v>
      </c>
      <c r="K6358" s="2">
        <v>0</v>
      </c>
      <c r="L6358" t="s">
        <v>82</v>
      </c>
      <c r="M6358" t="s">
        <v>83</v>
      </c>
      <c r="N6358" t="s">
        <v>84</v>
      </c>
      <c r="O6358" t="s">
        <v>85</v>
      </c>
      <c r="P6358" t="s">
        <v>86</v>
      </c>
      <c r="Q6358">
        <v>131</v>
      </c>
      <c r="R6358">
        <v>133</v>
      </c>
      <c r="S6358">
        <v>135</v>
      </c>
      <c r="T6358">
        <v>136</v>
      </c>
      <c r="U6358">
        <v>138</v>
      </c>
      <c r="V6358">
        <v>140</v>
      </c>
      <c r="W6358">
        <v>141</v>
      </c>
      <c r="X6358">
        <v>143</v>
      </c>
      <c r="Y6358">
        <v>144</v>
      </c>
      <c r="Z6358">
        <v>146</v>
      </c>
      <c r="AA6358">
        <v>148</v>
      </c>
      <c r="AB6358">
        <v>149</v>
      </c>
      <c r="AC6358">
        <v>150</v>
      </c>
      <c r="AD6358">
        <v>152</v>
      </c>
      <c r="AE6358">
        <v>153</v>
      </c>
      <c r="AF6358">
        <v>155</v>
      </c>
      <c r="AG6358">
        <v>156</v>
      </c>
      <c r="AH6358">
        <v>157</v>
      </c>
      <c r="AI6358">
        <v>159</v>
      </c>
      <c r="AJ6358">
        <v>160</v>
      </c>
      <c r="AK6358">
        <v>161</v>
      </c>
      <c r="AL6358">
        <v>162</v>
      </c>
      <c r="AM6358">
        <v>161</v>
      </c>
      <c r="AN6358">
        <v>161</v>
      </c>
      <c r="AO6358">
        <v>161</v>
      </c>
      <c r="AP6358">
        <v>161</v>
      </c>
      <c r="AQ6358">
        <v>161</v>
      </c>
    </row>
    <row r="6359" spans="1:43">
      <c r="A6359" t="s">
        <v>3982</v>
      </c>
      <c r="B6359" t="s">
        <v>3983</v>
      </c>
      <c r="C6359" t="s">
        <v>3972</v>
      </c>
      <c r="D6359" t="s">
        <v>3973</v>
      </c>
      <c r="E6359" t="s">
        <v>3968</v>
      </c>
      <c r="F6359" t="s">
        <v>3969</v>
      </c>
      <c r="G6359" t="s">
        <v>80</v>
      </c>
      <c r="H6359" t="s">
        <v>81</v>
      </c>
      <c r="I6359" s="2">
        <v>0</v>
      </c>
      <c r="J6359" s="2">
        <v>1</v>
      </c>
      <c r="K6359" s="2">
        <v>0</v>
      </c>
      <c r="L6359" t="s">
        <v>82</v>
      </c>
      <c r="M6359" t="s">
        <v>87</v>
      </c>
      <c r="N6359" t="s">
        <v>88</v>
      </c>
      <c r="O6359" t="s">
        <v>85</v>
      </c>
      <c r="P6359" t="s">
        <v>86</v>
      </c>
      <c r="Q6359">
        <v>131</v>
      </c>
      <c r="R6359">
        <v>132</v>
      </c>
      <c r="S6359">
        <v>132</v>
      </c>
      <c r="T6359">
        <v>133</v>
      </c>
      <c r="U6359">
        <v>133</v>
      </c>
      <c r="V6359">
        <v>133</v>
      </c>
      <c r="W6359">
        <v>134</v>
      </c>
      <c r="X6359">
        <v>134</v>
      </c>
      <c r="Y6359">
        <v>135</v>
      </c>
      <c r="Z6359">
        <v>135</v>
      </c>
      <c r="AA6359">
        <v>135</v>
      </c>
      <c r="AB6359">
        <v>136</v>
      </c>
      <c r="AC6359">
        <v>136</v>
      </c>
      <c r="AD6359">
        <v>136</v>
      </c>
      <c r="AE6359">
        <v>137</v>
      </c>
      <c r="AF6359">
        <v>137</v>
      </c>
      <c r="AG6359">
        <v>137</v>
      </c>
      <c r="AH6359">
        <v>137</v>
      </c>
      <c r="AI6359">
        <v>138</v>
      </c>
      <c r="AJ6359">
        <v>138</v>
      </c>
      <c r="AK6359">
        <v>138</v>
      </c>
      <c r="AL6359">
        <v>138</v>
      </c>
      <c r="AM6359">
        <v>139</v>
      </c>
      <c r="AN6359">
        <v>139</v>
      </c>
      <c r="AO6359">
        <v>139</v>
      </c>
      <c r="AP6359">
        <v>139</v>
      </c>
      <c r="AQ6359">
        <v>139</v>
      </c>
    </row>
    <row r="6360" spans="1:43">
      <c r="A6360" t="s">
        <v>3982</v>
      </c>
      <c r="B6360" t="s">
        <v>3983</v>
      </c>
      <c r="C6360" t="s">
        <v>3972</v>
      </c>
      <c r="D6360" t="s">
        <v>3973</v>
      </c>
      <c r="E6360" t="s">
        <v>3968</v>
      </c>
      <c r="F6360" t="s">
        <v>3969</v>
      </c>
      <c r="G6360" t="s">
        <v>80</v>
      </c>
      <c r="H6360" t="s">
        <v>81</v>
      </c>
      <c r="I6360" s="2">
        <v>0</v>
      </c>
      <c r="J6360" s="2">
        <v>1</v>
      </c>
      <c r="K6360" s="2">
        <v>0</v>
      </c>
      <c r="L6360" t="s">
        <v>82</v>
      </c>
      <c r="M6360" t="s">
        <v>89</v>
      </c>
      <c r="N6360" t="s">
        <v>90</v>
      </c>
      <c r="O6360" t="s">
        <v>85</v>
      </c>
      <c r="P6360" t="s">
        <v>86</v>
      </c>
      <c r="Q6360">
        <v>131</v>
      </c>
      <c r="R6360">
        <v>133</v>
      </c>
      <c r="S6360">
        <v>136</v>
      </c>
      <c r="T6360">
        <v>139</v>
      </c>
      <c r="U6360">
        <v>142</v>
      </c>
      <c r="V6360">
        <v>144</v>
      </c>
      <c r="W6360">
        <v>147</v>
      </c>
      <c r="X6360">
        <v>149</v>
      </c>
      <c r="Y6360">
        <v>151</v>
      </c>
      <c r="Z6360">
        <v>153</v>
      </c>
      <c r="AA6360">
        <v>155</v>
      </c>
      <c r="AB6360">
        <v>157</v>
      </c>
      <c r="AC6360">
        <v>159</v>
      </c>
      <c r="AD6360">
        <v>161</v>
      </c>
      <c r="AE6360">
        <v>162</v>
      </c>
      <c r="AF6360">
        <v>162</v>
      </c>
      <c r="AG6360">
        <v>162</v>
      </c>
      <c r="AH6360">
        <v>162</v>
      </c>
      <c r="AI6360">
        <v>162</v>
      </c>
      <c r="AJ6360">
        <v>162</v>
      </c>
      <c r="AK6360">
        <v>162</v>
      </c>
      <c r="AL6360">
        <v>162</v>
      </c>
      <c r="AM6360">
        <v>162</v>
      </c>
      <c r="AN6360">
        <v>162</v>
      </c>
      <c r="AO6360">
        <v>162</v>
      </c>
      <c r="AP6360">
        <v>161</v>
      </c>
      <c r="AQ6360">
        <v>161</v>
      </c>
    </row>
    <row r="6361" spans="1:43">
      <c r="A6361" t="s">
        <v>3982</v>
      </c>
      <c r="B6361" t="s">
        <v>3983</v>
      </c>
      <c r="C6361" t="s">
        <v>3972</v>
      </c>
      <c r="D6361" t="s">
        <v>3973</v>
      </c>
      <c r="E6361" t="s">
        <v>3968</v>
      </c>
      <c r="F6361" t="s">
        <v>3969</v>
      </c>
      <c r="G6361" t="s">
        <v>80</v>
      </c>
      <c r="H6361" t="s">
        <v>81</v>
      </c>
      <c r="I6361" s="2">
        <v>0</v>
      </c>
      <c r="J6361" s="2">
        <v>1</v>
      </c>
      <c r="K6361" s="2">
        <v>0</v>
      </c>
      <c r="L6361" t="s">
        <v>82</v>
      </c>
      <c r="M6361" t="s">
        <v>83</v>
      </c>
      <c r="N6361" t="s">
        <v>91</v>
      </c>
      <c r="O6361" t="s">
        <v>85</v>
      </c>
      <c r="P6361" t="s">
        <v>86</v>
      </c>
      <c r="Q6361">
        <v>131</v>
      </c>
      <c r="R6361">
        <v>133</v>
      </c>
      <c r="S6361">
        <v>135</v>
      </c>
      <c r="T6361">
        <v>136</v>
      </c>
      <c r="U6361">
        <v>138</v>
      </c>
      <c r="V6361">
        <v>140</v>
      </c>
      <c r="W6361">
        <v>141</v>
      </c>
      <c r="X6361">
        <v>143</v>
      </c>
      <c r="Y6361">
        <v>144</v>
      </c>
      <c r="Z6361">
        <v>146</v>
      </c>
      <c r="AA6361">
        <v>148</v>
      </c>
      <c r="AB6361">
        <v>149</v>
      </c>
      <c r="AC6361">
        <v>150</v>
      </c>
      <c r="AD6361">
        <v>152</v>
      </c>
      <c r="AE6361">
        <v>153</v>
      </c>
      <c r="AF6361">
        <v>155</v>
      </c>
      <c r="AG6361">
        <v>156</v>
      </c>
      <c r="AH6361">
        <v>157</v>
      </c>
      <c r="AI6361">
        <v>159</v>
      </c>
      <c r="AJ6361">
        <v>160</v>
      </c>
      <c r="AK6361">
        <v>161</v>
      </c>
      <c r="AL6361">
        <v>162</v>
      </c>
      <c r="AM6361">
        <v>161</v>
      </c>
      <c r="AN6361">
        <v>161</v>
      </c>
      <c r="AO6361">
        <v>161</v>
      </c>
      <c r="AP6361">
        <v>161</v>
      </c>
      <c r="AQ6361">
        <v>161</v>
      </c>
    </row>
    <row r="6362" spans="1:43">
      <c r="A6362" t="s">
        <v>3984</v>
      </c>
      <c r="B6362" t="s">
        <v>3985</v>
      </c>
      <c r="C6362" t="s">
        <v>3986</v>
      </c>
      <c r="D6362" t="s">
        <v>3987</v>
      </c>
      <c r="E6362" t="s">
        <v>3968</v>
      </c>
      <c r="F6362" t="s">
        <v>3969</v>
      </c>
      <c r="G6362" t="s">
        <v>80</v>
      </c>
      <c r="H6362" t="s">
        <v>81</v>
      </c>
      <c r="I6362" s="2">
        <v>0</v>
      </c>
      <c r="J6362" s="2">
        <v>1</v>
      </c>
      <c r="K6362" s="2">
        <v>0</v>
      </c>
      <c r="L6362" t="s">
        <v>82</v>
      </c>
      <c r="M6362" t="s">
        <v>83</v>
      </c>
      <c r="N6362" t="s">
        <v>84</v>
      </c>
      <c r="O6362" t="s">
        <v>85</v>
      </c>
      <c r="P6362" t="s">
        <v>86</v>
      </c>
      <c r="Q6362">
        <v>67</v>
      </c>
      <c r="R6362">
        <v>67</v>
      </c>
      <c r="S6362">
        <v>68</v>
      </c>
      <c r="T6362">
        <v>69</v>
      </c>
      <c r="U6362">
        <v>70</v>
      </c>
      <c r="V6362">
        <v>70</v>
      </c>
      <c r="W6362">
        <v>71</v>
      </c>
      <c r="X6362">
        <v>72</v>
      </c>
      <c r="Y6362">
        <v>73</v>
      </c>
      <c r="Z6362">
        <v>73</v>
      </c>
      <c r="AA6362">
        <v>74</v>
      </c>
      <c r="AB6362">
        <v>75</v>
      </c>
      <c r="AC6362">
        <v>75</v>
      </c>
      <c r="AD6362">
        <v>76</v>
      </c>
      <c r="AE6362">
        <v>76</v>
      </c>
      <c r="AF6362">
        <v>77</v>
      </c>
      <c r="AG6362">
        <v>78</v>
      </c>
      <c r="AH6362">
        <v>78</v>
      </c>
      <c r="AI6362">
        <v>79</v>
      </c>
      <c r="AJ6362">
        <v>79</v>
      </c>
      <c r="AK6362">
        <v>80</v>
      </c>
      <c r="AL6362">
        <v>80</v>
      </c>
      <c r="AM6362">
        <v>80</v>
      </c>
      <c r="AN6362">
        <v>80</v>
      </c>
      <c r="AO6362">
        <v>79</v>
      </c>
      <c r="AP6362">
        <v>79</v>
      </c>
      <c r="AQ6362">
        <v>79</v>
      </c>
    </row>
    <row r="6363" spans="1:43">
      <c r="A6363" t="s">
        <v>3984</v>
      </c>
      <c r="B6363" t="s">
        <v>3985</v>
      </c>
      <c r="C6363" t="s">
        <v>3986</v>
      </c>
      <c r="D6363" t="s">
        <v>3987</v>
      </c>
      <c r="E6363" t="s">
        <v>3968</v>
      </c>
      <c r="F6363" t="s">
        <v>3969</v>
      </c>
      <c r="G6363" t="s">
        <v>80</v>
      </c>
      <c r="H6363" t="s">
        <v>81</v>
      </c>
      <c r="I6363" s="2">
        <v>0</v>
      </c>
      <c r="J6363" s="2">
        <v>1</v>
      </c>
      <c r="K6363" s="2">
        <v>0</v>
      </c>
      <c r="L6363" t="s">
        <v>82</v>
      </c>
      <c r="M6363" t="s">
        <v>87</v>
      </c>
      <c r="N6363" t="s">
        <v>88</v>
      </c>
      <c r="O6363" t="s">
        <v>85</v>
      </c>
      <c r="P6363" t="s">
        <v>86</v>
      </c>
      <c r="Q6363">
        <v>67</v>
      </c>
      <c r="R6363">
        <v>67</v>
      </c>
      <c r="S6363">
        <v>67</v>
      </c>
      <c r="T6363">
        <v>67</v>
      </c>
      <c r="U6363">
        <v>68</v>
      </c>
      <c r="V6363">
        <v>68</v>
      </c>
      <c r="W6363">
        <v>68</v>
      </c>
      <c r="X6363">
        <v>68</v>
      </c>
      <c r="Y6363">
        <v>68</v>
      </c>
      <c r="Z6363">
        <v>68</v>
      </c>
      <c r="AA6363">
        <v>68</v>
      </c>
      <c r="AB6363">
        <v>68</v>
      </c>
      <c r="AC6363">
        <v>69</v>
      </c>
      <c r="AD6363">
        <v>69</v>
      </c>
      <c r="AE6363">
        <v>69</v>
      </c>
      <c r="AF6363">
        <v>69</v>
      </c>
      <c r="AG6363">
        <v>69</v>
      </c>
      <c r="AH6363">
        <v>69</v>
      </c>
      <c r="AI6363">
        <v>69</v>
      </c>
      <c r="AJ6363">
        <v>69</v>
      </c>
      <c r="AK6363">
        <v>69</v>
      </c>
      <c r="AL6363">
        <v>69</v>
      </c>
      <c r="AM6363">
        <v>69</v>
      </c>
      <c r="AN6363">
        <v>69</v>
      </c>
      <c r="AO6363">
        <v>69</v>
      </c>
      <c r="AP6363">
        <v>69</v>
      </c>
      <c r="AQ6363">
        <v>69</v>
      </c>
    </row>
    <row r="6364" spans="1:43">
      <c r="A6364" t="s">
        <v>3984</v>
      </c>
      <c r="B6364" t="s">
        <v>3985</v>
      </c>
      <c r="C6364" t="s">
        <v>3986</v>
      </c>
      <c r="D6364" t="s">
        <v>3987</v>
      </c>
      <c r="E6364" t="s">
        <v>3968</v>
      </c>
      <c r="F6364" t="s">
        <v>3969</v>
      </c>
      <c r="G6364" t="s">
        <v>80</v>
      </c>
      <c r="H6364" t="s">
        <v>81</v>
      </c>
      <c r="I6364" s="2">
        <v>0</v>
      </c>
      <c r="J6364" s="2">
        <v>1</v>
      </c>
      <c r="K6364" s="2">
        <v>0</v>
      </c>
      <c r="L6364" t="s">
        <v>82</v>
      </c>
      <c r="M6364" t="s">
        <v>89</v>
      </c>
      <c r="N6364" t="s">
        <v>90</v>
      </c>
      <c r="O6364" t="s">
        <v>85</v>
      </c>
      <c r="P6364" t="s">
        <v>86</v>
      </c>
      <c r="Q6364">
        <v>67</v>
      </c>
      <c r="R6364">
        <v>68</v>
      </c>
      <c r="S6364">
        <v>70</v>
      </c>
      <c r="T6364">
        <v>71</v>
      </c>
      <c r="U6364">
        <v>72</v>
      </c>
      <c r="V6364">
        <v>74</v>
      </c>
      <c r="W6364">
        <v>75</v>
      </c>
      <c r="X6364">
        <v>76</v>
      </c>
      <c r="Y6364">
        <v>77</v>
      </c>
      <c r="Z6364">
        <v>78</v>
      </c>
      <c r="AA6364">
        <v>79</v>
      </c>
      <c r="AB6364">
        <v>80</v>
      </c>
      <c r="AC6364">
        <v>81</v>
      </c>
      <c r="AD6364">
        <v>82</v>
      </c>
      <c r="AE6364">
        <v>82</v>
      </c>
      <c r="AF6364">
        <v>82</v>
      </c>
      <c r="AG6364">
        <v>82</v>
      </c>
      <c r="AH6364">
        <v>82</v>
      </c>
      <c r="AI6364">
        <v>81</v>
      </c>
      <c r="AJ6364">
        <v>81</v>
      </c>
      <c r="AK6364">
        <v>81</v>
      </c>
      <c r="AL6364">
        <v>81</v>
      </c>
      <c r="AM6364">
        <v>81</v>
      </c>
      <c r="AN6364">
        <v>80</v>
      </c>
      <c r="AO6364">
        <v>80</v>
      </c>
      <c r="AP6364">
        <v>80</v>
      </c>
      <c r="AQ6364">
        <v>80</v>
      </c>
    </row>
    <row r="6365" spans="1:43">
      <c r="A6365" t="s">
        <v>3984</v>
      </c>
      <c r="B6365" t="s">
        <v>3985</v>
      </c>
      <c r="C6365" t="s">
        <v>3986</v>
      </c>
      <c r="D6365" t="s">
        <v>3987</v>
      </c>
      <c r="E6365" t="s">
        <v>3968</v>
      </c>
      <c r="F6365" t="s">
        <v>3969</v>
      </c>
      <c r="G6365" t="s">
        <v>80</v>
      </c>
      <c r="H6365" t="s">
        <v>81</v>
      </c>
      <c r="I6365" s="2">
        <v>0</v>
      </c>
      <c r="J6365" s="2">
        <v>1</v>
      </c>
      <c r="K6365" s="2">
        <v>0</v>
      </c>
      <c r="L6365" t="s">
        <v>82</v>
      </c>
      <c r="M6365" t="s">
        <v>83</v>
      </c>
      <c r="N6365" t="s">
        <v>91</v>
      </c>
      <c r="O6365" t="s">
        <v>85</v>
      </c>
      <c r="P6365" t="s">
        <v>86</v>
      </c>
      <c r="Q6365">
        <v>67</v>
      </c>
      <c r="R6365">
        <v>67</v>
      </c>
      <c r="S6365">
        <v>68</v>
      </c>
      <c r="T6365">
        <v>69</v>
      </c>
      <c r="U6365">
        <v>70</v>
      </c>
      <c r="V6365">
        <v>70</v>
      </c>
      <c r="W6365">
        <v>71</v>
      </c>
      <c r="X6365">
        <v>72</v>
      </c>
      <c r="Y6365">
        <v>73</v>
      </c>
      <c r="Z6365">
        <v>73</v>
      </c>
      <c r="AA6365">
        <v>74</v>
      </c>
      <c r="AB6365">
        <v>75</v>
      </c>
      <c r="AC6365">
        <v>75</v>
      </c>
      <c r="AD6365">
        <v>76</v>
      </c>
      <c r="AE6365">
        <v>76</v>
      </c>
      <c r="AF6365">
        <v>77</v>
      </c>
      <c r="AG6365">
        <v>78</v>
      </c>
      <c r="AH6365">
        <v>78</v>
      </c>
      <c r="AI6365">
        <v>79</v>
      </c>
      <c r="AJ6365">
        <v>79</v>
      </c>
      <c r="AK6365">
        <v>80</v>
      </c>
      <c r="AL6365">
        <v>80</v>
      </c>
      <c r="AM6365">
        <v>80</v>
      </c>
      <c r="AN6365">
        <v>80</v>
      </c>
      <c r="AO6365">
        <v>79</v>
      </c>
      <c r="AP6365">
        <v>79</v>
      </c>
      <c r="AQ6365">
        <v>79</v>
      </c>
    </row>
    <row r="6366" spans="1:43">
      <c r="A6366" t="s">
        <v>3988</v>
      </c>
      <c r="B6366" t="s">
        <v>3989</v>
      </c>
      <c r="C6366" t="s">
        <v>3990</v>
      </c>
      <c r="D6366" t="s">
        <v>3991</v>
      </c>
      <c r="E6366" t="s">
        <v>3968</v>
      </c>
      <c r="F6366" t="s">
        <v>3969</v>
      </c>
      <c r="G6366" t="s">
        <v>80</v>
      </c>
      <c r="H6366" t="s">
        <v>81</v>
      </c>
      <c r="I6366" s="2">
        <v>0</v>
      </c>
      <c r="J6366" s="2">
        <v>1</v>
      </c>
      <c r="K6366" s="2">
        <v>0</v>
      </c>
      <c r="L6366" t="s">
        <v>82</v>
      </c>
      <c r="M6366" t="s">
        <v>83</v>
      </c>
      <c r="N6366" t="s">
        <v>84</v>
      </c>
      <c r="O6366" t="s">
        <v>85</v>
      </c>
      <c r="P6366" t="s">
        <v>86</v>
      </c>
      <c r="Q6366">
        <v>16</v>
      </c>
      <c r="R6366">
        <v>16</v>
      </c>
      <c r="S6366">
        <v>16</v>
      </c>
      <c r="T6366">
        <v>17</v>
      </c>
      <c r="U6366">
        <v>17</v>
      </c>
      <c r="V6366">
        <v>17</v>
      </c>
      <c r="W6366">
        <v>17</v>
      </c>
      <c r="X6366">
        <v>17</v>
      </c>
      <c r="Y6366">
        <v>17</v>
      </c>
      <c r="Z6366">
        <v>18</v>
      </c>
      <c r="AA6366">
        <v>18</v>
      </c>
      <c r="AB6366">
        <v>18</v>
      </c>
      <c r="AC6366">
        <v>18</v>
      </c>
      <c r="AD6366">
        <v>18</v>
      </c>
      <c r="AE6366">
        <v>18</v>
      </c>
      <c r="AF6366">
        <v>18</v>
      </c>
      <c r="AG6366">
        <v>19</v>
      </c>
      <c r="AH6366">
        <v>19</v>
      </c>
      <c r="AI6366">
        <v>19</v>
      </c>
      <c r="AJ6366">
        <v>19</v>
      </c>
      <c r="AK6366">
        <v>19</v>
      </c>
      <c r="AL6366">
        <v>19</v>
      </c>
      <c r="AM6366">
        <v>19</v>
      </c>
      <c r="AN6366">
        <v>19</v>
      </c>
      <c r="AO6366">
        <v>19</v>
      </c>
      <c r="AP6366">
        <v>19</v>
      </c>
      <c r="AQ6366">
        <v>19</v>
      </c>
    </row>
    <row r="6367" spans="1:43">
      <c r="A6367" t="s">
        <v>3988</v>
      </c>
      <c r="B6367" t="s">
        <v>3989</v>
      </c>
      <c r="C6367" t="s">
        <v>3990</v>
      </c>
      <c r="D6367" t="s">
        <v>3991</v>
      </c>
      <c r="E6367" t="s">
        <v>3968</v>
      </c>
      <c r="F6367" t="s">
        <v>3969</v>
      </c>
      <c r="G6367" t="s">
        <v>80</v>
      </c>
      <c r="H6367" t="s">
        <v>81</v>
      </c>
      <c r="I6367" s="2">
        <v>0</v>
      </c>
      <c r="J6367" s="2">
        <v>1</v>
      </c>
      <c r="K6367" s="2">
        <v>0</v>
      </c>
      <c r="L6367" t="s">
        <v>82</v>
      </c>
      <c r="M6367" t="s">
        <v>87</v>
      </c>
      <c r="N6367" t="s">
        <v>88</v>
      </c>
      <c r="O6367" t="s">
        <v>85</v>
      </c>
      <c r="P6367" t="s">
        <v>86</v>
      </c>
      <c r="Q6367">
        <v>16</v>
      </c>
      <c r="R6367">
        <v>16</v>
      </c>
      <c r="S6367">
        <v>16</v>
      </c>
      <c r="T6367">
        <v>16</v>
      </c>
      <c r="U6367">
        <v>16</v>
      </c>
      <c r="V6367">
        <v>16</v>
      </c>
      <c r="W6367">
        <v>16</v>
      </c>
      <c r="X6367">
        <v>16</v>
      </c>
      <c r="Y6367">
        <v>16</v>
      </c>
      <c r="Z6367">
        <v>16</v>
      </c>
      <c r="AA6367">
        <v>16</v>
      </c>
      <c r="AB6367">
        <v>16</v>
      </c>
      <c r="AC6367">
        <v>16</v>
      </c>
      <c r="AD6367">
        <v>16</v>
      </c>
      <c r="AE6367">
        <v>16</v>
      </c>
      <c r="AF6367">
        <v>16</v>
      </c>
      <c r="AG6367">
        <v>16</v>
      </c>
      <c r="AH6367">
        <v>16</v>
      </c>
      <c r="AI6367">
        <v>16</v>
      </c>
      <c r="AJ6367">
        <v>16</v>
      </c>
      <c r="AK6367">
        <v>16</v>
      </c>
      <c r="AL6367">
        <v>16</v>
      </c>
      <c r="AM6367">
        <v>16</v>
      </c>
      <c r="AN6367">
        <v>16</v>
      </c>
      <c r="AO6367">
        <v>16</v>
      </c>
      <c r="AP6367">
        <v>16</v>
      </c>
      <c r="AQ6367">
        <v>16</v>
      </c>
    </row>
    <row r="6368" spans="1:43">
      <c r="A6368" t="s">
        <v>3988</v>
      </c>
      <c r="B6368" t="s">
        <v>3989</v>
      </c>
      <c r="C6368" t="s">
        <v>3990</v>
      </c>
      <c r="D6368" t="s">
        <v>3991</v>
      </c>
      <c r="E6368" t="s">
        <v>3968</v>
      </c>
      <c r="F6368" t="s">
        <v>3969</v>
      </c>
      <c r="G6368" t="s">
        <v>80</v>
      </c>
      <c r="H6368" t="s">
        <v>81</v>
      </c>
      <c r="I6368" s="2">
        <v>0</v>
      </c>
      <c r="J6368" s="2">
        <v>1</v>
      </c>
      <c r="K6368" s="2">
        <v>0</v>
      </c>
      <c r="L6368" t="s">
        <v>82</v>
      </c>
      <c r="M6368" t="s">
        <v>89</v>
      </c>
      <c r="N6368" t="s">
        <v>90</v>
      </c>
      <c r="O6368" t="s">
        <v>85</v>
      </c>
      <c r="P6368" t="s">
        <v>86</v>
      </c>
      <c r="Q6368">
        <v>16</v>
      </c>
      <c r="R6368">
        <v>16</v>
      </c>
      <c r="S6368">
        <v>17</v>
      </c>
      <c r="T6368">
        <v>17</v>
      </c>
      <c r="U6368">
        <v>17</v>
      </c>
      <c r="V6368">
        <v>18</v>
      </c>
      <c r="W6368">
        <v>18</v>
      </c>
      <c r="X6368">
        <v>18</v>
      </c>
      <c r="Y6368">
        <v>18</v>
      </c>
      <c r="Z6368">
        <v>19</v>
      </c>
      <c r="AA6368">
        <v>19</v>
      </c>
      <c r="AB6368">
        <v>19</v>
      </c>
      <c r="AC6368">
        <v>19</v>
      </c>
      <c r="AD6368">
        <v>20</v>
      </c>
      <c r="AE6368">
        <v>20</v>
      </c>
      <c r="AF6368">
        <v>20</v>
      </c>
      <c r="AG6368">
        <v>20</v>
      </c>
      <c r="AH6368">
        <v>20</v>
      </c>
      <c r="AI6368">
        <v>20</v>
      </c>
      <c r="AJ6368">
        <v>19</v>
      </c>
      <c r="AK6368">
        <v>19</v>
      </c>
      <c r="AL6368">
        <v>19</v>
      </c>
      <c r="AM6368">
        <v>19</v>
      </c>
      <c r="AN6368">
        <v>19</v>
      </c>
      <c r="AO6368">
        <v>19</v>
      </c>
      <c r="AP6368">
        <v>19</v>
      </c>
      <c r="AQ6368">
        <v>19</v>
      </c>
    </row>
    <row r="6369" spans="1:43">
      <c r="A6369" t="s">
        <v>3988</v>
      </c>
      <c r="B6369" t="s">
        <v>3989</v>
      </c>
      <c r="C6369" t="s">
        <v>3990</v>
      </c>
      <c r="D6369" t="s">
        <v>3991</v>
      </c>
      <c r="E6369" t="s">
        <v>3968</v>
      </c>
      <c r="F6369" t="s">
        <v>3969</v>
      </c>
      <c r="G6369" t="s">
        <v>80</v>
      </c>
      <c r="H6369" t="s">
        <v>81</v>
      </c>
      <c r="I6369" s="2">
        <v>0</v>
      </c>
      <c r="J6369" s="2">
        <v>1</v>
      </c>
      <c r="K6369" s="2">
        <v>0</v>
      </c>
      <c r="L6369" t="s">
        <v>82</v>
      </c>
      <c r="M6369" t="s">
        <v>83</v>
      </c>
      <c r="N6369" t="s">
        <v>91</v>
      </c>
      <c r="O6369" t="s">
        <v>85</v>
      </c>
      <c r="P6369" t="s">
        <v>86</v>
      </c>
      <c r="Q6369">
        <v>16</v>
      </c>
      <c r="R6369">
        <v>16</v>
      </c>
      <c r="S6369">
        <v>16</v>
      </c>
      <c r="T6369">
        <v>17</v>
      </c>
      <c r="U6369">
        <v>17</v>
      </c>
      <c r="V6369">
        <v>17</v>
      </c>
      <c r="W6369">
        <v>17</v>
      </c>
      <c r="X6369">
        <v>17</v>
      </c>
      <c r="Y6369">
        <v>17</v>
      </c>
      <c r="Z6369">
        <v>18</v>
      </c>
      <c r="AA6369">
        <v>18</v>
      </c>
      <c r="AB6369">
        <v>18</v>
      </c>
      <c r="AC6369">
        <v>18</v>
      </c>
      <c r="AD6369">
        <v>18</v>
      </c>
      <c r="AE6369">
        <v>18</v>
      </c>
      <c r="AF6369">
        <v>18</v>
      </c>
      <c r="AG6369">
        <v>19</v>
      </c>
      <c r="AH6369">
        <v>19</v>
      </c>
      <c r="AI6369">
        <v>19</v>
      </c>
      <c r="AJ6369">
        <v>19</v>
      </c>
      <c r="AK6369">
        <v>19</v>
      </c>
      <c r="AL6369">
        <v>19</v>
      </c>
      <c r="AM6369">
        <v>19</v>
      </c>
      <c r="AN6369">
        <v>19</v>
      </c>
      <c r="AO6369">
        <v>19</v>
      </c>
      <c r="AP6369">
        <v>19</v>
      </c>
      <c r="AQ6369">
        <v>19</v>
      </c>
    </row>
    <row r="6370" spans="1:43">
      <c r="A6370" t="s">
        <v>3992</v>
      </c>
      <c r="B6370" t="s">
        <v>3993</v>
      </c>
      <c r="C6370" t="s">
        <v>3986</v>
      </c>
      <c r="D6370" t="s">
        <v>3987</v>
      </c>
      <c r="E6370" t="s">
        <v>3968</v>
      </c>
      <c r="F6370" t="s">
        <v>3969</v>
      </c>
      <c r="G6370" t="s">
        <v>80</v>
      </c>
      <c r="H6370" t="s">
        <v>81</v>
      </c>
      <c r="I6370" s="2">
        <v>0</v>
      </c>
      <c r="J6370" s="2">
        <v>1</v>
      </c>
      <c r="K6370" s="2">
        <v>0</v>
      </c>
      <c r="L6370" t="s">
        <v>82</v>
      </c>
      <c r="M6370" t="s">
        <v>83</v>
      </c>
      <c r="N6370" t="s">
        <v>84</v>
      </c>
      <c r="O6370" t="s">
        <v>85</v>
      </c>
      <c r="P6370" t="s">
        <v>86</v>
      </c>
      <c r="Q6370">
        <v>30</v>
      </c>
      <c r="R6370">
        <v>31</v>
      </c>
      <c r="S6370">
        <v>31</v>
      </c>
      <c r="T6370">
        <v>31</v>
      </c>
      <c r="U6370">
        <v>32</v>
      </c>
      <c r="V6370">
        <v>32</v>
      </c>
      <c r="W6370">
        <v>32</v>
      </c>
      <c r="X6370">
        <v>33</v>
      </c>
      <c r="Y6370">
        <v>33</v>
      </c>
      <c r="Z6370">
        <v>33</v>
      </c>
      <c r="AA6370">
        <v>34</v>
      </c>
      <c r="AB6370">
        <v>34</v>
      </c>
      <c r="AC6370">
        <v>34</v>
      </c>
      <c r="AD6370">
        <v>35</v>
      </c>
      <c r="AE6370">
        <v>35</v>
      </c>
      <c r="AF6370">
        <v>35</v>
      </c>
      <c r="AG6370">
        <v>35</v>
      </c>
      <c r="AH6370">
        <v>36</v>
      </c>
      <c r="AI6370">
        <v>36</v>
      </c>
      <c r="AJ6370">
        <v>36</v>
      </c>
      <c r="AK6370">
        <v>36</v>
      </c>
      <c r="AL6370">
        <v>36</v>
      </c>
      <c r="AM6370">
        <v>36</v>
      </c>
      <c r="AN6370">
        <v>36</v>
      </c>
      <c r="AO6370">
        <v>36</v>
      </c>
      <c r="AP6370">
        <v>36</v>
      </c>
      <c r="AQ6370">
        <v>36</v>
      </c>
    </row>
    <row r="6371" spans="1:43">
      <c r="A6371" t="s">
        <v>3992</v>
      </c>
      <c r="B6371" t="s">
        <v>3993</v>
      </c>
      <c r="C6371" t="s">
        <v>3986</v>
      </c>
      <c r="D6371" t="s">
        <v>3987</v>
      </c>
      <c r="E6371" t="s">
        <v>3968</v>
      </c>
      <c r="F6371" t="s">
        <v>3969</v>
      </c>
      <c r="G6371" t="s">
        <v>80</v>
      </c>
      <c r="H6371" t="s">
        <v>81</v>
      </c>
      <c r="I6371" s="2">
        <v>0</v>
      </c>
      <c r="J6371" s="2">
        <v>1</v>
      </c>
      <c r="K6371" s="2">
        <v>0</v>
      </c>
      <c r="L6371" t="s">
        <v>82</v>
      </c>
      <c r="M6371" t="s">
        <v>87</v>
      </c>
      <c r="N6371" t="s">
        <v>88</v>
      </c>
      <c r="O6371" t="s">
        <v>85</v>
      </c>
      <c r="P6371" t="s">
        <v>86</v>
      </c>
      <c r="Q6371">
        <v>30</v>
      </c>
      <c r="R6371">
        <v>30</v>
      </c>
      <c r="S6371">
        <v>30</v>
      </c>
      <c r="T6371">
        <v>30</v>
      </c>
      <c r="U6371">
        <v>30</v>
      </c>
      <c r="V6371">
        <v>30</v>
      </c>
      <c r="W6371">
        <v>30</v>
      </c>
      <c r="X6371">
        <v>30</v>
      </c>
      <c r="Y6371">
        <v>31</v>
      </c>
      <c r="Z6371">
        <v>31</v>
      </c>
      <c r="AA6371">
        <v>31</v>
      </c>
      <c r="AB6371">
        <v>31</v>
      </c>
      <c r="AC6371">
        <v>31</v>
      </c>
      <c r="AD6371">
        <v>31</v>
      </c>
      <c r="AE6371">
        <v>31</v>
      </c>
      <c r="AF6371">
        <v>31</v>
      </c>
      <c r="AG6371">
        <v>31</v>
      </c>
      <c r="AH6371">
        <v>31</v>
      </c>
      <c r="AI6371">
        <v>31</v>
      </c>
      <c r="AJ6371">
        <v>31</v>
      </c>
      <c r="AK6371">
        <v>31</v>
      </c>
      <c r="AL6371">
        <v>31</v>
      </c>
      <c r="AM6371">
        <v>31</v>
      </c>
      <c r="AN6371">
        <v>31</v>
      </c>
      <c r="AO6371">
        <v>31</v>
      </c>
      <c r="AP6371">
        <v>31</v>
      </c>
      <c r="AQ6371">
        <v>31</v>
      </c>
    </row>
    <row r="6372" spans="1:43">
      <c r="A6372" t="s">
        <v>3992</v>
      </c>
      <c r="B6372" t="s">
        <v>3993</v>
      </c>
      <c r="C6372" t="s">
        <v>3986</v>
      </c>
      <c r="D6372" t="s">
        <v>3987</v>
      </c>
      <c r="E6372" t="s">
        <v>3968</v>
      </c>
      <c r="F6372" t="s">
        <v>3969</v>
      </c>
      <c r="G6372" t="s">
        <v>80</v>
      </c>
      <c r="H6372" t="s">
        <v>81</v>
      </c>
      <c r="I6372" s="2">
        <v>0</v>
      </c>
      <c r="J6372" s="2">
        <v>1</v>
      </c>
      <c r="K6372" s="2">
        <v>0</v>
      </c>
      <c r="L6372" t="s">
        <v>82</v>
      </c>
      <c r="M6372" t="s">
        <v>89</v>
      </c>
      <c r="N6372" t="s">
        <v>90</v>
      </c>
      <c r="O6372" t="s">
        <v>85</v>
      </c>
      <c r="P6372" t="s">
        <v>86</v>
      </c>
      <c r="Q6372">
        <v>30</v>
      </c>
      <c r="R6372">
        <v>30</v>
      </c>
      <c r="S6372">
        <v>31</v>
      </c>
      <c r="T6372">
        <v>31</v>
      </c>
      <c r="U6372">
        <v>32</v>
      </c>
      <c r="V6372">
        <v>32</v>
      </c>
      <c r="W6372">
        <v>33</v>
      </c>
      <c r="X6372">
        <v>34</v>
      </c>
      <c r="Y6372">
        <v>34</v>
      </c>
      <c r="Z6372">
        <v>34</v>
      </c>
      <c r="AA6372">
        <v>35</v>
      </c>
      <c r="AB6372">
        <v>35</v>
      </c>
      <c r="AC6372">
        <v>36</v>
      </c>
      <c r="AD6372">
        <v>36</v>
      </c>
      <c r="AE6372">
        <v>36</v>
      </c>
      <c r="AF6372">
        <v>36</v>
      </c>
      <c r="AG6372">
        <v>36</v>
      </c>
      <c r="AH6372">
        <v>36</v>
      </c>
      <c r="AI6372">
        <v>36</v>
      </c>
      <c r="AJ6372">
        <v>36</v>
      </c>
      <c r="AK6372">
        <v>36</v>
      </c>
      <c r="AL6372">
        <v>36</v>
      </c>
      <c r="AM6372">
        <v>36</v>
      </c>
      <c r="AN6372">
        <v>36</v>
      </c>
      <c r="AO6372">
        <v>35</v>
      </c>
      <c r="AP6372">
        <v>35</v>
      </c>
      <c r="AQ6372">
        <v>35</v>
      </c>
    </row>
    <row r="6373" spans="1:43">
      <c r="A6373" t="s">
        <v>3992</v>
      </c>
      <c r="B6373" t="s">
        <v>3993</v>
      </c>
      <c r="C6373" t="s">
        <v>3986</v>
      </c>
      <c r="D6373" t="s">
        <v>3987</v>
      </c>
      <c r="E6373" t="s">
        <v>3968</v>
      </c>
      <c r="F6373" t="s">
        <v>3969</v>
      </c>
      <c r="G6373" t="s">
        <v>80</v>
      </c>
      <c r="H6373" t="s">
        <v>81</v>
      </c>
      <c r="I6373" s="2">
        <v>0</v>
      </c>
      <c r="J6373" s="2">
        <v>1</v>
      </c>
      <c r="K6373" s="2">
        <v>0</v>
      </c>
      <c r="L6373" t="s">
        <v>82</v>
      </c>
      <c r="M6373" t="s">
        <v>83</v>
      </c>
      <c r="N6373" t="s">
        <v>91</v>
      </c>
      <c r="O6373" t="s">
        <v>85</v>
      </c>
      <c r="P6373" t="s">
        <v>86</v>
      </c>
      <c r="Q6373">
        <v>30</v>
      </c>
      <c r="R6373">
        <v>31</v>
      </c>
      <c r="S6373">
        <v>31</v>
      </c>
      <c r="T6373">
        <v>31</v>
      </c>
      <c r="U6373">
        <v>32</v>
      </c>
      <c r="V6373">
        <v>32</v>
      </c>
      <c r="W6373">
        <v>32</v>
      </c>
      <c r="X6373">
        <v>33</v>
      </c>
      <c r="Y6373">
        <v>33</v>
      </c>
      <c r="Z6373">
        <v>33</v>
      </c>
      <c r="AA6373">
        <v>34</v>
      </c>
      <c r="AB6373">
        <v>34</v>
      </c>
      <c r="AC6373">
        <v>34</v>
      </c>
      <c r="AD6373">
        <v>35</v>
      </c>
      <c r="AE6373">
        <v>35</v>
      </c>
      <c r="AF6373">
        <v>35</v>
      </c>
      <c r="AG6373">
        <v>35</v>
      </c>
      <c r="AH6373">
        <v>36</v>
      </c>
      <c r="AI6373">
        <v>36</v>
      </c>
      <c r="AJ6373">
        <v>36</v>
      </c>
      <c r="AK6373">
        <v>36</v>
      </c>
      <c r="AL6373">
        <v>36</v>
      </c>
      <c r="AM6373">
        <v>36</v>
      </c>
      <c r="AN6373">
        <v>36</v>
      </c>
      <c r="AO6373">
        <v>36</v>
      </c>
      <c r="AP6373">
        <v>36</v>
      </c>
      <c r="AQ6373">
        <v>36</v>
      </c>
    </row>
    <row r="6374" spans="1:43">
      <c r="A6374" t="s">
        <v>3994</v>
      </c>
      <c r="B6374" t="s">
        <v>3995</v>
      </c>
      <c r="C6374" t="s">
        <v>3986</v>
      </c>
      <c r="D6374" t="s">
        <v>3987</v>
      </c>
      <c r="E6374" t="s">
        <v>3968</v>
      </c>
      <c r="F6374" t="s">
        <v>3969</v>
      </c>
      <c r="G6374" t="s">
        <v>80</v>
      </c>
      <c r="H6374" t="s">
        <v>81</v>
      </c>
      <c r="I6374" s="2">
        <v>0</v>
      </c>
      <c r="J6374" s="2">
        <v>1</v>
      </c>
      <c r="K6374" s="2">
        <v>0</v>
      </c>
      <c r="L6374" t="s">
        <v>82</v>
      </c>
      <c r="M6374" t="s">
        <v>83</v>
      </c>
      <c r="N6374" t="s">
        <v>84</v>
      </c>
      <c r="O6374" t="s">
        <v>85</v>
      </c>
      <c r="P6374" t="s">
        <v>86</v>
      </c>
      <c r="Q6374">
        <v>43</v>
      </c>
      <c r="R6374">
        <v>43</v>
      </c>
      <c r="S6374">
        <v>44</v>
      </c>
      <c r="T6374">
        <v>44</v>
      </c>
      <c r="U6374">
        <v>45</v>
      </c>
      <c r="V6374">
        <v>45</v>
      </c>
      <c r="W6374">
        <v>46</v>
      </c>
      <c r="X6374">
        <v>46</v>
      </c>
      <c r="Y6374">
        <v>46</v>
      </c>
      <c r="Z6374">
        <v>47</v>
      </c>
      <c r="AA6374">
        <v>47</v>
      </c>
      <c r="AB6374">
        <v>48</v>
      </c>
      <c r="AC6374">
        <v>48</v>
      </c>
      <c r="AD6374">
        <v>49</v>
      </c>
      <c r="AE6374">
        <v>49</v>
      </c>
      <c r="AF6374">
        <v>49</v>
      </c>
      <c r="AG6374">
        <v>50</v>
      </c>
      <c r="AH6374">
        <v>50</v>
      </c>
      <c r="AI6374">
        <v>50</v>
      </c>
      <c r="AJ6374">
        <v>51</v>
      </c>
      <c r="AK6374">
        <v>51</v>
      </c>
      <c r="AL6374">
        <v>51</v>
      </c>
      <c r="AM6374">
        <v>51</v>
      </c>
      <c r="AN6374">
        <v>51</v>
      </c>
      <c r="AO6374">
        <v>51</v>
      </c>
      <c r="AP6374">
        <v>51</v>
      </c>
      <c r="AQ6374">
        <v>51</v>
      </c>
    </row>
    <row r="6375" spans="1:43">
      <c r="A6375" t="s">
        <v>3994</v>
      </c>
      <c r="B6375" t="s">
        <v>3995</v>
      </c>
      <c r="C6375" t="s">
        <v>3986</v>
      </c>
      <c r="D6375" t="s">
        <v>3987</v>
      </c>
      <c r="E6375" t="s">
        <v>3968</v>
      </c>
      <c r="F6375" t="s">
        <v>3969</v>
      </c>
      <c r="G6375" t="s">
        <v>80</v>
      </c>
      <c r="H6375" t="s">
        <v>81</v>
      </c>
      <c r="I6375" s="2">
        <v>0</v>
      </c>
      <c r="J6375" s="2">
        <v>1</v>
      </c>
      <c r="K6375" s="2">
        <v>0</v>
      </c>
      <c r="L6375" t="s">
        <v>82</v>
      </c>
      <c r="M6375" t="s">
        <v>87</v>
      </c>
      <c r="N6375" t="s">
        <v>88</v>
      </c>
      <c r="O6375" t="s">
        <v>85</v>
      </c>
      <c r="P6375" t="s">
        <v>86</v>
      </c>
      <c r="Q6375">
        <v>43</v>
      </c>
      <c r="R6375">
        <v>43</v>
      </c>
      <c r="S6375">
        <v>43</v>
      </c>
      <c r="T6375">
        <v>44</v>
      </c>
      <c r="U6375">
        <v>44</v>
      </c>
      <c r="V6375">
        <v>44</v>
      </c>
      <c r="W6375">
        <v>44</v>
      </c>
      <c r="X6375">
        <v>44</v>
      </c>
      <c r="Y6375">
        <v>44</v>
      </c>
      <c r="Z6375">
        <v>44</v>
      </c>
      <c r="AA6375">
        <v>44</v>
      </c>
      <c r="AB6375">
        <v>44</v>
      </c>
      <c r="AC6375">
        <v>44</v>
      </c>
      <c r="AD6375">
        <v>44</v>
      </c>
      <c r="AE6375">
        <v>44</v>
      </c>
      <c r="AF6375">
        <v>44</v>
      </c>
      <c r="AG6375">
        <v>44</v>
      </c>
      <c r="AH6375">
        <v>44</v>
      </c>
      <c r="AI6375">
        <v>45</v>
      </c>
      <c r="AJ6375">
        <v>45</v>
      </c>
      <c r="AK6375">
        <v>45</v>
      </c>
      <c r="AL6375">
        <v>45</v>
      </c>
      <c r="AM6375">
        <v>45</v>
      </c>
      <c r="AN6375">
        <v>45</v>
      </c>
      <c r="AO6375">
        <v>45</v>
      </c>
      <c r="AP6375">
        <v>45</v>
      </c>
      <c r="AQ6375">
        <v>45</v>
      </c>
    </row>
    <row r="6376" spans="1:43">
      <c r="A6376" t="s">
        <v>3994</v>
      </c>
      <c r="B6376" t="s">
        <v>3995</v>
      </c>
      <c r="C6376" t="s">
        <v>3986</v>
      </c>
      <c r="D6376" t="s">
        <v>3987</v>
      </c>
      <c r="E6376" t="s">
        <v>3968</v>
      </c>
      <c r="F6376" t="s">
        <v>3969</v>
      </c>
      <c r="G6376" t="s">
        <v>80</v>
      </c>
      <c r="H6376" t="s">
        <v>81</v>
      </c>
      <c r="I6376" s="2">
        <v>0</v>
      </c>
      <c r="J6376" s="2">
        <v>1</v>
      </c>
      <c r="K6376" s="2">
        <v>0</v>
      </c>
      <c r="L6376" t="s">
        <v>82</v>
      </c>
      <c r="M6376" t="s">
        <v>89</v>
      </c>
      <c r="N6376" t="s">
        <v>90</v>
      </c>
      <c r="O6376" t="s">
        <v>85</v>
      </c>
      <c r="P6376" t="s">
        <v>86</v>
      </c>
      <c r="Q6376">
        <v>43</v>
      </c>
      <c r="R6376">
        <v>44</v>
      </c>
      <c r="S6376">
        <v>45</v>
      </c>
      <c r="T6376">
        <v>46</v>
      </c>
      <c r="U6376">
        <v>46</v>
      </c>
      <c r="V6376">
        <v>47</v>
      </c>
      <c r="W6376">
        <v>48</v>
      </c>
      <c r="X6376">
        <v>49</v>
      </c>
      <c r="Y6376">
        <v>49</v>
      </c>
      <c r="Z6376">
        <v>50</v>
      </c>
      <c r="AA6376">
        <v>51</v>
      </c>
      <c r="AB6376">
        <v>51</v>
      </c>
      <c r="AC6376">
        <v>52</v>
      </c>
      <c r="AD6376">
        <v>52</v>
      </c>
      <c r="AE6376">
        <v>53</v>
      </c>
      <c r="AF6376">
        <v>52</v>
      </c>
      <c r="AG6376">
        <v>52</v>
      </c>
      <c r="AH6376">
        <v>52</v>
      </c>
      <c r="AI6376">
        <v>52</v>
      </c>
      <c r="AJ6376">
        <v>52</v>
      </c>
      <c r="AK6376">
        <v>52</v>
      </c>
      <c r="AL6376">
        <v>52</v>
      </c>
      <c r="AM6376">
        <v>52</v>
      </c>
      <c r="AN6376">
        <v>51</v>
      </c>
      <c r="AO6376">
        <v>51</v>
      </c>
      <c r="AP6376">
        <v>51</v>
      </c>
      <c r="AQ6376">
        <v>51</v>
      </c>
    </row>
    <row r="6377" spans="1:43">
      <c r="A6377" t="s">
        <v>3994</v>
      </c>
      <c r="B6377" t="s">
        <v>3995</v>
      </c>
      <c r="C6377" t="s">
        <v>3986</v>
      </c>
      <c r="D6377" t="s">
        <v>3987</v>
      </c>
      <c r="E6377" t="s">
        <v>3968</v>
      </c>
      <c r="F6377" t="s">
        <v>3969</v>
      </c>
      <c r="G6377" t="s">
        <v>80</v>
      </c>
      <c r="H6377" t="s">
        <v>81</v>
      </c>
      <c r="I6377" s="2">
        <v>0</v>
      </c>
      <c r="J6377" s="2">
        <v>1</v>
      </c>
      <c r="K6377" s="2">
        <v>0</v>
      </c>
      <c r="L6377" t="s">
        <v>82</v>
      </c>
      <c r="M6377" t="s">
        <v>83</v>
      </c>
      <c r="N6377" t="s">
        <v>91</v>
      </c>
      <c r="O6377" t="s">
        <v>85</v>
      </c>
      <c r="P6377" t="s">
        <v>86</v>
      </c>
      <c r="Q6377">
        <v>43</v>
      </c>
      <c r="R6377">
        <v>43</v>
      </c>
      <c r="S6377">
        <v>44</v>
      </c>
      <c r="T6377">
        <v>44</v>
      </c>
      <c r="U6377">
        <v>45</v>
      </c>
      <c r="V6377">
        <v>45</v>
      </c>
      <c r="W6377">
        <v>46</v>
      </c>
      <c r="X6377">
        <v>46</v>
      </c>
      <c r="Y6377">
        <v>46</v>
      </c>
      <c r="Z6377">
        <v>47</v>
      </c>
      <c r="AA6377">
        <v>47</v>
      </c>
      <c r="AB6377">
        <v>48</v>
      </c>
      <c r="AC6377">
        <v>48</v>
      </c>
      <c r="AD6377">
        <v>49</v>
      </c>
      <c r="AE6377">
        <v>49</v>
      </c>
      <c r="AF6377">
        <v>49</v>
      </c>
      <c r="AG6377">
        <v>50</v>
      </c>
      <c r="AH6377">
        <v>50</v>
      </c>
      <c r="AI6377">
        <v>50</v>
      </c>
      <c r="AJ6377">
        <v>51</v>
      </c>
      <c r="AK6377">
        <v>51</v>
      </c>
      <c r="AL6377">
        <v>51</v>
      </c>
      <c r="AM6377">
        <v>51</v>
      </c>
      <c r="AN6377">
        <v>51</v>
      </c>
      <c r="AO6377">
        <v>51</v>
      </c>
      <c r="AP6377">
        <v>51</v>
      </c>
      <c r="AQ6377">
        <v>51</v>
      </c>
    </row>
    <row r="6378" spans="1:43">
      <c r="A6378" t="s">
        <v>3996</v>
      </c>
      <c r="B6378" t="s">
        <v>3997</v>
      </c>
      <c r="C6378" t="s">
        <v>3998</v>
      </c>
      <c r="D6378" t="s">
        <v>3999</v>
      </c>
      <c r="E6378" t="s">
        <v>3968</v>
      </c>
      <c r="F6378" t="s">
        <v>3969</v>
      </c>
      <c r="G6378" t="s">
        <v>80</v>
      </c>
      <c r="H6378" t="s">
        <v>81</v>
      </c>
      <c r="I6378" s="2">
        <v>0</v>
      </c>
      <c r="J6378" s="2">
        <v>1</v>
      </c>
      <c r="K6378" s="2">
        <v>0</v>
      </c>
      <c r="L6378" t="s">
        <v>82</v>
      </c>
      <c r="M6378" t="s">
        <v>83</v>
      </c>
      <c r="N6378" t="s">
        <v>84</v>
      </c>
      <c r="O6378" t="s">
        <v>85</v>
      </c>
      <c r="P6378" t="s">
        <v>86</v>
      </c>
      <c r="Q6378">
        <v>186</v>
      </c>
      <c r="R6378">
        <v>188</v>
      </c>
      <c r="S6378">
        <v>190</v>
      </c>
      <c r="T6378">
        <v>193</v>
      </c>
      <c r="U6378">
        <v>195</v>
      </c>
      <c r="V6378">
        <v>197</v>
      </c>
      <c r="W6378">
        <v>200</v>
      </c>
      <c r="X6378">
        <v>202</v>
      </c>
      <c r="Y6378">
        <v>204</v>
      </c>
      <c r="Z6378">
        <v>206</v>
      </c>
      <c r="AA6378">
        <v>209</v>
      </c>
      <c r="AB6378">
        <v>211</v>
      </c>
      <c r="AC6378">
        <v>213</v>
      </c>
      <c r="AD6378">
        <v>215</v>
      </c>
      <c r="AE6378">
        <v>217</v>
      </c>
      <c r="AF6378">
        <v>219</v>
      </c>
      <c r="AG6378">
        <v>221</v>
      </c>
      <c r="AH6378">
        <v>223</v>
      </c>
      <c r="AI6378">
        <v>225</v>
      </c>
      <c r="AJ6378">
        <v>226</v>
      </c>
      <c r="AK6378">
        <v>228</v>
      </c>
      <c r="AL6378">
        <v>229</v>
      </c>
      <c r="AM6378">
        <v>229</v>
      </c>
      <c r="AN6378">
        <v>228</v>
      </c>
      <c r="AO6378">
        <v>228</v>
      </c>
      <c r="AP6378">
        <v>228</v>
      </c>
      <c r="AQ6378">
        <v>228</v>
      </c>
    </row>
    <row r="6379" spans="1:43">
      <c r="A6379" t="s">
        <v>3996</v>
      </c>
      <c r="B6379" t="s">
        <v>3997</v>
      </c>
      <c r="C6379" t="s">
        <v>3998</v>
      </c>
      <c r="D6379" t="s">
        <v>3999</v>
      </c>
      <c r="E6379" t="s">
        <v>3968</v>
      </c>
      <c r="F6379" t="s">
        <v>3969</v>
      </c>
      <c r="G6379" t="s">
        <v>80</v>
      </c>
      <c r="H6379" t="s">
        <v>81</v>
      </c>
      <c r="I6379" s="2">
        <v>0</v>
      </c>
      <c r="J6379" s="2">
        <v>1</v>
      </c>
      <c r="K6379" s="2">
        <v>0</v>
      </c>
      <c r="L6379" t="s">
        <v>82</v>
      </c>
      <c r="M6379" t="s">
        <v>87</v>
      </c>
      <c r="N6379" t="s">
        <v>88</v>
      </c>
      <c r="O6379" t="s">
        <v>85</v>
      </c>
      <c r="P6379" t="s">
        <v>86</v>
      </c>
      <c r="Q6379">
        <v>186</v>
      </c>
      <c r="R6379">
        <v>187</v>
      </c>
      <c r="S6379">
        <v>187</v>
      </c>
      <c r="T6379">
        <v>188</v>
      </c>
      <c r="U6379">
        <v>189</v>
      </c>
      <c r="V6379">
        <v>189</v>
      </c>
      <c r="W6379">
        <v>190</v>
      </c>
      <c r="X6379">
        <v>190</v>
      </c>
      <c r="Y6379">
        <v>191</v>
      </c>
      <c r="Z6379">
        <v>191</v>
      </c>
      <c r="AA6379">
        <v>192</v>
      </c>
      <c r="AB6379">
        <v>192</v>
      </c>
      <c r="AC6379">
        <v>193</v>
      </c>
      <c r="AD6379">
        <v>193</v>
      </c>
      <c r="AE6379">
        <v>194</v>
      </c>
      <c r="AF6379">
        <v>194</v>
      </c>
      <c r="AG6379">
        <v>195</v>
      </c>
      <c r="AH6379">
        <v>195</v>
      </c>
      <c r="AI6379">
        <v>195</v>
      </c>
      <c r="AJ6379">
        <v>196</v>
      </c>
      <c r="AK6379">
        <v>196</v>
      </c>
      <c r="AL6379">
        <v>196</v>
      </c>
      <c r="AM6379">
        <v>197</v>
      </c>
      <c r="AN6379">
        <v>197</v>
      </c>
      <c r="AO6379">
        <v>197</v>
      </c>
      <c r="AP6379">
        <v>198</v>
      </c>
      <c r="AQ6379">
        <v>198</v>
      </c>
    </row>
    <row r="6380" spans="1:43">
      <c r="A6380" t="s">
        <v>3996</v>
      </c>
      <c r="B6380" t="s">
        <v>3997</v>
      </c>
      <c r="C6380" t="s">
        <v>3998</v>
      </c>
      <c r="D6380" t="s">
        <v>3999</v>
      </c>
      <c r="E6380" t="s">
        <v>3968</v>
      </c>
      <c r="F6380" t="s">
        <v>3969</v>
      </c>
      <c r="G6380" t="s">
        <v>80</v>
      </c>
      <c r="H6380" t="s">
        <v>81</v>
      </c>
      <c r="I6380" s="2">
        <v>0</v>
      </c>
      <c r="J6380" s="2">
        <v>1</v>
      </c>
      <c r="K6380" s="2">
        <v>0</v>
      </c>
      <c r="L6380" t="s">
        <v>82</v>
      </c>
      <c r="M6380" t="s">
        <v>89</v>
      </c>
      <c r="N6380" t="s">
        <v>90</v>
      </c>
      <c r="O6380" t="s">
        <v>85</v>
      </c>
      <c r="P6380" t="s">
        <v>86</v>
      </c>
      <c r="Q6380">
        <v>186</v>
      </c>
      <c r="R6380">
        <v>190</v>
      </c>
      <c r="S6380">
        <v>194</v>
      </c>
      <c r="T6380">
        <v>198</v>
      </c>
      <c r="U6380">
        <v>202</v>
      </c>
      <c r="V6380">
        <v>206</v>
      </c>
      <c r="W6380">
        <v>209</v>
      </c>
      <c r="X6380">
        <v>212</v>
      </c>
      <c r="Y6380">
        <v>215</v>
      </c>
      <c r="Z6380">
        <v>218</v>
      </c>
      <c r="AA6380">
        <v>221</v>
      </c>
      <c r="AB6380">
        <v>224</v>
      </c>
      <c r="AC6380">
        <v>227</v>
      </c>
      <c r="AD6380">
        <v>230</v>
      </c>
      <c r="AE6380">
        <v>232</v>
      </c>
      <c r="AF6380">
        <v>232</v>
      </c>
      <c r="AG6380">
        <v>232</v>
      </c>
      <c r="AH6380">
        <v>232</v>
      </c>
      <c r="AI6380">
        <v>232</v>
      </c>
      <c r="AJ6380">
        <v>232</v>
      </c>
      <c r="AK6380">
        <v>231</v>
      </c>
      <c r="AL6380">
        <v>231</v>
      </c>
      <c r="AM6380">
        <v>231</v>
      </c>
      <c r="AN6380">
        <v>231</v>
      </c>
      <c r="AO6380">
        <v>231</v>
      </c>
      <c r="AP6380">
        <v>231</v>
      </c>
      <c r="AQ6380">
        <v>230</v>
      </c>
    </row>
    <row r="6381" spans="1:43">
      <c r="A6381" t="s">
        <v>3996</v>
      </c>
      <c r="B6381" t="s">
        <v>3997</v>
      </c>
      <c r="C6381" t="s">
        <v>3998</v>
      </c>
      <c r="D6381" t="s">
        <v>3999</v>
      </c>
      <c r="E6381" t="s">
        <v>3968</v>
      </c>
      <c r="F6381" t="s">
        <v>3969</v>
      </c>
      <c r="G6381" t="s">
        <v>80</v>
      </c>
      <c r="H6381" t="s">
        <v>81</v>
      </c>
      <c r="I6381" s="2">
        <v>0</v>
      </c>
      <c r="J6381" s="2">
        <v>1</v>
      </c>
      <c r="K6381" s="2">
        <v>0</v>
      </c>
      <c r="L6381" t="s">
        <v>82</v>
      </c>
      <c r="M6381" t="s">
        <v>83</v>
      </c>
      <c r="N6381" t="s">
        <v>91</v>
      </c>
      <c r="O6381" t="s">
        <v>85</v>
      </c>
      <c r="P6381" t="s">
        <v>86</v>
      </c>
      <c r="Q6381">
        <v>186</v>
      </c>
      <c r="R6381">
        <v>188</v>
      </c>
      <c r="S6381">
        <v>190</v>
      </c>
      <c r="T6381">
        <v>193</v>
      </c>
      <c r="U6381">
        <v>195</v>
      </c>
      <c r="V6381">
        <v>197</v>
      </c>
      <c r="W6381">
        <v>200</v>
      </c>
      <c r="X6381">
        <v>202</v>
      </c>
      <c r="Y6381">
        <v>204</v>
      </c>
      <c r="Z6381">
        <v>206</v>
      </c>
      <c r="AA6381">
        <v>209</v>
      </c>
      <c r="AB6381">
        <v>211</v>
      </c>
      <c r="AC6381">
        <v>213</v>
      </c>
      <c r="AD6381">
        <v>215</v>
      </c>
      <c r="AE6381">
        <v>217</v>
      </c>
      <c r="AF6381">
        <v>219</v>
      </c>
      <c r="AG6381">
        <v>221</v>
      </c>
      <c r="AH6381">
        <v>223</v>
      </c>
      <c r="AI6381">
        <v>225</v>
      </c>
      <c r="AJ6381">
        <v>226</v>
      </c>
      <c r="AK6381">
        <v>228</v>
      </c>
      <c r="AL6381">
        <v>229</v>
      </c>
      <c r="AM6381">
        <v>229</v>
      </c>
      <c r="AN6381">
        <v>228</v>
      </c>
      <c r="AO6381">
        <v>228</v>
      </c>
      <c r="AP6381">
        <v>228</v>
      </c>
      <c r="AQ6381">
        <v>228</v>
      </c>
    </row>
    <row r="6382" spans="1:43">
      <c r="A6382" t="s">
        <v>4000</v>
      </c>
      <c r="B6382" t="s">
        <v>4001</v>
      </c>
      <c r="C6382" t="s">
        <v>3986</v>
      </c>
      <c r="D6382" t="s">
        <v>3987</v>
      </c>
      <c r="E6382" t="s">
        <v>3968</v>
      </c>
      <c r="F6382" t="s">
        <v>3969</v>
      </c>
      <c r="G6382" t="s">
        <v>80</v>
      </c>
      <c r="H6382" t="s">
        <v>81</v>
      </c>
      <c r="I6382" s="2">
        <v>0</v>
      </c>
      <c r="J6382" s="2">
        <v>1</v>
      </c>
      <c r="K6382" s="2">
        <v>0</v>
      </c>
      <c r="L6382" t="s">
        <v>82</v>
      </c>
      <c r="M6382" t="s">
        <v>83</v>
      </c>
      <c r="N6382" t="s">
        <v>84</v>
      </c>
      <c r="O6382" t="s">
        <v>85</v>
      </c>
      <c r="P6382" t="s">
        <v>86</v>
      </c>
      <c r="Q6382">
        <v>18</v>
      </c>
      <c r="R6382">
        <v>19</v>
      </c>
      <c r="S6382">
        <v>19</v>
      </c>
      <c r="T6382">
        <v>19</v>
      </c>
      <c r="U6382">
        <v>19</v>
      </c>
      <c r="V6382">
        <v>19</v>
      </c>
      <c r="W6382">
        <v>20</v>
      </c>
      <c r="X6382">
        <v>20</v>
      </c>
      <c r="Y6382">
        <v>20</v>
      </c>
      <c r="Z6382">
        <v>20</v>
      </c>
      <c r="AA6382">
        <v>20</v>
      </c>
      <c r="AB6382">
        <v>21</v>
      </c>
      <c r="AC6382">
        <v>21</v>
      </c>
      <c r="AD6382">
        <v>21</v>
      </c>
      <c r="AE6382">
        <v>21</v>
      </c>
      <c r="AF6382">
        <v>21</v>
      </c>
      <c r="AG6382">
        <v>22</v>
      </c>
      <c r="AH6382">
        <v>22</v>
      </c>
      <c r="AI6382">
        <v>22</v>
      </c>
      <c r="AJ6382">
        <v>22</v>
      </c>
      <c r="AK6382">
        <v>22</v>
      </c>
      <c r="AL6382">
        <v>22</v>
      </c>
      <c r="AM6382">
        <v>22</v>
      </c>
      <c r="AN6382">
        <v>22</v>
      </c>
      <c r="AO6382">
        <v>22</v>
      </c>
      <c r="AP6382">
        <v>22</v>
      </c>
      <c r="AQ6382">
        <v>22</v>
      </c>
    </row>
    <row r="6383" spans="1:43">
      <c r="A6383" t="s">
        <v>4000</v>
      </c>
      <c r="B6383" t="s">
        <v>4001</v>
      </c>
      <c r="C6383" t="s">
        <v>3986</v>
      </c>
      <c r="D6383" t="s">
        <v>3987</v>
      </c>
      <c r="E6383" t="s">
        <v>3968</v>
      </c>
      <c r="F6383" t="s">
        <v>3969</v>
      </c>
      <c r="G6383" t="s">
        <v>80</v>
      </c>
      <c r="H6383" t="s">
        <v>81</v>
      </c>
      <c r="I6383" s="2">
        <v>0</v>
      </c>
      <c r="J6383" s="2">
        <v>1</v>
      </c>
      <c r="K6383" s="2">
        <v>0</v>
      </c>
      <c r="L6383" t="s">
        <v>82</v>
      </c>
      <c r="M6383" t="s">
        <v>87</v>
      </c>
      <c r="N6383" t="s">
        <v>88</v>
      </c>
      <c r="O6383" t="s">
        <v>85</v>
      </c>
      <c r="P6383" t="s">
        <v>86</v>
      </c>
      <c r="Q6383">
        <v>18</v>
      </c>
      <c r="R6383">
        <v>18</v>
      </c>
      <c r="S6383">
        <v>18</v>
      </c>
      <c r="T6383">
        <v>18</v>
      </c>
      <c r="U6383">
        <v>18</v>
      </c>
      <c r="V6383">
        <v>18</v>
      </c>
      <c r="W6383">
        <v>19</v>
      </c>
      <c r="X6383">
        <v>19</v>
      </c>
      <c r="Y6383">
        <v>19</v>
      </c>
      <c r="Z6383">
        <v>19</v>
      </c>
      <c r="AA6383">
        <v>19</v>
      </c>
      <c r="AB6383">
        <v>19</v>
      </c>
      <c r="AC6383">
        <v>19</v>
      </c>
      <c r="AD6383">
        <v>19</v>
      </c>
      <c r="AE6383">
        <v>19</v>
      </c>
      <c r="AF6383">
        <v>19</v>
      </c>
      <c r="AG6383">
        <v>19</v>
      </c>
      <c r="AH6383">
        <v>19</v>
      </c>
      <c r="AI6383">
        <v>19</v>
      </c>
      <c r="AJ6383">
        <v>19</v>
      </c>
      <c r="AK6383">
        <v>19</v>
      </c>
      <c r="AL6383">
        <v>19</v>
      </c>
      <c r="AM6383">
        <v>19</v>
      </c>
      <c r="AN6383">
        <v>19</v>
      </c>
      <c r="AO6383">
        <v>19</v>
      </c>
      <c r="AP6383">
        <v>19</v>
      </c>
      <c r="AQ6383">
        <v>19</v>
      </c>
    </row>
    <row r="6384" spans="1:43">
      <c r="A6384" t="s">
        <v>4000</v>
      </c>
      <c r="B6384" t="s">
        <v>4001</v>
      </c>
      <c r="C6384" t="s">
        <v>3986</v>
      </c>
      <c r="D6384" t="s">
        <v>3987</v>
      </c>
      <c r="E6384" t="s">
        <v>3968</v>
      </c>
      <c r="F6384" t="s">
        <v>3969</v>
      </c>
      <c r="G6384" t="s">
        <v>80</v>
      </c>
      <c r="H6384" t="s">
        <v>81</v>
      </c>
      <c r="I6384" s="2">
        <v>0</v>
      </c>
      <c r="J6384" s="2">
        <v>1</v>
      </c>
      <c r="K6384" s="2">
        <v>0</v>
      </c>
      <c r="L6384" t="s">
        <v>82</v>
      </c>
      <c r="M6384" t="s">
        <v>89</v>
      </c>
      <c r="N6384" t="s">
        <v>90</v>
      </c>
      <c r="O6384" t="s">
        <v>85</v>
      </c>
      <c r="P6384" t="s">
        <v>86</v>
      </c>
      <c r="Q6384">
        <v>18</v>
      </c>
      <c r="R6384">
        <v>18</v>
      </c>
      <c r="S6384">
        <v>18</v>
      </c>
      <c r="T6384">
        <v>19</v>
      </c>
      <c r="U6384">
        <v>19</v>
      </c>
      <c r="V6384">
        <v>19</v>
      </c>
      <c r="W6384">
        <v>20</v>
      </c>
      <c r="X6384">
        <v>20</v>
      </c>
      <c r="Y6384">
        <v>20</v>
      </c>
      <c r="Z6384">
        <v>21</v>
      </c>
      <c r="AA6384">
        <v>21</v>
      </c>
      <c r="AB6384">
        <v>21</v>
      </c>
      <c r="AC6384">
        <v>21</v>
      </c>
      <c r="AD6384">
        <v>22</v>
      </c>
      <c r="AE6384">
        <v>22</v>
      </c>
      <c r="AF6384">
        <v>22</v>
      </c>
      <c r="AG6384">
        <v>22</v>
      </c>
      <c r="AH6384">
        <v>22</v>
      </c>
      <c r="AI6384">
        <v>22</v>
      </c>
      <c r="AJ6384">
        <v>21</v>
      </c>
      <c r="AK6384">
        <v>21</v>
      </c>
      <c r="AL6384">
        <v>21</v>
      </c>
      <c r="AM6384">
        <v>21</v>
      </c>
      <c r="AN6384">
        <v>21</v>
      </c>
      <c r="AO6384">
        <v>21</v>
      </c>
      <c r="AP6384">
        <v>21</v>
      </c>
      <c r="AQ6384">
        <v>21</v>
      </c>
    </row>
    <row r="6385" spans="1:43">
      <c r="A6385" t="s">
        <v>4000</v>
      </c>
      <c r="B6385" t="s">
        <v>4001</v>
      </c>
      <c r="C6385" t="s">
        <v>3986</v>
      </c>
      <c r="D6385" t="s">
        <v>3987</v>
      </c>
      <c r="E6385" t="s">
        <v>3968</v>
      </c>
      <c r="F6385" t="s">
        <v>3969</v>
      </c>
      <c r="G6385" t="s">
        <v>80</v>
      </c>
      <c r="H6385" t="s">
        <v>81</v>
      </c>
      <c r="I6385" s="2">
        <v>0</v>
      </c>
      <c r="J6385" s="2">
        <v>1</v>
      </c>
      <c r="K6385" s="2">
        <v>0</v>
      </c>
      <c r="L6385" t="s">
        <v>82</v>
      </c>
      <c r="M6385" t="s">
        <v>83</v>
      </c>
      <c r="N6385" t="s">
        <v>91</v>
      </c>
      <c r="O6385" t="s">
        <v>85</v>
      </c>
      <c r="P6385" t="s">
        <v>86</v>
      </c>
      <c r="Q6385">
        <v>18</v>
      </c>
      <c r="R6385">
        <v>19</v>
      </c>
      <c r="S6385">
        <v>19</v>
      </c>
      <c r="T6385">
        <v>19</v>
      </c>
      <c r="U6385">
        <v>19</v>
      </c>
      <c r="V6385">
        <v>19</v>
      </c>
      <c r="W6385">
        <v>20</v>
      </c>
      <c r="X6385">
        <v>20</v>
      </c>
      <c r="Y6385">
        <v>20</v>
      </c>
      <c r="Z6385">
        <v>20</v>
      </c>
      <c r="AA6385">
        <v>20</v>
      </c>
      <c r="AB6385">
        <v>21</v>
      </c>
      <c r="AC6385">
        <v>21</v>
      </c>
      <c r="AD6385">
        <v>21</v>
      </c>
      <c r="AE6385">
        <v>21</v>
      </c>
      <c r="AF6385">
        <v>21</v>
      </c>
      <c r="AG6385">
        <v>22</v>
      </c>
      <c r="AH6385">
        <v>22</v>
      </c>
      <c r="AI6385">
        <v>22</v>
      </c>
      <c r="AJ6385">
        <v>22</v>
      </c>
      <c r="AK6385">
        <v>22</v>
      </c>
      <c r="AL6385">
        <v>22</v>
      </c>
      <c r="AM6385">
        <v>22</v>
      </c>
      <c r="AN6385">
        <v>22</v>
      </c>
      <c r="AO6385">
        <v>22</v>
      </c>
      <c r="AP6385">
        <v>22</v>
      </c>
      <c r="AQ6385">
        <v>22</v>
      </c>
    </row>
    <row r="6386" spans="1:43">
      <c r="A6386" t="s">
        <v>4002</v>
      </c>
      <c r="B6386" t="s">
        <v>4003</v>
      </c>
      <c r="C6386" t="s">
        <v>3986</v>
      </c>
      <c r="D6386" t="s">
        <v>3987</v>
      </c>
      <c r="E6386" t="s">
        <v>3968</v>
      </c>
      <c r="F6386" t="s">
        <v>3969</v>
      </c>
      <c r="G6386" t="s">
        <v>80</v>
      </c>
      <c r="H6386" t="s">
        <v>81</v>
      </c>
      <c r="I6386" s="2">
        <v>0</v>
      </c>
      <c r="J6386" s="2">
        <v>1</v>
      </c>
      <c r="K6386" s="2">
        <v>0</v>
      </c>
      <c r="L6386" t="s">
        <v>82</v>
      </c>
      <c r="M6386" t="s">
        <v>83</v>
      </c>
      <c r="N6386" t="s">
        <v>84</v>
      </c>
      <c r="O6386" t="s">
        <v>85</v>
      </c>
      <c r="P6386" t="s">
        <v>86</v>
      </c>
      <c r="Q6386">
        <v>55</v>
      </c>
      <c r="R6386">
        <v>55</v>
      </c>
      <c r="S6386">
        <v>56</v>
      </c>
      <c r="T6386">
        <v>57</v>
      </c>
      <c r="U6386">
        <v>57</v>
      </c>
      <c r="V6386">
        <v>58</v>
      </c>
      <c r="W6386">
        <v>59</v>
      </c>
      <c r="X6386">
        <v>59</v>
      </c>
      <c r="Y6386">
        <v>60</v>
      </c>
      <c r="Z6386">
        <v>60</v>
      </c>
      <c r="AA6386">
        <v>61</v>
      </c>
      <c r="AB6386">
        <v>61</v>
      </c>
      <c r="AC6386">
        <v>62</v>
      </c>
      <c r="AD6386">
        <v>62</v>
      </c>
      <c r="AE6386">
        <v>63</v>
      </c>
      <c r="AF6386">
        <v>63</v>
      </c>
      <c r="AG6386">
        <v>64</v>
      </c>
      <c r="AH6386">
        <v>64</v>
      </c>
      <c r="AI6386">
        <v>65</v>
      </c>
      <c r="AJ6386">
        <v>65</v>
      </c>
      <c r="AK6386">
        <v>66</v>
      </c>
      <c r="AL6386">
        <v>66</v>
      </c>
      <c r="AM6386">
        <v>66</v>
      </c>
      <c r="AN6386">
        <v>65</v>
      </c>
      <c r="AO6386">
        <v>65</v>
      </c>
      <c r="AP6386">
        <v>65</v>
      </c>
      <c r="AQ6386">
        <v>65</v>
      </c>
    </row>
    <row r="6387" spans="1:43">
      <c r="A6387" t="s">
        <v>4002</v>
      </c>
      <c r="B6387" t="s">
        <v>4003</v>
      </c>
      <c r="C6387" t="s">
        <v>3986</v>
      </c>
      <c r="D6387" t="s">
        <v>3987</v>
      </c>
      <c r="E6387" t="s">
        <v>3968</v>
      </c>
      <c r="F6387" t="s">
        <v>3969</v>
      </c>
      <c r="G6387" t="s">
        <v>80</v>
      </c>
      <c r="H6387" t="s">
        <v>81</v>
      </c>
      <c r="I6387" s="2">
        <v>0</v>
      </c>
      <c r="J6387" s="2">
        <v>1</v>
      </c>
      <c r="K6387" s="2">
        <v>0</v>
      </c>
      <c r="L6387" t="s">
        <v>82</v>
      </c>
      <c r="M6387" t="s">
        <v>87</v>
      </c>
      <c r="N6387" t="s">
        <v>88</v>
      </c>
      <c r="O6387" t="s">
        <v>85</v>
      </c>
      <c r="P6387" t="s">
        <v>86</v>
      </c>
      <c r="Q6387">
        <v>55</v>
      </c>
      <c r="R6387">
        <v>55</v>
      </c>
      <c r="S6387">
        <v>56</v>
      </c>
      <c r="T6387">
        <v>56</v>
      </c>
      <c r="U6387">
        <v>56</v>
      </c>
      <c r="V6387">
        <v>56</v>
      </c>
      <c r="W6387">
        <v>56</v>
      </c>
      <c r="X6387">
        <v>56</v>
      </c>
      <c r="Y6387">
        <v>56</v>
      </c>
      <c r="Z6387">
        <v>56</v>
      </c>
      <c r="AA6387">
        <v>56</v>
      </c>
      <c r="AB6387">
        <v>56</v>
      </c>
      <c r="AC6387">
        <v>57</v>
      </c>
      <c r="AD6387">
        <v>57</v>
      </c>
      <c r="AE6387">
        <v>57</v>
      </c>
      <c r="AF6387">
        <v>57</v>
      </c>
      <c r="AG6387">
        <v>57</v>
      </c>
      <c r="AH6387">
        <v>57</v>
      </c>
      <c r="AI6387">
        <v>57</v>
      </c>
      <c r="AJ6387">
        <v>57</v>
      </c>
      <c r="AK6387">
        <v>57</v>
      </c>
      <c r="AL6387">
        <v>57</v>
      </c>
      <c r="AM6387">
        <v>57</v>
      </c>
      <c r="AN6387">
        <v>57</v>
      </c>
      <c r="AO6387">
        <v>57</v>
      </c>
      <c r="AP6387">
        <v>57</v>
      </c>
      <c r="AQ6387">
        <v>57</v>
      </c>
    </row>
    <row r="6388" spans="1:43">
      <c r="A6388" t="s">
        <v>4002</v>
      </c>
      <c r="B6388" t="s">
        <v>4003</v>
      </c>
      <c r="C6388" t="s">
        <v>3986</v>
      </c>
      <c r="D6388" t="s">
        <v>3987</v>
      </c>
      <c r="E6388" t="s">
        <v>3968</v>
      </c>
      <c r="F6388" t="s">
        <v>3969</v>
      </c>
      <c r="G6388" t="s">
        <v>80</v>
      </c>
      <c r="H6388" t="s">
        <v>81</v>
      </c>
      <c r="I6388" s="2">
        <v>0</v>
      </c>
      <c r="J6388" s="2">
        <v>1</v>
      </c>
      <c r="K6388" s="2">
        <v>0</v>
      </c>
      <c r="L6388" t="s">
        <v>82</v>
      </c>
      <c r="M6388" t="s">
        <v>89</v>
      </c>
      <c r="N6388" t="s">
        <v>90</v>
      </c>
      <c r="O6388" t="s">
        <v>85</v>
      </c>
      <c r="P6388" t="s">
        <v>86</v>
      </c>
      <c r="Q6388">
        <v>55</v>
      </c>
      <c r="R6388">
        <v>56</v>
      </c>
      <c r="S6388">
        <v>57</v>
      </c>
      <c r="T6388">
        <v>59</v>
      </c>
      <c r="U6388">
        <v>60</v>
      </c>
      <c r="V6388">
        <v>61</v>
      </c>
      <c r="W6388">
        <v>62</v>
      </c>
      <c r="X6388">
        <v>62</v>
      </c>
      <c r="Y6388">
        <v>63</v>
      </c>
      <c r="Z6388">
        <v>64</v>
      </c>
      <c r="AA6388">
        <v>65</v>
      </c>
      <c r="AB6388">
        <v>66</v>
      </c>
      <c r="AC6388">
        <v>66</v>
      </c>
      <c r="AD6388">
        <v>67</v>
      </c>
      <c r="AE6388">
        <v>68</v>
      </c>
      <c r="AF6388">
        <v>67</v>
      </c>
      <c r="AG6388">
        <v>67</v>
      </c>
      <c r="AH6388">
        <v>67</v>
      </c>
      <c r="AI6388">
        <v>67</v>
      </c>
      <c r="AJ6388">
        <v>67</v>
      </c>
      <c r="AK6388">
        <v>67</v>
      </c>
      <c r="AL6388">
        <v>66</v>
      </c>
      <c r="AM6388">
        <v>66</v>
      </c>
      <c r="AN6388">
        <v>66</v>
      </c>
      <c r="AO6388">
        <v>66</v>
      </c>
      <c r="AP6388">
        <v>66</v>
      </c>
      <c r="AQ6388">
        <v>66</v>
      </c>
    </row>
    <row r="6389" spans="1:43">
      <c r="A6389" t="s">
        <v>4002</v>
      </c>
      <c r="B6389" t="s">
        <v>4003</v>
      </c>
      <c r="C6389" t="s">
        <v>3986</v>
      </c>
      <c r="D6389" t="s">
        <v>3987</v>
      </c>
      <c r="E6389" t="s">
        <v>3968</v>
      </c>
      <c r="F6389" t="s">
        <v>3969</v>
      </c>
      <c r="G6389" t="s">
        <v>80</v>
      </c>
      <c r="H6389" t="s">
        <v>81</v>
      </c>
      <c r="I6389" s="2">
        <v>0</v>
      </c>
      <c r="J6389" s="2">
        <v>1</v>
      </c>
      <c r="K6389" s="2">
        <v>0</v>
      </c>
      <c r="L6389" t="s">
        <v>82</v>
      </c>
      <c r="M6389" t="s">
        <v>83</v>
      </c>
      <c r="N6389" t="s">
        <v>91</v>
      </c>
      <c r="O6389" t="s">
        <v>85</v>
      </c>
      <c r="P6389" t="s">
        <v>86</v>
      </c>
      <c r="Q6389">
        <v>55</v>
      </c>
      <c r="R6389">
        <v>55</v>
      </c>
      <c r="S6389">
        <v>56</v>
      </c>
      <c r="T6389">
        <v>57</v>
      </c>
      <c r="U6389">
        <v>57</v>
      </c>
      <c r="V6389">
        <v>58</v>
      </c>
      <c r="W6389">
        <v>59</v>
      </c>
      <c r="X6389">
        <v>59</v>
      </c>
      <c r="Y6389">
        <v>60</v>
      </c>
      <c r="Z6389">
        <v>60</v>
      </c>
      <c r="AA6389">
        <v>61</v>
      </c>
      <c r="AB6389">
        <v>61</v>
      </c>
      <c r="AC6389">
        <v>62</v>
      </c>
      <c r="AD6389">
        <v>62</v>
      </c>
      <c r="AE6389">
        <v>63</v>
      </c>
      <c r="AF6389">
        <v>63</v>
      </c>
      <c r="AG6389">
        <v>64</v>
      </c>
      <c r="AH6389">
        <v>64</v>
      </c>
      <c r="AI6389">
        <v>65</v>
      </c>
      <c r="AJ6389">
        <v>65</v>
      </c>
      <c r="AK6389">
        <v>66</v>
      </c>
      <c r="AL6389">
        <v>66</v>
      </c>
      <c r="AM6389">
        <v>66</v>
      </c>
      <c r="AN6389">
        <v>65</v>
      </c>
      <c r="AO6389">
        <v>65</v>
      </c>
      <c r="AP6389">
        <v>65</v>
      </c>
      <c r="AQ6389">
        <v>65</v>
      </c>
    </row>
    <row r="6390" spans="1:43">
      <c r="A6390" t="s">
        <v>4004</v>
      </c>
      <c r="B6390" t="s">
        <v>4005</v>
      </c>
      <c r="C6390" t="s">
        <v>3990</v>
      </c>
      <c r="D6390" t="s">
        <v>3991</v>
      </c>
      <c r="E6390" t="s">
        <v>3968</v>
      </c>
      <c r="F6390" t="s">
        <v>3969</v>
      </c>
      <c r="G6390" t="s">
        <v>80</v>
      </c>
      <c r="H6390" t="s">
        <v>81</v>
      </c>
      <c r="I6390" s="2">
        <v>0</v>
      </c>
      <c r="J6390" s="2">
        <v>1</v>
      </c>
      <c r="K6390" s="2">
        <v>0</v>
      </c>
      <c r="L6390" t="s">
        <v>82</v>
      </c>
      <c r="M6390" t="s">
        <v>83</v>
      </c>
      <c r="N6390" t="s">
        <v>84</v>
      </c>
      <c r="O6390" t="s">
        <v>85</v>
      </c>
      <c r="P6390" t="s">
        <v>86</v>
      </c>
      <c r="Q6390">
        <v>92</v>
      </c>
      <c r="R6390">
        <v>93</v>
      </c>
      <c r="S6390">
        <v>94</v>
      </c>
      <c r="T6390">
        <v>95</v>
      </c>
      <c r="U6390">
        <v>96</v>
      </c>
      <c r="V6390">
        <v>97</v>
      </c>
      <c r="W6390">
        <v>98</v>
      </c>
      <c r="X6390">
        <v>99</v>
      </c>
      <c r="Y6390">
        <v>100</v>
      </c>
      <c r="Z6390">
        <v>101</v>
      </c>
      <c r="AA6390">
        <v>102</v>
      </c>
      <c r="AB6390">
        <v>103</v>
      </c>
      <c r="AC6390">
        <v>104</v>
      </c>
      <c r="AD6390">
        <v>104</v>
      </c>
      <c r="AE6390">
        <v>105</v>
      </c>
      <c r="AF6390">
        <v>106</v>
      </c>
      <c r="AG6390">
        <v>107</v>
      </c>
      <c r="AH6390">
        <v>108</v>
      </c>
      <c r="AI6390">
        <v>108</v>
      </c>
      <c r="AJ6390">
        <v>109</v>
      </c>
      <c r="AK6390">
        <v>110</v>
      </c>
      <c r="AL6390">
        <v>110</v>
      </c>
      <c r="AM6390">
        <v>110</v>
      </c>
      <c r="AN6390">
        <v>109</v>
      </c>
      <c r="AO6390">
        <v>109</v>
      </c>
      <c r="AP6390">
        <v>109</v>
      </c>
      <c r="AQ6390">
        <v>108</v>
      </c>
    </row>
    <row r="6391" spans="1:43">
      <c r="A6391" t="s">
        <v>4004</v>
      </c>
      <c r="B6391" t="s">
        <v>4005</v>
      </c>
      <c r="C6391" t="s">
        <v>3990</v>
      </c>
      <c r="D6391" t="s">
        <v>3991</v>
      </c>
      <c r="E6391" t="s">
        <v>3968</v>
      </c>
      <c r="F6391" t="s">
        <v>3969</v>
      </c>
      <c r="G6391" t="s">
        <v>80</v>
      </c>
      <c r="H6391" t="s">
        <v>81</v>
      </c>
      <c r="I6391" s="2">
        <v>0</v>
      </c>
      <c r="J6391" s="2">
        <v>1</v>
      </c>
      <c r="K6391" s="2">
        <v>0</v>
      </c>
      <c r="L6391" t="s">
        <v>82</v>
      </c>
      <c r="M6391" t="s">
        <v>87</v>
      </c>
      <c r="N6391" t="s">
        <v>88</v>
      </c>
      <c r="O6391" t="s">
        <v>85</v>
      </c>
      <c r="P6391" t="s">
        <v>86</v>
      </c>
      <c r="Q6391">
        <v>92</v>
      </c>
      <c r="R6391">
        <v>92</v>
      </c>
      <c r="S6391">
        <v>92</v>
      </c>
      <c r="T6391">
        <v>92</v>
      </c>
      <c r="U6391">
        <v>93</v>
      </c>
      <c r="V6391">
        <v>93</v>
      </c>
      <c r="W6391">
        <v>93</v>
      </c>
      <c r="X6391">
        <v>93</v>
      </c>
      <c r="Y6391">
        <v>93</v>
      </c>
      <c r="Z6391">
        <v>93</v>
      </c>
      <c r="AA6391">
        <v>94</v>
      </c>
      <c r="AB6391">
        <v>94</v>
      </c>
      <c r="AC6391">
        <v>94</v>
      </c>
      <c r="AD6391">
        <v>94</v>
      </c>
      <c r="AE6391">
        <v>94</v>
      </c>
      <c r="AF6391">
        <v>94</v>
      </c>
      <c r="AG6391">
        <v>94</v>
      </c>
      <c r="AH6391">
        <v>94</v>
      </c>
      <c r="AI6391">
        <v>94</v>
      </c>
      <c r="AJ6391">
        <v>94</v>
      </c>
      <c r="AK6391">
        <v>95</v>
      </c>
      <c r="AL6391">
        <v>95</v>
      </c>
      <c r="AM6391">
        <v>95</v>
      </c>
      <c r="AN6391">
        <v>95</v>
      </c>
      <c r="AO6391">
        <v>95</v>
      </c>
      <c r="AP6391">
        <v>95</v>
      </c>
      <c r="AQ6391">
        <v>95</v>
      </c>
    </row>
    <row r="6392" spans="1:43">
      <c r="A6392" t="s">
        <v>4004</v>
      </c>
      <c r="B6392" t="s">
        <v>4005</v>
      </c>
      <c r="C6392" t="s">
        <v>3990</v>
      </c>
      <c r="D6392" t="s">
        <v>3991</v>
      </c>
      <c r="E6392" t="s">
        <v>3968</v>
      </c>
      <c r="F6392" t="s">
        <v>3969</v>
      </c>
      <c r="G6392" t="s">
        <v>80</v>
      </c>
      <c r="H6392" t="s">
        <v>81</v>
      </c>
      <c r="I6392" s="2">
        <v>0</v>
      </c>
      <c r="J6392" s="2">
        <v>1</v>
      </c>
      <c r="K6392" s="2">
        <v>0</v>
      </c>
      <c r="L6392" t="s">
        <v>82</v>
      </c>
      <c r="M6392" t="s">
        <v>89</v>
      </c>
      <c r="N6392" t="s">
        <v>90</v>
      </c>
      <c r="O6392" t="s">
        <v>85</v>
      </c>
      <c r="P6392" t="s">
        <v>86</v>
      </c>
      <c r="Q6392">
        <v>92</v>
      </c>
      <c r="R6392">
        <v>94</v>
      </c>
      <c r="S6392">
        <v>96</v>
      </c>
      <c r="T6392">
        <v>98</v>
      </c>
      <c r="U6392">
        <v>100</v>
      </c>
      <c r="V6392">
        <v>101</v>
      </c>
      <c r="W6392">
        <v>103</v>
      </c>
      <c r="X6392">
        <v>104</v>
      </c>
      <c r="Y6392">
        <v>106</v>
      </c>
      <c r="Z6392">
        <v>107</v>
      </c>
      <c r="AA6392">
        <v>108</v>
      </c>
      <c r="AB6392">
        <v>110</v>
      </c>
      <c r="AC6392">
        <v>111</v>
      </c>
      <c r="AD6392">
        <v>112</v>
      </c>
      <c r="AE6392">
        <v>113</v>
      </c>
      <c r="AF6392">
        <v>113</v>
      </c>
      <c r="AG6392">
        <v>112</v>
      </c>
      <c r="AH6392">
        <v>112</v>
      </c>
      <c r="AI6392">
        <v>112</v>
      </c>
      <c r="AJ6392">
        <v>112</v>
      </c>
      <c r="AK6392">
        <v>111</v>
      </c>
      <c r="AL6392">
        <v>111</v>
      </c>
      <c r="AM6392">
        <v>111</v>
      </c>
      <c r="AN6392">
        <v>110</v>
      </c>
      <c r="AO6392">
        <v>110</v>
      </c>
      <c r="AP6392">
        <v>110</v>
      </c>
      <c r="AQ6392">
        <v>110</v>
      </c>
    </row>
    <row r="6393" spans="1:43">
      <c r="A6393" t="s">
        <v>4004</v>
      </c>
      <c r="B6393" t="s">
        <v>4005</v>
      </c>
      <c r="C6393" t="s">
        <v>3990</v>
      </c>
      <c r="D6393" t="s">
        <v>3991</v>
      </c>
      <c r="E6393" t="s">
        <v>3968</v>
      </c>
      <c r="F6393" t="s">
        <v>3969</v>
      </c>
      <c r="G6393" t="s">
        <v>80</v>
      </c>
      <c r="H6393" t="s">
        <v>81</v>
      </c>
      <c r="I6393" s="2">
        <v>0</v>
      </c>
      <c r="J6393" s="2">
        <v>1</v>
      </c>
      <c r="K6393" s="2">
        <v>0</v>
      </c>
      <c r="L6393" t="s">
        <v>82</v>
      </c>
      <c r="M6393" t="s">
        <v>83</v>
      </c>
      <c r="N6393" t="s">
        <v>91</v>
      </c>
      <c r="O6393" t="s">
        <v>85</v>
      </c>
      <c r="P6393" t="s">
        <v>86</v>
      </c>
      <c r="Q6393">
        <v>92</v>
      </c>
      <c r="R6393">
        <v>93</v>
      </c>
      <c r="S6393">
        <v>94</v>
      </c>
      <c r="T6393">
        <v>95</v>
      </c>
      <c r="U6393">
        <v>96</v>
      </c>
      <c r="V6393">
        <v>97</v>
      </c>
      <c r="W6393">
        <v>98</v>
      </c>
      <c r="X6393">
        <v>99</v>
      </c>
      <c r="Y6393">
        <v>100</v>
      </c>
      <c r="Z6393">
        <v>101</v>
      </c>
      <c r="AA6393">
        <v>102</v>
      </c>
      <c r="AB6393">
        <v>103</v>
      </c>
      <c r="AC6393">
        <v>104</v>
      </c>
      <c r="AD6393">
        <v>104</v>
      </c>
      <c r="AE6393">
        <v>105</v>
      </c>
      <c r="AF6393">
        <v>106</v>
      </c>
      <c r="AG6393">
        <v>107</v>
      </c>
      <c r="AH6393">
        <v>108</v>
      </c>
      <c r="AI6393">
        <v>108</v>
      </c>
      <c r="AJ6393">
        <v>109</v>
      </c>
      <c r="AK6393">
        <v>110</v>
      </c>
      <c r="AL6393">
        <v>110</v>
      </c>
      <c r="AM6393">
        <v>110</v>
      </c>
      <c r="AN6393">
        <v>109</v>
      </c>
      <c r="AO6393">
        <v>109</v>
      </c>
      <c r="AP6393">
        <v>109</v>
      </c>
      <c r="AQ6393">
        <v>108</v>
      </c>
    </row>
    <row r="6394" spans="1:43">
      <c r="A6394" t="s">
        <v>4006</v>
      </c>
      <c r="B6394" t="s">
        <v>4007</v>
      </c>
      <c r="C6394" t="s">
        <v>4008</v>
      </c>
      <c r="D6394" t="s">
        <v>4009</v>
      </c>
      <c r="E6394" t="s">
        <v>3968</v>
      </c>
      <c r="F6394" t="s">
        <v>3969</v>
      </c>
      <c r="G6394" t="s">
        <v>80</v>
      </c>
      <c r="H6394" t="s">
        <v>81</v>
      </c>
      <c r="I6394" s="2">
        <v>0</v>
      </c>
      <c r="J6394" s="2">
        <v>1</v>
      </c>
      <c r="K6394" s="2">
        <v>0</v>
      </c>
      <c r="L6394" t="s">
        <v>82</v>
      </c>
      <c r="M6394" t="s">
        <v>83</v>
      </c>
      <c r="N6394" t="s">
        <v>84</v>
      </c>
      <c r="O6394" t="s">
        <v>85</v>
      </c>
      <c r="P6394" t="s">
        <v>86</v>
      </c>
      <c r="Q6394">
        <v>53</v>
      </c>
      <c r="R6394">
        <v>53</v>
      </c>
      <c r="S6394">
        <v>54</v>
      </c>
      <c r="T6394">
        <v>55</v>
      </c>
      <c r="U6394">
        <v>55</v>
      </c>
      <c r="V6394">
        <v>56</v>
      </c>
      <c r="W6394">
        <v>56</v>
      </c>
      <c r="X6394">
        <v>57</v>
      </c>
      <c r="Y6394">
        <v>57</v>
      </c>
      <c r="Z6394">
        <v>58</v>
      </c>
      <c r="AA6394">
        <v>58</v>
      </c>
      <c r="AB6394">
        <v>59</v>
      </c>
      <c r="AC6394">
        <v>59</v>
      </c>
      <c r="AD6394">
        <v>60</v>
      </c>
      <c r="AE6394">
        <v>60</v>
      </c>
      <c r="AF6394">
        <v>61</v>
      </c>
      <c r="AG6394">
        <v>61</v>
      </c>
      <c r="AH6394">
        <v>61</v>
      </c>
      <c r="AI6394">
        <v>62</v>
      </c>
      <c r="AJ6394">
        <v>62</v>
      </c>
      <c r="AK6394">
        <v>63</v>
      </c>
      <c r="AL6394">
        <v>63</v>
      </c>
      <c r="AM6394">
        <v>62</v>
      </c>
      <c r="AN6394">
        <v>62</v>
      </c>
      <c r="AO6394">
        <v>62</v>
      </c>
      <c r="AP6394">
        <v>62</v>
      </c>
      <c r="AQ6394">
        <v>61</v>
      </c>
    </row>
    <row r="6395" spans="1:43">
      <c r="A6395" t="s">
        <v>4006</v>
      </c>
      <c r="B6395" t="s">
        <v>4007</v>
      </c>
      <c r="C6395" t="s">
        <v>4008</v>
      </c>
      <c r="D6395" t="s">
        <v>4009</v>
      </c>
      <c r="E6395" t="s">
        <v>3968</v>
      </c>
      <c r="F6395" t="s">
        <v>3969</v>
      </c>
      <c r="G6395" t="s">
        <v>80</v>
      </c>
      <c r="H6395" t="s">
        <v>81</v>
      </c>
      <c r="I6395" s="2">
        <v>0</v>
      </c>
      <c r="J6395" s="2">
        <v>1</v>
      </c>
      <c r="K6395" s="2">
        <v>0</v>
      </c>
      <c r="L6395" t="s">
        <v>82</v>
      </c>
      <c r="M6395" t="s">
        <v>87</v>
      </c>
      <c r="N6395" t="s">
        <v>88</v>
      </c>
      <c r="O6395" t="s">
        <v>85</v>
      </c>
      <c r="P6395" t="s">
        <v>86</v>
      </c>
      <c r="Q6395">
        <v>53</v>
      </c>
      <c r="R6395">
        <v>53</v>
      </c>
      <c r="S6395">
        <v>53</v>
      </c>
      <c r="T6395">
        <v>54</v>
      </c>
      <c r="U6395">
        <v>54</v>
      </c>
      <c r="V6395">
        <v>54</v>
      </c>
      <c r="W6395">
        <v>54</v>
      </c>
      <c r="X6395">
        <v>54</v>
      </c>
      <c r="Y6395">
        <v>54</v>
      </c>
      <c r="Z6395">
        <v>54</v>
      </c>
      <c r="AA6395">
        <v>54</v>
      </c>
      <c r="AB6395">
        <v>54</v>
      </c>
      <c r="AC6395">
        <v>54</v>
      </c>
      <c r="AD6395">
        <v>54</v>
      </c>
      <c r="AE6395">
        <v>54</v>
      </c>
      <c r="AF6395">
        <v>54</v>
      </c>
      <c r="AG6395">
        <v>54</v>
      </c>
      <c r="AH6395">
        <v>54</v>
      </c>
      <c r="AI6395">
        <v>54</v>
      </c>
      <c r="AJ6395">
        <v>54</v>
      </c>
      <c r="AK6395">
        <v>54</v>
      </c>
      <c r="AL6395">
        <v>54</v>
      </c>
      <c r="AM6395">
        <v>54</v>
      </c>
      <c r="AN6395">
        <v>54</v>
      </c>
      <c r="AO6395">
        <v>54</v>
      </c>
      <c r="AP6395">
        <v>54</v>
      </c>
      <c r="AQ6395">
        <v>54</v>
      </c>
    </row>
    <row r="6396" spans="1:43">
      <c r="A6396" t="s">
        <v>4006</v>
      </c>
      <c r="B6396" t="s">
        <v>4007</v>
      </c>
      <c r="C6396" t="s">
        <v>4008</v>
      </c>
      <c r="D6396" t="s">
        <v>4009</v>
      </c>
      <c r="E6396" t="s">
        <v>3968</v>
      </c>
      <c r="F6396" t="s">
        <v>3969</v>
      </c>
      <c r="G6396" t="s">
        <v>80</v>
      </c>
      <c r="H6396" t="s">
        <v>81</v>
      </c>
      <c r="I6396" s="2">
        <v>0</v>
      </c>
      <c r="J6396" s="2">
        <v>1</v>
      </c>
      <c r="K6396" s="2">
        <v>0</v>
      </c>
      <c r="L6396" t="s">
        <v>82</v>
      </c>
      <c r="M6396" t="s">
        <v>89</v>
      </c>
      <c r="N6396" t="s">
        <v>90</v>
      </c>
      <c r="O6396" t="s">
        <v>85</v>
      </c>
      <c r="P6396" t="s">
        <v>86</v>
      </c>
      <c r="Q6396">
        <v>53</v>
      </c>
      <c r="R6396">
        <v>54</v>
      </c>
      <c r="S6396">
        <v>55</v>
      </c>
      <c r="T6396">
        <v>56</v>
      </c>
      <c r="U6396">
        <v>57</v>
      </c>
      <c r="V6396">
        <v>58</v>
      </c>
      <c r="W6396">
        <v>59</v>
      </c>
      <c r="X6396">
        <v>60</v>
      </c>
      <c r="Y6396">
        <v>61</v>
      </c>
      <c r="Z6396">
        <v>61</v>
      </c>
      <c r="AA6396">
        <v>62</v>
      </c>
      <c r="AB6396">
        <v>63</v>
      </c>
      <c r="AC6396">
        <v>64</v>
      </c>
      <c r="AD6396">
        <v>64</v>
      </c>
      <c r="AE6396">
        <v>65</v>
      </c>
      <c r="AF6396">
        <v>64</v>
      </c>
      <c r="AG6396">
        <v>64</v>
      </c>
      <c r="AH6396">
        <v>64</v>
      </c>
      <c r="AI6396">
        <v>64</v>
      </c>
      <c r="AJ6396">
        <v>64</v>
      </c>
      <c r="AK6396">
        <v>63</v>
      </c>
      <c r="AL6396">
        <v>63</v>
      </c>
      <c r="AM6396">
        <v>63</v>
      </c>
      <c r="AN6396">
        <v>62</v>
      </c>
      <c r="AO6396">
        <v>62</v>
      </c>
      <c r="AP6396">
        <v>62</v>
      </c>
      <c r="AQ6396">
        <v>62</v>
      </c>
    </row>
    <row r="6397" spans="1:43">
      <c r="A6397" t="s">
        <v>4006</v>
      </c>
      <c r="B6397" t="s">
        <v>4007</v>
      </c>
      <c r="C6397" t="s">
        <v>4008</v>
      </c>
      <c r="D6397" t="s">
        <v>4009</v>
      </c>
      <c r="E6397" t="s">
        <v>3968</v>
      </c>
      <c r="F6397" t="s">
        <v>3969</v>
      </c>
      <c r="G6397" t="s">
        <v>80</v>
      </c>
      <c r="H6397" t="s">
        <v>81</v>
      </c>
      <c r="I6397" s="2">
        <v>0</v>
      </c>
      <c r="J6397" s="2">
        <v>1</v>
      </c>
      <c r="K6397" s="2">
        <v>0</v>
      </c>
      <c r="L6397" t="s">
        <v>82</v>
      </c>
      <c r="M6397" t="s">
        <v>83</v>
      </c>
      <c r="N6397" t="s">
        <v>91</v>
      </c>
      <c r="O6397" t="s">
        <v>85</v>
      </c>
      <c r="P6397" t="s">
        <v>86</v>
      </c>
      <c r="Q6397">
        <v>53</v>
      </c>
      <c r="R6397">
        <v>53</v>
      </c>
      <c r="S6397">
        <v>54</v>
      </c>
      <c r="T6397">
        <v>55</v>
      </c>
      <c r="U6397">
        <v>55</v>
      </c>
      <c r="V6397">
        <v>56</v>
      </c>
      <c r="W6397">
        <v>56</v>
      </c>
      <c r="X6397">
        <v>57</v>
      </c>
      <c r="Y6397">
        <v>57</v>
      </c>
      <c r="Z6397">
        <v>58</v>
      </c>
      <c r="AA6397">
        <v>58</v>
      </c>
      <c r="AB6397">
        <v>59</v>
      </c>
      <c r="AC6397">
        <v>59</v>
      </c>
      <c r="AD6397">
        <v>60</v>
      </c>
      <c r="AE6397">
        <v>60</v>
      </c>
      <c r="AF6397">
        <v>61</v>
      </c>
      <c r="AG6397">
        <v>61</v>
      </c>
      <c r="AH6397">
        <v>61</v>
      </c>
      <c r="AI6397">
        <v>62</v>
      </c>
      <c r="AJ6397">
        <v>62</v>
      </c>
      <c r="AK6397">
        <v>63</v>
      </c>
      <c r="AL6397">
        <v>63</v>
      </c>
      <c r="AM6397">
        <v>62</v>
      </c>
      <c r="AN6397">
        <v>62</v>
      </c>
      <c r="AO6397">
        <v>62</v>
      </c>
      <c r="AP6397">
        <v>62</v>
      </c>
      <c r="AQ6397">
        <v>61</v>
      </c>
    </row>
    <row r="6398" spans="1:43">
      <c r="A6398" t="s">
        <v>4010</v>
      </c>
      <c r="B6398" t="s">
        <v>4011</v>
      </c>
      <c r="C6398" t="s">
        <v>4008</v>
      </c>
      <c r="D6398" t="s">
        <v>4009</v>
      </c>
      <c r="E6398" t="s">
        <v>3968</v>
      </c>
      <c r="F6398" t="s">
        <v>3969</v>
      </c>
      <c r="G6398" t="s">
        <v>80</v>
      </c>
      <c r="H6398" t="s">
        <v>81</v>
      </c>
      <c r="I6398" s="2">
        <v>0</v>
      </c>
      <c r="J6398" s="2">
        <v>1</v>
      </c>
      <c r="K6398" s="2">
        <v>0</v>
      </c>
      <c r="L6398" t="s">
        <v>82</v>
      </c>
      <c r="M6398" t="s">
        <v>83</v>
      </c>
      <c r="N6398" t="s">
        <v>84</v>
      </c>
      <c r="O6398" t="s">
        <v>85</v>
      </c>
      <c r="P6398" t="s">
        <v>86</v>
      </c>
      <c r="Q6398">
        <v>64</v>
      </c>
      <c r="R6398">
        <v>64</v>
      </c>
      <c r="S6398">
        <v>65</v>
      </c>
      <c r="T6398">
        <v>66</v>
      </c>
      <c r="U6398">
        <v>67</v>
      </c>
      <c r="V6398">
        <v>67</v>
      </c>
      <c r="W6398">
        <v>68</v>
      </c>
      <c r="X6398">
        <v>69</v>
      </c>
      <c r="Y6398">
        <v>69</v>
      </c>
      <c r="Z6398">
        <v>70</v>
      </c>
      <c r="AA6398">
        <v>71</v>
      </c>
      <c r="AB6398">
        <v>71</v>
      </c>
      <c r="AC6398">
        <v>72</v>
      </c>
      <c r="AD6398">
        <v>73</v>
      </c>
      <c r="AE6398">
        <v>73</v>
      </c>
      <c r="AF6398">
        <v>74</v>
      </c>
      <c r="AG6398">
        <v>74</v>
      </c>
      <c r="AH6398">
        <v>75</v>
      </c>
      <c r="AI6398">
        <v>75</v>
      </c>
      <c r="AJ6398">
        <v>76</v>
      </c>
      <c r="AK6398">
        <v>76</v>
      </c>
      <c r="AL6398">
        <v>76</v>
      </c>
      <c r="AM6398">
        <v>76</v>
      </c>
      <c r="AN6398">
        <v>76</v>
      </c>
      <c r="AO6398">
        <v>76</v>
      </c>
      <c r="AP6398">
        <v>75</v>
      </c>
      <c r="AQ6398">
        <v>75</v>
      </c>
    </row>
    <row r="6399" spans="1:43">
      <c r="A6399" t="s">
        <v>4010</v>
      </c>
      <c r="B6399" t="s">
        <v>4011</v>
      </c>
      <c r="C6399" t="s">
        <v>4008</v>
      </c>
      <c r="D6399" t="s">
        <v>4009</v>
      </c>
      <c r="E6399" t="s">
        <v>3968</v>
      </c>
      <c r="F6399" t="s">
        <v>3969</v>
      </c>
      <c r="G6399" t="s">
        <v>80</v>
      </c>
      <c r="H6399" t="s">
        <v>81</v>
      </c>
      <c r="I6399" s="2">
        <v>0</v>
      </c>
      <c r="J6399" s="2">
        <v>1</v>
      </c>
      <c r="K6399" s="2">
        <v>0</v>
      </c>
      <c r="L6399" t="s">
        <v>82</v>
      </c>
      <c r="M6399" t="s">
        <v>87</v>
      </c>
      <c r="N6399" t="s">
        <v>88</v>
      </c>
      <c r="O6399" t="s">
        <v>85</v>
      </c>
      <c r="P6399" t="s">
        <v>86</v>
      </c>
      <c r="Q6399">
        <v>64</v>
      </c>
      <c r="R6399">
        <v>64</v>
      </c>
      <c r="S6399">
        <v>64</v>
      </c>
      <c r="T6399">
        <v>65</v>
      </c>
      <c r="U6399">
        <v>65</v>
      </c>
      <c r="V6399">
        <v>65</v>
      </c>
      <c r="W6399">
        <v>65</v>
      </c>
      <c r="X6399">
        <v>65</v>
      </c>
      <c r="Y6399">
        <v>65</v>
      </c>
      <c r="Z6399">
        <v>65</v>
      </c>
      <c r="AA6399">
        <v>65</v>
      </c>
      <c r="AB6399">
        <v>65</v>
      </c>
      <c r="AC6399">
        <v>66</v>
      </c>
      <c r="AD6399">
        <v>66</v>
      </c>
      <c r="AE6399">
        <v>66</v>
      </c>
      <c r="AF6399">
        <v>66</v>
      </c>
      <c r="AG6399">
        <v>66</v>
      </c>
      <c r="AH6399">
        <v>66</v>
      </c>
      <c r="AI6399">
        <v>66</v>
      </c>
      <c r="AJ6399">
        <v>66</v>
      </c>
      <c r="AK6399">
        <v>66</v>
      </c>
      <c r="AL6399">
        <v>66</v>
      </c>
      <c r="AM6399">
        <v>66</v>
      </c>
      <c r="AN6399">
        <v>66</v>
      </c>
      <c r="AO6399">
        <v>66</v>
      </c>
      <c r="AP6399">
        <v>66</v>
      </c>
      <c r="AQ6399">
        <v>66</v>
      </c>
    </row>
    <row r="6400" spans="1:43">
      <c r="A6400" t="s">
        <v>4010</v>
      </c>
      <c r="B6400" t="s">
        <v>4011</v>
      </c>
      <c r="C6400" t="s">
        <v>4008</v>
      </c>
      <c r="D6400" t="s">
        <v>4009</v>
      </c>
      <c r="E6400" t="s">
        <v>3968</v>
      </c>
      <c r="F6400" t="s">
        <v>3969</v>
      </c>
      <c r="G6400" t="s">
        <v>80</v>
      </c>
      <c r="H6400" t="s">
        <v>81</v>
      </c>
      <c r="I6400" s="2">
        <v>0</v>
      </c>
      <c r="J6400" s="2">
        <v>1</v>
      </c>
      <c r="K6400" s="2">
        <v>0</v>
      </c>
      <c r="L6400" t="s">
        <v>82</v>
      </c>
      <c r="M6400" t="s">
        <v>89</v>
      </c>
      <c r="N6400" t="s">
        <v>90</v>
      </c>
      <c r="O6400" t="s">
        <v>85</v>
      </c>
      <c r="P6400" t="s">
        <v>86</v>
      </c>
      <c r="Q6400">
        <v>64</v>
      </c>
      <c r="R6400">
        <v>66</v>
      </c>
      <c r="S6400">
        <v>67</v>
      </c>
      <c r="T6400">
        <v>68</v>
      </c>
      <c r="U6400">
        <v>69</v>
      </c>
      <c r="V6400">
        <v>70</v>
      </c>
      <c r="W6400">
        <v>72</v>
      </c>
      <c r="X6400">
        <v>73</v>
      </c>
      <c r="Y6400">
        <v>74</v>
      </c>
      <c r="Z6400">
        <v>74</v>
      </c>
      <c r="AA6400">
        <v>75</v>
      </c>
      <c r="AB6400">
        <v>76</v>
      </c>
      <c r="AC6400">
        <v>77</v>
      </c>
      <c r="AD6400">
        <v>78</v>
      </c>
      <c r="AE6400">
        <v>78</v>
      </c>
      <c r="AF6400">
        <v>78</v>
      </c>
      <c r="AG6400">
        <v>78</v>
      </c>
      <c r="AH6400">
        <v>78</v>
      </c>
      <c r="AI6400">
        <v>78</v>
      </c>
      <c r="AJ6400">
        <v>77</v>
      </c>
      <c r="AK6400">
        <v>77</v>
      </c>
      <c r="AL6400">
        <v>77</v>
      </c>
      <c r="AM6400">
        <v>77</v>
      </c>
      <c r="AN6400">
        <v>77</v>
      </c>
      <c r="AO6400">
        <v>76</v>
      </c>
      <c r="AP6400">
        <v>76</v>
      </c>
      <c r="AQ6400">
        <v>76</v>
      </c>
    </row>
    <row r="6401" spans="1:43">
      <c r="A6401" t="s">
        <v>4010</v>
      </c>
      <c r="B6401" t="s">
        <v>4011</v>
      </c>
      <c r="C6401" t="s">
        <v>4008</v>
      </c>
      <c r="D6401" t="s">
        <v>4009</v>
      </c>
      <c r="E6401" t="s">
        <v>3968</v>
      </c>
      <c r="F6401" t="s">
        <v>3969</v>
      </c>
      <c r="G6401" t="s">
        <v>80</v>
      </c>
      <c r="H6401" t="s">
        <v>81</v>
      </c>
      <c r="I6401" s="2">
        <v>0</v>
      </c>
      <c r="J6401" s="2">
        <v>1</v>
      </c>
      <c r="K6401" s="2">
        <v>0</v>
      </c>
      <c r="L6401" t="s">
        <v>82</v>
      </c>
      <c r="M6401" t="s">
        <v>83</v>
      </c>
      <c r="N6401" t="s">
        <v>91</v>
      </c>
      <c r="O6401" t="s">
        <v>85</v>
      </c>
      <c r="P6401" t="s">
        <v>86</v>
      </c>
      <c r="Q6401">
        <v>64</v>
      </c>
      <c r="R6401">
        <v>64</v>
      </c>
      <c r="S6401">
        <v>65</v>
      </c>
      <c r="T6401">
        <v>66</v>
      </c>
      <c r="U6401">
        <v>67</v>
      </c>
      <c r="V6401">
        <v>67</v>
      </c>
      <c r="W6401">
        <v>68</v>
      </c>
      <c r="X6401">
        <v>69</v>
      </c>
      <c r="Y6401">
        <v>69</v>
      </c>
      <c r="Z6401">
        <v>70</v>
      </c>
      <c r="AA6401">
        <v>71</v>
      </c>
      <c r="AB6401">
        <v>71</v>
      </c>
      <c r="AC6401">
        <v>72</v>
      </c>
      <c r="AD6401">
        <v>73</v>
      </c>
      <c r="AE6401">
        <v>73</v>
      </c>
      <c r="AF6401">
        <v>74</v>
      </c>
      <c r="AG6401">
        <v>74</v>
      </c>
      <c r="AH6401">
        <v>75</v>
      </c>
      <c r="AI6401">
        <v>75</v>
      </c>
      <c r="AJ6401">
        <v>76</v>
      </c>
      <c r="AK6401">
        <v>76</v>
      </c>
      <c r="AL6401">
        <v>76</v>
      </c>
      <c r="AM6401">
        <v>76</v>
      </c>
      <c r="AN6401">
        <v>76</v>
      </c>
      <c r="AO6401">
        <v>76</v>
      </c>
      <c r="AP6401">
        <v>75</v>
      </c>
      <c r="AQ6401">
        <v>75</v>
      </c>
    </row>
    <row r="6402" spans="1:43">
      <c r="A6402" t="s">
        <v>4012</v>
      </c>
      <c r="B6402" t="s">
        <v>4013</v>
      </c>
      <c r="C6402" t="s">
        <v>4008</v>
      </c>
      <c r="D6402" t="s">
        <v>4009</v>
      </c>
      <c r="E6402" t="s">
        <v>3968</v>
      </c>
      <c r="F6402" t="s">
        <v>3969</v>
      </c>
      <c r="G6402" t="s">
        <v>80</v>
      </c>
      <c r="H6402" t="s">
        <v>81</v>
      </c>
      <c r="I6402" s="2">
        <v>0</v>
      </c>
      <c r="J6402" s="2">
        <v>1</v>
      </c>
      <c r="K6402" s="2">
        <v>0</v>
      </c>
      <c r="L6402" t="s">
        <v>82</v>
      </c>
      <c r="M6402" t="s">
        <v>83</v>
      </c>
      <c r="N6402" t="s">
        <v>84</v>
      </c>
      <c r="O6402" t="s">
        <v>85</v>
      </c>
      <c r="P6402" t="s">
        <v>86</v>
      </c>
      <c r="Q6402">
        <v>108</v>
      </c>
      <c r="R6402">
        <v>109</v>
      </c>
      <c r="S6402">
        <v>110</v>
      </c>
      <c r="T6402">
        <v>111</v>
      </c>
      <c r="U6402">
        <v>112</v>
      </c>
      <c r="V6402">
        <v>114</v>
      </c>
      <c r="W6402">
        <v>115</v>
      </c>
      <c r="X6402">
        <v>116</v>
      </c>
      <c r="Y6402">
        <v>117</v>
      </c>
      <c r="Z6402">
        <v>118</v>
      </c>
      <c r="AA6402">
        <v>119</v>
      </c>
      <c r="AB6402">
        <v>120</v>
      </c>
      <c r="AC6402">
        <v>121</v>
      </c>
      <c r="AD6402">
        <v>122</v>
      </c>
      <c r="AE6402">
        <v>123</v>
      </c>
      <c r="AF6402">
        <v>123</v>
      </c>
      <c r="AG6402">
        <v>124</v>
      </c>
      <c r="AH6402">
        <v>125</v>
      </c>
      <c r="AI6402">
        <v>126</v>
      </c>
      <c r="AJ6402">
        <v>127</v>
      </c>
      <c r="AK6402">
        <v>127</v>
      </c>
      <c r="AL6402">
        <v>127</v>
      </c>
      <c r="AM6402">
        <v>127</v>
      </c>
      <c r="AN6402">
        <v>126</v>
      </c>
      <c r="AO6402">
        <v>126</v>
      </c>
      <c r="AP6402">
        <v>125</v>
      </c>
      <c r="AQ6402">
        <v>125</v>
      </c>
    </row>
    <row r="6403" spans="1:43">
      <c r="A6403" t="s">
        <v>4012</v>
      </c>
      <c r="B6403" t="s">
        <v>4013</v>
      </c>
      <c r="C6403" t="s">
        <v>4008</v>
      </c>
      <c r="D6403" t="s">
        <v>4009</v>
      </c>
      <c r="E6403" t="s">
        <v>3968</v>
      </c>
      <c r="F6403" t="s">
        <v>3969</v>
      </c>
      <c r="G6403" t="s">
        <v>80</v>
      </c>
      <c r="H6403" t="s">
        <v>81</v>
      </c>
      <c r="I6403" s="2">
        <v>0</v>
      </c>
      <c r="J6403" s="2">
        <v>1</v>
      </c>
      <c r="K6403" s="2">
        <v>0</v>
      </c>
      <c r="L6403" t="s">
        <v>82</v>
      </c>
      <c r="M6403" t="s">
        <v>87</v>
      </c>
      <c r="N6403" t="s">
        <v>88</v>
      </c>
      <c r="O6403" t="s">
        <v>85</v>
      </c>
      <c r="P6403" t="s">
        <v>86</v>
      </c>
      <c r="Q6403">
        <v>108</v>
      </c>
      <c r="R6403">
        <v>108</v>
      </c>
      <c r="S6403">
        <v>108</v>
      </c>
      <c r="T6403">
        <v>108</v>
      </c>
      <c r="U6403">
        <v>109</v>
      </c>
      <c r="V6403">
        <v>109</v>
      </c>
      <c r="W6403">
        <v>109</v>
      </c>
      <c r="X6403">
        <v>109</v>
      </c>
      <c r="Y6403">
        <v>109</v>
      </c>
      <c r="Z6403">
        <v>109</v>
      </c>
      <c r="AA6403">
        <v>109</v>
      </c>
      <c r="AB6403">
        <v>109</v>
      </c>
      <c r="AC6403">
        <v>109</v>
      </c>
      <c r="AD6403">
        <v>109</v>
      </c>
      <c r="AE6403">
        <v>109</v>
      </c>
      <c r="AF6403">
        <v>109</v>
      </c>
      <c r="AG6403">
        <v>109</v>
      </c>
      <c r="AH6403">
        <v>109</v>
      </c>
      <c r="AI6403">
        <v>109</v>
      </c>
      <c r="AJ6403">
        <v>109</v>
      </c>
      <c r="AK6403">
        <v>109</v>
      </c>
      <c r="AL6403">
        <v>109</v>
      </c>
      <c r="AM6403">
        <v>109</v>
      </c>
      <c r="AN6403">
        <v>109</v>
      </c>
      <c r="AO6403">
        <v>109</v>
      </c>
      <c r="AP6403">
        <v>109</v>
      </c>
      <c r="AQ6403">
        <v>109</v>
      </c>
    </row>
    <row r="6404" spans="1:43">
      <c r="A6404" t="s">
        <v>4012</v>
      </c>
      <c r="B6404" t="s">
        <v>4013</v>
      </c>
      <c r="C6404" t="s">
        <v>4008</v>
      </c>
      <c r="D6404" t="s">
        <v>4009</v>
      </c>
      <c r="E6404" t="s">
        <v>3968</v>
      </c>
      <c r="F6404" t="s">
        <v>3969</v>
      </c>
      <c r="G6404" t="s">
        <v>80</v>
      </c>
      <c r="H6404" t="s">
        <v>81</v>
      </c>
      <c r="I6404" s="2">
        <v>0</v>
      </c>
      <c r="J6404" s="2">
        <v>1</v>
      </c>
      <c r="K6404" s="2">
        <v>0</v>
      </c>
      <c r="L6404" t="s">
        <v>82</v>
      </c>
      <c r="M6404" t="s">
        <v>89</v>
      </c>
      <c r="N6404" t="s">
        <v>90</v>
      </c>
      <c r="O6404" t="s">
        <v>85</v>
      </c>
      <c r="P6404" t="s">
        <v>86</v>
      </c>
      <c r="Q6404">
        <v>108</v>
      </c>
      <c r="R6404">
        <v>110</v>
      </c>
      <c r="S6404">
        <v>112</v>
      </c>
      <c r="T6404">
        <v>114</v>
      </c>
      <c r="U6404">
        <v>116</v>
      </c>
      <c r="V6404">
        <v>118</v>
      </c>
      <c r="W6404">
        <v>120</v>
      </c>
      <c r="X6404">
        <v>121</v>
      </c>
      <c r="Y6404">
        <v>123</v>
      </c>
      <c r="Z6404">
        <v>124</v>
      </c>
      <c r="AA6404">
        <v>126</v>
      </c>
      <c r="AB6404">
        <v>127</v>
      </c>
      <c r="AC6404">
        <v>129</v>
      </c>
      <c r="AD6404">
        <v>130</v>
      </c>
      <c r="AE6404">
        <v>131</v>
      </c>
      <c r="AF6404">
        <v>130</v>
      </c>
      <c r="AG6404">
        <v>130</v>
      </c>
      <c r="AH6404">
        <v>129</v>
      </c>
      <c r="AI6404">
        <v>129</v>
      </c>
      <c r="AJ6404">
        <v>128</v>
      </c>
      <c r="AK6404">
        <v>128</v>
      </c>
      <c r="AL6404">
        <v>127</v>
      </c>
      <c r="AM6404">
        <v>127</v>
      </c>
      <c r="AN6404">
        <v>126</v>
      </c>
      <c r="AO6404">
        <v>125</v>
      </c>
      <c r="AP6404">
        <v>125</v>
      </c>
      <c r="AQ6404">
        <v>124</v>
      </c>
    </row>
    <row r="6405" spans="1:43">
      <c r="A6405" t="s">
        <v>4012</v>
      </c>
      <c r="B6405" t="s">
        <v>4013</v>
      </c>
      <c r="C6405" t="s">
        <v>4008</v>
      </c>
      <c r="D6405" t="s">
        <v>4009</v>
      </c>
      <c r="E6405" t="s">
        <v>3968</v>
      </c>
      <c r="F6405" t="s">
        <v>3969</v>
      </c>
      <c r="G6405" t="s">
        <v>80</v>
      </c>
      <c r="H6405" t="s">
        <v>81</v>
      </c>
      <c r="I6405" s="2">
        <v>0</v>
      </c>
      <c r="J6405" s="2">
        <v>1</v>
      </c>
      <c r="K6405" s="2">
        <v>0</v>
      </c>
      <c r="L6405" t="s">
        <v>82</v>
      </c>
      <c r="M6405" t="s">
        <v>83</v>
      </c>
      <c r="N6405" t="s">
        <v>91</v>
      </c>
      <c r="O6405" t="s">
        <v>85</v>
      </c>
      <c r="P6405" t="s">
        <v>86</v>
      </c>
      <c r="Q6405">
        <v>108</v>
      </c>
      <c r="R6405">
        <v>109</v>
      </c>
      <c r="S6405">
        <v>110</v>
      </c>
      <c r="T6405">
        <v>111</v>
      </c>
      <c r="U6405">
        <v>112</v>
      </c>
      <c r="V6405">
        <v>114</v>
      </c>
      <c r="W6405">
        <v>115</v>
      </c>
      <c r="X6405">
        <v>116</v>
      </c>
      <c r="Y6405">
        <v>117</v>
      </c>
      <c r="Z6405">
        <v>118</v>
      </c>
      <c r="AA6405">
        <v>119</v>
      </c>
      <c r="AB6405">
        <v>120</v>
      </c>
      <c r="AC6405">
        <v>121</v>
      </c>
      <c r="AD6405">
        <v>122</v>
      </c>
      <c r="AE6405">
        <v>123</v>
      </c>
      <c r="AF6405">
        <v>123</v>
      </c>
      <c r="AG6405">
        <v>124</v>
      </c>
      <c r="AH6405">
        <v>125</v>
      </c>
      <c r="AI6405">
        <v>126</v>
      </c>
      <c r="AJ6405">
        <v>127</v>
      </c>
      <c r="AK6405">
        <v>127</v>
      </c>
      <c r="AL6405">
        <v>127</v>
      </c>
      <c r="AM6405">
        <v>127</v>
      </c>
      <c r="AN6405">
        <v>126</v>
      </c>
      <c r="AO6405">
        <v>126</v>
      </c>
      <c r="AP6405">
        <v>125</v>
      </c>
      <c r="AQ6405">
        <v>125</v>
      </c>
    </row>
    <row r="6406" spans="1:43">
      <c r="A6406" t="s">
        <v>4014</v>
      </c>
      <c r="B6406" t="s">
        <v>4015</v>
      </c>
      <c r="C6406" t="s">
        <v>3966</v>
      </c>
      <c r="D6406" t="s">
        <v>3967</v>
      </c>
      <c r="E6406" t="s">
        <v>3968</v>
      </c>
      <c r="F6406" t="s">
        <v>3969</v>
      </c>
      <c r="G6406" t="s">
        <v>80</v>
      </c>
      <c r="H6406" t="s">
        <v>81</v>
      </c>
      <c r="I6406" s="2">
        <v>0</v>
      </c>
      <c r="J6406" s="2">
        <v>1</v>
      </c>
      <c r="K6406" s="2">
        <v>0</v>
      </c>
      <c r="L6406" t="s">
        <v>82</v>
      </c>
      <c r="M6406" t="s">
        <v>83</v>
      </c>
      <c r="N6406" t="s">
        <v>84</v>
      </c>
      <c r="O6406" t="s">
        <v>85</v>
      </c>
      <c r="P6406" t="s">
        <v>86</v>
      </c>
      <c r="Q6406">
        <v>67</v>
      </c>
      <c r="R6406">
        <v>68</v>
      </c>
      <c r="S6406">
        <v>69</v>
      </c>
      <c r="T6406">
        <v>70</v>
      </c>
      <c r="U6406">
        <v>70</v>
      </c>
      <c r="V6406">
        <v>71</v>
      </c>
      <c r="W6406">
        <v>72</v>
      </c>
      <c r="X6406">
        <v>72</v>
      </c>
      <c r="Y6406">
        <v>73</v>
      </c>
      <c r="Z6406">
        <v>74</v>
      </c>
      <c r="AA6406">
        <v>75</v>
      </c>
      <c r="AB6406">
        <v>75</v>
      </c>
      <c r="AC6406">
        <v>76</v>
      </c>
      <c r="AD6406">
        <v>76</v>
      </c>
      <c r="AE6406">
        <v>77</v>
      </c>
      <c r="AF6406">
        <v>78</v>
      </c>
      <c r="AG6406">
        <v>78</v>
      </c>
      <c r="AH6406">
        <v>79</v>
      </c>
      <c r="AI6406">
        <v>79</v>
      </c>
      <c r="AJ6406">
        <v>80</v>
      </c>
      <c r="AK6406">
        <v>80</v>
      </c>
      <c r="AL6406">
        <v>80</v>
      </c>
      <c r="AM6406">
        <v>80</v>
      </c>
      <c r="AN6406">
        <v>80</v>
      </c>
      <c r="AO6406">
        <v>80</v>
      </c>
      <c r="AP6406">
        <v>79</v>
      </c>
      <c r="AQ6406">
        <v>79</v>
      </c>
    </row>
    <row r="6407" spans="1:43">
      <c r="A6407" t="s">
        <v>4014</v>
      </c>
      <c r="B6407" t="s">
        <v>4015</v>
      </c>
      <c r="C6407" t="s">
        <v>3966</v>
      </c>
      <c r="D6407" t="s">
        <v>3967</v>
      </c>
      <c r="E6407" t="s">
        <v>3968</v>
      </c>
      <c r="F6407" t="s">
        <v>3969</v>
      </c>
      <c r="G6407" t="s">
        <v>80</v>
      </c>
      <c r="H6407" t="s">
        <v>81</v>
      </c>
      <c r="I6407" s="2">
        <v>0</v>
      </c>
      <c r="J6407" s="2">
        <v>1</v>
      </c>
      <c r="K6407" s="2">
        <v>0</v>
      </c>
      <c r="L6407" t="s">
        <v>82</v>
      </c>
      <c r="M6407" t="s">
        <v>87</v>
      </c>
      <c r="N6407" t="s">
        <v>88</v>
      </c>
      <c r="O6407" t="s">
        <v>85</v>
      </c>
      <c r="P6407" t="s">
        <v>86</v>
      </c>
      <c r="Q6407">
        <v>67</v>
      </c>
      <c r="R6407">
        <v>67</v>
      </c>
      <c r="S6407">
        <v>67</v>
      </c>
      <c r="T6407">
        <v>67</v>
      </c>
      <c r="U6407">
        <v>67</v>
      </c>
      <c r="V6407">
        <v>67</v>
      </c>
      <c r="W6407">
        <v>67</v>
      </c>
      <c r="X6407">
        <v>68</v>
      </c>
      <c r="Y6407">
        <v>68</v>
      </c>
      <c r="Z6407">
        <v>68</v>
      </c>
      <c r="AA6407">
        <v>68</v>
      </c>
      <c r="AB6407">
        <v>68</v>
      </c>
      <c r="AC6407">
        <v>68</v>
      </c>
      <c r="AD6407">
        <v>68</v>
      </c>
      <c r="AE6407">
        <v>68</v>
      </c>
      <c r="AF6407">
        <v>68</v>
      </c>
      <c r="AG6407">
        <v>68</v>
      </c>
      <c r="AH6407">
        <v>68</v>
      </c>
      <c r="AI6407">
        <v>68</v>
      </c>
      <c r="AJ6407">
        <v>68</v>
      </c>
      <c r="AK6407">
        <v>68</v>
      </c>
      <c r="AL6407">
        <v>68</v>
      </c>
      <c r="AM6407">
        <v>68</v>
      </c>
      <c r="AN6407">
        <v>68</v>
      </c>
      <c r="AO6407">
        <v>68</v>
      </c>
      <c r="AP6407">
        <v>68</v>
      </c>
      <c r="AQ6407">
        <v>68</v>
      </c>
    </row>
    <row r="6408" spans="1:43">
      <c r="A6408" t="s">
        <v>4014</v>
      </c>
      <c r="B6408" t="s">
        <v>4015</v>
      </c>
      <c r="C6408" t="s">
        <v>3966</v>
      </c>
      <c r="D6408" t="s">
        <v>3967</v>
      </c>
      <c r="E6408" t="s">
        <v>3968</v>
      </c>
      <c r="F6408" t="s">
        <v>3969</v>
      </c>
      <c r="G6408" t="s">
        <v>80</v>
      </c>
      <c r="H6408" t="s">
        <v>81</v>
      </c>
      <c r="I6408" s="2">
        <v>0</v>
      </c>
      <c r="J6408" s="2">
        <v>1</v>
      </c>
      <c r="K6408" s="2">
        <v>0</v>
      </c>
      <c r="L6408" t="s">
        <v>82</v>
      </c>
      <c r="M6408" t="s">
        <v>89</v>
      </c>
      <c r="N6408" t="s">
        <v>90</v>
      </c>
      <c r="O6408" t="s">
        <v>85</v>
      </c>
      <c r="P6408" t="s">
        <v>86</v>
      </c>
      <c r="Q6408">
        <v>67</v>
      </c>
      <c r="R6408">
        <v>68</v>
      </c>
      <c r="S6408">
        <v>70</v>
      </c>
      <c r="T6408">
        <v>71</v>
      </c>
      <c r="U6408">
        <v>72</v>
      </c>
      <c r="V6408">
        <v>73</v>
      </c>
      <c r="W6408">
        <v>74</v>
      </c>
      <c r="X6408">
        <v>76</v>
      </c>
      <c r="Y6408">
        <v>77</v>
      </c>
      <c r="Z6408">
        <v>78</v>
      </c>
      <c r="AA6408">
        <v>78</v>
      </c>
      <c r="AB6408">
        <v>79</v>
      </c>
      <c r="AC6408">
        <v>80</v>
      </c>
      <c r="AD6408">
        <v>81</v>
      </c>
      <c r="AE6408">
        <v>82</v>
      </c>
      <c r="AF6408">
        <v>82</v>
      </c>
      <c r="AG6408">
        <v>81</v>
      </c>
      <c r="AH6408">
        <v>81</v>
      </c>
      <c r="AI6408">
        <v>81</v>
      </c>
      <c r="AJ6408">
        <v>81</v>
      </c>
      <c r="AK6408">
        <v>80</v>
      </c>
      <c r="AL6408">
        <v>80</v>
      </c>
      <c r="AM6408">
        <v>80</v>
      </c>
      <c r="AN6408">
        <v>80</v>
      </c>
      <c r="AO6408">
        <v>79</v>
      </c>
      <c r="AP6408">
        <v>79</v>
      </c>
      <c r="AQ6408">
        <v>79</v>
      </c>
    </row>
    <row r="6409" spans="1:43">
      <c r="A6409" t="s">
        <v>4014</v>
      </c>
      <c r="B6409" t="s">
        <v>4015</v>
      </c>
      <c r="C6409" t="s">
        <v>3966</v>
      </c>
      <c r="D6409" t="s">
        <v>3967</v>
      </c>
      <c r="E6409" t="s">
        <v>3968</v>
      </c>
      <c r="F6409" t="s">
        <v>3969</v>
      </c>
      <c r="G6409" t="s">
        <v>80</v>
      </c>
      <c r="H6409" t="s">
        <v>81</v>
      </c>
      <c r="I6409" s="2">
        <v>0</v>
      </c>
      <c r="J6409" s="2">
        <v>1</v>
      </c>
      <c r="K6409" s="2">
        <v>0</v>
      </c>
      <c r="L6409" t="s">
        <v>82</v>
      </c>
      <c r="M6409" t="s">
        <v>83</v>
      </c>
      <c r="N6409" t="s">
        <v>91</v>
      </c>
      <c r="O6409" t="s">
        <v>85</v>
      </c>
      <c r="P6409" t="s">
        <v>86</v>
      </c>
      <c r="Q6409">
        <v>67</v>
      </c>
      <c r="R6409">
        <v>68</v>
      </c>
      <c r="S6409">
        <v>69</v>
      </c>
      <c r="T6409">
        <v>70</v>
      </c>
      <c r="U6409">
        <v>70</v>
      </c>
      <c r="V6409">
        <v>71</v>
      </c>
      <c r="W6409">
        <v>72</v>
      </c>
      <c r="X6409">
        <v>72</v>
      </c>
      <c r="Y6409">
        <v>73</v>
      </c>
      <c r="Z6409">
        <v>74</v>
      </c>
      <c r="AA6409">
        <v>75</v>
      </c>
      <c r="AB6409">
        <v>75</v>
      </c>
      <c r="AC6409">
        <v>76</v>
      </c>
      <c r="AD6409">
        <v>76</v>
      </c>
      <c r="AE6409">
        <v>77</v>
      </c>
      <c r="AF6409">
        <v>78</v>
      </c>
      <c r="AG6409">
        <v>78</v>
      </c>
      <c r="AH6409">
        <v>79</v>
      </c>
      <c r="AI6409">
        <v>79</v>
      </c>
      <c r="AJ6409">
        <v>80</v>
      </c>
      <c r="AK6409">
        <v>80</v>
      </c>
      <c r="AL6409">
        <v>80</v>
      </c>
      <c r="AM6409">
        <v>80</v>
      </c>
      <c r="AN6409">
        <v>80</v>
      </c>
      <c r="AO6409">
        <v>80</v>
      </c>
      <c r="AP6409">
        <v>79</v>
      </c>
      <c r="AQ6409">
        <v>79</v>
      </c>
    </row>
    <row r="6410" spans="1:43">
      <c r="A6410" t="s">
        <v>4016</v>
      </c>
      <c r="B6410" t="s">
        <v>4017</v>
      </c>
      <c r="C6410" t="s">
        <v>4008</v>
      </c>
      <c r="D6410" t="s">
        <v>4009</v>
      </c>
      <c r="E6410" t="s">
        <v>3968</v>
      </c>
      <c r="F6410" t="s">
        <v>3969</v>
      </c>
      <c r="G6410" t="s">
        <v>80</v>
      </c>
      <c r="H6410" t="s">
        <v>81</v>
      </c>
      <c r="I6410" s="2">
        <v>0</v>
      </c>
      <c r="J6410" s="2">
        <v>1</v>
      </c>
      <c r="K6410" s="2">
        <v>0</v>
      </c>
      <c r="L6410" t="s">
        <v>82</v>
      </c>
      <c r="M6410" t="s">
        <v>83</v>
      </c>
      <c r="N6410" t="s">
        <v>84</v>
      </c>
      <c r="O6410" t="s">
        <v>85</v>
      </c>
      <c r="P6410" t="s">
        <v>86</v>
      </c>
      <c r="Q6410">
        <v>116</v>
      </c>
      <c r="R6410">
        <v>117</v>
      </c>
      <c r="S6410">
        <v>118</v>
      </c>
      <c r="T6410">
        <v>120</v>
      </c>
      <c r="U6410">
        <v>121</v>
      </c>
      <c r="V6410">
        <v>122</v>
      </c>
      <c r="W6410">
        <v>123</v>
      </c>
      <c r="X6410">
        <v>124</v>
      </c>
      <c r="Y6410">
        <v>126</v>
      </c>
      <c r="Z6410">
        <v>127</v>
      </c>
      <c r="AA6410">
        <v>128</v>
      </c>
      <c r="AB6410">
        <v>129</v>
      </c>
      <c r="AC6410">
        <v>130</v>
      </c>
      <c r="AD6410">
        <v>131</v>
      </c>
      <c r="AE6410">
        <v>132</v>
      </c>
      <c r="AF6410">
        <v>133</v>
      </c>
      <c r="AG6410">
        <v>134</v>
      </c>
      <c r="AH6410">
        <v>135</v>
      </c>
      <c r="AI6410">
        <v>136</v>
      </c>
      <c r="AJ6410">
        <v>136</v>
      </c>
      <c r="AK6410">
        <v>137</v>
      </c>
      <c r="AL6410">
        <v>137</v>
      </c>
      <c r="AM6410">
        <v>137</v>
      </c>
      <c r="AN6410">
        <v>136</v>
      </c>
      <c r="AO6410">
        <v>136</v>
      </c>
      <c r="AP6410">
        <v>135</v>
      </c>
      <c r="AQ6410">
        <v>134</v>
      </c>
    </row>
    <row r="6411" spans="1:43">
      <c r="A6411" t="s">
        <v>4016</v>
      </c>
      <c r="B6411" t="s">
        <v>4017</v>
      </c>
      <c r="C6411" t="s">
        <v>4008</v>
      </c>
      <c r="D6411" t="s">
        <v>4009</v>
      </c>
      <c r="E6411" t="s">
        <v>3968</v>
      </c>
      <c r="F6411" t="s">
        <v>3969</v>
      </c>
      <c r="G6411" t="s">
        <v>80</v>
      </c>
      <c r="H6411" t="s">
        <v>81</v>
      </c>
      <c r="I6411" s="2">
        <v>0</v>
      </c>
      <c r="J6411" s="2">
        <v>1</v>
      </c>
      <c r="K6411" s="2">
        <v>0</v>
      </c>
      <c r="L6411" t="s">
        <v>82</v>
      </c>
      <c r="M6411" t="s">
        <v>87</v>
      </c>
      <c r="N6411" t="s">
        <v>88</v>
      </c>
      <c r="O6411" t="s">
        <v>85</v>
      </c>
      <c r="P6411" t="s">
        <v>86</v>
      </c>
      <c r="Q6411">
        <v>116</v>
      </c>
      <c r="R6411">
        <v>116</v>
      </c>
      <c r="S6411">
        <v>116</v>
      </c>
      <c r="T6411">
        <v>116</v>
      </c>
      <c r="U6411">
        <v>116</v>
      </c>
      <c r="V6411">
        <v>117</v>
      </c>
      <c r="W6411">
        <v>117</v>
      </c>
      <c r="X6411">
        <v>117</v>
      </c>
      <c r="Y6411">
        <v>117</v>
      </c>
      <c r="Z6411">
        <v>117</v>
      </c>
      <c r="AA6411">
        <v>117</v>
      </c>
      <c r="AB6411">
        <v>117</v>
      </c>
      <c r="AC6411">
        <v>118</v>
      </c>
      <c r="AD6411">
        <v>118</v>
      </c>
      <c r="AE6411">
        <v>118</v>
      </c>
      <c r="AF6411">
        <v>118</v>
      </c>
      <c r="AG6411">
        <v>118</v>
      </c>
      <c r="AH6411">
        <v>118</v>
      </c>
      <c r="AI6411">
        <v>118</v>
      </c>
      <c r="AJ6411">
        <v>118</v>
      </c>
      <c r="AK6411">
        <v>118</v>
      </c>
      <c r="AL6411">
        <v>118</v>
      </c>
      <c r="AM6411">
        <v>118</v>
      </c>
      <c r="AN6411">
        <v>118</v>
      </c>
      <c r="AO6411">
        <v>118</v>
      </c>
      <c r="AP6411">
        <v>117</v>
      </c>
      <c r="AQ6411">
        <v>117</v>
      </c>
    </row>
    <row r="6412" spans="1:43">
      <c r="A6412" t="s">
        <v>4016</v>
      </c>
      <c r="B6412" t="s">
        <v>4017</v>
      </c>
      <c r="C6412" t="s">
        <v>4008</v>
      </c>
      <c r="D6412" t="s">
        <v>4009</v>
      </c>
      <c r="E6412" t="s">
        <v>3968</v>
      </c>
      <c r="F6412" t="s">
        <v>3969</v>
      </c>
      <c r="G6412" t="s">
        <v>80</v>
      </c>
      <c r="H6412" t="s">
        <v>81</v>
      </c>
      <c r="I6412" s="2">
        <v>0</v>
      </c>
      <c r="J6412" s="2">
        <v>1</v>
      </c>
      <c r="K6412" s="2">
        <v>0</v>
      </c>
      <c r="L6412" t="s">
        <v>82</v>
      </c>
      <c r="M6412" t="s">
        <v>89</v>
      </c>
      <c r="N6412" t="s">
        <v>90</v>
      </c>
      <c r="O6412" t="s">
        <v>85</v>
      </c>
      <c r="P6412" t="s">
        <v>86</v>
      </c>
      <c r="Q6412">
        <v>116</v>
      </c>
      <c r="R6412">
        <v>118</v>
      </c>
      <c r="S6412">
        <v>120</v>
      </c>
      <c r="T6412">
        <v>122</v>
      </c>
      <c r="U6412">
        <v>125</v>
      </c>
      <c r="V6412">
        <v>127</v>
      </c>
      <c r="W6412">
        <v>129</v>
      </c>
      <c r="X6412">
        <v>130</v>
      </c>
      <c r="Y6412">
        <v>132</v>
      </c>
      <c r="Z6412">
        <v>134</v>
      </c>
      <c r="AA6412">
        <v>135</v>
      </c>
      <c r="AB6412">
        <v>137</v>
      </c>
      <c r="AC6412">
        <v>138</v>
      </c>
      <c r="AD6412">
        <v>140</v>
      </c>
      <c r="AE6412">
        <v>141</v>
      </c>
      <c r="AF6412">
        <v>140</v>
      </c>
      <c r="AG6412">
        <v>140</v>
      </c>
      <c r="AH6412">
        <v>139</v>
      </c>
      <c r="AI6412">
        <v>139</v>
      </c>
      <c r="AJ6412">
        <v>138</v>
      </c>
      <c r="AK6412">
        <v>138</v>
      </c>
      <c r="AL6412">
        <v>137</v>
      </c>
      <c r="AM6412">
        <v>137</v>
      </c>
      <c r="AN6412">
        <v>136</v>
      </c>
      <c r="AO6412">
        <v>136</v>
      </c>
      <c r="AP6412">
        <v>135</v>
      </c>
      <c r="AQ6412">
        <v>134</v>
      </c>
    </row>
    <row r="6413" spans="1:43">
      <c r="A6413" t="s">
        <v>4016</v>
      </c>
      <c r="B6413" t="s">
        <v>4017</v>
      </c>
      <c r="C6413" t="s">
        <v>4008</v>
      </c>
      <c r="D6413" t="s">
        <v>4009</v>
      </c>
      <c r="E6413" t="s">
        <v>3968</v>
      </c>
      <c r="F6413" t="s">
        <v>3969</v>
      </c>
      <c r="G6413" t="s">
        <v>80</v>
      </c>
      <c r="H6413" t="s">
        <v>81</v>
      </c>
      <c r="I6413" s="2">
        <v>0</v>
      </c>
      <c r="J6413" s="2">
        <v>1</v>
      </c>
      <c r="K6413" s="2">
        <v>0</v>
      </c>
      <c r="L6413" t="s">
        <v>82</v>
      </c>
      <c r="M6413" t="s">
        <v>83</v>
      </c>
      <c r="N6413" t="s">
        <v>91</v>
      </c>
      <c r="O6413" t="s">
        <v>85</v>
      </c>
      <c r="P6413" t="s">
        <v>86</v>
      </c>
      <c r="Q6413">
        <v>116</v>
      </c>
      <c r="R6413">
        <v>117</v>
      </c>
      <c r="S6413">
        <v>118</v>
      </c>
      <c r="T6413">
        <v>120</v>
      </c>
      <c r="U6413">
        <v>121</v>
      </c>
      <c r="V6413">
        <v>122</v>
      </c>
      <c r="W6413">
        <v>123</v>
      </c>
      <c r="X6413">
        <v>124</v>
      </c>
      <c r="Y6413">
        <v>126</v>
      </c>
      <c r="Z6413">
        <v>127</v>
      </c>
      <c r="AA6413">
        <v>128</v>
      </c>
      <c r="AB6413">
        <v>129</v>
      </c>
      <c r="AC6413">
        <v>130</v>
      </c>
      <c r="AD6413">
        <v>131</v>
      </c>
      <c r="AE6413">
        <v>132</v>
      </c>
      <c r="AF6413">
        <v>133</v>
      </c>
      <c r="AG6413">
        <v>134</v>
      </c>
      <c r="AH6413">
        <v>135</v>
      </c>
      <c r="AI6413">
        <v>136</v>
      </c>
      <c r="AJ6413">
        <v>136</v>
      </c>
      <c r="AK6413">
        <v>137</v>
      </c>
      <c r="AL6413">
        <v>137</v>
      </c>
      <c r="AM6413">
        <v>137</v>
      </c>
      <c r="AN6413">
        <v>136</v>
      </c>
      <c r="AO6413">
        <v>136</v>
      </c>
      <c r="AP6413">
        <v>135</v>
      </c>
      <c r="AQ6413">
        <v>134</v>
      </c>
    </row>
    <row r="6414" spans="1:43">
      <c r="A6414" t="s">
        <v>4018</v>
      </c>
      <c r="B6414" t="s">
        <v>4019</v>
      </c>
      <c r="C6414" t="s">
        <v>4008</v>
      </c>
      <c r="D6414" t="s">
        <v>4009</v>
      </c>
      <c r="E6414" t="s">
        <v>3968</v>
      </c>
      <c r="F6414" t="s">
        <v>3969</v>
      </c>
      <c r="G6414" t="s">
        <v>80</v>
      </c>
      <c r="H6414" t="s">
        <v>81</v>
      </c>
      <c r="I6414" s="2">
        <v>0</v>
      </c>
      <c r="J6414" s="2">
        <v>1</v>
      </c>
      <c r="K6414" s="2">
        <v>0</v>
      </c>
      <c r="L6414" t="s">
        <v>82</v>
      </c>
      <c r="M6414" t="s">
        <v>83</v>
      </c>
      <c r="N6414" t="s">
        <v>84</v>
      </c>
      <c r="O6414" t="s">
        <v>85</v>
      </c>
      <c r="P6414" t="s">
        <v>86</v>
      </c>
      <c r="Q6414">
        <v>170</v>
      </c>
      <c r="R6414">
        <v>172</v>
      </c>
      <c r="S6414">
        <v>174</v>
      </c>
      <c r="T6414">
        <v>176</v>
      </c>
      <c r="U6414">
        <v>178</v>
      </c>
      <c r="V6414">
        <v>180</v>
      </c>
      <c r="W6414">
        <v>181</v>
      </c>
      <c r="X6414">
        <v>183</v>
      </c>
      <c r="Y6414">
        <v>185</v>
      </c>
      <c r="Z6414">
        <v>187</v>
      </c>
      <c r="AA6414">
        <v>188</v>
      </c>
      <c r="AB6414">
        <v>190</v>
      </c>
      <c r="AC6414">
        <v>192</v>
      </c>
      <c r="AD6414">
        <v>193</v>
      </c>
      <c r="AE6414">
        <v>195</v>
      </c>
      <c r="AF6414">
        <v>196</v>
      </c>
      <c r="AG6414">
        <v>198</v>
      </c>
      <c r="AH6414">
        <v>199</v>
      </c>
      <c r="AI6414">
        <v>200</v>
      </c>
      <c r="AJ6414">
        <v>202</v>
      </c>
      <c r="AK6414">
        <v>203</v>
      </c>
      <c r="AL6414">
        <v>203</v>
      </c>
      <c r="AM6414">
        <v>202</v>
      </c>
      <c r="AN6414">
        <v>202</v>
      </c>
      <c r="AO6414">
        <v>201</v>
      </c>
      <c r="AP6414">
        <v>200</v>
      </c>
      <c r="AQ6414">
        <v>199</v>
      </c>
    </row>
    <row r="6415" spans="1:43">
      <c r="A6415" t="s">
        <v>4018</v>
      </c>
      <c r="B6415" t="s">
        <v>4019</v>
      </c>
      <c r="C6415" t="s">
        <v>4008</v>
      </c>
      <c r="D6415" t="s">
        <v>4009</v>
      </c>
      <c r="E6415" t="s">
        <v>3968</v>
      </c>
      <c r="F6415" t="s">
        <v>3969</v>
      </c>
      <c r="G6415" t="s">
        <v>80</v>
      </c>
      <c r="H6415" t="s">
        <v>81</v>
      </c>
      <c r="I6415" s="2">
        <v>0</v>
      </c>
      <c r="J6415" s="2">
        <v>1</v>
      </c>
      <c r="K6415" s="2">
        <v>0</v>
      </c>
      <c r="L6415" t="s">
        <v>82</v>
      </c>
      <c r="M6415" t="s">
        <v>87</v>
      </c>
      <c r="N6415" t="s">
        <v>88</v>
      </c>
      <c r="O6415" t="s">
        <v>85</v>
      </c>
      <c r="P6415" t="s">
        <v>86</v>
      </c>
      <c r="Q6415">
        <v>170</v>
      </c>
      <c r="R6415">
        <v>171</v>
      </c>
      <c r="S6415">
        <v>171</v>
      </c>
      <c r="T6415">
        <v>172</v>
      </c>
      <c r="U6415">
        <v>172</v>
      </c>
      <c r="V6415">
        <v>172</v>
      </c>
      <c r="W6415">
        <v>172</v>
      </c>
      <c r="X6415">
        <v>173</v>
      </c>
      <c r="Y6415">
        <v>173</v>
      </c>
      <c r="Z6415">
        <v>173</v>
      </c>
      <c r="AA6415">
        <v>173</v>
      </c>
      <c r="AB6415">
        <v>174</v>
      </c>
      <c r="AC6415">
        <v>174</v>
      </c>
      <c r="AD6415">
        <v>174</v>
      </c>
      <c r="AE6415">
        <v>174</v>
      </c>
      <c r="AF6415">
        <v>174</v>
      </c>
      <c r="AG6415">
        <v>174</v>
      </c>
      <c r="AH6415">
        <v>174</v>
      </c>
      <c r="AI6415">
        <v>174</v>
      </c>
      <c r="AJ6415">
        <v>174</v>
      </c>
      <c r="AK6415">
        <v>174</v>
      </c>
      <c r="AL6415">
        <v>174</v>
      </c>
      <c r="AM6415">
        <v>174</v>
      </c>
      <c r="AN6415">
        <v>174</v>
      </c>
      <c r="AO6415">
        <v>174</v>
      </c>
      <c r="AP6415">
        <v>174</v>
      </c>
      <c r="AQ6415">
        <v>174</v>
      </c>
    </row>
    <row r="6416" spans="1:43">
      <c r="A6416" t="s">
        <v>4018</v>
      </c>
      <c r="B6416" t="s">
        <v>4019</v>
      </c>
      <c r="C6416" t="s">
        <v>4008</v>
      </c>
      <c r="D6416" t="s">
        <v>4009</v>
      </c>
      <c r="E6416" t="s">
        <v>3968</v>
      </c>
      <c r="F6416" t="s">
        <v>3969</v>
      </c>
      <c r="G6416" t="s">
        <v>80</v>
      </c>
      <c r="H6416" t="s">
        <v>81</v>
      </c>
      <c r="I6416" s="2">
        <v>0</v>
      </c>
      <c r="J6416" s="2">
        <v>1</v>
      </c>
      <c r="K6416" s="2">
        <v>0</v>
      </c>
      <c r="L6416" t="s">
        <v>82</v>
      </c>
      <c r="M6416" t="s">
        <v>89</v>
      </c>
      <c r="N6416" t="s">
        <v>90</v>
      </c>
      <c r="O6416" t="s">
        <v>85</v>
      </c>
      <c r="P6416" t="s">
        <v>86</v>
      </c>
      <c r="Q6416">
        <v>170</v>
      </c>
      <c r="R6416">
        <v>173</v>
      </c>
      <c r="S6416">
        <v>176</v>
      </c>
      <c r="T6416">
        <v>180</v>
      </c>
      <c r="U6416">
        <v>183</v>
      </c>
      <c r="V6416">
        <v>186</v>
      </c>
      <c r="W6416">
        <v>189</v>
      </c>
      <c r="X6416">
        <v>192</v>
      </c>
      <c r="Y6416">
        <v>194</v>
      </c>
      <c r="Z6416">
        <v>197</v>
      </c>
      <c r="AA6416">
        <v>199</v>
      </c>
      <c r="AB6416">
        <v>201</v>
      </c>
      <c r="AC6416">
        <v>204</v>
      </c>
      <c r="AD6416">
        <v>206</v>
      </c>
      <c r="AE6416">
        <v>207</v>
      </c>
      <c r="AF6416">
        <v>207</v>
      </c>
      <c r="AG6416">
        <v>206</v>
      </c>
      <c r="AH6416">
        <v>205</v>
      </c>
      <c r="AI6416">
        <v>205</v>
      </c>
      <c r="AJ6416">
        <v>204</v>
      </c>
      <c r="AK6416">
        <v>203</v>
      </c>
      <c r="AL6416">
        <v>203</v>
      </c>
      <c r="AM6416">
        <v>202</v>
      </c>
      <c r="AN6416">
        <v>201</v>
      </c>
      <c r="AO6416">
        <v>200</v>
      </c>
      <c r="AP6416">
        <v>200</v>
      </c>
      <c r="AQ6416">
        <v>199</v>
      </c>
    </row>
    <row r="6417" spans="1:43">
      <c r="A6417" t="s">
        <v>4018</v>
      </c>
      <c r="B6417" t="s">
        <v>4019</v>
      </c>
      <c r="C6417" t="s">
        <v>4008</v>
      </c>
      <c r="D6417" t="s">
        <v>4009</v>
      </c>
      <c r="E6417" t="s">
        <v>3968</v>
      </c>
      <c r="F6417" t="s">
        <v>3969</v>
      </c>
      <c r="G6417" t="s">
        <v>80</v>
      </c>
      <c r="H6417" t="s">
        <v>81</v>
      </c>
      <c r="I6417" s="2">
        <v>0</v>
      </c>
      <c r="J6417" s="2">
        <v>1</v>
      </c>
      <c r="K6417" s="2">
        <v>0</v>
      </c>
      <c r="L6417" t="s">
        <v>82</v>
      </c>
      <c r="M6417" t="s">
        <v>83</v>
      </c>
      <c r="N6417" t="s">
        <v>91</v>
      </c>
      <c r="O6417" t="s">
        <v>85</v>
      </c>
      <c r="P6417" t="s">
        <v>86</v>
      </c>
      <c r="Q6417">
        <v>170</v>
      </c>
      <c r="R6417">
        <v>172</v>
      </c>
      <c r="S6417">
        <v>174</v>
      </c>
      <c r="T6417">
        <v>176</v>
      </c>
      <c r="U6417">
        <v>178</v>
      </c>
      <c r="V6417">
        <v>180</v>
      </c>
      <c r="W6417">
        <v>181</v>
      </c>
      <c r="X6417">
        <v>183</v>
      </c>
      <c r="Y6417">
        <v>185</v>
      </c>
      <c r="Z6417">
        <v>187</v>
      </c>
      <c r="AA6417">
        <v>188</v>
      </c>
      <c r="AB6417">
        <v>190</v>
      </c>
      <c r="AC6417">
        <v>192</v>
      </c>
      <c r="AD6417">
        <v>193</v>
      </c>
      <c r="AE6417">
        <v>195</v>
      </c>
      <c r="AF6417">
        <v>196</v>
      </c>
      <c r="AG6417">
        <v>198</v>
      </c>
      <c r="AH6417">
        <v>199</v>
      </c>
      <c r="AI6417">
        <v>200</v>
      </c>
      <c r="AJ6417">
        <v>202</v>
      </c>
      <c r="AK6417">
        <v>203</v>
      </c>
      <c r="AL6417">
        <v>203</v>
      </c>
      <c r="AM6417">
        <v>202</v>
      </c>
      <c r="AN6417">
        <v>202</v>
      </c>
      <c r="AO6417">
        <v>201</v>
      </c>
      <c r="AP6417">
        <v>200</v>
      </c>
      <c r="AQ6417">
        <v>199</v>
      </c>
    </row>
    <row r="6418" spans="1:43">
      <c r="A6418" t="s">
        <v>4020</v>
      </c>
      <c r="B6418" t="s">
        <v>4021</v>
      </c>
      <c r="C6418" t="s">
        <v>4008</v>
      </c>
      <c r="D6418" t="s">
        <v>4009</v>
      </c>
      <c r="E6418" t="s">
        <v>3968</v>
      </c>
      <c r="F6418" t="s">
        <v>3969</v>
      </c>
      <c r="G6418" t="s">
        <v>80</v>
      </c>
      <c r="H6418" t="s">
        <v>81</v>
      </c>
      <c r="I6418" s="2">
        <v>0</v>
      </c>
      <c r="J6418" s="2">
        <v>1</v>
      </c>
      <c r="K6418" s="2">
        <v>0</v>
      </c>
      <c r="L6418" t="s">
        <v>82</v>
      </c>
      <c r="M6418" t="s">
        <v>83</v>
      </c>
      <c r="N6418" t="s">
        <v>84</v>
      </c>
      <c r="O6418" t="s">
        <v>85</v>
      </c>
      <c r="P6418" t="s">
        <v>86</v>
      </c>
      <c r="Q6418">
        <v>34</v>
      </c>
      <c r="R6418">
        <v>35</v>
      </c>
      <c r="S6418">
        <v>35</v>
      </c>
      <c r="T6418">
        <v>35</v>
      </c>
      <c r="U6418">
        <v>36</v>
      </c>
      <c r="V6418">
        <v>36</v>
      </c>
      <c r="W6418">
        <v>37</v>
      </c>
      <c r="X6418">
        <v>37</v>
      </c>
      <c r="Y6418">
        <v>37</v>
      </c>
      <c r="Z6418">
        <v>38</v>
      </c>
      <c r="AA6418">
        <v>38</v>
      </c>
      <c r="AB6418">
        <v>38</v>
      </c>
      <c r="AC6418">
        <v>39</v>
      </c>
      <c r="AD6418">
        <v>39</v>
      </c>
      <c r="AE6418">
        <v>39</v>
      </c>
      <c r="AF6418">
        <v>40</v>
      </c>
      <c r="AG6418">
        <v>40</v>
      </c>
      <c r="AH6418">
        <v>40</v>
      </c>
      <c r="AI6418">
        <v>40</v>
      </c>
      <c r="AJ6418">
        <v>41</v>
      </c>
      <c r="AK6418">
        <v>41</v>
      </c>
      <c r="AL6418">
        <v>41</v>
      </c>
      <c r="AM6418">
        <v>41</v>
      </c>
      <c r="AN6418">
        <v>41</v>
      </c>
      <c r="AO6418">
        <v>41</v>
      </c>
      <c r="AP6418">
        <v>40</v>
      </c>
      <c r="AQ6418">
        <v>40</v>
      </c>
    </row>
    <row r="6419" spans="1:43">
      <c r="A6419" t="s">
        <v>4020</v>
      </c>
      <c r="B6419" t="s">
        <v>4021</v>
      </c>
      <c r="C6419" t="s">
        <v>4008</v>
      </c>
      <c r="D6419" t="s">
        <v>4009</v>
      </c>
      <c r="E6419" t="s">
        <v>3968</v>
      </c>
      <c r="F6419" t="s">
        <v>3969</v>
      </c>
      <c r="G6419" t="s">
        <v>80</v>
      </c>
      <c r="H6419" t="s">
        <v>81</v>
      </c>
      <c r="I6419" s="2">
        <v>0</v>
      </c>
      <c r="J6419" s="2">
        <v>1</v>
      </c>
      <c r="K6419" s="2">
        <v>0</v>
      </c>
      <c r="L6419" t="s">
        <v>82</v>
      </c>
      <c r="M6419" t="s">
        <v>87</v>
      </c>
      <c r="N6419" t="s">
        <v>88</v>
      </c>
      <c r="O6419" t="s">
        <v>85</v>
      </c>
      <c r="P6419" t="s">
        <v>86</v>
      </c>
      <c r="Q6419">
        <v>34</v>
      </c>
      <c r="R6419">
        <v>34</v>
      </c>
      <c r="S6419">
        <v>34</v>
      </c>
      <c r="T6419">
        <v>34</v>
      </c>
      <c r="U6419">
        <v>34</v>
      </c>
      <c r="V6419">
        <v>34</v>
      </c>
      <c r="W6419">
        <v>34</v>
      </c>
      <c r="X6419">
        <v>34</v>
      </c>
      <c r="Y6419">
        <v>35</v>
      </c>
      <c r="Z6419">
        <v>35</v>
      </c>
      <c r="AA6419">
        <v>35</v>
      </c>
      <c r="AB6419">
        <v>35</v>
      </c>
      <c r="AC6419">
        <v>35</v>
      </c>
      <c r="AD6419">
        <v>35</v>
      </c>
      <c r="AE6419">
        <v>35</v>
      </c>
      <c r="AF6419">
        <v>35</v>
      </c>
      <c r="AG6419">
        <v>35</v>
      </c>
      <c r="AH6419">
        <v>35</v>
      </c>
      <c r="AI6419">
        <v>35</v>
      </c>
      <c r="AJ6419">
        <v>35</v>
      </c>
      <c r="AK6419">
        <v>35</v>
      </c>
      <c r="AL6419">
        <v>35</v>
      </c>
      <c r="AM6419">
        <v>35</v>
      </c>
      <c r="AN6419">
        <v>35</v>
      </c>
      <c r="AO6419">
        <v>35</v>
      </c>
      <c r="AP6419">
        <v>35</v>
      </c>
      <c r="AQ6419">
        <v>35</v>
      </c>
    </row>
    <row r="6420" spans="1:43">
      <c r="A6420" t="s">
        <v>4020</v>
      </c>
      <c r="B6420" t="s">
        <v>4021</v>
      </c>
      <c r="C6420" t="s">
        <v>4008</v>
      </c>
      <c r="D6420" t="s">
        <v>4009</v>
      </c>
      <c r="E6420" t="s">
        <v>3968</v>
      </c>
      <c r="F6420" t="s">
        <v>3969</v>
      </c>
      <c r="G6420" t="s">
        <v>80</v>
      </c>
      <c r="H6420" t="s">
        <v>81</v>
      </c>
      <c r="I6420" s="2">
        <v>0</v>
      </c>
      <c r="J6420" s="2">
        <v>1</v>
      </c>
      <c r="K6420" s="2">
        <v>0</v>
      </c>
      <c r="L6420" t="s">
        <v>82</v>
      </c>
      <c r="M6420" t="s">
        <v>89</v>
      </c>
      <c r="N6420" t="s">
        <v>90</v>
      </c>
      <c r="O6420" t="s">
        <v>85</v>
      </c>
      <c r="P6420" t="s">
        <v>86</v>
      </c>
      <c r="Q6420">
        <v>34</v>
      </c>
      <c r="R6420">
        <v>34</v>
      </c>
      <c r="S6420">
        <v>35</v>
      </c>
      <c r="T6420">
        <v>36</v>
      </c>
      <c r="U6420">
        <v>36</v>
      </c>
      <c r="V6420">
        <v>37</v>
      </c>
      <c r="W6420">
        <v>37</v>
      </c>
      <c r="X6420">
        <v>38</v>
      </c>
      <c r="Y6420">
        <v>39</v>
      </c>
      <c r="Z6420">
        <v>39</v>
      </c>
      <c r="AA6420">
        <v>40</v>
      </c>
      <c r="AB6420">
        <v>40</v>
      </c>
      <c r="AC6420">
        <v>41</v>
      </c>
      <c r="AD6420">
        <v>41</v>
      </c>
      <c r="AE6420">
        <v>41</v>
      </c>
      <c r="AF6420">
        <v>41</v>
      </c>
      <c r="AG6420">
        <v>41</v>
      </c>
      <c r="AH6420">
        <v>41</v>
      </c>
      <c r="AI6420">
        <v>41</v>
      </c>
      <c r="AJ6420">
        <v>41</v>
      </c>
      <c r="AK6420">
        <v>41</v>
      </c>
      <c r="AL6420">
        <v>40</v>
      </c>
      <c r="AM6420">
        <v>40</v>
      </c>
      <c r="AN6420">
        <v>40</v>
      </c>
      <c r="AO6420">
        <v>40</v>
      </c>
      <c r="AP6420">
        <v>40</v>
      </c>
      <c r="AQ6420">
        <v>40</v>
      </c>
    </row>
    <row r="6421" spans="1:43">
      <c r="A6421" t="s">
        <v>4020</v>
      </c>
      <c r="B6421" t="s">
        <v>4021</v>
      </c>
      <c r="C6421" t="s">
        <v>4008</v>
      </c>
      <c r="D6421" t="s">
        <v>4009</v>
      </c>
      <c r="E6421" t="s">
        <v>3968</v>
      </c>
      <c r="F6421" t="s">
        <v>3969</v>
      </c>
      <c r="G6421" t="s">
        <v>80</v>
      </c>
      <c r="H6421" t="s">
        <v>81</v>
      </c>
      <c r="I6421" s="2">
        <v>0</v>
      </c>
      <c r="J6421" s="2">
        <v>1</v>
      </c>
      <c r="K6421" s="2">
        <v>0</v>
      </c>
      <c r="L6421" t="s">
        <v>82</v>
      </c>
      <c r="M6421" t="s">
        <v>83</v>
      </c>
      <c r="N6421" t="s">
        <v>91</v>
      </c>
      <c r="O6421" t="s">
        <v>85</v>
      </c>
      <c r="P6421" t="s">
        <v>86</v>
      </c>
      <c r="Q6421">
        <v>34</v>
      </c>
      <c r="R6421">
        <v>35</v>
      </c>
      <c r="S6421">
        <v>35</v>
      </c>
      <c r="T6421">
        <v>35</v>
      </c>
      <c r="U6421">
        <v>36</v>
      </c>
      <c r="V6421">
        <v>36</v>
      </c>
      <c r="W6421">
        <v>37</v>
      </c>
      <c r="X6421">
        <v>37</v>
      </c>
      <c r="Y6421">
        <v>37</v>
      </c>
      <c r="Z6421">
        <v>38</v>
      </c>
      <c r="AA6421">
        <v>38</v>
      </c>
      <c r="AB6421">
        <v>38</v>
      </c>
      <c r="AC6421">
        <v>39</v>
      </c>
      <c r="AD6421">
        <v>39</v>
      </c>
      <c r="AE6421">
        <v>39</v>
      </c>
      <c r="AF6421">
        <v>40</v>
      </c>
      <c r="AG6421">
        <v>40</v>
      </c>
      <c r="AH6421">
        <v>40</v>
      </c>
      <c r="AI6421">
        <v>40</v>
      </c>
      <c r="AJ6421">
        <v>41</v>
      </c>
      <c r="AK6421">
        <v>41</v>
      </c>
      <c r="AL6421">
        <v>41</v>
      </c>
      <c r="AM6421">
        <v>41</v>
      </c>
      <c r="AN6421">
        <v>41</v>
      </c>
      <c r="AO6421">
        <v>41</v>
      </c>
      <c r="AP6421">
        <v>40</v>
      </c>
      <c r="AQ6421">
        <v>40</v>
      </c>
    </row>
    <row r="6422" spans="1:43">
      <c r="A6422" t="s">
        <v>4022</v>
      </c>
      <c r="B6422" t="s">
        <v>4023</v>
      </c>
      <c r="C6422" t="s">
        <v>3966</v>
      </c>
      <c r="D6422" t="s">
        <v>3967</v>
      </c>
      <c r="E6422" t="s">
        <v>3968</v>
      </c>
      <c r="F6422" t="s">
        <v>3969</v>
      </c>
      <c r="G6422" t="s">
        <v>80</v>
      </c>
      <c r="H6422" t="s">
        <v>81</v>
      </c>
      <c r="I6422" s="2">
        <v>0</v>
      </c>
      <c r="J6422" s="2">
        <v>1</v>
      </c>
      <c r="K6422" s="2">
        <v>0</v>
      </c>
      <c r="L6422" t="s">
        <v>82</v>
      </c>
      <c r="M6422" t="s">
        <v>83</v>
      </c>
      <c r="N6422" t="s">
        <v>84</v>
      </c>
      <c r="O6422" t="s">
        <v>85</v>
      </c>
      <c r="P6422" t="s">
        <v>86</v>
      </c>
      <c r="Q6422">
        <v>76</v>
      </c>
      <c r="R6422">
        <v>76</v>
      </c>
      <c r="S6422">
        <v>77</v>
      </c>
      <c r="T6422">
        <v>78</v>
      </c>
      <c r="U6422">
        <v>79</v>
      </c>
      <c r="V6422">
        <v>80</v>
      </c>
      <c r="W6422">
        <v>81</v>
      </c>
      <c r="X6422">
        <v>81</v>
      </c>
      <c r="Y6422">
        <v>82</v>
      </c>
      <c r="Z6422">
        <v>83</v>
      </c>
      <c r="AA6422">
        <v>84</v>
      </c>
      <c r="AB6422">
        <v>84</v>
      </c>
      <c r="AC6422">
        <v>85</v>
      </c>
      <c r="AD6422">
        <v>86</v>
      </c>
      <c r="AE6422">
        <v>86</v>
      </c>
      <c r="AF6422">
        <v>87</v>
      </c>
      <c r="AG6422">
        <v>88</v>
      </c>
      <c r="AH6422">
        <v>88</v>
      </c>
      <c r="AI6422">
        <v>89</v>
      </c>
      <c r="AJ6422">
        <v>90</v>
      </c>
      <c r="AK6422">
        <v>90</v>
      </c>
      <c r="AL6422">
        <v>90</v>
      </c>
      <c r="AM6422">
        <v>90</v>
      </c>
      <c r="AN6422">
        <v>90</v>
      </c>
      <c r="AO6422">
        <v>89</v>
      </c>
      <c r="AP6422">
        <v>89</v>
      </c>
      <c r="AQ6422">
        <v>89</v>
      </c>
    </row>
    <row r="6423" spans="1:43">
      <c r="A6423" t="s">
        <v>4022</v>
      </c>
      <c r="B6423" t="s">
        <v>4023</v>
      </c>
      <c r="C6423" t="s">
        <v>3966</v>
      </c>
      <c r="D6423" t="s">
        <v>3967</v>
      </c>
      <c r="E6423" t="s">
        <v>3968</v>
      </c>
      <c r="F6423" t="s">
        <v>3969</v>
      </c>
      <c r="G6423" t="s">
        <v>80</v>
      </c>
      <c r="H6423" t="s">
        <v>81</v>
      </c>
      <c r="I6423" s="2">
        <v>0</v>
      </c>
      <c r="J6423" s="2">
        <v>1</v>
      </c>
      <c r="K6423" s="2">
        <v>0</v>
      </c>
      <c r="L6423" t="s">
        <v>82</v>
      </c>
      <c r="M6423" t="s">
        <v>87</v>
      </c>
      <c r="N6423" t="s">
        <v>88</v>
      </c>
      <c r="O6423" t="s">
        <v>85</v>
      </c>
      <c r="P6423" t="s">
        <v>86</v>
      </c>
      <c r="Q6423">
        <v>76</v>
      </c>
      <c r="R6423">
        <v>76</v>
      </c>
      <c r="S6423">
        <v>76</v>
      </c>
      <c r="T6423">
        <v>76</v>
      </c>
      <c r="U6423">
        <v>76</v>
      </c>
      <c r="V6423">
        <v>77</v>
      </c>
      <c r="W6423">
        <v>77</v>
      </c>
      <c r="X6423">
        <v>77</v>
      </c>
      <c r="Y6423">
        <v>77</v>
      </c>
      <c r="Z6423">
        <v>77</v>
      </c>
      <c r="AA6423">
        <v>77</v>
      </c>
      <c r="AB6423">
        <v>77</v>
      </c>
      <c r="AC6423">
        <v>77</v>
      </c>
      <c r="AD6423">
        <v>77</v>
      </c>
      <c r="AE6423">
        <v>77</v>
      </c>
      <c r="AF6423">
        <v>77</v>
      </c>
      <c r="AG6423">
        <v>78</v>
      </c>
      <c r="AH6423">
        <v>78</v>
      </c>
      <c r="AI6423">
        <v>78</v>
      </c>
      <c r="AJ6423">
        <v>78</v>
      </c>
      <c r="AK6423">
        <v>78</v>
      </c>
      <c r="AL6423">
        <v>78</v>
      </c>
      <c r="AM6423">
        <v>78</v>
      </c>
      <c r="AN6423">
        <v>78</v>
      </c>
      <c r="AO6423">
        <v>78</v>
      </c>
      <c r="AP6423">
        <v>77</v>
      </c>
      <c r="AQ6423">
        <v>77</v>
      </c>
    </row>
    <row r="6424" spans="1:43">
      <c r="A6424" t="s">
        <v>4022</v>
      </c>
      <c r="B6424" t="s">
        <v>4023</v>
      </c>
      <c r="C6424" t="s">
        <v>3966</v>
      </c>
      <c r="D6424" t="s">
        <v>3967</v>
      </c>
      <c r="E6424" t="s">
        <v>3968</v>
      </c>
      <c r="F6424" t="s">
        <v>3969</v>
      </c>
      <c r="G6424" t="s">
        <v>80</v>
      </c>
      <c r="H6424" t="s">
        <v>81</v>
      </c>
      <c r="I6424" s="2">
        <v>0</v>
      </c>
      <c r="J6424" s="2">
        <v>1</v>
      </c>
      <c r="K6424" s="2">
        <v>0</v>
      </c>
      <c r="L6424" t="s">
        <v>82</v>
      </c>
      <c r="M6424" t="s">
        <v>89</v>
      </c>
      <c r="N6424" t="s">
        <v>90</v>
      </c>
      <c r="O6424" t="s">
        <v>85</v>
      </c>
      <c r="P6424" t="s">
        <v>86</v>
      </c>
      <c r="Q6424">
        <v>76</v>
      </c>
      <c r="R6424">
        <v>78</v>
      </c>
      <c r="S6424">
        <v>79</v>
      </c>
      <c r="T6424">
        <v>81</v>
      </c>
      <c r="U6424">
        <v>82</v>
      </c>
      <c r="V6424">
        <v>83</v>
      </c>
      <c r="W6424">
        <v>85</v>
      </c>
      <c r="X6424">
        <v>86</v>
      </c>
      <c r="Y6424">
        <v>87</v>
      </c>
      <c r="Z6424">
        <v>88</v>
      </c>
      <c r="AA6424">
        <v>89</v>
      </c>
      <c r="AB6424">
        <v>90</v>
      </c>
      <c r="AC6424">
        <v>91</v>
      </c>
      <c r="AD6424">
        <v>92</v>
      </c>
      <c r="AE6424">
        <v>93</v>
      </c>
      <c r="AF6424">
        <v>93</v>
      </c>
      <c r="AG6424">
        <v>92</v>
      </c>
      <c r="AH6424">
        <v>92</v>
      </c>
      <c r="AI6424">
        <v>92</v>
      </c>
      <c r="AJ6424">
        <v>92</v>
      </c>
      <c r="AK6424">
        <v>91</v>
      </c>
      <c r="AL6424">
        <v>91</v>
      </c>
      <c r="AM6424">
        <v>91</v>
      </c>
      <c r="AN6424">
        <v>90</v>
      </c>
      <c r="AO6424">
        <v>90</v>
      </c>
      <c r="AP6424">
        <v>90</v>
      </c>
      <c r="AQ6424">
        <v>89</v>
      </c>
    </row>
    <row r="6425" spans="1:43">
      <c r="A6425" t="s">
        <v>4022</v>
      </c>
      <c r="B6425" t="s">
        <v>4023</v>
      </c>
      <c r="C6425" t="s">
        <v>3966</v>
      </c>
      <c r="D6425" t="s">
        <v>3967</v>
      </c>
      <c r="E6425" t="s">
        <v>3968</v>
      </c>
      <c r="F6425" t="s">
        <v>3969</v>
      </c>
      <c r="G6425" t="s">
        <v>80</v>
      </c>
      <c r="H6425" t="s">
        <v>81</v>
      </c>
      <c r="I6425" s="2">
        <v>0</v>
      </c>
      <c r="J6425" s="2">
        <v>1</v>
      </c>
      <c r="K6425" s="2">
        <v>0</v>
      </c>
      <c r="L6425" t="s">
        <v>82</v>
      </c>
      <c r="M6425" t="s">
        <v>83</v>
      </c>
      <c r="N6425" t="s">
        <v>91</v>
      </c>
      <c r="O6425" t="s">
        <v>85</v>
      </c>
      <c r="P6425" t="s">
        <v>86</v>
      </c>
      <c r="Q6425">
        <v>76</v>
      </c>
      <c r="R6425">
        <v>76</v>
      </c>
      <c r="S6425">
        <v>77</v>
      </c>
      <c r="T6425">
        <v>78</v>
      </c>
      <c r="U6425">
        <v>79</v>
      </c>
      <c r="V6425">
        <v>80</v>
      </c>
      <c r="W6425">
        <v>81</v>
      </c>
      <c r="X6425">
        <v>81</v>
      </c>
      <c r="Y6425">
        <v>82</v>
      </c>
      <c r="Z6425">
        <v>83</v>
      </c>
      <c r="AA6425">
        <v>84</v>
      </c>
      <c r="AB6425">
        <v>84</v>
      </c>
      <c r="AC6425">
        <v>85</v>
      </c>
      <c r="AD6425">
        <v>86</v>
      </c>
      <c r="AE6425">
        <v>86</v>
      </c>
      <c r="AF6425">
        <v>87</v>
      </c>
      <c r="AG6425">
        <v>88</v>
      </c>
      <c r="AH6425">
        <v>88</v>
      </c>
      <c r="AI6425">
        <v>89</v>
      </c>
      <c r="AJ6425">
        <v>90</v>
      </c>
      <c r="AK6425">
        <v>90</v>
      </c>
      <c r="AL6425">
        <v>90</v>
      </c>
      <c r="AM6425">
        <v>90</v>
      </c>
      <c r="AN6425">
        <v>90</v>
      </c>
      <c r="AO6425">
        <v>89</v>
      </c>
      <c r="AP6425">
        <v>89</v>
      </c>
      <c r="AQ6425">
        <v>89</v>
      </c>
    </row>
    <row r="6426" spans="1:43">
      <c r="A6426" t="s">
        <v>4024</v>
      </c>
      <c r="B6426" t="s">
        <v>4025</v>
      </c>
      <c r="C6426" t="s">
        <v>4026</v>
      </c>
      <c r="D6426" t="s">
        <v>4027</v>
      </c>
      <c r="E6426" t="s">
        <v>3968</v>
      </c>
      <c r="F6426" t="s">
        <v>3969</v>
      </c>
      <c r="G6426" t="s">
        <v>80</v>
      </c>
      <c r="H6426" t="s">
        <v>81</v>
      </c>
      <c r="I6426" s="2">
        <v>0</v>
      </c>
      <c r="J6426" s="2">
        <v>1</v>
      </c>
      <c r="K6426" s="2">
        <v>0</v>
      </c>
      <c r="L6426" t="s">
        <v>82</v>
      </c>
      <c r="M6426" t="s">
        <v>83</v>
      </c>
      <c r="N6426" t="s">
        <v>84</v>
      </c>
      <c r="O6426" t="s">
        <v>85</v>
      </c>
      <c r="P6426" t="s">
        <v>86</v>
      </c>
      <c r="Q6426">
        <v>26</v>
      </c>
      <c r="R6426">
        <v>27</v>
      </c>
      <c r="S6426">
        <v>27</v>
      </c>
      <c r="T6426">
        <v>27</v>
      </c>
      <c r="U6426">
        <v>28</v>
      </c>
      <c r="V6426">
        <v>28</v>
      </c>
      <c r="W6426">
        <v>28</v>
      </c>
      <c r="X6426">
        <v>28</v>
      </c>
      <c r="Y6426">
        <v>29</v>
      </c>
      <c r="Z6426">
        <v>29</v>
      </c>
      <c r="AA6426">
        <v>29</v>
      </c>
      <c r="AB6426">
        <v>30</v>
      </c>
      <c r="AC6426">
        <v>30</v>
      </c>
      <c r="AD6426">
        <v>30</v>
      </c>
      <c r="AE6426">
        <v>30</v>
      </c>
      <c r="AF6426">
        <v>30</v>
      </c>
      <c r="AG6426">
        <v>31</v>
      </c>
      <c r="AH6426">
        <v>31</v>
      </c>
      <c r="AI6426">
        <v>31</v>
      </c>
      <c r="AJ6426">
        <v>31</v>
      </c>
      <c r="AK6426">
        <v>31</v>
      </c>
      <c r="AL6426">
        <v>31</v>
      </c>
      <c r="AM6426">
        <v>31</v>
      </c>
      <c r="AN6426">
        <v>31</v>
      </c>
      <c r="AO6426">
        <v>31</v>
      </c>
      <c r="AP6426">
        <v>31</v>
      </c>
      <c r="AQ6426">
        <v>31</v>
      </c>
    </row>
    <row r="6427" spans="1:43">
      <c r="A6427" t="s">
        <v>4024</v>
      </c>
      <c r="B6427" t="s">
        <v>4025</v>
      </c>
      <c r="C6427" t="s">
        <v>4026</v>
      </c>
      <c r="D6427" t="s">
        <v>4027</v>
      </c>
      <c r="E6427" t="s">
        <v>3968</v>
      </c>
      <c r="F6427" t="s">
        <v>3969</v>
      </c>
      <c r="G6427" t="s">
        <v>80</v>
      </c>
      <c r="H6427" t="s">
        <v>81</v>
      </c>
      <c r="I6427" s="2">
        <v>0</v>
      </c>
      <c r="J6427" s="2">
        <v>1</v>
      </c>
      <c r="K6427" s="2">
        <v>0</v>
      </c>
      <c r="L6427" t="s">
        <v>82</v>
      </c>
      <c r="M6427" t="s">
        <v>87</v>
      </c>
      <c r="N6427" t="s">
        <v>88</v>
      </c>
      <c r="O6427" t="s">
        <v>85</v>
      </c>
      <c r="P6427" t="s">
        <v>86</v>
      </c>
      <c r="Q6427">
        <v>26</v>
      </c>
      <c r="R6427">
        <v>26</v>
      </c>
      <c r="S6427">
        <v>26</v>
      </c>
      <c r="T6427">
        <v>26</v>
      </c>
      <c r="U6427">
        <v>26</v>
      </c>
      <c r="V6427">
        <v>26</v>
      </c>
      <c r="W6427">
        <v>26</v>
      </c>
      <c r="X6427">
        <v>27</v>
      </c>
      <c r="Y6427">
        <v>27</v>
      </c>
      <c r="Z6427">
        <v>27</v>
      </c>
      <c r="AA6427">
        <v>27</v>
      </c>
      <c r="AB6427">
        <v>27</v>
      </c>
      <c r="AC6427">
        <v>27</v>
      </c>
      <c r="AD6427">
        <v>27</v>
      </c>
      <c r="AE6427">
        <v>27</v>
      </c>
      <c r="AF6427">
        <v>27</v>
      </c>
      <c r="AG6427">
        <v>27</v>
      </c>
      <c r="AH6427">
        <v>27</v>
      </c>
      <c r="AI6427">
        <v>27</v>
      </c>
      <c r="AJ6427">
        <v>27</v>
      </c>
      <c r="AK6427">
        <v>27</v>
      </c>
      <c r="AL6427">
        <v>27</v>
      </c>
      <c r="AM6427">
        <v>27</v>
      </c>
      <c r="AN6427">
        <v>27</v>
      </c>
      <c r="AO6427">
        <v>27</v>
      </c>
      <c r="AP6427">
        <v>27</v>
      </c>
      <c r="AQ6427">
        <v>27</v>
      </c>
    </row>
    <row r="6428" spans="1:43">
      <c r="A6428" t="s">
        <v>4024</v>
      </c>
      <c r="B6428" t="s">
        <v>4025</v>
      </c>
      <c r="C6428" t="s">
        <v>4026</v>
      </c>
      <c r="D6428" t="s">
        <v>4027</v>
      </c>
      <c r="E6428" t="s">
        <v>3968</v>
      </c>
      <c r="F6428" t="s">
        <v>3969</v>
      </c>
      <c r="G6428" t="s">
        <v>80</v>
      </c>
      <c r="H6428" t="s">
        <v>81</v>
      </c>
      <c r="I6428" s="2">
        <v>0</v>
      </c>
      <c r="J6428" s="2">
        <v>1</v>
      </c>
      <c r="K6428" s="2">
        <v>0</v>
      </c>
      <c r="L6428" t="s">
        <v>82</v>
      </c>
      <c r="M6428" t="s">
        <v>89</v>
      </c>
      <c r="N6428" t="s">
        <v>90</v>
      </c>
      <c r="O6428" t="s">
        <v>85</v>
      </c>
      <c r="P6428" t="s">
        <v>86</v>
      </c>
      <c r="Q6428">
        <v>26</v>
      </c>
      <c r="R6428">
        <v>26</v>
      </c>
      <c r="S6428">
        <v>27</v>
      </c>
      <c r="T6428">
        <v>27</v>
      </c>
      <c r="U6428">
        <v>28</v>
      </c>
      <c r="V6428">
        <v>28</v>
      </c>
      <c r="W6428">
        <v>29</v>
      </c>
      <c r="X6428">
        <v>29</v>
      </c>
      <c r="Y6428">
        <v>29</v>
      </c>
      <c r="Z6428">
        <v>30</v>
      </c>
      <c r="AA6428">
        <v>30</v>
      </c>
      <c r="AB6428">
        <v>31</v>
      </c>
      <c r="AC6428">
        <v>31</v>
      </c>
      <c r="AD6428">
        <v>31</v>
      </c>
      <c r="AE6428">
        <v>31</v>
      </c>
      <c r="AF6428">
        <v>31</v>
      </c>
      <c r="AG6428">
        <v>31</v>
      </c>
      <c r="AH6428">
        <v>31</v>
      </c>
      <c r="AI6428">
        <v>31</v>
      </c>
      <c r="AJ6428">
        <v>31</v>
      </c>
      <c r="AK6428">
        <v>31</v>
      </c>
      <c r="AL6428">
        <v>31</v>
      </c>
      <c r="AM6428">
        <v>31</v>
      </c>
      <c r="AN6428">
        <v>31</v>
      </c>
      <c r="AO6428">
        <v>30</v>
      </c>
      <c r="AP6428">
        <v>30</v>
      </c>
      <c r="AQ6428">
        <v>30</v>
      </c>
    </row>
    <row r="6429" spans="1:43">
      <c r="A6429" t="s">
        <v>4024</v>
      </c>
      <c r="B6429" t="s">
        <v>4025</v>
      </c>
      <c r="C6429" t="s">
        <v>4026</v>
      </c>
      <c r="D6429" t="s">
        <v>4027</v>
      </c>
      <c r="E6429" t="s">
        <v>3968</v>
      </c>
      <c r="F6429" t="s">
        <v>3969</v>
      </c>
      <c r="G6429" t="s">
        <v>80</v>
      </c>
      <c r="H6429" t="s">
        <v>81</v>
      </c>
      <c r="I6429" s="2">
        <v>0</v>
      </c>
      <c r="J6429" s="2">
        <v>1</v>
      </c>
      <c r="K6429" s="2">
        <v>0</v>
      </c>
      <c r="L6429" t="s">
        <v>82</v>
      </c>
      <c r="M6429" t="s">
        <v>83</v>
      </c>
      <c r="N6429" t="s">
        <v>91</v>
      </c>
      <c r="O6429" t="s">
        <v>85</v>
      </c>
      <c r="P6429" t="s">
        <v>86</v>
      </c>
      <c r="Q6429">
        <v>26</v>
      </c>
      <c r="R6429">
        <v>27</v>
      </c>
      <c r="S6429">
        <v>27</v>
      </c>
      <c r="T6429">
        <v>27</v>
      </c>
      <c r="U6429">
        <v>28</v>
      </c>
      <c r="V6429">
        <v>28</v>
      </c>
      <c r="W6429">
        <v>28</v>
      </c>
      <c r="X6429">
        <v>28</v>
      </c>
      <c r="Y6429">
        <v>29</v>
      </c>
      <c r="Z6429">
        <v>29</v>
      </c>
      <c r="AA6429">
        <v>29</v>
      </c>
      <c r="AB6429">
        <v>30</v>
      </c>
      <c r="AC6429">
        <v>30</v>
      </c>
      <c r="AD6429">
        <v>30</v>
      </c>
      <c r="AE6429">
        <v>30</v>
      </c>
      <c r="AF6429">
        <v>30</v>
      </c>
      <c r="AG6429">
        <v>31</v>
      </c>
      <c r="AH6429">
        <v>31</v>
      </c>
      <c r="AI6429">
        <v>31</v>
      </c>
      <c r="AJ6429">
        <v>31</v>
      </c>
      <c r="AK6429">
        <v>31</v>
      </c>
      <c r="AL6429">
        <v>31</v>
      </c>
      <c r="AM6429">
        <v>31</v>
      </c>
      <c r="AN6429">
        <v>31</v>
      </c>
      <c r="AO6429">
        <v>31</v>
      </c>
      <c r="AP6429">
        <v>31</v>
      </c>
      <c r="AQ6429">
        <v>31</v>
      </c>
    </row>
    <row r="6430" spans="1:43">
      <c r="A6430" t="s">
        <v>4028</v>
      </c>
      <c r="B6430" t="s">
        <v>4029</v>
      </c>
      <c r="C6430" t="s">
        <v>4026</v>
      </c>
      <c r="D6430" t="s">
        <v>4027</v>
      </c>
      <c r="E6430" t="s">
        <v>3968</v>
      </c>
      <c r="F6430" t="s">
        <v>3969</v>
      </c>
      <c r="G6430" t="s">
        <v>80</v>
      </c>
      <c r="H6430" t="s">
        <v>81</v>
      </c>
      <c r="I6430" s="2">
        <v>0</v>
      </c>
      <c r="J6430" s="2">
        <v>1</v>
      </c>
      <c r="K6430" s="2">
        <v>0</v>
      </c>
      <c r="L6430" t="s">
        <v>82</v>
      </c>
      <c r="M6430" t="s">
        <v>83</v>
      </c>
      <c r="N6430" t="s">
        <v>84</v>
      </c>
      <c r="O6430" t="s">
        <v>85</v>
      </c>
      <c r="P6430" t="s">
        <v>86</v>
      </c>
      <c r="Q6430">
        <v>38</v>
      </c>
      <c r="R6430">
        <v>38</v>
      </c>
      <c r="S6430">
        <v>39</v>
      </c>
      <c r="T6430">
        <v>39</v>
      </c>
      <c r="U6430">
        <v>40</v>
      </c>
      <c r="V6430">
        <v>40</v>
      </c>
      <c r="W6430">
        <v>41</v>
      </c>
      <c r="X6430">
        <v>41</v>
      </c>
      <c r="Y6430">
        <v>41</v>
      </c>
      <c r="Z6430">
        <v>42</v>
      </c>
      <c r="AA6430">
        <v>42</v>
      </c>
      <c r="AB6430">
        <v>43</v>
      </c>
      <c r="AC6430">
        <v>43</v>
      </c>
      <c r="AD6430">
        <v>43</v>
      </c>
      <c r="AE6430">
        <v>44</v>
      </c>
      <c r="AF6430">
        <v>44</v>
      </c>
      <c r="AG6430">
        <v>44</v>
      </c>
      <c r="AH6430">
        <v>45</v>
      </c>
      <c r="AI6430">
        <v>45</v>
      </c>
      <c r="AJ6430">
        <v>45</v>
      </c>
      <c r="AK6430">
        <v>46</v>
      </c>
      <c r="AL6430">
        <v>46</v>
      </c>
      <c r="AM6430">
        <v>45</v>
      </c>
      <c r="AN6430">
        <v>45</v>
      </c>
      <c r="AO6430">
        <v>45</v>
      </c>
      <c r="AP6430">
        <v>45</v>
      </c>
      <c r="AQ6430">
        <v>45</v>
      </c>
    </row>
    <row r="6431" spans="1:43">
      <c r="A6431" t="s">
        <v>4028</v>
      </c>
      <c r="B6431" t="s">
        <v>4029</v>
      </c>
      <c r="C6431" t="s">
        <v>4026</v>
      </c>
      <c r="D6431" t="s">
        <v>4027</v>
      </c>
      <c r="E6431" t="s">
        <v>3968</v>
      </c>
      <c r="F6431" t="s">
        <v>3969</v>
      </c>
      <c r="G6431" t="s">
        <v>80</v>
      </c>
      <c r="H6431" t="s">
        <v>81</v>
      </c>
      <c r="I6431" s="2">
        <v>0</v>
      </c>
      <c r="J6431" s="2">
        <v>1</v>
      </c>
      <c r="K6431" s="2">
        <v>0</v>
      </c>
      <c r="L6431" t="s">
        <v>82</v>
      </c>
      <c r="M6431" t="s">
        <v>87</v>
      </c>
      <c r="N6431" t="s">
        <v>88</v>
      </c>
      <c r="O6431" t="s">
        <v>85</v>
      </c>
      <c r="P6431" t="s">
        <v>86</v>
      </c>
      <c r="Q6431">
        <v>38</v>
      </c>
      <c r="R6431">
        <v>38</v>
      </c>
      <c r="S6431">
        <v>38</v>
      </c>
      <c r="T6431">
        <v>38</v>
      </c>
      <c r="U6431">
        <v>38</v>
      </c>
      <c r="V6431">
        <v>38</v>
      </c>
      <c r="W6431">
        <v>38</v>
      </c>
      <c r="X6431">
        <v>38</v>
      </c>
      <c r="Y6431">
        <v>38</v>
      </c>
      <c r="Z6431">
        <v>38</v>
      </c>
      <c r="AA6431">
        <v>38</v>
      </c>
      <c r="AB6431">
        <v>38</v>
      </c>
      <c r="AC6431">
        <v>39</v>
      </c>
      <c r="AD6431">
        <v>39</v>
      </c>
      <c r="AE6431">
        <v>39</v>
      </c>
      <c r="AF6431">
        <v>39</v>
      </c>
      <c r="AG6431">
        <v>39</v>
      </c>
      <c r="AH6431">
        <v>39</v>
      </c>
      <c r="AI6431">
        <v>39</v>
      </c>
      <c r="AJ6431">
        <v>39</v>
      </c>
      <c r="AK6431">
        <v>39</v>
      </c>
      <c r="AL6431">
        <v>39</v>
      </c>
      <c r="AM6431">
        <v>39</v>
      </c>
      <c r="AN6431">
        <v>39</v>
      </c>
      <c r="AO6431">
        <v>39</v>
      </c>
      <c r="AP6431">
        <v>39</v>
      </c>
      <c r="AQ6431">
        <v>39</v>
      </c>
    </row>
    <row r="6432" spans="1:43">
      <c r="A6432" t="s">
        <v>4028</v>
      </c>
      <c r="B6432" t="s">
        <v>4029</v>
      </c>
      <c r="C6432" t="s">
        <v>4026</v>
      </c>
      <c r="D6432" t="s">
        <v>4027</v>
      </c>
      <c r="E6432" t="s">
        <v>3968</v>
      </c>
      <c r="F6432" t="s">
        <v>3969</v>
      </c>
      <c r="G6432" t="s">
        <v>80</v>
      </c>
      <c r="H6432" t="s">
        <v>81</v>
      </c>
      <c r="I6432" s="2">
        <v>0</v>
      </c>
      <c r="J6432" s="2">
        <v>1</v>
      </c>
      <c r="K6432" s="2">
        <v>0</v>
      </c>
      <c r="L6432" t="s">
        <v>82</v>
      </c>
      <c r="M6432" t="s">
        <v>89</v>
      </c>
      <c r="N6432" t="s">
        <v>90</v>
      </c>
      <c r="O6432" t="s">
        <v>85</v>
      </c>
      <c r="P6432" t="s">
        <v>86</v>
      </c>
      <c r="Q6432">
        <v>38</v>
      </c>
      <c r="R6432">
        <v>39</v>
      </c>
      <c r="S6432">
        <v>40</v>
      </c>
      <c r="T6432">
        <v>41</v>
      </c>
      <c r="U6432">
        <v>41</v>
      </c>
      <c r="V6432">
        <v>42</v>
      </c>
      <c r="W6432">
        <v>43</v>
      </c>
      <c r="X6432">
        <v>43</v>
      </c>
      <c r="Y6432">
        <v>44</v>
      </c>
      <c r="Z6432">
        <v>44</v>
      </c>
      <c r="AA6432">
        <v>45</v>
      </c>
      <c r="AB6432">
        <v>45</v>
      </c>
      <c r="AC6432">
        <v>46</v>
      </c>
      <c r="AD6432">
        <v>47</v>
      </c>
      <c r="AE6432">
        <v>47</v>
      </c>
      <c r="AF6432">
        <v>47</v>
      </c>
      <c r="AG6432">
        <v>47</v>
      </c>
      <c r="AH6432">
        <v>47</v>
      </c>
      <c r="AI6432">
        <v>46</v>
      </c>
      <c r="AJ6432">
        <v>46</v>
      </c>
      <c r="AK6432">
        <v>46</v>
      </c>
      <c r="AL6432">
        <v>46</v>
      </c>
      <c r="AM6432">
        <v>46</v>
      </c>
      <c r="AN6432">
        <v>46</v>
      </c>
      <c r="AO6432">
        <v>46</v>
      </c>
      <c r="AP6432">
        <v>46</v>
      </c>
      <c r="AQ6432">
        <v>45</v>
      </c>
    </row>
    <row r="6433" spans="1:43">
      <c r="A6433" t="s">
        <v>4028</v>
      </c>
      <c r="B6433" t="s">
        <v>4029</v>
      </c>
      <c r="C6433" t="s">
        <v>4026</v>
      </c>
      <c r="D6433" t="s">
        <v>4027</v>
      </c>
      <c r="E6433" t="s">
        <v>3968</v>
      </c>
      <c r="F6433" t="s">
        <v>3969</v>
      </c>
      <c r="G6433" t="s">
        <v>80</v>
      </c>
      <c r="H6433" t="s">
        <v>81</v>
      </c>
      <c r="I6433" s="2">
        <v>0</v>
      </c>
      <c r="J6433" s="2">
        <v>1</v>
      </c>
      <c r="K6433" s="2">
        <v>0</v>
      </c>
      <c r="L6433" t="s">
        <v>82</v>
      </c>
      <c r="M6433" t="s">
        <v>83</v>
      </c>
      <c r="N6433" t="s">
        <v>91</v>
      </c>
      <c r="O6433" t="s">
        <v>85</v>
      </c>
      <c r="P6433" t="s">
        <v>86</v>
      </c>
      <c r="Q6433">
        <v>38</v>
      </c>
      <c r="R6433">
        <v>38</v>
      </c>
      <c r="S6433">
        <v>39</v>
      </c>
      <c r="T6433">
        <v>39</v>
      </c>
      <c r="U6433">
        <v>40</v>
      </c>
      <c r="V6433">
        <v>40</v>
      </c>
      <c r="W6433">
        <v>41</v>
      </c>
      <c r="X6433">
        <v>41</v>
      </c>
      <c r="Y6433">
        <v>41</v>
      </c>
      <c r="Z6433">
        <v>42</v>
      </c>
      <c r="AA6433">
        <v>42</v>
      </c>
      <c r="AB6433">
        <v>43</v>
      </c>
      <c r="AC6433">
        <v>43</v>
      </c>
      <c r="AD6433">
        <v>43</v>
      </c>
      <c r="AE6433">
        <v>44</v>
      </c>
      <c r="AF6433">
        <v>44</v>
      </c>
      <c r="AG6433">
        <v>44</v>
      </c>
      <c r="AH6433">
        <v>45</v>
      </c>
      <c r="AI6433">
        <v>45</v>
      </c>
      <c r="AJ6433">
        <v>45</v>
      </c>
      <c r="AK6433">
        <v>46</v>
      </c>
      <c r="AL6433">
        <v>46</v>
      </c>
      <c r="AM6433">
        <v>45</v>
      </c>
      <c r="AN6433">
        <v>45</v>
      </c>
      <c r="AO6433">
        <v>45</v>
      </c>
      <c r="AP6433">
        <v>45</v>
      </c>
      <c r="AQ6433">
        <v>45</v>
      </c>
    </row>
    <row r="6434" spans="1:43">
      <c r="A6434" t="s">
        <v>4030</v>
      </c>
      <c r="B6434" t="s">
        <v>4031</v>
      </c>
      <c r="C6434" t="s">
        <v>4026</v>
      </c>
      <c r="D6434" t="s">
        <v>4027</v>
      </c>
      <c r="E6434" t="s">
        <v>3968</v>
      </c>
      <c r="F6434" t="s">
        <v>3969</v>
      </c>
      <c r="G6434" t="s">
        <v>80</v>
      </c>
      <c r="H6434" t="s">
        <v>81</v>
      </c>
      <c r="I6434" s="2">
        <v>0</v>
      </c>
      <c r="J6434" s="2">
        <v>1</v>
      </c>
      <c r="K6434" s="2">
        <v>0</v>
      </c>
      <c r="L6434" t="s">
        <v>82</v>
      </c>
      <c r="M6434" t="s">
        <v>83</v>
      </c>
      <c r="N6434" t="s">
        <v>84</v>
      </c>
      <c r="O6434" t="s">
        <v>85</v>
      </c>
      <c r="P6434" t="s">
        <v>86</v>
      </c>
      <c r="Q6434">
        <v>126</v>
      </c>
      <c r="R6434">
        <v>128</v>
      </c>
      <c r="S6434">
        <v>129</v>
      </c>
      <c r="T6434">
        <v>131</v>
      </c>
      <c r="U6434">
        <v>132</v>
      </c>
      <c r="V6434">
        <v>134</v>
      </c>
      <c r="W6434">
        <v>135</v>
      </c>
      <c r="X6434">
        <v>137</v>
      </c>
      <c r="Y6434">
        <v>138</v>
      </c>
      <c r="Z6434">
        <v>140</v>
      </c>
      <c r="AA6434">
        <v>141</v>
      </c>
      <c r="AB6434">
        <v>142</v>
      </c>
      <c r="AC6434">
        <v>144</v>
      </c>
      <c r="AD6434">
        <v>145</v>
      </c>
      <c r="AE6434">
        <v>146</v>
      </c>
      <c r="AF6434">
        <v>148</v>
      </c>
      <c r="AG6434">
        <v>149</v>
      </c>
      <c r="AH6434">
        <v>150</v>
      </c>
      <c r="AI6434">
        <v>151</v>
      </c>
      <c r="AJ6434">
        <v>153</v>
      </c>
      <c r="AK6434">
        <v>154</v>
      </c>
      <c r="AL6434">
        <v>154</v>
      </c>
      <c r="AM6434">
        <v>154</v>
      </c>
      <c r="AN6434">
        <v>154</v>
      </c>
      <c r="AO6434">
        <v>154</v>
      </c>
      <c r="AP6434">
        <v>153</v>
      </c>
      <c r="AQ6434">
        <v>153</v>
      </c>
    </row>
    <row r="6435" spans="1:43">
      <c r="A6435" t="s">
        <v>4030</v>
      </c>
      <c r="B6435" t="s">
        <v>4031</v>
      </c>
      <c r="C6435" t="s">
        <v>4026</v>
      </c>
      <c r="D6435" t="s">
        <v>4027</v>
      </c>
      <c r="E6435" t="s">
        <v>3968</v>
      </c>
      <c r="F6435" t="s">
        <v>3969</v>
      </c>
      <c r="G6435" t="s">
        <v>80</v>
      </c>
      <c r="H6435" t="s">
        <v>81</v>
      </c>
      <c r="I6435" s="2">
        <v>0</v>
      </c>
      <c r="J6435" s="2">
        <v>1</v>
      </c>
      <c r="K6435" s="2">
        <v>0</v>
      </c>
      <c r="L6435" t="s">
        <v>82</v>
      </c>
      <c r="M6435" t="s">
        <v>87</v>
      </c>
      <c r="N6435" t="s">
        <v>88</v>
      </c>
      <c r="O6435" t="s">
        <v>85</v>
      </c>
      <c r="P6435" t="s">
        <v>86</v>
      </c>
      <c r="Q6435">
        <v>126</v>
      </c>
      <c r="R6435">
        <v>126</v>
      </c>
      <c r="S6435">
        <v>127</v>
      </c>
      <c r="T6435">
        <v>127</v>
      </c>
      <c r="U6435">
        <v>127</v>
      </c>
      <c r="V6435">
        <v>128</v>
      </c>
      <c r="W6435">
        <v>128</v>
      </c>
      <c r="X6435">
        <v>128</v>
      </c>
      <c r="Y6435">
        <v>129</v>
      </c>
      <c r="Z6435">
        <v>129</v>
      </c>
      <c r="AA6435">
        <v>129</v>
      </c>
      <c r="AB6435">
        <v>130</v>
      </c>
      <c r="AC6435">
        <v>130</v>
      </c>
      <c r="AD6435">
        <v>130</v>
      </c>
      <c r="AE6435">
        <v>130</v>
      </c>
      <c r="AF6435">
        <v>131</v>
      </c>
      <c r="AG6435">
        <v>131</v>
      </c>
      <c r="AH6435">
        <v>131</v>
      </c>
      <c r="AI6435">
        <v>131</v>
      </c>
      <c r="AJ6435">
        <v>131</v>
      </c>
      <c r="AK6435">
        <v>132</v>
      </c>
      <c r="AL6435">
        <v>132</v>
      </c>
      <c r="AM6435">
        <v>132</v>
      </c>
      <c r="AN6435">
        <v>132</v>
      </c>
      <c r="AO6435">
        <v>132</v>
      </c>
      <c r="AP6435">
        <v>132</v>
      </c>
      <c r="AQ6435">
        <v>133</v>
      </c>
    </row>
    <row r="6436" spans="1:43">
      <c r="A6436" t="s">
        <v>4030</v>
      </c>
      <c r="B6436" t="s">
        <v>4031</v>
      </c>
      <c r="C6436" t="s">
        <v>4026</v>
      </c>
      <c r="D6436" t="s">
        <v>4027</v>
      </c>
      <c r="E6436" t="s">
        <v>3968</v>
      </c>
      <c r="F6436" t="s">
        <v>3969</v>
      </c>
      <c r="G6436" t="s">
        <v>80</v>
      </c>
      <c r="H6436" t="s">
        <v>81</v>
      </c>
      <c r="I6436" s="2">
        <v>0</v>
      </c>
      <c r="J6436" s="2">
        <v>1</v>
      </c>
      <c r="K6436" s="2">
        <v>0</v>
      </c>
      <c r="L6436" t="s">
        <v>82</v>
      </c>
      <c r="M6436" t="s">
        <v>89</v>
      </c>
      <c r="N6436" t="s">
        <v>90</v>
      </c>
      <c r="O6436" t="s">
        <v>85</v>
      </c>
      <c r="P6436" t="s">
        <v>86</v>
      </c>
      <c r="Q6436">
        <v>126</v>
      </c>
      <c r="R6436">
        <v>129</v>
      </c>
      <c r="S6436">
        <v>132</v>
      </c>
      <c r="T6436">
        <v>134</v>
      </c>
      <c r="U6436">
        <v>137</v>
      </c>
      <c r="V6436">
        <v>139</v>
      </c>
      <c r="W6436">
        <v>141</v>
      </c>
      <c r="X6436">
        <v>143</v>
      </c>
      <c r="Y6436">
        <v>146</v>
      </c>
      <c r="Z6436">
        <v>148</v>
      </c>
      <c r="AA6436">
        <v>150</v>
      </c>
      <c r="AB6436">
        <v>151</v>
      </c>
      <c r="AC6436">
        <v>153</v>
      </c>
      <c r="AD6436">
        <v>155</v>
      </c>
      <c r="AE6436">
        <v>156</v>
      </c>
      <c r="AF6436">
        <v>156</v>
      </c>
      <c r="AG6436">
        <v>156</v>
      </c>
      <c r="AH6436">
        <v>156</v>
      </c>
      <c r="AI6436">
        <v>156</v>
      </c>
      <c r="AJ6436">
        <v>156</v>
      </c>
      <c r="AK6436">
        <v>156</v>
      </c>
      <c r="AL6436">
        <v>155</v>
      </c>
      <c r="AM6436">
        <v>155</v>
      </c>
      <c r="AN6436">
        <v>155</v>
      </c>
      <c r="AO6436">
        <v>155</v>
      </c>
      <c r="AP6436">
        <v>155</v>
      </c>
      <c r="AQ6436">
        <v>154</v>
      </c>
    </row>
    <row r="6437" spans="1:43">
      <c r="A6437" t="s">
        <v>4030</v>
      </c>
      <c r="B6437" t="s">
        <v>4031</v>
      </c>
      <c r="C6437" t="s">
        <v>4026</v>
      </c>
      <c r="D6437" t="s">
        <v>4027</v>
      </c>
      <c r="E6437" t="s">
        <v>3968</v>
      </c>
      <c r="F6437" t="s">
        <v>3969</v>
      </c>
      <c r="G6437" t="s">
        <v>80</v>
      </c>
      <c r="H6437" t="s">
        <v>81</v>
      </c>
      <c r="I6437" s="2">
        <v>0</v>
      </c>
      <c r="J6437" s="2">
        <v>1</v>
      </c>
      <c r="K6437" s="2">
        <v>0</v>
      </c>
      <c r="L6437" t="s">
        <v>82</v>
      </c>
      <c r="M6437" t="s">
        <v>83</v>
      </c>
      <c r="N6437" t="s">
        <v>91</v>
      </c>
      <c r="O6437" t="s">
        <v>85</v>
      </c>
      <c r="P6437" t="s">
        <v>86</v>
      </c>
      <c r="Q6437">
        <v>126</v>
      </c>
      <c r="R6437">
        <v>128</v>
      </c>
      <c r="S6437">
        <v>129</v>
      </c>
      <c r="T6437">
        <v>131</v>
      </c>
      <c r="U6437">
        <v>132</v>
      </c>
      <c r="V6437">
        <v>134</v>
      </c>
      <c r="W6437">
        <v>135</v>
      </c>
      <c r="X6437">
        <v>137</v>
      </c>
      <c r="Y6437">
        <v>138</v>
      </c>
      <c r="Z6437">
        <v>140</v>
      </c>
      <c r="AA6437">
        <v>141</v>
      </c>
      <c r="AB6437">
        <v>142</v>
      </c>
      <c r="AC6437">
        <v>144</v>
      </c>
      <c r="AD6437">
        <v>145</v>
      </c>
      <c r="AE6437">
        <v>146</v>
      </c>
      <c r="AF6437">
        <v>148</v>
      </c>
      <c r="AG6437">
        <v>149</v>
      </c>
      <c r="AH6437">
        <v>150</v>
      </c>
      <c r="AI6437">
        <v>151</v>
      </c>
      <c r="AJ6437">
        <v>153</v>
      </c>
      <c r="AK6437">
        <v>154</v>
      </c>
      <c r="AL6437">
        <v>154</v>
      </c>
      <c r="AM6437">
        <v>154</v>
      </c>
      <c r="AN6437">
        <v>154</v>
      </c>
      <c r="AO6437">
        <v>154</v>
      </c>
      <c r="AP6437">
        <v>153</v>
      </c>
      <c r="AQ6437">
        <v>153</v>
      </c>
    </row>
    <row r="6438" spans="1:43">
      <c r="A6438" t="s">
        <v>4032</v>
      </c>
      <c r="B6438" t="s">
        <v>4033</v>
      </c>
      <c r="C6438" t="s">
        <v>4026</v>
      </c>
      <c r="D6438" t="s">
        <v>4027</v>
      </c>
      <c r="E6438" t="s">
        <v>3968</v>
      </c>
      <c r="F6438" t="s">
        <v>3969</v>
      </c>
      <c r="G6438" t="s">
        <v>80</v>
      </c>
      <c r="H6438" t="s">
        <v>81</v>
      </c>
      <c r="I6438" s="2">
        <v>0</v>
      </c>
      <c r="J6438" s="2">
        <v>1</v>
      </c>
      <c r="K6438" s="2">
        <v>0</v>
      </c>
      <c r="L6438" t="s">
        <v>82</v>
      </c>
      <c r="M6438" t="s">
        <v>83</v>
      </c>
      <c r="N6438" t="s">
        <v>84</v>
      </c>
      <c r="O6438" t="s">
        <v>85</v>
      </c>
      <c r="P6438" t="s">
        <v>86</v>
      </c>
      <c r="Q6438">
        <v>17</v>
      </c>
      <c r="R6438">
        <v>18</v>
      </c>
      <c r="S6438">
        <v>18</v>
      </c>
      <c r="T6438">
        <v>18</v>
      </c>
      <c r="U6438">
        <v>18</v>
      </c>
      <c r="V6438">
        <v>18</v>
      </c>
      <c r="W6438">
        <v>18</v>
      </c>
      <c r="X6438">
        <v>19</v>
      </c>
      <c r="Y6438">
        <v>19</v>
      </c>
      <c r="Z6438">
        <v>19</v>
      </c>
      <c r="AA6438">
        <v>19</v>
      </c>
      <c r="AB6438">
        <v>19</v>
      </c>
      <c r="AC6438">
        <v>20</v>
      </c>
      <c r="AD6438">
        <v>20</v>
      </c>
      <c r="AE6438">
        <v>20</v>
      </c>
      <c r="AF6438">
        <v>20</v>
      </c>
      <c r="AG6438">
        <v>20</v>
      </c>
      <c r="AH6438">
        <v>20</v>
      </c>
      <c r="AI6438">
        <v>20</v>
      </c>
      <c r="AJ6438">
        <v>21</v>
      </c>
      <c r="AK6438">
        <v>21</v>
      </c>
      <c r="AL6438">
        <v>21</v>
      </c>
      <c r="AM6438">
        <v>21</v>
      </c>
      <c r="AN6438">
        <v>21</v>
      </c>
      <c r="AO6438">
        <v>20</v>
      </c>
      <c r="AP6438">
        <v>20</v>
      </c>
      <c r="AQ6438">
        <v>20</v>
      </c>
    </row>
    <row r="6439" spans="1:43">
      <c r="A6439" t="s">
        <v>4032</v>
      </c>
      <c r="B6439" t="s">
        <v>4033</v>
      </c>
      <c r="C6439" t="s">
        <v>4026</v>
      </c>
      <c r="D6439" t="s">
        <v>4027</v>
      </c>
      <c r="E6439" t="s">
        <v>3968</v>
      </c>
      <c r="F6439" t="s">
        <v>3969</v>
      </c>
      <c r="G6439" t="s">
        <v>80</v>
      </c>
      <c r="H6439" t="s">
        <v>81</v>
      </c>
      <c r="I6439" s="2">
        <v>0</v>
      </c>
      <c r="J6439" s="2">
        <v>1</v>
      </c>
      <c r="K6439" s="2">
        <v>0</v>
      </c>
      <c r="L6439" t="s">
        <v>82</v>
      </c>
      <c r="M6439" t="s">
        <v>87</v>
      </c>
      <c r="N6439" t="s">
        <v>88</v>
      </c>
      <c r="O6439" t="s">
        <v>85</v>
      </c>
      <c r="P6439" t="s">
        <v>86</v>
      </c>
      <c r="Q6439">
        <v>17</v>
      </c>
      <c r="R6439">
        <v>17</v>
      </c>
      <c r="S6439">
        <v>17</v>
      </c>
      <c r="T6439">
        <v>17</v>
      </c>
      <c r="U6439">
        <v>17</v>
      </c>
      <c r="V6439">
        <v>17</v>
      </c>
      <c r="W6439">
        <v>17</v>
      </c>
      <c r="X6439">
        <v>17</v>
      </c>
      <c r="Y6439">
        <v>17</v>
      </c>
      <c r="Z6439">
        <v>17</v>
      </c>
      <c r="AA6439">
        <v>17</v>
      </c>
      <c r="AB6439">
        <v>18</v>
      </c>
      <c r="AC6439">
        <v>18</v>
      </c>
      <c r="AD6439">
        <v>18</v>
      </c>
      <c r="AE6439">
        <v>18</v>
      </c>
      <c r="AF6439">
        <v>18</v>
      </c>
      <c r="AG6439">
        <v>18</v>
      </c>
      <c r="AH6439">
        <v>18</v>
      </c>
      <c r="AI6439">
        <v>18</v>
      </c>
      <c r="AJ6439">
        <v>18</v>
      </c>
      <c r="AK6439">
        <v>18</v>
      </c>
      <c r="AL6439">
        <v>18</v>
      </c>
      <c r="AM6439">
        <v>18</v>
      </c>
      <c r="AN6439">
        <v>18</v>
      </c>
      <c r="AO6439">
        <v>18</v>
      </c>
      <c r="AP6439">
        <v>18</v>
      </c>
      <c r="AQ6439">
        <v>18</v>
      </c>
    </row>
    <row r="6440" spans="1:43">
      <c r="A6440" t="s">
        <v>4032</v>
      </c>
      <c r="B6440" t="s">
        <v>4033</v>
      </c>
      <c r="C6440" t="s">
        <v>4026</v>
      </c>
      <c r="D6440" t="s">
        <v>4027</v>
      </c>
      <c r="E6440" t="s">
        <v>3968</v>
      </c>
      <c r="F6440" t="s">
        <v>3969</v>
      </c>
      <c r="G6440" t="s">
        <v>80</v>
      </c>
      <c r="H6440" t="s">
        <v>81</v>
      </c>
      <c r="I6440" s="2">
        <v>0</v>
      </c>
      <c r="J6440" s="2">
        <v>1</v>
      </c>
      <c r="K6440" s="2">
        <v>0</v>
      </c>
      <c r="L6440" t="s">
        <v>82</v>
      </c>
      <c r="M6440" t="s">
        <v>89</v>
      </c>
      <c r="N6440" t="s">
        <v>90</v>
      </c>
      <c r="O6440" t="s">
        <v>85</v>
      </c>
      <c r="P6440" t="s">
        <v>86</v>
      </c>
      <c r="Q6440">
        <v>17</v>
      </c>
      <c r="R6440">
        <v>18</v>
      </c>
      <c r="S6440">
        <v>18</v>
      </c>
      <c r="T6440">
        <v>19</v>
      </c>
      <c r="U6440">
        <v>19</v>
      </c>
      <c r="V6440">
        <v>19</v>
      </c>
      <c r="W6440">
        <v>19</v>
      </c>
      <c r="X6440">
        <v>20</v>
      </c>
      <c r="Y6440">
        <v>20</v>
      </c>
      <c r="Z6440">
        <v>20</v>
      </c>
      <c r="AA6440">
        <v>20</v>
      </c>
      <c r="AB6440">
        <v>21</v>
      </c>
      <c r="AC6440">
        <v>21</v>
      </c>
      <c r="AD6440">
        <v>21</v>
      </c>
      <c r="AE6440">
        <v>21</v>
      </c>
      <c r="AF6440">
        <v>21</v>
      </c>
      <c r="AG6440">
        <v>21</v>
      </c>
      <c r="AH6440">
        <v>21</v>
      </c>
      <c r="AI6440">
        <v>21</v>
      </c>
      <c r="AJ6440">
        <v>21</v>
      </c>
      <c r="AK6440">
        <v>21</v>
      </c>
      <c r="AL6440">
        <v>21</v>
      </c>
      <c r="AM6440">
        <v>21</v>
      </c>
      <c r="AN6440">
        <v>21</v>
      </c>
      <c r="AO6440">
        <v>21</v>
      </c>
      <c r="AP6440">
        <v>21</v>
      </c>
      <c r="AQ6440">
        <v>21</v>
      </c>
    </row>
    <row r="6441" spans="1:43">
      <c r="A6441" t="s">
        <v>4032</v>
      </c>
      <c r="B6441" t="s">
        <v>4033</v>
      </c>
      <c r="C6441" t="s">
        <v>4026</v>
      </c>
      <c r="D6441" t="s">
        <v>4027</v>
      </c>
      <c r="E6441" t="s">
        <v>3968</v>
      </c>
      <c r="F6441" t="s">
        <v>3969</v>
      </c>
      <c r="G6441" t="s">
        <v>80</v>
      </c>
      <c r="H6441" t="s">
        <v>81</v>
      </c>
      <c r="I6441" s="2">
        <v>0</v>
      </c>
      <c r="J6441" s="2">
        <v>1</v>
      </c>
      <c r="K6441" s="2">
        <v>0</v>
      </c>
      <c r="L6441" t="s">
        <v>82</v>
      </c>
      <c r="M6441" t="s">
        <v>83</v>
      </c>
      <c r="N6441" t="s">
        <v>91</v>
      </c>
      <c r="O6441" t="s">
        <v>85</v>
      </c>
      <c r="P6441" t="s">
        <v>86</v>
      </c>
      <c r="Q6441">
        <v>17</v>
      </c>
      <c r="R6441">
        <v>18</v>
      </c>
      <c r="S6441">
        <v>18</v>
      </c>
      <c r="T6441">
        <v>18</v>
      </c>
      <c r="U6441">
        <v>18</v>
      </c>
      <c r="V6441">
        <v>18</v>
      </c>
      <c r="W6441">
        <v>18</v>
      </c>
      <c r="X6441">
        <v>19</v>
      </c>
      <c r="Y6441">
        <v>19</v>
      </c>
      <c r="Z6441">
        <v>19</v>
      </c>
      <c r="AA6441">
        <v>19</v>
      </c>
      <c r="AB6441">
        <v>19</v>
      </c>
      <c r="AC6441">
        <v>20</v>
      </c>
      <c r="AD6441">
        <v>20</v>
      </c>
      <c r="AE6441">
        <v>20</v>
      </c>
      <c r="AF6441">
        <v>20</v>
      </c>
      <c r="AG6441">
        <v>20</v>
      </c>
      <c r="AH6441">
        <v>20</v>
      </c>
      <c r="AI6441">
        <v>20</v>
      </c>
      <c r="AJ6441">
        <v>21</v>
      </c>
      <c r="AK6441">
        <v>21</v>
      </c>
      <c r="AL6441">
        <v>21</v>
      </c>
      <c r="AM6441">
        <v>21</v>
      </c>
      <c r="AN6441">
        <v>21</v>
      </c>
      <c r="AO6441">
        <v>20</v>
      </c>
      <c r="AP6441">
        <v>20</v>
      </c>
      <c r="AQ6441">
        <v>20</v>
      </c>
    </row>
    <row r="6442" spans="1:43">
      <c r="A6442" t="s">
        <v>4034</v>
      </c>
      <c r="B6442" t="s">
        <v>4035</v>
      </c>
      <c r="C6442" t="s">
        <v>4036</v>
      </c>
      <c r="D6442" t="s">
        <v>4037</v>
      </c>
      <c r="E6442" t="s">
        <v>3968</v>
      </c>
      <c r="F6442" t="s">
        <v>3969</v>
      </c>
      <c r="G6442" t="s">
        <v>80</v>
      </c>
      <c r="H6442" t="s">
        <v>81</v>
      </c>
      <c r="I6442" s="2">
        <v>0</v>
      </c>
      <c r="J6442" s="2">
        <v>1</v>
      </c>
      <c r="K6442" s="2">
        <v>0</v>
      </c>
      <c r="L6442" t="s">
        <v>82</v>
      </c>
      <c r="M6442" t="s">
        <v>83</v>
      </c>
      <c r="N6442" t="s">
        <v>84</v>
      </c>
      <c r="O6442" t="s">
        <v>85</v>
      </c>
      <c r="P6442" t="s">
        <v>86</v>
      </c>
      <c r="Q6442">
        <v>4</v>
      </c>
      <c r="R6442">
        <v>4</v>
      </c>
      <c r="S6442">
        <v>4</v>
      </c>
      <c r="T6442">
        <v>4</v>
      </c>
      <c r="U6442">
        <v>4</v>
      </c>
      <c r="V6442">
        <v>4</v>
      </c>
      <c r="W6442">
        <v>4</v>
      </c>
      <c r="X6442">
        <v>4</v>
      </c>
      <c r="Y6442">
        <v>4</v>
      </c>
      <c r="Z6442">
        <v>4</v>
      </c>
      <c r="AA6442">
        <v>4</v>
      </c>
      <c r="AB6442">
        <v>4</v>
      </c>
      <c r="AC6442">
        <v>5</v>
      </c>
      <c r="AD6442">
        <v>5</v>
      </c>
      <c r="AE6442">
        <v>5</v>
      </c>
      <c r="AF6442">
        <v>5</v>
      </c>
      <c r="AG6442">
        <v>5</v>
      </c>
      <c r="AH6442">
        <v>5</v>
      </c>
      <c r="AI6442">
        <v>5</v>
      </c>
      <c r="AJ6442">
        <v>5</v>
      </c>
      <c r="AK6442">
        <v>5</v>
      </c>
      <c r="AL6442">
        <v>5</v>
      </c>
      <c r="AM6442">
        <v>5</v>
      </c>
      <c r="AN6442">
        <v>5</v>
      </c>
      <c r="AO6442">
        <v>5</v>
      </c>
      <c r="AP6442">
        <v>5</v>
      </c>
      <c r="AQ6442">
        <v>5</v>
      </c>
    </row>
    <row r="6443" spans="1:43">
      <c r="A6443" t="s">
        <v>4034</v>
      </c>
      <c r="B6443" t="s">
        <v>4035</v>
      </c>
      <c r="C6443" t="s">
        <v>4036</v>
      </c>
      <c r="D6443" t="s">
        <v>4037</v>
      </c>
      <c r="E6443" t="s">
        <v>3968</v>
      </c>
      <c r="F6443" t="s">
        <v>3969</v>
      </c>
      <c r="G6443" t="s">
        <v>80</v>
      </c>
      <c r="H6443" t="s">
        <v>81</v>
      </c>
      <c r="I6443" s="2">
        <v>0</v>
      </c>
      <c r="J6443" s="2">
        <v>1</v>
      </c>
      <c r="K6443" s="2">
        <v>0</v>
      </c>
      <c r="L6443" t="s">
        <v>82</v>
      </c>
      <c r="M6443" t="s">
        <v>87</v>
      </c>
      <c r="N6443" t="s">
        <v>88</v>
      </c>
      <c r="O6443" t="s">
        <v>85</v>
      </c>
      <c r="P6443" t="s">
        <v>86</v>
      </c>
      <c r="Q6443">
        <v>4</v>
      </c>
      <c r="R6443">
        <v>4</v>
      </c>
      <c r="S6443">
        <v>4</v>
      </c>
      <c r="T6443">
        <v>4</v>
      </c>
      <c r="U6443">
        <v>4</v>
      </c>
      <c r="V6443">
        <v>4</v>
      </c>
      <c r="W6443">
        <v>4</v>
      </c>
      <c r="X6443">
        <v>4</v>
      </c>
      <c r="Y6443">
        <v>4</v>
      </c>
      <c r="Z6443">
        <v>4</v>
      </c>
      <c r="AA6443">
        <v>4</v>
      </c>
      <c r="AB6443">
        <v>4</v>
      </c>
      <c r="AC6443">
        <v>4</v>
      </c>
      <c r="AD6443">
        <v>4</v>
      </c>
      <c r="AE6443">
        <v>4</v>
      </c>
      <c r="AF6443">
        <v>4</v>
      </c>
      <c r="AG6443">
        <v>4</v>
      </c>
      <c r="AH6443">
        <v>4</v>
      </c>
      <c r="AI6443">
        <v>4</v>
      </c>
      <c r="AJ6443">
        <v>4</v>
      </c>
      <c r="AK6443">
        <v>4</v>
      </c>
      <c r="AL6443">
        <v>4</v>
      </c>
      <c r="AM6443">
        <v>4</v>
      </c>
      <c r="AN6443">
        <v>4</v>
      </c>
      <c r="AO6443">
        <v>4</v>
      </c>
      <c r="AP6443">
        <v>4</v>
      </c>
      <c r="AQ6443">
        <v>4</v>
      </c>
    </row>
    <row r="6444" spans="1:43">
      <c r="A6444" t="s">
        <v>4034</v>
      </c>
      <c r="B6444" t="s">
        <v>4035</v>
      </c>
      <c r="C6444" t="s">
        <v>4036</v>
      </c>
      <c r="D6444" t="s">
        <v>4037</v>
      </c>
      <c r="E6444" t="s">
        <v>3968</v>
      </c>
      <c r="F6444" t="s">
        <v>3969</v>
      </c>
      <c r="G6444" t="s">
        <v>80</v>
      </c>
      <c r="H6444" t="s">
        <v>81</v>
      </c>
      <c r="I6444" s="2">
        <v>0</v>
      </c>
      <c r="J6444" s="2">
        <v>1</v>
      </c>
      <c r="K6444" s="2">
        <v>0</v>
      </c>
      <c r="L6444" t="s">
        <v>82</v>
      </c>
      <c r="M6444" t="s">
        <v>89</v>
      </c>
      <c r="N6444" t="s">
        <v>90</v>
      </c>
      <c r="O6444" t="s">
        <v>85</v>
      </c>
      <c r="P6444" t="s">
        <v>86</v>
      </c>
      <c r="Q6444">
        <v>4</v>
      </c>
      <c r="R6444">
        <v>4</v>
      </c>
      <c r="S6444">
        <v>4</v>
      </c>
      <c r="T6444">
        <v>4</v>
      </c>
      <c r="U6444">
        <v>4</v>
      </c>
      <c r="V6444">
        <v>4</v>
      </c>
      <c r="W6444">
        <v>4</v>
      </c>
      <c r="X6444">
        <v>5</v>
      </c>
      <c r="Y6444">
        <v>5</v>
      </c>
      <c r="Z6444">
        <v>5</v>
      </c>
      <c r="AA6444">
        <v>5</v>
      </c>
      <c r="AB6444">
        <v>5</v>
      </c>
      <c r="AC6444">
        <v>5</v>
      </c>
      <c r="AD6444">
        <v>5</v>
      </c>
      <c r="AE6444">
        <v>5</v>
      </c>
      <c r="AF6444">
        <v>5</v>
      </c>
      <c r="AG6444">
        <v>5</v>
      </c>
      <c r="AH6444">
        <v>5</v>
      </c>
      <c r="AI6444">
        <v>5</v>
      </c>
      <c r="AJ6444">
        <v>5</v>
      </c>
      <c r="AK6444">
        <v>5</v>
      </c>
      <c r="AL6444">
        <v>5</v>
      </c>
      <c r="AM6444">
        <v>5</v>
      </c>
      <c r="AN6444">
        <v>5</v>
      </c>
      <c r="AO6444">
        <v>5</v>
      </c>
      <c r="AP6444">
        <v>5</v>
      </c>
      <c r="AQ6444">
        <v>5</v>
      </c>
    </row>
    <row r="6445" spans="1:43">
      <c r="A6445" t="s">
        <v>4034</v>
      </c>
      <c r="B6445" t="s">
        <v>4035</v>
      </c>
      <c r="C6445" t="s">
        <v>4036</v>
      </c>
      <c r="D6445" t="s">
        <v>4037</v>
      </c>
      <c r="E6445" t="s">
        <v>3968</v>
      </c>
      <c r="F6445" t="s">
        <v>3969</v>
      </c>
      <c r="G6445" t="s">
        <v>80</v>
      </c>
      <c r="H6445" t="s">
        <v>81</v>
      </c>
      <c r="I6445" s="2">
        <v>0</v>
      </c>
      <c r="J6445" s="2">
        <v>1</v>
      </c>
      <c r="K6445" s="2">
        <v>0</v>
      </c>
      <c r="L6445" t="s">
        <v>82</v>
      </c>
      <c r="M6445" t="s">
        <v>83</v>
      </c>
      <c r="N6445" t="s">
        <v>91</v>
      </c>
      <c r="O6445" t="s">
        <v>85</v>
      </c>
      <c r="P6445" t="s">
        <v>86</v>
      </c>
      <c r="Q6445">
        <v>4</v>
      </c>
      <c r="R6445">
        <v>4</v>
      </c>
      <c r="S6445">
        <v>4</v>
      </c>
      <c r="T6445">
        <v>4</v>
      </c>
      <c r="U6445">
        <v>4</v>
      </c>
      <c r="V6445">
        <v>4</v>
      </c>
      <c r="W6445">
        <v>4</v>
      </c>
      <c r="X6445">
        <v>4</v>
      </c>
      <c r="Y6445">
        <v>4</v>
      </c>
      <c r="Z6445">
        <v>4</v>
      </c>
      <c r="AA6445">
        <v>4</v>
      </c>
      <c r="AB6445">
        <v>4</v>
      </c>
      <c r="AC6445">
        <v>5</v>
      </c>
      <c r="AD6445">
        <v>5</v>
      </c>
      <c r="AE6445">
        <v>5</v>
      </c>
      <c r="AF6445">
        <v>5</v>
      </c>
      <c r="AG6445">
        <v>5</v>
      </c>
      <c r="AH6445">
        <v>5</v>
      </c>
      <c r="AI6445">
        <v>5</v>
      </c>
      <c r="AJ6445">
        <v>5</v>
      </c>
      <c r="AK6445">
        <v>5</v>
      </c>
      <c r="AL6445">
        <v>5</v>
      </c>
      <c r="AM6445">
        <v>5</v>
      </c>
      <c r="AN6445">
        <v>5</v>
      </c>
      <c r="AO6445">
        <v>5</v>
      </c>
      <c r="AP6445">
        <v>5</v>
      </c>
      <c r="AQ6445">
        <v>5</v>
      </c>
    </row>
    <row r="6446" spans="1:43">
      <c r="A6446" t="s">
        <v>4038</v>
      </c>
      <c r="B6446" t="s">
        <v>4039</v>
      </c>
      <c r="C6446" t="s">
        <v>4040</v>
      </c>
      <c r="D6446" t="s">
        <v>4041</v>
      </c>
      <c r="E6446" t="s">
        <v>3968</v>
      </c>
      <c r="F6446" t="s">
        <v>3969</v>
      </c>
      <c r="G6446" t="s">
        <v>80</v>
      </c>
      <c r="H6446" t="s">
        <v>81</v>
      </c>
      <c r="I6446" s="2">
        <v>0</v>
      </c>
      <c r="J6446" s="2">
        <v>1</v>
      </c>
      <c r="K6446" s="2">
        <v>0</v>
      </c>
      <c r="L6446" t="s">
        <v>82</v>
      </c>
      <c r="M6446" t="s">
        <v>83</v>
      </c>
      <c r="N6446" t="s">
        <v>84</v>
      </c>
      <c r="O6446" t="s">
        <v>85</v>
      </c>
      <c r="P6446" t="s">
        <v>86</v>
      </c>
      <c r="Q6446">
        <v>24</v>
      </c>
      <c r="R6446">
        <v>25</v>
      </c>
      <c r="S6446">
        <v>25</v>
      </c>
      <c r="T6446">
        <v>25</v>
      </c>
      <c r="U6446">
        <v>26</v>
      </c>
      <c r="V6446">
        <v>26</v>
      </c>
      <c r="W6446">
        <v>26</v>
      </c>
      <c r="X6446">
        <v>27</v>
      </c>
      <c r="Y6446">
        <v>27</v>
      </c>
      <c r="Z6446">
        <v>27</v>
      </c>
      <c r="AA6446">
        <v>27</v>
      </c>
      <c r="AB6446">
        <v>28</v>
      </c>
      <c r="AC6446">
        <v>28</v>
      </c>
      <c r="AD6446">
        <v>28</v>
      </c>
      <c r="AE6446">
        <v>29</v>
      </c>
      <c r="AF6446">
        <v>29</v>
      </c>
      <c r="AG6446">
        <v>29</v>
      </c>
      <c r="AH6446">
        <v>29</v>
      </c>
      <c r="AI6446">
        <v>30</v>
      </c>
      <c r="AJ6446">
        <v>30</v>
      </c>
      <c r="AK6446">
        <v>30</v>
      </c>
      <c r="AL6446">
        <v>30</v>
      </c>
      <c r="AM6446">
        <v>30</v>
      </c>
      <c r="AN6446">
        <v>30</v>
      </c>
      <c r="AO6446">
        <v>30</v>
      </c>
      <c r="AP6446">
        <v>30</v>
      </c>
      <c r="AQ6446">
        <v>30</v>
      </c>
    </row>
    <row r="6447" spans="1:43">
      <c r="A6447" t="s">
        <v>4038</v>
      </c>
      <c r="B6447" t="s">
        <v>4039</v>
      </c>
      <c r="C6447" t="s">
        <v>4040</v>
      </c>
      <c r="D6447" t="s">
        <v>4041</v>
      </c>
      <c r="E6447" t="s">
        <v>3968</v>
      </c>
      <c r="F6447" t="s">
        <v>3969</v>
      </c>
      <c r="G6447" t="s">
        <v>80</v>
      </c>
      <c r="H6447" t="s">
        <v>81</v>
      </c>
      <c r="I6447" s="2">
        <v>0</v>
      </c>
      <c r="J6447" s="2">
        <v>1</v>
      </c>
      <c r="K6447" s="2">
        <v>0</v>
      </c>
      <c r="L6447" t="s">
        <v>82</v>
      </c>
      <c r="M6447" t="s">
        <v>87</v>
      </c>
      <c r="N6447" t="s">
        <v>88</v>
      </c>
      <c r="O6447" t="s">
        <v>85</v>
      </c>
      <c r="P6447" t="s">
        <v>86</v>
      </c>
      <c r="Q6447">
        <v>24</v>
      </c>
      <c r="R6447">
        <v>24</v>
      </c>
      <c r="S6447">
        <v>24</v>
      </c>
      <c r="T6447">
        <v>24</v>
      </c>
      <c r="U6447">
        <v>24</v>
      </c>
      <c r="V6447">
        <v>25</v>
      </c>
      <c r="W6447">
        <v>25</v>
      </c>
      <c r="X6447">
        <v>25</v>
      </c>
      <c r="Y6447">
        <v>25</v>
      </c>
      <c r="Z6447">
        <v>25</v>
      </c>
      <c r="AA6447">
        <v>25</v>
      </c>
      <c r="AB6447">
        <v>25</v>
      </c>
      <c r="AC6447">
        <v>25</v>
      </c>
      <c r="AD6447">
        <v>25</v>
      </c>
      <c r="AE6447">
        <v>25</v>
      </c>
      <c r="AF6447">
        <v>25</v>
      </c>
      <c r="AG6447">
        <v>25</v>
      </c>
      <c r="AH6447">
        <v>25</v>
      </c>
      <c r="AI6447">
        <v>25</v>
      </c>
      <c r="AJ6447">
        <v>26</v>
      </c>
      <c r="AK6447">
        <v>26</v>
      </c>
      <c r="AL6447">
        <v>26</v>
      </c>
      <c r="AM6447">
        <v>26</v>
      </c>
      <c r="AN6447">
        <v>26</v>
      </c>
      <c r="AO6447">
        <v>26</v>
      </c>
      <c r="AP6447">
        <v>26</v>
      </c>
      <c r="AQ6447">
        <v>26</v>
      </c>
    </row>
    <row r="6448" spans="1:43">
      <c r="A6448" t="s">
        <v>4038</v>
      </c>
      <c r="B6448" t="s">
        <v>4039</v>
      </c>
      <c r="C6448" t="s">
        <v>4040</v>
      </c>
      <c r="D6448" t="s">
        <v>4041</v>
      </c>
      <c r="E6448" t="s">
        <v>3968</v>
      </c>
      <c r="F6448" t="s">
        <v>3969</v>
      </c>
      <c r="G6448" t="s">
        <v>80</v>
      </c>
      <c r="H6448" t="s">
        <v>81</v>
      </c>
      <c r="I6448" s="2">
        <v>0</v>
      </c>
      <c r="J6448" s="2">
        <v>1</v>
      </c>
      <c r="K6448" s="2">
        <v>0</v>
      </c>
      <c r="L6448" t="s">
        <v>82</v>
      </c>
      <c r="M6448" t="s">
        <v>89</v>
      </c>
      <c r="N6448" t="s">
        <v>90</v>
      </c>
      <c r="O6448" t="s">
        <v>85</v>
      </c>
      <c r="P6448" t="s">
        <v>86</v>
      </c>
      <c r="Q6448">
        <v>24</v>
      </c>
      <c r="R6448">
        <v>24</v>
      </c>
      <c r="S6448">
        <v>25</v>
      </c>
      <c r="T6448">
        <v>25</v>
      </c>
      <c r="U6448">
        <v>26</v>
      </c>
      <c r="V6448">
        <v>26</v>
      </c>
      <c r="W6448">
        <v>27</v>
      </c>
      <c r="X6448">
        <v>27</v>
      </c>
      <c r="Y6448">
        <v>27</v>
      </c>
      <c r="Z6448">
        <v>28</v>
      </c>
      <c r="AA6448">
        <v>28</v>
      </c>
      <c r="AB6448">
        <v>29</v>
      </c>
      <c r="AC6448">
        <v>29</v>
      </c>
      <c r="AD6448">
        <v>29</v>
      </c>
      <c r="AE6448">
        <v>30</v>
      </c>
      <c r="AF6448">
        <v>30</v>
      </c>
      <c r="AG6448">
        <v>30</v>
      </c>
      <c r="AH6448">
        <v>30</v>
      </c>
      <c r="AI6448">
        <v>30</v>
      </c>
      <c r="AJ6448">
        <v>30</v>
      </c>
      <c r="AK6448">
        <v>30</v>
      </c>
      <c r="AL6448">
        <v>30</v>
      </c>
      <c r="AM6448">
        <v>30</v>
      </c>
      <c r="AN6448">
        <v>30</v>
      </c>
      <c r="AO6448">
        <v>30</v>
      </c>
      <c r="AP6448">
        <v>30</v>
      </c>
      <c r="AQ6448">
        <v>30</v>
      </c>
    </row>
    <row r="6449" spans="1:43">
      <c r="A6449" t="s">
        <v>4038</v>
      </c>
      <c r="B6449" t="s">
        <v>4039</v>
      </c>
      <c r="C6449" t="s">
        <v>4040</v>
      </c>
      <c r="D6449" t="s">
        <v>4041</v>
      </c>
      <c r="E6449" t="s">
        <v>3968</v>
      </c>
      <c r="F6449" t="s">
        <v>3969</v>
      </c>
      <c r="G6449" t="s">
        <v>80</v>
      </c>
      <c r="H6449" t="s">
        <v>81</v>
      </c>
      <c r="I6449" s="2">
        <v>0</v>
      </c>
      <c r="J6449" s="2">
        <v>1</v>
      </c>
      <c r="K6449" s="2">
        <v>0</v>
      </c>
      <c r="L6449" t="s">
        <v>82</v>
      </c>
      <c r="M6449" t="s">
        <v>83</v>
      </c>
      <c r="N6449" t="s">
        <v>91</v>
      </c>
      <c r="O6449" t="s">
        <v>85</v>
      </c>
      <c r="P6449" t="s">
        <v>86</v>
      </c>
      <c r="Q6449">
        <v>24</v>
      </c>
      <c r="R6449">
        <v>25</v>
      </c>
      <c r="S6449">
        <v>25</v>
      </c>
      <c r="T6449">
        <v>25</v>
      </c>
      <c r="U6449">
        <v>26</v>
      </c>
      <c r="V6449">
        <v>26</v>
      </c>
      <c r="W6449">
        <v>26</v>
      </c>
      <c r="X6449">
        <v>27</v>
      </c>
      <c r="Y6449">
        <v>27</v>
      </c>
      <c r="Z6449">
        <v>27</v>
      </c>
      <c r="AA6449">
        <v>27</v>
      </c>
      <c r="AB6449">
        <v>28</v>
      </c>
      <c r="AC6449">
        <v>28</v>
      </c>
      <c r="AD6449">
        <v>28</v>
      </c>
      <c r="AE6449">
        <v>29</v>
      </c>
      <c r="AF6449">
        <v>29</v>
      </c>
      <c r="AG6449">
        <v>29</v>
      </c>
      <c r="AH6449">
        <v>29</v>
      </c>
      <c r="AI6449">
        <v>30</v>
      </c>
      <c r="AJ6449">
        <v>30</v>
      </c>
      <c r="AK6449">
        <v>30</v>
      </c>
      <c r="AL6449">
        <v>30</v>
      </c>
      <c r="AM6449">
        <v>30</v>
      </c>
      <c r="AN6449">
        <v>30</v>
      </c>
      <c r="AO6449">
        <v>30</v>
      </c>
      <c r="AP6449">
        <v>30</v>
      </c>
      <c r="AQ6449">
        <v>30</v>
      </c>
    </row>
    <row r="6450" spans="1:43">
      <c r="A6450" t="s">
        <v>4042</v>
      </c>
      <c r="B6450" t="s">
        <v>4043</v>
      </c>
      <c r="C6450" t="s">
        <v>4040</v>
      </c>
      <c r="D6450" t="s">
        <v>4041</v>
      </c>
      <c r="E6450" t="s">
        <v>3968</v>
      </c>
      <c r="F6450" t="s">
        <v>3969</v>
      </c>
      <c r="G6450" t="s">
        <v>80</v>
      </c>
      <c r="H6450" t="s">
        <v>81</v>
      </c>
      <c r="I6450" s="2">
        <v>0</v>
      </c>
      <c r="J6450" s="2">
        <v>1</v>
      </c>
      <c r="K6450" s="2">
        <v>0</v>
      </c>
      <c r="L6450" t="s">
        <v>82</v>
      </c>
      <c r="M6450" t="s">
        <v>83</v>
      </c>
      <c r="N6450" t="s">
        <v>84</v>
      </c>
      <c r="O6450" t="s">
        <v>85</v>
      </c>
      <c r="P6450" t="s">
        <v>86</v>
      </c>
      <c r="Q6450">
        <v>125</v>
      </c>
      <c r="R6450">
        <v>126</v>
      </c>
      <c r="S6450">
        <v>128</v>
      </c>
      <c r="T6450">
        <v>129</v>
      </c>
      <c r="U6450">
        <v>131</v>
      </c>
      <c r="V6450">
        <v>132</v>
      </c>
      <c r="W6450">
        <v>134</v>
      </c>
      <c r="X6450">
        <v>135</v>
      </c>
      <c r="Y6450">
        <v>137</v>
      </c>
      <c r="Z6450">
        <v>138</v>
      </c>
      <c r="AA6450">
        <v>140</v>
      </c>
      <c r="AB6450">
        <v>141</v>
      </c>
      <c r="AC6450">
        <v>142</v>
      </c>
      <c r="AD6450">
        <v>144</v>
      </c>
      <c r="AE6450">
        <v>145</v>
      </c>
      <c r="AF6450">
        <v>146</v>
      </c>
      <c r="AG6450">
        <v>147</v>
      </c>
      <c r="AH6450">
        <v>149</v>
      </c>
      <c r="AI6450">
        <v>150</v>
      </c>
      <c r="AJ6450">
        <v>151</v>
      </c>
      <c r="AK6450">
        <v>152</v>
      </c>
      <c r="AL6450">
        <v>152</v>
      </c>
      <c r="AM6450">
        <v>152</v>
      </c>
      <c r="AN6450">
        <v>152</v>
      </c>
      <c r="AO6450">
        <v>152</v>
      </c>
      <c r="AP6450">
        <v>152</v>
      </c>
      <c r="AQ6450">
        <v>152</v>
      </c>
    </row>
    <row r="6451" spans="1:43">
      <c r="A6451" t="s">
        <v>4042</v>
      </c>
      <c r="B6451" t="s">
        <v>4043</v>
      </c>
      <c r="C6451" t="s">
        <v>4040</v>
      </c>
      <c r="D6451" t="s">
        <v>4041</v>
      </c>
      <c r="E6451" t="s">
        <v>3968</v>
      </c>
      <c r="F6451" t="s">
        <v>3969</v>
      </c>
      <c r="G6451" t="s">
        <v>80</v>
      </c>
      <c r="H6451" t="s">
        <v>81</v>
      </c>
      <c r="I6451" s="2">
        <v>0</v>
      </c>
      <c r="J6451" s="2">
        <v>1</v>
      </c>
      <c r="K6451" s="2">
        <v>0</v>
      </c>
      <c r="L6451" t="s">
        <v>82</v>
      </c>
      <c r="M6451" t="s">
        <v>87</v>
      </c>
      <c r="N6451" t="s">
        <v>88</v>
      </c>
      <c r="O6451" t="s">
        <v>85</v>
      </c>
      <c r="P6451" t="s">
        <v>86</v>
      </c>
      <c r="Q6451">
        <v>125</v>
      </c>
      <c r="R6451">
        <v>125</v>
      </c>
      <c r="S6451">
        <v>125</v>
      </c>
      <c r="T6451">
        <v>126</v>
      </c>
      <c r="U6451">
        <v>126</v>
      </c>
      <c r="V6451">
        <v>127</v>
      </c>
      <c r="W6451">
        <v>127</v>
      </c>
      <c r="X6451">
        <v>127</v>
      </c>
      <c r="Y6451">
        <v>128</v>
      </c>
      <c r="Z6451">
        <v>128</v>
      </c>
      <c r="AA6451">
        <v>128</v>
      </c>
      <c r="AB6451">
        <v>128</v>
      </c>
      <c r="AC6451">
        <v>129</v>
      </c>
      <c r="AD6451">
        <v>129</v>
      </c>
      <c r="AE6451">
        <v>129</v>
      </c>
      <c r="AF6451">
        <v>130</v>
      </c>
      <c r="AG6451">
        <v>130</v>
      </c>
      <c r="AH6451">
        <v>130</v>
      </c>
      <c r="AI6451">
        <v>130</v>
      </c>
      <c r="AJ6451">
        <v>130</v>
      </c>
      <c r="AK6451">
        <v>131</v>
      </c>
      <c r="AL6451">
        <v>131</v>
      </c>
      <c r="AM6451">
        <v>131</v>
      </c>
      <c r="AN6451">
        <v>131</v>
      </c>
      <c r="AO6451">
        <v>131</v>
      </c>
      <c r="AP6451">
        <v>131</v>
      </c>
      <c r="AQ6451">
        <v>132</v>
      </c>
    </row>
    <row r="6452" spans="1:43">
      <c r="A6452" t="s">
        <v>4042</v>
      </c>
      <c r="B6452" t="s">
        <v>4043</v>
      </c>
      <c r="C6452" t="s">
        <v>4040</v>
      </c>
      <c r="D6452" t="s">
        <v>4041</v>
      </c>
      <c r="E6452" t="s">
        <v>3968</v>
      </c>
      <c r="F6452" t="s">
        <v>3969</v>
      </c>
      <c r="G6452" t="s">
        <v>80</v>
      </c>
      <c r="H6452" t="s">
        <v>81</v>
      </c>
      <c r="I6452" s="2">
        <v>0</v>
      </c>
      <c r="J6452" s="2">
        <v>1</v>
      </c>
      <c r="K6452" s="2">
        <v>0</v>
      </c>
      <c r="L6452" t="s">
        <v>82</v>
      </c>
      <c r="M6452" t="s">
        <v>89</v>
      </c>
      <c r="N6452" t="s">
        <v>90</v>
      </c>
      <c r="O6452" t="s">
        <v>85</v>
      </c>
      <c r="P6452" t="s">
        <v>86</v>
      </c>
      <c r="Q6452">
        <v>125</v>
      </c>
      <c r="R6452">
        <v>128</v>
      </c>
      <c r="S6452">
        <v>130</v>
      </c>
      <c r="T6452">
        <v>133</v>
      </c>
      <c r="U6452">
        <v>135</v>
      </c>
      <c r="V6452">
        <v>138</v>
      </c>
      <c r="W6452">
        <v>140</v>
      </c>
      <c r="X6452">
        <v>142</v>
      </c>
      <c r="Y6452">
        <v>144</v>
      </c>
      <c r="Z6452">
        <v>146</v>
      </c>
      <c r="AA6452">
        <v>148</v>
      </c>
      <c r="AB6452">
        <v>150</v>
      </c>
      <c r="AC6452">
        <v>152</v>
      </c>
      <c r="AD6452">
        <v>153</v>
      </c>
      <c r="AE6452">
        <v>155</v>
      </c>
      <c r="AF6452">
        <v>154</v>
      </c>
      <c r="AG6452">
        <v>154</v>
      </c>
      <c r="AH6452">
        <v>154</v>
      </c>
      <c r="AI6452">
        <v>154</v>
      </c>
      <c r="AJ6452">
        <v>154</v>
      </c>
      <c r="AK6452">
        <v>154</v>
      </c>
      <c r="AL6452">
        <v>154</v>
      </c>
      <c r="AM6452">
        <v>153</v>
      </c>
      <c r="AN6452">
        <v>153</v>
      </c>
      <c r="AO6452">
        <v>153</v>
      </c>
      <c r="AP6452">
        <v>153</v>
      </c>
      <c r="AQ6452">
        <v>153</v>
      </c>
    </row>
    <row r="6453" spans="1:43">
      <c r="A6453" t="s">
        <v>4042</v>
      </c>
      <c r="B6453" t="s">
        <v>4043</v>
      </c>
      <c r="C6453" t="s">
        <v>4040</v>
      </c>
      <c r="D6453" t="s">
        <v>4041</v>
      </c>
      <c r="E6453" t="s">
        <v>3968</v>
      </c>
      <c r="F6453" t="s">
        <v>3969</v>
      </c>
      <c r="G6453" t="s">
        <v>80</v>
      </c>
      <c r="H6453" t="s">
        <v>81</v>
      </c>
      <c r="I6453" s="2">
        <v>0</v>
      </c>
      <c r="J6453" s="2">
        <v>1</v>
      </c>
      <c r="K6453" s="2">
        <v>0</v>
      </c>
      <c r="L6453" t="s">
        <v>82</v>
      </c>
      <c r="M6453" t="s">
        <v>83</v>
      </c>
      <c r="N6453" t="s">
        <v>91</v>
      </c>
      <c r="O6453" t="s">
        <v>85</v>
      </c>
      <c r="P6453" t="s">
        <v>86</v>
      </c>
      <c r="Q6453">
        <v>125</v>
      </c>
      <c r="R6453">
        <v>126</v>
      </c>
      <c r="S6453">
        <v>128</v>
      </c>
      <c r="T6453">
        <v>129</v>
      </c>
      <c r="U6453">
        <v>131</v>
      </c>
      <c r="V6453">
        <v>132</v>
      </c>
      <c r="W6453">
        <v>134</v>
      </c>
      <c r="X6453">
        <v>135</v>
      </c>
      <c r="Y6453">
        <v>137</v>
      </c>
      <c r="Z6453">
        <v>138</v>
      </c>
      <c r="AA6453">
        <v>140</v>
      </c>
      <c r="AB6453">
        <v>141</v>
      </c>
      <c r="AC6453">
        <v>142</v>
      </c>
      <c r="AD6453">
        <v>144</v>
      </c>
      <c r="AE6453">
        <v>145</v>
      </c>
      <c r="AF6453">
        <v>146</v>
      </c>
      <c r="AG6453">
        <v>147</v>
      </c>
      <c r="AH6453">
        <v>149</v>
      </c>
      <c r="AI6453">
        <v>150</v>
      </c>
      <c r="AJ6453">
        <v>151</v>
      </c>
      <c r="AK6453">
        <v>152</v>
      </c>
      <c r="AL6453">
        <v>152</v>
      </c>
      <c r="AM6453">
        <v>152</v>
      </c>
      <c r="AN6453">
        <v>152</v>
      </c>
      <c r="AO6453">
        <v>152</v>
      </c>
      <c r="AP6453">
        <v>152</v>
      </c>
      <c r="AQ6453">
        <v>152</v>
      </c>
    </row>
    <row r="6454" spans="1:43">
      <c r="A6454" t="s">
        <v>4044</v>
      </c>
      <c r="B6454" t="s">
        <v>4045</v>
      </c>
      <c r="C6454" t="s">
        <v>4040</v>
      </c>
      <c r="D6454" t="s">
        <v>4041</v>
      </c>
      <c r="E6454" t="s">
        <v>3968</v>
      </c>
      <c r="F6454" t="s">
        <v>3969</v>
      </c>
      <c r="G6454" t="s">
        <v>80</v>
      </c>
      <c r="H6454" t="s">
        <v>81</v>
      </c>
      <c r="I6454" s="2">
        <v>0</v>
      </c>
      <c r="J6454" s="2">
        <v>1</v>
      </c>
      <c r="K6454" s="2">
        <v>0</v>
      </c>
      <c r="L6454" t="s">
        <v>82</v>
      </c>
      <c r="M6454" t="s">
        <v>83</v>
      </c>
      <c r="N6454" t="s">
        <v>84</v>
      </c>
      <c r="O6454" t="s">
        <v>85</v>
      </c>
      <c r="P6454" t="s">
        <v>86</v>
      </c>
      <c r="Q6454">
        <v>12</v>
      </c>
      <c r="R6454">
        <v>12</v>
      </c>
      <c r="S6454">
        <v>12</v>
      </c>
      <c r="T6454">
        <v>12</v>
      </c>
      <c r="U6454">
        <v>12</v>
      </c>
      <c r="V6454">
        <v>12</v>
      </c>
      <c r="W6454">
        <v>13</v>
      </c>
      <c r="X6454">
        <v>13</v>
      </c>
      <c r="Y6454">
        <v>13</v>
      </c>
      <c r="Z6454">
        <v>13</v>
      </c>
      <c r="AA6454">
        <v>13</v>
      </c>
      <c r="AB6454">
        <v>13</v>
      </c>
      <c r="AC6454">
        <v>13</v>
      </c>
      <c r="AD6454">
        <v>13</v>
      </c>
      <c r="AE6454">
        <v>14</v>
      </c>
      <c r="AF6454">
        <v>14</v>
      </c>
      <c r="AG6454">
        <v>14</v>
      </c>
      <c r="AH6454">
        <v>14</v>
      </c>
      <c r="AI6454">
        <v>14</v>
      </c>
      <c r="AJ6454">
        <v>14</v>
      </c>
      <c r="AK6454">
        <v>14</v>
      </c>
      <c r="AL6454">
        <v>14</v>
      </c>
      <c r="AM6454">
        <v>14</v>
      </c>
      <c r="AN6454">
        <v>14</v>
      </c>
      <c r="AO6454">
        <v>14</v>
      </c>
      <c r="AP6454">
        <v>14</v>
      </c>
      <c r="AQ6454">
        <v>14</v>
      </c>
    </row>
    <row r="6455" spans="1:43">
      <c r="A6455" t="s">
        <v>4044</v>
      </c>
      <c r="B6455" t="s">
        <v>4045</v>
      </c>
      <c r="C6455" t="s">
        <v>4040</v>
      </c>
      <c r="D6455" t="s">
        <v>4041</v>
      </c>
      <c r="E6455" t="s">
        <v>3968</v>
      </c>
      <c r="F6455" t="s">
        <v>3969</v>
      </c>
      <c r="G6455" t="s">
        <v>80</v>
      </c>
      <c r="H6455" t="s">
        <v>81</v>
      </c>
      <c r="I6455" s="2">
        <v>0</v>
      </c>
      <c r="J6455" s="2">
        <v>1</v>
      </c>
      <c r="K6455" s="2">
        <v>0</v>
      </c>
      <c r="L6455" t="s">
        <v>82</v>
      </c>
      <c r="M6455" t="s">
        <v>87</v>
      </c>
      <c r="N6455" t="s">
        <v>88</v>
      </c>
      <c r="O6455" t="s">
        <v>85</v>
      </c>
      <c r="P6455" t="s">
        <v>86</v>
      </c>
      <c r="Q6455">
        <v>12</v>
      </c>
      <c r="R6455">
        <v>12</v>
      </c>
      <c r="S6455">
        <v>12</v>
      </c>
      <c r="T6455">
        <v>12</v>
      </c>
      <c r="U6455">
        <v>12</v>
      </c>
      <c r="V6455">
        <v>12</v>
      </c>
      <c r="W6455">
        <v>12</v>
      </c>
      <c r="X6455">
        <v>12</v>
      </c>
      <c r="Y6455">
        <v>12</v>
      </c>
      <c r="Z6455">
        <v>12</v>
      </c>
      <c r="AA6455">
        <v>12</v>
      </c>
      <c r="AB6455">
        <v>12</v>
      </c>
      <c r="AC6455">
        <v>12</v>
      </c>
      <c r="AD6455">
        <v>12</v>
      </c>
      <c r="AE6455">
        <v>12</v>
      </c>
      <c r="AF6455">
        <v>12</v>
      </c>
      <c r="AG6455">
        <v>12</v>
      </c>
      <c r="AH6455">
        <v>12</v>
      </c>
      <c r="AI6455">
        <v>12</v>
      </c>
      <c r="AJ6455">
        <v>12</v>
      </c>
      <c r="AK6455">
        <v>12</v>
      </c>
      <c r="AL6455">
        <v>12</v>
      </c>
      <c r="AM6455">
        <v>12</v>
      </c>
      <c r="AN6455">
        <v>12</v>
      </c>
      <c r="AO6455">
        <v>12</v>
      </c>
      <c r="AP6455">
        <v>12</v>
      </c>
      <c r="AQ6455">
        <v>12</v>
      </c>
    </row>
    <row r="6456" spans="1:43">
      <c r="A6456" t="s">
        <v>4044</v>
      </c>
      <c r="B6456" t="s">
        <v>4045</v>
      </c>
      <c r="C6456" t="s">
        <v>4040</v>
      </c>
      <c r="D6456" t="s">
        <v>4041</v>
      </c>
      <c r="E6456" t="s">
        <v>3968</v>
      </c>
      <c r="F6456" t="s">
        <v>3969</v>
      </c>
      <c r="G6456" t="s">
        <v>80</v>
      </c>
      <c r="H6456" t="s">
        <v>81</v>
      </c>
      <c r="I6456" s="2">
        <v>0</v>
      </c>
      <c r="J6456" s="2">
        <v>1</v>
      </c>
      <c r="K6456" s="2">
        <v>0</v>
      </c>
      <c r="L6456" t="s">
        <v>82</v>
      </c>
      <c r="M6456" t="s">
        <v>89</v>
      </c>
      <c r="N6456" t="s">
        <v>90</v>
      </c>
      <c r="O6456" t="s">
        <v>85</v>
      </c>
      <c r="P6456" t="s">
        <v>86</v>
      </c>
      <c r="Q6456">
        <v>12</v>
      </c>
      <c r="R6456">
        <v>12</v>
      </c>
      <c r="S6456">
        <v>12</v>
      </c>
      <c r="T6456">
        <v>13</v>
      </c>
      <c r="U6456">
        <v>13</v>
      </c>
      <c r="V6456">
        <v>13</v>
      </c>
      <c r="W6456">
        <v>13</v>
      </c>
      <c r="X6456">
        <v>13</v>
      </c>
      <c r="Y6456">
        <v>14</v>
      </c>
      <c r="Z6456">
        <v>14</v>
      </c>
      <c r="AA6456">
        <v>14</v>
      </c>
      <c r="AB6456">
        <v>14</v>
      </c>
      <c r="AC6456">
        <v>14</v>
      </c>
      <c r="AD6456">
        <v>14</v>
      </c>
      <c r="AE6456">
        <v>15</v>
      </c>
      <c r="AF6456">
        <v>15</v>
      </c>
      <c r="AG6456">
        <v>15</v>
      </c>
      <c r="AH6456">
        <v>14</v>
      </c>
      <c r="AI6456">
        <v>14</v>
      </c>
      <c r="AJ6456">
        <v>14</v>
      </c>
      <c r="AK6456">
        <v>14</v>
      </c>
      <c r="AL6456">
        <v>14</v>
      </c>
      <c r="AM6456">
        <v>14</v>
      </c>
      <c r="AN6456">
        <v>14</v>
      </c>
      <c r="AO6456">
        <v>14</v>
      </c>
      <c r="AP6456">
        <v>14</v>
      </c>
      <c r="AQ6456">
        <v>14</v>
      </c>
    </row>
    <row r="6457" spans="1:43">
      <c r="A6457" t="s">
        <v>4044</v>
      </c>
      <c r="B6457" t="s">
        <v>4045</v>
      </c>
      <c r="C6457" t="s">
        <v>4040</v>
      </c>
      <c r="D6457" t="s">
        <v>4041</v>
      </c>
      <c r="E6457" t="s">
        <v>3968</v>
      </c>
      <c r="F6457" t="s">
        <v>3969</v>
      </c>
      <c r="G6457" t="s">
        <v>80</v>
      </c>
      <c r="H6457" t="s">
        <v>81</v>
      </c>
      <c r="I6457" s="2">
        <v>0</v>
      </c>
      <c r="J6457" s="2">
        <v>1</v>
      </c>
      <c r="K6457" s="2">
        <v>0</v>
      </c>
      <c r="L6457" t="s">
        <v>82</v>
      </c>
      <c r="M6457" t="s">
        <v>83</v>
      </c>
      <c r="N6457" t="s">
        <v>91</v>
      </c>
      <c r="O6457" t="s">
        <v>85</v>
      </c>
      <c r="P6457" t="s">
        <v>86</v>
      </c>
      <c r="Q6457">
        <v>12</v>
      </c>
      <c r="R6457">
        <v>12</v>
      </c>
      <c r="S6457">
        <v>12</v>
      </c>
      <c r="T6457">
        <v>12</v>
      </c>
      <c r="U6457">
        <v>12</v>
      </c>
      <c r="V6457">
        <v>12</v>
      </c>
      <c r="W6457">
        <v>13</v>
      </c>
      <c r="X6457">
        <v>13</v>
      </c>
      <c r="Y6457">
        <v>13</v>
      </c>
      <c r="Z6457">
        <v>13</v>
      </c>
      <c r="AA6457">
        <v>13</v>
      </c>
      <c r="AB6457">
        <v>13</v>
      </c>
      <c r="AC6457">
        <v>13</v>
      </c>
      <c r="AD6457">
        <v>13</v>
      </c>
      <c r="AE6457">
        <v>14</v>
      </c>
      <c r="AF6457">
        <v>14</v>
      </c>
      <c r="AG6457">
        <v>14</v>
      </c>
      <c r="AH6457">
        <v>14</v>
      </c>
      <c r="AI6457">
        <v>14</v>
      </c>
      <c r="AJ6457">
        <v>14</v>
      </c>
      <c r="AK6457">
        <v>14</v>
      </c>
      <c r="AL6457">
        <v>14</v>
      </c>
      <c r="AM6457">
        <v>14</v>
      </c>
      <c r="AN6457">
        <v>14</v>
      </c>
      <c r="AO6457">
        <v>14</v>
      </c>
      <c r="AP6457">
        <v>14</v>
      </c>
      <c r="AQ6457">
        <v>14</v>
      </c>
    </row>
    <row r="6458" spans="1:43">
      <c r="A6458" t="s">
        <v>4046</v>
      </c>
      <c r="B6458" t="s">
        <v>4047</v>
      </c>
      <c r="C6458" t="s">
        <v>4040</v>
      </c>
      <c r="D6458" t="s">
        <v>4041</v>
      </c>
      <c r="E6458" t="s">
        <v>3968</v>
      </c>
      <c r="F6458" t="s">
        <v>3969</v>
      </c>
      <c r="G6458" t="s">
        <v>80</v>
      </c>
      <c r="H6458" t="s">
        <v>81</v>
      </c>
      <c r="I6458" s="2">
        <v>0</v>
      </c>
      <c r="J6458" s="2">
        <v>1</v>
      </c>
      <c r="K6458" s="2">
        <v>0</v>
      </c>
      <c r="L6458" t="s">
        <v>82</v>
      </c>
      <c r="M6458" t="s">
        <v>83</v>
      </c>
      <c r="N6458" t="s">
        <v>84</v>
      </c>
      <c r="O6458" t="s">
        <v>85</v>
      </c>
      <c r="P6458" t="s">
        <v>86</v>
      </c>
      <c r="Q6458">
        <v>194</v>
      </c>
      <c r="R6458">
        <v>197</v>
      </c>
      <c r="S6458">
        <v>199</v>
      </c>
      <c r="T6458">
        <v>202</v>
      </c>
      <c r="U6458">
        <v>204</v>
      </c>
      <c r="V6458">
        <v>207</v>
      </c>
      <c r="W6458">
        <v>209</v>
      </c>
      <c r="X6458">
        <v>212</v>
      </c>
      <c r="Y6458">
        <v>214</v>
      </c>
      <c r="Z6458">
        <v>216</v>
      </c>
      <c r="AA6458">
        <v>219</v>
      </c>
      <c r="AB6458">
        <v>221</v>
      </c>
      <c r="AC6458">
        <v>223</v>
      </c>
      <c r="AD6458">
        <v>225</v>
      </c>
      <c r="AE6458">
        <v>227</v>
      </c>
      <c r="AF6458">
        <v>229</v>
      </c>
      <c r="AG6458">
        <v>231</v>
      </c>
      <c r="AH6458">
        <v>234</v>
      </c>
      <c r="AI6458">
        <v>236</v>
      </c>
      <c r="AJ6458">
        <v>238</v>
      </c>
      <c r="AK6458">
        <v>240</v>
      </c>
      <c r="AL6458">
        <v>240</v>
      </c>
      <c r="AM6458">
        <v>240</v>
      </c>
      <c r="AN6458">
        <v>240</v>
      </c>
      <c r="AO6458">
        <v>240</v>
      </c>
      <c r="AP6458">
        <v>240</v>
      </c>
      <c r="AQ6458">
        <v>240</v>
      </c>
    </row>
    <row r="6459" spans="1:43">
      <c r="A6459" t="s">
        <v>4046</v>
      </c>
      <c r="B6459" t="s">
        <v>4047</v>
      </c>
      <c r="C6459" t="s">
        <v>4040</v>
      </c>
      <c r="D6459" t="s">
        <v>4041</v>
      </c>
      <c r="E6459" t="s">
        <v>3968</v>
      </c>
      <c r="F6459" t="s">
        <v>3969</v>
      </c>
      <c r="G6459" t="s">
        <v>80</v>
      </c>
      <c r="H6459" t="s">
        <v>81</v>
      </c>
      <c r="I6459" s="2">
        <v>0</v>
      </c>
      <c r="J6459" s="2">
        <v>1</v>
      </c>
      <c r="K6459" s="2">
        <v>0</v>
      </c>
      <c r="L6459" t="s">
        <v>82</v>
      </c>
      <c r="M6459" t="s">
        <v>87</v>
      </c>
      <c r="N6459" t="s">
        <v>88</v>
      </c>
      <c r="O6459" t="s">
        <v>85</v>
      </c>
      <c r="P6459" t="s">
        <v>86</v>
      </c>
      <c r="Q6459">
        <v>194</v>
      </c>
      <c r="R6459">
        <v>195</v>
      </c>
      <c r="S6459">
        <v>196</v>
      </c>
      <c r="T6459">
        <v>197</v>
      </c>
      <c r="U6459">
        <v>197</v>
      </c>
      <c r="V6459">
        <v>198</v>
      </c>
      <c r="W6459">
        <v>199</v>
      </c>
      <c r="X6459">
        <v>199</v>
      </c>
      <c r="Y6459">
        <v>200</v>
      </c>
      <c r="Z6459">
        <v>200</v>
      </c>
      <c r="AA6459">
        <v>201</v>
      </c>
      <c r="AB6459">
        <v>202</v>
      </c>
      <c r="AC6459">
        <v>202</v>
      </c>
      <c r="AD6459">
        <v>203</v>
      </c>
      <c r="AE6459">
        <v>203</v>
      </c>
      <c r="AF6459">
        <v>204</v>
      </c>
      <c r="AG6459">
        <v>204</v>
      </c>
      <c r="AH6459">
        <v>205</v>
      </c>
      <c r="AI6459">
        <v>205</v>
      </c>
      <c r="AJ6459">
        <v>206</v>
      </c>
      <c r="AK6459">
        <v>206</v>
      </c>
      <c r="AL6459">
        <v>206</v>
      </c>
      <c r="AM6459">
        <v>207</v>
      </c>
      <c r="AN6459">
        <v>207</v>
      </c>
      <c r="AO6459">
        <v>208</v>
      </c>
      <c r="AP6459">
        <v>208</v>
      </c>
      <c r="AQ6459">
        <v>208</v>
      </c>
    </row>
    <row r="6460" spans="1:43">
      <c r="A6460" t="s">
        <v>4046</v>
      </c>
      <c r="B6460" t="s">
        <v>4047</v>
      </c>
      <c r="C6460" t="s">
        <v>4040</v>
      </c>
      <c r="D6460" t="s">
        <v>4041</v>
      </c>
      <c r="E6460" t="s">
        <v>3968</v>
      </c>
      <c r="F6460" t="s">
        <v>3969</v>
      </c>
      <c r="G6460" t="s">
        <v>80</v>
      </c>
      <c r="H6460" t="s">
        <v>81</v>
      </c>
      <c r="I6460" s="2">
        <v>0</v>
      </c>
      <c r="J6460" s="2">
        <v>1</v>
      </c>
      <c r="K6460" s="2">
        <v>0</v>
      </c>
      <c r="L6460" t="s">
        <v>82</v>
      </c>
      <c r="M6460" t="s">
        <v>89</v>
      </c>
      <c r="N6460" t="s">
        <v>90</v>
      </c>
      <c r="O6460" t="s">
        <v>85</v>
      </c>
      <c r="P6460" t="s">
        <v>86</v>
      </c>
      <c r="Q6460">
        <v>194</v>
      </c>
      <c r="R6460">
        <v>198</v>
      </c>
      <c r="S6460">
        <v>202</v>
      </c>
      <c r="T6460">
        <v>206</v>
      </c>
      <c r="U6460">
        <v>210</v>
      </c>
      <c r="V6460">
        <v>214</v>
      </c>
      <c r="W6460">
        <v>218</v>
      </c>
      <c r="X6460">
        <v>221</v>
      </c>
      <c r="Y6460">
        <v>225</v>
      </c>
      <c r="Z6460">
        <v>228</v>
      </c>
      <c r="AA6460">
        <v>231</v>
      </c>
      <c r="AB6460">
        <v>234</v>
      </c>
      <c r="AC6460">
        <v>237</v>
      </c>
      <c r="AD6460">
        <v>240</v>
      </c>
      <c r="AE6460">
        <v>242</v>
      </c>
      <c r="AF6460">
        <v>242</v>
      </c>
      <c r="AG6460">
        <v>242</v>
      </c>
      <c r="AH6460">
        <v>242</v>
      </c>
      <c r="AI6460">
        <v>242</v>
      </c>
      <c r="AJ6460">
        <v>242</v>
      </c>
      <c r="AK6460">
        <v>242</v>
      </c>
      <c r="AL6460">
        <v>242</v>
      </c>
      <c r="AM6460">
        <v>242</v>
      </c>
      <c r="AN6460">
        <v>242</v>
      </c>
      <c r="AO6460">
        <v>242</v>
      </c>
      <c r="AP6460">
        <v>242</v>
      </c>
      <c r="AQ6460">
        <v>242</v>
      </c>
    </row>
    <row r="6461" spans="1:43">
      <c r="A6461" t="s">
        <v>4046</v>
      </c>
      <c r="B6461" t="s">
        <v>4047</v>
      </c>
      <c r="C6461" t="s">
        <v>4040</v>
      </c>
      <c r="D6461" t="s">
        <v>4041</v>
      </c>
      <c r="E6461" t="s">
        <v>3968</v>
      </c>
      <c r="F6461" t="s">
        <v>3969</v>
      </c>
      <c r="G6461" t="s">
        <v>80</v>
      </c>
      <c r="H6461" t="s">
        <v>81</v>
      </c>
      <c r="I6461" s="2">
        <v>0</v>
      </c>
      <c r="J6461" s="2">
        <v>1</v>
      </c>
      <c r="K6461" s="2">
        <v>0</v>
      </c>
      <c r="L6461" t="s">
        <v>82</v>
      </c>
      <c r="M6461" t="s">
        <v>83</v>
      </c>
      <c r="N6461" t="s">
        <v>91</v>
      </c>
      <c r="O6461" t="s">
        <v>85</v>
      </c>
      <c r="P6461" t="s">
        <v>86</v>
      </c>
      <c r="Q6461">
        <v>194</v>
      </c>
      <c r="R6461">
        <v>197</v>
      </c>
      <c r="S6461">
        <v>199</v>
      </c>
      <c r="T6461">
        <v>202</v>
      </c>
      <c r="U6461">
        <v>204</v>
      </c>
      <c r="V6461">
        <v>207</v>
      </c>
      <c r="W6461">
        <v>209</v>
      </c>
      <c r="X6461">
        <v>212</v>
      </c>
      <c r="Y6461">
        <v>214</v>
      </c>
      <c r="Z6461">
        <v>216</v>
      </c>
      <c r="AA6461">
        <v>219</v>
      </c>
      <c r="AB6461">
        <v>221</v>
      </c>
      <c r="AC6461">
        <v>223</v>
      </c>
      <c r="AD6461">
        <v>225</v>
      </c>
      <c r="AE6461">
        <v>227</v>
      </c>
      <c r="AF6461">
        <v>229</v>
      </c>
      <c r="AG6461">
        <v>231</v>
      </c>
      <c r="AH6461">
        <v>234</v>
      </c>
      <c r="AI6461">
        <v>236</v>
      </c>
      <c r="AJ6461">
        <v>238</v>
      </c>
      <c r="AK6461">
        <v>240</v>
      </c>
      <c r="AL6461">
        <v>240</v>
      </c>
      <c r="AM6461">
        <v>240</v>
      </c>
      <c r="AN6461">
        <v>240</v>
      </c>
      <c r="AO6461">
        <v>240</v>
      </c>
      <c r="AP6461">
        <v>240</v>
      </c>
      <c r="AQ6461">
        <v>240</v>
      </c>
    </row>
    <row r="6462" spans="1:43">
      <c r="A6462" t="s">
        <v>4048</v>
      </c>
      <c r="B6462" t="s">
        <v>4049</v>
      </c>
      <c r="C6462" t="s">
        <v>4040</v>
      </c>
      <c r="D6462" t="s">
        <v>4041</v>
      </c>
      <c r="E6462" t="s">
        <v>3968</v>
      </c>
      <c r="F6462" t="s">
        <v>3969</v>
      </c>
      <c r="G6462" t="s">
        <v>80</v>
      </c>
      <c r="H6462" t="s">
        <v>81</v>
      </c>
      <c r="I6462" s="2">
        <v>0</v>
      </c>
      <c r="J6462" s="2">
        <v>1</v>
      </c>
      <c r="K6462" s="2">
        <v>0</v>
      </c>
      <c r="L6462" t="s">
        <v>82</v>
      </c>
      <c r="M6462" t="s">
        <v>83</v>
      </c>
      <c r="N6462" t="s">
        <v>84</v>
      </c>
      <c r="O6462" t="s">
        <v>85</v>
      </c>
      <c r="P6462" t="s">
        <v>86</v>
      </c>
      <c r="Q6462">
        <v>116</v>
      </c>
      <c r="R6462">
        <v>118</v>
      </c>
      <c r="S6462">
        <v>119</v>
      </c>
      <c r="T6462">
        <v>121</v>
      </c>
      <c r="U6462">
        <v>122</v>
      </c>
      <c r="V6462">
        <v>124</v>
      </c>
      <c r="W6462">
        <v>125</v>
      </c>
      <c r="X6462">
        <v>126</v>
      </c>
      <c r="Y6462">
        <v>128</v>
      </c>
      <c r="Z6462">
        <v>129</v>
      </c>
      <c r="AA6462">
        <v>131</v>
      </c>
      <c r="AB6462">
        <v>132</v>
      </c>
      <c r="AC6462">
        <v>133</v>
      </c>
      <c r="AD6462">
        <v>135</v>
      </c>
      <c r="AE6462">
        <v>136</v>
      </c>
      <c r="AF6462">
        <v>137</v>
      </c>
      <c r="AG6462">
        <v>138</v>
      </c>
      <c r="AH6462">
        <v>139</v>
      </c>
      <c r="AI6462">
        <v>141</v>
      </c>
      <c r="AJ6462">
        <v>142</v>
      </c>
      <c r="AK6462">
        <v>143</v>
      </c>
      <c r="AL6462">
        <v>143</v>
      </c>
      <c r="AM6462">
        <v>143</v>
      </c>
      <c r="AN6462">
        <v>143</v>
      </c>
      <c r="AO6462">
        <v>143</v>
      </c>
      <c r="AP6462">
        <v>143</v>
      </c>
      <c r="AQ6462">
        <v>143</v>
      </c>
    </row>
    <row r="6463" spans="1:43">
      <c r="A6463" t="s">
        <v>4048</v>
      </c>
      <c r="B6463" t="s">
        <v>4049</v>
      </c>
      <c r="C6463" t="s">
        <v>4040</v>
      </c>
      <c r="D6463" t="s">
        <v>4041</v>
      </c>
      <c r="E6463" t="s">
        <v>3968</v>
      </c>
      <c r="F6463" t="s">
        <v>3969</v>
      </c>
      <c r="G6463" t="s">
        <v>80</v>
      </c>
      <c r="H6463" t="s">
        <v>81</v>
      </c>
      <c r="I6463" s="2">
        <v>0</v>
      </c>
      <c r="J6463" s="2">
        <v>1</v>
      </c>
      <c r="K6463" s="2">
        <v>0</v>
      </c>
      <c r="L6463" t="s">
        <v>82</v>
      </c>
      <c r="M6463" t="s">
        <v>87</v>
      </c>
      <c r="N6463" t="s">
        <v>88</v>
      </c>
      <c r="O6463" t="s">
        <v>85</v>
      </c>
      <c r="P6463" t="s">
        <v>86</v>
      </c>
      <c r="Q6463">
        <v>116</v>
      </c>
      <c r="R6463">
        <v>117</v>
      </c>
      <c r="S6463">
        <v>117</v>
      </c>
      <c r="T6463">
        <v>117</v>
      </c>
      <c r="U6463">
        <v>118</v>
      </c>
      <c r="V6463">
        <v>118</v>
      </c>
      <c r="W6463">
        <v>119</v>
      </c>
      <c r="X6463">
        <v>119</v>
      </c>
      <c r="Y6463">
        <v>119</v>
      </c>
      <c r="Z6463">
        <v>120</v>
      </c>
      <c r="AA6463">
        <v>120</v>
      </c>
      <c r="AB6463">
        <v>120</v>
      </c>
      <c r="AC6463">
        <v>121</v>
      </c>
      <c r="AD6463">
        <v>121</v>
      </c>
      <c r="AE6463">
        <v>121</v>
      </c>
      <c r="AF6463">
        <v>121</v>
      </c>
      <c r="AG6463">
        <v>122</v>
      </c>
      <c r="AH6463">
        <v>122</v>
      </c>
      <c r="AI6463">
        <v>122</v>
      </c>
      <c r="AJ6463">
        <v>123</v>
      </c>
      <c r="AK6463">
        <v>123</v>
      </c>
      <c r="AL6463">
        <v>123</v>
      </c>
      <c r="AM6463">
        <v>123</v>
      </c>
      <c r="AN6463">
        <v>123</v>
      </c>
      <c r="AO6463">
        <v>124</v>
      </c>
      <c r="AP6463">
        <v>124</v>
      </c>
      <c r="AQ6463">
        <v>124</v>
      </c>
    </row>
    <row r="6464" spans="1:43">
      <c r="A6464" t="s">
        <v>4048</v>
      </c>
      <c r="B6464" t="s">
        <v>4049</v>
      </c>
      <c r="C6464" t="s">
        <v>4040</v>
      </c>
      <c r="D6464" t="s">
        <v>4041</v>
      </c>
      <c r="E6464" t="s">
        <v>3968</v>
      </c>
      <c r="F6464" t="s">
        <v>3969</v>
      </c>
      <c r="G6464" t="s">
        <v>80</v>
      </c>
      <c r="H6464" t="s">
        <v>81</v>
      </c>
      <c r="I6464" s="2">
        <v>0</v>
      </c>
      <c r="J6464" s="2">
        <v>1</v>
      </c>
      <c r="K6464" s="2">
        <v>0</v>
      </c>
      <c r="L6464" t="s">
        <v>82</v>
      </c>
      <c r="M6464" t="s">
        <v>89</v>
      </c>
      <c r="N6464" t="s">
        <v>90</v>
      </c>
      <c r="O6464" t="s">
        <v>85</v>
      </c>
      <c r="P6464" t="s">
        <v>86</v>
      </c>
      <c r="Q6464">
        <v>116</v>
      </c>
      <c r="R6464">
        <v>119</v>
      </c>
      <c r="S6464">
        <v>121</v>
      </c>
      <c r="T6464">
        <v>124</v>
      </c>
      <c r="U6464">
        <v>126</v>
      </c>
      <c r="V6464">
        <v>128</v>
      </c>
      <c r="W6464">
        <v>130</v>
      </c>
      <c r="X6464">
        <v>133</v>
      </c>
      <c r="Y6464">
        <v>134</v>
      </c>
      <c r="Z6464">
        <v>136</v>
      </c>
      <c r="AA6464">
        <v>138</v>
      </c>
      <c r="AB6464">
        <v>140</v>
      </c>
      <c r="AC6464">
        <v>142</v>
      </c>
      <c r="AD6464">
        <v>144</v>
      </c>
      <c r="AE6464">
        <v>145</v>
      </c>
      <c r="AF6464">
        <v>145</v>
      </c>
      <c r="AG6464">
        <v>145</v>
      </c>
      <c r="AH6464">
        <v>145</v>
      </c>
      <c r="AI6464">
        <v>145</v>
      </c>
      <c r="AJ6464">
        <v>145</v>
      </c>
      <c r="AK6464">
        <v>145</v>
      </c>
      <c r="AL6464">
        <v>145</v>
      </c>
      <c r="AM6464">
        <v>145</v>
      </c>
      <c r="AN6464">
        <v>145</v>
      </c>
      <c r="AO6464">
        <v>144</v>
      </c>
      <c r="AP6464">
        <v>144</v>
      </c>
      <c r="AQ6464">
        <v>144</v>
      </c>
    </row>
    <row r="6465" spans="1:43">
      <c r="A6465" t="s">
        <v>4048</v>
      </c>
      <c r="B6465" t="s">
        <v>4049</v>
      </c>
      <c r="C6465" t="s">
        <v>4040</v>
      </c>
      <c r="D6465" t="s">
        <v>4041</v>
      </c>
      <c r="E6465" t="s">
        <v>3968</v>
      </c>
      <c r="F6465" t="s">
        <v>3969</v>
      </c>
      <c r="G6465" t="s">
        <v>80</v>
      </c>
      <c r="H6465" t="s">
        <v>81</v>
      </c>
      <c r="I6465" s="2">
        <v>0</v>
      </c>
      <c r="J6465" s="2">
        <v>1</v>
      </c>
      <c r="K6465" s="2">
        <v>0</v>
      </c>
      <c r="L6465" t="s">
        <v>82</v>
      </c>
      <c r="M6465" t="s">
        <v>83</v>
      </c>
      <c r="N6465" t="s">
        <v>91</v>
      </c>
      <c r="O6465" t="s">
        <v>85</v>
      </c>
      <c r="P6465" t="s">
        <v>86</v>
      </c>
      <c r="Q6465">
        <v>116</v>
      </c>
      <c r="R6465">
        <v>118</v>
      </c>
      <c r="S6465">
        <v>119</v>
      </c>
      <c r="T6465">
        <v>121</v>
      </c>
      <c r="U6465">
        <v>122</v>
      </c>
      <c r="V6465">
        <v>124</v>
      </c>
      <c r="W6465">
        <v>125</v>
      </c>
      <c r="X6465">
        <v>126</v>
      </c>
      <c r="Y6465">
        <v>128</v>
      </c>
      <c r="Z6465">
        <v>129</v>
      </c>
      <c r="AA6465">
        <v>131</v>
      </c>
      <c r="AB6465">
        <v>132</v>
      </c>
      <c r="AC6465">
        <v>133</v>
      </c>
      <c r="AD6465">
        <v>135</v>
      </c>
      <c r="AE6465">
        <v>136</v>
      </c>
      <c r="AF6465">
        <v>137</v>
      </c>
      <c r="AG6465">
        <v>138</v>
      </c>
      <c r="AH6465">
        <v>139</v>
      </c>
      <c r="AI6465">
        <v>141</v>
      </c>
      <c r="AJ6465">
        <v>142</v>
      </c>
      <c r="AK6465">
        <v>143</v>
      </c>
      <c r="AL6465">
        <v>143</v>
      </c>
      <c r="AM6465">
        <v>143</v>
      </c>
      <c r="AN6465">
        <v>143</v>
      </c>
      <c r="AO6465">
        <v>143</v>
      </c>
      <c r="AP6465">
        <v>143</v>
      </c>
      <c r="AQ6465">
        <v>143</v>
      </c>
    </row>
    <row r="6466" spans="1:43">
      <c r="A6466" t="s">
        <v>4050</v>
      </c>
      <c r="B6466" t="s">
        <v>4051</v>
      </c>
      <c r="C6466" t="s">
        <v>4052</v>
      </c>
      <c r="D6466" t="s">
        <v>4053</v>
      </c>
      <c r="E6466" t="s">
        <v>3968</v>
      </c>
      <c r="F6466" t="s">
        <v>3969</v>
      </c>
      <c r="G6466" t="s">
        <v>80</v>
      </c>
      <c r="H6466" t="s">
        <v>81</v>
      </c>
      <c r="I6466" s="2">
        <v>0</v>
      </c>
      <c r="J6466" s="2">
        <v>1</v>
      </c>
      <c r="K6466" s="2">
        <v>0</v>
      </c>
      <c r="L6466" t="s">
        <v>82</v>
      </c>
      <c r="M6466" t="s">
        <v>83</v>
      </c>
      <c r="N6466" t="s">
        <v>84</v>
      </c>
      <c r="O6466" t="s">
        <v>85</v>
      </c>
      <c r="P6466" t="s">
        <v>86</v>
      </c>
      <c r="Q6466">
        <v>17</v>
      </c>
      <c r="R6466">
        <v>18</v>
      </c>
      <c r="S6466">
        <v>18</v>
      </c>
      <c r="T6466">
        <v>18</v>
      </c>
      <c r="U6466">
        <v>18</v>
      </c>
      <c r="V6466">
        <v>18</v>
      </c>
      <c r="W6466">
        <v>19</v>
      </c>
      <c r="X6466">
        <v>19</v>
      </c>
      <c r="Y6466">
        <v>19</v>
      </c>
      <c r="Z6466">
        <v>19</v>
      </c>
      <c r="AA6466">
        <v>19</v>
      </c>
      <c r="AB6466">
        <v>20</v>
      </c>
      <c r="AC6466">
        <v>20</v>
      </c>
      <c r="AD6466">
        <v>20</v>
      </c>
      <c r="AE6466">
        <v>20</v>
      </c>
      <c r="AF6466">
        <v>20</v>
      </c>
      <c r="AG6466">
        <v>20</v>
      </c>
      <c r="AH6466">
        <v>21</v>
      </c>
      <c r="AI6466">
        <v>21</v>
      </c>
      <c r="AJ6466">
        <v>21</v>
      </c>
      <c r="AK6466">
        <v>21</v>
      </c>
      <c r="AL6466">
        <v>21</v>
      </c>
      <c r="AM6466">
        <v>21</v>
      </c>
      <c r="AN6466">
        <v>21</v>
      </c>
      <c r="AO6466">
        <v>21</v>
      </c>
      <c r="AP6466">
        <v>21</v>
      </c>
      <c r="AQ6466">
        <v>21</v>
      </c>
    </row>
    <row r="6467" spans="1:43">
      <c r="A6467" t="s">
        <v>4050</v>
      </c>
      <c r="B6467" t="s">
        <v>4051</v>
      </c>
      <c r="C6467" t="s">
        <v>4052</v>
      </c>
      <c r="D6467" t="s">
        <v>4053</v>
      </c>
      <c r="E6467" t="s">
        <v>3968</v>
      </c>
      <c r="F6467" t="s">
        <v>3969</v>
      </c>
      <c r="G6467" t="s">
        <v>80</v>
      </c>
      <c r="H6467" t="s">
        <v>81</v>
      </c>
      <c r="I6467" s="2">
        <v>0</v>
      </c>
      <c r="J6467" s="2">
        <v>1</v>
      </c>
      <c r="K6467" s="2">
        <v>0</v>
      </c>
      <c r="L6467" t="s">
        <v>82</v>
      </c>
      <c r="M6467" t="s">
        <v>87</v>
      </c>
      <c r="N6467" t="s">
        <v>88</v>
      </c>
      <c r="O6467" t="s">
        <v>85</v>
      </c>
      <c r="P6467" t="s">
        <v>86</v>
      </c>
      <c r="Q6467">
        <v>17</v>
      </c>
      <c r="R6467">
        <v>17</v>
      </c>
      <c r="S6467">
        <v>17</v>
      </c>
      <c r="T6467">
        <v>17</v>
      </c>
      <c r="U6467">
        <v>17</v>
      </c>
      <c r="V6467">
        <v>17</v>
      </c>
      <c r="W6467">
        <v>18</v>
      </c>
      <c r="X6467">
        <v>18</v>
      </c>
      <c r="Y6467">
        <v>18</v>
      </c>
      <c r="Z6467">
        <v>18</v>
      </c>
      <c r="AA6467">
        <v>18</v>
      </c>
      <c r="AB6467">
        <v>18</v>
      </c>
      <c r="AC6467">
        <v>18</v>
      </c>
      <c r="AD6467">
        <v>18</v>
      </c>
      <c r="AE6467">
        <v>18</v>
      </c>
      <c r="AF6467">
        <v>18</v>
      </c>
      <c r="AG6467">
        <v>18</v>
      </c>
      <c r="AH6467">
        <v>18</v>
      </c>
      <c r="AI6467">
        <v>18</v>
      </c>
      <c r="AJ6467">
        <v>18</v>
      </c>
      <c r="AK6467">
        <v>18</v>
      </c>
      <c r="AL6467">
        <v>18</v>
      </c>
      <c r="AM6467">
        <v>18</v>
      </c>
      <c r="AN6467">
        <v>18</v>
      </c>
      <c r="AO6467">
        <v>18</v>
      </c>
      <c r="AP6467">
        <v>18</v>
      </c>
      <c r="AQ6467">
        <v>18</v>
      </c>
    </row>
    <row r="6468" spans="1:43">
      <c r="A6468" t="s">
        <v>4050</v>
      </c>
      <c r="B6468" t="s">
        <v>4051</v>
      </c>
      <c r="C6468" t="s">
        <v>4052</v>
      </c>
      <c r="D6468" t="s">
        <v>4053</v>
      </c>
      <c r="E6468" t="s">
        <v>3968</v>
      </c>
      <c r="F6468" t="s">
        <v>3969</v>
      </c>
      <c r="G6468" t="s">
        <v>80</v>
      </c>
      <c r="H6468" t="s">
        <v>81</v>
      </c>
      <c r="I6468" s="2">
        <v>0</v>
      </c>
      <c r="J6468" s="2">
        <v>1</v>
      </c>
      <c r="K6468" s="2">
        <v>0</v>
      </c>
      <c r="L6468" t="s">
        <v>82</v>
      </c>
      <c r="M6468" t="s">
        <v>89</v>
      </c>
      <c r="N6468" t="s">
        <v>90</v>
      </c>
      <c r="O6468" t="s">
        <v>85</v>
      </c>
      <c r="P6468" t="s">
        <v>86</v>
      </c>
      <c r="Q6468">
        <v>17</v>
      </c>
      <c r="R6468">
        <v>17</v>
      </c>
      <c r="S6468">
        <v>17</v>
      </c>
      <c r="T6468">
        <v>18</v>
      </c>
      <c r="U6468">
        <v>18</v>
      </c>
      <c r="V6468">
        <v>18</v>
      </c>
      <c r="W6468">
        <v>19</v>
      </c>
      <c r="X6468">
        <v>19</v>
      </c>
      <c r="Y6468">
        <v>19</v>
      </c>
      <c r="Z6468">
        <v>19</v>
      </c>
      <c r="AA6468">
        <v>20</v>
      </c>
      <c r="AB6468">
        <v>20</v>
      </c>
      <c r="AC6468">
        <v>20</v>
      </c>
      <c r="AD6468">
        <v>20</v>
      </c>
      <c r="AE6468">
        <v>21</v>
      </c>
      <c r="AF6468">
        <v>20</v>
      </c>
      <c r="AG6468">
        <v>20</v>
      </c>
      <c r="AH6468">
        <v>20</v>
      </c>
      <c r="AI6468">
        <v>20</v>
      </c>
      <c r="AJ6468">
        <v>20</v>
      </c>
      <c r="AK6468">
        <v>20</v>
      </c>
      <c r="AL6468">
        <v>20</v>
      </c>
      <c r="AM6468">
        <v>20</v>
      </c>
      <c r="AN6468">
        <v>20</v>
      </c>
      <c r="AO6468">
        <v>20</v>
      </c>
      <c r="AP6468">
        <v>20</v>
      </c>
      <c r="AQ6468">
        <v>20</v>
      </c>
    </row>
    <row r="6469" spans="1:43">
      <c r="A6469" t="s">
        <v>4050</v>
      </c>
      <c r="B6469" t="s">
        <v>4051</v>
      </c>
      <c r="C6469" t="s">
        <v>4052</v>
      </c>
      <c r="D6469" t="s">
        <v>4053</v>
      </c>
      <c r="E6469" t="s">
        <v>3968</v>
      </c>
      <c r="F6469" t="s">
        <v>3969</v>
      </c>
      <c r="G6469" t="s">
        <v>80</v>
      </c>
      <c r="H6469" t="s">
        <v>81</v>
      </c>
      <c r="I6469" s="2">
        <v>0</v>
      </c>
      <c r="J6469" s="2">
        <v>1</v>
      </c>
      <c r="K6469" s="2">
        <v>0</v>
      </c>
      <c r="L6469" t="s">
        <v>82</v>
      </c>
      <c r="M6469" t="s">
        <v>83</v>
      </c>
      <c r="N6469" t="s">
        <v>91</v>
      </c>
      <c r="O6469" t="s">
        <v>85</v>
      </c>
      <c r="P6469" t="s">
        <v>86</v>
      </c>
      <c r="Q6469">
        <v>17</v>
      </c>
      <c r="R6469">
        <v>18</v>
      </c>
      <c r="S6469">
        <v>18</v>
      </c>
      <c r="T6469">
        <v>18</v>
      </c>
      <c r="U6469">
        <v>18</v>
      </c>
      <c r="V6469">
        <v>18</v>
      </c>
      <c r="W6469">
        <v>19</v>
      </c>
      <c r="X6469">
        <v>19</v>
      </c>
      <c r="Y6469">
        <v>19</v>
      </c>
      <c r="Z6469">
        <v>19</v>
      </c>
      <c r="AA6469">
        <v>19</v>
      </c>
      <c r="AB6469">
        <v>20</v>
      </c>
      <c r="AC6469">
        <v>20</v>
      </c>
      <c r="AD6469">
        <v>20</v>
      </c>
      <c r="AE6469">
        <v>20</v>
      </c>
      <c r="AF6469">
        <v>20</v>
      </c>
      <c r="AG6469">
        <v>20</v>
      </c>
      <c r="AH6469">
        <v>21</v>
      </c>
      <c r="AI6469">
        <v>21</v>
      </c>
      <c r="AJ6469">
        <v>21</v>
      </c>
      <c r="AK6469">
        <v>21</v>
      </c>
      <c r="AL6469">
        <v>21</v>
      </c>
      <c r="AM6469">
        <v>21</v>
      </c>
      <c r="AN6469">
        <v>21</v>
      </c>
      <c r="AO6469">
        <v>21</v>
      </c>
      <c r="AP6469">
        <v>21</v>
      </c>
      <c r="AQ6469">
        <v>21</v>
      </c>
    </row>
    <row r="6470" spans="1:43">
      <c r="A6470" t="s">
        <v>4054</v>
      </c>
      <c r="B6470" t="s">
        <v>4055</v>
      </c>
      <c r="C6470" t="s">
        <v>4056</v>
      </c>
      <c r="D6470" t="s">
        <v>4057</v>
      </c>
      <c r="E6470" t="s">
        <v>3968</v>
      </c>
      <c r="F6470" t="s">
        <v>3969</v>
      </c>
      <c r="G6470" t="s">
        <v>80</v>
      </c>
      <c r="H6470" t="s">
        <v>81</v>
      </c>
      <c r="I6470" s="2">
        <v>0</v>
      </c>
      <c r="J6470" s="2">
        <v>1</v>
      </c>
      <c r="K6470" s="2">
        <v>0</v>
      </c>
      <c r="L6470" t="s">
        <v>82</v>
      </c>
      <c r="M6470" t="s">
        <v>83</v>
      </c>
      <c r="N6470" t="s">
        <v>84</v>
      </c>
      <c r="O6470" t="s">
        <v>85</v>
      </c>
      <c r="P6470" t="s">
        <v>86</v>
      </c>
      <c r="Q6470">
        <v>58</v>
      </c>
      <c r="R6470">
        <v>59</v>
      </c>
      <c r="S6470">
        <v>60</v>
      </c>
      <c r="T6470">
        <v>60</v>
      </c>
      <c r="U6470">
        <v>61</v>
      </c>
      <c r="V6470">
        <v>62</v>
      </c>
      <c r="W6470">
        <v>62</v>
      </c>
      <c r="X6470">
        <v>63</v>
      </c>
      <c r="Y6470">
        <v>64</v>
      </c>
      <c r="Z6470">
        <v>64</v>
      </c>
      <c r="AA6470">
        <v>65</v>
      </c>
      <c r="AB6470">
        <v>65</v>
      </c>
      <c r="AC6470">
        <v>66</v>
      </c>
      <c r="AD6470">
        <v>66</v>
      </c>
      <c r="AE6470">
        <v>67</v>
      </c>
      <c r="AF6470">
        <v>67</v>
      </c>
      <c r="AG6470">
        <v>68</v>
      </c>
      <c r="AH6470">
        <v>68</v>
      </c>
      <c r="AI6470">
        <v>69</v>
      </c>
      <c r="AJ6470">
        <v>69</v>
      </c>
      <c r="AK6470">
        <v>70</v>
      </c>
      <c r="AL6470">
        <v>70</v>
      </c>
      <c r="AM6470">
        <v>70</v>
      </c>
      <c r="AN6470">
        <v>70</v>
      </c>
      <c r="AO6470">
        <v>69</v>
      </c>
      <c r="AP6470">
        <v>69</v>
      </c>
      <c r="AQ6470">
        <v>69</v>
      </c>
    </row>
    <row r="6471" spans="1:43">
      <c r="A6471" t="s">
        <v>4054</v>
      </c>
      <c r="B6471" t="s">
        <v>4055</v>
      </c>
      <c r="C6471" t="s">
        <v>4056</v>
      </c>
      <c r="D6471" t="s">
        <v>4057</v>
      </c>
      <c r="E6471" t="s">
        <v>3968</v>
      </c>
      <c r="F6471" t="s">
        <v>3969</v>
      </c>
      <c r="G6471" t="s">
        <v>80</v>
      </c>
      <c r="H6471" t="s">
        <v>81</v>
      </c>
      <c r="I6471" s="2">
        <v>0</v>
      </c>
      <c r="J6471" s="2">
        <v>1</v>
      </c>
      <c r="K6471" s="2">
        <v>0</v>
      </c>
      <c r="L6471" t="s">
        <v>82</v>
      </c>
      <c r="M6471" t="s">
        <v>87</v>
      </c>
      <c r="N6471" t="s">
        <v>88</v>
      </c>
      <c r="O6471" t="s">
        <v>85</v>
      </c>
      <c r="P6471" t="s">
        <v>86</v>
      </c>
      <c r="Q6471">
        <v>58</v>
      </c>
      <c r="R6471">
        <v>58</v>
      </c>
      <c r="S6471">
        <v>58</v>
      </c>
      <c r="T6471">
        <v>58</v>
      </c>
      <c r="U6471">
        <v>58</v>
      </c>
      <c r="V6471">
        <v>58</v>
      </c>
      <c r="W6471">
        <v>59</v>
      </c>
      <c r="X6471">
        <v>59</v>
      </c>
      <c r="Y6471">
        <v>59</v>
      </c>
      <c r="Z6471">
        <v>59</v>
      </c>
      <c r="AA6471">
        <v>59</v>
      </c>
      <c r="AB6471">
        <v>59</v>
      </c>
      <c r="AC6471">
        <v>59</v>
      </c>
      <c r="AD6471">
        <v>59</v>
      </c>
      <c r="AE6471">
        <v>59</v>
      </c>
      <c r="AF6471">
        <v>59</v>
      </c>
      <c r="AG6471">
        <v>59</v>
      </c>
      <c r="AH6471">
        <v>59</v>
      </c>
      <c r="AI6471">
        <v>59</v>
      </c>
      <c r="AJ6471">
        <v>60</v>
      </c>
      <c r="AK6471">
        <v>60</v>
      </c>
      <c r="AL6471">
        <v>60</v>
      </c>
      <c r="AM6471">
        <v>60</v>
      </c>
      <c r="AN6471">
        <v>60</v>
      </c>
      <c r="AO6471">
        <v>60</v>
      </c>
      <c r="AP6471">
        <v>60</v>
      </c>
      <c r="AQ6471">
        <v>60</v>
      </c>
    </row>
    <row r="6472" spans="1:43">
      <c r="A6472" t="s">
        <v>4054</v>
      </c>
      <c r="B6472" t="s">
        <v>4055</v>
      </c>
      <c r="C6472" t="s">
        <v>4056</v>
      </c>
      <c r="D6472" t="s">
        <v>4057</v>
      </c>
      <c r="E6472" t="s">
        <v>3968</v>
      </c>
      <c r="F6472" t="s">
        <v>3969</v>
      </c>
      <c r="G6472" t="s">
        <v>80</v>
      </c>
      <c r="H6472" t="s">
        <v>81</v>
      </c>
      <c r="I6472" s="2">
        <v>0</v>
      </c>
      <c r="J6472" s="2">
        <v>1</v>
      </c>
      <c r="K6472" s="2">
        <v>0</v>
      </c>
      <c r="L6472" t="s">
        <v>82</v>
      </c>
      <c r="M6472" t="s">
        <v>89</v>
      </c>
      <c r="N6472" t="s">
        <v>90</v>
      </c>
      <c r="O6472" t="s">
        <v>85</v>
      </c>
      <c r="P6472" t="s">
        <v>86</v>
      </c>
      <c r="Q6472">
        <v>58</v>
      </c>
      <c r="R6472">
        <v>59</v>
      </c>
      <c r="S6472">
        <v>60</v>
      </c>
      <c r="T6472">
        <v>61</v>
      </c>
      <c r="U6472">
        <v>62</v>
      </c>
      <c r="V6472">
        <v>64</v>
      </c>
      <c r="W6472">
        <v>65</v>
      </c>
      <c r="X6472">
        <v>65</v>
      </c>
      <c r="Y6472">
        <v>66</v>
      </c>
      <c r="Z6472">
        <v>67</v>
      </c>
      <c r="AA6472">
        <v>68</v>
      </c>
      <c r="AB6472">
        <v>69</v>
      </c>
      <c r="AC6472">
        <v>70</v>
      </c>
      <c r="AD6472">
        <v>70</v>
      </c>
      <c r="AE6472">
        <v>71</v>
      </c>
      <c r="AF6472">
        <v>71</v>
      </c>
      <c r="AG6472">
        <v>71</v>
      </c>
      <c r="AH6472">
        <v>70</v>
      </c>
      <c r="AI6472">
        <v>70</v>
      </c>
      <c r="AJ6472">
        <v>70</v>
      </c>
      <c r="AK6472">
        <v>70</v>
      </c>
      <c r="AL6472">
        <v>70</v>
      </c>
      <c r="AM6472">
        <v>69</v>
      </c>
      <c r="AN6472">
        <v>69</v>
      </c>
      <c r="AO6472">
        <v>69</v>
      </c>
      <c r="AP6472">
        <v>69</v>
      </c>
      <c r="AQ6472">
        <v>69</v>
      </c>
    </row>
    <row r="6473" spans="1:43">
      <c r="A6473" t="s">
        <v>4054</v>
      </c>
      <c r="B6473" t="s">
        <v>4055</v>
      </c>
      <c r="C6473" t="s">
        <v>4056</v>
      </c>
      <c r="D6473" t="s">
        <v>4057</v>
      </c>
      <c r="E6473" t="s">
        <v>3968</v>
      </c>
      <c r="F6473" t="s">
        <v>3969</v>
      </c>
      <c r="G6473" t="s">
        <v>80</v>
      </c>
      <c r="H6473" t="s">
        <v>81</v>
      </c>
      <c r="I6473" s="2">
        <v>0</v>
      </c>
      <c r="J6473" s="2">
        <v>1</v>
      </c>
      <c r="K6473" s="2">
        <v>0</v>
      </c>
      <c r="L6473" t="s">
        <v>82</v>
      </c>
      <c r="M6473" t="s">
        <v>83</v>
      </c>
      <c r="N6473" t="s">
        <v>91</v>
      </c>
      <c r="O6473" t="s">
        <v>85</v>
      </c>
      <c r="P6473" t="s">
        <v>86</v>
      </c>
      <c r="Q6473">
        <v>58</v>
      </c>
      <c r="R6473">
        <v>59</v>
      </c>
      <c r="S6473">
        <v>60</v>
      </c>
      <c r="T6473">
        <v>60</v>
      </c>
      <c r="U6473">
        <v>61</v>
      </c>
      <c r="V6473">
        <v>62</v>
      </c>
      <c r="W6473">
        <v>62</v>
      </c>
      <c r="X6473">
        <v>63</v>
      </c>
      <c r="Y6473">
        <v>64</v>
      </c>
      <c r="Z6473">
        <v>64</v>
      </c>
      <c r="AA6473">
        <v>65</v>
      </c>
      <c r="AB6473">
        <v>65</v>
      </c>
      <c r="AC6473">
        <v>66</v>
      </c>
      <c r="AD6473">
        <v>66</v>
      </c>
      <c r="AE6473">
        <v>67</v>
      </c>
      <c r="AF6473">
        <v>67</v>
      </c>
      <c r="AG6473">
        <v>68</v>
      </c>
      <c r="AH6473">
        <v>68</v>
      </c>
      <c r="AI6473">
        <v>69</v>
      </c>
      <c r="AJ6473">
        <v>69</v>
      </c>
      <c r="AK6473">
        <v>70</v>
      </c>
      <c r="AL6473">
        <v>70</v>
      </c>
      <c r="AM6473">
        <v>70</v>
      </c>
      <c r="AN6473">
        <v>70</v>
      </c>
      <c r="AO6473">
        <v>69</v>
      </c>
      <c r="AP6473">
        <v>69</v>
      </c>
      <c r="AQ6473">
        <v>69</v>
      </c>
    </row>
    <row r="6474" spans="1:43">
      <c r="A6474" t="s">
        <v>4058</v>
      </c>
      <c r="B6474" t="s">
        <v>4059</v>
      </c>
      <c r="C6474" t="s">
        <v>4056</v>
      </c>
      <c r="D6474" t="s">
        <v>4057</v>
      </c>
      <c r="E6474" t="s">
        <v>3968</v>
      </c>
      <c r="F6474" t="s">
        <v>3969</v>
      </c>
      <c r="G6474" t="s">
        <v>80</v>
      </c>
      <c r="H6474" t="s">
        <v>81</v>
      </c>
      <c r="I6474" s="2">
        <v>0</v>
      </c>
      <c r="J6474" s="2">
        <v>1</v>
      </c>
      <c r="K6474" s="2">
        <v>0</v>
      </c>
      <c r="L6474" t="s">
        <v>82</v>
      </c>
      <c r="M6474" t="s">
        <v>83</v>
      </c>
      <c r="N6474" t="s">
        <v>84</v>
      </c>
      <c r="O6474" t="s">
        <v>85</v>
      </c>
      <c r="P6474" t="s">
        <v>86</v>
      </c>
      <c r="Q6474">
        <v>8</v>
      </c>
      <c r="R6474">
        <v>8</v>
      </c>
      <c r="S6474">
        <v>8</v>
      </c>
      <c r="T6474">
        <v>9</v>
      </c>
      <c r="U6474">
        <v>9</v>
      </c>
      <c r="V6474">
        <v>9</v>
      </c>
      <c r="W6474">
        <v>9</v>
      </c>
      <c r="X6474">
        <v>9</v>
      </c>
      <c r="Y6474">
        <v>9</v>
      </c>
      <c r="Z6474">
        <v>9</v>
      </c>
      <c r="AA6474">
        <v>9</v>
      </c>
      <c r="AB6474">
        <v>9</v>
      </c>
      <c r="AC6474">
        <v>9</v>
      </c>
      <c r="AD6474">
        <v>9</v>
      </c>
      <c r="AE6474">
        <v>10</v>
      </c>
      <c r="AF6474">
        <v>10</v>
      </c>
      <c r="AG6474">
        <v>10</v>
      </c>
      <c r="AH6474">
        <v>10</v>
      </c>
      <c r="AI6474">
        <v>10</v>
      </c>
      <c r="AJ6474">
        <v>10</v>
      </c>
      <c r="AK6474">
        <v>10</v>
      </c>
      <c r="AL6474">
        <v>10</v>
      </c>
      <c r="AM6474">
        <v>10</v>
      </c>
      <c r="AN6474">
        <v>10</v>
      </c>
      <c r="AO6474">
        <v>10</v>
      </c>
      <c r="AP6474">
        <v>10</v>
      </c>
      <c r="AQ6474">
        <v>10</v>
      </c>
    </row>
    <row r="6475" spans="1:43">
      <c r="A6475" t="s">
        <v>4058</v>
      </c>
      <c r="B6475" t="s">
        <v>4059</v>
      </c>
      <c r="C6475" t="s">
        <v>4056</v>
      </c>
      <c r="D6475" t="s">
        <v>4057</v>
      </c>
      <c r="E6475" t="s">
        <v>3968</v>
      </c>
      <c r="F6475" t="s">
        <v>3969</v>
      </c>
      <c r="G6475" t="s">
        <v>80</v>
      </c>
      <c r="H6475" t="s">
        <v>81</v>
      </c>
      <c r="I6475" s="2">
        <v>0</v>
      </c>
      <c r="J6475" s="2">
        <v>1</v>
      </c>
      <c r="K6475" s="2">
        <v>0</v>
      </c>
      <c r="L6475" t="s">
        <v>82</v>
      </c>
      <c r="M6475" t="s">
        <v>87</v>
      </c>
      <c r="N6475" t="s">
        <v>88</v>
      </c>
      <c r="O6475" t="s">
        <v>85</v>
      </c>
      <c r="P6475" t="s">
        <v>86</v>
      </c>
      <c r="Q6475">
        <v>8</v>
      </c>
      <c r="R6475">
        <v>8</v>
      </c>
      <c r="S6475">
        <v>8</v>
      </c>
      <c r="T6475">
        <v>8</v>
      </c>
      <c r="U6475">
        <v>8</v>
      </c>
      <c r="V6475">
        <v>8</v>
      </c>
      <c r="W6475">
        <v>8</v>
      </c>
      <c r="X6475">
        <v>8</v>
      </c>
      <c r="Y6475">
        <v>8</v>
      </c>
      <c r="Z6475">
        <v>8</v>
      </c>
      <c r="AA6475">
        <v>8</v>
      </c>
      <c r="AB6475">
        <v>8</v>
      </c>
      <c r="AC6475">
        <v>8</v>
      </c>
      <c r="AD6475">
        <v>8</v>
      </c>
      <c r="AE6475">
        <v>8</v>
      </c>
      <c r="AF6475">
        <v>8</v>
      </c>
      <c r="AG6475">
        <v>8</v>
      </c>
      <c r="AH6475">
        <v>8</v>
      </c>
      <c r="AI6475">
        <v>8</v>
      </c>
      <c r="AJ6475">
        <v>8</v>
      </c>
      <c r="AK6475">
        <v>8</v>
      </c>
      <c r="AL6475">
        <v>8</v>
      </c>
      <c r="AM6475">
        <v>8</v>
      </c>
      <c r="AN6475">
        <v>8</v>
      </c>
      <c r="AO6475">
        <v>8</v>
      </c>
      <c r="AP6475">
        <v>8</v>
      </c>
      <c r="AQ6475">
        <v>8</v>
      </c>
    </row>
    <row r="6476" spans="1:43">
      <c r="A6476" t="s">
        <v>4058</v>
      </c>
      <c r="B6476" t="s">
        <v>4059</v>
      </c>
      <c r="C6476" t="s">
        <v>4056</v>
      </c>
      <c r="D6476" t="s">
        <v>4057</v>
      </c>
      <c r="E6476" t="s">
        <v>3968</v>
      </c>
      <c r="F6476" t="s">
        <v>3969</v>
      </c>
      <c r="G6476" t="s">
        <v>80</v>
      </c>
      <c r="H6476" t="s">
        <v>81</v>
      </c>
      <c r="I6476" s="2">
        <v>0</v>
      </c>
      <c r="J6476" s="2">
        <v>1</v>
      </c>
      <c r="K6476" s="2">
        <v>0</v>
      </c>
      <c r="L6476" t="s">
        <v>82</v>
      </c>
      <c r="M6476" t="s">
        <v>89</v>
      </c>
      <c r="N6476" t="s">
        <v>90</v>
      </c>
      <c r="O6476" t="s">
        <v>85</v>
      </c>
      <c r="P6476" t="s">
        <v>86</v>
      </c>
      <c r="Q6476">
        <v>8</v>
      </c>
      <c r="R6476">
        <v>9</v>
      </c>
      <c r="S6476">
        <v>9</v>
      </c>
      <c r="T6476">
        <v>9</v>
      </c>
      <c r="U6476">
        <v>9</v>
      </c>
      <c r="V6476">
        <v>9</v>
      </c>
      <c r="W6476">
        <v>9</v>
      </c>
      <c r="X6476">
        <v>9</v>
      </c>
      <c r="Y6476">
        <v>10</v>
      </c>
      <c r="Z6476">
        <v>10</v>
      </c>
      <c r="AA6476">
        <v>10</v>
      </c>
      <c r="AB6476">
        <v>10</v>
      </c>
      <c r="AC6476">
        <v>10</v>
      </c>
      <c r="AD6476">
        <v>10</v>
      </c>
      <c r="AE6476">
        <v>10</v>
      </c>
      <c r="AF6476">
        <v>10</v>
      </c>
      <c r="AG6476">
        <v>10</v>
      </c>
      <c r="AH6476">
        <v>10</v>
      </c>
      <c r="AI6476">
        <v>10</v>
      </c>
      <c r="AJ6476">
        <v>10</v>
      </c>
      <c r="AK6476">
        <v>10</v>
      </c>
      <c r="AL6476">
        <v>10</v>
      </c>
      <c r="AM6476">
        <v>10</v>
      </c>
      <c r="AN6476">
        <v>10</v>
      </c>
      <c r="AO6476">
        <v>10</v>
      </c>
      <c r="AP6476">
        <v>10</v>
      </c>
      <c r="AQ6476">
        <v>10</v>
      </c>
    </row>
    <row r="6477" spans="1:43">
      <c r="A6477" t="s">
        <v>4058</v>
      </c>
      <c r="B6477" t="s">
        <v>4059</v>
      </c>
      <c r="C6477" t="s">
        <v>4056</v>
      </c>
      <c r="D6477" t="s">
        <v>4057</v>
      </c>
      <c r="E6477" t="s">
        <v>3968</v>
      </c>
      <c r="F6477" t="s">
        <v>3969</v>
      </c>
      <c r="G6477" t="s">
        <v>80</v>
      </c>
      <c r="H6477" t="s">
        <v>81</v>
      </c>
      <c r="I6477" s="2">
        <v>0</v>
      </c>
      <c r="J6477" s="2">
        <v>1</v>
      </c>
      <c r="K6477" s="2">
        <v>0</v>
      </c>
      <c r="L6477" t="s">
        <v>82</v>
      </c>
      <c r="M6477" t="s">
        <v>83</v>
      </c>
      <c r="N6477" t="s">
        <v>91</v>
      </c>
      <c r="O6477" t="s">
        <v>85</v>
      </c>
      <c r="P6477" t="s">
        <v>86</v>
      </c>
      <c r="Q6477">
        <v>8</v>
      </c>
      <c r="R6477">
        <v>8</v>
      </c>
      <c r="S6477">
        <v>8</v>
      </c>
      <c r="T6477">
        <v>9</v>
      </c>
      <c r="U6477">
        <v>9</v>
      </c>
      <c r="V6477">
        <v>9</v>
      </c>
      <c r="W6477">
        <v>9</v>
      </c>
      <c r="X6477">
        <v>9</v>
      </c>
      <c r="Y6477">
        <v>9</v>
      </c>
      <c r="Z6477">
        <v>9</v>
      </c>
      <c r="AA6477">
        <v>9</v>
      </c>
      <c r="AB6477">
        <v>9</v>
      </c>
      <c r="AC6477">
        <v>9</v>
      </c>
      <c r="AD6477">
        <v>9</v>
      </c>
      <c r="AE6477">
        <v>10</v>
      </c>
      <c r="AF6477">
        <v>10</v>
      </c>
      <c r="AG6477">
        <v>10</v>
      </c>
      <c r="AH6477">
        <v>10</v>
      </c>
      <c r="AI6477">
        <v>10</v>
      </c>
      <c r="AJ6477">
        <v>10</v>
      </c>
      <c r="AK6477">
        <v>10</v>
      </c>
      <c r="AL6477">
        <v>10</v>
      </c>
      <c r="AM6477">
        <v>10</v>
      </c>
      <c r="AN6477">
        <v>10</v>
      </c>
      <c r="AO6477">
        <v>10</v>
      </c>
      <c r="AP6477">
        <v>10</v>
      </c>
      <c r="AQ6477">
        <v>10</v>
      </c>
    </row>
    <row r="6478" spans="1:43">
      <c r="A6478" t="s">
        <v>4060</v>
      </c>
      <c r="B6478" t="s">
        <v>4061</v>
      </c>
      <c r="C6478" t="s">
        <v>4062</v>
      </c>
      <c r="D6478" t="s">
        <v>4063</v>
      </c>
      <c r="E6478" t="s">
        <v>3968</v>
      </c>
      <c r="F6478" t="s">
        <v>3969</v>
      </c>
      <c r="G6478" t="s">
        <v>80</v>
      </c>
      <c r="H6478" t="s">
        <v>81</v>
      </c>
      <c r="I6478" s="2">
        <v>0</v>
      </c>
      <c r="J6478" s="2">
        <v>1</v>
      </c>
      <c r="K6478" s="2">
        <v>0</v>
      </c>
      <c r="L6478" t="s">
        <v>82</v>
      </c>
      <c r="M6478" t="s">
        <v>83</v>
      </c>
      <c r="N6478" t="s">
        <v>84</v>
      </c>
      <c r="O6478" t="s">
        <v>85</v>
      </c>
      <c r="P6478" t="s">
        <v>86</v>
      </c>
      <c r="Q6478">
        <v>49</v>
      </c>
      <c r="R6478">
        <v>49</v>
      </c>
      <c r="S6478">
        <v>50</v>
      </c>
      <c r="T6478">
        <v>50</v>
      </c>
      <c r="U6478">
        <v>51</v>
      </c>
      <c r="V6478">
        <v>51</v>
      </c>
      <c r="W6478">
        <v>52</v>
      </c>
      <c r="X6478">
        <v>53</v>
      </c>
      <c r="Y6478">
        <v>53</v>
      </c>
      <c r="Z6478">
        <v>54</v>
      </c>
      <c r="AA6478">
        <v>54</v>
      </c>
      <c r="AB6478">
        <v>55</v>
      </c>
      <c r="AC6478">
        <v>55</v>
      </c>
      <c r="AD6478">
        <v>56</v>
      </c>
      <c r="AE6478">
        <v>56</v>
      </c>
      <c r="AF6478">
        <v>57</v>
      </c>
      <c r="AG6478">
        <v>57</v>
      </c>
      <c r="AH6478">
        <v>57</v>
      </c>
      <c r="AI6478">
        <v>58</v>
      </c>
      <c r="AJ6478">
        <v>58</v>
      </c>
      <c r="AK6478">
        <v>59</v>
      </c>
      <c r="AL6478">
        <v>59</v>
      </c>
      <c r="AM6478">
        <v>59</v>
      </c>
      <c r="AN6478">
        <v>59</v>
      </c>
      <c r="AO6478">
        <v>58</v>
      </c>
      <c r="AP6478">
        <v>58</v>
      </c>
      <c r="AQ6478">
        <v>58</v>
      </c>
    </row>
    <row r="6479" spans="1:43">
      <c r="A6479" t="s">
        <v>4060</v>
      </c>
      <c r="B6479" t="s">
        <v>4061</v>
      </c>
      <c r="C6479" t="s">
        <v>4062</v>
      </c>
      <c r="D6479" t="s">
        <v>4063</v>
      </c>
      <c r="E6479" t="s">
        <v>3968</v>
      </c>
      <c r="F6479" t="s">
        <v>3969</v>
      </c>
      <c r="G6479" t="s">
        <v>80</v>
      </c>
      <c r="H6479" t="s">
        <v>81</v>
      </c>
      <c r="I6479" s="2">
        <v>0</v>
      </c>
      <c r="J6479" s="2">
        <v>1</v>
      </c>
      <c r="K6479" s="2">
        <v>0</v>
      </c>
      <c r="L6479" t="s">
        <v>82</v>
      </c>
      <c r="M6479" t="s">
        <v>87</v>
      </c>
      <c r="N6479" t="s">
        <v>88</v>
      </c>
      <c r="O6479" t="s">
        <v>85</v>
      </c>
      <c r="P6479" t="s">
        <v>86</v>
      </c>
      <c r="Q6479">
        <v>49</v>
      </c>
      <c r="R6479">
        <v>49</v>
      </c>
      <c r="S6479">
        <v>49</v>
      </c>
      <c r="T6479">
        <v>49</v>
      </c>
      <c r="U6479">
        <v>50</v>
      </c>
      <c r="V6479">
        <v>50</v>
      </c>
      <c r="W6479">
        <v>50</v>
      </c>
      <c r="X6479">
        <v>50</v>
      </c>
      <c r="Y6479">
        <v>50</v>
      </c>
      <c r="Z6479">
        <v>50</v>
      </c>
      <c r="AA6479">
        <v>50</v>
      </c>
      <c r="AB6479">
        <v>50</v>
      </c>
      <c r="AC6479">
        <v>50</v>
      </c>
      <c r="AD6479">
        <v>50</v>
      </c>
      <c r="AE6479">
        <v>51</v>
      </c>
      <c r="AF6479">
        <v>51</v>
      </c>
      <c r="AG6479">
        <v>51</v>
      </c>
      <c r="AH6479">
        <v>51</v>
      </c>
      <c r="AI6479">
        <v>51</v>
      </c>
      <c r="AJ6479">
        <v>51</v>
      </c>
      <c r="AK6479">
        <v>51</v>
      </c>
      <c r="AL6479">
        <v>51</v>
      </c>
      <c r="AM6479">
        <v>51</v>
      </c>
      <c r="AN6479">
        <v>51</v>
      </c>
      <c r="AO6479">
        <v>51</v>
      </c>
      <c r="AP6479">
        <v>51</v>
      </c>
      <c r="AQ6479">
        <v>51</v>
      </c>
    </row>
    <row r="6480" spans="1:43">
      <c r="A6480" t="s">
        <v>4060</v>
      </c>
      <c r="B6480" t="s">
        <v>4061</v>
      </c>
      <c r="C6480" t="s">
        <v>4062</v>
      </c>
      <c r="D6480" t="s">
        <v>4063</v>
      </c>
      <c r="E6480" t="s">
        <v>3968</v>
      </c>
      <c r="F6480" t="s">
        <v>3969</v>
      </c>
      <c r="G6480" t="s">
        <v>80</v>
      </c>
      <c r="H6480" t="s">
        <v>81</v>
      </c>
      <c r="I6480" s="2">
        <v>0</v>
      </c>
      <c r="J6480" s="2">
        <v>1</v>
      </c>
      <c r="K6480" s="2">
        <v>0</v>
      </c>
      <c r="L6480" t="s">
        <v>82</v>
      </c>
      <c r="M6480" t="s">
        <v>89</v>
      </c>
      <c r="N6480" t="s">
        <v>90</v>
      </c>
      <c r="O6480" t="s">
        <v>85</v>
      </c>
      <c r="P6480" t="s">
        <v>86</v>
      </c>
      <c r="Q6480">
        <v>49</v>
      </c>
      <c r="R6480">
        <v>50</v>
      </c>
      <c r="S6480">
        <v>51</v>
      </c>
      <c r="T6480">
        <v>52</v>
      </c>
      <c r="U6480">
        <v>53</v>
      </c>
      <c r="V6480">
        <v>54</v>
      </c>
      <c r="W6480">
        <v>55</v>
      </c>
      <c r="X6480">
        <v>55</v>
      </c>
      <c r="Y6480">
        <v>56</v>
      </c>
      <c r="Z6480">
        <v>57</v>
      </c>
      <c r="AA6480">
        <v>58</v>
      </c>
      <c r="AB6480">
        <v>58</v>
      </c>
      <c r="AC6480">
        <v>59</v>
      </c>
      <c r="AD6480">
        <v>60</v>
      </c>
      <c r="AE6480">
        <v>60</v>
      </c>
      <c r="AF6480">
        <v>60</v>
      </c>
      <c r="AG6480">
        <v>60</v>
      </c>
      <c r="AH6480">
        <v>60</v>
      </c>
      <c r="AI6480">
        <v>60</v>
      </c>
      <c r="AJ6480">
        <v>60</v>
      </c>
      <c r="AK6480">
        <v>60</v>
      </c>
      <c r="AL6480">
        <v>59</v>
      </c>
      <c r="AM6480">
        <v>59</v>
      </c>
      <c r="AN6480">
        <v>59</v>
      </c>
      <c r="AO6480">
        <v>59</v>
      </c>
      <c r="AP6480">
        <v>59</v>
      </c>
      <c r="AQ6480">
        <v>59</v>
      </c>
    </row>
    <row r="6481" spans="1:43">
      <c r="A6481" t="s">
        <v>4060</v>
      </c>
      <c r="B6481" t="s">
        <v>4061</v>
      </c>
      <c r="C6481" t="s">
        <v>4062</v>
      </c>
      <c r="D6481" t="s">
        <v>4063</v>
      </c>
      <c r="E6481" t="s">
        <v>3968</v>
      </c>
      <c r="F6481" t="s">
        <v>3969</v>
      </c>
      <c r="G6481" t="s">
        <v>80</v>
      </c>
      <c r="H6481" t="s">
        <v>81</v>
      </c>
      <c r="I6481" s="2">
        <v>0</v>
      </c>
      <c r="J6481" s="2">
        <v>1</v>
      </c>
      <c r="K6481" s="2">
        <v>0</v>
      </c>
      <c r="L6481" t="s">
        <v>82</v>
      </c>
      <c r="M6481" t="s">
        <v>83</v>
      </c>
      <c r="N6481" t="s">
        <v>91</v>
      </c>
      <c r="O6481" t="s">
        <v>85</v>
      </c>
      <c r="P6481" t="s">
        <v>86</v>
      </c>
      <c r="Q6481">
        <v>49</v>
      </c>
      <c r="R6481">
        <v>49</v>
      </c>
      <c r="S6481">
        <v>50</v>
      </c>
      <c r="T6481">
        <v>50</v>
      </c>
      <c r="U6481">
        <v>51</v>
      </c>
      <c r="V6481">
        <v>51</v>
      </c>
      <c r="W6481">
        <v>52</v>
      </c>
      <c r="X6481">
        <v>53</v>
      </c>
      <c r="Y6481">
        <v>53</v>
      </c>
      <c r="Z6481">
        <v>54</v>
      </c>
      <c r="AA6481">
        <v>54</v>
      </c>
      <c r="AB6481">
        <v>55</v>
      </c>
      <c r="AC6481">
        <v>55</v>
      </c>
      <c r="AD6481">
        <v>56</v>
      </c>
      <c r="AE6481">
        <v>56</v>
      </c>
      <c r="AF6481">
        <v>57</v>
      </c>
      <c r="AG6481">
        <v>57</v>
      </c>
      <c r="AH6481">
        <v>57</v>
      </c>
      <c r="AI6481">
        <v>58</v>
      </c>
      <c r="AJ6481">
        <v>58</v>
      </c>
      <c r="AK6481">
        <v>59</v>
      </c>
      <c r="AL6481">
        <v>59</v>
      </c>
      <c r="AM6481">
        <v>59</v>
      </c>
      <c r="AN6481">
        <v>59</v>
      </c>
      <c r="AO6481">
        <v>58</v>
      </c>
      <c r="AP6481">
        <v>58</v>
      </c>
      <c r="AQ6481">
        <v>58</v>
      </c>
    </row>
    <row r="6482" spans="1:43">
      <c r="A6482" t="s">
        <v>4064</v>
      </c>
      <c r="B6482" t="s">
        <v>4065</v>
      </c>
      <c r="C6482" t="s">
        <v>4066</v>
      </c>
      <c r="D6482" t="s">
        <v>4067</v>
      </c>
      <c r="E6482" t="s">
        <v>3968</v>
      </c>
      <c r="F6482" t="s">
        <v>3969</v>
      </c>
      <c r="G6482" t="s">
        <v>80</v>
      </c>
      <c r="H6482" t="s">
        <v>81</v>
      </c>
      <c r="I6482" s="2">
        <v>0</v>
      </c>
      <c r="J6482" s="2">
        <v>1</v>
      </c>
      <c r="K6482" s="2">
        <v>0</v>
      </c>
      <c r="L6482" t="s">
        <v>82</v>
      </c>
      <c r="M6482" t="s">
        <v>83</v>
      </c>
      <c r="N6482" t="s">
        <v>84</v>
      </c>
      <c r="O6482" t="s">
        <v>85</v>
      </c>
      <c r="P6482" t="s">
        <v>86</v>
      </c>
      <c r="Q6482">
        <v>24</v>
      </c>
      <c r="R6482">
        <v>24</v>
      </c>
      <c r="S6482">
        <v>25</v>
      </c>
      <c r="T6482">
        <v>25</v>
      </c>
      <c r="U6482">
        <v>25</v>
      </c>
      <c r="V6482">
        <v>25</v>
      </c>
      <c r="W6482">
        <v>26</v>
      </c>
      <c r="X6482">
        <v>26</v>
      </c>
      <c r="Y6482">
        <v>26</v>
      </c>
      <c r="Z6482">
        <v>26</v>
      </c>
      <c r="AA6482">
        <v>26</v>
      </c>
      <c r="AB6482">
        <v>27</v>
      </c>
      <c r="AC6482">
        <v>27</v>
      </c>
      <c r="AD6482">
        <v>27</v>
      </c>
      <c r="AE6482">
        <v>27</v>
      </c>
      <c r="AF6482">
        <v>27</v>
      </c>
      <c r="AG6482">
        <v>27</v>
      </c>
      <c r="AH6482">
        <v>28</v>
      </c>
      <c r="AI6482">
        <v>28</v>
      </c>
      <c r="AJ6482">
        <v>28</v>
      </c>
      <c r="AK6482">
        <v>28</v>
      </c>
      <c r="AL6482">
        <v>28</v>
      </c>
      <c r="AM6482">
        <v>28</v>
      </c>
      <c r="AN6482">
        <v>28</v>
      </c>
      <c r="AO6482">
        <v>28</v>
      </c>
      <c r="AP6482">
        <v>27</v>
      </c>
      <c r="AQ6482">
        <v>27</v>
      </c>
    </row>
    <row r="6483" spans="1:43">
      <c r="A6483" t="s">
        <v>4064</v>
      </c>
      <c r="B6483" t="s">
        <v>4065</v>
      </c>
      <c r="C6483" t="s">
        <v>4066</v>
      </c>
      <c r="D6483" t="s">
        <v>4067</v>
      </c>
      <c r="E6483" t="s">
        <v>3968</v>
      </c>
      <c r="F6483" t="s">
        <v>3969</v>
      </c>
      <c r="G6483" t="s">
        <v>80</v>
      </c>
      <c r="H6483" t="s">
        <v>81</v>
      </c>
      <c r="I6483" s="2">
        <v>0</v>
      </c>
      <c r="J6483" s="2">
        <v>1</v>
      </c>
      <c r="K6483" s="2">
        <v>0</v>
      </c>
      <c r="L6483" t="s">
        <v>82</v>
      </c>
      <c r="M6483" t="s">
        <v>87</v>
      </c>
      <c r="N6483" t="s">
        <v>88</v>
      </c>
      <c r="O6483" t="s">
        <v>85</v>
      </c>
      <c r="P6483" t="s">
        <v>86</v>
      </c>
      <c r="Q6483">
        <v>24</v>
      </c>
      <c r="R6483">
        <v>24</v>
      </c>
      <c r="S6483">
        <v>24</v>
      </c>
      <c r="T6483">
        <v>24</v>
      </c>
      <c r="U6483">
        <v>24</v>
      </c>
      <c r="V6483">
        <v>24</v>
      </c>
      <c r="W6483">
        <v>24</v>
      </c>
      <c r="X6483">
        <v>24</v>
      </c>
      <c r="Y6483">
        <v>24</v>
      </c>
      <c r="Z6483">
        <v>24</v>
      </c>
      <c r="AA6483">
        <v>24</v>
      </c>
      <c r="AB6483">
        <v>24</v>
      </c>
      <c r="AC6483">
        <v>24</v>
      </c>
      <c r="AD6483">
        <v>24</v>
      </c>
      <c r="AE6483">
        <v>24</v>
      </c>
      <c r="AF6483">
        <v>24</v>
      </c>
      <c r="AG6483">
        <v>24</v>
      </c>
      <c r="AH6483">
        <v>24</v>
      </c>
      <c r="AI6483">
        <v>24</v>
      </c>
      <c r="AJ6483">
        <v>24</v>
      </c>
      <c r="AK6483">
        <v>24</v>
      </c>
      <c r="AL6483">
        <v>24</v>
      </c>
      <c r="AM6483">
        <v>24</v>
      </c>
      <c r="AN6483">
        <v>24</v>
      </c>
      <c r="AO6483">
        <v>24</v>
      </c>
      <c r="AP6483">
        <v>24</v>
      </c>
      <c r="AQ6483">
        <v>24</v>
      </c>
    </row>
    <row r="6484" spans="1:43">
      <c r="A6484" t="s">
        <v>4064</v>
      </c>
      <c r="B6484" t="s">
        <v>4065</v>
      </c>
      <c r="C6484" t="s">
        <v>4066</v>
      </c>
      <c r="D6484" t="s">
        <v>4067</v>
      </c>
      <c r="E6484" t="s">
        <v>3968</v>
      </c>
      <c r="F6484" t="s">
        <v>3969</v>
      </c>
      <c r="G6484" t="s">
        <v>80</v>
      </c>
      <c r="H6484" t="s">
        <v>81</v>
      </c>
      <c r="I6484" s="2">
        <v>0</v>
      </c>
      <c r="J6484" s="2">
        <v>1</v>
      </c>
      <c r="K6484" s="2">
        <v>0</v>
      </c>
      <c r="L6484" t="s">
        <v>82</v>
      </c>
      <c r="M6484" t="s">
        <v>89</v>
      </c>
      <c r="N6484" t="s">
        <v>90</v>
      </c>
      <c r="O6484" t="s">
        <v>85</v>
      </c>
      <c r="P6484" t="s">
        <v>86</v>
      </c>
      <c r="Q6484">
        <v>24</v>
      </c>
      <c r="R6484">
        <v>25</v>
      </c>
      <c r="S6484">
        <v>25</v>
      </c>
      <c r="T6484">
        <v>26</v>
      </c>
      <c r="U6484">
        <v>26</v>
      </c>
      <c r="V6484">
        <v>27</v>
      </c>
      <c r="W6484">
        <v>27</v>
      </c>
      <c r="X6484">
        <v>27</v>
      </c>
      <c r="Y6484">
        <v>28</v>
      </c>
      <c r="Z6484">
        <v>28</v>
      </c>
      <c r="AA6484">
        <v>28</v>
      </c>
      <c r="AB6484">
        <v>28</v>
      </c>
      <c r="AC6484">
        <v>29</v>
      </c>
      <c r="AD6484">
        <v>29</v>
      </c>
      <c r="AE6484">
        <v>29</v>
      </c>
      <c r="AF6484">
        <v>29</v>
      </c>
      <c r="AG6484">
        <v>29</v>
      </c>
      <c r="AH6484">
        <v>29</v>
      </c>
      <c r="AI6484">
        <v>29</v>
      </c>
      <c r="AJ6484">
        <v>28</v>
      </c>
      <c r="AK6484">
        <v>28</v>
      </c>
      <c r="AL6484">
        <v>28</v>
      </c>
      <c r="AM6484">
        <v>28</v>
      </c>
      <c r="AN6484">
        <v>28</v>
      </c>
      <c r="AO6484">
        <v>28</v>
      </c>
      <c r="AP6484">
        <v>28</v>
      </c>
      <c r="AQ6484">
        <v>27</v>
      </c>
    </row>
    <row r="6485" spans="1:43">
      <c r="A6485" t="s">
        <v>4064</v>
      </c>
      <c r="B6485" t="s">
        <v>4065</v>
      </c>
      <c r="C6485" t="s">
        <v>4066</v>
      </c>
      <c r="D6485" t="s">
        <v>4067</v>
      </c>
      <c r="E6485" t="s">
        <v>3968</v>
      </c>
      <c r="F6485" t="s">
        <v>3969</v>
      </c>
      <c r="G6485" t="s">
        <v>80</v>
      </c>
      <c r="H6485" t="s">
        <v>81</v>
      </c>
      <c r="I6485" s="2">
        <v>0</v>
      </c>
      <c r="J6485" s="2">
        <v>1</v>
      </c>
      <c r="K6485" s="2">
        <v>0</v>
      </c>
      <c r="L6485" t="s">
        <v>82</v>
      </c>
      <c r="M6485" t="s">
        <v>83</v>
      </c>
      <c r="N6485" t="s">
        <v>91</v>
      </c>
      <c r="O6485" t="s">
        <v>85</v>
      </c>
      <c r="P6485" t="s">
        <v>86</v>
      </c>
      <c r="Q6485">
        <v>24</v>
      </c>
      <c r="R6485">
        <v>24</v>
      </c>
      <c r="S6485">
        <v>25</v>
      </c>
      <c r="T6485">
        <v>25</v>
      </c>
      <c r="U6485">
        <v>25</v>
      </c>
      <c r="V6485">
        <v>25</v>
      </c>
      <c r="W6485">
        <v>26</v>
      </c>
      <c r="X6485">
        <v>26</v>
      </c>
      <c r="Y6485">
        <v>26</v>
      </c>
      <c r="Z6485">
        <v>26</v>
      </c>
      <c r="AA6485">
        <v>26</v>
      </c>
      <c r="AB6485">
        <v>27</v>
      </c>
      <c r="AC6485">
        <v>27</v>
      </c>
      <c r="AD6485">
        <v>27</v>
      </c>
      <c r="AE6485">
        <v>27</v>
      </c>
      <c r="AF6485">
        <v>27</v>
      </c>
      <c r="AG6485">
        <v>27</v>
      </c>
      <c r="AH6485">
        <v>28</v>
      </c>
      <c r="AI6485">
        <v>28</v>
      </c>
      <c r="AJ6485">
        <v>28</v>
      </c>
      <c r="AK6485">
        <v>28</v>
      </c>
      <c r="AL6485">
        <v>28</v>
      </c>
      <c r="AM6485">
        <v>28</v>
      </c>
      <c r="AN6485">
        <v>28</v>
      </c>
      <c r="AO6485">
        <v>28</v>
      </c>
      <c r="AP6485">
        <v>27</v>
      </c>
      <c r="AQ6485">
        <v>27</v>
      </c>
    </row>
    <row r="6486" spans="1:43">
      <c r="A6486" t="s">
        <v>4068</v>
      </c>
      <c r="B6486" t="s">
        <v>4069</v>
      </c>
      <c r="C6486" t="s">
        <v>4056</v>
      </c>
      <c r="D6486" t="s">
        <v>4057</v>
      </c>
      <c r="E6486" t="s">
        <v>3968</v>
      </c>
      <c r="F6486" t="s">
        <v>3969</v>
      </c>
      <c r="G6486" t="s">
        <v>80</v>
      </c>
      <c r="H6486" t="s">
        <v>81</v>
      </c>
      <c r="I6486" s="2">
        <v>0</v>
      </c>
      <c r="J6486" s="2">
        <v>1</v>
      </c>
      <c r="K6486" s="2">
        <v>0</v>
      </c>
      <c r="L6486" t="s">
        <v>82</v>
      </c>
      <c r="M6486" t="s">
        <v>83</v>
      </c>
      <c r="N6486" t="s">
        <v>84</v>
      </c>
      <c r="O6486" t="s">
        <v>85</v>
      </c>
      <c r="P6486" t="s">
        <v>86</v>
      </c>
      <c r="Q6486">
        <v>83</v>
      </c>
      <c r="R6486">
        <v>84</v>
      </c>
      <c r="S6486">
        <v>85</v>
      </c>
      <c r="T6486">
        <v>86</v>
      </c>
      <c r="U6486">
        <v>87</v>
      </c>
      <c r="V6486">
        <v>88</v>
      </c>
      <c r="W6486">
        <v>89</v>
      </c>
      <c r="X6486">
        <v>90</v>
      </c>
      <c r="Y6486">
        <v>91</v>
      </c>
      <c r="Z6486">
        <v>92</v>
      </c>
      <c r="AA6486">
        <v>92</v>
      </c>
      <c r="AB6486">
        <v>93</v>
      </c>
      <c r="AC6486">
        <v>94</v>
      </c>
      <c r="AD6486">
        <v>95</v>
      </c>
      <c r="AE6486">
        <v>95</v>
      </c>
      <c r="AF6486">
        <v>96</v>
      </c>
      <c r="AG6486">
        <v>97</v>
      </c>
      <c r="AH6486">
        <v>98</v>
      </c>
      <c r="AI6486">
        <v>98</v>
      </c>
      <c r="AJ6486">
        <v>99</v>
      </c>
      <c r="AK6486">
        <v>100</v>
      </c>
      <c r="AL6486">
        <v>100</v>
      </c>
      <c r="AM6486">
        <v>99</v>
      </c>
      <c r="AN6486">
        <v>99</v>
      </c>
      <c r="AO6486">
        <v>99</v>
      </c>
      <c r="AP6486">
        <v>98</v>
      </c>
      <c r="AQ6486">
        <v>98</v>
      </c>
    </row>
    <row r="6487" spans="1:43">
      <c r="A6487" t="s">
        <v>4068</v>
      </c>
      <c r="B6487" t="s">
        <v>4069</v>
      </c>
      <c r="C6487" t="s">
        <v>4056</v>
      </c>
      <c r="D6487" t="s">
        <v>4057</v>
      </c>
      <c r="E6487" t="s">
        <v>3968</v>
      </c>
      <c r="F6487" t="s">
        <v>3969</v>
      </c>
      <c r="G6487" t="s">
        <v>80</v>
      </c>
      <c r="H6487" t="s">
        <v>81</v>
      </c>
      <c r="I6487" s="2">
        <v>0</v>
      </c>
      <c r="J6487" s="2">
        <v>1</v>
      </c>
      <c r="K6487" s="2">
        <v>0</v>
      </c>
      <c r="L6487" t="s">
        <v>82</v>
      </c>
      <c r="M6487" t="s">
        <v>87</v>
      </c>
      <c r="N6487" t="s">
        <v>88</v>
      </c>
      <c r="O6487" t="s">
        <v>85</v>
      </c>
      <c r="P6487" t="s">
        <v>86</v>
      </c>
      <c r="Q6487">
        <v>83</v>
      </c>
      <c r="R6487">
        <v>83</v>
      </c>
      <c r="S6487">
        <v>83</v>
      </c>
      <c r="T6487">
        <v>83</v>
      </c>
      <c r="U6487">
        <v>83</v>
      </c>
      <c r="V6487">
        <v>83</v>
      </c>
      <c r="W6487">
        <v>84</v>
      </c>
      <c r="X6487">
        <v>84</v>
      </c>
      <c r="Y6487">
        <v>84</v>
      </c>
      <c r="Z6487">
        <v>84</v>
      </c>
      <c r="AA6487">
        <v>84</v>
      </c>
      <c r="AB6487">
        <v>84</v>
      </c>
      <c r="AC6487">
        <v>84</v>
      </c>
      <c r="AD6487">
        <v>84</v>
      </c>
      <c r="AE6487">
        <v>85</v>
      </c>
      <c r="AF6487">
        <v>85</v>
      </c>
      <c r="AG6487">
        <v>85</v>
      </c>
      <c r="AH6487">
        <v>85</v>
      </c>
      <c r="AI6487">
        <v>85</v>
      </c>
      <c r="AJ6487">
        <v>85</v>
      </c>
      <c r="AK6487">
        <v>85</v>
      </c>
      <c r="AL6487">
        <v>85</v>
      </c>
      <c r="AM6487">
        <v>85</v>
      </c>
      <c r="AN6487">
        <v>85</v>
      </c>
      <c r="AO6487">
        <v>85</v>
      </c>
      <c r="AP6487">
        <v>85</v>
      </c>
      <c r="AQ6487">
        <v>85</v>
      </c>
    </row>
    <row r="6488" spans="1:43">
      <c r="A6488" t="s">
        <v>4068</v>
      </c>
      <c r="B6488" t="s">
        <v>4069</v>
      </c>
      <c r="C6488" t="s">
        <v>4056</v>
      </c>
      <c r="D6488" t="s">
        <v>4057</v>
      </c>
      <c r="E6488" t="s">
        <v>3968</v>
      </c>
      <c r="F6488" t="s">
        <v>3969</v>
      </c>
      <c r="G6488" t="s">
        <v>80</v>
      </c>
      <c r="H6488" t="s">
        <v>81</v>
      </c>
      <c r="I6488" s="2">
        <v>0</v>
      </c>
      <c r="J6488" s="2">
        <v>1</v>
      </c>
      <c r="K6488" s="2">
        <v>0</v>
      </c>
      <c r="L6488" t="s">
        <v>82</v>
      </c>
      <c r="M6488" t="s">
        <v>89</v>
      </c>
      <c r="N6488" t="s">
        <v>90</v>
      </c>
      <c r="O6488" t="s">
        <v>85</v>
      </c>
      <c r="P6488" t="s">
        <v>86</v>
      </c>
      <c r="Q6488">
        <v>83</v>
      </c>
      <c r="R6488">
        <v>85</v>
      </c>
      <c r="S6488">
        <v>86</v>
      </c>
      <c r="T6488">
        <v>88</v>
      </c>
      <c r="U6488">
        <v>90</v>
      </c>
      <c r="V6488">
        <v>91</v>
      </c>
      <c r="W6488">
        <v>93</v>
      </c>
      <c r="X6488">
        <v>94</v>
      </c>
      <c r="Y6488">
        <v>95</v>
      </c>
      <c r="Z6488">
        <v>96</v>
      </c>
      <c r="AA6488">
        <v>97</v>
      </c>
      <c r="AB6488">
        <v>99</v>
      </c>
      <c r="AC6488">
        <v>100</v>
      </c>
      <c r="AD6488">
        <v>101</v>
      </c>
      <c r="AE6488">
        <v>101</v>
      </c>
      <c r="AF6488">
        <v>101</v>
      </c>
      <c r="AG6488">
        <v>101</v>
      </c>
      <c r="AH6488">
        <v>101</v>
      </c>
      <c r="AI6488">
        <v>100</v>
      </c>
      <c r="AJ6488">
        <v>100</v>
      </c>
      <c r="AK6488">
        <v>100</v>
      </c>
      <c r="AL6488">
        <v>100</v>
      </c>
      <c r="AM6488">
        <v>99</v>
      </c>
      <c r="AN6488">
        <v>99</v>
      </c>
      <c r="AO6488">
        <v>99</v>
      </c>
      <c r="AP6488">
        <v>98</v>
      </c>
      <c r="AQ6488">
        <v>98</v>
      </c>
    </row>
    <row r="6489" spans="1:43">
      <c r="A6489" t="s">
        <v>4068</v>
      </c>
      <c r="B6489" t="s">
        <v>4069</v>
      </c>
      <c r="C6489" t="s">
        <v>4056</v>
      </c>
      <c r="D6489" t="s">
        <v>4057</v>
      </c>
      <c r="E6489" t="s">
        <v>3968</v>
      </c>
      <c r="F6489" t="s">
        <v>3969</v>
      </c>
      <c r="G6489" t="s">
        <v>80</v>
      </c>
      <c r="H6489" t="s">
        <v>81</v>
      </c>
      <c r="I6489" s="2">
        <v>0</v>
      </c>
      <c r="J6489" s="2">
        <v>1</v>
      </c>
      <c r="K6489" s="2">
        <v>0</v>
      </c>
      <c r="L6489" t="s">
        <v>82</v>
      </c>
      <c r="M6489" t="s">
        <v>83</v>
      </c>
      <c r="N6489" t="s">
        <v>91</v>
      </c>
      <c r="O6489" t="s">
        <v>85</v>
      </c>
      <c r="P6489" t="s">
        <v>86</v>
      </c>
      <c r="Q6489">
        <v>83</v>
      </c>
      <c r="R6489">
        <v>84</v>
      </c>
      <c r="S6489">
        <v>85</v>
      </c>
      <c r="T6489">
        <v>86</v>
      </c>
      <c r="U6489">
        <v>87</v>
      </c>
      <c r="V6489">
        <v>88</v>
      </c>
      <c r="W6489">
        <v>89</v>
      </c>
      <c r="X6489">
        <v>90</v>
      </c>
      <c r="Y6489">
        <v>91</v>
      </c>
      <c r="Z6489">
        <v>92</v>
      </c>
      <c r="AA6489">
        <v>92</v>
      </c>
      <c r="AB6489">
        <v>93</v>
      </c>
      <c r="AC6489">
        <v>94</v>
      </c>
      <c r="AD6489">
        <v>95</v>
      </c>
      <c r="AE6489">
        <v>95</v>
      </c>
      <c r="AF6489">
        <v>96</v>
      </c>
      <c r="AG6489">
        <v>97</v>
      </c>
      <c r="AH6489">
        <v>98</v>
      </c>
      <c r="AI6489">
        <v>98</v>
      </c>
      <c r="AJ6489">
        <v>99</v>
      </c>
      <c r="AK6489">
        <v>100</v>
      </c>
      <c r="AL6489">
        <v>100</v>
      </c>
      <c r="AM6489">
        <v>99</v>
      </c>
      <c r="AN6489">
        <v>99</v>
      </c>
      <c r="AO6489">
        <v>99</v>
      </c>
      <c r="AP6489">
        <v>98</v>
      </c>
      <c r="AQ6489">
        <v>98</v>
      </c>
    </row>
    <row r="6490" spans="1:43">
      <c r="A6490" t="s">
        <v>4070</v>
      </c>
      <c r="B6490" t="s">
        <v>4071</v>
      </c>
      <c r="C6490" t="s">
        <v>4062</v>
      </c>
      <c r="D6490" t="s">
        <v>4063</v>
      </c>
      <c r="E6490" t="s">
        <v>3968</v>
      </c>
      <c r="F6490" t="s">
        <v>3969</v>
      </c>
      <c r="G6490" t="s">
        <v>80</v>
      </c>
      <c r="H6490" t="s">
        <v>81</v>
      </c>
      <c r="I6490" s="2">
        <v>0</v>
      </c>
      <c r="J6490" s="2">
        <v>1</v>
      </c>
      <c r="K6490" s="2">
        <v>0</v>
      </c>
      <c r="L6490" t="s">
        <v>82</v>
      </c>
      <c r="M6490" t="s">
        <v>83</v>
      </c>
      <c r="N6490" t="s">
        <v>84</v>
      </c>
      <c r="O6490" t="s">
        <v>85</v>
      </c>
      <c r="P6490" t="s">
        <v>86</v>
      </c>
      <c r="Q6490">
        <v>39</v>
      </c>
      <c r="R6490">
        <v>40</v>
      </c>
      <c r="S6490">
        <v>40</v>
      </c>
      <c r="T6490">
        <v>41</v>
      </c>
      <c r="U6490">
        <v>41</v>
      </c>
      <c r="V6490">
        <v>42</v>
      </c>
      <c r="W6490">
        <v>42</v>
      </c>
      <c r="X6490">
        <v>43</v>
      </c>
      <c r="Y6490">
        <v>43</v>
      </c>
      <c r="Z6490">
        <v>43</v>
      </c>
      <c r="AA6490">
        <v>44</v>
      </c>
      <c r="AB6490">
        <v>44</v>
      </c>
      <c r="AC6490">
        <v>45</v>
      </c>
      <c r="AD6490">
        <v>45</v>
      </c>
      <c r="AE6490">
        <v>45</v>
      </c>
      <c r="AF6490">
        <v>46</v>
      </c>
      <c r="AG6490">
        <v>46</v>
      </c>
      <c r="AH6490">
        <v>47</v>
      </c>
      <c r="AI6490">
        <v>47</v>
      </c>
      <c r="AJ6490">
        <v>47</v>
      </c>
      <c r="AK6490">
        <v>48</v>
      </c>
      <c r="AL6490">
        <v>48</v>
      </c>
      <c r="AM6490">
        <v>48</v>
      </c>
      <c r="AN6490">
        <v>47</v>
      </c>
      <c r="AO6490">
        <v>47</v>
      </c>
      <c r="AP6490">
        <v>47</v>
      </c>
      <c r="AQ6490">
        <v>47</v>
      </c>
    </row>
    <row r="6491" spans="1:43">
      <c r="A6491" t="s">
        <v>4070</v>
      </c>
      <c r="B6491" t="s">
        <v>4071</v>
      </c>
      <c r="C6491" t="s">
        <v>4062</v>
      </c>
      <c r="D6491" t="s">
        <v>4063</v>
      </c>
      <c r="E6491" t="s">
        <v>3968</v>
      </c>
      <c r="F6491" t="s">
        <v>3969</v>
      </c>
      <c r="G6491" t="s">
        <v>80</v>
      </c>
      <c r="H6491" t="s">
        <v>81</v>
      </c>
      <c r="I6491" s="2">
        <v>0</v>
      </c>
      <c r="J6491" s="2">
        <v>1</v>
      </c>
      <c r="K6491" s="2">
        <v>0</v>
      </c>
      <c r="L6491" t="s">
        <v>82</v>
      </c>
      <c r="M6491" t="s">
        <v>87</v>
      </c>
      <c r="N6491" t="s">
        <v>88</v>
      </c>
      <c r="O6491" t="s">
        <v>85</v>
      </c>
      <c r="P6491" t="s">
        <v>86</v>
      </c>
      <c r="Q6491">
        <v>39</v>
      </c>
      <c r="R6491">
        <v>39</v>
      </c>
      <c r="S6491">
        <v>39</v>
      </c>
      <c r="T6491">
        <v>39</v>
      </c>
      <c r="U6491">
        <v>39</v>
      </c>
      <c r="V6491">
        <v>40</v>
      </c>
      <c r="W6491">
        <v>40</v>
      </c>
      <c r="X6491">
        <v>40</v>
      </c>
      <c r="Y6491">
        <v>40</v>
      </c>
      <c r="Z6491">
        <v>40</v>
      </c>
      <c r="AA6491">
        <v>40</v>
      </c>
      <c r="AB6491">
        <v>40</v>
      </c>
      <c r="AC6491">
        <v>40</v>
      </c>
      <c r="AD6491">
        <v>40</v>
      </c>
      <c r="AE6491">
        <v>40</v>
      </c>
      <c r="AF6491">
        <v>40</v>
      </c>
      <c r="AG6491">
        <v>40</v>
      </c>
      <c r="AH6491">
        <v>40</v>
      </c>
      <c r="AI6491">
        <v>40</v>
      </c>
      <c r="AJ6491">
        <v>40</v>
      </c>
      <c r="AK6491">
        <v>40</v>
      </c>
      <c r="AL6491">
        <v>41</v>
      </c>
      <c r="AM6491">
        <v>41</v>
      </c>
      <c r="AN6491">
        <v>41</v>
      </c>
      <c r="AO6491">
        <v>41</v>
      </c>
      <c r="AP6491">
        <v>41</v>
      </c>
      <c r="AQ6491">
        <v>41</v>
      </c>
    </row>
    <row r="6492" spans="1:43">
      <c r="A6492" t="s">
        <v>4070</v>
      </c>
      <c r="B6492" t="s">
        <v>4071</v>
      </c>
      <c r="C6492" t="s">
        <v>4062</v>
      </c>
      <c r="D6492" t="s">
        <v>4063</v>
      </c>
      <c r="E6492" t="s">
        <v>3968</v>
      </c>
      <c r="F6492" t="s">
        <v>3969</v>
      </c>
      <c r="G6492" t="s">
        <v>80</v>
      </c>
      <c r="H6492" t="s">
        <v>81</v>
      </c>
      <c r="I6492" s="2">
        <v>0</v>
      </c>
      <c r="J6492" s="2">
        <v>1</v>
      </c>
      <c r="K6492" s="2">
        <v>0</v>
      </c>
      <c r="L6492" t="s">
        <v>82</v>
      </c>
      <c r="M6492" t="s">
        <v>89</v>
      </c>
      <c r="N6492" t="s">
        <v>90</v>
      </c>
      <c r="O6492" t="s">
        <v>85</v>
      </c>
      <c r="P6492" t="s">
        <v>86</v>
      </c>
      <c r="Q6492">
        <v>39</v>
      </c>
      <c r="R6492">
        <v>40</v>
      </c>
      <c r="S6492">
        <v>40</v>
      </c>
      <c r="T6492">
        <v>41</v>
      </c>
      <c r="U6492">
        <v>42</v>
      </c>
      <c r="V6492">
        <v>43</v>
      </c>
      <c r="W6492">
        <v>43</v>
      </c>
      <c r="X6492">
        <v>44</v>
      </c>
      <c r="Y6492">
        <v>45</v>
      </c>
      <c r="Z6492">
        <v>45</v>
      </c>
      <c r="AA6492">
        <v>46</v>
      </c>
      <c r="AB6492">
        <v>46</v>
      </c>
      <c r="AC6492">
        <v>47</v>
      </c>
      <c r="AD6492">
        <v>48</v>
      </c>
      <c r="AE6492">
        <v>48</v>
      </c>
      <c r="AF6492">
        <v>48</v>
      </c>
      <c r="AG6492">
        <v>48</v>
      </c>
      <c r="AH6492">
        <v>48</v>
      </c>
      <c r="AI6492">
        <v>47</v>
      </c>
      <c r="AJ6492">
        <v>47</v>
      </c>
      <c r="AK6492">
        <v>47</v>
      </c>
      <c r="AL6492">
        <v>47</v>
      </c>
      <c r="AM6492">
        <v>47</v>
      </c>
      <c r="AN6492">
        <v>47</v>
      </c>
      <c r="AO6492">
        <v>47</v>
      </c>
      <c r="AP6492">
        <v>47</v>
      </c>
      <c r="AQ6492">
        <v>47</v>
      </c>
    </row>
    <row r="6493" spans="1:43">
      <c r="A6493" t="s">
        <v>4070</v>
      </c>
      <c r="B6493" t="s">
        <v>4071</v>
      </c>
      <c r="C6493" t="s">
        <v>4062</v>
      </c>
      <c r="D6493" t="s">
        <v>4063</v>
      </c>
      <c r="E6493" t="s">
        <v>3968</v>
      </c>
      <c r="F6493" t="s">
        <v>3969</v>
      </c>
      <c r="G6493" t="s">
        <v>80</v>
      </c>
      <c r="H6493" t="s">
        <v>81</v>
      </c>
      <c r="I6493" s="2">
        <v>0</v>
      </c>
      <c r="J6493" s="2">
        <v>1</v>
      </c>
      <c r="K6493" s="2">
        <v>0</v>
      </c>
      <c r="L6493" t="s">
        <v>82</v>
      </c>
      <c r="M6493" t="s">
        <v>83</v>
      </c>
      <c r="N6493" t="s">
        <v>91</v>
      </c>
      <c r="O6493" t="s">
        <v>85</v>
      </c>
      <c r="P6493" t="s">
        <v>86</v>
      </c>
      <c r="Q6493">
        <v>39</v>
      </c>
      <c r="R6493">
        <v>40</v>
      </c>
      <c r="S6493">
        <v>40</v>
      </c>
      <c r="T6493">
        <v>41</v>
      </c>
      <c r="U6493">
        <v>41</v>
      </c>
      <c r="V6493">
        <v>42</v>
      </c>
      <c r="W6493">
        <v>42</v>
      </c>
      <c r="X6493">
        <v>43</v>
      </c>
      <c r="Y6493">
        <v>43</v>
      </c>
      <c r="Z6493">
        <v>43</v>
      </c>
      <c r="AA6493">
        <v>44</v>
      </c>
      <c r="AB6493">
        <v>44</v>
      </c>
      <c r="AC6493">
        <v>45</v>
      </c>
      <c r="AD6493">
        <v>45</v>
      </c>
      <c r="AE6493">
        <v>45</v>
      </c>
      <c r="AF6493">
        <v>46</v>
      </c>
      <c r="AG6493">
        <v>46</v>
      </c>
      <c r="AH6493">
        <v>47</v>
      </c>
      <c r="AI6493">
        <v>47</v>
      </c>
      <c r="AJ6493">
        <v>47</v>
      </c>
      <c r="AK6493">
        <v>48</v>
      </c>
      <c r="AL6493">
        <v>48</v>
      </c>
      <c r="AM6493">
        <v>48</v>
      </c>
      <c r="AN6493">
        <v>47</v>
      </c>
      <c r="AO6493">
        <v>47</v>
      </c>
      <c r="AP6493">
        <v>47</v>
      </c>
      <c r="AQ6493">
        <v>47</v>
      </c>
    </row>
    <row r="6494" spans="1:43">
      <c r="A6494" t="s">
        <v>4072</v>
      </c>
      <c r="B6494" t="s">
        <v>4073</v>
      </c>
      <c r="C6494" t="s">
        <v>4056</v>
      </c>
      <c r="D6494" t="s">
        <v>4057</v>
      </c>
      <c r="E6494" t="s">
        <v>3968</v>
      </c>
      <c r="F6494" t="s">
        <v>3969</v>
      </c>
      <c r="G6494" t="s">
        <v>80</v>
      </c>
      <c r="H6494" t="s">
        <v>81</v>
      </c>
      <c r="I6494" s="2">
        <v>0</v>
      </c>
      <c r="J6494" s="2">
        <v>1</v>
      </c>
      <c r="K6494" s="2">
        <v>0</v>
      </c>
      <c r="L6494" t="s">
        <v>82</v>
      </c>
      <c r="M6494" t="s">
        <v>83</v>
      </c>
      <c r="N6494" t="s">
        <v>84</v>
      </c>
      <c r="O6494" t="s">
        <v>85</v>
      </c>
      <c r="P6494" t="s">
        <v>86</v>
      </c>
      <c r="Q6494">
        <v>21</v>
      </c>
      <c r="R6494">
        <v>21</v>
      </c>
      <c r="S6494">
        <v>21</v>
      </c>
      <c r="T6494">
        <v>21</v>
      </c>
      <c r="U6494">
        <v>22</v>
      </c>
      <c r="V6494">
        <v>22</v>
      </c>
      <c r="W6494">
        <v>22</v>
      </c>
      <c r="X6494">
        <v>22</v>
      </c>
      <c r="Y6494">
        <v>23</v>
      </c>
      <c r="Z6494">
        <v>23</v>
      </c>
      <c r="AA6494">
        <v>23</v>
      </c>
      <c r="AB6494">
        <v>23</v>
      </c>
      <c r="AC6494">
        <v>23</v>
      </c>
      <c r="AD6494">
        <v>24</v>
      </c>
      <c r="AE6494">
        <v>24</v>
      </c>
      <c r="AF6494">
        <v>24</v>
      </c>
      <c r="AG6494">
        <v>24</v>
      </c>
      <c r="AH6494">
        <v>24</v>
      </c>
      <c r="AI6494">
        <v>24</v>
      </c>
      <c r="AJ6494">
        <v>25</v>
      </c>
      <c r="AK6494">
        <v>25</v>
      </c>
      <c r="AL6494">
        <v>25</v>
      </c>
      <c r="AM6494">
        <v>25</v>
      </c>
      <c r="AN6494">
        <v>25</v>
      </c>
      <c r="AO6494">
        <v>24</v>
      </c>
      <c r="AP6494">
        <v>24</v>
      </c>
      <c r="AQ6494">
        <v>24</v>
      </c>
    </row>
    <row r="6495" spans="1:43">
      <c r="A6495" t="s">
        <v>4072</v>
      </c>
      <c r="B6495" t="s">
        <v>4073</v>
      </c>
      <c r="C6495" t="s">
        <v>4056</v>
      </c>
      <c r="D6495" t="s">
        <v>4057</v>
      </c>
      <c r="E6495" t="s">
        <v>3968</v>
      </c>
      <c r="F6495" t="s">
        <v>3969</v>
      </c>
      <c r="G6495" t="s">
        <v>80</v>
      </c>
      <c r="H6495" t="s">
        <v>81</v>
      </c>
      <c r="I6495" s="2">
        <v>0</v>
      </c>
      <c r="J6495" s="2">
        <v>1</v>
      </c>
      <c r="K6495" s="2">
        <v>0</v>
      </c>
      <c r="L6495" t="s">
        <v>82</v>
      </c>
      <c r="M6495" t="s">
        <v>87</v>
      </c>
      <c r="N6495" t="s">
        <v>88</v>
      </c>
      <c r="O6495" t="s">
        <v>85</v>
      </c>
      <c r="P6495" t="s">
        <v>86</v>
      </c>
      <c r="Q6495">
        <v>21</v>
      </c>
      <c r="R6495">
        <v>22</v>
      </c>
      <c r="S6495">
        <v>22</v>
      </c>
      <c r="T6495">
        <v>22</v>
      </c>
      <c r="U6495">
        <v>22</v>
      </c>
      <c r="V6495">
        <v>22</v>
      </c>
      <c r="W6495">
        <v>22</v>
      </c>
      <c r="X6495">
        <v>22</v>
      </c>
      <c r="Y6495">
        <v>22</v>
      </c>
      <c r="Z6495">
        <v>22</v>
      </c>
      <c r="AA6495">
        <v>22</v>
      </c>
      <c r="AB6495">
        <v>22</v>
      </c>
      <c r="AC6495">
        <v>22</v>
      </c>
      <c r="AD6495">
        <v>22</v>
      </c>
      <c r="AE6495">
        <v>22</v>
      </c>
      <c r="AF6495">
        <v>22</v>
      </c>
      <c r="AG6495">
        <v>22</v>
      </c>
      <c r="AH6495">
        <v>22</v>
      </c>
      <c r="AI6495">
        <v>22</v>
      </c>
      <c r="AJ6495">
        <v>22</v>
      </c>
      <c r="AK6495">
        <v>22</v>
      </c>
      <c r="AL6495">
        <v>22</v>
      </c>
      <c r="AM6495">
        <v>22</v>
      </c>
      <c r="AN6495">
        <v>22</v>
      </c>
      <c r="AO6495">
        <v>22</v>
      </c>
      <c r="AP6495">
        <v>22</v>
      </c>
      <c r="AQ6495">
        <v>22</v>
      </c>
    </row>
    <row r="6496" spans="1:43">
      <c r="A6496" t="s">
        <v>4072</v>
      </c>
      <c r="B6496" t="s">
        <v>4073</v>
      </c>
      <c r="C6496" t="s">
        <v>4056</v>
      </c>
      <c r="D6496" t="s">
        <v>4057</v>
      </c>
      <c r="E6496" t="s">
        <v>3968</v>
      </c>
      <c r="F6496" t="s">
        <v>3969</v>
      </c>
      <c r="G6496" t="s">
        <v>80</v>
      </c>
      <c r="H6496" t="s">
        <v>81</v>
      </c>
      <c r="I6496" s="2">
        <v>0</v>
      </c>
      <c r="J6496" s="2">
        <v>1</v>
      </c>
      <c r="K6496" s="2">
        <v>0</v>
      </c>
      <c r="L6496" t="s">
        <v>82</v>
      </c>
      <c r="M6496" t="s">
        <v>89</v>
      </c>
      <c r="N6496" t="s">
        <v>90</v>
      </c>
      <c r="O6496" t="s">
        <v>85</v>
      </c>
      <c r="P6496" t="s">
        <v>86</v>
      </c>
      <c r="Q6496">
        <v>21</v>
      </c>
      <c r="R6496">
        <v>21</v>
      </c>
      <c r="S6496">
        <v>22</v>
      </c>
      <c r="T6496">
        <v>22</v>
      </c>
      <c r="U6496">
        <v>22</v>
      </c>
      <c r="V6496">
        <v>23</v>
      </c>
      <c r="W6496">
        <v>23</v>
      </c>
      <c r="X6496">
        <v>24</v>
      </c>
      <c r="Y6496">
        <v>24</v>
      </c>
      <c r="Z6496">
        <v>24</v>
      </c>
      <c r="AA6496">
        <v>24</v>
      </c>
      <c r="AB6496">
        <v>25</v>
      </c>
      <c r="AC6496">
        <v>25</v>
      </c>
      <c r="AD6496">
        <v>25</v>
      </c>
      <c r="AE6496">
        <v>25</v>
      </c>
      <c r="AF6496">
        <v>25</v>
      </c>
      <c r="AG6496">
        <v>25</v>
      </c>
      <c r="AH6496">
        <v>25</v>
      </c>
      <c r="AI6496">
        <v>25</v>
      </c>
      <c r="AJ6496">
        <v>25</v>
      </c>
      <c r="AK6496">
        <v>25</v>
      </c>
      <c r="AL6496">
        <v>25</v>
      </c>
      <c r="AM6496">
        <v>25</v>
      </c>
      <c r="AN6496">
        <v>25</v>
      </c>
      <c r="AO6496">
        <v>25</v>
      </c>
      <c r="AP6496">
        <v>25</v>
      </c>
      <c r="AQ6496">
        <v>25</v>
      </c>
    </row>
    <row r="6497" spans="1:43">
      <c r="A6497" t="s">
        <v>4072</v>
      </c>
      <c r="B6497" t="s">
        <v>4073</v>
      </c>
      <c r="C6497" t="s">
        <v>4056</v>
      </c>
      <c r="D6497" t="s">
        <v>4057</v>
      </c>
      <c r="E6497" t="s">
        <v>3968</v>
      </c>
      <c r="F6497" t="s">
        <v>3969</v>
      </c>
      <c r="G6497" t="s">
        <v>80</v>
      </c>
      <c r="H6497" t="s">
        <v>81</v>
      </c>
      <c r="I6497" s="2">
        <v>0</v>
      </c>
      <c r="J6497" s="2">
        <v>1</v>
      </c>
      <c r="K6497" s="2">
        <v>0</v>
      </c>
      <c r="L6497" t="s">
        <v>82</v>
      </c>
      <c r="M6497" t="s">
        <v>83</v>
      </c>
      <c r="N6497" t="s">
        <v>91</v>
      </c>
      <c r="O6497" t="s">
        <v>85</v>
      </c>
      <c r="P6497" t="s">
        <v>86</v>
      </c>
      <c r="Q6497">
        <v>21</v>
      </c>
      <c r="R6497">
        <v>21</v>
      </c>
      <c r="S6497">
        <v>21</v>
      </c>
      <c r="T6497">
        <v>21</v>
      </c>
      <c r="U6497">
        <v>22</v>
      </c>
      <c r="V6497">
        <v>22</v>
      </c>
      <c r="W6497">
        <v>22</v>
      </c>
      <c r="X6497">
        <v>22</v>
      </c>
      <c r="Y6497">
        <v>23</v>
      </c>
      <c r="Z6497">
        <v>23</v>
      </c>
      <c r="AA6497">
        <v>23</v>
      </c>
      <c r="AB6497">
        <v>23</v>
      </c>
      <c r="AC6497">
        <v>23</v>
      </c>
      <c r="AD6497">
        <v>24</v>
      </c>
      <c r="AE6497">
        <v>24</v>
      </c>
      <c r="AF6497">
        <v>24</v>
      </c>
      <c r="AG6497">
        <v>24</v>
      </c>
      <c r="AH6497">
        <v>24</v>
      </c>
      <c r="AI6497">
        <v>24</v>
      </c>
      <c r="AJ6497">
        <v>25</v>
      </c>
      <c r="AK6497">
        <v>25</v>
      </c>
      <c r="AL6497">
        <v>25</v>
      </c>
      <c r="AM6497">
        <v>25</v>
      </c>
      <c r="AN6497">
        <v>25</v>
      </c>
      <c r="AO6497">
        <v>24</v>
      </c>
      <c r="AP6497">
        <v>24</v>
      </c>
      <c r="AQ6497">
        <v>24</v>
      </c>
    </row>
    <row r="6498" spans="1:43">
      <c r="A6498" t="s">
        <v>4074</v>
      </c>
      <c r="B6498" t="s">
        <v>4075</v>
      </c>
      <c r="C6498" t="s">
        <v>4076</v>
      </c>
      <c r="D6498" t="s">
        <v>4077</v>
      </c>
      <c r="E6498" t="s">
        <v>3968</v>
      </c>
      <c r="F6498" t="s">
        <v>3969</v>
      </c>
      <c r="G6498" t="s">
        <v>80</v>
      </c>
      <c r="H6498" t="s">
        <v>81</v>
      </c>
      <c r="I6498" s="2">
        <v>0</v>
      </c>
      <c r="J6498" s="2">
        <v>1</v>
      </c>
      <c r="K6498" s="2">
        <v>0</v>
      </c>
      <c r="L6498" t="s">
        <v>82</v>
      </c>
      <c r="M6498" t="s">
        <v>83</v>
      </c>
      <c r="N6498" t="s">
        <v>84</v>
      </c>
      <c r="O6498" t="s">
        <v>85</v>
      </c>
      <c r="P6498" t="s">
        <v>86</v>
      </c>
      <c r="Q6498">
        <v>44</v>
      </c>
      <c r="R6498">
        <v>45</v>
      </c>
      <c r="S6498">
        <v>45</v>
      </c>
      <c r="T6498">
        <v>46</v>
      </c>
      <c r="U6498">
        <v>46</v>
      </c>
      <c r="V6498">
        <v>47</v>
      </c>
      <c r="W6498">
        <v>47</v>
      </c>
      <c r="X6498">
        <v>48</v>
      </c>
      <c r="Y6498">
        <v>48</v>
      </c>
      <c r="Z6498">
        <v>49</v>
      </c>
      <c r="AA6498">
        <v>49</v>
      </c>
      <c r="AB6498">
        <v>50</v>
      </c>
      <c r="AC6498">
        <v>50</v>
      </c>
      <c r="AD6498">
        <v>51</v>
      </c>
      <c r="AE6498">
        <v>51</v>
      </c>
      <c r="AF6498">
        <v>52</v>
      </c>
      <c r="AG6498">
        <v>52</v>
      </c>
      <c r="AH6498">
        <v>52</v>
      </c>
      <c r="AI6498">
        <v>53</v>
      </c>
      <c r="AJ6498">
        <v>53</v>
      </c>
      <c r="AK6498">
        <v>54</v>
      </c>
      <c r="AL6498">
        <v>54</v>
      </c>
      <c r="AM6498">
        <v>54</v>
      </c>
      <c r="AN6498">
        <v>53</v>
      </c>
      <c r="AO6498">
        <v>53</v>
      </c>
      <c r="AP6498">
        <v>53</v>
      </c>
      <c r="AQ6498">
        <v>53</v>
      </c>
    </row>
    <row r="6499" spans="1:43">
      <c r="A6499" t="s">
        <v>4074</v>
      </c>
      <c r="B6499" t="s">
        <v>4075</v>
      </c>
      <c r="C6499" t="s">
        <v>4076</v>
      </c>
      <c r="D6499" t="s">
        <v>4077</v>
      </c>
      <c r="E6499" t="s">
        <v>3968</v>
      </c>
      <c r="F6499" t="s">
        <v>3969</v>
      </c>
      <c r="G6499" t="s">
        <v>80</v>
      </c>
      <c r="H6499" t="s">
        <v>81</v>
      </c>
      <c r="I6499" s="2">
        <v>0</v>
      </c>
      <c r="J6499" s="2">
        <v>1</v>
      </c>
      <c r="K6499" s="2">
        <v>0</v>
      </c>
      <c r="L6499" t="s">
        <v>82</v>
      </c>
      <c r="M6499" t="s">
        <v>87</v>
      </c>
      <c r="N6499" t="s">
        <v>88</v>
      </c>
      <c r="O6499" t="s">
        <v>85</v>
      </c>
      <c r="P6499" t="s">
        <v>86</v>
      </c>
      <c r="Q6499">
        <v>44</v>
      </c>
      <c r="R6499">
        <v>44</v>
      </c>
      <c r="S6499">
        <v>44</v>
      </c>
      <c r="T6499">
        <v>44</v>
      </c>
      <c r="U6499">
        <v>44</v>
      </c>
      <c r="V6499">
        <v>44</v>
      </c>
      <c r="W6499">
        <v>45</v>
      </c>
      <c r="X6499">
        <v>45</v>
      </c>
      <c r="Y6499">
        <v>45</v>
      </c>
      <c r="Z6499">
        <v>45</v>
      </c>
      <c r="AA6499">
        <v>45</v>
      </c>
      <c r="AB6499">
        <v>45</v>
      </c>
      <c r="AC6499">
        <v>45</v>
      </c>
      <c r="AD6499">
        <v>45</v>
      </c>
      <c r="AE6499">
        <v>45</v>
      </c>
      <c r="AF6499">
        <v>45</v>
      </c>
      <c r="AG6499">
        <v>45</v>
      </c>
      <c r="AH6499">
        <v>45</v>
      </c>
      <c r="AI6499">
        <v>45</v>
      </c>
      <c r="AJ6499">
        <v>46</v>
      </c>
      <c r="AK6499">
        <v>46</v>
      </c>
      <c r="AL6499">
        <v>46</v>
      </c>
      <c r="AM6499">
        <v>46</v>
      </c>
      <c r="AN6499">
        <v>46</v>
      </c>
      <c r="AO6499">
        <v>46</v>
      </c>
      <c r="AP6499">
        <v>46</v>
      </c>
      <c r="AQ6499">
        <v>46</v>
      </c>
    </row>
    <row r="6500" spans="1:43">
      <c r="A6500" t="s">
        <v>4074</v>
      </c>
      <c r="B6500" t="s">
        <v>4075</v>
      </c>
      <c r="C6500" t="s">
        <v>4076</v>
      </c>
      <c r="D6500" t="s">
        <v>4077</v>
      </c>
      <c r="E6500" t="s">
        <v>3968</v>
      </c>
      <c r="F6500" t="s">
        <v>3969</v>
      </c>
      <c r="G6500" t="s">
        <v>80</v>
      </c>
      <c r="H6500" t="s">
        <v>81</v>
      </c>
      <c r="I6500" s="2">
        <v>0</v>
      </c>
      <c r="J6500" s="2">
        <v>1</v>
      </c>
      <c r="K6500" s="2">
        <v>0</v>
      </c>
      <c r="L6500" t="s">
        <v>82</v>
      </c>
      <c r="M6500" t="s">
        <v>89</v>
      </c>
      <c r="N6500" t="s">
        <v>90</v>
      </c>
      <c r="O6500" t="s">
        <v>85</v>
      </c>
      <c r="P6500" t="s">
        <v>86</v>
      </c>
      <c r="Q6500">
        <v>44</v>
      </c>
      <c r="R6500">
        <v>45</v>
      </c>
      <c r="S6500">
        <v>45</v>
      </c>
      <c r="T6500">
        <v>46</v>
      </c>
      <c r="U6500">
        <v>47</v>
      </c>
      <c r="V6500">
        <v>48</v>
      </c>
      <c r="W6500">
        <v>49</v>
      </c>
      <c r="X6500">
        <v>50</v>
      </c>
      <c r="Y6500">
        <v>50</v>
      </c>
      <c r="Z6500">
        <v>51</v>
      </c>
      <c r="AA6500">
        <v>52</v>
      </c>
      <c r="AB6500">
        <v>52</v>
      </c>
      <c r="AC6500">
        <v>53</v>
      </c>
      <c r="AD6500">
        <v>54</v>
      </c>
      <c r="AE6500">
        <v>54</v>
      </c>
      <c r="AF6500">
        <v>54</v>
      </c>
      <c r="AG6500">
        <v>54</v>
      </c>
      <c r="AH6500">
        <v>54</v>
      </c>
      <c r="AI6500">
        <v>54</v>
      </c>
      <c r="AJ6500">
        <v>54</v>
      </c>
      <c r="AK6500">
        <v>53</v>
      </c>
      <c r="AL6500">
        <v>53</v>
      </c>
      <c r="AM6500">
        <v>53</v>
      </c>
      <c r="AN6500">
        <v>53</v>
      </c>
      <c r="AO6500">
        <v>53</v>
      </c>
      <c r="AP6500">
        <v>53</v>
      </c>
      <c r="AQ6500">
        <v>53</v>
      </c>
    </row>
    <row r="6501" spans="1:43">
      <c r="A6501" t="s">
        <v>4074</v>
      </c>
      <c r="B6501" t="s">
        <v>4075</v>
      </c>
      <c r="C6501" t="s">
        <v>4076</v>
      </c>
      <c r="D6501" t="s">
        <v>4077</v>
      </c>
      <c r="E6501" t="s">
        <v>3968</v>
      </c>
      <c r="F6501" t="s">
        <v>3969</v>
      </c>
      <c r="G6501" t="s">
        <v>80</v>
      </c>
      <c r="H6501" t="s">
        <v>81</v>
      </c>
      <c r="I6501" s="2">
        <v>0</v>
      </c>
      <c r="J6501" s="2">
        <v>1</v>
      </c>
      <c r="K6501" s="2">
        <v>0</v>
      </c>
      <c r="L6501" t="s">
        <v>82</v>
      </c>
      <c r="M6501" t="s">
        <v>83</v>
      </c>
      <c r="N6501" t="s">
        <v>91</v>
      </c>
      <c r="O6501" t="s">
        <v>85</v>
      </c>
      <c r="P6501" t="s">
        <v>86</v>
      </c>
      <c r="Q6501">
        <v>44</v>
      </c>
      <c r="R6501">
        <v>45</v>
      </c>
      <c r="S6501">
        <v>45</v>
      </c>
      <c r="T6501">
        <v>46</v>
      </c>
      <c r="U6501">
        <v>46</v>
      </c>
      <c r="V6501">
        <v>47</v>
      </c>
      <c r="W6501">
        <v>47</v>
      </c>
      <c r="X6501">
        <v>48</v>
      </c>
      <c r="Y6501">
        <v>48</v>
      </c>
      <c r="Z6501">
        <v>49</v>
      </c>
      <c r="AA6501">
        <v>49</v>
      </c>
      <c r="AB6501">
        <v>50</v>
      </c>
      <c r="AC6501">
        <v>50</v>
      </c>
      <c r="AD6501">
        <v>51</v>
      </c>
      <c r="AE6501">
        <v>51</v>
      </c>
      <c r="AF6501">
        <v>52</v>
      </c>
      <c r="AG6501">
        <v>52</v>
      </c>
      <c r="AH6501">
        <v>52</v>
      </c>
      <c r="AI6501">
        <v>53</v>
      </c>
      <c r="AJ6501">
        <v>53</v>
      </c>
      <c r="AK6501">
        <v>54</v>
      </c>
      <c r="AL6501">
        <v>54</v>
      </c>
      <c r="AM6501">
        <v>54</v>
      </c>
      <c r="AN6501">
        <v>53</v>
      </c>
      <c r="AO6501">
        <v>53</v>
      </c>
      <c r="AP6501">
        <v>53</v>
      </c>
      <c r="AQ6501">
        <v>53</v>
      </c>
    </row>
    <row r="6502" spans="1:43">
      <c r="A6502" t="s">
        <v>4078</v>
      </c>
      <c r="B6502" t="s">
        <v>4079</v>
      </c>
      <c r="C6502" t="s">
        <v>4076</v>
      </c>
      <c r="D6502" t="s">
        <v>4077</v>
      </c>
      <c r="E6502" t="s">
        <v>3968</v>
      </c>
      <c r="F6502" t="s">
        <v>3969</v>
      </c>
      <c r="G6502" t="s">
        <v>80</v>
      </c>
      <c r="H6502" t="s">
        <v>81</v>
      </c>
      <c r="I6502" s="2">
        <v>0</v>
      </c>
      <c r="J6502" s="2">
        <v>1</v>
      </c>
      <c r="K6502" s="2">
        <v>0</v>
      </c>
      <c r="L6502" t="s">
        <v>82</v>
      </c>
      <c r="M6502" t="s">
        <v>83</v>
      </c>
      <c r="N6502" t="s">
        <v>84</v>
      </c>
      <c r="O6502" t="s">
        <v>85</v>
      </c>
      <c r="P6502" t="s">
        <v>86</v>
      </c>
      <c r="Q6502">
        <v>148</v>
      </c>
      <c r="R6502">
        <v>150</v>
      </c>
      <c r="S6502">
        <v>152</v>
      </c>
      <c r="T6502">
        <v>153</v>
      </c>
      <c r="U6502">
        <v>155</v>
      </c>
      <c r="V6502">
        <v>157</v>
      </c>
      <c r="W6502">
        <v>159</v>
      </c>
      <c r="X6502">
        <v>160</v>
      </c>
      <c r="Y6502">
        <v>162</v>
      </c>
      <c r="Z6502">
        <v>163</v>
      </c>
      <c r="AA6502">
        <v>165</v>
      </c>
      <c r="AB6502">
        <v>166</v>
      </c>
      <c r="AC6502">
        <v>168</v>
      </c>
      <c r="AD6502">
        <v>169</v>
      </c>
      <c r="AE6502">
        <v>171</v>
      </c>
      <c r="AF6502">
        <v>172</v>
      </c>
      <c r="AG6502">
        <v>173</v>
      </c>
      <c r="AH6502">
        <v>175</v>
      </c>
      <c r="AI6502">
        <v>176</v>
      </c>
      <c r="AJ6502">
        <v>177</v>
      </c>
      <c r="AK6502">
        <v>178</v>
      </c>
      <c r="AL6502">
        <v>179</v>
      </c>
      <c r="AM6502">
        <v>178</v>
      </c>
      <c r="AN6502">
        <v>178</v>
      </c>
      <c r="AO6502">
        <v>177</v>
      </c>
      <c r="AP6502">
        <v>177</v>
      </c>
      <c r="AQ6502">
        <v>176</v>
      </c>
    </row>
    <row r="6503" spans="1:43">
      <c r="A6503" t="s">
        <v>4078</v>
      </c>
      <c r="B6503" t="s">
        <v>4079</v>
      </c>
      <c r="C6503" t="s">
        <v>4076</v>
      </c>
      <c r="D6503" t="s">
        <v>4077</v>
      </c>
      <c r="E6503" t="s">
        <v>3968</v>
      </c>
      <c r="F6503" t="s">
        <v>3969</v>
      </c>
      <c r="G6503" t="s">
        <v>80</v>
      </c>
      <c r="H6503" t="s">
        <v>81</v>
      </c>
      <c r="I6503" s="2">
        <v>0</v>
      </c>
      <c r="J6503" s="2">
        <v>1</v>
      </c>
      <c r="K6503" s="2">
        <v>0</v>
      </c>
      <c r="L6503" t="s">
        <v>82</v>
      </c>
      <c r="M6503" t="s">
        <v>87</v>
      </c>
      <c r="N6503" t="s">
        <v>88</v>
      </c>
      <c r="O6503" t="s">
        <v>85</v>
      </c>
      <c r="P6503" t="s">
        <v>86</v>
      </c>
      <c r="Q6503">
        <v>148</v>
      </c>
      <c r="R6503">
        <v>148</v>
      </c>
      <c r="S6503">
        <v>149</v>
      </c>
      <c r="T6503">
        <v>149</v>
      </c>
      <c r="U6503">
        <v>149</v>
      </c>
      <c r="V6503">
        <v>150</v>
      </c>
      <c r="W6503">
        <v>150</v>
      </c>
      <c r="X6503">
        <v>150</v>
      </c>
      <c r="Y6503">
        <v>151</v>
      </c>
      <c r="Z6503">
        <v>151</v>
      </c>
      <c r="AA6503">
        <v>151</v>
      </c>
      <c r="AB6503">
        <v>151</v>
      </c>
      <c r="AC6503">
        <v>152</v>
      </c>
      <c r="AD6503">
        <v>152</v>
      </c>
      <c r="AE6503">
        <v>152</v>
      </c>
      <c r="AF6503">
        <v>152</v>
      </c>
      <c r="AG6503">
        <v>152</v>
      </c>
      <c r="AH6503">
        <v>152</v>
      </c>
      <c r="AI6503">
        <v>153</v>
      </c>
      <c r="AJ6503">
        <v>153</v>
      </c>
      <c r="AK6503">
        <v>153</v>
      </c>
      <c r="AL6503">
        <v>153</v>
      </c>
      <c r="AM6503">
        <v>153</v>
      </c>
      <c r="AN6503">
        <v>153</v>
      </c>
      <c r="AO6503">
        <v>153</v>
      </c>
      <c r="AP6503">
        <v>153</v>
      </c>
      <c r="AQ6503">
        <v>153</v>
      </c>
    </row>
    <row r="6504" spans="1:43">
      <c r="A6504" t="s">
        <v>4078</v>
      </c>
      <c r="B6504" t="s">
        <v>4079</v>
      </c>
      <c r="C6504" t="s">
        <v>4076</v>
      </c>
      <c r="D6504" t="s">
        <v>4077</v>
      </c>
      <c r="E6504" t="s">
        <v>3968</v>
      </c>
      <c r="F6504" t="s">
        <v>3969</v>
      </c>
      <c r="G6504" t="s">
        <v>80</v>
      </c>
      <c r="H6504" t="s">
        <v>81</v>
      </c>
      <c r="I6504" s="2">
        <v>0</v>
      </c>
      <c r="J6504" s="2">
        <v>1</v>
      </c>
      <c r="K6504" s="2">
        <v>0</v>
      </c>
      <c r="L6504" t="s">
        <v>82</v>
      </c>
      <c r="M6504" t="s">
        <v>89</v>
      </c>
      <c r="N6504" t="s">
        <v>90</v>
      </c>
      <c r="O6504" t="s">
        <v>85</v>
      </c>
      <c r="P6504" t="s">
        <v>86</v>
      </c>
      <c r="Q6504">
        <v>148</v>
      </c>
      <c r="R6504">
        <v>151</v>
      </c>
      <c r="S6504">
        <v>154</v>
      </c>
      <c r="T6504">
        <v>157</v>
      </c>
      <c r="U6504">
        <v>159</v>
      </c>
      <c r="V6504">
        <v>162</v>
      </c>
      <c r="W6504">
        <v>165</v>
      </c>
      <c r="X6504">
        <v>167</v>
      </c>
      <c r="Y6504">
        <v>169</v>
      </c>
      <c r="Z6504">
        <v>172</v>
      </c>
      <c r="AA6504">
        <v>174</v>
      </c>
      <c r="AB6504">
        <v>176</v>
      </c>
      <c r="AC6504">
        <v>178</v>
      </c>
      <c r="AD6504">
        <v>180</v>
      </c>
      <c r="AE6504">
        <v>181</v>
      </c>
      <c r="AF6504">
        <v>181</v>
      </c>
      <c r="AG6504">
        <v>181</v>
      </c>
      <c r="AH6504">
        <v>180</v>
      </c>
      <c r="AI6504">
        <v>180</v>
      </c>
      <c r="AJ6504">
        <v>179</v>
      </c>
      <c r="AK6504">
        <v>179</v>
      </c>
      <c r="AL6504">
        <v>178</v>
      </c>
      <c r="AM6504">
        <v>178</v>
      </c>
      <c r="AN6504">
        <v>177</v>
      </c>
      <c r="AO6504">
        <v>177</v>
      </c>
      <c r="AP6504">
        <v>176</v>
      </c>
      <c r="AQ6504">
        <v>176</v>
      </c>
    </row>
    <row r="6505" spans="1:43">
      <c r="A6505" t="s">
        <v>4078</v>
      </c>
      <c r="B6505" t="s">
        <v>4079</v>
      </c>
      <c r="C6505" t="s">
        <v>4076</v>
      </c>
      <c r="D6505" t="s">
        <v>4077</v>
      </c>
      <c r="E6505" t="s">
        <v>3968</v>
      </c>
      <c r="F6505" t="s">
        <v>3969</v>
      </c>
      <c r="G6505" t="s">
        <v>80</v>
      </c>
      <c r="H6505" t="s">
        <v>81</v>
      </c>
      <c r="I6505" s="2">
        <v>0</v>
      </c>
      <c r="J6505" s="2">
        <v>1</v>
      </c>
      <c r="K6505" s="2">
        <v>0</v>
      </c>
      <c r="L6505" t="s">
        <v>82</v>
      </c>
      <c r="M6505" t="s">
        <v>83</v>
      </c>
      <c r="N6505" t="s">
        <v>91</v>
      </c>
      <c r="O6505" t="s">
        <v>85</v>
      </c>
      <c r="P6505" t="s">
        <v>86</v>
      </c>
      <c r="Q6505">
        <v>148</v>
      </c>
      <c r="R6505">
        <v>150</v>
      </c>
      <c r="S6505">
        <v>152</v>
      </c>
      <c r="T6505">
        <v>153</v>
      </c>
      <c r="U6505">
        <v>155</v>
      </c>
      <c r="V6505">
        <v>157</v>
      </c>
      <c r="W6505">
        <v>159</v>
      </c>
      <c r="X6505">
        <v>160</v>
      </c>
      <c r="Y6505">
        <v>162</v>
      </c>
      <c r="Z6505">
        <v>163</v>
      </c>
      <c r="AA6505">
        <v>165</v>
      </c>
      <c r="AB6505">
        <v>166</v>
      </c>
      <c r="AC6505">
        <v>168</v>
      </c>
      <c r="AD6505">
        <v>169</v>
      </c>
      <c r="AE6505">
        <v>171</v>
      </c>
      <c r="AF6505">
        <v>172</v>
      </c>
      <c r="AG6505">
        <v>173</v>
      </c>
      <c r="AH6505">
        <v>175</v>
      </c>
      <c r="AI6505">
        <v>176</v>
      </c>
      <c r="AJ6505">
        <v>177</v>
      </c>
      <c r="AK6505">
        <v>178</v>
      </c>
      <c r="AL6505">
        <v>179</v>
      </c>
      <c r="AM6505">
        <v>178</v>
      </c>
      <c r="AN6505">
        <v>178</v>
      </c>
      <c r="AO6505">
        <v>177</v>
      </c>
      <c r="AP6505">
        <v>177</v>
      </c>
      <c r="AQ6505">
        <v>176</v>
      </c>
    </row>
    <row r="6506" spans="1:43">
      <c r="A6506" t="s">
        <v>4080</v>
      </c>
      <c r="B6506" t="s">
        <v>4081</v>
      </c>
      <c r="C6506" t="s">
        <v>4082</v>
      </c>
      <c r="D6506" t="s">
        <v>4083</v>
      </c>
      <c r="E6506" t="s">
        <v>3968</v>
      </c>
      <c r="F6506" t="s">
        <v>3969</v>
      </c>
      <c r="G6506" t="s">
        <v>80</v>
      </c>
      <c r="H6506" t="s">
        <v>81</v>
      </c>
      <c r="I6506" s="2">
        <v>0</v>
      </c>
      <c r="J6506" s="2">
        <v>1</v>
      </c>
      <c r="K6506" s="2">
        <v>0</v>
      </c>
      <c r="L6506" t="s">
        <v>82</v>
      </c>
      <c r="M6506" t="s">
        <v>83</v>
      </c>
      <c r="N6506" t="s">
        <v>84</v>
      </c>
      <c r="O6506" t="s">
        <v>85</v>
      </c>
      <c r="P6506" t="s">
        <v>86</v>
      </c>
      <c r="Q6506">
        <v>0</v>
      </c>
      <c r="R6506">
        <v>0</v>
      </c>
      <c r="S6506">
        <v>0</v>
      </c>
      <c r="T6506">
        <v>0</v>
      </c>
      <c r="U6506">
        <v>0</v>
      </c>
      <c r="V6506">
        <v>0</v>
      </c>
      <c r="W6506">
        <v>0</v>
      </c>
      <c r="X6506">
        <v>0</v>
      </c>
      <c r="Y6506">
        <v>0</v>
      </c>
      <c r="Z6506">
        <v>0</v>
      </c>
      <c r="AA6506">
        <v>0</v>
      </c>
      <c r="AB6506">
        <v>0</v>
      </c>
      <c r="AC6506">
        <v>0</v>
      </c>
      <c r="AD6506">
        <v>0</v>
      </c>
      <c r="AE6506">
        <v>0</v>
      </c>
      <c r="AF6506">
        <v>0</v>
      </c>
      <c r="AG6506">
        <v>0</v>
      </c>
      <c r="AH6506">
        <v>0</v>
      </c>
      <c r="AI6506">
        <v>0</v>
      </c>
      <c r="AJ6506">
        <v>0</v>
      </c>
      <c r="AK6506">
        <v>0</v>
      </c>
      <c r="AL6506">
        <v>0</v>
      </c>
      <c r="AM6506">
        <v>0</v>
      </c>
      <c r="AN6506">
        <v>0</v>
      </c>
      <c r="AO6506">
        <v>0</v>
      </c>
      <c r="AP6506">
        <v>0</v>
      </c>
      <c r="AQ6506">
        <v>0</v>
      </c>
    </row>
    <row r="6507" spans="1:43">
      <c r="A6507" t="s">
        <v>4080</v>
      </c>
      <c r="B6507" t="s">
        <v>4081</v>
      </c>
      <c r="C6507" t="s">
        <v>4082</v>
      </c>
      <c r="D6507" t="s">
        <v>4083</v>
      </c>
      <c r="E6507" t="s">
        <v>3968</v>
      </c>
      <c r="F6507" t="s">
        <v>3969</v>
      </c>
      <c r="G6507" t="s">
        <v>80</v>
      </c>
      <c r="H6507" t="s">
        <v>81</v>
      </c>
      <c r="I6507" s="2">
        <v>0</v>
      </c>
      <c r="J6507" s="2">
        <v>1</v>
      </c>
      <c r="K6507" s="2">
        <v>0</v>
      </c>
      <c r="L6507" t="s">
        <v>82</v>
      </c>
      <c r="M6507" t="s">
        <v>87</v>
      </c>
      <c r="N6507" t="s">
        <v>88</v>
      </c>
      <c r="O6507" t="s">
        <v>85</v>
      </c>
      <c r="P6507" t="s">
        <v>86</v>
      </c>
      <c r="Q6507">
        <v>0</v>
      </c>
      <c r="R6507">
        <v>0</v>
      </c>
      <c r="S6507">
        <v>0</v>
      </c>
      <c r="T6507">
        <v>0</v>
      </c>
      <c r="U6507">
        <v>0</v>
      </c>
      <c r="V6507">
        <v>0</v>
      </c>
      <c r="W6507">
        <v>0</v>
      </c>
      <c r="X6507">
        <v>0</v>
      </c>
      <c r="Y6507">
        <v>0</v>
      </c>
      <c r="Z6507">
        <v>0</v>
      </c>
      <c r="AA6507">
        <v>0</v>
      </c>
      <c r="AB6507">
        <v>0</v>
      </c>
      <c r="AC6507">
        <v>0</v>
      </c>
      <c r="AD6507">
        <v>0</v>
      </c>
      <c r="AE6507">
        <v>0</v>
      </c>
      <c r="AF6507">
        <v>0</v>
      </c>
      <c r="AG6507">
        <v>0</v>
      </c>
      <c r="AH6507">
        <v>0</v>
      </c>
      <c r="AI6507">
        <v>0</v>
      </c>
      <c r="AJ6507">
        <v>0</v>
      </c>
      <c r="AK6507">
        <v>0</v>
      </c>
      <c r="AL6507">
        <v>0</v>
      </c>
      <c r="AM6507">
        <v>0</v>
      </c>
      <c r="AN6507">
        <v>0</v>
      </c>
      <c r="AO6507">
        <v>0</v>
      </c>
      <c r="AP6507">
        <v>0</v>
      </c>
      <c r="AQ6507">
        <v>0</v>
      </c>
    </row>
    <row r="6508" spans="1:43">
      <c r="A6508" t="s">
        <v>4080</v>
      </c>
      <c r="B6508" t="s">
        <v>4081</v>
      </c>
      <c r="C6508" t="s">
        <v>4082</v>
      </c>
      <c r="D6508" t="s">
        <v>4083</v>
      </c>
      <c r="E6508" t="s">
        <v>3968</v>
      </c>
      <c r="F6508" t="s">
        <v>3969</v>
      </c>
      <c r="G6508" t="s">
        <v>80</v>
      </c>
      <c r="H6508" t="s">
        <v>81</v>
      </c>
      <c r="I6508" s="2">
        <v>0</v>
      </c>
      <c r="J6508" s="2">
        <v>1</v>
      </c>
      <c r="K6508" s="2">
        <v>0</v>
      </c>
      <c r="L6508" t="s">
        <v>82</v>
      </c>
      <c r="M6508" t="s">
        <v>89</v>
      </c>
      <c r="N6508" t="s">
        <v>90</v>
      </c>
      <c r="O6508" t="s">
        <v>85</v>
      </c>
      <c r="P6508" t="s">
        <v>86</v>
      </c>
      <c r="Q6508">
        <v>0</v>
      </c>
      <c r="R6508">
        <v>0</v>
      </c>
      <c r="S6508">
        <v>0</v>
      </c>
      <c r="T6508">
        <v>0</v>
      </c>
      <c r="U6508">
        <v>0</v>
      </c>
      <c r="V6508">
        <v>0</v>
      </c>
      <c r="W6508">
        <v>0</v>
      </c>
      <c r="X6508">
        <v>0</v>
      </c>
      <c r="Y6508">
        <v>0</v>
      </c>
      <c r="Z6508">
        <v>0</v>
      </c>
      <c r="AA6508">
        <v>0</v>
      </c>
      <c r="AB6508">
        <v>0</v>
      </c>
      <c r="AC6508">
        <v>0</v>
      </c>
      <c r="AD6508">
        <v>0</v>
      </c>
      <c r="AE6508">
        <v>0</v>
      </c>
      <c r="AF6508">
        <v>0</v>
      </c>
      <c r="AG6508">
        <v>0</v>
      </c>
      <c r="AH6508">
        <v>0</v>
      </c>
      <c r="AI6508">
        <v>0</v>
      </c>
      <c r="AJ6508">
        <v>0</v>
      </c>
      <c r="AK6508">
        <v>0</v>
      </c>
      <c r="AL6508">
        <v>0</v>
      </c>
      <c r="AM6508">
        <v>0</v>
      </c>
      <c r="AN6508">
        <v>0</v>
      </c>
      <c r="AO6508">
        <v>0</v>
      </c>
      <c r="AP6508">
        <v>0</v>
      </c>
      <c r="AQ6508">
        <v>0</v>
      </c>
    </row>
    <row r="6509" spans="1:43">
      <c r="A6509" t="s">
        <v>4080</v>
      </c>
      <c r="B6509" t="s">
        <v>4081</v>
      </c>
      <c r="C6509" t="s">
        <v>4082</v>
      </c>
      <c r="D6509" t="s">
        <v>4083</v>
      </c>
      <c r="E6509" t="s">
        <v>3968</v>
      </c>
      <c r="F6509" t="s">
        <v>3969</v>
      </c>
      <c r="G6509" t="s">
        <v>80</v>
      </c>
      <c r="H6509" t="s">
        <v>81</v>
      </c>
      <c r="I6509" s="2">
        <v>0</v>
      </c>
      <c r="J6509" s="2">
        <v>1</v>
      </c>
      <c r="K6509" s="2">
        <v>0</v>
      </c>
      <c r="L6509" t="s">
        <v>82</v>
      </c>
      <c r="M6509" t="s">
        <v>83</v>
      </c>
      <c r="N6509" t="s">
        <v>91</v>
      </c>
      <c r="O6509" t="s">
        <v>85</v>
      </c>
      <c r="P6509" t="s">
        <v>86</v>
      </c>
      <c r="Q6509">
        <v>0</v>
      </c>
      <c r="R6509">
        <v>0</v>
      </c>
      <c r="S6509">
        <v>0</v>
      </c>
      <c r="T6509">
        <v>0</v>
      </c>
      <c r="U6509">
        <v>0</v>
      </c>
      <c r="V6509">
        <v>0</v>
      </c>
      <c r="W6509">
        <v>0</v>
      </c>
      <c r="X6509">
        <v>0</v>
      </c>
      <c r="Y6509">
        <v>0</v>
      </c>
      <c r="Z6509">
        <v>0</v>
      </c>
      <c r="AA6509">
        <v>0</v>
      </c>
      <c r="AB6509">
        <v>0</v>
      </c>
      <c r="AC6509">
        <v>0</v>
      </c>
      <c r="AD6509">
        <v>0</v>
      </c>
      <c r="AE6509">
        <v>0</v>
      </c>
      <c r="AF6509">
        <v>0</v>
      </c>
      <c r="AG6509">
        <v>0</v>
      </c>
      <c r="AH6509">
        <v>0</v>
      </c>
      <c r="AI6509">
        <v>0</v>
      </c>
      <c r="AJ6509">
        <v>0</v>
      </c>
      <c r="AK6509">
        <v>0</v>
      </c>
      <c r="AL6509">
        <v>0</v>
      </c>
      <c r="AM6509">
        <v>0</v>
      </c>
      <c r="AN6509">
        <v>0</v>
      </c>
      <c r="AO6509">
        <v>0</v>
      </c>
      <c r="AP6509">
        <v>0</v>
      </c>
      <c r="AQ6509">
        <v>0</v>
      </c>
    </row>
    <row r="6510" spans="1:43">
      <c r="A6510" t="s">
        <v>4084</v>
      </c>
      <c r="B6510" t="s">
        <v>4085</v>
      </c>
      <c r="C6510" t="s">
        <v>4082</v>
      </c>
      <c r="D6510" t="s">
        <v>4083</v>
      </c>
      <c r="E6510" t="s">
        <v>3968</v>
      </c>
      <c r="F6510" t="s">
        <v>3969</v>
      </c>
      <c r="G6510" t="s">
        <v>80</v>
      </c>
      <c r="H6510" t="s">
        <v>81</v>
      </c>
      <c r="I6510" s="2">
        <v>0</v>
      </c>
      <c r="J6510" s="2">
        <v>1</v>
      </c>
      <c r="K6510" s="2">
        <v>0</v>
      </c>
      <c r="L6510" t="s">
        <v>82</v>
      </c>
      <c r="M6510" t="s">
        <v>83</v>
      </c>
      <c r="N6510" t="s">
        <v>84</v>
      </c>
      <c r="O6510" t="s">
        <v>85</v>
      </c>
      <c r="P6510" t="s">
        <v>86</v>
      </c>
      <c r="Q6510">
        <v>102</v>
      </c>
      <c r="R6510">
        <v>103</v>
      </c>
      <c r="S6510">
        <v>104</v>
      </c>
      <c r="T6510">
        <v>106</v>
      </c>
      <c r="U6510">
        <v>107</v>
      </c>
      <c r="V6510">
        <v>108</v>
      </c>
      <c r="W6510">
        <v>109</v>
      </c>
      <c r="X6510">
        <v>110</v>
      </c>
      <c r="Y6510">
        <v>111</v>
      </c>
      <c r="Z6510">
        <v>112</v>
      </c>
      <c r="AA6510">
        <v>113</v>
      </c>
      <c r="AB6510">
        <v>114</v>
      </c>
      <c r="AC6510">
        <v>115</v>
      </c>
      <c r="AD6510">
        <v>116</v>
      </c>
      <c r="AE6510">
        <v>117</v>
      </c>
      <c r="AF6510">
        <v>118</v>
      </c>
      <c r="AG6510">
        <v>119</v>
      </c>
      <c r="AH6510">
        <v>120</v>
      </c>
      <c r="AI6510">
        <v>121</v>
      </c>
      <c r="AJ6510">
        <v>121</v>
      </c>
      <c r="AK6510">
        <v>122</v>
      </c>
      <c r="AL6510">
        <v>122</v>
      </c>
      <c r="AM6510">
        <v>122</v>
      </c>
      <c r="AN6510">
        <v>122</v>
      </c>
      <c r="AO6510">
        <v>121</v>
      </c>
      <c r="AP6510">
        <v>121</v>
      </c>
      <c r="AQ6510">
        <v>121</v>
      </c>
    </row>
    <row r="6511" spans="1:43">
      <c r="A6511" t="s">
        <v>4084</v>
      </c>
      <c r="B6511" t="s">
        <v>4085</v>
      </c>
      <c r="C6511" t="s">
        <v>4082</v>
      </c>
      <c r="D6511" t="s">
        <v>4083</v>
      </c>
      <c r="E6511" t="s">
        <v>3968</v>
      </c>
      <c r="F6511" t="s">
        <v>3969</v>
      </c>
      <c r="G6511" t="s">
        <v>80</v>
      </c>
      <c r="H6511" t="s">
        <v>81</v>
      </c>
      <c r="I6511" s="2">
        <v>0</v>
      </c>
      <c r="J6511" s="2">
        <v>1</v>
      </c>
      <c r="K6511" s="2">
        <v>0</v>
      </c>
      <c r="L6511" t="s">
        <v>82</v>
      </c>
      <c r="M6511" t="s">
        <v>87</v>
      </c>
      <c r="N6511" t="s">
        <v>88</v>
      </c>
      <c r="O6511" t="s">
        <v>85</v>
      </c>
      <c r="P6511" t="s">
        <v>86</v>
      </c>
      <c r="Q6511">
        <v>102</v>
      </c>
      <c r="R6511">
        <v>102</v>
      </c>
      <c r="S6511">
        <v>103</v>
      </c>
      <c r="T6511">
        <v>103</v>
      </c>
      <c r="U6511">
        <v>103</v>
      </c>
      <c r="V6511">
        <v>103</v>
      </c>
      <c r="W6511">
        <v>104</v>
      </c>
      <c r="X6511">
        <v>104</v>
      </c>
      <c r="Y6511">
        <v>104</v>
      </c>
      <c r="Z6511">
        <v>104</v>
      </c>
      <c r="AA6511">
        <v>104</v>
      </c>
      <c r="AB6511">
        <v>104</v>
      </c>
      <c r="AC6511">
        <v>104</v>
      </c>
      <c r="AD6511">
        <v>105</v>
      </c>
      <c r="AE6511">
        <v>105</v>
      </c>
      <c r="AF6511">
        <v>105</v>
      </c>
      <c r="AG6511">
        <v>105</v>
      </c>
      <c r="AH6511">
        <v>105</v>
      </c>
      <c r="AI6511">
        <v>105</v>
      </c>
      <c r="AJ6511">
        <v>105</v>
      </c>
      <c r="AK6511">
        <v>105</v>
      </c>
      <c r="AL6511">
        <v>105</v>
      </c>
      <c r="AM6511">
        <v>105</v>
      </c>
      <c r="AN6511">
        <v>105</v>
      </c>
      <c r="AO6511">
        <v>105</v>
      </c>
      <c r="AP6511">
        <v>105</v>
      </c>
      <c r="AQ6511">
        <v>105</v>
      </c>
    </row>
    <row r="6512" spans="1:43">
      <c r="A6512" t="s">
        <v>4084</v>
      </c>
      <c r="B6512" t="s">
        <v>4085</v>
      </c>
      <c r="C6512" t="s">
        <v>4082</v>
      </c>
      <c r="D6512" t="s">
        <v>4083</v>
      </c>
      <c r="E6512" t="s">
        <v>3968</v>
      </c>
      <c r="F6512" t="s">
        <v>3969</v>
      </c>
      <c r="G6512" t="s">
        <v>80</v>
      </c>
      <c r="H6512" t="s">
        <v>81</v>
      </c>
      <c r="I6512" s="2">
        <v>0</v>
      </c>
      <c r="J6512" s="2">
        <v>1</v>
      </c>
      <c r="K6512" s="2">
        <v>0</v>
      </c>
      <c r="L6512" t="s">
        <v>82</v>
      </c>
      <c r="M6512" t="s">
        <v>89</v>
      </c>
      <c r="N6512" t="s">
        <v>90</v>
      </c>
      <c r="O6512" t="s">
        <v>85</v>
      </c>
      <c r="P6512" t="s">
        <v>86</v>
      </c>
      <c r="Q6512">
        <v>102</v>
      </c>
      <c r="R6512">
        <v>104</v>
      </c>
      <c r="S6512">
        <v>106</v>
      </c>
      <c r="T6512">
        <v>108</v>
      </c>
      <c r="U6512">
        <v>110</v>
      </c>
      <c r="V6512">
        <v>112</v>
      </c>
      <c r="W6512">
        <v>114</v>
      </c>
      <c r="X6512">
        <v>115</v>
      </c>
      <c r="Y6512">
        <v>117</v>
      </c>
      <c r="Z6512">
        <v>118</v>
      </c>
      <c r="AA6512">
        <v>120</v>
      </c>
      <c r="AB6512">
        <v>121</v>
      </c>
      <c r="AC6512">
        <v>123</v>
      </c>
      <c r="AD6512">
        <v>124</v>
      </c>
      <c r="AE6512">
        <v>125</v>
      </c>
      <c r="AF6512">
        <v>124</v>
      </c>
      <c r="AG6512">
        <v>124</v>
      </c>
      <c r="AH6512">
        <v>124</v>
      </c>
      <c r="AI6512">
        <v>124</v>
      </c>
      <c r="AJ6512">
        <v>123</v>
      </c>
      <c r="AK6512">
        <v>123</v>
      </c>
      <c r="AL6512">
        <v>123</v>
      </c>
      <c r="AM6512">
        <v>122</v>
      </c>
      <c r="AN6512">
        <v>122</v>
      </c>
      <c r="AO6512">
        <v>121</v>
      </c>
      <c r="AP6512">
        <v>121</v>
      </c>
      <c r="AQ6512">
        <v>121</v>
      </c>
    </row>
    <row r="6513" spans="1:43">
      <c r="A6513" t="s">
        <v>4084</v>
      </c>
      <c r="B6513" t="s">
        <v>4085</v>
      </c>
      <c r="C6513" t="s">
        <v>4082</v>
      </c>
      <c r="D6513" t="s">
        <v>4083</v>
      </c>
      <c r="E6513" t="s">
        <v>3968</v>
      </c>
      <c r="F6513" t="s">
        <v>3969</v>
      </c>
      <c r="G6513" t="s">
        <v>80</v>
      </c>
      <c r="H6513" t="s">
        <v>81</v>
      </c>
      <c r="I6513" s="2">
        <v>0</v>
      </c>
      <c r="J6513" s="2">
        <v>1</v>
      </c>
      <c r="K6513" s="2">
        <v>0</v>
      </c>
      <c r="L6513" t="s">
        <v>82</v>
      </c>
      <c r="M6513" t="s">
        <v>83</v>
      </c>
      <c r="N6513" t="s">
        <v>91</v>
      </c>
      <c r="O6513" t="s">
        <v>85</v>
      </c>
      <c r="P6513" t="s">
        <v>86</v>
      </c>
      <c r="Q6513">
        <v>102</v>
      </c>
      <c r="R6513">
        <v>103</v>
      </c>
      <c r="S6513">
        <v>104</v>
      </c>
      <c r="T6513">
        <v>106</v>
      </c>
      <c r="U6513">
        <v>107</v>
      </c>
      <c r="V6513">
        <v>108</v>
      </c>
      <c r="W6513">
        <v>109</v>
      </c>
      <c r="X6513">
        <v>110</v>
      </c>
      <c r="Y6513">
        <v>111</v>
      </c>
      <c r="Z6513">
        <v>112</v>
      </c>
      <c r="AA6513">
        <v>113</v>
      </c>
      <c r="AB6513">
        <v>114</v>
      </c>
      <c r="AC6513">
        <v>115</v>
      </c>
      <c r="AD6513">
        <v>116</v>
      </c>
      <c r="AE6513">
        <v>117</v>
      </c>
      <c r="AF6513">
        <v>118</v>
      </c>
      <c r="AG6513">
        <v>119</v>
      </c>
      <c r="AH6513">
        <v>120</v>
      </c>
      <c r="AI6513">
        <v>121</v>
      </c>
      <c r="AJ6513">
        <v>121</v>
      </c>
      <c r="AK6513">
        <v>122</v>
      </c>
      <c r="AL6513">
        <v>122</v>
      </c>
      <c r="AM6513">
        <v>122</v>
      </c>
      <c r="AN6513">
        <v>122</v>
      </c>
      <c r="AO6513">
        <v>121</v>
      </c>
      <c r="AP6513">
        <v>121</v>
      </c>
      <c r="AQ6513">
        <v>121</v>
      </c>
    </row>
    <row r="6514" spans="1:43">
      <c r="A6514" t="s">
        <v>4086</v>
      </c>
      <c r="B6514" t="s">
        <v>4087</v>
      </c>
      <c r="C6514" t="s">
        <v>4082</v>
      </c>
      <c r="D6514" t="s">
        <v>4083</v>
      </c>
      <c r="E6514" t="s">
        <v>3968</v>
      </c>
      <c r="F6514" t="s">
        <v>3969</v>
      </c>
      <c r="G6514" t="s">
        <v>80</v>
      </c>
      <c r="H6514" t="s">
        <v>81</v>
      </c>
      <c r="I6514" s="2">
        <v>0</v>
      </c>
      <c r="J6514" s="2">
        <v>1</v>
      </c>
      <c r="K6514" s="2">
        <v>0</v>
      </c>
      <c r="L6514" t="s">
        <v>82</v>
      </c>
      <c r="M6514" t="s">
        <v>83</v>
      </c>
      <c r="N6514" t="s">
        <v>84</v>
      </c>
      <c r="O6514" t="s">
        <v>85</v>
      </c>
      <c r="P6514" t="s">
        <v>86</v>
      </c>
      <c r="Q6514">
        <v>100</v>
      </c>
      <c r="R6514">
        <v>101</v>
      </c>
      <c r="S6514">
        <v>102</v>
      </c>
      <c r="T6514">
        <v>103</v>
      </c>
      <c r="U6514">
        <v>104</v>
      </c>
      <c r="V6514">
        <v>105</v>
      </c>
      <c r="W6514">
        <v>107</v>
      </c>
      <c r="X6514">
        <v>108</v>
      </c>
      <c r="Y6514">
        <v>109</v>
      </c>
      <c r="Z6514">
        <v>110</v>
      </c>
      <c r="AA6514">
        <v>111</v>
      </c>
      <c r="AB6514">
        <v>112</v>
      </c>
      <c r="AC6514">
        <v>113</v>
      </c>
      <c r="AD6514">
        <v>113</v>
      </c>
      <c r="AE6514">
        <v>114</v>
      </c>
      <c r="AF6514">
        <v>115</v>
      </c>
      <c r="AG6514">
        <v>116</v>
      </c>
      <c r="AH6514">
        <v>117</v>
      </c>
      <c r="AI6514">
        <v>118</v>
      </c>
      <c r="AJ6514">
        <v>118</v>
      </c>
      <c r="AK6514">
        <v>119</v>
      </c>
      <c r="AL6514">
        <v>119</v>
      </c>
      <c r="AM6514">
        <v>119</v>
      </c>
      <c r="AN6514">
        <v>119</v>
      </c>
      <c r="AO6514">
        <v>118</v>
      </c>
      <c r="AP6514">
        <v>118</v>
      </c>
      <c r="AQ6514">
        <v>117</v>
      </c>
    </row>
    <row r="6515" spans="1:43">
      <c r="A6515" t="s">
        <v>4086</v>
      </c>
      <c r="B6515" t="s">
        <v>4087</v>
      </c>
      <c r="C6515" t="s">
        <v>4082</v>
      </c>
      <c r="D6515" t="s">
        <v>4083</v>
      </c>
      <c r="E6515" t="s">
        <v>3968</v>
      </c>
      <c r="F6515" t="s">
        <v>3969</v>
      </c>
      <c r="G6515" t="s">
        <v>80</v>
      </c>
      <c r="H6515" t="s">
        <v>81</v>
      </c>
      <c r="I6515" s="2">
        <v>0</v>
      </c>
      <c r="J6515" s="2">
        <v>1</v>
      </c>
      <c r="K6515" s="2">
        <v>0</v>
      </c>
      <c r="L6515" t="s">
        <v>82</v>
      </c>
      <c r="M6515" t="s">
        <v>87</v>
      </c>
      <c r="N6515" t="s">
        <v>88</v>
      </c>
      <c r="O6515" t="s">
        <v>85</v>
      </c>
      <c r="P6515" t="s">
        <v>86</v>
      </c>
      <c r="Q6515">
        <v>100</v>
      </c>
      <c r="R6515">
        <v>100</v>
      </c>
      <c r="S6515">
        <v>100</v>
      </c>
      <c r="T6515">
        <v>101</v>
      </c>
      <c r="U6515">
        <v>101</v>
      </c>
      <c r="V6515">
        <v>101</v>
      </c>
      <c r="W6515">
        <v>101</v>
      </c>
      <c r="X6515">
        <v>101</v>
      </c>
      <c r="Y6515">
        <v>101</v>
      </c>
      <c r="Z6515">
        <v>102</v>
      </c>
      <c r="AA6515">
        <v>102</v>
      </c>
      <c r="AB6515">
        <v>102</v>
      </c>
      <c r="AC6515">
        <v>102</v>
      </c>
      <c r="AD6515">
        <v>102</v>
      </c>
      <c r="AE6515">
        <v>102</v>
      </c>
      <c r="AF6515">
        <v>102</v>
      </c>
      <c r="AG6515">
        <v>102</v>
      </c>
      <c r="AH6515">
        <v>102</v>
      </c>
      <c r="AI6515">
        <v>102</v>
      </c>
      <c r="AJ6515">
        <v>102</v>
      </c>
      <c r="AK6515">
        <v>102</v>
      </c>
      <c r="AL6515">
        <v>103</v>
      </c>
      <c r="AM6515">
        <v>103</v>
      </c>
      <c r="AN6515">
        <v>103</v>
      </c>
      <c r="AO6515">
        <v>102</v>
      </c>
      <c r="AP6515">
        <v>102</v>
      </c>
      <c r="AQ6515">
        <v>102</v>
      </c>
    </row>
    <row r="6516" spans="1:43">
      <c r="A6516" t="s">
        <v>4086</v>
      </c>
      <c r="B6516" t="s">
        <v>4087</v>
      </c>
      <c r="C6516" t="s">
        <v>4082</v>
      </c>
      <c r="D6516" t="s">
        <v>4083</v>
      </c>
      <c r="E6516" t="s">
        <v>3968</v>
      </c>
      <c r="F6516" t="s">
        <v>3969</v>
      </c>
      <c r="G6516" t="s">
        <v>80</v>
      </c>
      <c r="H6516" t="s">
        <v>81</v>
      </c>
      <c r="I6516" s="2">
        <v>0</v>
      </c>
      <c r="J6516" s="2">
        <v>1</v>
      </c>
      <c r="K6516" s="2">
        <v>0</v>
      </c>
      <c r="L6516" t="s">
        <v>82</v>
      </c>
      <c r="M6516" t="s">
        <v>89</v>
      </c>
      <c r="N6516" t="s">
        <v>90</v>
      </c>
      <c r="O6516" t="s">
        <v>85</v>
      </c>
      <c r="P6516" t="s">
        <v>86</v>
      </c>
      <c r="Q6516">
        <v>100</v>
      </c>
      <c r="R6516">
        <v>102</v>
      </c>
      <c r="S6516">
        <v>104</v>
      </c>
      <c r="T6516">
        <v>106</v>
      </c>
      <c r="U6516">
        <v>107</v>
      </c>
      <c r="V6516">
        <v>109</v>
      </c>
      <c r="W6516">
        <v>111</v>
      </c>
      <c r="X6516">
        <v>113</v>
      </c>
      <c r="Y6516">
        <v>114</v>
      </c>
      <c r="Z6516">
        <v>116</v>
      </c>
      <c r="AA6516">
        <v>117</v>
      </c>
      <c r="AB6516">
        <v>118</v>
      </c>
      <c r="AC6516">
        <v>120</v>
      </c>
      <c r="AD6516">
        <v>121</v>
      </c>
      <c r="AE6516">
        <v>122</v>
      </c>
      <c r="AF6516">
        <v>121</v>
      </c>
      <c r="AG6516">
        <v>121</v>
      </c>
      <c r="AH6516">
        <v>121</v>
      </c>
      <c r="AI6516">
        <v>120</v>
      </c>
      <c r="AJ6516">
        <v>120</v>
      </c>
      <c r="AK6516">
        <v>120</v>
      </c>
      <c r="AL6516">
        <v>119</v>
      </c>
      <c r="AM6516">
        <v>119</v>
      </c>
      <c r="AN6516">
        <v>119</v>
      </c>
      <c r="AO6516">
        <v>118</v>
      </c>
      <c r="AP6516">
        <v>118</v>
      </c>
      <c r="AQ6516">
        <v>117</v>
      </c>
    </row>
    <row r="6517" spans="1:43">
      <c r="A6517" t="s">
        <v>4086</v>
      </c>
      <c r="B6517" t="s">
        <v>4087</v>
      </c>
      <c r="C6517" t="s">
        <v>4082</v>
      </c>
      <c r="D6517" t="s">
        <v>4083</v>
      </c>
      <c r="E6517" t="s">
        <v>3968</v>
      </c>
      <c r="F6517" t="s">
        <v>3969</v>
      </c>
      <c r="G6517" t="s">
        <v>80</v>
      </c>
      <c r="H6517" t="s">
        <v>81</v>
      </c>
      <c r="I6517" s="2">
        <v>0</v>
      </c>
      <c r="J6517" s="2">
        <v>1</v>
      </c>
      <c r="K6517" s="2">
        <v>0</v>
      </c>
      <c r="L6517" t="s">
        <v>82</v>
      </c>
      <c r="M6517" t="s">
        <v>83</v>
      </c>
      <c r="N6517" t="s">
        <v>91</v>
      </c>
      <c r="O6517" t="s">
        <v>85</v>
      </c>
      <c r="P6517" t="s">
        <v>86</v>
      </c>
      <c r="Q6517">
        <v>100</v>
      </c>
      <c r="R6517">
        <v>101</v>
      </c>
      <c r="S6517">
        <v>102</v>
      </c>
      <c r="T6517">
        <v>103</v>
      </c>
      <c r="U6517">
        <v>104</v>
      </c>
      <c r="V6517">
        <v>105</v>
      </c>
      <c r="W6517">
        <v>107</v>
      </c>
      <c r="X6517">
        <v>108</v>
      </c>
      <c r="Y6517">
        <v>109</v>
      </c>
      <c r="Z6517">
        <v>110</v>
      </c>
      <c r="AA6517">
        <v>111</v>
      </c>
      <c r="AB6517">
        <v>112</v>
      </c>
      <c r="AC6517">
        <v>113</v>
      </c>
      <c r="AD6517">
        <v>113</v>
      </c>
      <c r="AE6517">
        <v>114</v>
      </c>
      <c r="AF6517">
        <v>115</v>
      </c>
      <c r="AG6517">
        <v>116</v>
      </c>
      <c r="AH6517">
        <v>117</v>
      </c>
      <c r="AI6517">
        <v>118</v>
      </c>
      <c r="AJ6517">
        <v>118</v>
      </c>
      <c r="AK6517">
        <v>119</v>
      </c>
      <c r="AL6517">
        <v>119</v>
      </c>
      <c r="AM6517">
        <v>119</v>
      </c>
      <c r="AN6517">
        <v>119</v>
      </c>
      <c r="AO6517">
        <v>118</v>
      </c>
      <c r="AP6517">
        <v>118</v>
      </c>
      <c r="AQ6517">
        <v>117</v>
      </c>
    </row>
    <row r="6518" spans="1:43">
      <c r="A6518" t="s">
        <v>4088</v>
      </c>
      <c r="B6518" t="s">
        <v>4089</v>
      </c>
      <c r="C6518" t="s">
        <v>4076</v>
      </c>
      <c r="D6518" t="s">
        <v>4077</v>
      </c>
      <c r="E6518" t="s">
        <v>3968</v>
      </c>
      <c r="F6518" t="s">
        <v>3969</v>
      </c>
      <c r="G6518" t="s">
        <v>80</v>
      </c>
      <c r="H6518" t="s">
        <v>81</v>
      </c>
      <c r="I6518" s="2">
        <v>0</v>
      </c>
      <c r="J6518" s="2">
        <v>1</v>
      </c>
      <c r="K6518" s="2">
        <v>0</v>
      </c>
      <c r="L6518" t="s">
        <v>82</v>
      </c>
      <c r="M6518" t="s">
        <v>83</v>
      </c>
      <c r="N6518" t="s">
        <v>84</v>
      </c>
      <c r="O6518" t="s">
        <v>85</v>
      </c>
      <c r="P6518" t="s">
        <v>86</v>
      </c>
      <c r="Q6518">
        <v>91</v>
      </c>
      <c r="R6518">
        <v>92</v>
      </c>
      <c r="S6518">
        <v>94</v>
      </c>
      <c r="T6518">
        <v>95</v>
      </c>
      <c r="U6518">
        <v>96</v>
      </c>
      <c r="V6518">
        <v>97</v>
      </c>
      <c r="W6518">
        <v>98</v>
      </c>
      <c r="X6518">
        <v>99</v>
      </c>
      <c r="Y6518">
        <v>100</v>
      </c>
      <c r="Z6518">
        <v>101</v>
      </c>
      <c r="AA6518">
        <v>102</v>
      </c>
      <c r="AB6518">
        <v>102</v>
      </c>
      <c r="AC6518">
        <v>103</v>
      </c>
      <c r="AD6518">
        <v>104</v>
      </c>
      <c r="AE6518">
        <v>105</v>
      </c>
      <c r="AF6518">
        <v>106</v>
      </c>
      <c r="AG6518">
        <v>107</v>
      </c>
      <c r="AH6518">
        <v>107</v>
      </c>
      <c r="AI6518">
        <v>108</v>
      </c>
      <c r="AJ6518">
        <v>109</v>
      </c>
      <c r="AK6518">
        <v>110</v>
      </c>
      <c r="AL6518">
        <v>110</v>
      </c>
      <c r="AM6518">
        <v>109</v>
      </c>
      <c r="AN6518">
        <v>109</v>
      </c>
      <c r="AO6518">
        <v>109</v>
      </c>
      <c r="AP6518">
        <v>108</v>
      </c>
      <c r="AQ6518">
        <v>108</v>
      </c>
    </row>
    <row r="6519" spans="1:43">
      <c r="A6519" t="s">
        <v>4088</v>
      </c>
      <c r="B6519" t="s">
        <v>4089</v>
      </c>
      <c r="C6519" t="s">
        <v>4076</v>
      </c>
      <c r="D6519" t="s">
        <v>4077</v>
      </c>
      <c r="E6519" t="s">
        <v>3968</v>
      </c>
      <c r="F6519" t="s">
        <v>3969</v>
      </c>
      <c r="G6519" t="s">
        <v>80</v>
      </c>
      <c r="H6519" t="s">
        <v>81</v>
      </c>
      <c r="I6519" s="2">
        <v>0</v>
      </c>
      <c r="J6519" s="2">
        <v>1</v>
      </c>
      <c r="K6519" s="2">
        <v>0</v>
      </c>
      <c r="L6519" t="s">
        <v>82</v>
      </c>
      <c r="M6519" t="s">
        <v>87</v>
      </c>
      <c r="N6519" t="s">
        <v>88</v>
      </c>
      <c r="O6519" t="s">
        <v>85</v>
      </c>
      <c r="P6519" t="s">
        <v>86</v>
      </c>
      <c r="Q6519">
        <v>91</v>
      </c>
      <c r="R6519">
        <v>91</v>
      </c>
      <c r="S6519">
        <v>91</v>
      </c>
      <c r="T6519">
        <v>91</v>
      </c>
      <c r="U6519">
        <v>91</v>
      </c>
      <c r="V6519">
        <v>92</v>
      </c>
      <c r="W6519">
        <v>92</v>
      </c>
      <c r="X6519">
        <v>92</v>
      </c>
      <c r="Y6519">
        <v>92</v>
      </c>
      <c r="Z6519">
        <v>92</v>
      </c>
      <c r="AA6519">
        <v>92</v>
      </c>
      <c r="AB6519">
        <v>93</v>
      </c>
      <c r="AC6519">
        <v>93</v>
      </c>
      <c r="AD6519">
        <v>93</v>
      </c>
      <c r="AE6519">
        <v>93</v>
      </c>
      <c r="AF6519">
        <v>93</v>
      </c>
      <c r="AG6519">
        <v>93</v>
      </c>
      <c r="AH6519">
        <v>93</v>
      </c>
      <c r="AI6519">
        <v>93</v>
      </c>
      <c r="AJ6519">
        <v>93</v>
      </c>
      <c r="AK6519">
        <v>93</v>
      </c>
      <c r="AL6519">
        <v>93</v>
      </c>
      <c r="AM6519">
        <v>93</v>
      </c>
      <c r="AN6519">
        <v>93</v>
      </c>
      <c r="AO6519">
        <v>93</v>
      </c>
      <c r="AP6519">
        <v>93</v>
      </c>
      <c r="AQ6519">
        <v>93</v>
      </c>
    </row>
    <row r="6520" spans="1:43">
      <c r="A6520" t="s">
        <v>4088</v>
      </c>
      <c r="B6520" t="s">
        <v>4089</v>
      </c>
      <c r="C6520" t="s">
        <v>4076</v>
      </c>
      <c r="D6520" t="s">
        <v>4077</v>
      </c>
      <c r="E6520" t="s">
        <v>3968</v>
      </c>
      <c r="F6520" t="s">
        <v>3969</v>
      </c>
      <c r="G6520" t="s">
        <v>80</v>
      </c>
      <c r="H6520" t="s">
        <v>81</v>
      </c>
      <c r="I6520" s="2">
        <v>0</v>
      </c>
      <c r="J6520" s="2">
        <v>1</v>
      </c>
      <c r="K6520" s="2">
        <v>0</v>
      </c>
      <c r="L6520" t="s">
        <v>82</v>
      </c>
      <c r="M6520" t="s">
        <v>89</v>
      </c>
      <c r="N6520" t="s">
        <v>90</v>
      </c>
      <c r="O6520" t="s">
        <v>85</v>
      </c>
      <c r="P6520" t="s">
        <v>86</v>
      </c>
      <c r="Q6520">
        <v>91</v>
      </c>
      <c r="R6520">
        <v>93</v>
      </c>
      <c r="S6520">
        <v>95</v>
      </c>
      <c r="T6520">
        <v>97</v>
      </c>
      <c r="U6520">
        <v>98</v>
      </c>
      <c r="V6520">
        <v>100</v>
      </c>
      <c r="W6520">
        <v>102</v>
      </c>
      <c r="X6520">
        <v>103</v>
      </c>
      <c r="Y6520">
        <v>105</v>
      </c>
      <c r="Z6520">
        <v>106</v>
      </c>
      <c r="AA6520">
        <v>107</v>
      </c>
      <c r="AB6520">
        <v>108</v>
      </c>
      <c r="AC6520">
        <v>110</v>
      </c>
      <c r="AD6520">
        <v>111</v>
      </c>
      <c r="AE6520">
        <v>112</v>
      </c>
      <c r="AF6520">
        <v>111</v>
      </c>
      <c r="AG6520">
        <v>111</v>
      </c>
      <c r="AH6520">
        <v>111</v>
      </c>
      <c r="AI6520">
        <v>111</v>
      </c>
      <c r="AJ6520">
        <v>110</v>
      </c>
      <c r="AK6520">
        <v>110</v>
      </c>
      <c r="AL6520">
        <v>110</v>
      </c>
      <c r="AM6520">
        <v>109</v>
      </c>
      <c r="AN6520">
        <v>109</v>
      </c>
      <c r="AO6520">
        <v>109</v>
      </c>
      <c r="AP6520">
        <v>108</v>
      </c>
      <c r="AQ6520">
        <v>108</v>
      </c>
    </row>
    <row r="6521" spans="1:43">
      <c r="A6521" t="s">
        <v>4088</v>
      </c>
      <c r="B6521" t="s">
        <v>4089</v>
      </c>
      <c r="C6521" t="s">
        <v>4076</v>
      </c>
      <c r="D6521" t="s">
        <v>4077</v>
      </c>
      <c r="E6521" t="s">
        <v>3968</v>
      </c>
      <c r="F6521" t="s">
        <v>3969</v>
      </c>
      <c r="G6521" t="s">
        <v>80</v>
      </c>
      <c r="H6521" t="s">
        <v>81</v>
      </c>
      <c r="I6521" s="2">
        <v>0</v>
      </c>
      <c r="J6521" s="2">
        <v>1</v>
      </c>
      <c r="K6521" s="2">
        <v>0</v>
      </c>
      <c r="L6521" t="s">
        <v>82</v>
      </c>
      <c r="M6521" t="s">
        <v>83</v>
      </c>
      <c r="N6521" t="s">
        <v>91</v>
      </c>
      <c r="O6521" t="s">
        <v>85</v>
      </c>
      <c r="P6521" t="s">
        <v>86</v>
      </c>
      <c r="Q6521">
        <v>91</v>
      </c>
      <c r="R6521">
        <v>92</v>
      </c>
      <c r="S6521">
        <v>94</v>
      </c>
      <c r="T6521">
        <v>95</v>
      </c>
      <c r="U6521">
        <v>96</v>
      </c>
      <c r="V6521">
        <v>97</v>
      </c>
      <c r="W6521">
        <v>98</v>
      </c>
      <c r="X6521">
        <v>99</v>
      </c>
      <c r="Y6521">
        <v>100</v>
      </c>
      <c r="Z6521">
        <v>101</v>
      </c>
      <c r="AA6521">
        <v>102</v>
      </c>
      <c r="AB6521">
        <v>102</v>
      </c>
      <c r="AC6521">
        <v>103</v>
      </c>
      <c r="AD6521">
        <v>104</v>
      </c>
      <c r="AE6521">
        <v>105</v>
      </c>
      <c r="AF6521">
        <v>106</v>
      </c>
      <c r="AG6521">
        <v>107</v>
      </c>
      <c r="AH6521">
        <v>107</v>
      </c>
      <c r="AI6521">
        <v>108</v>
      </c>
      <c r="AJ6521">
        <v>109</v>
      </c>
      <c r="AK6521">
        <v>110</v>
      </c>
      <c r="AL6521">
        <v>110</v>
      </c>
      <c r="AM6521">
        <v>109</v>
      </c>
      <c r="AN6521">
        <v>109</v>
      </c>
      <c r="AO6521">
        <v>109</v>
      </c>
      <c r="AP6521">
        <v>108</v>
      </c>
      <c r="AQ6521">
        <v>108</v>
      </c>
    </row>
    <row r="6522" spans="1:43">
      <c r="A6522" t="s">
        <v>4090</v>
      </c>
      <c r="B6522" t="s">
        <v>4091</v>
      </c>
      <c r="C6522" t="s">
        <v>4076</v>
      </c>
      <c r="D6522" t="s">
        <v>4077</v>
      </c>
      <c r="E6522" t="s">
        <v>3968</v>
      </c>
      <c r="F6522" t="s">
        <v>3969</v>
      </c>
      <c r="G6522" t="s">
        <v>80</v>
      </c>
      <c r="H6522" t="s">
        <v>81</v>
      </c>
      <c r="I6522" s="2">
        <v>0</v>
      </c>
      <c r="J6522" s="2">
        <v>1</v>
      </c>
      <c r="K6522" s="2">
        <v>0</v>
      </c>
      <c r="L6522" t="s">
        <v>82</v>
      </c>
      <c r="M6522" t="s">
        <v>83</v>
      </c>
      <c r="N6522" t="s">
        <v>84</v>
      </c>
      <c r="O6522" t="s">
        <v>85</v>
      </c>
      <c r="P6522" t="s">
        <v>86</v>
      </c>
      <c r="Q6522">
        <v>93</v>
      </c>
      <c r="R6522">
        <v>94</v>
      </c>
      <c r="S6522">
        <v>95</v>
      </c>
      <c r="T6522">
        <v>96</v>
      </c>
      <c r="U6522">
        <v>97</v>
      </c>
      <c r="V6522">
        <v>98</v>
      </c>
      <c r="W6522">
        <v>99</v>
      </c>
      <c r="X6522">
        <v>100</v>
      </c>
      <c r="Y6522">
        <v>101</v>
      </c>
      <c r="Z6522">
        <v>102</v>
      </c>
      <c r="AA6522">
        <v>103</v>
      </c>
      <c r="AB6522">
        <v>104</v>
      </c>
      <c r="AC6522">
        <v>105</v>
      </c>
      <c r="AD6522">
        <v>106</v>
      </c>
      <c r="AE6522">
        <v>107</v>
      </c>
      <c r="AF6522">
        <v>107</v>
      </c>
      <c r="AG6522">
        <v>108</v>
      </c>
      <c r="AH6522">
        <v>109</v>
      </c>
      <c r="AI6522">
        <v>110</v>
      </c>
      <c r="AJ6522">
        <v>111</v>
      </c>
      <c r="AK6522">
        <v>111</v>
      </c>
      <c r="AL6522">
        <v>111</v>
      </c>
      <c r="AM6522">
        <v>111</v>
      </c>
      <c r="AN6522">
        <v>111</v>
      </c>
      <c r="AO6522">
        <v>110</v>
      </c>
      <c r="AP6522">
        <v>110</v>
      </c>
      <c r="AQ6522">
        <v>110</v>
      </c>
    </row>
    <row r="6523" spans="1:43">
      <c r="A6523" t="s">
        <v>4090</v>
      </c>
      <c r="B6523" t="s">
        <v>4091</v>
      </c>
      <c r="C6523" t="s">
        <v>4076</v>
      </c>
      <c r="D6523" t="s">
        <v>4077</v>
      </c>
      <c r="E6523" t="s">
        <v>3968</v>
      </c>
      <c r="F6523" t="s">
        <v>3969</v>
      </c>
      <c r="G6523" t="s">
        <v>80</v>
      </c>
      <c r="H6523" t="s">
        <v>81</v>
      </c>
      <c r="I6523" s="2">
        <v>0</v>
      </c>
      <c r="J6523" s="2">
        <v>1</v>
      </c>
      <c r="K6523" s="2">
        <v>0</v>
      </c>
      <c r="L6523" t="s">
        <v>82</v>
      </c>
      <c r="M6523" t="s">
        <v>87</v>
      </c>
      <c r="N6523" t="s">
        <v>88</v>
      </c>
      <c r="O6523" t="s">
        <v>85</v>
      </c>
      <c r="P6523" t="s">
        <v>86</v>
      </c>
      <c r="Q6523">
        <v>93</v>
      </c>
      <c r="R6523">
        <v>93</v>
      </c>
      <c r="S6523">
        <v>93</v>
      </c>
      <c r="T6523">
        <v>94</v>
      </c>
      <c r="U6523">
        <v>94</v>
      </c>
      <c r="V6523">
        <v>94</v>
      </c>
      <c r="W6523">
        <v>94</v>
      </c>
      <c r="X6523">
        <v>94</v>
      </c>
      <c r="Y6523">
        <v>95</v>
      </c>
      <c r="Z6523">
        <v>95</v>
      </c>
      <c r="AA6523">
        <v>95</v>
      </c>
      <c r="AB6523">
        <v>95</v>
      </c>
      <c r="AC6523">
        <v>95</v>
      </c>
      <c r="AD6523">
        <v>95</v>
      </c>
      <c r="AE6523">
        <v>95</v>
      </c>
      <c r="AF6523">
        <v>95</v>
      </c>
      <c r="AG6523">
        <v>95</v>
      </c>
      <c r="AH6523">
        <v>96</v>
      </c>
      <c r="AI6523">
        <v>96</v>
      </c>
      <c r="AJ6523">
        <v>96</v>
      </c>
      <c r="AK6523">
        <v>96</v>
      </c>
      <c r="AL6523">
        <v>96</v>
      </c>
      <c r="AM6523">
        <v>96</v>
      </c>
      <c r="AN6523">
        <v>96</v>
      </c>
      <c r="AO6523">
        <v>96</v>
      </c>
      <c r="AP6523">
        <v>96</v>
      </c>
      <c r="AQ6523">
        <v>96</v>
      </c>
    </row>
    <row r="6524" spans="1:43">
      <c r="A6524" t="s">
        <v>4090</v>
      </c>
      <c r="B6524" t="s">
        <v>4091</v>
      </c>
      <c r="C6524" t="s">
        <v>4076</v>
      </c>
      <c r="D6524" t="s">
        <v>4077</v>
      </c>
      <c r="E6524" t="s">
        <v>3968</v>
      </c>
      <c r="F6524" t="s">
        <v>3969</v>
      </c>
      <c r="G6524" t="s">
        <v>80</v>
      </c>
      <c r="H6524" t="s">
        <v>81</v>
      </c>
      <c r="I6524" s="2">
        <v>0</v>
      </c>
      <c r="J6524" s="2">
        <v>1</v>
      </c>
      <c r="K6524" s="2">
        <v>0</v>
      </c>
      <c r="L6524" t="s">
        <v>82</v>
      </c>
      <c r="M6524" t="s">
        <v>89</v>
      </c>
      <c r="N6524" t="s">
        <v>90</v>
      </c>
      <c r="O6524" t="s">
        <v>85</v>
      </c>
      <c r="P6524" t="s">
        <v>86</v>
      </c>
      <c r="Q6524">
        <v>93</v>
      </c>
      <c r="R6524">
        <v>94</v>
      </c>
      <c r="S6524">
        <v>96</v>
      </c>
      <c r="T6524">
        <v>98</v>
      </c>
      <c r="U6524">
        <v>100</v>
      </c>
      <c r="V6524">
        <v>102</v>
      </c>
      <c r="W6524">
        <v>103</v>
      </c>
      <c r="X6524">
        <v>105</v>
      </c>
      <c r="Y6524">
        <v>106</v>
      </c>
      <c r="Z6524">
        <v>108</v>
      </c>
      <c r="AA6524">
        <v>109</v>
      </c>
      <c r="AB6524">
        <v>110</v>
      </c>
      <c r="AC6524">
        <v>112</v>
      </c>
      <c r="AD6524">
        <v>113</v>
      </c>
      <c r="AE6524">
        <v>113</v>
      </c>
      <c r="AF6524">
        <v>113</v>
      </c>
      <c r="AG6524">
        <v>113</v>
      </c>
      <c r="AH6524">
        <v>113</v>
      </c>
      <c r="AI6524">
        <v>112</v>
      </c>
      <c r="AJ6524">
        <v>112</v>
      </c>
      <c r="AK6524">
        <v>112</v>
      </c>
      <c r="AL6524">
        <v>112</v>
      </c>
      <c r="AM6524">
        <v>111</v>
      </c>
      <c r="AN6524">
        <v>111</v>
      </c>
      <c r="AO6524">
        <v>111</v>
      </c>
      <c r="AP6524">
        <v>110</v>
      </c>
      <c r="AQ6524">
        <v>110</v>
      </c>
    </row>
    <row r="6525" spans="1:43">
      <c r="A6525" t="s">
        <v>4090</v>
      </c>
      <c r="B6525" t="s">
        <v>4091</v>
      </c>
      <c r="C6525" t="s">
        <v>4076</v>
      </c>
      <c r="D6525" t="s">
        <v>4077</v>
      </c>
      <c r="E6525" t="s">
        <v>3968</v>
      </c>
      <c r="F6525" t="s">
        <v>3969</v>
      </c>
      <c r="G6525" t="s">
        <v>80</v>
      </c>
      <c r="H6525" t="s">
        <v>81</v>
      </c>
      <c r="I6525" s="2">
        <v>0</v>
      </c>
      <c r="J6525" s="2">
        <v>1</v>
      </c>
      <c r="K6525" s="2">
        <v>0</v>
      </c>
      <c r="L6525" t="s">
        <v>82</v>
      </c>
      <c r="M6525" t="s">
        <v>83</v>
      </c>
      <c r="N6525" t="s">
        <v>91</v>
      </c>
      <c r="O6525" t="s">
        <v>85</v>
      </c>
      <c r="P6525" t="s">
        <v>86</v>
      </c>
      <c r="Q6525">
        <v>93</v>
      </c>
      <c r="R6525">
        <v>94</v>
      </c>
      <c r="S6525">
        <v>95</v>
      </c>
      <c r="T6525">
        <v>96</v>
      </c>
      <c r="U6525">
        <v>97</v>
      </c>
      <c r="V6525">
        <v>98</v>
      </c>
      <c r="W6525">
        <v>99</v>
      </c>
      <c r="X6525">
        <v>100</v>
      </c>
      <c r="Y6525">
        <v>101</v>
      </c>
      <c r="Z6525">
        <v>102</v>
      </c>
      <c r="AA6525">
        <v>103</v>
      </c>
      <c r="AB6525">
        <v>104</v>
      </c>
      <c r="AC6525">
        <v>105</v>
      </c>
      <c r="AD6525">
        <v>106</v>
      </c>
      <c r="AE6525">
        <v>107</v>
      </c>
      <c r="AF6525">
        <v>107</v>
      </c>
      <c r="AG6525">
        <v>108</v>
      </c>
      <c r="AH6525">
        <v>109</v>
      </c>
      <c r="AI6525">
        <v>110</v>
      </c>
      <c r="AJ6525">
        <v>111</v>
      </c>
      <c r="AK6525">
        <v>111</v>
      </c>
      <c r="AL6525">
        <v>111</v>
      </c>
      <c r="AM6525">
        <v>111</v>
      </c>
      <c r="AN6525">
        <v>111</v>
      </c>
      <c r="AO6525">
        <v>110</v>
      </c>
      <c r="AP6525">
        <v>110</v>
      </c>
      <c r="AQ6525">
        <v>110</v>
      </c>
    </row>
    <row r="6526" spans="1:43">
      <c r="A6526" t="s">
        <v>4092</v>
      </c>
      <c r="B6526" t="s">
        <v>4093</v>
      </c>
      <c r="C6526" t="s">
        <v>4076</v>
      </c>
      <c r="D6526" t="s">
        <v>4077</v>
      </c>
      <c r="E6526" t="s">
        <v>3968</v>
      </c>
      <c r="F6526" t="s">
        <v>3969</v>
      </c>
      <c r="G6526" t="s">
        <v>80</v>
      </c>
      <c r="H6526" t="s">
        <v>81</v>
      </c>
      <c r="I6526" s="2">
        <v>0</v>
      </c>
      <c r="J6526" s="2">
        <v>1</v>
      </c>
      <c r="K6526" s="2">
        <v>0</v>
      </c>
      <c r="L6526" t="s">
        <v>82</v>
      </c>
      <c r="M6526" t="s">
        <v>83</v>
      </c>
      <c r="N6526" t="s">
        <v>84</v>
      </c>
      <c r="O6526" t="s">
        <v>85</v>
      </c>
      <c r="P6526" t="s">
        <v>86</v>
      </c>
      <c r="Q6526">
        <v>146</v>
      </c>
      <c r="R6526">
        <v>148</v>
      </c>
      <c r="S6526">
        <v>150</v>
      </c>
      <c r="T6526">
        <v>151</v>
      </c>
      <c r="U6526">
        <v>153</v>
      </c>
      <c r="V6526">
        <v>155</v>
      </c>
      <c r="W6526">
        <v>156</v>
      </c>
      <c r="X6526">
        <v>158</v>
      </c>
      <c r="Y6526">
        <v>160</v>
      </c>
      <c r="Z6526">
        <v>161</v>
      </c>
      <c r="AA6526">
        <v>163</v>
      </c>
      <c r="AB6526">
        <v>164</v>
      </c>
      <c r="AC6526">
        <v>165</v>
      </c>
      <c r="AD6526">
        <v>167</v>
      </c>
      <c r="AE6526">
        <v>168</v>
      </c>
      <c r="AF6526">
        <v>169</v>
      </c>
      <c r="AG6526">
        <v>171</v>
      </c>
      <c r="AH6526">
        <v>172</v>
      </c>
      <c r="AI6526">
        <v>173</v>
      </c>
      <c r="AJ6526">
        <v>174</v>
      </c>
      <c r="AK6526">
        <v>176</v>
      </c>
      <c r="AL6526">
        <v>176</v>
      </c>
      <c r="AM6526">
        <v>175</v>
      </c>
      <c r="AN6526">
        <v>175</v>
      </c>
      <c r="AO6526">
        <v>174</v>
      </c>
      <c r="AP6526">
        <v>174</v>
      </c>
      <c r="AQ6526">
        <v>173</v>
      </c>
    </row>
    <row r="6527" spans="1:43">
      <c r="A6527" t="s">
        <v>4092</v>
      </c>
      <c r="B6527" t="s">
        <v>4093</v>
      </c>
      <c r="C6527" t="s">
        <v>4076</v>
      </c>
      <c r="D6527" t="s">
        <v>4077</v>
      </c>
      <c r="E6527" t="s">
        <v>3968</v>
      </c>
      <c r="F6527" t="s">
        <v>3969</v>
      </c>
      <c r="G6527" t="s">
        <v>80</v>
      </c>
      <c r="H6527" t="s">
        <v>81</v>
      </c>
      <c r="I6527" s="2">
        <v>0</v>
      </c>
      <c r="J6527" s="2">
        <v>1</v>
      </c>
      <c r="K6527" s="2">
        <v>0</v>
      </c>
      <c r="L6527" t="s">
        <v>82</v>
      </c>
      <c r="M6527" t="s">
        <v>87</v>
      </c>
      <c r="N6527" t="s">
        <v>88</v>
      </c>
      <c r="O6527" t="s">
        <v>85</v>
      </c>
      <c r="P6527" t="s">
        <v>86</v>
      </c>
      <c r="Q6527">
        <v>146</v>
      </c>
      <c r="R6527">
        <v>146</v>
      </c>
      <c r="S6527">
        <v>147</v>
      </c>
      <c r="T6527">
        <v>147</v>
      </c>
      <c r="U6527">
        <v>147</v>
      </c>
      <c r="V6527">
        <v>148</v>
      </c>
      <c r="W6527">
        <v>148</v>
      </c>
      <c r="X6527">
        <v>148</v>
      </c>
      <c r="Y6527">
        <v>149</v>
      </c>
      <c r="Z6527">
        <v>149</v>
      </c>
      <c r="AA6527">
        <v>149</v>
      </c>
      <c r="AB6527">
        <v>149</v>
      </c>
      <c r="AC6527">
        <v>149</v>
      </c>
      <c r="AD6527">
        <v>150</v>
      </c>
      <c r="AE6527">
        <v>150</v>
      </c>
      <c r="AF6527">
        <v>150</v>
      </c>
      <c r="AG6527">
        <v>150</v>
      </c>
      <c r="AH6527">
        <v>150</v>
      </c>
      <c r="AI6527">
        <v>150</v>
      </c>
      <c r="AJ6527">
        <v>150</v>
      </c>
      <c r="AK6527">
        <v>151</v>
      </c>
      <c r="AL6527">
        <v>151</v>
      </c>
      <c r="AM6527">
        <v>151</v>
      </c>
      <c r="AN6527">
        <v>151</v>
      </c>
      <c r="AO6527">
        <v>151</v>
      </c>
      <c r="AP6527">
        <v>151</v>
      </c>
      <c r="AQ6527">
        <v>151</v>
      </c>
    </row>
    <row r="6528" spans="1:43">
      <c r="A6528" t="s">
        <v>4092</v>
      </c>
      <c r="B6528" t="s">
        <v>4093</v>
      </c>
      <c r="C6528" t="s">
        <v>4076</v>
      </c>
      <c r="D6528" t="s">
        <v>4077</v>
      </c>
      <c r="E6528" t="s">
        <v>3968</v>
      </c>
      <c r="F6528" t="s">
        <v>3969</v>
      </c>
      <c r="G6528" t="s">
        <v>80</v>
      </c>
      <c r="H6528" t="s">
        <v>81</v>
      </c>
      <c r="I6528" s="2">
        <v>0</v>
      </c>
      <c r="J6528" s="2">
        <v>1</v>
      </c>
      <c r="K6528" s="2">
        <v>0</v>
      </c>
      <c r="L6528" t="s">
        <v>82</v>
      </c>
      <c r="M6528" t="s">
        <v>89</v>
      </c>
      <c r="N6528" t="s">
        <v>90</v>
      </c>
      <c r="O6528" t="s">
        <v>85</v>
      </c>
      <c r="P6528" t="s">
        <v>86</v>
      </c>
      <c r="Q6528">
        <v>146</v>
      </c>
      <c r="R6528">
        <v>149</v>
      </c>
      <c r="S6528">
        <v>152</v>
      </c>
      <c r="T6528">
        <v>154</v>
      </c>
      <c r="U6528">
        <v>157</v>
      </c>
      <c r="V6528">
        <v>160</v>
      </c>
      <c r="W6528">
        <v>162</v>
      </c>
      <c r="X6528">
        <v>165</v>
      </c>
      <c r="Y6528">
        <v>167</v>
      </c>
      <c r="Z6528">
        <v>169</v>
      </c>
      <c r="AA6528">
        <v>171</v>
      </c>
      <c r="AB6528">
        <v>173</v>
      </c>
      <c r="AC6528">
        <v>175</v>
      </c>
      <c r="AD6528">
        <v>177</v>
      </c>
      <c r="AE6528">
        <v>178</v>
      </c>
      <c r="AF6528">
        <v>178</v>
      </c>
      <c r="AG6528">
        <v>178</v>
      </c>
      <c r="AH6528">
        <v>177</v>
      </c>
      <c r="AI6528">
        <v>177</v>
      </c>
      <c r="AJ6528">
        <v>176</v>
      </c>
      <c r="AK6528">
        <v>176</v>
      </c>
      <c r="AL6528">
        <v>176</v>
      </c>
      <c r="AM6528">
        <v>175</v>
      </c>
      <c r="AN6528">
        <v>175</v>
      </c>
      <c r="AO6528">
        <v>174</v>
      </c>
      <c r="AP6528">
        <v>174</v>
      </c>
      <c r="AQ6528">
        <v>173</v>
      </c>
    </row>
    <row r="6529" spans="1:43">
      <c r="A6529" t="s">
        <v>4092</v>
      </c>
      <c r="B6529" t="s">
        <v>4093</v>
      </c>
      <c r="C6529" t="s">
        <v>4076</v>
      </c>
      <c r="D6529" t="s">
        <v>4077</v>
      </c>
      <c r="E6529" t="s">
        <v>3968</v>
      </c>
      <c r="F6529" t="s">
        <v>3969</v>
      </c>
      <c r="G6529" t="s">
        <v>80</v>
      </c>
      <c r="H6529" t="s">
        <v>81</v>
      </c>
      <c r="I6529" s="2">
        <v>0</v>
      </c>
      <c r="J6529" s="2">
        <v>1</v>
      </c>
      <c r="K6529" s="2">
        <v>0</v>
      </c>
      <c r="L6529" t="s">
        <v>82</v>
      </c>
      <c r="M6529" t="s">
        <v>83</v>
      </c>
      <c r="N6529" t="s">
        <v>91</v>
      </c>
      <c r="O6529" t="s">
        <v>85</v>
      </c>
      <c r="P6529" t="s">
        <v>86</v>
      </c>
      <c r="Q6529">
        <v>146</v>
      </c>
      <c r="R6529">
        <v>148</v>
      </c>
      <c r="S6529">
        <v>150</v>
      </c>
      <c r="T6529">
        <v>151</v>
      </c>
      <c r="U6529">
        <v>153</v>
      </c>
      <c r="V6529">
        <v>155</v>
      </c>
      <c r="W6529">
        <v>156</v>
      </c>
      <c r="X6529">
        <v>158</v>
      </c>
      <c r="Y6529">
        <v>160</v>
      </c>
      <c r="Z6529">
        <v>161</v>
      </c>
      <c r="AA6529">
        <v>163</v>
      </c>
      <c r="AB6529">
        <v>164</v>
      </c>
      <c r="AC6529">
        <v>165</v>
      </c>
      <c r="AD6529">
        <v>167</v>
      </c>
      <c r="AE6529">
        <v>168</v>
      </c>
      <c r="AF6529">
        <v>169</v>
      </c>
      <c r="AG6529">
        <v>171</v>
      </c>
      <c r="AH6529">
        <v>172</v>
      </c>
      <c r="AI6529">
        <v>173</v>
      </c>
      <c r="AJ6529">
        <v>174</v>
      </c>
      <c r="AK6529">
        <v>176</v>
      </c>
      <c r="AL6529">
        <v>176</v>
      </c>
      <c r="AM6529">
        <v>175</v>
      </c>
      <c r="AN6529">
        <v>175</v>
      </c>
      <c r="AO6529">
        <v>174</v>
      </c>
      <c r="AP6529">
        <v>174</v>
      </c>
      <c r="AQ6529">
        <v>173</v>
      </c>
    </row>
    <row r="6530" spans="1:43">
      <c r="A6530" t="s">
        <v>4094</v>
      </c>
      <c r="B6530" t="s">
        <v>4095</v>
      </c>
      <c r="C6530" t="s">
        <v>4036</v>
      </c>
      <c r="D6530" t="s">
        <v>4037</v>
      </c>
      <c r="E6530" t="s">
        <v>3968</v>
      </c>
      <c r="F6530" t="s">
        <v>3969</v>
      </c>
      <c r="G6530" t="s">
        <v>80</v>
      </c>
      <c r="H6530" t="s">
        <v>81</v>
      </c>
      <c r="I6530" s="2">
        <v>0</v>
      </c>
      <c r="J6530" s="2">
        <v>1</v>
      </c>
      <c r="K6530" s="2">
        <v>0</v>
      </c>
      <c r="L6530" t="s">
        <v>82</v>
      </c>
      <c r="M6530" t="s">
        <v>83</v>
      </c>
      <c r="N6530" t="s">
        <v>84</v>
      </c>
      <c r="O6530" t="s">
        <v>85</v>
      </c>
      <c r="P6530" t="s">
        <v>86</v>
      </c>
      <c r="Q6530">
        <v>44</v>
      </c>
      <c r="R6530">
        <v>45</v>
      </c>
      <c r="S6530">
        <v>45</v>
      </c>
      <c r="T6530">
        <v>46</v>
      </c>
      <c r="U6530">
        <v>46</v>
      </c>
      <c r="V6530">
        <v>47</v>
      </c>
      <c r="W6530">
        <v>47</v>
      </c>
      <c r="X6530">
        <v>48</v>
      </c>
      <c r="Y6530">
        <v>48</v>
      </c>
      <c r="Z6530">
        <v>49</v>
      </c>
      <c r="AA6530">
        <v>49</v>
      </c>
      <c r="AB6530">
        <v>50</v>
      </c>
      <c r="AC6530">
        <v>50</v>
      </c>
      <c r="AD6530">
        <v>50</v>
      </c>
      <c r="AE6530">
        <v>51</v>
      </c>
      <c r="AF6530">
        <v>51</v>
      </c>
      <c r="AG6530">
        <v>52</v>
      </c>
      <c r="AH6530">
        <v>52</v>
      </c>
      <c r="AI6530">
        <v>52</v>
      </c>
      <c r="AJ6530">
        <v>53</v>
      </c>
      <c r="AK6530">
        <v>53</v>
      </c>
      <c r="AL6530">
        <v>53</v>
      </c>
      <c r="AM6530">
        <v>53</v>
      </c>
      <c r="AN6530">
        <v>53</v>
      </c>
      <c r="AO6530">
        <v>53</v>
      </c>
      <c r="AP6530">
        <v>53</v>
      </c>
      <c r="AQ6530">
        <v>53</v>
      </c>
    </row>
    <row r="6531" spans="1:43">
      <c r="A6531" t="s">
        <v>4094</v>
      </c>
      <c r="B6531" t="s">
        <v>4095</v>
      </c>
      <c r="C6531" t="s">
        <v>4036</v>
      </c>
      <c r="D6531" t="s">
        <v>4037</v>
      </c>
      <c r="E6531" t="s">
        <v>3968</v>
      </c>
      <c r="F6531" t="s">
        <v>3969</v>
      </c>
      <c r="G6531" t="s">
        <v>80</v>
      </c>
      <c r="H6531" t="s">
        <v>81</v>
      </c>
      <c r="I6531" s="2">
        <v>0</v>
      </c>
      <c r="J6531" s="2">
        <v>1</v>
      </c>
      <c r="K6531" s="2">
        <v>0</v>
      </c>
      <c r="L6531" t="s">
        <v>82</v>
      </c>
      <c r="M6531" t="s">
        <v>87</v>
      </c>
      <c r="N6531" t="s">
        <v>88</v>
      </c>
      <c r="O6531" t="s">
        <v>85</v>
      </c>
      <c r="P6531" t="s">
        <v>86</v>
      </c>
      <c r="Q6531">
        <v>44</v>
      </c>
      <c r="R6531">
        <v>44</v>
      </c>
      <c r="S6531">
        <v>44</v>
      </c>
      <c r="T6531">
        <v>44</v>
      </c>
      <c r="U6531">
        <v>44</v>
      </c>
      <c r="V6531">
        <v>44</v>
      </c>
      <c r="W6531">
        <v>44</v>
      </c>
      <c r="X6531">
        <v>45</v>
      </c>
      <c r="Y6531">
        <v>45</v>
      </c>
      <c r="Z6531">
        <v>45</v>
      </c>
      <c r="AA6531">
        <v>45</v>
      </c>
      <c r="AB6531">
        <v>45</v>
      </c>
      <c r="AC6531">
        <v>45</v>
      </c>
      <c r="AD6531">
        <v>45</v>
      </c>
      <c r="AE6531">
        <v>45</v>
      </c>
      <c r="AF6531">
        <v>45</v>
      </c>
      <c r="AG6531">
        <v>45</v>
      </c>
      <c r="AH6531">
        <v>45</v>
      </c>
      <c r="AI6531">
        <v>45</v>
      </c>
      <c r="AJ6531">
        <v>45</v>
      </c>
      <c r="AK6531">
        <v>45</v>
      </c>
      <c r="AL6531">
        <v>45</v>
      </c>
      <c r="AM6531">
        <v>45</v>
      </c>
      <c r="AN6531">
        <v>45</v>
      </c>
      <c r="AO6531">
        <v>45</v>
      </c>
      <c r="AP6531">
        <v>45</v>
      </c>
      <c r="AQ6531">
        <v>46</v>
      </c>
    </row>
    <row r="6532" spans="1:43">
      <c r="A6532" t="s">
        <v>4094</v>
      </c>
      <c r="B6532" t="s">
        <v>4095</v>
      </c>
      <c r="C6532" t="s">
        <v>4036</v>
      </c>
      <c r="D6532" t="s">
        <v>4037</v>
      </c>
      <c r="E6532" t="s">
        <v>3968</v>
      </c>
      <c r="F6532" t="s">
        <v>3969</v>
      </c>
      <c r="G6532" t="s">
        <v>80</v>
      </c>
      <c r="H6532" t="s">
        <v>81</v>
      </c>
      <c r="I6532" s="2">
        <v>0</v>
      </c>
      <c r="J6532" s="2">
        <v>1</v>
      </c>
      <c r="K6532" s="2">
        <v>0</v>
      </c>
      <c r="L6532" t="s">
        <v>82</v>
      </c>
      <c r="M6532" t="s">
        <v>89</v>
      </c>
      <c r="N6532" t="s">
        <v>90</v>
      </c>
      <c r="O6532" t="s">
        <v>85</v>
      </c>
      <c r="P6532" t="s">
        <v>86</v>
      </c>
      <c r="Q6532">
        <v>44</v>
      </c>
      <c r="R6532">
        <v>44</v>
      </c>
      <c r="S6532">
        <v>45</v>
      </c>
      <c r="T6532">
        <v>46</v>
      </c>
      <c r="U6532">
        <v>47</v>
      </c>
      <c r="V6532">
        <v>48</v>
      </c>
      <c r="W6532">
        <v>49</v>
      </c>
      <c r="X6532">
        <v>49</v>
      </c>
      <c r="Y6532">
        <v>50</v>
      </c>
      <c r="Z6532">
        <v>51</v>
      </c>
      <c r="AA6532">
        <v>51</v>
      </c>
      <c r="AB6532">
        <v>52</v>
      </c>
      <c r="AC6532">
        <v>53</v>
      </c>
      <c r="AD6532">
        <v>53</v>
      </c>
      <c r="AE6532">
        <v>54</v>
      </c>
      <c r="AF6532">
        <v>54</v>
      </c>
      <c r="AG6532">
        <v>53</v>
      </c>
      <c r="AH6532">
        <v>53</v>
      </c>
      <c r="AI6532">
        <v>53</v>
      </c>
      <c r="AJ6532">
        <v>53</v>
      </c>
      <c r="AK6532">
        <v>53</v>
      </c>
      <c r="AL6532">
        <v>53</v>
      </c>
      <c r="AM6532">
        <v>53</v>
      </c>
      <c r="AN6532">
        <v>53</v>
      </c>
      <c r="AO6532">
        <v>53</v>
      </c>
      <c r="AP6532">
        <v>52</v>
      </c>
      <c r="AQ6532">
        <v>52</v>
      </c>
    </row>
    <row r="6533" spans="1:43">
      <c r="A6533" t="s">
        <v>4094</v>
      </c>
      <c r="B6533" t="s">
        <v>4095</v>
      </c>
      <c r="C6533" t="s">
        <v>4036</v>
      </c>
      <c r="D6533" t="s">
        <v>4037</v>
      </c>
      <c r="E6533" t="s">
        <v>3968</v>
      </c>
      <c r="F6533" t="s">
        <v>3969</v>
      </c>
      <c r="G6533" t="s">
        <v>80</v>
      </c>
      <c r="H6533" t="s">
        <v>81</v>
      </c>
      <c r="I6533" s="2">
        <v>0</v>
      </c>
      <c r="J6533" s="2">
        <v>1</v>
      </c>
      <c r="K6533" s="2">
        <v>0</v>
      </c>
      <c r="L6533" t="s">
        <v>82</v>
      </c>
      <c r="M6533" t="s">
        <v>83</v>
      </c>
      <c r="N6533" t="s">
        <v>91</v>
      </c>
      <c r="O6533" t="s">
        <v>85</v>
      </c>
      <c r="P6533" t="s">
        <v>86</v>
      </c>
      <c r="Q6533">
        <v>44</v>
      </c>
      <c r="R6533">
        <v>45</v>
      </c>
      <c r="S6533">
        <v>45</v>
      </c>
      <c r="T6533">
        <v>46</v>
      </c>
      <c r="U6533">
        <v>46</v>
      </c>
      <c r="V6533">
        <v>47</v>
      </c>
      <c r="W6533">
        <v>47</v>
      </c>
      <c r="X6533">
        <v>48</v>
      </c>
      <c r="Y6533">
        <v>48</v>
      </c>
      <c r="Z6533">
        <v>49</v>
      </c>
      <c r="AA6533">
        <v>49</v>
      </c>
      <c r="AB6533">
        <v>50</v>
      </c>
      <c r="AC6533">
        <v>50</v>
      </c>
      <c r="AD6533">
        <v>50</v>
      </c>
      <c r="AE6533">
        <v>51</v>
      </c>
      <c r="AF6533">
        <v>51</v>
      </c>
      <c r="AG6533">
        <v>52</v>
      </c>
      <c r="AH6533">
        <v>52</v>
      </c>
      <c r="AI6533">
        <v>52</v>
      </c>
      <c r="AJ6533">
        <v>53</v>
      </c>
      <c r="AK6533">
        <v>53</v>
      </c>
      <c r="AL6533">
        <v>53</v>
      </c>
      <c r="AM6533">
        <v>53</v>
      </c>
      <c r="AN6533">
        <v>53</v>
      </c>
      <c r="AO6533">
        <v>53</v>
      </c>
      <c r="AP6533">
        <v>53</v>
      </c>
      <c r="AQ6533">
        <v>53</v>
      </c>
    </row>
    <row r="6534" spans="1:43">
      <c r="A6534" t="s">
        <v>4096</v>
      </c>
      <c r="B6534" t="s">
        <v>4097</v>
      </c>
      <c r="C6534" t="s">
        <v>4036</v>
      </c>
      <c r="D6534" t="s">
        <v>4037</v>
      </c>
      <c r="E6534" t="s">
        <v>3968</v>
      </c>
      <c r="F6534" t="s">
        <v>3969</v>
      </c>
      <c r="G6534" t="s">
        <v>80</v>
      </c>
      <c r="H6534" t="s">
        <v>81</v>
      </c>
      <c r="I6534" s="2">
        <v>0</v>
      </c>
      <c r="J6534" s="2">
        <v>1</v>
      </c>
      <c r="K6534" s="2">
        <v>0</v>
      </c>
      <c r="L6534" t="s">
        <v>82</v>
      </c>
      <c r="M6534" t="s">
        <v>83</v>
      </c>
      <c r="N6534" t="s">
        <v>84</v>
      </c>
      <c r="O6534" t="s">
        <v>85</v>
      </c>
      <c r="P6534" t="s">
        <v>86</v>
      </c>
      <c r="Q6534">
        <v>112</v>
      </c>
      <c r="R6534">
        <v>113</v>
      </c>
      <c r="S6534">
        <v>115</v>
      </c>
      <c r="T6534">
        <v>116</v>
      </c>
      <c r="U6534">
        <v>117</v>
      </c>
      <c r="V6534">
        <v>119</v>
      </c>
      <c r="W6534">
        <v>120</v>
      </c>
      <c r="X6534">
        <v>121</v>
      </c>
      <c r="Y6534">
        <v>122</v>
      </c>
      <c r="Z6534">
        <v>124</v>
      </c>
      <c r="AA6534">
        <v>125</v>
      </c>
      <c r="AB6534">
        <v>126</v>
      </c>
      <c r="AC6534">
        <v>127</v>
      </c>
      <c r="AD6534">
        <v>128</v>
      </c>
      <c r="AE6534">
        <v>129</v>
      </c>
      <c r="AF6534">
        <v>130</v>
      </c>
      <c r="AG6534">
        <v>131</v>
      </c>
      <c r="AH6534">
        <v>132</v>
      </c>
      <c r="AI6534">
        <v>133</v>
      </c>
      <c r="AJ6534">
        <v>134</v>
      </c>
      <c r="AK6534">
        <v>135</v>
      </c>
      <c r="AL6534">
        <v>135</v>
      </c>
      <c r="AM6534">
        <v>135</v>
      </c>
      <c r="AN6534">
        <v>134</v>
      </c>
      <c r="AO6534">
        <v>134</v>
      </c>
      <c r="AP6534">
        <v>134</v>
      </c>
      <c r="AQ6534">
        <v>133</v>
      </c>
    </row>
    <row r="6535" spans="1:43">
      <c r="A6535" t="s">
        <v>4096</v>
      </c>
      <c r="B6535" t="s">
        <v>4097</v>
      </c>
      <c r="C6535" t="s">
        <v>4036</v>
      </c>
      <c r="D6535" t="s">
        <v>4037</v>
      </c>
      <c r="E6535" t="s">
        <v>3968</v>
      </c>
      <c r="F6535" t="s">
        <v>3969</v>
      </c>
      <c r="G6535" t="s">
        <v>80</v>
      </c>
      <c r="H6535" t="s">
        <v>81</v>
      </c>
      <c r="I6535" s="2">
        <v>0</v>
      </c>
      <c r="J6535" s="2">
        <v>1</v>
      </c>
      <c r="K6535" s="2">
        <v>0</v>
      </c>
      <c r="L6535" t="s">
        <v>82</v>
      </c>
      <c r="M6535" t="s">
        <v>87</v>
      </c>
      <c r="N6535" t="s">
        <v>88</v>
      </c>
      <c r="O6535" t="s">
        <v>85</v>
      </c>
      <c r="P6535" t="s">
        <v>86</v>
      </c>
      <c r="Q6535">
        <v>112</v>
      </c>
      <c r="R6535">
        <v>112</v>
      </c>
      <c r="S6535">
        <v>113</v>
      </c>
      <c r="T6535">
        <v>113</v>
      </c>
      <c r="U6535">
        <v>113</v>
      </c>
      <c r="V6535">
        <v>113</v>
      </c>
      <c r="W6535">
        <v>114</v>
      </c>
      <c r="X6535">
        <v>114</v>
      </c>
      <c r="Y6535">
        <v>114</v>
      </c>
      <c r="Z6535">
        <v>114</v>
      </c>
      <c r="AA6535">
        <v>114</v>
      </c>
      <c r="AB6535">
        <v>115</v>
      </c>
      <c r="AC6535">
        <v>115</v>
      </c>
      <c r="AD6535">
        <v>115</v>
      </c>
      <c r="AE6535">
        <v>115</v>
      </c>
      <c r="AF6535">
        <v>115</v>
      </c>
      <c r="AG6535">
        <v>115</v>
      </c>
      <c r="AH6535">
        <v>115</v>
      </c>
      <c r="AI6535">
        <v>116</v>
      </c>
      <c r="AJ6535">
        <v>116</v>
      </c>
      <c r="AK6535">
        <v>116</v>
      </c>
      <c r="AL6535">
        <v>116</v>
      </c>
      <c r="AM6535">
        <v>116</v>
      </c>
      <c r="AN6535">
        <v>116</v>
      </c>
      <c r="AO6535">
        <v>116</v>
      </c>
      <c r="AP6535">
        <v>116</v>
      </c>
      <c r="AQ6535">
        <v>116</v>
      </c>
    </row>
    <row r="6536" spans="1:43">
      <c r="A6536" t="s">
        <v>4096</v>
      </c>
      <c r="B6536" t="s">
        <v>4097</v>
      </c>
      <c r="C6536" t="s">
        <v>4036</v>
      </c>
      <c r="D6536" t="s">
        <v>4037</v>
      </c>
      <c r="E6536" t="s">
        <v>3968</v>
      </c>
      <c r="F6536" t="s">
        <v>3969</v>
      </c>
      <c r="G6536" t="s">
        <v>80</v>
      </c>
      <c r="H6536" t="s">
        <v>81</v>
      </c>
      <c r="I6536" s="2">
        <v>0</v>
      </c>
      <c r="J6536" s="2">
        <v>1</v>
      </c>
      <c r="K6536" s="2">
        <v>0</v>
      </c>
      <c r="L6536" t="s">
        <v>82</v>
      </c>
      <c r="M6536" t="s">
        <v>89</v>
      </c>
      <c r="N6536" t="s">
        <v>90</v>
      </c>
      <c r="O6536" t="s">
        <v>85</v>
      </c>
      <c r="P6536" t="s">
        <v>86</v>
      </c>
      <c r="Q6536">
        <v>112</v>
      </c>
      <c r="R6536">
        <v>114</v>
      </c>
      <c r="S6536">
        <v>117</v>
      </c>
      <c r="T6536">
        <v>119</v>
      </c>
      <c r="U6536">
        <v>121</v>
      </c>
      <c r="V6536">
        <v>123</v>
      </c>
      <c r="W6536">
        <v>125</v>
      </c>
      <c r="X6536">
        <v>127</v>
      </c>
      <c r="Y6536">
        <v>129</v>
      </c>
      <c r="Z6536">
        <v>130</v>
      </c>
      <c r="AA6536">
        <v>132</v>
      </c>
      <c r="AB6536">
        <v>133</v>
      </c>
      <c r="AC6536">
        <v>135</v>
      </c>
      <c r="AD6536">
        <v>137</v>
      </c>
      <c r="AE6536">
        <v>138</v>
      </c>
      <c r="AF6536">
        <v>137</v>
      </c>
      <c r="AG6536">
        <v>137</v>
      </c>
      <c r="AH6536">
        <v>137</v>
      </c>
      <c r="AI6536">
        <v>136</v>
      </c>
      <c r="AJ6536">
        <v>136</v>
      </c>
      <c r="AK6536">
        <v>136</v>
      </c>
      <c r="AL6536">
        <v>135</v>
      </c>
      <c r="AM6536">
        <v>135</v>
      </c>
      <c r="AN6536">
        <v>135</v>
      </c>
      <c r="AO6536">
        <v>134</v>
      </c>
      <c r="AP6536">
        <v>134</v>
      </c>
      <c r="AQ6536">
        <v>134</v>
      </c>
    </row>
    <row r="6537" spans="1:43">
      <c r="A6537" t="s">
        <v>4096</v>
      </c>
      <c r="B6537" t="s">
        <v>4097</v>
      </c>
      <c r="C6537" t="s">
        <v>4036</v>
      </c>
      <c r="D6537" t="s">
        <v>4037</v>
      </c>
      <c r="E6537" t="s">
        <v>3968</v>
      </c>
      <c r="F6537" t="s">
        <v>3969</v>
      </c>
      <c r="G6537" t="s">
        <v>80</v>
      </c>
      <c r="H6537" t="s">
        <v>81</v>
      </c>
      <c r="I6537" s="2">
        <v>0</v>
      </c>
      <c r="J6537" s="2">
        <v>1</v>
      </c>
      <c r="K6537" s="2">
        <v>0</v>
      </c>
      <c r="L6537" t="s">
        <v>82</v>
      </c>
      <c r="M6537" t="s">
        <v>83</v>
      </c>
      <c r="N6537" t="s">
        <v>91</v>
      </c>
      <c r="O6537" t="s">
        <v>85</v>
      </c>
      <c r="P6537" t="s">
        <v>86</v>
      </c>
      <c r="Q6537">
        <v>112</v>
      </c>
      <c r="R6537">
        <v>113</v>
      </c>
      <c r="S6537">
        <v>115</v>
      </c>
      <c r="T6537">
        <v>116</v>
      </c>
      <c r="U6537">
        <v>117</v>
      </c>
      <c r="V6537">
        <v>119</v>
      </c>
      <c r="W6537">
        <v>120</v>
      </c>
      <c r="X6537">
        <v>121</v>
      </c>
      <c r="Y6537">
        <v>122</v>
      </c>
      <c r="Z6537">
        <v>124</v>
      </c>
      <c r="AA6537">
        <v>125</v>
      </c>
      <c r="AB6537">
        <v>126</v>
      </c>
      <c r="AC6537">
        <v>127</v>
      </c>
      <c r="AD6537">
        <v>128</v>
      </c>
      <c r="AE6537">
        <v>129</v>
      </c>
      <c r="AF6537">
        <v>130</v>
      </c>
      <c r="AG6537">
        <v>131</v>
      </c>
      <c r="AH6537">
        <v>132</v>
      </c>
      <c r="AI6537">
        <v>133</v>
      </c>
      <c r="AJ6537">
        <v>134</v>
      </c>
      <c r="AK6537">
        <v>135</v>
      </c>
      <c r="AL6537">
        <v>135</v>
      </c>
      <c r="AM6537">
        <v>135</v>
      </c>
      <c r="AN6537">
        <v>134</v>
      </c>
      <c r="AO6537">
        <v>134</v>
      </c>
      <c r="AP6537">
        <v>134</v>
      </c>
      <c r="AQ6537">
        <v>133</v>
      </c>
    </row>
    <row r="6538" spans="1:43">
      <c r="A6538" t="s">
        <v>4098</v>
      </c>
      <c r="B6538" t="s">
        <v>4099</v>
      </c>
      <c r="C6538" t="s">
        <v>4036</v>
      </c>
      <c r="D6538" t="s">
        <v>4037</v>
      </c>
      <c r="E6538" t="s">
        <v>3968</v>
      </c>
      <c r="F6538" t="s">
        <v>3969</v>
      </c>
      <c r="G6538" t="s">
        <v>80</v>
      </c>
      <c r="H6538" t="s">
        <v>81</v>
      </c>
      <c r="I6538" s="2">
        <v>0</v>
      </c>
      <c r="J6538" s="2">
        <v>1</v>
      </c>
      <c r="K6538" s="2">
        <v>0</v>
      </c>
      <c r="L6538" t="s">
        <v>82</v>
      </c>
      <c r="M6538" t="s">
        <v>83</v>
      </c>
      <c r="N6538" t="s">
        <v>84</v>
      </c>
      <c r="O6538" t="s">
        <v>85</v>
      </c>
      <c r="P6538" t="s">
        <v>86</v>
      </c>
      <c r="Q6538">
        <v>93</v>
      </c>
      <c r="R6538">
        <v>94</v>
      </c>
      <c r="S6538">
        <v>95</v>
      </c>
      <c r="T6538">
        <v>96</v>
      </c>
      <c r="U6538">
        <v>97</v>
      </c>
      <c r="V6538">
        <v>98</v>
      </c>
      <c r="W6538">
        <v>99</v>
      </c>
      <c r="X6538">
        <v>100</v>
      </c>
      <c r="Y6538">
        <v>101</v>
      </c>
      <c r="Z6538">
        <v>102</v>
      </c>
      <c r="AA6538">
        <v>103</v>
      </c>
      <c r="AB6538">
        <v>104</v>
      </c>
      <c r="AC6538">
        <v>105</v>
      </c>
      <c r="AD6538">
        <v>106</v>
      </c>
      <c r="AE6538">
        <v>107</v>
      </c>
      <c r="AF6538">
        <v>108</v>
      </c>
      <c r="AG6538">
        <v>109</v>
      </c>
      <c r="AH6538">
        <v>109</v>
      </c>
      <c r="AI6538">
        <v>110</v>
      </c>
      <c r="AJ6538">
        <v>111</v>
      </c>
      <c r="AK6538">
        <v>112</v>
      </c>
      <c r="AL6538">
        <v>112</v>
      </c>
      <c r="AM6538">
        <v>112</v>
      </c>
      <c r="AN6538">
        <v>111</v>
      </c>
      <c r="AO6538">
        <v>111</v>
      </c>
      <c r="AP6538">
        <v>111</v>
      </c>
      <c r="AQ6538">
        <v>111</v>
      </c>
    </row>
    <row r="6539" spans="1:43">
      <c r="A6539" t="s">
        <v>4098</v>
      </c>
      <c r="B6539" t="s">
        <v>4099</v>
      </c>
      <c r="C6539" t="s">
        <v>4036</v>
      </c>
      <c r="D6539" t="s">
        <v>4037</v>
      </c>
      <c r="E6539" t="s">
        <v>3968</v>
      </c>
      <c r="F6539" t="s">
        <v>3969</v>
      </c>
      <c r="G6539" t="s">
        <v>80</v>
      </c>
      <c r="H6539" t="s">
        <v>81</v>
      </c>
      <c r="I6539" s="2">
        <v>0</v>
      </c>
      <c r="J6539" s="2">
        <v>1</v>
      </c>
      <c r="K6539" s="2">
        <v>0</v>
      </c>
      <c r="L6539" t="s">
        <v>82</v>
      </c>
      <c r="M6539" t="s">
        <v>87</v>
      </c>
      <c r="N6539" t="s">
        <v>88</v>
      </c>
      <c r="O6539" t="s">
        <v>85</v>
      </c>
      <c r="P6539" t="s">
        <v>86</v>
      </c>
      <c r="Q6539">
        <v>93</v>
      </c>
      <c r="R6539">
        <v>93</v>
      </c>
      <c r="S6539">
        <v>93</v>
      </c>
      <c r="T6539">
        <v>94</v>
      </c>
      <c r="U6539">
        <v>94</v>
      </c>
      <c r="V6539">
        <v>94</v>
      </c>
      <c r="W6539">
        <v>94</v>
      </c>
      <c r="X6539">
        <v>95</v>
      </c>
      <c r="Y6539">
        <v>95</v>
      </c>
      <c r="Z6539">
        <v>95</v>
      </c>
      <c r="AA6539">
        <v>95</v>
      </c>
      <c r="AB6539">
        <v>95</v>
      </c>
      <c r="AC6539">
        <v>95</v>
      </c>
      <c r="AD6539">
        <v>96</v>
      </c>
      <c r="AE6539">
        <v>96</v>
      </c>
      <c r="AF6539">
        <v>96</v>
      </c>
      <c r="AG6539">
        <v>96</v>
      </c>
      <c r="AH6539">
        <v>96</v>
      </c>
      <c r="AI6539">
        <v>96</v>
      </c>
      <c r="AJ6539">
        <v>96</v>
      </c>
      <c r="AK6539">
        <v>96</v>
      </c>
      <c r="AL6539">
        <v>96</v>
      </c>
      <c r="AM6539">
        <v>96</v>
      </c>
      <c r="AN6539">
        <v>96</v>
      </c>
      <c r="AO6539">
        <v>96</v>
      </c>
      <c r="AP6539">
        <v>96</v>
      </c>
      <c r="AQ6539">
        <v>96</v>
      </c>
    </row>
    <row r="6540" spans="1:43">
      <c r="A6540" t="s">
        <v>4098</v>
      </c>
      <c r="B6540" t="s">
        <v>4099</v>
      </c>
      <c r="C6540" t="s">
        <v>4036</v>
      </c>
      <c r="D6540" t="s">
        <v>4037</v>
      </c>
      <c r="E6540" t="s">
        <v>3968</v>
      </c>
      <c r="F6540" t="s">
        <v>3969</v>
      </c>
      <c r="G6540" t="s">
        <v>80</v>
      </c>
      <c r="H6540" t="s">
        <v>81</v>
      </c>
      <c r="I6540" s="2">
        <v>0</v>
      </c>
      <c r="J6540" s="2">
        <v>1</v>
      </c>
      <c r="K6540" s="2">
        <v>0</v>
      </c>
      <c r="L6540" t="s">
        <v>82</v>
      </c>
      <c r="M6540" t="s">
        <v>89</v>
      </c>
      <c r="N6540" t="s">
        <v>90</v>
      </c>
      <c r="O6540" t="s">
        <v>85</v>
      </c>
      <c r="P6540" t="s">
        <v>86</v>
      </c>
      <c r="Q6540">
        <v>93</v>
      </c>
      <c r="R6540">
        <v>95</v>
      </c>
      <c r="S6540">
        <v>97</v>
      </c>
      <c r="T6540">
        <v>98</v>
      </c>
      <c r="U6540">
        <v>100</v>
      </c>
      <c r="V6540">
        <v>102</v>
      </c>
      <c r="W6540">
        <v>103</v>
      </c>
      <c r="X6540">
        <v>105</v>
      </c>
      <c r="Y6540">
        <v>106</v>
      </c>
      <c r="Z6540">
        <v>108</v>
      </c>
      <c r="AA6540">
        <v>109</v>
      </c>
      <c r="AB6540">
        <v>110</v>
      </c>
      <c r="AC6540">
        <v>112</v>
      </c>
      <c r="AD6540">
        <v>113</v>
      </c>
      <c r="AE6540">
        <v>114</v>
      </c>
      <c r="AF6540">
        <v>114</v>
      </c>
      <c r="AG6540">
        <v>113</v>
      </c>
      <c r="AH6540">
        <v>113</v>
      </c>
      <c r="AI6540">
        <v>113</v>
      </c>
      <c r="AJ6540">
        <v>113</v>
      </c>
      <c r="AK6540">
        <v>112</v>
      </c>
      <c r="AL6540">
        <v>112</v>
      </c>
      <c r="AM6540">
        <v>112</v>
      </c>
      <c r="AN6540">
        <v>112</v>
      </c>
      <c r="AO6540">
        <v>111</v>
      </c>
      <c r="AP6540">
        <v>111</v>
      </c>
      <c r="AQ6540">
        <v>111</v>
      </c>
    </row>
    <row r="6541" spans="1:43">
      <c r="A6541" t="s">
        <v>4098</v>
      </c>
      <c r="B6541" t="s">
        <v>4099</v>
      </c>
      <c r="C6541" t="s">
        <v>4036</v>
      </c>
      <c r="D6541" t="s">
        <v>4037</v>
      </c>
      <c r="E6541" t="s">
        <v>3968</v>
      </c>
      <c r="F6541" t="s">
        <v>3969</v>
      </c>
      <c r="G6541" t="s">
        <v>80</v>
      </c>
      <c r="H6541" t="s">
        <v>81</v>
      </c>
      <c r="I6541" s="2">
        <v>0</v>
      </c>
      <c r="J6541" s="2">
        <v>1</v>
      </c>
      <c r="K6541" s="2">
        <v>0</v>
      </c>
      <c r="L6541" t="s">
        <v>82</v>
      </c>
      <c r="M6541" t="s">
        <v>83</v>
      </c>
      <c r="N6541" t="s">
        <v>91</v>
      </c>
      <c r="O6541" t="s">
        <v>85</v>
      </c>
      <c r="P6541" t="s">
        <v>86</v>
      </c>
      <c r="Q6541">
        <v>93</v>
      </c>
      <c r="R6541">
        <v>94</v>
      </c>
      <c r="S6541">
        <v>95</v>
      </c>
      <c r="T6541">
        <v>96</v>
      </c>
      <c r="U6541">
        <v>97</v>
      </c>
      <c r="V6541">
        <v>98</v>
      </c>
      <c r="W6541">
        <v>99</v>
      </c>
      <c r="X6541">
        <v>100</v>
      </c>
      <c r="Y6541">
        <v>101</v>
      </c>
      <c r="Z6541">
        <v>102</v>
      </c>
      <c r="AA6541">
        <v>103</v>
      </c>
      <c r="AB6541">
        <v>104</v>
      </c>
      <c r="AC6541">
        <v>105</v>
      </c>
      <c r="AD6541">
        <v>106</v>
      </c>
      <c r="AE6541">
        <v>107</v>
      </c>
      <c r="AF6541">
        <v>108</v>
      </c>
      <c r="AG6541">
        <v>109</v>
      </c>
      <c r="AH6541">
        <v>109</v>
      </c>
      <c r="AI6541">
        <v>110</v>
      </c>
      <c r="AJ6541">
        <v>111</v>
      </c>
      <c r="AK6541">
        <v>112</v>
      </c>
      <c r="AL6541">
        <v>112</v>
      </c>
      <c r="AM6541">
        <v>112</v>
      </c>
      <c r="AN6541">
        <v>111</v>
      </c>
      <c r="AO6541">
        <v>111</v>
      </c>
      <c r="AP6541">
        <v>111</v>
      </c>
      <c r="AQ6541">
        <v>111</v>
      </c>
    </row>
    <row r="6542" spans="1:43">
      <c r="A6542" t="s">
        <v>4100</v>
      </c>
      <c r="B6542" t="s">
        <v>4101</v>
      </c>
      <c r="C6542" t="s">
        <v>4102</v>
      </c>
      <c r="D6542" t="s">
        <v>4103</v>
      </c>
      <c r="E6542" t="s">
        <v>3968</v>
      </c>
      <c r="F6542" t="s">
        <v>3969</v>
      </c>
      <c r="G6542" t="s">
        <v>80</v>
      </c>
      <c r="H6542" t="s">
        <v>81</v>
      </c>
      <c r="I6542" s="2">
        <v>0</v>
      </c>
      <c r="J6542" s="2">
        <v>1</v>
      </c>
      <c r="K6542" s="2">
        <v>0</v>
      </c>
      <c r="L6542" t="s">
        <v>82</v>
      </c>
      <c r="M6542" t="s">
        <v>83</v>
      </c>
      <c r="N6542" t="s">
        <v>84</v>
      </c>
      <c r="O6542" t="s">
        <v>85</v>
      </c>
      <c r="P6542" t="s">
        <v>86</v>
      </c>
      <c r="Q6542">
        <v>0</v>
      </c>
      <c r="R6542">
        <v>0</v>
      </c>
      <c r="S6542">
        <v>0</v>
      </c>
      <c r="T6542">
        <v>0</v>
      </c>
      <c r="U6542">
        <v>0</v>
      </c>
      <c r="V6542">
        <v>0</v>
      </c>
      <c r="W6542">
        <v>0</v>
      </c>
      <c r="X6542">
        <v>0</v>
      </c>
      <c r="Y6542">
        <v>0</v>
      </c>
      <c r="Z6542">
        <v>0</v>
      </c>
      <c r="AA6542">
        <v>0</v>
      </c>
      <c r="AB6542">
        <v>0</v>
      </c>
      <c r="AC6542">
        <v>0</v>
      </c>
      <c r="AD6542">
        <v>0</v>
      </c>
      <c r="AE6542">
        <v>0</v>
      </c>
      <c r="AF6542">
        <v>0</v>
      </c>
      <c r="AG6542">
        <v>0</v>
      </c>
      <c r="AH6542">
        <v>0</v>
      </c>
      <c r="AI6542">
        <v>0</v>
      </c>
      <c r="AJ6542">
        <v>0</v>
      </c>
      <c r="AK6542">
        <v>0</v>
      </c>
      <c r="AL6542">
        <v>0</v>
      </c>
      <c r="AM6542">
        <v>0</v>
      </c>
      <c r="AN6542">
        <v>0</v>
      </c>
      <c r="AO6542">
        <v>0</v>
      </c>
      <c r="AP6542">
        <v>0</v>
      </c>
      <c r="AQ6542">
        <v>0</v>
      </c>
    </row>
    <row r="6543" spans="1:43">
      <c r="A6543" t="s">
        <v>4100</v>
      </c>
      <c r="B6543" t="s">
        <v>4101</v>
      </c>
      <c r="C6543" t="s">
        <v>4102</v>
      </c>
      <c r="D6543" t="s">
        <v>4103</v>
      </c>
      <c r="E6543" t="s">
        <v>3968</v>
      </c>
      <c r="F6543" t="s">
        <v>3969</v>
      </c>
      <c r="G6543" t="s">
        <v>80</v>
      </c>
      <c r="H6543" t="s">
        <v>81</v>
      </c>
      <c r="I6543" s="2">
        <v>0</v>
      </c>
      <c r="J6543" s="2">
        <v>1</v>
      </c>
      <c r="K6543" s="2">
        <v>0</v>
      </c>
      <c r="L6543" t="s">
        <v>82</v>
      </c>
      <c r="M6543" t="s">
        <v>87</v>
      </c>
      <c r="N6543" t="s">
        <v>88</v>
      </c>
      <c r="O6543" t="s">
        <v>85</v>
      </c>
      <c r="P6543" t="s">
        <v>86</v>
      </c>
      <c r="Q6543">
        <v>0</v>
      </c>
      <c r="R6543">
        <v>0</v>
      </c>
      <c r="S6543">
        <v>0</v>
      </c>
      <c r="T6543">
        <v>0</v>
      </c>
      <c r="U6543">
        <v>0</v>
      </c>
      <c r="V6543">
        <v>0</v>
      </c>
      <c r="W6543">
        <v>0</v>
      </c>
      <c r="X6543">
        <v>0</v>
      </c>
      <c r="Y6543">
        <v>0</v>
      </c>
      <c r="Z6543">
        <v>0</v>
      </c>
      <c r="AA6543">
        <v>0</v>
      </c>
      <c r="AB6543">
        <v>0</v>
      </c>
      <c r="AC6543">
        <v>0</v>
      </c>
      <c r="AD6543">
        <v>0</v>
      </c>
      <c r="AE6543">
        <v>0</v>
      </c>
      <c r="AF6543">
        <v>0</v>
      </c>
      <c r="AG6543">
        <v>0</v>
      </c>
      <c r="AH6543">
        <v>0</v>
      </c>
      <c r="AI6543">
        <v>0</v>
      </c>
      <c r="AJ6543">
        <v>0</v>
      </c>
      <c r="AK6543">
        <v>0</v>
      </c>
      <c r="AL6543">
        <v>0</v>
      </c>
      <c r="AM6543">
        <v>0</v>
      </c>
      <c r="AN6543">
        <v>0</v>
      </c>
      <c r="AO6543">
        <v>0</v>
      </c>
      <c r="AP6543">
        <v>0</v>
      </c>
      <c r="AQ6543">
        <v>0</v>
      </c>
    </row>
    <row r="6544" spans="1:43">
      <c r="A6544" t="s">
        <v>4100</v>
      </c>
      <c r="B6544" t="s">
        <v>4101</v>
      </c>
      <c r="C6544" t="s">
        <v>4102</v>
      </c>
      <c r="D6544" t="s">
        <v>4103</v>
      </c>
      <c r="E6544" t="s">
        <v>3968</v>
      </c>
      <c r="F6544" t="s">
        <v>3969</v>
      </c>
      <c r="G6544" t="s">
        <v>80</v>
      </c>
      <c r="H6544" t="s">
        <v>81</v>
      </c>
      <c r="I6544" s="2">
        <v>0</v>
      </c>
      <c r="J6544" s="2">
        <v>1</v>
      </c>
      <c r="K6544" s="2">
        <v>0</v>
      </c>
      <c r="L6544" t="s">
        <v>82</v>
      </c>
      <c r="M6544" t="s">
        <v>89</v>
      </c>
      <c r="N6544" t="s">
        <v>90</v>
      </c>
      <c r="O6544" t="s">
        <v>85</v>
      </c>
      <c r="P6544" t="s">
        <v>86</v>
      </c>
      <c r="Q6544">
        <v>0</v>
      </c>
      <c r="R6544">
        <v>0</v>
      </c>
      <c r="S6544">
        <v>0</v>
      </c>
      <c r="T6544">
        <v>0</v>
      </c>
      <c r="U6544">
        <v>0</v>
      </c>
      <c r="V6544">
        <v>0</v>
      </c>
      <c r="W6544">
        <v>0</v>
      </c>
      <c r="X6544">
        <v>0</v>
      </c>
      <c r="Y6544">
        <v>0</v>
      </c>
      <c r="Z6544">
        <v>0</v>
      </c>
      <c r="AA6544">
        <v>0</v>
      </c>
      <c r="AB6544">
        <v>0</v>
      </c>
      <c r="AC6544">
        <v>0</v>
      </c>
      <c r="AD6544">
        <v>0</v>
      </c>
      <c r="AE6544">
        <v>0</v>
      </c>
      <c r="AF6544">
        <v>0</v>
      </c>
      <c r="AG6544">
        <v>0</v>
      </c>
      <c r="AH6544">
        <v>0</v>
      </c>
      <c r="AI6544">
        <v>0</v>
      </c>
      <c r="AJ6544">
        <v>0</v>
      </c>
      <c r="AK6544">
        <v>0</v>
      </c>
      <c r="AL6544">
        <v>0</v>
      </c>
      <c r="AM6544">
        <v>0</v>
      </c>
      <c r="AN6544">
        <v>0</v>
      </c>
      <c r="AO6544">
        <v>0</v>
      </c>
      <c r="AP6544">
        <v>0</v>
      </c>
      <c r="AQ6544">
        <v>0</v>
      </c>
    </row>
    <row r="6545" spans="1:43">
      <c r="A6545" t="s">
        <v>4100</v>
      </c>
      <c r="B6545" t="s">
        <v>4101</v>
      </c>
      <c r="C6545" t="s">
        <v>4102</v>
      </c>
      <c r="D6545" t="s">
        <v>4103</v>
      </c>
      <c r="E6545" t="s">
        <v>3968</v>
      </c>
      <c r="F6545" t="s">
        <v>3969</v>
      </c>
      <c r="G6545" t="s">
        <v>80</v>
      </c>
      <c r="H6545" t="s">
        <v>81</v>
      </c>
      <c r="I6545" s="2">
        <v>0</v>
      </c>
      <c r="J6545" s="2">
        <v>1</v>
      </c>
      <c r="K6545" s="2">
        <v>0</v>
      </c>
      <c r="L6545" t="s">
        <v>82</v>
      </c>
      <c r="M6545" t="s">
        <v>83</v>
      </c>
      <c r="N6545" t="s">
        <v>91</v>
      </c>
      <c r="O6545" t="s">
        <v>85</v>
      </c>
      <c r="P6545" t="s">
        <v>86</v>
      </c>
      <c r="Q6545">
        <v>0</v>
      </c>
      <c r="R6545">
        <v>0</v>
      </c>
      <c r="S6545">
        <v>0</v>
      </c>
      <c r="T6545">
        <v>0</v>
      </c>
      <c r="U6545">
        <v>0</v>
      </c>
      <c r="V6545">
        <v>0</v>
      </c>
      <c r="W6545">
        <v>0</v>
      </c>
      <c r="X6545">
        <v>0</v>
      </c>
      <c r="Y6545">
        <v>0</v>
      </c>
      <c r="Z6545">
        <v>0</v>
      </c>
      <c r="AA6545">
        <v>0</v>
      </c>
      <c r="AB6545">
        <v>0</v>
      </c>
      <c r="AC6545">
        <v>0</v>
      </c>
      <c r="AD6545">
        <v>0</v>
      </c>
      <c r="AE6545">
        <v>0</v>
      </c>
      <c r="AF6545">
        <v>0</v>
      </c>
      <c r="AG6545">
        <v>0</v>
      </c>
      <c r="AH6545">
        <v>0</v>
      </c>
      <c r="AI6545">
        <v>0</v>
      </c>
      <c r="AJ6545">
        <v>0</v>
      </c>
      <c r="AK6545">
        <v>0</v>
      </c>
      <c r="AL6545">
        <v>0</v>
      </c>
      <c r="AM6545">
        <v>0</v>
      </c>
      <c r="AN6545">
        <v>0</v>
      </c>
      <c r="AO6545">
        <v>0</v>
      </c>
      <c r="AP6545">
        <v>0</v>
      </c>
      <c r="AQ6545">
        <v>0</v>
      </c>
    </row>
    <row r="6546" spans="1:43">
      <c r="A6546" t="s">
        <v>4104</v>
      </c>
      <c r="B6546" t="s">
        <v>4105</v>
      </c>
      <c r="C6546" t="s">
        <v>4102</v>
      </c>
      <c r="D6546" t="s">
        <v>4103</v>
      </c>
      <c r="E6546" t="s">
        <v>3968</v>
      </c>
      <c r="F6546" t="s">
        <v>3969</v>
      </c>
      <c r="G6546" t="s">
        <v>80</v>
      </c>
      <c r="H6546" t="s">
        <v>81</v>
      </c>
      <c r="I6546" s="2">
        <v>0</v>
      </c>
      <c r="J6546" s="2">
        <v>1</v>
      </c>
      <c r="K6546" s="2">
        <v>0</v>
      </c>
      <c r="L6546" t="s">
        <v>82</v>
      </c>
      <c r="M6546" t="s">
        <v>83</v>
      </c>
      <c r="N6546" t="s">
        <v>84</v>
      </c>
      <c r="O6546" t="s">
        <v>85</v>
      </c>
      <c r="P6546" t="s">
        <v>86</v>
      </c>
      <c r="Q6546">
        <v>38</v>
      </c>
      <c r="R6546">
        <v>38</v>
      </c>
      <c r="S6546">
        <v>39</v>
      </c>
      <c r="T6546">
        <v>39</v>
      </c>
      <c r="U6546">
        <v>40</v>
      </c>
      <c r="V6546">
        <v>40</v>
      </c>
      <c r="W6546">
        <v>40</v>
      </c>
      <c r="X6546">
        <v>41</v>
      </c>
      <c r="Y6546">
        <v>41</v>
      </c>
      <c r="Z6546">
        <v>42</v>
      </c>
      <c r="AA6546">
        <v>42</v>
      </c>
      <c r="AB6546">
        <v>42</v>
      </c>
      <c r="AC6546">
        <v>43</v>
      </c>
      <c r="AD6546">
        <v>43</v>
      </c>
      <c r="AE6546">
        <v>43</v>
      </c>
      <c r="AF6546">
        <v>44</v>
      </c>
      <c r="AG6546">
        <v>44</v>
      </c>
      <c r="AH6546">
        <v>44</v>
      </c>
      <c r="AI6546">
        <v>45</v>
      </c>
      <c r="AJ6546">
        <v>45</v>
      </c>
      <c r="AK6546">
        <v>45</v>
      </c>
      <c r="AL6546">
        <v>45</v>
      </c>
      <c r="AM6546">
        <v>45</v>
      </c>
      <c r="AN6546">
        <v>45</v>
      </c>
      <c r="AO6546">
        <v>45</v>
      </c>
      <c r="AP6546">
        <v>45</v>
      </c>
      <c r="AQ6546">
        <v>45</v>
      </c>
    </row>
    <row r="6547" spans="1:43">
      <c r="A6547" t="s">
        <v>4104</v>
      </c>
      <c r="B6547" t="s">
        <v>4105</v>
      </c>
      <c r="C6547" t="s">
        <v>4102</v>
      </c>
      <c r="D6547" t="s">
        <v>4103</v>
      </c>
      <c r="E6547" t="s">
        <v>3968</v>
      </c>
      <c r="F6547" t="s">
        <v>3969</v>
      </c>
      <c r="G6547" t="s">
        <v>80</v>
      </c>
      <c r="H6547" t="s">
        <v>81</v>
      </c>
      <c r="I6547" s="2">
        <v>0</v>
      </c>
      <c r="J6547" s="2">
        <v>1</v>
      </c>
      <c r="K6547" s="2">
        <v>0</v>
      </c>
      <c r="L6547" t="s">
        <v>82</v>
      </c>
      <c r="M6547" t="s">
        <v>87</v>
      </c>
      <c r="N6547" t="s">
        <v>88</v>
      </c>
      <c r="O6547" t="s">
        <v>85</v>
      </c>
      <c r="P6547" t="s">
        <v>86</v>
      </c>
      <c r="Q6547">
        <v>38</v>
      </c>
      <c r="R6547">
        <v>38</v>
      </c>
      <c r="S6547">
        <v>39</v>
      </c>
      <c r="T6547">
        <v>39</v>
      </c>
      <c r="U6547">
        <v>39</v>
      </c>
      <c r="V6547">
        <v>39</v>
      </c>
      <c r="W6547">
        <v>39</v>
      </c>
      <c r="X6547">
        <v>39</v>
      </c>
      <c r="Y6547">
        <v>39</v>
      </c>
      <c r="Z6547">
        <v>39</v>
      </c>
      <c r="AA6547">
        <v>39</v>
      </c>
      <c r="AB6547">
        <v>39</v>
      </c>
      <c r="AC6547">
        <v>39</v>
      </c>
      <c r="AD6547">
        <v>39</v>
      </c>
      <c r="AE6547">
        <v>39</v>
      </c>
      <c r="AF6547">
        <v>39</v>
      </c>
      <c r="AG6547">
        <v>39</v>
      </c>
      <c r="AH6547">
        <v>39</v>
      </c>
      <c r="AI6547">
        <v>40</v>
      </c>
      <c r="AJ6547">
        <v>40</v>
      </c>
      <c r="AK6547">
        <v>40</v>
      </c>
      <c r="AL6547">
        <v>40</v>
      </c>
      <c r="AM6547">
        <v>40</v>
      </c>
      <c r="AN6547">
        <v>40</v>
      </c>
      <c r="AO6547">
        <v>40</v>
      </c>
      <c r="AP6547">
        <v>40</v>
      </c>
      <c r="AQ6547">
        <v>40</v>
      </c>
    </row>
    <row r="6548" spans="1:43">
      <c r="A6548" t="s">
        <v>4104</v>
      </c>
      <c r="B6548" t="s">
        <v>4105</v>
      </c>
      <c r="C6548" t="s">
        <v>4102</v>
      </c>
      <c r="D6548" t="s">
        <v>4103</v>
      </c>
      <c r="E6548" t="s">
        <v>3968</v>
      </c>
      <c r="F6548" t="s">
        <v>3969</v>
      </c>
      <c r="G6548" t="s">
        <v>80</v>
      </c>
      <c r="H6548" t="s">
        <v>81</v>
      </c>
      <c r="I6548" s="2">
        <v>0</v>
      </c>
      <c r="J6548" s="2">
        <v>1</v>
      </c>
      <c r="K6548" s="2">
        <v>0</v>
      </c>
      <c r="L6548" t="s">
        <v>82</v>
      </c>
      <c r="M6548" t="s">
        <v>89</v>
      </c>
      <c r="N6548" t="s">
        <v>90</v>
      </c>
      <c r="O6548" t="s">
        <v>85</v>
      </c>
      <c r="P6548" t="s">
        <v>86</v>
      </c>
      <c r="Q6548">
        <v>38</v>
      </c>
      <c r="R6548">
        <v>39</v>
      </c>
      <c r="S6548">
        <v>40</v>
      </c>
      <c r="T6548">
        <v>40</v>
      </c>
      <c r="U6548">
        <v>41</v>
      </c>
      <c r="V6548">
        <v>42</v>
      </c>
      <c r="W6548">
        <v>42</v>
      </c>
      <c r="X6548">
        <v>43</v>
      </c>
      <c r="Y6548">
        <v>44</v>
      </c>
      <c r="Z6548">
        <v>44</v>
      </c>
      <c r="AA6548">
        <v>45</v>
      </c>
      <c r="AB6548">
        <v>45</v>
      </c>
      <c r="AC6548">
        <v>46</v>
      </c>
      <c r="AD6548">
        <v>46</v>
      </c>
      <c r="AE6548">
        <v>47</v>
      </c>
      <c r="AF6548">
        <v>47</v>
      </c>
      <c r="AG6548">
        <v>46</v>
      </c>
      <c r="AH6548">
        <v>46</v>
      </c>
      <c r="AI6548">
        <v>46</v>
      </c>
      <c r="AJ6548">
        <v>46</v>
      </c>
      <c r="AK6548">
        <v>46</v>
      </c>
      <c r="AL6548">
        <v>46</v>
      </c>
      <c r="AM6548">
        <v>46</v>
      </c>
      <c r="AN6548">
        <v>46</v>
      </c>
      <c r="AO6548">
        <v>45</v>
      </c>
      <c r="AP6548">
        <v>45</v>
      </c>
      <c r="AQ6548">
        <v>45</v>
      </c>
    </row>
    <row r="6549" spans="1:43">
      <c r="A6549" t="s">
        <v>4104</v>
      </c>
      <c r="B6549" t="s">
        <v>4105</v>
      </c>
      <c r="C6549" t="s">
        <v>4102</v>
      </c>
      <c r="D6549" t="s">
        <v>4103</v>
      </c>
      <c r="E6549" t="s">
        <v>3968</v>
      </c>
      <c r="F6549" t="s">
        <v>3969</v>
      </c>
      <c r="G6549" t="s">
        <v>80</v>
      </c>
      <c r="H6549" t="s">
        <v>81</v>
      </c>
      <c r="I6549" s="2">
        <v>0</v>
      </c>
      <c r="J6549" s="2">
        <v>1</v>
      </c>
      <c r="K6549" s="2">
        <v>0</v>
      </c>
      <c r="L6549" t="s">
        <v>82</v>
      </c>
      <c r="M6549" t="s">
        <v>83</v>
      </c>
      <c r="N6549" t="s">
        <v>91</v>
      </c>
      <c r="O6549" t="s">
        <v>85</v>
      </c>
      <c r="P6549" t="s">
        <v>86</v>
      </c>
      <c r="Q6549">
        <v>38</v>
      </c>
      <c r="R6549">
        <v>38</v>
      </c>
      <c r="S6549">
        <v>39</v>
      </c>
      <c r="T6549">
        <v>39</v>
      </c>
      <c r="U6549">
        <v>40</v>
      </c>
      <c r="V6549">
        <v>40</v>
      </c>
      <c r="W6549">
        <v>40</v>
      </c>
      <c r="X6549">
        <v>41</v>
      </c>
      <c r="Y6549">
        <v>41</v>
      </c>
      <c r="Z6549">
        <v>42</v>
      </c>
      <c r="AA6549">
        <v>42</v>
      </c>
      <c r="AB6549">
        <v>42</v>
      </c>
      <c r="AC6549">
        <v>43</v>
      </c>
      <c r="AD6549">
        <v>43</v>
      </c>
      <c r="AE6549">
        <v>43</v>
      </c>
      <c r="AF6549">
        <v>44</v>
      </c>
      <c r="AG6549">
        <v>44</v>
      </c>
      <c r="AH6549">
        <v>44</v>
      </c>
      <c r="AI6549">
        <v>45</v>
      </c>
      <c r="AJ6549">
        <v>45</v>
      </c>
      <c r="AK6549">
        <v>45</v>
      </c>
      <c r="AL6549">
        <v>45</v>
      </c>
      <c r="AM6549">
        <v>45</v>
      </c>
      <c r="AN6549">
        <v>45</v>
      </c>
      <c r="AO6549">
        <v>45</v>
      </c>
      <c r="AP6549">
        <v>45</v>
      </c>
      <c r="AQ6549">
        <v>45</v>
      </c>
    </row>
    <row r="6550" spans="1:43">
      <c r="A6550" t="s">
        <v>4106</v>
      </c>
      <c r="B6550" t="s">
        <v>4107</v>
      </c>
      <c r="C6550" t="s">
        <v>4102</v>
      </c>
      <c r="D6550" t="s">
        <v>4103</v>
      </c>
      <c r="E6550" t="s">
        <v>3968</v>
      </c>
      <c r="F6550" t="s">
        <v>3969</v>
      </c>
      <c r="G6550" t="s">
        <v>80</v>
      </c>
      <c r="H6550" t="s">
        <v>81</v>
      </c>
      <c r="I6550" s="2">
        <v>0</v>
      </c>
      <c r="J6550" s="2">
        <v>1</v>
      </c>
      <c r="K6550" s="2">
        <v>0</v>
      </c>
      <c r="L6550" t="s">
        <v>82</v>
      </c>
      <c r="M6550" t="s">
        <v>83</v>
      </c>
      <c r="N6550" t="s">
        <v>84</v>
      </c>
      <c r="O6550" t="s">
        <v>85</v>
      </c>
      <c r="P6550" t="s">
        <v>86</v>
      </c>
      <c r="Q6550">
        <v>38</v>
      </c>
      <c r="R6550">
        <v>39</v>
      </c>
      <c r="S6550">
        <v>39</v>
      </c>
      <c r="T6550">
        <v>40</v>
      </c>
      <c r="U6550">
        <v>40</v>
      </c>
      <c r="V6550">
        <v>40</v>
      </c>
      <c r="W6550">
        <v>41</v>
      </c>
      <c r="X6550">
        <v>41</v>
      </c>
      <c r="Y6550">
        <v>42</v>
      </c>
      <c r="Z6550">
        <v>42</v>
      </c>
      <c r="AA6550">
        <v>43</v>
      </c>
      <c r="AB6550">
        <v>43</v>
      </c>
      <c r="AC6550">
        <v>43</v>
      </c>
      <c r="AD6550">
        <v>44</v>
      </c>
      <c r="AE6550">
        <v>44</v>
      </c>
      <c r="AF6550">
        <v>44</v>
      </c>
      <c r="AG6550">
        <v>45</v>
      </c>
      <c r="AH6550">
        <v>45</v>
      </c>
      <c r="AI6550">
        <v>46</v>
      </c>
      <c r="AJ6550">
        <v>46</v>
      </c>
      <c r="AK6550">
        <v>46</v>
      </c>
      <c r="AL6550">
        <v>46</v>
      </c>
      <c r="AM6550">
        <v>46</v>
      </c>
      <c r="AN6550">
        <v>46</v>
      </c>
      <c r="AO6550">
        <v>46</v>
      </c>
      <c r="AP6550">
        <v>46</v>
      </c>
      <c r="AQ6550">
        <v>46</v>
      </c>
    </row>
    <row r="6551" spans="1:43">
      <c r="A6551" t="s">
        <v>4106</v>
      </c>
      <c r="B6551" t="s">
        <v>4107</v>
      </c>
      <c r="C6551" t="s">
        <v>4102</v>
      </c>
      <c r="D6551" t="s">
        <v>4103</v>
      </c>
      <c r="E6551" t="s">
        <v>3968</v>
      </c>
      <c r="F6551" t="s">
        <v>3969</v>
      </c>
      <c r="G6551" t="s">
        <v>80</v>
      </c>
      <c r="H6551" t="s">
        <v>81</v>
      </c>
      <c r="I6551" s="2">
        <v>0</v>
      </c>
      <c r="J6551" s="2">
        <v>1</v>
      </c>
      <c r="K6551" s="2">
        <v>0</v>
      </c>
      <c r="L6551" t="s">
        <v>82</v>
      </c>
      <c r="M6551" t="s">
        <v>87</v>
      </c>
      <c r="N6551" t="s">
        <v>88</v>
      </c>
      <c r="O6551" t="s">
        <v>85</v>
      </c>
      <c r="P6551" t="s">
        <v>86</v>
      </c>
      <c r="Q6551">
        <v>38</v>
      </c>
      <c r="R6551">
        <v>38</v>
      </c>
      <c r="S6551">
        <v>38</v>
      </c>
      <c r="T6551">
        <v>38</v>
      </c>
      <c r="U6551">
        <v>38</v>
      </c>
      <c r="V6551">
        <v>38</v>
      </c>
      <c r="W6551">
        <v>38</v>
      </c>
      <c r="X6551">
        <v>38</v>
      </c>
      <c r="Y6551">
        <v>39</v>
      </c>
      <c r="Z6551">
        <v>39</v>
      </c>
      <c r="AA6551">
        <v>39</v>
      </c>
      <c r="AB6551">
        <v>39</v>
      </c>
      <c r="AC6551">
        <v>39</v>
      </c>
      <c r="AD6551">
        <v>39</v>
      </c>
      <c r="AE6551">
        <v>39</v>
      </c>
      <c r="AF6551">
        <v>39</v>
      </c>
      <c r="AG6551">
        <v>39</v>
      </c>
      <c r="AH6551">
        <v>39</v>
      </c>
      <c r="AI6551">
        <v>39</v>
      </c>
      <c r="AJ6551">
        <v>39</v>
      </c>
      <c r="AK6551">
        <v>39</v>
      </c>
      <c r="AL6551">
        <v>39</v>
      </c>
      <c r="AM6551">
        <v>39</v>
      </c>
      <c r="AN6551">
        <v>39</v>
      </c>
      <c r="AO6551">
        <v>39</v>
      </c>
      <c r="AP6551">
        <v>39</v>
      </c>
      <c r="AQ6551">
        <v>39</v>
      </c>
    </row>
    <row r="6552" spans="1:43">
      <c r="A6552" t="s">
        <v>4106</v>
      </c>
      <c r="B6552" t="s">
        <v>4107</v>
      </c>
      <c r="C6552" t="s">
        <v>4102</v>
      </c>
      <c r="D6552" t="s">
        <v>4103</v>
      </c>
      <c r="E6552" t="s">
        <v>3968</v>
      </c>
      <c r="F6552" t="s">
        <v>3969</v>
      </c>
      <c r="G6552" t="s">
        <v>80</v>
      </c>
      <c r="H6552" t="s">
        <v>81</v>
      </c>
      <c r="I6552" s="2">
        <v>0</v>
      </c>
      <c r="J6552" s="2">
        <v>1</v>
      </c>
      <c r="K6552" s="2">
        <v>0</v>
      </c>
      <c r="L6552" t="s">
        <v>82</v>
      </c>
      <c r="M6552" t="s">
        <v>89</v>
      </c>
      <c r="N6552" t="s">
        <v>90</v>
      </c>
      <c r="O6552" t="s">
        <v>85</v>
      </c>
      <c r="P6552" t="s">
        <v>86</v>
      </c>
      <c r="Q6552">
        <v>38</v>
      </c>
      <c r="R6552">
        <v>39</v>
      </c>
      <c r="S6552">
        <v>40</v>
      </c>
      <c r="T6552">
        <v>41</v>
      </c>
      <c r="U6552">
        <v>42</v>
      </c>
      <c r="V6552">
        <v>42</v>
      </c>
      <c r="W6552">
        <v>43</v>
      </c>
      <c r="X6552">
        <v>44</v>
      </c>
      <c r="Y6552">
        <v>44</v>
      </c>
      <c r="Z6552">
        <v>45</v>
      </c>
      <c r="AA6552">
        <v>45</v>
      </c>
      <c r="AB6552">
        <v>46</v>
      </c>
      <c r="AC6552">
        <v>47</v>
      </c>
      <c r="AD6552">
        <v>47</v>
      </c>
      <c r="AE6552">
        <v>47</v>
      </c>
      <c r="AF6552">
        <v>47</v>
      </c>
      <c r="AG6552">
        <v>47</v>
      </c>
      <c r="AH6552">
        <v>47</v>
      </c>
      <c r="AI6552">
        <v>47</v>
      </c>
      <c r="AJ6552">
        <v>47</v>
      </c>
      <c r="AK6552">
        <v>47</v>
      </c>
      <c r="AL6552">
        <v>47</v>
      </c>
      <c r="AM6552">
        <v>47</v>
      </c>
      <c r="AN6552">
        <v>47</v>
      </c>
      <c r="AO6552">
        <v>47</v>
      </c>
      <c r="AP6552">
        <v>46</v>
      </c>
      <c r="AQ6552">
        <v>46</v>
      </c>
    </row>
    <row r="6553" spans="1:43">
      <c r="A6553" t="s">
        <v>4106</v>
      </c>
      <c r="B6553" t="s">
        <v>4107</v>
      </c>
      <c r="C6553" t="s">
        <v>4102</v>
      </c>
      <c r="D6553" t="s">
        <v>4103</v>
      </c>
      <c r="E6553" t="s">
        <v>3968</v>
      </c>
      <c r="F6553" t="s">
        <v>3969</v>
      </c>
      <c r="G6553" t="s">
        <v>80</v>
      </c>
      <c r="H6553" t="s">
        <v>81</v>
      </c>
      <c r="I6553" s="2">
        <v>0</v>
      </c>
      <c r="J6553" s="2">
        <v>1</v>
      </c>
      <c r="K6553" s="2">
        <v>0</v>
      </c>
      <c r="L6553" t="s">
        <v>82</v>
      </c>
      <c r="M6553" t="s">
        <v>83</v>
      </c>
      <c r="N6553" t="s">
        <v>91</v>
      </c>
      <c r="O6553" t="s">
        <v>85</v>
      </c>
      <c r="P6553" t="s">
        <v>86</v>
      </c>
      <c r="Q6553">
        <v>38</v>
      </c>
      <c r="R6553">
        <v>39</v>
      </c>
      <c r="S6553">
        <v>39</v>
      </c>
      <c r="T6553">
        <v>40</v>
      </c>
      <c r="U6553">
        <v>40</v>
      </c>
      <c r="V6553">
        <v>40</v>
      </c>
      <c r="W6553">
        <v>41</v>
      </c>
      <c r="X6553">
        <v>41</v>
      </c>
      <c r="Y6553">
        <v>42</v>
      </c>
      <c r="Z6553">
        <v>42</v>
      </c>
      <c r="AA6553">
        <v>43</v>
      </c>
      <c r="AB6553">
        <v>43</v>
      </c>
      <c r="AC6553">
        <v>43</v>
      </c>
      <c r="AD6553">
        <v>44</v>
      </c>
      <c r="AE6553">
        <v>44</v>
      </c>
      <c r="AF6553">
        <v>44</v>
      </c>
      <c r="AG6553">
        <v>45</v>
      </c>
      <c r="AH6553">
        <v>45</v>
      </c>
      <c r="AI6553">
        <v>46</v>
      </c>
      <c r="AJ6553">
        <v>46</v>
      </c>
      <c r="AK6553">
        <v>46</v>
      </c>
      <c r="AL6553">
        <v>46</v>
      </c>
      <c r="AM6553">
        <v>46</v>
      </c>
      <c r="AN6553">
        <v>46</v>
      </c>
      <c r="AO6553">
        <v>46</v>
      </c>
      <c r="AP6553">
        <v>46</v>
      </c>
      <c r="AQ6553">
        <v>46</v>
      </c>
    </row>
    <row r="6554" spans="1:43">
      <c r="A6554" t="s">
        <v>4108</v>
      </c>
      <c r="B6554" t="s">
        <v>4109</v>
      </c>
      <c r="C6554" t="s">
        <v>4102</v>
      </c>
      <c r="D6554" t="s">
        <v>4103</v>
      </c>
      <c r="E6554" t="s">
        <v>3968</v>
      </c>
      <c r="F6554" t="s">
        <v>3969</v>
      </c>
      <c r="G6554" t="s">
        <v>80</v>
      </c>
      <c r="H6554" t="s">
        <v>81</v>
      </c>
      <c r="I6554" s="2">
        <v>0</v>
      </c>
      <c r="J6554" s="2">
        <v>1</v>
      </c>
      <c r="K6554" s="2">
        <v>0</v>
      </c>
      <c r="L6554" t="s">
        <v>82</v>
      </c>
      <c r="M6554" t="s">
        <v>83</v>
      </c>
      <c r="N6554" t="s">
        <v>84</v>
      </c>
      <c r="O6554" t="s">
        <v>85</v>
      </c>
      <c r="P6554" t="s">
        <v>86</v>
      </c>
      <c r="Q6554">
        <v>8</v>
      </c>
      <c r="R6554">
        <v>8</v>
      </c>
      <c r="S6554">
        <v>8</v>
      </c>
      <c r="T6554">
        <v>9</v>
      </c>
      <c r="U6554">
        <v>9</v>
      </c>
      <c r="V6554">
        <v>9</v>
      </c>
      <c r="W6554">
        <v>9</v>
      </c>
      <c r="X6554">
        <v>9</v>
      </c>
      <c r="Y6554">
        <v>9</v>
      </c>
      <c r="Z6554">
        <v>9</v>
      </c>
      <c r="AA6554">
        <v>9</v>
      </c>
      <c r="AB6554">
        <v>9</v>
      </c>
      <c r="AC6554">
        <v>9</v>
      </c>
      <c r="AD6554">
        <v>9</v>
      </c>
      <c r="AE6554">
        <v>10</v>
      </c>
      <c r="AF6554">
        <v>10</v>
      </c>
      <c r="AG6554">
        <v>10</v>
      </c>
      <c r="AH6554">
        <v>10</v>
      </c>
      <c r="AI6554">
        <v>10</v>
      </c>
      <c r="AJ6554">
        <v>10</v>
      </c>
      <c r="AK6554">
        <v>10</v>
      </c>
      <c r="AL6554">
        <v>10</v>
      </c>
      <c r="AM6554">
        <v>10</v>
      </c>
      <c r="AN6554">
        <v>10</v>
      </c>
      <c r="AO6554">
        <v>10</v>
      </c>
      <c r="AP6554">
        <v>10</v>
      </c>
      <c r="AQ6554">
        <v>10</v>
      </c>
    </row>
    <row r="6555" spans="1:43">
      <c r="A6555" t="s">
        <v>4108</v>
      </c>
      <c r="B6555" t="s">
        <v>4109</v>
      </c>
      <c r="C6555" t="s">
        <v>4102</v>
      </c>
      <c r="D6555" t="s">
        <v>4103</v>
      </c>
      <c r="E6555" t="s">
        <v>3968</v>
      </c>
      <c r="F6555" t="s">
        <v>3969</v>
      </c>
      <c r="G6555" t="s">
        <v>80</v>
      </c>
      <c r="H6555" t="s">
        <v>81</v>
      </c>
      <c r="I6555" s="2">
        <v>0</v>
      </c>
      <c r="J6555" s="2">
        <v>1</v>
      </c>
      <c r="K6555" s="2">
        <v>0</v>
      </c>
      <c r="L6555" t="s">
        <v>82</v>
      </c>
      <c r="M6555" t="s">
        <v>87</v>
      </c>
      <c r="N6555" t="s">
        <v>88</v>
      </c>
      <c r="O6555" t="s">
        <v>85</v>
      </c>
      <c r="P6555" t="s">
        <v>86</v>
      </c>
      <c r="Q6555">
        <v>8</v>
      </c>
      <c r="R6555">
        <v>8</v>
      </c>
      <c r="S6555">
        <v>8</v>
      </c>
      <c r="T6555">
        <v>8</v>
      </c>
      <c r="U6555">
        <v>8</v>
      </c>
      <c r="V6555">
        <v>8</v>
      </c>
      <c r="W6555">
        <v>8</v>
      </c>
      <c r="X6555">
        <v>8</v>
      </c>
      <c r="Y6555">
        <v>8</v>
      </c>
      <c r="Z6555">
        <v>8</v>
      </c>
      <c r="AA6555">
        <v>8</v>
      </c>
      <c r="AB6555">
        <v>8</v>
      </c>
      <c r="AC6555">
        <v>8</v>
      </c>
      <c r="AD6555">
        <v>8</v>
      </c>
      <c r="AE6555">
        <v>8</v>
      </c>
      <c r="AF6555">
        <v>8</v>
      </c>
      <c r="AG6555">
        <v>8</v>
      </c>
      <c r="AH6555">
        <v>8</v>
      </c>
      <c r="AI6555">
        <v>8</v>
      </c>
      <c r="AJ6555">
        <v>9</v>
      </c>
      <c r="AK6555">
        <v>9</v>
      </c>
      <c r="AL6555">
        <v>9</v>
      </c>
      <c r="AM6555">
        <v>9</v>
      </c>
      <c r="AN6555">
        <v>9</v>
      </c>
      <c r="AO6555">
        <v>9</v>
      </c>
      <c r="AP6555">
        <v>9</v>
      </c>
      <c r="AQ6555">
        <v>9</v>
      </c>
    </row>
    <row r="6556" spans="1:43">
      <c r="A6556" t="s">
        <v>4108</v>
      </c>
      <c r="B6556" t="s">
        <v>4109</v>
      </c>
      <c r="C6556" t="s">
        <v>4102</v>
      </c>
      <c r="D6556" t="s">
        <v>4103</v>
      </c>
      <c r="E6556" t="s">
        <v>3968</v>
      </c>
      <c r="F6556" t="s">
        <v>3969</v>
      </c>
      <c r="G6556" t="s">
        <v>80</v>
      </c>
      <c r="H6556" t="s">
        <v>81</v>
      </c>
      <c r="I6556" s="2">
        <v>0</v>
      </c>
      <c r="J6556" s="2">
        <v>1</v>
      </c>
      <c r="K6556" s="2">
        <v>0</v>
      </c>
      <c r="L6556" t="s">
        <v>82</v>
      </c>
      <c r="M6556" t="s">
        <v>89</v>
      </c>
      <c r="N6556" t="s">
        <v>90</v>
      </c>
      <c r="O6556" t="s">
        <v>85</v>
      </c>
      <c r="P6556" t="s">
        <v>86</v>
      </c>
      <c r="Q6556">
        <v>8</v>
      </c>
      <c r="R6556">
        <v>8</v>
      </c>
      <c r="S6556">
        <v>9</v>
      </c>
      <c r="T6556">
        <v>9</v>
      </c>
      <c r="U6556">
        <v>9</v>
      </c>
      <c r="V6556">
        <v>9</v>
      </c>
      <c r="W6556">
        <v>9</v>
      </c>
      <c r="X6556">
        <v>9</v>
      </c>
      <c r="Y6556">
        <v>10</v>
      </c>
      <c r="Z6556">
        <v>10</v>
      </c>
      <c r="AA6556">
        <v>10</v>
      </c>
      <c r="AB6556">
        <v>10</v>
      </c>
      <c r="AC6556">
        <v>10</v>
      </c>
      <c r="AD6556">
        <v>10</v>
      </c>
      <c r="AE6556">
        <v>10</v>
      </c>
      <c r="AF6556">
        <v>10</v>
      </c>
      <c r="AG6556">
        <v>10</v>
      </c>
      <c r="AH6556">
        <v>10</v>
      </c>
      <c r="AI6556">
        <v>10</v>
      </c>
      <c r="AJ6556">
        <v>10</v>
      </c>
      <c r="AK6556">
        <v>10</v>
      </c>
      <c r="AL6556">
        <v>10</v>
      </c>
      <c r="AM6556">
        <v>10</v>
      </c>
      <c r="AN6556">
        <v>10</v>
      </c>
      <c r="AO6556">
        <v>10</v>
      </c>
      <c r="AP6556">
        <v>10</v>
      </c>
      <c r="AQ6556">
        <v>10</v>
      </c>
    </row>
    <row r="6557" spans="1:43">
      <c r="A6557" t="s">
        <v>4108</v>
      </c>
      <c r="B6557" t="s">
        <v>4109</v>
      </c>
      <c r="C6557" t="s">
        <v>4102</v>
      </c>
      <c r="D6557" t="s">
        <v>4103</v>
      </c>
      <c r="E6557" t="s">
        <v>3968</v>
      </c>
      <c r="F6557" t="s">
        <v>3969</v>
      </c>
      <c r="G6557" t="s">
        <v>80</v>
      </c>
      <c r="H6557" t="s">
        <v>81</v>
      </c>
      <c r="I6557" s="2">
        <v>0</v>
      </c>
      <c r="J6557" s="2">
        <v>1</v>
      </c>
      <c r="K6557" s="2">
        <v>0</v>
      </c>
      <c r="L6557" t="s">
        <v>82</v>
      </c>
      <c r="M6557" t="s">
        <v>83</v>
      </c>
      <c r="N6557" t="s">
        <v>91</v>
      </c>
      <c r="O6557" t="s">
        <v>85</v>
      </c>
      <c r="P6557" t="s">
        <v>86</v>
      </c>
      <c r="Q6557">
        <v>8</v>
      </c>
      <c r="R6557">
        <v>8</v>
      </c>
      <c r="S6557">
        <v>8</v>
      </c>
      <c r="T6557">
        <v>9</v>
      </c>
      <c r="U6557">
        <v>9</v>
      </c>
      <c r="V6557">
        <v>9</v>
      </c>
      <c r="W6557">
        <v>9</v>
      </c>
      <c r="X6557">
        <v>9</v>
      </c>
      <c r="Y6557">
        <v>9</v>
      </c>
      <c r="Z6557">
        <v>9</v>
      </c>
      <c r="AA6557">
        <v>9</v>
      </c>
      <c r="AB6557">
        <v>9</v>
      </c>
      <c r="AC6557">
        <v>9</v>
      </c>
      <c r="AD6557">
        <v>9</v>
      </c>
      <c r="AE6557">
        <v>10</v>
      </c>
      <c r="AF6557">
        <v>10</v>
      </c>
      <c r="AG6557">
        <v>10</v>
      </c>
      <c r="AH6557">
        <v>10</v>
      </c>
      <c r="AI6557">
        <v>10</v>
      </c>
      <c r="AJ6557">
        <v>10</v>
      </c>
      <c r="AK6557">
        <v>10</v>
      </c>
      <c r="AL6557">
        <v>10</v>
      </c>
      <c r="AM6557">
        <v>10</v>
      </c>
      <c r="AN6557">
        <v>10</v>
      </c>
      <c r="AO6557">
        <v>10</v>
      </c>
      <c r="AP6557">
        <v>10</v>
      </c>
      <c r="AQ6557">
        <v>10</v>
      </c>
    </row>
    <row r="6558" spans="1:43">
      <c r="A6558" t="s">
        <v>4110</v>
      </c>
      <c r="B6558" t="s">
        <v>4111</v>
      </c>
      <c r="C6558" t="s">
        <v>4052</v>
      </c>
      <c r="D6558" t="s">
        <v>4053</v>
      </c>
      <c r="E6558" t="s">
        <v>3968</v>
      </c>
      <c r="F6558" t="s">
        <v>3969</v>
      </c>
      <c r="G6558" t="s">
        <v>80</v>
      </c>
      <c r="H6558" t="s">
        <v>81</v>
      </c>
      <c r="I6558" s="2">
        <v>0</v>
      </c>
      <c r="J6558" s="2">
        <v>1</v>
      </c>
      <c r="K6558" s="2">
        <v>0</v>
      </c>
      <c r="L6558" t="s">
        <v>82</v>
      </c>
      <c r="M6558" t="s">
        <v>83</v>
      </c>
      <c r="N6558" t="s">
        <v>84</v>
      </c>
      <c r="O6558" t="s">
        <v>85</v>
      </c>
      <c r="P6558" t="s">
        <v>86</v>
      </c>
      <c r="Q6558">
        <v>57</v>
      </c>
      <c r="R6558">
        <v>57</v>
      </c>
      <c r="S6558">
        <v>58</v>
      </c>
      <c r="T6558">
        <v>59</v>
      </c>
      <c r="U6558">
        <v>59</v>
      </c>
      <c r="V6558">
        <v>60</v>
      </c>
      <c r="W6558">
        <v>61</v>
      </c>
      <c r="X6558">
        <v>61</v>
      </c>
      <c r="Y6558">
        <v>62</v>
      </c>
      <c r="Z6558">
        <v>62</v>
      </c>
      <c r="AA6558">
        <v>63</v>
      </c>
      <c r="AB6558">
        <v>64</v>
      </c>
      <c r="AC6558">
        <v>64</v>
      </c>
      <c r="AD6558">
        <v>65</v>
      </c>
      <c r="AE6558">
        <v>65</v>
      </c>
      <c r="AF6558">
        <v>66</v>
      </c>
      <c r="AG6558">
        <v>66</v>
      </c>
      <c r="AH6558">
        <v>67</v>
      </c>
      <c r="AI6558">
        <v>67</v>
      </c>
      <c r="AJ6558">
        <v>68</v>
      </c>
      <c r="AK6558">
        <v>68</v>
      </c>
      <c r="AL6558">
        <v>68</v>
      </c>
      <c r="AM6558">
        <v>68</v>
      </c>
      <c r="AN6558">
        <v>68</v>
      </c>
      <c r="AO6558">
        <v>67</v>
      </c>
      <c r="AP6558">
        <v>67</v>
      </c>
      <c r="AQ6558">
        <v>67</v>
      </c>
    </row>
    <row r="6559" spans="1:43">
      <c r="A6559" t="s">
        <v>4110</v>
      </c>
      <c r="B6559" t="s">
        <v>4111</v>
      </c>
      <c r="C6559" t="s">
        <v>4052</v>
      </c>
      <c r="D6559" t="s">
        <v>4053</v>
      </c>
      <c r="E6559" t="s">
        <v>3968</v>
      </c>
      <c r="F6559" t="s">
        <v>3969</v>
      </c>
      <c r="G6559" t="s">
        <v>80</v>
      </c>
      <c r="H6559" t="s">
        <v>81</v>
      </c>
      <c r="I6559" s="2">
        <v>0</v>
      </c>
      <c r="J6559" s="2">
        <v>1</v>
      </c>
      <c r="K6559" s="2">
        <v>0</v>
      </c>
      <c r="L6559" t="s">
        <v>82</v>
      </c>
      <c r="M6559" t="s">
        <v>87</v>
      </c>
      <c r="N6559" t="s">
        <v>88</v>
      </c>
      <c r="O6559" t="s">
        <v>85</v>
      </c>
      <c r="P6559" t="s">
        <v>86</v>
      </c>
      <c r="Q6559">
        <v>57</v>
      </c>
      <c r="R6559">
        <v>57</v>
      </c>
      <c r="S6559">
        <v>58</v>
      </c>
      <c r="T6559">
        <v>58</v>
      </c>
      <c r="U6559">
        <v>58</v>
      </c>
      <c r="V6559">
        <v>58</v>
      </c>
      <c r="W6559">
        <v>58</v>
      </c>
      <c r="X6559">
        <v>58</v>
      </c>
      <c r="Y6559">
        <v>58</v>
      </c>
      <c r="Z6559">
        <v>58</v>
      </c>
      <c r="AA6559">
        <v>58</v>
      </c>
      <c r="AB6559">
        <v>58</v>
      </c>
      <c r="AC6559">
        <v>59</v>
      </c>
      <c r="AD6559">
        <v>59</v>
      </c>
      <c r="AE6559">
        <v>59</v>
      </c>
      <c r="AF6559">
        <v>59</v>
      </c>
      <c r="AG6559">
        <v>59</v>
      </c>
      <c r="AH6559">
        <v>59</v>
      </c>
      <c r="AI6559">
        <v>59</v>
      </c>
      <c r="AJ6559">
        <v>59</v>
      </c>
      <c r="AK6559">
        <v>59</v>
      </c>
      <c r="AL6559">
        <v>59</v>
      </c>
      <c r="AM6559">
        <v>59</v>
      </c>
      <c r="AN6559">
        <v>59</v>
      </c>
      <c r="AO6559">
        <v>59</v>
      </c>
      <c r="AP6559">
        <v>59</v>
      </c>
      <c r="AQ6559">
        <v>59</v>
      </c>
    </row>
    <row r="6560" spans="1:43">
      <c r="A6560" t="s">
        <v>4110</v>
      </c>
      <c r="B6560" t="s">
        <v>4111</v>
      </c>
      <c r="C6560" t="s">
        <v>4052</v>
      </c>
      <c r="D6560" t="s">
        <v>4053</v>
      </c>
      <c r="E6560" t="s">
        <v>3968</v>
      </c>
      <c r="F6560" t="s">
        <v>3969</v>
      </c>
      <c r="G6560" t="s">
        <v>80</v>
      </c>
      <c r="H6560" t="s">
        <v>81</v>
      </c>
      <c r="I6560" s="2">
        <v>0</v>
      </c>
      <c r="J6560" s="2">
        <v>1</v>
      </c>
      <c r="K6560" s="2">
        <v>0</v>
      </c>
      <c r="L6560" t="s">
        <v>82</v>
      </c>
      <c r="M6560" t="s">
        <v>89</v>
      </c>
      <c r="N6560" t="s">
        <v>90</v>
      </c>
      <c r="O6560" t="s">
        <v>85</v>
      </c>
      <c r="P6560" t="s">
        <v>86</v>
      </c>
      <c r="Q6560">
        <v>57</v>
      </c>
      <c r="R6560">
        <v>58</v>
      </c>
      <c r="S6560">
        <v>60</v>
      </c>
      <c r="T6560">
        <v>61</v>
      </c>
      <c r="U6560">
        <v>62</v>
      </c>
      <c r="V6560">
        <v>63</v>
      </c>
      <c r="W6560">
        <v>64</v>
      </c>
      <c r="X6560">
        <v>65</v>
      </c>
      <c r="Y6560">
        <v>66</v>
      </c>
      <c r="Z6560">
        <v>66</v>
      </c>
      <c r="AA6560">
        <v>67</v>
      </c>
      <c r="AB6560">
        <v>68</v>
      </c>
      <c r="AC6560">
        <v>69</v>
      </c>
      <c r="AD6560">
        <v>70</v>
      </c>
      <c r="AE6560">
        <v>70</v>
      </c>
      <c r="AF6560">
        <v>70</v>
      </c>
      <c r="AG6560">
        <v>70</v>
      </c>
      <c r="AH6560">
        <v>69</v>
      </c>
      <c r="AI6560">
        <v>69</v>
      </c>
      <c r="AJ6560">
        <v>69</v>
      </c>
      <c r="AK6560">
        <v>69</v>
      </c>
      <c r="AL6560">
        <v>69</v>
      </c>
      <c r="AM6560">
        <v>68</v>
      </c>
      <c r="AN6560">
        <v>68</v>
      </c>
      <c r="AO6560">
        <v>68</v>
      </c>
      <c r="AP6560">
        <v>68</v>
      </c>
      <c r="AQ6560">
        <v>68</v>
      </c>
    </row>
    <row r="6561" spans="1:43">
      <c r="A6561" t="s">
        <v>4110</v>
      </c>
      <c r="B6561" t="s">
        <v>4111</v>
      </c>
      <c r="C6561" t="s">
        <v>4052</v>
      </c>
      <c r="D6561" t="s">
        <v>4053</v>
      </c>
      <c r="E6561" t="s">
        <v>3968</v>
      </c>
      <c r="F6561" t="s">
        <v>3969</v>
      </c>
      <c r="G6561" t="s">
        <v>80</v>
      </c>
      <c r="H6561" t="s">
        <v>81</v>
      </c>
      <c r="I6561" s="2">
        <v>0</v>
      </c>
      <c r="J6561" s="2">
        <v>1</v>
      </c>
      <c r="K6561" s="2">
        <v>0</v>
      </c>
      <c r="L6561" t="s">
        <v>82</v>
      </c>
      <c r="M6561" t="s">
        <v>83</v>
      </c>
      <c r="N6561" t="s">
        <v>91</v>
      </c>
      <c r="O6561" t="s">
        <v>85</v>
      </c>
      <c r="P6561" t="s">
        <v>86</v>
      </c>
      <c r="Q6561">
        <v>57</v>
      </c>
      <c r="R6561">
        <v>57</v>
      </c>
      <c r="S6561">
        <v>58</v>
      </c>
      <c r="T6561">
        <v>59</v>
      </c>
      <c r="U6561">
        <v>59</v>
      </c>
      <c r="V6561">
        <v>60</v>
      </c>
      <c r="W6561">
        <v>61</v>
      </c>
      <c r="X6561">
        <v>61</v>
      </c>
      <c r="Y6561">
        <v>62</v>
      </c>
      <c r="Z6561">
        <v>62</v>
      </c>
      <c r="AA6561">
        <v>63</v>
      </c>
      <c r="AB6561">
        <v>64</v>
      </c>
      <c r="AC6561">
        <v>64</v>
      </c>
      <c r="AD6561">
        <v>65</v>
      </c>
      <c r="AE6561">
        <v>65</v>
      </c>
      <c r="AF6561">
        <v>66</v>
      </c>
      <c r="AG6561">
        <v>66</v>
      </c>
      <c r="AH6561">
        <v>67</v>
      </c>
      <c r="AI6561">
        <v>67</v>
      </c>
      <c r="AJ6561">
        <v>68</v>
      </c>
      <c r="AK6561">
        <v>68</v>
      </c>
      <c r="AL6561">
        <v>68</v>
      </c>
      <c r="AM6561">
        <v>68</v>
      </c>
      <c r="AN6561">
        <v>68</v>
      </c>
      <c r="AO6561">
        <v>67</v>
      </c>
      <c r="AP6561">
        <v>67</v>
      </c>
      <c r="AQ6561">
        <v>67</v>
      </c>
    </row>
    <row r="6562" spans="1:43">
      <c r="A6562" t="s">
        <v>4112</v>
      </c>
      <c r="B6562" t="s">
        <v>4113</v>
      </c>
      <c r="C6562" t="s">
        <v>4052</v>
      </c>
      <c r="D6562" t="s">
        <v>4053</v>
      </c>
      <c r="E6562" t="s">
        <v>3968</v>
      </c>
      <c r="F6562" t="s">
        <v>3969</v>
      </c>
      <c r="G6562" t="s">
        <v>80</v>
      </c>
      <c r="H6562" t="s">
        <v>81</v>
      </c>
      <c r="I6562" s="2">
        <v>0</v>
      </c>
      <c r="J6562" s="2">
        <v>1</v>
      </c>
      <c r="K6562" s="2">
        <v>0</v>
      </c>
      <c r="L6562" t="s">
        <v>82</v>
      </c>
      <c r="M6562" t="s">
        <v>83</v>
      </c>
      <c r="N6562" t="s">
        <v>84</v>
      </c>
      <c r="O6562" t="s">
        <v>85</v>
      </c>
      <c r="P6562" t="s">
        <v>86</v>
      </c>
      <c r="Q6562">
        <v>53</v>
      </c>
      <c r="R6562">
        <v>54</v>
      </c>
      <c r="S6562">
        <v>54</v>
      </c>
      <c r="T6562">
        <v>55</v>
      </c>
      <c r="U6562">
        <v>56</v>
      </c>
      <c r="V6562">
        <v>56</v>
      </c>
      <c r="W6562">
        <v>57</v>
      </c>
      <c r="X6562">
        <v>57</v>
      </c>
      <c r="Y6562">
        <v>58</v>
      </c>
      <c r="Z6562">
        <v>58</v>
      </c>
      <c r="AA6562">
        <v>59</v>
      </c>
      <c r="AB6562">
        <v>59</v>
      </c>
      <c r="AC6562">
        <v>60</v>
      </c>
      <c r="AD6562">
        <v>60</v>
      </c>
      <c r="AE6562">
        <v>61</v>
      </c>
      <c r="AF6562">
        <v>61</v>
      </c>
      <c r="AG6562">
        <v>62</v>
      </c>
      <c r="AH6562">
        <v>62</v>
      </c>
      <c r="AI6562">
        <v>63</v>
      </c>
      <c r="AJ6562">
        <v>63</v>
      </c>
      <c r="AK6562">
        <v>64</v>
      </c>
      <c r="AL6562">
        <v>64</v>
      </c>
      <c r="AM6562">
        <v>63</v>
      </c>
      <c r="AN6562">
        <v>63</v>
      </c>
      <c r="AO6562">
        <v>63</v>
      </c>
      <c r="AP6562">
        <v>63</v>
      </c>
      <c r="AQ6562">
        <v>63</v>
      </c>
    </row>
    <row r="6563" spans="1:43">
      <c r="A6563" t="s">
        <v>4112</v>
      </c>
      <c r="B6563" t="s">
        <v>4113</v>
      </c>
      <c r="C6563" t="s">
        <v>4052</v>
      </c>
      <c r="D6563" t="s">
        <v>4053</v>
      </c>
      <c r="E6563" t="s">
        <v>3968</v>
      </c>
      <c r="F6563" t="s">
        <v>3969</v>
      </c>
      <c r="G6563" t="s">
        <v>80</v>
      </c>
      <c r="H6563" t="s">
        <v>81</v>
      </c>
      <c r="I6563" s="2">
        <v>0</v>
      </c>
      <c r="J6563" s="2">
        <v>1</v>
      </c>
      <c r="K6563" s="2">
        <v>0</v>
      </c>
      <c r="L6563" t="s">
        <v>82</v>
      </c>
      <c r="M6563" t="s">
        <v>87</v>
      </c>
      <c r="N6563" t="s">
        <v>88</v>
      </c>
      <c r="O6563" t="s">
        <v>85</v>
      </c>
      <c r="P6563" t="s">
        <v>86</v>
      </c>
      <c r="Q6563">
        <v>53</v>
      </c>
      <c r="R6563">
        <v>53</v>
      </c>
      <c r="S6563">
        <v>53</v>
      </c>
      <c r="T6563">
        <v>53</v>
      </c>
      <c r="U6563">
        <v>53</v>
      </c>
      <c r="V6563">
        <v>53</v>
      </c>
      <c r="W6563">
        <v>53</v>
      </c>
      <c r="X6563">
        <v>53</v>
      </c>
      <c r="Y6563">
        <v>53</v>
      </c>
      <c r="Z6563">
        <v>54</v>
      </c>
      <c r="AA6563">
        <v>54</v>
      </c>
      <c r="AB6563">
        <v>54</v>
      </c>
      <c r="AC6563">
        <v>54</v>
      </c>
      <c r="AD6563">
        <v>54</v>
      </c>
      <c r="AE6563">
        <v>54</v>
      </c>
      <c r="AF6563">
        <v>54</v>
      </c>
      <c r="AG6563">
        <v>54</v>
      </c>
      <c r="AH6563">
        <v>54</v>
      </c>
      <c r="AI6563">
        <v>54</v>
      </c>
      <c r="AJ6563">
        <v>54</v>
      </c>
      <c r="AK6563">
        <v>54</v>
      </c>
      <c r="AL6563">
        <v>54</v>
      </c>
      <c r="AM6563">
        <v>54</v>
      </c>
      <c r="AN6563">
        <v>54</v>
      </c>
      <c r="AO6563">
        <v>54</v>
      </c>
      <c r="AP6563">
        <v>54</v>
      </c>
      <c r="AQ6563">
        <v>54</v>
      </c>
    </row>
    <row r="6564" spans="1:43">
      <c r="A6564" t="s">
        <v>4112</v>
      </c>
      <c r="B6564" t="s">
        <v>4113</v>
      </c>
      <c r="C6564" t="s">
        <v>4052</v>
      </c>
      <c r="D6564" t="s">
        <v>4053</v>
      </c>
      <c r="E6564" t="s">
        <v>3968</v>
      </c>
      <c r="F6564" t="s">
        <v>3969</v>
      </c>
      <c r="G6564" t="s">
        <v>80</v>
      </c>
      <c r="H6564" t="s">
        <v>81</v>
      </c>
      <c r="I6564" s="2">
        <v>0</v>
      </c>
      <c r="J6564" s="2">
        <v>1</v>
      </c>
      <c r="K6564" s="2">
        <v>0</v>
      </c>
      <c r="L6564" t="s">
        <v>82</v>
      </c>
      <c r="M6564" t="s">
        <v>89</v>
      </c>
      <c r="N6564" t="s">
        <v>90</v>
      </c>
      <c r="O6564" t="s">
        <v>85</v>
      </c>
      <c r="P6564" t="s">
        <v>86</v>
      </c>
      <c r="Q6564">
        <v>53</v>
      </c>
      <c r="R6564">
        <v>54</v>
      </c>
      <c r="S6564">
        <v>55</v>
      </c>
      <c r="T6564">
        <v>56</v>
      </c>
      <c r="U6564">
        <v>57</v>
      </c>
      <c r="V6564">
        <v>58</v>
      </c>
      <c r="W6564">
        <v>59</v>
      </c>
      <c r="X6564">
        <v>59</v>
      </c>
      <c r="Y6564">
        <v>60</v>
      </c>
      <c r="Z6564">
        <v>61</v>
      </c>
      <c r="AA6564">
        <v>62</v>
      </c>
      <c r="AB6564">
        <v>63</v>
      </c>
      <c r="AC6564">
        <v>63</v>
      </c>
      <c r="AD6564">
        <v>64</v>
      </c>
      <c r="AE6564">
        <v>64</v>
      </c>
      <c r="AF6564">
        <v>64</v>
      </c>
      <c r="AG6564">
        <v>64</v>
      </c>
      <c r="AH6564">
        <v>64</v>
      </c>
      <c r="AI6564">
        <v>64</v>
      </c>
      <c r="AJ6564">
        <v>64</v>
      </c>
      <c r="AK6564">
        <v>63</v>
      </c>
      <c r="AL6564">
        <v>63</v>
      </c>
      <c r="AM6564">
        <v>63</v>
      </c>
      <c r="AN6564">
        <v>63</v>
      </c>
      <c r="AO6564">
        <v>63</v>
      </c>
      <c r="AP6564">
        <v>62</v>
      </c>
      <c r="AQ6564">
        <v>62</v>
      </c>
    </row>
    <row r="6565" spans="1:43">
      <c r="A6565" t="s">
        <v>4112</v>
      </c>
      <c r="B6565" t="s">
        <v>4113</v>
      </c>
      <c r="C6565" t="s">
        <v>4052</v>
      </c>
      <c r="D6565" t="s">
        <v>4053</v>
      </c>
      <c r="E6565" t="s">
        <v>3968</v>
      </c>
      <c r="F6565" t="s">
        <v>3969</v>
      </c>
      <c r="G6565" t="s">
        <v>80</v>
      </c>
      <c r="H6565" t="s">
        <v>81</v>
      </c>
      <c r="I6565" s="2">
        <v>0</v>
      </c>
      <c r="J6565" s="2">
        <v>1</v>
      </c>
      <c r="K6565" s="2">
        <v>0</v>
      </c>
      <c r="L6565" t="s">
        <v>82</v>
      </c>
      <c r="M6565" t="s">
        <v>83</v>
      </c>
      <c r="N6565" t="s">
        <v>91</v>
      </c>
      <c r="O6565" t="s">
        <v>85</v>
      </c>
      <c r="P6565" t="s">
        <v>86</v>
      </c>
      <c r="Q6565">
        <v>53</v>
      </c>
      <c r="R6565">
        <v>54</v>
      </c>
      <c r="S6565">
        <v>54</v>
      </c>
      <c r="T6565">
        <v>55</v>
      </c>
      <c r="U6565">
        <v>56</v>
      </c>
      <c r="V6565">
        <v>56</v>
      </c>
      <c r="W6565">
        <v>57</v>
      </c>
      <c r="X6565">
        <v>57</v>
      </c>
      <c r="Y6565">
        <v>58</v>
      </c>
      <c r="Z6565">
        <v>58</v>
      </c>
      <c r="AA6565">
        <v>59</v>
      </c>
      <c r="AB6565">
        <v>59</v>
      </c>
      <c r="AC6565">
        <v>60</v>
      </c>
      <c r="AD6565">
        <v>60</v>
      </c>
      <c r="AE6565">
        <v>61</v>
      </c>
      <c r="AF6565">
        <v>61</v>
      </c>
      <c r="AG6565">
        <v>62</v>
      </c>
      <c r="AH6565">
        <v>62</v>
      </c>
      <c r="AI6565">
        <v>63</v>
      </c>
      <c r="AJ6565">
        <v>63</v>
      </c>
      <c r="AK6565">
        <v>64</v>
      </c>
      <c r="AL6565">
        <v>64</v>
      </c>
      <c r="AM6565">
        <v>63</v>
      </c>
      <c r="AN6565">
        <v>63</v>
      </c>
      <c r="AO6565">
        <v>63</v>
      </c>
      <c r="AP6565">
        <v>63</v>
      </c>
      <c r="AQ6565">
        <v>63</v>
      </c>
    </row>
    <row r="6566" spans="1:43">
      <c r="A6566" t="s">
        <v>4114</v>
      </c>
      <c r="B6566" t="s">
        <v>4115</v>
      </c>
      <c r="C6566" t="s">
        <v>4066</v>
      </c>
      <c r="D6566" t="s">
        <v>4067</v>
      </c>
      <c r="E6566" t="s">
        <v>3968</v>
      </c>
      <c r="F6566" t="s">
        <v>3969</v>
      </c>
      <c r="G6566" t="s">
        <v>80</v>
      </c>
      <c r="H6566" t="s">
        <v>81</v>
      </c>
      <c r="I6566" s="2">
        <v>0</v>
      </c>
      <c r="J6566" s="2">
        <v>1</v>
      </c>
      <c r="K6566" s="2">
        <v>0</v>
      </c>
      <c r="L6566" t="s">
        <v>82</v>
      </c>
      <c r="M6566" t="s">
        <v>83</v>
      </c>
      <c r="N6566" t="s">
        <v>84</v>
      </c>
      <c r="O6566" t="s">
        <v>85</v>
      </c>
      <c r="P6566" t="s">
        <v>86</v>
      </c>
      <c r="Q6566">
        <v>86</v>
      </c>
      <c r="R6566">
        <v>87</v>
      </c>
      <c r="S6566">
        <v>88</v>
      </c>
      <c r="T6566">
        <v>89</v>
      </c>
      <c r="U6566">
        <v>90</v>
      </c>
      <c r="V6566">
        <v>91</v>
      </c>
      <c r="W6566">
        <v>92</v>
      </c>
      <c r="X6566">
        <v>93</v>
      </c>
      <c r="Y6566">
        <v>94</v>
      </c>
      <c r="Z6566">
        <v>95</v>
      </c>
      <c r="AA6566">
        <v>96</v>
      </c>
      <c r="AB6566">
        <v>96</v>
      </c>
      <c r="AC6566">
        <v>97</v>
      </c>
      <c r="AD6566">
        <v>98</v>
      </c>
      <c r="AE6566">
        <v>99</v>
      </c>
      <c r="AF6566">
        <v>100</v>
      </c>
      <c r="AG6566">
        <v>100</v>
      </c>
      <c r="AH6566">
        <v>101</v>
      </c>
      <c r="AI6566">
        <v>102</v>
      </c>
      <c r="AJ6566">
        <v>102</v>
      </c>
      <c r="AK6566">
        <v>103</v>
      </c>
      <c r="AL6566">
        <v>103</v>
      </c>
      <c r="AM6566">
        <v>103</v>
      </c>
      <c r="AN6566">
        <v>102</v>
      </c>
      <c r="AO6566">
        <v>102</v>
      </c>
      <c r="AP6566">
        <v>102</v>
      </c>
      <c r="AQ6566">
        <v>102</v>
      </c>
    </row>
    <row r="6567" spans="1:43">
      <c r="A6567" t="s">
        <v>4114</v>
      </c>
      <c r="B6567" t="s">
        <v>4115</v>
      </c>
      <c r="C6567" t="s">
        <v>4066</v>
      </c>
      <c r="D6567" t="s">
        <v>4067</v>
      </c>
      <c r="E6567" t="s">
        <v>3968</v>
      </c>
      <c r="F6567" t="s">
        <v>3969</v>
      </c>
      <c r="G6567" t="s">
        <v>80</v>
      </c>
      <c r="H6567" t="s">
        <v>81</v>
      </c>
      <c r="I6567" s="2">
        <v>0</v>
      </c>
      <c r="J6567" s="2">
        <v>1</v>
      </c>
      <c r="K6567" s="2">
        <v>0</v>
      </c>
      <c r="L6567" t="s">
        <v>82</v>
      </c>
      <c r="M6567" t="s">
        <v>87</v>
      </c>
      <c r="N6567" t="s">
        <v>88</v>
      </c>
      <c r="O6567" t="s">
        <v>85</v>
      </c>
      <c r="P6567" t="s">
        <v>86</v>
      </c>
      <c r="Q6567">
        <v>86</v>
      </c>
      <c r="R6567">
        <v>87</v>
      </c>
      <c r="S6567">
        <v>87</v>
      </c>
      <c r="T6567">
        <v>87</v>
      </c>
      <c r="U6567">
        <v>87</v>
      </c>
      <c r="V6567">
        <v>87</v>
      </c>
      <c r="W6567">
        <v>87</v>
      </c>
      <c r="X6567">
        <v>88</v>
      </c>
      <c r="Y6567">
        <v>88</v>
      </c>
      <c r="Z6567">
        <v>88</v>
      </c>
      <c r="AA6567">
        <v>88</v>
      </c>
      <c r="AB6567">
        <v>88</v>
      </c>
      <c r="AC6567">
        <v>88</v>
      </c>
      <c r="AD6567">
        <v>88</v>
      </c>
      <c r="AE6567">
        <v>88</v>
      </c>
      <c r="AF6567">
        <v>89</v>
      </c>
      <c r="AG6567">
        <v>89</v>
      </c>
      <c r="AH6567">
        <v>89</v>
      </c>
      <c r="AI6567">
        <v>89</v>
      </c>
      <c r="AJ6567">
        <v>89</v>
      </c>
      <c r="AK6567">
        <v>89</v>
      </c>
      <c r="AL6567">
        <v>89</v>
      </c>
      <c r="AM6567">
        <v>89</v>
      </c>
      <c r="AN6567">
        <v>89</v>
      </c>
      <c r="AO6567">
        <v>89</v>
      </c>
      <c r="AP6567">
        <v>89</v>
      </c>
      <c r="AQ6567">
        <v>89</v>
      </c>
    </row>
    <row r="6568" spans="1:43">
      <c r="A6568" t="s">
        <v>4114</v>
      </c>
      <c r="B6568" t="s">
        <v>4115</v>
      </c>
      <c r="C6568" t="s">
        <v>4066</v>
      </c>
      <c r="D6568" t="s">
        <v>4067</v>
      </c>
      <c r="E6568" t="s">
        <v>3968</v>
      </c>
      <c r="F6568" t="s">
        <v>3969</v>
      </c>
      <c r="G6568" t="s">
        <v>80</v>
      </c>
      <c r="H6568" t="s">
        <v>81</v>
      </c>
      <c r="I6568" s="2">
        <v>0</v>
      </c>
      <c r="J6568" s="2">
        <v>1</v>
      </c>
      <c r="K6568" s="2">
        <v>0</v>
      </c>
      <c r="L6568" t="s">
        <v>82</v>
      </c>
      <c r="M6568" t="s">
        <v>89</v>
      </c>
      <c r="N6568" t="s">
        <v>90</v>
      </c>
      <c r="O6568" t="s">
        <v>85</v>
      </c>
      <c r="P6568" t="s">
        <v>86</v>
      </c>
      <c r="Q6568">
        <v>86</v>
      </c>
      <c r="R6568">
        <v>88</v>
      </c>
      <c r="S6568">
        <v>89</v>
      </c>
      <c r="T6568">
        <v>91</v>
      </c>
      <c r="U6568">
        <v>93</v>
      </c>
      <c r="V6568">
        <v>94</v>
      </c>
      <c r="W6568">
        <v>96</v>
      </c>
      <c r="X6568">
        <v>97</v>
      </c>
      <c r="Y6568">
        <v>98</v>
      </c>
      <c r="Z6568">
        <v>100</v>
      </c>
      <c r="AA6568">
        <v>101</v>
      </c>
      <c r="AB6568">
        <v>102</v>
      </c>
      <c r="AC6568">
        <v>103</v>
      </c>
      <c r="AD6568">
        <v>104</v>
      </c>
      <c r="AE6568">
        <v>105</v>
      </c>
      <c r="AF6568">
        <v>105</v>
      </c>
      <c r="AG6568">
        <v>105</v>
      </c>
      <c r="AH6568">
        <v>104</v>
      </c>
      <c r="AI6568">
        <v>104</v>
      </c>
      <c r="AJ6568">
        <v>104</v>
      </c>
      <c r="AK6568">
        <v>103</v>
      </c>
      <c r="AL6568">
        <v>103</v>
      </c>
      <c r="AM6568">
        <v>103</v>
      </c>
      <c r="AN6568">
        <v>102</v>
      </c>
      <c r="AO6568">
        <v>102</v>
      </c>
      <c r="AP6568">
        <v>102</v>
      </c>
      <c r="AQ6568">
        <v>101</v>
      </c>
    </row>
    <row r="6569" spans="1:43">
      <c r="A6569" t="s">
        <v>4114</v>
      </c>
      <c r="B6569" t="s">
        <v>4115</v>
      </c>
      <c r="C6569" t="s">
        <v>4066</v>
      </c>
      <c r="D6569" t="s">
        <v>4067</v>
      </c>
      <c r="E6569" t="s">
        <v>3968</v>
      </c>
      <c r="F6569" t="s">
        <v>3969</v>
      </c>
      <c r="G6569" t="s">
        <v>80</v>
      </c>
      <c r="H6569" t="s">
        <v>81</v>
      </c>
      <c r="I6569" s="2">
        <v>0</v>
      </c>
      <c r="J6569" s="2">
        <v>1</v>
      </c>
      <c r="K6569" s="2">
        <v>0</v>
      </c>
      <c r="L6569" t="s">
        <v>82</v>
      </c>
      <c r="M6569" t="s">
        <v>83</v>
      </c>
      <c r="N6569" t="s">
        <v>91</v>
      </c>
      <c r="O6569" t="s">
        <v>85</v>
      </c>
      <c r="P6569" t="s">
        <v>86</v>
      </c>
      <c r="Q6569">
        <v>86</v>
      </c>
      <c r="R6569">
        <v>87</v>
      </c>
      <c r="S6569">
        <v>88</v>
      </c>
      <c r="T6569">
        <v>89</v>
      </c>
      <c r="U6569">
        <v>90</v>
      </c>
      <c r="V6569">
        <v>91</v>
      </c>
      <c r="W6569">
        <v>92</v>
      </c>
      <c r="X6569">
        <v>93</v>
      </c>
      <c r="Y6569">
        <v>94</v>
      </c>
      <c r="Z6569">
        <v>95</v>
      </c>
      <c r="AA6569">
        <v>96</v>
      </c>
      <c r="AB6569">
        <v>96</v>
      </c>
      <c r="AC6569">
        <v>97</v>
      </c>
      <c r="AD6569">
        <v>98</v>
      </c>
      <c r="AE6569">
        <v>99</v>
      </c>
      <c r="AF6569">
        <v>100</v>
      </c>
      <c r="AG6569">
        <v>100</v>
      </c>
      <c r="AH6569">
        <v>101</v>
      </c>
      <c r="AI6569">
        <v>102</v>
      </c>
      <c r="AJ6569">
        <v>102</v>
      </c>
      <c r="AK6569">
        <v>103</v>
      </c>
      <c r="AL6569">
        <v>103</v>
      </c>
      <c r="AM6569">
        <v>103</v>
      </c>
      <c r="AN6569">
        <v>102</v>
      </c>
      <c r="AO6569">
        <v>102</v>
      </c>
      <c r="AP6569">
        <v>102</v>
      </c>
      <c r="AQ6569">
        <v>102</v>
      </c>
    </row>
    <row r="6570" spans="1:43">
      <c r="A6570" t="s">
        <v>4116</v>
      </c>
      <c r="B6570" t="s">
        <v>4117</v>
      </c>
      <c r="C6570" t="s">
        <v>4052</v>
      </c>
      <c r="D6570" t="s">
        <v>4053</v>
      </c>
      <c r="E6570" t="s">
        <v>3968</v>
      </c>
      <c r="F6570" t="s">
        <v>3969</v>
      </c>
      <c r="G6570" t="s">
        <v>80</v>
      </c>
      <c r="H6570" t="s">
        <v>81</v>
      </c>
      <c r="I6570" s="2">
        <v>0</v>
      </c>
      <c r="J6570" s="2">
        <v>1</v>
      </c>
      <c r="K6570" s="2">
        <v>0</v>
      </c>
      <c r="L6570" t="s">
        <v>82</v>
      </c>
      <c r="M6570" t="s">
        <v>83</v>
      </c>
      <c r="N6570" t="s">
        <v>84</v>
      </c>
      <c r="O6570" t="s">
        <v>85</v>
      </c>
      <c r="P6570" t="s">
        <v>86</v>
      </c>
      <c r="Q6570">
        <v>38</v>
      </c>
      <c r="R6570">
        <v>39</v>
      </c>
      <c r="S6570">
        <v>39</v>
      </c>
      <c r="T6570">
        <v>40</v>
      </c>
      <c r="U6570">
        <v>40</v>
      </c>
      <c r="V6570">
        <v>41</v>
      </c>
      <c r="W6570">
        <v>41</v>
      </c>
      <c r="X6570">
        <v>41</v>
      </c>
      <c r="Y6570">
        <v>42</v>
      </c>
      <c r="Z6570">
        <v>42</v>
      </c>
      <c r="AA6570">
        <v>43</v>
      </c>
      <c r="AB6570">
        <v>43</v>
      </c>
      <c r="AC6570">
        <v>43</v>
      </c>
      <c r="AD6570">
        <v>44</v>
      </c>
      <c r="AE6570">
        <v>44</v>
      </c>
      <c r="AF6570">
        <v>44</v>
      </c>
      <c r="AG6570">
        <v>45</v>
      </c>
      <c r="AH6570">
        <v>45</v>
      </c>
      <c r="AI6570">
        <v>45</v>
      </c>
      <c r="AJ6570">
        <v>46</v>
      </c>
      <c r="AK6570">
        <v>46</v>
      </c>
      <c r="AL6570">
        <v>46</v>
      </c>
      <c r="AM6570">
        <v>46</v>
      </c>
      <c r="AN6570">
        <v>46</v>
      </c>
      <c r="AO6570">
        <v>46</v>
      </c>
      <c r="AP6570">
        <v>45</v>
      </c>
      <c r="AQ6570">
        <v>45</v>
      </c>
    </row>
    <row r="6571" spans="1:43">
      <c r="A6571" t="s">
        <v>4116</v>
      </c>
      <c r="B6571" t="s">
        <v>4117</v>
      </c>
      <c r="C6571" t="s">
        <v>4052</v>
      </c>
      <c r="D6571" t="s">
        <v>4053</v>
      </c>
      <c r="E6571" t="s">
        <v>3968</v>
      </c>
      <c r="F6571" t="s">
        <v>3969</v>
      </c>
      <c r="G6571" t="s">
        <v>80</v>
      </c>
      <c r="H6571" t="s">
        <v>81</v>
      </c>
      <c r="I6571" s="2">
        <v>0</v>
      </c>
      <c r="J6571" s="2">
        <v>1</v>
      </c>
      <c r="K6571" s="2">
        <v>0</v>
      </c>
      <c r="L6571" t="s">
        <v>82</v>
      </c>
      <c r="M6571" t="s">
        <v>87</v>
      </c>
      <c r="N6571" t="s">
        <v>88</v>
      </c>
      <c r="O6571" t="s">
        <v>85</v>
      </c>
      <c r="P6571" t="s">
        <v>86</v>
      </c>
      <c r="Q6571">
        <v>38</v>
      </c>
      <c r="R6571">
        <v>38</v>
      </c>
      <c r="S6571">
        <v>38</v>
      </c>
      <c r="T6571">
        <v>38</v>
      </c>
      <c r="U6571">
        <v>38</v>
      </c>
      <c r="V6571">
        <v>38</v>
      </c>
      <c r="W6571">
        <v>39</v>
      </c>
      <c r="X6571">
        <v>39</v>
      </c>
      <c r="Y6571">
        <v>39</v>
      </c>
      <c r="Z6571">
        <v>39</v>
      </c>
      <c r="AA6571">
        <v>39</v>
      </c>
      <c r="AB6571">
        <v>39</v>
      </c>
      <c r="AC6571">
        <v>39</v>
      </c>
      <c r="AD6571">
        <v>39</v>
      </c>
      <c r="AE6571">
        <v>39</v>
      </c>
      <c r="AF6571">
        <v>39</v>
      </c>
      <c r="AG6571">
        <v>39</v>
      </c>
      <c r="AH6571">
        <v>39</v>
      </c>
      <c r="AI6571">
        <v>39</v>
      </c>
      <c r="AJ6571">
        <v>39</v>
      </c>
      <c r="AK6571">
        <v>39</v>
      </c>
      <c r="AL6571">
        <v>39</v>
      </c>
      <c r="AM6571">
        <v>39</v>
      </c>
      <c r="AN6571">
        <v>39</v>
      </c>
      <c r="AO6571">
        <v>39</v>
      </c>
      <c r="AP6571">
        <v>39</v>
      </c>
      <c r="AQ6571">
        <v>39</v>
      </c>
    </row>
    <row r="6572" spans="1:43">
      <c r="A6572" t="s">
        <v>4116</v>
      </c>
      <c r="B6572" t="s">
        <v>4117</v>
      </c>
      <c r="C6572" t="s">
        <v>4052</v>
      </c>
      <c r="D6572" t="s">
        <v>4053</v>
      </c>
      <c r="E6572" t="s">
        <v>3968</v>
      </c>
      <c r="F6572" t="s">
        <v>3969</v>
      </c>
      <c r="G6572" t="s">
        <v>80</v>
      </c>
      <c r="H6572" t="s">
        <v>81</v>
      </c>
      <c r="I6572" s="2">
        <v>0</v>
      </c>
      <c r="J6572" s="2">
        <v>1</v>
      </c>
      <c r="K6572" s="2">
        <v>0</v>
      </c>
      <c r="L6572" t="s">
        <v>82</v>
      </c>
      <c r="M6572" t="s">
        <v>89</v>
      </c>
      <c r="N6572" t="s">
        <v>90</v>
      </c>
      <c r="O6572" t="s">
        <v>85</v>
      </c>
      <c r="P6572" t="s">
        <v>86</v>
      </c>
      <c r="Q6572">
        <v>38</v>
      </c>
      <c r="R6572">
        <v>39</v>
      </c>
      <c r="S6572">
        <v>39</v>
      </c>
      <c r="T6572">
        <v>40</v>
      </c>
      <c r="U6572">
        <v>41</v>
      </c>
      <c r="V6572">
        <v>41</v>
      </c>
      <c r="W6572">
        <v>42</v>
      </c>
      <c r="X6572">
        <v>43</v>
      </c>
      <c r="Y6572">
        <v>43</v>
      </c>
      <c r="Z6572">
        <v>44</v>
      </c>
      <c r="AA6572">
        <v>44</v>
      </c>
      <c r="AB6572">
        <v>45</v>
      </c>
      <c r="AC6572">
        <v>46</v>
      </c>
      <c r="AD6572">
        <v>46</v>
      </c>
      <c r="AE6572">
        <v>46</v>
      </c>
      <c r="AF6572">
        <v>46</v>
      </c>
      <c r="AG6572">
        <v>46</v>
      </c>
      <c r="AH6572">
        <v>46</v>
      </c>
      <c r="AI6572">
        <v>46</v>
      </c>
      <c r="AJ6572">
        <v>46</v>
      </c>
      <c r="AK6572">
        <v>46</v>
      </c>
      <c r="AL6572">
        <v>45</v>
      </c>
      <c r="AM6572">
        <v>45</v>
      </c>
      <c r="AN6572">
        <v>45</v>
      </c>
      <c r="AO6572">
        <v>45</v>
      </c>
      <c r="AP6572">
        <v>45</v>
      </c>
      <c r="AQ6572">
        <v>45</v>
      </c>
    </row>
    <row r="6573" spans="1:43">
      <c r="A6573" t="s">
        <v>4116</v>
      </c>
      <c r="B6573" t="s">
        <v>4117</v>
      </c>
      <c r="C6573" t="s">
        <v>4052</v>
      </c>
      <c r="D6573" t="s">
        <v>4053</v>
      </c>
      <c r="E6573" t="s">
        <v>3968</v>
      </c>
      <c r="F6573" t="s">
        <v>3969</v>
      </c>
      <c r="G6573" t="s">
        <v>80</v>
      </c>
      <c r="H6573" t="s">
        <v>81</v>
      </c>
      <c r="I6573" s="2">
        <v>0</v>
      </c>
      <c r="J6573" s="2">
        <v>1</v>
      </c>
      <c r="K6573" s="2">
        <v>0</v>
      </c>
      <c r="L6573" t="s">
        <v>82</v>
      </c>
      <c r="M6573" t="s">
        <v>83</v>
      </c>
      <c r="N6573" t="s">
        <v>91</v>
      </c>
      <c r="O6573" t="s">
        <v>85</v>
      </c>
      <c r="P6573" t="s">
        <v>86</v>
      </c>
      <c r="Q6573">
        <v>38</v>
      </c>
      <c r="R6573">
        <v>39</v>
      </c>
      <c r="S6573">
        <v>39</v>
      </c>
      <c r="T6573">
        <v>40</v>
      </c>
      <c r="U6573">
        <v>40</v>
      </c>
      <c r="V6573">
        <v>41</v>
      </c>
      <c r="W6573">
        <v>41</v>
      </c>
      <c r="X6573">
        <v>41</v>
      </c>
      <c r="Y6573">
        <v>42</v>
      </c>
      <c r="Z6573">
        <v>42</v>
      </c>
      <c r="AA6573">
        <v>43</v>
      </c>
      <c r="AB6573">
        <v>43</v>
      </c>
      <c r="AC6573">
        <v>43</v>
      </c>
      <c r="AD6573">
        <v>44</v>
      </c>
      <c r="AE6573">
        <v>44</v>
      </c>
      <c r="AF6573">
        <v>44</v>
      </c>
      <c r="AG6573">
        <v>45</v>
      </c>
      <c r="AH6573">
        <v>45</v>
      </c>
      <c r="AI6573">
        <v>45</v>
      </c>
      <c r="AJ6573">
        <v>46</v>
      </c>
      <c r="AK6573">
        <v>46</v>
      </c>
      <c r="AL6573">
        <v>46</v>
      </c>
      <c r="AM6573">
        <v>46</v>
      </c>
      <c r="AN6573">
        <v>46</v>
      </c>
      <c r="AO6573">
        <v>46</v>
      </c>
      <c r="AP6573">
        <v>45</v>
      </c>
      <c r="AQ6573">
        <v>45</v>
      </c>
    </row>
    <row r="6574" spans="1:43">
      <c r="A6574" t="s">
        <v>4118</v>
      </c>
      <c r="B6574" t="s">
        <v>4119</v>
      </c>
      <c r="C6574" t="s">
        <v>4052</v>
      </c>
      <c r="D6574" t="s">
        <v>4053</v>
      </c>
      <c r="E6574" t="s">
        <v>3968</v>
      </c>
      <c r="F6574" t="s">
        <v>3969</v>
      </c>
      <c r="G6574" t="s">
        <v>80</v>
      </c>
      <c r="H6574" t="s">
        <v>81</v>
      </c>
      <c r="I6574" s="2">
        <v>0</v>
      </c>
      <c r="J6574" s="2">
        <v>1</v>
      </c>
      <c r="K6574" s="2">
        <v>0</v>
      </c>
      <c r="L6574" t="s">
        <v>82</v>
      </c>
      <c r="M6574" t="s">
        <v>83</v>
      </c>
      <c r="N6574" t="s">
        <v>84</v>
      </c>
      <c r="O6574" t="s">
        <v>85</v>
      </c>
      <c r="P6574" t="s">
        <v>86</v>
      </c>
      <c r="Q6574">
        <v>41</v>
      </c>
      <c r="R6574">
        <v>42</v>
      </c>
      <c r="S6574">
        <v>42</v>
      </c>
      <c r="T6574">
        <v>43</v>
      </c>
      <c r="U6574">
        <v>43</v>
      </c>
      <c r="V6574">
        <v>44</v>
      </c>
      <c r="W6574">
        <v>44</v>
      </c>
      <c r="X6574">
        <v>45</v>
      </c>
      <c r="Y6574">
        <v>45</v>
      </c>
      <c r="Z6574">
        <v>46</v>
      </c>
      <c r="AA6574">
        <v>46</v>
      </c>
      <c r="AB6574">
        <v>47</v>
      </c>
      <c r="AC6574">
        <v>47</v>
      </c>
      <c r="AD6574">
        <v>48</v>
      </c>
      <c r="AE6574">
        <v>48</v>
      </c>
      <c r="AF6574">
        <v>48</v>
      </c>
      <c r="AG6574">
        <v>49</v>
      </c>
      <c r="AH6574">
        <v>49</v>
      </c>
      <c r="AI6574">
        <v>50</v>
      </c>
      <c r="AJ6574">
        <v>50</v>
      </c>
      <c r="AK6574">
        <v>50</v>
      </c>
      <c r="AL6574">
        <v>50</v>
      </c>
      <c r="AM6574">
        <v>50</v>
      </c>
      <c r="AN6574">
        <v>50</v>
      </c>
      <c r="AO6574">
        <v>50</v>
      </c>
      <c r="AP6574">
        <v>50</v>
      </c>
      <c r="AQ6574">
        <v>50</v>
      </c>
    </row>
    <row r="6575" spans="1:43">
      <c r="A6575" t="s">
        <v>4118</v>
      </c>
      <c r="B6575" t="s">
        <v>4119</v>
      </c>
      <c r="C6575" t="s">
        <v>4052</v>
      </c>
      <c r="D6575" t="s">
        <v>4053</v>
      </c>
      <c r="E6575" t="s">
        <v>3968</v>
      </c>
      <c r="F6575" t="s">
        <v>3969</v>
      </c>
      <c r="G6575" t="s">
        <v>80</v>
      </c>
      <c r="H6575" t="s">
        <v>81</v>
      </c>
      <c r="I6575" s="2">
        <v>0</v>
      </c>
      <c r="J6575" s="2">
        <v>1</v>
      </c>
      <c r="K6575" s="2">
        <v>0</v>
      </c>
      <c r="L6575" t="s">
        <v>82</v>
      </c>
      <c r="M6575" t="s">
        <v>87</v>
      </c>
      <c r="N6575" t="s">
        <v>88</v>
      </c>
      <c r="O6575" t="s">
        <v>85</v>
      </c>
      <c r="P6575" t="s">
        <v>86</v>
      </c>
      <c r="Q6575">
        <v>41</v>
      </c>
      <c r="R6575">
        <v>41</v>
      </c>
      <c r="S6575">
        <v>41</v>
      </c>
      <c r="T6575">
        <v>41</v>
      </c>
      <c r="U6575">
        <v>42</v>
      </c>
      <c r="V6575">
        <v>42</v>
      </c>
      <c r="W6575">
        <v>42</v>
      </c>
      <c r="X6575">
        <v>42</v>
      </c>
      <c r="Y6575">
        <v>42</v>
      </c>
      <c r="Z6575">
        <v>42</v>
      </c>
      <c r="AA6575">
        <v>42</v>
      </c>
      <c r="AB6575">
        <v>42</v>
      </c>
      <c r="AC6575">
        <v>42</v>
      </c>
      <c r="AD6575">
        <v>42</v>
      </c>
      <c r="AE6575">
        <v>42</v>
      </c>
      <c r="AF6575">
        <v>43</v>
      </c>
      <c r="AG6575">
        <v>43</v>
      </c>
      <c r="AH6575">
        <v>43</v>
      </c>
      <c r="AI6575">
        <v>43</v>
      </c>
      <c r="AJ6575">
        <v>43</v>
      </c>
      <c r="AK6575">
        <v>43</v>
      </c>
      <c r="AL6575">
        <v>43</v>
      </c>
      <c r="AM6575">
        <v>43</v>
      </c>
      <c r="AN6575">
        <v>43</v>
      </c>
      <c r="AO6575">
        <v>43</v>
      </c>
      <c r="AP6575">
        <v>43</v>
      </c>
      <c r="AQ6575">
        <v>43</v>
      </c>
    </row>
    <row r="6576" spans="1:43">
      <c r="A6576" t="s">
        <v>4118</v>
      </c>
      <c r="B6576" t="s">
        <v>4119</v>
      </c>
      <c r="C6576" t="s">
        <v>4052</v>
      </c>
      <c r="D6576" t="s">
        <v>4053</v>
      </c>
      <c r="E6576" t="s">
        <v>3968</v>
      </c>
      <c r="F6576" t="s">
        <v>3969</v>
      </c>
      <c r="G6576" t="s">
        <v>80</v>
      </c>
      <c r="H6576" t="s">
        <v>81</v>
      </c>
      <c r="I6576" s="2">
        <v>0</v>
      </c>
      <c r="J6576" s="2">
        <v>1</v>
      </c>
      <c r="K6576" s="2">
        <v>0</v>
      </c>
      <c r="L6576" t="s">
        <v>82</v>
      </c>
      <c r="M6576" t="s">
        <v>89</v>
      </c>
      <c r="N6576" t="s">
        <v>90</v>
      </c>
      <c r="O6576" t="s">
        <v>85</v>
      </c>
      <c r="P6576" t="s">
        <v>86</v>
      </c>
      <c r="Q6576">
        <v>41</v>
      </c>
      <c r="R6576">
        <v>42</v>
      </c>
      <c r="S6576">
        <v>43</v>
      </c>
      <c r="T6576">
        <v>43</v>
      </c>
      <c r="U6576">
        <v>44</v>
      </c>
      <c r="V6576">
        <v>45</v>
      </c>
      <c r="W6576">
        <v>46</v>
      </c>
      <c r="X6576">
        <v>46</v>
      </c>
      <c r="Y6576">
        <v>47</v>
      </c>
      <c r="Z6576">
        <v>48</v>
      </c>
      <c r="AA6576">
        <v>48</v>
      </c>
      <c r="AB6576">
        <v>49</v>
      </c>
      <c r="AC6576">
        <v>50</v>
      </c>
      <c r="AD6576">
        <v>50</v>
      </c>
      <c r="AE6576">
        <v>50</v>
      </c>
      <c r="AF6576">
        <v>50</v>
      </c>
      <c r="AG6576">
        <v>50</v>
      </c>
      <c r="AH6576">
        <v>50</v>
      </c>
      <c r="AI6576">
        <v>50</v>
      </c>
      <c r="AJ6576">
        <v>50</v>
      </c>
      <c r="AK6576">
        <v>50</v>
      </c>
      <c r="AL6576">
        <v>50</v>
      </c>
      <c r="AM6576">
        <v>50</v>
      </c>
      <c r="AN6576">
        <v>50</v>
      </c>
      <c r="AO6576">
        <v>50</v>
      </c>
      <c r="AP6576">
        <v>50</v>
      </c>
      <c r="AQ6576">
        <v>50</v>
      </c>
    </row>
    <row r="6577" spans="1:43">
      <c r="A6577" t="s">
        <v>4118</v>
      </c>
      <c r="B6577" t="s">
        <v>4119</v>
      </c>
      <c r="C6577" t="s">
        <v>4052</v>
      </c>
      <c r="D6577" t="s">
        <v>4053</v>
      </c>
      <c r="E6577" t="s">
        <v>3968</v>
      </c>
      <c r="F6577" t="s">
        <v>3969</v>
      </c>
      <c r="G6577" t="s">
        <v>80</v>
      </c>
      <c r="H6577" t="s">
        <v>81</v>
      </c>
      <c r="I6577" s="2">
        <v>0</v>
      </c>
      <c r="J6577" s="2">
        <v>1</v>
      </c>
      <c r="K6577" s="2">
        <v>0</v>
      </c>
      <c r="L6577" t="s">
        <v>82</v>
      </c>
      <c r="M6577" t="s">
        <v>83</v>
      </c>
      <c r="N6577" t="s">
        <v>91</v>
      </c>
      <c r="O6577" t="s">
        <v>85</v>
      </c>
      <c r="P6577" t="s">
        <v>86</v>
      </c>
      <c r="Q6577">
        <v>41</v>
      </c>
      <c r="R6577">
        <v>42</v>
      </c>
      <c r="S6577">
        <v>42</v>
      </c>
      <c r="T6577">
        <v>43</v>
      </c>
      <c r="U6577">
        <v>43</v>
      </c>
      <c r="V6577">
        <v>44</v>
      </c>
      <c r="W6577">
        <v>44</v>
      </c>
      <c r="X6577">
        <v>45</v>
      </c>
      <c r="Y6577">
        <v>45</v>
      </c>
      <c r="Z6577">
        <v>46</v>
      </c>
      <c r="AA6577">
        <v>46</v>
      </c>
      <c r="AB6577">
        <v>47</v>
      </c>
      <c r="AC6577">
        <v>47</v>
      </c>
      <c r="AD6577">
        <v>48</v>
      </c>
      <c r="AE6577">
        <v>48</v>
      </c>
      <c r="AF6577">
        <v>48</v>
      </c>
      <c r="AG6577">
        <v>49</v>
      </c>
      <c r="AH6577">
        <v>49</v>
      </c>
      <c r="AI6577">
        <v>50</v>
      </c>
      <c r="AJ6577">
        <v>50</v>
      </c>
      <c r="AK6577">
        <v>50</v>
      </c>
      <c r="AL6577">
        <v>50</v>
      </c>
      <c r="AM6577">
        <v>50</v>
      </c>
      <c r="AN6577">
        <v>50</v>
      </c>
      <c r="AO6577">
        <v>50</v>
      </c>
      <c r="AP6577">
        <v>50</v>
      </c>
      <c r="AQ6577">
        <v>50</v>
      </c>
    </row>
    <row r="6578" spans="1:43">
      <c r="A6578" t="s">
        <v>4120</v>
      </c>
      <c r="B6578" t="s">
        <v>4121</v>
      </c>
      <c r="C6578" t="s">
        <v>4066</v>
      </c>
      <c r="D6578" t="s">
        <v>4067</v>
      </c>
      <c r="E6578" t="s">
        <v>3968</v>
      </c>
      <c r="F6578" t="s">
        <v>3969</v>
      </c>
      <c r="G6578" t="s">
        <v>80</v>
      </c>
      <c r="H6578" t="s">
        <v>81</v>
      </c>
      <c r="I6578" s="2">
        <v>0</v>
      </c>
      <c r="J6578" s="2">
        <v>1</v>
      </c>
      <c r="K6578" s="2">
        <v>0</v>
      </c>
      <c r="L6578" t="s">
        <v>82</v>
      </c>
      <c r="M6578" t="s">
        <v>83</v>
      </c>
      <c r="N6578" t="s">
        <v>84</v>
      </c>
      <c r="O6578" t="s">
        <v>85</v>
      </c>
      <c r="P6578" t="s">
        <v>86</v>
      </c>
      <c r="Q6578">
        <v>73</v>
      </c>
      <c r="R6578">
        <v>73</v>
      </c>
      <c r="S6578">
        <v>74</v>
      </c>
      <c r="T6578">
        <v>75</v>
      </c>
      <c r="U6578">
        <v>76</v>
      </c>
      <c r="V6578">
        <v>77</v>
      </c>
      <c r="W6578">
        <v>78</v>
      </c>
      <c r="X6578">
        <v>78</v>
      </c>
      <c r="Y6578">
        <v>79</v>
      </c>
      <c r="Z6578">
        <v>80</v>
      </c>
      <c r="AA6578">
        <v>81</v>
      </c>
      <c r="AB6578">
        <v>81</v>
      </c>
      <c r="AC6578">
        <v>82</v>
      </c>
      <c r="AD6578">
        <v>83</v>
      </c>
      <c r="AE6578">
        <v>83</v>
      </c>
      <c r="AF6578">
        <v>84</v>
      </c>
      <c r="AG6578">
        <v>85</v>
      </c>
      <c r="AH6578">
        <v>85</v>
      </c>
      <c r="AI6578">
        <v>86</v>
      </c>
      <c r="AJ6578">
        <v>86</v>
      </c>
      <c r="AK6578">
        <v>87</v>
      </c>
      <c r="AL6578">
        <v>87</v>
      </c>
      <c r="AM6578">
        <v>87</v>
      </c>
      <c r="AN6578">
        <v>86</v>
      </c>
      <c r="AO6578">
        <v>86</v>
      </c>
      <c r="AP6578">
        <v>86</v>
      </c>
      <c r="AQ6578">
        <v>86</v>
      </c>
    </row>
    <row r="6579" spans="1:43">
      <c r="A6579" t="s">
        <v>4120</v>
      </c>
      <c r="B6579" t="s">
        <v>4121</v>
      </c>
      <c r="C6579" t="s">
        <v>4066</v>
      </c>
      <c r="D6579" t="s">
        <v>4067</v>
      </c>
      <c r="E6579" t="s">
        <v>3968</v>
      </c>
      <c r="F6579" t="s">
        <v>3969</v>
      </c>
      <c r="G6579" t="s">
        <v>80</v>
      </c>
      <c r="H6579" t="s">
        <v>81</v>
      </c>
      <c r="I6579" s="2">
        <v>0</v>
      </c>
      <c r="J6579" s="2">
        <v>1</v>
      </c>
      <c r="K6579" s="2">
        <v>0</v>
      </c>
      <c r="L6579" t="s">
        <v>82</v>
      </c>
      <c r="M6579" t="s">
        <v>87</v>
      </c>
      <c r="N6579" t="s">
        <v>88</v>
      </c>
      <c r="O6579" t="s">
        <v>85</v>
      </c>
      <c r="P6579" t="s">
        <v>86</v>
      </c>
      <c r="Q6579">
        <v>73</v>
      </c>
      <c r="R6579">
        <v>73</v>
      </c>
      <c r="S6579">
        <v>73</v>
      </c>
      <c r="T6579">
        <v>73</v>
      </c>
      <c r="U6579">
        <v>74</v>
      </c>
      <c r="V6579">
        <v>74</v>
      </c>
      <c r="W6579">
        <v>74</v>
      </c>
      <c r="X6579">
        <v>74</v>
      </c>
      <c r="Y6579">
        <v>74</v>
      </c>
      <c r="Z6579">
        <v>74</v>
      </c>
      <c r="AA6579">
        <v>74</v>
      </c>
      <c r="AB6579">
        <v>74</v>
      </c>
      <c r="AC6579">
        <v>75</v>
      </c>
      <c r="AD6579">
        <v>75</v>
      </c>
      <c r="AE6579">
        <v>75</v>
      </c>
      <c r="AF6579">
        <v>75</v>
      </c>
      <c r="AG6579">
        <v>75</v>
      </c>
      <c r="AH6579">
        <v>75</v>
      </c>
      <c r="AI6579">
        <v>75</v>
      </c>
      <c r="AJ6579">
        <v>75</v>
      </c>
      <c r="AK6579">
        <v>75</v>
      </c>
      <c r="AL6579">
        <v>75</v>
      </c>
      <c r="AM6579">
        <v>75</v>
      </c>
      <c r="AN6579">
        <v>75</v>
      </c>
      <c r="AO6579">
        <v>75</v>
      </c>
      <c r="AP6579">
        <v>75</v>
      </c>
      <c r="AQ6579">
        <v>75</v>
      </c>
    </row>
    <row r="6580" spans="1:43">
      <c r="A6580" t="s">
        <v>4120</v>
      </c>
      <c r="B6580" t="s">
        <v>4121</v>
      </c>
      <c r="C6580" t="s">
        <v>4066</v>
      </c>
      <c r="D6580" t="s">
        <v>4067</v>
      </c>
      <c r="E6580" t="s">
        <v>3968</v>
      </c>
      <c r="F6580" t="s">
        <v>3969</v>
      </c>
      <c r="G6580" t="s">
        <v>80</v>
      </c>
      <c r="H6580" t="s">
        <v>81</v>
      </c>
      <c r="I6580" s="2">
        <v>0</v>
      </c>
      <c r="J6580" s="2">
        <v>1</v>
      </c>
      <c r="K6580" s="2">
        <v>0</v>
      </c>
      <c r="L6580" t="s">
        <v>82</v>
      </c>
      <c r="M6580" t="s">
        <v>89</v>
      </c>
      <c r="N6580" t="s">
        <v>90</v>
      </c>
      <c r="O6580" t="s">
        <v>85</v>
      </c>
      <c r="P6580" t="s">
        <v>86</v>
      </c>
      <c r="Q6580">
        <v>73</v>
      </c>
      <c r="R6580">
        <v>75</v>
      </c>
      <c r="S6580">
        <v>76</v>
      </c>
      <c r="T6580">
        <v>78</v>
      </c>
      <c r="U6580">
        <v>79</v>
      </c>
      <c r="V6580">
        <v>80</v>
      </c>
      <c r="W6580">
        <v>82</v>
      </c>
      <c r="X6580">
        <v>83</v>
      </c>
      <c r="Y6580">
        <v>84</v>
      </c>
      <c r="Z6580">
        <v>85</v>
      </c>
      <c r="AA6580">
        <v>86</v>
      </c>
      <c r="AB6580">
        <v>87</v>
      </c>
      <c r="AC6580">
        <v>88</v>
      </c>
      <c r="AD6580">
        <v>89</v>
      </c>
      <c r="AE6580">
        <v>89</v>
      </c>
      <c r="AF6580">
        <v>89</v>
      </c>
      <c r="AG6580">
        <v>89</v>
      </c>
      <c r="AH6580">
        <v>89</v>
      </c>
      <c r="AI6580">
        <v>88</v>
      </c>
      <c r="AJ6580">
        <v>88</v>
      </c>
      <c r="AK6580">
        <v>88</v>
      </c>
      <c r="AL6580">
        <v>88</v>
      </c>
      <c r="AM6580">
        <v>87</v>
      </c>
      <c r="AN6580">
        <v>87</v>
      </c>
      <c r="AO6580">
        <v>87</v>
      </c>
      <c r="AP6580">
        <v>87</v>
      </c>
      <c r="AQ6580">
        <v>86</v>
      </c>
    </row>
    <row r="6581" spans="1:43">
      <c r="A6581" t="s">
        <v>4120</v>
      </c>
      <c r="B6581" t="s">
        <v>4121</v>
      </c>
      <c r="C6581" t="s">
        <v>4066</v>
      </c>
      <c r="D6581" t="s">
        <v>4067</v>
      </c>
      <c r="E6581" t="s">
        <v>3968</v>
      </c>
      <c r="F6581" t="s">
        <v>3969</v>
      </c>
      <c r="G6581" t="s">
        <v>80</v>
      </c>
      <c r="H6581" t="s">
        <v>81</v>
      </c>
      <c r="I6581" s="2">
        <v>0</v>
      </c>
      <c r="J6581" s="2">
        <v>1</v>
      </c>
      <c r="K6581" s="2">
        <v>0</v>
      </c>
      <c r="L6581" t="s">
        <v>82</v>
      </c>
      <c r="M6581" t="s">
        <v>83</v>
      </c>
      <c r="N6581" t="s">
        <v>91</v>
      </c>
      <c r="O6581" t="s">
        <v>85</v>
      </c>
      <c r="P6581" t="s">
        <v>86</v>
      </c>
      <c r="Q6581">
        <v>73</v>
      </c>
      <c r="R6581">
        <v>73</v>
      </c>
      <c r="S6581">
        <v>74</v>
      </c>
      <c r="T6581">
        <v>75</v>
      </c>
      <c r="U6581">
        <v>76</v>
      </c>
      <c r="V6581">
        <v>77</v>
      </c>
      <c r="W6581">
        <v>78</v>
      </c>
      <c r="X6581">
        <v>78</v>
      </c>
      <c r="Y6581">
        <v>79</v>
      </c>
      <c r="Z6581">
        <v>80</v>
      </c>
      <c r="AA6581">
        <v>81</v>
      </c>
      <c r="AB6581">
        <v>81</v>
      </c>
      <c r="AC6581">
        <v>82</v>
      </c>
      <c r="AD6581">
        <v>83</v>
      </c>
      <c r="AE6581">
        <v>83</v>
      </c>
      <c r="AF6581">
        <v>84</v>
      </c>
      <c r="AG6581">
        <v>85</v>
      </c>
      <c r="AH6581">
        <v>85</v>
      </c>
      <c r="AI6581">
        <v>86</v>
      </c>
      <c r="AJ6581">
        <v>86</v>
      </c>
      <c r="AK6581">
        <v>87</v>
      </c>
      <c r="AL6581">
        <v>87</v>
      </c>
      <c r="AM6581">
        <v>87</v>
      </c>
      <c r="AN6581">
        <v>86</v>
      </c>
      <c r="AO6581">
        <v>86</v>
      </c>
      <c r="AP6581">
        <v>86</v>
      </c>
      <c r="AQ6581">
        <v>86</v>
      </c>
    </row>
    <row r="6582" spans="1:43">
      <c r="A6582" t="s">
        <v>4122</v>
      </c>
      <c r="B6582" t="s">
        <v>4123</v>
      </c>
      <c r="C6582" t="s">
        <v>4066</v>
      </c>
      <c r="D6582" t="s">
        <v>4067</v>
      </c>
      <c r="E6582" t="s">
        <v>3968</v>
      </c>
      <c r="F6582" t="s">
        <v>3969</v>
      </c>
      <c r="G6582" t="s">
        <v>80</v>
      </c>
      <c r="H6582" t="s">
        <v>81</v>
      </c>
      <c r="I6582" s="2">
        <v>0</v>
      </c>
      <c r="J6582" s="2">
        <v>1</v>
      </c>
      <c r="K6582" s="2">
        <v>0</v>
      </c>
      <c r="L6582" t="s">
        <v>82</v>
      </c>
      <c r="M6582" t="s">
        <v>83</v>
      </c>
      <c r="N6582" t="s">
        <v>84</v>
      </c>
      <c r="O6582" t="s">
        <v>85</v>
      </c>
      <c r="P6582" t="s">
        <v>86</v>
      </c>
      <c r="Q6582">
        <v>58</v>
      </c>
      <c r="R6582">
        <v>58</v>
      </c>
      <c r="S6582">
        <v>59</v>
      </c>
      <c r="T6582">
        <v>60</v>
      </c>
      <c r="U6582">
        <v>60</v>
      </c>
      <c r="V6582">
        <v>61</v>
      </c>
      <c r="W6582">
        <v>62</v>
      </c>
      <c r="X6582">
        <v>62</v>
      </c>
      <c r="Y6582">
        <v>63</v>
      </c>
      <c r="Z6582">
        <v>63</v>
      </c>
      <c r="AA6582">
        <v>64</v>
      </c>
      <c r="AB6582">
        <v>65</v>
      </c>
      <c r="AC6582">
        <v>65</v>
      </c>
      <c r="AD6582">
        <v>66</v>
      </c>
      <c r="AE6582">
        <v>66</v>
      </c>
      <c r="AF6582">
        <v>67</v>
      </c>
      <c r="AG6582">
        <v>67</v>
      </c>
      <c r="AH6582">
        <v>68</v>
      </c>
      <c r="AI6582">
        <v>68</v>
      </c>
      <c r="AJ6582">
        <v>69</v>
      </c>
      <c r="AK6582">
        <v>69</v>
      </c>
      <c r="AL6582">
        <v>69</v>
      </c>
      <c r="AM6582">
        <v>69</v>
      </c>
      <c r="AN6582">
        <v>69</v>
      </c>
      <c r="AO6582">
        <v>68</v>
      </c>
      <c r="AP6582">
        <v>68</v>
      </c>
      <c r="AQ6582">
        <v>68</v>
      </c>
    </row>
    <row r="6583" spans="1:43">
      <c r="A6583" t="s">
        <v>4122</v>
      </c>
      <c r="B6583" t="s">
        <v>4123</v>
      </c>
      <c r="C6583" t="s">
        <v>4066</v>
      </c>
      <c r="D6583" t="s">
        <v>4067</v>
      </c>
      <c r="E6583" t="s">
        <v>3968</v>
      </c>
      <c r="F6583" t="s">
        <v>3969</v>
      </c>
      <c r="G6583" t="s">
        <v>80</v>
      </c>
      <c r="H6583" t="s">
        <v>81</v>
      </c>
      <c r="I6583" s="2">
        <v>0</v>
      </c>
      <c r="J6583" s="2">
        <v>1</v>
      </c>
      <c r="K6583" s="2">
        <v>0</v>
      </c>
      <c r="L6583" t="s">
        <v>82</v>
      </c>
      <c r="M6583" t="s">
        <v>87</v>
      </c>
      <c r="N6583" t="s">
        <v>88</v>
      </c>
      <c r="O6583" t="s">
        <v>85</v>
      </c>
      <c r="P6583" t="s">
        <v>86</v>
      </c>
      <c r="Q6583">
        <v>58</v>
      </c>
      <c r="R6583">
        <v>58</v>
      </c>
      <c r="S6583">
        <v>58</v>
      </c>
      <c r="T6583">
        <v>59</v>
      </c>
      <c r="U6583">
        <v>59</v>
      </c>
      <c r="V6583">
        <v>59</v>
      </c>
      <c r="W6583">
        <v>59</v>
      </c>
      <c r="X6583">
        <v>59</v>
      </c>
      <c r="Y6583">
        <v>59</v>
      </c>
      <c r="Z6583">
        <v>59</v>
      </c>
      <c r="AA6583">
        <v>59</v>
      </c>
      <c r="AB6583">
        <v>59</v>
      </c>
      <c r="AC6583">
        <v>59</v>
      </c>
      <c r="AD6583">
        <v>59</v>
      </c>
      <c r="AE6583">
        <v>60</v>
      </c>
      <c r="AF6583">
        <v>60</v>
      </c>
      <c r="AG6583">
        <v>60</v>
      </c>
      <c r="AH6583">
        <v>60</v>
      </c>
      <c r="AI6583">
        <v>60</v>
      </c>
      <c r="AJ6583">
        <v>60</v>
      </c>
      <c r="AK6583">
        <v>60</v>
      </c>
      <c r="AL6583">
        <v>60</v>
      </c>
      <c r="AM6583">
        <v>60</v>
      </c>
      <c r="AN6583">
        <v>60</v>
      </c>
      <c r="AO6583">
        <v>60</v>
      </c>
      <c r="AP6583">
        <v>60</v>
      </c>
      <c r="AQ6583">
        <v>60</v>
      </c>
    </row>
    <row r="6584" spans="1:43">
      <c r="A6584" t="s">
        <v>4122</v>
      </c>
      <c r="B6584" t="s">
        <v>4123</v>
      </c>
      <c r="C6584" t="s">
        <v>4066</v>
      </c>
      <c r="D6584" t="s">
        <v>4067</v>
      </c>
      <c r="E6584" t="s">
        <v>3968</v>
      </c>
      <c r="F6584" t="s">
        <v>3969</v>
      </c>
      <c r="G6584" t="s">
        <v>80</v>
      </c>
      <c r="H6584" t="s">
        <v>81</v>
      </c>
      <c r="I6584" s="2">
        <v>0</v>
      </c>
      <c r="J6584" s="2">
        <v>1</v>
      </c>
      <c r="K6584" s="2">
        <v>0</v>
      </c>
      <c r="L6584" t="s">
        <v>82</v>
      </c>
      <c r="M6584" t="s">
        <v>89</v>
      </c>
      <c r="N6584" t="s">
        <v>90</v>
      </c>
      <c r="O6584" t="s">
        <v>85</v>
      </c>
      <c r="P6584" t="s">
        <v>86</v>
      </c>
      <c r="Q6584">
        <v>58</v>
      </c>
      <c r="R6584">
        <v>59</v>
      </c>
      <c r="S6584">
        <v>61</v>
      </c>
      <c r="T6584">
        <v>62</v>
      </c>
      <c r="U6584">
        <v>63</v>
      </c>
      <c r="V6584">
        <v>64</v>
      </c>
      <c r="W6584">
        <v>65</v>
      </c>
      <c r="X6584">
        <v>66</v>
      </c>
      <c r="Y6584">
        <v>67</v>
      </c>
      <c r="Z6584">
        <v>67</v>
      </c>
      <c r="AA6584">
        <v>68</v>
      </c>
      <c r="AB6584">
        <v>69</v>
      </c>
      <c r="AC6584">
        <v>70</v>
      </c>
      <c r="AD6584">
        <v>71</v>
      </c>
      <c r="AE6584">
        <v>71</v>
      </c>
      <c r="AF6584">
        <v>71</v>
      </c>
      <c r="AG6584">
        <v>71</v>
      </c>
      <c r="AH6584">
        <v>70</v>
      </c>
      <c r="AI6584">
        <v>70</v>
      </c>
      <c r="AJ6584">
        <v>70</v>
      </c>
      <c r="AK6584">
        <v>70</v>
      </c>
      <c r="AL6584">
        <v>70</v>
      </c>
      <c r="AM6584">
        <v>69</v>
      </c>
      <c r="AN6584">
        <v>69</v>
      </c>
      <c r="AO6584">
        <v>69</v>
      </c>
      <c r="AP6584">
        <v>69</v>
      </c>
      <c r="AQ6584">
        <v>69</v>
      </c>
    </row>
    <row r="6585" spans="1:43">
      <c r="A6585" t="s">
        <v>4122</v>
      </c>
      <c r="B6585" t="s">
        <v>4123</v>
      </c>
      <c r="C6585" t="s">
        <v>4066</v>
      </c>
      <c r="D6585" t="s">
        <v>4067</v>
      </c>
      <c r="E6585" t="s">
        <v>3968</v>
      </c>
      <c r="F6585" t="s">
        <v>3969</v>
      </c>
      <c r="G6585" t="s">
        <v>80</v>
      </c>
      <c r="H6585" t="s">
        <v>81</v>
      </c>
      <c r="I6585" s="2">
        <v>0</v>
      </c>
      <c r="J6585" s="2">
        <v>1</v>
      </c>
      <c r="K6585" s="2">
        <v>0</v>
      </c>
      <c r="L6585" t="s">
        <v>82</v>
      </c>
      <c r="M6585" t="s">
        <v>83</v>
      </c>
      <c r="N6585" t="s">
        <v>91</v>
      </c>
      <c r="O6585" t="s">
        <v>85</v>
      </c>
      <c r="P6585" t="s">
        <v>86</v>
      </c>
      <c r="Q6585">
        <v>58</v>
      </c>
      <c r="R6585">
        <v>58</v>
      </c>
      <c r="S6585">
        <v>59</v>
      </c>
      <c r="T6585">
        <v>60</v>
      </c>
      <c r="U6585">
        <v>60</v>
      </c>
      <c r="V6585">
        <v>61</v>
      </c>
      <c r="W6585">
        <v>62</v>
      </c>
      <c r="X6585">
        <v>62</v>
      </c>
      <c r="Y6585">
        <v>63</v>
      </c>
      <c r="Z6585">
        <v>63</v>
      </c>
      <c r="AA6585">
        <v>64</v>
      </c>
      <c r="AB6585">
        <v>65</v>
      </c>
      <c r="AC6585">
        <v>65</v>
      </c>
      <c r="AD6585">
        <v>66</v>
      </c>
      <c r="AE6585">
        <v>66</v>
      </c>
      <c r="AF6585">
        <v>67</v>
      </c>
      <c r="AG6585">
        <v>67</v>
      </c>
      <c r="AH6585">
        <v>68</v>
      </c>
      <c r="AI6585">
        <v>68</v>
      </c>
      <c r="AJ6585">
        <v>69</v>
      </c>
      <c r="AK6585">
        <v>69</v>
      </c>
      <c r="AL6585">
        <v>69</v>
      </c>
      <c r="AM6585">
        <v>69</v>
      </c>
      <c r="AN6585">
        <v>69</v>
      </c>
      <c r="AO6585">
        <v>68</v>
      </c>
      <c r="AP6585">
        <v>68</v>
      </c>
      <c r="AQ6585">
        <v>68</v>
      </c>
    </row>
    <row r="6586" spans="1:43">
      <c r="A6586" t="s">
        <v>4124</v>
      </c>
      <c r="B6586" t="s">
        <v>4125</v>
      </c>
      <c r="C6586" t="s">
        <v>4126</v>
      </c>
      <c r="D6586" t="s">
        <v>4127</v>
      </c>
      <c r="E6586" t="s">
        <v>3968</v>
      </c>
      <c r="F6586" t="s">
        <v>3969</v>
      </c>
      <c r="G6586" t="s">
        <v>80</v>
      </c>
      <c r="H6586" t="s">
        <v>81</v>
      </c>
      <c r="I6586" s="2">
        <v>0</v>
      </c>
      <c r="J6586" s="2">
        <v>1</v>
      </c>
      <c r="K6586" s="2">
        <v>0</v>
      </c>
      <c r="L6586" t="s">
        <v>82</v>
      </c>
      <c r="M6586" t="s">
        <v>83</v>
      </c>
      <c r="N6586" t="s">
        <v>84</v>
      </c>
      <c r="O6586" t="s">
        <v>85</v>
      </c>
      <c r="P6586" t="s">
        <v>86</v>
      </c>
      <c r="Q6586">
        <v>123</v>
      </c>
      <c r="R6586">
        <v>124</v>
      </c>
      <c r="S6586">
        <v>126</v>
      </c>
      <c r="T6586">
        <v>127</v>
      </c>
      <c r="U6586">
        <v>128</v>
      </c>
      <c r="V6586">
        <v>130</v>
      </c>
      <c r="W6586">
        <v>131</v>
      </c>
      <c r="X6586">
        <v>132</v>
      </c>
      <c r="Y6586">
        <v>134</v>
      </c>
      <c r="Z6586">
        <v>135</v>
      </c>
      <c r="AA6586">
        <v>136</v>
      </c>
      <c r="AB6586">
        <v>137</v>
      </c>
      <c r="AC6586">
        <v>138</v>
      </c>
      <c r="AD6586">
        <v>140</v>
      </c>
      <c r="AE6586">
        <v>141</v>
      </c>
      <c r="AF6586">
        <v>142</v>
      </c>
      <c r="AG6586">
        <v>143</v>
      </c>
      <c r="AH6586">
        <v>144</v>
      </c>
      <c r="AI6586">
        <v>145</v>
      </c>
      <c r="AJ6586">
        <v>146</v>
      </c>
      <c r="AK6586">
        <v>147</v>
      </c>
      <c r="AL6586">
        <v>147</v>
      </c>
      <c r="AM6586">
        <v>146</v>
      </c>
      <c r="AN6586">
        <v>146</v>
      </c>
      <c r="AO6586">
        <v>145</v>
      </c>
      <c r="AP6586">
        <v>145</v>
      </c>
      <c r="AQ6586">
        <v>144</v>
      </c>
    </row>
    <row r="6587" spans="1:43">
      <c r="A6587" t="s">
        <v>4124</v>
      </c>
      <c r="B6587" t="s">
        <v>4125</v>
      </c>
      <c r="C6587" t="s">
        <v>4126</v>
      </c>
      <c r="D6587" t="s">
        <v>4127</v>
      </c>
      <c r="E6587" t="s">
        <v>3968</v>
      </c>
      <c r="F6587" t="s">
        <v>3969</v>
      </c>
      <c r="G6587" t="s">
        <v>80</v>
      </c>
      <c r="H6587" t="s">
        <v>81</v>
      </c>
      <c r="I6587" s="2">
        <v>0</v>
      </c>
      <c r="J6587" s="2">
        <v>1</v>
      </c>
      <c r="K6587" s="2">
        <v>0</v>
      </c>
      <c r="L6587" t="s">
        <v>82</v>
      </c>
      <c r="M6587" t="s">
        <v>87</v>
      </c>
      <c r="N6587" t="s">
        <v>88</v>
      </c>
      <c r="O6587" t="s">
        <v>85</v>
      </c>
      <c r="P6587" t="s">
        <v>86</v>
      </c>
      <c r="Q6587">
        <v>123</v>
      </c>
      <c r="R6587">
        <v>123</v>
      </c>
      <c r="S6587">
        <v>123</v>
      </c>
      <c r="T6587">
        <v>123</v>
      </c>
      <c r="U6587">
        <v>124</v>
      </c>
      <c r="V6587">
        <v>124</v>
      </c>
      <c r="W6587">
        <v>124</v>
      </c>
      <c r="X6587">
        <v>124</v>
      </c>
      <c r="Y6587">
        <v>125</v>
      </c>
      <c r="Z6587">
        <v>125</v>
      </c>
      <c r="AA6587">
        <v>125</v>
      </c>
      <c r="AB6587">
        <v>125</v>
      </c>
      <c r="AC6587">
        <v>125</v>
      </c>
      <c r="AD6587">
        <v>125</v>
      </c>
      <c r="AE6587">
        <v>125</v>
      </c>
      <c r="AF6587">
        <v>126</v>
      </c>
      <c r="AG6587">
        <v>126</v>
      </c>
      <c r="AH6587">
        <v>126</v>
      </c>
      <c r="AI6587">
        <v>126</v>
      </c>
      <c r="AJ6587">
        <v>126</v>
      </c>
      <c r="AK6587">
        <v>126</v>
      </c>
      <c r="AL6587">
        <v>126</v>
      </c>
      <c r="AM6587">
        <v>126</v>
      </c>
      <c r="AN6587">
        <v>126</v>
      </c>
      <c r="AO6587">
        <v>126</v>
      </c>
      <c r="AP6587">
        <v>126</v>
      </c>
      <c r="AQ6587">
        <v>126</v>
      </c>
    </row>
    <row r="6588" spans="1:43">
      <c r="A6588" t="s">
        <v>4124</v>
      </c>
      <c r="B6588" t="s">
        <v>4125</v>
      </c>
      <c r="C6588" t="s">
        <v>4126</v>
      </c>
      <c r="D6588" t="s">
        <v>4127</v>
      </c>
      <c r="E6588" t="s">
        <v>3968</v>
      </c>
      <c r="F6588" t="s">
        <v>3969</v>
      </c>
      <c r="G6588" t="s">
        <v>80</v>
      </c>
      <c r="H6588" t="s">
        <v>81</v>
      </c>
      <c r="I6588" s="2">
        <v>0</v>
      </c>
      <c r="J6588" s="2">
        <v>1</v>
      </c>
      <c r="K6588" s="2">
        <v>0</v>
      </c>
      <c r="L6588" t="s">
        <v>82</v>
      </c>
      <c r="M6588" t="s">
        <v>89</v>
      </c>
      <c r="N6588" t="s">
        <v>90</v>
      </c>
      <c r="O6588" t="s">
        <v>85</v>
      </c>
      <c r="P6588" t="s">
        <v>86</v>
      </c>
      <c r="Q6588">
        <v>123</v>
      </c>
      <c r="R6588">
        <v>125</v>
      </c>
      <c r="S6588">
        <v>128</v>
      </c>
      <c r="T6588">
        <v>130</v>
      </c>
      <c r="U6588">
        <v>132</v>
      </c>
      <c r="V6588">
        <v>135</v>
      </c>
      <c r="W6588">
        <v>137</v>
      </c>
      <c r="X6588">
        <v>139</v>
      </c>
      <c r="Y6588">
        <v>141</v>
      </c>
      <c r="Z6588">
        <v>142</v>
      </c>
      <c r="AA6588">
        <v>144</v>
      </c>
      <c r="AB6588">
        <v>146</v>
      </c>
      <c r="AC6588">
        <v>148</v>
      </c>
      <c r="AD6588">
        <v>149</v>
      </c>
      <c r="AE6588">
        <v>150</v>
      </c>
      <c r="AF6588">
        <v>150</v>
      </c>
      <c r="AG6588">
        <v>149</v>
      </c>
      <c r="AH6588">
        <v>149</v>
      </c>
      <c r="AI6588">
        <v>149</v>
      </c>
      <c r="AJ6588">
        <v>148</v>
      </c>
      <c r="AK6588">
        <v>148</v>
      </c>
      <c r="AL6588">
        <v>147</v>
      </c>
      <c r="AM6588">
        <v>147</v>
      </c>
      <c r="AN6588">
        <v>146</v>
      </c>
      <c r="AO6588">
        <v>146</v>
      </c>
      <c r="AP6588">
        <v>145</v>
      </c>
      <c r="AQ6588">
        <v>145</v>
      </c>
    </row>
    <row r="6589" spans="1:43">
      <c r="A6589" t="s">
        <v>4124</v>
      </c>
      <c r="B6589" t="s">
        <v>4125</v>
      </c>
      <c r="C6589" t="s">
        <v>4126</v>
      </c>
      <c r="D6589" t="s">
        <v>4127</v>
      </c>
      <c r="E6589" t="s">
        <v>3968</v>
      </c>
      <c r="F6589" t="s">
        <v>3969</v>
      </c>
      <c r="G6589" t="s">
        <v>80</v>
      </c>
      <c r="H6589" t="s">
        <v>81</v>
      </c>
      <c r="I6589" s="2">
        <v>0</v>
      </c>
      <c r="J6589" s="2">
        <v>1</v>
      </c>
      <c r="K6589" s="2">
        <v>0</v>
      </c>
      <c r="L6589" t="s">
        <v>82</v>
      </c>
      <c r="M6589" t="s">
        <v>83</v>
      </c>
      <c r="N6589" t="s">
        <v>91</v>
      </c>
      <c r="O6589" t="s">
        <v>85</v>
      </c>
      <c r="P6589" t="s">
        <v>86</v>
      </c>
      <c r="Q6589">
        <v>123</v>
      </c>
      <c r="R6589">
        <v>124</v>
      </c>
      <c r="S6589">
        <v>126</v>
      </c>
      <c r="T6589">
        <v>127</v>
      </c>
      <c r="U6589">
        <v>128</v>
      </c>
      <c r="V6589">
        <v>130</v>
      </c>
      <c r="W6589">
        <v>131</v>
      </c>
      <c r="X6589">
        <v>132</v>
      </c>
      <c r="Y6589">
        <v>134</v>
      </c>
      <c r="Z6589">
        <v>135</v>
      </c>
      <c r="AA6589">
        <v>136</v>
      </c>
      <c r="AB6589">
        <v>137</v>
      </c>
      <c r="AC6589">
        <v>138</v>
      </c>
      <c r="AD6589">
        <v>140</v>
      </c>
      <c r="AE6589">
        <v>141</v>
      </c>
      <c r="AF6589">
        <v>142</v>
      </c>
      <c r="AG6589">
        <v>143</v>
      </c>
      <c r="AH6589">
        <v>144</v>
      </c>
      <c r="AI6589">
        <v>145</v>
      </c>
      <c r="AJ6589">
        <v>146</v>
      </c>
      <c r="AK6589">
        <v>147</v>
      </c>
      <c r="AL6589">
        <v>147</v>
      </c>
      <c r="AM6589">
        <v>146</v>
      </c>
      <c r="AN6589">
        <v>146</v>
      </c>
      <c r="AO6589">
        <v>145</v>
      </c>
      <c r="AP6589">
        <v>145</v>
      </c>
      <c r="AQ6589">
        <v>144</v>
      </c>
    </row>
    <row r="6590" spans="1:43">
      <c r="A6590" t="s">
        <v>4128</v>
      </c>
      <c r="B6590" t="s">
        <v>4129</v>
      </c>
      <c r="C6590" t="s">
        <v>4126</v>
      </c>
      <c r="D6590" t="s">
        <v>4127</v>
      </c>
      <c r="E6590" t="s">
        <v>3968</v>
      </c>
      <c r="F6590" t="s">
        <v>3969</v>
      </c>
      <c r="G6590" t="s">
        <v>80</v>
      </c>
      <c r="H6590" t="s">
        <v>81</v>
      </c>
      <c r="I6590" s="2">
        <v>0</v>
      </c>
      <c r="J6590" s="2">
        <v>1</v>
      </c>
      <c r="K6590" s="2">
        <v>0</v>
      </c>
      <c r="L6590" t="s">
        <v>82</v>
      </c>
      <c r="M6590" t="s">
        <v>83</v>
      </c>
      <c r="N6590" t="s">
        <v>84</v>
      </c>
      <c r="O6590" t="s">
        <v>85</v>
      </c>
      <c r="P6590" t="s">
        <v>86</v>
      </c>
      <c r="Q6590">
        <v>46</v>
      </c>
      <c r="R6590">
        <v>46</v>
      </c>
      <c r="S6590">
        <v>47</v>
      </c>
      <c r="T6590">
        <v>47</v>
      </c>
      <c r="U6590">
        <v>48</v>
      </c>
      <c r="V6590">
        <v>48</v>
      </c>
      <c r="W6590">
        <v>49</v>
      </c>
      <c r="X6590">
        <v>49</v>
      </c>
      <c r="Y6590">
        <v>50</v>
      </c>
      <c r="Z6590">
        <v>50</v>
      </c>
      <c r="AA6590">
        <v>51</v>
      </c>
      <c r="AB6590">
        <v>51</v>
      </c>
      <c r="AC6590">
        <v>52</v>
      </c>
      <c r="AD6590">
        <v>52</v>
      </c>
      <c r="AE6590">
        <v>53</v>
      </c>
      <c r="AF6590">
        <v>53</v>
      </c>
      <c r="AG6590">
        <v>53</v>
      </c>
      <c r="AH6590">
        <v>54</v>
      </c>
      <c r="AI6590">
        <v>54</v>
      </c>
      <c r="AJ6590">
        <v>54</v>
      </c>
      <c r="AK6590">
        <v>55</v>
      </c>
      <c r="AL6590">
        <v>55</v>
      </c>
      <c r="AM6590">
        <v>55</v>
      </c>
      <c r="AN6590">
        <v>54</v>
      </c>
      <c r="AO6590">
        <v>54</v>
      </c>
      <c r="AP6590">
        <v>54</v>
      </c>
      <c r="AQ6590">
        <v>54</v>
      </c>
    </row>
    <row r="6591" spans="1:43">
      <c r="A6591" t="s">
        <v>4128</v>
      </c>
      <c r="B6591" t="s">
        <v>4129</v>
      </c>
      <c r="C6591" t="s">
        <v>4126</v>
      </c>
      <c r="D6591" t="s">
        <v>4127</v>
      </c>
      <c r="E6591" t="s">
        <v>3968</v>
      </c>
      <c r="F6591" t="s">
        <v>3969</v>
      </c>
      <c r="G6591" t="s">
        <v>80</v>
      </c>
      <c r="H6591" t="s">
        <v>81</v>
      </c>
      <c r="I6591" s="2">
        <v>0</v>
      </c>
      <c r="J6591" s="2">
        <v>1</v>
      </c>
      <c r="K6591" s="2">
        <v>0</v>
      </c>
      <c r="L6591" t="s">
        <v>82</v>
      </c>
      <c r="M6591" t="s">
        <v>87</v>
      </c>
      <c r="N6591" t="s">
        <v>88</v>
      </c>
      <c r="O6591" t="s">
        <v>85</v>
      </c>
      <c r="P6591" t="s">
        <v>86</v>
      </c>
      <c r="Q6591">
        <v>46</v>
      </c>
      <c r="R6591">
        <v>47</v>
      </c>
      <c r="S6591">
        <v>47</v>
      </c>
      <c r="T6591">
        <v>47</v>
      </c>
      <c r="U6591">
        <v>47</v>
      </c>
      <c r="V6591">
        <v>47</v>
      </c>
      <c r="W6591">
        <v>47</v>
      </c>
      <c r="X6591">
        <v>47</v>
      </c>
      <c r="Y6591">
        <v>47</v>
      </c>
      <c r="Z6591">
        <v>47</v>
      </c>
      <c r="AA6591">
        <v>47</v>
      </c>
      <c r="AB6591">
        <v>47</v>
      </c>
      <c r="AC6591">
        <v>47</v>
      </c>
      <c r="AD6591">
        <v>47</v>
      </c>
      <c r="AE6591">
        <v>47</v>
      </c>
      <c r="AF6591">
        <v>47</v>
      </c>
      <c r="AG6591">
        <v>47</v>
      </c>
      <c r="AH6591">
        <v>48</v>
      </c>
      <c r="AI6591">
        <v>48</v>
      </c>
      <c r="AJ6591">
        <v>48</v>
      </c>
      <c r="AK6591">
        <v>48</v>
      </c>
      <c r="AL6591">
        <v>48</v>
      </c>
      <c r="AM6591">
        <v>48</v>
      </c>
      <c r="AN6591">
        <v>47</v>
      </c>
      <c r="AO6591">
        <v>47</v>
      </c>
      <c r="AP6591">
        <v>47</v>
      </c>
      <c r="AQ6591">
        <v>47</v>
      </c>
    </row>
    <row r="6592" spans="1:43">
      <c r="A6592" t="s">
        <v>4128</v>
      </c>
      <c r="B6592" t="s">
        <v>4129</v>
      </c>
      <c r="C6592" t="s">
        <v>4126</v>
      </c>
      <c r="D6592" t="s">
        <v>4127</v>
      </c>
      <c r="E6592" t="s">
        <v>3968</v>
      </c>
      <c r="F6592" t="s">
        <v>3969</v>
      </c>
      <c r="G6592" t="s">
        <v>80</v>
      </c>
      <c r="H6592" t="s">
        <v>81</v>
      </c>
      <c r="I6592" s="2">
        <v>0</v>
      </c>
      <c r="J6592" s="2">
        <v>1</v>
      </c>
      <c r="K6592" s="2">
        <v>0</v>
      </c>
      <c r="L6592" t="s">
        <v>82</v>
      </c>
      <c r="M6592" t="s">
        <v>89</v>
      </c>
      <c r="N6592" t="s">
        <v>90</v>
      </c>
      <c r="O6592" t="s">
        <v>85</v>
      </c>
      <c r="P6592" t="s">
        <v>86</v>
      </c>
      <c r="Q6592">
        <v>46</v>
      </c>
      <c r="R6592">
        <v>47</v>
      </c>
      <c r="S6592">
        <v>48</v>
      </c>
      <c r="T6592">
        <v>49</v>
      </c>
      <c r="U6592">
        <v>50</v>
      </c>
      <c r="V6592">
        <v>51</v>
      </c>
      <c r="W6592">
        <v>52</v>
      </c>
      <c r="X6592">
        <v>52</v>
      </c>
      <c r="Y6592">
        <v>53</v>
      </c>
      <c r="Z6592">
        <v>54</v>
      </c>
      <c r="AA6592">
        <v>54</v>
      </c>
      <c r="AB6592">
        <v>55</v>
      </c>
      <c r="AC6592">
        <v>56</v>
      </c>
      <c r="AD6592">
        <v>56</v>
      </c>
      <c r="AE6592">
        <v>56</v>
      </c>
      <c r="AF6592">
        <v>56</v>
      </c>
      <c r="AG6592">
        <v>56</v>
      </c>
      <c r="AH6592">
        <v>56</v>
      </c>
      <c r="AI6592">
        <v>56</v>
      </c>
      <c r="AJ6592">
        <v>56</v>
      </c>
      <c r="AK6592">
        <v>55</v>
      </c>
      <c r="AL6592">
        <v>55</v>
      </c>
      <c r="AM6592">
        <v>55</v>
      </c>
      <c r="AN6592">
        <v>55</v>
      </c>
      <c r="AO6592">
        <v>55</v>
      </c>
      <c r="AP6592">
        <v>54</v>
      </c>
      <c r="AQ6592">
        <v>54</v>
      </c>
    </row>
    <row r="6593" spans="1:43">
      <c r="A6593" t="s">
        <v>4128</v>
      </c>
      <c r="B6593" t="s">
        <v>4129</v>
      </c>
      <c r="C6593" t="s">
        <v>4126</v>
      </c>
      <c r="D6593" t="s">
        <v>4127</v>
      </c>
      <c r="E6593" t="s">
        <v>3968</v>
      </c>
      <c r="F6593" t="s">
        <v>3969</v>
      </c>
      <c r="G6593" t="s">
        <v>80</v>
      </c>
      <c r="H6593" t="s">
        <v>81</v>
      </c>
      <c r="I6593" s="2">
        <v>0</v>
      </c>
      <c r="J6593" s="2">
        <v>1</v>
      </c>
      <c r="K6593" s="2">
        <v>0</v>
      </c>
      <c r="L6593" t="s">
        <v>82</v>
      </c>
      <c r="M6593" t="s">
        <v>83</v>
      </c>
      <c r="N6593" t="s">
        <v>91</v>
      </c>
      <c r="O6593" t="s">
        <v>85</v>
      </c>
      <c r="P6593" t="s">
        <v>86</v>
      </c>
      <c r="Q6593">
        <v>46</v>
      </c>
      <c r="R6593">
        <v>46</v>
      </c>
      <c r="S6593">
        <v>47</v>
      </c>
      <c r="T6593">
        <v>47</v>
      </c>
      <c r="U6593">
        <v>48</v>
      </c>
      <c r="V6593">
        <v>48</v>
      </c>
      <c r="W6593">
        <v>49</v>
      </c>
      <c r="X6593">
        <v>49</v>
      </c>
      <c r="Y6593">
        <v>50</v>
      </c>
      <c r="Z6593">
        <v>50</v>
      </c>
      <c r="AA6593">
        <v>51</v>
      </c>
      <c r="AB6593">
        <v>51</v>
      </c>
      <c r="AC6593">
        <v>52</v>
      </c>
      <c r="AD6593">
        <v>52</v>
      </c>
      <c r="AE6593">
        <v>53</v>
      </c>
      <c r="AF6593">
        <v>53</v>
      </c>
      <c r="AG6593">
        <v>53</v>
      </c>
      <c r="AH6593">
        <v>54</v>
      </c>
      <c r="AI6593">
        <v>54</v>
      </c>
      <c r="AJ6593">
        <v>54</v>
      </c>
      <c r="AK6593">
        <v>55</v>
      </c>
      <c r="AL6593">
        <v>55</v>
      </c>
      <c r="AM6593">
        <v>55</v>
      </c>
      <c r="AN6593">
        <v>54</v>
      </c>
      <c r="AO6593">
        <v>54</v>
      </c>
      <c r="AP6593">
        <v>54</v>
      </c>
      <c r="AQ6593">
        <v>54</v>
      </c>
    </row>
    <row r="6594" spans="1:43">
      <c r="A6594" t="s">
        <v>4130</v>
      </c>
      <c r="B6594" t="s">
        <v>4131</v>
      </c>
      <c r="C6594" t="s">
        <v>4062</v>
      </c>
      <c r="D6594" t="s">
        <v>4063</v>
      </c>
      <c r="E6594" t="s">
        <v>3968</v>
      </c>
      <c r="F6594" t="s">
        <v>3969</v>
      </c>
      <c r="G6594" t="s">
        <v>80</v>
      </c>
      <c r="H6594" t="s">
        <v>81</v>
      </c>
      <c r="I6594" s="2">
        <v>0</v>
      </c>
      <c r="J6594" s="2">
        <v>1</v>
      </c>
      <c r="K6594" s="2">
        <v>0</v>
      </c>
      <c r="L6594" t="s">
        <v>82</v>
      </c>
      <c r="M6594" t="s">
        <v>83</v>
      </c>
      <c r="N6594" t="s">
        <v>84</v>
      </c>
      <c r="O6594" t="s">
        <v>85</v>
      </c>
      <c r="P6594" t="s">
        <v>86</v>
      </c>
      <c r="Q6594">
        <v>32</v>
      </c>
      <c r="R6594">
        <v>32</v>
      </c>
      <c r="S6594">
        <v>33</v>
      </c>
      <c r="T6594">
        <v>33</v>
      </c>
      <c r="U6594">
        <v>33</v>
      </c>
      <c r="V6594">
        <v>34</v>
      </c>
      <c r="W6594">
        <v>34</v>
      </c>
      <c r="X6594">
        <v>34</v>
      </c>
      <c r="Y6594">
        <v>35</v>
      </c>
      <c r="Z6594">
        <v>35</v>
      </c>
      <c r="AA6594">
        <v>35</v>
      </c>
      <c r="AB6594">
        <v>36</v>
      </c>
      <c r="AC6594">
        <v>36</v>
      </c>
      <c r="AD6594">
        <v>36</v>
      </c>
      <c r="AE6594">
        <v>37</v>
      </c>
      <c r="AF6594">
        <v>37</v>
      </c>
      <c r="AG6594">
        <v>37</v>
      </c>
      <c r="AH6594">
        <v>38</v>
      </c>
      <c r="AI6594">
        <v>38</v>
      </c>
      <c r="AJ6594">
        <v>38</v>
      </c>
      <c r="AK6594">
        <v>38</v>
      </c>
      <c r="AL6594">
        <v>38</v>
      </c>
      <c r="AM6594">
        <v>38</v>
      </c>
      <c r="AN6594">
        <v>38</v>
      </c>
      <c r="AO6594">
        <v>38</v>
      </c>
      <c r="AP6594">
        <v>38</v>
      </c>
      <c r="AQ6594">
        <v>38</v>
      </c>
    </row>
    <row r="6595" spans="1:43">
      <c r="A6595" t="s">
        <v>4130</v>
      </c>
      <c r="B6595" t="s">
        <v>4131</v>
      </c>
      <c r="C6595" t="s">
        <v>4062</v>
      </c>
      <c r="D6595" t="s">
        <v>4063</v>
      </c>
      <c r="E6595" t="s">
        <v>3968</v>
      </c>
      <c r="F6595" t="s">
        <v>3969</v>
      </c>
      <c r="G6595" t="s">
        <v>80</v>
      </c>
      <c r="H6595" t="s">
        <v>81</v>
      </c>
      <c r="I6595" s="2">
        <v>0</v>
      </c>
      <c r="J6595" s="2">
        <v>1</v>
      </c>
      <c r="K6595" s="2">
        <v>0</v>
      </c>
      <c r="L6595" t="s">
        <v>82</v>
      </c>
      <c r="M6595" t="s">
        <v>87</v>
      </c>
      <c r="N6595" t="s">
        <v>88</v>
      </c>
      <c r="O6595" t="s">
        <v>85</v>
      </c>
      <c r="P6595" t="s">
        <v>86</v>
      </c>
      <c r="Q6595">
        <v>32</v>
      </c>
      <c r="R6595">
        <v>32</v>
      </c>
      <c r="S6595">
        <v>32</v>
      </c>
      <c r="T6595">
        <v>32</v>
      </c>
      <c r="U6595">
        <v>32</v>
      </c>
      <c r="V6595">
        <v>32</v>
      </c>
      <c r="W6595">
        <v>32</v>
      </c>
      <c r="X6595">
        <v>32</v>
      </c>
      <c r="Y6595">
        <v>32</v>
      </c>
      <c r="Z6595">
        <v>32</v>
      </c>
      <c r="AA6595">
        <v>32</v>
      </c>
      <c r="AB6595">
        <v>32</v>
      </c>
      <c r="AC6595">
        <v>32</v>
      </c>
      <c r="AD6595">
        <v>32</v>
      </c>
      <c r="AE6595">
        <v>32</v>
      </c>
      <c r="AF6595">
        <v>32</v>
      </c>
      <c r="AG6595">
        <v>32</v>
      </c>
      <c r="AH6595">
        <v>33</v>
      </c>
      <c r="AI6595">
        <v>33</v>
      </c>
      <c r="AJ6595">
        <v>33</v>
      </c>
      <c r="AK6595">
        <v>33</v>
      </c>
      <c r="AL6595">
        <v>33</v>
      </c>
      <c r="AM6595">
        <v>33</v>
      </c>
      <c r="AN6595">
        <v>33</v>
      </c>
      <c r="AO6595">
        <v>33</v>
      </c>
      <c r="AP6595">
        <v>33</v>
      </c>
      <c r="AQ6595">
        <v>33</v>
      </c>
    </row>
    <row r="6596" spans="1:43">
      <c r="A6596" t="s">
        <v>4130</v>
      </c>
      <c r="B6596" t="s">
        <v>4131</v>
      </c>
      <c r="C6596" t="s">
        <v>4062</v>
      </c>
      <c r="D6596" t="s">
        <v>4063</v>
      </c>
      <c r="E6596" t="s">
        <v>3968</v>
      </c>
      <c r="F6596" t="s">
        <v>3969</v>
      </c>
      <c r="G6596" t="s">
        <v>80</v>
      </c>
      <c r="H6596" t="s">
        <v>81</v>
      </c>
      <c r="I6596" s="2">
        <v>0</v>
      </c>
      <c r="J6596" s="2">
        <v>1</v>
      </c>
      <c r="K6596" s="2">
        <v>0</v>
      </c>
      <c r="L6596" t="s">
        <v>82</v>
      </c>
      <c r="M6596" t="s">
        <v>89</v>
      </c>
      <c r="N6596" t="s">
        <v>90</v>
      </c>
      <c r="O6596" t="s">
        <v>85</v>
      </c>
      <c r="P6596" t="s">
        <v>86</v>
      </c>
      <c r="Q6596">
        <v>32</v>
      </c>
      <c r="R6596">
        <v>33</v>
      </c>
      <c r="S6596">
        <v>33</v>
      </c>
      <c r="T6596">
        <v>34</v>
      </c>
      <c r="U6596">
        <v>35</v>
      </c>
      <c r="V6596">
        <v>35</v>
      </c>
      <c r="W6596">
        <v>36</v>
      </c>
      <c r="X6596">
        <v>36</v>
      </c>
      <c r="Y6596">
        <v>37</v>
      </c>
      <c r="Z6596">
        <v>37</v>
      </c>
      <c r="AA6596">
        <v>38</v>
      </c>
      <c r="AB6596">
        <v>38</v>
      </c>
      <c r="AC6596">
        <v>39</v>
      </c>
      <c r="AD6596">
        <v>39</v>
      </c>
      <c r="AE6596">
        <v>39</v>
      </c>
      <c r="AF6596">
        <v>39</v>
      </c>
      <c r="AG6596">
        <v>39</v>
      </c>
      <c r="AH6596">
        <v>39</v>
      </c>
      <c r="AI6596">
        <v>39</v>
      </c>
      <c r="AJ6596">
        <v>39</v>
      </c>
      <c r="AK6596">
        <v>39</v>
      </c>
      <c r="AL6596">
        <v>39</v>
      </c>
      <c r="AM6596">
        <v>39</v>
      </c>
      <c r="AN6596">
        <v>39</v>
      </c>
      <c r="AO6596">
        <v>38</v>
      </c>
      <c r="AP6596">
        <v>38</v>
      </c>
      <c r="AQ6596">
        <v>38</v>
      </c>
    </row>
    <row r="6597" spans="1:43">
      <c r="A6597" t="s">
        <v>4130</v>
      </c>
      <c r="B6597" t="s">
        <v>4131</v>
      </c>
      <c r="C6597" t="s">
        <v>4062</v>
      </c>
      <c r="D6597" t="s">
        <v>4063</v>
      </c>
      <c r="E6597" t="s">
        <v>3968</v>
      </c>
      <c r="F6597" t="s">
        <v>3969</v>
      </c>
      <c r="G6597" t="s">
        <v>80</v>
      </c>
      <c r="H6597" t="s">
        <v>81</v>
      </c>
      <c r="I6597" s="2">
        <v>0</v>
      </c>
      <c r="J6597" s="2">
        <v>1</v>
      </c>
      <c r="K6597" s="2">
        <v>0</v>
      </c>
      <c r="L6597" t="s">
        <v>82</v>
      </c>
      <c r="M6597" t="s">
        <v>83</v>
      </c>
      <c r="N6597" t="s">
        <v>91</v>
      </c>
      <c r="O6597" t="s">
        <v>85</v>
      </c>
      <c r="P6597" t="s">
        <v>86</v>
      </c>
      <c r="Q6597">
        <v>32</v>
      </c>
      <c r="R6597">
        <v>32</v>
      </c>
      <c r="S6597">
        <v>33</v>
      </c>
      <c r="T6597">
        <v>33</v>
      </c>
      <c r="U6597">
        <v>33</v>
      </c>
      <c r="V6597">
        <v>34</v>
      </c>
      <c r="W6597">
        <v>34</v>
      </c>
      <c r="X6597">
        <v>34</v>
      </c>
      <c r="Y6597">
        <v>35</v>
      </c>
      <c r="Z6597">
        <v>35</v>
      </c>
      <c r="AA6597">
        <v>35</v>
      </c>
      <c r="AB6597">
        <v>36</v>
      </c>
      <c r="AC6597">
        <v>36</v>
      </c>
      <c r="AD6597">
        <v>36</v>
      </c>
      <c r="AE6597">
        <v>37</v>
      </c>
      <c r="AF6597">
        <v>37</v>
      </c>
      <c r="AG6597">
        <v>37</v>
      </c>
      <c r="AH6597">
        <v>38</v>
      </c>
      <c r="AI6597">
        <v>38</v>
      </c>
      <c r="AJ6597">
        <v>38</v>
      </c>
      <c r="AK6597">
        <v>38</v>
      </c>
      <c r="AL6597">
        <v>38</v>
      </c>
      <c r="AM6597">
        <v>38</v>
      </c>
      <c r="AN6597">
        <v>38</v>
      </c>
      <c r="AO6597">
        <v>38</v>
      </c>
      <c r="AP6597">
        <v>38</v>
      </c>
      <c r="AQ6597">
        <v>38</v>
      </c>
    </row>
    <row r="6598" spans="1:43">
      <c r="A6598" t="s">
        <v>4132</v>
      </c>
      <c r="B6598" t="s">
        <v>4133</v>
      </c>
      <c r="C6598" t="s">
        <v>4062</v>
      </c>
      <c r="D6598" t="s">
        <v>4063</v>
      </c>
      <c r="E6598" t="s">
        <v>3968</v>
      </c>
      <c r="F6598" t="s">
        <v>3969</v>
      </c>
      <c r="G6598" t="s">
        <v>80</v>
      </c>
      <c r="H6598" t="s">
        <v>81</v>
      </c>
      <c r="I6598" s="2">
        <v>0</v>
      </c>
      <c r="J6598" s="2">
        <v>1</v>
      </c>
      <c r="K6598" s="2">
        <v>0</v>
      </c>
      <c r="L6598" t="s">
        <v>82</v>
      </c>
      <c r="M6598" t="s">
        <v>83</v>
      </c>
      <c r="N6598" t="s">
        <v>84</v>
      </c>
      <c r="O6598" t="s">
        <v>85</v>
      </c>
      <c r="P6598" t="s">
        <v>86</v>
      </c>
      <c r="Q6598">
        <v>26</v>
      </c>
      <c r="R6598">
        <v>27</v>
      </c>
      <c r="S6598">
        <v>27</v>
      </c>
      <c r="T6598">
        <v>27</v>
      </c>
      <c r="U6598">
        <v>27</v>
      </c>
      <c r="V6598">
        <v>28</v>
      </c>
      <c r="W6598">
        <v>28</v>
      </c>
      <c r="X6598">
        <v>28</v>
      </c>
      <c r="Y6598">
        <v>29</v>
      </c>
      <c r="Z6598">
        <v>29</v>
      </c>
      <c r="AA6598">
        <v>29</v>
      </c>
      <c r="AB6598">
        <v>29</v>
      </c>
      <c r="AC6598">
        <v>30</v>
      </c>
      <c r="AD6598">
        <v>30</v>
      </c>
      <c r="AE6598">
        <v>30</v>
      </c>
      <c r="AF6598">
        <v>30</v>
      </c>
      <c r="AG6598">
        <v>31</v>
      </c>
      <c r="AH6598">
        <v>31</v>
      </c>
      <c r="AI6598">
        <v>31</v>
      </c>
      <c r="AJ6598">
        <v>31</v>
      </c>
      <c r="AK6598">
        <v>32</v>
      </c>
      <c r="AL6598">
        <v>32</v>
      </c>
      <c r="AM6598">
        <v>31</v>
      </c>
      <c r="AN6598">
        <v>31</v>
      </c>
      <c r="AO6598">
        <v>31</v>
      </c>
      <c r="AP6598">
        <v>31</v>
      </c>
      <c r="AQ6598">
        <v>31</v>
      </c>
    </row>
    <row r="6599" spans="1:43">
      <c r="A6599" t="s">
        <v>4132</v>
      </c>
      <c r="B6599" t="s">
        <v>4133</v>
      </c>
      <c r="C6599" t="s">
        <v>4062</v>
      </c>
      <c r="D6599" t="s">
        <v>4063</v>
      </c>
      <c r="E6599" t="s">
        <v>3968</v>
      </c>
      <c r="F6599" t="s">
        <v>3969</v>
      </c>
      <c r="G6599" t="s">
        <v>80</v>
      </c>
      <c r="H6599" t="s">
        <v>81</v>
      </c>
      <c r="I6599" s="2">
        <v>0</v>
      </c>
      <c r="J6599" s="2">
        <v>1</v>
      </c>
      <c r="K6599" s="2">
        <v>0</v>
      </c>
      <c r="L6599" t="s">
        <v>82</v>
      </c>
      <c r="M6599" t="s">
        <v>87</v>
      </c>
      <c r="N6599" t="s">
        <v>88</v>
      </c>
      <c r="O6599" t="s">
        <v>85</v>
      </c>
      <c r="P6599" t="s">
        <v>86</v>
      </c>
      <c r="Q6599">
        <v>26</v>
      </c>
      <c r="R6599">
        <v>26</v>
      </c>
      <c r="S6599">
        <v>26</v>
      </c>
      <c r="T6599">
        <v>26</v>
      </c>
      <c r="U6599">
        <v>26</v>
      </c>
      <c r="V6599">
        <v>26</v>
      </c>
      <c r="W6599">
        <v>26</v>
      </c>
      <c r="X6599">
        <v>26</v>
      </c>
      <c r="Y6599">
        <v>26</v>
      </c>
      <c r="Z6599">
        <v>26</v>
      </c>
      <c r="AA6599">
        <v>27</v>
      </c>
      <c r="AB6599">
        <v>27</v>
      </c>
      <c r="AC6599">
        <v>27</v>
      </c>
      <c r="AD6599">
        <v>27</v>
      </c>
      <c r="AE6599">
        <v>27</v>
      </c>
      <c r="AF6599">
        <v>27</v>
      </c>
      <c r="AG6599">
        <v>27</v>
      </c>
      <c r="AH6599">
        <v>27</v>
      </c>
      <c r="AI6599">
        <v>27</v>
      </c>
      <c r="AJ6599">
        <v>27</v>
      </c>
      <c r="AK6599">
        <v>27</v>
      </c>
      <c r="AL6599">
        <v>27</v>
      </c>
      <c r="AM6599">
        <v>27</v>
      </c>
      <c r="AN6599">
        <v>27</v>
      </c>
      <c r="AO6599">
        <v>27</v>
      </c>
      <c r="AP6599">
        <v>27</v>
      </c>
      <c r="AQ6599">
        <v>27</v>
      </c>
    </row>
    <row r="6600" spans="1:43">
      <c r="A6600" t="s">
        <v>4132</v>
      </c>
      <c r="B6600" t="s">
        <v>4133</v>
      </c>
      <c r="C6600" t="s">
        <v>4062</v>
      </c>
      <c r="D6600" t="s">
        <v>4063</v>
      </c>
      <c r="E6600" t="s">
        <v>3968</v>
      </c>
      <c r="F6600" t="s">
        <v>3969</v>
      </c>
      <c r="G6600" t="s">
        <v>80</v>
      </c>
      <c r="H6600" t="s">
        <v>81</v>
      </c>
      <c r="I6600" s="2">
        <v>0</v>
      </c>
      <c r="J6600" s="2">
        <v>1</v>
      </c>
      <c r="K6600" s="2">
        <v>0</v>
      </c>
      <c r="L6600" t="s">
        <v>82</v>
      </c>
      <c r="M6600" t="s">
        <v>89</v>
      </c>
      <c r="N6600" t="s">
        <v>90</v>
      </c>
      <c r="O6600" t="s">
        <v>85</v>
      </c>
      <c r="P6600" t="s">
        <v>86</v>
      </c>
      <c r="Q6600">
        <v>26</v>
      </c>
      <c r="R6600">
        <v>27</v>
      </c>
      <c r="S6600">
        <v>28</v>
      </c>
      <c r="T6600">
        <v>28</v>
      </c>
      <c r="U6600">
        <v>29</v>
      </c>
      <c r="V6600">
        <v>29</v>
      </c>
      <c r="W6600">
        <v>29</v>
      </c>
      <c r="X6600">
        <v>30</v>
      </c>
      <c r="Y6600">
        <v>30</v>
      </c>
      <c r="Z6600">
        <v>31</v>
      </c>
      <c r="AA6600">
        <v>31</v>
      </c>
      <c r="AB6600">
        <v>31</v>
      </c>
      <c r="AC6600">
        <v>32</v>
      </c>
      <c r="AD6600">
        <v>32</v>
      </c>
      <c r="AE6600">
        <v>32</v>
      </c>
      <c r="AF6600">
        <v>32</v>
      </c>
      <c r="AG6600">
        <v>32</v>
      </c>
      <c r="AH6600">
        <v>32</v>
      </c>
      <c r="AI6600">
        <v>32</v>
      </c>
      <c r="AJ6600">
        <v>32</v>
      </c>
      <c r="AK6600">
        <v>32</v>
      </c>
      <c r="AL6600">
        <v>32</v>
      </c>
      <c r="AM6600">
        <v>32</v>
      </c>
      <c r="AN6600">
        <v>32</v>
      </c>
      <c r="AO6600">
        <v>32</v>
      </c>
      <c r="AP6600">
        <v>31</v>
      </c>
      <c r="AQ6600">
        <v>31</v>
      </c>
    </row>
    <row r="6601" spans="1:43">
      <c r="A6601" t="s">
        <v>4132</v>
      </c>
      <c r="B6601" t="s">
        <v>4133</v>
      </c>
      <c r="C6601" t="s">
        <v>4062</v>
      </c>
      <c r="D6601" t="s">
        <v>4063</v>
      </c>
      <c r="E6601" t="s">
        <v>3968</v>
      </c>
      <c r="F6601" t="s">
        <v>3969</v>
      </c>
      <c r="G6601" t="s">
        <v>80</v>
      </c>
      <c r="H6601" t="s">
        <v>81</v>
      </c>
      <c r="I6601" s="2">
        <v>0</v>
      </c>
      <c r="J6601" s="2">
        <v>1</v>
      </c>
      <c r="K6601" s="2">
        <v>0</v>
      </c>
      <c r="L6601" t="s">
        <v>82</v>
      </c>
      <c r="M6601" t="s">
        <v>83</v>
      </c>
      <c r="N6601" t="s">
        <v>91</v>
      </c>
      <c r="O6601" t="s">
        <v>85</v>
      </c>
      <c r="P6601" t="s">
        <v>86</v>
      </c>
      <c r="Q6601">
        <v>26</v>
      </c>
      <c r="R6601">
        <v>27</v>
      </c>
      <c r="S6601">
        <v>27</v>
      </c>
      <c r="T6601">
        <v>27</v>
      </c>
      <c r="U6601">
        <v>27</v>
      </c>
      <c r="V6601">
        <v>28</v>
      </c>
      <c r="W6601">
        <v>28</v>
      </c>
      <c r="X6601">
        <v>28</v>
      </c>
      <c r="Y6601">
        <v>29</v>
      </c>
      <c r="Z6601">
        <v>29</v>
      </c>
      <c r="AA6601">
        <v>29</v>
      </c>
      <c r="AB6601">
        <v>29</v>
      </c>
      <c r="AC6601">
        <v>30</v>
      </c>
      <c r="AD6601">
        <v>30</v>
      </c>
      <c r="AE6601">
        <v>30</v>
      </c>
      <c r="AF6601">
        <v>30</v>
      </c>
      <c r="AG6601">
        <v>31</v>
      </c>
      <c r="AH6601">
        <v>31</v>
      </c>
      <c r="AI6601">
        <v>31</v>
      </c>
      <c r="AJ6601">
        <v>31</v>
      </c>
      <c r="AK6601">
        <v>32</v>
      </c>
      <c r="AL6601">
        <v>32</v>
      </c>
      <c r="AM6601">
        <v>31</v>
      </c>
      <c r="AN6601">
        <v>31</v>
      </c>
      <c r="AO6601">
        <v>31</v>
      </c>
      <c r="AP6601">
        <v>31</v>
      </c>
      <c r="AQ6601">
        <v>31</v>
      </c>
    </row>
    <row r="6602" spans="1:43">
      <c r="A6602" t="s">
        <v>4134</v>
      </c>
      <c r="B6602" t="s">
        <v>4135</v>
      </c>
      <c r="C6602" t="s">
        <v>4062</v>
      </c>
      <c r="D6602" t="s">
        <v>4063</v>
      </c>
      <c r="E6602" t="s">
        <v>3968</v>
      </c>
      <c r="F6602" t="s">
        <v>3969</v>
      </c>
      <c r="G6602" t="s">
        <v>80</v>
      </c>
      <c r="H6602" t="s">
        <v>81</v>
      </c>
      <c r="I6602" s="2">
        <v>0</v>
      </c>
      <c r="J6602" s="2">
        <v>1</v>
      </c>
      <c r="K6602" s="2">
        <v>0</v>
      </c>
      <c r="L6602" t="s">
        <v>82</v>
      </c>
      <c r="M6602" t="s">
        <v>83</v>
      </c>
      <c r="N6602" t="s">
        <v>84</v>
      </c>
      <c r="O6602" t="s">
        <v>85</v>
      </c>
      <c r="P6602" t="s">
        <v>86</v>
      </c>
      <c r="Q6602">
        <v>14</v>
      </c>
      <c r="R6602">
        <v>14</v>
      </c>
      <c r="S6602">
        <v>14</v>
      </c>
      <c r="T6602">
        <v>14</v>
      </c>
      <c r="U6602">
        <v>14</v>
      </c>
      <c r="V6602">
        <v>15</v>
      </c>
      <c r="W6602">
        <v>15</v>
      </c>
      <c r="X6602">
        <v>15</v>
      </c>
      <c r="Y6602">
        <v>15</v>
      </c>
      <c r="Z6602">
        <v>15</v>
      </c>
      <c r="AA6602">
        <v>15</v>
      </c>
      <c r="AB6602">
        <v>15</v>
      </c>
      <c r="AC6602">
        <v>16</v>
      </c>
      <c r="AD6602">
        <v>16</v>
      </c>
      <c r="AE6602">
        <v>16</v>
      </c>
      <c r="AF6602">
        <v>16</v>
      </c>
      <c r="AG6602">
        <v>16</v>
      </c>
      <c r="AH6602">
        <v>16</v>
      </c>
      <c r="AI6602">
        <v>16</v>
      </c>
      <c r="AJ6602">
        <v>16</v>
      </c>
      <c r="AK6602">
        <v>17</v>
      </c>
      <c r="AL6602">
        <v>17</v>
      </c>
      <c r="AM6602">
        <v>16</v>
      </c>
      <c r="AN6602">
        <v>16</v>
      </c>
      <c r="AO6602">
        <v>16</v>
      </c>
      <c r="AP6602">
        <v>16</v>
      </c>
      <c r="AQ6602">
        <v>16</v>
      </c>
    </row>
    <row r="6603" spans="1:43">
      <c r="A6603" t="s">
        <v>4134</v>
      </c>
      <c r="B6603" t="s">
        <v>4135</v>
      </c>
      <c r="C6603" t="s">
        <v>4062</v>
      </c>
      <c r="D6603" t="s">
        <v>4063</v>
      </c>
      <c r="E6603" t="s">
        <v>3968</v>
      </c>
      <c r="F6603" t="s">
        <v>3969</v>
      </c>
      <c r="G6603" t="s">
        <v>80</v>
      </c>
      <c r="H6603" t="s">
        <v>81</v>
      </c>
      <c r="I6603" s="2">
        <v>0</v>
      </c>
      <c r="J6603" s="2">
        <v>1</v>
      </c>
      <c r="K6603" s="2">
        <v>0</v>
      </c>
      <c r="L6603" t="s">
        <v>82</v>
      </c>
      <c r="M6603" t="s">
        <v>87</v>
      </c>
      <c r="N6603" t="s">
        <v>88</v>
      </c>
      <c r="O6603" t="s">
        <v>85</v>
      </c>
      <c r="P6603" t="s">
        <v>86</v>
      </c>
      <c r="Q6603">
        <v>14</v>
      </c>
      <c r="R6603">
        <v>14</v>
      </c>
      <c r="S6603">
        <v>14</v>
      </c>
      <c r="T6603">
        <v>14</v>
      </c>
      <c r="U6603">
        <v>14</v>
      </c>
      <c r="V6603">
        <v>14</v>
      </c>
      <c r="W6603">
        <v>14</v>
      </c>
      <c r="X6603">
        <v>14</v>
      </c>
      <c r="Y6603">
        <v>14</v>
      </c>
      <c r="Z6603">
        <v>14</v>
      </c>
      <c r="AA6603">
        <v>14</v>
      </c>
      <c r="AB6603">
        <v>14</v>
      </c>
      <c r="AC6603">
        <v>14</v>
      </c>
      <c r="AD6603">
        <v>14</v>
      </c>
      <c r="AE6603">
        <v>14</v>
      </c>
      <c r="AF6603">
        <v>14</v>
      </c>
      <c r="AG6603">
        <v>14</v>
      </c>
      <c r="AH6603">
        <v>14</v>
      </c>
      <c r="AI6603">
        <v>14</v>
      </c>
      <c r="AJ6603">
        <v>14</v>
      </c>
      <c r="AK6603">
        <v>14</v>
      </c>
      <c r="AL6603">
        <v>14</v>
      </c>
      <c r="AM6603">
        <v>14</v>
      </c>
      <c r="AN6603">
        <v>14</v>
      </c>
      <c r="AO6603">
        <v>14</v>
      </c>
      <c r="AP6603">
        <v>14</v>
      </c>
      <c r="AQ6603">
        <v>14</v>
      </c>
    </row>
    <row r="6604" spans="1:43">
      <c r="A6604" t="s">
        <v>4134</v>
      </c>
      <c r="B6604" t="s">
        <v>4135</v>
      </c>
      <c r="C6604" t="s">
        <v>4062</v>
      </c>
      <c r="D6604" t="s">
        <v>4063</v>
      </c>
      <c r="E6604" t="s">
        <v>3968</v>
      </c>
      <c r="F6604" t="s">
        <v>3969</v>
      </c>
      <c r="G6604" t="s">
        <v>80</v>
      </c>
      <c r="H6604" t="s">
        <v>81</v>
      </c>
      <c r="I6604" s="2">
        <v>0</v>
      </c>
      <c r="J6604" s="2">
        <v>1</v>
      </c>
      <c r="K6604" s="2">
        <v>0</v>
      </c>
      <c r="L6604" t="s">
        <v>82</v>
      </c>
      <c r="M6604" t="s">
        <v>89</v>
      </c>
      <c r="N6604" t="s">
        <v>90</v>
      </c>
      <c r="O6604" t="s">
        <v>85</v>
      </c>
      <c r="P6604" t="s">
        <v>86</v>
      </c>
      <c r="Q6604">
        <v>14</v>
      </c>
      <c r="R6604">
        <v>14</v>
      </c>
      <c r="S6604">
        <v>14</v>
      </c>
      <c r="T6604">
        <v>15</v>
      </c>
      <c r="U6604">
        <v>15</v>
      </c>
      <c r="V6604">
        <v>15</v>
      </c>
      <c r="W6604">
        <v>15</v>
      </c>
      <c r="X6604">
        <v>16</v>
      </c>
      <c r="Y6604">
        <v>16</v>
      </c>
      <c r="Z6604">
        <v>16</v>
      </c>
      <c r="AA6604">
        <v>16</v>
      </c>
      <c r="AB6604">
        <v>16</v>
      </c>
      <c r="AC6604">
        <v>17</v>
      </c>
      <c r="AD6604">
        <v>17</v>
      </c>
      <c r="AE6604">
        <v>17</v>
      </c>
      <c r="AF6604">
        <v>17</v>
      </c>
      <c r="AG6604">
        <v>17</v>
      </c>
      <c r="AH6604">
        <v>17</v>
      </c>
      <c r="AI6604">
        <v>17</v>
      </c>
      <c r="AJ6604">
        <v>17</v>
      </c>
      <c r="AK6604">
        <v>17</v>
      </c>
      <c r="AL6604">
        <v>17</v>
      </c>
      <c r="AM6604">
        <v>17</v>
      </c>
      <c r="AN6604">
        <v>17</v>
      </c>
      <c r="AO6604">
        <v>17</v>
      </c>
      <c r="AP6604">
        <v>16</v>
      </c>
      <c r="AQ6604">
        <v>16</v>
      </c>
    </row>
    <row r="6605" spans="1:43">
      <c r="A6605" t="s">
        <v>4134</v>
      </c>
      <c r="B6605" t="s">
        <v>4135</v>
      </c>
      <c r="C6605" t="s">
        <v>4062</v>
      </c>
      <c r="D6605" t="s">
        <v>4063</v>
      </c>
      <c r="E6605" t="s">
        <v>3968</v>
      </c>
      <c r="F6605" t="s">
        <v>3969</v>
      </c>
      <c r="G6605" t="s">
        <v>80</v>
      </c>
      <c r="H6605" t="s">
        <v>81</v>
      </c>
      <c r="I6605" s="2">
        <v>0</v>
      </c>
      <c r="J6605" s="2">
        <v>1</v>
      </c>
      <c r="K6605" s="2">
        <v>0</v>
      </c>
      <c r="L6605" t="s">
        <v>82</v>
      </c>
      <c r="M6605" t="s">
        <v>83</v>
      </c>
      <c r="N6605" t="s">
        <v>91</v>
      </c>
      <c r="O6605" t="s">
        <v>85</v>
      </c>
      <c r="P6605" t="s">
        <v>86</v>
      </c>
      <c r="Q6605">
        <v>14</v>
      </c>
      <c r="R6605">
        <v>14</v>
      </c>
      <c r="S6605">
        <v>14</v>
      </c>
      <c r="T6605">
        <v>14</v>
      </c>
      <c r="U6605">
        <v>14</v>
      </c>
      <c r="V6605">
        <v>15</v>
      </c>
      <c r="W6605">
        <v>15</v>
      </c>
      <c r="X6605">
        <v>15</v>
      </c>
      <c r="Y6605">
        <v>15</v>
      </c>
      <c r="Z6605">
        <v>15</v>
      </c>
      <c r="AA6605">
        <v>15</v>
      </c>
      <c r="AB6605">
        <v>15</v>
      </c>
      <c r="AC6605">
        <v>16</v>
      </c>
      <c r="AD6605">
        <v>16</v>
      </c>
      <c r="AE6605">
        <v>16</v>
      </c>
      <c r="AF6605">
        <v>16</v>
      </c>
      <c r="AG6605">
        <v>16</v>
      </c>
      <c r="AH6605">
        <v>16</v>
      </c>
      <c r="AI6605">
        <v>16</v>
      </c>
      <c r="AJ6605">
        <v>16</v>
      </c>
      <c r="AK6605">
        <v>17</v>
      </c>
      <c r="AL6605">
        <v>17</v>
      </c>
      <c r="AM6605">
        <v>16</v>
      </c>
      <c r="AN6605">
        <v>16</v>
      </c>
      <c r="AO6605">
        <v>16</v>
      </c>
      <c r="AP6605">
        <v>16</v>
      </c>
      <c r="AQ6605">
        <v>16</v>
      </c>
    </row>
    <row r="6606" spans="1:43">
      <c r="A6606" t="s">
        <v>4136</v>
      </c>
      <c r="B6606" t="s">
        <v>4137</v>
      </c>
      <c r="C6606" t="s">
        <v>4138</v>
      </c>
      <c r="D6606" t="s">
        <v>4139</v>
      </c>
      <c r="E6606" t="s">
        <v>3968</v>
      </c>
      <c r="F6606" t="s">
        <v>3969</v>
      </c>
      <c r="G6606" t="s">
        <v>80</v>
      </c>
      <c r="H6606" t="s">
        <v>81</v>
      </c>
      <c r="I6606" s="2">
        <v>0</v>
      </c>
      <c r="J6606" s="2">
        <v>1</v>
      </c>
      <c r="K6606" s="2">
        <v>0</v>
      </c>
      <c r="L6606" t="s">
        <v>82</v>
      </c>
      <c r="M6606" t="s">
        <v>83</v>
      </c>
      <c r="N6606" t="s">
        <v>84</v>
      </c>
      <c r="O6606" t="s">
        <v>85</v>
      </c>
      <c r="P6606" t="s">
        <v>86</v>
      </c>
      <c r="Q6606">
        <v>113</v>
      </c>
      <c r="R6606">
        <v>115</v>
      </c>
      <c r="S6606">
        <v>116</v>
      </c>
      <c r="T6606">
        <v>118</v>
      </c>
      <c r="U6606">
        <v>119</v>
      </c>
      <c r="V6606">
        <v>120</v>
      </c>
      <c r="W6606">
        <v>122</v>
      </c>
      <c r="X6606">
        <v>123</v>
      </c>
      <c r="Y6606">
        <v>124</v>
      </c>
      <c r="Z6606">
        <v>126</v>
      </c>
      <c r="AA6606">
        <v>127</v>
      </c>
      <c r="AB6606">
        <v>128</v>
      </c>
      <c r="AC6606">
        <v>129</v>
      </c>
      <c r="AD6606">
        <v>131</v>
      </c>
      <c r="AE6606">
        <v>132</v>
      </c>
      <c r="AF6606">
        <v>133</v>
      </c>
      <c r="AG6606">
        <v>134</v>
      </c>
      <c r="AH6606">
        <v>135</v>
      </c>
      <c r="AI6606">
        <v>136</v>
      </c>
      <c r="AJ6606">
        <v>137</v>
      </c>
      <c r="AK6606">
        <v>138</v>
      </c>
      <c r="AL6606">
        <v>139</v>
      </c>
      <c r="AM6606">
        <v>138</v>
      </c>
      <c r="AN6606">
        <v>138</v>
      </c>
      <c r="AO6606">
        <v>138</v>
      </c>
      <c r="AP6606">
        <v>138</v>
      </c>
      <c r="AQ6606">
        <v>138</v>
      </c>
    </row>
    <row r="6607" spans="1:43">
      <c r="A6607" t="s">
        <v>4136</v>
      </c>
      <c r="B6607" t="s">
        <v>4137</v>
      </c>
      <c r="C6607" t="s">
        <v>4138</v>
      </c>
      <c r="D6607" t="s">
        <v>4139</v>
      </c>
      <c r="E6607" t="s">
        <v>3968</v>
      </c>
      <c r="F6607" t="s">
        <v>3969</v>
      </c>
      <c r="G6607" t="s">
        <v>80</v>
      </c>
      <c r="H6607" t="s">
        <v>81</v>
      </c>
      <c r="I6607" s="2">
        <v>0</v>
      </c>
      <c r="J6607" s="2">
        <v>1</v>
      </c>
      <c r="K6607" s="2">
        <v>0</v>
      </c>
      <c r="L6607" t="s">
        <v>82</v>
      </c>
      <c r="M6607" t="s">
        <v>87</v>
      </c>
      <c r="N6607" t="s">
        <v>88</v>
      </c>
      <c r="O6607" t="s">
        <v>85</v>
      </c>
      <c r="P6607" t="s">
        <v>86</v>
      </c>
      <c r="Q6607">
        <v>113</v>
      </c>
      <c r="R6607">
        <v>114</v>
      </c>
      <c r="S6607">
        <v>114</v>
      </c>
      <c r="T6607">
        <v>114</v>
      </c>
      <c r="U6607">
        <v>115</v>
      </c>
      <c r="V6607">
        <v>115</v>
      </c>
      <c r="W6607">
        <v>115</v>
      </c>
      <c r="X6607">
        <v>116</v>
      </c>
      <c r="Y6607">
        <v>116</v>
      </c>
      <c r="Z6607">
        <v>116</v>
      </c>
      <c r="AA6607">
        <v>117</v>
      </c>
      <c r="AB6607">
        <v>117</v>
      </c>
      <c r="AC6607">
        <v>117</v>
      </c>
      <c r="AD6607">
        <v>117</v>
      </c>
      <c r="AE6607">
        <v>118</v>
      </c>
      <c r="AF6607">
        <v>118</v>
      </c>
      <c r="AG6607">
        <v>118</v>
      </c>
      <c r="AH6607">
        <v>118</v>
      </c>
      <c r="AI6607">
        <v>118</v>
      </c>
      <c r="AJ6607">
        <v>119</v>
      </c>
      <c r="AK6607">
        <v>119</v>
      </c>
      <c r="AL6607">
        <v>119</v>
      </c>
      <c r="AM6607">
        <v>119</v>
      </c>
      <c r="AN6607">
        <v>119</v>
      </c>
      <c r="AO6607">
        <v>119</v>
      </c>
      <c r="AP6607">
        <v>119</v>
      </c>
      <c r="AQ6607">
        <v>120</v>
      </c>
    </row>
    <row r="6608" spans="1:43">
      <c r="A6608" t="s">
        <v>4136</v>
      </c>
      <c r="B6608" t="s">
        <v>4137</v>
      </c>
      <c r="C6608" t="s">
        <v>4138</v>
      </c>
      <c r="D6608" t="s">
        <v>4139</v>
      </c>
      <c r="E6608" t="s">
        <v>3968</v>
      </c>
      <c r="F6608" t="s">
        <v>3969</v>
      </c>
      <c r="G6608" t="s">
        <v>80</v>
      </c>
      <c r="H6608" t="s">
        <v>81</v>
      </c>
      <c r="I6608" s="2">
        <v>0</v>
      </c>
      <c r="J6608" s="2">
        <v>1</v>
      </c>
      <c r="K6608" s="2">
        <v>0</v>
      </c>
      <c r="L6608" t="s">
        <v>82</v>
      </c>
      <c r="M6608" t="s">
        <v>89</v>
      </c>
      <c r="N6608" t="s">
        <v>90</v>
      </c>
      <c r="O6608" t="s">
        <v>85</v>
      </c>
      <c r="P6608" t="s">
        <v>86</v>
      </c>
      <c r="Q6608">
        <v>113</v>
      </c>
      <c r="R6608">
        <v>116</v>
      </c>
      <c r="S6608">
        <v>118</v>
      </c>
      <c r="T6608">
        <v>120</v>
      </c>
      <c r="U6608">
        <v>123</v>
      </c>
      <c r="V6608">
        <v>125</v>
      </c>
      <c r="W6608">
        <v>127</v>
      </c>
      <c r="X6608">
        <v>129</v>
      </c>
      <c r="Y6608">
        <v>131</v>
      </c>
      <c r="Z6608">
        <v>133</v>
      </c>
      <c r="AA6608">
        <v>134</v>
      </c>
      <c r="AB6608">
        <v>136</v>
      </c>
      <c r="AC6608">
        <v>138</v>
      </c>
      <c r="AD6608">
        <v>139</v>
      </c>
      <c r="AE6608">
        <v>140</v>
      </c>
      <c r="AF6608">
        <v>140</v>
      </c>
      <c r="AG6608">
        <v>140</v>
      </c>
      <c r="AH6608">
        <v>140</v>
      </c>
      <c r="AI6608">
        <v>140</v>
      </c>
      <c r="AJ6608">
        <v>140</v>
      </c>
      <c r="AK6608">
        <v>140</v>
      </c>
      <c r="AL6608">
        <v>140</v>
      </c>
      <c r="AM6608">
        <v>139</v>
      </c>
      <c r="AN6608">
        <v>139</v>
      </c>
      <c r="AO6608">
        <v>139</v>
      </c>
      <c r="AP6608">
        <v>139</v>
      </c>
      <c r="AQ6608">
        <v>139</v>
      </c>
    </row>
    <row r="6609" spans="1:43">
      <c r="A6609" t="s">
        <v>4136</v>
      </c>
      <c r="B6609" t="s">
        <v>4137</v>
      </c>
      <c r="C6609" t="s">
        <v>4138</v>
      </c>
      <c r="D6609" t="s">
        <v>4139</v>
      </c>
      <c r="E6609" t="s">
        <v>3968</v>
      </c>
      <c r="F6609" t="s">
        <v>3969</v>
      </c>
      <c r="G6609" t="s">
        <v>80</v>
      </c>
      <c r="H6609" t="s">
        <v>81</v>
      </c>
      <c r="I6609" s="2">
        <v>0</v>
      </c>
      <c r="J6609" s="2">
        <v>1</v>
      </c>
      <c r="K6609" s="2">
        <v>0</v>
      </c>
      <c r="L6609" t="s">
        <v>82</v>
      </c>
      <c r="M6609" t="s">
        <v>83</v>
      </c>
      <c r="N6609" t="s">
        <v>91</v>
      </c>
      <c r="O6609" t="s">
        <v>85</v>
      </c>
      <c r="P6609" t="s">
        <v>86</v>
      </c>
      <c r="Q6609">
        <v>113</v>
      </c>
      <c r="R6609">
        <v>115</v>
      </c>
      <c r="S6609">
        <v>116</v>
      </c>
      <c r="T6609">
        <v>118</v>
      </c>
      <c r="U6609">
        <v>119</v>
      </c>
      <c r="V6609">
        <v>120</v>
      </c>
      <c r="W6609">
        <v>122</v>
      </c>
      <c r="X6609">
        <v>123</v>
      </c>
      <c r="Y6609">
        <v>124</v>
      </c>
      <c r="Z6609">
        <v>126</v>
      </c>
      <c r="AA6609">
        <v>127</v>
      </c>
      <c r="AB6609">
        <v>128</v>
      </c>
      <c r="AC6609">
        <v>129</v>
      </c>
      <c r="AD6609">
        <v>131</v>
      </c>
      <c r="AE6609">
        <v>132</v>
      </c>
      <c r="AF6609">
        <v>133</v>
      </c>
      <c r="AG6609">
        <v>134</v>
      </c>
      <c r="AH6609">
        <v>135</v>
      </c>
      <c r="AI6609">
        <v>136</v>
      </c>
      <c r="AJ6609">
        <v>137</v>
      </c>
      <c r="AK6609">
        <v>138</v>
      </c>
      <c r="AL6609">
        <v>139</v>
      </c>
      <c r="AM6609">
        <v>138</v>
      </c>
      <c r="AN6609">
        <v>138</v>
      </c>
      <c r="AO6609">
        <v>138</v>
      </c>
      <c r="AP6609">
        <v>138</v>
      </c>
      <c r="AQ6609">
        <v>138</v>
      </c>
    </row>
    <row r="6610" spans="1:43">
      <c r="A6610" t="s">
        <v>4140</v>
      </c>
      <c r="B6610" t="s">
        <v>4141</v>
      </c>
      <c r="C6610" t="s">
        <v>4138</v>
      </c>
      <c r="D6610" t="s">
        <v>4139</v>
      </c>
      <c r="E6610" t="s">
        <v>3968</v>
      </c>
      <c r="F6610" t="s">
        <v>3969</v>
      </c>
      <c r="G6610" t="s">
        <v>80</v>
      </c>
      <c r="H6610" t="s">
        <v>81</v>
      </c>
      <c r="I6610" s="2">
        <v>0</v>
      </c>
      <c r="J6610" s="2">
        <v>1</v>
      </c>
      <c r="K6610" s="2">
        <v>0</v>
      </c>
      <c r="L6610" t="s">
        <v>82</v>
      </c>
      <c r="M6610" t="s">
        <v>83</v>
      </c>
      <c r="N6610" t="s">
        <v>84</v>
      </c>
      <c r="O6610" t="s">
        <v>85</v>
      </c>
      <c r="P6610" t="s">
        <v>86</v>
      </c>
      <c r="Q6610">
        <v>40</v>
      </c>
      <c r="R6610">
        <v>41</v>
      </c>
      <c r="S6610">
        <v>41</v>
      </c>
      <c r="T6610">
        <v>42</v>
      </c>
      <c r="U6610">
        <v>42</v>
      </c>
      <c r="V6610">
        <v>43</v>
      </c>
      <c r="W6610">
        <v>43</v>
      </c>
      <c r="X6610">
        <v>44</v>
      </c>
      <c r="Y6610">
        <v>44</v>
      </c>
      <c r="Z6610">
        <v>44</v>
      </c>
      <c r="AA6610">
        <v>45</v>
      </c>
      <c r="AB6610">
        <v>45</v>
      </c>
      <c r="AC6610">
        <v>46</v>
      </c>
      <c r="AD6610">
        <v>46</v>
      </c>
      <c r="AE6610">
        <v>47</v>
      </c>
      <c r="AF6610">
        <v>47</v>
      </c>
      <c r="AG6610">
        <v>47</v>
      </c>
      <c r="AH6610">
        <v>48</v>
      </c>
      <c r="AI6610">
        <v>48</v>
      </c>
      <c r="AJ6610">
        <v>48</v>
      </c>
      <c r="AK6610">
        <v>49</v>
      </c>
      <c r="AL6610">
        <v>49</v>
      </c>
      <c r="AM6610">
        <v>49</v>
      </c>
      <c r="AN6610">
        <v>49</v>
      </c>
      <c r="AO6610">
        <v>48</v>
      </c>
      <c r="AP6610">
        <v>48</v>
      </c>
      <c r="AQ6610">
        <v>48</v>
      </c>
    </row>
    <row r="6611" spans="1:43">
      <c r="A6611" t="s">
        <v>4140</v>
      </c>
      <c r="B6611" t="s">
        <v>4141</v>
      </c>
      <c r="C6611" t="s">
        <v>4138</v>
      </c>
      <c r="D6611" t="s">
        <v>4139</v>
      </c>
      <c r="E6611" t="s">
        <v>3968</v>
      </c>
      <c r="F6611" t="s">
        <v>3969</v>
      </c>
      <c r="G6611" t="s">
        <v>80</v>
      </c>
      <c r="H6611" t="s">
        <v>81</v>
      </c>
      <c r="I6611" s="2">
        <v>0</v>
      </c>
      <c r="J6611" s="2">
        <v>1</v>
      </c>
      <c r="K6611" s="2">
        <v>0</v>
      </c>
      <c r="L6611" t="s">
        <v>82</v>
      </c>
      <c r="M6611" t="s">
        <v>87</v>
      </c>
      <c r="N6611" t="s">
        <v>88</v>
      </c>
      <c r="O6611" t="s">
        <v>85</v>
      </c>
      <c r="P6611" t="s">
        <v>86</v>
      </c>
      <c r="Q6611">
        <v>40</v>
      </c>
      <c r="R6611">
        <v>40</v>
      </c>
      <c r="S6611">
        <v>40</v>
      </c>
      <c r="T6611">
        <v>40</v>
      </c>
      <c r="U6611">
        <v>40</v>
      </c>
      <c r="V6611">
        <v>40</v>
      </c>
      <c r="W6611">
        <v>41</v>
      </c>
      <c r="X6611">
        <v>41</v>
      </c>
      <c r="Y6611">
        <v>41</v>
      </c>
      <c r="Z6611">
        <v>41</v>
      </c>
      <c r="AA6611">
        <v>41</v>
      </c>
      <c r="AB6611">
        <v>41</v>
      </c>
      <c r="AC6611">
        <v>41</v>
      </c>
      <c r="AD6611">
        <v>41</v>
      </c>
      <c r="AE6611">
        <v>41</v>
      </c>
      <c r="AF6611">
        <v>41</v>
      </c>
      <c r="AG6611">
        <v>41</v>
      </c>
      <c r="AH6611">
        <v>41</v>
      </c>
      <c r="AI6611">
        <v>41</v>
      </c>
      <c r="AJ6611">
        <v>41</v>
      </c>
      <c r="AK6611">
        <v>41</v>
      </c>
      <c r="AL6611">
        <v>41</v>
      </c>
      <c r="AM6611">
        <v>42</v>
      </c>
      <c r="AN6611">
        <v>42</v>
      </c>
      <c r="AO6611">
        <v>42</v>
      </c>
      <c r="AP6611">
        <v>42</v>
      </c>
      <c r="AQ6611">
        <v>42</v>
      </c>
    </row>
    <row r="6612" spans="1:43">
      <c r="A6612" t="s">
        <v>4140</v>
      </c>
      <c r="B6612" t="s">
        <v>4141</v>
      </c>
      <c r="C6612" t="s">
        <v>4138</v>
      </c>
      <c r="D6612" t="s">
        <v>4139</v>
      </c>
      <c r="E6612" t="s">
        <v>3968</v>
      </c>
      <c r="F6612" t="s">
        <v>3969</v>
      </c>
      <c r="G6612" t="s">
        <v>80</v>
      </c>
      <c r="H6612" t="s">
        <v>81</v>
      </c>
      <c r="I6612" s="2">
        <v>0</v>
      </c>
      <c r="J6612" s="2">
        <v>1</v>
      </c>
      <c r="K6612" s="2">
        <v>0</v>
      </c>
      <c r="L6612" t="s">
        <v>82</v>
      </c>
      <c r="M6612" t="s">
        <v>89</v>
      </c>
      <c r="N6612" t="s">
        <v>90</v>
      </c>
      <c r="O6612" t="s">
        <v>85</v>
      </c>
      <c r="P6612" t="s">
        <v>86</v>
      </c>
      <c r="Q6612">
        <v>40</v>
      </c>
      <c r="R6612">
        <v>40</v>
      </c>
      <c r="S6612">
        <v>41</v>
      </c>
      <c r="T6612">
        <v>42</v>
      </c>
      <c r="U6612">
        <v>43</v>
      </c>
      <c r="V6612">
        <v>44</v>
      </c>
      <c r="W6612">
        <v>44</v>
      </c>
      <c r="X6612">
        <v>45</v>
      </c>
      <c r="Y6612">
        <v>46</v>
      </c>
      <c r="Z6612">
        <v>46</v>
      </c>
      <c r="AA6612">
        <v>47</v>
      </c>
      <c r="AB6612">
        <v>47</v>
      </c>
      <c r="AC6612">
        <v>48</v>
      </c>
      <c r="AD6612">
        <v>49</v>
      </c>
      <c r="AE6612">
        <v>49</v>
      </c>
      <c r="AF6612">
        <v>49</v>
      </c>
      <c r="AG6612">
        <v>49</v>
      </c>
      <c r="AH6612">
        <v>49</v>
      </c>
      <c r="AI6612">
        <v>49</v>
      </c>
      <c r="AJ6612">
        <v>49</v>
      </c>
      <c r="AK6612">
        <v>48</v>
      </c>
      <c r="AL6612">
        <v>48</v>
      </c>
      <c r="AM6612">
        <v>48</v>
      </c>
      <c r="AN6612">
        <v>48</v>
      </c>
      <c r="AO6612">
        <v>48</v>
      </c>
      <c r="AP6612">
        <v>48</v>
      </c>
      <c r="AQ6612">
        <v>48</v>
      </c>
    </row>
    <row r="6613" spans="1:43">
      <c r="A6613" t="s">
        <v>4140</v>
      </c>
      <c r="B6613" t="s">
        <v>4141</v>
      </c>
      <c r="C6613" t="s">
        <v>4138</v>
      </c>
      <c r="D6613" t="s">
        <v>4139</v>
      </c>
      <c r="E6613" t="s">
        <v>3968</v>
      </c>
      <c r="F6613" t="s">
        <v>3969</v>
      </c>
      <c r="G6613" t="s">
        <v>80</v>
      </c>
      <c r="H6613" t="s">
        <v>81</v>
      </c>
      <c r="I6613" s="2">
        <v>0</v>
      </c>
      <c r="J6613" s="2">
        <v>1</v>
      </c>
      <c r="K6613" s="2">
        <v>0</v>
      </c>
      <c r="L6613" t="s">
        <v>82</v>
      </c>
      <c r="M6613" t="s">
        <v>83</v>
      </c>
      <c r="N6613" t="s">
        <v>91</v>
      </c>
      <c r="O6613" t="s">
        <v>85</v>
      </c>
      <c r="P6613" t="s">
        <v>86</v>
      </c>
      <c r="Q6613">
        <v>40</v>
      </c>
      <c r="R6613">
        <v>41</v>
      </c>
      <c r="S6613">
        <v>41</v>
      </c>
      <c r="T6613">
        <v>42</v>
      </c>
      <c r="U6613">
        <v>42</v>
      </c>
      <c r="V6613">
        <v>43</v>
      </c>
      <c r="W6613">
        <v>43</v>
      </c>
      <c r="X6613">
        <v>44</v>
      </c>
      <c r="Y6613">
        <v>44</v>
      </c>
      <c r="Z6613">
        <v>44</v>
      </c>
      <c r="AA6613">
        <v>45</v>
      </c>
      <c r="AB6613">
        <v>45</v>
      </c>
      <c r="AC6613">
        <v>46</v>
      </c>
      <c r="AD6613">
        <v>46</v>
      </c>
      <c r="AE6613">
        <v>47</v>
      </c>
      <c r="AF6613">
        <v>47</v>
      </c>
      <c r="AG6613">
        <v>47</v>
      </c>
      <c r="AH6613">
        <v>48</v>
      </c>
      <c r="AI6613">
        <v>48</v>
      </c>
      <c r="AJ6613">
        <v>48</v>
      </c>
      <c r="AK6613">
        <v>49</v>
      </c>
      <c r="AL6613">
        <v>49</v>
      </c>
      <c r="AM6613">
        <v>49</v>
      </c>
      <c r="AN6613">
        <v>49</v>
      </c>
      <c r="AO6613">
        <v>48</v>
      </c>
      <c r="AP6613">
        <v>48</v>
      </c>
      <c r="AQ6613">
        <v>48</v>
      </c>
    </row>
    <row r="6614" spans="1:43">
      <c r="A6614" t="s">
        <v>4142</v>
      </c>
      <c r="B6614" t="s">
        <v>4143</v>
      </c>
      <c r="C6614" t="s">
        <v>4138</v>
      </c>
      <c r="D6614" t="s">
        <v>4139</v>
      </c>
      <c r="E6614" t="s">
        <v>3968</v>
      </c>
      <c r="F6614" t="s">
        <v>3969</v>
      </c>
      <c r="G6614" t="s">
        <v>80</v>
      </c>
      <c r="H6614" t="s">
        <v>81</v>
      </c>
      <c r="I6614" s="2">
        <v>0</v>
      </c>
      <c r="J6614" s="2">
        <v>1</v>
      </c>
      <c r="K6614" s="2">
        <v>0</v>
      </c>
      <c r="L6614" t="s">
        <v>82</v>
      </c>
      <c r="M6614" t="s">
        <v>83</v>
      </c>
      <c r="N6614" t="s">
        <v>84</v>
      </c>
      <c r="O6614" t="s">
        <v>85</v>
      </c>
      <c r="P6614" t="s">
        <v>86</v>
      </c>
      <c r="Q6614">
        <v>37</v>
      </c>
      <c r="R6614">
        <v>38</v>
      </c>
      <c r="S6614">
        <v>38</v>
      </c>
      <c r="T6614">
        <v>39</v>
      </c>
      <c r="U6614">
        <v>39</v>
      </c>
      <c r="V6614">
        <v>40</v>
      </c>
      <c r="W6614">
        <v>40</v>
      </c>
      <c r="X6614">
        <v>40</v>
      </c>
      <c r="Y6614">
        <v>41</v>
      </c>
      <c r="Z6614">
        <v>41</v>
      </c>
      <c r="AA6614">
        <v>42</v>
      </c>
      <c r="AB6614">
        <v>42</v>
      </c>
      <c r="AC6614">
        <v>42</v>
      </c>
      <c r="AD6614">
        <v>43</v>
      </c>
      <c r="AE6614">
        <v>43</v>
      </c>
      <c r="AF6614">
        <v>43</v>
      </c>
      <c r="AG6614">
        <v>44</v>
      </c>
      <c r="AH6614">
        <v>44</v>
      </c>
      <c r="AI6614">
        <v>44</v>
      </c>
      <c r="AJ6614">
        <v>45</v>
      </c>
      <c r="AK6614">
        <v>45</v>
      </c>
      <c r="AL6614">
        <v>45</v>
      </c>
      <c r="AM6614">
        <v>45</v>
      </c>
      <c r="AN6614">
        <v>45</v>
      </c>
      <c r="AO6614">
        <v>45</v>
      </c>
      <c r="AP6614">
        <v>45</v>
      </c>
      <c r="AQ6614">
        <v>44</v>
      </c>
    </row>
    <row r="6615" spans="1:43">
      <c r="A6615" t="s">
        <v>4142</v>
      </c>
      <c r="B6615" t="s">
        <v>4143</v>
      </c>
      <c r="C6615" t="s">
        <v>4138</v>
      </c>
      <c r="D6615" t="s">
        <v>4139</v>
      </c>
      <c r="E6615" t="s">
        <v>3968</v>
      </c>
      <c r="F6615" t="s">
        <v>3969</v>
      </c>
      <c r="G6615" t="s">
        <v>80</v>
      </c>
      <c r="H6615" t="s">
        <v>81</v>
      </c>
      <c r="I6615" s="2">
        <v>0</v>
      </c>
      <c r="J6615" s="2">
        <v>1</v>
      </c>
      <c r="K6615" s="2">
        <v>0</v>
      </c>
      <c r="L6615" t="s">
        <v>82</v>
      </c>
      <c r="M6615" t="s">
        <v>87</v>
      </c>
      <c r="N6615" t="s">
        <v>88</v>
      </c>
      <c r="O6615" t="s">
        <v>85</v>
      </c>
      <c r="P6615" t="s">
        <v>86</v>
      </c>
      <c r="Q6615">
        <v>37</v>
      </c>
      <c r="R6615">
        <v>37</v>
      </c>
      <c r="S6615">
        <v>37</v>
      </c>
      <c r="T6615">
        <v>37</v>
      </c>
      <c r="U6615">
        <v>37</v>
      </c>
      <c r="V6615">
        <v>38</v>
      </c>
      <c r="W6615">
        <v>38</v>
      </c>
      <c r="X6615">
        <v>38</v>
      </c>
      <c r="Y6615">
        <v>38</v>
      </c>
      <c r="Z6615">
        <v>38</v>
      </c>
      <c r="AA6615">
        <v>38</v>
      </c>
      <c r="AB6615">
        <v>38</v>
      </c>
      <c r="AC6615">
        <v>38</v>
      </c>
      <c r="AD6615">
        <v>38</v>
      </c>
      <c r="AE6615">
        <v>38</v>
      </c>
      <c r="AF6615">
        <v>38</v>
      </c>
      <c r="AG6615">
        <v>38</v>
      </c>
      <c r="AH6615">
        <v>38</v>
      </c>
      <c r="AI6615">
        <v>38</v>
      </c>
      <c r="AJ6615">
        <v>38</v>
      </c>
      <c r="AK6615">
        <v>38</v>
      </c>
      <c r="AL6615">
        <v>38</v>
      </c>
      <c r="AM6615">
        <v>38</v>
      </c>
      <c r="AN6615">
        <v>38</v>
      </c>
      <c r="AO6615">
        <v>38</v>
      </c>
      <c r="AP6615">
        <v>38</v>
      </c>
      <c r="AQ6615">
        <v>38</v>
      </c>
    </row>
    <row r="6616" spans="1:43">
      <c r="A6616" t="s">
        <v>4142</v>
      </c>
      <c r="B6616" t="s">
        <v>4143</v>
      </c>
      <c r="C6616" t="s">
        <v>4138</v>
      </c>
      <c r="D6616" t="s">
        <v>4139</v>
      </c>
      <c r="E6616" t="s">
        <v>3968</v>
      </c>
      <c r="F6616" t="s">
        <v>3969</v>
      </c>
      <c r="G6616" t="s">
        <v>80</v>
      </c>
      <c r="H6616" t="s">
        <v>81</v>
      </c>
      <c r="I6616" s="2">
        <v>0</v>
      </c>
      <c r="J6616" s="2">
        <v>1</v>
      </c>
      <c r="K6616" s="2">
        <v>0</v>
      </c>
      <c r="L6616" t="s">
        <v>82</v>
      </c>
      <c r="M6616" t="s">
        <v>89</v>
      </c>
      <c r="N6616" t="s">
        <v>90</v>
      </c>
      <c r="O6616" t="s">
        <v>85</v>
      </c>
      <c r="P6616" t="s">
        <v>86</v>
      </c>
      <c r="Q6616">
        <v>37</v>
      </c>
      <c r="R6616">
        <v>38</v>
      </c>
      <c r="S6616">
        <v>38</v>
      </c>
      <c r="T6616">
        <v>39</v>
      </c>
      <c r="U6616">
        <v>40</v>
      </c>
      <c r="V6616">
        <v>40</v>
      </c>
      <c r="W6616">
        <v>41</v>
      </c>
      <c r="X6616">
        <v>42</v>
      </c>
      <c r="Y6616">
        <v>42</v>
      </c>
      <c r="Z6616">
        <v>43</v>
      </c>
      <c r="AA6616">
        <v>43</v>
      </c>
      <c r="AB6616">
        <v>44</v>
      </c>
      <c r="AC6616">
        <v>44</v>
      </c>
      <c r="AD6616">
        <v>45</v>
      </c>
      <c r="AE6616">
        <v>45</v>
      </c>
      <c r="AF6616">
        <v>45</v>
      </c>
      <c r="AG6616">
        <v>45</v>
      </c>
      <c r="AH6616">
        <v>45</v>
      </c>
      <c r="AI6616">
        <v>45</v>
      </c>
      <c r="AJ6616">
        <v>45</v>
      </c>
      <c r="AK6616">
        <v>45</v>
      </c>
      <c r="AL6616">
        <v>44</v>
      </c>
      <c r="AM6616">
        <v>44</v>
      </c>
      <c r="AN6616">
        <v>44</v>
      </c>
      <c r="AO6616">
        <v>44</v>
      </c>
      <c r="AP6616">
        <v>44</v>
      </c>
      <c r="AQ6616">
        <v>44</v>
      </c>
    </row>
    <row r="6617" spans="1:43">
      <c r="A6617" t="s">
        <v>4142</v>
      </c>
      <c r="B6617" t="s">
        <v>4143</v>
      </c>
      <c r="C6617" t="s">
        <v>4138</v>
      </c>
      <c r="D6617" t="s">
        <v>4139</v>
      </c>
      <c r="E6617" t="s">
        <v>3968</v>
      </c>
      <c r="F6617" t="s">
        <v>3969</v>
      </c>
      <c r="G6617" t="s">
        <v>80</v>
      </c>
      <c r="H6617" t="s">
        <v>81</v>
      </c>
      <c r="I6617" s="2">
        <v>0</v>
      </c>
      <c r="J6617" s="2">
        <v>1</v>
      </c>
      <c r="K6617" s="2">
        <v>0</v>
      </c>
      <c r="L6617" t="s">
        <v>82</v>
      </c>
      <c r="M6617" t="s">
        <v>83</v>
      </c>
      <c r="N6617" t="s">
        <v>91</v>
      </c>
      <c r="O6617" t="s">
        <v>85</v>
      </c>
      <c r="P6617" t="s">
        <v>86</v>
      </c>
      <c r="Q6617">
        <v>37</v>
      </c>
      <c r="R6617">
        <v>38</v>
      </c>
      <c r="S6617">
        <v>38</v>
      </c>
      <c r="T6617">
        <v>39</v>
      </c>
      <c r="U6617">
        <v>39</v>
      </c>
      <c r="V6617">
        <v>40</v>
      </c>
      <c r="W6617">
        <v>40</v>
      </c>
      <c r="X6617">
        <v>40</v>
      </c>
      <c r="Y6617">
        <v>41</v>
      </c>
      <c r="Z6617">
        <v>41</v>
      </c>
      <c r="AA6617">
        <v>42</v>
      </c>
      <c r="AB6617">
        <v>42</v>
      </c>
      <c r="AC6617">
        <v>42</v>
      </c>
      <c r="AD6617">
        <v>43</v>
      </c>
      <c r="AE6617">
        <v>43</v>
      </c>
      <c r="AF6617">
        <v>43</v>
      </c>
      <c r="AG6617">
        <v>44</v>
      </c>
      <c r="AH6617">
        <v>44</v>
      </c>
      <c r="AI6617">
        <v>44</v>
      </c>
      <c r="AJ6617">
        <v>45</v>
      </c>
      <c r="AK6617">
        <v>45</v>
      </c>
      <c r="AL6617">
        <v>45</v>
      </c>
      <c r="AM6617">
        <v>45</v>
      </c>
      <c r="AN6617">
        <v>45</v>
      </c>
      <c r="AO6617">
        <v>45</v>
      </c>
      <c r="AP6617">
        <v>45</v>
      </c>
      <c r="AQ6617">
        <v>44</v>
      </c>
    </row>
    <row r="6618" spans="1:43">
      <c r="A6618" t="s">
        <v>4144</v>
      </c>
      <c r="B6618" t="s">
        <v>4145</v>
      </c>
      <c r="C6618" t="s">
        <v>4138</v>
      </c>
      <c r="D6618" t="s">
        <v>4139</v>
      </c>
      <c r="E6618" t="s">
        <v>3968</v>
      </c>
      <c r="F6618" t="s">
        <v>3969</v>
      </c>
      <c r="G6618" t="s">
        <v>80</v>
      </c>
      <c r="H6618" t="s">
        <v>81</v>
      </c>
      <c r="I6618" s="2">
        <v>0</v>
      </c>
      <c r="J6618" s="2">
        <v>1</v>
      </c>
      <c r="K6618" s="2">
        <v>0</v>
      </c>
      <c r="L6618" t="s">
        <v>82</v>
      </c>
      <c r="M6618" t="s">
        <v>83</v>
      </c>
      <c r="N6618" t="s">
        <v>84</v>
      </c>
      <c r="O6618" t="s">
        <v>85</v>
      </c>
      <c r="P6618" t="s">
        <v>86</v>
      </c>
      <c r="Q6618">
        <v>73</v>
      </c>
      <c r="R6618">
        <v>74</v>
      </c>
      <c r="S6618">
        <v>75</v>
      </c>
      <c r="T6618">
        <v>76</v>
      </c>
      <c r="U6618">
        <v>76</v>
      </c>
      <c r="V6618">
        <v>77</v>
      </c>
      <c r="W6618">
        <v>78</v>
      </c>
      <c r="X6618">
        <v>79</v>
      </c>
      <c r="Y6618">
        <v>80</v>
      </c>
      <c r="Z6618">
        <v>81</v>
      </c>
      <c r="AA6618">
        <v>81</v>
      </c>
      <c r="AB6618">
        <v>82</v>
      </c>
      <c r="AC6618">
        <v>83</v>
      </c>
      <c r="AD6618">
        <v>84</v>
      </c>
      <c r="AE6618">
        <v>84</v>
      </c>
      <c r="AF6618">
        <v>85</v>
      </c>
      <c r="AG6618">
        <v>86</v>
      </c>
      <c r="AH6618">
        <v>86</v>
      </c>
      <c r="AI6618">
        <v>87</v>
      </c>
      <c r="AJ6618">
        <v>88</v>
      </c>
      <c r="AK6618">
        <v>88</v>
      </c>
      <c r="AL6618">
        <v>88</v>
      </c>
      <c r="AM6618">
        <v>88</v>
      </c>
      <c r="AN6618">
        <v>88</v>
      </c>
      <c r="AO6618">
        <v>88</v>
      </c>
      <c r="AP6618">
        <v>88</v>
      </c>
      <c r="AQ6618">
        <v>87</v>
      </c>
    </row>
    <row r="6619" spans="1:43">
      <c r="A6619" t="s">
        <v>4144</v>
      </c>
      <c r="B6619" t="s">
        <v>4145</v>
      </c>
      <c r="C6619" t="s">
        <v>4138</v>
      </c>
      <c r="D6619" t="s">
        <v>4139</v>
      </c>
      <c r="E6619" t="s">
        <v>3968</v>
      </c>
      <c r="F6619" t="s">
        <v>3969</v>
      </c>
      <c r="G6619" t="s">
        <v>80</v>
      </c>
      <c r="H6619" t="s">
        <v>81</v>
      </c>
      <c r="I6619" s="2">
        <v>0</v>
      </c>
      <c r="J6619" s="2">
        <v>1</v>
      </c>
      <c r="K6619" s="2">
        <v>0</v>
      </c>
      <c r="L6619" t="s">
        <v>82</v>
      </c>
      <c r="M6619" t="s">
        <v>87</v>
      </c>
      <c r="N6619" t="s">
        <v>88</v>
      </c>
      <c r="O6619" t="s">
        <v>85</v>
      </c>
      <c r="P6619" t="s">
        <v>86</v>
      </c>
      <c r="Q6619">
        <v>73</v>
      </c>
      <c r="R6619">
        <v>73</v>
      </c>
      <c r="S6619">
        <v>74</v>
      </c>
      <c r="T6619">
        <v>74</v>
      </c>
      <c r="U6619">
        <v>74</v>
      </c>
      <c r="V6619">
        <v>74</v>
      </c>
      <c r="W6619">
        <v>74</v>
      </c>
      <c r="X6619">
        <v>75</v>
      </c>
      <c r="Y6619">
        <v>75</v>
      </c>
      <c r="Z6619">
        <v>75</v>
      </c>
      <c r="AA6619">
        <v>75</v>
      </c>
      <c r="AB6619">
        <v>75</v>
      </c>
      <c r="AC6619">
        <v>75</v>
      </c>
      <c r="AD6619">
        <v>75</v>
      </c>
      <c r="AE6619">
        <v>76</v>
      </c>
      <c r="AF6619">
        <v>76</v>
      </c>
      <c r="AG6619">
        <v>76</v>
      </c>
      <c r="AH6619">
        <v>76</v>
      </c>
      <c r="AI6619">
        <v>76</v>
      </c>
      <c r="AJ6619">
        <v>76</v>
      </c>
      <c r="AK6619">
        <v>76</v>
      </c>
      <c r="AL6619">
        <v>76</v>
      </c>
      <c r="AM6619">
        <v>76</v>
      </c>
      <c r="AN6619">
        <v>76</v>
      </c>
      <c r="AO6619">
        <v>76</v>
      </c>
      <c r="AP6619">
        <v>76</v>
      </c>
      <c r="AQ6619">
        <v>76</v>
      </c>
    </row>
    <row r="6620" spans="1:43">
      <c r="A6620" t="s">
        <v>4144</v>
      </c>
      <c r="B6620" t="s">
        <v>4145</v>
      </c>
      <c r="C6620" t="s">
        <v>4138</v>
      </c>
      <c r="D6620" t="s">
        <v>4139</v>
      </c>
      <c r="E6620" t="s">
        <v>3968</v>
      </c>
      <c r="F6620" t="s">
        <v>3969</v>
      </c>
      <c r="G6620" t="s">
        <v>80</v>
      </c>
      <c r="H6620" t="s">
        <v>81</v>
      </c>
      <c r="I6620" s="2">
        <v>0</v>
      </c>
      <c r="J6620" s="2">
        <v>1</v>
      </c>
      <c r="K6620" s="2">
        <v>0</v>
      </c>
      <c r="L6620" t="s">
        <v>82</v>
      </c>
      <c r="M6620" t="s">
        <v>89</v>
      </c>
      <c r="N6620" t="s">
        <v>90</v>
      </c>
      <c r="O6620" t="s">
        <v>85</v>
      </c>
      <c r="P6620" t="s">
        <v>86</v>
      </c>
      <c r="Q6620">
        <v>73</v>
      </c>
      <c r="R6620">
        <v>74</v>
      </c>
      <c r="S6620">
        <v>76</v>
      </c>
      <c r="T6620">
        <v>77</v>
      </c>
      <c r="U6620">
        <v>78</v>
      </c>
      <c r="V6620">
        <v>80</v>
      </c>
      <c r="W6620">
        <v>81</v>
      </c>
      <c r="X6620">
        <v>82</v>
      </c>
      <c r="Y6620">
        <v>84</v>
      </c>
      <c r="Z6620">
        <v>85</v>
      </c>
      <c r="AA6620">
        <v>86</v>
      </c>
      <c r="AB6620">
        <v>87</v>
      </c>
      <c r="AC6620">
        <v>88</v>
      </c>
      <c r="AD6620">
        <v>89</v>
      </c>
      <c r="AE6620">
        <v>90</v>
      </c>
      <c r="AF6620">
        <v>89</v>
      </c>
      <c r="AG6620">
        <v>89</v>
      </c>
      <c r="AH6620">
        <v>89</v>
      </c>
      <c r="AI6620">
        <v>89</v>
      </c>
      <c r="AJ6620">
        <v>89</v>
      </c>
      <c r="AK6620">
        <v>89</v>
      </c>
      <c r="AL6620">
        <v>88</v>
      </c>
      <c r="AM6620">
        <v>88</v>
      </c>
      <c r="AN6620">
        <v>88</v>
      </c>
      <c r="AO6620">
        <v>88</v>
      </c>
      <c r="AP6620">
        <v>88</v>
      </c>
      <c r="AQ6620">
        <v>87</v>
      </c>
    </row>
    <row r="6621" spans="1:43">
      <c r="A6621" t="s">
        <v>4144</v>
      </c>
      <c r="B6621" t="s">
        <v>4145</v>
      </c>
      <c r="C6621" t="s">
        <v>4138</v>
      </c>
      <c r="D6621" t="s">
        <v>4139</v>
      </c>
      <c r="E6621" t="s">
        <v>3968</v>
      </c>
      <c r="F6621" t="s">
        <v>3969</v>
      </c>
      <c r="G6621" t="s">
        <v>80</v>
      </c>
      <c r="H6621" t="s">
        <v>81</v>
      </c>
      <c r="I6621" s="2">
        <v>0</v>
      </c>
      <c r="J6621" s="2">
        <v>1</v>
      </c>
      <c r="K6621" s="2">
        <v>0</v>
      </c>
      <c r="L6621" t="s">
        <v>82</v>
      </c>
      <c r="M6621" t="s">
        <v>83</v>
      </c>
      <c r="N6621" t="s">
        <v>91</v>
      </c>
      <c r="O6621" t="s">
        <v>85</v>
      </c>
      <c r="P6621" t="s">
        <v>86</v>
      </c>
      <c r="Q6621">
        <v>73</v>
      </c>
      <c r="R6621">
        <v>74</v>
      </c>
      <c r="S6621">
        <v>75</v>
      </c>
      <c r="T6621">
        <v>76</v>
      </c>
      <c r="U6621">
        <v>76</v>
      </c>
      <c r="V6621">
        <v>77</v>
      </c>
      <c r="W6621">
        <v>78</v>
      </c>
      <c r="X6621">
        <v>79</v>
      </c>
      <c r="Y6621">
        <v>80</v>
      </c>
      <c r="Z6621">
        <v>81</v>
      </c>
      <c r="AA6621">
        <v>81</v>
      </c>
      <c r="AB6621">
        <v>82</v>
      </c>
      <c r="AC6621">
        <v>83</v>
      </c>
      <c r="AD6621">
        <v>84</v>
      </c>
      <c r="AE6621">
        <v>84</v>
      </c>
      <c r="AF6621">
        <v>85</v>
      </c>
      <c r="AG6621">
        <v>86</v>
      </c>
      <c r="AH6621">
        <v>86</v>
      </c>
      <c r="AI6621">
        <v>87</v>
      </c>
      <c r="AJ6621">
        <v>88</v>
      </c>
      <c r="AK6621">
        <v>88</v>
      </c>
      <c r="AL6621">
        <v>88</v>
      </c>
      <c r="AM6621">
        <v>88</v>
      </c>
      <c r="AN6621">
        <v>88</v>
      </c>
      <c r="AO6621">
        <v>88</v>
      </c>
      <c r="AP6621">
        <v>88</v>
      </c>
      <c r="AQ6621">
        <v>87</v>
      </c>
    </row>
    <row r="6622" spans="1:43">
      <c r="A6622" t="s">
        <v>4146</v>
      </c>
      <c r="B6622" t="s">
        <v>4147</v>
      </c>
      <c r="C6622" t="s">
        <v>4138</v>
      </c>
      <c r="D6622" t="s">
        <v>4139</v>
      </c>
      <c r="E6622" t="s">
        <v>3968</v>
      </c>
      <c r="F6622" t="s">
        <v>3969</v>
      </c>
      <c r="G6622" t="s">
        <v>80</v>
      </c>
      <c r="H6622" t="s">
        <v>81</v>
      </c>
      <c r="I6622" s="2">
        <v>0</v>
      </c>
      <c r="J6622" s="2">
        <v>1</v>
      </c>
      <c r="K6622" s="2">
        <v>0</v>
      </c>
      <c r="L6622" t="s">
        <v>82</v>
      </c>
      <c r="M6622" t="s">
        <v>83</v>
      </c>
      <c r="N6622" t="s">
        <v>84</v>
      </c>
      <c r="O6622" t="s">
        <v>85</v>
      </c>
      <c r="P6622" t="s">
        <v>86</v>
      </c>
      <c r="Q6622">
        <v>14</v>
      </c>
      <c r="R6622">
        <v>14</v>
      </c>
      <c r="S6622">
        <v>14</v>
      </c>
      <c r="T6622">
        <v>14</v>
      </c>
      <c r="U6622">
        <v>15</v>
      </c>
      <c r="V6622">
        <v>15</v>
      </c>
      <c r="W6622">
        <v>15</v>
      </c>
      <c r="X6622">
        <v>15</v>
      </c>
      <c r="Y6622">
        <v>15</v>
      </c>
      <c r="Z6622">
        <v>15</v>
      </c>
      <c r="AA6622">
        <v>16</v>
      </c>
      <c r="AB6622">
        <v>16</v>
      </c>
      <c r="AC6622">
        <v>16</v>
      </c>
      <c r="AD6622">
        <v>16</v>
      </c>
      <c r="AE6622">
        <v>16</v>
      </c>
      <c r="AF6622">
        <v>16</v>
      </c>
      <c r="AG6622">
        <v>16</v>
      </c>
      <c r="AH6622">
        <v>16</v>
      </c>
      <c r="AI6622">
        <v>17</v>
      </c>
      <c r="AJ6622">
        <v>17</v>
      </c>
      <c r="AK6622">
        <v>17</v>
      </c>
      <c r="AL6622">
        <v>17</v>
      </c>
      <c r="AM6622">
        <v>17</v>
      </c>
      <c r="AN6622">
        <v>17</v>
      </c>
      <c r="AO6622">
        <v>17</v>
      </c>
      <c r="AP6622">
        <v>17</v>
      </c>
      <c r="AQ6622">
        <v>17</v>
      </c>
    </row>
    <row r="6623" spans="1:43">
      <c r="A6623" t="s">
        <v>4146</v>
      </c>
      <c r="B6623" t="s">
        <v>4147</v>
      </c>
      <c r="C6623" t="s">
        <v>4138</v>
      </c>
      <c r="D6623" t="s">
        <v>4139</v>
      </c>
      <c r="E6623" t="s">
        <v>3968</v>
      </c>
      <c r="F6623" t="s">
        <v>3969</v>
      </c>
      <c r="G6623" t="s">
        <v>80</v>
      </c>
      <c r="H6623" t="s">
        <v>81</v>
      </c>
      <c r="I6623" s="2">
        <v>0</v>
      </c>
      <c r="J6623" s="2">
        <v>1</v>
      </c>
      <c r="K6623" s="2">
        <v>0</v>
      </c>
      <c r="L6623" t="s">
        <v>82</v>
      </c>
      <c r="M6623" t="s">
        <v>87</v>
      </c>
      <c r="N6623" t="s">
        <v>88</v>
      </c>
      <c r="O6623" t="s">
        <v>85</v>
      </c>
      <c r="P6623" t="s">
        <v>86</v>
      </c>
      <c r="Q6623">
        <v>14</v>
      </c>
      <c r="R6623">
        <v>14</v>
      </c>
      <c r="S6623">
        <v>14</v>
      </c>
      <c r="T6623">
        <v>14</v>
      </c>
      <c r="U6623">
        <v>14</v>
      </c>
      <c r="V6623">
        <v>14</v>
      </c>
      <c r="W6623">
        <v>14</v>
      </c>
      <c r="X6623">
        <v>14</v>
      </c>
      <c r="Y6623">
        <v>14</v>
      </c>
      <c r="Z6623">
        <v>14</v>
      </c>
      <c r="AA6623">
        <v>14</v>
      </c>
      <c r="AB6623">
        <v>14</v>
      </c>
      <c r="AC6623">
        <v>14</v>
      </c>
      <c r="AD6623">
        <v>14</v>
      </c>
      <c r="AE6623">
        <v>14</v>
      </c>
      <c r="AF6623">
        <v>14</v>
      </c>
      <c r="AG6623">
        <v>14</v>
      </c>
      <c r="AH6623">
        <v>14</v>
      </c>
      <c r="AI6623">
        <v>14</v>
      </c>
      <c r="AJ6623">
        <v>14</v>
      </c>
      <c r="AK6623">
        <v>14</v>
      </c>
      <c r="AL6623">
        <v>14</v>
      </c>
      <c r="AM6623">
        <v>14</v>
      </c>
      <c r="AN6623">
        <v>14</v>
      </c>
      <c r="AO6623">
        <v>14</v>
      </c>
      <c r="AP6623">
        <v>14</v>
      </c>
      <c r="AQ6623">
        <v>14</v>
      </c>
    </row>
    <row r="6624" spans="1:43">
      <c r="A6624" t="s">
        <v>4146</v>
      </c>
      <c r="B6624" t="s">
        <v>4147</v>
      </c>
      <c r="C6624" t="s">
        <v>4138</v>
      </c>
      <c r="D6624" t="s">
        <v>4139</v>
      </c>
      <c r="E6624" t="s">
        <v>3968</v>
      </c>
      <c r="F6624" t="s">
        <v>3969</v>
      </c>
      <c r="G6624" t="s">
        <v>80</v>
      </c>
      <c r="H6624" t="s">
        <v>81</v>
      </c>
      <c r="I6624" s="2">
        <v>0</v>
      </c>
      <c r="J6624" s="2">
        <v>1</v>
      </c>
      <c r="K6624" s="2">
        <v>0</v>
      </c>
      <c r="L6624" t="s">
        <v>82</v>
      </c>
      <c r="M6624" t="s">
        <v>89</v>
      </c>
      <c r="N6624" t="s">
        <v>90</v>
      </c>
      <c r="O6624" t="s">
        <v>85</v>
      </c>
      <c r="P6624" t="s">
        <v>86</v>
      </c>
      <c r="Q6624">
        <v>14</v>
      </c>
      <c r="R6624">
        <v>14</v>
      </c>
      <c r="S6624">
        <v>15</v>
      </c>
      <c r="T6624">
        <v>15</v>
      </c>
      <c r="U6624">
        <v>15</v>
      </c>
      <c r="V6624">
        <v>15</v>
      </c>
      <c r="W6624">
        <v>16</v>
      </c>
      <c r="X6624">
        <v>16</v>
      </c>
      <c r="Y6624">
        <v>16</v>
      </c>
      <c r="Z6624">
        <v>16</v>
      </c>
      <c r="AA6624">
        <v>17</v>
      </c>
      <c r="AB6624">
        <v>17</v>
      </c>
      <c r="AC6624">
        <v>17</v>
      </c>
      <c r="AD6624">
        <v>17</v>
      </c>
      <c r="AE6624">
        <v>17</v>
      </c>
      <c r="AF6624">
        <v>17</v>
      </c>
      <c r="AG6624">
        <v>17</v>
      </c>
      <c r="AH6624">
        <v>17</v>
      </c>
      <c r="AI6624">
        <v>17</v>
      </c>
      <c r="AJ6624">
        <v>17</v>
      </c>
      <c r="AK6624">
        <v>17</v>
      </c>
      <c r="AL6624">
        <v>17</v>
      </c>
      <c r="AM6624">
        <v>17</v>
      </c>
      <c r="AN6624">
        <v>17</v>
      </c>
      <c r="AO6624">
        <v>17</v>
      </c>
      <c r="AP6624">
        <v>17</v>
      </c>
      <c r="AQ6624">
        <v>17</v>
      </c>
    </row>
    <row r="6625" spans="1:43">
      <c r="A6625" t="s">
        <v>4146</v>
      </c>
      <c r="B6625" t="s">
        <v>4147</v>
      </c>
      <c r="C6625" t="s">
        <v>4138</v>
      </c>
      <c r="D6625" t="s">
        <v>4139</v>
      </c>
      <c r="E6625" t="s">
        <v>3968</v>
      </c>
      <c r="F6625" t="s">
        <v>3969</v>
      </c>
      <c r="G6625" t="s">
        <v>80</v>
      </c>
      <c r="H6625" t="s">
        <v>81</v>
      </c>
      <c r="I6625" s="2">
        <v>0</v>
      </c>
      <c r="J6625" s="2">
        <v>1</v>
      </c>
      <c r="K6625" s="2">
        <v>0</v>
      </c>
      <c r="L6625" t="s">
        <v>82</v>
      </c>
      <c r="M6625" t="s">
        <v>83</v>
      </c>
      <c r="N6625" t="s">
        <v>91</v>
      </c>
      <c r="O6625" t="s">
        <v>85</v>
      </c>
      <c r="P6625" t="s">
        <v>86</v>
      </c>
      <c r="Q6625">
        <v>14</v>
      </c>
      <c r="R6625">
        <v>14</v>
      </c>
      <c r="S6625">
        <v>14</v>
      </c>
      <c r="T6625">
        <v>14</v>
      </c>
      <c r="U6625">
        <v>15</v>
      </c>
      <c r="V6625">
        <v>15</v>
      </c>
      <c r="W6625">
        <v>15</v>
      </c>
      <c r="X6625">
        <v>15</v>
      </c>
      <c r="Y6625">
        <v>15</v>
      </c>
      <c r="Z6625">
        <v>15</v>
      </c>
      <c r="AA6625">
        <v>16</v>
      </c>
      <c r="AB6625">
        <v>16</v>
      </c>
      <c r="AC6625">
        <v>16</v>
      </c>
      <c r="AD6625">
        <v>16</v>
      </c>
      <c r="AE6625">
        <v>16</v>
      </c>
      <c r="AF6625">
        <v>16</v>
      </c>
      <c r="AG6625">
        <v>16</v>
      </c>
      <c r="AH6625">
        <v>16</v>
      </c>
      <c r="AI6625">
        <v>17</v>
      </c>
      <c r="AJ6625">
        <v>17</v>
      </c>
      <c r="AK6625">
        <v>17</v>
      </c>
      <c r="AL6625">
        <v>17</v>
      </c>
      <c r="AM6625">
        <v>17</v>
      </c>
      <c r="AN6625">
        <v>17</v>
      </c>
      <c r="AO6625">
        <v>17</v>
      </c>
      <c r="AP6625">
        <v>17</v>
      </c>
      <c r="AQ6625">
        <v>17</v>
      </c>
    </row>
    <row r="6626" spans="1:43">
      <c r="A6626" t="s">
        <v>4148</v>
      </c>
      <c r="B6626" t="s">
        <v>4149</v>
      </c>
      <c r="C6626" t="s">
        <v>4150</v>
      </c>
      <c r="D6626" t="s">
        <v>4151</v>
      </c>
      <c r="E6626" t="s">
        <v>3968</v>
      </c>
      <c r="F6626" t="s">
        <v>3969</v>
      </c>
      <c r="G6626" t="s">
        <v>80</v>
      </c>
      <c r="H6626" t="s">
        <v>81</v>
      </c>
      <c r="I6626" s="2">
        <v>0</v>
      </c>
      <c r="J6626" s="2">
        <v>1</v>
      </c>
      <c r="K6626" s="2">
        <v>0</v>
      </c>
      <c r="L6626" t="s">
        <v>82</v>
      </c>
      <c r="M6626" t="s">
        <v>83</v>
      </c>
      <c r="N6626" t="s">
        <v>84</v>
      </c>
      <c r="O6626" t="s">
        <v>85</v>
      </c>
      <c r="P6626" t="s">
        <v>86</v>
      </c>
      <c r="Q6626">
        <v>109</v>
      </c>
      <c r="R6626">
        <v>110</v>
      </c>
      <c r="S6626">
        <v>111</v>
      </c>
      <c r="T6626">
        <v>112</v>
      </c>
      <c r="U6626">
        <v>114</v>
      </c>
      <c r="V6626">
        <v>115</v>
      </c>
      <c r="W6626">
        <v>116</v>
      </c>
      <c r="X6626">
        <v>117</v>
      </c>
      <c r="Y6626">
        <v>118</v>
      </c>
      <c r="Z6626">
        <v>120</v>
      </c>
      <c r="AA6626">
        <v>121</v>
      </c>
      <c r="AB6626">
        <v>122</v>
      </c>
      <c r="AC6626">
        <v>123</v>
      </c>
      <c r="AD6626">
        <v>124</v>
      </c>
      <c r="AE6626">
        <v>125</v>
      </c>
      <c r="AF6626">
        <v>126</v>
      </c>
      <c r="AG6626">
        <v>127</v>
      </c>
      <c r="AH6626">
        <v>127</v>
      </c>
      <c r="AI6626">
        <v>128</v>
      </c>
      <c r="AJ6626">
        <v>129</v>
      </c>
      <c r="AK6626">
        <v>130</v>
      </c>
      <c r="AL6626">
        <v>130</v>
      </c>
      <c r="AM6626">
        <v>130</v>
      </c>
      <c r="AN6626">
        <v>129</v>
      </c>
      <c r="AO6626">
        <v>129</v>
      </c>
      <c r="AP6626">
        <v>128</v>
      </c>
      <c r="AQ6626">
        <v>128</v>
      </c>
    </row>
    <row r="6627" spans="1:43">
      <c r="A6627" t="s">
        <v>4148</v>
      </c>
      <c r="B6627" t="s">
        <v>4149</v>
      </c>
      <c r="C6627" t="s">
        <v>4150</v>
      </c>
      <c r="D6627" t="s">
        <v>4151</v>
      </c>
      <c r="E6627" t="s">
        <v>3968</v>
      </c>
      <c r="F6627" t="s">
        <v>3969</v>
      </c>
      <c r="G6627" t="s">
        <v>80</v>
      </c>
      <c r="H6627" t="s">
        <v>81</v>
      </c>
      <c r="I6627" s="2">
        <v>0</v>
      </c>
      <c r="J6627" s="2">
        <v>1</v>
      </c>
      <c r="K6627" s="2">
        <v>0</v>
      </c>
      <c r="L6627" t="s">
        <v>82</v>
      </c>
      <c r="M6627" t="s">
        <v>87</v>
      </c>
      <c r="N6627" t="s">
        <v>88</v>
      </c>
      <c r="O6627" t="s">
        <v>85</v>
      </c>
      <c r="P6627" t="s">
        <v>86</v>
      </c>
      <c r="Q6627">
        <v>109</v>
      </c>
      <c r="R6627">
        <v>109</v>
      </c>
      <c r="S6627">
        <v>109</v>
      </c>
      <c r="T6627">
        <v>109</v>
      </c>
      <c r="U6627">
        <v>110</v>
      </c>
      <c r="V6627">
        <v>110</v>
      </c>
      <c r="W6627">
        <v>110</v>
      </c>
      <c r="X6627">
        <v>110</v>
      </c>
      <c r="Y6627">
        <v>110</v>
      </c>
      <c r="Z6627">
        <v>111</v>
      </c>
      <c r="AA6627">
        <v>111</v>
      </c>
      <c r="AB6627">
        <v>111</v>
      </c>
      <c r="AC6627">
        <v>111</v>
      </c>
      <c r="AD6627">
        <v>111</v>
      </c>
      <c r="AE6627">
        <v>111</v>
      </c>
      <c r="AF6627">
        <v>111</v>
      </c>
      <c r="AG6627">
        <v>111</v>
      </c>
      <c r="AH6627">
        <v>111</v>
      </c>
      <c r="AI6627">
        <v>112</v>
      </c>
      <c r="AJ6627">
        <v>112</v>
      </c>
      <c r="AK6627">
        <v>112</v>
      </c>
      <c r="AL6627">
        <v>112</v>
      </c>
      <c r="AM6627">
        <v>112</v>
      </c>
      <c r="AN6627">
        <v>112</v>
      </c>
      <c r="AO6627">
        <v>112</v>
      </c>
      <c r="AP6627">
        <v>112</v>
      </c>
      <c r="AQ6627">
        <v>112</v>
      </c>
    </row>
    <row r="6628" spans="1:43">
      <c r="A6628" t="s">
        <v>4148</v>
      </c>
      <c r="B6628" t="s">
        <v>4149</v>
      </c>
      <c r="C6628" t="s">
        <v>4150</v>
      </c>
      <c r="D6628" t="s">
        <v>4151</v>
      </c>
      <c r="E6628" t="s">
        <v>3968</v>
      </c>
      <c r="F6628" t="s">
        <v>3969</v>
      </c>
      <c r="G6628" t="s">
        <v>80</v>
      </c>
      <c r="H6628" t="s">
        <v>81</v>
      </c>
      <c r="I6628" s="2">
        <v>0</v>
      </c>
      <c r="J6628" s="2">
        <v>1</v>
      </c>
      <c r="K6628" s="2">
        <v>0</v>
      </c>
      <c r="L6628" t="s">
        <v>82</v>
      </c>
      <c r="M6628" t="s">
        <v>89</v>
      </c>
      <c r="N6628" t="s">
        <v>90</v>
      </c>
      <c r="O6628" t="s">
        <v>85</v>
      </c>
      <c r="P6628" t="s">
        <v>86</v>
      </c>
      <c r="Q6628">
        <v>109</v>
      </c>
      <c r="R6628">
        <v>111</v>
      </c>
      <c r="S6628">
        <v>113</v>
      </c>
      <c r="T6628">
        <v>115</v>
      </c>
      <c r="U6628">
        <v>117</v>
      </c>
      <c r="V6628">
        <v>119</v>
      </c>
      <c r="W6628">
        <v>121</v>
      </c>
      <c r="X6628">
        <v>123</v>
      </c>
      <c r="Y6628">
        <v>125</v>
      </c>
      <c r="Z6628">
        <v>126</v>
      </c>
      <c r="AA6628">
        <v>128</v>
      </c>
      <c r="AB6628">
        <v>129</v>
      </c>
      <c r="AC6628">
        <v>131</v>
      </c>
      <c r="AD6628">
        <v>132</v>
      </c>
      <c r="AE6628">
        <v>133</v>
      </c>
      <c r="AF6628">
        <v>133</v>
      </c>
      <c r="AG6628">
        <v>132</v>
      </c>
      <c r="AH6628">
        <v>132</v>
      </c>
      <c r="AI6628">
        <v>132</v>
      </c>
      <c r="AJ6628">
        <v>131</v>
      </c>
      <c r="AK6628">
        <v>131</v>
      </c>
      <c r="AL6628">
        <v>130</v>
      </c>
      <c r="AM6628">
        <v>130</v>
      </c>
      <c r="AN6628">
        <v>129</v>
      </c>
      <c r="AO6628">
        <v>129</v>
      </c>
      <c r="AP6628">
        <v>129</v>
      </c>
      <c r="AQ6628">
        <v>128</v>
      </c>
    </row>
    <row r="6629" spans="1:43">
      <c r="A6629" t="s">
        <v>4148</v>
      </c>
      <c r="B6629" t="s">
        <v>4149</v>
      </c>
      <c r="C6629" t="s">
        <v>4150</v>
      </c>
      <c r="D6629" t="s">
        <v>4151</v>
      </c>
      <c r="E6629" t="s">
        <v>3968</v>
      </c>
      <c r="F6629" t="s">
        <v>3969</v>
      </c>
      <c r="G6629" t="s">
        <v>80</v>
      </c>
      <c r="H6629" t="s">
        <v>81</v>
      </c>
      <c r="I6629" s="2">
        <v>0</v>
      </c>
      <c r="J6629" s="2">
        <v>1</v>
      </c>
      <c r="K6629" s="2">
        <v>0</v>
      </c>
      <c r="L6629" t="s">
        <v>82</v>
      </c>
      <c r="M6629" t="s">
        <v>83</v>
      </c>
      <c r="N6629" t="s">
        <v>91</v>
      </c>
      <c r="O6629" t="s">
        <v>85</v>
      </c>
      <c r="P6629" t="s">
        <v>86</v>
      </c>
      <c r="Q6629">
        <v>109</v>
      </c>
      <c r="R6629">
        <v>110</v>
      </c>
      <c r="S6629">
        <v>111</v>
      </c>
      <c r="T6629">
        <v>112</v>
      </c>
      <c r="U6629">
        <v>114</v>
      </c>
      <c r="V6629">
        <v>115</v>
      </c>
      <c r="W6629">
        <v>116</v>
      </c>
      <c r="X6629">
        <v>117</v>
      </c>
      <c r="Y6629">
        <v>118</v>
      </c>
      <c r="Z6629">
        <v>120</v>
      </c>
      <c r="AA6629">
        <v>121</v>
      </c>
      <c r="AB6629">
        <v>122</v>
      </c>
      <c r="AC6629">
        <v>123</v>
      </c>
      <c r="AD6629">
        <v>124</v>
      </c>
      <c r="AE6629">
        <v>125</v>
      </c>
      <c r="AF6629">
        <v>126</v>
      </c>
      <c r="AG6629">
        <v>127</v>
      </c>
      <c r="AH6629">
        <v>127</v>
      </c>
      <c r="AI6629">
        <v>128</v>
      </c>
      <c r="AJ6629">
        <v>129</v>
      </c>
      <c r="AK6629">
        <v>130</v>
      </c>
      <c r="AL6629">
        <v>130</v>
      </c>
      <c r="AM6629">
        <v>130</v>
      </c>
      <c r="AN6629">
        <v>129</v>
      </c>
      <c r="AO6629">
        <v>129</v>
      </c>
      <c r="AP6629">
        <v>128</v>
      </c>
      <c r="AQ6629">
        <v>128</v>
      </c>
    </row>
    <row r="6630" spans="1:43">
      <c r="A6630" t="s">
        <v>4152</v>
      </c>
      <c r="B6630" t="s">
        <v>4153</v>
      </c>
      <c r="C6630" t="s">
        <v>4126</v>
      </c>
      <c r="D6630" t="s">
        <v>4127</v>
      </c>
      <c r="E6630" t="s">
        <v>3968</v>
      </c>
      <c r="F6630" t="s">
        <v>3969</v>
      </c>
      <c r="G6630" t="s">
        <v>80</v>
      </c>
      <c r="H6630" t="s">
        <v>81</v>
      </c>
      <c r="I6630" s="2">
        <v>0</v>
      </c>
      <c r="J6630" s="2">
        <v>1</v>
      </c>
      <c r="K6630" s="2">
        <v>0</v>
      </c>
      <c r="L6630" t="s">
        <v>82</v>
      </c>
      <c r="M6630" t="s">
        <v>83</v>
      </c>
      <c r="N6630" t="s">
        <v>84</v>
      </c>
      <c r="O6630" t="s">
        <v>85</v>
      </c>
      <c r="P6630" t="s">
        <v>86</v>
      </c>
      <c r="Q6630">
        <v>7</v>
      </c>
      <c r="R6630">
        <v>7</v>
      </c>
      <c r="S6630">
        <v>7</v>
      </c>
      <c r="T6630">
        <v>7</v>
      </c>
      <c r="U6630">
        <v>7</v>
      </c>
      <c r="V6630">
        <v>8</v>
      </c>
      <c r="W6630">
        <v>8</v>
      </c>
      <c r="X6630">
        <v>8</v>
      </c>
      <c r="Y6630">
        <v>8</v>
      </c>
      <c r="Z6630">
        <v>8</v>
      </c>
      <c r="AA6630">
        <v>8</v>
      </c>
      <c r="AB6630">
        <v>8</v>
      </c>
      <c r="AC6630">
        <v>8</v>
      </c>
      <c r="AD6630">
        <v>8</v>
      </c>
      <c r="AE6630">
        <v>8</v>
      </c>
      <c r="AF6630">
        <v>8</v>
      </c>
      <c r="AG6630">
        <v>8</v>
      </c>
      <c r="AH6630">
        <v>8</v>
      </c>
      <c r="AI6630">
        <v>8</v>
      </c>
      <c r="AJ6630">
        <v>8</v>
      </c>
      <c r="AK6630">
        <v>8</v>
      </c>
      <c r="AL6630">
        <v>8</v>
      </c>
      <c r="AM6630">
        <v>8</v>
      </c>
      <c r="AN6630">
        <v>8</v>
      </c>
      <c r="AO6630">
        <v>8</v>
      </c>
      <c r="AP6630">
        <v>8</v>
      </c>
      <c r="AQ6630">
        <v>8</v>
      </c>
    </row>
    <row r="6631" spans="1:43">
      <c r="A6631" t="s">
        <v>4152</v>
      </c>
      <c r="B6631" t="s">
        <v>4153</v>
      </c>
      <c r="C6631" t="s">
        <v>4126</v>
      </c>
      <c r="D6631" t="s">
        <v>4127</v>
      </c>
      <c r="E6631" t="s">
        <v>3968</v>
      </c>
      <c r="F6631" t="s">
        <v>3969</v>
      </c>
      <c r="G6631" t="s">
        <v>80</v>
      </c>
      <c r="H6631" t="s">
        <v>81</v>
      </c>
      <c r="I6631" s="2">
        <v>0</v>
      </c>
      <c r="J6631" s="2">
        <v>1</v>
      </c>
      <c r="K6631" s="2">
        <v>0</v>
      </c>
      <c r="L6631" t="s">
        <v>82</v>
      </c>
      <c r="M6631" t="s">
        <v>87</v>
      </c>
      <c r="N6631" t="s">
        <v>88</v>
      </c>
      <c r="O6631" t="s">
        <v>85</v>
      </c>
      <c r="P6631" t="s">
        <v>86</v>
      </c>
      <c r="Q6631">
        <v>7</v>
      </c>
      <c r="R6631">
        <v>7</v>
      </c>
      <c r="S6631">
        <v>7</v>
      </c>
      <c r="T6631">
        <v>7</v>
      </c>
      <c r="U6631">
        <v>7</v>
      </c>
      <c r="V6631">
        <v>7</v>
      </c>
      <c r="W6631">
        <v>7</v>
      </c>
      <c r="X6631">
        <v>7</v>
      </c>
      <c r="Y6631">
        <v>7</v>
      </c>
      <c r="Z6631">
        <v>7</v>
      </c>
      <c r="AA6631">
        <v>7</v>
      </c>
      <c r="AB6631">
        <v>7</v>
      </c>
      <c r="AC6631">
        <v>7</v>
      </c>
      <c r="AD6631">
        <v>7</v>
      </c>
      <c r="AE6631">
        <v>7</v>
      </c>
      <c r="AF6631">
        <v>7</v>
      </c>
      <c r="AG6631">
        <v>7</v>
      </c>
      <c r="AH6631">
        <v>7</v>
      </c>
      <c r="AI6631">
        <v>7</v>
      </c>
      <c r="AJ6631">
        <v>7</v>
      </c>
      <c r="AK6631">
        <v>7</v>
      </c>
      <c r="AL6631">
        <v>7</v>
      </c>
      <c r="AM6631">
        <v>7</v>
      </c>
      <c r="AN6631">
        <v>7</v>
      </c>
      <c r="AO6631">
        <v>7</v>
      </c>
      <c r="AP6631">
        <v>7</v>
      </c>
      <c r="AQ6631">
        <v>7</v>
      </c>
    </row>
    <row r="6632" spans="1:43">
      <c r="A6632" t="s">
        <v>4152</v>
      </c>
      <c r="B6632" t="s">
        <v>4153</v>
      </c>
      <c r="C6632" t="s">
        <v>4126</v>
      </c>
      <c r="D6632" t="s">
        <v>4127</v>
      </c>
      <c r="E6632" t="s">
        <v>3968</v>
      </c>
      <c r="F6632" t="s">
        <v>3969</v>
      </c>
      <c r="G6632" t="s">
        <v>80</v>
      </c>
      <c r="H6632" t="s">
        <v>81</v>
      </c>
      <c r="I6632" s="2">
        <v>0</v>
      </c>
      <c r="J6632" s="2">
        <v>1</v>
      </c>
      <c r="K6632" s="2">
        <v>0</v>
      </c>
      <c r="L6632" t="s">
        <v>82</v>
      </c>
      <c r="M6632" t="s">
        <v>89</v>
      </c>
      <c r="N6632" t="s">
        <v>90</v>
      </c>
      <c r="O6632" t="s">
        <v>85</v>
      </c>
      <c r="P6632" t="s">
        <v>86</v>
      </c>
      <c r="Q6632">
        <v>7</v>
      </c>
      <c r="R6632">
        <v>7</v>
      </c>
      <c r="S6632">
        <v>7</v>
      </c>
      <c r="T6632">
        <v>8</v>
      </c>
      <c r="U6632">
        <v>8</v>
      </c>
      <c r="V6632">
        <v>8</v>
      </c>
      <c r="W6632">
        <v>8</v>
      </c>
      <c r="X6632">
        <v>8</v>
      </c>
      <c r="Y6632">
        <v>8</v>
      </c>
      <c r="Z6632">
        <v>8</v>
      </c>
      <c r="AA6632">
        <v>8</v>
      </c>
      <c r="AB6632">
        <v>9</v>
      </c>
      <c r="AC6632">
        <v>9</v>
      </c>
      <c r="AD6632">
        <v>9</v>
      </c>
      <c r="AE6632">
        <v>9</v>
      </c>
      <c r="AF6632">
        <v>9</v>
      </c>
      <c r="AG6632">
        <v>9</v>
      </c>
      <c r="AH6632">
        <v>9</v>
      </c>
      <c r="AI6632">
        <v>9</v>
      </c>
      <c r="AJ6632">
        <v>9</v>
      </c>
      <c r="AK6632">
        <v>9</v>
      </c>
      <c r="AL6632">
        <v>9</v>
      </c>
      <c r="AM6632">
        <v>9</v>
      </c>
      <c r="AN6632">
        <v>9</v>
      </c>
      <c r="AO6632">
        <v>8</v>
      </c>
      <c r="AP6632">
        <v>8</v>
      </c>
      <c r="AQ6632">
        <v>8</v>
      </c>
    </row>
    <row r="6633" spans="1:43">
      <c r="A6633" t="s">
        <v>4152</v>
      </c>
      <c r="B6633" t="s">
        <v>4153</v>
      </c>
      <c r="C6633" t="s">
        <v>4126</v>
      </c>
      <c r="D6633" t="s">
        <v>4127</v>
      </c>
      <c r="E6633" t="s">
        <v>3968</v>
      </c>
      <c r="F6633" t="s">
        <v>3969</v>
      </c>
      <c r="G6633" t="s">
        <v>80</v>
      </c>
      <c r="H6633" t="s">
        <v>81</v>
      </c>
      <c r="I6633" s="2">
        <v>0</v>
      </c>
      <c r="J6633" s="2">
        <v>1</v>
      </c>
      <c r="K6633" s="2">
        <v>0</v>
      </c>
      <c r="L6633" t="s">
        <v>82</v>
      </c>
      <c r="M6633" t="s">
        <v>83</v>
      </c>
      <c r="N6633" t="s">
        <v>91</v>
      </c>
      <c r="O6633" t="s">
        <v>85</v>
      </c>
      <c r="P6633" t="s">
        <v>86</v>
      </c>
      <c r="Q6633">
        <v>7</v>
      </c>
      <c r="R6633">
        <v>7</v>
      </c>
      <c r="S6633">
        <v>7</v>
      </c>
      <c r="T6633">
        <v>7</v>
      </c>
      <c r="U6633">
        <v>7</v>
      </c>
      <c r="V6633">
        <v>8</v>
      </c>
      <c r="W6633">
        <v>8</v>
      </c>
      <c r="X6633">
        <v>8</v>
      </c>
      <c r="Y6633">
        <v>8</v>
      </c>
      <c r="Z6633">
        <v>8</v>
      </c>
      <c r="AA6633">
        <v>8</v>
      </c>
      <c r="AB6633">
        <v>8</v>
      </c>
      <c r="AC6633">
        <v>8</v>
      </c>
      <c r="AD6633">
        <v>8</v>
      </c>
      <c r="AE6633">
        <v>8</v>
      </c>
      <c r="AF6633">
        <v>8</v>
      </c>
      <c r="AG6633">
        <v>8</v>
      </c>
      <c r="AH6633">
        <v>8</v>
      </c>
      <c r="AI6633">
        <v>8</v>
      </c>
      <c r="AJ6633">
        <v>8</v>
      </c>
      <c r="AK6633">
        <v>8</v>
      </c>
      <c r="AL6633">
        <v>8</v>
      </c>
      <c r="AM6633">
        <v>8</v>
      </c>
      <c r="AN6633">
        <v>8</v>
      </c>
      <c r="AO6633">
        <v>8</v>
      </c>
      <c r="AP6633">
        <v>8</v>
      </c>
      <c r="AQ6633">
        <v>8</v>
      </c>
    </row>
    <row r="6634" spans="1:43">
      <c r="A6634" t="s">
        <v>4154</v>
      </c>
      <c r="B6634" t="s">
        <v>4155</v>
      </c>
      <c r="C6634" t="s">
        <v>3990</v>
      </c>
      <c r="D6634" t="s">
        <v>3991</v>
      </c>
      <c r="E6634" t="s">
        <v>3968</v>
      </c>
      <c r="F6634" t="s">
        <v>3969</v>
      </c>
      <c r="G6634" t="s">
        <v>80</v>
      </c>
      <c r="H6634" t="s">
        <v>81</v>
      </c>
      <c r="I6634" s="2">
        <v>0</v>
      </c>
      <c r="J6634" s="2">
        <v>1</v>
      </c>
      <c r="K6634" s="2">
        <v>0</v>
      </c>
      <c r="L6634" t="s">
        <v>82</v>
      </c>
      <c r="M6634" t="s">
        <v>83</v>
      </c>
      <c r="N6634" t="s">
        <v>84</v>
      </c>
      <c r="O6634" t="s">
        <v>85</v>
      </c>
      <c r="P6634" t="s">
        <v>86</v>
      </c>
      <c r="Q6634">
        <v>0</v>
      </c>
      <c r="R6634">
        <v>0</v>
      </c>
      <c r="S6634">
        <v>0</v>
      </c>
      <c r="T6634">
        <v>0</v>
      </c>
      <c r="U6634">
        <v>0</v>
      </c>
      <c r="V6634">
        <v>0</v>
      </c>
      <c r="W6634">
        <v>0</v>
      </c>
      <c r="X6634">
        <v>0</v>
      </c>
      <c r="Y6634">
        <v>0</v>
      </c>
      <c r="Z6634">
        <v>0</v>
      </c>
      <c r="AA6634">
        <v>0</v>
      </c>
      <c r="AB6634">
        <v>0</v>
      </c>
      <c r="AC6634">
        <v>0</v>
      </c>
      <c r="AD6634">
        <v>0</v>
      </c>
      <c r="AE6634">
        <v>0</v>
      </c>
      <c r="AF6634">
        <v>0</v>
      </c>
      <c r="AG6634">
        <v>0</v>
      </c>
      <c r="AH6634">
        <v>0</v>
      </c>
      <c r="AI6634">
        <v>0</v>
      </c>
      <c r="AJ6634">
        <v>0</v>
      </c>
      <c r="AK6634">
        <v>0</v>
      </c>
      <c r="AL6634">
        <v>0</v>
      </c>
      <c r="AM6634">
        <v>0</v>
      </c>
      <c r="AN6634">
        <v>0</v>
      </c>
      <c r="AO6634">
        <v>0</v>
      </c>
      <c r="AP6634">
        <v>0</v>
      </c>
      <c r="AQ6634">
        <v>0</v>
      </c>
    </row>
    <row r="6635" spans="1:43">
      <c r="A6635" t="s">
        <v>4154</v>
      </c>
      <c r="B6635" t="s">
        <v>4155</v>
      </c>
      <c r="C6635" t="s">
        <v>3990</v>
      </c>
      <c r="D6635" t="s">
        <v>3991</v>
      </c>
      <c r="E6635" t="s">
        <v>3968</v>
      </c>
      <c r="F6635" t="s">
        <v>3969</v>
      </c>
      <c r="G6635" t="s">
        <v>80</v>
      </c>
      <c r="H6635" t="s">
        <v>81</v>
      </c>
      <c r="I6635" s="2">
        <v>0</v>
      </c>
      <c r="J6635" s="2">
        <v>1</v>
      </c>
      <c r="K6635" s="2">
        <v>0</v>
      </c>
      <c r="L6635" t="s">
        <v>82</v>
      </c>
      <c r="M6635" t="s">
        <v>87</v>
      </c>
      <c r="N6635" t="s">
        <v>88</v>
      </c>
      <c r="O6635" t="s">
        <v>85</v>
      </c>
      <c r="P6635" t="s">
        <v>86</v>
      </c>
      <c r="Q6635">
        <v>0</v>
      </c>
      <c r="R6635">
        <v>0</v>
      </c>
      <c r="S6635">
        <v>0</v>
      </c>
      <c r="T6635">
        <v>0</v>
      </c>
      <c r="U6635">
        <v>0</v>
      </c>
      <c r="V6635">
        <v>0</v>
      </c>
      <c r="W6635">
        <v>0</v>
      </c>
      <c r="X6635">
        <v>0</v>
      </c>
      <c r="Y6635">
        <v>0</v>
      </c>
      <c r="Z6635">
        <v>0</v>
      </c>
      <c r="AA6635">
        <v>0</v>
      </c>
      <c r="AB6635">
        <v>0</v>
      </c>
      <c r="AC6635">
        <v>0</v>
      </c>
      <c r="AD6635">
        <v>0</v>
      </c>
      <c r="AE6635">
        <v>0</v>
      </c>
      <c r="AF6635">
        <v>0</v>
      </c>
      <c r="AG6635">
        <v>0</v>
      </c>
      <c r="AH6635">
        <v>0</v>
      </c>
      <c r="AI6635">
        <v>0</v>
      </c>
      <c r="AJ6635">
        <v>0</v>
      </c>
      <c r="AK6635">
        <v>0</v>
      </c>
      <c r="AL6635">
        <v>0</v>
      </c>
      <c r="AM6635">
        <v>0</v>
      </c>
      <c r="AN6635">
        <v>0</v>
      </c>
      <c r="AO6635">
        <v>0</v>
      </c>
      <c r="AP6635">
        <v>0</v>
      </c>
      <c r="AQ6635">
        <v>0</v>
      </c>
    </row>
    <row r="6636" spans="1:43">
      <c r="A6636" t="s">
        <v>4154</v>
      </c>
      <c r="B6636" t="s">
        <v>4155</v>
      </c>
      <c r="C6636" t="s">
        <v>3990</v>
      </c>
      <c r="D6636" t="s">
        <v>3991</v>
      </c>
      <c r="E6636" t="s">
        <v>3968</v>
      </c>
      <c r="F6636" t="s">
        <v>3969</v>
      </c>
      <c r="G6636" t="s">
        <v>80</v>
      </c>
      <c r="H6636" t="s">
        <v>81</v>
      </c>
      <c r="I6636" s="2">
        <v>0</v>
      </c>
      <c r="J6636" s="2">
        <v>1</v>
      </c>
      <c r="K6636" s="2">
        <v>0</v>
      </c>
      <c r="L6636" t="s">
        <v>82</v>
      </c>
      <c r="M6636" t="s">
        <v>89</v>
      </c>
      <c r="N6636" t="s">
        <v>90</v>
      </c>
      <c r="O6636" t="s">
        <v>85</v>
      </c>
      <c r="P6636" t="s">
        <v>86</v>
      </c>
      <c r="Q6636">
        <v>0</v>
      </c>
      <c r="R6636">
        <v>0</v>
      </c>
      <c r="S6636">
        <v>0</v>
      </c>
      <c r="T6636">
        <v>0</v>
      </c>
      <c r="U6636">
        <v>0</v>
      </c>
      <c r="V6636">
        <v>0</v>
      </c>
      <c r="W6636">
        <v>0</v>
      </c>
      <c r="X6636">
        <v>0</v>
      </c>
      <c r="Y6636">
        <v>0</v>
      </c>
      <c r="Z6636">
        <v>0</v>
      </c>
      <c r="AA6636">
        <v>0</v>
      </c>
      <c r="AB6636">
        <v>0</v>
      </c>
      <c r="AC6636">
        <v>0</v>
      </c>
      <c r="AD6636">
        <v>0</v>
      </c>
      <c r="AE6636">
        <v>0</v>
      </c>
      <c r="AF6636">
        <v>0</v>
      </c>
      <c r="AG6636">
        <v>0</v>
      </c>
      <c r="AH6636">
        <v>0</v>
      </c>
      <c r="AI6636">
        <v>0</v>
      </c>
      <c r="AJ6636">
        <v>0</v>
      </c>
      <c r="AK6636">
        <v>0</v>
      </c>
      <c r="AL6636">
        <v>0</v>
      </c>
      <c r="AM6636">
        <v>0</v>
      </c>
      <c r="AN6636">
        <v>0</v>
      </c>
      <c r="AO6636">
        <v>0</v>
      </c>
      <c r="AP6636">
        <v>0</v>
      </c>
      <c r="AQ6636">
        <v>0</v>
      </c>
    </row>
    <row r="6637" spans="1:43">
      <c r="A6637" t="s">
        <v>4154</v>
      </c>
      <c r="B6637" t="s">
        <v>4155</v>
      </c>
      <c r="C6637" t="s">
        <v>3990</v>
      </c>
      <c r="D6637" t="s">
        <v>3991</v>
      </c>
      <c r="E6637" t="s">
        <v>3968</v>
      </c>
      <c r="F6637" t="s">
        <v>3969</v>
      </c>
      <c r="G6637" t="s">
        <v>80</v>
      </c>
      <c r="H6637" t="s">
        <v>81</v>
      </c>
      <c r="I6637" s="2">
        <v>0</v>
      </c>
      <c r="J6637" s="2">
        <v>1</v>
      </c>
      <c r="K6637" s="2">
        <v>0</v>
      </c>
      <c r="L6637" t="s">
        <v>82</v>
      </c>
      <c r="M6637" t="s">
        <v>83</v>
      </c>
      <c r="N6637" t="s">
        <v>91</v>
      </c>
      <c r="O6637" t="s">
        <v>85</v>
      </c>
      <c r="P6637" t="s">
        <v>86</v>
      </c>
      <c r="Q6637">
        <v>0</v>
      </c>
      <c r="R6637">
        <v>0</v>
      </c>
      <c r="S6637">
        <v>0</v>
      </c>
      <c r="T6637">
        <v>0</v>
      </c>
      <c r="U6637">
        <v>0</v>
      </c>
      <c r="V6637">
        <v>0</v>
      </c>
      <c r="W6637">
        <v>0</v>
      </c>
      <c r="X6637">
        <v>0</v>
      </c>
      <c r="Y6637">
        <v>0</v>
      </c>
      <c r="Z6637">
        <v>0</v>
      </c>
      <c r="AA6637">
        <v>0</v>
      </c>
      <c r="AB6637">
        <v>0</v>
      </c>
      <c r="AC6637">
        <v>0</v>
      </c>
      <c r="AD6637">
        <v>0</v>
      </c>
      <c r="AE6637">
        <v>0</v>
      </c>
      <c r="AF6637">
        <v>0</v>
      </c>
      <c r="AG6637">
        <v>0</v>
      </c>
      <c r="AH6637">
        <v>0</v>
      </c>
      <c r="AI6637">
        <v>0</v>
      </c>
      <c r="AJ6637">
        <v>0</v>
      </c>
      <c r="AK6637">
        <v>0</v>
      </c>
      <c r="AL6637">
        <v>0</v>
      </c>
      <c r="AM6637">
        <v>0</v>
      </c>
      <c r="AN6637">
        <v>0</v>
      </c>
      <c r="AO6637">
        <v>0</v>
      </c>
      <c r="AP6637">
        <v>0</v>
      </c>
      <c r="AQ6637">
        <v>0</v>
      </c>
    </row>
    <row r="6638" spans="1:43">
      <c r="A6638" t="s">
        <v>4156</v>
      </c>
      <c r="B6638" t="s">
        <v>4157</v>
      </c>
      <c r="C6638" t="s">
        <v>4158</v>
      </c>
      <c r="D6638" t="s">
        <v>4159</v>
      </c>
      <c r="E6638" t="s">
        <v>3968</v>
      </c>
      <c r="F6638" t="s">
        <v>3969</v>
      </c>
      <c r="G6638" t="s">
        <v>80</v>
      </c>
      <c r="H6638" t="s">
        <v>81</v>
      </c>
      <c r="I6638" s="2">
        <v>0</v>
      </c>
      <c r="J6638" s="2">
        <v>1</v>
      </c>
      <c r="K6638" s="2">
        <v>0</v>
      </c>
      <c r="L6638" t="s">
        <v>82</v>
      </c>
      <c r="M6638" t="s">
        <v>83</v>
      </c>
      <c r="N6638" t="s">
        <v>84</v>
      </c>
      <c r="O6638" t="s">
        <v>85</v>
      </c>
      <c r="P6638" t="s">
        <v>86</v>
      </c>
      <c r="Q6638">
        <v>92</v>
      </c>
      <c r="R6638">
        <v>93</v>
      </c>
      <c r="S6638">
        <v>94</v>
      </c>
      <c r="T6638">
        <v>95</v>
      </c>
      <c r="U6638">
        <v>96</v>
      </c>
      <c r="V6638">
        <v>97</v>
      </c>
      <c r="W6638">
        <v>98</v>
      </c>
      <c r="X6638">
        <v>99</v>
      </c>
      <c r="Y6638">
        <v>100</v>
      </c>
      <c r="Z6638">
        <v>101</v>
      </c>
      <c r="AA6638">
        <v>102</v>
      </c>
      <c r="AB6638">
        <v>103</v>
      </c>
      <c r="AC6638">
        <v>104</v>
      </c>
      <c r="AD6638">
        <v>105</v>
      </c>
      <c r="AE6638">
        <v>106</v>
      </c>
      <c r="AF6638">
        <v>107</v>
      </c>
      <c r="AG6638">
        <v>108</v>
      </c>
      <c r="AH6638">
        <v>108</v>
      </c>
      <c r="AI6638">
        <v>109</v>
      </c>
      <c r="AJ6638">
        <v>110</v>
      </c>
      <c r="AK6638">
        <v>111</v>
      </c>
      <c r="AL6638">
        <v>111</v>
      </c>
      <c r="AM6638">
        <v>111</v>
      </c>
      <c r="AN6638">
        <v>110</v>
      </c>
      <c r="AO6638">
        <v>110</v>
      </c>
      <c r="AP6638">
        <v>110</v>
      </c>
      <c r="AQ6638">
        <v>109</v>
      </c>
    </row>
    <row r="6639" spans="1:43">
      <c r="A6639" t="s">
        <v>4156</v>
      </c>
      <c r="B6639" t="s">
        <v>4157</v>
      </c>
      <c r="C6639" t="s">
        <v>4158</v>
      </c>
      <c r="D6639" t="s">
        <v>4159</v>
      </c>
      <c r="E6639" t="s">
        <v>3968</v>
      </c>
      <c r="F6639" t="s">
        <v>3969</v>
      </c>
      <c r="G6639" t="s">
        <v>80</v>
      </c>
      <c r="H6639" t="s">
        <v>81</v>
      </c>
      <c r="I6639" s="2">
        <v>0</v>
      </c>
      <c r="J6639" s="2">
        <v>1</v>
      </c>
      <c r="K6639" s="2">
        <v>0</v>
      </c>
      <c r="L6639" t="s">
        <v>82</v>
      </c>
      <c r="M6639" t="s">
        <v>87</v>
      </c>
      <c r="N6639" t="s">
        <v>88</v>
      </c>
      <c r="O6639" t="s">
        <v>85</v>
      </c>
      <c r="P6639" t="s">
        <v>86</v>
      </c>
      <c r="Q6639">
        <v>92</v>
      </c>
      <c r="R6639">
        <v>92</v>
      </c>
      <c r="S6639">
        <v>93</v>
      </c>
      <c r="T6639">
        <v>93</v>
      </c>
      <c r="U6639">
        <v>93</v>
      </c>
      <c r="V6639">
        <v>93</v>
      </c>
      <c r="W6639">
        <v>94</v>
      </c>
      <c r="X6639">
        <v>94</v>
      </c>
      <c r="Y6639">
        <v>94</v>
      </c>
      <c r="Z6639">
        <v>94</v>
      </c>
      <c r="AA6639">
        <v>94</v>
      </c>
      <c r="AB6639">
        <v>94</v>
      </c>
      <c r="AC6639">
        <v>95</v>
      </c>
      <c r="AD6639">
        <v>95</v>
      </c>
      <c r="AE6639">
        <v>95</v>
      </c>
      <c r="AF6639">
        <v>95</v>
      </c>
      <c r="AG6639">
        <v>95</v>
      </c>
      <c r="AH6639">
        <v>95</v>
      </c>
      <c r="AI6639">
        <v>95</v>
      </c>
      <c r="AJ6639">
        <v>95</v>
      </c>
      <c r="AK6639">
        <v>95</v>
      </c>
      <c r="AL6639">
        <v>95</v>
      </c>
      <c r="AM6639">
        <v>95</v>
      </c>
      <c r="AN6639">
        <v>95</v>
      </c>
      <c r="AO6639">
        <v>95</v>
      </c>
      <c r="AP6639">
        <v>95</v>
      </c>
      <c r="AQ6639">
        <v>95</v>
      </c>
    </row>
    <row r="6640" spans="1:43">
      <c r="A6640" t="s">
        <v>4156</v>
      </c>
      <c r="B6640" t="s">
        <v>4157</v>
      </c>
      <c r="C6640" t="s">
        <v>4158</v>
      </c>
      <c r="D6640" t="s">
        <v>4159</v>
      </c>
      <c r="E6640" t="s">
        <v>3968</v>
      </c>
      <c r="F6640" t="s">
        <v>3969</v>
      </c>
      <c r="G6640" t="s">
        <v>80</v>
      </c>
      <c r="H6640" t="s">
        <v>81</v>
      </c>
      <c r="I6640" s="2">
        <v>0</v>
      </c>
      <c r="J6640" s="2">
        <v>1</v>
      </c>
      <c r="K6640" s="2">
        <v>0</v>
      </c>
      <c r="L6640" t="s">
        <v>82</v>
      </c>
      <c r="M6640" t="s">
        <v>89</v>
      </c>
      <c r="N6640" t="s">
        <v>90</v>
      </c>
      <c r="O6640" t="s">
        <v>85</v>
      </c>
      <c r="P6640" t="s">
        <v>86</v>
      </c>
      <c r="Q6640">
        <v>92</v>
      </c>
      <c r="R6640">
        <v>94</v>
      </c>
      <c r="S6640">
        <v>96</v>
      </c>
      <c r="T6640">
        <v>97</v>
      </c>
      <c r="U6640">
        <v>99</v>
      </c>
      <c r="V6640">
        <v>101</v>
      </c>
      <c r="W6640">
        <v>103</v>
      </c>
      <c r="X6640">
        <v>104</v>
      </c>
      <c r="Y6640">
        <v>105</v>
      </c>
      <c r="Z6640">
        <v>107</v>
      </c>
      <c r="AA6640">
        <v>108</v>
      </c>
      <c r="AB6640">
        <v>109</v>
      </c>
      <c r="AC6640">
        <v>111</v>
      </c>
      <c r="AD6640">
        <v>112</v>
      </c>
      <c r="AE6640">
        <v>113</v>
      </c>
      <c r="AF6640">
        <v>113</v>
      </c>
      <c r="AG6640">
        <v>112</v>
      </c>
      <c r="AH6640">
        <v>112</v>
      </c>
      <c r="AI6640">
        <v>112</v>
      </c>
      <c r="AJ6640">
        <v>112</v>
      </c>
      <c r="AK6640">
        <v>111</v>
      </c>
      <c r="AL6640">
        <v>111</v>
      </c>
      <c r="AM6640">
        <v>111</v>
      </c>
      <c r="AN6640">
        <v>110</v>
      </c>
      <c r="AO6640">
        <v>110</v>
      </c>
      <c r="AP6640">
        <v>110</v>
      </c>
      <c r="AQ6640">
        <v>110</v>
      </c>
    </row>
    <row r="6641" spans="1:43">
      <c r="A6641" t="s">
        <v>4156</v>
      </c>
      <c r="B6641" t="s">
        <v>4157</v>
      </c>
      <c r="C6641" t="s">
        <v>4158</v>
      </c>
      <c r="D6641" t="s">
        <v>4159</v>
      </c>
      <c r="E6641" t="s">
        <v>3968</v>
      </c>
      <c r="F6641" t="s">
        <v>3969</v>
      </c>
      <c r="G6641" t="s">
        <v>80</v>
      </c>
      <c r="H6641" t="s">
        <v>81</v>
      </c>
      <c r="I6641" s="2">
        <v>0</v>
      </c>
      <c r="J6641" s="2">
        <v>1</v>
      </c>
      <c r="K6641" s="2">
        <v>0</v>
      </c>
      <c r="L6641" t="s">
        <v>82</v>
      </c>
      <c r="M6641" t="s">
        <v>83</v>
      </c>
      <c r="N6641" t="s">
        <v>91</v>
      </c>
      <c r="O6641" t="s">
        <v>85</v>
      </c>
      <c r="P6641" t="s">
        <v>86</v>
      </c>
      <c r="Q6641">
        <v>92</v>
      </c>
      <c r="R6641">
        <v>93</v>
      </c>
      <c r="S6641">
        <v>94</v>
      </c>
      <c r="T6641">
        <v>95</v>
      </c>
      <c r="U6641">
        <v>96</v>
      </c>
      <c r="V6641">
        <v>97</v>
      </c>
      <c r="W6641">
        <v>98</v>
      </c>
      <c r="X6641">
        <v>99</v>
      </c>
      <c r="Y6641">
        <v>100</v>
      </c>
      <c r="Z6641">
        <v>101</v>
      </c>
      <c r="AA6641">
        <v>102</v>
      </c>
      <c r="AB6641">
        <v>103</v>
      </c>
      <c r="AC6641">
        <v>104</v>
      </c>
      <c r="AD6641">
        <v>105</v>
      </c>
      <c r="AE6641">
        <v>106</v>
      </c>
      <c r="AF6641">
        <v>107</v>
      </c>
      <c r="AG6641">
        <v>108</v>
      </c>
      <c r="AH6641">
        <v>108</v>
      </c>
      <c r="AI6641">
        <v>109</v>
      </c>
      <c r="AJ6641">
        <v>110</v>
      </c>
      <c r="AK6641">
        <v>111</v>
      </c>
      <c r="AL6641">
        <v>111</v>
      </c>
      <c r="AM6641">
        <v>111</v>
      </c>
      <c r="AN6641">
        <v>110</v>
      </c>
      <c r="AO6641">
        <v>110</v>
      </c>
      <c r="AP6641">
        <v>110</v>
      </c>
      <c r="AQ6641">
        <v>109</v>
      </c>
    </row>
    <row r="6642" spans="1:43">
      <c r="A6642" t="s">
        <v>4160</v>
      </c>
      <c r="B6642" t="s">
        <v>4161</v>
      </c>
      <c r="C6642" t="s">
        <v>4082</v>
      </c>
      <c r="D6642" t="s">
        <v>4083</v>
      </c>
      <c r="E6642" t="s">
        <v>3968</v>
      </c>
      <c r="F6642" t="s">
        <v>3969</v>
      </c>
      <c r="G6642" t="s">
        <v>80</v>
      </c>
      <c r="H6642" t="s">
        <v>81</v>
      </c>
      <c r="I6642" s="2">
        <v>0</v>
      </c>
      <c r="J6642" s="2">
        <v>1</v>
      </c>
      <c r="K6642" s="2">
        <v>0</v>
      </c>
      <c r="L6642" t="s">
        <v>82</v>
      </c>
      <c r="M6642" t="s">
        <v>83</v>
      </c>
      <c r="N6642" t="s">
        <v>84</v>
      </c>
      <c r="O6642" t="s">
        <v>85</v>
      </c>
      <c r="P6642" t="s">
        <v>86</v>
      </c>
      <c r="Q6642">
        <v>24</v>
      </c>
      <c r="R6642">
        <v>25</v>
      </c>
      <c r="S6642">
        <v>25</v>
      </c>
      <c r="T6642">
        <v>25</v>
      </c>
      <c r="U6642">
        <v>26</v>
      </c>
      <c r="V6642">
        <v>26</v>
      </c>
      <c r="W6642">
        <v>26</v>
      </c>
      <c r="X6642">
        <v>26</v>
      </c>
      <c r="Y6642">
        <v>27</v>
      </c>
      <c r="Z6642">
        <v>27</v>
      </c>
      <c r="AA6642">
        <v>27</v>
      </c>
      <c r="AB6642">
        <v>27</v>
      </c>
      <c r="AC6642">
        <v>28</v>
      </c>
      <c r="AD6642">
        <v>28</v>
      </c>
      <c r="AE6642">
        <v>28</v>
      </c>
      <c r="AF6642">
        <v>28</v>
      </c>
      <c r="AG6642">
        <v>28</v>
      </c>
      <c r="AH6642">
        <v>29</v>
      </c>
      <c r="AI6642">
        <v>29</v>
      </c>
      <c r="AJ6642">
        <v>29</v>
      </c>
      <c r="AK6642">
        <v>29</v>
      </c>
      <c r="AL6642">
        <v>29</v>
      </c>
      <c r="AM6642">
        <v>29</v>
      </c>
      <c r="AN6642">
        <v>29</v>
      </c>
      <c r="AO6642">
        <v>29</v>
      </c>
      <c r="AP6642">
        <v>29</v>
      </c>
      <c r="AQ6642">
        <v>29</v>
      </c>
    </row>
    <row r="6643" spans="1:43">
      <c r="A6643" t="s">
        <v>4160</v>
      </c>
      <c r="B6643" t="s">
        <v>4161</v>
      </c>
      <c r="C6643" t="s">
        <v>4082</v>
      </c>
      <c r="D6643" t="s">
        <v>4083</v>
      </c>
      <c r="E6643" t="s">
        <v>3968</v>
      </c>
      <c r="F6643" t="s">
        <v>3969</v>
      </c>
      <c r="G6643" t="s">
        <v>80</v>
      </c>
      <c r="H6643" t="s">
        <v>81</v>
      </c>
      <c r="I6643" s="2">
        <v>0</v>
      </c>
      <c r="J6643" s="2">
        <v>1</v>
      </c>
      <c r="K6643" s="2">
        <v>0</v>
      </c>
      <c r="L6643" t="s">
        <v>82</v>
      </c>
      <c r="M6643" t="s">
        <v>87</v>
      </c>
      <c r="N6643" t="s">
        <v>88</v>
      </c>
      <c r="O6643" t="s">
        <v>85</v>
      </c>
      <c r="P6643" t="s">
        <v>86</v>
      </c>
      <c r="Q6643">
        <v>24</v>
      </c>
      <c r="R6643">
        <v>24</v>
      </c>
      <c r="S6643">
        <v>24</v>
      </c>
      <c r="T6643">
        <v>24</v>
      </c>
      <c r="U6643">
        <v>24</v>
      </c>
      <c r="V6643">
        <v>24</v>
      </c>
      <c r="W6643">
        <v>24</v>
      </c>
      <c r="X6643">
        <v>25</v>
      </c>
      <c r="Y6643">
        <v>25</v>
      </c>
      <c r="Z6643">
        <v>25</v>
      </c>
      <c r="AA6643">
        <v>25</v>
      </c>
      <c r="AB6643">
        <v>25</v>
      </c>
      <c r="AC6643">
        <v>25</v>
      </c>
      <c r="AD6643">
        <v>25</v>
      </c>
      <c r="AE6643">
        <v>25</v>
      </c>
      <c r="AF6643">
        <v>25</v>
      </c>
      <c r="AG6643">
        <v>25</v>
      </c>
      <c r="AH6643">
        <v>25</v>
      </c>
      <c r="AI6643">
        <v>25</v>
      </c>
      <c r="AJ6643">
        <v>25</v>
      </c>
      <c r="AK6643">
        <v>25</v>
      </c>
      <c r="AL6643">
        <v>25</v>
      </c>
      <c r="AM6643">
        <v>25</v>
      </c>
      <c r="AN6643">
        <v>25</v>
      </c>
      <c r="AO6643">
        <v>25</v>
      </c>
      <c r="AP6643">
        <v>25</v>
      </c>
      <c r="AQ6643">
        <v>25</v>
      </c>
    </row>
    <row r="6644" spans="1:43">
      <c r="A6644" t="s">
        <v>4160</v>
      </c>
      <c r="B6644" t="s">
        <v>4161</v>
      </c>
      <c r="C6644" t="s">
        <v>4082</v>
      </c>
      <c r="D6644" t="s">
        <v>4083</v>
      </c>
      <c r="E6644" t="s">
        <v>3968</v>
      </c>
      <c r="F6644" t="s">
        <v>3969</v>
      </c>
      <c r="G6644" t="s">
        <v>80</v>
      </c>
      <c r="H6644" t="s">
        <v>81</v>
      </c>
      <c r="I6644" s="2">
        <v>0</v>
      </c>
      <c r="J6644" s="2">
        <v>1</v>
      </c>
      <c r="K6644" s="2">
        <v>0</v>
      </c>
      <c r="L6644" t="s">
        <v>82</v>
      </c>
      <c r="M6644" t="s">
        <v>89</v>
      </c>
      <c r="N6644" t="s">
        <v>90</v>
      </c>
      <c r="O6644" t="s">
        <v>85</v>
      </c>
      <c r="P6644" t="s">
        <v>86</v>
      </c>
      <c r="Q6644">
        <v>24</v>
      </c>
      <c r="R6644">
        <v>24</v>
      </c>
      <c r="S6644">
        <v>25</v>
      </c>
      <c r="T6644">
        <v>25</v>
      </c>
      <c r="U6644">
        <v>26</v>
      </c>
      <c r="V6644">
        <v>26</v>
      </c>
      <c r="W6644">
        <v>26</v>
      </c>
      <c r="X6644">
        <v>27</v>
      </c>
      <c r="Y6644">
        <v>27</v>
      </c>
      <c r="Z6644">
        <v>28</v>
      </c>
      <c r="AA6644">
        <v>28</v>
      </c>
      <c r="AB6644">
        <v>28</v>
      </c>
      <c r="AC6644">
        <v>29</v>
      </c>
      <c r="AD6644">
        <v>29</v>
      </c>
      <c r="AE6644">
        <v>29</v>
      </c>
      <c r="AF6644">
        <v>29</v>
      </c>
      <c r="AG6644">
        <v>29</v>
      </c>
      <c r="AH6644">
        <v>29</v>
      </c>
      <c r="AI6644">
        <v>29</v>
      </c>
      <c r="AJ6644">
        <v>29</v>
      </c>
      <c r="AK6644">
        <v>29</v>
      </c>
      <c r="AL6644">
        <v>28</v>
      </c>
      <c r="AM6644">
        <v>28</v>
      </c>
      <c r="AN6644">
        <v>28</v>
      </c>
      <c r="AO6644">
        <v>28</v>
      </c>
      <c r="AP6644">
        <v>28</v>
      </c>
      <c r="AQ6644">
        <v>28</v>
      </c>
    </row>
    <row r="6645" spans="1:43">
      <c r="A6645" t="s">
        <v>4160</v>
      </c>
      <c r="B6645" t="s">
        <v>4161</v>
      </c>
      <c r="C6645" t="s">
        <v>4082</v>
      </c>
      <c r="D6645" t="s">
        <v>4083</v>
      </c>
      <c r="E6645" t="s">
        <v>3968</v>
      </c>
      <c r="F6645" t="s">
        <v>3969</v>
      </c>
      <c r="G6645" t="s">
        <v>80</v>
      </c>
      <c r="H6645" t="s">
        <v>81</v>
      </c>
      <c r="I6645" s="2">
        <v>0</v>
      </c>
      <c r="J6645" s="2">
        <v>1</v>
      </c>
      <c r="K6645" s="2">
        <v>0</v>
      </c>
      <c r="L6645" t="s">
        <v>82</v>
      </c>
      <c r="M6645" t="s">
        <v>83</v>
      </c>
      <c r="N6645" t="s">
        <v>91</v>
      </c>
      <c r="O6645" t="s">
        <v>85</v>
      </c>
      <c r="P6645" t="s">
        <v>86</v>
      </c>
      <c r="Q6645">
        <v>24</v>
      </c>
      <c r="R6645">
        <v>25</v>
      </c>
      <c r="S6645">
        <v>25</v>
      </c>
      <c r="T6645">
        <v>25</v>
      </c>
      <c r="U6645">
        <v>26</v>
      </c>
      <c r="V6645">
        <v>26</v>
      </c>
      <c r="W6645">
        <v>26</v>
      </c>
      <c r="X6645">
        <v>26</v>
      </c>
      <c r="Y6645">
        <v>27</v>
      </c>
      <c r="Z6645">
        <v>27</v>
      </c>
      <c r="AA6645">
        <v>27</v>
      </c>
      <c r="AB6645">
        <v>27</v>
      </c>
      <c r="AC6645">
        <v>28</v>
      </c>
      <c r="AD6645">
        <v>28</v>
      </c>
      <c r="AE6645">
        <v>28</v>
      </c>
      <c r="AF6645">
        <v>28</v>
      </c>
      <c r="AG6645">
        <v>28</v>
      </c>
      <c r="AH6645">
        <v>29</v>
      </c>
      <c r="AI6645">
        <v>29</v>
      </c>
      <c r="AJ6645">
        <v>29</v>
      </c>
      <c r="AK6645">
        <v>29</v>
      </c>
      <c r="AL6645">
        <v>29</v>
      </c>
      <c r="AM6645">
        <v>29</v>
      </c>
      <c r="AN6645">
        <v>29</v>
      </c>
      <c r="AO6645">
        <v>29</v>
      </c>
      <c r="AP6645">
        <v>29</v>
      </c>
      <c r="AQ6645">
        <v>29</v>
      </c>
    </row>
    <row r="6646" spans="1:43">
      <c r="A6646" t="s">
        <v>4162</v>
      </c>
      <c r="B6646" t="s">
        <v>4163</v>
      </c>
      <c r="C6646" t="s">
        <v>3990</v>
      </c>
      <c r="D6646" t="s">
        <v>3991</v>
      </c>
      <c r="E6646" t="s">
        <v>3968</v>
      </c>
      <c r="F6646" t="s">
        <v>3969</v>
      </c>
      <c r="G6646" t="s">
        <v>80</v>
      </c>
      <c r="H6646" t="s">
        <v>81</v>
      </c>
      <c r="I6646" s="2">
        <v>0</v>
      </c>
      <c r="J6646" s="2">
        <v>1</v>
      </c>
      <c r="K6646" s="2">
        <v>0</v>
      </c>
      <c r="L6646" t="s">
        <v>82</v>
      </c>
      <c r="M6646" t="s">
        <v>83</v>
      </c>
      <c r="N6646" t="s">
        <v>84</v>
      </c>
      <c r="O6646" t="s">
        <v>85</v>
      </c>
      <c r="P6646" t="s">
        <v>86</v>
      </c>
      <c r="Q6646">
        <v>60</v>
      </c>
      <c r="R6646">
        <v>61</v>
      </c>
      <c r="S6646">
        <v>61</v>
      </c>
      <c r="T6646">
        <v>62</v>
      </c>
      <c r="U6646">
        <v>63</v>
      </c>
      <c r="V6646">
        <v>63</v>
      </c>
      <c r="W6646">
        <v>64</v>
      </c>
      <c r="X6646">
        <v>65</v>
      </c>
      <c r="Y6646">
        <v>65</v>
      </c>
      <c r="Z6646">
        <v>66</v>
      </c>
      <c r="AA6646">
        <v>67</v>
      </c>
      <c r="AB6646">
        <v>67</v>
      </c>
      <c r="AC6646">
        <v>68</v>
      </c>
      <c r="AD6646">
        <v>68</v>
      </c>
      <c r="AE6646">
        <v>69</v>
      </c>
      <c r="AF6646">
        <v>69</v>
      </c>
      <c r="AG6646">
        <v>70</v>
      </c>
      <c r="AH6646">
        <v>70</v>
      </c>
      <c r="AI6646">
        <v>71</v>
      </c>
      <c r="AJ6646">
        <v>71</v>
      </c>
      <c r="AK6646">
        <v>72</v>
      </c>
      <c r="AL6646">
        <v>72</v>
      </c>
      <c r="AM6646">
        <v>72</v>
      </c>
      <c r="AN6646">
        <v>72</v>
      </c>
      <c r="AO6646">
        <v>71</v>
      </c>
      <c r="AP6646">
        <v>71</v>
      </c>
      <c r="AQ6646">
        <v>71</v>
      </c>
    </row>
    <row r="6647" spans="1:43">
      <c r="A6647" t="s">
        <v>4162</v>
      </c>
      <c r="B6647" t="s">
        <v>4163</v>
      </c>
      <c r="C6647" t="s">
        <v>3990</v>
      </c>
      <c r="D6647" t="s">
        <v>3991</v>
      </c>
      <c r="E6647" t="s">
        <v>3968</v>
      </c>
      <c r="F6647" t="s">
        <v>3969</v>
      </c>
      <c r="G6647" t="s">
        <v>80</v>
      </c>
      <c r="H6647" t="s">
        <v>81</v>
      </c>
      <c r="I6647" s="2">
        <v>0</v>
      </c>
      <c r="J6647" s="2">
        <v>1</v>
      </c>
      <c r="K6647" s="2">
        <v>0</v>
      </c>
      <c r="L6647" t="s">
        <v>82</v>
      </c>
      <c r="M6647" t="s">
        <v>87</v>
      </c>
      <c r="N6647" t="s">
        <v>88</v>
      </c>
      <c r="O6647" t="s">
        <v>85</v>
      </c>
      <c r="P6647" t="s">
        <v>86</v>
      </c>
      <c r="Q6647">
        <v>60</v>
      </c>
      <c r="R6647">
        <v>61</v>
      </c>
      <c r="S6647">
        <v>61</v>
      </c>
      <c r="T6647">
        <v>61</v>
      </c>
      <c r="U6647">
        <v>61</v>
      </c>
      <c r="V6647">
        <v>61</v>
      </c>
      <c r="W6647">
        <v>61</v>
      </c>
      <c r="X6647">
        <v>61</v>
      </c>
      <c r="Y6647">
        <v>61</v>
      </c>
      <c r="Z6647">
        <v>62</v>
      </c>
      <c r="AA6647">
        <v>62</v>
      </c>
      <c r="AB6647">
        <v>62</v>
      </c>
      <c r="AC6647">
        <v>62</v>
      </c>
      <c r="AD6647">
        <v>62</v>
      </c>
      <c r="AE6647">
        <v>62</v>
      </c>
      <c r="AF6647">
        <v>62</v>
      </c>
      <c r="AG6647">
        <v>62</v>
      </c>
      <c r="AH6647">
        <v>62</v>
      </c>
      <c r="AI6647">
        <v>62</v>
      </c>
      <c r="AJ6647">
        <v>62</v>
      </c>
      <c r="AK6647">
        <v>62</v>
      </c>
      <c r="AL6647">
        <v>62</v>
      </c>
      <c r="AM6647">
        <v>62</v>
      </c>
      <c r="AN6647">
        <v>62</v>
      </c>
      <c r="AO6647">
        <v>62</v>
      </c>
      <c r="AP6647">
        <v>62</v>
      </c>
      <c r="AQ6647">
        <v>62</v>
      </c>
    </row>
    <row r="6648" spans="1:43">
      <c r="A6648" t="s">
        <v>4162</v>
      </c>
      <c r="B6648" t="s">
        <v>4163</v>
      </c>
      <c r="C6648" t="s">
        <v>3990</v>
      </c>
      <c r="D6648" t="s">
        <v>3991</v>
      </c>
      <c r="E6648" t="s">
        <v>3968</v>
      </c>
      <c r="F6648" t="s">
        <v>3969</v>
      </c>
      <c r="G6648" t="s">
        <v>80</v>
      </c>
      <c r="H6648" t="s">
        <v>81</v>
      </c>
      <c r="I6648" s="2">
        <v>0</v>
      </c>
      <c r="J6648" s="2">
        <v>1</v>
      </c>
      <c r="K6648" s="2">
        <v>0</v>
      </c>
      <c r="L6648" t="s">
        <v>82</v>
      </c>
      <c r="M6648" t="s">
        <v>89</v>
      </c>
      <c r="N6648" t="s">
        <v>90</v>
      </c>
      <c r="O6648" t="s">
        <v>85</v>
      </c>
      <c r="P6648" t="s">
        <v>86</v>
      </c>
      <c r="Q6648">
        <v>60</v>
      </c>
      <c r="R6648">
        <v>62</v>
      </c>
      <c r="S6648">
        <v>63</v>
      </c>
      <c r="T6648">
        <v>64</v>
      </c>
      <c r="U6648">
        <v>65</v>
      </c>
      <c r="V6648">
        <v>66</v>
      </c>
      <c r="W6648">
        <v>67</v>
      </c>
      <c r="X6648">
        <v>68</v>
      </c>
      <c r="Y6648">
        <v>69</v>
      </c>
      <c r="Z6648">
        <v>70</v>
      </c>
      <c r="AA6648">
        <v>71</v>
      </c>
      <c r="AB6648">
        <v>72</v>
      </c>
      <c r="AC6648">
        <v>73</v>
      </c>
      <c r="AD6648">
        <v>73</v>
      </c>
      <c r="AE6648">
        <v>74</v>
      </c>
      <c r="AF6648">
        <v>74</v>
      </c>
      <c r="AG6648">
        <v>74</v>
      </c>
      <c r="AH6648">
        <v>73</v>
      </c>
      <c r="AI6648">
        <v>73</v>
      </c>
      <c r="AJ6648">
        <v>73</v>
      </c>
      <c r="AK6648">
        <v>73</v>
      </c>
      <c r="AL6648">
        <v>73</v>
      </c>
      <c r="AM6648">
        <v>72</v>
      </c>
      <c r="AN6648">
        <v>72</v>
      </c>
      <c r="AO6648">
        <v>72</v>
      </c>
      <c r="AP6648">
        <v>72</v>
      </c>
      <c r="AQ6648">
        <v>72</v>
      </c>
    </row>
    <row r="6649" spans="1:43">
      <c r="A6649" t="s">
        <v>4162</v>
      </c>
      <c r="B6649" t="s">
        <v>4163</v>
      </c>
      <c r="C6649" t="s">
        <v>3990</v>
      </c>
      <c r="D6649" t="s">
        <v>3991</v>
      </c>
      <c r="E6649" t="s">
        <v>3968</v>
      </c>
      <c r="F6649" t="s">
        <v>3969</v>
      </c>
      <c r="G6649" t="s">
        <v>80</v>
      </c>
      <c r="H6649" t="s">
        <v>81</v>
      </c>
      <c r="I6649" s="2">
        <v>0</v>
      </c>
      <c r="J6649" s="2">
        <v>1</v>
      </c>
      <c r="K6649" s="2">
        <v>0</v>
      </c>
      <c r="L6649" t="s">
        <v>82</v>
      </c>
      <c r="M6649" t="s">
        <v>83</v>
      </c>
      <c r="N6649" t="s">
        <v>91</v>
      </c>
      <c r="O6649" t="s">
        <v>85</v>
      </c>
      <c r="P6649" t="s">
        <v>86</v>
      </c>
      <c r="Q6649">
        <v>60</v>
      </c>
      <c r="R6649">
        <v>61</v>
      </c>
      <c r="S6649">
        <v>61</v>
      </c>
      <c r="T6649">
        <v>62</v>
      </c>
      <c r="U6649">
        <v>63</v>
      </c>
      <c r="V6649">
        <v>63</v>
      </c>
      <c r="W6649">
        <v>64</v>
      </c>
      <c r="X6649">
        <v>65</v>
      </c>
      <c r="Y6649">
        <v>65</v>
      </c>
      <c r="Z6649">
        <v>66</v>
      </c>
      <c r="AA6649">
        <v>67</v>
      </c>
      <c r="AB6649">
        <v>67</v>
      </c>
      <c r="AC6649">
        <v>68</v>
      </c>
      <c r="AD6649">
        <v>68</v>
      </c>
      <c r="AE6649">
        <v>69</v>
      </c>
      <c r="AF6649">
        <v>69</v>
      </c>
      <c r="AG6649">
        <v>70</v>
      </c>
      <c r="AH6649">
        <v>70</v>
      </c>
      <c r="AI6649">
        <v>71</v>
      </c>
      <c r="AJ6649">
        <v>71</v>
      </c>
      <c r="AK6649">
        <v>72</v>
      </c>
      <c r="AL6649">
        <v>72</v>
      </c>
      <c r="AM6649">
        <v>72</v>
      </c>
      <c r="AN6649">
        <v>72</v>
      </c>
      <c r="AO6649">
        <v>71</v>
      </c>
      <c r="AP6649">
        <v>71</v>
      </c>
      <c r="AQ6649">
        <v>71</v>
      </c>
    </row>
    <row r="6650" spans="1:43">
      <c r="A6650" t="s">
        <v>4164</v>
      </c>
      <c r="B6650" t="s">
        <v>4165</v>
      </c>
      <c r="C6650" t="s">
        <v>4158</v>
      </c>
      <c r="D6650" t="s">
        <v>4159</v>
      </c>
      <c r="E6650" t="s">
        <v>3968</v>
      </c>
      <c r="F6650" t="s">
        <v>3969</v>
      </c>
      <c r="G6650" t="s">
        <v>80</v>
      </c>
      <c r="H6650" t="s">
        <v>81</v>
      </c>
      <c r="I6650" s="2">
        <v>0</v>
      </c>
      <c r="J6650" s="2">
        <v>1</v>
      </c>
      <c r="K6650" s="2">
        <v>0</v>
      </c>
      <c r="L6650" t="s">
        <v>82</v>
      </c>
      <c r="M6650" t="s">
        <v>83</v>
      </c>
      <c r="N6650" t="s">
        <v>84</v>
      </c>
      <c r="O6650" t="s">
        <v>85</v>
      </c>
      <c r="P6650" t="s">
        <v>86</v>
      </c>
      <c r="Q6650">
        <v>52</v>
      </c>
      <c r="R6650">
        <v>53</v>
      </c>
      <c r="S6650">
        <v>53</v>
      </c>
      <c r="T6650">
        <v>54</v>
      </c>
      <c r="U6650">
        <v>54</v>
      </c>
      <c r="V6650">
        <v>55</v>
      </c>
      <c r="W6650">
        <v>56</v>
      </c>
      <c r="X6650">
        <v>56</v>
      </c>
      <c r="Y6650">
        <v>57</v>
      </c>
      <c r="Z6650">
        <v>57</v>
      </c>
      <c r="AA6650">
        <v>58</v>
      </c>
      <c r="AB6650">
        <v>58</v>
      </c>
      <c r="AC6650">
        <v>59</v>
      </c>
      <c r="AD6650">
        <v>59</v>
      </c>
      <c r="AE6650">
        <v>60</v>
      </c>
      <c r="AF6650">
        <v>60</v>
      </c>
      <c r="AG6650">
        <v>61</v>
      </c>
      <c r="AH6650">
        <v>61</v>
      </c>
      <c r="AI6650">
        <v>61</v>
      </c>
      <c r="AJ6650">
        <v>62</v>
      </c>
      <c r="AK6650">
        <v>62</v>
      </c>
      <c r="AL6650">
        <v>62</v>
      </c>
      <c r="AM6650">
        <v>62</v>
      </c>
      <c r="AN6650">
        <v>62</v>
      </c>
      <c r="AO6650">
        <v>62</v>
      </c>
      <c r="AP6650">
        <v>61</v>
      </c>
      <c r="AQ6650">
        <v>61</v>
      </c>
    </row>
    <row r="6651" spans="1:43">
      <c r="A6651" t="s">
        <v>4164</v>
      </c>
      <c r="B6651" t="s">
        <v>4165</v>
      </c>
      <c r="C6651" t="s">
        <v>4158</v>
      </c>
      <c r="D6651" t="s">
        <v>4159</v>
      </c>
      <c r="E6651" t="s">
        <v>3968</v>
      </c>
      <c r="F6651" t="s">
        <v>3969</v>
      </c>
      <c r="G6651" t="s">
        <v>80</v>
      </c>
      <c r="H6651" t="s">
        <v>81</v>
      </c>
      <c r="I6651" s="2">
        <v>0</v>
      </c>
      <c r="J6651" s="2">
        <v>1</v>
      </c>
      <c r="K6651" s="2">
        <v>0</v>
      </c>
      <c r="L6651" t="s">
        <v>82</v>
      </c>
      <c r="M6651" t="s">
        <v>87</v>
      </c>
      <c r="N6651" t="s">
        <v>88</v>
      </c>
      <c r="O6651" t="s">
        <v>85</v>
      </c>
      <c r="P6651" t="s">
        <v>86</v>
      </c>
      <c r="Q6651">
        <v>52</v>
      </c>
      <c r="R6651">
        <v>52</v>
      </c>
      <c r="S6651">
        <v>52</v>
      </c>
      <c r="T6651">
        <v>52</v>
      </c>
      <c r="U6651">
        <v>52</v>
      </c>
      <c r="V6651">
        <v>52</v>
      </c>
      <c r="W6651">
        <v>52</v>
      </c>
      <c r="X6651">
        <v>52</v>
      </c>
      <c r="Y6651">
        <v>52</v>
      </c>
      <c r="Z6651">
        <v>53</v>
      </c>
      <c r="AA6651">
        <v>53</v>
      </c>
      <c r="AB6651">
        <v>53</v>
      </c>
      <c r="AC6651">
        <v>53</v>
      </c>
      <c r="AD6651">
        <v>53</v>
      </c>
      <c r="AE6651">
        <v>53</v>
      </c>
      <c r="AF6651">
        <v>53</v>
      </c>
      <c r="AG6651">
        <v>53</v>
      </c>
      <c r="AH6651">
        <v>53</v>
      </c>
      <c r="AI6651">
        <v>53</v>
      </c>
      <c r="AJ6651">
        <v>53</v>
      </c>
      <c r="AK6651">
        <v>53</v>
      </c>
      <c r="AL6651">
        <v>53</v>
      </c>
      <c r="AM6651">
        <v>53</v>
      </c>
      <c r="AN6651">
        <v>53</v>
      </c>
      <c r="AO6651">
        <v>53</v>
      </c>
      <c r="AP6651">
        <v>53</v>
      </c>
      <c r="AQ6651">
        <v>53</v>
      </c>
    </row>
    <row r="6652" spans="1:43">
      <c r="A6652" t="s">
        <v>4164</v>
      </c>
      <c r="B6652" t="s">
        <v>4165</v>
      </c>
      <c r="C6652" t="s">
        <v>4158</v>
      </c>
      <c r="D6652" t="s">
        <v>4159</v>
      </c>
      <c r="E6652" t="s">
        <v>3968</v>
      </c>
      <c r="F6652" t="s">
        <v>3969</v>
      </c>
      <c r="G6652" t="s">
        <v>80</v>
      </c>
      <c r="H6652" t="s">
        <v>81</v>
      </c>
      <c r="I6652" s="2">
        <v>0</v>
      </c>
      <c r="J6652" s="2">
        <v>1</v>
      </c>
      <c r="K6652" s="2">
        <v>0</v>
      </c>
      <c r="L6652" t="s">
        <v>82</v>
      </c>
      <c r="M6652" t="s">
        <v>89</v>
      </c>
      <c r="N6652" t="s">
        <v>90</v>
      </c>
      <c r="O6652" t="s">
        <v>85</v>
      </c>
      <c r="P6652" t="s">
        <v>86</v>
      </c>
      <c r="Q6652">
        <v>52</v>
      </c>
      <c r="R6652">
        <v>53</v>
      </c>
      <c r="S6652">
        <v>54</v>
      </c>
      <c r="T6652">
        <v>55</v>
      </c>
      <c r="U6652">
        <v>56</v>
      </c>
      <c r="V6652">
        <v>57</v>
      </c>
      <c r="W6652">
        <v>57</v>
      </c>
      <c r="X6652">
        <v>58</v>
      </c>
      <c r="Y6652">
        <v>59</v>
      </c>
      <c r="Z6652">
        <v>60</v>
      </c>
      <c r="AA6652">
        <v>61</v>
      </c>
      <c r="AB6652">
        <v>61</v>
      </c>
      <c r="AC6652">
        <v>62</v>
      </c>
      <c r="AD6652">
        <v>63</v>
      </c>
      <c r="AE6652">
        <v>63</v>
      </c>
      <c r="AF6652">
        <v>63</v>
      </c>
      <c r="AG6652">
        <v>63</v>
      </c>
      <c r="AH6652">
        <v>63</v>
      </c>
      <c r="AI6652">
        <v>62</v>
      </c>
      <c r="AJ6652">
        <v>62</v>
      </c>
      <c r="AK6652">
        <v>62</v>
      </c>
      <c r="AL6652">
        <v>62</v>
      </c>
      <c r="AM6652">
        <v>62</v>
      </c>
      <c r="AN6652">
        <v>61</v>
      </c>
      <c r="AO6652">
        <v>61</v>
      </c>
      <c r="AP6652">
        <v>61</v>
      </c>
      <c r="AQ6652">
        <v>61</v>
      </c>
    </row>
    <row r="6653" spans="1:43">
      <c r="A6653" t="s">
        <v>4164</v>
      </c>
      <c r="B6653" t="s">
        <v>4165</v>
      </c>
      <c r="C6653" t="s">
        <v>4158</v>
      </c>
      <c r="D6653" t="s">
        <v>4159</v>
      </c>
      <c r="E6653" t="s">
        <v>3968</v>
      </c>
      <c r="F6653" t="s">
        <v>3969</v>
      </c>
      <c r="G6653" t="s">
        <v>80</v>
      </c>
      <c r="H6653" t="s">
        <v>81</v>
      </c>
      <c r="I6653" s="2">
        <v>0</v>
      </c>
      <c r="J6653" s="2">
        <v>1</v>
      </c>
      <c r="K6653" s="2">
        <v>0</v>
      </c>
      <c r="L6653" t="s">
        <v>82</v>
      </c>
      <c r="M6653" t="s">
        <v>83</v>
      </c>
      <c r="N6653" t="s">
        <v>91</v>
      </c>
      <c r="O6653" t="s">
        <v>85</v>
      </c>
      <c r="P6653" t="s">
        <v>86</v>
      </c>
      <c r="Q6653">
        <v>52</v>
      </c>
      <c r="R6653">
        <v>53</v>
      </c>
      <c r="S6653">
        <v>53</v>
      </c>
      <c r="T6653">
        <v>54</v>
      </c>
      <c r="U6653">
        <v>54</v>
      </c>
      <c r="V6653">
        <v>55</v>
      </c>
      <c r="W6653">
        <v>56</v>
      </c>
      <c r="X6653">
        <v>56</v>
      </c>
      <c r="Y6653">
        <v>57</v>
      </c>
      <c r="Z6653">
        <v>57</v>
      </c>
      <c r="AA6653">
        <v>58</v>
      </c>
      <c r="AB6653">
        <v>58</v>
      </c>
      <c r="AC6653">
        <v>59</v>
      </c>
      <c r="AD6653">
        <v>59</v>
      </c>
      <c r="AE6653">
        <v>60</v>
      </c>
      <c r="AF6653">
        <v>60</v>
      </c>
      <c r="AG6653">
        <v>61</v>
      </c>
      <c r="AH6653">
        <v>61</v>
      </c>
      <c r="AI6653">
        <v>61</v>
      </c>
      <c r="AJ6653">
        <v>62</v>
      </c>
      <c r="AK6653">
        <v>62</v>
      </c>
      <c r="AL6653">
        <v>62</v>
      </c>
      <c r="AM6653">
        <v>62</v>
      </c>
      <c r="AN6653">
        <v>62</v>
      </c>
      <c r="AO6653">
        <v>62</v>
      </c>
      <c r="AP6653">
        <v>61</v>
      </c>
      <c r="AQ6653">
        <v>61</v>
      </c>
    </row>
    <row r="6654" spans="1:43">
      <c r="A6654" t="s">
        <v>4166</v>
      </c>
      <c r="B6654" t="s">
        <v>4167</v>
      </c>
      <c r="C6654" t="s">
        <v>4158</v>
      </c>
      <c r="D6654" t="s">
        <v>4159</v>
      </c>
      <c r="E6654" t="s">
        <v>3968</v>
      </c>
      <c r="F6654" t="s">
        <v>3969</v>
      </c>
      <c r="G6654" t="s">
        <v>80</v>
      </c>
      <c r="H6654" t="s">
        <v>81</v>
      </c>
      <c r="I6654" s="2">
        <v>0</v>
      </c>
      <c r="J6654" s="2">
        <v>1</v>
      </c>
      <c r="K6654" s="2">
        <v>0</v>
      </c>
      <c r="L6654" t="s">
        <v>82</v>
      </c>
      <c r="M6654" t="s">
        <v>83</v>
      </c>
      <c r="N6654" t="s">
        <v>84</v>
      </c>
      <c r="O6654" t="s">
        <v>85</v>
      </c>
      <c r="P6654" t="s">
        <v>86</v>
      </c>
      <c r="Q6654">
        <v>77</v>
      </c>
      <c r="R6654">
        <v>78</v>
      </c>
      <c r="S6654">
        <v>79</v>
      </c>
      <c r="T6654">
        <v>80</v>
      </c>
      <c r="U6654">
        <v>81</v>
      </c>
      <c r="V6654">
        <v>82</v>
      </c>
      <c r="W6654">
        <v>83</v>
      </c>
      <c r="X6654">
        <v>83</v>
      </c>
      <c r="Y6654">
        <v>84</v>
      </c>
      <c r="Z6654">
        <v>85</v>
      </c>
      <c r="AA6654">
        <v>86</v>
      </c>
      <c r="AB6654">
        <v>87</v>
      </c>
      <c r="AC6654">
        <v>87</v>
      </c>
      <c r="AD6654">
        <v>88</v>
      </c>
      <c r="AE6654">
        <v>89</v>
      </c>
      <c r="AF6654">
        <v>90</v>
      </c>
      <c r="AG6654">
        <v>90</v>
      </c>
      <c r="AH6654">
        <v>91</v>
      </c>
      <c r="AI6654">
        <v>92</v>
      </c>
      <c r="AJ6654">
        <v>92</v>
      </c>
      <c r="AK6654">
        <v>93</v>
      </c>
      <c r="AL6654">
        <v>93</v>
      </c>
      <c r="AM6654">
        <v>93</v>
      </c>
      <c r="AN6654">
        <v>93</v>
      </c>
      <c r="AO6654">
        <v>92</v>
      </c>
      <c r="AP6654">
        <v>92</v>
      </c>
      <c r="AQ6654">
        <v>92</v>
      </c>
    </row>
    <row r="6655" spans="1:43">
      <c r="A6655" t="s">
        <v>4166</v>
      </c>
      <c r="B6655" t="s">
        <v>4167</v>
      </c>
      <c r="C6655" t="s">
        <v>4158</v>
      </c>
      <c r="D6655" t="s">
        <v>4159</v>
      </c>
      <c r="E6655" t="s">
        <v>3968</v>
      </c>
      <c r="F6655" t="s">
        <v>3969</v>
      </c>
      <c r="G6655" t="s">
        <v>80</v>
      </c>
      <c r="H6655" t="s">
        <v>81</v>
      </c>
      <c r="I6655" s="2">
        <v>0</v>
      </c>
      <c r="J6655" s="2">
        <v>1</v>
      </c>
      <c r="K6655" s="2">
        <v>0</v>
      </c>
      <c r="L6655" t="s">
        <v>82</v>
      </c>
      <c r="M6655" t="s">
        <v>87</v>
      </c>
      <c r="N6655" t="s">
        <v>88</v>
      </c>
      <c r="O6655" t="s">
        <v>85</v>
      </c>
      <c r="P6655" t="s">
        <v>86</v>
      </c>
      <c r="Q6655">
        <v>77</v>
      </c>
      <c r="R6655">
        <v>78</v>
      </c>
      <c r="S6655">
        <v>78</v>
      </c>
      <c r="T6655">
        <v>78</v>
      </c>
      <c r="U6655">
        <v>78</v>
      </c>
      <c r="V6655">
        <v>78</v>
      </c>
      <c r="W6655">
        <v>79</v>
      </c>
      <c r="X6655">
        <v>79</v>
      </c>
      <c r="Y6655">
        <v>79</v>
      </c>
      <c r="Z6655">
        <v>79</v>
      </c>
      <c r="AA6655">
        <v>79</v>
      </c>
      <c r="AB6655">
        <v>79</v>
      </c>
      <c r="AC6655">
        <v>79</v>
      </c>
      <c r="AD6655">
        <v>80</v>
      </c>
      <c r="AE6655">
        <v>80</v>
      </c>
      <c r="AF6655">
        <v>80</v>
      </c>
      <c r="AG6655">
        <v>80</v>
      </c>
      <c r="AH6655">
        <v>80</v>
      </c>
      <c r="AI6655">
        <v>80</v>
      </c>
      <c r="AJ6655">
        <v>80</v>
      </c>
      <c r="AK6655">
        <v>80</v>
      </c>
      <c r="AL6655">
        <v>80</v>
      </c>
      <c r="AM6655">
        <v>80</v>
      </c>
      <c r="AN6655">
        <v>80</v>
      </c>
      <c r="AO6655">
        <v>80</v>
      </c>
      <c r="AP6655">
        <v>80</v>
      </c>
      <c r="AQ6655">
        <v>80</v>
      </c>
    </row>
    <row r="6656" spans="1:43">
      <c r="A6656" t="s">
        <v>4166</v>
      </c>
      <c r="B6656" t="s">
        <v>4167</v>
      </c>
      <c r="C6656" t="s">
        <v>4158</v>
      </c>
      <c r="D6656" t="s">
        <v>4159</v>
      </c>
      <c r="E6656" t="s">
        <v>3968</v>
      </c>
      <c r="F6656" t="s">
        <v>3969</v>
      </c>
      <c r="G6656" t="s">
        <v>80</v>
      </c>
      <c r="H6656" t="s">
        <v>81</v>
      </c>
      <c r="I6656" s="2">
        <v>0</v>
      </c>
      <c r="J6656" s="2">
        <v>1</v>
      </c>
      <c r="K6656" s="2">
        <v>0</v>
      </c>
      <c r="L6656" t="s">
        <v>82</v>
      </c>
      <c r="M6656" t="s">
        <v>89</v>
      </c>
      <c r="N6656" t="s">
        <v>90</v>
      </c>
      <c r="O6656" t="s">
        <v>85</v>
      </c>
      <c r="P6656" t="s">
        <v>86</v>
      </c>
      <c r="Q6656">
        <v>77</v>
      </c>
      <c r="R6656">
        <v>79</v>
      </c>
      <c r="S6656">
        <v>80</v>
      </c>
      <c r="T6656">
        <v>82</v>
      </c>
      <c r="U6656">
        <v>83</v>
      </c>
      <c r="V6656">
        <v>84</v>
      </c>
      <c r="W6656">
        <v>86</v>
      </c>
      <c r="X6656">
        <v>87</v>
      </c>
      <c r="Y6656">
        <v>88</v>
      </c>
      <c r="Z6656">
        <v>90</v>
      </c>
      <c r="AA6656">
        <v>91</v>
      </c>
      <c r="AB6656">
        <v>92</v>
      </c>
      <c r="AC6656">
        <v>93</v>
      </c>
      <c r="AD6656">
        <v>94</v>
      </c>
      <c r="AE6656">
        <v>95</v>
      </c>
      <c r="AF6656">
        <v>94</v>
      </c>
      <c r="AG6656">
        <v>94</v>
      </c>
      <c r="AH6656">
        <v>94</v>
      </c>
      <c r="AI6656">
        <v>94</v>
      </c>
      <c r="AJ6656">
        <v>94</v>
      </c>
      <c r="AK6656">
        <v>93</v>
      </c>
      <c r="AL6656">
        <v>93</v>
      </c>
      <c r="AM6656">
        <v>93</v>
      </c>
      <c r="AN6656">
        <v>93</v>
      </c>
      <c r="AO6656">
        <v>92</v>
      </c>
      <c r="AP6656">
        <v>92</v>
      </c>
      <c r="AQ6656">
        <v>92</v>
      </c>
    </row>
    <row r="6657" spans="1:43">
      <c r="A6657" t="s">
        <v>4166</v>
      </c>
      <c r="B6657" t="s">
        <v>4167</v>
      </c>
      <c r="C6657" t="s">
        <v>4158</v>
      </c>
      <c r="D6657" t="s">
        <v>4159</v>
      </c>
      <c r="E6657" t="s">
        <v>3968</v>
      </c>
      <c r="F6657" t="s">
        <v>3969</v>
      </c>
      <c r="G6657" t="s">
        <v>80</v>
      </c>
      <c r="H6657" t="s">
        <v>81</v>
      </c>
      <c r="I6657" s="2">
        <v>0</v>
      </c>
      <c r="J6657" s="2">
        <v>1</v>
      </c>
      <c r="K6657" s="2">
        <v>0</v>
      </c>
      <c r="L6657" t="s">
        <v>82</v>
      </c>
      <c r="M6657" t="s">
        <v>83</v>
      </c>
      <c r="N6657" t="s">
        <v>91</v>
      </c>
      <c r="O6657" t="s">
        <v>85</v>
      </c>
      <c r="P6657" t="s">
        <v>86</v>
      </c>
      <c r="Q6657">
        <v>77</v>
      </c>
      <c r="R6657">
        <v>78</v>
      </c>
      <c r="S6657">
        <v>79</v>
      </c>
      <c r="T6657">
        <v>80</v>
      </c>
      <c r="U6657">
        <v>81</v>
      </c>
      <c r="V6657">
        <v>82</v>
      </c>
      <c r="W6657">
        <v>83</v>
      </c>
      <c r="X6657">
        <v>83</v>
      </c>
      <c r="Y6657">
        <v>84</v>
      </c>
      <c r="Z6657">
        <v>85</v>
      </c>
      <c r="AA6657">
        <v>86</v>
      </c>
      <c r="AB6657">
        <v>87</v>
      </c>
      <c r="AC6657">
        <v>87</v>
      </c>
      <c r="AD6657">
        <v>88</v>
      </c>
      <c r="AE6657">
        <v>89</v>
      </c>
      <c r="AF6657">
        <v>90</v>
      </c>
      <c r="AG6657">
        <v>90</v>
      </c>
      <c r="AH6657">
        <v>91</v>
      </c>
      <c r="AI6657">
        <v>92</v>
      </c>
      <c r="AJ6657">
        <v>92</v>
      </c>
      <c r="AK6657">
        <v>93</v>
      </c>
      <c r="AL6657">
        <v>93</v>
      </c>
      <c r="AM6657">
        <v>93</v>
      </c>
      <c r="AN6657">
        <v>93</v>
      </c>
      <c r="AO6657">
        <v>92</v>
      </c>
      <c r="AP6657">
        <v>92</v>
      </c>
      <c r="AQ6657">
        <v>92</v>
      </c>
    </row>
    <row r="6658" spans="1:43">
      <c r="A6658" t="s">
        <v>4168</v>
      </c>
      <c r="B6658" t="s">
        <v>4169</v>
      </c>
      <c r="C6658" t="s">
        <v>4158</v>
      </c>
      <c r="D6658" t="s">
        <v>4159</v>
      </c>
      <c r="E6658" t="s">
        <v>3968</v>
      </c>
      <c r="F6658" t="s">
        <v>3969</v>
      </c>
      <c r="G6658" t="s">
        <v>80</v>
      </c>
      <c r="H6658" t="s">
        <v>81</v>
      </c>
      <c r="I6658" s="2">
        <v>0</v>
      </c>
      <c r="J6658" s="2">
        <v>1</v>
      </c>
      <c r="K6658" s="2">
        <v>0</v>
      </c>
      <c r="L6658" t="s">
        <v>82</v>
      </c>
      <c r="M6658" t="s">
        <v>83</v>
      </c>
      <c r="N6658" t="s">
        <v>84</v>
      </c>
      <c r="O6658" t="s">
        <v>85</v>
      </c>
      <c r="P6658" t="s">
        <v>86</v>
      </c>
      <c r="Q6658">
        <v>82</v>
      </c>
      <c r="R6658">
        <v>83</v>
      </c>
      <c r="S6658">
        <v>84</v>
      </c>
      <c r="T6658">
        <v>85</v>
      </c>
      <c r="U6658">
        <v>86</v>
      </c>
      <c r="V6658">
        <v>87</v>
      </c>
      <c r="W6658">
        <v>88</v>
      </c>
      <c r="X6658">
        <v>89</v>
      </c>
      <c r="Y6658">
        <v>90</v>
      </c>
      <c r="Z6658">
        <v>91</v>
      </c>
      <c r="AA6658">
        <v>91</v>
      </c>
      <c r="AB6658">
        <v>92</v>
      </c>
      <c r="AC6658">
        <v>93</v>
      </c>
      <c r="AD6658">
        <v>94</v>
      </c>
      <c r="AE6658">
        <v>95</v>
      </c>
      <c r="AF6658">
        <v>95</v>
      </c>
      <c r="AG6658">
        <v>96</v>
      </c>
      <c r="AH6658">
        <v>97</v>
      </c>
      <c r="AI6658">
        <v>98</v>
      </c>
      <c r="AJ6658">
        <v>98</v>
      </c>
      <c r="AK6658">
        <v>99</v>
      </c>
      <c r="AL6658">
        <v>99</v>
      </c>
      <c r="AM6658">
        <v>99</v>
      </c>
      <c r="AN6658">
        <v>99</v>
      </c>
      <c r="AO6658">
        <v>98</v>
      </c>
      <c r="AP6658">
        <v>98</v>
      </c>
      <c r="AQ6658">
        <v>98</v>
      </c>
    </row>
    <row r="6659" spans="1:43">
      <c r="A6659" t="s">
        <v>4168</v>
      </c>
      <c r="B6659" t="s">
        <v>4169</v>
      </c>
      <c r="C6659" t="s">
        <v>4158</v>
      </c>
      <c r="D6659" t="s">
        <v>4159</v>
      </c>
      <c r="E6659" t="s">
        <v>3968</v>
      </c>
      <c r="F6659" t="s">
        <v>3969</v>
      </c>
      <c r="G6659" t="s">
        <v>80</v>
      </c>
      <c r="H6659" t="s">
        <v>81</v>
      </c>
      <c r="I6659" s="2">
        <v>0</v>
      </c>
      <c r="J6659" s="2">
        <v>1</v>
      </c>
      <c r="K6659" s="2">
        <v>0</v>
      </c>
      <c r="L6659" t="s">
        <v>82</v>
      </c>
      <c r="M6659" t="s">
        <v>87</v>
      </c>
      <c r="N6659" t="s">
        <v>88</v>
      </c>
      <c r="O6659" t="s">
        <v>85</v>
      </c>
      <c r="P6659" t="s">
        <v>86</v>
      </c>
      <c r="Q6659">
        <v>82</v>
      </c>
      <c r="R6659">
        <v>82</v>
      </c>
      <c r="S6659">
        <v>83</v>
      </c>
      <c r="T6659">
        <v>83</v>
      </c>
      <c r="U6659">
        <v>83</v>
      </c>
      <c r="V6659">
        <v>83</v>
      </c>
      <c r="W6659">
        <v>84</v>
      </c>
      <c r="X6659">
        <v>84</v>
      </c>
      <c r="Y6659">
        <v>84</v>
      </c>
      <c r="Z6659">
        <v>84</v>
      </c>
      <c r="AA6659">
        <v>84</v>
      </c>
      <c r="AB6659">
        <v>84</v>
      </c>
      <c r="AC6659">
        <v>84</v>
      </c>
      <c r="AD6659">
        <v>85</v>
      </c>
      <c r="AE6659">
        <v>85</v>
      </c>
      <c r="AF6659">
        <v>85</v>
      </c>
      <c r="AG6659">
        <v>85</v>
      </c>
      <c r="AH6659">
        <v>85</v>
      </c>
      <c r="AI6659">
        <v>85</v>
      </c>
      <c r="AJ6659">
        <v>85</v>
      </c>
      <c r="AK6659">
        <v>85</v>
      </c>
      <c r="AL6659">
        <v>85</v>
      </c>
      <c r="AM6659">
        <v>85</v>
      </c>
      <c r="AN6659">
        <v>85</v>
      </c>
      <c r="AO6659">
        <v>85</v>
      </c>
      <c r="AP6659">
        <v>85</v>
      </c>
      <c r="AQ6659">
        <v>85</v>
      </c>
    </row>
    <row r="6660" spans="1:43">
      <c r="A6660" t="s">
        <v>4168</v>
      </c>
      <c r="B6660" t="s">
        <v>4169</v>
      </c>
      <c r="C6660" t="s">
        <v>4158</v>
      </c>
      <c r="D6660" t="s">
        <v>4159</v>
      </c>
      <c r="E6660" t="s">
        <v>3968</v>
      </c>
      <c r="F6660" t="s">
        <v>3969</v>
      </c>
      <c r="G6660" t="s">
        <v>80</v>
      </c>
      <c r="H6660" t="s">
        <v>81</v>
      </c>
      <c r="I6660" s="2">
        <v>0</v>
      </c>
      <c r="J6660" s="2">
        <v>1</v>
      </c>
      <c r="K6660" s="2">
        <v>0</v>
      </c>
      <c r="L6660" t="s">
        <v>82</v>
      </c>
      <c r="M6660" t="s">
        <v>89</v>
      </c>
      <c r="N6660" t="s">
        <v>90</v>
      </c>
      <c r="O6660" t="s">
        <v>85</v>
      </c>
      <c r="P6660" t="s">
        <v>86</v>
      </c>
      <c r="Q6660">
        <v>82</v>
      </c>
      <c r="R6660">
        <v>83</v>
      </c>
      <c r="S6660">
        <v>85</v>
      </c>
      <c r="T6660">
        <v>87</v>
      </c>
      <c r="U6660">
        <v>88</v>
      </c>
      <c r="V6660">
        <v>90</v>
      </c>
      <c r="W6660">
        <v>91</v>
      </c>
      <c r="X6660">
        <v>93</v>
      </c>
      <c r="Y6660">
        <v>94</v>
      </c>
      <c r="Z6660">
        <v>95</v>
      </c>
      <c r="AA6660">
        <v>96</v>
      </c>
      <c r="AB6660">
        <v>98</v>
      </c>
      <c r="AC6660">
        <v>99</v>
      </c>
      <c r="AD6660">
        <v>100</v>
      </c>
      <c r="AE6660">
        <v>101</v>
      </c>
      <c r="AF6660">
        <v>100</v>
      </c>
      <c r="AG6660">
        <v>100</v>
      </c>
      <c r="AH6660">
        <v>100</v>
      </c>
      <c r="AI6660">
        <v>100</v>
      </c>
      <c r="AJ6660">
        <v>100</v>
      </c>
      <c r="AK6660">
        <v>99</v>
      </c>
      <c r="AL6660">
        <v>99</v>
      </c>
      <c r="AM6660">
        <v>99</v>
      </c>
      <c r="AN6660">
        <v>99</v>
      </c>
      <c r="AO6660">
        <v>99</v>
      </c>
      <c r="AP6660">
        <v>98</v>
      </c>
      <c r="AQ6660">
        <v>98</v>
      </c>
    </row>
    <row r="6661" spans="1:43">
      <c r="A6661" t="s">
        <v>4168</v>
      </c>
      <c r="B6661" t="s">
        <v>4169</v>
      </c>
      <c r="C6661" t="s">
        <v>4158</v>
      </c>
      <c r="D6661" t="s">
        <v>4159</v>
      </c>
      <c r="E6661" t="s">
        <v>3968</v>
      </c>
      <c r="F6661" t="s">
        <v>3969</v>
      </c>
      <c r="G6661" t="s">
        <v>80</v>
      </c>
      <c r="H6661" t="s">
        <v>81</v>
      </c>
      <c r="I6661" s="2">
        <v>0</v>
      </c>
      <c r="J6661" s="2">
        <v>1</v>
      </c>
      <c r="K6661" s="2">
        <v>0</v>
      </c>
      <c r="L6661" t="s">
        <v>82</v>
      </c>
      <c r="M6661" t="s">
        <v>83</v>
      </c>
      <c r="N6661" t="s">
        <v>91</v>
      </c>
      <c r="O6661" t="s">
        <v>85</v>
      </c>
      <c r="P6661" t="s">
        <v>86</v>
      </c>
      <c r="Q6661">
        <v>82</v>
      </c>
      <c r="R6661">
        <v>83</v>
      </c>
      <c r="S6661">
        <v>84</v>
      </c>
      <c r="T6661">
        <v>85</v>
      </c>
      <c r="U6661">
        <v>86</v>
      </c>
      <c r="V6661">
        <v>87</v>
      </c>
      <c r="W6661">
        <v>88</v>
      </c>
      <c r="X6661">
        <v>89</v>
      </c>
      <c r="Y6661">
        <v>90</v>
      </c>
      <c r="Z6661">
        <v>91</v>
      </c>
      <c r="AA6661">
        <v>91</v>
      </c>
      <c r="AB6661">
        <v>92</v>
      </c>
      <c r="AC6661">
        <v>93</v>
      </c>
      <c r="AD6661">
        <v>94</v>
      </c>
      <c r="AE6661">
        <v>95</v>
      </c>
      <c r="AF6661">
        <v>95</v>
      </c>
      <c r="AG6661">
        <v>96</v>
      </c>
      <c r="AH6661">
        <v>97</v>
      </c>
      <c r="AI6661">
        <v>98</v>
      </c>
      <c r="AJ6661">
        <v>98</v>
      </c>
      <c r="AK6661">
        <v>99</v>
      </c>
      <c r="AL6661">
        <v>99</v>
      </c>
      <c r="AM6661">
        <v>99</v>
      </c>
      <c r="AN6661">
        <v>99</v>
      </c>
      <c r="AO6661">
        <v>98</v>
      </c>
      <c r="AP6661">
        <v>98</v>
      </c>
      <c r="AQ6661">
        <v>98</v>
      </c>
    </row>
    <row r="6662" spans="1:43">
      <c r="A6662" t="s">
        <v>4170</v>
      </c>
      <c r="B6662" t="s">
        <v>4171</v>
      </c>
      <c r="C6662" t="s">
        <v>4150</v>
      </c>
      <c r="D6662" t="s">
        <v>4151</v>
      </c>
      <c r="E6662" t="s">
        <v>3968</v>
      </c>
      <c r="F6662" t="s">
        <v>3969</v>
      </c>
      <c r="G6662" t="s">
        <v>80</v>
      </c>
      <c r="H6662" t="s">
        <v>81</v>
      </c>
      <c r="I6662" s="2">
        <v>0</v>
      </c>
      <c r="J6662" s="2">
        <v>1</v>
      </c>
      <c r="K6662" s="2">
        <v>0</v>
      </c>
      <c r="L6662" t="s">
        <v>82</v>
      </c>
      <c r="M6662" t="s">
        <v>83</v>
      </c>
      <c r="N6662" t="s">
        <v>84</v>
      </c>
      <c r="O6662" t="s">
        <v>85</v>
      </c>
      <c r="P6662" t="s">
        <v>86</v>
      </c>
      <c r="Q6662">
        <v>101</v>
      </c>
      <c r="R6662">
        <v>102</v>
      </c>
      <c r="S6662">
        <v>103</v>
      </c>
      <c r="T6662">
        <v>104</v>
      </c>
      <c r="U6662">
        <v>105</v>
      </c>
      <c r="V6662">
        <v>106</v>
      </c>
      <c r="W6662">
        <v>107</v>
      </c>
      <c r="X6662">
        <v>108</v>
      </c>
      <c r="Y6662">
        <v>109</v>
      </c>
      <c r="Z6662">
        <v>111</v>
      </c>
      <c r="AA6662">
        <v>112</v>
      </c>
      <c r="AB6662">
        <v>112</v>
      </c>
      <c r="AC6662">
        <v>113</v>
      </c>
      <c r="AD6662">
        <v>114</v>
      </c>
      <c r="AE6662">
        <v>115</v>
      </c>
      <c r="AF6662">
        <v>116</v>
      </c>
      <c r="AG6662">
        <v>117</v>
      </c>
      <c r="AH6662">
        <v>118</v>
      </c>
      <c r="AI6662">
        <v>119</v>
      </c>
      <c r="AJ6662">
        <v>119</v>
      </c>
      <c r="AK6662">
        <v>120</v>
      </c>
      <c r="AL6662">
        <v>120</v>
      </c>
      <c r="AM6662">
        <v>120</v>
      </c>
      <c r="AN6662">
        <v>119</v>
      </c>
      <c r="AO6662">
        <v>119</v>
      </c>
      <c r="AP6662">
        <v>118</v>
      </c>
      <c r="AQ6662">
        <v>118</v>
      </c>
    </row>
    <row r="6663" spans="1:43">
      <c r="A6663" t="s">
        <v>4170</v>
      </c>
      <c r="B6663" t="s">
        <v>4171</v>
      </c>
      <c r="C6663" t="s">
        <v>4150</v>
      </c>
      <c r="D6663" t="s">
        <v>4151</v>
      </c>
      <c r="E6663" t="s">
        <v>3968</v>
      </c>
      <c r="F6663" t="s">
        <v>3969</v>
      </c>
      <c r="G6663" t="s">
        <v>80</v>
      </c>
      <c r="H6663" t="s">
        <v>81</v>
      </c>
      <c r="I6663" s="2">
        <v>0</v>
      </c>
      <c r="J6663" s="2">
        <v>1</v>
      </c>
      <c r="K6663" s="2">
        <v>0</v>
      </c>
      <c r="L6663" t="s">
        <v>82</v>
      </c>
      <c r="M6663" t="s">
        <v>87</v>
      </c>
      <c r="N6663" t="s">
        <v>88</v>
      </c>
      <c r="O6663" t="s">
        <v>85</v>
      </c>
      <c r="P6663" t="s">
        <v>86</v>
      </c>
      <c r="Q6663">
        <v>101</v>
      </c>
      <c r="R6663">
        <v>101</v>
      </c>
      <c r="S6663">
        <v>101</v>
      </c>
      <c r="T6663">
        <v>101</v>
      </c>
      <c r="U6663">
        <v>102</v>
      </c>
      <c r="V6663">
        <v>102</v>
      </c>
      <c r="W6663">
        <v>102</v>
      </c>
      <c r="X6663">
        <v>102</v>
      </c>
      <c r="Y6663">
        <v>102</v>
      </c>
      <c r="Z6663">
        <v>102</v>
      </c>
      <c r="AA6663">
        <v>102</v>
      </c>
      <c r="AB6663">
        <v>103</v>
      </c>
      <c r="AC6663">
        <v>103</v>
      </c>
      <c r="AD6663">
        <v>103</v>
      </c>
      <c r="AE6663">
        <v>103</v>
      </c>
      <c r="AF6663">
        <v>103</v>
      </c>
      <c r="AG6663">
        <v>103</v>
      </c>
      <c r="AH6663">
        <v>103</v>
      </c>
      <c r="AI6663">
        <v>103</v>
      </c>
      <c r="AJ6663">
        <v>103</v>
      </c>
      <c r="AK6663">
        <v>103</v>
      </c>
      <c r="AL6663">
        <v>103</v>
      </c>
      <c r="AM6663">
        <v>103</v>
      </c>
      <c r="AN6663">
        <v>103</v>
      </c>
      <c r="AO6663">
        <v>103</v>
      </c>
      <c r="AP6663">
        <v>103</v>
      </c>
      <c r="AQ6663">
        <v>103</v>
      </c>
    </row>
    <row r="6664" spans="1:43">
      <c r="A6664" t="s">
        <v>4170</v>
      </c>
      <c r="B6664" t="s">
        <v>4171</v>
      </c>
      <c r="C6664" t="s">
        <v>4150</v>
      </c>
      <c r="D6664" t="s">
        <v>4151</v>
      </c>
      <c r="E6664" t="s">
        <v>3968</v>
      </c>
      <c r="F6664" t="s">
        <v>3969</v>
      </c>
      <c r="G6664" t="s">
        <v>80</v>
      </c>
      <c r="H6664" t="s">
        <v>81</v>
      </c>
      <c r="I6664" s="2">
        <v>0</v>
      </c>
      <c r="J6664" s="2">
        <v>1</v>
      </c>
      <c r="K6664" s="2">
        <v>0</v>
      </c>
      <c r="L6664" t="s">
        <v>82</v>
      </c>
      <c r="M6664" t="s">
        <v>89</v>
      </c>
      <c r="N6664" t="s">
        <v>90</v>
      </c>
      <c r="O6664" t="s">
        <v>85</v>
      </c>
      <c r="P6664" t="s">
        <v>86</v>
      </c>
      <c r="Q6664">
        <v>101</v>
      </c>
      <c r="R6664">
        <v>103</v>
      </c>
      <c r="S6664">
        <v>105</v>
      </c>
      <c r="T6664">
        <v>107</v>
      </c>
      <c r="U6664">
        <v>108</v>
      </c>
      <c r="V6664">
        <v>110</v>
      </c>
      <c r="W6664">
        <v>112</v>
      </c>
      <c r="X6664">
        <v>114</v>
      </c>
      <c r="Y6664">
        <v>115</v>
      </c>
      <c r="Z6664">
        <v>117</v>
      </c>
      <c r="AA6664">
        <v>118</v>
      </c>
      <c r="AB6664">
        <v>119</v>
      </c>
      <c r="AC6664">
        <v>121</v>
      </c>
      <c r="AD6664">
        <v>122</v>
      </c>
      <c r="AE6664">
        <v>123</v>
      </c>
      <c r="AF6664">
        <v>122</v>
      </c>
      <c r="AG6664">
        <v>122</v>
      </c>
      <c r="AH6664">
        <v>122</v>
      </c>
      <c r="AI6664">
        <v>121</v>
      </c>
      <c r="AJ6664">
        <v>121</v>
      </c>
      <c r="AK6664">
        <v>120</v>
      </c>
      <c r="AL6664">
        <v>120</v>
      </c>
      <c r="AM6664">
        <v>120</v>
      </c>
      <c r="AN6664">
        <v>119</v>
      </c>
      <c r="AO6664">
        <v>119</v>
      </c>
      <c r="AP6664">
        <v>118</v>
      </c>
      <c r="AQ6664">
        <v>118</v>
      </c>
    </row>
    <row r="6665" spans="1:43">
      <c r="A6665" t="s">
        <v>4170</v>
      </c>
      <c r="B6665" t="s">
        <v>4171</v>
      </c>
      <c r="C6665" t="s">
        <v>4150</v>
      </c>
      <c r="D6665" t="s">
        <v>4151</v>
      </c>
      <c r="E6665" t="s">
        <v>3968</v>
      </c>
      <c r="F6665" t="s">
        <v>3969</v>
      </c>
      <c r="G6665" t="s">
        <v>80</v>
      </c>
      <c r="H6665" t="s">
        <v>81</v>
      </c>
      <c r="I6665" s="2">
        <v>0</v>
      </c>
      <c r="J6665" s="2">
        <v>1</v>
      </c>
      <c r="K6665" s="2">
        <v>0</v>
      </c>
      <c r="L6665" t="s">
        <v>82</v>
      </c>
      <c r="M6665" t="s">
        <v>83</v>
      </c>
      <c r="N6665" t="s">
        <v>91</v>
      </c>
      <c r="O6665" t="s">
        <v>85</v>
      </c>
      <c r="P6665" t="s">
        <v>86</v>
      </c>
      <c r="Q6665">
        <v>101</v>
      </c>
      <c r="R6665">
        <v>102</v>
      </c>
      <c r="S6665">
        <v>103</v>
      </c>
      <c r="T6665">
        <v>104</v>
      </c>
      <c r="U6665">
        <v>105</v>
      </c>
      <c r="V6665">
        <v>106</v>
      </c>
      <c r="W6665">
        <v>107</v>
      </c>
      <c r="X6665">
        <v>108</v>
      </c>
      <c r="Y6665">
        <v>109</v>
      </c>
      <c r="Z6665">
        <v>111</v>
      </c>
      <c r="AA6665">
        <v>112</v>
      </c>
      <c r="AB6665">
        <v>112</v>
      </c>
      <c r="AC6665">
        <v>113</v>
      </c>
      <c r="AD6665">
        <v>114</v>
      </c>
      <c r="AE6665">
        <v>115</v>
      </c>
      <c r="AF6665">
        <v>116</v>
      </c>
      <c r="AG6665">
        <v>117</v>
      </c>
      <c r="AH6665">
        <v>118</v>
      </c>
      <c r="AI6665">
        <v>119</v>
      </c>
      <c r="AJ6665">
        <v>119</v>
      </c>
      <c r="AK6665">
        <v>120</v>
      </c>
      <c r="AL6665">
        <v>120</v>
      </c>
      <c r="AM6665">
        <v>120</v>
      </c>
      <c r="AN6665">
        <v>119</v>
      </c>
      <c r="AO6665">
        <v>119</v>
      </c>
      <c r="AP6665">
        <v>118</v>
      </c>
      <c r="AQ6665">
        <v>118</v>
      </c>
    </row>
    <row r="6666" spans="1:43">
      <c r="A6666" t="s">
        <v>4172</v>
      </c>
      <c r="B6666" t="s">
        <v>4173</v>
      </c>
      <c r="C6666" t="s">
        <v>4174</v>
      </c>
      <c r="D6666" t="s">
        <v>4175</v>
      </c>
      <c r="E6666" t="s">
        <v>3968</v>
      </c>
      <c r="F6666" t="s">
        <v>3969</v>
      </c>
      <c r="G6666" t="s">
        <v>80</v>
      </c>
      <c r="H6666" t="s">
        <v>81</v>
      </c>
      <c r="I6666" s="2">
        <v>0</v>
      </c>
      <c r="J6666" s="2">
        <v>1</v>
      </c>
      <c r="K6666" s="2">
        <v>0</v>
      </c>
      <c r="L6666" t="s">
        <v>82</v>
      </c>
      <c r="M6666" t="s">
        <v>83</v>
      </c>
      <c r="N6666" t="s">
        <v>84</v>
      </c>
      <c r="O6666" t="s">
        <v>85</v>
      </c>
      <c r="P6666" t="s">
        <v>86</v>
      </c>
      <c r="Q6666">
        <v>121</v>
      </c>
      <c r="R6666">
        <v>123</v>
      </c>
      <c r="S6666">
        <v>124</v>
      </c>
      <c r="T6666">
        <v>126</v>
      </c>
      <c r="U6666">
        <v>127</v>
      </c>
      <c r="V6666">
        <v>128</v>
      </c>
      <c r="W6666">
        <v>130</v>
      </c>
      <c r="X6666">
        <v>131</v>
      </c>
      <c r="Y6666">
        <v>133</v>
      </c>
      <c r="Z6666">
        <v>134</v>
      </c>
      <c r="AA6666">
        <v>135</v>
      </c>
      <c r="AB6666">
        <v>137</v>
      </c>
      <c r="AC6666">
        <v>138</v>
      </c>
      <c r="AD6666">
        <v>139</v>
      </c>
      <c r="AE6666">
        <v>140</v>
      </c>
      <c r="AF6666">
        <v>141</v>
      </c>
      <c r="AG6666">
        <v>143</v>
      </c>
      <c r="AH6666">
        <v>144</v>
      </c>
      <c r="AI6666">
        <v>145</v>
      </c>
      <c r="AJ6666">
        <v>146</v>
      </c>
      <c r="AK6666">
        <v>147</v>
      </c>
      <c r="AL6666">
        <v>147</v>
      </c>
      <c r="AM6666">
        <v>147</v>
      </c>
      <c r="AN6666">
        <v>147</v>
      </c>
      <c r="AO6666">
        <v>146</v>
      </c>
      <c r="AP6666">
        <v>146</v>
      </c>
      <c r="AQ6666">
        <v>146</v>
      </c>
    </row>
    <row r="6667" spans="1:43">
      <c r="A6667" t="s">
        <v>4172</v>
      </c>
      <c r="B6667" t="s">
        <v>4173</v>
      </c>
      <c r="C6667" t="s">
        <v>4174</v>
      </c>
      <c r="D6667" t="s">
        <v>4175</v>
      </c>
      <c r="E6667" t="s">
        <v>3968</v>
      </c>
      <c r="F6667" t="s">
        <v>3969</v>
      </c>
      <c r="G6667" t="s">
        <v>80</v>
      </c>
      <c r="H6667" t="s">
        <v>81</v>
      </c>
      <c r="I6667" s="2">
        <v>0</v>
      </c>
      <c r="J6667" s="2">
        <v>1</v>
      </c>
      <c r="K6667" s="2">
        <v>0</v>
      </c>
      <c r="L6667" t="s">
        <v>82</v>
      </c>
      <c r="M6667" t="s">
        <v>87</v>
      </c>
      <c r="N6667" t="s">
        <v>88</v>
      </c>
      <c r="O6667" t="s">
        <v>85</v>
      </c>
      <c r="P6667" t="s">
        <v>86</v>
      </c>
      <c r="Q6667">
        <v>121</v>
      </c>
      <c r="R6667">
        <v>121</v>
      </c>
      <c r="S6667">
        <v>122</v>
      </c>
      <c r="T6667">
        <v>122</v>
      </c>
      <c r="U6667">
        <v>122</v>
      </c>
      <c r="V6667">
        <v>123</v>
      </c>
      <c r="W6667">
        <v>123</v>
      </c>
      <c r="X6667">
        <v>123</v>
      </c>
      <c r="Y6667">
        <v>124</v>
      </c>
      <c r="Z6667">
        <v>124</v>
      </c>
      <c r="AA6667">
        <v>124</v>
      </c>
      <c r="AB6667">
        <v>124</v>
      </c>
      <c r="AC6667">
        <v>125</v>
      </c>
      <c r="AD6667">
        <v>125</v>
      </c>
      <c r="AE6667">
        <v>125</v>
      </c>
      <c r="AF6667">
        <v>125</v>
      </c>
      <c r="AG6667">
        <v>125</v>
      </c>
      <c r="AH6667">
        <v>126</v>
      </c>
      <c r="AI6667">
        <v>126</v>
      </c>
      <c r="AJ6667">
        <v>126</v>
      </c>
      <c r="AK6667">
        <v>126</v>
      </c>
      <c r="AL6667">
        <v>126</v>
      </c>
      <c r="AM6667">
        <v>126</v>
      </c>
      <c r="AN6667">
        <v>126</v>
      </c>
      <c r="AO6667">
        <v>126</v>
      </c>
      <c r="AP6667">
        <v>126</v>
      </c>
      <c r="AQ6667">
        <v>127</v>
      </c>
    </row>
    <row r="6668" spans="1:43">
      <c r="A6668" t="s">
        <v>4172</v>
      </c>
      <c r="B6668" t="s">
        <v>4173</v>
      </c>
      <c r="C6668" t="s">
        <v>4174</v>
      </c>
      <c r="D6668" t="s">
        <v>4175</v>
      </c>
      <c r="E6668" t="s">
        <v>3968</v>
      </c>
      <c r="F6668" t="s">
        <v>3969</v>
      </c>
      <c r="G6668" t="s">
        <v>80</v>
      </c>
      <c r="H6668" t="s">
        <v>81</v>
      </c>
      <c r="I6668" s="2">
        <v>0</v>
      </c>
      <c r="J6668" s="2">
        <v>1</v>
      </c>
      <c r="K6668" s="2">
        <v>0</v>
      </c>
      <c r="L6668" t="s">
        <v>82</v>
      </c>
      <c r="M6668" t="s">
        <v>89</v>
      </c>
      <c r="N6668" t="s">
        <v>90</v>
      </c>
      <c r="O6668" t="s">
        <v>85</v>
      </c>
      <c r="P6668" t="s">
        <v>86</v>
      </c>
      <c r="Q6668">
        <v>121</v>
      </c>
      <c r="R6668">
        <v>124</v>
      </c>
      <c r="S6668">
        <v>126</v>
      </c>
      <c r="T6668">
        <v>129</v>
      </c>
      <c r="U6668">
        <v>131</v>
      </c>
      <c r="V6668">
        <v>133</v>
      </c>
      <c r="W6668">
        <v>135</v>
      </c>
      <c r="X6668">
        <v>138</v>
      </c>
      <c r="Y6668">
        <v>140</v>
      </c>
      <c r="Z6668">
        <v>141</v>
      </c>
      <c r="AA6668">
        <v>143</v>
      </c>
      <c r="AB6668">
        <v>145</v>
      </c>
      <c r="AC6668">
        <v>147</v>
      </c>
      <c r="AD6668">
        <v>149</v>
      </c>
      <c r="AE6668">
        <v>150</v>
      </c>
      <c r="AF6668">
        <v>149</v>
      </c>
      <c r="AG6668">
        <v>149</v>
      </c>
      <c r="AH6668">
        <v>149</v>
      </c>
      <c r="AI6668">
        <v>149</v>
      </c>
      <c r="AJ6668">
        <v>149</v>
      </c>
      <c r="AK6668">
        <v>148</v>
      </c>
      <c r="AL6668">
        <v>148</v>
      </c>
      <c r="AM6668">
        <v>148</v>
      </c>
      <c r="AN6668">
        <v>147</v>
      </c>
      <c r="AO6668">
        <v>147</v>
      </c>
      <c r="AP6668">
        <v>147</v>
      </c>
      <c r="AQ6668">
        <v>147</v>
      </c>
    </row>
    <row r="6669" spans="1:43">
      <c r="A6669" t="s">
        <v>4172</v>
      </c>
      <c r="B6669" t="s">
        <v>4173</v>
      </c>
      <c r="C6669" t="s">
        <v>4174</v>
      </c>
      <c r="D6669" t="s">
        <v>4175</v>
      </c>
      <c r="E6669" t="s">
        <v>3968</v>
      </c>
      <c r="F6669" t="s">
        <v>3969</v>
      </c>
      <c r="G6669" t="s">
        <v>80</v>
      </c>
      <c r="H6669" t="s">
        <v>81</v>
      </c>
      <c r="I6669" s="2">
        <v>0</v>
      </c>
      <c r="J6669" s="2">
        <v>1</v>
      </c>
      <c r="K6669" s="2">
        <v>0</v>
      </c>
      <c r="L6669" t="s">
        <v>82</v>
      </c>
      <c r="M6669" t="s">
        <v>83</v>
      </c>
      <c r="N6669" t="s">
        <v>91</v>
      </c>
      <c r="O6669" t="s">
        <v>85</v>
      </c>
      <c r="P6669" t="s">
        <v>86</v>
      </c>
      <c r="Q6669">
        <v>121</v>
      </c>
      <c r="R6669">
        <v>123</v>
      </c>
      <c r="S6669">
        <v>124</v>
      </c>
      <c r="T6669">
        <v>126</v>
      </c>
      <c r="U6669">
        <v>127</v>
      </c>
      <c r="V6669">
        <v>128</v>
      </c>
      <c r="W6669">
        <v>130</v>
      </c>
      <c r="X6669">
        <v>131</v>
      </c>
      <c r="Y6669">
        <v>133</v>
      </c>
      <c r="Z6669">
        <v>134</v>
      </c>
      <c r="AA6669">
        <v>135</v>
      </c>
      <c r="AB6669">
        <v>137</v>
      </c>
      <c r="AC6669">
        <v>138</v>
      </c>
      <c r="AD6669">
        <v>139</v>
      </c>
      <c r="AE6669">
        <v>140</v>
      </c>
      <c r="AF6669">
        <v>141</v>
      </c>
      <c r="AG6669">
        <v>143</v>
      </c>
      <c r="AH6669">
        <v>144</v>
      </c>
      <c r="AI6669">
        <v>145</v>
      </c>
      <c r="AJ6669">
        <v>146</v>
      </c>
      <c r="AK6669">
        <v>147</v>
      </c>
      <c r="AL6669">
        <v>147</v>
      </c>
      <c r="AM6669">
        <v>147</v>
      </c>
      <c r="AN6669">
        <v>147</v>
      </c>
      <c r="AO6669">
        <v>146</v>
      </c>
      <c r="AP6669">
        <v>146</v>
      </c>
      <c r="AQ6669">
        <v>146</v>
      </c>
    </row>
    <row r="6670" spans="1:43">
      <c r="A6670" t="s">
        <v>4176</v>
      </c>
      <c r="B6670" t="s">
        <v>4177</v>
      </c>
      <c r="C6670" t="s">
        <v>4150</v>
      </c>
      <c r="D6670" t="s">
        <v>4151</v>
      </c>
      <c r="E6670" t="s">
        <v>3968</v>
      </c>
      <c r="F6670" t="s">
        <v>3969</v>
      </c>
      <c r="G6670" t="s">
        <v>80</v>
      </c>
      <c r="H6670" t="s">
        <v>81</v>
      </c>
      <c r="I6670" s="2">
        <v>0</v>
      </c>
      <c r="J6670" s="2">
        <v>1</v>
      </c>
      <c r="K6670" s="2">
        <v>0</v>
      </c>
      <c r="L6670" t="s">
        <v>82</v>
      </c>
      <c r="M6670" t="s">
        <v>83</v>
      </c>
      <c r="N6670" t="s">
        <v>84</v>
      </c>
      <c r="O6670" t="s">
        <v>85</v>
      </c>
      <c r="P6670" t="s">
        <v>86</v>
      </c>
      <c r="Q6670">
        <v>32</v>
      </c>
      <c r="R6670">
        <v>32</v>
      </c>
      <c r="S6670">
        <v>32</v>
      </c>
      <c r="T6670">
        <v>33</v>
      </c>
      <c r="U6670">
        <v>33</v>
      </c>
      <c r="V6670">
        <v>33</v>
      </c>
      <c r="W6670">
        <v>34</v>
      </c>
      <c r="X6670">
        <v>34</v>
      </c>
      <c r="Y6670">
        <v>34</v>
      </c>
      <c r="Z6670">
        <v>35</v>
      </c>
      <c r="AA6670">
        <v>35</v>
      </c>
      <c r="AB6670">
        <v>35</v>
      </c>
      <c r="AC6670">
        <v>36</v>
      </c>
      <c r="AD6670">
        <v>36</v>
      </c>
      <c r="AE6670">
        <v>36</v>
      </c>
      <c r="AF6670">
        <v>37</v>
      </c>
      <c r="AG6670">
        <v>37</v>
      </c>
      <c r="AH6670">
        <v>37</v>
      </c>
      <c r="AI6670">
        <v>37</v>
      </c>
      <c r="AJ6670">
        <v>38</v>
      </c>
      <c r="AK6670">
        <v>38</v>
      </c>
      <c r="AL6670">
        <v>38</v>
      </c>
      <c r="AM6670">
        <v>38</v>
      </c>
      <c r="AN6670">
        <v>38</v>
      </c>
      <c r="AO6670">
        <v>38</v>
      </c>
      <c r="AP6670">
        <v>38</v>
      </c>
      <c r="AQ6670">
        <v>37</v>
      </c>
    </row>
    <row r="6671" spans="1:43">
      <c r="A6671" t="s">
        <v>4176</v>
      </c>
      <c r="B6671" t="s">
        <v>4177</v>
      </c>
      <c r="C6671" t="s">
        <v>4150</v>
      </c>
      <c r="D6671" t="s">
        <v>4151</v>
      </c>
      <c r="E6671" t="s">
        <v>3968</v>
      </c>
      <c r="F6671" t="s">
        <v>3969</v>
      </c>
      <c r="G6671" t="s">
        <v>80</v>
      </c>
      <c r="H6671" t="s">
        <v>81</v>
      </c>
      <c r="I6671" s="2">
        <v>0</v>
      </c>
      <c r="J6671" s="2">
        <v>1</v>
      </c>
      <c r="K6671" s="2">
        <v>0</v>
      </c>
      <c r="L6671" t="s">
        <v>82</v>
      </c>
      <c r="M6671" t="s">
        <v>87</v>
      </c>
      <c r="N6671" t="s">
        <v>88</v>
      </c>
      <c r="O6671" t="s">
        <v>85</v>
      </c>
      <c r="P6671" t="s">
        <v>86</v>
      </c>
      <c r="Q6671">
        <v>32</v>
      </c>
      <c r="R6671">
        <v>32</v>
      </c>
      <c r="S6671">
        <v>32</v>
      </c>
      <c r="T6671">
        <v>33</v>
      </c>
      <c r="U6671">
        <v>33</v>
      </c>
      <c r="V6671">
        <v>33</v>
      </c>
      <c r="W6671">
        <v>33</v>
      </c>
      <c r="X6671">
        <v>33</v>
      </c>
      <c r="Y6671">
        <v>33</v>
      </c>
      <c r="Z6671">
        <v>33</v>
      </c>
      <c r="AA6671">
        <v>33</v>
      </c>
      <c r="AB6671">
        <v>33</v>
      </c>
      <c r="AC6671">
        <v>33</v>
      </c>
      <c r="AD6671">
        <v>33</v>
      </c>
      <c r="AE6671">
        <v>33</v>
      </c>
      <c r="AF6671">
        <v>33</v>
      </c>
      <c r="AG6671">
        <v>33</v>
      </c>
      <c r="AH6671">
        <v>33</v>
      </c>
      <c r="AI6671">
        <v>33</v>
      </c>
      <c r="AJ6671">
        <v>33</v>
      </c>
      <c r="AK6671">
        <v>33</v>
      </c>
      <c r="AL6671">
        <v>33</v>
      </c>
      <c r="AM6671">
        <v>33</v>
      </c>
      <c r="AN6671">
        <v>33</v>
      </c>
      <c r="AO6671">
        <v>33</v>
      </c>
      <c r="AP6671">
        <v>33</v>
      </c>
      <c r="AQ6671">
        <v>33</v>
      </c>
    </row>
    <row r="6672" spans="1:43">
      <c r="A6672" t="s">
        <v>4176</v>
      </c>
      <c r="B6672" t="s">
        <v>4177</v>
      </c>
      <c r="C6672" t="s">
        <v>4150</v>
      </c>
      <c r="D6672" t="s">
        <v>4151</v>
      </c>
      <c r="E6672" t="s">
        <v>3968</v>
      </c>
      <c r="F6672" t="s">
        <v>3969</v>
      </c>
      <c r="G6672" t="s">
        <v>80</v>
      </c>
      <c r="H6672" t="s">
        <v>81</v>
      </c>
      <c r="I6672" s="2">
        <v>0</v>
      </c>
      <c r="J6672" s="2">
        <v>1</v>
      </c>
      <c r="K6672" s="2">
        <v>0</v>
      </c>
      <c r="L6672" t="s">
        <v>82</v>
      </c>
      <c r="M6672" t="s">
        <v>89</v>
      </c>
      <c r="N6672" t="s">
        <v>90</v>
      </c>
      <c r="O6672" t="s">
        <v>85</v>
      </c>
      <c r="P6672" t="s">
        <v>86</v>
      </c>
      <c r="Q6672">
        <v>32</v>
      </c>
      <c r="R6672">
        <v>33</v>
      </c>
      <c r="S6672">
        <v>33</v>
      </c>
      <c r="T6672">
        <v>34</v>
      </c>
      <c r="U6672">
        <v>34</v>
      </c>
      <c r="V6672">
        <v>35</v>
      </c>
      <c r="W6672">
        <v>36</v>
      </c>
      <c r="X6672">
        <v>36</v>
      </c>
      <c r="Y6672">
        <v>37</v>
      </c>
      <c r="Z6672">
        <v>37</v>
      </c>
      <c r="AA6672">
        <v>37</v>
      </c>
      <c r="AB6672">
        <v>38</v>
      </c>
      <c r="AC6672">
        <v>38</v>
      </c>
      <c r="AD6672">
        <v>39</v>
      </c>
      <c r="AE6672">
        <v>39</v>
      </c>
      <c r="AF6672">
        <v>39</v>
      </c>
      <c r="AG6672">
        <v>39</v>
      </c>
      <c r="AH6672">
        <v>39</v>
      </c>
      <c r="AI6672">
        <v>39</v>
      </c>
      <c r="AJ6672">
        <v>39</v>
      </c>
      <c r="AK6672">
        <v>38</v>
      </c>
      <c r="AL6672">
        <v>38</v>
      </c>
      <c r="AM6672">
        <v>38</v>
      </c>
      <c r="AN6672">
        <v>38</v>
      </c>
      <c r="AO6672">
        <v>38</v>
      </c>
      <c r="AP6672">
        <v>38</v>
      </c>
      <c r="AQ6672">
        <v>38</v>
      </c>
    </row>
    <row r="6673" spans="1:43">
      <c r="A6673" t="s">
        <v>4176</v>
      </c>
      <c r="B6673" t="s">
        <v>4177</v>
      </c>
      <c r="C6673" t="s">
        <v>4150</v>
      </c>
      <c r="D6673" t="s">
        <v>4151</v>
      </c>
      <c r="E6673" t="s">
        <v>3968</v>
      </c>
      <c r="F6673" t="s">
        <v>3969</v>
      </c>
      <c r="G6673" t="s">
        <v>80</v>
      </c>
      <c r="H6673" t="s">
        <v>81</v>
      </c>
      <c r="I6673" s="2">
        <v>0</v>
      </c>
      <c r="J6673" s="2">
        <v>1</v>
      </c>
      <c r="K6673" s="2">
        <v>0</v>
      </c>
      <c r="L6673" t="s">
        <v>82</v>
      </c>
      <c r="M6673" t="s">
        <v>83</v>
      </c>
      <c r="N6673" t="s">
        <v>91</v>
      </c>
      <c r="O6673" t="s">
        <v>85</v>
      </c>
      <c r="P6673" t="s">
        <v>86</v>
      </c>
      <c r="Q6673">
        <v>32</v>
      </c>
      <c r="R6673">
        <v>32</v>
      </c>
      <c r="S6673">
        <v>32</v>
      </c>
      <c r="T6673">
        <v>33</v>
      </c>
      <c r="U6673">
        <v>33</v>
      </c>
      <c r="V6673">
        <v>33</v>
      </c>
      <c r="W6673">
        <v>34</v>
      </c>
      <c r="X6673">
        <v>34</v>
      </c>
      <c r="Y6673">
        <v>34</v>
      </c>
      <c r="Z6673">
        <v>35</v>
      </c>
      <c r="AA6673">
        <v>35</v>
      </c>
      <c r="AB6673">
        <v>35</v>
      </c>
      <c r="AC6673">
        <v>36</v>
      </c>
      <c r="AD6673">
        <v>36</v>
      </c>
      <c r="AE6673">
        <v>36</v>
      </c>
      <c r="AF6673">
        <v>37</v>
      </c>
      <c r="AG6673">
        <v>37</v>
      </c>
      <c r="AH6673">
        <v>37</v>
      </c>
      <c r="AI6673">
        <v>37</v>
      </c>
      <c r="AJ6673">
        <v>38</v>
      </c>
      <c r="AK6673">
        <v>38</v>
      </c>
      <c r="AL6673">
        <v>38</v>
      </c>
      <c r="AM6673">
        <v>38</v>
      </c>
      <c r="AN6673">
        <v>38</v>
      </c>
      <c r="AO6673">
        <v>38</v>
      </c>
      <c r="AP6673">
        <v>38</v>
      </c>
      <c r="AQ6673">
        <v>37</v>
      </c>
    </row>
    <row r="6674" spans="1:43">
      <c r="A6674" t="s">
        <v>4178</v>
      </c>
      <c r="B6674" t="s">
        <v>4179</v>
      </c>
      <c r="C6674" t="s">
        <v>4150</v>
      </c>
      <c r="D6674" t="s">
        <v>4151</v>
      </c>
      <c r="E6674" t="s">
        <v>3968</v>
      </c>
      <c r="F6674" t="s">
        <v>3969</v>
      </c>
      <c r="G6674" t="s">
        <v>80</v>
      </c>
      <c r="H6674" t="s">
        <v>81</v>
      </c>
      <c r="I6674" s="2">
        <v>0</v>
      </c>
      <c r="J6674" s="2">
        <v>1</v>
      </c>
      <c r="K6674" s="2">
        <v>0</v>
      </c>
      <c r="L6674" t="s">
        <v>82</v>
      </c>
      <c r="M6674" t="s">
        <v>83</v>
      </c>
      <c r="N6674" t="s">
        <v>84</v>
      </c>
      <c r="O6674" t="s">
        <v>85</v>
      </c>
      <c r="P6674" t="s">
        <v>86</v>
      </c>
      <c r="Q6674">
        <v>41</v>
      </c>
      <c r="R6674">
        <v>42</v>
      </c>
      <c r="S6674">
        <v>42</v>
      </c>
      <c r="T6674">
        <v>43</v>
      </c>
      <c r="U6674">
        <v>43</v>
      </c>
      <c r="V6674">
        <v>44</v>
      </c>
      <c r="W6674">
        <v>44</v>
      </c>
      <c r="X6674">
        <v>45</v>
      </c>
      <c r="Y6674">
        <v>45</v>
      </c>
      <c r="Z6674">
        <v>46</v>
      </c>
      <c r="AA6674">
        <v>46</v>
      </c>
      <c r="AB6674">
        <v>47</v>
      </c>
      <c r="AC6674">
        <v>47</v>
      </c>
      <c r="AD6674">
        <v>47</v>
      </c>
      <c r="AE6674">
        <v>48</v>
      </c>
      <c r="AF6674">
        <v>48</v>
      </c>
      <c r="AG6674">
        <v>49</v>
      </c>
      <c r="AH6674">
        <v>49</v>
      </c>
      <c r="AI6674">
        <v>49</v>
      </c>
      <c r="AJ6674">
        <v>50</v>
      </c>
      <c r="AK6674">
        <v>50</v>
      </c>
      <c r="AL6674">
        <v>50</v>
      </c>
      <c r="AM6674">
        <v>50</v>
      </c>
      <c r="AN6674">
        <v>50</v>
      </c>
      <c r="AO6674">
        <v>50</v>
      </c>
      <c r="AP6674">
        <v>50</v>
      </c>
      <c r="AQ6674">
        <v>49</v>
      </c>
    </row>
    <row r="6675" spans="1:43">
      <c r="A6675" t="s">
        <v>4178</v>
      </c>
      <c r="B6675" t="s">
        <v>4179</v>
      </c>
      <c r="C6675" t="s">
        <v>4150</v>
      </c>
      <c r="D6675" t="s">
        <v>4151</v>
      </c>
      <c r="E6675" t="s">
        <v>3968</v>
      </c>
      <c r="F6675" t="s">
        <v>3969</v>
      </c>
      <c r="G6675" t="s">
        <v>80</v>
      </c>
      <c r="H6675" t="s">
        <v>81</v>
      </c>
      <c r="I6675" s="2">
        <v>0</v>
      </c>
      <c r="J6675" s="2">
        <v>1</v>
      </c>
      <c r="K6675" s="2">
        <v>0</v>
      </c>
      <c r="L6675" t="s">
        <v>82</v>
      </c>
      <c r="M6675" t="s">
        <v>87</v>
      </c>
      <c r="N6675" t="s">
        <v>88</v>
      </c>
      <c r="O6675" t="s">
        <v>85</v>
      </c>
      <c r="P6675" t="s">
        <v>86</v>
      </c>
      <c r="Q6675">
        <v>41</v>
      </c>
      <c r="R6675">
        <v>41</v>
      </c>
      <c r="S6675">
        <v>41</v>
      </c>
      <c r="T6675">
        <v>41</v>
      </c>
      <c r="U6675">
        <v>41</v>
      </c>
      <c r="V6675">
        <v>42</v>
      </c>
      <c r="W6675">
        <v>42</v>
      </c>
      <c r="X6675">
        <v>42</v>
      </c>
      <c r="Y6675">
        <v>42</v>
      </c>
      <c r="Z6675">
        <v>42</v>
      </c>
      <c r="AA6675">
        <v>42</v>
      </c>
      <c r="AB6675">
        <v>42</v>
      </c>
      <c r="AC6675">
        <v>42</v>
      </c>
      <c r="AD6675">
        <v>42</v>
      </c>
      <c r="AE6675">
        <v>42</v>
      </c>
      <c r="AF6675">
        <v>42</v>
      </c>
      <c r="AG6675">
        <v>42</v>
      </c>
      <c r="AH6675">
        <v>42</v>
      </c>
      <c r="AI6675">
        <v>42</v>
      </c>
      <c r="AJ6675">
        <v>42</v>
      </c>
      <c r="AK6675">
        <v>42</v>
      </c>
      <c r="AL6675">
        <v>43</v>
      </c>
      <c r="AM6675">
        <v>43</v>
      </c>
      <c r="AN6675">
        <v>43</v>
      </c>
      <c r="AO6675">
        <v>43</v>
      </c>
      <c r="AP6675">
        <v>43</v>
      </c>
      <c r="AQ6675">
        <v>43</v>
      </c>
    </row>
    <row r="6676" spans="1:43">
      <c r="A6676" t="s">
        <v>4178</v>
      </c>
      <c r="B6676" t="s">
        <v>4179</v>
      </c>
      <c r="C6676" t="s">
        <v>4150</v>
      </c>
      <c r="D6676" t="s">
        <v>4151</v>
      </c>
      <c r="E6676" t="s">
        <v>3968</v>
      </c>
      <c r="F6676" t="s">
        <v>3969</v>
      </c>
      <c r="G6676" t="s">
        <v>80</v>
      </c>
      <c r="H6676" t="s">
        <v>81</v>
      </c>
      <c r="I6676" s="2">
        <v>0</v>
      </c>
      <c r="J6676" s="2">
        <v>1</v>
      </c>
      <c r="K6676" s="2">
        <v>0</v>
      </c>
      <c r="L6676" t="s">
        <v>82</v>
      </c>
      <c r="M6676" t="s">
        <v>89</v>
      </c>
      <c r="N6676" t="s">
        <v>90</v>
      </c>
      <c r="O6676" t="s">
        <v>85</v>
      </c>
      <c r="P6676" t="s">
        <v>86</v>
      </c>
      <c r="Q6676">
        <v>41</v>
      </c>
      <c r="R6676">
        <v>42</v>
      </c>
      <c r="S6676">
        <v>43</v>
      </c>
      <c r="T6676">
        <v>43</v>
      </c>
      <c r="U6676">
        <v>44</v>
      </c>
      <c r="V6676">
        <v>45</v>
      </c>
      <c r="W6676">
        <v>46</v>
      </c>
      <c r="X6676">
        <v>46</v>
      </c>
      <c r="Y6676">
        <v>47</v>
      </c>
      <c r="Z6676">
        <v>48</v>
      </c>
      <c r="AA6676">
        <v>48</v>
      </c>
      <c r="AB6676">
        <v>49</v>
      </c>
      <c r="AC6676">
        <v>49</v>
      </c>
      <c r="AD6676">
        <v>50</v>
      </c>
      <c r="AE6676">
        <v>50</v>
      </c>
      <c r="AF6676">
        <v>50</v>
      </c>
      <c r="AG6676">
        <v>50</v>
      </c>
      <c r="AH6676">
        <v>50</v>
      </c>
      <c r="AI6676">
        <v>50</v>
      </c>
      <c r="AJ6676">
        <v>50</v>
      </c>
      <c r="AK6676">
        <v>50</v>
      </c>
      <c r="AL6676">
        <v>50</v>
      </c>
      <c r="AM6676">
        <v>49</v>
      </c>
      <c r="AN6676">
        <v>49</v>
      </c>
      <c r="AO6676">
        <v>49</v>
      </c>
      <c r="AP6676">
        <v>49</v>
      </c>
      <c r="AQ6676">
        <v>49</v>
      </c>
    </row>
    <row r="6677" spans="1:43">
      <c r="A6677" t="s">
        <v>4178</v>
      </c>
      <c r="B6677" t="s">
        <v>4179</v>
      </c>
      <c r="C6677" t="s">
        <v>4150</v>
      </c>
      <c r="D6677" t="s">
        <v>4151</v>
      </c>
      <c r="E6677" t="s">
        <v>3968</v>
      </c>
      <c r="F6677" t="s">
        <v>3969</v>
      </c>
      <c r="G6677" t="s">
        <v>80</v>
      </c>
      <c r="H6677" t="s">
        <v>81</v>
      </c>
      <c r="I6677" s="2">
        <v>0</v>
      </c>
      <c r="J6677" s="2">
        <v>1</v>
      </c>
      <c r="K6677" s="2">
        <v>0</v>
      </c>
      <c r="L6677" t="s">
        <v>82</v>
      </c>
      <c r="M6677" t="s">
        <v>83</v>
      </c>
      <c r="N6677" t="s">
        <v>91</v>
      </c>
      <c r="O6677" t="s">
        <v>85</v>
      </c>
      <c r="P6677" t="s">
        <v>86</v>
      </c>
      <c r="Q6677">
        <v>41</v>
      </c>
      <c r="R6677">
        <v>42</v>
      </c>
      <c r="S6677">
        <v>42</v>
      </c>
      <c r="T6677">
        <v>43</v>
      </c>
      <c r="U6677">
        <v>43</v>
      </c>
      <c r="V6677">
        <v>44</v>
      </c>
      <c r="W6677">
        <v>44</v>
      </c>
      <c r="X6677">
        <v>45</v>
      </c>
      <c r="Y6677">
        <v>45</v>
      </c>
      <c r="Z6677">
        <v>46</v>
      </c>
      <c r="AA6677">
        <v>46</v>
      </c>
      <c r="AB6677">
        <v>47</v>
      </c>
      <c r="AC6677">
        <v>47</v>
      </c>
      <c r="AD6677">
        <v>47</v>
      </c>
      <c r="AE6677">
        <v>48</v>
      </c>
      <c r="AF6677">
        <v>48</v>
      </c>
      <c r="AG6677">
        <v>49</v>
      </c>
      <c r="AH6677">
        <v>49</v>
      </c>
      <c r="AI6677">
        <v>49</v>
      </c>
      <c r="AJ6677">
        <v>50</v>
      </c>
      <c r="AK6677">
        <v>50</v>
      </c>
      <c r="AL6677">
        <v>50</v>
      </c>
      <c r="AM6677">
        <v>50</v>
      </c>
      <c r="AN6677">
        <v>50</v>
      </c>
      <c r="AO6677">
        <v>50</v>
      </c>
      <c r="AP6677">
        <v>50</v>
      </c>
      <c r="AQ6677">
        <v>49</v>
      </c>
    </row>
    <row r="6678" spans="1:43">
      <c r="A6678" t="s">
        <v>4180</v>
      </c>
      <c r="B6678" t="s">
        <v>4181</v>
      </c>
      <c r="C6678" t="s">
        <v>3998</v>
      </c>
      <c r="D6678" t="s">
        <v>3999</v>
      </c>
      <c r="E6678" t="s">
        <v>3968</v>
      </c>
      <c r="F6678" t="s">
        <v>3969</v>
      </c>
      <c r="G6678" t="s">
        <v>80</v>
      </c>
      <c r="H6678" t="s">
        <v>81</v>
      </c>
      <c r="I6678" s="2">
        <v>0</v>
      </c>
      <c r="J6678" s="2">
        <v>1</v>
      </c>
      <c r="K6678" s="2">
        <v>0</v>
      </c>
      <c r="L6678" t="s">
        <v>82</v>
      </c>
      <c r="M6678" t="s">
        <v>83</v>
      </c>
      <c r="N6678" t="s">
        <v>84</v>
      </c>
      <c r="O6678" t="s">
        <v>85</v>
      </c>
      <c r="P6678" t="s">
        <v>86</v>
      </c>
      <c r="Q6678">
        <v>125</v>
      </c>
      <c r="R6678">
        <v>127</v>
      </c>
      <c r="S6678">
        <v>129</v>
      </c>
      <c r="T6678">
        <v>130</v>
      </c>
      <c r="U6678">
        <v>132</v>
      </c>
      <c r="V6678">
        <v>134</v>
      </c>
      <c r="W6678">
        <v>135</v>
      </c>
      <c r="X6678">
        <v>137</v>
      </c>
      <c r="Y6678">
        <v>138</v>
      </c>
      <c r="Z6678">
        <v>140</v>
      </c>
      <c r="AA6678">
        <v>141</v>
      </c>
      <c r="AB6678">
        <v>143</v>
      </c>
      <c r="AC6678">
        <v>144</v>
      </c>
      <c r="AD6678">
        <v>146</v>
      </c>
      <c r="AE6678">
        <v>147</v>
      </c>
      <c r="AF6678">
        <v>149</v>
      </c>
      <c r="AG6678">
        <v>150</v>
      </c>
      <c r="AH6678">
        <v>151</v>
      </c>
      <c r="AI6678">
        <v>153</v>
      </c>
      <c r="AJ6678">
        <v>154</v>
      </c>
      <c r="AK6678">
        <v>155</v>
      </c>
      <c r="AL6678">
        <v>156</v>
      </c>
      <c r="AM6678">
        <v>156</v>
      </c>
      <c r="AN6678">
        <v>156</v>
      </c>
      <c r="AO6678">
        <v>156</v>
      </c>
      <c r="AP6678">
        <v>156</v>
      </c>
      <c r="AQ6678">
        <v>156</v>
      </c>
    </row>
    <row r="6679" spans="1:43">
      <c r="A6679" t="s">
        <v>4180</v>
      </c>
      <c r="B6679" t="s">
        <v>4181</v>
      </c>
      <c r="C6679" t="s">
        <v>3998</v>
      </c>
      <c r="D6679" t="s">
        <v>3999</v>
      </c>
      <c r="E6679" t="s">
        <v>3968</v>
      </c>
      <c r="F6679" t="s">
        <v>3969</v>
      </c>
      <c r="G6679" t="s">
        <v>80</v>
      </c>
      <c r="H6679" t="s">
        <v>81</v>
      </c>
      <c r="I6679" s="2">
        <v>0</v>
      </c>
      <c r="J6679" s="2">
        <v>1</v>
      </c>
      <c r="K6679" s="2">
        <v>0</v>
      </c>
      <c r="L6679" t="s">
        <v>82</v>
      </c>
      <c r="M6679" t="s">
        <v>87</v>
      </c>
      <c r="N6679" t="s">
        <v>88</v>
      </c>
      <c r="O6679" t="s">
        <v>85</v>
      </c>
      <c r="P6679" t="s">
        <v>86</v>
      </c>
      <c r="Q6679">
        <v>125</v>
      </c>
      <c r="R6679">
        <v>126</v>
      </c>
      <c r="S6679">
        <v>126</v>
      </c>
      <c r="T6679">
        <v>127</v>
      </c>
      <c r="U6679">
        <v>127</v>
      </c>
      <c r="V6679">
        <v>128</v>
      </c>
      <c r="W6679">
        <v>128</v>
      </c>
      <c r="X6679">
        <v>128</v>
      </c>
      <c r="Y6679">
        <v>129</v>
      </c>
      <c r="Z6679">
        <v>129</v>
      </c>
      <c r="AA6679">
        <v>130</v>
      </c>
      <c r="AB6679">
        <v>130</v>
      </c>
      <c r="AC6679">
        <v>130</v>
      </c>
      <c r="AD6679">
        <v>131</v>
      </c>
      <c r="AE6679">
        <v>131</v>
      </c>
      <c r="AF6679">
        <v>132</v>
      </c>
      <c r="AG6679">
        <v>132</v>
      </c>
      <c r="AH6679">
        <v>132</v>
      </c>
      <c r="AI6679">
        <v>133</v>
      </c>
      <c r="AJ6679">
        <v>133</v>
      </c>
      <c r="AK6679">
        <v>133</v>
      </c>
      <c r="AL6679">
        <v>133</v>
      </c>
      <c r="AM6679">
        <v>134</v>
      </c>
      <c r="AN6679">
        <v>134</v>
      </c>
      <c r="AO6679">
        <v>134</v>
      </c>
      <c r="AP6679">
        <v>134</v>
      </c>
      <c r="AQ6679">
        <v>135</v>
      </c>
    </row>
    <row r="6680" spans="1:43">
      <c r="A6680" t="s">
        <v>4180</v>
      </c>
      <c r="B6680" t="s">
        <v>4181</v>
      </c>
      <c r="C6680" t="s">
        <v>3998</v>
      </c>
      <c r="D6680" t="s">
        <v>3999</v>
      </c>
      <c r="E6680" t="s">
        <v>3968</v>
      </c>
      <c r="F6680" t="s">
        <v>3969</v>
      </c>
      <c r="G6680" t="s">
        <v>80</v>
      </c>
      <c r="H6680" t="s">
        <v>81</v>
      </c>
      <c r="I6680" s="2">
        <v>0</v>
      </c>
      <c r="J6680" s="2">
        <v>1</v>
      </c>
      <c r="K6680" s="2">
        <v>0</v>
      </c>
      <c r="L6680" t="s">
        <v>82</v>
      </c>
      <c r="M6680" t="s">
        <v>89</v>
      </c>
      <c r="N6680" t="s">
        <v>90</v>
      </c>
      <c r="O6680" t="s">
        <v>85</v>
      </c>
      <c r="P6680" t="s">
        <v>86</v>
      </c>
      <c r="Q6680">
        <v>125</v>
      </c>
      <c r="R6680">
        <v>127</v>
      </c>
      <c r="S6680">
        <v>130</v>
      </c>
      <c r="T6680">
        <v>133</v>
      </c>
      <c r="U6680">
        <v>135</v>
      </c>
      <c r="V6680">
        <v>138</v>
      </c>
      <c r="W6680">
        <v>140</v>
      </c>
      <c r="X6680">
        <v>142</v>
      </c>
      <c r="Y6680">
        <v>145</v>
      </c>
      <c r="Z6680">
        <v>147</v>
      </c>
      <c r="AA6680">
        <v>149</v>
      </c>
      <c r="AB6680">
        <v>151</v>
      </c>
      <c r="AC6680">
        <v>153</v>
      </c>
      <c r="AD6680">
        <v>155</v>
      </c>
      <c r="AE6680">
        <v>156</v>
      </c>
      <c r="AF6680">
        <v>156</v>
      </c>
      <c r="AG6680">
        <v>156</v>
      </c>
      <c r="AH6680">
        <v>156</v>
      </c>
      <c r="AI6680">
        <v>156</v>
      </c>
      <c r="AJ6680">
        <v>156</v>
      </c>
      <c r="AK6680">
        <v>156</v>
      </c>
      <c r="AL6680">
        <v>156</v>
      </c>
      <c r="AM6680">
        <v>156</v>
      </c>
      <c r="AN6680">
        <v>156</v>
      </c>
      <c r="AO6680">
        <v>156</v>
      </c>
      <c r="AP6680">
        <v>156</v>
      </c>
      <c r="AQ6680">
        <v>156</v>
      </c>
    </row>
    <row r="6681" spans="1:43">
      <c r="A6681" t="s">
        <v>4180</v>
      </c>
      <c r="B6681" t="s">
        <v>4181</v>
      </c>
      <c r="C6681" t="s">
        <v>3998</v>
      </c>
      <c r="D6681" t="s">
        <v>3999</v>
      </c>
      <c r="E6681" t="s">
        <v>3968</v>
      </c>
      <c r="F6681" t="s">
        <v>3969</v>
      </c>
      <c r="G6681" t="s">
        <v>80</v>
      </c>
      <c r="H6681" t="s">
        <v>81</v>
      </c>
      <c r="I6681" s="2">
        <v>0</v>
      </c>
      <c r="J6681" s="2">
        <v>1</v>
      </c>
      <c r="K6681" s="2">
        <v>0</v>
      </c>
      <c r="L6681" t="s">
        <v>82</v>
      </c>
      <c r="M6681" t="s">
        <v>83</v>
      </c>
      <c r="N6681" t="s">
        <v>91</v>
      </c>
      <c r="O6681" t="s">
        <v>85</v>
      </c>
      <c r="P6681" t="s">
        <v>86</v>
      </c>
      <c r="Q6681">
        <v>125</v>
      </c>
      <c r="R6681">
        <v>127</v>
      </c>
      <c r="S6681">
        <v>129</v>
      </c>
      <c r="T6681">
        <v>130</v>
      </c>
      <c r="U6681">
        <v>132</v>
      </c>
      <c r="V6681">
        <v>134</v>
      </c>
      <c r="W6681">
        <v>135</v>
      </c>
      <c r="X6681">
        <v>137</v>
      </c>
      <c r="Y6681">
        <v>138</v>
      </c>
      <c r="Z6681">
        <v>140</v>
      </c>
      <c r="AA6681">
        <v>141</v>
      </c>
      <c r="AB6681">
        <v>143</v>
      </c>
      <c r="AC6681">
        <v>144</v>
      </c>
      <c r="AD6681">
        <v>146</v>
      </c>
      <c r="AE6681">
        <v>147</v>
      </c>
      <c r="AF6681">
        <v>149</v>
      </c>
      <c r="AG6681">
        <v>150</v>
      </c>
      <c r="AH6681">
        <v>151</v>
      </c>
      <c r="AI6681">
        <v>153</v>
      </c>
      <c r="AJ6681">
        <v>154</v>
      </c>
      <c r="AK6681">
        <v>155</v>
      </c>
      <c r="AL6681">
        <v>156</v>
      </c>
      <c r="AM6681">
        <v>156</v>
      </c>
      <c r="AN6681">
        <v>156</v>
      </c>
      <c r="AO6681">
        <v>156</v>
      </c>
      <c r="AP6681">
        <v>156</v>
      </c>
      <c r="AQ6681">
        <v>156</v>
      </c>
    </row>
    <row r="6682" spans="1:43">
      <c r="A6682" t="s">
        <v>4182</v>
      </c>
      <c r="B6682" t="s">
        <v>4183</v>
      </c>
      <c r="C6682" t="s">
        <v>3998</v>
      </c>
      <c r="D6682" t="s">
        <v>3999</v>
      </c>
      <c r="E6682" t="s">
        <v>3968</v>
      </c>
      <c r="F6682" t="s">
        <v>3969</v>
      </c>
      <c r="G6682" t="s">
        <v>80</v>
      </c>
      <c r="H6682" t="s">
        <v>81</v>
      </c>
      <c r="I6682" s="2">
        <v>0</v>
      </c>
      <c r="J6682" s="2">
        <v>1</v>
      </c>
      <c r="K6682" s="2">
        <v>0</v>
      </c>
      <c r="L6682" t="s">
        <v>82</v>
      </c>
      <c r="M6682" t="s">
        <v>83</v>
      </c>
      <c r="N6682" t="s">
        <v>84</v>
      </c>
      <c r="O6682" t="s">
        <v>85</v>
      </c>
      <c r="P6682" t="s">
        <v>86</v>
      </c>
      <c r="Q6682">
        <v>192</v>
      </c>
      <c r="R6682">
        <v>195</v>
      </c>
      <c r="S6682">
        <v>197</v>
      </c>
      <c r="T6682">
        <v>200</v>
      </c>
      <c r="U6682">
        <v>202</v>
      </c>
      <c r="V6682">
        <v>205</v>
      </c>
      <c r="W6682">
        <v>207</v>
      </c>
      <c r="X6682">
        <v>210</v>
      </c>
      <c r="Y6682">
        <v>212</v>
      </c>
      <c r="Z6682">
        <v>214</v>
      </c>
      <c r="AA6682">
        <v>217</v>
      </c>
      <c r="AB6682">
        <v>219</v>
      </c>
      <c r="AC6682">
        <v>221</v>
      </c>
      <c r="AD6682">
        <v>224</v>
      </c>
      <c r="AE6682">
        <v>226</v>
      </c>
      <c r="AF6682">
        <v>228</v>
      </c>
      <c r="AG6682">
        <v>230</v>
      </c>
      <c r="AH6682">
        <v>232</v>
      </c>
      <c r="AI6682">
        <v>234</v>
      </c>
      <c r="AJ6682">
        <v>236</v>
      </c>
      <c r="AK6682">
        <v>238</v>
      </c>
      <c r="AL6682">
        <v>239</v>
      </c>
      <c r="AM6682">
        <v>239</v>
      </c>
      <c r="AN6682">
        <v>239</v>
      </c>
      <c r="AO6682">
        <v>239</v>
      </c>
      <c r="AP6682">
        <v>239</v>
      </c>
      <c r="AQ6682">
        <v>239</v>
      </c>
    </row>
    <row r="6683" spans="1:43">
      <c r="A6683" t="s">
        <v>4182</v>
      </c>
      <c r="B6683" t="s">
        <v>4183</v>
      </c>
      <c r="C6683" t="s">
        <v>3998</v>
      </c>
      <c r="D6683" t="s">
        <v>3999</v>
      </c>
      <c r="E6683" t="s">
        <v>3968</v>
      </c>
      <c r="F6683" t="s">
        <v>3969</v>
      </c>
      <c r="G6683" t="s">
        <v>80</v>
      </c>
      <c r="H6683" t="s">
        <v>81</v>
      </c>
      <c r="I6683" s="2">
        <v>0</v>
      </c>
      <c r="J6683" s="2">
        <v>1</v>
      </c>
      <c r="K6683" s="2">
        <v>0</v>
      </c>
      <c r="L6683" t="s">
        <v>82</v>
      </c>
      <c r="M6683" t="s">
        <v>87</v>
      </c>
      <c r="N6683" t="s">
        <v>88</v>
      </c>
      <c r="O6683" t="s">
        <v>85</v>
      </c>
      <c r="P6683" t="s">
        <v>86</v>
      </c>
      <c r="Q6683">
        <v>192</v>
      </c>
      <c r="R6683">
        <v>193</v>
      </c>
      <c r="S6683">
        <v>194</v>
      </c>
      <c r="T6683">
        <v>195</v>
      </c>
      <c r="U6683">
        <v>195</v>
      </c>
      <c r="V6683">
        <v>196</v>
      </c>
      <c r="W6683">
        <v>197</v>
      </c>
      <c r="X6683">
        <v>197</v>
      </c>
      <c r="Y6683">
        <v>198</v>
      </c>
      <c r="Z6683">
        <v>199</v>
      </c>
      <c r="AA6683">
        <v>199</v>
      </c>
      <c r="AB6683">
        <v>200</v>
      </c>
      <c r="AC6683">
        <v>201</v>
      </c>
      <c r="AD6683">
        <v>201</v>
      </c>
      <c r="AE6683">
        <v>202</v>
      </c>
      <c r="AF6683">
        <v>202</v>
      </c>
      <c r="AG6683">
        <v>203</v>
      </c>
      <c r="AH6683">
        <v>203</v>
      </c>
      <c r="AI6683">
        <v>204</v>
      </c>
      <c r="AJ6683">
        <v>204</v>
      </c>
      <c r="AK6683">
        <v>205</v>
      </c>
      <c r="AL6683">
        <v>205</v>
      </c>
      <c r="AM6683">
        <v>206</v>
      </c>
      <c r="AN6683">
        <v>206</v>
      </c>
      <c r="AO6683">
        <v>206</v>
      </c>
      <c r="AP6683">
        <v>207</v>
      </c>
      <c r="AQ6683">
        <v>207</v>
      </c>
    </row>
    <row r="6684" spans="1:43">
      <c r="A6684" t="s">
        <v>4182</v>
      </c>
      <c r="B6684" t="s">
        <v>4183</v>
      </c>
      <c r="C6684" t="s">
        <v>3998</v>
      </c>
      <c r="D6684" t="s">
        <v>3999</v>
      </c>
      <c r="E6684" t="s">
        <v>3968</v>
      </c>
      <c r="F6684" t="s">
        <v>3969</v>
      </c>
      <c r="G6684" t="s">
        <v>80</v>
      </c>
      <c r="H6684" t="s">
        <v>81</v>
      </c>
      <c r="I6684" s="2">
        <v>0</v>
      </c>
      <c r="J6684" s="2">
        <v>1</v>
      </c>
      <c r="K6684" s="2">
        <v>0</v>
      </c>
      <c r="L6684" t="s">
        <v>82</v>
      </c>
      <c r="M6684" t="s">
        <v>89</v>
      </c>
      <c r="N6684" t="s">
        <v>90</v>
      </c>
      <c r="O6684" t="s">
        <v>85</v>
      </c>
      <c r="P6684" t="s">
        <v>86</v>
      </c>
      <c r="Q6684">
        <v>192</v>
      </c>
      <c r="R6684">
        <v>196</v>
      </c>
      <c r="S6684">
        <v>200</v>
      </c>
      <c r="T6684">
        <v>204</v>
      </c>
      <c r="U6684">
        <v>208</v>
      </c>
      <c r="V6684">
        <v>212</v>
      </c>
      <c r="W6684">
        <v>216</v>
      </c>
      <c r="X6684">
        <v>219</v>
      </c>
      <c r="Y6684">
        <v>223</v>
      </c>
      <c r="Z6684">
        <v>226</v>
      </c>
      <c r="AA6684">
        <v>229</v>
      </c>
      <c r="AB6684">
        <v>232</v>
      </c>
      <c r="AC6684">
        <v>235</v>
      </c>
      <c r="AD6684">
        <v>238</v>
      </c>
      <c r="AE6684">
        <v>240</v>
      </c>
      <c r="AF6684">
        <v>241</v>
      </c>
      <c r="AG6684">
        <v>241</v>
      </c>
      <c r="AH6684">
        <v>241</v>
      </c>
      <c r="AI6684">
        <v>241</v>
      </c>
      <c r="AJ6684">
        <v>241</v>
      </c>
      <c r="AK6684">
        <v>241</v>
      </c>
      <c r="AL6684">
        <v>241</v>
      </c>
      <c r="AM6684">
        <v>241</v>
      </c>
      <c r="AN6684">
        <v>241</v>
      </c>
      <c r="AO6684">
        <v>241</v>
      </c>
      <c r="AP6684">
        <v>241</v>
      </c>
      <c r="AQ6684">
        <v>241</v>
      </c>
    </row>
    <row r="6685" spans="1:43">
      <c r="A6685" t="s">
        <v>4182</v>
      </c>
      <c r="B6685" t="s">
        <v>4183</v>
      </c>
      <c r="C6685" t="s">
        <v>3998</v>
      </c>
      <c r="D6685" t="s">
        <v>3999</v>
      </c>
      <c r="E6685" t="s">
        <v>3968</v>
      </c>
      <c r="F6685" t="s">
        <v>3969</v>
      </c>
      <c r="G6685" t="s">
        <v>80</v>
      </c>
      <c r="H6685" t="s">
        <v>81</v>
      </c>
      <c r="I6685" s="2">
        <v>0</v>
      </c>
      <c r="J6685" s="2">
        <v>1</v>
      </c>
      <c r="K6685" s="2">
        <v>0</v>
      </c>
      <c r="L6685" t="s">
        <v>82</v>
      </c>
      <c r="M6685" t="s">
        <v>83</v>
      </c>
      <c r="N6685" t="s">
        <v>91</v>
      </c>
      <c r="O6685" t="s">
        <v>85</v>
      </c>
      <c r="P6685" t="s">
        <v>86</v>
      </c>
      <c r="Q6685">
        <v>192</v>
      </c>
      <c r="R6685">
        <v>195</v>
      </c>
      <c r="S6685">
        <v>197</v>
      </c>
      <c r="T6685">
        <v>200</v>
      </c>
      <c r="U6685">
        <v>202</v>
      </c>
      <c r="V6685">
        <v>205</v>
      </c>
      <c r="W6685">
        <v>207</v>
      </c>
      <c r="X6685">
        <v>210</v>
      </c>
      <c r="Y6685">
        <v>212</v>
      </c>
      <c r="Z6685">
        <v>214</v>
      </c>
      <c r="AA6685">
        <v>217</v>
      </c>
      <c r="AB6685">
        <v>219</v>
      </c>
      <c r="AC6685">
        <v>221</v>
      </c>
      <c r="AD6685">
        <v>224</v>
      </c>
      <c r="AE6685">
        <v>226</v>
      </c>
      <c r="AF6685">
        <v>228</v>
      </c>
      <c r="AG6685">
        <v>230</v>
      </c>
      <c r="AH6685">
        <v>232</v>
      </c>
      <c r="AI6685">
        <v>234</v>
      </c>
      <c r="AJ6685">
        <v>236</v>
      </c>
      <c r="AK6685">
        <v>238</v>
      </c>
      <c r="AL6685">
        <v>239</v>
      </c>
      <c r="AM6685">
        <v>239</v>
      </c>
      <c r="AN6685">
        <v>239</v>
      </c>
      <c r="AO6685">
        <v>239</v>
      </c>
      <c r="AP6685">
        <v>239</v>
      </c>
      <c r="AQ6685">
        <v>239</v>
      </c>
    </row>
    <row r="6686" spans="1:43">
      <c r="A6686" t="s">
        <v>4184</v>
      </c>
      <c r="B6686" t="s">
        <v>4185</v>
      </c>
      <c r="C6686" t="s">
        <v>3998</v>
      </c>
      <c r="D6686" t="s">
        <v>3999</v>
      </c>
      <c r="E6686" t="s">
        <v>3968</v>
      </c>
      <c r="F6686" t="s">
        <v>3969</v>
      </c>
      <c r="G6686" t="s">
        <v>80</v>
      </c>
      <c r="H6686" t="s">
        <v>81</v>
      </c>
      <c r="I6686" s="2">
        <v>0</v>
      </c>
      <c r="J6686" s="2">
        <v>1</v>
      </c>
      <c r="K6686" s="2">
        <v>0</v>
      </c>
      <c r="L6686" t="s">
        <v>82</v>
      </c>
      <c r="M6686" t="s">
        <v>83</v>
      </c>
      <c r="N6686" t="s">
        <v>84</v>
      </c>
      <c r="O6686" t="s">
        <v>85</v>
      </c>
      <c r="P6686" t="s">
        <v>86</v>
      </c>
      <c r="Q6686">
        <v>0</v>
      </c>
      <c r="R6686">
        <v>0</v>
      </c>
      <c r="S6686">
        <v>0</v>
      </c>
      <c r="T6686">
        <v>0</v>
      </c>
      <c r="U6686">
        <v>0</v>
      </c>
      <c r="V6686">
        <v>0</v>
      </c>
      <c r="W6686">
        <v>0</v>
      </c>
      <c r="X6686">
        <v>0</v>
      </c>
      <c r="Y6686">
        <v>0</v>
      </c>
      <c r="Z6686">
        <v>0</v>
      </c>
      <c r="AA6686">
        <v>0</v>
      </c>
      <c r="AB6686">
        <v>0</v>
      </c>
      <c r="AC6686">
        <v>0</v>
      </c>
      <c r="AD6686">
        <v>0</v>
      </c>
      <c r="AE6686">
        <v>0</v>
      </c>
      <c r="AF6686">
        <v>0</v>
      </c>
      <c r="AG6686">
        <v>0</v>
      </c>
      <c r="AH6686">
        <v>0</v>
      </c>
      <c r="AI6686">
        <v>0</v>
      </c>
      <c r="AJ6686">
        <v>0</v>
      </c>
      <c r="AK6686">
        <v>0</v>
      </c>
      <c r="AL6686">
        <v>0</v>
      </c>
      <c r="AM6686">
        <v>0</v>
      </c>
      <c r="AN6686">
        <v>0</v>
      </c>
      <c r="AO6686">
        <v>0</v>
      </c>
      <c r="AP6686">
        <v>0</v>
      </c>
      <c r="AQ6686">
        <v>0</v>
      </c>
    </row>
    <row r="6687" spans="1:43">
      <c r="A6687" t="s">
        <v>4184</v>
      </c>
      <c r="B6687" t="s">
        <v>4185</v>
      </c>
      <c r="C6687" t="s">
        <v>3998</v>
      </c>
      <c r="D6687" t="s">
        <v>3999</v>
      </c>
      <c r="E6687" t="s">
        <v>3968</v>
      </c>
      <c r="F6687" t="s">
        <v>3969</v>
      </c>
      <c r="G6687" t="s">
        <v>80</v>
      </c>
      <c r="H6687" t="s">
        <v>81</v>
      </c>
      <c r="I6687" s="2">
        <v>0</v>
      </c>
      <c r="J6687" s="2">
        <v>1</v>
      </c>
      <c r="K6687" s="2">
        <v>0</v>
      </c>
      <c r="L6687" t="s">
        <v>82</v>
      </c>
      <c r="M6687" t="s">
        <v>87</v>
      </c>
      <c r="N6687" t="s">
        <v>88</v>
      </c>
      <c r="O6687" t="s">
        <v>85</v>
      </c>
      <c r="P6687" t="s">
        <v>86</v>
      </c>
      <c r="Q6687">
        <v>0</v>
      </c>
      <c r="R6687">
        <v>0</v>
      </c>
      <c r="S6687">
        <v>0</v>
      </c>
      <c r="T6687">
        <v>0</v>
      </c>
      <c r="U6687">
        <v>0</v>
      </c>
      <c r="V6687">
        <v>0</v>
      </c>
      <c r="W6687">
        <v>0</v>
      </c>
      <c r="X6687">
        <v>0</v>
      </c>
      <c r="Y6687">
        <v>0</v>
      </c>
      <c r="Z6687">
        <v>0</v>
      </c>
      <c r="AA6687">
        <v>0</v>
      </c>
      <c r="AB6687">
        <v>0</v>
      </c>
      <c r="AC6687">
        <v>0</v>
      </c>
      <c r="AD6687">
        <v>0</v>
      </c>
      <c r="AE6687">
        <v>0</v>
      </c>
      <c r="AF6687">
        <v>0</v>
      </c>
      <c r="AG6687">
        <v>0</v>
      </c>
      <c r="AH6687">
        <v>0</v>
      </c>
      <c r="AI6687">
        <v>0</v>
      </c>
      <c r="AJ6687">
        <v>0</v>
      </c>
      <c r="AK6687">
        <v>0</v>
      </c>
      <c r="AL6687">
        <v>0</v>
      </c>
      <c r="AM6687">
        <v>0</v>
      </c>
      <c r="AN6687">
        <v>0</v>
      </c>
      <c r="AO6687">
        <v>0</v>
      </c>
      <c r="AP6687">
        <v>0</v>
      </c>
      <c r="AQ6687">
        <v>0</v>
      </c>
    </row>
    <row r="6688" spans="1:43">
      <c r="A6688" t="s">
        <v>4184</v>
      </c>
      <c r="B6688" t="s">
        <v>4185</v>
      </c>
      <c r="C6688" t="s">
        <v>3998</v>
      </c>
      <c r="D6688" t="s">
        <v>3999</v>
      </c>
      <c r="E6688" t="s">
        <v>3968</v>
      </c>
      <c r="F6688" t="s">
        <v>3969</v>
      </c>
      <c r="G6688" t="s">
        <v>80</v>
      </c>
      <c r="H6688" t="s">
        <v>81</v>
      </c>
      <c r="I6688" s="2">
        <v>0</v>
      </c>
      <c r="J6688" s="2">
        <v>1</v>
      </c>
      <c r="K6688" s="2">
        <v>0</v>
      </c>
      <c r="L6688" t="s">
        <v>82</v>
      </c>
      <c r="M6688" t="s">
        <v>89</v>
      </c>
      <c r="N6688" t="s">
        <v>90</v>
      </c>
      <c r="O6688" t="s">
        <v>85</v>
      </c>
      <c r="P6688" t="s">
        <v>86</v>
      </c>
      <c r="Q6688">
        <v>0</v>
      </c>
      <c r="R6688">
        <v>0</v>
      </c>
      <c r="S6688">
        <v>0</v>
      </c>
      <c r="T6688">
        <v>0</v>
      </c>
      <c r="U6688">
        <v>0</v>
      </c>
      <c r="V6688">
        <v>0</v>
      </c>
      <c r="W6688">
        <v>0</v>
      </c>
      <c r="X6688">
        <v>0</v>
      </c>
      <c r="Y6688">
        <v>0</v>
      </c>
      <c r="Z6688">
        <v>0</v>
      </c>
      <c r="AA6688">
        <v>0</v>
      </c>
      <c r="AB6688">
        <v>0</v>
      </c>
      <c r="AC6688">
        <v>0</v>
      </c>
      <c r="AD6688">
        <v>0</v>
      </c>
      <c r="AE6688">
        <v>0</v>
      </c>
      <c r="AF6688">
        <v>0</v>
      </c>
      <c r="AG6688">
        <v>0</v>
      </c>
      <c r="AH6688">
        <v>0</v>
      </c>
      <c r="AI6688">
        <v>0</v>
      </c>
      <c r="AJ6688">
        <v>0</v>
      </c>
      <c r="AK6688">
        <v>0</v>
      </c>
      <c r="AL6688">
        <v>0</v>
      </c>
      <c r="AM6688">
        <v>0</v>
      </c>
      <c r="AN6688">
        <v>0</v>
      </c>
      <c r="AO6688">
        <v>0</v>
      </c>
      <c r="AP6688">
        <v>0</v>
      </c>
      <c r="AQ6688">
        <v>0</v>
      </c>
    </row>
    <row r="6689" spans="1:43">
      <c r="A6689" t="s">
        <v>4184</v>
      </c>
      <c r="B6689" t="s">
        <v>4185</v>
      </c>
      <c r="C6689" t="s">
        <v>3998</v>
      </c>
      <c r="D6689" t="s">
        <v>3999</v>
      </c>
      <c r="E6689" t="s">
        <v>3968</v>
      </c>
      <c r="F6689" t="s">
        <v>3969</v>
      </c>
      <c r="G6689" t="s">
        <v>80</v>
      </c>
      <c r="H6689" t="s">
        <v>81</v>
      </c>
      <c r="I6689" s="2">
        <v>0</v>
      </c>
      <c r="J6689" s="2">
        <v>1</v>
      </c>
      <c r="K6689" s="2">
        <v>0</v>
      </c>
      <c r="L6689" t="s">
        <v>82</v>
      </c>
      <c r="M6689" t="s">
        <v>83</v>
      </c>
      <c r="N6689" t="s">
        <v>91</v>
      </c>
      <c r="O6689" t="s">
        <v>85</v>
      </c>
      <c r="P6689" t="s">
        <v>86</v>
      </c>
      <c r="Q6689">
        <v>0</v>
      </c>
      <c r="R6689">
        <v>0</v>
      </c>
      <c r="S6689">
        <v>0</v>
      </c>
      <c r="T6689">
        <v>0</v>
      </c>
      <c r="U6689">
        <v>0</v>
      </c>
      <c r="V6689">
        <v>0</v>
      </c>
      <c r="W6689">
        <v>0</v>
      </c>
      <c r="X6689">
        <v>0</v>
      </c>
      <c r="Y6689">
        <v>0</v>
      </c>
      <c r="Z6689">
        <v>0</v>
      </c>
      <c r="AA6689">
        <v>0</v>
      </c>
      <c r="AB6689">
        <v>0</v>
      </c>
      <c r="AC6689">
        <v>0</v>
      </c>
      <c r="AD6689">
        <v>0</v>
      </c>
      <c r="AE6689">
        <v>0</v>
      </c>
      <c r="AF6689">
        <v>0</v>
      </c>
      <c r="AG6689">
        <v>0</v>
      </c>
      <c r="AH6689">
        <v>0</v>
      </c>
      <c r="AI6689">
        <v>0</v>
      </c>
      <c r="AJ6689">
        <v>0</v>
      </c>
      <c r="AK6689">
        <v>0</v>
      </c>
      <c r="AL6689">
        <v>0</v>
      </c>
      <c r="AM6689">
        <v>0</v>
      </c>
      <c r="AN6689">
        <v>0</v>
      </c>
      <c r="AO6689">
        <v>0</v>
      </c>
      <c r="AP6689">
        <v>0</v>
      </c>
      <c r="AQ6689">
        <v>0</v>
      </c>
    </row>
    <row r="6690" spans="1:43">
      <c r="A6690" t="s">
        <v>4186</v>
      </c>
      <c r="B6690" t="s">
        <v>4187</v>
      </c>
      <c r="C6690" t="s">
        <v>4188</v>
      </c>
      <c r="D6690" t="s">
        <v>4189</v>
      </c>
      <c r="E6690" t="s">
        <v>3968</v>
      </c>
      <c r="F6690" t="s">
        <v>3969</v>
      </c>
      <c r="G6690" t="s">
        <v>80</v>
      </c>
      <c r="H6690" t="s">
        <v>81</v>
      </c>
      <c r="I6690" s="2">
        <v>0</v>
      </c>
      <c r="J6690" s="2">
        <v>1</v>
      </c>
      <c r="K6690" s="2">
        <v>0</v>
      </c>
      <c r="L6690" t="s">
        <v>82</v>
      </c>
      <c r="M6690" t="s">
        <v>83</v>
      </c>
      <c r="N6690" t="s">
        <v>84</v>
      </c>
      <c r="O6690" t="s">
        <v>85</v>
      </c>
      <c r="P6690" t="s">
        <v>86</v>
      </c>
      <c r="Q6690">
        <v>125</v>
      </c>
      <c r="R6690">
        <v>126</v>
      </c>
      <c r="S6690">
        <v>128</v>
      </c>
      <c r="T6690">
        <v>130</v>
      </c>
      <c r="U6690">
        <v>131</v>
      </c>
      <c r="V6690">
        <v>133</v>
      </c>
      <c r="W6690">
        <v>135</v>
      </c>
      <c r="X6690">
        <v>136</v>
      </c>
      <c r="Y6690">
        <v>138</v>
      </c>
      <c r="Z6690">
        <v>139</v>
      </c>
      <c r="AA6690">
        <v>141</v>
      </c>
      <c r="AB6690">
        <v>142</v>
      </c>
      <c r="AC6690">
        <v>144</v>
      </c>
      <c r="AD6690">
        <v>145</v>
      </c>
      <c r="AE6690">
        <v>147</v>
      </c>
      <c r="AF6690">
        <v>148</v>
      </c>
      <c r="AG6690">
        <v>150</v>
      </c>
      <c r="AH6690">
        <v>151</v>
      </c>
      <c r="AI6690">
        <v>153</v>
      </c>
      <c r="AJ6690">
        <v>154</v>
      </c>
      <c r="AK6690">
        <v>155</v>
      </c>
      <c r="AL6690">
        <v>156</v>
      </c>
      <c r="AM6690">
        <v>156</v>
      </c>
      <c r="AN6690">
        <v>156</v>
      </c>
      <c r="AO6690">
        <v>156</v>
      </c>
      <c r="AP6690">
        <v>156</v>
      </c>
      <c r="AQ6690">
        <v>157</v>
      </c>
    </row>
    <row r="6691" spans="1:43">
      <c r="A6691" t="s">
        <v>4186</v>
      </c>
      <c r="B6691" t="s">
        <v>4187</v>
      </c>
      <c r="C6691" t="s">
        <v>4188</v>
      </c>
      <c r="D6691" t="s">
        <v>4189</v>
      </c>
      <c r="E6691" t="s">
        <v>3968</v>
      </c>
      <c r="F6691" t="s">
        <v>3969</v>
      </c>
      <c r="G6691" t="s">
        <v>80</v>
      </c>
      <c r="H6691" t="s">
        <v>81</v>
      </c>
      <c r="I6691" s="2">
        <v>0</v>
      </c>
      <c r="J6691" s="2">
        <v>1</v>
      </c>
      <c r="K6691" s="2">
        <v>0</v>
      </c>
      <c r="L6691" t="s">
        <v>82</v>
      </c>
      <c r="M6691" t="s">
        <v>87</v>
      </c>
      <c r="N6691" t="s">
        <v>88</v>
      </c>
      <c r="O6691" t="s">
        <v>85</v>
      </c>
      <c r="P6691" t="s">
        <v>86</v>
      </c>
      <c r="Q6691">
        <v>125</v>
      </c>
      <c r="R6691">
        <v>126</v>
      </c>
      <c r="S6691">
        <v>126</v>
      </c>
      <c r="T6691">
        <v>127</v>
      </c>
      <c r="U6691">
        <v>127</v>
      </c>
      <c r="V6691">
        <v>128</v>
      </c>
      <c r="W6691">
        <v>128</v>
      </c>
      <c r="X6691">
        <v>129</v>
      </c>
      <c r="Y6691">
        <v>129</v>
      </c>
      <c r="Z6691">
        <v>130</v>
      </c>
      <c r="AA6691">
        <v>130</v>
      </c>
      <c r="AB6691">
        <v>131</v>
      </c>
      <c r="AC6691">
        <v>131</v>
      </c>
      <c r="AD6691">
        <v>132</v>
      </c>
      <c r="AE6691">
        <v>132</v>
      </c>
      <c r="AF6691">
        <v>132</v>
      </c>
      <c r="AG6691">
        <v>133</v>
      </c>
      <c r="AH6691">
        <v>133</v>
      </c>
      <c r="AI6691">
        <v>133</v>
      </c>
      <c r="AJ6691">
        <v>134</v>
      </c>
      <c r="AK6691">
        <v>134</v>
      </c>
      <c r="AL6691">
        <v>135</v>
      </c>
      <c r="AM6691">
        <v>135</v>
      </c>
      <c r="AN6691">
        <v>135</v>
      </c>
      <c r="AO6691">
        <v>135</v>
      </c>
      <c r="AP6691">
        <v>136</v>
      </c>
      <c r="AQ6691">
        <v>136</v>
      </c>
    </row>
    <row r="6692" spans="1:43">
      <c r="A6692" t="s">
        <v>4186</v>
      </c>
      <c r="B6692" t="s">
        <v>4187</v>
      </c>
      <c r="C6692" t="s">
        <v>4188</v>
      </c>
      <c r="D6692" t="s">
        <v>4189</v>
      </c>
      <c r="E6692" t="s">
        <v>3968</v>
      </c>
      <c r="F6692" t="s">
        <v>3969</v>
      </c>
      <c r="G6692" t="s">
        <v>80</v>
      </c>
      <c r="H6692" t="s">
        <v>81</v>
      </c>
      <c r="I6692" s="2">
        <v>0</v>
      </c>
      <c r="J6692" s="2">
        <v>1</v>
      </c>
      <c r="K6692" s="2">
        <v>0</v>
      </c>
      <c r="L6692" t="s">
        <v>82</v>
      </c>
      <c r="M6692" t="s">
        <v>89</v>
      </c>
      <c r="N6692" t="s">
        <v>90</v>
      </c>
      <c r="O6692" t="s">
        <v>85</v>
      </c>
      <c r="P6692" t="s">
        <v>86</v>
      </c>
      <c r="Q6692">
        <v>125</v>
      </c>
      <c r="R6692">
        <v>128</v>
      </c>
      <c r="S6692">
        <v>130</v>
      </c>
      <c r="T6692">
        <v>133</v>
      </c>
      <c r="U6692">
        <v>136</v>
      </c>
      <c r="V6692">
        <v>138</v>
      </c>
      <c r="W6692">
        <v>141</v>
      </c>
      <c r="X6692">
        <v>143</v>
      </c>
      <c r="Y6692">
        <v>145</v>
      </c>
      <c r="Z6692">
        <v>147</v>
      </c>
      <c r="AA6692">
        <v>149</v>
      </c>
      <c r="AB6692">
        <v>151</v>
      </c>
      <c r="AC6692">
        <v>153</v>
      </c>
      <c r="AD6692">
        <v>155</v>
      </c>
      <c r="AE6692">
        <v>157</v>
      </c>
      <c r="AF6692">
        <v>157</v>
      </c>
      <c r="AG6692">
        <v>157</v>
      </c>
      <c r="AH6692">
        <v>157</v>
      </c>
      <c r="AI6692">
        <v>157</v>
      </c>
      <c r="AJ6692">
        <v>158</v>
      </c>
      <c r="AK6692">
        <v>158</v>
      </c>
      <c r="AL6692">
        <v>158</v>
      </c>
      <c r="AM6692">
        <v>158</v>
      </c>
      <c r="AN6692">
        <v>158</v>
      </c>
      <c r="AO6692">
        <v>158</v>
      </c>
      <c r="AP6692">
        <v>158</v>
      </c>
      <c r="AQ6692">
        <v>158</v>
      </c>
    </row>
    <row r="6693" spans="1:43">
      <c r="A6693" t="s">
        <v>4186</v>
      </c>
      <c r="B6693" t="s">
        <v>4187</v>
      </c>
      <c r="C6693" t="s">
        <v>4188</v>
      </c>
      <c r="D6693" t="s">
        <v>4189</v>
      </c>
      <c r="E6693" t="s">
        <v>3968</v>
      </c>
      <c r="F6693" t="s">
        <v>3969</v>
      </c>
      <c r="G6693" t="s">
        <v>80</v>
      </c>
      <c r="H6693" t="s">
        <v>81</v>
      </c>
      <c r="I6693" s="2">
        <v>0</v>
      </c>
      <c r="J6693" s="2">
        <v>1</v>
      </c>
      <c r="K6693" s="2">
        <v>0</v>
      </c>
      <c r="L6693" t="s">
        <v>82</v>
      </c>
      <c r="M6693" t="s">
        <v>83</v>
      </c>
      <c r="N6693" t="s">
        <v>91</v>
      </c>
      <c r="O6693" t="s">
        <v>85</v>
      </c>
      <c r="P6693" t="s">
        <v>86</v>
      </c>
      <c r="Q6693">
        <v>125</v>
      </c>
      <c r="R6693">
        <v>126</v>
      </c>
      <c r="S6693">
        <v>128</v>
      </c>
      <c r="T6693">
        <v>130</v>
      </c>
      <c r="U6693">
        <v>131</v>
      </c>
      <c r="V6693">
        <v>133</v>
      </c>
      <c r="W6693">
        <v>135</v>
      </c>
      <c r="X6693">
        <v>136</v>
      </c>
      <c r="Y6693">
        <v>138</v>
      </c>
      <c r="Z6693">
        <v>139</v>
      </c>
      <c r="AA6693">
        <v>141</v>
      </c>
      <c r="AB6693">
        <v>142</v>
      </c>
      <c r="AC6693">
        <v>144</v>
      </c>
      <c r="AD6693">
        <v>145</v>
      </c>
      <c r="AE6693">
        <v>147</v>
      </c>
      <c r="AF6693">
        <v>148</v>
      </c>
      <c r="AG6693">
        <v>150</v>
      </c>
      <c r="AH6693">
        <v>151</v>
      </c>
      <c r="AI6693">
        <v>153</v>
      </c>
      <c r="AJ6693">
        <v>154</v>
      </c>
      <c r="AK6693">
        <v>155</v>
      </c>
      <c r="AL6693">
        <v>156</v>
      </c>
      <c r="AM6693">
        <v>156</v>
      </c>
      <c r="AN6693">
        <v>156</v>
      </c>
      <c r="AO6693">
        <v>156</v>
      </c>
      <c r="AP6693">
        <v>156</v>
      </c>
      <c r="AQ6693">
        <v>157</v>
      </c>
    </row>
    <row r="6694" spans="1:43">
      <c r="A6694" t="s">
        <v>4190</v>
      </c>
      <c r="B6694" t="s">
        <v>4191</v>
      </c>
      <c r="C6694" t="s">
        <v>4188</v>
      </c>
      <c r="D6694" t="s">
        <v>4189</v>
      </c>
      <c r="E6694" t="s">
        <v>3968</v>
      </c>
      <c r="F6694" t="s">
        <v>3969</v>
      </c>
      <c r="G6694" t="s">
        <v>80</v>
      </c>
      <c r="H6694" t="s">
        <v>81</v>
      </c>
      <c r="I6694" s="2">
        <v>0</v>
      </c>
      <c r="J6694" s="2">
        <v>1</v>
      </c>
      <c r="K6694" s="2">
        <v>0</v>
      </c>
      <c r="L6694" t="s">
        <v>82</v>
      </c>
      <c r="M6694" t="s">
        <v>83</v>
      </c>
      <c r="N6694" t="s">
        <v>84</v>
      </c>
      <c r="O6694" t="s">
        <v>85</v>
      </c>
      <c r="P6694" t="s">
        <v>86</v>
      </c>
      <c r="Q6694">
        <v>39</v>
      </c>
      <c r="R6694">
        <v>40</v>
      </c>
      <c r="S6694">
        <v>40</v>
      </c>
      <c r="T6694">
        <v>41</v>
      </c>
      <c r="U6694">
        <v>41</v>
      </c>
      <c r="V6694">
        <v>41</v>
      </c>
      <c r="W6694">
        <v>42</v>
      </c>
      <c r="X6694">
        <v>42</v>
      </c>
      <c r="Y6694">
        <v>43</v>
      </c>
      <c r="Z6694">
        <v>43</v>
      </c>
      <c r="AA6694">
        <v>44</v>
      </c>
      <c r="AB6694">
        <v>44</v>
      </c>
      <c r="AC6694">
        <v>44</v>
      </c>
      <c r="AD6694">
        <v>45</v>
      </c>
      <c r="AE6694">
        <v>45</v>
      </c>
      <c r="AF6694">
        <v>45</v>
      </c>
      <c r="AG6694">
        <v>46</v>
      </c>
      <c r="AH6694">
        <v>46</v>
      </c>
      <c r="AI6694">
        <v>46</v>
      </c>
      <c r="AJ6694">
        <v>47</v>
      </c>
      <c r="AK6694">
        <v>47</v>
      </c>
      <c r="AL6694">
        <v>47</v>
      </c>
      <c r="AM6694">
        <v>47</v>
      </c>
      <c r="AN6694">
        <v>47</v>
      </c>
      <c r="AO6694">
        <v>47</v>
      </c>
      <c r="AP6694">
        <v>47</v>
      </c>
      <c r="AQ6694">
        <v>46</v>
      </c>
    </row>
    <row r="6695" spans="1:43">
      <c r="A6695" t="s">
        <v>4190</v>
      </c>
      <c r="B6695" t="s">
        <v>4191</v>
      </c>
      <c r="C6695" t="s">
        <v>4188</v>
      </c>
      <c r="D6695" t="s">
        <v>4189</v>
      </c>
      <c r="E6695" t="s">
        <v>3968</v>
      </c>
      <c r="F6695" t="s">
        <v>3969</v>
      </c>
      <c r="G6695" t="s">
        <v>80</v>
      </c>
      <c r="H6695" t="s">
        <v>81</v>
      </c>
      <c r="I6695" s="2">
        <v>0</v>
      </c>
      <c r="J6695" s="2">
        <v>1</v>
      </c>
      <c r="K6695" s="2">
        <v>0</v>
      </c>
      <c r="L6695" t="s">
        <v>82</v>
      </c>
      <c r="M6695" t="s">
        <v>87</v>
      </c>
      <c r="N6695" t="s">
        <v>88</v>
      </c>
      <c r="O6695" t="s">
        <v>85</v>
      </c>
      <c r="P6695" t="s">
        <v>86</v>
      </c>
      <c r="Q6695">
        <v>39</v>
      </c>
      <c r="R6695">
        <v>39</v>
      </c>
      <c r="S6695">
        <v>39</v>
      </c>
      <c r="T6695">
        <v>39</v>
      </c>
      <c r="U6695">
        <v>39</v>
      </c>
      <c r="V6695">
        <v>39</v>
      </c>
      <c r="W6695">
        <v>39</v>
      </c>
      <c r="X6695">
        <v>39</v>
      </c>
      <c r="Y6695">
        <v>40</v>
      </c>
      <c r="Z6695">
        <v>40</v>
      </c>
      <c r="AA6695">
        <v>40</v>
      </c>
      <c r="AB6695">
        <v>40</v>
      </c>
      <c r="AC6695">
        <v>40</v>
      </c>
      <c r="AD6695">
        <v>40</v>
      </c>
      <c r="AE6695">
        <v>40</v>
      </c>
      <c r="AF6695">
        <v>40</v>
      </c>
      <c r="AG6695">
        <v>40</v>
      </c>
      <c r="AH6695">
        <v>40</v>
      </c>
      <c r="AI6695">
        <v>40</v>
      </c>
      <c r="AJ6695">
        <v>40</v>
      </c>
      <c r="AK6695">
        <v>40</v>
      </c>
      <c r="AL6695">
        <v>40</v>
      </c>
      <c r="AM6695">
        <v>40</v>
      </c>
      <c r="AN6695">
        <v>40</v>
      </c>
      <c r="AO6695">
        <v>40</v>
      </c>
      <c r="AP6695">
        <v>40</v>
      </c>
      <c r="AQ6695">
        <v>40</v>
      </c>
    </row>
    <row r="6696" spans="1:43">
      <c r="A6696" t="s">
        <v>4190</v>
      </c>
      <c r="B6696" t="s">
        <v>4191</v>
      </c>
      <c r="C6696" t="s">
        <v>4188</v>
      </c>
      <c r="D6696" t="s">
        <v>4189</v>
      </c>
      <c r="E6696" t="s">
        <v>3968</v>
      </c>
      <c r="F6696" t="s">
        <v>3969</v>
      </c>
      <c r="G6696" t="s">
        <v>80</v>
      </c>
      <c r="H6696" t="s">
        <v>81</v>
      </c>
      <c r="I6696" s="2">
        <v>0</v>
      </c>
      <c r="J6696" s="2">
        <v>1</v>
      </c>
      <c r="K6696" s="2">
        <v>0</v>
      </c>
      <c r="L6696" t="s">
        <v>82</v>
      </c>
      <c r="M6696" t="s">
        <v>89</v>
      </c>
      <c r="N6696" t="s">
        <v>90</v>
      </c>
      <c r="O6696" t="s">
        <v>85</v>
      </c>
      <c r="P6696" t="s">
        <v>86</v>
      </c>
      <c r="Q6696">
        <v>39</v>
      </c>
      <c r="R6696">
        <v>39</v>
      </c>
      <c r="S6696">
        <v>40</v>
      </c>
      <c r="T6696">
        <v>41</v>
      </c>
      <c r="U6696">
        <v>42</v>
      </c>
      <c r="V6696">
        <v>42</v>
      </c>
      <c r="W6696">
        <v>43</v>
      </c>
      <c r="X6696">
        <v>44</v>
      </c>
      <c r="Y6696">
        <v>44</v>
      </c>
      <c r="Z6696">
        <v>45</v>
      </c>
      <c r="AA6696">
        <v>45</v>
      </c>
      <c r="AB6696">
        <v>46</v>
      </c>
      <c r="AC6696">
        <v>47</v>
      </c>
      <c r="AD6696">
        <v>47</v>
      </c>
      <c r="AE6696">
        <v>47</v>
      </c>
      <c r="AF6696">
        <v>47</v>
      </c>
      <c r="AG6696">
        <v>47</v>
      </c>
      <c r="AH6696">
        <v>47</v>
      </c>
      <c r="AI6696">
        <v>47</v>
      </c>
      <c r="AJ6696">
        <v>47</v>
      </c>
      <c r="AK6696">
        <v>47</v>
      </c>
      <c r="AL6696">
        <v>47</v>
      </c>
      <c r="AM6696">
        <v>46</v>
      </c>
      <c r="AN6696">
        <v>46</v>
      </c>
      <c r="AO6696">
        <v>46</v>
      </c>
      <c r="AP6696">
        <v>46</v>
      </c>
      <c r="AQ6696">
        <v>46</v>
      </c>
    </row>
    <row r="6697" spans="1:43">
      <c r="A6697" t="s">
        <v>4190</v>
      </c>
      <c r="B6697" t="s">
        <v>4191</v>
      </c>
      <c r="C6697" t="s">
        <v>4188</v>
      </c>
      <c r="D6697" t="s">
        <v>4189</v>
      </c>
      <c r="E6697" t="s">
        <v>3968</v>
      </c>
      <c r="F6697" t="s">
        <v>3969</v>
      </c>
      <c r="G6697" t="s">
        <v>80</v>
      </c>
      <c r="H6697" t="s">
        <v>81</v>
      </c>
      <c r="I6697" s="2">
        <v>0</v>
      </c>
      <c r="J6697" s="2">
        <v>1</v>
      </c>
      <c r="K6697" s="2">
        <v>0</v>
      </c>
      <c r="L6697" t="s">
        <v>82</v>
      </c>
      <c r="M6697" t="s">
        <v>83</v>
      </c>
      <c r="N6697" t="s">
        <v>91</v>
      </c>
      <c r="O6697" t="s">
        <v>85</v>
      </c>
      <c r="P6697" t="s">
        <v>86</v>
      </c>
      <c r="Q6697">
        <v>39</v>
      </c>
      <c r="R6697">
        <v>40</v>
      </c>
      <c r="S6697">
        <v>40</v>
      </c>
      <c r="T6697">
        <v>41</v>
      </c>
      <c r="U6697">
        <v>41</v>
      </c>
      <c r="V6697">
        <v>41</v>
      </c>
      <c r="W6697">
        <v>42</v>
      </c>
      <c r="X6697">
        <v>42</v>
      </c>
      <c r="Y6697">
        <v>43</v>
      </c>
      <c r="Z6697">
        <v>43</v>
      </c>
      <c r="AA6697">
        <v>44</v>
      </c>
      <c r="AB6697">
        <v>44</v>
      </c>
      <c r="AC6697">
        <v>44</v>
      </c>
      <c r="AD6697">
        <v>45</v>
      </c>
      <c r="AE6697">
        <v>45</v>
      </c>
      <c r="AF6697">
        <v>45</v>
      </c>
      <c r="AG6697">
        <v>46</v>
      </c>
      <c r="AH6697">
        <v>46</v>
      </c>
      <c r="AI6697">
        <v>46</v>
      </c>
      <c r="AJ6697">
        <v>47</v>
      </c>
      <c r="AK6697">
        <v>47</v>
      </c>
      <c r="AL6697">
        <v>47</v>
      </c>
      <c r="AM6697">
        <v>47</v>
      </c>
      <c r="AN6697">
        <v>47</v>
      </c>
      <c r="AO6697">
        <v>47</v>
      </c>
      <c r="AP6697">
        <v>47</v>
      </c>
      <c r="AQ6697">
        <v>46</v>
      </c>
    </row>
    <row r="6698" spans="1:43">
      <c r="A6698" t="s">
        <v>4192</v>
      </c>
      <c r="B6698" t="s">
        <v>4193</v>
      </c>
      <c r="C6698" t="s">
        <v>4188</v>
      </c>
      <c r="D6698" t="s">
        <v>4189</v>
      </c>
      <c r="E6698" t="s">
        <v>3968</v>
      </c>
      <c r="F6698" t="s">
        <v>3969</v>
      </c>
      <c r="G6698" t="s">
        <v>80</v>
      </c>
      <c r="H6698" t="s">
        <v>81</v>
      </c>
      <c r="I6698" s="2">
        <v>0</v>
      </c>
      <c r="J6698" s="2">
        <v>1</v>
      </c>
      <c r="K6698" s="2">
        <v>0</v>
      </c>
      <c r="L6698" t="s">
        <v>82</v>
      </c>
      <c r="M6698" t="s">
        <v>83</v>
      </c>
      <c r="N6698" t="s">
        <v>84</v>
      </c>
      <c r="O6698" t="s">
        <v>85</v>
      </c>
      <c r="P6698" t="s">
        <v>86</v>
      </c>
      <c r="Q6698">
        <v>55</v>
      </c>
      <c r="R6698">
        <v>56</v>
      </c>
      <c r="S6698">
        <v>57</v>
      </c>
      <c r="T6698">
        <v>58</v>
      </c>
      <c r="U6698">
        <v>58</v>
      </c>
      <c r="V6698">
        <v>59</v>
      </c>
      <c r="W6698">
        <v>60</v>
      </c>
      <c r="X6698">
        <v>61</v>
      </c>
      <c r="Y6698">
        <v>61</v>
      </c>
      <c r="Z6698">
        <v>62</v>
      </c>
      <c r="AA6698">
        <v>63</v>
      </c>
      <c r="AB6698">
        <v>64</v>
      </c>
      <c r="AC6698">
        <v>64</v>
      </c>
      <c r="AD6698">
        <v>65</v>
      </c>
      <c r="AE6698">
        <v>66</v>
      </c>
      <c r="AF6698">
        <v>66</v>
      </c>
      <c r="AG6698">
        <v>67</v>
      </c>
      <c r="AH6698">
        <v>68</v>
      </c>
      <c r="AI6698">
        <v>68</v>
      </c>
      <c r="AJ6698">
        <v>69</v>
      </c>
      <c r="AK6698">
        <v>70</v>
      </c>
      <c r="AL6698">
        <v>70</v>
      </c>
      <c r="AM6698">
        <v>70</v>
      </c>
      <c r="AN6698">
        <v>70</v>
      </c>
      <c r="AO6698">
        <v>70</v>
      </c>
      <c r="AP6698">
        <v>70</v>
      </c>
      <c r="AQ6698">
        <v>70</v>
      </c>
    </row>
    <row r="6699" spans="1:43">
      <c r="A6699" t="s">
        <v>4192</v>
      </c>
      <c r="B6699" t="s">
        <v>4193</v>
      </c>
      <c r="C6699" t="s">
        <v>4188</v>
      </c>
      <c r="D6699" t="s">
        <v>4189</v>
      </c>
      <c r="E6699" t="s">
        <v>3968</v>
      </c>
      <c r="F6699" t="s">
        <v>3969</v>
      </c>
      <c r="G6699" t="s">
        <v>80</v>
      </c>
      <c r="H6699" t="s">
        <v>81</v>
      </c>
      <c r="I6699" s="2">
        <v>0</v>
      </c>
      <c r="J6699" s="2">
        <v>1</v>
      </c>
      <c r="K6699" s="2">
        <v>0</v>
      </c>
      <c r="L6699" t="s">
        <v>82</v>
      </c>
      <c r="M6699" t="s">
        <v>87</v>
      </c>
      <c r="N6699" t="s">
        <v>88</v>
      </c>
      <c r="O6699" t="s">
        <v>85</v>
      </c>
      <c r="P6699" t="s">
        <v>86</v>
      </c>
      <c r="Q6699">
        <v>55</v>
      </c>
      <c r="R6699">
        <v>55</v>
      </c>
      <c r="S6699">
        <v>55</v>
      </c>
      <c r="T6699">
        <v>56</v>
      </c>
      <c r="U6699">
        <v>56</v>
      </c>
      <c r="V6699">
        <v>56</v>
      </c>
      <c r="W6699">
        <v>56</v>
      </c>
      <c r="X6699">
        <v>57</v>
      </c>
      <c r="Y6699">
        <v>57</v>
      </c>
      <c r="Z6699">
        <v>57</v>
      </c>
      <c r="AA6699">
        <v>57</v>
      </c>
      <c r="AB6699">
        <v>57</v>
      </c>
      <c r="AC6699">
        <v>58</v>
      </c>
      <c r="AD6699">
        <v>58</v>
      </c>
      <c r="AE6699">
        <v>58</v>
      </c>
      <c r="AF6699">
        <v>58</v>
      </c>
      <c r="AG6699">
        <v>58</v>
      </c>
      <c r="AH6699">
        <v>59</v>
      </c>
      <c r="AI6699">
        <v>59</v>
      </c>
      <c r="AJ6699">
        <v>59</v>
      </c>
      <c r="AK6699">
        <v>59</v>
      </c>
      <c r="AL6699">
        <v>59</v>
      </c>
      <c r="AM6699">
        <v>60</v>
      </c>
      <c r="AN6699">
        <v>60</v>
      </c>
      <c r="AO6699">
        <v>60</v>
      </c>
      <c r="AP6699">
        <v>60</v>
      </c>
      <c r="AQ6699">
        <v>60</v>
      </c>
    </row>
    <row r="6700" spans="1:43">
      <c r="A6700" t="s">
        <v>4192</v>
      </c>
      <c r="B6700" t="s">
        <v>4193</v>
      </c>
      <c r="C6700" t="s">
        <v>4188</v>
      </c>
      <c r="D6700" t="s">
        <v>4189</v>
      </c>
      <c r="E6700" t="s">
        <v>3968</v>
      </c>
      <c r="F6700" t="s">
        <v>3969</v>
      </c>
      <c r="G6700" t="s">
        <v>80</v>
      </c>
      <c r="H6700" t="s">
        <v>81</v>
      </c>
      <c r="I6700" s="2">
        <v>0</v>
      </c>
      <c r="J6700" s="2">
        <v>1</v>
      </c>
      <c r="K6700" s="2">
        <v>0</v>
      </c>
      <c r="L6700" t="s">
        <v>82</v>
      </c>
      <c r="M6700" t="s">
        <v>89</v>
      </c>
      <c r="N6700" t="s">
        <v>90</v>
      </c>
      <c r="O6700" t="s">
        <v>85</v>
      </c>
      <c r="P6700" t="s">
        <v>86</v>
      </c>
      <c r="Q6700">
        <v>55</v>
      </c>
      <c r="R6700">
        <v>56</v>
      </c>
      <c r="S6700">
        <v>57</v>
      </c>
      <c r="T6700">
        <v>59</v>
      </c>
      <c r="U6700">
        <v>60</v>
      </c>
      <c r="V6700">
        <v>61</v>
      </c>
      <c r="W6700">
        <v>62</v>
      </c>
      <c r="X6700">
        <v>63</v>
      </c>
      <c r="Y6700">
        <v>64</v>
      </c>
      <c r="Z6700">
        <v>65</v>
      </c>
      <c r="AA6700">
        <v>66</v>
      </c>
      <c r="AB6700">
        <v>67</v>
      </c>
      <c r="AC6700">
        <v>68</v>
      </c>
      <c r="AD6700">
        <v>69</v>
      </c>
      <c r="AE6700">
        <v>69</v>
      </c>
      <c r="AF6700">
        <v>70</v>
      </c>
      <c r="AG6700">
        <v>70</v>
      </c>
      <c r="AH6700">
        <v>70</v>
      </c>
      <c r="AI6700">
        <v>70</v>
      </c>
      <c r="AJ6700">
        <v>70</v>
      </c>
      <c r="AK6700">
        <v>70</v>
      </c>
      <c r="AL6700">
        <v>70</v>
      </c>
      <c r="AM6700">
        <v>70</v>
      </c>
      <c r="AN6700">
        <v>71</v>
      </c>
      <c r="AO6700">
        <v>71</v>
      </c>
      <c r="AP6700">
        <v>71</v>
      </c>
      <c r="AQ6700">
        <v>71</v>
      </c>
    </row>
    <row r="6701" spans="1:43">
      <c r="A6701" t="s">
        <v>4192</v>
      </c>
      <c r="B6701" t="s">
        <v>4193</v>
      </c>
      <c r="C6701" t="s">
        <v>4188</v>
      </c>
      <c r="D6701" t="s">
        <v>4189</v>
      </c>
      <c r="E6701" t="s">
        <v>3968</v>
      </c>
      <c r="F6701" t="s">
        <v>3969</v>
      </c>
      <c r="G6701" t="s">
        <v>80</v>
      </c>
      <c r="H6701" t="s">
        <v>81</v>
      </c>
      <c r="I6701" s="2">
        <v>0</v>
      </c>
      <c r="J6701" s="2">
        <v>1</v>
      </c>
      <c r="K6701" s="2">
        <v>0</v>
      </c>
      <c r="L6701" t="s">
        <v>82</v>
      </c>
      <c r="M6701" t="s">
        <v>83</v>
      </c>
      <c r="N6701" t="s">
        <v>91</v>
      </c>
      <c r="O6701" t="s">
        <v>85</v>
      </c>
      <c r="P6701" t="s">
        <v>86</v>
      </c>
      <c r="Q6701">
        <v>55</v>
      </c>
      <c r="R6701">
        <v>56</v>
      </c>
      <c r="S6701">
        <v>57</v>
      </c>
      <c r="T6701">
        <v>58</v>
      </c>
      <c r="U6701">
        <v>58</v>
      </c>
      <c r="V6701">
        <v>59</v>
      </c>
      <c r="W6701">
        <v>60</v>
      </c>
      <c r="X6701">
        <v>61</v>
      </c>
      <c r="Y6701">
        <v>61</v>
      </c>
      <c r="Z6701">
        <v>62</v>
      </c>
      <c r="AA6701">
        <v>63</v>
      </c>
      <c r="AB6701">
        <v>64</v>
      </c>
      <c r="AC6701">
        <v>64</v>
      </c>
      <c r="AD6701">
        <v>65</v>
      </c>
      <c r="AE6701">
        <v>66</v>
      </c>
      <c r="AF6701">
        <v>66</v>
      </c>
      <c r="AG6701">
        <v>67</v>
      </c>
      <c r="AH6701">
        <v>68</v>
      </c>
      <c r="AI6701">
        <v>68</v>
      </c>
      <c r="AJ6701">
        <v>69</v>
      </c>
      <c r="AK6701">
        <v>70</v>
      </c>
      <c r="AL6701">
        <v>70</v>
      </c>
      <c r="AM6701">
        <v>70</v>
      </c>
      <c r="AN6701">
        <v>70</v>
      </c>
      <c r="AO6701">
        <v>70</v>
      </c>
      <c r="AP6701">
        <v>70</v>
      </c>
      <c r="AQ6701">
        <v>70</v>
      </c>
    </row>
    <row r="6702" spans="1:43">
      <c r="A6702" t="s">
        <v>4194</v>
      </c>
      <c r="B6702" t="s">
        <v>4195</v>
      </c>
      <c r="C6702" t="s">
        <v>4188</v>
      </c>
      <c r="D6702" t="s">
        <v>4189</v>
      </c>
      <c r="E6702" t="s">
        <v>3968</v>
      </c>
      <c r="F6702" t="s">
        <v>3969</v>
      </c>
      <c r="G6702" t="s">
        <v>80</v>
      </c>
      <c r="H6702" t="s">
        <v>81</v>
      </c>
      <c r="I6702" s="2">
        <v>0</v>
      </c>
      <c r="J6702" s="2">
        <v>1</v>
      </c>
      <c r="K6702" s="2">
        <v>0</v>
      </c>
      <c r="L6702" t="s">
        <v>82</v>
      </c>
      <c r="M6702" t="s">
        <v>83</v>
      </c>
      <c r="N6702" t="s">
        <v>84</v>
      </c>
      <c r="O6702" t="s">
        <v>85</v>
      </c>
      <c r="P6702" t="s">
        <v>86</v>
      </c>
      <c r="Q6702">
        <v>58</v>
      </c>
      <c r="R6702">
        <v>59</v>
      </c>
      <c r="S6702">
        <v>60</v>
      </c>
      <c r="T6702">
        <v>60</v>
      </c>
      <c r="U6702">
        <v>61</v>
      </c>
      <c r="V6702">
        <v>62</v>
      </c>
      <c r="W6702">
        <v>63</v>
      </c>
      <c r="X6702">
        <v>64</v>
      </c>
      <c r="Y6702">
        <v>64</v>
      </c>
      <c r="Z6702">
        <v>65</v>
      </c>
      <c r="AA6702">
        <v>66</v>
      </c>
      <c r="AB6702">
        <v>67</v>
      </c>
      <c r="AC6702">
        <v>67</v>
      </c>
      <c r="AD6702">
        <v>68</v>
      </c>
      <c r="AE6702">
        <v>69</v>
      </c>
      <c r="AF6702">
        <v>69</v>
      </c>
      <c r="AG6702">
        <v>70</v>
      </c>
      <c r="AH6702">
        <v>71</v>
      </c>
      <c r="AI6702">
        <v>72</v>
      </c>
      <c r="AJ6702">
        <v>72</v>
      </c>
      <c r="AK6702">
        <v>73</v>
      </c>
      <c r="AL6702">
        <v>73</v>
      </c>
      <c r="AM6702">
        <v>73</v>
      </c>
      <c r="AN6702">
        <v>73</v>
      </c>
      <c r="AO6702">
        <v>74</v>
      </c>
      <c r="AP6702">
        <v>74</v>
      </c>
      <c r="AQ6702">
        <v>74</v>
      </c>
    </row>
    <row r="6703" spans="1:43">
      <c r="A6703" t="s">
        <v>4194</v>
      </c>
      <c r="B6703" t="s">
        <v>4195</v>
      </c>
      <c r="C6703" t="s">
        <v>4188</v>
      </c>
      <c r="D6703" t="s">
        <v>4189</v>
      </c>
      <c r="E6703" t="s">
        <v>3968</v>
      </c>
      <c r="F6703" t="s">
        <v>3969</v>
      </c>
      <c r="G6703" t="s">
        <v>80</v>
      </c>
      <c r="H6703" t="s">
        <v>81</v>
      </c>
      <c r="I6703" s="2">
        <v>0</v>
      </c>
      <c r="J6703" s="2">
        <v>1</v>
      </c>
      <c r="K6703" s="2">
        <v>0</v>
      </c>
      <c r="L6703" t="s">
        <v>82</v>
      </c>
      <c r="M6703" t="s">
        <v>87</v>
      </c>
      <c r="N6703" t="s">
        <v>88</v>
      </c>
      <c r="O6703" t="s">
        <v>85</v>
      </c>
      <c r="P6703" t="s">
        <v>86</v>
      </c>
      <c r="Q6703">
        <v>58</v>
      </c>
      <c r="R6703">
        <v>59</v>
      </c>
      <c r="S6703">
        <v>59</v>
      </c>
      <c r="T6703">
        <v>59</v>
      </c>
      <c r="U6703">
        <v>59</v>
      </c>
      <c r="V6703">
        <v>60</v>
      </c>
      <c r="W6703">
        <v>60</v>
      </c>
      <c r="X6703">
        <v>60</v>
      </c>
      <c r="Y6703">
        <v>60</v>
      </c>
      <c r="Z6703">
        <v>61</v>
      </c>
      <c r="AA6703">
        <v>61</v>
      </c>
      <c r="AB6703">
        <v>61</v>
      </c>
      <c r="AC6703">
        <v>61</v>
      </c>
      <c r="AD6703">
        <v>62</v>
      </c>
      <c r="AE6703">
        <v>62</v>
      </c>
      <c r="AF6703">
        <v>62</v>
      </c>
      <c r="AG6703">
        <v>62</v>
      </c>
      <c r="AH6703">
        <v>62</v>
      </c>
      <c r="AI6703">
        <v>63</v>
      </c>
      <c r="AJ6703">
        <v>63</v>
      </c>
      <c r="AK6703">
        <v>63</v>
      </c>
      <c r="AL6703">
        <v>63</v>
      </c>
      <c r="AM6703">
        <v>63</v>
      </c>
      <c r="AN6703">
        <v>64</v>
      </c>
      <c r="AO6703">
        <v>64</v>
      </c>
      <c r="AP6703">
        <v>64</v>
      </c>
      <c r="AQ6703">
        <v>64</v>
      </c>
    </row>
    <row r="6704" spans="1:43">
      <c r="A6704" t="s">
        <v>4194</v>
      </c>
      <c r="B6704" t="s">
        <v>4195</v>
      </c>
      <c r="C6704" t="s">
        <v>4188</v>
      </c>
      <c r="D6704" t="s">
        <v>4189</v>
      </c>
      <c r="E6704" t="s">
        <v>3968</v>
      </c>
      <c r="F6704" t="s">
        <v>3969</v>
      </c>
      <c r="G6704" t="s">
        <v>80</v>
      </c>
      <c r="H6704" t="s">
        <v>81</v>
      </c>
      <c r="I6704" s="2">
        <v>0</v>
      </c>
      <c r="J6704" s="2">
        <v>1</v>
      </c>
      <c r="K6704" s="2">
        <v>0</v>
      </c>
      <c r="L6704" t="s">
        <v>82</v>
      </c>
      <c r="M6704" t="s">
        <v>89</v>
      </c>
      <c r="N6704" t="s">
        <v>90</v>
      </c>
      <c r="O6704" t="s">
        <v>85</v>
      </c>
      <c r="P6704" t="s">
        <v>86</v>
      </c>
      <c r="Q6704">
        <v>58</v>
      </c>
      <c r="R6704">
        <v>60</v>
      </c>
      <c r="S6704">
        <v>61</v>
      </c>
      <c r="T6704">
        <v>62</v>
      </c>
      <c r="U6704">
        <v>64</v>
      </c>
      <c r="V6704">
        <v>65</v>
      </c>
      <c r="W6704">
        <v>66</v>
      </c>
      <c r="X6704">
        <v>67</v>
      </c>
      <c r="Y6704">
        <v>68</v>
      </c>
      <c r="Z6704">
        <v>69</v>
      </c>
      <c r="AA6704">
        <v>70</v>
      </c>
      <c r="AB6704">
        <v>71</v>
      </c>
      <c r="AC6704">
        <v>72</v>
      </c>
      <c r="AD6704">
        <v>73</v>
      </c>
      <c r="AE6704">
        <v>74</v>
      </c>
      <c r="AF6704">
        <v>74</v>
      </c>
      <c r="AG6704">
        <v>74</v>
      </c>
      <c r="AH6704">
        <v>74</v>
      </c>
      <c r="AI6704">
        <v>74</v>
      </c>
      <c r="AJ6704">
        <v>74</v>
      </c>
      <c r="AK6704">
        <v>75</v>
      </c>
      <c r="AL6704">
        <v>75</v>
      </c>
      <c r="AM6704">
        <v>75</v>
      </c>
      <c r="AN6704">
        <v>75</v>
      </c>
      <c r="AO6704">
        <v>75</v>
      </c>
      <c r="AP6704">
        <v>75</v>
      </c>
      <c r="AQ6704">
        <v>75</v>
      </c>
    </row>
    <row r="6705" spans="1:43">
      <c r="A6705" t="s">
        <v>4194</v>
      </c>
      <c r="B6705" t="s">
        <v>4195</v>
      </c>
      <c r="C6705" t="s">
        <v>4188</v>
      </c>
      <c r="D6705" t="s">
        <v>4189</v>
      </c>
      <c r="E6705" t="s">
        <v>3968</v>
      </c>
      <c r="F6705" t="s">
        <v>3969</v>
      </c>
      <c r="G6705" t="s">
        <v>80</v>
      </c>
      <c r="H6705" t="s">
        <v>81</v>
      </c>
      <c r="I6705" s="2">
        <v>0</v>
      </c>
      <c r="J6705" s="2">
        <v>1</v>
      </c>
      <c r="K6705" s="2">
        <v>0</v>
      </c>
      <c r="L6705" t="s">
        <v>82</v>
      </c>
      <c r="M6705" t="s">
        <v>83</v>
      </c>
      <c r="N6705" t="s">
        <v>91</v>
      </c>
      <c r="O6705" t="s">
        <v>85</v>
      </c>
      <c r="P6705" t="s">
        <v>86</v>
      </c>
      <c r="Q6705">
        <v>58</v>
      </c>
      <c r="R6705">
        <v>59</v>
      </c>
      <c r="S6705">
        <v>60</v>
      </c>
      <c r="T6705">
        <v>60</v>
      </c>
      <c r="U6705">
        <v>61</v>
      </c>
      <c r="V6705">
        <v>62</v>
      </c>
      <c r="W6705">
        <v>63</v>
      </c>
      <c r="X6705">
        <v>64</v>
      </c>
      <c r="Y6705">
        <v>64</v>
      </c>
      <c r="Z6705">
        <v>65</v>
      </c>
      <c r="AA6705">
        <v>66</v>
      </c>
      <c r="AB6705">
        <v>67</v>
      </c>
      <c r="AC6705">
        <v>67</v>
      </c>
      <c r="AD6705">
        <v>68</v>
      </c>
      <c r="AE6705">
        <v>69</v>
      </c>
      <c r="AF6705">
        <v>69</v>
      </c>
      <c r="AG6705">
        <v>70</v>
      </c>
      <c r="AH6705">
        <v>71</v>
      </c>
      <c r="AI6705">
        <v>72</v>
      </c>
      <c r="AJ6705">
        <v>72</v>
      </c>
      <c r="AK6705">
        <v>73</v>
      </c>
      <c r="AL6705">
        <v>73</v>
      </c>
      <c r="AM6705">
        <v>73</v>
      </c>
      <c r="AN6705">
        <v>73</v>
      </c>
      <c r="AO6705">
        <v>74</v>
      </c>
      <c r="AP6705">
        <v>74</v>
      </c>
      <c r="AQ6705">
        <v>74</v>
      </c>
    </row>
    <row r="6706" spans="1:43">
      <c r="A6706" t="s">
        <v>4196</v>
      </c>
      <c r="B6706" t="s">
        <v>4197</v>
      </c>
      <c r="C6706" t="s">
        <v>4198</v>
      </c>
      <c r="D6706" t="s">
        <v>4199</v>
      </c>
      <c r="E6706" t="s">
        <v>3968</v>
      </c>
      <c r="F6706" t="s">
        <v>3969</v>
      </c>
      <c r="G6706" t="s">
        <v>80</v>
      </c>
      <c r="H6706" t="s">
        <v>81</v>
      </c>
      <c r="I6706" s="2">
        <v>0</v>
      </c>
      <c r="J6706" s="2">
        <v>1</v>
      </c>
      <c r="K6706" s="2">
        <v>0</v>
      </c>
      <c r="L6706" t="s">
        <v>82</v>
      </c>
      <c r="M6706" t="s">
        <v>83</v>
      </c>
      <c r="N6706" t="s">
        <v>84</v>
      </c>
      <c r="O6706" t="s">
        <v>85</v>
      </c>
      <c r="P6706" t="s">
        <v>86</v>
      </c>
      <c r="Q6706">
        <v>64</v>
      </c>
      <c r="R6706">
        <v>65</v>
      </c>
      <c r="S6706">
        <v>66</v>
      </c>
      <c r="T6706">
        <v>66</v>
      </c>
      <c r="U6706">
        <v>67</v>
      </c>
      <c r="V6706">
        <v>68</v>
      </c>
      <c r="W6706">
        <v>69</v>
      </c>
      <c r="X6706">
        <v>70</v>
      </c>
      <c r="Y6706">
        <v>70</v>
      </c>
      <c r="Z6706">
        <v>71</v>
      </c>
      <c r="AA6706">
        <v>72</v>
      </c>
      <c r="AB6706">
        <v>73</v>
      </c>
      <c r="AC6706">
        <v>73</v>
      </c>
      <c r="AD6706">
        <v>74</v>
      </c>
      <c r="AE6706">
        <v>75</v>
      </c>
      <c r="AF6706">
        <v>75</v>
      </c>
      <c r="AG6706">
        <v>76</v>
      </c>
      <c r="AH6706">
        <v>77</v>
      </c>
      <c r="AI6706">
        <v>77</v>
      </c>
      <c r="AJ6706">
        <v>78</v>
      </c>
      <c r="AK6706">
        <v>78</v>
      </c>
      <c r="AL6706">
        <v>79</v>
      </c>
      <c r="AM6706">
        <v>79</v>
      </c>
      <c r="AN6706">
        <v>79</v>
      </c>
      <c r="AO6706">
        <v>78</v>
      </c>
      <c r="AP6706">
        <v>78</v>
      </c>
      <c r="AQ6706">
        <v>78</v>
      </c>
    </row>
    <row r="6707" spans="1:43">
      <c r="A6707" t="s">
        <v>4196</v>
      </c>
      <c r="B6707" t="s">
        <v>4197</v>
      </c>
      <c r="C6707" t="s">
        <v>4198</v>
      </c>
      <c r="D6707" t="s">
        <v>4199</v>
      </c>
      <c r="E6707" t="s">
        <v>3968</v>
      </c>
      <c r="F6707" t="s">
        <v>3969</v>
      </c>
      <c r="G6707" t="s">
        <v>80</v>
      </c>
      <c r="H6707" t="s">
        <v>81</v>
      </c>
      <c r="I6707" s="2">
        <v>0</v>
      </c>
      <c r="J6707" s="2">
        <v>1</v>
      </c>
      <c r="K6707" s="2">
        <v>0</v>
      </c>
      <c r="L6707" t="s">
        <v>82</v>
      </c>
      <c r="M6707" t="s">
        <v>87</v>
      </c>
      <c r="N6707" t="s">
        <v>88</v>
      </c>
      <c r="O6707" t="s">
        <v>85</v>
      </c>
      <c r="P6707" t="s">
        <v>86</v>
      </c>
      <c r="Q6707">
        <v>64</v>
      </c>
      <c r="R6707">
        <v>65</v>
      </c>
      <c r="S6707">
        <v>65</v>
      </c>
      <c r="T6707">
        <v>65</v>
      </c>
      <c r="U6707">
        <v>65</v>
      </c>
      <c r="V6707">
        <v>65</v>
      </c>
      <c r="W6707">
        <v>66</v>
      </c>
      <c r="X6707">
        <v>66</v>
      </c>
      <c r="Y6707">
        <v>66</v>
      </c>
      <c r="Z6707">
        <v>66</v>
      </c>
      <c r="AA6707">
        <v>66</v>
      </c>
      <c r="AB6707">
        <v>67</v>
      </c>
      <c r="AC6707">
        <v>67</v>
      </c>
      <c r="AD6707">
        <v>67</v>
      </c>
      <c r="AE6707">
        <v>67</v>
      </c>
      <c r="AF6707">
        <v>67</v>
      </c>
      <c r="AG6707">
        <v>67</v>
      </c>
      <c r="AH6707">
        <v>67</v>
      </c>
      <c r="AI6707">
        <v>68</v>
      </c>
      <c r="AJ6707">
        <v>68</v>
      </c>
      <c r="AK6707">
        <v>68</v>
      </c>
      <c r="AL6707">
        <v>68</v>
      </c>
      <c r="AM6707">
        <v>68</v>
      </c>
      <c r="AN6707">
        <v>68</v>
      </c>
      <c r="AO6707">
        <v>68</v>
      </c>
      <c r="AP6707">
        <v>68</v>
      </c>
      <c r="AQ6707">
        <v>68</v>
      </c>
    </row>
    <row r="6708" spans="1:43">
      <c r="A6708" t="s">
        <v>4196</v>
      </c>
      <c r="B6708" t="s">
        <v>4197</v>
      </c>
      <c r="C6708" t="s">
        <v>4198</v>
      </c>
      <c r="D6708" t="s">
        <v>4199</v>
      </c>
      <c r="E6708" t="s">
        <v>3968</v>
      </c>
      <c r="F6708" t="s">
        <v>3969</v>
      </c>
      <c r="G6708" t="s">
        <v>80</v>
      </c>
      <c r="H6708" t="s">
        <v>81</v>
      </c>
      <c r="I6708" s="2">
        <v>0</v>
      </c>
      <c r="J6708" s="2">
        <v>1</v>
      </c>
      <c r="K6708" s="2">
        <v>0</v>
      </c>
      <c r="L6708" t="s">
        <v>82</v>
      </c>
      <c r="M6708" t="s">
        <v>89</v>
      </c>
      <c r="N6708" t="s">
        <v>90</v>
      </c>
      <c r="O6708" t="s">
        <v>85</v>
      </c>
      <c r="P6708" t="s">
        <v>86</v>
      </c>
      <c r="Q6708">
        <v>64</v>
      </c>
      <c r="R6708">
        <v>65</v>
      </c>
      <c r="S6708">
        <v>66</v>
      </c>
      <c r="T6708">
        <v>68</v>
      </c>
      <c r="U6708">
        <v>69</v>
      </c>
      <c r="V6708">
        <v>70</v>
      </c>
      <c r="W6708">
        <v>71</v>
      </c>
      <c r="X6708">
        <v>72</v>
      </c>
      <c r="Y6708">
        <v>74</v>
      </c>
      <c r="Z6708">
        <v>75</v>
      </c>
      <c r="AA6708">
        <v>76</v>
      </c>
      <c r="AB6708">
        <v>77</v>
      </c>
      <c r="AC6708">
        <v>78</v>
      </c>
      <c r="AD6708">
        <v>79</v>
      </c>
      <c r="AE6708">
        <v>79</v>
      </c>
      <c r="AF6708">
        <v>79</v>
      </c>
      <c r="AG6708">
        <v>79</v>
      </c>
      <c r="AH6708">
        <v>79</v>
      </c>
      <c r="AI6708">
        <v>79</v>
      </c>
      <c r="AJ6708">
        <v>79</v>
      </c>
      <c r="AK6708">
        <v>79</v>
      </c>
      <c r="AL6708">
        <v>79</v>
      </c>
      <c r="AM6708">
        <v>79</v>
      </c>
      <c r="AN6708">
        <v>79</v>
      </c>
      <c r="AO6708">
        <v>79</v>
      </c>
      <c r="AP6708">
        <v>79</v>
      </c>
      <c r="AQ6708">
        <v>78</v>
      </c>
    </row>
    <row r="6709" spans="1:43">
      <c r="A6709" t="s">
        <v>4196</v>
      </c>
      <c r="B6709" t="s">
        <v>4197</v>
      </c>
      <c r="C6709" t="s">
        <v>4198</v>
      </c>
      <c r="D6709" t="s">
        <v>4199</v>
      </c>
      <c r="E6709" t="s">
        <v>3968</v>
      </c>
      <c r="F6709" t="s">
        <v>3969</v>
      </c>
      <c r="G6709" t="s">
        <v>80</v>
      </c>
      <c r="H6709" t="s">
        <v>81</v>
      </c>
      <c r="I6709" s="2">
        <v>0</v>
      </c>
      <c r="J6709" s="2">
        <v>1</v>
      </c>
      <c r="K6709" s="2">
        <v>0</v>
      </c>
      <c r="L6709" t="s">
        <v>82</v>
      </c>
      <c r="M6709" t="s">
        <v>83</v>
      </c>
      <c r="N6709" t="s">
        <v>91</v>
      </c>
      <c r="O6709" t="s">
        <v>85</v>
      </c>
      <c r="P6709" t="s">
        <v>86</v>
      </c>
      <c r="Q6709">
        <v>64</v>
      </c>
      <c r="R6709">
        <v>65</v>
      </c>
      <c r="S6709">
        <v>66</v>
      </c>
      <c r="T6709">
        <v>66</v>
      </c>
      <c r="U6709">
        <v>67</v>
      </c>
      <c r="V6709">
        <v>68</v>
      </c>
      <c r="W6709">
        <v>69</v>
      </c>
      <c r="X6709">
        <v>70</v>
      </c>
      <c r="Y6709">
        <v>70</v>
      </c>
      <c r="Z6709">
        <v>71</v>
      </c>
      <c r="AA6709">
        <v>72</v>
      </c>
      <c r="AB6709">
        <v>73</v>
      </c>
      <c r="AC6709">
        <v>73</v>
      </c>
      <c r="AD6709">
        <v>74</v>
      </c>
      <c r="AE6709">
        <v>75</v>
      </c>
      <c r="AF6709">
        <v>75</v>
      </c>
      <c r="AG6709">
        <v>76</v>
      </c>
      <c r="AH6709">
        <v>77</v>
      </c>
      <c r="AI6709">
        <v>77</v>
      </c>
      <c r="AJ6709">
        <v>78</v>
      </c>
      <c r="AK6709">
        <v>78</v>
      </c>
      <c r="AL6709">
        <v>79</v>
      </c>
      <c r="AM6709">
        <v>79</v>
      </c>
      <c r="AN6709">
        <v>79</v>
      </c>
      <c r="AO6709">
        <v>78</v>
      </c>
      <c r="AP6709">
        <v>78</v>
      </c>
      <c r="AQ6709">
        <v>78</v>
      </c>
    </row>
    <row r="6710" spans="1:43">
      <c r="A6710" t="s">
        <v>4200</v>
      </c>
      <c r="B6710" t="s">
        <v>4201</v>
      </c>
      <c r="C6710" t="s">
        <v>4198</v>
      </c>
      <c r="D6710" t="s">
        <v>4199</v>
      </c>
      <c r="E6710" t="s">
        <v>3968</v>
      </c>
      <c r="F6710" t="s">
        <v>3969</v>
      </c>
      <c r="G6710" t="s">
        <v>80</v>
      </c>
      <c r="H6710" t="s">
        <v>81</v>
      </c>
      <c r="I6710" s="2">
        <v>0</v>
      </c>
      <c r="J6710" s="2">
        <v>1</v>
      </c>
      <c r="K6710" s="2">
        <v>0</v>
      </c>
      <c r="L6710" t="s">
        <v>82</v>
      </c>
      <c r="M6710" t="s">
        <v>83</v>
      </c>
      <c r="N6710" t="s">
        <v>84</v>
      </c>
      <c r="O6710" t="s">
        <v>85</v>
      </c>
      <c r="P6710" t="s">
        <v>86</v>
      </c>
      <c r="Q6710">
        <v>131</v>
      </c>
      <c r="R6710">
        <v>133</v>
      </c>
      <c r="S6710">
        <v>134</v>
      </c>
      <c r="T6710">
        <v>136</v>
      </c>
      <c r="U6710">
        <v>137</v>
      </c>
      <c r="V6710">
        <v>139</v>
      </c>
      <c r="W6710">
        <v>140</v>
      </c>
      <c r="X6710">
        <v>142</v>
      </c>
      <c r="Y6710">
        <v>143</v>
      </c>
      <c r="Z6710">
        <v>145</v>
      </c>
      <c r="AA6710">
        <v>146</v>
      </c>
      <c r="AB6710">
        <v>147</v>
      </c>
      <c r="AC6710">
        <v>149</v>
      </c>
      <c r="AD6710">
        <v>150</v>
      </c>
      <c r="AE6710">
        <v>151</v>
      </c>
      <c r="AF6710">
        <v>152</v>
      </c>
      <c r="AG6710">
        <v>154</v>
      </c>
      <c r="AH6710">
        <v>155</v>
      </c>
      <c r="AI6710">
        <v>156</v>
      </c>
      <c r="AJ6710">
        <v>157</v>
      </c>
      <c r="AK6710">
        <v>158</v>
      </c>
      <c r="AL6710">
        <v>158</v>
      </c>
      <c r="AM6710">
        <v>158</v>
      </c>
      <c r="AN6710">
        <v>158</v>
      </c>
      <c r="AO6710">
        <v>157</v>
      </c>
      <c r="AP6710">
        <v>157</v>
      </c>
      <c r="AQ6710">
        <v>157</v>
      </c>
    </row>
    <row r="6711" spans="1:43">
      <c r="A6711" t="s">
        <v>4200</v>
      </c>
      <c r="B6711" t="s">
        <v>4201</v>
      </c>
      <c r="C6711" t="s">
        <v>4198</v>
      </c>
      <c r="D6711" t="s">
        <v>4199</v>
      </c>
      <c r="E6711" t="s">
        <v>3968</v>
      </c>
      <c r="F6711" t="s">
        <v>3969</v>
      </c>
      <c r="G6711" t="s">
        <v>80</v>
      </c>
      <c r="H6711" t="s">
        <v>81</v>
      </c>
      <c r="I6711" s="2">
        <v>0</v>
      </c>
      <c r="J6711" s="2">
        <v>1</v>
      </c>
      <c r="K6711" s="2">
        <v>0</v>
      </c>
      <c r="L6711" t="s">
        <v>82</v>
      </c>
      <c r="M6711" t="s">
        <v>87</v>
      </c>
      <c r="N6711" t="s">
        <v>88</v>
      </c>
      <c r="O6711" t="s">
        <v>85</v>
      </c>
      <c r="P6711" t="s">
        <v>86</v>
      </c>
      <c r="Q6711">
        <v>131</v>
      </c>
      <c r="R6711">
        <v>131</v>
      </c>
      <c r="S6711">
        <v>131</v>
      </c>
      <c r="T6711">
        <v>132</v>
      </c>
      <c r="U6711">
        <v>132</v>
      </c>
      <c r="V6711">
        <v>132</v>
      </c>
      <c r="W6711">
        <v>133</v>
      </c>
      <c r="X6711">
        <v>133</v>
      </c>
      <c r="Y6711">
        <v>133</v>
      </c>
      <c r="Z6711">
        <v>134</v>
      </c>
      <c r="AA6711">
        <v>134</v>
      </c>
      <c r="AB6711">
        <v>134</v>
      </c>
      <c r="AC6711">
        <v>134</v>
      </c>
      <c r="AD6711">
        <v>135</v>
      </c>
      <c r="AE6711">
        <v>135</v>
      </c>
      <c r="AF6711">
        <v>135</v>
      </c>
      <c r="AG6711">
        <v>135</v>
      </c>
      <c r="AH6711">
        <v>135</v>
      </c>
      <c r="AI6711">
        <v>135</v>
      </c>
      <c r="AJ6711">
        <v>135</v>
      </c>
      <c r="AK6711">
        <v>136</v>
      </c>
      <c r="AL6711">
        <v>136</v>
      </c>
      <c r="AM6711">
        <v>136</v>
      </c>
      <c r="AN6711">
        <v>136</v>
      </c>
      <c r="AO6711">
        <v>136</v>
      </c>
      <c r="AP6711">
        <v>136</v>
      </c>
      <c r="AQ6711">
        <v>136</v>
      </c>
    </row>
    <row r="6712" spans="1:43">
      <c r="A6712" t="s">
        <v>4200</v>
      </c>
      <c r="B6712" t="s">
        <v>4201</v>
      </c>
      <c r="C6712" t="s">
        <v>4198</v>
      </c>
      <c r="D6712" t="s">
        <v>4199</v>
      </c>
      <c r="E6712" t="s">
        <v>3968</v>
      </c>
      <c r="F6712" t="s">
        <v>3969</v>
      </c>
      <c r="G6712" t="s">
        <v>80</v>
      </c>
      <c r="H6712" t="s">
        <v>81</v>
      </c>
      <c r="I6712" s="2">
        <v>0</v>
      </c>
      <c r="J6712" s="2">
        <v>1</v>
      </c>
      <c r="K6712" s="2">
        <v>0</v>
      </c>
      <c r="L6712" t="s">
        <v>82</v>
      </c>
      <c r="M6712" t="s">
        <v>89</v>
      </c>
      <c r="N6712" t="s">
        <v>90</v>
      </c>
      <c r="O6712" t="s">
        <v>85</v>
      </c>
      <c r="P6712" t="s">
        <v>86</v>
      </c>
      <c r="Q6712">
        <v>131</v>
      </c>
      <c r="R6712">
        <v>134</v>
      </c>
      <c r="S6712">
        <v>137</v>
      </c>
      <c r="T6712">
        <v>139</v>
      </c>
      <c r="U6712">
        <v>142</v>
      </c>
      <c r="V6712">
        <v>144</v>
      </c>
      <c r="W6712">
        <v>146</v>
      </c>
      <c r="X6712">
        <v>149</v>
      </c>
      <c r="Y6712">
        <v>151</v>
      </c>
      <c r="Z6712">
        <v>153</v>
      </c>
      <c r="AA6712">
        <v>155</v>
      </c>
      <c r="AB6712">
        <v>156</v>
      </c>
      <c r="AC6712">
        <v>158</v>
      </c>
      <c r="AD6712">
        <v>160</v>
      </c>
      <c r="AE6712">
        <v>161</v>
      </c>
      <c r="AF6712">
        <v>161</v>
      </c>
      <c r="AG6712">
        <v>161</v>
      </c>
      <c r="AH6712">
        <v>160</v>
      </c>
      <c r="AI6712">
        <v>160</v>
      </c>
      <c r="AJ6712">
        <v>160</v>
      </c>
      <c r="AK6712">
        <v>159</v>
      </c>
      <c r="AL6712">
        <v>159</v>
      </c>
      <c r="AM6712">
        <v>159</v>
      </c>
      <c r="AN6712">
        <v>158</v>
      </c>
      <c r="AO6712">
        <v>158</v>
      </c>
      <c r="AP6712">
        <v>158</v>
      </c>
      <c r="AQ6712">
        <v>157</v>
      </c>
    </row>
    <row r="6713" spans="1:43">
      <c r="A6713" t="s">
        <v>4200</v>
      </c>
      <c r="B6713" t="s">
        <v>4201</v>
      </c>
      <c r="C6713" t="s">
        <v>4198</v>
      </c>
      <c r="D6713" t="s">
        <v>4199</v>
      </c>
      <c r="E6713" t="s">
        <v>3968</v>
      </c>
      <c r="F6713" t="s">
        <v>3969</v>
      </c>
      <c r="G6713" t="s">
        <v>80</v>
      </c>
      <c r="H6713" t="s">
        <v>81</v>
      </c>
      <c r="I6713" s="2">
        <v>0</v>
      </c>
      <c r="J6713" s="2">
        <v>1</v>
      </c>
      <c r="K6713" s="2">
        <v>0</v>
      </c>
      <c r="L6713" t="s">
        <v>82</v>
      </c>
      <c r="M6713" t="s">
        <v>83</v>
      </c>
      <c r="N6713" t="s">
        <v>91</v>
      </c>
      <c r="O6713" t="s">
        <v>85</v>
      </c>
      <c r="P6713" t="s">
        <v>86</v>
      </c>
      <c r="Q6713">
        <v>131</v>
      </c>
      <c r="R6713">
        <v>133</v>
      </c>
      <c r="S6713">
        <v>134</v>
      </c>
      <c r="T6713">
        <v>136</v>
      </c>
      <c r="U6713">
        <v>137</v>
      </c>
      <c r="V6713">
        <v>139</v>
      </c>
      <c r="W6713">
        <v>140</v>
      </c>
      <c r="X6713">
        <v>142</v>
      </c>
      <c r="Y6713">
        <v>143</v>
      </c>
      <c r="Z6713">
        <v>145</v>
      </c>
      <c r="AA6713">
        <v>146</v>
      </c>
      <c r="AB6713">
        <v>147</v>
      </c>
      <c r="AC6713">
        <v>149</v>
      </c>
      <c r="AD6713">
        <v>150</v>
      </c>
      <c r="AE6713">
        <v>151</v>
      </c>
      <c r="AF6713">
        <v>152</v>
      </c>
      <c r="AG6713">
        <v>154</v>
      </c>
      <c r="AH6713">
        <v>155</v>
      </c>
      <c r="AI6713">
        <v>156</v>
      </c>
      <c r="AJ6713">
        <v>157</v>
      </c>
      <c r="AK6713">
        <v>158</v>
      </c>
      <c r="AL6713">
        <v>158</v>
      </c>
      <c r="AM6713">
        <v>158</v>
      </c>
      <c r="AN6713">
        <v>158</v>
      </c>
      <c r="AO6713">
        <v>157</v>
      </c>
      <c r="AP6713">
        <v>157</v>
      </c>
      <c r="AQ6713">
        <v>157</v>
      </c>
    </row>
    <row r="6714" spans="1:43">
      <c r="A6714" t="s">
        <v>4202</v>
      </c>
      <c r="B6714" t="s">
        <v>4203</v>
      </c>
      <c r="C6714" t="s">
        <v>4198</v>
      </c>
      <c r="D6714" t="s">
        <v>4199</v>
      </c>
      <c r="E6714" t="s">
        <v>3968</v>
      </c>
      <c r="F6714" t="s">
        <v>3969</v>
      </c>
      <c r="G6714" t="s">
        <v>80</v>
      </c>
      <c r="H6714" t="s">
        <v>81</v>
      </c>
      <c r="I6714" s="2">
        <v>0</v>
      </c>
      <c r="J6714" s="2">
        <v>1</v>
      </c>
      <c r="K6714" s="2">
        <v>0</v>
      </c>
      <c r="L6714" t="s">
        <v>82</v>
      </c>
      <c r="M6714" t="s">
        <v>83</v>
      </c>
      <c r="N6714" t="s">
        <v>84</v>
      </c>
      <c r="O6714" t="s">
        <v>85</v>
      </c>
      <c r="P6714" t="s">
        <v>86</v>
      </c>
      <c r="Q6714">
        <v>29</v>
      </c>
      <c r="R6714">
        <v>29</v>
      </c>
      <c r="S6714">
        <v>30</v>
      </c>
      <c r="T6714">
        <v>30</v>
      </c>
      <c r="U6714">
        <v>30</v>
      </c>
      <c r="V6714">
        <v>31</v>
      </c>
      <c r="W6714">
        <v>31</v>
      </c>
      <c r="X6714">
        <v>31</v>
      </c>
      <c r="Y6714">
        <v>32</v>
      </c>
      <c r="Z6714">
        <v>32</v>
      </c>
      <c r="AA6714">
        <v>32</v>
      </c>
      <c r="AB6714">
        <v>33</v>
      </c>
      <c r="AC6714">
        <v>33</v>
      </c>
      <c r="AD6714">
        <v>33</v>
      </c>
      <c r="AE6714">
        <v>34</v>
      </c>
      <c r="AF6714">
        <v>34</v>
      </c>
      <c r="AG6714">
        <v>34</v>
      </c>
      <c r="AH6714">
        <v>35</v>
      </c>
      <c r="AI6714">
        <v>35</v>
      </c>
      <c r="AJ6714">
        <v>35</v>
      </c>
      <c r="AK6714">
        <v>35</v>
      </c>
      <c r="AL6714">
        <v>35</v>
      </c>
      <c r="AM6714">
        <v>35</v>
      </c>
      <c r="AN6714">
        <v>35</v>
      </c>
      <c r="AO6714">
        <v>35</v>
      </c>
      <c r="AP6714">
        <v>35</v>
      </c>
      <c r="AQ6714">
        <v>35</v>
      </c>
    </row>
    <row r="6715" spans="1:43">
      <c r="A6715" t="s">
        <v>4202</v>
      </c>
      <c r="B6715" t="s">
        <v>4203</v>
      </c>
      <c r="C6715" t="s">
        <v>4198</v>
      </c>
      <c r="D6715" t="s">
        <v>4199</v>
      </c>
      <c r="E6715" t="s">
        <v>3968</v>
      </c>
      <c r="F6715" t="s">
        <v>3969</v>
      </c>
      <c r="G6715" t="s">
        <v>80</v>
      </c>
      <c r="H6715" t="s">
        <v>81</v>
      </c>
      <c r="I6715" s="2">
        <v>0</v>
      </c>
      <c r="J6715" s="2">
        <v>1</v>
      </c>
      <c r="K6715" s="2">
        <v>0</v>
      </c>
      <c r="L6715" t="s">
        <v>82</v>
      </c>
      <c r="M6715" t="s">
        <v>87</v>
      </c>
      <c r="N6715" t="s">
        <v>88</v>
      </c>
      <c r="O6715" t="s">
        <v>85</v>
      </c>
      <c r="P6715" t="s">
        <v>86</v>
      </c>
      <c r="Q6715">
        <v>29</v>
      </c>
      <c r="R6715">
        <v>29</v>
      </c>
      <c r="S6715">
        <v>29</v>
      </c>
      <c r="T6715">
        <v>29</v>
      </c>
      <c r="U6715">
        <v>29</v>
      </c>
      <c r="V6715">
        <v>29</v>
      </c>
      <c r="W6715">
        <v>29</v>
      </c>
      <c r="X6715">
        <v>29</v>
      </c>
      <c r="Y6715">
        <v>29</v>
      </c>
      <c r="Z6715">
        <v>29</v>
      </c>
      <c r="AA6715">
        <v>30</v>
      </c>
      <c r="AB6715">
        <v>30</v>
      </c>
      <c r="AC6715">
        <v>30</v>
      </c>
      <c r="AD6715">
        <v>30</v>
      </c>
      <c r="AE6715">
        <v>30</v>
      </c>
      <c r="AF6715">
        <v>30</v>
      </c>
      <c r="AG6715">
        <v>30</v>
      </c>
      <c r="AH6715">
        <v>30</v>
      </c>
      <c r="AI6715">
        <v>30</v>
      </c>
      <c r="AJ6715">
        <v>30</v>
      </c>
      <c r="AK6715">
        <v>30</v>
      </c>
      <c r="AL6715">
        <v>30</v>
      </c>
      <c r="AM6715">
        <v>30</v>
      </c>
      <c r="AN6715">
        <v>30</v>
      </c>
      <c r="AO6715">
        <v>30</v>
      </c>
      <c r="AP6715">
        <v>30</v>
      </c>
      <c r="AQ6715">
        <v>30</v>
      </c>
    </row>
    <row r="6716" spans="1:43">
      <c r="A6716" t="s">
        <v>4202</v>
      </c>
      <c r="B6716" t="s">
        <v>4203</v>
      </c>
      <c r="C6716" t="s">
        <v>4198</v>
      </c>
      <c r="D6716" t="s">
        <v>4199</v>
      </c>
      <c r="E6716" t="s">
        <v>3968</v>
      </c>
      <c r="F6716" t="s">
        <v>3969</v>
      </c>
      <c r="G6716" t="s">
        <v>80</v>
      </c>
      <c r="H6716" t="s">
        <v>81</v>
      </c>
      <c r="I6716" s="2">
        <v>0</v>
      </c>
      <c r="J6716" s="2">
        <v>1</v>
      </c>
      <c r="K6716" s="2">
        <v>0</v>
      </c>
      <c r="L6716" t="s">
        <v>82</v>
      </c>
      <c r="M6716" t="s">
        <v>89</v>
      </c>
      <c r="N6716" t="s">
        <v>90</v>
      </c>
      <c r="O6716" t="s">
        <v>85</v>
      </c>
      <c r="P6716" t="s">
        <v>86</v>
      </c>
      <c r="Q6716">
        <v>29</v>
      </c>
      <c r="R6716">
        <v>30</v>
      </c>
      <c r="S6716">
        <v>30</v>
      </c>
      <c r="T6716">
        <v>31</v>
      </c>
      <c r="U6716">
        <v>32</v>
      </c>
      <c r="V6716">
        <v>32</v>
      </c>
      <c r="W6716">
        <v>33</v>
      </c>
      <c r="X6716">
        <v>33</v>
      </c>
      <c r="Y6716">
        <v>34</v>
      </c>
      <c r="Z6716">
        <v>34</v>
      </c>
      <c r="AA6716">
        <v>35</v>
      </c>
      <c r="AB6716">
        <v>35</v>
      </c>
      <c r="AC6716">
        <v>35</v>
      </c>
      <c r="AD6716">
        <v>36</v>
      </c>
      <c r="AE6716">
        <v>36</v>
      </c>
      <c r="AF6716">
        <v>36</v>
      </c>
      <c r="AG6716">
        <v>36</v>
      </c>
      <c r="AH6716">
        <v>36</v>
      </c>
      <c r="AI6716">
        <v>36</v>
      </c>
      <c r="AJ6716">
        <v>36</v>
      </c>
      <c r="AK6716">
        <v>36</v>
      </c>
      <c r="AL6716">
        <v>36</v>
      </c>
      <c r="AM6716">
        <v>36</v>
      </c>
      <c r="AN6716">
        <v>36</v>
      </c>
      <c r="AO6716">
        <v>36</v>
      </c>
      <c r="AP6716">
        <v>36</v>
      </c>
      <c r="AQ6716">
        <v>36</v>
      </c>
    </row>
    <row r="6717" spans="1:43">
      <c r="A6717" t="s">
        <v>4202</v>
      </c>
      <c r="B6717" t="s">
        <v>4203</v>
      </c>
      <c r="C6717" t="s">
        <v>4198</v>
      </c>
      <c r="D6717" t="s">
        <v>4199</v>
      </c>
      <c r="E6717" t="s">
        <v>3968</v>
      </c>
      <c r="F6717" t="s">
        <v>3969</v>
      </c>
      <c r="G6717" t="s">
        <v>80</v>
      </c>
      <c r="H6717" t="s">
        <v>81</v>
      </c>
      <c r="I6717" s="2">
        <v>0</v>
      </c>
      <c r="J6717" s="2">
        <v>1</v>
      </c>
      <c r="K6717" s="2">
        <v>0</v>
      </c>
      <c r="L6717" t="s">
        <v>82</v>
      </c>
      <c r="M6717" t="s">
        <v>83</v>
      </c>
      <c r="N6717" t="s">
        <v>91</v>
      </c>
      <c r="O6717" t="s">
        <v>85</v>
      </c>
      <c r="P6717" t="s">
        <v>86</v>
      </c>
      <c r="Q6717">
        <v>29</v>
      </c>
      <c r="R6717">
        <v>29</v>
      </c>
      <c r="S6717">
        <v>30</v>
      </c>
      <c r="T6717">
        <v>30</v>
      </c>
      <c r="U6717">
        <v>30</v>
      </c>
      <c r="V6717">
        <v>31</v>
      </c>
      <c r="W6717">
        <v>31</v>
      </c>
      <c r="X6717">
        <v>31</v>
      </c>
      <c r="Y6717">
        <v>32</v>
      </c>
      <c r="Z6717">
        <v>32</v>
      </c>
      <c r="AA6717">
        <v>32</v>
      </c>
      <c r="AB6717">
        <v>33</v>
      </c>
      <c r="AC6717">
        <v>33</v>
      </c>
      <c r="AD6717">
        <v>33</v>
      </c>
      <c r="AE6717">
        <v>34</v>
      </c>
      <c r="AF6717">
        <v>34</v>
      </c>
      <c r="AG6717">
        <v>34</v>
      </c>
      <c r="AH6717">
        <v>35</v>
      </c>
      <c r="AI6717">
        <v>35</v>
      </c>
      <c r="AJ6717">
        <v>35</v>
      </c>
      <c r="AK6717">
        <v>35</v>
      </c>
      <c r="AL6717">
        <v>35</v>
      </c>
      <c r="AM6717">
        <v>35</v>
      </c>
      <c r="AN6717">
        <v>35</v>
      </c>
      <c r="AO6717">
        <v>35</v>
      </c>
      <c r="AP6717">
        <v>35</v>
      </c>
      <c r="AQ6717">
        <v>35</v>
      </c>
    </row>
    <row r="6718" spans="1:43">
      <c r="A6718" t="s">
        <v>4204</v>
      </c>
      <c r="B6718" t="s">
        <v>4205</v>
      </c>
      <c r="C6718" t="s">
        <v>4198</v>
      </c>
      <c r="D6718" t="s">
        <v>4199</v>
      </c>
      <c r="E6718" t="s">
        <v>3968</v>
      </c>
      <c r="F6718" t="s">
        <v>3969</v>
      </c>
      <c r="G6718" t="s">
        <v>80</v>
      </c>
      <c r="H6718" t="s">
        <v>81</v>
      </c>
      <c r="I6718" s="2">
        <v>0</v>
      </c>
      <c r="J6718" s="2">
        <v>1</v>
      </c>
      <c r="K6718" s="2">
        <v>0</v>
      </c>
      <c r="L6718" t="s">
        <v>82</v>
      </c>
      <c r="M6718" t="s">
        <v>83</v>
      </c>
      <c r="N6718" t="s">
        <v>84</v>
      </c>
      <c r="O6718" t="s">
        <v>85</v>
      </c>
      <c r="P6718" t="s">
        <v>86</v>
      </c>
      <c r="Q6718">
        <v>45</v>
      </c>
      <c r="R6718">
        <v>46</v>
      </c>
      <c r="S6718">
        <v>47</v>
      </c>
      <c r="T6718">
        <v>47</v>
      </c>
      <c r="U6718">
        <v>48</v>
      </c>
      <c r="V6718">
        <v>48</v>
      </c>
      <c r="W6718">
        <v>49</v>
      </c>
      <c r="X6718">
        <v>49</v>
      </c>
      <c r="Y6718">
        <v>50</v>
      </c>
      <c r="Z6718">
        <v>50</v>
      </c>
      <c r="AA6718">
        <v>51</v>
      </c>
      <c r="AB6718">
        <v>51</v>
      </c>
      <c r="AC6718">
        <v>52</v>
      </c>
      <c r="AD6718">
        <v>52</v>
      </c>
      <c r="AE6718">
        <v>53</v>
      </c>
      <c r="AF6718">
        <v>53</v>
      </c>
      <c r="AG6718">
        <v>54</v>
      </c>
      <c r="AH6718">
        <v>54</v>
      </c>
      <c r="AI6718">
        <v>54</v>
      </c>
      <c r="AJ6718">
        <v>55</v>
      </c>
      <c r="AK6718">
        <v>55</v>
      </c>
      <c r="AL6718">
        <v>55</v>
      </c>
      <c r="AM6718">
        <v>55</v>
      </c>
      <c r="AN6718">
        <v>55</v>
      </c>
      <c r="AO6718">
        <v>55</v>
      </c>
      <c r="AP6718">
        <v>55</v>
      </c>
      <c r="AQ6718">
        <v>55</v>
      </c>
    </row>
    <row r="6719" spans="1:43">
      <c r="A6719" t="s">
        <v>4204</v>
      </c>
      <c r="B6719" t="s">
        <v>4205</v>
      </c>
      <c r="C6719" t="s">
        <v>4198</v>
      </c>
      <c r="D6719" t="s">
        <v>4199</v>
      </c>
      <c r="E6719" t="s">
        <v>3968</v>
      </c>
      <c r="F6719" t="s">
        <v>3969</v>
      </c>
      <c r="G6719" t="s">
        <v>80</v>
      </c>
      <c r="H6719" t="s">
        <v>81</v>
      </c>
      <c r="I6719" s="2">
        <v>0</v>
      </c>
      <c r="J6719" s="2">
        <v>1</v>
      </c>
      <c r="K6719" s="2">
        <v>0</v>
      </c>
      <c r="L6719" t="s">
        <v>82</v>
      </c>
      <c r="M6719" t="s">
        <v>87</v>
      </c>
      <c r="N6719" t="s">
        <v>88</v>
      </c>
      <c r="O6719" t="s">
        <v>85</v>
      </c>
      <c r="P6719" t="s">
        <v>86</v>
      </c>
      <c r="Q6719">
        <v>45</v>
      </c>
      <c r="R6719">
        <v>45</v>
      </c>
      <c r="S6719">
        <v>45</v>
      </c>
      <c r="T6719">
        <v>45</v>
      </c>
      <c r="U6719">
        <v>46</v>
      </c>
      <c r="V6719">
        <v>46</v>
      </c>
      <c r="W6719">
        <v>46</v>
      </c>
      <c r="X6719">
        <v>46</v>
      </c>
      <c r="Y6719">
        <v>46</v>
      </c>
      <c r="Z6719">
        <v>46</v>
      </c>
      <c r="AA6719">
        <v>46</v>
      </c>
      <c r="AB6719">
        <v>46</v>
      </c>
      <c r="AC6719">
        <v>47</v>
      </c>
      <c r="AD6719">
        <v>47</v>
      </c>
      <c r="AE6719">
        <v>47</v>
      </c>
      <c r="AF6719">
        <v>47</v>
      </c>
      <c r="AG6719">
        <v>47</v>
      </c>
      <c r="AH6719">
        <v>47</v>
      </c>
      <c r="AI6719">
        <v>47</v>
      </c>
      <c r="AJ6719">
        <v>47</v>
      </c>
      <c r="AK6719">
        <v>47</v>
      </c>
      <c r="AL6719">
        <v>47</v>
      </c>
      <c r="AM6719">
        <v>47</v>
      </c>
      <c r="AN6719">
        <v>47</v>
      </c>
      <c r="AO6719">
        <v>47</v>
      </c>
      <c r="AP6719">
        <v>47</v>
      </c>
      <c r="AQ6719">
        <v>47</v>
      </c>
    </row>
    <row r="6720" spans="1:43">
      <c r="A6720" t="s">
        <v>4204</v>
      </c>
      <c r="B6720" t="s">
        <v>4205</v>
      </c>
      <c r="C6720" t="s">
        <v>4198</v>
      </c>
      <c r="D6720" t="s">
        <v>4199</v>
      </c>
      <c r="E6720" t="s">
        <v>3968</v>
      </c>
      <c r="F6720" t="s">
        <v>3969</v>
      </c>
      <c r="G6720" t="s">
        <v>80</v>
      </c>
      <c r="H6720" t="s">
        <v>81</v>
      </c>
      <c r="I6720" s="2">
        <v>0</v>
      </c>
      <c r="J6720" s="2">
        <v>1</v>
      </c>
      <c r="K6720" s="2">
        <v>0</v>
      </c>
      <c r="L6720" t="s">
        <v>82</v>
      </c>
      <c r="M6720" t="s">
        <v>89</v>
      </c>
      <c r="N6720" t="s">
        <v>90</v>
      </c>
      <c r="O6720" t="s">
        <v>85</v>
      </c>
      <c r="P6720" t="s">
        <v>86</v>
      </c>
      <c r="Q6720">
        <v>45</v>
      </c>
      <c r="R6720">
        <v>46</v>
      </c>
      <c r="S6720">
        <v>47</v>
      </c>
      <c r="T6720">
        <v>48</v>
      </c>
      <c r="U6720">
        <v>49</v>
      </c>
      <c r="V6720">
        <v>49</v>
      </c>
      <c r="W6720">
        <v>50</v>
      </c>
      <c r="X6720">
        <v>51</v>
      </c>
      <c r="Y6720">
        <v>52</v>
      </c>
      <c r="Z6720">
        <v>53</v>
      </c>
      <c r="AA6720">
        <v>53</v>
      </c>
      <c r="AB6720">
        <v>54</v>
      </c>
      <c r="AC6720">
        <v>55</v>
      </c>
      <c r="AD6720">
        <v>55</v>
      </c>
      <c r="AE6720">
        <v>56</v>
      </c>
      <c r="AF6720">
        <v>56</v>
      </c>
      <c r="AG6720">
        <v>56</v>
      </c>
      <c r="AH6720">
        <v>55</v>
      </c>
      <c r="AI6720">
        <v>55</v>
      </c>
      <c r="AJ6720">
        <v>55</v>
      </c>
      <c r="AK6720">
        <v>55</v>
      </c>
      <c r="AL6720">
        <v>55</v>
      </c>
      <c r="AM6720">
        <v>55</v>
      </c>
      <c r="AN6720">
        <v>55</v>
      </c>
      <c r="AO6720">
        <v>55</v>
      </c>
      <c r="AP6720">
        <v>55</v>
      </c>
      <c r="AQ6720">
        <v>55</v>
      </c>
    </row>
    <row r="6721" spans="1:43">
      <c r="A6721" t="s">
        <v>4204</v>
      </c>
      <c r="B6721" t="s">
        <v>4205</v>
      </c>
      <c r="C6721" t="s">
        <v>4198</v>
      </c>
      <c r="D6721" t="s">
        <v>4199</v>
      </c>
      <c r="E6721" t="s">
        <v>3968</v>
      </c>
      <c r="F6721" t="s">
        <v>3969</v>
      </c>
      <c r="G6721" t="s">
        <v>80</v>
      </c>
      <c r="H6721" t="s">
        <v>81</v>
      </c>
      <c r="I6721" s="2">
        <v>0</v>
      </c>
      <c r="J6721" s="2">
        <v>1</v>
      </c>
      <c r="K6721" s="2">
        <v>0</v>
      </c>
      <c r="L6721" t="s">
        <v>82</v>
      </c>
      <c r="M6721" t="s">
        <v>83</v>
      </c>
      <c r="N6721" t="s">
        <v>91</v>
      </c>
      <c r="O6721" t="s">
        <v>85</v>
      </c>
      <c r="P6721" t="s">
        <v>86</v>
      </c>
      <c r="Q6721">
        <v>45</v>
      </c>
      <c r="R6721">
        <v>46</v>
      </c>
      <c r="S6721">
        <v>47</v>
      </c>
      <c r="T6721">
        <v>47</v>
      </c>
      <c r="U6721">
        <v>48</v>
      </c>
      <c r="V6721">
        <v>48</v>
      </c>
      <c r="W6721">
        <v>49</v>
      </c>
      <c r="X6721">
        <v>49</v>
      </c>
      <c r="Y6721">
        <v>50</v>
      </c>
      <c r="Z6721">
        <v>50</v>
      </c>
      <c r="AA6721">
        <v>51</v>
      </c>
      <c r="AB6721">
        <v>51</v>
      </c>
      <c r="AC6721">
        <v>52</v>
      </c>
      <c r="AD6721">
        <v>52</v>
      </c>
      <c r="AE6721">
        <v>53</v>
      </c>
      <c r="AF6721">
        <v>53</v>
      </c>
      <c r="AG6721">
        <v>54</v>
      </c>
      <c r="AH6721">
        <v>54</v>
      </c>
      <c r="AI6721">
        <v>54</v>
      </c>
      <c r="AJ6721">
        <v>55</v>
      </c>
      <c r="AK6721">
        <v>55</v>
      </c>
      <c r="AL6721">
        <v>55</v>
      </c>
      <c r="AM6721">
        <v>55</v>
      </c>
      <c r="AN6721">
        <v>55</v>
      </c>
      <c r="AO6721">
        <v>55</v>
      </c>
      <c r="AP6721">
        <v>55</v>
      </c>
      <c r="AQ6721">
        <v>55</v>
      </c>
    </row>
    <row r="6722" spans="1:43">
      <c r="A6722" t="s">
        <v>4206</v>
      </c>
      <c r="B6722" t="s">
        <v>4207</v>
      </c>
      <c r="C6722" t="s">
        <v>4198</v>
      </c>
      <c r="D6722" t="s">
        <v>4199</v>
      </c>
      <c r="E6722" t="s">
        <v>3968</v>
      </c>
      <c r="F6722" t="s">
        <v>3969</v>
      </c>
      <c r="G6722" t="s">
        <v>80</v>
      </c>
      <c r="H6722" t="s">
        <v>81</v>
      </c>
      <c r="I6722" s="2">
        <v>0</v>
      </c>
      <c r="J6722" s="2">
        <v>1</v>
      </c>
      <c r="K6722" s="2">
        <v>0</v>
      </c>
      <c r="L6722" t="s">
        <v>82</v>
      </c>
      <c r="M6722" t="s">
        <v>83</v>
      </c>
      <c r="N6722" t="s">
        <v>84</v>
      </c>
      <c r="O6722" t="s">
        <v>85</v>
      </c>
      <c r="P6722" t="s">
        <v>86</v>
      </c>
      <c r="Q6722">
        <v>155</v>
      </c>
      <c r="R6722">
        <v>157</v>
      </c>
      <c r="S6722">
        <v>159</v>
      </c>
      <c r="T6722">
        <v>161</v>
      </c>
      <c r="U6722">
        <v>163</v>
      </c>
      <c r="V6722">
        <v>165</v>
      </c>
      <c r="W6722">
        <v>166</v>
      </c>
      <c r="X6722">
        <v>168</v>
      </c>
      <c r="Y6722">
        <v>170</v>
      </c>
      <c r="Z6722">
        <v>171</v>
      </c>
      <c r="AA6722">
        <v>173</v>
      </c>
      <c r="AB6722">
        <v>175</v>
      </c>
      <c r="AC6722">
        <v>176</v>
      </c>
      <c r="AD6722">
        <v>178</v>
      </c>
      <c r="AE6722">
        <v>179</v>
      </c>
      <c r="AF6722">
        <v>181</v>
      </c>
      <c r="AG6722">
        <v>182</v>
      </c>
      <c r="AH6722">
        <v>183</v>
      </c>
      <c r="AI6722">
        <v>185</v>
      </c>
      <c r="AJ6722">
        <v>186</v>
      </c>
      <c r="AK6722">
        <v>187</v>
      </c>
      <c r="AL6722">
        <v>187</v>
      </c>
      <c r="AM6722">
        <v>187</v>
      </c>
      <c r="AN6722">
        <v>187</v>
      </c>
      <c r="AO6722">
        <v>186</v>
      </c>
      <c r="AP6722">
        <v>186</v>
      </c>
      <c r="AQ6722">
        <v>185</v>
      </c>
    </row>
    <row r="6723" spans="1:43">
      <c r="A6723" t="s">
        <v>4206</v>
      </c>
      <c r="B6723" t="s">
        <v>4207</v>
      </c>
      <c r="C6723" t="s">
        <v>4198</v>
      </c>
      <c r="D6723" t="s">
        <v>4199</v>
      </c>
      <c r="E6723" t="s">
        <v>3968</v>
      </c>
      <c r="F6723" t="s">
        <v>3969</v>
      </c>
      <c r="G6723" t="s">
        <v>80</v>
      </c>
      <c r="H6723" t="s">
        <v>81</v>
      </c>
      <c r="I6723" s="2">
        <v>0</v>
      </c>
      <c r="J6723" s="2">
        <v>1</v>
      </c>
      <c r="K6723" s="2">
        <v>0</v>
      </c>
      <c r="L6723" t="s">
        <v>82</v>
      </c>
      <c r="M6723" t="s">
        <v>87</v>
      </c>
      <c r="N6723" t="s">
        <v>88</v>
      </c>
      <c r="O6723" t="s">
        <v>85</v>
      </c>
      <c r="P6723" t="s">
        <v>86</v>
      </c>
      <c r="Q6723">
        <v>155</v>
      </c>
      <c r="R6723">
        <v>155</v>
      </c>
      <c r="S6723">
        <v>156</v>
      </c>
      <c r="T6723">
        <v>156</v>
      </c>
      <c r="U6723">
        <v>157</v>
      </c>
      <c r="V6723">
        <v>157</v>
      </c>
      <c r="W6723">
        <v>157</v>
      </c>
      <c r="X6723">
        <v>158</v>
      </c>
      <c r="Y6723">
        <v>158</v>
      </c>
      <c r="Z6723">
        <v>158</v>
      </c>
      <c r="AA6723">
        <v>158</v>
      </c>
      <c r="AB6723">
        <v>159</v>
      </c>
      <c r="AC6723">
        <v>159</v>
      </c>
      <c r="AD6723">
        <v>159</v>
      </c>
      <c r="AE6723">
        <v>159</v>
      </c>
      <c r="AF6723">
        <v>160</v>
      </c>
      <c r="AG6723">
        <v>160</v>
      </c>
      <c r="AH6723">
        <v>160</v>
      </c>
      <c r="AI6723">
        <v>160</v>
      </c>
      <c r="AJ6723">
        <v>160</v>
      </c>
      <c r="AK6723">
        <v>160</v>
      </c>
      <c r="AL6723">
        <v>161</v>
      </c>
      <c r="AM6723">
        <v>161</v>
      </c>
      <c r="AN6723">
        <v>161</v>
      </c>
      <c r="AO6723">
        <v>161</v>
      </c>
      <c r="AP6723">
        <v>161</v>
      </c>
      <c r="AQ6723">
        <v>161</v>
      </c>
    </row>
    <row r="6724" spans="1:43">
      <c r="A6724" t="s">
        <v>4206</v>
      </c>
      <c r="B6724" t="s">
        <v>4207</v>
      </c>
      <c r="C6724" t="s">
        <v>4198</v>
      </c>
      <c r="D6724" t="s">
        <v>4199</v>
      </c>
      <c r="E6724" t="s">
        <v>3968</v>
      </c>
      <c r="F6724" t="s">
        <v>3969</v>
      </c>
      <c r="G6724" t="s">
        <v>80</v>
      </c>
      <c r="H6724" t="s">
        <v>81</v>
      </c>
      <c r="I6724" s="2">
        <v>0</v>
      </c>
      <c r="J6724" s="2">
        <v>1</v>
      </c>
      <c r="K6724" s="2">
        <v>0</v>
      </c>
      <c r="L6724" t="s">
        <v>82</v>
      </c>
      <c r="M6724" t="s">
        <v>89</v>
      </c>
      <c r="N6724" t="s">
        <v>90</v>
      </c>
      <c r="O6724" t="s">
        <v>85</v>
      </c>
      <c r="P6724" t="s">
        <v>86</v>
      </c>
      <c r="Q6724">
        <v>155</v>
      </c>
      <c r="R6724">
        <v>158</v>
      </c>
      <c r="S6724">
        <v>161</v>
      </c>
      <c r="T6724">
        <v>164</v>
      </c>
      <c r="U6724">
        <v>167</v>
      </c>
      <c r="V6724">
        <v>170</v>
      </c>
      <c r="W6724">
        <v>173</v>
      </c>
      <c r="X6724">
        <v>175</v>
      </c>
      <c r="Y6724">
        <v>178</v>
      </c>
      <c r="Z6724">
        <v>180</v>
      </c>
      <c r="AA6724">
        <v>182</v>
      </c>
      <c r="AB6724">
        <v>185</v>
      </c>
      <c r="AC6724">
        <v>187</v>
      </c>
      <c r="AD6724">
        <v>189</v>
      </c>
      <c r="AE6724">
        <v>190</v>
      </c>
      <c r="AF6724">
        <v>190</v>
      </c>
      <c r="AG6724">
        <v>190</v>
      </c>
      <c r="AH6724">
        <v>189</v>
      </c>
      <c r="AI6724">
        <v>189</v>
      </c>
      <c r="AJ6724">
        <v>188</v>
      </c>
      <c r="AK6724">
        <v>188</v>
      </c>
      <c r="AL6724">
        <v>188</v>
      </c>
      <c r="AM6724">
        <v>187</v>
      </c>
      <c r="AN6724">
        <v>187</v>
      </c>
      <c r="AO6724">
        <v>186</v>
      </c>
      <c r="AP6724">
        <v>186</v>
      </c>
      <c r="AQ6724">
        <v>185</v>
      </c>
    </row>
    <row r="6725" spans="1:43">
      <c r="A6725" t="s">
        <v>4206</v>
      </c>
      <c r="B6725" t="s">
        <v>4207</v>
      </c>
      <c r="C6725" t="s">
        <v>4198</v>
      </c>
      <c r="D6725" t="s">
        <v>4199</v>
      </c>
      <c r="E6725" t="s">
        <v>3968</v>
      </c>
      <c r="F6725" t="s">
        <v>3969</v>
      </c>
      <c r="G6725" t="s">
        <v>80</v>
      </c>
      <c r="H6725" t="s">
        <v>81</v>
      </c>
      <c r="I6725" s="2">
        <v>0</v>
      </c>
      <c r="J6725" s="2">
        <v>1</v>
      </c>
      <c r="K6725" s="2">
        <v>0</v>
      </c>
      <c r="L6725" t="s">
        <v>82</v>
      </c>
      <c r="M6725" t="s">
        <v>83</v>
      </c>
      <c r="N6725" t="s">
        <v>91</v>
      </c>
      <c r="O6725" t="s">
        <v>85</v>
      </c>
      <c r="P6725" t="s">
        <v>86</v>
      </c>
      <c r="Q6725">
        <v>155</v>
      </c>
      <c r="R6725">
        <v>157</v>
      </c>
      <c r="S6725">
        <v>159</v>
      </c>
      <c r="T6725">
        <v>161</v>
      </c>
      <c r="U6725">
        <v>163</v>
      </c>
      <c r="V6725">
        <v>165</v>
      </c>
      <c r="W6725">
        <v>166</v>
      </c>
      <c r="X6725">
        <v>168</v>
      </c>
      <c r="Y6725">
        <v>170</v>
      </c>
      <c r="Z6725">
        <v>171</v>
      </c>
      <c r="AA6725">
        <v>173</v>
      </c>
      <c r="AB6725">
        <v>175</v>
      </c>
      <c r="AC6725">
        <v>176</v>
      </c>
      <c r="AD6725">
        <v>178</v>
      </c>
      <c r="AE6725">
        <v>179</v>
      </c>
      <c r="AF6725">
        <v>181</v>
      </c>
      <c r="AG6725">
        <v>182</v>
      </c>
      <c r="AH6725">
        <v>183</v>
      </c>
      <c r="AI6725">
        <v>185</v>
      </c>
      <c r="AJ6725">
        <v>186</v>
      </c>
      <c r="AK6725">
        <v>187</v>
      </c>
      <c r="AL6725">
        <v>187</v>
      </c>
      <c r="AM6725">
        <v>187</v>
      </c>
      <c r="AN6725">
        <v>187</v>
      </c>
      <c r="AO6725">
        <v>186</v>
      </c>
      <c r="AP6725">
        <v>186</v>
      </c>
      <c r="AQ6725">
        <v>185</v>
      </c>
    </row>
    <row r="6726" spans="1:43">
      <c r="A6726" t="s">
        <v>4208</v>
      </c>
      <c r="B6726" t="s">
        <v>4209</v>
      </c>
      <c r="C6726" t="s">
        <v>4126</v>
      </c>
      <c r="D6726" t="s">
        <v>4127</v>
      </c>
      <c r="E6726" t="s">
        <v>3968</v>
      </c>
      <c r="F6726" t="s">
        <v>3969</v>
      </c>
      <c r="G6726" t="s">
        <v>80</v>
      </c>
      <c r="H6726" t="s">
        <v>81</v>
      </c>
      <c r="I6726" s="2">
        <v>0</v>
      </c>
      <c r="J6726" s="2">
        <v>1</v>
      </c>
      <c r="K6726" s="2">
        <v>0</v>
      </c>
      <c r="L6726" t="s">
        <v>82</v>
      </c>
      <c r="M6726" t="s">
        <v>83</v>
      </c>
      <c r="N6726" t="s">
        <v>84</v>
      </c>
      <c r="O6726" t="s">
        <v>85</v>
      </c>
      <c r="P6726" t="s">
        <v>86</v>
      </c>
      <c r="Q6726">
        <v>130</v>
      </c>
      <c r="R6726">
        <v>131</v>
      </c>
      <c r="S6726">
        <v>133</v>
      </c>
      <c r="T6726">
        <v>134</v>
      </c>
      <c r="U6726">
        <v>136</v>
      </c>
      <c r="V6726">
        <v>137</v>
      </c>
      <c r="W6726">
        <v>139</v>
      </c>
      <c r="X6726">
        <v>140</v>
      </c>
      <c r="Y6726">
        <v>142</v>
      </c>
      <c r="Z6726">
        <v>143</v>
      </c>
      <c r="AA6726">
        <v>144</v>
      </c>
      <c r="AB6726">
        <v>146</v>
      </c>
      <c r="AC6726">
        <v>147</v>
      </c>
      <c r="AD6726">
        <v>148</v>
      </c>
      <c r="AE6726">
        <v>149</v>
      </c>
      <c r="AF6726">
        <v>151</v>
      </c>
      <c r="AG6726">
        <v>152</v>
      </c>
      <c r="AH6726">
        <v>153</v>
      </c>
      <c r="AI6726">
        <v>154</v>
      </c>
      <c r="AJ6726">
        <v>155</v>
      </c>
      <c r="AK6726">
        <v>156</v>
      </c>
      <c r="AL6726">
        <v>157</v>
      </c>
      <c r="AM6726">
        <v>156</v>
      </c>
      <c r="AN6726">
        <v>156</v>
      </c>
      <c r="AO6726">
        <v>155</v>
      </c>
      <c r="AP6726">
        <v>155</v>
      </c>
      <c r="AQ6726">
        <v>155</v>
      </c>
    </row>
    <row r="6727" spans="1:43">
      <c r="A6727" t="s">
        <v>4208</v>
      </c>
      <c r="B6727" t="s">
        <v>4209</v>
      </c>
      <c r="C6727" t="s">
        <v>4126</v>
      </c>
      <c r="D6727" t="s">
        <v>4127</v>
      </c>
      <c r="E6727" t="s">
        <v>3968</v>
      </c>
      <c r="F6727" t="s">
        <v>3969</v>
      </c>
      <c r="G6727" t="s">
        <v>80</v>
      </c>
      <c r="H6727" t="s">
        <v>81</v>
      </c>
      <c r="I6727" s="2">
        <v>0</v>
      </c>
      <c r="J6727" s="2">
        <v>1</v>
      </c>
      <c r="K6727" s="2">
        <v>0</v>
      </c>
      <c r="L6727" t="s">
        <v>82</v>
      </c>
      <c r="M6727" t="s">
        <v>87</v>
      </c>
      <c r="N6727" t="s">
        <v>88</v>
      </c>
      <c r="O6727" t="s">
        <v>85</v>
      </c>
      <c r="P6727" t="s">
        <v>86</v>
      </c>
      <c r="Q6727">
        <v>130</v>
      </c>
      <c r="R6727">
        <v>131</v>
      </c>
      <c r="S6727">
        <v>131</v>
      </c>
      <c r="T6727">
        <v>131</v>
      </c>
      <c r="U6727">
        <v>132</v>
      </c>
      <c r="V6727">
        <v>132</v>
      </c>
      <c r="W6727">
        <v>132</v>
      </c>
      <c r="X6727">
        <v>133</v>
      </c>
      <c r="Y6727">
        <v>133</v>
      </c>
      <c r="Z6727">
        <v>133</v>
      </c>
      <c r="AA6727">
        <v>133</v>
      </c>
      <c r="AB6727">
        <v>134</v>
      </c>
      <c r="AC6727">
        <v>134</v>
      </c>
      <c r="AD6727">
        <v>134</v>
      </c>
      <c r="AE6727">
        <v>134</v>
      </c>
      <c r="AF6727">
        <v>134</v>
      </c>
      <c r="AG6727">
        <v>135</v>
      </c>
      <c r="AH6727">
        <v>135</v>
      </c>
      <c r="AI6727">
        <v>135</v>
      </c>
      <c r="AJ6727">
        <v>135</v>
      </c>
      <c r="AK6727">
        <v>135</v>
      </c>
      <c r="AL6727">
        <v>135</v>
      </c>
      <c r="AM6727">
        <v>135</v>
      </c>
      <c r="AN6727">
        <v>135</v>
      </c>
      <c r="AO6727">
        <v>135</v>
      </c>
      <c r="AP6727">
        <v>135</v>
      </c>
      <c r="AQ6727">
        <v>135</v>
      </c>
    </row>
    <row r="6728" spans="1:43">
      <c r="A6728" t="s">
        <v>4208</v>
      </c>
      <c r="B6728" t="s">
        <v>4209</v>
      </c>
      <c r="C6728" t="s">
        <v>4126</v>
      </c>
      <c r="D6728" t="s">
        <v>4127</v>
      </c>
      <c r="E6728" t="s">
        <v>3968</v>
      </c>
      <c r="F6728" t="s">
        <v>3969</v>
      </c>
      <c r="G6728" t="s">
        <v>80</v>
      </c>
      <c r="H6728" t="s">
        <v>81</v>
      </c>
      <c r="I6728" s="2">
        <v>0</v>
      </c>
      <c r="J6728" s="2">
        <v>1</v>
      </c>
      <c r="K6728" s="2">
        <v>0</v>
      </c>
      <c r="L6728" t="s">
        <v>82</v>
      </c>
      <c r="M6728" t="s">
        <v>89</v>
      </c>
      <c r="N6728" t="s">
        <v>90</v>
      </c>
      <c r="O6728" t="s">
        <v>85</v>
      </c>
      <c r="P6728" t="s">
        <v>86</v>
      </c>
      <c r="Q6728">
        <v>130</v>
      </c>
      <c r="R6728">
        <v>133</v>
      </c>
      <c r="S6728">
        <v>135</v>
      </c>
      <c r="T6728">
        <v>138</v>
      </c>
      <c r="U6728">
        <v>140</v>
      </c>
      <c r="V6728">
        <v>143</v>
      </c>
      <c r="W6728">
        <v>145</v>
      </c>
      <c r="X6728">
        <v>147</v>
      </c>
      <c r="Y6728">
        <v>149</v>
      </c>
      <c r="Z6728">
        <v>151</v>
      </c>
      <c r="AA6728">
        <v>153</v>
      </c>
      <c r="AB6728">
        <v>155</v>
      </c>
      <c r="AC6728">
        <v>157</v>
      </c>
      <c r="AD6728">
        <v>159</v>
      </c>
      <c r="AE6728">
        <v>159</v>
      </c>
      <c r="AF6728">
        <v>159</v>
      </c>
      <c r="AG6728">
        <v>159</v>
      </c>
      <c r="AH6728">
        <v>159</v>
      </c>
      <c r="AI6728">
        <v>158</v>
      </c>
      <c r="AJ6728">
        <v>158</v>
      </c>
      <c r="AK6728">
        <v>158</v>
      </c>
      <c r="AL6728">
        <v>157</v>
      </c>
      <c r="AM6728">
        <v>157</v>
      </c>
      <c r="AN6728">
        <v>157</v>
      </c>
      <c r="AO6728">
        <v>156</v>
      </c>
      <c r="AP6728">
        <v>156</v>
      </c>
      <c r="AQ6728">
        <v>155</v>
      </c>
    </row>
    <row r="6729" spans="1:43">
      <c r="A6729" t="s">
        <v>4208</v>
      </c>
      <c r="B6729" t="s">
        <v>4209</v>
      </c>
      <c r="C6729" t="s">
        <v>4126</v>
      </c>
      <c r="D6729" t="s">
        <v>4127</v>
      </c>
      <c r="E6729" t="s">
        <v>3968</v>
      </c>
      <c r="F6729" t="s">
        <v>3969</v>
      </c>
      <c r="G6729" t="s">
        <v>80</v>
      </c>
      <c r="H6729" t="s">
        <v>81</v>
      </c>
      <c r="I6729" s="2">
        <v>0</v>
      </c>
      <c r="J6729" s="2">
        <v>1</v>
      </c>
      <c r="K6729" s="2">
        <v>0</v>
      </c>
      <c r="L6729" t="s">
        <v>82</v>
      </c>
      <c r="M6729" t="s">
        <v>83</v>
      </c>
      <c r="N6729" t="s">
        <v>91</v>
      </c>
      <c r="O6729" t="s">
        <v>85</v>
      </c>
      <c r="P6729" t="s">
        <v>86</v>
      </c>
      <c r="Q6729">
        <v>130</v>
      </c>
      <c r="R6729">
        <v>131</v>
      </c>
      <c r="S6729">
        <v>133</v>
      </c>
      <c r="T6729">
        <v>134</v>
      </c>
      <c r="U6729">
        <v>136</v>
      </c>
      <c r="V6729">
        <v>137</v>
      </c>
      <c r="W6729">
        <v>139</v>
      </c>
      <c r="X6729">
        <v>140</v>
      </c>
      <c r="Y6729">
        <v>142</v>
      </c>
      <c r="Z6729">
        <v>143</v>
      </c>
      <c r="AA6729">
        <v>144</v>
      </c>
      <c r="AB6729">
        <v>146</v>
      </c>
      <c r="AC6729">
        <v>147</v>
      </c>
      <c r="AD6729">
        <v>148</v>
      </c>
      <c r="AE6729">
        <v>149</v>
      </c>
      <c r="AF6729">
        <v>151</v>
      </c>
      <c r="AG6729">
        <v>152</v>
      </c>
      <c r="AH6729">
        <v>153</v>
      </c>
      <c r="AI6729">
        <v>154</v>
      </c>
      <c r="AJ6729">
        <v>155</v>
      </c>
      <c r="AK6729">
        <v>156</v>
      </c>
      <c r="AL6729">
        <v>157</v>
      </c>
      <c r="AM6729">
        <v>156</v>
      </c>
      <c r="AN6729">
        <v>156</v>
      </c>
      <c r="AO6729">
        <v>155</v>
      </c>
      <c r="AP6729">
        <v>155</v>
      </c>
      <c r="AQ6729">
        <v>155</v>
      </c>
    </row>
    <row r="6730" spans="1:43">
      <c r="A6730" t="s">
        <v>4210</v>
      </c>
      <c r="B6730" t="s">
        <v>4211</v>
      </c>
      <c r="C6730" t="s">
        <v>4198</v>
      </c>
      <c r="D6730" t="s">
        <v>4199</v>
      </c>
      <c r="E6730" t="s">
        <v>3968</v>
      </c>
      <c r="F6730" t="s">
        <v>3969</v>
      </c>
      <c r="G6730" t="s">
        <v>80</v>
      </c>
      <c r="H6730" t="s">
        <v>81</v>
      </c>
      <c r="I6730" s="2">
        <v>0</v>
      </c>
      <c r="J6730" s="2">
        <v>1</v>
      </c>
      <c r="K6730" s="2">
        <v>0</v>
      </c>
      <c r="L6730" t="s">
        <v>82</v>
      </c>
      <c r="M6730" t="s">
        <v>83</v>
      </c>
      <c r="N6730" t="s">
        <v>84</v>
      </c>
      <c r="O6730" t="s">
        <v>85</v>
      </c>
      <c r="P6730" t="s">
        <v>86</v>
      </c>
      <c r="Q6730">
        <v>113</v>
      </c>
      <c r="R6730">
        <v>115</v>
      </c>
      <c r="S6730">
        <v>116</v>
      </c>
      <c r="T6730">
        <v>117</v>
      </c>
      <c r="U6730">
        <v>119</v>
      </c>
      <c r="V6730">
        <v>120</v>
      </c>
      <c r="W6730">
        <v>122</v>
      </c>
      <c r="X6730">
        <v>123</v>
      </c>
      <c r="Y6730">
        <v>124</v>
      </c>
      <c r="Z6730">
        <v>126</v>
      </c>
      <c r="AA6730">
        <v>127</v>
      </c>
      <c r="AB6730">
        <v>128</v>
      </c>
      <c r="AC6730">
        <v>129</v>
      </c>
      <c r="AD6730">
        <v>131</v>
      </c>
      <c r="AE6730">
        <v>132</v>
      </c>
      <c r="AF6730">
        <v>133</v>
      </c>
      <c r="AG6730">
        <v>134</v>
      </c>
      <c r="AH6730">
        <v>135</v>
      </c>
      <c r="AI6730">
        <v>136</v>
      </c>
      <c r="AJ6730">
        <v>137</v>
      </c>
      <c r="AK6730">
        <v>139</v>
      </c>
      <c r="AL6730">
        <v>139</v>
      </c>
      <c r="AM6730">
        <v>139</v>
      </c>
      <c r="AN6730">
        <v>139</v>
      </c>
      <c r="AO6730">
        <v>139</v>
      </c>
      <c r="AP6730">
        <v>138</v>
      </c>
      <c r="AQ6730">
        <v>138</v>
      </c>
    </row>
    <row r="6731" spans="1:43">
      <c r="A6731" t="s">
        <v>4210</v>
      </c>
      <c r="B6731" t="s">
        <v>4211</v>
      </c>
      <c r="C6731" t="s">
        <v>4198</v>
      </c>
      <c r="D6731" t="s">
        <v>4199</v>
      </c>
      <c r="E6731" t="s">
        <v>3968</v>
      </c>
      <c r="F6731" t="s">
        <v>3969</v>
      </c>
      <c r="G6731" t="s">
        <v>80</v>
      </c>
      <c r="H6731" t="s">
        <v>81</v>
      </c>
      <c r="I6731" s="2">
        <v>0</v>
      </c>
      <c r="J6731" s="2">
        <v>1</v>
      </c>
      <c r="K6731" s="2">
        <v>0</v>
      </c>
      <c r="L6731" t="s">
        <v>82</v>
      </c>
      <c r="M6731" t="s">
        <v>87</v>
      </c>
      <c r="N6731" t="s">
        <v>88</v>
      </c>
      <c r="O6731" t="s">
        <v>85</v>
      </c>
      <c r="P6731" t="s">
        <v>86</v>
      </c>
      <c r="Q6731">
        <v>113</v>
      </c>
      <c r="R6731">
        <v>113</v>
      </c>
      <c r="S6731">
        <v>114</v>
      </c>
      <c r="T6731">
        <v>114</v>
      </c>
      <c r="U6731">
        <v>115</v>
      </c>
      <c r="V6731">
        <v>115</v>
      </c>
      <c r="W6731">
        <v>115</v>
      </c>
      <c r="X6731">
        <v>116</v>
      </c>
      <c r="Y6731">
        <v>116</v>
      </c>
      <c r="Z6731">
        <v>116</v>
      </c>
      <c r="AA6731">
        <v>117</v>
      </c>
      <c r="AB6731">
        <v>117</v>
      </c>
      <c r="AC6731">
        <v>117</v>
      </c>
      <c r="AD6731">
        <v>117</v>
      </c>
      <c r="AE6731">
        <v>118</v>
      </c>
      <c r="AF6731">
        <v>118</v>
      </c>
      <c r="AG6731">
        <v>118</v>
      </c>
      <c r="AH6731">
        <v>118</v>
      </c>
      <c r="AI6731">
        <v>119</v>
      </c>
      <c r="AJ6731">
        <v>119</v>
      </c>
      <c r="AK6731">
        <v>119</v>
      </c>
      <c r="AL6731">
        <v>119</v>
      </c>
      <c r="AM6731">
        <v>119</v>
      </c>
      <c r="AN6731">
        <v>120</v>
      </c>
      <c r="AO6731">
        <v>120</v>
      </c>
      <c r="AP6731">
        <v>120</v>
      </c>
      <c r="AQ6731">
        <v>120</v>
      </c>
    </row>
    <row r="6732" spans="1:43">
      <c r="A6732" t="s">
        <v>4210</v>
      </c>
      <c r="B6732" t="s">
        <v>4211</v>
      </c>
      <c r="C6732" t="s">
        <v>4198</v>
      </c>
      <c r="D6732" t="s">
        <v>4199</v>
      </c>
      <c r="E6732" t="s">
        <v>3968</v>
      </c>
      <c r="F6732" t="s">
        <v>3969</v>
      </c>
      <c r="G6732" t="s">
        <v>80</v>
      </c>
      <c r="H6732" t="s">
        <v>81</v>
      </c>
      <c r="I6732" s="2">
        <v>0</v>
      </c>
      <c r="J6732" s="2">
        <v>1</v>
      </c>
      <c r="K6732" s="2">
        <v>0</v>
      </c>
      <c r="L6732" t="s">
        <v>82</v>
      </c>
      <c r="M6732" t="s">
        <v>89</v>
      </c>
      <c r="N6732" t="s">
        <v>90</v>
      </c>
      <c r="O6732" t="s">
        <v>85</v>
      </c>
      <c r="P6732" t="s">
        <v>86</v>
      </c>
      <c r="Q6732">
        <v>113</v>
      </c>
      <c r="R6732">
        <v>116</v>
      </c>
      <c r="S6732">
        <v>118</v>
      </c>
      <c r="T6732">
        <v>120</v>
      </c>
      <c r="U6732">
        <v>123</v>
      </c>
      <c r="V6732">
        <v>125</v>
      </c>
      <c r="W6732">
        <v>127</v>
      </c>
      <c r="X6732">
        <v>129</v>
      </c>
      <c r="Y6732">
        <v>131</v>
      </c>
      <c r="Z6732">
        <v>133</v>
      </c>
      <c r="AA6732">
        <v>134</v>
      </c>
      <c r="AB6732">
        <v>136</v>
      </c>
      <c r="AC6732">
        <v>138</v>
      </c>
      <c r="AD6732">
        <v>139</v>
      </c>
      <c r="AE6732">
        <v>140</v>
      </c>
      <c r="AF6732">
        <v>140</v>
      </c>
      <c r="AG6732">
        <v>140</v>
      </c>
      <c r="AH6732">
        <v>140</v>
      </c>
      <c r="AI6732">
        <v>140</v>
      </c>
      <c r="AJ6732">
        <v>140</v>
      </c>
      <c r="AK6732">
        <v>140</v>
      </c>
      <c r="AL6732">
        <v>140</v>
      </c>
      <c r="AM6732">
        <v>140</v>
      </c>
      <c r="AN6732">
        <v>140</v>
      </c>
      <c r="AO6732">
        <v>140</v>
      </c>
      <c r="AP6732">
        <v>139</v>
      </c>
      <c r="AQ6732">
        <v>139</v>
      </c>
    </row>
    <row r="6733" spans="1:43">
      <c r="A6733" t="s">
        <v>4210</v>
      </c>
      <c r="B6733" t="s">
        <v>4211</v>
      </c>
      <c r="C6733" t="s">
        <v>4198</v>
      </c>
      <c r="D6733" t="s">
        <v>4199</v>
      </c>
      <c r="E6733" t="s">
        <v>3968</v>
      </c>
      <c r="F6733" t="s">
        <v>3969</v>
      </c>
      <c r="G6733" t="s">
        <v>80</v>
      </c>
      <c r="H6733" t="s">
        <v>81</v>
      </c>
      <c r="I6733" s="2">
        <v>0</v>
      </c>
      <c r="J6733" s="2">
        <v>1</v>
      </c>
      <c r="K6733" s="2">
        <v>0</v>
      </c>
      <c r="L6733" t="s">
        <v>82</v>
      </c>
      <c r="M6733" t="s">
        <v>83</v>
      </c>
      <c r="N6733" t="s">
        <v>91</v>
      </c>
      <c r="O6733" t="s">
        <v>85</v>
      </c>
      <c r="P6733" t="s">
        <v>86</v>
      </c>
      <c r="Q6733">
        <v>113</v>
      </c>
      <c r="R6733">
        <v>115</v>
      </c>
      <c r="S6733">
        <v>116</v>
      </c>
      <c r="T6733">
        <v>117</v>
      </c>
      <c r="U6733">
        <v>119</v>
      </c>
      <c r="V6733">
        <v>120</v>
      </c>
      <c r="W6733">
        <v>122</v>
      </c>
      <c r="X6733">
        <v>123</v>
      </c>
      <c r="Y6733">
        <v>124</v>
      </c>
      <c r="Z6733">
        <v>126</v>
      </c>
      <c r="AA6733">
        <v>127</v>
      </c>
      <c r="AB6733">
        <v>128</v>
      </c>
      <c r="AC6733">
        <v>129</v>
      </c>
      <c r="AD6733">
        <v>131</v>
      </c>
      <c r="AE6733">
        <v>132</v>
      </c>
      <c r="AF6733">
        <v>133</v>
      </c>
      <c r="AG6733">
        <v>134</v>
      </c>
      <c r="AH6733">
        <v>135</v>
      </c>
      <c r="AI6733">
        <v>136</v>
      </c>
      <c r="AJ6733">
        <v>137</v>
      </c>
      <c r="AK6733">
        <v>139</v>
      </c>
      <c r="AL6733">
        <v>139</v>
      </c>
      <c r="AM6733">
        <v>139</v>
      </c>
      <c r="AN6733">
        <v>139</v>
      </c>
      <c r="AO6733">
        <v>139</v>
      </c>
      <c r="AP6733">
        <v>138</v>
      </c>
      <c r="AQ6733">
        <v>138</v>
      </c>
    </row>
    <row r="6734" spans="1:43">
      <c r="A6734" t="s">
        <v>4212</v>
      </c>
      <c r="B6734" t="s">
        <v>4213</v>
      </c>
      <c r="C6734" t="s">
        <v>4214</v>
      </c>
      <c r="D6734" t="s">
        <v>4215</v>
      </c>
      <c r="E6734" t="s">
        <v>3968</v>
      </c>
      <c r="F6734" t="s">
        <v>3969</v>
      </c>
      <c r="G6734" t="s">
        <v>80</v>
      </c>
      <c r="H6734" t="s">
        <v>81</v>
      </c>
      <c r="I6734" s="2">
        <v>0</v>
      </c>
      <c r="J6734" s="2">
        <v>1</v>
      </c>
      <c r="K6734" s="2">
        <v>0</v>
      </c>
      <c r="L6734" t="s">
        <v>82</v>
      </c>
      <c r="M6734" t="s">
        <v>83</v>
      </c>
      <c r="N6734" t="s">
        <v>84</v>
      </c>
      <c r="O6734" t="s">
        <v>85</v>
      </c>
      <c r="P6734" t="s">
        <v>86</v>
      </c>
      <c r="Q6734">
        <v>19</v>
      </c>
      <c r="R6734">
        <v>19</v>
      </c>
      <c r="S6734">
        <v>20</v>
      </c>
      <c r="T6734">
        <v>20</v>
      </c>
      <c r="U6734">
        <v>20</v>
      </c>
      <c r="V6734">
        <v>20</v>
      </c>
      <c r="W6734">
        <v>20</v>
      </c>
      <c r="X6734">
        <v>21</v>
      </c>
      <c r="Y6734">
        <v>21</v>
      </c>
      <c r="Z6734">
        <v>21</v>
      </c>
      <c r="AA6734">
        <v>21</v>
      </c>
      <c r="AB6734">
        <v>21</v>
      </c>
      <c r="AC6734">
        <v>22</v>
      </c>
      <c r="AD6734">
        <v>22</v>
      </c>
      <c r="AE6734">
        <v>22</v>
      </c>
      <c r="AF6734">
        <v>22</v>
      </c>
      <c r="AG6734">
        <v>22</v>
      </c>
      <c r="AH6734">
        <v>22</v>
      </c>
      <c r="AI6734">
        <v>23</v>
      </c>
      <c r="AJ6734">
        <v>23</v>
      </c>
      <c r="AK6734">
        <v>23</v>
      </c>
      <c r="AL6734">
        <v>23</v>
      </c>
      <c r="AM6734">
        <v>23</v>
      </c>
      <c r="AN6734">
        <v>23</v>
      </c>
      <c r="AO6734">
        <v>23</v>
      </c>
      <c r="AP6734">
        <v>23</v>
      </c>
      <c r="AQ6734">
        <v>23</v>
      </c>
    </row>
    <row r="6735" spans="1:43">
      <c r="A6735" t="s">
        <v>4212</v>
      </c>
      <c r="B6735" t="s">
        <v>4213</v>
      </c>
      <c r="C6735" t="s">
        <v>4214</v>
      </c>
      <c r="D6735" t="s">
        <v>4215</v>
      </c>
      <c r="E6735" t="s">
        <v>3968</v>
      </c>
      <c r="F6735" t="s">
        <v>3969</v>
      </c>
      <c r="G6735" t="s">
        <v>80</v>
      </c>
      <c r="H6735" t="s">
        <v>81</v>
      </c>
      <c r="I6735" s="2">
        <v>0</v>
      </c>
      <c r="J6735" s="2">
        <v>1</v>
      </c>
      <c r="K6735" s="2">
        <v>0</v>
      </c>
      <c r="L6735" t="s">
        <v>82</v>
      </c>
      <c r="M6735" t="s">
        <v>87</v>
      </c>
      <c r="N6735" t="s">
        <v>88</v>
      </c>
      <c r="O6735" t="s">
        <v>85</v>
      </c>
      <c r="P6735" t="s">
        <v>86</v>
      </c>
      <c r="Q6735">
        <v>19</v>
      </c>
      <c r="R6735">
        <v>19</v>
      </c>
      <c r="S6735">
        <v>19</v>
      </c>
      <c r="T6735">
        <v>19</v>
      </c>
      <c r="U6735">
        <v>19</v>
      </c>
      <c r="V6735">
        <v>19</v>
      </c>
      <c r="W6735">
        <v>19</v>
      </c>
      <c r="X6735">
        <v>19</v>
      </c>
      <c r="Y6735">
        <v>19</v>
      </c>
      <c r="Z6735">
        <v>19</v>
      </c>
      <c r="AA6735">
        <v>19</v>
      </c>
      <c r="AB6735">
        <v>19</v>
      </c>
      <c r="AC6735">
        <v>19</v>
      </c>
      <c r="AD6735">
        <v>19</v>
      </c>
      <c r="AE6735">
        <v>19</v>
      </c>
      <c r="AF6735">
        <v>19</v>
      </c>
      <c r="AG6735">
        <v>19</v>
      </c>
      <c r="AH6735">
        <v>19</v>
      </c>
      <c r="AI6735">
        <v>19</v>
      </c>
      <c r="AJ6735">
        <v>19</v>
      </c>
      <c r="AK6735">
        <v>20</v>
      </c>
      <c r="AL6735">
        <v>20</v>
      </c>
      <c r="AM6735">
        <v>20</v>
      </c>
      <c r="AN6735">
        <v>20</v>
      </c>
      <c r="AO6735">
        <v>19</v>
      </c>
      <c r="AP6735">
        <v>19</v>
      </c>
      <c r="AQ6735">
        <v>19</v>
      </c>
    </row>
    <row r="6736" spans="1:43">
      <c r="A6736" t="s">
        <v>4212</v>
      </c>
      <c r="B6736" t="s">
        <v>4213</v>
      </c>
      <c r="C6736" t="s">
        <v>4214</v>
      </c>
      <c r="D6736" t="s">
        <v>4215</v>
      </c>
      <c r="E6736" t="s">
        <v>3968</v>
      </c>
      <c r="F6736" t="s">
        <v>3969</v>
      </c>
      <c r="G6736" t="s">
        <v>80</v>
      </c>
      <c r="H6736" t="s">
        <v>81</v>
      </c>
      <c r="I6736" s="2">
        <v>0</v>
      </c>
      <c r="J6736" s="2">
        <v>1</v>
      </c>
      <c r="K6736" s="2">
        <v>0</v>
      </c>
      <c r="L6736" t="s">
        <v>82</v>
      </c>
      <c r="M6736" t="s">
        <v>89</v>
      </c>
      <c r="N6736" t="s">
        <v>90</v>
      </c>
      <c r="O6736" t="s">
        <v>85</v>
      </c>
      <c r="P6736" t="s">
        <v>86</v>
      </c>
      <c r="Q6736">
        <v>19</v>
      </c>
      <c r="R6736">
        <v>20</v>
      </c>
      <c r="S6736">
        <v>20</v>
      </c>
      <c r="T6736">
        <v>21</v>
      </c>
      <c r="U6736">
        <v>21</v>
      </c>
      <c r="V6736">
        <v>21</v>
      </c>
      <c r="W6736">
        <v>22</v>
      </c>
      <c r="X6736">
        <v>22</v>
      </c>
      <c r="Y6736">
        <v>22</v>
      </c>
      <c r="Z6736">
        <v>22</v>
      </c>
      <c r="AA6736">
        <v>23</v>
      </c>
      <c r="AB6736">
        <v>23</v>
      </c>
      <c r="AC6736">
        <v>23</v>
      </c>
      <c r="AD6736">
        <v>23</v>
      </c>
      <c r="AE6736">
        <v>24</v>
      </c>
      <c r="AF6736">
        <v>23</v>
      </c>
      <c r="AG6736">
        <v>23</v>
      </c>
      <c r="AH6736">
        <v>23</v>
      </c>
      <c r="AI6736">
        <v>23</v>
      </c>
      <c r="AJ6736">
        <v>23</v>
      </c>
      <c r="AK6736">
        <v>23</v>
      </c>
      <c r="AL6736">
        <v>23</v>
      </c>
      <c r="AM6736">
        <v>23</v>
      </c>
      <c r="AN6736">
        <v>23</v>
      </c>
      <c r="AO6736">
        <v>23</v>
      </c>
      <c r="AP6736">
        <v>23</v>
      </c>
      <c r="AQ6736">
        <v>23</v>
      </c>
    </row>
    <row r="6737" spans="1:43">
      <c r="A6737" t="s">
        <v>4212</v>
      </c>
      <c r="B6737" t="s">
        <v>4213</v>
      </c>
      <c r="C6737" t="s">
        <v>4214</v>
      </c>
      <c r="D6737" t="s">
        <v>4215</v>
      </c>
      <c r="E6737" t="s">
        <v>3968</v>
      </c>
      <c r="F6737" t="s">
        <v>3969</v>
      </c>
      <c r="G6737" t="s">
        <v>80</v>
      </c>
      <c r="H6737" t="s">
        <v>81</v>
      </c>
      <c r="I6737" s="2">
        <v>0</v>
      </c>
      <c r="J6737" s="2">
        <v>1</v>
      </c>
      <c r="K6737" s="2">
        <v>0</v>
      </c>
      <c r="L6737" t="s">
        <v>82</v>
      </c>
      <c r="M6737" t="s">
        <v>83</v>
      </c>
      <c r="N6737" t="s">
        <v>91</v>
      </c>
      <c r="O6737" t="s">
        <v>85</v>
      </c>
      <c r="P6737" t="s">
        <v>86</v>
      </c>
      <c r="Q6737">
        <v>19</v>
      </c>
      <c r="R6737">
        <v>19</v>
      </c>
      <c r="S6737">
        <v>20</v>
      </c>
      <c r="T6737">
        <v>20</v>
      </c>
      <c r="U6737">
        <v>20</v>
      </c>
      <c r="V6737">
        <v>20</v>
      </c>
      <c r="W6737">
        <v>20</v>
      </c>
      <c r="X6737">
        <v>21</v>
      </c>
      <c r="Y6737">
        <v>21</v>
      </c>
      <c r="Z6737">
        <v>21</v>
      </c>
      <c r="AA6737">
        <v>21</v>
      </c>
      <c r="AB6737">
        <v>21</v>
      </c>
      <c r="AC6737">
        <v>22</v>
      </c>
      <c r="AD6737">
        <v>22</v>
      </c>
      <c r="AE6737">
        <v>22</v>
      </c>
      <c r="AF6737">
        <v>22</v>
      </c>
      <c r="AG6737">
        <v>22</v>
      </c>
      <c r="AH6737">
        <v>22</v>
      </c>
      <c r="AI6737">
        <v>23</v>
      </c>
      <c r="AJ6737">
        <v>23</v>
      </c>
      <c r="AK6737">
        <v>23</v>
      </c>
      <c r="AL6737">
        <v>23</v>
      </c>
      <c r="AM6737">
        <v>23</v>
      </c>
      <c r="AN6737">
        <v>23</v>
      </c>
      <c r="AO6737">
        <v>23</v>
      </c>
      <c r="AP6737">
        <v>23</v>
      </c>
      <c r="AQ6737">
        <v>23</v>
      </c>
    </row>
    <row r="6738" spans="1:43">
      <c r="A6738" t="s">
        <v>4216</v>
      </c>
      <c r="B6738" t="s">
        <v>4217</v>
      </c>
      <c r="C6738" t="s">
        <v>4218</v>
      </c>
      <c r="D6738" t="s">
        <v>4219</v>
      </c>
      <c r="E6738" t="s">
        <v>3968</v>
      </c>
      <c r="F6738" t="s">
        <v>3969</v>
      </c>
      <c r="G6738" t="s">
        <v>80</v>
      </c>
      <c r="H6738" t="s">
        <v>81</v>
      </c>
      <c r="I6738" s="2">
        <v>0</v>
      </c>
      <c r="J6738" s="2">
        <v>1</v>
      </c>
      <c r="K6738" s="2">
        <v>0</v>
      </c>
      <c r="L6738" t="s">
        <v>82</v>
      </c>
      <c r="M6738" t="s">
        <v>83</v>
      </c>
      <c r="N6738" t="s">
        <v>84</v>
      </c>
      <c r="O6738" t="s">
        <v>85</v>
      </c>
      <c r="P6738" t="s">
        <v>86</v>
      </c>
      <c r="Q6738">
        <v>34</v>
      </c>
      <c r="R6738">
        <v>35</v>
      </c>
      <c r="S6738">
        <v>35</v>
      </c>
      <c r="T6738">
        <v>36</v>
      </c>
      <c r="U6738">
        <v>36</v>
      </c>
      <c r="V6738">
        <v>36</v>
      </c>
      <c r="W6738">
        <v>37</v>
      </c>
      <c r="X6738">
        <v>37</v>
      </c>
      <c r="Y6738">
        <v>38</v>
      </c>
      <c r="Z6738">
        <v>38</v>
      </c>
      <c r="AA6738">
        <v>39</v>
      </c>
      <c r="AB6738">
        <v>39</v>
      </c>
      <c r="AC6738">
        <v>39</v>
      </c>
      <c r="AD6738">
        <v>40</v>
      </c>
      <c r="AE6738">
        <v>40</v>
      </c>
      <c r="AF6738">
        <v>40</v>
      </c>
      <c r="AG6738">
        <v>41</v>
      </c>
      <c r="AH6738">
        <v>41</v>
      </c>
      <c r="AI6738">
        <v>41</v>
      </c>
      <c r="AJ6738">
        <v>42</v>
      </c>
      <c r="AK6738">
        <v>42</v>
      </c>
      <c r="AL6738">
        <v>42</v>
      </c>
      <c r="AM6738">
        <v>42</v>
      </c>
      <c r="AN6738">
        <v>42</v>
      </c>
      <c r="AO6738">
        <v>42</v>
      </c>
      <c r="AP6738">
        <v>42</v>
      </c>
      <c r="AQ6738">
        <v>42</v>
      </c>
    </row>
    <row r="6739" spans="1:43">
      <c r="A6739" t="s">
        <v>4216</v>
      </c>
      <c r="B6739" t="s">
        <v>4217</v>
      </c>
      <c r="C6739" t="s">
        <v>4218</v>
      </c>
      <c r="D6739" t="s">
        <v>4219</v>
      </c>
      <c r="E6739" t="s">
        <v>3968</v>
      </c>
      <c r="F6739" t="s">
        <v>3969</v>
      </c>
      <c r="G6739" t="s">
        <v>80</v>
      </c>
      <c r="H6739" t="s">
        <v>81</v>
      </c>
      <c r="I6739" s="2">
        <v>0</v>
      </c>
      <c r="J6739" s="2">
        <v>1</v>
      </c>
      <c r="K6739" s="2">
        <v>0</v>
      </c>
      <c r="L6739" t="s">
        <v>82</v>
      </c>
      <c r="M6739" t="s">
        <v>87</v>
      </c>
      <c r="N6739" t="s">
        <v>88</v>
      </c>
      <c r="O6739" t="s">
        <v>85</v>
      </c>
      <c r="P6739" t="s">
        <v>86</v>
      </c>
      <c r="Q6739">
        <v>34</v>
      </c>
      <c r="R6739">
        <v>34</v>
      </c>
      <c r="S6739">
        <v>34</v>
      </c>
      <c r="T6739">
        <v>34</v>
      </c>
      <c r="U6739">
        <v>34</v>
      </c>
      <c r="V6739">
        <v>35</v>
      </c>
      <c r="W6739">
        <v>35</v>
      </c>
      <c r="X6739">
        <v>35</v>
      </c>
      <c r="Y6739">
        <v>35</v>
      </c>
      <c r="Z6739">
        <v>35</v>
      </c>
      <c r="AA6739">
        <v>35</v>
      </c>
      <c r="AB6739">
        <v>35</v>
      </c>
      <c r="AC6739">
        <v>35</v>
      </c>
      <c r="AD6739">
        <v>35</v>
      </c>
      <c r="AE6739">
        <v>35</v>
      </c>
      <c r="AF6739">
        <v>35</v>
      </c>
      <c r="AG6739">
        <v>36</v>
      </c>
      <c r="AH6739">
        <v>36</v>
      </c>
      <c r="AI6739">
        <v>36</v>
      </c>
      <c r="AJ6739">
        <v>36</v>
      </c>
      <c r="AK6739">
        <v>36</v>
      </c>
      <c r="AL6739">
        <v>36</v>
      </c>
      <c r="AM6739">
        <v>36</v>
      </c>
      <c r="AN6739">
        <v>36</v>
      </c>
      <c r="AO6739">
        <v>36</v>
      </c>
      <c r="AP6739">
        <v>36</v>
      </c>
      <c r="AQ6739">
        <v>36</v>
      </c>
    </row>
    <row r="6740" spans="1:43">
      <c r="A6740" t="s">
        <v>4216</v>
      </c>
      <c r="B6740" t="s">
        <v>4217</v>
      </c>
      <c r="C6740" t="s">
        <v>4218</v>
      </c>
      <c r="D6740" t="s">
        <v>4219</v>
      </c>
      <c r="E6740" t="s">
        <v>3968</v>
      </c>
      <c r="F6740" t="s">
        <v>3969</v>
      </c>
      <c r="G6740" t="s">
        <v>80</v>
      </c>
      <c r="H6740" t="s">
        <v>81</v>
      </c>
      <c r="I6740" s="2">
        <v>0</v>
      </c>
      <c r="J6740" s="2">
        <v>1</v>
      </c>
      <c r="K6740" s="2">
        <v>0</v>
      </c>
      <c r="L6740" t="s">
        <v>82</v>
      </c>
      <c r="M6740" t="s">
        <v>89</v>
      </c>
      <c r="N6740" t="s">
        <v>90</v>
      </c>
      <c r="O6740" t="s">
        <v>85</v>
      </c>
      <c r="P6740" t="s">
        <v>86</v>
      </c>
      <c r="Q6740">
        <v>34</v>
      </c>
      <c r="R6740">
        <v>34</v>
      </c>
      <c r="S6740">
        <v>35</v>
      </c>
      <c r="T6740">
        <v>36</v>
      </c>
      <c r="U6740">
        <v>37</v>
      </c>
      <c r="V6740">
        <v>37</v>
      </c>
      <c r="W6740">
        <v>38</v>
      </c>
      <c r="X6740">
        <v>38</v>
      </c>
      <c r="Y6740">
        <v>39</v>
      </c>
      <c r="Z6740">
        <v>40</v>
      </c>
      <c r="AA6740">
        <v>40</v>
      </c>
      <c r="AB6740">
        <v>41</v>
      </c>
      <c r="AC6740">
        <v>41</v>
      </c>
      <c r="AD6740">
        <v>42</v>
      </c>
      <c r="AE6740">
        <v>42</v>
      </c>
      <c r="AF6740">
        <v>42</v>
      </c>
      <c r="AG6740">
        <v>42</v>
      </c>
      <c r="AH6740">
        <v>42</v>
      </c>
      <c r="AI6740">
        <v>42</v>
      </c>
      <c r="AJ6740">
        <v>42</v>
      </c>
      <c r="AK6740">
        <v>42</v>
      </c>
      <c r="AL6740">
        <v>42</v>
      </c>
      <c r="AM6740">
        <v>42</v>
      </c>
      <c r="AN6740">
        <v>42</v>
      </c>
      <c r="AO6740">
        <v>42</v>
      </c>
      <c r="AP6740">
        <v>42</v>
      </c>
      <c r="AQ6740">
        <v>42</v>
      </c>
    </row>
    <row r="6741" spans="1:43">
      <c r="A6741" t="s">
        <v>4216</v>
      </c>
      <c r="B6741" t="s">
        <v>4217</v>
      </c>
      <c r="C6741" t="s">
        <v>4218</v>
      </c>
      <c r="D6741" t="s">
        <v>4219</v>
      </c>
      <c r="E6741" t="s">
        <v>3968</v>
      </c>
      <c r="F6741" t="s">
        <v>3969</v>
      </c>
      <c r="G6741" t="s">
        <v>80</v>
      </c>
      <c r="H6741" t="s">
        <v>81</v>
      </c>
      <c r="I6741" s="2">
        <v>0</v>
      </c>
      <c r="J6741" s="2">
        <v>1</v>
      </c>
      <c r="K6741" s="2">
        <v>0</v>
      </c>
      <c r="L6741" t="s">
        <v>82</v>
      </c>
      <c r="M6741" t="s">
        <v>83</v>
      </c>
      <c r="N6741" t="s">
        <v>91</v>
      </c>
      <c r="O6741" t="s">
        <v>85</v>
      </c>
      <c r="P6741" t="s">
        <v>86</v>
      </c>
      <c r="Q6741">
        <v>34</v>
      </c>
      <c r="R6741">
        <v>35</v>
      </c>
      <c r="S6741">
        <v>35</v>
      </c>
      <c r="T6741">
        <v>36</v>
      </c>
      <c r="U6741">
        <v>36</v>
      </c>
      <c r="V6741">
        <v>36</v>
      </c>
      <c r="W6741">
        <v>37</v>
      </c>
      <c r="X6741">
        <v>37</v>
      </c>
      <c r="Y6741">
        <v>38</v>
      </c>
      <c r="Z6741">
        <v>38</v>
      </c>
      <c r="AA6741">
        <v>39</v>
      </c>
      <c r="AB6741">
        <v>39</v>
      </c>
      <c r="AC6741">
        <v>39</v>
      </c>
      <c r="AD6741">
        <v>40</v>
      </c>
      <c r="AE6741">
        <v>40</v>
      </c>
      <c r="AF6741">
        <v>40</v>
      </c>
      <c r="AG6741">
        <v>41</v>
      </c>
      <c r="AH6741">
        <v>41</v>
      </c>
      <c r="AI6741">
        <v>41</v>
      </c>
      <c r="AJ6741">
        <v>42</v>
      </c>
      <c r="AK6741">
        <v>42</v>
      </c>
      <c r="AL6741">
        <v>42</v>
      </c>
      <c r="AM6741">
        <v>42</v>
      </c>
      <c r="AN6741">
        <v>42</v>
      </c>
      <c r="AO6741">
        <v>42</v>
      </c>
      <c r="AP6741">
        <v>42</v>
      </c>
      <c r="AQ6741">
        <v>42</v>
      </c>
    </row>
    <row r="6742" spans="1:43">
      <c r="A6742" t="s">
        <v>4220</v>
      </c>
      <c r="B6742" t="s">
        <v>4221</v>
      </c>
      <c r="C6742" t="s">
        <v>4214</v>
      </c>
      <c r="D6742" t="s">
        <v>4215</v>
      </c>
      <c r="E6742" t="s">
        <v>3968</v>
      </c>
      <c r="F6742" t="s">
        <v>3969</v>
      </c>
      <c r="G6742" t="s">
        <v>80</v>
      </c>
      <c r="H6742" t="s">
        <v>81</v>
      </c>
      <c r="I6742" s="2">
        <v>0</v>
      </c>
      <c r="J6742" s="2">
        <v>1</v>
      </c>
      <c r="K6742" s="2">
        <v>0</v>
      </c>
      <c r="L6742" t="s">
        <v>82</v>
      </c>
      <c r="M6742" t="s">
        <v>83</v>
      </c>
      <c r="N6742" t="s">
        <v>84</v>
      </c>
      <c r="O6742" t="s">
        <v>85</v>
      </c>
      <c r="P6742" t="s">
        <v>86</v>
      </c>
      <c r="Q6742">
        <v>42</v>
      </c>
      <c r="R6742">
        <v>43</v>
      </c>
      <c r="S6742">
        <v>43</v>
      </c>
      <c r="T6742">
        <v>44</v>
      </c>
      <c r="U6742">
        <v>44</v>
      </c>
      <c r="V6742">
        <v>44</v>
      </c>
      <c r="W6742">
        <v>45</v>
      </c>
      <c r="X6742">
        <v>45</v>
      </c>
      <c r="Y6742">
        <v>46</v>
      </c>
      <c r="Z6742">
        <v>46</v>
      </c>
      <c r="AA6742">
        <v>47</v>
      </c>
      <c r="AB6742">
        <v>47</v>
      </c>
      <c r="AC6742">
        <v>47</v>
      </c>
      <c r="AD6742">
        <v>48</v>
      </c>
      <c r="AE6742">
        <v>48</v>
      </c>
      <c r="AF6742">
        <v>49</v>
      </c>
      <c r="AG6742">
        <v>49</v>
      </c>
      <c r="AH6742">
        <v>49</v>
      </c>
      <c r="AI6742">
        <v>50</v>
      </c>
      <c r="AJ6742">
        <v>50</v>
      </c>
      <c r="AK6742">
        <v>50</v>
      </c>
      <c r="AL6742">
        <v>50</v>
      </c>
      <c r="AM6742">
        <v>50</v>
      </c>
      <c r="AN6742">
        <v>50</v>
      </c>
      <c r="AO6742">
        <v>50</v>
      </c>
      <c r="AP6742">
        <v>50</v>
      </c>
      <c r="AQ6742">
        <v>49</v>
      </c>
    </row>
    <row r="6743" spans="1:43">
      <c r="A6743" t="s">
        <v>4220</v>
      </c>
      <c r="B6743" t="s">
        <v>4221</v>
      </c>
      <c r="C6743" t="s">
        <v>4214</v>
      </c>
      <c r="D6743" t="s">
        <v>4215</v>
      </c>
      <c r="E6743" t="s">
        <v>3968</v>
      </c>
      <c r="F6743" t="s">
        <v>3969</v>
      </c>
      <c r="G6743" t="s">
        <v>80</v>
      </c>
      <c r="H6743" t="s">
        <v>81</v>
      </c>
      <c r="I6743" s="2">
        <v>0</v>
      </c>
      <c r="J6743" s="2">
        <v>1</v>
      </c>
      <c r="K6743" s="2">
        <v>0</v>
      </c>
      <c r="L6743" t="s">
        <v>82</v>
      </c>
      <c r="M6743" t="s">
        <v>87</v>
      </c>
      <c r="N6743" t="s">
        <v>88</v>
      </c>
      <c r="O6743" t="s">
        <v>85</v>
      </c>
      <c r="P6743" t="s">
        <v>86</v>
      </c>
      <c r="Q6743">
        <v>42</v>
      </c>
      <c r="R6743">
        <v>42</v>
      </c>
      <c r="S6743">
        <v>42</v>
      </c>
      <c r="T6743">
        <v>42</v>
      </c>
      <c r="U6743">
        <v>42</v>
      </c>
      <c r="V6743">
        <v>42</v>
      </c>
      <c r="W6743">
        <v>42</v>
      </c>
      <c r="X6743">
        <v>42</v>
      </c>
      <c r="Y6743">
        <v>42</v>
      </c>
      <c r="Z6743">
        <v>42</v>
      </c>
      <c r="AA6743">
        <v>42</v>
      </c>
      <c r="AB6743">
        <v>43</v>
      </c>
      <c r="AC6743">
        <v>43</v>
      </c>
      <c r="AD6743">
        <v>43</v>
      </c>
      <c r="AE6743">
        <v>43</v>
      </c>
      <c r="AF6743">
        <v>43</v>
      </c>
      <c r="AG6743">
        <v>43</v>
      </c>
      <c r="AH6743">
        <v>43</v>
      </c>
      <c r="AI6743">
        <v>43</v>
      </c>
      <c r="AJ6743">
        <v>43</v>
      </c>
      <c r="AK6743">
        <v>43</v>
      </c>
      <c r="AL6743">
        <v>43</v>
      </c>
      <c r="AM6743">
        <v>43</v>
      </c>
      <c r="AN6743">
        <v>43</v>
      </c>
      <c r="AO6743">
        <v>43</v>
      </c>
      <c r="AP6743">
        <v>43</v>
      </c>
      <c r="AQ6743">
        <v>43</v>
      </c>
    </row>
    <row r="6744" spans="1:43">
      <c r="A6744" t="s">
        <v>4220</v>
      </c>
      <c r="B6744" t="s">
        <v>4221</v>
      </c>
      <c r="C6744" t="s">
        <v>4214</v>
      </c>
      <c r="D6744" t="s">
        <v>4215</v>
      </c>
      <c r="E6744" t="s">
        <v>3968</v>
      </c>
      <c r="F6744" t="s">
        <v>3969</v>
      </c>
      <c r="G6744" t="s">
        <v>80</v>
      </c>
      <c r="H6744" t="s">
        <v>81</v>
      </c>
      <c r="I6744" s="2">
        <v>0</v>
      </c>
      <c r="J6744" s="2">
        <v>1</v>
      </c>
      <c r="K6744" s="2">
        <v>0</v>
      </c>
      <c r="L6744" t="s">
        <v>82</v>
      </c>
      <c r="M6744" t="s">
        <v>89</v>
      </c>
      <c r="N6744" t="s">
        <v>90</v>
      </c>
      <c r="O6744" t="s">
        <v>85</v>
      </c>
      <c r="P6744" t="s">
        <v>86</v>
      </c>
      <c r="Q6744">
        <v>42</v>
      </c>
      <c r="R6744">
        <v>43</v>
      </c>
      <c r="S6744">
        <v>44</v>
      </c>
      <c r="T6744">
        <v>45</v>
      </c>
      <c r="U6744">
        <v>46</v>
      </c>
      <c r="V6744">
        <v>47</v>
      </c>
      <c r="W6744">
        <v>47</v>
      </c>
      <c r="X6744">
        <v>48</v>
      </c>
      <c r="Y6744">
        <v>49</v>
      </c>
      <c r="Z6744">
        <v>49</v>
      </c>
      <c r="AA6744">
        <v>50</v>
      </c>
      <c r="AB6744">
        <v>50</v>
      </c>
      <c r="AC6744">
        <v>51</v>
      </c>
      <c r="AD6744">
        <v>51</v>
      </c>
      <c r="AE6744">
        <v>52</v>
      </c>
      <c r="AF6744">
        <v>51</v>
      </c>
      <c r="AG6744">
        <v>51</v>
      </c>
      <c r="AH6744">
        <v>51</v>
      </c>
      <c r="AI6744">
        <v>51</v>
      </c>
      <c r="AJ6744">
        <v>51</v>
      </c>
      <c r="AK6744">
        <v>51</v>
      </c>
      <c r="AL6744">
        <v>51</v>
      </c>
      <c r="AM6744">
        <v>50</v>
      </c>
      <c r="AN6744">
        <v>50</v>
      </c>
      <c r="AO6744">
        <v>50</v>
      </c>
      <c r="AP6744">
        <v>50</v>
      </c>
      <c r="AQ6744">
        <v>50</v>
      </c>
    </row>
    <row r="6745" spans="1:43">
      <c r="A6745" t="s">
        <v>4220</v>
      </c>
      <c r="B6745" t="s">
        <v>4221</v>
      </c>
      <c r="C6745" t="s">
        <v>4214</v>
      </c>
      <c r="D6745" t="s">
        <v>4215</v>
      </c>
      <c r="E6745" t="s">
        <v>3968</v>
      </c>
      <c r="F6745" t="s">
        <v>3969</v>
      </c>
      <c r="G6745" t="s">
        <v>80</v>
      </c>
      <c r="H6745" t="s">
        <v>81</v>
      </c>
      <c r="I6745" s="2">
        <v>0</v>
      </c>
      <c r="J6745" s="2">
        <v>1</v>
      </c>
      <c r="K6745" s="2">
        <v>0</v>
      </c>
      <c r="L6745" t="s">
        <v>82</v>
      </c>
      <c r="M6745" t="s">
        <v>83</v>
      </c>
      <c r="N6745" t="s">
        <v>91</v>
      </c>
      <c r="O6745" t="s">
        <v>85</v>
      </c>
      <c r="P6745" t="s">
        <v>86</v>
      </c>
      <c r="Q6745">
        <v>42</v>
      </c>
      <c r="R6745">
        <v>43</v>
      </c>
      <c r="S6745">
        <v>43</v>
      </c>
      <c r="T6745">
        <v>44</v>
      </c>
      <c r="U6745">
        <v>44</v>
      </c>
      <c r="V6745">
        <v>44</v>
      </c>
      <c r="W6745">
        <v>45</v>
      </c>
      <c r="X6745">
        <v>45</v>
      </c>
      <c r="Y6745">
        <v>46</v>
      </c>
      <c r="Z6745">
        <v>46</v>
      </c>
      <c r="AA6745">
        <v>47</v>
      </c>
      <c r="AB6745">
        <v>47</v>
      </c>
      <c r="AC6745">
        <v>47</v>
      </c>
      <c r="AD6745">
        <v>48</v>
      </c>
      <c r="AE6745">
        <v>48</v>
      </c>
      <c r="AF6745">
        <v>49</v>
      </c>
      <c r="AG6745">
        <v>49</v>
      </c>
      <c r="AH6745">
        <v>49</v>
      </c>
      <c r="AI6745">
        <v>50</v>
      </c>
      <c r="AJ6745">
        <v>50</v>
      </c>
      <c r="AK6745">
        <v>50</v>
      </c>
      <c r="AL6745">
        <v>50</v>
      </c>
      <c r="AM6745">
        <v>50</v>
      </c>
      <c r="AN6745">
        <v>50</v>
      </c>
      <c r="AO6745">
        <v>50</v>
      </c>
      <c r="AP6745">
        <v>50</v>
      </c>
      <c r="AQ6745">
        <v>49</v>
      </c>
    </row>
    <row r="6746" spans="1:43">
      <c r="A6746" t="s">
        <v>4222</v>
      </c>
      <c r="B6746" t="s">
        <v>4223</v>
      </c>
      <c r="C6746" t="s">
        <v>4218</v>
      </c>
      <c r="D6746" t="s">
        <v>4219</v>
      </c>
      <c r="E6746" t="s">
        <v>3968</v>
      </c>
      <c r="F6746" t="s">
        <v>3969</v>
      </c>
      <c r="G6746" t="s">
        <v>80</v>
      </c>
      <c r="H6746" t="s">
        <v>81</v>
      </c>
      <c r="I6746" s="2">
        <v>0</v>
      </c>
      <c r="J6746" s="2">
        <v>1</v>
      </c>
      <c r="K6746" s="2">
        <v>0</v>
      </c>
      <c r="L6746" t="s">
        <v>82</v>
      </c>
      <c r="M6746" t="s">
        <v>83</v>
      </c>
      <c r="N6746" t="s">
        <v>84</v>
      </c>
      <c r="O6746" t="s">
        <v>85</v>
      </c>
      <c r="P6746" t="s">
        <v>86</v>
      </c>
      <c r="Q6746">
        <v>12</v>
      </c>
      <c r="R6746">
        <v>12</v>
      </c>
      <c r="S6746">
        <v>12</v>
      </c>
      <c r="T6746">
        <v>13</v>
      </c>
      <c r="U6746">
        <v>13</v>
      </c>
      <c r="V6746">
        <v>13</v>
      </c>
      <c r="W6746">
        <v>13</v>
      </c>
      <c r="X6746">
        <v>13</v>
      </c>
      <c r="Y6746">
        <v>13</v>
      </c>
      <c r="Z6746">
        <v>14</v>
      </c>
      <c r="AA6746">
        <v>14</v>
      </c>
      <c r="AB6746">
        <v>14</v>
      </c>
      <c r="AC6746">
        <v>14</v>
      </c>
      <c r="AD6746">
        <v>14</v>
      </c>
      <c r="AE6746">
        <v>14</v>
      </c>
      <c r="AF6746">
        <v>14</v>
      </c>
      <c r="AG6746">
        <v>15</v>
      </c>
      <c r="AH6746">
        <v>15</v>
      </c>
      <c r="AI6746">
        <v>15</v>
      </c>
      <c r="AJ6746">
        <v>15</v>
      </c>
      <c r="AK6746">
        <v>15</v>
      </c>
      <c r="AL6746">
        <v>15</v>
      </c>
      <c r="AM6746">
        <v>15</v>
      </c>
      <c r="AN6746">
        <v>15</v>
      </c>
      <c r="AO6746">
        <v>15</v>
      </c>
      <c r="AP6746">
        <v>15</v>
      </c>
      <c r="AQ6746">
        <v>15</v>
      </c>
    </row>
    <row r="6747" spans="1:43">
      <c r="A6747" t="s">
        <v>4222</v>
      </c>
      <c r="B6747" t="s">
        <v>4223</v>
      </c>
      <c r="C6747" t="s">
        <v>4218</v>
      </c>
      <c r="D6747" t="s">
        <v>4219</v>
      </c>
      <c r="E6747" t="s">
        <v>3968</v>
      </c>
      <c r="F6747" t="s">
        <v>3969</v>
      </c>
      <c r="G6747" t="s">
        <v>80</v>
      </c>
      <c r="H6747" t="s">
        <v>81</v>
      </c>
      <c r="I6747" s="2">
        <v>0</v>
      </c>
      <c r="J6747" s="2">
        <v>1</v>
      </c>
      <c r="K6747" s="2">
        <v>0</v>
      </c>
      <c r="L6747" t="s">
        <v>82</v>
      </c>
      <c r="M6747" t="s">
        <v>87</v>
      </c>
      <c r="N6747" t="s">
        <v>88</v>
      </c>
      <c r="O6747" t="s">
        <v>85</v>
      </c>
      <c r="P6747" t="s">
        <v>86</v>
      </c>
      <c r="Q6747">
        <v>12</v>
      </c>
      <c r="R6747">
        <v>12</v>
      </c>
      <c r="S6747">
        <v>12</v>
      </c>
      <c r="T6747">
        <v>12</v>
      </c>
      <c r="U6747">
        <v>12</v>
      </c>
      <c r="V6747">
        <v>12</v>
      </c>
      <c r="W6747">
        <v>12</v>
      </c>
      <c r="X6747">
        <v>12</v>
      </c>
      <c r="Y6747">
        <v>12</v>
      </c>
      <c r="Z6747">
        <v>12</v>
      </c>
      <c r="AA6747">
        <v>12</v>
      </c>
      <c r="AB6747">
        <v>12</v>
      </c>
      <c r="AC6747">
        <v>13</v>
      </c>
      <c r="AD6747">
        <v>13</v>
      </c>
      <c r="AE6747">
        <v>13</v>
      </c>
      <c r="AF6747">
        <v>13</v>
      </c>
      <c r="AG6747">
        <v>13</v>
      </c>
      <c r="AH6747">
        <v>13</v>
      </c>
      <c r="AI6747">
        <v>13</v>
      </c>
      <c r="AJ6747">
        <v>13</v>
      </c>
      <c r="AK6747">
        <v>13</v>
      </c>
      <c r="AL6747">
        <v>13</v>
      </c>
      <c r="AM6747">
        <v>13</v>
      </c>
      <c r="AN6747">
        <v>13</v>
      </c>
      <c r="AO6747">
        <v>13</v>
      </c>
      <c r="AP6747">
        <v>13</v>
      </c>
      <c r="AQ6747">
        <v>13</v>
      </c>
    </row>
    <row r="6748" spans="1:43">
      <c r="A6748" t="s">
        <v>4222</v>
      </c>
      <c r="B6748" t="s">
        <v>4223</v>
      </c>
      <c r="C6748" t="s">
        <v>4218</v>
      </c>
      <c r="D6748" t="s">
        <v>4219</v>
      </c>
      <c r="E6748" t="s">
        <v>3968</v>
      </c>
      <c r="F6748" t="s">
        <v>3969</v>
      </c>
      <c r="G6748" t="s">
        <v>80</v>
      </c>
      <c r="H6748" t="s">
        <v>81</v>
      </c>
      <c r="I6748" s="2">
        <v>0</v>
      </c>
      <c r="J6748" s="2">
        <v>1</v>
      </c>
      <c r="K6748" s="2">
        <v>0</v>
      </c>
      <c r="L6748" t="s">
        <v>82</v>
      </c>
      <c r="M6748" t="s">
        <v>89</v>
      </c>
      <c r="N6748" t="s">
        <v>90</v>
      </c>
      <c r="O6748" t="s">
        <v>85</v>
      </c>
      <c r="P6748" t="s">
        <v>86</v>
      </c>
      <c r="Q6748">
        <v>12</v>
      </c>
      <c r="R6748">
        <v>12</v>
      </c>
      <c r="S6748">
        <v>13</v>
      </c>
      <c r="T6748">
        <v>13</v>
      </c>
      <c r="U6748">
        <v>13</v>
      </c>
      <c r="V6748">
        <v>13</v>
      </c>
      <c r="W6748">
        <v>14</v>
      </c>
      <c r="X6748">
        <v>14</v>
      </c>
      <c r="Y6748">
        <v>14</v>
      </c>
      <c r="Z6748">
        <v>14</v>
      </c>
      <c r="AA6748">
        <v>15</v>
      </c>
      <c r="AB6748">
        <v>15</v>
      </c>
      <c r="AC6748">
        <v>15</v>
      </c>
      <c r="AD6748">
        <v>15</v>
      </c>
      <c r="AE6748">
        <v>15</v>
      </c>
      <c r="AF6748">
        <v>15</v>
      </c>
      <c r="AG6748">
        <v>15</v>
      </c>
      <c r="AH6748">
        <v>15</v>
      </c>
      <c r="AI6748">
        <v>15</v>
      </c>
      <c r="AJ6748">
        <v>15</v>
      </c>
      <c r="AK6748">
        <v>16</v>
      </c>
      <c r="AL6748">
        <v>16</v>
      </c>
      <c r="AM6748">
        <v>16</v>
      </c>
      <c r="AN6748">
        <v>16</v>
      </c>
      <c r="AO6748">
        <v>16</v>
      </c>
      <c r="AP6748">
        <v>16</v>
      </c>
      <c r="AQ6748">
        <v>16</v>
      </c>
    </row>
    <row r="6749" spans="1:43">
      <c r="A6749" t="s">
        <v>4222</v>
      </c>
      <c r="B6749" t="s">
        <v>4223</v>
      </c>
      <c r="C6749" t="s">
        <v>4218</v>
      </c>
      <c r="D6749" t="s">
        <v>4219</v>
      </c>
      <c r="E6749" t="s">
        <v>3968</v>
      </c>
      <c r="F6749" t="s">
        <v>3969</v>
      </c>
      <c r="G6749" t="s">
        <v>80</v>
      </c>
      <c r="H6749" t="s">
        <v>81</v>
      </c>
      <c r="I6749" s="2">
        <v>0</v>
      </c>
      <c r="J6749" s="2">
        <v>1</v>
      </c>
      <c r="K6749" s="2">
        <v>0</v>
      </c>
      <c r="L6749" t="s">
        <v>82</v>
      </c>
      <c r="M6749" t="s">
        <v>83</v>
      </c>
      <c r="N6749" t="s">
        <v>91</v>
      </c>
      <c r="O6749" t="s">
        <v>85</v>
      </c>
      <c r="P6749" t="s">
        <v>86</v>
      </c>
      <c r="Q6749">
        <v>12</v>
      </c>
      <c r="R6749">
        <v>12</v>
      </c>
      <c r="S6749">
        <v>12</v>
      </c>
      <c r="T6749">
        <v>13</v>
      </c>
      <c r="U6749">
        <v>13</v>
      </c>
      <c r="V6749">
        <v>13</v>
      </c>
      <c r="W6749">
        <v>13</v>
      </c>
      <c r="X6749">
        <v>13</v>
      </c>
      <c r="Y6749">
        <v>13</v>
      </c>
      <c r="Z6749">
        <v>14</v>
      </c>
      <c r="AA6749">
        <v>14</v>
      </c>
      <c r="AB6749">
        <v>14</v>
      </c>
      <c r="AC6749">
        <v>14</v>
      </c>
      <c r="AD6749">
        <v>14</v>
      </c>
      <c r="AE6749">
        <v>14</v>
      </c>
      <c r="AF6749">
        <v>14</v>
      </c>
      <c r="AG6749">
        <v>15</v>
      </c>
      <c r="AH6749">
        <v>15</v>
      </c>
      <c r="AI6749">
        <v>15</v>
      </c>
      <c r="AJ6749">
        <v>15</v>
      </c>
      <c r="AK6749">
        <v>15</v>
      </c>
      <c r="AL6749">
        <v>15</v>
      </c>
      <c r="AM6749">
        <v>15</v>
      </c>
      <c r="AN6749">
        <v>15</v>
      </c>
      <c r="AO6749">
        <v>15</v>
      </c>
      <c r="AP6749">
        <v>15</v>
      </c>
      <c r="AQ6749">
        <v>15</v>
      </c>
    </row>
    <row r="6750" spans="1:43">
      <c r="A6750" t="s">
        <v>4224</v>
      </c>
      <c r="B6750" t="s">
        <v>4225</v>
      </c>
      <c r="C6750" t="s">
        <v>4218</v>
      </c>
      <c r="D6750" t="s">
        <v>4219</v>
      </c>
      <c r="E6750" t="s">
        <v>3968</v>
      </c>
      <c r="F6750" t="s">
        <v>3969</v>
      </c>
      <c r="G6750" t="s">
        <v>80</v>
      </c>
      <c r="H6750" t="s">
        <v>81</v>
      </c>
      <c r="I6750" s="2">
        <v>0</v>
      </c>
      <c r="J6750" s="2">
        <v>1</v>
      </c>
      <c r="K6750" s="2">
        <v>0</v>
      </c>
      <c r="L6750" t="s">
        <v>82</v>
      </c>
      <c r="M6750" t="s">
        <v>83</v>
      </c>
      <c r="N6750" t="s">
        <v>84</v>
      </c>
      <c r="O6750" t="s">
        <v>85</v>
      </c>
      <c r="P6750" t="s">
        <v>86</v>
      </c>
      <c r="Q6750">
        <v>22</v>
      </c>
      <c r="R6750">
        <v>23</v>
      </c>
      <c r="S6750">
        <v>23</v>
      </c>
      <c r="T6750">
        <v>23</v>
      </c>
      <c r="U6750">
        <v>23</v>
      </c>
      <c r="V6750">
        <v>24</v>
      </c>
      <c r="W6750">
        <v>24</v>
      </c>
      <c r="X6750">
        <v>24</v>
      </c>
      <c r="Y6750">
        <v>25</v>
      </c>
      <c r="Z6750">
        <v>25</v>
      </c>
      <c r="AA6750">
        <v>25</v>
      </c>
      <c r="AB6750">
        <v>26</v>
      </c>
      <c r="AC6750">
        <v>26</v>
      </c>
      <c r="AD6750">
        <v>26</v>
      </c>
      <c r="AE6750">
        <v>26</v>
      </c>
      <c r="AF6750">
        <v>27</v>
      </c>
      <c r="AG6750">
        <v>27</v>
      </c>
      <c r="AH6750">
        <v>27</v>
      </c>
      <c r="AI6750">
        <v>27</v>
      </c>
      <c r="AJ6750">
        <v>28</v>
      </c>
      <c r="AK6750">
        <v>28</v>
      </c>
      <c r="AL6750">
        <v>28</v>
      </c>
      <c r="AM6750">
        <v>28</v>
      </c>
      <c r="AN6750">
        <v>28</v>
      </c>
      <c r="AO6750">
        <v>28</v>
      </c>
      <c r="AP6750">
        <v>28</v>
      </c>
      <c r="AQ6750">
        <v>28</v>
      </c>
    </row>
    <row r="6751" spans="1:43">
      <c r="A6751" t="s">
        <v>4224</v>
      </c>
      <c r="B6751" t="s">
        <v>4225</v>
      </c>
      <c r="C6751" t="s">
        <v>4218</v>
      </c>
      <c r="D6751" t="s">
        <v>4219</v>
      </c>
      <c r="E6751" t="s">
        <v>3968</v>
      </c>
      <c r="F6751" t="s">
        <v>3969</v>
      </c>
      <c r="G6751" t="s">
        <v>80</v>
      </c>
      <c r="H6751" t="s">
        <v>81</v>
      </c>
      <c r="I6751" s="2">
        <v>0</v>
      </c>
      <c r="J6751" s="2">
        <v>1</v>
      </c>
      <c r="K6751" s="2">
        <v>0</v>
      </c>
      <c r="L6751" t="s">
        <v>82</v>
      </c>
      <c r="M6751" t="s">
        <v>87</v>
      </c>
      <c r="N6751" t="s">
        <v>88</v>
      </c>
      <c r="O6751" t="s">
        <v>85</v>
      </c>
      <c r="P6751" t="s">
        <v>86</v>
      </c>
      <c r="Q6751">
        <v>22</v>
      </c>
      <c r="R6751">
        <v>22</v>
      </c>
      <c r="S6751">
        <v>22</v>
      </c>
      <c r="T6751">
        <v>22</v>
      </c>
      <c r="U6751">
        <v>22</v>
      </c>
      <c r="V6751">
        <v>23</v>
      </c>
      <c r="W6751">
        <v>23</v>
      </c>
      <c r="X6751">
        <v>23</v>
      </c>
      <c r="Y6751">
        <v>23</v>
      </c>
      <c r="Z6751">
        <v>23</v>
      </c>
      <c r="AA6751">
        <v>23</v>
      </c>
      <c r="AB6751">
        <v>23</v>
      </c>
      <c r="AC6751">
        <v>23</v>
      </c>
      <c r="AD6751">
        <v>23</v>
      </c>
      <c r="AE6751">
        <v>23</v>
      </c>
      <c r="AF6751">
        <v>23</v>
      </c>
      <c r="AG6751">
        <v>23</v>
      </c>
      <c r="AH6751">
        <v>24</v>
      </c>
      <c r="AI6751">
        <v>24</v>
      </c>
      <c r="AJ6751">
        <v>24</v>
      </c>
      <c r="AK6751">
        <v>24</v>
      </c>
      <c r="AL6751">
        <v>24</v>
      </c>
      <c r="AM6751">
        <v>24</v>
      </c>
      <c r="AN6751">
        <v>24</v>
      </c>
      <c r="AO6751">
        <v>24</v>
      </c>
      <c r="AP6751">
        <v>24</v>
      </c>
      <c r="AQ6751">
        <v>24</v>
      </c>
    </row>
    <row r="6752" spans="1:43">
      <c r="A6752" t="s">
        <v>4224</v>
      </c>
      <c r="B6752" t="s">
        <v>4225</v>
      </c>
      <c r="C6752" t="s">
        <v>4218</v>
      </c>
      <c r="D6752" t="s">
        <v>4219</v>
      </c>
      <c r="E6752" t="s">
        <v>3968</v>
      </c>
      <c r="F6752" t="s">
        <v>3969</v>
      </c>
      <c r="G6752" t="s">
        <v>80</v>
      </c>
      <c r="H6752" t="s">
        <v>81</v>
      </c>
      <c r="I6752" s="2">
        <v>0</v>
      </c>
      <c r="J6752" s="2">
        <v>1</v>
      </c>
      <c r="K6752" s="2">
        <v>0</v>
      </c>
      <c r="L6752" t="s">
        <v>82</v>
      </c>
      <c r="M6752" t="s">
        <v>89</v>
      </c>
      <c r="N6752" t="s">
        <v>90</v>
      </c>
      <c r="O6752" t="s">
        <v>85</v>
      </c>
      <c r="P6752" t="s">
        <v>86</v>
      </c>
      <c r="Q6752">
        <v>22</v>
      </c>
      <c r="R6752">
        <v>23</v>
      </c>
      <c r="S6752">
        <v>23</v>
      </c>
      <c r="T6752">
        <v>24</v>
      </c>
      <c r="U6752">
        <v>24</v>
      </c>
      <c r="V6752">
        <v>25</v>
      </c>
      <c r="W6752">
        <v>25</v>
      </c>
      <c r="X6752">
        <v>26</v>
      </c>
      <c r="Y6752">
        <v>26</v>
      </c>
      <c r="Z6752">
        <v>27</v>
      </c>
      <c r="AA6752">
        <v>27</v>
      </c>
      <c r="AB6752">
        <v>27</v>
      </c>
      <c r="AC6752">
        <v>28</v>
      </c>
      <c r="AD6752">
        <v>28</v>
      </c>
      <c r="AE6752">
        <v>28</v>
      </c>
      <c r="AF6752">
        <v>28</v>
      </c>
      <c r="AG6752">
        <v>28</v>
      </c>
      <c r="AH6752">
        <v>28</v>
      </c>
      <c r="AI6752">
        <v>29</v>
      </c>
      <c r="AJ6752">
        <v>29</v>
      </c>
      <c r="AK6752">
        <v>29</v>
      </c>
      <c r="AL6752">
        <v>29</v>
      </c>
      <c r="AM6752">
        <v>29</v>
      </c>
      <c r="AN6752">
        <v>29</v>
      </c>
      <c r="AO6752">
        <v>29</v>
      </c>
      <c r="AP6752">
        <v>29</v>
      </c>
      <c r="AQ6752">
        <v>29</v>
      </c>
    </row>
    <row r="6753" spans="1:43">
      <c r="A6753" t="s">
        <v>4224</v>
      </c>
      <c r="B6753" t="s">
        <v>4225</v>
      </c>
      <c r="C6753" t="s">
        <v>4218</v>
      </c>
      <c r="D6753" t="s">
        <v>4219</v>
      </c>
      <c r="E6753" t="s">
        <v>3968</v>
      </c>
      <c r="F6753" t="s">
        <v>3969</v>
      </c>
      <c r="G6753" t="s">
        <v>80</v>
      </c>
      <c r="H6753" t="s">
        <v>81</v>
      </c>
      <c r="I6753" s="2">
        <v>0</v>
      </c>
      <c r="J6753" s="2">
        <v>1</v>
      </c>
      <c r="K6753" s="2">
        <v>0</v>
      </c>
      <c r="L6753" t="s">
        <v>82</v>
      </c>
      <c r="M6753" t="s">
        <v>83</v>
      </c>
      <c r="N6753" t="s">
        <v>91</v>
      </c>
      <c r="O6753" t="s">
        <v>85</v>
      </c>
      <c r="P6753" t="s">
        <v>86</v>
      </c>
      <c r="Q6753">
        <v>22</v>
      </c>
      <c r="R6753">
        <v>23</v>
      </c>
      <c r="S6753">
        <v>23</v>
      </c>
      <c r="T6753">
        <v>23</v>
      </c>
      <c r="U6753">
        <v>23</v>
      </c>
      <c r="V6753">
        <v>24</v>
      </c>
      <c r="W6753">
        <v>24</v>
      </c>
      <c r="X6753">
        <v>24</v>
      </c>
      <c r="Y6753">
        <v>25</v>
      </c>
      <c r="Z6753">
        <v>25</v>
      </c>
      <c r="AA6753">
        <v>25</v>
      </c>
      <c r="AB6753">
        <v>26</v>
      </c>
      <c r="AC6753">
        <v>26</v>
      </c>
      <c r="AD6753">
        <v>26</v>
      </c>
      <c r="AE6753">
        <v>26</v>
      </c>
      <c r="AF6753">
        <v>27</v>
      </c>
      <c r="AG6753">
        <v>27</v>
      </c>
      <c r="AH6753">
        <v>27</v>
      </c>
      <c r="AI6753">
        <v>27</v>
      </c>
      <c r="AJ6753">
        <v>28</v>
      </c>
      <c r="AK6753">
        <v>28</v>
      </c>
      <c r="AL6753">
        <v>28</v>
      </c>
      <c r="AM6753">
        <v>28</v>
      </c>
      <c r="AN6753">
        <v>28</v>
      </c>
      <c r="AO6753">
        <v>28</v>
      </c>
      <c r="AP6753">
        <v>28</v>
      </c>
      <c r="AQ6753">
        <v>28</v>
      </c>
    </row>
    <row r="6754" spans="1:43">
      <c r="A6754" t="s">
        <v>4226</v>
      </c>
      <c r="B6754" t="s">
        <v>4227</v>
      </c>
      <c r="C6754" t="s">
        <v>4214</v>
      </c>
      <c r="D6754" t="s">
        <v>4215</v>
      </c>
      <c r="E6754" t="s">
        <v>3968</v>
      </c>
      <c r="F6754" t="s">
        <v>3969</v>
      </c>
      <c r="G6754" t="s">
        <v>80</v>
      </c>
      <c r="H6754" t="s">
        <v>81</v>
      </c>
      <c r="I6754" s="2">
        <v>0</v>
      </c>
      <c r="J6754" s="2">
        <v>1</v>
      </c>
      <c r="K6754" s="2">
        <v>0</v>
      </c>
      <c r="L6754" t="s">
        <v>82</v>
      </c>
      <c r="M6754" t="s">
        <v>83</v>
      </c>
      <c r="N6754" t="s">
        <v>84</v>
      </c>
      <c r="O6754" t="s">
        <v>85</v>
      </c>
      <c r="P6754" t="s">
        <v>86</v>
      </c>
      <c r="Q6754">
        <v>11</v>
      </c>
      <c r="R6754">
        <v>11</v>
      </c>
      <c r="S6754">
        <v>11</v>
      </c>
      <c r="T6754">
        <v>12</v>
      </c>
      <c r="U6754">
        <v>12</v>
      </c>
      <c r="V6754">
        <v>12</v>
      </c>
      <c r="W6754">
        <v>12</v>
      </c>
      <c r="X6754">
        <v>12</v>
      </c>
      <c r="Y6754">
        <v>12</v>
      </c>
      <c r="Z6754">
        <v>12</v>
      </c>
      <c r="AA6754">
        <v>12</v>
      </c>
      <c r="AB6754">
        <v>12</v>
      </c>
      <c r="AC6754">
        <v>13</v>
      </c>
      <c r="AD6754">
        <v>13</v>
      </c>
      <c r="AE6754">
        <v>13</v>
      </c>
      <c r="AF6754">
        <v>13</v>
      </c>
      <c r="AG6754">
        <v>13</v>
      </c>
      <c r="AH6754">
        <v>13</v>
      </c>
      <c r="AI6754">
        <v>13</v>
      </c>
      <c r="AJ6754">
        <v>13</v>
      </c>
      <c r="AK6754">
        <v>13</v>
      </c>
      <c r="AL6754">
        <v>13</v>
      </c>
      <c r="AM6754">
        <v>13</v>
      </c>
      <c r="AN6754">
        <v>13</v>
      </c>
      <c r="AO6754">
        <v>13</v>
      </c>
      <c r="AP6754">
        <v>13</v>
      </c>
      <c r="AQ6754">
        <v>13</v>
      </c>
    </row>
    <row r="6755" spans="1:43">
      <c r="A6755" t="s">
        <v>4226</v>
      </c>
      <c r="B6755" t="s">
        <v>4227</v>
      </c>
      <c r="C6755" t="s">
        <v>4214</v>
      </c>
      <c r="D6755" t="s">
        <v>4215</v>
      </c>
      <c r="E6755" t="s">
        <v>3968</v>
      </c>
      <c r="F6755" t="s">
        <v>3969</v>
      </c>
      <c r="G6755" t="s">
        <v>80</v>
      </c>
      <c r="H6755" t="s">
        <v>81</v>
      </c>
      <c r="I6755" s="2">
        <v>0</v>
      </c>
      <c r="J6755" s="2">
        <v>1</v>
      </c>
      <c r="K6755" s="2">
        <v>0</v>
      </c>
      <c r="L6755" t="s">
        <v>82</v>
      </c>
      <c r="M6755" t="s">
        <v>87</v>
      </c>
      <c r="N6755" t="s">
        <v>88</v>
      </c>
      <c r="O6755" t="s">
        <v>85</v>
      </c>
      <c r="P6755" t="s">
        <v>86</v>
      </c>
      <c r="Q6755">
        <v>11</v>
      </c>
      <c r="R6755">
        <v>11</v>
      </c>
      <c r="S6755">
        <v>11</v>
      </c>
      <c r="T6755">
        <v>11</v>
      </c>
      <c r="U6755">
        <v>11</v>
      </c>
      <c r="V6755">
        <v>11</v>
      </c>
      <c r="W6755">
        <v>11</v>
      </c>
      <c r="X6755">
        <v>11</v>
      </c>
      <c r="Y6755">
        <v>11</v>
      </c>
      <c r="Z6755">
        <v>11</v>
      </c>
      <c r="AA6755">
        <v>11</v>
      </c>
      <c r="AB6755">
        <v>11</v>
      </c>
      <c r="AC6755">
        <v>11</v>
      </c>
      <c r="AD6755">
        <v>11</v>
      </c>
      <c r="AE6755">
        <v>11</v>
      </c>
      <c r="AF6755">
        <v>11</v>
      </c>
      <c r="AG6755">
        <v>11</v>
      </c>
      <c r="AH6755">
        <v>11</v>
      </c>
      <c r="AI6755">
        <v>11</v>
      </c>
      <c r="AJ6755">
        <v>11</v>
      </c>
      <c r="AK6755">
        <v>11</v>
      </c>
      <c r="AL6755">
        <v>11</v>
      </c>
      <c r="AM6755">
        <v>11</v>
      </c>
      <c r="AN6755">
        <v>11</v>
      </c>
      <c r="AO6755">
        <v>11</v>
      </c>
      <c r="AP6755">
        <v>11</v>
      </c>
      <c r="AQ6755">
        <v>11</v>
      </c>
    </row>
    <row r="6756" spans="1:43">
      <c r="A6756" t="s">
        <v>4226</v>
      </c>
      <c r="B6756" t="s">
        <v>4227</v>
      </c>
      <c r="C6756" t="s">
        <v>4214</v>
      </c>
      <c r="D6756" t="s">
        <v>4215</v>
      </c>
      <c r="E6756" t="s">
        <v>3968</v>
      </c>
      <c r="F6756" t="s">
        <v>3969</v>
      </c>
      <c r="G6756" t="s">
        <v>80</v>
      </c>
      <c r="H6756" t="s">
        <v>81</v>
      </c>
      <c r="I6756" s="2">
        <v>0</v>
      </c>
      <c r="J6756" s="2">
        <v>1</v>
      </c>
      <c r="K6756" s="2">
        <v>0</v>
      </c>
      <c r="L6756" t="s">
        <v>82</v>
      </c>
      <c r="M6756" t="s">
        <v>89</v>
      </c>
      <c r="N6756" t="s">
        <v>90</v>
      </c>
      <c r="O6756" t="s">
        <v>85</v>
      </c>
      <c r="P6756" t="s">
        <v>86</v>
      </c>
      <c r="Q6756">
        <v>11</v>
      </c>
      <c r="R6756">
        <v>11</v>
      </c>
      <c r="S6756">
        <v>12</v>
      </c>
      <c r="T6756">
        <v>12</v>
      </c>
      <c r="U6756">
        <v>12</v>
      </c>
      <c r="V6756">
        <v>12</v>
      </c>
      <c r="W6756">
        <v>13</v>
      </c>
      <c r="X6756">
        <v>13</v>
      </c>
      <c r="Y6756">
        <v>13</v>
      </c>
      <c r="Z6756">
        <v>13</v>
      </c>
      <c r="AA6756">
        <v>13</v>
      </c>
      <c r="AB6756">
        <v>13</v>
      </c>
      <c r="AC6756">
        <v>13</v>
      </c>
      <c r="AD6756">
        <v>14</v>
      </c>
      <c r="AE6756">
        <v>14</v>
      </c>
      <c r="AF6756">
        <v>14</v>
      </c>
      <c r="AG6756">
        <v>14</v>
      </c>
      <c r="AH6756">
        <v>14</v>
      </c>
      <c r="AI6756">
        <v>14</v>
      </c>
      <c r="AJ6756">
        <v>13</v>
      </c>
      <c r="AK6756">
        <v>13</v>
      </c>
      <c r="AL6756">
        <v>13</v>
      </c>
      <c r="AM6756">
        <v>13</v>
      </c>
      <c r="AN6756">
        <v>13</v>
      </c>
      <c r="AO6756">
        <v>13</v>
      </c>
      <c r="AP6756">
        <v>13</v>
      </c>
      <c r="AQ6756">
        <v>13</v>
      </c>
    </row>
    <row r="6757" spans="1:43">
      <c r="A6757" t="s">
        <v>4226</v>
      </c>
      <c r="B6757" t="s">
        <v>4227</v>
      </c>
      <c r="C6757" t="s">
        <v>4214</v>
      </c>
      <c r="D6757" t="s">
        <v>4215</v>
      </c>
      <c r="E6757" t="s">
        <v>3968</v>
      </c>
      <c r="F6757" t="s">
        <v>3969</v>
      </c>
      <c r="G6757" t="s">
        <v>80</v>
      </c>
      <c r="H6757" t="s">
        <v>81</v>
      </c>
      <c r="I6757" s="2">
        <v>0</v>
      </c>
      <c r="J6757" s="2">
        <v>1</v>
      </c>
      <c r="K6757" s="2">
        <v>0</v>
      </c>
      <c r="L6757" t="s">
        <v>82</v>
      </c>
      <c r="M6757" t="s">
        <v>83</v>
      </c>
      <c r="N6757" t="s">
        <v>91</v>
      </c>
      <c r="O6757" t="s">
        <v>85</v>
      </c>
      <c r="P6757" t="s">
        <v>86</v>
      </c>
      <c r="Q6757">
        <v>11</v>
      </c>
      <c r="R6757">
        <v>11</v>
      </c>
      <c r="S6757">
        <v>11</v>
      </c>
      <c r="T6757">
        <v>12</v>
      </c>
      <c r="U6757">
        <v>12</v>
      </c>
      <c r="V6757">
        <v>12</v>
      </c>
      <c r="W6757">
        <v>12</v>
      </c>
      <c r="X6757">
        <v>12</v>
      </c>
      <c r="Y6757">
        <v>12</v>
      </c>
      <c r="Z6757">
        <v>12</v>
      </c>
      <c r="AA6757">
        <v>12</v>
      </c>
      <c r="AB6757">
        <v>12</v>
      </c>
      <c r="AC6757">
        <v>13</v>
      </c>
      <c r="AD6757">
        <v>13</v>
      </c>
      <c r="AE6757">
        <v>13</v>
      </c>
      <c r="AF6757">
        <v>13</v>
      </c>
      <c r="AG6757">
        <v>13</v>
      </c>
      <c r="AH6757">
        <v>13</v>
      </c>
      <c r="AI6757">
        <v>13</v>
      </c>
      <c r="AJ6757">
        <v>13</v>
      </c>
      <c r="AK6757">
        <v>13</v>
      </c>
      <c r="AL6757">
        <v>13</v>
      </c>
      <c r="AM6757">
        <v>13</v>
      </c>
      <c r="AN6757">
        <v>13</v>
      </c>
      <c r="AO6757">
        <v>13</v>
      </c>
      <c r="AP6757">
        <v>13</v>
      </c>
      <c r="AQ6757">
        <v>13</v>
      </c>
    </row>
    <row r="6758" spans="1:43">
      <c r="A6758" t="s">
        <v>4228</v>
      </c>
      <c r="B6758" t="s">
        <v>4229</v>
      </c>
      <c r="C6758" t="s">
        <v>4214</v>
      </c>
      <c r="D6758" t="s">
        <v>4215</v>
      </c>
      <c r="E6758" t="s">
        <v>3968</v>
      </c>
      <c r="F6758" t="s">
        <v>3969</v>
      </c>
      <c r="G6758" t="s">
        <v>80</v>
      </c>
      <c r="H6758" t="s">
        <v>81</v>
      </c>
      <c r="I6758" s="2">
        <v>0</v>
      </c>
      <c r="J6758" s="2">
        <v>1</v>
      </c>
      <c r="K6758" s="2">
        <v>0</v>
      </c>
      <c r="L6758" t="s">
        <v>82</v>
      </c>
      <c r="M6758" t="s">
        <v>83</v>
      </c>
      <c r="N6758" t="s">
        <v>84</v>
      </c>
      <c r="O6758" t="s">
        <v>85</v>
      </c>
      <c r="P6758" t="s">
        <v>86</v>
      </c>
      <c r="Q6758">
        <v>29</v>
      </c>
      <c r="R6758">
        <v>30</v>
      </c>
      <c r="S6758">
        <v>30</v>
      </c>
      <c r="T6758">
        <v>30</v>
      </c>
      <c r="U6758">
        <v>31</v>
      </c>
      <c r="V6758">
        <v>31</v>
      </c>
      <c r="W6758">
        <v>31</v>
      </c>
      <c r="X6758">
        <v>32</v>
      </c>
      <c r="Y6758">
        <v>32</v>
      </c>
      <c r="Z6758">
        <v>32</v>
      </c>
      <c r="AA6758">
        <v>33</v>
      </c>
      <c r="AB6758">
        <v>33</v>
      </c>
      <c r="AC6758">
        <v>33</v>
      </c>
      <c r="AD6758">
        <v>33</v>
      </c>
      <c r="AE6758">
        <v>34</v>
      </c>
      <c r="AF6758">
        <v>34</v>
      </c>
      <c r="AG6758">
        <v>34</v>
      </c>
      <c r="AH6758">
        <v>34</v>
      </c>
      <c r="AI6758">
        <v>35</v>
      </c>
      <c r="AJ6758">
        <v>35</v>
      </c>
      <c r="AK6758">
        <v>35</v>
      </c>
      <c r="AL6758">
        <v>35</v>
      </c>
      <c r="AM6758">
        <v>35</v>
      </c>
      <c r="AN6758">
        <v>35</v>
      </c>
      <c r="AO6758">
        <v>35</v>
      </c>
      <c r="AP6758">
        <v>35</v>
      </c>
      <c r="AQ6758">
        <v>35</v>
      </c>
    </row>
    <row r="6759" spans="1:43">
      <c r="A6759" t="s">
        <v>4228</v>
      </c>
      <c r="B6759" t="s">
        <v>4229</v>
      </c>
      <c r="C6759" t="s">
        <v>4214</v>
      </c>
      <c r="D6759" t="s">
        <v>4215</v>
      </c>
      <c r="E6759" t="s">
        <v>3968</v>
      </c>
      <c r="F6759" t="s">
        <v>3969</v>
      </c>
      <c r="G6759" t="s">
        <v>80</v>
      </c>
      <c r="H6759" t="s">
        <v>81</v>
      </c>
      <c r="I6759" s="2">
        <v>0</v>
      </c>
      <c r="J6759" s="2">
        <v>1</v>
      </c>
      <c r="K6759" s="2">
        <v>0</v>
      </c>
      <c r="L6759" t="s">
        <v>82</v>
      </c>
      <c r="M6759" t="s">
        <v>87</v>
      </c>
      <c r="N6759" t="s">
        <v>88</v>
      </c>
      <c r="O6759" t="s">
        <v>85</v>
      </c>
      <c r="P6759" t="s">
        <v>86</v>
      </c>
      <c r="Q6759">
        <v>29</v>
      </c>
      <c r="R6759">
        <v>29</v>
      </c>
      <c r="S6759">
        <v>29</v>
      </c>
      <c r="T6759">
        <v>29</v>
      </c>
      <c r="U6759">
        <v>29</v>
      </c>
      <c r="V6759">
        <v>29</v>
      </c>
      <c r="W6759">
        <v>29</v>
      </c>
      <c r="X6759">
        <v>30</v>
      </c>
      <c r="Y6759">
        <v>30</v>
      </c>
      <c r="Z6759">
        <v>30</v>
      </c>
      <c r="AA6759">
        <v>30</v>
      </c>
      <c r="AB6759">
        <v>30</v>
      </c>
      <c r="AC6759">
        <v>30</v>
      </c>
      <c r="AD6759">
        <v>30</v>
      </c>
      <c r="AE6759">
        <v>30</v>
      </c>
      <c r="AF6759">
        <v>30</v>
      </c>
      <c r="AG6759">
        <v>30</v>
      </c>
      <c r="AH6759">
        <v>30</v>
      </c>
      <c r="AI6759">
        <v>30</v>
      </c>
      <c r="AJ6759">
        <v>30</v>
      </c>
      <c r="AK6759">
        <v>30</v>
      </c>
      <c r="AL6759">
        <v>30</v>
      </c>
      <c r="AM6759">
        <v>30</v>
      </c>
      <c r="AN6759">
        <v>30</v>
      </c>
      <c r="AO6759">
        <v>30</v>
      </c>
      <c r="AP6759">
        <v>30</v>
      </c>
      <c r="AQ6759">
        <v>30</v>
      </c>
    </row>
    <row r="6760" spans="1:43">
      <c r="A6760" t="s">
        <v>4228</v>
      </c>
      <c r="B6760" t="s">
        <v>4229</v>
      </c>
      <c r="C6760" t="s">
        <v>4214</v>
      </c>
      <c r="D6760" t="s">
        <v>4215</v>
      </c>
      <c r="E6760" t="s">
        <v>3968</v>
      </c>
      <c r="F6760" t="s">
        <v>3969</v>
      </c>
      <c r="G6760" t="s">
        <v>80</v>
      </c>
      <c r="H6760" t="s">
        <v>81</v>
      </c>
      <c r="I6760" s="2">
        <v>0</v>
      </c>
      <c r="J6760" s="2">
        <v>1</v>
      </c>
      <c r="K6760" s="2">
        <v>0</v>
      </c>
      <c r="L6760" t="s">
        <v>82</v>
      </c>
      <c r="M6760" t="s">
        <v>89</v>
      </c>
      <c r="N6760" t="s">
        <v>90</v>
      </c>
      <c r="O6760" t="s">
        <v>85</v>
      </c>
      <c r="P6760" t="s">
        <v>86</v>
      </c>
      <c r="Q6760">
        <v>29</v>
      </c>
      <c r="R6760">
        <v>29</v>
      </c>
      <c r="S6760">
        <v>30</v>
      </c>
      <c r="T6760">
        <v>30</v>
      </c>
      <c r="U6760">
        <v>31</v>
      </c>
      <c r="V6760">
        <v>31</v>
      </c>
      <c r="W6760">
        <v>32</v>
      </c>
      <c r="X6760">
        <v>32</v>
      </c>
      <c r="Y6760">
        <v>33</v>
      </c>
      <c r="Z6760">
        <v>33</v>
      </c>
      <c r="AA6760">
        <v>34</v>
      </c>
      <c r="AB6760">
        <v>34</v>
      </c>
      <c r="AC6760">
        <v>35</v>
      </c>
      <c r="AD6760">
        <v>35</v>
      </c>
      <c r="AE6760">
        <v>35</v>
      </c>
      <c r="AF6760">
        <v>35</v>
      </c>
      <c r="AG6760">
        <v>35</v>
      </c>
      <c r="AH6760">
        <v>35</v>
      </c>
      <c r="AI6760">
        <v>35</v>
      </c>
      <c r="AJ6760">
        <v>35</v>
      </c>
      <c r="AK6760">
        <v>35</v>
      </c>
      <c r="AL6760">
        <v>35</v>
      </c>
      <c r="AM6760">
        <v>35</v>
      </c>
      <c r="AN6760">
        <v>34</v>
      </c>
      <c r="AO6760">
        <v>34</v>
      </c>
      <c r="AP6760">
        <v>34</v>
      </c>
      <c r="AQ6760">
        <v>34</v>
      </c>
    </row>
    <row r="6761" spans="1:43">
      <c r="A6761" t="s">
        <v>4228</v>
      </c>
      <c r="B6761" t="s">
        <v>4229</v>
      </c>
      <c r="C6761" t="s">
        <v>4214</v>
      </c>
      <c r="D6761" t="s">
        <v>4215</v>
      </c>
      <c r="E6761" t="s">
        <v>3968</v>
      </c>
      <c r="F6761" t="s">
        <v>3969</v>
      </c>
      <c r="G6761" t="s">
        <v>80</v>
      </c>
      <c r="H6761" t="s">
        <v>81</v>
      </c>
      <c r="I6761" s="2">
        <v>0</v>
      </c>
      <c r="J6761" s="2">
        <v>1</v>
      </c>
      <c r="K6761" s="2">
        <v>0</v>
      </c>
      <c r="L6761" t="s">
        <v>82</v>
      </c>
      <c r="M6761" t="s">
        <v>83</v>
      </c>
      <c r="N6761" t="s">
        <v>91</v>
      </c>
      <c r="O6761" t="s">
        <v>85</v>
      </c>
      <c r="P6761" t="s">
        <v>86</v>
      </c>
      <c r="Q6761">
        <v>29</v>
      </c>
      <c r="R6761">
        <v>30</v>
      </c>
      <c r="S6761">
        <v>30</v>
      </c>
      <c r="T6761">
        <v>30</v>
      </c>
      <c r="U6761">
        <v>31</v>
      </c>
      <c r="V6761">
        <v>31</v>
      </c>
      <c r="W6761">
        <v>31</v>
      </c>
      <c r="X6761">
        <v>32</v>
      </c>
      <c r="Y6761">
        <v>32</v>
      </c>
      <c r="Z6761">
        <v>32</v>
      </c>
      <c r="AA6761">
        <v>33</v>
      </c>
      <c r="AB6761">
        <v>33</v>
      </c>
      <c r="AC6761">
        <v>33</v>
      </c>
      <c r="AD6761">
        <v>33</v>
      </c>
      <c r="AE6761">
        <v>34</v>
      </c>
      <c r="AF6761">
        <v>34</v>
      </c>
      <c r="AG6761">
        <v>34</v>
      </c>
      <c r="AH6761">
        <v>34</v>
      </c>
      <c r="AI6761">
        <v>35</v>
      </c>
      <c r="AJ6761">
        <v>35</v>
      </c>
      <c r="AK6761">
        <v>35</v>
      </c>
      <c r="AL6761">
        <v>35</v>
      </c>
      <c r="AM6761">
        <v>35</v>
      </c>
      <c r="AN6761">
        <v>35</v>
      </c>
      <c r="AO6761">
        <v>35</v>
      </c>
      <c r="AP6761">
        <v>35</v>
      </c>
      <c r="AQ6761">
        <v>35</v>
      </c>
    </row>
    <row r="6762" spans="1:43">
      <c r="A6762" t="s">
        <v>4230</v>
      </c>
      <c r="B6762" t="s">
        <v>4231</v>
      </c>
      <c r="C6762" t="s">
        <v>4218</v>
      </c>
      <c r="D6762" t="s">
        <v>4219</v>
      </c>
      <c r="E6762" t="s">
        <v>3968</v>
      </c>
      <c r="F6762" t="s">
        <v>3969</v>
      </c>
      <c r="G6762" t="s">
        <v>80</v>
      </c>
      <c r="H6762" t="s">
        <v>81</v>
      </c>
      <c r="I6762" s="2">
        <v>0</v>
      </c>
      <c r="J6762" s="2">
        <v>1</v>
      </c>
      <c r="K6762" s="2">
        <v>0</v>
      </c>
      <c r="L6762" t="s">
        <v>82</v>
      </c>
      <c r="M6762" t="s">
        <v>83</v>
      </c>
      <c r="N6762" t="s">
        <v>84</v>
      </c>
      <c r="O6762" t="s">
        <v>85</v>
      </c>
      <c r="P6762" t="s">
        <v>86</v>
      </c>
      <c r="Q6762">
        <v>32</v>
      </c>
      <c r="R6762">
        <v>32</v>
      </c>
      <c r="S6762">
        <v>33</v>
      </c>
      <c r="T6762">
        <v>33</v>
      </c>
      <c r="U6762">
        <v>34</v>
      </c>
      <c r="V6762">
        <v>34</v>
      </c>
      <c r="W6762">
        <v>34</v>
      </c>
      <c r="X6762">
        <v>35</v>
      </c>
      <c r="Y6762">
        <v>35</v>
      </c>
      <c r="Z6762">
        <v>36</v>
      </c>
      <c r="AA6762">
        <v>36</v>
      </c>
      <c r="AB6762">
        <v>37</v>
      </c>
      <c r="AC6762">
        <v>37</v>
      </c>
      <c r="AD6762">
        <v>37</v>
      </c>
      <c r="AE6762">
        <v>38</v>
      </c>
      <c r="AF6762">
        <v>38</v>
      </c>
      <c r="AG6762">
        <v>39</v>
      </c>
      <c r="AH6762">
        <v>39</v>
      </c>
      <c r="AI6762">
        <v>39</v>
      </c>
      <c r="AJ6762">
        <v>40</v>
      </c>
      <c r="AK6762">
        <v>40</v>
      </c>
      <c r="AL6762">
        <v>40</v>
      </c>
      <c r="AM6762">
        <v>40</v>
      </c>
      <c r="AN6762">
        <v>40</v>
      </c>
      <c r="AO6762">
        <v>40</v>
      </c>
      <c r="AP6762">
        <v>40</v>
      </c>
      <c r="AQ6762">
        <v>41</v>
      </c>
    </row>
    <row r="6763" spans="1:43">
      <c r="A6763" t="s">
        <v>4230</v>
      </c>
      <c r="B6763" t="s">
        <v>4231</v>
      </c>
      <c r="C6763" t="s">
        <v>4218</v>
      </c>
      <c r="D6763" t="s">
        <v>4219</v>
      </c>
      <c r="E6763" t="s">
        <v>3968</v>
      </c>
      <c r="F6763" t="s">
        <v>3969</v>
      </c>
      <c r="G6763" t="s">
        <v>80</v>
      </c>
      <c r="H6763" t="s">
        <v>81</v>
      </c>
      <c r="I6763" s="2">
        <v>0</v>
      </c>
      <c r="J6763" s="2">
        <v>1</v>
      </c>
      <c r="K6763" s="2">
        <v>0</v>
      </c>
      <c r="L6763" t="s">
        <v>82</v>
      </c>
      <c r="M6763" t="s">
        <v>87</v>
      </c>
      <c r="N6763" t="s">
        <v>88</v>
      </c>
      <c r="O6763" t="s">
        <v>85</v>
      </c>
      <c r="P6763" t="s">
        <v>86</v>
      </c>
      <c r="Q6763">
        <v>32</v>
      </c>
      <c r="R6763">
        <v>32</v>
      </c>
      <c r="S6763">
        <v>32</v>
      </c>
      <c r="T6763">
        <v>32</v>
      </c>
      <c r="U6763">
        <v>32</v>
      </c>
      <c r="V6763">
        <v>32</v>
      </c>
      <c r="W6763">
        <v>32</v>
      </c>
      <c r="X6763">
        <v>33</v>
      </c>
      <c r="Y6763">
        <v>33</v>
      </c>
      <c r="Z6763">
        <v>33</v>
      </c>
      <c r="AA6763">
        <v>33</v>
      </c>
      <c r="AB6763">
        <v>33</v>
      </c>
      <c r="AC6763">
        <v>33</v>
      </c>
      <c r="AD6763">
        <v>33</v>
      </c>
      <c r="AE6763">
        <v>33</v>
      </c>
      <c r="AF6763">
        <v>34</v>
      </c>
      <c r="AG6763">
        <v>34</v>
      </c>
      <c r="AH6763">
        <v>34</v>
      </c>
      <c r="AI6763">
        <v>34</v>
      </c>
      <c r="AJ6763">
        <v>34</v>
      </c>
      <c r="AK6763">
        <v>34</v>
      </c>
      <c r="AL6763">
        <v>34</v>
      </c>
      <c r="AM6763">
        <v>34</v>
      </c>
      <c r="AN6763">
        <v>34</v>
      </c>
      <c r="AO6763">
        <v>34</v>
      </c>
      <c r="AP6763">
        <v>35</v>
      </c>
      <c r="AQ6763">
        <v>35</v>
      </c>
    </row>
    <row r="6764" spans="1:43">
      <c r="A6764" t="s">
        <v>4230</v>
      </c>
      <c r="B6764" t="s">
        <v>4231</v>
      </c>
      <c r="C6764" t="s">
        <v>4218</v>
      </c>
      <c r="D6764" t="s">
        <v>4219</v>
      </c>
      <c r="E6764" t="s">
        <v>3968</v>
      </c>
      <c r="F6764" t="s">
        <v>3969</v>
      </c>
      <c r="G6764" t="s">
        <v>80</v>
      </c>
      <c r="H6764" t="s">
        <v>81</v>
      </c>
      <c r="I6764" s="2">
        <v>0</v>
      </c>
      <c r="J6764" s="2">
        <v>1</v>
      </c>
      <c r="K6764" s="2">
        <v>0</v>
      </c>
      <c r="L6764" t="s">
        <v>82</v>
      </c>
      <c r="M6764" t="s">
        <v>89</v>
      </c>
      <c r="N6764" t="s">
        <v>90</v>
      </c>
      <c r="O6764" t="s">
        <v>85</v>
      </c>
      <c r="P6764" t="s">
        <v>86</v>
      </c>
      <c r="Q6764">
        <v>32</v>
      </c>
      <c r="R6764">
        <v>33</v>
      </c>
      <c r="S6764">
        <v>34</v>
      </c>
      <c r="T6764">
        <v>34</v>
      </c>
      <c r="U6764">
        <v>35</v>
      </c>
      <c r="V6764">
        <v>36</v>
      </c>
      <c r="W6764">
        <v>36</v>
      </c>
      <c r="X6764">
        <v>37</v>
      </c>
      <c r="Y6764">
        <v>37</v>
      </c>
      <c r="Z6764">
        <v>38</v>
      </c>
      <c r="AA6764">
        <v>39</v>
      </c>
      <c r="AB6764">
        <v>39</v>
      </c>
      <c r="AC6764">
        <v>40</v>
      </c>
      <c r="AD6764">
        <v>40</v>
      </c>
      <c r="AE6764">
        <v>41</v>
      </c>
      <c r="AF6764">
        <v>41</v>
      </c>
      <c r="AG6764">
        <v>41</v>
      </c>
      <c r="AH6764">
        <v>41</v>
      </c>
      <c r="AI6764">
        <v>41</v>
      </c>
      <c r="AJ6764">
        <v>41</v>
      </c>
      <c r="AK6764">
        <v>41</v>
      </c>
      <c r="AL6764">
        <v>41</v>
      </c>
      <c r="AM6764">
        <v>41</v>
      </c>
      <c r="AN6764">
        <v>41</v>
      </c>
      <c r="AO6764">
        <v>41</v>
      </c>
      <c r="AP6764">
        <v>41</v>
      </c>
      <c r="AQ6764">
        <v>41</v>
      </c>
    </row>
    <row r="6765" spans="1:43">
      <c r="A6765" t="s">
        <v>4230</v>
      </c>
      <c r="B6765" t="s">
        <v>4231</v>
      </c>
      <c r="C6765" t="s">
        <v>4218</v>
      </c>
      <c r="D6765" t="s">
        <v>4219</v>
      </c>
      <c r="E6765" t="s">
        <v>3968</v>
      </c>
      <c r="F6765" t="s">
        <v>3969</v>
      </c>
      <c r="G6765" t="s">
        <v>80</v>
      </c>
      <c r="H6765" t="s">
        <v>81</v>
      </c>
      <c r="I6765" s="2">
        <v>0</v>
      </c>
      <c r="J6765" s="2">
        <v>1</v>
      </c>
      <c r="K6765" s="2">
        <v>0</v>
      </c>
      <c r="L6765" t="s">
        <v>82</v>
      </c>
      <c r="M6765" t="s">
        <v>83</v>
      </c>
      <c r="N6765" t="s">
        <v>91</v>
      </c>
      <c r="O6765" t="s">
        <v>85</v>
      </c>
      <c r="P6765" t="s">
        <v>86</v>
      </c>
      <c r="Q6765">
        <v>32</v>
      </c>
      <c r="R6765">
        <v>32</v>
      </c>
      <c r="S6765">
        <v>33</v>
      </c>
      <c r="T6765">
        <v>33</v>
      </c>
      <c r="U6765">
        <v>34</v>
      </c>
      <c r="V6765">
        <v>34</v>
      </c>
      <c r="W6765">
        <v>34</v>
      </c>
      <c r="X6765">
        <v>35</v>
      </c>
      <c r="Y6765">
        <v>35</v>
      </c>
      <c r="Z6765">
        <v>36</v>
      </c>
      <c r="AA6765">
        <v>36</v>
      </c>
      <c r="AB6765">
        <v>37</v>
      </c>
      <c r="AC6765">
        <v>37</v>
      </c>
      <c r="AD6765">
        <v>37</v>
      </c>
      <c r="AE6765">
        <v>38</v>
      </c>
      <c r="AF6765">
        <v>38</v>
      </c>
      <c r="AG6765">
        <v>39</v>
      </c>
      <c r="AH6765">
        <v>39</v>
      </c>
      <c r="AI6765">
        <v>39</v>
      </c>
      <c r="AJ6765">
        <v>40</v>
      </c>
      <c r="AK6765">
        <v>40</v>
      </c>
      <c r="AL6765">
        <v>40</v>
      </c>
      <c r="AM6765">
        <v>40</v>
      </c>
      <c r="AN6765">
        <v>40</v>
      </c>
      <c r="AO6765">
        <v>40</v>
      </c>
      <c r="AP6765">
        <v>40</v>
      </c>
      <c r="AQ6765">
        <v>41</v>
      </c>
    </row>
    <row r="6766" spans="1:43">
      <c r="A6766" t="s">
        <v>4232</v>
      </c>
      <c r="B6766" t="s">
        <v>4233</v>
      </c>
      <c r="C6766" t="s">
        <v>4234</v>
      </c>
      <c r="D6766" t="s">
        <v>4235</v>
      </c>
      <c r="E6766" t="s">
        <v>4236</v>
      </c>
      <c r="F6766" t="s">
        <v>4237</v>
      </c>
      <c r="G6766" t="s">
        <v>80</v>
      </c>
      <c r="H6766" t="s">
        <v>81</v>
      </c>
      <c r="I6766" s="2">
        <v>1</v>
      </c>
      <c r="J6766" s="2">
        <v>0</v>
      </c>
      <c r="K6766" s="2">
        <v>0</v>
      </c>
      <c r="L6766" t="s">
        <v>120</v>
      </c>
      <c r="M6766" t="s">
        <v>83</v>
      </c>
      <c r="N6766" t="s">
        <v>84</v>
      </c>
      <c r="O6766" t="s">
        <v>85</v>
      </c>
      <c r="P6766" t="s">
        <v>86</v>
      </c>
      <c r="Q6766">
        <v>14</v>
      </c>
      <c r="R6766">
        <v>14</v>
      </c>
      <c r="S6766">
        <v>14</v>
      </c>
      <c r="T6766">
        <v>15</v>
      </c>
      <c r="U6766">
        <v>15</v>
      </c>
      <c r="V6766">
        <v>15</v>
      </c>
      <c r="W6766">
        <v>15</v>
      </c>
      <c r="X6766">
        <v>15</v>
      </c>
      <c r="Y6766">
        <v>15</v>
      </c>
      <c r="Z6766">
        <v>15</v>
      </c>
      <c r="AA6766">
        <v>15</v>
      </c>
      <c r="AB6766">
        <v>15</v>
      </c>
      <c r="AC6766">
        <v>16</v>
      </c>
      <c r="AD6766">
        <v>16</v>
      </c>
      <c r="AE6766">
        <v>16</v>
      </c>
      <c r="AF6766">
        <v>16</v>
      </c>
      <c r="AG6766">
        <v>16</v>
      </c>
      <c r="AH6766">
        <v>16</v>
      </c>
      <c r="AI6766">
        <v>16</v>
      </c>
      <c r="AJ6766">
        <v>16</v>
      </c>
      <c r="AK6766">
        <v>16</v>
      </c>
      <c r="AL6766">
        <v>16</v>
      </c>
      <c r="AM6766">
        <v>16</v>
      </c>
      <c r="AN6766">
        <v>16</v>
      </c>
      <c r="AO6766">
        <v>15</v>
      </c>
      <c r="AP6766">
        <v>15</v>
      </c>
      <c r="AQ6766">
        <v>15</v>
      </c>
    </row>
    <row r="6767" spans="1:43">
      <c r="A6767" t="s">
        <v>4232</v>
      </c>
      <c r="B6767" t="s">
        <v>4233</v>
      </c>
      <c r="C6767" t="s">
        <v>4234</v>
      </c>
      <c r="D6767" t="s">
        <v>4235</v>
      </c>
      <c r="E6767" t="s">
        <v>4236</v>
      </c>
      <c r="F6767" t="s">
        <v>4237</v>
      </c>
      <c r="G6767" t="s">
        <v>80</v>
      </c>
      <c r="H6767" t="s">
        <v>81</v>
      </c>
      <c r="I6767" s="2">
        <v>1</v>
      </c>
      <c r="J6767" s="2">
        <v>0</v>
      </c>
      <c r="K6767" s="2">
        <v>0</v>
      </c>
      <c r="L6767" t="s">
        <v>120</v>
      </c>
      <c r="M6767" t="s">
        <v>87</v>
      </c>
      <c r="N6767" t="s">
        <v>88</v>
      </c>
      <c r="O6767" t="s">
        <v>85</v>
      </c>
      <c r="P6767" t="s">
        <v>86</v>
      </c>
      <c r="Q6767">
        <v>14</v>
      </c>
      <c r="R6767">
        <v>14</v>
      </c>
      <c r="S6767">
        <v>14</v>
      </c>
      <c r="T6767">
        <v>14</v>
      </c>
      <c r="U6767">
        <v>14</v>
      </c>
      <c r="V6767">
        <v>14</v>
      </c>
      <c r="W6767">
        <v>14</v>
      </c>
      <c r="X6767">
        <v>14</v>
      </c>
      <c r="Y6767">
        <v>14</v>
      </c>
      <c r="Z6767">
        <v>14</v>
      </c>
      <c r="AA6767">
        <v>14</v>
      </c>
      <c r="AB6767">
        <v>14</v>
      </c>
      <c r="AC6767">
        <v>14</v>
      </c>
      <c r="AD6767">
        <v>14</v>
      </c>
      <c r="AE6767">
        <v>14</v>
      </c>
      <c r="AF6767">
        <v>14</v>
      </c>
      <c r="AG6767">
        <v>14</v>
      </c>
      <c r="AH6767">
        <v>14</v>
      </c>
      <c r="AI6767">
        <v>14</v>
      </c>
      <c r="AJ6767">
        <v>14</v>
      </c>
      <c r="AK6767">
        <v>14</v>
      </c>
      <c r="AL6767">
        <v>14</v>
      </c>
      <c r="AM6767">
        <v>13</v>
      </c>
      <c r="AN6767">
        <v>13</v>
      </c>
      <c r="AO6767">
        <v>13</v>
      </c>
      <c r="AP6767">
        <v>13</v>
      </c>
      <c r="AQ6767">
        <v>13</v>
      </c>
    </row>
    <row r="6768" spans="1:43">
      <c r="A6768" t="s">
        <v>4232</v>
      </c>
      <c r="B6768" t="s">
        <v>4233</v>
      </c>
      <c r="C6768" t="s">
        <v>4234</v>
      </c>
      <c r="D6768" t="s">
        <v>4235</v>
      </c>
      <c r="E6768" t="s">
        <v>4236</v>
      </c>
      <c r="F6768" t="s">
        <v>4237</v>
      </c>
      <c r="G6768" t="s">
        <v>80</v>
      </c>
      <c r="H6768" t="s">
        <v>81</v>
      </c>
      <c r="I6768" s="2">
        <v>1</v>
      </c>
      <c r="J6768" s="2">
        <v>0</v>
      </c>
      <c r="K6768" s="2">
        <v>0</v>
      </c>
      <c r="L6768" t="s">
        <v>120</v>
      </c>
      <c r="M6768" t="s">
        <v>89</v>
      </c>
      <c r="N6768" t="s">
        <v>90</v>
      </c>
      <c r="O6768" t="s">
        <v>85</v>
      </c>
      <c r="P6768" t="s">
        <v>86</v>
      </c>
      <c r="Q6768">
        <v>14</v>
      </c>
      <c r="R6768">
        <v>15</v>
      </c>
      <c r="S6768">
        <v>15</v>
      </c>
      <c r="T6768">
        <v>15</v>
      </c>
      <c r="U6768">
        <v>15</v>
      </c>
      <c r="V6768">
        <v>16</v>
      </c>
      <c r="W6768">
        <v>16</v>
      </c>
      <c r="X6768">
        <v>16</v>
      </c>
      <c r="Y6768">
        <v>16</v>
      </c>
      <c r="Z6768">
        <v>16</v>
      </c>
      <c r="AA6768">
        <v>16</v>
      </c>
      <c r="AB6768">
        <v>16</v>
      </c>
      <c r="AC6768">
        <v>17</v>
      </c>
      <c r="AD6768">
        <v>17</v>
      </c>
      <c r="AE6768">
        <v>17</v>
      </c>
      <c r="AF6768">
        <v>17</v>
      </c>
      <c r="AG6768">
        <v>17</v>
      </c>
      <c r="AH6768">
        <v>16</v>
      </c>
      <c r="AI6768">
        <v>16</v>
      </c>
      <c r="AJ6768">
        <v>16</v>
      </c>
      <c r="AK6768">
        <v>16</v>
      </c>
      <c r="AL6768">
        <v>16</v>
      </c>
      <c r="AM6768">
        <v>16</v>
      </c>
      <c r="AN6768">
        <v>16</v>
      </c>
      <c r="AO6768">
        <v>16</v>
      </c>
      <c r="AP6768">
        <v>15</v>
      </c>
      <c r="AQ6768">
        <v>15</v>
      </c>
    </row>
    <row r="6769" spans="1:43">
      <c r="A6769" t="s">
        <v>4232</v>
      </c>
      <c r="B6769" t="s">
        <v>4233</v>
      </c>
      <c r="C6769" t="s">
        <v>4234</v>
      </c>
      <c r="D6769" t="s">
        <v>4235</v>
      </c>
      <c r="E6769" t="s">
        <v>4236</v>
      </c>
      <c r="F6769" t="s">
        <v>4237</v>
      </c>
      <c r="G6769" t="s">
        <v>80</v>
      </c>
      <c r="H6769" t="s">
        <v>81</v>
      </c>
      <c r="I6769" s="2">
        <v>1</v>
      </c>
      <c r="J6769" s="2">
        <v>0</v>
      </c>
      <c r="K6769" s="2">
        <v>0</v>
      </c>
      <c r="L6769" t="s">
        <v>120</v>
      </c>
      <c r="M6769" t="s">
        <v>83</v>
      </c>
      <c r="N6769" t="s">
        <v>91</v>
      </c>
      <c r="O6769" t="s">
        <v>85</v>
      </c>
      <c r="P6769" t="s">
        <v>86</v>
      </c>
      <c r="Q6769">
        <v>14</v>
      </c>
      <c r="R6769">
        <v>14</v>
      </c>
      <c r="S6769">
        <v>14</v>
      </c>
      <c r="T6769">
        <v>15</v>
      </c>
      <c r="U6769">
        <v>15</v>
      </c>
      <c r="V6769">
        <v>15</v>
      </c>
      <c r="W6769">
        <v>15</v>
      </c>
      <c r="X6769">
        <v>15</v>
      </c>
      <c r="Y6769">
        <v>15</v>
      </c>
      <c r="Z6769">
        <v>15</v>
      </c>
      <c r="AA6769">
        <v>15</v>
      </c>
      <c r="AB6769">
        <v>15</v>
      </c>
      <c r="AC6769">
        <v>16</v>
      </c>
      <c r="AD6769">
        <v>16</v>
      </c>
      <c r="AE6769">
        <v>16</v>
      </c>
      <c r="AF6769">
        <v>16</v>
      </c>
      <c r="AG6769">
        <v>16</v>
      </c>
      <c r="AH6769">
        <v>16</v>
      </c>
      <c r="AI6769">
        <v>16</v>
      </c>
      <c r="AJ6769">
        <v>16</v>
      </c>
      <c r="AK6769">
        <v>16</v>
      </c>
      <c r="AL6769">
        <v>16</v>
      </c>
      <c r="AM6769">
        <v>16</v>
      </c>
      <c r="AN6769">
        <v>16</v>
      </c>
      <c r="AO6769">
        <v>15</v>
      </c>
      <c r="AP6769">
        <v>15</v>
      </c>
      <c r="AQ6769">
        <v>15</v>
      </c>
    </row>
    <row r="6770" spans="1:43">
      <c r="A6770" t="s">
        <v>4238</v>
      </c>
      <c r="B6770" t="s">
        <v>4239</v>
      </c>
      <c r="C6770" t="s">
        <v>4240</v>
      </c>
      <c r="D6770" t="s">
        <v>4241</v>
      </c>
      <c r="E6770" t="s">
        <v>4236</v>
      </c>
      <c r="F6770" t="s">
        <v>4237</v>
      </c>
      <c r="G6770" t="s">
        <v>80</v>
      </c>
      <c r="H6770" t="s">
        <v>81</v>
      </c>
      <c r="I6770" s="2">
        <v>1</v>
      </c>
      <c r="J6770" s="2">
        <v>0</v>
      </c>
      <c r="K6770" s="2">
        <v>0</v>
      </c>
      <c r="L6770" t="s">
        <v>120</v>
      </c>
      <c r="M6770" t="s">
        <v>83</v>
      </c>
      <c r="N6770" t="s">
        <v>84</v>
      </c>
      <c r="O6770" t="s">
        <v>85</v>
      </c>
      <c r="P6770" t="s">
        <v>86</v>
      </c>
      <c r="Q6770">
        <v>40</v>
      </c>
      <c r="R6770">
        <v>41</v>
      </c>
      <c r="S6770">
        <v>41</v>
      </c>
      <c r="T6770">
        <v>41</v>
      </c>
      <c r="U6770">
        <v>42</v>
      </c>
      <c r="V6770">
        <v>42</v>
      </c>
      <c r="W6770">
        <v>42</v>
      </c>
      <c r="X6770">
        <v>43</v>
      </c>
      <c r="Y6770">
        <v>43</v>
      </c>
      <c r="Z6770">
        <v>43</v>
      </c>
      <c r="AA6770">
        <v>44</v>
      </c>
      <c r="AB6770">
        <v>44</v>
      </c>
      <c r="AC6770">
        <v>44</v>
      </c>
      <c r="AD6770">
        <v>44</v>
      </c>
      <c r="AE6770">
        <v>44</v>
      </c>
      <c r="AF6770">
        <v>44</v>
      </c>
      <c r="AG6770">
        <v>45</v>
      </c>
      <c r="AH6770">
        <v>45</v>
      </c>
      <c r="AI6770">
        <v>45</v>
      </c>
      <c r="AJ6770">
        <v>45</v>
      </c>
      <c r="AK6770">
        <v>45</v>
      </c>
      <c r="AL6770">
        <v>45</v>
      </c>
      <c r="AM6770">
        <v>44</v>
      </c>
      <c r="AN6770">
        <v>44</v>
      </c>
      <c r="AO6770">
        <v>44</v>
      </c>
      <c r="AP6770">
        <v>43</v>
      </c>
      <c r="AQ6770">
        <v>43</v>
      </c>
    </row>
    <row r="6771" spans="1:43">
      <c r="A6771" t="s">
        <v>4238</v>
      </c>
      <c r="B6771" t="s">
        <v>4239</v>
      </c>
      <c r="C6771" t="s">
        <v>4240</v>
      </c>
      <c r="D6771" t="s">
        <v>4241</v>
      </c>
      <c r="E6771" t="s">
        <v>4236</v>
      </c>
      <c r="F6771" t="s">
        <v>4237</v>
      </c>
      <c r="G6771" t="s">
        <v>80</v>
      </c>
      <c r="H6771" t="s">
        <v>81</v>
      </c>
      <c r="I6771" s="2">
        <v>1</v>
      </c>
      <c r="J6771" s="2">
        <v>0</v>
      </c>
      <c r="K6771" s="2">
        <v>0</v>
      </c>
      <c r="L6771" t="s">
        <v>120</v>
      </c>
      <c r="M6771" t="s">
        <v>87</v>
      </c>
      <c r="N6771" t="s">
        <v>88</v>
      </c>
      <c r="O6771" t="s">
        <v>85</v>
      </c>
      <c r="P6771" t="s">
        <v>86</v>
      </c>
      <c r="Q6771">
        <v>40</v>
      </c>
      <c r="R6771">
        <v>40</v>
      </c>
      <c r="S6771">
        <v>40</v>
      </c>
      <c r="T6771">
        <v>40</v>
      </c>
      <c r="U6771">
        <v>40</v>
      </c>
      <c r="V6771">
        <v>40</v>
      </c>
      <c r="W6771">
        <v>40</v>
      </c>
      <c r="X6771">
        <v>40</v>
      </c>
      <c r="Y6771">
        <v>40</v>
      </c>
      <c r="Z6771">
        <v>40</v>
      </c>
      <c r="AA6771">
        <v>40</v>
      </c>
      <c r="AB6771">
        <v>40</v>
      </c>
      <c r="AC6771">
        <v>40</v>
      </c>
      <c r="AD6771">
        <v>39</v>
      </c>
      <c r="AE6771">
        <v>39</v>
      </c>
      <c r="AF6771">
        <v>39</v>
      </c>
      <c r="AG6771">
        <v>39</v>
      </c>
      <c r="AH6771">
        <v>39</v>
      </c>
      <c r="AI6771">
        <v>39</v>
      </c>
      <c r="AJ6771">
        <v>39</v>
      </c>
      <c r="AK6771">
        <v>38</v>
      </c>
      <c r="AL6771">
        <v>38</v>
      </c>
      <c r="AM6771">
        <v>38</v>
      </c>
      <c r="AN6771">
        <v>38</v>
      </c>
      <c r="AO6771">
        <v>38</v>
      </c>
      <c r="AP6771">
        <v>37</v>
      </c>
      <c r="AQ6771">
        <v>37</v>
      </c>
    </row>
    <row r="6772" spans="1:43">
      <c r="A6772" t="s">
        <v>4238</v>
      </c>
      <c r="B6772" t="s">
        <v>4239</v>
      </c>
      <c r="C6772" t="s">
        <v>4240</v>
      </c>
      <c r="D6772" t="s">
        <v>4241</v>
      </c>
      <c r="E6772" t="s">
        <v>4236</v>
      </c>
      <c r="F6772" t="s">
        <v>4237</v>
      </c>
      <c r="G6772" t="s">
        <v>80</v>
      </c>
      <c r="H6772" t="s">
        <v>81</v>
      </c>
      <c r="I6772" s="2">
        <v>1</v>
      </c>
      <c r="J6772" s="2">
        <v>0</v>
      </c>
      <c r="K6772" s="2">
        <v>0</v>
      </c>
      <c r="L6772" t="s">
        <v>120</v>
      </c>
      <c r="M6772" t="s">
        <v>89</v>
      </c>
      <c r="N6772" t="s">
        <v>90</v>
      </c>
      <c r="O6772" t="s">
        <v>85</v>
      </c>
      <c r="P6772" t="s">
        <v>86</v>
      </c>
      <c r="Q6772">
        <v>40</v>
      </c>
      <c r="R6772">
        <v>41</v>
      </c>
      <c r="S6772">
        <v>42</v>
      </c>
      <c r="T6772">
        <v>43</v>
      </c>
      <c r="U6772">
        <v>43</v>
      </c>
      <c r="V6772">
        <v>44</v>
      </c>
      <c r="W6772">
        <v>45</v>
      </c>
      <c r="X6772">
        <v>45</v>
      </c>
      <c r="Y6772">
        <v>46</v>
      </c>
      <c r="Z6772">
        <v>46</v>
      </c>
      <c r="AA6772">
        <v>46</v>
      </c>
      <c r="AB6772">
        <v>47</v>
      </c>
      <c r="AC6772">
        <v>47</v>
      </c>
      <c r="AD6772">
        <v>47</v>
      </c>
      <c r="AE6772">
        <v>48</v>
      </c>
      <c r="AF6772">
        <v>47</v>
      </c>
      <c r="AG6772">
        <v>47</v>
      </c>
      <c r="AH6772">
        <v>47</v>
      </c>
      <c r="AI6772">
        <v>46</v>
      </c>
      <c r="AJ6772">
        <v>46</v>
      </c>
      <c r="AK6772">
        <v>45</v>
      </c>
      <c r="AL6772">
        <v>45</v>
      </c>
      <c r="AM6772">
        <v>45</v>
      </c>
      <c r="AN6772">
        <v>44</v>
      </c>
      <c r="AO6772">
        <v>44</v>
      </c>
      <c r="AP6772">
        <v>43</v>
      </c>
      <c r="AQ6772">
        <v>43</v>
      </c>
    </row>
    <row r="6773" spans="1:43">
      <c r="A6773" t="s">
        <v>4238</v>
      </c>
      <c r="B6773" t="s">
        <v>4239</v>
      </c>
      <c r="C6773" t="s">
        <v>4240</v>
      </c>
      <c r="D6773" t="s">
        <v>4241</v>
      </c>
      <c r="E6773" t="s">
        <v>4236</v>
      </c>
      <c r="F6773" t="s">
        <v>4237</v>
      </c>
      <c r="G6773" t="s">
        <v>80</v>
      </c>
      <c r="H6773" t="s">
        <v>81</v>
      </c>
      <c r="I6773" s="2">
        <v>1</v>
      </c>
      <c r="J6773" s="2">
        <v>0</v>
      </c>
      <c r="K6773" s="2">
        <v>0</v>
      </c>
      <c r="L6773" t="s">
        <v>120</v>
      </c>
      <c r="M6773" t="s">
        <v>83</v>
      </c>
      <c r="N6773" t="s">
        <v>91</v>
      </c>
      <c r="O6773" t="s">
        <v>85</v>
      </c>
      <c r="P6773" t="s">
        <v>86</v>
      </c>
      <c r="Q6773">
        <v>40</v>
      </c>
      <c r="R6773">
        <v>41</v>
      </c>
      <c r="S6773">
        <v>41</v>
      </c>
      <c r="T6773">
        <v>41</v>
      </c>
      <c r="U6773">
        <v>42</v>
      </c>
      <c r="V6773">
        <v>42</v>
      </c>
      <c r="W6773">
        <v>42</v>
      </c>
      <c r="X6773">
        <v>43</v>
      </c>
      <c r="Y6773">
        <v>43</v>
      </c>
      <c r="Z6773">
        <v>43</v>
      </c>
      <c r="AA6773">
        <v>44</v>
      </c>
      <c r="AB6773">
        <v>44</v>
      </c>
      <c r="AC6773">
        <v>44</v>
      </c>
      <c r="AD6773">
        <v>44</v>
      </c>
      <c r="AE6773">
        <v>44</v>
      </c>
      <c r="AF6773">
        <v>44</v>
      </c>
      <c r="AG6773">
        <v>45</v>
      </c>
      <c r="AH6773">
        <v>45</v>
      </c>
      <c r="AI6773">
        <v>45</v>
      </c>
      <c r="AJ6773">
        <v>45</v>
      </c>
      <c r="AK6773">
        <v>45</v>
      </c>
      <c r="AL6773">
        <v>45</v>
      </c>
      <c r="AM6773">
        <v>44</v>
      </c>
      <c r="AN6773">
        <v>44</v>
      </c>
      <c r="AO6773">
        <v>44</v>
      </c>
      <c r="AP6773">
        <v>43</v>
      </c>
      <c r="AQ6773">
        <v>43</v>
      </c>
    </row>
    <row r="6774" spans="1:43">
      <c r="A6774" t="s">
        <v>4242</v>
      </c>
      <c r="B6774" t="s">
        <v>4243</v>
      </c>
      <c r="C6774" t="s">
        <v>4240</v>
      </c>
      <c r="D6774" t="s">
        <v>4241</v>
      </c>
      <c r="E6774" t="s">
        <v>4236</v>
      </c>
      <c r="F6774" t="s">
        <v>4237</v>
      </c>
      <c r="G6774" t="s">
        <v>80</v>
      </c>
      <c r="H6774" t="s">
        <v>81</v>
      </c>
      <c r="I6774" s="2">
        <v>1</v>
      </c>
      <c r="J6774" s="2">
        <v>0</v>
      </c>
      <c r="K6774" s="2">
        <v>0</v>
      </c>
      <c r="L6774" t="s">
        <v>120</v>
      </c>
      <c r="M6774" t="s">
        <v>83</v>
      </c>
      <c r="N6774" t="s">
        <v>84</v>
      </c>
      <c r="O6774" t="s">
        <v>85</v>
      </c>
      <c r="P6774" t="s">
        <v>86</v>
      </c>
      <c r="Q6774">
        <v>29</v>
      </c>
      <c r="R6774">
        <v>29</v>
      </c>
      <c r="S6774">
        <v>29</v>
      </c>
      <c r="T6774">
        <v>30</v>
      </c>
      <c r="U6774">
        <v>30</v>
      </c>
      <c r="V6774">
        <v>30</v>
      </c>
      <c r="W6774">
        <v>31</v>
      </c>
      <c r="X6774">
        <v>31</v>
      </c>
      <c r="Y6774">
        <v>31</v>
      </c>
      <c r="Z6774">
        <v>31</v>
      </c>
      <c r="AA6774">
        <v>31</v>
      </c>
      <c r="AB6774">
        <v>32</v>
      </c>
      <c r="AC6774">
        <v>32</v>
      </c>
      <c r="AD6774">
        <v>32</v>
      </c>
      <c r="AE6774">
        <v>32</v>
      </c>
      <c r="AF6774">
        <v>32</v>
      </c>
      <c r="AG6774">
        <v>32</v>
      </c>
      <c r="AH6774">
        <v>32</v>
      </c>
      <c r="AI6774">
        <v>32</v>
      </c>
      <c r="AJ6774">
        <v>32</v>
      </c>
      <c r="AK6774">
        <v>32</v>
      </c>
      <c r="AL6774">
        <v>32</v>
      </c>
      <c r="AM6774">
        <v>32</v>
      </c>
      <c r="AN6774">
        <v>32</v>
      </c>
      <c r="AO6774">
        <v>31</v>
      </c>
      <c r="AP6774">
        <v>31</v>
      </c>
      <c r="AQ6774">
        <v>31</v>
      </c>
    </row>
    <row r="6775" spans="1:43">
      <c r="A6775" t="s">
        <v>4242</v>
      </c>
      <c r="B6775" t="s">
        <v>4243</v>
      </c>
      <c r="C6775" t="s">
        <v>4240</v>
      </c>
      <c r="D6775" t="s">
        <v>4241</v>
      </c>
      <c r="E6775" t="s">
        <v>4236</v>
      </c>
      <c r="F6775" t="s">
        <v>4237</v>
      </c>
      <c r="G6775" t="s">
        <v>80</v>
      </c>
      <c r="H6775" t="s">
        <v>81</v>
      </c>
      <c r="I6775" s="2">
        <v>1</v>
      </c>
      <c r="J6775" s="2">
        <v>0</v>
      </c>
      <c r="K6775" s="2">
        <v>0</v>
      </c>
      <c r="L6775" t="s">
        <v>120</v>
      </c>
      <c r="M6775" t="s">
        <v>87</v>
      </c>
      <c r="N6775" t="s">
        <v>88</v>
      </c>
      <c r="O6775" t="s">
        <v>85</v>
      </c>
      <c r="P6775" t="s">
        <v>86</v>
      </c>
      <c r="Q6775">
        <v>29</v>
      </c>
      <c r="R6775">
        <v>29</v>
      </c>
      <c r="S6775">
        <v>29</v>
      </c>
      <c r="T6775">
        <v>29</v>
      </c>
      <c r="U6775">
        <v>29</v>
      </c>
      <c r="V6775">
        <v>29</v>
      </c>
      <c r="W6775">
        <v>29</v>
      </c>
      <c r="X6775">
        <v>29</v>
      </c>
      <c r="Y6775">
        <v>29</v>
      </c>
      <c r="Z6775">
        <v>29</v>
      </c>
      <c r="AA6775">
        <v>29</v>
      </c>
      <c r="AB6775">
        <v>29</v>
      </c>
      <c r="AC6775">
        <v>28</v>
      </c>
      <c r="AD6775">
        <v>28</v>
      </c>
      <c r="AE6775">
        <v>28</v>
      </c>
      <c r="AF6775">
        <v>28</v>
      </c>
      <c r="AG6775">
        <v>28</v>
      </c>
      <c r="AH6775">
        <v>28</v>
      </c>
      <c r="AI6775">
        <v>28</v>
      </c>
      <c r="AJ6775">
        <v>28</v>
      </c>
      <c r="AK6775">
        <v>28</v>
      </c>
      <c r="AL6775">
        <v>28</v>
      </c>
      <c r="AM6775">
        <v>27</v>
      </c>
      <c r="AN6775">
        <v>27</v>
      </c>
      <c r="AO6775">
        <v>27</v>
      </c>
      <c r="AP6775">
        <v>27</v>
      </c>
      <c r="AQ6775">
        <v>27</v>
      </c>
    </row>
    <row r="6776" spans="1:43">
      <c r="A6776" t="s">
        <v>4242</v>
      </c>
      <c r="B6776" t="s">
        <v>4243</v>
      </c>
      <c r="C6776" t="s">
        <v>4240</v>
      </c>
      <c r="D6776" t="s">
        <v>4241</v>
      </c>
      <c r="E6776" t="s">
        <v>4236</v>
      </c>
      <c r="F6776" t="s">
        <v>4237</v>
      </c>
      <c r="G6776" t="s">
        <v>80</v>
      </c>
      <c r="H6776" t="s">
        <v>81</v>
      </c>
      <c r="I6776" s="2">
        <v>1</v>
      </c>
      <c r="J6776" s="2">
        <v>0</v>
      </c>
      <c r="K6776" s="2">
        <v>0</v>
      </c>
      <c r="L6776" t="s">
        <v>120</v>
      </c>
      <c r="M6776" t="s">
        <v>89</v>
      </c>
      <c r="N6776" t="s">
        <v>90</v>
      </c>
      <c r="O6776" t="s">
        <v>85</v>
      </c>
      <c r="P6776" t="s">
        <v>86</v>
      </c>
      <c r="Q6776">
        <v>29</v>
      </c>
      <c r="R6776">
        <v>30</v>
      </c>
      <c r="S6776">
        <v>30</v>
      </c>
      <c r="T6776">
        <v>31</v>
      </c>
      <c r="U6776">
        <v>31</v>
      </c>
      <c r="V6776">
        <v>32</v>
      </c>
      <c r="W6776">
        <v>32</v>
      </c>
      <c r="X6776">
        <v>32</v>
      </c>
      <c r="Y6776">
        <v>33</v>
      </c>
      <c r="Z6776">
        <v>33</v>
      </c>
      <c r="AA6776">
        <v>33</v>
      </c>
      <c r="AB6776">
        <v>34</v>
      </c>
      <c r="AC6776">
        <v>34</v>
      </c>
      <c r="AD6776">
        <v>34</v>
      </c>
      <c r="AE6776">
        <v>34</v>
      </c>
      <c r="AF6776">
        <v>34</v>
      </c>
      <c r="AG6776">
        <v>34</v>
      </c>
      <c r="AH6776">
        <v>34</v>
      </c>
      <c r="AI6776">
        <v>33</v>
      </c>
      <c r="AJ6776">
        <v>33</v>
      </c>
      <c r="AK6776">
        <v>33</v>
      </c>
      <c r="AL6776">
        <v>32</v>
      </c>
      <c r="AM6776">
        <v>32</v>
      </c>
      <c r="AN6776">
        <v>32</v>
      </c>
      <c r="AO6776">
        <v>32</v>
      </c>
      <c r="AP6776">
        <v>31</v>
      </c>
      <c r="AQ6776">
        <v>31</v>
      </c>
    </row>
    <row r="6777" spans="1:43">
      <c r="A6777" t="s">
        <v>4242</v>
      </c>
      <c r="B6777" t="s">
        <v>4243</v>
      </c>
      <c r="C6777" t="s">
        <v>4240</v>
      </c>
      <c r="D6777" t="s">
        <v>4241</v>
      </c>
      <c r="E6777" t="s">
        <v>4236</v>
      </c>
      <c r="F6777" t="s">
        <v>4237</v>
      </c>
      <c r="G6777" t="s">
        <v>80</v>
      </c>
      <c r="H6777" t="s">
        <v>81</v>
      </c>
      <c r="I6777" s="2">
        <v>1</v>
      </c>
      <c r="J6777" s="2">
        <v>0</v>
      </c>
      <c r="K6777" s="2">
        <v>0</v>
      </c>
      <c r="L6777" t="s">
        <v>120</v>
      </c>
      <c r="M6777" t="s">
        <v>83</v>
      </c>
      <c r="N6777" t="s">
        <v>91</v>
      </c>
      <c r="O6777" t="s">
        <v>85</v>
      </c>
      <c r="P6777" t="s">
        <v>86</v>
      </c>
      <c r="Q6777">
        <v>29</v>
      </c>
      <c r="R6777">
        <v>29</v>
      </c>
      <c r="S6777">
        <v>29</v>
      </c>
      <c r="T6777">
        <v>30</v>
      </c>
      <c r="U6777">
        <v>30</v>
      </c>
      <c r="V6777">
        <v>30</v>
      </c>
      <c r="W6777">
        <v>31</v>
      </c>
      <c r="X6777">
        <v>31</v>
      </c>
      <c r="Y6777">
        <v>31</v>
      </c>
      <c r="Z6777">
        <v>31</v>
      </c>
      <c r="AA6777">
        <v>31</v>
      </c>
      <c r="AB6777">
        <v>32</v>
      </c>
      <c r="AC6777">
        <v>32</v>
      </c>
      <c r="AD6777">
        <v>32</v>
      </c>
      <c r="AE6777">
        <v>32</v>
      </c>
      <c r="AF6777">
        <v>32</v>
      </c>
      <c r="AG6777">
        <v>32</v>
      </c>
      <c r="AH6777">
        <v>32</v>
      </c>
      <c r="AI6777">
        <v>32</v>
      </c>
      <c r="AJ6777">
        <v>32</v>
      </c>
      <c r="AK6777">
        <v>32</v>
      </c>
      <c r="AL6777">
        <v>32</v>
      </c>
      <c r="AM6777">
        <v>32</v>
      </c>
      <c r="AN6777">
        <v>32</v>
      </c>
      <c r="AO6777">
        <v>31</v>
      </c>
      <c r="AP6777">
        <v>31</v>
      </c>
      <c r="AQ6777">
        <v>31</v>
      </c>
    </row>
    <row r="6778" spans="1:43">
      <c r="A6778" t="s">
        <v>4244</v>
      </c>
      <c r="B6778" t="s">
        <v>4245</v>
      </c>
      <c r="C6778" t="s">
        <v>4240</v>
      </c>
      <c r="D6778" t="s">
        <v>4241</v>
      </c>
      <c r="E6778" t="s">
        <v>4236</v>
      </c>
      <c r="F6778" t="s">
        <v>4237</v>
      </c>
      <c r="G6778" t="s">
        <v>80</v>
      </c>
      <c r="H6778" t="s">
        <v>81</v>
      </c>
      <c r="I6778" s="2">
        <v>1</v>
      </c>
      <c r="J6778" s="2">
        <v>0</v>
      </c>
      <c r="K6778" s="2">
        <v>0</v>
      </c>
      <c r="L6778" t="s">
        <v>120</v>
      </c>
      <c r="M6778" t="s">
        <v>83</v>
      </c>
      <c r="N6778" t="s">
        <v>84</v>
      </c>
      <c r="O6778" t="s">
        <v>85</v>
      </c>
      <c r="P6778" t="s">
        <v>86</v>
      </c>
      <c r="Q6778">
        <v>8</v>
      </c>
      <c r="R6778">
        <v>9</v>
      </c>
      <c r="S6778">
        <v>9</v>
      </c>
      <c r="T6778">
        <v>9</v>
      </c>
      <c r="U6778">
        <v>9</v>
      </c>
      <c r="V6778">
        <v>9</v>
      </c>
      <c r="W6778">
        <v>9</v>
      </c>
      <c r="X6778">
        <v>9</v>
      </c>
      <c r="Y6778">
        <v>9</v>
      </c>
      <c r="Z6778">
        <v>9</v>
      </c>
      <c r="AA6778">
        <v>9</v>
      </c>
      <c r="AB6778">
        <v>9</v>
      </c>
      <c r="AC6778">
        <v>9</v>
      </c>
      <c r="AD6778">
        <v>9</v>
      </c>
      <c r="AE6778">
        <v>9</v>
      </c>
      <c r="AF6778">
        <v>9</v>
      </c>
      <c r="AG6778">
        <v>9</v>
      </c>
      <c r="AH6778">
        <v>9</v>
      </c>
      <c r="AI6778">
        <v>10</v>
      </c>
      <c r="AJ6778">
        <v>10</v>
      </c>
      <c r="AK6778">
        <v>10</v>
      </c>
      <c r="AL6778">
        <v>9</v>
      </c>
      <c r="AM6778">
        <v>9</v>
      </c>
      <c r="AN6778">
        <v>9</v>
      </c>
      <c r="AO6778">
        <v>9</v>
      </c>
      <c r="AP6778">
        <v>9</v>
      </c>
      <c r="AQ6778">
        <v>9</v>
      </c>
    </row>
    <row r="6779" spans="1:43">
      <c r="A6779" t="s">
        <v>4244</v>
      </c>
      <c r="B6779" t="s">
        <v>4245</v>
      </c>
      <c r="C6779" t="s">
        <v>4240</v>
      </c>
      <c r="D6779" t="s">
        <v>4241</v>
      </c>
      <c r="E6779" t="s">
        <v>4236</v>
      </c>
      <c r="F6779" t="s">
        <v>4237</v>
      </c>
      <c r="G6779" t="s">
        <v>80</v>
      </c>
      <c r="H6779" t="s">
        <v>81</v>
      </c>
      <c r="I6779" s="2">
        <v>1</v>
      </c>
      <c r="J6779" s="2">
        <v>0</v>
      </c>
      <c r="K6779" s="2">
        <v>0</v>
      </c>
      <c r="L6779" t="s">
        <v>120</v>
      </c>
      <c r="M6779" t="s">
        <v>87</v>
      </c>
      <c r="N6779" t="s">
        <v>88</v>
      </c>
      <c r="O6779" t="s">
        <v>85</v>
      </c>
      <c r="P6779" t="s">
        <v>86</v>
      </c>
      <c r="Q6779">
        <v>8</v>
      </c>
      <c r="R6779">
        <v>8</v>
      </c>
      <c r="S6779">
        <v>8</v>
      </c>
      <c r="T6779">
        <v>8</v>
      </c>
      <c r="U6779">
        <v>8</v>
      </c>
      <c r="V6779">
        <v>8</v>
      </c>
      <c r="W6779">
        <v>8</v>
      </c>
      <c r="X6779">
        <v>8</v>
      </c>
      <c r="Y6779">
        <v>8</v>
      </c>
      <c r="Z6779">
        <v>8</v>
      </c>
      <c r="AA6779">
        <v>8</v>
      </c>
      <c r="AB6779">
        <v>8</v>
      </c>
      <c r="AC6779">
        <v>8</v>
      </c>
      <c r="AD6779">
        <v>8</v>
      </c>
      <c r="AE6779">
        <v>8</v>
      </c>
      <c r="AF6779">
        <v>8</v>
      </c>
      <c r="AG6779">
        <v>8</v>
      </c>
      <c r="AH6779">
        <v>8</v>
      </c>
      <c r="AI6779">
        <v>8</v>
      </c>
      <c r="AJ6779">
        <v>8</v>
      </c>
      <c r="AK6779">
        <v>8</v>
      </c>
      <c r="AL6779">
        <v>8</v>
      </c>
      <c r="AM6779">
        <v>8</v>
      </c>
      <c r="AN6779">
        <v>8</v>
      </c>
      <c r="AO6779">
        <v>8</v>
      </c>
      <c r="AP6779">
        <v>8</v>
      </c>
      <c r="AQ6779">
        <v>8</v>
      </c>
    </row>
    <row r="6780" spans="1:43">
      <c r="A6780" t="s">
        <v>4244</v>
      </c>
      <c r="B6780" t="s">
        <v>4245</v>
      </c>
      <c r="C6780" t="s">
        <v>4240</v>
      </c>
      <c r="D6780" t="s">
        <v>4241</v>
      </c>
      <c r="E6780" t="s">
        <v>4236</v>
      </c>
      <c r="F6780" t="s">
        <v>4237</v>
      </c>
      <c r="G6780" t="s">
        <v>80</v>
      </c>
      <c r="H6780" t="s">
        <v>81</v>
      </c>
      <c r="I6780" s="2">
        <v>1</v>
      </c>
      <c r="J6780" s="2">
        <v>0</v>
      </c>
      <c r="K6780" s="2">
        <v>0</v>
      </c>
      <c r="L6780" t="s">
        <v>120</v>
      </c>
      <c r="M6780" t="s">
        <v>89</v>
      </c>
      <c r="N6780" t="s">
        <v>90</v>
      </c>
      <c r="O6780" t="s">
        <v>85</v>
      </c>
      <c r="P6780" t="s">
        <v>86</v>
      </c>
      <c r="Q6780">
        <v>8</v>
      </c>
      <c r="R6780">
        <v>8</v>
      </c>
      <c r="S6780">
        <v>8</v>
      </c>
      <c r="T6780">
        <v>8</v>
      </c>
      <c r="U6780">
        <v>8</v>
      </c>
      <c r="V6780">
        <v>8</v>
      </c>
      <c r="W6780">
        <v>8</v>
      </c>
      <c r="X6780">
        <v>9</v>
      </c>
      <c r="Y6780">
        <v>9</v>
      </c>
      <c r="Z6780">
        <v>9</v>
      </c>
      <c r="AA6780">
        <v>9</v>
      </c>
      <c r="AB6780">
        <v>9</v>
      </c>
      <c r="AC6780">
        <v>9</v>
      </c>
      <c r="AD6780">
        <v>9</v>
      </c>
      <c r="AE6780">
        <v>9</v>
      </c>
      <c r="AF6780">
        <v>9</v>
      </c>
      <c r="AG6780">
        <v>9</v>
      </c>
      <c r="AH6780">
        <v>9</v>
      </c>
      <c r="AI6780">
        <v>9</v>
      </c>
      <c r="AJ6780">
        <v>9</v>
      </c>
      <c r="AK6780">
        <v>9</v>
      </c>
      <c r="AL6780">
        <v>9</v>
      </c>
      <c r="AM6780">
        <v>8</v>
      </c>
      <c r="AN6780">
        <v>8</v>
      </c>
      <c r="AO6780">
        <v>8</v>
      </c>
      <c r="AP6780">
        <v>8</v>
      </c>
      <c r="AQ6780">
        <v>8</v>
      </c>
    </row>
    <row r="6781" spans="1:43">
      <c r="A6781" t="s">
        <v>4244</v>
      </c>
      <c r="B6781" t="s">
        <v>4245</v>
      </c>
      <c r="C6781" t="s">
        <v>4240</v>
      </c>
      <c r="D6781" t="s">
        <v>4241</v>
      </c>
      <c r="E6781" t="s">
        <v>4236</v>
      </c>
      <c r="F6781" t="s">
        <v>4237</v>
      </c>
      <c r="G6781" t="s">
        <v>80</v>
      </c>
      <c r="H6781" t="s">
        <v>81</v>
      </c>
      <c r="I6781" s="2">
        <v>1</v>
      </c>
      <c r="J6781" s="2">
        <v>0</v>
      </c>
      <c r="K6781" s="2">
        <v>0</v>
      </c>
      <c r="L6781" t="s">
        <v>120</v>
      </c>
      <c r="M6781" t="s">
        <v>83</v>
      </c>
      <c r="N6781" t="s">
        <v>91</v>
      </c>
      <c r="O6781" t="s">
        <v>85</v>
      </c>
      <c r="P6781" t="s">
        <v>86</v>
      </c>
      <c r="Q6781">
        <v>8</v>
      </c>
      <c r="R6781">
        <v>9</v>
      </c>
      <c r="S6781">
        <v>9</v>
      </c>
      <c r="T6781">
        <v>9</v>
      </c>
      <c r="U6781">
        <v>9</v>
      </c>
      <c r="V6781">
        <v>9</v>
      </c>
      <c r="W6781">
        <v>9</v>
      </c>
      <c r="X6781">
        <v>9</v>
      </c>
      <c r="Y6781">
        <v>9</v>
      </c>
      <c r="Z6781">
        <v>9</v>
      </c>
      <c r="AA6781">
        <v>9</v>
      </c>
      <c r="AB6781">
        <v>9</v>
      </c>
      <c r="AC6781">
        <v>9</v>
      </c>
      <c r="AD6781">
        <v>9</v>
      </c>
      <c r="AE6781">
        <v>9</v>
      </c>
      <c r="AF6781">
        <v>9</v>
      </c>
      <c r="AG6781">
        <v>9</v>
      </c>
      <c r="AH6781">
        <v>9</v>
      </c>
      <c r="AI6781">
        <v>10</v>
      </c>
      <c r="AJ6781">
        <v>10</v>
      </c>
      <c r="AK6781">
        <v>10</v>
      </c>
      <c r="AL6781">
        <v>9</v>
      </c>
      <c r="AM6781">
        <v>9</v>
      </c>
      <c r="AN6781">
        <v>9</v>
      </c>
      <c r="AO6781">
        <v>9</v>
      </c>
      <c r="AP6781">
        <v>9</v>
      </c>
      <c r="AQ6781">
        <v>9</v>
      </c>
    </row>
    <row r="6782" spans="1:43">
      <c r="A6782" t="s">
        <v>4246</v>
      </c>
      <c r="B6782" t="s">
        <v>4247</v>
      </c>
      <c r="C6782" t="s">
        <v>4240</v>
      </c>
      <c r="D6782" t="s">
        <v>4241</v>
      </c>
      <c r="E6782" t="s">
        <v>4236</v>
      </c>
      <c r="F6782" t="s">
        <v>4237</v>
      </c>
      <c r="G6782" t="s">
        <v>80</v>
      </c>
      <c r="H6782" t="s">
        <v>81</v>
      </c>
      <c r="I6782" s="2">
        <v>1</v>
      </c>
      <c r="J6782" s="2">
        <v>0</v>
      </c>
      <c r="K6782" s="2">
        <v>0</v>
      </c>
      <c r="L6782" t="s">
        <v>120</v>
      </c>
      <c r="M6782" t="s">
        <v>83</v>
      </c>
      <c r="N6782" t="s">
        <v>84</v>
      </c>
      <c r="O6782" t="s">
        <v>85</v>
      </c>
      <c r="P6782" t="s">
        <v>86</v>
      </c>
      <c r="Q6782">
        <v>28</v>
      </c>
      <c r="R6782">
        <v>28</v>
      </c>
      <c r="S6782">
        <v>28</v>
      </c>
      <c r="T6782">
        <v>28</v>
      </c>
      <c r="U6782">
        <v>29</v>
      </c>
      <c r="V6782">
        <v>29</v>
      </c>
      <c r="W6782">
        <v>29</v>
      </c>
      <c r="X6782">
        <v>29</v>
      </c>
      <c r="Y6782">
        <v>30</v>
      </c>
      <c r="Z6782">
        <v>30</v>
      </c>
      <c r="AA6782">
        <v>30</v>
      </c>
      <c r="AB6782">
        <v>30</v>
      </c>
      <c r="AC6782">
        <v>30</v>
      </c>
      <c r="AD6782">
        <v>30</v>
      </c>
      <c r="AE6782">
        <v>31</v>
      </c>
      <c r="AF6782">
        <v>31</v>
      </c>
      <c r="AG6782">
        <v>31</v>
      </c>
      <c r="AH6782">
        <v>31</v>
      </c>
      <c r="AI6782">
        <v>31</v>
      </c>
      <c r="AJ6782">
        <v>31</v>
      </c>
      <c r="AK6782">
        <v>31</v>
      </c>
      <c r="AL6782">
        <v>31</v>
      </c>
      <c r="AM6782">
        <v>31</v>
      </c>
      <c r="AN6782">
        <v>30</v>
      </c>
      <c r="AO6782">
        <v>30</v>
      </c>
      <c r="AP6782">
        <v>30</v>
      </c>
      <c r="AQ6782">
        <v>29</v>
      </c>
    </row>
    <row r="6783" spans="1:43">
      <c r="A6783" t="s">
        <v>4246</v>
      </c>
      <c r="B6783" t="s">
        <v>4247</v>
      </c>
      <c r="C6783" t="s">
        <v>4240</v>
      </c>
      <c r="D6783" t="s">
        <v>4241</v>
      </c>
      <c r="E6783" t="s">
        <v>4236</v>
      </c>
      <c r="F6783" t="s">
        <v>4237</v>
      </c>
      <c r="G6783" t="s">
        <v>80</v>
      </c>
      <c r="H6783" t="s">
        <v>81</v>
      </c>
      <c r="I6783" s="2">
        <v>1</v>
      </c>
      <c r="J6783" s="2">
        <v>0</v>
      </c>
      <c r="K6783" s="2">
        <v>0</v>
      </c>
      <c r="L6783" t="s">
        <v>120</v>
      </c>
      <c r="M6783" t="s">
        <v>87</v>
      </c>
      <c r="N6783" t="s">
        <v>88</v>
      </c>
      <c r="O6783" t="s">
        <v>85</v>
      </c>
      <c r="P6783" t="s">
        <v>86</v>
      </c>
      <c r="Q6783">
        <v>28</v>
      </c>
      <c r="R6783">
        <v>28</v>
      </c>
      <c r="S6783">
        <v>28</v>
      </c>
      <c r="T6783">
        <v>28</v>
      </c>
      <c r="U6783">
        <v>28</v>
      </c>
      <c r="V6783">
        <v>28</v>
      </c>
      <c r="W6783">
        <v>28</v>
      </c>
      <c r="X6783">
        <v>28</v>
      </c>
      <c r="Y6783">
        <v>28</v>
      </c>
      <c r="Z6783">
        <v>28</v>
      </c>
      <c r="AA6783">
        <v>28</v>
      </c>
      <c r="AB6783">
        <v>28</v>
      </c>
      <c r="AC6783">
        <v>28</v>
      </c>
      <c r="AD6783">
        <v>28</v>
      </c>
      <c r="AE6783">
        <v>28</v>
      </c>
      <c r="AF6783">
        <v>28</v>
      </c>
      <c r="AG6783">
        <v>28</v>
      </c>
      <c r="AH6783">
        <v>28</v>
      </c>
      <c r="AI6783">
        <v>28</v>
      </c>
      <c r="AJ6783">
        <v>28</v>
      </c>
      <c r="AK6783">
        <v>27</v>
      </c>
      <c r="AL6783">
        <v>27</v>
      </c>
      <c r="AM6783">
        <v>27</v>
      </c>
      <c r="AN6783">
        <v>27</v>
      </c>
      <c r="AO6783">
        <v>27</v>
      </c>
      <c r="AP6783">
        <v>27</v>
      </c>
      <c r="AQ6783">
        <v>27</v>
      </c>
    </row>
    <row r="6784" spans="1:43">
      <c r="A6784" t="s">
        <v>4246</v>
      </c>
      <c r="B6784" t="s">
        <v>4247</v>
      </c>
      <c r="C6784" t="s">
        <v>4240</v>
      </c>
      <c r="D6784" t="s">
        <v>4241</v>
      </c>
      <c r="E6784" t="s">
        <v>4236</v>
      </c>
      <c r="F6784" t="s">
        <v>4237</v>
      </c>
      <c r="G6784" t="s">
        <v>80</v>
      </c>
      <c r="H6784" t="s">
        <v>81</v>
      </c>
      <c r="I6784" s="2">
        <v>1</v>
      </c>
      <c r="J6784" s="2">
        <v>0</v>
      </c>
      <c r="K6784" s="2">
        <v>0</v>
      </c>
      <c r="L6784" t="s">
        <v>120</v>
      </c>
      <c r="M6784" t="s">
        <v>89</v>
      </c>
      <c r="N6784" t="s">
        <v>90</v>
      </c>
      <c r="O6784" t="s">
        <v>85</v>
      </c>
      <c r="P6784" t="s">
        <v>86</v>
      </c>
      <c r="Q6784">
        <v>28</v>
      </c>
      <c r="R6784">
        <v>28</v>
      </c>
      <c r="S6784">
        <v>29</v>
      </c>
      <c r="T6784">
        <v>29</v>
      </c>
      <c r="U6784">
        <v>30</v>
      </c>
      <c r="V6784">
        <v>30</v>
      </c>
      <c r="W6784">
        <v>31</v>
      </c>
      <c r="X6784">
        <v>31</v>
      </c>
      <c r="Y6784">
        <v>31</v>
      </c>
      <c r="Z6784">
        <v>32</v>
      </c>
      <c r="AA6784">
        <v>32</v>
      </c>
      <c r="AB6784">
        <v>32</v>
      </c>
      <c r="AC6784">
        <v>32</v>
      </c>
      <c r="AD6784">
        <v>33</v>
      </c>
      <c r="AE6784">
        <v>33</v>
      </c>
      <c r="AF6784">
        <v>33</v>
      </c>
      <c r="AG6784">
        <v>32</v>
      </c>
      <c r="AH6784">
        <v>32</v>
      </c>
      <c r="AI6784">
        <v>32</v>
      </c>
      <c r="AJ6784">
        <v>32</v>
      </c>
      <c r="AK6784">
        <v>31</v>
      </c>
      <c r="AL6784">
        <v>31</v>
      </c>
      <c r="AM6784">
        <v>31</v>
      </c>
      <c r="AN6784">
        <v>31</v>
      </c>
      <c r="AO6784">
        <v>30</v>
      </c>
      <c r="AP6784">
        <v>30</v>
      </c>
      <c r="AQ6784">
        <v>30</v>
      </c>
    </row>
    <row r="6785" spans="1:43">
      <c r="A6785" t="s">
        <v>4246</v>
      </c>
      <c r="B6785" t="s">
        <v>4247</v>
      </c>
      <c r="C6785" t="s">
        <v>4240</v>
      </c>
      <c r="D6785" t="s">
        <v>4241</v>
      </c>
      <c r="E6785" t="s">
        <v>4236</v>
      </c>
      <c r="F6785" t="s">
        <v>4237</v>
      </c>
      <c r="G6785" t="s">
        <v>80</v>
      </c>
      <c r="H6785" t="s">
        <v>81</v>
      </c>
      <c r="I6785" s="2">
        <v>1</v>
      </c>
      <c r="J6785" s="2">
        <v>0</v>
      </c>
      <c r="K6785" s="2">
        <v>0</v>
      </c>
      <c r="L6785" t="s">
        <v>120</v>
      </c>
      <c r="M6785" t="s">
        <v>83</v>
      </c>
      <c r="N6785" t="s">
        <v>91</v>
      </c>
      <c r="O6785" t="s">
        <v>85</v>
      </c>
      <c r="P6785" t="s">
        <v>86</v>
      </c>
      <c r="Q6785">
        <v>28</v>
      </c>
      <c r="R6785">
        <v>28</v>
      </c>
      <c r="S6785">
        <v>28</v>
      </c>
      <c r="T6785">
        <v>28</v>
      </c>
      <c r="U6785">
        <v>29</v>
      </c>
      <c r="V6785">
        <v>29</v>
      </c>
      <c r="W6785">
        <v>29</v>
      </c>
      <c r="X6785">
        <v>29</v>
      </c>
      <c r="Y6785">
        <v>30</v>
      </c>
      <c r="Z6785">
        <v>30</v>
      </c>
      <c r="AA6785">
        <v>30</v>
      </c>
      <c r="AB6785">
        <v>30</v>
      </c>
      <c r="AC6785">
        <v>30</v>
      </c>
      <c r="AD6785">
        <v>30</v>
      </c>
      <c r="AE6785">
        <v>31</v>
      </c>
      <c r="AF6785">
        <v>31</v>
      </c>
      <c r="AG6785">
        <v>31</v>
      </c>
      <c r="AH6785">
        <v>31</v>
      </c>
      <c r="AI6785">
        <v>31</v>
      </c>
      <c r="AJ6785">
        <v>31</v>
      </c>
      <c r="AK6785">
        <v>31</v>
      </c>
      <c r="AL6785">
        <v>31</v>
      </c>
      <c r="AM6785">
        <v>31</v>
      </c>
      <c r="AN6785">
        <v>30</v>
      </c>
      <c r="AO6785">
        <v>30</v>
      </c>
      <c r="AP6785">
        <v>30</v>
      </c>
      <c r="AQ6785">
        <v>29</v>
      </c>
    </row>
    <row r="6786" spans="1:43">
      <c r="A6786" t="s">
        <v>4248</v>
      </c>
      <c r="B6786" t="s">
        <v>4249</v>
      </c>
      <c r="C6786" t="s">
        <v>4250</v>
      </c>
      <c r="D6786" t="s">
        <v>4251</v>
      </c>
      <c r="E6786" t="s">
        <v>4236</v>
      </c>
      <c r="F6786" t="s">
        <v>4237</v>
      </c>
      <c r="G6786" t="s">
        <v>80</v>
      </c>
      <c r="H6786" t="s">
        <v>81</v>
      </c>
      <c r="I6786" s="2">
        <v>1</v>
      </c>
      <c r="J6786" s="2">
        <v>0</v>
      </c>
      <c r="K6786" s="2">
        <v>0</v>
      </c>
      <c r="L6786" t="s">
        <v>120</v>
      </c>
      <c r="M6786" t="s">
        <v>83</v>
      </c>
      <c r="N6786" t="s">
        <v>84</v>
      </c>
      <c r="O6786" t="s">
        <v>85</v>
      </c>
      <c r="P6786" t="s">
        <v>86</v>
      </c>
      <c r="Q6786">
        <v>1</v>
      </c>
      <c r="R6786">
        <v>1</v>
      </c>
      <c r="S6786">
        <v>1</v>
      </c>
      <c r="T6786">
        <v>1</v>
      </c>
      <c r="U6786">
        <v>1</v>
      </c>
      <c r="V6786">
        <v>1</v>
      </c>
      <c r="W6786">
        <v>1</v>
      </c>
      <c r="X6786">
        <v>1</v>
      </c>
      <c r="Y6786">
        <v>1</v>
      </c>
      <c r="Z6786">
        <v>1</v>
      </c>
      <c r="AA6786">
        <v>1</v>
      </c>
      <c r="AB6786">
        <v>1</v>
      </c>
      <c r="AC6786">
        <v>1</v>
      </c>
      <c r="AD6786">
        <v>1</v>
      </c>
      <c r="AE6786">
        <v>1</v>
      </c>
      <c r="AF6786">
        <v>1</v>
      </c>
      <c r="AG6786">
        <v>1</v>
      </c>
      <c r="AH6786">
        <v>1</v>
      </c>
      <c r="AI6786">
        <v>1</v>
      </c>
      <c r="AJ6786">
        <v>1</v>
      </c>
      <c r="AK6786">
        <v>1</v>
      </c>
      <c r="AL6786">
        <v>1</v>
      </c>
      <c r="AM6786">
        <v>1</v>
      </c>
      <c r="AN6786">
        <v>1</v>
      </c>
      <c r="AO6786">
        <v>1</v>
      </c>
      <c r="AP6786">
        <v>1</v>
      </c>
      <c r="AQ6786">
        <v>1</v>
      </c>
    </row>
    <row r="6787" spans="1:43">
      <c r="A6787" t="s">
        <v>4248</v>
      </c>
      <c r="B6787" t="s">
        <v>4249</v>
      </c>
      <c r="C6787" t="s">
        <v>4250</v>
      </c>
      <c r="D6787" t="s">
        <v>4251</v>
      </c>
      <c r="E6787" t="s">
        <v>4236</v>
      </c>
      <c r="F6787" t="s">
        <v>4237</v>
      </c>
      <c r="G6787" t="s">
        <v>80</v>
      </c>
      <c r="H6787" t="s">
        <v>81</v>
      </c>
      <c r="I6787" s="2">
        <v>1</v>
      </c>
      <c r="J6787" s="2">
        <v>0</v>
      </c>
      <c r="K6787" s="2">
        <v>0</v>
      </c>
      <c r="L6787" t="s">
        <v>120</v>
      </c>
      <c r="M6787" t="s">
        <v>87</v>
      </c>
      <c r="N6787" t="s">
        <v>88</v>
      </c>
      <c r="O6787" t="s">
        <v>85</v>
      </c>
      <c r="P6787" t="s">
        <v>86</v>
      </c>
      <c r="Q6787">
        <v>1</v>
      </c>
      <c r="R6787">
        <v>1</v>
      </c>
      <c r="S6787">
        <v>1</v>
      </c>
      <c r="T6787">
        <v>1</v>
      </c>
      <c r="U6787">
        <v>1</v>
      </c>
      <c r="V6787">
        <v>1</v>
      </c>
      <c r="W6787">
        <v>1</v>
      </c>
      <c r="X6787">
        <v>1</v>
      </c>
      <c r="Y6787">
        <v>1</v>
      </c>
      <c r="Z6787">
        <v>1</v>
      </c>
      <c r="AA6787">
        <v>1</v>
      </c>
      <c r="AB6787">
        <v>1</v>
      </c>
      <c r="AC6787">
        <v>1</v>
      </c>
      <c r="AD6787">
        <v>1</v>
      </c>
      <c r="AE6787">
        <v>1</v>
      </c>
      <c r="AF6787">
        <v>1</v>
      </c>
      <c r="AG6787">
        <v>1</v>
      </c>
      <c r="AH6787">
        <v>1</v>
      </c>
      <c r="AI6787">
        <v>1</v>
      </c>
      <c r="AJ6787">
        <v>0</v>
      </c>
      <c r="AK6787">
        <v>0</v>
      </c>
      <c r="AL6787">
        <v>0</v>
      </c>
      <c r="AM6787">
        <v>0</v>
      </c>
      <c r="AN6787">
        <v>0</v>
      </c>
      <c r="AO6787">
        <v>0</v>
      </c>
      <c r="AP6787">
        <v>0</v>
      </c>
      <c r="AQ6787">
        <v>0</v>
      </c>
    </row>
    <row r="6788" spans="1:43">
      <c r="A6788" t="s">
        <v>4248</v>
      </c>
      <c r="B6788" t="s">
        <v>4249</v>
      </c>
      <c r="C6788" t="s">
        <v>4250</v>
      </c>
      <c r="D6788" t="s">
        <v>4251</v>
      </c>
      <c r="E6788" t="s">
        <v>4236</v>
      </c>
      <c r="F6788" t="s">
        <v>4237</v>
      </c>
      <c r="G6788" t="s">
        <v>80</v>
      </c>
      <c r="H6788" t="s">
        <v>81</v>
      </c>
      <c r="I6788" s="2">
        <v>1</v>
      </c>
      <c r="J6788" s="2">
        <v>0</v>
      </c>
      <c r="K6788" s="2">
        <v>0</v>
      </c>
      <c r="L6788" t="s">
        <v>120</v>
      </c>
      <c r="M6788" t="s">
        <v>89</v>
      </c>
      <c r="N6788" t="s">
        <v>90</v>
      </c>
      <c r="O6788" t="s">
        <v>85</v>
      </c>
      <c r="P6788" t="s">
        <v>86</v>
      </c>
      <c r="Q6788">
        <v>1</v>
      </c>
      <c r="R6788">
        <v>1</v>
      </c>
      <c r="S6788">
        <v>1</v>
      </c>
      <c r="T6788">
        <v>1</v>
      </c>
      <c r="U6788">
        <v>1</v>
      </c>
      <c r="V6788">
        <v>1</v>
      </c>
      <c r="W6788">
        <v>1</v>
      </c>
      <c r="X6788">
        <v>1</v>
      </c>
      <c r="Y6788">
        <v>1</v>
      </c>
      <c r="Z6788">
        <v>1</v>
      </c>
      <c r="AA6788">
        <v>1</v>
      </c>
      <c r="AB6788">
        <v>1</v>
      </c>
      <c r="AC6788">
        <v>1</v>
      </c>
      <c r="AD6788">
        <v>1</v>
      </c>
      <c r="AE6788">
        <v>1</v>
      </c>
      <c r="AF6788">
        <v>1</v>
      </c>
      <c r="AG6788">
        <v>1</v>
      </c>
      <c r="AH6788">
        <v>1</v>
      </c>
      <c r="AI6788">
        <v>1</v>
      </c>
      <c r="AJ6788">
        <v>1</v>
      </c>
      <c r="AK6788">
        <v>1</v>
      </c>
      <c r="AL6788">
        <v>1</v>
      </c>
      <c r="AM6788">
        <v>1</v>
      </c>
      <c r="AN6788">
        <v>1</v>
      </c>
      <c r="AO6788">
        <v>1</v>
      </c>
      <c r="AP6788">
        <v>1</v>
      </c>
      <c r="AQ6788">
        <v>1</v>
      </c>
    </row>
    <row r="6789" spans="1:43">
      <c r="A6789" t="s">
        <v>4248</v>
      </c>
      <c r="B6789" t="s">
        <v>4249</v>
      </c>
      <c r="C6789" t="s">
        <v>4250</v>
      </c>
      <c r="D6789" t="s">
        <v>4251</v>
      </c>
      <c r="E6789" t="s">
        <v>4236</v>
      </c>
      <c r="F6789" t="s">
        <v>4237</v>
      </c>
      <c r="G6789" t="s">
        <v>80</v>
      </c>
      <c r="H6789" t="s">
        <v>81</v>
      </c>
      <c r="I6789" s="2">
        <v>1</v>
      </c>
      <c r="J6789" s="2">
        <v>0</v>
      </c>
      <c r="K6789" s="2">
        <v>0</v>
      </c>
      <c r="L6789" t="s">
        <v>120</v>
      </c>
      <c r="M6789" t="s">
        <v>83</v>
      </c>
      <c r="N6789" t="s">
        <v>91</v>
      </c>
      <c r="O6789" t="s">
        <v>85</v>
      </c>
      <c r="P6789" t="s">
        <v>86</v>
      </c>
      <c r="Q6789">
        <v>1</v>
      </c>
      <c r="R6789">
        <v>1</v>
      </c>
      <c r="S6789">
        <v>1</v>
      </c>
      <c r="T6789">
        <v>1</v>
      </c>
      <c r="U6789">
        <v>1</v>
      </c>
      <c r="V6789">
        <v>1</v>
      </c>
      <c r="W6789">
        <v>1</v>
      </c>
      <c r="X6789">
        <v>1</v>
      </c>
      <c r="Y6789">
        <v>1</v>
      </c>
      <c r="Z6789">
        <v>1</v>
      </c>
      <c r="AA6789">
        <v>1</v>
      </c>
      <c r="AB6789">
        <v>1</v>
      </c>
      <c r="AC6789">
        <v>1</v>
      </c>
      <c r="AD6789">
        <v>1</v>
      </c>
      <c r="AE6789">
        <v>1</v>
      </c>
      <c r="AF6789">
        <v>1</v>
      </c>
      <c r="AG6789">
        <v>1</v>
      </c>
      <c r="AH6789">
        <v>1</v>
      </c>
      <c r="AI6789">
        <v>1</v>
      </c>
      <c r="AJ6789">
        <v>1</v>
      </c>
      <c r="AK6789">
        <v>1</v>
      </c>
      <c r="AL6789">
        <v>1</v>
      </c>
      <c r="AM6789">
        <v>1</v>
      </c>
      <c r="AN6789">
        <v>1</v>
      </c>
      <c r="AO6789">
        <v>1</v>
      </c>
      <c r="AP6789">
        <v>1</v>
      </c>
      <c r="AQ6789">
        <v>1</v>
      </c>
    </row>
    <row r="6790" spans="1:43">
      <c r="A6790" t="s">
        <v>4252</v>
      </c>
      <c r="B6790" t="s">
        <v>4253</v>
      </c>
      <c r="C6790" t="s">
        <v>4250</v>
      </c>
      <c r="D6790" t="s">
        <v>4251</v>
      </c>
      <c r="E6790" t="s">
        <v>4236</v>
      </c>
      <c r="F6790" t="s">
        <v>4237</v>
      </c>
      <c r="G6790" t="s">
        <v>80</v>
      </c>
      <c r="H6790" t="s">
        <v>81</v>
      </c>
      <c r="I6790" s="2">
        <v>1</v>
      </c>
      <c r="J6790" s="2">
        <v>0</v>
      </c>
      <c r="K6790" s="2">
        <v>0</v>
      </c>
      <c r="L6790" t="s">
        <v>120</v>
      </c>
      <c r="M6790" t="s">
        <v>83</v>
      </c>
      <c r="N6790" t="s">
        <v>84</v>
      </c>
      <c r="O6790" t="s">
        <v>85</v>
      </c>
      <c r="P6790" t="s">
        <v>86</v>
      </c>
      <c r="Q6790">
        <v>19</v>
      </c>
      <c r="R6790">
        <v>20</v>
      </c>
      <c r="S6790">
        <v>20</v>
      </c>
      <c r="T6790">
        <v>20</v>
      </c>
      <c r="U6790">
        <v>20</v>
      </c>
      <c r="V6790">
        <v>20</v>
      </c>
      <c r="W6790">
        <v>21</v>
      </c>
      <c r="X6790">
        <v>21</v>
      </c>
      <c r="Y6790">
        <v>21</v>
      </c>
      <c r="Z6790">
        <v>21</v>
      </c>
      <c r="AA6790">
        <v>21</v>
      </c>
      <c r="AB6790">
        <v>21</v>
      </c>
      <c r="AC6790">
        <v>21</v>
      </c>
      <c r="AD6790">
        <v>21</v>
      </c>
      <c r="AE6790">
        <v>21</v>
      </c>
      <c r="AF6790">
        <v>22</v>
      </c>
      <c r="AG6790">
        <v>22</v>
      </c>
      <c r="AH6790">
        <v>22</v>
      </c>
      <c r="AI6790">
        <v>22</v>
      </c>
      <c r="AJ6790">
        <v>22</v>
      </c>
      <c r="AK6790">
        <v>22</v>
      </c>
      <c r="AL6790">
        <v>22</v>
      </c>
      <c r="AM6790">
        <v>21</v>
      </c>
      <c r="AN6790">
        <v>21</v>
      </c>
      <c r="AO6790">
        <v>21</v>
      </c>
      <c r="AP6790">
        <v>21</v>
      </c>
      <c r="AQ6790">
        <v>21</v>
      </c>
    </row>
    <row r="6791" spans="1:43">
      <c r="A6791" t="s">
        <v>4252</v>
      </c>
      <c r="B6791" t="s">
        <v>4253</v>
      </c>
      <c r="C6791" t="s">
        <v>4250</v>
      </c>
      <c r="D6791" t="s">
        <v>4251</v>
      </c>
      <c r="E6791" t="s">
        <v>4236</v>
      </c>
      <c r="F6791" t="s">
        <v>4237</v>
      </c>
      <c r="G6791" t="s">
        <v>80</v>
      </c>
      <c r="H6791" t="s">
        <v>81</v>
      </c>
      <c r="I6791" s="2">
        <v>1</v>
      </c>
      <c r="J6791" s="2">
        <v>0</v>
      </c>
      <c r="K6791" s="2">
        <v>0</v>
      </c>
      <c r="L6791" t="s">
        <v>120</v>
      </c>
      <c r="M6791" t="s">
        <v>87</v>
      </c>
      <c r="N6791" t="s">
        <v>88</v>
      </c>
      <c r="O6791" t="s">
        <v>85</v>
      </c>
      <c r="P6791" t="s">
        <v>86</v>
      </c>
      <c r="Q6791">
        <v>19</v>
      </c>
      <c r="R6791">
        <v>19</v>
      </c>
      <c r="S6791">
        <v>19</v>
      </c>
      <c r="T6791">
        <v>19</v>
      </c>
      <c r="U6791">
        <v>19</v>
      </c>
      <c r="V6791">
        <v>19</v>
      </c>
      <c r="W6791">
        <v>19</v>
      </c>
      <c r="X6791">
        <v>19</v>
      </c>
      <c r="Y6791">
        <v>19</v>
      </c>
      <c r="Z6791">
        <v>19</v>
      </c>
      <c r="AA6791">
        <v>19</v>
      </c>
      <c r="AB6791">
        <v>19</v>
      </c>
      <c r="AC6791">
        <v>19</v>
      </c>
      <c r="AD6791">
        <v>19</v>
      </c>
      <c r="AE6791">
        <v>19</v>
      </c>
      <c r="AF6791">
        <v>19</v>
      </c>
      <c r="AG6791">
        <v>19</v>
      </c>
      <c r="AH6791">
        <v>19</v>
      </c>
      <c r="AI6791">
        <v>19</v>
      </c>
      <c r="AJ6791">
        <v>19</v>
      </c>
      <c r="AK6791">
        <v>19</v>
      </c>
      <c r="AL6791">
        <v>19</v>
      </c>
      <c r="AM6791">
        <v>18</v>
      </c>
      <c r="AN6791">
        <v>18</v>
      </c>
      <c r="AO6791">
        <v>18</v>
      </c>
      <c r="AP6791">
        <v>18</v>
      </c>
      <c r="AQ6791">
        <v>18</v>
      </c>
    </row>
    <row r="6792" spans="1:43">
      <c r="A6792" t="s">
        <v>4252</v>
      </c>
      <c r="B6792" t="s">
        <v>4253</v>
      </c>
      <c r="C6792" t="s">
        <v>4250</v>
      </c>
      <c r="D6792" t="s">
        <v>4251</v>
      </c>
      <c r="E6792" t="s">
        <v>4236</v>
      </c>
      <c r="F6792" t="s">
        <v>4237</v>
      </c>
      <c r="G6792" t="s">
        <v>80</v>
      </c>
      <c r="H6792" t="s">
        <v>81</v>
      </c>
      <c r="I6792" s="2">
        <v>1</v>
      </c>
      <c r="J6792" s="2">
        <v>0</v>
      </c>
      <c r="K6792" s="2">
        <v>0</v>
      </c>
      <c r="L6792" t="s">
        <v>120</v>
      </c>
      <c r="M6792" t="s">
        <v>89</v>
      </c>
      <c r="N6792" t="s">
        <v>90</v>
      </c>
      <c r="O6792" t="s">
        <v>85</v>
      </c>
      <c r="P6792" t="s">
        <v>86</v>
      </c>
      <c r="Q6792">
        <v>19</v>
      </c>
      <c r="R6792">
        <v>19</v>
      </c>
      <c r="S6792">
        <v>19</v>
      </c>
      <c r="T6792">
        <v>20</v>
      </c>
      <c r="U6792">
        <v>20</v>
      </c>
      <c r="V6792">
        <v>20</v>
      </c>
      <c r="W6792">
        <v>21</v>
      </c>
      <c r="X6792">
        <v>21</v>
      </c>
      <c r="Y6792">
        <v>21</v>
      </c>
      <c r="Z6792">
        <v>21</v>
      </c>
      <c r="AA6792">
        <v>21</v>
      </c>
      <c r="AB6792">
        <v>22</v>
      </c>
      <c r="AC6792">
        <v>22</v>
      </c>
      <c r="AD6792">
        <v>22</v>
      </c>
      <c r="AE6792">
        <v>22</v>
      </c>
      <c r="AF6792">
        <v>22</v>
      </c>
      <c r="AG6792">
        <v>22</v>
      </c>
      <c r="AH6792">
        <v>22</v>
      </c>
      <c r="AI6792">
        <v>21</v>
      </c>
      <c r="AJ6792">
        <v>21</v>
      </c>
      <c r="AK6792">
        <v>21</v>
      </c>
      <c r="AL6792">
        <v>21</v>
      </c>
      <c r="AM6792">
        <v>21</v>
      </c>
      <c r="AN6792">
        <v>20</v>
      </c>
      <c r="AO6792">
        <v>20</v>
      </c>
      <c r="AP6792">
        <v>20</v>
      </c>
      <c r="AQ6792">
        <v>20</v>
      </c>
    </row>
    <row r="6793" spans="1:43">
      <c r="A6793" t="s">
        <v>4252</v>
      </c>
      <c r="B6793" t="s">
        <v>4253</v>
      </c>
      <c r="C6793" t="s">
        <v>4250</v>
      </c>
      <c r="D6793" t="s">
        <v>4251</v>
      </c>
      <c r="E6793" t="s">
        <v>4236</v>
      </c>
      <c r="F6793" t="s">
        <v>4237</v>
      </c>
      <c r="G6793" t="s">
        <v>80</v>
      </c>
      <c r="H6793" t="s">
        <v>81</v>
      </c>
      <c r="I6793" s="2">
        <v>1</v>
      </c>
      <c r="J6793" s="2">
        <v>0</v>
      </c>
      <c r="K6793" s="2">
        <v>0</v>
      </c>
      <c r="L6793" t="s">
        <v>120</v>
      </c>
      <c r="M6793" t="s">
        <v>83</v>
      </c>
      <c r="N6793" t="s">
        <v>91</v>
      </c>
      <c r="O6793" t="s">
        <v>85</v>
      </c>
      <c r="P6793" t="s">
        <v>86</v>
      </c>
      <c r="Q6793">
        <v>19</v>
      </c>
      <c r="R6793">
        <v>20</v>
      </c>
      <c r="S6793">
        <v>20</v>
      </c>
      <c r="T6793">
        <v>20</v>
      </c>
      <c r="U6793">
        <v>20</v>
      </c>
      <c r="V6793">
        <v>20</v>
      </c>
      <c r="W6793">
        <v>21</v>
      </c>
      <c r="X6793">
        <v>21</v>
      </c>
      <c r="Y6793">
        <v>21</v>
      </c>
      <c r="Z6793">
        <v>21</v>
      </c>
      <c r="AA6793">
        <v>21</v>
      </c>
      <c r="AB6793">
        <v>21</v>
      </c>
      <c r="AC6793">
        <v>21</v>
      </c>
      <c r="AD6793">
        <v>21</v>
      </c>
      <c r="AE6793">
        <v>21</v>
      </c>
      <c r="AF6793">
        <v>22</v>
      </c>
      <c r="AG6793">
        <v>22</v>
      </c>
      <c r="AH6793">
        <v>22</v>
      </c>
      <c r="AI6793">
        <v>22</v>
      </c>
      <c r="AJ6793">
        <v>22</v>
      </c>
      <c r="AK6793">
        <v>22</v>
      </c>
      <c r="AL6793">
        <v>22</v>
      </c>
      <c r="AM6793">
        <v>21</v>
      </c>
      <c r="AN6793">
        <v>21</v>
      </c>
      <c r="AO6793">
        <v>21</v>
      </c>
      <c r="AP6793">
        <v>21</v>
      </c>
      <c r="AQ6793">
        <v>21</v>
      </c>
    </row>
    <row r="6794" spans="1:43">
      <c r="A6794" t="s">
        <v>4254</v>
      </c>
      <c r="B6794" t="s">
        <v>4255</v>
      </c>
      <c r="C6794" t="s">
        <v>4256</v>
      </c>
      <c r="D6794" t="s">
        <v>4257</v>
      </c>
      <c r="E6794" t="s">
        <v>4236</v>
      </c>
      <c r="F6794" t="s">
        <v>4237</v>
      </c>
      <c r="G6794" t="s">
        <v>80</v>
      </c>
      <c r="H6794" t="s">
        <v>81</v>
      </c>
      <c r="I6794" s="2">
        <v>1</v>
      </c>
      <c r="J6794" s="2">
        <v>0</v>
      </c>
      <c r="K6794" s="2">
        <v>0</v>
      </c>
      <c r="L6794" t="s">
        <v>120</v>
      </c>
      <c r="M6794" t="s">
        <v>83</v>
      </c>
      <c r="N6794" t="s">
        <v>84</v>
      </c>
      <c r="O6794" t="s">
        <v>85</v>
      </c>
      <c r="P6794" t="s">
        <v>86</v>
      </c>
      <c r="Q6794">
        <v>12</v>
      </c>
      <c r="R6794">
        <v>13</v>
      </c>
      <c r="S6794">
        <v>13</v>
      </c>
      <c r="T6794">
        <v>13</v>
      </c>
      <c r="U6794">
        <v>13</v>
      </c>
      <c r="V6794">
        <v>13</v>
      </c>
      <c r="W6794">
        <v>13</v>
      </c>
      <c r="X6794">
        <v>13</v>
      </c>
      <c r="Y6794">
        <v>13</v>
      </c>
      <c r="Z6794">
        <v>14</v>
      </c>
      <c r="AA6794">
        <v>14</v>
      </c>
      <c r="AB6794">
        <v>14</v>
      </c>
      <c r="AC6794">
        <v>14</v>
      </c>
      <c r="AD6794">
        <v>14</v>
      </c>
      <c r="AE6794">
        <v>14</v>
      </c>
      <c r="AF6794">
        <v>14</v>
      </c>
      <c r="AG6794">
        <v>14</v>
      </c>
      <c r="AH6794">
        <v>14</v>
      </c>
      <c r="AI6794">
        <v>14</v>
      </c>
      <c r="AJ6794">
        <v>14</v>
      </c>
      <c r="AK6794">
        <v>14</v>
      </c>
      <c r="AL6794">
        <v>14</v>
      </c>
      <c r="AM6794">
        <v>14</v>
      </c>
      <c r="AN6794">
        <v>14</v>
      </c>
      <c r="AO6794">
        <v>14</v>
      </c>
      <c r="AP6794">
        <v>14</v>
      </c>
      <c r="AQ6794">
        <v>14</v>
      </c>
    </row>
    <row r="6795" spans="1:43">
      <c r="A6795" t="s">
        <v>4254</v>
      </c>
      <c r="B6795" t="s">
        <v>4255</v>
      </c>
      <c r="C6795" t="s">
        <v>4256</v>
      </c>
      <c r="D6795" t="s">
        <v>4257</v>
      </c>
      <c r="E6795" t="s">
        <v>4236</v>
      </c>
      <c r="F6795" t="s">
        <v>4237</v>
      </c>
      <c r="G6795" t="s">
        <v>80</v>
      </c>
      <c r="H6795" t="s">
        <v>81</v>
      </c>
      <c r="I6795" s="2">
        <v>1</v>
      </c>
      <c r="J6795" s="2">
        <v>0</v>
      </c>
      <c r="K6795" s="2">
        <v>0</v>
      </c>
      <c r="L6795" t="s">
        <v>120</v>
      </c>
      <c r="M6795" t="s">
        <v>87</v>
      </c>
      <c r="N6795" t="s">
        <v>88</v>
      </c>
      <c r="O6795" t="s">
        <v>85</v>
      </c>
      <c r="P6795" t="s">
        <v>86</v>
      </c>
      <c r="Q6795">
        <v>12</v>
      </c>
      <c r="R6795">
        <v>12</v>
      </c>
      <c r="S6795">
        <v>12</v>
      </c>
      <c r="T6795">
        <v>12</v>
      </c>
      <c r="U6795">
        <v>12</v>
      </c>
      <c r="V6795">
        <v>12</v>
      </c>
      <c r="W6795">
        <v>12</v>
      </c>
      <c r="X6795">
        <v>12</v>
      </c>
      <c r="Y6795">
        <v>12</v>
      </c>
      <c r="Z6795">
        <v>12</v>
      </c>
      <c r="AA6795">
        <v>12</v>
      </c>
      <c r="AB6795">
        <v>12</v>
      </c>
      <c r="AC6795">
        <v>12</v>
      </c>
      <c r="AD6795">
        <v>12</v>
      </c>
      <c r="AE6795">
        <v>12</v>
      </c>
      <c r="AF6795">
        <v>12</v>
      </c>
      <c r="AG6795">
        <v>12</v>
      </c>
      <c r="AH6795">
        <v>12</v>
      </c>
      <c r="AI6795">
        <v>12</v>
      </c>
      <c r="AJ6795">
        <v>12</v>
      </c>
      <c r="AK6795">
        <v>12</v>
      </c>
      <c r="AL6795">
        <v>12</v>
      </c>
      <c r="AM6795">
        <v>12</v>
      </c>
      <c r="AN6795">
        <v>12</v>
      </c>
      <c r="AO6795">
        <v>12</v>
      </c>
      <c r="AP6795">
        <v>12</v>
      </c>
      <c r="AQ6795">
        <v>12</v>
      </c>
    </row>
    <row r="6796" spans="1:43">
      <c r="A6796" t="s">
        <v>4254</v>
      </c>
      <c r="B6796" t="s">
        <v>4255</v>
      </c>
      <c r="C6796" t="s">
        <v>4256</v>
      </c>
      <c r="D6796" t="s">
        <v>4257</v>
      </c>
      <c r="E6796" t="s">
        <v>4236</v>
      </c>
      <c r="F6796" t="s">
        <v>4237</v>
      </c>
      <c r="G6796" t="s">
        <v>80</v>
      </c>
      <c r="H6796" t="s">
        <v>81</v>
      </c>
      <c r="I6796" s="2">
        <v>1</v>
      </c>
      <c r="J6796" s="2">
        <v>0</v>
      </c>
      <c r="K6796" s="2">
        <v>0</v>
      </c>
      <c r="L6796" t="s">
        <v>120</v>
      </c>
      <c r="M6796" t="s">
        <v>89</v>
      </c>
      <c r="N6796" t="s">
        <v>90</v>
      </c>
      <c r="O6796" t="s">
        <v>85</v>
      </c>
      <c r="P6796" t="s">
        <v>86</v>
      </c>
      <c r="Q6796">
        <v>12</v>
      </c>
      <c r="R6796">
        <v>12</v>
      </c>
      <c r="S6796">
        <v>12</v>
      </c>
      <c r="T6796">
        <v>12</v>
      </c>
      <c r="U6796">
        <v>12</v>
      </c>
      <c r="V6796">
        <v>13</v>
      </c>
      <c r="W6796">
        <v>13</v>
      </c>
      <c r="X6796">
        <v>13</v>
      </c>
      <c r="Y6796">
        <v>13</v>
      </c>
      <c r="Z6796">
        <v>13</v>
      </c>
      <c r="AA6796">
        <v>13</v>
      </c>
      <c r="AB6796">
        <v>14</v>
      </c>
      <c r="AC6796">
        <v>14</v>
      </c>
      <c r="AD6796">
        <v>14</v>
      </c>
      <c r="AE6796">
        <v>14</v>
      </c>
      <c r="AF6796">
        <v>14</v>
      </c>
      <c r="AG6796">
        <v>14</v>
      </c>
      <c r="AH6796">
        <v>14</v>
      </c>
      <c r="AI6796">
        <v>14</v>
      </c>
      <c r="AJ6796">
        <v>13</v>
      </c>
      <c r="AK6796">
        <v>13</v>
      </c>
      <c r="AL6796">
        <v>13</v>
      </c>
      <c r="AM6796">
        <v>13</v>
      </c>
      <c r="AN6796">
        <v>13</v>
      </c>
      <c r="AO6796">
        <v>13</v>
      </c>
      <c r="AP6796">
        <v>13</v>
      </c>
      <c r="AQ6796">
        <v>13</v>
      </c>
    </row>
    <row r="6797" spans="1:43">
      <c r="A6797" t="s">
        <v>4254</v>
      </c>
      <c r="B6797" t="s">
        <v>4255</v>
      </c>
      <c r="C6797" t="s">
        <v>4256</v>
      </c>
      <c r="D6797" t="s">
        <v>4257</v>
      </c>
      <c r="E6797" t="s">
        <v>4236</v>
      </c>
      <c r="F6797" t="s">
        <v>4237</v>
      </c>
      <c r="G6797" t="s">
        <v>80</v>
      </c>
      <c r="H6797" t="s">
        <v>81</v>
      </c>
      <c r="I6797" s="2">
        <v>1</v>
      </c>
      <c r="J6797" s="2">
        <v>0</v>
      </c>
      <c r="K6797" s="2">
        <v>0</v>
      </c>
      <c r="L6797" t="s">
        <v>120</v>
      </c>
      <c r="M6797" t="s">
        <v>83</v>
      </c>
      <c r="N6797" t="s">
        <v>91</v>
      </c>
      <c r="O6797" t="s">
        <v>85</v>
      </c>
      <c r="P6797" t="s">
        <v>86</v>
      </c>
      <c r="Q6797">
        <v>12</v>
      </c>
      <c r="R6797">
        <v>13</v>
      </c>
      <c r="S6797">
        <v>13</v>
      </c>
      <c r="T6797">
        <v>13</v>
      </c>
      <c r="U6797">
        <v>13</v>
      </c>
      <c r="V6797">
        <v>13</v>
      </c>
      <c r="W6797">
        <v>13</v>
      </c>
      <c r="X6797">
        <v>13</v>
      </c>
      <c r="Y6797">
        <v>13</v>
      </c>
      <c r="Z6797">
        <v>14</v>
      </c>
      <c r="AA6797">
        <v>14</v>
      </c>
      <c r="AB6797">
        <v>14</v>
      </c>
      <c r="AC6797">
        <v>14</v>
      </c>
      <c r="AD6797">
        <v>14</v>
      </c>
      <c r="AE6797">
        <v>14</v>
      </c>
      <c r="AF6797">
        <v>14</v>
      </c>
      <c r="AG6797">
        <v>14</v>
      </c>
      <c r="AH6797">
        <v>14</v>
      </c>
      <c r="AI6797">
        <v>14</v>
      </c>
      <c r="AJ6797">
        <v>14</v>
      </c>
      <c r="AK6797">
        <v>14</v>
      </c>
      <c r="AL6797">
        <v>14</v>
      </c>
      <c r="AM6797">
        <v>14</v>
      </c>
      <c r="AN6797">
        <v>14</v>
      </c>
      <c r="AO6797">
        <v>14</v>
      </c>
      <c r="AP6797">
        <v>14</v>
      </c>
      <c r="AQ6797">
        <v>14</v>
      </c>
    </row>
    <row r="6798" spans="1:43">
      <c r="A6798" t="s">
        <v>4258</v>
      </c>
      <c r="B6798" t="s">
        <v>4259</v>
      </c>
      <c r="C6798" t="s">
        <v>4234</v>
      </c>
      <c r="D6798" t="s">
        <v>4235</v>
      </c>
      <c r="E6798" t="s">
        <v>4236</v>
      </c>
      <c r="F6798" t="s">
        <v>4237</v>
      </c>
      <c r="G6798" t="s">
        <v>80</v>
      </c>
      <c r="H6798" t="s">
        <v>81</v>
      </c>
      <c r="I6798" s="2">
        <v>1</v>
      </c>
      <c r="J6798" s="2">
        <v>0</v>
      </c>
      <c r="K6798" s="2">
        <v>0</v>
      </c>
      <c r="L6798" t="s">
        <v>120</v>
      </c>
      <c r="M6798" t="s">
        <v>83</v>
      </c>
      <c r="N6798" t="s">
        <v>84</v>
      </c>
      <c r="O6798" t="s">
        <v>85</v>
      </c>
      <c r="P6798" t="s">
        <v>86</v>
      </c>
      <c r="Q6798">
        <v>11</v>
      </c>
      <c r="R6798">
        <v>11</v>
      </c>
      <c r="S6798">
        <v>11</v>
      </c>
      <c r="T6798">
        <v>11</v>
      </c>
      <c r="U6798">
        <v>11</v>
      </c>
      <c r="V6798">
        <v>11</v>
      </c>
      <c r="W6798">
        <v>11</v>
      </c>
      <c r="X6798">
        <v>11</v>
      </c>
      <c r="Y6798">
        <v>11</v>
      </c>
      <c r="Z6798">
        <v>12</v>
      </c>
      <c r="AA6798">
        <v>12</v>
      </c>
      <c r="AB6798">
        <v>12</v>
      </c>
      <c r="AC6798">
        <v>12</v>
      </c>
      <c r="AD6798">
        <v>12</v>
      </c>
      <c r="AE6798">
        <v>12</v>
      </c>
      <c r="AF6798">
        <v>12</v>
      </c>
      <c r="AG6798">
        <v>12</v>
      </c>
      <c r="AH6798">
        <v>12</v>
      </c>
      <c r="AI6798">
        <v>12</v>
      </c>
      <c r="AJ6798">
        <v>12</v>
      </c>
      <c r="AK6798">
        <v>12</v>
      </c>
      <c r="AL6798">
        <v>12</v>
      </c>
      <c r="AM6798">
        <v>12</v>
      </c>
      <c r="AN6798">
        <v>12</v>
      </c>
      <c r="AO6798">
        <v>12</v>
      </c>
      <c r="AP6798">
        <v>12</v>
      </c>
      <c r="AQ6798">
        <v>12</v>
      </c>
    </row>
    <row r="6799" spans="1:43">
      <c r="A6799" t="s">
        <v>4258</v>
      </c>
      <c r="B6799" t="s">
        <v>4259</v>
      </c>
      <c r="C6799" t="s">
        <v>4234</v>
      </c>
      <c r="D6799" t="s">
        <v>4235</v>
      </c>
      <c r="E6799" t="s">
        <v>4236</v>
      </c>
      <c r="F6799" t="s">
        <v>4237</v>
      </c>
      <c r="G6799" t="s">
        <v>80</v>
      </c>
      <c r="H6799" t="s">
        <v>81</v>
      </c>
      <c r="I6799" s="2">
        <v>1</v>
      </c>
      <c r="J6799" s="2">
        <v>0</v>
      </c>
      <c r="K6799" s="2">
        <v>0</v>
      </c>
      <c r="L6799" t="s">
        <v>120</v>
      </c>
      <c r="M6799" t="s">
        <v>87</v>
      </c>
      <c r="N6799" t="s">
        <v>88</v>
      </c>
      <c r="O6799" t="s">
        <v>85</v>
      </c>
      <c r="P6799" t="s">
        <v>86</v>
      </c>
      <c r="Q6799">
        <v>11</v>
      </c>
      <c r="R6799">
        <v>11</v>
      </c>
      <c r="S6799">
        <v>11</v>
      </c>
      <c r="T6799">
        <v>11</v>
      </c>
      <c r="U6799">
        <v>11</v>
      </c>
      <c r="V6799">
        <v>11</v>
      </c>
      <c r="W6799">
        <v>11</v>
      </c>
      <c r="X6799">
        <v>11</v>
      </c>
      <c r="Y6799">
        <v>11</v>
      </c>
      <c r="Z6799">
        <v>11</v>
      </c>
      <c r="AA6799">
        <v>11</v>
      </c>
      <c r="AB6799">
        <v>11</v>
      </c>
      <c r="AC6799">
        <v>11</v>
      </c>
      <c r="AD6799">
        <v>11</v>
      </c>
      <c r="AE6799">
        <v>10</v>
      </c>
      <c r="AF6799">
        <v>10</v>
      </c>
      <c r="AG6799">
        <v>10</v>
      </c>
      <c r="AH6799">
        <v>10</v>
      </c>
      <c r="AI6799">
        <v>10</v>
      </c>
      <c r="AJ6799">
        <v>10</v>
      </c>
      <c r="AK6799">
        <v>10</v>
      </c>
      <c r="AL6799">
        <v>10</v>
      </c>
      <c r="AM6799">
        <v>10</v>
      </c>
      <c r="AN6799">
        <v>10</v>
      </c>
      <c r="AO6799">
        <v>10</v>
      </c>
      <c r="AP6799">
        <v>10</v>
      </c>
      <c r="AQ6799">
        <v>10</v>
      </c>
    </row>
    <row r="6800" spans="1:43">
      <c r="A6800" t="s">
        <v>4258</v>
      </c>
      <c r="B6800" t="s">
        <v>4259</v>
      </c>
      <c r="C6800" t="s">
        <v>4234</v>
      </c>
      <c r="D6800" t="s">
        <v>4235</v>
      </c>
      <c r="E6800" t="s">
        <v>4236</v>
      </c>
      <c r="F6800" t="s">
        <v>4237</v>
      </c>
      <c r="G6800" t="s">
        <v>80</v>
      </c>
      <c r="H6800" t="s">
        <v>81</v>
      </c>
      <c r="I6800" s="2">
        <v>1</v>
      </c>
      <c r="J6800" s="2">
        <v>0</v>
      </c>
      <c r="K6800" s="2">
        <v>0</v>
      </c>
      <c r="L6800" t="s">
        <v>120</v>
      </c>
      <c r="M6800" t="s">
        <v>89</v>
      </c>
      <c r="N6800" t="s">
        <v>90</v>
      </c>
      <c r="O6800" t="s">
        <v>85</v>
      </c>
      <c r="P6800" t="s">
        <v>86</v>
      </c>
      <c r="Q6800">
        <v>11</v>
      </c>
      <c r="R6800">
        <v>11</v>
      </c>
      <c r="S6800">
        <v>11</v>
      </c>
      <c r="T6800">
        <v>11</v>
      </c>
      <c r="U6800">
        <v>11</v>
      </c>
      <c r="V6800">
        <v>12</v>
      </c>
      <c r="W6800">
        <v>12</v>
      </c>
      <c r="X6800">
        <v>12</v>
      </c>
      <c r="Y6800">
        <v>12</v>
      </c>
      <c r="Z6800">
        <v>12</v>
      </c>
      <c r="AA6800">
        <v>12</v>
      </c>
      <c r="AB6800">
        <v>12</v>
      </c>
      <c r="AC6800">
        <v>13</v>
      </c>
      <c r="AD6800">
        <v>13</v>
      </c>
      <c r="AE6800">
        <v>13</v>
      </c>
      <c r="AF6800">
        <v>13</v>
      </c>
      <c r="AG6800">
        <v>13</v>
      </c>
      <c r="AH6800">
        <v>12</v>
      </c>
      <c r="AI6800">
        <v>12</v>
      </c>
      <c r="AJ6800">
        <v>12</v>
      </c>
      <c r="AK6800">
        <v>12</v>
      </c>
      <c r="AL6800">
        <v>12</v>
      </c>
      <c r="AM6800">
        <v>12</v>
      </c>
      <c r="AN6800">
        <v>12</v>
      </c>
      <c r="AO6800">
        <v>12</v>
      </c>
      <c r="AP6800">
        <v>12</v>
      </c>
      <c r="AQ6800">
        <v>12</v>
      </c>
    </row>
    <row r="6801" spans="1:43">
      <c r="A6801" t="s">
        <v>4258</v>
      </c>
      <c r="B6801" t="s">
        <v>4259</v>
      </c>
      <c r="C6801" t="s">
        <v>4234</v>
      </c>
      <c r="D6801" t="s">
        <v>4235</v>
      </c>
      <c r="E6801" t="s">
        <v>4236</v>
      </c>
      <c r="F6801" t="s">
        <v>4237</v>
      </c>
      <c r="G6801" t="s">
        <v>80</v>
      </c>
      <c r="H6801" t="s">
        <v>81</v>
      </c>
      <c r="I6801" s="2">
        <v>1</v>
      </c>
      <c r="J6801" s="2">
        <v>0</v>
      </c>
      <c r="K6801" s="2">
        <v>0</v>
      </c>
      <c r="L6801" t="s">
        <v>120</v>
      </c>
      <c r="M6801" t="s">
        <v>83</v>
      </c>
      <c r="N6801" t="s">
        <v>91</v>
      </c>
      <c r="O6801" t="s">
        <v>85</v>
      </c>
      <c r="P6801" t="s">
        <v>86</v>
      </c>
      <c r="Q6801">
        <v>11</v>
      </c>
      <c r="R6801">
        <v>11</v>
      </c>
      <c r="S6801">
        <v>11</v>
      </c>
      <c r="T6801">
        <v>11</v>
      </c>
      <c r="U6801">
        <v>11</v>
      </c>
      <c r="V6801">
        <v>11</v>
      </c>
      <c r="W6801">
        <v>11</v>
      </c>
      <c r="X6801">
        <v>11</v>
      </c>
      <c r="Y6801">
        <v>11</v>
      </c>
      <c r="Z6801">
        <v>12</v>
      </c>
      <c r="AA6801">
        <v>12</v>
      </c>
      <c r="AB6801">
        <v>12</v>
      </c>
      <c r="AC6801">
        <v>12</v>
      </c>
      <c r="AD6801">
        <v>12</v>
      </c>
      <c r="AE6801">
        <v>12</v>
      </c>
      <c r="AF6801">
        <v>12</v>
      </c>
      <c r="AG6801">
        <v>12</v>
      </c>
      <c r="AH6801">
        <v>12</v>
      </c>
      <c r="AI6801">
        <v>12</v>
      </c>
      <c r="AJ6801">
        <v>12</v>
      </c>
      <c r="AK6801">
        <v>12</v>
      </c>
      <c r="AL6801">
        <v>12</v>
      </c>
      <c r="AM6801">
        <v>12</v>
      </c>
      <c r="AN6801">
        <v>12</v>
      </c>
      <c r="AO6801">
        <v>12</v>
      </c>
      <c r="AP6801">
        <v>12</v>
      </c>
      <c r="AQ6801">
        <v>12</v>
      </c>
    </row>
    <row r="6802" spans="1:43">
      <c r="A6802" t="s">
        <v>4260</v>
      </c>
      <c r="B6802" t="s">
        <v>4261</v>
      </c>
      <c r="C6802" t="s">
        <v>4256</v>
      </c>
      <c r="D6802" t="s">
        <v>4257</v>
      </c>
      <c r="E6802" t="s">
        <v>4236</v>
      </c>
      <c r="F6802" t="s">
        <v>4237</v>
      </c>
      <c r="G6802" t="s">
        <v>80</v>
      </c>
      <c r="H6802" t="s">
        <v>81</v>
      </c>
      <c r="I6802" s="2">
        <v>1</v>
      </c>
      <c r="J6802" s="2">
        <v>0</v>
      </c>
      <c r="K6802" s="2">
        <v>0</v>
      </c>
      <c r="L6802" t="s">
        <v>120</v>
      </c>
      <c r="M6802" t="s">
        <v>83</v>
      </c>
      <c r="N6802" t="s">
        <v>84</v>
      </c>
      <c r="O6802" t="s">
        <v>85</v>
      </c>
      <c r="P6802" t="s">
        <v>86</v>
      </c>
      <c r="Q6802">
        <v>38</v>
      </c>
      <c r="R6802">
        <v>38</v>
      </c>
      <c r="S6802">
        <v>39</v>
      </c>
      <c r="T6802">
        <v>39</v>
      </c>
      <c r="U6802">
        <v>39</v>
      </c>
      <c r="V6802">
        <v>40</v>
      </c>
      <c r="W6802">
        <v>40</v>
      </c>
      <c r="X6802">
        <v>41</v>
      </c>
      <c r="Y6802">
        <v>41</v>
      </c>
      <c r="Z6802">
        <v>41</v>
      </c>
      <c r="AA6802">
        <v>41</v>
      </c>
      <c r="AB6802">
        <v>42</v>
      </c>
      <c r="AC6802">
        <v>42</v>
      </c>
      <c r="AD6802">
        <v>42</v>
      </c>
      <c r="AE6802">
        <v>42</v>
      </c>
      <c r="AF6802">
        <v>42</v>
      </c>
      <c r="AG6802">
        <v>43</v>
      </c>
      <c r="AH6802">
        <v>43</v>
      </c>
      <c r="AI6802">
        <v>43</v>
      </c>
      <c r="AJ6802">
        <v>43</v>
      </c>
      <c r="AK6802">
        <v>43</v>
      </c>
      <c r="AL6802">
        <v>43</v>
      </c>
      <c r="AM6802">
        <v>43</v>
      </c>
      <c r="AN6802">
        <v>42</v>
      </c>
      <c r="AO6802">
        <v>42</v>
      </c>
      <c r="AP6802">
        <v>42</v>
      </c>
      <c r="AQ6802">
        <v>41</v>
      </c>
    </row>
    <row r="6803" spans="1:43">
      <c r="A6803" t="s">
        <v>4260</v>
      </c>
      <c r="B6803" t="s">
        <v>4261</v>
      </c>
      <c r="C6803" t="s">
        <v>4256</v>
      </c>
      <c r="D6803" t="s">
        <v>4257</v>
      </c>
      <c r="E6803" t="s">
        <v>4236</v>
      </c>
      <c r="F6803" t="s">
        <v>4237</v>
      </c>
      <c r="G6803" t="s">
        <v>80</v>
      </c>
      <c r="H6803" t="s">
        <v>81</v>
      </c>
      <c r="I6803" s="2">
        <v>1</v>
      </c>
      <c r="J6803" s="2">
        <v>0</v>
      </c>
      <c r="K6803" s="2">
        <v>0</v>
      </c>
      <c r="L6803" t="s">
        <v>120</v>
      </c>
      <c r="M6803" t="s">
        <v>87</v>
      </c>
      <c r="N6803" t="s">
        <v>88</v>
      </c>
      <c r="O6803" t="s">
        <v>85</v>
      </c>
      <c r="P6803" t="s">
        <v>86</v>
      </c>
      <c r="Q6803">
        <v>38</v>
      </c>
      <c r="R6803">
        <v>39</v>
      </c>
      <c r="S6803">
        <v>39</v>
      </c>
      <c r="T6803">
        <v>39</v>
      </c>
      <c r="U6803">
        <v>39</v>
      </c>
      <c r="V6803">
        <v>39</v>
      </c>
      <c r="W6803">
        <v>39</v>
      </c>
      <c r="X6803">
        <v>39</v>
      </c>
      <c r="Y6803">
        <v>39</v>
      </c>
      <c r="Z6803">
        <v>39</v>
      </c>
      <c r="AA6803">
        <v>39</v>
      </c>
      <c r="AB6803">
        <v>39</v>
      </c>
      <c r="AC6803">
        <v>39</v>
      </c>
      <c r="AD6803">
        <v>39</v>
      </c>
      <c r="AE6803">
        <v>39</v>
      </c>
      <c r="AF6803">
        <v>38</v>
      </c>
      <c r="AG6803">
        <v>38</v>
      </c>
      <c r="AH6803">
        <v>38</v>
      </c>
      <c r="AI6803">
        <v>38</v>
      </c>
      <c r="AJ6803">
        <v>38</v>
      </c>
      <c r="AK6803">
        <v>38</v>
      </c>
      <c r="AL6803">
        <v>38</v>
      </c>
      <c r="AM6803">
        <v>38</v>
      </c>
      <c r="AN6803">
        <v>37</v>
      </c>
      <c r="AO6803">
        <v>37</v>
      </c>
      <c r="AP6803">
        <v>37</v>
      </c>
      <c r="AQ6803">
        <v>37</v>
      </c>
    </row>
    <row r="6804" spans="1:43">
      <c r="A6804" t="s">
        <v>4260</v>
      </c>
      <c r="B6804" t="s">
        <v>4261</v>
      </c>
      <c r="C6804" t="s">
        <v>4256</v>
      </c>
      <c r="D6804" t="s">
        <v>4257</v>
      </c>
      <c r="E6804" t="s">
        <v>4236</v>
      </c>
      <c r="F6804" t="s">
        <v>4237</v>
      </c>
      <c r="G6804" t="s">
        <v>80</v>
      </c>
      <c r="H6804" t="s">
        <v>81</v>
      </c>
      <c r="I6804" s="2">
        <v>1</v>
      </c>
      <c r="J6804" s="2">
        <v>0</v>
      </c>
      <c r="K6804" s="2">
        <v>0</v>
      </c>
      <c r="L6804" t="s">
        <v>120</v>
      </c>
      <c r="M6804" t="s">
        <v>89</v>
      </c>
      <c r="N6804" t="s">
        <v>90</v>
      </c>
      <c r="O6804" t="s">
        <v>85</v>
      </c>
      <c r="P6804" t="s">
        <v>86</v>
      </c>
      <c r="Q6804">
        <v>38</v>
      </c>
      <c r="R6804">
        <v>39</v>
      </c>
      <c r="S6804">
        <v>40</v>
      </c>
      <c r="T6804">
        <v>40</v>
      </c>
      <c r="U6804">
        <v>41</v>
      </c>
      <c r="V6804">
        <v>42</v>
      </c>
      <c r="W6804">
        <v>42</v>
      </c>
      <c r="X6804">
        <v>43</v>
      </c>
      <c r="Y6804">
        <v>43</v>
      </c>
      <c r="Z6804">
        <v>44</v>
      </c>
      <c r="AA6804">
        <v>44</v>
      </c>
      <c r="AB6804">
        <v>44</v>
      </c>
      <c r="AC6804">
        <v>45</v>
      </c>
      <c r="AD6804">
        <v>45</v>
      </c>
      <c r="AE6804">
        <v>45</v>
      </c>
      <c r="AF6804">
        <v>45</v>
      </c>
      <c r="AG6804">
        <v>45</v>
      </c>
      <c r="AH6804">
        <v>45</v>
      </c>
      <c r="AI6804">
        <v>44</v>
      </c>
      <c r="AJ6804">
        <v>44</v>
      </c>
      <c r="AK6804">
        <v>44</v>
      </c>
      <c r="AL6804">
        <v>43</v>
      </c>
      <c r="AM6804">
        <v>43</v>
      </c>
      <c r="AN6804">
        <v>43</v>
      </c>
      <c r="AO6804">
        <v>43</v>
      </c>
      <c r="AP6804">
        <v>42</v>
      </c>
      <c r="AQ6804">
        <v>42</v>
      </c>
    </row>
    <row r="6805" spans="1:43">
      <c r="A6805" t="s">
        <v>4260</v>
      </c>
      <c r="B6805" t="s">
        <v>4261</v>
      </c>
      <c r="C6805" t="s">
        <v>4256</v>
      </c>
      <c r="D6805" t="s">
        <v>4257</v>
      </c>
      <c r="E6805" t="s">
        <v>4236</v>
      </c>
      <c r="F6805" t="s">
        <v>4237</v>
      </c>
      <c r="G6805" t="s">
        <v>80</v>
      </c>
      <c r="H6805" t="s">
        <v>81</v>
      </c>
      <c r="I6805" s="2">
        <v>1</v>
      </c>
      <c r="J6805" s="2">
        <v>0</v>
      </c>
      <c r="K6805" s="2">
        <v>0</v>
      </c>
      <c r="L6805" t="s">
        <v>120</v>
      </c>
      <c r="M6805" t="s">
        <v>83</v>
      </c>
      <c r="N6805" t="s">
        <v>91</v>
      </c>
      <c r="O6805" t="s">
        <v>85</v>
      </c>
      <c r="P6805" t="s">
        <v>86</v>
      </c>
      <c r="Q6805">
        <v>38</v>
      </c>
      <c r="R6805">
        <v>38</v>
      </c>
      <c r="S6805">
        <v>39</v>
      </c>
      <c r="T6805">
        <v>39</v>
      </c>
      <c r="U6805">
        <v>39</v>
      </c>
      <c r="V6805">
        <v>40</v>
      </c>
      <c r="W6805">
        <v>40</v>
      </c>
      <c r="X6805">
        <v>41</v>
      </c>
      <c r="Y6805">
        <v>41</v>
      </c>
      <c r="Z6805">
        <v>41</v>
      </c>
      <c r="AA6805">
        <v>41</v>
      </c>
      <c r="AB6805">
        <v>42</v>
      </c>
      <c r="AC6805">
        <v>42</v>
      </c>
      <c r="AD6805">
        <v>42</v>
      </c>
      <c r="AE6805">
        <v>42</v>
      </c>
      <c r="AF6805">
        <v>42</v>
      </c>
      <c r="AG6805">
        <v>43</v>
      </c>
      <c r="AH6805">
        <v>43</v>
      </c>
      <c r="AI6805">
        <v>43</v>
      </c>
      <c r="AJ6805">
        <v>43</v>
      </c>
      <c r="AK6805">
        <v>43</v>
      </c>
      <c r="AL6805">
        <v>43</v>
      </c>
      <c r="AM6805">
        <v>43</v>
      </c>
      <c r="AN6805">
        <v>42</v>
      </c>
      <c r="AO6805">
        <v>42</v>
      </c>
      <c r="AP6805">
        <v>42</v>
      </c>
      <c r="AQ6805">
        <v>41</v>
      </c>
    </row>
    <row r="6806" spans="1:43">
      <c r="A6806" t="s">
        <v>4262</v>
      </c>
      <c r="B6806" t="s">
        <v>4263</v>
      </c>
      <c r="C6806" t="s">
        <v>4234</v>
      </c>
      <c r="D6806" t="s">
        <v>4235</v>
      </c>
      <c r="E6806" t="s">
        <v>4236</v>
      </c>
      <c r="F6806" t="s">
        <v>4237</v>
      </c>
      <c r="G6806" t="s">
        <v>80</v>
      </c>
      <c r="H6806" t="s">
        <v>81</v>
      </c>
      <c r="I6806" s="2">
        <v>1</v>
      </c>
      <c r="J6806" s="2">
        <v>0</v>
      </c>
      <c r="K6806" s="2">
        <v>0</v>
      </c>
      <c r="L6806" t="s">
        <v>120</v>
      </c>
      <c r="M6806" t="s">
        <v>83</v>
      </c>
      <c r="N6806" t="s">
        <v>84</v>
      </c>
      <c r="O6806" t="s">
        <v>85</v>
      </c>
      <c r="P6806" t="s">
        <v>86</v>
      </c>
      <c r="Q6806">
        <v>44</v>
      </c>
      <c r="R6806">
        <v>45</v>
      </c>
      <c r="S6806">
        <v>45</v>
      </c>
      <c r="T6806">
        <v>45</v>
      </c>
      <c r="U6806">
        <v>46</v>
      </c>
      <c r="V6806">
        <v>46</v>
      </c>
      <c r="W6806">
        <v>47</v>
      </c>
      <c r="X6806">
        <v>47</v>
      </c>
      <c r="Y6806">
        <v>47</v>
      </c>
      <c r="Z6806">
        <v>48</v>
      </c>
      <c r="AA6806">
        <v>48</v>
      </c>
      <c r="AB6806">
        <v>48</v>
      </c>
      <c r="AC6806">
        <v>48</v>
      </c>
      <c r="AD6806">
        <v>49</v>
      </c>
      <c r="AE6806">
        <v>49</v>
      </c>
      <c r="AF6806">
        <v>49</v>
      </c>
      <c r="AG6806">
        <v>49</v>
      </c>
      <c r="AH6806">
        <v>49</v>
      </c>
      <c r="AI6806">
        <v>49</v>
      </c>
      <c r="AJ6806">
        <v>50</v>
      </c>
      <c r="AK6806">
        <v>50</v>
      </c>
      <c r="AL6806">
        <v>49</v>
      </c>
      <c r="AM6806">
        <v>49</v>
      </c>
      <c r="AN6806">
        <v>49</v>
      </c>
      <c r="AO6806">
        <v>48</v>
      </c>
      <c r="AP6806">
        <v>48</v>
      </c>
      <c r="AQ6806">
        <v>47</v>
      </c>
    </row>
    <row r="6807" spans="1:43">
      <c r="A6807" t="s">
        <v>4262</v>
      </c>
      <c r="B6807" t="s">
        <v>4263</v>
      </c>
      <c r="C6807" t="s">
        <v>4234</v>
      </c>
      <c r="D6807" t="s">
        <v>4235</v>
      </c>
      <c r="E6807" t="s">
        <v>4236</v>
      </c>
      <c r="F6807" t="s">
        <v>4237</v>
      </c>
      <c r="G6807" t="s">
        <v>80</v>
      </c>
      <c r="H6807" t="s">
        <v>81</v>
      </c>
      <c r="I6807" s="2">
        <v>1</v>
      </c>
      <c r="J6807" s="2">
        <v>0</v>
      </c>
      <c r="K6807" s="2">
        <v>0</v>
      </c>
      <c r="L6807" t="s">
        <v>120</v>
      </c>
      <c r="M6807" t="s">
        <v>87</v>
      </c>
      <c r="N6807" t="s">
        <v>88</v>
      </c>
      <c r="O6807" t="s">
        <v>85</v>
      </c>
      <c r="P6807" t="s">
        <v>86</v>
      </c>
      <c r="Q6807">
        <v>44</v>
      </c>
      <c r="R6807">
        <v>44</v>
      </c>
      <c r="S6807">
        <v>44</v>
      </c>
      <c r="T6807">
        <v>44</v>
      </c>
      <c r="U6807">
        <v>44</v>
      </c>
      <c r="V6807">
        <v>44</v>
      </c>
      <c r="W6807">
        <v>44</v>
      </c>
      <c r="X6807">
        <v>44</v>
      </c>
      <c r="Y6807">
        <v>44</v>
      </c>
      <c r="Z6807">
        <v>44</v>
      </c>
      <c r="AA6807">
        <v>44</v>
      </c>
      <c r="AB6807">
        <v>44</v>
      </c>
      <c r="AC6807">
        <v>44</v>
      </c>
      <c r="AD6807">
        <v>44</v>
      </c>
      <c r="AE6807">
        <v>43</v>
      </c>
      <c r="AF6807">
        <v>43</v>
      </c>
      <c r="AG6807">
        <v>43</v>
      </c>
      <c r="AH6807">
        <v>43</v>
      </c>
      <c r="AI6807">
        <v>43</v>
      </c>
      <c r="AJ6807">
        <v>43</v>
      </c>
      <c r="AK6807">
        <v>43</v>
      </c>
      <c r="AL6807">
        <v>42</v>
      </c>
      <c r="AM6807">
        <v>42</v>
      </c>
      <c r="AN6807">
        <v>42</v>
      </c>
      <c r="AO6807">
        <v>42</v>
      </c>
      <c r="AP6807">
        <v>41</v>
      </c>
      <c r="AQ6807">
        <v>41</v>
      </c>
    </row>
    <row r="6808" spans="1:43">
      <c r="A6808" t="s">
        <v>4262</v>
      </c>
      <c r="B6808" t="s">
        <v>4263</v>
      </c>
      <c r="C6808" t="s">
        <v>4234</v>
      </c>
      <c r="D6808" t="s">
        <v>4235</v>
      </c>
      <c r="E6808" t="s">
        <v>4236</v>
      </c>
      <c r="F6808" t="s">
        <v>4237</v>
      </c>
      <c r="G6808" t="s">
        <v>80</v>
      </c>
      <c r="H6808" t="s">
        <v>81</v>
      </c>
      <c r="I6808" s="2">
        <v>1</v>
      </c>
      <c r="J6808" s="2">
        <v>0</v>
      </c>
      <c r="K6808" s="2">
        <v>0</v>
      </c>
      <c r="L6808" t="s">
        <v>120</v>
      </c>
      <c r="M6808" t="s">
        <v>89</v>
      </c>
      <c r="N6808" t="s">
        <v>90</v>
      </c>
      <c r="O6808" t="s">
        <v>85</v>
      </c>
      <c r="P6808" t="s">
        <v>86</v>
      </c>
      <c r="Q6808">
        <v>44</v>
      </c>
      <c r="R6808">
        <v>45</v>
      </c>
      <c r="S6808">
        <v>46</v>
      </c>
      <c r="T6808">
        <v>47</v>
      </c>
      <c r="U6808">
        <v>48</v>
      </c>
      <c r="V6808">
        <v>48</v>
      </c>
      <c r="W6808">
        <v>49</v>
      </c>
      <c r="X6808">
        <v>50</v>
      </c>
      <c r="Y6808">
        <v>50</v>
      </c>
      <c r="Z6808">
        <v>51</v>
      </c>
      <c r="AA6808">
        <v>51</v>
      </c>
      <c r="AB6808">
        <v>51</v>
      </c>
      <c r="AC6808">
        <v>52</v>
      </c>
      <c r="AD6808">
        <v>52</v>
      </c>
      <c r="AE6808">
        <v>52</v>
      </c>
      <c r="AF6808">
        <v>52</v>
      </c>
      <c r="AG6808">
        <v>52</v>
      </c>
      <c r="AH6808">
        <v>51</v>
      </c>
      <c r="AI6808">
        <v>51</v>
      </c>
      <c r="AJ6808">
        <v>51</v>
      </c>
      <c r="AK6808">
        <v>50</v>
      </c>
      <c r="AL6808">
        <v>50</v>
      </c>
      <c r="AM6808">
        <v>49</v>
      </c>
      <c r="AN6808">
        <v>49</v>
      </c>
      <c r="AO6808">
        <v>49</v>
      </c>
      <c r="AP6808">
        <v>48</v>
      </c>
      <c r="AQ6808">
        <v>48</v>
      </c>
    </row>
    <row r="6809" spans="1:43">
      <c r="A6809" t="s">
        <v>4262</v>
      </c>
      <c r="B6809" t="s">
        <v>4263</v>
      </c>
      <c r="C6809" t="s">
        <v>4234</v>
      </c>
      <c r="D6809" t="s">
        <v>4235</v>
      </c>
      <c r="E6809" t="s">
        <v>4236</v>
      </c>
      <c r="F6809" t="s">
        <v>4237</v>
      </c>
      <c r="G6809" t="s">
        <v>80</v>
      </c>
      <c r="H6809" t="s">
        <v>81</v>
      </c>
      <c r="I6809" s="2">
        <v>1</v>
      </c>
      <c r="J6809" s="2">
        <v>0</v>
      </c>
      <c r="K6809" s="2">
        <v>0</v>
      </c>
      <c r="L6809" t="s">
        <v>120</v>
      </c>
      <c r="M6809" t="s">
        <v>83</v>
      </c>
      <c r="N6809" t="s">
        <v>91</v>
      </c>
      <c r="O6809" t="s">
        <v>85</v>
      </c>
      <c r="P6809" t="s">
        <v>86</v>
      </c>
      <c r="Q6809">
        <v>44</v>
      </c>
      <c r="R6809">
        <v>45</v>
      </c>
      <c r="S6809">
        <v>45</v>
      </c>
      <c r="T6809">
        <v>45</v>
      </c>
      <c r="U6809">
        <v>46</v>
      </c>
      <c r="V6809">
        <v>46</v>
      </c>
      <c r="W6809">
        <v>47</v>
      </c>
      <c r="X6809">
        <v>47</v>
      </c>
      <c r="Y6809">
        <v>47</v>
      </c>
      <c r="Z6809">
        <v>48</v>
      </c>
      <c r="AA6809">
        <v>48</v>
      </c>
      <c r="AB6809">
        <v>48</v>
      </c>
      <c r="AC6809">
        <v>48</v>
      </c>
      <c r="AD6809">
        <v>49</v>
      </c>
      <c r="AE6809">
        <v>49</v>
      </c>
      <c r="AF6809">
        <v>49</v>
      </c>
      <c r="AG6809">
        <v>49</v>
      </c>
      <c r="AH6809">
        <v>49</v>
      </c>
      <c r="AI6809">
        <v>49</v>
      </c>
      <c r="AJ6809">
        <v>50</v>
      </c>
      <c r="AK6809">
        <v>50</v>
      </c>
      <c r="AL6809">
        <v>49</v>
      </c>
      <c r="AM6809">
        <v>49</v>
      </c>
      <c r="AN6809">
        <v>49</v>
      </c>
      <c r="AO6809">
        <v>48</v>
      </c>
      <c r="AP6809">
        <v>48</v>
      </c>
      <c r="AQ6809">
        <v>47</v>
      </c>
    </row>
    <row r="6810" spans="1:43">
      <c r="A6810" t="s">
        <v>4264</v>
      </c>
      <c r="B6810" t="s">
        <v>4265</v>
      </c>
      <c r="C6810" t="s">
        <v>4234</v>
      </c>
      <c r="D6810" t="s">
        <v>4235</v>
      </c>
      <c r="E6810" t="s">
        <v>4236</v>
      </c>
      <c r="F6810" t="s">
        <v>4237</v>
      </c>
      <c r="G6810" t="s">
        <v>80</v>
      </c>
      <c r="H6810" t="s">
        <v>81</v>
      </c>
      <c r="I6810" s="2">
        <v>1</v>
      </c>
      <c r="J6810" s="2">
        <v>0</v>
      </c>
      <c r="K6810" s="2">
        <v>0</v>
      </c>
      <c r="L6810" t="s">
        <v>120</v>
      </c>
      <c r="M6810" t="s">
        <v>83</v>
      </c>
      <c r="N6810" t="s">
        <v>84</v>
      </c>
      <c r="O6810" t="s">
        <v>85</v>
      </c>
      <c r="P6810" t="s">
        <v>86</v>
      </c>
      <c r="Q6810">
        <v>78</v>
      </c>
      <c r="R6810">
        <v>79</v>
      </c>
      <c r="S6810">
        <v>79</v>
      </c>
      <c r="T6810">
        <v>80</v>
      </c>
      <c r="U6810">
        <v>81</v>
      </c>
      <c r="V6810">
        <v>82</v>
      </c>
      <c r="W6810">
        <v>82</v>
      </c>
      <c r="X6810">
        <v>83</v>
      </c>
      <c r="Y6810">
        <v>84</v>
      </c>
      <c r="Z6810">
        <v>84</v>
      </c>
      <c r="AA6810">
        <v>85</v>
      </c>
      <c r="AB6810">
        <v>85</v>
      </c>
      <c r="AC6810">
        <v>86</v>
      </c>
      <c r="AD6810">
        <v>86</v>
      </c>
      <c r="AE6810">
        <v>86</v>
      </c>
      <c r="AF6810">
        <v>87</v>
      </c>
      <c r="AG6810">
        <v>87</v>
      </c>
      <c r="AH6810">
        <v>87</v>
      </c>
      <c r="AI6810">
        <v>88</v>
      </c>
      <c r="AJ6810">
        <v>88</v>
      </c>
      <c r="AK6810">
        <v>88</v>
      </c>
      <c r="AL6810">
        <v>88</v>
      </c>
      <c r="AM6810">
        <v>87</v>
      </c>
      <c r="AN6810">
        <v>86</v>
      </c>
      <c r="AO6810">
        <v>86</v>
      </c>
      <c r="AP6810">
        <v>85</v>
      </c>
      <c r="AQ6810">
        <v>84</v>
      </c>
    </row>
    <row r="6811" spans="1:43">
      <c r="A6811" t="s">
        <v>4264</v>
      </c>
      <c r="B6811" t="s">
        <v>4265</v>
      </c>
      <c r="C6811" t="s">
        <v>4234</v>
      </c>
      <c r="D6811" t="s">
        <v>4235</v>
      </c>
      <c r="E6811" t="s">
        <v>4236</v>
      </c>
      <c r="F6811" t="s">
        <v>4237</v>
      </c>
      <c r="G6811" t="s">
        <v>80</v>
      </c>
      <c r="H6811" t="s">
        <v>81</v>
      </c>
      <c r="I6811" s="2">
        <v>1</v>
      </c>
      <c r="J6811" s="2">
        <v>0</v>
      </c>
      <c r="K6811" s="2">
        <v>0</v>
      </c>
      <c r="L6811" t="s">
        <v>120</v>
      </c>
      <c r="M6811" t="s">
        <v>87</v>
      </c>
      <c r="N6811" t="s">
        <v>88</v>
      </c>
      <c r="O6811" t="s">
        <v>85</v>
      </c>
      <c r="P6811" t="s">
        <v>86</v>
      </c>
      <c r="Q6811">
        <v>78</v>
      </c>
      <c r="R6811">
        <v>78</v>
      </c>
      <c r="S6811">
        <v>78</v>
      </c>
      <c r="T6811">
        <v>78</v>
      </c>
      <c r="U6811">
        <v>78</v>
      </c>
      <c r="V6811">
        <v>78</v>
      </c>
      <c r="W6811">
        <v>78</v>
      </c>
      <c r="X6811">
        <v>78</v>
      </c>
      <c r="Y6811">
        <v>78</v>
      </c>
      <c r="Z6811">
        <v>78</v>
      </c>
      <c r="AA6811">
        <v>78</v>
      </c>
      <c r="AB6811">
        <v>78</v>
      </c>
      <c r="AC6811">
        <v>78</v>
      </c>
      <c r="AD6811">
        <v>78</v>
      </c>
      <c r="AE6811">
        <v>78</v>
      </c>
      <c r="AF6811">
        <v>78</v>
      </c>
      <c r="AG6811">
        <v>77</v>
      </c>
      <c r="AH6811">
        <v>77</v>
      </c>
      <c r="AI6811">
        <v>77</v>
      </c>
      <c r="AJ6811">
        <v>77</v>
      </c>
      <c r="AK6811">
        <v>76</v>
      </c>
      <c r="AL6811">
        <v>76</v>
      </c>
      <c r="AM6811">
        <v>76</v>
      </c>
      <c r="AN6811">
        <v>75</v>
      </c>
      <c r="AO6811">
        <v>75</v>
      </c>
      <c r="AP6811">
        <v>75</v>
      </c>
      <c r="AQ6811">
        <v>74</v>
      </c>
    </row>
    <row r="6812" spans="1:43">
      <c r="A6812" t="s">
        <v>4264</v>
      </c>
      <c r="B6812" t="s">
        <v>4265</v>
      </c>
      <c r="C6812" t="s">
        <v>4234</v>
      </c>
      <c r="D6812" t="s">
        <v>4235</v>
      </c>
      <c r="E6812" t="s">
        <v>4236</v>
      </c>
      <c r="F6812" t="s">
        <v>4237</v>
      </c>
      <c r="G6812" t="s">
        <v>80</v>
      </c>
      <c r="H6812" t="s">
        <v>81</v>
      </c>
      <c r="I6812" s="2">
        <v>1</v>
      </c>
      <c r="J6812" s="2">
        <v>0</v>
      </c>
      <c r="K6812" s="2">
        <v>0</v>
      </c>
      <c r="L6812" t="s">
        <v>120</v>
      </c>
      <c r="M6812" t="s">
        <v>89</v>
      </c>
      <c r="N6812" t="s">
        <v>90</v>
      </c>
      <c r="O6812" t="s">
        <v>85</v>
      </c>
      <c r="P6812" t="s">
        <v>86</v>
      </c>
      <c r="Q6812">
        <v>78</v>
      </c>
      <c r="R6812">
        <v>80</v>
      </c>
      <c r="S6812">
        <v>81</v>
      </c>
      <c r="T6812">
        <v>83</v>
      </c>
      <c r="U6812">
        <v>84</v>
      </c>
      <c r="V6812">
        <v>85</v>
      </c>
      <c r="W6812">
        <v>86</v>
      </c>
      <c r="X6812">
        <v>88</v>
      </c>
      <c r="Y6812">
        <v>89</v>
      </c>
      <c r="Z6812">
        <v>89</v>
      </c>
      <c r="AA6812">
        <v>90</v>
      </c>
      <c r="AB6812">
        <v>91</v>
      </c>
      <c r="AC6812">
        <v>92</v>
      </c>
      <c r="AD6812">
        <v>92</v>
      </c>
      <c r="AE6812">
        <v>93</v>
      </c>
      <c r="AF6812">
        <v>92</v>
      </c>
      <c r="AG6812">
        <v>92</v>
      </c>
      <c r="AH6812">
        <v>91</v>
      </c>
      <c r="AI6812">
        <v>90</v>
      </c>
      <c r="AJ6812">
        <v>90</v>
      </c>
      <c r="AK6812">
        <v>89</v>
      </c>
      <c r="AL6812">
        <v>88</v>
      </c>
      <c r="AM6812">
        <v>88</v>
      </c>
      <c r="AN6812">
        <v>87</v>
      </c>
      <c r="AO6812">
        <v>86</v>
      </c>
      <c r="AP6812">
        <v>86</v>
      </c>
      <c r="AQ6812">
        <v>85</v>
      </c>
    </row>
    <row r="6813" spans="1:43">
      <c r="A6813" t="s">
        <v>4264</v>
      </c>
      <c r="B6813" t="s">
        <v>4265</v>
      </c>
      <c r="C6813" t="s">
        <v>4234</v>
      </c>
      <c r="D6813" t="s">
        <v>4235</v>
      </c>
      <c r="E6813" t="s">
        <v>4236</v>
      </c>
      <c r="F6813" t="s">
        <v>4237</v>
      </c>
      <c r="G6813" t="s">
        <v>80</v>
      </c>
      <c r="H6813" t="s">
        <v>81</v>
      </c>
      <c r="I6813" s="2">
        <v>1</v>
      </c>
      <c r="J6813" s="2">
        <v>0</v>
      </c>
      <c r="K6813" s="2">
        <v>0</v>
      </c>
      <c r="L6813" t="s">
        <v>120</v>
      </c>
      <c r="M6813" t="s">
        <v>83</v>
      </c>
      <c r="N6813" t="s">
        <v>91</v>
      </c>
      <c r="O6813" t="s">
        <v>85</v>
      </c>
      <c r="P6813" t="s">
        <v>86</v>
      </c>
      <c r="Q6813">
        <v>78</v>
      </c>
      <c r="R6813">
        <v>79</v>
      </c>
      <c r="S6813">
        <v>79</v>
      </c>
      <c r="T6813">
        <v>80</v>
      </c>
      <c r="U6813">
        <v>81</v>
      </c>
      <c r="V6813">
        <v>82</v>
      </c>
      <c r="W6813">
        <v>82</v>
      </c>
      <c r="X6813">
        <v>83</v>
      </c>
      <c r="Y6813">
        <v>84</v>
      </c>
      <c r="Z6813">
        <v>84</v>
      </c>
      <c r="AA6813">
        <v>85</v>
      </c>
      <c r="AB6813">
        <v>85</v>
      </c>
      <c r="AC6813">
        <v>86</v>
      </c>
      <c r="AD6813">
        <v>86</v>
      </c>
      <c r="AE6813">
        <v>86</v>
      </c>
      <c r="AF6813">
        <v>87</v>
      </c>
      <c r="AG6813">
        <v>87</v>
      </c>
      <c r="AH6813">
        <v>87</v>
      </c>
      <c r="AI6813">
        <v>88</v>
      </c>
      <c r="AJ6813">
        <v>88</v>
      </c>
      <c r="AK6813">
        <v>88</v>
      </c>
      <c r="AL6813">
        <v>88</v>
      </c>
      <c r="AM6813">
        <v>87</v>
      </c>
      <c r="AN6813">
        <v>86</v>
      </c>
      <c r="AO6813">
        <v>86</v>
      </c>
      <c r="AP6813">
        <v>85</v>
      </c>
      <c r="AQ6813">
        <v>84</v>
      </c>
    </row>
    <row r="6814" spans="1:43">
      <c r="A6814" t="s">
        <v>4266</v>
      </c>
      <c r="B6814" t="s">
        <v>4267</v>
      </c>
      <c r="C6814" t="s">
        <v>4256</v>
      </c>
      <c r="D6814" t="s">
        <v>4257</v>
      </c>
      <c r="E6814" t="s">
        <v>4236</v>
      </c>
      <c r="F6814" t="s">
        <v>4237</v>
      </c>
      <c r="G6814" t="s">
        <v>80</v>
      </c>
      <c r="H6814" t="s">
        <v>81</v>
      </c>
      <c r="I6814" s="2">
        <v>1</v>
      </c>
      <c r="J6814" s="2">
        <v>0</v>
      </c>
      <c r="K6814" s="2">
        <v>0</v>
      </c>
      <c r="L6814" t="s">
        <v>120</v>
      </c>
      <c r="M6814" t="s">
        <v>83</v>
      </c>
      <c r="N6814" t="s">
        <v>84</v>
      </c>
      <c r="O6814" t="s">
        <v>85</v>
      </c>
      <c r="P6814" t="s">
        <v>86</v>
      </c>
      <c r="Q6814">
        <v>37</v>
      </c>
      <c r="R6814">
        <v>38</v>
      </c>
      <c r="S6814">
        <v>38</v>
      </c>
      <c r="T6814">
        <v>38</v>
      </c>
      <c r="U6814">
        <v>39</v>
      </c>
      <c r="V6814">
        <v>39</v>
      </c>
      <c r="W6814">
        <v>40</v>
      </c>
      <c r="X6814">
        <v>40</v>
      </c>
      <c r="Y6814">
        <v>40</v>
      </c>
      <c r="Z6814">
        <v>40</v>
      </c>
      <c r="AA6814">
        <v>41</v>
      </c>
      <c r="AB6814">
        <v>41</v>
      </c>
      <c r="AC6814">
        <v>41</v>
      </c>
      <c r="AD6814">
        <v>41</v>
      </c>
      <c r="AE6814">
        <v>42</v>
      </c>
      <c r="AF6814">
        <v>42</v>
      </c>
      <c r="AG6814">
        <v>42</v>
      </c>
      <c r="AH6814">
        <v>42</v>
      </c>
      <c r="AI6814">
        <v>42</v>
      </c>
      <c r="AJ6814">
        <v>42</v>
      </c>
      <c r="AK6814">
        <v>42</v>
      </c>
      <c r="AL6814">
        <v>42</v>
      </c>
      <c r="AM6814">
        <v>42</v>
      </c>
      <c r="AN6814">
        <v>42</v>
      </c>
      <c r="AO6814">
        <v>41</v>
      </c>
      <c r="AP6814">
        <v>41</v>
      </c>
      <c r="AQ6814">
        <v>41</v>
      </c>
    </row>
    <row r="6815" spans="1:43">
      <c r="A6815" t="s">
        <v>4266</v>
      </c>
      <c r="B6815" t="s">
        <v>4267</v>
      </c>
      <c r="C6815" t="s">
        <v>4256</v>
      </c>
      <c r="D6815" t="s">
        <v>4257</v>
      </c>
      <c r="E6815" t="s">
        <v>4236</v>
      </c>
      <c r="F6815" t="s">
        <v>4237</v>
      </c>
      <c r="G6815" t="s">
        <v>80</v>
      </c>
      <c r="H6815" t="s">
        <v>81</v>
      </c>
      <c r="I6815" s="2">
        <v>1</v>
      </c>
      <c r="J6815" s="2">
        <v>0</v>
      </c>
      <c r="K6815" s="2">
        <v>0</v>
      </c>
      <c r="L6815" t="s">
        <v>120</v>
      </c>
      <c r="M6815" t="s">
        <v>87</v>
      </c>
      <c r="N6815" t="s">
        <v>88</v>
      </c>
      <c r="O6815" t="s">
        <v>85</v>
      </c>
      <c r="P6815" t="s">
        <v>86</v>
      </c>
      <c r="Q6815">
        <v>37</v>
      </c>
      <c r="R6815">
        <v>37</v>
      </c>
      <c r="S6815">
        <v>37</v>
      </c>
      <c r="T6815">
        <v>37</v>
      </c>
      <c r="U6815">
        <v>37</v>
      </c>
      <c r="V6815">
        <v>37</v>
      </c>
      <c r="W6815">
        <v>37</v>
      </c>
      <c r="X6815">
        <v>37</v>
      </c>
      <c r="Y6815">
        <v>37</v>
      </c>
      <c r="Z6815">
        <v>37</v>
      </c>
      <c r="AA6815">
        <v>37</v>
      </c>
      <c r="AB6815">
        <v>37</v>
      </c>
      <c r="AC6815">
        <v>37</v>
      </c>
      <c r="AD6815">
        <v>37</v>
      </c>
      <c r="AE6815">
        <v>37</v>
      </c>
      <c r="AF6815">
        <v>37</v>
      </c>
      <c r="AG6815">
        <v>37</v>
      </c>
      <c r="AH6815">
        <v>37</v>
      </c>
      <c r="AI6815">
        <v>37</v>
      </c>
      <c r="AJ6815">
        <v>36</v>
      </c>
      <c r="AK6815">
        <v>36</v>
      </c>
      <c r="AL6815">
        <v>36</v>
      </c>
      <c r="AM6815">
        <v>36</v>
      </c>
      <c r="AN6815">
        <v>36</v>
      </c>
      <c r="AO6815">
        <v>36</v>
      </c>
      <c r="AP6815">
        <v>35</v>
      </c>
      <c r="AQ6815">
        <v>35</v>
      </c>
    </row>
    <row r="6816" spans="1:43">
      <c r="A6816" t="s">
        <v>4266</v>
      </c>
      <c r="B6816" t="s">
        <v>4267</v>
      </c>
      <c r="C6816" t="s">
        <v>4256</v>
      </c>
      <c r="D6816" t="s">
        <v>4257</v>
      </c>
      <c r="E6816" t="s">
        <v>4236</v>
      </c>
      <c r="F6816" t="s">
        <v>4237</v>
      </c>
      <c r="G6816" t="s">
        <v>80</v>
      </c>
      <c r="H6816" t="s">
        <v>81</v>
      </c>
      <c r="I6816" s="2">
        <v>1</v>
      </c>
      <c r="J6816" s="2">
        <v>0</v>
      </c>
      <c r="K6816" s="2">
        <v>0</v>
      </c>
      <c r="L6816" t="s">
        <v>120</v>
      </c>
      <c r="M6816" t="s">
        <v>89</v>
      </c>
      <c r="N6816" t="s">
        <v>90</v>
      </c>
      <c r="O6816" t="s">
        <v>85</v>
      </c>
      <c r="P6816" t="s">
        <v>86</v>
      </c>
      <c r="Q6816">
        <v>37</v>
      </c>
      <c r="R6816">
        <v>37</v>
      </c>
      <c r="S6816">
        <v>38</v>
      </c>
      <c r="T6816">
        <v>39</v>
      </c>
      <c r="U6816">
        <v>39</v>
      </c>
      <c r="V6816">
        <v>40</v>
      </c>
      <c r="W6816">
        <v>41</v>
      </c>
      <c r="X6816">
        <v>41</v>
      </c>
      <c r="Y6816">
        <v>42</v>
      </c>
      <c r="Z6816">
        <v>42</v>
      </c>
      <c r="AA6816">
        <v>42</v>
      </c>
      <c r="AB6816">
        <v>43</v>
      </c>
      <c r="AC6816">
        <v>43</v>
      </c>
      <c r="AD6816">
        <v>43</v>
      </c>
      <c r="AE6816">
        <v>44</v>
      </c>
      <c r="AF6816">
        <v>43</v>
      </c>
      <c r="AG6816">
        <v>43</v>
      </c>
      <c r="AH6816">
        <v>43</v>
      </c>
      <c r="AI6816">
        <v>43</v>
      </c>
      <c r="AJ6816">
        <v>42</v>
      </c>
      <c r="AK6816">
        <v>42</v>
      </c>
      <c r="AL6816">
        <v>42</v>
      </c>
      <c r="AM6816">
        <v>41</v>
      </c>
      <c r="AN6816">
        <v>41</v>
      </c>
      <c r="AO6816">
        <v>41</v>
      </c>
      <c r="AP6816">
        <v>40</v>
      </c>
      <c r="AQ6816">
        <v>40</v>
      </c>
    </row>
    <row r="6817" spans="1:43">
      <c r="A6817" t="s">
        <v>4266</v>
      </c>
      <c r="B6817" t="s">
        <v>4267</v>
      </c>
      <c r="C6817" t="s">
        <v>4256</v>
      </c>
      <c r="D6817" t="s">
        <v>4257</v>
      </c>
      <c r="E6817" t="s">
        <v>4236</v>
      </c>
      <c r="F6817" t="s">
        <v>4237</v>
      </c>
      <c r="G6817" t="s">
        <v>80</v>
      </c>
      <c r="H6817" t="s">
        <v>81</v>
      </c>
      <c r="I6817" s="2">
        <v>1</v>
      </c>
      <c r="J6817" s="2">
        <v>0</v>
      </c>
      <c r="K6817" s="2">
        <v>0</v>
      </c>
      <c r="L6817" t="s">
        <v>120</v>
      </c>
      <c r="M6817" t="s">
        <v>83</v>
      </c>
      <c r="N6817" t="s">
        <v>91</v>
      </c>
      <c r="O6817" t="s">
        <v>85</v>
      </c>
      <c r="P6817" t="s">
        <v>86</v>
      </c>
      <c r="Q6817">
        <v>37</v>
      </c>
      <c r="R6817">
        <v>38</v>
      </c>
      <c r="S6817">
        <v>38</v>
      </c>
      <c r="T6817">
        <v>38</v>
      </c>
      <c r="U6817">
        <v>39</v>
      </c>
      <c r="V6817">
        <v>39</v>
      </c>
      <c r="W6817">
        <v>40</v>
      </c>
      <c r="X6817">
        <v>40</v>
      </c>
      <c r="Y6817">
        <v>40</v>
      </c>
      <c r="Z6817">
        <v>40</v>
      </c>
      <c r="AA6817">
        <v>41</v>
      </c>
      <c r="AB6817">
        <v>41</v>
      </c>
      <c r="AC6817">
        <v>41</v>
      </c>
      <c r="AD6817">
        <v>41</v>
      </c>
      <c r="AE6817">
        <v>42</v>
      </c>
      <c r="AF6817">
        <v>42</v>
      </c>
      <c r="AG6817">
        <v>42</v>
      </c>
      <c r="AH6817">
        <v>42</v>
      </c>
      <c r="AI6817">
        <v>42</v>
      </c>
      <c r="AJ6817">
        <v>42</v>
      </c>
      <c r="AK6817">
        <v>42</v>
      </c>
      <c r="AL6817">
        <v>42</v>
      </c>
      <c r="AM6817">
        <v>42</v>
      </c>
      <c r="AN6817">
        <v>42</v>
      </c>
      <c r="AO6817">
        <v>41</v>
      </c>
      <c r="AP6817">
        <v>41</v>
      </c>
      <c r="AQ6817">
        <v>41</v>
      </c>
    </row>
    <row r="6818" spans="1:43">
      <c r="A6818" t="s">
        <v>4268</v>
      </c>
      <c r="B6818" t="s">
        <v>4269</v>
      </c>
      <c r="C6818" t="s">
        <v>4256</v>
      </c>
      <c r="D6818" t="s">
        <v>4257</v>
      </c>
      <c r="E6818" t="s">
        <v>4236</v>
      </c>
      <c r="F6818" t="s">
        <v>4237</v>
      </c>
      <c r="G6818" t="s">
        <v>80</v>
      </c>
      <c r="H6818" t="s">
        <v>81</v>
      </c>
      <c r="I6818" s="2">
        <v>1</v>
      </c>
      <c r="J6818" s="2">
        <v>0</v>
      </c>
      <c r="K6818" s="2">
        <v>0</v>
      </c>
      <c r="L6818" t="s">
        <v>120</v>
      </c>
      <c r="M6818" t="s">
        <v>83</v>
      </c>
      <c r="N6818" t="s">
        <v>84</v>
      </c>
      <c r="O6818" t="s">
        <v>85</v>
      </c>
      <c r="P6818" t="s">
        <v>86</v>
      </c>
      <c r="Q6818">
        <v>84</v>
      </c>
      <c r="R6818">
        <v>85</v>
      </c>
      <c r="S6818">
        <v>86</v>
      </c>
      <c r="T6818">
        <v>87</v>
      </c>
      <c r="U6818">
        <v>87</v>
      </c>
      <c r="V6818">
        <v>88</v>
      </c>
      <c r="W6818">
        <v>89</v>
      </c>
      <c r="X6818">
        <v>90</v>
      </c>
      <c r="Y6818">
        <v>91</v>
      </c>
      <c r="Z6818">
        <v>91</v>
      </c>
      <c r="AA6818">
        <v>92</v>
      </c>
      <c r="AB6818">
        <v>92</v>
      </c>
      <c r="AC6818">
        <v>93</v>
      </c>
      <c r="AD6818">
        <v>93</v>
      </c>
      <c r="AE6818">
        <v>94</v>
      </c>
      <c r="AF6818">
        <v>94</v>
      </c>
      <c r="AG6818">
        <v>95</v>
      </c>
      <c r="AH6818">
        <v>95</v>
      </c>
      <c r="AI6818">
        <v>95</v>
      </c>
      <c r="AJ6818">
        <v>95</v>
      </c>
      <c r="AK6818">
        <v>96</v>
      </c>
      <c r="AL6818">
        <v>95</v>
      </c>
      <c r="AM6818">
        <v>95</v>
      </c>
      <c r="AN6818">
        <v>94</v>
      </c>
      <c r="AO6818">
        <v>93</v>
      </c>
      <c r="AP6818">
        <v>93</v>
      </c>
      <c r="AQ6818">
        <v>92</v>
      </c>
    </row>
    <row r="6819" spans="1:43">
      <c r="A6819" t="s">
        <v>4268</v>
      </c>
      <c r="B6819" t="s">
        <v>4269</v>
      </c>
      <c r="C6819" t="s">
        <v>4256</v>
      </c>
      <c r="D6819" t="s">
        <v>4257</v>
      </c>
      <c r="E6819" t="s">
        <v>4236</v>
      </c>
      <c r="F6819" t="s">
        <v>4237</v>
      </c>
      <c r="G6819" t="s">
        <v>80</v>
      </c>
      <c r="H6819" t="s">
        <v>81</v>
      </c>
      <c r="I6819" s="2">
        <v>1</v>
      </c>
      <c r="J6819" s="2">
        <v>0</v>
      </c>
      <c r="K6819" s="2">
        <v>0</v>
      </c>
      <c r="L6819" t="s">
        <v>120</v>
      </c>
      <c r="M6819" t="s">
        <v>87</v>
      </c>
      <c r="N6819" t="s">
        <v>88</v>
      </c>
      <c r="O6819" t="s">
        <v>85</v>
      </c>
      <c r="P6819" t="s">
        <v>86</v>
      </c>
      <c r="Q6819">
        <v>84</v>
      </c>
      <c r="R6819">
        <v>84</v>
      </c>
      <c r="S6819">
        <v>84</v>
      </c>
      <c r="T6819">
        <v>84</v>
      </c>
      <c r="U6819">
        <v>85</v>
      </c>
      <c r="V6819">
        <v>85</v>
      </c>
      <c r="W6819">
        <v>85</v>
      </c>
      <c r="X6819">
        <v>85</v>
      </c>
      <c r="Y6819">
        <v>85</v>
      </c>
      <c r="Z6819">
        <v>85</v>
      </c>
      <c r="AA6819">
        <v>85</v>
      </c>
      <c r="AB6819">
        <v>85</v>
      </c>
      <c r="AC6819">
        <v>84</v>
      </c>
      <c r="AD6819">
        <v>84</v>
      </c>
      <c r="AE6819">
        <v>84</v>
      </c>
      <c r="AF6819">
        <v>84</v>
      </c>
      <c r="AG6819">
        <v>84</v>
      </c>
      <c r="AH6819">
        <v>84</v>
      </c>
      <c r="AI6819">
        <v>83</v>
      </c>
      <c r="AJ6819">
        <v>83</v>
      </c>
      <c r="AK6819">
        <v>83</v>
      </c>
      <c r="AL6819">
        <v>82</v>
      </c>
      <c r="AM6819">
        <v>82</v>
      </c>
      <c r="AN6819">
        <v>82</v>
      </c>
      <c r="AO6819">
        <v>81</v>
      </c>
      <c r="AP6819">
        <v>81</v>
      </c>
      <c r="AQ6819">
        <v>81</v>
      </c>
    </row>
    <row r="6820" spans="1:43">
      <c r="A6820" t="s">
        <v>4268</v>
      </c>
      <c r="B6820" t="s">
        <v>4269</v>
      </c>
      <c r="C6820" t="s">
        <v>4256</v>
      </c>
      <c r="D6820" t="s">
        <v>4257</v>
      </c>
      <c r="E6820" t="s">
        <v>4236</v>
      </c>
      <c r="F6820" t="s">
        <v>4237</v>
      </c>
      <c r="G6820" t="s">
        <v>80</v>
      </c>
      <c r="H6820" t="s">
        <v>81</v>
      </c>
      <c r="I6820" s="2">
        <v>1</v>
      </c>
      <c r="J6820" s="2">
        <v>0</v>
      </c>
      <c r="K6820" s="2">
        <v>0</v>
      </c>
      <c r="L6820" t="s">
        <v>120</v>
      </c>
      <c r="M6820" t="s">
        <v>89</v>
      </c>
      <c r="N6820" t="s">
        <v>90</v>
      </c>
      <c r="O6820" t="s">
        <v>85</v>
      </c>
      <c r="P6820" t="s">
        <v>86</v>
      </c>
      <c r="Q6820">
        <v>84</v>
      </c>
      <c r="R6820">
        <v>85</v>
      </c>
      <c r="S6820">
        <v>87</v>
      </c>
      <c r="T6820">
        <v>88</v>
      </c>
      <c r="U6820">
        <v>90</v>
      </c>
      <c r="V6820">
        <v>91</v>
      </c>
      <c r="W6820">
        <v>92</v>
      </c>
      <c r="X6820">
        <v>94</v>
      </c>
      <c r="Y6820">
        <v>95</v>
      </c>
      <c r="Z6820">
        <v>96</v>
      </c>
      <c r="AA6820">
        <v>97</v>
      </c>
      <c r="AB6820">
        <v>97</v>
      </c>
      <c r="AC6820">
        <v>98</v>
      </c>
      <c r="AD6820">
        <v>99</v>
      </c>
      <c r="AE6820">
        <v>99</v>
      </c>
      <c r="AF6820">
        <v>99</v>
      </c>
      <c r="AG6820">
        <v>98</v>
      </c>
      <c r="AH6820">
        <v>98</v>
      </c>
      <c r="AI6820">
        <v>97</v>
      </c>
      <c r="AJ6820">
        <v>97</v>
      </c>
      <c r="AK6820">
        <v>96</v>
      </c>
      <c r="AL6820">
        <v>95</v>
      </c>
      <c r="AM6820">
        <v>95</v>
      </c>
      <c r="AN6820">
        <v>94</v>
      </c>
      <c r="AO6820">
        <v>93</v>
      </c>
      <c r="AP6820">
        <v>93</v>
      </c>
      <c r="AQ6820">
        <v>92</v>
      </c>
    </row>
    <row r="6821" spans="1:43">
      <c r="A6821" t="s">
        <v>4268</v>
      </c>
      <c r="B6821" t="s">
        <v>4269</v>
      </c>
      <c r="C6821" t="s">
        <v>4256</v>
      </c>
      <c r="D6821" t="s">
        <v>4257</v>
      </c>
      <c r="E6821" t="s">
        <v>4236</v>
      </c>
      <c r="F6821" t="s">
        <v>4237</v>
      </c>
      <c r="G6821" t="s">
        <v>80</v>
      </c>
      <c r="H6821" t="s">
        <v>81</v>
      </c>
      <c r="I6821" s="2">
        <v>1</v>
      </c>
      <c r="J6821" s="2">
        <v>0</v>
      </c>
      <c r="K6821" s="2">
        <v>0</v>
      </c>
      <c r="L6821" t="s">
        <v>120</v>
      </c>
      <c r="M6821" t="s">
        <v>83</v>
      </c>
      <c r="N6821" t="s">
        <v>91</v>
      </c>
      <c r="O6821" t="s">
        <v>85</v>
      </c>
      <c r="P6821" t="s">
        <v>86</v>
      </c>
      <c r="Q6821">
        <v>84</v>
      </c>
      <c r="R6821">
        <v>85</v>
      </c>
      <c r="S6821">
        <v>86</v>
      </c>
      <c r="T6821">
        <v>87</v>
      </c>
      <c r="U6821">
        <v>87</v>
      </c>
      <c r="V6821">
        <v>88</v>
      </c>
      <c r="W6821">
        <v>89</v>
      </c>
      <c r="X6821">
        <v>90</v>
      </c>
      <c r="Y6821">
        <v>91</v>
      </c>
      <c r="Z6821">
        <v>91</v>
      </c>
      <c r="AA6821">
        <v>92</v>
      </c>
      <c r="AB6821">
        <v>92</v>
      </c>
      <c r="AC6821">
        <v>93</v>
      </c>
      <c r="AD6821">
        <v>93</v>
      </c>
      <c r="AE6821">
        <v>94</v>
      </c>
      <c r="AF6821">
        <v>94</v>
      </c>
      <c r="AG6821">
        <v>95</v>
      </c>
      <c r="AH6821">
        <v>95</v>
      </c>
      <c r="AI6821">
        <v>95</v>
      </c>
      <c r="AJ6821">
        <v>95</v>
      </c>
      <c r="AK6821">
        <v>96</v>
      </c>
      <c r="AL6821">
        <v>95</v>
      </c>
      <c r="AM6821">
        <v>95</v>
      </c>
      <c r="AN6821">
        <v>94</v>
      </c>
      <c r="AO6821">
        <v>93</v>
      </c>
      <c r="AP6821">
        <v>93</v>
      </c>
      <c r="AQ6821">
        <v>92</v>
      </c>
    </row>
    <row r="6822" spans="1:43">
      <c r="A6822" t="s">
        <v>4270</v>
      </c>
      <c r="B6822" t="s">
        <v>4271</v>
      </c>
      <c r="C6822" t="s">
        <v>4272</v>
      </c>
      <c r="D6822" t="s">
        <v>4273</v>
      </c>
      <c r="E6822" t="s">
        <v>4236</v>
      </c>
      <c r="F6822" t="s">
        <v>4237</v>
      </c>
      <c r="G6822" t="s">
        <v>80</v>
      </c>
      <c r="H6822" t="s">
        <v>81</v>
      </c>
      <c r="I6822" s="2">
        <v>1</v>
      </c>
      <c r="J6822" s="2">
        <v>0</v>
      </c>
      <c r="K6822" s="2">
        <v>0</v>
      </c>
      <c r="L6822" t="s">
        <v>120</v>
      </c>
      <c r="M6822" t="s">
        <v>83</v>
      </c>
      <c r="N6822" t="s">
        <v>84</v>
      </c>
      <c r="O6822" t="s">
        <v>85</v>
      </c>
      <c r="P6822" t="s">
        <v>86</v>
      </c>
      <c r="Q6822">
        <v>27</v>
      </c>
      <c r="R6822">
        <v>27</v>
      </c>
      <c r="S6822">
        <v>28</v>
      </c>
      <c r="T6822">
        <v>28</v>
      </c>
      <c r="U6822">
        <v>28</v>
      </c>
      <c r="V6822">
        <v>28</v>
      </c>
      <c r="W6822">
        <v>29</v>
      </c>
      <c r="X6822">
        <v>29</v>
      </c>
      <c r="Y6822">
        <v>29</v>
      </c>
      <c r="Z6822">
        <v>29</v>
      </c>
      <c r="AA6822">
        <v>30</v>
      </c>
      <c r="AB6822">
        <v>30</v>
      </c>
      <c r="AC6822">
        <v>30</v>
      </c>
      <c r="AD6822">
        <v>30</v>
      </c>
      <c r="AE6822">
        <v>30</v>
      </c>
      <c r="AF6822">
        <v>30</v>
      </c>
      <c r="AG6822">
        <v>30</v>
      </c>
      <c r="AH6822">
        <v>31</v>
      </c>
      <c r="AI6822">
        <v>31</v>
      </c>
      <c r="AJ6822">
        <v>31</v>
      </c>
      <c r="AK6822">
        <v>31</v>
      </c>
      <c r="AL6822">
        <v>31</v>
      </c>
      <c r="AM6822">
        <v>31</v>
      </c>
      <c r="AN6822">
        <v>30</v>
      </c>
      <c r="AO6822">
        <v>30</v>
      </c>
      <c r="AP6822">
        <v>30</v>
      </c>
      <c r="AQ6822">
        <v>30</v>
      </c>
    </row>
    <row r="6823" spans="1:43">
      <c r="A6823" t="s">
        <v>4270</v>
      </c>
      <c r="B6823" t="s">
        <v>4271</v>
      </c>
      <c r="C6823" t="s">
        <v>4272</v>
      </c>
      <c r="D6823" t="s">
        <v>4273</v>
      </c>
      <c r="E6823" t="s">
        <v>4236</v>
      </c>
      <c r="F6823" t="s">
        <v>4237</v>
      </c>
      <c r="G6823" t="s">
        <v>80</v>
      </c>
      <c r="H6823" t="s">
        <v>81</v>
      </c>
      <c r="I6823" s="2">
        <v>1</v>
      </c>
      <c r="J6823" s="2">
        <v>0</v>
      </c>
      <c r="K6823" s="2">
        <v>0</v>
      </c>
      <c r="L6823" t="s">
        <v>120</v>
      </c>
      <c r="M6823" t="s">
        <v>87</v>
      </c>
      <c r="N6823" t="s">
        <v>88</v>
      </c>
      <c r="O6823" t="s">
        <v>85</v>
      </c>
      <c r="P6823" t="s">
        <v>86</v>
      </c>
      <c r="Q6823">
        <v>27</v>
      </c>
      <c r="R6823">
        <v>27</v>
      </c>
      <c r="S6823">
        <v>27</v>
      </c>
      <c r="T6823">
        <v>27</v>
      </c>
      <c r="U6823">
        <v>27</v>
      </c>
      <c r="V6823">
        <v>27</v>
      </c>
      <c r="W6823">
        <v>27</v>
      </c>
      <c r="X6823">
        <v>27</v>
      </c>
      <c r="Y6823">
        <v>27</v>
      </c>
      <c r="Z6823">
        <v>27</v>
      </c>
      <c r="AA6823">
        <v>27</v>
      </c>
      <c r="AB6823">
        <v>27</v>
      </c>
      <c r="AC6823">
        <v>27</v>
      </c>
      <c r="AD6823">
        <v>27</v>
      </c>
      <c r="AE6823">
        <v>27</v>
      </c>
      <c r="AF6823">
        <v>27</v>
      </c>
      <c r="AG6823">
        <v>27</v>
      </c>
      <c r="AH6823">
        <v>27</v>
      </c>
      <c r="AI6823">
        <v>27</v>
      </c>
      <c r="AJ6823">
        <v>27</v>
      </c>
      <c r="AK6823">
        <v>26</v>
      </c>
      <c r="AL6823">
        <v>26</v>
      </c>
      <c r="AM6823">
        <v>26</v>
      </c>
      <c r="AN6823">
        <v>26</v>
      </c>
      <c r="AO6823">
        <v>26</v>
      </c>
      <c r="AP6823">
        <v>26</v>
      </c>
      <c r="AQ6823">
        <v>26</v>
      </c>
    </row>
    <row r="6824" spans="1:43">
      <c r="A6824" t="s">
        <v>4270</v>
      </c>
      <c r="B6824" t="s">
        <v>4271</v>
      </c>
      <c r="C6824" t="s">
        <v>4272</v>
      </c>
      <c r="D6824" t="s">
        <v>4273</v>
      </c>
      <c r="E6824" t="s">
        <v>4236</v>
      </c>
      <c r="F6824" t="s">
        <v>4237</v>
      </c>
      <c r="G6824" t="s">
        <v>80</v>
      </c>
      <c r="H6824" t="s">
        <v>81</v>
      </c>
      <c r="I6824" s="2">
        <v>1</v>
      </c>
      <c r="J6824" s="2">
        <v>0</v>
      </c>
      <c r="K6824" s="2">
        <v>0</v>
      </c>
      <c r="L6824" t="s">
        <v>120</v>
      </c>
      <c r="M6824" t="s">
        <v>89</v>
      </c>
      <c r="N6824" t="s">
        <v>90</v>
      </c>
      <c r="O6824" t="s">
        <v>85</v>
      </c>
      <c r="P6824" t="s">
        <v>86</v>
      </c>
      <c r="Q6824">
        <v>27</v>
      </c>
      <c r="R6824">
        <v>28</v>
      </c>
      <c r="S6824">
        <v>28</v>
      </c>
      <c r="T6824">
        <v>29</v>
      </c>
      <c r="U6824">
        <v>29</v>
      </c>
      <c r="V6824">
        <v>30</v>
      </c>
      <c r="W6824">
        <v>30</v>
      </c>
      <c r="X6824">
        <v>30</v>
      </c>
      <c r="Y6824">
        <v>31</v>
      </c>
      <c r="Z6824">
        <v>31</v>
      </c>
      <c r="AA6824">
        <v>31</v>
      </c>
      <c r="AB6824">
        <v>32</v>
      </c>
      <c r="AC6824">
        <v>32</v>
      </c>
      <c r="AD6824">
        <v>32</v>
      </c>
      <c r="AE6824">
        <v>32</v>
      </c>
      <c r="AF6824">
        <v>32</v>
      </c>
      <c r="AG6824">
        <v>32</v>
      </c>
      <c r="AH6824">
        <v>32</v>
      </c>
      <c r="AI6824">
        <v>32</v>
      </c>
      <c r="AJ6824">
        <v>31</v>
      </c>
      <c r="AK6824">
        <v>31</v>
      </c>
      <c r="AL6824">
        <v>31</v>
      </c>
      <c r="AM6824">
        <v>31</v>
      </c>
      <c r="AN6824">
        <v>31</v>
      </c>
      <c r="AO6824">
        <v>30</v>
      </c>
      <c r="AP6824">
        <v>30</v>
      </c>
      <c r="AQ6824">
        <v>30</v>
      </c>
    </row>
    <row r="6825" spans="1:43">
      <c r="A6825" t="s">
        <v>4270</v>
      </c>
      <c r="B6825" t="s">
        <v>4271</v>
      </c>
      <c r="C6825" t="s">
        <v>4272</v>
      </c>
      <c r="D6825" t="s">
        <v>4273</v>
      </c>
      <c r="E6825" t="s">
        <v>4236</v>
      </c>
      <c r="F6825" t="s">
        <v>4237</v>
      </c>
      <c r="G6825" t="s">
        <v>80</v>
      </c>
      <c r="H6825" t="s">
        <v>81</v>
      </c>
      <c r="I6825" s="2">
        <v>1</v>
      </c>
      <c r="J6825" s="2">
        <v>0</v>
      </c>
      <c r="K6825" s="2">
        <v>0</v>
      </c>
      <c r="L6825" t="s">
        <v>120</v>
      </c>
      <c r="M6825" t="s">
        <v>83</v>
      </c>
      <c r="N6825" t="s">
        <v>91</v>
      </c>
      <c r="O6825" t="s">
        <v>85</v>
      </c>
      <c r="P6825" t="s">
        <v>86</v>
      </c>
      <c r="Q6825">
        <v>27</v>
      </c>
      <c r="R6825">
        <v>27</v>
      </c>
      <c r="S6825">
        <v>28</v>
      </c>
      <c r="T6825">
        <v>28</v>
      </c>
      <c r="U6825">
        <v>28</v>
      </c>
      <c r="V6825">
        <v>28</v>
      </c>
      <c r="W6825">
        <v>29</v>
      </c>
      <c r="X6825">
        <v>29</v>
      </c>
      <c r="Y6825">
        <v>29</v>
      </c>
      <c r="Z6825">
        <v>29</v>
      </c>
      <c r="AA6825">
        <v>30</v>
      </c>
      <c r="AB6825">
        <v>30</v>
      </c>
      <c r="AC6825">
        <v>30</v>
      </c>
      <c r="AD6825">
        <v>30</v>
      </c>
      <c r="AE6825">
        <v>30</v>
      </c>
      <c r="AF6825">
        <v>30</v>
      </c>
      <c r="AG6825">
        <v>30</v>
      </c>
      <c r="AH6825">
        <v>31</v>
      </c>
      <c r="AI6825">
        <v>31</v>
      </c>
      <c r="AJ6825">
        <v>31</v>
      </c>
      <c r="AK6825">
        <v>31</v>
      </c>
      <c r="AL6825">
        <v>31</v>
      </c>
      <c r="AM6825">
        <v>31</v>
      </c>
      <c r="AN6825">
        <v>30</v>
      </c>
      <c r="AO6825">
        <v>30</v>
      </c>
      <c r="AP6825">
        <v>30</v>
      </c>
      <c r="AQ6825">
        <v>30</v>
      </c>
    </row>
    <row r="6826" spans="1:43">
      <c r="A6826" t="s">
        <v>4274</v>
      </c>
      <c r="B6826" t="s">
        <v>4275</v>
      </c>
      <c r="C6826" t="s">
        <v>4272</v>
      </c>
      <c r="D6826" t="s">
        <v>4273</v>
      </c>
      <c r="E6826" t="s">
        <v>4236</v>
      </c>
      <c r="F6826" t="s">
        <v>4237</v>
      </c>
      <c r="G6826" t="s">
        <v>80</v>
      </c>
      <c r="H6826" t="s">
        <v>81</v>
      </c>
      <c r="I6826" s="2">
        <v>1</v>
      </c>
      <c r="J6826" s="2">
        <v>0</v>
      </c>
      <c r="K6826" s="2">
        <v>0</v>
      </c>
      <c r="L6826" t="s">
        <v>120</v>
      </c>
      <c r="M6826" t="s">
        <v>83</v>
      </c>
      <c r="N6826" t="s">
        <v>84</v>
      </c>
      <c r="O6826" t="s">
        <v>85</v>
      </c>
      <c r="P6826" t="s">
        <v>86</v>
      </c>
      <c r="Q6826">
        <v>8</v>
      </c>
      <c r="R6826">
        <v>8</v>
      </c>
      <c r="S6826">
        <v>8</v>
      </c>
      <c r="T6826">
        <v>8</v>
      </c>
      <c r="U6826">
        <v>8</v>
      </c>
      <c r="V6826">
        <v>8</v>
      </c>
      <c r="W6826">
        <v>8</v>
      </c>
      <c r="X6826">
        <v>8</v>
      </c>
      <c r="Y6826">
        <v>8</v>
      </c>
      <c r="Z6826">
        <v>8</v>
      </c>
      <c r="AA6826">
        <v>8</v>
      </c>
      <c r="AB6826">
        <v>8</v>
      </c>
      <c r="AC6826">
        <v>8</v>
      </c>
      <c r="AD6826">
        <v>8</v>
      </c>
      <c r="AE6826">
        <v>8</v>
      </c>
      <c r="AF6826">
        <v>8</v>
      </c>
      <c r="AG6826">
        <v>8</v>
      </c>
      <c r="AH6826">
        <v>9</v>
      </c>
      <c r="AI6826">
        <v>9</v>
      </c>
      <c r="AJ6826">
        <v>9</v>
      </c>
      <c r="AK6826">
        <v>9</v>
      </c>
      <c r="AL6826">
        <v>9</v>
      </c>
      <c r="AM6826">
        <v>9</v>
      </c>
      <c r="AN6826">
        <v>8</v>
      </c>
      <c r="AO6826">
        <v>8</v>
      </c>
      <c r="AP6826">
        <v>8</v>
      </c>
      <c r="AQ6826">
        <v>8</v>
      </c>
    </row>
    <row r="6827" spans="1:43">
      <c r="A6827" t="s">
        <v>4274</v>
      </c>
      <c r="B6827" t="s">
        <v>4275</v>
      </c>
      <c r="C6827" t="s">
        <v>4272</v>
      </c>
      <c r="D6827" t="s">
        <v>4273</v>
      </c>
      <c r="E6827" t="s">
        <v>4236</v>
      </c>
      <c r="F6827" t="s">
        <v>4237</v>
      </c>
      <c r="G6827" t="s">
        <v>80</v>
      </c>
      <c r="H6827" t="s">
        <v>81</v>
      </c>
      <c r="I6827" s="2">
        <v>1</v>
      </c>
      <c r="J6827" s="2">
        <v>0</v>
      </c>
      <c r="K6827" s="2">
        <v>0</v>
      </c>
      <c r="L6827" t="s">
        <v>120</v>
      </c>
      <c r="M6827" t="s">
        <v>87</v>
      </c>
      <c r="N6827" t="s">
        <v>88</v>
      </c>
      <c r="O6827" t="s">
        <v>85</v>
      </c>
      <c r="P6827" t="s">
        <v>86</v>
      </c>
      <c r="Q6827">
        <v>8</v>
      </c>
      <c r="R6827">
        <v>8</v>
      </c>
      <c r="S6827">
        <v>8</v>
      </c>
      <c r="T6827">
        <v>8</v>
      </c>
      <c r="U6827">
        <v>8</v>
      </c>
      <c r="V6827">
        <v>9</v>
      </c>
      <c r="W6827">
        <v>9</v>
      </c>
      <c r="X6827">
        <v>9</v>
      </c>
      <c r="Y6827">
        <v>9</v>
      </c>
      <c r="Z6827">
        <v>9</v>
      </c>
      <c r="AA6827">
        <v>9</v>
      </c>
      <c r="AB6827">
        <v>9</v>
      </c>
      <c r="AC6827">
        <v>9</v>
      </c>
      <c r="AD6827">
        <v>8</v>
      </c>
      <c r="AE6827">
        <v>8</v>
      </c>
      <c r="AF6827">
        <v>8</v>
      </c>
      <c r="AG6827">
        <v>8</v>
      </c>
      <c r="AH6827">
        <v>8</v>
      </c>
      <c r="AI6827">
        <v>8</v>
      </c>
      <c r="AJ6827">
        <v>8</v>
      </c>
      <c r="AK6827">
        <v>8</v>
      </c>
      <c r="AL6827">
        <v>8</v>
      </c>
      <c r="AM6827">
        <v>8</v>
      </c>
      <c r="AN6827">
        <v>8</v>
      </c>
      <c r="AO6827">
        <v>8</v>
      </c>
      <c r="AP6827">
        <v>8</v>
      </c>
      <c r="AQ6827">
        <v>8</v>
      </c>
    </row>
    <row r="6828" spans="1:43">
      <c r="A6828" t="s">
        <v>4274</v>
      </c>
      <c r="B6828" t="s">
        <v>4275</v>
      </c>
      <c r="C6828" t="s">
        <v>4272</v>
      </c>
      <c r="D6828" t="s">
        <v>4273</v>
      </c>
      <c r="E6828" t="s">
        <v>4236</v>
      </c>
      <c r="F6828" t="s">
        <v>4237</v>
      </c>
      <c r="G6828" t="s">
        <v>80</v>
      </c>
      <c r="H6828" t="s">
        <v>81</v>
      </c>
      <c r="I6828" s="2">
        <v>1</v>
      </c>
      <c r="J6828" s="2">
        <v>0</v>
      </c>
      <c r="K6828" s="2">
        <v>0</v>
      </c>
      <c r="L6828" t="s">
        <v>120</v>
      </c>
      <c r="M6828" t="s">
        <v>89</v>
      </c>
      <c r="N6828" t="s">
        <v>90</v>
      </c>
      <c r="O6828" t="s">
        <v>85</v>
      </c>
      <c r="P6828" t="s">
        <v>86</v>
      </c>
      <c r="Q6828">
        <v>8</v>
      </c>
      <c r="R6828">
        <v>8</v>
      </c>
      <c r="S6828">
        <v>8</v>
      </c>
      <c r="T6828">
        <v>8</v>
      </c>
      <c r="U6828">
        <v>8</v>
      </c>
      <c r="V6828">
        <v>8</v>
      </c>
      <c r="W6828">
        <v>8</v>
      </c>
      <c r="X6828">
        <v>8</v>
      </c>
      <c r="Y6828">
        <v>9</v>
      </c>
      <c r="Z6828">
        <v>9</v>
      </c>
      <c r="AA6828">
        <v>9</v>
      </c>
      <c r="AB6828">
        <v>9</v>
      </c>
      <c r="AC6828">
        <v>9</v>
      </c>
      <c r="AD6828">
        <v>9</v>
      </c>
      <c r="AE6828">
        <v>9</v>
      </c>
      <c r="AF6828">
        <v>9</v>
      </c>
      <c r="AG6828">
        <v>9</v>
      </c>
      <c r="AH6828">
        <v>9</v>
      </c>
      <c r="AI6828">
        <v>9</v>
      </c>
      <c r="AJ6828">
        <v>9</v>
      </c>
      <c r="AK6828">
        <v>9</v>
      </c>
      <c r="AL6828">
        <v>9</v>
      </c>
      <c r="AM6828">
        <v>9</v>
      </c>
      <c r="AN6828">
        <v>9</v>
      </c>
      <c r="AO6828">
        <v>8</v>
      </c>
      <c r="AP6828">
        <v>8</v>
      </c>
      <c r="AQ6828">
        <v>8</v>
      </c>
    </row>
    <row r="6829" spans="1:43">
      <c r="A6829" t="s">
        <v>4274</v>
      </c>
      <c r="B6829" t="s">
        <v>4275</v>
      </c>
      <c r="C6829" t="s">
        <v>4272</v>
      </c>
      <c r="D6829" t="s">
        <v>4273</v>
      </c>
      <c r="E6829" t="s">
        <v>4236</v>
      </c>
      <c r="F6829" t="s">
        <v>4237</v>
      </c>
      <c r="G6829" t="s">
        <v>80</v>
      </c>
      <c r="H6829" t="s">
        <v>81</v>
      </c>
      <c r="I6829" s="2">
        <v>1</v>
      </c>
      <c r="J6829" s="2">
        <v>0</v>
      </c>
      <c r="K6829" s="2">
        <v>0</v>
      </c>
      <c r="L6829" t="s">
        <v>120</v>
      </c>
      <c r="M6829" t="s">
        <v>83</v>
      </c>
      <c r="N6829" t="s">
        <v>91</v>
      </c>
      <c r="O6829" t="s">
        <v>85</v>
      </c>
      <c r="P6829" t="s">
        <v>86</v>
      </c>
      <c r="Q6829">
        <v>8</v>
      </c>
      <c r="R6829">
        <v>8</v>
      </c>
      <c r="S6829">
        <v>8</v>
      </c>
      <c r="T6829">
        <v>8</v>
      </c>
      <c r="U6829">
        <v>8</v>
      </c>
      <c r="V6829">
        <v>8</v>
      </c>
      <c r="W6829">
        <v>8</v>
      </c>
      <c r="X6829">
        <v>8</v>
      </c>
      <c r="Y6829">
        <v>8</v>
      </c>
      <c r="Z6829">
        <v>8</v>
      </c>
      <c r="AA6829">
        <v>8</v>
      </c>
      <c r="AB6829">
        <v>8</v>
      </c>
      <c r="AC6829">
        <v>8</v>
      </c>
      <c r="AD6829">
        <v>8</v>
      </c>
      <c r="AE6829">
        <v>8</v>
      </c>
      <c r="AF6829">
        <v>8</v>
      </c>
      <c r="AG6829">
        <v>8</v>
      </c>
      <c r="AH6829">
        <v>9</v>
      </c>
      <c r="AI6829">
        <v>9</v>
      </c>
      <c r="AJ6829">
        <v>9</v>
      </c>
      <c r="AK6829">
        <v>9</v>
      </c>
      <c r="AL6829">
        <v>9</v>
      </c>
      <c r="AM6829">
        <v>9</v>
      </c>
      <c r="AN6829">
        <v>8</v>
      </c>
      <c r="AO6829">
        <v>8</v>
      </c>
      <c r="AP6829">
        <v>8</v>
      </c>
      <c r="AQ6829">
        <v>8</v>
      </c>
    </row>
    <row r="6830" spans="1:43">
      <c r="A6830" t="s">
        <v>4276</v>
      </c>
      <c r="B6830" t="s">
        <v>4277</v>
      </c>
      <c r="C6830" t="s">
        <v>4272</v>
      </c>
      <c r="D6830" t="s">
        <v>4273</v>
      </c>
      <c r="E6830" t="s">
        <v>4236</v>
      </c>
      <c r="F6830" t="s">
        <v>4237</v>
      </c>
      <c r="G6830" t="s">
        <v>80</v>
      </c>
      <c r="H6830" t="s">
        <v>81</v>
      </c>
      <c r="I6830" s="2">
        <v>1</v>
      </c>
      <c r="J6830" s="2">
        <v>0</v>
      </c>
      <c r="K6830" s="2">
        <v>0</v>
      </c>
      <c r="L6830" t="s">
        <v>120</v>
      </c>
      <c r="M6830" t="s">
        <v>83</v>
      </c>
      <c r="N6830" t="s">
        <v>84</v>
      </c>
      <c r="O6830" t="s">
        <v>85</v>
      </c>
      <c r="P6830" t="s">
        <v>86</v>
      </c>
      <c r="Q6830">
        <v>6</v>
      </c>
      <c r="R6830">
        <v>6</v>
      </c>
      <c r="S6830">
        <v>7</v>
      </c>
      <c r="T6830">
        <v>7</v>
      </c>
      <c r="U6830">
        <v>7</v>
      </c>
      <c r="V6830">
        <v>7</v>
      </c>
      <c r="W6830">
        <v>7</v>
      </c>
      <c r="X6830">
        <v>7</v>
      </c>
      <c r="Y6830">
        <v>7</v>
      </c>
      <c r="Z6830">
        <v>7</v>
      </c>
      <c r="AA6830">
        <v>7</v>
      </c>
      <c r="AB6830">
        <v>7</v>
      </c>
      <c r="AC6830">
        <v>7</v>
      </c>
      <c r="AD6830">
        <v>7</v>
      </c>
      <c r="AE6830">
        <v>7</v>
      </c>
      <c r="AF6830">
        <v>7</v>
      </c>
      <c r="AG6830">
        <v>7</v>
      </c>
      <c r="AH6830">
        <v>7</v>
      </c>
      <c r="AI6830">
        <v>7</v>
      </c>
      <c r="AJ6830">
        <v>7</v>
      </c>
      <c r="AK6830">
        <v>7</v>
      </c>
      <c r="AL6830">
        <v>7</v>
      </c>
      <c r="AM6830">
        <v>7</v>
      </c>
      <c r="AN6830">
        <v>7</v>
      </c>
      <c r="AO6830">
        <v>7</v>
      </c>
      <c r="AP6830">
        <v>7</v>
      </c>
      <c r="AQ6830">
        <v>7</v>
      </c>
    </row>
    <row r="6831" spans="1:43">
      <c r="A6831" t="s">
        <v>4276</v>
      </c>
      <c r="B6831" t="s">
        <v>4277</v>
      </c>
      <c r="C6831" t="s">
        <v>4272</v>
      </c>
      <c r="D6831" t="s">
        <v>4273</v>
      </c>
      <c r="E6831" t="s">
        <v>4236</v>
      </c>
      <c r="F6831" t="s">
        <v>4237</v>
      </c>
      <c r="G6831" t="s">
        <v>80</v>
      </c>
      <c r="H6831" t="s">
        <v>81</v>
      </c>
      <c r="I6831" s="2">
        <v>1</v>
      </c>
      <c r="J6831" s="2">
        <v>0</v>
      </c>
      <c r="K6831" s="2">
        <v>0</v>
      </c>
      <c r="L6831" t="s">
        <v>120</v>
      </c>
      <c r="M6831" t="s">
        <v>87</v>
      </c>
      <c r="N6831" t="s">
        <v>88</v>
      </c>
      <c r="O6831" t="s">
        <v>85</v>
      </c>
      <c r="P6831" t="s">
        <v>86</v>
      </c>
      <c r="Q6831">
        <v>6</v>
      </c>
      <c r="R6831">
        <v>6</v>
      </c>
      <c r="S6831">
        <v>6</v>
      </c>
      <c r="T6831">
        <v>6</v>
      </c>
      <c r="U6831">
        <v>6</v>
      </c>
      <c r="V6831">
        <v>6</v>
      </c>
      <c r="W6831">
        <v>6</v>
      </c>
      <c r="X6831">
        <v>6</v>
      </c>
      <c r="Y6831">
        <v>6</v>
      </c>
      <c r="Z6831">
        <v>6</v>
      </c>
      <c r="AA6831">
        <v>6</v>
      </c>
      <c r="AB6831">
        <v>6</v>
      </c>
      <c r="AC6831">
        <v>6</v>
      </c>
      <c r="AD6831">
        <v>6</v>
      </c>
      <c r="AE6831">
        <v>6</v>
      </c>
      <c r="AF6831">
        <v>6</v>
      </c>
      <c r="AG6831">
        <v>6</v>
      </c>
      <c r="AH6831">
        <v>6</v>
      </c>
      <c r="AI6831">
        <v>6</v>
      </c>
      <c r="AJ6831">
        <v>6</v>
      </c>
      <c r="AK6831">
        <v>6</v>
      </c>
      <c r="AL6831">
        <v>6</v>
      </c>
      <c r="AM6831">
        <v>6</v>
      </c>
      <c r="AN6831">
        <v>6</v>
      </c>
      <c r="AO6831">
        <v>6</v>
      </c>
      <c r="AP6831">
        <v>6</v>
      </c>
      <c r="AQ6831">
        <v>6</v>
      </c>
    </row>
    <row r="6832" spans="1:43">
      <c r="A6832" t="s">
        <v>4276</v>
      </c>
      <c r="B6832" t="s">
        <v>4277</v>
      </c>
      <c r="C6832" t="s">
        <v>4272</v>
      </c>
      <c r="D6832" t="s">
        <v>4273</v>
      </c>
      <c r="E6832" t="s">
        <v>4236</v>
      </c>
      <c r="F6832" t="s">
        <v>4237</v>
      </c>
      <c r="G6832" t="s">
        <v>80</v>
      </c>
      <c r="H6832" t="s">
        <v>81</v>
      </c>
      <c r="I6832" s="2">
        <v>1</v>
      </c>
      <c r="J6832" s="2">
        <v>0</v>
      </c>
      <c r="K6832" s="2">
        <v>0</v>
      </c>
      <c r="L6832" t="s">
        <v>120</v>
      </c>
      <c r="M6832" t="s">
        <v>89</v>
      </c>
      <c r="N6832" t="s">
        <v>90</v>
      </c>
      <c r="O6832" t="s">
        <v>85</v>
      </c>
      <c r="P6832" t="s">
        <v>86</v>
      </c>
      <c r="Q6832">
        <v>6</v>
      </c>
      <c r="R6832">
        <v>7</v>
      </c>
      <c r="S6832">
        <v>7</v>
      </c>
      <c r="T6832">
        <v>7</v>
      </c>
      <c r="U6832">
        <v>7</v>
      </c>
      <c r="V6832">
        <v>7</v>
      </c>
      <c r="W6832">
        <v>7</v>
      </c>
      <c r="X6832">
        <v>7</v>
      </c>
      <c r="Y6832">
        <v>7</v>
      </c>
      <c r="Z6832">
        <v>7</v>
      </c>
      <c r="AA6832">
        <v>7</v>
      </c>
      <c r="AB6832">
        <v>7</v>
      </c>
      <c r="AC6832">
        <v>8</v>
      </c>
      <c r="AD6832">
        <v>8</v>
      </c>
      <c r="AE6832">
        <v>8</v>
      </c>
      <c r="AF6832">
        <v>8</v>
      </c>
      <c r="AG6832">
        <v>8</v>
      </c>
      <c r="AH6832">
        <v>8</v>
      </c>
      <c r="AI6832">
        <v>7</v>
      </c>
      <c r="AJ6832">
        <v>7</v>
      </c>
      <c r="AK6832">
        <v>7</v>
      </c>
      <c r="AL6832">
        <v>7</v>
      </c>
      <c r="AM6832">
        <v>7</v>
      </c>
      <c r="AN6832">
        <v>7</v>
      </c>
      <c r="AO6832">
        <v>7</v>
      </c>
      <c r="AP6832">
        <v>7</v>
      </c>
      <c r="AQ6832">
        <v>7</v>
      </c>
    </row>
    <row r="6833" spans="1:43">
      <c r="A6833" t="s">
        <v>4276</v>
      </c>
      <c r="B6833" t="s">
        <v>4277</v>
      </c>
      <c r="C6833" t="s">
        <v>4272</v>
      </c>
      <c r="D6833" t="s">
        <v>4273</v>
      </c>
      <c r="E6833" t="s">
        <v>4236</v>
      </c>
      <c r="F6833" t="s">
        <v>4237</v>
      </c>
      <c r="G6833" t="s">
        <v>80</v>
      </c>
      <c r="H6833" t="s">
        <v>81</v>
      </c>
      <c r="I6833" s="2">
        <v>1</v>
      </c>
      <c r="J6833" s="2">
        <v>0</v>
      </c>
      <c r="K6833" s="2">
        <v>0</v>
      </c>
      <c r="L6833" t="s">
        <v>120</v>
      </c>
      <c r="M6833" t="s">
        <v>83</v>
      </c>
      <c r="N6833" t="s">
        <v>91</v>
      </c>
      <c r="O6833" t="s">
        <v>85</v>
      </c>
      <c r="P6833" t="s">
        <v>86</v>
      </c>
      <c r="Q6833">
        <v>6</v>
      </c>
      <c r="R6833">
        <v>6</v>
      </c>
      <c r="S6833">
        <v>7</v>
      </c>
      <c r="T6833">
        <v>7</v>
      </c>
      <c r="U6833">
        <v>7</v>
      </c>
      <c r="V6833">
        <v>7</v>
      </c>
      <c r="W6833">
        <v>7</v>
      </c>
      <c r="X6833">
        <v>7</v>
      </c>
      <c r="Y6833">
        <v>7</v>
      </c>
      <c r="Z6833">
        <v>7</v>
      </c>
      <c r="AA6833">
        <v>7</v>
      </c>
      <c r="AB6833">
        <v>7</v>
      </c>
      <c r="AC6833">
        <v>7</v>
      </c>
      <c r="AD6833">
        <v>7</v>
      </c>
      <c r="AE6833">
        <v>7</v>
      </c>
      <c r="AF6833">
        <v>7</v>
      </c>
      <c r="AG6833">
        <v>7</v>
      </c>
      <c r="AH6833">
        <v>7</v>
      </c>
      <c r="AI6833">
        <v>7</v>
      </c>
      <c r="AJ6833">
        <v>7</v>
      </c>
      <c r="AK6833">
        <v>7</v>
      </c>
      <c r="AL6833">
        <v>7</v>
      </c>
      <c r="AM6833">
        <v>7</v>
      </c>
      <c r="AN6833">
        <v>7</v>
      </c>
      <c r="AO6833">
        <v>7</v>
      </c>
      <c r="AP6833">
        <v>7</v>
      </c>
      <c r="AQ6833">
        <v>7</v>
      </c>
    </row>
    <row r="6834" spans="1:43">
      <c r="A6834" t="s">
        <v>4278</v>
      </c>
      <c r="B6834" t="s">
        <v>4279</v>
      </c>
      <c r="C6834" t="s">
        <v>4272</v>
      </c>
      <c r="D6834" t="s">
        <v>4273</v>
      </c>
      <c r="E6834" t="s">
        <v>4236</v>
      </c>
      <c r="F6834" t="s">
        <v>4237</v>
      </c>
      <c r="G6834" t="s">
        <v>80</v>
      </c>
      <c r="H6834" t="s">
        <v>81</v>
      </c>
      <c r="I6834" s="2">
        <v>1</v>
      </c>
      <c r="J6834" s="2">
        <v>0</v>
      </c>
      <c r="K6834" s="2">
        <v>0</v>
      </c>
      <c r="L6834" t="s">
        <v>120</v>
      </c>
      <c r="M6834" t="s">
        <v>83</v>
      </c>
      <c r="N6834" t="s">
        <v>84</v>
      </c>
      <c r="O6834" t="s">
        <v>85</v>
      </c>
      <c r="P6834" t="s">
        <v>86</v>
      </c>
      <c r="Q6834">
        <v>61</v>
      </c>
      <c r="R6834">
        <v>62</v>
      </c>
      <c r="S6834">
        <v>62</v>
      </c>
      <c r="T6834">
        <v>63</v>
      </c>
      <c r="U6834">
        <v>64</v>
      </c>
      <c r="V6834">
        <v>64</v>
      </c>
      <c r="W6834">
        <v>65</v>
      </c>
      <c r="X6834">
        <v>65</v>
      </c>
      <c r="Y6834">
        <v>66</v>
      </c>
      <c r="Z6834">
        <v>66</v>
      </c>
      <c r="AA6834">
        <v>67</v>
      </c>
      <c r="AB6834">
        <v>67</v>
      </c>
      <c r="AC6834">
        <v>68</v>
      </c>
      <c r="AD6834">
        <v>68</v>
      </c>
      <c r="AE6834">
        <v>68</v>
      </c>
      <c r="AF6834">
        <v>69</v>
      </c>
      <c r="AG6834">
        <v>69</v>
      </c>
      <c r="AH6834">
        <v>69</v>
      </c>
      <c r="AI6834">
        <v>69</v>
      </c>
      <c r="AJ6834">
        <v>70</v>
      </c>
      <c r="AK6834">
        <v>70</v>
      </c>
      <c r="AL6834">
        <v>69</v>
      </c>
      <c r="AM6834">
        <v>69</v>
      </c>
      <c r="AN6834">
        <v>69</v>
      </c>
      <c r="AO6834">
        <v>68</v>
      </c>
      <c r="AP6834">
        <v>68</v>
      </c>
      <c r="AQ6834">
        <v>67</v>
      </c>
    </row>
    <row r="6835" spans="1:43">
      <c r="A6835" t="s">
        <v>4278</v>
      </c>
      <c r="B6835" t="s">
        <v>4279</v>
      </c>
      <c r="C6835" t="s">
        <v>4272</v>
      </c>
      <c r="D6835" t="s">
        <v>4273</v>
      </c>
      <c r="E6835" t="s">
        <v>4236</v>
      </c>
      <c r="F6835" t="s">
        <v>4237</v>
      </c>
      <c r="G6835" t="s">
        <v>80</v>
      </c>
      <c r="H6835" t="s">
        <v>81</v>
      </c>
      <c r="I6835" s="2">
        <v>1</v>
      </c>
      <c r="J6835" s="2">
        <v>0</v>
      </c>
      <c r="K6835" s="2">
        <v>0</v>
      </c>
      <c r="L6835" t="s">
        <v>120</v>
      </c>
      <c r="M6835" t="s">
        <v>87</v>
      </c>
      <c r="N6835" t="s">
        <v>88</v>
      </c>
      <c r="O6835" t="s">
        <v>85</v>
      </c>
      <c r="P6835" t="s">
        <v>86</v>
      </c>
      <c r="Q6835">
        <v>61</v>
      </c>
      <c r="R6835">
        <v>61</v>
      </c>
      <c r="S6835">
        <v>62</v>
      </c>
      <c r="T6835">
        <v>62</v>
      </c>
      <c r="U6835">
        <v>62</v>
      </c>
      <c r="V6835">
        <v>62</v>
      </c>
      <c r="W6835">
        <v>62</v>
      </c>
      <c r="X6835">
        <v>62</v>
      </c>
      <c r="Y6835">
        <v>62</v>
      </c>
      <c r="Z6835">
        <v>62</v>
      </c>
      <c r="AA6835">
        <v>62</v>
      </c>
      <c r="AB6835">
        <v>62</v>
      </c>
      <c r="AC6835">
        <v>62</v>
      </c>
      <c r="AD6835">
        <v>62</v>
      </c>
      <c r="AE6835">
        <v>62</v>
      </c>
      <c r="AF6835">
        <v>62</v>
      </c>
      <c r="AG6835">
        <v>61</v>
      </c>
      <c r="AH6835">
        <v>61</v>
      </c>
      <c r="AI6835">
        <v>61</v>
      </c>
      <c r="AJ6835">
        <v>61</v>
      </c>
      <c r="AK6835">
        <v>61</v>
      </c>
      <c r="AL6835">
        <v>61</v>
      </c>
      <c r="AM6835">
        <v>60</v>
      </c>
      <c r="AN6835">
        <v>60</v>
      </c>
      <c r="AO6835">
        <v>60</v>
      </c>
      <c r="AP6835">
        <v>60</v>
      </c>
      <c r="AQ6835">
        <v>59</v>
      </c>
    </row>
    <row r="6836" spans="1:43">
      <c r="A6836" t="s">
        <v>4278</v>
      </c>
      <c r="B6836" t="s">
        <v>4279</v>
      </c>
      <c r="C6836" t="s">
        <v>4272</v>
      </c>
      <c r="D6836" t="s">
        <v>4273</v>
      </c>
      <c r="E6836" t="s">
        <v>4236</v>
      </c>
      <c r="F6836" t="s">
        <v>4237</v>
      </c>
      <c r="G6836" t="s">
        <v>80</v>
      </c>
      <c r="H6836" t="s">
        <v>81</v>
      </c>
      <c r="I6836" s="2">
        <v>1</v>
      </c>
      <c r="J6836" s="2">
        <v>0</v>
      </c>
      <c r="K6836" s="2">
        <v>0</v>
      </c>
      <c r="L6836" t="s">
        <v>120</v>
      </c>
      <c r="M6836" t="s">
        <v>89</v>
      </c>
      <c r="N6836" t="s">
        <v>90</v>
      </c>
      <c r="O6836" t="s">
        <v>85</v>
      </c>
      <c r="P6836" t="s">
        <v>86</v>
      </c>
      <c r="Q6836">
        <v>61</v>
      </c>
      <c r="R6836">
        <v>63</v>
      </c>
      <c r="S6836">
        <v>64</v>
      </c>
      <c r="T6836">
        <v>65</v>
      </c>
      <c r="U6836">
        <v>66</v>
      </c>
      <c r="V6836">
        <v>67</v>
      </c>
      <c r="W6836">
        <v>68</v>
      </c>
      <c r="X6836">
        <v>69</v>
      </c>
      <c r="Y6836">
        <v>70</v>
      </c>
      <c r="Z6836">
        <v>70</v>
      </c>
      <c r="AA6836">
        <v>71</v>
      </c>
      <c r="AB6836">
        <v>72</v>
      </c>
      <c r="AC6836">
        <v>72</v>
      </c>
      <c r="AD6836">
        <v>73</v>
      </c>
      <c r="AE6836">
        <v>73</v>
      </c>
      <c r="AF6836">
        <v>73</v>
      </c>
      <c r="AG6836">
        <v>72</v>
      </c>
      <c r="AH6836">
        <v>72</v>
      </c>
      <c r="AI6836">
        <v>72</v>
      </c>
      <c r="AJ6836">
        <v>71</v>
      </c>
      <c r="AK6836">
        <v>71</v>
      </c>
      <c r="AL6836">
        <v>70</v>
      </c>
      <c r="AM6836">
        <v>70</v>
      </c>
      <c r="AN6836">
        <v>69</v>
      </c>
      <c r="AO6836">
        <v>69</v>
      </c>
      <c r="AP6836">
        <v>68</v>
      </c>
      <c r="AQ6836">
        <v>68</v>
      </c>
    </row>
    <row r="6837" spans="1:43">
      <c r="A6837" t="s">
        <v>4278</v>
      </c>
      <c r="B6837" t="s">
        <v>4279</v>
      </c>
      <c r="C6837" t="s">
        <v>4272</v>
      </c>
      <c r="D6837" t="s">
        <v>4273</v>
      </c>
      <c r="E6837" t="s">
        <v>4236</v>
      </c>
      <c r="F6837" t="s">
        <v>4237</v>
      </c>
      <c r="G6837" t="s">
        <v>80</v>
      </c>
      <c r="H6837" t="s">
        <v>81</v>
      </c>
      <c r="I6837" s="2">
        <v>1</v>
      </c>
      <c r="J6837" s="2">
        <v>0</v>
      </c>
      <c r="K6837" s="2">
        <v>0</v>
      </c>
      <c r="L6837" t="s">
        <v>120</v>
      </c>
      <c r="M6837" t="s">
        <v>83</v>
      </c>
      <c r="N6837" t="s">
        <v>91</v>
      </c>
      <c r="O6837" t="s">
        <v>85</v>
      </c>
      <c r="P6837" t="s">
        <v>86</v>
      </c>
      <c r="Q6837">
        <v>61</v>
      </c>
      <c r="R6837">
        <v>62</v>
      </c>
      <c r="S6837">
        <v>62</v>
      </c>
      <c r="T6837">
        <v>63</v>
      </c>
      <c r="U6837">
        <v>64</v>
      </c>
      <c r="V6837">
        <v>64</v>
      </c>
      <c r="W6837">
        <v>65</v>
      </c>
      <c r="X6837">
        <v>65</v>
      </c>
      <c r="Y6837">
        <v>66</v>
      </c>
      <c r="Z6837">
        <v>66</v>
      </c>
      <c r="AA6837">
        <v>67</v>
      </c>
      <c r="AB6837">
        <v>67</v>
      </c>
      <c r="AC6837">
        <v>68</v>
      </c>
      <c r="AD6837">
        <v>68</v>
      </c>
      <c r="AE6837">
        <v>68</v>
      </c>
      <c r="AF6837">
        <v>69</v>
      </c>
      <c r="AG6837">
        <v>69</v>
      </c>
      <c r="AH6837">
        <v>69</v>
      </c>
      <c r="AI6837">
        <v>69</v>
      </c>
      <c r="AJ6837">
        <v>70</v>
      </c>
      <c r="AK6837">
        <v>70</v>
      </c>
      <c r="AL6837">
        <v>69</v>
      </c>
      <c r="AM6837">
        <v>69</v>
      </c>
      <c r="AN6837">
        <v>69</v>
      </c>
      <c r="AO6837">
        <v>68</v>
      </c>
      <c r="AP6837">
        <v>68</v>
      </c>
      <c r="AQ6837">
        <v>67</v>
      </c>
    </row>
    <row r="6838" spans="1:43">
      <c r="A6838" t="s">
        <v>4280</v>
      </c>
      <c r="B6838" t="s">
        <v>4281</v>
      </c>
      <c r="C6838" t="s">
        <v>4282</v>
      </c>
      <c r="D6838" t="s">
        <v>4283</v>
      </c>
      <c r="E6838" t="s">
        <v>4236</v>
      </c>
      <c r="F6838" t="s">
        <v>4237</v>
      </c>
      <c r="G6838" t="s">
        <v>80</v>
      </c>
      <c r="H6838" t="s">
        <v>81</v>
      </c>
      <c r="I6838" s="2">
        <v>1</v>
      </c>
      <c r="J6838" s="2">
        <v>0</v>
      </c>
      <c r="K6838" s="2">
        <v>0</v>
      </c>
      <c r="L6838" t="s">
        <v>120</v>
      </c>
      <c r="M6838" t="s">
        <v>83</v>
      </c>
      <c r="N6838" t="s">
        <v>84</v>
      </c>
      <c r="O6838" t="s">
        <v>85</v>
      </c>
      <c r="P6838" t="s">
        <v>86</v>
      </c>
      <c r="Q6838">
        <v>0</v>
      </c>
      <c r="R6838">
        <v>0</v>
      </c>
      <c r="S6838">
        <v>0</v>
      </c>
      <c r="T6838">
        <v>0</v>
      </c>
      <c r="U6838">
        <v>0</v>
      </c>
      <c r="V6838">
        <v>0</v>
      </c>
      <c r="W6838">
        <v>0</v>
      </c>
      <c r="X6838">
        <v>0</v>
      </c>
      <c r="Y6838">
        <v>0</v>
      </c>
      <c r="Z6838">
        <v>0</v>
      </c>
      <c r="AA6838">
        <v>0</v>
      </c>
      <c r="AB6838">
        <v>0</v>
      </c>
      <c r="AC6838">
        <v>0</v>
      </c>
      <c r="AD6838">
        <v>0</v>
      </c>
      <c r="AE6838">
        <v>0</v>
      </c>
      <c r="AF6838">
        <v>0</v>
      </c>
      <c r="AG6838">
        <v>0</v>
      </c>
      <c r="AH6838">
        <v>0</v>
      </c>
      <c r="AI6838">
        <v>0</v>
      </c>
      <c r="AJ6838">
        <v>0</v>
      </c>
      <c r="AK6838">
        <v>0</v>
      </c>
      <c r="AL6838">
        <v>0</v>
      </c>
      <c r="AM6838">
        <v>0</v>
      </c>
      <c r="AN6838">
        <v>0</v>
      </c>
      <c r="AO6838">
        <v>0</v>
      </c>
      <c r="AP6838">
        <v>0</v>
      </c>
      <c r="AQ6838">
        <v>0</v>
      </c>
    </row>
    <row r="6839" spans="1:43">
      <c r="A6839" t="s">
        <v>4280</v>
      </c>
      <c r="B6839" t="s">
        <v>4281</v>
      </c>
      <c r="C6839" t="s">
        <v>4282</v>
      </c>
      <c r="D6839" t="s">
        <v>4283</v>
      </c>
      <c r="E6839" t="s">
        <v>4236</v>
      </c>
      <c r="F6839" t="s">
        <v>4237</v>
      </c>
      <c r="G6839" t="s">
        <v>80</v>
      </c>
      <c r="H6839" t="s">
        <v>81</v>
      </c>
      <c r="I6839" s="2">
        <v>1</v>
      </c>
      <c r="J6839" s="2">
        <v>0</v>
      </c>
      <c r="K6839" s="2">
        <v>0</v>
      </c>
      <c r="L6839" t="s">
        <v>120</v>
      </c>
      <c r="M6839" t="s">
        <v>87</v>
      </c>
      <c r="N6839" t="s">
        <v>88</v>
      </c>
      <c r="O6839" t="s">
        <v>85</v>
      </c>
      <c r="P6839" t="s">
        <v>86</v>
      </c>
      <c r="Q6839">
        <v>0</v>
      </c>
      <c r="R6839">
        <v>0</v>
      </c>
      <c r="S6839">
        <v>0</v>
      </c>
      <c r="T6839">
        <v>0</v>
      </c>
      <c r="U6839">
        <v>0</v>
      </c>
      <c r="V6839">
        <v>0</v>
      </c>
      <c r="W6839">
        <v>0</v>
      </c>
      <c r="X6839">
        <v>0</v>
      </c>
      <c r="Y6839">
        <v>0</v>
      </c>
      <c r="Z6839">
        <v>0</v>
      </c>
      <c r="AA6839">
        <v>0</v>
      </c>
      <c r="AB6839">
        <v>0</v>
      </c>
      <c r="AC6839">
        <v>0</v>
      </c>
      <c r="AD6839">
        <v>0</v>
      </c>
      <c r="AE6839">
        <v>0</v>
      </c>
      <c r="AF6839">
        <v>0</v>
      </c>
      <c r="AG6839">
        <v>0</v>
      </c>
      <c r="AH6839">
        <v>0</v>
      </c>
      <c r="AI6839">
        <v>0</v>
      </c>
      <c r="AJ6839">
        <v>0</v>
      </c>
      <c r="AK6839">
        <v>0</v>
      </c>
      <c r="AL6839">
        <v>0</v>
      </c>
      <c r="AM6839">
        <v>0</v>
      </c>
      <c r="AN6839">
        <v>0</v>
      </c>
      <c r="AO6839">
        <v>0</v>
      </c>
      <c r="AP6839">
        <v>0</v>
      </c>
      <c r="AQ6839">
        <v>0</v>
      </c>
    </row>
    <row r="6840" spans="1:43">
      <c r="A6840" t="s">
        <v>4280</v>
      </c>
      <c r="B6840" t="s">
        <v>4281</v>
      </c>
      <c r="C6840" t="s">
        <v>4282</v>
      </c>
      <c r="D6840" t="s">
        <v>4283</v>
      </c>
      <c r="E6840" t="s">
        <v>4236</v>
      </c>
      <c r="F6840" t="s">
        <v>4237</v>
      </c>
      <c r="G6840" t="s">
        <v>80</v>
      </c>
      <c r="H6840" t="s">
        <v>81</v>
      </c>
      <c r="I6840" s="2">
        <v>1</v>
      </c>
      <c r="J6840" s="2">
        <v>0</v>
      </c>
      <c r="K6840" s="2">
        <v>0</v>
      </c>
      <c r="L6840" t="s">
        <v>120</v>
      </c>
      <c r="M6840" t="s">
        <v>89</v>
      </c>
      <c r="N6840" t="s">
        <v>90</v>
      </c>
      <c r="O6840" t="s">
        <v>85</v>
      </c>
      <c r="P6840" t="s">
        <v>86</v>
      </c>
      <c r="Q6840">
        <v>0</v>
      </c>
      <c r="R6840">
        <v>0</v>
      </c>
      <c r="S6840">
        <v>0</v>
      </c>
      <c r="T6840">
        <v>0</v>
      </c>
      <c r="U6840">
        <v>0</v>
      </c>
      <c r="V6840">
        <v>0</v>
      </c>
      <c r="W6840">
        <v>0</v>
      </c>
      <c r="X6840">
        <v>0</v>
      </c>
      <c r="Y6840">
        <v>0</v>
      </c>
      <c r="Z6840">
        <v>0</v>
      </c>
      <c r="AA6840">
        <v>0</v>
      </c>
      <c r="AB6840">
        <v>0</v>
      </c>
      <c r="AC6840">
        <v>0</v>
      </c>
      <c r="AD6840">
        <v>0</v>
      </c>
      <c r="AE6840">
        <v>0</v>
      </c>
      <c r="AF6840">
        <v>0</v>
      </c>
      <c r="AG6840">
        <v>0</v>
      </c>
      <c r="AH6840">
        <v>0</v>
      </c>
      <c r="AI6840">
        <v>0</v>
      </c>
      <c r="AJ6840">
        <v>0</v>
      </c>
      <c r="AK6840">
        <v>0</v>
      </c>
      <c r="AL6840">
        <v>0</v>
      </c>
      <c r="AM6840">
        <v>0</v>
      </c>
      <c r="AN6840">
        <v>0</v>
      </c>
      <c r="AO6840">
        <v>0</v>
      </c>
      <c r="AP6840">
        <v>0</v>
      </c>
      <c r="AQ6840">
        <v>0</v>
      </c>
    </row>
    <row r="6841" spans="1:43">
      <c r="A6841" t="s">
        <v>4280</v>
      </c>
      <c r="B6841" t="s">
        <v>4281</v>
      </c>
      <c r="C6841" t="s">
        <v>4282</v>
      </c>
      <c r="D6841" t="s">
        <v>4283</v>
      </c>
      <c r="E6841" t="s">
        <v>4236</v>
      </c>
      <c r="F6841" t="s">
        <v>4237</v>
      </c>
      <c r="G6841" t="s">
        <v>80</v>
      </c>
      <c r="H6841" t="s">
        <v>81</v>
      </c>
      <c r="I6841" s="2">
        <v>1</v>
      </c>
      <c r="J6841" s="2">
        <v>0</v>
      </c>
      <c r="K6841" s="2">
        <v>0</v>
      </c>
      <c r="L6841" t="s">
        <v>120</v>
      </c>
      <c r="M6841" t="s">
        <v>83</v>
      </c>
      <c r="N6841" t="s">
        <v>91</v>
      </c>
      <c r="O6841" t="s">
        <v>85</v>
      </c>
      <c r="P6841" t="s">
        <v>86</v>
      </c>
      <c r="Q6841">
        <v>0</v>
      </c>
      <c r="R6841">
        <v>0</v>
      </c>
      <c r="S6841">
        <v>0</v>
      </c>
      <c r="T6841">
        <v>0</v>
      </c>
      <c r="U6841">
        <v>0</v>
      </c>
      <c r="V6841">
        <v>0</v>
      </c>
      <c r="W6841">
        <v>0</v>
      </c>
      <c r="X6841">
        <v>0</v>
      </c>
      <c r="Y6841">
        <v>0</v>
      </c>
      <c r="Z6841">
        <v>0</v>
      </c>
      <c r="AA6841">
        <v>0</v>
      </c>
      <c r="AB6841">
        <v>0</v>
      </c>
      <c r="AC6841">
        <v>0</v>
      </c>
      <c r="AD6841">
        <v>0</v>
      </c>
      <c r="AE6841">
        <v>0</v>
      </c>
      <c r="AF6841">
        <v>0</v>
      </c>
      <c r="AG6841">
        <v>0</v>
      </c>
      <c r="AH6841">
        <v>0</v>
      </c>
      <c r="AI6841">
        <v>0</v>
      </c>
      <c r="AJ6841">
        <v>0</v>
      </c>
      <c r="AK6841">
        <v>0</v>
      </c>
      <c r="AL6841">
        <v>0</v>
      </c>
      <c r="AM6841">
        <v>0</v>
      </c>
      <c r="AN6841">
        <v>0</v>
      </c>
      <c r="AO6841">
        <v>0</v>
      </c>
      <c r="AP6841">
        <v>0</v>
      </c>
      <c r="AQ6841">
        <v>0</v>
      </c>
    </row>
    <row r="6842" spans="1:43">
      <c r="A6842" t="s">
        <v>4284</v>
      </c>
      <c r="B6842" t="s">
        <v>4285</v>
      </c>
      <c r="C6842" t="s">
        <v>4282</v>
      </c>
      <c r="D6842" t="s">
        <v>4283</v>
      </c>
      <c r="E6842" t="s">
        <v>4236</v>
      </c>
      <c r="F6842" t="s">
        <v>4237</v>
      </c>
      <c r="G6842" t="s">
        <v>80</v>
      </c>
      <c r="H6842" t="s">
        <v>81</v>
      </c>
      <c r="I6842" s="2">
        <v>1</v>
      </c>
      <c r="J6842" s="2">
        <v>0</v>
      </c>
      <c r="K6842" s="2">
        <v>0</v>
      </c>
      <c r="L6842" t="s">
        <v>120</v>
      </c>
      <c r="M6842" t="s">
        <v>83</v>
      </c>
      <c r="N6842" t="s">
        <v>84</v>
      </c>
      <c r="O6842" t="s">
        <v>85</v>
      </c>
      <c r="P6842" t="s">
        <v>86</v>
      </c>
      <c r="Q6842">
        <v>11</v>
      </c>
      <c r="R6842">
        <v>11</v>
      </c>
      <c r="S6842">
        <v>11</v>
      </c>
      <c r="T6842">
        <v>11</v>
      </c>
      <c r="U6842">
        <v>11</v>
      </c>
      <c r="V6842">
        <v>11</v>
      </c>
      <c r="W6842">
        <v>12</v>
      </c>
      <c r="X6842">
        <v>12</v>
      </c>
      <c r="Y6842">
        <v>12</v>
      </c>
      <c r="Z6842">
        <v>12</v>
      </c>
      <c r="AA6842">
        <v>12</v>
      </c>
      <c r="AB6842">
        <v>12</v>
      </c>
      <c r="AC6842">
        <v>12</v>
      </c>
      <c r="AD6842">
        <v>12</v>
      </c>
      <c r="AE6842">
        <v>12</v>
      </c>
      <c r="AF6842">
        <v>12</v>
      </c>
      <c r="AG6842">
        <v>12</v>
      </c>
      <c r="AH6842">
        <v>12</v>
      </c>
      <c r="AI6842">
        <v>12</v>
      </c>
      <c r="AJ6842">
        <v>12</v>
      </c>
      <c r="AK6842">
        <v>12</v>
      </c>
      <c r="AL6842">
        <v>12</v>
      </c>
      <c r="AM6842">
        <v>12</v>
      </c>
      <c r="AN6842">
        <v>12</v>
      </c>
      <c r="AO6842">
        <v>12</v>
      </c>
      <c r="AP6842">
        <v>12</v>
      </c>
      <c r="AQ6842">
        <v>12</v>
      </c>
    </row>
    <row r="6843" spans="1:43">
      <c r="A6843" t="s">
        <v>4284</v>
      </c>
      <c r="B6843" t="s">
        <v>4285</v>
      </c>
      <c r="C6843" t="s">
        <v>4282</v>
      </c>
      <c r="D6843" t="s">
        <v>4283</v>
      </c>
      <c r="E6843" t="s">
        <v>4236</v>
      </c>
      <c r="F6843" t="s">
        <v>4237</v>
      </c>
      <c r="G6843" t="s">
        <v>80</v>
      </c>
      <c r="H6843" t="s">
        <v>81</v>
      </c>
      <c r="I6843" s="2">
        <v>1</v>
      </c>
      <c r="J6843" s="2">
        <v>0</v>
      </c>
      <c r="K6843" s="2">
        <v>0</v>
      </c>
      <c r="L6843" t="s">
        <v>120</v>
      </c>
      <c r="M6843" t="s">
        <v>87</v>
      </c>
      <c r="N6843" t="s">
        <v>88</v>
      </c>
      <c r="O6843" t="s">
        <v>85</v>
      </c>
      <c r="P6843" t="s">
        <v>86</v>
      </c>
      <c r="Q6843">
        <v>11</v>
      </c>
      <c r="R6843">
        <v>11</v>
      </c>
      <c r="S6843">
        <v>11</v>
      </c>
      <c r="T6843">
        <v>11</v>
      </c>
      <c r="U6843">
        <v>11</v>
      </c>
      <c r="V6843">
        <v>11</v>
      </c>
      <c r="W6843">
        <v>11</v>
      </c>
      <c r="X6843">
        <v>11</v>
      </c>
      <c r="Y6843">
        <v>11</v>
      </c>
      <c r="Z6843">
        <v>11</v>
      </c>
      <c r="AA6843">
        <v>11</v>
      </c>
      <c r="AB6843">
        <v>11</v>
      </c>
      <c r="AC6843">
        <v>11</v>
      </c>
      <c r="AD6843">
        <v>11</v>
      </c>
      <c r="AE6843">
        <v>11</v>
      </c>
      <c r="AF6843">
        <v>11</v>
      </c>
      <c r="AG6843">
        <v>11</v>
      </c>
      <c r="AH6843">
        <v>11</v>
      </c>
      <c r="AI6843">
        <v>11</v>
      </c>
      <c r="AJ6843">
        <v>11</v>
      </c>
      <c r="AK6843">
        <v>11</v>
      </c>
      <c r="AL6843">
        <v>11</v>
      </c>
      <c r="AM6843">
        <v>11</v>
      </c>
      <c r="AN6843">
        <v>11</v>
      </c>
      <c r="AO6843">
        <v>10</v>
      </c>
      <c r="AP6843">
        <v>10</v>
      </c>
      <c r="AQ6843">
        <v>10</v>
      </c>
    </row>
    <row r="6844" spans="1:43">
      <c r="A6844" t="s">
        <v>4284</v>
      </c>
      <c r="B6844" t="s">
        <v>4285</v>
      </c>
      <c r="C6844" t="s">
        <v>4282</v>
      </c>
      <c r="D6844" t="s">
        <v>4283</v>
      </c>
      <c r="E6844" t="s">
        <v>4236</v>
      </c>
      <c r="F6844" t="s">
        <v>4237</v>
      </c>
      <c r="G6844" t="s">
        <v>80</v>
      </c>
      <c r="H6844" t="s">
        <v>81</v>
      </c>
      <c r="I6844" s="2">
        <v>1</v>
      </c>
      <c r="J6844" s="2">
        <v>0</v>
      </c>
      <c r="K6844" s="2">
        <v>0</v>
      </c>
      <c r="L6844" t="s">
        <v>120</v>
      </c>
      <c r="M6844" t="s">
        <v>89</v>
      </c>
      <c r="N6844" t="s">
        <v>90</v>
      </c>
      <c r="O6844" t="s">
        <v>85</v>
      </c>
      <c r="P6844" t="s">
        <v>86</v>
      </c>
      <c r="Q6844">
        <v>11</v>
      </c>
      <c r="R6844">
        <v>11</v>
      </c>
      <c r="S6844">
        <v>11</v>
      </c>
      <c r="T6844">
        <v>12</v>
      </c>
      <c r="U6844">
        <v>12</v>
      </c>
      <c r="V6844">
        <v>12</v>
      </c>
      <c r="W6844">
        <v>12</v>
      </c>
      <c r="X6844">
        <v>12</v>
      </c>
      <c r="Y6844">
        <v>12</v>
      </c>
      <c r="Z6844">
        <v>12</v>
      </c>
      <c r="AA6844">
        <v>13</v>
      </c>
      <c r="AB6844">
        <v>13</v>
      </c>
      <c r="AC6844">
        <v>13</v>
      </c>
      <c r="AD6844">
        <v>13</v>
      </c>
      <c r="AE6844">
        <v>13</v>
      </c>
      <c r="AF6844">
        <v>13</v>
      </c>
      <c r="AG6844">
        <v>13</v>
      </c>
      <c r="AH6844">
        <v>13</v>
      </c>
      <c r="AI6844">
        <v>13</v>
      </c>
      <c r="AJ6844">
        <v>13</v>
      </c>
      <c r="AK6844">
        <v>13</v>
      </c>
      <c r="AL6844">
        <v>12</v>
      </c>
      <c r="AM6844">
        <v>12</v>
      </c>
      <c r="AN6844">
        <v>12</v>
      </c>
      <c r="AO6844">
        <v>12</v>
      </c>
      <c r="AP6844">
        <v>12</v>
      </c>
      <c r="AQ6844">
        <v>12</v>
      </c>
    </row>
    <row r="6845" spans="1:43">
      <c r="A6845" t="s">
        <v>4284</v>
      </c>
      <c r="B6845" t="s">
        <v>4285</v>
      </c>
      <c r="C6845" t="s">
        <v>4282</v>
      </c>
      <c r="D6845" t="s">
        <v>4283</v>
      </c>
      <c r="E6845" t="s">
        <v>4236</v>
      </c>
      <c r="F6845" t="s">
        <v>4237</v>
      </c>
      <c r="G6845" t="s">
        <v>80</v>
      </c>
      <c r="H6845" t="s">
        <v>81</v>
      </c>
      <c r="I6845" s="2">
        <v>1</v>
      </c>
      <c r="J6845" s="2">
        <v>0</v>
      </c>
      <c r="K6845" s="2">
        <v>0</v>
      </c>
      <c r="L6845" t="s">
        <v>120</v>
      </c>
      <c r="M6845" t="s">
        <v>83</v>
      </c>
      <c r="N6845" t="s">
        <v>91</v>
      </c>
      <c r="O6845" t="s">
        <v>85</v>
      </c>
      <c r="P6845" t="s">
        <v>86</v>
      </c>
      <c r="Q6845">
        <v>11</v>
      </c>
      <c r="R6845">
        <v>11</v>
      </c>
      <c r="S6845">
        <v>11</v>
      </c>
      <c r="T6845">
        <v>11</v>
      </c>
      <c r="U6845">
        <v>11</v>
      </c>
      <c r="V6845">
        <v>11</v>
      </c>
      <c r="W6845">
        <v>12</v>
      </c>
      <c r="X6845">
        <v>12</v>
      </c>
      <c r="Y6845">
        <v>12</v>
      </c>
      <c r="Z6845">
        <v>12</v>
      </c>
      <c r="AA6845">
        <v>12</v>
      </c>
      <c r="AB6845">
        <v>12</v>
      </c>
      <c r="AC6845">
        <v>12</v>
      </c>
      <c r="AD6845">
        <v>12</v>
      </c>
      <c r="AE6845">
        <v>12</v>
      </c>
      <c r="AF6845">
        <v>12</v>
      </c>
      <c r="AG6845">
        <v>12</v>
      </c>
      <c r="AH6845">
        <v>12</v>
      </c>
      <c r="AI6845">
        <v>12</v>
      </c>
      <c r="AJ6845">
        <v>12</v>
      </c>
      <c r="AK6845">
        <v>12</v>
      </c>
      <c r="AL6845">
        <v>12</v>
      </c>
      <c r="AM6845">
        <v>12</v>
      </c>
      <c r="AN6845">
        <v>12</v>
      </c>
      <c r="AO6845">
        <v>12</v>
      </c>
      <c r="AP6845">
        <v>12</v>
      </c>
      <c r="AQ6845">
        <v>12</v>
      </c>
    </row>
    <row r="6846" spans="1:43">
      <c r="A6846" t="s">
        <v>4286</v>
      </c>
      <c r="B6846" t="s">
        <v>4287</v>
      </c>
      <c r="C6846" t="s">
        <v>4282</v>
      </c>
      <c r="D6846" t="s">
        <v>4283</v>
      </c>
      <c r="E6846" t="s">
        <v>4236</v>
      </c>
      <c r="F6846" t="s">
        <v>4237</v>
      </c>
      <c r="G6846" t="s">
        <v>80</v>
      </c>
      <c r="H6846" t="s">
        <v>81</v>
      </c>
      <c r="I6846" s="2">
        <v>1</v>
      </c>
      <c r="J6846" s="2">
        <v>0</v>
      </c>
      <c r="K6846" s="2">
        <v>0</v>
      </c>
      <c r="L6846" t="s">
        <v>120</v>
      </c>
      <c r="M6846" t="s">
        <v>83</v>
      </c>
      <c r="N6846" t="s">
        <v>84</v>
      </c>
      <c r="O6846" t="s">
        <v>85</v>
      </c>
      <c r="P6846" t="s">
        <v>86</v>
      </c>
      <c r="Q6846">
        <v>8</v>
      </c>
      <c r="R6846">
        <v>8</v>
      </c>
      <c r="S6846">
        <v>8</v>
      </c>
      <c r="T6846">
        <v>8</v>
      </c>
      <c r="U6846">
        <v>9</v>
      </c>
      <c r="V6846">
        <v>9</v>
      </c>
      <c r="W6846">
        <v>9</v>
      </c>
      <c r="X6846">
        <v>9</v>
      </c>
      <c r="Y6846">
        <v>9</v>
      </c>
      <c r="Z6846">
        <v>9</v>
      </c>
      <c r="AA6846">
        <v>9</v>
      </c>
      <c r="AB6846">
        <v>9</v>
      </c>
      <c r="AC6846">
        <v>9</v>
      </c>
      <c r="AD6846">
        <v>9</v>
      </c>
      <c r="AE6846">
        <v>9</v>
      </c>
      <c r="AF6846">
        <v>9</v>
      </c>
      <c r="AG6846">
        <v>9</v>
      </c>
      <c r="AH6846">
        <v>9</v>
      </c>
      <c r="AI6846">
        <v>9</v>
      </c>
      <c r="AJ6846">
        <v>9</v>
      </c>
      <c r="AK6846">
        <v>9</v>
      </c>
      <c r="AL6846">
        <v>9</v>
      </c>
      <c r="AM6846">
        <v>9</v>
      </c>
      <c r="AN6846">
        <v>9</v>
      </c>
      <c r="AO6846">
        <v>9</v>
      </c>
      <c r="AP6846">
        <v>9</v>
      </c>
      <c r="AQ6846">
        <v>9</v>
      </c>
    </row>
    <row r="6847" spans="1:43">
      <c r="A6847" t="s">
        <v>4286</v>
      </c>
      <c r="B6847" t="s">
        <v>4287</v>
      </c>
      <c r="C6847" t="s">
        <v>4282</v>
      </c>
      <c r="D6847" t="s">
        <v>4283</v>
      </c>
      <c r="E6847" t="s">
        <v>4236</v>
      </c>
      <c r="F6847" t="s">
        <v>4237</v>
      </c>
      <c r="G6847" t="s">
        <v>80</v>
      </c>
      <c r="H6847" t="s">
        <v>81</v>
      </c>
      <c r="I6847" s="2">
        <v>1</v>
      </c>
      <c r="J6847" s="2">
        <v>0</v>
      </c>
      <c r="K6847" s="2">
        <v>0</v>
      </c>
      <c r="L6847" t="s">
        <v>120</v>
      </c>
      <c r="M6847" t="s">
        <v>87</v>
      </c>
      <c r="N6847" t="s">
        <v>88</v>
      </c>
      <c r="O6847" t="s">
        <v>85</v>
      </c>
      <c r="P6847" t="s">
        <v>86</v>
      </c>
      <c r="Q6847">
        <v>8</v>
      </c>
      <c r="R6847">
        <v>8</v>
      </c>
      <c r="S6847">
        <v>8</v>
      </c>
      <c r="T6847">
        <v>8</v>
      </c>
      <c r="U6847">
        <v>8</v>
      </c>
      <c r="V6847">
        <v>8</v>
      </c>
      <c r="W6847">
        <v>8</v>
      </c>
      <c r="X6847">
        <v>8</v>
      </c>
      <c r="Y6847">
        <v>8</v>
      </c>
      <c r="Z6847">
        <v>8</v>
      </c>
      <c r="AA6847">
        <v>8</v>
      </c>
      <c r="AB6847">
        <v>8</v>
      </c>
      <c r="AC6847">
        <v>8</v>
      </c>
      <c r="AD6847">
        <v>8</v>
      </c>
      <c r="AE6847">
        <v>8</v>
      </c>
      <c r="AF6847">
        <v>8</v>
      </c>
      <c r="AG6847">
        <v>8</v>
      </c>
      <c r="AH6847">
        <v>8</v>
      </c>
      <c r="AI6847">
        <v>8</v>
      </c>
      <c r="AJ6847">
        <v>8</v>
      </c>
      <c r="AK6847">
        <v>8</v>
      </c>
      <c r="AL6847">
        <v>8</v>
      </c>
      <c r="AM6847">
        <v>8</v>
      </c>
      <c r="AN6847">
        <v>8</v>
      </c>
      <c r="AO6847">
        <v>8</v>
      </c>
      <c r="AP6847">
        <v>8</v>
      </c>
      <c r="AQ6847">
        <v>8</v>
      </c>
    </row>
    <row r="6848" spans="1:43">
      <c r="A6848" t="s">
        <v>4286</v>
      </c>
      <c r="B6848" t="s">
        <v>4287</v>
      </c>
      <c r="C6848" t="s">
        <v>4282</v>
      </c>
      <c r="D6848" t="s">
        <v>4283</v>
      </c>
      <c r="E6848" t="s">
        <v>4236</v>
      </c>
      <c r="F6848" t="s">
        <v>4237</v>
      </c>
      <c r="G6848" t="s">
        <v>80</v>
      </c>
      <c r="H6848" t="s">
        <v>81</v>
      </c>
      <c r="I6848" s="2">
        <v>1</v>
      </c>
      <c r="J6848" s="2">
        <v>0</v>
      </c>
      <c r="K6848" s="2">
        <v>0</v>
      </c>
      <c r="L6848" t="s">
        <v>120</v>
      </c>
      <c r="M6848" t="s">
        <v>89</v>
      </c>
      <c r="N6848" t="s">
        <v>90</v>
      </c>
      <c r="O6848" t="s">
        <v>85</v>
      </c>
      <c r="P6848" t="s">
        <v>86</v>
      </c>
      <c r="Q6848">
        <v>8</v>
      </c>
      <c r="R6848">
        <v>8</v>
      </c>
      <c r="S6848">
        <v>9</v>
      </c>
      <c r="T6848">
        <v>9</v>
      </c>
      <c r="U6848">
        <v>9</v>
      </c>
      <c r="V6848">
        <v>9</v>
      </c>
      <c r="W6848">
        <v>9</v>
      </c>
      <c r="X6848">
        <v>9</v>
      </c>
      <c r="Y6848">
        <v>9</v>
      </c>
      <c r="Z6848">
        <v>9</v>
      </c>
      <c r="AA6848">
        <v>10</v>
      </c>
      <c r="AB6848">
        <v>10</v>
      </c>
      <c r="AC6848">
        <v>10</v>
      </c>
      <c r="AD6848">
        <v>10</v>
      </c>
      <c r="AE6848">
        <v>10</v>
      </c>
      <c r="AF6848">
        <v>10</v>
      </c>
      <c r="AG6848">
        <v>10</v>
      </c>
      <c r="AH6848">
        <v>10</v>
      </c>
      <c r="AI6848">
        <v>10</v>
      </c>
      <c r="AJ6848">
        <v>10</v>
      </c>
      <c r="AK6848">
        <v>10</v>
      </c>
      <c r="AL6848">
        <v>9</v>
      </c>
      <c r="AM6848">
        <v>9</v>
      </c>
      <c r="AN6848">
        <v>9</v>
      </c>
      <c r="AO6848">
        <v>9</v>
      </c>
      <c r="AP6848">
        <v>9</v>
      </c>
      <c r="AQ6848">
        <v>9</v>
      </c>
    </row>
    <row r="6849" spans="1:43">
      <c r="A6849" t="s">
        <v>4286</v>
      </c>
      <c r="B6849" t="s">
        <v>4287</v>
      </c>
      <c r="C6849" t="s">
        <v>4282</v>
      </c>
      <c r="D6849" t="s">
        <v>4283</v>
      </c>
      <c r="E6849" t="s">
        <v>4236</v>
      </c>
      <c r="F6849" t="s">
        <v>4237</v>
      </c>
      <c r="G6849" t="s">
        <v>80</v>
      </c>
      <c r="H6849" t="s">
        <v>81</v>
      </c>
      <c r="I6849" s="2">
        <v>1</v>
      </c>
      <c r="J6849" s="2">
        <v>0</v>
      </c>
      <c r="K6849" s="2">
        <v>0</v>
      </c>
      <c r="L6849" t="s">
        <v>120</v>
      </c>
      <c r="M6849" t="s">
        <v>83</v>
      </c>
      <c r="N6849" t="s">
        <v>91</v>
      </c>
      <c r="O6849" t="s">
        <v>85</v>
      </c>
      <c r="P6849" t="s">
        <v>86</v>
      </c>
      <c r="Q6849">
        <v>8</v>
      </c>
      <c r="R6849">
        <v>8</v>
      </c>
      <c r="S6849">
        <v>8</v>
      </c>
      <c r="T6849">
        <v>8</v>
      </c>
      <c r="U6849">
        <v>9</v>
      </c>
      <c r="V6849">
        <v>9</v>
      </c>
      <c r="W6849">
        <v>9</v>
      </c>
      <c r="X6849">
        <v>9</v>
      </c>
      <c r="Y6849">
        <v>9</v>
      </c>
      <c r="Z6849">
        <v>9</v>
      </c>
      <c r="AA6849">
        <v>9</v>
      </c>
      <c r="AB6849">
        <v>9</v>
      </c>
      <c r="AC6849">
        <v>9</v>
      </c>
      <c r="AD6849">
        <v>9</v>
      </c>
      <c r="AE6849">
        <v>9</v>
      </c>
      <c r="AF6849">
        <v>9</v>
      </c>
      <c r="AG6849">
        <v>9</v>
      </c>
      <c r="AH6849">
        <v>9</v>
      </c>
      <c r="AI6849">
        <v>9</v>
      </c>
      <c r="AJ6849">
        <v>9</v>
      </c>
      <c r="AK6849">
        <v>9</v>
      </c>
      <c r="AL6849">
        <v>9</v>
      </c>
      <c r="AM6849">
        <v>9</v>
      </c>
      <c r="AN6849">
        <v>9</v>
      </c>
      <c r="AO6849">
        <v>9</v>
      </c>
      <c r="AP6849">
        <v>9</v>
      </c>
      <c r="AQ6849">
        <v>9</v>
      </c>
    </row>
    <row r="6850" spans="1:43">
      <c r="A6850" t="s">
        <v>4288</v>
      </c>
      <c r="B6850" t="s">
        <v>4289</v>
      </c>
      <c r="C6850" t="s">
        <v>4282</v>
      </c>
      <c r="D6850" t="s">
        <v>4283</v>
      </c>
      <c r="E6850" t="s">
        <v>4236</v>
      </c>
      <c r="F6850" t="s">
        <v>4237</v>
      </c>
      <c r="G6850" t="s">
        <v>80</v>
      </c>
      <c r="H6850" t="s">
        <v>81</v>
      </c>
      <c r="I6850" s="2">
        <v>1</v>
      </c>
      <c r="J6850" s="2">
        <v>0</v>
      </c>
      <c r="K6850" s="2">
        <v>0</v>
      </c>
      <c r="L6850" t="s">
        <v>120</v>
      </c>
      <c r="M6850" t="s">
        <v>83</v>
      </c>
      <c r="N6850" t="s">
        <v>84</v>
      </c>
      <c r="O6850" t="s">
        <v>85</v>
      </c>
      <c r="P6850" t="s">
        <v>86</v>
      </c>
      <c r="Q6850">
        <v>24</v>
      </c>
      <c r="R6850">
        <v>25</v>
      </c>
      <c r="S6850">
        <v>25</v>
      </c>
      <c r="T6850">
        <v>25</v>
      </c>
      <c r="U6850">
        <v>25</v>
      </c>
      <c r="V6850">
        <v>26</v>
      </c>
      <c r="W6850">
        <v>26</v>
      </c>
      <c r="X6850">
        <v>26</v>
      </c>
      <c r="Y6850">
        <v>26</v>
      </c>
      <c r="Z6850">
        <v>27</v>
      </c>
      <c r="AA6850">
        <v>27</v>
      </c>
      <c r="AB6850">
        <v>27</v>
      </c>
      <c r="AC6850">
        <v>27</v>
      </c>
      <c r="AD6850">
        <v>27</v>
      </c>
      <c r="AE6850">
        <v>27</v>
      </c>
      <c r="AF6850">
        <v>27</v>
      </c>
      <c r="AG6850">
        <v>28</v>
      </c>
      <c r="AH6850">
        <v>28</v>
      </c>
      <c r="AI6850">
        <v>28</v>
      </c>
      <c r="AJ6850">
        <v>28</v>
      </c>
      <c r="AK6850">
        <v>28</v>
      </c>
      <c r="AL6850">
        <v>28</v>
      </c>
      <c r="AM6850">
        <v>28</v>
      </c>
      <c r="AN6850">
        <v>27</v>
      </c>
      <c r="AO6850">
        <v>27</v>
      </c>
      <c r="AP6850">
        <v>27</v>
      </c>
      <c r="AQ6850">
        <v>27</v>
      </c>
    </row>
    <row r="6851" spans="1:43">
      <c r="A6851" t="s">
        <v>4288</v>
      </c>
      <c r="B6851" t="s">
        <v>4289</v>
      </c>
      <c r="C6851" t="s">
        <v>4282</v>
      </c>
      <c r="D6851" t="s">
        <v>4283</v>
      </c>
      <c r="E6851" t="s">
        <v>4236</v>
      </c>
      <c r="F6851" t="s">
        <v>4237</v>
      </c>
      <c r="G6851" t="s">
        <v>80</v>
      </c>
      <c r="H6851" t="s">
        <v>81</v>
      </c>
      <c r="I6851" s="2">
        <v>1</v>
      </c>
      <c r="J6851" s="2">
        <v>0</v>
      </c>
      <c r="K6851" s="2">
        <v>0</v>
      </c>
      <c r="L6851" t="s">
        <v>120</v>
      </c>
      <c r="M6851" t="s">
        <v>87</v>
      </c>
      <c r="N6851" t="s">
        <v>88</v>
      </c>
      <c r="O6851" t="s">
        <v>85</v>
      </c>
      <c r="P6851" t="s">
        <v>86</v>
      </c>
      <c r="Q6851">
        <v>24</v>
      </c>
      <c r="R6851">
        <v>24</v>
      </c>
      <c r="S6851">
        <v>24</v>
      </c>
      <c r="T6851">
        <v>24</v>
      </c>
      <c r="U6851">
        <v>24</v>
      </c>
      <c r="V6851">
        <v>24</v>
      </c>
      <c r="W6851">
        <v>24</v>
      </c>
      <c r="X6851">
        <v>24</v>
      </c>
      <c r="Y6851">
        <v>24</v>
      </c>
      <c r="Z6851">
        <v>24</v>
      </c>
      <c r="AA6851">
        <v>24</v>
      </c>
      <c r="AB6851">
        <v>24</v>
      </c>
      <c r="AC6851">
        <v>24</v>
      </c>
      <c r="AD6851">
        <v>24</v>
      </c>
      <c r="AE6851">
        <v>24</v>
      </c>
      <c r="AF6851">
        <v>24</v>
      </c>
      <c r="AG6851">
        <v>24</v>
      </c>
      <c r="AH6851">
        <v>24</v>
      </c>
      <c r="AI6851">
        <v>24</v>
      </c>
      <c r="AJ6851">
        <v>24</v>
      </c>
      <c r="AK6851">
        <v>24</v>
      </c>
      <c r="AL6851">
        <v>24</v>
      </c>
      <c r="AM6851">
        <v>24</v>
      </c>
      <c r="AN6851">
        <v>24</v>
      </c>
      <c r="AO6851">
        <v>24</v>
      </c>
      <c r="AP6851">
        <v>24</v>
      </c>
      <c r="AQ6851">
        <v>23</v>
      </c>
    </row>
    <row r="6852" spans="1:43">
      <c r="A6852" t="s">
        <v>4288</v>
      </c>
      <c r="B6852" t="s">
        <v>4289</v>
      </c>
      <c r="C6852" t="s">
        <v>4282</v>
      </c>
      <c r="D6852" t="s">
        <v>4283</v>
      </c>
      <c r="E6852" t="s">
        <v>4236</v>
      </c>
      <c r="F6852" t="s">
        <v>4237</v>
      </c>
      <c r="G6852" t="s">
        <v>80</v>
      </c>
      <c r="H6852" t="s">
        <v>81</v>
      </c>
      <c r="I6852" s="2">
        <v>1</v>
      </c>
      <c r="J6852" s="2">
        <v>0</v>
      </c>
      <c r="K6852" s="2">
        <v>0</v>
      </c>
      <c r="L6852" t="s">
        <v>120</v>
      </c>
      <c r="M6852" t="s">
        <v>89</v>
      </c>
      <c r="N6852" t="s">
        <v>90</v>
      </c>
      <c r="O6852" t="s">
        <v>85</v>
      </c>
      <c r="P6852" t="s">
        <v>86</v>
      </c>
      <c r="Q6852">
        <v>24</v>
      </c>
      <c r="R6852">
        <v>24</v>
      </c>
      <c r="S6852">
        <v>25</v>
      </c>
      <c r="T6852">
        <v>25</v>
      </c>
      <c r="U6852">
        <v>25</v>
      </c>
      <c r="V6852">
        <v>26</v>
      </c>
      <c r="W6852">
        <v>26</v>
      </c>
      <c r="X6852">
        <v>27</v>
      </c>
      <c r="Y6852">
        <v>27</v>
      </c>
      <c r="Z6852">
        <v>27</v>
      </c>
      <c r="AA6852">
        <v>27</v>
      </c>
      <c r="AB6852">
        <v>28</v>
      </c>
      <c r="AC6852">
        <v>28</v>
      </c>
      <c r="AD6852">
        <v>28</v>
      </c>
      <c r="AE6852">
        <v>28</v>
      </c>
      <c r="AF6852">
        <v>28</v>
      </c>
      <c r="AG6852">
        <v>28</v>
      </c>
      <c r="AH6852">
        <v>28</v>
      </c>
      <c r="AI6852">
        <v>28</v>
      </c>
      <c r="AJ6852">
        <v>28</v>
      </c>
      <c r="AK6852">
        <v>27</v>
      </c>
      <c r="AL6852">
        <v>27</v>
      </c>
      <c r="AM6852">
        <v>27</v>
      </c>
      <c r="AN6852">
        <v>27</v>
      </c>
      <c r="AO6852">
        <v>27</v>
      </c>
      <c r="AP6852">
        <v>26</v>
      </c>
      <c r="AQ6852">
        <v>26</v>
      </c>
    </row>
    <row r="6853" spans="1:43">
      <c r="A6853" t="s">
        <v>4288</v>
      </c>
      <c r="B6853" t="s">
        <v>4289</v>
      </c>
      <c r="C6853" t="s">
        <v>4282</v>
      </c>
      <c r="D6853" t="s">
        <v>4283</v>
      </c>
      <c r="E6853" t="s">
        <v>4236</v>
      </c>
      <c r="F6853" t="s">
        <v>4237</v>
      </c>
      <c r="G6853" t="s">
        <v>80</v>
      </c>
      <c r="H6853" t="s">
        <v>81</v>
      </c>
      <c r="I6853" s="2">
        <v>1</v>
      </c>
      <c r="J6853" s="2">
        <v>0</v>
      </c>
      <c r="K6853" s="2">
        <v>0</v>
      </c>
      <c r="L6853" t="s">
        <v>120</v>
      </c>
      <c r="M6853" t="s">
        <v>83</v>
      </c>
      <c r="N6853" t="s">
        <v>91</v>
      </c>
      <c r="O6853" t="s">
        <v>85</v>
      </c>
      <c r="P6853" t="s">
        <v>86</v>
      </c>
      <c r="Q6853">
        <v>24</v>
      </c>
      <c r="R6853">
        <v>25</v>
      </c>
      <c r="S6853">
        <v>25</v>
      </c>
      <c r="T6853">
        <v>25</v>
      </c>
      <c r="U6853">
        <v>25</v>
      </c>
      <c r="V6853">
        <v>26</v>
      </c>
      <c r="W6853">
        <v>26</v>
      </c>
      <c r="X6853">
        <v>26</v>
      </c>
      <c r="Y6853">
        <v>26</v>
      </c>
      <c r="Z6853">
        <v>27</v>
      </c>
      <c r="AA6853">
        <v>27</v>
      </c>
      <c r="AB6853">
        <v>27</v>
      </c>
      <c r="AC6853">
        <v>27</v>
      </c>
      <c r="AD6853">
        <v>27</v>
      </c>
      <c r="AE6853">
        <v>27</v>
      </c>
      <c r="AF6853">
        <v>27</v>
      </c>
      <c r="AG6853">
        <v>28</v>
      </c>
      <c r="AH6853">
        <v>28</v>
      </c>
      <c r="AI6853">
        <v>28</v>
      </c>
      <c r="AJ6853">
        <v>28</v>
      </c>
      <c r="AK6853">
        <v>28</v>
      </c>
      <c r="AL6853">
        <v>28</v>
      </c>
      <c r="AM6853">
        <v>28</v>
      </c>
      <c r="AN6853">
        <v>27</v>
      </c>
      <c r="AO6853">
        <v>27</v>
      </c>
      <c r="AP6853">
        <v>27</v>
      </c>
      <c r="AQ6853">
        <v>27</v>
      </c>
    </row>
    <row r="6854" spans="1:43">
      <c r="A6854" t="s">
        <v>4290</v>
      </c>
      <c r="B6854" t="s">
        <v>4291</v>
      </c>
      <c r="C6854" t="s">
        <v>4292</v>
      </c>
      <c r="D6854" t="s">
        <v>4293</v>
      </c>
      <c r="E6854" t="s">
        <v>4236</v>
      </c>
      <c r="F6854" t="s">
        <v>4237</v>
      </c>
      <c r="G6854" t="s">
        <v>80</v>
      </c>
      <c r="H6854" t="s">
        <v>81</v>
      </c>
      <c r="I6854" s="2">
        <v>1</v>
      </c>
      <c r="J6854" s="2">
        <v>0</v>
      </c>
      <c r="K6854" s="2">
        <v>0</v>
      </c>
      <c r="L6854" t="s">
        <v>120</v>
      </c>
      <c r="M6854" t="s">
        <v>83</v>
      </c>
      <c r="N6854" t="s">
        <v>84</v>
      </c>
      <c r="O6854" t="s">
        <v>85</v>
      </c>
      <c r="P6854" t="s">
        <v>86</v>
      </c>
      <c r="Q6854">
        <v>29</v>
      </c>
      <c r="R6854">
        <v>30</v>
      </c>
      <c r="S6854">
        <v>30</v>
      </c>
      <c r="T6854">
        <v>30</v>
      </c>
      <c r="U6854">
        <v>31</v>
      </c>
      <c r="V6854">
        <v>31</v>
      </c>
      <c r="W6854">
        <v>31</v>
      </c>
      <c r="X6854">
        <v>31</v>
      </c>
      <c r="Y6854">
        <v>32</v>
      </c>
      <c r="Z6854">
        <v>32</v>
      </c>
      <c r="AA6854">
        <v>32</v>
      </c>
      <c r="AB6854">
        <v>32</v>
      </c>
      <c r="AC6854">
        <v>32</v>
      </c>
      <c r="AD6854">
        <v>32</v>
      </c>
      <c r="AE6854">
        <v>33</v>
      </c>
      <c r="AF6854">
        <v>33</v>
      </c>
      <c r="AG6854">
        <v>33</v>
      </c>
      <c r="AH6854">
        <v>33</v>
      </c>
      <c r="AI6854">
        <v>33</v>
      </c>
      <c r="AJ6854">
        <v>33</v>
      </c>
      <c r="AK6854">
        <v>33</v>
      </c>
      <c r="AL6854">
        <v>33</v>
      </c>
      <c r="AM6854">
        <v>33</v>
      </c>
      <c r="AN6854">
        <v>33</v>
      </c>
      <c r="AO6854">
        <v>32</v>
      </c>
      <c r="AP6854">
        <v>32</v>
      </c>
      <c r="AQ6854">
        <v>32</v>
      </c>
    </row>
    <row r="6855" spans="1:43">
      <c r="A6855" t="s">
        <v>4290</v>
      </c>
      <c r="B6855" t="s">
        <v>4291</v>
      </c>
      <c r="C6855" t="s">
        <v>4292</v>
      </c>
      <c r="D6855" t="s">
        <v>4293</v>
      </c>
      <c r="E6855" t="s">
        <v>4236</v>
      </c>
      <c r="F6855" t="s">
        <v>4237</v>
      </c>
      <c r="G6855" t="s">
        <v>80</v>
      </c>
      <c r="H6855" t="s">
        <v>81</v>
      </c>
      <c r="I6855" s="2">
        <v>1</v>
      </c>
      <c r="J6855" s="2">
        <v>0</v>
      </c>
      <c r="K6855" s="2">
        <v>0</v>
      </c>
      <c r="L6855" t="s">
        <v>120</v>
      </c>
      <c r="M6855" t="s">
        <v>87</v>
      </c>
      <c r="N6855" t="s">
        <v>88</v>
      </c>
      <c r="O6855" t="s">
        <v>85</v>
      </c>
      <c r="P6855" t="s">
        <v>86</v>
      </c>
      <c r="Q6855">
        <v>29</v>
      </c>
      <c r="R6855">
        <v>29</v>
      </c>
      <c r="S6855">
        <v>29</v>
      </c>
      <c r="T6855">
        <v>29</v>
      </c>
      <c r="U6855">
        <v>29</v>
      </c>
      <c r="V6855">
        <v>29</v>
      </c>
      <c r="W6855">
        <v>29</v>
      </c>
      <c r="X6855">
        <v>29</v>
      </c>
      <c r="Y6855">
        <v>29</v>
      </c>
      <c r="Z6855">
        <v>29</v>
      </c>
      <c r="AA6855">
        <v>29</v>
      </c>
      <c r="AB6855">
        <v>29</v>
      </c>
      <c r="AC6855">
        <v>29</v>
      </c>
      <c r="AD6855">
        <v>29</v>
      </c>
      <c r="AE6855">
        <v>29</v>
      </c>
      <c r="AF6855">
        <v>29</v>
      </c>
      <c r="AG6855">
        <v>29</v>
      </c>
      <c r="AH6855">
        <v>29</v>
      </c>
      <c r="AI6855">
        <v>29</v>
      </c>
      <c r="AJ6855">
        <v>29</v>
      </c>
      <c r="AK6855">
        <v>28</v>
      </c>
      <c r="AL6855">
        <v>28</v>
      </c>
      <c r="AM6855">
        <v>28</v>
      </c>
      <c r="AN6855">
        <v>28</v>
      </c>
      <c r="AO6855">
        <v>28</v>
      </c>
      <c r="AP6855">
        <v>28</v>
      </c>
      <c r="AQ6855">
        <v>28</v>
      </c>
    </row>
    <row r="6856" spans="1:43">
      <c r="A6856" t="s">
        <v>4290</v>
      </c>
      <c r="B6856" t="s">
        <v>4291</v>
      </c>
      <c r="C6856" t="s">
        <v>4292</v>
      </c>
      <c r="D6856" t="s">
        <v>4293</v>
      </c>
      <c r="E6856" t="s">
        <v>4236</v>
      </c>
      <c r="F6856" t="s">
        <v>4237</v>
      </c>
      <c r="G6856" t="s">
        <v>80</v>
      </c>
      <c r="H6856" t="s">
        <v>81</v>
      </c>
      <c r="I6856" s="2">
        <v>1</v>
      </c>
      <c r="J6856" s="2">
        <v>0</v>
      </c>
      <c r="K6856" s="2">
        <v>0</v>
      </c>
      <c r="L6856" t="s">
        <v>120</v>
      </c>
      <c r="M6856" t="s">
        <v>89</v>
      </c>
      <c r="N6856" t="s">
        <v>90</v>
      </c>
      <c r="O6856" t="s">
        <v>85</v>
      </c>
      <c r="P6856" t="s">
        <v>86</v>
      </c>
      <c r="Q6856">
        <v>29</v>
      </c>
      <c r="R6856">
        <v>29</v>
      </c>
      <c r="S6856">
        <v>30</v>
      </c>
      <c r="T6856">
        <v>30</v>
      </c>
      <c r="U6856">
        <v>31</v>
      </c>
      <c r="V6856">
        <v>31</v>
      </c>
      <c r="W6856">
        <v>32</v>
      </c>
      <c r="X6856">
        <v>32</v>
      </c>
      <c r="Y6856">
        <v>32</v>
      </c>
      <c r="Z6856">
        <v>33</v>
      </c>
      <c r="AA6856">
        <v>33</v>
      </c>
      <c r="AB6856">
        <v>33</v>
      </c>
      <c r="AC6856">
        <v>34</v>
      </c>
      <c r="AD6856">
        <v>34</v>
      </c>
      <c r="AE6856">
        <v>34</v>
      </c>
      <c r="AF6856">
        <v>34</v>
      </c>
      <c r="AG6856">
        <v>34</v>
      </c>
      <c r="AH6856">
        <v>33</v>
      </c>
      <c r="AI6856">
        <v>33</v>
      </c>
      <c r="AJ6856">
        <v>33</v>
      </c>
      <c r="AK6856">
        <v>33</v>
      </c>
      <c r="AL6856">
        <v>32</v>
      </c>
      <c r="AM6856">
        <v>32</v>
      </c>
      <c r="AN6856">
        <v>32</v>
      </c>
      <c r="AO6856">
        <v>32</v>
      </c>
      <c r="AP6856">
        <v>31</v>
      </c>
      <c r="AQ6856">
        <v>31</v>
      </c>
    </row>
    <row r="6857" spans="1:43">
      <c r="A6857" t="s">
        <v>4290</v>
      </c>
      <c r="B6857" t="s">
        <v>4291</v>
      </c>
      <c r="C6857" t="s">
        <v>4292</v>
      </c>
      <c r="D6857" t="s">
        <v>4293</v>
      </c>
      <c r="E6857" t="s">
        <v>4236</v>
      </c>
      <c r="F6857" t="s">
        <v>4237</v>
      </c>
      <c r="G6857" t="s">
        <v>80</v>
      </c>
      <c r="H6857" t="s">
        <v>81</v>
      </c>
      <c r="I6857" s="2">
        <v>1</v>
      </c>
      <c r="J6857" s="2">
        <v>0</v>
      </c>
      <c r="K6857" s="2">
        <v>0</v>
      </c>
      <c r="L6857" t="s">
        <v>120</v>
      </c>
      <c r="M6857" t="s">
        <v>83</v>
      </c>
      <c r="N6857" t="s">
        <v>91</v>
      </c>
      <c r="O6857" t="s">
        <v>85</v>
      </c>
      <c r="P6857" t="s">
        <v>86</v>
      </c>
      <c r="Q6857">
        <v>29</v>
      </c>
      <c r="R6857">
        <v>30</v>
      </c>
      <c r="S6857">
        <v>30</v>
      </c>
      <c r="T6857">
        <v>30</v>
      </c>
      <c r="U6857">
        <v>31</v>
      </c>
      <c r="V6857">
        <v>31</v>
      </c>
      <c r="W6857">
        <v>31</v>
      </c>
      <c r="X6857">
        <v>31</v>
      </c>
      <c r="Y6857">
        <v>32</v>
      </c>
      <c r="Z6857">
        <v>32</v>
      </c>
      <c r="AA6857">
        <v>32</v>
      </c>
      <c r="AB6857">
        <v>32</v>
      </c>
      <c r="AC6857">
        <v>32</v>
      </c>
      <c r="AD6857">
        <v>32</v>
      </c>
      <c r="AE6857">
        <v>33</v>
      </c>
      <c r="AF6857">
        <v>33</v>
      </c>
      <c r="AG6857">
        <v>33</v>
      </c>
      <c r="AH6857">
        <v>33</v>
      </c>
      <c r="AI6857">
        <v>33</v>
      </c>
      <c r="AJ6857">
        <v>33</v>
      </c>
      <c r="AK6857">
        <v>33</v>
      </c>
      <c r="AL6857">
        <v>33</v>
      </c>
      <c r="AM6857">
        <v>33</v>
      </c>
      <c r="AN6857">
        <v>33</v>
      </c>
      <c r="AO6857">
        <v>32</v>
      </c>
      <c r="AP6857">
        <v>32</v>
      </c>
      <c r="AQ6857">
        <v>32</v>
      </c>
    </row>
    <row r="6858" spans="1:43">
      <c r="A6858" t="s">
        <v>4294</v>
      </c>
      <c r="B6858" t="s">
        <v>4295</v>
      </c>
      <c r="C6858" t="s">
        <v>4292</v>
      </c>
      <c r="D6858" t="s">
        <v>4293</v>
      </c>
      <c r="E6858" t="s">
        <v>4236</v>
      </c>
      <c r="F6858" t="s">
        <v>4237</v>
      </c>
      <c r="G6858" t="s">
        <v>80</v>
      </c>
      <c r="H6858" t="s">
        <v>81</v>
      </c>
      <c r="I6858" s="2">
        <v>1</v>
      </c>
      <c r="J6858" s="2">
        <v>0</v>
      </c>
      <c r="K6858" s="2">
        <v>0</v>
      </c>
      <c r="L6858" t="s">
        <v>120</v>
      </c>
      <c r="M6858" t="s">
        <v>83</v>
      </c>
      <c r="N6858" t="s">
        <v>84</v>
      </c>
      <c r="O6858" t="s">
        <v>85</v>
      </c>
      <c r="P6858" t="s">
        <v>86</v>
      </c>
      <c r="Q6858">
        <v>45</v>
      </c>
      <c r="R6858">
        <v>46</v>
      </c>
      <c r="S6858">
        <v>46</v>
      </c>
      <c r="T6858">
        <v>47</v>
      </c>
      <c r="U6858">
        <v>47</v>
      </c>
      <c r="V6858">
        <v>48</v>
      </c>
      <c r="W6858">
        <v>48</v>
      </c>
      <c r="X6858">
        <v>49</v>
      </c>
      <c r="Y6858">
        <v>49</v>
      </c>
      <c r="Z6858">
        <v>50</v>
      </c>
      <c r="AA6858">
        <v>50</v>
      </c>
      <c r="AB6858">
        <v>50</v>
      </c>
      <c r="AC6858">
        <v>51</v>
      </c>
      <c r="AD6858">
        <v>51</v>
      </c>
      <c r="AE6858">
        <v>51</v>
      </c>
      <c r="AF6858">
        <v>51</v>
      </c>
      <c r="AG6858">
        <v>52</v>
      </c>
      <c r="AH6858">
        <v>52</v>
      </c>
      <c r="AI6858">
        <v>52</v>
      </c>
      <c r="AJ6858">
        <v>52</v>
      </c>
      <c r="AK6858">
        <v>52</v>
      </c>
      <c r="AL6858">
        <v>52</v>
      </c>
      <c r="AM6858">
        <v>52</v>
      </c>
      <c r="AN6858">
        <v>52</v>
      </c>
      <c r="AO6858">
        <v>51</v>
      </c>
      <c r="AP6858">
        <v>51</v>
      </c>
      <c r="AQ6858">
        <v>51</v>
      </c>
    </row>
    <row r="6859" spans="1:43">
      <c r="A6859" t="s">
        <v>4294</v>
      </c>
      <c r="B6859" t="s">
        <v>4295</v>
      </c>
      <c r="C6859" t="s">
        <v>4292</v>
      </c>
      <c r="D6859" t="s">
        <v>4293</v>
      </c>
      <c r="E6859" t="s">
        <v>4236</v>
      </c>
      <c r="F6859" t="s">
        <v>4237</v>
      </c>
      <c r="G6859" t="s">
        <v>80</v>
      </c>
      <c r="H6859" t="s">
        <v>81</v>
      </c>
      <c r="I6859" s="2">
        <v>1</v>
      </c>
      <c r="J6859" s="2">
        <v>0</v>
      </c>
      <c r="K6859" s="2">
        <v>0</v>
      </c>
      <c r="L6859" t="s">
        <v>120</v>
      </c>
      <c r="M6859" t="s">
        <v>87</v>
      </c>
      <c r="N6859" t="s">
        <v>88</v>
      </c>
      <c r="O6859" t="s">
        <v>85</v>
      </c>
      <c r="P6859" t="s">
        <v>86</v>
      </c>
      <c r="Q6859">
        <v>45</v>
      </c>
      <c r="R6859">
        <v>45</v>
      </c>
      <c r="S6859">
        <v>45</v>
      </c>
      <c r="T6859">
        <v>45</v>
      </c>
      <c r="U6859">
        <v>45</v>
      </c>
      <c r="V6859">
        <v>45</v>
      </c>
      <c r="W6859">
        <v>45</v>
      </c>
      <c r="X6859">
        <v>46</v>
      </c>
      <c r="Y6859">
        <v>46</v>
      </c>
      <c r="Z6859">
        <v>46</v>
      </c>
      <c r="AA6859">
        <v>46</v>
      </c>
      <c r="AB6859">
        <v>46</v>
      </c>
      <c r="AC6859">
        <v>46</v>
      </c>
      <c r="AD6859">
        <v>45</v>
      </c>
      <c r="AE6859">
        <v>45</v>
      </c>
      <c r="AF6859">
        <v>45</v>
      </c>
      <c r="AG6859">
        <v>45</v>
      </c>
      <c r="AH6859">
        <v>45</v>
      </c>
      <c r="AI6859">
        <v>45</v>
      </c>
      <c r="AJ6859">
        <v>45</v>
      </c>
      <c r="AK6859">
        <v>45</v>
      </c>
      <c r="AL6859">
        <v>45</v>
      </c>
      <c r="AM6859">
        <v>45</v>
      </c>
      <c r="AN6859">
        <v>44</v>
      </c>
      <c r="AO6859">
        <v>44</v>
      </c>
      <c r="AP6859">
        <v>44</v>
      </c>
      <c r="AQ6859">
        <v>44</v>
      </c>
    </row>
    <row r="6860" spans="1:43">
      <c r="A6860" t="s">
        <v>4294</v>
      </c>
      <c r="B6860" t="s">
        <v>4295</v>
      </c>
      <c r="C6860" t="s">
        <v>4292</v>
      </c>
      <c r="D6860" t="s">
        <v>4293</v>
      </c>
      <c r="E6860" t="s">
        <v>4236</v>
      </c>
      <c r="F6860" t="s">
        <v>4237</v>
      </c>
      <c r="G6860" t="s">
        <v>80</v>
      </c>
      <c r="H6860" t="s">
        <v>81</v>
      </c>
      <c r="I6860" s="2">
        <v>1</v>
      </c>
      <c r="J6860" s="2">
        <v>0</v>
      </c>
      <c r="K6860" s="2">
        <v>0</v>
      </c>
      <c r="L6860" t="s">
        <v>120</v>
      </c>
      <c r="M6860" t="s">
        <v>89</v>
      </c>
      <c r="N6860" t="s">
        <v>90</v>
      </c>
      <c r="O6860" t="s">
        <v>85</v>
      </c>
      <c r="P6860" t="s">
        <v>86</v>
      </c>
      <c r="Q6860">
        <v>45</v>
      </c>
      <c r="R6860">
        <v>46</v>
      </c>
      <c r="S6860">
        <v>47</v>
      </c>
      <c r="T6860">
        <v>48</v>
      </c>
      <c r="U6860">
        <v>48</v>
      </c>
      <c r="V6860">
        <v>49</v>
      </c>
      <c r="W6860">
        <v>50</v>
      </c>
      <c r="X6860">
        <v>50</v>
      </c>
      <c r="Y6860">
        <v>51</v>
      </c>
      <c r="Z6860">
        <v>52</v>
      </c>
      <c r="AA6860">
        <v>52</v>
      </c>
      <c r="AB6860">
        <v>53</v>
      </c>
      <c r="AC6860">
        <v>53</v>
      </c>
      <c r="AD6860">
        <v>54</v>
      </c>
      <c r="AE6860">
        <v>54</v>
      </c>
      <c r="AF6860">
        <v>54</v>
      </c>
      <c r="AG6860">
        <v>53</v>
      </c>
      <c r="AH6860">
        <v>53</v>
      </c>
      <c r="AI6860">
        <v>53</v>
      </c>
      <c r="AJ6860">
        <v>52</v>
      </c>
      <c r="AK6860">
        <v>52</v>
      </c>
      <c r="AL6860">
        <v>52</v>
      </c>
      <c r="AM6860">
        <v>51</v>
      </c>
      <c r="AN6860">
        <v>51</v>
      </c>
      <c r="AO6860">
        <v>51</v>
      </c>
      <c r="AP6860">
        <v>50</v>
      </c>
      <c r="AQ6860">
        <v>50</v>
      </c>
    </row>
    <row r="6861" spans="1:43">
      <c r="A6861" t="s">
        <v>4294</v>
      </c>
      <c r="B6861" t="s">
        <v>4295</v>
      </c>
      <c r="C6861" t="s">
        <v>4292</v>
      </c>
      <c r="D6861" t="s">
        <v>4293</v>
      </c>
      <c r="E6861" t="s">
        <v>4236</v>
      </c>
      <c r="F6861" t="s">
        <v>4237</v>
      </c>
      <c r="G6861" t="s">
        <v>80</v>
      </c>
      <c r="H6861" t="s">
        <v>81</v>
      </c>
      <c r="I6861" s="2">
        <v>1</v>
      </c>
      <c r="J6861" s="2">
        <v>0</v>
      </c>
      <c r="K6861" s="2">
        <v>0</v>
      </c>
      <c r="L6861" t="s">
        <v>120</v>
      </c>
      <c r="M6861" t="s">
        <v>83</v>
      </c>
      <c r="N6861" t="s">
        <v>91</v>
      </c>
      <c r="O6861" t="s">
        <v>85</v>
      </c>
      <c r="P6861" t="s">
        <v>86</v>
      </c>
      <c r="Q6861">
        <v>45</v>
      </c>
      <c r="R6861">
        <v>46</v>
      </c>
      <c r="S6861">
        <v>46</v>
      </c>
      <c r="T6861">
        <v>47</v>
      </c>
      <c r="U6861">
        <v>47</v>
      </c>
      <c r="V6861">
        <v>48</v>
      </c>
      <c r="W6861">
        <v>48</v>
      </c>
      <c r="X6861">
        <v>49</v>
      </c>
      <c r="Y6861">
        <v>49</v>
      </c>
      <c r="Z6861">
        <v>50</v>
      </c>
      <c r="AA6861">
        <v>50</v>
      </c>
      <c r="AB6861">
        <v>50</v>
      </c>
      <c r="AC6861">
        <v>51</v>
      </c>
      <c r="AD6861">
        <v>51</v>
      </c>
      <c r="AE6861">
        <v>51</v>
      </c>
      <c r="AF6861">
        <v>51</v>
      </c>
      <c r="AG6861">
        <v>52</v>
      </c>
      <c r="AH6861">
        <v>52</v>
      </c>
      <c r="AI6861">
        <v>52</v>
      </c>
      <c r="AJ6861">
        <v>52</v>
      </c>
      <c r="AK6861">
        <v>52</v>
      </c>
      <c r="AL6861">
        <v>52</v>
      </c>
      <c r="AM6861">
        <v>52</v>
      </c>
      <c r="AN6861">
        <v>52</v>
      </c>
      <c r="AO6861">
        <v>51</v>
      </c>
      <c r="AP6861">
        <v>51</v>
      </c>
      <c r="AQ6861">
        <v>51</v>
      </c>
    </row>
    <row r="6862" spans="1:43">
      <c r="A6862" t="s">
        <v>4296</v>
      </c>
      <c r="B6862" t="s">
        <v>4297</v>
      </c>
      <c r="C6862" t="s">
        <v>4298</v>
      </c>
      <c r="D6862" t="s">
        <v>4299</v>
      </c>
      <c r="E6862" t="s">
        <v>4236</v>
      </c>
      <c r="F6862" t="s">
        <v>4237</v>
      </c>
      <c r="G6862" t="s">
        <v>80</v>
      </c>
      <c r="H6862" t="s">
        <v>81</v>
      </c>
      <c r="I6862" s="2">
        <v>1</v>
      </c>
      <c r="J6862" s="2">
        <v>0</v>
      </c>
      <c r="K6862" s="2">
        <v>0</v>
      </c>
      <c r="L6862" t="s">
        <v>120</v>
      </c>
      <c r="M6862" t="s">
        <v>83</v>
      </c>
      <c r="N6862" t="s">
        <v>84</v>
      </c>
      <c r="O6862" t="s">
        <v>85</v>
      </c>
      <c r="P6862" t="s">
        <v>86</v>
      </c>
      <c r="Q6862">
        <v>14</v>
      </c>
      <c r="R6862">
        <v>15</v>
      </c>
      <c r="S6862">
        <v>15</v>
      </c>
      <c r="T6862">
        <v>15</v>
      </c>
      <c r="U6862">
        <v>15</v>
      </c>
      <c r="V6862">
        <v>15</v>
      </c>
      <c r="W6862">
        <v>15</v>
      </c>
      <c r="X6862">
        <v>15</v>
      </c>
      <c r="Y6862">
        <v>16</v>
      </c>
      <c r="Z6862">
        <v>16</v>
      </c>
      <c r="AA6862">
        <v>16</v>
      </c>
      <c r="AB6862">
        <v>16</v>
      </c>
      <c r="AC6862">
        <v>16</v>
      </c>
      <c r="AD6862">
        <v>16</v>
      </c>
      <c r="AE6862">
        <v>16</v>
      </c>
      <c r="AF6862">
        <v>16</v>
      </c>
      <c r="AG6862">
        <v>16</v>
      </c>
      <c r="AH6862">
        <v>16</v>
      </c>
      <c r="AI6862">
        <v>16</v>
      </c>
      <c r="AJ6862">
        <v>16</v>
      </c>
      <c r="AK6862">
        <v>16</v>
      </c>
      <c r="AL6862">
        <v>16</v>
      </c>
      <c r="AM6862">
        <v>16</v>
      </c>
      <c r="AN6862">
        <v>16</v>
      </c>
      <c r="AO6862">
        <v>16</v>
      </c>
      <c r="AP6862">
        <v>16</v>
      </c>
      <c r="AQ6862">
        <v>16</v>
      </c>
    </row>
    <row r="6863" spans="1:43">
      <c r="A6863" t="s">
        <v>4296</v>
      </c>
      <c r="B6863" t="s">
        <v>4297</v>
      </c>
      <c r="C6863" t="s">
        <v>4298</v>
      </c>
      <c r="D6863" t="s">
        <v>4299</v>
      </c>
      <c r="E6863" t="s">
        <v>4236</v>
      </c>
      <c r="F6863" t="s">
        <v>4237</v>
      </c>
      <c r="G6863" t="s">
        <v>80</v>
      </c>
      <c r="H6863" t="s">
        <v>81</v>
      </c>
      <c r="I6863" s="2">
        <v>1</v>
      </c>
      <c r="J6863" s="2">
        <v>0</v>
      </c>
      <c r="K6863" s="2">
        <v>0</v>
      </c>
      <c r="L6863" t="s">
        <v>120</v>
      </c>
      <c r="M6863" t="s">
        <v>87</v>
      </c>
      <c r="N6863" t="s">
        <v>88</v>
      </c>
      <c r="O6863" t="s">
        <v>85</v>
      </c>
      <c r="P6863" t="s">
        <v>86</v>
      </c>
      <c r="Q6863">
        <v>14</v>
      </c>
      <c r="R6863">
        <v>14</v>
      </c>
      <c r="S6863">
        <v>14</v>
      </c>
      <c r="T6863">
        <v>14</v>
      </c>
      <c r="U6863">
        <v>14</v>
      </c>
      <c r="V6863">
        <v>14</v>
      </c>
      <c r="W6863">
        <v>14</v>
      </c>
      <c r="X6863">
        <v>14</v>
      </c>
      <c r="Y6863">
        <v>14</v>
      </c>
      <c r="Z6863">
        <v>14</v>
      </c>
      <c r="AA6863">
        <v>14</v>
      </c>
      <c r="AB6863">
        <v>14</v>
      </c>
      <c r="AC6863">
        <v>14</v>
      </c>
      <c r="AD6863">
        <v>14</v>
      </c>
      <c r="AE6863">
        <v>14</v>
      </c>
      <c r="AF6863">
        <v>14</v>
      </c>
      <c r="AG6863">
        <v>14</v>
      </c>
      <c r="AH6863">
        <v>14</v>
      </c>
      <c r="AI6863">
        <v>14</v>
      </c>
      <c r="AJ6863">
        <v>14</v>
      </c>
      <c r="AK6863">
        <v>14</v>
      </c>
      <c r="AL6863">
        <v>14</v>
      </c>
      <c r="AM6863">
        <v>14</v>
      </c>
      <c r="AN6863">
        <v>14</v>
      </c>
      <c r="AO6863">
        <v>14</v>
      </c>
      <c r="AP6863">
        <v>14</v>
      </c>
      <c r="AQ6863">
        <v>13</v>
      </c>
    </row>
    <row r="6864" spans="1:43">
      <c r="A6864" t="s">
        <v>4296</v>
      </c>
      <c r="B6864" t="s">
        <v>4297</v>
      </c>
      <c r="C6864" t="s">
        <v>4298</v>
      </c>
      <c r="D6864" t="s">
        <v>4299</v>
      </c>
      <c r="E6864" t="s">
        <v>4236</v>
      </c>
      <c r="F6864" t="s">
        <v>4237</v>
      </c>
      <c r="G6864" t="s">
        <v>80</v>
      </c>
      <c r="H6864" t="s">
        <v>81</v>
      </c>
      <c r="I6864" s="2">
        <v>1</v>
      </c>
      <c r="J6864" s="2">
        <v>0</v>
      </c>
      <c r="K6864" s="2">
        <v>0</v>
      </c>
      <c r="L6864" t="s">
        <v>120</v>
      </c>
      <c r="M6864" t="s">
        <v>89</v>
      </c>
      <c r="N6864" t="s">
        <v>90</v>
      </c>
      <c r="O6864" t="s">
        <v>85</v>
      </c>
      <c r="P6864" t="s">
        <v>86</v>
      </c>
      <c r="Q6864">
        <v>14</v>
      </c>
      <c r="R6864">
        <v>14</v>
      </c>
      <c r="S6864">
        <v>14</v>
      </c>
      <c r="T6864">
        <v>14</v>
      </c>
      <c r="U6864">
        <v>15</v>
      </c>
      <c r="V6864">
        <v>15</v>
      </c>
      <c r="W6864">
        <v>15</v>
      </c>
      <c r="X6864">
        <v>15</v>
      </c>
      <c r="Y6864">
        <v>15</v>
      </c>
      <c r="Z6864">
        <v>16</v>
      </c>
      <c r="AA6864">
        <v>16</v>
      </c>
      <c r="AB6864">
        <v>16</v>
      </c>
      <c r="AC6864">
        <v>16</v>
      </c>
      <c r="AD6864">
        <v>16</v>
      </c>
      <c r="AE6864">
        <v>16</v>
      </c>
      <c r="AF6864">
        <v>16</v>
      </c>
      <c r="AG6864">
        <v>16</v>
      </c>
      <c r="AH6864">
        <v>16</v>
      </c>
      <c r="AI6864">
        <v>16</v>
      </c>
      <c r="AJ6864">
        <v>16</v>
      </c>
      <c r="AK6864">
        <v>16</v>
      </c>
      <c r="AL6864">
        <v>15</v>
      </c>
      <c r="AM6864">
        <v>15</v>
      </c>
      <c r="AN6864">
        <v>15</v>
      </c>
      <c r="AO6864">
        <v>15</v>
      </c>
      <c r="AP6864">
        <v>15</v>
      </c>
      <c r="AQ6864">
        <v>15</v>
      </c>
    </row>
    <row r="6865" spans="1:43">
      <c r="A6865" t="s">
        <v>4296</v>
      </c>
      <c r="B6865" t="s">
        <v>4297</v>
      </c>
      <c r="C6865" t="s">
        <v>4298</v>
      </c>
      <c r="D6865" t="s">
        <v>4299</v>
      </c>
      <c r="E6865" t="s">
        <v>4236</v>
      </c>
      <c r="F6865" t="s">
        <v>4237</v>
      </c>
      <c r="G6865" t="s">
        <v>80</v>
      </c>
      <c r="H6865" t="s">
        <v>81</v>
      </c>
      <c r="I6865" s="2">
        <v>1</v>
      </c>
      <c r="J6865" s="2">
        <v>0</v>
      </c>
      <c r="K6865" s="2">
        <v>0</v>
      </c>
      <c r="L6865" t="s">
        <v>120</v>
      </c>
      <c r="M6865" t="s">
        <v>83</v>
      </c>
      <c r="N6865" t="s">
        <v>91</v>
      </c>
      <c r="O6865" t="s">
        <v>85</v>
      </c>
      <c r="P6865" t="s">
        <v>86</v>
      </c>
      <c r="Q6865">
        <v>14</v>
      </c>
      <c r="R6865">
        <v>15</v>
      </c>
      <c r="S6865">
        <v>15</v>
      </c>
      <c r="T6865">
        <v>15</v>
      </c>
      <c r="U6865">
        <v>15</v>
      </c>
      <c r="V6865">
        <v>15</v>
      </c>
      <c r="W6865">
        <v>15</v>
      </c>
      <c r="X6865">
        <v>15</v>
      </c>
      <c r="Y6865">
        <v>16</v>
      </c>
      <c r="Z6865">
        <v>16</v>
      </c>
      <c r="AA6865">
        <v>16</v>
      </c>
      <c r="AB6865">
        <v>16</v>
      </c>
      <c r="AC6865">
        <v>16</v>
      </c>
      <c r="AD6865">
        <v>16</v>
      </c>
      <c r="AE6865">
        <v>16</v>
      </c>
      <c r="AF6865">
        <v>16</v>
      </c>
      <c r="AG6865">
        <v>16</v>
      </c>
      <c r="AH6865">
        <v>16</v>
      </c>
      <c r="AI6865">
        <v>16</v>
      </c>
      <c r="AJ6865">
        <v>16</v>
      </c>
      <c r="AK6865">
        <v>16</v>
      </c>
      <c r="AL6865">
        <v>16</v>
      </c>
      <c r="AM6865">
        <v>16</v>
      </c>
      <c r="AN6865">
        <v>16</v>
      </c>
      <c r="AO6865">
        <v>16</v>
      </c>
      <c r="AP6865">
        <v>16</v>
      </c>
      <c r="AQ6865">
        <v>16</v>
      </c>
    </row>
    <row r="6866" spans="1:43">
      <c r="A6866" t="s">
        <v>4300</v>
      </c>
      <c r="B6866" t="s">
        <v>4301</v>
      </c>
      <c r="C6866" t="s">
        <v>4292</v>
      </c>
      <c r="D6866" t="s">
        <v>4293</v>
      </c>
      <c r="E6866" t="s">
        <v>4236</v>
      </c>
      <c r="F6866" t="s">
        <v>4237</v>
      </c>
      <c r="G6866" t="s">
        <v>80</v>
      </c>
      <c r="H6866" t="s">
        <v>81</v>
      </c>
      <c r="I6866" s="2">
        <v>1</v>
      </c>
      <c r="J6866" s="2">
        <v>0</v>
      </c>
      <c r="K6866" s="2">
        <v>0</v>
      </c>
      <c r="L6866" t="s">
        <v>120</v>
      </c>
      <c r="M6866" t="s">
        <v>83</v>
      </c>
      <c r="N6866" t="s">
        <v>84</v>
      </c>
      <c r="O6866" t="s">
        <v>85</v>
      </c>
      <c r="P6866" t="s">
        <v>86</v>
      </c>
      <c r="Q6866">
        <v>70</v>
      </c>
      <c r="R6866">
        <v>71</v>
      </c>
      <c r="S6866">
        <v>72</v>
      </c>
      <c r="T6866">
        <v>72</v>
      </c>
      <c r="U6866">
        <v>73</v>
      </c>
      <c r="V6866">
        <v>74</v>
      </c>
      <c r="W6866">
        <v>74</v>
      </c>
      <c r="X6866">
        <v>75</v>
      </c>
      <c r="Y6866">
        <v>75</v>
      </c>
      <c r="Z6866">
        <v>76</v>
      </c>
      <c r="AA6866">
        <v>76</v>
      </c>
      <c r="AB6866">
        <v>77</v>
      </c>
      <c r="AC6866">
        <v>77</v>
      </c>
      <c r="AD6866">
        <v>77</v>
      </c>
      <c r="AE6866">
        <v>78</v>
      </c>
      <c r="AF6866">
        <v>78</v>
      </c>
      <c r="AG6866">
        <v>78</v>
      </c>
      <c r="AH6866">
        <v>78</v>
      </c>
      <c r="AI6866">
        <v>79</v>
      </c>
      <c r="AJ6866">
        <v>79</v>
      </c>
      <c r="AK6866">
        <v>79</v>
      </c>
      <c r="AL6866">
        <v>78</v>
      </c>
      <c r="AM6866">
        <v>78</v>
      </c>
      <c r="AN6866">
        <v>77</v>
      </c>
      <c r="AO6866">
        <v>76</v>
      </c>
      <c r="AP6866">
        <v>76</v>
      </c>
      <c r="AQ6866">
        <v>75</v>
      </c>
    </row>
    <row r="6867" spans="1:43">
      <c r="A6867" t="s">
        <v>4300</v>
      </c>
      <c r="B6867" t="s">
        <v>4301</v>
      </c>
      <c r="C6867" t="s">
        <v>4292</v>
      </c>
      <c r="D6867" t="s">
        <v>4293</v>
      </c>
      <c r="E6867" t="s">
        <v>4236</v>
      </c>
      <c r="F6867" t="s">
        <v>4237</v>
      </c>
      <c r="G6867" t="s">
        <v>80</v>
      </c>
      <c r="H6867" t="s">
        <v>81</v>
      </c>
      <c r="I6867" s="2">
        <v>1</v>
      </c>
      <c r="J6867" s="2">
        <v>0</v>
      </c>
      <c r="K6867" s="2">
        <v>0</v>
      </c>
      <c r="L6867" t="s">
        <v>120</v>
      </c>
      <c r="M6867" t="s">
        <v>87</v>
      </c>
      <c r="N6867" t="s">
        <v>88</v>
      </c>
      <c r="O6867" t="s">
        <v>85</v>
      </c>
      <c r="P6867" t="s">
        <v>86</v>
      </c>
      <c r="Q6867">
        <v>70</v>
      </c>
      <c r="R6867">
        <v>70</v>
      </c>
      <c r="S6867">
        <v>70</v>
      </c>
      <c r="T6867">
        <v>70</v>
      </c>
      <c r="U6867">
        <v>70</v>
      </c>
      <c r="V6867">
        <v>70</v>
      </c>
      <c r="W6867">
        <v>70</v>
      </c>
      <c r="X6867">
        <v>70</v>
      </c>
      <c r="Y6867">
        <v>70</v>
      </c>
      <c r="Z6867">
        <v>70</v>
      </c>
      <c r="AA6867">
        <v>70</v>
      </c>
      <c r="AB6867">
        <v>69</v>
      </c>
      <c r="AC6867">
        <v>69</v>
      </c>
      <c r="AD6867">
        <v>69</v>
      </c>
      <c r="AE6867">
        <v>69</v>
      </c>
      <c r="AF6867">
        <v>69</v>
      </c>
      <c r="AG6867">
        <v>68</v>
      </c>
      <c r="AH6867">
        <v>68</v>
      </c>
      <c r="AI6867">
        <v>68</v>
      </c>
      <c r="AJ6867">
        <v>68</v>
      </c>
      <c r="AK6867">
        <v>67</v>
      </c>
      <c r="AL6867">
        <v>67</v>
      </c>
      <c r="AM6867">
        <v>67</v>
      </c>
      <c r="AN6867">
        <v>66</v>
      </c>
      <c r="AO6867">
        <v>66</v>
      </c>
      <c r="AP6867">
        <v>66</v>
      </c>
      <c r="AQ6867">
        <v>65</v>
      </c>
    </row>
    <row r="6868" spans="1:43">
      <c r="A6868" t="s">
        <v>4300</v>
      </c>
      <c r="B6868" t="s">
        <v>4301</v>
      </c>
      <c r="C6868" t="s">
        <v>4292</v>
      </c>
      <c r="D6868" t="s">
        <v>4293</v>
      </c>
      <c r="E6868" t="s">
        <v>4236</v>
      </c>
      <c r="F6868" t="s">
        <v>4237</v>
      </c>
      <c r="G6868" t="s">
        <v>80</v>
      </c>
      <c r="H6868" t="s">
        <v>81</v>
      </c>
      <c r="I6868" s="2">
        <v>1</v>
      </c>
      <c r="J6868" s="2">
        <v>0</v>
      </c>
      <c r="K6868" s="2">
        <v>0</v>
      </c>
      <c r="L6868" t="s">
        <v>120</v>
      </c>
      <c r="M6868" t="s">
        <v>89</v>
      </c>
      <c r="N6868" t="s">
        <v>90</v>
      </c>
      <c r="O6868" t="s">
        <v>85</v>
      </c>
      <c r="P6868" t="s">
        <v>86</v>
      </c>
      <c r="Q6868">
        <v>70</v>
      </c>
      <c r="R6868">
        <v>71</v>
      </c>
      <c r="S6868">
        <v>73</v>
      </c>
      <c r="T6868">
        <v>74</v>
      </c>
      <c r="U6868">
        <v>75</v>
      </c>
      <c r="V6868">
        <v>76</v>
      </c>
      <c r="W6868">
        <v>77</v>
      </c>
      <c r="X6868">
        <v>78</v>
      </c>
      <c r="Y6868">
        <v>79</v>
      </c>
      <c r="Z6868">
        <v>80</v>
      </c>
      <c r="AA6868">
        <v>80</v>
      </c>
      <c r="AB6868">
        <v>81</v>
      </c>
      <c r="AC6868">
        <v>82</v>
      </c>
      <c r="AD6868">
        <v>82</v>
      </c>
      <c r="AE6868">
        <v>82</v>
      </c>
      <c r="AF6868">
        <v>82</v>
      </c>
      <c r="AG6868">
        <v>81</v>
      </c>
      <c r="AH6868">
        <v>81</v>
      </c>
      <c r="AI6868">
        <v>80</v>
      </c>
      <c r="AJ6868">
        <v>79</v>
      </c>
      <c r="AK6868">
        <v>79</v>
      </c>
      <c r="AL6868">
        <v>78</v>
      </c>
      <c r="AM6868">
        <v>77</v>
      </c>
      <c r="AN6868">
        <v>77</v>
      </c>
      <c r="AO6868">
        <v>76</v>
      </c>
      <c r="AP6868">
        <v>75</v>
      </c>
      <c r="AQ6868">
        <v>75</v>
      </c>
    </row>
    <row r="6869" spans="1:43">
      <c r="A6869" t="s">
        <v>4300</v>
      </c>
      <c r="B6869" t="s">
        <v>4301</v>
      </c>
      <c r="C6869" t="s">
        <v>4292</v>
      </c>
      <c r="D6869" t="s">
        <v>4293</v>
      </c>
      <c r="E6869" t="s">
        <v>4236</v>
      </c>
      <c r="F6869" t="s">
        <v>4237</v>
      </c>
      <c r="G6869" t="s">
        <v>80</v>
      </c>
      <c r="H6869" t="s">
        <v>81</v>
      </c>
      <c r="I6869" s="2">
        <v>1</v>
      </c>
      <c r="J6869" s="2">
        <v>0</v>
      </c>
      <c r="K6869" s="2">
        <v>0</v>
      </c>
      <c r="L6869" t="s">
        <v>120</v>
      </c>
      <c r="M6869" t="s">
        <v>83</v>
      </c>
      <c r="N6869" t="s">
        <v>91</v>
      </c>
      <c r="O6869" t="s">
        <v>85</v>
      </c>
      <c r="P6869" t="s">
        <v>86</v>
      </c>
      <c r="Q6869">
        <v>70</v>
      </c>
      <c r="R6869">
        <v>71</v>
      </c>
      <c r="S6869">
        <v>72</v>
      </c>
      <c r="T6869">
        <v>72</v>
      </c>
      <c r="U6869">
        <v>73</v>
      </c>
      <c r="V6869">
        <v>74</v>
      </c>
      <c r="W6869">
        <v>74</v>
      </c>
      <c r="X6869">
        <v>75</v>
      </c>
      <c r="Y6869">
        <v>75</v>
      </c>
      <c r="Z6869">
        <v>76</v>
      </c>
      <c r="AA6869">
        <v>76</v>
      </c>
      <c r="AB6869">
        <v>77</v>
      </c>
      <c r="AC6869">
        <v>77</v>
      </c>
      <c r="AD6869">
        <v>77</v>
      </c>
      <c r="AE6869">
        <v>78</v>
      </c>
      <c r="AF6869">
        <v>78</v>
      </c>
      <c r="AG6869">
        <v>78</v>
      </c>
      <c r="AH6869">
        <v>78</v>
      </c>
      <c r="AI6869">
        <v>79</v>
      </c>
      <c r="AJ6869">
        <v>79</v>
      </c>
      <c r="AK6869">
        <v>79</v>
      </c>
      <c r="AL6869">
        <v>78</v>
      </c>
      <c r="AM6869">
        <v>78</v>
      </c>
      <c r="AN6869">
        <v>77</v>
      </c>
      <c r="AO6869">
        <v>76</v>
      </c>
      <c r="AP6869">
        <v>76</v>
      </c>
      <c r="AQ6869">
        <v>75</v>
      </c>
    </row>
    <row r="6870" spans="1:43">
      <c r="A6870" t="s">
        <v>4302</v>
      </c>
      <c r="B6870" t="s">
        <v>4303</v>
      </c>
      <c r="C6870" t="s">
        <v>4298</v>
      </c>
      <c r="D6870" t="s">
        <v>4299</v>
      </c>
      <c r="E6870" t="s">
        <v>4236</v>
      </c>
      <c r="F6870" t="s">
        <v>4237</v>
      </c>
      <c r="G6870" t="s">
        <v>80</v>
      </c>
      <c r="H6870" t="s">
        <v>81</v>
      </c>
      <c r="I6870" s="2">
        <v>1</v>
      </c>
      <c r="J6870" s="2">
        <v>0</v>
      </c>
      <c r="K6870" s="2">
        <v>0</v>
      </c>
      <c r="L6870" t="s">
        <v>120</v>
      </c>
      <c r="M6870" t="s">
        <v>83</v>
      </c>
      <c r="N6870" t="s">
        <v>84</v>
      </c>
      <c r="O6870" t="s">
        <v>85</v>
      </c>
      <c r="P6870" t="s">
        <v>86</v>
      </c>
      <c r="Q6870">
        <v>78</v>
      </c>
      <c r="R6870">
        <v>79</v>
      </c>
      <c r="S6870">
        <v>80</v>
      </c>
      <c r="T6870">
        <v>80</v>
      </c>
      <c r="U6870">
        <v>81</v>
      </c>
      <c r="V6870">
        <v>82</v>
      </c>
      <c r="W6870">
        <v>83</v>
      </c>
      <c r="X6870">
        <v>83</v>
      </c>
      <c r="Y6870">
        <v>84</v>
      </c>
      <c r="Z6870">
        <v>84</v>
      </c>
      <c r="AA6870">
        <v>85</v>
      </c>
      <c r="AB6870">
        <v>85</v>
      </c>
      <c r="AC6870">
        <v>86</v>
      </c>
      <c r="AD6870">
        <v>86</v>
      </c>
      <c r="AE6870">
        <v>87</v>
      </c>
      <c r="AF6870">
        <v>87</v>
      </c>
      <c r="AG6870">
        <v>87</v>
      </c>
      <c r="AH6870">
        <v>87</v>
      </c>
      <c r="AI6870">
        <v>88</v>
      </c>
      <c r="AJ6870">
        <v>88</v>
      </c>
      <c r="AK6870">
        <v>88</v>
      </c>
      <c r="AL6870">
        <v>88</v>
      </c>
      <c r="AM6870">
        <v>87</v>
      </c>
      <c r="AN6870">
        <v>86</v>
      </c>
      <c r="AO6870">
        <v>85</v>
      </c>
      <c r="AP6870">
        <v>85</v>
      </c>
      <c r="AQ6870">
        <v>84</v>
      </c>
    </row>
    <row r="6871" spans="1:43">
      <c r="A6871" t="s">
        <v>4302</v>
      </c>
      <c r="B6871" t="s">
        <v>4303</v>
      </c>
      <c r="C6871" t="s">
        <v>4298</v>
      </c>
      <c r="D6871" t="s">
        <v>4299</v>
      </c>
      <c r="E6871" t="s">
        <v>4236</v>
      </c>
      <c r="F6871" t="s">
        <v>4237</v>
      </c>
      <c r="G6871" t="s">
        <v>80</v>
      </c>
      <c r="H6871" t="s">
        <v>81</v>
      </c>
      <c r="I6871" s="2">
        <v>1</v>
      </c>
      <c r="J6871" s="2">
        <v>0</v>
      </c>
      <c r="K6871" s="2">
        <v>0</v>
      </c>
      <c r="L6871" t="s">
        <v>120</v>
      </c>
      <c r="M6871" t="s">
        <v>87</v>
      </c>
      <c r="N6871" t="s">
        <v>88</v>
      </c>
      <c r="O6871" t="s">
        <v>85</v>
      </c>
      <c r="P6871" t="s">
        <v>86</v>
      </c>
      <c r="Q6871">
        <v>78</v>
      </c>
      <c r="R6871">
        <v>78</v>
      </c>
      <c r="S6871">
        <v>78</v>
      </c>
      <c r="T6871">
        <v>78</v>
      </c>
      <c r="U6871">
        <v>79</v>
      </c>
      <c r="V6871">
        <v>79</v>
      </c>
      <c r="W6871">
        <v>79</v>
      </c>
      <c r="X6871">
        <v>79</v>
      </c>
      <c r="Y6871">
        <v>79</v>
      </c>
      <c r="Z6871">
        <v>78</v>
      </c>
      <c r="AA6871">
        <v>78</v>
      </c>
      <c r="AB6871">
        <v>78</v>
      </c>
      <c r="AC6871">
        <v>78</v>
      </c>
      <c r="AD6871">
        <v>78</v>
      </c>
      <c r="AE6871">
        <v>78</v>
      </c>
      <c r="AF6871">
        <v>77</v>
      </c>
      <c r="AG6871">
        <v>77</v>
      </c>
      <c r="AH6871">
        <v>77</v>
      </c>
      <c r="AI6871">
        <v>77</v>
      </c>
      <c r="AJ6871">
        <v>76</v>
      </c>
      <c r="AK6871">
        <v>76</v>
      </c>
      <c r="AL6871">
        <v>76</v>
      </c>
      <c r="AM6871">
        <v>75</v>
      </c>
      <c r="AN6871">
        <v>75</v>
      </c>
      <c r="AO6871">
        <v>75</v>
      </c>
      <c r="AP6871">
        <v>74</v>
      </c>
      <c r="AQ6871">
        <v>74</v>
      </c>
    </row>
    <row r="6872" spans="1:43">
      <c r="A6872" t="s">
        <v>4302</v>
      </c>
      <c r="B6872" t="s">
        <v>4303</v>
      </c>
      <c r="C6872" t="s">
        <v>4298</v>
      </c>
      <c r="D6872" t="s">
        <v>4299</v>
      </c>
      <c r="E6872" t="s">
        <v>4236</v>
      </c>
      <c r="F6872" t="s">
        <v>4237</v>
      </c>
      <c r="G6872" t="s">
        <v>80</v>
      </c>
      <c r="H6872" t="s">
        <v>81</v>
      </c>
      <c r="I6872" s="2">
        <v>1</v>
      </c>
      <c r="J6872" s="2">
        <v>0</v>
      </c>
      <c r="K6872" s="2">
        <v>0</v>
      </c>
      <c r="L6872" t="s">
        <v>120</v>
      </c>
      <c r="M6872" t="s">
        <v>89</v>
      </c>
      <c r="N6872" t="s">
        <v>90</v>
      </c>
      <c r="O6872" t="s">
        <v>85</v>
      </c>
      <c r="P6872" t="s">
        <v>86</v>
      </c>
      <c r="Q6872">
        <v>78</v>
      </c>
      <c r="R6872">
        <v>79</v>
      </c>
      <c r="S6872">
        <v>81</v>
      </c>
      <c r="T6872">
        <v>82</v>
      </c>
      <c r="U6872">
        <v>83</v>
      </c>
      <c r="V6872">
        <v>85</v>
      </c>
      <c r="W6872">
        <v>86</v>
      </c>
      <c r="X6872">
        <v>87</v>
      </c>
      <c r="Y6872">
        <v>88</v>
      </c>
      <c r="Z6872">
        <v>89</v>
      </c>
      <c r="AA6872">
        <v>89</v>
      </c>
      <c r="AB6872">
        <v>90</v>
      </c>
      <c r="AC6872">
        <v>91</v>
      </c>
      <c r="AD6872">
        <v>92</v>
      </c>
      <c r="AE6872">
        <v>92</v>
      </c>
      <c r="AF6872">
        <v>91</v>
      </c>
      <c r="AG6872">
        <v>91</v>
      </c>
      <c r="AH6872">
        <v>90</v>
      </c>
      <c r="AI6872">
        <v>89</v>
      </c>
      <c r="AJ6872">
        <v>89</v>
      </c>
      <c r="AK6872">
        <v>88</v>
      </c>
      <c r="AL6872">
        <v>87</v>
      </c>
      <c r="AM6872">
        <v>87</v>
      </c>
      <c r="AN6872">
        <v>86</v>
      </c>
      <c r="AO6872">
        <v>85</v>
      </c>
      <c r="AP6872">
        <v>85</v>
      </c>
      <c r="AQ6872">
        <v>84</v>
      </c>
    </row>
    <row r="6873" spans="1:43">
      <c r="A6873" t="s">
        <v>4302</v>
      </c>
      <c r="B6873" t="s">
        <v>4303</v>
      </c>
      <c r="C6873" t="s">
        <v>4298</v>
      </c>
      <c r="D6873" t="s">
        <v>4299</v>
      </c>
      <c r="E6873" t="s">
        <v>4236</v>
      </c>
      <c r="F6873" t="s">
        <v>4237</v>
      </c>
      <c r="G6873" t="s">
        <v>80</v>
      </c>
      <c r="H6873" t="s">
        <v>81</v>
      </c>
      <c r="I6873" s="2">
        <v>1</v>
      </c>
      <c r="J6873" s="2">
        <v>0</v>
      </c>
      <c r="K6873" s="2">
        <v>0</v>
      </c>
      <c r="L6873" t="s">
        <v>120</v>
      </c>
      <c r="M6873" t="s">
        <v>83</v>
      </c>
      <c r="N6873" t="s">
        <v>91</v>
      </c>
      <c r="O6873" t="s">
        <v>85</v>
      </c>
      <c r="P6873" t="s">
        <v>86</v>
      </c>
      <c r="Q6873">
        <v>78</v>
      </c>
      <c r="R6873">
        <v>79</v>
      </c>
      <c r="S6873">
        <v>80</v>
      </c>
      <c r="T6873">
        <v>80</v>
      </c>
      <c r="U6873">
        <v>81</v>
      </c>
      <c r="V6873">
        <v>82</v>
      </c>
      <c r="W6873">
        <v>83</v>
      </c>
      <c r="X6873">
        <v>83</v>
      </c>
      <c r="Y6873">
        <v>84</v>
      </c>
      <c r="Z6873">
        <v>84</v>
      </c>
      <c r="AA6873">
        <v>85</v>
      </c>
      <c r="AB6873">
        <v>85</v>
      </c>
      <c r="AC6873">
        <v>86</v>
      </c>
      <c r="AD6873">
        <v>86</v>
      </c>
      <c r="AE6873">
        <v>87</v>
      </c>
      <c r="AF6873">
        <v>87</v>
      </c>
      <c r="AG6873">
        <v>87</v>
      </c>
      <c r="AH6873">
        <v>87</v>
      </c>
      <c r="AI6873">
        <v>88</v>
      </c>
      <c r="AJ6873">
        <v>88</v>
      </c>
      <c r="AK6873">
        <v>88</v>
      </c>
      <c r="AL6873">
        <v>88</v>
      </c>
      <c r="AM6873">
        <v>87</v>
      </c>
      <c r="AN6873">
        <v>86</v>
      </c>
      <c r="AO6873">
        <v>85</v>
      </c>
      <c r="AP6873">
        <v>85</v>
      </c>
      <c r="AQ6873">
        <v>84</v>
      </c>
    </row>
    <row r="6874" spans="1:43">
      <c r="A6874" t="s">
        <v>4304</v>
      </c>
      <c r="B6874" t="s">
        <v>4305</v>
      </c>
      <c r="C6874" t="s">
        <v>4292</v>
      </c>
      <c r="D6874" t="s">
        <v>4293</v>
      </c>
      <c r="E6874" t="s">
        <v>4236</v>
      </c>
      <c r="F6874" t="s">
        <v>4237</v>
      </c>
      <c r="G6874" t="s">
        <v>80</v>
      </c>
      <c r="H6874" t="s">
        <v>81</v>
      </c>
      <c r="I6874" s="2">
        <v>1</v>
      </c>
      <c r="J6874" s="2">
        <v>0</v>
      </c>
      <c r="K6874" s="2">
        <v>0</v>
      </c>
      <c r="L6874" t="s">
        <v>120</v>
      </c>
      <c r="M6874" t="s">
        <v>83</v>
      </c>
      <c r="N6874" t="s">
        <v>84</v>
      </c>
      <c r="O6874" t="s">
        <v>85</v>
      </c>
      <c r="P6874" t="s">
        <v>86</v>
      </c>
      <c r="Q6874">
        <v>65</v>
      </c>
      <c r="R6874">
        <v>66</v>
      </c>
      <c r="S6874">
        <v>67</v>
      </c>
      <c r="T6874">
        <v>68</v>
      </c>
      <c r="U6874">
        <v>68</v>
      </c>
      <c r="V6874">
        <v>69</v>
      </c>
      <c r="W6874">
        <v>70</v>
      </c>
      <c r="X6874">
        <v>70</v>
      </c>
      <c r="Y6874">
        <v>71</v>
      </c>
      <c r="Z6874">
        <v>71</v>
      </c>
      <c r="AA6874">
        <v>72</v>
      </c>
      <c r="AB6874">
        <v>72</v>
      </c>
      <c r="AC6874">
        <v>73</v>
      </c>
      <c r="AD6874">
        <v>73</v>
      </c>
      <c r="AE6874">
        <v>73</v>
      </c>
      <c r="AF6874">
        <v>74</v>
      </c>
      <c r="AG6874">
        <v>74</v>
      </c>
      <c r="AH6874">
        <v>74</v>
      </c>
      <c r="AI6874">
        <v>75</v>
      </c>
      <c r="AJ6874">
        <v>75</v>
      </c>
      <c r="AK6874">
        <v>75</v>
      </c>
      <c r="AL6874">
        <v>75</v>
      </c>
      <c r="AM6874">
        <v>74</v>
      </c>
      <c r="AN6874">
        <v>74</v>
      </c>
      <c r="AO6874">
        <v>73</v>
      </c>
      <c r="AP6874">
        <v>73</v>
      </c>
      <c r="AQ6874">
        <v>72</v>
      </c>
    </row>
    <row r="6875" spans="1:43">
      <c r="A6875" t="s">
        <v>4304</v>
      </c>
      <c r="B6875" t="s">
        <v>4305</v>
      </c>
      <c r="C6875" t="s">
        <v>4292</v>
      </c>
      <c r="D6875" t="s">
        <v>4293</v>
      </c>
      <c r="E6875" t="s">
        <v>4236</v>
      </c>
      <c r="F6875" t="s">
        <v>4237</v>
      </c>
      <c r="G6875" t="s">
        <v>80</v>
      </c>
      <c r="H6875" t="s">
        <v>81</v>
      </c>
      <c r="I6875" s="2">
        <v>1</v>
      </c>
      <c r="J6875" s="2">
        <v>0</v>
      </c>
      <c r="K6875" s="2">
        <v>0</v>
      </c>
      <c r="L6875" t="s">
        <v>120</v>
      </c>
      <c r="M6875" t="s">
        <v>87</v>
      </c>
      <c r="N6875" t="s">
        <v>88</v>
      </c>
      <c r="O6875" t="s">
        <v>85</v>
      </c>
      <c r="P6875" t="s">
        <v>86</v>
      </c>
      <c r="Q6875">
        <v>65</v>
      </c>
      <c r="R6875">
        <v>65</v>
      </c>
      <c r="S6875">
        <v>65</v>
      </c>
      <c r="T6875">
        <v>65</v>
      </c>
      <c r="U6875">
        <v>65</v>
      </c>
      <c r="V6875">
        <v>65</v>
      </c>
      <c r="W6875">
        <v>66</v>
      </c>
      <c r="X6875">
        <v>66</v>
      </c>
      <c r="Y6875">
        <v>66</v>
      </c>
      <c r="Z6875">
        <v>66</v>
      </c>
      <c r="AA6875">
        <v>66</v>
      </c>
      <c r="AB6875">
        <v>66</v>
      </c>
      <c r="AC6875">
        <v>65</v>
      </c>
      <c r="AD6875">
        <v>65</v>
      </c>
      <c r="AE6875">
        <v>65</v>
      </c>
      <c r="AF6875">
        <v>65</v>
      </c>
      <c r="AG6875">
        <v>65</v>
      </c>
      <c r="AH6875">
        <v>65</v>
      </c>
      <c r="AI6875">
        <v>65</v>
      </c>
      <c r="AJ6875">
        <v>65</v>
      </c>
      <c r="AK6875">
        <v>64</v>
      </c>
      <c r="AL6875">
        <v>64</v>
      </c>
      <c r="AM6875">
        <v>64</v>
      </c>
      <c r="AN6875">
        <v>64</v>
      </c>
      <c r="AO6875">
        <v>63</v>
      </c>
      <c r="AP6875">
        <v>63</v>
      </c>
      <c r="AQ6875">
        <v>63</v>
      </c>
    </row>
    <row r="6876" spans="1:43">
      <c r="A6876" t="s">
        <v>4304</v>
      </c>
      <c r="B6876" t="s">
        <v>4305</v>
      </c>
      <c r="C6876" t="s">
        <v>4292</v>
      </c>
      <c r="D6876" t="s">
        <v>4293</v>
      </c>
      <c r="E6876" t="s">
        <v>4236</v>
      </c>
      <c r="F6876" t="s">
        <v>4237</v>
      </c>
      <c r="G6876" t="s">
        <v>80</v>
      </c>
      <c r="H6876" t="s">
        <v>81</v>
      </c>
      <c r="I6876" s="2">
        <v>1</v>
      </c>
      <c r="J6876" s="2">
        <v>0</v>
      </c>
      <c r="K6876" s="2">
        <v>0</v>
      </c>
      <c r="L6876" t="s">
        <v>120</v>
      </c>
      <c r="M6876" t="s">
        <v>89</v>
      </c>
      <c r="N6876" t="s">
        <v>90</v>
      </c>
      <c r="O6876" t="s">
        <v>85</v>
      </c>
      <c r="P6876" t="s">
        <v>86</v>
      </c>
      <c r="Q6876">
        <v>65</v>
      </c>
      <c r="R6876">
        <v>66</v>
      </c>
      <c r="S6876">
        <v>68</v>
      </c>
      <c r="T6876">
        <v>69</v>
      </c>
      <c r="U6876">
        <v>70</v>
      </c>
      <c r="V6876">
        <v>71</v>
      </c>
      <c r="W6876">
        <v>72</v>
      </c>
      <c r="X6876">
        <v>73</v>
      </c>
      <c r="Y6876">
        <v>74</v>
      </c>
      <c r="Z6876">
        <v>75</v>
      </c>
      <c r="AA6876">
        <v>75</v>
      </c>
      <c r="AB6876">
        <v>76</v>
      </c>
      <c r="AC6876">
        <v>77</v>
      </c>
      <c r="AD6876">
        <v>78</v>
      </c>
      <c r="AE6876">
        <v>78</v>
      </c>
      <c r="AF6876">
        <v>77</v>
      </c>
      <c r="AG6876">
        <v>77</v>
      </c>
      <c r="AH6876">
        <v>77</v>
      </c>
      <c r="AI6876">
        <v>76</v>
      </c>
      <c r="AJ6876">
        <v>76</v>
      </c>
      <c r="AK6876">
        <v>75</v>
      </c>
      <c r="AL6876">
        <v>75</v>
      </c>
      <c r="AM6876">
        <v>74</v>
      </c>
      <c r="AN6876">
        <v>74</v>
      </c>
      <c r="AO6876">
        <v>73</v>
      </c>
      <c r="AP6876">
        <v>73</v>
      </c>
      <c r="AQ6876">
        <v>72</v>
      </c>
    </row>
    <row r="6877" spans="1:43">
      <c r="A6877" t="s">
        <v>4304</v>
      </c>
      <c r="B6877" t="s">
        <v>4305</v>
      </c>
      <c r="C6877" t="s">
        <v>4292</v>
      </c>
      <c r="D6877" t="s">
        <v>4293</v>
      </c>
      <c r="E6877" t="s">
        <v>4236</v>
      </c>
      <c r="F6877" t="s">
        <v>4237</v>
      </c>
      <c r="G6877" t="s">
        <v>80</v>
      </c>
      <c r="H6877" t="s">
        <v>81</v>
      </c>
      <c r="I6877" s="2">
        <v>1</v>
      </c>
      <c r="J6877" s="2">
        <v>0</v>
      </c>
      <c r="K6877" s="2">
        <v>0</v>
      </c>
      <c r="L6877" t="s">
        <v>120</v>
      </c>
      <c r="M6877" t="s">
        <v>83</v>
      </c>
      <c r="N6877" t="s">
        <v>91</v>
      </c>
      <c r="O6877" t="s">
        <v>85</v>
      </c>
      <c r="P6877" t="s">
        <v>86</v>
      </c>
      <c r="Q6877">
        <v>65</v>
      </c>
      <c r="R6877">
        <v>66</v>
      </c>
      <c r="S6877">
        <v>67</v>
      </c>
      <c r="T6877">
        <v>68</v>
      </c>
      <c r="U6877">
        <v>68</v>
      </c>
      <c r="V6877">
        <v>69</v>
      </c>
      <c r="W6877">
        <v>70</v>
      </c>
      <c r="X6877">
        <v>70</v>
      </c>
      <c r="Y6877">
        <v>71</v>
      </c>
      <c r="Z6877">
        <v>71</v>
      </c>
      <c r="AA6877">
        <v>72</v>
      </c>
      <c r="AB6877">
        <v>72</v>
      </c>
      <c r="AC6877">
        <v>73</v>
      </c>
      <c r="AD6877">
        <v>73</v>
      </c>
      <c r="AE6877">
        <v>73</v>
      </c>
      <c r="AF6877">
        <v>74</v>
      </c>
      <c r="AG6877">
        <v>74</v>
      </c>
      <c r="AH6877">
        <v>74</v>
      </c>
      <c r="AI6877">
        <v>75</v>
      </c>
      <c r="AJ6877">
        <v>75</v>
      </c>
      <c r="AK6877">
        <v>75</v>
      </c>
      <c r="AL6877">
        <v>75</v>
      </c>
      <c r="AM6877">
        <v>74</v>
      </c>
      <c r="AN6877">
        <v>74</v>
      </c>
      <c r="AO6877">
        <v>73</v>
      </c>
      <c r="AP6877">
        <v>73</v>
      </c>
      <c r="AQ6877">
        <v>72</v>
      </c>
    </row>
    <row r="6878" spans="1:43">
      <c r="A6878" t="s">
        <v>4306</v>
      </c>
      <c r="B6878" t="s">
        <v>4307</v>
      </c>
      <c r="C6878" t="s">
        <v>4298</v>
      </c>
      <c r="D6878" t="s">
        <v>4299</v>
      </c>
      <c r="E6878" t="s">
        <v>4236</v>
      </c>
      <c r="F6878" t="s">
        <v>4237</v>
      </c>
      <c r="G6878" t="s">
        <v>80</v>
      </c>
      <c r="H6878" t="s">
        <v>81</v>
      </c>
      <c r="I6878" s="2">
        <v>1</v>
      </c>
      <c r="J6878" s="2">
        <v>0</v>
      </c>
      <c r="K6878" s="2">
        <v>0</v>
      </c>
      <c r="L6878" t="s">
        <v>120</v>
      </c>
      <c r="M6878" t="s">
        <v>83</v>
      </c>
      <c r="N6878" t="s">
        <v>84</v>
      </c>
      <c r="O6878" t="s">
        <v>85</v>
      </c>
      <c r="P6878" t="s">
        <v>86</v>
      </c>
      <c r="Q6878">
        <v>111</v>
      </c>
      <c r="R6878">
        <v>112</v>
      </c>
      <c r="S6878">
        <v>113</v>
      </c>
      <c r="T6878">
        <v>114</v>
      </c>
      <c r="U6878">
        <v>116</v>
      </c>
      <c r="V6878">
        <v>117</v>
      </c>
      <c r="W6878">
        <v>118</v>
      </c>
      <c r="X6878">
        <v>119</v>
      </c>
      <c r="Y6878">
        <v>120</v>
      </c>
      <c r="Z6878">
        <v>121</v>
      </c>
      <c r="AA6878">
        <v>121</v>
      </c>
      <c r="AB6878">
        <v>122</v>
      </c>
      <c r="AC6878">
        <v>123</v>
      </c>
      <c r="AD6878">
        <v>124</v>
      </c>
      <c r="AE6878">
        <v>124</v>
      </c>
      <c r="AF6878">
        <v>125</v>
      </c>
      <c r="AG6878">
        <v>125</v>
      </c>
      <c r="AH6878">
        <v>126</v>
      </c>
      <c r="AI6878">
        <v>126</v>
      </c>
      <c r="AJ6878">
        <v>127</v>
      </c>
      <c r="AK6878">
        <v>127</v>
      </c>
      <c r="AL6878">
        <v>127</v>
      </c>
      <c r="AM6878">
        <v>126</v>
      </c>
      <c r="AN6878">
        <v>125</v>
      </c>
      <c r="AO6878">
        <v>124</v>
      </c>
      <c r="AP6878">
        <v>123</v>
      </c>
      <c r="AQ6878">
        <v>122</v>
      </c>
    </row>
    <row r="6879" spans="1:43">
      <c r="A6879" t="s">
        <v>4306</v>
      </c>
      <c r="B6879" t="s">
        <v>4307</v>
      </c>
      <c r="C6879" t="s">
        <v>4298</v>
      </c>
      <c r="D6879" t="s">
        <v>4299</v>
      </c>
      <c r="E6879" t="s">
        <v>4236</v>
      </c>
      <c r="F6879" t="s">
        <v>4237</v>
      </c>
      <c r="G6879" t="s">
        <v>80</v>
      </c>
      <c r="H6879" t="s">
        <v>81</v>
      </c>
      <c r="I6879" s="2">
        <v>1</v>
      </c>
      <c r="J6879" s="2">
        <v>0</v>
      </c>
      <c r="K6879" s="2">
        <v>0</v>
      </c>
      <c r="L6879" t="s">
        <v>120</v>
      </c>
      <c r="M6879" t="s">
        <v>87</v>
      </c>
      <c r="N6879" t="s">
        <v>88</v>
      </c>
      <c r="O6879" t="s">
        <v>85</v>
      </c>
      <c r="P6879" t="s">
        <v>86</v>
      </c>
      <c r="Q6879">
        <v>111</v>
      </c>
      <c r="R6879">
        <v>111</v>
      </c>
      <c r="S6879">
        <v>111</v>
      </c>
      <c r="T6879">
        <v>111</v>
      </c>
      <c r="U6879">
        <v>112</v>
      </c>
      <c r="V6879">
        <v>112</v>
      </c>
      <c r="W6879">
        <v>112</v>
      </c>
      <c r="X6879">
        <v>112</v>
      </c>
      <c r="Y6879">
        <v>112</v>
      </c>
      <c r="Z6879">
        <v>112</v>
      </c>
      <c r="AA6879">
        <v>112</v>
      </c>
      <c r="AB6879">
        <v>112</v>
      </c>
      <c r="AC6879">
        <v>112</v>
      </c>
      <c r="AD6879">
        <v>111</v>
      </c>
      <c r="AE6879">
        <v>111</v>
      </c>
      <c r="AF6879">
        <v>111</v>
      </c>
      <c r="AG6879">
        <v>111</v>
      </c>
      <c r="AH6879">
        <v>111</v>
      </c>
      <c r="AI6879">
        <v>110</v>
      </c>
      <c r="AJ6879">
        <v>110</v>
      </c>
      <c r="AK6879">
        <v>110</v>
      </c>
      <c r="AL6879">
        <v>109</v>
      </c>
      <c r="AM6879">
        <v>109</v>
      </c>
      <c r="AN6879">
        <v>109</v>
      </c>
      <c r="AO6879">
        <v>108</v>
      </c>
      <c r="AP6879">
        <v>108</v>
      </c>
      <c r="AQ6879">
        <v>107</v>
      </c>
    </row>
    <row r="6880" spans="1:43">
      <c r="A6880" t="s">
        <v>4306</v>
      </c>
      <c r="B6880" t="s">
        <v>4307</v>
      </c>
      <c r="C6880" t="s">
        <v>4298</v>
      </c>
      <c r="D6880" t="s">
        <v>4299</v>
      </c>
      <c r="E6880" t="s">
        <v>4236</v>
      </c>
      <c r="F6880" t="s">
        <v>4237</v>
      </c>
      <c r="G6880" t="s">
        <v>80</v>
      </c>
      <c r="H6880" t="s">
        <v>81</v>
      </c>
      <c r="I6880" s="2">
        <v>1</v>
      </c>
      <c r="J6880" s="2">
        <v>0</v>
      </c>
      <c r="K6880" s="2">
        <v>0</v>
      </c>
      <c r="L6880" t="s">
        <v>120</v>
      </c>
      <c r="M6880" t="s">
        <v>89</v>
      </c>
      <c r="N6880" t="s">
        <v>90</v>
      </c>
      <c r="O6880" t="s">
        <v>85</v>
      </c>
      <c r="P6880" t="s">
        <v>86</v>
      </c>
      <c r="Q6880">
        <v>111</v>
      </c>
      <c r="R6880">
        <v>113</v>
      </c>
      <c r="S6880">
        <v>115</v>
      </c>
      <c r="T6880">
        <v>117</v>
      </c>
      <c r="U6880">
        <v>119</v>
      </c>
      <c r="V6880">
        <v>121</v>
      </c>
      <c r="W6880">
        <v>123</v>
      </c>
      <c r="X6880">
        <v>124</v>
      </c>
      <c r="Y6880">
        <v>126</v>
      </c>
      <c r="Z6880">
        <v>127</v>
      </c>
      <c r="AA6880">
        <v>128</v>
      </c>
      <c r="AB6880">
        <v>129</v>
      </c>
      <c r="AC6880">
        <v>131</v>
      </c>
      <c r="AD6880">
        <v>132</v>
      </c>
      <c r="AE6880">
        <v>132</v>
      </c>
      <c r="AF6880">
        <v>132</v>
      </c>
      <c r="AG6880">
        <v>131</v>
      </c>
      <c r="AH6880">
        <v>130</v>
      </c>
      <c r="AI6880">
        <v>129</v>
      </c>
      <c r="AJ6880">
        <v>129</v>
      </c>
      <c r="AK6880">
        <v>128</v>
      </c>
      <c r="AL6880">
        <v>127</v>
      </c>
      <c r="AM6880">
        <v>126</v>
      </c>
      <c r="AN6880">
        <v>125</v>
      </c>
      <c r="AO6880">
        <v>125</v>
      </c>
      <c r="AP6880">
        <v>124</v>
      </c>
      <c r="AQ6880">
        <v>123</v>
      </c>
    </row>
    <row r="6881" spans="1:43">
      <c r="A6881" t="s">
        <v>4306</v>
      </c>
      <c r="B6881" t="s">
        <v>4307</v>
      </c>
      <c r="C6881" t="s">
        <v>4298</v>
      </c>
      <c r="D6881" t="s">
        <v>4299</v>
      </c>
      <c r="E6881" t="s">
        <v>4236</v>
      </c>
      <c r="F6881" t="s">
        <v>4237</v>
      </c>
      <c r="G6881" t="s">
        <v>80</v>
      </c>
      <c r="H6881" t="s">
        <v>81</v>
      </c>
      <c r="I6881" s="2">
        <v>1</v>
      </c>
      <c r="J6881" s="2">
        <v>0</v>
      </c>
      <c r="K6881" s="2">
        <v>0</v>
      </c>
      <c r="L6881" t="s">
        <v>120</v>
      </c>
      <c r="M6881" t="s">
        <v>83</v>
      </c>
      <c r="N6881" t="s">
        <v>91</v>
      </c>
      <c r="O6881" t="s">
        <v>85</v>
      </c>
      <c r="P6881" t="s">
        <v>86</v>
      </c>
      <c r="Q6881">
        <v>111</v>
      </c>
      <c r="R6881">
        <v>112</v>
      </c>
      <c r="S6881">
        <v>113</v>
      </c>
      <c r="T6881">
        <v>114</v>
      </c>
      <c r="U6881">
        <v>116</v>
      </c>
      <c r="V6881">
        <v>117</v>
      </c>
      <c r="W6881">
        <v>118</v>
      </c>
      <c r="X6881">
        <v>119</v>
      </c>
      <c r="Y6881">
        <v>120</v>
      </c>
      <c r="Z6881">
        <v>121</v>
      </c>
      <c r="AA6881">
        <v>121</v>
      </c>
      <c r="AB6881">
        <v>122</v>
      </c>
      <c r="AC6881">
        <v>123</v>
      </c>
      <c r="AD6881">
        <v>124</v>
      </c>
      <c r="AE6881">
        <v>124</v>
      </c>
      <c r="AF6881">
        <v>125</v>
      </c>
      <c r="AG6881">
        <v>125</v>
      </c>
      <c r="AH6881">
        <v>126</v>
      </c>
      <c r="AI6881">
        <v>126</v>
      </c>
      <c r="AJ6881">
        <v>127</v>
      </c>
      <c r="AK6881">
        <v>127</v>
      </c>
      <c r="AL6881">
        <v>127</v>
      </c>
      <c r="AM6881">
        <v>126</v>
      </c>
      <c r="AN6881">
        <v>125</v>
      </c>
      <c r="AO6881">
        <v>124</v>
      </c>
      <c r="AP6881">
        <v>123</v>
      </c>
      <c r="AQ6881">
        <v>122</v>
      </c>
    </row>
    <row r="6882" spans="1:43">
      <c r="A6882" t="s">
        <v>4308</v>
      </c>
      <c r="B6882" t="s">
        <v>4309</v>
      </c>
      <c r="C6882" t="s">
        <v>4310</v>
      </c>
      <c r="D6882" t="s">
        <v>4311</v>
      </c>
      <c r="E6882" t="s">
        <v>4236</v>
      </c>
      <c r="F6882" t="s">
        <v>4237</v>
      </c>
      <c r="G6882" t="s">
        <v>80</v>
      </c>
      <c r="H6882" t="s">
        <v>81</v>
      </c>
      <c r="I6882" s="2">
        <v>1</v>
      </c>
      <c r="J6882" s="2">
        <v>0</v>
      </c>
      <c r="K6882" s="2">
        <v>0</v>
      </c>
      <c r="L6882" t="s">
        <v>120</v>
      </c>
      <c r="M6882" t="s">
        <v>83</v>
      </c>
      <c r="N6882" t="s">
        <v>84</v>
      </c>
      <c r="O6882" t="s">
        <v>85</v>
      </c>
      <c r="P6882" t="s">
        <v>86</v>
      </c>
      <c r="Q6882">
        <v>42</v>
      </c>
      <c r="R6882">
        <v>43</v>
      </c>
      <c r="S6882">
        <v>43</v>
      </c>
      <c r="T6882">
        <v>44</v>
      </c>
      <c r="U6882">
        <v>44</v>
      </c>
      <c r="V6882">
        <v>44</v>
      </c>
      <c r="W6882">
        <v>45</v>
      </c>
      <c r="X6882">
        <v>45</v>
      </c>
      <c r="Y6882">
        <v>46</v>
      </c>
      <c r="Z6882">
        <v>46</v>
      </c>
      <c r="AA6882">
        <v>46</v>
      </c>
      <c r="AB6882">
        <v>47</v>
      </c>
      <c r="AC6882">
        <v>47</v>
      </c>
      <c r="AD6882">
        <v>47</v>
      </c>
      <c r="AE6882">
        <v>47</v>
      </c>
      <c r="AF6882">
        <v>47</v>
      </c>
      <c r="AG6882">
        <v>48</v>
      </c>
      <c r="AH6882">
        <v>48</v>
      </c>
      <c r="AI6882">
        <v>48</v>
      </c>
      <c r="AJ6882">
        <v>48</v>
      </c>
      <c r="AK6882">
        <v>48</v>
      </c>
      <c r="AL6882">
        <v>48</v>
      </c>
      <c r="AM6882">
        <v>48</v>
      </c>
      <c r="AN6882">
        <v>47</v>
      </c>
      <c r="AO6882">
        <v>47</v>
      </c>
      <c r="AP6882">
        <v>47</v>
      </c>
      <c r="AQ6882">
        <v>47</v>
      </c>
    </row>
    <row r="6883" spans="1:43">
      <c r="A6883" t="s">
        <v>4308</v>
      </c>
      <c r="B6883" t="s">
        <v>4309</v>
      </c>
      <c r="C6883" t="s">
        <v>4310</v>
      </c>
      <c r="D6883" t="s">
        <v>4311</v>
      </c>
      <c r="E6883" t="s">
        <v>4236</v>
      </c>
      <c r="F6883" t="s">
        <v>4237</v>
      </c>
      <c r="G6883" t="s">
        <v>80</v>
      </c>
      <c r="H6883" t="s">
        <v>81</v>
      </c>
      <c r="I6883" s="2">
        <v>1</v>
      </c>
      <c r="J6883" s="2">
        <v>0</v>
      </c>
      <c r="K6883" s="2">
        <v>0</v>
      </c>
      <c r="L6883" t="s">
        <v>120</v>
      </c>
      <c r="M6883" t="s">
        <v>87</v>
      </c>
      <c r="N6883" t="s">
        <v>88</v>
      </c>
      <c r="O6883" t="s">
        <v>85</v>
      </c>
      <c r="P6883" t="s">
        <v>86</v>
      </c>
      <c r="Q6883">
        <v>42</v>
      </c>
      <c r="R6883">
        <v>42</v>
      </c>
      <c r="S6883">
        <v>42</v>
      </c>
      <c r="T6883">
        <v>42</v>
      </c>
      <c r="U6883">
        <v>42</v>
      </c>
      <c r="V6883">
        <v>42</v>
      </c>
      <c r="W6883">
        <v>42</v>
      </c>
      <c r="X6883">
        <v>42</v>
      </c>
      <c r="Y6883">
        <v>42</v>
      </c>
      <c r="Z6883">
        <v>42</v>
      </c>
      <c r="AA6883">
        <v>42</v>
      </c>
      <c r="AB6883">
        <v>42</v>
      </c>
      <c r="AC6883">
        <v>42</v>
      </c>
      <c r="AD6883">
        <v>42</v>
      </c>
      <c r="AE6883">
        <v>42</v>
      </c>
      <c r="AF6883">
        <v>42</v>
      </c>
      <c r="AG6883">
        <v>42</v>
      </c>
      <c r="AH6883">
        <v>42</v>
      </c>
      <c r="AI6883">
        <v>42</v>
      </c>
      <c r="AJ6883">
        <v>41</v>
      </c>
      <c r="AK6883">
        <v>41</v>
      </c>
      <c r="AL6883">
        <v>41</v>
      </c>
      <c r="AM6883">
        <v>41</v>
      </c>
      <c r="AN6883">
        <v>41</v>
      </c>
      <c r="AO6883">
        <v>41</v>
      </c>
      <c r="AP6883">
        <v>40</v>
      </c>
      <c r="AQ6883">
        <v>40</v>
      </c>
    </row>
    <row r="6884" spans="1:43">
      <c r="A6884" t="s">
        <v>4308</v>
      </c>
      <c r="B6884" t="s">
        <v>4309</v>
      </c>
      <c r="C6884" t="s">
        <v>4310</v>
      </c>
      <c r="D6884" t="s">
        <v>4311</v>
      </c>
      <c r="E6884" t="s">
        <v>4236</v>
      </c>
      <c r="F6884" t="s">
        <v>4237</v>
      </c>
      <c r="G6884" t="s">
        <v>80</v>
      </c>
      <c r="H6884" t="s">
        <v>81</v>
      </c>
      <c r="I6884" s="2">
        <v>1</v>
      </c>
      <c r="J6884" s="2">
        <v>0</v>
      </c>
      <c r="K6884" s="2">
        <v>0</v>
      </c>
      <c r="L6884" t="s">
        <v>120</v>
      </c>
      <c r="M6884" t="s">
        <v>89</v>
      </c>
      <c r="N6884" t="s">
        <v>90</v>
      </c>
      <c r="O6884" t="s">
        <v>85</v>
      </c>
      <c r="P6884" t="s">
        <v>86</v>
      </c>
      <c r="Q6884">
        <v>42</v>
      </c>
      <c r="R6884">
        <v>42</v>
      </c>
      <c r="S6884">
        <v>43</v>
      </c>
      <c r="T6884">
        <v>44</v>
      </c>
      <c r="U6884">
        <v>45</v>
      </c>
      <c r="V6884">
        <v>45</v>
      </c>
      <c r="W6884">
        <v>46</v>
      </c>
      <c r="X6884">
        <v>47</v>
      </c>
      <c r="Y6884">
        <v>47</v>
      </c>
      <c r="Z6884">
        <v>48</v>
      </c>
      <c r="AA6884">
        <v>48</v>
      </c>
      <c r="AB6884">
        <v>49</v>
      </c>
      <c r="AC6884">
        <v>49</v>
      </c>
      <c r="AD6884">
        <v>50</v>
      </c>
      <c r="AE6884">
        <v>50</v>
      </c>
      <c r="AF6884">
        <v>49</v>
      </c>
      <c r="AG6884">
        <v>49</v>
      </c>
      <c r="AH6884">
        <v>49</v>
      </c>
      <c r="AI6884">
        <v>49</v>
      </c>
      <c r="AJ6884">
        <v>48</v>
      </c>
      <c r="AK6884">
        <v>48</v>
      </c>
      <c r="AL6884">
        <v>48</v>
      </c>
      <c r="AM6884">
        <v>47</v>
      </c>
      <c r="AN6884">
        <v>47</v>
      </c>
      <c r="AO6884">
        <v>47</v>
      </c>
      <c r="AP6884">
        <v>46</v>
      </c>
      <c r="AQ6884">
        <v>46</v>
      </c>
    </row>
    <row r="6885" spans="1:43">
      <c r="A6885" t="s">
        <v>4308</v>
      </c>
      <c r="B6885" t="s">
        <v>4309</v>
      </c>
      <c r="C6885" t="s">
        <v>4310</v>
      </c>
      <c r="D6885" t="s">
        <v>4311</v>
      </c>
      <c r="E6885" t="s">
        <v>4236</v>
      </c>
      <c r="F6885" t="s">
        <v>4237</v>
      </c>
      <c r="G6885" t="s">
        <v>80</v>
      </c>
      <c r="H6885" t="s">
        <v>81</v>
      </c>
      <c r="I6885" s="2">
        <v>1</v>
      </c>
      <c r="J6885" s="2">
        <v>0</v>
      </c>
      <c r="K6885" s="2">
        <v>0</v>
      </c>
      <c r="L6885" t="s">
        <v>120</v>
      </c>
      <c r="M6885" t="s">
        <v>83</v>
      </c>
      <c r="N6885" t="s">
        <v>91</v>
      </c>
      <c r="O6885" t="s">
        <v>85</v>
      </c>
      <c r="P6885" t="s">
        <v>86</v>
      </c>
      <c r="Q6885">
        <v>42</v>
      </c>
      <c r="R6885">
        <v>43</v>
      </c>
      <c r="S6885">
        <v>43</v>
      </c>
      <c r="T6885">
        <v>44</v>
      </c>
      <c r="U6885">
        <v>44</v>
      </c>
      <c r="V6885">
        <v>44</v>
      </c>
      <c r="W6885">
        <v>45</v>
      </c>
      <c r="X6885">
        <v>45</v>
      </c>
      <c r="Y6885">
        <v>46</v>
      </c>
      <c r="Z6885">
        <v>46</v>
      </c>
      <c r="AA6885">
        <v>46</v>
      </c>
      <c r="AB6885">
        <v>47</v>
      </c>
      <c r="AC6885">
        <v>47</v>
      </c>
      <c r="AD6885">
        <v>47</v>
      </c>
      <c r="AE6885">
        <v>47</v>
      </c>
      <c r="AF6885">
        <v>47</v>
      </c>
      <c r="AG6885">
        <v>48</v>
      </c>
      <c r="AH6885">
        <v>48</v>
      </c>
      <c r="AI6885">
        <v>48</v>
      </c>
      <c r="AJ6885">
        <v>48</v>
      </c>
      <c r="AK6885">
        <v>48</v>
      </c>
      <c r="AL6885">
        <v>48</v>
      </c>
      <c r="AM6885">
        <v>48</v>
      </c>
      <c r="AN6885">
        <v>47</v>
      </c>
      <c r="AO6885">
        <v>47</v>
      </c>
      <c r="AP6885">
        <v>47</v>
      </c>
      <c r="AQ6885">
        <v>47</v>
      </c>
    </row>
    <row r="6886" spans="1:43">
      <c r="A6886" t="s">
        <v>4312</v>
      </c>
      <c r="B6886" t="s">
        <v>4313</v>
      </c>
      <c r="C6886" t="s">
        <v>4310</v>
      </c>
      <c r="D6886" t="s">
        <v>4311</v>
      </c>
      <c r="E6886" t="s">
        <v>4236</v>
      </c>
      <c r="F6886" t="s">
        <v>4237</v>
      </c>
      <c r="G6886" t="s">
        <v>80</v>
      </c>
      <c r="H6886" t="s">
        <v>81</v>
      </c>
      <c r="I6886" s="2">
        <v>1</v>
      </c>
      <c r="J6886" s="2">
        <v>0</v>
      </c>
      <c r="K6886" s="2">
        <v>0</v>
      </c>
      <c r="L6886" t="s">
        <v>120</v>
      </c>
      <c r="M6886" t="s">
        <v>83</v>
      </c>
      <c r="N6886" t="s">
        <v>84</v>
      </c>
      <c r="O6886" t="s">
        <v>85</v>
      </c>
      <c r="P6886" t="s">
        <v>86</v>
      </c>
      <c r="Q6886">
        <v>17</v>
      </c>
      <c r="R6886">
        <v>17</v>
      </c>
      <c r="S6886">
        <v>17</v>
      </c>
      <c r="T6886">
        <v>18</v>
      </c>
      <c r="U6886">
        <v>18</v>
      </c>
      <c r="V6886">
        <v>18</v>
      </c>
      <c r="W6886">
        <v>18</v>
      </c>
      <c r="X6886">
        <v>18</v>
      </c>
      <c r="Y6886">
        <v>18</v>
      </c>
      <c r="Z6886">
        <v>19</v>
      </c>
      <c r="AA6886">
        <v>19</v>
      </c>
      <c r="AB6886">
        <v>19</v>
      </c>
      <c r="AC6886">
        <v>19</v>
      </c>
      <c r="AD6886">
        <v>19</v>
      </c>
      <c r="AE6886">
        <v>19</v>
      </c>
      <c r="AF6886">
        <v>19</v>
      </c>
      <c r="AG6886">
        <v>19</v>
      </c>
      <c r="AH6886">
        <v>19</v>
      </c>
      <c r="AI6886">
        <v>19</v>
      </c>
      <c r="AJ6886">
        <v>19</v>
      </c>
      <c r="AK6886">
        <v>20</v>
      </c>
      <c r="AL6886">
        <v>19</v>
      </c>
      <c r="AM6886">
        <v>19</v>
      </c>
      <c r="AN6886">
        <v>19</v>
      </c>
      <c r="AO6886">
        <v>19</v>
      </c>
      <c r="AP6886">
        <v>19</v>
      </c>
      <c r="AQ6886">
        <v>19</v>
      </c>
    </row>
    <row r="6887" spans="1:43">
      <c r="A6887" t="s">
        <v>4312</v>
      </c>
      <c r="B6887" t="s">
        <v>4313</v>
      </c>
      <c r="C6887" t="s">
        <v>4310</v>
      </c>
      <c r="D6887" t="s">
        <v>4311</v>
      </c>
      <c r="E6887" t="s">
        <v>4236</v>
      </c>
      <c r="F6887" t="s">
        <v>4237</v>
      </c>
      <c r="G6887" t="s">
        <v>80</v>
      </c>
      <c r="H6887" t="s">
        <v>81</v>
      </c>
      <c r="I6887" s="2">
        <v>1</v>
      </c>
      <c r="J6887" s="2">
        <v>0</v>
      </c>
      <c r="K6887" s="2">
        <v>0</v>
      </c>
      <c r="L6887" t="s">
        <v>120</v>
      </c>
      <c r="M6887" t="s">
        <v>87</v>
      </c>
      <c r="N6887" t="s">
        <v>88</v>
      </c>
      <c r="O6887" t="s">
        <v>85</v>
      </c>
      <c r="P6887" t="s">
        <v>86</v>
      </c>
      <c r="Q6887">
        <v>17</v>
      </c>
      <c r="R6887">
        <v>17</v>
      </c>
      <c r="S6887">
        <v>17</v>
      </c>
      <c r="T6887">
        <v>17</v>
      </c>
      <c r="U6887">
        <v>17</v>
      </c>
      <c r="V6887">
        <v>17</v>
      </c>
      <c r="W6887">
        <v>17</v>
      </c>
      <c r="X6887">
        <v>17</v>
      </c>
      <c r="Y6887">
        <v>17</v>
      </c>
      <c r="Z6887">
        <v>17</v>
      </c>
      <c r="AA6887">
        <v>17</v>
      </c>
      <c r="AB6887">
        <v>17</v>
      </c>
      <c r="AC6887">
        <v>17</v>
      </c>
      <c r="AD6887">
        <v>17</v>
      </c>
      <c r="AE6887">
        <v>17</v>
      </c>
      <c r="AF6887">
        <v>17</v>
      </c>
      <c r="AG6887">
        <v>17</v>
      </c>
      <c r="AH6887">
        <v>17</v>
      </c>
      <c r="AI6887">
        <v>17</v>
      </c>
      <c r="AJ6887">
        <v>17</v>
      </c>
      <c r="AK6887">
        <v>17</v>
      </c>
      <c r="AL6887">
        <v>17</v>
      </c>
      <c r="AM6887">
        <v>17</v>
      </c>
      <c r="AN6887">
        <v>17</v>
      </c>
      <c r="AO6887">
        <v>17</v>
      </c>
      <c r="AP6887">
        <v>16</v>
      </c>
      <c r="AQ6887">
        <v>16</v>
      </c>
    </row>
    <row r="6888" spans="1:43">
      <c r="A6888" t="s">
        <v>4312</v>
      </c>
      <c r="B6888" t="s">
        <v>4313</v>
      </c>
      <c r="C6888" t="s">
        <v>4310</v>
      </c>
      <c r="D6888" t="s">
        <v>4311</v>
      </c>
      <c r="E6888" t="s">
        <v>4236</v>
      </c>
      <c r="F6888" t="s">
        <v>4237</v>
      </c>
      <c r="G6888" t="s">
        <v>80</v>
      </c>
      <c r="H6888" t="s">
        <v>81</v>
      </c>
      <c r="I6888" s="2">
        <v>1</v>
      </c>
      <c r="J6888" s="2">
        <v>0</v>
      </c>
      <c r="K6888" s="2">
        <v>0</v>
      </c>
      <c r="L6888" t="s">
        <v>120</v>
      </c>
      <c r="M6888" t="s">
        <v>89</v>
      </c>
      <c r="N6888" t="s">
        <v>90</v>
      </c>
      <c r="O6888" t="s">
        <v>85</v>
      </c>
      <c r="P6888" t="s">
        <v>86</v>
      </c>
      <c r="Q6888">
        <v>17</v>
      </c>
      <c r="R6888">
        <v>18</v>
      </c>
      <c r="S6888">
        <v>18</v>
      </c>
      <c r="T6888">
        <v>18</v>
      </c>
      <c r="U6888">
        <v>19</v>
      </c>
      <c r="V6888">
        <v>19</v>
      </c>
      <c r="W6888">
        <v>19</v>
      </c>
      <c r="X6888">
        <v>19</v>
      </c>
      <c r="Y6888">
        <v>20</v>
      </c>
      <c r="Z6888">
        <v>20</v>
      </c>
      <c r="AA6888">
        <v>20</v>
      </c>
      <c r="AB6888">
        <v>20</v>
      </c>
      <c r="AC6888">
        <v>20</v>
      </c>
      <c r="AD6888">
        <v>20</v>
      </c>
      <c r="AE6888">
        <v>20</v>
      </c>
      <c r="AF6888">
        <v>20</v>
      </c>
      <c r="AG6888">
        <v>20</v>
      </c>
      <c r="AH6888">
        <v>20</v>
      </c>
      <c r="AI6888">
        <v>20</v>
      </c>
      <c r="AJ6888">
        <v>20</v>
      </c>
      <c r="AK6888">
        <v>20</v>
      </c>
      <c r="AL6888">
        <v>20</v>
      </c>
      <c r="AM6888">
        <v>20</v>
      </c>
      <c r="AN6888">
        <v>19</v>
      </c>
      <c r="AO6888">
        <v>19</v>
      </c>
      <c r="AP6888">
        <v>19</v>
      </c>
      <c r="AQ6888">
        <v>19</v>
      </c>
    </row>
    <row r="6889" spans="1:43">
      <c r="A6889" t="s">
        <v>4312</v>
      </c>
      <c r="B6889" t="s">
        <v>4313</v>
      </c>
      <c r="C6889" t="s">
        <v>4310</v>
      </c>
      <c r="D6889" t="s">
        <v>4311</v>
      </c>
      <c r="E6889" t="s">
        <v>4236</v>
      </c>
      <c r="F6889" t="s">
        <v>4237</v>
      </c>
      <c r="G6889" t="s">
        <v>80</v>
      </c>
      <c r="H6889" t="s">
        <v>81</v>
      </c>
      <c r="I6889" s="2">
        <v>1</v>
      </c>
      <c r="J6889" s="2">
        <v>0</v>
      </c>
      <c r="K6889" s="2">
        <v>0</v>
      </c>
      <c r="L6889" t="s">
        <v>120</v>
      </c>
      <c r="M6889" t="s">
        <v>83</v>
      </c>
      <c r="N6889" t="s">
        <v>91</v>
      </c>
      <c r="O6889" t="s">
        <v>85</v>
      </c>
      <c r="P6889" t="s">
        <v>86</v>
      </c>
      <c r="Q6889">
        <v>17</v>
      </c>
      <c r="R6889">
        <v>17</v>
      </c>
      <c r="S6889">
        <v>17</v>
      </c>
      <c r="T6889">
        <v>18</v>
      </c>
      <c r="U6889">
        <v>18</v>
      </c>
      <c r="V6889">
        <v>18</v>
      </c>
      <c r="W6889">
        <v>18</v>
      </c>
      <c r="X6889">
        <v>18</v>
      </c>
      <c r="Y6889">
        <v>18</v>
      </c>
      <c r="Z6889">
        <v>19</v>
      </c>
      <c r="AA6889">
        <v>19</v>
      </c>
      <c r="AB6889">
        <v>19</v>
      </c>
      <c r="AC6889">
        <v>19</v>
      </c>
      <c r="AD6889">
        <v>19</v>
      </c>
      <c r="AE6889">
        <v>19</v>
      </c>
      <c r="AF6889">
        <v>19</v>
      </c>
      <c r="AG6889">
        <v>19</v>
      </c>
      <c r="AH6889">
        <v>19</v>
      </c>
      <c r="AI6889">
        <v>19</v>
      </c>
      <c r="AJ6889">
        <v>19</v>
      </c>
      <c r="AK6889">
        <v>20</v>
      </c>
      <c r="AL6889">
        <v>19</v>
      </c>
      <c r="AM6889">
        <v>19</v>
      </c>
      <c r="AN6889">
        <v>19</v>
      </c>
      <c r="AO6889">
        <v>19</v>
      </c>
      <c r="AP6889">
        <v>19</v>
      </c>
      <c r="AQ6889">
        <v>19</v>
      </c>
    </row>
    <row r="6890" spans="1:43">
      <c r="A6890" t="s">
        <v>4314</v>
      </c>
      <c r="B6890" t="s">
        <v>4315</v>
      </c>
      <c r="C6890" t="s">
        <v>4310</v>
      </c>
      <c r="D6890" t="s">
        <v>4311</v>
      </c>
      <c r="E6890" t="s">
        <v>4236</v>
      </c>
      <c r="F6890" t="s">
        <v>4237</v>
      </c>
      <c r="G6890" t="s">
        <v>80</v>
      </c>
      <c r="H6890" t="s">
        <v>81</v>
      </c>
      <c r="I6890" s="2">
        <v>1</v>
      </c>
      <c r="J6890" s="2">
        <v>0</v>
      </c>
      <c r="K6890" s="2">
        <v>0</v>
      </c>
      <c r="L6890" t="s">
        <v>120</v>
      </c>
      <c r="M6890" t="s">
        <v>83</v>
      </c>
      <c r="N6890" t="s">
        <v>84</v>
      </c>
      <c r="O6890" t="s">
        <v>85</v>
      </c>
      <c r="P6890" t="s">
        <v>86</v>
      </c>
      <c r="Q6890">
        <v>23</v>
      </c>
      <c r="R6890">
        <v>23</v>
      </c>
      <c r="S6890">
        <v>24</v>
      </c>
      <c r="T6890">
        <v>24</v>
      </c>
      <c r="U6890">
        <v>24</v>
      </c>
      <c r="V6890">
        <v>24</v>
      </c>
      <c r="W6890">
        <v>25</v>
      </c>
      <c r="X6890">
        <v>25</v>
      </c>
      <c r="Y6890">
        <v>25</v>
      </c>
      <c r="Z6890">
        <v>25</v>
      </c>
      <c r="AA6890">
        <v>25</v>
      </c>
      <c r="AB6890">
        <v>26</v>
      </c>
      <c r="AC6890">
        <v>26</v>
      </c>
      <c r="AD6890">
        <v>26</v>
      </c>
      <c r="AE6890">
        <v>26</v>
      </c>
      <c r="AF6890">
        <v>26</v>
      </c>
      <c r="AG6890">
        <v>26</v>
      </c>
      <c r="AH6890">
        <v>26</v>
      </c>
      <c r="AI6890">
        <v>26</v>
      </c>
      <c r="AJ6890">
        <v>27</v>
      </c>
      <c r="AK6890">
        <v>27</v>
      </c>
      <c r="AL6890">
        <v>26</v>
      </c>
      <c r="AM6890">
        <v>26</v>
      </c>
      <c r="AN6890">
        <v>26</v>
      </c>
      <c r="AO6890">
        <v>26</v>
      </c>
      <c r="AP6890">
        <v>26</v>
      </c>
      <c r="AQ6890">
        <v>26</v>
      </c>
    </row>
    <row r="6891" spans="1:43">
      <c r="A6891" t="s">
        <v>4314</v>
      </c>
      <c r="B6891" t="s">
        <v>4315</v>
      </c>
      <c r="C6891" t="s">
        <v>4310</v>
      </c>
      <c r="D6891" t="s">
        <v>4311</v>
      </c>
      <c r="E6891" t="s">
        <v>4236</v>
      </c>
      <c r="F6891" t="s">
        <v>4237</v>
      </c>
      <c r="G6891" t="s">
        <v>80</v>
      </c>
      <c r="H6891" t="s">
        <v>81</v>
      </c>
      <c r="I6891" s="2">
        <v>1</v>
      </c>
      <c r="J6891" s="2">
        <v>0</v>
      </c>
      <c r="K6891" s="2">
        <v>0</v>
      </c>
      <c r="L6891" t="s">
        <v>120</v>
      </c>
      <c r="M6891" t="s">
        <v>87</v>
      </c>
      <c r="N6891" t="s">
        <v>88</v>
      </c>
      <c r="O6891" t="s">
        <v>85</v>
      </c>
      <c r="P6891" t="s">
        <v>86</v>
      </c>
      <c r="Q6891">
        <v>23</v>
      </c>
      <c r="R6891">
        <v>23</v>
      </c>
      <c r="S6891">
        <v>23</v>
      </c>
      <c r="T6891">
        <v>23</v>
      </c>
      <c r="U6891">
        <v>23</v>
      </c>
      <c r="V6891">
        <v>23</v>
      </c>
      <c r="W6891">
        <v>23</v>
      </c>
      <c r="X6891">
        <v>23</v>
      </c>
      <c r="Y6891">
        <v>23</v>
      </c>
      <c r="Z6891">
        <v>23</v>
      </c>
      <c r="AA6891">
        <v>23</v>
      </c>
      <c r="AB6891">
        <v>23</v>
      </c>
      <c r="AC6891">
        <v>23</v>
      </c>
      <c r="AD6891">
        <v>23</v>
      </c>
      <c r="AE6891">
        <v>23</v>
      </c>
      <c r="AF6891">
        <v>23</v>
      </c>
      <c r="AG6891">
        <v>23</v>
      </c>
      <c r="AH6891">
        <v>23</v>
      </c>
      <c r="AI6891">
        <v>23</v>
      </c>
      <c r="AJ6891">
        <v>23</v>
      </c>
      <c r="AK6891">
        <v>23</v>
      </c>
      <c r="AL6891">
        <v>23</v>
      </c>
      <c r="AM6891">
        <v>23</v>
      </c>
      <c r="AN6891">
        <v>22</v>
      </c>
      <c r="AO6891">
        <v>22</v>
      </c>
      <c r="AP6891">
        <v>22</v>
      </c>
      <c r="AQ6891">
        <v>22</v>
      </c>
    </row>
    <row r="6892" spans="1:43">
      <c r="A6892" t="s">
        <v>4314</v>
      </c>
      <c r="B6892" t="s">
        <v>4315</v>
      </c>
      <c r="C6892" t="s">
        <v>4310</v>
      </c>
      <c r="D6892" t="s">
        <v>4311</v>
      </c>
      <c r="E6892" t="s">
        <v>4236</v>
      </c>
      <c r="F6892" t="s">
        <v>4237</v>
      </c>
      <c r="G6892" t="s">
        <v>80</v>
      </c>
      <c r="H6892" t="s">
        <v>81</v>
      </c>
      <c r="I6892" s="2">
        <v>1</v>
      </c>
      <c r="J6892" s="2">
        <v>0</v>
      </c>
      <c r="K6892" s="2">
        <v>0</v>
      </c>
      <c r="L6892" t="s">
        <v>120</v>
      </c>
      <c r="M6892" t="s">
        <v>89</v>
      </c>
      <c r="N6892" t="s">
        <v>90</v>
      </c>
      <c r="O6892" t="s">
        <v>85</v>
      </c>
      <c r="P6892" t="s">
        <v>86</v>
      </c>
      <c r="Q6892">
        <v>23</v>
      </c>
      <c r="R6892">
        <v>24</v>
      </c>
      <c r="S6892">
        <v>24</v>
      </c>
      <c r="T6892">
        <v>25</v>
      </c>
      <c r="U6892">
        <v>25</v>
      </c>
      <c r="V6892">
        <v>26</v>
      </c>
      <c r="W6892">
        <v>26</v>
      </c>
      <c r="X6892">
        <v>26</v>
      </c>
      <c r="Y6892">
        <v>27</v>
      </c>
      <c r="Z6892">
        <v>27</v>
      </c>
      <c r="AA6892">
        <v>27</v>
      </c>
      <c r="AB6892">
        <v>27</v>
      </c>
      <c r="AC6892">
        <v>28</v>
      </c>
      <c r="AD6892">
        <v>28</v>
      </c>
      <c r="AE6892">
        <v>28</v>
      </c>
      <c r="AF6892">
        <v>28</v>
      </c>
      <c r="AG6892">
        <v>28</v>
      </c>
      <c r="AH6892">
        <v>27</v>
      </c>
      <c r="AI6892">
        <v>27</v>
      </c>
      <c r="AJ6892">
        <v>27</v>
      </c>
      <c r="AK6892">
        <v>27</v>
      </c>
      <c r="AL6892">
        <v>27</v>
      </c>
      <c r="AM6892">
        <v>27</v>
      </c>
      <c r="AN6892">
        <v>26</v>
      </c>
      <c r="AO6892">
        <v>26</v>
      </c>
      <c r="AP6892">
        <v>26</v>
      </c>
      <c r="AQ6892">
        <v>26</v>
      </c>
    </row>
    <row r="6893" spans="1:43">
      <c r="A6893" t="s">
        <v>4314</v>
      </c>
      <c r="B6893" t="s">
        <v>4315</v>
      </c>
      <c r="C6893" t="s">
        <v>4310</v>
      </c>
      <c r="D6893" t="s">
        <v>4311</v>
      </c>
      <c r="E6893" t="s">
        <v>4236</v>
      </c>
      <c r="F6893" t="s">
        <v>4237</v>
      </c>
      <c r="G6893" t="s">
        <v>80</v>
      </c>
      <c r="H6893" t="s">
        <v>81</v>
      </c>
      <c r="I6893" s="2">
        <v>1</v>
      </c>
      <c r="J6893" s="2">
        <v>0</v>
      </c>
      <c r="K6893" s="2">
        <v>0</v>
      </c>
      <c r="L6893" t="s">
        <v>120</v>
      </c>
      <c r="M6893" t="s">
        <v>83</v>
      </c>
      <c r="N6893" t="s">
        <v>91</v>
      </c>
      <c r="O6893" t="s">
        <v>85</v>
      </c>
      <c r="P6893" t="s">
        <v>86</v>
      </c>
      <c r="Q6893">
        <v>23</v>
      </c>
      <c r="R6893">
        <v>23</v>
      </c>
      <c r="S6893">
        <v>24</v>
      </c>
      <c r="T6893">
        <v>24</v>
      </c>
      <c r="U6893">
        <v>24</v>
      </c>
      <c r="V6893">
        <v>24</v>
      </c>
      <c r="W6893">
        <v>25</v>
      </c>
      <c r="X6893">
        <v>25</v>
      </c>
      <c r="Y6893">
        <v>25</v>
      </c>
      <c r="Z6893">
        <v>25</v>
      </c>
      <c r="AA6893">
        <v>25</v>
      </c>
      <c r="AB6893">
        <v>26</v>
      </c>
      <c r="AC6893">
        <v>26</v>
      </c>
      <c r="AD6893">
        <v>26</v>
      </c>
      <c r="AE6893">
        <v>26</v>
      </c>
      <c r="AF6893">
        <v>26</v>
      </c>
      <c r="AG6893">
        <v>26</v>
      </c>
      <c r="AH6893">
        <v>26</v>
      </c>
      <c r="AI6893">
        <v>26</v>
      </c>
      <c r="AJ6893">
        <v>27</v>
      </c>
      <c r="AK6893">
        <v>27</v>
      </c>
      <c r="AL6893">
        <v>26</v>
      </c>
      <c r="AM6893">
        <v>26</v>
      </c>
      <c r="AN6893">
        <v>26</v>
      </c>
      <c r="AO6893">
        <v>26</v>
      </c>
      <c r="AP6893">
        <v>26</v>
      </c>
      <c r="AQ6893">
        <v>26</v>
      </c>
    </row>
    <row r="6894" spans="1:43">
      <c r="A6894" t="s">
        <v>4316</v>
      </c>
      <c r="B6894" t="s">
        <v>4317</v>
      </c>
      <c r="C6894" t="s">
        <v>4318</v>
      </c>
      <c r="D6894" t="s">
        <v>4319</v>
      </c>
      <c r="E6894" t="s">
        <v>4236</v>
      </c>
      <c r="F6894" t="s">
        <v>4237</v>
      </c>
      <c r="G6894" t="s">
        <v>80</v>
      </c>
      <c r="H6894" t="s">
        <v>81</v>
      </c>
      <c r="I6894" s="2">
        <v>1</v>
      </c>
      <c r="J6894" s="2">
        <v>0</v>
      </c>
      <c r="K6894" s="2">
        <v>0</v>
      </c>
      <c r="L6894" t="s">
        <v>120</v>
      </c>
      <c r="M6894" t="s">
        <v>83</v>
      </c>
      <c r="N6894" t="s">
        <v>84</v>
      </c>
      <c r="O6894" t="s">
        <v>85</v>
      </c>
      <c r="P6894" t="s">
        <v>86</v>
      </c>
      <c r="Q6894">
        <v>22</v>
      </c>
      <c r="R6894">
        <v>23</v>
      </c>
      <c r="S6894">
        <v>23</v>
      </c>
      <c r="T6894">
        <v>23</v>
      </c>
      <c r="U6894">
        <v>23</v>
      </c>
      <c r="V6894">
        <v>23</v>
      </c>
      <c r="W6894">
        <v>24</v>
      </c>
      <c r="X6894">
        <v>24</v>
      </c>
      <c r="Y6894">
        <v>24</v>
      </c>
      <c r="Z6894">
        <v>24</v>
      </c>
      <c r="AA6894">
        <v>24</v>
      </c>
      <c r="AB6894">
        <v>24</v>
      </c>
      <c r="AC6894">
        <v>25</v>
      </c>
      <c r="AD6894">
        <v>25</v>
      </c>
      <c r="AE6894">
        <v>25</v>
      </c>
      <c r="AF6894">
        <v>25</v>
      </c>
      <c r="AG6894">
        <v>25</v>
      </c>
      <c r="AH6894">
        <v>25</v>
      </c>
      <c r="AI6894">
        <v>25</v>
      </c>
      <c r="AJ6894">
        <v>25</v>
      </c>
      <c r="AK6894">
        <v>25</v>
      </c>
      <c r="AL6894">
        <v>25</v>
      </c>
      <c r="AM6894">
        <v>25</v>
      </c>
      <c r="AN6894">
        <v>25</v>
      </c>
      <c r="AO6894">
        <v>25</v>
      </c>
      <c r="AP6894">
        <v>24</v>
      </c>
      <c r="AQ6894">
        <v>24</v>
      </c>
    </row>
    <row r="6895" spans="1:43">
      <c r="A6895" t="s">
        <v>4316</v>
      </c>
      <c r="B6895" t="s">
        <v>4317</v>
      </c>
      <c r="C6895" t="s">
        <v>4318</v>
      </c>
      <c r="D6895" t="s">
        <v>4319</v>
      </c>
      <c r="E6895" t="s">
        <v>4236</v>
      </c>
      <c r="F6895" t="s">
        <v>4237</v>
      </c>
      <c r="G6895" t="s">
        <v>80</v>
      </c>
      <c r="H6895" t="s">
        <v>81</v>
      </c>
      <c r="I6895" s="2">
        <v>1</v>
      </c>
      <c r="J6895" s="2">
        <v>0</v>
      </c>
      <c r="K6895" s="2">
        <v>0</v>
      </c>
      <c r="L6895" t="s">
        <v>120</v>
      </c>
      <c r="M6895" t="s">
        <v>87</v>
      </c>
      <c r="N6895" t="s">
        <v>88</v>
      </c>
      <c r="O6895" t="s">
        <v>85</v>
      </c>
      <c r="P6895" t="s">
        <v>86</v>
      </c>
      <c r="Q6895">
        <v>22</v>
      </c>
      <c r="R6895">
        <v>22</v>
      </c>
      <c r="S6895">
        <v>22</v>
      </c>
      <c r="T6895">
        <v>22</v>
      </c>
      <c r="U6895">
        <v>22</v>
      </c>
      <c r="V6895">
        <v>22</v>
      </c>
      <c r="W6895">
        <v>22</v>
      </c>
      <c r="X6895">
        <v>22</v>
      </c>
      <c r="Y6895">
        <v>22</v>
      </c>
      <c r="Z6895">
        <v>22</v>
      </c>
      <c r="AA6895">
        <v>22</v>
      </c>
      <c r="AB6895">
        <v>22</v>
      </c>
      <c r="AC6895">
        <v>22</v>
      </c>
      <c r="AD6895">
        <v>22</v>
      </c>
      <c r="AE6895">
        <v>22</v>
      </c>
      <c r="AF6895">
        <v>22</v>
      </c>
      <c r="AG6895">
        <v>22</v>
      </c>
      <c r="AH6895">
        <v>22</v>
      </c>
      <c r="AI6895">
        <v>22</v>
      </c>
      <c r="AJ6895">
        <v>22</v>
      </c>
      <c r="AK6895">
        <v>22</v>
      </c>
      <c r="AL6895">
        <v>22</v>
      </c>
      <c r="AM6895">
        <v>22</v>
      </c>
      <c r="AN6895">
        <v>22</v>
      </c>
      <c r="AO6895">
        <v>21</v>
      </c>
      <c r="AP6895">
        <v>21</v>
      </c>
      <c r="AQ6895">
        <v>21</v>
      </c>
    </row>
    <row r="6896" spans="1:43">
      <c r="A6896" t="s">
        <v>4316</v>
      </c>
      <c r="B6896" t="s">
        <v>4317</v>
      </c>
      <c r="C6896" t="s">
        <v>4318</v>
      </c>
      <c r="D6896" t="s">
        <v>4319</v>
      </c>
      <c r="E6896" t="s">
        <v>4236</v>
      </c>
      <c r="F6896" t="s">
        <v>4237</v>
      </c>
      <c r="G6896" t="s">
        <v>80</v>
      </c>
      <c r="H6896" t="s">
        <v>81</v>
      </c>
      <c r="I6896" s="2">
        <v>1</v>
      </c>
      <c r="J6896" s="2">
        <v>0</v>
      </c>
      <c r="K6896" s="2">
        <v>0</v>
      </c>
      <c r="L6896" t="s">
        <v>120</v>
      </c>
      <c r="M6896" t="s">
        <v>89</v>
      </c>
      <c r="N6896" t="s">
        <v>90</v>
      </c>
      <c r="O6896" t="s">
        <v>85</v>
      </c>
      <c r="P6896" t="s">
        <v>86</v>
      </c>
      <c r="Q6896">
        <v>22</v>
      </c>
      <c r="R6896">
        <v>23</v>
      </c>
      <c r="S6896">
        <v>23</v>
      </c>
      <c r="T6896">
        <v>24</v>
      </c>
      <c r="U6896">
        <v>24</v>
      </c>
      <c r="V6896">
        <v>24</v>
      </c>
      <c r="W6896">
        <v>25</v>
      </c>
      <c r="X6896">
        <v>25</v>
      </c>
      <c r="Y6896">
        <v>25</v>
      </c>
      <c r="Z6896">
        <v>26</v>
      </c>
      <c r="AA6896">
        <v>26</v>
      </c>
      <c r="AB6896">
        <v>26</v>
      </c>
      <c r="AC6896">
        <v>26</v>
      </c>
      <c r="AD6896">
        <v>26</v>
      </c>
      <c r="AE6896">
        <v>27</v>
      </c>
      <c r="AF6896">
        <v>26</v>
      </c>
      <c r="AG6896">
        <v>26</v>
      </c>
      <c r="AH6896">
        <v>26</v>
      </c>
      <c r="AI6896">
        <v>26</v>
      </c>
      <c r="AJ6896">
        <v>26</v>
      </c>
      <c r="AK6896">
        <v>26</v>
      </c>
      <c r="AL6896">
        <v>25</v>
      </c>
      <c r="AM6896">
        <v>25</v>
      </c>
      <c r="AN6896">
        <v>25</v>
      </c>
      <c r="AO6896">
        <v>25</v>
      </c>
      <c r="AP6896">
        <v>25</v>
      </c>
      <c r="AQ6896">
        <v>24</v>
      </c>
    </row>
    <row r="6897" spans="1:43">
      <c r="A6897" t="s">
        <v>4316</v>
      </c>
      <c r="B6897" t="s">
        <v>4317</v>
      </c>
      <c r="C6897" t="s">
        <v>4318</v>
      </c>
      <c r="D6897" t="s">
        <v>4319</v>
      </c>
      <c r="E6897" t="s">
        <v>4236</v>
      </c>
      <c r="F6897" t="s">
        <v>4237</v>
      </c>
      <c r="G6897" t="s">
        <v>80</v>
      </c>
      <c r="H6897" t="s">
        <v>81</v>
      </c>
      <c r="I6897" s="2">
        <v>1</v>
      </c>
      <c r="J6897" s="2">
        <v>0</v>
      </c>
      <c r="K6897" s="2">
        <v>0</v>
      </c>
      <c r="L6897" t="s">
        <v>120</v>
      </c>
      <c r="M6897" t="s">
        <v>83</v>
      </c>
      <c r="N6897" t="s">
        <v>91</v>
      </c>
      <c r="O6897" t="s">
        <v>85</v>
      </c>
      <c r="P6897" t="s">
        <v>86</v>
      </c>
      <c r="Q6897">
        <v>22</v>
      </c>
      <c r="R6897">
        <v>23</v>
      </c>
      <c r="S6897">
        <v>23</v>
      </c>
      <c r="T6897">
        <v>23</v>
      </c>
      <c r="U6897">
        <v>23</v>
      </c>
      <c r="V6897">
        <v>23</v>
      </c>
      <c r="W6897">
        <v>24</v>
      </c>
      <c r="X6897">
        <v>24</v>
      </c>
      <c r="Y6897">
        <v>24</v>
      </c>
      <c r="Z6897">
        <v>24</v>
      </c>
      <c r="AA6897">
        <v>24</v>
      </c>
      <c r="AB6897">
        <v>24</v>
      </c>
      <c r="AC6897">
        <v>25</v>
      </c>
      <c r="AD6897">
        <v>25</v>
      </c>
      <c r="AE6897">
        <v>25</v>
      </c>
      <c r="AF6897">
        <v>25</v>
      </c>
      <c r="AG6897">
        <v>25</v>
      </c>
      <c r="AH6897">
        <v>25</v>
      </c>
      <c r="AI6897">
        <v>25</v>
      </c>
      <c r="AJ6897">
        <v>25</v>
      </c>
      <c r="AK6897">
        <v>25</v>
      </c>
      <c r="AL6897">
        <v>25</v>
      </c>
      <c r="AM6897">
        <v>25</v>
      </c>
      <c r="AN6897">
        <v>25</v>
      </c>
      <c r="AO6897">
        <v>25</v>
      </c>
      <c r="AP6897">
        <v>24</v>
      </c>
      <c r="AQ6897">
        <v>24</v>
      </c>
    </row>
    <row r="6898" spans="1:43">
      <c r="A6898" t="s">
        <v>4320</v>
      </c>
      <c r="B6898" t="s">
        <v>4321</v>
      </c>
      <c r="C6898" t="s">
        <v>4310</v>
      </c>
      <c r="D6898" t="s">
        <v>4311</v>
      </c>
      <c r="E6898" t="s">
        <v>4236</v>
      </c>
      <c r="F6898" t="s">
        <v>4237</v>
      </c>
      <c r="G6898" t="s">
        <v>80</v>
      </c>
      <c r="H6898" t="s">
        <v>81</v>
      </c>
      <c r="I6898" s="2">
        <v>1</v>
      </c>
      <c r="J6898" s="2">
        <v>0</v>
      </c>
      <c r="K6898" s="2">
        <v>0</v>
      </c>
      <c r="L6898" t="s">
        <v>120</v>
      </c>
      <c r="M6898" t="s">
        <v>83</v>
      </c>
      <c r="N6898" t="s">
        <v>84</v>
      </c>
      <c r="O6898" t="s">
        <v>85</v>
      </c>
      <c r="P6898" t="s">
        <v>86</v>
      </c>
      <c r="Q6898">
        <v>24</v>
      </c>
      <c r="R6898">
        <v>25</v>
      </c>
      <c r="S6898">
        <v>25</v>
      </c>
      <c r="T6898">
        <v>25</v>
      </c>
      <c r="U6898">
        <v>26</v>
      </c>
      <c r="V6898">
        <v>26</v>
      </c>
      <c r="W6898">
        <v>26</v>
      </c>
      <c r="X6898">
        <v>26</v>
      </c>
      <c r="Y6898">
        <v>27</v>
      </c>
      <c r="Z6898">
        <v>27</v>
      </c>
      <c r="AA6898">
        <v>27</v>
      </c>
      <c r="AB6898">
        <v>27</v>
      </c>
      <c r="AC6898">
        <v>27</v>
      </c>
      <c r="AD6898">
        <v>27</v>
      </c>
      <c r="AE6898">
        <v>27</v>
      </c>
      <c r="AF6898">
        <v>28</v>
      </c>
      <c r="AG6898">
        <v>28</v>
      </c>
      <c r="AH6898">
        <v>28</v>
      </c>
      <c r="AI6898">
        <v>28</v>
      </c>
      <c r="AJ6898">
        <v>28</v>
      </c>
      <c r="AK6898">
        <v>28</v>
      </c>
      <c r="AL6898">
        <v>28</v>
      </c>
      <c r="AM6898">
        <v>28</v>
      </c>
      <c r="AN6898">
        <v>28</v>
      </c>
      <c r="AO6898">
        <v>27</v>
      </c>
      <c r="AP6898">
        <v>27</v>
      </c>
      <c r="AQ6898">
        <v>27</v>
      </c>
    </row>
    <row r="6899" spans="1:43">
      <c r="A6899" t="s">
        <v>4320</v>
      </c>
      <c r="B6899" t="s">
        <v>4321</v>
      </c>
      <c r="C6899" t="s">
        <v>4310</v>
      </c>
      <c r="D6899" t="s">
        <v>4311</v>
      </c>
      <c r="E6899" t="s">
        <v>4236</v>
      </c>
      <c r="F6899" t="s">
        <v>4237</v>
      </c>
      <c r="G6899" t="s">
        <v>80</v>
      </c>
      <c r="H6899" t="s">
        <v>81</v>
      </c>
      <c r="I6899" s="2">
        <v>1</v>
      </c>
      <c r="J6899" s="2">
        <v>0</v>
      </c>
      <c r="K6899" s="2">
        <v>0</v>
      </c>
      <c r="L6899" t="s">
        <v>120</v>
      </c>
      <c r="M6899" t="s">
        <v>87</v>
      </c>
      <c r="N6899" t="s">
        <v>88</v>
      </c>
      <c r="O6899" t="s">
        <v>85</v>
      </c>
      <c r="P6899" t="s">
        <v>86</v>
      </c>
      <c r="Q6899">
        <v>24</v>
      </c>
      <c r="R6899">
        <v>24</v>
      </c>
      <c r="S6899">
        <v>24</v>
      </c>
      <c r="T6899">
        <v>24</v>
      </c>
      <c r="U6899">
        <v>24</v>
      </c>
      <c r="V6899">
        <v>24</v>
      </c>
      <c r="W6899">
        <v>25</v>
      </c>
      <c r="X6899">
        <v>25</v>
      </c>
      <c r="Y6899">
        <v>25</v>
      </c>
      <c r="Z6899">
        <v>25</v>
      </c>
      <c r="AA6899">
        <v>25</v>
      </c>
      <c r="AB6899">
        <v>25</v>
      </c>
      <c r="AC6899">
        <v>25</v>
      </c>
      <c r="AD6899">
        <v>24</v>
      </c>
      <c r="AE6899">
        <v>24</v>
      </c>
      <c r="AF6899">
        <v>24</v>
      </c>
      <c r="AG6899">
        <v>24</v>
      </c>
      <c r="AH6899">
        <v>24</v>
      </c>
      <c r="AI6899">
        <v>24</v>
      </c>
      <c r="AJ6899">
        <v>24</v>
      </c>
      <c r="AK6899">
        <v>24</v>
      </c>
      <c r="AL6899">
        <v>24</v>
      </c>
      <c r="AM6899">
        <v>24</v>
      </c>
      <c r="AN6899">
        <v>24</v>
      </c>
      <c r="AO6899">
        <v>24</v>
      </c>
      <c r="AP6899">
        <v>24</v>
      </c>
      <c r="AQ6899">
        <v>24</v>
      </c>
    </row>
    <row r="6900" spans="1:43">
      <c r="A6900" t="s">
        <v>4320</v>
      </c>
      <c r="B6900" t="s">
        <v>4321</v>
      </c>
      <c r="C6900" t="s">
        <v>4310</v>
      </c>
      <c r="D6900" t="s">
        <v>4311</v>
      </c>
      <c r="E6900" t="s">
        <v>4236</v>
      </c>
      <c r="F6900" t="s">
        <v>4237</v>
      </c>
      <c r="G6900" t="s">
        <v>80</v>
      </c>
      <c r="H6900" t="s">
        <v>81</v>
      </c>
      <c r="I6900" s="2">
        <v>1</v>
      </c>
      <c r="J6900" s="2">
        <v>0</v>
      </c>
      <c r="K6900" s="2">
        <v>0</v>
      </c>
      <c r="L6900" t="s">
        <v>120</v>
      </c>
      <c r="M6900" t="s">
        <v>89</v>
      </c>
      <c r="N6900" t="s">
        <v>90</v>
      </c>
      <c r="O6900" t="s">
        <v>85</v>
      </c>
      <c r="P6900" t="s">
        <v>86</v>
      </c>
      <c r="Q6900">
        <v>24</v>
      </c>
      <c r="R6900">
        <v>24</v>
      </c>
      <c r="S6900">
        <v>25</v>
      </c>
      <c r="T6900">
        <v>25</v>
      </c>
      <c r="U6900">
        <v>26</v>
      </c>
      <c r="V6900">
        <v>26</v>
      </c>
      <c r="W6900">
        <v>26</v>
      </c>
      <c r="X6900">
        <v>27</v>
      </c>
      <c r="Y6900">
        <v>27</v>
      </c>
      <c r="Z6900">
        <v>27</v>
      </c>
      <c r="AA6900">
        <v>28</v>
      </c>
      <c r="AB6900">
        <v>28</v>
      </c>
      <c r="AC6900">
        <v>28</v>
      </c>
      <c r="AD6900">
        <v>28</v>
      </c>
      <c r="AE6900">
        <v>28</v>
      </c>
      <c r="AF6900">
        <v>28</v>
      </c>
      <c r="AG6900">
        <v>28</v>
      </c>
      <c r="AH6900">
        <v>28</v>
      </c>
      <c r="AI6900">
        <v>28</v>
      </c>
      <c r="AJ6900">
        <v>28</v>
      </c>
      <c r="AK6900">
        <v>27</v>
      </c>
      <c r="AL6900">
        <v>27</v>
      </c>
      <c r="AM6900">
        <v>27</v>
      </c>
      <c r="AN6900">
        <v>27</v>
      </c>
      <c r="AO6900">
        <v>27</v>
      </c>
      <c r="AP6900">
        <v>26</v>
      </c>
      <c r="AQ6900">
        <v>26</v>
      </c>
    </row>
    <row r="6901" spans="1:43">
      <c r="A6901" t="s">
        <v>4320</v>
      </c>
      <c r="B6901" t="s">
        <v>4321</v>
      </c>
      <c r="C6901" t="s">
        <v>4310</v>
      </c>
      <c r="D6901" t="s">
        <v>4311</v>
      </c>
      <c r="E6901" t="s">
        <v>4236</v>
      </c>
      <c r="F6901" t="s">
        <v>4237</v>
      </c>
      <c r="G6901" t="s">
        <v>80</v>
      </c>
      <c r="H6901" t="s">
        <v>81</v>
      </c>
      <c r="I6901" s="2">
        <v>1</v>
      </c>
      <c r="J6901" s="2">
        <v>0</v>
      </c>
      <c r="K6901" s="2">
        <v>0</v>
      </c>
      <c r="L6901" t="s">
        <v>120</v>
      </c>
      <c r="M6901" t="s">
        <v>83</v>
      </c>
      <c r="N6901" t="s">
        <v>91</v>
      </c>
      <c r="O6901" t="s">
        <v>85</v>
      </c>
      <c r="P6901" t="s">
        <v>86</v>
      </c>
      <c r="Q6901">
        <v>24</v>
      </c>
      <c r="R6901">
        <v>25</v>
      </c>
      <c r="S6901">
        <v>25</v>
      </c>
      <c r="T6901">
        <v>25</v>
      </c>
      <c r="U6901">
        <v>26</v>
      </c>
      <c r="V6901">
        <v>26</v>
      </c>
      <c r="W6901">
        <v>26</v>
      </c>
      <c r="X6901">
        <v>26</v>
      </c>
      <c r="Y6901">
        <v>27</v>
      </c>
      <c r="Z6901">
        <v>27</v>
      </c>
      <c r="AA6901">
        <v>27</v>
      </c>
      <c r="AB6901">
        <v>27</v>
      </c>
      <c r="AC6901">
        <v>27</v>
      </c>
      <c r="AD6901">
        <v>27</v>
      </c>
      <c r="AE6901">
        <v>27</v>
      </c>
      <c r="AF6901">
        <v>28</v>
      </c>
      <c r="AG6901">
        <v>28</v>
      </c>
      <c r="AH6901">
        <v>28</v>
      </c>
      <c r="AI6901">
        <v>28</v>
      </c>
      <c r="AJ6901">
        <v>28</v>
      </c>
      <c r="AK6901">
        <v>28</v>
      </c>
      <c r="AL6901">
        <v>28</v>
      </c>
      <c r="AM6901">
        <v>28</v>
      </c>
      <c r="AN6901">
        <v>28</v>
      </c>
      <c r="AO6901">
        <v>27</v>
      </c>
      <c r="AP6901">
        <v>27</v>
      </c>
      <c r="AQ6901">
        <v>27</v>
      </c>
    </row>
    <row r="6902" spans="1:43">
      <c r="A6902" t="s">
        <v>4322</v>
      </c>
      <c r="B6902" t="s">
        <v>4323</v>
      </c>
      <c r="C6902" t="s">
        <v>4250</v>
      </c>
      <c r="D6902" t="s">
        <v>4251</v>
      </c>
      <c r="E6902" t="s">
        <v>4236</v>
      </c>
      <c r="F6902" t="s">
        <v>4237</v>
      </c>
      <c r="G6902" t="s">
        <v>80</v>
      </c>
      <c r="H6902" t="s">
        <v>81</v>
      </c>
      <c r="I6902" s="2">
        <v>1</v>
      </c>
      <c r="J6902" s="2">
        <v>0</v>
      </c>
      <c r="K6902" s="2">
        <v>0</v>
      </c>
      <c r="L6902" t="s">
        <v>120</v>
      </c>
      <c r="M6902" t="s">
        <v>83</v>
      </c>
      <c r="N6902" t="s">
        <v>84</v>
      </c>
      <c r="O6902" t="s">
        <v>85</v>
      </c>
      <c r="P6902" t="s">
        <v>86</v>
      </c>
      <c r="Q6902">
        <v>59</v>
      </c>
      <c r="R6902">
        <v>60</v>
      </c>
      <c r="S6902">
        <v>60</v>
      </c>
      <c r="T6902">
        <v>61</v>
      </c>
      <c r="U6902">
        <v>62</v>
      </c>
      <c r="V6902">
        <v>62</v>
      </c>
      <c r="W6902">
        <v>63</v>
      </c>
      <c r="X6902">
        <v>63</v>
      </c>
      <c r="Y6902">
        <v>64</v>
      </c>
      <c r="Z6902">
        <v>64</v>
      </c>
      <c r="AA6902">
        <v>65</v>
      </c>
      <c r="AB6902">
        <v>65</v>
      </c>
      <c r="AC6902">
        <v>65</v>
      </c>
      <c r="AD6902">
        <v>66</v>
      </c>
      <c r="AE6902">
        <v>66</v>
      </c>
      <c r="AF6902">
        <v>66</v>
      </c>
      <c r="AG6902">
        <v>67</v>
      </c>
      <c r="AH6902">
        <v>67</v>
      </c>
      <c r="AI6902">
        <v>67</v>
      </c>
      <c r="AJ6902">
        <v>67</v>
      </c>
      <c r="AK6902">
        <v>67</v>
      </c>
      <c r="AL6902">
        <v>67</v>
      </c>
      <c r="AM6902">
        <v>67</v>
      </c>
      <c r="AN6902">
        <v>66</v>
      </c>
      <c r="AO6902">
        <v>66</v>
      </c>
      <c r="AP6902">
        <v>65</v>
      </c>
      <c r="AQ6902">
        <v>65</v>
      </c>
    </row>
    <row r="6903" spans="1:43">
      <c r="A6903" t="s">
        <v>4322</v>
      </c>
      <c r="B6903" t="s">
        <v>4323</v>
      </c>
      <c r="C6903" t="s">
        <v>4250</v>
      </c>
      <c r="D6903" t="s">
        <v>4251</v>
      </c>
      <c r="E6903" t="s">
        <v>4236</v>
      </c>
      <c r="F6903" t="s">
        <v>4237</v>
      </c>
      <c r="G6903" t="s">
        <v>80</v>
      </c>
      <c r="H6903" t="s">
        <v>81</v>
      </c>
      <c r="I6903" s="2">
        <v>1</v>
      </c>
      <c r="J6903" s="2">
        <v>0</v>
      </c>
      <c r="K6903" s="2">
        <v>0</v>
      </c>
      <c r="L6903" t="s">
        <v>120</v>
      </c>
      <c r="M6903" t="s">
        <v>87</v>
      </c>
      <c r="N6903" t="s">
        <v>88</v>
      </c>
      <c r="O6903" t="s">
        <v>85</v>
      </c>
      <c r="P6903" t="s">
        <v>86</v>
      </c>
      <c r="Q6903">
        <v>59</v>
      </c>
      <c r="R6903">
        <v>59</v>
      </c>
      <c r="S6903">
        <v>60</v>
      </c>
      <c r="T6903">
        <v>60</v>
      </c>
      <c r="U6903">
        <v>60</v>
      </c>
      <c r="V6903">
        <v>60</v>
      </c>
      <c r="W6903">
        <v>60</v>
      </c>
      <c r="X6903">
        <v>60</v>
      </c>
      <c r="Y6903">
        <v>60</v>
      </c>
      <c r="Z6903">
        <v>60</v>
      </c>
      <c r="AA6903">
        <v>60</v>
      </c>
      <c r="AB6903">
        <v>60</v>
      </c>
      <c r="AC6903">
        <v>60</v>
      </c>
      <c r="AD6903">
        <v>60</v>
      </c>
      <c r="AE6903">
        <v>60</v>
      </c>
      <c r="AF6903">
        <v>60</v>
      </c>
      <c r="AG6903">
        <v>60</v>
      </c>
      <c r="AH6903">
        <v>59</v>
      </c>
      <c r="AI6903">
        <v>59</v>
      </c>
      <c r="AJ6903">
        <v>59</v>
      </c>
      <c r="AK6903">
        <v>59</v>
      </c>
      <c r="AL6903">
        <v>59</v>
      </c>
      <c r="AM6903">
        <v>59</v>
      </c>
      <c r="AN6903">
        <v>58</v>
      </c>
      <c r="AO6903">
        <v>58</v>
      </c>
      <c r="AP6903">
        <v>58</v>
      </c>
      <c r="AQ6903">
        <v>58</v>
      </c>
    </row>
    <row r="6904" spans="1:43">
      <c r="A6904" t="s">
        <v>4322</v>
      </c>
      <c r="B6904" t="s">
        <v>4323</v>
      </c>
      <c r="C6904" t="s">
        <v>4250</v>
      </c>
      <c r="D6904" t="s">
        <v>4251</v>
      </c>
      <c r="E6904" t="s">
        <v>4236</v>
      </c>
      <c r="F6904" t="s">
        <v>4237</v>
      </c>
      <c r="G6904" t="s">
        <v>80</v>
      </c>
      <c r="H6904" t="s">
        <v>81</v>
      </c>
      <c r="I6904" s="2">
        <v>1</v>
      </c>
      <c r="J6904" s="2">
        <v>0</v>
      </c>
      <c r="K6904" s="2">
        <v>0</v>
      </c>
      <c r="L6904" t="s">
        <v>120</v>
      </c>
      <c r="M6904" t="s">
        <v>89</v>
      </c>
      <c r="N6904" t="s">
        <v>90</v>
      </c>
      <c r="O6904" t="s">
        <v>85</v>
      </c>
      <c r="P6904" t="s">
        <v>86</v>
      </c>
      <c r="Q6904">
        <v>59</v>
      </c>
      <c r="R6904">
        <v>61</v>
      </c>
      <c r="S6904">
        <v>62</v>
      </c>
      <c r="T6904">
        <v>63</v>
      </c>
      <c r="U6904">
        <v>64</v>
      </c>
      <c r="V6904">
        <v>65</v>
      </c>
      <c r="W6904">
        <v>66</v>
      </c>
      <c r="X6904">
        <v>67</v>
      </c>
      <c r="Y6904">
        <v>67</v>
      </c>
      <c r="Z6904">
        <v>68</v>
      </c>
      <c r="AA6904">
        <v>69</v>
      </c>
      <c r="AB6904">
        <v>69</v>
      </c>
      <c r="AC6904">
        <v>70</v>
      </c>
      <c r="AD6904">
        <v>70</v>
      </c>
      <c r="AE6904">
        <v>71</v>
      </c>
      <c r="AF6904">
        <v>70</v>
      </c>
      <c r="AG6904">
        <v>70</v>
      </c>
      <c r="AH6904">
        <v>69</v>
      </c>
      <c r="AI6904">
        <v>69</v>
      </c>
      <c r="AJ6904">
        <v>69</v>
      </c>
      <c r="AK6904">
        <v>68</v>
      </c>
      <c r="AL6904">
        <v>68</v>
      </c>
      <c r="AM6904">
        <v>67</v>
      </c>
      <c r="AN6904">
        <v>67</v>
      </c>
      <c r="AO6904">
        <v>66</v>
      </c>
      <c r="AP6904">
        <v>66</v>
      </c>
      <c r="AQ6904">
        <v>65</v>
      </c>
    </row>
    <row r="6905" spans="1:43">
      <c r="A6905" t="s">
        <v>4322</v>
      </c>
      <c r="B6905" t="s">
        <v>4323</v>
      </c>
      <c r="C6905" t="s">
        <v>4250</v>
      </c>
      <c r="D6905" t="s">
        <v>4251</v>
      </c>
      <c r="E6905" t="s">
        <v>4236</v>
      </c>
      <c r="F6905" t="s">
        <v>4237</v>
      </c>
      <c r="G6905" t="s">
        <v>80</v>
      </c>
      <c r="H6905" t="s">
        <v>81</v>
      </c>
      <c r="I6905" s="2">
        <v>1</v>
      </c>
      <c r="J6905" s="2">
        <v>0</v>
      </c>
      <c r="K6905" s="2">
        <v>0</v>
      </c>
      <c r="L6905" t="s">
        <v>120</v>
      </c>
      <c r="M6905" t="s">
        <v>83</v>
      </c>
      <c r="N6905" t="s">
        <v>91</v>
      </c>
      <c r="O6905" t="s">
        <v>85</v>
      </c>
      <c r="P6905" t="s">
        <v>86</v>
      </c>
      <c r="Q6905">
        <v>59</v>
      </c>
      <c r="R6905">
        <v>60</v>
      </c>
      <c r="S6905">
        <v>60</v>
      </c>
      <c r="T6905">
        <v>61</v>
      </c>
      <c r="U6905">
        <v>62</v>
      </c>
      <c r="V6905">
        <v>62</v>
      </c>
      <c r="W6905">
        <v>63</v>
      </c>
      <c r="X6905">
        <v>63</v>
      </c>
      <c r="Y6905">
        <v>64</v>
      </c>
      <c r="Z6905">
        <v>64</v>
      </c>
      <c r="AA6905">
        <v>65</v>
      </c>
      <c r="AB6905">
        <v>65</v>
      </c>
      <c r="AC6905">
        <v>65</v>
      </c>
      <c r="AD6905">
        <v>66</v>
      </c>
      <c r="AE6905">
        <v>66</v>
      </c>
      <c r="AF6905">
        <v>66</v>
      </c>
      <c r="AG6905">
        <v>67</v>
      </c>
      <c r="AH6905">
        <v>67</v>
      </c>
      <c r="AI6905">
        <v>67</v>
      </c>
      <c r="AJ6905">
        <v>67</v>
      </c>
      <c r="AK6905">
        <v>67</v>
      </c>
      <c r="AL6905">
        <v>67</v>
      </c>
      <c r="AM6905">
        <v>67</v>
      </c>
      <c r="AN6905">
        <v>66</v>
      </c>
      <c r="AO6905">
        <v>66</v>
      </c>
      <c r="AP6905">
        <v>65</v>
      </c>
      <c r="AQ6905">
        <v>65</v>
      </c>
    </row>
    <row r="6906" spans="1:43">
      <c r="A6906" t="s">
        <v>4324</v>
      </c>
      <c r="B6906" t="s">
        <v>4325</v>
      </c>
      <c r="C6906" t="s">
        <v>4250</v>
      </c>
      <c r="D6906" t="s">
        <v>4251</v>
      </c>
      <c r="E6906" t="s">
        <v>4236</v>
      </c>
      <c r="F6906" t="s">
        <v>4237</v>
      </c>
      <c r="G6906" t="s">
        <v>80</v>
      </c>
      <c r="H6906" t="s">
        <v>81</v>
      </c>
      <c r="I6906" s="2">
        <v>1</v>
      </c>
      <c r="J6906" s="2">
        <v>0</v>
      </c>
      <c r="K6906" s="2">
        <v>0</v>
      </c>
      <c r="L6906" t="s">
        <v>120</v>
      </c>
      <c r="M6906" t="s">
        <v>83</v>
      </c>
      <c r="N6906" t="s">
        <v>84</v>
      </c>
      <c r="O6906" t="s">
        <v>85</v>
      </c>
      <c r="P6906" t="s">
        <v>86</v>
      </c>
      <c r="Q6906">
        <v>43</v>
      </c>
      <c r="R6906">
        <v>44</v>
      </c>
      <c r="S6906">
        <v>44</v>
      </c>
      <c r="T6906">
        <v>45</v>
      </c>
      <c r="U6906">
        <v>45</v>
      </c>
      <c r="V6906">
        <v>45</v>
      </c>
      <c r="W6906">
        <v>46</v>
      </c>
      <c r="X6906">
        <v>46</v>
      </c>
      <c r="Y6906">
        <v>47</v>
      </c>
      <c r="Z6906">
        <v>47</v>
      </c>
      <c r="AA6906">
        <v>47</v>
      </c>
      <c r="AB6906">
        <v>47</v>
      </c>
      <c r="AC6906">
        <v>48</v>
      </c>
      <c r="AD6906">
        <v>48</v>
      </c>
      <c r="AE6906">
        <v>48</v>
      </c>
      <c r="AF6906">
        <v>48</v>
      </c>
      <c r="AG6906">
        <v>49</v>
      </c>
      <c r="AH6906">
        <v>49</v>
      </c>
      <c r="AI6906">
        <v>49</v>
      </c>
      <c r="AJ6906">
        <v>49</v>
      </c>
      <c r="AK6906">
        <v>49</v>
      </c>
      <c r="AL6906">
        <v>49</v>
      </c>
      <c r="AM6906">
        <v>49</v>
      </c>
      <c r="AN6906">
        <v>48</v>
      </c>
      <c r="AO6906">
        <v>48</v>
      </c>
      <c r="AP6906">
        <v>47</v>
      </c>
      <c r="AQ6906">
        <v>47</v>
      </c>
    </row>
    <row r="6907" spans="1:43">
      <c r="A6907" t="s">
        <v>4324</v>
      </c>
      <c r="B6907" t="s">
        <v>4325</v>
      </c>
      <c r="C6907" t="s">
        <v>4250</v>
      </c>
      <c r="D6907" t="s">
        <v>4251</v>
      </c>
      <c r="E6907" t="s">
        <v>4236</v>
      </c>
      <c r="F6907" t="s">
        <v>4237</v>
      </c>
      <c r="G6907" t="s">
        <v>80</v>
      </c>
      <c r="H6907" t="s">
        <v>81</v>
      </c>
      <c r="I6907" s="2">
        <v>1</v>
      </c>
      <c r="J6907" s="2">
        <v>0</v>
      </c>
      <c r="K6907" s="2">
        <v>0</v>
      </c>
      <c r="L6907" t="s">
        <v>120</v>
      </c>
      <c r="M6907" t="s">
        <v>87</v>
      </c>
      <c r="N6907" t="s">
        <v>88</v>
      </c>
      <c r="O6907" t="s">
        <v>85</v>
      </c>
      <c r="P6907" t="s">
        <v>86</v>
      </c>
      <c r="Q6907">
        <v>43</v>
      </c>
      <c r="R6907">
        <v>43</v>
      </c>
      <c r="S6907">
        <v>43</v>
      </c>
      <c r="T6907">
        <v>43</v>
      </c>
      <c r="U6907">
        <v>43</v>
      </c>
      <c r="V6907">
        <v>43</v>
      </c>
      <c r="W6907">
        <v>43</v>
      </c>
      <c r="X6907">
        <v>43</v>
      </c>
      <c r="Y6907">
        <v>43</v>
      </c>
      <c r="Z6907">
        <v>43</v>
      </c>
      <c r="AA6907">
        <v>43</v>
      </c>
      <c r="AB6907">
        <v>43</v>
      </c>
      <c r="AC6907">
        <v>43</v>
      </c>
      <c r="AD6907">
        <v>43</v>
      </c>
      <c r="AE6907">
        <v>43</v>
      </c>
      <c r="AF6907">
        <v>43</v>
      </c>
      <c r="AG6907">
        <v>43</v>
      </c>
      <c r="AH6907">
        <v>43</v>
      </c>
      <c r="AI6907">
        <v>42</v>
      </c>
      <c r="AJ6907">
        <v>42</v>
      </c>
      <c r="AK6907">
        <v>42</v>
      </c>
      <c r="AL6907">
        <v>42</v>
      </c>
      <c r="AM6907">
        <v>42</v>
      </c>
      <c r="AN6907">
        <v>42</v>
      </c>
      <c r="AO6907">
        <v>42</v>
      </c>
      <c r="AP6907">
        <v>41</v>
      </c>
      <c r="AQ6907">
        <v>41</v>
      </c>
    </row>
    <row r="6908" spans="1:43">
      <c r="A6908" t="s">
        <v>4324</v>
      </c>
      <c r="B6908" t="s">
        <v>4325</v>
      </c>
      <c r="C6908" t="s">
        <v>4250</v>
      </c>
      <c r="D6908" t="s">
        <v>4251</v>
      </c>
      <c r="E6908" t="s">
        <v>4236</v>
      </c>
      <c r="F6908" t="s">
        <v>4237</v>
      </c>
      <c r="G6908" t="s">
        <v>80</v>
      </c>
      <c r="H6908" t="s">
        <v>81</v>
      </c>
      <c r="I6908" s="2">
        <v>1</v>
      </c>
      <c r="J6908" s="2">
        <v>0</v>
      </c>
      <c r="K6908" s="2">
        <v>0</v>
      </c>
      <c r="L6908" t="s">
        <v>120</v>
      </c>
      <c r="M6908" t="s">
        <v>89</v>
      </c>
      <c r="N6908" t="s">
        <v>90</v>
      </c>
      <c r="O6908" t="s">
        <v>85</v>
      </c>
      <c r="P6908" t="s">
        <v>86</v>
      </c>
      <c r="Q6908">
        <v>43</v>
      </c>
      <c r="R6908">
        <v>44</v>
      </c>
      <c r="S6908">
        <v>45</v>
      </c>
      <c r="T6908">
        <v>46</v>
      </c>
      <c r="U6908">
        <v>47</v>
      </c>
      <c r="V6908">
        <v>47</v>
      </c>
      <c r="W6908">
        <v>48</v>
      </c>
      <c r="X6908">
        <v>49</v>
      </c>
      <c r="Y6908">
        <v>49</v>
      </c>
      <c r="Z6908">
        <v>50</v>
      </c>
      <c r="AA6908">
        <v>50</v>
      </c>
      <c r="AB6908">
        <v>51</v>
      </c>
      <c r="AC6908">
        <v>51</v>
      </c>
      <c r="AD6908">
        <v>51</v>
      </c>
      <c r="AE6908">
        <v>51</v>
      </c>
      <c r="AF6908">
        <v>51</v>
      </c>
      <c r="AG6908">
        <v>51</v>
      </c>
      <c r="AH6908">
        <v>51</v>
      </c>
      <c r="AI6908">
        <v>50</v>
      </c>
      <c r="AJ6908">
        <v>50</v>
      </c>
      <c r="AK6908">
        <v>50</v>
      </c>
      <c r="AL6908">
        <v>49</v>
      </c>
      <c r="AM6908">
        <v>49</v>
      </c>
      <c r="AN6908">
        <v>49</v>
      </c>
      <c r="AO6908">
        <v>48</v>
      </c>
      <c r="AP6908">
        <v>48</v>
      </c>
      <c r="AQ6908">
        <v>48</v>
      </c>
    </row>
    <row r="6909" spans="1:43">
      <c r="A6909" t="s">
        <v>4324</v>
      </c>
      <c r="B6909" t="s">
        <v>4325</v>
      </c>
      <c r="C6909" t="s">
        <v>4250</v>
      </c>
      <c r="D6909" t="s">
        <v>4251</v>
      </c>
      <c r="E6909" t="s">
        <v>4236</v>
      </c>
      <c r="F6909" t="s">
        <v>4237</v>
      </c>
      <c r="G6909" t="s">
        <v>80</v>
      </c>
      <c r="H6909" t="s">
        <v>81</v>
      </c>
      <c r="I6909" s="2">
        <v>1</v>
      </c>
      <c r="J6909" s="2">
        <v>0</v>
      </c>
      <c r="K6909" s="2">
        <v>0</v>
      </c>
      <c r="L6909" t="s">
        <v>120</v>
      </c>
      <c r="M6909" t="s">
        <v>83</v>
      </c>
      <c r="N6909" t="s">
        <v>91</v>
      </c>
      <c r="O6909" t="s">
        <v>85</v>
      </c>
      <c r="P6909" t="s">
        <v>86</v>
      </c>
      <c r="Q6909">
        <v>43</v>
      </c>
      <c r="R6909">
        <v>44</v>
      </c>
      <c r="S6909">
        <v>44</v>
      </c>
      <c r="T6909">
        <v>45</v>
      </c>
      <c r="U6909">
        <v>45</v>
      </c>
      <c r="V6909">
        <v>45</v>
      </c>
      <c r="W6909">
        <v>46</v>
      </c>
      <c r="X6909">
        <v>46</v>
      </c>
      <c r="Y6909">
        <v>47</v>
      </c>
      <c r="Z6909">
        <v>47</v>
      </c>
      <c r="AA6909">
        <v>47</v>
      </c>
      <c r="AB6909">
        <v>47</v>
      </c>
      <c r="AC6909">
        <v>48</v>
      </c>
      <c r="AD6909">
        <v>48</v>
      </c>
      <c r="AE6909">
        <v>48</v>
      </c>
      <c r="AF6909">
        <v>48</v>
      </c>
      <c r="AG6909">
        <v>49</v>
      </c>
      <c r="AH6909">
        <v>49</v>
      </c>
      <c r="AI6909">
        <v>49</v>
      </c>
      <c r="AJ6909">
        <v>49</v>
      </c>
      <c r="AK6909">
        <v>49</v>
      </c>
      <c r="AL6909">
        <v>49</v>
      </c>
      <c r="AM6909">
        <v>49</v>
      </c>
      <c r="AN6909">
        <v>48</v>
      </c>
      <c r="AO6909">
        <v>48</v>
      </c>
      <c r="AP6909">
        <v>47</v>
      </c>
      <c r="AQ6909">
        <v>47</v>
      </c>
    </row>
    <row r="6910" spans="1:43">
      <c r="A6910" t="s">
        <v>4326</v>
      </c>
      <c r="B6910" t="s">
        <v>4327</v>
      </c>
      <c r="C6910" t="s">
        <v>4328</v>
      </c>
      <c r="D6910" t="s">
        <v>4329</v>
      </c>
      <c r="E6910" t="s">
        <v>4236</v>
      </c>
      <c r="F6910" t="s">
        <v>4237</v>
      </c>
      <c r="G6910" t="s">
        <v>80</v>
      </c>
      <c r="H6910" t="s">
        <v>81</v>
      </c>
      <c r="I6910" s="2">
        <v>1</v>
      </c>
      <c r="J6910" s="2">
        <v>0</v>
      </c>
      <c r="K6910" s="2">
        <v>0</v>
      </c>
      <c r="L6910" t="s">
        <v>120</v>
      </c>
      <c r="M6910" t="s">
        <v>83</v>
      </c>
      <c r="N6910" t="s">
        <v>84</v>
      </c>
      <c r="O6910" t="s">
        <v>85</v>
      </c>
      <c r="P6910" t="s">
        <v>86</v>
      </c>
      <c r="Q6910">
        <v>0</v>
      </c>
      <c r="R6910">
        <v>0</v>
      </c>
      <c r="S6910">
        <v>0</v>
      </c>
      <c r="T6910">
        <v>0</v>
      </c>
      <c r="U6910">
        <v>0</v>
      </c>
      <c r="V6910">
        <v>0</v>
      </c>
      <c r="W6910">
        <v>0</v>
      </c>
      <c r="X6910">
        <v>0</v>
      </c>
      <c r="Y6910">
        <v>0</v>
      </c>
      <c r="Z6910">
        <v>0</v>
      </c>
      <c r="AA6910">
        <v>0</v>
      </c>
      <c r="AB6910">
        <v>0</v>
      </c>
      <c r="AC6910">
        <v>0</v>
      </c>
      <c r="AD6910">
        <v>0</v>
      </c>
      <c r="AE6910">
        <v>0</v>
      </c>
      <c r="AF6910">
        <v>0</v>
      </c>
      <c r="AG6910">
        <v>0</v>
      </c>
      <c r="AH6910">
        <v>0</v>
      </c>
      <c r="AI6910">
        <v>0</v>
      </c>
      <c r="AJ6910">
        <v>0</v>
      </c>
      <c r="AK6910">
        <v>0</v>
      </c>
      <c r="AL6910">
        <v>0</v>
      </c>
      <c r="AM6910">
        <v>0</v>
      </c>
      <c r="AN6910">
        <v>0</v>
      </c>
      <c r="AO6910">
        <v>0</v>
      </c>
      <c r="AP6910">
        <v>0</v>
      </c>
      <c r="AQ6910">
        <v>0</v>
      </c>
    </row>
    <row r="6911" spans="1:43">
      <c r="A6911" t="s">
        <v>4326</v>
      </c>
      <c r="B6911" t="s">
        <v>4327</v>
      </c>
      <c r="C6911" t="s">
        <v>4328</v>
      </c>
      <c r="D6911" t="s">
        <v>4329</v>
      </c>
      <c r="E6911" t="s">
        <v>4236</v>
      </c>
      <c r="F6911" t="s">
        <v>4237</v>
      </c>
      <c r="G6911" t="s">
        <v>80</v>
      </c>
      <c r="H6911" t="s">
        <v>81</v>
      </c>
      <c r="I6911" s="2">
        <v>1</v>
      </c>
      <c r="J6911" s="2">
        <v>0</v>
      </c>
      <c r="K6911" s="2">
        <v>0</v>
      </c>
      <c r="L6911" t="s">
        <v>120</v>
      </c>
      <c r="M6911" t="s">
        <v>87</v>
      </c>
      <c r="N6911" t="s">
        <v>88</v>
      </c>
      <c r="O6911" t="s">
        <v>85</v>
      </c>
      <c r="P6911" t="s">
        <v>86</v>
      </c>
      <c r="Q6911">
        <v>0</v>
      </c>
      <c r="R6911">
        <v>0</v>
      </c>
      <c r="S6911">
        <v>0</v>
      </c>
      <c r="T6911">
        <v>0</v>
      </c>
      <c r="U6911">
        <v>0</v>
      </c>
      <c r="V6911">
        <v>0</v>
      </c>
      <c r="W6911">
        <v>0</v>
      </c>
      <c r="X6911">
        <v>0</v>
      </c>
      <c r="Y6911">
        <v>0</v>
      </c>
      <c r="Z6911">
        <v>0</v>
      </c>
      <c r="AA6911">
        <v>0</v>
      </c>
      <c r="AB6911">
        <v>0</v>
      </c>
      <c r="AC6911">
        <v>0</v>
      </c>
      <c r="AD6911">
        <v>0</v>
      </c>
      <c r="AE6911">
        <v>0</v>
      </c>
      <c r="AF6911">
        <v>0</v>
      </c>
      <c r="AG6911">
        <v>0</v>
      </c>
      <c r="AH6911">
        <v>0</v>
      </c>
      <c r="AI6911">
        <v>0</v>
      </c>
      <c r="AJ6911">
        <v>0</v>
      </c>
      <c r="AK6911">
        <v>0</v>
      </c>
      <c r="AL6911">
        <v>0</v>
      </c>
      <c r="AM6911">
        <v>0</v>
      </c>
      <c r="AN6911">
        <v>0</v>
      </c>
      <c r="AO6911">
        <v>0</v>
      </c>
      <c r="AP6911">
        <v>0</v>
      </c>
      <c r="AQ6911">
        <v>0</v>
      </c>
    </row>
    <row r="6912" spans="1:43">
      <c r="A6912" t="s">
        <v>4326</v>
      </c>
      <c r="B6912" t="s">
        <v>4327</v>
      </c>
      <c r="C6912" t="s">
        <v>4328</v>
      </c>
      <c r="D6912" t="s">
        <v>4329</v>
      </c>
      <c r="E6912" t="s">
        <v>4236</v>
      </c>
      <c r="F6912" t="s">
        <v>4237</v>
      </c>
      <c r="G6912" t="s">
        <v>80</v>
      </c>
      <c r="H6912" t="s">
        <v>81</v>
      </c>
      <c r="I6912" s="2">
        <v>1</v>
      </c>
      <c r="J6912" s="2">
        <v>0</v>
      </c>
      <c r="K6912" s="2">
        <v>0</v>
      </c>
      <c r="L6912" t="s">
        <v>120</v>
      </c>
      <c r="M6912" t="s">
        <v>89</v>
      </c>
      <c r="N6912" t="s">
        <v>90</v>
      </c>
      <c r="O6912" t="s">
        <v>85</v>
      </c>
      <c r="P6912" t="s">
        <v>86</v>
      </c>
      <c r="Q6912">
        <v>0</v>
      </c>
      <c r="R6912">
        <v>0</v>
      </c>
      <c r="S6912">
        <v>0</v>
      </c>
      <c r="T6912">
        <v>0</v>
      </c>
      <c r="U6912">
        <v>0</v>
      </c>
      <c r="V6912">
        <v>0</v>
      </c>
      <c r="W6912">
        <v>0</v>
      </c>
      <c r="X6912">
        <v>0</v>
      </c>
      <c r="Y6912">
        <v>0</v>
      </c>
      <c r="Z6912">
        <v>0</v>
      </c>
      <c r="AA6912">
        <v>0</v>
      </c>
      <c r="AB6912">
        <v>0</v>
      </c>
      <c r="AC6912">
        <v>0</v>
      </c>
      <c r="AD6912">
        <v>0</v>
      </c>
      <c r="AE6912">
        <v>0</v>
      </c>
      <c r="AF6912">
        <v>0</v>
      </c>
      <c r="AG6912">
        <v>0</v>
      </c>
      <c r="AH6912">
        <v>0</v>
      </c>
      <c r="AI6912">
        <v>0</v>
      </c>
      <c r="AJ6912">
        <v>0</v>
      </c>
      <c r="AK6912">
        <v>0</v>
      </c>
      <c r="AL6912">
        <v>0</v>
      </c>
      <c r="AM6912">
        <v>0</v>
      </c>
      <c r="AN6912">
        <v>0</v>
      </c>
      <c r="AO6912">
        <v>0</v>
      </c>
      <c r="AP6912">
        <v>0</v>
      </c>
      <c r="AQ6912">
        <v>0</v>
      </c>
    </row>
    <row r="6913" spans="1:43">
      <c r="A6913" t="s">
        <v>4326</v>
      </c>
      <c r="B6913" t="s">
        <v>4327</v>
      </c>
      <c r="C6913" t="s">
        <v>4328</v>
      </c>
      <c r="D6913" t="s">
        <v>4329</v>
      </c>
      <c r="E6913" t="s">
        <v>4236</v>
      </c>
      <c r="F6913" t="s">
        <v>4237</v>
      </c>
      <c r="G6913" t="s">
        <v>80</v>
      </c>
      <c r="H6913" t="s">
        <v>81</v>
      </c>
      <c r="I6913" s="2">
        <v>1</v>
      </c>
      <c r="J6913" s="2">
        <v>0</v>
      </c>
      <c r="K6913" s="2">
        <v>0</v>
      </c>
      <c r="L6913" t="s">
        <v>120</v>
      </c>
      <c r="M6913" t="s">
        <v>83</v>
      </c>
      <c r="N6913" t="s">
        <v>91</v>
      </c>
      <c r="O6913" t="s">
        <v>85</v>
      </c>
      <c r="P6913" t="s">
        <v>86</v>
      </c>
      <c r="Q6913">
        <v>0</v>
      </c>
      <c r="R6913">
        <v>0</v>
      </c>
      <c r="S6913">
        <v>0</v>
      </c>
      <c r="T6913">
        <v>0</v>
      </c>
      <c r="U6913">
        <v>0</v>
      </c>
      <c r="V6913">
        <v>0</v>
      </c>
      <c r="W6913">
        <v>0</v>
      </c>
      <c r="X6913">
        <v>0</v>
      </c>
      <c r="Y6913">
        <v>0</v>
      </c>
      <c r="Z6913">
        <v>0</v>
      </c>
      <c r="AA6913">
        <v>0</v>
      </c>
      <c r="AB6913">
        <v>0</v>
      </c>
      <c r="AC6913">
        <v>0</v>
      </c>
      <c r="AD6913">
        <v>0</v>
      </c>
      <c r="AE6913">
        <v>0</v>
      </c>
      <c r="AF6913">
        <v>0</v>
      </c>
      <c r="AG6913">
        <v>0</v>
      </c>
      <c r="AH6913">
        <v>0</v>
      </c>
      <c r="AI6913">
        <v>0</v>
      </c>
      <c r="AJ6913">
        <v>0</v>
      </c>
      <c r="AK6913">
        <v>0</v>
      </c>
      <c r="AL6913">
        <v>0</v>
      </c>
      <c r="AM6913">
        <v>0</v>
      </c>
      <c r="AN6913">
        <v>0</v>
      </c>
      <c r="AO6913">
        <v>0</v>
      </c>
      <c r="AP6913">
        <v>0</v>
      </c>
      <c r="AQ6913">
        <v>0</v>
      </c>
    </row>
    <row r="6914" spans="1:43">
      <c r="A6914" t="s">
        <v>4330</v>
      </c>
      <c r="B6914" t="s">
        <v>4331</v>
      </c>
      <c r="C6914" t="s">
        <v>4328</v>
      </c>
      <c r="D6914" t="s">
        <v>4329</v>
      </c>
      <c r="E6914" t="s">
        <v>4236</v>
      </c>
      <c r="F6914" t="s">
        <v>4237</v>
      </c>
      <c r="G6914" t="s">
        <v>80</v>
      </c>
      <c r="H6914" t="s">
        <v>81</v>
      </c>
      <c r="I6914" s="2">
        <v>1</v>
      </c>
      <c r="J6914" s="2">
        <v>0</v>
      </c>
      <c r="K6914" s="2">
        <v>0</v>
      </c>
      <c r="L6914" t="s">
        <v>120</v>
      </c>
      <c r="M6914" t="s">
        <v>83</v>
      </c>
      <c r="N6914" t="s">
        <v>84</v>
      </c>
      <c r="O6914" t="s">
        <v>85</v>
      </c>
      <c r="P6914" t="s">
        <v>86</v>
      </c>
      <c r="Q6914">
        <v>23</v>
      </c>
      <c r="R6914">
        <v>23</v>
      </c>
      <c r="S6914">
        <v>23</v>
      </c>
      <c r="T6914">
        <v>23</v>
      </c>
      <c r="U6914">
        <v>24</v>
      </c>
      <c r="V6914">
        <v>24</v>
      </c>
      <c r="W6914">
        <v>24</v>
      </c>
      <c r="X6914">
        <v>24</v>
      </c>
      <c r="Y6914">
        <v>24</v>
      </c>
      <c r="Z6914">
        <v>25</v>
      </c>
      <c r="AA6914">
        <v>25</v>
      </c>
      <c r="AB6914">
        <v>25</v>
      </c>
      <c r="AC6914">
        <v>25</v>
      </c>
      <c r="AD6914">
        <v>25</v>
      </c>
      <c r="AE6914">
        <v>25</v>
      </c>
      <c r="AF6914">
        <v>25</v>
      </c>
      <c r="AG6914">
        <v>26</v>
      </c>
      <c r="AH6914">
        <v>26</v>
      </c>
      <c r="AI6914">
        <v>26</v>
      </c>
      <c r="AJ6914">
        <v>26</v>
      </c>
      <c r="AK6914">
        <v>26</v>
      </c>
      <c r="AL6914">
        <v>26</v>
      </c>
      <c r="AM6914">
        <v>26</v>
      </c>
      <c r="AN6914">
        <v>25</v>
      </c>
      <c r="AO6914">
        <v>25</v>
      </c>
      <c r="AP6914">
        <v>25</v>
      </c>
      <c r="AQ6914">
        <v>25</v>
      </c>
    </row>
    <row r="6915" spans="1:43">
      <c r="A6915" t="s">
        <v>4330</v>
      </c>
      <c r="B6915" t="s">
        <v>4331</v>
      </c>
      <c r="C6915" t="s">
        <v>4328</v>
      </c>
      <c r="D6915" t="s">
        <v>4329</v>
      </c>
      <c r="E6915" t="s">
        <v>4236</v>
      </c>
      <c r="F6915" t="s">
        <v>4237</v>
      </c>
      <c r="G6915" t="s">
        <v>80</v>
      </c>
      <c r="H6915" t="s">
        <v>81</v>
      </c>
      <c r="I6915" s="2">
        <v>1</v>
      </c>
      <c r="J6915" s="2">
        <v>0</v>
      </c>
      <c r="K6915" s="2">
        <v>0</v>
      </c>
      <c r="L6915" t="s">
        <v>120</v>
      </c>
      <c r="M6915" t="s">
        <v>87</v>
      </c>
      <c r="N6915" t="s">
        <v>88</v>
      </c>
      <c r="O6915" t="s">
        <v>85</v>
      </c>
      <c r="P6915" t="s">
        <v>86</v>
      </c>
      <c r="Q6915">
        <v>23</v>
      </c>
      <c r="R6915">
        <v>23</v>
      </c>
      <c r="S6915">
        <v>23</v>
      </c>
      <c r="T6915">
        <v>24</v>
      </c>
      <c r="U6915">
        <v>24</v>
      </c>
      <c r="V6915">
        <v>24</v>
      </c>
      <c r="W6915">
        <v>24</v>
      </c>
      <c r="X6915">
        <v>24</v>
      </c>
      <c r="Y6915">
        <v>24</v>
      </c>
      <c r="Z6915">
        <v>24</v>
      </c>
      <c r="AA6915">
        <v>24</v>
      </c>
      <c r="AB6915">
        <v>24</v>
      </c>
      <c r="AC6915">
        <v>24</v>
      </c>
      <c r="AD6915">
        <v>24</v>
      </c>
      <c r="AE6915">
        <v>24</v>
      </c>
      <c r="AF6915">
        <v>23</v>
      </c>
      <c r="AG6915">
        <v>23</v>
      </c>
      <c r="AH6915">
        <v>23</v>
      </c>
      <c r="AI6915">
        <v>23</v>
      </c>
      <c r="AJ6915">
        <v>23</v>
      </c>
      <c r="AK6915">
        <v>23</v>
      </c>
      <c r="AL6915">
        <v>23</v>
      </c>
      <c r="AM6915">
        <v>23</v>
      </c>
      <c r="AN6915">
        <v>23</v>
      </c>
      <c r="AO6915">
        <v>23</v>
      </c>
      <c r="AP6915">
        <v>23</v>
      </c>
      <c r="AQ6915">
        <v>23</v>
      </c>
    </row>
    <row r="6916" spans="1:43">
      <c r="A6916" t="s">
        <v>4330</v>
      </c>
      <c r="B6916" t="s">
        <v>4331</v>
      </c>
      <c r="C6916" t="s">
        <v>4328</v>
      </c>
      <c r="D6916" t="s">
        <v>4329</v>
      </c>
      <c r="E6916" t="s">
        <v>4236</v>
      </c>
      <c r="F6916" t="s">
        <v>4237</v>
      </c>
      <c r="G6916" t="s">
        <v>80</v>
      </c>
      <c r="H6916" t="s">
        <v>81</v>
      </c>
      <c r="I6916" s="2">
        <v>1</v>
      </c>
      <c r="J6916" s="2">
        <v>0</v>
      </c>
      <c r="K6916" s="2">
        <v>0</v>
      </c>
      <c r="L6916" t="s">
        <v>120</v>
      </c>
      <c r="M6916" t="s">
        <v>89</v>
      </c>
      <c r="N6916" t="s">
        <v>90</v>
      </c>
      <c r="O6916" t="s">
        <v>85</v>
      </c>
      <c r="P6916" t="s">
        <v>86</v>
      </c>
      <c r="Q6916">
        <v>23</v>
      </c>
      <c r="R6916">
        <v>23</v>
      </c>
      <c r="S6916">
        <v>24</v>
      </c>
      <c r="T6916">
        <v>24</v>
      </c>
      <c r="U6916">
        <v>25</v>
      </c>
      <c r="V6916">
        <v>25</v>
      </c>
      <c r="W6916">
        <v>25</v>
      </c>
      <c r="X6916">
        <v>26</v>
      </c>
      <c r="Y6916">
        <v>26</v>
      </c>
      <c r="Z6916">
        <v>26</v>
      </c>
      <c r="AA6916">
        <v>26</v>
      </c>
      <c r="AB6916">
        <v>27</v>
      </c>
      <c r="AC6916">
        <v>27</v>
      </c>
      <c r="AD6916">
        <v>27</v>
      </c>
      <c r="AE6916">
        <v>27</v>
      </c>
      <c r="AF6916">
        <v>27</v>
      </c>
      <c r="AG6916">
        <v>27</v>
      </c>
      <c r="AH6916">
        <v>27</v>
      </c>
      <c r="AI6916">
        <v>27</v>
      </c>
      <c r="AJ6916">
        <v>26</v>
      </c>
      <c r="AK6916">
        <v>26</v>
      </c>
      <c r="AL6916">
        <v>26</v>
      </c>
      <c r="AM6916">
        <v>26</v>
      </c>
      <c r="AN6916">
        <v>26</v>
      </c>
      <c r="AO6916">
        <v>26</v>
      </c>
      <c r="AP6916">
        <v>25</v>
      </c>
      <c r="AQ6916">
        <v>25</v>
      </c>
    </row>
    <row r="6917" spans="1:43">
      <c r="A6917" t="s">
        <v>4330</v>
      </c>
      <c r="B6917" t="s">
        <v>4331</v>
      </c>
      <c r="C6917" t="s">
        <v>4328</v>
      </c>
      <c r="D6917" t="s">
        <v>4329</v>
      </c>
      <c r="E6917" t="s">
        <v>4236</v>
      </c>
      <c r="F6917" t="s">
        <v>4237</v>
      </c>
      <c r="G6917" t="s">
        <v>80</v>
      </c>
      <c r="H6917" t="s">
        <v>81</v>
      </c>
      <c r="I6917" s="2">
        <v>1</v>
      </c>
      <c r="J6917" s="2">
        <v>0</v>
      </c>
      <c r="K6917" s="2">
        <v>0</v>
      </c>
      <c r="L6917" t="s">
        <v>120</v>
      </c>
      <c r="M6917" t="s">
        <v>83</v>
      </c>
      <c r="N6917" t="s">
        <v>91</v>
      </c>
      <c r="O6917" t="s">
        <v>85</v>
      </c>
      <c r="P6917" t="s">
        <v>86</v>
      </c>
      <c r="Q6917">
        <v>23</v>
      </c>
      <c r="R6917">
        <v>23</v>
      </c>
      <c r="S6917">
        <v>23</v>
      </c>
      <c r="T6917">
        <v>23</v>
      </c>
      <c r="U6917">
        <v>24</v>
      </c>
      <c r="V6917">
        <v>24</v>
      </c>
      <c r="W6917">
        <v>24</v>
      </c>
      <c r="X6917">
        <v>24</v>
      </c>
      <c r="Y6917">
        <v>24</v>
      </c>
      <c r="Z6917">
        <v>25</v>
      </c>
      <c r="AA6917">
        <v>25</v>
      </c>
      <c r="AB6917">
        <v>25</v>
      </c>
      <c r="AC6917">
        <v>25</v>
      </c>
      <c r="AD6917">
        <v>25</v>
      </c>
      <c r="AE6917">
        <v>25</v>
      </c>
      <c r="AF6917">
        <v>25</v>
      </c>
      <c r="AG6917">
        <v>26</v>
      </c>
      <c r="AH6917">
        <v>26</v>
      </c>
      <c r="AI6917">
        <v>26</v>
      </c>
      <c r="AJ6917">
        <v>26</v>
      </c>
      <c r="AK6917">
        <v>26</v>
      </c>
      <c r="AL6917">
        <v>26</v>
      </c>
      <c r="AM6917">
        <v>26</v>
      </c>
      <c r="AN6917">
        <v>25</v>
      </c>
      <c r="AO6917">
        <v>25</v>
      </c>
      <c r="AP6917">
        <v>25</v>
      </c>
      <c r="AQ6917">
        <v>25</v>
      </c>
    </row>
    <row r="6918" spans="1:43">
      <c r="A6918" t="s">
        <v>4332</v>
      </c>
      <c r="B6918" t="s">
        <v>4333</v>
      </c>
      <c r="C6918" t="s">
        <v>4334</v>
      </c>
      <c r="D6918" t="s">
        <v>4335</v>
      </c>
      <c r="E6918" t="s">
        <v>4236</v>
      </c>
      <c r="F6918" t="s">
        <v>4237</v>
      </c>
      <c r="G6918" t="s">
        <v>80</v>
      </c>
      <c r="H6918" t="s">
        <v>81</v>
      </c>
      <c r="I6918" s="2">
        <v>1</v>
      </c>
      <c r="J6918" s="2">
        <v>0</v>
      </c>
      <c r="K6918" s="2">
        <v>0</v>
      </c>
      <c r="L6918" t="s">
        <v>120</v>
      </c>
      <c r="M6918" t="s">
        <v>83</v>
      </c>
      <c r="N6918" t="s">
        <v>84</v>
      </c>
      <c r="O6918" t="s">
        <v>85</v>
      </c>
      <c r="P6918" t="s">
        <v>86</v>
      </c>
      <c r="Q6918">
        <v>34</v>
      </c>
      <c r="R6918">
        <v>35</v>
      </c>
      <c r="S6918">
        <v>35</v>
      </c>
      <c r="T6918">
        <v>35</v>
      </c>
      <c r="U6918">
        <v>36</v>
      </c>
      <c r="V6918">
        <v>36</v>
      </c>
      <c r="W6918">
        <v>37</v>
      </c>
      <c r="X6918">
        <v>37</v>
      </c>
      <c r="Y6918">
        <v>37</v>
      </c>
      <c r="Z6918">
        <v>37</v>
      </c>
      <c r="AA6918">
        <v>38</v>
      </c>
      <c r="AB6918">
        <v>38</v>
      </c>
      <c r="AC6918">
        <v>38</v>
      </c>
      <c r="AD6918">
        <v>38</v>
      </c>
      <c r="AE6918">
        <v>39</v>
      </c>
      <c r="AF6918">
        <v>39</v>
      </c>
      <c r="AG6918">
        <v>39</v>
      </c>
      <c r="AH6918">
        <v>39</v>
      </c>
      <c r="AI6918">
        <v>39</v>
      </c>
      <c r="AJ6918">
        <v>39</v>
      </c>
      <c r="AK6918">
        <v>39</v>
      </c>
      <c r="AL6918">
        <v>39</v>
      </c>
      <c r="AM6918">
        <v>39</v>
      </c>
      <c r="AN6918">
        <v>39</v>
      </c>
      <c r="AO6918">
        <v>38</v>
      </c>
      <c r="AP6918">
        <v>38</v>
      </c>
      <c r="AQ6918">
        <v>38</v>
      </c>
    </row>
    <row r="6919" spans="1:43">
      <c r="A6919" t="s">
        <v>4332</v>
      </c>
      <c r="B6919" t="s">
        <v>4333</v>
      </c>
      <c r="C6919" t="s">
        <v>4334</v>
      </c>
      <c r="D6919" t="s">
        <v>4335</v>
      </c>
      <c r="E6919" t="s">
        <v>4236</v>
      </c>
      <c r="F6919" t="s">
        <v>4237</v>
      </c>
      <c r="G6919" t="s">
        <v>80</v>
      </c>
      <c r="H6919" t="s">
        <v>81</v>
      </c>
      <c r="I6919" s="2">
        <v>1</v>
      </c>
      <c r="J6919" s="2">
        <v>0</v>
      </c>
      <c r="K6919" s="2">
        <v>0</v>
      </c>
      <c r="L6919" t="s">
        <v>120</v>
      </c>
      <c r="M6919" t="s">
        <v>87</v>
      </c>
      <c r="N6919" t="s">
        <v>88</v>
      </c>
      <c r="O6919" t="s">
        <v>85</v>
      </c>
      <c r="P6919" t="s">
        <v>86</v>
      </c>
      <c r="Q6919">
        <v>34</v>
      </c>
      <c r="R6919">
        <v>34</v>
      </c>
      <c r="S6919">
        <v>34</v>
      </c>
      <c r="T6919">
        <v>34</v>
      </c>
      <c r="U6919">
        <v>34</v>
      </c>
      <c r="V6919">
        <v>34</v>
      </c>
      <c r="W6919">
        <v>34</v>
      </c>
      <c r="X6919">
        <v>34</v>
      </c>
      <c r="Y6919">
        <v>34</v>
      </c>
      <c r="Z6919">
        <v>34</v>
      </c>
      <c r="AA6919">
        <v>34</v>
      </c>
      <c r="AB6919">
        <v>34</v>
      </c>
      <c r="AC6919">
        <v>34</v>
      </c>
      <c r="AD6919">
        <v>34</v>
      </c>
      <c r="AE6919">
        <v>34</v>
      </c>
      <c r="AF6919">
        <v>34</v>
      </c>
      <c r="AG6919">
        <v>34</v>
      </c>
      <c r="AH6919">
        <v>34</v>
      </c>
      <c r="AI6919">
        <v>34</v>
      </c>
      <c r="AJ6919">
        <v>34</v>
      </c>
      <c r="AK6919">
        <v>34</v>
      </c>
      <c r="AL6919">
        <v>34</v>
      </c>
      <c r="AM6919">
        <v>33</v>
      </c>
      <c r="AN6919">
        <v>33</v>
      </c>
      <c r="AO6919">
        <v>33</v>
      </c>
      <c r="AP6919">
        <v>33</v>
      </c>
      <c r="AQ6919">
        <v>33</v>
      </c>
    </row>
    <row r="6920" spans="1:43">
      <c r="A6920" t="s">
        <v>4332</v>
      </c>
      <c r="B6920" t="s">
        <v>4333</v>
      </c>
      <c r="C6920" t="s">
        <v>4334</v>
      </c>
      <c r="D6920" t="s">
        <v>4335</v>
      </c>
      <c r="E6920" t="s">
        <v>4236</v>
      </c>
      <c r="F6920" t="s">
        <v>4237</v>
      </c>
      <c r="G6920" t="s">
        <v>80</v>
      </c>
      <c r="H6920" t="s">
        <v>81</v>
      </c>
      <c r="I6920" s="2">
        <v>1</v>
      </c>
      <c r="J6920" s="2">
        <v>0</v>
      </c>
      <c r="K6920" s="2">
        <v>0</v>
      </c>
      <c r="L6920" t="s">
        <v>120</v>
      </c>
      <c r="M6920" t="s">
        <v>89</v>
      </c>
      <c r="N6920" t="s">
        <v>90</v>
      </c>
      <c r="O6920" t="s">
        <v>85</v>
      </c>
      <c r="P6920" t="s">
        <v>86</v>
      </c>
      <c r="Q6920">
        <v>34</v>
      </c>
      <c r="R6920">
        <v>34</v>
      </c>
      <c r="S6920">
        <v>35</v>
      </c>
      <c r="T6920">
        <v>36</v>
      </c>
      <c r="U6920">
        <v>36</v>
      </c>
      <c r="V6920">
        <v>37</v>
      </c>
      <c r="W6920">
        <v>37</v>
      </c>
      <c r="X6920">
        <v>38</v>
      </c>
      <c r="Y6920">
        <v>38</v>
      </c>
      <c r="Z6920">
        <v>39</v>
      </c>
      <c r="AA6920">
        <v>39</v>
      </c>
      <c r="AB6920">
        <v>39</v>
      </c>
      <c r="AC6920">
        <v>40</v>
      </c>
      <c r="AD6920">
        <v>40</v>
      </c>
      <c r="AE6920">
        <v>40</v>
      </c>
      <c r="AF6920">
        <v>40</v>
      </c>
      <c r="AG6920">
        <v>40</v>
      </c>
      <c r="AH6920">
        <v>40</v>
      </c>
      <c r="AI6920">
        <v>39</v>
      </c>
      <c r="AJ6920">
        <v>39</v>
      </c>
      <c r="AK6920">
        <v>39</v>
      </c>
      <c r="AL6920">
        <v>39</v>
      </c>
      <c r="AM6920">
        <v>38</v>
      </c>
      <c r="AN6920">
        <v>38</v>
      </c>
      <c r="AO6920">
        <v>38</v>
      </c>
      <c r="AP6920">
        <v>38</v>
      </c>
      <c r="AQ6920">
        <v>37</v>
      </c>
    </row>
    <row r="6921" spans="1:43">
      <c r="A6921" t="s">
        <v>4332</v>
      </c>
      <c r="B6921" t="s">
        <v>4333</v>
      </c>
      <c r="C6921" t="s">
        <v>4334</v>
      </c>
      <c r="D6921" t="s">
        <v>4335</v>
      </c>
      <c r="E6921" t="s">
        <v>4236</v>
      </c>
      <c r="F6921" t="s">
        <v>4237</v>
      </c>
      <c r="G6921" t="s">
        <v>80</v>
      </c>
      <c r="H6921" t="s">
        <v>81</v>
      </c>
      <c r="I6921" s="2">
        <v>1</v>
      </c>
      <c r="J6921" s="2">
        <v>0</v>
      </c>
      <c r="K6921" s="2">
        <v>0</v>
      </c>
      <c r="L6921" t="s">
        <v>120</v>
      </c>
      <c r="M6921" t="s">
        <v>83</v>
      </c>
      <c r="N6921" t="s">
        <v>91</v>
      </c>
      <c r="O6921" t="s">
        <v>85</v>
      </c>
      <c r="P6921" t="s">
        <v>86</v>
      </c>
      <c r="Q6921">
        <v>34</v>
      </c>
      <c r="R6921">
        <v>35</v>
      </c>
      <c r="S6921">
        <v>35</v>
      </c>
      <c r="T6921">
        <v>35</v>
      </c>
      <c r="U6921">
        <v>36</v>
      </c>
      <c r="V6921">
        <v>36</v>
      </c>
      <c r="W6921">
        <v>37</v>
      </c>
      <c r="X6921">
        <v>37</v>
      </c>
      <c r="Y6921">
        <v>37</v>
      </c>
      <c r="Z6921">
        <v>37</v>
      </c>
      <c r="AA6921">
        <v>38</v>
      </c>
      <c r="AB6921">
        <v>38</v>
      </c>
      <c r="AC6921">
        <v>38</v>
      </c>
      <c r="AD6921">
        <v>38</v>
      </c>
      <c r="AE6921">
        <v>39</v>
      </c>
      <c r="AF6921">
        <v>39</v>
      </c>
      <c r="AG6921">
        <v>39</v>
      </c>
      <c r="AH6921">
        <v>39</v>
      </c>
      <c r="AI6921">
        <v>39</v>
      </c>
      <c r="AJ6921">
        <v>39</v>
      </c>
      <c r="AK6921">
        <v>39</v>
      </c>
      <c r="AL6921">
        <v>39</v>
      </c>
      <c r="AM6921">
        <v>39</v>
      </c>
      <c r="AN6921">
        <v>39</v>
      </c>
      <c r="AO6921">
        <v>38</v>
      </c>
      <c r="AP6921">
        <v>38</v>
      </c>
      <c r="AQ6921">
        <v>38</v>
      </c>
    </row>
    <row r="6922" spans="1:43">
      <c r="A6922" t="s">
        <v>4336</v>
      </c>
      <c r="B6922" t="s">
        <v>4337</v>
      </c>
      <c r="C6922" t="s">
        <v>4334</v>
      </c>
      <c r="D6922" t="s">
        <v>4335</v>
      </c>
      <c r="E6922" t="s">
        <v>4236</v>
      </c>
      <c r="F6922" t="s">
        <v>4237</v>
      </c>
      <c r="G6922" t="s">
        <v>80</v>
      </c>
      <c r="H6922" t="s">
        <v>81</v>
      </c>
      <c r="I6922" s="2">
        <v>1</v>
      </c>
      <c r="J6922" s="2">
        <v>0</v>
      </c>
      <c r="K6922" s="2">
        <v>0</v>
      </c>
      <c r="L6922" t="s">
        <v>120</v>
      </c>
      <c r="M6922" t="s">
        <v>83</v>
      </c>
      <c r="N6922" t="s">
        <v>84</v>
      </c>
      <c r="O6922" t="s">
        <v>85</v>
      </c>
      <c r="P6922" t="s">
        <v>86</v>
      </c>
      <c r="Q6922">
        <v>63</v>
      </c>
      <c r="R6922">
        <v>63</v>
      </c>
      <c r="S6922">
        <v>64</v>
      </c>
      <c r="T6922">
        <v>65</v>
      </c>
      <c r="U6922">
        <v>65</v>
      </c>
      <c r="V6922">
        <v>66</v>
      </c>
      <c r="W6922">
        <v>67</v>
      </c>
      <c r="X6922">
        <v>67</v>
      </c>
      <c r="Y6922">
        <v>68</v>
      </c>
      <c r="Z6922">
        <v>68</v>
      </c>
      <c r="AA6922">
        <v>69</v>
      </c>
      <c r="AB6922">
        <v>69</v>
      </c>
      <c r="AC6922">
        <v>69</v>
      </c>
      <c r="AD6922">
        <v>70</v>
      </c>
      <c r="AE6922">
        <v>70</v>
      </c>
      <c r="AF6922">
        <v>70</v>
      </c>
      <c r="AG6922">
        <v>71</v>
      </c>
      <c r="AH6922">
        <v>71</v>
      </c>
      <c r="AI6922">
        <v>71</v>
      </c>
      <c r="AJ6922">
        <v>71</v>
      </c>
      <c r="AK6922">
        <v>72</v>
      </c>
      <c r="AL6922">
        <v>71</v>
      </c>
      <c r="AM6922">
        <v>71</v>
      </c>
      <c r="AN6922">
        <v>70</v>
      </c>
      <c r="AO6922">
        <v>70</v>
      </c>
      <c r="AP6922">
        <v>69</v>
      </c>
      <c r="AQ6922">
        <v>69</v>
      </c>
    </row>
    <row r="6923" spans="1:43">
      <c r="A6923" t="s">
        <v>4336</v>
      </c>
      <c r="B6923" t="s">
        <v>4337</v>
      </c>
      <c r="C6923" t="s">
        <v>4334</v>
      </c>
      <c r="D6923" t="s">
        <v>4335</v>
      </c>
      <c r="E6923" t="s">
        <v>4236</v>
      </c>
      <c r="F6923" t="s">
        <v>4237</v>
      </c>
      <c r="G6923" t="s">
        <v>80</v>
      </c>
      <c r="H6923" t="s">
        <v>81</v>
      </c>
      <c r="I6923" s="2">
        <v>1</v>
      </c>
      <c r="J6923" s="2">
        <v>0</v>
      </c>
      <c r="K6923" s="2">
        <v>0</v>
      </c>
      <c r="L6923" t="s">
        <v>120</v>
      </c>
      <c r="M6923" t="s">
        <v>87</v>
      </c>
      <c r="N6923" t="s">
        <v>88</v>
      </c>
      <c r="O6923" t="s">
        <v>85</v>
      </c>
      <c r="P6923" t="s">
        <v>86</v>
      </c>
      <c r="Q6923">
        <v>63</v>
      </c>
      <c r="R6923">
        <v>63</v>
      </c>
      <c r="S6923">
        <v>63</v>
      </c>
      <c r="T6923">
        <v>63</v>
      </c>
      <c r="U6923">
        <v>63</v>
      </c>
      <c r="V6923">
        <v>63</v>
      </c>
      <c r="W6923">
        <v>64</v>
      </c>
      <c r="X6923">
        <v>64</v>
      </c>
      <c r="Y6923">
        <v>64</v>
      </c>
      <c r="Z6923">
        <v>64</v>
      </c>
      <c r="AA6923">
        <v>63</v>
      </c>
      <c r="AB6923">
        <v>63</v>
      </c>
      <c r="AC6923">
        <v>63</v>
      </c>
      <c r="AD6923">
        <v>63</v>
      </c>
      <c r="AE6923">
        <v>63</v>
      </c>
      <c r="AF6923">
        <v>63</v>
      </c>
      <c r="AG6923">
        <v>63</v>
      </c>
      <c r="AH6923">
        <v>63</v>
      </c>
      <c r="AI6923">
        <v>63</v>
      </c>
      <c r="AJ6923">
        <v>62</v>
      </c>
      <c r="AK6923">
        <v>62</v>
      </c>
      <c r="AL6923">
        <v>62</v>
      </c>
      <c r="AM6923">
        <v>62</v>
      </c>
      <c r="AN6923">
        <v>61</v>
      </c>
      <c r="AO6923">
        <v>61</v>
      </c>
      <c r="AP6923">
        <v>61</v>
      </c>
      <c r="AQ6923">
        <v>61</v>
      </c>
    </row>
    <row r="6924" spans="1:43">
      <c r="A6924" t="s">
        <v>4336</v>
      </c>
      <c r="B6924" t="s">
        <v>4337</v>
      </c>
      <c r="C6924" t="s">
        <v>4334</v>
      </c>
      <c r="D6924" t="s">
        <v>4335</v>
      </c>
      <c r="E6924" t="s">
        <v>4236</v>
      </c>
      <c r="F6924" t="s">
        <v>4237</v>
      </c>
      <c r="G6924" t="s">
        <v>80</v>
      </c>
      <c r="H6924" t="s">
        <v>81</v>
      </c>
      <c r="I6924" s="2">
        <v>1</v>
      </c>
      <c r="J6924" s="2">
        <v>0</v>
      </c>
      <c r="K6924" s="2">
        <v>0</v>
      </c>
      <c r="L6924" t="s">
        <v>120</v>
      </c>
      <c r="M6924" t="s">
        <v>89</v>
      </c>
      <c r="N6924" t="s">
        <v>90</v>
      </c>
      <c r="O6924" t="s">
        <v>85</v>
      </c>
      <c r="P6924" t="s">
        <v>86</v>
      </c>
      <c r="Q6924">
        <v>63</v>
      </c>
      <c r="R6924">
        <v>64</v>
      </c>
      <c r="S6924">
        <v>66</v>
      </c>
      <c r="T6924">
        <v>67</v>
      </c>
      <c r="U6924">
        <v>68</v>
      </c>
      <c r="V6924">
        <v>69</v>
      </c>
      <c r="W6924">
        <v>70</v>
      </c>
      <c r="X6924">
        <v>71</v>
      </c>
      <c r="Y6924">
        <v>72</v>
      </c>
      <c r="Z6924">
        <v>72</v>
      </c>
      <c r="AA6924">
        <v>73</v>
      </c>
      <c r="AB6924">
        <v>74</v>
      </c>
      <c r="AC6924">
        <v>74</v>
      </c>
      <c r="AD6924">
        <v>75</v>
      </c>
      <c r="AE6924">
        <v>75</v>
      </c>
      <c r="AF6924">
        <v>75</v>
      </c>
      <c r="AG6924">
        <v>74</v>
      </c>
      <c r="AH6924">
        <v>74</v>
      </c>
      <c r="AI6924">
        <v>74</v>
      </c>
      <c r="AJ6924">
        <v>73</v>
      </c>
      <c r="AK6924">
        <v>73</v>
      </c>
      <c r="AL6924">
        <v>72</v>
      </c>
      <c r="AM6924">
        <v>72</v>
      </c>
      <c r="AN6924">
        <v>71</v>
      </c>
      <c r="AO6924">
        <v>71</v>
      </c>
      <c r="AP6924">
        <v>70</v>
      </c>
      <c r="AQ6924">
        <v>70</v>
      </c>
    </row>
    <row r="6925" spans="1:43">
      <c r="A6925" t="s">
        <v>4336</v>
      </c>
      <c r="B6925" t="s">
        <v>4337</v>
      </c>
      <c r="C6925" t="s">
        <v>4334</v>
      </c>
      <c r="D6925" t="s">
        <v>4335</v>
      </c>
      <c r="E6925" t="s">
        <v>4236</v>
      </c>
      <c r="F6925" t="s">
        <v>4237</v>
      </c>
      <c r="G6925" t="s">
        <v>80</v>
      </c>
      <c r="H6925" t="s">
        <v>81</v>
      </c>
      <c r="I6925" s="2">
        <v>1</v>
      </c>
      <c r="J6925" s="2">
        <v>0</v>
      </c>
      <c r="K6925" s="2">
        <v>0</v>
      </c>
      <c r="L6925" t="s">
        <v>120</v>
      </c>
      <c r="M6925" t="s">
        <v>83</v>
      </c>
      <c r="N6925" t="s">
        <v>91</v>
      </c>
      <c r="O6925" t="s">
        <v>85</v>
      </c>
      <c r="P6925" t="s">
        <v>86</v>
      </c>
      <c r="Q6925">
        <v>63</v>
      </c>
      <c r="R6925">
        <v>63</v>
      </c>
      <c r="S6925">
        <v>64</v>
      </c>
      <c r="T6925">
        <v>65</v>
      </c>
      <c r="U6925">
        <v>65</v>
      </c>
      <c r="V6925">
        <v>66</v>
      </c>
      <c r="W6925">
        <v>67</v>
      </c>
      <c r="X6925">
        <v>67</v>
      </c>
      <c r="Y6925">
        <v>68</v>
      </c>
      <c r="Z6925">
        <v>68</v>
      </c>
      <c r="AA6925">
        <v>69</v>
      </c>
      <c r="AB6925">
        <v>69</v>
      </c>
      <c r="AC6925">
        <v>69</v>
      </c>
      <c r="AD6925">
        <v>70</v>
      </c>
      <c r="AE6925">
        <v>70</v>
      </c>
      <c r="AF6925">
        <v>70</v>
      </c>
      <c r="AG6925">
        <v>71</v>
      </c>
      <c r="AH6925">
        <v>71</v>
      </c>
      <c r="AI6925">
        <v>71</v>
      </c>
      <c r="AJ6925">
        <v>71</v>
      </c>
      <c r="AK6925">
        <v>72</v>
      </c>
      <c r="AL6925">
        <v>71</v>
      </c>
      <c r="AM6925">
        <v>71</v>
      </c>
      <c r="AN6925">
        <v>70</v>
      </c>
      <c r="AO6925">
        <v>70</v>
      </c>
      <c r="AP6925">
        <v>69</v>
      </c>
      <c r="AQ6925">
        <v>69</v>
      </c>
    </row>
    <row r="6926" spans="1:43">
      <c r="A6926" t="s">
        <v>4338</v>
      </c>
      <c r="B6926" t="s">
        <v>4339</v>
      </c>
      <c r="C6926" t="s">
        <v>4334</v>
      </c>
      <c r="D6926" t="s">
        <v>4335</v>
      </c>
      <c r="E6926" t="s">
        <v>4236</v>
      </c>
      <c r="F6926" t="s">
        <v>4237</v>
      </c>
      <c r="G6926" t="s">
        <v>80</v>
      </c>
      <c r="H6926" t="s">
        <v>81</v>
      </c>
      <c r="I6926" s="2">
        <v>0.67</v>
      </c>
      <c r="J6926" s="2">
        <v>0.33</v>
      </c>
      <c r="K6926" s="2">
        <v>0</v>
      </c>
      <c r="L6926" t="s">
        <v>120</v>
      </c>
      <c r="M6926" t="s">
        <v>83</v>
      </c>
      <c r="N6926" t="s">
        <v>84</v>
      </c>
      <c r="O6926" t="s">
        <v>85</v>
      </c>
      <c r="P6926" t="s">
        <v>86</v>
      </c>
      <c r="Q6926">
        <v>49</v>
      </c>
      <c r="R6926">
        <v>50</v>
      </c>
      <c r="S6926">
        <v>50</v>
      </c>
      <c r="T6926">
        <v>51</v>
      </c>
      <c r="U6926">
        <v>51</v>
      </c>
      <c r="V6926">
        <v>52</v>
      </c>
      <c r="W6926">
        <v>52</v>
      </c>
      <c r="X6926">
        <v>53</v>
      </c>
      <c r="Y6926">
        <v>53</v>
      </c>
      <c r="Z6926">
        <v>53</v>
      </c>
      <c r="AA6926">
        <v>54</v>
      </c>
      <c r="AB6926">
        <v>54</v>
      </c>
      <c r="AC6926">
        <v>54</v>
      </c>
      <c r="AD6926">
        <v>55</v>
      </c>
      <c r="AE6926">
        <v>55</v>
      </c>
      <c r="AF6926">
        <v>55</v>
      </c>
      <c r="AG6926">
        <v>55</v>
      </c>
      <c r="AH6926">
        <v>56</v>
      </c>
      <c r="AI6926">
        <v>56</v>
      </c>
      <c r="AJ6926">
        <v>56</v>
      </c>
      <c r="AK6926">
        <v>56</v>
      </c>
      <c r="AL6926">
        <v>56</v>
      </c>
      <c r="AM6926">
        <v>56</v>
      </c>
      <c r="AN6926">
        <v>55</v>
      </c>
      <c r="AO6926">
        <v>55</v>
      </c>
      <c r="AP6926">
        <v>54</v>
      </c>
      <c r="AQ6926">
        <v>54</v>
      </c>
    </row>
    <row r="6927" spans="1:43">
      <c r="A6927" t="s">
        <v>4338</v>
      </c>
      <c r="B6927" t="s">
        <v>4339</v>
      </c>
      <c r="C6927" t="s">
        <v>4334</v>
      </c>
      <c r="D6927" t="s">
        <v>4335</v>
      </c>
      <c r="E6927" t="s">
        <v>4236</v>
      </c>
      <c r="F6927" t="s">
        <v>4237</v>
      </c>
      <c r="G6927" t="s">
        <v>80</v>
      </c>
      <c r="H6927" t="s">
        <v>81</v>
      </c>
      <c r="I6927" s="2">
        <v>0.67</v>
      </c>
      <c r="J6927" s="2">
        <v>0.33</v>
      </c>
      <c r="K6927" s="2">
        <v>0</v>
      </c>
      <c r="L6927" t="s">
        <v>120</v>
      </c>
      <c r="M6927" t="s">
        <v>87</v>
      </c>
      <c r="N6927" t="s">
        <v>88</v>
      </c>
      <c r="O6927" t="s">
        <v>85</v>
      </c>
      <c r="P6927" t="s">
        <v>86</v>
      </c>
      <c r="Q6927">
        <v>49</v>
      </c>
      <c r="R6927">
        <v>49</v>
      </c>
      <c r="S6927">
        <v>49</v>
      </c>
      <c r="T6927">
        <v>49</v>
      </c>
      <c r="U6927">
        <v>49</v>
      </c>
      <c r="V6927">
        <v>49</v>
      </c>
      <c r="W6927">
        <v>49</v>
      </c>
      <c r="X6927">
        <v>49</v>
      </c>
      <c r="Y6927">
        <v>49</v>
      </c>
      <c r="Z6927">
        <v>49</v>
      </c>
      <c r="AA6927">
        <v>49</v>
      </c>
      <c r="AB6927">
        <v>49</v>
      </c>
      <c r="AC6927">
        <v>49</v>
      </c>
      <c r="AD6927">
        <v>49</v>
      </c>
      <c r="AE6927">
        <v>49</v>
      </c>
      <c r="AF6927">
        <v>49</v>
      </c>
      <c r="AG6927">
        <v>49</v>
      </c>
      <c r="AH6927">
        <v>48</v>
      </c>
      <c r="AI6927">
        <v>48</v>
      </c>
      <c r="AJ6927">
        <v>48</v>
      </c>
      <c r="AK6927">
        <v>48</v>
      </c>
      <c r="AL6927">
        <v>48</v>
      </c>
      <c r="AM6927">
        <v>48</v>
      </c>
      <c r="AN6927">
        <v>47</v>
      </c>
      <c r="AO6927">
        <v>47</v>
      </c>
      <c r="AP6927">
        <v>47</v>
      </c>
      <c r="AQ6927">
        <v>47</v>
      </c>
    </row>
    <row r="6928" spans="1:43">
      <c r="A6928" t="s">
        <v>4338</v>
      </c>
      <c r="B6928" t="s">
        <v>4339</v>
      </c>
      <c r="C6928" t="s">
        <v>4334</v>
      </c>
      <c r="D6928" t="s">
        <v>4335</v>
      </c>
      <c r="E6928" t="s">
        <v>4236</v>
      </c>
      <c r="F6928" t="s">
        <v>4237</v>
      </c>
      <c r="G6928" t="s">
        <v>80</v>
      </c>
      <c r="H6928" t="s">
        <v>81</v>
      </c>
      <c r="I6928" s="2">
        <v>0.67</v>
      </c>
      <c r="J6928" s="2">
        <v>0.33</v>
      </c>
      <c r="K6928" s="2">
        <v>0</v>
      </c>
      <c r="L6928" t="s">
        <v>120</v>
      </c>
      <c r="M6928" t="s">
        <v>89</v>
      </c>
      <c r="N6928" t="s">
        <v>90</v>
      </c>
      <c r="O6928" t="s">
        <v>85</v>
      </c>
      <c r="P6928" t="s">
        <v>86</v>
      </c>
      <c r="Q6928">
        <v>49</v>
      </c>
      <c r="R6928">
        <v>50</v>
      </c>
      <c r="S6928">
        <v>51</v>
      </c>
      <c r="T6928">
        <v>51</v>
      </c>
      <c r="U6928">
        <v>52</v>
      </c>
      <c r="V6928">
        <v>53</v>
      </c>
      <c r="W6928">
        <v>54</v>
      </c>
      <c r="X6928">
        <v>55</v>
      </c>
      <c r="Y6928">
        <v>55</v>
      </c>
      <c r="Z6928">
        <v>56</v>
      </c>
      <c r="AA6928">
        <v>56</v>
      </c>
      <c r="AB6928">
        <v>57</v>
      </c>
      <c r="AC6928">
        <v>57</v>
      </c>
      <c r="AD6928">
        <v>58</v>
      </c>
      <c r="AE6928">
        <v>58</v>
      </c>
      <c r="AF6928">
        <v>58</v>
      </c>
      <c r="AG6928">
        <v>57</v>
      </c>
      <c r="AH6928">
        <v>57</v>
      </c>
      <c r="AI6928">
        <v>57</v>
      </c>
      <c r="AJ6928">
        <v>56</v>
      </c>
      <c r="AK6928">
        <v>56</v>
      </c>
      <c r="AL6928">
        <v>56</v>
      </c>
      <c r="AM6928">
        <v>55</v>
      </c>
      <c r="AN6928">
        <v>55</v>
      </c>
      <c r="AO6928">
        <v>55</v>
      </c>
      <c r="AP6928">
        <v>54</v>
      </c>
      <c r="AQ6928">
        <v>54</v>
      </c>
    </row>
    <row r="6929" spans="1:43">
      <c r="A6929" t="s">
        <v>4338</v>
      </c>
      <c r="B6929" t="s">
        <v>4339</v>
      </c>
      <c r="C6929" t="s">
        <v>4334</v>
      </c>
      <c r="D6929" t="s">
        <v>4335</v>
      </c>
      <c r="E6929" t="s">
        <v>4236</v>
      </c>
      <c r="F6929" t="s">
        <v>4237</v>
      </c>
      <c r="G6929" t="s">
        <v>80</v>
      </c>
      <c r="H6929" t="s">
        <v>81</v>
      </c>
      <c r="I6929" s="2">
        <v>0.67</v>
      </c>
      <c r="J6929" s="2">
        <v>0.33</v>
      </c>
      <c r="K6929" s="2">
        <v>0</v>
      </c>
      <c r="L6929" t="s">
        <v>120</v>
      </c>
      <c r="M6929" t="s">
        <v>83</v>
      </c>
      <c r="N6929" t="s">
        <v>91</v>
      </c>
      <c r="O6929" t="s">
        <v>85</v>
      </c>
      <c r="P6929" t="s">
        <v>86</v>
      </c>
      <c r="Q6929">
        <v>49</v>
      </c>
      <c r="R6929">
        <v>50</v>
      </c>
      <c r="S6929">
        <v>50</v>
      </c>
      <c r="T6929">
        <v>51</v>
      </c>
      <c r="U6929">
        <v>51</v>
      </c>
      <c r="V6929">
        <v>52</v>
      </c>
      <c r="W6929">
        <v>52</v>
      </c>
      <c r="X6929">
        <v>53</v>
      </c>
      <c r="Y6929">
        <v>53</v>
      </c>
      <c r="Z6929">
        <v>53</v>
      </c>
      <c r="AA6929">
        <v>54</v>
      </c>
      <c r="AB6929">
        <v>54</v>
      </c>
      <c r="AC6929">
        <v>54</v>
      </c>
      <c r="AD6929">
        <v>55</v>
      </c>
      <c r="AE6929">
        <v>55</v>
      </c>
      <c r="AF6929">
        <v>55</v>
      </c>
      <c r="AG6929">
        <v>55</v>
      </c>
      <c r="AH6929">
        <v>56</v>
      </c>
      <c r="AI6929">
        <v>56</v>
      </c>
      <c r="AJ6929">
        <v>56</v>
      </c>
      <c r="AK6929">
        <v>56</v>
      </c>
      <c r="AL6929">
        <v>56</v>
      </c>
      <c r="AM6929">
        <v>56</v>
      </c>
      <c r="AN6929">
        <v>55</v>
      </c>
      <c r="AO6929">
        <v>55</v>
      </c>
      <c r="AP6929">
        <v>54</v>
      </c>
      <c r="AQ6929">
        <v>54</v>
      </c>
    </row>
    <row r="6930" spans="1:43">
      <c r="A6930" t="s">
        <v>4340</v>
      </c>
      <c r="B6930" t="s">
        <v>4341</v>
      </c>
      <c r="C6930" t="s">
        <v>4328</v>
      </c>
      <c r="D6930" t="s">
        <v>4329</v>
      </c>
      <c r="E6930" t="s">
        <v>4236</v>
      </c>
      <c r="F6930" t="s">
        <v>4237</v>
      </c>
      <c r="G6930" t="s">
        <v>80</v>
      </c>
      <c r="H6930" t="s">
        <v>81</v>
      </c>
      <c r="I6930" s="2">
        <v>1</v>
      </c>
      <c r="J6930" s="2">
        <v>0</v>
      </c>
      <c r="K6930" s="2">
        <v>0</v>
      </c>
      <c r="L6930" t="s">
        <v>120</v>
      </c>
      <c r="M6930" t="s">
        <v>83</v>
      </c>
      <c r="N6930" t="s">
        <v>84</v>
      </c>
      <c r="O6930" t="s">
        <v>85</v>
      </c>
      <c r="P6930" t="s">
        <v>86</v>
      </c>
      <c r="Q6930">
        <v>60</v>
      </c>
      <c r="R6930">
        <v>61</v>
      </c>
      <c r="S6930">
        <v>61</v>
      </c>
      <c r="T6930">
        <v>62</v>
      </c>
      <c r="U6930">
        <v>63</v>
      </c>
      <c r="V6930">
        <v>63</v>
      </c>
      <c r="W6930">
        <v>64</v>
      </c>
      <c r="X6930">
        <v>65</v>
      </c>
      <c r="Y6930">
        <v>65</v>
      </c>
      <c r="Z6930">
        <v>66</v>
      </c>
      <c r="AA6930">
        <v>66</v>
      </c>
      <c r="AB6930">
        <v>66</v>
      </c>
      <c r="AC6930">
        <v>67</v>
      </c>
      <c r="AD6930">
        <v>67</v>
      </c>
      <c r="AE6930">
        <v>67</v>
      </c>
      <c r="AF6930">
        <v>68</v>
      </c>
      <c r="AG6930">
        <v>68</v>
      </c>
      <c r="AH6930">
        <v>68</v>
      </c>
      <c r="AI6930">
        <v>69</v>
      </c>
      <c r="AJ6930">
        <v>69</v>
      </c>
      <c r="AK6930">
        <v>69</v>
      </c>
      <c r="AL6930">
        <v>69</v>
      </c>
      <c r="AM6930">
        <v>68</v>
      </c>
      <c r="AN6930">
        <v>68</v>
      </c>
      <c r="AO6930">
        <v>67</v>
      </c>
      <c r="AP6930">
        <v>67</v>
      </c>
      <c r="AQ6930">
        <v>67</v>
      </c>
    </row>
    <row r="6931" spans="1:43">
      <c r="A6931" t="s">
        <v>4340</v>
      </c>
      <c r="B6931" t="s">
        <v>4341</v>
      </c>
      <c r="C6931" t="s">
        <v>4328</v>
      </c>
      <c r="D6931" t="s">
        <v>4329</v>
      </c>
      <c r="E6931" t="s">
        <v>4236</v>
      </c>
      <c r="F6931" t="s">
        <v>4237</v>
      </c>
      <c r="G6931" t="s">
        <v>80</v>
      </c>
      <c r="H6931" t="s">
        <v>81</v>
      </c>
      <c r="I6931" s="2">
        <v>1</v>
      </c>
      <c r="J6931" s="2">
        <v>0</v>
      </c>
      <c r="K6931" s="2">
        <v>0</v>
      </c>
      <c r="L6931" t="s">
        <v>120</v>
      </c>
      <c r="M6931" t="s">
        <v>87</v>
      </c>
      <c r="N6931" t="s">
        <v>88</v>
      </c>
      <c r="O6931" t="s">
        <v>85</v>
      </c>
      <c r="P6931" t="s">
        <v>86</v>
      </c>
      <c r="Q6931">
        <v>60</v>
      </c>
      <c r="R6931">
        <v>61</v>
      </c>
      <c r="S6931">
        <v>61</v>
      </c>
      <c r="T6931">
        <v>61</v>
      </c>
      <c r="U6931">
        <v>61</v>
      </c>
      <c r="V6931">
        <v>61</v>
      </c>
      <c r="W6931">
        <v>61</v>
      </c>
      <c r="X6931">
        <v>61</v>
      </c>
      <c r="Y6931">
        <v>61</v>
      </c>
      <c r="Z6931">
        <v>61</v>
      </c>
      <c r="AA6931">
        <v>61</v>
      </c>
      <c r="AB6931">
        <v>61</v>
      </c>
      <c r="AC6931">
        <v>61</v>
      </c>
      <c r="AD6931">
        <v>61</v>
      </c>
      <c r="AE6931">
        <v>61</v>
      </c>
      <c r="AF6931">
        <v>61</v>
      </c>
      <c r="AG6931">
        <v>61</v>
      </c>
      <c r="AH6931">
        <v>61</v>
      </c>
      <c r="AI6931">
        <v>60</v>
      </c>
      <c r="AJ6931">
        <v>60</v>
      </c>
      <c r="AK6931">
        <v>60</v>
      </c>
      <c r="AL6931">
        <v>60</v>
      </c>
      <c r="AM6931">
        <v>60</v>
      </c>
      <c r="AN6931">
        <v>60</v>
      </c>
      <c r="AO6931">
        <v>59</v>
      </c>
      <c r="AP6931">
        <v>59</v>
      </c>
      <c r="AQ6931">
        <v>59</v>
      </c>
    </row>
    <row r="6932" spans="1:43">
      <c r="A6932" t="s">
        <v>4340</v>
      </c>
      <c r="B6932" t="s">
        <v>4341</v>
      </c>
      <c r="C6932" t="s">
        <v>4328</v>
      </c>
      <c r="D6932" t="s">
        <v>4329</v>
      </c>
      <c r="E6932" t="s">
        <v>4236</v>
      </c>
      <c r="F6932" t="s">
        <v>4237</v>
      </c>
      <c r="G6932" t="s">
        <v>80</v>
      </c>
      <c r="H6932" t="s">
        <v>81</v>
      </c>
      <c r="I6932" s="2">
        <v>1</v>
      </c>
      <c r="J6932" s="2">
        <v>0</v>
      </c>
      <c r="K6932" s="2">
        <v>0</v>
      </c>
      <c r="L6932" t="s">
        <v>120</v>
      </c>
      <c r="M6932" t="s">
        <v>89</v>
      </c>
      <c r="N6932" t="s">
        <v>90</v>
      </c>
      <c r="O6932" t="s">
        <v>85</v>
      </c>
      <c r="P6932" t="s">
        <v>86</v>
      </c>
      <c r="Q6932">
        <v>60</v>
      </c>
      <c r="R6932">
        <v>61</v>
      </c>
      <c r="S6932">
        <v>62</v>
      </c>
      <c r="T6932">
        <v>63</v>
      </c>
      <c r="U6932">
        <v>64</v>
      </c>
      <c r="V6932">
        <v>65</v>
      </c>
      <c r="W6932">
        <v>66</v>
      </c>
      <c r="X6932">
        <v>67</v>
      </c>
      <c r="Y6932">
        <v>68</v>
      </c>
      <c r="Z6932">
        <v>68</v>
      </c>
      <c r="AA6932">
        <v>69</v>
      </c>
      <c r="AB6932">
        <v>70</v>
      </c>
      <c r="AC6932">
        <v>70</v>
      </c>
      <c r="AD6932">
        <v>71</v>
      </c>
      <c r="AE6932">
        <v>71</v>
      </c>
      <c r="AF6932">
        <v>71</v>
      </c>
      <c r="AG6932">
        <v>71</v>
      </c>
      <c r="AH6932">
        <v>70</v>
      </c>
      <c r="AI6932">
        <v>70</v>
      </c>
      <c r="AJ6932">
        <v>69</v>
      </c>
      <c r="AK6932">
        <v>69</v>
      </c>
      <c r="AL6932">
        <v>69</v>
      </c>
      <c r="AM6932">
        <v>68</v>
      </c>
      <c r="AN6932">
        <v>68</v>
      </c>
      <c r="AO6932">
        <v>67</v>
      </c>
      <c r="AP6932">
        <v>67</v>
      </c>
      <c r="AQ6932">
        <v>66</v>
      </c>
    </row>
    <row r="6933" spans="1:43">
      <c r="A6933" t="s">
        <v>4340</v>
      </c>
      <c r="B6933" t="s">
        <v>4341</v>
      </c>
      <c r="C6933" t="s">
        <v>4328</v>
      </c>
      <c r="D6933" t="s">
        <v>4329</v>
      </c>
      <c r="E6933" t="s">
        <v>4236</v>
      </c>
      <c r="F6933" t="s">
        <v>4237</v>
      </c>
      <c r="G6933" t="s">
        <v>80</v>
      </c>
      <c r="H6933" t="s">
        <v>81</v>
      </c>
      <c r="I6933" s="2">
        <v>1</v>
      </c>
      <c r="J6933" s="2">
        <v>0</v>
      </c>
      <c r="K6933" s="2">
        <v>0</v>
      </c>
      <c r="L6933" t="s">
        <v>120</v>
      </c>
      <c r="M6933" t="s">
        <v>83</v>
      </c>
      <c r="N6933" t="s">
        <v>91</v>
      </c>
      <c r="O6933" t="s">
        <v>85</v>
      </c>
      <c r="P6933" t="s">
        <v>86</v>
      </c>
      <c r="Q6933">
        <v>60</v>
      </c>
      <c r="R6933">
        <v>61</v>
      </c>
      <c r="S6933">
        <v>61</v>
      </c>
      <c r="T6933">
        <v>62</v>
      </c>
      <c r="U6933">
        <v>63</v>
      </c>
      <c r="V6933">
        <v>63</v>
      </c>
      <c r="W6933">
        <v>64</v>
      </c>
      <c r="X6933">
        <v>65</v>
      </c>
      <c r="Y6933">
        <v>65</v>
      </c>
      <c r="Z6933">
        <v>66</v>
      </c>
      <c r="AA6933">
        <v>66</v>
      </c>
      <c r="AB6933">
        <v>66</v>
      </c>
      <c r="AC6933">
        <v>67</v>
      </c>
      <c r="AD6933">
        <v>67</v>
      </c>
      <c r="AE6933">
        <v>67</v>
      </c>
      <c r="AF6933">
        <v>68</v>
      </c>
      <c r="AG6933">
        <v>68</v>
      </c>
      <c r="AH6933">
        <v>68</v>
      </c>
      <c r="AI6933">
        <v>69</v>
      </c>
      <c r="AJ6933">
        <v>69</v>
      </c>
      <c r="AK6933">
        <v>69</v>
      </c>
      <c r="AL6933">
        <v>69</v>
      </c>
      <c r="AM6933">
        <v>68</v>
      </c>
      <c r="AN6933">
        <v>68</v>
      </c>
      <c r="AO6933">
        <v>67</v>
      </c>
      <c r="AP6933">
        <v>67</v>
      </c>
      <c r="AQ6933">
        <v>67</v>
      </c>
    </row>
    <row r="6934" spans="1:43">
      <c r="A6934" t="s">
        <v>4342</v>
      </c>
      <c r="B6934" t="s">
        <v>4343</v>
      </c>
      <c r="C6934" t="s">
        <v>4328</v>
      </c>
      <c r="D6934" t="s">
        <v>4329</v>
      </c>
      <c r="E6934" t="s">
        <v>4236</v>
      </c>
      <c r="F6934" t="s">
        <v>4237</v>
      </c>
      <c r="G6934" t="s">
        <v>80</v>
      </c>
      <c r="H6934" t="s">
        <v>81</v>
      </c>
      <c r="I6934" s="2">
        <v>1</v>
      </c>
      <c r="J6934" s="2">
        <v>0</v>
      </c>
      <c r="K6934" s="2">
        <v>0</v>
      </c>
      <c r="L6934" t="s">
        <v>120</v>
      </c>
      <c r="M6934" t="s">
        <v>83</v>
      </c>
      <c r="N6934" t="s">
        <v>84</v>
      </c>
      <c r="O6934" t="s">
        <v>85</v>
      </c>
      <c r="P6934" t="s">
        <v>86</v>
      </c>
      <c r="Q6934">
        <v>25</v>
      </c>
      <c r="R6934">
        <v>26</v>
      </c>
      <c r="S6934">
        <v>26</v>
      </c>
      <c r="T6934">
        <v>26</v>
      </c>
      <c r="U6934">
        <v>26</v>
      </c>
      <c r="V6934">
        <v>27</v>
      </c>
      <c r="W6934">
        <v>27</v>
      </c>
      <c r="X6934">
        <v>27</v>
      </c>
      <c r="Y6934">
        <v>27</v>
      </c>
      <c r="Z6934">
        <v>28</v>
      </c>
      <c r="AA6934">
        <v>28</v>
      </c>
      <c r="AB6934">
        <v>28</v>
      </c>
      <c r="AC6934">
        <v>28</v>
      </c>
      <c r="AD6934">
        <v>28</v>
      </c>
      <c r="AE6934">
        <v>28</v>
      </c>
      <c r="AF6934">
        <v>29</v>
      </c>
      <c r="AG6934">
        <v>29</v>
      </c>
      <c r="AH6934">
        <v>29</v>
      </c>
      <c r="AI6934">
        <v>29</v>
      </c>
      <c r="AJ6934">
        <v>29</v>
      </c>
      <c r="AK6934">
        <v>29</v>
      </c>
      <c r="AL6934">
        <v>29</v>
      </c>
      <c r="AM6934">
        <v>29</v>
      </c>
      <c r="AN6934">
        <v>29</v>
      </c>
      <c r="AO6934">
        <v>28</v>
      </c>
      <c r="AP6934">
        <v>28</v>
      </c>
      <c r="AQ6934">
        <v>28</v>
      </c>
    </row>
    <row r="6935" spans="1:43">
      <c r="A6935" t="s">
        <v>4342</v>
      </c>
      <c r="B6935" t="s">
        <v>4343</v>
      </c>
      <c r="C6935" t="s">
        <v>4328</v>
      </c>
      <c r="D6935" t="s">
        <v>4329</v>
      </c>
      <c r="E6935" t="s">
        <v>4236</v>
      </c>
      <c r="F6935" t="s">
        <v>4237</v>
      </c>
      <c r="G6935" t="s">
        <v>80</v>
      </c>
      <c r="H6935" t="s">
        <v>81</v>
      </c>
      <c r="I6935" s="2">
        <v>1</v>
      </c>
      <c r="J6935" s="2">
        <v>0</v>
      </c>
      <c r="K6935" s="2">
        <v>0</v>
      </c>
      <c r="L6935" t="s">
        <v>120</v>
      </c>
      <c r="M6935" t="s">
        <v>87</v>
      </c>
      <c r="N6935" t="s">
        <v>88</v>
      </c>
      <c r="O6935" t="s">
        <v>85</v>
      </c>
      <c r="P6935" t="s">
        <v>86</v>
      </c>
      <c r="Q6935">
        <v>25</v>
      </c>
      <c r="R6935">
        <v>25</v>
      </c>
      <c r="S6935">
        <v>25</v>
      </c>
      <c r="T6935">
        <v>25</v>
      </c>
      <c r="U6935">
        <v>25</v>
      </c>
      <c r="V6935">
        <v>25</v>
      </c>
      <c r="W6935">
        <v>25</v>
      </c>
      <c r="X6935">
        <v>25</v>
      </c>
      <c r="Y6935">
        <v>25</v>
      </c>
      <c r="Z6935">
        <v>25</v>
      </c>
      <c r="AA6935">
        <v>25</v>
      </c>
      <c r="AB6935">
        <v>25</v>
      </c>
      <c r="AC6935">
        <v>25</v>
      </c>
      <c r="AD6935">
        <v>25</v>
      </c>
      <c r="AE6935">
        <v>25</v>
      </c>
      <c r="AF6935">
        <v>25</v>
      </c>
      <c r="AG6935">
        <v>25</v>
      </c>
      <c r="AH6935">
        <v>25</v>
      </c>
      <c r="AI6935">
        <v>25</v>
      </c>
      <c r="AJ6935">
        <v>25</v>
      </c>
      <c r="AK6935">
        <v>25</v>
      </c>
      <c r="AL6935">
        <v>25</v>
      </c>
      <c r="AM6935">
        <v>25</v>
      </c>
      <c r="AN6935">
        <v>25</v>
      </c>
      <c r="AO6935">
        <v>25</v>
      </c>
      <c r="AP6935">
        <v>24</v>
      </c>
      <c r="AQ6935">
        <v>24</v>
      </c>
    </row>
    <row r="6936" spans="1:43">
      <c r="A6936" t="s">
        <v>4342</v>
      </c>
      <c r="B6936" t="s">
        <v>4343</v>
      </c>
      <c r="C6936" t="s">
        <v>4328</v>
      </c>
      <c r="D6936" t="s">
        <v>4329</v>
      </c>
      <c r="E6936" t="s">
        <v>4236</v>
      </c>
      <c r="F6936" t="s">
        <v>4237</v>
      </c>
      <c r="G6936" t="s">
        <v>80</v>
      </c>
      <c r="H6936" t="s">
        <v>81</v>
      </c>
      <c r="I6936" s="2">
        <v>1</v>
      </c>
      <c r="J6936" s="2">
        <v>0</v>
      </c>
      <c r="K6936" s="2">
        <v>0</v>
      </c>
      <c r="L6936" t="s">
        <v>120</v>
      </c>
      <c r="M6936" t="s">
        <v>89</v>
      </c>
      <c r="N6936" t="s">
        <v>90</v>
      </c>
      <c r="O6936" t="s">
        <v>85</v>
      </c>
      <c r="P6936" t="s">
        <v>86</v>
      </c>
      <c r="Q6936">
        <v>25</v>
      </c>
      <c r="R6936">
        <v>26</v>
      </c>
      <c r="S6936">
        <v>26</v>
      </c>
      <c r="T6936">
        <v>27</v>
      </c>
      <c r="U6936">
        <v>27</v>
      </c>
      <c r="V6936">
        <v>28</v>
      </c>
      <c r="W6936">
        <v>28</v>
      </c>
      <c r="X6936">
        <v>29</v>
      </c>
      <c r="Y6936">
        <v>29</v>
      </c>
      <c r="Z6936">
        <v>29</v>
      </c>
      <c r="AA6936">
        <v>30</v>
      </c>
      <c r="AB6936">
        <v>30</v>
      </c>
      <c r="AC6936">
        <v>30</v>
      </c>
      <c r="AD6936">
        <v>30</v>
      </c>
      <c r="AE6936">
        <v>30</v>
      </c>
      <c r="AF6936">
        <v>30</v>
      </c>
      <c r="AG6936">
        <v>30</v>
      </c>
      <c r="AH6936">
        <v>30</v>
      </c>
      <c r="AI6936">
        <v>30</v>
      </c>
      <c r="AJ6936">
        <v>30</v>
      </c>
      <c r="AK6936">
        <v>29</v>
      </c>
      <c r="AL6936">
        <v>29</v>
      </c>
      <c r="AM6936">
        <v>29</v>
      </c>
      <c r="AN6936">
        <v>29</v>
      </c>
      <c r="AO6936">
        <v>29</v>
      </c>
      <c r="AP6936">
        <v>29</v>
      </c>
      <c r="AQ6936">
        <v>28</v>
      </c>
    </row>
    <row r="6937" spans="1:43">
      <c r="A6937" t="s">
        <v>4342</v>
      </c>
      <c r="B6937" t="s">
        <v>4343</v>
      </c>
      <c r="C6937" t="s">
        <v>4328</v>
      </c>
      <c r="D6937" t="s">
        <v>4329</v>
      </c>
      <c r="E6937" t="s">
        <v>4236</v>
      </c>
      <c r="F6937" t="s">
        <v>4237</v>
      </c>
      <c r="G6937" t="s">
        <v>80</v>
      </c>
      <c r="H6937" t="s">
        <v>81</v>
      </c>
      <c r="I6937" s="2">
        <v>1</v>
      </c>
      <c r="J6937" s="2">
        <v>0</v>
      </c>
      <c r="K6937" s="2">
        <v>0</v>
      </c>
      <c r="L6937" t="s">
        <v>120</v>
      </c>
      <c r="M6937" t="s">
        <v>83</v>
      </c>
      <c r="N6937" t="s">
        <v>91</v>
      </c>
      <c r="O6937" t="s">
        <v>85</v>
      </c>
      <c r="P6937" t="s">
        <v>86</v>
      </c>
      <c r="Q6937">
        <v>25</v>
      </c>
      <c r="R6937">
        <v>26</v>
      </c>
      <c r="S6937">
        <v>26</v>
      </c>
      <c r="T6937">
        <v>26</v>
      </c>
      <c r="U6937">
        <v>26</v>
      </c>
      <c r="V6937">
        <v>27</v>
      </c>
      <c r="W6937">
        <v>27</v>
      </c>
      <c r="X6937">
        <v>27</v>
      </c>
      <c r="Y6937">
        <v>27</v>
      </c>
      <c r="Z6937">
        <v>28</v>
      </c>
      <c r="AA6937">
        <v>28</v>
      </c>
      <c r="AB6937">
        <v>28</v>
      </c>
      <c r="AC6937">
        <v>28</v>
      </c>
      <c r="AD6937">
        <v>28</v>
      </c>
      <c r="AE6937">
        <v>28</v>
      </c>
      <c r="AF6937">
        <v>29</v>
      </c>
      <c r="AG6937">
        <v>29</v>
      </c>
      <c r="AH6937">
        <v>29</v>
      </c>
      <c r="AI6937">
        <v>29</v>
      </c>
      <c r="AJ6937">
        <v>29</v>
      </c>
      <c r="AK6937">
        <v>29</v>
      </c>
      <c r="AL6937">
        <v>29</v>
      </c>
      <c r="AM6937">
        <v>29</v>
      </c>
      <c r="AN6937">
        <v>29</v>
      </c>
      <c r="AO6937">
        <v>28</v>
      </c>
      <c r="AP6937">
        <v>28</v>
      </c>
      <c r="AQ6937">
        <v>28</v>
      </c>
    </row>
    <row r="6938" spans="1:43">
      <c r="A6938" t="s">
        <v>4344</v>
      </c>
      <c r="B6938" t="s">
        <v>4345</v>
      </c>
      <c r="C6938" t="s">
        <v>4346</v>
      </c>
      <c r="D6938" t="s">
        <v>4347</v>
      </c>
      <c r="E6938" t="s">
        <v>4236</v>
      </c>
      <c r="F6938" t="s">
        <v>4237</v>
      </c>
      <c r="G6938" t="s">
        <v>80</v>
      </c>
      <c r="H6938" t="s">
        <v>81</v>
      </c>
      <c r="I6938" s="2">
        <v>1</v>
      </c>
      <c r="J6938" s="2">
        <v>0</v>
      </c>
      <c r="K6938" s="2">
        <v>0</v>
      </c>
      <c r="L6938" t="s">
        <v>120</v>
      </c>
      <c r="M6938" t="s">
        <v>83</v>
      </c>
      <c r="N6938" t="s">
        <v>84</v>
      </c>
      <c r="O6938" t="s">
        <v>85</v>
      </c>
      <c r="P6938" t="s">
        <v>86</v>
      </c>
      <c r="Q6938">
        <v>0</v>
      </c>
      <c r="R6938">
        <v>0</v>
      </c>
      <c r="S6938">
        <v>0</v>
      </c>
      <c r="T6938">
        <v>0</v>
      </c>
      <c r="U6938">
        <v>0</v>
      </c>
      <c r="V6938">
        <v>0</v>
      </c>
      <c r="W6938">
        <v>0</v>
      </c>
      <c r="X6938">
        <v>0</v>
      </c>
      <c r="Y6938">
        <v>0</v>
      </c>
      <c r="Z6938">
        <v>0</v>
      </c>
      <c r="AA6938">
        <v>0</v>
      </c>
      <c r="AB6938">
        <v>0</v>
      </c>
      <c r="AC6938">
        <v>0</v>
      </c>
      <c r="AD6938">
        <v>0</v>
      </c>
      <c r="AE6938">
        <v>0</v>
      </c>
      <c r="AF6938">
        <v>0</v>
      </c>
      <c r="AG6938">
        <v>0</v>
      </c>
      <c r="AH6938">
        <v>0</v>
      </c>
      <c r="AI6938">
        <v>0</v>
      </c>
      <c r="AJ6938">
        <v>0</v>
      </c>
      <c r="AK6938">
        <v>0</v>
      </c>
      <c r="AL6938">
        <v>0</v>
      </c>
      <c r="AM6938">
        <v>0</v>
      </c>
      <c r="AN6938">
        <v>0</v>
      </c>
      <c r="AO6938">
        <v>0</v>
      </c>
      <c r="AP6938">
        <v>0</v>
      </c>
      <c r="AQ6938">
        <v>0</v>
      </c>
    </row>
    <row r="6939" spans="1:43">
      <c r="A6939" t="s">
        <v>4344</v>
      </c>
      <c r="B6939" t="s">
        <v>4345</v>
      </c>
      <c r="C6939" t="s">
        <v>4346</v>
      </c>
      <c r="D6939" t="s">
        <v>4347</v>
      </c>
      <c r="E6939" t="s">
        <v>4236</v>
      </c>
      <c r="F6939" t="s">
        <v>4237</v>
      </c>
      <c r="G6939" t="s">
        <v>80</v>
      </c>
      <c r="H6939" t="s">
        <v>81</v>
      </c>
      <c r="I6939" s="2">
        <v>1</v>
      </c>
      <c r="J6939" s="2">
        <v>0</v>
      </c>
      <c r="K6939" s="2">
        <v>0</v>
      </c>
      <c r="L6939" t="s">
        <v>120</v>
      </c>
      <c r="M6939" t="s">
        <v>87</v>
      </c>
      <c r="N6939" t="s">
        <v>88</v>
      </c>
      <c r="O6939" t="s">
        <v>85</v>
      </c>
      <c r="P6939" t="s">
        <v>86</v>
      </c>
      <c r="Q6939">
        <v>0</v>
      </c>
      <c r="R6939">
        <v>0</v>
      </c>
      <c r="S6939">
        <v>0</v>
      </c>
      <c r="T6939">
        <v>0</v>
      </c>
      <c r="U6939">
        <v>0</v>
      </c>
      <c r="V6939">
        <v>0</v>
      </c>
      <c r="W6939">
        <v>0</v>
      </c>
      <c r="X6939">
        <v>0</v>
      </c>
      <c r="Y6939">
        <v>0</v>
      </c>
      <c r="Z6939">
        <v>0</v>
      </c>
      <c r="AA6939">
        <v>0</v>
      </c>
      <c r="AB6939">
        <v>0</v>
      </c>
      <c r="AC6939">
        <v>0</v>
      </c>
      <c r="AD6939">
        <v>0</v>
      </c>
      <c r="AE6939">
        <v>0</v>
      </c>
      <c r="AF6939">
        <v>0</v>
      </c>
      <c r="AG6939">
        <v>0</v>
      </c>
      <c r="AH6939">
        <v>0</v>
      </c>
      <c r="AI6939">
        <v>0</v>
      </c>
      <c r="AJ6939">
        <v>0</v>
      </c>
      <c r="AK6939">
        <v>0</v>
      </c>
      <c r="AL6939">
        <v>0</v>
      </c>
      <c r="AM6939">
        <v>0</v>
      </c>
      <c r="AN6939">
        <v>0</v>
      </c>
      <c r="AO6939">
        <v>0</v>
      </c>
      <c r="AP6939">
        <v>0</v>
      </c>
      <c r="AQ6939">
        <v>0</v>
      </c>
    </row>
    <row r="6940" spans="1:43">
      <c r="A6940" t="s">
        <v>4344</v>
      </c>
      <c r="B6940" t="s">
        <v>4345</v>
      </c>
      <c r="C6940" t="s">
        <v>4346</v>
      </c>
      <c r="D6940" t="s">
        <v>4347</v>
      </c>
      <c r="E6940" t="s">
        <v>4236</v>
      </c>
      <c r="F6940" t="s">
        <v>4237</v>
      </c>
      <c r="G6940" t="s">
        <v>80</v>
      </c>
      <c r="H6940" t="s">
        <v>81</v>
      </c>
      <c r="I6940" s="2">
        <v>1</v>
      </c>
      <c r="J6940" s="2">
        <v>0</v>
      </c>
      <c r="K6940" s="2">
        <v>0</v>
      </c>
      <c r="L6940" t="s">
        <v>120</v>
      </c>
      <c r="M6940" t="s">
        <v>89</v>
      </c>
      <c r="N6940" t="s">
        <v>90</v>
      </c>
      <c r="O6940" t="s">
        <v>85</v>
      </c>
      <c r="P6940" t="s">
        <v>86</v>
      </c>
      <c r="Q6940">
        <v>0</v>
      </c>
      <c r="R6940">
        <v>0</v>
      </c>
      <c r="S6940">
        <v>0</v>
      </c>
      <c r="T6940">
        <v>0</v>
      </c>
      <c r="U6940">
        <v>0</v>
      </c>
      <c r="V6940">
        <v>0</v>
      </c>
      <c r="W6940">
        <v>0</v>
      </c>
      <c r="X6940">
        <v>0</v>
      </c>
      <c r="Y6940">
        <v>0</v>
      </c>
      <c r="Z6940">
        <v>0</v>
      </c>
      <c r="AA6940">
        <v>0</v>
      </c>
      <c r="AB6940">
        <v>0</v>
      </c>
      <c r="AC6940">
        <v>0</v>
      </c>
      <c r="AD6940">
        <v>0</v>
      </c>
      <c r="AE6940">
        <v>0</v>
      </c>
      <c r="AF6940">
        <v>0</v>
      </c>
      <c r="AG6940">
        <v>0</v>
      </c>
      <c r="AH6940">
        <v>0</v>
      </c>
      <c r="AI6940">
        <v>0</v>
      </c>
      <c r="AJ6940">
        <v>0</v>
      </c>
      <c r="AK6940">
        <v>0</v>
      </c>
      <c r="AL6940">
        <v>0</v>
      </c>
      <c r="AM6940">
        <v>0</v>
      </c>
      <c r="AN6940">
        <v>0</v>
      </c>
      <c r="AO6940">
        <v>0</v>
      </c>
      <c r="AP6940">
        <v>0</v>
      </c>
      <c r="AQ6940">
        <v>0</v>
      </c>
    </row>
    <row r="6941" spans="1:43">
      <c r="A6941" t="s">
        <v>4344</v>
      </c>
      <c r="B6941" t="s">
        <v>4345</v>
      </c>
      <c r="C6941" t="s">
        <v>4346</v>
      </c>
      <c r="D6941" t="s">
        <v>4347</v>
      </c>
      <c r="E6941" t="s">
        <v>4236</v>
      </c>
      <c r="F6941" t="s">
        <v>4237</v>
      </c>
      <c r="G6941" t="s">
        <v>80</v>
      </c>
      <c r="H6941" t="s">
        <v>81</v>
      </c>
      <c r="I6941" s="2">
        <v>1</v>
      </c>
      <c r="J6941" s="2">
        <v>0</v>
      </c>
      <c r="K6941" s="2">
        <v>0</v>
      </c>
      <c r="L6941" t="s">
        <v>120</v>
      </c>
      <c r="M6941" t="s">
        <v>83</v>
      </c>
      <c r="N6941" t="s">
        <v>91</v>
      </c>
      <c r="O6941" t="s">
        <v>85</v>
      </c>
      <c r="P6941" t="s">
        <v>86</v>
      </c>
      <c r="Q6941">
        <v>0</v>
      </c>
      <c r="R6941">
        <v>0</v>
      </c>
      <c r="S6941">
        <v>0</v>
      </c>
      <c r="T6941">
        <v>0</v>
      </c>
      <c r="U6941">
        <v>0</v>
      </c>
      <c r="V6941">
        <v>0</v>
      </c>
      <c r="W6941">
        <v>0</v>
      </c>
      <c r="X6941">
        <v>0</v>
      </c>
      <c r="Y6941">
        <v>0</v>
      </c>
      <c r="Z6941">
        <v>0</v>
      </c>
      <c r="AA6941">
        <v>0</v>
      </c>
      <c r="AB6941">
        <v>0</v>
      </c>
      <c r="AC6941">
        <v>0</v>
      </c>
      <c r="AD6941">
        <v>0</v>
      </c>
      <c r="AE6941">
        <v>0</v>
      </c>
      <c r="AF6941">
        <v>0</v>
      </c>
      <c r="AG6941">
        <v>0</v>
      </c>
      <c r="AH6941">
        <v>0</v>
      </c>
      <c r="AI6941">
        <v>0</v>
      </c>
      <c r="AJ6941">
        <v>0</v>
      </c>
      <c r="AK6941">
        <v>0</v>
      </c>
      <c r="AL6941">
        <v>0</v>
      </c>
      <c r="AM6941">
        <v>0</v>
      </c>
      <c r="AN6941">
        <v>0</v>
      </c>
      <c r="AO6941">
        <v>0</v>
      </c>
      <c r="AP6941">
        <v>0</v>
      </c>
      <c r="AQ6941">
        <v>0</v>
      </c>
    </row>
    <row r="6942" spans="1:43">
      <c r="A6942" t="s">
        <v>4348</v>
      </c>
      <c r="B6942" t="s">
        <v>4349</v>
      </c>
      <c r="C6942" t="s">
        <v>4346</v>
      </c>
      <c r="D6942" t="s">
        <v>4347</v>
      </c>
      <c r="E6942" t="s">
        <v>4236</v>
      </c>
      <c r="F6942" t="s">
        <v>4237</v>
      </c>
      <c r="G6942" t="s">
        <v>80</v>
      </c>
      <c r="H6942" t="s">
        <v>81</v>
      </c>
      <c r="I6942" s="2">
        <v>1</v>
      </c>
      <c r="J6942" s="2">
        <v>0</v>
      </c>
      <c r="K6942" s="2">
        <v>0</v>
      </c>
      <c r="L6942" t="s">
        <v>120</v>
      </c>
      <c r="M6942" t="s">
        <v>83</v>
      </c>
      <c r="N6942" t="s">
        <v>84</v>
      </c>
      <c r="O6942" t="s">
        <v>85</v>
      </c>
      <c r="P6942" t="s">
        <v>86</v>
      </c>
      <c r="Q6942">
        <v>64</v>
      </c>
      <c r="R6942">
        <v>65</v>
      </c>
      <c r="S6942">
        <v>65</v>
      </c>
      <c r="T6942">
        <v>66</v>
      </c>
      <c r="U6942">
        <v>67</v>
      </c>
      <c r="V6942">
        <v>67</v>
      </c>
      <c r="W6942">
        <v>68</v>
      </c>
      <c r="X6942">
        <v>68</v>
      </c>
      <c r="Y6942">
        <v>69</v>
      </c>
      <c r="Z6942">
        <v>69</v>
      </c>
      <c r="AA6942">
        <v>69</v>
      </c>
      <c r="AB6942">
        <v>70</v>
      </c>
      <c r="AC6942">
        <v>70</v>
      </c>
      <c r="AD6942">
        <v>70</v>
      </c>
      <c r="AE6942">
        <v>71</v>
      </c>
      <c r="AF6942">
        <v>71</v>
      </c>
      <c r="AG6942">
        <v>71</v>
      </c>
      <c r="AH6942">
        <v>71</v>
      </c>
      <c r="AI6942">
        <v>72</v>
      </c>
      <c r="AJ6942">
        <v>72</v>
      </c>
      <c r="AK6942">
        <v>72</v>
      </c>
      <c r="AL6942">
        <v>71</v>
      </c>
      <c r="AM6942">
        <v>71</v>
      </c>
      <c r="AN6942">
        <v>70</v>
      </c>
      <c r="AO6942">
        <v>69</v>
      </c>
      <c r="AP6942">
        <v>69</v>
      </c>
      <c r="AQ6942">
        <v>68</v>
      </c>
    </row>
    <row r="6943" spans="1:43">
      <c r="A6943" t="s">
        <v>4348</v>
      </c>
      <c r="B6943" t="s">
        <v>4349</v>
      </c>
      <c r="C6943" t="s">
        <v>4346</v>
      </c>
      <c r="D6943" t="s">
        <v>4347</v>
      </c>
      <c r="E6943" t="s">
        <v>4236</v>
      </c>
      <c r="F6943" t="s">
        <v>4237</v>
      </c>
      <c r="G6943" t="s">
        <v>80</v>
      </c>
      <c r="H6943" t="s">
        <v>81</v>
      </c>
      <c r="I6943" s="2">
        <v>1</v>
      </c>
      <c r="J6943" s="2">
        <v>0</v>
      </c>
      <c r="K6943" s="2">
        <v>0</v>
      </c>
      <c r="L6943" t="s">
        <v>120</v>
      </c>
      <c r="M6943" t="s">
        <v>87</v>
      </c>
      <c r="N6943" t="s">
        <v>88</v>
      </c>
      <c r="O6943" t="s">
        <v>85</v>
      </c>
      <c r="P6943" t="s">
        <v>86</v>
      </c>
      <c r="Q6943">
        <v>64</v>
      </c>
      <c r="R6943">
        <v>64</v>
      </c>
      <c r="S6943">
        <v>65</v>
      </c>
      <c r="T6943">
        <v>65</v>
      </c>
      <c r="U6943">
        <v>65</v>
      </c>
      <c r="V6943">
        <v>65</v>
      </c>
      <c r="W6943">
        <v>65</v>
      </c>
      <c r="X6943">
        <v>65</v>
      </c>
      <c r="Y6943">
        <v>65</v>
      </c>
      <c r="Z6943">
        <v>64</v>
      </c>
      <c r="AA6943">
        <v>64</v>
      </c>
      <c r="AB6943">
        <v>64</v>
      </c>
      <c r="AC6943">
        <v>64</v>
      </c>
      <c r="AD6943">
        <v>64</v>
      </c>
      <c r="AE6943">
        <v>64</v>
      </c>
      <c r="AF6943">
        <v>64</v>
      </c>
      <c r="AG6943">
        <v>63</v>
      </c>
      <c r="AH6943">
        <v>63</v>
      </c>
      <c r="AI6943">
        <v>63</v>
      </c>
      <c r="AJ6943">
        <v>63</v>
      </c>
      <c r="AK6943">
        <v>62</v>
      </c>
      <c r="AL6943">
        <v>62</v>
      </c>
      <c r="AM6943">
        <v>62</v>
      </c>
      <c r="AN6943">
        <v>61</v>
      </c>
      <c r="AO6943">
        <v>61</v>
      </c>
      <c r="AP6943">
        <v>61</v>
      </c>
      <c r="AQ6943">
        <v>60</v>
      </c>
    </row>
    <row r="6944" spans="1:43">
      <c r="A6944" t="s">
        <v>4348</v>
      </c>
      <c r="B6944" t="s">
        <v>4349</v>
      </c>
      <c r="C6944" t="s">
        <v>4346</v>
      </c>
      <c r="D6944" t="s">
        <v>4347</v>
      </c>
      <c r="E6944" t="s">
        <v>4236</v>
      </c>
      <c r="F6944" t="s">
        <v>4237</v>
      </c>
      <c r="G6944" t="s">
        <v>80</v>
      </c>
      <c r="H6944" t="s">
        <v>81</v>
      </c>
      <c r="I6944" s="2">
        <v>1</v>
      </c>
      <c r="J6944" s="2">
        <v>0</v>
      </c>
      <c r="K6944" s="2">
        <v>0</v>
      </c>
      <c r="L6944" t="s">
        <v>120</v>
      </c>
      <c r="M6944" t="s">
        <v>89</v>
      </c>
      <c r="N6944" t="s">
        <v>90</v>
      </c>
      <c r="O6944" t="s">
        <v>85</v>
      </c>
      <c r="P6944" t="s">
        <v>86</v>
      </c>
      <c r="Q6944">
        <v>64</v>
      </c>
      <c r="R6944">
        <v>65</v>
      </c>
      <c r="S6944">
        <v>66</v>
      </c>
      <c r="T6944">
        <v>67</v>
      </c>
      <c r="U6944">
        <v>68</v>
      </c>
      <c r="V6944">
        <v>69</v>
      </c>
      <c r="W6944">
        <v>70</v>
      </c>
      <c r="X6944">
        <v>71</v>
      </c>
      <c r="Y6944">
        <v>72</v>
      </c>
      <c r="Z6944">
        <v>72</v>
      </c>
      <c r="AA6944">
        <v>73</v>
      </c>
      <c r="AB6944">
        <v>74</v>
      </c>
      <c r="AC6944">
        <v>74</v>
      </c>
      <c r="AD6944">
        <v>75</v>
      </c>
      <c r="AE6944">
        <v>75</v>
      </c>
      <c r="AF6944">
        <v>74</v>
      </c>
      <c r="AG6944">
        <v>74</v>
      </c>
      <c r="AH6944">
        <v>73</v>
      </c>
      <c r="AI6944">
        <v>73</v>
      </c>
      <c r="AJ6944">
        <v>72</v>
      </c>
      <c r="AK6944">
        <v>72</v>
      </c>
      <c r="AL6944">
        <v>71</v>
      </c>
      <c r="AM6944">
        <v>70</v>
      </c>
      <c r="AN6944">
        <v>70</v>
      </c>
      <c r="AO6944">
        <v>69</v>
      </c>
      <c r="AP6944">
        <v>68</v>
      </c>
      <c r="AQ6944">
        <v>68</v>
      </c>
    </row>
    <row r="6945" spans="1:43">
      <c r="A6945" t="s">
        <v>4348</v>
      </c>
      <c r="B6945" t="s">
        <v>4349</v>
      </c>
      <c r="C6945" t="s">
        <v>4346</v>
      </c>
      <c r="D6945" t="s">
        <v>4347</v>
      </c>
      <c r="E6945" t="s">
        <v>4236</v>
      </c>
      <c r="F6945" t="s">
        <v>4237</v>
      </c>
      <c r="G6945" t="s">
        <v>80</v>
      </c>
      <c r="H6945" t="s">
        <v>81</v>
      </c>
      <c r="I6945" s="2">
        <v>1</v>
      </c>
      <c r="J6945" s="2">
        <v>0</v>
      </c>
      <c r="K6945" s="2">
        <v>0</v>
      </c>
      <c r="L6945" t="s">
        <v>120</v>
      </c>
      <c r="M6945" t="s">
        <v>83</v>
      </c>
      <c r="N6945" t="s">
        <v>91</v>
      </c>
      <c r="O6945" t="s">
        <v>85</v>
      </c>
      <c r="P6945" t="s">
        <v>86</v>
      </c>
      <c r="Q6945">
        <v>64</v>
      </c>
      <c r="R6945">
        <v>65</v>
      </c>
      <c r="S6945">
        <v>65</v>
      </c>
      <c r="T6945">
        <v>66</v>
      </c>
      <c r="U6945">
        <v>67</v>
      </c>
      <c r="V6945">
        <v>67</v>
      </c>
      <c r="W6945">
        <v>68</v>
      </c>
      <c r="X6945">
        <v>68</v>
      </c>
      <c r="Y6945">
        <v>69</v>
      </c>
      <c r="Z6945">
        <v>69</v>
      </c>
      <c r="AA6945">
        <v>69</v>
      </c>
      <c r="AB6945">
        <v>70</v>
      </c>
      <c r="AC6945">
        <v>70</v>
      </c>
      <c r="AD6945">
        <v>70</v>
      </c>
      <c r="AE6945">
        <v>71</v>
      </c>
      <c r="AF6945">
        <v>71</v>
      </c>
      <c r="AG6945">
        <v>71</v>
      </c>
      <c r="AH6945">
        <v>71</v>
      </c>
      <c r="AI6945">
        <v>72</v>
      </c>
      <c r="AJ6945">
        <v>72</v>
      </c>
      <c r="AK6945">
        <v>72</v>
      </c>
      <c r="AL6945">
        <v>71</v>
      </c>
      <c r="AM6945">
        <v>71</v>
      </c>
      <c r="AN6945">
        <v>70</v>
      </c>
      <c r="AO6945">
        <v>69</v>
      </c>
      <c r="AP6945">
        <v>69</v>
      </c>
      <c r="AQ6945">
        <v>68</v>
      </c>
    </row>
    <row r="6946" spans="1:43">
      <c r="A6946" t="s">
        <v>4350</v>
      </c>
      <c r="B6946" t="s">
        <v>4351</v>
      </c>
      <c r="C6946" t="s">
        <v>4346</v>
      </c>
      <c r="D6946" t="s">
        <v>4347</v>
      </c>
      <c r="E6946" t="s">
        <v>4236</v>
      </c>
      <c r="F6946" t="s">
        <v>4237</v>
      </c>
      <c r="G6946" t="s">
        <v>80</v>
      </c>
      <c r="H6946" t="s">
        <v>81</v>
      </c>
      <c r="I6946" s="2">
        <v>1</v>
      </c>
      <c r="J6946" s="2">
        <v>0</v>
      </c>
      <c r="K6946" s="2">
        <v>0</v>
      </c>
      <c r="L6946" t="s">
        <v>120</v>
      </c>
      <c r="M6946" t="s">
        <v>83</v>
      </c>
      <c r="N6946" t="s">
        <v>84</v>
      </c>
      <c r="O6946" t="s">
        <v>85</v>
      </c>
      <c r="P6946" t="s">
        <v>86</v>
      </c>
      <c r="Q6946">
        <v>43</v>
      </c>
      <c r="R6946">
        <v>44</v>
      </c>
      <c r="S6946">
        <v>44</v>
      </c>
      <c r="T6946">
        <v>45</v>
      </c>
      <c r="U6946">
        <v>45</v>
      </c>
      <c r="V6946">
        <v>46</v>
      </c>
      <c r="W6946">
        <v>46</v>
      </c>
      <c r="X6946">
        <v>46</v>
      </c>
      <c r="Y6946">
        <v>47</v>
      </c>
      <c r="Z6946">
        <v>47</v>
      </c>
      <c r="AA6946">
        <v>47</v>
      </c>
      <c r="AB6946">
        <v>47</v>
      </c>
      <c r="AC6946">
        <v>48</v>
      </c>
      <c r="AD6946">
        <v>48</v>
      </c>
      <c r="AE6946">
        <v>48</v>
      </c>
      <c r="AF6946">
        <v>48</v>
      </c>
      <c r="AG6946">
        <v>48</v>
      </c>
      <c r="AH6946">
        <v>48</v>
      </c>
      <c r="AI6946">
        <v>49</v>
      </c>
      <c r="AJ6946">
        <v>49</v>
      </c>
      <c r="AK6946">
        <v>49</v>
      </c>
      <c r="AL6946">
        <v>48</v>
      </c>
      <c r="AM6946">
        <v>48</v>
      </c>
      <c r="AN6946">
        <v>48</v>
      </c>
      <c r="AO6946">
        <v>47</v>
      </c>
      <c r="AP6946">
        <v>47</v>
      </c>
      <c r="AQ6946">
        <v>46</v>
      </c>
    </row>
    <row r="6947" spans="1:43">
      <c r="A6947" t="s">
        <v>4350</v>
      </c>
      <c r="B6947" t="s">
        <v>4351</v>
      </c>
      <c r="C6947" t="s">
        <v>4346</v>
      </c>
      <c r="D6947" t="s">
        <v>4347</v>
      </c>
      <c r="E6947" t="s">
        <v>4236</v>
      </c>
      <c r="F6947" t="s">
        <v>4237</v>
      </c>
      <c r="G6947" t="s">
        <v>80</v>
      </c>
      <c r="H6947" t="s">
        <v>81</v>
      </c>
      <c r="I6947" s="2">
        <v>1</v>
      </c>
      <c r="J6947" s="2">
        <v>0</v>
      </c>
      <c r="K6947" s="2">
        <v>0</v>
      </c>
      <c r="L6947" t="s">
        <v>120</v>
      </c>
      <c r="M6947" t="s">
        <v>87</v>
      </c>
      <c r="N6947" t="s">
        <v>88</v>
      </c>
      <c r="O6947" t="s">
        <v>85</v>
      </c>
      <c r="P6947" t="s">
        <v>86</v>
      </c>
      <c r="Q6947">
        <v>43</v>
      </c>
      <c r="R6947">
        <v>43</v>
      </c>
      <c r="S6947">
        <v>43</v>
      </c>
      <c r="T6947">
        <v>43</v>
      </c>
      <c r="U6947">
        <v>43</v>
      </c>
      <c r="V6947">
        <v>43</v>
      </c>
      <c r="W6947">
        <v>43</v>
      </c>
      <c r="X6947">
        <v>43</v>
      </c>
      <c r="Y6947">
        <v>43</v>
      </c>
      <c r="Z6947">
        <v>43</v>
      </c>
      <c r="AA6947">
        <v>43</v>
      </c>
      <c r="AB6947">
        <v>43</v>
      </c>
      <c r="AC6947">
        <v>43</v>
      </c>
      <c r="AD6947">
        <v>43</v>
      </c>
      <c r="AE6947">
        <v>43</v>
      </c>
      <c r="AF6947">
        <v>42</v>
      </c>
      <c r="AG6947">
        <v>42</v>
      </c>
      <c r="AH6947">
        <v>42</v>
      </c>
      <c r="AI6947">
        <v>42</v>
      </c>
      <c r="AJ6947">
        <v>42</v>
      </c>
      <c r="AK6947">
        <v>42</v>
      </c>
      <c r="AL6947">
        <v>41</v>
      </c>
      <c r="AM6947">
        <v>41</v>
      </c>
      <c r="AN6947">
        <v>41</v>
      </c>
      <c r="AO6947">
        <v>41</v>
      </c>
      <c r="AP6947">
        <v>41</v>
      </c>
      <c r="AQ6947">
        <v>40</v>
      </c>
    </row>
    <row r="6948" spans="1:43">
      <c r="A6948" t="s">
        <v>4350</v>
      </c>
      <c r="B6948" t="s">
        <v>4351</v>
      </c>
      <c r="C6948" t="s">
        <v>4346</v>
      </c>
      <c r="D6948" t="s">
        <v>4347</v>
      </c>
      <c r="E6948" t="s">
        <v>4236</v>
      </c>
      <c r="F6948" t="s">
        <v>4237</v>
      </c>
      <c r="G6948" t="s">
        <v>80</v>
      </c>
      <c r="H6948" t="s">
        <v>81</v>
      </c>
      <c r="I6948" s="2">
        <v>1</v>
      </c>
      <c r="J6948" s="2">
        <v>0</v>
      </c>
      <c r="K6948" s="2">
        <v>0</v>
      </c>
      <c r="L6948" t="s">
        <v>120</v>
      </c>
      <c r="M6948" t="s">
        <v>89</v>
      </c>
      <c r="N6948" t="s">
        <v>90</v>
      </c>
      <c r="O6948" t="s">
        <v>85</v>
      </c>
      <c r="P6948" t="s">
        <v>86</v>
      </c>
      <c r="Q6948">
        <v>43</v>
      </c>
      <c r="R6948">
        <v>44</v>
      </c>
      <c r="S6948">
        <v>44</v>
      </c>
      <c r="T6948">
        <v>45</v>
      </c>
      <c r="U6948">
        <v>46</v>
      </c>
      <c r="V6948">
        <v>47</v>
      </c>
      <c r="W6948">
        <v>47</v>
      </c>
      <c r="X6948">
        <v>48</v>
      </c>
      <c r="Y6948">
        <v>48</v>
      </c>
      <c r="Z6948">
        <v>49</v>
      </c>
      <c r="AA6948">
        <v>49</v>
      </c>
      <c r="AB6948">
        <v>50</v>
      </c>
      <c r="AC6948">
        <v>50</v>
      </c>
      <c r="AD6948">
        <v>50</v>
      </c>
      <c r="AE6948">
        <v>50</v>
      </c>
      <c r="AF6948">
        <v>50</v>
      </c>
      <c r="AG6948">
        <v>50</v>
      </c>
      <c r="AH6948">
        <v>49</v>
      </c>
      <c r="AI6948">
        <v>49</v>
      </c>
      <c r="AJ6948">
        <v>49</v>
      </c>
      <c r="AK6948">
        <v>48</v>
      </c>
      <c r="AL6948">
        <v>48</v>
      </c>
      <c r="AM6948">
        <v>47</v>
      </c>
      <c r="AN6948">
        <v>47</v>
      </c>
      <c r="AO6948">
        <v>47</v>
      </c>
      <c r="AP6948">
        <v>46</v>
      </c>
      <c r="AQ6948">
        <v>46</v>
      </c>
    </row>
    <row r="6949" spans="1:43">
      <c r="A6949" t="s">
        <v>4350</v>
      </c>
      <c r="B6949" t="s">
        <v>4351</v>
      </c>
      <c r="C6949" t="s">
        <v>4346</v>
      </c>
      <c r="D6949" t="s">
        <v>4347</v>
      </c>
      <c r="E6949" t="s">
        <v>4236</v>
      </c>
      <c r="F6949" t="s">
        <v>4237</v>
      </c>
      <c r="G6949" t="s">
        <v>80</v>
      </c>
      <c r="H6949" t="s">
        <v>81</v>
      </c>
      <c r="I6949" s="2">
        <v>1</v>
      </c>
      <c r="J6949" s="2">
        <v>0</v>
      </c>
      <c r="K6949" s="2">
        <v>0</v>
      </c>
      <c r="L6949" t="s">
        <v>120</v>
      </c>
      <c r="M6949" t="s">
        <v>83</v>
      </c>
      <c r="N6949" t="s">
        <v>91</v>
      </c>
      <c r="O6949" t="s">
        <v>85</v>
      </c>
      <c r="P6949" t="s">
        <v>86</v>
      </c>
      <c r="Q6949">
        <v>43</v>
      </c>
      <c r="R6949">
        <v>44</v>
      </c>
      <c r="S6949">
        <v>44</v>
      </c>
      <c r="T6949">
        <v>45</v>
      </c>
      <c r="U6949">
        <v>45</v>
      </c>
      <c r="V6949">
        <v>46</v>
      </c>
      <c r="W6949">
        <v>46</v>
      </c>
      <c r="X6949">
        <v>46</v>
      </c>
      <c r="Y6949">
        <v>47</v>
      </c>
      <c r="Z6949">
        <v>47</v>
      </c>
      <c r="AA6949">
        <v>47</v>
      </c>
      <c r="AB6949">
        <v>47</v>
      </c>
      <c r="AC6949">
        <v>48</v>
      </c>
      <c r="AD6949">
        <v>48</v>
      </c>
      <c r="AE6949">
        <v>48</v>
      </c>
      <c r="AF6949">
        <v>48</v>
      </c>
      <c r="AG6949">
        <v>48</v>
      </c>
      <c r="AH6949">
        <v>48</v>
      </c>
      <c r="AI6949">
        <v>49</v>
      </c>
      <c r="AJ6949">
        <v>49</v>
      </c>
      <c r="AK6949">
        <v>49</v>
      </c>
      <c r="AL6949">
        <v>48</v>
      </c>
      <c r="AM6949">
        <v>48</v>
      </c>
      <c r="AN6949">
        <v>48</v>
      </c>
      <c r="AO6949">
        <v>47</v>
      </c>
      <c r="AP6949">
        <v>47</v>
      </c>
      <c r="AQ6949">
        <v>46</v>
      </c>
    </row>
    <row r="6950" spans="1:43">
      <c r="A6950" t="s">
        <v>4352</v>
      </c>
      <c r="B6950" t="s">
        <v>4353</v>
      </c>
      <c r="C6950" t="s">
        <v>4318</v>
      </c>
      <c r="D6950" t="s">
        <v>4319</v>
      </c>
      <c r="E6950" t="s">
        <v>4236</v>
      </c>
      <c r="F6950" t="s">
        <v>4237</v>
      </c>
      <c r="G6950" t="s">
        <v>80</v>
      </c>
      <c r="H6950" t="s">
        <v>81</v>
      </c>
      <c r="I6950" s="2">
        <v>1</v>
      </c>
      <c r="J6950" s="2">
        <v>0</v>
      </c>
      <c r="K6950" s="2">
        <v>0</v>
      </c>
      <c r="L6950" t="s">
        <v>120</v>
      </c>
      <c r="M6950" t="s">
        <v>83</v>
      </c>
      <c r="N6950" t="s">
        <v>84</v>
      </c>
      <c r="O6950" t="s">
        <v>85</v>
      </c>
      <c r="P6950" t="s">
        <v>86</v>
      </c>
      <c r="Q6950">
        <v>32</v>
      </c>
      <c r="R6950">
        <v>32</v>
      </c>
      <c r="S6950">
        <v>33</v>
      </c>
      <c r="T6950">
        <v>33</v>
      </c>
      <c r="U6950">
        <v>33</v>
      </c>
      <c r="V6950">
        <v>34</v>
      </c>
      <c r="W6950">
        <v>34</v>
      </c>
      <c r="X6950">
        <v>34</v>
      </c>
      <c r="Y6950">
        <v>34</v>
      </c>
      <c r="Z6950">
        <v>35</v>
      </c>
      <c r="AA6950">
        <v>35</v>
      </c>
      <c r="AB6950">
        <v>35</v>
      </c>
      <c r="AC6950">
        <v>35</v>
      </c>
      <c r="AD6950">
        <v>35</v>
      </c>
      <c r="AE6950">
        <v>36</v>
      </c>
      <c r="AF6950">
        <v>36</v>
      </c>
      <c r="AG6950">
        <v>36</v>
      </c>
      <c r="AH6950">
        <v>36</v>
      </c>
      <c r="AI6950">
        <v>36</v>
      </c>
      <c r="AJ6950">
        <v>36</v>
      </c>
      <c r="AK6950">
        <v>36</v>
      </c>
      <c r="AL6950">
        <v>36</v>
      </c>
      <c r="AM6950">
        <v>36</v>
      </c>
      <c r="AN6950">
        <v>36</v>
      </c>
      <c r="AO6950">
        <v>35</v>
      </c>
      <c r="AP6950">
        <v>35</v>
      </c>
      <c r="AQ6950">
        <v>35</v>
      </c>
    </row>
    <row r="6951" spans="1:43">
      <c r="A6951" t="s">
        <v>4352</v>
      </c>
      <c r="B6951" t="s">
        <v>4353</v>
      </c>
      <c r="C6951" t="s">
        <v>4318</v>
      </c>
      <c r="D6951" t="s">
        <v>4319</v>
      </c>
      <c r="E6951" t="s">
        <v>4236</v>
      </c>
      <c r="F6951" t="s">
        <v>4237</v>
      </c>
      <c r="G6951" t="s">
        <v>80</v>
      </c>
      <c r="H6951" t="s">
        <v>81</v>
      </c>
      <c r="I6951" s="2">
        <v>1</v>
      </c>
      <c r="J6951" s="2">
        <v>0</v>
      </c>
      <c r="K6951" s="2">
        <v>0</v>
      </c>
      <c r="L6951" t="s">
        <v>120</v>
      </c>
      <c r="M6951" t="s">
        <v>87</v>
      </c>
      <c r="N6951" t="s">
        <v>88</v>
      </c>
      <c r="O6951" t="s">
        <v>85</v>
      </c>
      <c r="P6951" t="s">
        <v>86</v>
      </c>
      <c r="Q6951">
        <v>32</v>
      </c>
      <c r="R6951">
        <v>33</v>
      </c>
      <c r="S6951">
        <v>33</v>
      </c>
      <c r="T6951">
        <v>33</v>
      </c>
      <c r="U6951">
        <v>33</v>
      </c>
      <c r="V6951">
        <v>33</v>
      </c>
      <c r="W6951">
        <v>33</v>
      </c>
      <c r="X6951">
        <v>33</v>
      </c>
      <c r="Y6951">
        <v>33</v>
      </c>
      <c r="Z6951">
        <v>33</v>
      </c>
      <c r="AA6951">
        <v>33</v>
      </c>
      <c r="AB6951">
        <v>33</v>
      </c>
      <c r="AC6951">
        <v>33</v>
      </c>
      <c r="AD6951">
        <v>33</v>
      </c>
      <c r="AE6951">
        <v>33</v>
      </c>
      <c r="AF6951">
        <v>33</v>
      </c>
      <c r="AG6951">
        <v>33</v>
      </c>
      <c r="AH6951">
        <v>32</v>
      </c>
      <c r="AI6951">
        <v>32</v>
      </c>
      <c r="AJ6951">
        <v>32</v>
      </c>
      <c r="AK6951">
        <v>32</v>
      </c>
      <c r="AL6951">
        <v>32</v>
      </c>
      <c r="AM6951">
        <v>32</v>
      </c>
      <c r="AN6951">
        <v>32</v>
      </c>
      <c r="AO6951">
        <v>32</v>
      </c>
      <c r="AP6951">
        <v>32</v>
      </c>
      <c r="AQ6951">
        <v>31</v>
      </c>
    </row>
    <row r="6952" spans="1:43">
      <c r="A6952" t="s">
        <v>4352</v>
      </c>
      <c r="B6952" t="s">
        <v>4353</v>
      </c>
      <c r="C6952" t="s">
        <v>4318</v>
      </c>
      <c r="D6952" t="s">
        <v>4319</v>
      </c>
      <c r="E6952" t="s">
        <v>4236</v>
      </c>
      <c r="F6952" t="s">
        <v>4237</v>
      </c>
      <c r="G6952" t="s">
        <v>80</v>
      </c>
      <c r="H6952" t="s">
        <v>81</v>
      </c>
      <c r="I6952" s="2">
        <v>1</v>
      </c>
      <c r="J6952" s="2">
        <v>0</v>
      </c>
      <c r="K6952" s="2">
        <v>0</v>
      </c>
      <c r="L6952" t="s">
        <v>120</v>
      </c>
      <c r="M6952" t="s">
        <v>89</v>
      </c>
      <c r="N6952" t="s">
        <v>90</v>
      </c>
      <c r="O6952" t="s">
        <v>85</v>
      </c>
      <c r="P6952" t="s">
        <v>86</v>
      </c>
      <c r="Q6952">
        <v>32</v>
      </c>
      <c r="R6952">
        <v>33</v>
      </c>
      <c r="S6952">
        <v>33</v>
      </c>
      <c r="T6952">
        <v>34</v>
      </c>
      <c r="U6952">
        <v>35</v>
      </c>
      <c r="V6952">
        <v>35</v>
      </c>
      <c r="W6952">
        <v>35</v>
      </c>
      <c r="X6952">
        <v>36</v>
      </c>
      <c r="Y6952">
        <v>36</v>
      </c>
      <c r="Z6952">
        <v>37</v>
      </c>
      <c r="AA6952">
        <v>37</v>
      </c>
      <c r="AB6952">
        <v>37</v>
      </c>
      <c r="AC6952">
        <v>38</v>
      </c>
      <c r="AD6952">
        <v>38</v>
      </c>
      <c r="AE6952">
        <v>38</v>
      </c>
      <c r="AF6952">
        <v>38</v>
      </c>
      <c r="AG6952">
        <v>38</v>
      </c>
      <c r="AH6952">
        <v>37</v>
      </c>
      <c r="AI6952">
        <v>37</v>
      </c>
      <c r="AJ6952">
        <v>37</v>
      </c>
      <c r="AK6952">
        <v>37</v>
      </c>
      <c r="AL6952">
        <v>36</v>
      </c>
      <c r="AM6952">
        <v>36</v>
      </c>
      <c r="AN6952">
        <v>36</v>
      </c>
      <c r="AO6952">
        <v>36</v>
      </c>
      <c r="AP6952">
        <v>35</v>
      </c>
      <c r="AQ6952">
        <v>35</v>
      </c>
    </row>
    <row r="6953" spans="1:43">
      <c r="A6953" t="s">
        <v>4352</v>
      </c>
      <c r="B6953" t="s">
        <v>4353</v>
      </c>
      <c r="C6953" t="s">
        <v>4318</v>
      </c>
      <c r="D6953" t="s">
        <v>4319</v>
      </c>
      <c r="E6953" t="s">
        <v>4236</v>
      </c>
      <c r="F6953" t="s">
        <v>4237</v>
      </c>
      <c r="G6953" t="s">
        <v>80</v>
      </c>
      <c r="H6953" t="s">
        <v>81</v>
      </c>
      <c r="I6953" s="2">
        <v>1</v>
      </c>
      <c r="J6953" s="2">
        <v>0</v>
      </c>
      <c r="K6953" s="2">
        <v>0</v>
      </c>
      <c r="L6953" t="s">
        <v>120</v>
      </c>
      <c r="M6953" t="s">
        <v>83</v>
      </c>
      <c r="N6953" t="s">
        <v>91</v>
      </c>
      <c r="O6953" t="s">
        <v>85</v>
      </c>
      <c r="P6953" t="s">
        <v>86</v>
      </c>
      <c r="Q6953">
        <v>32</v>
      </c>
      <c r="R6953">
        <v>32</v>
      </c>
      <c r="S6953">
        <v>33</v>
      </c>
      <c r="T6953">
        <v>33</v>
      </c>
      <c r="U6953">
        <v>33</v>
      </c>
      <c r="V6953">
        <v>34</v>
      </c>
      <c r="W6953">
        <v>34</v>
      </c>
      <c r="X6953">
        <v>34</v>
      </c>
      <c r="Y6953">
        <v>34</v>
      </c>
      <c r="Z6953">
        <v>35</v>
      </c>
      <c r="AA6953">
        <v>35</v>
      </c>
      <c r="AB6953">
        <v>35</v>
      </c>
      <c r="AC6953">
        <v>35</v>
      </c>
      <c r="AD6953">
        <v>35</v>
      </c>
      <c r="AE6953">
        <v>36</v>
      </c>
      <c r="AF6953">
        <v>36</v>
      </c>
      <c r="AG6953">
        <v>36</v>
      </c>
      <c r="AH6953">
        <v>36</v>
      </c>
      <c r="AI6953">
        <v>36</v>
      </c>
      <c r="AJ6953">
        <v>36</v>
      </c>
      <c r="AK6953">
        <v>36</v>
      </c>
      <c r="AL6953">
        <v>36</v>
      </c>
      <c r="AM6953">
        <v>36</v>
      </c>
      <c r="AN6953">
        <v>36</v>
      </c>
      <c r="AO6953">
        <v>35</v>
      </c>
      <c r="AP6953">
        <v>35</v>
      </c>
      <c r="AQ6953">
        <v>35</v>
      </c>
    </row>
    <row r="6954" spans="1:43">
      <c r="A6954" t="s">
        <v>4354</v>
      </c>
      <c r="B6954" t="s">
        <v>4355</v>
      </c>
      <c r="C6954" t="s">
        <v>4346</v>
      </c>
      <c r="D6954" t="s">
        <v>4347</v>
      </c>
      <c r="E6954" t="s">
        <v>4236</v>
      </c>
      <c r="F6954" t="s">
        <v>4237</v>
      </c>
      <c r="G6954" t="s">
        <v>80</v>
      </c>
      <c r="H6954" t="s">
        <v>81</v>
      </c>
      <c r="I6954" s="2">
        <v>1</v>
      </c>
      <c r="J6954" s="2">
        <v>0</v>
      </c>
      <c r="K6954" s="2">
        <v>0</v>
      </c>
      <c r="L6954" t="s">
        <v>120</v>
      </c>
      <c r="M6954" t="s">
        <v>83</v>
      </c>
      <c r="N6954" t="s">
        <v>84</v>
      </c>
      <c r="O6954" t="s">
        <v>85</v>
      </c>
      <c r="P6954" t="s">
        <v>86</v>
      </c>
      <c r="Q6954">
        <v>70</v>
      </c>
      <c r="R6954">
        <v>71</v>
      </c>
      <c r="S6954">
        <v>71</v>
      </c>
      <c r="T6954">
        <v>72</v>
      </c>
      <c r="U6954">
        <v>73</v>
      </c>
      <c r="V6954">
        <v>73</v>
      </c>
      <c r="W6954">
        <v>74</v>
      </c>
      <c r="X6954">
        <v>75</v>
      </c>
      <c r="Y6954">
        <v>75</v>
      </c>
      <c r="Z6954">
        <v>76</v>
      </c>
      <c r="AA6954">
        <v>76</v>
      </c>
      <c r="AB6954">
        <v>76</v>
      </c>
      <c r="AC6954">
        <v>77</v>
      </c>
      <c r="AD6954">
        <v>77</v>
      </c>
      <c r="AE6954">
        <v>77</v>
      </c>
      <c r="AF6954">
        <v>78</v>
      </c>
      <c r="AG6954">
        <v>78</v>
      </c>
      <c r="AH6954">
        <v>78</v>
      </c>
      <c r="AI6954">
        <v>78</v>
      </c>
      <c r="AJ6954">
        <v>78</v>
      </c>
      <c r="AK6954">
        <v>78</v>
      </c>
      <c r="AL6954">
        <v>78</v>
      </c>
      <c r="AM6954">
        <v>77</v>
      </c>
      <c r="AN6954">
        <v>77</v>
      </c>
      <c r="AO6954">
        <v>76</v>
      </c>
      <c r="AP6954">
        <v>75</v>
      </c>
      <c r="AQ6954">
        <v>75</v>
      </c>
    </row>
    <row r="6955" spans="1:43">
      <c r="A6955" t="s">
        <v>4354</v>
      </c>
      <c r="B6955" t="s">
        <v>4355</v>
      </c>
      <c r="C6955" t="s">
        <v>4346</v>
      </c>
      <c r="D6955" t="s">
        <v>4347</v>
      </c>
      <c r="E6955" t="s">
        <v>4236</v>
      </c>
      <c r="F6955" t="s">
        <v>4237</v>
      </c>
      <c r="G6955" t="s">
        <v>80</v>
      </c>
      <c r="H6955" t="s">
        <v>81</v>
      </c>
      <c r="I6955" s="2">
        <v>1</v>
      </c>
      <c r="J6955" s="2">
        <v>0</v>
      </c>
      <c r="K6955" s="2">
        <v>0</v>
      </c>
      <c r="L6955" t="s">
        <v>120</v>
      </c>
      <c r="M6955" t="s">
        <v>87</v>
      </c>
      <c r="N6955" t="s">
        <v>88</v>
      </c>
      <c r="O6955" t="s">
        <v>85</v>
      </c>
      <c r="P6955" t="s">
        <v>86</v>
      </c>
      <c r="Q6955">
        <v>70</v>
      </c>
      <c r="R6955">
        <v>70</v>
      </c>
      <c r="S6955">
        <v>70</v>
      </c>
      <c r="T6955">
        <v>71</v>
      </c>
      <c r="U6955">
        <v>71</v>
      </c>
      <c r="V6955">
        <v>71</v>
      </c>
      <c r="W6955">
        <v>71</v>
      </c>
      <c r="X6955">
        <v>71</v>
      </c>
      <c r="Y6955">
        <v>70</v>
      </c>
      <c r="Z6955">
        <v>70</v>
      </c>
      <c r="AA6955">
        <v>70</v>
      </c>
      <c r="AB6955">
        <v>70</v>
      </c>
      <c r="AC6955">
        <v>70</v>
      </c>
      <c r="AD6955">
        <v>70</v>
      </c>
      <c r="AE6955">
        <v>70</v>
      </c>
      <c r="AF6955">
        <v>69</v>
      </c>
      <c r="AG6955">
        <v>69</v>
      </c>
      <c r="AH6955">
        <v>69</v>
      </c>
      <c r="AI6955">
        <v>69</v>
      </c>
      <c r="AJ6955">
        <v>68</v>
      </c>
      <c r="AK6955">
        <v>68</v>
      </c>
      <c r="AL6955">
        <v>68</v>
      </c>
      <c r="AM6955">
        <v>67</v>
      </c>
      <c r="AN6955">
        <v>67</v>
      </c>
      <c r="AO6955">
        <v>67</v>
      </c>
      <c r="AP6955">
        <v>66</v>
      </c>
      <c r="AQ6955">
        <v>66</v>
      </c>
    </row>
    <row r="6956" spans="1:43">
      <c r="A6956" t="s">
        <v>4354</v>
      </c>
      <c r="B6956" t="s">
        <v>4355</v>
      </c>
      <c r="C6956" t="s">
        <v>4346</v>
      </c>
      <c r="D6956" t="s">
        <v>4347</v>
      </c>
      <c r="E6956" t="s">
        <v>4236</v>
      </c>
      <c r="F6956" t="s">
        <v>4237</v>
      </c>
      <c r="G6956" t="s">
        <v>80</v>
      </c>
      <c r="H6956" t="s">
        <v>81</v>
      </c>
      <c r="I6956" s="2">
        <v>1</v>
      </c>
      <c r="J6956" s="2">
        <v>0</v>
      </c>
      <c r="K6956" s="2">
        <v>0</v>
      </c>
      <c r="L6956" t="s">
        <v>120</v>
      </c>
      <c r="M6956" t="s">
        <v>89</v>
      </c>
      <c r="N6956" t="s">
        <v>90</v>
      </c>
      <c r="O6956" t="s">
        <v>85</v>
      </c>
      <c r="P6956" t="s">
        <v>86</v>
      </c>
      <c r="Q6956">
        <v>70</v>
      </c>
      <c r="R6956">
        <v>71</v>
      </c>
      <c r="S6956">
        <v>72</v>
      </c>
      <c r="T6956">
        <v>73</v>
      </c>
      <c r="U6956">
        <v>75</v>
      </c>
      <c r="V6956">
        <v>76</v>
      </c>
      <c r="W6956">
        <v>77</v>
      </c>
      <c r="X6956">
        <v>78</v>
      </c>
      <c r="Y6956">
        <v>78</v>
      </c>
      <c r="Z6956">
        <v>79</v>
      </c>
      <c r="AA6956">
        <v>80</v>
      </c>
      <c r="AB6956">
        <v>81</v>
      </c>
      <c r="AC6956">
        <v>81</v>
      </c>
      <c r="AD6956">
        <v>82</v>
      </c>
      <c r="AE6956">
        <v>82</v>
      </c>
      <c r="AF6956">
        <v>81</v>
      </c>
      <c r="AG6956">
        <v>81</v>
      </c>
      <c r="AH6956">
        <v>80</v>
      </c>
      <c r="AI6956">
        <v>80</v>
      </c>
      <c r="AJ6956">
        <v>79</v>
      </c>
      <c r="AK6956">
        <v>78</v>
      </c>
      <c r="AL6956">
        <v>78</v>
      </c>
      <c r="AM6956">
        <v>77</v>
      </c>
      <c r="AN6956">
        <v>76</v>
      </c>
      <c r="AO6956">
        <v>76</v>
      </c>
      <c r="AP6956">
        <v>75</v>
      </c>
      <c r="AQ6956">
        <v>74</v>
      </c>
    </row>
    <row r="6957" spans="1:43">
      <c r="A6957" t="s">
        <v>4354</v>
      </c>
      <c r="B6957" t="s">
        <v>4355</v>
      </c>
      <c r="C6957" t="s">
        <v>4346</v>
      </c>
      <c r="D6957" t="s">
        <v>4347</v>
      </c>
      <c r="E6957" t="s">
        <v>4236</v>
      </c>
      <c r="F6957" t="s">
        <v>4237</v>
      </c>
      <c r="G6957" t="s">
        <v>80</v>
      </c>
      <c r="H6957" t="s">
        <v>81</v>
      </c>
      <c r="I6957" s="2">
        <v>1</v>
      </c>
      <c r="J6957" s="2">
        <v>0</v>
      </c>
      <c r="K6957" s="2">
        <v>0</v>
      </c>
      <c r="L6957" t="s">
        <v>120</v>
      </c>
      <c r="M6957" t="s">
        <v>83</v>
      </c>
      <c r="N6957" t="s">
        <v>91</v>
      </c>
      <c r="O6957" t="s">
        <v>85</v>
      </c>
      <c r="P6957" t="s">
        <v>86</v>
      </c>
      <c r="Q6957">
        <v>70</v>
      </c>
      <c r="R6957">
        <v>71</v>
      </c>
      <c r="S6957">
        <v>71</v>
      </c>
      <c r="T6957">
        <v>72</v>
      </c>
      <c r="U6957">
        <v>73</v>
      </c>
      <c r="V6957">
        <v>73</v>
      </c>
      <c r="W6957">
        <v>74</v>
      </c>
      <c r="X6957">
        <v>75</v>
      </c>
      <c r="Y6957">
        <v>75</v>
      </c>
      <c r="Z6957">
        <v>76</v>
      </c>
      <c r="AA6957">
        <v>76</v>
      </c>
      <c r="AB6957">
        <v>76</v>
      </c>
      <c r="AC6957">
        <v>77</v>
      </c>
      <c r="AD6957">
        <v>77</v>
      </c>
      <c r="AE6957">
        <v>77</v>
      </c>
      <c r="AF6957">
        <v>78</v>
      </c>
      <c r="AG6957">
        <v>78</v>
      </c>
      <c r="AH6957">
        <v>78</v>
      </c>
      <c r="AI6957">
        <v>78</v>
      </c>
      <c r="AJ6957">
        <v>78</v>
      </c>
      <c r="AK6957">
        <v>78</v>
      </c>
      <c r="AL6957">
        <v>78</v>
      </c>
      <c r="AM6957">
        <v>77</v>
      </c>
      <c r="AN6957">
        <v>77</v>
      </c>
      <c r="AO6957">
        <v>76</v>
      </c>
      <c r="AP6957">
        <v>75</v>
      </c>
      <c r="AQ6957">
        <v>75</v>
      </c>
    </row>
    <row r="6958" spans="1:43">
      <c r="A6958" t="s">
        <v>4356</v>
      </c>
      <c r="B6958" t="s">
        <v>4357</v>
      </c>
      <c r="C6958" t="s">
        <v>4318</v>
      </c>
      <c r="D6958" t="s">
        <v>4319</v>
      </c>
      <c r="E6958" t="s">
        <v>4236</v>
      </c>
      <c r="F6958" t="s">
        <v>4237</v>
      </c>
      <c r="G6958" t="s">
        <v>80</v>
      </c>
      <c r="H6958" t="s">
        <v>81</v>
      </c>
      <c r="I6958" s="2">
        <v>1</v>
      </c>
      <c r="J6958" s="2">
        <v>0</v>
      </c>
      <c r="K6958" s="2">
        <v>0</v>
      </c>
      <c r="L6958" t="s">
        <v>120</v>
      </c>
      <c r="M6958" t="s">
        <v>83</v>
      </c>
      <c r="N6958" t="s">
        <v>84</v>
      </c>
      <c r="O6958" t="s">
        <v>85</v>
      </c>
      <c r="P6958" t="s">
        <v>86</v>
      </c>
      <c r="Q6958">
        <v>57</v>
      </c>
      <c r="R6958">
        <v>57</v>
      </c>
      <c r="S6958">
        <v>58</v>
      </c>
      <c r="T6958">
        <v>59</v>
      </c>
      <c r="U6958">
        <v>59</v>
      </c>
      <c r="V6958">
        <v>60</v>
      </c>
      <c r="W6958">
        <v>60</v>
      </c>
      <c r="X6958">
        <v>61</v>
      </c>
      <c r="Y6958">
        <v>61</v>
      </c>
      <c r="Z6958">
        <v>62</v>
      </c>
      <c r="AA6958">
        <v>62</v>
      </c>
      <c r="AB6958">
        <v>62</v>
      </c>
      <c r="AC6958">
        <v>63</v>
      </c>
      <c r="AD6958">
        <v>63</v>
      </c>
      <c r="AE6958">
        <v>63</v>
      </c>
      <c r="AF6958">
        <v>64</v>
      </c>
      <c r="AG6958">
        <v>64</v>
      </c>
      <c r="AH6958">
        <v>64</v>
      </c>
      <c r="AI6958">
        <v>64</v>
      </c>
      <c r="AJ6958">
        <v>64</v>
      </c>
      <c r="AK6958">
        <v>64</v>
      </c>
      <c r="AL6958">
        <v>64</v>
      </c>
      <c r="AM6958">
        <v>64</v>
      </c>
      <c r="AN6958">
        <v>63</v>
      </c>
      <c r="AO6958">
        <v>63</v>
      </c>
      <c r="AP6958">
        <v>62</v>
      </c>
      <c r="AQ6958">
        <v>62</v>
      </c>
    </row>
    <row r="6959" spans="1:43">
      <c r="A6959" t="s">
        <v>4356</v>
      </c>
      <c r="B6959" t="s">
        <v>4357</v>
      </c>
      <c r="C6959" t="s">
        <v>4318</v>
      </c>
      <c r="D6959" t="s">
        <v>4319</v>
      </c>
      <c r="E6959" t="s">
        <v>4236</v>
      </c>
      <c r="F6959" t="s">
        <v>4237</v>
      </c>
      <c r="G6959" t="s">
        <v>80</v>
      </c>
      <c r="H6959" t="s">
        <v>81</v>
      </c>
      <c r="I6959" s="2">
        <v>1</v>
      </c>
      <c r="J6959" s="2">
        <v>0</v>
      </c>
      <c r="K6959" s="2">
        <v>0</v>
      </c>
      <c r="L6959" t="s">
        <v>120</v>
      </c>
      <c r="M6959" t="s">
        <v>87</v>
      </c>
      <c r="N6959" t="s">
        <v>88</v>
      </c>
      <c r="O6959" t="s">
        <v>85</v>
      </c>
      <c r="P6959" t="s">
        <v>86</v>
      </c>
      <c r="Q6959">
        <v>57</v>
      </c>
      <c r="R6959">
        <v>57</v>
      </c>
      <c r="S6959">
        <v>57</v>
      </c>
      <c r="T6959">
        <v>57</v>
      </c>
      <c r="U6959">
        <v>57</v>
      </c>
      <c r="V6959">
        <v>58</v>
      </c>
      <c r="W6959">
        <v>58</v>
      </c>
      <c r="X6959">
        <v>58</v>
      </c>
      <c r="Y6959">
        <v>58</v>
      </c>
      <c r="Z6959">
        <v>58</v>
      </c>
      <c r="AA6959">
        <v>58</v>
      </c>
      <c r="AB6959">
        <v>58</v>
      </c>
      <c r="AC6959">
        <v>58</v>
      </c>
      <c r="AD6959">
        <v>57</v>
      </c>
      <c r="AE6959">
        <v>57</v>
      </c>
      <c r="AF6959">
        <v>57</v>
      </c>
      <c r="AG6959">
        <v>57</v>
      </c>
      <c r="AH6959">
        <v>57</v>
      </c>
      <c r="AI6959">
        <v>57</v>
      </c>
      <c r="AJ6959">
        <v>57</v>
      </c>
      <c r="AK6959">
        <v>57</v>
      </c>
      <c r="AL6959">
        <v>56</v>
      </c>
      <c r="AM6959">
        <v>56</v>
      </c>
      <c r="AN6959">
        <v>56</v>
      </c>
      <c r="AO6959">
        <v>56</v>
      </c>
      <c r="AP6959">
        <v>56</v>
      </c>
      <c r="AQ6959">
        <v>55</v>
      </c>
    </row>
    <row r="6960" spans="1:43">
      <c r="A6960" t="s">
        <v>4356</v>
      </c>
      <c r="B6960" t="s">
        <v>4357</v>
      </c>
      <c r="C6960" t="s">
        <v>4318</v>
      </c>
      <c r="D6960" t="s">
        <v>4319</v>
      </c>
      <c r="E6960" t="s">
        <v>4236</v>
      </c>
      <c r="F6960" t="s">
        <v>4237</v>
      </c>
      <c r="G6960" t="s">
        <v>80</v>
      </c>
      <c r="H6960" t="s">
        <v>81</v>
      </c>
      <c r="I6960" s="2">
        <v>1</v>
      </c>
      <c r="J6960" s="2">
        <v>0</v>
      </c>
      <c r="K6960" s="2">
        <v>0</v>
      </c>
      <c r="L6960" t="s">
        <v>120</v>
      </c>
      <c r="M6960" t="s">
        <v>89</v>
      </c>
      <c r="N6960" t="s">
        <v>90</v>
      </c>
      <c r="O6960" t="s">
        <v>85</v>
      </c>
      <c r="P6960" t="s">
        <v>86</v>
      </c>
      <c r="Q6960">
        <v>57</v>
      </c>
      <c r="R6960">
        <v>58</v>
      </c>
      <c r="S6960">
        <v>59</v>
      </c>
      <c r="T6960">
        <v>60</v>
      </c>
      <c r="U6960">
        <v>61</v>
      </c>
      <c r="V6960">
        <v>62</v>
      </c>
      <c r="W6960">
        <v>63</v>
      </c>
      <c r="X6960">
        <v>64</v>
      </c>
      <c r="Y6960">
        <v>65</v>
      </c>
      <c r="Z6960">
        <v>65</v>
      </c>
      <c r="AA6960">
        <v>66</v>
      </c>
      <c r="AB6960">
        <v>66</v>
      </c>
      <c r="AC6960">
        <v>67</v>
      </c>
      <c r="AD6960">
        <v>67</v>
      </c>
      <c r="AE6960">
        <v>68</v>
      </c>
      <c r="AF6960">
        <v>67</v>
      </c>
      <c r="AG6960">
        <v>67</v>
      </c>
      <c r="AH6960">
        <v>66</v>
      </c>
      <c r="AI6960">
        <v>66</v>
      </c>
      <c r="AJ6960">
        <v>66</v>
      </c>
      <c r="AK6960">
        <v>65</v>
      </c>
      <c r="AL6960">
        <v>65</v>
      </c>
      <c r="AM6960">
        <v>64</v>
      </c>
      <c r="AN6960">
        <v>64</v>
      </c>
      <c r="AO6960">
        <v>63</v>
      </c>
      <c r="AP6960">
        <v>63</v>
      </c>
      <c r="AQ6960">
        <v>62</v>
      </c>
    </row>
    <row r="6961" spans="1:43">
      <c r="A6961" t="s">
        <v>4356</v>
      </c>
      <c r="B6961" t="s">
        <v>4357</v>
      </c>
      <c r="C6961" t="s">
        <v>4318</v>
      </c>
      <c r="D6961" t="s">
        <v>4319</v>
      </c>
      <c r="E6961" t="s">
        <v>4236</v>
      </c>
      <c r="F6961" t="s">
        <v>4237</v>
      </c>
      <c r="G6961" t="s">
        <v>80</v>
      </c>
      <c r="H6961" t="s">
        <v>81</v>
      </c>
      <c r="I6961" s="2">
        <v>1</v>
      </c>
      <c r="J6961" s="2">
        <v>0</v>
      </c>
      <c r="K6961" s="2">
        <v>0</v>
      </c>
      <c r="L6961" t="s">
        <v>120</v>
      </c>
      <c r="M6961" t="s">
        <v>83</v>
      </c>
      <c r="N6961" t="s">
        <v>91</v>
      </c>
      <c r="O6961" t="s">
        <v>85</v>
      </c>
      <c r="P6961" t="s">
        <v>86</v>
      </c>
      <c r="Q6961">
        <v>57</v>
      </c>
      <c r="R6961">
        <v>57</v>
      </c>
      <c r="S6961">
        <v>58</v>
      </c>
      <c r="T6961">
        <v>59</v>
      </c>
      <c r="U6961">
        <v>59</v>
      </c>
      <c r="V6961">
        <v>60</v>
      </c>
      <c r="W6961">
        <v>60</v>
      </c>
      <c r="X6961">
        <v>61</v>
      </c>
      <c r="Y6961">
        <v>61</v>
      </c>
      <c r="Z6961">
        <v>62</v>
      </c>
      <c r="AA6961">
        <v>62</v>
      </c>
      <c r="AB6961">
        <v>62</v>
      </c>
      <c r="AC6961">
        <v>63</v>
      </c>
      <c r="AD6961">
        <v>63</v>
      </c>
      <c r="AE6961">
        <v>63</v>
      </c>
      <c r="AF6961">
        <v>64</v>
      </c>
      <c r="AG6961">
        <v>64</v>
      </c>
      <c r="AH6961">
        <v>64</v>
      </c>
      <c r="AI6961">
        <v>64</v>
      </c>
      <c r="AJ6961">
        <v>64</v>
      </c>
      <c r="AK6961">
        <v>64</v>
      </c>
      <c r="AL6961">
        <v>64</v>
      </c>
      <c r="AM6961">
        <v>64</v>
      </c>
      <c r="AN6961">
        <v>63</v>
      </c>
      <c r="AO6961">
        <v>63</v>
      </c>
      <c r="AP6961">
        <v>62</v>
      </c>
      <c r="AQ6961">
        <v>62</v>
      </c>
    </row>
    <row r="6962" spans="1:43">
      <c r="A6962" t="s">
        <v>4358</v>
      </c>
      <c r="B6962" t="s">
        <v>4359</v>
      </c>
      <c r="C6962" t="s">
        <v>4318</v>
      </c>
      <c r="D6962" t="s">
        <v>4319</v>
      </c>
      <c r="E6962" t="s">
        <v>4236</v>
      </c>
      <c r="F6962" t="s">
        <v>4237</v>
      </c>
      <c r="G6962" t="s">
        <v>80</v>
      </c>
      <c r="H6962" t="s">
        <v>81</v>
      </c>
      <c r="I6962" s="2">
        <v>1</v>
      </c>
      <c r="J6962" s="2">
        <v>0</v>
      </c>
      <c r="K6962" s="2">
        <v>0</v>
      </c>
      <c r="L6962" t="s">
        <v>120</v>
      </c>
      <c r="M6962" t="s">
        <v>83</v>
      </c>
      <c r="N6962" t="s">
        <v>84</v>
      </c>
      <c r="O6962" t="s">
        <v>85</v>
      </c>
      <c r="P6962" t="s">
        <v>86</v>
      </c>
      <c r="Q6962">
        <v>87</v>
      </c>
      <c r="R6962">
        <v>88</v>
      </c>
      <c r="S6962">
        <v>89</v>
      </c>
      <c r="T6962">
        <v>90</v>
      </c>
      <c r="U6962">
        <v>91</v>
      </c>
      <c r="V6962">
        <v>92</v>
      </c>
      <c r="W6962">
        <v>93</v>
      </c>
      <c r="X6962">
        <v>93</v>
      </c>
      <c r="Y6962">
        <v>94</v>
      </c>
      <c r="Z6962">
        <v>95</v>
      </c>
      <c r="AA6962">
        <v>95</v>
      </c>
      <c r="AB6962">
        <v>96</v>
      </c>
      <c r="AC6962">
        <v>96</v>
      </c>
      <c r="AD6962">
        <v>97</v>
      </c>
      <c r="AE6962">
        <v>97</v>
      </c>
      <c r="AF6962">
        <v>98</v>
      </c>
      <c r="AG6962">
        <v>98</v>
      </c>
      <c r="AH6962">
        <v>98</v>
      </c>
      <c r="AI6962">
        <v>99</v>
      </c>
      <c r="AJ6962">
        <v>99</v>
      </c>
      <c r="AK6962">
        <v>99</v>
      </c>
      <c r="AL6962">
        <v>99</v>
      </c>
      <c r="AM6962">
        <v>98</v>
      </c>
      <c r="AN6962">
        <v>97</v>
      </c>
      <c r="AO6962">
        <v>96</v>
      </c>
      <c r="AP6962">
        <v>96</v>
      </c>
      <c r="AQ6962">
        <v>95</v>
      </c>
    </row>
    <row r="6963" spans="1:43">
      <c r="A6963" t="s">
        <v>4358</v>
      </c>
      <c r="B6963" t="s">
        <v>4359</v>
      </c>
      <c r="C6963" t="s">
        <v>4318</v>
      </c>
      <c r="D6963" t="s">
        <v>4319</v>
      </c>
      <c r="E6963" t="s">
        <v>4236</v>
      </c>
      <c r="F6963" t="s">
        <v>4237</v>
      </c>
      <c r="G6963" t="s">
        <v>80</v>
      </c>
      <c r="H6963" t="s">
        <v>81</v>
      </c>
      <c r="I6963" s="2">
        <v>1</v>
      </c>
      <c r="J6963" s="2">
        <v>0</v>
      </c>
      <c r="K6963" s="2">
        <v>0</v>
      </c>
      <c r="L6963" t="s">
        <v>120</v>
      </c>
      <c r="M6963" t="s">
        <v>87</v>
      </c>
      <c r="N6963" t="s">
        <v>88</v>
      </c>
      <c r="O6963" t="s">
        <v>85</v>
      </c>
      <c r="P6963" t="s">
        <v>86</v>
      </c>
      <c r="Q6963">
        <v>87</v>
      </c>
      <c r="R6963">
        <v>88</v>
      </c>
      <c r="S6963">
        <v>88</v>
      </c>
      <c r="T6963">
        <v>88</v>
      </c>
      <c r="U6963">
        <v>88</v>
      </c>
      <c r="V6963">
        <v>88</v>
      </c>
      <c r="W6963">
        <v>88</v>
      </c>
      <c r="X6963">
        <v>88</v>
      </c>
      <c r="Y6963">
        <v>88</v>
      </c>
      <c r="Z6963">
        <v>88</v>
      </c>
      <c r="AA6963">
        <v>88</v>
      </c>
      <c r="AB6963">
        <v>88</v>
      </c>
      <c r="AC6963">
        <v>88</v>
      </c>
      <c r="AD6963">
        <v>88</v>
      </c>
      <c r="AE6963">
        <v>88</v>
      </c>
      <c r="AF6963">
        <v>87</v>
      </c>
      <c r="AG6963">
        <v>87</v>
      </c>
      <c r="AH6963">
        <v>87</v>
      </c>
      <c r="AI6963">
        <v>87</v>
      </c>
      <c r="AJ6963">
        <v>86</v>
      </c>
      <c r="AK6963">
        <v>86</v>
      </c>
      <c r="AL6963">
        <v>86</v>
      </c>
      <c r="AM6963">
        <v>85</v>
      </c>
      <c r="AN6963">
        <v>85</v>
      </c>
      <c r="AO6963">
        <v>85</v>
      </c>
      <c r="AP6963">
        <v>84</v>
      </c>
      <c r="AQ6963">
        <v>84</v>
      </c>
    </row>
    <row r="6964" spans="1:43">
      <c r="A6964" t="s">
        <v>4358</v>
      </c>
      <c r="B6964" t="s">
        <v>4359</v>
      </c>
      <c r="C6964" t="s">
        <v>4318</v>
      </c>
      <c r="D6964" t="s">
        <v>4319</v>
      </c>
      <c r="E6964" t="s">
        <v>4236</v>
      </c>
      <c r="F6964" t="s">
        <v>4237</v>
      </c>
      <c r="G6964" t="s">
        <v>80</v>
      </c>
      <c r="H6964" t="s">
        <v>81</v>
      </c>
      <c r="I6964" s="2">
        <v>1</v>
      </c>
      <c r="J6964" s="2">
        <v>0</v>
      </c>
      <c r="K6964" s="2">
        <v>0</v>
      </c>
      <c r="L6964" t="s">
        <v>120</v>
      </c>
      <c r="M6964" t="s">
        <v>89</v>
      </c>
      <c r="N6964" t="s">
        <v>90</v>
      </c>
      <c r="O6964" t="s">
        <v>85</v>
      </c>
      <c r="P6964" t="s">
        <v>86</v>
      </c>
      <c r="Q6964">
        <v>87</v>
      </c>
      <c r="R6964">
        <v>89</v>
      </c>
      <c r="S6964">
        <v>90</v>
      </c>
      <c r="T6964">
        <v>92</v>
      </c>
      <c r="U6964">
        <v>94</v>
      </c>
      <c r="V6964">
        <v>95</v>
      </c>
      <c r="W6964">
        <v>96</v>
      </c>
      <c r="X6964">
        <v>97</v>
      </c>
      <c r="Y6964">
        <v>98</v>
      </c>
      <c r="Z6964">
        <v>99</v>
      </c>
      <c r="AA6964">
        <v>100</v>
      </c>
      <c r="AB6964">
        <v>101</v>
      </c>
      <c r="AC6964">
        <v>102</v>
      </c>
      <c r="AD6964">
        <v>103</v>
      </c>
      <c r="AE6964">
        <v>103</v>
      </c>
      <c r="AF6964">
        <v>102</v>
      </c>
      <c r="AG6964">
        <v>102</v>
      </c>
      <c r="AH6964">
        <v>101</v>
      </c>
      <c r="AI6964">
        <v>100</v>
      </c>
      <c r="AJ6964">
        <v>100</v>
      </c>
      <c r="AK6964">
        <v>99</v>
      </c>
      <c r="AL6964">
        <v>98</v>
      </c>
      <c r="AM6964">
        <v>98</v>
      </c>
      <c r="AN6964">
        <v>97</v>
      </c>
      <c r="AO6964">
        <v>96</v>
      </c>
      <c r="AP6964">
        <v>95</v>
      </c>
      <c r="AQ6964">
        <v>95</v>
      </c>
    </row>
    <row r="6965" spans="1:43">
      <c r="A6965" t="s">
        <v>4358</v>
      </c>
      <c r="B6965" t="s">
        <v>4359</v>
      </c>
      <c r="C6965" t="s">
        <v>4318</v>
      </c>
      <c r="D6965" t="s">
        <v>4319</v>
      </c>
      <c r="E6965" t="s">
        <v>4236</v>
      </c>
      <c r="F6965" t="s">
        <v>4237</v>
      </c>
      <c r="G6965" t="s">
        <v>80</v>
      </c>
      <c r="H6965" t="s">
        <v>81</v>
      </c>
      <c r="I6965" s="2">
        <v>1</v>
      </c>
      <c r="J6965" s="2">
        <v>0</v>
      </c>
      <c r="K6965" s="2">
        <v>0</v>
      </c>
      <c r="L6965" t="s">
        <v>120</v>
      </c>
      <c r="M6965" t="s">
        <v>83</v>
      </c>
      <c r="N6965" t="s">
        <v>91</v>
      </c>
      <c r="O6965" t="s">
        <v>85</v>
      </c>
      <c r="P6965" t="s">
        <v>86</v>
      </c>
      <c r="Q6965">
        <v>87</v>
      </c>
      <c r="R6965">
        <v>88</v>
      </c>
      <c r="S6965">
        <v>89</v>
      </c>
      <c r="T6965">
        <v>90</v>
      </c>
      <c r="U6965">
        <v>91</v>
      </c>
      <c r="V6965">
        <v>92</v>
      </c>
      <c r="W6965">
        <v>93</v>
      </c>
      <c r="X6965">
        <v>93</v>
      </c>
      <c r="Y6965">
        <v>94</v>
      </c>
      <c r="Z6965">
        <v>95</v>
      </c>
      <c r="AA6965">
        <v>95</v>
      </c>
      <c r="AB6965">
        <v>96</v>
      </c>
      <c r="AC6965">
        <v>96</v>
      </c>
      <c r="AD6965">
        <v>97</v>
      </c>
      <c r="AE6965">
        <v>97</v>
      </c>
      <c r="AF6965">
        <v>98</v>
      </c>
      <c r="AG6965">
        <v>98</v>
      </c>
      <c r="AH6965">
        <v>98</v>
      </c>
      <c r="AI6965">
        <v>99</v>
      </c>
      <c r="AJ6965">
        <v>99</v>
      </c>
      <c r="AK6965">
        <v>99</v>
      </c>
      <c r="AL6965">
        <v>99</v>
      </c>
      <c r="AM6965">
        <v>98</v>
      </c>
      <c r="AN6965">
        <v>97</v>
      </c>
      <c r="AO6965">
        <v>96</v>
      </c>
      <c r="AP6965">
        <v>96</v>
      </c>
      <c r="AQ6965">
        <v>95</v>
      </c>
    </row>
    <row r="6966" spans="1:43">
      <c r="A6966" t="s">
        <v>4360</v>
      </c>
      <c r="B6966" t="s">
        <v>4361</v>
      </c>
      <c r="C6966" t="s">
        <v>4362</v>
      </c>
      <c r="D6966" t="s">
        <v>4363</v>
      </c>
      <c r="E6966" t="s">
        <v>4236</v>
      </c>
      <c r="F6966" t="s">
        <v>4237</v>
      </c>
      <c r="G6966" t="s">
        <v>80</v>
      </c>
      <c r="H6966" t="s">
        <v>81</v>
      </c>
      <c r="I6966" s="2">
        <v>1</v>
      </c>
      <c r="J6966" s="2">
        <v>0</v>
      </c>
      <c r="K6966" s="2">
        <v>0</v>
      </c>
      <c r="L6966" t="s">
        <v>120</v>
      </c>
      <c r="M6966" t="s">
        <v>83</v>
      </c>
      <c r="N6966" t="s">
        <v>84</v>
      </c>
      <c r="O6966" t="s">
        <v>85</v>
      </c>
      <c r="P6966" t="s">
        <v>86</v>
      </c>
      <c r="Q6966">
        <v>40</v>
      </c>
      <c r="R6966">
        <v>41</v>
      </c>
      <c r="S6966">
        <v>41</v>
      </c>
      <c r="T6966">
        <v>41</v>
      </c>
      <c r="U6966">
        <v>42</v>
      </c>
      <c r="V6966">
        <v>42</v>
      </c>
      <c r="W6966">
        <v>43</v>
      </c>
      <c r="X6966">
        <v>43</v>
      </c>
      <c r="Y6966">
        <v>43</v>
      </c>
      <c r="Z6966">
        <v>44</v>
      </c>
      <c r="AA6966">
        <v>44</v>
      </c>
      <c r="AB6966">
        <v>44</v>
      </c>
      <c r="AC6966">
        <v>44</v>
      </c>
      <c r="AD6966">
        <v>45</v>
      </c>
      <c r="AE6966">
        <v>45</v>
      </c>
      <c r="AF6966">
        <v>45</v>
      </c>
      <c r="AG6966">
        <v>45</v>
      </c>
      <c r="AH6966">
        <v>45</v>
      </c>
      <c r="AI6966">
        <v>45</v>
      </c>
      <c r="AJ6966">
        <v>46</v>
      </c>
      <c r="AK6966">
        <v>46</v>
      </c>
      <c r="AL6966">
        <v>46</v>
      </c>
      <c r="AM6966">
        <v>45</v>
      </c>
      <c r="AN6966">
        <v>45</v>
      </c>
      <c r="AO6966">
        <v>45</v>
      </c>
      <c r="AP6966">
        <v>44</v>
      </c>
      <c r="AQ6966">
        <v>44</v>
      </c>
    </row>
    <row r="6967" spans="1:43">
      <c r="A6967" t="s">
        <v>4360</v>
      </c>
      <c r="B6967" t="s">
        <v>4361</v>
      </c>
      <c r="C6967" t="s">
        <v>4362</v>
      </c>
      <c r="D6967" t="s">
        <v>4363</v>
      </c>
      <c r="E6967" t="s">
        <v>4236</v>
      </c>
      <c r="F6967" t="s">
        <v>4237</v>
      </c>
      <c r="G6967" t="s">
        <v>80</v>
      </c>
      <c r="H6967" t="s">
        <v>81</v>
      </c>
      <c r="I6967" s="2">
        <v>1</v>
      </c>
      <c r="J6967" s="2">
        <v>0</v>
      </c>
      <c r="K6967" s="2">
        <v>0</v>
      </c>
      <c r="L6967" t="s">
        <v>120</v>
      </c>
      <c r="M6967" t="s">
        <v>87</v>
      </c>
      <c r="N6967" t="s">
        <v>88</v>
      </c>
      <c r="O6967" t="s">
        <v>85</v>
      </c>
      <c r="P6967" t="s">
        <v>86</v>
      </c>
      <c r="Q6967">
        <v>40</v>
      </c>
      <c r="R6967">
        <v>40</v>
      </c>
      <c r="S6967">
        <v>40</v>
      </c>
      <c r="T6967">
        <v>40</v>
      </c>
      <c r="U6967">
        <v>40</v>
      </c>
      <c r="V6967">
        <v>40</v>
      </c>
      <c r="W6967">
        <v>40</v>
      </c>
      <c r="X6967">
        <v>40</v>
      </c>
      <c r="Y6967">
        <v>40</v>
      </c>
      <c r="Z6967">
        <v>40</v>
      </c>
      <c r="AA6967">
        <v>40</v>
      </c>
      <c r="AB6967">
        <v>40</v>
      </c>
      <c r="AC6967">
        <v>40</v>
      </c>
      <c r="AD6967">
        <v>40</v>
      </c>
      <c r="AE6967">
        <v>40</v>
      </c>
      <c r="AF6967">
        <v>40</v>
      </c>
      <c r="AG6967">
        <v>40</v>
      </c>
      <c r="AH6967">
        <v>39</v>
      </c>
      <c r="AI6967">
        <v>39</v>
      </c>
      <c r="AJ6967">
        <v>39</v>
      </c>
      <c r="AK6967">
        <v>39</v>
      </c>
      <c r="AL6967">
        <v>39</v>
      </c>
      <c r="AM6967">
        <v>39</v>
      </c>
      <c r="AN6967">
        <v>39</v>
      </c>
      <c r="AO6967">
        <v>38</v>
      </c>
      <c r="AP6967">
        <v>38</v>
      </c>
      <c r="AQ6967">
        <v>38</v>
      </c>
    </row>
    <row r="6968" spans="1:43">
      <c r="A6968" t="s">
        <v>4360</v>
      </c>
      <c r="B6968" t="s">
        <v>4361</v>
      </c>
      <c r="C6968" t="s">
        <v>4362</v>
      </c>
      <c r="D6968" t="s">
        <v>4363</v>
      </c>
      <c r="E6968" t="s">
        <v>4236</v>
      </c>
      <c r="F6968" t="s">
        <v>4237</v>
      </c>
      <c r="G6968" t="s">
        <v>80</v>
      </c>
      <c r="H6968" t="s">
        <v>81</v>
      </c>
      <c r="I6968" s="2">
        <v>1</v>
      </c>
      <c r="J6968" s="2">
        <v>0</v>
      </c>
      <c r="K6968" s="2">
        <v>0</v>
      </c>
      <c r="L6968" t="s">
        <v>120</v>
      </c>
      <c r="M6968" t="s">
        <v>89</v>
      </c>
      <c r="N6968" t="s">
        <v>90</v>
      </c>
      <c r="O6968" t="s">
        <v>85</v>
      </c>
      <c r="P6968" t="s">
        <v>86</v>
      </c>
      <c r="Q6968">
        <v>40</v>
      </c>
      <c r="R6968">
        <v>40</v>
      </c>
      <c r="S6968">
        <v>41</v>
      </c>
      <c r="T6968">
        <v>42</v>
      </c>
      <c r="U6968">
        <v>43</v>
      </c>
      <c r="V6968">
        <v>43</v>
      </c>
      <c r="W6968">
        <v>44</v>
      </c>
      <c r="X6968">
        <v>44</v>
      </c>
      <c r="Y6968">
        <v>45</v>
      </c>
      <c r="Z6968">
        <v>45</v>
      </c>
      <c r="AA6968">
        <v>46</v>
      </c>
      <c r="AB6968">
        <v>46</v>
      </c>
      <c r="AC6968">
        <v>47</v>
      </c>
      <c r="AD6968">
        <v>47</v>
      </c>
      <c r="AE6968">
        <v>47</v>
      </c>
      <c r="AF6968">
        <v>47</v>
      </c>
      <c r="AG6968">
        <v>47</v>
      </c>
      <c r="AH6968">
        <v>46</v>
      </c>
      <c r="AI6968">
        <v>46</v>
      </c>
      <c r="AJ6968">
        <v>46</v>
      </c>
      <c r="AK6968">
        <v>45</v>
      </c>
      <c r="AL6968">
        <v>45</v>
      </c>
      <c r="AM6968">
        <v>45</v>
      </c>
      <c r="AN6968">
        <v>44</v>
      </c>
      <c r="AO6968">
        <v>44</v>
      </c>
      <c r="AP6968">
        <v>44</v>
      </c>
      <c r="AQ6968">
        <v>43</v>
      </c>
    </row>
    <row r="6969" spans="1:43">
      <c r="A6969" t="s">
        <v>4360</v>
      </c>
      <c r="B6969" t="s">
        <v>4361</v>
      </c>
      <c r="C6969" t="s">
        <v>4362</v>
      </c>
      <c r="D6969" t="s">
        <v>4363</v>
      </c>
      <c r="E6969" t="s">
        <v>4236</v>
      </c>
      <c r="F6969" t="s">
        <v>4237</v>
      </c>
      <c r="G6969" t="s">
        <v>80</v>
      </c>
      <c r="H6969" t="s">
        <v>81</v>
      </c>
      <c r="I6969" s="2">
        <v>1</v>
      </c>
      <c r="J6969" s="2">
        <v>0</v>
      </c>
      <c r="K6969" s="2">
        <v>0</v>
      </c>
      <c r="L6969" t="s">
        <v>120</v>
      </c>
      <c r="M6969" t="s">
        <v>83</v>
      </c>
      <c r="N6969" t="s">
        <v>91</v>
      </c>
      <c r="O6969" t="s">
        <v>85</v>
      </c>
      <c r="P6969" t="s">
        <v>86</v>
      </c>
      <c r="Q6969">
        <v>40</v>
      </c>
      <c r="R6969">
        <v>41</v>
      </c>
      <c r="S6969">
        <v>41</v>
      </c>
      <c r="T6969">
        <v>41</v>
      </c>
      <c r="U6969">
        <v>42</v>
      </c>
      <c r="V6969">
        <v>42</v>
      </c>
      <c r="W6969">
        <v>43</v>
      </c>
      <c r="X6969">
        <v>43</v>
      </c>
      <c r="Y6969">
        <v>43</v>
      </c>
      <c r="Z6969">
        <v>44</v>
      </c>
      <c r="AA6969">
        <v>44</v>
      </c>
      <c r="AB6969">
        <v>44</v>
      </c>
      <c r="AC6969">
        <v>44</v>
      </c>
      <c r="AD6969">
        <v>45</v>
      </c>
      <c r="AE6969">
        <v>45</v>
      </c>
      <c r="AF6969">
        <v>45</v>
      </c>
      <c r="AG6969">
        <v>45</v>
      </c>
      <c r="AH6969">
        <v>45</v>
      </c>
      <c r="AI6969">
        <v>45</v>
      </c>
      <c r="AJ6969">
        <v>46</v>
      </c>
      <c r="AK6969">
        <v>46</v>
      </c>
      <c r="AL6969">
        <v>46</v>
      </c>
      <c r="AM6969">
        <v>45</v>
      </c>
      <c r="AN6969">
        <v>45</v>
      </c>
      <c r="AO6969">
        <v>45</v>
      </c>
      <c r="AP6969">
        <v>44</v>
      </c>
      <c r="AQ6969">
        <v>44</v>
      </c>
    </row>
    <row r="6970" spans="1:43">
      <c r="A6970" t="s">
        <v>4364</v>
      </c>
      <c r="B6970" t="s">
        <v>4365</v>
      </c>
      <c r="C6970" t="s">
        <v>4366</v>
      </c>
      <c r="D6970" t="s">
        <v>4367</v>
      </c>
      <c r="E6970" t="s">
        <v>4236</v>
      </c>
      <c r="F6970" t="s">
        <v>4237</v>
      </c>
      <c r="G6970" t="s">
        <v>80</v>
      </c>
      <c r="H6970" t="s">
        <v>81</v>
      </c>
      <c r="I6970" s="2">
        <v>1</v>
      </c>
      <c r="J6970" s="2">
        <v>0</v>
      </c>
      <c r="K6970" s="2">
        <v>0</v>
      </c>
      <c r="L6970" t="s">
        <v>120</v>
      </c>
      <c r="M6970" t="s">
        <v>83</v>
      </c>
      <c r="N6970" t="s">
        <v>84</v>
      </c>
      <c r="O6970" t="s">
        <v>85</v>
      </c>
      <c r="P6970" t="s">
        <v>86</v>
      </c>
      <c r="Q6970">
        <v>22</v>
      </c>
      <c r="R6970">
        <v>22</v>
      </c>
      <c r="S6970">
        <v>22</v>
      </c>
      <c r="T6970">
        <v>22</v>
      </c>
      <c r="U6970">
        <v>23</v>
      </c>
      <c r="V6970">
        <v>23</v>
      </c>
      <c r="W6970">
        <v>23</v>
      </c>
      <c r="X6970">
        <v>23</v>
      </c>
      <c r="Y6970">
        <v>23</v>
      </c>
      <c r="Z6970">
        <v>23</v>
      </c>
      <c r="AA6970">
        <v>24</v>
      </c>
      <c r="AB6970">
        <v>24</v>
      </c>
      <c r="AC6970">
        <v>24</v>
      </c>
      <c r="AD6970">
        <v>24</v>
      </c>
      <c r="AE6970">
        <v>24</v>
      </c>
      <c r="AF6970">
        <v>24</v>
      </c>
      <c r="AG6970">
        <v>24</v>
      </c>
      <c r="AH6970">
        <v>24</v>
      </c>
      <c r="AI6970">
        <v>24</v>
      </c>
      <c r="AJ6970">
        <v>24</v>
      </c>
      <c r="AK6970">
        <v>24</v>
      </c>
      <c r="AL6970">
        <v>24</v>
      </c>
      <c r="AM6970">
        <v>24</v>
      </c>
      <c r="AN6970">
        <v>24</v>
      </c>
      <c r="AO6970">
        <v>24</v>
      </c>
      <c r="AP6970">
        <v>24</v>
      </c>
      <c r="AQ6970">
        <v>23</v>
      </c>
    </row>
    <row r="6971" spans="1:43">
      <c r="A6971" t="s">
        <v>4364</v>
      </c>
      <c r="B6971" t="s">
        <v>4365</v>
      </c>
      <c r="C6971" t="s">
        <v>4366</v>
      </c>
      <c r="D6971" t="s">
        <v>4367</v>
      </c>
      <c r="E6971" t="s">
        <v>4236</v>
      </c>
      <c r="F6971" t="s">
        <v>4237</v>
      </c>
      <c r="G6971" t="s">
        <v>80</v>
      </c>
      <c r="H6971" t="s">
        <v>81</v>
      </c>
      <c r="I6971" s="2">
        <v>1</v>
      </c>
      <c r="J6971" s="2">
        <v>0</v>
      </c>
      <c r="K6971" s="2">
        <v>0</v>
      </c>
      <c r="L6971" t="s">
        <v>120</v>
      </c>
      <c r="M6971" t="s">
        <v>87</v>
      </c>
      <c r="N6971" t="s">
        <v>88</v>
      </c>
      <c r="O6971" t="s">
        <v>85</v>
      </c>
      <c r="P6971" t="s">
        <v>86</v>
      </c>
      <c r="Q6971">
        <v>22</v>
      </c>
      <c r="R6971">
        <v>22</v>
      </c>
      <c r="S6971">
        <v>22</v>
      </c>
      <c r="T6971">
        <v>22</v>
      </c>
      <c r="U6971">
        <v>23</v>
      </c>
      <c r="V6971">
        <v>23</v>
      </c>
      <c r="W6971">
        <v>23</v>
      </c>
      <c r="X6971">
        <v>23</v>
      </c>
      <c r="Y6971">
        <v>23</v>
      </c>
      <c r="Z6971">
        <v>23</v>
      </c>
      <c r="AA6971">
        <v>22</v>
      </c>
      <c r="AB6971">
        <v>22</v>
      </c>
      <c r="AC6971">
        <v>22</v>
      </c>
      <c r="AD6971">
        <v>22</v>
      </c>
      <c r="AE6971">
        <v>22</v>
      </c>
      <c r="AF6971">
        <v>22</v>
      </c>
      <c r="AG6971">
        <v>22</v>
      </c>
      <c r="AH6971">
        <v>22</v>
      </c>
      <c r="AI6971">
        <v>22</v>
      </c>
      <c r="AJ6971">
        <v>22</v>
      </c>
      <c r="AK6971">
        <v>22</v>
      </c>
      <c r="AL6971">
        <v>22</v>
      </c>
      <c r="AM6971">
        <v>22</v>
      </c>
      <c r="AN6971">
        <v>22</v>
      </c>
      <c r="AO6971">
        <v>22</v>
      </c>
      <c r="AP6971">
        <v>21</v>
      </c>
      <c r="AQ6971">
        <v>21</v>
      </c>
    </row>
    <row r="6972" spans="1:43">
      <c r="A6972" t="s">
        <v>4364</v>
      </c>
      <c r="B6972" t="s">
        <v>4365</v>
      </c>
      <c r="C6972" t="s">
        <v>4366</v>
      </c>
      <c r="D6972" t="s">
        <v>4367</v>
      </c>
      <c r="E6972" t="s">
        <v>4236</v>
      </c>
      <c r="F6972" t="s">
        <v>4237</v>
      </c>
      <c r="G6972" t="s">
        <v>80</v>
      </c>
      <c r="H6972" t="s">
        <v>81</v>
      </c>
      <c r="I6972" s="2">
        <v>1</v>
      </c>
      <c r="J6972" s="2">
        <v>0</v>
      </c>
      <c r="K6972" s="2">
        <v>0</v>
      </c>
      <c r="L6972" t="s">
        <v>120</v>
      </c>
      <c r="M6972" t="s">
        <v>89</v>
      </c>
      <c r="N6972" t="s">
        <v>90</v>
      </c>
      <c r="O6972" t="s">
        <v>85</v>
      </c>
      <c r="P6972" t="s">
        <v>86</v>
      </c>
      <c r="Q6972">
        <v>22</v>
      </c>
      <c r="R6972">
        <v>22</v>
      </c>
      <c r="S6972">
        <v>23</v>
      </c>
      <c r="T6972">
        <v>23</v>
      </c>
      <c r="U6972">
        <v>23</v>
      </c>
      <c r="V6972">
        <v>24</v>
      </c>
      <c r="W6972">
        <v>24</v>
      </c>
      <c r="X6972">
        <v>24</v>
      </c>
      <c r="Y6972">
        <v>25</v>
      </c>
      <c r="Z6972">
        <v>25</v>
      </c>
      <c r="AA6972">
        <v>25</v>
      </c>
      <c r="AB6972">
        <v>25</v>
      </c>
      <c r="AC6972">
        <v>26</v>
      </c>
      <c r="AD6972">
        <v>26</v>
      </c>
      <c r="AE6972">
        <v>26</v>
      </c>
      <c r="AF6972">
        <v>26</v>
      </c>
      <c r="AG6972">
        <v>25</v>
      </c>
      <c r="AH6972">
        <v>25</v>
      </c>
      <c r="AI6972">
        <v>25</v>
      </c>
      <c r="AJ6972">
        <v>25</v>
      </c>
      <c r="AK6972">
        <v>25</v>
      </c>
      <c r="AL6972">
        <v>25</v>
      </c>
      <c r="AM6972">
        <v>24</v>
      </c>
      <c r="AN6972">
        <v>24</v>
      </c>
      <c r="AO6972">
        <v>24</v>
      </c>
      <c r="AP6972">
        <v>24</v>
      </c>
      <c r="AQ6972">
        <v>24</v>
      </c>
    </row>
    <row r="6973" spans="1:43">
      <c r="A6973" t="s">
        <v>4364</v>
      </c>
      <c r="B6973" t="s">
        <v>4365</v>
      </c>
      <c r="C6973" t="s">
        <v>4366</v>
      </c>
      <c r="D6973" t="s">
        <v>4367</v>
      </c>
      <c r="E6973" t="s">
        <v>4236</v>
      </c>
      <c r="F6973" t="s">
        <v>4237</v>
      </c>
      <c r="G6973" t="s">
        <v>80</v>
      </c>
      <c r="H6973" t="s">
        <v>81</v>
      </c>
      <c r="I6973" s="2">
        <v>1</v>
      </c>
      <c r="J6973" s="2">
        <v>0</v>
      </c>
      <c r="K6973" s="2">
        <v>0</v>
      </c>
      <c r="L6973" t="s">
        <v>120</v>
      </c>
      <c r="M6973" t="s">
        <v>83</v>
      </c>
      <c r="N6973" t="s">
        <v>91</v>
      </c>
      <c r="O6973" t="s">
        <v>85</v>
      </c>
      <c r="P6973" t="s">
        <v>86</v>
      </c>
      <c r="Q6973">
        <v>22</v>
      </c>
      <c r="R6973">
        <v>22</v>
      </c>
      <c r="S6973">
        <v>22</v>
      </c>
      <c r="T6973">
        <v>22</v>
      </c>
      <c r="U6973">
        <v>23</v>
      </c>
      <c r="V6973">
        <v>23</v>
      </c>
      <c r="W6973">
        <v>23</v>
      </c>
      <c r="X6973">
        <v>23</v>
      </c>
      <c r="Y6973">
        <v>23</v>
      </c>
      <c r="Z6973">
        <v>23</v>
      </c>
      <c r="AA6973">
        <v>24</v>
      </c>
      <c r="AB6973">
        <v>24</v>
      </c>
      <c r="AC6973">
        <v>24</v>
      </c>
      <c r="AD6973">
        <v>24</v>
      </c>
      <c r="AE6973">
        <v>24</v>
      </c>
      <c r="AF6973">
        <v>24</v>
      </c>
      <c r="AG6973">
        <v>24</v>
      </c>
      <c r="AH6973">
        <v>24</v>
      </c>
      <c r="AI6973">
        <v>24</v>
      </c>
      <c r="AJ6973">
        <v>24</v>
      </c>
      <c r="AK6973">
        <v>24</v>
      </c>
      <c r="AL6973">
        <v>24</v>
      </c>
      <c r="AM6973">
        <v>24</v>
      </c>
      <c r="AN6973">
        <v>24</v>
      </c>
      <c r="AO6973">
        <v>24</v>
      </c>
      <c r="AP6973">
        <v>24</v>
      </c>
      <c r="AQ6973">
        <v>23</v>
      </c>
    </row>
    <row r="6974" spans="1:43">
      <c r="A6974" t="s">
        <v>4368</v>
      </c>
      <c r="B6974" t="s">
        <v>4369</v>
      </c>
      <c r="C6974" t="s">
        <v>4366</v>
      </c>
      <c r="D6974" t="s">
        <v>4367</v>
      </c>
      <c r="E6974" t="s">
        <v>4236</v>
      </c>
      <c r="F6974" t="s">
        <v>4237</v>
      </c>
      <c r="G6974" t="s">
        <v>80</v>
      </c>
      <c r="H6974" t="s">
        <v>81</v>
      </c>
      <c r="I6974" s="2">
        <v>1</v>
      </c>
      <c r="J6974" s="2">
        <v>0</v>
      </c>
      <c r="K6974" s="2">
        <v>0</v>
      </c>
      <c r="L6974" t="s">
        <v>120</v>
      </c>
      <c r="M6974" t="s">
        <v>83</v>
      </c>
      <c r="N6974" t="s">
        <v>84</v>
      </c>
      <c r="O6974" t="s">
        <v>85</v>
      </c>
      <c r="P6974" t="s">
        <v>86</v>
      </c>
      <c r="Q6974">
        <v>3</v>
      </c>
      <c r="R6974">
        <v>3</v>
      </c>
      <c r="S6974">
        <v>3</v>
      </c>
      <c r="T6974">
        <v>3</v>
      </c>
      <c r="U6974">
        <v>3</v>
      </c>
      <c r="V6974">
        <v>3</v>
      </c>
      <c r="W6974">
        <v>4</v>
      </c>
      <c r="X6974">
        <v>4</v>
      </c>
      <c r="Y6974">
        <v>4</v>
      </c>
      <c r="Z6974">
        <v>4</v>
      </c>
      <c r="AA6974">
        <v>4</v>
      </c>
      <c r="AB6974">
        <v>4</v>
      </c>
      <c r="AC6974">
        <v>4</v>
      </c>
      <c r="AD6974">
        <v>4</v>
      </c>
      <c r="AE6974">
        <v>4</v>
      </c>
      <c r="AF6974">
        <v>4</v>
      </c>
      <c r="AG6974">
        <v>4</v>
      </c>
      <c r="AH6974">
        <v>4</v>
      </c>
      <c r="AI6974">
        <v>4</v>
      </c>
      <c r="AJ6974">
        <v>4</v>
      </c>
      <c r="AK6974">
        <v>4</v>
      </c>
      <c r="AL6974">
        <v>4</v>
      </c>
      <c r="AM6974">
        <v>4</v>
      </c>
      <c r="AN6974">
        <v>4</v>
      </c>
      <c r="AO6974">
        <v>4</v>
      </c>
      <c r="AP6974">
        <v>4</v>
      </c>
      <c r="AQ6974">
        <v>4</v>
      </c>
    </row>
    <row r="6975" spans="1:43">
      <c r="A6975" t="s">
        <v>4368</v>
      </c>
      <c r="B6975" t="s">
        <v>4369</v>
      </c>
      <c r="C6975" t="s">
        <v>4366</v>
      </c>
      <c r="D6975" t="s">
        <v>4367</v>
      </c>
      <c r="E6975" t="s">
        <v>4236</v>
      </c>
      <c r="F6975" t="s">
        <v>4237</v>
      </c>
      <c r="G6975" t="s">
        <v>80</v>
      </c>
      <c r="H6975" t="s">
        <v>81</v>
      </c>
      <c r="I6975" s="2">
        <v>1</v>
      </c>
      <c r="J6975" s="2">
        <v>0</v>
      </c>
      <c r="K6975" s="2">
        <v>0</v>
      </c>
      <c r="L6975" t="s">
        <v>120</v>
      </c>
      <c r="M6975" t="s">
        <v>87</v>
      </c>
      <c r="N6975" t="s">
        <v>88</v>
      </c>
      <c r="O6975" t="s">
        <v>85</v>
      </c>
      <c r="P6975" t="s">
        <v>86</v>
      </c>
      <c r="Q6975">
        <v>3</v>
      </c>
      <c r="R6975">
        <v>3</v>
      </c>
      <c r="S6975">
        <v>3</v>
      </c>
      <c r="T6975">
        <v>3</v>
      </c>
      <c r="U6975">
        <v>3</v>
      </c>
      <c r="V6975">
        <v>3</v>
      </c>
      <c r="W6975">
        <v>3</v>
      </c>
      <c r="X6975">
        <v>3</v>
      </c>
      <c r="Y6975">
        <v>3</v>
      </c>
      <c r="Z6975">
        <v>3</v>
      </c>
      <c r="AA6975">
        <v>3</v>
      </c>
      <c r="AB6975">
        <v>3</v>
      </c>
      <c r="AC6975">
        <v>3</v>
      </c>
      <c r="AD6975">
        <v>3</v>
      </c>
      <c r="AE6975">
        <v>3</v>
      </c>
      <c r="AF6975">
        <v>3</v>
      </c>
      <c r="AG6975">
        <v>3</v>
      </c>
      <c r="AH6975">
        <v>3</v>
      </c>
      <c r="AI6975">
        <v>3</v>
      </c>
      <c r="AJ6975">
        <v>3</v>
      </c>
      <c r="AK6975">
        <v>3</v>
      </c>
      <c r="AL6975">
        <v>3</v>
      </c>
      <c r="AM6975">
        <v>3</v>
      </c>
      <c r="AN6975">
        <v>3</v>
      </c>
      <c r="AO6975">
        <v>3</v>
      </c>
      <c r="AP6975">
        <v>3</v>
      </c>
      <c r="AQ6975">
        <v>3</v>
      </c>
    </row>
    <row r="6976" spans="1:43">
      <c r="A6976" t="s">
        <v>4368</v>
      </c>
      <c r="B6976" t="s">
        <v>4369</v>
      </c>
      <c r="C6976" t="s">
        <v>4366</v>
      </c>
      <c r="D6976" t="s">
        <v>4367</v>
      </c>
      <c r="E6976" t="s">
        <v>4236</v>
      </c>
      <c r="F6976" t="s">
        <v>4237</v>
      </c>
      <c r="G6976" t="s">
        <v>80</v>
      </c>
      <c r="H6976" t="s">
        <v>81</v>
      </c>
      <c r="I6976" s="2">
        <v>1</v>
      </c>
      <c r="J6976" s="2">
        <v>0</v>
      </c>
      <c r="K6976" s="2">
        <v>0</v>
      </c>
      <c r="L6976" t="s">
        <v>120</v>
      </c>
      <c r="M6976" t="s">
        <v>89</v>
      </c>
      <c r="N6976" t="s">
        <v>90</v>
      </c>
      <c r="O6976" t="s">
        <v>85</v>
      </c>
      <c r="P6976" t="s">
        <v>86</v>
      </c>
      <c r="Q6976">
        <v>3</v>
      </c>
      <c r="R6976">
        <v>3</v>
      </c>
      <c r="S6976">
        <v>3</v>
      </c>
      <c r="T6976">
        <v>4</v>
      </c>
      <c r="U6976">
        <v>4</v>
      </c>
      <c r="V6976">
        <v>4</v>
      </c>
      <c r="W6976">
        <v>4</v>
      </c>
      <c r="X6976">
        <v>4</v>
      </c>
      <c r="Y6976">
        <v>4</v>
      </c>
      <c r="Z6976">
        <v>4</v>
      </c>
      <c r="AA6976">
        <v>4</v>
      </c>
      <c r="AB6976">
        <v>4</v>
      </c>
      <c r="AC6976">
        <v>4</v>
      </c>
      <c r="AD6976">
        <v>4</v>
      </c>
      <c r="AE6976">
        <v>4</v>
      </c>
      <c r="AF6976">
        <v>4</v>
      </c>
      <c r="AG6976">
        <v>4</v>
      </c>
      <c r="AH6976">
        <v>4</v>
      </c>
      <c r="AI6976">
        <v>4</v>
      </c>
      <c r="AJ6976">
        <v>4</v>
      </c>
      <c r="AK6976">
        <v>4</v>
      </c>
      <c r="AL6976">
        <v>4</v>
      </c>
      <c r="AM6976">
        <v>4</v>
      </c>
      <c r="AN6976">
        <v>4</v>
      </c>
      <c r="AO6976">
        <v>4</v>
      </c>
      <c r="AP6976">
        <v>4</v>
      </c>
      <c r="AQ6976">
        <v>4</v>
      </c>
    </row>
    <row r="6977" spans="1:43">
      <c r="A6977" t="s">
        <v>4368</v>
      </c>
      <c r="B6977" t="s">
        <v>4369</v>
      </c>
      <c r="C6977" t="s">
        <v>4366</v>
      </c>
      <c r="D6977" t="s">
        <v>4367</v>
      </c>
      <c r="E6977" t="s">
        <v>4236</v>
      </c>
      <c r="F6977" t="s">
        <v>4237</v>
      </c>
      <c r="G6977" t="s">
        <v>80</v>
      </c>
      <c r="H6977" t="s">
        <v>81</v>
      </c>
      <c r="I6977" s="2">
        <v>1</v>
      </c>
      <c r="J6977" s="2">
        <v>0</v>
      </c>
      <c r="K6977" s="2">
        <v>0</v>
      </c>
      <c r="L6977" t="s">
        <v>120</v>
      </c>
      <c r="M6977" t="s">
        <v>83</v>
      </c>
      <c r="N6977" t="s">
        <v>91</v>
      </c>
      <c r="O6977" t="s">
        <v>85</v>
      </c>
      <c r="P6977" t="s">
        <v>86</v>
      </c>
      <c r="Q6977">
        <v>3</v>
      </c>
      <c r="R6977">
        <v>3</v>
      </c>
      <c r="S6977">
        <v>3</v>
      </c>
      <c r="T6977">
        <v>3</v>
      </c>
      <c r="U6977">
        <v>3</v>
      </c>
      <c r="V6977">
        <v>3</v>
      </c>
      <c r="W6977">
        <v>4</v>
      </c>
      <c r="X6977">
        <v>4</v>
      </c>
      <c r="Y6977">
        <v>4</v>
      </c>
      <c r="Z6977">
        <v>4</v>
      </c>
      <c r="AA6977">
        <v>4</v>
      </c>
      <c r="AB6977">
        <v>4</v>
      </c>
      <c r="AC6977">
        <v>4</v>
      </c>
      <c r="AD6977">
        <v>4</v>
      </c>
      <c r="AE6977">
        <v>4</v>
      </c>
      <c r="AF6977">
        <v>4</v>
      </c>
      <c r="AG6977">
        <v>4</v>
      </c>
      <c r="AH6977">
        <v>4</v>
      </c>
      <c r="AI6977">
        <v>4</v>
      </c>
      <c r="AJ6977">
        <v>4</v>
      </c>
      <c r="AK6977">
        <v>4</v>
      </c>
      <c r="AL6977">
        <v>4</v>
      </c>
      <c r="AM6977">
        <v>4</v>
      </c>
      <c r="AN6977">
        <v>4</v>
      </c>
      <c r="AO6977">
        <v>4</v>
      </c>
      <c r="AP6977">
        <v>4</v>
      </c>
      <c r="AQ6977">
        <v>4</v>
      </c>
    </row>
    <row r="6978" spans="1:43">
      <c r="A6978" t="s">
        <v>4370</v>
      </c>
      <c r="B6978" t="s">
        <v>4371</v>
      </c>
      <c r="C6978" t="s">
        <v>4372</v>
      </c>
      <c r="D6978" t="s">
        <v>4373</v>
      </c>
      <c r="E6978" t="s">
        <v>4236</v>
      </c>
      <c r="F6978" t="s">
        <v>4237</v>
      </c>
      <c r="G6978" t="s">
        <v>80</v>
      </c>
      <c r="H6978" t="s">
        <v>81</v>
      </c>
      <c r="I6978" s="2">
        <v>1</v>
      </c>
      <c r="J6978" s="2">
        <v>0</v>
      </c>
      <c r="K6978" s="2">
        <v>0</v>
      </c>
      <c r="L6978" t="s">
        <v>120</v>
      </c>
      <c r="M6978" t="s">
        <v>83</v>
      </c>
      <c r="N6978" t="s">
        <v>84</v>
      </c>
      <c r="O6978" t="s">
        <v>85</v>
      </c>
      <c r="P6978" t="s">
        <v>86</v>
      </c>
      <c r="Q6978">
        <v>65</v>
      </c>
      <c r="R6978">
        <v>66</v>
      </c>
      <c r="S6978">
        <v>67</v>
      </c>
      <c r="T6978">
        <v>67</v>
      </c>
      <c r="U6978">
        <v>68</v>
      </c>
      <c r="V6978">
        <v>68</v>
      </c>
      <c r="W6978">
        <v>69</v>
      </c>
      <c r="X6978">
        <v>70</v>
      </c>
      <c r="Y6978">
        <v>70</v>
      </c>
      <c r="Z6978">
        <v>71</v>
      </c>
      <c r="AA6978">
        <v>71</v>
      </c>
      <c r="AB6978">
        <v>71</v>
      </c>
      <c r="AC6978">
        <v>72</v>
      </c>
      <c r="AD6978">
        <v>72</v>
      </c>
      <c r="AE6978">
        <v>72</v>
      </c>
      <c r="AF6978">
        <v>73</v>
      </c>
      <c r="AG6978">
        <v>73</v>
      </c>
      <c r="AH6978">
        <v>73</v>
      </c>
      <c r="AI6978">
        <v>73</v>
      </c>
      <c r="AJ6978">
        <v>73</v>
      </c>
      <c r="AK6978">
        <v>74</v>
      </c>
      <c r="AL6978">
        <v>73</v>
      </c>
      <c r="AM6978">
        <v>73</v>
      </c>
      <c r="AN6978">
        <v>72</v>
      </c>
      <c r="AO6978">
        <v>71</v>
      </c>
      <c r="AP6978">
        <v>71</v>
      </c>
      <c r="AQ6978">
        <v>70</v>
      </c>
    </row>
    <row r="6979" spans="1:43">
      <c r="A6979" t="s">
        <v>4370</v>
      </c>
      <c r="B6979" t="s">
        <v>4371</v>
      </c>
      <c r="C6979" t="s">
        <v>4372</v>
      </c>
      <c r="D6979" t="s">
        <v>4373</v>
      </c>
      <c r="E6979" t="s">
        <v>4236</v>
      </c>
      <c r="F6979" t="s">
        <v>4237</v>
      </c>
      <c r="G6979" t="s">
        <v>80</v>
      </c>
      <c r="H6979" t="s">
        <v>81</v>
      </c>
      <c r="I6979" s="2">
        <v>1</v>
      </c>
      <c r="J6979" s="2">
        <v>0</v>
      </c>
      <c r="K6979" s="2">
        <v>0</v>
      </c>
      <c r="L6979" t="s">
        <v>120</v>
      </c>
      <c r="M6979" t="s">
        <v>87</v>
      </c>
      <c r="N6979" t="s">
        <v>88</v>
      </c>
      <c r="O6979" t="s">
        <v>85</v>
      </c>
      <c r="P6979" t="s">
        <v>86</v>
      </c>
      <c r="Q6979">
        <v>65</v>
      </c>
      <c r="R6979">
        <v>65</v>
      </c>
      <c r="S6979">
        <v>65</v>
      </c>
      <c r="T6979">
        <v>65</v>
      </c>
      <c r="U6979">
        <v>65</v>
      </c>
      <c r="V6979">
        <v>65</v>
      </c>
      <c r="W6979">
        <v>65</v>
      </c>
      <c r="X6979">
        <v>65</v>
      </c>
      <c r="Y6979">
        <v>65</v>
      </c>
      <c r="Z6979">
        <v>65</v>
      </c>
      <c r="AA6979">
        <v>65</v>
      </c>
      <c r="AB6979">
        <v>65</v>
      </c>
      <c r="AC6979">
        <v>64</v>
      </c>
      <c r="AD6979">
        <v>64</v>
      </c>
      <c r="AE6979">
        <v>64</v>
      </c>
      <c r="AF6979">
        <v>64</v>
      </c>
      <c r="AG6979">
        <v>64</v>
      </c>
      <c r="AH6979">
        <v>64</v>
      </c>
      <c r="AI6979">
        <v>63</v>
      </c>
      <c r="AJ6979">
        <v>63</v>
      </c>
      <c r="AK6979">
        <v>63</v>
      </c>
      <c r="AL6979">
        <v>62</v>
      </c>
      <c r="AM6979">
        <v>62</v>
      </c>
      <c r="AN6979">
        <v>62</v>
      </c>
      <c r="AO6979">
        <v>62</v>
      </c>
      <c r="AP6979">
        <v>61</v>
      </c>
      <c r="AQ6979">
        <v>61</v>
      </c>
    </row>
    <row r="6980" spans="1:43">
      <c r="A6980" t="s">
        <v>4370</v>
      </c>
      <c r="B6980" t="s">
        <v>4371</v>
      </c>
      <c r="C6980" t="s">
        <v>4372</v>
      </c>
      <c r="D6980" t="s">
        <v>4373</v>
      </c>
      <c r="E6980" t="s">
        <v>4236</v>
      </c>
      <c r="F6980" t="s">
        <v>4237</v>
      </c>
      <c r="G6980" t="s">
        <v>80</v>
      </c>
      <c r="H6980" t="s">
        <v>81</v>
      </c>
      <c r="I6980" s="2">
        <v>1</v>
      </c>
      <c r="J6980" s="2">
        <v>0</v>
      </c>
      <c r="K6980" s="2">
        <v>0</v>
      </c>
      <c r="L6980" t="s">
        <v>120</v>
      </c>
      <c r="M6980" t="s">
        <v>89</v>
      </c>
      <c r="N6980" t="s">
        <v>90</v>
      </c>
      <c r="O6980" t="s">
        <v>85</v>
      </c>
      <c r="P6980" t="s">
        <v>86</v>
      </c>
      <c r="Q6980">
        <v>65</v>
      </c>
      <c r="R6980">
        <v>66</v>
      </c>
      <c r="S6980">
        <v>67</v>
      </c>
      <c r="T6980">
        <v>68</v>
      </c>
      <c r="U6980">
        <v>70</v>
      </c>
      <c r="V6980">
        <v>71</v>
      </c>
      <c r="W6980">
        <v>71</v>
      </c>
      <c r="X6980">
        <v>72</v>
      </c>
      <c r="Y6980">
        <v>73</v>
      </c>
      <c r="Z6980">
        <v>74</v>
      </c>
      <c r="AA6980">
        <v>75</v>
      </c>
      <c r="AB6980">
        <v>75</v>
      </c>
      <c r="AC6980">
        <v>76</v>
      </c>
      <c r="AD6980">
        <v>76</v>
      </c>
      <c r="AE6980">
        <v>77</v>
      </c>
      <c r="AF6980">
        <v>76</v>
      </c>
      <c r="AG6980">
        <v>76</v>
      </c>
      <c r="AH6980">
        <v>75</v>
      </c>
      <c r="AI6980">
        <v>75</v>
      </c>
      <c r="AJ6980">
        <v>74</v>
      </c>
      <c r="AK6980">
        <v>74</v>
      </c>
      <c r="AL6980">
        <v>73</v>
      </c>
      <c r="AM6980">
        <v>72</v>
      </c>
      <c r="AN6980">
        <v>72</v>
      </c>
      <c r="AO6980">
        <v>71</v>
      </c>
      <c r="AP6980">
        <v>71</v>
      </c>
      <c r="AQ6980">
        <v>70</v>
      </c>
    </row>
    <row r="6981" spans="1:43">
      <c r="A6981" t="s">
        <v>4370</v>
      </c>
      <c r="B6981" t="s">
        <v>4371</v>
      </c>
      <c r="C6981" t="s">
        <v>4372</v>
      </c>
      <c r="D6981" t="s">
        <v>4373</v>
      </c>
      <c r="E6981" t="s">
        <v>4236</v>
      </c>
      <c r="F6981" t="s">
        <v>4237</v>
      </c>
      <c r="G6981" t="s">
        <v>80</v>
      </c>
      <c r="H6981" t="s">
        <v>81</v>
      </c>
      <c r="I6981" s="2">
        <v>1</v>
      </c>
      <c r="J6981" s="2">
        <v>0</v>
      </c>
      <c r="K6981" s="2">
        <v>0</v>
      </c>
      <c r="L6981" t="s">
        <v>120</v>
      </c>
      <c r="M6981" t="s">
        <v>83</v>
      </c>
      <c r="N6981" t="s">
        <v>91</v>
      </c>
      <c r="O6981" t="s">
        <v>85</v>
      </c>
      <c r="P6981" t="s">
        <v>86</v>
      </c>
      <c r="Q6981">
        <v>65</v>
      </c>
      <c r="R6981">
        <v>66</v>
      </c>
      <c r="S6981">
        <v>67</v>
      </c>
      <c r="T6981">
        <v>67</v>
      </c>
      <c r="U6981">
        <v>68</v>
      </c>
      <c r="V6981">
        <v>68</v>
      </c>
      <c r="W6981">
        <v>69</v>
      </c>
      <c r="X6981">
        <v>70</v>
      </c>
      <c r="Y6981">
        <v>70</v>
      </c>
      <c r="Z6981">
        <v>71</v>
      </c>
      <c r="AA6981">
        <v>71</v>
      </c>
      <c r="AB6981">
        <v>71</v>
      </c>
      <c r="AC6981">
        <v>72</v>
      </c>
      <c r="AD6981">
        <v>72</v>
      </c>
      <c r="AE6981">
        <v>72</v>
      </c>
      <c r="AF6981">
        <v>73</v>
      </c>
      <c r="AG6981">
        <v>73</v>
      </c>
      <c r="AH6981">
        <v>73</v>
      </c>
      <c r="AI6981">
        <v>73</v>
      </c>
      <c r="AJ6981">
        <v>73</v>
      </c>
      <c r="AK6981">
        <v>74</v>
      </c>
      <c r="AL6981">
        <v>73</v>
      </c>
      <c r="AM6981">
        <v>73</v>
      </c>
      <c r="AN6981">
        <v>72</v>
      </c>
      <c r="AO6981">
        <v>71</v>
      </c>
      <c r="AP6981">
        <v>71</v>
      </c>
      <c r="AQ6981">
        <v>70</v>
      </c>
    </row>
    <row r="6982" spans="1:43">
      <c r="A6982" t="s">
        <v>4374</v>
      </c>
      <c r="B6982" t="s">
        <v>4375</v>
      </c>
      <c r="C6982" t="s">
        <v>4372</v>
      </c>
      <c r="D6982" t="s">
        <v>4373</v>
      </c>
      <c r="E6982" t="s">
        <v>4236</v>
      </c>
      <c r="F6982" t="s">
        <v>4237</v>
      </c>
      <c r="G6982" t="s">
        <v>80</v>
      </c>
      <c r="H6982" t="s">
        <v>81</v>
      </c>
      <c r="I6982" s="2">
        <v>1</v>
      </c>
      <c r="J6982" s="2">
        <v>0</v>
      </c>
      <c r="K6982" s="2">
        <v>0</v>
      </c>
      <c r="L6982" t="s">
        <v>120</v>
      </c>
      <c r="M6982" t="s">
        <v>83</v>
      </c>
      <c r="N6982" t="s">
        <v>84</v>
      </c>
      <c r="O6982" t="s">
        <v>85</v>
      </c>
      <c r="P6982" t="s">
        <v>86</v>
      </c>
      <c r="Q6982">
        <v>27</v>
      </c>
      <c r="R6982">
        <v>27</v>
      </c>
      <c r="S6982">
        <v>28</v>
      </c>
      <c r="T6982">
        <v>28</v>
      </c>
      <c r="U6982">
        <v>28</v>
      </c>
      <c r="V6982">
        <v>28</v>
      </c>
      <c r="W6982">
        <v>29</v>
      </c>
      <c r="X6982">
        <v>29</v>
      </c>
      <c r="Y6982">
        <v>29</v>
      </c>
      <c r="Z6982">
        <v>29</v>
      </c>
      <c r="AA6982">
        <v>30</v>
      </c>
      <c r="AB6982">
        <v>30</v>
      </c>
      <c r="AC6982">
        <v>30</v>
      </c>
      <c r="AD6982">
        <v>30</v>
      </c>
      <c r="AE6982">
        <v>30</v>
      </c>
      <c r="AF6982">
        <v>30</v>
      </c>
      <c r="AG6982">
        <v>30</v>
      </c>
      <c r="AH6982">
        <v>31</v>
      </c>
      <c r="AI6982">
        <v>31</v>
      </c>
      <c r="AJ6982">
        <v>31</v>
      </c>
      <c r="AK6982">
        <v>31</v>
      </c>
      <c r="AL6982">
        <v>31</v>
      </c>
      <c r="AM6982">
        <v>30</v>
      </c>
      <c r="AN6982">
        <v>30</v>
      </c>
      <c r="AO6982">
        <v>30</v>
      </c>
      <c r="AP6982">
        <v>30</v>
      </c>
      <c r="AQ6982">
        <v>30</v>
      </c>
    </row>
    <row r="6983" spans="1:43">
      <c r="A6983" t="s">
        <v>4374</v>
      </c>
      <c r="B6983" t="s">
        <v>4375</v>
      </c>
      <c r="C6983" t="s">
        <v>4372</v>
      </c>
      <c r="D6983" t="s">
        <v>4373</v>
      </c>
      <c r="E6983" t="s">
        <v>4236</v>
      </c>
      <c r="F6983" t="s">
        <v>4237</v>
      </c>
      <c r="G6983" t="s">
        <v>80</v>
      </c>
      <c r="H6983" t="s">
        <v>81</v>
      </c>
      <c r="I6983" s="2">
        <v>1</v>
      </c>
      <c r="J6983" s="2">
        <v>0</v>
      </c>
      <c r="K6983" s="2">
        <v>0</v>
      </c>
      <c r="L6983" t="s">
        <v>120</v>
      </c>
      <c r="M6983" t="s">
        <v>87</v>
      </c>
      <c r="N6983" t="s">
        <v>88</v>
      </c>
      <c r="O6983" t="s">
        <v>85</v>
      </c>
      <c r="P6983" t="s">
        <v>86</v>
      </c>
      <c r="Q6983">
        <v>27</v>
      </c>
      <c r="R6983">
        <v>27</v>
      </c>
      <c r="S6983">
        <v>27</v>
      </c>
      <c r="T6983">
        <v>27</v>
      </c>
      <c r="U6983">
        <v>27</v>
      </c>
      <c r="V6983">
        <v>27</v>
      </c>
      <c r="W6983">
        <v>27</v>
      </c>
      <c r="X6983">
        <v>27</v>
      </c>
      <c r="Y6983">
        <v>27</v>
      </c>
      <c r="Z6983">
        <v>27</v>
      </c>
      <c r="AA6983">
        <v>27</v>
      </c>
      <c r="AB6983">
        <v>27</v>
      </c>
      <c r="AC6983">
        <v>27</v>
      </c>
      <c r="AD6983">
        <v>27</v>
      </c>
      <c r="AE6983">
        <v>27</v>
      </c>
      <c r="AF6983">
        <v>27</v>
      </c>
      <c r="AG6983">
        <v>27</v>
      </c>
      <c r="AH6983">
        <v>27</v>
      </c>
      <c r="AI6983">
        <v>27</v>
      </c>
      <c r="AJ6983">
        <v>26</v>
      </c>
      <c r="AK6983">
        <v>26</v>
      </c>
      <c r="AL6983">
        <v>26</v>
      </c>
      <c r="AM6983">
        <v>26</v>
      </c>
      <c r="AN6983">
        <v>26</v>
      </c>
      <c r="AO6983">
        <v>26</v>
      </c>
      <c r="AP6983">
        <v>26</v>
      </c>
      <c r="AQ6983">
        <v>26</v>
      </c>
    </row>
    <row r="6984" spans="1:43">
      <c r="A6984" t="s">
        <v>4374</v>
      </c>
      <c r="B6984" t="s">
        <v>4375</v>
      </c>
      <c r="C6984" t="s">
        <v>4372</v>
      </c>
      <c r="D6984" t="s">
        <v>4373</v>
      </c>
      <c r="E6984" t="s">
        <v>4236</v>
      </c>
      <c r="F6984" t="s">
        <v>4237</v>
      </c>
      <c r="G6984" t="s">
        <v>80</v>
      </c>
      <c r="H6984" t="s">
        <v>81</v>
      </c>
      <c r="I6984" s="2">
        <v>1</v>
      </c>
      <c r="J6984" s="2">
        <v>0</v>
      </c>
      <c r="K6984" s="2">
        <v>0</v>
      </c>
      <c r="L6984" t="s">
        <v>120</v>
      </c>
      <c r="M6984" t="s">
        <v>89</v>
      </c>
      <c r="N6984" t="s">
        <v>90</v>
      </c>
      <c r="O6984" t="s">
        <v>85</v>
      </c>
      <c r="P6984" t="s">
        <v>86</v>
      </c>
      <c r="Q6984">
        <v>27</v>
      </c>
      <c r="R6984">
        <v>28</v>
      </c>
      <c r="S6984">
        <v>28</v>
      </c>
      <c r="T6984">
        <v>29</v>
      </c>
      <c r="U6984">
        <v>29</v>
      </c>
      <c r="V6984">
        <v>30</v>
      </c>
      <c r="W6984">
        <v>30</v>
      </c>
      <c r="X6984">
        <v>30</v>
      </c>
      <c r="Y6984">
        <v>31</v>
      </c>
      <c r="Z6984">
        <v>31</v>
      </c>
      <c r="AA6984">
        <v>31</v>
      </c>
      <c r="AB6984">
        <v>32</v>
      </c>
      <c r="AC6984">
        <v>32</v>
      </c>
      <c r="AD6984">
        <v>32</v>
      </c>
      <c r="AE6984">
        <v>32</v>
      </c>
      <c r="AF6984">
        <v>32</v>
      </c>
      <c r="AG6984">
        <v>32</v>
      </c>
      <c r="AH6984">
        <v>32</v>
      </c>
      <c r="AI6984">
        <v>32</v>
      </c>
      <c r="AJ6984">
        <v>31</v>
      </c>
      <c r="AK6984">
        <v>31</v>
      </c>
      <c r="AL6984">
        <v>31</v>
      </c>
      <c r="AM6984">
        <v>31</v>
      </c>
      <c r="AN6984">
        <v>31</v>
      </c>
      <c r="AO6984">
        <v>30</v>
      </c>
      <c r="AP6984">
        <v>30</v>
      </c>
      <c r="AQ6984">
        <v>30</v>
      </c>
    </row>
    <row r="6985" spans="1:43">
      <c r="A6985" t="s">
        <v>4374</v>
      </c>
      <c r="B6985" t="s">
        <v>4375</v>
      </c>
      <c r="C6985" t="s">
        <v>4372</v>
      </c>
      <c r="D6985" t="s">
        <v>4373</v>
      </c>
      <c r="E6985" t="s">
        <v>4236</v>
      </c>
      <c r="F6985" t="s">
        <v>4237</v>
      </c>
      <c r="G6985" t="s">
        <v>80</v>
      </c>
      <c r="H6985" t="s">
        <v>81</v>
      </c>
      <c r="I6985" s="2">
        <v>1</v>
      </c>
      <c r="J6985" s="2">
        <v>0</v>
      </c>
      <c r="K6985" s="2">
        <v>0</v>
      </c>
      <c r="L6985" t="s">
        <v>120</v>
      </c>
      <c r="M6985" t="s">
        <v>83</v>
      </c>
      <c r="N6985" t="s">
        <v>91</v>
      </c>
      <c r="O6985" t="s">
        <v>85</v>
      </c>
      <c r="P6985" t="s">
        <v>86</v>
      </c>
      <c r="Q6985">
        <v>27</v>
      </c>
      <c r="R6985">
        <v>27</v>
      </c>
      <c r="S6985">
        <v>28</v>
      </c>
      <c r="T6985">
        <v>28</v>
      </c>
      <c r="U6985">
        <v>28</v>
      </c>
      <c r="V6985">
        <v>28</v>
      </c>
      <c r="W6985">
        <v>29</v>
      </c>
      <c r="X6985">
        <v>29</v>
      </c>
      <c r="Y6985">
        <v>29</v>
      </c>
      <c r="Z6985">
        <v>29</v>
      </c>
      <c r="AA6985">
        <v>30</v>
      </c>
      <c r="AB6985">
        <v>30</v>
      </c>
      <c r="AC6985">
        <v>30</v>
      </c>
      <c r="AD6985">
        <v>30</v>
      </c>
      <c r="AE6985">
        <v>30</v>
      </c>
      <c r="AF6985">
        <v>30</v>
      </c>
      <c r="AG6985">
        <v>30</v>
      </c>
      <c r="AH6985">
        <v>31</v>
      </c>
      <c r="AI6985">
        <v>31</v>
      </c>
      <c r="AJ6985">
        <v>31</v>
      </c>
      <c r="AK6985">
        <v>31</v>
      </c>
      <c r="AL6985">
        <v>31</v>
      </c>
      <c r="AM6985">
        <v>30</v>
      </c>
      <c r="AN6985">
        <v>30</v>
      </c>
      <c r="AO6985">
        <v>30</v>
      </c>
      <c r="AP6985">
        <v>30</v>
      </c>
      <c r="AQ6985">
        <v>30</v>
      </c>
    </row>
    <row r="6986" spans="1:43">
      <c r="A6986" t="s">
        <v>4376</v>
      </c>
      <c r="B6986" t="s">
        <v>4377</v>
      </c>
      <c r="C6986" t="s">
        <v>4366</v>
      </c>
      <c r="D6986" t="s">
        <v>4367</v>
      </c>
      <c r="E6986" t="s">
        <v>4236</v>
      </c>
      <c r="F6986" t="s">
        <v>4237</v>
      </c>
      <c r="G6986" t="s">
        <v>80</v>
      </c>
      <c r="H6986" t="s">
        <v>81</v>
      </c>
      <c r="I6986" s="2">
        <v>1</v>
      </c>
      <c r="J6986" s="2">
        <v>0</v>
      </c>
      <c r="K6986" s="2">
        <v>0</v>
      </c>
      <c r="L6986" t="s">
        <v>120</v>
      </c>
      <c r="M6986" t="s">
        <v>83</v>
      </c>
      <c r="N6986" t="s">
        <v>84</v>
      </c>
      <c r="O6986" t="s">
        <v>85</v>
      </c>
      <c r="P6986" t="s">
        <v>86</v>
      </c>
      <c r="Q6986">
        <v>17</v>
      </c>
      <c r="R6986">
        <v>18</v>
      </c>
      <c r="S6986">
        <v>18</v>
      </c>
      <c r="T6986">
        <v>18</v>
      </c>
      <c r="U6986">
        <v>18</v>
      </c>
      <c r="V6986">
        <v>18</v>
      </c>
      <c r="W6986">
        <v>18</v>
      </c>
      <c r="X6986">
        <v>19</v>
      </c>
      <c r="Y6986">
        <v>19</v>
      </c>
      <c r="Z6986">
        <v>19</v>
      </c>
      <c r="AA6986">
        <v>19</v>
      </c>
      <c r="AB6986">
        <v>19</v>
      </c>
      <c r="AC6986">
        <v>19</v>
      </c>
      <c r="AD6986">
        <v>19</v>
      </c>
      <c r="AE6986">
        <v>19</v>
      </c>
      <c r="AF6986">
        <v>19</v>
      </c>
      <c r="AG6986">
        <v>19</v>
      </c>
      <c r="AH6986">
        <v>20</v>
      </c>
      <c r="AI6986">
        <v>20</v>
      </c>
      <c r="AJ6986">
        <v>20</v>
      </c>
      <c r="AK6986">
        <v>20</v>
      </c>
      <c r="AL6986">
        <v>20</v>
      </c>
      <c r="AM6986">
        <v>19</v>
      </c>
      <c r="AN6986">
        <v>19</v>
      </c>
      <c r="AO6986">
        <v>19</v>
      </c>
      <c r="AP6986">
        <v>19</v>
      </c>
      <c r="AQ6986">
        <v>19</v>
      </c>
    </row>
    <row r="6987" spans="1:43">
      <c r="A6987" t="s">
        <v>4376</v>
      </c>
      <c r="B6987" t="s">
        <v>4377</v>
      </c>
      <c r="C6987" t="s">
        <v>4366</v>
      </c>
      <c r="D6987" t="s">
        <v>4367</v>
      </c>
      <c r="E6987" t="s">
        <v>4236</v>
      </c>
      <c r="F6987" t="s">
        <v>4237</v>
      </c>
      <c r="G6987" t="s">
        <v>80</v>
      </c>
      <c r="H6987" t="s">
        <v>81</v>
      </c>
      <c r="I6987" s="2">
        <v>1</v>
      </c>
      <c r="J6987" s="2">
        <v>0</v>
      </c>
      <c r="K6987" s="2">
        <v>0</v>
      </c>
      <c r="L6987" t="s">
        <v>120</v>
      </c>
      <c r="M6987" t="s">
        <v>87</v>
      </c>
      <c r="N6987" t="s">
        <v>88</v>
      </c>
      <c r="O6987" t="s">
        <v>85</v>
      </c>
      <c r="P6987" t="s">
        <v>86</v>
      </c>
      <c r="Q6987">
        <v>17</v>
      </c>
      <c r="R6987">
        <v>17</v>
      </c>
      <c r="S6987">
        <v>17</v>
      </c>
      <c r="T6987">
        <v>17</v>
      </c>
      <c r="U6987">
        <v>17</v>
      </c>
      <c r="V6987">
        <v>17</v>
      </c>
      <c r="W6987">
        <v>17</v>
      </c>
      <c r="X6987">
        <v>17</v>
      </c>
      <c r="Y6987">
        <v>17</v>
      </c>
      <c r="Z6987">
        <v>17</v>
      </c>
      <c r="AA6987">
        <v>17</v>
      </c>
      <c r="AB6987">
        <v>17</v>
      </c>
      <c r="AC6987">
        <v>17</v>
      </c>
      <c r="AD6987">
        <v>17</v>
      </c>
      <c r="AE6987">
        <v>17</v>
      </c>
      <c r="AF6987">
        <v>17</v>
      </c>
      <c r="AG6987">
        <v>17</v>
      </c>
      <c r="AH6987">
        <v>17</v>
      </c>
      <c r="AI6987">
        <v>17</v>
      </c>
      <c r="AJ6987">
        <v>17</v>
      </c>
      <c r="AK6987">
        <v>17</v>
      </c>
      <c r="AL6987">
        <v>17</v>
      </c>
      <c r="AM6987">
        <v>17</v>
      </c>
      <c r="AN6987">
        <v>17</v>
      </c>
      <c r="AO6987">
        <v>17</v>
      </c>
      <c r="AP6987">
        <v>16</v>
      </c>
      <c r="AQ6987">
        <v>16</v>
      </c>
    </row>
    <row r="6988" spans="1:43">
      <c r="A6988" t="s">
        <v>4376</v>
      </c>
      <c r="B6988" t="s">
        <v>4377</v>
      </c>
      <c r="C6988" t="s">
        <v>4366</v>
      </c>
      <c r="D6988" t="s">
        <v>4367</v>
      </c>
      <c r="E6988" t="s">
        <v>4236</v>
      </c>
      <c r="F6988" t="s">
        <v>4237</v>
      </c>
      <c r="G6988" t="s">
        <v>80</v>
      </c>
      <c r="H6988" t="s">
        <v>81</v>
      </c>
      <c r="I6988" s="2">
        <v>1</v>
      </c>
      <c r="J6988" s="2">
        <v>0</v>
      </c>
      <c r="K6988" s="2">
        <v>0</v>
      </c>
      <c r="L6988" t="s">
        <v>120</v>
      </c>
      <c r="M6988" t="s">
        <v>89</v>
      </c>
      <c r="N6988" t="s">
        <v>90</v>
      </c>
      <c r="O6988" t="s">
        <v>85</v>
      </c>
      <c r="P6988" t="s">
        <v>86</v>
      </c>
      <c r="Q6988">
        <v>17</v>
      </c>
      <c r="R6988">
        <v>17</v>
      </c>
      <c r="S6988">
        <v>17</v>
      </c>
      <c r="T6988">
        <v>18</v>
      </c>
      <c r="U6988">
        <v>18</v>
      </c>
      <c r="V6988">
        <v>18</v>
      </c>
      <c r="W6988">
        <v>18</v>
      </c>
      <c r="X6988">
        <v>19</v>
      </c>
      <c r="Y6988">
        <v>19</v>
      </c>
      <c r="Z6988">
        <v>19</v>
      </c>
      <c r="AA6988">
        <v>19</v>
      </c>
      <c r="AB6988">
        <v>19</v>
      </c>
      <c r="AC6988">
        <v>20</v>
      </c>
      <c r="AD6988">
        <v>20</v>
      </c>
      <c r="AE6988">
        <v>20</v>
      </c>
      <c r="AF6988">
        <v>20</v>
      </c>
      <c r="AG6988">
        <v>19</v>
      </c>
      <c r="AH6988">
        <v>19</v>
      </c>
      <c r="AI6988">
        <v>19</v>
      </c>
      <c r="AJ6988">
        <v>19</v>
      </c>
      <c r="AK6988">
        <v>19</v>
      </c>
      <c r="AL6988">
        <v>19</v>
      </c>
      <c r="AM6988">
        <v>19</v>
      </c>
      <c r="AN6988">
        <v>18</v>
      </c>
      <c r="AO6988">
        <v>18</v>
      </c>
      <c r="AP6988">
        <v>18</v>
      </c>
      <c r="AQ6988">
        <v>18</v>
      </c>
    </row>
    <row r="6989" spans="1:43">
      <c r="A6989" t="s">
        <v>4376</v>
      </c>
      <c r="B6989" t="s">
        <v>4377</v>
      </c>
      <c r="C6989" t="s">
        <v>4366</v>
      </c>
      <c r="D6989" t="s">
        <v>4367</v>
      </c>
      <c r="E6989" t="s">
        <v>4236</v>
      </c>
      <c r="F6989" t="s">
        <v>4237</v>
      </c>
      <c r="G6989" t="s">
        <v>80</v>
      </c>
      <c r="H6989" t="s">
        <v>81</v>
      </c>
      <c r="I6989" s="2">
        <v>1</v>
      </c>
      <c r="J6989" s="2">
        <v>0</v>
      </c>
      <c r="K6989" s="2">
        <v>0</v>
      </c>
      <c r="L6989" t="s">
        <v>120</v>
      </c>
      <c r="M6989" t="s">
        <v>83</v>
      </c>
      <c r="N6989" t="s">
        <v>91</v>
      </c>
      <c r="O6989" t="s">
        <v>85</v>
      </c>
      <c r="P6989" t="s">
        <v>86</v>
      </c>
      <c r="Q6989">
        <v>17</v>
      </c>
      <c r="R6989">
        <v>18</v>
      </c>
      <c r="S6989">
        <v>18</v>
      </c>
      <c r="T6989">
        <v>18</v>
      </c>
      <c r="U6989">
        <v>18</v>
      </c>
      <c r="V6989">
        <v>18</v>
      </c>
      <c r="W6989">
        <v>18</v>
      </c>
      <c r="X6989">
        <v>19</v>
      </c>
      <c r="Y6989">
        <v>19</v>
      </c>
      <c r="Z6989">
        <v>19</v>
      </c>
      <c r="AA6989">
        <v>19</v>
      </c>
      <c r="AB6989">
        <v>19</v>
      </c>
      <c r="AC6989">
        <v>19</v>
      </c>
      <c r="AD6989">
        <v>19</v>
      </c>
      <c r="AE6989">
        <v>19</v>
      </c>
      <c r="AF6989">
        <v>19</v>
      </c>
      <c r="AG6989">
        <v>19</v>
      </c>
      <c r="AH6989">
        <v>20</v>
      </c>
      <c r="AI6989">
        <v>20</v>
      </c>
      <c r="AJ6989">
        <v>20</v>
      </c>
      <c r="AK6989">
        <v>20</v>
      </c>
      <c r="AL6989">
        <v>20</v>
      </c>
      <c r="AM6989">
        <v>19</v>
      </c>
      <c r="AN6989">
        <v>19</v>
      </c>
      <c r="AO6989">
        <v>19</v>
      </c>
      <c r="AP6989">
        <v>19</v>
      </c>
      <c r="AQ6989">
        <v>19</v>
      </c>
    </row>
    <row r="6990" spans="1:43">
      <c r="A6990" t="s">
        <v>4378</v>
      </c>
      <c r="B6990" t="s">
        <v>4379</v>
      </c>
      <c r="C6990" t="s">
        <v>4362</v>
      </c>
      <c r="D6990" t="s">
        <v>4363</v>
      </c>
      <c r="E6990" t="s">
        <v>4236</v>
      </c>
      <c r="F6990" t="s">
        <v>4237</v>
      </c>
      <c r="G6990" t="s">
        <v>80</v>
      </c>
      <c r="H6990" t="s">
        <v>81</v>
      </c>
      <c r="I6990" s="2">
        <v>1</v>
      </c>
      <c r="J6990" s="2">
        <v>0</v>
      </c>
      <c r="K6990" s="2">
        <v>0</v>
      </c>
      <c r="L6990" t="s">
        <v>120</v>
      </c>
      <c r="M6990" t="s">
        <v>83</v>
      </c>
      <c r="N6990" t="s">
        <v>84</v>
      </c>
      <c r="O6990" t="s">
        <v>85</v>
      </c>
      <c r="P6990" t="s">
        <v>86</v>
      </c>
      <c r="Q6990">
        <v>15</v>
      </c>
      <c r="R6990">
        <v>15</v>
      </c>
      <c r="S6990">
        <v>15</v>
      </c>
      <c r="T6990">
        <v>16</v>
      </c>
      <c r="U6990">
        <v>16</v>
      </c>
      <c r="V6990">
        <v>16</v>
      </c>
      <c r="W6990">
        <v>16</v>
      </c>
      <c r="X6990">
        <v>16</v>
      </c>
      <c r="Y6990">
        <v>16</v>
      </c>
      <c r="Z6990">
        <v>16</v>
      </c>
      <c r="AA6990">
        <v>16</v>
      </c>
      <c r="AB6990">
        <v>17</v>
      </c>
      <c r="AC6990">
        <v>17</v>
      </c>
      <c r="AD6990">
        <v>17</v>
      </c>
      <c r="AE6990">
        <v>17</v>
      </c>
      <c r="AF6990">
        <v>17</v>
      </c>
      <c r="AG6990">
        <v>17</v>
      </c>
      <c r="AH6990">
        <v>17</v>
      </c>
      <c r="AI6990">
        <v>17</v>
      </c>
      <c r="AJ6990">
        <v>17</v>
      </c>
      <c r="AK6990">
        <v>17</v>
      </c>
      <c r="AL6990">
        <v>17</v>
      </c>
      <c r="AM6990">
        <v>17</v>
      </c>
      <c r="AN6990">
        <v>17</v>
      </c>
      <c r="AO6990">
        <v>17</v>
      </c>
      <c r="AP6990">
        <v>17</v>
      </c>
      <c r="AQ6990">
        <v>17</v>
      </c>
    </row>
    <row r="6991" spans="1:43">
      <c r="A6991" t="s">
        <v>4378</v>
      </c>
      <c r="B6991" t="s">
        <v>4379</v>
      </c>
      <c r="C6991" t="s">
        <v>4362</v>
      </c>
      <c r="D6991" t="s">
        <v>4363</v>
      </c>
      <c r="E6991" t="s">
        <v>4236</v>
      </c>
      <c r="F6991" t="s">
        <v>4237</v>
      </c>
      <c r="G6991" t="s">
        <v>80</v>
      </c>
      <c r="H6991" t="s">
        <v>81</v>
      </c>
      <c r="I6991" s="2">
        <v>1</v>
      </c>
      <c r="J6991" s="2">
        <v>0</v>
      </c>
      <c r="K6991" s="2">
        <v>0</v>
      </c>
      <c r="L6991" t="s">
        <v>120</v>
      </c>
      <c r="M6991" t="s">
        <v>87</v>
      </c>
      <c r="N6991" t="s">
        <v>88</v>
      </c>
      <c r="O6991" t="s">
        <v>85</v>
      </c>
      <c r="P6991" t="s">
        <v>86</v>
      </c>
      <c r="Q6991">
        <v>15</v>
      </c>
      <c r="R6991">
        <v>15</v>
      </c>
      <c r="S6991">
        <v>15</v>
      </c>
      <c r="T6991">
        <v>15</v>
      </c>
      <c r="U6991">
        <v>15</v>
      </c>
      <c r="V6991">
        <v>15</v>
      </c>
      <c r="W6991">
        <v>15</v>
      </c>
      <c r="X6991">
        <v>15</v>
      </c>
      <c r="Y6991">
        <v>15</v>
      </c>
      <c r="Z6991">
        <v>15</v>
      </c>
      <c r="AA6991">
        <v>15</v>
      </c>
      <c r="AB6991">
        <v>15</v>
      </c>
      <c r="AC6991">
        <v>15</v>
      </c>
      <c r="AD6991">
        <v>15</v>
      </c>
      <c r="AE6991">
        <v>15</v>
      </c>
      <c r="AF6991">
        <v>15</v>
      </c>
      <c r="AG6991">
        <v>15</v>
      </c>
      <c r="AH6991">
        <v>15</v>
      </c>
      <c r="AI6991">
        <v>15</v>
      </c>
      <c r="AJ6991">
        <v>15</v>
      </c>
      <c r="AK6991">
        <v>15</v>
      </c>
      <c r="AL6991">
        <v>15</v>
      </c>
      <c r="AM6991">
        <v>15</v>
      </c>
      <c r="AN6991">
        <v>15</v>
      </c>
      <c r="AO6991">
        <v>15</v>
      </c>
      <c r="AP6991">
        <v>15</v>
      </c>
      <c r="AQ6991">
        <v>14</v>
      </c>
    </row>
    <row r="6992" spans="1:43">
      <c r="A6992" t="s">
        <v>4378</v>
      </c>
      <c r="B6992" t="s">
        <v>4379</v>
      </c>
      <c r="C6992" t="s">
        <v>4362</v>
      </c>
      <c r="D6992" t="s">
        <v>4363</v>
      </c>
      <c r="E6992" t="s">
        <v>4236</v>
      </c>
      <c r="F6992" t="s">
        <v>4237</v>
      </c>
      <c r="G6992" t="s">
        <v>80</v>
      </c>
      <c r="H6992" t="s">
        <v>81</v>
      </c>
      <c r="I6992" s="2">
        <v>1</v>
      </c>
      <c r="J6992" s="2">
        <v>0</v>
      </c>
      <c r="K6992" s="2">
        <v>0</v>
      </c>
      <c r="L6992" t="s">
        <v>120</v>
      </c>
      <c r="M6992" t="s">
        <v>89</v>
      </c>
      <c r="N6992" t="s">
        <v>90</v>
      </c>
      <c r="O6992" t="s">
        <v>85</v>
      </c>
      <c r="P6992" t="s">
        <v>86</v>
      </c>
      <c r="Q6992">
        <v>15</v>
      </c>
      <c r="R6992">
        <v>15</v>
      </c>
      <c r="S6992">
        <v>16</v>
      </c>
      <c r="T6992">
        <v>16</v>
      </c>
      <c r="U6992">
        <v>16</v>
      </c>
      <c r="V6992">
        <v>17</v>
      </c>
      <c r="W6992">
        <v>17</v>
      </c>
      <c r="X6992">
        <v>17</v>
      </c>
      <c r="Y6992">
        <v>17</v>
      </c>
      <c r="Z6992">
        <v>17</v>
      </c>
      <c r="AA6992">
        <v>18</v>
      </c>
      <c r="AB6992">
        <v>18</v>
      </c>
      <c r="AC6992">
        <v>18</v>
      </c>
      <c r="AD6992">
        <v>18</v>
      </c>
      <c r="AE6992">
        <v>18</v>
      </c>
      <c r="AF6992">
        <v>18</v>
      </c>
      <c r="AG6992">
        <v>18</v>
      </c>
      <c r="AH6992">
        <v>18</v>
      </c>
      <c r="AI6992">
        <v>18</v>
      </c>
      <c r="AJ6992">
        <v>18</v>
      </c>
      <c r="AK6992">
        <v>18</v>
      </c>
      <c r="AL6992">
        <v>17</v>
      </c>
      <c r="AM6992">
        <v>17</v>
      </c>
      <c r="AN6992">
        <v>17</v>
      </c>
      <c r="AO6992">
        <v>17</v>
      </c>
      <c r="AP6992">
        <v>17</v>
      </c>
      <c r="AQ6992">
        <v>17</v>
      </c>
    </row>
    <row r="6993" spans="1:43">
      <c r="A6993" t="s">
        <v>4378</v>
      </c>
      <c r="B6993" t="s">
        <v>4379</v>
      </c>
      <c r="C6993" t="s">
        <v>4362</v>
      </c>
      <c r="D6993" t="s">
        <v>4363</v>
      </c>
      <c r="E6993" t="s">
        <v>4236</v>
      </c>
      <c r="F6993" t="s">
        <v>4237</v>
      </c>
      <c r="G6993" t="s">
        <v>80</v>
      </c>
      <c r="H6993" t="s">
        <v>81</v>
      </c>
      <c r="I6993" s="2">
        <v>1</v>
      </c>
      <c r="J6993" s="2">
        <v>0</v>
      </c>
      <c r="K6993" s="2">
        <v>0</v>
      </c>
      <c r="L6993" t="s">
        <v>120</v>
      </c>
      <c r="M6993" t="s">
        <v>83</v>
      </c>
      <c r="N6993" t="s">
        <v>91</v>
      </c>
      <c r="O6993" t="s">
        <v>85</v>
      </c>
      <c r="P6993" t="s">
        <v>86</v>
      </c>
      <c r="Q6993">
        <v>15</v>
      </c>
      <c r="R6993">
        <v>15</v>
      </c>
      <c r="S6993">
        <v>15</v>
      </c>
      <c r="T6993">
        <v>16</v>
      </c>
      <c r="U6993">
        <v>16</v>
      </c>
      <c r="V6993">
        <v>16</v>
      </c>
      <c r="W6993">
        <v>16</v>
      </c>
      <c r="X6993">
        <v>16</v>
      </c>
      <c r="Y6993">
        <v>16</v>
      </c>
      <c r="Z6993">
        <v>16</v>
      </c>
      <c r="AA6993">
        <v>16</v>
      </c>
      <c r="AB6993">
        <v>17</v>
      </c>
      <c r="AC6993">
        <v>17</v>
      </c>
      <c r="AD6993">
        <v>17</v>
      </c>
      <c r="AE6993">
        <v>17</v>
      </c>
      <c r="AF6993">
        <v>17</v>
      </c>
      <c r="AG6993">
        <v>17</v>
      </c>
      <c r="AH6993">
        <v>17</v>
      </c>
      <c r="AI6993">
        <v>17</v>
      </c>
      <c r="AJ6993">
        <v>17</v>
      </c>
      <c r="AK6993">
        <v>17</v>
      </c>
      <c r="AL6993">
        <v>17</v>
      </c>
      <c r="AM6993">
        <v>17</v>
      </c>
      <c r="AN6993">
        <v>17</v>
      </c>
      <c r="AO6993">
        <v>17</v>
      </c>
      <c r="AP6993">
        <v>17</v>
      </c>
      <c r="AQ6993">
        <v>17</v>
      </c>
    </row>
    <row r="6994" spans="1:43">
      <c r="A6994" t="s">
        <v>4380</v>
      </c>
      <c r="B6994" t="s">
        <v>4381</v>
      </c>
      <c r="C6994" t="s">
        <v>4382</v>
      </c>
      <c r="D6994" t="s">
        <v>4383</v>
      </c>
      <c r="E6994" t="s">
        <v>4236</v>
      </c>
      <c r="F6994" t="s">
        <v>4237</v>
      </c>
      <c r="G6994" t="s">
        <v>80</v>
      </c>
      <c r="H6994" t="s">
        <v>81</v>
      </c>
      <c r="I6994" s="2">
        <v>1</v>
      </c>
      <c r="J6994" s="2">
        <v>0</v>
      </c>
      <c r="K6994" s="2">
        <v>0</v>
      </c>
      <c r="L6994" t="s">
        <v>120</v>
      </c>
      <c r="M6994" t="s">
        <v>83</v>
      </c>
      <c r="N6994" t="s">
        <v>84</v>
      </c>
      <c r="O6994" t="s">
        <v>85</v>
      </c>
      <c r="P6994" t="s">
        <v>86</v>
      </c>
      <c r="Q6994">
        <v>76</v>
      </c>
      <c r="R6994">
        <v>77</v>
      </c>
      <c r="S6994">
        <v>78</v>
      </c>
      <c r="T6994">
        <v>79</v>
      </c>
      <c r="U6994">
        <v>80</v>
      </c>
      <c r="V6994">
        <v>81</v>
      </c>
      <c r="W6994">
        <v>81</v>
      </c>
      <c r="X6994">
        <v>82</v>
      </c>
      <c r="Y6994">
        <v>83</v>
      </c>
      <c r="Z6994">
        <v>83</v>
      </c>
      <c r="AA6994">
        <v>84</v>
      </c>
      <c r="AB6994">
        <v>84</v>
      </c>
      <c r="AC6994">
        <v>85</v>
      </c>
      <c r="AD6994">
        <v>85</v>
      </c>
      <c r="AE6994">
        <v>86</v>
      </c>
      <c r="AF6994">
        <v>86</v>
      </c>
      <c r="AG6994">
        <v>87</v>
      </c>
      <c r="AH6994">
        <v>87</v>
      </c>
      <c r="AI6994">
        <v>87</v>
      </c>
      <c r="AJ6994">
        <v>88</v>
      </c>
      <c r="AK6994">
        <v>88</v>
      </c>
      <c r="AL6994">
        <v>87</v>
      </c>
      <c r="AM6994">
        <v>87</v>
      </c>
      <c r="AN6994">
        <v>86</v>
      </c>
      <c r="AO6994">
        <v>86</v>
      </c>
      <c r="AP6994">
        <v>85</v>
      </c>
      <c r="AQ6994">
        <v>85</v>
      </c>
    </row>
    <row r="6995" spans="1:43">
      <c r="A6995" t="s">
        <v>4380</v>
      </c>
      <c r="B6995" t="s">
        <v>4381</v>
      </c>
      <c r="C6995" t="s">
        <v>4382</v>
      </c>
      <c r="D6995" t="s">
        <v>4383</v>
      </c>
      <c r="E6995" t="s">
        <v>4236</v>
      </c>
      <c r="F6995" t="s">
        <v>4237</v>
      </c>
      <c r="G6995" t="s">
        <v>80</v>
      </c>
      <c r="H6995" t="s">
        <v>81</v>
      </c>
      <c r="I6995" s="2">
        <v>1</v>
      </c>
      <c r="J6995" s="2">
        <v>0</v>
      </c>
      <c r="K6995" s="2">
        <v>0</v>
      </c>
      <c r="L6995" t="s">
        <v>120</v>
      </c>
      <c r="M6995" t="s">
        <v>87</v>
      </c>
      <c r="N6995" t="s">
        <v>88</v>
      </c>
      <c r="O6995" t="s">
        <v>85</v>
      </c>
      <c r="P6995" t="s">
        <v>86</v>
      </c>
      <c r="Q6995">
        <v>76</v>
      </c>
      <c r="R6995">
        <v>76</v>
      </c>
      <c r="S6995">
        <v>76</v>
      </c>
      <c r="T6995">
        <v>76</v>
      </c>
      <c r="U6995">
        <v>76</v>
      </c>
      <c r="V6995">
        <v>76</v>
      </c>
      <c r="W6995">
        <v>77</v>
      </c>
      <c r="X6995">
        <v>77</v>
      </c>
      <c r="Y6995">
        <v>77</v>
      </c>
      <c r="Z6995">
        <v>77</v>
      </c>
      <c r="AA6995">
        <v>77</v>
      </c>
      <c r="AB6995">
        <v>76</v>
      </c>
      <c r="AC6995">
        <v>76</v>
      </c>
      <c r="AD6995">
        <v>76</v>
      </c>
      <c r="AE6995">
        <v>76</v>
      </c>
      <c r="AF6995">
        <v>76</v>
      </c>
      <c r="AG6995">
        <v>76</v>
      </c>
      <c r="AH6995">
        <v>76</v>
      </c>
      <c r="AI6995">
        <v>75</v>
      </c>
      <c r="AJ6995">
        <v>75</v>
      </c>
      <c r="AK6995">
        <v>75</v>
      </c>
      <c r="AL6995">
        <v>75</v>
      </c>
      <c r="AM6995">
        <v>74</v>
      </c>
      <c r="AN6995">
        <v>74</v>
      </c>
      <c r="AO6995">
        <v>74</v>
      </c>
      <c r="AP6995">
        <v>74</v>
      </c>
      <c r="AQ6995">
        <v>73</v>
      </c>
    </row>
    <row r="6996" spans="1:43">
      <c r="A6996" t="s">
        <v>4380</v>
      </c>
      <c r="B6996" t="s">
        <v>4381</v>
      </c>
      <c r="C6996" t="s">
        <v>4382</v>
      </c>
      <c r="D6996" t="s">
        <v>4383</v>
      </c>
      <c r="E6996" t="s">
        <v>4236</v>
      </c>
      <c r="F6996" t="s">
        <v>4237</v>
      </c>
      <c r="G6996" t="s">
        <v>80</v>
      </c>
      <c r="H6996" t="s">
        <v>81</v>
      </c>
      <c r="I6996" s="2">
        <v>1</v>
      </c>
      <c r="J6996" s="2">
        <v>0</v>
      </c>
      <c r="K6996" s="2">
        <v>0</v>
      </c>
      <c r="L6996" t="s">
        <v>120</v>
      </c>
      <c r="M6996" t="s">
        <v>89</v>
      </c>
      <c r="N6996" t="s">
        <v>90</v>
      </c>
      <c r="O6996" t="s">
        <v>85</v>
      </c>
      <c r="P6996" t="s">
        <v>86</v>
      </c>
      <c r="Q6996">
        <v>76</v>
      </c>
      <c r="R6996">
        <v>78</v>
      </c>
      <c r="S6996">
        <v>79</v>
      </c>
      <c r="T6996">
        <v>81</v>
      </c>
      <c r="U6996">
        <v>82</v>
      </c>
      <c r="V6996">
        <v>83</v>
      </c>
      <c r="W6996">
        <v>84</v>
      </c>
      <c r="X6996">
        <v>86</v>
      </c>
      <c r="Y6996">
        <v>87</v>
      </c>
      <c r="Z6996">
        <v>88</v>
      </c>
      <c r="AA6996">
        <v>88</v>
      </c>
      <c r="AB6996">
        <v>89</v>
      </c>
      <c r="AC6996">
        <v>90</v>
      </c>
      <c r="AD6996">
        <v>91</v>
      </c>
      <c r="AE6996">
        <v>91</v>
      </c>
      <c r="AF6996">
        <v>91</v>
      </c>
      <c r="AG6996">
        <v>90</v>
      </c>
      <c r="AH6996">
        <v>90</v>
      </c>
      <c r="AI6996">
        <v>89</v>
      </c>
      <c r="AJ6996">
        <v>89</v>
      </c>
      <c r="AK6996">
        <v>88</v>
      </c>
      <c r="AL6996">
        <v>88</v>
      </c>
      <c r="AM6996">
        <v>87</v>
      </c>
      <c r="AN6996">
        <v>86</v>
      </c>
      <c r="AO6996">
        <v>86</v>
      </c>
      <c r="AP6996">
        <v>85</v>
      </c>
      <c r="AQ6996">
        <v>85</v>
      </c>
    </row>
    <row r="6997" spans="1:43">
      <c r="A6997" t="s">
        <v>4380</v>
      </c>
      <c r="B6997" t="s">
        <v>4381</v>
      </c>
      <c r="C6997" t="s">
        <v>4382</v>
      </c>
      <c r="D6997" t="s">
        <v>4383</v>
      </c>
      <c r="E6997" t="s">
        <v>4236</v>
      </c>
      <c r="F6997" t="s">
        <v>4237</v>
      </c>
      <c r="G6997" t="s">
        <v>80</v>
      </c>
      <c r="H6997" t="s">
        <v>81</v>
      </c>
      <c r="I6997" s="2">
        <v>1</v>
      </c>
      <c r="J6997" s="2">
        <v>0</v>
      </c>
      <c r="K6997" s="2">
        <v>0</v>
      </c>
      <c r="L6997" t="s">
        <v>120</v>
      </c>
      <c r="M6997" t="s">
        <v>83</v>
      </c>
      <c r="N6997" t="s">
        <v>91</v>
      </c>
      <c r="O6997" t="s">
        <v>85</v>
      </c>
      <c r="P6997" t="s">
        <v>86</v>
      </c>
      <c r="Q6997">
        <v>76</v>
      </c>
      <c r="R6997">
        <v>77</v>
      </c>
      <c r="S6997">
        <v>78</v>
      </c>
      <c r="T6997">
        <v>79</v>
      </c>
      <c r="U6997">
        <v>80</v>
      </c>
      <c r="V6997">
        <v>81</v>
      </c>
      <c r="W6997">
        <v>81</v>
      </c>
      <c r="X6997">
        <v>82</v>
      </c>
      <c r="Y6997">
        <v>83</v>
      </c>
      <c r="Z6997">
        <v>83</v>
      </c>
      <c r="AA6997">
        <v>84</v>
      </c>
      <c r="AB6997">
        <v>84</v>
      </c>
      <c r="AC6997">
        <v>85</v>
      </c>
      <c r="AD6997">
        <v>85</v>
      </c>
      <c r="AE6997">
        <v>86</v>
      </c>
      <c r="AF6997">
        <v>86</v>
      </c>
      <c r="AG6997">
        <v>87</v>
      </c>
      <c r="AH6997">
        <v>87</v>
      </c>
      <c r="AI6997">
        <v>87</v>
      </c>
      <c r="AJ6997">
        <v>88</v>
      </c>
      <c r="AK6997">
        <v>88</v>
      </c>
      <c r="AL6997">
        <v>87</v>
      </c>
      <c r="AM6997">
        <v>87</v>
      </c>
      <c r="AN6997">
        <v>86</v>
      </c>
      <c r="AO6997">
        <v>86</v>
      </c>
      <c r="AP6997">
        <v>85</v>
      </c>
      <c r="AQ6997">
        <v>85</v>
      </c>
    </row>
    <row r="6998" spans="1:43">
      <c r="A6998" t="s">
        <v>4384</v>
      </c>
      <c r="B6998" t="s">
        <v>4385</v>
      </c>
      <c r="C6998" t="s">
        <v>4362</v>
      </c>
      <c r="D6998" t="s">
        <v>4363</v>
      </c>
      <c r="E6998" t="s">
        <v>4236</v>
      </c>
      <c r="F6998" t="s">
        <v>4237</v>
      </c>
      <c r="G6998" t="s">
        <v>80</v>
      </c>
      <c r="H6998" t="s">
        <v>81</v>
      </c>
      <c r="I6998" s="2">
        <v>1</v>
      </c>
      <c r="J6998" s="2">
        <v>0</v>
      </c>
      <c r="K6998" s="2">
        <v>0</v>
      </c>
      <c r="L6998" t="s">
        <v>120</v>
      </c>
      <c r="M6998" t="s">
        <v>83</v>
      </c>
      <c r="N6998" t="s">
        <v>84</v>
      </c>
      <c r="O6998" t="s">
        <v>85</v>
      </c>
      <c r="P6998" t="s">
        <v>86</v>
      </c>
      <c r="Q6998">
        <v>10</v>
      </c>
      <c r="R6998">
        <v>11</v>
      </c>
      <c r="S6998">
        <v>11</v>
      </c>
      <c r="T6998">
        <v>11</v>
      </c>
      <c r="U6998">
        <v>11</v>
      </c>
      <c r="V6998">
        <v>11</v>
      </c>
      <c r="W6998">
        <v>11</v>
      </c>
      <c r="X6998">
        <v>11</v>
      </c>
      <c r="Y6998">
        <v>11</v>
      </c>
      <c r="Z6998">
        <v>11</v>
      </c>
      <c r="AA6998">
        <v>11</v>
      </c>
      <c r="AB6998">
        <v>11</v>
      </c>
      <c r="AC6998">
        <v>12</v>
      </c>
      <c r="AD6998">
        <v>12</v>
      </c>
      <c r="AE6998">
        <v>12</v>
      </c>
      <c r="AF6998">
        <v>12</v>
      </c>
      <c r="AG6998">
        <v>12</v>
      </c>
      <c r="AH6998">
        <v>12</v>
      </c>
      <c r="AI6998">
        <v>12</v>
      </c>
      <c r="AJ6998">
        <v>12</v>
      </c>
      <c r="AK6998">
        <v>12</v>
      </c>
      <c r="AL6998">
        <v>12</v>
      </c>
      <c r="AM6998">
        <v>12</v>
      </c>
      <c r="AN6998">
        <v>12</v>
      </c>
      <c r="AO6998">
        <v>12</v>
      </c>
      <c r="AP6998">
        <v>11</v>
      </c>
      <c r="AQ6998">
        <v>11</v>
      </c>
    </row>
    <row r="6999" spans="1:43">
      <c r="A6999" t="s">
        <v>4384</v>
      </c>
      <c r="B6999" t="s">
        <v>4385</v>
      </c>
      <c r="C6999" t="s">
        <v>4362</v>
      </c>
      <c r="D6999" t="s">
        <v>4363</v>
      </c>
      <c r="E6999" t="s">
        <v>4236</v>
      </c>
      <c r="F6999" t="s">
        <v>4237</v>
      </c>
      <c r="G6999" t="s">
        <v>80</v>
      </c>
      <c r="H6999" t="s">
        <v>81</v>
      </c>
      <c r="I6999" s="2">
        <v>1</v>
      </c>
      <c r="J6999" s="2">
        <v>0</v>
      </c>
      <c r="K6999" s="2">
        <v>0</v>
      </c>
      <c r="L6999" t="s">
        <v>120</v>
      </c>
      <c r="M6999" t="s">
        <v>87</v>
      </c>
      <c r="N6999" t="s">
        <v>88</v>
      </c>
      <c r="O6999" t="s">
        <v>85</v>
      </c>
      <c r="P6999" t="s">
        <v>86</v>
      </c>
      <c r="Q6999">
        <v>10</v>
      </c>
      <c r="R6999">
        <v>10</v>
      </c>
      <c r="S6999">
        <v>10</v>
      </c>
      <c r="T6999">
        <v>10</v>
      </c>
      <c r="U6999">
        <v>10</v>
      </c>
      <c r="V6999">
        <v>10</v>
      </c>
      <c r="W6999">
        <v>10</v>
      </c>
      <c r="X6999">
        <v>10</v>
      </c>
      <c r="Y6999">
        <v>10</v>
      </c>
      <c r="Z6999">
        <v>10</v>
      </c>
      <c r="AA6999">
        <v>10</v>
      </c>
      <c r="AB6999">
        <v>10</v>
      </c>
      <c r="AC6999">
        <v>10</v>
      </c>
      <c r="AD6999">
        <v>10</v>
      </c>
      <c r="AE6999">
        <v>10</v>
      </c>
      <c r="AF6999">
        <v>10</v>
      </c>
      <c r="AG6999">
        <v>10</v>
      </c>
      <c r="AH6999">
        <v>10</v>
      </c>
      <c r="AI6999">
        <v>10</v>
      </c>
      <c r="AJ6999">
        <v>10</v>
      </c>
      <c r="AK6999">
        <v>10</v>
      </c>
      <c r="AL6999">
        <v>10</v>
      </c>
      <c r="AM6999">
        <v>10</v>
      </c>
      <c r="AN6999">
        <v>10</v>
      </c>
      <c r="AO6999">
        <v>10</v>
      </c>
      <c r="AP6999">
        <v>10</v>
      </c>
      <c r="AQ6999">
        <v>10</v>
      </c>
    </row>
    <row r="7000" spans="1:43">
      <c r="A7000" t="s">
        <v>4384</v>
      </c>
      <c r="B7000" t="s">
        <v>4385</v>
      </c>
      <c r="C7000" t="s">
        <v>4362</v>
      </c>
      <c r="D7000" t="s">
        <v>4363</v>
      </c>
      <c r="E7000" t="s">
        <v>4236</v>
      </c>
      <c r="F7000" t="s">
        <v>4237</v>
      </c>
      <c r="G7000" t="s">
        <v>80</v>
      </c>
      <c r="H7000" t="s">
        <v>81</v>
      </c>
      <c r="I7000" s="2">
        <v>1</v>
      </c>
      <c r="J7000" s="2">
        <v>0</v>
      </c>
      <c r="K7000" s="2">
        <v>0</v>
      </c>
      <c r="L7000" t="s">
        <v>120</v>
      </c>
      <c r="M7000" t="s">
        <v>89</v>
      </c>
      <c r="N7000" t="s">
        <v>90</v>
      </c>
      <c r="O7000" t="s">
        <v>85</v>
      </c>
      <c r="P7000" t="s">
        <v>86</v>
      </c>
      <c r="Q7000">
        <v>10</v>
      </c>
      <c r="R7000">
        <v>10</v>
      </c>
      <c r="S7000">
        <v>10</v>
      </c>
      <c r="T7000">
        <v>10</v>
      </c>
      <c r="U7000">
        <v>10</v>
      </c>
      <c r="V7000">
        <v>10</v>
      </c>
      <c r="W7000">
        <v>11</v>
      </c>
      <c r="X7000">
        <v>11</v>
      </c>
      <c r="Y7000">
        <v>11</v>
      </c>
      <c r="Z7000">
        <v>11</v>
      </c>
      <c r="AA7000">
        <v>11</v>
      </c>
      <c r="AB7000">
        <v>11</v>
      </c>
      <c r="AC7000">
        <v>11</v>
      </c>
      <c r="AD7000">
        <v>11</v>
      </c>
      <c r="AE7000">
        <v>11</v>
      </c>
      <c r="AF7000">
        <v>11</v>
      </c>
      <c r="AG7000">
        <v>11</v>
      </c>
      <c r="AH7000">
        <v>11</v>
      </c>
      <c r="AI7000">
        <v>11</v>
      </c>
      <c r="AJ7000">
        <v>11</v>
      </c>
      <c r="AK7000">
        <v>11</v>
      </c>
      <c r="AL7000">
        <v>11</v>
      </c>
      <c r="AM7000">
        <v>11</v>
      </c>
      <c r="AN7000">
        <v>11</v>
      </c>
      <c r="AO7000">
        <v>11</v>
      </c>
      <c r="AP7000">
        <v>11</v>
      </c>
      <c r="AQ7000">
        <v>11</v>
      </c>
    </row>
    <row r="7001" spans="1:43">
      <c r="A7001" t="s">
        <v>4384</v>
      </c>
      <c r="B7001" t="s">
        <v>4385</v>
      </c>
      <c r="C7001" t="s">
        <v>4362</v>
      </c>
      <c r="D7001" t="s">
        <v>4363</v>
      </c>
      <c r="E7001" t="s">
        <v>4236</v>
      </c>
      <c r="F7001" t="s">
        <v>4237</v>
      </c>
      <c r="G7001" t="s">
        <v>80</v>
      </c>
      <c r="H7001" t="s">
        <v>81</v>
      </c>
      <c r="I7001" s="2">
        <v>1</v>
      </c>
      <c r="J7001" s="2">
        <v>0</v>
      </c>
      <c r="K7001" s="2">
        <v>0</v>
      </c>
      <c r="L7001" t="s">
        <v>120</v>
      </c>
      <c r="M7001" t="s">
        <v>83</v>
      </c>
      <c r="N7001" t="s">
        <v>91</v>
      </c>
      <c r="O7001" t="s">
        <v>85</v>
      </c>
      <c r="P7001" t="s">
        <v>86</v>
      </c>
      <c r="Q7001">
        <v>10</v>
      </c>
      <c r="R7001">
        <v>11</v>
      </c>
      <c r="S7001">
        <v>11</v>
      </c>
      <c r="T7001">
        <v>11</v>
      </c>
      <c r="U7001">
        <v>11</v>
      </c>
      <c r="V7001">
        <v>11</v>
      </c>
      <c r="W7001">
        <v>11</v>
      </c>
      <c r="X7001">
        <v>11</v>
      </c>
      <c r="Y7001">
        <v>11</v>
      </c>
      <c r="Z7001">
        <v>11</v>
      </c>
      <c r="AA7001">
        <v>11</v>
      </c>
      <c r="AB7001">
        <v>11</v>
      </c>
      <c r="AC7001">
        <v>12</v>
      </c>
      <c r="AD7001">
        <v>12</v>
      </c>
      <c r="AE7001">
        <v>12</v>
      </c>
      <c r="AF7001">
        <v>12</v>
      </c>
      <c r="AG7001">
        <v>12</v>
      </c>
      <c r="AH7001">
        <v>12</v>
      </c>
      <c r="AI7001">
        <v>12</v>
      </c>
      <c r="AJ7001">
        <v>12</v>
      </c>
      <c r="AK7001">
        <v>12</v>
      </c>
      <c r="AL7001">
        <v>12</v>
      </c>
      <c r="AM7001">
        <v>12</v>
      </c>
      <c r="AN7001">
        <v>12</v>
      </c>
      <c r="AO7001">
        <v>12</v>
      </c>
      <c r="AP7001">
        <v>11</v>
      </c>
      <c r="AQ7001">
        <v>11</v>
      </c>
    </row>
    <row r="7002" spans="1:43">
      <c r="A7002" t="s">
        <v>4386</v>
      </c>
      <c r="B7002" t="s">
        <v>4387</v>
      </c>
      <c r="C7002" t="s">
        <v>4382</v>
      </c>
      <c r="D7002" t="s">
        <v>4383</v>
      </c>
      <c r="E7002" t="s">
        <v>4236</v>
      </c>
      <c r="F7002" t="s">
        <v>4237</v>
      </c>
      <c r="G7002" t="s">
        <v>80</v>
      </c>
      <c r="H7002" t="s">
        <v>81</v>
      </c>
      <c r="I7002" s="2">
        <v>1</v>
      </c>
      <c r="J7002" s="2">
        <v>0</v>
      </c>
      <c r="K7002" s="2">
        <v>0</v>
      </c>
      <c r="L7002" t="s">
        <v>120</v>
      </c>
      <c r="M7002" t="s">
        <v>83</v>
      </c>
      <c r="N7002" t="s">
        <v>84</v>
      </c>
      <c r="O7002" t="s">
        <v>85</v>
      </c>
      <c r="P7002" t="s">
        <v>86</v>
      </c>
      <c r="Q7002">
        <v>126</v>
      </c>
      <c r="R7002">
        <v>128</v>
      </c>
      <c r="S7002">
        <v>129</v>
      </c>
      <c r="T7002">
        <v>130</v>
      </c>
      <c r="U7002">
        <v>132</v>
      </c>
      <c r="V7002">
        <v>133</v>
      </c>
      <c r="W7002">
        <v>134</v>
      </c>
      <c r="X7002">
        <v>135</v>
      </c>
      <c r="Y7002">
        <v>136</v>
      </c>
      <c r="Z7002">
        <v>137</v>
      </c>
      <c r="AA7002">
        <v>138</v>
      </c>
      <c r="AB7002">
        <v>139</v>
      </c>
      <c r="AC7002">
        <v>140</v>
      </c>
      <c r="AD7002">
        <v>141</v>
      </c>
      <c r="AE7002">
        <v>142</v>
      </c>
      <c r="AF7002">
        <v>142</v>
      </c>
      <c r="AG7002">
        <v>143</v>
      </c>
      <c r="AH7002">
        <v>143</v>
      </c>
      <c r="AI7002">
        <v>144</v>
      </c>
      <c r="AJ7002">
        <v>144</v>
      </c>
      <c r="AK7002">
        <v>145</v>
      </c>
      <c r="AL7002">
        <v>144</v>
      </c>
      <c r="AM7002">
        <v>143</v>
      </c>
      <c r="AN7002">
        <v>142</v>
      </c>
      <c r="AO7002">
        <v>141</v>
      </c>
      <c r="AP7002">
        <v>140</v>
      </c>
      <c r="AQ7002">
        <v>139</v>
      </c>
    </row>
    <row r="7003" spans="1:43">
      <c r="A7003" t="s">
        <v>4386</v>
      </c>
      <c r="B7003" t="s">
        <v>4387</v>
      </c>
      <c r="C7003" t="s">
        <v>4382</v>
      </c>
      <c r="D7003" t="s">
        <v>4383</v>
      </c>
      <c r="E7003" t="s">
        <v>4236</v>
      </c>
      <c r="F7003" t="s">
        <v>4237</v>
      </c>
      <c r="G7003" t="s">
        <v>80</v>
      </c>
      <c r="H7003" t="s">
        <v>81</v>
      </c>
      <c r="I7003" s="2">
        <v>1</v>
      </c>
      <c r="J7003" s="2">
        <v>0</v>
      </c>
      <c r="K7003" s="2">
        <v>0</v>
      </c>
      <c r="L7003" t="s">
        <v>120</v>
      </c>
      <c r="M7003" t="s">
        <v>87</v>
      </c>
      <c r="N7003" t="s">
        <v>88</v>
      </c>
      <c r="O7003" t="s">
        <v>85</v>
      </c>
      <c r="P7003" t="s">
        <v>86</v>
      </c>
      <c r="Q7003">
        <v>126</v>
      </c>
      <c r="R7003">
        <v>126</v>
      </c>
      <c r="S7003">
        <v>127</v>
      </c>
      <c r="T7003">
        <v>127</v>
      </c>
      <c r="U7003">
        <v>127</v>
      </c>
      <c r="V7003">
        <v>127</v>
      </c>
      <c r="W7003">
        <v>127</v>
      </c>
      <c r="X7003">
        <v>127</v>
      </c>
      <c r="Y7003">
        <v>127</v>
      </c>
      <c r="Z7003">
        <v>127</v>
      </c>
      <c r="AA7003">
        <v>127</v>
      </c>
      <c r="AB7003">
        <v>127</v>
      </c>
      <c r="AC7003">
        <v>127</v>
      </c>
      <c r="AD7003">
        <v>127</v>
      </c>
      <c r="AE7003">
        <v>127</v>
      </c>
      <c r="AF7003">
        <v>126</v>
      </c>
      <c r="AG7003">
        <v>126</v>
      </c>
      <c r="AH7003">
        <v>126</v>
      </c>
      <c r="AI7003">
        <v>125</v>
      </c>
      <c r="AJ7003">
        <v>125</v>
      </c>
      <c r="AK7003">
        <v>125</v>
      </c>
      <c r="AL7003">
        <v>124</v>
      </c>
      <c r="AM7003">
        <v>124</v>
      </c>
      <c r="AN7003">
        <v>123</v>
      </c>
      <c r="AO7003">
        <v>123</v>
      </c>
      <c r="AP7003">
        <v>122</v>
      </c>
      <c r="AQ7003">
        <v>122</v>
      </c>
    </row>
    <row r="7004" spans="1:43">
      <c r="A7004" t="s">
        <v>4386</v>
      </c>
      <c r="B7004" t="s">
        <v>4387</v>
      </c>
      <c r="C7004" t="s">
        <v>4382</v>
      </c>
      <c r="D7004" t="s">
        <v>4383</v>
      </c>
      <c r="E7004" t="s">
        <v>4236</v>
      </c>
      <c r="F7004" t="s">
        <v>4237</v>
      </c>
      <c r="G7004" t="s">
        <v>80</v>
      </c>
      <c r="H7004" t="s">
        <v>81</v>
      </c>
      <c r="I7004" s="2">
        <v>1</v>
      </c>
      <c r="J7004" s="2">
        <v>0</v>
      </c>
      <c r="K7004" s="2">
        <v>0</v>
      </c>
      <c r="L7004" t="s">
        <v>120</v>
      </c>
      <c r="M7004" t="s">
        <v>89</v>
      </c>
      <c r="N7004" t="s">
        <v>90</v>
      </c>
      <c r="O7004" t="s">
        <v>85</v>
      </c>
      <c r="P7004" t="s">
        <v>86</v>
      </c>
      <c r="Q7004">
        <v>126</v>
      </c>
      <c r="R7004">
        <v>129</v>
      </c>
      <c r="S7004">
        <v>131</v>
      </c>
      <c r="T7004">
        <v>134</v>
      </c>
      <c r="U7004">
        <v>136</v>
      </c>
      <c r="V7004">
        <v>138</v>
      </c>
      <c r="W7004">
        <v>140</v>
      </c>
      <c r="X7004">
        <v>142</v>
      </c>
      <c r="Y7004">
        <v>143</v>
      </c>
      <c r="Z7004">
        <v>145</v>
      </c>
      <c r="AA7004">
        <v>146</v>
      </c>
      <c r="AB7004">
        <v>148</v>
      </c>
      <c r="AC7004">
        <v>149</v>
      </c>
      <c r="AD7004">
        <v>150</v>
      </c>
      <c r="AE7004">
        <v>151</v>
      </c>
      <c r="AF7004">
        <v>150</v>
      </c>
      <c r="AG7004">
        <v>149</v>
      </c>
      <c r="AH7004">
        <v>149</v>
      </c>
      <c r="AI7004">
        <v>148</v>
      </c>
      <c r="AJ7004">
        <v>147</v>
      </c>
      <c r="AK7004">
        <v>146</v>
      </c>
      <c r="AL7004">
        <v>145</v>
      </c>
      <c r="AM7004">
        <v>144</v>
      </c>
      <c r="AN7004">
        <v>143</v>
      </c>
      <c r="AO7004">
        <v>142</v>
      </c>
      <c r="AP7004">
        <v>141</v>
      </c>
      <c r="AQ7004">
        <v>140</v>
      </c>
    </row>
    <row r="7005" spans="1:43">
      <c r="A7005" t="s">
        <v>4386</v>
      </c>
      <c r="B7005" t="s">
        <v>4387</v>
      </c>
      <c r="C7005" t="s">
        <v>4382</v>
      </c>
      <c r="D7005" t="s">
        <v>4383</v>
      </c>
      <c r="E7005" t="s">
        <v>4236</v>
      </c>
      <c r="F7005" t="s">
        <v>4237</v>
      </c>
      <c r="G7005" t="s">
        <v>80</v>
      </c>
      <c r="H7005" t="s">
        <v>81</v>
      </c>
      <c r="I7005" s="2">
        <v>1</v>
      </c>
      <c r="J7005" s="2">
        <v>0</v>
      </c>
      <c r="K7005" s="2">
        <v>0</v>
      </c>
      <c r="L7005" t="s">
        <v>120</v>
      </c>
      <c r="M7005" t="s">
        <v>83</v>
      </c>
      <c r="N7005" t="s">
        <v>91</v>
      </c>
      <c r="O7005" t="s">
        <v>85</v>
      </c>
      <c r="P7005" t="s">
        <v>86</v>
      </c>
      <c r="Q7005">
        <v>126</v>
      </c>
      <c r="R7005">
        <v>128</v>
      </c>
      <c r="S7005">
        <v>129</v>
      </c>
      <c r="T7005">
        <v>130</v>
      </c>
      <c r="U7005">
        <v>132</v>
      </c>
      <c r="V7005">
        <v>133</v>
      </c>
      <c r="W7005">
        <v>134</v>
      </c>
      <c r="X7005">
        <v>135</v>
      </c>
      <c r="Y7005">
        <v>136</v>
      </c>
      <c r="Z7005">
        <v>137</v>
      </c>
      <c r="AA7005">
        <v>138</v>
      </c>
      <c r="AB7005">
        <v>139</v>
      </c>
      <c r="AC7005">
        <v>140</v>
      </c>
      <c r="AD7005">
        <v>141</v>
      </c>
      <c r="AE7005">
        <v>142</v>
      </c>
      <c r="AF7005">
        <v>142</v>
      </c>
      <c r="AG7005">
        <v>143</v>
      </c>
      <c r="AH7005">
        <v>143</v>
      </c>
      <c r="AI7005">
        <v>144</v>
      </c>
      <c r="AJ7005">
        <v>144</v>
      </c>
      <c r="AK7005">
        <v>145</v>
      </c>
      <c r="AL7005">
        <v>144</v>
      </c>
      <c r="AM7005">
        <v>143</v>
      </c>
      <c r="AN7005">
        <v>142</v>
      </c>
      <c r="AO7005">
        <v>141</v>
      </c>
      <c r="AP7005">
        <v>140</v>
      </c>
      <c r="AQ7005">
        <v>139</v>
      </c>
    </row>
    <row r="7006" spans="1:43">
      <c r="A7006" t="s">
        <v>4388</v>
      </c>
      <c r="B7006" t="s">
        <v>4389</v>
      </c>
      <c r="C7006" t="s">
        <v>4382</v>
      </c>
      <c r="D7006" t="s">
        <v>4383</v>
      </c>
      <c r="E7006" t="s">
        <v>4236</v>
      </c>
      <c r="F7006" t="s">
        <v>4237</v>
      </c>
      <c r="G7006" t="s">
        <v>80</v>
      </c>
      <c r="H7006" t="s">
        <v>81</v>
      </c>
      <c r="I7006" s="2">
        <v>1</v>
      </c>
      <c r="J7006" s="2">
        <v>0</v>
      </c>
      <c r="K7006" s="2">
        <v>0</v>
      </c>
      <c r="L7006" t="s">
        <v>120</v>
      </c>
      <c r="M7006" t="s">
        <v>83</v>
      </c>
      <c r="N7006" t="s">
        <v>84</v>
      </c>
      <c r="O7006" t="s">
        <v>85</v>
      </c>
      <c r="P7006" t="s">
        <v>86</v>
      </c>
      <c r="Q7006">
        <v>24</v>
      </c>
      <c r="R7006">
        <v>24</v>
      </c>
      <c r="S7006">
        <v>24</v>
      </c>
      <c r="T7006">
        <v>25</v>
      </c>
      <c r="U7006">
        <v>25</v>
      </c>
      <c r="V7006">
        <v>25</v>
      </c>
      <c r="W7006">
        <v>25</v>
      </c>
      <c r="X7006">
        <v>26</v>
      </c>
      <c r="Y7006">
        <v>26</v>
      </c>
      <c r="Z7006">
        <v>26</v>
      </c>
      <c r="AA7006">
        <v>26</v>
      </c>
      <c r="AB7006">
        <v>26</v>
      </c>
      <c r="AC7006">
        <v>26</v>
      </c>
      <c r="AD7006">
        <v>27</v>
      </c>
      <c r="AE7006">
        <v>27</v>
      </c>
      <c r="AF7006">
        <v>27</v>
      </c>
      <c r="AG7006">
        <v>27</v>
      </c>
      <c r="AH7006">
        <v>27</v>
      </c>
      <c r="AI7006">
        <v>27</v>
      </c>
      <c r="AJ7006">
        <v>27</v>
      </c>
      <c r="AK7006">
        <v>27</v>
      </c>
      <c r="AL7006">
        <v>27</v>
      </c>
      <c r="AM7006">
        <v>27</v>
      </c>
      <c r="AN7006">
        <v>27</v>
      </c>
      <c r="AO7006">
        <v>27</v>
      </c>
      <c r="AP7006">
        <v>27</v>
      </c>
      <c r="AQ7006">
        <v>26</v>
      </c>
    </row>
    <row r="7007" spans="1:43">
      <c r="A7007" t="s">
        <v>4388</v>
      </c>
      <c r="B7007" t="s">
        <v>4389</v>
      </c>
      <c r="C7007" t="s">
        <v>4382</v>
      </c>
      <c r="D7007" t="s">
        <v>4383</v>
      </c>
      <c r="E7007" t="s">
        <v>4236</v>
      </c>
      <c r="F7007" t="s">
        <v>4237</v>
      </c>
      <c r="G7007" t="s">
        <v>80</v>
      </c>
      <c r="H7007" t="s">
        <v>81</v>
      </c>
      <c r="I7007" s="2">
        <v>1</v>
      </c>
      <c r="J7007" s="2">
        <v>0</v>
      </c>
      <c r="K7007" s="2">
        <v>0</v>
      </c>
      <c r="L7007" t="s">
        <v>120</v>
      </c>
      <c r="M7007" t="s">
        <v>87</v>
      </c>
      <c r="N7007" t="s">
        <v>88</v>
      </c>
      <c r="O7007" t="s">
        <v>85</v>
      </c>
      <c r="P7007" t="s">
        <v>86</v>
      </c>
      <c r="Q7007">
        <v>24</v>
      </c>
      <c r="R7007">
        <v>24</v>
      </c>
      <c r="S7007">
        <v>24</v>
      </c>
      <c r="T7007">
        <v>24</v>
      </c>
      <c r="U7007">
        <v>24</v>
      </c>
      <c r="V7007">
        <v>24</v>
      </c>
      <c r="W7007">
        <v>24</v>
      </c>
      <c r="X7007">
        <v>24</v>
      </c>
      <c r="Y7007">
        <v>24</v>
      </c>
      <c r="Z7007">
        <v>24</v>
      </c>
      <c r="AA7007">
        <v>24</v>
      </c>
      <c r="AB7007">
        <v>24</v>
      </c>
      <c r="AC7007">
        <v>24</v>
      </c>
      <c r="AD7007">
        <v>24</v>
      </c>
      <c r="AE7007">
        <v>24</v>
      </c>
      <c r="AF7007">
        <v>24</v>
      </c>
      <c r="AG7007">
        <v>24</v>
      </c>
      <c r="AH7007">
        <v>24</v>
      </c>
      <c r="AI7007">
        <v>23</v>
      </c>
      <c r="AJ7007">
        <v>23</v>
      </c>
      <c r="AK7007">
        <v>23</v>
      </c>
      <c r="AL7007">
        <v>23</v>
      </c>
      <c r="AM7007">
        <v>23</v>
      </c>
      <c r="AN7007">
        <v>23</v>
      </c>
      <c r="AO7007">
        <v>23</v>
      </c>
      <c r="AP7007">
        <v>23</v>
      </c>
      <c r="AQ7007">
        <v>23</v>
      </c>
    </row>
    <row r="7008" spans="1:43">
      <c r="A7008" t="s">
        <v>4388</v>
      </c>
      <c r="B7008" t="s">
        <v>4389</v>
      </c>
      <c r="C7008" t="s">
        <v>4382</v>
      </c>
      <c r="D7008" t="s">
        <v>4383</v>
      </c>
      <c r="E7008" t="s">
        <v>4236</v>
      </c>
      <c r="F7008" t="s">
        <v>4237</v>
      </c>
      <c r="G7008" t="s">
        <v>80</v>
      </c>
      <c r="H7008" t="s">
        <v>81</v>
      </c>
      <c r="I7008" s="2">
        <v>1</v>
      </c>
      <c r="J7008" s="2">
        <v>0</v>
      </c>
      <c r="K7008" s="2">
        <v>0</v>
      </c>
      <c r="L7008" t="s">
        <v>120</v>
      </c>
      <c r="M7008" t="s">
        <v>89</v>
      </c>
      <c r="N7008" t="s">
        <v>90</v>
      </c>
      <c r="O7008" t="s">
        <v>85</v>
      </c>
      <c r="P7008" t="s">
        <v>86</v>
      </c>
      <c r="Q7008">
        <v>24</v>
      </c>
      <c r="R7008">
        <v>25</v>
      </c>
      <c r="S7008">
        <v>25</v>
      </c>
      <c r="T7008">
        <v>25</v>
      </c>
      <c r="U7008">
        <v>26</v>
      </c>
      <c r="V7008">
        <v>26</v>
      </c>
      <c r="W7008">
        <v>27</v>
      </c>
      <c r="X7008">
        <v>27</v>
      </c>
      <c r="Y7008">
        <v>27</v>
      </c>
      <c r="Z7008">
        <v>28</v>
      </c>
      <c r="AA7008">
        <v>28</v>
      </c>
      <c r="AB7008">
        <v>28</v>
      </c>
      <c r="AC7008">
        <v>28</v>
      </c>
      <c r="AD7008">
        <v>29</v>
      </c>
      <c r="AE7008">
        <v>29</v>
      </c>
      <c r="AF7008">
        <v>29</v>
      </c>
      <c r="AG7008">
        <v>28</v>
      </c>
      <c r="AH7008">
        <v>28</v>
      </c>
      <c r="AI7008">
        <v>28</v>
      </c>
      <c r="AJ7008">
        <v>28</v>
      </c>
      <c r="AK7008">
        <v>28</v>
      </c>
      <c r="AL7008">
        <v>28</v>
      </c>
      <c r="AM7008">
        <v>27</v>
      </c>
      <c r="AN7008">
        <v>27</v>
      </c>
      <c r="AO7008">
        <v>27</v>
      </c>
      <c r="AP7008">
        <v>27</v>
      </c>
      <c r="AQ7008">
        <v>27</v>
      </c>
    </row>
    <row r="7009" spans="1:43">
      <c r="A7009" t="s">
        <v>4388</v>
      </c>
      <c r="B7009" t="s">
        <v>4389</v>
      </c>
      <c r="C7009" t="s">
        <v>4382</v>
      </c>
      <c r="D7009" t="s">
        <v>4383</v>
      </c>
      <c r="E7009" t="s">
        <v>4236</v>
      </c>
      <c r="F7009" t="s">
        <v>4237</v>
      </c>
      <c r="G7009" t="s">
        <v>80</v>
      </c>
      <c r="H7009" t="s">
        <v>81</v>
      </c>
      <c r="I7009" s="2">
        <v>1</v>
      </c>
      <c r="J7009" s="2">
        <v>0</v>
      </c>
      <c r="K7009" s="2">
        <v>0</v>
      </c>
      <c r="L7009" t="s">
        <v>120</v>
      </c>
      <c r="M7009" t="s">
        <v>83</v>
      </c>
      <c r="N7009" t="s">
        <v>91</v>
      </c>
      <c r="O7009" t="s">
        <v>85</v>
      </c>
      <c r="P7009" t="s">
        <v>86</v>
      </c>
      <c r="Q7009">
        <v>24</v>
      </c>
      <c r="R7009">
        <v>24</v>
      </c>
      <c r="S7009">
        <v>24</v>
      </c>
      <c r="T7009">
        <v>25</v>
      </c>
      <c r="U7009">
        <v>25</v>
      </c>
      <c r="V7009">
        <v>25</v>
      </c>
      <c r="W7009">
        <v>25</v>
      </c>
      <c r="X7009">
        <v>26</v>
      </c>
      <c r="Y7009">
        <v>26</v>
      </c>
      <c r="Z7009">
        <v>26</v>
      </c>
      <c r="AA7009">
        <v>26</v>
      </c>
      <c r="AB7009">
        <v>26</v>
      </c>
      <c r="AC7009">
        <v>26</v>
      </c>
      <c r="AD7009">
        <v>27</v>
      </c>
      <c r="AE7009">
        <v>27</v>
      </c>
      <c r="AF7009">
        <v>27</v>
      </c>
      <c r="AG7009">
        <v>27</v>
      </c>
      <c r="AH7009">
        <v>27</v>
      </c>
      <c r="AI7009">
        <v>27</v>
      </c>
      <c r="AJ7009">
        <v>27</v>
      </c>
      <c r="AK7009">
        <v>27</v>
      </c>
      <c r="AL7009">
        <v>27</v>
      </c>
      <c r="AM7009">
        <v>27</v>
      </c>
      <c r="AN7009">
        <v>27</v>
      </c>
      <c r="AO7009">
        <v>27</v>
      </c>
      <c r="AP7009">
        <v>27</v>
      </c>
      <c r="AQ7009">
        <v>26</v>
      </c>
    </row>
    <row r="7010" spans="1:43">
      <c r="A7010" t="s">
        <v>4390</v>
      </c>
      <c r="B7010" t="s">
        <v>4391</v>
      </c>
      <c r="C7010" t="s">
        <v>4362</v>
      </c>
      <c r="D7010" t="s">
        <v>4363</v>
      </c>
      <c r="E7010" t="s">
        <v>4236</v>
      </c>
      <c r="F7010" t="s">
        <v>4237</v>
      </c>
      <c r="G7010" t="s">
        <v>80</v>
      </c>
      <c r="H7010" t="s">
        <v>81</v>
      </c>
      <c r="I7010" s="2">
        <v>1</v>
      </c>
      <c r="J7010" s="2">
        <v>0</v>
      </c>
      <c r="K7010" s="2">
        <v>0</v>
      </c>
      <c r="L7010" t="s">
        <v>120</v>
      </c>
      <c r="M7010" t="s">
        <v>83</v>
      </c>
      <c r="N7010" t="s">
        <v>84</v>
      </c>
      <c r="O7010" t="s">
        <v>85</v>
      </c>
      <c r="P7010" t="s">
        <v>86</v>
      </c>
      <c r="Q7010">
        <v>26</v>
      </c>
      <c r="R7010">
        <v>26</v>
      </c>
      <c r="S7010">
        <v>27</v>
      </c>
      <c r="T7010">
        <v>27</v>
      </c>
      <c r="U7010">
        <v>27</v>
      </c>
      <c r="V7010">
        <v>28</v>
      </c>
      <c r="W7010">
        <v>28</v>
      </c>
      <c r="X7010">
        <v>28</v>
      </c>
      <c r="Y7010">
        <v>28</v>
      </c>
      <c r="Z7010">
        <v>28</v>
      </c>
      <c r="AA7010">
        <v>29</v>
      </c>
      <c r="AB7010">
        <v>29</v>
      </c>
      <c r="AC7010">
        <v>29</v>
      </c>
      <c r="AD7010">
        <v>29</v>
      </c>
      <c r="AE7010">
        <v>29</v>
      </c>
      <c r="AF7010">
        <v>30</v>
      </c>
      <c r="AG7010">
        <v>30</v>
      </c>
      <c r="AH7010">
        <v>30</v>
      </c>
      <c r="AI7010">
        <v>30</v>
      </c>
      <c r="AJ7010">
        <v>30</v>
      </c>
      <c r="AK7010">
        <v>30</v>
      </c>
      <c r="AL7010">
        <v>30</v>
      </c>
      <c r="AM7010">
        <v>30</v>
      </c>
      <c r="AN7010">
        <v>30</v>
      </c>
      <c r="AO7010">
        <v>30</v>
      </c>
      <c r="AP7010">
        <v>29</v>
      </c>
      <c r="AQ7010">
        <v>29</v>
      </c>
    </row>
    <row r="7011" spans="1:43">
      <c r="A7011" t="s">
        <v>4390</v>
      </c>
      <c r="B7011" t="s">
        <v>4391</v>
      </c>
      <c r="C7011" t="s">
        <v>4362</v>
      </c>
      <c r="D7011" t="s">
        <v>4363</v>
      </c>
      <c r="E7011" t="s">
        <v>4236</v>
      </c>
      <c r="F7011" t="s">
        <v>4237</v>
      </c>
      <c r="G7011" t="s">
        <v>80</v>
      </c>
      <c r="H7011" t="s">
        <v>81</v>
      </c>
      <c r="I7011" s="2">
        <v>1</v>
      </c>
      <c r="J7011" s="2">
        <v>0</v>
      </c>
      <c r="K7011" s="2">
        <v>0</v>
      </c>
      <c r="L7011" t="s">
        <v>120</v>
      </c>
      <c r="M7011" t="s">
        <v>87</v>
      </c>
      <c r="N7011" t="s">
        <v>88</v>
      </c>
      <c r="O7011" t="s">
        <v>85</v>
      </c>
      <c r="P7011" t="s">
        <v>86</v>
      </c>
      <c r="Q7011">
        <v>26</v>
      </c>
      <c r="R7011">
        <v>26</v>
      </c>
      <c r="S7011">
        <v>26</v>
      </c>
      <c r="T7011">
        <v>26</v>
      </c>
      <c r="U7011">
        <v>26</v>
      </c>
      <c r="V7011">
        <v>26</v>
      </c>
      <c r="W7011">
        <v>26</v>
      </c>
      <c r="X7011">
        <v>26</v>
      </c>
      <c r="Y7011">
        <v>26</v>
      </c>
      <c r="Z7011">
        <v>26</v>
      </c>
      <c r="AA7011">
        <v>26</v>
      </c>
      <c r="AB7011">
        <v>26</v>
      </c>
      <c r="AC7011">
        <v>26</v>
      </c>
      <c r="AD7011">
        <v>26</v>
      </c>
      <c r="AE7011">
        <v>26</v>
      </c>
      <c r="AF7011">
        <v>26</v>
      </c>
      <c r="AG7011">
        <v>26</v>
      </c>
      <c r="AH7011">
        <v>26</v>
      </c>
      <c r="AI7011">
        <v>26</v>
      </c>
      <c r="AJ7011">
        <v>26</v>
      </c>
      <c r="AK7011">
        <v>26</v>
      </c>
      <c r="AL7011">
        <v>26</v>
      </c>
      <c r="AM7011">
        <v>26</v>
      </c>
      <c r="AN7011">
        <v>26</v>
      </c>
      <c r="AO7011">
        <v>26</v>
      </c>
      <c r="AP7011">
        <v>25</v>
      </c>
      <c r="AQ7011">
        <v>25</v>
      </c>
    </row>
    <row r="7012" spans="1:43">
      <c r="A7012" t="s">
        <v>4390</v>
      </c>
      <c r="B7012" t="s">
        <v>4391</v>
      </c>
      <c r="C7012" t="s">
        <v>4362</v>
      </c>
      <c r="D7012" t="s">
        <v>4363</v>
      </c>
      <c r="E7012" t="s">
        <v>4236</v>
      </c>
      <c r="F7012" t="s">
        <v>4237</v>
      </c>
      <c r="G7012" t="s">
        <v>80</v>
      </c>
      <c r="H7012" t="s">
        <v>81</v>
      </c>
      <c r="I7012" s="2">
        <v>1</v>
      </c>
      <c r="J7012" s="2">
        <v>0</v>
      </c>
      <c r="K7012" s="2">
        <v>0</v>
      </c>
      <c r="L7012" t="s">
        <v>120</v>
      </c>
      <c r="M7012" t="s">
        <v>89</v>
      </c>
      <c r="N7012" t="s">
        <v>90</v>
      </c>
      <c r="O7012" t="s">
        <v>85</v>
      </c>
      <c r="P7012" t="s">
        <v>86</v>
      </c>
      <c r="Q7012">
        <v>26</v>
      </c>
      <c r="R7012">
        <v>27</v>
      </c>
      <c r="S7012">
        <v>27</v>
      </c>
      <c r="T7012">
        <v>28</v>
      </c>
      <c r="U7012">
        <v>28</v>
      </c>
      <c r="V7012">
        <v>29</v>
      </c>
      <c r="W7012">
        <v>29</v>
      </c>
      <c r="X7012">
        <v>30</v>
      </c>
      <c r="Y7012">
        <v>30</v>
      </c>
      <c r="Z7012">
        <v>30</v>
      </c>
      <c r="AA7012">
        <v>30</v>
      </c>
      <c r="AB7012">
        <v>31</v>
      </c>
      <c r="AC7012">
        <v>31</v>
      </c>
      <c r="AD7012">
        <v>31</v>
      </c>
      <c r="AE7012">
        <v>31</v>
      </c>
      <c r="AF7012">
        <v>31</v>
      </c>
      <c r="AG7012">
        <v>31</v>
      </c>
      <c r="AH7012">
        <v>31</v>
      </c>
      <c r="AI7012">
        <v>31</v>
      </c>
      <c r="AJ7012">
        <v>31</v>
      </c>
      <c r="AK7012">
        <v>31</v>
      </c>
      <c r="AL7012">
        <v>30</v>
      </c>
      <c r="AM7012">
        <v>30</v>
      </c>
      <c r="AN7012">
        <v>30</v>
      </c>
      <c r="AO7012">
        <v>30</v>
      </c>
      <c r="AP7012">
        <v>30</v>
      </c>
      <c r="AQ7012">
        <v>30</v>
      </c>
    </row>
    <row r="7013" spans="1:43">
      <c r="A7013" t="s">
        <v>4390</v>
      </c>
      <c r="B7013" t="s">
        <v>4391</v>
      </c>
      <c r="C7013" t="s">
        <v>4362</v>
      </c>
      <c r="D7013" t="s">
        <v>4363</v>
      </c>
      <c r="E7013" t="s">
        <v>4236</v>
      </c>
      <c r="F7013" t="s">
        <v>4237</v>
      </c>
      <c r="G7013" t="s">
        <v>80</v>
      </c>
      <c r="H7013" t="s">
        <v>81</v>
      </c>
      <c r="I7013" s="2">
        <v>1</v>
      </c>
      <c r="J7013" s="2">
        <v>0</v>
      </c>
      <c r="K7013" s="2">
        <v>0</v>
      </c>
      <c r="L7013" t="s">
        <v>120</v>
      </c>
      <c r="M7013" t="s">
        <v>83</v>
      </c>
      <c r="N7013" t="s">
        <v>91</v>
      </c>
      <c r="O7013" t="s">
        <v>85</v>
      </c>
      <c r="P7013" t="s">
        <v>86</v>
      </c>
      <c r="Q7013">
        <v>26</v>
      </c>
      <c r="R7013">
        <v>26</v>
      </c>
      <c r="S7013">
        <v>27</v>
      </c>
      <c r="T7013">
        <v>27</v>
      </c>
      <c r="U7013">
        <v>27</v>
      </c>
      <c r="V7013">
        <v>28</v>
      </c>
      <c r="W7013">
        <v>28</v>
      </c>
      <c r="X7013">
        <v>28</v>
      </c>
      <c r="Y7013">
        <v>28</v>
      </c>
      <c r="Z7013">
        <v>28</v>
      </c>
      <c r="AA7013">
        <v>29</v>
      </c>
      <c r="AB7013">
        <v>29</v>
      </c>
      <c r="AC7013">
        <v>29</v>
      </c>
      <c r="AD7013">
        <v>29</v>
      </c>
      <c r="AE7013">
        <v>29</v>
      </c>
      <c r="AF7013">
        <v>30</v>
      </c>
      <c r="AG7013">
        <v>30</v>
      </c>
      <c r="AH7013">
        <v>30</v>
      </c>
      <c r="AI7013">
        <v>30</v>
      </c>
      <c r="AJ7013">
        <v>30</v>
      </c>
      <c r="AK7013">
        <v>30</v>
      </c>
      <c r="AL7013">
        <v>30</v>
      </c>
      <c r="AM7013">
        <v>30</v>
      </c>
      <c r="AN7013">
        <v>30</v>
      </c>
      <c r="AO7013">
        <v>30</v>
      </c>
      <c r="AP7013">
        <v>29</v>
      </c>
      <c r="AQ7013">
        <v>29</v>
      </c>
    </row>
    <row r="7014" spans="1:43">
      <c r="A7014" t="s">
        <v>4392</v>
      </c>
      <c r="B7014" t="s">
        <v>4393</v>
      </c>
      <c r="C7014" t="s">
        <v>4382</v>
      </c>
      <c r="D7014" t="s">
        <v>4383</v>
      </c>
      <c r="E7014" t="s">
        <v>4236</v>
      </c>
      <c r="F7014" t="s">
        <v>4237</v>
      </c>
      <c r="G7014" t="s">
        <v>80</v>
      </c>
      <c r="H7014" t="s">
        <v>81</v>
      </c>
      <c r="I7014" s="2">
        <v>1</v>
      </c>
      <c r="J7014" s="2">
        <v>0</v>
      </c>
      <c r="K7014" s="2">
        <v>0</v>
      </c>
      <c r="L7014" t="s">
        <v>120</v>
      </c>
      <c r="M7014" t="s">
        <v>83</v>
      </c>
      <c r="N7014" t="s">
        <v>84</v>
      </c>
      <c r="O7014" t="s">
        <v>85</v>
      </c>
      <c r="P7014" t="s">
        <v>86</v>
      </c>
      <c r="Q7014">
        <v>10</v>
      </c>
      <c r="R7014">
        <v>10</v>
      </c>
      <c r="S7014">
        <v>10</v>
      </c>
      <c r="T7014">
        <v>10</v>
      </c>
      <c r="U7014">
        <v>10</v>
      </c>
      <c r="V7014">
        <v>10</v>
      </c>
      <c r="W7014">
        <v>10</v>
      </c>
      <c r="X7014">
        <v>10</v>
      </c>
      <c r="Y7014">
        <v>11</v>
      </c>
      <c r="Z7014">
        <v>11</v>
      </c>
      <c r="AA7014">
        <v>11</v>
      </c>
      <c r="AB7014">
        <v>11</v>
      </c>
      <c r="AC7014">
        <v>11</v>
      </c>
      <c r="AD7014">
        <v>11</v>
      </c>
      <c r="AE7014">
        <v>11</v>
      </c>
      <c r="AF7014">
        <v>11</v>
      </c>
      <c r="AG7014">
        <v>11</v>
      </c>
      <c r="AH7014">
        <v>11</v>
      </c>
      <c r="AI7014">
        <v>11</v>
      </c>
      <c r="AJ7014">
        <v>11</v>
      </c>
      <c r="AK7014">
        <v>11</v>
      </c>
      <c r="AL7014">
        <v>11</v>
      </c>
      <c r="AM7014">
        <v>11</v>
      </c>
      <c r="AN7014">
        <v>11</v>
      </c>
      <c r="AO7014">
        <v>11</v>
      </c>
      <c r="AP7014">
        <v>11</v>
      </c>
      <c r="AQ7014">
        <v>11</v>
      </c>
    </row>
    <row r="7015" spans="1:43">
      <c r="A7015" t="s">
        <v>4392</v>
      </c>
      <c r="B7015" t="s">
        <v>4393</v>
      </c>
      <c r="C7015" t="s">
        <v>4382</v>
      </c>
      <c r="D7015" t="s">
        <v>4383</v>
      </c>
      <c r="E7015" t="s">
        <v>4236</v>
      </c>
      <c r="F7015" t="s">
        <v>4237</v>
      </c>
      <c r="G7015" t="s">
        <v>80</v>
      </c>
      <c r="H7015" t="s">
        <v>81</v>
      </c>
      <c r="I7015" s="2">
        <v>1</v>
      </c>
      <c r="J7015" s="2">
        <v>0</v>
      </c>
      <c r="K7015" s="2">
        <v>0</v>
      </c>
      <c r="L7015" t="s">
        <v>120</v>
      </c>
      <c r="M7015" t="s">
        <v>87</v>
      </c>
      <c r="N7015" t="s">
        <v>88</v>
      </c>
      <c r="O7015" t="s">
        <v>85</v>
      </c>
      <c r="P7015" t="s">
        <v>86</v>
      </c>
      <c r="Q7015">
        <v>10</v>
      </c>
      <c r="R7015">
        <v>10</v>
      </c>
      <c r="S7015">
        <v>10</v>
      </c>
      <c r="T7015">
        <v>10</v>
      </c>
      <c r="U7015">
        <v>10</v>
      </c>
      <c r="V7015">
        <v>10</v>
      </c>
      <c r="W7015">
        <v>10</v>
      </c>
      <c r="X7015">
        <v>10</v>
      </c>
      <c r="Y7015">
        <v>10</v>
      </c>
      <c r="Z7015">
        <v>10</v>
      </c>
      <c r="AA7015">
        <v>10</v>
      </c>
      <c r="AB7015">
        <v>10</v>
      </c>
      <c r="AC7015">
        <v>10</v>
      </c>
      <c r="AD7015">
        <v>10</v>
      </c>
      <c r="AE7015">
        <v>10</v>
      </c>
      <c r="AF7015">
        <v>10</v>
      </c>
      <c r="AG7015">
        <v>10</v>
      </c>
      <c r="AH7015">
        <v>10</v>
      </c>
      <c r="AI7015">
        <v>10</v>
      </c>
      <c r="AJ7015">
        <v>10</v>
      </c>
      <c r="AK7015">
        <v>10</v>
      </c>
      <c r="AL7015">
        <v>10</v>
      </c>
      <c r="AM7015">
        <v>9</v>
      </c>
      <c r="AN7015">
        <v>9</v>
      </c>
      <c r="AO7015">
        <v>9</v>
      </c>
      <c r="AP7015">
        <v>9</v>
      </c>
      <c r="AQ7015">
        <v>9</v>
      </c>
    </row>
    <row r="7016" spans="1:43">
      <c r="A7016" t="s">
        <v>4392</v>
      </c>
      <c r="B7016" t="s">
        <v>4393</v>
      </c>
      <c r="C7016" t="s">
        <v>4382</v>
      </c>
      <c r="D7016" t="s">
        <v>4383</v>
      </c>
      <c r="E7016" t="s">
        <v>4236</v>
      </c>
      <c r="F7016" t="s">
        <v>4237</v>
      </c>
      <c r="G7016" t="s">
        <v>80</v>
      </c>
      <c r="H7016" t="s">
        <v>81</v>
      </c>
      <c r="I7016" s="2">
        <v>1</v>
      </c>
      <c r="J7016" s="2">
        <v>0</v>
      </c>
      <c r="K7016" s="2">
        <v>0</v>
      </c>
      <c r="L7016" t="s">
        <v>120</v>
      </c>
      <c r="M7016" t="s">
        <v>89</v>
      </c>
      <c r="N7016" t="s">
        <v>90</v>
      </c>
      <c r="O7016" t="s">
        <v>85</v>
      </c>
      <c r="P7016" t="s">
        <v>86</v>
      </c>
      <c r="Q7016">
        <v>10</v>
      </c>
      <c r="R7016">
        <v>10</v>
      </c>
      <c r="S7016">
        <v>10</v>
      </c>
      <c r="T7016">
        <v>10</v>
      </c>
      <c r="U7016">
        <v>11</v>
      </c>
      <c r="V7016">
        <v>11</v>
      </c>
      <c r="W7016">
        <v>11</v>
      </c>
      <c r="X7016">
        <v>11</v>
      </c>
      <c r="Y7016">
        <v>11</v>
      </c>
      <c r="Z7016">
        <v>11</v>
      </c>
      <c r="AA7016">
        <v>11</v>
      </c>
      <c r="AB7016">
        <v>12</v>
      </c>
      <c r="AC7016">
        <v>12</v>
      </c>
      <c r="AD7016">
        <v>12</v>
      </c>
      <c r="AE7016">
        <v>12</v>
      </c>
      <c r="AF7016">
        <v>12</v>
      </c>
      <c r="AG7016">
        <v>12</v>
      </c>
      <c r="AH7016">
        <v>12</v>
      </c>
      <c r="AI7016">
        <v>12</v>
      </c>
      <c r="AJ7016">
        <v>11</v>
      </c>
      <c r="AK7016">
        <v>11</v>
      </c>
      <c r="AL7016">
        <v>11</v>
      </c>
      <c r="AM7016">
        <v>11</v>
      </c>
      <c r="AN7016">
        <v>11</v>
      </c>
      <c r="AO7016">
        <v>11</v>
      </c>
      <c r="AP7016">
        <v>11</v>
      </c>
      <c r="AQ7016">
        <v>11</v>
      </c>
    </row>
    <row r="7017" spans="1:43">
      <c r="A7017" t="s">
        <v>4392</v>
      </c>
      <c r="B7017" t="s">
        <v>4393</v>
      </c>
      <c r="C7017" t="s">
        <v>4382</v>
      </c>
      <c r="D7017" t="s">
        <v>4383</v>
      </c>
      <c r="E7017" t="s">
        <v>4236</v>
      </c>
      <c r="F7017" t="s">
        <v>4237</v>
      </c>
      <c r="G7017" t="s">
        <v>80</v>
      </c>
      <c r="H7017" t="s">
        <v>81</v>
      </c>
      <c r="I7017" s="2">
        <v>1</v>
      </c>
      <c r="J7017" s="2">
        <v>0</v>
      </c>
      <c r="K7017" s="2">
        <v>0</v>
      </c>
      <c r="L7017" t="s">
        <v>120</v>
      </c>
      <c r="M7017" t="s">
        <v>83</v>
      </c>
      <c r="N7017" t="s">
        <v>91</v>
      </c>
      <c r="O7017" t="s">
        <v>85</v>
      </c>
      <c r="P7017" t="s">
        <v>86</v>
      </c>
      <c r="Q7017">
        <v>10</v>
      </c>
      <c r="R7017">
        <v>10</v>
      </c>
      <c r="S7017">
        <v>10</v>
      </c>
      <c r="T7017">
        <v>10</v>
      </c>
      <c r="U7017">
        <v>10</v>
      </c>
      <c r="V7017">
        <v>10</v>
      </c>
      <c r="W7017">
        <v>10</v>
      </c>
      <c r="X7017">
        <v>10</v>
      </c>
      <c r="Y7017">
        <v>11</v>
      </c>
      <c r="Z7017">
        <v>11</v>
      </c>
      <c r="AA7017">
        <v>11</v>
      </c>
      <c r="AB7017">
        <v>11</v>
      </c>
      <c r="AC7017">
        <v>11</v>
      </c>
      <c r="AD7017">
        <v>11</v>
      </c>
      <c r="AE7017">
        <v>11</v>
      </c>
      <c r="AF7017">
        <v>11</v>
      </c>
      <c r="AG7017">
        <v>11</v>
      </c>
      <c r="AH7017">
        <v>11</v>
      </c>
      <c r="AI7017">
        <v>11</v>
      </c>
      <c r="AJ7017">
        <v>11</v>
      </c>
      <c r="AK7017">
        <v>11</v>
      </c>
      <c r="AL7017">
        <v>11</v>
      </c>
      <c r="AM7017">
        <v>11</v>
      </c>
      <c r="AN7017">
        <v>11</v>
      </c>
      <c r="AO7017">
        <v>11</v>
      </c>
      <c r="AP7017">
        <v>11</v>
      </c>
      <c r="AQ7017">
        <v>11</v>
      </c>
    </row>
    <row r="7018" spans="1:43">
      <c r="A7018" t="s">
        <v>4394</v>
      </c>
      <c r="B7018" t="s">
        <v>4395</v>
      </c>
      <c r="C7018" t="s">
        <v>4396</v>
      </c>
      <c r="D7018" t="s">
        <v>4397</v>
      </c>
      <c r="E7018" t="s">
        <v>4236</v>
      </c>
      <c r="F7018" t="s">
        <v>4237</v>
      </c>
      <c r="G7018" t="s">
        <v>80</v>
      </c>
      <c r="H7018" t="s">
        <v>81</v>
      </c>
      <c r="I7018" s="2">
        <v>1</v>
      </c>
      <c r="J7018" s="2">
        <v>0</v>
      </c>
      <c r="K7018" s="2">
        <v>0</v>
      </c>
      <c r="L7018" t="s">
        <v>120</v>
      </c>
      <c r="M7018" t="s">
        <v>83</v>
      </c>
      <c r="N7018" t="s">
        <v>84</v>
      </c>
      <c r="O7018" t="s">
        <v>85</v>
      </c>
      <c r="P7018" t="s">
        <v>86</v>
      </c>
      <c r="Q7018">
        <v>51</v>
      </c>
      <c r="R7018">
        <v>52</v>
      </c>
      <c r="S7018">
        <v>52</v>
      </c>
      <c r="T7018">
        <v>53</v>
      </c>
      <c r="U7018">
        <v>54</v>
      </c>
      <c r="V7018">
        <v>54</v>
      </c>
      <c r="W7018">
        <v>55</v>
      </c>
      <c r="X7018">
        <v>55</v>
      </c>
      <c r="Y7018">
        <v>56</v>
      </c>
      <c r="Z7018">
        <v>56</v>
      </c>
      <c r="AA7018">
        <v>57</v>
      </c>
      <c r="AB7018">
        <v>57</v>
      </c>
      <c r="AC7018">
        <v>58</v>
      </c>
      <c r="AD7018">
        <v>58</v>
      </c>
      <c r="AE7018">
        <v>59</v>
      </c>
      <c r="AF7018">
        <v>59</v>
      </c>
      <c r="AG7018">
        <v>60</v>
      </c>
      <c r="AH7018">
        <v>60</v>
      </c>
      <c r="AI7018">
        <v>60</v>
      </c>
      <c r="AJ7018">
        <v>61</v>
      </c>
      <c r="AK7018">
        <v>61</v>
      </c>
      <c r="AL7018">
        <v>61</v>
      </c>
      <c r="AM7018">
        <v>61</v>
      </c>
      <c r="AN7018">
        <v>61</v>
      </c>
      <c r="AO7018">
        <v>60</v>
      </c>
      <c r="AP7018">
        <v>60</v>
      </c>
      <c r="AQ7018">
        <v>60</v>
      </c>
    </row>
    <row r="7019" spans="1:43">
      <c r="A7019" t="s">
        <v>4394</v>
      </c>
      <c r="B7019" t="s">
        <v>4395</v>
      </c>
      <c r="C7019" t="s">
        <v>4396</v>
      </c>
      <c r="D7019" t="s">
        <v>4397</v>
      </c>
      <c r="E7019" t="s">
        <v>4236</v>
      </c>
      <c r="F7019" t="s">
        <v>4237</v>
      </c>
      <c r="G7019" t="s">
        <v>80</v>
      </c>
      <c r="H7019" t="s">
        <v>81</v>
      </c>
      <c r="I7019" s="2">
        <v>1</v>
      </c>
      <c r="J7019" s="2">
        <v>0</v>
      </c>
      <c r="K7019" s="2">
        <v>0</v>
      </c>
      <c r="L7019" t="s">
        <v>120</v>
      </c>
      <c r="M7019" t="s">
        <v>87</v>
      </c>
      <c r="N7019" t="s">
        <v>88</v>
      </c>
      <c r="O7019" t="s">
        <v>85</v>
      </c>
      <c r="P7019" t="s">
        <v>86</v>
      </c>
      <c r="Q7019">
        <v>51</v>
      </c>
      <c r="R7019">
        <v>52</v>
      </c>
      <c r="S7019">
        <v>52</v>
      </c>
      <c r="T7019">
        <v>52</v>
      </c>
      <c r="U7019">
        <v>52</v>
      </c>
      <c r="V7019">
        <v>52</v>
      </c>
      <c r="W7019">
        <v>52</v>
      </c>
      <c r="X7019">
        <v>53</v>
      </c>
      <c r="Y7019">
        <v>53</v>
      </c>
      <c r="Z7019">
        <v>53</v>
      </c>
      <c r="AA7019">
        <v>53</v>
      </c>
      <c r="AB7019">
        <v>53</v>
      </c>
      <c r="AC7019">
        <v>53</v>
      </c>
      <c r="AD7019">
        <v>53</v>
      </c>
      <c r="AE7019">
        <v>53</v>
      </c>
      <c r="AF7019">
        <v>53</v>
      </c>
      <c r="AG7019">
        <v>53</v>
      </c>
      <c r="AH7019">
        <v>53</v>
      </c>
      <c r="AI7019">
        <v>53</v>
      </c>
      <c r="AJ7019">
        <v>53</v>
      </c>
      <c r="AK7019">
        <v>53</v>
      </c>
      <c r="AL7019">
        <v>53</v>
      </c>
      <c r="AM7019">
        <v>53</v>
      </c>
      <c r="AN7019">
        <v>53</v>
      </c>
      <c r="AO7019">
        <v>53</v>
      </c>
      <c r="AP7019">
        <v>53</v>
      </c>
      <c r="AQ7019">
        <v>52</v>
      </c>
    </row>
    <row r="7020" spans="1:43">
      <c r="A7020" t="s">
        <v>4394</v>
      </c>
      <c r="B7020" t="s">
        <v>4395</v>
      </c>
      <c r="C7020" t="s">
        <v>4396</v>
      </c>
      <c r="D7020" t="s">
        <v>4397</v>
      </c>
      <c r="E7020" t="s">
        <v>4236</v>
      </c>
      <c r="F7020" t="s">
        <v>4237</v>
      </c>
      <c r="G7020" t="s">
        <v>80</v>
      </c>
      <c r="H7020" t="s">
        <v>81</v>
      </c>
      <c r="I7020" s="2">
        <v>1</v>
      </c>
      <c r="J7020" s="2">
        <v>0</v>
      </c>
      <c r="K7020" s="2">
        <v>0</v>
      </c>
      <c r="L7020" t="s">
        <v>120</v>
      </c>
      <c r="M7020" t="s">
        <v>89</v>
      </c>
      <c r="N7020" t="s">
        <v>90</v>
      </c>
      <c r="O7020" t="s">
        <v>85</v>
      </c>
      <c r="P7020" t="s">
        <v>86</v>
      </c>
      <c r="Q7020">
        <v>51</v>
      </c>
      <c r="R7020">
        <v>53</v>
      </c>
      <c r="S7020">
        <v>54</v>
      </c>
      <c r="T7020">
        <v>55</v>
      </c>
      <c r="U7020">
        <v>56</v>
      </c>
      <c r="V7020">
        <v>57</v>
      </c>
      <c r="W7020">
        <v>58</v>
      </c>
      <c r="X7020">
        <v>58</v>
      </c>
      <c r="Y7020">
        <v>59</v>
      </c>
      <c r="Z7020">
        <v>60</v>
      </c>
      <c r="AA7020">
        <v>61</v>
      </c>
      <c r="AB7020">
        <v>61</v>
      </c>
      <c r="AC7020">
        <v>62</v>
      </c>
      <c r="AD7020">
        <v>63</v>
      </c>
      <c r="AE7020">
        <v>63</v>
      </c>
      <c r="AF7020">
        <v>63</v>
      </c>
      <c r="AG7020">
        <v>63</v>
      </c>
      <c r="AH7020">
        <v>63</v>
      </c>
      <c r="AI7020">
        <v>63</v>
      </c>
      <c r="AJ7020">
        <v>63</v>
      </c>
      <c r="AK7020">
        <v>62</v>
      </c>
      <c r="AL7020">
        <v>62</v>
      </c>
      <c r="AM7020">
        <v>62</v>
      </c>
      <c r="AN7020">
        <v>62</v>
      </c>
      <c r="AO7020">
        <v>62</v>
      </c>
      <c r="AP7020">
        <v>62</v>
      </c>
      <c r="AQ7020">
        <v>61</v>
      </c>
    </row>
    <row r="7021" spans="1:43">
      <c r="A7021" t="s">
        <v>4394</v>
      </c>
      <c r="B7021" t="s">
        <v>4395</v>
      </c>
      <c r="C7021" t="s">
        <v>4396</v>
      </c>
      <c r="D7021" t="s">
        <v>4397</v>
      </c>
      <c r="E7021" t="s">
        <v>4236</v>
      </c>
      <c r="F7021" t="s">
        <v>4237</v>
      </c>
      <c r="G7021" t="s">
        <v>80</v>
      </c>
      <c r="H7021" t="s">
        <v>81</v>
      </c>
      <c r="I7021" s="2">
        <v>1</v>
      </c>
      <c r="J7021" s="2">
        <v>0</v>
      </c>
      <c r="K7021" s="2">
        <v>0</v>
      </c>
      <c r="L7021" t="s">
        <v>120</v>
      </c>
      <c r="M7021" t="s">
        <v>83</v>
      </c>
      <c r="N7021" t="s">
        <v>91</v>
      </c>
      <c r="O7021" t="s">
        <v>85</v>
      </c>
      <c r="P7021" t="s">
        <v>86</v>
      </c>
      <c r="Q7021">
        <v>51</v>
      </c>
      <c r="R7021">
        <v>52</v>
      </c>
      <c r="S7021">
        <v>52</v>
      </c>
      <c r="T7021">
        <v>53</v>
      </c>
      <c r="U7021">
        <v>54</v>
      </c>
      <c r="V7021">
        <v>54</v>
      </c>
      <c r="W7021">
        <v>55</v>
      </c>
      <c r="X7021">
        <v>55</v>
      </c>
      <c r="Y7021">
        <v>56</v>
      </c>
      <c r="Z7021">
        <v>56</v>
      </c>
      <c r="AA7021">
        <v>57</v>
      </c>
      <c r="AB7021">
        <v>57</v>
      </c>
      <c r="AC7021">
        <v>58</v>
      </c>
      <c r="AD7021">
        <v>58</v>
      </c>
      <c r="AE7021">
        <v>59</v>
      </c>
      <c r="AF7021">
        <v>59</v>
      </c>
      <c r="AG7021">
        <v>60</v>
      </c>
      <c r="AH7021">
        <v>60</v>
      </c>
      <c r="AI7021">
        <v>60</v>
      </c>
      <c r="AJ7021">
        <v>61</v>
      </c>
      <c r="AK7021">
        <v>61</v>
      </c>
      <c r="AL7021">
        <v>61</v>
      </c>
      <c r="AM7021">
        <v>61</v>
      </c>
      <c r="AN7021">
        <v>61</v>
      </c>
      <c r="AO7021">
        <v>60</v>
      </c>
      <c r="AP7021">
        <v>60</v>
      </c>
      <c r="AQ7021">
        <v>60</v>
      </c>
    </row>
    <row r="7022" spans="1:43">
      <c r="A7022" t="s">
        <v>4398</v>
      </c>
      <c r="B7022" t="s">
        <v>4399</v>
      </c>
      <c r="C7022" t="s">
        <v>4400</v>
      </c>
      <c r="D7022" t="s">
        <v>4401</v>
      </c>
      <c r="E7022" t="s">
        <v>4236</v>
      </c>
      <c r="F7022" t="s">
        <v>4237</v>
      </c>
      <c r="G7022" t="s">
        <v>80</v>
      </c>
      <c r="H7022" t="s">
        <v>81</v>
      </c>
      <c r="I7022" s="2">
        <v>1</v>
      </c>
      <c r="J7022" s="2">
        <v>0</v>
      </c>
      <c r="K7022" s="2">
        <v>0</v>
      </c>
      <c r="L7022" t="s">
        <v>120</v>
      </c>
      <c r="M7022" t="s">
        <v>83</v>
      </c>
      <c r="N7022" t="s">
        <v>84</v>
      </c>
      <c r="O7022" t="s">
        <v>85</v>
      </c>
      <c r="P7022" t="s">
        <v>86</v>
      </c>
      <c r="Q7022">
        <v>8</v>
      </c>
      <c r="R7022">
        <v>8</v>
      </c>
      <c r="S7022">
        <v>8</v>
      </c>
      <c r="T7022">
        <v>8</v>
      </c>
      <c r="U7022">
        <v>8</v>
      </c>
      <c r="V7022">
        <v>8</v>
      </c>
      <c r="W7022">
        <v>8</v>
      </c>
      <c r="X7022">
        <v>8</v>
      </c>
      <c r="Y7022">
        <v>8</v>
      </c>
      <c r="Z7022">
        <v>8</v>
      </c>
      <c r="AA7022">
        <v>8</v>
      </c>
      <c r="AB7022">
        <v>9</v>
      </c>
      <c r="AC7022">
        <v>9</v>
      </c>
      <c r="AD7022">
        <v>9</v>
      </c>
      <c r="AE7022">
        <v>9</v>
      </c>
      <c r="AF7022">
        <v>9</v>
      </c>
      <c r="AG7022">
        <v>9</v>
      </c>
      <c r="AH7022">
        <v>9</v>
      </c>
      <c r="AI7022">
        <v>9</v>
      </c>
      <c r="AJ7022">
        <v>9</v>
      </c>
      <c r="AK7022">
        <v>9</v>
      </c>
      <c r="AL7022">
        <v>9</v>
      </c>
      <c r="AM7022">
        <v>9</v>
      </c>
      <c r="AN7022">
        <v>9</v>
      </c>
      <c r="AO7022">
        <v>9</v>
      </c>
      <c r="AP7022">
        <v>9</v>
      </c>
      <c r="AQ7022">
        <v>9</v>
      </c>
    </row>
    <row r="7023" spans="1:43">
      <c r="A7023" t="s">
        <v>4398</v>
      </c>
      <c r="B7023" t="s">
        <v>4399</v>
      </c>
      <c r="C7023" t="s">
        <v>4400</v>
      </c>
      <c r="D7023" t="s">
        <v>4401</v>
      </c>
      <c r="E7023" t="s">
        <v>4236</v>
      </c>
      <c r="F7023" t="s">
        <v>4237</v>
      </c>
      <c r="G7023" t="s">
        <v>80</v>
      </c>
      <c r="H7023" t="s">
        <v>81</v>
      </c>
      <c r="I7023" s="2">
        <v>1</v>
      </c>
      <c r="J7023" s="2">
        <v>0</v>
      </c>
      <c r="K7023" s="2">
        <v>0</v>
      </c>
      <c r="L7023" t="s">
        <v>120</v>
      </c>
      <c r="M7023" t="s">
        <v>87</v>
      </c>
      <c r="N7023" t="s">
        <v>88</v>
      </c>
      <c r="O7023" t="s">
        <v>85</v>
      </c>
      <c r="P7023" t="s">
        <v>86</v>
      </c>
      <c r="Q7023">
        <v>8</v>
      </c>
      <c r="R7023">
        <v>9</v>
      </c>
      <c r="S7023">
        <v>9</v>
      </c>
      <c r="T7023">
        <v>9</v>
      </c>
      <c r="U7023">
        <v>9</v>
      </c>
      <c r="V7023">
        <v>9</v>
      </c>
      <c r="W7023">
        <v>9</v>
      </c>
      <c r="X7023">
        <v>9</v>
      </c>
      <c r="Y7023">
        <v>9</v>
      </c>
      <c r="Z7023">
        <v>9</v>
      </c>
      <c r="AA7023">
        <v>9</v>
      </c>
      <c r="AB7023">
        <v>9</v>
      </c>
      <c r="AC7023">
        <v>9</v>
      </c>
      <c r="AD7023">
        <v>9</v>
      </c>
      <c r="AE7023">
        <v>9</v>
      </c>
      <c r="AF7023">
        <v>9</v>
      </c>
      <c r="AG7023">
        <v>9</v>
      </c>
      <c r="AH7023">
        <v>9</v>
      </c>
      <c r="AI7023">
        <v>9</v>
      </c>
      <c r="AJ7023">
        <v>9</v>
      </c>
      <c r="AK7023">
        <v>9</v>
      </c>
      <c r="AL7023">
        <v>9</v>
      </c>
      <c r="AM7023">
        <v>9</v>
      </c>
      <c r="AN7023">
        <v>9</v>
      </c>
      <c r="AO7023">
        <v>9</v>
      </c>
      <c r="AP7023">
        <v>9</v>
      </c>
      <c r="AQ7023">
        <v>9</v>
      </c>
    </row>
    <row r="7024" spans="1:43">
      <c r="A7024" t="s">
        <v>4398</v>
      </c>
      <c r="B7024" t="s">
        <v>4399</v>
      </c>
      <c r="C7024" t="s">
        <v>4400</v>
      </c>
      <c r="D7024" t="s">
        <v>4401</v>
      </c>
      <c r="E7024" t="s">
        <v>4236</v>
      </c>
      <c r="F7024" t="s">
        <v>4237</v>
      </c>
      <c r="G7024" t="s">
        <v>80</v>
      </c>
      <c r="H7024" t="s">
        <v>81</v>
      </c>
      <c r="I7024" s="2">
        <v>1</v>
      </c>
      <c r="J7024" s="2">
        <v>0</v>
      </c>
      <c r="K7024" s="2">
        <v>0</v>
      </c>
      <c r="L7024" t="s">
        <v>120</v>
      </c>
      <c r="M7024" t="s">
        <v>89</v>
      </c>
      <c r="N7024" t="s">
        <v>90</v>
      </c>
      <c r="O7024" t="s">
        <v>85</v>
      </c>
      <c r="P7024" t="s">
        <v>86</v>
      </c>
      <c r="Q7024">
        <v>8</v>
      </c>
      <c r="R7024">
        <v>8</v>
      </c>
      <c r="S7024">
        <v>8</v>
      </c>
      <c r="T7024">
        <v>8</v>
      </c>
      <c r="U7024">
        <v>8</v>
      </c>
      <c r="V7024">
        <v>8</v>
      </c>
      <c r="W7024">
        <v>9</v>
      </c>
      <c r="X7024">
        <v>9</v>
      </c>
      <c r="Y7024">
        <v>9</v>
      </c>
      <c r="Z7024">
        <v>9</v>
      </c>
      <c r="AA7024">
        <v>9</v>
      </c>
      <c r="AB7024">
        <v>9</v>
      </c>
      <c r="AC7024">
        <v>9</v>
      </c>
      <c r="AD7024">
        <v>9</v>
      </c>
      <c r="AE7024">
        <v>9</v>
      </c>
      <c r="AF7024">
        <v>9</v>
      </c>
      <c r="AG7024">
        <v>9</v>
      </c>
      <c r="AH7024">
        <v>9</v>
      </c>
      <c r="AI7024">
        <v>9</v>
      </c>
      <c r="AJ7024">
        <v>9</v>
      </c>
      <c r="AK7024">
        <v>9</v>
      </c>
      <c r="AL7024">
        <v>9</v>
      </c>
      <c r="AM7024">
        <v>9</v>
      </c>
      <c r="AN7024">
        <v>9</v>
      </c>
      <c r="AO7024">
        <v>9</v>
      </c>
      <c r="AP7024">
        <v>9</v>
      </c>
      <c r="AQ7024">
        <v>9</v>
      </c>
    </row>
    <row r="7025" spans="1:43">
      <c r="A7025" t="s">
        <v>4398</v>
      </c>
      <c r="B7025" t="s">
        <v>4399</v>
      </c>
      <c r="C7025" t="s">
        <v>4400</v>
      </c>
      <c r="D7025" t="s">
        <v>4401</v>
      </c>
      <c r="E7025" t="s">
        <v>4236</v>
      </c>
      <c r="F7025" t="s">
        <v>4237</v>
      </c>
      <c r="G7025" t="s">
        <v>80</v>
      </c>
      <c r="H7025" t="s">
        <v>81</v>
      </c>
      <c r="I7025" s="2">
        <v>1</v>
      </c>
      <c r="J7025" s="2">
        <v>0</v>
      </c>
      <c r="K7025" s="2">
        <v>0</v>
      </c>
      <c r="L7025" t="s">
        <v>120</v>
      </c>
      <c r="M7025" t="s">
        <v>83</v>
      </c>
      <c r="N7025" t="s">
        <v>91</v>
      </c>
      <c r="O7025" t="s">
        <v>85</v>
      </c>
      <c r="P7025" t="s">
        <v>86</v>
      </c>
      <c r="Q7025">
        <v>8</v>
      </c>
      <c r="R7025">
        <v>8</v>
      </c>
      <c r="S7025">
        <v>8</v>
      </c>
      <c r="T7025">
        <v>8</v>
      </c>
      <c r="U7025">
        <v>8</v>
      </c>
      <c r="V7025">
        <v>8</v>
      </c>
      <c r="W7025">
        <v>8</v>
      </c>
      <c r="X7025">
        <v>8</v>
      </c>
      <c r="Y7025">
        <v>8</v>
      </c>
      <c r="Z7025">
        <v>8</v>
      </c>
      <c r="AA7025">
        <v>8</v>
      </c>
      <c r="AB7025">
        <v>9</v>
      </c>
      <c r="AC7025">
        <v>9</v>
      </c>
      <c r="AD7025">
        <v>9</v>
      </c>
      <c r="AE7025">
        <v>9</v>
      </c>
      <c r="AF7025">
        <v>9</v>
      </c>
      <c r="AG7025">
        <v>9</v>
      </c>
      <c r="AH7025">
        <v>9</v>
      </c>
      <c r="AI7025">
        <v>9</v>
      </c>
      <c r="AJ7025">
        <v>9</v>
      </c>
      <c r="AK7025">
        <v>9</v>
      </c>
      <c r="AL7025">
        <v>9</v>
      </c>
      <c r="AM7025">
        <v>9</v>
      </c>
      <c r="AN7025">
        <v>9</v>
      </c>
      <c r="AO7025">
        <v>9</v>
      </c>
      <c r="AP7025">
        <v>9</v>
      </c>
      <c r="AQ7025">
        <v>9</v>
      </c>
    </row>
    <row r="7026" spans="1:43">
      <c r="A7026" t="s">
        <v>4402</v>
      </c>
      <c r="B7026" t="s">
        <v>4403</v>
      </c>
      <c r="C7026" t="s">
        <v>4400</v>
      </c>
      <c r="D7026" t="s">
        <v>4401</v>
      </c>
      <c r="E7026" t="s">
        <v>4236</v>
      </c>
      <c r="F7026" t="s">
        <v>4237</v>
      </c>
      <c r="G7026" t="s">
        <v>80</v>
      </c>
      <c r="H7026" t="s">
        <v>81</v>
      </c>
      <c r="I7026" s="2">
        <v>1</v>
      </c>
      <c r="J7026" s="2">
        <v>0</v>
      </c>
      <c r="K7026" s="2">
        <v>0</v>
      </c>
      <c r="L7026" t="s">
        <v>120</v>
      </c>
      <c r="M7026" t="s">
        <v>83</v>
      </c>
      <c r="N7026" t="s">
        <v>84</v>
      </c>
      <c r="O7026" t="s">
        <v>85</v>
      </c>
      <c r="P7026" t="s">
        <v>86</v>
      </c>
      <c r="Q7026">
        <v>22</v>
      </c>
      <c r="R7026">
        <v>22</v>
      </c>
      <c r="S7026">
        <v>22</v>
      </c>
      <c r="T7026">
        <v>22</v>
      </c>
      <c r="U7026">
        <v>23</v>
      </c>
      <c r="V7026">
        <v>23</v>
      </c>
      <c r="W7026">
        <v>23</v>
      </c>
      <c r="X7026">
        <v>23</v>
      </c>
      <c r="Y7026">
        <v>24</v>
      </c>
      <c r="Z7026">
        <v>24</v>
      </c>
      <c r="AA7026">
        <v>24</v>
      </c>
      <c r="AB7026">
        <v>24</v>
      </c>
      <c r="AC7026">
        <v>25</v>
      </c>
      <c r="AD7026">
        <v>25</v>
      </c>
      <c r="AE7026">
        <v>25</v>
      </c>
      <c r="AF7026">
        <v>25</v>
      </c>
      <c r="AG7026">
        <v>25</v>
      </c>
      <c r="AH7026">
        <v>25</v>
      </c>
      <c r="AI7026">
        <v>26</v>
      </c>
      <c r="AJ7026">
        <v>26</v>
      </c>
      <c r="AK7026">
        <v>26</v>
      </c>
      <c r="AL7026">
        <v>26</v>
      </c>
      <c r="AM7026">
        <v>26</v>
      </c>
      <c r="AN7026">
        <v>26</v>
      </c>
      <c r="AO7026">
        <v>26</v>
      </c>
      <c r="AP7026">
        <v>25</v>
      </c>
      <c r="AQ7026">
        <v>25</v>
      </c>
    </row>
    <row r="7027" spans="1:43">
      <c r="A7027" t="s">
        <v>4402</v>
      </c>
      <c r="B7027" t="s">
        <v>4403</v>
      </c>
      <c r="C7027" t="s">
        <v>4400</v>
      </c>
      <c r="D7027" t="s">
        <v>4401</v>
      </c>
      <c r="E7027" t="s">
        <v>4236</v>
      </c>
      <c r="F7027" t="s">
        <v>4237</v>
      </c>
      <c r="G7027" t="s">
        <v>80</v>
      </c>
      <c r="H7027" t="s">
        <v>81</v>
      </c>
      <c r="I7027" s="2">
        <v>1</v>
      </c>
      <c r="J7027" s="2">
        <v>0</v>
      </c>
      <c r="K7027" s="2">
        <v>0</v>
      </c>
      <c r="L7027" t="s">
        <v>120</v>
      </c>
      <c r="M7027" t="s">
        <v>87</v>
      </c>
      <c r="N7027" t="s">
        <v>88</v>
      </c>
      <c r="O7027" t="s">
        <v>85</v>
      </c>
      <c r="P7027" t="s">
        <v>86</v>
      </c>
      <c r="Q7027">
        <v>22</v>
      </c>
      <c r="R7027">
        <v>23</v>
      </c>
      <c r="S7027">
        <v>23</v>
      </c>
      <c r="T7027">
        <v>23</v>
      </c>
      <c r="U7027">
        <v>23</v>
      </c>
      <c r="V7027">
        <v>23</v>
      </c>
      <c r="W7027">
        <v>23</v>
      </c>
      <c r="X7027">
        <v>23</v>
      </c>
      <c r="Y7027">
        <v>23</v>
      </c>
      <c r="Z7027">
        <v>23</v>
      </c>
      <c r="AA7027">
        <v>23</v>
      </c>
      <c r="AB7027">
        <v>23</v>
      </c>
      <c r="AC7027">
        <v>23</v>
      </c>
      <c r="AD7027">
        <v>23</v>
      </c>
      <c r="AE7027">
        <v>23</v>
      </c>
      <c r="AF7027">
        <v>23</v>
      </c>
      <c r="AG7027">
        <v>23</v>
      </c>
      <c r="AH7027">
        <v>23</v>
      </c>
      <c r="AI7027">
        <v>23</v>
      </c>
      <c r="AJ7027">
        <v>23</v>
      </c>
      <c r="AK7027">
        <v>23</v>
      </c>
      <c r="AL7027">
        <v>23</v>
      </c>
      <c r="AM7027">
        <v>23</v>
      </c>
      <c r="AN7027">
        <v>23</v>
      </c>
      <c r="AO7027">
        <v>23</v>
      </c>
      <c r="AP7027">
        <v>23</v>
      </c>
      <c r="AQ7027">
        <v>23</v>
      </c>
    </row>
    <row r="7028" spans="1:43">
      <c r="A7028" t="s">
        <v>4402</v>
      </c>
      <c r="B7028" t="s">
        <v>4403</v>
      </c>
      <c r="C7028" t="s">
        <v>4400</v>
      </c>
      <c r="D7028" t="s">
        <v>4401</v>
      </c>
      <c r="E7028" t="s">
        <v>4236</v>
      </c>
      <c r="F7028" t="s">
        <v>4237</v>
      </c>
      <c r="G7028" t="s">
        <v>80</v>
      </c>
      <c r="H7028" t="s">
        <v>81</v>
      </c>
      <c r="I7028" s="2">
        <v>1</v>
      </c>
      <c r="J7028" s="2">
        <v>0</v>
      </c>
      <c r="K7028" s="2">
        <v>0</v>
      </c>
      <c r="L7028" t="s">
        <v>120</v>
      </c>
      <c r="M7028" t="s">
        <v>89</v>
      </c>
      <c r="N7028" t="s">
        <v>90</v>
      </c>
      <c r="O7028" t="s">
        <v>85</v>
      </c>
      <c r="P7028" t="s">
        <v>86</v>
      </c>
      <c r="Q7028">
        <v>22</v>
      </c>
      <c r="R7028">
        <v>22</v>
      </c>
      <c r="S7028">
        <v>23</v>
      </c>
      <c r="T7028">
        <v>23</v>
      </c>
      <c r="U7028">
        <v>24</v>
      </c>
      <c r="V7028">
        <v>24</v>
      </c>
      <c r="W7028">
        <v>24</v>
      </c>
      <c r="X7028">
        <v>25</v>
      </c>
      <c r="Y7028">
        <v>25</v>
      </c>
      <c r="Z7028">
        <v>25</v>
      </c>
      <c r="AA7028">
        <v>26</v>
      </c>
      <c r="AB7028">
        <v>26</v>
      </c>
      <c r="AC7028">
        <v>26</v>
      </c>
      <c r="AD7028">
        <v>27</v>
      </c>
      <c r="AE7028">
        <v>27</v>
      </c>
      <c r="AF7028">
        <v>27</v>
      </c>
      <c r="AG7028">
        <v>27</v>
      </c>
      <c r="AH7028">
        <v>27</v>
      </c>
      <c r="AI7028">
        <v>27</v>
      </c>
      <c r="AJ7028">
        <v>26</v>
      </c>
      <c r="AK7028">
        <v>26</v>
      </c>
      <c r="AL7028">
        <v>26</v>
      </c>
      <c r="AM7028">
        <v>26</v>
      </c>
      <c r="AN7028">
        <v>26</v>
      </c>
      <c r="AO7028">
        <v>26</v>
      </c>
      <c r="AP7028">
        <v>26</v>
      </c>
      <c r="AQ7028">
        <v>26</v>
      </c>
    </row>
    <row r="7029" spans="1:43">
      <c r="A7029" t="s">
        <v>4402</v>
      </c>
      <c r="B7029" t="s">
        <v>4403</v>
      </c>
      <c r="C7029" t="s">
        <v>4400</v>
      </c>
      <c r="D7029" t="s">
        <v>4401</v>
      </c>
      <c r="E7029" t="s">
        <v>4236</v>
      </c>
      <c r="F7029" t="s">
        <v>4237</v>
      </c>
      <c r="G7029" t="s">
        <v>80</v>
      </c>
      <c r="H7029" t="s">
        <v>81</v>
      </c>
      <c r="I7029" s="2">
        <v>1</v>
      </c>
      <c r="J7029" s="2">
        <v>0</v>
      </c>
      <c r="K7029" s="2">
        <v>0</v>
      </c>
      <c r="L7029" t="s">
        <v>120</v>
      </c>
      <c r="M7029" t="s">
        <v>83</v>
      </c>
      <c r="N7029" t="s">
        <v>91</v>
      </c>
      <c r="O7029" t="s">
        <v>85</v>
      </c>
      <c r="P7029" t="s">
        <v>86</v>
      </c>
      <c r="Q7029">
        <v>22</v>
      </c>
      <c r="R7029">
        <v>22</v>
      </c>
      <c r="S7029">
        <v>22</v>
      </c>
      <c r="T7029">
        <v>22</v>
      </c>
      <c r="U7029">
        <v>23</v>
      </c>
      <c r="V7029">
        <v>23</v>
      </c>
      <c r="W7029">
        <v>23</v>
      </c>
      <c r="X7029">
        <v>23</v>
      </c>
      <c r="Y7029">
        <v>24</v>
      </c>
      <c r="Z7029">
        <v>24</v>
      </c>
      <c r="AA7029">
        <v>24</v>
      </c>
      <c r="AB7029">
        <v>24</v>
      </c>
      <c r="AC7029">
        <v>25</v>
      </c>
      <c r="AD7029">
        <v>25</v>
      </c>
      <c r="AE7029">
        <v>25</v>
      </c>
      <c r="AF7029">
        <v>25</v>
      </c>
      <c r="AG7029">
        <v>25</v>
      </c>
      <c r="AH7029">
        <v>25</v>
      </c>
      <c r="AI7029">
        <v>26</v>
      </c>
      <c r="AJ7029">
        <v>26</v>
      </c>
      <c r="AK7029">
        <v>26</v>
      </c>
      <c r="AL7029">
        <v>26</v>
      </c>
      <c r="AM7029">
        <v>26</v>
      </c>
      <c r="AN7029">
        <v>26</v>
      </c>
      <c r="AO7029">
        <v>26</v>
      </c>
      <c r="AP7029">
        <v>25</v>
      </c>
      <c r="AQ7029">
        <v>25</v>
      </c>
    </row>
    <row r="7030" spans="1:43">
      <c r="A7030" t="s">
        <v>4404</v>
      </c>
      <c r="B7030" t="s">
        <v>4405</v>
      </c>
      <c r="C7030" t="s">
        <v>4396</v>
      </c>
      <c r="D7030" t="s">
        <v>4397</v>
      </c>
      <c r="E7030" t="s">
        <v>4236</v>
      </c>
      <c r="F7030" t="s">
        <v>4237</v>
      </c>
      <c r="G7030" t="s">
        <v>80</v>
      </c>
      <c r="H7030" t="s">
        <v>81</v>
      </c>
      <c r="I7030" s="2">
        <v>1</v>
      </c>
      <c r="J7030" s="2">
        <v>0</v>
      </c>
      <c r="K7030" s="2">
        <v>0</v>
      </c>
      <c r="L7030" t="s">
        <v>120</v>
      </c>
      <c r="M7030" t="s">
        <v>83</v>
      </c>
      <c r="N7030" t="s">
        <v>84</v>
      </c>
      <c r="O7030" t="s">
        <v>85</v>
      </c>
      <c r="P7030" t="s">
        <v>86</v>
      </c>
      <c r="Q7030">
        <v>82</v>
      </c>
      <c r="R7030">
        <v>83</v>
      </c>
      <c r="S7030">
        <v>84</v>
      </c>
      <c r="T7030">
        <v>85</v>
      </c>
      <c r="U7030">
        <v>86</v>
      </c>
      <c r="V7030">
        <v>87</v>
      </c>
      <c r="W7030">
        <v>88</v>
      </c>
      <c r="X7030">
        <v>89</v>
      </c>
      <c r="Y7030">
        <v>90</v>
      </c>
      <c r="Z7030">
        <v>90</v>
      </c>
      <c r="AA7030">
        <v>91</v>
      </c>
      <c r="AB7030">
        <v>92</v>
      </c>
      <c r="AC7030">
        <v>93</v>
      </c>
      <c r="AD7030">
        <v>93</v>
      </c>
      <c r="AE7030">
        <v>94</v>
      </c>
      <c r="AF7030">
        <v>95</v>
      </c>
      <c r="AG7030">
        <v>95</v>
      </c>
      <c r="AH7030">
        <v>96</v>
      </c>
      <c r="AI7030">
        <v>96</v>
      </c>
      <c r="AJ7030">
        <v>97</v>
      </c>
      <c r="AK7030">
        <v>98</v>
      </c>
      <c r="AL7030">
        <v>98</v>
      </c>
      <c r="AM7030">
        <v>97</v>
      </c>
      <c r="AN7030">
        <v>97</v>
      </c>
      <c r="AO7030">
        <v>97</v>
      </c>
      <c r="AP7030">
        <v>96</v>
      </c>
      <c r="AQ7030">
        <v>96</v>
      </c>
    </row>
    <row r="7031" spans="1:43">
      <c r="A7031" t="s">
        <v>4404</v>
      </c>
      <c r="B7031" t="s">
        <v>4405</v>
      </c>
      <c r="C7031" t="s">
        <v>4396</v>
      </c>
      <c r="D7031" t="s">
        <v>4397</v>
      </c>
      <c r="E7031" t="s">
        <v>4236</v>
      </c>
      <c r="F7031" t="s">
        <v>4237</v>
      </c>
      <c r="G7031" t="s">
        <v>80</v>
      </c>
      <c r="H7031" t="s">
        <v>81</v>
      </c>
      <c r="I7031" s="2">
        <v>1</v>
      </c>
      <c r="J7031" s="2">
        <v>0</v>
      </c>
      <c r="K7031" s="2">
        <v>0</v>
      </c>
      <c r="L7031" t="s">
        <v>120</v>
      </c>
      <c r="M7031" t="s">
        <v>87</v>
      </c>
      <c r="N7031" t="s">
        <v>88</v>
      </c>
      <c r="O7031" t="s">
        <v>85</v>
      </c>
      <c r="P7031" t="s">
        <v>86</v>
      </c>
      <c r="Q7031">
        <v>82</v>
      </c>
      <c r="R7031">
        <v>82</v>
      </c>
      <c r="S7031">
        <v>83</v>
      </c>
      <c r="T7031">
        <v>83</v>
      </c>
      <c r="U7031">
        <v>83</v>
      </c>
      <c r="V7031">
        <v>83</v>
      </c>
      <c r="W7031">
        <v>83</v>
      </c>
      <c r="X7031">
        <v>84</v>
      </c>
      <c r="Y7031">
        <v>84</v>
      </c>
      <c r="Z7031">
        <v>84</v>
      </c>
      <c r="AA7031">
        <v>84</v>
      </c>
      <c r="AB7031">
        <v>84</v>
      </c>
      <c r="AC7031">
        <v>84</v>
      </c>
      <c r="AD7031">
        <v>84</v>
      </c>
      <c r="AE7031">
        <v>84</v>
      </c>
      <c r="AF7031">
        <v>84</v>
      </c>
      <c r="AG7031">
        <v>84</v>
      </c>
      <c r="AH7031">
        <v>84</v>
      </c>
      <c r="AI7031">
        <v>84</v>
      </c>
      <c r="AJ7031">
        <v>84</v>
      </c>
      <c r="AK7031">
        <v>84</v>
      </c>
      <c r="AL7031">
        <v>84</v>
      </c>
      <c r="AM7031">
        <v>84</v>
      </c>
      <c r="AN7031">
        <v>84</v>
      </c>
      <c r="AO7031">
        <v>84</v>
      </c>
      <c r="AP7031">
        <v>83</v>
      </c>
      <c r="AQ7031">
        <v>83</v>
      </c>
    </row>
    <row r="7032" spans="1:43">
      <c r="A7032" t="s">
        <v>4404</v>
      </c>
      <c r="B7032" t="s">
        <v>4405</v>
      </c>
      <c r="C7032" t="s">
        <v>4396</v>
      </c>
      <c r="D7032" t="s">
        <v>4397</v>
      </c>
      <c r="E7032" t="s">
        <v>4236</v>
      </c>
      <c r="F7032" t="s">
        <v>4237</v>
      </c>
      <c r="G7032" t="s">
        <v>80</v>
      </c>
      <c r="H7032" t="s">
        <v>81</v>
      </c>
      <c r="I7032" s="2">
        <v>1</v>
      </c>
      <c r="J7032" s="2">
        <v>0</v>
      </c>
      <c r="K7032" s="2">
        <v>0</v>
      </c>
      <c r="L7032" t="s">
        <v>120</v>
      </c>
      <c r="M7032" t="s">
        <v>89</v>
      </c>
      <c r="N7032" t="s">
        <v>90</v>
      </c>
      <c r="O7032" t="s">
        <v>85</v>
      </c>
      <c r="P7032" t="s">
        <v>86</v>
      </c>
      <c r="Q7032">
        <v>82</v>
      </c>
      <c r="R7032">
        <v>84</v>
      </c>
      <c r="S7032">
        <v>86</v>
      </c>
      <c r="T7032">
        <v>88</v>
      </c>
      <c r="U7032">
        <v>89</v>
      </c>
      <c r="V7032">
        <v>91</v>
      </c>
      <c r="W7032">
        <v>92</v>
      </c>
      <c r="X7032">
        <v>94</v>
      </c>
      <c r="Y7032">
        <v>95</v>
      </c>
      <c r="Z7032">
        <v>96</v>
      </c>
      <c r="AA7032">
        <v>97</v>
      </c>
      <c r="AB7032">
        <v>98</v>
      </c>
      <c r="AC7032">
        <v>99</v>
      </c>
      <c r="AD7032">
        <v>100</v>
      </c>
      <c r="AE7032">
        <v>101</v>
      </c>
      <c r="AF7032">
        <v>101</v>
      </c>
      <c r="AG7032">
        <v>101</v>
      </c>
      <c r="AH7032">
        <v>101</v>
      </c>
      <c r="AI7032">
        <v>100</v>
      </c>
      <c r="AJ7032">
        <v>100</v>
      </c>
      <c r="AK7032">
        <v>100</v>
      </c>
      <c r="AL7032">
        <v>100</v>
      </c>
      <c r="AM7032">
        <v>99</v>
      </c>
      <c r="AN7032">
        <v>99</v>
      </c>
      <c r="AO7032">
        <v>99</v>
      </c>
      <c r="AP7032">
        <v>99</v>
      </c>
      <c r="AQ7032">
        <v>98</v>
      </c>
    </row>
    <row r="7033" spans="1:43">
      <c r="A7033" t="s">
        <v>4404</v>
      </c>
      <c r="B7033" t="s">
        <v>4405</v>
      </c>
      <c r="C7033" t="s">
        <v>4396</v>
      </c>
      <c r="D7033" t="s">
        <v>4397</v>
      </c>
      <c r="E7033" t="s">
        <v>4236</v>
      </c>
      <c r="F7033" t="s">
        <v>4237</v>
      </c>
      <c r="G7033" t="s">
        <v>80</v>
      </c>
      <c r="H7033" t="s">
        <v>81</v>
      </c>
      <c r="I7033" s="2">
        <v>1</v>
      </c>
      <c r="J7033" s="2">
        <v>0</v>
      </c>
      <c r="K7033" s="2">
        <v>0</v>
      </c>
      <c r="L7033" t="s">
        <v>120</v>
      </c>
      <c r="M7033" t="s">
        <v>83</v>
      </c>
      <c r="N7033" t="s">
        <v>91</v>
      </c>
      <c r="O7033" t="s">
        <v>85</v>
      </c>
      <c r="P7033" t="s">
        <v>86</v>
      </c>
      <c r="Q7033">
        <v>82</v>
      </c>
      <c r="R7033">
        <v>83</v>
      </c>
      <c r="S7033">
        <v>84</v>
      </c>
      <c r="T7033">
        <v>85</v>
      </c>
      <c r="U7033">
        <v>86</v>
      </c>
      <c r="V7033">
        <v>87</v>
      </c>
      <c r="W7033">
        <v>88</v>
      </c>
      <c r="X7033">
        <v>89</v>
      </c>
      <c r="Y7033">
        <v>90</v>
      </c>
      <c r="Z7033">
        <v>90</v>
      </c>
      <c r="AA7033">
        <v>91</v>
      </c>
      <c r="AB7033">
        <v>92</v>
      </c>
      <c r="AC7033">
        <v>93</v>
      </c>
      <c r="AD7033">
        <v>93</v>
      </c>
      <c r="AE7033">
        <v>94</v>
      </c>
      <c r="AF7033">
        <v>95</v>
      </c>
      <c r="AG7033">
        <v>95</v>
      </c>
      <c r="AH7033">
        <v>96</v>
      </c>
      <c r="AI7033">
        <v>96</v>
      </c>
      <c r="AJ7033">
        <v>97</v>
      </c>
      <c r="AK7033">
        <v>98</v>
      </c>
      <c r="AL7033">
        <v>98</v>
      </c>
      <c r="AM7033">
        <v>97</v>
      </c>
      <c r="AN7033">
        <v>97</v>
      </c>
      <c r="AO7033">
        <v>97</v>
      </c>
      <c r="AP7033">
        <v>96</v>
      </c>
      <c r="AQ7033">
        <v>96</v>
      </c>
    </row>
    <row r="7034" spans="1:43">
      <c r="A7034" t="s">
        <v>4406</v>
      </c>
      <c r="B7034" t="s">
        <v>4407</v>
      </c>
      <c r="C7034" t="s">
        <v>4396</v>
      </c>
      <c r="D7034" t="s">
        <v>4397</v>
      </c>
      <c r="E7034" t="s">
        <v>4236</v>
      </c>
      <c r="F7034" t="s">
        <v>4237</v>
      </c>
      <c r="G7034" t="s">
        <v>80</v>
      </c>
      <c r="H7034" t="s">
        <v>81</v>
      </c>
      <c r="I7034" s="2">
        <v>1</v>
      </c>
      <c r="J7034" s="2">
        <v>0</v>
      </c>
      <c r="K7034" s="2">
        <v>0</v>
      </c>
      <c r="L7034" t="s">
        <v>120</v>
      </c>
      <c r="M7034" t="s">
        <v>83</v>
      </c>
      <c r="N7034" t="s">
        <v>84</v>
      </c>
      <c r="O7034" t="s">
        <v>85</v>
      </c>
      <c r="P7034" t="s">
        <v>86</v>
      </c>
      <c r="Q7034">
        <v>33</v>
      </c>
      <c r="R7034">
        <v>34</v>
      </c>
      <c r="S7034">
        <v>34</v>
      </c>
      <c r="T7034">
        <v>34</v>
      </c>
      <c r="U7034">
        <v>35</v>
      </c>
      <c r="V7034">
        <v>35</v>
      </c>
      <c r="W7034">
        <v>35</v>
      </c>
      <c r="X7034">
        <v>36</v>
      </c>
      <c r="Y7034">
        <v>36</v>
      </c>
      <c r="Z7034">
        <v>36</v>
      </c>
      <c r="AA7034">
        <v>37</v>
      </c>
      <c r="AB7034">
        <v>37</v>
      </c>
      <c r="AC7034">
        <v>37</v>
      </c>
      <c r="AD7034">
        <v>37</v>
      </c>
      <c r="AE7034">
        <v>38</v>
      </c>
      <c r="AF7034">
        <v>38</v>
      </c>
      <c r="AG7034">
        <v>38</v>
      </c>
      <c r="AH7034">
        <v>38</v>
      </c>
      <c r="AI7034">
        <v>38</v>
      </c>
      <c r="AJ7034">
        <v>38</v>
      </c>
      <c r="AK7034">
        <v>39</v>
      </c>
      <c r="AL7034">
        <v>38</v>
      </c>
      <c r="AM7034">
        <v>38</v>
      </c>
      <c r="AN7034">
        <v>38</v>
      </c>
      <c r="AO7034">
        <v>38</v>
      </c>
      <c r="AP7034">
        <v>38</v>
      </c>
      <c r="AQ7034">
        <v>37</v>
      </c>
    </row>
    <row r="7035" spans="1:43">
      <c r="A7035" t="s">
        <v>4406</v>
      </c>
      <c r="B7035" t="s">
        <v>4407</v>
      </c>
      <c r="C7035" t="s">
        <v>4396</v>
      </c>
      <c r="D7035" t="s">
        <v>4397</v>
      </c>
      <c r="E7035" t="s">
        <v>4236</v>
      </c>
      <c r="F7035" t="s">
        <v>4237</v>
      </c>
      <c r="G7035" t="s">
        <v>80</v>
      </c>
      <c r="H7035" t="s">
        <v>81</v>
      </c>
      <c r="I7035" s="2">
        <v>1</v>
      </c>
      <c r="J7035" s="2">
        <v>0</v>
      </c>
      <c r="K7035" s="2">
        <v>0</v>
      </c>
      <c r="L7035" t="s">
        <v>120</v>
      </c>
      <c r="M7035" t="s">
        <v>87</v>
      </c>
      <c r="N7035" t="s">
        <v>88</v>
      </c>
      <c r="O7035" t="s">
        <v>85</v>
      </c>
      <c r="P7035" t="s">
        <v>86</v>
      </c>
      <c r="Q7035">
        <v>33</v>
      </c>
      <c r="R7035">
        <v>33</v>
      </c>
      <c r="S7035">
        <v>33</v>
      </c>
      <c r="T7035">
        <v>33</v>
      </c>
      <c r="U7035">
        <v>33</v>
      </c>
      <c r="V7035">
        <v>33</v>
      </c>
      <c r="W7035">
        <v>33</v>
      </c>
      <c r="X7035">
        <v>33</v>
      </c>
      <c r="Y7035">
        <v>33</v>
      </c>
      <c r="Z7035">
        <v>33</v>
      </c>
      <c r="AA7035">
        <v>33</v>
      </c>
      <c r="AB7035">
        <v>33</v>
      </c>
      <c r="AC7035">
        <v>33</v>
      </c>
      <c r="AD7035">
        <v>33</v>
      </c>
      <c r="AE7035">
        <v>33</v>
      </c>
      <c r="AF7035">
        <v>33</v>
      </c>
      <c r="AG7035">
        <v>33</v>
      </c>
      <c r="AH7035">
        <v>33</v>
      </c>
      <c r="AI7035">
        <v>33</v>
      </c>
      <c r="AJ7035">
        <v>33</v>
      </c>
      <c r="AK7035">
        <v>33</v>
      </c>
      <c r="AL7035">
        <v>33</v>
      </c>
      <c r="AM7035">
        <v>33</v>
      </c>
      <c r="AN7035">
        <v>33</v>
      </c>
      <c r="AO7035">
        <v>33</v>
      </c>
      <c r="AP7035">
        <v>32</v>
      </c>
      <c r="AQ7035">
        <v>32</v>
      </c>
    </row>
    <row r="7036" spans="1:43">
      <c r="A7036" t="s">
        <v>4406</v>
      </c>
      <c r="B7036" t="s">
        <v>4407</v>
      </c>
      <c r="C7036" t="s">
        <v>4396</v>
      </c>
      <c r="D7036" t="s">
        <v>4397</v>
      </c>
      <c r="E7036" t="s">
        <v>4236</v>
      </c>
      <c r="F7036" t="s">
        <v>4237</v>
      </c>
      <c r="G7036" t="s">
        <v>80</v>
      </c>
      <c r="H7036" t="s">
        <v>81</v>
      </c>
      <c r="I7036" s="2">
        <v>1</v>
      </c>
      <c r="J7036" s="2">
        <v>0</v>
      </c>
      <c r="K7036" s="2">
        <v>0</v>
      </c>
      <c r="L7036" t="s">
        <v>120</v>
      </c>
      <c r="M7036" t="s">
        <v>89</v>
      </c>
      <c r="N7036" t="s">
        <v>90</v>
      </c>
      <c r="O7036" t="s">
        <v>85</v>
      </c>
      <c r="P7036" t="s">
        <v>86</v>
      </c>
      <c r="Q7036">
        <v>33</v>
      </c>
      <c r="R7036">
        <v>34</v>
      </c>
      <c r="S7036">
        <v>35</v>
      </c>
      <c r="T7036">
        <v>35</v>
      </c>
      <c r="U7036">
        <v>36</v>
      </c>
      <c r="V7036">
        <v>37</v>
      </c>
      <c r="W7036">
        <v>37</v>
      </c>
      <c r="X7036">
        <v>38</v>
      </c>
      <c r="Y7036">
        <v>38</v>
      </c>
      <c r="Z7036">
        <v>39</v>
      </c>
      <c r="AA7036">
        <v>39</v>
      </c>
      <c r="AB7036">
        <v>39</v>
      </c>
      <c r="AC7036">
        <v>40</v>
      </c>
      <c r="AD7036">
        <v>40</v>
      </c>
      <c r="AE7036">
        <v>40</v>
      </c>
      <c r="AF7036">
        <v>40</v>
      </c>
      <c r="AG7036">
        <v>40</v>
      </c>
      <c r="AH7036">
        <v>40</v>
      </c>
      <c r="AI7036">
        <v>40</v>
      </c>
      <c r="AJ7036">
        <v>39</v>
      </c>
      <c r="AK7036">
        <v>39</v>
      </c>
      <c r="AL7036">
        <v>39</v>
      </c>
      <c r="AM7036">
        <v>39</v>
      </c>
      <c r="AN7036">
        <v>39</v>
      </c>
      <c r="AO7036">
        <v>38</v>
      </c>
      <c r="AP7036">
        <v>38</v>
      </c>
      <c r="AQ7036">
        <v>38</v>
      </c>
    </row>
    <row r="7037" spans="1:43">
      <c r="A7037" t="s">
        <v>4406</v>
      </c>
      <c r="B7037" t="s">
        <v>4407</v>
      </c>
      <c r="C7037" t="s">
        <v>4396</v>
      </c>
      <c r="D7037" t="s">
        <v>4397</v>
      </c>
      <c r="E7037" t="s">
        <v>4236</v>
      </c>
      <c r="F7037" t="s">
        <v>4237</v>
      </c>
      <c r="G7037" t="s">
        <v>80</v>
      </c>
      <c r="H7037" t="s">
        <v>81</v>
      </c>
      <c r="I7037" s="2">
        <v>1</v>
      </c>
      <c r="J7037" s="2">
        <v>0</v>
      </c>
      <c r="K7037" s="2">
        <v>0</v>
      </c>
      <c r="L7037" t="s">
        <v>120</v>
      </c>
      <c r="M7037" t="s">
        <v>83</v>
      </c>
      <c r="N7037" t="s">
        <v>91</v>
      </c>
      <c r="O7037" t="s">
        <v>85</v>
      </c>
      <c r="P7037" t="s">
        <v>86</v>
      </c>
      <c r="Q7037">
        <v>33</v>
      </c>
      <c r="R7037">
        <v>34</v>
      </c>
      <c r="S7037">
        <v>34</v>
      </c>
      <c r="T7037">
        <v>34</v>
      </c>
      <c r="U7037">
        <v>35</v>
      </c>
      <c r="V7037">
        <v>35</v>
      </c>
      <c r="W7037">
        <v>35</v>
      </c>
      <c r="X7037">
        <v>36</v>
      </c>
      <c r="Y7037">
        <v>36</v>
      </c>
      <c r="Z7037">
        <v>36</v>
      </c>
      <c r="AA7037">
        <v>37</v>
      </c>
      <c r="AB7037">
        <v>37</v>
      </c>
      <c r="AC7037">
        <v>37</v>
      </c>
      <c r="AD7037">
        <v>37</v>
      </c>
      <c r="AE7037">
        <v>38</v>
      </c>
      <c r="AF7037">
        <v>38</v>
      </c>
      <c r="AG7037">
        <v>38</v>
      </c>
      <c r="AH7037">
        <v>38</v>
      </c>
      <c r="AI7037">
        <v>38</v>
      </c>
      <c r="AJ7037">
        <v>38</v>
      </c>
      <c r="AK7037">
        <v>39</v>
      </c>
      <c r="AL7037">
        <v>38</v>
      </c>
      <c r="AM7037">
        <v>38</v>
      </c>
      <c r="AN7037">
        <v>38</v>
      </c>
      <c r="AO7037">
        <v>38</v>
      </c>
      <c r="AP7037">
        <v>38</v>
      </c>
      <c r="AQ7037">
        <v>37</v>
      </c>
    </row>
    <row r="7038" spans="1:43">
      <c r="A7038" t="s">
        <v>4408</v>
      </c>
      <c r="B7038" t="s">
        <v>4409</v>
      </c>
      <c r="C7038" t="s">
        <v>4396</v>
      </c>
      <c r="D7038" t="s">
        <v>4397</v>
      </c>
      <c r="E7038" t="s">
        <v>4236</v>
      </c>
      <c r="F7038" t="s">
        <v>4237</v>
      </c>
      <c r="G7038" t="s">
        <v>80</v>
      </c>
      <c r="H7038" t="s">
        <v>81</v>
      </c>
      <c r="I7038" s="2">
        <v>1</v>
      </c>
      <c r="J7038" s="2">
        <v>0</v>
      </c>
      <c r="K7038" s="2">
        <v>0</v>
      </c>
      <c r="L7038" t="s">
        <v>120</v>
      </c>
      <c r="M7038" t="s">
        <v>83</v>
      </c>
      <c r="N7038" t="s">
        <v>84</v>
      </c>
      <c r="O7038" t="s">
        <v>85</v>
      </c>
      <c r="P7038" t="s">
        <v>86</v>
      </c>
      <c r="Q7038">
        <v>146</v>
      </c>
      <c r="R7038">
        <v>147</v>
      </c>
      <c r="S7038">
        <v>149</v>
      </c>
      <c r="T7038">
        <v>151</v>
      </c>
      <c r="U7038">
        <v>153</v>
      </c>
      <c r="V7038">
        <v>154</v>
      </c>
      <c r="W7038">
        <v>156</v>
      </c>
      <c r="X7038">
        <v>157</v>
      </c>
      <c r="Y7038">
        <v>159</v>
      </c>
      <c r="Z7038">
        <v>160</v>
      </c>
      <c r="AA7038">
        <v>161</v>
      </c>
      <c r="AB7038">
        <v>162</v>
      </c>
      <c r="AC7038">
        <v>164</v>
      </c>
      <c r="AD7038">
        <v>165</v>
      </c>
      <c r="AE7038">
        <v>166</v>
      </c>
      <c r="AF7038">
        <v>167</v>
      </c>
      <c r="AG7038">
        <v>167</v>
      </c>
      <c r="AH7038">
        <v>168</v>
      </c>
      <c r="AI7038">
        <v>169</v>
      </c>
      <c r="AJ7038">
        <v>170</v>
      </c>
      <c r="AK7038">
        <v>170</v>
      </c>
      <c r="AL7038">
        <v>170</v>
      </c>
      <c r="AM7038">
        <v>169</v>
      </c>
      <c r="AN7038">
        <v>169</v>
      </c>
      <c r="AO7038">
        <v>168</v>
      </c>
      <c r="AP7038">
        <v>167</v>
      </c>
      <c r="AQ7038">
        <v>166</v>
      </c>
    </row>
    <row r="7039" spans="1:43">
      <c r="A7039" t="s">
        <v>4408</v>
      </c>
      <c r="B7039" t="s">
        <v>4409</v>
      </c>
      <c r="C7039" t="s">
        <v>4396</v>
      </c>
      <c r="D7039" t="s">
        <v>4397</v>
      </c>
      <c r="E7039" t="s">
        <v>4236</v>
      </c>
      <c r="F7039" t="s">
        <v>4237</v>
      </c>
      <c r="G7039" t="s">
        <v>80</v>
      </c>
      <c r="H7039" t="s">
        <v>81</v>
      </c>
      <c r="I7039" s="2">
        <v>1</v>
      </c>
      <c r="J7039" s="2">
        <v>0</v>
      </c>
      <c r="K7039" s="2">
        <v>0</v>
      </c>
      <c r="L7039" t="s">
        <v>120</v>
      </c>
      <c r="M7039" t="s">
        <v>87</v>
      </c>
      <c r="N7039" t="s">
        <v>88</v>
      </c>
      <c r="O7039" t="s">
        <v>85</v>
      </c>
      <c r="P7039" t="s">
        <v>86</v>
      </c>
      <c r="Q7039">
        <v>146</v>
      </c>
      <c r="R7039">
        <v>147</v>
      </c>
      <c r="S7039">
        <v>147</v>
      </c>
      <c r="T7039">
        <v>147</v>
      </c>
      <c r="U7039">
        <v>148</v>
      </c>
      <c r="V7039">
        <v>148</v>
      </c>
      <c r="W7039">
        <v>148</v>
      </c>
      <c r="X7039">
        <v>149</v>
      </c>
      <c r="Y7039">
        <v>149</v>
      </c>
      <c r="Z7039">
        <v>149</v>
      </c>
      <c r="AA7039">
        <v>149</v>
      </c>
      <c r="AB7039">
        <v>149</v>
      </c>
      <c r="AC7039">
        <v>149</v>
      </c>
      <c r="AD7039">
        <v>149</v>
      </c>
      <c r="AE7039">
        <v>149</v>
      </c>
      <c r="AF7039">
        <v>149</v>
      </c>
      <c r="AG7039">
        <v>149</v>
      </c>
      <c r="AH7039">
        <v>149</v>
      </c>
      <c r="AI7039">
        <v>148</v>
      </c>
      <c r="AJ7039">
        <v>148</v>
      </c>
      <c r="AK7039">
        <v>148</v>
      </c>
      <c r="AL7039">
        <v>147</v>
      </c>
      <c r="AM7039">
        <v>147</v>
      </c>
      <c r="AN7039">
        <v>147</v>
      </c>
      <c r="AO7039">
        <v>146</v>
      </c>
      <c r="AP7039">
        <v>146</v>
      </c>
      <c r="AQ7039">
        <v>146</v>
      </c>
    </row>
    <row r="7040" spans="1:43">
      <c r="A7040" t="s">
        <v>4408</v>
      </c>
      <c r="B7040" t="s">
        <v>4409</v>
      </c>
      <c r="C7040" t="s">
        <v>4396</v>
      </c>
      <c r="D7040" t="s">
        <v>4397</v>
      </c>
      <c r="E7040" t="s">
        <v>4236</v>
      </c>
      <c r="F7040" t="s">
        <v>4237</v>
      </c>
      <c r="G7040" t="s">
        <v>80</v>
      </c>
      <c r="H7040" t="s">
        <v>81</v>
      </c>
      <c r="I7040" s="2">
        <v>1</v>
      </c>
      <c r="J7040" s="2">
        <v>0</v>
      </c>
      <c r="K7040" s="2">
        <v>0</v>
      </c>
      <c r="L7040" t="s">
        <v>120</v>
      </c>
      <c r="M7040" t="s">
        <v>89</v>
      </c>
      <c r="N7040" t="s">
        <v>90</v>
      </c>
      <c r="O7040" t="s">
        <v>85</v>
      </c>
      <c r="P7040" t="s">
        <v>86</v>
      </c>
      <c r="Q7040">
        <v>146</v>
      </c>
      <c r="R7040">
        <v>149</v>
      </c>
      <c r="S7040">
        <v>152</v>
      </c>
      <c r="T7040">
        <v>155</v>
      </c>
      <c r="U7040">
        <v>158</v>
      </c>
      <c r="V7040">
        <v>160</v>
      </c>
      <c r="W7040">
        <v>162</v>
      </c>
      <c r="X7040">
        <v>165</v>
      </c>
      <c r="Y7040">
        <v>167</v>
      </c>
      <c r="Z7040">
        <v>169</v>
      </c>
      <c r="AA7040">
        <v>171</v>
      </c>
      <c r="AB7040">
        <v>172</v>
      </c>
      <c r="AC7040">
        <v>174</v>
      </c>
      <c r="AD7040">
        <v>176</v>
      </c>
      <c r="AE7040">
        <v>177</v>
      </c>
      <c r="AF7040">
        <v>176</v>
      </c>
      <c r="AG7040">
        <v>175</v>
      </c>
      <c r="AH7040">
        <v>175</v>
      </c>
      <c r="AI7040">
        <v>174</v>
      </c>
      <c r="AJ7040">
        <v>174</v>
      </c>
      <c r="AK7040">
        <v>173</v>
      </c>
      <c r="AL7040">
        <v>172</v>
      </c>
      <c r="AM7040">
        <v>171</v>
      </c>
      <c r="AN7040">
        <v>171</v>
      </c>
      <c r="AO7040">
        <v>170</v>
      </c>
      <c r="AP7040">
        <v>169</v>
      </c>
      <c r="AQ7040">
        <v>168</v>
      </c>
    </row>
    <row r="7041" spans="1:43">
      <c r="A7041" t="s">
        <v>4408</v>
      </c>
      <c r="B7041" t="s">
        <v>4409</v>
      </c>
      <c r="C7041" t="s">
        <v>4396</v>
      </c>
      <c r="D7041" t="s">
        <v>4397</v>
      </c>
      <c r="E7041" t="s">
        <v>4236</v>
      </c>
      <c r="F7041" t="s">
        <v>4237</v>
      </c>
      <c r="G7041" t="s">
        <v>80</v>
      </c>
      <c r="H7041" t="s">
        <v>81</v>
      </c>
      <c r="I7041" s="2">
        <v>1</v>
      </c>
      <c r="J7041" s="2">
        <v>0</v>
      </c>
      <c r="K7041" s="2">
        <v>0</v>
      </c>
      <c r="L7041" t="s">
        <v>120</v>
      </c>
      <c r="M7041" t="s">
        <v>83</v>
      </c>
      <c r="N7041" t="s">
        <v>91</v>
      </c>
      <c r="O7041" t="s">
        <v>85</v>
      </c>
      <c r="P7041" t="s">
        <v>86</v>
      </c>
      <c r="Q7041">
        <v>146</v>
      </c>
      <c r="R7041">
        <v>147</v>
      </c>
      <c r="S7041">
        <v>149</v>
      </c>
      <c r="T7041">
        <v>151</v>
      </c>
      <c r="U7041">
        <v>153</v>
      </c>
      <c r="V7041">
        <v>154</v>
      </c>
      <c r="W7041">
        <v>156</v>
      </c>
      <c r="X7041">
        <v>157</v>
      </c>
      <c r="Y7041">
        <v>159</v>
      </c>
      <c r="Z7041">
        <v>160</v>
      </c>
      <c r="AA7041">
        <v>161</v>
      </c>
      <c r="AB7041">
        <v>162</v>
      </c>
      <c r="AC7041">
        <v>164</v>
      </c>
      <c r="AD7041">
        <v>165</v>
      </c>
      <c r="AE7041">
        <v>166</v>
      </c>
      <c r="AF7041">
        <v>167</v>
      </c>
      <c r="AG7041">
        <v>167</v>
      </c>
      <c r="AH7041">
        <v>168</v>
      </c>
      <c r="AI7041">
        <v>169</v>
      </c>
      <c r="AJ7041">
        <v>170</v>
      </c>
      <c r="AK7041">
        <v>170</v>
      </c>
      <c r="AL7041">
        <v>170</v>
      </c>
      <c r="AM7041">
        <v>169</v>
      </c>
      <c r="AN7041">
        <v>169</v>
      </c>
      <c r="AO7041">
        <v>168</v>
      </c>
      <c r="AP7041">
        <v>167</v>
      </c>
      <c r="AQ7041">
        <v>166</v>
      </c>
    </row>
    <row r="7042" spans="1:43">
      <c r="A7042" t="s">
        <v>4410</v>
      </c>
      <c r="B7042" t="s">
        <v>4411</v>
      </c>
      <c r="C7042" t="s">
        <v>4400</v>
      </c>
      <c r="D7042" t="s">
        <v>4401</v>
      </c>
      <c r="E7042" t="s">
        <v>4236</v>
      </c>
      <c r="F7042" t="s">
        <v>4237</v>
      </c>
      <c r="G7042" t="s">
        <v>80</v>
      </c>
      <c r="H7042" t="s">
        <v>81</v>
      </c>
      <c r="I7042" s="2">
        <v>1</v>
      </c>
      <c r="J7042" s="2">
        <v>0</v>
      </c>
      <c r="K7042" s="2">
        <v>0</v>
      </c>
      <c r="L7042" t="s">
        <v>120</v>
      </c>
      <c r="M7042" t="s">
        <v>83</v>
      </c>
      <c r="N7042" t="s">
        <v>84</v>
      </c>
      <c r="O7042" t="s">
        <v>85</v>
      </c>
      <c r="P7042" t="s">
        <v>86</v>
      </c>
      <c r="Q7042">
        <v>18</v>
      </c>
      <c r="R7042">
        <v>18</v>
      </c>
      <c r="S7042">
        <v>18</v>
      </c>
      <c r="T7042">
        <v>18</v>
      </c>
      <c r="U7042">
        <v>19</v>
      </c>
      <c r="V7042">
        <v>19</v>
      </c>
      <c r="W7042">
        <v>19</v>
      </c>
      <c r="X7042">
        <v>19</v>
      </c>
      <c r="Y7042">
        <v>19</v>
      </c>
      <c r="Z7042">
        <v>19</v>
      </c>
      <c r="AA7042">
        <v>20</v>
      </c>
      <c r="AB7042">
        <v>20</v>
      </c>
      <c r="AC7042">
        <v>20</v>
      </c>
      <c r="AD7042">
        <v>20</v>
      </c>
      <c r="AE7042">
        <v>20</v>
      </c>
      <c r="AF7042">
        <v>20</v>
      </c>
      <c r="AG7042">
        <v>20</v>
      </c>
      <c r="AH7042">
        <v>21</v>
      </c>
      <c r="AI7042">
        <v>21</v>
      </c>
      <c r="AJ7042">
        <v>21</v>
      </c>
      <c r="AK7042">
        <v>21</v>
      </c>
      <c r="AL7042">
        <v>21</v>
      </c>
      <c r="AM7042">
        <v>21</v>
      </c>
      <c r="AN7042">
        <v>21</v>
      </c>
      <c r="AO7042">
        <v>21</v>
      </c>
      <c r="AP7042">
        <v>21</v>
      </c>
      <c r="AQ7042">
        <v>20</v>
      </c>
    </row>
    <row r="7043" spans="1:43">
      <c r="A7043" t="s">
        <v>4410</v>
      </c>
      <c r="B7043" t="s">
        <v>4411</v>
      </c>
      <c r="C7043" t="s">
        <v>4400</v>
      </c>
      <c r="D7043" t="s">
        <v>4401</v>
      </c>
      <c r="E7043" t="s">
        <v>4236</v>
      </c>
      <c r="F7043" t="s">
        <v>4237</v>
      </c>
      <c r="G7043" t="s">
        <v>80</v>
      </c>
      <c r="H7043" t="s">
        <v>81</v>
      </c>
      <c r="I7043" s="2">
        <v>1</v>
      </c>
      <c r="J7043" s="2">
        <v>0</v>
      </c>
      <c r="K7043" s="2">
        <v>0</v>
      </c>
      <c r="L7043" t="s">
        <v>120</v>
      </c>
      <c r="M7043" t="s">
        <v>87</v>
      </c>
      <c r="N7043" t="s">
        <v>88</v>
      </c>
      <c r="O7043" t="s">
        <v>85</v>
      </c>
      <c r="P7043" t="s">
        <v>86</v>
      </c>
      <c r="Q7043">
        <v>18</v>
      </c>
      <c r="R7043">
        <v>19</v>
      </c>
      <c r="S7043">
        <v>19</v>
      </c>
      <c r="T7043">
        <v>19</v>
      </c>
      <c r="U7043">
        <v>19</v>
      </c>
      <c r="V7043">
        <v>19</v>
      </c>
      <c r="W7043">
        <v>19</v>
      </c>
      <c r="X7043">
        <v>19</v>
      </c>
      <c r="Y7043">
        <v>19</v>
      </c>
      <c r="Z7043">
        <v>19</v>
      </c>
      <c r="AA7043">
        <v>19</v>
      </c>
      <c r="AB7043">
        <v>19</v>
      </c>
      <c r="AC7043">
        <v>19</v>
      </c>
      <c r="AD7043">
        <v>19</v>
      </c>
      <c r="AE7043">
        <v>19</v>
      </c>
      <c r="AF7043">
        <v>19</v>
      </c>
      <c r="AG7043">
        <v>19</v>
      </c>
      <c r="AH7043">
        <v>19</v>
      </c>
      <c r="AI7043">
        <v>19</v>
      </c>
      <c r="AJ7043">
        <v>19</v>
      </c>
      <c r="AK7043">
        <v>19</v>
      </c>
      <c r="AL7043">
        <v>19</v>
      </c>
      <c r="AM7043">
        <v>19</v>
      </c>
      <c r="AN7043">
        <v>19</v>
      </c>
      <c r="AO7043">
        <v>19</v>
      </c>
      <c r="AP7043">
        <v>19</v>
      </c>
      <c r="AQ7043">
        <v>19</v>
      </c>
    </row>
    <row r="7044" spans="1:43">
      <c r="A7044" t="s">
        <v>4410</v>
      </c>
      <c r="B7044" t="s">
        <v>4411</v>
      </c>
      <c r="C7044" t="s">
        <v>4400</v>
      </c>
      <c r="D7044" t="s">
        <v>4401</v>
      </c>
      <c r="E7044" t="s">
        <v>4236</v>
      </c>
      <c r="F7044" t="s">
        <v>4237</v>
      </c>
      <c r="G7044" t="s">
        <v>80</v>
      </c>
      <c r="H7044" t="s">
        <v>81</v>
      </c>
      <c r="I7044" s="2">
        <v>1</v>
      </c>
      <c r="J7044" s="2">
        <v>0</v>
      </c>
      <c r="K7044" s="2">
        <v>0</v>
      </c>
      <c r="L7044" t="s">
        <v>120</v>
      </c>
      <c r="M7044" t="s">
        <v>89</v>
      </c>
      <c r="N7044" t="s">
        <v>90</v>
      </c>
      <c r="O7044" t="s">
        <v>85</v>
      </c>
      <c r="P7044" t="s">
        <v>86</v>
      </c>
      <c r="Q7044">
        <v>18</v>
      </c>
      <c r="R7044">
        <v>18</v>
      </c>
      <c r="S7044">
        <v>19</v>
      </c>
      <c r="T7044">
        <v>19</v>
      </c>
      <c r="U7044">
        <v>19</v>
      </c>
      <c r="V7044">
        <v>20</v>
      </c>
      <c r="W7044">
        <v>20</v>
      </c>
      <c r="X7044">
        <v>20</v>
      </c>
      <c r="Y7044">
        <v>20</v>
      </c>
      <c r="Z7044">
        <v>21</v>
      </c>
      <c r="AA7044">
        <v>21</v>
      </c>
      <c r="AB7044">
        <v>21</v>
      </c>
      <c r="AC7044">
        <v>21</v>
      </c>
      <c r="AD7044">
        <v>22</v>
      </c>
      <c r="AE7044">
        <v>22</v>
      </c>
      <c r="AF7044">
        <v>22</v>
      </c>
      <c r="AG7044">
        <v>22</v>
      </c>
      <c r="AH7044">
        <v>22</v>
      </c>
      <c r="AI7044">
        <v>21</v>
      </c>
      <c r="AJ7044">
        <v>21</v>
      </c>
      <c r="AK7044">
        <v>21</v>
      </c>
      <c r="AL7044">
        <v>21</v>
      </c>
      <c r="AM7044">
        <v>21</v>
      </c>
      <c r="AN7044">
        <v>21</v>
      </c>
      <c r="AO7044">
        <v>21</v>
      </c>
      <c r="AP7044">
        <v>21</v>
      </c>
      <c r="AQ7044">
        <v>21</v>
      </c>
    </row>
    <row r="7045" spans="1:43">
      <c r="A7045" t="s">
        <v>4410</v>
      </c>
      <c r="B7045" t="s">
        <v>4411</v>
      </c>
      <c r="C7045" t="s">
        <v>4400</v>
      </c>
      <c r="D7045" t="s">
        <v>4401</v>
      </c>
      <c r="E7045" t="s">
        <v>4236</v>
      </c>
      <c r="F7045" t="s">
        <v>4237</v>
      </c>
      <c r="G7045" t="s">
        <v>80</v>
      </c>
      <c r="H7045" t="s">
        <v>81</v>
      </c>
      <c r="I7045" s="2">
        <v>1</v>
      </c>
      <c r="J7045" s="2">
        <v>0</v>
      </c>
      <c r="K7045" s="2">
        <v>0</v>
      </c>
      <c r="L7045" t="s">
        <v>120</v>
      </c>
      <c r="M7045" t="s">
        <v>83</v>
      </c>
      <c r="N7045" t="s">
        <v>91</v>
      </c>
      <c r="O7045" t="s">
        <v>85</v>
      </c>
      <c r="P7045" t="s">
        <v>86</v>
      </c>
      <c r="Q7045">
        <v>18</v>
      </c>
      <c r="R7045">
        <v>18</v>
      </c>
      <c r="S7045">
        <v>18</v>
      </c>
      <c r="T7045">
        <v>18</v>
      </c>
      <c r="U7045">
        <v>19</v>
      </c>
      <c r="V7045">
        <v>19</v>
      </c>
      <c r="W7045">
        <v>19</v>
      </c>
      <c r="X7045">
        <v>19</v>
      </c>
      <c r="Y7045">
        <v>19</v>
      </c>
      <c r="Z7045">
        <v>19</v>
      </c>
      <c r="AA7045">
        <v>20</v>
      </c>
      <c r="AB7045">
        <v>20</v>
      </c>
      <c r="AC7045">
        <v>20</v>
      </c>
      <c r="AD7045">
        <v>20</v>
      </c>
      <c r="AE7045">
        <v>20</v>
      </c>
      <c r="AF7045">
        <v>20</v>
      </c>
      <c r="AG7045">
        <v>20</v>
      </c>
      <c r="AH7045">
        <v>21</v>
      </c>
      <c r="AI7045">
        <v>21</v>
      </c>
      <c r="AJ7045">
        <v>21</v>
      </c>
      <c r="AK7045">
        <v>21</v>
      </c>
      <c r="AL7045">
        <v>21</v>
      </c>
      <c r="AM7045">
        <v>21</v>
      </c>
      <c r="AN7045">
        <v>21</v>
      </c>
      <c r="AO7045">
        <v>21</v>
      </c>
      <c r="AP7045">
        <v>21</v>
      </c>
      <c r="AQ7045">
        <v>20</v>
      </c>
    </row>
    <row r="7046" spans="1:43">
      <c r="A7046" t="s">
        <v>4412</v>
      </c>
      <c r="B7046" t="s">
        <v>4413</v>
      </c>
      <c r="C7046" t="s">
        <v>4400</v>
      </c>
      <c r="D7046" t="s">
        <v>4401</v>
      </c>
      <c r="E7046" t="s">
        <v>4236</v>
      </c>
      <c r="F7046" t="s">
        <v>4237</v>
      </c>
      <c r="G7046" t="s">
        <v>80</v>
      </c>
      <c r="H7046" t="s">
        <v>81</v>
      </c>
      <c r="I7046" s="2">
        <v>1</v>
      </c>
      <c r="J7046" s="2">
        <v>0</v>
      </c>
      <c r="K7046" s="2">
        <v>0</v>
      </c>
      <c r="L7046" t="s">
        <v>120</v>
      </c>
      <c r="M7046" t="s">
        <v>83</v>
      </c>
      <c r="N7046" t="s">
        <v>84</v>
      </c>
      <c r="O7046" t="s">
        <v>85</v>
      </c>
      <c r="P7046" t="s">
        <v>86</v>
      </c>
      <c r="Q7046">
        <v>22</v>
      </c>
      <c r="R7046">
        <v>22</v>
      </c>
      <c r="S7046">
        <v>22</v>
      </c>
      <c r="T7046">
        <v>23</v>
      </c>
      <c r="U7046">
        <v>23</v>
      </c>
      <c r="V7046">
        <v>23</v>
      </c>
      <c r="W7046">
        <v>24</v>
      </c>
      <c r="X7046">
        <v>24</v>
      </c>
      <c r="Y7046">
        <v>24</v>
      </c>
      <c r="Z7046">
        <v>24</v>
      </c>
      <c r="AA7046">
        <v>24</v>
      </c>
      <c r="AB7046">
        <v>25</v>
      </c>
      <c r="AC7046">
        <v>25</v>
      </c>
      <c r="AD7046">
        <v>25</v>
      </c>
      <c r="AE7046">
        <v>25</v>
      </c>
      <c r="AF7046">
        <v>25</v>
      </c>
      <c r="AG7046">
        <v>25</v>
      </c>
      <c r="AH7046">
        <v>26</v>
      </c>
      <c r="AI7046">
        <v>26</v>
      </c>
      <c r="AJ7046">
        <v>26</v>
      </c>
      <c r="AK7046">
        <v>26</v>
      </c>
      <c r="AL7046">
        <v>26</v>
      </c>
      <c r="AM7046">
        <v>26</v>
      </c>
      <c r="AN7046">
        <v>26</v>
      </c>
      <c r="AO7046">
        <v>26</v>
      </c>
      <c r="AP7046">
        <v>26</v>
      </c>
      <c r="AQ7046">
        <v>26</v>
      </c>
    </row>
    <row r="7047" spans="1:43">
      <c r="A7047" t="s">
        <v>4412</v>
      </c>
      <c r="B7047" t="s">
        <v>4413</v>
      </c>
      <c r="C7047" t="s">
        <v>4400</v>
      </c>
      <c r="D7047" t="s">
        <v>4401</v>
      </c>
      <c r="E7047" t="s">
        <v>4236</v>
      </c>
      <c r="F7047" t="s">
        <v>4237</v>
      </c>
      <c r="G7047" t="s">
        <v>80</v>
      </c>
      <c r="H7047" t="s">
        <v>81</v>
      </c>
      <c r="I7047" s="2">
        <v>1</v>
      </c>
      <c r="J7047" s="2">
        <v>0</v>
      </c>
      <c r="K7047" s="2">
        <v>0</v>
      </c>
      <c r="L7047" t="s">
        <v>120</v>
      </c>
      <c r="M7047" t="s">
        <v>87</v>
      </c>
      <c r="N7047" t="s">
        <v>88</v>
      </c>
      <c r="O7047" t="s">
        <v>85</v>
      </c>
      <c r="P7047" t="s">
        <v>86</v>
      </c>
      <c r="Q7047">
        <v>22</v>
      </c>
      <c r="R7047">
        <v>22</v>
      </c>
      <c r="S7047">
        <v>22</v>
      </c>
      <c r="T7047">
        <v>22</v>
      </c>
      <c r="U7047">
        <v>22</v>
      </c>
      <c r="V7047">
        <v>22</v>
      </c>
      <c r="W7047">
        <v>22</v>
      </c>
      <c r="X7047">
        <v>22</v>
      </c>
      <c r="Y7047">
        <v>22</v>
      </c>
      <c r="Z7047">
        <v>22</v>
      </c>
      <c r="AA7047">
        <v>22</v>
      </c>
      <c r="AB7047">
        <v>22</v>
      </c>
      <c r="AC7047">
        <v>22</v>
      </c>
      <c r="AD7047">
        <v>22</v>
      </c>
      <c r="AE7047">
        <v>22</v>
      </c>
      <c r="AF7047">
        <v>22</v>
      </c>
      <c r="AG7047">
        <v>22</v>
      </c>
      <c r="AH7047">
        <v>22</v>
      </c>
      <c r="AI7047">
        <v>22</v>
      </c>
      <c r="AJ7047">
        <v>22</v>
      </c>
      <c r="AK7047">
        <v>22</v>
      </c>
      <c r="AL7047">
        <v>22</v>
      </c>
      <c r="AM7047">
        <v>22</v>
      </c>
      <c r="AN7047">
        <v>22</v>
      </c>
      <c r="AO7047">
        <v>22</v>
      </c>
      <c r="AP7047">
        <v>22</v>
      </c>
      <c r="AQ7047">
        <v>22</v>
      </c>
    </row>
    <row r="7048" spans="1:43">
      <c r="A7048" t="s">
        <v>4412</v>
      </c>
      <c r="B7048" t="s">
        <v>4413</v>
      </c>
      <c r="C7048" t="s">
        <v>4400</v>
      </c>
      <c r="D7048" t="s">
        <v>4401</v>
      </c>
      <c r="E7048" t="s">
        <v>4236</v>
      </c>
      <c r="F7048" t="s">
        <v>4237</v>
      </c>
      <c r="G7048" t="s">
        <v>80</v>
      </c>
      <c r="H7048" t="s">
        <v>81</v>
      </c>
      <c r="I7048" s="2">
        <v>1</v>
      </c>
      <c r="J7048" s="2">
        <v>0</v>
      </c>
      <c r="K7048" s="2">
        <v>0</v>
      </c>
      <c r="L7048" t="s">
        <v>120</v>
      </c>
      <c r="M7048" t="s">
        <v>89</v>
      </c>
      <c r="N7048" t="s">
        <v>90</v>
      </c>
      <c r="O7048" t="s">
        <v>85</v>
      </c>
      <c r="P7048" t="s">
        <v>86</v>
      </c>
      <c r="Q7048">
        <v>22</v>
      </c>
      <c r="R7048">
        <v>23</v>
      </c>
      <c r="S7048">
        <v>23</v>
      </c>
      <c r="T7048">
        <v>23</v>
      </c>
      <c r="U7048">
        <v>24</v>
      </c>
      <c r="V7048">
        <v>24</v>
      </c>
      <c r="W7048">
        <v>25</v>
      </c>
      <c r="X7048">
        <v>25</v>
      </c>
      <c r="Y7048">
        <v>25</v>
      </c>
      <c r="Z7048">
        <v>26</v>
      </c>
      <c r="AA7048">
        <v>26</v>
      </c>
      <c r="AB7048">
        <v>26</v>
      </c>
      <c r="AC7048">
        <v>27</v>
      </c>
      <c r="AD7048">
        <v>27</v>
      </c>
      <c r="AE7048">
        <v>27</v>
      </c>
      <c r="AF7048">
        <v>27</v>
      </c>
      <c r="AG7048">
        <v>27</v>
      </c>
      <c r="AH7048">
        <v>27</v>
      </c>
      <c r="AI7048">
        <v>27</v>
      </c>
      <c r="AJ7048">
        <v>27</v>
      </c>
      <c r="AK7048">
        <v>27</v>
      </c>
      <c r="AL7048">
        <v>27</v>
      </c>
      <c r="AM7048">
        <v>26</v>
      </c>
      <c r="AN7048">
        <v>26</v>
      </c>
      <c r="AO7048">
        <v>26</v>
      </c>
      <c r="AP7048">
        <v>26</v>
      </c>
      <c r="AQ7048">
        <v>26</v>
      </c>
    </row>
    <row r="7049" spans="1:43">
      <c r="A7049" t="s">
        <v>4412</v>
      </c>
      <c r="B7049" t="s">
        <v>4413</v>
      </c>
      <c r="C7049" t="s">
        <v>4400</v>
      </c>
      <c r="D7049" t="s">
        <v>4401</v>
      </c>
      <c r="E7049" t="s">
        <v>4236</v>
      </c>
      <c r="F7049" t="s">
        <v>4237</v>
      </c>
      <c r="G7049" t="s">
        <v>80</v>
      </c>
      <c r="H7049" t="s">
        <v>81</v>
      </c>
      <c r="I7049" s="2">
        <v>1</v>
      </c>
      <c r="J7049" s="2">
        <v>0</v>
      </c>
      <c r="K7049" s="2">
        <v>0</v>
      </c>
      <c r="L7049" t="s">
        <v>120</v>
      </c>
      <c r="M7049" t="s">
        <v>83</v>
      </c>
      <c r="N7049" t="s">
        <v>91</v>
      </c>
      <c r="O7049" t="s">
        <v>85</v>
      </c>
      <c r="P7049" t="s">
        <v>86</v>
      </c>
      <c r="Q7049">
        <v>22</v>
      </c>
      <c r="R7049">
        <v>22</v>
      </c>
      <c r="S7049">
        <v>22</v>
      </c>
      <c r="T7049">
        <v>23</v>
      </c>
      <c r="U7049">
        <v>23</v>
      </c>
      <c r="V7049">
        <v>23</v>
      </c>
      <c r="W7049">
        <v>24</v>
      </c>
      <c r="X7049">
        <v>24</v>
      </c>
      <c r="Y7049">
        <v>24</v>
      </c>
      <c r="Z7049">
        <v>24</v>
      </c>
      <c r="AA7049">
        <v>24</v>
      </c>
      <c r="AB7049">
        <v>25</v>
      </c>
      <c r="AC7049">
        <v>25</v>
      </c>
      <c r="AD7049">
        <v>25</v>
      </c>
      <c r="AE7049">
        <v>25</v>
      </c>
      <c r="AF7049">
        <v>25</v>
      </c>
      <c r="AG7049">
        <v>25</v>
      </c>
      <c r="AH7049">
        <v>26</v>
      </c>
      <c r="AI7049">
        <v>26</v>
      </c>
      <c r="AJ7049">
        <v>26</v>
      </c>
      <c r="AK7049">
        <v>26</v>
      </c>
      <c r="AL7049">
        <v>26</v>
      </c>
      <c r="AM7049">
        <v>26</v>
      </c>
      <c r="AN7049">
        <v>26</v>
      </c>
      <c r="AO7049">
        <v>26</v>
      </c>
      <c r="AP7049">
        <v>26</v>
      </c>
      <c r="AQ7049">
        <v>26</v>
      </c>
    </row>
    <row r="7050" spans="1:43">
      <c r="A7050" t="s">
        <v>4414</v>
      </c>
      <c r="B7050" t="s">
        <v>4415</v>
      </c>
      <c r="C7050" t="s">
        <v>4416</v>
      </c>
      <c r="D7050" t="s">
        <v>4417</v>
      </c>
      <c r="E7050" t="s">
        <v>4236</v>
      </c>
      <c r="F7050" t="s">
        <v>4237</v>
      </c>
      <c r="G7050" t="s">
        <v>80</v>
      </c>
      <c r="H7050" t="s">
        <v>81</v>
      </c>
      <c r="I7050" s="2">
        <v>1</v>
      </c>
      <c r="J7050" s="2">
        <v>0</v>
      </c>
      <c r="K7050" s="2">
        <v>0</v>
      </c>
      <c r="L7050" t="s">
        <v>120</v>
      </c>
      <c r="M7050" t="s">
        <v>83</v>
      </c>
      <c r="N7050" t="s">
        <v>84</v>
      </c>
      <c r="O7050" t="s">
        <v>85</v>
      </c>
      <c r="P7050" t="s">
        <v>86</v>
      </c>
      <c r="Q7050">
        <v>82</v>
      </c>
      <c r="R7050">
        <v>83</v>
      </c>
      <c r="S7050">
        <v>84</v>
      </c>
      <c r="T7050">
        <v>85</v>
      </c>
      <c r="U7050">
        <v>86</v>
      </c>
      <c r="V7050">
        <v>87</v>
      </c>
      <c r="W7050">
        <v>88</v>
      </c>
      <c r="X7050">
        <v>89</v>
      </c>
      <c r="Y7050">
        <v>89</v>
      </c>
      <c r="Z7050">
        <v>90</v>
      </c>
      <c r="AA7050">
        <v>91</v>
      </c>
      <c r="AB7050">
        <v>91</v>
      </c>
      <c r="AC7050">
        <v>92</v>
      </c>
      <c r="AD7050">
        <v>92</v>
      </c>
      <c r="AE7050">
        <v>93</v>
      </c>
      <c r="AF7050">
        <v>93</v>
      </c>
      <c r="AG7050">
        <v>94</v>
      </c>
      <c r="AH7050">
        <v>94</v>
      </c>
      <c r="AI7050">
        <v>95</v>
      </c>
      <c r="AJ7050">
        <v>95</v>
      </c>
      <c r="AK7050">
        <v>95</v>
      </c>
      <c r="AL7050">
        <v>95</v>
      </c>
      <c r="AM7050">
        <v>94</v>
      </c>
      <c r="AN7050">
        <v>94</v>
      </c>
      <c r="AO7050">
        <v>93</v>
      </c>
      <c r="AP7050">
        <v>93</v>
      </c>
      <c r="AQ7050">
        <v>92</v>
      </c>
    </row>
    <row r="7051" spans="1:43">
      <c r="A7051" t="s">
        <v>4414</v>
      </c>
      <c r="B7051" t="s">
        <v>4415</v>
      </c>
      <c r="C7051" t="s">
        <v>4416</v>
      </c>
      <c r="D7051" t="s">
        <v>4417</v>
      </c>
      <c r="E7051" t="s">
        <v>4236</v>
      </c>
      <c r="F7051" t="s">
        <v>4237</v>
      </c>
      <c r="G7051" t="s">
        <v>80</v>
      </c>
      <c r="H7051" t="s">
        <v>81</v>
      </c>
      <c r="I7051" s="2">
        <v>1</v>
      </c>
      <c r="J7051" s="2">
        <v>0</v>
      </c>
      <c r="K7051" s="2">
        <v>0</v>
      </c>
      <c r="L7051" t="s">
        <v>120</v>
      </c>
      <c r="M7051" t="s">
        <v>87</v>
      </c>
      <c r="N7051" t="s">
        <v>88</v>
      </c>
      <c r="O7051" t="s">
        <v>85</v>
      </c>
      <c r="P7051" t="s">
        <v>86</v>
      </c>
      <c r="Q7051">
        <v>82</v>
      </c>
      <c r="R7051">
        <v>82</v>
      </c>
      <c r="S7051">
        <v>82</v>
      </c>
      <c r="T7051">
        <v>82</v>
      </c>
      <c r="U7051">
        <v>82</v>
      </c>
      <c r="V7051">
        <v>83</v>
      </c>
      <c r="W7051">
        <v>83</v>
      </c>
      <c r="X7051">
        <v>83</v>
      </c>
      <c r="Y7051">
        <v>83</v>
      </c>
      <c r="Z7051">
        <v>83</v>
      </c>
      <c r="AA7051">
        <v>83</v>
      </c>
      <c r="AB7051">
        <v>83</v>
      </c>
      <c r="AC7051">
        <v>83</v>
      </c>
      <c r="AD7051">
        <v>83</v>
      </c>
      <c r="AE7051">
        <v>83</v>
      </c>
      <c r="AF7051">
        <v>82</v>
      </c>
      <c r="AG7051">
        <v>82</v>
      </c>
      <c r="AH7051">
        <v>82</v>
      </c>
      <c r="AI7051">
        <v>82</v>
      </c>
      <c r="AJ7051">
        <v>82</v>
      </c>
      <c r="AK7051">
        <v>82</v>
      </c>
      <c r="AL7051">
        <v>81</v>
      </c>
      <c r="AM7051">
        <v>81</v>
      </c>
      <c r="AN7051">
        <v>81</v>
      </c>
      <c r="AO7051">
        <v>80</v>
      </c>
      <c r="AP7051">
        <v>80</v>
      </c>
      <c r="AQ7051">
        <v>80</v>
      </c>
    </row>
    <row r="7052" spans="1:43">
      <c r="A7052" t="s">
        <v>4414</v>
      </c>
      <c r="B7052" t="s">
        <v>4415</v>
      </c>
      <c r="C7052" t="s">
        <v>4416</v>
      </c>
      <c r="D7052" t="s">
        <v>4417</v>
      </c>
      <c r="E7052" t="s">
        <v>4236</v>
      </c>
      <c r="F7052" t="s">
        <v>4237</v>
      </c>
      <c r="G7052" t="s">
        <v>80</v>
      </c>
      <c r="H7052" t="s">
        <v>81</v>
      </c>
      <c r="I7052" s="2">
        <v>1</v>
      </c>
      <c r="J7052" s="2">
        <v>0</v>
      </c>
      <c r="K7052" s="2">
        <v>0</v>
      </c>
      <c r="L7052" t="s">
        <v>120</v>
      </c>
      <c r="M7052" t="s">
        <v>89</v>
      </c>
      <c r="N7052" t="s">
        <v>90</v>
      </c>
      <c r="O7052" t="s">
        <v>85</v>
      </c>
      <c r="P7052" t="s">
        <v>86</v>
      </c>
      <c r="Q7052">
        <v>82</v>
      </c>
      <c r="R7052">
        <v>84</v>
      </c>
      <c r="S7052">
        <v>86</v>
      </c>
      <c r="T7052">
        <v>87</v>
      </c>
      <c r="U7052">
        <v>89</v>
      </c>
      <c r="V7052">
        <v>90</v>
      </c>
      <c r="W7052">
        <v>91</v>
      </c>
      <c r="X7052">
        <v>92</v>
      </c>
      <c r="Y7052">
        <v>94</v>
      </c>
      <c r="Z7052">
        <v>95</v>
      </c>
      <c r="AA7052">
        <v>96</v>
      </c>
      <c r="AB7052">
        <v>97</v>
      </c>
      <c r="AC7052">
        <v>97</v>
      </c>
      <c r="AD7052">
        <v>98</v>
      </c>
      <c r="AE7052">
        <v>99</v>
      </c>
      <c r="AF7052">
        <v>98</v>
      </c>
      <c r="AG7052">
        <v>98</v>
      </c>
      <c r="AH7052">
        <v>97</v>
      </c>
      <c r="AI7052">
        <v>97</v>
      </c>
      <c r="AJ7052">
        <v>96</v>
      </c>
      <c r="AK7052">
        <v>96</v>
      </c>
      <c r="AL7052">
        <v>95</v>
      </c>
      <c r="AM7052">
        <v>95</v>
      </c>
      <c r="AN7052">
        <v>94</v>
      </c>
      <c r="AO7052">
        <v>94</v>
      </c>
      <c r="AP7052">
        <v>93</v>
      </c>
      <c r="AQ7052">
        <v>93</v>
      </c>
    </row>
    <row r="7053" spans="1:43">
      <c r="A7053" t="s">
        <v>4414</v>
      </c>
      <c r="B7053" t="s">
        <v>4415</v>
      </c>
      <c r="C7053" t="s">
        <v>4416</v>
      </c>
      <c r="D7053" t="s">
        <v>4417</v>
      </c>
      <c r="E7053" t="s">
        <v>4236</v>
      </c>
      <c r="F7053" t="s">
        <v>4237</v>
      </c>
      <c r="G7053" t="s">
        <v>80</v>
      </c>
      <c r="H7053" t="s">
        <v>81</v>
      </c>
      <c r="I7053" s="2">
        <v>1</v>
      </c>
      <c r="J7053" s="2">
        <v>0</v>
      </c>
      <c r="K7053" s="2">
        <v>0</v>
      </c>
      <c r="L7053" t="s">
        <v>120</v>
      </c>
      <c r="M7053" t="s">
        <v>83</v>
      </c>
      <c r="N7053" t="s">
        <v>91</v>
      </c>
      <c r="O7053" t="s">
        <v>85</v>
      </c>
      <c r="P7053" t="s">
        <v>86</v>
      </c>
      <c r="Q7053">
        <v>82</v>
      </c>
      <c r="R7053">
        <v>83</v>
      </c>
      <c r="S7053">
        <v>84</v>
      </c>
      <c r="T7053">
        <v>85</v>
      </c>
      <c r="U7053">
        <v>86</v>
      </c>
      <c r="V7053">
        <v>87</v>
      </c>
      <c r="W7053">
        <v>88</v>
      </c>
      <c r="X7053">
        <v>89</v>
      </c>
      <c r="Y7053">
        <v>89</v>
      </c>
      <c r="Z7053">
        <v>90</v>
      </c>
      <c r="AA7053">
        <v>91</v>
      </c>
      <c r="AB7053">
        <v>91</v>
      </c>
      <c r="AC7053">
        <v>92</v>
      </c>
      <c r="AD7053">
        <v>92</v>
      </c>
      <c r="AE7053">
        <v>93</v>
      </c>
      <c r="AF7053">
        <v>93</v>
      </c>
      <c r="AG7053">
        <v>94</v>
      </c>
      <c r="AH7053">
        <v>94</v>
      </c>
      <c r="AI7053">
        <v>95</v>
      </c>
      <c r="AJ7053">
        <v>95</v>
      </c>
      <c r="AK7053">
        <v>95</v>
      </c>
      <c r="AL7053">
        <v>95</v>
      </c>
      <c r="AM7053">
        <v>94</v>
      </c>
      <c r="AN7053">
        <v>94</v>
      </c>
      <c r="AO7053">
        <v>93</v>
      </c>
      <c r="AP7053">
        <v>93</v>
      </c>
      <c r="AQ7053">
        <v>92</v>
      </c>
    </row>
    <row r="7054" spans="1:43">
      <c r="A7054" t="s">
        <v>4418</v>
      </c>
      <c r="B7054" t="s">
        <v>4419</v>
      </c>
      <c r="C7054" t="s">
        <v>4420</v>
      </c>
      <c r="D7054" t="s">
        <v>4421</v>
      </c>
      <c r="E7054" t="s">
        <v>4236</v>
      </c>
      <c r="F7054" t="s">
        <v>4237</v>
      </c>
      <c r="G7054" t="s">
        <v>80</v>
      </c>
      <c r="H7054" t="s">
        <v>81</v>
      </c>
      <c r="I7054" s="2">
        <v>1</v>
      </c>
      <c r="J7054" s="2">
        <v>0</v>
      </c>
      <c r="K7054" s="2">
        <v>0</v>
      </c>
      <c r="L7054" t="s">
        <v>120</v>
      </c>
      <c r="M7054" t="s">
        <v>83</v>
      </c>
      <c r="N7054" t="s">
        <v>84</v>
      </c>
      <c r="O7054" t="s">
        <v>85</v>
      </c>
      <c r="P7054" t="s">
        <v>86</v>
      </c>
      <c r="Q7054">
        <v>28</v>
      </c>
      <c r="R7054">
        <v>28</v>
      </c>
      <c r="S7054">
        <v>28</v>
      </c>
      <c r="T7054">
        <v>28</v>
      </c>
      <c r="U7054">
        <v>29</v>
      </c>
      <c r="V7054">
        <v>29</v>
      </c>
      <c r="W7054">
        <v>29</v>
      </c>
      <c r="X7054">
        <v>30</v>
      </c>
      <c r="Y7054">
        <v>30</v>
      </c>
      <c r="Z7054">
        <v>30</v>
      </c>
      <c r="AA7054">
        <v>30</v>
      </c>
      <c r="AB7054">
        <v>31</v>
      </c>
      <c r="AC7054">
        <v>31</v>
      </c>
      <c r="AD7054">
        <v>31</v>
      </c>
      <c r="AE7054">
        <v>31</v>
      </c>
      <c r="AF7054">
        <v>31</v>
      </c>
      <c r="AG7054">
        <v>31</v>
      </c>
      <c r="AH7054">
        <v>32</v>
      </c>
      <c r="AI7054">
        <v>32</v>
      </c>
      <c r="AJ7054">
        <v>32</v>
      </c>
      <c r="AK7054">
        <v>32</v>
      </c>
      <c r="AL7054">
        <v>32</v>
      </c>
      <c r="AM7054">
        <v>32</v>
      </c>
      <c r="AN7054">
        <v>31</v>
      </c>
      <c r="AO7054">
        <v>31</v>
      </c>
      <c r="AP7054">
        <v>31</v>
      </c>
      <c r="AQ7054">
        <v>31</v>
      </c>
    </row>
    <row r="7055" spans="1:43">
      <c r="A7055" t="s">
        <v>4418</v>
      </c>
      <c r="B7055" t="s">
        <v>4419</v>
      </c>
      <c r="C7055" t="s">
        <v>4420</v>
      </c>
      <c r="D7055" t="s">
        <v>4421</v>
      </c>
      <c r="E7055" t="s">
        <v>4236</v>
      </c>
      <c r="F7055" t="s">
        <v>4237</v>
      </c>
      <c r="G7055" t="s">
        <v>80</v>
      </c>
      <c r="H7055" t="s">
        <v>81</v>
      </c>
      <c r="I7055" s="2">
        <v>1</v>
      </c>
      <c r="J7055" s="2">
        <v>0</v>
      </c>
      <c r="K7055" s="2">
        <v>0</v>
      </c>
      <c r="L7055" t="s">
        <v>120</v>
      </c>
      <c r="M7055" t="s">
        <v>87</v>
      </c>
      <c r="N7055" t="s">
        <v>88</v>
      </c>
      <c r="O7055" t="s">
        <v>85</v>
      </c>
      <c r="P7055" t="s">
        <v>86</v>
      </c>
      <c r="Q7055">
        <v>28</v>
      </c>
      <c r="R7055">
        <v>28</v>
      </c>
      <c r="S7055">
        <v>28</v>
      </c>
      <c r="T7055">
        <v>28</v>
      </c>
      <c r="U7055">
        <v>29</v>
      </c>
      <c r="V7055">
        <v>29</v>
      </c>
      <c r="W7055">
        <v>29</v>
      </c>
      <c r="X7055">
        <v>29</v>
      </c>
      <c r="Y7055">
        <v>29</v>
      </c>
      <c r="Z7055">
        <v>29</v>
      </c>
      <c r="AA7055">
        <v>29</v>
      </c>
      <c r="AB7055">
        <v>29</v>
      </c>
      <c r="AC7055">
        <v>29</v>
      </c>
      <c r="AD7055">
        <v>29</v>
      </c>
      <c r="AE7055">
        <v>29</v>
      </c>
      <c r="AF7055">
        <v>29</v>
      </c>
      <c r="AG7055">
        <v>28</v>
      </c>
      <c r="AH7055">
        <v>28</v>
      </c>
      <c r="AI7055">
        <v>28</v>
      </c>
      <c r="AJ7055">
        <v>28</v>
      </c>
      <c r="AK7055">
        <v>28</v>
      </c>
      <c r="AL7055">
        <v>28</v>
      </c>
      <c r="AM7055">
        <v>28</v>
      </c>
      <c r="AN7055">
        <v>28</v>
      </c>
      <c r="AO7055">
        <v>28</v>
      </c>
      <c r="AP7055">
        <v>28</v>
      </c>
      <c r="AQ7055">
        <v>28</v>
      </c>
    </row>
    <row r="7056" spans="1:43">
      <c r="A7056" t="s">
        <v>4418</v>
      </c>
      <c r="B7056" t="s">
        <v>4419</v>
      </c>
      <c r="C7056" t="s">
        <v>4420</v>
      </c>
      <c r="D7056" t="s">
        <v>4421</v>
      </c>
      <c r="E7056" t="s">
        <v>4236</v>
      </c>
      <c r="F7056" t="s">
        <v>4237</v>
      </c>
      <c r="G7056" t="s">
        <v>80</v>
      </c>
      <c r="H7056" t="s">
        <v>81</v>
      </c>
      <c r="I7056" s="2">
        <v>1</v>
      </c>
      <c r="J7056" s="2">
        <v>0</v>
      </c>
      <c r="K7056" s="2">
        <v>0</v>
      </c>
      <c r="L7056" t="s">
        <v>120</v>
      </c>
      <c r="M7056" t="s">
        <v>89</v>
      </c>
      <c r="N7056" t="s">
        <v>90</v>
      </c>
      <c r="O7056" t="s">
        <v>85</v>
      </c>
      <c r="P7056" t="s">
        <v>86</v>
      </c>
      <c r="Q7056">
        <v>28</v>
      </c>
      <c r="R7056">
        <v>28</v>
      </c>
      <c r="S7056">
        <v>29</v>
      </c>
      <c r="T7056">
        <v>29</v>
      </c>
      <c r="U7056">
        <v>30</v>
      </c>
      <c r="V7056">
        <v>30</v>
      </c>
      <c r="W7056">
        <v>31</v>
      </c>
      <c r="X7056">
        <v>31</v>
      </c>
      <c r="Y7056">
        <v>32</v>
      </c>
      <c r="Z7056">
        <v>32</v>
      </c>
      <c r="AA7056">
        <v>32</v>
      </c>
      <c r="AB7056">
        <v>33</v>
      </c>
      <c r="AC7056">
        <v>33</v>
      </c>
      <c r="AD7056">
        <v>33</v>
      </c>
      <c r="AE7056">
        <v>33</v>
      </c>
      <c r="AF7056">
        <v>33</v>
      </c>
      <c r="AG7056">
        <v>33</v>
      </c>
      <c r="AH7056">
        <v>33</v>
      </c>
      <c r="AI7056">
        <v>33</v>
      </c>
      <c r="AJ7056">
        <v>33</v>
      </c>
      <c r="AK7056">
        <v>32</v>
      </c>
      <c r="AL7056">
        <v>32</v>
      </c>
      <c r="AM7056">
        <v>32</v>
      </c>
      <c r="AN7056">
        <v>32</v>
      </c>
      <c r="AO7056">
        <v>32</v>
      </c>
      <c r="AP7056">
        <v>32</v>
      </c>
      <c r="AQ7056">
        <v>31</v>
      </c>
    </row>
    <row r="7057" spans="1:43">
      <c r="A7057" t="s">
        <v>4418</v>
      </c>
      <c r="B7057" t="s">
        <v>4419</v>
      </c>
      <c r="C7057" t="s">
        <v>4420</v>
      </c>
      <c r="D7057" t="s">
        <v>4421</v>
      </c>
      <c r="E7057" t="s">
        <v>4236</v>
      </c>
      <c r="F7057" t="s">
        <v>4237</v>
      </c>
      <c r="G7057" t="s">
        <v>80</v>
      </c>
      <c r="H7057" t="s">
        <v>81</v>
      </c>
      <c r="I7057" s="2">
        <v>1</v>
      </c>
      <c r="J7057" s="2">
        <v>0</v>
      </c>
      <c r="K7057" s="2">
        <v>0</v>
      </c>
      <c r="L7057" t="s">
        <v>120</v>
      </c>
      <c r="M7057" t="s">
        <v>83</v>
      </c>
      <c r="N7057" t="s">
        <v>91</v>
      </c>
      <c r="O7057" t="s">
        <v>85</v>
      </c>
      <c r="P7057" t="s">
        <v>86</v>
      </c>
      <c r="Q7057">
        <v>28</v>
      </c>
      <c r="R7057">
        <v>28</v>
      </c>
      <c r="S7057">
        <v>28</v>
      </c>
      <c r="T7057">
        <v>28</v>
      </c>
      <c r="U7057">
        <v>29</v>
      </c>
      <c r="V7057">
        <v>29</v>
      </c>
      <c r="W7057">
        <v>29</v>
      </c>
      <c r="X7057">
        <v>30</v>
      </c>
      <c r="Y7057">
        <v>30</v>
      </c>
      <c r="Z7057">
        <v>30</v>
      </c>
      <c r="AA7057">
        <v>30</v>
      </c>
      <c r="AB7057">
        <v>31</v>
      </c>
      <c r="AC7057">
        <v>31</v>
      </c>
      <c r="AD7057">
        <v>31</v>
      </c>
      <c r="AE7057">
        <v>31</v>
      </c>
      <c r="AF7057">
        <v>31</v>
      </c>
      <c r="AG7057">
        <v>31</v>
      </c>
      <c r="AH7057">
        <v>32</v>
      </c>
      <c r="AI7057">
        <v>32</v>
      </c>
      <c r="AJ7057">
        <v>32</v>
      </c>
      <c r="AK7057">
        <v>32</v>
      </c>
      <c r="AL7057">
        <v>32</v>
      </c>
      <c r="AM7057">
        <v>32</v>
      </c>
      <c r="AN7057">
        <v>31</v>
      </c>
      <c r="AO7057">
        <v>31</v>
      </c>
      <c r="AP7057">
        <v>31</v>
      </c>
      <c r="AQ7057">
        <v>31</v>
      </c>
    </row>
    <row r="7058" spans="1:43">
      <c r="A7058" t="s">
        <v>4422</v>
      </c>
      <c r="B7058" t="s">
        <v>4423</v>
      </c>
      <c r="C7058" t="s">
        <v>4420</v>
      </c>
      <c r="D7058" t="s">
        <v>4421</v>
      </c>
      <c r="E7058" t="s">
        <v>4236</v>
      </c>
      <c r="F7058" t="s">
        <v>4237</v>
      </c>
      <c r="G7058" t="s">
        <v>80</v>
      </c>
      <c r="H7058" t="s">
        <v>81</v>
      </c>
      <c r="I7058" s="2">
        <v>1</v>
      </c>
      <c r="J7058" s="2">
        <v>0</v>
      </c>
      <c r="K7058" s="2">
        <v>0</v>
      </c>
      <c r="L7058" t="s">
        <v>120</v>
      </c>
      <c r="M7058" t="s">
        <v>83</v>
      </c>
      <c r="N7058" t="s">
        <v>84</v>
      </c>
      <c r="O7058" t="s">
        <v>85</v>
      </c>
      <c r="P7058" t="s">
        <v>86</v>
      </c>
      <c r="Q7058">
        <v>100</v>
      </c>
      <c r="R7058">
        <v>102</v>
      </c>
      <c r="S7058">
        <v>103</v>
      </c>
      <c r="T7058">
        <v>104</v>
      </c>
      <c r="U7058">
        <v>105</v>
      </c>
      <c r="V7058">
        <v>106</v>
      </c>
      <c r="W7058">
        <v>107</v>
      </c>
      <c r="X7058">
        <v>108</v>
      </c>
      <c r="Y7058">
        <v>109</v>
      </c>
      <c r="Z7058">
        <v>110</v>
      </c>
      <c r="AA7058">
        <v>111</v>
      </c>
      <c r="AB7058">
        <v>111</v>
      </c>
      <c r="AC7058">
        <v>112</v>
      </c>
      <c r="AD7058">
        <v>113</v>
      </c>
      <c r="AE7058">
        <v>113</v>
      </c>
      <c r="AF7058">
        <v>114</v>
      </c>
      <c r="AG7058">
        <v>115</v>
      </c>
      <c r="AH7058">
        <v>115</v>
      </c>
      <c r="AI7058">
        <v>116</v>
      </c>
      <c r="AJ7058">
        <v>116</v>
      </c>
      <c r="AK7058">
        <v>116</v>
      </c>
      <c r="AL7058">
        <v>116</v>
      </c>
      <c r="AM7058">
        <v>115</v>
      </c>
      <c r="AN7058">
        <v>115</v>
      </c>
      <c r="AO7058">
        <v>114</v>
      </c>
      <c r="AP7058">
        <v>114</v>
      </c>
      <c r="AQ7058">
        <v>113</v>
      </c>
    </row>
    <row r="7059" spans="1:43">
      <c r="A7059" t="s">
        <v>4422</v>
      </c>
      <c r="B7059" t="s">
        <v>4423</v>
      </c>
      <c r="C7059" t="s">
        <v>4420</v>
      </c>
      <c r="D7059" t="s">
        <v>4421</v>
      </c>
      <c r="E7059" t="s">
        <v>4236</v>
      </c>
      <c r="F7059" t="s">
        <v>4237</v>
      </c>
      <c r="G7059" t="s">
        <v>80</v>
      </c>
      <c r="H7059" t="s">
        <v>81</v>
      </c>
      <c r="I7059" s="2">
        <v>1</v>
      </c>
      <c r="J7059" s="2">
        <v>0</v>
      </c>
      <c r="K7059" s="2">
        <v>0</v>
      </c>
      <c r="L7059" t="s">
        <v>120</v>
      </c>
      <c r="M7059" t="s">
        <v>87</v>
      </c>
      <c r="N7059" t="s">
        <v>88</v>
      </c>
      <c r="O7059" t="s">
        <v>85</v>
      </c>
      <c r="P7059" t="s">
        <v>86</v>
      </c>
      <c r="Q7059">
        <v>100</v>
      </c>
      <c r="R7059">
        <v>100</v>
      </c>
      <c r="S7059">
        <v>100</v>
      </c>
      <c r="T7059">
        <v>100</v>
      </c>
      <c r="U7059">
        <v>100</v>
      </c>
      <c r="V7059">
        <v>101</v>
      </c>
      <c r="W7059">
        <v>101</v>
      </c>
      <c r="X7059">
        <v>101</v>
      </c>
      <c r="Y7059">
        <v>101</v>
      </c>
      <c r="Z7059">
        <v>101</v>
      </c>
      <c r="AA7059">
        <v>101</v>
      </c>
      <c r="AB7059">
        <v>101</v>
      </c>
      <c r="AC7059">
        <v>101</v>
      </c>
      <c r="AD7059">
        <v>101</v>
      </c>
      <c r="AE7059">
        <v>101</v>
      </c>
      <c r="AF7059">
        <v>100</v>
      </c>
      <c r="AG7059">
        <v>100</v>
      </c>
      <c r="AH7059">
        <v>100</v>
      </c>
      <c r="AI7059">
        <v>100</v>
      </c>
      <c r="AJ7059">
        <v>100</v>
      </c>
      <c r="AK7059">
        <v>99</v>
      </c>
      <c r="AL7059">
        <v>99</v>
      </c>
      <c r="AM7059">
        <v>99</v>
      </c>
      <c r="AN7059">
        <v>99</v>
      </c>
      <c r="AO7059">
        <v>98</v>
      </c>
      <c r="AP7059">
        <v>98</v>
      </c>
      <c r="AQ7059">
        <v>97</v>
      </c>
    </row>
    <row r="7060" spans="1:43">
      <c r="A7060" t="s">
        <v>4422</v>
      </c>
      <c r="B7060" t="s">
        <v>4423</v>
      </c>
      <c r="C7060" t="s">
        <v>4420</v>
      </c>
      <c r="D7060" t="s">
        <v>4421</v>
      </c>
      <c r="E7060" t="s">
        <v>4236</v>
      </c>
      <c r="F7060" t="s">
        <v>4237</v>
      </c>
      <c r="G7060" t="s">
        <v>80</v>
      </c>
      <c r="H7060" t="s">
        <v>81</v>
      </c>
      <c r="I7060" s="2">
        <v>1</v>
      </c>
      <c r="J7060" s="2">
        <v>0</v>
      </c>
      <c r="K7060" s="2">
        <v>0</v>
      </c>
      <c r="L7060" t="s">
        <v>120</v>
      </c>
      <c r="M7060" t="s">
        <v>89</v>
      </c>
      <c r="N7060" t="s">
        <v>90</v>
      </c>
      <c r="O7060" t="s">
        <v>85</v>
      </c>
      <c r="P7060" t="s">
        <v>86</v>
      </c>
      <c r="Q7060">
        <v>100</v>
      </c>
      <c r="R7060">
        <v>102</v>
      </c>
      <c r="S7060">
        <v>104</v>
      </c>
      <c r="T7060">
        <v>106</v>
      </c>
      <c r="U7060">
        <v>108</v>
      </c>
      <c r="V7060">
        <v>110</v>
      </c>
      <c r="W7060">
        <v>112</v>
      </c>
      <c r="X7060">
        <v>113</v>
      </c>
      <c r="Y7060">
        <v>114</v>
      </c>
      <c r="Z7060">
        <v>116</v>
      </c>
      <c r="AA7060">
        <v>117</v>
      </c>
      <c r="AB7060">
        <v>118</v>
      </c>
      <c r="AC7060">
        <v>119</v>
      </c>
      <c r="AD7060">
        <v>120</v>
      </c>
      <c r="AE7060">
        <v>121</v>
      </c>
      <c r="AF7060">
        <v>120</v>
      </c>
      <c r="AG7060">
        <v>120</v>
      </c>
      <c r="AH7060">
        <v>119</v>
      </c>
      <c r="AI7060">
        <v>119</v>
      </c>
      <c r="AJ7060">
        <v>118</v>
      </c>
      <c r="AK7060">
        <v>118</v>
      </c>
      <c r="AL7060">
        <v>117</v>
      </c>
      <c r="AM7060">
        <v>116</v>
      </c>
      <c r="AN7060">
        <v>116</v>
      </c>
      <c r="AO7060">
        <v>115</v>
      </c>
      <c r="AP7060">
        <v>114</v>
      </c>
      <c r="AQ7060">
        <v>114</v>
      </c>
    </row>
    <row r="7061" spans="1:43">
      <c r="A7061" t="s">
        <v>4422</v>
      </c>
      <c r="B7061" t="s">
        <v>4423</v>
      </c>
      <c r="C7061" t="s">
        <v>4420</v>
      </c>
      <c r="D7061" t="s">
        <v>4421</v>
      </c>
      <c r="E7061" t="s">
        <v>4236</v>
      </c>
      <c r="F7061" t="s">
        <v>4237</v>
      </c>
      <c r="G7061" t="s">
        <v>80</v>
      </c>
      <c r="H7061" t="s">
        <v>81</v>
      </c>
      <c r="I7061" s="2">
        <v>1</v>
      </c>
      <c r="J7061" s="2">
        <v>0</v>
      </c>
      <c r="K7061" s="2">
        <v>0</v>
      </c>
      <c r="L7061" t="s">
        <v>120</v>
      </c>
      <c r="M7061" t="s">
        <v>83</v>
      </c>
      <c r="N7061" t="s">
        <v>91</v>
      </c>
      <c r="O7061" t="s">
        <v>85</v>
      </c>
      <c r="P7061" t="s">
        <v>86</v>
      </c>
      <c r="Q7061">
        <v>100</v>
      </c>
      <c r="R7061">
        <v>102</v>
      </c>
      <c r="S7061">
        <v>103</v>
      </c>
      <c r="T7061">
        <v>104</v>
      </c>
      <c r="U7061">
        <v>105</v>
      </c>
      <c r="V7061">
        <v>106</v>
      </c>
      <c r="W7061">
        <v>107</v>
      </c>
      <c r="X7061">
        <v>108</v>
      </c>
      <c r="Y7061">
        <v>109</v>
      </c>
      <c r="Z7061">
        <v>110</v>
      </c>
      <c r="AA7061">
        <v>111</v>
      </c>
      <c r="AB7061">
        <v>111</v>
      </c>
      <c r="AC7061">
        <v>112</v>
      </c>
      <c r="AD7061">
        <v>113</v>
      </c>
      <c r="AE7061">
        <v>113</v>
      </c>
      <c r="AF7061">
        <v>114</v>
      </c>
      <c r="AG7061">
        <v>115</v>
      </c>
      <c r="AH7061">
        <v>115</v>
      </c>
      <c r="AI7061">
        <v>116</v>
      </c>
      <c r="AJ7061">
        <v>116</v>
      </c>
      <c r="AK7061">
        <v>116</v>
      </c>
      <c r="AL7061">
        <v>116</v>
      </c>
      <c r="AM7061">
        <v>115</v>
      </c>
      <c r="AN7061">
        <v>115</v>
      </c>
      <c r="AO7061">
        <v>114</v>
      </c>
      <c r="AP7061">
        <v>114</v>
      </c>
      <c r="AQ7061">
        <v>113</v>
      </c>
    </row>
    <row r="7062" spans="1:43">
      <c r="A7062" t="s">
        <v>4424</v>
      </c>
      <c r="B7062" t="s">
        <v>4425</v>
      </c>
      <c r="C7062" t="s">
        <v>4416</v>
      </c>
      <c r="D7062" t="s">
        <v>4417</v>
      </c>
      <c r="E7062" t="s">
        <v>4236</v>
      </c>
      <c r="F7062" t="s">
        <v>4237</v>
      </c>
      <c r="G7062" t="s">
        <v>80</v>
      </c>
      <c r="H7062" t="s">
        <v>81</v>
      </c>
      <c r="I7062" s="2">
        <v>1</v>
      </c>
      <c r="J7062" s="2">
        <v>0</v>
      </c>
      <c r="K7062" s="2">
        <v>0</v>
      </c>
      <c r="L7062" t="s">
        <v>120</v>
      </c>
      <c r="M7062" t="s">
        <v>83</v>
      </c>
      <c r="N7062" t="s">
        <v>84</v>
      </c>
      <c r="O7062" t="s">
        <v>85</v>
      </c>
      <c r="P7062" t="s">
        <v>86</v>
      </c>
      <c r="Q7062">
        <v>28</v>
      </c>
      <c r="R7062">
        <v>28</v>
      </c>
      <c r="S7062">
        <v>29</v>
      </c>
      <c r="T7062">
        <v>29</v>
      </c>
      <c r="U7062">
        <v>29</v>
      </c>
      <c r="V7062">
        <v>30</v>
      </c>
      <c r="W7062">
        <v>30</v>
      </c>
      <c r="X7062">
        <v>30</v>
      </c>
      <c r="Y7062">
        <v>30</v>
      </c>
      <c r="Z7062">
        <v>31</v>
      </c>
      <c r="AA7062">
        <v>31</v>
      </c>
      <c r="AB7062">
        <v>31</v>
      </c>
      <c r="AC7062">
        <v>31</v>
      </c>
      <c r="AD7062">
        <v>31</v>
      </c>
      <c r="AE7062">
        <v>32</v>
      </c>
      <c r="AF7062">
        <v>32</v>
      </c>
      <c r="AG7062">
        <v>32</v>
      </c>
      <c r="AH7062">
        <v>32</v>
      </c>
      <c r="AI7062">
        <v>32</v>
      </c>
      <c r="AJ7062">
        <v>32</v>
      </c>
      <c r="AK7062">
        <v>32</v>
      </c>
      <c r="AL7062">
        <v>32</v>
      </c>
      <c r="AM7062">
        <v>32</v>
      </c>
      <c r="AN7062">
        <v>32</v>
      </c>
      <c r="AO7062">
        <v>32</v>
      </c>
      <c r="AP7062">
        <v>32</v>
      </c>
      <c r="AQ7062">
        <v>31</v>
      </c>
    </row>
    <row r="7063" spans="1:43">
      <c r="A7063" t="s">
        <v>4424</v>
      </c>
      <c r="B7063" t="s">
        <v>4425</v>
      </c>
      <c r="C7063" t="s">
        <v>4416</v>
      </c>
      <c r="D7063" t="s">
        <v>4417</v>
      </c>
      <c r="E7063" t="s">
        <v>4236</v>
      </c>
      <c r="F7063" t="s">
        <v>4237</v>
      </c>
      <c r="G7063" t="s">
        <v>80</v>
      </c>
      <c r="H7063" t="s">
        <v>81</v>
      </c>
      <c r="I7063" s="2">
        <v>1</v>
      </c>
      <c r="J7063" s="2">
        <v>0</v>
      </c>
      <c r="K7063" s="2">
        <v>0</v>
      </c>
      <c r="L7063" t="s">
        <v>120</v>
      </c>
      <c r="M7063" t="s">
        <v>87</v>
      </c>
      <c r="N7063" t="s">
        <v>88</v>
      </c>
      <c r="O7063" t="s">
        <v>85</v>
      </c>
      <c r="P7063" t="s">
        <v>86</v>
      </c>
      <c r="Q7063">
        <v>28</v>
      </c>
      <c r="R7063">
        <v>28</v>
      </c>
      <c r="S7063">
        <v>28</v>
      </c>
      <c r="T7063">
        <v>28</v>
      </c>
      <c r="U7063">
        <v>28</v>
      </c>
      <c r="V7063">
        <v>28</v>
      </c>
      <c r="W7063">
        <v>28</v>
      </c>
      <c r="X7063">
        <v>28</v>
      </c>
      <c r="Y7063">
        <v>28</v>
      </c>
      <c r="Z7063">
        <v>28</v>
      </c>
      <c r="AA7063">
        <v>28</v>
      </c>
      <c r="AB7063">
        <v>28</v>
      </c>
      <c r="AC7063">
        <v>28</v>
      </c>
      <c r="AD7063">
        <v>28</v>
      </c>
      <c r="AE7063">
        <v>28</v>
      </c>
      <c r="AF7063">
        <v>28</v>
      </c>
      <c r="AG7063">
        <v>28</v>
      </c>
      <c r="AH7063">
        <v>28</v>
      </c>
      <c r="AI7063">
        <v>28</v>
      </c>
      <c r="AJ7063">
        <v>28</v>
      </c>
      <c r="AK7063">
        <v>28</v>
      </c>
      <c r="AL7063">
        <v>28</v>
      </c>
      <c r="AM7063">
        <v>28</v>
      </c>
      <c r="AN7063">
        <v>27</v>
      </c>
      <c r="AO7063">
        <v>27</v>
      </c>
      <c r="AP7063">
        <v>27</v>
      </c>
      <c r="AQ7063">
        <v>27</v>
      </c>
    </row>
    <row r="7064" spans="1:43">
      <c r="A7064" t="s">
        <v>4424</v>
      </c>
      <c r="B7064" t="s">
        <v>4425</v>
      </c>
      <c r="C7064" t="s">
        <v>4416</v>
      </c>
      <c r="D7064" t="s">
        <v>4417</v>
      </c>
      <c r="E7064" t="s">
        <v>4236</v>
      </c>
      <c r="F7064" t="s">
        <v>4237</v>
      </c>
      <c r="G7064" t="s">
        <v>80</v>
      </c>
      <c r="H7064" t="s">
        <v>81</v>
      </c>
      <c r="I7064" s="2">
        <v>1</v>
      </c>
      <c r="J7064" s="2">
        <v>0</v>
      </c>
      <c r="K7064" s="2">
        <v>0</v>
      </c>
      <c r="L7064" t="s">
        <v>120</v>
      </c>
      <c r="M7064" t="s">
        <v>89</v>
      </c>
      <c r="N7064" t="s">
        <v>90</v>
      </c>
      <c r="O7064" t="s">
        <v>85</v>
      </c>
      <c r="P7064" t="s">
        <v>86</v>
      </c>
      <c r="Q7064">
        <v>28</v>
      </c>
      <c r="R7064">
        <v>29</v>
      </c>
      <c r="S7064">
        <v>29</v>
      </c>
      <c r="T7064">
        <v>30</v>
      </c>
      <c r="U7064">
        <v>30</v>
      </c>
      <c r="V7064">
        <v>31</v>
      </c>
      <c r="W7064">
        <v>31</v>
      </c>
      <c r="X7064">
        <v>32</v>
      </c>
      <c r="Y7064">
        <v>32</v>
      </c>
      <c r="Z7064">
        <v>32</v>
      </c>
      <c r="AA7064">
        <v>33</v>
      </c>
      <c r="AB7064">
        <v>33</v>
      </c>
      <c r="AC7064">
        <v>33</v>
      </c>
      <c r="AD7064">
        <v>34</v>
      </c>
      <c r="AE7064">
        <v>34</v>
      </c>
      <c r="AF7064">
        <v>34</v>
      </c>
      <c r="AG7064">
        <v>34</v>
      </c>
      <c r="AH7064">
        <v>33</v>
      </c>
      <c r="AI7064">
        <v>33</v>
      </c>
      <c r="AJ7064">
        <v>33</v>
      </c>
      <c r="AK7064">
        <v>33</v>
      </c>
      <c r="AL7064">
        <v>33</v>
      </c>
      <c r="AM7064">
        <v>33</v>
      </c>
      <c r="AN7064">
        <v>32</v>
      </c>
      <c r="AO7064">
        <v>32</v>
      </c>
      <c r="AP7064">
        <v>32</v>
      </c>
      <c r="AQ7064">
        <v>32</v>
      </c>
    </row>
    <row r="7065" spans="1:43">
      <c r="A7065" t="s">
        <v>4424</v>
      </c>
      <c r="B7065" t="s">
        <v>4425</v>
      </c>
      <c r="C7065" t="s">
        <v>4416</v>
      </c>
      <c r="D7065" t="s">
        <v>4417</v>
      </c>
      <c r="E7065" t="s">
        <v>4236</v>
      </c>
      <c r="F7065" t="s">
        <v>4237</v>
      </c>
      <c r="G7065" t="s">
        <v>80</v>
      </c>
      <c r="H7065" t="s">
        <v>81</v>
      </c>
      <c r="I7065" s="2">
        <v>1</v>
      </c>
      <c r="J7065" s="2">
        <v>0</v>
      </c>
      <c r="K7065" s="2">
        <v>0</v>
      </c>
      <c r="L7065" t="s">
        <v>120</v>
      </c>
      <c r="M7065" t="s">
        <v>83</v>
      </c>
      <c r="N7065" t="s">
        <v>91</v>
      </c>
      <c r="O7065" t="s">
        <v>85</v>
      </c>
      <c r="P7065" t="s">
        <v>86</v>
      </c>
      <c r="Q7065">
        <v>28</v>
      </c>
      <c r="R7065">
        <v>28</v>
      </c>
      <c r="S7065">
        <v>29</v>
      </c>
      <c r="T7065">
        <v>29</v>
      </c>
      <c r="U7065">
        <v>29</v>
      </c>
      <c r="V7065">
        <v>30</v>
      </c>
      <c r="W7065">
        <v>30</v>
      </c>
      <c r="X7065">
        <v>30</v>
      </c>
      <c r="Y7065">
        <v>30</v>
      </c>
      <c r="Z7065">
        <v>31</v>
      </c>
      <c r="AA7065">
        <v>31</v>
      </c>
      <c r="AB7065">
        <v>31</v>
      </c>
      <c r="AC7065">
        <v>31</v>
      </c>
      <c r="AD7065">
        <v>31</v>
      </c>
      <c r="AE7065">
        <v>32</v>
      </c>
      <c r="AF7065">
        <v>32</v>
      </c>
      <c r="AG7065">
        <v>32</v>
      </c>
      <c r="AH7065">
        <v>32</v>
      </c>
      <c r="AI7065">
        <v>32</v>
      </c>
      <c r="AJ7065">
        <v>32</v>
      </c>
      <c r="AK7065">
        <v>32</v>
      </c>
      <c r="AL7065">
        <v>32</v>
      </c>
      <c r="AM7065">
        <v>32</v>
      </c>
      <c r="AN7065">
        <v>32</v>
      </c>
      <c r="AO7065">
        <v>32</v>
      </c>
      <c r="AP7065">
        <v>32</v>
      </c>
      <c r="AQ7065">
        <v>31</v>
      </c>
    </row>
    <row r="7066" spans="1:43">
      <c r="A7066" t="s">
        <v>4426</v>
      </c>
      <c r="B7066" t="s">
        <v>4427</v>
      </c>
      <c r="C7066" t="s">
        <v>4420</v>
      </c>
      <c r="D7066" t="s">
        <v>4421</v>
      </c>
      <c r="E7066" t="s">
        <v>4236</v>
      </c>
      <c r="F7066" t="s">
        <v>4237</v>
      </c>
      <c r="G7066" t="s">
        <v>80</v>
      </c>
      <c r="H7066" t="s">
        <v>81</v>
      </c>
      <c r="I7066" s="2">
        <v>1</v>
      </c>
      <c r="J7066" s="2">
        <v>0</v>
      </c>
      <c r="K7066" s="2">
        <v>0</v>
      </c>
      <c r="L7066" t="s">
        <v>120</v>
      </c>
      <c r="M7066" t="s">
        <v>83</v>
      </c>
      <c r="N7066" t="s">
        <v>84</v>
      </c>
      <c r="O7066" t="s">
        <v>85</v>
      </c>
      <c r="P7066" t="s">
        <v>86</v>
      </c>
      <c r="Q7066">
        <v>13</v>
      </c>
      <c r="R7066">
        <v>13</v>
      </c>
      <c r="S7066">
        <v>13</v>
      </c>
      <c r="T7066">
        <v>13</v>
      </c>
      <c r="U7066">
        <v>13</v>
      </c>
      <c r="V7066">
        <v>13</v>
      </c>
      <c r="W7066">
        <v>13</v>
      </c>
      <c r="X7066">
        <v>14</v>
      </c>
      <c r="Y7066">
        <v>14</v>
      </c>
      <c r="Z7066">
        <v>14</v>
      </c>
      <c r="AA7066">
        <v>14</v>
      </c>
      <c r="AB7066">
        <v>14</v>
      </c>
      <c r="AC7066">
        <v>14</v>
      </c>
      <c r="AD7066">
        <v>14</v>
      </c>
      <c r="AE7066">
        <v>14</v>
      </c>
      <c r="AF7066">
        <v>14</v>
      </c>
      <c r="AG7066">
        <v>14</v>
      </c>
      <c r="AH7066">
        <v>14</v>
      </c>
      <c r="AI7066">
        <v>14</v>
      </c>
      <c r="AJ7066">
        <v>15</v>
      </c>
      <c r="AK7066">
        <v>15</v>
      </c>
      <c r="AL7066">
        <v>15</v>
      </c>
      <c r="AM7066">
        <v>14</v>
      </c>
      <c r="AN7066">
        <v>14</v>
      </c>
      <c r="AO7066">
        <v>14</v>
      </c>
      <c r="AP7066">
        <v>14</v>
      </c>
      <c r="AQ7066">
        <v>14</v>
      </c>
    </row>
    <row r="7067" spans="1:43">
      <c r="A7067" t="s">
        <v>4426</v>
      </c>
      <c r="B7067" t="s">
        <v>4427</v>
      </c>
      <c r="C7067" t="s">
        <v>4420</v>
      </c>
      <c r="D7067" t="s">
        <v>4421</v>
      </c>
      <c r="E7067" t="s">
        <v>4236</v>
      </c>
      <c r="F7067" t="s">
        <v>4237</v>
      </c>
      <c r="G7067" t="s">
        <v>80</v>
      </c>
      <c r="H7067" t="s">
        <v>81</v>
      </c>
      <c r="I7067" s="2">
        <v>1</v>
      </c>
      <c r="J7067" s="2">
        <v>0</v>
      </c>
      <c r="K7067" s="2">
        <v>0</v>
      </c>
      <c r="L7067" t="s">
        <v>120</v>
      </c>
      <c r="M7067" t="s">
        <v>87</v>
      </c>
      <c r="N7067" t="s">
        <v>88</v>
      </c>
      <c r="O7067" t="s">
        <v>85</v>
      </c>
      <c r="P7067" t="s">
        <v>86</v>
      </c>
      <c r="Q7067">
        <v>13</v>
      </c>
      <c r="R7067">
        <v>14</v>
      </c>
      <c r="S7067">
        <v>14</v>
      </c>
      <c r="T7067">
        <v>14</v>
      </c>
      <c r="U7067">
        <v>14</v>
      </c>
      <c r="V7067">
        <v>14</v>
      </c>
      <c r="W7067">
        <v>14</v>
      </c>
      <c r="X7067">
        <v>14</v>
      </c>
      <c r="Y7067">
        <v>14</v>
      </c>
      <c r="Z7067">
        <v>14</v>
      </c>
      <c r="AA7067">
        <v>14</v>
      </c>
      <c r="AB7067">
        <v>14</v>
      </c>
      <c r="AC7067">
        <v>14</v>
      </c>
      <c r="AD7067">
        <v>14</v>
      </c>
      <c r="AE7067">
        <v>14</v>
      </c>
      <c r="AF7067">
        <v>14</v>
      </c>
      <c r="AG7067">
        <v>14</v>
      </c>
      <c r="AH7067">
        <v>14</v>
      </c>
      <c r="AI7067">
        <v>14</v>
      </c>
      <c r="AJ7067">
        <v>13</v>
      </c>
      <c r="AK7067">
        <v>13</v>
      </c>
      <c r="AL7067">
        <v>13</v>
      </c>
      <c r="AM7067">
        <v>13</v>
      </c>
      <c r="AN7067">
        <v>13</v>
      </c>
      <c r="AO7067">
        <v>13</v>
      </c>
      <c r="AP7067">
        <v>13</v>
      </c>
      <c r="AQ7067">
        <v>13</v>
      </c>
    </row>
    <row r="7068" spans="1:43">
      <c r="A7068" t="s">
        <v>4426</v>
      </c>
      <c r="B7068" t="s">
        <v>4427</v>
      </c>
      <c r="C7068" t="s">
        <v>4420</v>
      </c>
      <c r="D7068" t="s">
        <v>4421</v>
      </c>
      <c r="E7068" t="s">
        <v>4236</v>
      </c>
      <c r="F7068" t="s">
        <v>4237</v>
      </c>
      <c r="G7068" t="s">
        <v>80</v>
      </c>
      <c r="H7068" t="s">
        <v>81</v>
      </c>
      <c r="I7068" s="2">
        <v>1</v>
      </c>
      <c r="J7068" s="2">
        <v>0</v>
      </c>
      <c r="K7068" s="2">
        <v>0</v>
      </c>
      <c r="L7068" t="s">
        <v>120</v>
      </c>
      <c r="M7068" t="s">
        <v>89</v>
      </c>
      <c r="N7068" t="s">
        <v>90</v>
      </c>
      <c r="O7068" t="s">
        <v>85</v>
      </c>
      <c r="P7068" t="s">
        <v>86</v>
      </c>
      <c r="Q7068">
        <v>13</v>
      </c>
      <c r="R7068">
        <v>13</v>
      </c>
      <c r="S7068">
        <v>13</v>
      </c>
      <c r="T7068">
        <v>13</v>
      </c>
      <c r="U7068">
        <v>14</v>
      </c>
      <c r="V7068">
        <v>14</v>
      </c>
      <c r="W7068">
        <v>14</v>
      </c>
      <c r="X7068">
        <v>14</v>
      </c>
      <c r="Y7068">
        <v>14</v>
      </c>
      <c r="Z7068">
        <v>15</v>
      </c>
      <c r="AA7068">
        <v>15</v>
      </c>
      <c r="AB7068">
        <v>15</v>
      </c>
      <c r="AC7068">
        <v>15</v>
      </c>
      <c r="AD7068">
        <v>15</v>
      </c>
      <c r="AE7068">
        <v>15</v>
      </c>
      <c r="AF7068">
        <v>15</v>
      </c>
      <c r="AG7068">
        <v>15</v>
      </c>
      <c r="AH7068">
        <v>15</v>
      </c>
      <c r="AI7068">
        <v>15</v>
      </c>
      <c r="AJ7068">
        <v>15</v>
      </c>
      <c r="AK7068">
        <v>15</v>
      </c>
      <c r="AL7068">
        <v>15</v>
      </c>
      <c r="AM7068">
        <v>15</v>
      </c>
      <c r="AN7068">
        <v>15</v>
      </c>
      <c r="AO7068">
        <v>15</v>
      </c>
      <c r="AP7068">
        <v>14</v>
      </c>
      <c r="AQ7068">
        <v>14</v>
      </c>
    </row>
    <row r="7069" spans="1:43">
      <c r="A7069" t="s">
        <v>4426</v>
      </c>
      <c r="B7069" t="s">
        <v>4427</v>
      </c>
      <c r="C7069" t="s">
        <v>4420</v>
      </c>
      <c r="D7069" t="s">
        <v>4421</v>
      </c>
      <c r="E7069" t="s">
        <v>4236</v>
      </c>
      <c r="F7069" t="s">
        <v>4237</v>
      </c>
      <c r="G7069" t="s">
        <v>80</v>
      </c>
      <c r="H7069" t="s">
        <v>81</v>
      </c>
      <c r="I7069" s="2">
        <v>1</v>
      </c>
      <c r="J7069" s="2">
        <v>0</v>
      </c>
      <c r="K7069" s="2">
        <v>0</v>
      </c>
      <c r="L7069" t="s">
        <v>120</v>
      </c>
      <c r="M7069" t="s">
        <v>83</v>
      </c>
      <c r="N7069" t="s">
        <v>91</v>
      </c>
      <c r="O7069" t="s">
        <v>85</v>
      </c>
      <c r="P7069" t="s">
        <v>86</v>
      </c>
      <c r="Q7069">
        <v>13</v>
      </c>
      <c r="R7069">
        <v>13</v>
      </c>
      <c r="S7069">
        <v>13</v>
      </c>
      <c r="T7069">
        <v>13</v>
      </c>
      <c r="U7069">
        <v>13</v>
      </c>
      <c r="V7069">
        <v>13</v>
      </c>
      <c r="W7069">
        <v>13</v>
      </c>
      <c r="X7069">
        <v>14</v>
      </c>
      <c r="Y7069">
        <v>14</v>
      </c>
      <c r="Z7069">
        <v>14</v>
      </c>
      <c r="AA7069">
        <v>14</v>
      </c>
      <c r="AB7069">
        <v>14</v>
      </c>
      <c r="AC7069">
        <v>14</v>
      </c>
      <c r="AD7069">
        <v>14</v>
      </c>
      <c r="AE7069">
        <v>14</v>
      </c>
      <c r="AF7069">
        <v>14</v>
      </c>
      <c r="AG7069">
        <v>14</v>
      </c>
      <c r="AH7069">
        <v>14</v>
      </c>
      <c r="AI7069">
        <v>14</v>
      </c>
      <c r="AJ7069">
        <v>15</v>
      </c>
      <c r="AK7069">
        <v>15</v>
      </c>
      <c r="AL7069">
        <v>15</v>
      </c>
      <c r="AM7069">
        <v>14</v>
      </c>
      <c r="AN7069">
        <v>14</v>
      </c>
      <c r="AO7069">
        <v>14</v>
      </c>
      <c r="AP7069">
        <v>14</v>
      </c>
      <c r="AQ7069">
        <v>14</v>
      </c>
    </row>
    <row r="7070" spans="1:43">
      <c r="A7070" t="s">
        <v>4428</v>
      </c>
      <c r="B7070" t="s">
        <v>4429</v>
      </c>
      <c r="C7070" t="s">
        <v>4420</v>
      </c>
      <c r="D7070" t="s">
        <v>4421</v>
      </c>
      <c r="E7070" t="s">
        <v>4236</v>
      </c>
      <c r="F7070" t="s">
        <v>4237</v>
      </c>
      <c r="G7070" t="s">
        <v>80</v>
      </c>
      <c r="H7070" t="s">
        <v>81</v>
      </c>
      <c r="I7070" s="2">
        <v>1</v>
      </c>
      <c r="J7070" s="2">
        <v>0</v>
      </c>
      <c r="K7070" s="2">
        <v>0</v>
      </c>
      <c r="L7070" t="s">
        <v>120</v>
      </c>
      <c r="M7070" t="s">
        <v>83</v>
      </c>
      <c r="N7070" t="s">
        <v>84</v>
      </c>
      <c r="O7070" t="s">
        <v>85</v>
      </c>
      <c r="P7070" t="s">
        <v>86</v>
      </c>
      <c r="Q7070">
        <v>13</v>
      </c>
      <c r="R7070">
        <v>13</v>
      </c>
      <c r="S7070">
        <v>13</v>
      </c>
      <c r="T7070">
        <v>13</v>
      </c>
      <c r="U7070">
        <v>13</v>
      </c>
      <c r="V7070">
        <v>13</v>
      </c>
      <c r="W7070">
        <v>14</v>
      </c>
      <c r="X7070">
        <v>14</v>
      </c>
      <c r="Y7070">
        <v>14</v>
      </c>
      <c r="Z7070">
        <v>14</v>
      </c>
      <c r="AA7070">
        <v>14</v>
      </c>
      <c r="AB7070">
        <v>14</v>
      </c>
      <c r="AC7070">
        <v>14</v>
      </c>
      <c r="AD7070">
        <v>14</v>
      </c>
      <c r="AE7070">
        <v>14</v>
      </c>
      <c r="AF7070">
        <v>14</v>
      </c>
      <c r="AG7070">
        <v>14</v>
      </c>
      <c r="AH7070">
        <v>15</v>
      </c>
      <c r="AI7070">
        <v>15</v>
      </c>
      <c r="AJ7070">
        <v>15</v>
      </c>
      <c r="AK7070">
        <v>15</v>
      </c>
      <c r="AL7070">
        <v>15</v>
      </c>
      <c r="AM7070">
        <v>15</v>
      </c>
      <c r="AN7070">
        <v>14</v>
      </c>
      <c r="AO7070">
        <v>14</v>
      </c>
      <c r="AP7070">
        <v>14</v>
      </c>
      <c r="AQ7070">
        <v>14</v>
      </c>
    </row>
    <row r="7071" spans="1:43">
      <c r="A7071" t="s">
        <v>4428</v>
      </c>
      <c r="B7071" t="s">
        <v>4429</v>
      </c>
      <c r="C7071" t="s">
        <v>4420</v>
      </c>
      <c r="D7071" t="s">
        <v>4421</v>
      </c>
      <c r="E7071" t="s">
        <v>4236</v>
      </c>
      <c r="F7071" t="s">
        <v>4237</v>
      </c>
      <c r="G7071" t="s">
        <v>80</v>
      </c>
      <c r="H7071" t="s">
        <v>81</v>
      </c>
      <c r="I7071" s="2">
        <v>1</v>
      </c>
      <c r="J7071" s="2">
        <v>0</v>
      </c>
      <c r="K7071" s="2">
        <v>0</v>
      </c>
      <c r="L7071" t="s">
        <v>120</v>
      </c>
      <c r="M7071" t="s">
        <v>87</v>
      </c>
      <c r="N7071" t="s">
        <v>88</v>
      </c>
      <c r="O7071" t="s">
        <v>85</v>
      </c>
      <c r="P7071" t="s">
        <v>86</v>
      </c>
      <c r="Q7071">
        <v>13</v>
      </c>
      <c r="R7071">
        <v>13</v>
      </c>
      <c r="S7071">
        <v>13</v>
      </c>
      <c r="T7071">
        <v>13</v>
      </c>
      <c r="U7071">
        <v>13</v>
      </c>
      <c r="V7071">
        <v>13</v>
      </c>
      <c r="W7071">
        <v>13</v>
      </c>
      <c r="X7071">
        <v>13</v>
      </c>
      <c r="Y7071">
        <v>13</v>
      </c>
      <c r="Z7071">
        <v>13</v>
      </c>
      <c r="AA7071">
        <v>13</v>
      </c>
      <c r="AB7071">
        <v>13</v>
      </c>
      <c r="AC7071">
        <v>13</v>
      </c>
      <c r="AD7071">
        <v>13</v>
      </c>
      <c r="AE7071">
        <v>13</v>
      </c>
      <c r="AF7071">
        <v>13</v>
      </c>
      <c r="AG7071">
        <v>13</v>
      </c>
      <c r="AH7071">
        <v>13</v>
      </c>
      <c r="AI7071">
        <v>13</v>
      </c>
      <c r="AJ7071">
        <v>13</v>
      </c>
      <c r="AK7071">
        <v>13</v>
      </c>
      <c r="AL7071">
        <v>13</v>
      </c>
      <c r="AM7071">
        <v>12</v>
      </c>
      <c r="AN7071">
        <v>12</v>
      </c>
      <c r="AO7071">
        <v>12</v>
      </c>
      <c r="AP7071">
        <v>12</v>
      </c>
      <c r="AQ7071">
        <v>12</v>
      </c>
    </row>
    <row r="7072" spans="1:43">
      <c r="A7072" t="s">
        <v>4428</v>
      </c>
      <c r="B7072" t="s">
        <v>4429</v>
      </c>
      <c r="C7072" t="s">
        <v>4420</v>
      </c>
      <c r="D7072" t="s">
        <v>4421</v>
      </c>
      <c r="E7072" t="s">
        <v>4236</v>
      </c>
      <c r="F7072" t="s">
        <v>4237</v>
      </c>
      <c r="G7072" t="s">
        <v>80</v>
      </c>
      <c r="H7072" t="s">
        <v>81</v>
      </c>
      <c r="I7072" s="2">
        <v>1</v>
      </c>
      <c r="J7072" s="2">
        <v>0</v>
      </c>
      <c r="K7072" s="2">
        <v>0</v>
      </c>
      <c r="L7072" t="s">
        <v>120</v>
      </c>
      <c r="M7072" t="s">
        <v>89</v>
      </c>
      <c r="N7072" t="s">
        <v>90</v>
      </c>
      <c r="O7072" t="s">
        <v>85</v>
      </c>
      <c r="P7072" t="s">
        <v>86</v>
      </c>
      <c r="Q7072">
        <v>13</v>
      </c>
      <c r="R7072">
        <v>13</v>
      </c>
      <c r="S7072">
        <v>13</v>
      </c>
      <c r="T7072">
        <v>14</v>
      </c>
      <c r="U7072">
        <v>14</v>
      </c>
      <c r="V7072">
        <v>14</v>
      </c>
      <c r="W7072">
        <v>14</v>
      </c>
      <c r="X7072">
        <v>14</v>
      </c>
      <c r="Y7072">
        <v>15</v>
      </c>
      <c r="Z7072">
        <v>15</v>
      </c>
      <c r="AA7072">
        <v>15</v>
      </c>
      <c r="AB7072">
        <v>15</v>
      </c>
      <c r="AC7072">
        <v>15</v>
      </c>
      <c r="AD7072">
        <v>15</v>
      </c>
      <c r="AE7072">
        <v>15</v>
      </c>
      <c r="AF7072">
        <v>15</v>
      </c>
      <c r="AG7072">
        <v>15</v>
      </c>
      <c r="AH7072">
        <v>15</v>
      </c>
      <c r="AI7072">
        <v>15</v>
      </c>
      <c r="AJ7072">
        <v>15</v>
      </c>
      <c r="AK7072">
        <v>15</v>
      </c>
      <c r="AL7072">
        <v>15</v>
      </c>
      <c r="AM7072">
        <v>15</v>
      </c>
      <c r="AN7072">
        <v>15</v>
      </c>
      <c r="AO7072">
        <v>15</v>
      </c>
      <c r="AP7072">
        <v>15</v>
      </c>
      <c r="AQ7072">
        <v>14</v>
      </c>
    </row>
    <row r="7073" spans="1:43">
      <c r="A7073" t="s">
        <v>4428</v>
      </c>
      <c r="B7073" t="s">
        <v>4429</v>
      </c>
      <c r="C7073" t="s">
        <v>4420</v>
      </c>
      <c r="D7073" t="s">
        <v>4421</v>
      </c>
      <c r="E7073" t="s">
        <v>4236</v>
      </c>
      <c r="F7073" t="s">
        <v>4237</v>
      </c>
      <c r="G7073" t="s">
        <v>80</v>
      </c>
      <c r="H7073" t="s">
        <v>81</v>
      </c>
      <c r="I7073" s="2">
        <v>1</v>
      </c>
      <c r="J7073" s="2">
        <v>0</v>
      </c>
      <c r="K7073" s="2">
        <v>0</v>
      </c>
      <c r="L7073" t="s">
        <v>120</v>
      </c>
      <c r="M7073" t="s">
        <v>83</v>
      </c>
      <c r="N7073" t="s">
        <v>91</v>
      </c>
      <c r="O7073" t="s">
        <v>85</v>
      </c>
      <c r="P7073" t="s">
        <v>86</v>
      </c>
      <c r="Q7073">
        <v>13</v>
      </c>
      <c r="R7073">
        <v>13</v>
      </c>
      <c r="S7073">
        <v>13</v>
      </c>
      <c r="T7073">
        <v>13</v>
      </c>
      <c r="U7073">
        <v>13</v>
      </c>
      <c r="V7073">
        <v>13</v>
      </c>
      <c r="W7073">
        <v>14</v>
      </c>
      <c r="X7073">
        <v>14</v>
      </c>
      <c r="Y7073">
        <v>14</v>
      </c>
      <c r="Z7073">
        <v>14</v>
      </c>
      <c r="AA7073">
        <v>14</v>
      </c>
      <c r="AB7073">
        <v>14</v>
      </c>
      <c r="AC7073">
        <v>14</v>
      </c>
      <c r="AD7073">
        <v>14</v>
      </c>
      <c r="AE7073">
        <v>14</v>
      </c>
      <c r="AF7073">
        <v>14</v>
      </c>
      <c r="AG7073">
        <v>14</v>
      </c>
      <c r="AH7073">
        <v>15</v>
      </c>
      <c r="AI7073">
        <v>15</v>
      </c>
      <c r="AJ7073">
        <v>15</v>
      </c>
      <c r="AK7073">
        <v>15</v>
      </c>
      <c r="AL7073">
        <v>15</v>
      </c>
      <c r="AM7073">
        <v>15</v>
      </c>
      <c r="AN7073">
        <v>14</v>
      </c>
      <c r="AO7073">
        <v>14</v>
      </c>
      <c r="AP7073">
        <v>14</v>
      </c>
      <c r="AQ7073">
        <v>14</v>
      </c>
    </row>
    <row r="7074" spans="1:43">
      <c r="A7074" t="s">
        <v>4430</v>
      </c>
      <c r="B7074" t="s">
        <v>4431</v>
      </c>
      <c r="C7074" t="s">
        <v>4416</v>
      </c>
      <c r="D7074" t="s">
        <v>4417</v>
      </c>
      <c r="E7074" t="s">
        <v>4236</v>
      </c>
      <c r="F7074" t="s">
        <v>4237</v>
      </c>
      <c r="G7074" t="s">
        <v>80</v>
      </c>
      <c r="H7074" t="s">
        <v>81</v>
      </c>
      <c r="I7074" s="2">
        <v>1</v>
      </c>
      <c r="J7074" s="2">
        <v>0</v>
      </c>
      <c r="K7074" s="2">
        <v>0</v>
      </c>
      <c r="L7074" t="s">
        <v>120</v>
      </c>
      <c r="M7074" t="s">
        <v>83</v>
      </c>
      <c r="N7074" t="s">
        <v>84</v>
      </c>
      <c r="O7074" t="s">
        <v>85</v>
      </c>
      <c r="P7074" t="s">
        <v>86</v>
      </c>
      <c r="Q7074">
        <v>32</v>
      </c>
      <c r="R7074">
        <v>32</v>
      </c>
      <c r="S7074">
        <v>33</v>
      </c>
      <c r="T7074">
        <v>33</v>
      </c>
      <c r="U7074">
        <v>34</v>
      </c>
      <c r="V7074">
        <v>34</v>
      </c>
      <c r="W7074">
        <v>34</v>
      </c>
      <c r="X7074">
        <v>34</v>
      </c>
      <c r="Y7074">
        <v>35</v>
      </c>
      <c r="Z7074">
        <v>35</v>
      </c>
      <c r="AA7074">
        <v>35</v>
      </c>
      <c r="AB7074">
        <v>35</v>
      </c>
      <c r="AC7074">
        <v>36</v>
      </c>
      <c r="AD7074">
        <v>36</v>
      </c>
      <c r="AE7074">
        <v>36</v>
      </c>
      <c r="AF7074">
        <v>36</v>
      </c>
      <c r="AG7074">
        <v>36</v>
      </c>
      <c r="AH7074">
        <v>37</v>
      </c>
      <c r="AI7074">
        <v>37</v>
      </c>
      <c r="AJ7074">
        <v>37</v>
      </c>
      <c r="AK7074">
        <v>37</v>
      </c>
      <c r="AL7074">
        <v>37</v>
      </c>
      <c r="AM7074">
        <v>37</v>
      </c>
      <c r="AN7074">
        <v>36</v>
      </c>
      <c r="AO7074">
        <v>36</v>
      </c>
      <c r="AP7074">
        <v>36</v>
      </c>
      <c r="AQ7074">
        <v>36</v>
      </c>
    </row>
    <row r="7075" spans="1:43">
      <c r="A7075" t="s">
        <v>4430</v>
      </c>
      <c r="B7075" t="s">
        <v>4431</v>
      </c>
      <c r="C7075" t="s">
        <v>4416</v>
      </c>
      <c r="D7075" t="s">
        <v>4417</v>
      </c>
      <c r="E7075" t="s">
        <v>4236</v>
      </c>
      <c r="F7075" t="s">
        <v>4237</v>
      </c>
      <c r="G7075" t="s">
        <v>80</v>
      </c>
      <c r="H7075" t="s">
        <v>81</v>
      </c>
      <c r="I7075" s="2">
        <v>1</v>
      </c>
      <c r="J7075" s="2">
        <v>0</v>
      </c>
      <c r="K7075" s="2">
        <v>0</v>
      </c>
      <c r="L7075" t="s">
        <v>120</v>
      </c>
      <c r="M7075" t="s">
        <v>87</v>
      </c>
      <c r="N7075" t="s">
        <v>88</v>
      </c>
      <c r="O7075" t="s">
        <v>85</v>
      </c>
      <c r="P7075" t="s">
        <v>86</v>
      </c>
      <c r="Q7075">
        <v>32</v>
      </c>
      <c r="R7075">
        <v>32</v>
      </c>
      <c r="S7075">
        <v>32</v>
      </c>
      <c r="T7075">
        <v>32</v>
      </c>
      <c r="U7075">
        <v>32</v>
      </c>
      <c r="V7075">
        <v>32</v>
      </c>
      <c r="W7075">
        <v>32</v>
      </c>
      <c r="X7075">
        <v>32</v>
      </c>
      <c r="Y7075">
        <v>32</v>
      </c>
      <c r="Z7075">
        <v>32</v>
      </c>
      <c r="AA7075">
        <v>32</v>
      </c>
      <c r="AB7075">
        <v>32</v>
      </c>
      <c r="AC7075">
        <v>32</v>
      </c>
      <c r="AD7075">
        <v>32</v>
      </c>
      <c r="AE7075">
        <v>32</v>
      </c>
      <c r="AF7075">
        <v>32</v>
      </c>
      <c r="AG7075">
        <v>32</v>
      </c>
      <c r="AH7075">
        <v>32</v>
      </c>
      <c r="AI7075">
        <v>32</v>
      </c>
      <c r="AJ7075">
        <v>32</v>
      </c>
      <c r="AK7075">
        <v>32</v>
      </c>
      <c r="AL7075">
        <v>32</v>
      </c>
      <c r="AM7075">
        <v>31</v>
      </c>
      <c r="AN7075">
        <v>31</v>
      </c>
      <c r="AO7075">
        <v>31</v>
      </c>
      <c r="AP7075">
        <v>31</v>
      </c>
      <c r="AQ7075">
        <v>31</v>
      </c>
    </row>
    <row r="7076" spans="1:43">
      <c r="A7076" t="s">
        <v>4430</v>
      </c>
      <c r="B7076" t="s">
        <v>4431</v>
      </c>
      <c r="C7076" t="s">
        <v>4416</v>
      </c>
      <c r="D7076" t="s">
        <v>4417</v>
      </c>
      <c r="E7076" t="s">
        <v>4236</v>
      </c>
      <c r="F7076" t="s">
        <v>4237</v>
      </c>
      <c r="G7076" t="s">
        <v>80</v>
      </c>
      <c r="H7076" t="s">
        <v>81</v>
      </c>
      <c r="I7076" s="2">
        <v>1</v>
      </c>
      <c r="J7076" s="2">
        <v>0</v>
      </c>
      <c r="K7076" s="2">
        <v>0</v>
      </c>
      <c r="L7076" t="s">
        <v>120</v>
      </c>
      <c r="M7076" t="s">
        <v>89</v>
      </c>
      <c r="N7076" t="s">
        <v>90</v>
      </c>
      <c r="O7076" t="s">
        <v>85</v>
      </c>
      <c r="P7076" t="s">
        <v>86</v>
      </c>
      <c r="Q7076">
        <v>32</v>
      </c>
      <c r="R7076">
        <v>33</v>
      </c>
      <c r="S7076">
        <v>34</v>
      </c>
      <c r="T7076">
        <v>34</v>
      </c>
      <c r="U7076">
        <v>35</v>
      </c>
      <c r="V7076">
        <v>35</v>
      </c>
      <c r="W7076">
        <v>36</v>
      </c>
      <c r="X7076">
        <v>36</v>
      </c>
      <c r="Y7076">
        <v>37</v>
      </c>
      <c r="Z7076">
        <v>37</v>
      </c>
      <c r="AA7076">
        <v>38</v>
      </c>
      <c r="AB7076">
        <v>38</v>
      </c>
      <c r="AC7076">
        <v>38</v>
      </c>
      <c r="AD7076">
        <v>39</v>
      </c>
      <c r="AE7076">
        <v>39</v>
      </c>
      <c r="AF7076">
        <v>39</v>
      </c>
      <c r="AG7076">
        <v>38</v>
      </c>
      <c r="AH7076">
        <v>38</v>
      </c>
      <c r="AI7076">
        <v>38</v>
      </c>
      <c r="AJ7076">
        <v>38</v>
      </c>
      <c r="AK7076">
        <v>38</v>
      </c>
      <c r="AL7076">
        <v>37</v>
      </c>
      <c r="AM7076">
        <v>37</v>
      </c>
      <c r="AN7076">
        <v>37</v>
      </c>
      <c r="AO7076">
        <v>37</v>
      </c>
      <c r="AP7076">
        <v>36</v>
      </c>
      <c r="AQ7076">
        <v>36</v>
      </c>
    </row>
    <row r="7077" spans="1:43">
      <c r="A7077" t="s">
        <v>4430</v>
      </c>
      <c r="B7077" t="s">
        <v>4431</v>
      </c>
      <c r="C7077" t="s">
        <v>4416</v>
      </c>
      <c r="D7077" t="s">
        <v>4417</v>
      </c>
      <c r="E7077" t="s">
        <v>4236</v>
      </c>
      <c r="F7077" t="s">
        <v>4237</v>
      </c>
      <c r="G7077" t="s">
        <v>80</v>
      </c>
      <c r="H7077" t="s">
        <v>81</v>
      </c>
      <c r="I7077" s="2">
        <v>1</v>
      </c>
      <c r="J7077" s="2">
        <v>0</v>
      </c>
      <c r="K7077" s="2">
        <v>0</v>
      </c>
      <c r="L7077" t="s">
        <v>120</v>
      </c>
      <c r="M7077" t="s">
        <v>83</v>
      </c>
      <c r="N7077" t="s">
        <v>91</v>
      </c>
      <c r="O7077" t="s">
        <v>85</v>
      </c>
      <c r="P7077" t="s">
        <v>86</v>
      </c>
      <c r="Q7077">
        <v>32</v>
      </c>
      <c r="R7077">
        <v>32</v>
      </c>
      <c r="S7077">
        <v>33</v>
      </c>
      <c r="T7077">
        <v>33</v>
      </c>
      <c r="U7077">
        <v>34</v>
      </c>
      <c r="V7077">
        <v>34</v>
      </c>
      <c r="W7077">
        <v>34</v>
      </c>
      <c r="X7077">
        <v>34</v>
      </c>
      <c r="Y7077">
        <v>35</v>
      </c>
      <c r="Z7077">
        <v>35</v>
      </c>
      <c r="AA7077">
        <v>35</v>
      </c>
      <c r="AB7077">
        <v>35</v>
      </c>
      <c r="AC7077">
        <v>36</v>
      </c>
      <c r="AD7077">
        <v>36</v>
      </c>
      <c r="AE7077">
        <v>36</v>
      </c>
      <c r="AF7077">
        <v>36</v>
      </c>
      <c r="AG7077">
        <v>36</v>
      </c>
      <c r="AH7077">
        <v>37</v>
      </c>
      <c r="AI7077">
        <v>37</v>
      </c>
      <c r="AJ7077">
        <v>37</v>
      </c>
      <c r="AK7077">
        <v>37</v>
      </c>
      <c r="AL7077">
        <v>37</v>
      </c>
      <c r="AM7077">
        <v>37</v>
      </c>
      <c r="AN7077">
        <v>36</v>
      </c>
      <c r="AO7077">
        <v>36</v>
      </c>
      <c r="AP7077">
        <v>36</v>
      </c>
      <c r="AQ7077">
        <v>36</v>
      </c>
    </row>
    <row r="7078" spans="1:43">
      <c r="A7078" t="s">
        <v>4432</v>
      </c>
      <c r="B7078" t="s">
        <v>4433</v>
      </c>
      <c r="C7078" t="s">
        <v>4434</v>
      </c>
      <c r="D7078" t="s">
        <v>4435</v>
      </c>
      <c r="E7078" t="s">
        <v>4236</v>
      </c>
      <c r="F7078" t="s">
        <v>4237</v>
      </c>
      <c r="G7078" t="s">
        <v>80</v>
      </c>
      <c r="H7078" t="s">
        <v>81</v>
      </c>
      <c r="I7078" s="2">
        <v>1</v>
      </c>
      <c r="J7078" s="2">
        <v>0</v>
      </c>
      <c r="K7078" s="2">
        <v>0</v>
      </c>
      <c r="L7078" t="s">
        <v>120</v>
      </c>
      <c r="M7078" t="s">
        <v>83</v>
      </c>
      <c r="N7078" t="s">
        <v>84</v>
      </c>
      <c r="O7078" t="s">
        <v>85</v>
      </c>
      <c r="P7078" t="s">
        <v>86</v>
      </c>
      <c r="Q7078">
        <v>18</v>
      </c>
      <c r="R7078">
        <v>18</v>
      </c>
      <c r="S7078">
        <v>18</v>
      </c>
      <c r="T7078">
        <v>18</v>
      </c>
      <c r="U7078">
        <v>18</v>
      </c>
      <c r="V7078">
        <v>19</v>
      </c>
      <c r="W7078">
        <v>19</v>
      </c>
      <c r="X7078">
        <v>19</v>
      </c>
      <c r="Y7078">
        <v>19</v>
      </c>
      <c r="Z7078">
        <v>19</v>
      </c>
      <c r="AA7078">
        <v>19</v>
      </c>
      <c r="AB7078">
        <v>19</v>
      </c>
      <c r="AC7078">
        <v>19</v>
      </c>
      <c r="AD7078">
        <v>20</v>
      </c>
      <c r="AE7078">
        <v>20</v>
      </c>
      <c r="AF7078">
        <v>20</v>
      </c>
      <c r="AG7078">
        <v>20</v>
      </c>
      <c r="AH7078">
        <v>20</v>
      </c>
      <c r="AI7078">
        <v>20</v>
      </c>
      <c r="AJ7078">
        <v>20</v>
      </c>
      <c r="AK7078">
        <v>20</v>
      </c>
      <c r="AL7078">
        <v>20</v>
      </c>
      <c r="AM7078">
        <v>20</v>
      </c>
      <c r="AN7078">
        <v>20</v>
      </c>
      <c r="AO7078">
        <v>19</v>
      </c>
      <c r="AP7078">
        <v>19</v>
      </c>
      <c r="AQ7078">
        <v>19</v>
      </c>
    </row>
    <row r="7079" spans="1:43">
      <c r="A7079" t="s">
        <v>4432</v>
      </c>
      <c r="B7079" t="s">
        <v>4433</v>
      </c>
      <c r="C7079" t="s">
        <v>4434</v>
      </c>
      <c r="D7079" t="s">
        <v>4435</v>
      </c>
      <c r="E7079" t="s">
        <v>4236</v>
      </c>
      <c r="F7079" t="s">
        <v>4237</v>
      </c>
      <c r="G7079" t="s">
        <v>80</v>
      </c>
      <c r="H7079" t="s">
        <v>81</v>
      </c>
      <c r="I7079" s="2">
        <v>1</v>
      </c>
      <c r="J7079" s="2">
        <v>0</v>
      </c>
      <c r="K7079" s="2">
        <v>0</v>
      </c>
      <c r="L7079" t="s">
        <v>120</v>
      </c>
      <c r="M7079" t="s">
        <v>87</v>
      </c>
      <c r="N7079" t="s">
        <v>88</v>
      </c>
      <c r="O7079" t="s">
        <v>85</v>
      </c>
      <c r="P7079" t="s">
        <v>86</v>
      </c>
      <c r="Q7079">
        <v>18</v>
      </c>
      <c r="R7079">
        <v>18</v>
      </c>
      <c r="S7079">
        <v>18</v>
      </c>
      <c r="T7079">
        <v>19</v>
      </c>
      <c r="U7079">
        <v>19</v>
      </c>
      <c r="V7079">
        <v>19</v>
      </c>
      <c r="W7079">
        <v>19</v>
      </c>
      <c r="X7079">
        <v>19</v>
      </c>
      <c r="Y7079">
        <v>19</v>
      </c>
      <c r="Z7079">
        <v>19</v>
      </c>
      <c r="AA7079">
        <v>19</v>
      </c>
      <c r="AB7079">
        <v>19</v>
      </c>
      <c r="AC7079">
        <v>18</v>
      </c>
      <c r="AD7079">
        <v>18</v>
      </c>
      <c r="AE7079">
        <v>18</v>
      </c>
      <c r="AF7079">
        <v>18</v>
      </c>
      <c r="AG7079">
        <v>18</v>
      </c>
      <c r="AH7079">
        <v>18</v>
      </c>
      <c r="AI7079">
        <v>18</v>
      </c>
      <c r="AJ7079">
        <v>18</v>
      </c>
      <c r="AK7079">
        <v>18</v>
      </c>
      <c r="AL7079">
        <v>18</v>
      </c>
      <c r="AM7079">
        <v>18</v>
      </c>
      <c r="AN7079">
        <v>18</v>
      </c>
      <c r="AO7079">
        <v>18</v>
      </c>
      <c r="AP7079">
        <v>18</v>
      </c>
      <c r="AQ7079">
        <v>18</v>
      </c>
    </row>
    <row r="7080" spans="1:43">
      <c r="A7080" t="s">
        <v>4432</v>
      </c>
      <c r="B7080" t="s">
        <v>4433</v>
      </c>
      <c r="C7080" t="s">
        <v>4434</v>
      </c>
      <c r="D7080" t="s">
        <v>4435</v>
      </c>
      <c r="E7080" t="s">
        <v>4236</v>
      </c>
      <c r="F7080" t="s">
        <v>4237</v>
      </c>
      <c r="G7080" t="s">
        <v>80</v>
      </c>
      <c r="H7080" t="s">
        <v>81</v>
      </c>
      <c r="I7080" s="2">
        <v>1</v>
      </c>
      <c r="J7080" s="2">
        <v>0</v>
      </c>
      <c r="K7080" s="2">
        <v>0</v>
      </c>
      <c r="L7080" t="s">
        <v>120</v>
      </c>
      <c r="M7080" t="s">
        <v>89</v>
      </c>
      <c r="N7080" t="s">
        <v>90</v>
      </c>
      <c r="O7080" t="s">
        <v>85</v>
      </c>
      <c r="P7080" t="s">
        <v>86</v>
      </c>
      <c r="Q7080">
        <v>18</v>
      </c>
      <c r="R7080">
        <v>18</v>
      </c>
      <c r="S7080">
        <v>18</v>
      </c>
      <c r="T7080">
        <v>19</v>
      </c>
      <c r="U7080">
        <v>19</v>
      </c>
      <c r="V7080">
        <v>19</v>
      </c>
      <c r="W7080">
        <v>20</v>
      </c>
      <c r="X7080">
        <v>20</v>
      </c>
      <c r="Y7080">
        <v>20</v>
      </c>
      <c r="Z7080">
        <v>20</v>
      </c>
      <c r="AA7080">
        <v>20</v>
      </c>
      <c r="AB7080">
        <v>21</v>
      </c>
      <c r="AC7080">
        <v>21</v>
      </c>
      <c r="AD7080">
        <v>21</v>
      </c>
      <c r="AE7080">
        <v>21</v>
      </c>
      <c r="AF7080">
        <v>21</v>
      </c>
      <c r="AG7080">
        <v>21</v>
      </c>
      <c r="AH7080">
        <v>21</v>
      </c>
      <c r="AI7080">
        <v>20</v>
      </c>
      <c r="AJ7080">
        <v>20</v>
      </c>
      <c r="AK7080">
        <v>20</v>
      </c>
      <c r="AL7080">
        <v>20</v>
      </c>
      <c r="AM7080">
        <v>20</v>
      </c>
      <c r="AN7080">
        <v>20</v>
      </c>
      <c r="AO7080">
        <v>20</v>
      </c>
      <c r="AP7080">
        <v>19</v>
      </c>
      <c r="AQ7080">
        <v>19</v>
      </c>
    </row>
    <row r="7081" spans="1:43">
      <c r="A7081" t="s">
        <v>4432</v>
      </c>
      <c r="B7081" t="s">
        <v>4433</v>
      </c>
      <c r="C7081" t="s">
        <v>4434</v>
      </c>
      <c r="D7081" t="s">
        <v>4435</v>
      </c>
      <c r="E7081" t="s">
        <v>4236</v>
      </c>
      <c r="F7081" t="s">
        <v>4237</v>
      </c>
      <c r="G7081" t="s">
        <v>80</v>
      </c>
      <c r="H7081" t="s">
        <v>81</v>
      </c>
      <c r="I7081" s="2">
        <v>1</v>
      </c>
      <c r="J7081" s="2">
        <v>0</v>
      </c>
      <c r="K7081" s="2">
        <v>0</v>
      </c>
      <c r="L7081" t="s">
        <v>120</v>
      </c>
      <c r="M7081" t="s">
        <v>83</v>
      </c>
      <c r="N7081" t="s">
        <v>91</v>
      </c>
      <c r="O7081" t="s">
        <v>85</v>
      </c>
      <c r="P7081" t="s">
        <v>86</v>
      </c>
      <c r="Q7081">
        <v>18</v>
      </c>
      <c r="R7081">
        <v>18</v>
      </c>
      <c r="S7081">
        <v>18</v>
      </c>
      <c r="T7081">
        <v>18</v>
      </c>
      <c r="U7081">
        <v>18</v>
      </c>
      <c r="V7081">
        <v>19</v>
      </c>
      <c r="W7081">
        <v>19</v>
      </c>
      <c r="X7081">
        <v>19</v>
      </c>
      <c r="Y7081">
        <v>19</v>
      </c>
      <c r="Z7081">
        <v>19</v>
      </c>
      <c r="AA7081">
        <v>19</v>
      </c>
      <c r="AB7081">
        <v>19</v>
      </c>
      <c r="AC7081">
        <v>19</v>
      </c>
      <c r="AD7081">
        <v>20</v>
      </c>
      <c r="AE7081">
        <v>20</v>
      </c>
      <c r="AF7081">
        <v>20</v>
      </c>
      <c r="AG7081">
        <v>20</v>
      </c>
      <c r="AH7081">
        <v>20</v>
      </c>
      <c r="AI7081">
        <v>20</v>
      </c>
      <c r="AJ7081">
        <v>20</v>
      </c>
      <c r="AK7081">
        <v>20</v>
      </c>
      <c r="AL7081">
        <v>20</v>
      </c>
      <c r="AM7081">
        <v>20</v>
      </c>
      <c r="AN7081">
        <v>20</v>
      </c>
      <c r="AO7081">
        <v>19</v>
      </c>
      <c r="AP7081">
        <v>19</v>
      </c>
      <c r="AQ7081">
        <v>19</v>
      </c>
    </row>
    <row r="7082" spans="1:43">
      <c r="A7082" t="s">
        <v>4436</v>
      </c>
      <c r="B7082" t="s">
        <v>4437</v>
      </c>
      <c r="C7082" t="s">
        <v>4438</v>
      </c>
      <c r="D7082" t="s">
        <v>4439</v>
      </c>
      <c r="E7082" t="s">
        <v>4236</v>
      </c>
      <c r="F7082" t="s">
        <v>4237</v>
      </c>
      <c r="G7082" t="s">
        <v>80</v>
      </c>
      <c r="H7082" t="s">
        <v>81</v>
      </c>
      <c r="I7082" s="2">
        <v>1</v>
      </c>
      <c r="J7082" s="2">
        <v>0</v>
      </c>
      <c r="K7082" s="2">
        <v>0</v>
      </c>
      <c r="L7082" t="s">
        <v>120</v>
      </c>
      <c r="M7082" t="s">
        <v>83</v>
      </c>
      <c r="N7082" t="s">
        <v>84</v>
      </c>
      <c r="O7082" t="s">
        <v>85</v>
      </c>
      <c r="P7082" t="s">
        <v>86</v>
      </c>
      <c r="Q7082">
        <v>0</v>
      </c>
      <c r="R7082">
        <v>0</v>
      </c>
      <c r="S7082">
        <v>0</v>
      </c>
      <c r="T7082">
        <v>0</v>
      </c>
      <c r="U7082">
        <v>0</v>
      </c>
      <c r="V7082">
        <v>0</v>
      </c>
      <c r="W7082">
        <v>0</v>
      </c>
      <c r="X7082">
        <v>0</v>
      </c>
      <c r="Y7082">
        <v>0</v>
      </c>
      <c r="Z7082">
        <v>0</v>
      </c>
      <c r="AA7082">
        <v>0</v>
      </c>
      <c r="AB7082">
        <v>0</v>
      </c>
      <c r="AC7082">
        <v>0</v>
      </c>
      <c r="AD7082">
        <v>0</v>
      </c>
      <c r="AE7082">
        <v>0</v>
      </c>
      <c r="AF7082">
        <v>0</v>
      </c>
      <c r="AG7082">
        <v>0</v>
      </c>
      <c r="AH7082">
        <v>0</v>
      </c>
      <c r="AI7082">
        <v>0</v>
      </c>
      <c r="AJ7082">
        <v>0</v>
      </c>
      <c r="AK7082">
        <v>0</v>
      </c>
      <c r="AL7082">
        <v>0</v>
      </c>
      <c r="AM7082">
        <v>0</v>
      </c>
      <c r="AN7082">
        <v>0</v>
      </c>
      <c r="AO7082">
        <v>0</v>
      </c>
      <c r="AP7082">
        <v>0</v>
      </c>
      <c r="AQ7082">
        <v>0</v>
      </c>
    </row>
    <row r="7083" spans="1:43">
      <c r="A7083" t="s">
        <v>4436</v>
      </c>
      <c r="B7083" t="s">
        <v>4437</v>
      </c>
      <c r="C7083" t="s">
        <v>4438</v>
      </c>
      <c r="D7083" t="s">
        <v>4439</v>
      </c>
      <c r="E7083" t="s">
        <v>4236</v>
      </c>
      <c r="F7083" t="s">
        <v>4237</v>
      </c>
      <c r="G7083" t="s">
        <v>80</v>
      </c>
      <c r="H7083" t="s">
        <v>81</v>
      </c>
      <c r="I7083" s="2">
        <v>1</v>
      </c>
      <c r="J7083" s="2">
        <v>0</v>
      </c>
      <c r="K7083" s="2">
        <v>0</v>
      </c>
      <c r="L7083" t="s">
        <v>120</v>
      </c>
      <c r="M7083" t="s">
        <v>87</v>
      </c>
      <c r="N7083" t="s">
        <v>88</v>
      </c>
      <c r="O7083" t="s">
        <v>85</v>
      </c>
      <c r="P7083" t="s">
        <v>86</v>
      </c>
      <c r="Q7083">
        <v>0</v>
      </c>
      <c r="R7083">
        <v>0</v>
      </c>
      <c r="S7083">
        <v>0</v>
      </c>
      <c r="T7083">
        <v>0</v>
      </c>
      <c r="U7083">
        <v>0</v>
      </c>
      <c r="V7083">
        <v>0</v>
      </c>
      <c r="W7083">
        <v>0</v>
      </c>
      <c r="X7083">
        <v>0</v>
      </c>
      <c r="Y7083">
        <v>0</v>
      </c>
      <c r="Z7083">
        <v>0</v>
      </c>
      <c r="AA7083">
        <v>0</v>
      </c>
      <c r="AB7083">
        <v>0</v>
      </c>
      <c r="AC7083">
        <v>0</v>
      </c>
      <c r="AD7083">
        <v>0</v>
      </c>
      <c r="AE7083">
        <v>0</v>
      </c>
      <c r="AF7083">
        <v>0</v>
      </c>
      <c r="AG7083">
        <v>0</v>
      </c>
      <c r="AH7083">
        <v>0</v>
      </c>
      <c r="AI7083">
        <v>0</v>
      </c>
      <c r="AJ7083">
        <v>0</v>
      </c>
      <c r="AK7083">
        <v>0</v>
      </c>
      <c r="AL7083">
        <v>0</v>
      </c>
      <c r="AM7083">
        <v>0</v>
      </c>
      <c r="AN7083">
        <v>0</v>
      </c>
      <c r="AO7083">
        <v>0</v>
      </c>
      <c r="AP7083">
        <v>0</v>
      </c>
      <c r="AQ7083">
        <v>0</v>
      </c>
    </row>
    <row r="7084" spans="1:43">
      <c r="A7084" t="s">
        <v>4436</v>
      </c>
      <c r="B7084" t="s">
        <v>4437</v>
      </c>
      <c r="C7084" t="s">
        <v>4438</v>
      </c>
      <c r="D7084" t="s">
        <v>4439</v>
      </c>
      <c r="E7084" t="s">
        <v>4236</v>
      </c>
      <c r="F7084" t="s">
        <v>4237</v>
      </c>
      <c r="G7084" t="s">
        <v>80</v>
      </c>
      <c r="H7084" t="s">
        <v>81</v>
      </c>
      <c r="I7084" s="2">
        <v>1</v>
      </c>
      <c r="J7084" s="2">
        <v>0</v>
      </c>
      <c r="K7084" s="2">
        <v>0</v>
      </c>
      <c r="L7084" t="s">
        <v>120</v>
      </c>
      <c r="M7084" t="s">
        <v>89</v>
      </c>
      <c r="N7084" t="s">
        <v>90</v>
      </c>
      <c r="O7084" t="s">
        <v>85</v>
      </c>
      <c r="P7084" t="s">
        <v>86</v>
      </c>
      <c r="Q7084">
        <v>0</v>
      </c>
      <c r="R7084">
        <v>0</v>
      </c>
      <c r="S7084">
        <v>0</v>
      </c>
      <c r="T7084">
        <v>0</v>
      </c>
      <c r="U7084">
        <v>0</v>
      </c>
      <c r="V7084">
        <v>0</v>
      </c>
      <c r="W7084">
        <v>0</v>
      </c>
      <c r="X7084">
        <v>0</v>
      </c>
      <c r="Y7084">
        <v>0</v>
      </c>
      <c r="Z7084">
        <v>0</v>
      </c>
      <c r="AA7084">
        <v>0</v>
      </c>
      <c r="AB7084">
        <v>0</v>
      </c>
      <c r="AC7084">
        <v>0</v>
      </c>
      <c r="AD7084">
        <v>0</v>
      </c>
      <c r="AE7084">
        <v>0</v>
      </c>
      <c r="AF7084">
        <v>0</v>
      </c>
      <c r="AG7084">
        <v>0</v>
      </c>
      <c r="AH7084">
        <v>0</v>
      </c>
      <c r="AI7084">
        <v>0</v>
      </c>
      <c r="AJ7084">
        <v>0</v>
      </c>
      <c r="AK7084">
        <v>0</v>
      </c>
      <c r="AL7084">
        <v>0</v>
      </c>
      <c r="AM7084">
        <v>0</v>
      </c>
      <c r="AN7084">
        <v>0</v>
      </c>
      <c r="AO7084">
        <v>0</v>
      </c>
      <c r="AP7084">
        <v>0</v>
      </c>
      <c r="AQ7084">
        <v>0</v>
      </c>
    </row>
    <row r="7085" spans="1:43">
      <c r="A7085" t="s">
        <v>4436</v>
      </c>
      <c r="B7085" t="s">
        <v>4437</v>
      </c>
      <c r="C7085" t="s">
        <v>4438</v>
      </c>
      <c r="D7085" t="s">
        <v>4439</v>
      </c>
      <c r="E7085" t="s">
        <v>4236</v>
      </c>
      <c r="F7085" t="s">
        <v>4237</v>
      </c>
      <c r="G7085" t="s">
        <v>80</v>
      </c>
      <c r="H7085" t="s">
        <v>81</v>
      </c>
      <c r="I7085" s="2">
        <v>1</v>
      </c>
      <c r="J7085" s="2">
        <v>0</v>
      </c>
      <c r="K7085" s="2">
        <v>0</v>
      </c>
      <c r="L7085" t="s">
        <v>120</v>
      </c>
      <c r="M7085" t="s">
        <v>83</v>
      </c>
      <c r="N7085" t="s">
        <v>91</v>
      </c>
      <c r="O7085" t="s">
        <v>85</v>
      </c>
      <c r="P7085" t="s">
        <v>86</v>
      </c>
      <c r="Q7085">
        <v>0</v>
      </c>
      <c r="R7085">
        <v>0</v>
      </c>
      <c r="S7085">
        <v>0</v>
      </c>
      <c r="T7085">
        <v>0</v>
      </c>
      <c r="U7085">
        <v>0</v>
      </c>
      <c r="V7085">
        <v>0</v>
      </c>
      <c r="W7085">
        <v>0</v>
      </c>
      <c r="X7085">
        <v>0</v>
      </c>
      <c r="Y7085">
        <v>0</v>
      </c>
      <c r="Z7085">
        <v>0</v>
      </c>
      <c r="AA7085">
        <v>0</v>
      </c>
      <c r="AB7085">
        <v>0</v>
      </c>
      <c r="AC7085">
        <v>0</v>
      </c>
      <c r="AD7085">
        <v>0</v>
      </c>
      <c r="AE7085">
        <v>0</v>
      </c>
      <c r="AF7085">
        <v>0</v>
      </c>
      <c r="AG7085">
        <v>0</v>
      </c>
      <c r="AH7085">
        <v>0</v>
      </c>
      <c r="AI7085">
        <v>0</v>
      </c>
      <c r="AJ7085">
        <v>0</v>
      </c>
      <c r="AK7085">
        <v>0</v>
      </c>
      <c r="AL7085">
        <v>0</v>
      </c>
      <c r="AM7085">
        <v>0</v>
      </c>
      <c r="AN7085">
        <v>0</v>
      </c>
      <c r="AO7085">
        <v>0</v>
      </c>
      <c r="AP7085">
        <v>0</v>
      </c>
      <c r="AQ7085">
        <v>0</v>
      </c>
    </row>
    <row r="7086" spans="1:43">
      <c r="A7086" t="s">
        <v>4440</v>
      </c>
      <c r="B7086" t="s">
        <v>4441</v>
      </c>
      <c r="C7086" t="s">
        <v>4434</v>
      </c>
      <c r="D7086" t="s">
        <v>4435</v>
      </c>
      <c r="E7086" t="s">
        <v>4236</v>
      </c>
      <c r="F7086" t="s">
        <v>4237</v>
      </c>
      <c r="G7086" t="s">
        <v>80</v>
      </c>
      <c r="H7086" t="s">
        <v>81</v>
      </c>
      <c r="I7086" s="2">
        <v>1</v>
      </c>
      <c r="J7086" s="2">
        <v>0</v>
      </c>
      <c r="K7086" s="2">
        <v>0</v>
      </c>
      <c r="L7086" t="s">
        <v>120</v>
      </c>
      <c r="M7086" t="s">
        <v>83</v>
      </c>
      <c r="N7086" t="s">
        <v>84</v>
      </c>
      <c r="O7086" t="s">
        <v>85</v>
      </c>
      <c r="P7086" t="s">
        <v>86</v>
      </c>
      <c r="Q7086">
        <v>56</v>
      </c>
      <c r="R7086">
        <v>56</v>
      </c>
      <c r="S7086">
        <v>57</v>
      </c>
      <c r="T7086">
        <v>57</v>
      </c>
      <c r="U7086">
        <v>58</v>
      </c>
      <c r="V7086">
        <v>59</v>
      </c>
      <c r="W7086">
        <v>59</v>
      </c>
      <c r="X7086">
        <v>60</v>
      </c>
      <c r="Y7086">
        <v>60</v>
      </c>
      <c r="Z7086">
        <v>60</v>
      </c>
      <c r="AA7086">
        <v>61</v>
      </c>
      <c r="AB7086">
        <v>61</v>
      </c>
      <c r="AC7086">
        <v>62</v>
      </c>
      <c r="AD7086">
        <v>62</v>
      </c>
      <c r="AE7086">
        <v>62</v>
      </c>
      <c r="AF7086">
        <v>62</v>
      </c>
      <c r="AG7086">
        <v>63</v>
      </c>
      <c r="AH7086">
        <v>63</v>
      </c>
      <c r="AI7086">
        <v>63</v>
      </c>
      <c r="AJ7086">
        <v>63</v>
      </c>
      <c r="AK7086">
        <v>63</v>
      </c>
      <c r="AL7086">
        <v>63</v>
      </c>
      <c r="AM7086">
        <v>63</v>
      </c>
      <c r="AN7086">
        <v>62</v>
      </c>
      <c r="AO7086">
        <v>62</v>
      </c>
      <c r="AP7086">
        <v>61</v>
      </c>
      <c r="AQ7086">
        <v>61</v>
      </c>
    </row>
    <row r="7087" spans="1:43">
      <c r="A7087" t="s">
        <v>4440</v>
      </c>
      <c r="B7087" t="s">
        <v>4441</v>
      </c>
      <c r="C7087" t="s">
        <v>4434</v>
      </c>
      <c r="D7087" t="s">
        <v>4435</v>
      </c>
      <c r="E7087" t="s">
        <v>4236</v>
      </c>
      <c r="F7087" t="s">
        <v>4237</v>
      </c>
      <c r="G7087" t="s">
        <v>80</v>
      </c>
      <c r="H7087" t="s">
        <v>81</v>
      </c>
      <c r="I7087" s="2">
        <v>1</v>
      </c>
      <c r="J7087" s="2">
        <v>0</v>
      </c>
      <c r="K7087" s="2">
        <v>0</v>
      </c>
      <c r="L7087" t="s">
        <v>120</v>
      </c>
      <c r="M7087" t="s">
        <v>87</v>
      </c>
      <c r="N7087" t="s">
        <v>88</v>
      </c>
      <c r="O7087" t="s">
        <v>85</v>
      </c>
      <c r="P7087" t="s">
        <v>86</v>
      </c>
      <c r="Q7087">
        <v>56</v>
      </c>
      <c r="R7087">
        <v>56</v>
      </c>
      <c r="S7087">
        <v>56</v>
      </c>
      <c r="T7087">
        <v>56</v>
      </c>
      <c r="U7087">
        <v>56</v>
      </c>
      <c r="V7087">
        <v>56</v>
      </c>
      <c r="W7087">
        <v>56</v>
      </c>
      <c r="X7087">
        <v>57</v>
      </c>
      <c r="Y7087">
        <v>57</v>
      </c>
      <c r="Z7087">
        <v>56</v>
      </c>
      <c r="AA7087">
        <v>56</v>
      </c>
      <c r="AB7087">
        <v>56</v>
      </c>
      <c r="AC7087">
        <v>56</v>
      </c>
      <c r="AD7087">
        <v>56</v>
      </c>
      <c r="AE7087">
        <v>56</v>
      </c>
      <c r="AF7087">
        <v>56</v>
      </c>
      <c r="AG7087">
        <v>56</v>
      </c>
      <c r="AH7087">
        <v>56</v>
      </c>
      <c r="AI7087">
        <v>56</v>
      </c>
      <c r="AJ7087">
        <v>55</v>
      </c>
      <c r="AK7087">
        <v>55</v>
      </c>
      <c r="AL7087">
        <v>55</v>
      </c>
      <c r="AM7087">
        <v>55</v>
      </c>
      <c r="AN7087">
        <v>55</v>
      </c>
      <c r="AO7087">
        <v>54</v>
      </c>
      <c r="AP7087">
        <v>54</v>
      </c>
      <c r="AQ7087">
        <v>54</v>
      </c>
    </row>
    <row r="7088" spans="1:43">
      <c r="A7088" t="s">
        <v>4440</v>
      </c>
      <c r="B7088" t="s">
        <v>4441</v>
      </c>
      <c r="C7088" t="s">
        <v>4434</v>
      </c>
      <c r="D7088" t="s">
        <v>4435</v>
      </c>
      <c r="E7088" t="s">
        <v>4236</v>
      </c>
      <c r="F7088" t="s">
        <v>4237</v>
      </c>
      <c r="G7088" t="s">
        <v>80</v>
      </c>
      <c r="H7088" t="s">
        <v>81</v>
      </c>
      <c r="I7088" s="2">
        <v>1</v>
      </c>
      <c r="J7088" s="2">
        <v>0</v>
      </c>
      <c r="K7088" s="2">
        <v>0</v>
      </c>
      <c r="L7088" t="s">
        <v>120</v>
      </c>
      <c r="M7088" t="s">
        <v>89</v>
      </c>
      <c r="N7088" t="s">
        <v>90</v>
      </c>
      <c r="O7088" t="s">
        <v>85</v>
      </c>
      <c r="P7088" t="s">
        <v>86</v>
      </c>
      <c r="Q7088">
        <v>56</v>
      </c>
      <c r="R7088">
        <v>57</v>
      </c>
      <c r="S7088">
        <v>58</v>
      </c>
      <c r="T7088">
        <v>59</v>
      </c>
      <c r="U7088">
        <v>60</v>
      </c>
      <c r="V7088">
        <v>61</v>
      </c>
      <c r="W7088">
        <v>62</v>
      </c>
      <c r="X7088">
        <v>63</v>
      </c>
      <c r="Y7088">
        <v>63</v>
      </c>
      <c r="Z7088">
        <v>64</v>
      </c>
      <c r="AA7088">
        <v>65</v>
      </c>
      <c r="AB7088">
        <v>65</v>
      </c>
      <c r="AC7088">
        <v>66</v>
      </c>
      <c r="AD7088">
        <v>66</v>
      </c>
      <c r="AE7088">
        <v>67</v>
      </c>
      <c r="AF7088">
        <v>66</v>
      </c>
      <c r="AG7088">
        <v>66</v>
      </c>
      <c r="AH7088">
        <v>66</v>
      </c>
      <c r="AI7088">
        <v>65</v>
      </c>
      <c r="AJ7088">
        <v>65</v>
      </c>
      <c r="AK7088">
        <v>64</v>
      </c>
      <c r="AL7088">
        <v>64</v>
      </c>
      <c r="AM7088">
        <v>63</v>
      </c>
      <c r="AN7088">
        <v>63</v>
      </c>
      <c r="AO7088">
        <v>63</v>
      </c>
      <c r="AP7088">
        <v>62</v>
      </c>
      <c r="AQ7088">
        <v>62</v>
      </c>
    </row>
    <row r="7089" spans="1:43">
      <c r="A7089" t="s">
        <v>4440</v>
      </c>
      <c r="B7089" t="s">
        <v>4441</v>
      </c>
      <c r="C7089" t="s">
        <v>4434</v>
      </c>
      <c r="D7089" t="s">
        <v>4435</v>
      </c>
      <c r="E7089" t="s">
        <v>4236</v>
      </c>
      <c r="F7089" t="s">
        <v>4237</v>
      </c>
      <c r="G7089" t="s">
        <v>80</v>
      </c>
      <c r="H7089" t="s">
        <v>81</v>
      </c>
      <c r="I7089" s="2">
        <v>1</v>
      </c>
      <c r="J7089" s="2">
        <v>0</v>
      </c>
      <c r="K7089" s="2">
        <v>0</v>
      </c>
      <c r="L7089" t="s">
        <v>120</v>
      </c>
      <c r="M7089" t="s">
        <v>83</v>
      </c>
      <c r="N7089" t="s">
        <v>91</v>
      </c>
      <c r="O7089" t="s">
        <v>85</v>
      </c>
      <c r="P7089" t="s">
        <v>86</v>
      </c>
      <c r="Q7089">
        <v>56</v>
      </c>
      <c r="R7089">
        <v>56</v>
      </c>
      <c r="S7089">
        <v>57</v>
      </c>
      <c r="T7089">
        <v>57</v>
      </c>
      <c r="U7089">
        <v>58</v>
      </c>
      <c r="V7089">
        <v>59</v>
      </c>
      <c r="W7089">
        <v>59</v>
      </c>
      <c r="X7089">
        <v>60</v>
      </c>
      <c r="Y7089">
        <v>60</v>
      </c>
      <c r="Z7089">
        <v>60</v>
      </c>
      <c r="AA7089">
        <v>61</v>
      </c>
      <c r="AB7089">
        <v>61</v>
      </c>
      <c r="AC7089">
        <v>62</v>
      </c>
      <c r="AD7089">
        <v>62</v>
      </c>
      <c r="AE7089">
        <v>62</v>
      </c>
      <c r="AF7089">
        <v>62</v>
      </c>
      <c r="AG7089">
        <v>63</v>
      </c>
      <c r="AH7089">
        <v>63</v>
      </c>
      <c r="AI7089">
        <v>63</v>
      </c>
      <c r="AJ7089">
        <v>63</v>
      </c>
      <c r="AK7089">
        <v>63</v>
      </c>
      <c r="AL7089">
        <v>63</v>
      </c>
      <c r="AM7089">
        <v>63</v>
      </c>
      <c r="AN7089">
        <v>62</v>
      </c>
      <c r="AO7089">
        <v>62</v>
      </c>
      <c r="AP7089">
        <v>61</v>
      </c>
      <c r="AQ7089">
        <v>61</v>
      </c>
    </row>
    <row r="7090" spans="1:43">
      <c r="A7090" t="s">
        <v>4442</v>
      </c>
      <c r="B7090" t="s">
        <v>4443</v>
      </c>
      <c r="C7090" t="s">
        <v>4438</v>
      </c>
      <c r="D7090" t="s">
        <v>4439</v>
      </c>
      <c r="E7090" t="s">
        <v>4236</v>
      </c>
      <c r="F7090" t="s">
        <v>4237</v>
      </c>
      <c r="G7090" t="s">
        <v>80</v>
      </c>
      <c r="H7090" t="s">
        <v>81</v>
      </c>
      <c r="I7090" s="2">
        <v>1</v>
      </c>
      <c r="J7090" s="2">
        <v>0</v>
      </c>
      <c r="K7090" s="2">
        <v>0</v>
      </c>
      <c r="L7090" t="s">
        <v>120</v>
      </c>
      <c r="M7090" t="s">
        <v>83</v>
      </c>
      <c r="N7090" t="s">
        <v>84</v>
      </c>
      <c r="O7090" t="s">
        <v>85</v>
      </c>
      <c r="P7090" t="s">
        <v>86</v>
      </c>
      <c r="Q7090">
        <v>29</v>
      </c>
      <c r="R7090">
        <v>29</v>
      </c>
      <c r="S7090">
        <v>29</v>
      </c>
      <c r="T7090">
        <v>30</v>
      </c>
      <c r="U7090">
        <v>30</v>
      </c>
      <c r="V7090">
        <v>30</v>
      </c>
      <c r="W7090">
        <v>31</v>
      </c>
      <c r="X7090">
        <v>31</v>
      </c>
      <c r="Y7090">
        <v>31</v>
      </c>
      <c r="Z7090">
        <v>32</v>
      </c>
      <c r="AA7090">
        <v>32</v>
      </c>
      <c r="AB7090">
        <v>32</v>
      </c>
      <c r="AC7090">
        <v>32</v>
      </c>
      <c r="AD7090">
        <v>32</v>
      </c>
      <c r="AE7090">
        <v>33</v>
      </c>
      <c r="AF7090">
        <v>33</v>
      </c>
      <c r="AG7090">
        <v>33</v>
      </c>
      <c r="AH7090">
        <v>33</v>
      </c>
      <c r="AI7090">
        <v>33</v>
      </c>
      <c r="AJ7090">
        <v>33</v>
      </c>
      <c r="AK7090">
        <v>34</v>
      </c>
      <c r="AL7090">
        <v>34</v>
      </c>
      <c r="AM7090">
        <v>33</v>
      </c>
      <c r="AN7090">
        <v>33</v>
      </c>
      <c r="AO7090">
        <v>33</v>
      </c>
      <c r="AP7090">
        <v>33</v>
      </c>
      <c r="AQ7090">
        <v>33</v>
      </c>
    </row>
    <row r="7091" spans="1:43">
      <c r="A7091" t="s">
        <v>4442</v>
      </c>
      <c r="B7091" t="s">
        <v>4443</v>
      </c>
      <c r="C7091" t="s">
        <v>4438</v>
      </c>
      <c r="D7091" t="s">
        <v>4439</v>
      </c>
      <c r="E7091" t="s">
        <v>4236</v>
      </c>
      <c r="F7091" t="s">
        <v>4237</v>
      </c>
      <c r="G7091" t="s">
        <v>80</v>
      </c>
      <c r="H7091" t="s">
        <v>81</v>
      </c>
      <c r="I7091" s="2">
        <v>1</v>
      </c>
      <c r="J7091" s="2">
        <v>0</v>
      </c>
      <c r="K7091" s="2">
        <v>0</v>
      </c>
      <c r="L7091" t="s">
        <v>120</v>
      </c>
      <c r="M7091" t="s">
        <v>87</v>
      </c>
      <c r="N7091" t="s">
        <v>88</v>
      </c>
      <c r="O7091" t="s">
        <v>85</v>
      </c>
      <c r="P7091" t="s">
        <v>86</v>
      </c>
      <c r="Q7091">
        <v>29</v>
      </c>
      <c r="R7091">
        <v>30</v>
      </c>
      <c r="S7091">
        <v>30</v>
      </c>
      <c r="T7091">
        <v>30</v>
      </c>
      <c r="U7091">
        <v>30</v>
      </c>
      <c r="V7091">
        <v>30</v>
      </c>
      <c r="W7091">
        <v>30</v>
      </c>
      <c r="X7091">
        <v>30</v>
      </c>
      <c r="Y7091">
        <v>30</v>
      </c>
      <c r="Z7091">
        <v>30</v>
      </c>
      <c r="AA7091">
        <v>30</v>
      </c>
      <c r="AB7091">
        <v>30</v>
      </c>
      <c r="AC7091">
        <v>30</v>
      </c>
      <c r="AD7091">
        <v>30</v>
      </c>
      <c r="AE7091">
        <v>30</v>
      </c>
      <c r="AF7091">
        <v>30</v>
      </c>
      <c r="AG7091">
        <v>30</v>
      </c>
      <c r="AH7091">
        <v>30</v>
      </c>
      <c r="AI7091">
        <v>30</v>
      </c>
      <c r="AJ7091">
        <v>30</v>
      </c>
      <c r="AK7091">
        <v>30</v>
      </c>
      <c r="AL7091">
        <v>30</v>
      </c>
      <c r="AM7091">
        <v>30</v>
      </c>
      <c r="AN7091">
        <v>30</v>
      </c>
      <c r="AO7091">
        <v>29</v>
      </c>
      <c r="AP7091">
        <v>29</v>
      </c>
      <c r="AQ7091">
        <v>29</v>
      </c>
    </row>
    <row r="7092" spans="1:43">
      <c r="A7092" t="s">
        <v>4442</v>
      </c>
      <c r="B7092" t="s">
        <v>4443</v>
      </c>
      <c r="C7092" t="s">
        <v>4438</v>
      </c>
      <c r="D7092" t="s">
        <v>4439</v>
      </c>
      <c r="E7092" t="s">
        <v>4236</v>
      </c>
      <c r="F7092" t="s">
        <v>4237</v>
      </c>
      <c r="G7092" t="s">
        <v>80</v>
      </c>
      <c r="H7092" t="s">
        <v>81</v>
      </c>
      <c r="I7092" s="2">
        <v>1</v>
      </c>
      <c r="J7092" s="2">
        <v>0</v>
      </c>
      <c r="K7092" s="2">
        <v>0</v>
      </c>
      <c r="L7092" t="s">
        <v>120</v>
      </c>
      <c r="M7092" t="s">
        <v>89</v>
      </c>
      <c r="N7092" t="s">
        <v>90</v>
      </c>
      <c r="O7092" t="s">
        <v>85</v>
      </c>
      <c r="P7092" t="s">
        <v>86</v>
      </c>
      <c r="Q7092">
        <v>29</v>
      </c>
      <c r="R7092">
        <v>30</v>
      </c>
      <c r="S7092">
        <v>30</v>
      </c>
      <c r="T7092">
        <v>31</v>
      </c>
      <c r="U7092">
        <v>31</v>
      </c>
      <c r="V7092">
        <v>32</v>
      </c>
      <c r="W7092">
        <v>32</v>
      </c>
      <c r="X7092">
        <v>33</v>
      </c>
      <c r="Y7092">
        <v>33</v>
      </c>
      <c r="Z7092">
        <v>33</v>
      </c>
      <c r="AA7092">
        <v>34</v>
      </c>
      <c r="AB7092">
        <v>34</v>
      </c>
      <c r="AC7092">
        <v>35</v>
      </c>
      <c r="AD7092">
        <v>35</v>
      </c>
      <c r="AE7092">
        <v>35</v>
      </c>
      <c r="AF7092">
        <v>35</v>
      </c>
      <c r="AG7092">
        <v>35</v>
      </c>
      <c r="AH7092">
        <v>35</v>
      </c>
      <c r="AI7092">
        <v>35</v>
      </c>
      <c r="AJ7092">
        <v>34</v>
      </c>
      <c r="AK7092">
        <v>34</v>
      </c>
      <c r="AL7092">
        <v>34</v>
      </c>
      <c r="AM7092">
        <v>34</v>
      </c>
      <c r="AN7092">
        <v>34</v>
      </c>
      <c r="AO7092">
        <v>34</v>
      </c>
      <c r="AP7092">
        <v>33</v>
      </c>
      <c r="AQ7092">
        <v>33</v>
      </c>
    </row>
    <row r="7093" spans="1:43">
      <c r="A7093" t="s">
        <v>4442</v>
      </c>
      <c r="B7093" t="s">
        <v>4443</v>
      </c>
      <c r="C7093" t="s">
        <v>4438</v>
      </c>
      <c r="D7093" t="s">
        <v>4439</v>
      </c>
      <c r="E7093" t="s">
        <v>4236</v>
      </c>
      <c r="F7093" t="s">
        <v>4237</v>
      </c>
      <c r="G7093" t="s">
        <v>80</v>
      </c>
      <c r="H7093" t="s">
        <v>81</v>
      </c>
      <c r="I7093" s="2">
        <v>1</v>
      </c>
      <c r="J7093" s="2">
        <v>0</v>
      </c>
      <c r="K7093" s="2">
        <v>0</v>
      </c>
      <c r="L7093" t="s">
        <v>120</v>
      </c>
      <c r="M7093" t="s">
        <v>83</v>
      </c>
      <c r="N7093" t="s">
        <v>91</v>
      </c>
      <c r="O7093" t="s">
        <v>85</v>
      </c>
      <c r="P7093" t="s">
        <v>86</v>
      </c>
      <c r="Q7093">
        <v>29</v>
      </c>
      <c r="R7093">
        <v>29</v>
      </c>
      <c r="S7093">
        <v>29</v>
      </c>
      <c r="T7093">
        <v>30</v>
      </c>
      <c r="U7093">
        <v>30</v>
      </c>
      <c r="V7093">
        <v>30</v>
      </c>
      <c r="W7093">
        <v>31</v>
      </c>
      <c r="X7093">
        <v>31</v>
      </c>
      <c r="Y7093">
        <v>31</v>
      </c>
      <c r="Z7093">
        <v>32</v>
      </c>
      <c r="AA7093">
        <v>32</v>
      </c>
      <c r="AB7093">
        <v>32</v>
      </c>
      <c r="AC7093">
        <v>32</v>
      </c>
      <c r="AD7093">
        <v>32</v>
      </c>
      <c r="AE7093">
        <v>33</v>
      </c>
      <c r="AF7093">
        <v>33</v>
      </c>
      <c r="AG7093">
        <v>33</v>
      </c>
      <c r="AH7093">
        <v>33</v>
      </c>
      <c r="AI7093">
        <v>33</v>
      </c>
      <c r="AJ7093">
        <v>33</v>
      </c>
      <c r="AK7093">
        <v>34</v>
      </c>
      <c r="AL7093">
        <v>34</v>
      </c>
      <c r="AM7093">
        <v>33</v>
      </c>
      <c r="AN7093">
        <v>33</v>
      </c>
      <c r="AO7093">
        <v>33</v>
      </c>
      <c r="AP7093">
        <v>33</v>
      </c>
      <c r="AQ7093">
        <v>33</v>
      </c>
    </row>
    <row r="7094" spans="1:43">
      <c r="A7094" t="s">
        <v>4444</v>
      </c>
      <c r="B7094" t="s">
        <v>4445</v>
      </c>
      <c r="C7094" t="s">
        <v>4438</v>
      </c>
      <c r="D7094" t="s">
        <v>4439</v>
      </c>
      <c r="E7094" t="s">
        <v>4236</v>
      </c>
      <c r="F7094" t="s">
        <v>4237</v>
      </c>
      <c r="G7094" t="s">
        <v>80</v>
      </c>
      <c r="H7094" t="s">
        <v>81</v>
      </c>
      <c r="I7094" s="2">
        <v>1</v>
      </c>
      <c r="J7094" s="2">
        <v>0</v>
      </c>
      <c r="K7094" s="2">
        <v>0</v>
      </c>
      <c r="L7094" t="s">
        <v>120</v>
      </c>
      <c r="M7094" t="s">
        <v>83</v>
      </c>
      <c r="N7094" t="s">
        <v>84</v>
      </c>
      <c r="O7094" t="s">
        <v>85</v>
      </c>
      <c r="P7094" t="s">
        <v>86</v>
      </c>
      <c r="Q7094">
        <v>38</v>
      </c>
      <c r="R7094">
        <v>39</v>
      </c>
      <c r="S7094">
        <v>39</v>
      </c>
      <c r="T7094">
        <v>40</v>
      </c>
      <c r="U7094">
        <v>40</v>
      </c>
      <c r="V7094">
        <v>40</v>
      </c>
      <c r="W7094">
        <v>41</v>
      </c>
      <c r="X7094">
        <v>41</v>
      </c>
      <c r="Y7094">
        <v>42</v>
      </c>
      <c r="Z7094">
        <v>42</v>
      </c>
      <c r="AA7094">
        <v>42</v>
      </c>
      <c r="AB7094">
        <v>43</v>
      </c>
      <c r="AC7094">
        <v>43</v>
      </c>
      <c r="AD7094">
        <v>43</v>
      </c>
      <c r="AE7094">
        <v>43</v>
      </c>
      <c r="AF7094">
        <v>44</v>
      </c>
      <c r="AG7094">
        <v>44</v>
      </c>
      <c r="AH7094">
        <v>44</v>
      </c>
      <c r="AI7094">
        <v>44</v>
      </c>
      <c r="AJ7094">
        <v>44</v>
      </c>
      <c r="AK7094">
        <v>45</v>
      </c>
      <c r="AL7094">
        <v>45</v>
      </c>
      <c r="AM7094">
        <v>44</v>
      </c>
      <c r="AN7094">
        <v>44</v>
      </c>
      <c r="AO7094">
        <v>44</v>
      </c>
      <c r="AP7094">
        <v>44</v>
      </c>
      <c r="AQ7094">
        <v>44</v>
      </c>
    </row>
    <row r="7095" spans="1:43">
      <c r="A7095" t="s">
        <v>4444</v>
      </c>
      <c r="B7095" t="s">
        <v>4445</v>
      </c>
      <c r="C7095" t="s">
        <v>4438</v>
      </c>
      <c r="D7095" t="s">
        <v>4439</v>
      </c>
      <c r="E7095" t="s">
        <v>4236</v>
      </c>
      <c r="F7095" t="s">
        <v>4237</v>
      </c>
      <c r="G7095" t="s">
        <v>80</v>
      </c>
      <c r="H7095" t="s">
        <v>81</v>
      </c>
      <c r="I7095" s="2">
        <v>1</v>
      </c>
      <c r="J7095" s="2">
        <v>0</v>
      </c>
      <c r="K7095" s="2">
        <v>0</v>
      </c>
      <c r="L7095" t="s">
        <v>120</v>
      </c>
      <c r="M7095" t="s">
        <v>87</v>
      </c>
      <c r="N7095" t="s">
        <v>88</v>
      </c>
      <c r="O7095" t="s">
        <v>85</v>
      </c>
      <c r="P7095" t="s">
        <v>86</v>
      </c>
      <c r="Q7095">
        <v>38</v>
      </c>
      <c r="R7095">
        <v>38</v>
      </c>
      <c r="S7095">
        <v>38</v>
      </c>
      <c r="T7095">
        <v>38</v>
      </c>
      <c r="U7095">
        <v>38</v>
      </c>
      <c r="V7095">
        <v>38</v>
      </c>
      <c r="W7095">
        <v>38</v>
      </c>
      <c r="X7095">
        <v>38</v>
      </c>
      <c r="Y7095">
        <v>39</v>
      </c>
      <c r="Z7095">
        <v>39</v>
      </c>
      <c r="AA7095">
        <v>39</v>
      </c>
      <c r="AB7095">
        <v>39</v>
      </c>
      <c r="AC7095">
        <v>39</v>
      </c>
      <c r="AD7095">
        <v>39</v>
      </c>
      <c r="AE7095">
        <v>39</v>
      </c>
      <c r="AF7095">
        <v>39</v>
      </c>
      <c r="AG7095">
        <v>38</v>
      </c>
      <c r="AH7095">
        <v>38</v>
      </c>
      <c r="AI7095">
        <v>38</v>
      </c>
      <c r="AJ7095">
        <v>38</v>
      </c>
      <c r="AK7095">
        <v>38</v>
      </c>
      <c r="AL7095">
        <v>38</v>
      </c>
      <c r="AM7095">
        <v>38</v>
      </c>
      <c r="AN7095">
        <v>38</v>
      </c>
      <c r="AO7095">
        <v>38</v>
      </c>
      <c r="AP7095">
        <v>38</v>
      </c>
      <c r="AQ7095">
        <v>38</v>
      </c>
    </row>
    <row r="7096" spans="1:43">
      <c r="A7096" t="s">
        <v>4444</v>
      </c>
      <c r="B7096" t="s">
        <v>4445</v>
      </c>
      <c r="C7096" t="s">
        <v>4438</v>
      </c>
      <c r="D7096" t="s">
        <v>4439</v>
      </c>
      <c r="E7096" t="s">
        <v>4236</v>
      </c>
      <c r="F7096" t="s">
        <v>4237</v>
      </c>
      <c r="G7096" t="s">
        <v>80</v>
      </c>
      <c r="H7096" t="s">
        <v>81</v>
      </c>
      <c r="I7096" s="2">
        <v>1</v>
      </c>
      <c r="J7096" s="2">
        <v>0</v>
      </c>
      <c r="K7096" s="2">
        <v>0</v>
      </c>
      <c r="L7096" t="s">
        <v>120</v>
      </c>
      <c r="M7096" t="s">
        <v>89</v>
      </c>
      <c r="N7096" t="s">
        <v>90</v>
      </c>
      <c r="O7096" t="s">
        <v>85</v>
      </c>
      <c r="P7096" t="s">
        <v>86</v>
      </c>
      <c r="Q7096">
        <v>38</v>
      </c>
      <c r="R7096">
        <v>38</v>
      </c>
      <c r="S7096">
        <v>39</v>
      </c>
      <c r="T7096">
        <v>40</v>
      </c>
      <c r="U7096">
        <v>41</v>
      </c>
      <c r="V7096">
        <v>41</v>
      </c>
      <c r="W7096">
        <v>42</v>
      </c>
      <c r="X7096">
        <v>42</v>
      </c>
      <c r="Y7096">
        <v>43</v>
      </c>
      <c r="Z7096">
        <v>44</v>
      </c>
      <c r="AA7096">
        <v>44</v>
      </c>
      <c r="AB7096">
        <v>44</v>
      </c>
      <c r="AC7096">
        <v>45</v>
      </c>
      <c r="AD7096">
        <v>45</v>
      </c>
      <c r="AE7096">
        <v>46</v>
      </c>
      <c r="AF7096">
        <v>45</v>
      </c>
      <c r="AG7096">
        <v>45</v>
      </c>
      <c r="AH7096">
        <v>45</v>
      </c>
      <c r="AI7096">
        <v>45</v>
      </c>
      <c r="AJ7096">
        <v>45</v>
      </c>
      <c r="AK7096">
        <v>44</v>
      </c>
      <c r="AL7096">
        <v>44</v>
      </c>
      <c r="AM7096">
        <v>44</v>
      </c>
      <c r="AN7096">
        <v>44</v>
      </c>
      <c r="AO7096">
        <v>44</v>
      </c>
      <c r="AP7096">
        <v>43</v>
      </c>
      <c r="AQ7096">
        <v>43</v>
      </c>
    </row>
    <row r="7097" spans="1:43">
      <c r="A7097" t="s">
        <v>4444</v>
      </c>
      <c r="B7097" t="s">
        <v>4445</v>
      </c>
      <c r="C7097" t="s">
        <v>4438</v>
      </c>
      <c r="D7097" t="s">
        <v>4439</v>
      </c>
      <c r="E7097" t="s">
        <v>4236</v>
      </c>
      <c r="F7097" t="s">
        <v>4237</v>
      </c>
      <c r="G7097" t="s">
        <v>80</v>
      </c>
      <c r="H7097" t="s">
        <v>81</v>
      </c>
      <c r="I7097" s="2">
        <v>1</v>
      </c>
      <c r="J7097" s="2">
        <v>0</v>
      </c>
      <c r="K7097" s="2">
        <v>0</v>
      </c>
      <c r="L7097" t="s">
        <v>120</v>
      </c>
      <c r="M7097" t="s">
        <v>83</v>
      </c>
      <c r="N7097" t="s">
        <v>91</v>
      </c>
      <c r="O7097" t="s">
        <v>85</v>
      </c>
      <c r="P7097" t="s">
        <v>86</v>
      </c>
      <c r="Q7097">
        <v>38</v>
      </c>
      <c r="R7097">
        <v>39</v>
      </c>
      <c r="S7097">
        <v>39</v>
      </c>
      <c r="T7097">
        <v>40</v>
      </c>
      <c r="U7097">
        <v>40</v>
      </c>
      <c r="V7097">
        <v>40</v>
      </c>
      <c r="W7097">
        <v>41</v>
      </c>
      <c r="X7097">
        <v>41</v>
      </c>
      <c r="Y7097">
        <v>42</v>
      </c>
      <c r="Z7097">
        <v>42</v>
      </c>
      <c r="AA7097">
        <v>42</v>
      </c>
      <c r="AB7097">
        <v>43</v>
      </c>
      <c r="AC7097">
        <v>43</v>
      </c>
      <c r="AD7097">
        <v>43</v>
      </c>
      <c r="AE7097">
        <v>43</v>
      </c>
      <c r="AF7097">
        <v>44</v>
      </c>
      <c r="AG7097">
        <v>44</v>
      </c>
      <c r="AH7097">
        <v>44</v>
      </c>
      <c r="AI7097">
        <v>44</v>
      </c>
      <c r="AJ7097">
        <v>44</v>
      </c>
      <c r="AK7097">
        <v>45</v>
      </c>
      <c r="AL7097">
        <v>45</v>
      </c>
      <c r="AM7097">
        <v>44</v>
      </c>
      <c r="AN7097">
        <v>44</v>
      </c>
      <c r="AO7097">
        <v>44</v>
      </c>
      <c r="AP7097">
        <v>44</v>
      </c>
      <c r="AQ7097">
        <v>44</v>
      </c>
    </row>
    <row r="7098" spans="1:43">
      <c r="A7098" t="s">
        <v>4446</v>
      </c>
      <c r="B7098" t="s">
        <v>4447</v>
      </c>
      <c r="C7098" t="s">
        <v>4434</v>
      </c>
      <c r="D7098" t="s">
        <v>4435</v>
      </c>
      <c r="E7098" t="s">
        <v>4236</v>
      </c>
      <c r="F7098" t="s">
        <v>4237</v>
      </c>
      <c r="G7098" t="s">
        <v>80</v>
      </c>
      <c r="H7098" t="s">
        <v>81</v>
      </c>
      <c r="I7098" s="2">
        <v>1</v>
      </c>
      <c r="J7098" s="2">
        <v>0</v>
      </c>
      <c r="K7098" s="2">
        <v>0</v>
      </c>
      <c r="L7098" t="s">
        <v>120</v>
      </c>
      <c r="M7098" t="s">
        <v>83</v>
      </c>
      <c r="N7098" t="s">
        <v>84</v>
      </c>
      <c r="O7098" t="s">
        <v>85</v>
      </c>
      <c r="P7098" t="s">
        <v>86</v>
      </c>
      <c r="Q7098">
        <v>62</v>
      </c>
      <c r="R7098">
        <v>63</v>
      </c>
      <c r="S7098">
        <v>64</v>
      </c>
      <c r="T7098">
        <v>64</v>
      </c>
      <c r="U7098">
        <v>65</v>
      </c>
      <c r="V7098">
        <v>66</v>
      </c>
      <c r="W7098">
        <v>66</v>
      </c>
      <c r="X7098">
        <v>67</v>
      </c>
      <c r="Y7098">
        <v>67</v>
      </c>
      <c r="Z7098">
        <v>68</v>
      </c>
      <c r="AA7098">
        <v>68</v>
      </c>
      <c r="AB7098">
        <v>69</v>
      </c>
      <c r="AC7098">
        <v>69</v>
      </c>
      <c r="AD7098">
        <v>70</v>
      </c>
      <c r="AE7098">
        <v>70</v>
      </c>
      <c r="AF7098">
        <v>70</v>
      </c>
      <c r="AG7098">
        <v>70</v>
      </c>
      <c r="AH7098">
        <v>71</v>
      </c>
      <c r="AI7098">
        <v>71</v>
      </c>
      <c r="AJ7098">
        <v>71</v>
      </c>
      <c r="AK7098">
        <v>71</v>
      </c>
      <c r="AL7098">
        <v>71</v>
      </c>
      <c r="AM7098">
        <v>71</v>
      </c>
      <c r="AN7098">
        <v>70</v>
      </c>
      <c r="AO7098">
        <v>70</v>
      </c>
      <c r="AP7098">
        <v>69</v>
      </c>
      <c r="AQ7098">
        <v>69</v>
      </c>
    </row>
    <row r="7099" spans="1:43">
      <c r="A7099" t="s">
        <v>4446</v>
      </c>
      <c r="B7099" t="s">
        <v>4447</v>
      </c>
      <c r="C7099" t="s">
        <v>4434</v>
      </c>
      <c r="D7099" t="s">
        <v>4435</v>
      </c>
      <c r="E7099" t="s">
        <v>4236</v>
      </c>
      <c r="F7099" t="s">
        <v>4237</v>
      </c>
      <c r="G7099" t="s">
        <v>80</v>
      </c>
      <c r="H7099" t="s">
        <v>81</v>
      </c>
      <c r="I7099" s="2">
        <v>1</v>
      </c>
      <c r="J7099" s="2">
        <v>0</v>
      </c>
      <c r="K7099" s="2">
        <v>0</v>
      </c>
      <c r="L7099" t="s">
        <v>120</v>
      </c>
      <c r="M7099" t="s">
        <v>87</v>
      </c>
      <c r="N7099" t="s">
        <v>88</v>
      </c>
      <c r="O7099" t="s">
        <v>85</v>
      </c>
      <c r="P7099" t="s">
        <v>86</v>
      </c>
      <c r="Q7099">
        <v>62</v>
      </c>
      <c r="R7099">
        <v>62</v>
      </c>
      <c r="S7099">
        <v>62</v>
      </c>
      <c r="T7099">
        <v>62</v>
      </c>
      <c r="U7099">
        <v>62</v>
      </c>
      <c r="V7099">
        <v>62</v>
      </c>
      <c r="W7099">
        <v>62</v>
      </c>
      <c r="X7099">
        <v>62</v>
      </c>
      <c r="Y7099">
        <v>62</v>
      </c>
      <c r="Z7099">
        <v>62</v>
      </c>
      <c r="AA7099">
        <v>62</v>
      </c>
      <c r="AB7099">
        <v>62</v>
      </c>
      <c r="AC7099">
        <v>62</v>
      </c>
      <c r="AD7099">
        <v>62</v>
      </c>
      <c r="AE7099">
        <v>62</v>
      </c>
      <c r="AF7099">
        <v>62</v>
      </c>
      <c r="AG7099">
        <v>62</v>
      </c>
      <c r="AH7099">
        <v>62</v>
      </c>
      <c r="AI7099">
        <v>61</v>
      </c>
      <c r="AJ7099">
        <v>61</v>
      </c>
      <c r="AK7099">
        <v>61</v>
      </c>
      <c r="AL7099">
        <v>61</v>
      </c>
      <c r="AM7099">
        <v>61</v>
      </c>
      <c r="AN7099">
        <v>60</v>
      </c>
      <c r="AO7099">
        <v>60</v>
      </c>
      <c r="AP7099">
        <v>60</v>
      </c>
      <c r="AQ7099">
        <v>60</v>
      </c>
    </row>
    <row r="7100" spans="1:43">
      <c r="A7100" t="s">
        <v>4446</v>
      </c>
      <c r="B7100" t="s">
        <v>4447</v>
      </c>
      <c r="C7100" t="s">
        <v>4434</v>
      </c>
      <c r="D7100" t="s">
        <v>4435</v>
      </c>
      <c r="E7100" t="s">
        <v>4236</v>
      </c>
      <c r="F7100" t="s">
        <v>4237</v>
      </c>
      <c r="G7100" t="s">
        <v>80</v>
      </c>
      <c r="H7100" t="s">
        <v>81</v>
      </c>
      <c r="I7100" s="2">
        <v>1</v>
      </c>
      <c r="J7100" s="2">
        <v>0</v>
      </c>
      <c r="K7100" s="2">
        <v>0</v>
      </c>
      <c r="L7100" t="s">
        <v>120</v>
      </c>
      <c r="M7100" t="s">
        <v>89</v>
      </c>
      <c r="N7100" t="s">
        <v>90</v>
      </c>
      <c r="O7100" t="s">
        <v>85</v>
      </c>
      <c r="P7100" t="s">
        <v>86</v>
      </c>
      <c r="Q7100">
        <v>62</v>
      </c>
      <c r="R7100">
        <v>63</v>
      </c>
      <c r="S7100">
        <v>64</v>
      </c>
      <c r="T7100">
        <v>66</v>
      </c>
      <c r="U7100">
        <v>67</v>
      </c>
      <c r="V7100">
        <v>68</v>
      </c>
      <c r="W7100">
        <v>69</v>
      </c>
      <c r="X7100">
        <v>70</v>
      </c>
      <c r="Y7100">
        <v>70</v>
      </c>
      <c r="Z7100">
        <v>71</v>
      </c>
      <c r="AA7100">
        <v>72</v>
      </c>
      <c r="AB7100">
        <v>72</v>
      </c>
      <c r="AC7100">
        <v>73</v>
      </c>
      <c r="AD7100">
        <v>74</v>
      </c>
      <c r="AE7100">
        <v>74</v>
      </c>
      <c r="AF7100">
        <v>74</v>
      </c>
      <c r="AG7100">
        <v>73</v>
      </c>
      <c r="AH7100">
        <v>73</v>
      </c>
      <c r="AI7100">
        <v>72</v>
      </c>
      <c r="AJ7100">
        <v>72</v>
      </c>
      <c r="AK7100">
        <v>71</v>
      </c>
      <c r="AL7100">
        <v>71</v>
      </c>
      <c r="AM7100">
        <v>70</v>
      </c>
      <c r="AN7100">
        <v>70</v>
      </c>
      <c r="AO7100">
        <v>70</v>
      </c>
      <c r="AP7100">
        <v>69</v>
      </c>
      <c r="AQ7100">
        <v>68</v>
      </c>
    </row>
    <row r="7101" spans="1:43">
      <c r="A7101" t="s">
        <v>4446</v>
      </c>
      <c r="B7101" t="s">
        <v>4447</v>
      </c>
      <c r="C7101" t="s">
        <v>4434</v>
      </c>
      <c r="D7101" t="s">
        <v>4435</v>
      </c>
      <c r="E7101" t="s">
        <v>4236</v>
      </c>
      <c r="F7101" t="s">
        <v>4237</v>
      </c>
      <c r="G7101" t="s">
        <v>80</v>
      </c>
      <c r="H7101" t="s">
        <v>81</v>
      </c>
      <c r="I7101" s="2">
        <v>1</v>
      </c>
      <c r="J7101" s="2">
        <v>0</v>
      </c>
      <c r="K7101" s="2">
        <v>0</v>
      </c>
      <c r="L7101" t="s">
        <v>120</v>
      </c>
      <c r="M7101" t="s">
        <v>83</v>
      </c>
      <c r="N7101" t="s">
        <v>91</v>
      </c>
      <c r="O7101" t="s">
        <v>85</v>
      </c>
      <c r="P7101" t="s">
        <v>86</v>
      </c>
      <c r="Q7101">
        <v>62</v>
      </c>
      <c r="R7101">
        <v>63</v>
      </c>
      <c r="S7101">
        <v>64</v>
      </c>
      <c r="T7101">
        <v>64</v>
      </c>
      <c r="U7101">
        <v>65</v>
      </c>
      <c r="V7101">
        <v>66</v>
      </c>
      <c r="W7101">
        <v>66</v>
      </c>
      <c r="X7101">
        <v>67</v>
      </c>
      <c r="Y7101">
        <v>67</v>
      </c>
      <c r="Z7101">
        <v>68</v>
      </c>
      <c r="AA7101">
        <v>68</v>
      </c>
      <c r="AB7101">
        <v>69</v>
      </c>
      <c r="AC7101">
        <v>69</v>
      </c>
      <c r="AD7101">
        <v>70</v>
      </c>
      <c r="AE7101">
        <v>70</v>
      </c>
      <c r="AF7101">
        <v>70</v>
      </c>
      <c r="AG7101">
        <v>70</v>
      </c>
      <c r="AH7101">
        <v>71</v>
      </c>
      <c r="AI7101">
        <v>71</v>
      </c>
      <c r="AJ7101">
        <v>71</v>
      </c>
      <c r="AK7101">
        <v>71</v>
      </c>
      <c r="AL7101">
        <v>71</v>
      </c>
      <c r="AM7101">
        <v>71</v>
      </c>
      <c r="AN7101">
        <v>70</v>
      </c>
      <c r="AO7101">
        <v>70</v>
      </c>
      <c r="AP7101">
        <v>69</v>
      </c>
      <c r="AQ7101">
        <v>69</v>
      </c>
    </row>
    <row r="7102" spans="1:43">
      <c r="A7102" t="s">
        <v>4448</v>
      </c>
      <c r="B7102" t="s">
        <v>4449</v>
      </c>
      <c r="C7102" t="s">
        <v>4434</v>
      </c>
      <c r="D7102" t="s">
        <v>4435</v>
      </c>
      <c r="E7102" t="s">
        <v>4236</v>
      </c>
      <c r="F7102" t="s">
        <v>4237</v>
      </c>
      <c r="G7102" t="s">
        <v>80</v>
      </c>
      <c r="H7102" t="s">
        <v>81</v>
      </c>
      <c r="I7102" s="2">
        <v>1</v>
      </c>
      <c r="J7102" s="2">
        <v>0</v>
      </c>
      <c r="K7102" s="2">
        <v>0</v>
      </c>
      <c r="L7102" t="s">
        <v>120</v>
      </c>
      <c r="M7102" t="s">
        <v>83</v>
      </c>
      <c r="N7102" t="s">
        <v>84</v>
      </c>
      <c r="O7102" t="s">
        <v>85</v>
      </c>
      <c r="P7102" t="s">
        <v>86</v>
      </c>
      <c r="Q7102">
        <v>9</v>
      </c>
      <c r="R7102">
        <v>9</v>
      </c>
      <c r="S7102">
        <v>9</v>
      </c>
      <c r="T7102">
        <v>9</v>
      </c>
      <c r="U7102">
        <v>10</v>
      </c>
      <c r="V7102">
        <v>10</v>
      </c>
      <c r="W7102">
        <v>10</v>
      </c>
      <c r="X7102">
        <v>10</v>
      </c>
      <c r="Y7102">
        <v>10</v>
      </c>
      <c r="Z7102">
        <v>10</v>
      </c>
      <c r="AA7102">
        <v>10</v>
      </c>
      <c r="AB7102">
        <v>10</v>
      </c>
      <c r="AC7102">
        <v>10</v>
      </c>
      <c r="AD7102">
        <v>10</v>
      </c>
      <c r="AE7102">
        <v>10</v>
      </c>
      <c r="AF7102">
        <v>10</v>
      </c>
      <c r="AG7102">
        <v>10</v>
      </c>
      <c r="AH7102">
        <v>10</v>
      </c>
      <c r="AI7102">
        <v>10</v>
      </c>
      <c r="AJ7102">
        <v>10</v>
      </c>
      <c r="AK7102">
        <v>10</v>
      </c>
      <c r="AL7102">
        <v>10</v>
      </c>
      <c r="AM7102">
        <v>10</v>
      </c>
      <c r="AN7102">
        <v>10</v>
      </c>
      <c r="AO7102">
        <v>10</v>
      </c>
      <c r="AP7102">
        <v>10</v>
      </c>
      <c r="AQ7102">
        <v>10</v>
      </c>
    </row>
    <row r="7103" spans="1:43">
      <c r="A7103" t="s">
        <v>4448</v>
      </c>
      <c r="B7103" t="s">
        <v>4449</v>
      </c>
      <c r="C7103" t="s">
        <v>4434</v>
      </c>
      <c r="D7103" t="s">
        <v>4435</v>
      </c>
      <c r="E7103" t="s">
        <v>4236</v>
      </c>
      <c r="F7103" t="s">
        <v>4237</v>
      </c>
      <c r="G7103" t="s">
        <v>80</v>
      </c>
      <c r="H7103" t="s">
        <v>81</v>
      </c>
      <c r="I7103" s="2">
        <v>1</v>
      </c>
      <c r="J7103" s="2">
        <v>0</v>
      </c>
      <c r="K7103" s="2">
        <v>0</v>
      </c>
      <c r="L7103" t="s">
        <v>120</v>
      </c>
      <c r="M7103" t="s">
        <v>87</v>
      </c>
      <c r="N7103" t="s">
        <v>88</v>
      </c>
      <c r="O7103" t="s">
        <v>85</v>
      </c>
      <c r="P7103" t="s">
        <v>86</v>
      </c>
      <c r="Q7103">
        <v>9</v>
      </c>
      <c r="R7103">
        <v>9</v>
      </c>
      <c r="S7103">
        <v>9</v>
      </c>
      <c r="T7103">
        <v>9</v>
      </c>
      <c r="U7103">
        <v>9</v>
      </c>
      <c r="V7103">
        <v>9</v>
      </c>
      <c r="W7103">
        <v>9</v>
      </c>
      <c r="X7103">
        <v>9</v>
      </c>
      <c r="Y7103">
        <v>9</v>
      </c>
      <c r="Z7103">
        <v>9</v>
      </c>
      <c r="AA7103">
        <v>9</v>
      </c>
      <c r="AB7103">
        <v>9</v>
      </c>
      <c r="AC7103">
        <v>9</v>
      </c>
      <c r="AD7103">
        <v>9</v>
      </c>
      <c r="AE7103">
        <v>9</v>
      </c>
      <c r="AF7103">
        <v>9</v>
      </c>
      <c r="AG7103">
        <v>9</v>
      </c>
      <c r="AH7103">
        <v>9</v>
      </c>
      <c r="AI7103">
        <v>9</v>
      </c>
      <c r="AJ7103">
        <v>9</v>
      </c>
      <c r="AK7103">
        <v>9</v>
      </c>
      <c r="AL7103">
        <v>9</v>
      </c>
      <c r="AM7103">
        <v>9</v>
      </c>
      <c r="AN7103">
        <v>9</v>
      </c>
      <c r="AO7103">
        <v>9</v>
      </c>
      <c r="AP7103">
        <v>9</v>
      </c>
      <c r="AQ7103">
        <v>9</v>
      </c>
    </row>
    <row r="7104" spans="1:43">
      <c r="A7104" t="s">
        <v>4448</v>
      </c>
      <c r="B7104" t="s">
        <v>4449</v>
      </c>
      <c r="C7104" t="s">
        <v>4434</v>
      </c>
      <c r="D7104" t="s">
        <v>4435</v>
      </c>
      <c r="E7104" t="s">
        <v>4236</v>
      </c>
      <c r="F7104" t="s">
        <v>4237</v>
      </c>
      <c r="G7104" t="s">
        <v>80</v>
      </c>
      <c r="H7104" t="s">
        <v>81</v>
      </c>
      <c r="I7104" s="2">
        <v>1</v>
      </c>
      <c r="J7104" s="2">
        <v>0</v>
      </c>
      <c r="K7104" s="2">
        <v>0</v>
      </c>
      <c r="L7104" t="s">
        <v>120</v>
      </c>
      <c r="M7104" t="s">
        <v>89</v>
      </c>
      <c r="N7104" t="s">
        <v>90</v>
      </c>
      <c r="O7104" t="s">
        <v>85</v>
      </c>
      <c r="P7104" t="s">
        <v>86</v>
      </c>
      <c r="Q7104">
        <v>9</v>
      </c>
      <c r="R7104">
        <v>9</v>
      </c>
      <c r="S7104">
        <v>10</v>
      </c>
      <c r="T7104">
        <v>10</v>
      </c>
      <c r="U7104">
        <v>10</v>
      </c>
      <c r="V7104">
        <v>10</v>
      </c>
      <c r="W7104">
        <v>10</v>
      </c>
      <c r="X7104">
        <v>10</v>
      </c>
      <c r="Y7104">
        <v>10</v>
      </c>
      <c r="Z7104">
        <v>10</v>
      </c>
      <c r="AA7104">
        <v>11</v>
      </c>
      <c r="AB7104">
        <v>11</v>
      </c>
      <c r="AC7104">
        <v>11</v>
      </c>
      <c r="AD7104">
        <v>11</v>
      </c>
      <c r="AE7104">
        <v>11</v>
      </c>
      <c r="AF7104">
        <v>11</v>
      </c>
      <c r="AG7104">
        <v>11</v>
      </c>
      <c r="AH7104">
        <v>11</v>
      </c>
      <c r="AI7104">
        <v>11</v>
      </c>
      <c r="AJ7104">
        <v>11</v>
      </c>
      <c r="AK7104">
        <v>10</v>
      </c>
      <c r="AL7104">
        <v>10</v>
      </c>
      <c r="AM7104">
        <v>10</v>
      </c>
      <c r="AN7104">
        <v>10</v>
      </c>
      <c r="AO7104">
        <v>10</v>
      </c>
      <c r="AP7104">
        <v>10</v>
      </c>
      <c r="AQ7104">
        <v>10</v>
      </c>
    </row>
    <row r="7105" spans="1:43">
      <c r="A7105" t="s">
        <v>4448</v>
      </c>
      <c r="B7105" t="s">
        <v>4449</v>
      </c>
      <c r="C7105" t="s">
        <v>4434</v>
      </c>
      <c r="D7105" t="s">
        <v>4435</v>
      </c>
      <c r="E7105" t="s">
        <v>4236</v>
      </c>
      <c r="F7105" t="s">
        <v>4237</v>
      </c>
      <c r="G7105" t="s">
        <v>80</v>
      </c>
      <c r="H7105" t="s">
        <v>81</v>
      </c>
      <c r="I7105" s="2">
        <v>1</v>
      </c>
      <c r="J7105" s="2">
        <v>0</v>
      </c>
      <c r="K7105" s="2">
        <v>0</v>
      </c>
      <c r="L7105" t="s">
        <v>120</v>
      </c>
      <c r="M7105" t="s">
        <v>83</v>
      </c>
      <c r="N7105" t="s">
        <v>91</v>
      </c>
      <c r="O7105" t="s">
        <v>85</v>
      </c>
      <c r="P7105" t="s">
        <v>86</v>
      </c>
      <c r="Q7105">
        <v>9</v>
      </c>
      <c r="R7105">
        <v>9</v>
      </c>
      <c r="S7105">
        <v>9</v>
      </c>
      <c r="T7105">
        <v>9</v>
      </c>
      <c r="U7105">
        <v>10</v>
      </c>
      <c r="V7105">
        <v>10</v>
      </c>
      <c r="W7105">
        <v>10</v>
      </c>
      <c r="X7105">
        <v>10</v>
      </c>
      <c r="Y7105">
        <v>10</v>
      </c>
      <c r="Z7105">
        <v>10</v>
      </c>
      <c r="AA7105">
        <v>10</v>
      </c>
      <c r="AB7105">
        <v>10</v>
      </c>
      <c r="AC7105">
        <v>10</v>
      </c>
      <c r="AD7105">
        <v>10</v>
      </c>
      <c r="AE7105">
        <v>10</v>
      </c>
      <c r="AF7105">
        <v>10</v>
      </c>
      <c r="AG7105">
        <v>10</v>
      </c>
      <c r="AH7105">
        <v>10</v>
      </c>
      <c r="AI7105">
        <v>10</v>
      </c>
      <c r="AJ7105">
        <v>10</v>
      </c>
      <c r="AK7105">
        <v>10</v>
      </c>
      <c r="AL7105">
        <v>10</v>
      </c>
      <c r="AM7105">
        <v>10</v>
      </c>
      <c r="AN7105">
        <v>10</v>
      </c>
      <c r="AO7105">
        <v>10</v>
      </c>
      <c r="AP7105">
        <v>10</v>
      </c>
      <c r="AQ7105">
        <v>10</v>
      </c>
    </row>
    <row r="7106" spans="1:43">
      <c r="A7106" t="s">
        <v>4450</v>
      </c>
      <c r="B7106" t="s">
        <v>4451</v>
      </c>
      <c r="C7106" t="s">
        <v>4438</v>
      </c>
      <c r="D7106" t="s">
        <v>4439</v>
      </c>
      <c r="E7106" t="s">
        <v>4236</v>
      </c>
      <c r="F7106" t="s">
        <v>4237</v>
      </c>
      <c r="G7106" t="s">
        <v>80</v>
      </c>
      <c r="H7106" t="s">
        <v>81</v>
      </c>
      <c r="I7106" s="2">
        <v>1</v>
      </c>
      <c r="J7106" s="2">
        <v>0</v>
      </c>
      <c r="K7106" s="2">
        <v>0</v>
      </c>
      <c r="L7106" t="s">
        <v>120</v>
      </c>
      <c r="M7106" t="s">
        <v>83</v>
      </c>
      <c r="N7106" t="s">
        <v>84</v>
      </c>
      <c r="O7106" t="s">
        <v>85</v>
      </c>
      <c r="P7106" t="s">
        <v>86</v>
      </c>
      <c r="Q7106">
        <v>29</v>
      </c>
      <c r="R7106">
        <v>29</v>
      </c>
      <c r="S7106">
        <v>29</v>
      </c>
      <c r="T7106">
        <v>30</v>
      </c>
      <c r="U7106">
        <v>30</v>
      </c>
      <c r="V7106">
        <v>30</v>
      </c>
      <c r="W7106">
        <v>30</v>
      </c>
      <c r="X7106">
        <v>31</v>
      </c>
      <c r="Y7106">
        <v>31</v>
      </c>
      <c r="Z7106">
        <v>31</v>
      </c>
      <c r="AA7106">
        <v>31</v>
      </c>
      <c r="AB7106">
        <v>32</v>
      </c>
      <c r="AC7106">
        <v>32</v>
      </c>
      <c r="AD7106">
        <v>32</v>
      </c>
      <c r="AE7106">
        <v>32</v>
      </c>
      <c r="AF7106">
        <v>32</v>
      </c>
      <c r="AG7106">
        <v>33</v>
      </c>
      <c r="AH7106">
        <v>33</v>
      </c>
      <c r="AI7106">
        <v>33</v>
      </c>
      <c r="AJ7106">
        <v>33</v>
      </c>
      <c r="AK7106">
        <v>33</v>
      </c>
      <c r="AL7106">
        <v>33</v>
      </c>
      <c r="AM7106">
        <v>33</v>
      </c>
      <c r="AN7106">
        <v>33</v>
      </c>
      <c r="AO7106">
        <v>33</v>
      </c>
      <c r="AP7106">
        <v>32</v>
      </c>
      <c r="AQ7106">
        <v>32</v>
      </c>
    </row>
    <row r="7107" spans="1:43">
      <c r="A7107" t="s">
        <v>4450</v>
      </c>
      <c r="B7107" t="s">
        <v>4451</v>
      </c>
      <c r="C7107" t="s">
        <v>4438</v>
      </c>
      <c r="D7107" t="s">
        <v>4439</v>
      </c>
      <c r="E7107" t="s">
        <v>4236</v>
      </c>
      <c r="F7107" t="s">
        <v>4237</v>
      </c>
      <c r="G7107" t="s">
        <v>80</v>
      </c>
      <c r="H7107" t="s">
        <v>81</v>
      </c>
      <c r="I7107" s="2">
        <v>1</v>
      </c>
      <c r="J7107" s="2">
        <v>0</v>
      </c>
      <c r="K7107" s="2">
        <v>0</v>
      </c>
      <c r="L7107" t="s">
        <v>120</v>
      </c>
      <c r="M7107" t="s">
        <v>87</v>
      </c>
      <c r="N7107" t="s">
        <v>88</v>
      </c>
      <c r="O7107" t="s">
        <v>85</v>
      </c>
      <c r="P7107" t="s">
        <v>86</v>
      </c>
      <c r="Q7107">
        <v>29</v>
      </c>
      <c r="R7107">
        <v>29</v>
      </c>
      <c r="S7107">
        <v>29</v>
      </c>
      <c r="T7107">
        <v>29</v>
      </c>
      <c r="U7107">
        <v>30</v>
      </c>
      <c r="V7107">
        <v>30</v>
      </c>
      <c r="W7107">
        <v>30</v>
      </c>
      <c r="X7107">
        <v>30</v>
      </c>
      <c r="Y7107">
        <v>30</v>
      </c>
      <c r="Z7107">
        <v>30</v>
      </c>
      <c r="AA7107">
        <v>30</v>
      </c>
      <c r="AB7107">
        <v>30</v>
      </c>
      <c r="AC7107">
        <v>30</v>
      </c>
      <c r="AD7107">
        <v>30</v>
      </c>
      <c r="AE7107">
        <v>30</v>
      </c>
      <c r="AF7107">
        <v>30</v>
      </c>
      <c r="AG7107">
        <v>30</v>
      </c>
      <c r="AH7107">
        <v>30</v>
      </c>
      <c r="AI7107">
        <v>29</v>
      </c>
      <c r="AJ7107">
        <v>29</v>
      </c>
      <c r="AK7107">
        <v>29</v>
      </c>
      <c r="AL7107">
        <v>29</v>
      </c>
      <c r="AM7107">
        <v>29</v>
      </c>
      <c r="AN7107">
        <v>29</v>
      </c>
      <c r="AO7107">
        <v>29</v>
      </c>
      <c r="AP7107">
        <v>29</v>
      </c>
      <c r="AQ7107">
        <v>29</v>
      </c>
    </row>
    <row r="7108" spans="1:43">
      <c r="A7108" t="s">
        <v>4450</v>
      </c>
      <c r="B7108" t="s">
        <v>4451</v>
      </c>
      <c r="C7108" t="s">
        <v>4438</v>
      </c>
      <c r="D7108" t="s">
        <v>4439</v>
      </c>
      <c r="E7108" t="s">
        <v>4236</v>
      </c>
      <c r="F7108" t="s">
        <v>4237</v>
      </c>
      <c r="G7108" t="s">
        <v>80</v>
      </c>
      <c r="H7108" t="s">
        <v>81</v>
      </c>
      <c r="I7108" s="2">
        <v>1</v>
      </c>
      <c r="J7108" s="2">
        <v>0</v>
      </c>
      <c r="K7108" s="2">
        <v>0</v>
      </c>
      <c r="L7108" t="s">
        <v>120</v>
      </c>
      <c r="M7108" t="s">
        <v>89</v>
      </c>
      <c r="N7108" t="s">
        <v>90</v>
      </c>
      <c r="O7108" t="s">
        <v>85</v>
      </c>
      <c r="P7108" t="s">
        <v>86</v>
      </c>
      <c r="Q7108">
        <v>29</v>
      </c>
      <c r="R7108">
        <v>29</v>
      </c>
      <c r="S7108">
        <v>30</v>
      </c>
      <c r="T7108">
        <v>31</v>
      </c>
      <c r="U7108">
        <v>31</v>
      </c>
      <c r="V7108">
        <v>32</v>
      </c>
      <c r="W7108">
        <v>32</v>
      </c>
      <c r="X7108">
        <v>32</v>
      </c>
      <c r="Y7108">
        <v>33</v>
      </c>
      <c r="Z7108">
        <v>33</v>
      </c>
      <c r="AA7108">
        <v>33</v>
      </c>
      <c r="AB7108">
        <v>34</v>
      </c>
      <c r="AC7108">
        <v>34</v>
      </c>
      <c r="AD7108">
        <v>34</v>
      </c>
      <c r="AE7108">
        <v>35</v>
      </c>
      <c r="AF7108">
        <v>34</v>
      </c>
      <c r="AG7108">
        <v>34</v>
      </c>
      <c r="AH7108">
        <v>34</v>
      </c>
      <c r="AI7108">
        <v>34</v>
      </c>
      <c r="AJ7108">
        <v>34</v>
      </c>
      <c r="AK7108">
        <v>34</v>
      </c>
      <c r="AL7108">
        <v>34</v>
      </c>
      <c r="AM7108">
        <v>33</v>
      </c>
      <c r="AN7108">
        <v>33</v>
      </c>
      <c r="AO7108">
        <v>33</v>
      </c>
      <c r="AP7108">
        <v>33</v>
      </c>
      <c r="AQ7108">
        <v>33</v>
      </c>
    </row>
    <row r="7109" spans="1:43">
      <c r="A7109" t="s">
        <v>4450</v>
      </c>
      <c r="B7109" t="s">
        <v>4451</v>
      </c>
      <c r="C7109" t="s">
        <v>4438</v>
      </c>
      <c r="D7109" t="s">
        <v>4439</v>
      </c>
      <c r="E7109" t="s">
        <v>4236</v>
      </c>
      <c r="F7109" t="s">
        <v>4237</v>
      </c>
      <c r="G7109" t="s">
        <v>80</v>
      </c>
      <c r="H7109" t="s">
        <v>81</v>
      </c>
      <c r="I7109" s="2">
        <v>1</v>
      </c>
      <c r="J7109" s="2">
        <v>0</v>
      </c>
      <c r="K7109" s="2">
        <v>0</v>
      </c>
      <c r="L7109" t="s">
        <v>120</v>
      </c>
      <c r="M7109" t="s">
        <v>83</v>
      </c>
      <c r="N7109" t="s">
        <v>91</v>
      </c>
      <c r="O7109" t="s">
        <v>85</v>
      </c>
      <c r="P7109" t="s">
        <v>86</v>
      </c>
      <c r="Q7109">
        <v>29</v>
      </c>
      <c r="R7109">
        <v>29</v>
      </c>
      <c r="S7109">
        <v>29</v>
      </c>
      <c r="T7109">
        <v>30</v>
      </c>
      <c r="U7109">
        <v>30</v>
      </c>
      <c r="V7109">
        <v>30</v>
      </c>
      <c r="W7109">
        <v>30</v>
      </c>
      <c r="X7109">
        <v>31</v>
      </c>
      <c r="Y7109">
        <v>31</v>
      </c>
      <c r="Z7109">
        <v>31</v>
      </c>
      <c r="AA7109">
        <v>31</v>
      </c>
      <c r="AB7109">
        <v>32</v>
      </c>
      <c r="AC7109">
        <v>32</v>
      </c>
      <c r="AD7109">
        <v>32</v>
      </c>
      <c r="AE7109">
        <v>32</v>
      </c>
      <c r="AF7109">
        <v>32</v>
      </c>
      <c r="AG7109">
        <v>33</v>
      </c>
      <c r="AH7109">
        <v>33</v>
      </c>
      <c r="AI7109">
        <v>33</v>
      </c>
      <c r="AJ7109">
        <v>33</v>
      </c>
      <c r="AK7109">
        <v>33</v>
      </c>
      <c r="AL7109">
        <v>33</v>
      </c>
      <c r="AM7109">
        <v>33</v>
      </c>
      <c r="AN7109">
        <v>33</v>
      </c>
      <c r="AO7109">
        <v>33</v>
      </c>
      <c r="AP7109">
        <v>32</v>
      </c>
      <c r="AQ7109">
        <v>32</v>
      </c>
    </row>
    <row r="7110" spans="1:43">
      <c r="A7110" t="s">
        <v>4452</v>
      </c>
      <c r="B7110" t="s">
        <v>4453</v>
      </c>
      <c r="C7110" t="s">
        <v>4454</v>
      </c>
      <c r="D7110" t="s">
        <v>4455</v>
      </c>
      <c r="E7110" t="s">
        <v>4236</v>
      </c>
      <c r="F7110" t="s">
        <v>4237</v>
      </c>
      <c r="G7110" t="s">
        <v>80</v>
      </c>
      <c r="H7110" t="s">
        <v>81</v>
      </c>
      <c r="I7110" s="2">
        <v>1</v>
      </c>
      <c r="J7110" s="2">
        <v>0</v>
      </c>
      <c r="K7110" s="2">
        <v>0</v>
      </c>
      <c r="L7110" t="s">
        <v>120</v>
      </c>
      <c r="M7110" t="s">
        <v>83</v>
      </c>
      <c r="N7110" t="s">
        <v>84</v>
      </c>
      <c r="O7110" t="s">
        <v>85</v>
      </c>
      <c r="P7110" t="s">
        <v>86</v>
      </c>
      <c r="Q7110">
        <v>10</v>
      </c>
      <c r="R7110">
        <v>10</v>
      </c>
      <c r="S7110">
        <v>11</v>
      </c>
      <c r="T7110">
        <v>11</v>
      </c>
      <c r="U7110">
        <v>11</v>
      </c>
      <c r="V7110">
        <v>11</v>
      </c>
      <c r="W7110">
        <v>11</v>
      </c>
      <c r="X7110">
        <v>11</v>
      </c>
      <c r="Y7110">
        <v>11</v>
      </c>
      <c r="Z7110">
        <v>11</v>
      </c>
      <c r="AA7110">
        <v>11</v>
      </c>
      <c r="AB7110">
        <v>11</v>
      </c>
      <c r="AC7110">
        <v>11</v>
      </c>
      <c r="AD7110">
        <v>11</v>
      </c>
      <c r="AE7110">
        <v>12</v>
      </c>
      <c r="AF7110">
        <v>12</v>
      </c>
      <c r="AG7110">
        <v>12</v>
      </c>
      <c r="AH7110">
        <v>12</v>
      </c>
      <c r="AI7110">
        <v>12</v>
      </c>
      <c r="AJ7110">
        <v>12</v>
      </c>
      <c r="AK7110">
        <v>12</v>
      </c>
      <c r="AL7110">
        <v>12</v>
      </c>
      <c r="AM7110">
        <v>12</v>
      </c>
      <c r="AN7110">
        <v>11</v>
      </c>
      <c r="AO7110">
        <v>11</v>
      </c>
      <c r="AP7110">
        <v>11</v>
      </c>
      <c r="AQ7110">
        <v>11</v>
      </c>
    </row>
    <row r="7111" spans="1:43">
      <c r="A7111" t="s">
        <v>4452</v>
      </c>
      <c r="B7111" t="s">
        <v>4453</v>
      </c>
      <c r="C7111" t="s">
        <v>4454</v>
      </c>
      <c r="D7111" t="s">
        <v>4455</v>
      </c>
      <c r="E7111" t="s">
        <v>4236</v>
      </c>
      <c r="F7111" t="s">
        <v>4237</v>
      </c>
      <c r="G7111" t="s">
        <v>80</v>
      </c>
      <c r="H7111" t="s">
        <v>81</v>
      </c>
      <c r="I7111" s="2">
        <v>1</v>
      </c>
      <c r="J7111" s="2">
        <v>0</v>
      </c>
      <c r="K7111" s="2">
        <v>0</v>
      </c>
      <c r="L7111" t="s">
        <v>120</v>
      </c>
      <c r="M7111" t="s">
        <v>87</v>
      </c>
      <c r="N7111" t="s">
        <v>88</v>
      </c>
      <c r="O7111" t="s">
        <v>85</v>
      </c>
      <c r="P7111" t="s">
        <v>86</v>
      </c>
      <c r="Q7111">
        <v>10</v>
      </c>
      <c r="R7111">
        <v>10</v>
      </c>
      <c r="S7111">
        <v>10</v>
      </c>
      <c r="T7111">
        <v>10</v>
      </c>
      <c r="U7111">
        <v>10</v>
      </c>
      <c r="V7111">
        <v>10</v>
      </c>
      <c r="W7111">
        <v>10</v>
      </c>
      <c r="X7111">
        <v>10</v>
      </c>
      <c r="Y7111">
        <v>10</v>
      </c>
      <c r="Z7111">
        <v>10</v>
      </c>
      <c r="AA7111">
        <v>10</v>
      </c>
      <c r="AB7111">
        <v>10</v>
      </c>
      <c r="AC7111">
        <v>10</v>
      </c>
      <c r="AD7111">
        <v>10</v>
      </c>
      <c r="AE7111">
        <v>10</v>
      </c>
      <c r="AF7111">
        <v>10</v>
      </c>
      <c r="AG7111">
        <v>10</v>
      </c>
      <c r="AH7111">
        <v>10</v>
      </c>
      <c r="AI7111">
        <v>10</v>
      </c>
      <c r="AJ7111">
        <v>10</v>
      </c>
      <c r="AK7111">
        <v>10</v>
      </c>
      <c r="AL7111">
        <v>10</v>
      </c>
      <c r="AM7111">
        <v>10</v>
      </c>
      <c r="AN7111">
        <v>10</v>
      </c>
      <c r="AO7111">
        <v>10</v>
      </c>
      <c r="AP7111">
        <v>10</v>
      </c>
      <c r="AQ7111">
        <v>10</v>
      </c>
    </row>
    <row r="7112" spans="1:43">
      <c r="A7112" t="s">
        <v>4452</v>
      </c>
      <c r="B7112" t="s">
        <v>4453</v>
      </c>
      <c r="C7112" t="s">
        <v>4454</v>
      </c>
      <c r="D7112" t="s">
        <v>4455</v>
      </c>
      <c r="E7112" t="s">
        <v>4236</v>
      </c>
      <c r="F7112" t="s">
        <v>4237</v>
      </c>
      <c r="G7112" t="s">
        <v>80</v>
      </c>
      <c r="H7112" t="s">
        <v>81</v>
      </c>
      <c r="I7112" s="2">
        <v>1</v>
      </c>
      <c r="J7112" s="2">
        <v>0</v>
      </c>
      <c r="K7112" s="2">
        <v>0</v>
      </c>
      <c r="L7112" t="s">
        <v>120</v>
      </c>
      <c r="M7112" t="s">
        <v>89</v>
      </c>
      <c r="N7112" t="s">
        <v>90</v>
      </c>
      <c r="O7112" t="s">
        <v>85</v>
      </c>
      <c r="P7112" t="s">
        <v>86</v>
      </c>
      <c r="Q7112">
        <v>10</v>
      </c>
      <c r="R7112">
        <v>11</v>
      </c>
      <c r="S7112">
        <v>11</v>
      </c>
      <c r="T7112">
        <v>11</v>
      </c>
      <c r="U7112">
        <v>11</v>
      </c>
      <c r="V7112">
        <v>11</v>
      </c>
      <c r="W7112">
        <v>12</v>
      </c>
      <c r="X7112">
        <v>12</v>
      </c>
      <c r="Y7112">
        <v>12</v>
      </c>
      <c r="Z7112">
        <v>12</v>
      </c>
      <c r="AA7112">
        <v>12</v>
      </c>
      <c r="AB7112">
        <v>12</v>
      </c>
      <c r="AC7112">
        <v>12</v>
      </c>
      <c r="AD7112">
        <v>12</v>
      </c>
      <c r="AE7112">
        <v>12</v>
      </c>
      <c r="AF7112">
        <v>12</v>
      </c>
      <c r="AG7112">
        <v>12</v>
      </c>
      <c r="AH7112">
        <v>12</v>
      </c>
      <c r="AI7112">
        <v>12</v>
      </c>
      <c r="AJ7112">
        <v>12</v>
      </c>
      <c r="AK7112">
        <v>12</v>
      </c>
      <c r="AL7112">
        <v>12</v>
      </c>
      <c r="AM7112">
        <v>12</v>
      </c>
      <c r="AN7112">
        <v>12</v>
      </c>
      <c r="AO7112">
        <v>12</v>
      </c>
      <c r="AP7112">
        <v>11</v>
      </c>
      <c r="AQ7112">
        <v>11</v>
      </c>
    </row>
    <row r="7113" spans="1:43">
      <c r="A7113" t="s">
        <v>4452</v>
      </c>
      <c r="B7113" t="s">
        <v>4453</v>
      </c>
      <c r="C7113" t="s">
        <v>4454</v>
      </c>
      <c r="D7113" t="s">
        <v>4455</v>
      </c>
      <c r="E7113" t="s">
        <v>4236</v>
      </c>
      <c r="F7113" t="s">
        <v>4237</v>
      </c>
      <c r="G7113" t="s">
        <v>80</v>
      </c>
      <c r="H7113" t="s">
        <v>81</v>
      </c>
      <c r="I7113" s="2">
        <v>1</v>
      </c>
      <c r="J7113" s="2">
        <v>0</v>
      </c>
      <c r="K7113" s="2">
        <v>0</v>
      </c>
      <c r="L7113" t="s">
        <v>120</v>
      </c>
      <c r="M7113" t="s">
        <v>83</v>
      </c>
      <c r="N7113" t="s">
        <v>91</v>
      </c>
      <c r="O7113" t="s">
        <v>85</v>
      </c>
      <c r="P7113" t="s">
        <v>86</v>
      </c>
      <c r="Q7113">
        <v>10</v>
      </c>
      <c r="R7113">
        <v>10</v>
      </c>
      <c r="S7113">
        <v>11</v>
      </c>
      <c r="T7113">
        <v>11</v>
      </c>
      <c r="U7113">
        <v>11</v>
      </c>
      <c r="V7113">
        <v>11</v>
      </c>
      <c r="W7113">
        <v>11</v>
      </c>
      <c r="X7113">
        <v>11</v>
      </c>
      <c r="Y7113">
        <v>11</v>
      </c>
      <c r="Z7113">
        <v>11</v>
      </c>
      <c r="AA7113">
        <v>11</v>
      </c>
      <c r="AB7113">
        <v>11</v>
      </c>
      <c r="AC7113">
        <v>11</v>
      </c>
      <c r="AD7113">
        <v>11</v>
      </c>
      <c r="AE7113">
        <v>12</v>
      </c>
      <c r="AF7113">
        <v>12</v>
      </c>
      <c r="AG7113">
        <v>12</v>
      </c>
      <c r="AH7113">
        <v>12</v>
      </c>
      <c r="AI7113">
        <v>12</v>
      </c>
      <c r="AJ7113">
        <v>12</v>
      </c>
      <c r="AK7113">
        <v>12</v>
      </c>
      <c r="AL7113">
        <v>12</v>
      </c>
      <c r="AM7113">
        <v>12</v>
      </c>
      <c r="AN7113">
        <v>11</v>
      </c>
      <c r="AO7113">
        <v>11</v>
      </c>
      <c r="AP7113">
        <v>11</v>
      </c>
      <c r="AQ7113">
        <v>11</v>
      </c>
    </row>
    <row r="7114" spans="1:43">
      <c r="A7114" t="s">
        <v>4456</v>
      </c>
      <c r="B7114" t="s">
        <v>4457</v>
      </c>
      <c r="C7114" t="s">
        <v>4454</v>
      </c>
      <c r="D7114" t="s">
        <v>4455</v>
      </c>
      <c r="E7114" t="s">
        <v>4236</v>
      </c>
      <c r="F7114" t="s">
        <v>4237</v>
      </c>
      <c r="G7114" t="s">
        <v>80</v>
      </c>
      <c r="H7114" t="s">
        <v>81</v>
      </c>
      <c r="I7114" s="2">
        <v>1</v>
      </c>
      <c r="J7114" s="2">
        <v>0</v>
      </c>
      <c r="K7114" s="2">
        <v>0</v>
      </c>
      <c r="L7114" t="s">
        <v>120</v>
      </c>
      <c r="M7114" t="s">
        <v>83</v>
      </c>
      <c r="N7114" t="s">
        <v>84</v>
      </c>
      <c r="O7114" t="s">
        <v>85</v>
      </c>
      <c r="P7114" t="s">
        <v>86</v>
      </c>
      <c r="Q7114">
        <v>23</v>
      </c>
      <c r="R7114">
        <v>23</v>
      </c>
      <c r="S7114">
        <v>24</v>
      </c>
      <c r="T7114">
        <v>24</v>
      </c>
      <c r="U7114">
        <v>24</v>
      </c>
      <c r="V7114">
        <v>24</v>
      </c>
      <c r="W7114">
        <v>25</v>
      </c>
      <c r="X7114">
        <v>25</v>
      </c>
      <c r="Y7114">
        <v>25</v>
      </c>
      <c r="Z7114">
        <v>25</v>
      </c>
      <c r="AA7114">
        <v>25</v>
      </c>
      <c r="AB7114">
        <v>25</v>
      </c>
      <c r="AC7114">
        <v>25</v>
      </c>
      <c r="AD7114">
        <v>26</v>
      </c>
      <c r="AE7114">
        <v>26</v>
      </c>
      <c r="AF7114">
        <v>26</v>
      </c>
      <c r="AG7114">
        <v>26</v>
      </c>
      <c r="AH7114">
        <v>26</v>
      </c>
      <c r="AI7114">
        <v>26</v>
      </c>
      <c r="AJ7114">
        <v>26</v>
      </c>
      <c r="AK7114">
        <v>26</v>
      </c>
      <c r="AL7114">
        <v>26</v>
      </c>
      <c r="AM7114">
        <v>26</v>
      </c>
      <c r="AN7114">
        <v>26</v>
      </c>
      <c r="AO7114">
        <v>25</v>
      </c>
      <c r="AP7114">
        <v>25</v>
      </c>
      <c r="AQ7114">
        <v>25</v>
      </c>
    </row>
    <row r="7115" spans="1:43">
      <c r="A7115" t="s">
        <v>4456</v>
      </c>
      <c r="B7115" t="s">
        <v>4457</v>
      </c>
      <c r="C7115" t="s">
        <v>4454</v>
      </c>
      <c r="D7115" t="s">
        <v>4455</v>
      </c>
      <c r="E7115" t="s">
        <v>4236</v>
      </c>
      <c r="F7115" t="s">
        <v>4237</v>
      </c>
      <c r="G7115" t="s">
        <v>80</v>
      </c>
      <c r="H7115" t="s">
        <v>81</v>
      </c>
      <c r="I7115" s="2">
        <v>1</v>
      </c>
      <c r="J7115" s="2">
        <v>0</v>
      </c>
      <c r="K7115" s="2">
        <v>0</v>
      </c>
      <c r="L7115" t="s">
        <v>120</v>
      </c>
      <c r="M7115" t="s">
        <v>87</v>
      </c>
      <c r="N7115" t="s">
        <v>88</v>
      </c>
      <c r="O7115" t="s">
        <v>85</v>
      </c>
      <c r="P7115" t="s">
        <v>86</v>
      </c>
      <c r="Q7115">
        <v>23</v>
      </c>
      <c r="R7115">
        <v>23</v>
      </c>
      <c r="S7115">
        <v>23</v>
      </c>
      <c r="T7115">
        <v>23</v>
      </c>
      <c r="U7115">
        <v>23</v>
      </c>
      <c r="V7115">
        <v>23</v>
      </c>
      <c r="W7115">
        <v>23</v>
      </c>
      <c r="X7115">
        <v>23</v>
      </c>
      <c r="Y7115">
        <v>23</v>
      </c>
      <c r="Z7115">
        <v>23</v>
      </c>
      <c r="AA7115">
        <v>23</v>
      </c>
      <c r="AB7115">
        <v>23</v>
      </c>
      <c r="AC7115">
        <v>23</v>
      </c>
      <c r="AD7115">
        <v>23</v>
      </c>
      <c r="AE7115">
        <v>23</v>
      </c>
      <c r="AF7115">
        <v>23</v>
      </c>
      <c r="AG7115">
        <v>23</v>
      </c>
      <c r="AH7115">
        <v>23</v>
      </c>
      <c r="AI7115">
        <v>23</v>
      </c>
      <c r="AJ7115">
        <v>22</v>
      </c>
      <c r="AK7115">
        <v>22</v>
      </c>
      <c r="AL7115">
        <v>22</v>
      </c>
      <c r="AM7115">
        <v>22</v>
      </c>
      <c r="AN7115">
        <v>22</v>
      </c>
      <c r="AO7115">
        <v>22</v>
      </c>
      <c r="AP7115">
        <v>22</v>
      </c>
      <c r="AQ7115">
        <v>22</v>
      </c>
    </row>
    <row r="7116" spans="1:43">
      <c r="A7116" t="s">
        <v>4456</v>
      </c>
      <c r="B7116" t="s">
        <v>4457</v>
      </c>
      <c r="C7116" t="s">
        <v>4454</v>
      </c>
      <c r="D7116" t="s">
        <v>4455</v>
      </c>
      <c r="E7116" t="s">
        <v>4236</v>
      </c>
      <c r="F7116" t="s">
        <v>4237</v>
      </c>
      <c r="G7116" t="s">
        <v>80</v>
      </c>
      <c r="H7116" t="s">
        <v>81</v>
      </c>
      <c r="I7116" s="2">
        <v>1</v>
      </c>
      <c r="J7116" s="2">
        <v>0</v>
      </c>
      <c r="K7116" s="2">
        <v>0</v>
      </c>
      <c r="L7116" t="s">
        <v>120</v>
      </c>
      <c r="M7116" t="s">
        <v>89</v>
      </c>
      <c r="N7116" t="s">
        <v>90</v>
      </c>
      <c r="O7116" t="s">
        <v>85</v>
      </c>
      <c r="P7116" t="s">
        <v>86</v>
      </c>
      <c r="Q7116">
        <v>23</v>
      </c>
      <c r="R7116">
        <v>24</v>
      </c>
      <c r="S7116">
        <v>24</v>
      </c>
      <c r="T7116">
        <v>25</v>
      </c>
      <c r="U7116">
        <v>25</v>
      </c>
      <c r="V7116">
        <v>25</v>
      </c>
      <c r="W7116">
        <v>26</v>
      </c>
      <c r="X7116">
        <v>26</v>
      </c>
      <c r="Y7116">
        <v>26</v>
      </c>
      <c r="Z7116">
        <v>27</v>
      </c>
      <c r="AA7116">
        <v>27</v>
      </c>
      <c r="AB7116">
        <v>27</v>
      </c>
      <c r="AC7116">
        <v>27</v>
      </c>
      <c r="AD7116">
        <v>28</v>
      </c>
      <c r="AE7116">
        <v>28</v>
      </c>
      <c r="AF7116">
        <v>27</v>
      </c>
      <c r="AG7116">
        <v>27</v>
      </c>
      <c r="AH7116">
        <v>27</v>
      </c>
      <c r="AI7116">
        <v>27</v>
      </c>
      <c r="AJ7116">
        <v>27</v>
      </c>
      <c r="AK7116">
        <v>27</v>
      </c>
      <c r="AL7116">
        <v>26</v>
      </c>
      <c r="AM7116">
        <v>26</v>
      </c>
      <c r="AN7116">
        <v>26</v>
      </c>
      <c r="AO7116">
        <v>26</v>
      </c>
      <c r="AP7116">
        <v>26</v>
      </c>
      <c r="AQ7116">
        <v>25</v>
      </c>
    </row>
    <row r="7117" spans="1:43">
      <c r="A7117" t="s">
        <v>4456</v>
      </c>
      <c r="B7117" t="s">
        <v>4457</v>
      </c>
      <c r="C7117" t="s">
        <v>4454</v>
      </c>
      <c r="D7117" t="s">
        <v>4455</v>
      </c>
      <c r="E7117" t="s">
        <v>4236</v>
      </c>
      <c r="F7117" t="s">
        <v>4237</v>
      </c>
      <c r="G7117" t="s">
        <v>80</v>
      </c>
      <c r="H7117" t="s">
        <v>81</v>
      </c>
      <c r="I7117" s="2">
        <v>1</v>
      </c>
      <c r="J7117" s="2">
        <v>0</v>
      </c>
      <c r="K7117" s="2">
        <v>0</v>
      </c>
      <c r="L7117" t="s">
        <v>120</v>
      </c>
      <c r="M7117" t="s">
        <v>83</v>
      </c>
      <c r="N7117" t="s">
        <v>91</v>
      </c>
      <c r="O7117" t="s">
        <v>85</v>
      </c>
      <c r="P7117" t="s">
        <v>86</v>
      </c>
      <c r="Q7117">
        <v>23</v>
      </c>
      <c r="R7117">
        <v>23</v>
      </c>
      <c r="S7117">
        <v>24</v>
      </c>
      <c r="T7117">
        <v>24</v>
      </c>
      <c r="U7117">
        <v>24</v>
      </c>
      <c r="V7117">
        <v>24</v>
      </c>
      <c r="W7117">
        <v>25</v>
      </c>
      <c r="X7117">
        <v>25</v>
      </c>
      <c r="Y7117">
        <v>25</v>
      </c>
      <c r="Z7117">
        <v>25</v>
      </c>
      <c r="AA7117">
        <v>25</v>
      </c>
      <c r="AB7117">
        <v>25</v>
      </c>
      <c r="AC7117">
        <v>25</v>
      </c>
      <c r="AD7117">
        <v>26</v>
      </c>
      <c r="AE7117">
        <v>26</v>
      </c>
      <c r="AF7117">
        <v>26</v>
      </c>
      <c r="AG7117">
        <v>26</v>
      </c>
      <c r="AH7117">
        <v>26</v>
      </c>
      <c r="AI7117">
        <v>26</v>
      </c>
      <c r="AJ7117">
        <v>26</v>
      </c>
      <c r="AK7117">
        <v>26</v>
      </c>
      <c r="AL7117">
        <v>26</v>
      </c>
      <c r="AM7117">
        <v>26</v>
      </c>
      <c r="AN7117">
        <v>26</v>
      </c>
      <c r="AO7117">
        <v>25</v>
      </c>
      <c r="AP7117">
        <v>25</v>
      </c>
      <c r="AQ7117">
        <v>25</v>
      </c>
    </row>
    <row r="7118" spans="1:43">
      <c r="A7118" t="s">
        <v>4458</v>
      </c>
      <c r="B7118" t="s">
        <v>4459</v>
      </c>
      <c r="C7118" t="s">
        <v>4454</v>
      </c>
      <c r="D7118" t="s">
        <v>4455</v>
      </c>
      <c r="E7118" t="s">
        <v>4236</v>
      </c>
      <c r="F7118" t="s">
        <v>4237</v>
      </c>
      <c r="G7118" t="s">
        <v>80</v>
      </c>
      <c r="H7118" t="s">
        <v>81</v>
      </c>
      <c r="I7118" s="2">
        <v>1</v>
      </c>
      <c r="J7118" s="2">
        <v>0</v>
      </c>
      <c r="K7118" s="2">
        <v>0</v>
      </c>
      <c r="L7118" t="s">
        <v>120</v>
      </c>
      <c r="M7118" t="s">
        <v>83</v>
      </c>
      <c r="N7118" t="s">
        <v>84</v>
      </c>
      <c r="O7118" t="s">
        <v>85</v>
      </c>
      <c r="P7118" t="s">
        <v>86</v>
      </c>
      <c r="Q7118">
        <v>13</v>
      </c>
      <c r="R7118">
        <v>13</v>
      </c>
      <c r="S7118">
        <v>14</v>
      </c>
      <c r="T7118">
        <v>14</v>
      </c>
      <c r="U7118">
        <v>14</v>
      </c>
      <c r="V7118">
        <v>14</v>
      </c>
      <c r="W7118">
        <v>14</v>
      </c>
      <c r="X7118">
        <v>14</v>
      </c>
      <c r="Y7118">
        <v>14</v>
      </c>
      <c r="Z7118">
        <v>14</v>
      </c>
      <c r="AA7118">
        <v>14</v>
      </c>
      <c r="AB7118">
        <v>15</v>
      </c>
      <c r="AC7118">
        <v>15</v>
      </c>
      <c r="AD7118">
        <v>15</v>
      </c>
      <c r="AE7118">
        <v>15</v>
      </c>
      <c r="AF7118">
        <v>15</v>
      </c>
      <c r="AG7118">
        <v>15</v>
      </c>
      <c r="AH7118">
        <v>15</v>
      </c>
      <c r="AI7118">
        <v>15</v>
      </c>
      <c r="AJ7118">
        <v>15</v>
      </c>
      <c r="AK7118">
        <v>15</v>
      </c>
      <c r="AL7118">
        <v>15</v>
      </c>
      <c r="AM7118">
        <v>15</v>
      </c>
      <c r="AN7118">
        <v>15</v>
      </c>
      <c r="AO7118">
        <v>15</v>
      </c>
      <c r="AP7118">
        <v>14</v>
      </c>
      <c r="AQ7118">
        <v>14</v>
      </c>
    </row>
    <row r="7119" spans="1:43">
      <c r="A7119" t="s">
        <v>4458</v>
      </c>
      <c r="B7119" t="s">
        <v>4459</v>
      </c>
      <c r="C7119" t="s">
        <v>4454</v>
      </c>
      <c r="D7119" t="s">
        <v>4455</v>
      </c>
      <c r="E7119" t="s">
        <v>4236</v>
      </c>
      <c r="F7119" t="s">
        <v>4237</v>
      </c>
      <c r="G7119" t="s">
        <v>80</v>
      </c>
      <c r="H7119" t="s">
        <v>81</v>
      </c>
      <c r="I7119" s="2">
        <v>1</v>
      </c>
      <c r="J7119" s="2">
        <v>0</v>
      </c>
      <c r="K7119" s="2">
        <v>0</v>
      </c>
      <c r="L7119" t="s">
        <v>120</v>
      </c>
      <c r="M7119" t="s">
        <v>87</v>
      </c>
      <c r="N7119" t="s">
        <v>88</v>
      </c>
      <c r="O7119" t="s">
        <v>85</v>
      </c>
      <c r="P7119" t="s">
        <v>86</v>
      </c>
      <c r="Q7119">
        <v>13</v>
      </c>
      <c r="R7119">
        <v>13</v>
      </c>
      <c r="S7119">
        <v>13</v>
      </c>
      <c r="T7119">
        <v>13</v>
      </c>
      <c r="U7119">
        <v>13</v>
      </c>
      <c r="V7119">
        <v>13</v>
      </c>
      <c r="W7119">
        <v>13</v>
      </c>
      <c r="X7119">
        <v>13</v>
      </c>
      <c r="Y7119">
        <v>13</v>
      </c>
      <c r="Z7119">
        <v>13</v>
      </c>
      <c r="AA7119">
        <v>13</v>
      </c>
      <c r="AB7119">
        <v>13</v>
      </c>
      <c r="AC7119">
        <v>13</v>
      </c>
      <c r="AD7119">
        <v>13</v>
      </c>
      <c r="AE7119">
        <v>13</v>
      </c>
      <c r="AF7119">
        <v>13</v>
      </c>
      <c r="AG7119">
        <v>13</v>
      </c>
      <c r="AH7119">
        <v>13</v>
      </c>
      <c r="AI7119">
        <v>13</v>
      </c>
      <c r="AJ7119">
        <v>13</v>
      </c>
      <c r="AK7119">
        <v>13</v>
      </c>
      <c r="AL7119">
        <v>13</v>
      </c>
      <c r="AM7119">
        <v>13</v>
      </c>
      <c r="AN7119">
        <v>13</v>
      </c>
      <c r="AO7119">
        <v>13</v>
      </c>
      <c r="AP7119">
        <v>12</v>
      </c>
      <c r="AQ7119">
        <v>12</v>
      </c>
    </row>
    <row r="7120" spans="1:43">
      <c r="A7120" t="s">
        <v>4458</v>
      </c>
      <c r="B7120" t="s">
        <v>4459</v>
      </c>
      <c r="C7120" t="s">
        <v>4454</v>
      </c>
      <c r="D7120" t="s">
        <v>4455</v>
      </c>
      <c r="E7120" t="s">
        <v>4236</v>
      </c>
      <c r="F7120" t="s">
        <v>4237</v>
      </c>
      <c r="G7120" t="s">
        <v>80</v>
      </c>
      <c r="H7120" t="s">
        <v>81</v>
      </c>
      <c r="I7120" s="2">
        <v>1</v>
      </c>
      <c r="J7120" s="2">
        <v>0</v>
      </c>
      <c r="K7120" s="2">
        <v>0</v>
      </c>
      <c r="L7120" t="s">
        <v>120</v>
      </c>
      <c r="M7120" t="s">
        <v>89</v>
      </c>
      <c r="N7120" t="s">
        <v>90</v>
      </c>
      <c r="O7120" t="s">
        <v>85</v>
      </c>
      <c r="P7120" t="s">
        <v>86</v>
      </c>
      <c r="Q7120">
        <v>13</v>
      </c>
      <c r="R7120">
        <v>14</v>
      </c>
      <c r="S7120">
        <v>14</v>
      </c>
      <c r="T7120">
        <v>14</v>
      </c>
      <c r="U7120">
        <v>14</v>
      </c>
      <c r="V7120">
        <v>15</v>
      </c>
      <c r="W7120">
        <v>15</v>
      </c>
      <c r="X7120">
        <v>15</v>
      </c>
      <c r="Y7120">
        <v>15</v>
      </c>
      <c r="Z7120">
        <v>15</v>
      </c>
      <c r="AA7120">
        <v>15</v>
      </c>
      <c r="AB7120">
        <v>16</v>
      </c>
      <c r="AC7120">
        <v>16</v>
      </c>
      <c r="AD7120">
        <v>16</v>
      </c>
      <c r="AE7120">
        <v>16</v>
      </c>
      <c r="AF7120">
        <v>16</v>
      </c>
      <c r="AG7120">
        <v>16</v>
      </c>
      <c r="AH7120">
        <v>16</v>
      </c>
      <c r="AI7120">
        <v>15</v>
      </c>
      <c r="AJ7120">
        <v>15</v>
      </c>
      <c r="AK7120">
        <v>15</v>
      </c>
      <c r="AL7120">
        <v>15</v>
      </c>
      <c r="AM7120">
        <v>15</v>
      </c>
      <c r="AN7120">
        <v>15</v>
      </c>
      <c r="AO7120">
        <v>15</v>
      </c>
      <c r="AP7120">
        <v>15</v>
      </c>
      <c r="AQ7120">
        <v>15</v>
      </c>
    </row>
    <row r="7121" spans="1:43">
      <c r="A7121" t="s">
        <v>4458</v>
      </c>
      <c r="B7121" t="s">
        <v>4459</v>
      </c>
      <c r="C7121" t="s">
        <v>4454</v>
      </c>
      <c r="D7121" t="s">
        <v>4455</v>
      </c>
      <c r="E7121" t="s">
        <v>4236</v>
      </c>
      <c r="F7121" t="s">
        <v>4237</v>
      </c>
      <c r="G7121" t="s">
        <v>80</v>
      </c>
      <c r="H7121" t="s">
        <v>81</v>
      </c>
      <c r="I7121" s="2">
        <v>1</v>
      </c>
      <c r="J7121" s="2">
        <v>0</v>
      </c>
      <c r="K7121" s="2">
        <v>0</v>
      </c>
      <c r="L7121" t="s">
        <v>120</v>
      </c>
      <c r="M7121" t="s">
        <v>83</v>
      </c>
      <c r="N7121" t="s">
        <v>91</v>
      </c>
      <c r="O7121" t="s">
        <v>85</v>
      </c>
      <c r="P7121" t="s">
        <v>86</v>
      </c>
      <c r="Q7121">
        <v>13</v>
      </c>
      <c r="R7121">
        <v>13</v>
      </c>
      <c r="S7121">
        <v>14</v>
      </c>
      <c r="T7121">
        <v>14</v>
      </c>
      <c r="U7121">
        <v>14</v>
      </c>
      <c r="V7121">
        <v>14</v>
      </c>
      <c r="W7121">
        <v>14</v>
      </c>
      <c r="X7121">
        <v>14</v>
      </c>
      <c r="Y7121">
        <v>14</v>
      </c>
      <c r="Z7121">
        <v>14</v>
      </c>
      <c r="AA7121">
        <v>14</v>
      </c>
      <c r="AB7121">
        <v>15</v>
      </c>
      <c r="AC7121">
        <v>15</v>
      </c>
      <c r="AD7121">
        <v>15</v>
      </c>
      <c r="AE7121">
        <v>15</v>
      </c>
      <c r="AF7121">
        <v>15</v>
      </c>
      <c r="AG7121">
        <v>15</v>
      </c>
      <c r="AH7121">
        <v>15</v>
      </c>
      <c r="AI7121">
        <v>15</v>
      </c>
      <c r="AJ7121">
        <v>15</v>
      </c>
      <c r="AK7121">
        <v>15</v>
      </c>
      <c r="AL7121">
        <v>15</v>
      </c>
      <c r="AM7121">
        <v>15</v>
      </c>
      <c r="AN7121">
        <v>15</v>
      </c>
      <c r="AO7121">
        <v>15</v>
      </c>
      <c r="AP7121">
        <v>14</v>
      </c>
      <c r="AQ7121">
        <v>14</v>
      </c>
    </row>
    <row r="7122" spans="1:43">
      <c r="A7122" t="s">
        <v>4460</v>
      </c>
      <c r="B7122" t="s">
        <v>4461</v>
      </c>
      <c r="C7122" t="s">
        <v>4462</v>
      </c>
      <c r="D7122" t="s">
        <v>4463</v>
      </c>
      <c r="E7122" t="s">
        <v>4236</v>
      </c>
      <c r="F7122" t="s">
        <v>4237</v>
      </c>
      <c r="G7122" t="s">
        <v>80</v>
      </c>
      <c r="H7122" t="s">
        <v>81</v>
      </c>
      <c r="I7122" s="2">
        <v>1</v>
      </c>
      <c r="J7122" s="2">
        <v>0</v>
      </c>
      <c r="K7122" s="2">
        <v>0</v>
      </c>
      <c r="L7122" t="s">
        <v>120</v>
      </c>
      <c r="M7122" t="s">
        <v>83</v>
      </c>
      <c r="N7122" t="s">
        <v>84</v>
      </c>
      <c r="O7122" t="s">
        <v>85</v>
      </c>
      <c r="P7122" t="s">
        <v>86</v>
      </c>
      <c r="Q7122">
        <v>15</v>
      </c>
      <c r="R7122">
        <v>15</v>
      </c>
      <c r="S7122">
        <v>15</v>
      </c>
      <c r="T7122">
        <v>16</v>
      </c>
      <c r="U7122">
        <v>16</v>
      </c>
      <c r="V7122">
        <v>16</v>
      </c>
      <c r="W7122">
        <v>16</v>
      </c>
      <c r="X7122">
        <v>16</v>
      </c>
      <c r="Y7122">
        <v>16</v>
      </c>
      <c r="Z7122">
        <v>16</v>
      </c>
      <c r="AA7122">
        <v>16</v>
      </c>
      <c r="AB7122">
        <v>17</v>
      </c>
      <c r="AC7122">
        <v>17</v>
      </c>
      <c r="AD7122">
        <v>17</v>
      </c>
      <c r="AE7122">
        <v>17</v>
      </c>
      <c r="AF7122">
        <v>17</v>
      </c>
      <c r="AG7122">
        <v>17</v>
      </c>
      <c r="AH7122">
        <v>17</v>
      </c>
      <c r="AI7122">
        <v>17</v>
      </c>
      <c r="AJ7122">
        <v>17</v>
      </c>
      <c r="AK7122">
        <v>17</v>
      </c>
      <c r="AL7122">
        <v>17</v>
      </c>
      <c r="AM7122">
        <v>17</v>
      </c>
      <c r="AN7122">
        <v>17</v>
      </c>
      <c r="AO7122">
        <v>17</v>
      </c>
      <c r="AP7122">
        <v>17</v>
      </c>
      <c r="AQ7122">
        <v>16</v>
      </c>
    </row>
    <row r="7123" spans="1:43">
      <c r="A7123" t="s">
        <v>4460</v>
      </c>
      <c r="B7123" t="s">
        <v>4461</v>
      </c>
      <c r="C7123" t="s">
        <v>4462</v>
      </c>
      <c r="D7123" t="s">
        <v>4463</v>
      </c>
      <c r="E7123" t="s">
        <v>4236</v>
      </c>
      <c r="F7123" t="s">
        <v>4237</v>
      </c>
      <c r="G7123" t="s">
        <v>80</v>
      </c>
      <c r="H7123" t="s">
        <v>81</v>
      </c>
      <c r="I7123" s="2">
        <v>1</v>
      </c>
      <c r="J7123" s="2">
        <v>0</v>
      </c>
      <c r="K7123" s="2">
        <v>0</v>
      </c>
      <c r="L7123" t="s">
        <v>120</v>
      </c>
      <c r="M7123" t="s">
        <v>87</v>
      </c>
      <c r="N7123" t="s">
        <v>88</v>
      </c>
      <c r="O7123" t="s">
        <v>85</v>
      </c>
      <c r="P7123" t="s">
        <v>86</v>
      </c>
      <c r="Q7123">
        <v>15</v>
      </c>
      <c r="R7123">
        <v>15</v>
      </c>
      <c r="S7123">
        <v>15</v>
      </c>
      <c r="T7123">
        <v>15</v>
      </c>
      <c r="U7123">
        <v>15</v>
      </c>
      <c r="V7123">
        <v>15</v>
      </c>
      <c r="W7123">
        <v>15</v>
      </c>
      <c r="X7123">
        <v>15</v>
      </c>
      <c r="Y7123">
        <v>15</v>
      </c>
      <c r="Z7123">
        <v>15</v>
      </c>
      <c r="AA7123">
        <v>15</v>
      </c>
      <c r="AB7123">
        <v>15</v>
      </c>
      <c r="AC7123">
        <v>15</v>
      </c>
      <c r="AD7123">
        <v>15</v>
      </c>
      <c r="AE7123">
        <v>15</v>
      </c>
      <c r="AF7123">
        <v>15</v>
      </c>
      <c r="AG7123">
        <v>15</v>
      </c>
      <c r="AH7123">
        <v>15</v>
      </c>
      <c r="AI7123">
        <v>15</v>
      </c>
      <c r="AJ7123">
        <v>15</v>
      </c>
      <c r="AK7123">
        <v>15</v>
      </c>
      <c r="AL7123">
        <v>15</v>
      </c>
      <c r="AM7123">
        <v>14</v>
      </c>
      <c r="AN7123">
        <v>14</v>
      </c>
      <c r="AO7123">
        <v>14</v>
      </c>
      <c r="AP7123">
        <v>14</v>
      </c>
      <c r="AQ7123">
        <v>14</v>
      </c>
    </row>
    <row r="7124" spans="1:43">
      <c r="A7124" t="s">
        <v>4460</v>
      </c>
      <c r="B7124" t="s">
        <v>4461</v>
      </c>
      <c r="C7124" t="s">
        <v>4462</v>
      </c>
      <c r="D7124" t="s">
        <v>4463</v>
      </c>
      <c r="E7124" t="s">
        <v>4236</v>
      </c>
      <c r="F7124" t="s">
        <v>4237</v>
      </c>
      <c r="G7124" t="s">
        <v>80</v>
      </c>
      <c r="H7124" t="s">
        <v>81</v>
      </c>
      <c r="I7124" s="2">
        <v>1</v>
      </c>
      <c r="J7124" s="2">
        <v>0</v>
      </c>
      <c r="K7124" s="2">
        <v>0</v>
      </c>
      <c r="L7124" t="s">
        <v>120</v>
      </c>
      <c r="M7124" t="s">
        <v>89</v>
      </c>
      <c r="N7124" t="s">
        <v>90</v>
      </c>
      <c r="O7124" t="s">
        <v>85</v>
      </c>
      <c r="P7124" t="s">
        <v>86</v>
      </c>
      <c r="Q7124">
        <v>15</v>
      </c>
      <c r="R7124">
        <v>16</v>
      </c>
      <c r="S7124">
        <v>16</v>
      </c>
      <c r="T7124">
        <v>16</v>
      </c>
      <c r="U7124">
        <v>16</v>
      </c>
      <c r="V7124">
        <v>17</v>
      </c>
      <c r="W7124">
        <v>17</v>
      </c>
      <c r="X7124">
        <v>17</v>
      </c>
      <c r="Y7124">
        <v>17</v>
      </c>
      <c r="Z7124">
        <v>17</v>
      </c>
      <c r="AA7124">
        <v>18</v>
      </c>
      <c r="AB7124">
        <v>18</v>
      </c>
      <c r="AC7124">
        <v>18</v>
      </c>
      <c r="AD7124">
        <v>18</v>
      </c>
      <c r="AE7124">
        <v>18</v>
      </c>
      <c r="AF7124">
        <v>18</v>
      </c>
      <c r="AG7124">
        <v>18</v>
      </c>
      <c r="AH7124">
        <v>18</v>
      </c>
      <c r="AI7124">
        <v>18</v>
      </c>
      <c r="AJ7124">
        <v>17</v>
      </c>
      <c r="AK7124">
        <v>17</v>
      </c>
      <c r="AL7124">
        <v>17</v>
      </c>
      <c r="AM7124">
        <v>17</v>
      </c>
      <c r="AN7124">
        <v>17</v>
      </c>
      <c r="AO7124">
        <v>17</v>
      </c>
      <c r="AP7124">
        <v>17</v>
      </c>
      <c r="AQ7124">
        <v>17</v>
      </c>
    </row>
    <row r="7125" spans="1:43">
      <c r="A7125" t="s">
        <v>4460</v>
      </c>
      <c r="B7125" t="s">
        <v>4461</v>
      </c>
      <c r="C7125" t="s">
        <v>4462</v>
      </c>
      <c r="D7125" t="s">
        <v>4463</v>
      </c>
      <c r="E7125" t="s">
        <v>4236</v>
      </c>
      <c r="F7125" t="s">
        <v>4237</v>
      </c>
      <c r="G7125" t="s">
        <v>80</v>
      </c>
      <c r="H7125" t="s">
        <v>81</v>
      </c>
      <c r="I7125" s="2">
        <v>1</v>
      </c>
      <c r="J7125" s="2">
        <v>0</v>
      </c>
      <c r="K7125" s="2">
        <v>0</v>
      </c>
      <c r="L7125" t="s">
        <v>120</v>
      </c>
      <c r="M7125" t="s">
        <v>83</v>
      </c>
      <c r="N7125" t="s">
        <v>91</v>
      </c>
      <c r="O7125" t="s">
        <v>85</v>
      </c>
      <c r="P7125" t="s">
        <v>86</v>
      </c>
      <c r="Q7125">
        <v>15</v>
      </c>
      <c r="R7125">
        <v>15</v>
      </c>
      <c r="S7125">
        <v>15</v>
      </c>
      <c r="T7125">
        <v>16</v>
      </c>
      <c r="U7125">
        <v>16</v>
      </c>
      <c r="V7125">
        <v>16</v>
      </c>
      <c r="W7125">
        <v>16</v>
      </c>
      <c r="X7125">
        <v>16</v>
      </c>
      <c r="Y7125">
        <v>16</v>
      </c>
      <c r="Z7125">
        <v>16</v>
      </c>
      <c r="AA7125">
        <v>16</v>
      </c>
      <c r="AB7125">
        <v>17</v>
      </c>
      <c r="AC7125">
        <v>17</v>
      </c>
      <c r="AD7125">
        <v>17</v>
      </c>
      <c r="AE7125">
        <v>17</v>
      </c>
      <c r="AF7125">
        <v>17</v>
      </c>
      <c r="AG7125">
        <v>17</v>
      </c>
      <c r="AH7125">
        <v>17</v>
      </c>
      <c r="AI7125">
        <v>17</v>
      </c>
      <c r="AJ7125">
        <v>17</v>
      </c>
      <c r="AK7125">
        <v>17</v>
      </c>
      <c r="AL7125">
        <v>17</v>
      </c>
      <c r="AM7125">
        <v>17</v>
      </c>
      <c r="AN7125">
        <v>17</v>
      </c>
      <c r="AO7125">
        <v>17</v>
      </c>
      <c r="AP7125">
        <v>17</v>
      </c>
      <c r="AQ7125">
        <v>16</v>
      </c>
    </row>
    <row r="7126" spans="1:43">
      <c r="A7126" t="s">
        <v>4464</v>
      </c>
      <c r="B7126" t="s">
        <v>4465</v>
      </c>
      <c r="C7126" t="s">
        <v>4462</v>
      </c>
      <c r="D7126" t="s">
        <v>4463</v>
      </c>
      <c r="E7126" t="s">
        <v>4236</v>
      </c>
      <c r="F7126" t="s">
        <v>4237</v>
      </c>
      <c r="G7126" t="s">
        <v>80</v>
      </c>
      <c r="H7126" t="s">
        <v>81</v>
      </c>
      <c r="I7126" s="2">
        <v>1</v>
      </c>
      <c r="J7126" s="2">
        <v>0</v>
      </c>
      <c r="K7126" s="2">
        <v>0</v>
      </c>
      <c r="L7126" t="s">
        <v>120</v>
      </c>
      <c r="M7126" t="s">
        <v>83</v>
      </c>
      <c r="N7126" t="s">
        <v>84</v>
      </c>
      <c r="O7126" t="s">
        <v>85</v>
      </c>
      <c r="P7126" t="s">
        <v>86</v>
      </c>
      <c r="Q7126">
        <v>25</v>
      </c>
      <c r="R7126">
        <v>26</v>
      </c>
      <c r="S7126">
        <v>26</v>
      </c>
      <c r="T7126">
        <v>26</v>
      </c>
      <c r="U7126">
        <v>26</v>
      </c>
      <c r="V7126">
        <v>27</v>
      </c>
      <c r="W7126">
        <v>27</v>
      </c>
      <c r="X7126">
        <v>27</v>
      </c>
      <c r="Y7126">
        <v>27</v>
      </c>
      <c r="Z7126">
        <v>27</v>
      </c>
      <c r="AA7126">
        <v>28</v>
      </c>
      <c r="AB7126">
        <v>28</v>
      </c>
      <c r="AC7126">
        <v>28</v>
      </c>
      <c r="AD7126">
        <v>28</v>
      </c>
      <c r="AE7126">
        <v>28</v>
      </c>
      <c r="AF7126">
        <v>28</v>
      </c>
      <c r="AG7126">
        <v>28</v>
      </c>
      <c r="AH7126">
        <v>28</v>
      </c>
      <c r="AI7126">
        <v>28</v>
      </c>
      <c r="AJ7126">
        <v>29</v>
      </c>
      <c r="AK7126">
        <v>29</v>
      </c>
      <c r="AL7126">
        <v>28</v>
      </c>
      <c r="AM7126">
        <v>28</v>
      </c>
      <c r="AN7126">
        <v>28</v>
      </c>
      <c r="AO7126">
        <v>28</v>
      </c>
      <c r="AP7126">
        <v>28</v>
      </c>
      <c r="AQ7126">
        <v>27</v>
      </c>
    </row>
    <row r="7127" spans="1:43">
      <c r="A7127" t="s">
        <v>4464</v>
      </c>
      <c r="B7127" t="s">
        <v>4465</v>
      </c>
      <c r="C7127" t="s">
        <v>4462</v>
      </c>
      <c r="D7127" t="s">
        <v>4463</v>
      </c>
      <c r="E7127" t="s">
        <v>4236</v>
      </c>
      <c r="F7127" t="s">
        <v>4237</v>
      </c>
      <c r="G7127" t="s">
        <v>80</v>
      </c>
      <c r="H7127" t="s">
        <v>81</v>
      </c>
      <c r="I7127" s="2">
        <v>1</v>
      </c>
      <c r="J7127" s="2">
        <v>0</v>
      </c>
      <c r="K7127" s="2">
        <v>0</v>
      </c>
      <c r="L7127" t="s">
        <v>120</v>
      </c>
      <c r="M7127" t="s">
        <v>87</v>
      </c>
      <c r="N7127" t="s">
        <v>88</v>
      </c>
      <c r="O7127" t="s">
        <v>85</v>
      </c>
      <c r="P7127" t="s">
        <v>86</v>
      </c>
      <c r="Q7127">
        <v>25</v>
      </c>
      <c r="R7127">
        <v>25</v>
      </c>
      <c r="S7127">
        <v>25</v>
      </c>
      <c r="T7127">
        <v>25</v>
      </c>
      <c r="U7127">
        <v>25</v>
      </c>
      <c r="V7127">
        <v>25</v>
      </c>
      <c r="W7127">
        <v>25</v>
      </c>
      <c r="X7127">
        <v>25</v>
      </c>
      <c r="Y7127">
        <v>25</v>
      </c>
      <c r="Z7127">
        <v>25</v>
      </c>
      <c r="AA7127">
        <v>25</v>
      </c>
      <c r="AB7127">
        <v>25</v>
      </c>
      <c r="AC7127">
        <v>25</v>
      </c>
      <c r="AD7127">
        <v>25</v>
      </c>
      <c r="AE7127">
        <v>25</v>
      </c>
      <c r="AF7127">
        <v>25</v>
      </c>
      <c r="AG7127">
        <v>25</v>
      </c>
      <c r="AH7127">
        <v>25</v>
      </c>
      <c r="AI7127">
        <v>25</v>
      </c>
      <c r="AJ7127">
        <v>24</v>
      </c>
      <c r="AK7127">
        <v>24</v>
      </c>
      <c r="AL7127">
        <v>24</v>
      </c>
      <c r="AM7127">
        <v>24</v>
      </c>
      <c r="AN7127">
        <v>24</v>
      </c>
      <c r="AO7127">
        <v>24</v>
      </c>
      <c r="AP7127">
        <v>24</v>
      </c>
      <c r="AQ7127">
        <v>24</v>
      </c>
    </row>
    <row r="7128" spans="1:43">
      <c r="A7128" t="s">
        <v>4464</v>
      </c>
      <c r="B7128" t="s">
        <v>4465</v>
      </c>
      <c r="C7128" t="s">
        <v>4462</v>
      </c>
      <c r="D7128" t="s">
        <v>4463</v>
      </c>
      <c r="E7128" t="s">
        <v>4236</v>
      </c>
      <c r="F7128" t="s">
        <v>4237</v>
      </c>
      <c r="G7128" t="s">
        <v>80</v>
      </c>
      <c r="H7128" t="s">
        <v>81</v>
      </c>
      <c r="I7128" s="2">
        <v>1</v>
      </c>
      <c r="J7128" s="2">
        <v>0</v>
      </c>
      <c r="K7128" s="2">
        <v>0</v>
      </c>
      <c r="L7128" t="s">
        <v>120</v>
      </c>
      <c r="M7128" t="s">
        <v>89</v>
      </c>
      <c r="N7128" t="s">
        <v>90</v>
      </c>
      <c r="O7128" t="s">
        <v>85</v>
      </c>
      <c r="P7128" t="s">
        <v>86</v>
      </c>
      <c r="Q7128">
        <v>25</v>
      </c>
      <c r="R7128">
        <v>26</v>
      </c>
      <c r="S7128">
        <v>26</v>
      </c>
      <c r="T7128">
        <v>27</v>
      </c>
      <c r="U7128">
        <v>27</v>
      </c>
      <c r="V7128">
        <v>28</v>
      </c>
      <c r="W7128">
        <v>28</v>
      </c>
      <c r="X7128">
        <v>28</v>
      </c>
      <c r="Y7128">
        <v>29</v>
      </c>
      <c r="Z7128">
        <v>29</v>
      </c>
      <c r="AA7128">
        <v>29</v>
      </c>
      <c r="AB7128">
        <v>30</v>
      </c>
      <c r="AC7128">
        <v>30</v>
      </c>
      <c r="AD7128">
        <v>30</v>
      </c>
      <c r="AE7128">
        <v>30</v>
      </c>
      <c r="AF7128">
        <v>30</v>
      </c>
      <c r="AG7128">
        <v>30</v>
      </c>
      <c r="AH7128">
        <v>30</v>
      </c>
      <c r="AI7128">
        <v>29</v>
      </c>
      <c r="AJ7128">
        <v>29</v>
      </c>
      <c r="AK7128">
        <v>29</v>
      </c>
      <c r="AL7128">
        <v>29</v>
      </c>
      <c r="AM7128">
        <v>29</v>
      </c>
      <c r="AN7128">
        <v>28</v>
      </c>
      <c r="AO7128">
        <v>28</v>
      </c>
      <c r="AP7128">
        <v>28</v>
      </c>
      <c r="AQ7128">
        <v>28</v>
      </c>
    </row>
    <row r="7129" spans="1:43">
      <c r="A7129" t="s">
        <v>4464</v>
      </c>
      <c r="B7129" t="s">
        <v>4465</v>
      </c>
      <c r="C7129" t="s">
        <v>4462</v>
      </c>
      <c r="D7129" t="s">
        <v>4463</v>
      </c>
      <c r="E7129" t="s">
        <v>4236</v>
      </c>
      <c r="F7129" t="s">
        <v>4237</v>
      </c>
      <c r="G7129" t="s">
        <v>80</v>
      </c>
      <c r="H7129" t="s">
        <v>81</v>
      </c>
      <c r="I7129" s="2">
        <v>1</v>
      </c>
      <c r="J7129" s="2">
        <v>0</v>
      </c>
      <c r="K7129" s="2">
        <v>0</v>
      </c>
      <c r="L7129" t="s">
        <v>120</v>
      </c>
      <c r="M7129" t="s">
        <v>83</v>
      </c>
      <c r="N7129" t="s">
        <v>91</v>
      </c>
      <c r="O7129" t="s">
        <v>85</v>
      </c>
      <c r="P7129" t="s">
        <v>86</v>
      </c>
      <c r="Q7129">
        <v>25</v>
      </c>
      <c r="R7129">
        <v>26</v>
      </c>
      <c r="S7129">
        <v>26</v>
      </c>
      <c r="T7129">
        <v>26</v>
      </c>
      <c r="U7129">
        <v>26</v>
      </c>
      <c r="V7129">
        <v>27</v>
      </c>
      <c r="W7129">
        <v>27</v>
      </c>
      <c r="X7129">
        <v>27</v>
      </c>
      <c r="Y7129">
        <v>27</v>
      </c>
      <c r="Z7129">
        <v>27</v>
      </c>
      <c r="AA7129">
        <v>28</v>
      </c>
      <c r="AB7129">
        <v>28</v>
      </c>
      <c r="AC7129">
        <v>28</v>
      </c>
      <c r="AD7129">
        <v>28</v>
      </c>
      <c r="AE7129">
        <v>28</v>
      </c>
      <c r="AF7129">
        <v>28</v>
      </c>
      <c r="AG7129">
        <v>28</v>
      </c>
      <c r="AH7129">
        <v>28</v>
      </c>
      <c r="AI7129">
        <v>28</v>
      </c>
      <c r="AJ7129">
        <v>29</v>
      </c>
      <c r="AK7129">
        <v>29</v>
      </c>
      <c r="AL7129">
        <v>28</v>
      </c>
      <c r="AM7129">
        <v>28</v>
      </c>
      <c r="AN7129">
        <v>28</v>
      </c>
      <c r="AO7129">
        <v>28</v>
      </c>
      <c r="AP7129">
        <v>28</v>
      </c>
      <c r="AQ7129">
        <v>27</v>
      </c>
    </row>
    <row r="7130" spans="1:43">
      <c r="A7130" t="s">
        <v>4466</v>
      </c>
      <c r="B7130" t="s">
        <v>4467</v>
      </c>
      <c r="C7130" t="s">
        <v>4454</v>
      </c>
      <c r="D7130" t="s">
        <v>4455</v>
      </c>
      <c r="E7130" t="s">
        <v>4236</v>
      </c>
      <c r="F7130" t="s">
        <v>4237</v>
      </c>
      <c r="G7130" t="s">
        <v>80</v>
      </c>
      <c r="H7130" t="s">
        <v>81</v>
      </c>
      <c r="I7130" s="2">
        <v>1</v>
      </c>
      <c r="J7130" s="2">
        <v>0</v>
      </c>
      <c r="K7130" s="2">
        <v>0</v>
      </c>
      <c r="L7130" t="s">
        <v>120</v>
      </c>
      <c r="M7130" t="s">
        <v>83</v>
      </c>
      <c r="N7130" t="s">
        <v>84</v>
      </c>
      <c r="O7130" t="s">
        <v>85</v>
      </c>
      <c r="P7130" t="s">
        <v>86</v>
      </c>
      <c r="Q7130">
        <v>10</v>
      </c>
      <c r="R7130">
        <v>10</v>
      </c>
      <c r="S7130">
        <v>10</v>
      </c>
      <c r="T7130">
        <v>11</v>
      </c>
      <c r="U7130">
        <v>11</v>
      </c>
      <c r="V7130">
        <v>11</v>
      </c>
      <c r="W7130">
        <v>11</v>
      </c>
      <c r="X7130">
        <v>11</v>
      </c>
      <c r="Y7130">
        <v>11</v>
      </c>
      <c r="Z7130">
        <v>11</v>
      </c>
      <c r="AA7130">
        <v>11</v>
      </c>
      <c r="AB7130">
        <v>11</v>
      </c>
      <c r="AC7130">
        <v>11</v>
      </c>
      <c r="AD7130">
        <v>11</v>
      </c>
      <c r="AE7130">
        <v>11</v>
      </c>
      <c r="AF7130">
        <v>11</v>
      </c>
      <c r="AG7130">
        <v>11</v>
      </c>
      <c r="AH7130">
        <v>12</v>
      </c>
      <c r="AI7130">
        <v>12</v>
      </c>
      <c r="AJ7130">
        <v>12</v>
      </c>
      <c r="AK7130">
        <v>12</v>
      </c>
      <c r="AL7130">
        <v>12</v>
      </c>
      <c r="AM7130">
        <v>11</v>
      </c>
      <c r="AN7130">
        <v>11</v>
      </c>
      <c r="AO7130">
        <v>11</v>
      </c>
      <c r="AP7130">
        <v>11</v>
      </c>
      <c r="AQ7130">
        <v>11</v>
      </c>
    </row>
    <row r="7131" spans="1:43">
      <c r="A7131" t="s">
        <v>4466</v>
      </c>
      <c r="B7131" t="s">
        <v>4467</v>
      </c>
      <c r="C7131" t="s">
        <v>4454</v>
      </c>
      <c r="D7131" t="s">
        <v>4455</v>
      </c>
      <c r="E7131" t="s">
        <v>4236</v>
      </c>
      <c r="F7131" t="s">
        <v>4237</v>
      </c>
      <c r="G7131" t="s">
        <v>80</v>
      </c>
      <c r="H7131" t="s">
        <v>81</v>
      </c>
      <c r="I7131" s="2">
        <v>1</v>
      </c>
      <c r="J7131" s="2">
        <v>0</v>
      </c>
      <c r="K7131" s="2">
        <v>0</v>
      </c>
      <c r="L7131" t="s">
        <v>120</v>
      </c>
      <c r="M7131" t="s">
        <v>87</v>
      </c>
      <c r="N7131" t="s">
        <v>88</v>
      </c>
      <c r="O7131" t="s">
        <v>85</v>
      </c>
      <c r="P7131" t="s">
        <v>86</v>
      </c>
      <c r="Q7131">
        <v>10</v>
      </c>
      <c r="R7131">
        <v>10</v>
      </c>
      <c r="S7131">
        <v>10</v>
      </c>
      <c r="T7131">
        <v>10</v>
      </c>
      <c r="U7131">
        <v>10</v>
      </c>
      <c r="V7131">
        <v>10</v>
      </c>
      <c r="W7131">
        <v>10</v>
      </c>
      <c r="X7131">
        <v>10</v>
      </c>
      <c r="Y7131">
        <v>10</v>
      </c>
      <c r="Z7131">
        <v>10</v>
      </c>
      <c r="AA7131">
        <v>10</v>
      </c>
      <c r="AB7131">
        <v>10</v>
      </c>
      <c r="AC7131">
        <v>10</v>
      </c>
      <c r="AD7131">
        <v>10</v>
      </c>
      <c r="AE7131">
        <v>10</v>
      </c>
      <c r="AF7131">
        <v>10</v>
      </c>
      <c r="AG7131">
        <v>10</v>
      </c>
      <c r="AH7131">
        <v>10</v>
      </c>
      <c r="AI7131">
        <v>10</v>
      </c>
      <c r="AJ7131">
        <v>10</v>
      </c>
      <c r="AK7131">
        <v>10</v>
      </c>
      <c r="AL7131">
        <v>10</v>
      </c>
      <c r="AM7131">
        <v>10</v>
      </c>
      <c r="AN7131">
        <v>10</v>
      </c>
      <c r="AO7131">
        <v>10</v>
      </c>
      <c r="AP7131">
        <v>10</v>
      </c>
      <c r="AQ7131">
        <v>10</v>
      </c>
    </row>
    <row r="7132" spans="1:43">
      <c r="A7132" t="s">
        <v>4466</v>
      </c>
      <c r="B7132" t="s">
        <v>4467</v>
      </c>
      <c r="C7132" t="s">
        <v>4454</v>
      </c>
      <c r="D7132" t="s">
        <v>4455</v>
      </c>
      <c r="E7132" t="s">
        <v>4236</v>
      </c>
      <c r="F7132" t="s">
        <v>4237</v>
      </c>
      <c r="G7132" t="s">
        <v>80</v>
      </c>
      <c r="H7132" t="s">
        <v>81</v>
      </c>
      <c r="I7132" s="2">
        <v>1</v>
      </c>
      <c r="J7132" s="2">
        <v>0</v>
      </c>
      <c r="K7132" s="2">
        <v>0</v>
      </c>
      <c r="L7132" t="s">
        <v>120</v>
      </c>
      <c r="M7132" t="s">
        <v>89</v>
      </c>
      <c r="N7132" t="s">
        <v>90</v>
      </c>
      <c r="O7132" t="s">
        <v>85</v>
      </c>
      <c r="P7132" t="s">
        <v>86</v>
      </c>
      <c r="Q7132">
        <v>10</v>
      </c>
      <c r="R7132">
        <v>11</v>
      </c>
      <c r="S7132">
        <v>11</v>
      </c>
      <c r="T7132">
        <v>11</v>
      </c>
      <c r="U7132">
        <v>11</v>
      </c>
      <c r="V7132">
        <v>11</v>
      </c>
      <c r="W7132">
        <v>11</v>
      </c>
      <c r="X7132">
        <v>12</v>
      </c>
      <c r="Y7132">
        <v>12</v>
      </c>
      <c r="Z7132">
        <v>12</v>
      </c>
      <c r="AA7132">
        <v>12</v>
      </c>
      <c r="AB7132">
        <v>12</v>
      </c>
      <c r="AC7132">
        <v>12</v>
      </c>
      <c r="AD7132">
        <v>12</v>
      </c>
      <c r="AE7132">
        <v>12</v>
      </c>
      <c r="AF7132">
        <v>12</v>
      </c>
      <c r="AG7132">
        <v>12</v>
      </c>
      <c r="AH7132">
        <v>12</v>
      </c>
      <c r="AI7132">
        <v>12</v>
      </c>
      <c r="AJ7132">
        <v>12</v>
      </c>
      <c r="AK7132">
        <v>12</v>
      </c>
      <c r="AL7132">
        <v>12</v>
      </c>
      <c r="AM7132">
        <v>12</v>
      </c>
      <c r="AN7132">
        <v>12</v>
      </c>
      <c r="AO7132">
        <v>11</v>
      </c>
      <c r="AP7132">
        <v>11</v>
      </c>
      <c r="AQ7132">
        <v>11</v>
      </c>
    </row>
    <row r="7133" spans="1:43">
      <c r="A7133" t="s">
        <v>4466</v>
      </c>
      <c r="B7133" t="s">
        <v>4467</v>
      </c>
      <c r="C7133" t="s">
        <v>4454</v>
      </c>
      <c r="D7133" t="s">
        <v>4455</v>
      </c>
      <c r="E7133" t="s">
        <v>4236</v>
      </c>
      <c r="F7133" t="s">
        <v>4237</v>
      </c>
      <c r="G7133" t="s">
        <v>80</v>
      </c>
      <c r="H7133" t="s">
        <v>81</v>
      </c>
      <c r="I7133" s="2">
        <v>1</v>
      </c>
      <c r="J7133" s="2">
        <v>0</v>
      </c>
      <c r="K7133" s="2">
        <v>0</v>
      </c>
      <c r="L7133" t="s">
        <v>120</v>
      </c>
      <c r="M7133" t="s">
        <v>83</v>
      </c>
      <c r="N7133" t="s">
        <v>91</v>
      </c>
      <c r="O7133" t="s">
        <v>85</v>
      </c>
      <c r="P7133" t="s">
        <v>86</v>
      </c>
      <c r="Q7133">
        <v>10</v>
      </c>
      <c r="R7133">
        <v>10</v>
      </c>
      <c r="S7133">
        <v>10</v>
      </c>
      <c r="T7133">
        <v>11</v>
      </c>
      <c r="U7133">
        <v>11</v>
      </c>
      <c r="V7133">
        <v>11</v>
      </c>
      <c r="W7133">
        <v>11</v>
      </c>
      <c r="X7133">
        <v>11</v>
      </c>
      <c r="Y7133">
        <v>11</v>
      </c>
      <c r="Z7133">
        <v>11</v>
      </c>
      <c r="AA7133">
        <v>11</v>
      </c>
      <c r="AB7133">
        <v>11</v>
      </c>
      <c r="AC7133">
        <v>11</v>
      </c>
      <c r="AD7133">
        <v>11</v>
      </c>
      <c r="AE7133">
        <v>11</v>
      </c>
      <c r="AF7133">
        <v>11</v>
      </c>
      <c r="AG7133">
        <v>11</v>
      </c>
      <c r="AH7133">
        <v>12</v>
      </c>
      <c r="AI7133">
        <v>12</v>
      </c>
      <c r="AJ7133">
        <v>12</v>
      </c>
      <c r="AK7133">
        <v>12</v>
      </c>
      <c r="AL7133">
        <v>12</v>
      </c>
      <c r="AM7133">
        <v>11</v>
      </c>
      <c r="AN7133">
        <v>11</v>
      </c>
      <c r="AO7133">
        <v>11</v>
      </c>
      <c r="AP7133">
        <v>11</v>
      </c>
      <c r="AQ7133">
        <v>11</v>
      </c>
    </row>
    <row r="7134" spans="1:43">
      <c r="A7134" t="s">
        <v>4468</v>
      </c>
      <c r="B7134" t="s">
        <v>4469</v>
      </c>
      <c r="C7134" t="s">
        <v>4462</v>
      </c>
      <c r="D7134" t="s">
        <v>4463</v>
      </c>
      <c r="E7134" t="s">
        <v>4236</v>
      </c>
      <c r="F7134" t="s">
        <v>4237</v>
      </c>
      <c r="G7134" t="s">
        <v>80</v>
      </c>
      <c r="H7134" t="s">
        <v>81</v>
      </c>
      <c r="I7134" s="2">
        <v>1</v>
      </c>
      <c r="J7134" s="2">
        <v>0</v>
      </c>
      <c r="K7134" s="2">
        <v>0</v>
      </c>
      <c r="L7134" t="s">
        <v>120</v>
      </c>
      <c r="M7134" t="s">
        <v>83</v>
      </c>
      <c r="N7134" t="s">
        <v>84</v>
      </c>
      <c r="O7134" t="s">
        <v>85</v>
      </c>
      <c r="P7134" t="s">
        <v>86</v>
      </c>
      <c r="Q7134">
        <v>37</v>
      </c>
      <c r="R7134">
        <v>38</v>
      </c>
      <c r="S7134">
        <v>38</v>
      </c>
      <c r="T7134">
        <v>39</v>
      </c>
      <c r="U7134">
        <v>39</v>
      </c>
      <c r="V7134">
        <v>39</v>
      </c>
      <c r="W7134">
        <v>40</v>
      </c>
      <c r="X7134">
        <v>40</v>
      </c>
      <c r="Y7134">
        <v>40</v>
      </c>
      <c r="Z7134">
        <v>41</v>
      </c>
      <c r="AA7134">
        <v>41</v>
      </c>
      <c r="AB7134">
        <v>41</v>
      </c>
      <c r="AC7134">
        <v>41</v>
      </c>
      <c r="AD7134">
        <v>41</v>
      </c>
      <c r="AE7134">
        <v>42</v>
      </c>
      <c r="AF7134">
        <v>42</v>
      </c>
      <c r="AG7134">
        <v>42</v>
      </c>
      <c r="AH7134">
        <v>42</v>
      </c>
      <c r="AI7134">
        <v>42</v>
      </c>
      <c r="AJ7134">
        <v>42</v>
      </c>
      <c r="AK7134">
        <v>42</v>
      </c>
      <c r="AL7134">
        <v>42</v>
      </c>
      <c r="AM7134">
        <v>42</v>
      </c>
      <c r="AN7134">
        <v>42</v>
      </c>
      <c r="AO7134">
        <v>41</v>
      </c>
      <c r="AP7134">
        <v>41</v>
      </c>
      <c r="AQ7134">
        <v>41</v>
      </c>
    </row>
    <row r="7135" spans="1:43">
      <c r="A7135" t="s">
        <v>4468</v>
      </c>
      <c r="B7135" t="s">
        <v>4469</v>
      </c>
      <c r="C7135" t="s">
        <v>4462</v>
      </c>
      <c r="D7135" t="s">
        <v>4463</v>
      </c>
      <c r="E7135" t="s">
        <v>4236</v>
      </c>
      <c r="F7135" t="s">
        <v>4237</v>
      </c>
      <c r="G7135" t="s">
        <v>80</v>
      </c>
      <c r="H7135" t="s">
        <v>81</v>
      </c>
      <c r="I7135" s="2">
        <v>1</v>
      </c>
      <c r="J7135" s="2">
        <v>0</v>
      </c>
      <c r="K7135" s="2">
        <v>0</v>
      </c>
      <c r="L7135" t="s">
        <v>120</v>
      </c>
      <c r="M7135" t="s">
        <v>87</v>
      </c>
      <c r="N7135" t="s">
        <v>88</v>
      </c>
      <c r="O7135" t="s">
        <v>85</v>
      </c>
      <c r="P7135" t="s">
        <v>86</v>
      </c>
      <c r="Q7135">
        <v>37</v>
      </c>
      <c r="R7135">
        <v>37</v>
      </c>
      <c r="S7135">
        <v>37</v>
      </c>
      <c r="T7135">
        <v>37</v>
      </c>
      <c r="U7135">
        <v>37</v>
      </c>
      <c r="V7135">
        <v>37</v>
      </c>
      <c r="W7135">
        <v>37</v>
      </c>
      <c r="X7135">
        <v>37</v>
      </c>
      <c r="Y7135">
        <v>37</v>
      </c>
      <c r="Z7135">
        <v>37</v>
      </c>
      <c r="AA7135">
        <v>37</v>
      </c>
      <c r="AB7135">
        <v>37</v>
      </c>
      <c r="AC7135">
        <v>37</v>
      </c>
      <c r="AD7135">
        <v>37</v>
      </c>
      <c r="AE7135">
        <v>37</v>
      </c>
      <c r="AF7135">
        <v>37</v>
      </c>
      <c r="AG7135">
        <v>37</v>
      </c>
      <c r="AH7135">
        <v>37</v>
      </c>
      <c r="AI7135">
        <v>36</v>
      </c>
      <c r="AJ7135">
        <v>36</v>
      </c>
      <c r="AK7135">
        <v>36</v>
      </c>
      <c r="AL7135">
        <v>36</v>
      </c>
      <c r="AM7135">
        <v>36</v>
      </c>
      <c r="AN7135">
        <v>36</v>
      </c>
      <c r="AO7135">
        <v>35</v>
      </c>
      <c r="AP7135">
        <v>35</v>
      </c>
      <c r="AQ7135">
        <v>35</v>
      </c>
    </row>
    <row r="7136" spans="1:43">
      <c r="A7136" t="s">
        <v>4468</v>
      </c>
      <c r="B7136" t="s">
        <v>4469</v>
      </c>
      <c r="C7136" t="s">
        <v>4462</v>
      </c>
      <c r="D7136" t="s">
        <v>4463</v>
      </c>
      <c r="E7136" t="s">
        <v>4236</v>
      </c>
      <c r="F7136" t="s">
        <v>4237</v>
      </c>
      <c r="G7136" t="s">
        <v>80</v>
      </c>
      <c r="H7136" t="s">
        <v>81</v>
      </c>
      <c r="I7136" s="2">
        <v>1</v>
      </c>
      <c r="J7136" s="2">
        <v>0</v>
      </c>
      <c r="K7136" s="2">
        <v>0</v>
      </c>
      <c r="L7136" t="s">
        <v>120</v>
      </c>
      <c r="M7136" t="s">
        <v>89</v>
      </c>
      <c r="N7136" t="s">
        <v>90</v>
      </c>
      <c r="O7136" t="s">
        <v>85</v>
      </c>
      <c r="P7136" t="s">
        <v>86</v>
      </c>
      <c r="Q7136">
        <v>37</v>
      </c>
      <c r="R7136">
        <v>37</v>
      </c>
      <c r="S7136">
        <v>38</v>
      </c>
      <c r="T7136">
        <v>39</v>
      </c>
      <c r="U7136">
        <v>39</v>
      </c>
      <c r="V7136">
        <v>40</v>
      </c>
      <c r="W7136">
        <v>41</v>
      </c>
      <c r="X7136">
        <v>41</v>
      </c>
      <c r="Y7136">
        <v>42</v>
      </c>
      <c r="Z7136">
        <v>42</v>
      </c>
      <c r="AA7136">
        <v>42</v>
      </c>
      <c r="AB7136">
        <v>43</v>
      </c>
      <c r="AC7136">
        <v>43</v>
      </c>
      <c r="AD7136">
        <v>44</v>
      </c>
      <c r="AE7136">
        <v>44</v>
      </c>
      <c r="AF7136">
        <v>43</v>
      </c>
      <c r="AG7136">
        <v>43</v>
      </c>
      <c r="AH7136">
        <v>43</v>
      </c>
      <c r="AI7136">
        <v>43</v>
      </c>
      <c r="AJ7136">
        <v>42</v>
      </c>
      <c r="AK7136">
        <v>42</v>
      </c>
      <c r="AL7136">
        <v>42</v>
      </c>
      <c r="AM7136">
        <v>41</v>
      </c>
      <c r="AN7136">
        <v>41</v>
      </c>
      <c r="AO7136">
        <v>41</v>
      </c>
      <c r="AP7136">
        <v>40</v>
      </c>
      <c r="AQ7136">
        <v>40</v>
      </c>
    </row>
    <row r="7137" spans="1:43">
      <c r="A7137" t="s">
        <v>4468</v>
      </c>
      <c r="B7137" t="s">
        <v>4469</v>
      </c>
      <c r="C7137" t="s">
        <v>4462</v>
      </c>
      <c r="D7137" t="s">
        <v>4463</v>
      </c>
      <c r="E7137" t="s">
        <v>4236</v>
      </c>
      <c r="F7137" t="s">
        <v>4237</v>
      </c>
      <c r="G7137" t="s">
        <v>80</v>
      </c>
      <c r="H7137" t="s">
        <v>81</v>
      </c>
      <c r="I7137" s="2">
        <v>1</v>
      </c>
      <c r="J7137" s="2">
        <v>0</v>
      </c>
      <c r="K7137" s="2">
        <v>0</v>
      </c>
      <c r="L7137" t="s">
        <v>120</v>
      </c>
      <c r="M7137" t="s">
        <v>83</v>
      </c>
      <c r="N7137" t="s">
        <v>91</v>
      </c>
      <c r="O7137" t="s">
        <v>85</v>
      </c>
      <c r="P7137" t="s">
        <v>86</v>
      </c>
      <c r="Q7137">
        <v>37</v>
      </c>
      <c r="R7137">
        <v>38</v>
      </c>
      <c r="S7137">
        <v>38</v>
      </c>
      <c r="T7137">
        <v>39</v>
      </c>
      <c r="U7137">
        <v>39</v>
      </c>
      <c r="V7137">
        <v>39</v>
      </c>
      <c r="W7137">
        <v>40</v>
      </c>
      <c r="X7137">
        <v>40</v>
      </c>
      <c r="Y7137">
        <v>40</v>
      </c>
      <c r="Z7137">
        <v>41</v>
      </c>
      <c r="AA7137">
        <v>41</v>
      </c>
      <c r="AB7137">
        <v>41</v>
      </c>
      <c r="AC7137">
        <v>41</v>
      </c>
      <c r="AD7137">
        <v>41</v>
      </c>
      <c r="AE7137">
        <v>42</v>
      </c>
      <c r="AF7137">
        <v>42</v>
      </c>
      <c r="AG7137">
        <v>42</v>
      </c>
      <c r="AH7137">
        <v>42</v>
      </c>
      <c r="AI7137">
        <v>42</v>
      </c>
      <c r="AJ7137">
        <v>42</v>
      </c>
      <c r="AK7137">
        <v>42</v>
      </c>
      <c r="AL7137">
        <v>42</v>
      </c>
      <c r="AM7137">
        <v>42</v>
      </c>
      <c r="AN7137">
        <v>42</v>
      </c>
      <c r="AO7137">
        <v>41</v>
      </c>
      <c r="AP7137">
        <v>41</v>
      </c>
      <c r="AQ7137">
        <v>41</v>
      </c>
    </row>
    <row r="7138" spans="1:43">
      <c r="A7138" t="s">
        <v>4470</v>
      </c>
      <c r="B7138" t="s">
        <v>4471</v>
      </c>
      <c r="C7138" t="s">
        <v>4462</v>
      </c>
      <c r="D7138" t="s">
        <v>4463</v>
      </c>
      <c r="E7138" t="s">
        <v>4236</v>
      </c>
      <c r="F7138" t="s">
        <v>4237</v>
      </c>
      <c r="G7138" t="s">
        <v>80</v>
      </c>
      <c r="H7138" t="s">
        <v>81</v>
      </c>
      <c r="I7138" s="2">
        <v>1</v>
      </c>
      <c r="J7138" s="2">
        <v>0</v>
      </c>
      <c r="K7138" s="2">
        <v>0</v>
      </c>
      <c r="L7138" t="s">
        <v>120</v>
      </c>
      <c r="M7138" t="s">
        <v>83</v>
      </c>
      <c r="N7138" t="s">
        <v>84</v>
      </c>
      <c r="O7138" t="s">
        <v>85</v>
      </c>
      <c r="P7138" t="s">
        <v>86</v>
      </c>
      <c r="Q7138">
        <v>51</v>
      </c>
      <c r="R7138">
        <v>52</v>
      </c>
      <c r="S7138">
        <v>52</v>
      </c>
      <c r="T7138">
        <v>53</v>
      </c>
      <c r="U7138">
        <v>53</v>
      </c>
      <c r="V7138">
        <v>54</v>
      </c>
      <c r="W7138">
        <v>54</v>
      </c>
      <c r="X7138">
        <v>55</v>
      </c>
      <c r="Y7138">
        <v>55</v>
      </c>
      <c r="Z7138">
        <v>56</v>
      </c>
      <c r="AA7138">
        <v>56</v>
      </c>
      <c r="AB7138">
        <v>56</v>
      </c>
      <c r="AC7138">
        <v>57</v>
      </c>
      <c r="AD7138">
        <v>57</v>
      </c>
      <c r="AE7138">
        <v>57</v>
      </c>
      <c r="AF7138">
        <v>57</v>
      </c>
      <c r="AG7138">
        <v>58</v>
      </c>
      <c r="AH7138">
        <v>58</v>
      </c>
      <c r="AI7138">
        <v>58</v>
      </c>
      <c r="AJ7138">
        <v>58</v>
      </c>
      <c r="AK7138">
        <v>58</v>
      </c>
      <c r="AL7138">
        <v>58</v>
      </c>
      <c r="AM7138">
        <v>58</v>
      </c>
      <c r="AN7138">
        <v>57</v>
      </c>
      <c r="AO7138">
        <v>57</v>
      </c>
      <c r="AP7138">
        <v>57</v>
      </c>
      <c r="AQ7138">
        <v>56</v>
      </c>
    </row>
    <row r="7139" spans="1:43">
      <c r="A7139" t="s">
        <v>4470</v>
      </c>
      <c r="B7139" t="s">
        <v>4471</v>
      </c>
      <c r="C7139" t="s">
        <v>4462</v>
      </c>
      <c r="D7139" t="s">
        <v>4463</v>
      </c>
      <c r="E7139" t="s">
        <v>4236</v>
      </c>
      <c r="F7139" t="s">
        <v>4237</v>
      </c>
      <c r="G7139" t="s">
        <v>80</v>
      </c>
      <c r="H7139" t="s">
        <v>81</v>
      </c>
      <c r="I7139" s="2">
        <v>1</v>
      </c>
      <c r="J7139" s="2">
        <v>0</v>
      </c>
      <c r="K7139" s="2">
        <v>0</v>
      </c>
      <c r="L7139" t="s">
        <v>120</v>
      </c>
      <c r="M7139" t="s">
        <v>87</v>
      </c>
      <c r="N7139" t="s">
        <v>88</v>
      </c>
      <c r="O7139" t="s">
        <v>85</v>
      </c>
      <c r="P7139" t="s">
        <v>86</v>
      </c>
      <c r="Q7139">
        <v>51</v>
      </c>
      <c r="R7139">
        <v>51</v>
      </c>
      <c r="S7139">
        <v>51</v>
      </c>
      <c r="T7139">
        <v>51</v>
      </c>
      <c r="U7139">
        <v>51</v>
      </c>
      <c r="V7139">
        <v>51</v>
      </c>
      <c r="W7139">
        <v>51</v>
      </c>
      <c r="X7139">
        <v>51</v>
      </c>
      <c r="Y7139">
        <v>51</v>
      </c>
      <c r="Z7139">
        <v>51</v>
      </c>
      <c r="AA7139">
        <v>51</v>
      </c>
      <c r="AB7139">
        <v>51</v>
      </c>
      <c r="AC7139">
        <v>51</v>
      </c>
      <c r="AD7139">
        <v>51</v>
      </c>
      <c r="AE7139">
        <v>51</v>
      </c>
      <c r="AF7139">
        <v>51</v>
      </c>
      <c r="AG7139">
        <v>51</v>
      </c>
      <c r="AH7139">
        <v>50</v>
      </c>
      <c r="AI7139">
        <v>50</v>
      </c>
      <c r="AJ7139">
        <v>50</v>
      </c>
      <c r="AK7139">
        <v>50</v>
      </c>
      <c r="AL7139">
        <v>50</v>
      </c>
      <c r="AM7139">
        <v>50</v>
      </c>
      <c r="AN7139">
        <v>49</v>
      </c>
      <c r="AO7139">
        <v>49</v>
      </c>
      <c r="AP7139">
        <v>49</v>
      </c>
      <c r="AQ7139">
        <v>49</v>
      </c>
    </row>
    <row r="7140" spans="1:43">
      <c r="A7140" t="s">
        <v>4470</v>
      </c>
      <c r="B7140" t="s">
        <v>4471</v>
      </c>
      <c r="C7140" t="s">
        <v>4462</v>
      </c>
      <c r="D7140" t="s">
        <v>4463</v>
      </c>
      <c r="E7140" t="s">
        <v>4236</v>
      </c>
      <c r="F7140" t="s">
        <v>4237</v>
      </c>
      <c r="G7140" t="s">
        <v>80</v>
      </c>
      <c r="H7140" t="s">
        <v>81</v>
      </c>
      <c r="I7140" s="2">
        <v>1</v>
      </c>
      <c r="J7140" s="2">
        <v>0</v>
      </c>
      <c r="K7140" s="2">
        <v>0</v>
      </c>
      <c r="L7140" t="s">
        <v>120</v>
      </c>
      <c r="M7140" t="s">
        <v>89</v>
      </c>
      <c r="N7140" t="s">
        <v>90</v>
      </c>
      <c r="O7140" t="s">
        <v>85</v>
      </c>
      <c r="P7140" t="s">
        <v>86</v>
      </c>
      <c r="Q7140">
        <v>51</v>
      </c>
      <c r="R7140">
        <v>52</v>
      </c>
      <c r="S7140">
        <v>53</v>
      </c>
      <c r="T7140">
        <v>54</v>
      </c>
      <c r="U7140">
        <v>54</v>
      </c>
      <c r="V7140">
        <v>55</v>
      </c>
      <c r="W7140">
        <v>56</v>
      </c>
      <c r="X7140">
        <v>57</v>
      </c>
      <c r="Y7140">
        <v>57</v>
      </c>
      <c r="Z7140">
        <v>58</v>
      </c>
      <c r="AA7140">
        <v>59</v>
      </c>
      <c r="AB7140">
        <v>59</v>
      </c>
      <c r="AC7140">
        <v>60</v>
      </c>
      <c r="AD7140">
        <v>60</v>
      </c>
      <c r="AE7140">
        <v>60</v>
      </c>
      <c r="AF7140">
        <v>60</v>
      </c>
      <c r="AG7140">
        <v>60</v>
      </c>
      <c r="AH7140">
        <v>59</v>
      </c>
      <c r="AI7140">
        <v>59</v>
      </c>
      <c r="AJ7140">
        <v>59</v>
      </c>
      <c r="AK7140">
        <v>58</v>
      </c>
      <c r="AL7140">
        <v>58</v>
      </c>
      <c r="AM7140">
        <v>58</v>
      </c>
      <c r="AN7140">
        <v>57</v>
      </c>
      <c r="AO7140">
        <v>57</v>
      </c>
      <c r="AP7140">
        <v>56</v>
      </c>
      <c r="AQ7140">
        <v>56</v>
      </c>
    </row>
    <row r="7141" spans="1:43">
      <c r="A7141" t="s">
        <v>4470</v>
      </c>
      <c r="B7141" t="s">
        <v>4471</v>
      </c>
      <c r="C7141" t="s">
        <v>4462</v>
      </c>
      <c r="D7141" t="s">
        <v>4463</v>
      </c>
      <c r="E7141" t="s">
        <v>4236</v>
      </c>
      <c r="F7141" t="s">
        <v>4237</v>
      </c>
      <c r="G7141" t="s">
        <v>80</v>
      </c>
      <c r="H7141" t="s">
        <v>81</v>
      </c>
      <c r="I7141" s="2">
        <v>1</v>
      </c>
      <c r="J7141" s="2">
        <v>0</v>
      </c>
      <c r="K7141" s="2">
        <v>0</v>
      </c>
      <c r="L7141" t="s">
        <v>120</v>
      </c>
      <c r="M7141" t="s">
        <v>83</v>
      </c>
      <c r="N7141" t="s">
        <v>91</v>
      </c>
      <c r="O7141" t="s">
        <v>85</v>
      </c>
      <c r="P7141" t="s">
        <v>86</v>
      </c>
      <c r="Q7141">
        <v>51</v>
      </c>
      <c r="R7141">
        <v>52</v>
      </c>
      <c r="S7141">
        <v>52</v>
      </c>
      <c r="T7141">
        <v>53</v>
      </c>
      <c r="U7141">
        <v>53</v>
      </c>
      <c r="V7141">
        <v>54</v>
      </c>
      <c r="W7141">
        <v>54</v>
      </c>
      <c r="X7141">
        <v>55</v>
      </c>
      <c r="Y7141">
        <v>55</v>
      </c>
      <c r="Z7141">
        <v>56</v>
      </c>
      <c r="AA7141">
        <v>56</v>
      </c>
      <c r="AB7141">
        <v>56</v>
      </c>
      <c r="AC7141">
        <v>57</v>
      </c>
      <c r="AD7141">
        <v>57</v>
      </c>
      <c r="AE7141">
        <v>57</v>
      </c>
      <c r="AF7141">
        <v>57</v>
      </c>
      <c r="AG7141">
        <v>58</v>
      </c>
      <c r="AH7141">
        <v>58</v>
      </c>
      <c r="AI7141">
        <v>58</v>
      </c>
      <c r="AJ7141">
        <v>58</v>
      </c>
      <c r="AK7141">
        <v>58</v>
      </c>
      <c r="AL7141">
        <v>58</v>
      </c>
      <c r="AM7141">
        <v>58</v>
      </c>
      <c r="AN7141">
        <v>57</v>
      </c>
      <c r="AO7141">
        <v>57</v>
      </c>
      <c r="AP7141">
        <v>57</v>
      </c>
      <c r="AQ7141">
        <v>56</v>
      </c>
    </row>
    <row r="7142" spans="1:43">
      <c r="A7142" t="s">
        <v>4472</v>
      </c>
      <c r="B7142" t="s">
        <v>4473</v>
      </c>
      <c r="C7142" t="s">
        <v>4334</v>
      </c>
      <c r="D7142" t="s">
        <v>4335</v>
      </c>
      <c r="E7142" t="s">
        <v>4236</v>
      </c>
      <c r="F7142" t="s">
        <v>4237</v>
      </c>
      <c r="G7142" t="s">
        <v>80</v>
      </c>
      <c r="H7142" t="s">
        <v>81</v>
      </c>
      <c r="I7142" s="2">
        <v>1</v>
      </c>
      <c r="J7142" s="2">
        <v>0</v>
      </c>
      <c r="K7142" s="2">
        <v>0</v>
      </c>
      <c r="L7142" t="s">
        <v>120</v>
      </c>
      <c r="M7142" t="s">
        <v>83</v>
      </c>
      <c r="N7142" t="s">
        <v>84</v>
      </c>
      <c r="O7142" t="s">
        <v>85</v>
      </c>
      <c r="P7142" t="s">
        <v>86</v>
      </c>
      <c r="Q7142">
        <v>25</v>
      </c>
      <c r="R7142">
        <v>26</v>
      </c>
      <c r="S7142">
        <v>26</v>
      </c>
      <c r="T7142">
        <v>26</v>
      </c>
      <c r="U7142">
        <v>26</v>
      </c>
      <c r="V7142">
        <v>27</v>
      </c>
      <c r="W7142">
        <v>27</v>
      </c>
      <c r="X7142">
        <v>27</v>
      </c>
      <c r="Y7142">
        <v>27</v>
      </c>
      <c r="Z7142">
        <v>28</v>
      </c>
      <c r="AA7142">
        <v>28</v>
      </c>
      <c r="AB7142">
        <v>28</v>
      </c>
      <c r="AC7142">
        <v>28</v>
      </c>
      <c r="AD7142">
        <v>28</v>
      </c>
      <c r="AE7142">
        <v>28</v>
      </c>
      <c r="AF7142">
        <v>29</v>
      </c>
      <c r="AG7142">
        <v>29</v>
      </c>
      <c r="AH7142">
        <v>29</v>
      </c>
      <c r="AI7142">
        <v>29</v>
      </c>
      <c r="AJ7142">
        <v>29</v>
      </c>
      <c r="AK7142">
        <v>29</v>
      </c>
      <c r="AL7142">
        <v>29</v>
      </c>
      <c r="AM7142">
        <v>29</v>
      </c>
      <c r="AN7142">
        <v>29</v>
      </c>
      <c r="AO7142">
        <v>28</v>
      </c>
      <c r="AP7142">
        <v>28</v>
      </c>
      <c r="AQ7142">
        <v>28</v>
      </c>
    </row>
    <row r="7143" spans="1:43">
      <c r="A7143" t="s">
        <v>4472</v>
      </c>
      <c r="B7143" t="s">
        <v>4473</v>
      </c>
      <c r="C7143" t="s">
        <v>4334</v>
      </c>
      <c r="D7143" t="s">
        <v>4335</v>
      </c>
      <c r="E7143" t="s">
        <v>4236</v>
      </c>
      <c r="F7143" t="s">
        <v>4237</v>
      </c>
      <c r="G7143" t="s">
        <v>80</v>
      </c>
      <c r="H7143" t="s">
        <v>81</v>
      </c>
      <c r="I7143" s="2">
        <v>1</v>
      </c>
      <c r="J7143" s="2">
        <v>0</v>
      </c>
      <c r="K7143" s="2">
        <v>0</v>
      </c>
      <c r="L7143" t="s">
        <v>120</v>
      </c>
      <c r="M7143" t="s">
        <v>87</v>
      </c>
      <c r="N7143" t="s">
        <v>88</v>
      </c>
      <c r="O7143" t="s">
        <v>85</v>
      </c>
      <c r="P7143" t="s">
        <v>86</v>
      </c>
      <c r="Q7143">
        <v>25</v>
      </c>
      <c r="R7143">
        <v>25</v>
      </c>
      <c r="S7143">
        <v>25</v>
      </c>
      <c r="T7143">
        <v>25</v>
      </c>
      <c r="U7143">
        <v>25</v>
      </c>
      <c r="V7143">
        <v>25</v>
      </c>
      <c r="W7143">
        <v>25</v>
      </c>
      <c r="X7143">
        <v>25</v>
      </c>
      <c r="Y7143">
        <v>25</v>
      </c>
      <c r="Z7143">
        <v>25</v>
      </c>
      <c r="AA7143">
        <v>25</v>
      </c>
      <c r="AB7143">
        <v>25</v>
      </c>
      <c r="AC7143">
        <v>25</v>
      </c>
      <c r="AD7143">
        <v>25</v>
      </c>
      <c r="AE7143">
        <v>25</v>
      </c>
      <c r="AF7143">
        <v>25</v>
      </c>
      <c r="AG7143">
        <v>25</v>
      </c>
      <c r="AH7143">
        <v>25</v>
      </c>
      <c r="AI7143">
        <v>25</v>
      </c>
      <c r="AJ7143">
        <v>25</v>
      </c>
      <c r="AK7143">
        <v>25</v>
      </c>
      <c r="AL7143">
        <v>25</v>
      </c>
      <c r="AM7143">
        <v>25</v>
      </c>
      <c r="AN7143">
        <v>25</v>
      </c>
      <c r="AO7143">
        <v>24</v>
      </c>
      <c r="AP7143">
        <v>24</v>
      </c>
      <c r="AQ7143">
        <v>24</v>
      </c>
    </row>
    <row r="7144" spans="1:43">
      <c r="A7144" t="s">
        <v>4472</v>
      </c>
      <c r="B7144" t="s">
        <v>4473</v>
      </c>
      <c r="C7144" t="s">
        <v>4334</v>
      </c>
      <c r="D7144" t="s">
        <v>4335</v>
      </c>
      <c r="E7144" t="s">
        <v>4236</v>
      </c>
      <c r="F7144" t="s">
        <v>4237</v>
      </c>
      <c r="G7144" t="s">
        <v>80</v>
      </c>
      <c r="H7144" t="s">
        <v>81</v>
      </c>
      <c r="I7144" s="2">
        <v>1</v>
      </c>
      <c r="J7144" s="2">
        <v>0</v>
      </c>
      <c r="K7144" s="2">
        <v>0</v>
      </c>
      <c r="L7144" t="s">
        <v>120</v>
      </c>
      <c r="M7144" t="s">
        <v>89</v>
      </c>
      <c r="N7144" t="s">
        <v>90</v>
      </c>
      <c r="O7144" t="s">
        <v>85</v>
      </c>
      <c r="P7144" t="s">
        <v>86</v>
      </c>
      <c r="Q7144">
        <v>25</v>
      </c>
      <c r="R7144">
        <v>25</v>
      </c>
      <c r="S7144">
        <v>26</v>
      </c>
      <c r="T7144">
        <v>26</v>
      </c>
      <c r="U7144">
        <v>27</v>
      </c>
      <c r="V7144">
        <v>27</v>
      </c>
      <c r="W7144">
        <v>27</v>
      </c>
      <c r="X7144">
        <v>28</v>
      </c>
      <c r="Y7144">
        <v>28</v>
      </c>
      <c r="Z7144">
        <v>28</v>
      </c>
      <c r="AA7144">
        <v>29</v>
      </c>
      <c r="AB7144">
        <v>29</v>
      </c>
      <c r="AC7144">
        <v>29</v>
      </c>
      <c r="AD7144">
        <v>29</v>
      </c>
      <c r="AE7144">
        <v>29</v>
      </c>
      <c r="AF7144">
        <v>29</v>
      </c>
      <c r="AG7144">
        <v>29</v>
      </c>
      <c r="AH7144">
        <v>29</v>
      </c>
      <c r="AI7144">
        <v>29</v>
      </c>
      <c r="AJ7144">
        <v>29</v>
      </c>
      <c r="AK7144">
        <v>28</v>
      </c>
      <c r="AL7144">
        <v>28</v>
      </c>
      <c r="AM7144">
        <v>28</v>
      </c>
      <c r="AN7144">
        <v>28</v>
      </c>
      <c r="AO7144">
        <v>28</v>
      </c>
      <c r="AP7144">
        <v>27</v>
      </c>
      <c r="AQ7144">
        <v>27</v>
      </c>
    </row>
    <row r="7145" spans="1:43">
      <c r="A7145" t="s">
        <v>4472</v>
      </c>
      <c r="B7145" t="s">
        <v>4473</v>
      </c>
      <c r="C7145" t="s">
        <v>4334</v>
      </c>
      <c r="D7145" t="s">
        <v>4335</v>
      </c>
      <c r="E7145" t="s">
        <v>4236</v>
      </c>
      <c r="F7145" t="s">
        <v>4237</v>
      </c>
      <c r="G7145" t="s">
        <v>80</v>
      </c>
      <c r="H7145" t="s">
        <v>81</v>
      </c>
      <c r="I7145" s="2">
        <v>1</v>
      </c>
      <c r="J7145" s="2">
        <v>0</v>
      </c>
      <c r="K7145" s="2">
        <v>0</v>
      </c>
      <c r="L7145" t="s">
        <v>120</v>
      </c>
      <c r="M7145" t="s">
        <v>83</v>
      </c>
      <c r="N7145" t="s">
        <v>91</v>
      </c>
      <c r="O7145" t="s">
        <v>85</v>
      </c>
      <c r="P7145" t="s">
        <v>86</v>
      </c>
      <c r="Q7145">
        <v>25</v>
      </c>
      <c r="R7145">
        <v>26</v>
      </c>
      <c r="S7145">
        <v>26</v>
      </c>
      <c r="T7145">
        <v>26</v>
      </c>
      <c r="U7145">
        <v>26</v>
      </c>
      <c r="V7145">
        <v>27</v>
      </c>
      <c r="W7145">
        <v>27</v>
      </c>
      <c r="X7145">
        <v>27</v>
      </c>
      <c r="Y7145">
        <v>27</v>
      </c>
      <c r="Z7145">
        <v>28</v>
      </c>
      <c r="AA7145">
        <v>28</v>
      </c>
      <c r="AB7145">
        <v>28</v>
      </c>
      <c r="AC7145">
        <v>28</v>
      </c>
      <c r="AD7145">
        <v>28</v>
      </c>
      <c r="AE7145">
        <v>28</v>
      </c>
      <c r="AF7145">
        <v>29</v>
      </c>
      <c r="AG7145">
        <v>29</v>
      </c>
      <c r="AH7145">
        <v>29</v>
      </c>
      <c r="AI7145">
        <v>29</v>
      </c>
      <c r="AJ7145">
        <v>29</v>
      </c>
      <c r="AK7145">
        <v>29</v>
      </c>
      <c r="AL7145">
        <v>29</v>
      </c>
      <c r="AM7145">
        <v>29</v>
      </c>
      <c r="AN7145">
        <v>29</v>
      </c>
      <c r="AO7145">
        <v>28</v>
      </c>
      <c r="AP7145">
        <v>28</v>
      </c>
      <c r="AQ7145">
        <v>28</v>
      </c>
    </row>
    <row r="7146" spans="1:43">
      <c r="A7146" t="s">
        <v>4474</v>
      </c>
      <c r="B7146" t="s">
        <v>4475</v>
      </c>
      <c r="C7146" t="s">
        <v>4372</v>
      </c>
      <c r="D7146" t="s">
        <v>4373</v>
      </c>
      <c r="E7146" t="s">
        <v>4236</v>
      </c>
      <c r="F7146" t="s">
        <v>4237</v>
      </c>
      <c r="G7146" t="s">
        <v>80</v>
      </c>
      <c r="H7146" t="s">
        <v>81</v>
      </c>
      <c r="I7146" s="2">
        <v>1</v>
      </c>
      <c r="J7146" s="2">
        <v>0</v>
      </c>
      <c r="K7146" s="2">
        <v>0</v>
      </c>
      <c r="L7146" t="s">
        <v>120</v>
      </c>
      <c r="M7146" t="s">
        <v>83</v>
      </c>
      <c r="N7146" t="s">
        <v>84</v>
      </c>
      <c r="O7146" t="s">
        <v>85</v>
      </c>
      <c r="P7146" t="s">
        <v>86</v>
      </c>
      <c r="Q7146">
        <v>32</v>
      </c>
      <c r="R7146">
        <v>32</v>
      </c>
      <c r="S7146">
        <v>33</v>
      </c>
      <c r="T7146">
        <v>33</v>
      </c>
      <c r="U7146">
        <v>33</v>
      </c>
      <c r="V7146">
        <v>34</v>
      </c>
      <c r="W7146">
        <v>34</v>
      </c>
      <c r="X7146">
        <v>34</v>
      </c>
      <c r="Y7146">
        <v>35</v>
      </c>
      <c r="Z7146">
        <v>35</v>
      </c>
      <c r="AA7146">
        <v>35</v>
      </c>
      <c r="AB7146">
        <v>35</v>
      </c>
      <c r="AC7146">
        <v>35</v>
      </c>
      <c r="AD7146">
        <v>35</v>
      </c>
      <c r="AE7146">
        <v>36</v>
      </c>
      <c r="AF7146">
        <v>36</v>
      </c>
      <c r="AG7146">
        <v>36</v>
      </c>
      <c r="AH7146">
        <v>36</v>
      </c>
      <c r="AI7146">
        <v>36</v>
      </c>
      <c r="AJ7146">
        <v>36</v>
      </c>
      <c r="AK7146">
        <v>36</v>
      </c>
      <c r="AL7146">
        <v>36</v>
      </c>
      <c r="AM7146">
        <v>36</v>
      </c>
      <c r="AN7146">
        <v>35</v>
      </c>
      <c r="AO7146">
        <v>35</v>
      </c>
      <c r="AP7146">
        <v>35</v>
      </c>
      <c r="AQ7146">
        <v>34</v>
      </c>
    </row>
    <row r="7147" spans="1:43">
      <c r="A7147" t="s">
        <v>4474</v>
      </c>
      <c r="B7147" t="s">
        <v>4475</v>
      </c>
      <c r="C7147" t="s">
        <v>4372</v>
      </c>
      <c r="D7147" t="s">
        <v>4373</v>
      </c>
      <c r="E7147" t="s">
        <v>4236</v>
      </c>
      <c r="F7147" t="s">
        <v>4237</v>
      </c>
      <c r="G7147" t="s">
        <v>80</v>
      </c>
      <c r="H7147" t="s">
        <v>81</v>
      </c>
      <c r="I7147" s="2">
        <v>1</v>
      </c>
      <c r="J7147" s="2">
        <v>0</v>
      </c>
      <c r="K7147" s="2">
        <v>0</v>
      </c>
      <c r="L7147" t="s">
        <v>120</v>
      </c>
      <c r="M7147" t="s">
        <v>87</v>
      </c>
      <c r="N7147" t="s">
        <v>88</v>
      </c>
      <c r="O7147" t="s">
        <v>85</v>
      </c>
      <c r="P7147" t="s">
        <v>86</v>
      </c>
      <c r="Q7147">
        <v>32</v>
      </c>
      <c r="R7147">
        <v>32</v>
      </c>
      <c r="S7147">
        <v>32</v>
      </c>
      <c r="T7147">
        <v>32</v>
      </c>
      <c r="U7147">
        <v>32</v>
      </c>
      <c r="V7147">
        <v>32</v>
      </c>
      <c r="W7147">
        <v>32</v>
      </c>
      <c r="X7147">
        <v>32</v>
      </c>
      <c r="Y7147">
        <v>32</v>
      </c>
      <c r="Z7147">
        <v>32</v>
      </c>
      <c r="AA7147">
        <v>32</v>
      </c>
      <c r="AB7147">
        <v>32</v>
      </c>
      <c r="AC7147">
        <v>32</v>
      </c>
      <c r="AD7147">
        <v>32</v>
      </c>
      <c r="AE7147">
        <v>32</v>
      </c>
      <c r="AF7147">
        <v>31</v>
      </c>
      <c r="AG7147">
        <v>31</v>
      </c>
      <c r="AH7147">
        <v>31</v>
      </c>
      <c r="AI7147">
        <v>31</v>
      </c>
      <c r="AJ7147">
        <v>31</v>
      </c>
      <c r="AK7147">
        <v>31</v>
      </c>
      <c r="AL7147">
        <v>31</v>
      </c>
      <c r="AM7147">
        <v>31</v>
      </c>
      <c r="AN7147">
        <v>30</v>
      </c>
      <c r="AO7147">
        <v>30</v>
      </c>
      <c r="AP7147">
        <v>30</v>
      </c>
      <c r="AQ7147">
        <v>30</v>
      </c>
    </row>
    <row r="7148" spans="1:43">
      <c r="A7148" t="s">
        <v>4474</v>
      </c>
      <c r="B7148" t="s">
        <v>4475</v>
      </c>
      <c r="C7148" t="s">
        <v>4372</v>
      </c>
      <c r="D7148" t="s">
        <v>4373</v>
      </c>
      <c r="E7148" t="s">
        <v>4236</v>
      </c>
      <c r="F7148" t="s">
        <v>4237</v>
      </c>
      <c r="G7148" t="s">
        <v>80</v>
      </c>
      <c r="H7148" t="s">
        <v>81</v>
      </c>
      <c r="I7148" s="2">
        <v>1</v>
      </c>
      <c r="J7148" s="2">
        <v>0</v>
      </c>
      <c r="K7148" s="2">
        <v>0</v>
      </c>
      <c r="L7148" t="s">
        <v>120</v>
      </c>
      <c r="M7148" t="s">
        <v>89</v>
      </c>
      <c r="N7148" t="s">
        <v>90</v>
      </c>
      <c r="O7148" t="s">
        <v>85</v>
      </c>
      <c r="P7148" t="s">
        <v>86</v>
      </c>
      <c r="Q7148">
        <v>32</v>
      </c>
      <c r="R7148">
        <v>33</v>
      </c>
      <c r="S7148">
        <v>34</v>
      </c>
      <c r="T7148">
        <v>34</v>
      </c>
      <c r="U7148">
        <v>35</v>
      </c>
      <c r="V7148">
        <v>35</v>
      </c>
      <c r="W7148">
        <v>36</v>
      </c>
      <c r="X7148">
        <v>36</v>
      </c>
      <c r="Y7148">
        <v>37</v>
      </c>
      <c r="Z7148">
        <v>37</v>
      </c>
      <c r="AA7148">
        <v>37</v>
      </c>
      <c r="AB7148">
        <v>38</v>
      </c>
      <c r="AC7148">
        <v>38</v>
      </c>
      <c r="AD7148">
        <v>38</v>
      </c>
      <c r="AE7148">
        <v>38</v>
      </c>
      <c r="AF7148">
        <v>38</v>
      </c>
      <c r="AG7148">
        <v>38</v>
      </c>
      <c r="AH7148">
        <v>37</v>
      </c>
      <c r="AI7148">
        <v>37</v>
      </c>
      <c r="AJ7148">
        <v>37</v>
      </c>
      <c r="AK7148">
        <v>37</v>
      </c>
      <c r="AL7148">
        <v>36</v>
      </c>
      <c r="AM7148">
        <v>36</v>
      </c>
      <c r="AN7148">
        <v>36</v>
      </c>
      <c r="AO7148">
        <v>35</v>
      </c>
      <c r="AP7148">
        <v>35</v>
      </c>
      <c r="AQ7148">
        <v>35</v>
      </c>
    </row>
    <row r="7149" spans="1:43">
      <c r="A7149" t="s">
        <v>4474</v>
      </c>
      <c r="B7149" t="s">
        <v>4475</v>
      </c>
      <c r="C7149" t="s">
        <v>4372</v>
      </c>
      <c r="D7149" t="s">
        <v>4373</v>
      </c>
      <c r="E7149" t="s">
        <v>4236</v>
      </c>
      <c r="F7149" t="s">
        <v>4237</v>
      </c>
      <c r="G7149" t="s">
        <v>80</v>
      </c>
      <c r="H7149" t="s">
        <v>81</v>
      </c>
      <c r="I7149" s="2">
        <v>1</v>
      </c>
      <c r="J7149" s="2">
        <v>0</v>
      </c>
      <c r="K7149" s="2">
        <v>0</v>
      </c>
      <c r="L7149" t="s">
        <v>120</v>
      </c>
      <c r="M7149" t="s">
        <v>83</v>
      </c>
      <c r="N7149" t="s">
        <v>91</v>
      </c>
      <c r="O7149" t="s">
        <v>85</v>
      </c>
      <c r="P7149" t="s">
        <v>86</v>
      </c>
      <c r="Q7149">
        <v>32</v>
      </c>
      <c r="R7149">
        <v>32</v>
      </c>
      <c r="S7149">
        <v>33</v>
      </c>
      <c r="T7149">
        <v>33</v>
      </c>
      <c r="U7149">
        <v>33</v>
      </c>
      <c r="V7149">
        <v>34</v>
      </c>
      <c r="W7149">
        <v>34</v>
      </c>
      <c r="X7149">
        <v>34</v>
      </c>
      <c r="Y7149">
        <v>35</v>
      </c>
      <c r="Z7149">
        <v>35</v>
      </c>
      <c r="AA7149">
        <v>35</v>
      </c>
      <c r="AB7149">
        <v>35</v>
      </c>
      <c r="AC7149">
        <v>35</v>
      </c>
      <c r="AD7149">
        <v>35</v>
      </c>
      <c r="AE7149">
        <v>36</v>
      </c>
      <c r="AF7149">
        <v>36</v>
      </c>
      <c r="AG7149">
        <v>36</v>
      </c>
      <c r="AH7149">
        <v>36</v>
      </c>
      <c r="AI7149">
        <v>36</v>
      </c>
      <c r="AJ7149">
        <v>36</v>
      </c>
      <c r="AK7149">
        <v>36</v>
      </c>
      <c r="AL7149">
        <v>36</v>
      </c>
      <c r="AM7149">
        <v>36</v>
      </c>
      <c r="AN7149">
        <v>35</v>
      </c>
      <c r="AO7149">
        <v>35</v>
      </c>
      <c r="AP7149">
        <v>35</v>
      </c>
      <c r="AQ7149">
        <v>34</v>
      </c>
    </row>
    <row r="7150" spans="1:43">
      <c r="A7150" t="s">
        <v>4476</v>
      </c>
      <c r="B7150" t="s">
        <v>4477</v>
      </c>
      <c r="C7150" t="s">
        <v>4372</v>
      </c>
      <c r="D7150" t="s">
        <v>4373</v>
      </c>
      <c r="E7150" t="s">
        <v>4236</v>
      </c>
      <c r="F7150" t="s">
        <v>4237</v>
      </c>
      <c r="G7150" t="s">
        <v>80</v>
      </c>
      <c r="H7150" t="s">
        <v>81</v>
      </c>
      <c r="I7150" s="2">
        <v>1</v>
      </c>
      <c r="J7150" s="2">
        <v>0</v>
      </c>
      <c r="K7150" s="2">
        <v>0</v>
      </c>
      <c r="L7150" t="s">
        <v>120</v>
      </c>
      <c r="M7150" t="s">
        <v>83</v>
      </c>
      <c r="N7150" t="s">
        <v>84</v>
      </c>
      <c r="O7150" t="s">
        <v>85</v>
      </c>
      <c r="P7150" t="s">
        <v>86</v>
      </c>
      <c r="Q7150">
        <v>15</v>
      </c>
      <c r="R7150">
        <v>15</v>
      </c>
      <c r="S7150">
        <v>15</v>
      </c>
      <c r="T7150">
        <v>15</v>
      </c>
      <c r="U7150">
        <v>16</v>
      </c>
      <c r="V7150">
        <v>16</v>
      </c>
      <c r="W7150">
        <v>16</v>
      </c>
      <c r="X7150">
        <v>16</v>
      </c>
      <c r="Y7150">
        <v>16</v>
      </c>
      <c r="Z7150">
        <v>16</v>
      </c>
      <c r="AA7150">
        <v>16</v>
      </c>
      <c r="AB7150">
        <v>16</v>
      </c>
      <c r="AC7150">
        <v>16</v>
      </c>
      <c r="AD7150">
        <v>16</v>
      </c>
      <c r="AE7150">
        <v>17</v>
      </c>
      <c r="AF7150">
        <v>17</v>
      </c>
      <c r="AG7150">
        <v>17</v>
      </c>
      <c r="AH7150">
        <v>17</v>
      </c>
      <c r="AI7150">
        <v>17</v>
      </c>
      <c r="AJ7150">
        <v>17</v>
      </c>
      <c r="AK7150">
        <v>17</v>
      </c>
      <c r="AL7150">
        <v>17</v>
      </c>
      <c r="AM7150">
        <v>17</v>
      </c>
      <c r="AN7150">
        <v>16</v>
      </c>
      <c r="AO7150">
        <v>16</v>
      </c>
      <c r="AP7150">
        <v>16</v>
      </c>
      <c r="AQ7150">
        <v>16</v>
      </c>
    </row>
    <row r="7151" spans="1:43">
      <c r="A7151" t="s">
        <v>4476</v>
      </c>
      <c r="B7151" t="s">
        <v>4477</v>
      </c>
      <c r="C7151" t="s">
        <v>4372</v>
      </c>
      <c r="D7151" t="s">
        <v>4373</v>
      </c>
      <c r="E7151" t="s">
        <v>4236</v>
      </c>
      <c r="F7151" t="s">
        <v>4237</v>
      </c>
      <c r="G7151" t="s">
        <v>80</v>
      </c>
      <c r="H7151" t="s">
        <v>81</v>
      </c>
      <c r="I7151" s="2">
        <v>1</v>
      </c>
      <c r="J7151" s="2">
        <v>0</v>
      </c>
      <c r="K7151" s="2">
        <v>0</v>
      </c>
      <c r="L7151" t="s">
        <v>120</v>
      </c>
      <c r="M7151" t="s">
        <v>87</v>
      </c>
      <c r="N7151" t="s">
        <v>88</v>
      </c>
      <c r="O7151" t="s">
        <v>85</v>
      </c>
      <c r="P7151" t="s">
        <v>86</v>
      </c>
      <c r="Q7151">
        <v>15</v>
      </c>
      <c r="R7151">
        <v>15</v>
      </c>
      <c r="S7151">
        <v>15</v>
      </c>
      <c r="T7151">
        <v>15</v>
      </c>
      <c r="U7151">
        <v>15</v>
      </c>
      <c r="V7151">
        <v>15</v>
      </c>
      <c r="W7151">
        <v>15</v>
      </c>
      <c r="X7151">
        <v>15</v>
      </c>
      <c r="Y7151">
        <v>15</v>
      </c>
      <c r="Z7151">
        <v>15</v>
      </c>
      <c r="AA7151">
        <v>15</v>
      </c>
      <c r="AB7151">
        <v>15</v>
      </c>
      <c r="AC7151">
        <v>15</v>
      </c>
      <c r="AD7151">
        <v>15</v>
      </c>
      <c r="AE7151">
        <v>15</v>
      </c>
      <c r="AF7151">
        <v>15</v>
      </c>
      <c r="AG7151">
        <v>15</v>
      </c>
      <c r="AH7151">
        <v>15</v>
      </c>
      <c r="AI7151">
        <v>14</v>
      </c>
      <c r="AJ7151">
        <v>14</v>
      </c>
      <c r="AK7151">
        <v>14</v>
      </c>
      <c r="AL7151">
        <v>14</v>
      </c>
      <c r="AM7151">
        <v>14</v>
      </c>
      <c r="AN7151">
        <v>14</v>
      </c>
      <c r="AO7151">
        <v>14</v>
      </c>
      <c r="AP7151">
        <v>14</v>
      </c>
      <c r="AQ7151">
        <v>14</v>
      </c>
    </row>
    <row r="7152" spans="1:43">
      <c r="A7152" t="s">
        <v>4476</v>
      </c>
      <c r="B7152" t="s">
        <v>4477</v>
      </c>
      <c r="C7152" t="s">
        <v>4372</v>
      </c>
      <c r="D7152" t="s">
        <v>4373</v>
      </c>
      <c r="E7152" t="s">
        <v>4236</v>
      </c>
      <c r="F7152" t="s">
        <v>4237</v>
      </c>
      <c r="G7152" t="s">
        <v>80</v>
      </c>
      <c r="H7152" t="s">
        <v>81</v>
      </c>
      <c r="I7152" s="2">
        <v>1</v>
      </c>
      <c r="J7152" s="2">
        <v>0</v>
      </c>
      <c r="K7152" s="2">
        <v>0</v>
      </c>
      <c r="L7152" t="s">
        <v>120</v>
      </c>
      <c r="M7152" t="s">
        <v>89</v>
      </c>
      <c r="N7152" t="s">
        <v>90</v>
      </c>
      <c r="O7152" t="s">
        <v>85</v>
      </c>
      <c r="P7152" t="s">
        <v>86</v>
      </c>
      <c r="Q7152">
        <v>15</v>
      </c>
      <c r="R7152">
        <v>15</v>
      </c>
      <c r="S7152">
        <v>16</v>
      </c>
      <c r="T7152">
        <v>16</v>
      </c>
      <c r="U7152">
        <v>16</v>
      </c>
      <c r="V7152">
        <v>16</v>
      </c>
      <c r="W7152">
        <v>17</v>
      </c>
      <c r="X7152">
        <v>17</v>
      </c>
      <c r="Y7152">
        <v>17</v>
      </c>
      <c r="Z7152">
        <v>17</v>
      </c>
      <c r="AA7152">
        <v>17</v>
      </c>
      <c r="AB7152">
        <v>17</v>
      </c>
      <c r="AC7152">
        <v>18</v>
      </c>
      <c r="AD7152">
        <v>18</v>
      </c>
      <c r="AE7152">
        <v>18</v>
      </c>
      <c r="AF7152">
        <v>18</v>
      </c>
      <c r="AG7152">
        <v>18</v>
      </c>
      <c r="AH7152">
        <v>17</v>
      </c>
      <c r="AI7152">
        <v>17</v>
      </c>
      <c r="AJ7152">
        <v>17</v>
      </c>
      <c r="AK7152">
        <v>17</v>
      </c>
      <c r="AL7152">
        <v>17</v>
      </c>
      <c r="AM7152">
        <v>17</v>
      </c>
      <c r="AN7152">
        <v>17</v>
      </c>
      <c r="AO7152">
        <v>16</v>
      </c>
      <c r="AP7152">
        <v>16</v>
      </c>
      <c r="AQ7152">
        <v>16</v>
      </c>
    </row>
    <row r="7153" spans="1:43">
      <c r="A7153" t="s">
        <v>4476</v>
      </c>
      <c r="B7153" t="s">
        <v>4477</v>
      </c>
      <c r="C7153" t="s">
        <v>4372</v>
      </c>
      <c r="D7153" t="s">
        <v>4373</v>
      </c>
      <c r="E7153" t="s">
        <v>4236</v>
      </c>
      <c r="F7153" t="s">
        <v>4237</v>
      </c>
      <c r="G7153" t="s">
        <v>80</v>
      </c>
      <c r="H7153" t="s">
        <v>81</v>
      </c>
      <c r="I7153" s="2">
        <v>1</v>
      </c>
      <c r="J7153" s="2">
        <v>0</v>
      </c>
      <c r="K7153" s="2">
        <v>0</v>
      </c>
      <c r="L7153" t="s">
        <v>120</v>
      </c>
      <c r="M7153" t="s">
        <v>83</v>
      </c>
      <c r="N7153" t="s">
        <v>91</v>
      </c>
      <c r="O7153" t="s">
        <v>85</v>
      </c>
      <c r="P7153" t="s">
        <v>86</v>
      </c>
      <c r="Q7153">
        <v>15</v>
      </c>
      <c r="R7153">
        <v>15</v>
      </c>
      <c r="S7153">
        <v>15</v>
      </c>
      <c r="T7153">
        <v>15</v>
      </c>
      <c r="U7153">
        <v>16</v>
      </c>
      <c r="V7153">
        <v>16</v>
      </c>
      <c r="W7153">
        <v>16</v>
      </c>
      <c r="X7153">
        <v>16</v>
      </c>
      <c r="Y7153">
        <v>16</v>
      </c>
      <c r="Z7153">
        <v>16</v>
      </c>
      <c r="AA7153">
        <v>16</v>
      </c>
      <c r="AB7153">
        <v>16</v>
      </c>
      <c r="AC7153">
        <v>16</v>
      </c>
      <c r="AD7153">
        <v>16</v>
      </c>
      <c r="AE7153">
        <v>17</v>
      </c>
      <c r="AF7153">
        <v>17</v>
      </c>
      <c r="AG7153">
        <v>17</v>
      </c>
      <c r="AH7153">
        <v>17</v>
      </c>
      <c r="AI7153">
        <v>17</v>
      </c>
      <c r="AJ7153">
        <v>17</v>
      </c>
      <c r="AK7153">
        <v>17</v>
      </c>
      <c r="AL7153">
        <v>17</v>
      </c>
      <c r="AM7153">
        <v>17</v>
      </c>
      <c r="AN7153">
        <v>16</v>
      </c>
      <c r="AO7153">
        <v>16</v>
      </c>
      <c r="AP7153">
        <v>16</v>
      </c>
      <c r="AQ7153">
        <v>16</v>
      </c>
    </row>
    <row r="7154" spans="1:43">
      <c r="A7154" t="s">
        <v>4478</v>
      </c>
      <c r="B7154" t="s">
        <v>4479</v>
      </c>
      <c r="C7154" t="s">
        <v>4480</v>
      </c>
      <c r="D7154" t="s">
        <v>4481</v>
      </c>
      <c r="E7154" t="s">
        <v>4236</v>
      </c>
      <c r="F7154" t="s">
        <v>4237</v>
      </c>
      <c r="G7154" t="s">
        <v>80</v>
      </c>
      <c r="H7154" t="s">
        <v>81</v>
      </c>
      <c r="I7154" s="2">
        <v>1</v>
      </c>
      <c r="J7154" s="2">
        <v>0</v>
      </c>
      <c r="K7154" s="2">
        <v>0</v>
      </c>
      <c r="L7154" t="s">
        <v>120</v>
      </c>
      <c r="M7154" t="s">
        <v>83</v>
      </c>
      <c r="N7154" t="s">
        <v>84</v>
      </c>
      <c r="O7154" t="s">
        <v>85</v>
      </c>
      <c r="P7154" t="s">
        <v>86</v>
      </c>
      <c r="Q7154">
        <v>47</v>
      </c>
      <c r="R7154">
        <v>47</v>
      </c>
      <c r="S7154">
        <v>48</v>
      </c>
      <c r="T7154">
        <v>48</v>
      </c>
      <c r="U7154">
        <v>48</v>
      </c>
      <c r="V7154">
        <v>49</v>
      </c>
      <c r="W7154">
        <v>49</v>
      </c>
      <c r="X7154">
        <v>50</v>
      </c>
      <c r="Y7154">
        <v>50</v>
      </c>
      <c r="Z7154">
        <v>50</v>
      </c>
      <c r="AA7154">
        <v>50</v>
      </c>
      <c r="AB7154">
        <v>51</v>
      </c>
      <c r="AC7154">
        <v>51</v>
      </c>
      <c r="AD7154">
        <v>51</v>
      </c>
      <c r="AE7154">
        <v>51</v>
      </c>
      <c r="AF7154">
        <v>51</v>
      </c>
      <c r="AG7154">
        <v>51</v>
      </c>
      <c r="AH7154">
        <v>52</v>
      </c>
      <c r="AI7154">
        <v>52</v>
      </c>
      <c r="AJ7154">
        <v>52</v>
      </c>
      <c r="AK7154">
        <v>52</v>
      </c>
      <c r="AL7154">
        <v>51</v>
      </c>
      <c r="AM7154">
        <v>51</v>
      </c>
      <c r="AN7154">
        <v>50</v>
      </c>
      <c r="AO7154">
        <v>50</v>
      </c>
      <c r="AP7154">
        <v>49</v>
      </c>
      <c r="AQ7154">
        <v>49</v>
      </c>
    </row>
    <row r="7155" spans="1:43">
      <c r="A7155" t="s">
        <v>4478</v>
      </c>
      <c r="B7155" t="s">
        <v>4479</v>
      </c>
      <c r="C7155" t="s">
        <v>4480</v>
      </c>
      <c r="D7155" t="s">
        <v>4481</v>
      </c>
      <c r="E7155" t="s">
        <v>4236</v>
      </c>
      <c r="F7155" t="s">
        <v>4237</v>
      </c>
      <c r="G7155" t="s">
        <v>80</v>
      </c>
      <c r="H7155" t="s">
        <v>81</v>
      </c>
      <c r="I7155" s="2">
        <v>1</v>
      </c>
      <c r="J7155" s="2">
        <v>0</v>
      </c>
      <c r="K7155" s="2">
        <v>0</v>
      </c>
      <c r="L7155" t="s">
        <v>120</v>
      </c>
      <c r="M7155" t="s">
        <v>87</v>
      </c>
      <c r="N7155" t="s">
        <v>88</v>
      </c>
      <c r="O7155" t="s">
        <v>85</v>
      </c>
      <c r="P7155" t="s">
        <v>86</v>
      </c>
      <c r="Q7155">
        <v>47</v>
      </c>
      <c r="R7155">
        <v>47</v>
      </c>
      <c r="S7155">
        <v>47</v>
      </c>
      <c r="T7155">
        <v>47</v>
      </c>
      <c r="U7155">
        <v>47</v>
      </c>
      <c r="V7155">
        <v>47</v>
      </c>
      <c r="W7155">
        <v>47</v>
      </c>
      <c r="X7155">
        <v>47</v>
      </c>
      <c r="Y7155">
        <v>47</v>
      </c>
      <c r="Z7155">
        <v>47</v>
      </c>
      <c r="AA7155">
        <v>47</v>
      </c>
      <c r="AB7155">
        <v>47</v>
      </c>
      <c r="AC7155">
        <v>47</v>
      </c>
      <c r="AD7155">
        <v>47</v>
      </c>
      <c r="AE7155">
        <v>46</v>
      </c>
      <c r="AF7155">
        <v>46</v>
      </c>
      <c r="AG7155">
        <v>46</v>
      </c>
      <c r="AH7155">
        <v>46</v>
      </c>
      <c r="AI7155">
        <v>46</v>
      </c>
      <c r="AJ7155">
        <v>45</v>
      </c>
      <c r="AK7155">
        <v>45</v>
      </c>
      <c r="AL7155">
        <v>45</v>
      </c>
      <c r="AM7155">
        <v>45</v>
      </c>
      <c r="AN7155">
        <v>44</v>
      </c>
      <c r="AO7155">
        <v>44</v>
      </c>
      <c r="AP7155">
        <v>44</v>
      </c>
      <c r="AQ7155">
        <v>43</v>
      </c>
    </row>
    <row r="7156" spans="1:43">
      <c r="A7156" t="s">
        <v>4478</v>
      </c>
      <c r="B7156" t="s">
        <v>4479</v>
      </c>
      <c r="C7156" t="s">
        <v>4480</v>
      </c>
      <c r="D7156" t="s">
        <v>4481</v>
      </c>
      <c r="E7156" t="s">
        <v>4236</v>
      </c>
      <c r="F7156" t="s">
        <v>4237</v>
      </c>
      <c r="G7156" t="s">
        <v>80</v>
      </c>
      <c r="H7156" t="s">
        <v>81</v>
      </c>
      <c r="I7156" s="2">
        <v>1</v>
      </c>
      <c r="J7156" s="2">
        <v>0</v>
      </c>
      <c r="K7156" s="2">
        <v>0</v>
      </c>
      <c r="L7156" t="s">
        <v>120</v>
      </c>
      <c r="M7156" t="s">
        <v>89</v>
      </c>
      <c r="N7156" t="s">
        <v>90</v>
      </c>
      <c r="O7156" t="s">
        <v>85</v>
      </c>
      <c r="P7156" t="s">
        <v>86</v>
      </c>
      <c r="Q7156">
        <v>47</v>
      </c>
      <c r="R7156">
        <v>48</v>
      </c>
      <c r="S7156">
        <v>49</v>
      </c>
      <c r="T7156">
        <v>50</v>
      </c>
      <c r="U7156">
        <v>50</v>
      </c>
      <c r="V7156">
        <v>51</v>
      </c>
      <c r="W7156">
        <v>52</v>
      </c>
      <c r="X7156">
        <v>52</v>
      </c>
      <c r="Y7156">
        <v>53</v>
      </c>
      <c r="Z7156">
        <v>53</v>
      </c>
      <c r="AA7156">
        <v>54</v>
      </c>
      <c r="AB7156">
        <v>54</v>
      </c>
      <c r="AC7156">
        <v>55</v>
      </c>
      <c r="AD7156">
        <v>55</v>
      </c>
      <c r="AE7156">
        <v>55</v>
      </c>
      <c r="AF7156">
        <v>55</v>
      </c>
      <c r="AG7156">
        <v>54</v>
      </c>
      <c r="AH7156">
        <v>54</v>
      </c>
      <c r="AI7156">
        <v>53</v>
      </c>
      <c r="AJ7156">
        <v>53</v>
      </c>
      <c r="AK7156">
        <v>52</v>
      </c>
      <c r="AL7156">
        <v>52</v>
      </c>
      <c r="AM7156">
        <v>51</v>
      </c>
      <c r="AN7156">
        <v>51</v>
      </c>
      <c r="AO7156">
        <v>50</v>
      </c>
      <c r="AP7156">
        <v>50</v>
      </c>
      <c r="AQ7156">
        <v>49</v>
      </c>
    </row>
    <row r="7157" spans="1:43">
      <c r="A7157" t="s">
        <v>4478</v>
      </c>
      <c r="B7157" t="s">
        <v>4479</v>
      </c>
      <c r="C7157" t="s">
        <v>4480</v>
      </c>
      <c r="D7157" t="s">
        <v>4481</v>
      </c>
      <c r="E7157" t="s">
        <v>4236</v>
      </c>
      <c r="F7157" t="s">
        <v>4237</v>
      </c>
      <c r="G7157" t="s">
        <v>80</v>
      </c>
      <c r="H7157" t="s">
        <v>81</v>
      </c>
      <c r="I7157" s="2">
        <v>1</v>
      </c>
      <c r="J7157" s="2">
        <v>0</v>
      </c>
      <c r="K7157" s="2">
        <v>0</v>
      </c>
      <c r="L7157" t="s">
        <v>120</v>
      </c>
      <c r="M7157" t="s">
        <v>83</v>
      </c>
      <c r="N7157" t="s">
        <v>91</v>
      </c>
      <c r="O7157" t="s">
        <v>85</v>
      </c>
      <c r="P7157" t="s">
        <v>86</v>
      </c>
      <c r="Q7157">
        <v>47</v>
      </c>
      <c r="R7157">
        <v>47</v>
      </c>
      <c r="S7157">
        <v>48</v>
      </c>
      <c r="T7157">
        <v>48</v>
      </c>
      <c r="U7157">
        <v>48</v>
      </c>
      <c r="V7157">
        <v>49</v>
      </c>
      <c r="W7157">
        <v>49</v>
      </c>
      <c r="X7157">
        <v>50</v>
      </c>
      <c r="Y7157">
        <v>50</v>
      </c>
      <c r="Z7157">
        <v>50</v>
      </c>
      <c r="AA7157">
        <v>50</v>
      </c>
      <c r="AB7157">
        <v>51</v>
      </c>
      <c r="AC7157">
        <v>51</v>
      </c>
      <c r="AD7157">
        <v>51</v>
      </c>
      <c r="AE7157">
        <v>51</v>
      </c>
      <c r="AF7157">
        <v>51</v>
      </c>
      <c r="AG7157">
        <v>51</v>
      </c>
      <c r="AH7157">
        <v>52</v>
      </c>
      <c r="AI7157">
        <v>52</v>
      </c>
      <c r="AJ7157">
        <v>52</v>
      </c>
      <c r="AK7157">
        <v>52</v>
      </c>
      <c r="AL7157">
        <v>51</v>
      </c>
      <c r="AM7157">
        <v>51</v>
      </c>
      <c r="AN7157">
        <v>50</v>
      </c>
      <c r="AO7157">
        <v>50</v>
      </c>
      <c r="AP7157">
        <v>49</v>
      </c>
      <c r="AQ7157">
        <v>49</v>
      </c>
    </row>
    <row r="7158" spans="1:43">
      <c r="A7158" t="s">
        <v>4482</v>
      </c>
      <c r="B7158" t="s">
        <v>4483</v>
      </c>
      <c r="C7158" t="s">
        <v>4298</v>
      </c>
      <c r="D7158" t="s">
        <v>4299</v>
      </c>
      <c r="E7158" t="s">
        <v>4236</v>
      </c>
      <c r="F7158" t="s">
        <v>4237</v>
      </c>
      <c r="G7158" t="s">
        <v>80</v>
      </c>
      <c r="H7158" t="s">
        <v>81</v>
      </c>
      <c r="I7158" s="2">
        <v>1</v>
      </c>
      <c r="J7158" s="2">
        <v>0</v>
      </c>
      <c r="K7158" s="2">
        <v>0</v>
      </c>
      <c r="L7158" t="s">
        <v>120</v>
      </c>
      <c r="M7158" t="s">
        <v>83</v>
      </c>
      <c r="N7158" t="s">
        <v>84</v>
      </c>
      <c r="O7158" t="s">
        <v>85</v>
      </c>
      <c r="P7158" t="s">
        <v>86</v>
      </c>
      <c r="Q7158">
        <v>58</v>
      </c>
      <c r="R7158">
        <v>58</v>
      </c>
      <c r="S7158">
        <v>59</v>
      </c>
      <c r="T7158">
        <v>59</v>
      </c>
      <c r="U7158">
        <v>60</v>
      </c>
      <c r="V7158">
        <v>60</v>
      </c>
      <c r="W7158">
        <v>61</v>
      </c>
      <c r="X7158">
        <v>61</v>
      </c>
      <c r="Y7158">
        <v>62</v>
      </c>
      <c r="Z7158">
        <v>62</v>
      </c>
      <c r="AA7158">
        <v>62</v>
      </c>
      <c r="AB7158">
        <v>63</v>
      </c>
      <c r="AC7158">
        <v>63</v>
      </c>
      <c r="AD7158">
        <v>63</v>
      </c>
      <c r="AE7158">
        <v>63</v>
      </c>
      <c r="AF7158">
        <v>64</v>
      </c>
      <c r="AG7158">
        <v>64</v>
      </c>
      <c r="AH7158">
        <v>64</v>
      </c>
      <c r="AI7158">
        <v>64</v>
      </c>
      <c r="AJ7158">
        <v>64</v>
      </c>
      <c r="AK7158">
        <v>64</v>
      </c>
      <c r="AL7158">
        <v>64</v>
      </c>
      <c r="AM7158">
        <v>63</v>
      </c>
      <c r="AN7158">
        <v>63</v>
      </c>
      <c r="AO7158">
        <v>62</v>
      </c>
      <c r="AP7158">
        <v>62</v>
      </c>
      <c r="AQ7158">
        <v>61</v>
      </c>
    </row>
    <row r="7159" spans="1:43">
      <c r="A7159" t="s">
        <v>4482</v>
      </c>
      <c r="B7159" t="s">
        <v>4483</v>
      </c>
      <c r="C7159" t="s">
        <v>4298</v>
      </c>
      <c r="D7159" t="s">
        <v>4299</v>
      </c>
      <c r="E7159" t="s">
        <v>4236</v>
      </c>
      <c r="F7159" t="s">
        <v>4237</v>
      </c>
      <c r="G7159" t="s">
        <v>80</v>
      </c>
      <c r="H7159" t="s">
        <v>81</v>
      </c>
      <c r="I7159" s="2">
        <v>1</v>
      </c>
      <c r="J7159" s="2">
        <v>0</v>
      </c>
      <c r="K7159" s="2">
        <v>0</v>
      </c>
      <c r="L7159" t="s">
        <v>120</v>
      </c>
      <c r="M7159" t="s">
        <v>87</v>
      </c>
      <c r="N7159" t="s">
        <v>88</v>
      </c>
      <c r="O7159" t="s">
        <v>85</v>
      </c>
      <c r="P7159" t="s">
        <v>86</v>
      </c>
      <c r="Q7159">
        <v>58</v>
      </c>
      <c r="R7159">
        <v>58</v>
      </c>
      <c r="S7159">
        <v>58</v>
      </c>
      <c r="T7159">
        <v>58</v>
      </c>
      <c r="U7159">
        <v>58</v>
      </c>
      <c r="V7159">
        <v>58</v>
      </c>
      <c r="W7159">
        <v>58</v>
      </c>
      <c r="X7159">
        <v>58</v>
      </c>
      <c r="Y7159">
        <v>58</v>
      </c>
      <c r="Z7159">
        <v>58</v>
      </c>
      <c r="AA7159">
        <v>58</v>
      </c>
      <c r="AB7159">
        <v>58</v>
      </c>
      <c r="AC7159">
        <v>58</v>
      </c>
      <c r="AD7159">
        <v>57</v>
      </c>
      <c r="AE7159">
        <v>57</v>
      </c>
      <c r="AF7159">
        <v>57</v>
      </c>
      <c r="AG7159">
        <v>57</v>
      </c>
      <c r="AH7159">
        <v>57</v>
      </c>
      <c r="AI7159">
        <v>56</v>
      </c>
      <c r="AJ7159">
        <v>56</v>
      </c>
      <c r="AK7159">
        <v>56</v>
      </c>
      <c r="AL7159">
        <v>56</v>
      </c>
      <c r="AM7159">
        <v>55</v>
      </c>
      <c r="AN7159">
        <v>55</v>
      </c>
      <c r="AO7159">
        <v>55</v>
      </c>
      <c r="AP7159">
        <v>54</v>
      </c>
      <c r="AQ7159">
        <v>54</v>
      </c>
    </row>
    <row r="7160" spans="1:43">
      <c r="A7160" t="s">
        <v>4482</v>
      </c>
      <c r="B7160" t="s">
        <v>4483</v>
      </c>
      <c r="C7160" t="s">
        <v>4298</v>
      </c>
      <c r="D7160" t="s">
        <v>4299</v>
      </c>
      <c r="E7160" t="s">
        <v>4236</v>
      </c>
      <c r="F7160" t="s">
        <v>4237</v>
      </c>
      <c r="G7160" t="s">
        <v>80</v>
      </c>
      <c r="H7160" t="s">
        <v>81</v>
      </c>
      <c r="I7160" s="2">
        <v>1</v>
      </c>
      <c r="J7160" s="2">
        <v>0</v>
      </c>
      <c r="K7160" s="2">
        <v>0</v>
      </c>
      <c r="L7160" t="s">
        <v>120</v>
      </c>
      <c r="M7160" t="s">
        <v>89</v>
      </c>
      <c r="N7160" t="s">
        <v>90</v>
      </c>
      <c r="O7160" t="s">
        <v>85</v>
      </c>
      <c r="P7160" t="s">
        <v>86</v>
      </c>
      <c r="Q7160">
        <v>58</v>
      </c>
      <c r="R7160">
        <v>59</v>
      </c>
      <c r="S7160">
        <v>60</v>
      </c>
      <c r="T7160">
        <v>61</v>
      </c>
      <c r="U7160">
        <v>62</v>
      </c>
      <c r="V7160">
        <v>63</v>
      </c>
      <c r="W7160">
        <v>64</v>
      </c>
      <c r="X7160">
        <v>65</v>
      </c>
      <c r="Y7160">
        <v>65</v>
      </c>
      <c r="Z7160">
        <v>66</v>
      </c>
      <c r="AA7160">
        <v>67</v>
      </c>
      <c r="AB7160">
        <v>67</v>
      </c>
      <c r="AC7160">
        <v>68</v>
      </c>
      <c r="AD7160">
        <v>68</v>
      </c>
      <c r="AE7160">
        <v>68</v>
      </c>
      <c r="AF7160">
        <v>68</v>
      </c>
      <c r="AG7160">
        <v>67</v>
      </c>
      <c r="AH7160">
        <v>67</v>
      </c>
      <c r="AI7160">
        <v>66</v>
      </c>
      <c r="AJ7160">
        <v>66</v>
      </c>
      <c r="AK7160">
        <v>65</v>
      </c>
      <c r="AL7160">
        <v>64</v>
      </c>
      <c r="AM7160">
        <v>64</v>
      </c>
      <c r="AN7160">
        <v>63</v>
      </c>
      <c r="AO7160">
        <v>63</v>
      </c>
      <c r="AP7160">
        <v>62</v>
      </c>
      <c r="AQ7160">
        <v>61</v>
      </c>
    </row>
    <row r="7161" spans="1:43">
      <c r="A7161" t="s">
        <v>4482</v>
      </c>
      <c r="B7161" t="s">
        <v>4483</v>
      </c>
      <c r="C7161" t="s">
        <v>4298</v>
      </c>
      <c r="D7161" t="s">
        <v>4299</v>
      </c>
      <c r="E7161" t="s">
        <v>4236</v>
      </c>
      <c r="F7161" t="s">
        <v>4237</v>
      </c>
      <c r="G7161" t="s">
        <v>80</v>
      </c>
      <c r="H7161" t="s">
        <v>81</v>
      </c>
      <c r="I7161" s="2">
        <v>1</v>
      </c>
      <c r="J7161" s="2">
        <v>0</v>
      </c>
      <c r="K7161" s="2">
        <v>0</v>
      </c>
      <c r="L7161" t="s">
        <v>120</v>
      </c>
      <c r="M7161" t="s">
        <v>83</v>
      </c>
      <c r="N7161" t="s">
        <v>91</v>
      </c>
      <c r="O7161" t="s">
        <v>85</v>
      </c>
      <c r="P7161" t="s">
        <v>86</v>
      </c>
      <c r="Q7161">
        <v>58</v>
      </c>
      <c r="R7161">
        <v>58</v>
      </c>
      <c r="S7161">
        <v>59</v>
      </c>
      <c r="T7161">
        <v>59</v>
      </c>
      <c r="U7161">
        <v>60</v>
      </c>
      <c r="V7161">
        <v>60</v>
      </c>
      <c r="W7161">
        <v>61</v>
      </c>
      <c r="X7161">
        <v>61</v>
      </c>
      <c r="Y7161">
        <v>62</v>
      </c>
      <c r="Z7161">
        <v>62</v>
      </c>
      <c r="AA7161">
        <v>62</v>
      </c>
      <c r="AB7161">
        <v>63</v>
      </c>
      <c r="AC7161">
        <v>63</v>
      </c>
      <c r="AD7161">
        <v>63</v>
      </c>
      <c r="AE7161">
        <v>63</v>
      </c>
      <c r="AF7161">
        <v>64</v>
      </c>
      <c r="AG7161">
        <v>64</v>
      </c>
      <c r="AH7161">
        <v>64</v>
      </c>
      <c r="AI7161">
        <v>64</v>
      </c>
      <c r="AJ7161">
        <v>64</v>
      </c>
      <c r="AK7161">
        <v>64</v>
      </c>
      <c r="AL7161">
        <v>64</v>
      </c>
      <c r="AM7161">
        <v>63</v>
      </c>
      <c r="AN7161">
        <v>63</v>
      </c>
      <c r="AO7161">
        <v>62</v>
      </c>
      <c r="AP7161">
        <v>62</v>
      </c>
      <c r="AQ7161">
        <v>61</v>
      </c>
    </row>
    <row r="7162" spans="1:43">
      <c r="A7162" t="s">
        <v>4484</v>
      </c>
      <c r="B7162" t="s">
        <v>4485</v>
      </c>
      <c r="C7162" t="s">
        <v>4480</v>
      </c>
      <c r="D7162" t="s">
        <v>4481</v>
      </c>
      <c r="E7162" t="s">
        <v>4236</v>
      </c>
      <c r="F7162" t="s">
        <v>4237</v>
      </c>
      <c r="G7162" t="s">
        <v>80</v>
      </c>
      <c r="H7162" t="s">
        <v>81</v>
      </c>
      <c r="I7162" s="2">
        <v>1</v>
      </c>
      <c r="J7162" s="2">
        <v>0</v>
      </c>
      <c r="K7162" s="2">
        <v>0</v>
      </c>
      <c r="L7162" t="s">
        <v>120</v>
      </c>
      <c r="M7162" t="s">
        <v>83</v>
      </c>
      <c r="N7162" t="s">
        <v>84</v>
      </c>
      <c r="O7162" t="s">
        <v>85</v>
      </c>
      <c r="P7162" t="s">
        <v>86</v>
      </c>
      <c r="Q7162">
        <v>22</v>
      </c>
      <c r="R7162">
        <v>22</v>
      </c>
      <c r="S7162">
        <v>22</v>
      </c>
      <c r="T7162">
        <v>23</v>
      </c>
      <c r="U7162">
        <v>23</v>
      </c>
      <c r="V7162">
        <v>23</v>
      </c>
      <c r="W7162">
        <v>23</v>
      </c>
      <c r="X7162">
        <v>23</v>
      </c>
      <c r="Y7162">
        <v>23</v>
      </c>
      <c r="Z7162">
        <v>24</v>
      </c>
      <c r="AA7162">
        <v>24</v>
      </c>
      <c r="AB7162">
        <v>24</v>
      </c>
      <c r="AC7162">
        <v>24</v>
      </c>
      <c r="AD7162">
        <v>24</v>
      </c>
      <c r="AE7162">
        <v>24</v>
      </c>
      <c r="AF7162">
        <v>24</v>
      </c>
      <c r="AG7162">
        <v>24</v>
      </c>
      <c r="AH7162">
        <v>24</v>
      </c>
      <c r="AI7162">
        <v>24</v>
      </c>
      <c r="AJ7162">
        <v>24</v>
      </c>
      <c r="AK7162">
        <v>24</v>
      </c>
      <c r="AL7162">
        <v>24</v>
      </c>
      <c r="AM7162">
        <v>24</v>
      </c>
      <c r="AN7162">
        <v>24</v>
      </c>
      <c r="AO7162">
        <v>23</v>
      </c>
      <c r="AP7162">
        <v>23</v>
      </c>
      <c r="AQ7162">
        <v>23</v>
      </c>
    </row>
    <row r="7163" spans="1:43">
      <c r="A7163" t="s">
        <v>4484</v>
      </c>
      <c r="B7163" t="s">
        <v>4485</v>
      </c>
      <c r="C7163" t="s">
        <v>4480</v>
      </c>
      <c r="D7163" t="s">
        <v>4481</v>
      </c>
      <c r="E7163" t="s">
        <v>4236</v>
      </c>
      <c r="F7163" t="s">
        <v>4237</v>
      </c>
      <c r="G7163" t="s">
        <v>80</v>
      </c>
      <c r="H7163" t="s">
        <v>81</v>
      </c>
      <c r="I7163" s="2">
        <v>1</v>
      </c>
      <c r="J7163" s="2">
        <v>0</v>
      </c>
      <c r="K7163" s="2">
        <v>0</v>
      </c>
      <c r="L7163" t="s">
        <v>120</v>
      </c>
      <c r="M7163" t="s">
        <v>87</v>
      </c>
      <c r="N7163" t="s">
        <v>88</v>
      </c>
      <c r="O7163" t="s">
        <v>85</v>
      </c>
      <c r="P7163" t="s">
        <v>86</v>
      </c>
      <c r="Q7163">
        <v>22</v>
      </c>
      <c r="R7163">
        <v>22</v>
      </c>
      <c r="S7163">
        <v>22</v>
      </c>
      <c r="T7163">
        <v>22</v>
      </c>
      <c r="U7163">
        <v>22</v>
      </c>
      <c r="V7163">
        <v>22</v>
      </c>
      <c r="W7163">
        <v>22</v>
      </c>
      <c r="X7163">
        <v>22</v>
      </c>
      <c r="Y7163">
        <v>22</v>
      </c>
      <c r="Z7163">
        <v>22</v>
      </c>
      <c r="AA7163">
        <v>22</v>
      </c>
      <c r="AB7163">
        <v>22</v>
      </c>
      <c r="AC7163">
        <v>21</v>
      </c>
      <c r="AD7163">
        <v>21</v>
      </c>
      <c r="AE7163">
        <v>21</v>
      </c>
      <c r="AF7163">
        <v>21</v>
      </c>
      <c r="AG7163">
        <v>21</v>
      </c>
      <c r="AH7163">
        <v>21</v>
      </c>
      <c r="AI7163">
        <v>21</v>
      </c>
      <c r="AJ7163">
        <v>21</v>
      </c>
      <c r="AK7163">
        <v>21</v>
      </c>
      <c r="AL7163">
        <v>21</v>
      </c>
      <c r="AM7163">
        <v>21</v>
      </c>
      <c r="AN7163">
        <v>20</v>
      </c>
      <c r="AO7163">
        <v>20</v>
      </c>
      <c r="AP7163">
        <v>20</v>
      </c>
      <c r="AQ7163">
        <v>20</v>
      </c>
    </row>
    <row r="7164" spans="1:43">
      <c r="A7164" t="s">
        <v>4484</v>
      </c>
      <c r="B7164" t="s">
        <v>4485</v>
      </c>
      <c r="C7164" t="s">
        <v>4480</v>
      </c>
      <c r="D7164" t="s">
        <v>4481</v>
      </c>
      <c r="E7164" t="s">
        <v>4236</v>
      </c>
      <c r="F7164" t="s">
        <v>4237</v>
      </c>
      <c r="G7164" t="s">
        <v>80</v>
      </c>
      <c r="H7164" t="s">
        <v>81</v>
      </c>
      <c r="I7164" s="2">
        <v>1</v>
      </c>
      <c r="J7164" s="2">
        <v>0</v>
      </c>
      <c r="K7164" s="2">
        <v>0</v>
      </c>
      <c r="L7164" t="s">
        <v>120</v>
      </c>
      <c r="M7164" t="s">
        <v>89</v>
      </c>
      <c r="N7164" t="s">
        <v>90</v>
      </c>
      <c r="O7164" t="s">
        <v>85</v>
      </c>
      <c r="P7164" t="s">
        <v>86</v>
      </c>
      <c r="Q7164">
        <v>22</v>
      </c>
      <c r="R7164">
        <v>23</v>
      </c>
      <c r="S7164">
        <v>23</v>
      </c>
      <c r="T7164">
        <v>23</v>
      </c>
      <c r="U7164">
        <v>24</v>
      </c>
      <c r="V7164">
        <v>24</v>
      </c>
      <c r="W7164">
        <v>24</v>
      </c>
      <c r="X7164">
        <v>25</v>
      </c>
      <c r="Y7164">
        <v>25</v>
      </c>
      <c r="Z7164">
        <v>25</v>
      </c>
      <c r="AA7164">
        <v>25</v>
      </c>
      <c r="AB7164">
        <v>25</v>
      </c>
      <c r="AC7164">
        <v>26</v>
      </c>
      <c r="AD7164">
        <v>26</v>
      </c>
      <c r="AE7164">
        <v>26</v>
      </c>
      <c r="AF7164">
        <v>26</v>
      </c>
      <c r="AG7164">
        <v>25</v>
      </c>
      <c r="AH7164">
        <v>25</v>
      </c>
      <c r="AI7164">
        <v>25</v>
      </c>
      <c r="AJ7164">
        <v>25</v>
      </c>
      <c r="AK7164">
        <v>25</v>
      </c>
      <c r="AL7164">
        <v>24</v>
      </c>
      <c r="AM7164">
        <v>24</v>
      </c>
      <c r="AN7164">
        <v>24</v>
      </c>
      <c r="AO7164">
        <v>24</v>
      </c>
      <c r="AP7164">
        <v>23</v>
      </c>
      <c r="AQ7164">
        <v>23</v>
      </c>
    </row>
    <row r="7165" spans="1:43">
      <c r="A7165" t="s">
        <v>4484</v>
      </c>
      <c r="B7165" t="s">
        <v>4485</v>
      </c>
      <c r="C7165" t="s">
        <v>4480</v>
      </c>
      <c r="D7165" t="s">
        <v>4481</v>
      </c>
      <c r="E7165" t="s">
        <v>4236</v>
      </c>
      <c r="F7165" t="s">
        <v>4237</v>
      </c>
      <c r="G7165" t="s">
        <v>80</v>
      </c>
      <c r="H7165" t="s">
        <v>81</v>
      </c>
      <c r="I7165" s="2">
        <v>1</v>
      </c>
      <c r="J7165" s="2">
        <v>0</v>
      </c>
      <c r="K7165" s="2">
        <v>0</v>
      </c>
      <c r="L7165" t="s">
        <v>120</v>
      </c>
      <c r="M7165" t="s">
        <v>83</v>
      </c>
      <c r="N7165" t="s">
        <v>91</v>
      </c>
      <c r="O7165" t="s">
        <v>85</v>
      </c>
      <c r="P7165" t="s">
        <v>86</v>
      </c>
      <c r="Q7165">
        <v>22</v>
      </c>
      <c r="R7165">
        <v>22</v>
      </c>
      <c r="S7165">
        <v>22</v>
      </c>
      <c r="T7165">
        <v>23</v>
      </c>
      <c r="U7165">
        <v>23</v>
      </c>
      <c r="V7165">
        <v>23</v>
      </c>
      <c r="W7165">
        <v>23</v>
      </c>
      <c r="X7165">
        <v>23</v>
      </c>
      <c r="Y7165">
        <v>23</v>
      </c>
      <c r="Z7165">
        <v>24</v>
      </c>
      <c r="AA7165">
        <v>24</v>
      </c>
      <c r="AB7165">
        <v>24</v>
      </c>
      <c r="AC7165">
        <v>24</v>
      </c>
      <c r="AD7165">
        <v>24</v>
      </c>
      <c r="AE7165">
        <v>24</v>
      </c>
      <c r="AF7165">
        <v>24</v>
      </c>
      <c r="AG7165">
        <v>24</v>
      </c>
      <c r="AH7165">
        <v>24</v>
      </c>
      <c r="AI7165">
        <v>24</v>
      </c>
      <c r="AJ7165">
        <v>24</v>
      </c>
      <c r="AK7165">
        <v>24</v>
      </c>
      <c r="AL7165">
        <v>24</v>
      </c>
      <c r="AM7165">
        <v>24</v>
      </c>
      <c r="AN7165">
        <v>24</v>
      </c>
      <c r="AO7165">
        <v>23</v>
      </c>
      <c r="AP7165">
        <v>23</v>
      </c>
      <c r="AQ7165">
        <v>23</v>
      </c>
    </row>
    <row r="7166" spans="1:43">
      <c r="A7166" t="s">
        <v>4486</v>
      </c>
      <c r="B7166" t="s">
        <v>4487</v>
      </c>
      <c r="C7166" t="s">
        <v>4480</v>
      </c>
      <c r="D7166" t="s">
        <v>4481</v>
      </c>
      <c r="E7166" t="s">
        <v>4236</v>
      </c>
      <c r="F7166" t="s">
        <v>4237</v>
      </c>
      <c r="G7166" t="s">
        <v>80</v>
      </c>
      <c r="H7166" t="s">
        <v>81</v>
      </c>
      <c r="I7166" s="2">
        <v>1</v>
      </c>
      <c r="J7166" s="2">
        <v>0</v>
      </c>
      <c r="K7166" s="2">
        <v>0</v>
      </c>
      <c r="L7166" t="s">
        <v>120</v>
      </c>
      <c r="M7166" t="s">
        <v>83</v>
      </c>
      <c r="N7166" t="s">
        <v>84</v>
      </c>
      <c r="O7166" t="s">
        <v>85</v>
      </c>
      <c r="P7166" t="s">
        <v>86</v>
      </c>
      <c r="Q7166">
        <v>24</v>
      </c>
      <c r="R7166">
        <v>24</v>
      </c>
      <c r="S7166">
        <v>25</v>
      </c>
      <c r="T7166">
        <v>25</v>
      </c>
      <c r="U7166">
        <v>25</v>
      </c>
      <c r="V7166">
        <v>25</v>
      </c>
      <c r="W7166">
        <v>26</v>
      </c>
      <c r="X7166">
        <v>26</v>
      </c>
      <c r="Y7166">
        <v>26</v>
      </c>
      <c r="Z7166">
        <v>26</v>
      </c>
      <c r="AA7166">
        <v>26</v>
      </c>
      <c r="AB7166">
        <v>26</v>
      </c>
      <c r="AC7166">
        <v>27</v>
      </c>
      <c r="AD7166">
        <v>27</v>
      </c>
      <c r="AE7166">
        <v>27</v>
      </c>
      <c r="AF7166">
        <v>27</v>
      </c>
      <c r="AG7166">
        <v>27</v>
      </c>
      <c r="AH7166">
        <v>27</v>
      </c>
      <c r="AI7166">
        <v>27</v>
      </c>
      <c r="AJ7166">
        <v>27</v>
      </c>
      <c r="AK7166">
        <v>28</v>
      </c>
      <c r="AL7166">
        <v>27</v>
      </c>
      <c r="AM7166">
        <v>27</v>
      </c>
      <c r="AN7166">
        <v>27</v>
      </c>
      <c r="AO7166">
        <v>27</v>
      </c>
      <c r="AP7166">
        <v>27</v>
      </c>
      <c r="AQ7166">
        <v>27</v>
      </c>
    </row>
    <row r="7167" spans="1:43">
      <c r="A7167" t="s">
        <v>4486</v>
      </c>
      <c r="B7167" t="s">
        <v>4487</v>
      </c>
      <c r="C7167" t="s">
        <v>4480</v>
      </c>
      <c r="D7167" t="s">
        <v>4481</v>
      </c>
      <c r="E7167" t="s">
        <v>4236</v>
      </c>
      <c r="F7167" t="s">
        <v>4237</v>
      </c>
      <c r="G7167" t="s">
        <v>80</v>
      </c>
      <c r="H7167" t="s">
        <v>81</v>
      </c>
      <c r="I7167" s="2">
        <v>1</v>
      </c>
      <c r="J7167" s="2">
        <v>0</v>
      </c>
      <c r="K7167" s="2">
        <v>0</v>
      </c>
      <c r="L7167" t="s">
        <v>120</v>
      </c>
      <c r="M7167" t="s">
        <v>87</v>
      </c>
      <c r="N7167" t="s">
        <v>88</v>
      </c>
      <c r="O7167" t="s">
        <v>85</v>
      </c>
      <c r="P7167" t="s">
        <v>86</v>
      </c>
      <c r="Q7167">
        <v>24</v>
      </c>
      <c r="R7167">
        <v>24</v>
      </c>
      <c r="S7167">
        <v>24</v>
      </c>
      <c r="T7167">
        <v>24</v>
      </c>
      <c r="U7167">
        <v>24</v>
      </c>
      <c r="V7167">
        <v>24</v>
      </c>
      <c r="W7167">
        <v>24</v>
      </c>
      <c r="X7167">
        <v>24</v>
      </c>
      <c r="Y7167">
        <v>24</v>
      </c>
      <c r="Z7167">
        <v>24</v>
      </c>
      <c r="AA7167">
        <v>24</v>
      </c>
      <c r="AB7167">
        <v>24</v>
      </c>
      <c r="AC7167">
        <v>24</v>
      </c>
      <c r="AD7167">
        <v>24</v>
      </c>
      <c r="AE7167">
        <v>24</v>
      </c>
      <c r="AF7167">
        <v>24</v>
      </c>
      <c r="AG7167">
        <v>24</v>
      </c>
      <c r="AH7167">
        <v>24</v>
      </c>
      <c r="AI7167">
        <v>24</v>
      </c>
      <c r="AJ7167">
        <v>24</v>
      </c>
      <c r="AK7167">
        <v>23</v>
      </c>
      <c r="AL7167">
        <v>23</v>
      </c>
      <c r="AM7167">
        <v>23</v>
      </c>
      <c r="AN7167">
        <v>23</v>
      </c>
      <c r="AO7167">
        <v>23</v>
      </c>
      <c r="AP7167">
        <v>23</v>
      </c>
      <c r="AQ7167">
        <v>23</v>
      </c>
    </row>
    <row r="7168" spans="1:43">
      <c r="A7168" t="s">
        <v>4486</v>
      </c>
      <c r="B7168" t="s">
        <v>4487</v>
      </c>
      <c r="C7168" t="s">
        <v>4480</v>
      </c>
      <c r="D7168" t="s">
        <v>4481</v>
      </c>
      <c r="E7168" t="s">
        <v>4236</v>
      </c>
      <c r="F7168" t="s">
        <v>4237</v>
      </c>
      <c r="G7168" t="s">
        <v>80</v>
      </c>
      <c r="H7168" t="s">
        <v>81</v>
      </c>
      <c r="I7168" s="2">
        <v>1</v>
      </c>
      <c r="J7168" s="2">
        <v>0</v>
      </c>
      <c r="K7168" s="2">
        <v>0</v>
      </c>
      <c r="L7168" t="s">
        <v>120</v>
      </c>
      <c r="M7168" t="s">
        <v>89</v>
      </c>
      <c r="N7168" t="s">
        <v>90</v>
      </c>
      <c r="O7168" t="s">
        <v>85</v>
      </c>
      <c r="P7168" t="s">
        <v>86</v>
      </c>
      <c r="Q7168">
        <v>24</v>
      </c>
      <c r="R7168">
        <v>25</v>
      </c>
      <c r="S7168">
        <v>25</v>
      </c>
      <c r="T7168">
        <v>26</v>
      </c>
      <c r="U7168">
        <v>26</v>
      </c>
      <c r="V7168">
        <v>26</v>
      </c>
      <c r="W7168">
        <v>27</v>
      </c>
      <c r="X7168">
        <v>27</v>
      </c>
      <c r="Y7168">
        <v>27</v>
      </c>
      <c r="Z7168">
        <v>28</v>
      </c>
      <c r="AA7168">
        <v>28</v>
      </c>
      <c r="AB7168">
        <v>28</v>
      </c>
      <c r="AC7168">
        <v>29</v>
      </c>
      <c r="AD7168">
        <v>29</v>
      </c>
      <c r="AE7168">
        <v>29</v>
      </c>
      <c r="AF7168">
        <v>29</v>
      </c>
      <c r="AG7168">
        <v>29</v>
      </c>
      <c r="AH7168">
        <v>28</v>
      </c>
      <c r="AI7168">
        <v>28</v>
      </c>
      <c r="AJ7168">
        <v>28</v>
      </c>
      <c r="AK7168">
        <v>28</v>
      </c>
      <c r="AL7168">
        <v>28</v>
      </c>
      <c r="AM7168">
        <v>28</v>
      </c>
      <c r="AN7168">
        <v>27</v>
      </c>
      <c r="AO7168">
        <v>27</v>
      </c>
      <c r="AP7168">
        <v>27</v>
      </c>
      <c r="AQ7168">
        <v>27</v>
      </c>
    </row>
    <row r="7169" spans="1:43">
      <c r="A7169" t="s">
        <v>4486</v>
      </c>
      <c r="B7169" t="s">
        <v>4487</v>
      </c>
      <c r="C7169" t="s">
        <v>4480</v>
      </c>
      <c r="D7169" t="s">
        <v>4481</v>
      </c>
      <c r="E7169" t="s">
        <v>4236</v>
      </c>
      <c r="F7169" t="s">
        <v>4237</v>
      </c>
      <c r="G7169" t="s">
        <v>80</v>
      </c>
      <c r="H7169" t="s">
        <v>81</v>
      </c>
      <c r="I7169" s="2">
        <v>1</v>
      </c>
      <c r="J7169" s="2">
        <v>0</v>
      </c>
      <c r="K7169" s="2">
        <v>0</v>
      </c>
      <c r="L7169" t="s">
        <v>120</v>
      </c>
      <c r="M7169" t="s">
        <v>83</v>
      </c>
      <c r="N7169" t="s">
        <v>91</v>
      </c>
      <c r="O7169" t="s">
        <v>85</v>
      </c>
      <c r="P7169" t="s">
        <v>86</v>
      </c>
      <c r="Q7169">
        <v>24</v>
      </c>
      <c r="R7169">
        <v>24</v>
      </c>
      <c r="S7169">
        <v>25</v>
      </c>
      <c r="T7169">
        <v>25</v>
      </c>
      <c r="U7169">
        <v>25</v>
      </c>
      <c r="V7169">
        <v>25</v>
      </c>
      <c r="W7169">
        <v>26</v>
      </c>
      <c r="X7169">
        <v>26</v>
      </c>
      <c r="Y7169">
        <v>26</v>
      </c>
      <c r="Z7169">
        <v>26</v>
      </c>
      <c r="AA7169">
        <v>26</v>
      </c>
      <c r="AB7169">
        <v>26</v>
      </c>
      <c r="AC7169">
        <v>27</v>
      </c>
      <c r="AD7169">
        <v>27</v>
      </c>
      <c r="AE7169">
        <v>27</v>
      </c>
      <c r="AF7169">
        <v>27</v>
      </c>
      <c r="AG7169">
        <v>27</v>
      </c>
      <c r="AH7169">
        <v>27</v>
      </c>
      <c r="AI7169">
        <v>27</v>
      </c>
      <c r="AJ7169">
        <v>27</v>
      </c>
      <c r="AK7169">
        <v>28</v>
      </c>
      <c r="AL7169">
        <v>27</v>
      </c>
      <c r="AM7169">
        <v>27</v>
      </c>
      <c r="AN7169">
        <v>27</v>
      </c>
      <c r="AO7169">
        <v>27</v>
      </c>
      <c r="AP7169">
        <v>27</v>
      </c>
      <c r="AQ7169">
        <v>27</v>
      </c>
    </row>
    <row r="7170" spans="1:43">
      <c r="A7170" t="s">
        <v>4488</v>
      </c>
      <c r="B7170" t="s">
        <v>4489</v>
      </c>
      <c r="C7170" t="s">
        <v>4480</v>
      </c>
      <c r="D7170" t="s">
        <v>4481</v>
      </c>
      <c r="E7170" t="s">
        <v>4236</v>
      </c>
      <c r="F7170" t="s">
        <v>4237</v>
      </c>
      <c r="G7170" t="s">
        <v>80</v>
      </c>
      <c r="H7170" t="s">
        <v>81</v>
      </c>
      <c r="I7170" s="2">
        <v>1</v>
      </c>
      <c r="J7170" s="2">
        <v>0</v>
      </c>
      <c r="K7170" s="2">
        <v>0</v>
      </c>
      <c r="L7170" t="s">
        <v>120</v>
      </c>
      <c r="M7170" t="s">
        <v>83</v>
      </c>
      <c r="N7170" t="s">
        <v>84</v>
      </c>
      <c r="O7170" t="s">
        <v>85</v>
      </c>
      <c r="P7170" t="s">
        <v>86</v>
      </c>
      <c r="Q7170">
        <v>89</v>
      </c>
      <c r="R7170">
        <v>90</v>
      </c>
      <c r="S7170">
        <v>91</v>
      </c>
      <c r="T7170">
        <v>92</v>
      </c>
      <c r="U7170">
        <v>93</v>
      </c>
      <c r="V7170">
        <v>94</v>
      </c>
      <c r="W7170">
        <v>95</v>
      </c>
      <c r="X7170">
        <v>95</v>
      </c>
      <c r="Y7170">
        <v>96</v>
      </c>
      <c r="Z7170">
        <v>97</v>
      </c>
      <c r="AA7170">
        <v>97</v>
      </c>
      <c r="AB7170">
        <v>98</v>
      </c>
      <c r="AC7170">
        <v>99</v>
      </c>
      <c r="AD7170">
        <v>99</v>
      </c>
      <c r="AE7170">
        <v>100</v>
      </c>
      <c r="AF7170">
        <v>100</v>
      </c>
      <c r="AG7170">
        <v>101</v>
      </c>
      <c r="AH7170">
        <v>101</v>
      </c>
      <c r="AI7170">
        <v>101</v>
      </c>
      <c r="AJ7170">
        <v>102</v>
      </c>
      <c r="AK7170">
        <v>102</v>
      </c>
      <c r="AL7170">
        <v>102</v>
      </c>
      <c r="AM7170">
        <v>101</v>
      </c>
      <c r="AN7170">
        <v>100</v>
      </c>
      <c r="AO7170">
        <v>100</v>
      </c>
      <c r="AP7170">
        <v>99</v>
      </c>
      <c r="AQ7170">
        <v>99</v>
      </c>
    </row>
    <row r="7171" spans="1:43">
      <c r="A7171" t="s">
        <v>4488</v>
      </c>
      <c r="B7171" t="s">
        <v>4489</v>
      </c>
      <c r="C7171" t="s">
        <v>4480</v>
      </c>
      <c r="D7171" t="s">
        <v>4481</v>
      </c>
      <c r="E7171" t="s">
        <v>4236</v>
      </c>
      <c r="F7171" t="s">
        <v>4237</v>
      </c>
      <c r="G7171" t="s">
        <v>80</v>
      </c>
      <c r="H7171" t="s">
        <v>81</v>
      </c>
      <c r="I7171" s="2">
        <v>1</v>
      </c>
      <c r="J7171" s="2">
        <v>0</v>
      </c>
      <c r="K7171" s="2">
        <v>0</v>
      </c>
      <c r="L7171" t="s">
        <v>120</v>
      </c>
      <c r="M7171" t="s">
        <v>87</v>
      </c>
      <c r="N7171" t="s">
        <v>88</v>
      </c>
      <c r="O7171" t="s">
        <v>85</v>
      </c>
      <c r="P7171" t="s">
        <v>86</v>
      </c>
      <c r="Q7171">
        <v>89</v>
      </c>
      <c r="R7171">
        <v>89</v>
      </c>
      <c r="S7171">
        <v>89</v>
      </c>
      <c r="T7171">
        <v>90</v>
      </c>
      <c r="U7171">
        <v>90</v>
      </c>
      <c r="V7171">
        <v>90</v>
      </c>
      <c r="W7171">
        <v>90</v>
      </c>
      <c r="X7171">
        <v>90</v>
      </c>
      <c r="Y7171">
        <v>90</v>
      </c>
      <c r="Z7171">
        <v>90</v>
      </c>
      <c r="AA7171">
        <v>90</v>
      </c>
      <c r="AB7171">
        <v>90</v>
      </c>
      <c r="AC7171">
        <v>90</v>
      </c>
      <c r="AD7171">
        <v>90</v>
      </c>
      <c r="AE7171">
        <v>89</v>
      </c>
      <c r="AF7171">
        <v>89</v>
      </c>
      <c r="AG7171">
        <v>89</v>
      </c>
      <c r="AH7171">
        <v>89</v>
      </c>
      <c r="AI7171">
        <v>89</v>
      </c>
      <c r="AJ7171">
        <v>88</v>
      </c>
      <c r="AK7171">
        <v>88</v>
      </c>
      <c r="AL7171">
        <v>88</v>
      </c>
      <c r="AM7171">
        <v>88</v>
      </c>
      <c r="AN7171">
        <v>87</v>
      </c>
      <c r="AO7171">
        <v>87</v>
      </c>
      <c r="AP7171">
        <v>86</v>
      </c>
      <c r="AQ7171">
        <v>86</v>
      </c>
    </row>
    <row r="7172" spans="1:43">
      <c r="A7172" t="s">
        <v>4488</v>
      </c>
      <c r="B7172" t="s">
        <v>4489</v>
      </c>
      <c r="C7172" t="s">
        <v>4480</v>
      </c>
      <c r="D7172" t="s">
        <v>4481</v>
      </c>
      <c r="E7172" t="s">
        <v>4236</v>
      </c>
      <c r="F7172" t="s">
        <v>4237</v>
      </c>
      <c r="G7172" t="s">
        <v>80</v>
      </c>
      <c r="H7172" t="s">
        <v>81</v>
      </c>
      <c r="I7172" s="2">
        <v>1</v>
      </c>
      <c r="J7172" s="2">
        <v>0</v>
      </c>
      <c r="K7172" s="2">
        <v>0</v>
      </c>
      <c r="L7172" t="s">
        <v>120</v>
      </c>
      <c r="M7172" t="s">
        <v>89</v>
      </c>
      <c r="N7172" t="s">
        <v>90</v>
      </c>
      <c r="O7172" t="s">
        <v>85</v>
      </c>
      <c r="P7172" t="s">
        <v>86</v>
      </c>
      <c r="Q7172">
        <v>89</v>
      </c>
      <c r="R7172">
        <v>90</v>
      </c>
      <c r="S7172">
        <v>92</v>
      </c>
      <c r="T7172">
        <v>94</v>
      </c>
      <c r="U7172">
        <v>95</v>
      </c>
      <c r="V7172">
        <v>97</v>
      </c>
      <c r="W7172">
        <v>98</v>
      </c>
      <c r="X7172">
        <v>100</v>
      </c>
      <c r="Y7172">
        <v>101</v>
      </c>
      <c r="Z7172">
        <v>102</v>
      </c>
      <c r="AA7172">
        <v>103</v>
      </c>
      <c r="AB7172">
        <v>104</v>
      </c>
      <c r="AC7172">
        <v>105</v>
      </c>
      <c r="AD7172">
        <v>106</v>
      </c>
      <c r="AE7172">
        <v>106</v>
      </c>
      <c r="AF7172">
        <v>106</v>
      </c>
      <c r="AG7172">
        <v>105</v>
      </c>
      <c r="AH7172">
        <v>105</v>
      </c>
      <c r="AI7172">
        <v>104</v>
      </c>
      <c r="AJ7172">
        <v>103</v>
      </c>
      <c r="AK7172">
        <v>103</v>
      </c>
      <c r="AL7172">
        <v>102</v>
      </c>
      <c r="AM7172">
        <v>102</v>
      </c>
      <c r="AN7172">
        <v>101</v>
      </c>
      <c r="AO7172">
        <v>100</v>
      </c>
      <c r="AP7172">
        <v>100</v>
      </c>
      <c r="AQ7172">
        <v>99</v>
      </c>
    </row>
    <row r="7173" spans="1:43">
      <c r="A7173" t="s">
        <v>4488</v>
      </c>
      <c r="B7173" t="s">
        <v>4489</v>
      </c>
      <c r="C7173" t="s">
        <v>4480</v>
      </c>
      <c r="D7173" t="s">
        <v>4481</v>
      </c>
      <c r="E7173" t="s">
        <v>4236</v>
      </c>
      <c r="F7173" t="s">
        <v>4237</v>
      </c>
      <c r="G7173" t="s">
        <v>80</v>
      </c>
      <c r="H7173" t="s">
        <v>81</v>
      </c>
      <c r="I7173" s="2">
        <v>1</v>
      </c>
      <c r="J7173" s="2">
        <v>0</v>
      </c>
      <c r="K7173" s="2">
        <v>0</v>
      </c>
      <c r="L7173" t="s">
        <v>120</v>
      </c>
      <c r="M7173" t="s">
        <v>83</v>
      </c>
      <c r="N7173" t="s">
        <v>91</v>
      </c>
      <c r="O7173" t="s">
        <v>85</v>
      </c>
      <c r="P7173" t="s">
        <v>86</v>
      </c>
      <c r="Q7173">
        <v>89</v>
      </c>
      <c r="R7173">
        <v>90</v>
      </c>
      <c r="S7173">
        <v>91</v>
      </c>
      <c r="T7173">
        <v>92</v>
      </c>
      <c r="U7173">
        <v>93</v>
      </c>
      <c r="V7173">
        <v>94</v>
      </c>
      <c r="W7173">
        <v>95</v>
      </c>
      <c r="X7173">
        <v>95</v>
      </c>
      <c r="Y7173">
        <v>96</v>
      </c>
      <c r="Z7173">
        <v>97</v>
      </c>
      <c r="AA7173">
        <v>97</v>
      </c>
      <c r="AB7173">
        <v>98</v>
      </c>
      <c r="AC7173">
        <v>99</v>
      </c>
      <c r="AD7173">
        <v>99</v>
      </c>
      <c r="AE7173">
        <v>100</v>
      </c>
      <c r="AF7173">
        <v>100</v>
      </c>
      <c r="AG7173">
        <v>101</v>
      </c>
      <c r="AH7173">
        <v>101</v>
      </c>
      <c r="AI7173">
        <v>101</v>
      </c>
      <c r="AJ7173">
        <v>102</v>
      </c>
      <c r="AK7173">
        <v>102</v>
      </c>
      <c r="AL7173">
        <v>102</v>
      </c>
      <c r="AM7173">
        <v>101</v>
      </c>
      <c r="AN7173">
        <v>100</v>
      </c>
      <c r="AO7173">
        <v>100</v>
      </c>
      <c r="AP7173">
        <v>99</v>
      </c>
      <c r="AQ7173">
        <v>99</v>
      </c>
    </row>
    <row r="7174" spans="1:43">
      <c r="A7174" t="s">
        <v>4490</v>
      </c>
      <c r="B7174" t="s">
        <v>4491</v>
      </c>
      <c r="C7174" t="s">
        <v>4492</v>
      </c>
      <c r="D7174" t="s">
        <v>4493</v>
      </c>
      <c r="E7174" t="s">
        <v>4236</v>
      </c>
      <c r="F7174" t="s">
        <v>4237</v>
      </c>
      <c r="G7174" t="s">
        <v>80</v>
      </c>
      <c r="H7174" t="s">
        <v>81</v>
      </c>
      <c r="I7174" s="2">
        <v>1</v>
      </c>
      <c r="J7174" s="2">
        <v>0</v>
      </c>
      <c r="K7174" s="2">
        <v>0</v>
      </c>
      <c r="L7174" t="s">
        <v>120</v>
      </c>
      <c r="M7174" t="s">
        <v>83</v>
      </c>
      <c r="N7174" t="s">
        <v>84</v>
      </c>
      <c r="O7174" t="s">
        <v>85</v>
      </c>
      <c r="P7174" t="s">
        <v>86</v>
      </c>
      <c r="Q7174">
        <v>72</v>
      </c>
      <c r="R7174">
        <v>73</v>
      </c>
      <c r="S7174">
        <v>74</v>
      </c>
      <c r="T7174">
        <v>75</v>
      </c>
      <c r="U7174">
        <v>75</v>
      </c>
      <c r="V7174">
        <v>76</v>
      </c>
      <c r="W7174">
        <v>77</v>
      </c>
      <c r="X7174">
        <v>77</v>
      </c>
      <c r="Y7174">
        <v>78</v>
      </c>
      <c r="Z7174">
        <v>79</v>
      </c>
      <c r="AA7174">
        <v>79</v>
      </c>
      <c r="AB7174">
        <v>80</v>
      </c>
      <c r="AC7174">
        <v>80</v>
      </c>
      <c r="AD7174">
        <v>81</v>
      </c>
      <c r="AE7174">
        <v>81</v>
      </c>
      <c r="AF7174">
        <v>81</v>
      </c>
      <c r="AG7174">
        <v>82</v>
      </c>
      <c r="AH7174">
        <v>82</v>
      </c>
      <c r="AI7174">
        <v>82</v>
      </c>
      <c r="AJ7174">
        <v>82</v>
      </c>
      <c r="AK7174">
        <v>83</v>
      </c>
      <c r="AL7174">
        <v>82</v>
      </c>
      <c r="AM7174">
        <v>82</v>
      </c>
      <c r="AN7174">
        <v>81</v>
      </c>
      <c r="AO7174">
        <v>81</v>
      </c>
      <c r="AP7174">
        <v>80</v>
      </c>
      <c r="AQ7174">
        <v>80</v>
      </c>
    </row>
    <row r="7175" spans="1:43">
      <c r="A7175" t="s">
        <v>4490</v>
      </c>
      <c r="B7175" t="s">
        <v>4491</v>
      </c>
      <c r="C7175" t="s">
        <v>4492</v>
      </c>
      <c r="D7175" t="s">
        <v>4493</v>
      </c>
      <c r="E7175" t="s">
        <v>4236</v>
      </c>
      <c r="F7175" t="s">
        <v>4237</v>
      </c>
      <c r="G7175" t="s">
        <v>80</v>
      </c>
      <c r="H7175" t="s">
        <v>81</v>
      </c>
      <c r="I7175" s="2">
        <v>1</v>
      </c>
      <c r="J7175" s="2">
        <v>0</v>
      </c>
      <c r="K7175" s="2">
        <v>0</v>
      </c>
      <c r="L7175" t="s">
        <v>120</v>
      </c>
      <c r="M7175" t="s">
        <v>87</v>
      </c>
      <c r="N7175" t="s">
        <v>88</v>
      </c>
      <c r="O7175" t="s">
        <v>85</v>
      </c>
      <c r="P7175" t="s">
        <v>86</v>
      </c>
      <c r="Q7175">
        <v>72</v>
      </c>
      <c r="R7175">
        <v>73</v>
      </c>
      <c r="S7175">
        <v>73</v>
      </c>
      <c r="T7175">
        <v>73</v>
      </c>
      <c r="U7175">
        <v>73</v>
      </c>
      <c r="V7175">
        <v>73</v>
      </c>
      <c r="W7175">
        <v>73</v>
      </c>
      <c r="X7175">
        <v>73</v>
      </c>
      <c r="Y7175">
        <v>73</v>
      </c>
      <c r="Z7175">
        <v>73</v>
      </c>
      <c r="AA7175">
        <v>73</v>
      </c>
      <c r="AB7175">
        <v>73</v>
      </c>
      <c r="AC7175">
        <v>73</v>
      </c>
      <c r="AD7175">
        <v>73</v>
      </c>
      <c r="AE7175">
        <v>73</v>
      </c>
      <c r="AF7175">
        <v>73</v>
      </c>
      <c r="AG7175">
        <v>73</v>
      </c>
      <c r="AH7175">
        <v>72</v>
      </c>
      <c r="AI7175">
        <v>72</v>
      </c>
      <c r="AJ7175">
        <v>72</v>
      </c>
      <c r="AK7175">
        <v>72</v>
      </c>
      <c r="AL7175">
        <v>72</v>
      </c>
      <c r="AM7175">
        <v>71</v>
      </c>
      <c r="AN7175">
        <v>71</v>
      </c>
      <c r="AO7175">
        <v>71</v>
      </c>
      <c r="AP7175">
        <v>70</v>
      </c>
      <c r="AQ7175">
        <v>70</v>
      </c>
    </row>
    <row r="7176" spans="1:43">
      <c r="A7176" t="s">
        <v>4490</v>
      </c>
      <c r="B7176" t="s">
        <v>4491</v>
      </c>
      <c r="C7176" t="s">
        <v>4492</v>
      </c>
      <c r="D7176" t="s">
        <v>4493</v>
      </c>
      <c r="E7176" t="s">
        <v>4236</v>
      </c>
      <c r="F7176" t="s">
        <v>4237</v>
      </c>
      <c r="G7176" t="s">
        <v>80</v>
      </c>
      <c r="H7176" t="s">
        <v>81</v>
      </c>
      <c r="I7176" s="2">
        <v>1</v>
      </c>
      <c r="J7176" s="2">
        <v>0</v>
      </c>
      <c r="K7176" s="2">
        <v>0</v>
      </c>
      <c r="L7176" t="s">
        <v>120</v>
      </c>
      <c r="M7176" t="s">
        <v>89</v>
      </c>
      <c r="N7176" t="s">
        <v>90</v>
      </c>
      <c r="O7176" t="s">
        <v>85</v>
      </c>
      <c r="P7176" t="s">
        <v>86</v>
      </c>
      <c r="Q7176">
        <v>72</v>
      </c>
      <c r="R7176">
        <v>73</v>
      </c>
      <c r="S7176">
        <v>75</v>
      </c>
      <c r="T7176">
        <v>76</v>
      </c>
      <c r="U7176">
        <v>77</v>
      </c>
      <c r="V7176">
        <v>78</v>
      </c>
      <c r="W7176">
        <v>80</v>
      </c>
      <c r="X7176">
        <v>81</v>
      </c>
      <c r="Y7176">
        <v>82</v>
      </c>
      <c r="Z7176">
        <v>82</v>
      </c>
      <c r="AA7176">
        <v>83</v>
      </c>
      <c r="AB7176">
        <v>84</v>
      </c>
      <c r="AC7176">
        <v>85</v>
      </c>
      <c r="AD7176">
        <v>86</v>
      </c>
      <c r="AE7176">
        <v>86</v>
      </c>
      <c r="AF7176">
        <v>85</v>
      </c>
      <c r="AG7176">
        <v>85</v>
      </c>
      <c r="AH7176">
        <v>84</v>
      </c>
      <c r="AI7176">
        <v>84</v>
      </c>
      <c r="AJ7176">
        <v>84</v>
      </c>
      <c r="AK7176">
        <v>83</v>
      </c>
      <c r="AL7176">
        <v>83</v>
      </c>
      <c r="AM7176">
        <v>82</v>
      </c>
      <c r="AN7176">
        <v>81</v>
      </c>
      <c r="AO7176">
        <v>81</v>
      </c>
      <c r="AP7176">
        <v>80</v>
      </c>
      <c r="AQ7176">
        <v>80</v>
      </c>
    </row>
    <row r="7177" spans="1:43">
      <c r="A7177" t="s">
        <v>4490</v>
      </c>
      <c r="B7177" t="s">
        <v>4491</v>
      </c>
      <c r="C7177" t="s">
        <v>4492</v>
      </c>
      <c r="D7177" t="s">
        <v>4493</v>
      </c>
      <c r="E7177" t="s">
        <v>4236</v>
      </c>
      <c r="F7177" t="s">
        <v>4237</v>
      </c>
      <c r="G7177" t="s">
        <v>80</v>
      </c>
      <c r="H7177" t="s">
        <v>81</v>
      </c>
      <c r="I7177" s="2">
        <v>1</v>
      </c>
      <c r="J7177" s="2">
        <v>0</v>
      </c>
      <c r="K7177" s="2">
        <v>0</v>
      </c>
      <c r="L7177" t="s">
        <v>120</v>
      </c>
      <c r="M7177" t="s">
        <v>83</v>
      </c>
      <c r="N7177" t="s">
        <v>91</v>
      </c>
      <c r="O7177" t="s">
        <v>85</v>
      </c>
      <c r="P7177" t="s">
        <v>86</v>
      </c>
      <c r="Q7177">
        <v>72</v>
      </c>
      <c r="R7177">
        <v>73</v>
      </c>
      <c r="S7177">
        <v>74</v>
      </c>
      <c r="T7177">
        <v>75</v>
      </c>
      <c r="U7177">
        <v>75</v>
      </c>
      <c r="V7177">
        <v>76</v>
      </c>
      <c r="W7177">
        <v>77</v>
      </c>
      <c r="X7177">
        <v>77</v>
      </c>
      <c r="Y7177">
        <v>78</v>
      </c>
      <c r="Z7177">
        <v>79</v>
      </c>
      <c r="AA7177">
        <v>79</v>
      </c>
      <c r="AB7177">
        <v>80</v>
      </c>
      <c r="AC7177">
        <v>80</v>
      </c>
      <c r="AD7177">
        <v>81</v>
      </c>
      <c r="AE7177">
        <v>81</v>
      </c>
      <c r="AF7177">
        <v>81</v>
      </c>
      <c r="AG7177">
        <v>82</v>
      </c>
      <c r="AH7177">
        <v>82</v>
      </c>
      <c r="AI7177">
        <v>82</v>
      </c>
      <c r="AJ7177">
        <v>82</v>
      </c>
      <c r="AK7177">
        <v>83</v>
      </c>
      <c r="AL7177">
        <v>82</v>
      </c>
      <c r="AM7177">
        <v>82</v>
      </c>
      <c r="AN7177">
        <v>81</v>
      </c>
      <c r="AO7177">
        <v>81</v>
      </c>
      <c r="AP7177">
        <v>80</v>
      </c>
      <c r="AQ7177">
        <v>80</v>
      </c>
    </row>
    <row r="7178" spans="1:43">
      <c r="A7178" t="s">
        <v>4494</v>
      </c>
      <c r="B7178" t="s">
        <v>4495</v>
      </c>
      <c r="C7178" t="s">
        <v>4496</v>
      </c>
      <c r="D7178" t="s">
        <v>4497</v>
      </c>
      <c r="E7178" t="s">
        <v>4236</v>
      </c>
      <c r="F7178" t="s">
        <v>4237</v>
      </c>
      <c r="G7178" t="s">
        <v>80</v>
      </c>
      <c r="H7178" t="s">
        <v>81</v>
      </c>
      <c r="I7178" s="2">
        <v>1</v>
      </c>
      <c r="J7178" s="2">
        <v>0</v>
      </c>
      <c r="K7178" s="2">
        <v>0</v>
      </c>
      <c r="L7178" t="s">
        <v>120</v>
      </c>
      <c r="M7178" t="s">
        <v>83</v>
      </c>
      <c r="N7178" t="s">
        <v>84</v>
      </c>
      <c r="O7178" t="s">
        <v>85</v>
      </c>
      <c r="P7178" t="s">
        <v>86</v>
      </c>
      <c r="Q7178">
        <v>34</v>
      </c>
      <c r="R7178">
        <v>34</v>
      </c>
      <c r="S7178">
        <v>34</v>
      </c>
      <c r="T7178">
        <v>35</v>
      </c>
      <c r="U7178">
        <v>35</v>
      </c>
      <c r="V7178">
        <v>36</v>
      </c>
      <c r="W7178">
        <v>36</v>
      </c>
      <c r="X7178">
        <v>36</v>
      </c>
      <c r="Y7178">
        <v>36</v>
      </c>
      <c r="Z7178">
        <v>37</v>
      </c>
      <c r="AA7178">
        <v>37</v>
      </c>
      <c r="AB7178">
        <v>37</v>
      </c>
      <c r="AC7178">
        <v>37</v>
      </c>
      <c r="AD7178">
        <v>38</v>
      </c>
      <c r="AE7178">
        <v>38</v>
      </c>
      <c r="AF7178">
        <v>38</v>
      </c>
      <c r="AG7178">
        <v>38</v>
      </c>
      <c r="AH7178">
        <v>38</v>
      </c>
      <c r="AI7178">
        <v>39</v>
      </c>
      <c r="AJ7178">
        <v>39</v>
      </c>
      <c r="AK7178">
        <v>39</v>
      </c>
      <c r="AL7178">
        <v>39</v>
      </c>
      <c r="AM7178">
        <v>38</v>
      </c>
      <c r="AN7178">
        <v>38</v>
      </c>
      <c r="AO7178">
        <v>38</v>
      </c>
      <c r="AP7178">
        <v>38</v>
      </c>
      <c r="AQ7178">
        <v>37</v>
      </c>
    </row>
    <row r="7179" spans="1:43">
      <c r="A7179" t="s">
        <v>4494</v>
      </c>
      <c r="B7179" t="s">
        <v>4495</v>
      </c>
      <c r="C7179" t="s">
        <v>4496</v>
      </c>
      <c r="D7179" t="s">
        <v>4497</v>
      </c>
      <c r="E7179" t="s">
        <v>4236</v>
      </c>
      <c r="F7179" t="s">
        <v>4237</v>
      </c>
      <c r="G7179" t="s">
        <v>80</v>
      </c>
      <c r="H7179" t="s">
        <v>81</v>
      </c>
      <c r="I7179" s="2">
        <v>1</v>
      </c>
      <c r="J7179" s="2">
        <v>0</v>
      </c>
      <c r="K7179" s="2">
        <v>0</v>
      </c>
      <c r="L7179" t="s">
        <v>120</v>
      </c>
      <c r="M7179" t="s">
        <v>87</v>
      </c>
      <c r="N7179" t="s">
        <v>88</v>
      </c>
      <c r="O7179" t="s">
        <v>85</v>
      </c>
      <c r="P7179" t="s">
        <v>86</v>
      </c>
      <c r="Q7179">
        <v>34</v>
      </c>
      <c r="R7179">
        <v>34</v>
      </c>
      <c r="S7179">
        <v>35</v>
      </c>
      <c r="T7179">
        <v>35</v>
      </c>
      <c r="U7179">
        <v>35</v>
      </c>
      <c r="V7179">
        <v>35</v>
      </c>
      <c r="W7179">
        <v>35</v>
      </c>
      <c r="X7179">
        <v>35</v>
      </c>
      <c r="Y7179">
        <v>35</v>
      </c>
      <c r="Z7179">
        <v>35</v>
      </c>
      <c r="AA7179">
        <v>35</v>
      </c>
      <c r="AB7179">
        <v>35</v>
      </c>
      <c r="AC7179">
        <v>35</v>
      </c>
      <c r="AD7179">
        <v>35</v>
      </c>
      <c r="AE7179">
        <v>35</v>
      </c>
      <c r="AF7179">
        <v>35</v>
      </c>
      <c r="AG7179">
        <v>34</v>
      </c>
      <c r="AH7179">
        <v>34</v>
      </c>
      <c r="AI7179">
        <v>34</v>
      </c>
      <c r="AJ7179">
        <v>34</v>
      </c>
      <c r="AK7179">
        <v>34</v>
      </c>
      <c r="AL7179">
        <v>34</v>
      </c>
      <c r="AM7179">
        <v>34</v>
      </c>
      <c r="AN7179">
        <v>34</v>
      </c>
      <c r="AO7179">
        <v>34</v>
      </c>
      <c r="AP7179">
        <v>34</v>
      </c>
      <c r="AQ7179">
        <v>33</v>
      </c>
    </row>
    <row r="7180" spans="1:43">
      <c r="A7180" t="s">
        <v>4494</v>
      </c>
      <c r="B7180" t="s">
        <v>4495</v>
      </c>
      <c r="C7180" t="s">
        <v>4496</v>
      </c>
      <c r="D7180" t="s">
        <v>4497</v>
      </c>
      <c r="E7180" t="s">
        <v>4236</v>
      </c>
      <c r="F7180" t="s">
        <v>4237</v>
      </c>
      <c r="G7180" t="s">
        <v>80</v>
      </c>
      <c r="H7180" t="s">
        <v>81</v>
      </c>
      <c r="I7180" s="2">
        <v>1</v>
      </c>
      <c r="J7180" s="2">
        <v>0</v>
      </c>
      <c r="K7180" s="2">
        <v>0</v>
      </c>
      <c r="L7180" t="s">
        <v>120</v>
      </c>
      <c r="M7180" t="s">
        <v>89</v>
      </c>
      <c r="N7180" t="s">
        <v>90</v>
      </c>
      <c r="O7180" t="s">
        <v>85</v>
      </c>
      <c r="P7180" t="s">
        <v>86</v>
      </c>
      <c r="Q7180">
        <v>34</v>
      </c>
      <c r="R7180">
        <v>35</v>
      </c>
      <c r="S7180">
        <v>35</v>
      </c>
      <c r="T7180">
        <v>36</v>
      </c>
      <c r="U7180">
        <v>37</v>
      </c>
      <c r="V7180">
        <v>37</v>
      </c>
      <c r="W7180">
        <v>38</v>
      </c>
      <c r="X7180">
        <v>38</v>
      </c>
      <c r="Y7180">
        <v>39</v>
      </c>
      <c r="Z7180">
        <v>39</v>
      </c>
      <c r="AA7180">
        <v>39</v>
      </c>
      <c r="AB7180">
        <v>40</v>
      </c>
      <c r="AC7180">
        <v>40</v>
      </c>
      <c r="AD7180">
        <v>40</v>
      </c>
      <c r="AE7180">
        <v>41</v>
      </c>
      <c r="AF7180">
        <v>40</v>
      </c>
      <c r="AG7180">
        <v>40</v>
      </c>
      <c r="AH7180">
        <v>40</v>
      </c>
      <c r="AI7180">
        <v>40</v>
      </c>
      <c r="AJ7180">
        <v>40</v>
      </c>
      <c r="AK7180">
        <v>39</v>
      </c>
      <c r="AL7180">
        <v>39</v>
      </c>
      <c r="AM7180">
        <v>39</v>
      </c>
      <c r="AN7180">
        <v>39</v>
      </c>
      <c r="AO7180">
        <v>38</v>
      </c>
      <c r="AP7180">
        <v>38</v>
      </c>
      <c r="AQ7180">
        <v>38</v>
      </c>
    </row>
    <row r="7181" spans="1:43">
      <c r="A7181" t="s">
        <v>4494</v>
      </c>
      <c r="B7181" t="s">
        <v>4495</v>
      </c>
      <c r="C7181" t="s">
        <v>4496</v>
      </c>
      <c r="D7181" t="s">
        <v>4497</v>
      </c>
      <c r="E7181" t="s">
        <v>4236</v>
      </c>
      <c r="F7181" t="s">
        <v>4237</v>
      </c>
      <c r="G7181" t="s">
        <v>80</v>
      </c>
      <c r="H7181" t="s">
        <v>81</v>
      </c>
      <c r="I7181" s="2">
        <v>1</v>
      </c>
      <c r="J7181" s="2">
        <v>0</v>
      </c>
      <c r="K7181" s="2">
        <v>0</v>
      </c>
      <c r="L7181" t="s">
        <v>120</v>
      </c>
      <c r="M7181" t="s">
        <v>83</v>
      </c>
      <c r="N7181" t="s">
        <v>91</v>
      </c>
      <c r="O7181" t="s">
        <v>85</v>
      </c>
      <c r="P7181" t="s">
        <v>86</v>
      </c>
      <c r="Q7181">
        <v>34</v>
      </c>
      <c r="R7181">
        <v>34</v>
      </c>
      <c r="S7181">
        <v>34</v>
      </c>
      <c r="T7181">
        <v>35</v>
      </c>
      <c r="U7181">
        <v>35</v>
      </c>
      <c r="V7181">
        <v>36</v>
      </c>
      <c r="W7181">
        <v>36</v>
      </c>
      <c r="X7181">
        <v>36</v>
      </c>
      <c r="Y7181">
        <v>36</v>
      </c>
      <c r="Z7181">
        <v>37</v>
      </c>
      <c r="AA7181">
        <v>37</v>
      </c>
      <c r="AB7181">
        <v>37</v>
      </c>
      <c r="AC7181">
        <v>37</v>
      </c>
      <c r="AD7181">
        <v>38</v>
      </c>
      <c r="AE7181">
        <v>38</v>
      </c>
      <c r="AF7181">
        <v>38</v>
      </c>
      <c r="AG7181">
        <v>38</v>
      </c>
      <c r="AH7181">
        <v>38</v>
      </c>
      <c r="AI7181">
        <v>39</v>
      </c>
      <c r="AJ7181">
        <v>39</v>
      </c>
      <c r="AK7181">
        <v>39</v>
      </c>
      <c r="AL7181">
        <v>39</v>
      </c>
      <c r="AM7181">
        <v>38</v>
      </c>
      <c r="AN7181">
        <v>38</v>
      </c>
      <c r="AO7181">
        <v>38</v>
      </c>
      <c r="AP7181">
        <v>38</v>
      </c>
      <c r="AQ7181">
        <v>37</v>
      </c>
    </row>
    <row r="7182" spans="1:43">
      <c r="A7182" t="s">
        <v>4498</v>
      </c>
      <c r="B7182" t="s">
        <v>4499</v>
      </c>
      <c r="C7182" t="s">
        <v>4492</v>
      </c>
      <c r="D7182" t="s">
        <v>4493</v>
      </c>
      <c r="E7182" t="s">
        <v>4236</v>
      </c>
      <c r="F7182" t="s">
        <v>4237</v>
      </c>
      <c r="G7182" t="s">
        <v>80</v>
      </c>
      <c r="H7182" t="s">
        <v>81</v>
      </c>
      <c r="I7182" s="2">
        <v>1</v>
      </c>
      <c r="J7182" s="2">
        <v>0</v>
      </c>
      <c r="K7182" s="2">
        <v>0</v>
      </c>
      <c r="L7182" t="s">
        <v>120</v>
      </c>
      <c r="M7182" t="s">
        <v>83</v>
      </c>
      <c r="N7182" t="s">
        <v>84</v>
      </c>
      <c r="O7182" t="s">
        <v>85</v>
      </c>
      <c r="P7182" t="s">
        <v>86</v>
      </c>
      <c r="Q7182">
        <v>86</v>
      </c>
      <c r="R7182">
        <v>87</v>
      </c>
      <c r="S7182">
        <v>88</v>
      </c>
      <c r="T7182">
        <v>89</v>
      </c>
      <c r="U7182">
        <v>90</v>
      </c>
      <c r="V7182">
        <v>91</v>
      </c>
      <c r="W7182">
        <v>92</v>
      </c>
      <c r="X7182">
        <v>93</v>
      </c>
      <c r="Y7182">
        <v>93</v>
      </c>
      <c r="Z7182">
        <v>94</v>
      </c>
      <c r="AA7182">
        <v>95</v>
      </c>
      <c r="AB7182">
        <v>95</v>
      </c>
      <c r="AC7182">
        <v>96</v>
      </c>
      <c r="AD7182">
        <v>97</v>
      </c>
      <c r="AE7182">
        <v>97</v>
      </c>
      <c r="AF7182">
        <v>97</v>
      </c>
      <c r="AG7182">
        <v>98</v>
      </c>
      <c r="AH7182">
        <v>98</v>
      </c>
      <c r="AI7182">
        <v>99</v>
      </c>
      <c r="AJ7182">
        <v>99</v>
      </c>
      <c r="AK7182">
        <v>99</v>
      </c>
      <c r="AL7182">
        <v>99</v>
      </c>
      <c r="AM7182">
        <v>98</v>
      </c>
      <c r="AN7182">
        <v>98</v>
      </c>
      <c r="AO7182">
        <v>97</v>
      </c>
      <c r="AP7182">
        <v>96</v>
      </c>
      <c r="AQ7182">
        <v>96</v>
      </c>
    </row>
    <row r="7183" spans="1:43">
      <c r="A7183" t="s">
        <v>4498</v>
      </c>
      <c r="B7183" t="s">
        <v>4499</v>
      </c>
      <c r="C7183" t="s">
        <v>4492</v>
      </c>
      <c r="D7183" t="s">
        <v>4493</v>
      </c>
      <c r="E7183" t="s">
        <v>4236</v>
      </c>
      <c r="F7183" t="s">
        <v>4237</v>
      </c>
      <c r="G7183" t="s">
        <v>80</v>
      </c>
      <c r="H7183" t="s">
        <v>81</v>
      </c>
      <c r="I7183" s="2">
        <v>1</v>
      </c>
      <c r="J7183" s="2">
        <v>0</v>
      </c>
      <c r="K7183" s="2">
        <v>0</v>
      </c>
      <c r="L7183" t="s">
        <v>120</v>
      </c>
      <c r="M7183" t="s">
        <v>87</v>
      </c>
      <c r="N7183" t="s">
        <v>88</v>
      </c>
      <c r="O7183" t="s">
        <v>85</v>
      </c>
      <c r="P7183" t="s">
        <v>86</v>
      </c>
      <c r="Q7183">
        <v>86</v>
      </c>
      <c r="R7183">
        <v>86</v>
      </c>
      <c r="S7183">
        <v>86</v>
      </c>
      <c r="T7183">
        <v>86</v>
      </c>
      <c r="U7183">
        <v>86</v>
      </c>
      <c r="V7183">
        <v>86</v>
      </c>
      <c r="W7183">
        <v>86</v>
      </c>
      <c r="X7183">
        <v>86</v>
      </c>
      <c r="Y7183">
        <v>86</v>
      </c>
      <c r="Z7183">
        <v>86</v>
      </c>
      <c r="AA7183">
        <v>86</v>
      </c>
      <c r="AB7183">
        <v>86</v>
      </c>
      <c r="AC7183">
        <v>86</v>
      </c>
      <c r="AD7183">
        <v>86</v>
      </c>
      <c r="AE7183">
        <v>86</v>
      </c>
      <c r="AF7183">
        <v>86</v>
      </c>
      <c r="AG7183">
        <v>86</v>
      </c>
      <c r="AH7183">
        <v>86</v>
      </c>
      <c r="AI7183">
        <v>85</v>
      </c>
      <c r="AJ7183">
        <v>85</v>
      </c>
      <c r="AK7183">
        <v>85</v>
      </c>
      <c r="AL7183">
        <v>85</v>
      </c>
      <c r="AM7183">
        <v>84</v>
      </c>
      <c r="AN7183">
        <v>84</v>
      </c>
      <c r="AO7183">
        <v>84</v>
      </c>
      <c r="AP7183">
        <v>83</v>
      </c>
      <c r="AQ7183">
        <v>83</v>
      </c>
    </row>
    <row r="7184" spans="1:43">
      <c r="A7184" t="s">
        <v>4498</v>
      </c>
      <c r="B7184" t="s">
        <v>4499</v>
      </c>
      <c r="C7184" t="s">
        <v>4492</v>
      </c>
      <c r="D7184" t="s">
        <v>4493</v>
      </c>
      <c r="E7184" t="s">
        <v>4236</v>
      </c>
      <c r="F7184" t="s">
        <v>4237</v>
      </c>
      <c r="G7184" t="s">
        <v>80</v>
      </c>
      <c r="H7184" t="s">
        <v>81</v>
      </c>
      <c r="I7184" s="2">
        <v>1</v>
      </c>
      <c r="J7184" s="2">
        <v>0</v>
      </c>
      <c r="K7184" s="2">
        <v>0</v>
      </c>
      <c r="L7184" t="s">
        <v>120</v>
      </c>
      <c r="M7184" t="s">
        <v>89</v>
      </c>
      <c r="N7184" t="s">
        <v>90</v>
      </c>
      <c r="O7184" t="s">
        <v>85</v>
      </c>
      <c r="P7184" t="s">
        <v>86</v>
      </c>
      <c r="Q7184">
        <v>86</v>
      </c>
      <c r="R7184">
        <v>88</v>
      </c>
      <c r="S7184">
        <v>90</v>
      </c>
      <c r="T7184">
        <v>91</v>
      </c>
      <c r="U7184">
        <v>93</v>
      </c>
      <c r="V7184">
        <v>94</v>
      </c>
      <c r="W7184">
        <v>95</v>
      </c>
      <c r="X7184">
        <v>97</v>
      </c>
      <c r="Y7184">
        <v>98</v>
      </c>
      <c r="Z7184">
        <v>99</v>
      </c>
      <c r="AA7184">
        <v>100</v>
      </c>
      <c r="AB7184">
        <v>101</v>
      </c>
      <c r="AC7184">
        <v>102</v>
      </c>
      <c r="AD7184">
        <v>103</v>
      </c>
      <c r="AE7184">
        <v>103</v>
      </c>
      <c r="AF7184">
        <v>103</v>
      </c>
      <c r="AG7184">
        <v>102</v>
      </c>
      <c r="AH7184">
        <v>102</v>
      </c>
      <c r="AI7184">
        <v>101</v>
      </c>
      <c r="AJ7184">
        <v>100</v>
      </c>
      <c r="AK7184">
        <v>100</v>
      </c>
      <c r="AL7184">
        <v>99</v>
      </c>
      <c r="AM7184">
        <v>99</v>
      </c>
      <c r="AN7184">
        <v>98</v>
      </c>
      <c r="AO7184">
        <v>97</v>
      </c>
      <c r="AP7184">
        <v>97</v>
      </c>
      <c r="AQ7184">
        <v>96</v>
      </c>
    </row>
    <row r="7185" spans="1:43">
      <c r="A7185" t="s">
        <v>4498</v>
      </c>
      <c r="B7185" t="s">
        <v>4499</v>
      </c>
      <c r="C7185" t="s">
        <v>4492</v>
      </c>
      <c r="D7185" t="s">
        <v>4493</v>
      </c>
      <c r="E7185" t="s">
        <v>4236</v>
      </c>
      <c r="F7185" t="s">
        <v>4237</v>
      </c>
      <c r="G7185" t="s">
        <v>80</v>
      </c>
      <c r="H7185" t="s">
        <v>81</v>
      </c>
      <c r="I7185" s="2">
        <v>1</v>
      </c>
      <c r="J7185" s="2">
        <v>0</v>
      </c>
      <c r="K7185" s="2">
        <v>0</v>
      </c>
      <c r="L7185" t="s">
        <v>120</v>
      </c>
      <c r="M7185" t="s">
        <v>83</v>
      </c>
      <c r="N7185" t="s">
        <v>91</v>
      </c>
      <c r="O7185" t="s">
        <v>85</v>
      </c>
      <c r="P7185" t="s">
        <v>86</v>
      </c>
      <c r="Q7185">
        <v>86</v>
      </c>
      <c r="R7185">
        <v>87</v>
      </c>
      <c r="S7185">
        <v>88</v>
      </c>
      <c r="T7185">
        <v>89</v>
      </c>
      <c r="U7185">
        <v>90</v>
      </c>
      <c r="V7185">
        <v>91</v>
      </c>
      <c r="W7185">
        <v>92</v>
      </c>
      <c r="X7185">
        <v>93</v>
      </c>
      <c r="Y7185">
        <v>93</v>
      </c>
      <c r="Z7185">
        <v>94</v>
      </c>
      <c r="AA7185">
        <v>95</v>
      </c>
      <c r="AB7185">
        <v>95</v>
      </c>
      <c r="AC7185">
        <v>96</v>
      </c>
      <c r="AD7185">
        <v>97</v>
      </c>
      <c r="AE7185">
        <v>97</v>
      </c>
      <c r="AF7185">
        <v>97</v>
      </c>
      <c r="AG7185">
        <v>98</v>
      </c>
      <c r="AH7185">
        <v>98</v>
      </c>
      <c r="AI7185">
        <v>99</v>
      </c>
      <c r="AJ7185">
        <v>99</v>
      </c>
      <c r="AK7185">
        <v>99</v>
      </c>
      <c r="AL7185">
        <v>99</v>
      </c>
      <c r="AM7185">
        <v>98</v>
      </c>
      <c r="AN7185">
        <v>98</v>
      </c>
      <c r="AO7185">
        <v>97</v>
      </c>
      <c r="AP7185">
        <v>96</v>
      </c>
      <c r="AQ7185">
        <v>96</v>
      </c>
    </row>
    <row r="7186" spans="1:43">
      <c r="A7186" t="s">
        <v>4500</v>
      </c>
      <c r="B7186" t="s">
        <v>4501</v>
      </c>
      <c r="C7186" t="s">
        <v>4496</v>
      </c>
      <c r="D7186" t="s">
        <v>4497</v>
      </c>
      <c r="E7186" t="s">
        <v>4236</v>
      </c>
      <c r="F7186" t="s">
        <v>4237</v>
      </c>
      <c r="G7186" t="s">
        <v>80</v>
      </c>
      <c r="H7186" t="s">
        <v>81</v>
      </c>
      <c r="I7186" s="2">
        <v>1</v>
      </c>
      <c r="J7186" s="2">
        <v>0</v>
      </c>
      <c r="K7186" s="2">
        <v>0</v>
      </c>
      <c r="L7186" t="s">
        <v>120</v>
      </c>
      <c r="M7186" t="s">
        <v>83</v>
      </c>
      <c r="N7186" t="s">
        <v>84</v>
      </c>
      <c r="O7186" t="s">
        <v>85</v>
      </c>
      <c r="P7186" t="s">
        <v>86</v>
      </c>
      <c r="Q7186">
        <v>20</v>
      </c>
      <c r="R7186">
        <v>20</v>
      </c>
      <c r="S7186">
        <v>20</v>
      </c>
      <c r="T7186">
        <v>21</v>
      </c>
      <c r="U7186">
        <v>21</v>
      </c>
      <c r="V7186">
        <v>21</v>
      </c>
      <c r="W7186">
        <v>21</v>
      </c>
      <c r="X7186">
        <v>21</v>
      </c>
      <c r="Y7186">
        <v>22</v>
      </c>
      <c r="Z7186">
        <v>22</v>
      </c>
      <c r="AA7186">
        <v>22</v>
      </c>
      <c r="AB7186">
        <v>22</v>
      </c>
      <c r="AC7186">
        <v>22</v>
      </c>
      <c r="AD7186">
        <v>22</v>
      </c>
      <c r="AE7186">
        <v>22</v>
      </c>
      <c r="AF7186">
        <v>23</v>
      </c>
      <c r="AG7186">
        <v>23</v>
      </c>
      <c r="AH7186">
        <v>23</v>
      </c>
      <c r="AI7186">
        <v>23</v>
      </c>
      <c r="AJ7186">
        <v>23</v>
      </c>
      <c r="AK7186">
        <v>23</v>
      </c>
      <c r="AL7186">
        <v>23</v>
      </c>
      <c r="AM7186">
        <v>23</v>
      </c>
      <c r="AN7186">
        <v>23</v>
      </c>
      <c r="AO7186">
        <v>23</v>
      </c>
      <c r="AP7186">
        <v>22</v>
      </c>
      <c r="AQ7186">
        <v>22</v>
      </c>
    </row>
    <row r="7187" spans="1:43">
      <c r="A7187" t="s">
        <v>4500</v>
      </c>
      <c r="B7187" t="s">
        <v>4501</v>
      </c>
      <c r="C7187" t="s">
        <v>4496</v>
      </c>
      <c r="D7187" t="s">
        <v>4497</v>
      </c>
      <c r="E7187" t="s">
        <v>4236</v>
      </c>
      <c r="F7187" t="s">
        <v>4237</v>
      </c>
      <c r="G7187" t="s">
        <v>80</v>
      </c>
      <c r="H7187" t="s">
        <v>81</v>
      </c>
      <c r="I7187" s="2">
        <v>1</v>
      </c>
      <c r="J7187" s="2">
        <v>0</v>
      </c>
      <c r="K7187" s="2">
        <v>0</v>
      </c>
      <c r="L7187" t="s">
        <v>120</v>
      </c>
      <c r="M7187" t="s">
        <v>87</v>
      </c>
      <c r="N7187" t="s">
        <v>88</v>
      </c>
      <c r="O7187" t="s">
        <v>85</v>
      </c>
      <c r="P7187" t="s">
        <v>86</v>
      </c>
      <c r="Q7187">
        <v>20</v>
      </c>
      <c r="R7187">
        <v>20</v>
      </c>
      <c r="S7187">
        <v>20</v>
      </c>
      <c r="T7187">
        <v>20</v>
      </c>
      <c r="U7187">
        <v>20</v>
      </c>
      <c r="V7187">
        <v>20</v>
      </c>
      <c r="W7187">
        <v>20</v>
      </c>
      <c r="X7187">
        <v>20</v>
      </c>
      <c r="Y7187">
        <v>20</v>
      </c>
      <c r="Z7187">
        <v>20</v>
      </c>
      <c r="AA7187">
        <v>20</v>
      </c>
      <c r="AB7187">
        <v>20</v>
      </c>
      <c r="AC7187">
        <v>20</v>
      </c>
      <c r="AD7187">
        <v>20</v>
      </c>
      <c r="AE7187">
        <v>20</v>
      </c>
      <c r="AF7187">
        <v>20</v>
      </c>
      <c r="AG7187">
        <v>20</v>
      </c>
      <c r="AH7187">
        <v>20</v>
      </c>
      <c r="AI7187">
        <v>20</v>
      </c>
      <c r="AJ7187">
        <v>20</v>
      </c>
      <c r="AK7187">
        <v>20</v>
      </c>
      <c r="AL7187">
        <v>20</v>
      </c>
      <c r="AM7187">
        <v>20</v>
      </c>
      <c r="AN7187">
        <v>20</v>
      </c>
      <c r="AO7187">
        <v>19</v>
      </c>
      <c r="AP7187">
        <v>19</v>
      </c>
      <c r="AQ7187">
        <v>19</v>
      </c>
    </row>
    <row r="7188" spans="1:43">
      <c r="A7188" t="s">
        <v>4500</v>
      </c>
      <c r="B7188" t="s">
        <v>4501</v>
      </c>
      <c r="C7188" t="s">
        <v>4496</v>
      </c>
      <c r="D7188" t="s">
        <v>4497</v>
      </c>
      <c r="E7188" t="s">
        <v>4236</v>
      </c>
      <c r="F7188" t="s">
        <v>4237</v>
      </c>
      <c r="G7188" t="s">
        <v>80</v>
      </c>
      <c r="H7188" t="s">
        <v>81</v>
      </c>
      <c r="I7188" s="2">
        <v>1</v>
      </c>
      <c r="J7188" s="2">
        <v>0</v>
      </c>
      <c r="K7188" s="2">
        <v>0</v>
      </c>
      <c r="L7188" t="s">
        <v>120</v>
      </c>
      <c r="M7188" t="s">
        <v>89</v>
      </c>
      <c r="N7188" t="s">
        <v>90</v>
      </c>
      <c r="O7188" t="s">
        <v>85</v>
      </c>
      <c r="P7188" t="s">
        <v>86</v>
      </c>
      <c r="Q7188">
        <v>20</v>
      </c>
      <c r="R7188">
        <v>20</v>
      </c>
      <c r="S7188">
        <v>21</v>
      </c>
      <c r="T7188">
        <v>21</v>
      </c>
      <c r="U7188">
        <v>22</v>
      </c>
      <c r="V7188">
        <v>22</v>
      </c>
      <c r="W7188">
        <v>22</v>
      </c>
      <c r="X7188">
        <v>23</v>
      </c>
      <c r="Y7188">
        <v>23</v>
      </c>
      <c r="Z7188">
        <v>23</v>
      </c>
      <c r="AA7188">
        <v>23</v>
      </c>
      <c r="AB7188">
        <v>24</v>
      </c>
      <c r="AC7188">
        <v>24</v>
      </c>
      <c r="AD7188">
        <v>24</v>
      </c>
      <c r="AE7188">
        <v>24</v>
      </c>
      <c r="AF7188">
        <v>24</v>
      </c>
      <c r="AG7188">
        <v>24</v>
      </c>
      <c r="AH7188">
        <v>24</v>
      </c>
      <c r="AI7188">
        <v>24</v>
      </c>
      <c r="AJ7188">
        <v>24</v>
      </c>
      <c r="AK7188">
        <v>23</v>
      </c>
      <c r="AL7188">
        <v>23</v>
      </c>
      <c r="AM7188">
        <v>23</v>
      </c>
      <c r="AN7188">
        <v>23</v>
      </c>
      <c r="AO7188">
        <v>23</v>
      </c>
      <c r="AP7188">
        <v>23</v>
      </c>
      <c r="AQ7188">
        <v>23</v>
      </c>
    </row>
    <row r="7189" spans="1:43">
      <c r="A7189" t="s">
        <v>4500</v>
      </c>
      <c r="B7189" t="s">
        <v>4501</v>
      </c>
      <c r="C7189" t="s">
        <v>4496</v>
      </c>
      <c r="D7189" t="s">
        <v>4497</v>
      </c>
      <c r="E7189" t="s">
        <v>4236</v>
      </c>
      <c r="F7189" t="s">
        <v>4237</v>
      </c>
      <c r="G7189" t="s">
        <v>80</v>
      </c>
      <c r="H7189" t="s">
        <v>81</v>
      </c>
      <c r="I7189" s="2">
        <v>1</v>
      </c>
      <c r="J7189" s="2">
        <v>0</v>
      </c>
      <c r="K7189" s="2">
        <v>0</v>
      </c>
      <c r="L7189" t="s">
        <v>120</v>
      </c>
      <c r="M7189" t="s">
        <v>83</v>
      </c>
      <c r="N7189" t="s">
        <v>91</v>
      </c>
      <c r="O7189" t="s">
        <v>85</v>
      </c>
      <c r="P7189" t="s">
        <v>86</v>
      </c>
      <c r="Q7189">
        <v>20</v>
      </c>
      <c r="R7189">
        <v>20</v>
      </c>
      <c r="S7189">
        <v>20</v>
      </c>
      <c r="T7189">
        <v>21</v>
      </c>
      <c r="U7189">
        <v>21</v>
      </c>
      <c r="V7189">
        <v>21</v>
      </c>
      <c r="W7189">
        <v>21</v>
      </c>
      <c r="X7189">
        <v>21</v>
      </c>
      <c r="Y7189">
        <v>22</v>
      </c>
      <c r="Z7189">
        <v>22</v>
      </c>
      <c r="AA7189">
        <v>22</v>
      </c>
      <c r="AB7189">
        <v>22</v>
      </c>
      <c r="AC7189">
        <v>22</v>
      </c>
      <c r="AD7189">
        <v>22</v>
      </c>
      <c r="AE7189">
        <v>22</v>
      </c>
      <c r="AF7189">
        <v>23</v>
      </c>
      <c r="AG7189">
        <v>23</v>
      </c>
      <c r="AH7189">
        <v>23</v>
      </c>
      <c r="AI7189">
        <v>23</v>
      </c>
      <c r="AJ7189">
        <v>23</v>
      </c>
      <c r="AK7189">
        <v>23</v>
      </c>
      <c r="AL7189">
        <v>23</v>
      </c>
      <c r="AM7189">
        <v>23</v>
      </c>
      <c r="AN7189">
        <v>23</v>
      </c>
      <c r="AO7189">
        <v>23</v>
      </c>
      <c r="AP7189">
        <v>22</v>
      </c>
      <c r="AQ7189">
        <v>22</v>
      </c>
    </row>
    <row r="7190" spans="1:43">
      <c r="A7190" t="s">
        <v>4502</v>
      </c>
      <c r="B7190" t="s">
        <v>4503</v>
      </c>
      <c r="C7190" t="s">
        <v>4496</v>
      </c>
      <c r="D7190" t="s">
        <v>4497</v>
      </c>
      <c r="E7190" t="s">
        <v>4236</v>
      </c>
      <c r="F7190" t="s">
        <v>4237</v>
      </c>
      <c r="G7190" t="s">
        <v>80</v>
      </c>
      <c r="H7190" t="s">
        <v>81</v>
      </c>
      <c r="I7190" s="2">
        <v>1</v>
      </c>
      <c r="J7190" s="2">
        <v>0</v>
      </c>
      <c r="K7190" s="2">
        <v>0</v>
      </c>
      <c r="L7190" t="s">
        <v>120</v>
      </c>
      <c r="M7190" t="s">
        <v>83</v>
      </c>
      <c r="N7190" t="s">
        <v>84</v>
      </c>
      <c r="O7190" t="s">
        <v>85</v>
      </c>
      <c r="P7190" t="s">
        <v>86</v>
      </c>
      <c r="Q7190">
        <v>21</v>
      </c>
      <c r="R7190">
        <v>21</v>
      </c>
      <c r="S7190">
        <v>22</v>
      </c>
      <c r="T7190">
        <v>22</v>
      </c>
      <c r="U7190">
        <v>22</v>
      </c>
      <c r="V7190">
        <v>22</v>
      </c>
      <c r="W7190">
        <v>22</v>
      </c>
      <c r="X7190">
        <v>23</v>
      </c>
      <c r="Y7190">
        <v>23</v>
      </c>
      <c r="Z7190">
        <v>23</v>
      </c>
      <c r="AA7190">
        <v>23</v>
      </c>
      <c r="AB7190">
        <v>23</v>
      </c>
      <c r="AC7190">
        <v>24</v>
      </c>
      <c r="AD7190">
        <v>24</v>
      </c>
      <c r="AE7190">
        <v>24</v>
      </c>
      <c r="AF7190">
        <v>24</v>
      </c>
      <c r="AG7190">
        <v>24</v>
      </c>
      <c r="AH7190">
        <v>24</v>
      </c>
      <c r="AI7190">
        <v>24</v>
      </c>
      <c r="AJ7190">
        <v>24</v>
      </c>
      <c r="AK7190">
        <v>24</v>
      </c>
      <c r="AL7190">
        <v>24</v>
      </c>
      <c r="AM7190">
        <v>24</v>
      </c>
      <c r="AN7190">
        <v>24</v>
      </c>
      <c r="AO7190">
        <v>24</v>
      </c>
      <c r="AP7190">
        <v>24</v>
      </c>
      <c r="AQ7190">
        <v>24</v>
      </c>
    </row>
    <row r="7191" spans="1:43">
      <c r="A7191" t="s">
        <v>4502</v>
      </c>
      <c r="B7191" t="s">
        <v>4503</v>
      </c>
      <c r="C7191" t="s">
        <v>4496</v>
      </c>
      <c r="D7191" t="s">
        <v>4497</v>
      </c>
      <c r="E7191" t="s">
        <v>4236</v>
      </c>
      <c r="F7191" t="s">
        <v>4237</v>
      </c>
      <c r="G7191" t="s">
        <v>80</v>
      </c>
      <c r="H7191" t="s">
        <v>81</v>
      </c>
      <c r="I7191" s="2">
        <v>1</v>
      </c>
      <c r="J7191" s="2">
        <v>0</v>
      </c>
      <c r="K7191" s="2">
        <v>0</v>
      </c>
      <c r="L7191" t="s">
        <v>120</v>
      </c>
      <c r="M7191" t="s">
        <v>87</v>
      </c>
      <c r="N7191" t="s">
        <v>88</v>
      </c>
      <c r="O7191" t="s">
        <v>85</v>
      </c>
      <c r="P7191" t="s">
        <v>86</v>
      </c>
      <c r="Q7191">
        <v>21</v>
      </c>
      <c r="R7191">
        <v>21</v>
      </c>
      <c r="S7191">
        <v>21</v>
      </c>
      <c r="T7191">
        <v>21</v>
      </c>
      <c r="U7191">
        <v>21</v>
      </c>
      <c r="V7191">
        <v>21</v>
      </c>
      <c r="W7191">
        <v>21</v>
      </c>
      <c r="X7191">
        <v>21</v>
      </c>
      <c r="Y7191">
        <v>21</v>
      </c>
      <c r="Z7191">
        <v>21</v>
      </c>
      <c r="AA7191">
        <v>21</v>
      </c>
      <c r="AB7191">
        <v>21</v>
      </c>
      <c r="AC7191">
        <v>21</v>
      </c>
      <c r="AD7191">
        <v>21</v>
      </c>
      <c r="AE7191">
        <v>21</v>
      </c>
      <c r="AF7191">
        <v>21</v>
      </c>
      <c r="AG7191">
        <v>21</v>
      </c>
      <c r="AH7191">
        <v>21</v>
      </c>
      <c r="AI7191">
        <v>21</v>
      </c>
      <c r="AJ7191">
        <v>21</v>
      </c>
      <c r="AK7191">
        <v>21</v>
      </c>
      <c r="AL7191">
        <v>21</v>
      </c>
      <c r="AM7191">
        <v>21</v>
      </c>
      <c r="AN7191">
        <v>21</v>
      </c>
      <c r="AO7191">
        <v>21</v>
      </c>
      <c r="AP7191">
        <v>21</v>
      </c>
      <c r="AQ7191">
        <v>20</v>
      </c>
    </row>
    <row r="7192" spans="1:43">
      <c r="A7192" t="s">
        <v>4502</v>
      </c>
      <c r="B7192" t="s">
        <v>4503</v>
      </c>
      <c r="C7192" t="s">
        <v>4496</v>
      </c>
      <c r="D7192" t="s">
        <v>4497</v>
      </c>
      <c r="E7192" t="s">
        <v>4236</v>
      </c>
      <c r="F7192" t="s">
        <v>4237</v>
      </c>
      <c r="G7192" t="s">
        <v>80</v>
      </c>
      <c r="H7192" t="s">
        <v>81</v>
      </c>
      <c r="I7192" s="2">
        <v>1</v>
      </c>
      <c r="J7192" s="2">
        <v>0</v>
      </c>
      <c r="K7192" s="2">
        <v>0</v>
      </c>
      <c r="L7192" t="s">
        <v>120</v>
      </c>
      <c r="M7192" t="s">
        <v>89</v>
      </c>
      <c r="N7192" t="s">
        <v>90</v>
      </c>
      <c r="O7192" t="s">
        <v>85</v>
      </c>
      <c r="P7192" t="s">
        <v>86</v>
      </c>
      <c r="Q7192">
        <v>21</v>
      </c>
      <c r="R7192">
        <v>22</v>
      </c>
      <c r="S7192">
        <v>22</v>
      </c>
      <c r="T7192">
        <v>23</v>
      </c>
      <c r="U7192">
        <v>23</v>
      </c>
      <c r="V7192">
        <v>23</v>
      </c>
      <c r="W7192">
        <v>24</v>
      </c>
      <c r="X7192">
        <v>24</v>
      </c>
      <c r="Y7192">
        <v>24</v>
      </c>
      <c r="Z7192">
        <v>24</v>
      </c>
      <c r="AA7192">
        <v>25</v>
      </c>
      <c r="AB7192">
        <v>25</v>
      </c>
      <c r="AC7192">
        <v>25</v>
      </c>
      <c r="AD7192">
        <v>25</v>
      </c>
      <c r="AE7192">
        <v>25</v>
      </c>
      <c r="AF7192">
        <v>25</v>
      </c>
      <c r="AG7192">
        <v>25</v>
      </c>
      <c r="AH7192">
        <v>25</v>
      </c>
      <c r="AI7192">
        <v>25</v>
      </c>
      <c r="AJ7192">
        <v>25</v>
      </c>
      <c r="AK7192">
        <v>25</v>
      </c>
      <c r="AL7192">
        <v>25</v>
      </c>
      <c r="AM7192">
        <v>25</v>
      </c>
      <c r="AN7192">
        <v>24</v>
      </c>
      <c r="AO7192">
        <v>24</v>
      </c>
      <c r="AP7192">
        <v>24</v>
      </c>
      <c r="AQ7192">
        <v>24</v>
      </c>
    </row>
    <row r="7193" spans="1:43">
      <c r="A7193" t="s">
        <v>4502</v>
      </c>
      <c r="B7193" t="s">
        <v>4503</v>
      </c>
      <c r="C7193" t="s">
        <v>4496</v>
      </c>
      <c r="D7193" t="s">
        <v>4497</v>
      </c>
      <c r="E7193" t="s">
        <v>4236</v>
      </c>
      <c r="F7193" t="s">
        <v>4237</v>
      </c>
      <c r="G7193" t="s">
        <v>80</v>
      </c>
      <c r="H7193" t="s">
        <v>81</v>
      </c>
      <c r="I7193" s="2">
        <v>1</v>
      </c>
      <c r="J7193" s="2">
        <v>0</v>
      </c>
      <c r="K7193" s="2">
        <v>0</v>
      </c>
      <c r="L7193" t="s">
        <v>120</v>
      </c>
      <c r="M7193" t="s">
        <v>83</v>
      </c>
      <c r="N7193" t="s">
        <v>91</v>
      </c>
      <c r="O7193" t="s">
        <v>85</v>
      </c>
      <c r="P7193" t="s">
        <v>86</v>
      </c>
      <c r="Q7193">
        <v>21</v>
      </c>
      <c r="R7193">
        <v>21</v>
      </c>
      <c r="S7193">
        <v>22</v>
      </c>
      <c r="T7193">
        <v>22</v>
      </c>
      <c r="U7193">
        <v>22</v>
      </c>
      <c r="V7193">
        <v>22</v>
      </c>
      <c r="W7193">
        <v>22</v>
      </c>
      <c r="X7193">
        <v>23</v>
      </c>
      <c r="Y7193">
        <v>23</v>
      </c>
      <c r="Z7193">
        <v>23</v>
      </c>
      <c r="AA7193">
        <v>23</v>
      </c>
      <c r="AB7193">
        <v>23</v>
      </c>
      <c r="AC7193">
        <v>24</v>
      </c>
      <c r="AD7193">
        <v>24</v>
      </c>
      <c r="AE7193">
        <v>24</v>
      </c>
      <c r="AF7193">
        <v>24</v>
      </c>
      <c r="AG7193">
        <v>24</v>
      </c>
      <c r="AH7193">
        <v>24</v>
      </c>
      <c r="AI7193">
        <v>24</v>
      </c>
      <c r="AJ7193">
        <v>24</v>
      </c>
      <c r="AK7193">
        <v>24</v>
      </c>
      <c r="AL7193">
        <v>24</v>
      </c>
      <c r="AM7193">
        <v>24</v>
      </c>
      <c r="AN7193">
        <v>24</v>
      </c>
      <c r="AO7193">
        <v>24</v>
      </c>
      <c r="AP7193">
        <v>24</v>
      </c>
      <c r="AQ7193">
        <v>24</v>
      </c>
    </row>
    <row r="7194" spans="1:43">
      <c r="A7194" t="s">
        <v>4504</v>
      </c>
      <c r="B7194" t="s">
        <v>4505</v>
      </c>
      <c r="C7194" t="s">
        <v>4492</v>
      </c>
      <c r="D7194" t="s">
        <v>4493</v>
      </c>
      <c r="E7194" t="s">
        <v>4236</v>
      </c>
      <c r="F7194" t="s">
        <v>4237</v>
      </c>
      <c r="G7194" t="s">
        <v>80</v>
      </c>
      <c r="H7194" t="s">
        <v>81</v>
      </c>
      <c r="I7194" s="2">
        <v>1</v>
      </c>
      <c r="J7194" s="2">
        <v>0</v>
      </c>
      <c r="K7194" s="2">
        <v>0</v>
      </c>
      <c r="L7194" t="s">
        <v>120</v>
      </c>
      <c r="M7194" t="s">
        <v>83</v>
      </c>
      <c r="N7194" t="s">
        <v>84</v>
      </c>
      <c r="O7194" t="s">
        <v>85</v>
      </c>
      <c r="P7194" t="s">
        <v>86</v>
      </c>
      <c r="Q7194">
        <v>26</v>
      </c>
      <c r="R7194">
        <v>26</v>
      </c>
      <c r="S7194">
        <v>26</v>
      </c>
      <c r="T7194">
        <v>27</v>
      </c>
      <c r="U7194">
        <v>27</v>
      </c>
      <c r="V7194">
        <v>27</v>
      </c>
      <c r="W7194">
        <v>27</v>
      </c>
      <c r="X7194">
        <v>28</v>
      </c>
      <c r="Y7194">
        <v>28</v>
      </c>
      <c r="Z7194">
        <v>28</v>
      </c>
      <c r="AA7194">
        <v>28</v>
      </c>
      <c r="AB7194">
        <v>28</v>
      </c>
      <c r="AC7194">
        <v>29</v>
      </c>
      <c r="AD7194">
        <v>29</v>
      </c>
      <c r="AE7194">
        <v>29</v>
      </c>
      <c r="AF7194">
        <v>29</v>
      </c>
      <c r="AG7194">
        <v>29</v>
      </c>
      <c r="AH7194">
        <v>29</v>
      </c>
      <c r="AI7194">
        <v>29</v>
      </c>
      <c r="AJ7194">
        <v>30</v>
      </c>
      <c r="AK7194">
        <v>30</v>
      </c>
      <c r="AL7194">
        <v>30</v>
      </c>
      <c r="AM7194">
        <v>29</v>
      </c>
      <c r="AN7194">
        <v>29</v>
      </c>
      <c r="AO7194">
        <v>29</v>
      </c>
      <c r="AP7194">
        <v>29</v>
      </c>
      <c r="AQ7194">
        <v>29</v>
      </c>
    </row>
    <row r="7195" spans="1:43">
      <c r="A7195" t="s">
        <v>4504</v>
      </c>
      <c r="B7195" t="s">
        <v>4505</v>
      </c>
      <c r="C7195" t="s">
        <v>4492</v>
      </c>
      <c r="D7195" t="s">
        <v>4493</v>
      </c>
      <c r="E7195" t="s">
        <v>4236</v>
      </c>
      <c r="F7195" t="s">
        <v>4237</v>
      </c>
      <c r="G7195" t="s">
        <v>80</v>
      </c>
      <c r="H7195" t="s">
        <v>81</v>
      </c>
      <c r="I7195" s="2">
        <v>1</v>
      </c>
      <c r="J7195" s="2">
        <v>0</v>
      </c>
      <c r="K7195" s="2">
        <v>0</v>
      </c>
      <c r="L7195" t="s">
        <v>120</v>
      </c>
      <c r="M7195" t="s">
        <v>87</v>
      </c>
      <c r="N7195" t="s">
        <v>88</v>
      </c>
      <c r="O7195" t="s">
        <v>85</v>
      </c>
      <c r="P7195" t="s">
        <v>86</v>
      </c>
      <c r="Q7195">
        <v>26</v>
      </c>
      <c r="R7195">
        <v>26</v>
      </c>
      <c r="S7195">
        <v>26</v>
      </c>
      <c r="T7195">
        <v>26</v>
      </c>
      <c r="U7195">
        <v>26</v>
      </c>
      <c r="V7195">
        <v>26</v>
      </c>
      <c r="W7195">
        <v>26</v>
      </c>
      <c r="X7195">
        <v>26</v>
      </c>
      <c r="Y7195">
        <v>26</v>
      </c>
      <c r="Z7195">
        <v>26</v>
      </c>
      <c r="AA7195">
        <v>26</v>
      </c>
      <c r="AB7195">
        <v>26</v>
      </c>
      <c r="AC7195">
        <v>26</v>
      </c>
      <c r="AD7195">
        <v>26</v>
      </c>
      <c r="AE7195">
        <v>26</v>
      </c>
      <c r="AF7195">
        <v>26</v>
      </c>
      <c r="AG7195">
        <v>26</v>
      </c>
      <c r="AH7195">
        <v>26</v>
      </c>
      <c r="AI7195">
        <v>25</v>
      </c>
      <c r="AJ7195">
        <v>25</v>
      </c>
      <c r="AK7195">
        <v>25</v>
      </c>
      <c r="AL7195">
        <v>25</v>
      </c>
      <c r="AM7195">
        <v>25</v>
      </c>
      <c r="AN7195">
        <v>25</v>
      </c>
      <c r="AO7195">
        <v>25</v>
      </c>
      <c r="AP7195">
        <v>25</v>
      </c>
      <c r="AQ7195">
        <v>25</v>
      </c>
    </row>
    <row r="7196" spans="1:43">
      <c r="A7196" t="s">
        <v>4504</v>
      </c>
      <c r="B7196" t="s">
        <v>4505</v>
      </c>
      <c r="C7196" t="s">
        <v>4492</v>
      </c>
      <c r="D7196" t="s">
        <v>4493</v>
      </c>
      <c r="E7196" t="s">
        <v>4236</v>
      </c>
      <c r="F7196" t="s">
        <v>4237</v>
      </c>
      <c r="G7196" t="s">
        <v>80</v>
      </c>
      <c r="H7196" t="s">
        <v>81</v>
      </c>
      <c r="I7196" s="2">
        <v>1</v>
      </c>
      <c r="J7196" s="2">
        <v>0</v>
      </c>
      <c r="K7196" s="2">
        <v>0</v>
      </c>
      <c r="L7196" t="s">
        <v>120</v>
      </c>
      <c r="M7196" t="s">
        <v>89</v>
      </c>
      <c r="N7196" t="s">
        <v>90</v>
      </c>
      <c r="O7196" t="s">
        <v>85</v>
      </c>
      <c r="P7196" t="s">
        <v>86</v>
      </c>
      <c r="Q7196">
        <v>26</v>
      </c>
      <c r="R7196">
        <v>27</v>
      </c>
      <c r="S7196">
        <v>27</v>
      </c>
      <c r="T7196">
        <v>28</v>
      </c>
      <c r="U7196">
        <v>28</v>
      </c>
      <c r="V7196">
        <v>28</v>
      </c>
      <c r="W7196">
        <v>29</v>
      </c>
      <c r="X7196">
        <v>29</v>
      </c>
      <c r="Y7196">
        <v>30</v>
      </c>
      <c r="Z7196">
        <v>30</v>
      </c>
      <c r="AA7196">
        <v>30</v>
      </c>
      <c r="AB7196">
        <v>30</v>
      </c>
      <c r="AC7196">
        <v>31</v>
      </c>
      <c r="AD7196">
        <v>31</v>
      </c>
      <c r="AE7196">
        <v>31</v>
      </c>
      <c r="AF7196">
        <v>31</v>
      </c>
      <c r="AG7196">
        <v>31</v>
      </c>
      <c r="AH7196">
        <v>31</v>
      </c>
      <c r="AI7196">
        <v>30</v>
      </c>
      <c r="AJ7196">
        <v>30</v>
      </c>
      <c r="AK7196">
        <v>30</v>
      </c>
      <c r="AL7196">
        <v>30</v>
      </c>
      <c r="AM7196">
        <v>30</v>
      </c>
      <c r="AN7196">
        <v>30</v>
      </c>
      <c r="AO7196">
        <v>29</v>
      </c>
      <c r="AP7196">
        <v>29</v>
      </c>
      <c r="AQ7196">
        <v>29</v>
      </c>
    </row>
    <row r="7197" spans="1:43">
      <c r="A7197" t="s">
        <v>4504</v>
      </c>
      <c r="B7197" t="s">
        <v>4505</v>
      </c>
      <c r="C7197" t="s">
        <v>4492</v>
      </c>
      <c r="D7197" t="s">
        <v>4493</v>
      </c>
      <c r="E7197" t="s">
        <v>4236</v>
      </c>
      <c r="F7197" t="s">
        <v>4237</v>
      </c>
      <c r="G7197" t="s">
        <v>80</v>
      </c>
      <c r="H7197" t="s">
        <v>81</v>
      </c>
      <c r="I7197" s="2">
        <v>1</v>
      </c>
      <c r="J7197" s="2">
        <v>0</v>
      </c>
      <c r="K7197" s="2">
        <v>0</v>
      </c>
      <c r="L7197" t="s">
        <v>120</v>
      </c>
      <c r="M7197" t="s">
        <v>83</v>
      </c>
      <c r="N7197" t="s">
        <v>91</v>
      </c>
      <c r="O7197" t="s">
        <v>85</v>
      </c>
      <c r="P7197" t="s">
        <v>86</v>
      </c>
      <c r="Q7197">
        <v>26</v>
      </c>
      <c r="R7197">
        <v>26</v>
      </c>
      <c r="S7197">
        <v>26</v>
      </c>
      <c r="T7197">
        <v>27</v>
      </c>
      <c r="U7197">
        <v>27</v>
      </c>
      <c r="V7197">
        <v>27</v>
      </c>
      <c r="W7197">
        <v>27</v>
      </c>
      <c r="X7197">
        <v>28</v>
      </c>
      <c r="Y7197">
        <v>28</v>
      </c>
      <c r="Z7197">
        <v>28</v>
      </c>
      <c r="AA7197">
        <v>28</v>
      </c>
      <c r="AB7197">
        <v>28</v>
      </c>
      <c r="AC7197">
        <v>29</v>
      </c>
      <c r="AD7197">
        <v>29</v>
      </c>
      <c r="AE7197">
        <v>29</v>
      </c>
      <c r="AF7197">
        <v>29</v>
      </c>
      <c r="AG7197">
        <v>29</v>
      </c>
      <c r="AH7197">
        <v>29</v>
      </c>
      <c r="AI7197">
        <v>29</v>
      </c>
      <c r="AJ7197">
        <v>30</v>
      </c>
      <c r="AK7197">
        <v>30</v>
      </c>
      <c r="AL7197">
        <v>30</v>
      </c>
      <c r="AM7197">
        <v>29</v>
      </c>
      <c r="AN7197">
        <v>29</v>
      </c>
      <c r="AO7197">
        <v>29</v>
      </c>
      <c r="AP7197">
        <v>29</v>
      </c>
      <c r="AQ7197">
        <v>29</v>
      </c>
    </row>
    <row r="7198" spans="1:43">
      <c r="A7198" t="s">
        <v>4506</v>
      </c>
      <c r="B7198" t="s">
        <v>4507</v>
      </c>
      <c r="C7198" t="s">
        <v>4492</v>
      </c>
      <c r="D7198" t="s">
        <v>4493</v>
      </c>
      <c r="E7198" t="s">
        <v>4236</v>
      </c>
      <c r="F7198" t="s">
        <v>4237</v>
      </c>
      <c r="G7198" t="s">
        <v>80</v>
      </c>
      <c r="H7198" t="s">
        <v>81</v>
      </c>
      <c r="I7198" s="2">
        <v>1</v>
      </c>
      <c r="J7198" s="2">
        <v>0</v>
      </c>
      <c r="K7198" s="2">
        <v>0</v>
      </c>
      <c r="L7198" t="s">
        <v>120</v>
      </c>
      <c r="M7198" t="s">
        <v>83</v>
      </c>
      <c r="N7198" t="s">
        <v>84</v>
      </c>
      <c r="O7198" t="s">
        <v>85</v>
      </c>
      <c r="P7198" t="s">
        <v>86</v>
      </c>
      <c r="Q7198">
        <v>91</v>
      </c>
      <c r="R7198">
        <v>92</v>
      </c>
      <c r="S7198">
        <v>93</v>
      </c>
      <c r="T7198">
        <v>94</v>
      </c>
      <c r="U7198">
        <v>95</v>
      </c>
      <c r="V7198">
        <v>96</v>
      </c>
      <c r="W7198">
        <v>97</v>
      </c>
      <c r="X7198">
        <v>98</v>
      </c>
      <c r="Y7198">
        <v>98</v>
      </c>
      <c r="Z7198">
        <v>99</v>
      </c>
      <c r="AA7198">
        <v>100</v>
      </c>
      <c r="AB7198">
        <v>101</v>
      </c>
      <c r="AC7198">
        <v>101</v>
      </c>
      <c r="AD7198">
        <v>102</v>
      </c>
      <c r="AE7198">
        <v>102</v>
      </c>
      <c r="AF7198">
        <v>103</v>
      </c>
      <c r="AG7198">
        <v>103</v>
      </c>
      <c r="AH7198">
        <v>104</v>
      </c>
      <c r="AI7198">
        <v>104</v>
      </c>
      <c r="AJ7198">
        <v>105</v>
      </c>
      <c r="AK7198">
        <v>105</v>
      </c>
      <c r="AL7198">
        <v>105</v>
      </c>
      <c r="AM7198">
        <v>104</v>
      </c>
      <c r="AN7198">
        <v>103</v>
      </c>
      <c r="AO7198">
        <v>103</v>
      </c>
      <c r="AP7198">
        <v>102</v>
      </c>
      <c r="AQ7198">
        <v>102</v>
      </c>
    </row>
    <row r="7199" spans="1:43">
      <c r="A7199" t="s">
        <v>4506</v>
      </c>
      <c r="B7199" t="s">
        <v>4507</v>
      </c>
      <c r="C7199" t="s">
        <v>4492</v>
      </c>
      <c r="D7199" t="s">
        <v>4493</v>
      </c>
      <c r="E7199" t="s">
        <v>4236</v>
      </c>
      <c r="F7199" t="s">
        <v>4237</v>
      </c>
      <c r="G7199" t="s">
        <v>80</v>
      </c>
      <c r="H7199" t="s">
        <v>81</v>
      </c>
      <c r="I7199" s="2">
        <v>1</v>
      </c>
      <c r="J7199" s="2">
        <v>0</v>
      </c>
      <c r="K7199" s="2">
        <v>0</v>
      </c>
      <c r="L7199" t="s">
        <v>120</v>
      </c>
      <c r="M7199" t="s">
        <v>87</v>
      </c>
      <c r="N7199" t="s">
        <v>88</v>
      </c>
      <c r="O7199" t="s">
        <v>85</v>
      </c>
      <c r="P7199" t="s">
        <v>86</v>
      </c>
      <c r="Q7199">
        <v>91</v>
      </c>
      <c r="R7199">
        <v>91</v>
      </c>
      <c r="S7199">
        <v>91</v>
      </c>
      <c r="T7199">
        <v>92</v>
      </c>
      <c r="U7199">
        <v>92</v>
      </c>
      <c r="V7199">
        <v>92</v>
      </c>
      <c r="W7199">
        <v>92</v>
      </c>
      <c r="X7199">
        <v>92</v>
      </c>
      <c r="Y7199">
        <v>92</v>
      </c>
      <c r="Z7199">
        <v>92</v>
      </c>
      <c r="AA7199">
        <v>92</v>
      </c>
      <c r="AB7199">
        <v>92</v>
      </c>
      <c r="AC7199">
        <v>92</v>
      </c>
      <c r="AD7199">
        <v>92</v>
      </c>
      <c r="AE7199">
        <v>92</v>
      </c>
      <c r="AF7199">
        <v>92</v>
      </c>
      <c r="AG7199">
        <v>92</v>
      </c>
      <c r="AH7199">
        <v>91</v>
      </c>
      <c r="AI7199">
        <v>91</v>
      </c>
      <c r="AJ7199">
        <v>91</v>
      </c>
      <c r="AK7199">
        <v>91</v>
      </c>
      <c r="AL7199">
        <v>91</v>
      </c>
      <c r="AM7199">
        <v>90</v>
      </c>
      <c r="AN7199">
        <v>90</v>
      </c>
      <c r="AO7199">
        <v>90</v>
      </c>
      <c r="AP7199">
        <v>89</v>
      </c>
      <c r="AQ7199">
        <v>89</v>
      </c>
    </row>
    <row r="7200" spans="1:43">
      <c r="A7200" t="s">
        <v>4506</v>
      </c>
      <c r="B7200" t="s">
        <v>4507</v>
      </c>
      <c r="C7200" t="s">
        <v>4492</v>
      </c>
      <c r="D7200" t="s">
        <v>4493</v>
      </c>
      <c r="E7200" t="s">
        <v>4236</v>
      </c>
      <c r="F7200" t="s">
        <v>4237</v>
      </c>
      <c r="G7200" t="s">
        <v>80</v>
      </c>
      <c r="H7200" t="s">
        <v>81</v>
      </c>
      <c r="I7200" s="2">
        <v>1</v>
      </c>
      <c r="J7200" s="2">
        <v>0</v>
      </c>
      <c r="K7200" s="2">
        <v>0</v>
      </c>
      <c r="L7200" t="s">
        <v>120</v>
      </c>
      <c r="M7200" t="s">
        <v>89</v>
      </c>
      <c r="N7200" t="s">
        <v>90</v>
      </c>
      <c r="O7200" t="s">
        <v>85</v>
      </c>
      <c r="P7200" t="s">
        <v>86</v>
      </c>
      <c r="Q7200">
        <v>91</v>
      </c>
      <c r="R7200">
        <v>92</v>
      </c>
      <c r="S7200">
        <v>94</v>
      </c>
      <c r="T7200">
        <v>96</v>
      </c>
      <c r="U7200">
        <v>98</v>
      </c>
      <c r="V7200">
        <v>99</v>
      </c>
      <c r="W7200">
        <v>101</v>
      </c>
      <c r="X7200">
        <v>102</v>
      </c>
      <c r="Y7200">
        <v>103</v>
      </c>
      <c r="Z7200">
        <v>104</v>
      </c>
      <c r="AA7200">
        <v>105</v>
      </c>
      <c r="AB7200">
        <v>106</v>
      </c>
      <c r="AC7200">
        <v>107</v>
      </c>
      <c r="AD7200">
        <v>108</v>
      </c>
      <c r="AE7200">
        <v>109</v>
      </c>
      <c r="AF7200">
        <v>108</v>
      </c>
      <c r="AG7200">
        <v>108</v>
      </c>
      <c r="AH7200">
        <v>107</v>
      </c>
      <c r="AI7200">
        <v>107</v>
      </c>
      <c r="AJ7200">
        <v>106</v>
      </c>
      <c r="AK7200">
        <v>106</v>
      </c>
      <c r="AL7200">
        <v>105</v>
      </c>
      <c r="AM7200">
        <v>105</v>
      </c>
      <c r="AN7200">
        <v>104</v>
      </c>
      <c r="AO7200">
        <v>103</v>
      </c>
      <c r="AP7200">
        <v>103</v>
      </c>
      <c r="AQ7200">
        <v>102</v>
      </c>
    </row>
    <row r="7201" spans="1:43">
      <c r="A7201" t="s">
        <v>4506</v>
      </c>
      <c r="B7201" t="s">
        <v>4507</v>
      </c>
      <c r="C7201" t="s">
        <v>4492</v>
      </c>
      <c r="D7201" t="s">
        <v>4493</v>
      </c>
      <c r="E7201" t="s">
        <v>4236</v>
      </c>
      <c r="F7201" t="s">
        <v>4237</v>
      </c>
      <c r="G7201" t="s">
        <v>80</v>
      </c>
      <c r="H7201" t="s">
        <v>81</v>
      </c>
      <c r="I7201" s="2">
        <v>1</v>
      </c>
      <c r="J7201" s="2">
        <v>0</v>
      </c>
      <c r="K7201" s="2">
        <v>0</v>
      </c>
      <c r="L7201" t="s">
        <v>120</v>
      </c>
      <c r="M7201" t="s">
        <v>83</v>
      </c>
      <c r="N7201" t="s">
        <v>91</v>
      </c>
      <c r="O7201" t="s">
        <v>85</v>
      </c>
      <c r="P7201" t="s">
        <v>86</v>
      </c>
      <c r="Q7201">
        <v>91</v>
      </c>
      <c r="R7201">
        <v>92</v>
      </c>
      <c r="S7201">
        <v>93</v>
      </c>
      <c r="T7201">
        <v>94</v>
      </c>
      <c r="U7201">
        <v>95</v>
      </c>
      <c r="V7201">
        <v>96</v>
      </c>
      <c r="W7201">
        <v>97</v>
      </c>
      <c r="X7201">
        <v>98</v>
      </c>
      <c r="Y7201">
        <v>98</v>
      </c>
      <c r="Z7201">
        <v>99</v>
      </c>
      <c r="AA7201">
        <v>100</v>
      </c>
      <c r="AB7201">
        <v>101</v>
      </c>
      <c r="AC7201">
        <v>101</v>
      </c>
      <c r="AD7201">
        <v>102</v>
      </c>
      <c r="AE7201">
        <v>102</v>
      </c>
      <c r="AF7201">
        <v>103</v>
      </c>
      <c r="AG7201">
        <v>103</v>
      </c>
      <c r="AH7201">
        <v>104</v>
      </c>
      <c r="AI7201">
        <v>104</v>
      </c>
      <c r="AJ7201">
        <v>105</v>
      </c>
      <c r="AK7201">
        <v>105</v>
      </c>
      <c r="AL7201">
        <v>105</v>
      </c>
      <c r="AM7201">
        <v>104</v>
      </c>
      <c r="AN7201">
        <v>103</v>
      </c>
      <c r="AO7201">
        <v>103</v>
      </c>
      <c r="AP7201">
        <v>102</v>
      </c>
      <c r="AQ7201">
        <v>102</v>
      </c>
    </row>
    <row r="7202" spans="1:43">
      <c r="A7202" t="s">
        <v>4508</v>
      </c>
      <c r="B7202" t="s">
        <v>4509</v>
      </c>
      <c r="C7202" t="s">
        <v>4496</v>
      </c>
      <c r="D7202" t="s">
        <v>4497</v>
      </c>
      <c r="E7202" t="s">
        <v>4236</v>
      </c>
      <c r="F7202" t="s">
        <v>4237</v>
      </c>
      <c r="G7202" t="s">
        <v>80</v>
      </c>
      <c r="H7202" t="s">
        <v>81</v>
      </c>
      <c r="I7202" s="2">
        <v>1</v>
      </c>
      <c r="J7202" s="2">
        <v>0</v>
      </c>
      <c r="K7202" s="2">
        <v>0</v>
      </c>
      <c r="L7202" t="s">
        <v>120</v>
      </c>
      <c r="M7202" t="s">
        <v>83</v>
      </c>
      <c r="N7202" t="s">
        <v>84</v>
      </c>
      <c r="O7202" t="s">
        <v>85</v>
      </c>
      <c r="P7202" t="s">
        <v>86</v>
      </c>
      <c r="Q7202">
        <v>44</v>
      </c>
      <c r="R7202">
        <v>44</v>
      </c>
      <c r="S7202">
        <v>45</v>
      </c>
      <c r="T7202">
        <v>45</v>
      </c>
      <c r="U7202">
        <v>46</v>
      </c>
      <c r="V7202">
        <v>46</v>
      </c>
      <c r="W7202">
        <v>47</v>
      </c>
      <c r="X7202">
        <v>47</v>
      </c>
      <c r="Y7202">
        <v>48</v>
      </c>
      <c r="Z7202">
        <v>48</v>
      </c>
      <c r="AA7202">
        <v>49</v>
      </c>
      <c r="AB7202">
        <v>49</v>
      </c>
      <c r="AC7202">
        <v>49</v>
      </c>
      <c r="AD7202">
        <v>50</v>
      </c>
      <c r="AE7202">
        <v>50</v>
      </c>
      <c r="AF7202">
        <v>50</v>
      </c>
      <c r="AG7202">
        <v>50</v>
      </c>
      <c r="AH7202">
        <v>51</v>
      </c>
      <c r="AI7202">
        <v>51</v>
      </c>
      <c r="AJ7202">
        <v>51</v>
      </c>
      <c r="AK7202">
        <v>51</v>
      </c>
      <c r="AL7202">
        <v>51</v>
      </c>
      <c r="AM7202">
        <v>51</v>
      </c>
      <c r="AN7202">
        <v>51</v>
      </c>
      <c r="AO7202">
        <v>50</v>
      </c>
      <c r="AP7202">
        <v>50</v>
      </c>
      <c r="AQ7202">
        <v>50</v>
      </c>
    </row>
    <row r="7203" spans="1:43">
      <c r="A7203" t="s">
        <v>4508</v>
      </c>
      <c r="B7203" t="s">
        <v>4509</v>
      </c>
      <c r="C7203" t="s">
        <v>4496</v>
      </c>
      <c r="D7203" t="s">
        <v>4497</v>
      </c>
      <c r="E7203" t="s">
        <v>4236</v>
      </c>
      <c r="F7203" t="s">
        <v>4237</v>
      </c>
      <c r="G7203" t="s">
        <v>80</v>
      </c>
      <c r="H7203" t="s">
        <v>81</v>
      </c>
      <c r="I7203" s="2">
        <v>1</v>
      </c>
      <c r="J7203" s="2">
        <v>0</v>
      </c>
      <c r="K7203" s="2">
        <v>0</v>
      </c>
      <c r="L7203" t="s">
        <v>120</v>
      </c>
      <c r="M7203" t="s">
        <v>87</v>
      </c>
      <c r="N7203" t="s">
        <v>88</v>
      </c>
      <c r="O7203" t="s">
        <v>85</v>
      </c>
      <c r="P7203" t="s">
        <v>86</v>
      </c>
      <c r="Q7203">
        <v>44</v>
      </c>
      <c r="R7203">
        <v>45</v>
      </c>
      <c r="S7203">
        <v>45</v>
      </c>
      <c r="T7203">
        <v>45</v>
      </c>
      <c r="U7203">
        <v>45</v>
      </c>
      <c r="V7203">
        <v>45</v>
      </c>
      <c r="W7203">
        <v>45</v>
      </c>
      <c r="X7203">
        <v>45</v>
      </c>
      <c r="Y7203">
        <v>45</v>
      </c>
      <c r="Z7203">
        <v>45</v>
      </c>
      <c r="AA7203">
        <v>45</v>
      </c>
      <c r="AB7203">
        <v>45</v>
      </c>
      <c r="AC7203">
        <v>45</v>
      </c>
      <c r="AD7203">
        <v>45</v>
      </c>
      <c r="AE7203">
        <v>45</v>
      </c>
      <c r="AF7203">
        <v>45</v>
      </c>
      <c r="AG7203">
        <v>45</v>
      </c>
      <c r="AH7203">
        <v>45</v>
      </c>
      <c r="AI7203">
        <v>45</v>
      </c>
      <c r="AJ7203">
        <v>45</v>
      </c>
      <c r="AK7203">
        <v>45</v>
      </c>
      <c r="AL7203">
        <v>45</v>
      </c>
      <c r="AM7203">
        <v>45</v>
      </c>
      <c r="AN7203">
        <v>45</v>
      </c>
      <c r="AO7203">
        <v>44</v>
      </c>
      <c r="AP7203">
        <v>44</v>
      </c>
      <c r="AQ7203">
        <v>44</v>
      </c>
    </row>
    <row r="7204" spans="1:43">
      <c r="A7204" t="s">
        <v>4508</v>
      </c>
      <c r="B7204" t="s">
        <v>4509</v>
      </c>
      <c r="C7204" t="s">
        <v>4496</v>
      </c>
      <c r="D7204" t="s">
        <v>4497</v>
      </c>
      <c r="E7204" t="s">
        <v>4236</v>
      </c>
      <c r="F7204" t="s">
        <v>4237</v>
      </c>
      <c r="G7204" t="s">
        <v>80</v>
      </c>
      <c r="H7204" t="s">
        <v>81</v>
      </c>
      <c r="I7204" s="2">
        <v>1</v>
      </c>
      <c r="J7204" s="2">
        <v>0</v>
      </c>
      <c r="K7204" s="2">
        <v>0</v>
      </c>
      <c r="L7204" t="s">
        <v>120</v>
      </c>
      <c r="M7204" t="s">
        <v>89</v>
      </c>
      <c r="N7204" t="s">
        <v>90</v>
      </c>
      <c r="O7204" t="s">
        <v>85</v>
      </c>
      <c r="P7204" t="s">
        <v>86</v>
      </c>
      <c r="Q7204">
        <v>44</v>
      </c>
      <c r="R7204">
        <v>45</v>
      </c>
      <c r="S7204">
        <v>46</v>
      </c>
      <c r="T7204">
        <v>47</v>
      </c>
      <c r="U7204">
        <v>48</v>
      </c>
      <c r="V7204">
        <v>49</v>
      </c>
      <c r="W7204">
        <v>49</v>
      </c>
      <c r="X7204">
        <v>50</v>
      </c>
      <c r="Y7204">
        <v>51</v>
      </c>
      <c r="Z7204">
        <v>51</v>
      </c>
      <c r="AA7204">
        <v>52</v>
      </c>
      <c r="AB7204">
        <v>52</v>
      </c>
      <c r="AC7204">
        <v>53</v>
      </c>
      <c r="AD7204">
        <v>53</v>
      </c>
      <c r="AE7204">
        <v>53</v>
      </c>
      <c r="AF7204">
        <v>53</v>
      </c>
      <c r="AG7204">
        <v>53</v>
      </c>
      <c r="AH7204">
        <v>53</v>
      </c>
      <c r="AI7204">
        <v>53</v>
      </c>
      <c r="AJ7204">
        <v>52</v>
      </c>
      <c r="AK7204">
        <v>52</v>
      </c>
      <c r="AL7204">
        <v>52</v>
      </c>
      <c r="AM7204">
        <v>52</v>
      </c>
      <c r="AN7204">
        <v>52</v>
      </c>
      <c r="AO7204">
        <v>51</v>
      </c>
      <c r="AP7204">
        <v>51</v>
      </c>
      <c r="AQ7204">
        <v>51</v>
      </c>
    </row>
    <row r="7205" spans="1:43">
      <c r="A7205" t="s">
        <v>4508</v>
      </c>
      <c r="B7205" t="s">
        <v>4509</v>
      </c>
      <c r="C7205" t="s">
        <v>4496</v>
      </c>
      <c r="D7205" t="s">
        <v>4497</v>
      </c>
      <c r="E7205" t="s">
        <v>4236</v>
      </c>
      <c r="F7205" t="s">
        <v>4237</v>
      </c>
      <c r="G7205" t="s">
        <v>80</v>
      </c>
      <c r="H7205" t="s">
        <v>81</v>
      </c>
      <c r="I7205" s="2">
        <v>1</v>
      </c>
      <c r="J7205" s="2">
        <v>0</v>
      </c>
      <c r="K7205" s="2">
        <v>0</v>
      </c>
      <c r="L7205" t="s">
        <v>120</v>
      </c>
      <c r="M7205" t="s">
        <v>83</v>
      </c>
      <c r="N7205" t="s">
        <v>91</v>
      </c>
      <c r="O7205" t="s">
        <v>85</v>
      </c>
      <c r="P7205" t="s">
        <v>86</v>
      </c>
      <c r="Q7205">
        <v>44</v>
      </c>
      <c r="R7205">
        <v>44</v>
      </c>
      <c r="S7205">
        <v>45</v>
      </c>
      <c r="T7205">
        <v>45</v>
      </c>
      <c r="U7205">
        <v>46</v>
      </c>
      <c r="V7205">
        <v>46</v>
      </c>
      <c r="W7205">
        <v>47</v>
      </c>
      <c r="X7205">
        <v>47</v>
      </c>
      <c r="Y7205">
        <v>48</v>
      </c>
      <c r="Z7205">
        <v>48</v>
      </c>
      <c r="AA7205">
        <v>49</v>
      </c>
      <c r="AB7205">
        <v>49</v>
      </c>
      <c r="AC7205">
        <v>49</v>
      </c>
      <c r="AD7205">
        <v>50</v>
      </c>
      <c r="AE7205">
        <v>50</v>
      </c>
      <c r="AF7205">
        <v>50</v>
      </c>
      <c r="AG7205">
        <v>50</v>
      </c>
      <c r="AH7205">
        <v>51</v>
      </c>
      <c r="AI7205">
        <v>51</v>
      </c>
      <c r="AJ7205">
        <v>51</v>
      </c>
      <c r="AK7205">
        <v>51</v>
      </c>
      <c r="AL7205">
        <v>51</v>
      </c>
      <c r="AM7205">
        <v>51</v>
      </c>
      <c r="AN7205">
        <v>51</v>
      </c>
      <c r="AO7205">
        <v>50</v>
      </c>
      <c r="AP7205">
        <v>50</v>
      </c>
      <c r="AQ7205">
        <v>50</v>
      </c>
    </row>
    <row r="7206" spans="1:43">
      <c r="A7206" t="s">
        <v>4510</v>
      </c>
      <c r="B7206" t="s">
        <v>4511</v>
      </c>
      <c r="C7206" t="s">
        <v>4512</v>
      </c>
      <c r="D7206" t="s">
        <v>4513</v>
      </c>
      <c r="E7206" t="s">
        <v>4236</v>
      </c>
      <c r="F7206" t="s">
        <v>4237</v>
      </c>
      <c r="G7206" t="s">
        <v>80</v>
      </c>
      <c r="H7206" t="s">
        <v>81</v>
      </c>
      <c r="I7206" s="2">
        <v>1</v>
      </c>
      <c r="J7206" s="2">
        <v>0</v>
      </c>
      <c r="K7206" s="2">
        <v>0</v>
      </c>
      <c r="L7206" t="s">
        <v>120</v>
      </c>
      <c r="M7206" t="s">
        <v>83</v>
      </c>
      <c r="N7206" t="s">
        <v>84</v>
      </c>
      <c r="O7206" t="s">
        <v>85</v>
      </c>
      <c r="P7206" t="s">
        <v>86</v>
      </c>
      <c r="Q7206">
        <v>49</v>
      </c>
      <c r="R7206">
        <v>49</v>
      </c>
      <c r="S7206">
        <v>50</v>
      </c>
      <c r="T7206">
        <v>50</v>
      </c>
      <c r="U7206">
        <v>51</v>
      </c>
      <c r="V7206">
        <v>51</v>
      </c>
      <c r="W7206">
        <v>52</v>
      </c>
      <c r="X7206">
        <v>52</v>
      </c>
      <c r="Y7206">
        <v>53</v>
      </c>
      <c r="Z7206">
        <v>53</v>
      </c>
      <c r="AA7206">
        <v>53</v>
      </c>
      <c r="AB7206">
        <v>54</v>
      </c>
      <c r="AC7206">
        <v>54</v>
      </c>
      <c r="AD7206">
        <v>54</v>
      </c>
      <c r="AE7206">
        <v>55</v>
      </c>
      <c r="AF7206">
        <v>55</v>
      </c>
      <c r="AG7206">
        <v>55</v>
      </c>
      <c r="AH7206">
        <v>56</v>
      </c>
      <c r="AI7206">
        <v>56</v>
      </c>
      <c r="AJ7206">
        <v>56</v>
      </c>
      <c r="AK7206">
        <v>56</v>
      </c>
      <c r="AL7206">
        <v>56</v>
      </c>
      <c r="AM7206">
        <v>56</v>
      </c>
      <c r="AN7206">
        <v>55</v>
      </c>
      <c r="AO7206">
        <v>55</v>
      </c>
      <c r="AP7206">
        <v>55</v>
      </c>
      <c r="AQ7206">
        <v>54</v>
      </c>
    </row>
    <row r="7207" spans="1:43">
      <c r="A7207" t="s">
        <v>4510</v>
      </c>
      <c r="B7207" t="s">
        <v>4511</v>
      </c>
      <c r="C7207" t="s">
        <v>4512</v>
      </c>
      <c r="D7207" t="s">
        <v>4513</v>
      </c>
      <c r="E7207" t="s">
        <v>4236</v>
      </c>
      <c r="F7207" t="s">
        <v>4237</v>
      </c>
      <c r="G7207" t="s">
        <v>80</v>
      </c>
      <c r="H7207" t="s">
        <v>81</v>
      </c>
      <c r="I7207" s="2">
        <v>1</v>
      </c>
      <c r="J7207" s="2">
        <v>0</v>
      </c>
      <c r="K7207" s="2">
        <v>0</v>
      </c>
      <c r="L7207" t="s">
        <v>120</v>
      </c>
      <c r="M7207" t="s">
        <v>87</v>
      </c>
      <c r="N7207" t="s">
        <v>88</v>
      </c>
      <c r="O7207" t="s">
        <v>85</v>
      </c>
      <c r="P7207" t="s">
        <v>86</v>
      </c>
      <c r="Q7207">
        <v>49</v>
      </c>
      <c r="R7207">
        <v>49</v>
      </c>
      <c r="S7207">
        <v>49</v>
      </c>
      <c r="T7207">
        <v>50</v>
      </c>
      <c r="U7207">
        <v>50</v>
      </c>
      <c r="V7207">
        <v>50</v>
      </c>
      <c r="W7207">
        <v>50</v>
      </c>
      <c r="X7207">
        <v>50</v>
      </c>
      <c r="Y7207">
        <v>50</v>
      </c>
      <c r="Z7207">
        <v>50</v>
      </c>
      <c r="AA7207">
        <v>50</v>
      </c>
      <c r="AB7207">
        <v>50</v>
      </c>
      <c r="AC7207">
        <v>50</v>
      </c>
      <c r="AD7207">
        <v>50</v>
      </c>
      <c r="AE7207">
        <v>50</v>
      </c>
      <c r="AF7207">
        <v>50</v>
      </c>
      <c r="AG7207">
        <v>49</v>
      </c>
      <c r="AH7207">
        <v>49</v>
      </c>
      <c r="AI7207">
        <v>49</v>
      </c>
      <c r="AJ7207">
        <v>49</v>
      </c>
      <c r="AK7207">
        <v>49</v>
      </c>
      <c r="AL7207">
        <v>49</v>
      </c>
      <c r="AM7207">
        <v>49</v>
      </c>
      <c r="AN7207">
        <v>48</v>
      </c>
      <c r="AO7207">
        <v>48</v>
      </c>
      <c r="AP7207">
        <v>48</v>
      </c>
      <c r="AQ7207">
        <v>48</v>
      </c>
    </row>
    <row r="7208" spans="1:43">
      <c r="A7208" t="s">
        <v>4510</v>
      </c>
      <c r="B7208" t="s">
        <v>4511</v>
      </c>
      <c r="C7208" t="s">
        <v>4512</v>
      </c>
      <c r="D7208" t="s">
        <v>4513</v>
      </c>
      <c r="E7208" t="s">
        <v>4236</v>
      </c>
      <c r="F7208" t="s">
        <v>4237</v>
      </c>
      <c r="G7208" t="s">
        <v>80</v>
      </c>
      <c r="H7208" t="s">
        <v>81</v>
      </c>
      <c r="I7208" s="2">
        <v>1</v>
      </c>
      <c r="J7208" s="2">
        <v>0</v>
      </c>
      <c r="K7208" s="2">
        <v>0</v>
      </c>
      <c r="L7208" t="s">
        <v>120</v>
      </c>
      <c r="M7208" t="s">
        <v>89</v>
      </c>
      <c r="N7208" t="s">
        <v>90</v>
      </c>
      <c r="O7208" t="s">
        <v>85</v>
      </c>
      <c r="P7208" t="s">
        <v>86</v>
      </c>
      <c r="Q7208">
        <v>49</v>
      </c>
      <c r="R7208">
        <v>50</v>
      </c>
      <c r="S7208">
        <v>51</v>
      </c>
      <c r="T7208">
        <v>52</v>
      </c>
      <c r="U7208">
        <v>53</v>
      </c>
      <c r="V7208">
        <v>54</v>
      </c>
      <c r="W7208">
        <v>54</v>
      </c>
      <c r="X7208">
        <v>55</v>
      </c>
      <c r="Y7208">
        <v>56</v>
      </c>
      <c r="Z7208">
        <v>56</v>
      </c>
      <c r="AA7208">
        <v>57</v>
      </c>
      <c r="AB7208">
        <v>57</v>
      </c>
      <c r="AC7208">
        <v>58</v>
      </c>
      <c r="AD7208">
        <v>59</v>
      </c>
      <c r="AE7208">
        <v>59</v>
      </c>
      <c r="AF7208">
        <v>59</v>
      </c>
      <c r="AG7208">
        <v>58</v>
      </c>
      <c r="AH7208">
        <v>58</v>
      </c>
      <c r="AI7208">
        <v>58</v>
      </c>
      <c r="AJ7208">
        <v>57</v>
      </c>
      <c r="AK7208">
        <v>57</v>
      </c>
      <c r="AL7208">
        <v>57</v>
      </c>
      <c r="AM7208">
        <v>57</v>
      </c>
      <c r="AN7208">
        <v>56</v>
      </c>
      <c r="AO7208">
        <v>56</v>
      </c>
      <c r="AP7208">
        <v>56</v>
      </c>
      <c r="AQ7208">
        <v>55</v>
      </c>
    </row>
    <row r="7209" spans="1:43">
      <c r="A7209" t="s">
        <v>4510</v>
      </c>
      <c r="B7209" t="s">
        <v>4511</v>
      </c>
      <c r="C7209" t="s">
        <v>4512</v>
      </c>
      <c r="D7209" t="s">
        <v>4513</v>
      </c>
      <c r="E7209" t="s">
        <v>4236</v>
      </c>
      <c r="F7209" t="s">
        <v>4237</v>
      </c>
      <c r="G7209" t="s">
        <v>80</v>
      </c>
      <c r="H7209" t="s">
        <v>81</v>
      </c>
      <c r="I7209" s="2">
        <v>1</v>
      </c>
      <c r="J7209" s="2">
        <v>0</v>
      </c>
      <c r="K7209" s="2">
        <v>0</v>
      </c>
      <c r="L7209" t="s">
        <v>120</v>
      </c>
      <c r="M7209" t="s">
        <v>83</v>
      </c>
      <c r="N7209" t="s">
        <v>91</v>
      </c>
      <c r="O7209" t="s">
        <v>85</v>
      </c>
      <c r="P7209" t="s">
        <v>86</v>
      </c>
      <c r="Q7209">
        <v>49</v>
      </c>
      <c r="R7209">
        <v>49</v>
      </c>
      <c r="S7209">
        <v>50</v>
      </c>
      <c r="T7209">
        <v>50</v>
      </c>
      <c r="U7209">
        <v>51</v>
      </c>
      <c r="V7209">
        <v>51</v>
      </c>
      <c r="W7209">
        <v>52</v>
      </c>
      <c r="X7209">
        <v>52</v>
      </c>
      <c r="Y7209">
        <v>53</v>
      </c>
      <c r="Z7209">
        <v>53</v>
      </c>
      <c r="AA7209">
        <v>53</v>
      </c>
      <c r="AB7209">
        <v>54</v>
      </c>
      <c r="AC7209">
        <v>54</v>
      </c>
      <c r="AD7209">
        <v>54</v>
      </c>
      <c r="AE7209">
        <v>55</v>
      </c>
      <c r="AF7209">
        <v>55</v>
      </c>
      <c r="AG7209">
        <v>55</v>
      </c>
      <c r="AH7209">
        <v>56</v>
      </c>
      <c r="AI7209">
        <v>56</v>
      </c>
      <c r="AJ7209">
        <v>56</v>
      </c>
      <c r="AK7209">
        <v>56</v>
      </c>
      <c r="AL7209">
        <v>56</v>
      </c>
      <c r="AM7209">
        <v>56</v>
      </c>
      <c r="AN7209">
        <v>55</v>
      </c>
      <c r="AO7209">
        <v>55</v>
      </c>
      <c r="AP7209">
        <v>55</v>
      </c>
      <c r="AQ7209">
        <v>54</v>
      </c>
    </row>
    <row r="7210" spans="1:43">
      <c r="A7210" t="s">
        <v>4514</v>
      </c>
      <c r="B7210" t="s">
        <v>4515</v>
      </c>
      <c r="C7210" t="s">
        <v>4516</v>
      </c>
      <c r="D7210" t="s">
        <v>4517</v>
      </c>
      <c r="E7210" t="s">
        <v>4236</v>
      </c>
      <c r="F7210" t="s">
        <v>4237</v>
      </c>
      <c r="G7210" t="s">
        <v>80</v>
      </c>
      <c r="H7210" t="s">
        <v>81</v>
      </c>
      <c r="I7210" s="2">
        <v>1</v>
      </c>
      <c r="J7210" s="2">
        <v>0</v>
      </c>
      <c r="K7210" s="2">
        <v>0</v>
      </c>
      <c r="L7210" t="s">
        <v>120</v>
      </c>
      <c r="M7210" t="s">
        <v>83</v>
      </c>
      <c r="N7210" t="s">
        <v>84</v>
      </c>
      <c r="O7210" t="s">
        <v>85</v>
      </c>
      <c r="P7210" t="s">
        <v>86</v>
      </c>
      <c r="Q7210">
        <v>39</v>
      </c>
      <c r="R7210">
        <v>39</v>
      </c>
      <c r="S7210">
        <v>40</v>
      </c>
      <c r="T7210">
        <v>40</v>
      </c>
      <c r="U7210">
        <v>40</v>
      </c>
      <c r="V7210">
        <v>41</v>
      </c>
      <c r="W7210">
        <v>41</v>
      </c>
      <c r="X7210">
        <v>41</v>
      </c>
      <c r="Y7210">
        <v>42</v>
      </c>
      <c r="Z7210">
        <v>42</v>
      </c>
      <c r="AA7210">
        <v>42</v>
      </c>
      <c r="AB7210">
        <v>43</v>
      </c>
      <c r="AC7210">
        <v>43</v>
      </c>
      <c r="AD7210">
        <v>43</v>
      </c>
      <c r="AE7210">
        <v>43</v>
      </c>
      <c r="AF7210">
        <v>43</v>
      </c>
      <c r="AG7210">
        <v>44</v>
      </c>
      <c r="AH7210">
        <v>44</v>
      </c>
      <c r="AI7210">
        <v>44</v>
      </c>
      <c r="AJ7210">
        <v>44</v>
      </c>
      <c r="AK7210">
        <v>44</v>
      </c>
      <c r="AL7210">
        <v>44</v>
      </c>
      <c r="AM7210">
        <v>44</v>
      </c>
      <c r="AN7210">
        <v>43</v>
      </c>
      <c r="AO7210">
        <v>43</v>
      </c>
      <c r="AP7210">
        <v>43</v>
      </c>
      <c r="AQ7210">
        <v>42</v>
      </c>
    </row>
    <row r="7211" spans="1:43">
      <c r="A7211" t="s">
        <v>4514</v>
      </c>
      <c r="B7211" t="s">
        <v>4515</v>
      </c>
      <c r="C7211" t="s">
        <v>4516</v>
      </c>
      <c r="D7211" t="s">
        <v>4517</v>
      </c>
      <c r="E7211" t="s">
        <v>4236</v>
      </c>
      <c r="F7211" t="s">
        <v>4237</v>
      </c>
      <c r="G7211" t="s">
        <v>80</v>
      </c>
      <c r="H7211" t="s">
        <v>81</v>
      </c>
      <c r="I7211" s="2">
        <v>1</v>
      </c>
      <c r="J7211" s="2">
        <v>0</v>
      </c>
      <c r="K7211" s="2">
        <v>0</v>
      </c>
      <c r="L7211" t="s">
        <v>120</v>
      </c>
      <c r="M7211" t="s">
        <v>87</v>
      </c>
      <c r="N7211" t="s">
        <v>88</v>
      </c>
      <c r="O7211" t="s">
        <v>85</v>
      </c>
      <c r="P7211" t="s">
        <v>86</v>
      </c>
      <c r="Q7211">
        <v>39</v>
      </c>
      <c r="R7211">
        <v>39</v>
      </c>
      <c r="S7211">
        <v>39</v>
      </c>
      <c r="T7211">
        <v>40</v>
      </c>
      <c r="U7211">
        <v>40</v>
      </c>
      <c r="V7211">
        <v>40</v>
      </c>
      <c r="W7211">
        <v>40</v>
      </c>
      <c r="X7211">
        <v>40</v>
      </c>
      <c r="Y7211">
        <v>40</v>
      </c>
      <c r="Z7211">
        <v>40</v>
      </c>
      <c r="AA7211">
        <v>40</v>
      </c>
      <c r="AB7211">
        <v>40</v>
      </c>
      <c r="AC7211">
        <v>39</v>
      </c>
      <c r="AD7211">
        <v>39</v>
      </c>
      <c r="AE7211">
        <v>39</v>
      </c>
      <c r="AF7211">
        <v>39</v>
      </c>
      <c r="AG7211">
        <v>39</v>
      </c>
      <c r="AH7211">
        <v>39</v>
      </c>
      <c r="AI7211">
        <v>39</v>
      </c>
      <c r="AJ7211">
        <v>39</v>
      </c>
      <c r="AK7211">
        <v>39</v>
      </c>
      <c r="AL7211">
        <v>39</v>
      </c>
      <c r="AM7211">
        <v>38</v>
      </c>
      <c r="AN7211">
        <v>38</v>
      </c>
      <c r="AO7211">
        <v>38</v>
      </c>
      <c r="AP7211">
        <v>38</v>
      </c>
      <c r="AQ7211">
        <v>38</v>
      </c>
    </row>
    <row r="7212" spans="1:43">
      <c r="A7212" t="s">
        <v>4514</v>
      </c>
      <c r="B7212" t="s">
        <v>4515</v>
      </c>
      <c r="C7212" t="s">
        <v>4516</v>
      </c>
      <c r="D7212" t="s">
        <v>4517</v>
      </c>
      <c r="E7212" t="s">
        <v>4236</v>
      </c>
      <c r="F7212" t="s">
        <v>4237</v>
      </c>
      <c r="G7212" t="s">
        <v>80</v>
      </c>
      <c r="H7212" t="s">
        <v>81</v>
      </c>
      <c r="I7212" s="2">
        <v>1</v>
      </c>
      <c r="J7212" s="2">
        <v>0</v>
      </c>
      <c r="K7212" s="2">
        <v>0</v>
      </c>
      <c r="L7212" t="s">
        <v>120</v>
      </c>
      <c r="M7212" t="s">
        <v>89</v>
      </c>
      <c r="N7212" t="s">
        <v>90</v>
      </c>
      <c r="O7212" t="s">
        <v>85</v>
      </c>
      <c r="P7212" t="s">
        <v>86</v>
      </c>
      <c r="Q7212">
        <v>39</v>
      </c>
      <c r="R7212">
        <v>40</v>
      </c>
      <c r="S7212">
        <v>41</v>
      </c>
      <c r="T7212">
        <v>41</v>
      </c>
      <c r="U7212">
        <v>42</v>
      </c>
      <c r="V7212">
        <v>43</v>
      </c>
      <c r="W7212">
        <v>43</v>
      </c>
      <c r="X7212">
        <v>44</v>
      </c>
      <c r="Y7212">
        <v>44</v>
      </c>
      <c r="Z7212">
        <v>45</v>
      </c>
      <c r="AA7212">
        <v>45</v>
      </c>
      <c r="AB7212">
        <v>45</v>
      </c>
      <c r="AC7212">
        <v>46</v>
      </c>
      <c r="AD7212">
        <v>46</v>
      </c>
      <c r="AE7212">
        <v>46</v>
      </c>
      <c r="AF7212">
        <v>46</v>
      </c>
      <c r="AG7212">
        <v>46</v>
      </c>
      <c r="AH7212">
        <v>46</v>
      </c>
      <c r="AI7212">
        <v>45</v>
      </c>
      <c r="AJ7212">
        <v>45</v>
      </c>
      <c r="AK7212">
        <v>45</v>
      </c>
      <c r="AL7212">
        <v>44</v>
      </c>
      <c r="AM7212">
        <v>44</v>
      </c>
      <c r="AN7212">
        <v>44</v>
      </c>
      <c r="AO7212">
        <v>43</v>
      </c>
      <c r="AP7212">
        <v>43</v>
      </c>
      <c r="AQ7212">
        <v>43</v>
      </c>
    </row>
    <row r="7213" spans="1:43">
      <c r="A7213" t="s">
        <v>4514</v>
      </c>
      <c r="B7213" t="s">
        <v>4515</v>
      </c>
      <c r="C7213" t="s">
        <v>4516</v>
      </c>
      <c r="D7213" t="s">
        <v>4517</v>
      </c>
      <c r="E7213" t="s">
        <v>4236</v>
      </c>
      <c r="F7213" t="s">
        <v>4237</v>
      </c>
      <c r="G7213" t="s">
        <v>80</v>
      </c>
      <c r="H7213" t="s">
        <v>81</v>
      </c>
      <c r="I7213" s="2">
        <v>1</v>
      </c>
      <c r="J7213" s="2">
        <v>0</v>
      </c>
      <c r="K7213" s="2">
        <v>0</v>
      </c>
      <c r="L7213" t="s">
        <v>120</v>
      </c>
      <c r="M7213" t="s">
        <v>83</v>
      </c>
      <c r="N7213" t="s">
        <v>91</v>
      </c>
      <c r="O7213" t="s">
        <v>85</v>
      </c>
      <c r="P7213" t="s">
        <v>86</v>
      </c>
      <c r="Q7213">
        <v>39</v>
      </c>
      <c r="R7213">
        <v>39</v>
      </c>
      <c r="S7213">
        <v>40</v>
      </c>
      <c r="T7213">
        <v>40</v>
      </c>
      <c r="U7213">
        <v>40</v>
      </c>
      <c r="V7213">
        <v>41</v>
      </c>
      <c r="W7213">
        <v>41</v>
      </c>
      <c r="X7213">
        <v>41</v>
      </c>
      <c r="Y7213">
        <v>42</v>
      </c>
      <c r="Z7213">
        <v>42</v>
      </c>
      <c r="AA7213">
        <v>42</v>
      </c>
      <c r="AB7213">
        <v>43</v>
      </c>
      <c r="AC7213">
        <v>43</v>
      </c>
      <c r="AD7213">
        <v>43</v>
      </c>
      <c r="AE7213">
        <v>43</v>
      </c>
      <c r="AF7213">
        <v>43</v>
      </c>
      <c r="AG7213">
        <v>44</v>
      </c>
      <c r="AH7213">
        <v>44</v>
      </c>
      <c r="AI7213">
        <v>44</v>
      </c>
      <c r="AJ7213">
        <v>44</v>
      </c>
      <c r="AK7213">
        <v>44</v>
      </c>
      <c r="AL7213">
        <v>44</v>
      </c>
      <c r="AM7213">
        <v>44</v>
      </c>
      <c r="AN7213">
        <v>43</v>
      </c>
      <c r="AO7213">
        <v>43</v>
      </c>
      <c r="AP7213">
        <v>43</v>
      </c>
      <c r="AQ7213">
        <v>42</v>
      </c>
    </row>
    <row r="7214" spans="1:43">
      <c r="A7214" t="s">
        <v>4518</v>
      </c>
      <c r="B7214" t="s">
        <v>4519</v>
      </c>
      <c r="C7214" t="s">
        <v>4516</v>
      </c>
      <c r="D7214" t="s">
        <v>4517</v>
      </c>
      <c r="E7214" t="s">
        <v>4236</v>
      </c>
      <c r="F7214" t="s">
        <v>4237</v>
      </c>
      <c r="G7214" t="s">
        <v>80</v>
      </c>
      <c r="H7214" t="s">
        <v>81</v>
      </c>
      <c r="I7214" s="2">
        <v>1</v>
      </c>
      <c r="J7214" s="2">
        <v>0</v>
      </c>
      <c r="K7214" s="2">
        <v>0</v>
      </c>
      <c r="L7214" t="s">
        <v>120</v>
      </c>
      <c r="M7214" t="s">
        <v>83</v>
      </c>
      <c r="N7214" t="s">
        <v>84</v>
      </c>
      <c r="O7214" t="s">
        <v>85</v>
      </c>
      <c r="P7214" t="s">
        <v>86</v>
      </c>
      <c r="Q7214">
        <v>5</v>
      </c>
      <c r="R7214">
        <v>5</v>
      </c>
      <c r="S7214">
        <v>5</v>
      </c>
      <c r="T7214">
        <v>6</v>
      </c>
      <c r="U7214">
        <v>6</v>
      </c>
      <c r="V7214">
        <v>6</v>
      </c>
      <c r="W7214">
        <v>6</v>
      </c>
      <c r="X7214">
        <v>6</v>
      </c>
      <c r="Y7214">
        <v>6</v>
      </c>
      <c r="Z7214">
        <v>6</v>
      </c>
      <c r="AA7214">
        <v>6</v>
      </c>
      <c r="AB7214">
        <v>6</v>
      </c>
      <c r="AC7214">
        <v>6</v>
      </c>
      <c r="AD7214">
        <v>6</v>
      </c>
      <c r="AE7214">
        <v>6</v>
      </c>
      <c r="AF7214">
        <v>6</v>
      </c>
      <c r="AG7214">
        <v>6</v>
      </c>
      <c r="AH7214">
        <v>6</v>
      </c>
      <c r="AI7214">
        <v>6</v>
      </c>
      <c r="AJ7214">
        <v>6</v>
      </c>
      <c r="AK7214">
        <v>6</v>
      </c>
      <c r="AL7214">
        <v>6</v>
      </c>
      <c r="AM7214">
        <v>6</v>
      </c>
      <c r="AN7214">
        <v>6</v>
      </c>
      <c r="AO7214">
        <v>6</v>
      </c>
      <c r="AP7214">
        <v>6</v>
      </c>
      <c r="AQ7214">
        <v>6</v>
      </c>
    </row>
    <row r="7215" spans="1:43">
      <c r="A7215" t="s">
        <v>4518</v>
      </c>
      <c r="B7215" t="s">
        <v>4519</v>
      </c>
      <c r="C7215" t="s">
        <v>4516</v>
      </c>
      <c r="D7215" t="s">
        <v>4517</v>
      </c>
      <c r="E7215" t="s">
        <v>4236</v>
      </c>
      <c r="F7215" t="s">
        <v>4237</v>
      </c>
      <c r="G7215" t="s">
        <v>80</v>
      </c>
      <c r="H7215" t="s">
        <v>81</v>
      </c>
      <c r="I7215" s="2">
        <v>1</v>
      </c>
      <c r="J7215" s="2">
        <v>0</v>
      </c>
      <c r="K7215" s="2">
        <v>0</v>
      </c>
      <c r="L7215" t="s">
        <v>120</v>
      </c>
      <c r="M7215" t="s">
        <v>87</v>
      </c>
      <c r="N7215" t="s">
        <v>88</v>
      </c>
      <c r="O7215" t="s">
        <v>85</v>
      </c>
      <c r="P7215" t="s">
        <v>86</v>
      </c>
      <c r="Q7215">
        <v>5</v>
      </c>
      <c r="R7215">
        <v>5</v>
      </c>
      <c r="S7215">
        <v>5</v>
      </c>
      <c r="T7215">
        <v>5</v>
      </c>
      <c r="U7215">
        <v>5</v>
      </c>
      <c r="V7215">
        <v>5</v>
      </c>
      <c r="W7215">
        <v>5</v>
      </c>
      <c r="X7215">
        <v>5</v>
      </c>
      <c r="Y7215">
        <v>5</v>
      </c>
      <c r="Z7215">
        <v>5</v>
      </c>
      <c r="AA7215">
        <v>5</v>
      </c>
      <c r="AB7215">
        <v>5</v>
      </c>
      <c r="AC7215">
        <v>5</v>
      </c>
      <c r="AD7215">
        <v>5</v>
      </c>
      <c r="AE7215">
        <v>5</v>
      </c>
      <c r="AF7215">
        <v>5</v>
      </c>
      <c r="AG7215">
        <v>5</v>
      </c>
      <c r="AH7215">
        <v>5</v>
      </c>
      <c r="AI7215">
        <v>5</v>
      </c>
      <c r="AJ7215">
        <v>5</v>
      </c>
      <c r="AK7215">
        <v>5</v>
      </c>
      <c r="AL7215">
        <v>5</v>
      </c>
      <c r="AM7215">
        <v>5</v>
      </c>
      <c r="AN7215">
        <v>5</v>
      </c>
      <c r="AO7215">
        <v>5</v>
      </c>
      <c r="AP7215">
        <v>5</v>
      </c>
      <c r="AQ7215">
        <v>5</v>
      </c>
    </row>
    <row r="7216" spans="1:43">
      <c r="A7216" t="s">
        <v>4518</v>
      </c>
      <c r="B7216" t="s">
        <v>4519</v>
      </c>
      <c r="C7216" t="s">
        <v>4516</v>
      </c>
      <c r="D7216" t="s">
        <v>4517</v>
      </c>
      <c r="E7216" t="s">
        <v>4236</v>
      </c>
      <c r="F7216" t="s">
        <v>4237</v>
      </c>
      <c r="G7216" t="s">
        <v>80</v>
      </c>
      <c r="H7216" t="s">
        <v>81</v>
      </c>
      <c r="I7216" s="2">
        <v>1</v>
      </c>
      <c r="J7216" s="2">
        <v>0</v>
      </c>
      <c r="K7216" s="2">
        <v>0</v>
      </c>
      <c r="L7216" t="s">
        <v>120</v>
      </c>
      <c r="M7216" t="s">
        <v>89</v>
      </c>
      <c r="N7216" t="s">
        <v>90</v>
      </c>
      <c r="O7216" t="s">
        <v>85</v>
      </c>
      <c r="P7216" t="s">
        <v>86</v>
      </c>
      <c r="Q7216">
        <v>5</v>
      </c>
      <c r="R7216">
        <v>5</v>
      </c>
      <c r="S7216">
        <v>6</v>
      </c>
      <c r="T7216">
        <v>6</v>
      </c>
      <c r="U7216">
        <v>6</v>
      </c>
      <c r="V7216">
        <v>6</v>
      </c>
      <c r="W7216">
        <v>6</v>
      </c>
      <c r="X7216">
        <v>6</v>
      </c>
      <c r="Y7216">
        <v>6</v>
      </c>
      <c r="Z7216">
        <v>6</v>
      </c>
      <c r="AA7216">
        <v>6</v>
      </c>
      <c r="AB7216">
        <v>6</v>
      </c>
      <c r="AC7216">
        <v>6</v>
      </c>
      <c r="AD7216">
        <v>6</v>
      </c>
      <c r="AE7216">
        <v>6</v>
      </c>
      <c r="AF7216">
        <v>6</v>
      </c>
      <c r="AG7216">
        <v>6</v>
      </c>
      <c r="AH7216">
        <v>6</v>
      </c>
      <c r="AI7216">
        <v>6</v>
      </c>
      <c r="AJ7216">
        <v>6</v>
      </c>
      <c r="AK7216">
        <v>6</v>
      </c>
      <c r="AL7216">
        <v>6</v>
      </c>
      <c r="AM7216">
        <v>6</v>
      </c>
      <c r="AN7216">
        <v>6</v>
      </c>
      <c r="AO7216">
        <v>6</v>
      </c>
      <c r="AP7216">
        <v>6</v>
      </c>
      <c r="AQ7216">
        <v>6</v>
      </c>
    </row>
    <row r="7217" spans="1:43">
      <c r="A7217" t="s">
        <v>4518</v>
      </c>
      <c r="B7217" t="s">
        <v>4519</v>
      </c>
      <c r="C7217" t="s">
        <v>4516</v>
      </c>
      <c r="D7217" t="s">
        <v>4517</v>
      </c>
      <c r="E7217" t="s">
        <v>4236</v>
      </c>
      <c r="F7217" t="s">
        <v>4237</v>
      </c>
      <c r="G7217" t="s">
        <v>80</v>
      </c>
      <c r="H7217" t="s">
        <v>81</v>
      </c>
      <c r="I7217" s="2">
        <v>1</v>
      </c>
      <c r="J7217" s="2">
        <v>0</v>
      </c>
      <c r="K7217" s="2">
        <v>0</v>
      </c>
      <c r="L7217" t="s">
        <v>120</v>
      </c>
      <c r="M7217" t="s">
        <v>83</v>
      </c>
      <c r="N7217" t="s">
        <v>91</v>
      </c>
      <c r="O7217" t="s">
        <v>85</v>
      </c>
      <c r="P7217" t="s">
        <v>86</v>
      </c>
      <c r="Q7217">
        <v>5</v>
      </c>
      <c r="R7217">
        <v>5</v>
      </c>
      <c r="S7217">
        <v>5</v>
      </c>
      <c r="T7217">
        <v>6</v>
      </c>
      <c r="U7217">
        <v>6</v>
      </c>
      <c r="V7217">
        <v>6</v>
      </c>
      <c r="W7217">
        <v>6</v>
      </c>
      <c r="X7217">
        <v>6</v>
      </c>
      <c r="Y7217">
        <v>6</v>
      </c>
      <c r="Z7217">
        <v>6</v>
      </c>
      <c r="AA7217">
        <v>6</v>
      </c>
      <c r="AB7217">
        <v>6</v>
      </c>
      <c r="AC7217">
        <v>6</v>
      </c>
      <c r="AD7217">
        <v>6</v>
      </c>
      <c r="AE7217">
        <v>6</v>
      </c>
      <c r="AF7217">
        <v>6</v>
      </c>
      <c r="AG7217">
        <v>6</v>
      </c>
      <c r="AH7217">
        <v>6</v>
      </c>
      <c r="AI7217">
        <v>6</v>
      </c>
      <c r="AJ7217">
        <v>6</v>
      </c>
      <c r="AK7217">
        <v>6</v>
      </c>
      <c r="AL7217">
        <v>6</v>
      </c>
      <c r="AM7217">
        <v>6</v>
      </c>
      <c r="AN7217">
        <v>6</v>
      </c>
      <c r="AO7217">
        <v>6</v>
      </c>
      <c r="AP7217">
        <v>6</v>
      </c>
      <c r="AQ7217">
        <v>6</v>
      </c>
    </row>
    <row r="7218" spans="1:43">
      <c r="A7218" t="s">
        <v>4520</v>
      </c>
      <c r="B7218" t="s">
        <v>4521</v>
      </c>
      <c r="C7218" t="s">
        <v>4512</v>
      </c>
      <c r="D7218" t="s">
        <v>4513</v>
      </c>
      <c r="E7218" t="s">
        <v>4236</v>
      </c>
      <c r="F7218" t="s">
        <v>4237</v>
      </c>
      <c r="G7218" t="s">
        <v>80</v>
      </c>
      <c r="H7218" t="s">
        <v>81</v>
      </c>
      <c r="I7218" s="2">
        <v>1</v>
      </c>
      <c r="J7218" s="2">
        <v>0</v>
      </c>
      <c r="K7218" s="2">
        <v>0</v>
      </c>
      <c r="L7218" t="s">
        <v>120</v>
      </c>
      <c r="M7218" t="s">
        <v>83</v>
      </c>
      <c r="N7218" t="s">
        <v>84</v>
      </c>
      <c r="O7218" t="s">
        <v>85</v>
      </c>
      <c r="P7218" t="s">
        <v>86</v>
      </c>
      <c r="Q7218">
        <v>127</v>
      </c>
      <c r="R7218">
        <v>128</v>
      </c>
      <c r="S7218">
        <v>129</v>
      </c>
      <c r="T7218">
        <v>131</v>
      </c>
      <c r="U7218">
        <v>132</v>
      </c>
      <c r="V7218">
        <v>133</v>
      </c>
      <c r="W7218">
        <v>135</v>
      </c>
      <c r="X7218">
        <v>136</v>
      </c>
      <c r="Y7218">
        <v>137</v>
      </c>
      <c r="Z7218">
        <v>138</v>
      </c>
      <c r="AA7218">
        <v>138</v>
      </c>
      <c r="AB7218">
        <v>139</v>
      </c>
      <c r="AC7218">
        <v>140</v>
      </c>
      <c r="AD7218">
        <v>141</v>
      </c>
      <c r="AE7218">
        <v>141</v>
      </c>
      <c r="AF7218">
        <v>142</v>
      </c>
      <c r="AG7218">
        <v>142</v>
      </c>
      <c r="AH7218">
        <v>143</v>
      </c>
      <c r="AI7218">
        <v>143</v>
      </c>
      <c r="AJ7218">
        <v>144</v>
      </c>
      <c r="AK7218">
        <v>144</v>
      </c>
      <c r="AL7218">
        <v>143</v>
      </c>
      <c r="AM7218">
        <v>142</v>
      </c>
      <c r="AN7218">
        <v>141</v>
      </c>
      <c r="AO7218">
        <v>140</v>
      </c>
      <c r="AP7218">
        <v>139</v>
      </c>
      <c r="AQ7218">
        <v>138</v>
      </c>
    </row>
    <row r="7219" spans="1:43">
      <c r="A7219" t="s">
        <v>4520</v>
      </c>
      <c r="B7219" t="s">
        <v>4521</v>
      </c>
      <c r="C7219" t="s">
        <v>4512</v>
      </c>
      <c r="D7219" t="s">
        <v>4513</v>
      </c>
      <c r="E7219" t="s">
        <v>4236</v>
      </c>
      <c r="F7219" t="s">
        <v>4237</v>
      </c>
      <c r="G7219" t="s">
        <v>80</v>
      </c>
      <c r="H7219" t="s">
        <v>81</v>
      </c>
      <c r="I7219" s="2">
        <v>1</v>
      </c>
      <c r="J7219" s="2">
        <v>0</v>
      </c>
      <c r="K7219" s="2">
        <v>0</v>
      </c>
      <c r="L7219" t="s">
        <v>120</v>
      </c>
      <c r="M7219" t="s">
        <v>87</v>
      </c>
      <c r="N7219" t="s">
        <v>88</v>
      </c>
      <c r="O7219" t="s">
        <v>85</v>
      </c>
      <c r="P7219" t="s">
        <v>86</v>
      </c>
      <c r="Q7219">
        <v>127</v>
      </c>
      <c r="R7219">
        <v>128</v>
      </c>
      <c r="S7219">
        <v>128</v>
      </c>
      <c r="T7219">
        <v>128</v>
      </c>
      <c r="U7219">
        <v>128</v>
      </c>
      <c r="V7219">
        <v>128</v>
      </c>
      <c r="W7219">
        <v>128</v>
      </c>
      <c r="X7219">
        <v>128</v>
      </c>
      <c r="Y7219">
        <v>128</v>
      </c>
      <c r="Z7219">
        <v>128</v>
      </c>
      <c r="AA7219">
        <v>128</v>
      </c>
      <c r="AB7219">
        <v>128</v>
      </c>
      <c r="AC7219">
        <v>128</v>
      </c>
      <c r="AD7219">
        <v>128</v>
      </c>
      <c r="AE7219">
        <v>127</v>
      </c>
      <c r="AF7219">
        <v>127</v>
      </c>
      <c r="AG7219">
        <v>127</v>
      </c>
      <c r="AH7219">
        <v>126</v>
      </c>
      <c r="AI7219">
        <v>126</v>
      </c>
      <c r="AJ7219">
        <v>126</v>
      </c>
      <c r="AK7219">
        <v>125</v>
      </c>
      <c r="AL7219">
        <v>125</v>
      </c>
      <c r="AM7219">
        <v>124</v>
      </c>
      <c r="AN7219">
        <v>124</v>
      </c>
      <c r="AO7219">
        <v>123</v>
      </c>
      <c r="AP7219">
        <v>122</v>
      </c>
      <c r="AQ7219">
        <v>122</v>
      </c>
    </row>
    <row r="7220" spans="1:43">
      <c r="A7220" t="s">
        <v>4520</v>
      </c>
      <c r="B7220" t="s">
        <v>4521</v>
      </c>
      <c r="C7220" t="s">
        <v>4512</v>
      </c>
      <c r="D7220" t="s">
        <v>4513</v>
      </c>
      <c r="E7220" t="s">
        <v>4236</v>
      </c>
      <c r="F7220" t="s">
        <v>4237</v>
      </c>
      <c r="G7220" t="s">
        <v>80</v>
      </c>
      <c r="H7220" t="s">
        <v>81</v>
      </c>
      <c r="I7220" s="2">
        <v>1</v>
      </c>
      <c r="J7220" s="2">
        <v>0</v>
      </c>
      <c r="K7220" s="2">
        <v>0</v>
      </c>
      <c r="L7220" t="s">
        <v>120</v>
      </c>
      <c r="M7220" t="s">
        <v>89</v>
      </c>
      <c r="N7220" t="s">
        <v>90</v>
      </c>
      <c r="O7220" t="s">
        <v>85</v>
      </c>
      <c r="P7220" t="s">
        <v>86</v>
      </c>
      <c r="Q7220">
        <v>127</v>
      </c>
      <c r="R7220">
        <v>129</v>
      </c>
      <c r="S7220">
        <v>132</v>
      </c>
      <c r="T7220">
        <v>134</v>
      </c>
      <c r="U7220">
        <v>136</v>
      </c>
      <c r="V7220">
        <v>138</v>
      </c>
      <c r="W7220">
        <v>140</v>
      </c>
      <c r="X7220">
        <v>142</v>
      </c>
      <c r="Y7220">
        <v>143</v>
      </c>
      <c r="Z7220">
        <v>145</v>
      </c>
      <c r="AA7220">
        <v>146</v>
      </c>
      <c r="AB7220">
        <v>148</v>
      </c>
      <c r="AC7220">
        <v>149</v>
      </c>
      <c r="AD7220">
        <v>150</v>
      </c>
      <c r="AE7220">
        <v>150</v>
      </c>
      <c r="AF7220">
        <v>150</v>
      </c>
      <c r="AG7220">
        <v>149</v>
      </c>
      <c r="AH7220">
        <v>148</v>
      </c>
      <c r="AI7220">
        <v>147</v>
      </c>
      <c r="AJ7220">
        <v>146</v>
      </c>
      <c r="AK7220">
        <v>145</v>
      </c>
      <c r="AL7220">
        <v>144</v>
      </c>
      <c r="AM7220">
        <v>143</v>
      </c>
      <c r="AN7220">
        <v>142</v>
      </c>
      <c r="AO7220">
        <v>141</v>
      </c>
      <c r="AP7220">
        <v>140</v>
      </c>
      <c r="AQ7220">
        <v>139</v>
      </c>
    </row>
    <row r="7221" spans="1:43">
      <c r="A7221" t="s">
        <v>4520</v>
      </c>
      <c r="B7221" t="s">
        <v>4521</v>
      </c>
      <c r="C7221" t="s">
        <v>4512</v>
      </c>
      <c r="D7221" t="s">
        <v>4513</v>
      </c>
      <c r="E7221" t="s">
        <v>4236</v>
      </c>
      <c r="F7221" t="s">
        <v>4237</v>
      </c>
      <c r="G7221" t="s">
        <v>80</v>
      </c>
      <c r="H7221" t="s">
        <v>81</v>
      </c>
      <c r="I7221" s="2">
        <v>1</v>
      </c>
      <c r="J7221" s="2">
        <v>0</v>
      </c>
      <c r="K7221" s="2">
        <v>0</v>
      </c>
      <c r="L7221" t="s">
        <v>120</v>
      </c>
      <c r="M7221" t="s">
        <v>83</v>
      </c>
      <c r="N7221" t="s">
        <v>91</v>
      </c>
      <c r="O7221" t="s">
        <v>85</v>
      </c>
      <c r="P7221" t="s">
        <v>86</v>
      </c>
      <c r="Q7221">
        <v>127</v>
      </c>
      <c r="R7221">
        <v>128</v>
      </c>
      <c r="S7221">
        <v>129</v>
      </c>
      <c r="T7221">
        <v>131</v>
      </c>
      <c r="U7221">
        <v>132</v>
      </c>
      <c r="V7221">
        <v>133</v>
      </c>
      <c r="W7221">
        <v>135</v>
      </c>
      <c r="X7221">
        <v>136</v>
      </c>
      <c r="Y7221">
        <v>137</v>
      </c>
      <c r="Z7221">
        <v>138</v>
      </c>
      <c r="AA7221">
        <v>138</v>
      </c>
      <c r="AB7221">
        <v>139</v>
      </c>
      <c r="AC7221">
        <v>140</v>
      </c>
      <c r="AD7221">
        <v>141</v>
      </c>
      <c r="AE7221">
        <v>141</v>
      </c>
      <c r="AF7221">
        <v>142</v>
      </c>
      <c r="AG7221">
        <v>142</v>
      </c>
      <c r="AH7221">
        <v>143</v>
      </c>
      <c r="AI7221">
        <v>143</v>
      </c>
      <c r="AJ7221">
        <v>144</v>
      </c>
      <c r="AK7221">
        <v>144</v>
      </c>
      <c r="AL7221">
        <v>143</v>
      </c>
      <c r="AM7221">
        <v>142</v>
      </c>
      <c r="AN7221">
        <v>141</v>
      </c>
      <c r="AO7221">
        <v>140</v>
      </c>
      <c r="AP7221">
        <v>139</v>
      </c>
      <c r="AQ7221">
        <v>138</v>
      </c>
    </row>
    <row r="7222" spans="1:43">
      <c r="A7222" t="s">
        <v>4522</v>
      </c>
      <c r="B7222" t="s">
        <v>4523</v>
      </c>
      <c r="C7222" t="s">
        <v>4516</v>
      </c>
      <c r="D7222" t="s">
        <v>4517</v>
      </c>
      <c r="E7222" t="s">
        <v>4236</v>
      </c>
      <c r="F7222" t="s">
        <v>4237</v>
      </c>
      <c r="G7222" t="s">
        <v>80</v>
      </c>
      <c r="H7222" t="s">
        <v>81</v>
      </c>
      <c r="I7222" s="2">
        <v>1</v>
      </c>
      <c r="J7222" s="2">
        <v>0</v>
      </c>
      <c r="K7222" s="2">
        <v>0</v>
      </c>
      <c r="L7222" t="s">
        <v>120</v>
      </c>
      <c r="M7222" t="s">
        <v>83</v>
      </c>
      <c r="N7222" t="s">
        <v>84</v>
      </c>
      <c r="O7222" t="s">
        <v>85</v>
      </c>
      <c r="P7222" t="s">
        <v>86</v>
      </c>
      <c r="Q7222">
        <v>45</v>
      </c>
      <c r="R7222">
        <v>46</v>
      </c>
      <c r="S7222">
        <v>46</v>
      </c>
      <c r="T7222">
        <v>47</v>
      </c>
      <c r="U7222">
        <v>47</v>
      </c>
      <c r="V7222">
        <v>48</v>
      </c>
      <c r="W7222">
        <v>48</v>
      </c>
      <c r="X7222">
        <v>48</v>
      </c>
      <c r="Y7222">
        <v>49</v>
      </c>
      <c r="Z7222">
        <v>49</v>
      </c>
      <c r="AA7222">
        <v>49</v>
      </c>
      <c r="AB7222">
        <v>50</v>
      </c>
      <c r="AC7222">
        <v>50</v>
      </c>
      <c r="AD7222">
        <v>50</v>
      </c>
      <c r="AE7222">
        <v>50</v>
      </c>
      <c r="AF7222">
        <v>51</v>
      </c>
      <c r="AG7222">
        <v>51</v>
      </c>
      <c r="AH7222">
        <v>51</v>
      </c>
      <c r="AI7222">
        <v>51</v>
      </c>
      <c r="AJ7222">
        <v>51</v>
      </c>
      <c r="AK7222">
        <v>51</v>
      </c>
      <c r="AL7222">
        <v>51</v>
      </c>
      <c r="AM7222">
        <v>51</v>
      </c>
      <c r="AN7222">
        <v>50</v>
      </c>
      <c r="AO7222">
        <v>50</v>
      </c>
      <c r="AP7222">
        <v>50</v>
      </c>
      <c r="AQ7222">
        <v>49</v>
      </c>
    </row>
    <row r="7223" spans="1:43">
      <c r="A7223" t="s">
        <v>4522</v>
      </c>
      <c r="B7223" t="s">
        <v>4523</v>
      </c>
      <c r="C7223" t="s">
        <v>4516</v>
      </c>
      <c r="D7223" t="s">
        <v>4517</v>
      </c>
      <c r="E7223" t="s">
        <v>4236</v>
      </c>
      <c r="F7223" t="s">
        <v>4237</v>
      </c>
      <c r="G7223" t="s">
        <v>80</v>
      </c>
      <c r="H7223" t="s">
        <v>81</v>
      </c>
      <c r="I7223" s="2">
        <v>1</v>
      </c>
      <c r="J7223" s="2">
        <v>0</v>
      </c>
      <c r="K7223" s="2">
        <v>0</v>
      </c>
      <c r="L7223" t="s">
        <v>120</v>
      </c>
      <c r="M7223" t="s">
        <v>87</v>
      </c>
      <c r="N7223" t="s">
        <v>88</v>
      </c>
      <c r="O7223" t="s">
        <v>85</v>
      </c>
      <c r="P7223" t="s">
        <v>86</v>
      </c>
      <c r="Q7223">
        <v>45</v>
      </c>
      <c r="R7223">
        <v>45</v>
      </c>
      <c r="S7223">
        <v>45</v>
      </c>
      <c r="T7223">
        <v>45</v>
      </c>
      <c r="U7223">
        <v>45</v>
      </c>
      <c r="V7223">
        <v>45</v>
      </c>
      <c r="W7223">
        <v>45</v>
      </c>
      <c r="X7223">
        <v>45</v>
      </c>
      <c r="Y7223">
        <v>45</v>
      </c>
      <c r="Z7223">
        <v>45</v>
      </c>
      <c r="AA7223">
        <v>45</v>
      </c>
      <c r="AB7223">
        <v>45</v>
      </c>
      <c r="AC7223">
        <v>45</v>
      </c>
      <c r="AD7223">
        <v>45</v>
      </c>
      <c r="AE7223">
        <v>45</v>
      </c>
      <c r="AF7223">
        <v>45</v>
      </c>
      <c r="AG7223">
        <v>45</v>
      </c>
      <c r="AH7223">
        <v>44</v>
      </c>
      <c r="AI7223">
        <v>44</v>
      </c>
      <c r="AJ7223">
        <v>44</v>
      </c>
      <c r="AK7223">
        <v>44</v>
      </c>
      <c r="AL7223">
        <v>44</v>
      </c>
      <c r="AM7223">
        <v>44</v>
      </c>
      <c r="AN7223">
        <v>43</v>
      </c>
      <c r="AO7223">
        <v>43</v>
      </c>
      <c r="AP7223">
        <v>43</v>
      </c>
      <c r="AQ7223">
        <v>43</v>
      </c>
    </row>
    <row r="7224" spans="1:43">
      <c r="A7224" t="s">
        <v>4522</v>
      </c>
      <c r="B7224" t="s">
        <v>4523</v>
      </c>
      <c r="C7224" t="s">
        <v>4516</v>
      </c>
      <c r="D7224" t="s">
        <v>4517</v>
      </c>
      <c r="E7224" t="s">
        <v>4236</v>
      </c>
      <c r="F7224" t="s">
        <v>4237</v>
      </c>
      <c r="G7224" t="s">
        <v>80</v>
      </c>
      <c r="H7224" t="s">
        <v>81</v>
      </c>
      <c r="I7224" s="2">
        <v>1</v>
      </c>
      <c r="J7224" s="2">
        <v>0</v>
      </c>
      <c r="K7224" s="2">
        <v>0</v>
      </c>
      <c r="L7224" t="s">
        <v>120</v>
      </c>
      <c r="M7224" t="s">
        <v>89</v>
      </c>
      <c r="N7224" t="s">
        <v>90</v>
      </c>
      <c r="O7224" t="s">
        <v>85</v>
      </c>
      <c r="P7224" t="s">
        <v>86</v>
      </c>
      <c r="Q7224">
        <v>45</v>
      </c>
      <c r="R7224">
        <v>46</v>
      </c>
      <c r="S7224">
        <v>46</v>
      </c>
      <c r="T7224">
        <v>47</v>
      </c>
      <c r="U7224">
        <v>48</v>
      </c>
      <c r="V7224">
        <v>49</v>
      </c>
      <c r="W7224">
        <v>49</v>
      </c>
      <c r="X7224">
        <v>50</v>
      </c>
      <c r="Y7224">
        <v>51</v>
      </c>
      <c r="Z7224">
        <v>51</v>
      </c>
      <c r="AA7224">
        <v>52</v>
      </c>
      <c r="AB7224">
        <v>52</v>
      </c>
      <c r="AC7224">
        <v>53</v>
      </c>
      <c r="AD7224">
        <v>53</v>
      </c>
      <c r="AE7224">
        <v>53</v>
      </c>
      <c r="AF7224">
        <v>53</v>
      </c>
      <c r="AG7224">
        <v>52</v>
      </c>
      <c r="AH7224">
        <v>52</v>
      </c>
      <c r="AI7224">
        <v>52</v>
      </c>
      <c r="AJ7224">
        <v>51</v>
      </c>
      <c r="AK7224">
        <v>51</v>
      </c>
      <c r="AL7224">
        <v>51</v>
      </c>
      <c r="AM7224">
        <v>50</v>
      </c>
      <c r="AN7224">
        <v>50</v>
      </c>
      <c r="AO7224">
        <v>50</v>
      </c>
      <c r="AP7224">
        <v>49</v>
      </c>
      <c r="AQ7224">
        <v>49</v>
      </c>
    </row>
    <row r="7225" spans="1:43">
      <c r="A7225" t="s">
        <v>4522</v>
      </c>
      <c r="B7225" t="s">
        <v>4523</v>
      </c>
      <c r="C7225" t="s">
        <v>4516</v>
      </c>
      <c r="D7225" t="s">
        <v>4517</v>
      </c>
      <c r="E7225" t="s">
        <v>4236</v>
      </c>
      <c r="F7225" t="s">
        <v>4237</v>
      </c>
      <c r="G7225" t="s">
        <v>80</v>
      </c>
      <c r="H7225" t="s">
        <v>81</v>
      </c>
      <c r="I7225" s="2">
        <v>1</v>
      </c>
      <c r="J7225" s="2">
        <v>0</v>
      </c>
      <c r="K7225" s="2">
        <v>0</v>
      </c>
      <c r="L7225" t="s">
        <v>120</v>
      </c>
      <c r="M7225" t="s">
        <v>83</v>
      </c>
      <c r="N7225" t="s">
        <v>91</v>
      </c>
      <c r="O7225" t="s">
        <v>85</v>
      </c>
      <c r="P7225" t="s">
        <v>86</v>
      </c>
      <c r="Q7225">
        <v>45</v>
      </c>
      <c r="R7225">
        <v>46</v>
      </c>
      <c r="S7225">
        <v>46</v>
      </c>
      <c r="T7225">
        <v>47</v>
      </c>
      <c r="U7225">
        <v>47</v>
      </c>
      <c r="V7225">
        <v>48</v>
      </c>
      <c r="W7225">
        <v>48</v>
      </c>
      <c r="X7225">
        <v>48</v>
      </c>
      <c r="Y7225">
        <v>49</v>
      </c>
      <c r="Z7225">
        <v>49</v>
      </c>
      <c r="AA7225">
        <v>49</v>
      </c>
      <c r="AB7225">
        <v>50</v>
      </c>
      <c r="AC7225">
        <v>50</v>
      </c>
      <c r="AD7225">
        <v>50</v>
      </c>
      <c r="AE7225">
        <v>50</v>
      </c>
      <c r="AF7225">
        <v>51</v>
      </c>
      <c r="AG7225">
        <v>51</v>
      </c>
      <c r="AH7225">
        <v>51</v>
      </c>
      <c r="AI7225">
        <v>51</v>
      </c>
      <c r="AJ7225">
        <v>51</v>
      </c>
      <c r="AK7225">
        <v>51</v>
      </c>
      <c r="AL7225">
        <v>51</v>
      </c>
      <c r="AM7225">
        <v>51</v>
      </c>
      <c r="AN7225">
        <v>50</v>
      </c>
      <c r="AO7225">
        <v>50</v>
      </c>
      <c r="AP7225">
        <v>50</v>
      </c>
      <c r="AQ7225">
        <v>49</v>
      </c>
    </row>
    <row r="7226" spans="1:43">
      <c r="A7226" t="s">
        <v>4524</v>
      </c>
      <c r="B7226" t="s">
        <v>4525</v>
      </c>
      <c r="C7226" t="s">
        <v>4512</v>
      </c>
      <c r="D7226" t="s">
        <v>4513</v>
      </c>
      <c r="E7226" t="s">
        <v>4236</v>
      </c>
      <c r="F7226" t="s">
        <v>4237</v>
      </c>
      <c r="G7226" t="s">
        <v>80</v>
      </c>
      <c r="H7226" t="s">
        <v>81</v>
      </c>
      <c r="I7226" s="2">
        <v>1</v>
      </c>
      <c r="J7226" s="2">
        <v>0</v>
      </c>
      <c r="K7226" s="2">
        <v>0</v>
      </c>
      <c r="L7226" t="s">
        <v>120</v>
      </c>
      <c r="M7226" t="s">
        <v>83</v>
      </c>
      <c r="N7226" t="s">
        <v>84</v>
      </c>
      <c r="O7226" t="s">
        <v>85</v>
      </c>
      <c r="P7226" t="s">
        <v>86</v>
      </c>
      <c r="Q7226">
        <v>7</v>
      </c>
      <c r="R7226">
        <v>7</v>
      </c>
      <c r="S7226">
        <v>7</v>
      </c>
      <c r="T7226">
        <v>7</v>
      </c>
      <c r="U7226">
        <v>7</v>
      </c>
      <c r="V7226">
        <v>7</v>
      </c>
      <c r="W7226">
        <v>7</v>
      </c>
      <c r="X7226">
        <v>7</v>
      </c>
      <c r="Y7226">
        <v>7</v>
      </c>
      <c r="Z7226">
        <v>7</v>
      </c>
      <c r="AA7226">
        <v>7</v>
      </c>
      <c r="AB7226">
        <v>7</v>
      </c>
      <c r="AC7226">
        <v>7</v>
      </c>
      <c r="AD7226">
        <v>7</v>
      </c>
      <c r="AE7226">
        <v>7</v>
      </c>
      <c r="AF7226">
        <v>7</v>
      </c>
      <c r="AG7226">
        <v>7</v>
      </c>
      <c r="AH7226">
        <v>7</v>
      </c>
      <c r="AI7226">
        <v>7</v>
      </c>
      <c r="AJ7226">
        <v>7</v>
      </c>
      <c r="AK7226">
        <v>7</v>
      </c>
      <c r="AL7226">
        <v>7</v>
      </c>
      <c r="AM7226">
        <v>7</v>
      </c>
      <c r="AN7226">
        <v>7</v>
      </c>
      <c r="AO7226">
        <v>7</v>
      </c>
      <c r="AP7226">
        <v>7</v>
      </c>
      <c r="AQ7226">
        <v>7</v>
      </c>
    </row>
    <row r="7227" spans="1:43">
      <c r="A7227" t="s">
        <v>4524</v>
      </c>
      <c r="B7227" t="s">
        <v>4525</v>
      </c>
      <c r="C7227" t="s">
        <v>4512</v>
      </c>
      <c r="D7227" t="s">
        <v>4513</v>
      </c>
      <c r="E7227" t="s">
        <v>4236</v>
      </c>
      <c r="F7227" t="s">
        <v>4237</v>
      </c>
      <c r="G7227" t="s">
        <v>80</v>
      </c>
      <c r="H7227" t="s">
        <v>81</v>
      </c>
      <c r="I7227" s="2">
        <v>1</v>
      </c>
      <c r="J7227" s="2">
        <v>0</v>
      </c>
      <c r="K7227" s="2">
        <v>0</v>
      </c>
      <c r="L7227" t="s">
        <v>120</v>
      </c>
      <c r="M7227" t="s">
        <v>87</v>
      </c>
      <c r="N7227" t="s">
        <v>88</v>
      </c>
      <c r="O7227" t="s">
        <v>85</v>
      </c>
      <c r="P7227" t="s">
        <v>86</v>
      </c>
      <c r="Q7227">
        <v>7</v>
      </c>
      <c r="R7227">
        <v>7</v>
      </c>
      <c r="S7227">
        <v>7</v>
      </c>
      <c r="T7227">
        <v>7</v>
      </c>
      <c r="U7227">
        <v>7</v>
      </c>
      <c r="V7227">
        <v>7</v>
      </c>
      <c r="W7227">
        <v>7</v>
      </c>
      <c r="X7227">
        <v>7</v>
      </c>
      <c r="Y7227">
        <v>7</v>
      </c>
      <c r="Z7227">
        <v>7</v>
      </c>
      <c r="AA7227">
        <v>7</v>
      </c>
      <c r="AB7227">
        <v>7</v>
      </c>
      <c r="AC7227">
        <v>7</v>
      </c>
      <c r="AD7227">
        <v>7</v>
      </c>
      <c r="AE7227">
        <v>7</v>
      </c>
      <c r="AF7227">
        <v>7</v>
      </c>
      <c r="AG7227">
        <v>6</v>
      </c>
      <c r="AH7227">
        <v>6</v>
      </c>
      <c r="AI7227">
        <v>6</v>
      </c>
      <c r="AJ7227">
        <v>6</v>
      </c>
      <c r="AK7227">
        <v>6</v>
      </c>
      <c r="AL7227">
        <v>6</v>
      </c>
      <c r="AM7227">
        <v>6</v>
      </c>
      <c r="AN7227">
        <v>6</v>
      </c>
      <c r="AO7227">
        <v>6</v>
      </c>
      <c r="AP7227">
        <v>6</v>
      </c>
      <c r="AQ7227">
        <v>6</v>
      </c>
    </row>
    <row r="7228" spans="1:43">
      <c r="A7228" t="s">
        <v>4524</v>
      </c>
      <c r="B7228" t="s">
        <v>4525</v>
      </c>
      <c r="C7228" t="s">
        <v>4512</v>
      </c>
      <c r="D7228" t="s">
        <v>4513</v>
      </c>
      <c r="E7228" t="s">
        <v>4236</v>
      </c>
      <c r="F7228" t="s">
        <v>4237</v>
      </c>
      <c r="G7228" t="s">
        <v>80</v>
      </c>
      <c r="H7228" t="s">
        <v>81</v>
      </c>
      <c r="I7228" s="2">
        <v>1</v>
      </c>
      <c r="J7228" s="2">
        <v>0</v>
      </c>
      <c r="K7228" s="2">
        <v>0</v>
      </c>
      <c r="L7228" t="s">
        <v>120</v>
      </c>
      <c r="M7228" t="s">
        <v>89</v>
      </c>
      <c r="N7228" t="s">
        <v>90</v>
      </c>
      <c r="O7228" t="s">
        <v>85</v>
      </c>
      <c r="P7228" t="s">
        <v>86</v>
      </c>
      <c r="Q7228">
        <v>7</v>
      </c>
      <c r="R7228">
        <v>7</v>
      </c>
      <c r="S7228">
        <v>7</v>
      </c>
      <c r="T7228">
        <v>7</v>
      </c>
      <c r="U7228">
        <v>7</v>
      </c>
      <c r="V7228">
        <v>7</v>
      </c>
      <c r="W7228">
        <v>7</v>
      </c>
      <c r="X7228">
        <v>7</v>
      </c>
      <c r="Y7228">
        <v>8</v>
      </c>
      <c r="Z7228">
        <v>8</v>
      </c>
      <c r="AA7228">
        <v>8</v>
      </c>
      <c r="AB7228">
        <v>8</v>
      </c>
      <c r="AC7228">
        <v>8</v>
      </c>
      <c r="AD7228">
        <v>8</v>
      </c>
      <c r="AE7228">
        <v>8</v>
      </c>
      <c r="AF7228">
        <v>8</v>
      </c>
      <c r="AG7228">
        <v>8</v>
      </c>
      <c r="AH7228">
        <v>8</v>
      </c>
      <c r="AI7228">
        <v>8</v>
      </c>
      <c r="AJ7228">
        <v>8</v>
      </c>
      <c r="AK7228">
        <v>8</v>
      </c>
      <c r="AL7228">
        <v>8</v>
      </c>
      <c r="AM7228">
        <v>7</v>
      </c>
      <c r="AN7228">
        <v>7</v>
      </c>
      <c r="AO7228">
        <v>7</v>
      </c>
      <c r="AP7228">
        <v>7</v>
      </c>
      <c r="AQ7228">
        <v>7</v>
      </c>
    </row>
    <row r="7229" spans="1:43">
      <c r="A7229" t="s">
        <v>4524</v>
      </c>
      <c r="B7229" t="s">
        <v>4525</v>
      </c>
      <c r="C7229" t="s">
        <v>4512</v>
      </c>
      <c r="D7229" t="s">
        <v>4513</v>
      </c>
      <c r="E7229" t="s">
        <v>4236</v>
      </c>
      <c r="F7229" t="s">
        <v>4237</v>
      </c>
      <c r="G7229" t="s">
        <v>80</v>
      </c>
      <c r="H7229" t="s">
        <v>81</v>
      </c>
      <c r="I7229" s="2">
        <v>1</v>
      </c>
      <c r="J7229" s="2">
        <v>0</v>
      </c>
      <c r="K7229" s="2">
        <v>0</v>
      </c>
      <c r="L7229" t="s">
        <v>120</v>
      </c>
      <c r="M7229" t="s">
        <v>83</v>
      </c>
      <c r="N7229" t="s">
        <v>91</v>
      </c>
      <c r="O7229" t="s">
        <v>85</v>
      </c>
      <c r="P7229" t="s">
        <v>86</v>
      </c>
      <c r="Q7229">
        <v>7</v>
      </c>
      <c r="R7229">
        <v>7</v>
      </c>
      <c r="S7229">
        <v>7</v>
      </c>
      <c r="T7229">
        <v>7</v>
      </c>
      <c r="U7229">
        <v>7</v>
      </c>
      <c r="V7229">
        <v>7</v>
      </c>
      <c r="W7229">
        <v>7</v>
      </c>
      <c r="X7229">
        <v>7</v>
      </c>
      <c r="Y7229">
        <v>7</v>
      </c>
      <c r="Z7229">
        <v>7</v>
      </c>
      <c r="AA7229">
        <v>7</v>
      </c>
      <c r="AB7229">
        <v>7</v>
      </c>
      <c r="AC7229">
        <v>7</v>
      </c>
      <c r="AD7229">
        <v>7</v>
      </c>
      <c r="AE7229">
        <v>7</v>
      </c>
      <c r="AF7229">
        <v>7</v>
      </c>
      <c r="AG7229">
        <v>7</v>
      </c>
      <c r="AH7229">
        <v>7</v>
      </c>
      <c r="AI7229">
        <v>7</v>
      </c>
      <c r="AJ7229">
        <v>7</v>
      </c>
      <c r="AK7229">
        <v>7</v>
      </c>
      <c r="AL7229">
        <v>7</v>
      </c>
      <c r="AM7229">
        <v>7</v>
      </c>
      <c r="AN7229">
        <v>7</v>
      </c>
      <c r="AO7229">
        <v>7</v>
      </c>
      <c r="AP7229">
        <v>7</v>
      </c>
      <c r="AQ7229">
        <v>7</v>
      </c>
    </row>
    <row r="7230" spans="1:43">
      <c r="A7230" t="s">
        <v>4526</v>
      </c>
      <c r="B7230" t="s">
        <v>4527</v>
      </c>
      <c r="C7230" t="s">
        <v>4512</v>
      </c>
      <c r="D7230" t="s">
        <v>4513</v>
      </c>
      <c r="E7230" t="s">
        <v>4236</v>
      </c>
      <c r="F7230" t="s">
        <v>4237</v>
      </c>
      <c r="G7230" t="s">
        <v>80</v>
      </c>
      <c r="H7230" t="s">
        <v>81</v>
      </c>
      <c r="I7230" s="2">
        <v>1</v>
      </c>
      <c r="J7230" s="2">
        <v>0</v>
      </c>
      <c r="K7230" s="2">
        <v>0</v>
      </c>
      <c r="L7230" t="s">
        <v>120</v>
      </c>
      <c r="M7230" t="s">
        <v>83</v>
      </c>
      <c r="N7230" t="s">
        <v>84</v>
      </c>
      <c r="O7230" t="s">
        <v>85</v>
      </c>
      <c r="P7230" t="s">
        <v>86</v>
      </c>
      <c r="Q7230">
        <v>42</v>
      </c>
      <c r="R7230">
        <v>43</v>
      </c>
      <c r="S7230">
        <v>43</v>
      </c>
      <c r="T7230">
        <v>44</v>
      </c>
      <c r="U7230">
        <v>44</v>
      </c>
      <c r="V7230">
        <v>45</v>
      </c>
      <c r="W7230">
        <v>45</v>
      </c>
      <c r="X7230">
        <v>46</v>
      </c>
      <c r="Y7230">
        <v>46</v>
      </c>
      <c r="Z7230">
        <v>46</v>
      </c>
      <c r="AA7230">
        <v>46</v>
      </c>
      <c r="AB7230">
        <v>47</v>
      </c>
      <c r="AC7230">
        <v>47</v>
      </c>
      <c r="AD7230">
        <v>47</v>
      </c>
      <c r="AE7230">
        <v>47</v>
      </c>
      <c r="AF7230">
        <v>48</v>
      </c>
      <c r="AG7230">
        <v>48</v>
      </c>
      <c r="AH7230">
        <v>48</v>
      </c>
      <c r="AI7230">
        <v>48</v>
      </c>
      <c r="AJ7230">
        <v>48</v>
      </c>
      <c r="AK7230">
        <v>48</v>
      </c>
      <c r="AL7230">
        <v>48</v>
      </c>
      <c r="AM7230">
        <v>48</v>
      </c>
      <c r="AN7230">
        <v>47</v>
      </c>
      <c r="AO7230">
        <v>47</v>
      </c>
      <c r="AP7230">
        <v>47</v>
      </c>
      <c r="AQ7230">
        <v>46</v>
      </c>
    </row>
    <row r="7231" spans="1:43">
      <c r="A7231" t="s">
        <v>4526</v>
      </c>
      <c r="B7231" t="s">
        <v>4527</v>
      </c>
      <c r="C7231" t="s">
        <v>4512</v>
      </c>
      <c r="D7231" t="s">
        <v>4513</v>
      </c>
      <c r="E7231" t="s">
        <v>4236</v>
      </c>
      <c r="F7231" t="s">
        <v>4237</v>
      </c>
      <c r="G7231" t="s">
        <v>80</v>
      </c>
      <c r="H7231" t="s">
        <v>81</v>
      </c>
      <c r="I7231" s="2">
        <v>1</v>
      </c>
      <c r="J7231" s="2">
        <v>0</v>
      </c>
      <c r="K7231" s="2">
        <v>0</v>
      </c>
      <c r="L7231" t="s">
        <v>120</v>
      </c>
      <c r="M7231" t="s">
        <v>87</v>
      </c>
      <c r="N7231" t="s">
        <v>88</v>
      </c>
      <c r="O7231" t="s">
        <v>85</v>
      </c>
      <c r="P7231" t="s">
        <v>86</v>
      </c>
      <c r="Q7231">
        <v>42</v>
      </c>
      <c r="R7231">
        <v>42</v>
      </c>
      <c r="S7231">
        <v>42</v>
      </c>
      <c r="T7231">
        <v>42</v>
      </c>
      <c r="U7231">
        <v>42</v>
      </c>
      <c r="V7231">
        <v>42</v>
      </c>
      <c r="W7231">
        <v>42</v>
      </c>
      <c r="X7231">
        <v>42</v>
      </c>
      <c r="Y7231">
        <v>42</v>
      </c>
      <c r="Z7231">
        <v>42</v>
      </c>
      <c r="AA7231">
        <v>42</v>
      </c>
      <c r="AB7231">
        <v>42</v>
      </c>
      <c r="AC7231">
        <v>42</v>
      </c>
      <c r="AD7231">
        <v>42</v>
      </c>
      <c r="AE7231">
        <v>42</v>
      </c>
      <c r="AF7231">
        <v>42</v>
      </c>
      <c r="AG7231">
        <v>42</v>
      </c>
      <c r="AH7231">
        <v>42</v>
      </c>
      <c r="AI7231">
        <v>42</v>
      </c>
      <c r="AJ7231">
        <v>41</v>
      </c>
      <c r="AK7231">
        <v>41</v>
      </c>
      <c r="AL7231">
        <v>41</v>
      </c>
      <c r="AM7231">
        <v>41</v>
      </c>
      <c r="AN7231">
        <v>41</v>
      </c>
      <c r="AO7231">
        <v>41</v>
      </c>
      <c r="AP7231">
        <v>40</v>
      </c>
      <c r="AQ7231">
        <v>40</v>
      </c>
    </row>
    <row r="7232" spans="1:43">
      <c r="A7232" t="s">
        <v>4526</v>
      </c>
      <c r="B7232" t="s">
        <v>4527</v>
      </c>
      <c r="C7232" t="s">
        <v>4512</v>
      </c>
      <c r="D7232" t="s">
        <v>4513</v>
      </c>
      <c r="E7232" t="s">
        <v>4236</v>
      </c>
      <c r="F7232" t="s">
        <v>4237</v>
      </c>
      <c r="G7232" t="s">
        <v>80</v>
      </c>
      <c r="H7232" t="s">
        <v>81</v>
      </c>
      <c r="I7232" s="2">
        <v>1</v>
      </c>
      <c r="J7232" s="2">
        <v>0</v>
      </c>
      <c r="K7232" s="2">
        <v>0</v>
      </c>
      <c r="L7232" t="s">
        <v>120</v>
      </c>
      <c r="M7232" t="s">
        <v>89</v>
      </c>
      <c r="N7232" t="s">
        <v>90</v>
      </c>
      <c r="O7232" t="s">
        <v>85</v>
      </c>
      <c r="P7232" t="s">
        <v>86</v>
      </c>
      <c r="Q7232">
        <v>42</v>
      </c>
      <c r="R7232">
        <v>43</v>
      </c>
      <c r="S7232">
        <v>44</v>
      </c>
      <c r="T7232">
        <v>44</v>
      </c>
      <c r="U7232">
        <v>45</v>
      </c>
      <c r="V7232">
        <v>46</v>
      </c>
      <c r="W7232">
        <v>46</v>
      </c>
      <c r="X7232">
        <v>47</v>
      </c>
      <c r="Y7232">
        <v>47</v>
      </c>
      <c r="Z7232">
        <v>48</v>
      </c>
      <c r="AA7232">
        <v>48</v>
      </c>
      <c r="AB7232">
        <v>49</v>
      </c>
      <c r="AC7232">
        <v>49</v>
      </c>
      <c r="AD7232">
        <v>50</v>
      </c>
      <c r="AE7232">
        <v>50</v>
      </c>
      <c r="AF7232">
        <v>50</v>
      </c>
      <c r="AG7232">
        <v>49</v>
      </c>
      <c r="AH7232">
        <v>49</v>
      </c>
      <c r="AI7232">
        <v>49</v>
      </c>
      <c r="AJ7232">
        <v>48</v>
      </c>
      <c r="AK7232">
        <v>48</v>
      </c>
      <c r="AL7232">
        <v>48</v>
      </c>
      <c r="AM7232">
        <v>47</v>
      </c>
      <c r="AN7232">
        <v>47</v>
      </c>
      <c r="AO7232">
        <v>47</v>
      </c>
      <c r="AP7232">
        <v>46</v>
      </c>
      <c r="AQ7232">
        <v>46</v>
      </c>
    </row>
    <row r="7233" spans="1:43">
      <c r="A7233" t="s">
        <v>4526</v>
      </c>
      <c r="B7233" t="s">
        <v>4527</v>
      </c>
      <c r="C7233" t="s">
        <v>4512</v>
      </c>
      <c r="D7233" t="s">
        <v>4513</v>
      </c>
      <c r="E7233" t="s">
        <v>4236</v>
      </c>
      <c r="F7233" t="s">
        <v>4237</v>
      </c>
      <c r="G7233" t="s">
        <v>80</v>
      </c>
      <c r="H7233" t="s">
        <v>81</v>
      </c>
      <c r="I7233" s="2">
        <v>1</v>
      </c>
      <c r="J7233" s="2">
        <v>0</v>
      </c>
      <c r="K7233" s="2">
        <v>0</v>
      </c>
      <c r="L7233" t="s">
        <v>120</v>
      </c>
      <c r="M7233" t="s">
        <v>83</v>
      </c>
      <c r="N7233" t="s">
        <v>91</v>
      </c>
      <c r="O7233" t="s">
        <v>85</v>
      </c>
      <c r="P7233" t="s">
        <v>86</v>
      </c>
      <c r="Q7233">
        <v>42</v>
      </c>
      <c r="R7233">
        <v>43</v>
      </c>
      <c r="S7233">
        <v>43</v>
      </c>
      <c r="T7233">
        <v>44</v>
      </c>
      <c r="U7233">
        <v>44</v>
      </c>
      <c r="V7233">
        <v>45</v>
      </c>
      <c r="W7233">
        <v>45</v>
      </c>
      <c r="X7233">
        <v>46</v>
      </c>
      <c r="Y7233">
        <v>46</v>
      </c>
      <c r="Z7233">
        <v>46</v>
      </c>
      <c r="AA7233">
        <v>46</v>
      </c>
      <c r="AB7233">
        <v>47</v>
      </c>
      <c r="AC7233">
        <v>47</v>
      </c>
      <c r="AD7233">
        <v>47</v>
      </c>
      <c r="AE7233">
        <v>47</v>
      </c>
      <c r="AF7233">
        <v>48</v>
      </c>
      <c r="AG7233">
        <v>48</v>
      </c>
      <c r="AH7233">
        <v>48</v>
      </c>
      <c r="AI7233">
        <v>48</v>
      </c>
      <c r="AJ7233">
        <v>48</v>
      </c>
      <c r="AK7233">
        <v>48</v>
      </c>
      <c r="AL7233">
        <v>48</v>
      </c>
      <c r="AM7233">
        <v>48</v>
      </c>
      <c r="AN7233">
        <v>47</v>
      </c>
      <c r="AO7233">
        <v>47</v>
      </c>
      <c r="AP7233">
        <v>47</v>
      </c>
      <c r="AQ7233">
        <v>46</v>
      </c>
    </row>
    <row r="7234" spans="1:43">
      <c r="A7234" t="s">
        <v>4528</v>
      </c>
      <c r="B7234" t="s">
        <v>4529</v>
      </c>
      <c r="C7234" t="s">
        <v>4530</v>
      </c>
      <c r="D7234" t="s">
        <v>4531</v>
      </c>
      <c r="E7234" t="s">
        <v>4236</v>
      </c>
      <c r="F7234" t="s">
        <v>4237</v>
      </c>
      <c r="G7234" t="s">
        <v>80</v>
      </c>
      <c r="H7234" t="s">
        <v>81</v>
      </c>
      <c r="I7234" s="2">
        <v>1</v>
      </c>
      <c r="J7234" s="2">
        <v>0</v>
      </c>
      <c r="K7234" s="2">
        <v>0</v>
      </c>
      <c r="L7234" t="s">
        <v>120</v>
      </c>
      <c r="M7234" t="s">
        <v>83</v>
      </c>
      <c r="N7234" t="s">
        <v>84</v>
      </c>
      <c r="O7234" t="s">
        <v>85</v>
      </c>
      <c r="P7234" t="s">
        <v>86</v>
      </c>
      <c r="Q7234">
        <v>17</v>
      </c>
      <c r="R7234">
        <v>17</v>
      </c>
      <c r="S7234">
        <v>17</v>
      </c>
      <c r="T7234">
        <v>17</v>
      </c>
      <c r="U7234">
        <v>18</v>
      </c>
      <c r="V7234">
        <v>18</v>
      </c>
      <c r="W7234">
        <v>18</v>
      </c>
      <c r="X7234">
        <v>18</v>
      </c>
      <c r="Y7234">
        <v>18</v>
      </c>
      <c r="Z7234">
        <v>18</v>
      </c>
      <c r="AA7234">
        <v>18</v>
      </c>
      <c r="AB7234">
        <v>19</v>
      </c>
      <c r="AC7234">
        <v>19</v>
      </c>
      <c r="AD7234">
        <v>19</v>
      </c>
      <c r="AE7234">
        <v>19</v>
      </c>
      <c r="AF7234">
        <v>19</v>
      </c>
      <c r="AG7234">
        <v>19</v>
      </c>
      <c r="AH7234">
        <v>19</v>
      </c>
      <c r="AI7234">
        <v>19</v>
      </c>
      <c r="AJ7234">
        <v>19</v>
      </c>
      <c r="AK7234">
        <v>19</v>
      </c>
      <c r="AL7234">
        <v>19</v>
      </c>
      <c r="AM7234">
        <v>19</v>
      </c>
      <c r="AN7234">
        <v>19</v>
      </c>
      <c r="AO7234">
        <v>19</v>
      </c>
      <c r="AP7234">
        <v>19</v>
      </c>
      <c r="AQ7234">
        <v>18</v>
      </c>
    </row>
    <row r="7235" spans="1:43">
      <c r="A7235" t="s">
        <v>4528</v>
      </c>
      <c r="B7235" t="s">
        <v>4529</v>
      </c>
      <c r="C7235" t="s">
        <v>4530</v>
      </c>
      <c r="D7235" t="s">
        <v>4531</v>
      </c>
      <c r="E7235" t="s">
        <v>4236</v>
      </c>
      <c r="F7235" t="s">
        <v>4237</v>
      </c>
      <c r="G7235" t="s">
        <v>80</v>
      </c>
      <c r="H7235" t="s">
        <v>81</v>
      </c>
      <c r="I7235" s="2">
        <v>1</v>
      </c>
      <c r="J7235" s="2">
        <v>0</v>
      </c>
      <c r="K7235" s="2">
        <v>0</v>
      </c>
      <c r="L7235" t="s">
        <v>120</v>
      </c>
      <c r="M7235" t="s">
        <v>87</v>
      </c>
      <c r="N7235" t="s">
        <v>88</v>
      </c>
      <c r="O7235" t="s">
        <v>85</v>
      </c>
      <c r="P7235" t="s">
        <v>86</v>
      </c>
      <c r="Q7235">
        <v>17</v>
      </c>
      <c r="R7235">
        <v>17</v>
      </c>
      <c r="S7235">
        <v>17</v>
      </c>
      <c r="T7235">
        <v>17</v>
      </c>
      <c r="U7235">
        <v>17</v>
      </c>
      <c r="V7235">
        <v>17</v>
      </c>
      <c r="W7235">
        <v>17</v>
      </c>
      <c r="X7235">
        <v>17</v>
      </c>
      <c r="Y7235">
        <v>17</v>
      </c>
      <c r="Z7235">
        <v>17</v>
      </c>
      <c r="AA7235">
        <v>17</v>
      </c>
      <c r="AB7235">
        <v>17</v>
      </c>
      <c r="AC7235">
        <v>17</v>
      </c>
      <c r="AD7235">
        <v>17</v>
      </c>
      <c r="AE7235">
        <v>17</v>
      </c>
      <c r="AF7235">
        <v>17</v>
      </c>
      <c r="AG7235">
        <v>17</v>
      </c>
      <c r="AH7235">
        <v>17</v>
      </c>
      <c r="AI7235">
        <v>17</v>
      </c>
      <c r="AJ7235">
        <v>17</v>
      </c>
      <c r="AK7235">
        <v>16</v>
      </c>
      <c r="AL7235">
        <v>16</v>
      </c>
      <c r="AM7235">
        <v>16</v>
      </c>
      <c r="AN7235">
        <v>16</v>
      </c>
      <c r="AO7235">
        <v>16</v>
      </c>
      <c r="AP7235">
        <v>16</v>
      </c>
      <c r="AQ7235">
        <v>16</v>
      </c>
    </row>
    <row r="7236" spans="1:43">
      <c r="A7236" t="s">
        <v>4528</v>
      </c>
      <c r="B7236" t="s">
        <v>4529</v>
      </c>
      <c r="C7236" t="s">
        <v>4530</v>
      </c>
      <c r="D7236" t="s">
        <v>4531</v>
      </c>
      <c r="E7236" t="s">
        <v>4236</v>
      </c>
      <c r="F7236" t="s">
        <v>4237</v>
      </c>
      <c r="G7236" t="s">
        <v>80</v>
      </c>
      <c r="H7236" t="s">
        <v>81</v>
      </c>
      <c r="I7236" s="2">
        <v>1</v>
      </c>
      <c r="J7236" s="2">
        <v>0</v>
      </c>
      <c r="K7236" s="2">
        <v>0</v>
      </c>
      <c r="L7236" t="s">
        <v>120</v>
      </c>
      <c r="M7236" t="s">
        <v>89</v>
      </c>
      <c r="N7236" t="s">
        <v>90</v>
      </c>
      <c r="O7236" t="s">
        <v>85</v>
      </c>
      <c r="P7236" t="s">
        <v>86</v>
      </c>
      <c r="Q7236">
        <v>17</v>
      </c>
      <c r="R7236">
        <v>17</v>
      </c>
      <c r="S7236">
        <v>18</v>
      </c>
      <c r="T7236">
        <v>18</v>
      </c>
      <c r="U7236">
        <v>18</v>
      </c>
      <c r="V7236">
        <v>18</v>
      </c>
      <c r="W7236">
        <v>19</v>
      </c>
      <c r="X7236">
        <v>19</v>
      </c>
      <c r="Y7236">
        <v>19</v>
      </c>
      <c r="Z7236">
        <v>19</v>
      </c>
      <c r="AA7236">
        <v>20</v>
      </c>
      <c r="AB7236">
        <v>20</v>
      </c>
      <c r="AC7236">
        <v>20</v>
      </c>
      <c r="AD7236">
        <v>20</v>
      </c>
      <c r="AE7236">
        <v>20</v>
      </c>
      <c r="AF7236">
        <v>20</v>
      </c>
      <c r="AG7236">
        <v>20</v>
      </c>
      <c r="AH7236">
        <v>20</v>
      </c>
      <c r="AI7236">
        <v>20</v>
      </c>
      <c r="AJ7236">
        <v>20</v>
      </c>
      <c r="AK7236">
        <v>19</v>
      </c>
      <c r="AL7236">
        <v>19</v>
      </c>
      <c r="AM7236">
        <v>19</v>
      </c>
      <c r="AN7236">
        <v>19</v>
      </c>
      <c r="AO7236">
        <v>19</v>
      </c>
      <c r="AP7236">
        <v>19</v>
      </c>
      <c r="AQ7236">
        <v>19</v>
      </c>
    </row>
    <row r="7237" spans="1:43">
      <c r="A7237" t="s">
        <v>4528</v>
      </c>
      <c r="B7237" t="s">
        <v>4529</v>
      </c>
      <c r="C7237" t="s">
        <v>4530</v>
      </c>
      <c r="D7237" t="s">
        <v>4531</v>
      </c>
      <c r="E7237" t="s">
        <v>4236</v>
      </c>
      <c r="F7237" t="s">
        <v>4237</v>
      </c>
      <c r="G7237" t="s">
        <v>80</v>
      </c>
      <c r="H7237" t="s">
        <v>81</v>
      </c>
      <c r="I7237" s="2">
        <v>1</v>
      </c>
      <c r="J7237" s="2">
        <v>0</v>
      </c>
      <c r="K7237" s="2">
        <v>0</v>
      </c>
      <c r="L7237" t="s">
        <v>120</v>
      </c>
      <c r="M7237" t="s">
        <v>83</v>
      </c>
      <c r="N7237" t="s">
        <v>91</v>
      </c>
      <c r="O7237" t="s">
        <v>85</v>
      </c>
      <c r="P7237" t="s">
        <v>86</v>
      </c>
      <c r="Q7237">
        <v>17</v>
      </c>
      <c r="R7237">
        <v>17</v>
      </c>
      <c r="S7237">
        <v>17</v>
      </c>
      <c r="T7237">
        <v>17</v>
      </c>
      <c r="U7237">
        <v>18</v>
      </c>
      <c r="V7237">
        <v>18</v>
      </c>
      <c r="W7237">
        <v>18</v>
      </c>
      <c r="X7237">
        <v>18</v>
      </c>
      <c r="Y7237">
        <v>18</v>
      </c>
      <c r="Z7237">
        <v>18</v>
      </c>
      <c r="AA7237">
        <v>18</v>
      </c>
      <c r="AB7237">
        <v>19</v>
      </c>
      <c r="AC7237">
        <v>19</v>
      </c>
      <c r="AD7237">
        <v>19</v>
      </c>
      <c r="AE7237">
        <v>19</v>
      </c>
      <c r="AF7237">
        <v>19</v>
      </c>
      <c r="AG7237">
        <v>19</v>
      </c>
      <c r="AH7237">
        <v>19</v>
      </c>
      <c r="AI7237">
        <v>19</v>
      </c>
      <c r="AJ7237">
        <v>19</v>
      </c>
      <c r="AK7237">
        <v>19</v>
      </c>
      <c r="AL7237">
        <v>19</v>
      </c>
      <c r="AM7237">
        <v>19</v>
      </c>
      <c r="AN7237">
        <v>19</v>
      </c>
      <c r="AO7237">
        <v>19</v>
      </c>
      <c r="AP7237">
        <v>19</v>
      </c>
      <c r="AQ7237">
        <v>18</v>
      </c>
    </row>
    <row r="7238" spans="1:43">
      <c r="A7238" t="s">
        <v>4532</v>
      </c>
      <c r="B7238" t="s">
        <v>4533</v>
      </c>
      <c r="C7238" t="s">
        <v>4534</v>
      </c>
      <c r="D7238" t="s">
        <v>4535</v>
      </c>
      <c r="E7238" t="s">
        <v>4236</v>
      </c>
      <c r="F7238" t="s">
        <v>4237</v>
      </c>
      <c r="G7238" t="s">
        <v>80</v>
      </c>
      <c r="H7238" t="s">
        <v>81</v>
      </c>
      <c r="I7238" s="2">
        <v>1</v>
      </c>
      <c r="J7238" s="2">
        <v>0</v>
      </c>
      <c r="K7238" s="2">
        <v>0</v>
      </c>
      <c r="L7238" t="s">
        <v>120</v>
      </c>
      <c r="M7238" t="s">
        <v>83</v>
      </c>
      <c r="N7238" t="s">
        <v>84</v>
      </c>
      <c r="O7238" t="s">
        <v>85</v>
      </c>
      <c r="P7238" t="s">
        <v>86</v>
      </c>
      <c r="Q7238">
        <v>16</v>
      </c>
      <c r="R7238">
        <v>17</v>
      </c>
      <c r="S7238">
        <v>17</v>
      </c>
      <c r="T7238">
        <v>17</v>
      </c>
      <c r="U7238">
        <v>17</v>
      </c>
      <c r="V7238">
        <v>17</v>
      </c>
      <c r="W7238">
        <v>18</v>
      </c>
      <c r="X7238">
        <v>18</v>
      </c>
      <c r="Y7238">
        <v>18</v>
      </c>
      <c r="Z7238">
        <v>18</v>
      </c>
      <c r="AA7238">
        <v>18</v>
      </c>
      <c r="AB7238">
        <v>18</v>
      </c>
      <c r="AC7238">
        <v>19</v>
      </c>
      <c r="AD7238">
        <v>19</v>
      </c>
      <c r="AE7238">
        <v>19</v>
      </c>
      <c r="AF7238">
        <v>19</v>
      </c>
      <c r="AG7238">
        <v>19</v>
      </c>
      <c r="AH7238">
        <v>19</v>
      </c>
      <c r="AI7238">
        <v>19</v>
      </c>
      <c r="AJ7238">
        <v>19</v>
      </c>
      <c r="AK7238">
        <v>20</v>
      </c>
      <c r="AL7238">
        <v>20</v>
      </c>
      <c r="AM7238">
        <v>20</v>
      </c>
      <c r="AN7238">
        <v>19</v>
      </c>
      <c r="AO7238">
        <v>19</v>
      </c>
      <c r="AP7238">
        <v>19</v>
      </c>
      <c r="AQ7238">
        <v>19</v>
      </c>
    </row>
    <row r="7239" spans="1:43">
      <c r="A7239" t="s">
        <v>4532</v>
      </c>
      <c r="B7239" t="s">
        <v>4533</v>
      </c>
      <c r="C7239" t="s">
        <v>4534</v>
      </c>
      <c r="D7239" t="s">
        <v>4535</v>
      </c>
      <c r="E7239" t="s">
        <v>4236</v>
      </c>
      <c r="F7239" t="s">
        <v>4237</v>
      </c>
      <c r="G7239" t="s">
        <v>80</v>
      </c>
      <c r="H7239" t="s">
        <v>81</v>
      </c>
      <c r="I7239" s="2">
        <v>1</v>
      </c>
      <c r="J7239" s="2">
        <v>0</v>
      </c>
      <c r="K7239" s="2">
        <v>0</v>
      </c>
      <c r="L7239" t="s">
        <v>120</v>
      </c>
      <c r="M7239" t="s">
        <v>87</v>
      </c>
      <c r="N7239" t="s">
        <v>88</v>
      </c>
      <c r="O7239" t="s">
        <v>85</v>
      </c>
      <c r="P7239" t="s">
        <v>86</v>
      </c>
      <c r="Q7239">
        <v>16</v>
      </c>
      <c r="R7239">
        <v>16</v>
      </c>
      <c r="S7239">
        <v>16</v>
      </c>
      <c r="T7239">
        <v>16</v>
      </c>
      <c r="U7239">
        <v>16</v>
      </c>
      <c r="V7239">
        <v>16</v>
      </c>
      <c r="W7239">
        <v>17</v>
      </c>
      <c r="X7239">
        <v>17</v>
      </c>
      <c r="Y7239">
        <v>17</v>
      </c>
      <c r="Z7239">
        <v>17</v>
      </c>
      <c r="AA7239">
        <v>17</v>
      </c>
      <c r="AB7239">
        <v>17</v>
      </c>
      <c r="AC7239">
        <v>17</v>
      </c>
      <c r="AD7239">
        <v>17</v>
      </c>
      <c r="AE7239">
        <v>17</v>
      </c>
      <c r="AF7239">
        <v>17</v>
      </c>
      <c r="AG7239">
        <v>17</v>
      </c>
      <c r="AH7239">
        <v>17</v>
      </c>
      <c r="AI7239">
        <v>17</v>
      </c>
      <c r="AJ7239">
        <v>17</v>
      </c>
      <c r="AK7239">
        <v>17</v>
      </c>
      <c r="AL7239">
        <v>17</v>
      </c>
      <c r="AM7239">
        <v>17</v>
      </c>
      <c r="AN7239">
        <v>17</v>
      </c>
      <c r="AO7239">
        <v>17</v>
      </c>
      <c r="AP7239">
        <v>17</v>
      </c>
      <c r="AQ7239">
        <v>17</v>
      </c>
    </row>
    <row r="7240" spans="1:43">
      <c r="A7240" t="s">
        <v>4532</v>
      </c>
      <c r="B7240" t="s">
        <v>4533</v>
      </c>
      <c r="C7240" t="s">
        <v>4534</v>
      </c>
      <c r="D7240" t="s">
        <v>4535</v>
      </c>
      <c r="E7240" t="s">
        <v>4236</v>
      </c>
      <c r="F7240" t="s">
        <v>4237</v>
      </c>
      <c r="G7240" t="s">
        <v>80</v>
      </c>
      <c r="H7240" t="s">
        <v>81</v>
      </c>
      <c r="I7240" s="2">
        <v>1</v>
      </c>
      <c r="J7240" s="2">
        <v>0</v>
      </c>
      <c r="K7240" s="2">
        <v>0</v>
      </c>
      <c r="L7240" t="s">
        <v>120</v>
      </c>
      <c r="M7240" t="s">
        <v>89</v>
      </c>
      <c r="N7240" t="s">
        <v>90</v>
      </c>
      <c r="O7240" t="s">
        <v>85</v>
      </c>
      <c r="P7240" t="s">
        <v>86</v>
      </c>
      <c r="Q7240">
        <v>16</v>
      </c>
      <c r="R7240">
        <v>16</v>
      </c>
      <c r="S7240">
        <v>16</v>
      </c>
      <c r="T7240">
        <v>17</v>
      </c>
      <c r="U7240">
        <v>17</v>
      </c>
      <c r="V7240">
        <v>17</v>
      </c>
      <c r="W7240">
        <v>17</v>
      </c>
      <c r="X7240">
        <v>18</v>
      </c>
      <c r="Y7240">
        <v>18</v>
      </c>
      <c r="Z7240">
        <v>18</v>
      </c>
      <c r="AA7240">
        <v>18</v>
      </c>
      <c r="AB7240">
        <v>19</v>
      </c>
      <c r="AC7240">
        <v>19</v>
      </c>
      <c r="AD7240">
        <v>19</v>
      </c>
      <c r="AE7240">
        <v>19</v>
      </c>
      <c r="AF7240">
        <v>19</v>
      </c>
      <c r="AG7240">
        <v>19</v>
      </c>
      <c r="AH7240">
        <v>19</v>
      </c>
      <c r="AI7240">
        <v>19</v>
      </c>
      <c r="AJ7240">
        <v>19</v>
      </c>
      <c r="AK7240">
        <v>19</v>
      </c>
      <c r="AL7240">
        <v>19</v>
      </c>
      <c r="AM7240">
        <v>19</v>
      </c>
      <c r="AN7240">
        <v>19</v>
      </c>
      <c r="AO7240">
        <v>19</v>
      </c>
      <c r="AP7240">
        <v>19</v>
      </c>
      <c r="AQ7240">
        <v>19</v>
      </c>
    </row>
    <row r="7241" spans="1:43">
      <c r="A7241" t="s">
        <v>4532</v>
      </c>
      <c r="B7241" t="s">
        <v>4533</v>
      </c>
      <c r="C7241" t="s">
        <v>4534</v>
      </c>
      <c r="D7241" t="s">
        <v>4535</v>
      </c>
      <c r="E7241" t="s">
        <v>4236</v>
      </c>
      <c r="F7241" t="s">
        <v>4237</v>
      </c>
      <c r="G7241" t="s">
        <v>80</v>
      </c>
      <c r="H7241" t="s">
        <v>81</v>
      </c>
      <c r="I7241" s="2">
        <v>1</v>
      </c>
      <c r="J7241" s="2">
        <v>0</v>
      </c>
      <c r="K7241" s="2">
        <v>0</v>
      </c>
      <c r="L7241" t="s">
        <v>120</v>
      </c>
      <c r="M7241" t="s">
        <v>83</v>
      </c>
      <c r="N7241" t="s">
        <v>91</v>
      </c>
      <c r="O7241" t="s">
        <v>85</v>
      </c>
      <c r="P7241" t="s">
        <v>86</v>
      </c>
      <c r="Q7241">
        <v>16</v>
      </c>
      <c r="R7241">
        <v>17</v>
      </c>
      <c r="S7241">
        <v>17</v>
      </c>
      <c r="T7241">
        <v>17</v>
      </c>
      <c r="U7241">
        <v>17</v>
      </c>
      <c r="V7241">
        <v>17</v>
      </c>
      <c r="W7241">
        <v>18</v>
      </c>
      <c r="X7241">
        <v>18</v>
      </c>
      <c r="Y7241">
        <v>18</v>
      </c>
      <c r="Z7241">
        <v>18</v>
      </c>
      <c r="AA7241">
        <v>18</v>
      </c>
      <c r="AB7241">
        <v>18</v>
      </c>
      <c r="AC7241">
        <v>19</v>
      </c>
      <c r="AD7241">
        <v>19</v>
      </c>
      <c r="AE7241">
        <v>19</v>
      </c>
      <c r="AF7241">
        <v>19</v>
      </c>
      <c r="AG7241">
        <v>19</v>
      </c>
      <c r="AH7241">
        <v>19</v>
      </c>
      <c r="AI7241">
        <v>19</v>
      </c>
      <c r="AJ7241">
        <v>19</v>
      </c>
      <c r="AK7241">
        <v>20</v>
      </c>
      <c r="AL7241">
        <v>20</v>
      </c>
      <c r="AM7241">
        <v>20</v>
      </c>
      <c r="AN7241">
        <v>19</v>
      </c>
      <c r="AO7241">
        <v>19</v>
      </c>
      <c r="AP7241">
        <v>19</v>
      </c>
      <c r="AQ7241">
        <v>19</v>
      </c>
    </row>
    <row r="7242" spans="1:43">
      <c r="A7242" t="s">
        <v>4536</v>
      </c>
      <c r="B7242" t="s">
        <v>4537</v>
      </c>
      <c r="C7242" t="s">
        <v>4534</v>
      </c>
      <c r="D7242" t="s">
        <v>4535</v>
      </c>
      <c r="E7242" t="s">
        <v>4236</v>
      </c>
      <c r="F7242" t="s">
        <v>4237</v>
      </c>
      <c r="G7242" t="s">
        <v>80</v>
      </c>
      <c r="H7242" t="s">
        <v>81</v>
      </c>
      <c r="I7242" s="2">
        <v>1</v>
      </c>
      <c r="J7242" s="2">
        <v>0</v>
      </c>
      <c r="K7242" s="2">
        <v>0</v>
      </c>
      <c r="L7242" t="s">
        <v>120</v>
      </c>
      <c r="M7242" t="s">
        <v>83</v>
      </c>
      <c r="N7242" t="s">
        <v>84</v>
      </c>
      <c r="O7242" t="s">
        <v>85</v>
      </c>
      <c r="P7242" t="s">
        <v>86</v>
      </c>
      <c r="Q7242">
        <v>72</v>
      </c>
      <c r="R7242">
        <v>73</v>
      </c>
      <c r="S7242">
        <v>73</v>
      </c>
      <c r="T7242">
        <v>74</v>
      </c>
      <c r="U7242">
        <v>75</v>
      </c>
      <c r="V7242">
        <v>76</v>
      </c>
      <c r="W7242">
        <v>76</v>
      </c>
      <c r="X7242">
        <v>77</v>
      </c>
      <c r="Y7242">
        <v>78</v>
      </c>
      <c r="Z7242">
        <v>78</v>
      </c>
      <c r="AA7242">
        <v>79</v>
      </c>
      <c r="AB7242">
        <v>79</v>
      </c>
      <c r="AC7242">
        <v>79</v>
      </c>
      <c r="AD7242">
        <v>80</v>
      </c>
      <c r="AE7242">
        <v>80</v>
      </c>
      <c r="AF7242">
        <v>81</v>
      </c>
      <c r="AG7242">
        <v>81</v>
      </c>
      <c r="AH7242">
        <v>81</v>
      </c>
      <c r="AI7242">
        <v>81</v>
      </c>
      <c r="AJ7242">
        <v>82</v>
      </c>
      <c r="AK7242">
        <v>82</v>
      </c>
      <c r="AL7242">
        <v>81</v>
      </c>
      <c r="AM7242">
        <v>81</v>
      </c>
      <c r="AN7242">
        <v>80</v>
      </c>
      <c r="AO7242">
        <v>80</v>
      </c>
      <c r="AP7242">
        <v>79</v>
      </c>
      <c r="AQ7242">
        <v>78</v>
      </c>
    </row>
    <row r="7243" spans="1:43">
      <c r="A7243" t="s">
        <v>4536</v>
      </c>
      <c r="B7243" t="s">
        <v>4537</v>
      </c>
      <c r="C7243" t="s">
        <v>4534</v>
      </c>
      <c r="D7243" t="s">
        <v>4535</v>
      </c>
      <c r="E7243" t="s">
        <v>4236</v>
      </c>
      <c r="F7243" t="s">
        <v>4237</v>
      </c>
      <c r="G7243" t="s">
        <v>80</v>
      </c>
      <c r="H7243" t="s">
        <v>81</v>
      </c>
      <c r="I7243" s="2">
        <v>1</v>
      </c>
      <c r="J7243" s="2">
        <v>0</v>
      </c>
      <c r="K7243" s="2">
        <v>0</v>
      </c>
      <c r="L7243" t="s">
        <v>120</v>
      </c>
      <c r="M7243" t="s">
        <v>87</v>
      </c>
      <c r="N7243" t="s">
        <v>88</v>
      </c>
      <c r="O7243" t="s">
        <v>85</v>
      </c>
      <c r="P7243" t="s">
        <v>86</v>
      </c>
      <c r="Q7243">
        <v>72</v>
      </c>
      <c r="R7243">
        <v>72</v>
      </c>
      <c r="S7243">
        <v>72</v>
      </c>
      <c r="T7243">
        <v>72</v>
      </c>
      <c r="U7243">
        <v>73</v>
      </c>
      <c r="V7243">
        <v>73</v>
      </c>
      <c r="W7243">
        <v>73</v>
      </c>
      <c r="X7243">
        <v>73</v>
      </c>
      <c r="Y7243">
        <v>73</v>
      </c>
      <c r="Z7243">
        <v>73</v>
      </c>
      <c r="AA7243">
        <v>73</v>
      </c>
      <c r="AB7243">
        <v>73</v>
      </c>
      <c r="AC7243">
        <v>73</v>
      </c>
      <c r="AD7243">
        <v>72</v>
      </c>
      <c r="AE7243">
        <v>72</v>
      </c>
      <c r="AF7243">
        <v>72</v>
      </c>
      <c r="AG7243">
        <v>72</v>
      </c>
      <c r="AH7243">
        <v>72</v>
      </c>
      <c r="AI7243">
        <v>72</v>
      </c>
      <c r="AJ7243">
        <v>71</v>
      </c>
      <c r="AK7243">
        <v>71</v>
      </c>
      <c r="AL7243">
        <v>71</v>
      </c>
      <c r="AM7243">
        <v>71</v>
      </c>
      <c r="AN7243">
        <v>70</v>
      </c>
      <c r="AO7243">
        <v>70</v>
      </c>
      <c r="AP7243">
        <v>70</v>
      </c>
      <c r="AQ7243">
        <v>69</v>
      </c>
    </row>
    <row r="7244" spans="1:43">
      <c r="A7244" t="s">
        <v>4536</v>
      </c>
      <c r="B7244" t="s">
        <v>4537</v>
      </c>
      <c r="C7244" t="s">
        <v>4534</v>
      </c>
      <c r="D7244" t="s">
        <v>4535</v>
      </c>
      <c r="E7244" t="s">
        <v>4236</v>
      </c>
      <c r="F7244" t="s">
        <v>4237</v>
      </c>
      <c r="G7244" t="s">
        <v>80</v>
      </c>
      <c r="H7244" t="s">
        <v>81</v>
      </c>
      <c r="I7244" s="2">
        <v>1</v>
      </c>
      <c r="J7244" s="2">
        <v>0</v>
      </c>
      <c r="K7244" s="2">
        <v>0</v>
      </c>
      <c r="L7244" t="s">
        <v>120</v>
      </c>
      <c r="M7244" t="s">
        <v>89</v>
      </c>
      <c r="N7244" t="s">
        <v>90</v>
      </c>
      <c r="O7244" t="s">
        <v>85</v>
      </c>
      <c r="P7244" t="s">
        <v>86</v>
      </c>
      <c r="Q7244">
        <v>72</v>
      </c>
      <c r="R7244">
        <v>74</v>
      </c>
      <c r="S7244">
        <v>75</v>
      </c>
      <c r="T7244">
        <v>77</v>
      </c>
      <c r="U7244">
        <v>78</v>
      </c>
      <c r="V7244">
        <v>79</v>
      </c>
      <c r="W7244">
        <v>80</v>
      </c>
      <c r="X7244">
        <v>81</v>
      </c>
      <c r="Y7244">
        <v>82</v>
      </c>
      <c r="Z7244">
        <v>83</v>
      </c>
      <c r="AA7244">
        <v>84</v>
      </c>
      <c r="AB7244">
        <v>84</v>
      </c>
      <c r="AC7244">
        <v>85</v>
      </c>
      <c r="AD7244">
        <v>86</v>
      </c>
      <c r="AE7244">
        <v>86</v>
      </c>
      <c r="AF7244">
        <v>85</v>
      </c>
      <c r="AG7244">
        <v>85</v>
      </c>
      <c r="AH7244">
        <v>84</v>
      </c>
      <c r="AI7244">
        <v>84</v>
      </c>
      <c r="AJ7244">
        <v>83</v>
      </c>
      <c r="AK7244">
        <v>83</v>
      </c>
      <c r="AL7244">
        <v>82</v>
      </c>
      <c r="AM7244">
        <v>82</v>
      </c>
      <c r="AN7244">
        <v>81</v>
      </c>
      <c r="AO7244">
        <v>80</v>
      </c>
      <c r="AP7244">
        <v>80</v>
      </c>
      <c r="AQ7244">
        <v>79</v>
      </c>
    </row>
    <row r="7245" spans="1:43">
      <c r="A7245" t="s">
        <v>4536</v>
      </c>
      <c r="B7245" t="s">
        <v>4537</v>
      </c>
      <c r="C7245" t="s">
        <v>4534</v>
      </c>
      <c r="D7245" t="s">
        <v>4535</v>
      </c>
      <c r="E7245" t="s">
        <v>4236</v>
      </c>
      <c r="F7245" t="s">
        <v>4237</v>
      </c>
      <c r="G7245" t="s">
        <v>80</v>
      </c>
      <c r="H7245" t="s">
        <v>81</v>
      </c>
      <c r="I7245" s="2">
        <v>1</v>
      </c>
      <c r="J7245" s="2">
        <v>0</v>
      </c>
      <c r="K7245" s="2">
        <v>0</v>
      </c>
      <c r="L7245" t="s">
        <v>120</v>
      </c>
      <c r="M7245" t="s">
        <v>83</v>
      </c>
      <c r="N7245" t="s">
        <v>91</v>
      </c>
      <c r="O7245" t="s">
        <v>85</v>
      </c>
      <c r="P7245" t="s">
        <v>86</v>
      </c>
      <c r="Q7245">
        <v>72</v>
      </c>
      <c r="R7245">
        <v>73</v>
      </c>
      <c r="S7245">
        <v>73</v>
      </c>
      <c r="T7245">
        <v>74</v>
      </c>
      <c r="U7245">
        <v>75</v>
      </c>
      <c r="V7245">
        <v>76</v>
      </c>
      <c r="W7245">
        <v>76</v>
      </c>
      <c r="X7245">
        <v>77</v>
      </c>
      <c r="Y7245">
        <v>78</v>
      </c>
      <c r="Z7245">
        <v>78</v>
      </c>
      <c r="AA7245">
        <v>79</v>
      </c>
      <c r="AB7245">
        <v>79</v>
      </c>
      <c r="AC7245">
        <v>79</v>
      </c>
      <c r="AD7245">
        <v>80</v>
      </c>
      <c r="AE7245">
        <v>80</v>
      </c>
      <c r="AF7245">
        <v>81</v>
      </c>
      <c r="AG7245">
        <v>81</v>
      </c>
      <c r="AH7245">
        <v>81</v>
      </c>
      <c r="AI7245">
        <v>81</v>
      </c>
      <c r="AJ7245">
        <v>82</v>
      </c>
      <c r="AK7245">
        <v>82</v>
      </c>
      <c r="AL7245">
        <v>81</v>
      </c>
      <c r="AM7245">
        <v>81</v>
      </c>
      <c r="AN7245">
        <v>80</v>
      </c>
      <c r="AO7245">
        <v>80</v>
      </c>
      <c r="AP7245">
        <v>79</v>
      </c>
      <c r="AQ7245">
        <v>78</v>
      </c>
    </row>
    <row r="7246" spans="1:43">
      <c r="A7246" t="s">
        <v>4538</v>
      </c>
      <c r="B7246" t="s">
        <v>4539</v>
      </c>
      <c r="C7246" t="s">
        <v>4534</v>
      </c>
      <c r="D7246" t="s">
        <v>4535</v>
      </c>
      <c r="E7246" t="s">
        <v>4236</v>
      </c>
      <c r="F7246" t="s">
        <v>4237</v>
      </c>
      <c r="G7246" t="s">
        <v>80</v>
      </c>
      <c r="H7246" t="s">
        <v>81</v>
      </c>
      <c r="I7246" s="2">
        <v>1</v>
      </c>
      <c r="J7246" s="2">
        <v>0</v>
      </c>
      <c r="K7246" s="2">
        <v>0</v>
      </c>
      <c r="L7246" t="s">
        <v>120</v>
      </c>
      <c r="M7246" t="s">
        <v>83</v>
      </c>
      <c r="N7246" t="s">
        <v>84</v>
      </c>
      <c r="O7246" t="s">
        <v>85</v>
      </c>
      <c r="P7246" t="s">
        <v>86</v>
      </c>
      <c r="Q7246">
        <v>87</v>
      </c>
      <c r="R7246">
        <v>88</v>
      </c>
      <c r="S7246">
        <v>89</v>
      </c>
      <c r="T7246">
        <v>90</v>
      </c>
      <c r="U7246">
        <v>90</v>
      </c>
      <c r="V7246">
        <v>91</v>
      </c>
      <c r="W7246">
        <v>92</v>
      </c>
      <c r="X7246">
        <v>93</v>
      </c>
      <c r="Y7246">
        <v>94</v>
      </c>
      <c r="Z7246">
        <v>94</v>
      </c>
      <c r="AA7246">
        <v>95</v>
      </c>
      <c r="AB7246">
        <v>95</v>
      </c>
      <c r="AC7246">
        <v>96</v>
      </c>
      <c r="AD7246">
        <v>96</v>
      </c>
      <c r="AE7246">
        <v>97</v>
      </c>
      <c r="AF7246">
        <v>97</v>
      </c>
      <c r="AG7246">
        <v>98</v>
      </c>
      <c r="AH7246">
        <v>98</v>
      </c>
      <c r="AI7246">
        <v>98</v>
      </c>
      <c r="AJ7246">
        <v>99</v>
      </c>
      <c r="AK7246">
        <v>99</v>
      </c>
      <c r="AL7246">
        <v>98</v>
      </c>
      <c r="AM7246">
        <v>98</v>
      </c>
      <c r="AN7246">
        <v>97</v>
      </c>
      <c r="AO7246">
        <v>96</v>
      </c>
      <c r="AP7246">
        <v>96</v>
      </c>
      <c r="AQ7246">
        <v>95</v>
      </c>
    </row>
    <row r="7247" spans="1:43">
      <c r="A7247" t="s">
        <v>4538</v>
      </c>
      <c r="B7247" t="s">
        <v>4539</v>
      </c>
      <c r="C7247" t="s">
        <v>4534</v>
      </c>
      <c r="D7247" t="s">
        <v>4535</v>
      </c>
      <c r="E7247" t="s">
        <v>4236</v>
      </c>
      <c r="F7247" t="s">
        <v>4237</v>
      </c>
      <c r="G7247" t="s">
        <v>80</v>
      </c>
      <c r="H7247" t="s">
        <v>81</v>
      </c>
      <c r="I7247" s="2">
        <v>1</v>
      </c>
      <c r="J7247" s="2">
        <v>0</v>
      </c>
      <c r="K7247" s="2">
        <v>0</v>
      </c>
      <c r="L7247" t="s">
        <v>120</v>
      </c>
      <c r="M7247" t="s">
        <v>87</v>
      </c>
      <c r="N7247" t="s">
        <v>88</v>
      </c>
      <c r="O7247" t="s">
        <v>85</v>
      </c>
      <c r="P7247" t="s">
        <v>86</v>
      </c>
      <c r="Q7247">
        <v>87</v>
      </c>
      <c r="R7247">
        <v>87</v>
      </c>
      <c r="S7247">
        <v>87</v>
      </c>
      <c r="T7247">
        <v>87</v>
      </c>
      <c r="U7247">
        <v>87</v>
      </c>
      <c r="V7247">
        <v>88</v>
      </c>
      <c r="W7247">
        <v>88</v>
      </c>
      <c r="X7247">
        <v>88</v>
      </c>
      <c r="Y7247">
        <v>88</v>
      </c>
      <c r="Z7247">
        <v>88</v>
      </c>
      <c r="AA7247">
        <v>88</v>
      </c>
      <c r="AB7247">
        <v>87</v>
      </c>
      <c r="AC7247">
        <v>87</v>
      </c>
      <c r="AD7247">
        <v>87</v>
      </c>
      <c r="AE7247">
        <v>87</v>
      </c>
      <c r="AF7247">
        <v>87</v>
      </c>
      <c r="AG7247">
        <v>87</v>
      </c>
      <c r="AH7247">
        <v>87</v>
      </c>
      <c r="AI7247">
        <v>86</v>
      </c>
      <c r="AJ7247">
        <v>86</v>
      </c>
      <c r="AK7247">
        <v>86</v>
      </c>
      <c r="AL7247">
        <v>85</v>
      </c>
      <c r="AM7247">
        <v>85</v>
      </c>
      <c r="AN7247">
        <v>85</v>
      </c>
      <c r="AO7247">
        <v>84</v>
      </c>
      <c r="AP7247">
        <v>84</v>
      </c>
      <c r="AQ7247">
        <v>84</v>
      </c>
    </row>
    <row r="7248" spans="1:43">
      <c r="A7248" t="s">
        <v>4538</v>
      </c>
      <c r="B7248" t="s">
        <v>4539</v>
      </c>
      <c r="C7248" t="s">
        <v>4534</v>
      </c>
      <c r="D7248" t="s">
        <v>4535</v>
      </c>
      <c r="E7248" t="s">
        <v>4236</v>
      </c>
      <c r="F7248" t="s">
        <v>4237</v>
      </c>
      <c r="G7248" t="s">
        <v>80</v>
      </c>
      <c r="H7248" t="s">
        <v>81</v>
      </c>
      <c r="I7248" s="2">
        <v>1</v>
      </c>
      <c r="J7248" s="2">
        <v>0</v>
      </c>
      <c r="K7248" s="2">
        <v>0</v>
      </c>
      <c r="L7248" t="s">
        <v>120</v>
      </c>
      <c r="M7248" t="s">
        <v>89</v>
      </c>
      <c r="N7248" t="s">
        <v>90</v>
      </c>
      <c r="O7248" t="s">
        <v>85</v>
      </c>
      <c r="P7248" t="s">
        <v>86</v>
      </c>
      <c r="Q7248">
        <v>87</v>
      </c>
      <c r="R7248">
        <v>89</v>
      </c>
      <c r="S7248">
        <v>91</v>
      </c>
      <c r="T7248">
        <v>93</v>
      </c>
      <c r="U7248">
        <v>94</v>
      </c>
      <c r="V7248">
        <v>95</v>
      </c>
      <c r="W7248">
        <v>97</v>
      </c>
      <c r="X7248">
        <v>98</v>
      </c>
      <c r="Y7248">
        <v>99</v>
      </c>
      <c r="Z7248">
        <v>100</v>
      </c>
      <c r="AA7248">
        <v>101</v>
      </c>
      <c r="AB7248">
        <v>102</v>
      </c>
      <c r="AC7248">
        <v>103</v>
      </c>
      <c r="AD7248">
        <v>104</v>
      </c>
      <c r="AE7248">
        <v>104</v>
      </c>
      <c r="AF7248">
        <v>103</v>
      </c>
      <c r="AG7248">
        <v>103</v>
      </c>
      <c r="AH7248">
        <v>102</v>
      </c>
      <c r="AI7248">
        <v>101</v>
      </c>
      <c r="AJ7248">
        <v>101</v>
      </c>
      <c r="AK7248">
        <v>100</v>
      </c>
      <c r="AL7248">
        <v>100</v>
      </c>
      <c r="AM7248">
        <v>99</v>
      </c>
      <c r="AN7248">
        <v>98</v>
      </c>
      <c r="AO7248">
        <v>97</v>
      </c>
      <c r="AP7248">
        <v>97</v>
      </c>
      <c r="AQ7248">
        <v>96</v>
      </c>
    </row>
    <row r="7249" spans="1:43">
      <c r="A7249" t="s">
        <v>4538</v>
      </c>
      <c r="B7249" t="s">
        <v>4539</v>
      </c>
      <c r="C7249" t="s">
        <v>4534</v>
      </c>
      <c r="D7249" t="s">
        <v>4535</v>
      </c>
      <c r="E7249" t="s">
        <v>4236</v>
      </c>
      <c r="F7249" t="s">
        <v>4237</v>
      </c>
      <c r="G7249" t="s">
        <v>80</v>
      </c>
      <c r="H7249" t="s">
        <v>81</v>
      </c>
      <c r="I7249" s="2">
        <v>1</v>
      </c>
      <c r="J7249" s="2">
        <v>0</v>
      </c>
      <c r="K7249" s="2">
        <v>0</v>
      </c>
      <c r="L7249" t="s">
        <v>120</v>
      </c>
      <c r="M7249" t="s">
        <v>83</v>
      </c>
      <c r="N7249" t="s">
        <v>91</v>
      </c>
      <c r="O7249" t="s">
        <v>85</v>
      </c>
      <c r="P7249" t="s">
        <v>86</v>
      </c>
      <c r="Q7249">
        <v>87</v>
      </c>
      <c r="R7249">
        <v>88</v>
      </c>
      <c r="S7249">
        <v>89</v>
      </c>
      <c r="T7249">
        <v>90</v>
      </c>
      <c r="U7249">
        <v>90</v>
      </c>
      <c r="V7249">
        <v>91</v>
      </c>
      <c r="W7249">
        <v>92</v>
      </c>
      <c r="X7249">
        <v>93</v>
      </c>
      <c r="Y7249">
        <v>94</v>
      </c>
      <c r="Z7249">
        <v>94</v>
      </c>
      <c r="AA7249">
        <v>95</v>
      </c>
      <c r="AB7249">
        <v>95</v>
      </c>
      <c r="AC7249">
        <v>96</v>
      </c>
      <c r="AD7249">
        <v>96</v>
      </c>
      <c r="AE7249">
        <v>97</v>
      </c>
      <c r="AF7249">
        <v>97</v>
      </c>
      <c r="AG7249">
        <v>98</v>
      </c>
      <c r="AH7249">
        <v>98</v>
      </c>
      <c r="AI7249">
        <v>98</v>
      </c>
      <c r="AJ7249">
        <v>99</v>
      </c>
      <c r="AK7249">
        <v>99</v>
      </c>
      <c r="AL7249">
        <v>98</v>
      </c>
      <c r="AM7249">
        <v>98</v>
      </c>
      <c r="AN7249">
        <v>97</v>
      </c>
      <c r="AO7249">
        <v>96</v>
      </c>
      <c r="AP7249">
        <v>96</v>
      </c>
      <c r="AQ7249">
        <v>95</v>
      </c>
    </row>
    <row r="7250" spans="1:43">
      <c r="A7250" t="s">
        <v>4540</v>
      </c>
      <c r="B7250" t="s">
        <v>4541</v>
      </c>
      <c r="C7250" t="s">
        <v>4530</v>
      </c>
      <c r="D7250" t="s">
        <v>4531</v>
      </c>
      <c r="E7250" t="s">
        <v>4236</v>
      </c>
      <c r="F7250" t="s">
        <v>4237</v>
      </c>
      <c r="G7250" t="s">
        <v>80</v>
      </c>
      <c r="H7250" t="s">
        <v>81</v>
      </c>
      <c r="I7250" s="2">
        <v>1</v>
      </c>
      <c r="J7250" s="2">
        <v>0</v>
      </c>
      <c r="K7250" s="2">
        <v>0</v>
      </c>
      <c r="L7250" t="s">
        <v>120</v>
      </c>
      <c r="M7250" t="s">
        <v>83</v>
      </c>
      <c r="N7250" t="s">
        <v>84</v>
      </c>
      <c r="O7250" t="s">
        <v>85</v>
      </c>
      <c r="P7250" t="s">
        <v>86</v>
      </c>
      <c r="Q7250">
        <v>16</v>
      </c>
      <c r="R7250">
        <v>16</v>
      </c>
      <c r="S7250">
        <v>16</v>
      </c>
      <c r="T7250">
        <v>16</v>
      </c>
      <c r="U7250">
        <v>16</v>
      </c>
      <c r="V7250">
        <v>17</v>
      </c>
      <c r="W7250">
        <v>17</v>
      </c>
      <c r="X7250">
        <v>17</v>
      </c>
      <c r="Y7250">
        <v>17</v>
      </c>
      <c r="Z7250">
        <v>17</v>
      </c>
      <c r="AA7250">
        <v>17</v>
      </c>
      <c r="AB7250">
        <v>17</v>
      </c>
      <c r="AC7250">
        <v>17</v>
      </c>
      <c r="AD7250">
        <v>18</v>
      </c>
      <c r="AE7250">
        <v>18</v>
      </c>
      <c r="AF7250">
        <v>18</v>
      </c>
      <c r="AG7250">
        <v>18</v>
      </c>
      <c r="AH7250">
        <v>18</v>
      </c>
      <c r="AI7250">
        <v>18</v>
      </c>
      <c r="AJ7250">
        <v>18</v>
      </c>
      <c r="AK7250">
        <v>18</v>
      </c>
      <c r="AL7250">
        <v>18</v>
      </c>
      <c r="AM7250">
        <v>18</v>
      </c>
      <c r="AN7250">
        <v>18</v>
      </c>
      <c r="AO7250">
        <v>18</v>
      </c>
      <c r="AP7250">
        <v>17</v>
      </c>
      <c r="AQ7250">
        <v>17</v>
      </c>
    </row>
    <row r="7251" spans="1:43">
      <c r="A7251" t="s">
        <v>4540</v>
      </c>
      <c r="B7251" t="s">
        <v>4541</v>
      </c>
      <c r="C7251" t="s">
        <v>4530</v>
      </c>
      <c r="D7251" t="s">
        <v>4531</v>
      </c>
      <c r="E7251" t="s">
        <v>4236</v>
      </c>
      <c r="F7251" t="s">
        <v>4237</v>
      </c>
      <c r="G7251" t="s">
        <v>80</v>
      </c>
      <c r="H7251" t="s">
        <v>81</v>
      </c>
      <c r="I7251" s="2">
        <v>1</v>
      </c>
      <c r="J7251" s="2">
        <v>0</v>
      </c>
      <c r="K7251" s="2">
        <v>0</v>
      </c>
      <c r="L7251" t="s">
        <v>120</v>
      </c>
      <c r="M7251" t="s">
        <v>87</v>
      </c>
      <c r="N7251" t="s">
        <v>88</v>
      </c>
      <c r="O7251" t="s">
        <v>85</v>
      </c>
      <c r="P7251" t="s">
        <v>86</v>
      </c>
      <c r="Q7251">
        <v>16</v>
      </c>
      <c r="R7251">
        <v>16</v>
      </c>
      <c r="S7251">
        <v>16</v>
      </c>
      <c r="T7251">
        <v>16</v>
      </c>
      <c r="U7251">
        <v>16</v>
      </c>
      <c r="V7251">
        <v>16</v>
      </c>
      <c r="W7251">
        <v>16</v>
      </c>
      <c r="X7251">
        <v>16</v>
      </c>
      <c r="Y7251">
        <v>16</v>
      </c>
      <c r="Z7251">
        <v>16</v>
      </c>
      <c r="AA7251">
        <v>16</v>
      </c>
      <c r="AB7251">
        <v>16</v>
      </c>
      <c r="AC7251">
        <v>16</v>
      </c>
      <c r="AD7251">
        <v>16</v>
      </c>
      <c r="AE7251">
        <v>16</v>
      </c>
      <c r="AF7251">
        <v>16</v>
      </c>
      <c r="AG7251">
        <v>16</v>
      </c>
      <c r="AH7251">
        <v>16</v>
      </c>
      <c r="AI7251">
        <v>16</v>
      </c>
      <c r="AJ7251">
        <v>15</v>
      </c>
      <c r="AK7251">
        <v>15</v>
      </c>
      <c r="AL7251">
        <v>15</v>
      </c>
      <c r="AM7251">
        <v>15</v>
      </c>
      <c r="AN7251">
        <v>15</v>
      </c>
      <c r="AO7251">
        <v>15</v>
      </c>
      <c r="AP7251">
        <v>15</v>
      </c>
      <c r="AQ7251">
        <v>15</v>
      </c>
    </row>
    <row r="7252" spans="1:43">
      <c r="A7252" t="s">
        <v>4540</v>
      </c>
      <c r="B7252" t="s">
        <v>4541</v>
      </c>
      <c r="C7252" t="s">
        <v>4530</v>
      </c>
      <c r="D7252" t="s">
        <v>4531</v>
      </c>
      <c r="E7252" t="s">
        <v>4236</v>
      </c>
      <c r="F7252" t="s">
        <v>4237</v>
      </c>
      <c r="G7252" t="s">
        <v>80</v>
      </c>
      <c r="H7252" t="s">
        <v>81</v>
      </c>
      <c r="I7252" s="2">
        <v>1</v>
      </c>
      <c r="J7252" s="2">
        <v>0</v>
      </c>
      <c r="K7252" s="2">
        <v>0</v>
      </c>
      <c r="L7252" t="s">
        <v>120</v>
      </c>
      <c r="M7252" t="s">
        <v>89</v>
      </c>
      <c r="N7252" t="s">
        <v>90</v>
      </c>
      <c r="O7252" t="s">
        <v>85</v>
      </c>
      <c r="P7252" t="s">
        <v>86</v>
      </c>
      <c r="Q7252">
        <v>16</v>
      </c>
      <c r="R7252">
        <v>16</v>
      </c>
      <c r="S7252">
        <v>16</v>
      </c>
      <c r="T7252">
        <v>17</v>
      </c>
      <c r="U7252">
        <v>17</v>
      </c>
      <c r="V7252">
        <v>17</v>
      </c>
      <c r="W7252">
        <v>18</v>
      </c>
      <c r="X7252">
        <v>18</v>
      </c>
      <c r="Y7252">
        <v>18</v>
      </c>
      <c r="Z7252">
        <v>18</v>
      </c>
      <c r="AA7252">
        <v>18</v>
      </c>
      <c r="AB7252">
        <v>18</v>
      </c>
      <c r="AC7252">
        <v>19</v>
      </c>
      <c r="AD7252">
        <v>19</v>
      </c>
      <c r="AE7252">
        <v>19</v>
      </c>
      <c r="AF7252">
        <v>19</v>
      </c>
      <c r="AG7252">
        <v>19</v>
      </c>
      <c r="AH7252">
        <v>19</v>
      </c>
      <c r="AI7252">
        <v>18</v>
      </c>
      <c r="AJ7252">
        <v>18</v>
      </c>
      <c r="AK7252">
        <v>18</v>
      </c>
      <c r="AL7252">
        <v>18</v>
      </c>
      <c r="AM7252">
        <v>18</v>
      </c>
      <c r="AN7252">
        <v>18</v>
      </c>
      <c r="AO7252">
        <v>18</v>
      </c>
      <c r="AP7252">
        <v>18</v>
      </c>
      <c r="AQ7252">
        <v>18</v>
      </c>
    </row>
    <row r="7253" spans="1:43">
      <c r="A7253" t="s">
        <v>4540</v>
      </c>
      <c r="B7253" t="s">
        <v>4541</v>
      </c>
      <c r="C7253" t="s">
        <v>4530</v>
      </c>
      <c r="D7253" t="s">
        <v>4531</v>
      </c>
      <c r="E7253" t="s">
        <v>4236</v>
      </c>
      <c r="F7253" t="s">
        <v>4237</v>
      </c>
      <c r="G7253" t="s">
        <v>80</v>
      </c>
      <c r="H7253" t="s">
        <v>81</v>
      </c>
      <c r="I7253" s="2">
        <v>1</v>
      </c>
      <c r="J7253" s="2">
        <v>0</v>
      </c>
      <c r="K7253" s="2">
        <v>0</v>
      </c>
      <c r="L7253" t="s">
        <v>120</v>
      </c>
      <c r="M7253" t="s">
        <v>83</v>
      </c>
      <c r="N7253" t="s">
        <v>91</v>
      </c>
      <c r="O7253" t="s">
        <v>85</v>
      </c>
      <c r="P7253" t="s">
        <v>86</v>
      </c>
      <c r="Q7253">
        <v>16</v>
      </c>
      <c r="R7253">
        <v>16</v>
      </c>
      <c r="S7253">
        <v>16</v>
      </c>
      <c r="T7253">
        <v>16</v>
      </c>
      <c r="U7253">
        <v>16</v>
      </c>
      <c r="V7253">
        <v>17</v>
      </c>
      <c r="W7253">
        <v>17</v>
      </c>
      <c r="X7253">
        <v>17</v>
      </c>
      <c r="Y7253">
        <v>17</v>
      </c>
      <c r="Z7253">
        <v>17</v>
      </c>
      <c r="AA7253">
        <v>17</v>
      </c>
      <c r="AB7253">
        <v>17</v>
      </c>
      <c r="AC7253">
        <v>17</v>
      </c>
      <c r="AD7253">
        <v>18</v>
      </c>
      <c r="AE7253">
        <v>18</v>
      </c>
      <c r="AF7253">
        <v>18</v>
      </c>
      <c r="AG7253">
        <v>18</v>
      </c>
      <c r="AH7253">
        <v>18</v>
      </c>
      <c r="AI7253">
        <v>18</v>
      </c>
      <c r="AJ7253">
        <v>18</v>
      </c>
      <c r="AK7253">
        <v>18</v>
      </c>
      <c r="AL7253">
        <v>18</v>
      </c>
      <c r="AM7253">
        <v>18</v>
      </c>
      <c r="AN7253">
        <v>18</v>
      </c>
      <c r="AO7253">
        <v>18</v>
      </c>
      <c r="AP7253">
        <v>17</v>
      </c>
      <c r="AQ7253">
        <v>17</v>
      </c>
    </row>
    <row r="7254" spans="1:43">
      <c r="A7254" t="s">
        <v>4542</v>
      </c>
      <c r="B7254" t="s">
        <v>4543</v>
      </c>
      <c r="C7254" t="s">
        <v>4534</v>
      </c>
      <c r="D7254" t="s">
        <v>4535</v>
      </c>
      <c r="E7254" t="s">
        <v>4236</v>
      </c>
      <c r="F7254" t="s">
        <v>4237</v>
      </c>
      <c r="G7254" t="s">
        <v>80</v>
      </c>
      <c r="H7254" t="s">
        <v>81</v>
      </c>
      <c r="I7254" s="2">
        <v>1</v>
      </c>
      <c r="J7254" s="2">
        <v>0</v>
      </c>
      <c r="K7254" s="2">
        <v>0</v>
      </c>
      <c r="L7254" t="s">
        <v>120</v>
      </c>
      <c r="M7254" t="s">
        <v>83</v>
      </c>
      <c r="N7254" t="s">
        <v>84</v>
      </c>
      <c r="O7254" t="s">
        <v>85</v>
      </c>
      <c r="P7254" t="s">
        <v>86</v>
      </c>
      <c r="Q7254">
        <v>0</v>
      </c>
      <c r="R7254">
        <v>0</v>
      </c>
      <c r="S7254">
        <v>0</v>
      </c>
      <c r="T7254">
        <v>0</v>
      </c>
      <c r="U7254">
        <v>0</v>
      </c>
      <c r="V7254">
        <v>0</v>
      </c>
      <c r="W7254">
        <v>0</v>
      </c>
      <c r="X7254">
        <v>0</v>
      </c>
      <c r="Y7254">
        <v>0</v>
      </c>
      <c r="Z7254">
        <v>0</v>
      </c>
      <c r="AA7254">
        <v>0</v>
      </c>
      <c r="AB7254">
        <v>0</v>
      </c>
      <c r="AC7254">
        <v>0</v>
      </c>
      <c r="AD7254">
        <v>0</v>
      </c>
      <c r="AE7254">
        <v>0</v>
      </c>
      <c r="AF7254">
        <v>0</v>
      </c>
      <c r="AG7254">
        <v>0</v>
      </c>
      <c r="AH7254">
        <v>0</v>
      </c>
      <c r="AI7254">
        <v>0</v>
      </c>
      <c r="AJ7254">
        <v>0</v>
      </c>
      <c r="AK7254">
        <v>0</v>
      </c>
      <c r="AL7254">
        <v>0</v>
      </c>
      <c r="AM7254">
        <v>0</v>
      </c>
      <c r="AN7254">
        <v>0</v>
      </c>
      <c r="AO7254">
        <v>0</v>
      </c>
      <c r="AP7254">
        <v>0</v>
      </c>
      <c r="AQ7254">
        <v>0</v>
      </c>
    </row>
    <row r="7255" spans="1:43">
      <c r="A7255" t="s">
        <v>4542</v>
      </c>
      <c r="B7255" t="s">
        <v>4543</v>
      </c>
      <c r="C7255" t="s">
        <v>4534</v>
      </c>
      <c r="D7255" t="s">
        <v>4535</v>
      </c>
      <c r="E7255" t="s">
        <v>4236</v>
      </c>
      <c r="F7255" t="s">
        <v>4237</v>
      </c>
      <c r="G7255" t="s">
        <v>80</v>
      </c>
      <c r="H7255" t="s">
        <v>81</v>
      </c>
      <c r="I7255" s="2">
        <v>1</v>
      </c>
      <c r="J7255" s="2">
        <v>0</v>
      </c>
      <c r="K7255" s="2">
        <v>0</v>
      </c>
      <c r="L7255" t="s">
        <v>120</v>
      </c>
      <c r="M7255" t="s">
        <v>87</v>
      </c>
      <c r="N7255" t="s">
        <v>88</v>
      </c>
      <c r="O7255" t="s">
        <v>85</v>
      </c>
      <c r="P7255" t="s">
        <v>86</v>
      </c>
      <c r="Q7255">
        <v>0</v>
      </c>
      <c r="R7255">
        <v>0</v>
      </c>
      <c r="S7255">
        <v>0</v>
      </c>
      <c r="T7255">
        <v>0</v>
      </c>
      <c r="U7255">
        <v>0</v>
      </c>
      <c r="V7255">
        <v>0</v>
      </c>
      <c r="W7255">
        <v>0</v>
      </c>
      <c r="X7255">
        <v>0</v>
      </c>
      <c r="Y7255">
        <v>0</v>
      </c>
      <c r="Z7255">
        <v>0</v>
      </c>
      <c r="AA7255">
        <v>0</v>
      </c>
      <c r="AB7255">
        <v>0</v>
      </c>
      <c r="AC7255">
        <v>0</v>
      </c>
      <c r="AD7255">
        <v>0</v>
      </c>
      <c r="AE7255">
        <v>0</v>
      </c>
      <c r="AF7255">
        <v>0</v>
      </c>
      <c r="AG7255">
        <v>0</v>
      </c>
      <c r="AH7255">
        <v>0</v>
      </c>
      <c r="AI7255">
        <v>0</v>
      </c>
      <c r="AJ7255">
        <v>0</v>
      </c>
      <c r="AK7255">
        <v>0</v>
      </c>
      <c r="AL7255">
        <v>0</v>
      </c>
      <c r="AM7255">
        <v>0</v>
      </c>
      <c r="AN7255">
        <v>0</v>
      </c>
      <c r="AO7255">
        <v>0</v>
      </c>
      <c r="AP7255">
        <v>0</v>
      </c>
      <c r="AQ7255">
        <v>0</v>
      </c>
    </row>
    <row r="7256" spans="1:43">
      <c r="A7256" t="s">
        <v>4542</v>
      </c>
      <c r="B7256" t="s">
        <v>4543</v>
      </c>
      <c r="C7256" t="s">
        <v>4534</v>
      </c>
      <c r="D7256" t="s">
        <v>4535</v>
      </c>
      <c r="E7256" t="s">
        <v>4236</v>
      </c>
      <c r="F7256" t="s">
        <v>4237</v>
      </c>
      <c r="G7256" t="s">
        <v>80</v>
      </c>
      <c r="H7256" t="s">
        <v>81</v>
      </c>
      <c r="I7256" s="2">
        <v>1</v>
      </c>
      <c r="J7256" s="2">
        <v>0</v>
      </c>
      <c r="K7256" s="2">
        <v>0</v>
      </c>
      <c r="L7256" t="s">
        <v>120</v>
      </c>
      <c r="M7256" t="s">
        <v>89</v>
      </c>
      <c r="N7256" t="s">
        <v>90</v>
      </c>
      <c r="O7256" t="s">
        <v>85</v>
      </c>
      <c r="P7256" t="s">
        <v>86</v>
      </c>
      <c r="Q7256">
        <v>0</v>
      </c>
      <c r="R7256">
        <v>0</v>
      </c>
      <c r="S7256">
        <v>0</v>
      </c>
      <c r="T7256">
        <v>0</v>
      </c>
      <c r="U7256">
        <v>0</v>
      </c>
      <c r="V7256">
        <v>0</v>
      </c>
      <c r="W7256">
        <v>0</v>
      </c>
      <c r="X7256">
        <v>0</v>
      </c>
      <c r="Y7256">
        <v>0</v>
      </c>
      <c r="Z7256">
        <v>0</v>
      </c>
      <c r="AA7256">
        <v>0</v>
      </c>
      <c r="AB7256">
        <v>0</v>
      </c>
      <c r="AC7256">
        <v>0</v>
      </c>
      <c r="AD7256">
        <v>0</v>
      </c>
      <c r="AE7256">
        <v>0</v>
      </c>
      <c r="AF7256">
        <v>0</v>
      </c>
      <c r="AG7256">
        <v>0</v>
      </c>
      <c r="AH7256">
        <v>0</v>
      </c>
      <c r="AI7256">
        <v>0</v>
      </c>
      <c r="AJ7256">
        <v>0</v>
      </c>
      <c r="AK7256">
        <v>0</v>
      </c>
      <c r="AL7256">
        <v>0</v>
      </c>
      <c r="AM7256">
        <v>0</v>
      </c>
      <c r="AN7256">
        <v>0</v>
      </c>
      <c r="AO7256">
        <v>0</v>
      </c>
      <c r="AP7256">
        <v>0</v>
      </c>
      <c r="AQ7256">
        <v>0</v>
      </c>
    </row>
    <row r="7257" spans="1:43">
      <c r="A7257" t="s">
        <v>4542</v>
      </c>
      <c r="B7257" t="s">
        <v>4543</v>
      </c>
      <c r="C7257" t="s">
        <v>4534</v>
      </c>
      <c r="D7257" t="s">
        <v>4535</v>
      </c>
      <c r="E7257" t="s">
        <v>4236</v>
      </c>
      <c r="F7257" t="s">
        <v>4237</v>
      </c>
      <c r="G7257" t="s">
        <v>80</v>
      </c>
      <c r="H7257" t="s">
        <v>81</v>
      </c>
      <c r="I7257" s="2">
        <v>1</v>
      </c>
      <c r="J7257" s="2">
        <v>0</v>
      </c>
      <c r="K7257" s="2">
        <v>0</v>
      </c>
      <c r="L7257" t="s">
        <v>120</v>
      </c>
      <c r="M7257" t="s">
        <v>83</v>
      </c>
      <c r="N7257" t="s">
        <v>91</v>
      </c>
      <c r="O7257" t="s">
        <v>85</v>
      </c>
      <c r="P7257" t="s">
        <v>86</v>
      </c>
      <c r="Q7257">
        <v>0</v>
      </c>
      <c r="R7257">
        <v>0</v>
      </c>
      <c r="S7257">
        <v>0</v>
      </c>
      <c r="T7257">
        <v>0</v>
      </c>
      <c r="U7257">
        <v>0</v>
      </c>
      <c r="V7257">
        <v>0</v>
      </c>
      <c r="W7257">
        <v>0</v>
      </c>
      <c r="X7257">
        <v>0</v>
      </c>
      <c r="Y7257">
        <v>0</v>
      </c>
      <c r="Z7257">
        <v>0</v>
      </c>
      <c r="AA7257">
        <v>0</v>
      </c>
      <c r="AB7257">
        <v>0</v>
      </c>
      <c r="AC7257">
        <v>0</v>
      </c>
      <c r="AD7257">
        <v>0</v>
      </c>
      <c r="AE7257">
        <v>0</v>
      </c>
      <c r="AF7257">
        <v>0</v>
      </c>
      <c r="AG7257">
        <v>0</v>
      </c>
      <c r="AH7257">
        <v>0</v>
      </c>
      <c r="AI7257">
        <v>0</v>
      </c>
      <c r="AJ7257">
        <v>0</v>
      </c>
      <c r="AK7257">
        <v>0</v>
      </c>
      <c r="AL7257">
        <v>0</v>
      </c>
      <c r="AM7257">
        <v>0</v>
      </c>
      <c r="AN7257">
        <v>0</v>
      </c>
      <c r="AO7257">
        <v>0</v>
      </c>
      <c r="AP7257">
        <v>0</v>
      </c>
      <c r="AQ7257">
        <v>0</v>
      </c>
    </row>
    <row r="7258" spans="1:43">
      <c r="A7258" t="s">
        <v>4544</v>
      </c>
      <c r="B7258" t="s">
        <v>4545</v>
      </c>
      <c r="C7258" t="s">
        <v>4530</v>
      </c>
      <c r="D7258" t="s">
        <v>4531</v>
      </c>
      <c r="E7258" t="s">
        <v>4236</v>
      </c>
      <c r="F7258" t="s">
        <v>4237</v>
      </c>
      <c r="G7258" t="s">
        <v>80</v>
      </c>
      <c r="H7258" t="s">
        <v>81</v>
      </c>
      <c r="I7258" s="2">
        <v>1</v>
      </c>
      <c r="J7258" s="2">
        <v>0</v>
      </c>
      <c r="K7258" s="2">
        <v>0</v>
      </c>
      <c r="L7258" t="s">
        <v>120</v>
      </c>
      <c r="M7258" t="s">
        <v>83</v>
      </c>
      <c r="N7258" t="s">
        <v>84</v>
      </c>
      <c r="O7258" t="s">
        <v>85</v>
      </c>
      <c r="P7258" t="s">
        <v>86</v>
      </c>
      <c r="Q7258">
        <v>20</v>
      </c>
      <c r="R7258">
        <v>20</v>
      </c>
      <c r="S7258">
        <v>21</v>
      </c>
      <c r="T7258">
        <v>21</v>
      </c>
      <c r="U7258">
        <v>21</v>
      </c>
      <c r="V7258">
        <v>21</v>
      </c>
      <c r="W7258">
        <v>21</v>
      </c>
      <c r="X7258">
        <v>22</v>
      </c>
      <c r="Y7258">
        <v>22</v>
      </c>
      <c r="Z7258">
        <v>22</v>
      </c>
      <c r="AA7258">
        <v>22</v>
      </c>
      <c r="AB7258">
        <v>22</v>
      </c>
      <c r="AC7258">
        <v>22</v>
      </c>
      <c r="AD7258">
        <v>23</v>
      </c>
      <c r="AE7258">
        <v>23</v>
      </c>
      <c r="AF7258">
        <v>23</v>
      </c>
      <c r="AG7258">
        <v>23</v>
      </c>
      <c r="AH7258">
        <v>23</v>
      </c>
      <c r="AI7258">
        <v>23</v>
      </c>
      <c r="AJ7258">
        <v>23</v>
      </c>
      <c r="AK7258">
        <v>23</v>
      </c>
      <c r="AL7258">
        <v>23</v>
      </c>
      <c r="AM7258">
        <v>23</v>
      </c>
      <c r="AN7258">
        <v>23</v>
      </c>
      <c r="AO7258">
        <v>23</v>
      </c>
      <c r="AP7258">
        <v>23</v>
      </c>
      <c r="AQ7258">
        <v>23</v>
      </c>
    </row>
    <row r="7259" spans="1:43">
      <c r="A7259" t="s">
        <v>4544</v>
      </c>
      <c r="B7259" t="s">
        <v>4545</v>
      </c>
      <c r="C7259" t="s">
        <v>4530</v>
      </c>
      <c r="D7259" t="s">
        <v>4531</v>
      </c>
      <c r="E7259" t="s">
        <v>4236</v>
      </c>
      <c r="F7259" t="s">
        <v>4237</v>
      </c>
      <c r="G7259" t="s">
        <v>80</v>
      </c>
      <c r="H7259" t="s">
        <v>81</v>
      </c>
      <c r="I7259" s="2">
        <v>1</v>
      </c>
      <c r="J7259" s="2">
        <v>0</v>
      </c>
      <c r="K7259" s="2">
        <v>0</v>
      </c>
      <c r="L7259" t="s">
        <v>120</v>
      </c>
      <c r="M7259" t="s">
        <v>87</v>
      </c>
      <c r="N7259" t="s">
        <v>88</v>
      </c>
      <c r="O7259" t="s">
        <v>85</v>
      </c>
      <c r="P7259" t="s">
        <v>86</v>
      </c>
      <c r="Q7259">
        <v>20</v>
      </c>
      <c r="R7259">
        <v>20</v>
      </c>
      <c r="S7259">
        <v>20</v>
      </c>
      <c r="T7259">
        <v>20</v>
      </c>
      <c r="U7259">
        <v>20</v>
      </c>
      <c r="V7259">
        <v>20</v>
      </c>
      <c r="W7259">
        <v>20</v>
      </c>
      <c r="X7259">
        <v>20</v>
      </c>
      <c r="Y7259">
        <v>20</v>
      </c>
      <c r="Z7259">
        <v>20</v>
      </c>
      <c r="AA7259">
        <v>20</v>
      </c>
      <c r="AB7259">
        <v>20</v>
      </c>
      <c r="AC7259">
        <v>20</v>
      </c>
      <c r="AD7259">
        <v>20</v>
      </c>
      <c r="AE7259">
        <v>20</v>
      </c>
      <c r="AF7259">
        <v>20</v>
      </c>
      <c r="AG7259">
        <v>20</v>
      </c>
      <c r="AH7259">
        <v>20</v>
      </c>
      <c r="AI7259">
        <v>20</v>
      </c>
      <c r="AJ7259">
        <v>20</v>
      </c>
      <c r="AK7259">
        <v>20</v>
      </c>
      <c r="AL7259">
        <v>20</v>
      </c>
      <c r="AM7259">
        <v>20</v>
      </c>
      <c r="AN7259">
        <v>20</v>
      </c>
      <c r="AO7259">
        <v>20</v>
      </c>
      <c r="AP7259">
        <v>20</v>
      </c>
      <c r="AQ7259">
        <v>20</v>
      </c>
    </row>
    <row r="7260" spans="1:43">
      <c r="A7260" t="s">
        <v>4544</v>
      </c>
      <c r="B7260" t="s">
        <v>4545</v>
      </c>
      <c r="C7260" t="s">
        <v>4530</v>
      </c>
      <c r="D7260" t="s">
        <v>4531</v>
      </c>
      <c r="E7260" t="s">
        <v>4236</v>
      </c>
      <c r="F7260" t="s">
        <v>4237</v>
      </c>
      <c r="G7260" t="s">
        <v>80</v>
      </c>
      <c r="H7260" t="s">
        <v>81</v>
      </c>
      <c r="I7260" s="2">
        <v>1</v>
      </c>
      <c r="J7260" s="2">
        <v>0</v>
      </c>
      <c r="K7260" s="2">
        <v>0</v>
      </c>
      <c r="L7260" t="s">
        <v>120</v>
      </c>
      <c r="M7260" t="s">
        <v>89</v>
      </c>
      <c r="N7260" t="s">
        <v>90</v>
      </c>
      <c r="O7260" t="s">
        <v>85</v>
      </c>
      <c r="P7260" t="s">
        <v>86</v>
      </c>
      <c r="Q7260">
        <v>20</v>
      </c>
      <c r="R7260">
        <v>21</v>
      </c>
      <c r="S7260">
        <v>21</v>
      </c>
      <c r="T7260">
        <v>21</v>
      </c>
      <c r="U7260">
        <v>22</v>
      </c>
      <c r="V7260">
        <v>22</v>
      </c>
      <c r="W7260">
        <v>22</v>
      </c>
      <c r="X7260">
        <v>23</v>
      </c>
      <c r="Y7260">
        <v>23</v>
      </c>
      <c r="Z7260">
        <v>23</v>
      </c>
      <c r="AA7260">
        <v>24</v>
      </c>
      <c r="AB7260">
        <v>24</v>
      </c>
      <c r="AC7260">
        <v>24</v>
      </c>
      <c r="AD7260">
        <v>24</v>
      </c>
      <c r="AE7260">
        <v>24</v>
      </c>
      <c r="AF7260">
        <v>24</v>
      </c>
      <c r="AG7260">
        <v>24</v>
      </c>
      <c r="AH7260">
        <v>24</v>
      </c>
      <c r="AI7260">
        <v>24</v>
      </c>
      <c r="AJ7260">
        <v>24</v>
      </c>
      <c r="AK7260">
        <v>24</v>
      </c>
      <c r="AL7260">
        <v>24</v>
      </c>
      <c r="AM7260">
        <v>24</v>
      </c>
      <c r="AN7260">
        <v>24</v>
      </c>
      <c r="AO7260">
        <v>23</v>
      </c>
      <c r="AP7260">
        <v>23</v>
      </c>
      <c r="AQ7260">
        <v>23</v>
      </c>
    </row>
    <row r="7261" spans="1:43">
      <c r="A7261" t="s">
        <v>4544</v>
      </c>
      <c r="B7261" t="s">
        <v>4545</v>
      </c>
      <c r="C7261" t="s">
        <v>4530</v>
      </c>
      <c r="D7261" t="s">
        <v>4531</v>
      </c>
      <c r="E7261" t="s">
        <v>4236</v>
      </c>
      <c r="F7261" t="s">
        <v>4237</v>
      </c>
      <c r="G7261" t="s">
        <v>80</v>
      </c>
      <c r="H7261" t="s">
        <v>81</v>
      </c>
      <c r="I7261" s="2">
        <v>1</v>
      </c>
      <c r="J7261" s="2">
        <v>0</v>
      </c>
      <c r="K7261" s="2">
        <v>0</v>
      </c>
      <c r="L7261" t="s">
        <v>120</v>
      </c>
      <c r="M7261" t="s">
        <v>83</v>
      </c>
      <c r="N7261" t="s">
        <v>91</v>
      </c>
      <c r="O7261" t="s">
        <v>85</v>
      </c>
      <c r="P7261" t="s">
        <v>86</v>
      </c>
      <c r="Q7261">
        <v>20</v>
      </c>
      <c r="R7261">
        <v>20</v>
      </c>
      <c r="S7261">
        <v>21</v>
      </c>
      <c r="T7261">
        <v>21</v>
      </c>
      <c r="U7261">
        <v>21</v>
      </c>
      <c r="V7261">
        <v>21</v>
      </c>
      <c r="W7261">
        <v>21</v>
      </c>
      <c r="X7261">
        <v>22</v>
      </c>
      <c r="Y7261">
        <v>22</v>
      </c>
      <c r="Z7261">
        <v>22</v>
      </c>
      <c r="AA7261">
        <v>22</v>
      </c>
      <c r="AB7261">
        <v>22</v>
      </c>
      <c r="AC7261">
        <v>22</v>
      </c>
      <c r="AD7261">
        <v>23</v>
      </c>
      <c r="AE7261">
        <v>23</v>
      </c>
      <c r="AF7261">
        <v>23</v>
      </c>
      <c r="AG7261">
        <v>23</v>
      </c>
      <c r="AH7261">
        <v>23</v>
      </c>
      <c r="AI7261">
        <v>23</v>
      </c>
      <c r="AJ7261">
        <v>23</v>
      </c>
      <c r="AK7261">
        <v>23</v>
      </c>
      <c r="AL7261">
        <v>23</v>
      </c>
      <c r="AM7261">
        <v>23</v>
      </c>
      <c r="AN7261">
        <v>23</v>
      </c>
      <c r="AO7261">
        <v>23</v>
      </c>
      <c r="AP7261">
        <v>23</v>
      </c>
      <c r="AQ7261">
        <v>23</v>
      </c>
    </row>
    <row r="7262" spans="1:43">
      <c r="A7262" t="s">
        <v>4546</v>
      </c>
      <c r="B7262" t="s">
        <v>4547</v>
      </c>
      <c r="C7262" t="s">
        <v>4530</v>
      </c>
      <c r="D7262" t="s">
        <v>4531</v>
      </c>
      <c r="E7262" t="s">
        <v>4236</v>
      </c>
      <c r="F7262" t="s">
        <v>4237</v>
      </c>
      <c r="G7262" t="s">
        <v>80</v>
      </c>
      <c r="H7262" t="s">
        <v>81</v>
      </c>
      <c r="I7262" s="2">
        <v>1</v>
      </c>
      <c r="J7262" s="2">
        <v>0</v>
      </c>
      <c r="K7262" s="2">
        <v>0</v>
      </c>
      <c r="L7262" t="s">
        <v>120</v>
      </c>
      <c r="M7262" t="s">
        <v>83</v>
      </c>
      <c r="N7262" t="s">
        <v>84</v>
      </c>
      <c r="O7262" t="s">
        <v>85</v>
      </c>
      <c r="P7262" t="s">
        <v>86</v>
      </c>
      <c r="Q7262">
        <v>38</v>
      </c>
      <c r="R7262">
        <v>38</v>
      </c>
      <c r="S7262">
        <v>39</v>
      </c>
      <c r="T7262">
        <v>39</v>
      </c>
      <c r="U7262">
        <v>39</v>
      </c>
      <c r="V7262">
        <v>40</v>
      </c>
      <c r="W7262">
        <v>40</v>
      </c>
      <c r="X7262">
        <v>41</v>
      </c>
      <c r="Y7262">
        <v>41</v>
      </c>
      <c r="Z7262">
        <v>41</v>
      </c>
      <c r="AA7262">
        <v>41</v>
      </c>
      <c r="AB7262">
        <v>42</v>
      </c>
      <c r="AC7262">
        <v>42</v>
      </c>
      <c r="AD7262">
        <v>42</v>
      </c>
      <c r="AE7262">
        <v>42</v>
      </c>
      <c r="AF7262">
        <v>42</v>
      </c>
      <c r="AG7262">
        <v>43</v>
      </c>
      <c r="AH7262">
        <v>43</v>
      </c>
      <c r="AI7262">
        <v>43</v>
      </c>
      <c r="AJ7262">
        <v>43</v>
      </c>
      <c r="AK7262">
        <v>43</v>
      </c>
      <c r="AL7262">
        <v>43</v>
      </c>
      <c r="AM7262">
        <v>43</v>
      </c>
      <c r="AN7262">
        <v>42</v>
      </c>
      <c r="AO7262">
        <v>42</v>
      </c>
      <c r="AP7262">
        <v>42</v>
      </c>
      <c r="AQ7262">
        <v>42</v>
      </c>
    </row>
    <row r="7263" spans="1:43">
      <c r="A7263" t="s">
        <v>4546</v>
      </c>
      <c r="B7263" t="s">
        <v>4547</v>
      </c>
      <c r="C7263" t="s">
        <v>4530</v>
      </c>
      <c r="D7263" t="s">
        <v>4531</v>
      </c>
      <c r="E7263" t="s">
        <v>4236</v>
      </c>
      <c r="F7263" t="s">
        <v>4237</v>
      </c>
      <c r="G7263" t="s">
        <v>80</v>
      </c>
      <c r="H7263" t="s">
        <v>81</v>
      </c>
      <c r="I7263" s="2">
        <v>1</v>
      </c>
      <c r="J7263" s="2">
        <v>0</v>
      </c>
      <c r="K7263" s="2">
        <v>0</v>
      </c>
      <c r="L7263" t="s">
        <v>120</v>
      </c>
      <c r="M7263" t="s">
        <v>87</v>
      </c>
      <c r="N7263" t="s">
        <v>88</v>
      </c>
      <c r="O7263" t="s">
        <v>85</v>
      </c>
      <c r="P7263" t="s">
        <v>86</v>
      </c>
      <c r="Q7263">
        <v>38</v>
      </c>
      <c r="R7263">
        <v>38</v>
      </c>
      <c r="S7263">
        <v>39</v>
      </c>
      <c r="T7263">
        <v>39</v>
      </c>
      <c r="U7263">
        <v>39</v>
      </c>
      <c r="V7263">
        <v>39</v>
      </c>
      <c r="W7263">
        <v>39</v>
      </c>
      <c r="X7263">
        <v>39</v>
      </c>
      <c r="Y7263">
        <v>39</v>
      </c>
      <c r="Z7263">
        <v>39</v>
      </c>
      <c r="AA7263">
        <v>39</v>
      </c>
      <c r="AB7263">
        <v>39</v>
      </c>
      <c r="AC7263">
        <v>39</v>
      </c>
      <c r="AD7263">
        <v>39</v>
      </c>
      <c r="AE7263">
        <v>39</v>
      </c>
      <c r="AF7263">
        <v>39</v>
      </c>
      <c r="AG7263">
        <v>38</v>
      </c>
      <c r="AH7263">
        <v>38</v>
      </c>
      <c r="AI7263">
        <v>38</v>
      </c>
      <c r="AJ7263">
        <v>38</v>
      </c>
      <c r="AK7263">
        <v>38</v>
      </c>
      <c r="AL7263">
        <v>38</v>
      </c>
      <c r="AM7263">
        <v>38</v>
      </c>
      <c r="AN7263">
        <v>38</v>
      </c>
      <c r="AO7263">
        <v>37</v>
      </c>
      <c r="AP7263">
        <v>37</v>
      </c>
      <c r="AQ7263">
        <v>37</v>
      </c>
    </row>
    <row r="7264" spans="1:43">
      <c r="A7264" t="s">
        <v>4546</v>
      </c>
      <c r="B7264" t="s">
        <v>4547</v>
      </c>
      <c r="C7264" t="s">
        <v>4530</v>
      </c>
      <c r="D7264" t="s">
        <v>4531</v>
      </c>
      <c r="E7264" t="s">
        <v>4236</v>
      </c>
      <c r="F7264" t="s">
        <v>4237</v>
      </c>
      <c r="G7264" t="s">
        <v>80</v>
      </c>
      <c r="H7264" t="s">
        <v>81</v>
      </c>
      <c r="I7264" s="2">
        <v>1</v>
      </c>
      <c r="J7264" s="2">
        <v>0</v>
      </c>
      <c r="K7264" s="2">
        <v>0</v>
      </c>
      <c r="L7264" t="s">
        <v>120</v>
      </c>
      <c r="M7264" t="s">
        <v>89</v>
      </c>
      <c r="N7264" t="s">
        <v>90</v>
      </c>
      <c r="O7264" t="s">
        <v>85</v>
      </c>
      <c r="P7264" t="s">
        <v>86</v>
      </c>
      <c r="Q7264">
        <v>38</v>
      </c>
      <c r="R7264">
        <v>39</v>
      </c>
      <c r="S7264">
        <v>40</v>
      </c>
      <c r="T7264">
        <v>40</v>
      </c>
      <c r="U7264">
        <v>41</v>
      </c>
      <c r="V7264">
        <v>42</v>
      </c>
      <c r="W7264">
        <v>42</v>
      </c>
      <c r="X7264">
        <v>43</v>
      </c>
      <c r="Y7264">
        <v>43</v>
      </c>
      <c r="Z7264">
        <v>44</v>
      </c>
      <c r="AA7264">
        <v>44</v>
      </c>
      <c r="AB7264">
        <v>44</v>
      </c>
      <c r="AC7264">
        <v>45</v>
      </c>
      <c r="AD7264">
        <v>45</v>
      </c>
      <c r="AE7264">
        <v>45</v>
      </c>
      <c r="AF7264">
        <v>45</v>
      </c>
      <c r="AG7264">
        <v>45</v>
      </c>
      <c r="AH7264">
        <v>45</v>
      </c>
      <c r="AI7264">
        <v>44</v>
      </c>
      <c r="AJ7264">
        <v>44</v>
      </c>
      <c r="AK7264">
        <v>44</v>
      </c>
      <c r="AL7264">
        <v>43</v>
      </c>
      <c r="AM7264">
        <v>43</v>
      </c>
      <c r="AN7264">
        <v>43</v>
      </c>
      <c r="AO7264">
        <v>43</v>
      </c>
      <c r="AP7264">
        <v>42</v>
      </c>
      <c r="AQ7264">
        <v>42</v>
      </c>
    </row>
    <row r="7265" spans="1:43">
      <c r="A7265" t="s">
        <v>4546</v>
      </c>
      <c r="B7265" t="s">
        <v>4547</v>
      </c>
      <c r="C7265" t="s">
        <v>4530</v>
      </c>
      <c r="D7265" t="s">
        <v>4531</v>
      </c>
      <c r="E7265" t="s">
        <v>4236</v>
      </c>
      <c r="F7265" t="s">
        <v>4237</v>
      </c>
      <c r="G7265" t="s">
        <v>80</v>
      </c>
      <c r="H7265" t="s">
        <v>81</v>
      </c>
      <c r="I7265" s="2">
        <v>1</v>
      </c>
      <c r="J7265" s="2">
        <v>0</v>
      </c>
      <c r="K7265" s="2">
        <v>0</v>
      </c>
      <c r="L7265" t="s">
        <v>120</v>
      </c>
      <c r="M7265" t="s">
        <v>83</v>
      </c>
      <c r="N7265" t="s">
        <v>91</v>
      </c>
      <c r="O7265" t="s">
        <v>85</v>
      </c>
      <c r="P7265" t="s">
        <v>86</v>
      </c>
      <c r="Q7265">
        <v>38</v>
      </c>
      <c r="R7265">
        <v>38</v>
      </c>
      <c r="S7265">
        <v>39</v>
      </c>
      <c r="T7265">
        <v>39</v>
      </c>
      <c r="U7265">
        <v>39</v>
      </c>
      <c r="V7265">
        <v>40</v>
      </c>
      <c r="W7265">
        <v>40</v>
      </c>
      <c r="X7265">
        <v>41</v>
      </c>
      <c r="Y7265">
        <v>41</v>
      </c>
      <c r="Z7265">
        <v>41</v>
      </c>
      <c r="AA7265">
        <v>41</v>
      </c>
      <c r="AB7265">
        <v>42</v>
      </c>
      <c r="AC7265">
        <v>42</v>
      </c>
      <c r="AD7265">
        <v>42</v>
      </c>
      <c r="AE7265">
        <v>42</v>
      </c>
      <c r="AF7265">
        <v>42</v>
      </c>
      <c r="AG7265">
        <v>43</v>
      </c>
      <c r="AH7265">
        <v>43</v>
      </c>
      <c r="AI7265">
        <v>43</v>
      </c>
      <c r="AJ7265">
        <v>43</v>
      </c>
      <c r="AK7265">
        <v>43</v>
      </c>
      <c r="AL7265">
        <v>43</v>
      </c>
      <c r="AM7265">
        <v>43</v>
      </c>
      <c r="AN7265">
        <v>42</v>
      </c>
      <c r="AO7265">
        <v>42</v>
      </c>
      <c r="AP7265">
        <v>42</v>
      </c>
      <c r="AQ7265">
        <v>42</v>
      </c>
    </row>
    <row r="7266" spans="1:43">
      <c r="A7266" t="s">
        <v>4548</v>
      </c>
      <c r="B7266" t="s">
        <v>4549</v>
      </c>
      <c r="C7266" t="s">
        <v>4550</v>
      </c>
      <c r="D7266" t="s">
        <v>4551</v>
      </c>
      <c r="E7266" t="s">
        <v>4236</v>
      </c>
      <c r="F7266" t="s">
        <v>4237</v>
      </c>
      <c r="G7266" t="s">
        <v>80</v>
      </c>
      <c r="H7266" t="s">
        <v>81</v>
      </c>
      <c r="I7266" s="2">
        <v>1</v>
      </c>
      <c r="J7266" s="2">
        <v>0</v>
      </c>
      <c r="K7266" s="2">
        <v>0</v>
      </c>
      <c r="L7266" t="s">
        <v>120</v>
      </c>
      <c r="M7266" t="s">
        <v>83</v>
      </c>
      <c r="N7266" t="s">
        <v>84</v>
      </c>
      <c r="O7266" t="s">
        <v>85</v>
      </c>
      <c r="P7266" t="s">
        <v>86</v>
      </c>
      <c r="Q7266">
        <v>9</v>
      </c>
      <c r="R7266">
        <v>9</v>
      </c>
      <c r="S7266">
        <v>9</v>
      </c>
      <c r="T7266">
        <v>9</v>
      </c>
      <c r="U7266">
        <v>9</v>
      </c>
      <c r="V7266">
        <v>10</v>
      </c>
      <c r="W7266">
        <v>10</v>
      </c>
      <c r="X7266">
        <v>10</v>
      </c>
      <c r="Y7266">
        <v>10</v>
      </c>
      <c r="Z7266">
        <v>10</v>
      </c>
      <c r="AA7266">
        <v>10</v>
      </c>
      <c r="AB7266">
        <v>10</v>
      </c>
      <c r="AC7266">
        <v>10</v>
      </c>
      <c r="AD7266">
        <v>10</v>
      </c>
      <c r="AE7266">
        <v>10</v>
      </c>
      <c r="AF7266">
        <v>10</v>
      </c>
      <c r="AG7266">
        <v>10</v>
      </c>
      <c r="AH7266">
        <v>10</v>
      </c>
      <c r="AI7266">
        <v>10</v>
      </c>
      <c r="AJ7266">
        <v>10</v>
      </c>
      <c r="AK7266">
        <v>10</v>
      </c>
      <c r="AL7266">
        <v>10</v>
      </c>
      <c r="AM7266">
        <v>10</v>
      </c>
      <c r="AN7266">
        <v>10</v>
      </c>
      <c r="AO7266">
        <v>10</v>
      </c>
      <c r="AP7266">
        <v>10</v>
      </c>
      <c r="AQ7266">
        <v>10</v>
      </c>
    </row>
    <row r="7267" spans="1:43">
      <c r="A7267" t="s">
        <v>4548</v>
      </c>
      <c r="B7267" t="s">
        <v>4549</v>
      </c>
      <c r="C7267" t="s">
        <v>4550</v>
      </c>
      <c r="D7267" t="s">
        <v>4551</v>
      </c>
      <c r="E7267" t="s">
        <v>4236</v>
      </c>
      <c r="F7267" t="s">
        <v>4237</v>
      </c>
      <c r="G7267" t="s">
        <v>80</v>
      </c>
      <c r="H7267" t="s">
        <v>81</v>
      </c>
      <c r="I7267" s="2">
        <v>1</v>
      </c>
      <c r="J7267" s="2">
        <v>0</v>
      </c>
      <c r="K7267" s="2">
        <v>0</v>
      </c>
      <c r="L7267" t="s">
        <v>120</v>
      </c>
      <c r="M7267" t="s">
        <v>87</v>
      </c>
      <c r="N7267" t="s">
        <v>88</v>
      </c>
      <c r="O7267" t="s">
        <v>85</v>
      </c>
      <c r="P7267" t="s">
        <v>86</v>
      </c>
      <c r="Q7267">
        <v>9</v>
      </c>
      <c r="R7267">
        <v>9</v>
      </c>
      <c r="S7267">
        <v>9</v>
      </c>
      <c r="T7267">
        <v>9</v>
      </c>
      <c r="U7267">
        <v>9</v>
      </c>
      <c r="V7267">
        <v>9</v>
      </c>
      <c r="W7267">
        <v>9</v>
      </c>
      <c r="X7267">
        <v>9</v>
      </c>
      <c r="Y7267">
        <v>9</v>
      </c>
      <c r="Z7267">
        <v>9</v>
      </c>
      <c r="AA7267">
        <v>9</v>
      </c>
      <c r="AB7267">
        <v>9</v>
      </c>
      <c r="AC7267">
        <v>9</v>
      </c>
      <c r="AD7267">
        <v>9</v>
      </c>
      <c r="AE7267">
        <v>9</v>
      </c>
      <c r="AF7267">
        <v>9</v>
      </c>
      <c r="AG7267">
        <v>9</v>
      </c>
      <c r="AH7267">
        <v>9</v>
      </c>
      <c r="AI7267">
        <v>9</v>
      </c>
      <c r="AJ7267">
        <v>9</v>
      </c>
      <c r="AK7267">
        <v>9</v>
      </c>
      <c r="AL7267">
        <v>9</v>
      </c>
      <c r="AM7267">
        <v>9</v>
      </c>
      <c r="AN7267">
        <v>9</v>
      </c>
      <c r="AO7267">
        <v>9</v>
      </c>
      <c r="AP7267">
        <v>9</v>
      </c>
      <c r="AQ7267">
        <v>9</v>
      </c>
    </row>
    <row r="7268" spans="1:43">
      <c r="A7268" t="s">
        <v>4548</v>
      </c>
      <c r="B7268" t="s">
        <v>4549</v>
      </c>
      <c r="C7268" t="s">
        <v>4550</v>
      </c>
      <c r="D7268" t="s">
        <v>4551</v>
      </c>
      <c r="E7268" t="s">
        <v>4236</v>
      </c>
      <c r="F7268" t="s">
        <v>4237</v>
      </c>
      <c r="G7268" t="s">
        <v>80</v>
      </c>
      <c r="H7268" t="s">
        <v>81</v>
      </c>
      <c r="I7268" s="2">
        <v>1</v>
      </c>
      <c r="J7268" s="2">
        <v>0</v>
      </c>
      <c r="K7268" s="2">
        <v>0</v>
      </c>
      <c r="L7268" t="s">
        <v>120</v>
      </c>
      <c r="M7268" t="s">
        <v>89</v>
      </c>
      <c r="N7268" t="s">
        <v>90</v>
      </c>
      <c r="O7268" t="s">
        <v>85</v>
      </c>
      <c r="P7268" t="s">
        <v>86</v>
      </c>
      <c r="Q7268">
        <v>9</v>
      </c>
      <c r="R7268">
        <v>9</v>
      </c>
      <c r="S7268">
        <v>9</v>
      </c>
      <c r="T7268">
        <v>10</v>
      </c>
      <c r="U7268">
        <v>10</v>
      </c>
      <c r="V7268">
        <v>10</v>
      </c>
      <c r="W7268">
        <v>10</v>
      </c>
      <c r="X7268">
        <v>10</v>
      </c>
      <c r="Y7268">
        <v>10</v>
      </c>
      <c r="Z7268">
        <v>10</v>
      </c>
      <c r="AA7268">
        <v>11</v>
      </c>
      <c r="AB7268">
        <v>11</v>
      </c>
      <c r="AC7268">
        <v>11</v>
      </c>
      <c r="AD7268">
        <v>11</v>
      </c>
      <c r="AE7268">
        <v>11</v>
      </c>
      <c r="AF7268">
        <v>11</v>
      </c>
      <c r="AG7268">
        <v>11</v>
      </c>
      <c r="AH7268">
        <v>11</v>
      </c>
      <c r="AI7268">
        <v>11</v>
      </c>
      <c r="AJ7268">
        <v>11</v>
      </c>
      <c r="AK7268">
        <v>10</v>
      </c>
      <c r="AL7268">
        <v>10</v>
      </c>
      <c r="AM7268">
        <v>10</v>
      </c>
      <c r="AN7268">
        <v>10</v>
      </c>
      <c r="AO7268">
        <v>10</v>
      </c>
      <c r="AP7268">
        <v>10</v>
      </c>
      <c r="AQ7268">
        <v>10</v>
      </c>
    </row>
    <row r="7269" spans="1:43">
      <c r="A7269" t="s">
        <v>4548</v>
      </c>
      <c r="B7269" t="s">
        <v>4549</v>
      </c>
      <c r="C7269" t="s">
        <v>4550</v>
      </c>
      <c r="D7269" t="s">
        <v>4551</v>
      </c>
      <c r="E7269" t="s">
        <v>4236</v>
      </c>
      <c r="F7269" t="s">
        <v>4237</v>
      </c>
      <c r="G7269" t="s">
        <v>80</v>
      </c>
      <c r="H7269" t="s">
        <v>81</v>
      </c>
      <c r="I7269" s="2">
        <v>1</v>
      </c>
      <c r="J7269" s="2">
        <v>0</v>
      </c>
      <c r="K7269" s="2">
        <v>0</v>
      </c>
      <c r="L7269" t="s">
        <v>120</v>
      </c>
      <c r="M7269" t="s">
        <v>83</v>
      </c>
      <c r="N7269" t="s">
        <v>91</v>
      </c>
      <c r="O7269" t="s">
        <v>85</v>
      </c>
      <c r="P7269" t="s">
        <v>86</v>
      </c>
      <c r="Q7269">
        <v>9</v>
      </c>
      <c r="R7269">
        <v>9</v>
      </c>
      <c r="S7269">
        <v>9</v>
      </c>
      <c r="T7269">
        <v>9</v>
      </c>
      <c r="U7269">
        <v>9</v>
      </c>
      <c r="V7269">
        <v>10</v>
      </c>
      <c r="W7269">
        <v>10</v>
      </c>
      <c r="X7269">
        <v>10</v>
      </c>
      <c r="Y7269">
        <v>10</v>
      </c>
      <c r="Z7269">
        <v>10</v>
      </c>
      <c r="AA7269">
        <v>10</v>
      </c>
      <c r="AB7269">
        <v>10</v>
      </c>
      <c r="AC7269">
        <v>10</v>
      </c>
      <c r="AD7269">
        <v>10</v>
      </c>
      <c r="AE7269">
        <v>10</v>
      </c>
      <c r="AF7269">
        <v>10</v>
      </c>
      <c r="AG7269">
        <v>10</v>
      </c>
      <c r="AH7269">
        <v>10</v>
      </c>
      <c r="AI7269">
        <v>10</v>
      </c>
      <c r="AJ7269">
        <v>10</v>
      </c>
      <c r="AK7269">
        <v>10</v>
      </c>
      <c r="AL7269">
        <v>10</v>
      </c>
      <c r="AM7269">
        <v>10</v>
      </c>
      <c r="AN7269">
        <v>10</v>
      </c>
      <c r="AO7269">
        <v>10</v>
      </c>
      <c r="AP7269">
        <v>10</v>
      </c>
      <c r="AQ7269">
        <v>10</v>
      </c>
    </row>
    <row r="7270" spans="1:43">
      <c r="A7270" t="s">
        <v>4552</v>
      </c>
      <c r="B7270" t="s">
        <v>4553</v>
      </c>
      <c r="C7270" t="s">
        <v>4554</v>
      </c>
      <c r="D7270" t="s">
        <v>4555</v>
      </c>
      <c r="E7270" t="s">
        <v>4236</v>
      </c>
      <c r="F7270" t="s">
        <v>4237</v>
      </c>
      <c r="G7270" t="s">
        <v>80</v>
      </c>
      <c r="H7270" t="s">
        <v>81</v>
      </c>
      <c r="I7270" s="2">
        <v>1</v>
      </c>
      <c r="J7270" s="2">
        <v>0</v>
      </c>
      <c r="K7270" s="2">
        <v>0</v>
      </c>
      <c r="L7270" t="s">
        <v>120</v>
      </c>
      <c r="M7270" t="s">
        <v>83</v>
      </c>
      <c r="N7270" t="s">
        <v>84</v>
      </c>
      <c r="O7270" t="s">
        <v>85</v>
      </c>
      <c r="P7270" t="s">
        <v>86</v>
      </c>
      <c r="Q7270">
        <v>9</v>
      </c>
      <c r="R7270">
        <v>9</v>
      </c>
      <c r="S7270">
        <v>9</v>
      </c>
      <c r="T7270">
        <v>9</v>
      </c>
      <c r="U7270">
        <v>10</v>
      </c>
      <c r="V7270">
        <v>10</v>
      </c>
      <c r="W7270">
        <v>10</v>
      </c>
      <c r="X7270">
        <v>10</v>
      </c>
      <c r="Y7270">
        <v>10</v>
      </c>
      <c r="Z7270">
        <v>10</v>
      </c>
      <c r="AA7270">
        <v>10</v>
      </c>
      <c r="AB7270">
        <v>10</v>
      </c>
      <c r="AC7270">
        <v>10</v>
      </c>
      <c r="AD7270">
        <v>10</v>
      </c>
      <c r="AE7270">
        <v>10</v>
      </c>
      <c r="AF7270">
        <v>10</v>
      </c>
      <c r="AG7270">
        <v>10</v>
      </c>
      <c r="AH7270">
        <v>10</v>
      </c>
      <c r="AI7270">
        <v>10</v>
      </c>
      <c r="AJ7270">
        <v>11</v>
      </c>
      <c r="AK7270">
        <v>11</v>
      </c>
      <c r="AL7270">
        <v>10</v>
      </c>
      <c r="AM7270">
        <v>10</v>
      </c>
      <c r="AN7270">
        <v>10</v>
      </c>
      <c r="AO7270">
        <v>10</v>
      </c>
      <c r="AP7270">
        <v>10</v>
      </c>
      <c r="AQ7270">
        <v>10</v>
      </c>
    </row>
    <row r="7271" spans="1:43">
      <c r="A7271" t="s">
        <v>4552</v>
      </c>
      <c r="B7271" t="s">
        <v>4553</v>
      </c>
      <c r="C7271" t="s">
        <v>4554</v>
      </c>
      <c r="D7271" t="s">
        <v>4555</v>
      </c>
      <c r="E7271" t="s">
        <v>4236</v>
      </c>
      <c r="F7271" t="s">
        <v>4237</v>
      </c>
      <c r="G7271" t="s">
        <v>80</v>
      </c>
      <c r="H7271" t="s">
        <v>81</v>
      </c>
      <c r="I7271" s="2">
        <v>1</v>
      </c>
      <c r="J7271" s="2">
        <v>0</v>
      </c>
      <c r="K7271" s="2">
        <v>0</v>
      </c>
      <c r="L7271" t="s">
        <v>120</v>
      </c>
      <c r="M7271" t="s">
        <v>87</v>
      </c>
      <c r="N7271" t="s">
        <v>88</v>
      </c>
      <c r="O7271" t="s">
        <v>85</v>
      </c>
      <c r="P7271" t="s">
        <v>86</v>
      </c>
      <c r="Q7271">
        <v>9</v>
      </c>
      <c r="R7271">
        <v>9</v>
      </c>
      <c r="S7271">
        <v>9</v>
      </c>
      <c r="T7271">
        <v>9</v>
      </c>
      <c r="U7271">
        <v>9</v>
      </c>
      <c r="V7271">
        <v>9</v>
      </c>
      <c r="W7271">
        <v>9</v>
      </c>
      <c r="X7271">
        <v>9</v>
      </c>
      <c r="Y7271">
        <v>9</v>
      </c>
      <c r="Z7271">
        <v>9</v>
      </c>
      <c r="AA7271">
        <v>9</v>
      </c>
      <c r="AB7271">
        <v>9</v>
      </c>
      <c r="AC7271">
        <v>9</v>
      </c>
      <c r="AD7271">
        <v>9</v>
      </c>
      <c r="AE7271">
        <v>9</v>
      </c>
      <c r="AF7271">
        <v>9</v>
      </c>
      <c r="AG7271">
        <v>9</v>
      </c>
      <c r="AH7271">
        <v>9</v>
      </c>
      <c r="AI7271">
        <v>9</v>
      </c>
      <c r="AJ7271">
        <v>9</v>
      </c>
      <c r="AK7271">
        <v>9</v>
      </c>
      <c r="AL7271">
        <v>9</v>
      </c>
      <c r="AM7271">
        <v>9</v>
      </c>
      <c r="AN7271">
        <v>9</v>
      </c>
      <c r="AO7271">
        <v>9</v>
      </c>
      <c r="AP7271">
        <v>9</v>
      </c>
      <c r="AQ7271">
        <v>9</v>
      </c>
    </row>
    <row r="7272" spans="1:43">
      <c r="A7272" t="s">
        <v>4552</v>
      </c>
      <c r="B7272" t="s">
        <v>4553</v>
      </c>
      <c r="C7272" t="s">
        <v>4554</v>
      </c>
      <c r="D7272" t="s">
        <v>4555</v>
      </c>
      <c r="E7272" t="s">
        <v>4236</v>
      </c>
      <c r="F7272" t="s">
        <v>4237</v>
      </c>
      <c r="G7272" t="s">
        <v>80</v>
      </c>
      <c r="H7272" t="s">
        <v>81</v>
      </c>
      <c r="I7272" s="2">
        <v>1</v>
      </c>
      <c r="J7272" s="2">
        <v>0</v>
      </c>
      <c r="K7272" s="2">
        <v>0</v>
      </c>
      <c r="L7272" t="s">
        <v>120</v>
      </c>
      <c r="M7272" t="s">
        <v>89</v>
      </c>
      <c r="N7272" t="s">
        <v>90</v>
      </c>
      <c r="O7272" t="s">
        <v>85</v>
      </c>
      <c r="P7272" t="s">
        <v>86</v>
      </c>
      <c r="Q7272">
        <v>9</v>
      </c>
      <c r="R7272">
        <v>9</v>
      </c>
      <c r="S7272">
        <v>10</v>
      </c>
      <c r="T7272">
        <v>10</v>
      </c>
      <c r="U7272">
        <v>10</v>
      </c>
      <c r="V7272">
        <v>10</v>
      </c>
      <c r="W7272">
        <v>10</v>
      </c>
      <c r="X7272">
        <v>10</v>
      </c>
      <c r="Y7272">
        <v>11</v>
      </c>
      <c r="Z7272">
        <v>11</v>
      </c>
      <c r="AA7272">
        <v>11</v>
      </c>
      <c r="AB7272">
        <v>11</v>
      </c>
      <c r="AC7272">
        <v>11</v>
      </c>
      <c r="AD7272">
        <v>11</v>
      </c>
      <c r="AE7272">
        <v>11</v>
      </c>
      <c r="AF7272">
        <v>11</v>
      </c>
      <c r="AG7272">
        <v>11</v>
      </c>
      <c r="AH7272">
        <v>11</v>
      </c>
      <c r="AI7272">
        <v>11</v>
      </c>
      <c r="AJ7272">
        <v>11</v>
      </c>
      <c r="AK7272">
        <v>11</v>
      </c>
      <c r="AL7272">
        <v>11</v>
      </c>
      <c r="AM7272">
        <v>11</v>
      </c>
      <c r="AN7272">
        <v>11</v>
      </c>
      <c r="AO7272">
        <v>10</v>
      </c>
      <c r="AP7272">
        <v>10</v>
      </c>
      <c r="AQ7272">
        <v>10</v>
      </c>
    </row>
    <row r="7273" spans="1:43">
      <c r="A7273" t="s">
        <v>4552</v>
      </c>
      <c r="B7273" t="s">
        <v>4553</v>
      </c>
      <c r="C7273" t="s">
        <v>4554</v>
      </c>
      <c r="D7273" t="s">
        <v>4555</v>
      </c>
      <c r="E7273" t="s">
        <v>4236</v>
      </c>
      <c r="F7273" t="s">
        <v>4237</v>
      </c>
      <c r="G7273" t="s">
        <v>80</v>
      </c>
      <c r="H7273" t="s">
        <v>81</v>
      </c>
      <c r="I7273" s="2">
        <v>1</v>
      </c>
      <c r="J7273" s="2">
        <v>0</v>
      </c>
      <c r="K7273" s="2">
        <v>0</v>
      </c>
      <c r="L7273" t="s">
        <v>120</v>
      </c>
      <c r="M7273" t="s">
        <v>83</v>
      </c>
      <c r="N7273" t="s">
        <v>91</v>
      </c>
      <c r="O7273" t="s">
        <v>85</v>
      </c>
      <c r="P7273" t="s">
        <v>86</v>
      </c>
      <c r="Q7273">
        <v>9</v>
      </c>
      <c r="R7273">
        <v>9</v>
      </c>
      <c r="S7273">
        <v>9</v>
      </c>
      <c r="T7273">
        <v>9</v>
      </c>
      <c r="U7273">
        <v>10</v>
      </c>
      <c r="V7273">
        <v>10</v>
      </c>
      <c r="W7273">
        <v>10</v>
      </c>
      <c r="X7273">
        <v>10</v>
      </c>
      <c r="Y7273">
        <v>10</v>
      </c>
      <c r="Z7273">
        <v>10</v>
      </c>
      <c r="AA7273">
        <v>10</v>
      </c>
      <c r="AB7273">
        <v>10</v>
      </c>
      <c r="AC7273">
        <v>10</v>
      </c>
      <c r="AD7273">
        <v>10</v>
      </c>
      <c r="AE7273">
        <v>10</v>
      </c>
      <c r="AF7273">
        <v>10</v>
      </c>
      <c r="AG7273">
        <v>10</v>
      </c>
      <c r="AH7273">
        <v>10</v>
      </c>
      <c r="AI7273">
        <v>10</v>
      </c>
      <c r="AJ7273">
        <v>11</v>
      </c>
      <c r="AK7273">
        <v>11</v>
      </c>
      <c r="AL7273">
        <v>10</v>
      </c>
      <c r="AM7273">
        <v>10</v>
      </c>
      <c r="AN7273">
        <v>10</v>
      </c>
      <c r="AO7273">
        <v>10</v>
      </c>
      <c r="AP7273">
        <v>10</v>
      </c>
      <c r="AQ7273">
        <v>10</v>
      </c>
    </row>
    <row r="7274" spans="1:43">
      <c r="A7274" t="s">
        <v>4556</v>
      </c>
      <c r="B7274" t="s">
        <v>4557</v>
      </c>
      <c r="C7274" t="s">
        <v>4554</v>
      </c>
      <c r="D7274" t="s">
        <v>4555</v>
      </c>
      <c r="E7274" t="s">
        <v>4236</v>
      </c>
      <c r="F7274" t="s">
        <v>4237</v>
      </c>
      <c r="G7274" t="s">
        <v>80</v>
      </c>
      <c r="H7274" t="s">
        <v>81</v>
      </c>
      <c r="I7274" s="2">
        <v>1</v>
      </c>
      <c r="J7274" s="2">
        <v>0</v>
      </c>
      <c r="K7274" s="2">
        <v>0</v>
      </c>
      <c r="L7274" t="s">
        <v>120</v>
      </c>
      <c r="M7274" t="s">
        <v>83</v>
      </c>
      <c r="N7274" t="s">
        <v>84</v>
      </c>
      <c r="O7274" t="s">
        <v>85</v>
      </c>
      <c r="P7274" t="s">
        <v>86</v>
      </c>
      <c r="Q7274">
        <v>30</v>
      </c>
      <c r="R7274">
        <v>30</v>
      </c>
      <c r="S7274">
        <v>31</v>
      </c>
      <c r="T7274">
        <v>31</v>
      </c>
      <c r="U7274">
        <v>31</v>
      </c>
      <c r="V7274">
        <v>32</v>
      </c>
      <c r="W7274">
        <v>32</v>
      </c>
      <c r="X7274">
        <v>32</v>
      </c>
      <c r="Y7274">
        <v>32</v>
      </c>
      <c r="Z7274">
        <v>33</v>
      </c>
      <c r="AA7274">
        <v>33</v>
      </c>
      <c r="AB7274">
        <v>33</v>
      </c>
      <c r="AC7274">
        <v>33</v>
      </c>
      <c r="AD7274">
        <v>33</v>
      </c>
      <c r="AE7274">
        <v>34</v>
      </c>
      <c r="AF7274">
        <v>34</v>
      </c>
      <c r="AG7274">
        <v>34</v>
      </c>
      <c r="AH7274">
        <v>34</v>
      </c>
      <c r="AI7274">
        <v>34</v>
      </c>
      <c r="AJ7274">
        <v>34</v>
      </c>
      <c r="AK7274">
        <v>34</v>
      </c>
      <c r="AL7274">
        <v>34</v>
      </c>
      <c r="AM7274">
        <v>34</v>
      </c>
      <c r="AN7274">
        <v>34</v>
      </c>
      <c r="AO7274">
        <v>34</v>
      </c>
      <c r="AP7274">
        <v>33</v>
      </c>
      <c r="AQ7274">
        <v>33</v>
      </c>
    </row>
    <row r="7275" spans="1:43">
      <c r="A7275" t="s">
        <v>4556</v>
      </c>
      <c r="B7275" t="s">
        <v>4557</v>
      </c>
      <c r="C7275" t="s">
        <v>4554</v>
      </c>
      <c r="D7275" t="s">
        <v>4555</v>
      </c>
      <c r="E7275" t="s">
        <v>4236</v>
      </c>
      <c r="F7275" t="s">
        <v>4237</v>
      </c>
      <c r="G7275" t="s">
        <v>80</v>
      </c>
      <c r="H7275" t="s">
        <v>81</v>
      </c>
      <c r="I7275" s="2">
        <v>1</v>
      </c>
      <c r="J7275" s="2">
        <v>0</v>
      </c>
      <c r="K7275" s="2">
        <v>0</v>
      </c>
      <c r="L7275" t="s">
        <v>120</v>
      </c>
      <c r="M7275" t="s">
        <v>87</v>
      </c>
      <c r="N7275" t="s">
        <v>88</v>
      </c>
      <c r="O7275" t="s">
        <v>85</v>
      </c>
      <c r="P7275" t="s">
        <v>86</v>
      </c>
      <c r="Q7275">
        <v>30</v>
      </c>
      <c r="R7275">
        <v>30</v>
      </c>
      <c r="S7275">
        <v>30</v>
      </c>
      <c r="T7275">
        <v>30</v>
      </c>
      <c r="U7275">
        <v>30</v>
      </c>
      <c r="V7275">
        <v>30</v>
      </c>
      <c r="W7275">
        <v>30</v>
      </c>
      <c r="X7275">
        <v>30</v>
      </c>
      <c r="Y7275">
        <v>30</v>
      </c>
      <c r="Z7275">
        <v>30</v>
      </c>
      <c r="AA7275">
        <v>30</v>
      </c>
      <c r="AB7275">
        <v>30</v>
      </c>
      <c r="AC7275">
        <v>30</v>
      </c>
      <c r="AD7275">
        <v>30</v>
      </c>
      <c r="AE7275">
        <v>30</v>
      </c>
      <c r="AF7275">
        <v>30</v>
      </c>
      <c r="AG7275">
        <v>30</v>
      </c>
      <c r="AH7275">
        <v>30</v>
      </c>
      <c r="AI7275">
        <v>30</v>
      </c>
      <c r="AJ7275">
        <v>30</v>
      </c>
      <c r="AK7275">
        <v>29</v>
      </c>
      <c r="AL7275">
        <v>29</v>
      </c>
      <c r="AM7275">
        <v>29</v>
      </c>
      <c r="AN7275">
        <v>29</v>
      </c>
      <c r="AO7275">
        <v>29</v>
      </c>
      <c r="AP7275">
        <v>29</v>
      </c>
      <c r="AQ7275">
        <v>29</v>
      </c>
    </row>
    <row r="7276" spans="1:43">
      <c r="A7276" t="s">
        <v>4556</v>
      </c>
      <c r="B7276" t="s">
        <v>4557</v>
      </c>
      <c r="C7276" t="s">
        <v>4554</v>
      </c>
      <c r="D7276" t="s">
        <v>4555</v>
      </c>
      <c r="E7276" t="s">
        <v>4236</v>
      </c>
      <c r="F7276" t="s">
        <v>4237</v>
      </c>
      <c r="G7276" t="s">
        <v>80</v>
      </c>
      <c r="H7276" t="s">
        <v>81</v>
      </c>
      <c r="I7276" s="2">
        <v>1</v>
      </c>
      <c r="J7276" s="2">
        <v>0</v>
      </c>
      <c r="K7276" s="2">
        <v>0</v>
      </c>
      <c r="L7276" t="s">
        <v>120</v>
      </c>
      <c r="M7276" t="s">
        <v>89</v>
      </c>
      <c r="N7276" t="s">
        <v>90</v>
      </c>
      <c r="O7276" t="s">
        <v>85</v>
      </c>
      <c r="P7276" t="s">
        <v>86</v>
      </c>
      <c r="Q7276">
        <v>30</v>
      </c>
      <c r="R7276">
        <v>31</v>
      </c>
      <c r="S7276">
        <v>31</v>
      </c>
      <c r="T7276">
        <v>32</v>
      </c>
      <c r="U7276">
        <v>32</v>
      </c>
      <c r="V7276">
        <v>33</v>
      </c>
      <c r="W7276">
        <v>33</v>
      </c>
      <c r="X7276">
        <v>34</v>
      </c>
      <c r="Y7276">
        <v>34</v>
      </c>
      <c r="Z7276">
        <v>35</v>
      </c>
      <c r="AA7276">
        <v>35</v>
      </c>
      <c r="AB7276">
        <v>35</v>
      </c>
      <c r="AC7276">
        <v>36</v>
      </c>
      <c r="AD7276">
        <v>36</v>
      </c>
      <c r="AE7276">
        <v>36</v>
      </c>
      <c r="AF7276">
        <v>36</v>
      </c>
      <c r="AG7276">
        <v>36</v>
      </c>
      <c r="AH7276">
        <v>35</v>
      </c>
      <c r="AI7276">
        <v>35</v>
      </c>
      <c r="AJ7276">
        <v>35</v>
      </c>
      <c r="AK7276">
        <v>35</v>
      </c>
      <c r="AL7276">
        <v>35</v>
      </c>
      <c r="AM7276">
        <v>35</v>
      </c>
      <c r="AN7276">
        <v>34</v>
      </c>
      <c r="AO7276">
        <v>34</v>
      </c>
      <c r="AP7276">
        <v>34</v>
      </c>
      <c r="AQ7276">
        <v>34</v>
      </c>
    </row>
    <row r="7277" spans="1:43">
      <c r="A7277" t="s">
        <v>4556</v>
      </c>
      <c r="B7277" t="s">
        <v>4557</v>
      </c>
      <c r="C7277" t="s">
        <v>4554</v>
      </c>
      <c r="D7277" t="s">
        <v>4555</v>
      </c>
      <c r="E7277" t="s">
        <v>4236</v>
      </c>
      <c r="F7277" t="s">
        <v>4237</v>
      </c>
      <c r="G7277" t="s">
        <v>80</v>
      </c>
      <c r="H7277" t="s">
        <v>81</v>
      </c>
      <c r="I7277" s="2">
        <v>1</v>
      </c>
      <c r="J7277" s="2">
        <v>0</v>
      </c>
      <c r="K7277" s="2">
        <v>0</v>
      </c>
      <c r="L7277" t="s">
        <v>120</v>
      </c>
      <c r="M7277" t="s">
        <v>83</v>
      </c>
      <c r="N7277" t="s">
        <v>91</v>
      </c>
      <c r="O7277" t="s">
        <v>85</v>
      </c>
      <c r="P7277" t="s">
        <v>86</v>
      </c>
      <c r="Q7277">
        <v>30</v>
      </c>
      <c r="R7277">
        <v>30</v>
      </c>
      <c r="S7277">
        <v>31</v>
      </c>
      <c r="T7277">
        <v>31</v>
      </c>
      <c r="U7277">
        <v>31</v>
      </c>
      <c r="V7277">
        <v>32</v>
      </c>
      <c r="W7277">
        <v>32</v>
      </c>
      <c r="X7277">
        <v>32</v>
      </c>
      <c r="Y7277">
        <v>32</v>
      </c>
      <c r="Z7277">
        <v>33</v>
      </c>
      <c r="AA7277">
        <v>33</v>
      </c>
      <c r="AB7277">
        <v>33</v>
      </c>
      <c r="AC7277">
        <v>33</v>
      </c>
      <c r="AD7277">
        <v>33</v>
      </c>
      <c r="AE7277">
        <v>34</v>
      </c>
      <c r="AF7277">
        <v>34</v>
      </c>
      <c r="AG7277">
        <v>34</v>
      </c>
      <c r="AH7277">
        <v>34</v>
      </c>
      <c r="AI7277">
        <v>34</v>
      </c>
      <c r="AJ7277">
        <v>34</v>
      </c>
      <c r="AK7277">
        <v>34</v>
      </c>
      <c r="AL7277">
        <v>34</v>
      </c>
      <c r="AM7277">
        <v>34</v>
      </c>
      <c r="AN7277">
        <v>34</v>
      </c>
      <c r="AO7277">
        <v>34</v>
      </c>
      <c r="AP7277">
        <v>33</v>
      </c>
      <c r="AQ7277">
        <v>33</v>
      </c>
    </row>
    <row r="7278" spans="1:43">
      <c r="A7278" t="s">
        <v>4558</v>
      </c>
      <c r="B7278" t="s">
        <v>4559</v>
      </c>
      <c r="C7278" t="s">
        <v>4550</v>
      </c>
      <c r="D7278" t="s">
        <v>4551</v>
      </c>
      <c r="E7278" t="s">
        <v>4236</v>
      </c>
      <c r="F7278" t="s">
        <v>4237</v>
      </c>
      <c r="G7278" t="s">
        <v>80</v>
      </c>
      <c r="H7278" t="s">
        <v>81</v>
      </c>
      <c r="I7278" s="2">
        <v>1</v>
      </c>
      <c r="J7278" s="2">
        <v>0</v>
      </c>
      <c r="K7278" s="2">
        <v>0</v>
      </c>
      <c r="L7278" t="s">
        <v>120</v>
      </c>
      <c r="M7278" t="s">
        <v>83</v>
      </c>
      <c r="N7278" t="s">
        <v>84</v>
      </c>
      <c r="O7278" t="s">
        <v>85</v>
      </c>
      <c r="P7278" t="s">
        <v>86</v>
      </c>
      <c r="Q7278">
        <v>34</v>
      </c>
      <c r="R7278">
        <v>34</v>
      </c>
      <c r="S7278">
        <v>34</v>
      </c>
      <c r="T7278">
        <v>35</v>
      </c>
      <c r="U7278">
        <v>35</v>
      </c>
      <c r="V7278">
        <v>35</v>
      </c>
      <c r="W7278">
        <v>36</v>
      </c>
      <c r="X7278">
        <v>36</v>
      </c>
      <c r="Y7278">
        <v>36</v>
      </c>
      <c r="Z7278">
        <v>37</v>
      </c>
      <c r="AA7278">
        <v>37</v>
      </c>
      <c r="AB7278">
        <v>37</v>
      </c>
      <c r="AC7278">
        <v>37</v>
      </c>
      <c r="AD7278">
        <v>37</v>
      </c>
      <c r="AE7278">
        <v>38</v>
      </c>
      <c r="AF7278">
        <v>38</v>
      </c>
      <c r="AG7278">
        <v>38</v>
      </c>
      <c r="AH7278">
        <v>38</v>
      </c>
      <c r="AI7278">
        <v>38</v>
      </c>
      <c r="AJ7278">
        <v>38</v>
      </c>
      <c r="AK7278">
        <v>38</v>
      </c>
      <c r="AL7278">
        <v>38</v>
      </c>
      <c r="AM7278">
        <v>38</v>
      </c>
      <c r="AN7278">
        <v>38</v>
      </c>
      <c r="AO7278">
        <v>37</v>
      </c>
      <c r="AP7278">
        <v>37</v>
      </c>
      <c r="AQ7278">
        <v>37</v>
      </c>
    </row>
    <row r="7279" spans="1:43">
      <c r="A7279" t="s">
        <v>4558</v>
      </c>
      <c r="B7279" t="s">
        <v>4559</v>
      </c>
      <c r="C7279" t="s">
        <v>4550</v>
      </c>
      <c r="D7279" t="s">
        <v>4551</v>
      </c>
      <c r="E7279" t="s">
        <v>4236</v>
      </c>
      <c r="F7279" t="s">
        <v>4237</v>
      </c>
      <c r="G7279" t="s">
        <v>80</v>
      </c>
      <c r="H7279" t="s">
        <v>81</v>
      </c>
      <c r="I7279" s="2">
        <v>1</v>
      </c>
      <c r="J7279" s="2">
        <v>0</v>
      </c>
      <c r="K7279" s="2">
        <v>0</v>
      </c>
      <c r="L7279" t="s">
        <v>120</v>
      </c>
      <c r="M7279" t="s">
        <v>87</v>
      </c>
      <c r="N7279" t="s">
        <v>88</v>
      </c>
      <c r="O7279" t="s">
        <v>85</v>
      </c>
      <c r="P7279" t="s">
        <v>86</v>
      </c>
      <c r="Q7279">
        <v>34</v>
      </c>
      <c r="R7279">
        <v>34</v>
      </c>
      <c r="S7279">
        <v>34</v>
      </c>
      <c r="T7279">
        <v>34</v>
      </c>
      <c r="U7279">
        <v>35</v>
      </c>
      <c r="V7279">
        <v>35</v>
      </c>
      <c r="W7279">
        <v>35</v>
      </c>
      <c r="X7279">
        <v>35</v>
      </c>
      <c r="Y7279">
        <v>35</v>
      </c>
      <c r="Z7279">
        <v>35</v>
      </c>
      <c r="AA7279">
        <v>35</v>
      </c>
      <c r="AB7279">
        <v>34</v>
      </c>
      <c r="AC7279">
        <v>34</v>
      </c>
      <c r="AD7279">
        <v>34</v>
      </c>
      <c r="AE7279">
        <v>34</v>
      </c>
      <c r="AF7279">
        <v>34</v>
      </c>
      <c r="AG7279">
        <v>34</v>
      </c>
      <c r="AH7279">
        <v>34</v>
      </c>
      <c r="AI7279">
        <v>34</v>
      </c>
      <c r="AJ7279">
        <v>34</v>
      </c>
      <c r="AK7279">
        <v>34</v>
      </c>
      <c r="AL7279">
        <v>34</v>
      </c>
      <c r="AM7279">
        <v>33</v>
      </c>
      <c r="AN7279">
        <v>33</v>
      </c>
      <c r="AO7279">
        <v>33</v>
      </c>
      <c r="AP7279">
        <v>33</v>
      </c>
      <c r="AQ7279">
        <v>33</v>
      </c>
    </row>
    <row r="7280" spans="1:43">
      <c r="A7280" t="s">
        <v>4558</v>
      </c>
      <c r="B7280" t="s">
        <v>4559</v>
      </c>
      <c r="C7280" t="s">
        <v>4550</v>
      </c>
      <c r="D7280" t="s">
        <v>4551</v>
      </c>
      <c r="E7280" t="s">
        <v>4236</v>
      </c>
      <c r="F7280" t="s">
        <v>4237</v>
      </c>
      <c r="G7280" t="s">
        <v>80</v>
      </c>
      <c r="H7280" t="s">
        <v>81</v>
      </c>
      <c r="I7280" s="2">
        <v>1</v>
      </c>
      <c r="J7280" s="2">
        <v>0</v>
      </c>
      <c r="K7280" s="2">
        <v>0</v>
      </c>
      <c r="L7280" t="s">
        <v>120</v>
      </c>
      <c r="M7280" t="s">
        <v>89</v>
      </c>
      <c r="N7280" t="s">
        <v>90</v>
      </c>
      <c r="O7280" t="s">
        <v>85</v>
      </c>
      <c r="P7280" t="s">
        <v>86</v>
      </c>
      <c r="Q7280">
        <v>34</v>
      </c>
      <c r="R7280">
        <v>35</v>
      </c>
      <c r="S7280">
        <v>35</v>
      </c>
      <c r="T7280">
        <v>36</v>
      </c>
      <c r="U7280">
        <v>36</v>
      </c>
      <c r="V7280">
        <v>37</v>
      </c>
      <c r="W7280">
        <v>37</v>
      </c>
      <c r="X7280">
        <v>38</v>
      </c>
      <c r="Y7280">
        <v>38</v>
      </c>
      <c r="Z7280">
        <v>39</v>
      </c>
      <c r="AA7280">
        <v>39</v>
      </c>
      <c r="AB7280">
        <v>39</v>
      </c>
      <c r="AC7280">
        <v>40</v>
      </c>
      <c r="AD7280">
        <v>40</v>
      </c>
      <c r="AE7280">
        <v>40</v>
      </c>
      <c r="AF7280">
        <v>40</v>
      </c>
      <c r="AG7280">
        <v>40</v>
      </c>
      <c r="AH7280">
        <v>40</v>
      </c>
      <c r="AI7280">
        <v>39</v>
      </c>
      <c r="AJ7280">
        <v>39</v>
      </c>
      <c r="AK7280">
        <v>39</v>
      </c>
      <c r="AL7280">
        <v>39</v>
      </c>
      <c r="AM7280">
        <v>38</v>
      </c>
      <c r="AN7280">
        <v>38</v>
      </c>
      <c r="AO7280">
        <v>38</v>
      </c>
      <c r="AP7280">
        <v>37</v>
      </c>
      <c r="AQ7280">
        <v>37</v>
      </c>
    </row>
    <row r="7281" spans="1:43">
      <c r="A7281" t="s">
        <v>4558</v>
      </c>
      <c r="B7281" t="s">
        <v>4559</v>
      </c>
      <c r="C7281" t="s">
        <v>4550</v>
      </c>
      <c r="D7281" t="s">
        <v>4551</v>
      </c>
      <c r="E7281" t="s">
        <v>4236</v>
      </c>
      <c r="F7281" t="s">
        <v>4237</v>
      </c>
      <c r="G7281" t="s">
        <v>80</v>
      </c>
      <c r="H7281" t="s">
        <v>81</v>
      </c>
      <c r="I7281" s="2">
        <v>1</v>
      </c>
      <c r="J7281" s="2">
        <v>0</v>
      </c>
      <c r="K7281" s="2">
        <v>0</v>
      </c>
      <c r="L7281" t="s">
        <v>120</v>
      </c>
      <c r="M7281" t="s">
        <v>83</v>
      </c>
      <c r="N7281" t="s">
        <v>91</v>
      </c>
      <c r="O7281" t="s">
        <v>85</v>
      </c>
      <c r="P7281" t="s">
        <v>86</v>
      </c>
      <c r="Q7281">
        <v>34</v>
      </c>
      <c r="R7281">
        <v>34</v>
      </c>
      <c r="S7281">
        <v>34</v>
      </c>
      <c r="T7281">
        <v>35</v>
      </c>
      <c r="U7281">
        <v>35</v>
      </c>
      <c r="V7281">
        <v>35</v>
      </c>
      <c r="W7281">
        <v>36</v>
      </c>
      <c r="X7281">
        <v>36</v>
      </c>
      <c r="Y7281">
        <v>36</v>
      </c>
      <c r="Z7281">
        <v>37</v>
      </c>
      <c r="AA7281">
        <v>37</v>
      </c>
      <c r="AB7281">
        <v>37</v>
      </c>
      <c r="AC7281">
        <v>37</v>
      </c>
      <c r="AD7281">
        <v>37</v>
      </c>
      <c r="AE7281">
        <v>38</v>
      </c>
      <c r="AF7281">
        <v>38</v>
      </c>
      <c r="AG7281">
        <v>38</v>
      </c>
      <c r="AH7281">
        <v>38</v>
      </c>
      <c r="AI7281">
        <v>38</v>
      </c>
      <c r="AJ7281">
        <v>38</v>
      </c>
      <c r="AK7281">
        <v>38</v>
      </c>
      <c r="AL7281">
        <v>38</v>
      </c>
      <c r="AM7281">
        <v>38</v>
      </c>
      <c r="AN7281">
        <v>38</v>
      </c>
      <c r="AO7281">
        <v>37</v>
      </c>
      <c r="AP7281">
        <v>37</v>
      </c>
      <c r="AQ7281">
        <v>37</v>
      </c>
    </row>
    <row r="7282" spans="1:43">
      <c r="A7282" t="s">
        <v>4560</v>
      </c>
      <c r="B7282" t="s">
        <v>4561</v>
      </c>
      <c r="C7282" t="s">
        <v>4554</v>
      </c>
      <c r="D7282" t="s">
        <v>4555</v>
      </c>
      <c r="E7282" t="s">
        <v>4236</v>
      </c>
      <c r="F7282" t="s">
        <v>4237</v>
      </c>
      <c r="G7282" t="s">
        <v>80</v>
      </c>
      <c r="H7282" t="s">
        <v>81</v>
      </c>
      <c r="I7282" s="2">
        <v>1</v>
      </c>
      <c r="J7282" s="2">
        <v>0</v>
      </c>
      <c r="K7282" s="2">
        <v>0</v>
      </c>
      <c r="L7282" t="s">
        <v>120</v>
      </c>
      <c r="M7282" t="s">
        <v>83</v>
      </c>
      <c r="N7282" t="s">
        <v>84</v>
      </c>
      <c r="O7282" t="s">
        <v>85</v>
      </c>
      <c r="P7282" t="s">
        <v>86</v>
      </c>
      <c r="Q7282">
        <v>7</v>
      </c>
      <c r="R7282">
        <v>7</v>
      </c>
      <c r="S7282">
        <v>7</v>
      </c>
      <c r="T7282">
        <v>7</v>
      </c>
      <c r="U7282">
        <v>7</v>
      </c>
      <c r="V7282">
        <v>7</v>
      </c>
      <c r="W7282">
        <v>7</v>
      </c>
      <c r="X7282">
        <v>7</v>
      </c>
      <c r="Y7282">
        <v>7</v>
      </c>
      <c r="Z7282">
        <v>7</v>
      </c>
      <c r="AA7282">
        <v>7</v>
      </c>
      <c r="AB7282">
        <v>7</v>
      </c>
      <c r="AC7282">
        <v>7</v>
      </c>
      <c r="AD7282">
        <v>7</v>
      </c>
      <c r="AE7282">
        <v>7</v>
      </c>
      <c r="AF7282">
        <v>7</v>
      </c>
      <c r="AG7282">
        <v>7</v>
      </c>
      <c r="AH7282">
        <v>7</v>
      </c>
      <c r="AI7282">
        <v>7</v>
      </c>
      <c r="AJ7282">
        <v>7</v>
      </c>
      <c r="AK7282">
        <v>7</v>
      </c>
      <c r="AL7282">
        <v>7</v>
      </c>
      <c r="AM7282">
        <v>7</v>
      </c>
      <c r="AN7282">
        <v>7</v>
      </c>
      <c r="AO7282">
        <v>7</v>
      </c>
      <c r="AP7282">
        <v>7</v>
      </c>
      <c r="AQ7282">
        <v>7</v>
      </c>
    </row>
    <row r="7283" spans="1:43">
      <c r="A7283" t="s">
        <v>4560</v>
      </c>
      <c r="B7283" t="s">
        <v>4561</v>
      </c>
      <c r="C7283" t="s">
        <v>4554</v>
      </c>
      <c r="D7283" t="s">
        <v>4555</v>
      </c>
      <c r="E7283" t="s">
        <v>4236</v>
      </c>
      <c r="F7283" t="s">
        <v>4237</v>
      </c>
      <c r="G7283" t="s">
        <v>80</v>
      </c>
      <c r="H7283" t="s">
        <v>81</v>
      </c>
      <c r="I7283" s="2">
        <v>1</v>
      </c>
      <c r="J7283" s="2">
        <v>0</v>
      </c>
      <c r="K7283" s="2">
        <v>0</v>
      </c>
      <c r="L7283" t="s">
        <v>120</v>
      </c>
      <c r="M7283" t="s">
        <v>87</v>
      </c>
      <c r="N7283" t="s">
        <v>88</v>
      </c>
      <c r="O7283" t="s">
        <v>85</v>
      </c>
      <c r="P7283" t="s">
        <v>86</v>
      </c>
      <c r="Q7283">
        <v>7</v>
      </c>
      <c r="R7283">
        <v>7</v>
      </c>
      <c r="S7283">
        <v>8</v>
      </c>
      <c r="T7283">
        <v>8</v>
      </c>
      <c r="U7283">
        <v>8</v>
      </c>
      <c r="V7283">
        <v>8</v>
      </c>
      <c r="W7283">
        <v>8</v>
      </c>
      <c r="X7283">
        <v>8</v>
      </c>
      <c r="Y7283">
        <v>8</v>
      </c>
      <c r="Z7283">
        <v>8</v>
      </c>
      <c r="AA7283">
        <v>8</v>
      </c>
      <c r="AB7283">
        <v>8</v>
      </c>
      <c r="AC7283">
        <v>8</v>
      </c>
      <c r="AD7283">
        <v>7</v>
      </c>
      <c r="AE7283">
        <v>7</v>
      </c>
      <c r="AF7283">
        <v>7</v>
      </c>
      <c r="AG7283">
        <v>7</v>
      </c>
      <c r="AH7283">
        <v>7</v>
      </c>
      <c r="AI7283">
        <v>7</v>
      </c>
      <c r="AJ7283">
        <v>7</v>
      </c>
      <c r="AK7283">
        <v>7</v>
      </c>
      <c r="AL7283">
        <v>7</v>
      </c>
      <c r="AM7283">
        <v>7</v>
      </c>
      <c r="AN7283">
        <v>7</v>
      </c>
      <c r="AO7283">
        <v>7</v>
      </c>
      <c r="AP7283">
        <v>7</v>
      </c>
      <c r="AQ7283">
        <v>7</v>
      </c>
    </row>
    <row r="7284" spans="1:43">
      <c r="A7284" t="s">
        <v>4560</v>
      </c>
      <c r="B7284" t="s">
        <v>4561</v>
      </c>
      <c r="C7284" t="s">
        <v>4554</v>
      </c>
      <c r="D7284" t="s">
        <v>4555</v>
      </c>
      <c r="E7284" t="s">
        <v>4236</v>
      </c>
      <c r="F7284" t="s">
        <v>4237</v>
      </c>
      <c r="G7284" t="s">
        <v>80</v>
      </c>
      <c r="H7284" t="s">
        <v>81</v>
      </c>
      <c r="I7284" s="2">
        <v>1</v>
      </c>
      <c r="J7284" s="2">
        <v>0</v>
      </c>
      <c r="K7284" s="2">
        <v>0</v>
      </c>
      <c r="L7284" t="s">
        <v>120</v>
      </c>
      <c r="M7284" t="s">
        <v>89</v>
      </c>
      <c r="N7284" t="s">
        <v>90</v>
      </c>
      <c r="O7284" t="s">
        <v>85</v>
      </c>
      <c r="P7284" t="s">
        <v>86</v>
      </c>
      <c r="Q7284">
        <v>7</v>
      </c>
      <c r="R7284">
        <v>7</v>
      </c>
      <c r="S7284">
        <v>7</v>
      </c>
      <c r="T7284">
        <v>7</v>
      </c>
      <c r="U7284">
        <v>7</v>
      </c>
      <c r="V7284">
        <v>7</v>
      </c>
      <c r="W7284">
        <v>7</v>
      </c>
      <c r="X7284">
        <v>7</v>
      </c>
      <c r="Y7284">
        <v>7</v>
      </c>
      <c r="Z7284">
        <v>8</v>
      </c>
      <c r="AA7284">
        <v>8</v>
      </c>
      <c r="AB7284">
        <v>8</v>
      </c>
      <c r="AC7284">
        <v>8</v>
      </c>
      <c r="AD7284">
        <v>8</v>
      </c>
      <c r="AE7284">
        <v>8</v>
      </c>
      <c r="AF7284">
        <v>8</v>
      </c>
      <c r="AG7284">
        <v>8</v>
      </c>
      <c r="AH7284">
        <v>8</v>
      </c>
      <c r="AI7284">
        <v>8</v>
      </c>
      <c r="AJ7284">
        <v>8</v>
      </c>
      <c r="AK7284">
        <v>8</v>
      </c>
      <c r="AL7284">
        <v>8</v>
      </c>
      <c r="AM7284">
        <v>7</v>
      </c>
      <c r="AN7284">
        <v>7</v>
      </c>
      <c r="AO7284">
        <v>7</v>
      </c>
      <c r="AP7284">
        <v>7</v>
      </c>
      <c r="AQ7284">
        <v>7</v>
      </c>
    </row>
    <row r="7285" spans="1:43">
      <c r="A7285" t="s">
        <v>4560</v>
      </c>
      <c r="B7285" t="s">
        <v>4561</v>
      </c>
      <c r="C7285" t="s">
        <v>4554</v>
      </c>
      <c r="D7285" t="s">
        <v>4555</v>
      </c>
      <c r="E7285" t="s">
        <v>4236</v>
      </c>
      <c r="F7285" t="s">
        <v>4237</v>
      </c>
      <c r="G7285" t="s">
        <v>80</v>
      </c>
      <c r="H7285" t="s">
        <v>81</v>
      </c>
      <c r="I7285" s="2">
        <v>1</v>
      </c>
      <c r="J7285" s="2">
        <v>0</v>
      </c>
      <c r="K7285" s="2">
        <v>0</v>
      </c>
      <c r="L7285" t="s">
        <v>120</v>
      </c>
      <c r="M7285" t="s">
        <v>83</v>
      </c>
      <c r="N7285" t="s">
        <v>91</v>
      </c>
      <c r="O7285" t="s">
        <v>85</v>
      </c>
      <c r="P7285" t="s">
        <v>86</v>
      </c>
      <c r="Q7285">
        <v>7</v>
      </c>
      <c r="R7285">
        <v>7</v>
      </c>
      <c r="S7285">
        <v>7</v>
      </c>
      <c r="T7285">
        <v>7</v>
      </c>
      <c r="U7285">
        <v>7</v>
      </c>
      <c r="V7285">
        <v>7</v>
      </c>
      <c r="W7285">
        <v>7</v>
      </c>
      <c r="X7285">
        <v>7</v>
      </c>
      <c r="Y7285">
        <v>7</v>
      </c>
      <c r="Z7285">
        <v>7</v>
      </c>
      <c r="AA7285">
        <v>7</v>
      </c>
      <c r="AB7285">
        <v>7</v>
      </c>
      <c r="AC7285">
        <v>7</v>
      </c>
      <c r="AD7285">
        <v>7</v>
      </c>
      <c r="AE7285">
        <v>7</v>
      </c>
      <c r="AF7285">
        <v>7</v>
      </c>
      <c r="AG7285">
        <v>7</v>
      </c>
      <c r="AH7285">
        <v>7</v>
      </c>
      <c r="AI7285">
        <v>7</v>
      </c>
      <c r="AJ7285">
        <v>7</v>
      </c>
      <c r="AK7285">
        <v>7</v>
      </c>
      <c r="AL7285">
        <v>7</v>
      </c>
      <c r="AM7285">
        <v>7</v>
      </c>
      <c r="AN7285">
        <v>7</v>
      </c>
      <c r="AO7285">
        <v>7</v>
      </c>
      <c r="AP7285">
        <v>7</v>
      </c>
      <c r="AQ7285">
        <v>7</v>
      </c>
    </row>
    <row r="7286" spans="1:43">
      <c r="A7286" t="s">
        <v>4562</v>
      </c>
      <c r="B7286" t="s">
        <v>4563</v>
      </c>
      <c r="C7286" t="s">
        <v>4554</v>
      </c>
      <c r="D7286" t="s">
        <v>4555</v>
      </c>
      <c r="E7286" t="s">
        <v>4236</v>
      </c>
      <c r="F7286" t="s">
        <v>4237</v>
      </c>
      <c r="G7286" t="s">
        <v>80</v>
      </c>
      <c r="H7286" t="s">
        <v>81</v>
      </c>
      <c r="I7286" s="2">
        <v>1</v>
      </c>
      <c r="J7286" s="2">
        <v>0</v>
      </c>
      <c r="K7286" s="2">
        <v>0</v>
      </c>
      <c r="L7286" t="s">
        <v>120</v>
      </c>
      <c r="M7286" t="s">
        <v>83</v>
      </c>
      <c r="N7286" t="s">
        <v>84</v>
      </c>
      <c r="O7286" t="s">
        <v>85</v>
      </c>
      <c r="P7286" t="s">
        <v>86</v>
      </c>
      <c r="Q7286">
        <v>37</v>
      </c>
      <c r="R7286">
        <v>37</v>
      </c>
      <c r="S7286">
        <v>38</v>
      </c>
      <c r="T7286">
        <v>38</v>
      </c>
      <c r="U7286">
        <v>39</v>
      </c>
      <c r="V7286">
        <v>39</v>
      </c>
      <c r="W7286">
        <v>39</v>
      </c>
      <c r="X7286">
        <v>40</v>
      </c>
      <c r="Y7286">
        <v>40</v>
      </c>
      <c r="Z7286">
        <v>40</v>
      </c>
      <c r="AA7286">
        <v>40</v>
      </c>
      <c r="AB7286">
        <v>41</v>
      </c>
      <c r="AC7286">
        <v>41</v>
      </c>
      <c r="AD7286">
        <v>41</v>
      </c>
      <c r="AE7286">
        <v>41</v>
      </c>
      <c r="AF7286">
        <v>41</v>
      </c>
      <c r="AG7286">
        <v>42</v>
      </c>
      <c r="AH7286">
        <v>42</v>
      </c>
      <c r="AI7286">
        <v>42</v>
      </c>
      <c r="AJ7286">
        <v>42</v>
      </c>
      <c r="AK7286">
        <v>42</v>
      </c>
      <c r="AL7286">
        <v>42</v>
      </c>
      <c r="AM7286">
        <v>42</v>
      </c>
      <c r="AN7286">
        <v>41</v>
      </c>
      <c r="AO7286">
        <v>41</v>
      </c>
      <c r="AP7286">
        <v>41</v>
      </c>
      <c r="AQ7286">
        <v>40</v>
      </c>
    </row>
    <row r="7287" spans="1:43">
      <c r="A7287" t="s">
        <v>4562</v>
      </c>
      <c r="B7287" t="s">
        <v>4563</v>
      </c>
      <c r="C7287" t="s">
        <v>4554</v>
      </c>
      <c r="D7287" t="s">
        <v>4555</v>
      </c>
      <c r="E7287" t="s">
        <v>4236</v>
      </c>
      <c r="F7287" t="s">
        <v>4237</v>
      </c>
      <c r="G7287" t="s">
        <v>80</v>
      </c>
      <c r="H7287" t="s">
        <v>81</v>
      </c>
      <c r="I7287" s="2">
        <v>1</v>
      </c>
      <c r="J7287" s="2">
        <v>0</v>
      </c>
      <c r="K7287" s="2">
        <v>0</v>
      </c>
      <c r="L7287" t="s">
        <v>120</v>
      </c>
      <c r="M7287" t="s">
        <v>87</v>
      </c>
      <c r="N7287" t="s">
        <v>88</v>
      </c>
      <c r="O7287" t="s">
        <v>85</v>
      </c>
      <c r="P7287" t="s">
        <v>86</v>
      </c>
      <c r="Q7287">
        <v>37</v>
      </c>
      <c r="R7287">
        <v>37</v>
      </c>
      <c r="S7287">
        <v>37</v>
      </c>
      <c r="T7287">
        <v>37</v>
      </c>
      <c r="U7287">
        <v>37</v>
      </c>
      <c r="V7287">
        <v>37</v>
      </c>
      <c r="W7287">
        <v>37</v>
      </c>
      <c r="X7287">
        <v>37</v>
      </c>
      <c r="Y7287">
        <v>37</v>
      </c>
      <c r="Z7287">
        <v>37</v>
      </c>
      <c r="AA7287">
        <v>37</v>
      </c>
      <c r="AB7287">
        <v>37</v>
      </c>
      <c r="AC7287">
        <v>37</v>
      </c>
      <c r="AD7287">
        <v>37</v>
      </c>
      <c r="AE7287">
        <v>37</v>
      </c>
      <c r="AF7287">
        <v>37</v>
      </c>
      <c r="AG7287">
        <v>36</v>
      </c>
      <c r="AH7287">
        <v>36</v>
      </c>
      <c r="AI7287">
        <v>36</v>
      </c>
      <c r="AJ7287">
        <v>36</v>
      </c>
      <c r="AK7287">
        <v>36</v>
      </c>
      <c r="AL7287">
        <v>36</v>
      </c>
      <c r="AM7287">
        <v>36</v>
      </c>
      <c r="AN7287">
        <v>36</v>
      </c>
      <c r="AO7287">
        <v>35</v>
      </c>
      <c r="AP7287">
        <v>35</v>
      </c>
      <c r="AQ7287">
        <v>35</v>
      </c>
    </row>
    <row r="7288" spans="1:43">
      <c r="A7288" t="s">
        <v>4562</v>
      </c>
      <c r="B7288" t="s">
        <v>4563</v>
      </c>
      <c r="C7288" t="s">
        <v>4554</v>
      </c>
      <c r="D7288" t="s">
        <v>4555</v>
      </c>
      <c r="E7288" t="s">
        <v>4236</v>
      </c>
      <c r="F7288" t="s">
        <v>4237</v>
      </c>
      <c r="G7288" t="s">
        <v>80</v>
      </c>
      <c r="H7288" t="s">
        <v>81</v>
      </c>
      <c r="I7288" s="2">
        <v>1</v>
      </c>
      <c r="J7288" s="2">
        <v>0</v>
      </c>
      <c r="K7288" s="2">
        <v>0</v>
      </c>
      <c r="L7288" t="s">
        <v>120</v>
      </c>
      <c r="M7288" t="s">
        <v>89</v>
      </c>
      <c r="N7288" t="s">
        <v>90</v>
      </c>
      <c r="O7288" t="s">
        <v>85</v>
      </c>
      <c r="P7288" t="s">
        <v>86</v>
      </c>
      <c r="Q7288">
        <v>37</v>
      </c>
      <c r="R7288">
        <v>38</v>
      </c>
      <c r="S7288">
        <v>39</v>
      </c>
      <c r="T7288">
        <v>39</v>
      </c>
      <c r="U7288">
        <v>40</v>
      </c>
      <c r="V7288">
        <v>41</v>
      </c>
      <c r="W7288">
        <v>41</v>
      </c>
      <c r="X7288">
        <v>42</v>
      </c>
      <c r="Y7288">
        <v>42</v>
      </c>
      <c r="Z7288">
        <v>43</v>
      </c>
      <c r="AA7288">
        <v>43</v>
      </c>
      <c r="AB7288">
        <v>43</v>
      </c>
      <c r="AC7288">
        <v>44</v>
      </c>
      <c r="AD7288">
        <v>44</v>
      </c>
      <c r="AE7288">
        <v>44</v>
      </c>
      <c r="AF7288">
        <v>44</v>
      </c>
      <c r="AG7288">
        <v>44</v>
      </c>
      <c r="AH7288">
        <v>44</v>
      </c>
      <c r="AI7288">
        <v>43</v>
      </c>
      <c r="AJ7288">
        <v>43</v>
      </c>
      <c r="AK7288">
        <v>43</v>
      </c>
      <c r="AL7288">
        <v>42</v>
      </c>
      <c r="AM7288">
        <v>42</v>
      </c>
      <c r="AN7288">
        <v>42</v>
      </c>
      <c r="AO7288">
        <v>41</v>
      </c>
      <c r="AP7288">
        <v>41</v>
      </c>
      <c r="AQ7288">
        <v>41</v>
      </c>
    </row>
    <row r="7289" spans="1:43">
      <c r="A7289" t="s">
        <v>4562</v>
      </c>
      <c r="B7289" t="s">
        <v>4563</v>
      </c>
      <c r="C7289" t="s">
        <v>4554</v>
      </c>
      <c r="D7289" t="s">
        <v>4555</v>
      </c>
      <c r="E7289" t="s">
        <v>4236</v>
      </c>
      <c r="F7289" t="s">
        <v>4237</v>
      </c>
      <c r="G7289" t="s">
        <v>80</v>
      </c>
      <c r="H7289" t="s">
        <v>81</v>
      </c>
      <c r="I7289" s="2">
        <v>1</v>
      </c>
      <c r="J7289" s="2">
        <v>0</v>
      </c>
      <c r="K7289" s="2">
        <v>0</v>
      </c>
      <c r="L7289" t="s">
        <v>120</v>
      </c>
      <c r="M7289" t="s">
        <v>83</v>
      </c>
      <c r="N7289" t="s">
        <v>91</v>
      </c>
      <c r="O7289" t="s">
        <v>85</v>
      </c>
      <c r="P7289" t="s">
        <v>86</v>
      </c>
      <c r="Q7289">
        <v>37</v>
      </c>
      <c r="R7289">
        <v>37</v>
      </c>
      <c r="S7289">
        <v>38</v>
      </c>
      <c r="T7289">
        <v>38</v>
      </c>
      <c r="U7289">
        <v>39</v>
      </c>
      <c r="V7289">
        <v>39</v>
      </c>
      <c r="W7289">
        <v>39</v>
      </c>
      <c r="X7289">
        <v>40</v>
      </c>
      <c r="Y7289">
        <v>40</v>
      </c>
      <c r="Z7289">
        <v>40</v>
      </c>
      <c r="AA7289">
        <v>40</v>
      </c>
      <c r="AB7289">
        <v>41</v>
      </c>
      <c r="AC7289">
        <v>41</v>
      </c>
      <c r="AD7289">
        <v>41</v>
      </c>
      <c r="AE7289">
        <v>41</v>
      </c>
      <c r="AF7289">
        <v>41</v>
      </c>
      <c r="AG7289">
        <v>42</v>
      </c>
      <c r="AH7289">
        <v>42</v>
      </c>
      <c r="AI7289">
        <v>42</v>
      </c>
      <c r="AJ7289">
        <v>42</v>
      </c>
      <c r="AK7289">
        <v>42</v>
      </c>
      <c r="AL7289">
        <v>42</v>
      </c>
      <c r="AM7289">
        <v>42</v>
      </c>
      <c r="AN7289">
        <v>41</v>
      </c>
      <c r="AO7289">
        <v>41</v>
      </c>
      <c r="AP7289">
        <v>41</v>
      </c>
      <c r="AQ7289">
        <v>40</v>
      </c>
    </row>
    <row r="7290" spans="1:43">
      <c r="A7290" t="s">
        <v>4564</v>
      </c>
      <c r="B7290" t="s">
        <v>4565</v>
      </c>
      <c r="C7290" t="s">
        <v>4550</v>
      </c>
      <c r="D7290" t="s">
        <v>4551</v>
      </c>
      <c r="E7290" t="s">
        <v>4236</v>
      </c>
      <c r="F7290" t="s">
        <v>4237</v>
      </c>
      <c r="G7290" t="s">
        <v>80</v>
      </c>
      <c r="H7290" t="s">
        <v>81</v>
      </c>
      <c r="I7290" s="2">
        <v>1</v>
      </c>
      <c r="J7290" s="2">
        <v>0</v>
      </c>
      <c r="K7290" s="2">
        <v>0</v>
      </c>
      <c r="L7290" t="s">
        <v>120</v>
      </c>
      <c r="M7290" t="s">
        <v>83</v>
      </c>
      <c r="N7290" t="s">
        <v>84</v>
      </c>
      <c r="O7290" t="s">
        <v>85</v>
      </c>
      <c r="P7290" t="s">
        <v>86</v>
      </c>
      <c r="Q7290">
        <v>16</v>
      </c>
      <c r="R7290">
        <v>16</v>
      </c>
      <c r="S7290">
        <v>16</v>
      </c>
      <c r="T7290">
        <v>16</v>
      </c>
      <c r="U7290">
        <v>16</v>
      </c>
      <c r="V7290">
        <v>17</v>
      </c>
      <c r="W7290">
        <v>17</v>
      </c>
      <c r="X7290">
        <v>17</v>
      </c>
      <c r="Y7290">
        <v>17</v>
      </c>
      <c r="Z7290">
        <v>17</v>
      </c>
      <c r="AA7290">
        <v>17</v>
      </c>
      <c r="AB7290">
        <v>17</v>
      </c>
      <c r="AC7290">
        <v>17</v>
      </c>
      <c r="AD7290">
        <v>17</v>
      </c>
      <c r="AE7290">
        <v>18</v>
      </c>
      <c r="AF7290">
        <v>18</v>
      </c>
      <c r="AG7290">
        <v>18</v>
      </c>
      <c r="AH7290">
        <v>18</v>
      </c>
      <c r="AI7290">
        <v>18</v>
      </c>
      <c r="AJ7290">
        <v>18</v>
      </c>
      <c r="AK7290">
        <v>18</v>
      </c>
      <c r="AL7290">
        <v>18</v>
      </c>
      <c r="AM7290">
        <v>18</v>
      </c>
      <c r="AN7290">
        <v>18</v>
      </c>
      <c r="AO7290">
        <v>17</v>
      </c>
      <c r="AP7290">
        <v>17</v>
      </c>
      <c r="AQ7290">
        <v>17</v>
      </c>
    </row>
    <row r="7291" spans="1:43">
      <c r="A7291" t="s">
        <v>4564</v>
      </c>
      <c r="B7291" t="s">
        <v>4565</v>
      </c>
      <c r="C7291" t="s">
        <v>4550</v>
      </c>
      <c r="D7291" t="s">
        <v>4551</v>
      </c>
      <c r="E7291" t="s">
        <v>4236</v>
      </c>
      <c r="F7291" t="s">
        <v>4237</v>
      </c>
      <c r="G7291" t="s">
        <v>80</v>
      </c>
      <c r="H7291" t="s">
        <v>81</v>
      </c>
      <c r="I7291" s="2">
        <v>1</v>
      </c>
      <c r="J7291" s="2">
        <v>0</v>
      </c>
      <c r="K7291" s="2">
        <v>0</v>
      </c>
      <c r="L7291" t="s">
        <v>120</v>
      </c>
      <c r="M7291" t="s">
        <v>87</v>
      </c>
      <c r="N7291" t="s">
        <v>88</v>
      </c>
      <c r="O7291" t="s">
        <v>85</v>
      </c>
      <c r="P7291" t="s">
        <v>86</v>
      </c>
      <c r="Q7291">
        <v>16</v>
      </c>
      <c r="R7291">
        <v>16</v>
      </c>
      <c r="S7291">
        <v>16</v>
      </c>
      <c r="T7291">
        <v>16</v>
      </c>
      <c r="U7291">
        <v>16</v>
      </c>
      <c r="V7291">
        <v>16</v>
      </c>
      <c r="W7291">
        <v>16</v>
      </c>
      <c r="X7291">
        <v>16</v>
      </c>
      <c r="Y7291">
        <v>16</v>
      </c>
      <c r="Z7291">
        <v>16</v>
      </c>
      <c r="AA7291">
        <v>16</v>
      </c>
      <c r="AB7291">
        <v>16</v>
      </c>
      <c r="AC7291">
        <v>16</v>
      </c>
      <c r="AD7291">
        <v>16</v>
      </c>
      <c r="AE7291">
        <v>16</v>
      </c>
      <c r="AF7291">
        <v>16</v>
      </c>
      <c r="AG7291">
        <v>15</v>
      </c>
      <c r="AH7291">
        <v>15</v>
      </c>
      <c r="AI7291">
        <v>15</v>
      </c>
      <c r="AJ7291">
        <v>15</v>
      </c>
      <c r="AK7291">
        <v>15</v>
      </c>
      <c r="AL7291">
        <v>15</v>
      </c>
      <c r="AM7291">
        <v>15</v>
      </c>
      <c r="AN7291">
        <v>15</v>
      </c>
      <c r="AO7291">
        <v>15</v>
      </c>
      <c r="AP7291">
        <v>15</v>
      </c>
      <c r="AQ7291">
        <v>15</v>
      </c>
    </row>
    <row r="7292" spans="1:43">
      <c r="A7292" t="s">
        <v>4564</v>
      </c>
      <c r="B7292" t="s">
        <v>4565</v>
      </c>
      <c r="C7292" t="s">
        <v>4550</v>
      </c>
      <c r="D7292" t="s">
        <v>4551</v>
      </c>
      <c r="E7292" t="s">
        <v>4236</v>
      </c>
      <c r="F7292" t="s">
        <v>4237</v>
      </c>
      <c r="G7292" t="s">
        <v>80</v>
      </c>
      <c r="H7292" t="s">
        <v>81</v>
      </c>
      <c r="I7292" s="2">
        <v>1</v>
      </c>
      <c r="J7292" s="2">
        <v>0</v>
      </c>
      <c r="K7292" s="2">
        <v>0</v>
      </c>
      <c r="L7292" t="s">
        <v>120</v>
      </c>
      <c r="M7292" t="s">
        <v>89</v>
      </c>
      <c r="N7292" t="s">
        <v>90</v>
      </c>
      <c r="O7292" t="s">
        <v>85</v>
      </c>
      <c r="P7292" t="s">
        <v>86</v>
      </c>
      <c r="Q7292">
        <v>16</v>
      </c>
      <c r="R7292">
        <v>16</v>
      </c>
      <c r="S7292">
        <v>16</v>
      </c>
      <c r="T7292">
        <v>17</v>
      </c>
      <c r="U7292">
        <v>17</v>
      </c>
      <c r="V7292">
        <v>17</v>
      </c>
      <c r="W7292">
        <v>17</v>
      </c>
      <c r="X7292">
        <v>18</v>
      </c>
      <c r="Y7292">
        <v>18</v>
      </c>
      <c r="Z7292">
        <v>18</v>
      </c>
      <c r="AA7292">
        <v>18</v>
      </c>
      <c r="AB7292">
        <v>18</v>
      </c>
      <c r="AC7292">
        <v>19</v>
      </c>
      <c r="AD7292">
        <v>19</v>
      </c>
      <c r="AE7292">
        <v>19</v>
      </c>
      <c r="AF7292">
        <v>19</v>
      </c>
      <c r="AG7292">
        <v>19</v>
      </c>
      <c r="AH7292">
        <v>18</v>
      </c>
      <c r="AI7292">
        <v>18</v>
      </c>
      <c r="AJ7292">
        <v>18</v>
      </c>
      <c r="AK7292">
        <v>18</v>
      </c>
      <c r="AL7292">
        <v>18</v>
      </c>
      <c r="AM7292">
        <v>18</v>
      </c>
      <c r="AN7292">
        <v>18</v>
      </c>
      <c r="AO7292">
        <v>18</v>
      </c>
      <c r="AP7292">
        <v>17</v>
      </c>
      <c r="AQ7292">
        <v>17</v>
      </c>
    </row>
    <row r="7293" spans="1:43">
      <c r="A7293" t="s">
        <v>4564</v>
      </c>
      <c r="B7293" t="s">
        <v>4565</v>
      </c>
      <c r="C7293" t="s">
        <v>4550</v>
      </c>
      <c r="D7293" t="s">
        <v>4551</v>
      </c>
      <c r="E7293" t="s">
        <v>4236</v>
      </c>
      <c r="F7293" t="s">
        <v>4237</v>
      </c>
      <c r="G7293" t="s">
        <v>80</v>
      </c>
      <c r="H7293" t="s">
        <v>81</v>
      </c>
      <c r="I7293" s="2">
        <v>1</v>
      </c>
      <c r="J7293" s="2">
        <v>0</v>
      </c>
      <c r="K7293" s="2">
        <v>0</v>
      </c>
      <c r="L7293" t="s">
        <v>120</v>
      </c>
      <c r="M7293" t="s">
        <v>83</v>
      </c>
      <c r="N7293" t="s">
        <v>91</v>
      </c>
      <c r="O7293" t="s">
        <v>85</v>
      </c>
      <c r="P7293" t="s">
        <v>86</v>
      </c>
      <c r="Q7293">
        <v>16</v>
      </c>
      <c r="R7293">
        <v>16</v>
      </c>
      <c r="S7293">
        <v>16</v>
      </c>
      <c r="T7293">
        <v>16</v>
      </c>
      <c r="U7293">
        <v>16</v>
      </c>
      <c r="V7293">
        <v>17</v>
      </c>
      <c r="W7293">
        <v>17</v>
      </c>
      <c r="X7293">
        <v>17</v>
      </c>
      <c r="Y7293">
        <v>17</v>
      </c>
      <c r="Z7293">
        <v>17</v>
      </c>
      <c r="AA7293">
        <v>17</v>
      </c>
      <c r="AB7293">
        <v>17</v>
      </c>
      <c r="AC7293">
        <v>17</v>
      </c>
      <c r="AD7293">
        <v>17</v>
      </c>
      <c r="AE7293">
        <v>18</v>
      </c>
      <c r="AF7293">
        <v>18</v>
      </c>
      <c r="AG7293">
        <v>18</v>
      </c>
      <c r="AH7293">
        <v>18</v>
      </c>
      <c r="AI7293">
        <v>18</v>
      </c>
      <c r="AJ7293">
        <v>18</v>
      </c>
      <c r="AK7293">
        <v>18</v>
      </c>
      <c r="AL7293">
        <v>18</v>
      </c>
      <c r="AM7293">
        <v>18</v>
      </c>
      <c r="AN7293">
        <v>18</v>
      </c>
      <c r="AO7293">
        <v>17</v>
      </c>
      <c r="AP7293">
        <v>17</v>
      </c>
      <c r="AQ7293">
        <v>17</v>
      </c>
    </row>
    <row r="7294" spans="1:43">
      <c r="A7294" t="s">
        <v>4566</v>
      </c>
      <c r="B7294" t="s">
        <v>4567</v>
      </c>
      <c r="C7294" t="s">
        <v>4550</v>
      </c>
      <c r="D7294" t="s">
        <v>4551</v>
      </c>
      <c r="E7294" t="s">
        <v>4236</v>
      </c>
      <c r="F7294" t="s">
        <v>4237</v>
      </c>
      <c r="G7294" t="s">
        <v>80</v>
      </c>
      <c r="H7294" t="s">
        <v>81</v>
      </c>
      <c r="I7294" s="2">
        <v>1</v>
      </c>
      <c r="J7294" s="2">
        <v>0</v>
      </c>
      <c r="K7294" s="2">
        <v>0</v>
      </c>
      <c r="L7294" t="s">
        <v>120</v>
      </c>
      <c r="M7294" t="s">
        <v>83</v>
      </c>
      <c r="N7294" t="s">
        <v>84</v>
      </c>
      <c r="O7294" t="s">
        <v>85</v>
      </c>
      <c r="P7294" t="s">
        <v>86</v>
      </c>
      <c r="Q7294">
        <v>0</v>
      </c>
      <c r="R7294">
        <v>0</v>
      </c>
      <c r="S7294">
        <v>0</v>
      </c>
      <c r="T7294">
        <v>0</v>
      </c>
      <c r="U7294">
        <v>0</v>
      </c>
      <c r="V7294">
        <v>0</v>
      </c>
      <c r="W7294">
        <v>0</v>
      </c>
      <c r="X7294">
        <v>0</v>
      </c>
      <c r="Y7294">
        <v>0</v>
      </c>
      <c r="Z7294">
        <v>0</v>
      </c>
      <c r="AA7294">
        <v>0</v>
      </c>
      <c r="AB7294">
        <v>0</v>
      </c>
      <c r="AC7294">
        <v>0</v>
      </c>
      <c r="AD7294">
        <v>0</v>
      </c>
      <c r="AE7294">
        <v>0</v>
      </c>
      <c r="AF7294">
        <v>0</v>
      </c>
      <c r="AG7294">
        <v>0</v>
      </c>
      <c r="AH7294">
        <v>0</v>
      </c>
      <c r="AI7294">
        <v>0</v>
      </c>
      <c r="AJ7294">
        <v>0</v>
      </c>
      <c r="AK7294">
        <v>0</v>
      </c>
      <c r="AL7294">
        <v>0</v>
      </c>
      <c r="AM7294">
        <v>0</v>
      </c>
      <c r="AN7294">
        <v>0</v>
      </c>
      <c r="AO7294">
        <v>0</v>
      </c>
      <c r="AP7294">
        <v>0</v>
      </c>
      <c r="AQ7294">
        <v>0</v>
      </c>
    </row>
    <row r="7295" spans="1:43">
      <c r="A7295" t="s">
        <v>4566</v>
      </c>
      <c r="B7295" t="s">
        <v>4567</v>
      </c>
      <c r="C7295" t="s">
        <v>4550</v>
      </c>
      <c r="D7295" t="s">
        <v>4551</v>
      </c>
      <c r="E7295" t="s">
        <v>4236</v>
      </c>
      <c r="F7295" t="s">
        <v>4237</v>
      </c>
      <c r="G7295" t="s">
        <v>80</v>
      </c>
      <c r="H7295" t="s">
        <v>81</v>
      </c>
      <c r="I7295" s="2">
        <v>1</v>
      </c>
      <c r="J7295" s="2">
        <v>0</v>
      </c>
      <c r="K7295" s="2">
        <v>0</v>
      </c>
      <c r="L7295" t="s">
        <v>120</v>
      </c>
      <c r="M7295" t="s">
        <v>87</v>
      </c>
      <c r="N7295" t="s">
        <v>88</v>
      </c>
      <c r="O7295" t="s">
        <v>85</v>
      </c>
      <c r="P7295" t="s">
        <v>86</v>
      </c>
      <c r="Q7295">
        <v>0</v>
      </c>
      <c r="R7295">
        <v>0</v>
      </c>
      <c r="S7295">
        <v>0</v>
      </c>
      <c r="T7295">
        <v>0</v>
      </c>
      <c r="U7295">
        <v>0</v>
      </c>
      <c r="V7295">
        <v>0</v>
      </c>
      <c r="W7295">
        <v>0</v>
      </c>
      <c r="X7295">
        <v>0</v>
      </c>
      <c r="Y7295">
        <v>0</v>
      </c>
      <c r="Z7295">
        <v>0</v>
      </c>
      <c r="AA7295">
        <v>0</v>
      </c>
      <c r="AB7295">
        <v>0</v>
      </c>
      <c r="AC7295">
        <v>0</v>
      </c>
      <c r="AD7295">
        <v>0</v>
      </c>
      <c r="AE7295">
        <v>0</v>
      </c>
      <c r="AF7295">
        <v>0</v>
      </c>
      <c r="AG7295">
        <v>0</v>
      </c>
      <c r="AH7295">
        <v>0</v>
      </c>
      <c r="AI7295">
        <v>0</v>
      </c>
      <c r="AJ7295">
        <v>0</v>
      </c>
      <c r="AK7295">
        <v>0</v>
      </c>
      <c r="AL7295">
        <v>0</v>
      </c>
      <c r="AM7295">
        <v>0</v>
      </c>
      <c r="AN7295">
        <v>0</v>
      </c>
      <c r="AO7295">
        <v>0</v>
      </c>
      <c r="AP7295">
        <v>0</v>
      </c>
      <c r="AQ7295">
        <v>0</v>
      </c>
    </row>
    <row r="7296" spans="1:43">
      <c r="A7296" t="s">
        <v>4566</v>
      </c>
      <c r="B7296" t="s">
        <v>4567</v>
      </c>
      <c r="C7296" t="s">
        <v>4550</v>
      </c>
      <c r="D7296" t="s">
        <v>4551</v>
      </c>
      <c r="E7296" t="s">
        <v>4236</v>
      </c>
      <c r="F7296" t="s">
        <v>4237</v>
      </c>
      <c r="G7296" t="s">
        <v>80</v>
      </c>
      <c r="H7296" t="s">
        <v>81</v>
      </c>
      <c r="I7296" s="2">
        <v>1</v>
      </c>
      <c r="J7296" s="2">
        <v>0</v>
      </c>
      <c r="K7296" s="2">
        <v>0</v>
      </c>
      <c r="L7296" t="s">
        <v>120</v>
      </c>
      <c r="M7296" t="s">
        <v>89</v>
      </c>
      <c r="N7296" t="s">
        <v>90</v>
      </c>
      <c r="O7296" t="s">
        <v>85</v>
      </c>
      <c r="P7296" t="s">
        <v>86</v>
      </c>
      <c r="Q7296">
        <v>0</v>
      </c>
      <c r="R7296">
        <v>0</v>
      </c>
      <c r="S7296">
        <v>0</v>
      </c>
      <c r="T7296">
        <v>0</v>
      </c>
      <c r="U7296">
        <v>0</v>
      </c>
      <c r="V7296">
        <v>0</v>
      </c>
      <c r="W7296">
        <v>0</v>
      </c>
      <c r="X7296">
        <v>0</v>
      </c>
      <c r="Y7296">
        <v>0</v>
      </c>
      <c r="Z7296">
        <v>0</v>
      </c>
      <c r="AA7296">
        <v>0</v>
      </c>
      <c r="AB7296">
        <v>0</v>
      </c>
      <c r="AC7296">
        <v>0</v>
      </c>
      <c r="AD7296">
        <v>0</v>
      </c>
      <c r="AE7296">
        <v>0</v>
      </c>
      <c r="AF7296">
        <v>0</v>
      </c>
      <c r="AG7296">
        <v>0</v>
      </c>
      <c r="AH7296">
        <v>0</v>
      </c>
      <c r="AI7296">
        <v>0</v>
      </c>
      <c r="AJ7296">
        <v>0</v>
      </c>
      <c r="AK7296">
        <v>0</v>
      </c>
      <c r="AL7296">
        <v>0</v>
      </c>
      <c r="AM7296">
        <v>0</v>
      </c>
      <c r="AN7296">
        <v>0</v>
      </c>
      <c r="AO7296">
        <v>0</v>
      </c>
      <c r="AP7296">
        <v>0</v>
      </c>
      <c r="AQ7296">
        <v>0</v>
      </c>
    </row>
    <row r="7297" spans="1:43">
      <c r="A7297" t="s">
        <v>4566</v>
      </c>
      <c r="B7297" t="s">
        <v>4567</v>
      </c>
      <c r="C7297" t="s">
        <v>4550</v>
      </c>
      <c r="D7297" t="s">
        <v>4551</v>
      </c>
      <c r="E7297" t="s">
        <v>4236</v>
      </c>
      <c r="F7297" t="s">
        <v>4237</v>
      </c>
      <c r="G7297" t="s">
        <v>80</v>
      </c>
      <c r="H7297" t="s">
        <v>81</v>
      </c>
      <c r="I7297" s="2">
        <v>1</v>
      </c>
      <c r="J7297" s="2">
        <v>0</v>
      </c>
      <c r="K7297" s="2">
        <v>0</v>
      </c>
      <c r="L7297" t="s">
        <v>120</v>
      </c>
      <c r="M7297" t="s">
        <v>83</v>
      </c>
      <c r="N7297" t="s">
        <v>91</v>
      </c>
      <c r="O7297" t="s">
        <v>85</v>
      </c>
      <c r="P7297" t="s">
        <v>86</v>
      </c>
      <c r="Q7297">
        <v>0</v>
      </c>
      <c r="R7297">
        <v>0</v>
      </c>
      <c r="S7297">
        <v>0</v>
      </c>
      <c r="T7297">
        <v>0</v>
      </c>
      <c r="U7297">
        <v>0</v>
      </c>
      <c r="V7297">
        <v>0</v>
      </c>
      <c r="W7297">
        <v>0</v>
      </c>
      <c r="X7297">
        <v>0</v>
      </c>
      <c r="Y7297">
        <v>0</v>
      </c>
      <c r="Z7297">
        <v>0</v>
      </c>
      <c r="AA7297">
        <v>0</v>
      </c>
      <c r="AB7297">
        <v>0</v>
      </c>
      <c r="AC7297">
        <v>0</v>
      </c>
      <c r="AD7297">
        <v>0</v>
      </c>
      <c r="AE7297">
        <v>0</v>
      </c>
      <c r="AF7297">
        <v>0</v>
      </c>
      <c r="AG7297">
        <v>0</v>
      </c>
      <c r="AH7297">
        <v>0</v>
      </c>
      <c r="AI7297">
        <v>0</v>
      </c>
      <c r="AJ7297">
        <v>0</v>
      </c>
      <c r="AK7297">
        <v>0</v>
      </c>
      <c r="AL7297">
        <v>0</v>
      </c>
      <c r="AM7297">
        <v>0</v>
      </c>
      <c r="AN7297">
        <v>0</v>
      </c>
      <c r="AO7297">
        <v>0</v>
      </c>
      <c r="AP7297">
        <v>0</v>
      </c>
      <c r="AQ7297">
        <v>0</v>
      </c>
    </row>
    <row r="7298" spans="1:43">
      <c r="A7298" t="s">
        <v>4568</v>
      </c>
      <c r="B7298" t="s">
        <v>4569</v>
      </c>
      <c r="C7298" t="s">
        <v>4570</v>
      </c>
      <c r="D7298" t="s">
        <v>4571</v>
      </c>
      <c r="E7298" t="s">
        <v>4236</v>
      </c>
      <c r="F7298" t="s">
        <v>4237</v>
      </c>
      <c r="G7298" t="s">
        <v>80</v>
      </c>
      <c r="H7298" t="s">
        <v>81</v>
      </c>
      <c r="I7298" s="2">
        <v>1</v>
      </c>
      <c r="J7298" s="2">
        <v>0</v>
      </c>
      <c r="K7298" s="2">
        <v>0</v>
      </c>
      <c r="L7298" t="s">
        <v>120</v>
      </c>
      <c r="M7298" t="s">
        <v>83</v>
      </c>
      <c r="N7298" t="s">
        <v>84</v>
      </c>
      <c r="O7298" t="s">
        <v>85</v>
      </c>
      <c r="P7298" t="s">
        <v>86</v>
      </c>
      <c r="Q7298">
        <v>39</v>
      </c>
      <c r="R7298">
        <v>40</v>
      </c>
      <c r="S7298">
        <v>40</v>
      </c>
      <c r="T7298">
        <v>41</v>
      </c>
      <c r="U7298">
        <v>41</v>
      </c>
      <c r="V7298">
        <v>41</v>
      </c>
      <c r="W7298">
        <v>42</v>
      </c>
      <c r="X7298">
        <v>42</v>
      </c>
      <c r="Y7298">
        <v>42</v>
      </c>
      <c r="Z7298">
        <v>43</v>
      </c>
      <c r="AA7298">
        <v>43</v>
      </c>
      <c r="AB7298">
        <v>43</v>
      </c>
      <c r="AC7298">
        <v>43</v>
      </c>
      <c r="AD7298">
        <v>44</v>
      </c>
      <c r="AE7298">
        <v>44</v>
      </c>
      <c r="AF7298">
        <v>44</v>
      </c>
      <c r="AG7298">
        <v>44</v>
      </c>
      <c r="AH7298">
        <v>44</v>
      </c>
      <c r="AI7298">
        <v>44</v>
      </c>
      <c r="AJ7298">
        <v>44</v>
      </c>
      <c r="AK7298">
        <v>44</v>
      </c>
      <c r="AL7298">
        <v>44</v>
      </c>
      <c r="AM7298">
        <v>44</v>
      </c>
      <c r="AN7298">
        <v>43</v>
      </c>
      <c r="AO7298">
        <v>43</v>
      </c>
      <c r="AP7298">
        <v>43</v>
      </c>
      <c r="AQ7298">
        <v>42</v>
      </c>
    </row>
    <row r="7299" spans="1:43">
      <c r="A7299" t="s">
        <v>4568</v>
      </c>
      <c r="B7299" t="s">
        <v>4569</v>
      </c>
      <c r="C7299" t="s">
        <v>4570</v>
      </c>
      <c r="D7299" t="s">
        <v>4571</v>
      </c>
      <c r="E7299" t="s">
        <v>4236</v>
      </c>
      <c r="F7299" t="s">
        <v>4237</v>
      </c>
      <c r="G7299" t="s">
        <v>80</v>
      </c>
      <c r="H7299" t="s">
        <v>81</v>
      </c>
      <c r="I7299" s="2">
        <v>1</v>
      </c>
      <c r="J7299" s="2">
        <v>0</v>
      </c>
      <c r="K7299" s="2">
        <v>0</v>
      </c>
      <c r="L7299" t="s">
        <v>120</v>
      </c>
      <c r="M7299" t="s">
        <v>87</v>
      </c>
      <c r="N7299" t="s">
        <v>88</v>
      </c>
      <c r="O7299" t="s">
        <v>85</v>
      </c>
      <c r="P7299" t="s">
        <v>86</v>
      </c>
      <c r="Q7299">
        <v>39</v>
      </c>
      <c r="R7299">
        <v>39</v>
      </c>
      <c r="S7299">
        <v>39</v>
      </c>
      <c r="T7299">
        <v>39</v>
      </c>
      <c r="U7299">
        <v>39</v>
      </c>
      <c r="V7299">
        <v>39</v>
      </c>
      <c r="W7299">
        <v>39</v>
      </c>
      <c r="X7299">
        <v>39</v>
      </c>
      <c r="Y7299">
        <v>39</v>
      </c>
      <c r="Z7299">
        <v>39</v>
      </c>
      <c r="AA7299">
        <v>39</v>
      </c>
      <c r="AB7299">
        <v>39</v>
      </c>
      <c r="AC7299">
        <v>39</v>
      </c>
      <c r="AD7299">
        <v>39</v>
      </c>
      <c r="AE7299">
        <v>39</v>
      </c>
      <c r="AF7299">
        <v>39</v>
      </c>
      <c r="AG7299">
        <v>39</v>
      </c>
      <c r="AH7299">
        <v>38</v>
      </c>
      <c r="AI7299">
        <v>38</v>
      </c>
      <c r="AJ7299">
        <v>38</v>
      </c>
      <c r="AK7299">
        <v>38</v>
      </c>
      <c r="AL7299">
        <v>38</v>
      </c>
      <c r="AM7299">
        <v>38</v>
      </c>
      <c r="AN7299">
        <v>37</v>
      </c>
      <c r="AO7299">
        <v>37</v>
      </c>
      <c r="AP7299">
        <v>37</v>
      </c>
      <c r="AQ7299">
        <v>37</v>
      </c>
    </row>
    <row r="7300" spans="1:43">
      <c r="A7300" t="s">
        <v>4568</v>
      </c>
      <c r="B7300" t="s">
        <v>4569</v>
      </c>
      <c r="C7300" t="s">
        <v>4570</v>
      </c>
      <c r="D7300" t="s">
        <v>4571</v>
      </c>
      <c r="E7300" t="s">
        <v>4236</v>
      </c>
      <c r="F7300" t="s">
        <v>4237</v>
      </c>
      <c r="G7300" t="s">
        <v>80</v>
      </c>
      <c r="H7300" t="s">
        <v>81</v>
      </c>
      <c r="I7300" s="2">
        <v>1</v>
      </c>
      <c r="J7300" s="2">
        <v>0</v>
      </c>
      <c r="K7300" s="2">
        <v>0</v>
      </c>
      <c r="L7300" t="s">
        <v>120</v>
      </c>
      <c r="M7300" t="s">
        <v>89</v>
      </c>
      <c r="N7300" t="s">
        <v>90</v>
      </c>
      <c r="O7300" t="s">
        <v>85</v>
      </c>
      <c r="P7300" t="s">
        <v>86</v>
      </c>
      <c r="Q7300">
        <v>39</v>
      </c>
      <c r="R7300">
        <v>39</v>
      </c>
      <c r="S7300">
        <v>40</v>
      </c>
      <c r="T7300">
        <v>41</v>
      </c>
      <c r="U7300">
        <v>42</v>
      </c>
      <c r="V7300">
        <v>42</v>
      </c>
      <c r="W7300">
        <v>43</v>
      </c>
      <c r="X7300">
        <v>43</v>
      </c>
      <c r="Y7300">
        <v>44</v>
      </c>
      <c r="Z7300">
        <v>44</v>
      </c>
      <c r="AA7300">
        <v>45</v>
      </c>
      <c r="AB7300">
        <v>45</v>
      </c>
      <c r="AC7300">
        <v>45</v>
      </c>
      <c r="AD7300">
        <v>46</v>
      </c>
      <c r="AE7300">
        <v>46</v>
      </c>
      <c r="AF7300">
        <v>46</v>
      </c>
      <c r="AG7300">
        <v>45</v>
      </c>
      <c r="AH7300">
        <v>45</v>
      </c>
      <c r="AI7300">
        <v>45</v>
      </c>
      <c r="AJ7300">
        <v>44</v>
      </c>
      <c r="AK7300">
        <v>44</v>
      </c>
      <c r="AL7300">
        <v>44</v>
      </c>
      <c r="AM7300">
        <v>43</v>
      </c>
      <c r="AN7300">
        <v>43</v>
      </c>
      <c r="AO7300">
        <v>43</v>
      </c>
      <c r="AP7300">
        <v>42</v>
      </c>
      <c r="AQ7300">
        <v>42</v>
      </c>
    </row>
    <row r="7301" spans="1:43">
      <c r="A7301" t="s">
        <v>4568</v>
      </c>
      <c r="B7301" t="s">
        <v>4569</v>
      </c>
      <c r="C7301" t="s">
        <v>4570</v>
      </c>
      <c r="D7301" t="s">
        <v>4571</v>
      </c>
      <c r="E7301" t="s">
        <v>4236</v>
      </c>
      <c r="F7301" t="s">
        <v>4237</v>
      </c>
      <c r="G7301" t="s">
        <v>80</v>
      </c>
      <c r="H7301" t="s">
        <v>81</v>
      </c>
      <c r="I7301" s="2">
        <v>1</v>
      </c>
      <c r="J7301" s="2">
        <v>0</v>
      </c>
      <c r="K7301" s="2">
        <v>0</v>
      </c>
      <c r="L7301" t="s">
        <v>120</v>
      </c>
      <c r="M7301" t="s">
        <v>83</v>
      </c>
      <c r="N7301" t="s">
        <v>91</v>
      </c>
      <c r="O7301" t="s">
        <v>85</v>
      </c>
      <c r="P7301" t="s">
        <v>86</v>
      </c>
      <c r="Q7301">
        <v>39</v>
      </c>
      <c r="R7301">
        <v>40</v>
      </c>
      <c r="S7301">
        <v>40</v>
      </c>
      <c r="T7301">
        <v>41</v>
      </c>
      <c r="U7301">
        <v>41</v>
      </c>
      <c r="V7301">
        <v>41</v>
      </c>
      <c r="W7301">
        <v>42</v>
      </c>
      <c r="X7301">
        <v>42</v>
      </c>
      <c r="Y7301">
        <v>42</v>
      </c>
      <c r="Z7301">
        <v>43</v>
      </c>
      <c r="AA7301">
        <v>43</v>
      </c>
      <c r="AB7301">
        <v>43</v>
      </c>
      <c r="AC7301">
        <v>43</v>
      </c>
      <c r="AD7301">
        <v>44</v>
      </c>
      <c r="AE7301">
        <v>44</v>
      </c>
      <c r="AF7301">
        <v>44</v>
      </c>
      <c r="AG7301">
        <v>44</v>
      </c>
      <c r="AH7301">
        <v>44</v>
      </c>
      <c r="AI7301">
        <v>44</v>
      </c>
      <c r="AJ7301">
        <v>44</v>
      </c>
      <c r="AK7301">
        <v>44</v>
      </c>
      <c r="AL7301">
        <v>44</v>
      </c>
      <c r="AM7301">
        <v>44</v>
      </c>
      <c r="AN7301">
        <v>43</v>
      </c>
      <c r="AO7301">
        <v>43</v>
      </c>
      <c r="AP7301">
        <v>43</v>
      </c>
      <c r="AQ7301">
        <v>42</v>
      </c>
    </row>
    <row r="7302" spans="1:43">
      <c r="A7302" t="s">
        <v>4572</v>
      </c>
      <c r="B7302" t="s">
        <v>4573</v>
      </c>
      <c r="C7302" t="s">
        <v>4574</v>
      </c>
      <c r="D7302" t="s">
        <v>4575</v>
      </c>
      <c r="E7302" t="s">
        <v>4236</v>
      </c>
      <c r="F7302" t="s">
        <v>4237</v>
      </c>
      <c r="G7302" t="s">
        <v>80</v>
      </c>
      <c r="H7302" t="s">
        <v>81</v>
      </c>
      <c r="I7302" s="2">
        <v>1</v>
      </c>
      <c r="J7302" s="2">
        <v>0</v>
      </c>
      <c r="K7302" s="2">
        <v>0</v>
      </c>
      <c r="L7302" t="s">
        <v>120</v>
      </c>
      <c r="M7302" t="s">
        <v>83</v>
      </c>
      <c r="N7302" t="s">
        <v>84</v>
      </c>
      <c r="O7302" t="s">
        <v>85</v>
      </c>
      <c r="P7302" t="s">
        <v>86</v>
      </c>
      <c r="Q7302">
        <v>19</v>
      </c>
      <c r="R7302">
        <v>19</v>
      </c>
      <c r="S7302">
        <v>19</v>
      </c>
      <c r="T7302">
        <v>19</v>
      </c>
      <c r="U7302">
        <v>20</v>
      </c>
      <c r="V7302">
        <v>20</v>
      </c>
      <c r="W7302">
        <v>20</v>
      </c>
      <c r="X7302">
        <v>20</v>
      </c>
      <c r="Y7302">
        <v>20</v>
      </c>
      <c r="Z7302">
        <v>20</v>
      </c>
      <c r="AA7302">
        <v>21</v>
      </c>
      <c r="AB7302">
        <v>21</v>
      </c>
      <c r="AC7302">
        <v>21</v>
      </c>
      <c r="AD7302">
        <v>21</v>
      </c>
      <c r="AE7302">
        <v>21</v>
      </c>
      <c r="AF7302">
        <v>21</v>
      </c>
      <c r="AG7302">
        <v>21</v>
      </c>
      <c r="AH7302">
        <v>21</v>
      </c>
      <c r="AI7302">
        <v>21</v>
      </c>
      <c r="AJ7302">
        <v>21</v>
      </c>
      <c r="AK7302">
        <v>21</v>
      </c>
      <c r="AL7302">
        <v>21</v>
      </c>
      <c r="AM7302">
        <v>21</v>
      </c>
      <c r="AN7302">
        <v>21</v>
      </c>
      <c r="AO7302">
        <v>21</v>
      </c>
      <c r="AP7302">
        <v>21</v>
      </c>
      <c r="AQ7302">
        <v>21</v>
      </c>
    </row>
    <row r="7303" spans="1:43">
      <c r="A7303" t="s">
        <v>4572</v>
      </c>
      <c r="B7303" t="s">
        <v>4573</v>
      </c>
      <c r="C7303" t="s">
        <v>4574</v>
      </c>
      <c r="D7303" t="s">
        <v>4575</v>
      </c>
      <c r="E7303" t="s">
        <v>4236</v>
      </c>
      <c r="F7303" t="s">
        <v>4237</v>
      </c>
      <c r="G7303" t="s">
        <v>80</v>
      </c>
      <c r="H7303" t="s">
        <v>81</v>
      </c>
      <c r="I7303" s="2">
        <v>1</v>
      </c>
      <c r="J7303" s="2">
        <v>0</v>
      </c>
      <c r="K7303" s="2">
        <v>0</v>
      </c>
      <c r="L7303" t="s">
        <v>120</v>
      </c>
      <c r="M7303" t="s">
        <v>87</v>
      </c>
      <c r="N7303" t="s">
        <v>88</v>
      </c>
      <c r="O7303" t="s">
        <v>85</v>
      </c>
      <c r="P7303" t="s">
        <v>86</v>
      </c>
      <c r="Q7303">
        <v>19</v>
      </c>
      <c r="R7303">
        <v>20</v>
      </c>
      <c r="S7303">
        <v>20</v>
      </c>
      <c r="T7303">
        <v>20</v>
      </c>
      <c r="U7303">
        <v>20</v>
      </c>
      <c r="V7303">
        <v>20</v>
      </c>
      <c r="W7303">
        <v>20</v>
      </c>
      <c r="X7303">
        <v>20</v>
      </c>
      <c r="Y7303">
        <v>20</v>
      </c>
      <c r="Z7303">
        <v>20</v>
      </c>
      <c r="AA7303">
        <v>20</v>
      </c>
      <c r="AB7303">
        <v>20</v>
      </c>
      <c r="AC7303">
        <v>20</v>
      </c>
      <c r="AD7303">
        <v>20</v>
      </c>
      <c r="AE7303">
        <v>20</v>
      </c>
      <c r="AF7303">
        <v>20</v>
      </c>
      <c r="AG7303">
        <v>20</v>
      </c>
      <c r="AH7303">
        <v>20</v>
      </c>
      <c r="AI7303">
        <v>20</v>
      </c>
      <c r="AJ7303">
        <v>20</v>
      </c>
      <c r="AK7303">
        <v>19</v>
      </c>
      <c r="AL7303">
        <v>19</v>
      </c>
      <c r="AM7303">
        <v>19</v>
      </c>
      <c r="AN7303">
        <v>19</v>
      </c>
      <c r="AO7303">
        <v>19</v>
      </c>
      <c r="AP7303">
        <v>19</v>
      </c>
      <c r="AQ7303">
        <v>19</v>
      </c>
    </row>
    <row r="7304" spans="1:43">
      <c r="A7304" t="s">
        <v>4572</v>
      </c>
      <c r="B7304" t="s">
        <v>4573</v>
      </c>
      <c r="C7304" t="s">
        <v>4574</v>
      </c>
      <c r="D7304" t="s">
        <v>4575</v>
      </c>
      <c r="E7304" t="s">
        <v>4236</v>
      </c>
      <c r="F7304" t="s">
        <v>4237</v>
      </c>
      <c r="G7304" t="s">
        <v>80</v>
      </c>
      <c r="H7304" t="s">
        <v>81</v>
      </c>
      <c r="I7304" s="2">
        <v>1</v>
      </c>
      <c r="J7304" s="2">
        <v>0</v>
      </c>
      <c r="K7304" s="2">
        <v>0</v>
      </c>
      <c r="L7304" t="s">
        <v>120</v>
      </c>
      <c r="M7304" t="s">
        <v>89</v>
      </c>
      <c r="N7304" t="s">
        <v>90</v>
      </c>
      <c r="O7304" t="s">
        <v>85</v>
      </c>
      <c r="P7304" t="s">
        <v>86</v>
      </c>
      <c r="Q7304">
        <v>19</v>
      </c>
      <c r="R7304">
        <v>19</v>
      </c>
      <c r="S7304">
        <v>20</v>
      </c>
      <c r="T7304">
        <v>20</v>
      </c>
      <c r="U7304">
        <v>20</v>
      </c>
      <c r="V7304">
        <v>21</v>
      </c>
      <c r="W7304">
        <v>21</v>
      </c>
      <c r="X7304">
        <v>21</v>
      </c>
      <c r="Y7304">
        <v>21</v>
      </c>
      <c r="Z7304">
        <v>22</v>
      </c>
      <c r="AA7304">
        <v>22</v>
      </c>
      <c r="AB7304">
        <v>22</v>
      </c>
      <c r="AC7304">
        <v>22</v>
      </c>
      <c r="AD7304">
        <v>22</v>
      </c>
      <c r="AE7304">
        <v>22</v>
      </c>
      <c r="AF7304">
        <v>22</v>
      </c>
      <c r="AG7304">
        <v>22</v>
      </c>
      <c r="AH7304">
        <v>22</v>
      </c>
      <c r="AI7304">
        <v>22</v>
      </c>
      <c r="AJ7304">
        <v>22</v>
      </c>
      <c r="AK7304">
        <v>22</v>
      </c>
      <c r="AL7304">
        <v>22</v>
      </c>
      <c r="AM7304">
        <v>22</v>
      </c>
      <c r="AN7304">
        <v>21</v>
      </c>
      <c r="AO7304">
        <v>21</v>
      </c>
      <c r="AP7304">
        <v>21</v>
      </c>
      <c r="AQ7304">
        <v>21</v>
      </c>
    </row>
    <row r="7305" spans="1:43">
      <c r="A7305" t="s">
        <v>4572</v>
      </c>
      <c r="B7305" t="s">
        <v>4573</v>
      </c>
      <c r="C7305" t="s">
        <v>4574</v>
      </c>
      <c r="D7305" t="s">
        <v>4575</v>
      </c>
      <c r="E7305" t="s">
        <v>4236</v>
      </c>
      <c r="F7305" t="s">
        <v>4237</v>
      </c>
      <c r="G7305" t="s">
        <v>80</v>
      </c>
      <c r="H7305" t="s">
        <v>81</v>
      </c>
      <c r="I7305" s="2">
        <v>1</v>
      </c>
      <c r="J7305" s="2">
        <v>0</v>
      </c>
      <c r="K7305" s="2">
        <v>0</v>
      </c>
      <c r="L7305" t="s">
        <v>120</v>
      </c>
      <c r="M7305" t="s">
        <v>83</v>
      </c>
      <c r="N7305" t="s">
        <v>91</v>
      </c>
      <c r="O7305" t="s">
        <v>85</v>
      </c>
      <c r="P7305" t="s">
        <v>86</v>
      </c>
      <c r="Q7305">
        <v>19</v>
      </c>
      <c r="R7305">
        <v>19</v>
      </c>
      <c r="S7305">
        <v>19</v>
      </c>
      <c r="T7305">
        <v>19</v>
      </c>
      <c r="U7305">
        <v>20</v>
      </c>
      <c r="V7305">
        <v>20</v>
      </c>
      <c r="W7305">
        <v>20</v>
      </c>
      <c r="X7305">
        <v>20</v>
      </c>
      <c r="Y7305">
        <v>20</v>
      </c>
      <c r="Z7305">
        <v>20</v>
      </c>
      <c r="AA7305">
        <v>21</v>
      </c>
      <c r="AB7305">
        <v>21</v>
      </c>
      <c r="AC7305">
        <v>21</v>
      </c>
      <c r="AD7305">
        <v>21</v>
      </c>
      <c r="AE7305">
        <v>21</v>
      </c>
      <c r="AF7305">
        <v>21</v>
      </c>
      <c r="AG7305">
        <v>21</v>
      </c>
      <c r="AH7305">
        <v>21</v>
      </c>
      <c r="AI7305">
        <v>21</v>
      </c>
      <c r="AJ7305">
        <v>21</v>
      </c>
      <c r="AK7305">
        <v>21</v>
      </c>
      <c r="AL7305">
        <v>21</v>
      </c>
      <c r="AM7305">
        <v>21</v>
      </c>
      <c r="AN7305">
        <v>21</v>
      </c>
      <c r="AO7305">
        <v>21</v>
      </c>
      <c r="AP7305">
        <v>21</v>
      </c>
      <c r="AQ7305">
        <v>21</v>
      </c>
    </row>
    <row r="7306" spans="1:43">
      <c r="A7306" t="s">
        <v>4576</v>
      </c>
      <c r="B7306" t="s">
        <v>4577</v>
      </c>
      <c r="C7306" t="s">
        <v>4574</v>
      </c>
      <c r="D7306" t="s">
        <v>4575</v>
      </c>
      <c r="E7306" t="s">
        <v>4236</v>
      </c>
      <c r="F7306" t="s">
        <v>4237</v>
      </c>
      <c r="G7306" t="s">
        <v>80</v>
      </c>
      <c r="H7306" t="s">
        <v>81</v>
      </c>
      <c r="I7306" s="2">
        <v>1</v>
      </c>
      <c r="J7306" s="2">
        <v>0</v>
      </c>
      <c r="K7306" s="2">
        <v>0</v>
      </c>
      <c r="L7306" t="s">
        <v>120</v>
      </c>
      <c r="M7306" t="s">
        <v>83</v>
      </c>
      <c r="N7306" t="s">
        <v>84</v>
      </c>
      <c r="O7306" t="s">
        <v>85</v>
      </c>
      <c r="P7306" t="s">
        <v>86</v>
      </c>
      <c r="Q7306">
        <v>17</v>
      </c>
      <c r="R7306">
        <v>18</v>
      </c>
      <c r="S7306">
        <v>18</v>
      </c>
      <c r="T7306">
        <v>18</v>
      </c>
      <c r="U7306">
        <v>18</v>
      </c>
      <c r="V7306">
        <v>18</v>
      </c>
      <c r="W7306">
        <v>19</v>
      </c>
      <c r="X7306">
        <v>19</v>
      </c>
      <c r="Y7306">
        <v>19</v>
      </c>
      <c r="Z7306">
        <v>19</v>
      </c>
      <c r="AA7306">
        <v>19</v>
      </c>
      <c r="AB7306">
        <v>19</v>
      </c>
      <c r="AC7306">
        <v>19</v>
      </c>
      <c r="AD7306">
        <v>19</v>
      </c>
      <c r="AE7306">
        <v>20</v>
      </c>
      <c r="AF7306">
        <v>20</v>
      </c>
      <c r="AG7306">
        <v>20</v>
      </c>
      <c r="AH7306">
        <v>20</v>
      </c>
      <c r="AI7306">
        <v>20</v>
      </c>
      <c r="AJ7306">
        <v>20</v>
      </c>
      <c r="AK7306">
        <v>20</v>
      </c>
      <c r="AL7306">
        <v>20</v>
      </c>
      <c r="AM7306">
        <v>20</v>
      </c>
      <c r="AN7306">
        <v>20</v>
      </c>
      <c r="AO7306">
        <v>20</v>
      </c>
      <c r="AP7306">
        <v>19</v>
      </c>
      <c r="AQ7306">
        <v>19</v>
      </c>
    </row>
    <row r="7307" spans="1:43">
      <c r="A7307" t="s">
        <v>4576</v>
      </c>
      <c r="B7307" t="s">
        <v>4577</v>
      </c>
      <c r="C7307" t="s">
        <v>4574</v>
      </c>
      <c r="D7307" t="s">
        <v>4575</v>
      </c>
      <c r="E7307" t="s">
        <v>4236</v>
      </c>
      <c r="F7307" t="s">
        <v>4237</v>
      </c>
      <c r="G7307" t="s">
        <v>80</v>
      </c>
      <c r="H7307" t="s">
        <v>81</v>
      </c>
      <c r="I7307" s="2">
        <v>1</v>
      </c>
      <c r="J7307" s="2">
        <v>0</v>
      </c>
      <c r="K7307" s="2">
        <v>0</v>
      </c>
      <c r="L7307" t="s">
        <v>120</v>
      </c>
      <c r="M7307" t="s">
        <v>87</v>
      </c>
      <c r="N7307" t="s">
        <v>88</v>
      </c>
      <c r="O7307" t="s">
        <v>85</v>
      </c>
      <c r="P7307" t="s">
        <v>86</v>
      </c>
      <c r="Q7307">
        <v>17</v>
      </c>
      <c r="R7307">
        <v>17</v>
      </c>
      <c r="S7307">
        <v>17</v>
      </c>
      <c r="T7307">
        <v>17</v>
      </c>
      <c r="U7307">
        <v>17</v>
      </c>
      <c r="V7307">
        <v>17</v>
      </c>
      <c r="W7307">
        <v>17</v>
      </c>
      <c r="X7307">
        <v>17</v>
      </c>
      <c r="Y7307">
        <v>17</v>
      </c>
      <c r="Z7307">
        <v>17</v>
      </c>
      <c r="AA7307">
        <v>17</v>
      </c>
      <c r="AB7307">
        <v>17</v>
      </c>
      <c r="AC7307">
        <v>17</v>
      </c>
      <c r="AD7307">
        <v>17</v>
      </c>
      <c r="AE7307">
        <v>17</v>
      </c>
      <c r="AF7307">
        <v>17</v>
      </c>
      <c r="AG7307">
        <v>17</v>
      </c>
      <c r="AH7307">
        <v>17</v>
      </c>
      <c r="AI7307">
        <v>17</v>
      </c>
      <c r="AJ7307">
        <v>17</v>
      </c>
      <c r="AK7307">
        <v>17</v>
      </c>
      <c r="AL7307">
        <v>17</v>
      </c>
      <c r="AM7307">
        <v>17</v>
      </c>
      <c r="AN7307">
        <v>17</v>
      </c>
      <c r="AO7307">
        <v>17</v>
      </c>
      <c r="AP7307">
        <v>17</v>
      </c>
      <c r="AQ7307">
        <v>17</v>
      </c>
    </row>
    <row r="7308" spans="1:43">
      <c r="A7308" t="s">
        <v>4576</v>
      </c>
      <c r="B7308" t="s">
        <v>4577</v>
      </c>
      <c r="C7308" t="s">
        <v>4574</v>
      </c>
      <c r="D7308" t="s">
        <v>4575</v>
      </c>
      <c r="E7308" t="s">
        <v>4236</v>
      </c>
      <c r="F7308" t="s">
        <v>4237</v>
      </c>
      <c r="G7308" t="s">
        <v>80</v>
      </c>
      <c r="H7308" t="s">
        <v>81</v>
      </c>
      <c r="I7308" s="2">
        <v>1</v>
      </c>
      <c r="J7308" s="2">
        <v>0</v>
      </c>
      <c r="K7308" s="2">
        <v>0</v>
      </c>
      <c r="L7308" t="s">
        <v>120</v>
      </c>
      <c r="M7308" t="s">
        <v>89</v>
      </c>
      <c r="N7308" t="s">
        <v>90</v>
      </c>
      <c r="O7308" t="s">
        <v>85</v>
      </c>
      <c r="P7308" t="s">
        <v>86</v>
      </c>
      <c r="Q7308">
        <v>17</v>
      </c>
      <c r="R7308">
        <v>17</v>
      </c>
      <c r="S7308">
        <v>17</v>
      </c>
      <c r="T7308">
        <v>18</v>
      </c>
      <c r="U7308">
        <v>18</v>
      </c>
      <c r="V7308">
        <v>18</v>
      </c>
      <c r="W7308">
        <v>18</v>
      </c>
      <c r="X7308">
        <v>19</v>
      </c>
      <c r="Y7308">
        <v>19</v>
      </c>
      <c r="Z7308">
        <v>19</v>
      </c>
      <c r="AA7308">
        <v>19</v>
      </c>
      <c r="AB7308">
        <v>20</v>
      </c>
      <c r="AC7308">
        <v>20</v>
      </c>
      <c r="AD7308">
        <v>20</v>
      </c>
      <c r="AE7308">
        <v>20</v>
      </c>
      <c r="AF7308">
        <v>20</v>
      </c>
      <c r="AG7308">
        <v>20</v>
      </c>
      <c r="AH7308">
        <v>20</v>
      </c>
      <c r="AI7308">
        <v>20</v>
      </c>
      <c r="AJ7308">
        <v>19</v>
      </c>
      <c r="AK7308">
        <v>19</v>
      </c>
      <c r="AL7308">
        <v>19</v>
      </c>
      <c r="AM7308">
        <v>19</v>
      </c>
      <c r="AN7308">
        <v>19</v>
      </c>
      <c r="AO7308">
        <v>19</v>
      </c>
      <c r="AP7308">
        <v>19</v>
      </c>
      <c r="AQ7308">
        <v>19</v>
      </c>
    </row>
    <row r="7309" spans="1:43">
      <c r="A7309" t="s">
        <v>4576</v>
      </c>
      <c r="B7309" t="s">
        <v>4577</v>
      </c>
      <c r="C7309" t="s">
        <v>4574</v>
      </c>
      <c r="D7309" t="s">
        <v>4575</v>
      </c>
      <c r="E7309" t="s">
        <v>4236</v>
      </c>
      <c r="F7309" t="s">
        <v>4237</v>
      </c>
      <c r="G7309" t="s">
        <v>80</v>
      </c>
      <c r="H7309" t="s">
        <v>81</v>
      </c>
      <c r="I7309" s="2">
        <v>1</v>
      </c>
      <c r="J7309" s="2">
        <v>0</v>
      </c>
      <c r="K7309" s="2">
        <v>0</v>
      </c>
      <c r="L7309" t="s">
        <v>120</v>
      </c>
      <c r="M7309" t="s">
        <v>83</v>
      </c>
      <c r="N7309" t="s">
        <v>91</v>
      </c>
      <c r="O7309" t="s">
        <v>85</v>
      </c>
      <c r="P7309" t="s">
        <v>86</v>
      </c>
      <c r="Q7309">
        <v>17</v>
      </c>
      <c r="R7309">
        <v>18</v>
      </c>
      <c r="S7309">
        <v>18</v>
      </c>
      <c r="T7309">
        <v>18</v>
      </c>
      <c r="U7309">
        <v>18</v>
      </c>
      <c r="V7309">
        <v>18</v>
      </c>
      <c r="W7309">
        <v>19</v>
      </c>
      <c r="X7309">
        <v>19</v>
      </c>
      <c r="Y7309">
        <v>19</v>
      </c>
      <c r="Z7309">
        <v>19</v>
      </c>
      <c r="AA7309">
        <v>19</v>
      </c>
      <c r="AB7309">
        <v>19</v>
      </c>
      <c r="AC7309">
        <v>19</v>
      </c>
      <c r="AD7309">
        <v>19</v>
      </c>
      <c r="AE7309">
        <v>20</v>
      </c>
      <c r="AF7309">
        <v>20</v>
      </c>
      <c r="AG7309">
        <v>20</v>
      </c>
      <c r="AH7309">
        <v>20</v>
      </c>
      <c r="AI7309">
        <v>20</v>
      </c>
      <c r="AJ7309">
        <v>20</v>
      </c>
      <c r="AK7309">
        <v>20</v>
      </c>
      <c r="AL7309">
        <v>20</v>
      </c>
      <c r="AM7309">
        <v>20</v>
      </c>
      <c r="AN7309">
        <v>20</v>
      </c>
      <c r="AO7309">
        <v>20</v>
      </c>
      <c r="AP7309">
        <v>19</v>
      </c>
      <c r="AQ7309">
        <v>19</v>
      </c>
    </row>
    <row r="7310" spans="1:43">
      <c r="A7310" t="s">
        <v>4578</v>
      </c>
      <c r="B7310" t="s">
        <v>4579</v>
      </c>
      <c r="C7310" t="s">
        <v>4570</v>
      </c>
      <c r="D7310" t="s">
        <v>4571</v>
      </c>
      <c r="E7310" t="s">
        <v>4236</v>
      </c>
      <c r="F7310" t="s">
        <v>4237</v>
      </c>
      <c r="G7310" t="s">
        <v>80</v>
      </c>
      <c r="H7310" t="s">
        <v>81</v>
      </c>
      <c r="I7310" s="2">
        <v>1</v>
      </c>
      <c r="J7310" s="2">
        <v>0</v>
      </c>
      <c r="K7310" s="2">
        <v>0</v>
      </c>
      <c r="L7310" t="s">
        <v>120</v>
      </c>
      <c r="M7310" t="s">
        <v>83</v>
      </c>
      <c r="N7310" t="s">
        <v>84</v>
      </c>
      <c r="O7310" t="s">
        <v>85</v>
      </c>
      <c r="P7310" t="s">
        <v>86</v>
      </c>
      <c r="Q7310">
        <v>8</v>
      </c>
      <c r="R7310">
        <v>8</v>
      </c>
      <c r="S7310">
        <v>8</v>
      </c>
      <c r="T7310">
        <v>8</v>
      </c>
      <c r="U7310">
        <v>8</v>
      </c>
      <c r="V7310">
        <v>8</v>
      </c>
      <c r="W7310">
        <v>8</v>
      </c>
      <c r="X7310">
        <v>8</v>
      </c>
      <c r="Y7310">
        <v>8</v>
      </c>
      <c r="Z7310">
        <v>8</v>
      </c>
      <c r="AA7310">
        <v>8</v>
      </c>
      <c r="AB7310">
        <v>8</v>
      </c>
      <c r="AC7310">
        <v>8</v>
      </c>
      <c r="AD7310">
        <v>8</v>
      </c>
      <c r="AE7310">
        <v>8</v>
      </c>
      <c r="AF7310">
        <v>9</v>
      </c>
      <c r="AG7310">
        <v>9</v>
      </c>
      <c r="AH7310">
        <v>9</v>
      </c>
      <c r="AI7310">
        <v>9</v>
      </c>
      <c r="AJ7310">
        <v>9</v>
      </c>
      <c r="AK7310">
        <v>9</v>
      </c>
      <c r="AL7310">
        <v>9</v>
      </c>
      <c r="AM7310">
        <v>9</v>
      </c>
      <c r="AN7310">
        <v>9</v>
      </c>
      <c r="AO7310">
        <v>8</v>
      </c>
      <c r="AP7310">
        <v>8</v>
      </c>
      <c r="AQ7310">
        <v>8</v>
      </c>
    </row>
    <row r="7311" spans="1:43">
      <c r="A7311" t="s">
        <v>4578</v>
      </c>
      <c r="B7311" t="s">
        <v>4579</v>
      </c>
      <c r="C7311" t="s">
        <v>4570</v>
      </c>
      <c r="D7311" t="s">
        <v>4571</v>
      </c>
      <c r="E7311" t="s">
        <v>4236</v>
      </c>
      <c r="F7311" t="s">
        <v>4237</v>
      </c>
      <c r="G7311" t="s">
        <v>80</v>
      </c>
      <c r="H7311" t="s">
        <v>81</v>
      </c>
      <c r="I7311" s="2">
        <v>1</v>
      </c>
      <c r="J7311" s="2">
        <v>0</v>
      </c>
      <c r="K7311" s="2">
        <v>0</v>
      </c>
      <c r="L7311" t="s">
        <v>120</v>
      </c>
      <c r="M7311" t="s">
        <v>87</v>
      </c>
      <c r="N7311" t="s">
        <v>88</v>
      </c>
      <c r="O7311" t="s">
        <v>85</v>
      </c>
      <c r="P7311" t="s">
        <v>86</v>
      </c>
      <c r="Q7311">
        <v>8</v>
      </c>
      <c r="R7311">
        <v>8</v>
      </c>
      <c r="S7311">
        <v>9</v>
      </c>
      <c r="T7311">
        <v>9</v>
      </c>
      <c r="U7311">
        <v>9</v>
      </c>
      <c r="V7311">
        <v>9</v>
      </c>
      <c r="W7311">
        <v>9</v>
      </c>
      <c r="X7311">
        <v>9</v>
      </c>
      <c r="Y7311">
        <v>9</v>
      </c>
      <c r="Z7311">
        <v>9</v>
      </c>
      <c r="AA7311">
        <v>9</v>
      </c>
      <c r="AB7311">
        <v>9</v>
      </c>
      <c r="AC7311">
        <v>9</v>
      </c>
      <c r="AD7311">
        <v>9</v>
      </c>
      <c r="AE7311">
        <v>9</v>
      </c>
      <c r="AF7311">
        <v>9</v>
      </c>
      <c r="AG7311">
        <v>9</v>
      </c>
      <c r="AH7311">
        <v>9</v>
      </c>
      <c r="AI7311">
        <v>8</v>
      </c>
      <c r="AJ7311">
        <v>8</v>
      </c>
      <c r="AK7311">
        <v>8</v>
      </c>
      <c r="AL7311">
        <v>8</v>
      </c>
      <c r="AM7311">
        <v>8</v>
      </c>
      <c r="AN7311">
        <v>8</v>
      </c>
      <c r="AO7311">
        <v>8</v>
      </c>
      <c r="AP7311">
        <v>8</v>
      </c>
      <c r="AQ7311">
        <v>8</v>
      </c>
    </row>
    <row r="7312" spans="1:43">
      <c r="A7312" t="s">
        <v>4578</v>
      </c>
      <c r="B7312" t="s">
        <v>4579</v>
      </c>
      <c r="C7312" t="s">
        <v>4570</v>
      </c>
      <c r="D7312" t="s">
        <v>4571</v>
      </c>
      <c r="E7312" t="s">
        <v>4236</v>
      </c>
      <c r="F7312" t="s">
        <v>4237</v>
      </c>
      <c r="G7312" t="s">
        <v>80</v>
      </c>
      <c r="H7312" t="s">
        <v>81</v>
      </c>
      <c r="I7312" s="2">
        <v>1</v>
      </c>
      <c r="J7312" s="2">
        <v>0</v>
      </c>
      <c r="K7312" s="2">
        <v>0</v>
      </c>
      <c r="L7312" t="s">
        <v>120</v>
      </c>
      <c r="M7312" t="s">
        <v>89</v>
      </c>
      <c r="N7312" t="s">
        <v>90</v>
      </c>
      <c r="O7312" t="s">
        <v>85</v>
      </c>
      <c r="P7312" t="s">
        <v>86</v>
      </c>
      <c r="Q7312">
        <v>8</v>
      </c>
      <c r="R7312">
        <v>8</v>
      </c>
      <c r="S7312">
        <v>8</v>
      </c>
      <c r="T7312">
        <v>8</v>
      </c>
      <c r="U7312">
        <v>8</v>
      </c>
      <c r="V7312">
        <v>8</v>
      </c>
      <c r="W7312">
        <v>8</v>
      </c>
      <c r="X7312">
        <v>9</v>
      </c>
      <c r="Y7312">
        <v>9</v>
      </c>
      <c r="Z7312">
        <v>9</v>
      </c>
      <c r="AA7312">
        <v>9</v>
      </c>
      <c r="AB7312">
        <v>9</v>
      </c>
      <c r="AC7312">
        <v>9</v>
      </c>
      <c r="AD7312">
        <v>9</v>
      </c>
      <c r="AE7312">
        <v>9</v>
      </c>
      <c r="AF7312">
        <v>9</v>
      </c>
      <c r="AG7312">
        <v>9</v>
      </c>
      <c r="AH7312">
        <v>9</v>
      </c>
      <c r="AI7312">
        <v>9</v>
      </c>
      <c r="AJ7312">
        <v>9</v>
      </c>
      <c r="AK7312">
        <v>9</v>
      </c>
      <c r="AL7312">
        <v>9</v>
      </c>
      <c r="AM7312">
        <v>9</v>
      </c>
      <c r="AN7312">
        <v>9</v>
      </c>
      <c r="AO7312">
        <v>9</v>
      </c>
      <c r="AP7312">
        <v>9</v>
      </c>
      <c r="AQ7312">
        <v>8</v>
      </c>
    </row>
    <row r="7313" spans="1:43">
      <c r="A7313" t="s">
        <v>4578</v>
      </c>
      <c r="B7313" t="s">
        <v>4579</v>
      </c>
      <c r="C7313" t="s">
        <v>4570</v>
      </c>
      <c r="D7313" t="s">
        <v>4571</v>
      </c>
      <c r="E7313" t="s">
        <v>4236</v>
      </c>
      <c r="F7313" t="s">
        <v>4237</v>
      </c>
      <c r="G7313" t="s">
        <v>80</v>
      </c>
      <c r="H7313" t="s">
        <v>81</v>
      </c>
      <c r="I7313" s="2">
        <v>1</v>
      </c>
      <c r="J7313" s="2">
        <v>0</v>
      </c>
      <c r="K7313" s="2">
        <v>0</v>
      </c>
      <c r="L7313" t="s">
        <v>120</v>
      </c>
      <c r="M7313" t="s">
        <v>83</v>
      </c>
      <c r="N7313" t="s">
        <v>91</v>
      </c>
      <c r="O7313" t="s">
        <v>85</v>
      </c>
      <c r="P7313" t="s">
        <v>86</v>
      </c>
      <c r="Q7313">
        <v>8</v>
      </c>
      <c r="R7313">
        <v>8</v>
      </c>
      <c r="S7313">
        <v>8</v>
      </c>
      <c r="T7313">
        <v>8</v>
      </c>
      <c r="U7313">
        <v>8</v>
      </c>
      <c r="V7313">
        <v>8</v>
      </c>
      <c r="W7313">
        <v>8</v>
      </c>
      <c r="X7313">
        <v>8</v>
      </c>
      <c r="Y7313">
        <v>8</v>
      </c>
      <c r="Z7313">
        <v>8</v>
      </c>
      <c r="AA7313">
        <v>8</v>
      </c>
      <c r="AB7313">
        <v>8</v>
      </c>
      <c r="AC7313">
        <v>8</v>
      </c>
      <c r="AD7313">
        <v>8</v>
      </c>
      <c r="AE7313">
        <v>8</v>
      </c>
      <c r="AF7313">
        <v>9</v>
      </c>
      <c r="AG7313">
        <v>9</v>
      </c>
      <c r="AH7313">
        <v>9</v>
      </c>
      <c r="AI7313">
        <v>9</v>
      </c>
      <c r="AJ7313">
        <v>9</v>
      </c>
      <c r="AK7313">
        <v>9</v>
      </c>
      <c r="AL7313">
        <v>9</v>
      </c>
      <c r="AM7313">
        <v>9</v>
      </c>
      <c r="AN7313">
        <v>9</v>
      </c>
      <c r="AO7313">
        <v>8</v>
      </c>
      <c r="AP7313">
        <v>8</v>
      </c>
      <c r="AQ7313">
        <v>8</v>
      </c>
    </row>
    <row r="7314" spans="1:43">
      <c r="A7314" t="s">
        <v>4580</v>
      </c>
      <c r="B7314" t="s">
        <v>4581</v>
      </c>
      <c r="C7314" t="s">
        <v>4570</v>
      </c>
      <c r="D7314" t="s">
        <v>4571</v>
      </c>
      <c r="E7314" t="s">
        <v>4236</v>
      </c>
      <c r="F7314" t="s">
        <v>4237</v>
      </c>
      <c r="G7314" t="s">
        <v>80</v>
      </c>
      <c r="H7314" t="s">
        <v>81</v>
      </c>
      <c r="I7314" s="2">
        <v>1</v>
      </c>
      <c r="J7314" s="2">
        <v>0</v>
      </c>
      <c r="K7314" s="2">
        <v>0</v>
      </c>
      <c r="L7314" t="s">
        <v>120</v>
      </c>
      <c r="M7314" t="s">
        <v>83</v>
      </c>
      <c r="N7314" t="s">
        <v>84</v>
      </c>
      <c r="O7314" t="s">
        <v>85</v>
      </c>
      <c r="P7314" t="s">
        <v>86</v>
      </c>
      <c r="Q7314">
        <v>44</v>
      </c>
      <c r="R7314">
        <v>45</v>
      </c>
      <c r="S7314">
        <v>45</v>
      </c>
      <c r="T7314">
        <v>46</v>
      </c>
      <c r="U7314">
        <v>46</v>
      </c>
      <c r="V7314">
        <v>47</v>
      </c>
      <c r="W7314">
        <v>47</v>
      </c>
      <c r="X7314">
        <v>47</v>
      </c>
      <c r="Y7314">
        <v>48</v>
      </c>
      <c r="Z7314">
        <v>48</v>
      </c>
      <c r="AA7314">
        <v>48</v>
      </c>
      <c r="AB7314">
        <v>49</v>
      </c>
      <c r="AC7314">
        <v>49</v>
      </c>
      <c r="AD7314">
        <v>49</v>
      </c>
      <c r="AE7314">
        <v>50</v>
      </c>
      <c r="AF7314">
        <v>50</v>
      </c>
      <c r="AG7314">
        <v>50</v>
      </c>
      <c r="AH7314">
        <v>50</v>
      </c>
      <c r="AI7314">
        <v>50</v>
      </c>
      <c r="AJ7314">
        <v>51</v>
      </c>
      <c r="AK7314">
        <v>51</v>
      </c>
      <c r="AL7314">
        <v>51</v>
      </c>
      <c r="AM7314">
        <v>50</v>
      </c>
      <c r="AN7314">
        <v>50</v>
      </c>
      <c r="AO7314">
        <v>50</v>
      </c>
      <c r="AP7314">
        <v>49</v>
      </c>
      <c r="AQ7314">
        <v>49</v>
      </c>
    </row>
    <row r="7315" spans="1:43">
      <c r="A7315" t="s">
        <v>4580</v>
      </c>
      <c r="B7315" t="s">
        <v>4581</v>
      </c>
      <c r="C7315" t="s">
        <v>4570</v>
      </c>
      <c r="D7315" t="s">
        <v>4571</v>
      </c>
      <c r="E7315" t="s">
        <v>4236</v>
      </c>
      <c r="F7315" t="s">
        <v>4237</v>
      </c>
      <c r="G7315" t="s">
        <v>80</v>
      </c>
      <c r="H7315" t="s">
        <v>81</v>
      </c>
      <c r="I7315" s="2">
        <v>1</v>
      </c>
      <c r="J7315" s="2">
        <v>0</v>
      </c>
      <c r="K7315" s="2">
        <v>0</v>
      </c>
      <c r="L7315" t="s">
        <v>120</v>
      </c>
      <c r="M7315" t="s">
        <v>87</v>
      </c>
      <c r="N7315" t="s">
        <v>88</v>
      </c>
      <c r="O7315" t="s">
        <v>85</v>
      </c>
      <c r="P7315" t="s">
        <v>86</v>
      </c>
      <c r="Q7315">
        <v>44</v>
      </c>
      <c r="R7315">
        <v>44</v>
      </c>
      <c r="S7315">
        <v>44</v>
      </c>
      <c r="T7315">
        <v>44</v>
      </c>
      <c r="U7315">
        <v>44</v>
      </c>
      <c r="V7315">
        <v>44</v>
      </c>
      <c r="W7315">
        <v>44</v>
      </c>
      <c r="X7315">
        <v>44</v>
      </c>
      <c r="Y7315">
        <v>44</v>
      </c>
      <c r="Z7315">
        <v>44</v>
      </c>
      <c r="AA7315">
        <v>44</v>
      </c>
      <c r="AB7315">
        <v>44</v>
      </c>
      <c r="AC7315">
        <v>44</v>
      </c>
      <c r="AD7315">
        <v>44</v>
      </c>
      <c r="AE7315">
        <v>44</v>
      </c>
      <c r="AF7315">
        <v>44</v>
      </c>
      <c r="AG7315">
        <v>44</v>
      </c>
      <c r="AH7315">
        <v>44</v>
      </c>
      <c r="AI7315">
        <v>44</v>
      </c>
      <c r="AJ7315">
        <v>44</v>
      </c>
      <c r="AK7315">
        <v>44</v>
      </c>
      <c r="AL7315">
        <v>43</v>
      </c>
      <c r="AM7315">
        <v>43</v>
      </c>
      <c r="AN7315">
        <v>43</v>
      </c>
      <c r="AO7315">
        <v>43</v>
      </c>
      <c r="AP7315">
        <v>43</v>
      </c>
      <c r="AQ7315">
        <v>43</v>
      </c>
    </row>
    <row r="7316" spans="1:43">
      <c r="A7316" t="s">
        <v>4580</v>
      </c>
      <c r="B7316" t="s">
        <v>4581</v>
      </c>
      <c r="C7316" t="s">
        <v>4570</v>
      </c>
      <c r="D7316" t="s">
        <v>4571</v>
      </c>
      <c r="E7316" t="s">
        <v>4236</v>
      </c>
      <c r="F7316" t="s">
        <v>4237</v>
      </c>
      <c r="G7316" t="s">
        <v>80</v>
      </c>
      <c r="H7316" t="s">
        <v>81</v>
      </c>
      <c r="I7316" s="2">
        <v>1</v>
      </c>
      <c r="J7316" s="2">
        <v>0</v>
      </c>
      <c r="K7316" s="2">
        <v>0</v>
      </c>
      <c r="L7316" t="s">
        <v>120</v>
      </c>
      <c r="M7316" t="s">
        <v>89</v>
      </c>
      <c r="N7316" t="s">
        <v>90</v>
      </c>
      <c r="O7316" t="s">
        <v>85</v>
      </c>
      <c r="P7316" t="s">
        <v>86</v>
      </c>
      <c r="Q7316">
        <v>44</v>
      </c>
      <c r="R7316">
        <v>44</v>
      </c>
      <c r="S7316">
        <v>45</v>
      </c>
      <c r="T7316">
        <v>46</v>
      </c>
      <c r="U7316">
        <v>47</v>
      </c>
      <c r="V7316">
        <v>48</v>
      </c>
      <c r="W7316">
        <v>48</v>
      </c>
      <c r="X7316">
        <v>49</v>
      </c>
      <c r="Y7316">
        <v>50</v>
      </c>
      <c r="Z7316">
        <v>50</v>
      </c>
      <c r="AA7316">
        <v>51</v>
      </c>
      <c r="AB7316">
        <v>51</v>
      </c>
      <c r="AC7316">
        <v>52</v>
      </c>
      <c r="AD7316">
        <v>52</v>
      </c>
      <c r="AE7316">
        <v>52</v>
      </c>
      <c r="AF7316">
        <v>52</v>
      </c>
      <c r="AG7316">
        <v>52</v>
      </c>
      <c r="AH7316">
        <v>51</v>
      </c>
      <c r="AI7316">
        <v>51</v>
      </c>
      <c r="AJ7316">
        <v>51</v>
      </c>
      <c r="AK7316">
        <v>50</v>
      </c>
      <c r="AL7316">
        <v>50</v>
      </c>
      <c r="AM7316">
        <v>50</v>
      </c>
      <c r="AN7316">
        <v>50</v>
      </c>
      <c r="AO7316">
        <v>49</v>
      </c>
      <c r="AP7316">
        <v>49</v>
      </c>
      <c r="AQ7316">
        <v>49</v>
      </c>
    </row>
    <row r="7317" spans="1:43">
      <c r="A7317" t="s">
        <v>4580</v>
      </c>
      <c r="B7317" t="s">
        <v>4581</v>
      </c>
      <c r="C7317" t="s">
        <v>4570</v>
      </c>
      <c r="D7317" t="s">
        <v>4571</v>
      </c>
      <c r="E7317" t="s">
        <v>4236</v>
      </c>
      <c r="F7317" t="s">
        <v>4237</v>
      </c>
      <c r="G7317" t="s">
        <v>80</v>
      </c>
      <c r="H7317" t="s">
        <v>81</v>
      </c>
      <c r="I7317" s="2">
        <v>1</v>
      </c>
      <c r="J7317" s="2">
        <v>0</v>
      </c>
      <c r="K7317" s="2">
        <v>0</v>
      </c>
      <c r="L7317" t="s">
        <v>120</v>
      </c>
      <c r="M7317" t="s">
        <v>83</v>
      </c>
      <c r="N7317" t="s">
        <v>91</v>
      </c>
      <c r="O7317" t="s">
        <v>85</v>
      </c>
      <c r="P7317" t="s">
        <v>86</v>
      </c>
      <c r="Q7317">
        <v>44</v>
      </c>
      <c r="R7317">
        <v>45</v>
      </c>
      <c r="S7317">
        <v>45</v>
      </c>
      <c r="T7317">
        <v>46</v>
      </c>
      <c r="U7317">
        <v>46</v>
      </c>
      <c r="V7317">
        <v>47</v>
      </c>
      <c r="W7317">
        <v>47</v>
      </c>
      <c r="X7317">
        <v>47</v>
      </c>
      <c r="Y7317">
        <v>48</v>
      </c>
      <c r="Z7317">
        <v>48</v>
      </c>
      <c r="AA7317">
        <v>48</v>
      </c>
      <c r="AB7317">
        <v>49</v>
      </c>
      <c r="AC7317">
        <v>49</v>
      </c>
      <c r="AD7317">
        <v>49</v>
      </c>
      <c r="AE7317">
        <v>50</v>
      </c>
      <c r="AF7317">
        <v>50</v>
      </c>
      <c r="AG7317">
        <v>50</v>
      </c>
      <c r="AH7317">
        <v>50</v>
      </c>
      <c r="AI7317">
        <v>50</v>
      </c>
      <c r="AJ7317">
        <v>51</v>
      </c>
      <c r="AK7317">
        <v>51</v>
      </c>
      <c r="AL7317">
        <v>51</v>
      </c>
      <c r="AM7317">
        <v>50</v>
      </c>
      <c r="AN7317">
        <v>50</v>
      </c>
      <c r="AO7317">
        <v>50</v>
      </c>
      <c r="AP7317">
        <v>49</v>
      </c>
      <c r="AQ7317">
        <v>49</v>
      </c>
    </row>
    <row r="7318" spans="1:43">
      <c r="A7318" t="s">
        <v>4582</v>
      </c>
      <c r="B7318" t="s">
        <v>4583</v>
      </c>
      <c r="C7318" t="s">
        <v>4574</v>
      </c>
      <c r="D7318" t="s">
        <v>4575</v>
      </c>
      <c r="E7318" t="s">
        <v>4236</v>
      </c>
      <c r="F7318" t="s">
        <v>4237</v>
      </c>
      <c r="G7318" t="s">
        <v>80</v>
      </c>
      <c r="H7318" t="s">
        <v>81</v>
      </c>
      <c r="I7318" s="2">
        <v>1</v>
      </c>
      <c r="J7318" s="2">
        <v>0</v>
      </c>
      <c r="K7318" s="2">
        <v>0</v>
      </c>
      <c r="L7318" t="s">
        <v>120</v>
      </c>
      <c r="M7318" t="s">
        <v>83</v>
      </c>
      <c r="N7318" t="s">
        <v>84</v>
      </c>
      <c r="O7318" t="s">
        <v>85</v>
      </c>
      <c r="P7318" t="s">
        <v>86</v>
      </c>
      <c r="Q7318">
        <v>4</v>
      </c>
      <c r="R7318">
        <v>4</v>
      </c>
      <c r="S7318">
        <v>4</v>
      </c>
      <c r="T7318">
        <v>4</v>
      </c>
      <c r="U7318">
        <v>4</v>
      </c>
      <c r="V7318">
        <v>4</v>
      </c>
      <c r="W7318">
        <v>4</v>
      </c>
      <c r="X7318">
        <v>4</v>
      </c>
      <c r="Y7318">
        <v>4</v>
      </c>
      <c r="Z7318">
        <v>4</v>
      </c>
      <c r="AA7318">
        <v>4</v>
      </c>
      <c r="AB7318">
        <v>4</v>
      </c>
      <c r="AC7318">
        <v>4</v>
      </c>
      <c r="AD7318">
        <v>4</v>
      </c>
      <c r="AE7318">
        <v>4</v>
      </c>
      <c r="AF7318">
        <v>4</v>
      </c>
      <c r="AG7318">
        <v>4</v>
      </c>
      <c r="AH7318">
        <v>4</v>
      </c>
      <c r="AI7318">
        <v>4</v>
      </c>
      <c r="AJ7318">
        <v>4</v>
      </c>
      <c r="AK7318">
        <v>4</v>
      </c>
      <c r="AL7318">
        <v>4</v>
      </c>
      <c r="AM7318">
        <v>4</v>
      </c>
      <c r="AN7318">
        <v>4</v>
      </c>
      <c r="AO7318">
        <v>4</v>
      </c>
      <c r="AP7318">
        <v>4</v>
      </c>
      <c r="AQ7318">
        <v>4</v>
      </c>
    </row>
    <row r="7319" spans="1:43">
      <c r="A7319" t="s">
        <v>4582</v>
      </c>
      <c r="B7319" t="s">
        <v>4583</v>
      </c>
      <c r="C7319" t="s">
        <v>4574</v>
      </c>
      <c r="D7319" t="s">
        <v>4575</v>
      </c>
      <c r="E7319" t="s">
        <v>4236</v>
      </c>
      <c r="F7319" t="s">
        <v>4237</v>
      </c>
      <c r="G7319" t="s">
        <v>80</v>
      </c>
      <c r="H7319" t="s">
        <v>81</v>
      </c>
      <c r="I7319" s="2">
        <v>1</v>
      </c>
      <c r="J7319" s="2">
        <v>0</v>
      </c>
      <c r="K7319" s="2">
        <v>0</v>
      </c>
      <c r="L7319" t="s">
        <v>120</v>
      </c>
      <c r="M7319" t="s">
        <v>87</v>
      </c>
      <c r="N7319" t="s">
        <v>88</v>
      </c>
      <c r="O7319" t="s">
        <v>85</v>
      </c>
      <c r="P7319" t="s">
        <v>86</v>
      </c>
      <c r="Q7319">
        <v>4</v>
      </c>
      <c r="R7319">
        <v>4</v>
      </c>
      <c r="S7319">
        <v>4</v>
      </c>
      <c r="T7319">
        <v>4</v>
      </c>
      <c r="U7319">
        <v>4</v>
      </c>
      <c r="V7319">
        <v>4</v>
      </c>
      <c r="W7319">
        <v>4</v>
      </c>
      <c r="X7319">
        <v>4</v>
      </c>
      <c r="Y7319">
        <v>4</v>
      </c>
      <c r="Z7319">
        <v>4</v>
      </c>
      <c r="AA7319">
        <v>4</v>
      </c>
      <c r="AB7319">
        <v>4</v>
      </c>
      <c r="AC7319">
        <v>4</v>
      </c>
      <c r="AD7319">
        <v>4</v>
      </c>
      <c r="AE7319">
        <v>4</v>
      </c>
      <c r="AF7319">
        <v>4</v>
      </c>
      <c r="AG7319">
        <v>4</v>
      </c>
      <c r="AH7319">
        <v>4</v>
      </c>
      <c r="AI7319">
        <v>4</v>
      </c>
      <c r="AJ7319">
        <v>4</v>
      </c>
      <c r="AK7319">
        <v>4</v>
      </c>
      <c r="AL7319">
        <v>4</v>
      </c>
      <c r="AM7319">
        <v>4</v>
      </c>
      <c r="AN7319">
        <v>4</v>
      </c>
      <c r="AO7319">
        <v>4</v>
      </c>
      <c r="AP7319">
        <v>4</v>
      </c>
      <c r="AQ7319">
        <v>4</v>
      </c>
    </row>
    <row r="7320" spans="1:43">
      <c r="A7320" t="s">
        <v>4582</v>
      </c>
      <c r="B7320" t="s">
        <v>4583</v>
      </c>
      <c r="C7320" t="s">
        <v>4574</v>
      </c>
      <c r="D7320" t="s">
        <v>4575</v>
      </c>
      <c r="E7320" t="s">
        <v>4236</v>
      </c>
      <c r="F7320" t="s">
        <v>4237</v>
      </c>
      <c r="G7320" t="s">
        <v>80</v>
      </c>
      <c r="H7320" t="s">
        <v>81</v>
      </c>
      <c r="I7320" s="2">
        <v>1</v>
      </c>
      <c r="J7320" s="2">
        <v>0</v>
      </c>
      <c r="K7320" s="2">
        <v>0</v>
      </c>
      <c r="L7320" t="s">
        <v>120</v>
      </c>
      <c r="M7320" t="s">
        <v>89</v>
      </c>
      <c r="N7320" t="s">
        <v>90</v>
      </c>
      <c r="O7320" t="s">
        <v>85</v>
      </c>
      <c r="P7320" t="s">
        <v>86</v>
      </c>
      <c r="Q7320">
        <v>4</v>
      </c>
      <c r="R7320">
        <v>4</v>
      </c>
      <c r="S7320">
        <v>4</v>
      </c>
      <c r="T7320">
        <v>4</v>
      </c>
      <c r="U7320">
        <v>4</v>
      </c>
      <c r="V7320">
        <v>4</v>
      </c>
      <c r="W7320">
        <v>4</v>
      </c>
      <c r="X7320">
        <v>4</v>
      </c>
      <c r="Y7320">
        <v>4</v>
      </c>
      <c r="Z7320">
        <v>4</v>
      </c>
      <c r="AA7320">
        <v>4</v>
      </c>
      <c r="AB7320">
        <v>4</v>
      </c>
      <c r="AC7320">
        <v>4</v>
      </c>
      <c r="AD7320">
        <v>4</v>
      </c>
      <c r="AE7320">
        <v>4</v>
      </c>
      <c r="AF7320">
        <v>4</v>
      </c>
      <c r="AG7320">
        <v>4</v>
      </c>
      <c r="AH7320">
        <v>4</v>
      </c>
      <c r="AI7320">
        <v>4</v>
      </c>
      <c r="AJ7320">
        <v>4</v>
      </c>
      <c r="AK7320">
        <v>4</v>
      </c>
      <c r="AL7320">
        <v>4</v>
      </c>
      <c r="AM7320">
        <v>4</v>
      </c>
      <c r="AN7320">
        <v>4</v>
      </c>
      <c r="AO7320">
        <v>4</v>
      </c>
      <c r="AP7320">
        <v>4</v>
      </c>
      <c r="AQ7320">
        <v>4</v>
      </c>
    </row>
    <row r="7321" spans="1:43">
      <c r="A7321" t="s">
        <v>4582</v>
      </c>
      <c r="B7321" t="s">
        <v>4583</v>
      </c>
      <c r="C7321" t="s">
        <v>4574</v>
      </c>
      <c r="D7321" t="s">
        <v>4575</v>
      </c>
      <c r="E7321" t="s">
        <v>4236</v>
      </c>
      <c r="F7321" t="s">
        <v>4237</v>
      </c>
      <c r="G7321" t="s">
        <v>80</v>
      </c>
      <c r="H7321" t="s">
        <v>81</v>
      </c>
      <c r="I7321" s="2">
        <v>1</v>
      </c>
      <c r="J7321" s="2">
        <v>0</v>
      </c>
      <c r="K7321" s="2">
        <v>0</v>
      </c>
      <c r="L7321" t="s">
        <v>120</v>
      </c>
      <c r="M7321" t="s">
        <v>83</v>
      </c>
      <c r="N7321" t="s">
        <v>91</v>
      </c>
      <c r="O7321" t="s">
        <v>85</v>
      </c>
      <c r="P7321" t="s">
        <v>86</v>
      </c>
      <c r="Q7321">
        <v>4</v>
      </c>
      <c r="R7321">
        <v>4</v>
      </c>
      <c r="S7321">
        <v>4</v>
      </c>
      <c r="T7321">
        <v>4</v>
      </c>
      <c r="U7321">
        <v>4</v>
      </c>
      <c r="V7321">
        <v>4</v>
      </c>
      <c r="W7321">
        <v>4</v>
      </c>
      <c r="X7321">
        <v>4</v>
      </c>
      <c r="Y7321">
        <v>4</v>
      </c>
      <c r="Z7321">
        <v>4</v>
      </c>
      <c r="AA7321">
        <v>4</v>
      </c>
      <c r="AB7321">
        <v>4</v>
      </c>
      <c r="AC7321">
        <v>4</v>
      </c>
      <c r="AD7321">
        <v>4</v>
      </c>
      <c r="AE7321">
        <v>4</v>
      </c>
      <c r="AF7321">
        <v>4</v>
      </c>
      <c r="AG7321">
        <v>4</v>
      </c>
      <c r="AH7321">
        <v>4</v>
      </c>
      <c r="AI7321">
        <v>4</v>
      </c>
      <c r="AJ7321">
        <v>4</v>
      </c>
      <c r="AK7321">
        <v>4</v>
      </c>
      <c r="AL7321">
        <v>4</v>
      </c>
      <c r="AM7321">
        <v>4</v>
      </c>
      <c r="AN7321">
        <v>4</v>
      </c>
      <c r="AO7321">
        <v>4</v>
      </c>
      <c r="AP7321">
        <v>4</v>
      </c>
      <c r="AQ7321">
        <v>4</v>
      </c>
    </row>
    <row r="7322" spans="1:43">
      <c r="A7322" t="s">
        <v>4584</v>
      </c>
      <c r="B7322" t="s">
        <v>4585</v>
      </c>
      <c r="C7322" t="s">
        <v>4574</v>
      </c>
      <c r="D7322" t="s">
        <v>4575</v>
      </c>
      <c r="E7322" t="s">
        <v>4236</v>
      </c>
      <c r="F7322" t="s">
        <v>4237</v>
      </c>
      <c r="G7322" t="s">
        <v>80</v>
      </c>
      <c r="H7322" t="s">
        <v>81</v>
      </c>
      <c r="I7322" s="2">
        <v>1</v>
      </c>
      <c r="J7322" s="2">
        <v>0</v>
      </c>
      <c r="K7322" s="2">
        <v>0</v>
      </c>
      <c r="L7322" t="s">
        <v>120</v>
      </c>
      <c r="M7322" t="s">
        <v>83</v>
      </c>
      <c r="N7322" t="s">
        <v>84</v>
      </c>
      <c r="O7322" t="s">
        <v>85</v>
      </c>
      <c r="P7322" t="s">
        <v>86</v>
      </c>
      <c r="Q7322">
        <v>29</v>
      </c>
      <c r="R7322">
        <v>29</v>
      </c>
      <c r="S7322">
        <v>29</v>
      </c>
      <c r="T7322">
        <v>30</v>
      </c>
      <c r="U7322">
        <v>30</v>
      </c>
      <c r="V7322">
        <v>30</v>
      </c>
      <c r="W7322">
        <v>30</v>
      </c>
      <c r="X7322">
        <v>31</v>
      </c>
      <c r="Y7322">
        <v>31</v>
      </c>
      <c r="Z7322">
        <v>31</v>
      </c>
      <c r="AA7322">
        <v>31</v>
      </c>
      <c r="AB7322">
        <v>32</v>
      </c>
      <c r="AC7322">
        <v>32</v>
      </c>
      <c r="AD7322">
        <v>32</v>
      </c>
      <c r="AE7322">
        <v>32</v>
      </c>
      <c r="AF7322">
        <v>32</v>
      </c>
      <c r="AG7322">
        <v>32</v>
      </c>
      <c r="AH7322">
        <v>33</v>
      </c>
      <c r="AI7322">
        <v>33</v>
      </c>
      <c r="AJ7322">
        <v>33</v>
      </c>
      <c r="AK7322">
        <v>33</v>
      </c>
      <c r="AL7322">
        <v>33</v>
      </c>
      <c r="AM7322">
        <v>33</v>
      </c>
      <c r="AN7322">
        <v>32</v>
      </c>
      <c r="AO7322">
        <v>32</v>
      </c>
      <c r="AP7322">
        <v>32</v>
      </c>
      <c r="AQ7322">
        <v>32</v>
      </c>
    </row>
    <row r="7323" spans="1:43">
      <c r="A7323" t="s">
        <v>4584</v>
      </c>
      <c r="B7323" t="s">
        <v>4585</v>
      </c>
      <c r="C7323" t="s">
        <v>4574</v>
      </c>
      <c r="D7323" t="s">
        <v>4575</v>
      </c>
      <c r="E7323" t="s">
        <v>4236</v>
      </c>
      <c r="F7323" t="s">
        <v>4237</v>
      </c>
      <c r="G7323" t="s">
        <v>80</v>
      </c>
      <c r="H7323" t="s">
        <v>81</v>
      </c>
      <c r="I7323" s="2">
        <v>1</v>
      </c>
      <c r="J7323" s="2">
        <v>0</v>
      </c>
      <c r="K7323" s="2">
        <v>0</v>
      </c>
      <c r="L7323" t="s">
        <v>120</v>
      </c>
      <c r="M7323" t="s">
        <v>87</v>
      </c>
      <c r="N7323" t="s">
        <v>88</v>
      </c>
      <c r="O7323" t="s">
        <v>85</v>
      </c>
      <c r="P7323" t="s">
        <v>86</v>
      </c>
      <c r="Q7323">
        <v>29</v>
      </c>
      <c r="R7323">
        <v>29</v>
      </c>
      <c r="S7323">
        <v>29</v>
      </c>
      <c r="T7323">
        <v>29</v>
      </c>
      <c r="U7323">
        <v>30</v>
      </c>
      <c r="V7323">
        <v>30</v>
      </c>
      <c r="W7323">
        <v>30</v>
      </c>
      <c r="X7323">
        <v>30</v>
      </c>
      <c r="Y7323">
        <v>30</v>
      </c>
      <c r="Z7323">
        <v>30</v>
      </c>
      <c r="AA7323">
        <v>30</v>
      </c>
      <c r="AB7323">
        <v>30</v>
      </c>
      <c r="AC7323">
        <v>30</v>
      </c>
      <c r="AD7323">
        <v>30</v>
      </c>
      <c r="AE7323">
        <v>30</v>
      </c>
      <c r="AF7323">
        <v>30</v>
      </c>
      <c r="AG7323">
        <v>29</v>
      </c>
      <c r="AH7323">
        <v>29</v>
      </c>
      <c r="AI7323">
        <v>29</v>
      </c>
      <c r="AJ7323">
        <v>29</v>
      </c>
      <c r="AK7323">
        <v>29</v>
      </c>
      <c r="AL7323">
        <v>29</v>
      </c>
      <c r="AM7323">
        <v>29</v>
      </c>
      <c r="AN7323">
        <v>29</v>
      </c>
      <c r="AO7323">
        <v>29</v>
      </c>
      <c r="AP7323">
        <v>29</v>
      </c>
      <c r="AQ7323">
        <v>29</v>
      </c>
    </row>
    <row r="7324" spans="1:43">
      <c r="A7324" t="s">
        <v>4584</v>
      </c>
      <c r="B7324" t="s">
        <v>4585</v>
      </c>
      <c r="C7324" t="s">
        <v>4574</v>
      </c>
      <c r="D7324" t="s">
        <v>4575</v>
      </c>
      <c r="E7324" t="s">
        <v>4236</v>
      </c>
      <c r="F7324" t="s">
        <v>4237</v>
      </c>
      <c r="G7324" t="s">
        <v>80</v>
      </c>
      <c r="H7324" t="s">
        <v>81</v>
      </c>
      <c r="I7324" s="2">
        <v>1</v>
      </c>
      <c r="J7324" s="2">
        <v>0</v>
      </c>
      <c r="K7324" s="2">
        <v>0</v>
      </c>
      <c r="L7324" t="s">
        <v>120</v>
      </c>
      <c r="M7324" t="s">
        <v>89</v>
      </c>
      <c r="N7324" t="s">
        <v>90</v>
      </c>
      <c r="O7324" t="s">
        <v>85</v>
      </c>
      <c r="P7324" t="s">
        <v>86</v>
      </c>
      <c r="Q7324">
        <v>29</v>
      </c>
      <c r="R7324">
        <v>29</v>
      </c>
      <c r="S7324">
        <v>30</v>
      </c>
      <c r="T7324">
        <v>31</v>
      </c>
      <c r="U7324">
        <v>31</v>
      </c>
      <c r="V7324">
        <v>32</v>
      </c>
      <c r="W7324">
        <v>32</v>
      </c>
      <c r="X7324">
        <v>32</v>
      </c>
      <c r="Y7324">
        <v>33</v>
      </c>
      <c r="Z7324">
        <v>33</v>
      </c>
      <c r="AA7324">
        <v>33</v>
      </c>
      <c r="AB7324">
        <v>34</v>
      </c>
      <c r="AC7324">
        <v>34</v>
      </c>
      <c r="AD7324">
        <v>34</v>
      </c>
      <c r="AE7324">
        <v>34</v>
      </c>
      <c r="AF7324">
        <v>34</v>
      </c>
      <c r="AG7324">
        <v>34</v>
      </c>
      <c r="AH7324">
        <v>34</v>
      </c>
      <c r="AI7324">
        <v>34</v>
      </c>
      <c r="AJ7324">
        <v>34</v>
      </c>
      <c r="AK7324">
        <v>33</v>
      </c>
      <c r="AL7324">
        <v>33</v>
      </c>
      <c r="AM7324">
        <v>33</v>
      </c>
      <c r="AN7324">
        <v>33</v>
      </c>
      <c r="AO7324">
        <v>33</v>
      </c>
      <c r="AP7324">
        <v>32</v>
      </c>
      <c r="AQ7324">
        <v>32</v>
      </c>
    </row>
    <row r="7325" spans="1:43">
      <c r="A7325" t="s">
        <v>4584</v>
      </c>
      <c r="B7325" t="s">
        <v>4585</v>
      </c>
      <c r="C7325" t="s">
        <v>4574</v>
      </c>
      <c r="D7325" t="s">
        <v>4575</v>
      </c>
      <c r="E7325" t="s">
        <v>4236</v>
      </c>
      <c r="F7325" t="s">
        <v>4237</v>
      </c>
      <c r="G7325" t="s">
        <v>80</v>
      </c>
      <c r="H7325" t="s">
        <v>81</v>
      </c>
      <c r="I7325" s="2">
        <v>1</v>
      </c>
      <c r="J7325" s="2">
        <v>0</v>
      </c>
      <c r="K7325" s="2">
        <v>0</v>
      </c>
      <c r="L7325" t="s">
        <v>120</v>
      </c>
      <c r="M7325" t="s">
        <v>83</v>
      </c>
      <c r="N7325" t="s">
        <v>91</v>
      </c>
      <c r="O7325" t="s">
        <v>85</v>
      </c>
      <c r="P7325" t="s">
        <v>86</v>
      </c>
      <c r="Q7325">
        <v>29</v>
      </c>
      <c r="R7325">
        <v>29</v>
      </c>
      <c r="S7325">
        <v>29</v>
      </c>
      <c r="T7325">
        <v>30</v>
      </c>
      <c r="U7325">
        <v>30</v>
      </c>
      <c r="V7325">
        <v>30</v>
      </c>
      <c r="W7325">
        <v>30</v>
      </c>
      <c r="X7325">
        <v>31</v>
      </c>
      <c r="Y7325">
        <v>31</v>
      </c>
      <c r="Z7325">
        <v>31</v>
      </c>
      <c r="AA7325">
        <v>31</v>
      </c>
      <c r="AB7325">
        <v>32</v>
      </c>
      <c r="AC7325">
        <v>32</v>
      </c>
      <c r="AD7325">
        <v>32</v>
      </c>
      <c r="AE7325">
        <v>32</v>
      </c>
      <c r="AF7325">
        <v>32</v>
      </c>
      <c r="AG7325">
        <v>32</v>
      </c>
      <c r="AH7325">
        <v>33</v>
      </c>
      <c r="AI7325">
        <v>33</v>
      </c>
      <c r="AJ7325">
        <v>33</v>
      </c>
      <c r="AK7325">
        <v>33</v>
      </c>
      <c r="AL7325">
        <v>33</v>
      </c>
      <c r="AM7325">
        <v>33</v>
      </c>
      <c r="AN7325">
        <v>32</v>
      </c>
      <c r="AO7325">
        <v>32</v>
      </c>
      <c r="AP7325">
        <v>32</v>
      </c>
      <c r="AQ7325">
        <v>32</v>
      </c>
    </row>
    <row r="7326" spans="1:43">
      <c r="A7326" t="s">
        <v>4586</v>
      </c>
      <c r="B7326" t="s">
        <v>4587</v>
      </c>
      <c r="C7326" t="s">
        <v>4570</v>
      </c>
      <c r="D7326" t="s">
        <v>4571</v>
      </c>
      <c r="E7326" t="s">
        <v>4236</v>
      </c>
      <c r="F7326" t="s">
        <v>4237</v>
      </c>
      <c r="G7326" t="s">
        <v>80</v>
      </c>
      <c r="H7326" t="s">
        <v>81</v>
      </c>
      <c r="I7326" s="2">
        <v>1</v>
      </c>
      <c r="J7326" s="2">
        <v>0</v>
      </c>
      <c r="K7326" s="2">
        <v>0</v>
      </c>
      <c r="L7326" t="s">
        <v>120</v>
      </c>
      <c r="M7326" t="s">
        <v>83</v>
      </c>
      <c r="N7326" t="s">
        <v>84</v>
      </c>
      <c r="O7326" t="s">
        <v>85</v>
      </c>
      <c r="P7326" t="s">
        <v>86</v>
      </c>
      <c r="Q7326">
        <v>27</v>
      </c>
      <c r="R7326">
        <v>27</v>
      </c>
      <c r="S7326">
        <v>27</v>
      </c>
      <c r="T7326">
        <v>28</v>
      </c>
      <c r="U7326">
        <v>28</v>
      </c>
      <c r="V7326">
        <v>28</v>
      </c>
      <c r="W7326">
        <v>29</v>
      </c>
      <c r="X7326">
        <v>29</v>
      </c>
      <c r="Y7326">
        <v>29</v>
      </c>
      <c r="Z7326">
        <v>29</v>
      </c>
      <c r="AA7326">
        <v>29</v>
      </c>
      <c r="AB7326">
        <v>30</v>
      </c>
      <c r="AC7326">
        <v>30</v>
      </c>
      <c r="AD7326">
        <v>30</v>
      </c>
      <c r="AE7326">
        <v>30</v>
      </c>
      <c r="AF7326">
        <v>30</v>
      </c>
      <c r="AG7326">
        <v>30</v>
      </c>
      <c r="AH7326">
        <v>31</v>
      </c>
      <c r="AI7326">
        <v>31</v>
      </c>
      <c r="AJ7326">
        <v>31</v>
      </c>
      <c r="AK7326">
        <v>31</v>
      </c>
      <c r="AL7326">
        <v>31</v>
      </c>
      <c r="AM7326">
        <v>30</v>
      </c>
      <c r="AN7326">
        <v>30</v>
      </c>
      <c r="AO7326">
        <v>30</v>
      </c>
      <c r="AP7326">
        <v>30</v>
      </c>
      <c r="AQ7326">
        <v>30</v>
      </c>
    </row>
    <row r="7327" spans="1:43">
      <c r="A7327" t="s">
        <v>4586</v>
      </c>
      <c r="B7327" t="s">
        <v>4587</v>
      </c>
      <c r="C7327" t="s">
        <v>4570</v>
      </c>
      <c r="D7327" t="s">
        <v>4571</v>
      </c>
      <c r="E7327" t="s">
        <v>4236</v>
      </c>
      <c r="F7327" t="s">
        <v>4237</v>
      </c>
      <c r="G7327" t="s">
        <v>80</v>
      </c>
      <c r="H7327" t="s">
        <v>81</v>
      </c>
      <c r="I7327" s="2">
        <v>1</v>
      </c>
      <c r="J7327" s="2">
        <v>0</v>
      </c>
      <c r="K7327" s="2">
        <v>0</v>
      </c>
      <c r="L7327" t="s">
        <v>120</v>
      </c>
      <c r="M7327" t="s">
        <v>87</v>
      </c>
      <c r="N7327" t="s">
        <v>88</v>
      </c>
      <c r="O7327" t="s">
        <v>85</v>
      </c>
      <c r="P7327" t="s">
        <v>86</v>
      </c>
      <c r="Q7327">
        <v>27</v>
      </c>
      <c r="R7327">
        <v>27</v>
      </c>
      <c r="S7327">
        <v>27</v>
      </c>
      <c r="T7327">
        <v>27</v>
      </c>
      <c r="U7327">
        <v>27</v>
      </c>
      <c r="V7327">
        <v>27</v>
      </c>
      <c r="W7327">
        <v>27</v>
      </c>
      <c r="X7327">
        <v>27</v>
      </c>
      <c r="Y7327">
        <v>27</v>
      </c>
      <c r="Z7327">
        <v>27</v>
      </c>
      <c r="AA7327">
        <v>27</v>
      </c>
      <c r="AB7327">
        <v>27</v>
      </c>
      <c r="AC7327">
        <v>27</v>
      </c>
      <c r="AD7327">
        <v>27</v>
      </c>
      <c r="AE7327">
        <v>27</v>
      </c>
      <c r="AF7327">
        <v>27</v>
      </c>
      <c r="AG7327">
        <v>27</v>
      </c>
      <c r="AH7327">
        <v>27</v>
      </c>
      <c r="AI7327">
        <v>27</v>
      </c>
      <c r="AJ7327">
        <v>26</v>
      </c>
      <c r="AK7327">
        <v>26</v>
      </c>
      <c r="AL7327">
        <v>26</v>
      </c>
      <c r="AM7327">
        <v>26</v>
      </c>
      <c r="AN7327">
        <v>26</v>
      </c>
      <c r="AO7327">
        <v>26</v>
      </c>
      <c r="AP7327">
        <v>26</v>
      </c>
      <c r="AQ7327">
        <v>26</v>
      </c>
    </row>
    <row r="7328" spans="1:43">
      <c r="A7328" t="s">
        <v>4586</v>
      </c>
      <c r="B7328" t="s">
        <v>4587</v>
      </c>
      <c r="C7328" t="s">
        <v>4570</v>
      </c>
      <c r="D7328" t="s">
        <v>4571</v>
      </c>
      <c r="E7328" t="s">
        <v>4236</v>
      </c>
      <c r="F7328" t="s">
        <v>4237</v>
      </c>
      <c r="G7328" t="s">
        <v>80</v>
      </c>
      <c r="H7328" t="s">
        <v>81</v>
      </c>
      <c r="I7328" s="2">
        <v>1</v>
      </c>
      <c r="J7328" s="2">
        <v>0</v>
      </c>
      <c r="K7328" s="2">
        <v>0</v>
      </c>
      <c r="L7328" t="s">
        <v>120</v>
      </c>
      <c r="M7328" t="s">
        <v>89</v>
      </c>
      <c r="N7328" t="s">
        <v>90</v>
      </c>
      <c r="O7328" t="s">
        <v>85</v>
      </c>
      <c r="P7328" t="s">
        <v>86</v>
      </c>
      <c r="Q7328">
        <v>27</v>
      </c>
      <c r="R7328">
        <v>28</v>
      </c>
      <c r="S7328">
        <v>28</v>
      </c>
      <c r="T7328">
        <v>29</v>
      </c>
      <c r="U7328">
        <v>29</v>
      </c>
      <c r="V7328">
        <v>30</v>
      </c>
      <c r="W7328">
        <v>30</v>
      </c>
      <c r="X7328">
        <v>30</v>
      </c>
      <c r="Y7328">
        <v>31</v>
      </c>
      <c r="Z7328">
        <v>31</v>
      </c>
      <c r="AA7328">
        <v>31</v>
      </c>
      <c r="AB7328">
        <v>32</v>
      </c>
      <c r="AC7328">
        <v>32</v>
      </c>
      <c r="AD7328">
        <v>32</v>
      </c>
      <c r="AE7328">
        <v>32</v>
      </c>
      <c r="AF7328">
        <v>32</v>
      </c>
      <c r="AG7328">
        <v>32</v>
      </c>
      <c r="AH7328">
        <v>32</v>
      </c>
      <c r="AI7328">
        <v>32</v>
      </c>
      <c r="AJ7328">
        <v>31</v>
      </c>
      <c r="AK7328">
        <v>31</v>
      </c>
      <c r="AL7328">
        <v>31</v>
      </c>
      <c r="AM7328">
        <v>31</v>
      </c>
      <c r="AN7328">
        <v>31</v>
      </c>
      <c r="AO7328">
        <v>30</v>
      </c>
      <c r="AP7328">
        <v>30</v>
      </c>
      <c r="AQ7328">
        <v>30</v>
      </c>
    </row>
    <row r="7329" spans="1:43">
      <c r="A7329" t="s">
        <v>4586</v>
      </c>
      <c r="B7329" t="s">
        <v>4587</v>
      </c>
      <c r="C7329" t="s">
        <v>4570</v>
      </c>
      <c r="D7329" t="s">
        <v>4571</v>
      </c>
      <c r="E7329" t="s">
        <v>4236</v>
      </c>
      <c r="F7329" t="s">
        <v>4237</v>
      </c>
      <c r="G7329" t="s">
        <v>80</v>
      </c>
      <c r="H7329" t="s">
        <v>81</v>
      </c>
      <c r="I7329" s="2">
        <v>1</v>
      </c>
      <c r="J7329" s="2">
        <v>0</v>
      </c>
      <c r="K7329" s="2">
        <v>0</v>
      </c>
      <c r="L7329" t="s">
        <v>120</v>
      </c>
      <c r="M7329" t="s">
        <v>83</v>
      </c>
      <c r="N7329" t="s">
        <v>91</v>
      </c>
      <c r="O7329" t="s">
        <v>85</v>
      </c>
      <c r="P7329" t="s">
        <v>86</v>
      </c>
      <c r="Q7329">
        <v>27</v>
      </c>
      <c r="R7329">
        <v>27</v>
      </c>
      <c r="S7329">
        <v>27</v>
      </c>
      <c r="T7329">
        <v>28</v>
      </c>
      <c r="U7329">
        <v>28</v>
      </c>
      <c r="V7329">
        <v>28</v>
      </c>
      <c r="W7329">
        <v>29</v>
      </c>
      <c r="X7329">
        <v>29</v>
      </c>
      <c r="Y7329">
        <v>29</v>
      </c>
      <c r="Z7329">
        <v>29</v>
      </c>
      <c r="AA7329">
        <v>29</v>
      </c>
      <c r="AB7329">
        <v>30</v>
      </c>
      <c r="AC7329">
        <v>30</v>
      </c>
      <c r="AD7329">
        <v>30</v>
      </c>
      <c r="AE7329">
        <v>30</v>
      </c>
      <c r="AF7329">
        <v>30</v>
      </c>
      <c r="AG7329">
        <v>30</v>
      </c>
      <c r="AH7329">
        <v>31</v>
      </c>
      <c r="AI7329">
        <v>31</v>
      </c>
      <c r="AJ7329">
        <v>31</v>
      </c>
      <c r="AK7329">
        <v>31</v>
      </c>
      <c r="AL7329">
        <v>31</v>
      </c>
      <c r="AM7329">
        <v>30</v>
      </c>
      <c r="AN7329">
        <v>30</v>
      </c>
      <c r="AO7329">
        <v>30</v>
      </c>
      <c r="AP7329">
        <v>30</v>
      </c>
      <c r="AQ7329">
        <v>30</v>
      </c>
    </row>
    <row r="7330" spans="1:43">
      <c r="A7330" t="s">
        <v>4588</v>
      </c>
      <c r="B7330" t="s">
        <v>4589</v>
      </c>
      <c r="C7330" t="s">
        <v>4590</v>
      </c>
      <c r="D7330" t="s">
        <v>4591</v>
      </c>
      <c r="E7330" t="s">
        <v>4592</v>
      </c>
      <c r="F7330" t="s">
        <v>4593</v>
      </c>
      <c r="G7330" t="s">
        <v>80</v>
      </c>
      <c r="H7330" t="s">
        <v>81</v>
      </c>
      <c r="I7330" s="2">
        <v>1</v>
      </c>
      <c r="J7330" s="2">
        <v>0</v>
      </c>
      <c r="K7330" s="2">
        <v>0</v>
      </c>
      <c r="L7330" t="s">
        <v>120</v>
      </c>
      <c r="M7330" t="s">
        <v>83</v>
      </c>
      <c r="N7330" t="s">
        <v>84</v>
      </c>
      <c r="O7330" t="s">
        <v>85</v>
      </c>
      <c r="P7330" t="s">
        <v>86</v>
      </c>
      <c r="Q7330">
        <v>6</v>
      </c>
      <c r="R7330">
        <v>6</v>
      </c>
      <c r="S7330">
        <v>6</v>
      </c>
      <c r="T7330">
        <v>6</v>
      </c>
      <c r="U7330">
        <v>7</v>
      </c>
      <c r="V7330">
        <v>7</v>
      </c>
      <c r="W7330">
        <v>7</v>
      </c>
      <c r="X7330">
        <v>7</v>
      </c>
      <c r="Y7330">
        <v>7</v>
      </c>
      <c r="Z7330">
        <v>7</v>
      </c>
      <c r="AA7330">
        <v>7</v>
      </c>
      <c r="AB7330">
        <v>7</v>
      </c>
      <c r="AC7330">
        <v>7</v>
      </c>
      <c r="AD7330">
        <v>7</v>
      </c>
      <c r="AE7330">
        <v>7</v>
      </c>
      <c r="AF7330">
        <v>7</v>
      </c>
      <c r="AG7330">
        <v>8</v>
      </c>
      <c r="AH7330">
        <v>8</v>
      </c>
      <c r="AI7330">
        <v>8</v>
      </c>
      <c r="AJ7330">
        <v>8</v>
      </c>
      <c r="AK7330">
        <v>8</v>
      </c>
      <c r="AL7330">
        <v>8</v>
      </c>
      <c r="AM7330">
        <v>8</v>
      </c>
      <c r="AN7330">
        <v>8</v>
      </c>
      <c r="AO7330">
        <v>8</v>
      </c>
      <c r="AP7330">
        <v>8</v>
      </c>
      <c r="AQ7330">
        <v>8</v>
      </c>
    </row>
    <row r="7331" spans="1:43">
      <c r="A7331" t="s">
        <v>4588</v>
      </c>
      <c r="B7331" t="s">
        <v>4589</v>
      </c>
      <c r="C7331" t="s">
        <v>4590</v>
      </c>
      <c r="D7331" t="s">
        <v>4591</v>
      </c>
      <c r="E7331" t="s">
        <v>4592</v>
      </c>
      <c r="F7331" t="s">
        <v>4593</v>
      </c>
      <c r="G7331" t="s">
        <v>80</v>
      </c>
      <c r="H7331" t="s">
        <v>81</v>
      </c>
      <c r="I7331" s="2">
        <v>1</v>
      </c>
      <c r="J7331" s="2">
        <v>0</v>
      </c>
      <c r="K7331" s="2">
        <v>0</v>
      </c>
      <c r="L7331" t="s">
        <v>120</v>
      </c>
      <c r="M7331" t="s">
        <v>87</v>
      </c>
      <c r="N7331" t="s">
        <v>88</v>
      </c>
      <c r="O7331" t="s">
        <v>85</v>
      </c>
      <c r="P7331" t="s">
        <v>86</v>
      </c>
      <c r="Q7331">
        <v>6</v>
      </c>
      <c r="R7331">
        <v>6</v>
      </c>
      <c r="S7331">
        <v>6</v>
      </c>
      <c r="T7331">
        <v>6</v>
      </c>
      <c r="U7331">
        <v>6</v>
      </c>
      <c r="V7331">
        <v>6</v>
      </c>
      <c r="W7331">
        <v>6</v>
      </c>
      <c r="X7331">
        <v>6</v>
      </c>
      <c r="Y7331">
        <v>6</v>
      </c>
      <c r="Z7331">
        <v>6</v>
      </c>
      <c r="AA7331">
        <v>6</v>
      </c>
      <c r="AB7331">
        <v>6</v>
      </c>
      <c r="AC7331">
        <v>7</v>
      </c>
      <c r="AD7331">
        <v>7</v>
      </c>
      <c r="AE7331">
        <v>7</v>
      </c>
      <c r="AF7331">
        <v>7</v>
      </c>
      <c r="AG7331">
        <v>7</v>
      </c>
      <c r="AH7331">
        <v>7</v>
      </c>
      <c r="AI7331">
        <v>7</v>
      </c>
      <c r="AJ7331">
        <v>7</v>
      </c>
      <c r="AK7331">
        <v>7</v>
      </c>
      <c r="AL7331">
        <v>7</v>
      </c>
      <c r="AM7331">
        <v>7</v>
      </c>
      <c r="AN7331">
        <v>7</v>
      </c>
      <c r="AO7331">
        <v>7</v>
      </c>
      <c r="AP7331">
        <v>7</v>
      </c>
      <c r="AQ7331">
        <v>7</v>
      </c>
    </row>
    <row r="7332" spans="1:43">
      <c r="A7332" t="s">
        <v>4588</v>
      </c>
      <c r="B7332" t="s">
        <v>4589</v>
      </c>
      <c r="C7332" t="s">
        <v>4590</v>
      </c>
      <c r="D7332" t="s">
        <v>4591</v>
      </c>
      <c r="E7332" t="s">
        <v>4592</v>
      </c>
      <c r="F7332" t="s">
        <v>4593</v>
      </c>
      <c r="G7332" t="s">
        <v>80</v>
      </c>
      <c r="H7332" t="s">
        <v>81</v>
      </c>
      <c r="I7332" s="2">
        <v>1</v>
      </c>
      <c r="J7332" s="2">
        <v>0</v>
      </c>
      <c r="K7332" s="2">
        <v>0</v>
      </c>
      <c r="L7332" t="s">
        <v>120</v>
      </c>
      <c r="M7332" t="s">
        <v>89</v>
      </c>
      <c r="N7332" t="s">
        <v>90</v>
      </c>
      <c r="O7332" t="s">
        <v>85</v>
      </c>
      <c r="P7332" t="s">
        <v>86</v>
      </c>
      <c r="Q7332">
        <v>6</v>
      </c>
      <c r="R7332">
        <v>6</v>
      </c>
      <c r="S7332">
        <v>7</v>
      </c>
      <c r="T7332">
        <v>7</v>
      </c>
      <c r="U7332">
        <v>7</v>
      </c>
      <c r="V7332">
        <v>7</v>
      </c>
      <c r="W7332">
        <v>7</v>
      </c>
      <c r="X7332">
        <v>7</v>
      </c>
      <c r="Y7332">
        <v>7</v>
      </c>
      <c r="Z7332">
        <v>7</v>
      </c>
      <c r="AA7332">
        <v>8</v>
      </c>
      <c r="AB7332">
        <v>8</v>
      </c>
      <c r="AC7332">
        <v>8</v>
      </c>
      <c r="AD7332">
        <v>8</v>
      </c>
      <c r="AE7332">
        <v>8</v>
      </c>
      <c r="AF7332">
        <v>8</v>
      </c>
      <c r="AG7332">
        <v>8</v>
      </c>
      <c r="AH7332">
        <v>8</v>
      </c>
      <c r="AI7332">
        <v>8</v>
      </c>
      <c r="AJ7332">
        <v>8</v>
      </c>
      <c r="AK7332">
        <v>8</v>
      </c>
      <c r="AL7332">
        <v>8</v>
      </c>
      <c r="AM7332">
        <v>8</v>
      </c>
      <c r="AN7332">
        <v>8</v>
      </c>
      <c r="AO7332">
        <v>8</v>
      </c>
      <c r="AP7332">
        <v>8</v>
      </c>
      <c r="AQ7332">
        <v>8</v>
      </c>
    </row>
    <row r="7333" spans="1:43">
      <c r="A7333" t="s">
        <v>4588</v>
      </c>
      <c r="B7333" t="s">
        <v>4589</v>
      </c>
      <c r="C7333" t="s">
        <v>4590</v>
      </c>
      <c r="D7333" t="s">
        <v>4591</v>
      </c>
      <c r="E7333" t="s">
        <v>4592</v>
      </c>
      <c r="F7333" t="s">
        <v>4593</v>
      </c>
      <c r="G7333" t="s">
        <v>80</v>
      </c>
      <c r="H7333" t="s">
        <v>81</v>
      </c>
      <c r="I7333" s="2">
        <v>1</v>
      </c>
      <c r="J7333" s="2">
        <v>0</v>
      </c>
      <c r="K7333" s="2">
        <v>0</v>
      </c>
      <c r="L7333" t="s">
        <v>120</v>
      </c>
      <c r="M7333" t="s">
        <v>83</v>
      </c>
      <c r="N7333" t="s">
        <v>91</v>
      </c>
      <c r="O7333" t="s">
        <v>85</v>
      </c>
      <c r="P7333" t="s">
        <v>86</v>
      </c>
      <c r="Q7333">
        <v>6</v>
      </c>
      <c r="R7333">
        <v>6</v>
      </c>
      <c r="S7333">
        <v>6</v>
      </c>
      <c r="T7333">
        <v>6</v>
      </c>
      <c r="U7333">
        <v>7</v>
      </c>
      <c r="V7333">
        <v>7</v>
      </c>
      <c r="W7333">
        <v>7</v>
      </c>
      <c r="X7333">
        <v>7</v>
      </c>
      <c r="Y7333">
        <v>7</v>
      </c>
      <c r="Z7333">
        <v>7</v>
      </c>
      <c r="AA7333">
        <v>7</v>
      </c>
      <c r="AB7333">
        <v>7</v>
      </c>
      <c r="AC7333">
        <v>7</v>
      </c>
      <c r="AD7333">
        <v>7</v>
      </c>
      <c r="AE7333">
        <v>7</v>
      </c>
      <c r="AF7333">
        <v>7</v>
      </c>
      <c r="AG7333">
        <v>8</v>
      </c>
      <c r="AH7333">
        <v>8</v>
      </c>
      <c r="AI7333">
        <v>8</v>
      </c>
      <c r="AJ7333">
        <v>8</v>
      </c>
      <c r="AK7333">
        <v>8</v>
      </c>
      <c r="AL7333">
        <v>8</v>
      </c>
      <c r="AM7333">
        <v>8</v>
      </c>
      <c r="AN7333">
        <v>8</v>
      </c>
      <c r="AO7333">
        <v>8</v>
      </c>
      <c r="AP7333">
        <v>8</v>
      </c>
      <c r="AQ7333">
        <v>8</v>
      </c>
    </row>
    <row r="7334" spans="1:43">
      <c r="A7334" t="s">
        <v>4594</v>
      </c>
      <c r="B7334" t="s">
        <v>4595</v>
      </c>
      <c r="C7334" t="s">
        <v>4596</v>
      </c>
      <c r="D7334" t="s">
        <v>4597</v>
      </c>
      <c r="E7334" t="s">
        <v>4592</v>
      </c>
      <c r="F7334" t="s">
        <v>4593</v>
      </c>
      <c r="G7334" t="s">
        <v>80</v>
      </c>
      <c r="H7334" t="s">
        <v>81</v>
      </c>
      <c r="I7334" s="2">
        <v>1</v>
      </c>
      <c r="J7334" s="2">
        <v>0</v>
      </c>
      <c r="K7334" s="2">
        <v>0</v>
      </c>
      <c r="L7334" t="s">
        <v>120</v>
      </c>
      <c r="M7334" t="s">
        <v>83</v>
      </c>
      <c r="N7334" t="s">
        <v>84</v>
      </c>
      <c r="O7334" t="s">
        <v>85</v>
      </c>
      <c r="P7334" t="s">
        <v>86</v>
      </c>
      <c r="Q7334">
        <v>3</v>
      </c>
      <c r="R7334">
        <v>3</v>
      </c>
      <c r="S7334">
        <v>3</v>
      </c>
      <c r="T7334">
        <v>3</v>
      </c>
      <c r="U7334">
        <v>3</v>
      </c>
      <c r="V7334">
        <v>3</v>
      </c>
      <c r="W7334">
        <v>3</v>
      </c>
      <c r="X7334">
        <v>3</v>
      </c>
      <c r="Y7334">
        <v>3</v>
      </c>
      <c r="Z7334">
        <v>3</v>
      </c>
      <c r="AA7334">
        <v>3</v>
      </c>
      <c r="AB7334">
        <v>3</v>
      </c>
      <c r="AC7334">
        <v>4</v>
      </c>
      <c r="AD7334">
        <v>4</v>
      </c>
      <c r="AE7334">
        <v>4</v>
      </c>
      <c r="AF7334">
        <v>4</v>
      </c>
      <c r="AG7334">
        <v>4</v>
      </c>
      <c r="AH7334">
        <v>4</v>
      </c>
      <c r="AI7334">
        <v>4</v>
      </c>
      <c r="AJ7334">
        <v>4</v>
      </c>
      <c r="AK7334">
        <v>4</v>
      </c>
      <c r="AL7334">
        <v>4</v>
      </c>
      <c r="AM7334">
        <v>4</v>
      </c>
      <c r="AN7334">
        <v>4</v>
      </c>
      <c r="AO7334">
        <v>4</v>
      </c>
      <c r="AP7334">
        <v>4</v>
      </c>
      <c r="AQ7334">
        <v>4</v>
      </c>
    </row>
    <row r="7335" spans="1:43">
      <c r="A7335" t="s">
        <v>4594</v>
      </c>
      <c r="B7335" t="s">
        <v>4595</v>
      </c>
      <c r="C7335" t="s">
        <v>4596</v>
      </c>
      <c r="D7335" t="s">
        <v>4597</v>
      </c>
      <c r="E7335" t="s">
        <v>4592</v>
      </c>
      <c r="F7335" t="s">
        <v>4593</v>
      </c>
      <c r="G7335" t="s">
        <v>80</v>
      </c>
      <c r="H7335" t="s">
        <v>81</v>
      </c>
      <c r="I7335" s="2">
        <v>1</v>
      </c>
      <c r="J7335" s="2">
        <v>0</v>
      </c>
      <c r="K7335" s="2">
        <v>0</v>
      </c>
      <c r="L7335" t="s">
        <v>120</v>
      </c>
      <c r="M7335" t="s">
        <v>87</v>
      </c>
      <c r="N7335" t="s">
        <v>88</v>
      </c>
      <c r="O7335" t="s">
        <v>85</v>
      </c>
      <c r="P7335" t="s">
        <v>86</v>
      </c>
      <c r="Q7335">
        <v>3</v>
      </c>
      <c r="R7335">
        <v>3</v>
      </c>
      <c r="S7335">
        <v>3</v>
      </c>
      <c r="T7335">
        <v>3</v>
      </c>
      <c r="U7335">
        <v>3</v>
      </c>
      <c r="V7335">
        <v>3</v>
      </c>
      <c r="W7335">
        <v>3</v>
      </c>
      <c r="X7335">
        <v>3</v>
      </c>
      <c r="Y7335">
        <v>3</v>
      </c>
      <c r="Z7335">
        <v>3</v>
      </c>
      <c r="AA7335">
        <v>3</v>
      </c>
      <c r="AB7335">
        <v>3</v>
      </c>
      <c r="AC7335">
        <v>3</v>
      </c>
      <c r="AD7335">
        <v>3</v>
      </c>
      <c r="AE7335">
        <v>3</v>
      </c>
      <c r="AF7335">
        <v>3</v>
      </c>
      <c r="AG7335">
        <v>3</v>
      </c>
      <c r="AH7335">
        <v>3</v>
      </c>
      <c r="AI7335">
        <v>3</v>
      </c>
      <c r="AJ7335">
        <v>3</v>
      </c>
      <c r="AK7335">
        <v>3</v>
      </c>
      <c r="AL7335">
        <v>3</v>
      </c>
      <c r="AM7335">
        <v>3</v>
      </c>
      <c r="AN7335">
        <v>3</v>
      </c>
      <c r="AO7335">
        <v>3</v>
      </c>
      <c r="AP7335">
        <v>3</v>
      </c>
      <c r="AQ7335">
        <v>3</v>
      </c>
    </row>
    <row r="7336" spans="1:43">
      <c r="A7336" t="s">
        <v>4594</v>
      </c>
      <c r="B7336" t="s">
        <v>4595</v>
      </c>
      <c r="C7336" t="s">
        <v>4596</v>
      </c>
      <c r="D7336" t="s">
        <v>4597</v>
      </c>
      <c r="E7336" t="s">
        <v>4592</v>
      </c>
      <c r="F7336" t="s">
        <v>4593</v>
      </c>
      <c r="G7336" t="s">
        <v>80</v>
      </c>
      <c r="H7336" t="s">
        <v>81</v>
      </c>
      <c r="I7336" s="2">
        <v>1</v>
      </c>
      <c r="J7336" s="2">
        <v>0</v>
      </c>
      <c r="K7336" s="2">
        <v>0</v>
      </c>
      <c r="L7336" t="s">
        <v>120</v>
      </c>
      <c r="M7336" t="s">
        <v>89</v>
      </c>
      <c r="N7336" t="s">
        <v>90</v>
      </c>
      <c r="O7336" t="s">
        <v>85</v>
      </c>
      <c r="P7336" t="s">
        <v>86</v>
      </c>
      <c r="Q7336">
        <v>3</v>
      </c>
      <c r="R7336">
        <v>3</v>
      </c>
      <c r="S7336">
        <v>3</v>
      </c>
      <c r="T7336">
        <v>3</v>
      </c>
      <c r="U7336">
        <v>3</v>
      </c>
      <c r="V7336">
        <v>3</v>
      </c>
      <c r="W7336">
        <v>3</v>
      </c>
      <c r="X7336">
        <v>3</v>
      </c>
      <c r="Y7336">
        <v>4</v>
      </c>
      <c r="Z7336">
        <v>4</v>
      </c>
      <c r="AA7336">
        <v>4</v>
      </c>
      <c r="AB7336">
        <v>4</v>
      </c>
      <c r="AC7336">
        <v>4</v>
      </c>
      <c r="AD7336">
        <v>4</v>
      </c>
      <c r="AE7336">
        <v>4</v>
      </c>
      <c r="AF7336">
        <v>4</v>
      </c>
      <c r="AG7336">
        <v>4</v>
      </c>
      <c r="AH7336">
        <v>4</v>
      </c>
      <c r="AI7336">
        <v>4</v>
      </c>
      <c r="AJ7336">
        <v>4</v>
      </c>
      <c r="AK7336">
        <v>4</v>
      </c>
      <c r="AL7336">
        <v>4</v>
      </c>
      <c r="AM7336">
        <v>4</v>
      </c>
      <c r="AN7336">
        <v>4</v>
      </c>
      <c r="AO7336">
        <v>4</v>
      </c>
      <c r="AP7336">
        <v>4</v>
      </c>
      <c r="AQ7336">
        <v>4</v>
      </c>
    </row>
    <row r="7337" spans="1:43">
      <c r="A7337" t="s">
        <v>4594</v>
      </c>
      <c r="B7337" t="s">
        <v>4595</v>
      </c>
      <c r="C7337" t="s">
        <v>4596</v>
      </c>
      <c r="D7337" t="s">
        <v>4597</v>
      </c>
      <c r="E7337" t="s">
        <v>4592</v>
      </c>
      <c r="F7337" t="s">
        <v>4593</v>
      </c>
      <c r="G7337" t="s">
        <v>80</v>
      </c>
      <c r="H7337" t="s">
        <v>81</v>
      </c>
      <c r="I7337" s="2">
        <v>1</v>
      </c>
      <c r="J7337" s="2">
        <v>0</v>
      </c>
      <c r="K7337" s="2">
        <v>0</v>
      </c>
      <c r="L7337" t="s">
        <v>120</v>
      </c>
      <c r="M7337" t="s">
        <v>83</v>
      </c>
      <c r="N7337" t="s">
        <v>91</v>
      </c>
      <c r="O7337" t="s">
        <v>85</v>
      </c>
      <c r="P7337" t="s">
        <v>86</v>
      </c>
      <c r="Q7337">
        <v>3</v>
      </c>
      <c r="R7337">
        <v>3</v>
      </c>
      <c r="S7337">
        <v>3</v>
      </c>
      <c r="T7337">
        <v>3</v>
      </c>
      <c r="U7337">
        <v>3</v>
      </c>
      <c r="V7337">
        <v>3</v>
      </c>
      <c r="W7337">
        <v>3</v>
      </c>
      <c r="X7337">
        <v>3</v>
      </c>
      <c r="Y7337">
        <v>3</v>
      </c>
      <c r="Z7337">
        <v>3</v>
      </c>
      <c r="AA7337">
        <v>3</v>
      </c>
      <c r="AB7337">
        <v>3</v>
      </c>
      <c r="AC7337">
        <v>4</v>
      </c>
      <c r="AD7337">
        <v>4</v>
      </c>
      <c r="AE7337">
        <v>4</v>
      </c>
      <c r="AF7337">
        <v>4</v>
      </c>
      <c r="AG7337">
        <v>4</v>
      </c>
      <c r="AH7337">
        <v>4</v>
      </c>
      <c r="AI7337">
        <v>4</v>
      </c>
      <c r="AJ7337">
        <v>4</v>
      </c>
      <c r="AK7337">
        <v>4</v>
      </c>
      <c r="AL7337">
        <v>4</v>
      </c>
      <c r="AM7337">
        <v>4</v>
      </c>
      <c r="AN7337">
        <v>4</v>
      </c>
      <c r="AO7337">
        <v>4</v>
      </c>
      <c r="AP7337">
        <v>4</v>
      </c>
      <c r="AQ7337">
        <v>4</v>
      </c>
    </row>
    <row r="7338" spans="1:43">
      <c r="A7338" t="s">
        <v>4598</v>
      </c>
      <c r="B7338" t="s">
        <v>4599</v>
      </c>
      <c r="C7338" t="s">
        <v>4590</v>
      </c>
      <c r="D7338" t="s">
        <v>4591</v>
      </c>
      <c r="E7338" t="s">
        <v>4592</v>
      </c>
      <c r="F7338" t="s">
        <v>4593</v>
      </c>
      <c r="G7338" t="s">
        <v>80</v>
      </c>
      <c r="H7338" t="s">
        <v>81</v>
      </c>
      <c r="I7338" s="2">
        <v>1</v>
      </c>
      <c r="J7338" s="2">
        <v>0</v>
      </c>
      <c r="K7338" s="2">
        <v>0</v>
      </c>
      <c r="L7338" t="s">
        <v>120</v>
      </c>
      <c r="M7338" t="s">
        <v>83</v>
      </c>
      <c r="N7338" t="s">
        <v>84</v>
      </c>
      <c r="O7338" t="s">
        <v>85</v>
      </c>
      <c r="P7338" t="s">
        <v>86</v>
      </c>
      <c r="Q7338">
        <v>6</v>
      </c>
      <c r="R7338">
        <v>6</v>
      </c>
      <c r="S7338">
        <v>6</v>
      </c>
      <c r="T7338">
        <v>6</v>
      </c>
      <c r="U7338">
        <v>6</v>
      </c>
      <c r="V7338">
        <v>6</v>
      </c>
      <c r="W7338">
        <v>6</v>
      </c>
      <c r="X7338">
        <v>6</v>
      </c>
      <c r="Y7338">
        <v>6</v>
      </c>
      <c r="Z7338">
        <v>6</v>
      </c>
      <c r="AA7338">
        <v>6</v>
      </c>
      <c r="AB7338">
        <v>6</v>
      </c>
      <c r="AC7338">
        <v>7</v>
      </c>
      <c r="AD7338">
        <v>7</v>
      </c>
      <c r="AE7338">
        <v>7</v>
      </c>
      <c r="AF7338">
        <v>7</v>
      </c>
      <c r="AG7338">
        <v>7</v>
      </c>
      <c r="AH7338">
        <v>7</v>
      </c>
      <c r="AI7338">
        <v>7</v>
      </c>
      <c r="AJ7338">
        <v>7</v>
      </c>
      <c r="AK7338">
        <v>7</v>
      </c>
      <c r="AL7338">
        <v>7</v>
      </c>
      <c r="AM7338">
        <v>7</v>
      </c>
      <c r="AN7338">
        <v>7</v>
      </c>
      <c r="AO7338">
        <v>7</v>
      </c>
      <c r="AP7338">
        <v>7</v>
      </c>
      <c r="AQ7338">
        <v>7</v>
      </c>
    </row>
    <row r="7339" spans="1:43">
      <c r="A7339" t="s">
        <v>4598</v>
      </c>
      <c r="B7339" t="s">
        <v>4599</v>
      </c>
      <c r="C7339" t="s">
        <v>4590</v>
      </c>
      <c r="D7339" t="s">
        <v>4591</v>
      </c>
      <c r="E7339" t="s">
        <v>4592</v>
      </c>
      <c r="F7339" t="s">
        <v>4593</v>
      </c>
      <c r="G7339" t="s">
        <v>80</v>
      </c>
      <c r="H7339" t="s">
        <v>81</v>
      </c>
      <c r="I7339" s="2">
        <v>1</v>
      </c>
      <c r="J7339" s="2">
        <v>0</v>
      </c>
      <c r="K7339" s="2">
        <v>0</v>
      </c>
      <c r="L7339" t="s">
        <v>120</v>
      </c>
      <c r="M7339" t="s">
        <v>87</v>
      </c>
      <c r="N7339" t="s">
        <v>88</v>
      </c>
      <c r="O7339" t="s">
        <v>85</v>
      </c>
      <c r="P7339" t="s">
        <v>86</v>
      </c>
      <c r="Q7339">
        <v>6</v>
      </c>
      <c r="R7339">
        <v>6</v>
      </c>
      <c r="S7339">
        <v>6</v>
      </c>
      <c r="T7339">
        <v>6</v>
      </c>
      <c r="U7339">
        <v>6</v>
      </c>
      <c r="V7339">
        <v>6</v>
      </c>
      <c r="W7339">
        <v>6</v>
      </c>
      <c r="X7339">
        <v>6</v>
      </c>
      <c r="Y7339">
        <v>6</v>
      </c>
      <c r="Z7339">
        <v>6</v>
      </c>
      <c r="AA7339">
        <v>6</v>
      </c>
      <c r="AB7339">
        <v>6</v>
      </c>
      <c r="AC7339">
        <v>6</v>
      </c>
      <c r="AD7339">
        <v>6</v>
      </c>
      <c r="AE7339">
        <v>6</v>
      </c>
      <c r="AF7339">
        <v>6</v>
      </c>
      <c r="AG7339">
        <v>6</v>
      </c>
      <c r="AH7339">
        <v>6</v>
      </c>
      <c r="AI7339">
        <v>6</v>
      </c>
      <c r="AJ7339">
        <v>6</v>
      </c>
      <c r="AK7339">
        <v>6</v>
      </c>
      <c r="AL7339">
        <v>6</v>
      </c>
      <c r="AM7339">
        <v>6</v>
      </c>
      <c r="AN7339">
        <v>6</v>
      </c>
      <c r="AO7339">
        <v>6</v>
      </c>
      <c r="AP7339">
        <v>6</v>
      </c>
      <c r="AQ7339">
        <v>6</v>
      </c>
    </row>
    <row r="7340" spans="1:43">
      <c r="A7340" t="s">
        <v>4598</v>
      </c>
      <c r="B7340" t="s">
        <v>4599</v>
      </c>
      <c r="C7340" t="s">
        <v>4590</v>
      </c>
      <c r="D7340" t="s">
        <v>4591</v>
      </c>
      <c r="E7340" t="s">
        <v>4592</v>
      </c>
      <c r="F7340" t="s">
        <v>4593</v>
      </c>
      <c r="G7340" t="s">
        <v>80</v>
      </c>
      <c r="H7340" t="s">
        <v>81</v>
      </c>
      <c r="I7340" s="2">
        <v>1</v>
      </c>
      <c r="J7340" s="2">
        <v>0</v>
      </c>
      <c r="K7340" s="2">
        <v>0</v>
      </c>
      <c r="L7340" t="s">
        <v>120</v>
      </c>
      <c r="M7340" t="s">
        <v>89</v>
      </c>
      <c r="N7340" t="s">
        <v>90</v>
      </c>
      <c r="O7340" t="s">
        <v>85</v>
      </c>
      <c r="P7340" t="s">
        <v>86</v>
      </c>
      <c r="Q7340">
        <v>6</v>
      </c>
      <c r="R7340">
        <v>6</v>
      </c>
      <c r="S7340">
        <v>6</v>
      </c>
      <c r="T7340">
        <v>6</v>
      </c>
      <c r="U7340">
        <v>6</v>
      </c>
      <c r="V7340">
        <v>6</v>
      </c>
      <c r="W7340">
        <v>6</v>
      </c>
      <c r="X7340">
        <v>6</v>
      </c>
      <c r="Y7340">
        <v>7</v>
      </c>
      <c r="Z7340">
        <v>7</v>
      </c>
      <c r="AA7340">
        <v>7</v>
      </c>
      <c r="AB7340">
        <v>7</v>
      </c>
      <c r="AC7340">
        <v>7</v>
      </c>
      <c r="AD7340">
        <v>7</v>
      </c>
      <c r="AE7340">
        <v>7</v>
      </c>
      <c r="AF7340">
        <v>7</v>
      </c>
      <c r="AG7340">
        <v>7</v>
      </c>
      <c r="AH7340">
        <v>7</v>
      </c>
      <c r="AI7340">
        <v>7</v>
      </c>
      <c r="AJ7340">
        <v>7</v>
      </c>
      <c r="AK7340">
        <v>7</v>
      </c>
      <c r="AL7340">
        <v>7</v>
      </c>
      <c r="AM7340">
        <v>7</v>
      </c>
      <c r="AN7340">
        <v>7</v>
      </c>
      <c r="AO7340">
        <v>7</v>
      </c>
      <c r="AP7340">
        <v>7</v>
      </c>
      <c r="AQ7340">
        <v>7</v>
      </c>
    </row>
    <row r="7341" spans="1:43">
      <c r="A7341" t="s">
        <v>4598</v>
      </c>
      <c r="B7341" t="s">
        <v>4599</v>
      </c>
      <c r="C7341" t="s">
        <v>4590</v>
      </c>
      <c r="D7341" t="s">
        <v>4591</v>
      </c>
      <c r="E7341" t="s">
        <v>4592</v>
      </c>
      <c r="F7341" t="s">
        <v>4593</v>
      </c>
      <c r="G7341" t="s">
        <v>80</v>
      </c>
      <c r="H7341" t="s">
        <v>81</v>
      </c>
      <c r="I7341" s="2">
        <v>1</v>
      </c>
      <c r="J7341" s="2">
        <v>0</v>
      </c>
      <c r="K7341" s="2">
        <v>0</v>
      </c>
      <c r="L7341" t="s">
        <v>120</v>
      </c>
      <c r="M7341" t="s">
        <v>83</v>
      </c>
      <c r="N7341" t="s">
        <v>91</v>
      </c>
      <c r="O7341" t="s">
        <v>85</v>
      </c>
      <c r="P7341" t="s">
        <v>86</v>
      </c>
      <c r="Q7341">
        <v>6</v>
      </c>
      <c r="R7341">
        <v>6</v>
      </c>
      <c r="S7341">
        <v>6</v>
      </c>
      <c r="T7341">
        <v>6</v>
      </c>
      <c r="U7341">
        <v>6</v>
      </c>
      <c r="V7341">
        <v>6</v>
      </c>
      <c r="W7341">
        <v>6</v>
      </c>
      <c r="X7341">
        <v>6</v>
      </c>
      <c r="Y7341">
        <v>6</v>
      </c>
      <c r="Z7341">
        <v>6</v>
      </c>
      <c r="AA7341">
        <v>6</v>
      </c>
      <c r="AB7341">
        <v>6</v>
      </c>
      <c r="AC7341">
        <v>7</v>
      </c>
      <c r="AD7341">
        <v>7</v>
      </c>
      <c r="AE7341">
        <v>7</v>
      </c>
      <c r="AF7341">
        <v>7</v>
      </c>
      <c r="AG7341">
        <v>7</v>
      </c>
      <c r="AH7341">
        <v>7</v>
      </c>
      <c r="AI7341">
        <v>7</v>
      </c>
      <c r="AJ7341">
        <v>7</v>
      </c>
      <c r="AK7341">
        <v>7</v>
      </c>
      <c r="AL7341">
        <v>7</v>
      </c>
      <c r="AM7341">
        <v>7</v>
      </c>
      <c r="AN7341">
        <v>7</v>
      </c>
      <c r="AO7341">
        <v>7</v>
      </c>
      <c r="AP7341">
        <v>7</v>
      </c>
      <c r="AQ7341">
        <v>7</v>
      </c>
    </row>
    <row r="7342" spans="1:43">
      <c r="A7342" t="s">
        <v>4600</v>
      </c>
      <c r="B7342" t="s">
        <v>4601</v>
      </c>
      <c r="C7342" t="s">
        <v>4590</v>
      </c>
      <c r="D7342" t="s">
        <v>4591</v>
      </c>
      <c r="E7342" t="s">
        <v>4592</v>
      </c>
      <c r="F7342" t="s">
        <v>4593</v>
      </c>
      <c r="G7342" t="s">
        <v>80</v>
      </c>
      <c r="H7342" t="s">
        <v>81</v>
      </c>
      <c r="I7342" s="2">
        <v>1</v>
      </c>
      <c r="J7342" s="2">
        <v>0</v>
      </c>
      <c r="K7342" s="2">
        <v>0</v>
      </c>
      <c r="L7342" t="s">
        <v>120</v>
      </c>
      <c r="M7342" t="s">
        <v>83</v>
      </c>
      <c r="N7342" t="s">
        <v>84</v>
      </c>
      <c r="O7342" t="s">
        <v>85</v>
      </c>
      <c r="P7342" t="s">
        <v>86</v>
      </c>
      <c r="Q7342">
        <v>11</v>
      </c>
      <c r="R7342">
        <v>11</v>
      </c>
      <c r="S7342">
        <v>11</v>
      </c>
      <c r="T7342">
        <v>11</v>
      </c>
      <c r="U7342">
        <v>12</v>
      </c>
      <c r="V7342">
        <v>12</v>
      </c>
      <c r="W7342">
        <v>12</v>
      </c>
      <c r="X7342">
        <v>12</v>
      </c>
      <c r="Y7342">
        <v>12</v>
      </c>
      <c r="Z7342">
        <v>12</v>
      </c>
      <c r="AA7342">
        <v>12</v>
      </c>
      <c r="AB7342">
        <v>13</v>
      </c>
      <c r="AC7342">
        <v>13</v>
      </c>
      <c r="AD7342">
        <v>13</v>
      </c>
      <c r="AE7342">
        <v>13</v>
      </c>
      <c r="AF7342">
        <v>13</v>
      </c>
      <c r="AG7342">
        <v>13</v>
      </c>
      <c r="AH7342">
        <v>13</v>
      </c>
      <c r="AI7342">
        <v>14</v>
      </c>
      <c r="AJ7342">
        <v>14</v>
      </c>
      <c r="AK7342">
        <v>14</v>
      </c>
      <c r="AL7342">
        <v>14</v>
      </c>
      <c r="AM7342">
        <v>14</v>
      </c>
      <c r="AN7342">
        <v>14</v>
      </c>
      <c r="AO7342">
        <v>14</v>
      </c>
      <c r="AP7342">
        <v>14</v>
      </c>
      <c r="AQ7342">
        <v>14</v>
      </c>
    </row>
    <row r="7343" spans="1:43">
      <c r="A7343" t="s">
        <v>4600</v>
      </c>
      <c r="B7343" t="s">
        <v>4601</v>
      </c>
      <c r="C7343" t="s">
        <v>4590</v>
      </c>
      <c r="D7343" t="s">
        <v>4591</v>
      </c>
      <c r="E7343" t="s">
        <v>4592</v>
      </c>
      <c r="F7343" t="s">
        <v>4593</v>
      </c>
      <c r="G7343" t="s">
        <v>80</v>
      </c>
      <c r="H7343" t="s">
        <v>81</v>
      </c>
      <c r="I7343" s="2">
        <v>1</v>
      </c>
      <c r="J7343" s="2">
        <v>0</v>
      </c>
      <c r="K7343" s="2">
        <v>0</v>
      </c>
      <c r="L7343" t="s">
        <v>120</v>
      </c>
      <c r="M7343" t="s">
        <v>87</v>
      </c>
      <c r="N7343" t="s">
        <v>88</v>
      </c>
      <c r="O7343" t="s">
        <v>85</v>
      </c>
      <c r="P7343" t="s">
        <v>86</v>
      </c>
      <c r="Q7343">
        <v>11</v>
      </c>
      <c r="R7343">
        <v>11</v>
      </c>
      <c r="S7343">
        <v>11</v>
      </c>
      <c r="T7343">
        <v>11</v>
      </c>
      <c r="U7343">
        <v>11</v>
      </c>
      <c r="V7343">
        <v>11</v>
      </c>
      <c r="W7343">
        <v>11</v>
      </c>
      <c r="X7343">
        <v>11</v>
      </c>
      <c r="Y7343">
        <v>11</v>
      </c>
      <c r="Z7343">
        <v>11</v>
      </c>
      <c r="AA7343">
        <v>11</v>
      </c>
      <c r="AB7343">
        <v>11</v>
      </c>
      <c r="AC7343">
        <v>11</v>
      </c>
      <c r="AD7343">
        <v>12</v>
      </c>
      <c r="AE7343">
        <v>12</v>
      </c>
      <c r="AF7343">
        <v>12</v>
      </c>
      <c r="AG7343">
        <v>12</v>
      </c>
      <c r="AH7343">
        <v>12</v>
      </c>
      <c r="AI7343">
        <v>12</v>
      </c>
      <c r="AJ7343">
        <v>12</v>
      </c>
      <c r="AK7343">
        <v>12</v>
      </c>
      <c r="AL7343">
        <v>12</v>
      </c>
      <c r="AM7343">
        <v>12</v>
      </c>
      <c r="AN7343">
        <v>12</v>
      </c>
      <c r="AO7343">
        <v>12</v>
      </c>
      <c r="AP7343">
        <v>12</v>
      </c>
      <c r="AQ7343">
        <v>12</v>
      </c>
    </row>
    <row r="7344" spans="1:43">
      <c r="A7344" t="s">
        <v>4600</v>
      </c>
      <c r="B7344" t="s">
        <v>4601</v>
      </c>
      <c r="C7344" t="s">
        <v>4590</v>
      </c>
      <c r="D7344" t="s">
        <v>4591</v>
      </c>
      <c r="E7344" t="s">
        <v>4592</v>
      </c>
      <c r="F7344" t="s">
        <v>4593</v>
      </c>
      <c r="G7344" t="s">
        <v>80</v>
      </c>
      <c r="H7344" t="s">
        <v>81</v>
      </c>
      <c r="I7344" s="2">
        <v>1</v>
      </c>
      <c r="J7344" s="2">
        <v>0</v>
      </c>
      <c r="K7344" s="2">
        <v>0</v>
      </c>
      <c r="L7344" t="s">
        <v>120</v>
      </c>
      <c r="M7344" t="s">
        <v>89</v>
      </c>
      <c r="N7344" t="s">
        <v>90</v>
      </c>
      <c r="O7344" t="s">
        <v>85</v>
      </c>
      <c r="P7344" t="s">
        <v>86</v>
      </c>
      <c r="Q7344">
        <v>11</v>
      </c>
      <c r="R7344">
        <v>11</v>
      </c>
      <c r="S7344">
        <v>12</v>
      </c>
      <c r="T7344">
        <v>12</v>
      </c>
      <c r="U7344">
        <v>12</v>
      </c>
      <c r="V7344">
        <v>12</v>
      </c>
      <c r="W7344">
        <v>12</v>
      </c>
      <c r="X7344">
        <v>13</v>
      </c>
      <c r="Y7344">
        <v>13</v>
      </c>
      <c r="Z7344">
        <v>13</v>
      </c>
      <c r="AA7344">
        <v>13</v>
      </c>
      <c r="AB7344">
        <v>13</v>
      </c>
      <c r="AC7344">
        <v>14</v>
      </c>
      <c r="AD7344">
        <v>14</v>
      </c>
      <c r="AE7344">
        <v>14</v>
      </c>
      <c r="AF7344">
        <v>14</v>
      </c>
      <c r="AG7344">
        <v>14</v>
      </c>
      <c r="AH7344">
        <v>14</v>
      </c>
      <c r="AI7344">
        <v>14</v>
      </c>
      <c r="AJ7344">
        <v>14</v>
      </c>
      <c r="AK7344">
        <v>14</v>
      </c>
      <c r="AL7344">
        <v>14</v>
      </c>
      <c r="AM7344">
        <v>14</v>
      </c>
      <c r="AN7344">
        <v>14</v>
      </c>
      <c r="AO7344">
        <v>14</v>
      </c>
      <c r="AP7344">
        <v>14</v>
      </c>
      <c r="AQ7344">
        <v>14</v>
      </c>
    </row>
    <row r="7345" spans="1:43">
      <c r="A7345" t="s">
        <v>4600</v>
      </c>
      <c r="B7345" t="s">
        <v>4601</v>
      </c>
      <c r="C7345" t="s">
        <v>4590</v>
      </c>
      <c r="D7345" t="s">
        <v>4591</v>
      </c>
      <c r="E7345" t="s">
        <v>4592</v>
      </c>
      <c r="F7345" t="s">
        <v>4593</v>
      </c>
      <c r="G7345" t="s">
        <v>80</v>
      </c>
      <c r="H7345" t="s">
        <v>81</v>
      </c>
      <c r="I7345" s="2">
        <v>1</v>
      </c>
      <c r="J7345" s="2">
        <v>0</v>
      </c>
      <c r="K7345" s="2">
        <v>0</v>
      </c>
      <c r="L7345" t="s">
        <v>120</v>
      </c>
      <c r="M7345" t="s">
        <v>83</v>
      </c>
      <c r="N7345" t="s">
        <v>91</v>
      </c>
      <c r="O7345" t="s">
        <v>85</v>
      </c>
      <c r="P7345" t="s">
        <v>86</v>
      </c>
      <c r="Q7345">
        <v>11</v>
      </c>
      <c r="R7345">
        <v>11</v>
      </c>
      <c r="S7345">
        <v>11</v>
      </c>
      <c r="T7345">
        <v>11</v>
      </c>
      <c r="U7345">
        <v>12</v>
      </c>
      <c r="V7345">
        <v>12</v>
      </c>
      <c r="W7345">
        <v>12</v>
      </c>
      <c r="X7345">
        <v>12</v>
      </c>
      <c r="Y7345">
        <v>12</v>
      </c>
      <c r="Z7345">
        <v>12</v>
      </c>
      <c r="AA7345">
        <v>12</v>
      </c>
      <c r="AB7345">
        <v>13</v>
      </c>
      <c r="AC7345">
        <v>13</v>
      </c>
      <c r="AD7345">
        <v>13</v>
      </c>
      <c r="AE7345">
        <v>13</v>
      </c>
      <c r="AF7345">
        <v>13</v>
      </c>
      <c r="AG7345">
        <v>13</v>
      </c>
      <c r="AH7345">
        <v>13</v>
      </c>
      <c r="AI7345">
        <v>14</v>
      </c>
      <c r="AJ7345">
        <v>14</v>
      </c>
      <c r="AK7345">
        <v>14</v>
      </c>
      <c r="AL7345">
        <v>14</v>
      </c>
      <c r="AM7345">
        <v>14</v>
      </c>
      <c r="AN7345">
        <v>14</v>
      </c>
      <c r="AO7345">
        <v>14</v>
      </c>
      <c r="AP7345">
        <v>14</v>
      </c>
      <c r="AQ7345">
        <v>14</v>
      </c>
    </row>
    <row r="7346" spans="1:43">
      <c r="A7346" t="s">
        <v>4602</v>
      </c>
      <c r="B7346" t="s">
        <v>4603</v>
      </c>
      <c r="C7346" t="s">
        <v>4590</v>
      </c>
      <c r="D7346" t="s">
        <v>4591</v>
      </c>
      <c r="E7346" t="s">
        <v>4592</v>
      </c>
      <c r="F7346" t="s">
        <v>4593</v>
      </c>
      <c r="G7346" t="s">
        <v>80</v>
      </c>
      <c r="H7346" t="s">
        <v>81</v>
      </c>
      <c r="I7346" s="2">
        <v>1</v>
      </c>
      <c r="J7346" s="2">
        <v>0</v>
      </c>
      <c r="K7346" s="2">
        <v>0</v>
      </c>
      <c r="L7346" t="s">
        <v>120</v>
      </c>
      <c r="M7346" t="s">
        <v>83</v>
      </c>
      <c r="N7346" t="s">
        <v>84</v>
      </c>
      <c r="O7346" t="s">
        <v>85</v>
      </c>
      <c r="P7346" t="s">
        <v>86</v>
      </c>
      <c r="Q7346">
        <v>7</v>
      </c>
      <c r="R7346">
        <v>7</v>
      </c>
      <c r="S7346">
        <v>7</v>
      </c>
      <c r="T7346">
        <v>7</v>
      </c>
      <c r="U7346">
        <v>7</v>
      </c>
      <c r="V7346">
        <v>8</v>
      </c>
      <c r="W7346">
        <v>8</v>
      </c>
      <c r="X7346">
        <v>8</v>
      </c>
      <c r="Y7346">
        <v>8</v>
      </c>
      <c r="Z7346">
        <v>8</v>
      </c>
      <c r="AA7346">
        <v>8</v>
      </c>
      <c r="AB7346">
        <v>8</v>
      </c>
      <c r="AC7346">
        <v>8</v>
      </c>
      <c r="AD7346">
        <v>8</v>
      </c>
      <c r="AE7346">
        <v>8</v>
      </c>
      <c r="AF7346">
        <v>9</v>
      </c>
      <c r="AG7346">
        <v>9</v>
      </c>
      <c r="AH7346">
        <v>9</v>
      </c>
      <c r="AI7346">
        <v>9</v>
      </c>
      <c r="AJ7346">
        <v>9</v>
      </c>
      <c r="AK7346">
        <v>9</v>
      </c>
      <c r="AL7346">
        <v>9</v>
      </c>
      <c r="AM7346">
        <v>9</v>
      </c>
      <c r="AN7346">
        <v>9</v>
      </c>
      <c r="AO7346">
        <v>9</v>
      </c>
      <c r="AP7346">
        <v>9</v>
      </c>
      <c r="AQ7346">
        <v>9</v>
      </c>
    </row>
    <row r="7347" spans="1:43">
      <c r="A7347" t="s">
        <v>4602</v>
      </c>
      <c r="B7347" t="s">
        <v>4603</v>
      </c>
      <c r="C7347" t="s">
        <v>4590</v>
      </c>
      <c r="D7347" t="s">
        <v>4591</v>
      </c>
      <c r="E7347" t="s">
        <v>4592</v>
      </c>
      <c r="F7347" t="s">
        <v>4593</v>
      </c>
      <c r="G7347" t="s">
        <v>80</v>
      </c>
      <c r="H7347" t="s">
        <v>81</v>
      </c>
      <c r="I7347" s="2">
        <v>1</v>
      </c>
      <c r="J7347" s="2">
        <v>0</v>
      </c>
      <c r="K7347" s="2">
        <v>0</v>
      </c>
      <c r="L7347" t="s">
        <v>120</v>
      </c>
      <c r="M7347" t="s">
        <v>87</v>
      </c>
      <c r="N7347" t="s">
        <v>88</v>
      </c>
      <c r="O7347" t="s">
        <v>85</v>
      </c>
      <c r="P7347" t="s">
        <v>86</v>
      </c>
      <c r="Q7347">
        <v>7</v>
      </c>
      <c r="R7347">
        <v>7</v>
      </c>
      <c r="S7347">
        <v>7</v>
      </c>
      <c r="T7347">
        <v>7</v>
      </c>
      <c r="U7347">
        <v>7</v>
      </c>
      <c r="V7347">
        <v>7</v>
      </c>
      <c r="W7347">
        <v>7</v>
      </c>
      <c r="X7347">
        <v>7</v>
      </c>
      <c r="Y7347">
        <v>7</v>
      </c>
      <c r="Z7347">
        <v>7</v>
      </c>
      <c r="AA7347">
        <v>7</v>
      </c>
      <c r="AB7347">
        <v>7</v>
      </c>
      <c r="AC7347">
        <v>7</v>
      </c>
      <c r="AD7347">
        <v>7</v>
      </c>
      <c r="AE7347">
        <v>8</v>
      </c>
      <c r="AF7347">
        <v>8</v>
      </c>
      <c r="AG7347">
        <v>8</v>
      </c>
      <c r="AH7347">
        <v>8</v>
      </c>
      <c r="AI7347">
        <v>8</v>
      </c>
      <c r="AJ7347">
        <v>8</v>
      </c>
      <c r="AK7347">
        <v>8</v>
      </c>
      <c r="AL7347">
        <v>8</v>
      </c>
      <c r="AM7347">
        <v>8</v>
      </c>
      <c r="AN7347">
        <v>8</v>
      </c>
      <c r="AO7347">
        <v>8</v>
      </c>
      <c r="AP7347">
        <v>8</v>
      </c>
      <c r="AQ7347">
        <v>8</v>
      </c>
    </row>
    <row r="7348" spans="1:43">
      <c r="A7348" t="s">
        <v>4602</v>
      </c>
      <c r="B7348" t="s">
        <v>4603</v>
      </c>
      <c r="C7348" t="s">
        <v>4590</v>
      </c>
      <c r="D7348" t="s">
        <v>4591</v>
      </c>
      <c r="E7348" t="s">
        <v>4592</v>
      </c>
      <c r="F7348" t="s">
        <v>4593</v>
      </c>
      <c r="G7348" t="s">
        <v>80</v>
      </c>
      <c r="H7348" t="s">
        <v>81</v>
      </c>
      <c r="I7348" s="2">
        <v>1</v>
      </c>
      <c r="J7348" s="2">
        <v>0</v>
      </c>
      <c r="K7348" s="2">
        <v>0</v>
      </c>
      <c r="L7348" t="s">
        <v>120</v>
      </c>
      <c r="M7348" t="s">
        <v>89</v>
      </c>
      <c r="N7348" t="s">
        <v>90</v>
      </c>
      <c r="O7348" t="s">
        <v>85</v>
      </c>
      <c r="P7348" t="s">
        <v>86</v>
      </c>
      <c r="Q7348">
        <v>7</v>
      </c>
      <c r="R7348">
        <v>7</v>
      </c>
      <c r="S7348">
        <v>7</v>
      </c>
      <c r="T7348">
        <v>8</v>
      </c>
      <c r="U7348">
        <v>8</v>
      </c>
      <c r="V7348">
        <v>8</v>
      </c>
      <c r="W7348">
        <v>8</v>
      </c>
      <c r="X7348">
        <v>8</v>
      </c>
      <c r="Y7348">
        <v>8</v>
      </c>
      <c r="Z7348">
        <v>9</v>
      </c>
      <c r="AA7348">
        <v>9</v>
      </c>
      <c r="AB7348">
        <v>9</v>
      </c>
      <c r="AC7348">
        <v>9</v>
      </c>
      <c r="AD7348">
        <v>9</v>
      </c>
      <c r="AE7348">
        <v>9</v>
      </c>
      <c r="AF7348">
        <v>9</v>
      </c>
      <c r="AG7348">
        <v>9</v>
      </c>
      <c r="AH7348">
        <v>9</v>
      </c>
      <c r="AI7348">
        <v>9</v>
      </c>
      <c r="AJ7348">
        <v>9</v>
      </c>
      <c r="AK7348">
        <v>9</v>
      </c>
      <c r="AL7348">
        <v>9</v>
      </c>
      <c r="AM7348">
        <v>9</v>
      </c>
      <c r="AN7348">
        <v>9</v>
      </c>
      <c r="AO7348">
        <v>9</v>
      </c>
      <c r="AP7348">
        <v>9</v>
      </c>
      <c r="AQ7348">
        <v>9</v>
      </c>
    </row>
    <row r="7349" spans="1:43">
      <c r="A7349" t="s">
        <v>4602</v>
      </c>
      <c r="B7349" t="s">
        <v>4603</v>
      </c>
      <c r="C7349" t="s">
        <v>4590</v>
      </c>
      <c r="D7349" t="s">
        <v>4591</v>
      </c>
      <c r="E7349" t="s">
        <v>4592</v>
      </c>
      <c r="F7349" t="s">
        <v>4593</v>
      </c>
      <c r="G7349" t="s">
        <v>80</v>
      </c>
      <c r="H7349" t="s">
        <v>81</v>
      </c>
      <c r="I7349" s="2">
        <v>1</v>
      </c>
      <c r="J7349" s="2">
        <v>0</v>
      </c>
      <c r="K7349" s="2">
        <v>0</v>
      </c>
      <c r="L7349" t="s">
        <v>120</v>
      </c>
      <c r="M7349" t="s">
        <v>83</v>
      </c>
      <c r="N7349" t="s">
        <v>91</v>
      </c>
      <c r="O7349" t="s">
        <v>85</v>
      </c>
      <c r="P7349" t="s">
        <v>86</v>
      </c>
      <c r="Q7349">
        <v>7</v>
      </c>
      <c r="R7349">
        <v>7</v>
      </c>
      <c r="S7349">
        <v>7</v>
      </c>
      <c r="T7349">
        <v>7</v>
      </c>
      <c r="U7349">
        <v>7</v>
      </c>
      <c r="V7349">
        <v>8</v>
      </c>
      <c r="W7349">
        <v>8</v>
      </c>
      <c r="X7349">
        <v>8</v>
      </c>
      <c r="Y7349">
        <v>8</v>
      </c>
      <c r="Z7349">
        <v>8</v>
      </c>
      <c r="AA7349">
        <v>8</v>
      </c>
      <c r="AB7349">
        <v>8</v>
      </c>
      <c r="AC7349">
        <v>8</v>
      </c>
      <c r="AD7349">
        <v>8</v>
      </c>
      <c r="AE7349">
        <v>8</v>
      </c>
      <c r="AF7349">
        <v>9</v>
      </c>
      <c r="AG7349">
        <v>9</v>
      </c>
      <c r="AH7349">
        <v>9</v>
      </c>
      <c r="AI7349">
        <v>9</v>
      </c>
      <c r="AJ7349">
        <v>9</v>
      </c>
      <c r="AK7349">
        <v>9</v>
      </c>
      <c r="AL7349">
        <v>9</v>
      </c>
      <c r="AM7349">
        <v>9</v>
      </c>
      <c r="AN7349">
        <v>9</v>
      </c>
      <c r="AO7349">
        <v>9</v>
      </c>
      <c r="AP7349">
        <v>9</v>
      </c>
      <c r="AQ7349">
        <v>9</v>
      </c>
    </row>
    <row r="7350" spans="1:43">
      <c r="A7350" t="s">
        <v>4604</v>
      </c>
      <c r="B7350" t="s">
        <v>4605</v>
      </c>
      <c r="C7350" t="s">
        <v>4590</v>
      </c>
      <c r="D7350" t="s">
        <v>4591</v>
      </c>
      <c r="E7350" t="s">
        <v>4592</v>
      </c>
      <c r="F7350" t="s">
        <v>4593</v>
      </c>
      <c r="G7350" t="s">
        <v>80</v>
      </c>
      <c r="H7350" t="s">
        <v>81</v>
      </c>
      <c r="I7350" s="2">
        <v>1</v>
      </c>
      <c r="J7350" s="2">
        <v>0</v>
      </c>
      <c r="K7350" s="2">
        <v>0</v>
      </c>
      <c r="L7350" t="s">
        <v>120</v>
      </c>
      <c r="M7350" t="s">
        <v>83</v>
      </c>
      <c r="N7350" t="s">
        <v>84</v>
      </c>
      <c r="O7350" t="s">
        <v>85</v>
      </c>
      <c r="P7350" t="s">
        <v>86</v>
      </c>
      <c r="Q7350">
        <v>21</v>
      </c>
      <c r="R7350">
        <v>22</v>
      </c>
      <c r="S7350">
        <v>22</v>
      </c>
      <c r="T7350">
        <v>22</v>
      </c>
      <c r="U7350">
        <v>23</v>
      </c>
      <c r="V7350">
        <v>23</v>
      </c>
      <c r="W7350">
        <v>23</v>
      </c>
      <c r="X7350">
        <v>24</v>
      </c>
      <c r="Y7350">
        <v>24</v>
      </c>
      <c r="Z7350">
        <v>24</v>
      </c>
      <c r="AA7350">
        <v>25</v>
      </c>
      <c r="AB7350">
        <v>25</v>
      </c>
      <c r="AC7350">
        <v>25</v>
      </c>
      <c r="AD7350">
        <v>26</v>
      </c>
      <c r="AE7350">
        <v>26</v>
      </c>
      <c r="AF7350">
        <v>26</v>
      </c>
      <c r="AG7350">
        <v>26</v>
      </c>
      <c r="AH7350">
        <v>27</v>
      </c>
      <c r="AI7350">
        <v>27</v>
      </c>
      <c r="AJ7350">
        <v>27</v>
      </c>
      <c r="AK7350">
        <v>27</v>
      </c>
      <c r="AL7350">
        <v>28</v>
      </c>
      <c r="AM7350">
        <v>28</v>
      </c>
      <c r="AN7350">
        <v>28</v>
      </c>
      <c r="AO7350">
        <v>28</v>
      </c>
      <c r="AP7350">
        <v>28</v>
      </c>
      <c r="AQ7350">
        <v>28</v>
      </c>
    </row>
    <row r="7351" spans="1:43">
      <c r="A7351" t="s">
        <v>4604</v>
      </c>
      <c r="B7351" t="s">
        <v>4605</v>
      </c>
      <c r="C7351" t="s">
        <v>4590</v>
      </c>
      <c r="D7351" t="s">
        <v>4591</v>
      </c>
      <c r="E7351" t="s">
        <v>4592</v>
      </c>
      <c r="F7351" t="s">
        <v>4593</v>
      </c>
      <c r="G7351" t="s">
        <v>80</v>
      </c>
      <c r="H7351" t="s">
        <v>81</v>
      </c>
      <c r="I7351" s="2">
        <v>1</v>
      </c>
      <c r="J7351" s="2">
        <v>0</v>
      </c>
      <c r="K7351" s="2">
        <v>0</v>
      </c>
      <c r="L7351" t="s">
        <v>120</v>
      </c>
      <c r="M7351" t="s">
        <v>87</v>
      </c>
      <c r="N7351" t="s">
        <v>88</v>
      </c>
      <c r="O7351" t="s">
        <v>85</v>
      </c>
      <c r="P7351" t="s">
        <v>86</v>
      </c>
      <c r="Q7351">
        <v>21</v>
      </c>
      <c r="R7351">
        <v>21</v>
      </c>
      <c r="S7351">
        <v>22</v>
      </c>
      <c r="T7351">
        <v>22</v>
      </c>
      <c r="U7351">
        <v>22</v>
      </c>
      <c r="V7351">
        <v>22</v>
      </c>
      <c r="W7351">
        <v>22</v>
      </c>
      <c r="X7351">
        <v>22</v>
      </c>
      <c r="Y7351">
        <v>22</v>
      </c>
      <c r="Z7351">
        <v>22</v>
      </c>
      <c r="AA7351">
        <v>22</v>
      </c>
      <c r="AB7351">
        <v>23</v>
      </c>
      <c r="AC7351">
        <v>23</v>
      </c>
      <c r="AD7351">
        <v>23</v>
      </c>
      <c r="AE7351">
        <v>23</v>
      </c>
      <c r="AF7351">
        <v>23</v>
      </c>
      <c r="AG7351">
        <v>23</v>
      </c>
      <c r="AH7351">
        <v>23</v>
      </c>
      <c r="AI7351">
        <v>23</v>
      </c>
      <c r="AJ7351">
        <v>23</v>
      </c>
      <c r="AK7351">
        <v>23</v>
      </c>
      <c r="AL7351">
        <v>23</v>
      </c>
      <c r="AM7351">
        <v>24</v>
      </c>
      <c r="AN7351">
        <v>24</v>
      </c>
      <c r="AO7351">
        <v>24</v>
      </c>
      <c r="AP7351">
        <v>24</v>
      </c>
      <c r="AQ7351">
        <v>24</v>
      </c>
    </row>
    <row r="7352" spans="1:43">
      <c r="A7352" t="s">
        <v>4604</v>
      </c>
      <c r="B7352" t="s">
        <v>4605</v>
      </c>
      <c r="C7352" t="s">
        <v>4590</v>
      </c>
      <c r="D7352" t="s">
        <v>4591</v>
      </c>
      <c r="E7352" t="s">
        <v>4592</v>
      </c>
      <c r="F7352" t="s">
        <v>4593</v>
      </c>
      <c r="G7352" t="s">
        <v>80</v>
      </c>
      <c r="H7352" t="s">
        <v>81</v>
      </c>
      <c r="I7352" s="2">
        <v>1</v>
      </c>
      <c r="J7352" s="2">
        <v>0</v>
      </c>
      <c r="K7352" s="2">
        <v>0</v>
      </c>
      <c r="L7352" t="s">
        <v>120</v>
      </c>
      <c r="M7352" t="s">
        <v>89</v>
      </c>
      <c r="N7352" t="s">
        <v>90</v>
      </c>
      <c r="O7352" t="s">
        <v>85</v>
      </c>
      <c r="P7352" t="s">
        <v>86</v>
      </c>
      <c r="Q7352">
        <v>21</v>
      </c>
      <c r="R7352">
        <v>21</v>
      </c>
      <c r="S7352">
        <v>22</v>
      </c>
      <c r="T7352">
        <v>22</v>
      </c>
      <c r="U7352">
        <v>23</v>
      </c>
      <c r="V7352">
        <v>23</v>
      </c>
      <c r="W7352">
        <v>24</v>
      </c>
      <c r="X7352">
        <v>24</v>
      </c>
      <c r="Y7352">
        <v>24</v>
      </c>
      <c r="Z7352">
        <v>25</v>
      </c>
      <c r="AA7352">
        <v>25</v>
      </c>
      <c r="AB7352">
        <v>26</v>
      </c>
      <c r="AC7352">
        <v>26</v>
      </c>
      <c r="AD7352">
        <v>26</v>
      </c>
      <c r="AE7352">
        <v>27</v>
      </c>
      <c r="AF7352">
        <v>27</v>
      </c>
      <c r="AG7352">
        <v>27</v>
      </c>
      <c r="AH7352">
        <v>27</v>
      </c>
      <c r="AI7352">
        <v>27</v>
      </c>
      <c r="AJ7352">
        <v>27</v>
      </c>
      <c r="AK7352">
        <v>27</v>
      </c>
      <c r="AL7352">
        <v>27</v>
      </c>
      <c r="AM7352">
        <v>27</v>
      </c>
      <c r="AN7352">
        <v>27</v>
      </c>
      <c r="AO7352">
        <v>27</v>
      </c>
      <c r="AP7352">
        <v>27</v>
      </c>
      <c r="AQ7352">
        <v>27</v>
      </c>
    </row>
    <row r="7353" spans="1:43">
      <c r="A7353" t="s">
        <v>4604</v>
      </c>
      <c r="B7353" t="s">
        <v>4605</v>
      </c>
      <c r="C7353" t="s">
        <v>4590</v>
      </c>
      <c r="D7353" t="s">
        <v>4591</v>
      </c>
      <c r="E7353" t="s">
        <v>4592</v>
      </c>
      <c r="F7353" t="s">
        <v>4593</v>
      </c>
      <c r="G7353" t="s">
        <v>80</v>
      </c>
      <c r="H7353" t="s">
        <v>81</v>
      </c>
      <c r="I7353" s="2">
        <v>1</v>
      </c>
      <c r="J7353" s="2">
        <v>0</v>
      </c>
      <c r="K7353" s="2">
        <v>0</v>
      </c>
      <c r="L7353" t="s">
        <v>120</v>
      </c>
      <c r="M7353" t="s">
        <v>83</v>
      </c>
      <c r="N7353" t="s">
        <v>91</v>
      </c>
      <c r="O7353" t="s">
        <v>85</v>
      </c>
      <c r="P7353" t="s">
        <v>86</v>
      </c>
      <c r="Q7353">
        <v>21</v>
      </c>
      <c r="R7353">
        <v>22</v>
      </c>
      <c r="S7353">
        <v>22</v>
      </c>
      <c r="T7353">
        <v>22</v>
      </c>
      <c r="U7353">
        <v>23</v>
      </c>
      <c r="V7353">
        <v>23</v>
      </c>
      <c r="W7353">
        <v>23</v>
      </c>
      <c r="X7353">
        <v>24</v>
      </c>
      <c r="Y7353">
        <v>24</v>
      </c>
      <c r="Z7353">
        <v>24</v>
      </c>
      <c r="AA7353">
        <v>25</v>
      </c>
      <c r="AB7353">
        <v>25</v>
      </c>
      <c r="AC7353">
        <v>25</v>
      </c>
      <c r="AD7353">
        <v>26</v>
      </c>
      <c r="AE7353">
        <v>26</v>
      </c>
      <c r="AF7353">
        <v>26</v>
      </c>
      <c r="AG7353">
        <v>26</v>
      </c>
      <c r="AH7353">
        <v>27</v>
      </c>
      <c r="AI7353">
        <v>27</v>
      </c>
      <c r="AJ7353">
        <v>27</v>
      </c>
      <c r="AK7353">
        <v>27</v>
      </c>
      <c r="AL7353">
        <v>28</v>
      </c>
      <c r="AM7353">
        <v>28</v>
      </c>
      <c r="AN7353">
        <v>28</v>
      </c>
      <c r="AO7353">
        <v>28</v>
      </c>
      <c r="AP7353">
        <v>28</v>
      </c>
      <c r="AQ7353">
        <v>28</v>
      </c>
    </row>
    <row r="7354" spans="1:43">
      <c r="A7354" t="s">
        <v>4606</v>
      </c>
      <c r="B7354" t="s">
        <v>4607</v>
      </c>
      <c r="C7354" t="s">
        <v>4608</v>
      </c>
      <c r="D7354" t="s">
        <v>4609</v>
      </c>
      <c r="E7354" t="s">
        <v>4592</v>
      </c>
      <c r="F7354" t="s">
        <v>4593</v>
      </c>
      <c r="G7354" t="s">
        <v>80</v>
      </c>
      <c r="H7354" t="s">
        <v>81</v>
      </c>
      <c r="I7354" s="2">
        <v>1</v>
      </c>
      <c r="J7354" s="2">
        <v>0</v>
      </c>
      <c r="K7354" s="2">
        <v>0</v>
      </c>
      <c r="L7354" t="s">
        <v>120</v>
      </c>
      <c r="M7354" t="s">
        <v>83</v>
      </c>
      <c r="N7354" t="s">
        <v>84</v>
      </c>
      <c r="O7354" t="s">
        <v>85</v>
      </c>
      <c r="P7354" t="s">
        <v>86</v>
      </c>
      <c r="Q7354">
        <v>16</v>
      </c>
      <c r="R7354">
        <v>17</v>
      </c>
      <c r="S7354">
        <v>17</v>
      </c>
      <c r="T7354">
        <v>17</v>
      </c>
      <c r="U7354">
        <v>17</v>
      </c>
      <c r="V7354">
        <v>18</v>
      </c>
      <c r="W7354">
        <v>18</v>
      </c>
      <c r="X7354">
        <v>18</v>
      </c>
      <c r="Y7354">
        <v>18</v>
      </c>
      <c r="Z7354">
        <v>19</v>
      </c>
      <c r="AA7354">
        <v>19</v>
      </c>
      <c r="AB7354">
        <v>19</v>
      </c>
      <c r="AC7354">
        <v>19</v>
      </c>
      <c r="AD7354">
        <v>19</v>
      </c>
      <c r="AE7354">
        <v>20</v>
      </c>
      <c r="AF7354">
        <v>20</v>
      </c>
      <c r="AG7354">
        <v>20</v>
      </c>
      <c r="AH7354">
        <v>20</v>
      </c>
      <c r="AI7354">
        <v>20</v>
      </c>
      <c r="AJ7354">
        <v>21</v>
      </c>
      <c r="AK7354">
        <v>21</v>
      </c>
      <c r="AL7354">
        <v>21</v>
      </c>
      <c r="AM7354">
        <v>21</v>
      </c>
      <c r="AN7354">
        <v>21</v>
      </c>
      <c r="AO7354">
        <v>21</v>
      </c>
      <c r="AP7354">
        <v>21</v>
      </c>
      <c r="AQ7354">
        <v>21</v>
      </c>
    </row>
    <row r="7355" spans="1:43">
      <c r="A7355" t="s">
        <v>4606</v>
      </c>
      <c r="B7355" t="s">
        <v>4607</v>
      </c>
      <c r="C7355" t="s">
        <v>4608</v>
      </c>
      <c r="D7355" t="s">
        <v>4609</v>
      </c>
      <c r="E7355" t="s">
        <v>4592</v>
      </c>
      <c r="F7355" t="s">
        <v>4593</v>
      </c>
      <c r="G7355" t="s">
        <v>80</v>
      </c>
      <c r="H7355" t="s">
        <v>81</v>
      </c>
      <c r="I7355" s="2">
        <v>1</v>
      </c>
      <c r="J7355" s="2">
        <v>0</v>
      </c>
      <c r="K7355" s="2">
        <v>0</v>
      </c>
      <c r="L7355" t="s">
        <v>120</v>
      </c>
      <c r="M7355" t="s">
        <v>87</v>
      </c>
      <c r="N7355" t="s">
        <v>88</v>
      </c>
      <c r="O7355" t="s">
        <v>85</v>
      </c>
      <c r="P7355" t="s">
        <v>86</v>
      </c>
      <c r="Q7355">
        <v>16</v>
      </c>
      <c r="R7355">
        <v>16</v>
      </c>
      <c r="S7355">
        <v>16</v>
      </c>
      <c r="T7355">
        <v>17</v>
      </c>
      <c r="U7355">
        <v>17</v>
      </c>
      <c r="V7355">
        <v>17</v>
      </c>
      <c r="W7355">
        <v>17</v>
      </c>
      <c r="X7355">
        <v>17</v>
      </c>
      <c r="Y7355">
        <v>17</v>
      </c>
      <c r="Z7355">
        <v>17</v>
      </c>
      <c r="AA7355">
        <v>17</v>
      </c>
      <c r="AB7355">
        <v>17</v>
      </c>
      <c r="AC7355">
        <v>17</v>
      </c>
      <c r="AD7355">
        <v>17</v>
      </c>
      <c r="AE7355">
        <v>17</v>
      </c>
      <c r="AF7355">
        <v>17</v>
      </c>
      <c r="AG7355">
        <v>18</v>
      </c>
      <c r="AH7355">
        <v>18</v>
      </c>
      <c r="AI7355">
        <v>18</v>
      </c>
      <c r="AJ7355">
        <v>18</v>
      </c>
      <c r="AK7355">
        <v>18</v>
      </c>
      <c r="AL7355">
        <v>18</v>
      </c>
      <c r="AM7355">
        <v>18</v>
      </c>
      <c r="AN7355">
        <v>18</v>
      </c>
      <c r="AO7355">
        <v>18</v>
      </c>
      <c r="AP7355">
        <v>18</v>
      </c>
      <c r="AQ7355">
        <v>18</v>
      </c>
    </row>
    <row r="7356" spans="1:43">
      <c r="A7356" t="s">
        <v>4606</v>
      </c>
      <c r="B7356" t="s">
        <v>4607</v>
      </c>
      <c r="C7356" t="s">
        <v>4608</v>
      </c>
      <c r="D7356" t="s">
        <v>4609</v>
      </c>
      <c r="E7356" t="s">
        <v>4592</v>
      </c>
      <c r="F7356" t="s">
        <v>4593</v>
      </c>
      <c r="G7356" t="s">
        <v>80</v>
      </c>
      <c r="H7356" t="s">
        <v>81</v>
      </c>
      <c r="I7356" s="2">
        <v>1</v>
      </c>
      <c r="J7356" s="2">
        <v>0</v>
      </c>
      <c r="K7356" s="2">
        <v>0</v>
      </c>
      <c r="L7356" t="s">
        <v>120</v>
      </c>
      <c r="M7356" t="s">
        <v>89</v>
      </c>
      <c r="N7356" t="s">
        <v>90</v>
      </c>
      <c r="O7356" t="s">
        <v>85</v>
      </c>
      <c r="P7356" t="s">
        <v>86</v>
      </c>
      <c r="Q7356">
        <v>16</v>
      </c>
      <c r="R7356">
        <v>16</v>
      </c>
      <c r="S7356">
        <v>16</v>
      </c>
      <c r="T7356">
        <v>17</v>
      </c>
      <c r="U7356">
        <v>17</v>
      </c>
      <c r="V7356">
        <v>17</v>
      </c>
      <c r="W7356">
        <v>18</v>
      </c>
      <c r="X7356">
        <v>18</v>
      </c>
      <c r="Y7356">
        <v>18</v>
      </c>
      <c r="Z7356">
        <v>19</v>
      </c>
      <c r="AA7356">
        <v>19</v>
      </c>
      <c r="AB7356">
        <v>19</v>
      </c>
      <c r="AC7356">
        <v>20</v>
      </c>
      <c r="AD7356">
        <v>20</v>
      </c>
      <c r="AE7356">
        <v>20</v>
      </c>
      <c r="AF7356">
        <v>20</v>
      </c>
      <c r="AG7356">
        <v>20</v>
      </c>
      <c r="AH7356">
        <v>20</v>
      </c>
      <c r="AI7356">
        <v>20</v>
      </c>
      <c r="AJ7356">
        <v>20</v>
      </c>
      <c r="AK7356">
        <v>20</v>
      </c>
      <c r="AL7356">
        <v>20</v>
      </c>
      <c r="AM7356">
        <v>20</v>
      </c>
      <c r="AN7356">
        <v>20</v>
      </c>
      <c r="AO7356">
        <v>20</v>
      </c>
      <c r="AP7356">
        <v>20</v>
      </c>
      <c r="AQ7356">
        <v>20</v>
      </c>
    </row>
    <row r="7357" spans="1:43">
      <c r="A7357" t="s">
        <v>4606</v>
      </c>
      <c r="B7357" t="s">
        <v>4607</v>
      </c>
      <c r="C7357" t="s">
        <v>4608</v>
      </c>
      <c r="D7357" t="s">
        <v>4609</v>
      </c>
      <c r="E7357" t="s">
        <v>4592</v>
      </c>
      <c r="F7357" t="s">
        <v>4593</v>
      </c>
      <c r="G7357" t="s">
        <v>80</v>
      </c>
      <c r="H7357" t="s">
        <v>81</v>
      </c>
      <c r="I7357" s="2">
        <v>1</v>
      </c>
      <c r="J7357" s="2">
        <v>0</v>
      </c>
      <c r="K7357" s="2">
        <v>0</v>
      </c>
      <c r="L7357" t="s">
        <v>120</v>
      </c>
      <c r="M7357" t="s">
        <v>83</v>
      </c>
      <c r="N7357" t="s">
        <v>91</v>
      </c>
      <c r="O7357" t="s">
        <v>85</v>
      </c>
      <c r="P7357" t="s">
        <v>86</v>
      </c>
      <c r="Q7357">
        <v>16</v>
      </c>
      <c r="R7357">
        <v>17</v>
      </c>
      <c r="S7357">
        <v>17</v>
      </c>
      <c r="T7357">
        <v>17</v>
      </c>
      <c r="U7357">
        <v>17</v>
      </c>
      <c r="V7357">
        <v>18</v>
      </c>
      <c r="W7357">
        <v>18</v>
      </c>
      <c r="X7357">
        <v>18</v>
      </c>
      <c r="Y7357">
        <v>18</v>
      </c>
      <c r="Z7357">
        <v>19</v>
      </c>
      <c r="AA7357">
        <v>19</v>
      </c>
      <c r="AB7357">
        <v>19</v>
      </c>
      <c r="AC7357">
        <v>19</v>
      </c>
      <c r="AD7357">
        <v>19</v>
      </c>
      <c r="AE7357">
        <v>20</v>
      </c>
      <c r="AF7357">
        <v>20</v>
      </c>
      <c r="AG7357">
        <v>20</v>
      </c>
      <c r="AH7357">
        <v>20</v>
      </c>
      <c r="AI7357">
        <v>20</v>
      </c>
      <c r="AJ7357">
        <v>21</v>
      </c>
      <c r="AK7357">
        <v>21</v>
      </c>
      <c r="AL7357">
        <v>21</v>
      </c>
      <c r="AM7357">
        <v>21</v>
      </c>
      <c r="AN7357">
        <v>21</v>
      </c>
      <c r="AO7357">
        <v>21</v>
      </c>
      <c r="AP7357">
        <v>21</v>
      </c>
      <c r="AQ7357">
        <v>21</v>
      </c>
    </row>
    <row r="7358" spans="1:43">
      <c r="A7358" t="s">
        <v>4610</v>
      </c>
      <c r="B7358" t="s">
        <v>4611</v>
      </c>
      <c r="C7358" t="s">
        <v>4612</v>
      </c>
      <c r="D7358" t="s">
        <v>4613</v>
      </c>
      <c r="E7358" t="s">
        <v>4592</v>
      </c>
      <c r="F7358" t="s">
        <v>4593</v>
      </c>
      <c r="G7358" t="s">
        <v>80</v>
      </c>
      <c r="H7358" t="s">
        <v>81</v>
      </c>
      <c r="I7358" s="2">
        <v>1</v>
      </c>
      <c r="J7358" s="2">
        <v>0</v>
      </c>
      <c r="K7358" s="2">
        <v>0</v>
      </c>
      <c r="L7358" t="s">
        <v>120</v>
      </c>
      <c r="M7358" t="s">
        <v>83</v>
      </c>
      <c r="N7358" t="s">
        <v>84</v>
      </c>
      <c r="O7358" t="s">
        <v>85</v>
      </c>
      <c r="P7358" t="s">
        <v>86</v>
      </c>
      <c r="Q7358">
        <v>16</v>
      </c>
      <c r="R7358">
        <v>17</v>
      </c>
      <c r="S7358">
        <v>17</v>
      </c>
      <c r="T7358">
        <v>17</v>
      </c>
      <c r="U7358">
        <v>17</v>
      </c>
      <c r="V7358">
        <v>18</v>
      </c>
      <c r="W7358">
        <v>18</v>
      </c>
      <c r="X7358">
        <v>18</v>
      </c>
      <c r="Y7358">
        <v>18</v>
      </c>
      <c r="Z7358">
        <v>19</v>
      </c>
      <c r="AA7358">
        <v>19</v>
      </c>
      <c r="AB7358">
        <v>19</v>
      </c>
      <c r="AC7358">
        <v>19</v>
      </c>
      <c r="AD7358">
        <v>20</v>
      </c>
      <c r="AE7358">
        <v>20</v>
      </c>
      <c r="AF7358">
        <v>20</v>
      </c>
      <c r="AG7358">
        <v>20</v>
      </c>
      <c r="AH7358">
        <v>20</v>
      </c>
      <c r="AI7358">
        <v>21</v>
      </c>
      <c r="AJ7358">
        <v>21</v>
      </c>
      <c r="AK7358">
        <v>21</v>
      </c>
      <c r="AL7358">
        <v>21</v>
      </c>
      <c r="AM7358">
        <v>21</v>
      </c>
      <c r="AN7358">
        <v>21</v>
      </c>
      <c r="AO7358">
        <v>21</v>
      </c>
      <c r="AP7358">
        <v>21</v>
      </c>
      <c r="AQ7358">
        <v>21</v>
      </c>
    </row>
    <row r="7359" spans="1:43">
      <c r="A7359" t="s">
        <v>4610</v>
      </c>
      <c r="B7359" t="s">
        <v>4611</v>
      </c>
      <c r="C7359" t="s">
        <v>4612</v>
      </c>
      <c r="D7359" t="s">
        <v>4613</v>
      </c>
      <c r="E7359" t="s">
        <v>4592</v>
      </c>
      <c r="F7359" t="s">
        <v>4593</v>
      </c>
      <c r="G7359" t="s">
        <v>80</v>
      </c>
      <c r="H7359" t="s">
        <v>81</v>
      </c>
      <c r="I7359" s="2">
        <v>1</v>
      </c>
      <c r="J7359" s="2">
        <v>0</v>
      </c>
      <c r="K7359" s="2">
        <v>0</v>
      </c>
      <c r="L7359" t="s">
        <v>120</v>
      </c>
      <c r="M7359" t="s">
        <v>87</v>
      </c>
      <c r="N7359" t="s">
        <v>88</v>
      </c>
      <c r="O7359" t="s">
        <v>85</v>
      </c>
      <c r="P7359" t="s">
        <v>86</v>
      </c>
      <c r="Q7359">
        <v>16</v>
      </c>
      <c r="R7359">
        <v>16</v>
      </c>
      <c r="S7359">
        <v>16</v>
      </c>
      <c r="T7359">
        <v>16</v>
      </c>
      <c r="U7359">
        <v>17</v>
      </c>
      <c r="V7359">
        <v>17</v>
      </c>
      <c r="W7359">
        <v>17</v>
      </c>
      <c r="X7359">
        <v>17</v>
      </c>
      <c r="Y7359">
        <v>17</v>
      </c>
      <c r="Z7359">
        <v>17</v>
      </c>
      <c r="AA7359">
        <v>17</v>
      </c>
      <c r="AB7359">
        <v>17</v>
      </c>
      <c r="AC7359">
        <v>17</v>
      </c>
      <c r="AD7359">
        <v>17</v>
      </c>
      <c r="AE7359">
        <v>17</v>
      </c>
      <c r="AF7359">
        <v>18</v>
      </c>
      <c r="AG7359">
        <v>18</v>
      </c>
      <c r="AH7359">
        <v>18</v>
      </c>
      <c r="AI7359">
        <v>18</v>
      </c>
      <c r="AJ7359">
        <v>18</v>
      </c>
      <c r="AK7359">
        <v>18</v>
      </c>
      <c r="AL7359">
        <v>18</v>
      </c>
      <c r="AM7359">
        <v>18</v>
      </c>
      <c r="AN7359">
        <v>18</v>
      </c>
      <c r="AO7359">
        <v>18</v>
      </c>
      <c r="AP7359">
        <v>18</v>
      </c>
      <c r="AQ7359">
        <v>18</v>
      </c>
    </row>
    <row r="7360" spans="1:43">
      <c r="A7360" t="s">
        <v>4610</v>
      </c>
      <c r="B7360" t="s">
        <v>4611</v>
      </c>
      <c r="C7360" t="s">
        <v>4612</v>
      </c>
      <c r="D7360" t="s">
        <v>4613</v>
      </c>
      <c r="E7360" t="s">
        <v>4592</v>
      </c>
      <c r="F7360" t="s">
        <v>4593</v>
      </c>
      <c r="G7360" t="s">
        <v>80</v>
      </c>
      <c r="H7360" t="s">
        <v>81</v>
      </c>
      <c r="I7360" s="2">
        <v>1</v>
      </c>
      <c r="J7360" s="2">
        <v>0</v>
      </c>
      <c r="K7360" s="2">
        <v>0</v>
      </c>
      <c r="L7360" t="s">
        <v>120</v>
      </c>
      <c r="M7360" t="s">
        <v>89</v>
      </c>
      <c r="N7360" t="s">
        <v>90</v>
      </c>
      <c r="O7360" t="s">
        <v>85</v>
      </c>
      <c r="P7360" t="s">
        <v>86</v>
      </c>
      <c r="Q7360">
        <v>16</v>
      </c>
      <c r="R7360">
        <v>17</v>
      </c>
      <c r="S7360">
        <v>17</v>
      </c>
      <c r="T7360">
        <v>18</v>
      </c>
      <c r="U7360">
        <v>18</v>
      </c>
      <c r="V7360">
        <v>18</v>
      </c>
      <c r="W7360">
        <v>19</v>
      </c>
      <c r="X7360">
        <v>19</v>
      </c>
      <c r="Y7360">
        <v>19</v>
      </c>
      <c r="Z7360">
        <v>20</v>
      </c>
      <c r="AA7360">
        <v>20</v>
      </c>
      <c r="AB7360">
        <v>20</v>
      </c>
      <c r="AC7360">
        <v>21</v>
      </c>
      <c r="AD7360">
        <v>21</v>
      </c>
      <c r="AE7360">
        <v>21</v>
      </c>
      <c r="AF7360">
        <v>21</v>
      </c>
      <c r="AG7360">
        <v>21</v>
      </c>
      <c r="AH7360">
        <v>21</v>
      </c>
      <c r="AI7360">
        <v>21</v>
      </c>
      <c r="AJ7360">
        <v>21</v>
      </c>
      <c r="AK7360">
        <v>21</v>
      </c>
      <c r="AL7360">
        <v>21</v>
      </c>
      <c r="AM7360">
        <v>21</v>
      </c>
      <c r="AN7360">
        <v>21</v>
      </c>
      <c r="AO7360">
        <v>21</v>
      </c>
      <c r="AP7360">
        <v>21</v>
      </c>
      <c r="AQ7360">
        <v>21</v>
      </c>
    </row>
    <row r="7361" spans="1:43">
      <c r="A7361" t="s">
        <v>4610</v>
      </c>
      <c r="B7361" t="s">
        <v>4611</v>
      </c>
      <c r="C7361" t="s">
        <v>4612</v>
      </c>
      <c r="D7361" t="s">
        <v>4613</v>
      </c>
      <c r="E7361" t="s">
        <v>4592</v>
      </c>
      <c r="F7361" t="s">
        <v>4593</v>
      </c>
      <c r="G7361" t="s">
        <v>80</v>
      </c>
      <c r="H7361" t="s">
        <v>81</v>
      </c>
      <c r="I7361" s="2">
        <v>1</v>
      </c>
      <c r="J7361" s="2">
        <v>0</v>
      </c>
      <c r="K7361" s="2">
        <v>0</v>
      </c>
      <c r="L7361" t="s">
        <v>120</v>
      </c>
      <c r="M7361" t="s">
        <v>83</v>
      </c>
      <c r="N7361" t="s">
        <v>91</v>
      </c>
      <c r="O7361" t="s">
        <v>85</v>
      </c>
      <c r="P7361" t="s">
        <v>86</v>
      </c>
      <c r="Q7361">
        <v>16</v>
      </c>
      <c r="R7361">
        <v>17</v>
      </c>
      <c r="S7361">
        <v>17</v>
      </c>
      <c r="T7361">
        <v>17</v>
      </c>
      <c r="U7361">
        <v>17</v>
      </c>
      <c r="V7361">
        <v>18</v>
      </c>
      <c r="W7361">
        <v>18</v>
      </c>
      <c r="X7361">
        <v>18</v>
      </c>
      <c r="Y7361">
        <v>18</v>
      </c>
      <c r="Z7361">
        <v>19</v>
      </c>
      <c r="AA7361">
        <v>19</v>
      </c>
      <c r="AB7361">
        <v>19</v>
      </c>
      <c r="AC7361">
        <v>19</v>
      </c>
      <c r="AD7361">
        <v>20</v>
      </c>
      <c r="AE7361">
        <v>20</v>
      </c>
      <c r="AF7361">
        <v>20</v>
      </c>
      <c r="AG7361">
        <v>20</v>
      </c>
      <c r="AH7361">
        <v>20</v>
      </c>
      <c r="AI7361">
        <v>21</v>
      </c>
      <c r="AJ7361">
        <v>21</v>
      </c>
      <c r="AK7361">
        <v>21</v>
      </c>
      <c r="AL7361">
        <v>21</v>
      </c>
      <c r="AM7361">
        <v>21</v>
      </c>
      <c r="AN7361">
        <v>21</v>
      </c>
      <c r="AO7361">
        <v>21</v>
      </c>
      <c r="AP7361">
        <v>21</v>
      </c>
      <c r="AQ7361">
        <v>21</v>
      </c>
    </row>
    <row r="7362" spans="1:43">
      <c r="A7362" t="s">
        <v>4614</v>
      </c>
      <c r="B7362" t="s">
        <v>4615</v>
      </c>
      <c r="C7362" t="s">
        <v>4608</v>
      </c>
      <c r="D7362" t="s">
        <v>4609</v>
      </c>
      <c r="E7362" t="s">
        <v>4592</v>
      </c>
      <c r="F7362" t="s">
        <v>4593</v>
      </c>
      <c r="G7362" t="s">
        <v>80</v>
      </c>
      <c r="H7362" t="s">
        <v>81</v>
      </c>
      <c r="I7362" s="2">
        <v>1</v>
      </c>
      <c r="J7362" s="2">
        <v>0</v>
      </c>
      <c r="K7362" s="2">
        <v>0</v>
      </c>
      <c r="L7362" t="s">
        <v>120</v>
      </c>
      <c r="M7362" t="s">
        <v>83</v>
      </c>
      <c r="N7362" t="s">
        <v>84</v>
      </c>
      <c r="O7362" t="s">
        <v>85</v>
      </c>
      <c r="P7362" t="s">
        <v>86</v>
      </c>
      <c r="Q7362">
        <v>40</v>
      </c>
      <c r="R7362">
        <v>41</v>
      </c>
      <c r="S7362">
        <v>41</v>
      </c>
      <c r="T7362">
        <v>42</v>
      </c>
      <c r="U7362">
        <v>42</v>
      </c>
      <c r="V7362">
        <v>43</v>
      </c>
      <c r="W7362">
        <v>44</v>
      </c>
      <c r="X7362">
        <v>44</v>
      </c>
      <c r="Y7362">
        <v>45</v>
      </c>
      <c r="Z7362">
        <v>45</v>
      </c>
      <c r="AA7362">
        <v>46</v>
      </c>
      <c r="AB7362">
        <v>46</v>
      </c>
      <c r="AC7362">
        <v>47</v>
      </c>
      <c r="AD7362">
        <v>47</v>
      </c>
      <c r="AE7362">
        <v>48</v>
      </c>
      <c r="AF7362">
        <v>48</v>
      </c>
      <c r="AG7362">
        <v>49</v>
      </c>
      <c r="AH7362">
        <v>49</v>
      </c>
      <c r="AI7362">
        <v>50</v>
      </c>
      <c r="AJ7362">
        <v>50</v>
      </c>
      <c r="AK7362">
        <v>51</v>
      </c>
      <c r="AL7362">
        <v>51</v>
      </c>
      <c r="AM7362">
        <v>51</v>
      </c>
      <c r="AN7362">
        <v>51</v>
      </c>
      <c r="AO7362">
        <v>51</v>
      </c>
      <c r="AP7362">
        <v>51</v>
      </c>
      <c r="AQ7362">
        <v>51</v>
      </c>
    </row>
    <row r="7363" spans="1:43">
      <c r="A7363" t="s">
        <v>4614</v>
      </c>
      <c r="B7363" t="s">
        <v>4615</v>
      </c>
      <c r="C7363" t="s">
        <v>4608</v>
      </c>
      <c r="D7363" t="s">
        <v>4609</v>
      </c>
      <c r="E7363" t="s">
        <v>4592</v>
      </c>
      <c r="F7363" t="s">
        <v>4593</v>
      </c>
      <c r="G7363" t="s">
        <v>80</v>
      </c>
      <c r="H7363" t="s">
        <v>81</v>
      </c>
      <c r="I7363" s="2">
        <v>1</v>
      </c>
      <c r="J7363" s="2">
        <v>0</v>
      </c>
      <c r="K7363" s="2">
        <v>0</v>
      </c>
      <c r="L7363" t="s">
        <v>120</v>
      </c>
      <c r="M7363" t="s">
        <v>87</v>
      </c>
      <c r="N7363" t="s">
        <v>88</v>
      </c>
      <c r="O7363" t="s">
        <v>85</v>
      </c>
      <c r="P7363" t="s">
        <v>86</v>
      </c>
      <c r="Q7363">
        <v>40</v>
      </c>
      <c r="R7363">
        <v>40</v>
      </c>
      <c r="S7363">
        <v>40</v>
      </c>
      <c r="T7363">
        <v>40</v>
      </c>
      <c r="U7363">
        <v>41</v>
      </c>
      <c r="V7363">
        <v>41</v>
      </c>
      <c r="W7363">
        <v>41</v>
      </c>
      <c r="X7363">
        <v>41</v>
      </c>
      <c r="Y7363">
        <v>41</v>
      </c>
      <c r="Z7363">
        <v>42</v>
      </c>
      <c r="AA7363">
        <v>42</v>
      </c>
      <c r="AB7363">
        <v>42</v>
      </c>
      <c r="AC7363">
        <v>42</v>
      </c>
      <c r="AD7363">
        <v>42</v>
      </c>
      <c r="AE7363">
        <v>43</v>
      </c>
      <c r="AF7363">
        <v>43</v>
      </c>
      <c r="AG7363">
        <v>43</v>
      </c>
      <c r="AH7363">
        <v>43</v>
      </c>
      <c r="AI7363">
        <v>43</v>
      </c>
      <c r="AJ7363">
        <v>43</v>
      </c>
      <c r="AK7363">
        <v>43</v>
      </c>
      <c r="AL7363">
        <v>44</v>
      </c>
      <c r="AM7363">
        <v>44</v>
      </c>
      <c r="AN7363">
        <v>44</v>
      </c>
      <c r="AO7363">
        <v>44</v>
      </c>
      <c r="AP7363">
        <v>44</v>
      </c>
      <c r="AQ7363">
        <v>44</v>
      </c>
    </row>
    <row r="7364" spans="1:43">
      <c r="A7364" t="s">
        <v>4614</v>
      </c>
      <c r="B7364" t="s">
        <v>4615</v>
      </c>
      <c r="C7364" t="s">
        <v>4608</v>
      </c>
      <c r="D7364" t="s">
        <v>4609</v>
      </c>
      <c r="E7364" t="s">
        <v>4592</v>
      </c>
      <c r="F7364" t="s">
        <v>4593</v>
      </c>
      <c r="G7364" t="s">
        <v>80</v>
      </c>
      <c r="H7364" t="s">
        <v>81</v>
      </c>
      <c r="I7364" s="2">
        <v>1</v>
      </c>
      <c r="J7364" s="2">
        <v>0</v>
      </c>
      <c r="K7364" s="2">
        <v>0</v>
      </c>
      <c r="L7364" t="s">
        <v>120</v>
      </c>
      <c r="M7364" t="s">
        <v>89</v>
      </c>
      <c r="N7364" t="s">
        <v>90</v>
      </c>
      <c r="O7364" t="s">
        <v>85</v>
      </c>
      <c r="P7364" t="s">
        <v>86</v>
      </c>
      <c r="Q7364">
        <v>40</v>
      </c>
      <c r="R7364">
        <v>41</v>
      </c>
      <c r="S7364">
        <v>42</v>
      </c>
      <c r="T7364">
        <v>43</v>
      </c>
      <c r="U7364">
        <v>44</v>
      </c>
      <c r="V7364">
        <v>45</v>
      </c>
      <c r="W7364">
        <v>46</v>
      </c>
      <c r="X7364">
        <v>47</v>
      </c>
      <c r="Y7364">
        <v>47</v>
      </c>
      <c r="Z7364">
        <v>48</v>
      </c>
      <c r="AA7364">
        <v>49</v>
      </c>
      <c r="AB7364">
        <v>50</v>
      </c>
      <c r="AC7364">
        <v>50</v>
      </c>
      <c r="AD7364">
        <v>51</v>
      </c>
      <c r="AE7364">
        <v>51</v>
      </c>
      <c r="AF7364">
        <v>51</v>
      </c>
      <c r="AG7364">
        <v>51</v>
      </c>
      <c r="AH7364">
        <v>51</v>
      </c>
      <c r="AI7364">
        <v>51</v>
      </c>
      <c r="AJ7364">
        <v>51</v>
      </c>
      <c r="AK7364">
        <v>51</v>
      </c>
      <c r="AL7364">
        <v>51</v>
      </c>
      <c r="AM7364">
        <v>51</v>
      </c>
      <c r="AN7364">
        <v>51</v>
      </c>
      <c r="AO7364">
        <v>51</v>
      </c>
      <c r="AP7364">
        <v>51</v>
      </c>
      <c r="AQ7364">
        <v>51</v>
      </c>
    </row>
    <row r="7365" spans="1:43">
      <c r="A7365" t="s">
        <v>4614</v>
      </c>
      <c r="B7365" t="s">
        <v>4615</v>
      </c>
      <c r="C7365" t="s">
        <v>4608</v>
      </c>
      <c r="D7365" t="s">
        <v>4609</v>
      </c>
      <c r="E7365" t="s">
        <v>4592</v>
      </c>
      <c r="F7365" t="s">
        <v>4593</v>
      </c>
      <c r="G7365" t="s">
        <v>80</v>
      </c>
      <c r="H7365" t="s">
        <v>81</v>
      </c>
      <c r="I7365" s="2">
        <v>1</v>
      </c>
      <c r="J7365" s="2">
        <v>0</v>
      </c>
      <c r="K7365" s="2">
        <v>0</v>
      </c>
      <c r="L7365" t="s">
        <v>120</v>
      </c>
      <c r="M7365" t="s">
        <v>83</v>
      </c>
      <c r="N7365" t="s">
        <v>91</v>
      </c>
      <c r="O7365" t="s">
        <v>85</v>
      </c>
      <c r="P7365" t="s">
        <v>86</v>
      </c>
      <c r="Q7365">
        <v>40</v>
      </c>
      <c r="R7365">
        <v>41</v>
      </c>
      <c r="S7365">
        <v>41</v>
      </c>
      <c r="T7365">
        <v>42</v>
      </c>
      <c r="U7365">
        <v>42</v>
      </c>
      <c r="V7365">
        <v>43</v>
      </c>
      <c r="W7365">
        <v>44</v>
      </c>
      <c r="X7365">
        <v>44</v>
      </c>
      <c r="Y7365">
        <v>45</v>
      </c>
      <c r="Z7365">
        <v>45</v>
      </c>
      <c r="AA7365">
        <v>46</v>
      </c>
      <c r="AB7365">
        <v>46</v>
      </c>
      <c r="AC7365">
        <v>47</v>
      </c>
      <c r="AD7365">
        <v>47</v>
      </c>
      <c r="AE7365">
        <v>48</v>
      </c>
      <c r="AF7365">
        <v>48</v>
      </c>
      <c r="AG7365">
        <v>49</v>
      </c>
      <c r="AH7365">
        <v>49</v>
      </c>
      <c r="AI7365">
        <v>50</v>
      </c>
      <c r="AJ7365">
        <v>50</v>
      </c>
      <c r="AK7365">
        <v>51</v>
      </c>
      <c r="AL7365">
        <v>51</v>
      </c>
      <c r="AM7365">
        <v>51</v>
      </c>
      <c r="AN7365">
        <v>51</v>
      </c>
      <c r="AO7365">
        <v>51</v>
      </c>
      <c r="AP7365">
        <v>51</v>
      </c>
      <c r="AQ7365">
        <v>51</v>
      </c>
    </row>
    <row r="7366" spans="1:43">
      <c r="A7366" t="s">
        <v>4616</v>
      </c>
      <c r="B7366" t="s">
        <v>4617</v>
      </c>
      <c r="C7366" t="s">
        <v>4612</v>
      </c>
      <c r="D7366" t="s">
        <v>4613</v>
      </c>
      <c r="E7366" t="s">
        <v>4592</v>
      </c>
      <c r="F7366" t="s">
        <v>4593</v>
      </c>
      <c r="G7366" t="s">
        <v>80</v>
      </c>
      <c r="H7366" t="s">
        <v>81</v>
      </c>
      <c r="I7366" s="2">
        <v>1</v>
      </c>
      <c r="J7366" s="2">
        <v>0</v>
      </c>
      <c r="K7366" s="2">
        <v>0</v>
      </c>
      <c r="L7366" t="s">
        <v>120</v>
      </c>
      <c r="M7366" t="s">
        <v>83</v>
      </c>
      <c r="N7366" t="s">
        <v>84</v>
      </c>
      <c r="O7366" t="s">
        <v>85</v>
      </c>
      <c r="P7366" t="s">
        <v>86</v>
      </c>
      <c r="Q7366">
        <v>6</v>
      </c>
      <c r="R7366">
        <v>6</v>
      </c>
      <c r="S7366">
        <v>6</v>
      </c>
      <c r="T7366">
        <v>6</v>
      </c>
      <c r="U7366">
        <v>6</v>
      </c>
      <c r="V7366">
        <v>6</v>
      </c>
      <c r="W7366">
        <v>6</v>
      </c>
      <c r="X7366">
        <v>6</v>
      </c>
      <c r="Y7366">
        <v>6</v>
      </c>
      <c r="Z7366">
        <v>6</v>
      </c>
      <c r="AA7366">
        <v>6</v>
      </c>
      <c r="AB7366">
        <v>7</v>
      </c>
      <c r="AC7366">
        <v>7</v>
      </c>
      <c r="AD7366">
        <v>7</v>
      </c>
      <c r="AE7366">
        <v>7</v>
      </c>
      <c r="AF7366">
        <v>7</v>
      </c>
      <c r="AG7366">
        <v>7</v>
      </c>
      <c r="AH7366">
        <v>7</v>
      </c>
      <c r="AI7366">
        <v>7</v>
      </c>
      <c r="AJ7366">
        <v>7</v>
      </c>
      <c r="AK7366">
        <v>7</v>
      </c>
      <c r="AL7366">
        <v>7</v>
      </c>
      <c r="AM7366">
        <v>7</v>
      </c>
      <c r="AN7366">
        <v>7</v>
      </c>
      <c r="AO7366">
        <v>7</v>
      </c>
      <c r="AP7366">
        <v>7</v>
      </c>
      <c r="AQ7366">
        <v>7</v>
      </c>
    </row>
    <row r="7367" spans="1:43">
      <c r="A7367" t="s">
        <v>4616</v>
      </c>
      <c r="B7367" t="s">
        <v>4617</v>
      </c>
      <c r="C7367" t="s">
        <v>4612</v>
      </c>
      <c r="D7367" t="s">
        <v>4613</v>
      </c>
      <c r="E7367" t="s">
        <v>4592</v>
      </c>
      <c r="F7367" t="s">
        <v>4593</v>
      </c>
      <c r="G7367" t="s">
        <v>80</v>
      </c>
      <c r="H7367" t="s">
        <v>81</v>
      </c>
      <c r="I7367" s="2">
        <v>1</v>
      </c>
      <c r="J7367" s="2">
        <v>0</v>
      </c>
      <c r="K7367" s="2">
        <v>0</v>
      </c>
      <c r="L7367" t="s">
        <v>120</v>
      </c>
      <c r="M7367" t="s">
        <v>87</v>
      </c>
      <c r="N7367" t="s">
        <v>88</v>
      </c>
      <c r="O7367" t="s">
        <v>85</v>
      </c>
      <c r="P7367" t="s">
        <v>86</v>
      </c>
      <c r="Q7367">
        <v>6</v>
      </c>
      <c r="R7367">
        <v>6</v>
      </c>
      <c r="S7367">
        <v>6</v>
      </c>
      <c r="T7367">
        <v>6</v>
      </c>
      <c r="U7367">
        <v>6</v>
      </c>
      <c r="V7367">
        <v>6</v>
      </c>
      <c r="W7367">
        <v>6</v>
      </c>
      <c r="X7367">
        <v>6</v>
      </c>
      <c r="Y7367">
        <v>6</v>
      </c>
      <c r="Z7367">
        <v>6</v>
      </c>
      <c r="AA7367">
        <v>6</v>
      </c>
      <c r="AB7367">
        <v>6</v>
      </c>
      <c r="AC7367">
        <v>6</v>
      </c>
      <c r="AD7367">
        <v>6</v>
      </c>
      <c r="AE7367">
        <v>6</v>
      </c>
      <c r="AF7367">
        <v>6</v>
      </c>
      <c r="AG7367">
        <v>6</v>
      </c>
      <c r="AH7367">
        <v>6</v>
      </c>
      <c r="AI7367">
        <v>6</v>
      </c>
      <c r="AJ7367">
        <v>6</v>
      </c>
      <c r="AK7367">
        <v>6</v>
      </c>
      <c r="AL7367">
        <v>6</v>
      </c>
      <c r="AM7367">
        <v>6</v>
      </c>
      <c r="AN7367">
        <v>6</v>
      </c>
      <c r="AO7367">
        <v>6</v>
      </c>
      <c r="AP7367">
        <v>6</v>
      </c>
      <c r="AQ7367">
        <v>6</v>
      </c>
    </row>
    <row r="7368" spans="1:43">
      <c r="A7368" t="s">
        <v>4616</v>
      </c>
      <c r="B7368" t="s">
        <v>4617</v>
      </c>
      <c r="C7368" t="s">
        <v>4612</v>
      </c>
      <c r="D7368" t="s">
        <v>4613</v>
      </c>
      <c r="E7368" t="s">
        <v>4592</v>
      </c>
      <c r="F7368" t="s">
        <v>4593</v>
      </c>
      <c r="G7368" t="s">
        <v>80</v>
      </c>
      <c r="H7368" t="s">
        <v>81</v>
      </c>
      <c r="I7368" s="2">
        <v>1</v>
      </c>
      <c r="J7368" s="2">
        <v>0</v>
      </c>
      <c r="K7368" s="2">
        <v>0</v>
      </c>
      <c r="L7368" t="s">
        <v>120</v>
      </c>
      <c r="M7368" t="s">
        <v>89</v>
      </c>
      <c r="N7368" t="s">
        <v>90</v>
      </c>
      <c r="O7368" t="s">
        <v>85</v>
      </c>
      <c r="P7368" t="s">
        <v>86</v>
      </c>
      <c r="Q7368">
        <v>6</v>
      </c>
      <c r="R7368">
        <v>6</v>
      </c>
      <c r="S7368">
        <v>6</v>
      </c>
      <c r="T7368">
        <v>6</v>
      </c>
      <c r="U7368">
        <v>6</v>
      </c>
      <c r="V7368">
        <v>6</v>
      </c>
      <c r="W7368">
        <v>6</v>
      </c>
      <c r="X7368">
        <v>7</v>
      </c>
      <c r="Y7368">
        <v>7</v>
      </c>
      <c r="Z7368">
        <v>7</v>
      </c>
      <c r="AA7368">
        <v>7</v>
      </c>
      <c r="AB7368">
        <v>7</v>
      </c>
      <c r="AC7368">
        <v>7</v>
      </c>
      <c r="AD7368">
        <v>7</v>
      </c>
      <c r="AE7368">
        <v>7</v>
      </c>
      <c r="AF7368">
        <v>7</v>
      </c>
      <c r="AG7368">
        <v>7</v>
      </c>
      <c r="AH7368">
        <v>7</v>
      </c>
      <c r="AI7368">
        <v>7</v>
      </c>
      <c r="AJ7368">
        <v>7</v>
      </c>
      <c r="AK7368">
        <v>7</v>
      </c>
      <c r="AL7368">
        <v>7</v>
      </c>
      <c r="AM7368">
        <v>7</v>
      </c>
      <c r="AN7368">
        <v>7</v>
      </c>
      <c r="AO7368">
        <v>7</v>
      </c>
      <c r="AP7368">
        <v>7</v>
      </c>
      <c r="AQ7368">
        <v>7</v>
      </c>
    </row>
    <row r="7369" spans="1:43">
      <c r="A7369" t="s">
        <v>4616</v>
      </c>
      <c r="B7369" t="s">
        <v>4617</v>
      </c>
      <c r="C7369" t="s">
        <v>4612</v>
      </c>
      <c r="D7369" t="s">
        <v>4613</v>
      </c>
      <c r="E7369" t="s">
        <v>4592</v>
      </c>
      <c r="F7369" t="s">
        <v>4593</v>
      </c>
      <c r="G7369" t="s">
        <v>80</v>
      </c>
      <c r="H7369" t="s">
        <v>81</v>
      </c>
      <c r="I7369" s="2">
        <v>1</v>
      </c>
      <c r="J7369" s="2">
        <v>0</v>
      </c>
      <c r="K7369" s="2">
        <v>0</v>
      </c>
      <c r="L7369" t="s">
        <v>120</v>
      </c>
      <c r="M7369" t="s">
        <v>83</v>
      </c>
      <c r="N7369" t="s">
        <v>91</v>
      </c>
      <c r="O7369" t="s">
        <v>85</v>
      </c>
      <c r="P7369" t="s">
        <v>86</v>
      </c>
      <c r="Q7369">
        <v>6</v>
      </c>
      <c r="R7369">
        <v>6</v>
      </c>
      <c r="S7369">
        <v>6</v>
      </c>
      <c r="T7369">
        <v>6</v>
      </c>
      <c r="U7369">
        <v>6</v>
      </c>
      <c r="V7369">
        <v>6</v>
      </c>
      <c r="W7369">
        <v>6</v>
      </c>
      <c r="X7369">
        <v>6</v>
      </c>
      <c r="Y7369">
        <v>6</v>
      </c>
      <c r="Z7369">
        <v>6</v>
      </c>
      <c r="AA7369">
        <v>6</v>
      </c>
      <c r="AB7369">
        <v>7</v>
      </c>
      <c r="AC7369">
        <v>7</v>
      </c>
      <c r="AD7369">
        <v>7</v>
      </c>
      <c r="AE7369">
        <v>7</v>
      </c>
      <c r="AF7369">
        <v>7</v>
      </c>
      <c r="AG7369">
        <v>7</v>
      </c>
      <c r="AH7369">
        <v>7</v>
      </c>
      <c r="AI7369">
        <v>7</v>
      </c>
      <c r="AJ7369">
        <v>7</v>
      </c>
      <c r="AK7369">
        <v>7</v>
      </c>
      <c r="AL7369">
        <v>7</v>
      </c>
      <c r="AM7369">
        <v>7</v>
      </c>
      <c r="AN7369">
        <v>7</v>
      </c>
      <c r="AO7369">
        <v>7</v>
      </c>
      <c r="AP7369">
        <v>7</v>
      </c>
      <c r="AQ7369">
        <v>7</v>
      </c>
    </row>
    <row r="7370" spans="1:43">
      <c r="A7370" t="s">
        <v>4618</v>
      </c>
      <c r="B7370" t="s">
        <v>4619</v>
      </c>
      <c r="C7370" t="s">
        <v>4612</v>
      </c>
      <c r="D7370" t="s">
        <v>4613</v>
      </c>
      <c r="E7370" t="s">
        <v>4592</v>
      </c>
      <c r="F7370" t="s">
        <v>4593</v>
      </c>
      <c r="G7370" t="s">
        <v>80</v>
      </c>
      <c r="H7370" t="s">
        <v>81</v>
      </c>
      <c r="I7370" s="2">
        <v>1</v>
      </c>
      <c r="J7370" s="2">
        <v>0</v>
      </c>
      <c r="K7370" s="2">
        <v>0</v>
      </c>
      <c r="L7370" t="s">
        <v>120</v>
      </c>
      <c r="M7370" t="s">
        <v>83</v>
      </c>
      <c r="N7370" t="s">
        <v>84</v>
      </c>
      <c r="O7370" t="s">
        <v>85</v>
      </c>
      <c r="P7370" t="s">
        <v>86</v>
      </c>
      <c r="Q7370">
        <v>27</v>
      </c>
      <c r="R7370">
        <v>27</v>
      </c>
      <c r="S7370">
        <v>28</v>
      </c>
      <c r="T7370">
        <v>28</v>
      </c>
      <c r="U7370">
        <v>29</v>
      </c>
      <c r="V7370">
        <v>29</v>
      </c>
      <c r="W7370">
        <v>29</v>
      </c>
      <c r="X7370">
        <v>30</v>
      </c>
      <c r="Y7370">
        <v>30</v>
      </c>
      <c r="Z7370">
        <v>31</v>
      </c>
      <c r="AA7370">
        <v>31</v>
      </c>
      <c r="AB7370">
        <v>31</v>
      </c>
      <c r="AC7370">
        <v>32</v>
      </c>
      <c r="AD7370">
        <v>32</v>
      </c>
      <c r="AE7370">
        <v>33</v>
      </c>
      <c r="AF7370">
        <v>33</v>
      </c>
      <c r="AG7370">
        <v>33</v>
      </c>
      <c r="AH7370">
        <v>34</v>
      </c>
      <c r="AI7370">
        <v>34</v>
      </c>
      <c r="AJ7370">
        <v>34</v>
      </c>
      <c r="AK7370">
        <v>35</v>
      </c>
      <c r="AL7370">
        <v>35</v>
      </c>
      <c r="AM7370">
        <v>35</v>
      </c>
      <c r="AN7370">
        <v>35</v>
      </c>
      <c r="AO7370">
        <v>35</v>
      </c>
      <c r="AP7370">
        <v>35</v>
      </c>
      <c r="AQ7370">
        <v>35</v>
      </c>
    </row>
    <row r="7371" spans="1:43">
      <c r="A7371" t="s">
        <v>4618</v>
      </c>
      <c r="B7371" t="s">
        <v>4619</v>
      </c>
      <c r="C7371" t="s">
        <v>4612</v>
      </c>
      <c r="D7371" t="s">
        <v>4613</v>
      </c>
      <c r="E7371" t="s">
        <v>4592</v>
      </c>
      <c r="F7371" t="s">
        <v>4593</v>
      </c>
      <c r="G7371" t="s">
        <v>80</v>
      </c>
      <c r="H7371" t="s">
        <v>81</v>
      </c>
      <c r="I7371" s="2">
        <v>1</v>
      </c>
      <c r="J7371" s="2">
        <v>0</v>
      </c>
      <c r="K7371" s="2">
        <v>0</v>
      </c>
      <c r="L7371" t="s">
        <v>120</v>
      </c>
      <c r="M7371" t="s">
        <v>87</v>
      </c>
      <c r="N7371" t="s">
        <v>88</v>
      </c>
      <c r="O7371" t="s">
        <v>85</v>
      </c>
      <c r="P7371" t="s">
        <v>86</v>
      </c>
      <c r="Q7371">
        <v>27</v>
      </c>
      <c r="R7371">
        <v>27</v>
      </c>
      <c r="S7371">
        <v>27</v>
      </c>
      <c r="T7371">
        <v>27</v>
      </c>
      <c r="U7371">
        <v>27</v>
      </c>
      <c r="V7371">
        <v>27</v>
      </c>
      <c r="W7371">
        <v>28</v>
      </c>
      <c r="X7371">
        <v>28</v>
      </c>
      <c r="Y7371">
        <v>28</v>
      </c>
      <c r="Z7371">
        <v>28</v>
      </c>
      <c r="AA7371">
        <v>28</v>
      </c>
      <c r="AB7371">
        <v>28</v>
      </c>
      <c r="AC7371">
        <v>29</v>
      </c>
      <c r="AD7371">
        <v>29</v>
      </c>
      <c r="AE7371">
        <v>29</v>
      </c>
      <c r="AF7371">
        <v>29</v>
      </c>
      <c r="AG7371">
        <v>29</v>
      </c>
      <c r="AH7371">
        <v>29</v>
      </c>
      <c r="AI7371">
        <v>29</v>
      </c>
      <c r="AJ7371">
        <v>30</v>
      </c>
      <c r="AK7371">
        <v>30</v>
      </c>
      <c r="AL7371">
        <v>30</v>
      </c>
      <c r="AM7371">
        <v>30</v>
      </c>
      <c r="AN7371">
        <v>30</v>
      </c>
      <c r="AO7371">
        <v>30</v>
      </c>
      <c r="AP7371">
        <v>30</v>
      </c>
      <c r="AQ7371">
        <v>30</v>
      </c>
    </row>
    <row r="7372" spans="1:43">
      <c r="A7372" t="s">
        <v>4618</v>
      </c>
      <c r="B7372" t="s">
        <v>4619</v>
      </c>
      <c r="C7372" t="s">
        <v>4612</v>
      </c>
      <c r="D7372" t="s">
        <v>4613</v>
      </c>
      <c r="E7372" t="s">
        <v>4592</v>
      </c>
      <c r="F7372" t="s">
        <v>4593</v>
      </c>
      <c r="G7372" t="s">
        <v>80</v>
      </c>
      <c r="H7372" t="s">
        <v>81</v>
      </c>
      <c r="I7372" s="2">
        <v>1</v>
      </c>
      <c r="J7372" s="2">
        <v>0</v>
      </c>
      <c r="K7372" s="2">
        <v>0</v>
      </c>
      <c r="L7372" t="s">
        <v>120</v>
      </c>
      <c r="M7372" t="s">
        <v>89</v>
      </c>
      <c r="N7372" t="s">
        <v>90</v>
      </c>
      <c r="O7372" t="s">
        <v>85</v>
      </c>
      <c r="P7372" t="s">
        <v>86</v>
      </c>
      <c r="Q7372">
        <v>27</v>
      </c>
      <c r="R7372">
        <v>28</v>
      </c>
      <c r="S7372">
        <v>28</v>
      </c>
      <c r="T7372">
        <v>29</v>
      </c>
      <c r="U7372">
        <v>30</v>
      </c>
      <c r="V7372">
        <v>30</v>
      </c>
      <c r="W7372">
        <v>31</v>
      </c>
      <c r="X7372">
        <v>31</v>
      </c>
      <c r="Y7372">
        <v>32</v>
      </c>
      <c r="Z7372">
        <v>33</v>
      </c>
      <c r="AA7372">
        <v>33</v>
      </c>
      <c r="AB7372">
        <v>34</v>
      </c>
      <c r="AC7372">
        <v>34</v>
      </c>
      <c r="AD7372">
        <v>35</v>
      </c>
      <c r="AE7372">
        <v>35</v>
      </c>
      <c r="AF7372">
        <v>35</v>
      </c>
      <c r="AG7372">
        <v>35</v>
      </c>
      <c r="AH7372">
        <v>35</v>
      </c>
      <c r="AI7372">
        <v>35</v>
      </c>
      <c r="AJ7372">
        <v>35</v>
      </c>
      <c r="AK7372">
        <v>35</v>
      </c>
      <c r="AL7372">
        <v>35</v>
      </c>
      <c r="AM7372">
        <v>35</v>
      </c>
      <c r="AN7372">
        <v>35</v>
      </c>
      <c r="AO7372">
        <v>36</v>
      </c>
      <c r="AP7372">
        <v>36</v>
      </c>
      <c r="AQ7372">
        <v>36</v>
      </c>
    </row>
    <row r="7373" spans="1:43">
      <c r="A7373" t="s">
        <v>4618</v>
      </c>
      <c r="B7373" t="s">
        <v>4619</v>
      </c>
      <c r="C7373" t="s">
        <v>4612</v>
      </c>
      <c r="D7373" t="s">
        <v>4613</v>
      </c>
      <c r="E7373" t="s">
        <v>4592</v>
      </c>
      <c r="F7373" t="s">
        <v>4593</v>
      </c>
      <c r="G7373" t="s">
        <v>80</v>
      </c>
      <c r="H7373" t="s">
        <v>81</v>
      </c>
      <c r="I7373" s="2">
        <v>1</v>
      </c>
      <c r="J7373" s="2">
        <v>0</v>
      </c>
      <c r="K7373" s="2">
        <v>0</v>
      </c>
      <c r="L7373" t="s">
        <v>120</v>
      </c>
      <c r="M7373" t="s">
        <v>83</v>
      </c>
      <c r="N7373" t="s">
        <v>91</v>
      </c>
      <c r="O7373" t="s">
        <v>85</v>
      </c>
      <c r="P7373" t="s">
        <v>86</v>
      </c>
      <c r="Q7373">
        <v>27</v>
      </c>
      <c r="R7373">
        <v>27</v>
      </c>
      <c r="S7373">
        <v>28</v>
      </c>
      <c r="T7373">
        <v>28</v>
      </c>
      <c r="U7373">
        <v>29</v>
      </c>
      <c r="V7373">
        <v>29</v>
      </c>
      <c r="W7373">
        <v>29</v>
      </c>
      <c r="X7373">
        <v>30</v>
      </c>
      <c r="Y7373">
        <v>30</v>
      </c>
      <c r="Z7373">
        <v>31</v>
      </c>
      <c r="AA7373">
        <v>31</v>
      </c>
      <c r="AB7373">
        <v>31</v>
      </c>
      <c r="AC7373">
        <v>32</v>
      </c>
      <c r="AD7373">
        <v>32</v>
      </c>
      <c r="AE7373">
        <v>33</v>
      </c>
      <c r="AF7373">
        <v>33</v>
      </c>
      <c r="AG7373">
        <v>33</v>
      </c>
      <c r="AH7373">
        <v>34</v>
      </c>
      <c r="AI7373">
        <v>34</v>
      </c>
      <c r="AJ7373">
        <v>34</v>
      </c>
      <c r="AK7373">
        <v>35</v>
      </c>
      <c r="AL7373">
        <v>35</v>
      </c>
      <c r="AM7373">
        <v>35</v>
      </c>
      <c r="AN7373">
        <v>35</v>
      </c>
      <c r="AO7373">
        <v>35</v>
      </c>
      <c r="AP7373">
        <v>35</v>
      </c>
      <c r="AQ7373">
        <v>35</v>
      </c>
    </row>
    <row r="7374" spans="1:43">
      <c r="A7374" t="s">
        <v>4620</v>
      </c>
      <c r="B7374" t="s">
        <v>4621</v>
      </c>
      <c r="C7374" t="s">
        <v>4612</v>
      </c>
      <c r="D7374" t="s">
        <v>4613</v>
      </c>
      <c r="E7374" t="s">
        <v>4592</v>
      </c>
      <c r="F7374" t="s">
        <v>4593</v>
      </c>
      <c r="G7374" t="s">
        <v>80</v>
      </c>
      <c r="H7374" t="s">
        <v>81</v>
      </c>
      <c r="I7374" s="2">
        <v>1</v>
      </c>
      <c r="J7374" s="2">
        <v>0</v>
      </c>
      <c r="K7374" s="2">
        <v>0</v>
      </c>
      <c r="L7374" t="s">
        <v>120</v>
      </c>
      <c r="M7374" t="s">
        <v>83</v>
      </c>
      <c r="N7374" t="s">
        <v>84</v>
      </c>
      <c r="O7374" t="s">
        <v>85</v>
      </c>
      <c r="P7374" t="s">
        <v>86</v>
      </c>
      <c r="Q7374">
        <v>25</v>
      </c>
      <c r="R7374">
        <v>25</v>
      </c>
      <c r="S7374">
        <v>25</v>
      </c>
      <c r="T7374">
        <v>26</v>
      </c>
      <c r="U7374">
        <v>26</v>
      </c>
      <c r="V7374">
        <v>26</v>
      </c>
      <c r="W7374">
        <v>27</v>
      </c>
      <c r="X7374">
        <v>27</v>
      </c>
      <c r="Y7374">
        <v>28</v>
      </c>
      <c r="Z7374">
        <v>28</v>
      </c>
      <c r="AA7374">
        <v>28</v>
      </c>
      <c r="AB7374">
        <v>29</v>
      </c>
      <c r="AC7374">
        <v>29</v>
      </c>
      <c r="AD7374">
        <v>29</v>
      </c>
      <c r="AE7374">
        <v>30</v>
      </c>
      <c r="AF7374">
        <v>30</v>
      </c>
      <c r="AG7374">
        <v>30</v>
      </c>
      <c r="AH7374">
        <v>31</v>
      </c>
      <c r="AI7374">
        <v>31</v>
      </c>
      <c r="AJ7374">
        <v>31</v>
      </c>
      <c r="AK7374">
        <v>32</v>
      </c>
      <c r="AL7374">
        <v>32</v>
      </c>
      <c r="AM7374">
        <v>32</v>
      </c>
      <c r="AN7374">
        <v>32</v>
      </c>
      <c r="AO7374">
        <v>32</v>
      </c>
      <c r="AP7374">
        <v>32</v>
      </c>
      <c r="AQ7374">
        <v>32</v>
      </c>
    </row>
    <row r="7375" spans="1:43">
      <c r="A7375" t="s">
        <v>4620</v>
      </c>
      <c r="B7375" t="s">
        <v>4621</v>
      </c>
      <c r="C7375" t="s">
        <v>4612</v>
      </c>
      <c r="D7375" t="s">
        <v>4613</v>
      </c>
      <c r="E7375" t="s">
        <v>4592</v>
      </c>
      <c r="F7375" t="s">
        <v>4593</v>
      </c>
      <c r="G7375" t="s">
        <v>80</v>
      </c>
      <c r="H7375" t="s">
        <v>81</v>
      </c>
      <c r="I7375" s="2">
        <v>1</v>
      </c>
      <c r="J7375" s="2">
        <v>0</v>
      </c>
      <c r="K7375" s="2">
        <v>0</v>
      </c>
      <c r="L7375" t="s">
        <v>120</v>
      </c>
      <c r="M7375" t="s">
        <v>87</v>
      </c>
      <c r="N7375" t="s">
        <v>88</v>
      </c>
      <c r="O7375" t="s">
        <v>85</v>
      </c>
      <c r="P7375" t="s">
        <v>86</v>
      </c>
      <c r="Q7375">
        <v>25</v>
      </c>
      <c r="R7375">
        <v>25</v>
      </c>
      <c r="S7375">
        <v>26</v>
      </c>
      <c r="T7375">
        <v>26</v>
      </c>
      <c r="U7375">
        <v>26</v>
      </c>
      <c r="V7375">
        <v>26</v>
      </c>
      <c r="W7375">
        <v>26</v>
      </c>
      <c r="X7375">
        <v>26</v>
      </c>
      <c r="Y7375">
        <v>26</v>
      </c>
      <c r="Z7375">
        <v>27</v>
      </c>
      <c r="AA7375">
        <v>27</v>
      </c>
      <c r="AB7375">
        <v>27</v>
      </c>
      <c r="AC7375">
        <v>27</v>
      </c>
      <c r="AD7375">
        <v>27</v>
      </c>
      <c r="AE7375">
        <v>27</v>
      </c>
      <c r="AF7375">
        <v>27</v>
      </c>
      <c r="AG7375">
        <v>27</v>
      </c>
      <c r="AH7375">
        <v>28</v>
      </c>
      <c r="AI7375">
        <v>28</v>
      </c>
      <c r="AJ7375">
        <v>28</v>
      </c>
      <c r="AK7375">
        <v>28</v>
      </c>
      <c r="AL7375">
        <v>28</v>
      </c>
      <c r="AM7375">
        <v>28</v>
      </c>
      <c r="AN7375">
        <v>28</v>
      </c>
      <c r="AO7375">
        <v>28</v>
      </c>
      <c r="AP7375">
        <v>28</v>
      </c>
      <c r="AQ7375">
        <v>28</v>
      </c>
    </row>
    <row r="7376" spans="1:43">
      <c r="A7376" t="s">
        <v>4620</v>
      </c>
      <c r="B7376" t="s">
        <v>4621</v>
      </c>
      <c r="C7376" t="s">
        <v>4612</v>
      </c>
      <c r="D7376" t="s">
        <v>4613</v>
      </c>
      <c r="E7376" t="s">
        <v>4592</v>
      </c>
      <c r="F7376" t="s">
        <v>4593</v>
      </c>
      <c r="G7376" t="s">
        <v>80</v>
      </c>
      <c r="H7376" t="s">
        <v>81</v>
      </c>
      <c r="I7376" s="2">
        <v>1</v>
      </c>
      <c r="J7376" s="2">
        <v>0</v>
      </c>
      <c r="K7376" s="2">
        <v>0</v>
      </c>
      <c r="L7376" t="s">
        <v>120</v>
      </c>
      <c r="M7376" t="s">
        <v>89</v>
      </c>
      <c r="N7376" t="s">
        <v>90</v>
      </c>
      <c r="O7376" t="s">
        <v>85</v>
      </c>
      <c r="P7376" t="s">
        <v>86</v>
      </c>
      <c r="Q7376">
        <v>25</v>
      </c>
      <c r="R7376">
        <v>25</v>
      </c>
      <c r="S7376">
        <v>26</v>
      </c>
      <c r="T7376">
        <v>27</v>
      </c>
      <c r="U7376">
        <v>27</v>
      </c>
      <c r="V7376">
        <v>28</v>
      </c>
      <c r="W7376">
        <v>28</v>
      </c>
      <c r="X7376">
        <v>29</v>
      </c>
      <c r="Y7376">
        <v>29</v>
      </c>
      <c r="Z7376">
        <v>30</v>
      </c>
      <c r="AA7376">
        <v>30</v>
      </c>
      <c r="AB7376">
        <v>31</v>
      </c>
      <c r="AC7376">
        <v>31</v>
      </c>
      <c r="AD7376">
        <v>32</v>
      </c>
      <c r="AE7376">
        <v>32</v>
      </c>
      <c r="AF7376">
        <v>32</v>
      </c>
      <c r="AG7376">
        <v>32</v>
      </c>
      <c r="AH7376">
        <v>32</v>
      </c>
      <c r="AI7376">
        <v>32</v>
      </c>
      <c r="AJ7376">
        <v>32</v>
      </c>
      <c r="AK7376">
        <v>32</v>
      </c>
      <c r="AL7376">
        <v>32</v>
      </c>
      <c r="AM7376">
        <v>32</v>
      </c>
      <c r="AN7376">
        <v>32</v>
      </c>
      <c r="AO7376">
        <v>32</v>
      </c>
      <c r="AP7376">
        <v>32</v>
      </c>
      <c r="AQ7376">
        <v>32</v>
      </c>
    </row>
    <row r="7377" spans="1:43">
      <c r="A7377" t="s">
        <v>4620</v>
      </c>
      <c r="B7377" t="s">
        <v>4621</v>
      </c>
      <c r="C7377" t="s">
        <v>4612</v>
      </c>
      <c r="D7377" t="s">
        <v>4613</v>
      </c>
      <c r="E7377" t="s">
        <v>4592</v>
      </c>
      <c r="F7377" t="s">
        <v>4593</v>
      </c>
      <c r="G7377" t="s">
        <v>80</v>
      </c>
      <c r="H7377" t="s">
        <v>81</v>
      </c>
      <c r="I7377" s="2">
        <v>1</v>
      </c>
      <c r="J7377" s="2">
        <v>0</v>
      </c>
      <c r="K7377" s="2">
        <v>0</v>
      </c>
      <c r="L7377" t="s">
        <v>120</v>
      </c>
      <c r="M7377" t="s">
        <v>83</v>
      </c>
      <c r="N7377" t="s">
        <v>91</v>
      </c>
      <c r="O7377" t="s">
        <v>85</v>
      </c>
      <c r="P7377" t="s">
        <v>86</v>
      </c>
      <c r="Q7377">
        <v>25</v>
      </c>
      <c r="R7377">
        <v>25</v>
      </c>
      <c r="S7377">
        <v>25</v>
      </c>
      <c r="T7377">
        <v>26</v>
      </c>
      <c r="U7377">
        <v>26</v>
      </c>
      <c r="V7377">
        <v>26</v>
      </c>
      <c r="W7377">
        <v>27</v>
      </c>
      <c r="X7377">
        <v>27</v>
      </c>
      <c r="Y7377">
        <v>28</v>
      </c>
      <c r="Z7377">
        <v>28</v>
      </c>
      <c r="AA7377">
        <v>28</v>
      </c>
      <c r="AB7377">
        <v>29</v>
      </c>
      <c r="AC7377">
        <v>29</v>
      </c>
      <c r="AD7377">
        <v>29</v>
      </c>
      <c r="AE7377">
        <v>30</v>
      </c>
      <c r="AF7377">
        <v>30</v>
      </c>
      <c r="AG7377">
        <v>30</v>
      </c>
      <c r="AH7377">
        <v>31</v>
      </c>
      <c r="AI7377">
        <v>31</v>
      </c>
      <c r="AJ7377">
        <v>31</v>
      </c>
      <c r="AK7377">
        <v>32</v>
      </c>
      <c r="AL7377">
        <v>32</v>
      </c>
      <c r="AM7377">
        <v>32</v>
      </c>
      <c r="AN7377">
        <v>32</v>
      </c>
      <c r="AO7377">
        <v>32</v>
      </c>
      <c r="AP7377">
        <v>32</v>
      </c>
      <c r="AQ7377">
        <v>32</v>
      </c>
    </row>
    <row r="7378" spans="1:43">
      <c r="A7378" t="s">
        <v>4622</v>
      </c>
      <c r="B7378" t="s">
        <v>4623</v>
      </c>
      <c r="C7378" t="s">
        <v>4624</v>
      </c>
      <c r="D7378" t="s">
        <v>4625</v>
      </c>
      <c r="E7378" t="s">
        <v>4592</v>
      </c>
      <c r="F7378" t="s">
        <v>4593</v>
      </c>
      <c r="G7378" t="s">
        <v>80</v>
      </c>
      <c r="H7378" t="s">
        <v>81</v>
      </c>
      <c r="I7378" s="2">
        <v>1</v>
      </c>
      <c r="J7378" s="2">
        <v>0</v>
      </c>
      <c r="K7378" s="2">
        <v>0</v>
      </c>
      <c r="L7378" t="s">
        <v>120</v>
      </c>
      <c r="M7378" t="s">
        <v>83</v>
      </c>
      <c r="N7378" t="s">
        <v>84</v>
      </c>
      <c r="O7378" t="s">
        <v>85</v>
      </c>
      <c r="P7378" t="s">
        <v>86</v>
      </c>
      <c r="Q7378">
        <v>41</v>
      </c>
      <c r="R7378">
        <v>41</v>
      </c>
      <c r="S7378">
        <v>42</v>
      </c>
      <c r="T7378">
        <v>43</v>
      </c>
      <c r="U7378">
        <v>43</v>
      </c>
      <c r="V7378">
        <v>44</v>
      </c>
      <c r="W7378">
        <v>45</v>
      </c>
      <c r="X7378">
        <v>45</v>
      </c>
      <c r="Y7378">
        <v>46</v>
      </c>
      <c r="Z7378">
        <v>46</v>
      </c>
      <c r="AA7378">
        <v>47</v>
      </c>
      <c r="AB7378">
        <v>48</v>
      </c>
      <c r="AC7378">
        <v>48</v>
      </c>
      <c r="AD7378">
        <v>49</v>
      </c>
      <c r="AE7378">
        <v>49</v>
      </c>
      <c r="AF7378">
        <v>50</v>
      </c>
      <c r="AG7378">
        <v>50</v>
      </c>
      <c r="AH7378">
        <v>51</v>
      </c>
      <c r="AI7378">
        <v>52</v>
      </c>
      <c r="AJ7378">
        <v>52</v>
      </c>
      <c r="AK7378">
        <v>53</v>
      </c>
      <c r="AL7378">
        <v>53</v>
      </c>
      <c r="AM7378">
        <v>53</v>
      </c>
      <c r="AN7378">
        <v>53</v>
      </c>
      <c r="AO7378">
        <v>53</v>
      </c>
      <c r="AP7378">
        <v>53</v>
      </c>
      <c r="AQ7378">
        <v>53</v>
      </c>
    </row>
    <row r="7379" spans="1:43">
      <c r="A7379" t="s">
        <v>4622</v>
      </c>
      <c r="B7379" t="s">
        <v>4623</v>
      </c>
      <c r="C7379" t="s">
        <v>4624</v>
      </c>
      <c r="D7379" t="s">
        <v>4625</v>
      </c>
      <c r="E7379" t="s">
        <v>4592</v>
      </c>
      <c r="F7379" t="s">
        <v>4593</v>
      </c>
      <c r="G7379" t="s">
        <v>80</v>
      </c>
      <c r="H7379" t="s">
        <v>81</v>
      </c>
      <c r="I7379" s="2">
        <v>1</v>
      </c>
      <c r="J7379" s="2">
        <v>0</v>
      </c>
      <c r="K7379" s="2">
        <v>0</v>
      </c>
      <c r="L7379" t="s">
        <v>120</v>
      </c>
      <c r="M7379" t="s">
        <v>87</v>
      </c>
      <c r="N7379" t="s">
        <v>88</v>
      </c>
      <c r="O7379" t="s">
        <v>85</v>
      </c>
      <c r="P7379" t="s">
        <v>86</v>
      </c>
      <c r="Q7379">
        <v>41</v>
      </c>
      <c r="R7379">
        <v>42</v>
      </c>
      <c r="S7379">
        <v>42</v>
      </c>
      <c r="T7379">
        <v>42</v>
      </c>
      <c r="U7379">
        <v>42</v>
      </c>
      <c r="V7379">
        <v>43</v>
      </c>
      <c r="W7379">
        <v>43</v>
      </c>
      <c r="X7379">
        <v>43</v>
      </c>
      <c r="Y7379">
        <v>43</v>
      </c>
      <c r="Z7379">
        <v>44</v>
      </c>
      <c r="AA7379">
        <v>44</v>
      </c>
      <c r="AB7379">
        <v>44</v>
      </c>
      <c r="AC7379">
        <v>44</v>
      </c>
      <c r="AD7379">
        <v>44</v>
      </c>
      <c r="AE7379">
        <v>45</v>
      </c>
      <c r="AF7379">
        <v>45</v>
      </c>
      <c r="AG7379">
        <v>45</v>
      </c>
      <c r="AH7379">
        <v>45</v>
      </c>
      <c r="AI7379">
        <v>45</v>
      </c>
      <c r="AJ7379">
        <v>46</v>
      </c>
      <c r="AK7379">
        <v>46</v>
      </c>
      <c r="AL7379">
        <v>46</v>
      </c>
      <c r="AM7379">
        <v>46</v>
      </c>
      <c r="AN7379">
        <v>46</v>
      </c>
      <c r="AO7379">
        <v>46</v>
      </c>
      <c r="AP7379">
        <v>47</v>
      </c>
      <c r="AQ7379">
        <v>47</v>
      </c>
    </row>
    <row r="7380" spans="1:43">
      <c r="A7380" t="s">
        <v>4622</v>
      </c>
      <c r="B7380" t="s">
        <v>4623</v>
      </c>
      <c r="C7380" t="s">
        <v>4624</v>
      </c>
      <c r="D7380" t="s">
        <v>4625</v>
      </c>
      <c r="E7380" t="s">
        <v>4592</v>
      </c>
      <c r="F7380" t="s">
        <v>4593</v>
      </c>
      <c r="G7380" t="s">
        <v>80</v>
      </c>
      <c r="H7380" t="s">
        <v>81</v>
      </c>
      <c r="I7380" s="2">
        <v>1</v>
      </c>
      <c r="J7380" s="2">
        <v>0</v>
      </c>
      <c r="K7380" s="2">
        <v>0</v>
      </c>
      <c r="L7380" t="s">
        <v>120</v>
      </c>
      <c r="M7380" t="s">
        <v>89</v>
      </c>
      <c r="N7380" t="s">
        <v>90</v>
      </c>
      <c r="O7380" t="s">
        <v>85</v>
      </c>
      <c r="P7380" t="s">
        <v>86</v>
      </c>
      <c r="Q7380">
        <v>41</v>
      </c>
      <c r="R7380">
        <v>42</v>
      </c>
      <c r="S7380">
        <v>43</v>
      </c>
      <c r="T7380">
        <v>44</v>
      </c>
      <c r="U7380">
        <v>45</v>
      </c>
      <c r="V7380">
        <v>46</v>
      </c>
      <c r="W7380">
        <v>47</v>
      </c>
      <c r="X7380">
        <v>48</v>
      </c>
      <c r="Y7380">
        <v>48</v>
      </c>
      <c r="Z7380">
        <v>49</v>
      </c>
      <c r="AA7380">
        <v>50</v>
      </c>
      <c r="AB7380">
        <v>51</v>
      </c>
      <c r="AC7380">
        <v>52</v>
      </c>
      <c r="AD7380">
        <v>52</v>
      </c>
      <c r="AE7380">
        <v>53</v>
      </c>
      <c r="AF7380">
        <v>53</v>
      </c>
      <c r="AG7380">
        <v>53</v>
      </c>
      <c r="AH7380">
        <v>53</v>
      </c>
      <c r="AI7380">
        <v>53</v>
      </c>
      <c r="AJ7380">
        <v>53</v>
      </c>
      <c r="AK7380">
        <v>53</v>
      </c>
      <c r="AL7380">
        <v>53</v>
      </c>
      <c r="AM7380">
        <v>53</v>
      </c>
      <c r="AN7380">
        <v>54</v>
      </c>
      <c r="AO7380">
        <v>54</v>
      </c>
      <c r="AP7380">
        <v>54</v>
      </c>
      <c r="AQ7380">
        <v>54</v>
      </c>
    </row>
    <row r="7381" spans="1:43">
      <c r="A7381" t="s">
        <v>4622</v>
      </c>
      <c r="B7381" t="s">
        <v>4623</v>
      </c>
      <c r="C7381" t="s">
        <v>4624</v>
      </c>
      <c r="D7381" t="s">
        <v>4625</v>
      </c>
      <c r="E7381" t="s">
        <v>4592</v>
      </c>
      <c r="F7381" t="s">
        <v>4593</v>
      </c>
      <c r="G7381" t="s">
        <v>80</v>
      </c>
      <c r="H7381" t="s">
        <v>81</v>
      </c>
      <c r="I7381" s="2">
        <v>1</v>
      </c>
      <c r="J7381" s="2">
        <v>0</v>
      </c>
      <c r="K7381" s="2">
        <v>0</v>
      </c>
      <c r="L7381" t="s">
        <v>120</v>
      </c>
      <c r="M7381" t="s">
        <v>83</v>
      </c>
      <c r="N7381" t="s">
        <v>91</v>
      </c>
      <c r="O7381" t="s">
        <v>85</v>
      </c>
      <c r="P7381" t="s">
        <v>86</v>
      </c>
      <c r="Q7381">
        <v>41</v>
      </c>
      <c r="R7381">
        <v>41</v>
      </c>
      <c r="S7381">
        <v>42</v>
      </c>
      <c r="T7381">
        <v>43</v>
      </c>
      <c r="U7381">
        <v>43</v>
      </c>
      <c r="V7381">
        <v>44</v>
      </c>
      <c r="W7381">
        <v>45</v>
      </c>
      <c r="X7381">
        <v>45</v>
      </c>
      <c r="Y7381">
        <v>46</v>
      </c>
      <c r="Z7381">
        <v>46</v>
      </c>
      <c r="AA7381">
        <v>47</v>
      </c>
      <c r="AB7381">
        <v>48</v>
      </c>
      <c r="AC7381">
        <v>48</v>
      </c>
      <c r="AD7381">
        <v>49</v>
      </c>
      <c r="AE7381">
        <v>49</v>
      </c>
      <c r="AF7381">
        <v>50</v>
      </c>
      <c r="AG7381">
        <v>50</v>
      </c>
      <c r="AH7381">
        <v>51</v>
      </c>
      <c r="AI7381">
        <v>52</v>
      </c>
      <c r="AJ7381">
        <v>52</v>
      </c>
      <c r="AK7381">
        <v>53</v>
      </c>
      <c r="AL7381">
        <v>53</v>
      </c>
      <c r="AM7381">
        <v>53</v>
      </c>
      <c r="AN7381">
        <v>53</v>
      </c>
      <c r="AO7381">
        <v>53</v>
      </c>
      <c r="AP7381">
        <v>53</v>
      </c>
      <c r="AQ7381">
        <v>53</v>
      </c>
    </row>
    <row r="7382" spans="1:43">
      <c r="A7382" t="s">
        <v>4626</v>
      </c>
      <c r="B7382" t="s">
        <v>4627</v>
      </c>
      <c r="C7382" t="s">
        <v>4624</v>
      </c>
      <c r="D7382" t="s">
        <v>4625</v>
      </c>
      <c r="E7382" t="s">
        <v>4592</v>
      </c>
      <c r="F7382" t="s">
        <v>4593</v>
      </c>
      <c r="G7382" t="s">
        <v>80</v>
      </c>
      <c r="H7382" t="s">
        <v>81</v>
      </c>
      <c r="I7382" s="2">
        <v>1</v>
      </c>
      <c r="J7382" s="2">
        <v>0</v>
      </c>
      <c r="K7382" s="2">
        <v>0</v>
      </c>
      <c r="L7382" t="s">
        <v>120</v>
      </c>
      <c r="M7382" t="s">
        <v>83</v>
      </c>
      <c r="N7382" t="s">
        <v>84</v>
      </c>
      <c r="O7382" t="s">
        <v>85</v>
      </c>
      <c r="P7382" t="s">
        <v>86</v>
      </c>
      <c r="Q7382">
        <v>9</v>
      </c>
      <c r="R7382">
        <v>9</v>
      </c>
      <c r="S7382">
        <v>9</v>
      </c>
      <c r="T7382">
        <v>9</v>
      </c>
      <c r="U7382">
        <v>9</v>
      </c>
      <c r="V7382">
        <v>9</v>
      </c>
      <c r="W7382">
        <v>9</v>
      </c>
      <c r="X7382">
        <v>10</v>
      </c>
      <c r="Y7382">
        <v>10</v>
      </c>
      <c r="Z7382">
        <v>10</v>
      </c>
      <c r="AA7382">
        <v>10</v>
      </c>
      <c r="AB7382">
        <v>10</v>
      </c>
      <c r="AC7382">
        <v>10</v>
      </c>
      <c r="AD7382">
        <v>10</v>
      </c>
      <c r="AE7382">
        <v>10</v>
      </c>
      <c r="AF7382">
        <v>11</v>
      </c>
      <c r="AG7382">
        <v>11</v>
      </c>
      <c r="AH7382">
        <v>11</v>
      </c>
      <c r="AI7382">
        <v>11</v>
      </c>
      <c r="AJ7382">
        <v>11</v>
      </c>
      <c r="AK7382">
        <v>11</v>
      </c>
      <c r="AL7382">
        <v>11</v>
      </c>
      <c r="AM7382">
        <v>11</v>
      </c>
      <c r="AN7382">
        <v>11</v>
      </c>
      <c r="AO7382">
        <v>11</v>
      </c>
      <c r="AP7382">
        <v>11</v>
      </c>
      <c r="AQ7382">
        <v>11</v>
      </c>
    </row>
    <row r="7383" spans="1:43">
      <c r="A7383" t="s">
        <v>4626</v>
      </c>
      <c r="B7383" t="s">
        <v>4627</v>
      </c>
      <c r="C7383" t="s">
        <v>4624</v>
      </c>
      <c r="D7383" t="s">
        <v>4625</v>
      </c>
      <c r="E7383" t="s">
        <v>4592</v>
      </c>
      <c r="F7383" t="s">
        <v>4593</v>
      </c>
      <c r="G7383" t="s">
        <v>80</v>
      </c>
      <c r="H7383" t="s">
        <v>81</v>
      </c>
      <c r="I7383" s="2">
        <v>1</v>
      </c>
      <c r="J7383" s="2">
        <v>0</v>
      </c>
      <c r="K7383" s="2">
        <v>0</v>
      </c>
      <c r="L7383" t="s">
        <v>120</v>
      </c>
      <c r="M7383" t="s">
        <v>87</v>
      </c>
      <c r="N7383" t="s">
        <v>88</v>
      </c>
      <c r="O7383" t="s">
        <v>85</v>
      </c>
      <c r="P7383" t="s">
        <v>86</v>
      </c>
      <c r="Q7383">
        <v>9</v>
      </c>
      <c r="R7383">
        <v>9</v>
      </c>
      <c r="S7383">
        <v>9</v>
      </c>
      <c r="T7383">
        <v>9</v>
      </c>
      <c r="U7383">
        <v>9</v>
      </c>
      <c r="V7383">
        <v>9</v>
      </c>
      <c r="W7383">
        <v>9</v>
      </c>
      <c r="X7383">
        <v>9</v>
      </c>
      <c r="Y7383">
        <v>9</v>
      </c>
      <c r="Z7383">
        <v>9</v>
      </c>
      <c r="AA7383">
        <v>9</v>
      </c>
      <c r="AB7383">
        <v>9</v>
      </c>
      <c r="AC7383">
        <v>9</v>
      </c>
      <c r="AD7383">
        <v>9</v>
      </c>
      <c r="AE7383">
        <v>9</v>
      </c>
      <c r="AF7383">
        <v>9</v>
      </c>
      <c r="AG7383">
        <v>9</v>
      </c>
      <c r="AH7383">
        <v>9</v>
      </c>
      <c r="AI7383">
        <v>9</v>
      </c>
      <c r="AJ7383">
        <v>9</v>
      </c>
      <c r="AK7383">
        <v>9</v>
      </c>
      <c r="AL7383">
        <v>10</v>
      </c>
      <c r="AM7383">
        <v>10</v>
      </c>
      <c r="AN7383">
        <v>10</v>
      </c>
      <c r="AO7383">
        <v>10</v>
      </c>
      <c r="AP7383">
        <v>10</v>
      </c>
      <c r="AQ7383">
        <v>10</v>
      </c>
    </row>
    <row r="7384" spans="1:43">
      <c r="A7384" t="s">
        <v>4626</v>
      </c>
      <c r="B7384" t="s">
        <v>4627</v>
      </c>
      <c r="C7384" t="s">
        <v>4624</v>
      </c>
      <c r="D7384" t="s">
        <v>4625</v>
      </c>
      <c r="E7384" t="s">
        <v>4592</v>
      </c>
      <c r="F7384" t="s">
        <v>4593</v>
      </c>
      <c r="G7384" t="s">
        <v>80</v>
      </c>
      <c r="H7384" t="s">
        <v>81</v>
      </c>
      <c r="I7384" s="2">
        <v>1</v>
      </c>
      <c r="J7384" s="2">
        <v>0</v>
      </c>
      <c r="K7384" s="2">
        <v>0</v>
      </c>
      <c r="L7384" t="s">
        <v>120</v>
      </c>
      <c r="M7384" t="s">
        <v>89</v>
      </c>
      <c r="N7384" t="s">
        <v>90</v>
      </c>
      <c r="O7384" t="s">
        <v>85</v>
      </c>
      <c r="P7384" t="s">
        <v>86</v>
      </c>
      <c r="Q7384">
        <v>9</v>
      </c>
      <c r="R7384">
        <v>9</v>
      </c>
      <c r="S7384">
        <v>9</v>
      </c>
      <c r="T7384">
        <v>9</v>
      </c>
      <c r="U7384">
        <v>10</v>
      </c>
      <c r="V7384">
        <v>10</v>
      </c>
      <c r="W7384">
        <v>10</v>
      </c>
      <c r="X7384">
        <v>10</v>
      </c>
      <c r="Y7384">
        <v>10</v>
      </c>
      <c r="Z7384">
        <v>10</v>
      </c>
      <c r="AA7384">
        <v>11</v>
      </c>
      <c r="AB7384">
        <v>11</v>
      </c>
      <c r="AC7384">
        <v>11</v>
      </c>
      <c r="AD7384">
        <v>11</v>
      </c>
      <c r="AE7384">
        <v>11</v>
      </c>
      <c r="AF7384">
        <v>11</v>
      </c>
      <c r="AG7384">
        <v>11</v>
      </c>
      <c r="AH7384">
        <v>11</v>
      </c>
      <c r="AI7384">
        <v>11</v>
      </c>
      <c r="AJ7384">
        <v>11</v>
      </c>
      <c r="AK7384">
        <v>11</v>
      </c>
      <c r="AL7384">
        <v>11</v>
      </c>
      <c r="AM7384">
        <v>11</v>
      </c>
      <c r="AN7384">
        <v>11</v>
      </c>
      <c r="AO7384">
        <v>11</v>
      </c>
      <c r="AP7384">
        <v>11</v>
      </c>
      <c r="AQ7384">
        <v>11</v>
      </c>
    </row>
    <row r="7385" spans="1:43">
      <c r="A7385" t="s">
        <v>4626</v>
      </c>
      <c r="B7385" t="s">
        <v>4627</v>
      </c>
      <c r="C7385" t="s">
        <v>4624</v>
      </c>
      <c r="D7385" t="s">
        <v>4625</v>
      </c>
      <c r="E7385" t="s">
        <v>4592</v>
      </c>
      <c r="F7385" t="s">
        <v>4593</v>
      </c>
      <c r="G7385" t="s">
        <v>80</v>
      </c>
      <c r="H7385" t="s">
        <v>81</v>
      </c>
      <c r="I7385" s="2">
        <v>1</v>
      </c>
      <c r="J7385" s="2">
        <v>0</v>
      </c>
      <c r="K7385" s="2">
        <v>0</v>
      </c>
      <c r="L7385" t="s">
        <v>120</v>
      </c>
      <c r="M7385" t="s">
        <v>83</v>
      </c>
      <c r="N7385" t="s">
        <v>91</v>
      </c>
      <c r="O7385" t="s">
        <v>85</v>
      </c>
      <c r="P7385" t="s">
        <v>86</v>
      </c>
      <c r="Q7385">
        <v>9</v>
      </c>
      <c r="R7385">
        <v>9</v>
      </c>
      <c r="S7385">
        <v>9</v>
      </c>
      <c r="T7385">
        <v>9</v>
      </c>
      <c r="U7385">
        <v>9</v>
      </c>
      <c r="V7385">
        <v>9</v>
      </c>
      <c r="W7385">
        <v>9</v>
      </c>
      <c r="X7385">
        <v>10</v>
      </c>
      <c r="Y7385">
        <v>10</v>
      </c>
      <c r="Z7385">
        <v>10</v>
      </c>
      <c r="AA7385">
        <v>10</v>
      </c>
      <c r="AB7385">
        <v>10</v>
      </c>
      <c r="AC7385">
        <v>10</v>
      </c>
      <c r="AD7385">
        <v>10</v>
      </c>
      <c r="AE7385">
        <v>10</v>
      </c>
      <c r="AF7385">
        <v>11</v>
      </c>
      <c r="AG7385">
        <v>11</v>
      </c>
      <c r="AH7385">
        <v>11</v>
      </c>
      <c r="AI7385">
        <v>11</v>
      </c>
      <c r="AJ7385">
        <v>11</v>
      </c>
      <c r="AK7385">
        <v>11</v>
      </c>
      <c r="AL7385">
        <v>11</v>
      </c>
      <c r="AM7385">
        <v>11</v>
      </c>
      <c r="AN7385">
        <v>11</v>
      </c>
      <c r="AO7385">
        <v>11</v>
      </c>
      <c r="AP7385">
        <v>11</v>
      </c>
      <c r="AQ7385">
        <v>11</v>
      </c>
    </row>
    <row r="7386" spans="1:43">
      <c r="A7386" t="s">
        <v>4628</v>
      </c>
      <c r="B7386" t="s">
        <v>4629</v>
      </c>
      <c r="C7386" t="s">
        <v>4624</v>
      </c>
      <c r="D7386" t="s">
        <v>4625</v>
      </c>
      <c r="E7386" t="s">
        <v>4592</v>
      </c>
      <c r="F7386" t="s">
        <v>4593</v>
      </c>
      <c r="G7386" t="s">
        <v>80</v>
      </c>
      <c r="H7386" t="s">
        <v>81</v>
      </c>
      <c r="I7386" s="2">
        <v>1</v>
      </c>
      <c r="J7386" s="2">
        <v>0</v>
      </c>
      <c r="K7386" s="2">
        <v>0</v>
      </c>
      <c r="L7386" t="s">
        <v>120</v>
      </c>
      <c r="M7386" t="s">
        <v>83</v>
      </c>
      <c r="N7386" t="s">
        <v>84</v>
      </c>
      <c r="O7386" t="s">
        <v>85</v>
      </c>
      <c r="P7386" t="s">
        <v>86</v>
      </c>
      <c r="Q7386">
        <v>4</v>
      </c>
      <c r="R7386">
        <v>4</v>
      </c>
      <c r="S7386">
        <v>4</v>
      </c>
      <c r="T7386">
        <v>4</v>
      </c>
      <c r="U7386">
        <v>4</v>
      </c>
      <c r="V7386">
        <v>5</v>
      </c>
      <c r="W7386">
        <v>5</v>
      </c>
      <c r="X7386">
        <v>5</v>
      </c>
      <c r="Y7386">
        <v>5</v>
      </c>
      <c r="Z7386">
        <v>5</v>
      </c>
      <c r="AA7386">
        <v>5</v>
      </c>
      <c r="AB7386">
        <v>5</v>
      </c>
      <c r="AC7386">
        <v>5</v>
      </c>
      <c r="AD7386">
        <v>5</v>
      </c>
      <c r="AE7386">
        <v>5</v>
      </c>
      <c r="AF7386">
        <v>5</v>
      </c>
      <c r="AG7386">
        <v>5</v>
      </c>
      <c r="AH7386">
        <v>5</v>
      </c>
      <c r="AI7386">
        <v>5</v>
      </c>
      <c r="AJ7386">
        <v>5</v>
      </c>
      <c r="AK7386">
        <v>5</v>
      </c>
      <c r="AL7386">
        <v>5</v>
      </c>
      <c r="AM7386">
        <v>5</v>
      </c>
      <c r="AN7386">
        <v>5</v>
      </c>
      <c r="AO7386">
        <v>5</v>
      </c>
      <c r="AP7386">
        <v>5</v>
      </c>
      <c r="AQ7386">
        <v>5</v>
      </c>
    </row>
    <row r="7387" spans="1:43">
      <c r="A7387" t="s">
        <v>4628</v>
      </c>
      <c r="B7387" t="s">
        <v>4629</v>
      </c>
      <c r="C7387" t="s">
        <v>4624</v>
      </c>
      <c r="D7387" t="s">
        <v>4625</v>
      </c>
      <c r="E7387" t="s">
        <v>4592</v>
      </c>
      <c r="F7387" t="s">
        <v>4593</v>
      </c>
      <c r="G7387" t="s">
        <v>80</v>
      </c>
      <c r="H7387" t="s">
        <v>81</v>
      </c>
      <c r="I7387" s="2">
        <v>1</v>
      </c>
      <c r="J7387" s="2">
        <v>0</v>
      </c>
      <c r="K7387" s="2">
        <v>0</v>
      </c>
      <c r="L7387" t="s">
        <v>120</v>
      </c>
      <c r="M7387" t="s">
        <v>87</v>
      </c>
      <c r="N7387" t="s">
        <v>88</v>
      </c>
      <c r="O7387" t="s">
        <v>85</v>
      </c>
      <c r="P7387" t="s">
        <v>86</v>
      </c>
      <c r="Q7387">
        <v>4</v>
      </c>
      <c r="R7387">
        <v>4</v>
      </c>
      <c r="S7387">
        <v>4</v>
      </c>
      <c r="T7387">
        <v>4</v>
      </c>
      <c r="U7387">
        <v>4</v>
      </c>
      <c r="V7387">
        <v>4</v>
      </c>
      <c r="W7387">
        <v>4</v>
      </c>
      <c r="X7387">
        <v>4</v>
      </c>
      <c r="Y7387">
        <v>4</v>
      </c>
      <c r="Z7387">
        <v>4</v>
      </c>
      <c r="AA7387">
        <v>4</v>
      </c>
      <c r="AB7387">
        <v>4</v>
      </c>
      <c r="AC7387">
        <v>4</v>
      </c>
      <c r="AD7387">
        <v>4</v>
      </c>
      <c r="AE7387">
        <v>5</v>
      </c>
      <c r="AF7387">
        <v>5</v>
      </c>
      <c r="AG7387">
        <v>5</v>
      </c>
      <c r="AH7387">
        <v>5</v>
      </c>
      <c r="AI7387">
        <v>5</v>
      </c>
      <c r="AJ7387">
        <v>5</v>
      </c>
      <c r="AK7387">
        <v>5</v>
      </c>
      <c r="AL7387">
        <v>5</v>
      </c>
      <c r="AM7387">
        <v>5</v>
      </c>
      <c r="AN7387">
        <v>5</v>
      </c>
      <c r="AO7387">
        <v>5</v>
      </c>
      <c r="AP7387">
        <v>5</v>
      </c>
      <c r="AQ7387">
        <v>5</v>
      </c>
    </row>
    <row r="7388" spans="1:43">
      <c r="A7388" t="s">
        <v>4628</v>
      </c>
      <c r="B7388" t="s">
        <v>4629</v>
      </c>
      <c r="C7388" t="s">
        <v>4624</v>
      </c>
      <c r="D7388" t="s">
        <v>4625</v>
      </c>
      <c r="E7388" t="s">
        <v>4592</v>
      </c>
      <c r="F7388" t="s">
        <v>4593</v>
      </c>
      <c r="G7388" t="s">
        <v>80</v>
      </c>
      <c r="H7388" t="s">
        <v>81</v>
      </c>
      <c r="I7388" s="2">
        <v>1</v>
      </c>
      <c r="J7388" s="2">
        <v>0</v>
      </c>
      <c r="K7388" s="2">
        <v>0</v>
      </c>
      <c r="L7388" t="s">
        <v>120</v>
      </c>
      <c r="M7388" t="s">
        <v>89</v>
      </c>
      <c r="N7388" t="s">
        <v>90</v>
      </c>
      <c r="O7388" t="s">
        <v>85</v>
      </c>
      <c r="P7388" t="s">
        <v>86</v>
      </c>
      <c r="Q7388">
        <v>4</v>
      </c>
      <c r="R7388">
        <v>4</v>
      </c>
      <c r="S7388">
        <v>4</v>
      </c>
      <c r="T7388">
        <v>5</v>
      </c>
      <c r="U7388">
        <v>5</v>
      </c>
      <c r="V7388">
        <v>5</v>
      </c>
      <c r="W7388">
        <v>5</v>
      </c>
      <c r="X7388">
        <v>5</v>
      </c>
      <c r="Y7388">
        <v>5</v>
      </c>
      <c r="Z7388">
        <v>5</v>
      </c>
      <c r="AA7388">
        <v>5</v>
      </c>
      <c r="AB7388">
        <v>5</v>
      </c>
      <c r="AC7388">
        <v>5</v>
      </c>
      <c r="AD7388">
        <v>5</v>
      </c>
      <c r="AE7388">
        <v>5</v>
      </c>
      <c r="AF7388">
        <v>5</v>
      </c>
      <c r="AG7388">
        <v>5</v>
      </c>
      <c r="AH7388">
        <v>5</v>
      </c>
      <c r="AI7388">
        <v>6</v>
      </c>
      <c r="AJ7388">
        <v>6</v>
      </c>
      <c r="AK7388">
        <v>6</v>
      </c>
      <c r="AL7388">
        <v>6</v>
      </c>
      <c r="AM7388">
        <v>6</v>
      </c>
      <c r="AN7388">
        <v>6</v>
      </c>
      <c r="AO7388">
        <v>6</v>
      </c>
      <c r="AP7388">
        <v>6</v>
      </c>
      <c r="AQ7388">
        <v>6</v>
      </c>
    </row>
    <row r="7389" spans="1:43">
      <c r="A7389" t="s">
        <v>4628</v>
      </c>
      <c r="B7389" t="s">
        <v>4629</v>
      </c>
      <c r="C7389" t="s">
        <v>4624</v>
      </c>
      <c r="D7389" t="s">
        <v>4625</v>
      </c>
      <c r="E7389" t="s">
        <v>4592</v>
      </c>
      <c r="F7389" t="s">
        <v>4593</v>
      </c>
      <c r="G7389" t="s">
        <v>80</v>
      </c>
      <c r="H7389" t="s">
        <v>81</v>
      </c>
      <c r="I7389" s="2">
        <v>1</v>
      </c>
      <c r="J7389" s="2">
        <v>0</v>
      </c>
      <c r="K7389" s="2">
        <v>0</v>
      </c>
      <c r="L7389" t="s">
        <v>120</v>
      </c>
      <c r="M7389" t="s">
        <v>83</v>
      </c>
      <c r="N7389" t="s">
        <v>91</v>
      </c>
      <c r="O7389" t="s">
        <v>85</v>
      </c>
      <c r="P7389" t="s">
        <v>86</v>
      </c>
      <c r="Q7389">
        <v>4</v>
      </c>
      <c r="R7389">
        <v>4</v>
      </c>
      <c r="S7389">
        <v>4</v>
      </c>
      <c r="T7389">
        <v>4</v>
      </c>
      <c r="U7389">
        <v>4</v>
      </c>
      <c r="V7389">
        <v>5</v>
      </c>
      <c r="W7389">
        <v>5</v>
      </c>
      <c r="X7389">
        <v>5</v>
      </c>
      <c r="Y7389">
        <v>5</v>
      </c>
      <c r="Z7389">
        <v>5</v>
      </c>
      <c r="AA7389">
        <v>5</v>
      </c>
      <c r="AB7389">
        <v>5</v>
      </c>
      <c r="AC7389">
        <v>5</v>
      </c>
      <c r="AD7389">
        <v>5</v>
      </c>
      <c r="AE7389">
        <v>5</v>
      </c>
      <c r="AF7389">
        <v>5</v>
      </c>
      <c r="AG7389">
        <v>5</v>
      </c>
      <c r="AH7389">
        <v>5</v>
      </c>
      <c r="AI7389">
        <v>5</v>
      </c>
      <c r="AJ7389">
        <v>5</v>
      </c>
      <c r="AK7389">
        <v>5</v>
      </c>
      <c r="AL7389">
        <v>5</v>
      </c>
      <c r="AM7389">
        <v>5</v>
      </c>
      <c r="AN7389">
        <v>5</v>
      </c>
      <c r="AO7389">
        <v>5</v>
      </c>
      <c r="AP7389">
        <v>5</v>
      </c>
      <c r="AQ7389">
        <v>5</v>
      </c>
    </row>
    <row r="7390" spans="1:43">
      <c r="A7390" t="s">
        <v>4630</v>
      </c>
      <c r="B7390" t="s">
        <v>4631</v>
      </c>
      <c r="C7390" t="s">
        <v>4624</v>
      </c>
      <c r="D7390" t="s">
        <v>4625</v>
      </c>
      <c r="E7390" t="s">
        <v>4592</v>
      </c>
      <c r="F7390" t="s">
        <v>4593</v>
      </c>
      <c r="G7390" t="s">
        <v>80</v>
      </c>
      <c r="H7390" t="s">
        <v>81</v>
      </c>
      <c r="I7390" s="2">
        <v>1</v>
      </c>
      <c r="J7390" s="2">
        <v>0</v>
      </c>
      <c r="K7390" s="2">
        <v>0</v>
      </c>
      <c r="L7390" t="s">
        <v>120</v>
      </c>
      <c r="M7390" t="s">
        <v>83</v>
      </c>
      <c r="N7390" t="s">
        <v>84</v>
      </c>
      <c r="O7390" t="s">
        <v>85</v>
      </c>
      <c r="P7390" t="s">
        <v>86</v>
      </c>
      <c r="Q7390">
        <v>20</v>
      </c>
      <c r="R7390">
        <v>20</v>
      </c>
      <c r="S7390">
        <v>20</v>
      </c>
      <c r="T7390">
        <v>21</v>
      </c>
      <c r="U7390">
        <v>21</v>
      </c>
      <c r="V7390">
        <v>21</v>
      </c>
      <c r="W7390">
        <v>22</v>
      </c>
      <c r="X7390">
        <v>22</v>
      </c>
      <c r="Y7390">
        <v>22</v>
      </c>
      <c r="Z7390">
        <v>23</v>
      </c>
      <c r="AA7390">
        <v>23</v>
      </c>
      <c r="AB7390">
        <v>23</v>
      </c>
      <c r="AC7390">
        <v>23</v>
      </c>
      <c r="AD7390">
        <v>24</v>
      </c>
      <c r="AE7390">
        <v>24</v>
      </c>
      <c r="AF7390">
        <v>24</v>
      </c>
      <c r="AG7390">
        <v>24</v>
      </c>
      <c r="AH7390">
        <v>25</v>
      </c>
      <c r="AI7390">
        <v>25</v>
      </c>
      <c r="AJ7390">
        <v>25</v>
      </c>
      <c r="AK7390">
        <v>25</v>
      </c>
      <c r="AL7390">
        <v>26</v>
      </c>
      <c r="AM7390">
        <v>26</v>
      </c>
      <c r="AN7390">
        <v>26</v>
      </c>
      <c r="AO7390">
        <v>26</v>
      </c>
      <c r="AP7390">
        <v>26</v>
      </c>
      <c r="AQ7390">
        <v>26</v>
      </c>
    </row>
    <row r="7391" spans="1:43">
      <c r="A7391" t="s">
        <v>4630</v>
      </c>
      <c r="B7391" t="s">
        <v>4631</v>
      </c>
      <c r="C7391" t="s">
        <v>4624</v>
      </c>
      <c r="D7391" t="s">
        <v>4625</v>
      </c>
      <c r="E7391" t="s">
        <v>4592</v>
      </c>
      <c r="F7391" t="s">
        <v>4593</v>
      </c>
      <c r="G7391" t="s">
        <v>80</v>
      </c>
      <c r="H7391" t="s">
        <v>81</v>
      </c>
      <c r="I7391" s="2">
        <v>1</v>
      </c>
      <c r="J7391" s="2">
        <v>0</v>
      </c>
      <c r="K7391" s="2">
        <v>0</v>
      </c>
      <c r="L7391" t="s">
        <v>120</v>
      </c>
      <c r="M7391" t="s">
        <v>87</v>
      </c>
      <c r="N7391" t="s">
        <v>88</v>
      </c>
      <c r="O7391" t="s">
        <v>85</v>
      </c>
      <c r="P7391" t="s">
        <v>86</v>
      </c>
      <c r="Q7391">
        <v>20</v>
      </c>
      <c r="R7391">
        <v>20</v>
      </c>
      <c r="S7391">
        <v>20</v>
      </c>
      <c r="T7391">
        <v>20</v>
      </c>
      <c r="U7391">
        <v>20</v>
      </c>
      <c r="V7391">
        <v>20</v>
      </c>
      <c r="W7391">
        <v>20</v>
      </c>
      <c r="X7391">
        <v>20</v>
      </c>
      <c r="Y7391">
        <v>21</v>
      </c>
      <c r="Z7391">
        <v>21</v>
      </c>
      <c r="AA7391">
        <v>21</v>
      </c>
      <c r="AB7391">
        <v>21</v>
      </c>
      <c r="AC7391">
        <v>21</v>
      </c>
      <c r="AD7391">
        <v>21</v>
      </c>
      <c r="AE7391">
        <v>21</v>
      </c>
      <c r="AF7391">
        <v>21</v>
      </c>
      <c r="AG7391">
        <v>21</v>
      </c>
      <c r="AH7391">
        <v>21</v>
      </c>
      <c r="AI7391">
        <v>22</v>
      </c>
      <c r="AJ7391">
        <v>22</v>
      </c>
      <c r="AK7391">
        <v>22</v>
      </c>
      <c r="AL7391">
        <v>22</v>
      </c>
      <c r="AM7391">
        <v>22</v>
      </c>
      <c r="AN7391">
        <v>22</v>
      </c>
      <c r="AO7391">
        <v>22</v>
      </c>
      <c r="AP7391">
        <v>22</v>
      </c>
      <c r="AQ7391">
        <v>22</v>
      </c>
    </row>
    <row r="7392" spans="1:43">
      <c r="A7392" t="s">
        <v>4630</v>
      </c>
      <c r="B7392" t="s">
        <v>4631</v>
      </c>
      <c r="C7392" t="s">
        <v>4624</v>
      </c>
      <c r="D7392" t="s">
        <v>4625</v>
      </c>
      <c r="E7392" t="s">
        <v>4592</v>
      </c>
      <c r="F7392" t="s">
        <v>4593</v>
      </c>
      <c r="G7392" t="s">
        <v>80</v>
      </c>
      <c r="H7392" t="s">
        <v>81</v>
      </c>
      <c r="I7392" s="2">
        <v>1</v>
      </c>
      <c r="J7392" s="2">
        <v>0</v>
      </c>
      <c r="K7392" s="2">
        <v>0</v>
      </c>
      <c r="L7392" t="s">
        <v>120</v>
      </c>
      <c r="M7392" t="s">
        <v>89</v>
      </c>
      <c r="N7392" t="s">
        <v>90</v>
      </c>
      <c r="O7392" t="s">
        <v>85</v>
      </c>
      <c r="P7392" t="s">
        <v>86</v>
      </c>
      <c r="Q7392">
        <v>20</v>
      </c>
      <c r="R7392">
        <v>20</v>
      </c>
      <c r="S7392">
        <v>21</v>
      </c>
      <c r="T7392">
        <v>21</v>
      </c>
      <c r="U7392">
        <v>22</v>
      </c>
      <c r="V7392">
        <v>22</v>
      </c>
      <c r="W7392">
        <v>23</v>
      </c>
      <c r="X7392">
        <v>23</v>
      </c>
      <c r="Y7392">
        <v>24</v>
      </c>
      <c r="Z7392">
        <v>24</v>
      </c>
      <c r="AA7392">
        <v>24</v>
      </c>
      <c r="AB7392">
        <v>25</v>
      </c>
      <c r="AC7392">
        <v>25</v>
      </c>
      <c r="AD7392">
        <v>25</v>
      </c>
      <c r="AE7392">
        <v>26</v>
      </c>
      <c r="AF7392">
        <v>26</v>
      </c>
      <c r="AG7392">
        <v>26</v>
      </c>
      <c r="AH7392">
        <v>26</v>
      </c>
      <c r="AI7392">
        <v>26</v>
      </c>
      <c r="AJ7392">
        <v>26</v>
      </c>
      <c r="AK7392">
        <v>26</v>
      </c>
      <c r="AL7392">
        <v>26</v>
      </c>
      <c r="AM7392">
        <v>26</v>
      </c>
      <c r="AN7392">
        <v>26</v>
      </c>
      <c r="AO7392">
        <v>26</v>
      </c>
      <c r="AP7392">
        <v>26</v>
      </c>
      <c r="AQ7392">
        <v>26</v>
      </c>
    </row>
    <row r="7393" spans="1:43">
      <c r="A7393" t="s">
        <v>4630</v>
      </c>
      <c r="B7393" t="s">
        <v>4631</v>
      </c>
      <c r="C7393" t="s">
        <v>4624</v>
      </c>
      <c r="D7393" t="s">
        <v>4625</v>
      </c>
      <c r="E7393" t="s">
        <v>4592</v>
      </c>
      <c r="F7393" t="s">
        <v>4593</v>
      </c>
      <c r="G7393" t="s">
        <v>80</v>
      </c>
      <c r="H7393" t="s">
        <v>81</v>
      </c>
      <c r="I7393" s="2">
        <v>1</v>
      </c>
      <c r="J7393" s="2">
        <v>0</v>
      </c>
      <c r="K7393" s="2">
        <v>0</v>
      </c>
      <c r="L7393" t="s">
        <v>120</v>
      </c>
      <c r="M7393" t="s">
        <v>83</v>
      </c>
      <c r="N7393" t="s">
        <v>91</v>
      </c>
      <c r="O7393" t="s">
        <v>85</v>
      </c>
      <c r="P7393" t="s">
        <v>86</v>
      </c>
      <c r="Q7393">
        <v>20</v>
      </c>
      <c r="R7393">
        <v>20</v>
      </c>
      <c r="S7393">
        <v>20</v>
      </c>
      <c r="T7393">
        <v>21</v>
      </c>
      <c r="U7393">
        <v>21</v>
      </c>
      <c r="V7393">
        <v>21</v>
      </c>
      <c r="W7393">
        <v>22</v>
      </c>
      <c r="X7393">
        <v>22</v>
      </c>
      <c r="Y7393">
        <v>22</v>
      </c>
      <c r="Z7393">
        <v>23</v>
      </c>
      <c r="AA7393">
        <v>23</v>
      </c>
      <c r="AB7393">
        <v>23</v>
      </c>
      <c r="AC7393">
        <v>23</v>
      </c>
      <c r="AD7393">
        <v>24</v>
      </c>
      <c r="AE7393">
        <v>24</v>
      </c>
      <c r="AF7393">
        <v>24</v>
      </c>
      <c r="AG7393">
        <v>24</v>
      </c>
      <c r="AH7393">
        <v>25</v>
      </c>
      <c r="AI7393">
        <v>25</v>
      </c>
      <c r="AJ7393">
        <v>25</v>
      </c>
      <c r="AK7393">
        <v>25</v>
      </c>
      <c r="AL7393">
        <v>26</v>
      </c>
      <c r="AM7393">
        <v>26</v>
      </c>
      <c r="AN7393">
        <v>26</v>
      </c>
      <c r="AO7393">
        <v>26</v>
      </c>
      <c r="AP7393">
        <v>26</v>
      </c>
      <c r="AQ7393">
        <v>26</v>
      </c>
    </row>
    <row r="7394" spans="1:43">
      <c r="A7394" t="s">
        <v>4632</v>
      </c>
      <c r="B7394" t="s">
        <v>4633</v>
      </c>
      <c r="C7394" t="s">
        <v>4624</v>
      </c>
      <c r="D7394" t="s">
        <v>4625</v>
      </c>
      <c r="E7394" t="s">
        <v>4592</v>
      </c>
      <c r="F7394" t="s">
        <v>4593</v>
      </c>
      <c r="G7394" t="s">
        <v>80</v>
      </c>
      <c r="H7394" t="s">
        <v>81</v>
      </c>
      <c r="I7394" s="2">
        <v>1</v>
      </c>
      <c r="J7394" s="2">
        <v>0</v>
      </c>
      <c r="K7394" s="2">
        <v>0</v>
      </c>
      <c r="L7394" t="s">
        <v>120</v>
      </c>
      <c r="M7394" t="s">
        <v>83</v>
      </c>
      <c r="N7394" t="s">
        <v>84</v>
      </c>
      <c r="O7394" t="s">
        <v>85</v>
      </c>
      <c r="P7394" t="s">
        <v>86</v>
      </c>
      <c r="Q7394">
        <v>27</v>
      </c>
      <c r="R7394">
        <v>28</v>
      </c>
      <c r="S7394">
        <v>28</v>
      </c>
      <c r="T7394">
        <v>29</v>
      </c>
      <c r="U7394">
        <v>29</v>
      </c>
      <c r="V7394">
        <v>29</v>
      </c>
      <c r="W7394">
        <v>30</v>
      </c>
      <c r="X7394">
        <v>30</v>
      </c>
      <c r="Y7394">
        <v>31</v>
      </c>
      <c r="Z7394">
        <v>31</v>
      </c>
      <c r="AA7394">
        <v>31</v>
      </c>
      <c r="AB7394">
        <v>32</v>
      </c>
      <c r="AC7394">
        <v>32</v>
      </c>
      <c r="AD7394">
        <v>33</v>
      </c>
      <c r="AE7394">
        <v>33</v>
      </c>
      <c r="AF7394">
        <v>33</v>
      </c>
      <c r="AG7394">
        <v>34</v>
      </c>
      <c r="AH7394">
        <v>34</v>
      </c>
      <c r="AI7394">
        <v>34</v>
      </c>
      <c r="AJ7394">
        <v>35</v>
      </c>
      <c r="AK7394">
        <v>35</v>
      </c>
      <c r="AL7394">
        <v>35</v>
      </c>
      <c r="AM7394">
        <v>35</v>
      </c>
      <c r="AN7394">
        <v>35</v>
      </c>
      <c r="AO7394">
        <v>35</v>
      </c>
      <c r="AP7394">
        <v>35</v>
      </c>
      <c r="AQ7394">
        <v>35</v>
      </c>
    </row>
    <row r="7395" spans="1:43">
      <c r="A7395" t="s">
        <v>4632</v>
      </c>
      <c r="B7395" t="s">
        <v>4633</v>
      </c>
      <c r="C7395" t="s">
        <v>4624</v>
      </c>
      <c r="D7395" t="s">
        <v>4625</v>
      </c>
      <c r="E7395" t="s">
        <v>4592</v>
      </c>
      <c r="F7395" t="s">
        <v>4593</v>
      </c>
      <c r="G7395" t="s">
        <v>80</v>
      </c>
      <c r="H7395" t="s">
        <v>81</v>
      </c>
      <c r="I7395" s="2">
        <v>1</v>
      </c>
      <c r="J7395" s="2">
        <v>0</v>
      </c>
      <c r="K7395" s="2">
        <v>0</v>
      </c>
      <c r="L7395" t="s">
        <v>120</v>
      </c>
      <c r="M7395" t="s">
        <v>87</v>
      </c>
      <c r="N7395" t="s">
        <v>88</v>
      </c>
      <c r="O7395" t="s">
        <v>85</v>
      </c>
      <c r="P7395" t="s">
        <v>86</v>
      </c>
      <c r="Q7395">
        <v>27</v>
      </c>
      <c r="R7395">
        <v>27</v>
      </c>
      <c r="S7395">
        <v>27</v>
      </c>
      <c r="T7395">
        <v>28</v>
      </c>
      <c r="U7395">
        <v>28</v>
      </c>
      <c r="V7395">
        <v>28</v>
      </c>
      <c r="W7395">
        <v>28</v>
      </c>
      <c r="X7395">
        <v>28</v>
      </c>
      <c r="Y7395">
        <v>28</v>
      </c>
      <c r="Z7395">
        <v>28</v>
      </c>
      <c r="AA7395">
        <v>29</v>
      </c>
      <c r="AB7395">
        <v>29</v>
      </c>
      <c r="AC7395">
        <v>29</v>
      </c>
      <c r="AD7395">
        <v>29</v>
      </c>
      <c r="AE7395">
        <v>29</v>
      </c>
      <c r="AF7395">
        <v>29</v>
      </c>
      <c r="AG7395">
        <v>29</v>
      </c>
      <c r="AH7395">
        <v>30</v>
      </c>
      <c r="AI7395">
        <v>30</v>
      </c>
      <c r="AJ7395">
        <v>30</v>
      </c>
      <c r="AK7395">
        <v>30</v>
      </c>
      <c r="AL7395">
        <v>30</v>
      </c>
      <c r="AM7395">
        <v>30</v>
      </c>
      <c r="AN7395">
        <v>30</v>
      </c>
      <c r="AO7395">
        <v>30</v>
      </c>
      <c r="AP7395">
        <v>30</v>
      </c>
      <c r="AQ7395">
        <v>31</v>
      </c>
    </row>
    <row r="7396" spans="1:43">
      <c r="A7396" t="s">
        <v>4632</v>
      </c>
      <c r="B7396" t="s">
        <v>4633</v>
      </c>
      <c r="C7396" t="s">
        <v>4624</v>
      </c>
      <c r="D7396" t="s">
        <v>4625</v>
      </c>
      <c r="E7396" t="s">
        <v>4592</v>
      </c>
      <c r="F7396" t="s">
        <v>4593</v>
      </c>
      <c r="G7396" t="s">
        <v>80</v>
      </c>
      <c r="H7396" t="s">
        <v>81</v>
      </c>
      <c r="I7396" s="2">
        <v>1</v>
      </c>
      <c r="J7396" s="2">
        <v>0</v>
      </c>
      <c r="K7396" s="2">
        <v>0</v>
      </c>
      <c r="L7396" t="s">
        <v>120</v>
      </c>
      <c r="M7396" t="s">
        <v>89</v>
      </c>
      <c r="N7396" t="s">
        <v>90</v>
      </c>
      <c r="O7396" t="s">
        <v>85</v>
      </c>
      <c r="P7396" t="s">
        <v>86</v>
      </c>
      <c r="Q7396">
        <v>27</v>
      </c>
      <c r="R7396">
        <v>27</v>
      </c>
      <c r="S7396">
        <v>28</v>
      </c>
      <c r="T7396">
        <v>29</v>
      </c>
      <c r="U7396">
        <v>29</v>
      </c>
      <c r="V7396">
        <v>30</v>
      </c>
      <c r="W7396">
        <v>30</v>
      </c>
      <c r="X7396">
        <v>31</v>
      </c>
      <c r="Y7396">
        <v>31</v>
      </c>
      <c r="Z7396">
        <v>32</v>
      </c>
      <c r="AA7396">
        <v>32</v>
      </c>
      <c r="AB7396">
        <v>33</v>
      </c>
      <c r="AC7396">
        <v>33</v>
      </c>
      <c r="AD7396">
        <v>34</v>
      </c>
      <c r="AE7396">
        <v>34</v>
      </c>
      <c r="AF7396">
        <v>34</v>
      </c>
      <c r="AG7396">
        <v>34</v>
      </c>
      <c r="AH7396">
        <v>34</v>
      </c>
      <c r="AI7396">
        <v>35</v>
      </c>
      <c r="AJ7396">
        <v>35</v>
      </c>
      <c r="AK7396">
        <v>35</v>
      </c>
      <c r="AL7396">
        <v>35</v>
      </c>
      <c r="AM7396">
        <v>35</v>
      </c>
      <c r="AN7396">
        <v>35</v>
      </c>
      <c r="AO7396">
        <v>35</v>
      </c>
      <c r="AP7396">
        <v>35</v>
      </c>
      <c r="AQ7396">
        <v>35</v>
      </c>
    </row>
    <row r="7397" spans="1:43">
      <c r="A7397" t="s">
        <v>4632</v>
      </c>
      <c r="B7397" t="s">
        <v>4633</v>
      </c>
      <c r="C7397" t="s">
        <v>4624</v>
      </c>
      <c r="D7397" t="s">
        <v>4625</v>
      </c>
      <c r="E7397" t="s">
        <v>4592</v>
      </c>
      <c r="F7397" t="s">
        <v>4593</v>
      </c>
      <c r="G7397" t="s">
        <v>80</v>
      </c>
      <c r="H7397" t="s">
        <v>81</v>
      </c>
      <c r="I7397" s="2">
        <v>1</v>
      </c>
      <c r="J7397" s="2">
        <v>0</v>
      </c>
      <c r="K7397" s="2">
        <v>0</v>
      </c>
      <c r="L7397" t="s">
        <v>120</v>
      </c>
      <c r="M7397" t="s">
        <v>83</v>
      </c>
      <c r="N7397" t="s">
        <v>91</v>
      </c>
      <c r="O7397" t="s">
        <v>85</v>
      </c>
      <c r="P7397" t="s">
        <v>86</v>
      </c>
      <c r="Q7397">
        <v>27</v>
      </c>
      <c r="R7397">
        <v>28</v>
      </c>
      <c r="S7397">
        <v>28</v>
      </c>
      <c r="T7397">
        <v>29</v>
      </c>
      <c r="U7397">
        <v>29</v>
      </c>
      <c r="V7397">
        <v>29</v>
      </c>
      <c r="W7397">
        <v>30</v>
      </c>
      <c r="X7397">
        <v>30</v>
      </c>
      <c r="Y7397">
        <v>31</v>
      </c>
      <c r="Z7397">
        <v>31</v>
      </c>
      <c r="AA7397">
        <v>31</v>
      </c>
      <c r="AB7397">
        <v>32</v>
      </c>
      <c r="AC7397">
        <v>32</v>
      </c>
      <c r="AD7397">
        <v>33</v>
      </c>
      <c r="AE7397">
        <v>33</v>
      </c>
      <c r="AF7397">
        <v>33</v>
      </c>
      <c r="AG7397">
        <v>34</v>
      </c>
      <c r="AH7397">
        <v>34</v>
      </c>
      <c r="AI7397">
        <v>34</v>
      </c>
      <c r="AJ7397">
        <v>35</v>
      </c>
      <c r="AK7397">
        <v>35</v>
      </c>
      <c r="AL7397">
        <v>35</v>
      </c>
      <c r="AM7397">
        <v>35</v>
      </c>
      <c r="AN7397">
        <v>35</v>
      </c>
      <c r="AO7397">
        <v>35</v>
      </c>
      <c r="AP7397">
        <v>35</v>
      </c>
      <c r="AQ7397">
        <v>35</v>
      </c>
    </row>
    <row r="7398" spans="1:43">
      <c r="A7398" t="s">
        <v>4634</v>
      </c>
      <c r="B7398" t="s">
        <v>4635</v>
      </c>
      <c r="C7398" t="s">
        <v>4636</v>
      </c>
      <c r="D7398" t="s">
        <v>4637</v>
      </c>
      <c r="E7398" t="s">
        <v>4592</v>
      </c>
      <c r="F7398" t="s">
        <v>4593</v>
      </c>
      <c r="G7398" t="s">
        <v>80</v>
      </c>
      <c r="H7398" t="s">
        <v>81</v>
      </c>
      <c r="I7398" s="2">
        <v>1</v>
      </c>
      <c r="J7398" s="2">
        <v>0</v>
      </c>
      <c r="K7398" s="2">
        <v>0</v>
      </c>
      <c r="L7398" t="s">
        <v>120</v>
      </c>
      <c r="M7398" t="s">
        <v>83</v>
      </c>
      <c r="N7398" t="s">
        <v>84</v>
      </c>
      <c r="O7398" t="s">
        <v>85</v>
      </c>
      <c r="P7398" t="s">
        <v>86</v>
      </c>
      <c r="Q7398">
        <v>7</v>
      </c>
      <c r="R7398">
        <v>8</v>
      </c>
      <c r="S7398">
        <v>8</v>
      </c>
      <c r="T7398">
        <v>8</v>
      </c>
      <c r="U7398">
        <v>8</v>
      </c>
      <c r="V7398">
        <v>8</v>
      </c>
      <c r="W7398">
        <v>8</v>
      </c>
      <c r="X7398">
        <v>8</v>
      </c>
      <c r="Y7398">
        <v>8</v>
      </c>
      <c r="Z7398">
        <v>8</v>
      </c>
      <c r="AA7398">
        <v>9</v>
      </c>
      <c r="AB7398">
        <v>9</v>
      </c>
      <c r="AC7398">
        <v>9</v>
      </c>
      <c r="AD7398">
        <v>9</v>
      </c>
      <c r="AE7398">
        <v>9</v>
      </c>
      <c r="AF7398">
        <v>9</v>
      </c>
      <c r="AG7398">
        <v>9</v>
      </c>
      <c r="AH7398">
        <v>9</v>
      </c>
      <c r="AI7398">
        <v>9</v>
      </c>
      <c r="AJ7398">
        <v>9</v>
      </c>
      <c r="AK7398">
        <v>10</v>
      </c>
      <c r="AL7398">
        <v>10</v>
      </c>
      <c r="AM7398">
        <v>10</v>
      </c>
      <c r="AN7398">
        <v>10</v>
      </c>
      <c r="AO7398">
        <v>10</v>
      </c>
      <c r="AP7398">
        <v>10</v>
      </c>
      <c r="AQ7398">
        <v>10</v>
      </c>
    </row>
    <row r="7399" spans="1:43">
      <c r="A7399" t="s">
        <v>4634</v>
      </c>
      <c r="B7399" t="s">
        <v>4635</v>
      </c>
      <c r="C7399" t="s">
        <v>4636</v>
      </c>
      <c r="D7399" t="s">
        <v>4637</v>
      </c>
      <c r="E7399" t="s">
        <v>4592</v>
      </c>
      <c r="F7399" t="s">
        <v>4593</v>
      </c>
      <c r="G7399" t="s">
        <v>80</v>
      </c>
      <c r="H7399" t="s">
        <v>81</v>
      </c>
      <c r="I7399" s="2">
        <v>1</v>
      </c>
      <c r="J7399" s="2">
        <v>0</v>
      </c>
      <c r="K7399" s="2">
        <v>0</v>
      </c>
      <c r="L7399" t="s">
        <v>120</v>
      </c>
      <c r="M7399" t="s">
        <v>87</v>
      </c>
      <c r="N7399" t="s">
        <v>88</v>
      </c>
      <c r="O7399" t="s">
        <v>85</v>
      </c>
      <c r="P7399" t="s">
        <v>86</v>
      </c>
      <c r="Q7399">
        <v>7</v>
      </c>
      <c r="R7399">
        <v>7</v>
      </c>
      <c r="S7399">
        <v>7</v>
      </c>
      <c r="T7399">
        <v>8</v>
      </c>
      <c r="U7399">
        <v>8</v>
      </c>
      <c r="V7399">
        <v>8</v>
      </c>
      <c r="W7399">
        <v>8</v>
      </c>
      <c r="X7399">
        <v>8</v>
      </c>
      <c r="Y7399">
        <v>8</v>
      </c>
      <c r="Z7399">
        <v>8</v>
      </c>
      <c r="AA7399">
        <v>8</v>
      </c>
      <c r="AB7399">
        <v>8</v>
      </c>
      <c r="AC7399">
        <v>8</v>
      </c>
      <c r="AD7399">
        <v>8</v>
      </c>
      <c r="AE7399">
        <v>8</v>
      </c>
      <c r="AF7399">
        <v>8</v>
      </c>
      <c r="AG7399">
        <v>8</v>
      </c>
      <c r="AH7399">
        <v>8</v>
      </c>
      <c r="AI7399">
        <v>8</v>
      </c>
      <c r="AJ7399">
        <v>8</v>
      </c>
      <c r="AK7399">
        <v>8</v>
      </c>
      <c r="AL7399">
        <v>8</v>
      </c>
      <c r="AM7399">
        <v>8</v>
      </c>
      <c r="AN7399">
        <v>8</v>
      </c>
      <c r="AO7399">
        <v>8</v>
      </c>
      <c r="AP7399">
        <v>8</v>
      </c>
      <c r="AQ7399">
        <v>8</v>
      </c>
    </row>
    <row r="7400" spans="1:43">
      <c r="A7400" t="s">
        <v>4634</v>
      </c>
      <c r="B7400" t="s">
        <v>4635</v>
      </c>
      <c r="C7400" t="s">
        <v>4636</v>
      </c>
      <c r="D7400" t="s">
        <v>4637</v>
      </c>
      <c r="E7400" t="s">
        <v>4592</v>
      </c>
      <c r="F7400" t="s">
        <v>4593</v>
      </c>
      <c r="G7400" t="s">
        <v>80</v>
      </c>
      <c r="H7400" t="s">
        <v>81</v>
      </c>
      <c r="I7400" s="2">
        <v>1</v>
      </c>
      <c r="J7400" s="2">
        <v>0</v>
      </c>
      <c r="K7400" s="2">
        <v>0</v>
      </c>
      <c r="L7400" t="s">
        <v>120</v>
      </c>
      <c r="M7400" t="s">
        <v>89</v>
      </c>
      <c r="N7400" t="s">
        <v>90</v>
      </c>
      <c r="O7400" t="s">
        <v>85</v>
      </c>
      <c r="P7400" t="s">
        <v>86</v>
      </c>
      <c r="Q7400">
        <v>7</v>
      </c>
      <c r="R7400">
        <v>7</v>
      </c>
      <c r="S7400">
        <v>7</v>
      </c>
      <c r="T7400">
        <v>7</v>
      </c>
      <c r="U7400">
        <v>7</v>
      </c>
      <c r="V7400">
        <v>7</v>
      </c>
      <c r="W7400">
        <v>8</v>
      </c>
      <c r="X7400">
        <v>8</v>
      </c>
      <c r="Y7400">
        <v>8</v>
      </c>
      <c r="Z7400">
        <v>8</v>
      </c>
      <c r="AA7400">
        <v>8</v>
      </c>
      <c r="AB7400">
        <v>8</v>
      </c>
      <c r="AC7400">
        <v>8</v>
      </c>
      <c r="AD7400">
        <v>9</v>
      </c>
      <c r="AE7400">
        <v>9</v>
      </c>
      <c r="AF7400">
        <v>9</v>
      </c>
      <c r="AG7400">
        <v>9</v>
      </c>
      <c r="AH7400">
        <v>9</v>
      </c>
      <c r="AI7400">
        <v>9</v>
      </c>
      <c r="AJ7400">
        <v>9</v>
      </c>
      <c r="AK7400">
        <v>9</v>
      </c>
      <c r="AL7400">
        <v>9</v>
      </c>
      <c r="AM7400">
        <v>9</v>
      </c>
      <c r="AN7400">
        <v>9</v>
      </c>
      <c r="AO7400">
        <v>9</v>
      </c>
      <c r="AP7400">
        <v>9</v>
      </c>
      <c r="AQ7400">
        <v>9</v>
      </c>
    </row>
    <row r="7401" spans="1:43">
      <c r="A7401" t="s">
        <v>4634</v>
      </c>
      <c r="B7401" t="s">
        <v>4635</v>
      </c>
      <c r="C7401" t="s">
        <v>4636</v>
      </c>
      <c r="D7401" t="s">
        <v>4637</v>
      </c>
      <c r="E7401" t="s">
        <v>4592</v>
      </c>
      <c r="F7401" t="s">
        <v>4593</v>
      </c>
      <c r="G7401" t="s">
        <v>80</v>
      </c>
      <c r="H7401" t="s">
        <v>81</v>
      </c>
      <c r="I7401" s="2">
        <v>1</v>
      </c>
      <c r="J7401" s="2">
        <v>0</v>
      </c>
      <c r="K7401" s="2">
        <v>0</v>
      </c>
      <c r="L7401" t="s">
        <v>120</v>
      </c>
      <c r="M7401" t="s">
        <v>83</v>
      </c>
      <c r="N7401" t="s">
        <v>91</v>
      </c>
      <c r="O7401" t="s">
        <v>85</v>
      </c>
      <c r="P7401" t="s">
        <v>86</v>
      </c>
      <c r="Q7401">
        <v>7</v>
      </c>
      <c r="R7401">
        <v>8</v>
      </c>
      <c r="S7401">
        <v>8</v>
      </c>
      <c r="T7401">
        <v>8</v>
      </c>
      <c r="U7401">
        <v>8</v>
      </c>
      <c r="V7401">
        <v>8</v>
      </c>
      <c r="W7401">
        <v>8</v>
      </c>
      <c r="X7401">
        <v>8</v>
      </c>
      <c r="Y7401">
        <v>8</v>
      </c>
      <c r="Z7401">
        <v>8</v>
      </c>
      <c r="AA7401">
        <v>9</v>
      </c>
      <c r="AB7401">
        <v>9</v>
      </c>
      <c r="AC7401">
        <v>9</v>
      </c>
      <c r="AD7401">
        <v>9</v>
      </c>
      <c r="AE7401">
        <v>9</v>
      </c>
      <c r="AF7401">
        <v>9</v>
      </c>
      <c r="AG7401">
        <v>9</v>
      </c>
      <c r="AH7401">
        <v>9</v>
      </c>
      <c r="AI7401">
        <v>9</v>
      </c>
      <c r="AJ7401">
        <v>9</v>
      </c>
      <c r="AK7401">
        <v>10</v>
      </c>
      <c r="AL7401">
        <v>10</v>
      </c>
      <c r="AM7401">
        <v>10</v>
      </c>
      <c r="AN7401">
        <v>10</v>
      </c>
      <c r="AO7401">
        <v>10</v>
      </c>
      <c r="AP7401">
        <v>10</v>
      </c>
      <c r="AQ7401">
        <v>10</v>
      </c>
    </row>
    <row r="7402" spans="1:43">
      <c r="A7402" t="s">
        <v>4638</v>
      </c>
      <c r="B7402" t="s">
        <v>4639</v>
      </c>
      <c r="C7402" t="s">
        <v>4636</v>
      </c>
      <c r="D7402" t="s">
        <v>4637</v>
      </c>
      <c r="E7402" t="s">
        <v>4592</v>
      </c>
      <c r="F7402" t="s">
        <v>4593</v>
      </c>
      <c r="G7402" t="s">
        <v>80</v>
      </c>
      <c r="H7402" t="s">
        <v>81</v>
      </c>
      <c r="I7402" s="2">
        <v>1</v>
      </c>
      <c r="J7402" s="2">
        <v>0</v>
      </c>
      <c r="K7402" s="2">
        <v>0</v>
      </c>
      <c r="L7402" t="s">
        <v>120</v>
      </c>
      <c r="M7402" t="s">
        <v>83</v>
      </c>
      <c r="N7402" t="s">
        <v>84</v>
      </c>
      <c r="O7402" t="s">
        <v>85</v>
      </c>
      <c r="P7402" t="s">
        <v>86</v>
      </c>
      <c r="Q7402">
        <v>35</v>
      </c>
      <c r="R7402">
        <v>35</v>
      </c>
      <c r="S7402">
        <v>36</v>
      </c>
      <c r="T7402">
        <v>37</v>
      </c>
      <c r="U7402">
        <v>37</v>
      </c>
      <c r="V7402">
        <v>38</v>
      </c>
      <c r="W7402">
        <v>38</v>
      </c>
      <c r="X7402">
        <v>39</v>
      </c>
      <c r="Y7402">
        <v>39</v>
      </c>
      <c r="Z7402">
        <v>40</v>
      </c>
      <c r="AA7402">
        <v>40</v>
      </c>
      <c r="AB7402">
        <v>41</v>
      </c>
      <c r="AC7402">
        <v>41</v>
      </c>
      <c r="AD7402">
        <v>42</v>
      </c>
      <c r="AE7402">
        <v>42</v>
      </c>
      <c r="AF7402">
        <v>43</v>
      </c>
      <c r="AG7402">
        <v>43</v>
      </c>
      <c r="AH7402">
        <v>43</v>
      </c>
      <c r="AI7402">
        <v>44</v>
      </c>
      <c r="AJ7402">
        <v>44</v>
      </c>
      <c r="AK7402">
        <v>45</v>
      </c>
      <c r="AL7402">
        <v>45</v>
      </c>
      <c r="AM7402">
        <v>45</v>
      </c>
      <c r="AN7402">
        <v>45</v>
      </c>
      <c r="AO7402">
        <v>45</v>
      </c>
      <c r="AP7402">
        <v>45</v>
      </c>
      <c r="AQ7402">
        <v>45</v>
      </c>
    </row>
    <row r="7403" spans="1:43">
      <c r="A7403" t="s">
        <v>4638</v>
      </c>
      <c r="B7403" t="s">
        <v>4639</v>
      </c>
      <c r="C7403" t="s">
        <v>4636</v>
      </c>
      <c r="D7403" t="s">
        <v>4637</v>
      </c>
      <c r="E7403" t="s">
        <v>4592</v>
      </c>
      <c r="F7403" t="s">
        <v>4593</v>
      </c>
      <c r="G7403" t="s">
        <v>80</v>
      </c>
      <c r="H7403" t="s">
        <v>81</v>
      </c>
      <c r="I7403" s="2">
        <v>1</v>
      </c>
      <c r="J7403" s="2">
        <v>0</v>
      </c>
      <c r="K7403" s="2">
        <v>0</v>
      </c>
      <c r="L7403" t="s">
        <v>120</v>
      </c>
      <c r="M7403" t="s">
        <v>87</v>
      </c>
      <c r="N7403" t="s">
        <v>88</v>
      </c>
      <c r="O7403" t="s">
        <v>85</v>
      </c>
      <c r="P7403" t="s">
        <v>86</v>
      </c>
      <c r="Q7403">
        <v>35</v>
      </c>
      <c r="R7403">
        <v>35</v>
      </c>
      <c r="S7403">
        <v>35</v>
      </c>
      <c r="T7403">
        <v>35</v>
      </c>
      <c r="U7403">
        <v>35</v>
      </c>
      <c r="V7403">
        <v>36</v>
      </c>
      <c r="W7403">
        <v>36</v>
      </c>
      <c r="X7403">
        <v>36</v>
      </c>
      <c r="Y7403">
        <v>36</v>
      </c>
      <c r="Z7403">
        <v>36</v>
      </c>
      <c r="AA7403">
        <v>37</v>
      </c>
      <c r="AB7403">
        <v>37</v>
      </c>
      <c r="AC7403">
        <v>37</v>
      </c>
      <c r="AD7403">
        <v>37</v>
      </c>
      <c r="AE7403">
        <v>37</v>
      </c>
      <c r="AF7403">
        <v>37</v>
      </c>
      <c r="AG7403">
        <v>38</v>
      </c>
      <c r="AH7403">
        <v>38</v>
      </c>
      <c r="AI7403">
        <v>38</v>
      </c>
      <c r="AJ7403">
        <v>38</v>
      </c>
      <c r="AK7403">
        <v>38</v>
      </c>
      <c r="AL7403">
        <v>38</v>
      </c>
      <c r="AM7403">
        <v>39</v>
      </c>
      <c r="AN7403">
        <v>39</v>
      </c>
      <c r="AO7403">
        <v>39</v>
      </c>
      <c r="AP7403">
        <v>39</v>
      </c>
      <c r="AQ7403">
        <v>39</v>
      </c>
    </row>
    <row r="7404" spans="1:43">
      <c r="A7404" t="s">
        <v>4638</v>
      </c>
      <c r="B7404" t="s">
        <v>4639</v>
      </c>
      <c r="C7404" t="s">
        <v>4636</v>
      </c>
      <c r="D7404" t="s">
        <v>4637</v>
      </c>
      <c r="E7404" t="s">
        <v>4592</v>
      </c>
      <c r="F7404" t="s">
        <v>4593</v>
      </c>
      <c r="G7404" t="s">
        <v>80</v>
      </c>
      <c r="H7404" t="s">
        <v>81</v>
      </c>
      <c r="I7404" s="2">
        <v>1</v>
      </c>
      <c r="J7404" s="2">
        <v>0</v>
      </c>
      <c r="K7404" s="2">
        <v>0</v>
      </c>
      <c r="L7404" t="s">
        <v>120</v>
      </c>
      <c r="M7404" t="s">
        <v>89</v>
      </c>
      <c r="N7404" t="s">
        <v>90</v>
      </c>
      <c r="O7404" t="s">
        <v>85</v>
      </c>
      <c r="P7404" t="s">
        <v>86</v>
      </c>
      <c r="Q7404">
        <v>35</v>
      </c>
      <c r="R7404">
        <v>36</v>
      </c>
      <c r="S7404">
        <v>37</v>
      </c>
      <c r="T7404">
        <v>38</v>
      </c>
      <c r="U7404">
        <v>39</v>
      </c>
      <c r="V7404">
        <v>39</v>
      </c>
      <c r="W7404">
        <v>40</v>
      </c>
      <c r="X7404">
        <v>41</v>
      </c>
      <c r="Y7404">
        <v>41</v>
      </c>
      <c r="Z7404">
        <v>42</v>
      </c>
      <c r="AA7404">
        <v>43</v>
      </c>
      <c r="AB7404">
        <v>43</v>
      </c>
      <c r="AC7404">
        <v>44</v>
      </c>
      <c r="AD7404">
        <v>45</v>
      </c>
      <c r="AE7404">
        <v>45</v>
      </c>
      <c r="AF7404">
        <v>45</v>
      </c>
      <c r="AG7404">
        <v>45</v>
      </c>
      <c r="AH7404">
        <v>45</v>
      </c>
      <c r="AI7404">
        <v>45</v>
      </c>
      <c r="AJ7404">
        <v>45</v>
      </c>
      <c r="AK7404">
        <v>45</v>
      </c>
      <c r="AL7404">
        <v>46</v>
      </c>
      <c r="AM7404">
        <v>46</v>
      </c>
      <c r="AN7404">
        <v>46</v>
      </c>
      <c r="AO7404">
        <v>46</v>
      </c>
      <c r="AP7404">
        <v>46</v>
      </c>
      <c r="AQ7404">
        <v>46</v>
      </c>
    </row>
    <row r="7405" spans="1:43">
      <c r="A7405" t="s">
        <v>4638</v>
      </c>
      <c r="B7405" t="s">
        <v>4639</v>
      </c>
      <c r="C7405" t="s">
        <v>4636</v>
      </c>
      <c r="D7405" t="s">
        <v>4637</v>
      </c>
      <c r="E7405" t="s">
        <v>4592</v>
      </c>
      <c r="F7405" t="s">
        <v>4593</v>
      </c>
      <c r="G7405" t="s">
        <v>80</v>
      </c>
      <c r="H7405" t="s">
        <v>81</v>
      </c>
      <c r="I7405" s="2">
        <v>1</v>
      </c>
      <c r="J7405" s="2">
        <v>0</v>
      </c>
      <c r="K7405" s="2">
        <v>0</v>
      </c>
      <c r="L7405" t="s">
        <v>120</v>
      </c>
      <c r="M7405" t="s">
        <v>83</v>
      </c>
      <c r="N7405" t="s">
        <v>91</v>
      </c>
      <c r="O7405" t="s">
        <v>85</v>
      </c>
      <c r="P7405" t="s">
        <v>86</v>
      </c>
      <c r="Q7405">
        <v>35</v>
      </c>
      <c r="R7405">
        <v>35</v>
      </c>
      <c r="S7405">
        <v>36</v>
      </c>
      <c r="T7405">
        <v>37</v>
      </c>
      <c r="U7405">
        <v>37</v>
      </c>
      <c r="V7405">
        <v>38</v>
      </c>
      <c r="W7405">
        <v>38</v>
      </c>
      <c r="X7405">
        <v>39</v>
      </c>
      <c r="Y7405">
        <v>39</v>
      </c>
      <c r="Z7405">
        <v>40</v>
      </c>
      <c r="AA7405">
        <v>40</v>
      </c>
      <c r="AB7405">
        <v>41</v>
      </c>
      <c r="AC7405">
        <v>41</v>
      </c>
      <c r="AD7405">
        <v>42</v>
      </c>
      <c r="AE7405">
        <v>42</v>
      </c>
      <c r="AF7405">
        <v>43</v>
      </c>
      <c r="AG7405">
        <v>43</v>
      </c>
      <c r="AH7405">
        <v>43</v>
      </c>
      <c r="AI7405">
        <v>44</v>
      </c>
      <c r="AJ7405">
        <v>44</v>
      </c>
      <c r="AK7405">
        <v>45</v>
      </c>
      <c r="AL7405">
        <v>45</v>
      </c>
      <c r="AM7405">
        <v>45</v>
      </c>
      <c r="AN7405">
        <v>45</v>
      </c>
      <c r="AO7405">
        <v>45</v>
      </c>
      <c r="AP7405">
        <v>45</v>
      </c>
      <c r="AQ7405">
        <v>45</v>
      </c>
    </row>
    <row r="7406" spans="1:43">
      <c r="A7406" t="s">
        <v>4640</v>
      </c>
      <c r="B7406" t="s">
        <v>4641</v>
      </c>
      <c r="C7406" t="s">
        <v>4642</v>
      </c>
      <c r="D7406" t="s">
        <v>4643</v>
      </c>
      <c r="E7406" t="s">
        <v>4592</v>
      </c>
      <c r="F7406" t="s">
        <v>4593</v>
      </c>
      <c r="G7406" t="s">
        <v>80</v>
      </c>
      <c r="H7406" t="s">
        <v>81</v>
      </c>
      <c r="I7406" s="2">
        <v>1</v>
      </c>
      <c r="J7406" s="2">
        <v>0</v>
      </c>
      <c r="K7406" s="2">
        <v>0</v>
      </c>
      <c r="L7406" t="s">
        <v>120</v>
      </c>
      <c r="M7406" t="s">
        <v>83</v>
      </c>
      <c r="N7406" t="s">
        <v>84</v>
      </c>
      <c r="O7406" t="s">
        <v>85</v>
      </c>
      <c r="P7406" t="s">
        <v>86</v>
      </c>
      <c r="Q7406">
        <v>13</v>
      </c>
      <c r="R7406">
        <v>13</v>
      </c>
      <c r="S7406">
        <v>13</v>
      </c>
      <c r="T7406">
        <v>14</v>
      </c>
      <c r="U7406">
        <v>14</v>
      </c>
      <c r="V7406">
        <v>14</v>
      </c>
      <c r="W7406">
        <v>14</v>
      </c>
      <c r="X7406">
        <v>14</v>
      </c>
      <c r="Y7406">
        <v>15</v>
      </c>
      <c r="Z7406">
        <v>15</v>
      </c>
      <c r="AA7406">
        <v>15</v>
      </c>
      <c r="AB7406">
        <v>15</v>
      </c>
      <c r="AC7406">
        <v>15</v>
      </c>
      <c r="AD7406">
        <v>16</v>
      </c>
      <c r="AE7406">
        <v>16</v>
      </c>
      <c r="AF7406">
        <v>16</v>
      </c>
      <c r="AG7406">
        <v>16</v>
      </c>
      <c r="AH7406">
        <v>16</v>
      </c>
      <c r="AI7406">
        <v>16</v>
      </c>
      <c r="AJ7406">
        <v>17</v>
      </c>
      <c r="AK7406">
        <v>17</v>
      </c>
      <c r="AL7406">
        <v>17</v>
      </c>
      <c r="AM7406">
        <v>17</v>
      </c>
      <c r="AN7406">
        <v>17</v>
      </c>
      <c r="AO7406">
        <v>17</v>
      </c>
      <c r="AP7406">
        <v>17</v>
      </c>
      <c r="AQ7406">
        <v>17</v>
      </c>
    </row>
    <row r="7407" spans="1:43">
      <c r="A7407" t="s">
        <v>4640</v>
      </c>
      <c r="B7407" t="s">
        <v>4641</v>
      </c>
      <c r="C7407" t="s">
        <v>4642</v>
      </c>
      <c r="D7407" t="s">
        <v>4643</v>
      </c>
      <c r="E7407" t="s">
        <v>4592</v>
      </c>
      <c r="F7407" t="s">
        <v>4593</v>
      </c>
      <c r="G7407" t="s">
        <v>80</v>
      </c>
      <c r="H7407" t="s">
        <v>81</v>
      </c>
      <c r="I7407" s="2">
        <v>1</v>
      </c>
      <c r="J7407" s="2">
        <v>0</v>
      </c>
      <c r="K7407" s="2">
        <v>0</v>
      </c>
      <c r="L7407" t="s">
        <v>120</v>
      </c>
      <c r="M7407" t="s">
        <v>87</v>
      </c>
      <c r="N7407" t="s">
        <v>88</v>
      </c>
      <c r="O7407" t="s">
        <v>85</v>
      </c>
      <c r="P7407" t="s">
        <v>86</v>
      </c>
      <c r="Q7407">
        <v>13</v>
      </c>
      <c r="R7407">
        <v>13</v>
      </c>
      <c r="S7407">
        <v>13</v>
      </c>
      <c r="T7407">
        <v>13</v>
      </c>
      <c r="U7407">
        <v>13</v>
      </c>
      <c r="V7407">
        <v>13</v>
      </c>
      <c r="W7407">
        <v>13</v>
      </c>
      <c r="X7407">
        <v>13</v>
      </c>
      <c r="Y7407">
        <v>14</v>
      </c>
      <c r="Z7407">
        <v>14</v>
      </c>
      <c r="AA7407">
        <v>14</v>
      </c>
      <c r="AB7407">
        <v>14</v>
      </c>
      <c r="AC7407">
        <v>14</v>
      </c>
      <c r="AD7407">
        <v>14</v>
      </c>
      <c r="AE7407">
        <v>14</v>
      </c>
      <c r="AF7407">
        <v>14</v>
      </c>
      <c r="AG7407">
        <v>14</v>
      </c>
      <c r="AH7407">
        <v>14</v>
      </c>
      <c r="AI7407">
        <v>14</v>
      </c>
      <c r="AJ7407">
        <v>14</v>
      </c>
      <c r="AK7407">
        <v>14</v>
      </c>
      <c r="AL7407">
        <v>14</v>
      </c>
      <c r="AM7407">
        <v>14</v>
      </c>
      <c r="AN7407">
        <v>14</v>
      </c>
      <c r="AO7407">
        <v>14</v>
      </c>
      <c r="AP7407">
        <v>15</v>
      </c>
      <c r="AQ7407">
        <v>15</v>
      </c>
    </row>
    <row r="7408" spans="1:43">
      <c r="A7408" t="s">
        <v>4640</v>
      </c>
      <c r="B7408" t="s">
        <v>4641</v>
      </c>
      <c r="C7408" t="s">
        <v>4642</v>
      </c>
      <c r="D7408" t="s">
        <v>4643</v>
      </c>
      <c r="E7408" t="s">
        <v>4592</v>
      </c>
      <c r="F7408" t="s">
        <v>4593</v>
      </c>
      <c r="G7408" t="s">
        <v>80</v>
      </c>
      <c r="H7408" t="s">
        <v>81</v>
      </c>
      <c r="I7408" s="2">
        <v>1</v>
      </c>
      <c r="J7408" s="2">
        <v>0</v>
      </c>
      <c r="K7408" s="2">
        <v>0</v>
      </c>
      <c r="L7408" t="s">
        <v>120</v>
      </c>
      <c r="M7408" t="s">
        <v>89</v>
      </c>
      <c r="N7408" t="s">
        <v>90</v>
      </c>
      <c r="O7408" t="s">
        <v>85</v>
      </c>
      <c r="P7408" t="s">
        <v>86</v>
      </c>
      <c r="Q7408">
        <v>13</v>
      </c>
      <c r="R7408">
        <v>13</v>
      </c>
      <c r="S7408">
        <v>14</v>
      </c>
      <c r="T7408">
        <v>14</v>
      </c>
      <c r="U7408">
        <v>14</v>
      </c>
      <c r="V7408">
        <v>15</v>
      </c>
      <c r="W7408">
        <v>15</v>
      </c>
      <c r="X7408">
        <v>15</v>
      </c>
      <c r="Y7408">
        <v>15</v>
      </c>
      <c r="Z7408">
        <v>16</v>
      </c>
      <c r="AA7408">
        <v>16</v>
      </c>
      <c r="AB7408">
        <v>16</v>
      </c>
      <c r="AC7408">
        <v>16</v>
      </c>
      <c r="AD7408">
        <v>17</v>
      </c>
      <c r="AE7408">
        <v>17</v>
      </c>
      <c r="AF7408">
        <v>17</v>
      </c>
      <c r="AG7408">
        <v>17</v>
      </c>
      <c r="AH7408">
        <v>17</v>
      </c>
      <c r="AI7408">
        <v>17</v>
      </c>
      <c r="AJ7408">
        <v>17</v>
      </c>
      <c r="AK7408">
        <v>17</v>
      </c>
      <c r="AL7408">
        <v>17</v>
      </c>
      <c r="AM7408">
        <v>17</v>
      </c>
      <c r="AN7408">
        <v>17</v>
      </c>
      <c r="AO7408">
        <v>17</v>
      </c>
      <c r="AP7408">
        <v>17</v>
      </c>
      <c r="AQ7408">
        <v>17</v>
      </c>
    </row>
    <row r="7409" spans="1:43">
      <c r="A7409" t="s">
        <v>4640</v>
      </c>
      <c r="B7409" t="s">
        <v>4641</v>
      </c>
      <c r="C7409" t="s">
        <v>4642</v>
      </c>
      <c r="D7409" t="s">
        <v>4643</v>
      </c>
      <c r="E7409" t="s">
        <v>4592</v>
      </c>
      <c r="F7409" t="s">
        <v>4593</v>
      </c>
      <c r="G7409" t="s">
        <v>80</v>
      </c>
      <c r="H7409" t="s">
        <v>81</v>
      </c>
      <c r="I7409" s="2">
        <v>1</v>
      </c>
      <c r="J7409" s="2">
        <v>0</v>
      </c>
      <c r="K7409" s="2">
        <v>0</v>
      </c>
      <c r="L7409" t="s">
        <v>120</v>
      </c>
      <c r="M7409" t="s">
        <v>83</v>
      </c>
      <c r="N7409" t="s">
        <v>91</v>
      </c>
      <c r="O7409" t="s">
        <v>85</v>
      </c>
      <c r="P7409" t="s">
        <v>86</v>
      </c>
      <c r="Q7409">
        <v>13</v>
      </c>
      <c r="R7409">
        <v>13</v>
      </c>
      <c r="S7409">
        <v>13</v>
      </c>
      <c r="T7409">
        <v>14</v>
      </c>
      <c r="U7409">
        <v>14</v>
      </c>
      <c r="V7409">
        <v>14</v>
      </c>
      <c r="W7409">
        <v>14</v>
      </c>
      <c r="X7409">
        <v>14</v>
      </c>
      <c r="Y7409">
        <v>15</v>
      </c>
      <c r="Z7409">
        <v>15</v>
      </c>
      <c r="AA7409">
        <v>15</v>
      </c>
      <c r="AB7409">
        <v>15</v>
      </c>
      <c r="AC7409">
        <v>15</v>
      </c>
      <c r="AD7409">
        <v>16</v>
      </c>
      <c r="AE7409">
        <v>16</v>
      </c>
      <c r="AF7409">
        <v>16</v>
      </c>
      <c r="AG7409">
        <v>16</v>
      </c>
      <c r="AH7409">
        <v>16</v>
      </c>
      <c r="AI7409">
        <v>16</v>
      </c>
      <c r="AJ7409">
        <v>17</v>
      </c>
      <c r="AK7409">
        <v>17</v>
      </c>
      <c r="AL7409">
        <v>17</v>
      </c>
      <c r="AM7409">
        <v>17</v>
      </c>
      <c r="AN7409">
        <v>17</v>
      </c>
      <c r="AO7409">
        <v>17</v>
      </c>
      <c r="AP7409">
        <v>17</v>
      </c>
      <c r="AQ7409">
        <v>17</v>
      </c>
    </row>
    <row r="7410" spans="1:43">
      <c r="A7410" t="s">
        <v>4644</v>
      </c>
      <c r="B7410" t="s">
        <v>4645</v>
      </c>
      <c r="C7410" t="s">
        <v>4646</v>
      </c>
      <c r="D7410" t="s">
        <v>4647</v>
      </c>
      <c r="E7410" t="s">
        <v>4592</v>
      </c>
      <c r="F7410" t="s">
        <v>4593</v>
      </c>
      <c r="G7410" t="s">
        <v>80</v>
      </c>
      <c r="H7410" t="s">
        <v>81</v>
      </c>
      <c r="I7410" s="2">
        <v>1</v>
      </c>
      <c r="J7410" s="2">
        <v>0</v>
      </c>
      <c r="K7410" s="2">
        <v>0</v>
      </c>
      <c r="L7410" t="s">
        <v>120</v>
      </c>
      <c r="M7410" t="s">
        <v>83</v>
      </c>
      <c r="N7410" t="s">
        <v>84</v>
      </c>
      <c r="O7410" t="s">
        <v>85</v>
      </c>
      <c r="P7410" t="s">
        <v>86</v>
      </c>
      <c r="Q7410">
        <v>37</v>
      </c>
      <c r="R7410">
        <v>37</v>
      </c>
      <c r="S7410">
        <v>38</v>
      </c>
      <c r="T7410">
        <v>39</v>
      </c>
      <c r="U7410">
        <v>39</v>
      </c>
      <c r="V7410">
        <v>40</v>
      </c>
      <c r="W7410">
        <v>40</v>
      </c>
      <c r="X7410">
        <v>41</v>
      </c>
      <c r="Y7410">
        <v>41</v>
      </c>
      <c r="Z7410">
        <v>42</v>
      </c>
      <c r="AA7410">
        <v>42</v>
      </c>
      <c r="AB7410">
        <v>43</v>
      </c>
      <c r="AC7410">
        <v>44</v>
      </c>
      <c r="AD7410">
        <v>44</v>
      </c>
      <c r="AE7410">
        <v>45</v>
      </c>
      <c r="AF7410">
        <v>45</v>
      </c>
      <c r="AG7410">
        <v>46</v>
      </c>
      <c r="AH7410">
        <v>46</v>
      </c>
      <c r="AI7410">
        <v>47</v>
      </c>
      <c r="AJ7410">
        <v>47</v>
      </c>
      <c r="AK7410">
        <v>48</v>
      </c>
      <c r="AL7410">
        <v>48</v>
      </c>
      <c r="AM7410">
        <v>48</v>
      </c>
      <c r="AN7410">
        <v>48</v>
      </c>
      <c r="AO7410">
        <v>48</v>
      </c>
      <c r="AP7410">
        <v>48</v>
      </c>
      <c r="AQ7410">
        <v>48</v>
      </c>
    </row>
    <row r="7411" spans="1:43">
      <c r="A7411" t="s">
        <v>4644</v>
      </c>
      <c r="B7411" t="s">
        <v>4645</v>
      </c>
      <c r="C7411" t="s">
        <v>4646</v>
      </c>
      <c r="D7411" t="s">
        <v>4647</v>
      </c>
      <c r="E7411" t="s">
        <v>4592</v>
      </c>
      <c r="F7411" t="s">
        <v>4593</v>
      </c>
      <c r="G7411" t="s">
        <v>80</v>
      </c>
      <c r="H7411" t="s">
        <v>81</v>
      </c>
      <c r="I7411" s="2">
        <v>1</v>
      </c>
      <c r="J7411" s="2">
        <v>0</v>
      </c>
      <c r="K7411" s="2">
        <v>0</v>
      </c>
      <c r="L7411" t="s">
        <v>120</v>
      </c>
      <c r="M7411" t="s">
        <v>87</v>
      </c>
      <c r="N7411" t="s">
        <v>88</v>
      </c>
      <c r="O7411" t="s">
        <v>85</v>
      </c>
      <c r="P7411" t="s">
        <v>86</v>
      </c>
      <c r="Q7411">
        <v>37</v>
      </c>
      <c r="R7411">
        <v>38</v>
      </c>
      <c r="S7411">
        <v>38</v>
      </c>
      <c r="T7411">
        <v>38</v>
      </c>
      <c r="U7411">
        <v>38</v>
      </c>
      <c r="V7411">
        <v>39</v>
      </c>
      <c r="W7411">
        <v>39</v>
      </c>
      <c r="X7411">
        <v>39</v>
      </c>
      <c r="Y7411">
        <v>39</v>
      </c>
      <c r="Z7411">
        <v>39</v>
      </c>
      <c r="AA7411">
        <v>40</v>
      </c>
      <c r="AB7411">
        <v>40</v>
      </c>
      <c r="AC7411">
        <v>40</v>
      </c>
      <c r="AD7411">
        <v>40</v>
      </c>
      <c r="AE7411">
        <v>41</v>
      </c>
      <c r="AF7411">
        <v>41</v>
      </c>
      <c r="AG7411">
        <v>41</v>
      </c>
      <c r="AH7411">
        <v>41</v>
      </c>
      <c r="AI7411">
        <v>41</v>
      </c>
      <c r="AJ7411">
        <v>41</v>
      </c>
      <c r="AK7411">
        <v>42</v>
      </c>
      <c r="AL7411">
        <v>42</v>
      </c>
      <c r="AM7411">
        <v>42</v>
      </c>
      <c r="AN7411">
        <v>42</v>
      </c>
      <c r="AO7411">
        <v>42</v>
      </c>
      <c r="AP7411">
        <v>42</v>
      </c>
      <c r="AQ7411">
        <v>43</v>
      </c>
    </row>
    <row r="7412" spans="1:43">
      <c r="A7412" t="s">
        <v>4644</v>
      </c>
      <c r="B7412" t="s">
        <v>4645</v>
      </c>
      <c r="C7412" t="s">
        <v>4646</v>
      </c>
      <c r="D7412" t="s">
        <v>4647</v>
      </c>
      <c r="E7412" t="s">
        <v>4592</v>
      </c>
      <c r="F7412" t="s">
        <v>4593</v>
      </c>
      <c r="G7412" t="s">
        <v>80</v>
      </c>
      <c r="H7412" t="s">
        <v>81</v>
      </c>
      <c r="I7412" s="2">
        <v>1</v>
      </c>
      <c r="J7412" s="2">
        <v>0</v>
      </c>
      <c r="K7412" s="2">
        <v>0</v>
      </c>
      <c r="L7412" t="s">
        <v>120</v>
      </c>
      <c r="M7412" t="s">
        <v>89</v>
      </c>
      <c r="N7412" t="s">
        <v>90</v>
      </c>
      <c r="O7412" t="s">
        <v>85</v>
      </c>
      <c r="P7412" t="s">
        <v>86</v>
      </c>
      <c r="Q7412">
        <v>37</v>
      </c>
      <c r="R7412">
        <v>38</v>
      </c>
      <c r="S7412">
        <v>39</v>
      </c>
      <c r="T7412">
        <v>40</v>
      </c>
      <c r="U7412">
        <v>41</v>
      </c>
      <c r="V7412">
        <v>41</v>
      </c>
      <c r="W7412">
        <v>42</v>
      </c>
      <c r="X7412">
        <v>43</v>
      </c>
      <c r="Y7412">
        <v>44</v>
      </c>
      <c r="Z7412">
        <v>45</v>
      </c>
      <c r="AA7412">
        <v>45</v>
      </c>
      <c r="AB7412">
        <v>46</v>
      </c>
      <c r="AC7412">
        <v>47</v>
      </c>
      <c r="AD7412">
        <v>47</v>
      </c>
      <c r="AE7412">
        <v>48</v>
      </c>
      <c r="AF7412">
        <v>48</v>
      </c>
      <c r="AG7412">
        <v>48</v>
      </c>
      <c r="AH7412">
        <v>48</v>
      </c>
      <c r="AI7412">
        <v>48</v>
      </c>
      <c r="AJ7412">
        <v>48</v>
      </c>
      <c r="AK7412">
        <v>48</v>
      </c>
      <c r="AL7412">
        <v>48</v>
      </c>
      <c r="AM7412">
        <v>49</v>
      </c>
      <c r="AN7412">
        <v>49</v>
      </c>
      <c r="AO7412">
        <v>49</v>
      </c>
      <c r="AP7412">
        <v>49</v>
      </c>
      <c r="AQ7412">
        <v>49</v>
      </c>
    </row>
    <row r="7413" spans="1:43">
      <c r="A7413" t="s">
        <v>4644</v>
      </c>
      <c r="B7413" t="s">
        <v>4645</v>
      </c>
      <c r="C7413" t="s">
        <v>4646</v>
      </c>
      <c r="D7413" t="s">
        <v>4647</v>
      </c>
      <c r="E7413" t="s">
        <v>4592</v>
      </c>
      <c r="F7413" t="s">
        <v>4593</v>
      </c>
      <c r="G7413" t="s">
        <v>80</v>
      </c>
      <c r="H7413" t="s">
        <v>81</v>
      </c>
      <c r="I7413" s="2">
        <v>1</v>
      </c>
      <c r="J7413" s="2">
        <v>0</v>
      </c>
      <c r="K7413" s="2">
        <v>0</v>
      </c>
      <c r="L7413" t="s">
        <v>120</v>
      </c>
      <c r="M7413" t="s">
        <v>83</v>
      </c>
      <c r="N7413" t="s">
        <v>91</v>
      </c>
      <c r="O7413" t="s">
        <v>85</v>
      </c>
      <c r="P7413" t="s">
        <v>86</v>
      </c>
      <c r="Q7413">
        <v>37</v>
      </c>
      <c r="R7413">
        <v>37</v>
      </c>
      <c r="S7413">
        <v>38</v>
      </c>
      <c r="T7413">
        <v>39</v>
      </c>
      <c r="U7413">
        <v>39</v>
      </c>
      <c r="V7413">
        <v>40</v>
      </c>
      <c r="W7413">
        <v>40</v>
      </c>
      <c r="X7413">
        <v>41</v>
      </c>
      <c r="Y7413">
        <v>41</v>
      </c>
      <c r="Z7413">
        <v>42</v>
      </c>
      <c r="AA7413">
        <v>42</v>
      </c>
      <c r="AB7413">
        <v>43</v>
      </c>
      <c r="AC7413">
        <v>44</v>
      </c>
      <c r="AD7413">
        <v>44</v>
      </c>
      <c r="AE7413">
        <v>45</v>
      </c>
      <c r="AF7413">
        <v>45</v>
      </c>
      <c r="AG7413">
        <v>46</v>
      </c>
      <c r="AH7413">
        <v>46</v>
      </c>
      <c r="AI7413">
        <v>47</v>
      </c>
      <c r="AJ7413">
        <v>47</v>
      </c>
      <c r="AK7413">
        <v>48</v>
      </c>
      <c r="AL7413">
        <v>48</v>
      </c>
      <c r="AM7413">
        <v>48</v>
      </c>
      <c r="AN7413">
        <v>48</v>
      </c>
      <c r="AO7413">
        <v>48</v>
      </c>
      <c r="AP7413">
        <v>48</v>
      </c>
      <c r="AQ7413">
        <v>48</v>
      </c>
    </row>
    <row r="7414" spans="1:43">
      <c r="A7414" t="s">
        <v>4648</v>
      </c>
      <c r="B7414" t="s">
        <v>4649</v>
      </c>
      <c r="C7414" t="s">
        <v>4642</v>
      </c>
      <c r="D7414" t="s">
        <v>4643</v>
      </c>
      <c r="E7414" t="s">
        <v>4592</v>
      </c>
      <c r="F7414" t="s">
        <v>4593</v>
      </c>
      <c r="G7414" t="s">
        <v>80</v>
      </c>
      <c r="H7414" t="s">
        <v>81</v>
      </c>
      <c r="I7414" s="2">
        <v>1</v>
      </c>
      <c r="J7414" s="2">
        <v>0</v>
      </c>
      <c r="K7414" s="2">
        <v>0</v>
      </c>
      <c r="L7414" t="s">
        <v>120</v>
      </c>
      <c r="M7414" t="s">
        <v>83</v>
      </c>
      <c r="N7414" t="s">
        <v>84</v>
      </c>
      <c r="O7414" t="s">
        <v>85</v>
      </c>
      <c r="P7414" t="s">
        <v>86</v>
      </c>
      <c r="Q7414">
        <v>196</v>
      </c>
      <c r="R7414">
        <v>199</v>
      </c>
      <c r="S7414">
        <v>202</v>
      </c>
      <c r="T7414">
        <v>205</v>
      </c>
      <c r="U7414">
        <v>208</v>
      </c>
      <c r="V7414">
        <v>211</v>
      </c>
      <c r="W7414">
        <v>214</v>
      </c>
      <c r="X7414">
        <v>217</v>
      </c>
      <c r="Y7414">
        <v>220</v>
      </c>
      <c r="Z7414">
        <v>223</v>
      </c>
      <c r="AA7414">
        <v>226</v>
      </c>
      <c r="AB7414">
        <v>228</v>
      </c>
      <c r="AC7414">
        <v>231</v>
      </c>
      <c r="AD7414">
        <v>234</v>
      </c>
      <c r="AE7414">
        <v>236</v>
      </c>
      <c r="AF7414">
        <v>239</v>
      </c>
      <c r="AG7414">
        <v>242</v>
      </c>
      <c r="AH7414">
        <v>244</v>
      </c>
      <c r="AI7414">
        <v>247</v>
      </c>
      <c r="AJ7414">
        <v>250</v>
      </c>
      <c r="AK7414">
        <v>252</v>
      </c>
      <c r="AL7414">
        <v>253</v>
      </c>
      <c r="AM7414">
        <v>253</v>
      </c>
      <c r="AN7414">
        <v>254</v>
      </c>
      <c r="AO7414">
        <v>254</v>
      </c>
      <c r="AP7414">
        <v>254</v>
      </c>
      <c r="AQ7414">
        <v>254</v>
      </c>
    </row>
    <row r="7415" spans="1:43">
      <c r="A7415" t="s">
        <v>4648</v>
      </c>
      <c r="B7415" t="s">
        <v>4649</v>
      </c>
      <c r="C7415" t="s">
        <v>4642</v>
      </c>
      <c r="D7415" t="s">
        <v>4643</v>
      </c>
      <c r="E7415" t="s">
        <v>4592</v>
      </c>
      <c r="F7415" t="s">
        <v>4593</v>
      </c>
      <c r="G7415" t="s">
        <v>80</v>
      </c>
      <c r="H7415" t="s">
        <v>81</v>
      </c>
      <c r="I7415" s="2">
        <v>1</v>
      </c>
      <c r="J7415" s="2">
        <v>0</v>
      </c>
      <c r="K7415" s="2">
        <v>0</v>
      </c>
      <c r="L7415" t="s">
        <v>120</v>
      </c>
      <c r="M7415" t="s">
        <v>87</v>
      </c>
      <c r="N7415" t="s">
        <v>88</v>
      </c>
      <c r="O7415" t="s">
        <v>85</v>
      </c>
      <c r="P7415" t="s">
        <v>86</v>
      </c>
      <c r="Q7415">
        <v>196</v>
      </c>
      <c r="R7415">
        <v>197</v>
      </c>
      <c r="S7415">
        <v>199</v>
      </c>
      <c r="T7415">
        <v>200</v>
      </c>
      <c r="U7415">
        <v>201</v>
      </c>
      <c r="V7415">
        <v>202</v>
      </c>
      <c r="W7415">
        <v>203</v>
      </c>
      <c r="X7415">
        <v>204</v>
      </c>
      <c r="Y7415">
        <v>206</v>
      </c>
      <c r="Z7415">
        <v>207</v>
      </c>
      <c r="AA7415">
        <v>208</v>
      </c>
      <c r="AB7415">
        <v>209</v>
      </c>
      <c r="AC7415">
        <v>210</v>
      </c>
      <c r="AD7415">
        <v>211</v>
      </c>
      <c r="AE7415">
        <v>212</v>
      </c>
      <c r="AF7415">
        <v>213</v>
      </c>
      <c r="AG7415">
        <v>213</v>
      </c>
      <c r="AH7415">
        <v>214</v>
      </c>
      <c r="AI7415">
        <v>215</v>
      </c>
      <c r="AJ7415">
        <v>216</v>
      </c>
      <c r="AK7415">
        <v>217</v>
      </c>
      <c r="AL7415">
        <v>218</v>
      </c>
      <c r="AM7415">
        <v>219</v>
      </c>
      <c r="AN7415">
        <v>219</v>
      </c>
      <c r="AO7415">
        <v>220</v>
      </c>
      <c r="AP7415">
        <v>221</v>
      </c>
      <c r="AQ7415">
        <v>222</v>
      </c>
    </row>
    <row r="7416" spans="1:43">
      <c r="A7416" t="s">
        <v>4648</v>
      </c>
      <c r="B7416" t="s">
        <v>4649</v>
      </c>
      <c r="C7416" t="s">
        <v>4642</v>
      </c>
      <c r="D7416" t="s">
        <v>4643</v>
      </c>
      <c r="E7416" t="s">
        <v>4592</v>
      </c>
      <c r="F7416" t="s">
        <v>4593</v>
      </c>
      <c r="G7416" t="s">
        <v>80</v>
      </c>
      <c r="H7416" t="s">
        <v>81</v>
      </c>
      <c r="I7416" s="2">
        <v>1</v>
      </c>
      <c r="J7416" s="2">
        <v>0</v>
      </c>
      <c r="K7416" s="2">
        <v>0</v>
      </c>
      <c r="L7416" t="s">
        <v>120</v>
      </c>
      <c r="M7416" t="s">
        <v>89</v>
      </c>
      <c r="N7416" t="s">
        <v>90</v>
      </c>
      <c r="O7416" t="s">
        <v>85</v>
      </c>
      <c r="P7416" t="s">
        <v>86</v>
      </c>
      <c r="Q7416">
        <v>196</v>
      </c>
      <c r="R7416">
        <v>200</v>
      </c>
      <c r="S7416">
        <v>205</v>
      </c>
      <c r="T7416">
        <v>210</v>
      </c>
      <c r="U7416">
        <v>214</v>
      </c>
      <c r="V7416">
        <v>219</v>
      </c>
      <c r="W7416">
        <v>223</v>
      </c>
      <c r="X7416">
        <v>227</v>
      </c>
      <c r="Y7416">
        <v>231</v>
      </c>
      <c r="Z7416">
        <v>235</v>
      </c>
      <c r="AA7416">
        <v>238</v>
      </c>
      <c r="AB7416">
        <v>242</v>
      </c>
      <c r="AC7416">
        <v>246</v>
      </c>
      <c r="AD7416">
        <v>249</v>
      </c>
      <c r="AE7416">
        <v>252</v>
      </c>
      <c r="AF7416">
        <v>252</v>
      </c>
      <c r="AG7416">
        <v>253</v>
      </c>
      <c r="AH7416">
        <v>253</v>
      </c>
      <c r="AI7416">
        <v>253</v>
      </c>
      <c r="AJ7416">
        <v>253</v>
      </c>
      <c r="AK7416">
        <v>254</v>
      </c>
      <c r="AL7416">
        <v>254</v>
      </c>
      <c r="AM7416">
        <v>254</v>
      </c>
      <c r="AN7416">
        <v>254</v>
      </c>
      <c r="AO7416">
        <v>254</v>
      </c>
      <c r="AP7416">
        <v>254</v>
      </c>
      <c r="AQ7416">
        <v>255</v>
      </c>
    </row>
    <row r="7417" spans="1:43">
      <c r="A7417" t="s">
        <v>4648</v>
      </c>
      <c r="B7417" t="s">
        <v>4649</v>
      </c>
      <c r="C7417" t="s">
        <v>4642</v>
      </c>
      <c r="D7417" t="s">
        <v>4643</v>
      </c>
      <c r="E7417" t="s">
        <v>4592</v>
      </c>
      <c r="F7417" t="s">
        <v>4593</v>
      </c>
      <c r="G7417" t="s">
        <v>80</v>
      </c>
      <c r="H7417" t="s">
        <v>81</v>
      </c>
      <c r="I7417" s="2">
        <v>1</v>
      </c>
      <c r="J7417" s="2">
        <v>0</v>
      </c>
      <c r="K7417" s="2">
        <v>0</v>
      </c>
      <c r="L7417" t="s">
        <v>120</v>
      </c>
      <c r="M7417" t="s">
        <v>83</v>
      </c>
      <c r="N7417" t="s">
        <v>91</v>
      </c>
      <c r="O7417" t="s">
        <v>85</v>
      </c>
      <c r="P7417" t="s">
        <v>86</v>
      </c>
      <c r="Q7417">
        <v>196</v>
      </c>
      <c r="R7417">
        <v>199</v>
      </c>
      <c r="S7417">
        <v>202</v>
      </c>
      <c r="T7417">
        <v>205</v>
      </c>
      <c r="U7417">
        <v>208</v>
      </c>
      <c r="V7417">
        <v>211</v>
      </c>
      <c r="W7417">
        <v>214</v>
      </c>
      <c r="X7417">
        <v>217</v>
      </c>
      <c r="Y7417">
        <v>220</v>
      </c>
      <c r="Z7417">
        <v>223</v>
      </c>
      <c r="AA7417">
        <v>226</v>
      </c>
      <c r="AB7417">
        <v>228</v>
      </c>
      <c r="AC7417">
        <v>231</v>
      </c>
      <c r="AD7417">
        <v>234</v>
      </c>
      <c r="AE7417">
        <v>236</v>
      </c>
      <c r="AF7417">
        <v>239</v>
      </c>
      <c r="AG7417">
        <v>242</v>
      </c>
      <c r="AH7417">
        <v>244</v>
      </c>
      <c r="AI7417">
        <v>247</v>
      </c>
      <c r="AJ7417">
        <v>250</v>
      </c>
      <c r="AK7417">
        <v>252</v>
      </c>
      <c r="AL7417">
        <v>253</v>
      </c>
      <c r="AM7417">
        <v>253</v>
      </c>
      <c r="AN7417">
        <v>254</v>
      </c>
      <c r="AO7417">
        <v>254</v>
      </c>
      <c r="AP7417">
        <v>254</v>
      </c>
      <c r="AQ7417">
        <v>254</v>
      </c>
    </row>
    <row r="7418" spans="1:43">
      <c r="A7418" t="s">
        <v>4650</v>
      </c>
      <c r="B7418" t="s">
        <v>4651</v>
      </c>
      <c r="C7418" t="s">
        <v>4646</v>
      </c>
      <c r="D7418" t="s">
        <v>4647</v>
      </c>
      <c r="E7418" t="s">
        <v>4592</v>
      </c>
      <c r="F7418" t="s">
        <v>4593</v>
      </c>
      <c r="G7418" t="s">
        <v>80</v>
      </c>
      <c r="H7418" t="s">
        <v>81</v>
      </c>
      <c r="I7418" s="2">
        <v>1</v>
      </c>
      <c r="J7418" s="2">
        <v>0</v>
      </c>
      <c r="K7418" s="2">
        <v>0</v>
      </c>
      <c r="L7418" t="s">
        <v>120</v>
      </c>
      <c r="M7418" t="s">
        <v>83</v>
      </c>
      <c r="N7418" t="s">
        <v>84</v>
      </c>
      <c r="O7418" t="s">
        <v>85</v>
      </c>
      <c r="P7418" t="s">
        <v>86</v>
      </c>
      <c r="Q7418">
        <v>127</v>
      </c>
      <c r="R7418">
        <v>129</v>
      </c>
      <c r="S7418">
        <v>131</v>
      </c>
      <c r="T7418">
        <v>133</v>
      </c>
      <c r="U7418">
        <v>135</v>
      </c>
      <c r="V7418">
        <v>137</v>
      </c>
      <c r="W7418">
        <v>139</v>
      </c>
      <c r="X7418">
        <v>141</v>
      </c>
      <c r="Y7418">
        <v>143</v>
      </c>
      <c r="Z7418">
        <v>145</v>
      </c>
      <c r="AA7418">
        <v>147</v>
      </c>
      <c r="AB7418">
        <v>149</v>
      </c>
      <c r="AC7418">
        <v>151</v>
      </c>
      <c r="AD7418">
        <v>153</v>
      </c>
      <c r="AE7418">
        <v>154</v>
      </c>
      <c r="AF7418">
        <v>156</v>
      </c>
      <c r="AG7418">
        <v>158</v>
      </c>
      <c r="AH7418">
        <v>160</v>
      </c>
      <c r="AI7418">
        <v>162</v>
      </c>
      <c r="AJ7418">
        <v>163</v>
      </c>
      <c r="AK7418">
        <v>165</v>
      </c>
      <c r="AL7418">
        <v>166</v>
      </c>
      <c r="AM7418">
        <v>166</v>
      </c>
      <c r="AN7418">
        <v>166</v>
      </c>
      <c r="AO7418">
        <v>166</v>
      </c>
      <c r="AP7418">
        <v>166</v>
      </c>
      <c r="AQ7418">
        <v>167</v>
      </c>
    </row>
    <row r="7419" spans="1:43">
      <c r="A7419" t="s">
        <v>4650</v>
      </c>
      <c r="B7419" t="s">
        <v>4651</v>
      </c>
      <c r="C7419" t="s">
        <v>4646</v>
      </c>
      <c r="D7419" t="s">
        <v>4647</v>
      </c>
      <c r="E7419" t="s">
        <v>4592</v>
      </c>
      <c r="F7419" t="s">
        <v>4593</v>
      </c>
      <c r="G7419" t="s">
        <v>80</v>
      </c>
      <c r="H7419" t="s">
        <v>81</v>
      </c>
      <c r="I7419" s="2">
        <v>1</v>
      </c>
      <c r="J7419" s="2">
        <v>0</v>
      </c>
      <c r="K7419" s="2">
        <v>0</v>
      </c>
      <c r="L7419" t="s">
        <v>120</v>
      </c>
      <c r="M7419" t="s">
        <v>87</v>
      </c>
      <c r="N7419" t="s">
        <v>88</v>
      </c>
      <c r="O7419" t="s">
        <v>85</v>
      </c>
      <c r="P7419" t="s">
        <v>86</v>
      </c>
      <c r="Q7419">
        <v>127</v>
      </c>
      <c r="R7419">
        <v>128</v>
      </c>
      <c r="S7419">
        <v>129</v>
      </c>
      <c r="T7419">
        <v>130</v>
      </c>
      <c r="U7419">
        <v>130</v>
      </c>
      <c r="V7419">
        <v>131</v>
      </c>
      <c r="W7419">
        <v>132</v>
      </c>
      <c r="X7419">
        <v>133</v>
      </c>
      <c r="Y7419">
        <v>134</v>
      </c>
      <c r="Z7419">
        <v>134</v>
      </c>
      <c r="AA7419">
        <v>135</v>
      </c>
      <c r="AB7419">
        <v>136</v>
      </c>
      <c r="AC7419">
        <v>136</v>
      </c>
      <c r="AD7419">
        <v>137</v>
      </c>
      <c r="AE7419">
        <v>138</v>
      </c>
      <c r="AF7419">
        <v>138</v>
      </c>
      <c r="AG7419">
        <v>139</v>
      </c>
      <c r="AH7419">
        <v>140</v>
      </c>
      <c r="AI7419">
        <v>140</v>
      </c>
      <c r="AJ7419">
        <v>141</v>
      </c>
      <c r="AK7419">
        <v>141</v>
      </c>
      <c r="AL7419">
        <v>142</v>
      </c>
      <c r="AM7419">
        <v>143</v>
      </c>
      <c r="AN7419">
        <v>143</v>
      </c>
      <c r="AO7419">
        <v>144</v>
      </c>
      <c r="AP7419">
        <v>144</v>
      </c>
      <c r="AQ7419">
        <v>145</v>
      </c>
    </row>
    <row r="7420" spans="1:43">
      <c r="A7420" t="s">
        <v>4650</v>
      </c>
      <c r="B7420" t="s">
        <v>4651</v>
      </c>
      <c r="C7420" t="s">
        <v>4646</v>
      </c>
      <c r="D7420" t="s">
        <v>4647</v>
      </c>
      <c r="E7420" t="s">
        <v>4592</v>
      </c>
      <c r="F7420" t="s">
        <v>4593</v>
      </c>
      <c r="G7420" t="s">
        <v>80</v>
      </c>
      <c r="H7420" t="s">
        <v>81</v>
      </c>
      <c r="I7420" s="2">
        <v>1</v>
      </c>
      <c r="J7420" s="2">
        <v>0</v>
      </c>
      <c r="K7420" s="2">
        <v>0</v>
      </c>
      <c r="L7420" t="s">
        <v>120</v>
      </c>
      <c r="M7420" t="s">
        <v>89</v>
      </c>
      <c r="N7420" t="s">
        <v>90</v>
      </c>
      <c r="O7420" t="s">
        <v>85</v>
      </c>
      <c r="P7420" t="s">
        <v>86</v>
      </c>
      <c r="Q7420">
        <v>127</v>
      </c>
      <c r="R7420">
        <v>131</v>
      </c>
      <c r="S7420">
        <v>134</v>
      </c>
      <c r="T7420">
        <v>137</v>
      </c>
      <c r="U7420">
        <v>140</v>
      </c>
      <c r="V7420">
        <v>143</v>
      </c>
      <c r="W7420">
        <v>145</v>
      </c>
      <c r="X7420">
        <v>148</v>
      </c>
      <c r="Y7420">
        <v>151</v>
      </c>
      <c r="Z7420">
        <v>153</v>
      </c>
      <c r="AA7420">
        <v>156</v>
      </c>
      <c r="AB7420">
        <v>158</v>
      </c>
      <c r="AC7420">
        <v>161</v>
      </c>
      <c r="AD7420">
        <v>163</v>
      </c>
      <c r="AE7420">
        <v>165</v>
      </c>
      <c r="AF7420">
        <v>165</v>
      </c>
      <c r="AG7420">
        <v>166</v>
      </c>
      <c r="AH7420">
        <v>166</v>
      </c>
      <c r="AI7420">
        <v>166</v>
      </c>
      <c r="AJ7420">
        <v>166</v>
      </c>
      <c r="AK7420">
        <v>166</v>
      </c>
      <c r="AL7420">
        <v>167</v>
      </c>
      <c r="AM7420">
        <v>167</v>
      </c>
      <c r="AN7420">
        <v>167</v>
      </c>
      <c r="AO7420">
        <v>167</v>
      </c>
      <c r="AP7420">
        <v>167</v>
      </c>
      <c r="AQ7420">
        <v>167</v>
      </c>
    </row>
    <row r="7421" spans="1:43">
      <c r="A7421" t="s">
        <v>4650</v>
      </c>
      <c r="B7421" t="s">
        <v>4651</v>
      </c>
      <c r="C7421" t="s">
        <v>4646</v>
      </c>
      <c r="D7421" t="s">
        <v>4647</v>
      </c>
      <c r="E7421" t="s">
        <v>4592</v>
      </c>
      <c r="F7421" t="s">
        <v>4593</v>
      </c>
      <c r="G7421" t="s">
        <v>80</v>
      </c>
      <c r="H7421" t="s">
        <v>81</v>
      </c>
      <c r="I7421" s="2">
        <v>1</v>
      </c>
      <c r="J7421" s="2">
        <v>0</v>
      </c>
      <c r="K7421" s="2">
        <v>0</v>
      </c>
      <c r="L7421" t="s">
        <v>120</v>
      </c>
      <c r="M7421" t="s">
        <v>83</v>
      </c>
      <c r="N7421" t="s">
        <v>91</v>
      </c>
      <c r="O7421" t="s">
        <v>85</v>
      </c>
      <c r="P7421" t="s">
        <v>86</v>
      </c>
      <c r="Q7421">
        <v>127</v>
      </c>
      <c r="R7421">
        <v>129</v>
      </c>
      <c r="S7421">
        <v>131</v>
      </c>
      <c r="T7421">
        <v>133</v>
      </c>
      <c r="U7421">
        <v>135</v>
      </c>
      <c r="V7421">
        <v>137</v>
      </c>
      <c r="W7421">
        <v>139</v>
      </c>
      <c r="X7421">
        <v>141</v>
      </c>
      <c r="Y7421">
        <v>143</v>
      </c>
      <c r="Z7421">
        <v>145</v>
      </c>
      <c r="AA7421">
        <v>147</v>
      </c>
      <c r="AB7421">
        <v>149</v>
      </c>
      <c r="AC7421">
        <v>151</v>
      </c>
      <c r="AD7421">
        <v>153</v>
      </c>
      <c r="AE7421">
        <v>154</v>
      </c>
      <c r="AF7421">
        <v>156</v>
      </c>
      <c r="AG7421">
        <v>158</v>
      </c>
      <c r="AH7421">
        <v>160</v>
      </c>
      <c r="AI7421">
        <v>162</v>
      </c>
      <c r="AJ7421">
        <v>163</v>
      </c>
      <c r="AK7421">
        <v>165</v>
      </c>
      <c r="AL7421">
        <v>166</v>
      </c>
      <c r="AM7421">
        <v>166</v>
      </c>
      <c r="AN7421">
        <v>166</v>
      </c>
      <c r="AO7421">
        <v>166</v>
      </c>
      <c r="AP7421">
        <v>166</v>
      </c>
      <c r="AQ7421">
        <v>167</v>
      </c>
    </row>
    <row r="7422" spans="1:43">
      <c r="A7422" t="s">
        <v>4652</v>
      </c>
      <c r="B7422" t="s">
        <v>4653</v>
      </c>
      <c r="C7422" t="s">
        <v>4642</v>
      </c>
      <c r="D7422" t="s">
        <v>4643</v>
      </c>
      <c r="E7422" t="s">
        <v>4592</v>
      </c>
      <c r="F7422" t="s">
        <v>4593</v>
      </c>
      <c r="G7422" t="s">
        <v>80</v>
      </c>
      <c r="H7422" t="s">
        <v>81</v>
      </c>
      <c r="I7422" s="2">
        <v>1</v>
      </c>
      <c r="J7422" s="2">
        <v>0</v>
      </c>
      <c r="K7422" s="2">
        <v>0</v>
      </c>
      <c r="L7422" t="s">
        <v>120</v>
      </c>
      <c r="M7422" t="s">
        <v>83</v>
      </c>
      <c r="N7422" t="s">
        <v>84</v>
      </c>
      <c r="O7422" t="s">
        <v>85</v>
      </c>
      <c r="P7422" t="s">
        <v>86</v>
      </c>
      <c r="Q7422">
        <v>14</v>
      </c>
      <c r="R7422">
        <v>14</v>
      </c>
      <c r="S7422">
        <v>14</v>
      </c>
      <c r="T7422">
        <v>15</v>
      </c>
      <c r="U7422">
        <v>15</v>
      </c>
      <c r="V7422">
        <v>15</v>
      </c>
      <c r="W7422">
        <v>15</v>
      </c>
      <c r="X7422">
        <v>16</v>
      </c>
      <c r="Y7422">
        <v>16</v>
      </c>
      <c r="Z7422">
        <v>16</v>
      </c>
      <c r="AA7422">
        <v>16</v>
      </c>
      <c r="AB7422">
        <v>16</v>
      </c>
      <c r="AC7422">
        <v>17</v>
      </c>
      <c r="AD7422">
        <v>17</v>
      </c>
      <c r="AE7422">
        <v>17</v>
      </c>
      <c r="AF7422">
        <v>17</v>
      </c>
      <c r="AG7422">
        <v>17</v>
      </c>
      <c r="AH7422">
        <v>18</v>
      </c>
      <c r="AI7422">
        <v>18</v>
      </c>
      <c r="AJ7422">
        <v>18</v>
      </c>
      <c r="AK7422">
        <v>18</v>
      </c>
      <c r="AL7422">
        <v>18</v>
      </c>
      <c r="AM7422">
        <v>18</v>
      </c>
      <c r="AN7422">
        <v>18</v>
      </c>
      <c r="AO7422">
        <v>18</v>
      </c>
      <c r="AP7422">
        <v>18</v>
      </c>
      <c r="AQ7422">
        <v>18</v>
      </c>
    </row>
    <row r="7423" spans="1:43">
      <c r="A7423" t="s">
        <v>4652</v>
      </c>
      <c r="B7423" t="s">
        <v>4653</v>
      </c>
      <c r="C7423" t="s">
        <v>4642</v>
      </c>
      <c r="D7423" t="s">
        <v>4643</v>
      </c>
      <c r="E7423" t="s">
        <v>4592</v>
      </c>
      <c r="F7423" t="s">
        <v>4593</v>
      </c>
      <c r="G7423" t="s">
        <v>80</v>
      </c>
      <c r="H7423" t="s">
        <v>81</v>
      </c>
      <c r="I7423" s="2">
        <v>1</v>
      </c>
      <c r="J7423" s="2">
        <v>0</v>
      </c>
      <c r="K7423" s="2">
        <v>0</v>
      </c>
      <c r="L7423" t="s">
        <v>120</v>
      </c>
      <c r="M7423" t="s">
        <v>87</v>
      </c>
      <c r="N7423" t="s">
        <v>88</v>
      </c>
      <c r="O7423" t="s">
        <v>85</v>
      </c>
      <c r="P7423" t="s">
        <v>86</v>
      </c>
      <c r="Q7423">
        <v>14</v>
      </c>
      <c r="R7423">
        <v>14</v>
      </c>
      <c r="S7423">
        <v>14</v>
      </c>
      <c r="T7423">
        <v>14</v>
      </c>
      <c r="U7423">
        <v>14</v>
      </c>
      <c r="V7423">
        <v>14</v>
      </c>
      <c r="W7423">
        <v>14</v>
      </c>
      <c r="X7423">
        <v>14</v>
      </c>
      <c r="Y7423">
        <v>15</v>
      </c>
      <c r="Z7423">
        <v>15</v>
      </c>
      <c r="AA7423">
        <v>15</v>
      </c>
      <c r="AB7423">
        <v>15</v>
      </c>
      <c r="AC7423">
        <v>15</v>
      </c>
      <c r="AD7423">
        <v>15</v>
      </c>
      <c r="AE7423">
        <v>15</v>
      </c>
      <c r="AF7423">
        <v>15</v>
      </c>
      <c r="AG7423">
        <v>15</v>
      </c>
      <c r="AH7423">
        <v>15</v>
      </c>
      <c r="AI7423">
        <v>15</v>
      </c>
      <c r="AJ7423">
        <v>15</v>
      </c>
      <c r="AK7423">
        <v>15</v>
      </c>
      <c r="AL7423">
        <v>15</v>
      </c>
      <c r="AM7423">
        <v>16</v>
      </c>
      <c r="AN7423">
        <v>16</v>
      </c>
      <c r="AO7423">
        <v>16</v>
      </c>
      <c r="AP7423">
        <v>16</v>
      </c>
      <c r="AQ7423">
        <v>16</v>
      </c>
    </row>
    <row r="7424" spans="1:43">
      <c r="A7424" t="s">
        <v>4652</v>
      </c>
      <c r="B7424" t="s">
        <v>4653</v>
      </c>
      <c r="C7424" t="s">
        <v>4642</v>
      </c>
      <c r="D7424" t="s">
        <v>4643</v>
      </c>
      <c r="E7424" t="s">
        <v>4592</v>
      </c>
      <c r="F7424" t="s">
        <v>4593</v>
      </c>
      <c r="G7424" t="s">
        <v>80</v>
      </c>
      <c r="H7424" t="s">
        <v>81</v>
      </c>
      <c r="I7424" s="2">
        <v>1</v>
      </c>
      <c r="J7424" s="2">
        <v>0</v>
      </c>
      <c r="K7424" s="2">
        <v>0</v>
      </c>
      <c r="L7424" t="s">
        <v>120</v>
      </c>
      <c r="M7424" t="s">
        <v>89</v>
      </c>
      <c r="N7424" t="s">
        <v>90</v>
      </c>
      <c r="O7424" t="s">
        <v>85</v>
      </c>
      <c r="P7424" t="s">
        <v>86</v>
      </c>
      <c r="Q7424">
        <v>14</v>
      </c>
      <c r="R7424">
        <v>14</v>
      </c>
      <c r="S7424">
        <v>15</v>
      </c>
      <c r="T7424">
        <v>15</v>
      </c>
      <c r="U7424">
        <v>15</v>
      </c>
      <c r="V7424">
        <v>16</v>
      </c>
      <c r="W7424">
        <v>16</v>
      </c>
      <c r="X7424">
        <v>16</v>
      </c>
      <c r="Y7424">
        <v>17</v>
      </c>
      <c r="Z7424">
        <v>17</v>
      </c>
      <c r="AA7424">
        <v>17</v>
      </c>
      <c r="AB7424">
        <v>17</v>
      </c>
      <c r="AC7424">
        <v>18</v>
      </c>
      <c r="AD7424">
        <v>18</v>
      </c>
      <c r="AE7424">
        <v>18</v>
      </c>
      <c r="AF7424">
        <v>18</v>
      </c>
      <c r="AG7424">
        <v>18</v>
      </c>
      <c r="AH7424">
        <v>18</v>
      </c>
      <c r="AI7424">
        <v>18</v>
      </c>
      <c r="AJ7424">
        <v>18</v>
      </c>
      <c r="AK7424">
        <v>18</v>
      </c>
      <c r="AL7424">
        <v>18</v>
      </c>
      <c r="AM7424">
        <v>18</v>
      </c>
      <c r="AN7424">
        <v>18</v>
      </c>
      <c r="AO7424">
        <v>18</v>
      </c>
      <c r="AP7424">
        <v>18</v>
      </c>
      <c r="AQ7424">
        <v>18</v>
      </c>
    </row>
    <row r="7425" spans="1:43">
      <c r="A7425" t="s">
        <v>4652</v>
      </c>
      <c r="B7425" t="s">
        <v>4653</v>
      </c>
      <c r="C7425" t="s">
        <v>4642</v>
      </c>
      <c r="D7425" t="s">
        <v>4643</v>
      </c>
      <c r="E7425" t="s">
        <v>4592</v>
      </c>
      <c r="F7425" t="s">
        <v>4593</v>
      </c>
      <c r="G7425" t="s">
        <v>80</v>
      </c>
      <c r="H7425" t="s">
        <v>81</v>
      </c>
      <c r="I7425" s="2">
        <v>1</v>
      </c>
      <c r="J7425" s="2">
        <v>0</v>
      </c>
      <c r="K7425" s="2">
        <v>0</v>
      </c>
      <c r="L7425" t="s">
        <v>120</v>
      </c>
      <c r="M7425" t="s">
        <v>83</v>
      </c>
      <c r="N7425" t="s">
        <v>91</v>
      </c>
      <c r="O7425" t="s">
        <v>85</v>
      </c>
      <c r="P7425" t="s">
        <v>86</v>
      </c>
      <c r="Q7425">
        <v>14</v>
      </c>
      <c r="R7425">
        <v>14</v>
      </c>
      <c r="S7425">
        <v>14</v>
      </c>
      <c r="T7425">
        <v>15</v>
      </c>
      <c r="U7425">
        <v>15</v>
      </c>
      <c r="V7425">
        <v>15</v>
      </c>
      <c r="W7425">
        <v>15</v>
      </c>
      <c r="X7425">
        <v>16</v>
      </c>
      <c r="Y7425">
        <v>16</v>
      </c>
      <c r="Z7425">
        <v>16</v>
      </c>
      <c r="AA7425">
        <v>16</v>
      </c>
      <c r="AB7425">
        <v>16</v>
      </c>
      <c r="AC7425">
        <v>17</v>
      </c>
      <c r="AD7425">
        <v>17</v>
      </c>
      <c r="AE7425">
        <v>17</v>
      </c>
      <c r="AF7425">
        <v>17</v>
      </c>
      <c r="AG7425">
        <v>17</v>
      </c>
      <c r="AH7425">
        <v>18</v>
      </c>
      <c r="AI7425">
        <v>18</v>
      </c>
      <c r="AJ7425">
        <v>18</v>
      </c>
      <c r="AK7425">
        <v>18</v>
      </c>
      <c r="AL7425">
        <v>18</v>
      </c>
      <c r="AM7425">
        <v>18</v>
      </c>
      <c r="AN7425">
        <v>18</v>
      </c>
      <c r="AO7425">
        <v>18</v>
      </c>
      <c r="AP7425">
        <v>18</v>
      </c>
      <c r="AQ7425">
        <v>18</v>
      </c>
    </row>
    <row r="7426" spans="1:43">
      <c r="A7426" t="s">
        <v>4654</v>
      </c>
      <c r="B7426" t="s">
        <v>4655</v>
      </c>
      <c r="C7426" t="s">
        <v>4656</v>
      </c>
      <c r="D7426" t="s">
        <v>4657</v>
      </c>
      <c r="E7426" t="s">
        <v>4592</v>
      </c>
      <c r="F7426" t="s">
        <v>4593</v>
      </c>
      <c r="G7426" t="s">
        <v>80</v>
      </c>
      <c r="H7426" t="s">
        <v>81</v>
      </c>
      <c r="I7426" s="2">
        <v>1</v>
      </c>
      <c r="J7426" s="2">
        <v>0</v>
      </c>
      <c r="K7426" s="2">
        <v>0</v>
      </c>
      <c r="L7426" t="s">
        <v>120</v>
      </c>
      <c r="M7426" t="s">
        <v>83</v>
      </c>
      <c r="N7426" t="s">
        <v>84</v>
      </c>
      <c r="O7426" t="s">
        <v>85</v>
      </c>
      <c r="P7426" t="s">
        <v>86</v>
      </c>
      <c r="Q7426">
        <v>79</v>
      </c>
      <c r="R7426">
        <v>81</v>
      </c>
      <c r="S7426">
        <v>82</v>
      </c>
      <c r="T7426">
        <v>83</v>
      </c>
      <c r="U7426">
        <v>84</v>
      </c>
      <c r="V7426">
        <v>85</v>
      </c>
      <c r="W7426">
        <v>87</v>
      </c>
      <c r="X7426">
        <v>88</v>
      </c>
      <c r="Y7426">
        <v>89</v>
      </c>
      <c r="Z7426">
        <v>90</v>
      </c>
      <c r="AA7426">
        <v>91</v>
      </c>
      <c r="AB7426">
        <v>92</v>
      </c>
      <c r="AC7426">
        <v>93</v>
      </c>
      <c r="AD7426">
        <v>94</v>
      </c>
      <c r="AE7426">
        <v>95</v>
      </c>
      <c r="AF7426">
        <v>96</v>
      </c>
      <c r="AG7426">
        <v>97</v>
      </c>
      <c r="AH7426">
        <v>98</v>
      </c>
      <c r="AI7426">
        <v>99</v>
      </c>
      <c r="AJ7426">
        <v>100</v>
      </c>
      <c r="AK7426">
        <v>101</v>
      </c>
      <c r="AL7426">
        <v>101</v>
      </c>
      <c r="AM7426">
        <v>101</v>
      </c>
      <c r="AN7426">
        <v>101</v>
      </c>
      <c r="AO7426">
        <v>101</v>
      </c>
      <c r="AP7426">
        <v>101</v>
      </c>
      <c r="AQ7426">
        <v>101</v>
      </c>
    </row>
    <row r="7427" spans="1:43">
      <c r="A7427" t="s">
        <v>4654</v>
      </c>
      <c r="B7427" t="s">
        <v>4655</v>
      </c>
      <c r="C7427" t="s">
        <v>4656</v>
      </c>
      <c r="D7427" t="s">
        <v>4657</v>
      </c>
      <c r="E7427" t="s">
        <v>4592</v>
      </c>
      <c r="F7427" t="s">
        <v>4593</v>
      </c>
      <c r="G7427" t="s">
        <v>80</v>
      </c>
      <c r="H7427" t="s">
        <v>81</v>
      </c>
      <c r="I7427" s="2">
        <v>1</v>
      </c>
      <c r="J7427" s="2">
        <v>0</v>
      </c>
      <c r="K7427" s="2">
        <v>0</v>
      </c>
      <c r="L7427" t="s">
        <v>120</v>
      </c>
      <c r="M7427" t="s">
        <v>87</v>
      </c>
      <c r="N7427" t="s">
        <v>88</v>
      </c>
      <c r="O7427" t="s">
        <v>85</v>
      </c>
      <c r="P7427" t="s">
        <v>86</v>
      </c>
      <c r="Q7427">
        <v>79</v>
      </c>
      <c r="R7427">
        <v>79</v>
      </c>
      <c r="S7427">
        <v>80</v>
      </c>
      <c r="T7427">
        <v>80</v>
      </c>
      <c r="U7427">
        <v>81</v>
      </c>
      <c r="V7427">
        <v>81</v>
      </c>
      <c r="W7427">
        <v>81</v>
      </c>
      <c r="X7427">
        <v>82</v>
      </c>
      <c r="Y7427">
        <v>82</v>
      </c>
      <c r="Z7427">
        <v>82</v>
      </c>
      <c r="AA7427">
        <v>83</v>
      </c>
      <c r="AB7427">
        <v>83</v>
      </c>
      <c r="AC7427">
        <v>84</v>
      </c>
      <c r="AD7427">
        <v>84</v>
      </c>
      <c r="AE7427">
        <v>84</v>
      </c>
      <c r="AF7427">
        <v>85</v>
      </c>
      <c r="AG7427">
        <v>85</v>
      </c>
      <c r="AH7427">
        <v>85</v>
      </c>
      <c r="AI7427">
        <v>86</v>
      </c>
      <c r="AJ7427">
        <v>86</v>
      </c>
      <c r="AK7427">
        <v>86</v>
      </c>
      <c r="AL7427">
        <v>86</v>
      </c>
      <c r="AM7427">
        <v>87</v>
      </c>
      <c r="AN7427">
        <v>87</v>
      </c>
      <c r="AO7427">
        <v>87</v>
      </c>
      <c r="AP7427">
        <v>87</v>
      </c>
      <c r="AQ7427">
        <v>88</v>
      </c>
    </row>
    <row r="7428" spans="1:43">
      <c r="A7428" t="s">
        <v>4654</v>
      </c>
      <c r="B7428" t="s">
        <v>4655</v>
      </c>
      <c r="C7428" t="s">
        <v>4656</v>
      </c>
      <c r="D7428" t="s">
        <v>4657</v>
      </c>
      <c r="E7428" t="s">
        <v>4592</v>
      </c>
      <c r="F7428" t="s">
        <v>4593</v>
      </c>
      <c r="G7428" t="s">
        <v>80</v>
      </c>
      <c r="H7428" t="s">
        <v>81</v>
      </c>
      <c r="I7428" s="2">
        <v>1</v>
      </c>
      <c r="J7428" s="2">
        <v>0</v>
      </c>
      <c r="K7428" s="2">
        <v>0</v>
      </c>
      <c r="L7428" t="s">
        <v>120</v>
      </c>
      <c r="M7428" t="s">
        <v>89</v>
      </c>
      <c r="N7428" t="s">
        <v>90</v>
      </c>
      <c r="O7428" t="s">
        <v>85</v>
      </c>
      <c r="P7428" t="s">
        <v>86</v>
      </c>
      <c r="Q7428">
        <v>79</v>
      </c>
      <c r="R7428">
        <v>81</v>
      </c>
      <c r="S7428">
        <v>83</v>
      </c>
      <c r="T7428">
        <v>85</v>
      </c>
      <c r="U7428">
        <v>87</v>
      </c>
      <c r="V7428">
        <v>88</v>
      </c>
      <c r="W7428">
        <v>90</v>
      </c>
      <c r="X7428">
        <v>91</v>
      </c>
      <c r="Y7428">
        <v>93</v>
      </c>
      <c r="Z7428">
        <v>94</v>
      </c>
      <c r="AA7428">
        <v>96</v>
      </c>
      <c r="AB7428">
        <v>97</v>
      </c>
      <c r="AC7428">
        <v>98</v>
      </c>
      <c r="AD7428">
        <v>100</v>
      </c>
      <c r="AE7428">
        <v>101</v>
      </c>
      <c r="AF7428">
        <v>101</v>
      </c>
      <c r="AG7428">
        <v>101</v>
      </c>
      <c r="AH7428">
        <v>101</v>
      </c>
      <c r="AI7428">
        <v>101</v>
      </c>
      <c r="AJ7428">
        <v>101</v>
      </c>
      <c r="AK7428">
        <v>101</v>
      </c>
      <c r="AL7428">
        <v>101</v>
      </c>
      <c r="AM7428">
        <v>101</v>
      </c>
      <c r="AN7428">
        <v>101</v>
      </c>
      <c r="AO7428">
        <v>101</v>
      </c>
      <c r="AP7428">
        <v>101</v>
      </c>
      <c r="AQ7428">
        <v>101</v>
      </c>
    </row>
    <row r="7429" spans="1:43">
      <c r="A7429" t="s">
        <v>4654</v>
      </c>
      <c r="B7429" t="s">
        <v>4655</v>
      </c>
      <c r="C7429" t="s">
        <v>4656</v>
      </c>
      <c r="D7429" t="s">
        <v>4657</v>
      </c>
      <c r="E7429" t="s">
        <v>4592</v>
      </c>
      <c r="F7429" t="s">
        <v>4593</v>
      </c>
      <c r="G7429" t="s">
        <v>80</v>
      </c>
      <c r="H7429" t="s">
        <v>81</v>
      </c>
      <c r="I7429" s="2">
        <v>1</v>
      </c>
      <c r="J7429" s="2">
        <v>0</v>
      </c>
      <c r="K7429" s="2">
        <v>0</v>
      </c>
      <c r="L7429" t="s">
        <v>120</v>
      </c>
      <c r="M7429" t="s">
        <v>83</v>
      </c>
      <c r="N7429" t="s">
        <v>91</v>
      </c>
      <c r="O7429" t="s">
        <v>85</v>
      </c>
      <c r="P7429" t="s">
        <v>86</v>
      </c>
      <c r="Q7429">
        <v>79</v>
      </c>
      <c r="R7429">
        <v>81</v>
      </c>
      <c r="S7429">
        <v>82</v>
      </c>
      <c r="T7429">
        <v>83</v>
      </c>
      <c r="U7429">
        <v>84</v>
      </c>
      <c r="V7429">
        <v>85</v>
      </c>
      <c r="W7429">
        <v>87</v>
      </c>
      <c r="X7429">
        <v>88</v>
      </c>
      <c r="Y7429">
        <v>89</v>
      </c>
      <c r="Z7429">
        <v>90</v>
      </c>
      <c r="AA7429">
        <v>91</v>
      </c>
      <c r="AB7429">
        <v>92</v>
      </c>
      <c r="AC7429">
        <v>93</v>
      </c>
      <c r="AD7429">
        <v>94</v>
      </c>
      <c r="AE7429">
        <v>95</v>
      </c>
      <c r="AF7429">
        <v>96</v>
      </c>
      <c r="AG7429">
        <v>97</v>
      </c>
      <c r="AH7429">
        <v>98</v>
      </c>
      <c r="AI7429">
        <v>99</v>
      </c>
      <c r="AJ7429">
        <v>100</v>
      </c>
      <c r="AK7429">
        <v>101</v>
      </c>
      <c r="AL7429">
        <v>101</v>
      </c>
      <c r="AM7429">
        <v>101</v>
      </c>
      <c r="AN7429">
        <v>101</v>
      </c>
      <c r="AO7429">
        <v>101</v>
      </c>
      <c r="AP7429">
        <v>101</v>
      </c>
      <c r="AQ7429">
        <v>101</v>
      </c>
    </row>
    <row r="7430" spans="1:43">
      <c r="A7430" t="s">
        <v>4658</v>
      </c>
      <c r="B7430" t="s">
        <v>4659</v>
      </c>
      <c r="C7430" t="s">
        <v>4660</v>
      </c>
      <c r="D7430" t="s">
        <v>4661</v>
      </c>
      <c r="E7430" t="s">
        <v>4592</v>
      </c>
      <c r="F7430" t="s">
        <v>4593</v>
      </c>
      <c r="G7430" t="s">
        <v>80</v>
      </c>
      <c r="H7430" t="s">
        <v>81</v>
      </c>
      <c r="I7430" s="2">
        <v>1</v>
      </c>
      <c r="J7430" s="2">
        <v>0</v>
      </c>
      <c r="K7430" s="2">
        <v>0</v>
      </c>
      <c r="L7430" t="s">
        <v>120</v>
      </c>
      <c r="M7430" t="s">
        <v>83</v>
      </c>
      <c r="N7430" t="s">
        <v>84</v>
      </c>
      <c r="O7430" t="s">
        <v>85</v>
      </c>
      <c r="P7430" t="s">
        <v>86</v>
      </c>
      <c r="Q7430">
        <v>26</v>
      </c>
      <c r="R7430">
        <v>27</v>
      </c>
      <c r="S7430">
        <v>27</v>
      </c>
      <c r="T7430">
        <v>27</v>
      </c>
      <c r="U7430">
        <v>28</v>
      </c>
      <c r="V7430">
        <v>28</v>
      </c>
      <c r="W7430">
        <v>29</v>
      </c>
      <c r="X7430">
        <v>29</v>
      </c>
      <c r="Y7430">
        <v>29</v>
      </c>
      <c r="Z7430">
        <v>30</v>
      </c>
      <c r="AA7430">
        <v>30</v>
      </c>
      <c r="AB7430">
        <v>30</v>
      </c>
      <c r="AC7430">
        <v>31</v>
      </c>
      <c r="AD7430">
        <v>31</v>
      </c>
      <c r="AE7430">
        <v>31</v>
      </c>
      <c r="AF7430">
        <v>32</v>
      </c>
      <c r="AG7430">
        <v>32</v>
      </c>
      <c r="AH7430">
        <v>32</v>
      </c>
      <c r="AI7430">
        <v>33</v>
      </c>
      <c r="AJ7430">
        <v>33</v>
      </c>
      <c r="AK7430">
        <v>33</v>
      </c>
      <c r="AL7430">
        <v>34</v>
      </c>
      <c r="AM7430">
        <v>34</v>
      </c>
      <c r="AN7430">
        <v>34</v>
      </c>
      <c r="AO7430">
        <v>34</v>
      </c>
      <c r="AP7430">
        <v>34</v>
      </c>
      <c r="AQ7430">
        <v>34</v>
      </c>
    </row>
    <row r="7431" spans="1:43">
      <c r="A7431" t="s">
        <v>4658</v>
      </c>
      <c r="B7431" t="s">
        <v>4659</v>
      </c>
      <c r="C7431" t="s">
        <v>4660</v>
      </c>
      <c r="D7431" t="s">
        <v>4661</v>
      </c>
      <c r="E7431" t="s">
        <v>4592</v>
      </c>
      <c r="F7431" t="s">
        <v>4593</v>
      </c>
      <c r="G7431" t="s">
        <v>80</v>
      </c>
      <c r="H7431" t="s">
        <v>81</v>
      </c>
      <c r="I7431" s="2">
        <v>1</v>
      </c>
      <c r="J7431" s="2">
        <v>0</v>
      </c>
      <c r="K7431" s="2">
        <v>0</v>
      </c>
      <c r="L7431" t="s">
        <v>120</v>
      </c>
      <c r="M7431" t="s">
        <v>87</v>
      </c>
      <c r="N7431" t="s">
        <v>88</v>
      </c>
      <c r="O7431" t="s">
        <v>85</v>
      </c>
      <c r="P7431" t="s">
        <v>86</v>
      </c>
      <c r="Q7431">
        <v>26</v>
      </c>
      <c r="R7431">
        <v>26</v>
      </c>
      <c r="S7431">
        <v>26</v>
      </c>
      <c r="T7431">
        <v>26</v>
      </c>
      <c r="U7431">
        <v>27</v>
      </c>
      <c r="V7431">
        <v>27</v>
      </c>
      <c r="W7431">
        <v>27</v>
      </c>
      <c r="X7431">
        <v>27</v>
      </c>
      <c r="Y7431">
        <v>27</v>
      </c>
      <c r="Z7431">
        <v>27</v>
      </c>
      <c r="AA7431">
        <v>27</v>
      </c>
      <c r="AB7431">
        <v>27</v>
      </c>
      <c r="AC7431">
        <v>28</v>
      </c>
      <c r="AD7431">
        <v>28</v>
      </c>
      <c r="AE7431">
        <v>28</v>
      </c>
      <c r="AF7431">
        <v>28</v>
      </c>
      <c r="AG7431">
        <v>28</v>
      </c>
      <c r="AH7431">
        <v>28</v>
      </c>
      <c r="AI7431">
        <v>28</v>
      </c>
      <c r="AJ7431">
        <v>28</v>
      </c>
      <c r="AK7431">
        <v>28</v>
      </c>
      <c r="AL7431">
        <v>29</v>
      </c>
      <c r="AM7431">
        <v>29</v>
      </c>
      <c r="AN7431">
        <v>29</v>
      </c>
      <c r="AO7431">
        <v>29</v>
      </c>
      <c r="AP7431">
        <v>29</v>
      </c>
      <c r="AQ7431">
        <v>29</v>
      </c>
    </row>
    <row r="7432" spans="1:43">
      <c r="A7432" t="s">
        <v>4658</v>
      </c>
      <c r="B7432" t="s">
        <v>4659</v>
      </c>
      <c r="C7432" t="s">
        <v>4660</v>
      </c>
      <c r="D7432" t="s">
        <v>4661</v>
      </c>
      <c r="E7432" t="s">
        <v>4592</v>
      </c>
      <c r="F7432" t="s">
        <v>4593</v>
      </c>
      <c r="G7432" t="s">
        <v>80</v>
      </c>
      <c r="H7432" t="s">
        <v>81</v>
      </c>
      <c r="I7432" s="2">
        <v>1</v>
      </c>
      <c r="J7432" s="2">
        <v>0</v>
      </c>
      <c r="K7432" s="2">
        <v>0</v>
      </c>
      <c r="L7432" t="s">
        <v>120</v>
      </c>
      <c r="M7432" t="s">
        <v>89</v>
      </c>
      <c r="N7432" t="s">
        <v>90</v>
      </c>
      <c r="O7432" t="s">
        <v>85</v>
      </c>
      <c r="P7432" t="s">
        <v>86</v>
      </c>
      <c r="Q7432">
        <v>26</v>
      </c>
      <c r="R7432">
        <v>27</v>
      </c>
      <c r="S7432">
        <v>28</v>
      </c>
      <c r="T7432">
        <v>28</v>
      </c>
      <c r="U7432">
        <v>29</v>
      </c>
      <c r="V7432">
        <v>29</v>
      </c>
      <c r="W7432">
        <v>30</v>
      </c>
      <c r="X7432">
        <v>30</v>
      </c>
      <c r="Y7432">
        <v>31</v>
      </c>
      <c r="Z7432">
        <v>31</v>
      </c>
      <c r="AA7432">
        <v>32</v>
      </c>
      <c r="AB7432">
        <v>32</v>
      </c>
      <c r="AC7432">
        <v>33</v>
      </c>
      <c r="AD7432">
        <v>33</v>
      </c>
      <c r="AE7432">
        <v>34</v>
      </c>
      <c r="AF7432">
        <v>34</v>
      </c>
      <c r="AG7432">
        <v>34</v>
      </c>
      <c r="AH7432">
        <v>34</v>
      </c>
      <c r="AI7432">
        <v>34</v>
      </c>
      <c r="AJ7432">
        <v>34</v>
      </c>
      <c r="AK7432">
        <v>34</v>
      </c>
      <c r="AL7432">
        <v>34</v>
      </c>
      <c r="AM7432">
        <v>34</v>
      </c>
      <c r="AN7432">
        <v>34</v>
      </c>
      <c r="AO7432">
        <v>34</v>
      </c>
      <c r="AP7432">
        <v>34</v>
      </c>
      <c r="AQ7432">
        <v>34</v>
      </c>
    </row>
    <row r="7433" spans="1:43">
      <c r="A7433" t="s">
        <v>4658</v>
      </c>
      <c r="B7433" t="s">
        <v>4659</v>
      </c>
      <c r="C7433" t="s">
        <v>4660</v>
      </c>
      <c r="D7433" t="s">
        <v>4661</v>
      </c>
      <c r="E7433" t="s">
        <v>4592</v>
      </c>
      <c r="F7433" t="s">
        <v>4593</v>
      </c>
      <c r="G7433" t="s">
        <v>80</v>
      </c>
      <c r="H7433" t="s">
        <v>81</v>
      </c>
      <c r="I7433" s="2">
        <v>1</v>
      </c>
      <c r="J7433" s="2">
        <v>0</v>
      </c>
      <c r="K7433" s="2">
        <v>0</v>
      </c>
      <c r="L7433" t="s">
        <v>120</v>
      </c>
      <c r="M7433" t="s">
        <v>83</v>
      </c>
      <c r="N7433" t="s">
        <v>91</v>
      </c>
      <c r="O7433" t="s">
        <v>85</v>
      </c>
      <c r="P7433" t="s">
        <v>86</v>
      </c>
      <c r="Q7433">
        <v>26</v>
      </c>
      <c r="R7433">
        <v>27</v>
      </c>
      <c r="S7433">
        <v>27</v>
      </c>
      <c r="T7433">
        <v>27</v>
      </c>
      <c r="U7433">
        <v>28</v>
      </c>
      <c r="V7433">
        <v>28</v>
      </c>
      <c r="W7433">
        <v>29</v>
      </c>
      <c r="X7433">
        <v>29</v>
      </c>
      <c r="Y7433">
        <v>29</v>
      </c>
      <c r="Z7433">
        <v>30</v>
      </c>
      <c r="AA7433">
        <v>30</v>
      </c>
      <c r="AB7433">
        <v>30</v>
      </c>
      <c r="AC7433">
        <v>31</v>
      </c>
      <c r="AD7433">
        <v>31</v>
      </c>
      <c r="AE7433">
        <v>31</v>
      </c>
      <c r="AF7433">
        <v>32</v>
      </c>
      <c r="AG7433">
        <v>32</v>
      </c>
      <c r="AH7433">
        <v>32</v>
      </c>
      <c r="AI7433">
        <v>33</v>
      </c>
      <c r="AJ7433">
        <v>33</v>
      </c>
      <c r="AK7433">
        <v>33</v>
      </c>
      <c r="AL7433">
        <v>34</v>
      </c>
      <c r="AM7433">
        <v>34</v>
      </c>
      <c r="AN7433">
        <v>34</v>
      </c>
      <c r="AO7433">
        <v>34</v>
      </c>
      <c r="AP7433">
        <v>34</v>
      </c>
      <c r="AQ7433">
        <v>34</v>
      </c>
    </row>
    <row r="7434" spans="1:43">
      <c r="A7434" t="s">
        <v>4662</v>
      </c>
      <c r="B7434" t="s">
        <v>4663</v>
      </c>
      <c r="C7434" t="s">
        <v>4656</v>
      </c>
      <c r="D7434" t="s">
        <v>4657</v>
      </c>
      <c r="E7434" t="s">
        <v>4592</v>
      </c>
      <c r="F7434" t="s">
        <v>4593</v>
      </c>
      <c r="G7434" t="s">
        <v>80</v>
      </c>
      <c r="H7434" t="s">
        <v>81</v>
      </c>
      <c r="I7434" s="2">
        <v>1</v>
      </c>
      <c r="J7434" s="2">
        <v>0</v>
      </c>
      <c r="K7434" s="2">
        <v>0</v>
      </c>
      <c r="L7434" t="s">
        <v>120</v>
      </c>
      <c r="M7434" t="s">
        <v>83</v>
      </c>
      <c r="N7434" t="s">
        <v>84</v>
      </c>
      <c r="O7434" t="s">
        <v>85</v>
      </c>
      <c r="P7434" t="s">
        <v>86</v>
      </c>
      <c r="Q7434">
        <v>24</v>
      </c>
      <c r="R7434">
        <v>25</v>
      </c>
      <c r="S7434">
        <v>25</v>
      </c>
      <c r="T7434">
        <v>26</v>
      </c>
      <c r="U7434">
        <v>26</v>
      </c>
      <c r="V7434">
        <v>26</v>
      </c>
      <c r="W7434">
        <v>27</v>
      </c>
      <c r="X7434">
        <v>27</v>
      </c>
      <c r="Y7434">
        <v>27</v>
      </c>
      <c r="Z7434">
        <v>27</v>
      </c>
      <c r="AA7434">
        <v>28</v>
      </c>
      <c r="AB7434">
        <v>28</v>
      </c>
      <c r="AC7434">
        <v>28</v>
      </c>
      <c r="AD7434">
        <v>29</v>
      </c>
      <c r="AE7434">
        <v>29</v>
      </c>
      <c r="AF7434">
        <v>29</v>
      </c>
      <c r="AG7434">
        <v>29</v>
      </c>
      <c r="AH7434">
        <v>30</v>
      </c>
      <c r="AI7434">
        <v>30</v>
      </c>
      <c r="AJ7434">
        <v>30</v>
      </c>
      <c r="AK7434">
        <v>31</v>
      </c>
      <c r="AL7434">
        <v>31</v>
      </c>
      <c r="AM7434">
        <v>31</v>
      </c>
      <c r="AN7434">
        <v>31</v>
      </c>
      <c r="AO7434">
        <v>31</v>
      </c>
      <c r="AP7434">
        <v>31</v>
      </c>
      <c r="AQ7434">
        <v>31</v>
      </c>
    </row>
    <row r="7435" spans="1:43">
      <c r="A7435" t="s">
        <v>4662</v>
      </c>
      <c r="B7435" t="s">
        <v>4663</v>
      </c>
      <c r="C7435" t="s">
        <v>4656</v>
      </c>
      <c r="D7435" t="s">
        <v>4657</v>
      </c>
      <c r="E7435" t="s">
        <v>4592</v>
      </c>
      <c r="F7435" t="s">
        <v>4593</v>
      </c>
      <c r="G7435" t="s">
        <v>80</v>
      </c>
      <c r="H7435" t="s">
        <v>81</v>
      </c>
      <c r="I7435" s="2">
        <v>1</v>
      </c>
      <c r="J7435" s="2">
        <v>0</v>
      </c>
      <c r="K7435" s="2">
        <v>0</v>
      </c>
      <c r="L7435" t="s">
        <v>120</v>
      </c>
      <c r="M7435" t="s">
        <v>87</v>
      </c>
      <c r="N7435" t="s">
        <v>88</v>
      </c>
      <c r="O7435" t="s">
        <v>85</v>
      </c>
      <c r="P7435" t="s">
        <v>86</v>
      </c>
      <c r="Q7435">
        <v>24</v>
      </c>
      <c r="R7435">
        <v>24</v>
      </c>
      <c r="S7435">
        <v>24</v>
      </c>
      <c r="T7435">
        <v>25</v>
      </c>
      <c r="U7435">
        <v>25</v>
      </c>
      <c r="V7435">
        <v>25</v>
      </c>
      <c r="W7435">
        <v>25</v>
      </c>
      <c r="X7435">
        <v>25</v>
      </c>
      <c r="Y7435">
        <v>25</v>
      </c>
      <c r="Z7435">
        <v>25</v>
      </c>
      <c r="AA7435">
        <v>25</v>
      </c>
      <c r="AB7435">
        <v>25</v>
      </c>
      <c r="AC7435">
        <v>26</v>
      </c>
      <c r="AD7435">
        <v>26</v>
      </c>
      <c r="AE7435">
        <v>26</v>
      </c>
      <c r="AF7435">
        <v>26</v>
      </c>
      <c r="AG7435">
        <v>26</v>
      </c>
      <c r="AH7435">
        <v>26</v>
      </c>
      <c r="AI7435">
        <v>26</v>
      </c>
      <c r="AJ7435">
        <v>26</v>
      </c>
      <c r="AK7435">
        <v>26</v>
      </c>
      <c r="AL7435">
        <v>26</v>
      </c>
      <c r="AM7435">
        <v>26</v>
      </c>
      <c r="AN7435">
        <v>26</v>
      </c>
      <c r="AO7435">
        <v>27</v>
      </c>
      <c r="AP7435">
        <v>27</v>
      </c>
      <c r="AQ7435">
        <v>27</v>
      </c>
    </row>
    <row r="7436" spans="1:43">
      <c r="A7436" t="s">
        <v>4662</v>
      </c>
      <c r="B7436" t="s">
        <v>4663</v>
      </c>
      <c r="C7436" t="s">
        <v>4656</v>
      </c>
      <c r="D7436" t="s">
        <v>4657</v>
      </c>
      <c r="E7436" t="s">
        <v>4592</v>
      </c>
      <c r="F7436" t="s">
        <v>4593</v>
      </c>
      <c r="G7436" t="s">
        <v>80</v>
      </c>
      <c r="H7436" t="s">
        <v>81</v>
      </c>
      <c r="I7436" s="2">
        <v>1</v>
      </c>
      <c r="J7436" s="2">
        <v>0</v>
      </c>
      <c r="K7436" s="2">
        <v>0</v>
      </c>
      <c r="L7436" t="s">
        <v>120</v>
      </c>
      <c r="M7436" t="s">
        <v>89</v>
      </c>
      <c r="N7436" t="s">
        <v>90</v>
      </c>
      <c r="O7436" t="s">
        <v>85</v>
      </c>
      <c r="P7436" t="s">
        <v>86</v>
      </c>
      <c r="Q7436">
        <v>24</v>
      </c>
      <c r="R7436">
        <v>24</v>
      </c>
      <c r="S7436">
        <v>25</v>
      </c>
      <c r="T7436">
        <v>25</v>
      </c>
      <c r="U7436">
        <v>26</v>
      </c>
      <c r="V7436">
        <v>26</v>
      </c>
      <c r="W7436">
        <v>27</v>
      </c>
      <c r="X7436">
        <v>27</v>
      </c>
      <c r="Y7436">
        <v>28</v>
      </c>
      <c r="Z7436">
        <v>28</v>
      </c>
      <c r="AA7436">
        <v>28</v>
      </c>
      <c r="AB7436">
        <v>29</v>
      </c>
      <c r="AC7436">
        <v>29</v>
      </c>
      <c r="AD7436">
        <v>30</v>
      </c>
      <c r="AE7436">
        <v>30</v>
      </c>
      <c r="AF7436">
        <v>30</v>
      </c>
      <c r="AG7436">
        <v>30</v>
      </c>
      <c r="AH7436">
        <v>30</v>
      </c>
      <c r="AI7436">
        <v>30</v>
      </c>
      <c r="AJ7436">
        <v>30</v>
      </c>
      <c r="AK7436">
        <v>30</v>
      </c>
      <c r="AL7436">
        <v>30</v>
      </c>
      <c r="AM7436">
        <v>30</v>
      </c>
      <c r="AN7436">
        <v>30</v>
      </c>
      <c r="AO7436">
        <v>30</v>
      </c>
      <c r="AP7436">
        <v>30</v>
      </c>
      <c r="AQ7436">
        <v>30</v>
      </c>
    </row>
    <row r="7437" spans="1:43">
      <c r="A7437" t="s">
        <v>4662</v>
      </c>
      <c r="B7437" t="s">
        <v>4663</v>
      </c>
      <c r="C7437" t="s">
        <v>4656</v>
      </c>
      <c r="D7437" t="s">
        <v>4657</v>
      </c>
      <c r="E7437" t="s">
        <v>4592</v>
      </c>
      <c r="F7437" t="s">
        <v>4593</v>
      </c>
      <c r="G7437" t="s">
        <v>80</v>
      </c>
      <c r="H7437" t="s">
        <v>81</v>
      </c>
      <c r="I7437" s="2">
        <v>1</v>
      </c>
      <c r="J7437" s="2">
        <v>0</v>
      </c>
      <c r="K7437" s="2">
        <v>0</v>
      </c>
      <c r="L7437" t="s">
        <v>120</v>
      </c>
      <c r="M7437" t="s">
        <v>83</v>
      </c>
      <c r="N7437" t="s">
        <v>91</v>
      </c>
      <c r="O7437" t="s">
        <v>85</v>
      </c>
      <c r="P7437" t="s">
        <v>86</v>
      </c>
      <c r="Q7437">
        <v>24</v>
      </c>
      <c r="R7437">
        <v>25</v>
      </c>
      <c r="S7437">
        <v>25</v>
      </c>
      <c r="T7437">
        <v>26</v>
      </c>
      <c r="U7437">
        <v>26</v>
      </c>
      <c r="V7437">
        <v>26</v>
      </c>
      <c r="W7437">
        <v>27</v>
      </c>
      <c r="X7437">
        <v>27</v>
      </c>
      <c r="Y7437">
        <v>27</v>
      </c>
      <c r="Z7437">
        <v>27</v>
      </c>
      <c r="AA7437">
        <v>28</v>
      </c>
      <c r="AB7437">
        <v>28</v>
      </c>
      <c r="AC7437">
        <v>28</v>
      </c>
      <c r="AD7437">
        <v>29</v>
      </c>
      <c r="AE7437">
        <v>29</v>
      </c>
      <c r="AF7437">
        <v>29</v>
      </c>
      <c r="AG7437">
        <v>29</v>
      </c>
      <c r="AH7437">
        <v>30</v>
      </c>
      <c r="AI7437">
        <v>30</v>
      </c>
      <c r="AJ7437">
        <v>30</v>
      </c>
      <c r="AK7437">
        <v>31</v>
      </c>
      <c r="AL7437">
        <v>31</v>
      </c>
      <c r="AM7437">
        <v>31</v>
      </c>
      <c r="AN7437">
        <v>31</v>
      </c>
      <c r="AO7437">
        <v>31</v>
      </c>
      <c r="AP7437">
        <v>31</v>
      </c>
      <c r="AQ7437">
        <v>31</v>
      </c>
    </row>
    <row r="7438" spans="1:43">
      <c r="A7438" t="s">
        <v>4664</v>
      </c>
      <c r="B7438" t="s">
        <v>4665</v>
      </c>
      <c r="C7438" t="s">
        <v>4656</v>
      </c>
      <c r="D7438" t="s">
        <v>4657</v>
      </c>
      <c r="E7438" t="s">
        <v>4592</v>
      </c>
      <c r="F7438" t="s">
        <v>4593</v>
      </c>
      <c r="G7438" t="s">
        <v>80</v>
      </c>
      <c r="H7438" t="s">
        <v>81</v>
      </c>
      <c r="I7438" s="2">
        <v>0.97</v>
      </c>
      <c r="J7438" s="2">
        <v>0</v>
      </c>
      <c r="K7438" s="2">
        <v>0</v>
      </c>
      <c r="L7438" t="s">
        <v>120</v>
      </c>
      <c r="M7438" t="s">
        <v>83</v>
      </c>
      <c r="N7438" t="s">
        <v>84</v>
      </c>
      <c r="O7438" t="s">
        <v>85</v>
      </c>
      <c r="P7438" t="s">
        <v>86</v>
      </c>
      <c r="Q7438">
        <v>48</v>
      </c>
      <c r="R7438">
        <v>49</v>
      </c>
      <c r="S7438">
        <v>50</v>
      </c>
      <c r="T7438">
        <v>51</v>
      </c>
      <c r="U7438">
        <v>51</v>
      </c>
      <c r="V7438">
        <v>52</v>
      </c>
      <c r="W7438">
        <v>53</v>
      </c>
      <c r="X7438">
        <v>53</v>
      </c>
      <c r="Y7438">
        <v>54</v>
      </c>
      <c r="Z7438">
        <v>54</v>
      </c>
      <c r="AA7438">
        <v>55</v>
      </c>
      <c r="AB7438">
        <v>56</v>
      </c>
      <c r="AC7438">
        <v>56</v>
      </c>
      <c r="AD7438">
        <v>57</v>
      </c>
      <c r="AE7438">
        <v>57</v>
      </c>
      <c r="AF7438">
        <v>58</v>
      </c>
      <c r="AG7438">
        <v>58</v>
      </c>
      <c r="AH7438">
        <v>59</v>
      </c>
      <c r="AI7438">
        <v>60</v>
      </c>
      <c r="AJ7438">
        <v>60</v>
      </c>
      <c r="AK7438">
        <v>61</v>
      </c>
      <c r="AL7438">
        <v>61</v>
      </c>
      <c r="AM7438">
        <v>61</v>
      </c>
      <c r="AN7438">
        <v>61</v>
      </c>
      <c r="AO7438">
        <v>61</v>
      </c>
      <c r="AP7438">
        <v>61</v>
      </c>
      <c r="AQ7438">
        <v>61</v>
      </c>
    </row>
    <row r="7439" spans="1:43">
      <c r="A7439" t="s">
        <v>4664</v>
      </c>
      <c r="B7439" t="s">
        <v>4665</v>
      </c>
      <c r="C7439" t="s">
        <v>4656</v>
      </c>
      <c r="D7439" t="s">
        <v>4657</v>
      </c>
      <c r="E7439" t="s">
        <v>4592</v>
      </c>
      <c r="F7439" t="s">
        <v>4593</v>
      </c>
      <c r="G7439" t="s">
        <v>80</v>
      </c>
      <c r="H7439" t="s">
        <v>81</v>
      </c>
      <c r="I7439" s="2">
        <v>0.97</v>
      </c>
      <c r="J7439" s="2">
        <v>0</v>
      </c>
      <c r="K7439" s="2">
        <v>0</v>
      </c>
      <c r="L7439" t="s">
        <v>120</v>
      </c>
      <c r="M7439" t="s">
        <v>87</v>
      </c>
      <c r="N7439" t="s">
        <v>88</v>
      </c>
      <c r="O7439" t="s">
        <v>85</v>
      </c>
      <c r="P7439" t="s">
        <v>86</v>
      </c>
      <c r="Q7439">
        <v>48</v>
      </c>
      <c r="R7439">
        <v>48</v>
      </c>
      <c r="S7439">
        <v>49</v>
      </c>
      <c r="T7439">
        <v>49</v>
      </c>
      <c r="U7439">
        <v>49</v>
      </c>
      <c r="V7439">
        <v>49</v>
      </c>
      <c r="W7439">
        <v>49</v>
      </c>
      <c r="X7439">
        <v>50</v>
      </c>
      <c r="Y7439">
        <v>50</v>
      </c>
      <c r="Z7439">
        <v>50</v>
      </c>
      <c r="AA7439">
        <v>50</v>
      </c>
      <c r="AB7439">
        <v>50</v>
      </c>
      <c r="AC7439">
        <v>51</v>
      </c>
      <c r="AD7439">
        <v>51</v>
      </c>
      <c r="AE7439">
        <v>51</v>
      </c>
      <c r="AF7439">
        <v>51</v>
      </c>
      <c r="AG7439">
        <v>51</v>
      </c>
      <c r="AH7439">
        <v>52</v>
      </c>
      <c r="AI7439">
        <v>52</v>
      </c>
      <c r="AJ7439">
        <v>52</v>
      </c>
      <c r="AK7439">
        <v>52</v>
      </c>
      <c r="AL7439">
        <v>52</v>
      </c>
      <c r="AM7439">
        <v>52</v>
      </c>
      <c r="AN7439">
        <v>52</v>
      </c>
      <c r="AO7439">
        <v>53</v>
      </c>
      <c r="AP7439">
        <v>53</v>
      </c>
      <c r="AQ7439">
        <v>53</v>
      </c>
    </row>
    <row r="7440" spans="1:43">
      <c r="A7440" t="s">
        <v>4664</v>
      </c>
      <c r="B7440" t="s">
        <v>4665</v>
      </c>
      <c r="C7440" t="s">
        <v>4656</v>
      </c>
      <c r="D7440" t="s">
        <v>4657</v>
      </c>
      <c r="E7440" t="s">
        <v>4592</v>
      </c>
      <c r="F7440" t="s">
        <v>4593</v>
      </c>
      <c r="G7440" t="s">
        <v>80</v>
      </c>
      <c r="H7440" t="s">
        <v>81</v>
      </c>
      <c r="I7440" s="2">
        <v>0.97</v>
      </c>
      <c r="J7440" s="2">
        <v>0</v>
      </c>
      <c r="K7440" s="2">
        <v>0</v>
      </c>
      <c r="L7440" t="s">
        <v>120</v>
      </c>
      <c r="M7440" t="s">
        <v>89</v>
      </c>
      <c r="N7440" t="s">
        <v>90</v>
      </c>
      <c r="O7440" t="s">
        <v>85</v>
      </c>
      <c r="P7440" t="s">
        <v>86</v>
      </c>
      <c r="Q7440">
        <v>48</v>
      </c>
      <c r="R7440">
        <v>49</v>
      </c>
      <c r="S7440">
        <v>50</v>
      </c>
      <c r="T7440">
        <v>51</v>
      </c>
      <c r="U7440">
        <v>52</v>
      </c>
      <c r="V7440">
        <v>53</v>
      </c>
      <c r="W7440">
        <v>54</v>
      </c>
      <c r="X7440">
        <v>55</v>
      </c>
      <c r="Y7440">
        <v>56</v>
      </c>
      <c r="Z7440">
        <v>57</v>
      </c>
      <c r="AA7440">
        <v>57</v>
      </c>
      <c r="AB7440">
        <v>58</v>
      </c>
      <c r="AC7440">
        <v>59</v>
      </c>
      <c r="AD7440">
        <v>60</v>
      </c>
      <c r="AE7440">
        <v>60</v>
      </c>
      <c r="AF7440">
        <v>60</v>
      </c>
      <c r="AG7440">
        <v>60</v>
      </c>
      <c r="AH7440">
        <v>60</v>
      </c>
      <c r="AI7440">
        <v>60</v>
      </c>
      <c r="AJ7440">
        <v>60</v>
      </c>
      <c r="AK7440">
        <v>60</v>
      </c>
      <c r="AL7440">
        <v>60</v>
      </c>
      <c r="AM7440">
        <v>60</v>
      </c>
      <c r="AN7440">
        <v>60</v>
      </c>
      <c r="AO7440">
        <v>60</v>
      </c>
      <c r="AP7440">
        <v>60</v>
      </c>
      <c r="AQ7440">
        <v>60</v>
      </c>
    </row>
    <row r="7441" spans="1:43">
      <c r="A7441" t="s">
        <v>4664</v>
      </c>
      <c r="B7441" t="s">
        <v>4665</v>
      </c>
      <c r="C7441" t="s">
        <v>4656</v>
      </c>
      <c r="D7441" t="s">
        <v>4657</v>
      </c>
      <c r="E7441" t="s">
        <v>4592</v>
      </c>
      <c r="F7441" t="s">
        <v>4593</v>
      </c>
      <c r="G7441" t="s">
        <v>80</v>
      </c>
      <c r="H7441" t="s">
        <v>81</v>
      </c>
      <c r="I7441" s="2">
        <v>0.97</v>
      </c>
      <c r="J7441" s="2">
        <v>0</v>
      </c>
      <c r="K7441" s="2">
        <v>0</v>
      </c>
      <c r="L7441" t="s">
        <v>120</v>
      </c>
      <c r="M7441" t="s">
        <v>83</v>
      </c>
      <c r="N7441" t="s">
        <v>91</v>
      </c>
      <c r="O7441" t="s">
        <v>85</v>
      </c>
      <c r="P7441" t="s">
        <v>86</v>
      </c>
      <c r="Q7441">
        <v>48</v>
      </c>
      <c r="R7441">
        <v>49</v>
      </c>
      <c r="S7441">
        <v>50</v>
      </c>
      <c r="T7441">
        <v>51</v>
      </c>
      <c r="U7441">
        <v>51</v>
      </c>
      <c r="V7441">
        <v>52</v>
      </c>
      <c r="W7441">
        <v>53</v>
      </c>
      <c r="X7441">
        <v>53</v>
      </c>
      <c r="Y7441">
        <v>54</v>
      </c>
      <c r="Z7441">
        <v>54</v>
      </c>
      <c r="AA7441">
        <v>55</v>
      </c>
      <c r="AB7441">
        <v>56</v>
      </c>
      <c r="AC7441">
        <v>56</v>
      </c>
      <c r="AD7441">
        <v>57</v>
      </c>
      <c r="AE7441">
        <v>57</v>
      </c>
      <c r="AF7441">
        <v>58</v>
      </c>
      <c r="AG7441">
        <v>58</v>
      </c>
      <c r="AH7441">
        <v>59</v>
      </c>
      <c r="AI7441">
        <v>60</v>
      </c>
      <c r="AJ7441">
        <v>60</v>
      </c>
      <c r="AK7441">
        <v>61</v>
      </c>
      <c r="AL7441">
        <v>61</v>
      </c>
      <c r="AM7441">
        <v>61</v>
      </c>
      <c r="AN7441">
        <v>61</v>
      </c>
      <c r="AO7441">
        <v>61</v>
      </c>
      <c r="AP7441">
        <v>61</v>
      </c>
      <c r="AQ7441">
        <v>61</v>
      </c>
    </row>
    <row r="7442" spans="1:43">
      <c r="A7442" t="s">
        <v>4666</v>
      </c>
      <c r="B7442" t="s">
        <v>4667</v>
      </c>
      <c r="C7442" t="s">
        <v>4660</v>
      </c>
      <c r="D7442" t="s">
        <v>4661</v>
      </c>
      <c r="E7442" t="s">
        <v>4592</v>
      </c>
      <c r="F7442" t="s">
        <v>4593</v>
      </c>
      <c r="G7442" t="s">
        <v>80</v>
      </c>
      <c r="H7442" t="s">
        <v>81</v>
      </c>
      <c r="I7442" s="2">
        <v>1</v>
      </c>
      <c r="J7442" s="2">
        <v>0</v>
      </c>
      <c r="K7442" s="2">
        <v>0</v>
      </c>
      <c r="L7442" t="s">
        <v>120</v>
      </c>
      <c r="M7442" t="s">
        <v>83</v>
      </c>
      <c r="N7442" t="s">
        <v>84</v>
      </c>
      <c r="O7442" t="s">
        <v>85</v>
      </c>
      <c r="P7442" t="s">
        <v>86</v>
      </c>
      <c r="Q7442">
        <v>14</v>
      </c>
      <c r="R7442">
        <v>14</v>
      </c>
      <c r="S7442">
        <v>14</v>
      </c>
      <c r="T7442">
        <v>14</v>
      </c>
      <c r="U7442">
        <v>15</v>
      </c>
      <c r="V7442">
        <v>15</v>
      </c>
      <c r="W7442">
        <v>15</v>
      </c>
      <c r="X7442">
        <v>15</v>
      </c>
      <c r="Y7442">
        <v>15</v>
      </c>
      <c r="Z7442">
        <v>16</v>
      </c>
      <c r="AA7442">
        <v>16</v>
      </c>
      <c r="AB7442">
        <v>16</v>
      </c>
      <c r="AC7442">
        <v>16</v>
      </c>
      <c r="AD7442">
        <v>16</v>
      </c>
      <c r="AE7442">
        <v>16</v>
      </c>
      <c r="AF7442">
        <v>17</v>
      </c>
      <c r="AG7442">
        <v>17</v>
      </c>
      <c r="AH7442">
        <v>17</v>
      </c>
      <c r="AI7442">
        <v>17</v>
      </c>
      <c r="AJ7442">
        <v>17</v>
      </c>
      <c r="AK7442">
        <v>17</v>
      </c>
      <c r="AL7442">
        <v>18</v>
      </c>
      <c r="AM7442">
        <v>18</v>
      </c>
      <c r="AN7442">
        <v>18</v>
      </c>
      <c r="AO7442">
        <v>18</v>
      </c>
      <c r="AP7442">
        <v>18</v>
      </c>
      <c r="AQ7442">
        <v>18</v>
      </c>
    </row>
    <row r="7443" spans="1:43">
      <c r="A7443" t="s">
        <v>4666</v>
      </c>
      <c r="B7443" t="s">
        <v>4667</v>
      </c>
      <c r="C7443" t="s">
        <v>4660</v>
      </c>
      <c r="D7443" t="s">
        <v>4661</v>
      </c>
      <c r="E7443" t="s">
        <v>4592</v>
      </c>
      <c r="F7443" t="s">
        <v>4593</v>
      </c>
      <c r="G7443" t="s">
        <v>80</v>
      </c>
      <c r="H7443" t="s">
        <v>81</v>
      </c>
      <c r="I7443" s="2">
        <v>1</v>
      </c>
      <c r="J7443" s="2">
        <v>0</v>
      </c>
      <c r="K7443" s="2">
        <v>0</v>
      </c>
      <c r="L7443" t="s">
        <v>120</v>
      </c>
      <c r="M7443" t="s">
        <v>87</v>
      </c>
      <c r="N7443" t="s">
        <v>88</v>
      </c>
      <c r="O7443" t="s">
        <v>85</v>
      </c>
      <c r="P7443" t="s">
        <v>86</v>
      </c>
      <c r="Q7443">
        <v>14</v>
      </c>
      <c r="R7443">
        <v>14</v>
      </c>
      <c r="S7443">
        <v>14</v>
      </c>
      <c r="T7443">
        <v>14</v>
      </c>
      <c r="U7443">
        <v>14</v>
      </c>
      <c r="V7443">
        <v>14</v>
      </c>
      <c r="W7443">
        <v>14</v>
      </c>
      <c r="X7443">
        <v>14</v>
      </c>
      <c r="Y7443">
        <v>14</v>
      </c>
      <c r="Z7443">
        <v>14</v>
      </c>
      <c r="AA7443">
        <v>14</v>
      </c>
      <c r="AB7443">
        <v>14</v>
      </c>
      <c r="AC7443">
        <v>14</v>
      </c>
      <c r="AD7443">
        <v>15</v>
      </c>
      <c r="AE7443">
        <v>15</v>
      </c>
      <c r="AF7443">
        <v>15</v>
      </c>
      <c r="AG7443">
        <v>15</v>
      </c>
      <c r="AH7443">
        <v>15</v>
      </c>
      <c r="AI7443">
        <v>15</v>
      </c>
      <c r="AJ7443">
        <v>15</v>
      </c>
      <c r="AK7443">
        <v>15</v>
      </c>
      <c r="AL7443">
        <v>15</v>
      </c>
      <c r="AM7443">
        <v>15</v>
      </c>
      <c r="AN7443">
        <v>15</v>
      </c>
      <c r="AO7443">
        <v>15</v>
      </c>
      <c r="AP7443">
        <v>15</v>
      </c>
      <c r="AQ7443">
        <v>15</v>
      </c>
    </row>
    <row r="7444" spans="1:43">
      <c r="A7444" t="s">
        <v>4666</v>
      </c>
      <c r="B7444" t="s">
        <v>4667</v>
      </c>
      <c r="C7444" t="s">
        <v>4660</v>
      </c>
      <c r="D7444" t="s">
        <v>4661</v>
      </c>
      <c r="E7444" t="s">
        <v>4592</v>
      </c>
      <c r="F7444" t="s">
        <v>4593</v>
      </c>
      <c r="G7444" t="s">
        <v>80</v>
      </c>
      <c r="H7444" t="s">
        <v>81</v>
      </c>
      <c r="I7444" s="2">
        <v>1</v>
      </c>
      <c r="J7444" s="2">
        <v>0</v>
      </c>
      <c r="K7444" s="2">
        <v>0</v>
      </c>
      <c r="L7444" t="s">
        <v>120</v>
      </c>
      <c r="M7444" t="s">
        <v>89</v>
      </c>
      <c r="N7444" t="s">
        <v>90</v>
      </c>
      <c r="O7444" t="s">
        <v>85</v>
      </c>
      <c r="P7444" t="s">
        <v>86</v>
      </c>
      <c r="Q7444">
        <v>14</v>
      </c>
      <c r="R7444">
        <v>14</v>
      </c>
      <c r="S7444">
        <v>14</v>
      </c>
      <c r="T7444">
        <v>15</v>
      </c>
      <c r="U7444">
        <v>15</v>
      </c>
      <c r="V7444">
        <v>15</v>
      </c>
      <c r="W7444">
        <v>16</v>
      </c>
      <c r="X7444">
        <v>16</v>
      </c>
      <c r="Y7444">
        <v>16</v>
      </c>
      <c r="Z7444">
        <v>16</v>
      </c>
      <c r="AA7444">
        <v>17</v>
      </c>
      <c r="AB7444">
        <v>17</v>
      </c>
      <c r="AC7444">
        <v>17</v>
      </c>
      <c r="AD7444">
        <v>17</v>
      </c>
      <c r="AE7444">
        <v>18</v>
      </c>
      <c r="AF7444">
        <v>18</v>
      </c>
      <c r="AG7444">
        <v>18</v>
      </c>
      <c r="AH7444">
        <v>18</v>
      </c>
      <c r="AI7444">
        <v>18</v>
      </c>
      <c r="AJ7444">
        <v>18</v>
      </c>
      <c r="AK7444">
        <v>18</v>
      </c>
      <c r="AL7444">
        <v>18</v>
      </c>
      <c r="AM7444">
        <v>18</v>
      </c>
      <c r="AN7444">
        <v>18</v>
      </c>
      <c r="AO7444">
        <v>18</v>
      </c>
      <c r="AP7444">
        <v>18</v>
      </c>
      <c r="AQ7444">
        <v>18</v>
      </c>
    </row>
    <row r="7445" spans="1:43">
      <c r="A7445" t="s">
        <v>4666</v>
      </c>
      <c r="B7445" t="s">
        <v>4667</v>
      </c>
      <c r="C7445" t="s">
        <v>4660</v>
      </c>
      <c r="D7445" t="s">
        <v>4661</v>
      </c>
      <c r="E7445" t="s">
        <v>4592</v>
      </c>
      <c r="F7445" t="s">
        <v>4593</v>
      </c>
      <c r="G7445" t="s">
        <v>80</v>
      </c>
      <c r="H7445" t="s">
        <v>81</v>
      </c>
      <c r="I7445" s="2">
        <v>1</v>
      </c>
      <c r="J7445" s="2">
        <v>0</v>
      </c>
      <c r="K7445" s="2">
        <v>0</v>
      </c>
      <c r="L7445" t="s">
        <v>120</v>
      </c>
      <c r="M7445" t="s">
        <v>83</v>
      </c>
      <c r="N7445" t="s">
        <v>91</v>
      </c>
      <c r="O7445" t="s">
        <v>85</v>
      </c>
      <c r="P7445" t="s">
        <v>86</v>
      </c>
      <c r="Q7445">
        <v>14</v>
      </c>
      <c r="R7445">
        <v>14</v>
      </c>
      <c r="S7445">
        <v>14</v>
      </c>
      <c r="T7445">
        <v>14</v>
      </c>
      <c r="U7445">
        <v>15</v>
      </c>
      <c r="V7445">
        <v>15</v>
      </c>
      <c r="W7445">
        <v>15</v>
      </c>
      <c r="X7445">
        <v>15</v>
      </c>
      <c r="Y7445">
        <v>15</v>
      </c>
      <c r="Z7445">
        <v>16</v>
      </c>
      <c r="AA7445">
        <v>16</v>
      </c>
      <c r="AB7445">
        <v>16</v>
      </c>
      <c r="AC7445">
        <v>16</v>
      </c>
      <c r="AD7445">
        <v>16</v>
      </c>
      <c r="AE7445">
        <v>16</v>
      </c>
      <c r="AF7445">
        <v>17</v>
      </c>
      <c r="AG7445">
        <v>17</v>
      </c>
      <c r="AH7445">
        <v>17</v>
      </c>
      <c r="AI7445">
        <v>17</v>
      </c>
      <c r="AJ7445">
        <v>17</v>
      </c>
      <c r="AK7445">
        <v>17</v>
      </c>
      <c r="AL7445">
        <v>18</v>
      </c>
      <c r="AM7445">
        <v>18</v>
      </c>
      <c r="AN7445">
        <v>18</v>
      </c>
      <c r="AO7445">
        <v>18</v>
      </c>
      <c r="AP7445">
        <v>18</v>
      </c>
      <c r="AQ7445">
        <v>18</v>
      </c>
    </row>
    <row r="7446" spans="1:43">
      <c r="A7446" t="s">
        <v>4668</v>
      </c>
      <c r="B7446" t="s">
        <v>4669</v>
      </c>
      <c r="C7446" t="s">
        <v>4656</v>
      </c>
      <c r="D7446" t="s">
        <v>4657</v>
      </c>
      <c r="E7446" t="s">
        <v>4592</v>
      </c>
      <c r="F7446" t="s">
        <v>4593</v>
      </c>
      <c r="G7446" t="s">
        <v>80</v>
      </c>
      <c r="H7446" t="s">
        <v>81</v>
      </c>
      <c r="I7446" s="2">
        <v>1</v>
      </c>
      <c r="J7446" s="2">
        <v>0</v>
      </c>
      <c r="K7446" s="2">
        <v>0</v>
      </c>
      <c r="L7446" t="s">
        <v>120</v>
      </c>
      <c r="M7446" t="s">
        <v>83</v>
      </c>
      <c r="N7446" t="s">
        <v>84</v>
      </c>
      <c r="O7446" t="s">
        <v>85</v>
      </c>
      <c r="P7446" t="s">
        <v>86</v>
      </c>
      <c r="Q7446">
        <v>53</v>
      </c>
      <c r="R7446">
        <v>53</v>
      </c>
      <c r="S7446">
        <v>54</v>
      </c>
      <c r="T7446">
        <v>55</v>
      </c>
      <c r="U7446">
        <v>56</v>
      </c>
      <c r="V7446">
        <v>56</v>
      </c>
      <c r="W7446">
        <v>57</v>
      </c>
      <c r="X7446">
        <v>58</v>
      </c>
      <c r="Y7446">
        <v>59</v>
      </c>
      <c r="Z7446">
        <v>59</v>
      </c>
      <c r="AA7446">
        <v>60</v>
      </c>
      <c r="AB7446">
        <v>60</v>
      </c>
      <c r="AC7446">
        <v>61</v>
      </c>
      <c r="AD7446">
        <v>62</v>
      </c>
      <c r="AE7446">
        <v>62</v>
      </c>
      <c r="AF7446">
        <v>63</v>
      </c>
      <c r="AG7446">
        <v>64</v>
      </c>
      <c r="AH7446">
        <v>64</v>
      </c>
      <c r="AI7446">
        <v>65</v>
      </c>
      <c r="AJ7446">
        <v>65</v>
      </c>
      <c r="AK7446">
        <v>66</v>
      </c>
      <c r="AL7446">
        <v>66</v>
      </c>
      <c r="AM7446">
        <v>66</v>
      </c>
      <c r="AN7446">
        <v>66</v>
      </c>
      <c r="AO7446">
        <v>66</v>
      </c>
      <c r="AP7446">
        <v>66</v>
      </c>
      <c r="AQ7446">
        <v>66</v>
      </c>
    </row>
    <row r="7447" spans="1:43">
      <c r="A7447" t="s">
        <v>4668</v>
      </c>
      <c r="B7447" t="s">
        <v>4669</v>
      </c>
      <c r="C7447" t="s">
        <v>4656</v>
      </c>
      <c r="D7447" t="s">
        <v>4657</v>
      </c>
      <c r="E7447" t="s">
        <v>4592</v>
      </c>
      <c r="F7447" t="s">
        <v>4593</v>
      </c>
      <c r="G7447" t="s">
        <v>80</v>
      </c>
      <c r="H7447" t="s">
        <v>81</v>
      </c>
      <c r="I7447" s="2">
        <v>1</v>
      </c>
      <c r="J7447" s="2">
        <v>0</v>
      </c>
      <c r="K7447" s="2">
        <v>0</v>
      </c>
      <c r="L7447" t="s">
        <v>120</v>
      </c>
      <c r="M7447" t="s">
        <v>87</v>
      </c>
      <c r="N7447" t="s">
        <v>88</v>
      </c>
      <c r="O7447" t="s">
        <v>85</v>
      </c>
      <c r="P7447" t="s">
        <v>86</v>
      </c>
      <c r="Q7447">
        <v>53</v>
      </c>
      <c r="R7447">
        <v>53</v>
      </c>
      <c r="S7447">
        <v>54</v>
      </c>
      <c r="T7447">
        <v>54</v>
      </c>
      <c r="U7447">
        <v>54</v>
      </c>
      <c r="V7447">
        <v>54</v>
      </c>
      <c r="W7447">
        <v>55</v>
      </c>
      <c r="X7447">
        <v>55</v>
      </c>
      <c r="Y7447">
        <v>55</v>
      </c>
      <c r="Z7447">
        <v>55</v>
      </c>
      <c r="AA7447">
        <v>56</v>
      </c>
      <c r="AB7447">
        <v>56</v>
      </c>
      <c r="AC7447">
        <v>56</v>
      </c>
      <c r="AD7447">
        <v>56</v>
      </c>
      <c r="AE7447">
        <v>56</v>
      </c>
      <c r="AF7447">
        <v>57</v>
      </c>
      <c r="AG7447">
        <v>57</v>
      </c>
      <c r="AH7447">
        <v>57</v>
      </c>
      <c r="AI7447">
        <v>57</v>
      </c>
      <c r="AJ7447">
        <v>57</v>
      </c>
      <c r="AK7447">
        <v>58</v>
      </c>
      <c r="AL7447">
        <v>58</v>
      </c>
      <c r="AM7447">
        <v>58</v>
      </c>
      <c r="AN7447">
        <v>58</v>
      </c>
      <c r="AO7447">
        <v>58</v>
      </c>
      <c r="AP7447">
        <v>58</v>
      </c>
      <c r="AQ7447">
        <v>58</v>
      </c>
    </row>
    <row r="7448" spans="1:43">
      <c r="A7448" t="s">
        <v>4668</v>
      </c>
      <c r="B7448" t="s">
        <v>4669</v>
      </c>
      <c r="C7448" t="s">
        <v>4656</v>
      </c>
      <c r="D7448" t="s">
        <v>4657</v>
      </c>
      <c r="E7448" t="s">
        <v>4592</v>
      </c>
      <c r="F7448" t="s">
        <v>4593</v>
      </c>
      <c r="G7448" t="s">
        <v>80</v>
      </c>
      <c r="H7448" t="s">
        <v>81</v>
      </c>
      <c r="I7448" s="2">
        <v>1</v>
      </c>
      <c r="J7448" s="2">
        <v>0</v>
      </c>
      <c r="K7448" s="2">
        <v>0</v>
      </c>
      <c r="L7448" t="s">
        <v>120</v>
      </c>
      <c r="M7448" t="s">
        <v>89</v>
      </c>
      <c r="N7448" t="s">
        <v>90</v>
      </c>
      <c r="O7448" t="s">
        <v>85</v>
      </c>
      <c r="P7448" t="s">
        <v>86</v>
      </c>
      <c r="Q7448">
        <v>53</v>
      </c>
      <c r="R7448">
        <v>54</v>
      </c>
      <c r="S7448">
        <v>55</v>
      </c>
      <c r="T7448">
        <v>57</v>
      </c>
      <c r="U7448">
        <v>58</v>
      </c>
      <c r="V7448">
        <v>59</v>
      </c>
      <c r="W7448">
        <v>60</v>
      </c>
      <c r="X7448">
        <v>61</v>
      </c>
      <c r="Y7448">
        <v>62</v>
      </c>
      <c r="Z7448">
        <v>63</v>
      </c>
      <c r="AA7448">
        <v>64</v>
      </c>
      <c r="AB7448">
        <v>64</v>
      </c>
      <c r="AC7448">
        <v>65</v>
      </c>
      <c r="AD7448">
        <v>66</v>
      </c>
      <c r="AE7448">
        <v>67</v>
      </c>
      <c r="AF7448">
        <v>67</v>
      </c>
      <c r="AG7448">
        <v>67</v>
      </c>
      <c r="AH7448">
        <v>67</v>
      </c>
      <c r="AI7448">
        <v>67</v>
      </c>
      <c r="AJ7448">
        <v>67</v>
      </c>
      <c r="AK7448">
        <v>67</v>
      </c>
      <c r="AL7448">
        <v>67</v>
      </c>
      <c r="AM7448">
        <v>67</v>
      </c>
      <c r="AN7448">
        <v>67</v>
      </c>
      <c r="AO7448">
        <v>67</v>
      </c>
      <c r="AP7448">
        <v>67</v>
      </c>
      <c r="AQ7448">
        <v>66</v>
      </c>
    </row>
    <row r="7449" spans="1:43">
      <c r="A7449" t="s">
        <v>4668</v>
      </c>
      <c r="B7449" t="s">
        <v>4669</v>
      </c>
      <c r="C7449" t="s">
        <v>4656</v>
      </c>
      <c r="D7449" t="s">
        <v>4657</v>
      </c>
      <c r="E7449" t="s">
        <v>4592</v>
      </c>
      <c r="F7449" t="s">
        <v>4593</v>
      </c>
      <c r="G7449" t="s">
        <v>80</v>
      </c>
      <c r="H7449" t="s">
        <v>81</v>
      </c>
      <c r="I7449" s="2">
        <v>1</v>
      </c>
      <c r="J7449" s="2">
        <v>0</v>
      </c>
      <c r="K7449" s="2">
        <v>0</v>
      </c>
      <c r="L7449" t="s">
        <v>120</v>
      </c>
      <c r="M7449" t="s">
        <v>83</v>
      </c>
      <c r="N7449" t="s">
        <v>91</v>
      </c>
      <c r="O7449" t="s">
        <v>85</v>
      </c>
      <c r="P7449" t="s">
        <v>86</v>
      </c>
      <c r="Q7449">
        <v>53</v>
      </c>
      <c r="R7449">
        <v>53</v>
      </c>
      <c r="S7449">
        <v>54</v>
      </c>
      <c r="T7449">
        <v>55</v>
      </c>
      <c r="U7449">
        <v>56</v>
      </c>
      <c r="V7449">
        <v>56</v>
      </c>
      <c r="W7449">
        <v>57</v>
      </c>
      <c r="X7449">
        <v>58</v>
      </c>
      <c r="Y7449">
        <v>59</v>
      </c>
      <c r="Z7449">
        <v>59</v>
      </c>
      <c r="AA7449">
        <v>60</v>
      </c>
      <c r="AB7449">
        <v>60</v>
      </c>
      <c r="AC7449">
        <v>61</v>
      </c>
      <c r="AD7449">
        <v>62</v>
      </c>
      <c r="AE7449">
        <v>62</v>
      </c>
      <c r="AF7449">
        <v>63</v>
      </c>
      <c r="AG7449">
        <v>64</v>
      </c>
      <c r="AH7449">
        <v>64</v>
      </c>
      <c r="AI7449">
        <v>65</v>
      </c>
      <c r="AJ7449">
        <v>65</v>
      </c>
      <c r="AK7449">
        <v>66</v>
      </c>
      <c r="AL7449">
        <v>66</v>
      </c>
      <c r="AM7449">
        <v>66</v>
      </c>
      <c r="AN7449">
        <v>66</v>
      </c>
      <c r="AO7449">
        <v>66</v>
      </c>
      <c r="AP7449">
        <v>66</v>
      </c>
      <c r="AQ7449">
        <v>66</v>
      </c>
    </row>
    <row r="7450" spans="1:43">
      <c r="A7450" t="s">
        <v>4670</v>
      </c>
      <c r="B7450" t="s">
        <v>4671</v>
      </c>
      <c r="C7450" t="s">
        <v>4660</v>
      </c>
      <c r="D7450" t="s">
        <v>4661</v>
      </c>
      <c r="E7450" t="s">
        <v>4592</v>
      </c>
      <c r="F7450" t="s">
        <v>4593</v>
      </c>
      <c r="G7450" t="s">
        <v>80</v>
      </c>
      <c r="H7450" t="s">
        <v>81</v>
      </c>
      <c r="I7450" s="2">
        <v>1</v>
      </c>
      <c r="J7450" s="2">
        <v>0</v>
      </c>
      <c r="K7450" s="2">
        <v>0</v>
      </c>
      <c r="L7450" t="s">
        <v>120</v>
      </c>
      <c r="M7450" t="s">
        <v>83</v>
      </c>
      <c r="N7450" t="s">
        <v>84</v>
      </c>
      <c r="O7450" t="s">
        <v>85</v>
      </c>
      <c r="P7450" t="s">
        <v>86</v>
      </c>
      <c r="Q7450">
        <v>16</v>
      </c>
      <c r="R7450">
        <v>17</v>
      </c>
      <c r="S7450">
        <v>17</v>
      </c>
      <c r="T7450">
        <v>17</v>
      </c>
      <c r="U7450">
        <v>18</v>
      </c>
      <c r="V7450">
        <v>18</v>
      </c>
      <c r="W7450">
        <v>18</v>
      </c>
      <c r="X7450">
        <v>18</v>
      </c>
      <c r="Y7450">
        <v>18</v>
      </c>
      <c r="Z7450">
        <v>19</v>
      </c>
      <c r="AA7450">
        <v>19</v>
      </c>
      <c r="AB7450">
        <v>19</v>
      </c>
      <c r="AC7450">
        <v>19</v>
      </c>
      <c r="AD7450">
        <v>20</v>
      </c>
      <c r="AE7450">
        <v>20</v>
      </c>
      <c r="AF7450">
        <v>20</v>
      </c>
      <c r="AG7450">
        <v>20</v>
      </c>
      <c r="AH7450">
        <v>20</v>
      </c>
      <c r="AI7450">
        <v>21</v>
      </c>
      <c r="AJ7450">
        <v>21</v>
      </c>
      <c r="AK7450">
        <v>21</v>
      </c>
      <c r="AL7450">
        <v>21</v>
      </c>
      <c r="AM7450">
        <v>21</v>
      </c>
      <c r="AN7450">
        <v>21</v>
      </c>
      <c r="AO7450">
        <v>21</v>
      </c>
      <c r="AP7450">
        <v>21</v>
      </c>
      <c r="AQ7450">
        <v>21</v>
      </c>
    </row>
    <row r="7451" spans="1:43">
      <c r="A7451" t="s">
        <v>4670</v>
      </c>
      <c r="B7451" t="s">
        <v>4671</v>
      </c>
      <c r="C7451" t="s">
        <v>4660</v>
      </c>
      <c r="D7451" t="s">
        <v>4661</v>
      </c>
      <c r="E7451" t="s">
        <v>4592</v>
      </c>
      <c r="F7451" t="s">
        <v>4593</v>
      </c>
      <c r="G7451" t="s">
        <v>80</v>
      </c>
      <c r="H7451" t="s">
        <v>81</v>
      </c>
      <c r="I7451" s="2">
        <v>1</v>
      </c>
      <c r="J7451" s="2">
        <v>0</v>
      </c>
      <c r="K7451" s="2">
        <v>0</v>
      </c>
      <c r="L7451" t="s">
        <v>120</v>
      </c>
      <c r="M7451" t="s">
        <v>87</v>
      </c>
      <c r="N7451" t="s">
        <v>88</v>
      </c>
      <c r="O7451" t="s">
        <v>85</v>
      </c>
      <c r="P7451" t="s">
        <v>86</v>
      </c>
      <c r="Q7451">
        <v>16</v>
      </c>
      <c r="R7451">
        <v>16</v>
      </c>
      <c r="S7451">
        <v>17</v>
      </c>
      <c r="T7451">
        <v>17</v>
      </c>
      <c r="U7451">
        <v>17</v>
      </c>
      <c r="V7451">
        <v>17</v>
      </c>
      <c r="W7451">
        <v>17</v>
      </c>
      <c r="X7451">
        <v>17</v>
      </c>
      <c r="Y7451">
        <v>17</v>
      </c>
      <c r="Z7451">
        <v>17</v>
      </c>
      <c r="AA7451">
        <v>17</v>
      </c>
      <c r="AB7451">
        <v>17</v>
      </c>
      <c r="AC7451">
        <v>17</v>
      </c>
      <c r="AD7451">
        <v>18</v>
      </c>
      <c r="AE7451">
        <v>18</v>
      </c>
      <c r="AF7451">
        <v>18</v>
      </c>
      <c r="AG7451">
        <v>18</v>
      </c>
      <c r="AH7451">
        <v>18</v>
      </c>
      <c r="AI7451">
        <v>18</v>
      </c>
      <c r="AJ7451">
        <v>18</v>
      </c>
      <c r="AK7451">
        <v>18</v>
      </c>
      <c r="AL7451">
        <v>18</v>
      </c>
      <c r="AM7451">
        <v>18</v>
      </c>
      <c r="AN7451">
        <v>18</v>
      </c>
      <c r="AO7451">
        <v>18</v>
      </c>
      <c r="AP7451">
        <v>18</v>
      </c>
      <c r="AQ7451">
        <v>18</v>
      </c>
    </row>
    <row r="7452" spans="1:43">
      <c r="A7452" t="s">
        <v>4670</v>
      </c>
      <c r="B7452" t="s">
        <v>4671</v>
      </c>
      <c r="C7452" t="s">
        <v>4660</v>
      </c>
      <c r="D7452" t="s">
        <v>4661</v>
      </c>
      <c r="E7452" t="s">
        <v>4592</v>
      </c>
      <c r="F7452" t="s">
        <v>4593</v>
      </c>
      <c r="G7452" t="s">
        <v>80</v>
      </c>
      <c r="H7452" t="s">
        <v>81</v>
      </c>
      <c r="I7452" s="2">
        <v>1</v>
      </c>
      <c r="J7452" s="2">
        <v>0</v>
      </c>
      <c r="K7452" s="2">
        <v>0</v>
      </c>
      <c r="L7452" t="s">
        <v>120</v>
      </c>
      <c r="M7452" t="s">
        <v>89</v>
      </c>
      <c r="N7452" t="s">
        <v>90</v>
      </c>
      <c r="O7452" t="s">
        <v>85</v>
      </c>
      <c r="P7452" t="s">
        <v>86</v>
      </c>
      <c r="Q7452">
        <v>16</v>
      </c>
      <c r="R7452">
        <v>16</v>
      </c>
      <c r="S7452">
        <v>16</v>
      </c>
      <c r="T7452">
        <v>17</v>
      </c>
      <c r="U7452">
        <v>17</v>
      </c>
      <c r="V7452">
        <v>18</v>
      </c>
      <c r="W7452">
        <v>18</v>
      </c>
      <c r="X7452">
        <v>18</v>
      </c>
      <c r="Y7452">
        <v>19</v>
      </c>
      <c r="Z7452">
        <v>19</v>
      </c>
      <c r="AA7452">
        <v>19</v>
      </c>
      <c r="AB7452">
        <v>19</v>
      </c>
      <c r="AC7452">
        <v>20</v>
      </c>
      <c r="AD7452">
        <v>20</v>
      </c>
      <c r="AE7452">
        <v>20</v>
      </c>
      <c r="AF7452">
        <v>20</v>
      </c>
      <c r="AG7452">
        <v>20</v>
      </c>
      <c r="AH7452">
        <v>20</v>
      </c>
      <c r="AI7452">
        <v>20</v>
      </c>
      <c r="AJ7452">
        <v>20</v>
      </c>
      <c r="AK7452">
        <v>20</v>
      </c>
      <c r="AL7452">
        <v>20</v>
      </c>
      <c r="AM7452">
        <v>20</v>
      </c>
      <c r="AN7452">
        <v>20</v>
      </c>
      <c r="AO7452">
        <v>20</v>
      </c>
      <c r="AP7452">
        <v>20</v>
      </c>
      <c r="AQ7452">
        <v>20</v>
      </c>
    </row>
    <row r="7453" spans="1:43">
      <c r="A7453" t="s">
        <v>4670</v>
      </c>
      <c r="B7453" t="s">
        <v>4671</v>
      </c>
      <c r="C7453" t="s">
        <v>4660</v>
      </c>
      <c r="D7453" t="s">
        <v>4661</v>
      </c>
      <c r="E7453" t="s">
        <v>4592</v>
      </c>
      <c r="F7453" t="s">
        <v>4593</v>
      </c>
      <c r="G7453" t="s">
        <v>80</v>
      </c>
      <c r="H7453" t="s">
        <v>81</v>
      </c>
      <c r="I7453" s="2">
        <v>1</v>
      </c>
      <c r="J7453" s="2">
        <v>0</v>
      </c>
      <c r="K7453" s="2">
        <v>0</v>
      </c>
      <c r="L7453" t="s">
        <v>120</v>
      </c>
      <c r="M7453" t="s">
        <v>83</v>
      </c>
      <c r="N7453" t="s">
        <v>91</v>
      </c>
      <c r="O7453" t="s">
        <v>85</v>
      </c>
      <c r="P7453" t="s">
        <v>86</v>
      </c>
      <c r="Q7453">
        <v>16</v>
      </c>
      <c r="R7453">
        <v>17</v>
      </c>
      <c r="S7453">
        <v>17</v>
      </c>
      <c r="T7453">
        <v>17</v>
      </c>
      <c r="U7453">
        <v>18</v>
      </c>
      <c r="V7453">
        <v>18</v>
      </c>
      <c r="W7453">
        <v>18</v>
      </c>
      <c r="X7453">
        <v>18</v>
      </c>
      <c r="Y7453">
        <v>18</v>
      </c>
      <c r="Z7453">
        <v>19</v>
      </c>
      <c r="AA7453">
        <v>19</v>
      </c>
      <c r="AB7453">
        <v>19</v>
      </c>
      <c r="AC7453">
        <v>19</v>
      </c>
      <c r="AD7453">
        <v>20</v>
      </c>
      <c r="AE7453">
        <v>20</v>
      </c>
      <c r="AF7453">
        <v>20</v>
      </c>
      <c r="AG7453">
        <v>20</v>
      </c>
      <c r="AH7453">
        <v>20</v>
      </c>
      <c r="AI7453">
        <v>21</v>
      </c>
      <c r="AJ7453">
        <v>21</v>
      </c>
      <c r="AK7453">
        <v>21</v>
      </c>
      <c r="AL7453">
        <v>21</v>
      </c>
      <c r="AM7453">
        <v>21</v>
      </c>
      <c r="AN7453">
        <v>21</v>
      </c>
      <c r="AO7453">
        <v>21</v>
      </c>
      <c r="AP7453">
        <v>21</v>
      </c>
      <c r="AQ7453">
        <v>21</v>
      </c>
    </row>
    <row r="7454" spans="1:43">
      <c r="A7454" t="s">
        <v>4672</v>
      </c>
      <c r="B7454" t="s">
        <v>4673</v>
      </c>
      <c r="C7454" t="s">
        <v>4674</v>
      </c>
      <c r="D7454" t="s">
        <v>4675</v>
      </c>
      <c r="E7454" t="s">
        <v>4592</v>
      </c>
      <c r="F7454" t="s">
        <v>4593</v>
      </c>
      <c r="G7454" t="s">
        <v>80</v>
      </c>
      <c r="H7454" t="s">
        <v>81</v>
      </c>
      <c r="I7454" s="2">
        <v>1</v>
      </c>
      <c r="J7454" s="2">
        <v>0</v>
      </c>
      <c r="K7454" s="2">
        <v>0</v>
      </c>
      <c r="L7454" t="s">
        <v>120</v>
      </c>
      <c r="M7454" t="s">
        <v>83</v>
      </c>
      <c r="N7454" t="s">
        <v>84</v>
      </c>
      <c r="O7454" t="s">
        <v>85</v>
      </c>
      <c r="P7454" t="s">
        <v>86</v>
      </c>
      <c r="Q7454">
        <v>15</v>
      </c>
      <c r="R7454">
        <v>15</v>
      </c>
      <c r="S7454">
        <v>15</v>
      </c>
      <c r="T7454">
        <v>15</v>
      </c>
      <c r="U7454">
        <v>16</v>
      </c>
      <c r="V7454">
        <v>16</v>
      </c>
      <c r="W7454">
        <v>16</v>
      </c>
      <c r="X7454">
        <v>16</v>
      </c>
      <c r="Y7454">
        <v>17</v>
      </c>
      <c r="Z7454">
        <v>17</v>
      </c>
      <c r="AA7454">
        <v>17</v>
      </c>
      <c r="AB7454">
        <v>17</v>
      </c>
      <c r="AC7454">
        <v>17</v>
      </c>
      <c r="AD7454">
        <v>17</v>
      </c>
      <c r="AE7454">
        <v>18</v>
      </c>
      <c r="AF7454">
        <v>18</v>
      </c>
      <c r="AG7454">
        <v>18</v>
      </c>
      <c r="AH7454">
        <v>18</v>
      </c>
      <c r="AI7454">
        <v>18</v>
      </c>
      <c r="AJ7454">
        <v>19</v>
      </c>
      <c r="AK7454">
        <v>19</v>
      </c>
      <c r="AL7454">
        <v>19</v>
      </c>
      <c r="AM7454">
        <v>19</v>
      </c>
      <c r="AN7454">
        <v>19</v>
      </c>
      <c r="AO7454">
        <v>19</v>
      </c>
      <c r="AP7454">
        <v>19</v>
      </c>
      <c r="AQ7454">
        <v>19</v>
      </c>
    </row>
    <row r="7455" spans="1:43">
      <c r="A7455" t="s">
        <v>4672</v>
      </c>
      <c r="B7455" t="s">
        <v>4673</v>
      </c>
      <c r="C7455" t="s">
        <v>4674</v>
      </c>
      <c r="D7455" t="s">
        <v>4675</v>
      </c>
      <c r="E7455" t="s">
        <v>4592</v>
      </c>
      <c r="F7455" t="s">
        <v>4593</v>
      </c>
      <c r="G7455" t="s">
        <v>80</v>
      </c>
      <c r="H7455" t="s">
        <v>81</v>
      </c>
      <c r="I7455" s="2">
        <v>1</v>
      </c>
      <c r="J7455" s="2">
        <v>0</v>
      </c>
      <c r="K7455" s="2">
        <v>0</v>
      </c>
      <c r="L7455" t="s">
        <v>120</v>
      </c>
      <c r="M7455" t="s">
        <v>87</v>
      </c>
      <c r="N7455" t="s">
        <v>88</v>
      </c>
      <c r="O7455" t="s">
        <v>85</v>
      </c>
      <c r="P7455" t="s">
        <v>86</v>
      </c>
      <c r="Q7455">
        <v>15</v>
      </c>
      <c r="R7455">
        <v>15</v>
      </c>
      <c r="S7455">
        <v>15</v>
      </c>
      <c r="T7455">
        <v>15</v>
      </c>
      <c r="U7455">
        <v>15</v>
      </c>
      <c r="V7455">
        <v>15</v>
      </c>
      <c r="W7455">
        <v>15</v>
      </c>
      <c r="X7455">
        <v>15</v>
      </c>
      <c r="Y7455">
        <v>15</v>
      </c>
      <c r="Z7455">
        <v>15</v>
      </c>
      <c r="AA7455">
        <v>15</v>
      </c>
      <c r="AB7455">
        <v>16</v>
      </c>
      <c r="AC7455">
        <v>16</v>
      </c>
      <c r="AD7455">
        <v>16</v>
      </c>
      <c r="AE7455">
        <v>16</v>
      </c>
      <c r="AF7455">
        <v>16</v>
      </c>
      <c r="AG7455">
        <v>16</v>
      </c>
      <c r="AH7455">
        <v>16</v>
      </c>
      <c r="AI7455">
        <v>16</v>
      </c>
      <c r="AJ7455">
        <v>16</v>
      </c>
      <c r="AK7455">
        <v>16</v>
      </c>
      <c r="AL7455">
        <v>16</v>
      </c>
      <c r="AM7455">
        <v>16</v>
      </c>
      <c r="AN7455">
        <v>16</v>
      </c>
      <c r="AO7455">
        <v>16</v>
      </c>
      <c r="AP7455">
        <v>16</v>
      </c>
      <c r="AQ7455">
        <v>16</v>
      </c>
    </row>
    <row r="7456" spans="1:43">
      <c r="A7456" t="s">
        <v>4672</v>
      </c>
      <c r="B7456" t="s">
        <v>4673</v>
      </c>
      <c r="C7456" t="s">
        <v>4674</v>
      </c>
      <c r="D7456" t="s">
        <v>4675</v>
      </c>
      <c r="E7456" t="s">
        <v>4592</v>
      </c>
      <c r="F7456" t="s">
        <v>4593</v>
      </c>
      <c r="G7456" t="s">
        <v>80</v>
      </c>
      <c r="H7456" t="s">
        <v>81</v>
      </c>
      <c r="I7456" s="2">
        <v>1</v>
      </c>
      <c r="J7456" s="2">
        <v>0</v>
      </c>
      <c r="K7456" s="2">
        <v>0</v>
      </c>
      <c r="L7456" t="s">
        <v>120</v>
      </c>
      <c r="M7456" t="s">
        <v>89</v>
      </c>
      <c r="N7456" t="s">
        <v>90</v>
      </c>
      <c r="O7456" t="s">
        <v>85</v>
      </c>
      <c r="P7456" t="s">
        <v>86</v>
      </c>
      <c r="Q7456">
        <v>15</v>
      </c>
      <c r="R7456">
        <v>15</v>
      </c>
      <c r="S7456">
        <v>16</v>
      </c>
      <c r="T7456">
        <v>16</v>
      </c>
      <c r="U7456">
        <v>16</v>
      </c>
      <c r="V7456">
        <v>17</v>
      </c>
      <c r="W7456">
        <v>17</v>
      </c>
      <c r="X7456">
        <v>17</v>
      </c>
      <c r="Y7456">
        <v>17</v>
      </c>
      <c r="Z7456">
        <v>18</v>
      </c>
      <c r="AA7456">
        <v>18</v>
      </c>
      <c r="AB7456">
        <v>18</v>
      </c>
      <c r="AC7456">
        <v>19</v>
      </c>
      <c r="AD7456">
        <v>19</v>
      </c>
      <c r="AE7456">
        <v>19</v>
      </c>
      <c r="AF7456">
        <v>19</v>
      </c>
      <c r="AG7456">
        <v>19</v>
      </c>
      <c r="AH7456">
        <v>19</v>
      </c>
      <c r="AI7456">
        <v>19</v>
      </c>
      <c r="AJ7456">
        <v>19</v>
      </c>
      <c r="AK7456">
        <v>19</v>
      </c>
      <c r="AL7456">
        <v>19</v>
      </c>
      <c r="AM7456">
        <v>19</v>
      </c>
      <c r="AN7456">
        <v>19</v>
      </c>
      <c r="AO7456">
        <v>19</v>
      </c>
      <c r="AP7456">
        <v>19</v>
      </c>
      <c r="AQ7456">
        <v>19</v>
      </c>
    </row>
    <row r="7457" spans="1:43">
      <c r="A7457" t="s">
        <v>4672</v>
      </c>
      <c r="B7457" t="s">
        <v>4673</v>
      </c>
      <c r="C7457" t="s">
        <v>4674</v>
      </c>
      <c r="D7457" t="s">
        <v>4675</v>
      </c>
      <c r="E7457" t="s">
        <v>4592</v>
      </c>
      <c r="F7457" t="s">
        <v>4593</v>
      </c>
      <c r="G7457" t="s">
        <v>80</v>
      </c>
      <c r="H7457" t="s">
        <v>81</v>
      </c>
      <c r="I7457" s="2">
        <v>1</v>
      </c>
      <c r="J7457" s="2">
        <v>0</v>
      </c>
      <c r="K7457" s="2">
        <v>0</v>
      </c>
      <c r="L7457" t="s">
        <v>120</v>
      </c>
      <c r="M7457" t="s">
        <v>83</v>
      </c>
      <c r="N7457" t="s">
        <v>91</v>
      </c>
      <c r="O7457" t="s">
        <v>85</v>
      </c>
      <c r="P7457" t="s">
        <v>86</v>
      </c>
      <c r="Q7457">
        <v>15</v>
      </c>
      <c r="R7457">
        <v>15</v>
      </c>
      <c r="S7457">
        <v>15</v>
      </c>
      <c r="T7457">
        <v>15</v>
      </c>
      <c r="U7457">
        <v>16</v>
      </c>
      <c r="V7457">
        <v>16</v>
      </c>
      <c r="W7457">
        <v>16</v>
      </c>
      <c r="X7457">
        <v>16</v>
      </c>
      <c r="Y7457">
        <v>17</v>
      </c>
      <c r="Z7457">
        <v>17</v>
      </c>
      <c r="AA7457">
        <v>17</v>
      </c>
      <c r="AB7457">
        <v>17</v>
      </c>
      <c r="AC7457">
        <v>17</v>
      </c>
      <c r="AD7457">
        <v>17</v>
      </c>
      <c r="AE7457">
        <v>18</v>
      </c>
      <c r="AF7457">
        <v>18</v>
      </c>
      <c r="AG7457">
        <v>18</v>
      </c>
      <c r="AH7457">
        <v>18</v>
      </c>
      <c r="AI7457">
        <v>18</v>
      </c>
      <c r="AJ7457">
        <v>19</v>
      </c>
      <c r="AK7457">
        <v>19</v>
      </c>
      <c r="AL7457">
        <v>19</v>
      </c>
      <c r="AM7457">
        <v>19</v>
      </c>
      <c r="AN7457">
        <v>19</v>
      </c>
      <c r="AO7457">
        <v>19</v>
      </c>
      <c r="AP7457">
        <v>19</v>
      </c>
      <c r="AQ7457">
        <v>19</v>
      </c>
    </row>
    <row r="7458" spans="1:43">
      <c r="A7458" t="s">
        <v>4676</v>
      </c>
      <c r="B7458" t="s">
        <v>4677</v>
      </c>
      <c r="C7458" t="s">
        <v>4678</v>
      </c>
      <c r="D7458" t="s">
        <v>4679</v>
      </c>
      <c r="E7458" t="s">
        <v>4592</v>
      </c>
      <c r="F7458" t="s">
        <v>4593</v>
      </c>
      <c r="G7458" t="s">
        <v>80</v>
      </c>
      <c r="H7458" t="s">
        <v>81</v>
      </c>
      <c r="I7458" s="2">
        <v>1</v>
      </c>
      <c r="J7458" s="2">
        <v>0</v>
      </c>
      <c r="K7458" s="2">
        <v>0</v>
      </c>
      <c r="L7458" t="s">
        <v>120</v>
      </c>
      <c r="M7458" t="s">
        <v>83</v>
      </c>
      <c r="N7458" t="s">
        <v>84</v>
      </c>
      <c r="O7458" t="s">
        <v>85</v>
      </c>
      <c r="P7458" t="s">
        <v>86</v>
      </c>
      <c r="Q7458">
        <v>5</v>
      </c>
      <c r="R7458">
        <v>5</v>
      </c>
      <c r="S7458">
        <v>5</v>
      </c>
      <c r="T7458">
        <v>5</v>
      </c>
      <c r="U7458">
        <v>5</v>
      </c>
      <c r="V7458">
        <v>5</v>
      </c>
      <c r="W7458">
        <v>5</v>
      </c>
      <c r="X7458">
        <v>6</v>
      </c>
      <c r="Y7458">
        <v>6</v>
      </c>
      <c r="Z7458">
        <v>6</v>
      </c>
      <c r="AA7458">
        <v>6</v>
      </c>
      <c r="AB7458">
        <v>6</v>
      </c>
      <c r="AC7458">
        <v>6</v>
      </c>
      <c r="AD7458">
        <v>6</v>
      </c>
      <c r="AE7458">
        <v>6</v>
      </c>
      <c r="AF7458">
        <v>6</v>
      </c>
      <c r="AG7458">
        <v>6</v>
      </c>
      <c r="AH7458">
        <v>6</v>
      </c>
      <c r="AI7458">
        <v>6</v>
      </c>
      <c r="AJ7458">
        <v>6</v>
      </c>
      <c r="AK7458">
        <v>6</v>
      </c>
      <c r="AL7458">
        <v>6</v>
      </c>
      <c r="AM7458">
        <v>6</v>
      </c>
      <c r="AN7458">
        <v>6</v>
      </c>
      <c r="AO7458">
        <v>6</v>
      </c>
      <c r="AP7458">
        <v>6</v>
      </c>
      <c r="AQ7458">
        <v>6</v>
      </c>
    </row>
    <row r="7459" spans="1:43">
      <c r="A7459" t="s">
        <v>4676</v>
      </c>
      <c r="B7459" t="s">
        <v>4677</v>
      </c>
      <c r="C7459" t="s">
        <v>4678</v>
      </c>
      <c r="D7459" t="s">
        <v>4679</v>
      </c>
      <c r="E7459" t="s">
        <v>4592</v>
      </c>
      <c r="F7459" t="s">
        <v>4593</v>
      </c>
      <c r="G7459" t="s">
        <v>80</v>
      </c>
      <c r="H7459" t="s">
        <v>81</v>
      </c>
      <c r="I7459" s="2">
        <v>1</v>
      </c>
      <c r="J7459" s="2">
        <v>0</v>
      </c>
      <c r="K7459" s="2">
        <v>0</v>
      </c>
      <c r="L7459" t="s">
        <v>120</v>
      </c>
      <c r="M7459" t="s">
        <v>87</v>
      </c>
      <c r="N7459" t="s">
        <v>88</v>
      </c>
      <c r="O7459" t="s">
        <v>85</v>
      </c>
      <c r="P7459" t="s">
        <v>86</v>
      </c>
      <c r="Q7459">
        <v>5</v>
      </c>
      <c r="R7459">
        <v>5</v>
      </c>
      <c r="S7459">
        <v>5</v>
      </c>
      <c r="T7459">
        <v>5</v>
      </c>
      <c r="U7459">
        <v>5</v>
      </c>
      <c r="V7459">
        <v>5</v>
      </c>
      <c r="W7459">
        <v>5</v>
      </c>
      <c r="X7459">
        <v>5</v>
      </c>
      <c r="Y7459">
        <v>5</v>
      </c>
      <c r="Z7459">
        <v>5</v>
      </c>
      <c r="AA7459">
        <v>5</v>
      </c>
      <c r="AB7459">
        <v>5</v>
      </c>
      <c r="AC7459">
        <v>5</v>
      </c>
      <c r="AD7459">
        <v>5</v>
      </c>
      <c r="AE7459">
        <v>5</v>
      </c>
      <c r="AF7459">
        <v>5</v>
      </c>
      <c r="AG7459">
        <v>5</v>
      </c>
      <c r="AH7459">
        <v>5</v>
      </c>
      <c r="AI7459">
        <v>5</v>
      </c>
      <c r="AJ7459">
        <v>5</v>
      </c>
      <c r="AK7459">
        <v>5</v>
      </c>
      <c r="AL7459">
        <v>5</v>
      </c>
      <c r="AM7459">
        <v>5</v>
      </c>
      <c r="AN7459">
        <v>5</v>
      </c>
      <c r="AO7459">
        <v>5</v>
      </c>
      <c r="AP7459">
        <v>5</v>
      </c>
      <c r="AQ7459">
        <v>6</v>
      </c>
    </row>
    <row r="7460" spans="1:43">
      <c r="A7460" t="s">
        <v>4676</v>
      </c>
      <c r="B7460" t="s">
        <v>4677</v>
      </c>
      <c r="C7460" t="s">
        <v>4678</v>
      </c>
      <c r="D7460" t="s">
        <v>4679</v>
      </c>
      <c r="E7460" t="s">
        <v>4592</v>
      </c>
      <c r="F7460" t="s">
        <v>4593</v>
      </c>
      <c r="G7460" t="s">
        <v>80</v>
      </c>
      <c r="H7460" t="s">
        <v>81</v>
      </c>
      <c r="I7460" s="2">
        <v>1</v>
      </c>
      <c r="J7460" s="2">
        <v>0</v>
      </c>
      <c r="K7460" s="2">
        <v>0</v>
      </c>
      <c r="L7460" t="s">
        <v>120</v>
      </c>
      <c r="M7460" t="s">
        <v>89</v>
      </c>
      <c r="N7460" t="s">
        <v>90</v>
      </c>
      <c r="O7460" t="s">
        <v>85</v>
      </c>
      <c r="P7460" t="s">
        <v>86</v>
      </c>
      <c r="Q7460">
        <v>5</v>
      </c>
      <c r="R7460">
        <v>5</v>
      </c>
      <c r="S7460">
        <v>5</v>
      </c>
      <c r="T7460">
        <v>5</v>
      </c>
      <c r="U7460">
        <v>6</v>
      </c>
      <c r="V7460">
        <v>6</v>
      </c>
      <c r="W7460">
        <v>6</v>
      </c>
      <c r="X7460">
        <v>6</v>
      </c>
      <c r="Y7460">
        <v>6</v>
      </c>
      <c r="Z7460">
        <v>6</v>
      </c>
      <c r="AA7460">
        <v>6</v>
      </c>
      <c r="AB7460">
        <v>6</v>
      </c>
      <c r="AC7460">
        <v>6</v>
      </c>
      <c r="AD7460">
        <v>6</v>
      </c>
      <c r="AE7460">
        <v>6</v>
      </c>
      <c r="AF7460">
        <v>6</v>
      </c>
      <c r="AG7460">
        <v>6</v>
      </c>
      <c r="AH7460">
        <v>6</v>
      </c>
      <c r="AI7460">
        <v>6</v>
      </c>
      <c r="AJ7460">
        <v>6</v>
      </c>
      <c r="AK7460">
        <v>6</v>
      </c>
      <c r="AL7460">
        <v>6</v>
      </c>
      <c r="AM7460">
        <v>6</v>
      </c>
      <c r="AN7460">
        <v>6</v>
      </c>
      <c r="AO7460">
        <v>6</v>
      </c>
      <c r="AP7460">
        <v>6</v>
      </c>
      <c r="AQ7460">
        <v>6</v>
      </c>
    </row>
    <row r="7461" spans="1:43">
      <c r="A7461" t="s">
        <v>4676</v>
      </c>
      <c r="B7461" t="s">
        <v>4677</v>
      </c>
      <c r="C7461" t="s">
        <v>4678</v>
      </c>
      <c r="D7461" t="s">
        <v>4679</v>
      </c>
      <c r="E7461" t="s">
        <v>4592</v>
      </c>
      <c r="F7461" t="s">
        <v>4593</v>
      </c>
      <c r="G7461" t="s">
        <v>80</v>
      </c>
      <c r="H7461" t="s">
        <v>81</v>
      </c>
      <c r="I7461" s="2">
        <v>1</v>
      </c>
      <c r="J7461" s="2">
        <v>0</v>
      </c>
      <c r="K7461" s="2">
        <v>0</v>
      </c>
      <c r="L7461" t="s">
        <v>120</v>
      </c>
      <c r="M7461" t="s">
        <v>83</v>
      </c>
      <c r="N7461" t="s">
        <v>91</v>
      </c>
      <c r="O7461" t="s">
        <v>85</v>
      </c>
      <c r="P7461" t="s">
        <v>86</v>
      </c>
      <c r="Q7461">
        <v>5</v>
      </c>
      <c r="R7461">
        <v>5</v>
      </c>
      <c r="S7461">
        <v>5</v>
      </c>
      <c r="T7461">
        <v>5</v>
      </c>
      <c r="U7461">
        <v>5</v>
      </c>
      <c r="V7461">
        <v>5</v>
      </c>
      <c r="W7461">
        <v>5</v>
      </c>
      <c r="X7461">
        <v>6</v>
      </c>
      <c r="Y7461">
        <v>6</v>
      </c>
      <c r="Z7461">
        <v>6</v>
      </c>
      <c r="AA7461">
        <v>6</v>
      </c>
      <c r="AB7461">
        <v>6</v>
      </c>
      <c r="AC7461">
        <v>6</v>
      </c>
      <c r="AD7461">
        <v>6</v>
      </c>
      <c r="AE7461">
        <v>6</v>
      </c>
      <c r="AF7461">
        <v>6</v>
      </c>
      <c r="AG7461">
        <v>6</v>
      </c>
      <c r="AH7461">
        <v>6</v>
      </c>
      <c r="AI7461">
        <v>6</v>
      </c>
      <c r="AJ7461">
        <v>6</v>
      </c>
      <c r="AK7461">
        <v>6</v>
      </c>
      <c r="AL7461">
        <v>6</v>
      </c>
      <c r="AM7461">
        <v>6</v>
      </c>
      <c r="AN7461">
        <v>6</v>
      </c>
      <c r="AO7461">
        <v>6</v>
      </c>
      <c r="AP7461">
        <v>6</v>
      </c>
      <c r="AQ7461">
        <v>6</v>
      </c>
    </row>
    <row r="7462" spans="1:43">
      <c r="A7462" t="s">
        <v>4680</v>
      </c>
      <c r="B7462" t="s">
        <v>4681</v>
      </c>
      <c r="C7462" t="s">
        <v>4678</v>
      </c>
      <c r="D7462" t="s">
        <v>4679</v>
      </c>
      <c r="E7462" t="s">
        <v>4592</v>
      </c>
      <c r="F7462" t="s">
        <v>4593</v>
      </c>
      <c r="G7462" t="s">
        <v>80</v>
      </c>
      <c r="H7462" t="s">
        <v>81</v>
      </c>
      <c r="I7462" s="2">
        <v>1</v>
      </c>
      <c r="J7462" s="2">
        <v>0</v>
      </c>
      <c r="K7462" s="2">
        <v>0</v>
      </c>
      <c r="L7462" t="s">
        <v>120</v>
      </c>
      <c r="M7462" t="s">
        <v>83</v>
      </c>
      <c r="N7462" t="s">
        <v>84</v>
      </c>
      <c r="O7462" t="s">
        <v>85</v>
      </c>
      <c r="P7462" t="s">
        <v>86</v>
      </c>
      <c r="Q7462">
        <v>17</v>
      </c>
      <c r="R7462">
        <v>18</v>
      </c>
      <c r="S7462">
        <v>18</v>
      </c>
      <c r="T7462">
        <v>18</v>
      </c>
      <c r="U7462">
        <v>19</v>
      </c>
      <c r="V7462">
        <v>19</v>
      </c>
      <c r="W7462">
        <v>19</v>
      </c>
      <c r="X7462">
        <v>19</v>
      </c>
      <c r="Y7462">
        <v>20</v>
      </c>
      <c r="Z7462">
        <v>20</v>
      </c>
      <c r="AA7462">
        <v>20</v>
      </c>
      <c r="AB7462">
        <v>20</v>
      </c>
      <c r="AC7462">
        <v>20</v>
      </c>
      <c r="AD7462">
        <v>21</v>
      </c>
      <c r="AE7462">
        <v>21</v>
      </c>
      <c r="AF7462">
        <v>21</v>
      </c>
      <c r="AG7462">
        <v>21</v>
      </c>
      <c r="AH7462">
        <v>22</v>
      </c>
      <c r="AI7462">
        <v>22</v>
      </c>
      <c r="AJ7462">
        <v>22</v>
      </c>
      <c r="AK7462">
        <v>22</v>
      </c>
      <c r="AL7462">
        <v>22</v>
      </c>
      <c r="AM7462">
        <v>22</v>
      </c>
      <c r="AN7462">
        <v>22</v>
      </c>
      <c r="AO7462">
        <v>22</v>
      </c>
      <c r="AP7462">
        <v>22</v>
      </c>
      <c r="AQ7462">
        <v>22</v>
      </c>
    </row>
    <row r="7463" spans="1:43">
      <c r="A7463" t="s">
        <v>4680</v>
      </c>
      <c r="B7463" t="s">
        <v>4681</v>
      </c>
      <c r="C7463" t="s">
        <v>4678</v>
      </c>
      <c r="D7463" t="s">
        <v>4679</v>
      </c>
      <c r="E7463" t="s">
        <v>4592</v>
      </c>
      <c r="F7463" t="s">
        <v>4593</v>
      </c>
      <c r="G7463" t="s">
        <v>80</v>
      </c>
      <c r="H7463" t="s">
        <v>81</v>
      </c>
      <c r="I7463" s="2">
        <v>1</v>
      </c>
      <c r="J7463" s="2">
        <v>0</v>
      </c>
      <c r="K7463" s="2">
        <v>0</v>
      </c>
      <c r="L7463" t="s">
        <v>120</v>
      </c>
      <c r="M7463" t="s">
        <v>87</v>
      </c>
      <c r="N7463" t="s">
        <v>88</v>
      </c>
      <c r="O7463" t="s">
        <v>85</v>
      </c>
      <c r="P7463" t="s">
        <v>86</v>
      </c>
      <c r="Q7463">
        <v>17</v>
      </c>
      <c r="R7463">
        <v>17</v>
      </c>
      <c r="S7463">
        <v>17</v>
      </c>
      <c r="T7463">
        <v>18</v>
      </c>
      <c r="U7463">
        <v>18</v>
      </c>
      <c r="V7463">
        <v>18</v>
      </c>
      <c r="W7463">
        <v>18</v>
      </c>
      <c r="X7463">
        <v>18</v>
      </c>
      <c r="Y7463">
        <v>18</v>
      </c>
      <c r="Z7463">
        <v>18</v>
      </c>
      <c r="AA7463">
        <v>18</v>
      </c>
      <c r="AB7463">
        <v>18</v>
      </c>
      <c r="AC7463">
        <v>18</v>
      </c>
      <c r="AD7463">
        <v>18</v>
      </c>
      <c r="AE7463">
        <v>19</v>
      </c>
      <c r="AF7463">
        <v>19</v>
      </c>
      <c r="AG7463">
        <v>19</v>
      </c>
      <c r="AH7463">
        <v>19</v>
      </c>
      <c r="AI7463">
        <v>19</v>
      </c>
      <c r="AJ7463">
        <v>19</v>
      </c>
      <c r="AK7463">
        <v>19</v>
      </c>
      <c r="AL7463">
        <v>19</v>
      </c>
      <c r="AM7463">
        <v>19</v>
      </c>
      <c r="AN7463">
        <v>19</v>
      </c>
      <c r="AO7463">
        <v>19</v>
      </c>
      <c r="AP7463">
        <v>19</v>
      </c>
      <c r="AQ7463">
        <v>19</v>
      </c>
    </row>
    <row r="7464" spans="1:43">
      <c r="A7464" t="s">
        <v>4680</v>
      </c>
      <c r="B7464" t="s">
        <v>4681</v>
      </c>
      <c r="C7464" t="s">
        <v>4678</v>
      </c>
      <c r="D7464" t="s">
        <v>4679</v>
      </c>
      <c r="E7464" t="s">
        <v>4592</v>
      </c>
      <c r="F7464" t="s">
        <v>4593</v>
      </c>
      <c r="G7464" t="s">
        <v>80</v>
      </c>
      <c r="H7464" t="s">
        <v>81</v>
      </c>
      <c r="I7464" s="2">
        <v>1</v>
      </c>
      <c r="J7464" s="2">
        <v>0</v>
      </c>
      <c r="K7464" s="2">
        <v>0</v>
      </c>
      <c r="L7464" t="s">
        <v>120</v>
      </c>
      <c r="M7464" t="s">
        <v>89</v>
      </c>
      <c r="N7464" t="s">
        <v>90</v>
      </c>
      <c r="O7464" t="s">
        <v>85</v>
      </c>
      <c r="P7464" t="s">
        <v>86</v>
      </c>
      <c r="Q7464">
        <v>17</v>
      </c>
      <c r="R7464">
        <v>17</v>
      </c>
      <c r="S7464">
        <v>17</v>
      </c>
      <c r="T7464">
        <v>18</v>
      </c>
      <c r="U7464">
        <v>18</v>
      </c>
      <c r="V7464">
        <v>19</v>
      </c>
      <c r="W7464">
        <v>19</v>
      </c>
      <c r="X7464">
        <v>19</v>
      </c>
      <c r="Y7464">
        <v>20</v>
      </c>
      <c r="Z7464">
        <v>20</v>
      </c>
      <c r="AA7464">
        <v>20</v>
      </c>
      <c r="AB7464">
        <v>21</v>
      </c>
      <c r="AC7464">
        <v>21</v>
      </c>
      <c r="AD7464">
        <v>21</v>
      </c>
      <c r="AE7464">
        <v>21</v>
      </c>
      <c r="AF7464">
        <v>21</v>
      </c>
      <c r="AG7464">
        <v>21</v>
      </c>
      <c r="AH7464">
        <v>21</v>
      </c>
      <c r="AI7464">
        <v>21</v>
      </c>
      <c r="AJ7464">
        <v>21</v>
      </c>
      <c r="AK7464">
        <v>21</v>
      </c>
      <c r="AL7464">
        <v>21</v>
      </c>
      <c r="AM7464">
        <v>21</v>
      </c>
      <c r="AN7464">
        <v>21</v>
      </c>
      <c r="AO7464">
        <v>21</v>
      </c>
      <c r="AP7464">
        <v>21</v>
      </c>
      <c r="AQ7464">
        <v>21</v>
      </c>
    </row>
    <row r="7465" spans="1:43">
      <c r="A7465" t="s">
        <v>4680</v>
      </c>
      <c r="B7465" t="s">
        <v>4681</v>
      </c>
      <c r="C7465" t="s">
        <v>4678</v>
      </c>
      <c r="D7465" t="s">
        <v>4679</v>
      </c>
      <c r="E7465" t="s">
        <v>4592</v>
      </c>
      <c r="F7465" t="s">
        <v>4593</v>
      </c>
      <c r="G7465" t="s">
        <v>80</v>
      </c>
      <c r="H7465" t="s">
        <v>81</v>
      </c>
      <c r="I7465" s="2">
        <v>1</v>
      </c>
      <c r="J7465" s="2">
        <v>0</v>
      </c>
      <c r="K7465" s="2">
        <v>0</v>
      </c>
      <c r="L7465" t="s">
        <v>120</v>
      </c>
      <c r="M7465" t="s">
        <v>83</v>
      </c>
      <c r="N7465" t="s">
        <v>91</v>
      </c>
      <c r="O7465" t="s">
        <v>85</v>
      </c>
      <c r="P7465" t="s">
        <v>86</v>
      </c>
      <c r="Q7465">
        <v>17</v>
      </c>
      <c r="R7465">
        <v>18</v>
      </c>
      <c r="S7465">
        <v>18</v>
      </c>
      <c r="T7465">
        <v>18</v>
      </c>
      <c r="U7465">
        <v>19</v>
      </c>
      <c r="V7465">
        <v>19</v>
      </c>
      <c r="W7465">
        <v>19</v>
      </c>
      <c r="X7465">
        <v>19</v>
      </c>
      <c r="Y7465">
        <v>20</v>
      </c>
      <c r="Z7465">
        <v>20</v>
      </c>
      <c r="AA7465">
        <v>20</v>
      </c>
      <c r="AB7465">
        <v>20</v>
      </c>
      <c r="AC7465">
        <v>20</v>
      </c>
      <c r="AD7465">
        <v>21</v>
      </c>
      <c r="AE7465">
        <v>21</v>
      </c>
      <c r="AF7465">
        <v>21</v>
      </c>
      <c r="AG7465">
        <v>21</v>
      </c>
      <c r="AH7465">
        <v>22</v>
      </c>
      <c r="AI7465">
        <v>22</v>
      </c>
      <c r="AJ7465">
        <v>22</v>
      </c>
      <c r="AK7465">
        <v>22</v>
      </c>
      <c r="AL7465">
        <v>22</v>
      </c>
      <c r="AM7465">
        <v>22</v>
      </c>
      <c r="AN7465">
        <v>22</v>
      </c>
      <c r="AO7465">
        <v>22</v>
      </c>
      <c r="AP7465">
        <v>22</v>
      </c>
      <c r="AQ7465">
        <v>22</v>
      </c>
    </row>
    <row r="7466" spans="1:43">
      <c r="A7466" t="s">
        <v>4682</v>
      </c>
      <c r="B7466" t="s">
        <v>4683</v>
      </c>
      <c r="C7466" t="s">
        <v>4678</v>
      </c>
      <c r="D7466" t="s">
        <v>4679</v>
      </c>
      <c r="E7466" t="s">
        <v>4592</v>
      </c>
      <c r="F7466" t="s">
        <v>4593</v>
      </c>
      <c r="G7466" t="s">
        <v>80</v>
      </c>
      <c r="H7466" t="s">
        <v>81</v>
      </c>
      <c r="I7466" s="2">
        <v>1</v>
      </c>
      <c r="J7466" s="2">
        <v>0</v>
      </c>
      <c r="K7466" s="2">
        <v>0</v>
      </c>
      <c r="L7466" t="s">
        <v>120</v>
      </c>
      <c r="M7466" t="s">
        <v>83</v>
      </c>
      <c r="N7466" t="s">
        <v>84</v>
      </c>
      <c r="O7466" t="s">
        <v>85</v>
      </c>
      <c r="P7466" t="s">
        <v>86</v>
      </c>
      <c r="Q7466">
        <v>34</v>
      </c>
      <c r="R7466">
        <v>35</v>
      </c>
      <c r="S7466">
        <v>35</v>
      </c>
      <c r="T7466">
        <v>36</v>
      </c>
      <c r="U7466">
        <v>36</v>
      </c>
      <c r="V7466">
        <v>37</v>
      </c>
      <c r="W7466">
        <v>37</v>
      </c>
      <c r="X7466">
        <v>38</v>
      </c>
      <c r="Y7466">
        <v>38</v>
      </c>
      <c r="Z7466">
        <v>39</v>
      </c>
      <c r="AA7466">
        <v>39</v>
      </c>
      <c r="AB7466">
        <v>39</v>
      </c>
      <c r="AC7466">
        <v>40</v>
      </c>
      <c r="AD7466">
        <v>40</v>
      </c>
      <c r="AE7466">
        <v>41</v>
      </c>
      <c r="AF7466">
        <v>41</v>
      </c>
      <c r="AG7466">
        <v>42</v>
      </c>
      <c r="AH7466">
        <v>42</v>
      </c>
      <c r="AI7466">
        <v>42</v>
      </c>
      <c r="AJ7466">
        <v>43</v>
      </c>
      <c r="AK7466">
        <v>43</v>
      </c>
      <c r="AL7466">
        <v>43</v>
      </c>
      <c r="AM7466">
        <v>43</v>
      </c>
      <c r="AN7466">
        <v>43</v>
      </c>
      <c r="AO7466">
        <v>43</v>
      </c>
      <c r="AP7466">
        <v>43</v>
      </c>
      <c r="AQ7466">
        <v>43</v>
      </c>
    </row>
    <row r="7467" spans="1:43">
      <c r="A7467" t="s">
        <v>4682</v>
      </c>
      <c r="B7467" t="s">
        <v>4683</v>
      </c>
      <c r="C7467" t="s">
        <v>4678</v>
      </c>
      <c r="D7467" t="s">
        <v>4679</v>
      </c>
      <c r="E7467" t="s">
        <v>4592</v>
      </c>
      <c r="F7467" t="s">
        <v>4593</v>
      </c>
      <c r="G7467" t="s">
        <v>80</v>
      </c>
      <c r="H7467" t="s">
        <v>81</v>
      </c>
      <c r="I7467" s="2">
        <v>1</v>
      </c>
      <c r="J7467" s="2">
        <v>0</v>
      </c>
      <c r="K7467" s="2">
        <v>0</v>
      </c>
      <c r="L7467" t="s">
        <v>120</v>
      </c>
      <c r="M7467" t="s">
        <v>87</v>
      </c>
      <c r="N7467" t="s">
        <v>88</v>
      </c>
      <c r="O7467" t="s">
        <v>85</v>
      </c>
      <c r="P7467" t="s">
        <v>86</v>
      </c>
      <c r="Q7467">
        <v>34</v>
      </c>
      <c r="R7467">
        <v>34</v>
      </c>
      <c r="S7467">
        <v>34</v>
      </c>
      <c r="T7467">
        <v>34</v>
      </c>
      <c r="U7467">
        <v>35</v>
      </c>
      <c r="V7467">
        <v>35</v>
      </c>
      <c r="W7467">
        <v>35</v>
      </c>
      <c r="X7467">
        <v>35</v>
      </c>
      <c r="Y7467">
        <v>35</v>
      </c>
      <c r="Z7467">
        <v>35</v>
      </c>
      <c r="AA7467">
        <v>36</v>
      </c>
      <c r="AB7467">
        <v>36</v>
      </c>
      <c r="AC7467">
        <v>36</v>
      </c>
      <c r="AD7467">
        <v>36</v>
      </c>
      <c r="AE7467">
        <v>36</v>
      </c>
      <c r="AF7467">
        <v>36</v>
      </c>
      <c r="AG7467">
        <v>36</v>
      </c>
      <c r="AH7467">
        <v>37</v>
      </c>
      <c r="AI7467">
        <v>37</v>
      </c>
      <c r="AJ7467">
        <v>37</v>
      </c>
      <c r="AK7467">
        <v>37</v>
      </c>
      <c r="AL7467">
        <v>37</v>
      </c>
      <c r="AM7467">
        <v>37</v>
      </c>
      <c r="AN7467">
        <v>37</v>
      </c>
      <c r="AO7467">
        <v>37</v>
      </c>
      <c r="AP7467">
        <v>37</v>
      </c>
      <c r="AQ7467">
        <v>38</v>
      </c>
    </row>
    <row r="7468" spans="1:43">
      <c r="A7468" t="s">
        <v>4682</v>
      </c>
      <c r="B7468" t="s">
        <v>4683</v>
      </c>
      <c r="C7468" t="s">
        <v>4678</v>
      </c>
      <c r="D7468" t="s">
        <v>4679</v>
      </c>
      <c r="E7468" t="s">
        <v>4592</v>
      </c>
      <c r="F7468" t="s">
        <v>4593</v>
      </c>
      <c r="G7468" t="s">
        <v>80</v>
      </c>
      <c r="H7468" t="s">
        <v>81</v>
      </c>
      <c r="I7468" s="2">
        <v>1</v>
      </c>
      <c r="J7468" s="2">
        <v>0</v>
      </c>
      <c r="K7468" s="2">
        <v>0</v>
      </c>
      <c r="L7468" t="s">
        <v>120</v>
      </c>
      <c r="M7468" t="s">
        <v>89</v>
      </c>
      <c r="N7468" t="s">
        <v>90</v>
      </c>
      <c r="O7468" t="s">
        <v>85</v>
      </c>
      <c r="P7468" t="s">
        <v>86</v>
      </c>
      <c r="Q7468">
        <v>34</v>
      </c>
      <c r="R7468">
        <v>34</v>
      </c>
      <c r="S7468">
        <v>35</v>
      </c>
      <c r="T7468">
        <v>36</v>
      </c>
      <c r="U7468">
        <v>37</v>
      </c>
      <c r="V7468">
        <v>37</v>
      </c>
      <c r="W7468">
        <v>38</v>
      </c>
      <c r="X7468">
        <v>39</v>
      </c>
      <c r="Y7468">
        <v>39</v>
      </c>
      <c r="Z7468">
        <v>40</v>
      </c>
      <c r="AA7468">
        <v>41</v>
      </c>
      <c r="AB7468">
        <v>41</v>
      </c>
      <c r="AC7468">
        <v>42</v>
      </c>
      <c r="AD7468">
        <v>42</v>
      </c>
      <c r="AE7468">
        <v>43</v>
      </c>
      <c r="AF7468">
        <v>43</v>
      </c>
      <c r="AG7468">
        <v>43</v>
      </c>
      <c r="AH7468">
        <v>43</v>
      </c>
      <c r="AI7468">
        <v>43</v>
      </c>
      <c r="AJ7468">
        <v>43</v>
      </c>
      <c r="AK7468">
        <v>43</v>
      </c>
      <c r="AL7468">
        <v>43</v>
      </c>
      <c r="AM7468">
        <v>43</v>
      </c>
      <c r="AN7468">
        <v>43</v>
      </c>
      <c r="AO7468">
        <v>43</v>
      </c>
      <c r="AP7468">
        <v>43</v>
      </c>
      <c r="AQ7468">
        <v>42</v>
      </c>
    </row>
    <row r="7469" spans="1:43">
      <c r="A7469" t="s">
        <v>4682</v>
      </c>
      <c r="B7469" t="s">
        <v>4683</v>
      </c>
      <c r="C7469" t="s">
        <v>4678</v>
      </c>
      <c r="D7469" t="s">
        <v>4679</v>
      </c>
      <c r="E7469" t="s">
        <v>4592</v>
      </c>
      <c r="F7469" t="s">
        <v>4593</v>
      </c>
      <c r="G7469" t="s">
        <v>80</v>
      </c>
      <c r="H7469" t="s">
        <v>81</v>
      </c>
      <c r="I7469" s="2">
        <v>1</v>
      </c>
      <c r="J7469" s="2">
        <v>0</v>
      </c>
      <c r="K7469" s="2">
        <v>0</v>
      </c>
      <c r="L7469" t="s">
        <v>120</v>
      </c>
      <c r="M7469" t="s">
        <v>83</v>
      </c>
      <c r="N7469" t="s">
        <v>91</v>
      </c>
      <c r="O7469" t="s">
        <v>85</v>
      </c>
      <c r="P7469" t="s">
        <v>86</v>
      </c>
      <c r="Q7469">
        <v>34</v>
      </c>
      <c r="R7469">
        <v>35</v>
      </c>
      <c r="S7469">
        <v>35</v>
      </c>
      <c r="T7469">
        <v>36</v>
      </c>
      <c r="U7469">
        <v>36</v>
      </c>
      <c r="V7469">
        <v>37</v>
      </c>
      <c r="W7469">
        <v>37</v>
      </c>
      <c r="X7469">
        <v>38</v>
      </c>
      <c r="Y7469">
        <v>38</v>
      </c>
      <c r="Z7469">
        <v>39</v>
      </c>
      <c r="AA7469">
        <v>39</v>
      </c>
      <c r="AB7469">
        <v>39</v>
      </c>
      <c r="AC7469">
        <v>40</v>
      </c>
      <c r="AD7469">
        <v>40</v>
      </c>
      <c r="AE7469">
        <v>41</v>
      </c>
      <c r="AF7469">
        <v>41</v>
      </c>
      <c r="AG7469">
        <v>42</v>
      </c>
      <c r="AH7469">
        <v>42</v>
      </c>
      <c r="AI7469">
        <v>42</v>
      </c>
      <c r="AJ7469">
        <v>43</v>
      </c>
      <c r="AK7469">
        <v>43</v>
      </c>
      <c r="AL7469">
        <v>43</v>
      </c>
      <c r="AM7469">
        <v>43</v>
      </c>
      <c r="AN7469">
        <v>43</v>
      </c>
      <c r="AO7469">
        <v>43</v>
      </c>
      <c r="AP7469">
        <v>43</v>
      </c>
      <c r="AQ7469">
        <v>43</v>
      </c>
    </row>
    <row r="7470" spans="1:43">
      <c r="A7470" t="s">
        <v>4684</v>
      </c>
      <c r="B7470" t="s">
        <v>4685</v>
      </c>
      <c r="C7470" t="s">
        <v>4678</v>
      </c>
      <c r="D7470" t="s">
        <v>4679</v>
      </c>
      <c r="E7470" t="s">
        <v>4592</v>
      </c>
      <c r="F7470" t="s">
        <v>4593</v>
      </c>
      <c r="G7470" t="s">
        <v>80</v>
      </c>
      <c r="H7470" t="s">
        <v>81</v>
      </c>
      <c r="I7470" s="2">
        <v>1</v>
      </c>
      <c r="J7470" s="2">
        <v>0</v>
      </c>
      <c r="K7470" s="2">
        <v>0</v>
      </c>
      <c r="L7470" t="s">
        <v>120</v>
      </c>
      <c r="M7470" t="s">
        <v>83</v>
      </c>
      <c r="N7470" t="s">
        <v>84</v>
      </c>
      <c r="O7470" t="s">
        <v>85</v>
      </c>
      <c r="P7470" t="s">
        <v>86</v>
      </c>
      <c r="Q7470">
        <v>3</v>
      </c>
      <c r="R7470">
        <v>3</v>
      </c>
      <c r="S7470">
        <v>3</v>
      </c>
      <c r="T7470">
        <v>4</v>
      </c>
      <c r="U7470">
        <v>4</v>
      </c>
      <c r="V7470">
        <v>4</v>
      </c>
      <c r="W7470">
        <v>4</v>
      </c>
      <c r="X7470">
        <v>4</v>
      </c>
      <c r="Y7470">
        <v>4</v>
      </c>
      <c r="Z7470">
        <v>4</v>
      </c>
      <c r="AA7470">
        <v>4</v>
      </c>
      <c r="AB7470">
        <v>4</v>
      </c>
      <c r="AC7470">
        <v>4</v>
      </c>
      <c r="AD7470">
        <v>4</v>
      </c>
      <c r="AE7470">
        <v>4</v>
      </c>
      <c r="AF7470">
        <v>4</v>
      </c>
      <c r="AG7470">
        <v>4</v>
      </c>
      <c r="AH7470">
        <v>4</v>
      </c>
      <c r="AI7470">
        <v>4</v>
      </c>
      <c r="AJ7470">
        <v>4</v>
      </c>
      <c r="AK7470">
        <v>4</v>
      </c>
      <c r="AL7470">
        <v>4</v>
      </c>
      <c r="AM7470">
        <v>4</v>
      </c>
      <c r="AN7470">
        <v>4</v>
      </c>
      <c r="AO7470">
        <v>4</v>
      </c>
      <c r="AP7470">
        <v>4</v>
      </c>
      <c r="AQ7470">
        <v>4</v>
      </c>
    </row>
    <row r="7471" spans="1:43">
      <c r="A7471" t="s">
        <v>4684</v>
      </c>
      <c r="B7471" t="s">
        <v>4685</v>
      </c>
      <c r="C7471" t="s">
        <v>4678</v>
      </c>
      <c r="D7471" t="s">
        <v>4679</v>
      </c>
      <c r="E7471" t="s">
        <v>4592</v>
      </c>
      <c r="F7471" t="s">
        <v>4593</v>
      </c>
      <c r="G7471" t="s">
        <v>80</v>
      </c>
      <c r="H7471" t="s">
        <v>81</v>
      </c>
      <c r="I7471" s="2">
        <v>1</v>
      </c>
      <c r="J7471" s="2">
        <v>0</v>
      </c>
      <c r="K7471" s="2">
        <v>0</v>
      </c>
      <c r="L7471" t="s">
        <v>120</v>
      </c>
      <c r="M7471" t="s">
        <v>87</v>
      </c>
      <c r="N7471" t="s">
        <v>88</v>
      </c>
      <c r="O7471" t="s">
        <v>85</v>
      </c>
      <c r="P7471" t="s">
        <v>86</v>
      </c>
      <c r="Q7471">
        <v>3</v>
      </c>
      <c r="R7471">
        <v>3</v>
      </c>
      <c r="S7471">
        <v>3</v>
      </c>
      <c r="T7471">
        <v>3</v>
      </c>
      <c r="U7471">
        <v>3</v>
      </c>
      <c r="V7471">
        <v>3</v>
      </c>
      <c r="W7471">
        <v>3</v>
      </c>
      <c r="X7471">
        <v>3</v>
      </c>
      <c r="Y7471">
        <v>3</v>
      </c>
      <c r="Z7471">
        <v>3</v>
      </c>
      <c r="AA7471">
        <v>4</v>
      </c>
      <c r="AB7471">
        <v>4</v>
      </c>
      <c r="AC7471">
        <v>4</v>
      </c>
      <c r="AD7471">
        <v>4</v>
      </c>
      <c r="AE7471">
        <v>4</v>
      </c>
      <c r="AF7471">
        <v>4</v>
      </c>
      <c r="AG7471">
        <v>4</v>
      </c>
      <c r="AH7471">
        <v>4</v>
      </c>
      <c r="AI7471">
        <v>4</v>
      </c>
      <c r="AJ7471">
        <v>4</v>
      </c>
      <c r="AK7471">
        <v>4</v>
      </c>
      <c r="AL7471">
        <v>4</v>
      </c>
      <c r="AM7471">
        <v>4</v>
      </c>
      <c r="AN7471">
        <v>4</v>
      </c>
      <c r="AO7471">
        <v>4</v>
      </c>
      <c r="AP7471">
        <v>4</v>
      </c>
      <c r="AQ7471">
        <v>4</v>
      </c>
    </row>
    <row r="7472" spans="1:43">
      <c r="A7472" t="s">
        <v>4684</v>
      </c>
      <c r="B7472" t="s">
        <v>4685</v>
      </c>
      <c r="C7472" t="s">
        <v>4678</v>
      </c>
      <c r="D7472" t="s">
        <v>4679</v>
      </c>
      <c r="E7472" t="s">
        <v>4592</v>
      </c>
      <c r="F7472" t="s">
        <v>4593</v>
      </c>
      <c r="G7472" t="s">
        <v>80</v>
      </c>
      <c r="H7472" t="s">
        <v>81</v>
      </c>
      <c r="I7472" s="2">
        <v>1</v>
      </c>
      <c r="J7472" s="2">
        <v>0</v>
      </c>
      <c r="K7472" s="2">
        <v>0</v>
      </c>
      <c r="L7472" t="s">
        <v>120</v>
      </c>
      <c r="M7472" t="s">
        <v>89</v>
      </c>
      <c r="N7472" t="s">
        <v>90</v>
      </c>
      <c r="O7472" t="s">
        <v>85</v>
      </c>
      <c r="P7472" t="s">
        <v>86</v>
      </c>
      <c r="Q7472">
        <v>3</v>
      </c>
      <c r="R7472">
        <v>3</v>
      </c>
      <c r="S7472">
        <v>4</v>
      </c>
      <c r="T7472">
        <v>4</v>
      </c>
      <c r="U7472">
        <v>4</v>
      </c>
      <c r="V7472">
        <v>4</v>
      </c>
      <c r="W7472">
        <v>4</v>
      </c>
      <c r="X7472">
        <v>4</v>
      </c>
      <c r="Y7472">
        <v>4</v>
      </c>
      <c r="Z7472">
        <v>4</v>
      </c>
      <c r="AA7472">
        <v>4</v>
      </c>
      <c r="AB7472">
        <v>4</v>
      </c>
      <c r="AC7472">
        <v>4</v>
      </c>
      <c r="AD7472">
        <v>4</v>
      </c>
      <c r="AE7472">
        <v>4</v>
      </c>
      <c r="AF7472">
        <v>4</v>
      </c>
      <c r="AG7472">
        <v>4</v>
      </c>
      <c r="AH7472">
        <v>4</v>
      </c>
      <c r="AI7472">
        <v>4</v>
      </c>
      <c r="AJ7472">
        <v>4</v>
      </c>
      <c r="AK7472">
        <v>4</v>
      </c>
      <c r="AL7472">
        <v>4</v>
      </c>
      <c r="AM7472">
        <v>4</v>
      </c>
      <c r="AN7472">
        <v>4</v>
      </c>
      <c r="AO7472">
        <v>4</v>
      </c>
      <c r="AP7472">
        <v>4</v>
      </c>
      <c r="AQ7472">
        <v>4</v>
      </c>
    </row>
    <row r="7473" spans="1:43">
      <c r="A7473" t="s">
        <v>4684</v>
      </c>
      <c r="B7473" t="s">
        <v>4685</v>
      </c>
      <c r="C7473" t="s">
        <v>4678</v>
      </c>
      <c r="D7473" t="s">
        <v>4679</v>
      </c>
      <c r="E7473" t="s">
        <v>4592</v>
      </c>
      <c r="F7473" t="s">
        <v>4593</v>
      </c>
      <c r="G7473" t="s">
        <v>80</v>
      </c>
      <c r="H7473" t="s">
        <v>81</v>
      </c>
      <c r="I7473" s="2">
        <v>1</v>
      </c>
      <c r="J7473" s="2">
        <v>0</v>
      </c>
      <c r="K7473" s="2">
        <v>0</v>
      </c>
      <c r="L7473" t="s">
        <v>120</v>
      </c>
      <c r="M7473" t="s">
        <v>83</v>
      </c>
      <c r="N7473" t="s">
        <v>91</v>
      </c>
      <c r="O7473" t="s">
        <v>85</v>
      </c>
      <c r="P7473" t="s">
        <v>86</v>
      </c>
      <c r="Q7473">
        <v>3</v>
      </c>
      <c r="R7473">
        <v>3</v>
      </c>
      <c r="S7473">
        <v>3</v>
      </c>
      <c r="T7473">
        <v>4</v>
      </c>
      <c r="U7473">
        <v>4</v>
      </c>
      <c r="V7473">
        <v>4</v>
      </c>
      <c r="W7473">
        <v>4</v>
      </c>
      <c r="X7473">
        <v>4</v>
      </c>
      <c r="Y7473">
        <v>4</v>
      </c>
      <c r="Z7473">
        <v>4</v>
      </c>
      <c r="AA7473">
        <v>4</v>
      </c>
      <c r="AB7473">
        <v>4</v>
      </c>
      <c r="AC7473">
        <v>4</v>
      </c>
      <c r="AD7473">
        <v>4</v>
      </c>
      <c r="AE7473">
        <v>4</v>
      </c>
      <c r="AF7473">
        <v>4</v>
      </c>
      <c r="AG7473">
        <v>4</v>
      </c>
      <c r="AH7473">
        <v>4</v>
      </c>
      <c r="AI7473">
        <v>4</v>
      </c>
      <c r="AJ7473">
        <v>4</v>
      </c>
      <c r="AK7473">
        <v>4</v>
      </c>
      <c r="AL7473">
        <v>4</v>
      </c>
      <c r="AM7473">
        <v>4</v>
      </c>
      <c r="AN7473">
        <v>4</v>
      </c>
      <c r="AO7473">
        <v>4</v>
      </c>
      <c r="AP7473">
        <v>4</v>
      </c>
      <c r="AQ7473">
        <v>4</v>
      </c>
    </row>
    <row r="7474" spans="1:43">
      <c r="A7474" t="s">
        <v>4686</v>
      </c>
      <c r="B7474" t="s">
        <v>4687</v>
      </c>
      <c r="C7474" t="s">
        <v>4688</v>
      </c>
      <c r="D7474" t="s">
        <v>4689</v>
      </c>
      <c r="E7474" t="s">
        <v>4592</v>
      </c>
      <c r="F7474" t="s">
        <v>4593</v>
      </c>
      <c r="G7474" t="s">
        <v>80</v>
      </c>
      <c r="H7474" t="s">
        <v>81</v>
      </c>
      <c r="I7474" s="2">
        <v>1</v>
      </c>
      <c r="J7474" s="2">
        <v>0</v>
      </c>
      <c r="K7474" s="2">
        <v>0</v>
      </c>
      <c r="L7474" t="s">
        <v>120</v>
      </c>
      <c r="M7474" t="s">
        <v>83</v>
      </c>
      <c r="N7474" t="s">
        <v>84</v>
      </c>
      <c r="O7474" t="s">
        <v>85</v>
      </c>
      <c r="P7474" t="s">
        <v>86</v>
      </c>
      <c r="Q7474">
        <v>15</v>
      </c>
      <c r="R7474">
        <v>15</v>
      </c>
      <c r="S7474">
        <v>15</v>
      </c>
      <c r="T7474">
        <v>16</v>
      </c>
      <c r="U7474">
        <v>16</v>
      </c>
      <c r="V7474">
        <v>16</v>
      </c>
      <c r="W7474">
        <v>16</v>
      </c>
      <c r="X7474">
        <v>17</v>
      </c>
      <c r="Y7474">
        <v>17</v>
      </c>
      <c r="Z7474">
        <v>17</v>
      </c>
      <c r="AA7474">
        <v>17</v>
      </c>
      <c r="AB7474">
        <v>17</v>
      </c>
      <c r="AC7474">
        <v>18</v>
      </c>
      <c r="AD7474">
        <v>18</v>
      </c>
      <c r="AE7474">
        <v>18</v>
      </c>
      <c r="AF7474">
        <v>18</v>
      </c>
      <c r="AG7474">
        <v>18</v>
      </c>
      <c r="AH7474">
        <v>18</v>
      </c>
      <c r="AI7474">
        <v>19</v>
      </c>
      <c r="AJ7474">
        <v>19</v>
      </c>
      <c r="AK7474">
        <v>19</v>
      </c>
      <c r="AL7474">
        <v>19</v>
      </c>
      <c r="AM7474">
        <v>19</v>
      </c>
      <c r="AN7474">
        <v>19</v>
      </c>
      <c r="AO7474">
        <v>19</v>
      </c>
      <c r="AP7474">
        <v>19</v>
      </c>
      <c r="AQ7474">
        <v>19</v>
      </c>
    </row>
    <row r="7475" spans="1:43">
      <c r="A7475" t="s">
        <v>4686</v>
      </c>
      <c r="B7475" t="s">
        <v>4687</v>
      </c>
      <c r="C7475" t="s">
        <v>4688</v>
      </c>
      <c r="D7475" t="s">
        <v>4689</v>
      </c>
      <c r="E7475" t="s">
        <v>4592</v>
      </c>
      <c r="F7475" t="s">
        <v>4593</v>
      </c>
      <c r="G7475" t="s">
        <v>80</v>
      </c>
      <c r="H7475" t="s">
        <v>81</v>
      </c>
      <c r="I7475" s="2">
        <v>1</v>
      </c>
      <c r="J7475" s="2">
        <v>0</v>
      </c>
      <c r="K7475" s="2">
        <v>0</v>
      </c>
      <c r="L7475" t="s">
        <v>120</v>
      </c>
      <c r="M7475" t="s">
        <v>87</v>
      </c>
      <c r="N7475" t="s">
        <v>88</v>
      </c>
      <c r="O7475" t="s">
        <v>85</v>
      </c>
      <c r="P7475" t="s">
        <v>86</v>
      </c>
      <c r="Q7475">
        <v>15</v>
      </c>
      <c r="R7475">
        <v>15</v>
      </c>
      <c r="S7475">
        <v>15</v>
      </c>
      <c r="T7475">
        <v>15</v>
      </c>
      <c r="U7475">
        <v>15</v>
      </c>
      <c r="V7475">
        <v>15</v>
      </c>
      <c r="W7475">
        <v>15</v>
      </c>
      <c r="X7475">
        <v>15</v>
      </c>
      <c r="Y7475">
        <v>16</v>
      </c>
      <c r="Z7475">
        <v>16</v>
      </c>
      <c r="AA7475">
        <v>16</v>
      </c>
      <c r="AB7475">
        <v>16</v>
      </c>
      <c r="AC7475">
        <v>16</v>
      </c>
      <c r="AD7475">
        <v>16</v>
      </c>
      <c r="AE7475">
        <v>16</v>
      </c>
      <c r="AF7475">
        <v>16</v>
      </c>
      <c r="AG7475">
        <v>16</v>
      </c>
      <c r="AH7475">
        <v>16</v>
      </c>
      <c r="AI7475">
        <v>16</v>
      </c>
      <c r="AJ7475">
        <v>16</v>
      </c>
      <c r="AK7475">
        <v>16</v>
      </c>
      <c r="AL7475">
        <v>16</v>
      </c>
      <c r="AM7475">
        <v>16</v>
      </c>
      <c r="AN7475">
        <v>16</v>
      </c>
      <c r="AO7475">
        <v>16</v>
      </c>
      <c r="AP7475">
        <v>16</v>
      </c>
      <c r="AQ7475">
        <v>17</v>
      </c>
    </row>
    <row r="7476" spans="1:43">
      <c r="A7476" t="s">
        <v>4686</v>
      </c>
      <c r="B7476" t="s">
        <v>4687</v>
      </c>
      <c r="C7476" t="s">
        <v>4688</v>
      </c>
      <c r="D7476" t="s">
        <v>4689</v>
      </c>
      <c r="E7476" t="s">
        <v>4592</v>
      </c>
      <c r="F7476" t="s">
        <v>4593</v>
      </c>
      <c r="G7476" t="s">
        <v>80</v>
      </c>
      <c r="H7476" t="s">
        <v>81</v>
      </c>
      <c r="I7476" s="2">
        <v>1</v>
      </c>
      <c r="J7476" s="2">
        <v>0</v>
      </c>
      <c r="K7476" s="2">
        <v>0</v>
      </c>
      <c r="L7476" t="s">
        <v>120</v>
      </c>
      <c r="M7476" t="s">
        <v>89</v>
      </c>
      <c r="N7476" t="s">
        <v>90</v>
      </c>
      <c r="O7476" t="s">
        <v>85</v>
      </c>
      <c r="P7476" t="s">
        <v>86</v>
      </c>
      <c r="Q7476">
        <v>15</v>
      </c>
      <c r="R7476">
        <v>16</v>
      </c>
      <c r="S7476">
        <v>16</v>
      </c>
      <c r="T7476">
        <v>16</v>
      </c>
      <c r="U7476">
        <v>17</v>
      </c>
      <c r="V7476">
        <v>17</v>
      </c>
      <c r="W7476">
        <v>17</v>
      </c>
      <c r="X7476">
        <v>17</v>
      </c>
      <c r="Y7476">
        <v>18</v>
      </c>
      <c r="Z7476">
        <v>18</v>
      </c>
      <c r="AA7476">
        <v>18</v>
      </c>
      <c r="AB7476">
        <v>18</v>
      </c>
      <c r="AC7476">
        <v>19</v>
      </c>
      <c r="AD7476">
        <v>19</v>
      </c>
      <c r="AE7476">
        <v>19</v>
      </c>
      <c r="AF7476">
        <v>19</v>
      </c>
      <c r="AG7476">
        <v>19</v>
      </c>
      <c r="AH7476">
        <v>19</v>
      </c>
      <c r="AI7476">
        <v>19</v>
      </c>
      <c r="AJ7476">
        <v>19</v>
      </c>
      <c r="AK7476">
        <v>19</v>
      </c>
      <c r="AL7476">
        <v>19</v>
      </c>
      <c r="AM7476">
        <v>19</v>
      </c>
      <c r="AN7476">
        <v>19</v>
      </c>
      <c r="AO7476">
        <v>19</v>
      </c>
      <c r="AP7476">
        <v>19</v>
      </c>
      <c r="AQ7476">
        <v>19</v>
      </c>
    </row>
    <row r="7477" spans="1:43">
      <c r="A7477" t="s">
        <v>4686</v>
      </c>
      <c r="B7477" t="s">
        <v>4687</v>
      </c>
      <c r="C7477" t="s">
        <v>4688</v>
      </c>
      <c r="D7477" t="s">
        <v>4689</v>
      </c>
      <c r="E7477" t="s">
        <v>4592</v>
      </c>
      <c r="F7477" t="s">
        <v>4593</v>
      </c>
      <c r="G7477" t="s">
        <v>80</v>
      </c>
      <c r="H7477" t="s">
        <v>81</v>
      </c>
      <c r="I7477" s="2">
        <v>1</v>
      </c>
      <c r="J7477" s="2">
        <v>0</v>
      </c>
      <c r="K7477" s="2">
        <v>0</v>
      </c>
      <c r="L7477" t="s">
        <v>120</v>
      </c>
      <c r="M7477" t="s">
        <v>83</v>
      </c>
      <c r="N7477" t="s">
        <v>91</v>
      </c>
      <c r="O7477" t="s">
        <v>85</v>
      </c>
      <c r="P7477" t="s">
        <v>86</v>
      </c>
      <c r="Q7477">
        <v>15</v>
      </c>
      <c r="R7477">
        <v>15</v>
      </c>
      <c r="S7477">
        <v>15</v>
      </c>
      <c r="T7477">
        <v>16</v>
      </c>
      <c r="U7477">
        <v>16</v>
      </c>
      <c r="V7477">
        <v>16</v>
      </c>
      <c r="W7477">
        <v>16</v>
      </c>
      <c r="X7477">
        <v>17</v>
      </c>
      <c r="Y7477">
        <v>17</v>
      </c>
      <c r="Z7477">
        <v>17</v>
      </c>
      <c r="AA7477">
        <v>17</v>
      </c>
      <c r="AB7477">
        <v>17</v>
      </c>
      <c r="AC7477">
        <v>18</v>
      </c>
      <c r="AD7477">
        <v>18</v>
      </c>
      <c r="AE7477">
        <v>18</v>
      </c>
      <c r="AF7477">
        <v>18</v>
      </c>
      <c r="AG7477">
        <v>18</v>
      </c>
      <c r="AH7477">
        <v>18</v>
      </c>
      <c r="AI7477">
        <v>19</v>
      </c>
      <c r="AJ7477">
        <v>19</v>
      </c>
      <c r="AK7477">
        <v>19</v>
      </c>
      <c r="AL7477">
        <v>19</v>
      </c>
      <c r="AM7477">
        <v>19</v>
      </c>
      <c r="AN7477">
        <v>19</v>
      </c>
      <c r="AO7477">
        <v>19</v>
      </c>
      <c r="AP7477">
        <v>19</v>
      </c>
      <c r="AQ7477">
        <v>19</v>
      </c>
    </row>
    <row r="7478" spans="1:43">
      <c r="A7478" t="s">
        <v>4690</v>
      </c>
      <c r="B7478" t="s">
        <v>4691</v>
      </c>
      <c r="C7478" t="s">
        <v>4678</v>
      </c>
      <c r="D7478" t="s">
        <v>4679</v>
      </c>
      <c r="E7478" t="s">
        <v>4592</v>
      </c>
      <c r="F7478" t="s">
        <v>4593</v>
      </c>
      <c r="G7478" t="s">
        <v>80</v>
      </c>
      <c r="H7478" t="s">
        <v>81</v>
      </c>
      <c r="I7478" s="2">
        <v>1</v>
      </c>
      <c r="J7478" s="2">
        <v>0</v>
      </c>
      <c r="K7478" s="2">
        <v>0</v>
      </c>
      <c r="L7478" t="s">
        <v>120</v>
      </c>
      <c r="M7478" t="s">
        <v>83</v>
      </c>
      <c r="N7478" t="s">
        <v>84</v>
      </c>
      <c r="O7478" t="s">
        <v>85</v>
      </c>
      <c r="P7478" t="s">
        <v>86</v>
      </c>
      <c r="Q7478">
        <v>33</v>
      </c>
      <c r="R7478">
        <v>34</v>
      </c>
      <c r="S7478">
        <v>34</v>
      </c>
      <c r="T7478">
        <v>35</v>
      </c>
      <c r="U7478">
        <v>35</v>
      </c>
      <c r="V7478">
        <v>36</v>
      </c>
      <c r="W7478">
        <v>36</v>
      </c>
      <c r="X7478">
        <v>37</v>
      </c>
      <c r="Y7478">
        <v>37</v>
      </c>
      <c r="Z7478">
        <v>38</v>
      </c>
      <c r="AA7478">
        <v>38</v>
      </c>
      <c r="AB7478">
        <v>38</v>
      </c>
      <c r="AC7478">
        <v>39</v>
      </c>
      <c r="AD7478">
        <v>39</v>
      </c>
      <c r="AE7478">
        <v>40</v>
      </c>
      <c r="AF7478">
        <v>40</v>
      </c>
      <c r="AG7478">
        <v>40</v>
      </c>
      <c r="AH7478">
        <v>41</v>
      </c>
      <c r="AI7478">
        <v>41</v>
      </c>
      <c r="AJ7478">
        <v>42</v>
      </c>
      <c r="AK7478">
        <v>42</v>
      </c>
      <c r="AL7478">
        <v>42</v>
      </c>
      <c r="AM7478">
        <v>42</v>
      </c>
      <c r="AN7478">
        <v>42</v>
      </c>
      <c r="AO7478">
        <v>42</v>
      </c>
      <c r="AP7478">
        <v>42</v>
      </c>
      <c r="AQ7478">
        <v>42</v>
      </c>
    </row>
    <row r="7479" spans="1:43">
      <c r="A7479" t="s">
        <v>4690</v>
      </c>
      <c r="B7479" t="s">
        <v>4691</v>
      </c>
      <c r="C7479" t="s">
        <v>4678</v>
      </c>
      <c r="D7479" t="s">
        <v>4679</v>
      </c>
      <c r="E7479" t="s">
        <v>4592</v>
      </c>
      <c r="F7479" t="s">
        <v>4593</v>
      </c>
      <c r="G7479" t="s">
        <v>80</v>
      </c>
      <c r="H7479" t="s">
        <v>81</v>
      </c>
      <c r="I7479" s="2">
        <v>1</v>
      </c>
      <c r="J7479" s="2">
        <v>0</v>
      </c>
      <c r="K7479" s="2">
        <v>0</v>
      </c>
      <c r="L7479" t="s">
        <v>120</v>
      </c>
      <c r="M7479" t="s">
        <v>87</v>
      </c>
      <c r="N7479" t="s">
        <v>88</v>
      </c>
      <c r="O7479" t="s">
        <v>85</v>
      </c>
      <c r="P7479" t="s">
        <v>86</v>
      </c>
      <c r="Q7479">
        <v>33</v>
      </c>
      <c r="R7479">
        <v>33</v>
      </c>
      <c r="S7479">
        <v>33</v>
      </c>
      <c r="T7479">
        <v>33</v>
      </c>
      <c r="U7479">
        <v>34</v>
      </c>
      <c r="V7479">
        <v>34</v>
      </c>
      <c r="W7479">
        <v>34</v>
      </c>
      <c r="X7479">
        <v>34</v>
      </c>
      <c r="Y7479">
        <v>34</v>
      </c>
      <c r="Z7479">
        <v>34</v>
      </c>
      <c r="AA7479">
        <v>35</v>
      </c>
      <c r="AB7479">
        <v>35</v>
      </c>
      <c r="AC7479">
        <v>35</v>
      </c>
      <c r="AD7479">
        <v>35</v>
      </c>
      <c r="AE7479">
        <v>35</v>
      </c>
      <c r="AF7479">
        <v>35</v>
      </c>
      <c r="AG7479">
        <v>35</v>
      </c>
      <c r="AH7479">
        <v>36</v>
      </c>
      <c r="AI7479">
        <v>36</v>
      </c>
      <c r="AJ7479">
        <v>36</v>
      </c>
      <c r="AK7479">
        <v>36</v>
      </c>
      <c r="AL7479">
        <v>36</v>
      </c>
      <c r="AM7479">
        <v>36</v>
      </c>
      <c r="AN7479">
        <v>36</v>
      </c>
      <c r="AO7479">
        <v>36</v>
      </c>
      <c r="AP7479">
        <v>36</v>
      </c>
      <c r="AQ7479">
        <v>36</v>
      </c>
    </row>
    <row r="7480" spans="1:43">
      <c r="A7480" t="s">
        <v>4690</v>
      </c>
      <c r="B7480" t="s">
        <v>4691</v>
      </c>
      <c r="C7480" t="s">
        <v>4678</v>
      </c>
      <c r="D7480" t="s">
        <v>4679</v>
      </c>
      <c r="E7480" t="s">
        <v>4592</v>
      </c>
      <c r="F7480" t="s">
        <v>4593</v>
      </c>
      <c r="G7480" t="s">
        <v>80</v>
      </c>
      <c r="H7480" t="s">
        <v>81</v>
      </c>
      <c r="I7480" s="2">
        <v>1</v>
      </c>
      <c r="J7480" s="2">
        <v>0</v>
      </c>
      <c r="K7480" s="2">
        <v>0</v>
      </c>
      <c r="L7480" t="s">
        <v>120</v>
      </c>
      <c r="M7480" t="s">
        <v>89</v>
      </c>
      <c r="N7480" t="s">
        <v>90</v>
      </c>
      <c r="O7480" t="s">
        <v>85</v>
      </c>
      <c r="P7480" t="s">
        <v>86</v>
      </c>
      <c r="Q7480">
        <v>33</v>
      </c>
      <c r="R7480">
        <v>33</v>
      </c>
      <c r="S7480">
        <v>34</v>
      </c>
      <c r="T7480">
        <v>35</v>
      </c>
      <c r="U7480">
        <v>36</v>
      </c>
      <c r="V7480">
        <v>36</v>
      </c>
      <c r="W7480">
        <v>37</v>
      </c>
      <c r="X7480">
        <v>38</v>
      </c>
      <c r="Y7480">
        <v>38</v>
      </c>
      <c r="Z7480">
        <v>39</v>
      </c>
      <c r="AA7480">
        <v>39</v>
      </c>
      <c r="AB7480">
        <v>40</v>
      </c>
      <c r="AC7480">
        <v>41</v>
      </c>
      <c r="AD7480">
        <v>41</v>
      </c>
      <c r="AE7480">
        <v>41</v>
      </c>
      <c r="AF7480">
        <v>41</v>
      </c>
      <c r="AG7480">
        <v>41</v>
      </c>
      <c r="AH7480">
        <v>41</v>
      </c>
      <c r="AI7480">
        <v>41</v>
      </c>
      <c r="AJ7480">
        <v>41</v>
      </c>
      <c r="AK7480">
        <v>41</v>
      </c>
      <c r="AL7480">
        <v>41</v>
      </c>
      <c r="AM7480">
        <v>41</v>
      </c>
      <c r="AN7480">
        <v>41</v>
      </c>
      <c r="AO7480">
        <v>41</v>
      </c>
      <c r="AP7480">
        <v>41</v>
      </c>
      <c r="AQ7480">
        <v>41</v>
      </c>
    </row>
    <row r="7481" spans="1:43">
      <c r="A7481" t="s">
        <v>4690</v>
      </c>
      <c r="B7481" t="s">
        <v>4691</v>
      </c>
      <c r="C7481" t="s">
        <v>4678</v>
      </c>
      <c r="D7481" t="s">
        <v>4679</v>
      </c>
      <c r="E7481" t="s">
        <v>4592</v>
      </c>
      <c r="F7481" t="s">
        <v>4593</v>
      </c>
      <c r="G7481" t="s">
        <v>80</v>
      </c>
      <c r="H7481" t="s">
        <v>81</v>
      </c>
      <c r="I7481" s="2">
        <v>1</v>
      </c>
      <c r="J7481" s="2">
        <v>0</v>
      </c>
      <c r="K7481" s="2">
        <v>0</v>
      </c>
      <c r="L7481" t="s">
        <v>120</v>
      </c>
      <c r="M7481" t="s">
        <v>83</v>
      </c>
      <c r="N7481" t="s">
        <v>91</v>
      </c>
      <c r="O7481" t="s">
        <v>85</v>
      </c>
      <c r="P7481" t="s">
        <v>86</v>
      </c>
      <c r="Q7481">
        <v>33</v>
      </c>
      <c r="R7481">
        <v>34</v>
      </c>
      <c r="S7481">
        <v>34</v>
      </c>
      <c r="T7481">
        <v>35</v>
      </c>
      <c r="U7481">
        <v>35</v>
      </c>
      <c r="V7481">
        <v>36</v>
      </c>
      <c r="W7481">
        <v>36</v>
      </c>
      <c r="X7481">
        <v>37</v>
      </c>
      <c r="Y7481">
        <v>37</v>
      </c>
      <c r="Z7481">
        <v>38</v>
      </c>
      <c r="AA7481">
        <v>38</v>
      </c>
      <c r="AB7481">
        <v>38</v>
      </c>
      <c r="AC7481">
        <v>39</v>
      </c>
      <c r="AD7481">
        <v>39</v>
      </c>
      <c r="AE7481">
        <v>40</v>
      </c>
      <c r="AF7481">
        <v>40</v>
      </c>
      <c r="AG7481">
        <v>40</v>
      </c>
      <c r="AH7481">
        <v>41</v>
      </c>
      <c r="AI7481">
        <v>41</v>
      </c>
      <c r="AJ7481">
        <v>42</v>
      </c>
      <c r="AK7481">
        <v>42</v>
      </c>
      <c r="AL7481">
        <v>42</v>
      </c>
      <c r="AM7481">
        <v>42</v>
      </c>
      <c r="AN7481">
        <v>42</v>
      </c>
      <c r="AO7481">
        <v>42</v>
      </c>
      <c r="AP7481">
        <v>42</v>
      </c>
      <c r="AQ7481">
        <v>42</v>
      </c>
    </row>
    <row r="7482" spans="1:43">
      <c r="A7482" t="s">
        <v>4692</v>
      </c>
      <c r="B7482" t="s">
        <v>4693</v>
      </c>
      <c r="C7482" t="s">
        <v>4688</v>
      </c>
      <c r="D7482" t="s">
        <v>4689</v>
      </c>
      <c r="E7482" t="s">
        <v>4592</v>
      </c>
      <c r="F7482" t="s">
        <v>4593</v>
      </c>
      <c r="G7482" t="s">
        <v>80</v>
      </c>
      <c r="H7482" t="s">
        <v>81</v>
      </c>
      <c r="I7482" s="2">
        <v>1</v>
      </c>
      <c r="J7482" s="2">
        <v>0</v>
      </c>
      <c r="K7482" s="2">
        <v>0</v>
      </c>
      <c r="L7482" t="s">
        <v>120</v>
      </c>
      <c r="M7482" t="s">
        <v>83</v>
      </c>
      <c r="N7482" t="s">
        <v>84</v>
      </c>
      <c r="O7482" t="s">
        <v>85</v>
      </c>
      <c r="P7482" t="s">
        <v>86</v>
      </c>
      <c r="Q7482">
        <v>7</v>
      </c>
      <c r="R7482">
        <v>7</v>
      </c>
      <c r="S7482">
        <v>7</v>
      </c>
      <c r="T7482">
        <v>7</v>
      </c>
      <c r="U7482">
        <v>7</v>
      </c>
      <c r="V7482">
        <v>7</v>
      </c>
      <c r="W7482">
        <v>7</v>
      </c>
      <c r="X7482">
        <v>8</v>
      </c>
      <c r="Y7482">
        <v>8</v>
      </c>
      <c r="Z7482">
        <v>8</v>
      </c>
      <c r="AA7482">
        <v>8</v>
      </c>
      <c r="AB7482">
        <v>8</v>
      </c>
      <c r="AC7482">
        <v>8</v>
      </c>
      <c r="AD7482">
        <v>8</v>
      </c>
      <c r="AE7482">
        <v>8</v>
      </c>
      <c r="AF7482">
        <v>8</v>
      </c>
      <c r="AG7482">
        <v>8</v>
      </c>
      <c r="AH7482">
        <v>8</v>
      </c>
      <c r="AI7482">
        <v>8</v>
      </c>
      <c r="AJ7482">
        <v>9</v>
      </c>
      <c r="AK7482">
        <v>9</v>
      </c>
      <c r="AL7482">
        <v>9</v>
      </c>
      <c r="AM7482">
        <v>9</v>
      </c>
      <c r="AN7482">
        <v>9</v>
      </c>
      <c r="AO7482">
        <v>9</v>
      </c>
      <c r="AP7482">
        <v>9</v>
      </c>
      <c r="AQ7482">
        <v>9</v>
      </c>
    </row>
    <row r="7483" spans="1:43">
      <c r="A7483" t="s">
        <v>4692</v>
      </c>
      <c r="B7483" t="s">
        <v>4693</v>
      </c>
      <c r="C7483" t="s">
        <v>4688</v>
      </c>
      <c r="D7483" t="s">
        <v>4689</v>
      </c>
      <c r="E7483" t="s">
        <v>4592</v>
      </c>
      <c r="F7483" t="s">
        <v>4593</v>
      </c>
      <c r="G7483" t="s">
        <v>80</v>
      </c>
      <c r="H7483" t="s">
        <v>81</v>
      </c>
      <c r="I7483" s="2">
        <v>1</v>
      </c>
      <c r="J7483" s="2">
        <v>0</v>
      </c>
      <c r="K7483" s="2">
        <v>0</v>
      </c>
      <c r="L7483" t="s">
        <v>120</v>
      </c>
      <c r="M7483" t="s">
        <v>87</v>
      </c>
      <c r="N7483" t="s">
        <v>88</v>
      </c>
      <c r="O7483" t="s">
        <v>85</v>
      </c>
      <c r="P7483" t="s">
        <v>86</v>
      </c>
      <c r="Q7483">
        <v>7</v>
      </c>
      <c r="R7483">
        <v>7</v>
      </c>
      <c r="S7483">
        <v>7</v>
      </c>
      <c r="T7483">
        <v>7</v>
      </c>
      <c r="U7483">
        <v>7</v>
      </c>
      <c r="V7483">
        <v>7</v>
      </c>
      <c r="W7483">
        <v>7</v>
      </c>
      <c r="X7483">
        <v>7</v>
      </c>
      <c r="Y7483">
        <v>7</v>
      </c>
      <c r="Z7483">
        <v>7</v>
      </c>
      <c r="AA7483">
        <v>7</v>
      </c>
      <c r="AB7483">
        <v>7</v>
      </c>
      <c r="AC7483">
        <v>7</v>
      </c>
      <c r="AD7483">
        <v>7</v>
      </c>
      <c r="AE7483">
        <v>7</v>
      </c>
      <c r="AF7483">
        <v>7</v>
      </c>
      <c r="AG7483">
        <v>7</v>
      </c>
      <c r="AH7483">
        <v>7</v>
      </c>
      <c r="AI7483">
        <v>7</v>
      </c>
      <c r="AJ7483">
        <v>7</v>
      </c>
      <c r="AK7483">
        <v>7</v>
      </c>
      <c r="AL7483">
        <v>7</v>
      </c>
      <c r="AM7483">
        <v>7</v>
      </c>
      <c r="AN7483">
        <v>7</v>
      </c>
      <c r="AO7483">
        <v>7</v>
      </c>
      <c r="AP7483">
        <v>7</v>
      </c>
      <c r="AQ7483">
        <v>8</v>
      </c>
    </row>
    <row r="7484" spans="1:43">
      <c r="A7484" t="s">
        <v>4692</v>
      </c>
      <c r="B7484" t="s">
        <v>4693</v>
      </c>
      <c r="C7484" t="s">
        <v>4688</v>
      </c>
      <c r="D7484" t="s">
        <v>4689</v>
      </c>
      <c r="E7484" t="s">
        <v>4592</v>
      </c>
      <c r="F7484" t="s">
        <v>4593</v>
      </c>
      <c r="G7484" t="s">
        <v>80</v>
      </c>
      <c r="H7484" t="s">
        <v>81</v>
      </c>
      <c r="I7484" s="2">
        <v>1</v>
      </c>
      <c r="J7484" s="2">
        <v>0</v>
      </c>
      <c r="K7484" s="2">
        <v>0</v>
      </c>
      <c r="L7484" t="s">
        <v>120</v>
      </c>
      <c r="M7484" t="s">
        <v>89</v>
      </c>
      <c r="N7484" t="s">
        <v>90</v>
      </c>
      <c r="O7484" t="s">
        <v>85</v>
      </c>
      <c r="P7484" t="s">
        <v>86</v>
      </c>
      <c r="Q7484">
        <v>7</v>
      </c>
      <c r="R7484">
        <v>7</v>
      </c>
      <c r="S7484">
        <v>7</v>
      </c>
      <c r="T7484">
        <v>7</v>
      </c>
      <c r="U7484">
        <v>7</v>
      </c>
      <c r="V7484">
        <v>8</v>
      </c>
      <c r="W7484">
        <v>8</v>
      </c>
      <c r="X7484">
        <v>8</v>
      </c>
      <c r="Y7484">
        <v>8</v>
      </c>
      <c r="Z7484">
        <v>8</v>
      </c>
      <c r="AA7484">
        <v>8</v>
      </c>
      <c r="AB7484">
        <v>8</v>
      </c>
      <c r="AC7484">
        <v>9</v>
      </c>
      <c r="AD7484">
        <v>9</v>
      </c>
      <c r="AE7484">
        <v>9</v>
      </c>
      <c r="AF7484">
        <v>9</v>
      </c>
      <c r="AG7484">
        <v>9</v>
      </c>
      <c r="AH7484">
        <v>9</v>
      </c>
      <c r="AI7484">
        <v>9</v>
      </c>
      <c r="AJ7484">
        <v>9</v>
      </c>
      <c r="AK7484">
        <v>9</v>
      </c>
      <c r="AL7484">
        <v>9</v>
      </c>
      <c r="AM7484">
        <v>9</v>
      </c>
      <c r="AN7484">
        <v>9</v>
      </c>
      <c r="AO7484">
        <v>9</v>
      </c>
      <c r="AP7484">
        <v>9</v>
      </c>
      <c r="AQ7484">
        <v>9</v>
      </c>
    </row>
    <row r="7485" spans="1:43">
      <c r="A7485" t="s">
        <v>4692</v>
      </c>
      <c r="B7485" t="s">
        <v>4693</v>
      </c>
      <c r="C7485" t="s">
        <v>4688</v>
      </c>
      <c r="D7485" t="s">
        <v>4689</v>
      </c>
      <c r="E7485" t="s">
        <v>4592</v>
      </c>
      <c r="F7485" t="s">
        <v>4593</v>
      </c>
      <c r="G7485" t="s">
        <v>80</v>
      </c>
      <c r="H7485" t="s">
        <v>81</v>
      </c>
      <c r="I7485" s="2">
        <v>1</v>
      </c>
      <c r="J7485" s="2">
        <v>0</v>
      </c>
      <c r="K7485" s="2">
        <v>0</v>
      </c>
      <c r="L7485" t="s">
        <v>120</v>
      </c>
      <c r="M7485" t="s">
        <v>83</v>
      </c>
      <c r="N7485" t="s">
        <v>91</v>
      </c>
      <c r="O7485" t="s">
        <v>85</v>
      </c>
      <c r="P7485" t="s">
        <v>86</v>
      </c>
      <c r="Q7485">
        <v>7</v>
      </c>
      <c r="R7485">
        <v>7</v>
      </c>
      <c r="S7485">
        <v>7</v>
      </c>
      <c r="T7485">
        <v>7</v>
      </c>
      <c r="U7485">
        <v>7</v>
      </c>
      <c r="V7485">
        <v>7</v>
      </c>
      <c r="W7485">
        <v>7</v>
      </c>
      <c r="X7485">
        <v>8</v>
      </c>
      <c r="Y7485">
        <v>8</v>
      </c>
      <c r="Z7485">
        <v>8</v>
      </c>
      <c r="AA7485">
        <v>8</v>
      </c>
      <c r="AB7485">
        <v>8</v>
      </c>
      <c r="AC7485">
        <v>8</v>
      </c>
      <c r="AD7485">
        <v>8</v>
      </c>
      <c r="AE7485">
        <v>8</v>
      </c>
      <c r="AF7485">
        <v>8</v>
      </c>
      <c r="AG7485">
        <v>8</v>
      </c>
      <c r="AH7485">
        <v>8</v>
      </c>
      <c r="AI7485">
        <v>8</v>
      </c>
      <c r="AJ7485">
        <v>9</v>
      </c>
      <c r="AK7485">
        <v>9</v>
      </c>
      <c r="AL7485">
        <v>9</v>
      </c>
      <c r="AM7485">
        <v>9</v>
      </c>
      <c r="AN7485">
        <v>9</v>
      </c>
      <c r="AO7485">
        <v>9</v>
      </c>
      <c r="AP7485">
        <v>9</v>
      </c>
      <c r="AQ7485">
        <v>9</v>
      </c>
    </row>
    <row r="7486" spans="1:43">
      <c r="A7486" t="s">
        <v>4694</v>
      </c>
      <c r="B7486" t="s">
        <v>4695</v>
      </c>
      <c r="C7486" t="s">
        <v>4688</v>
      </c>
      <c r="D7486" t="s">
        <v>4689</v>
      </c>
      <c r="E7486" t="s">
        <v>4592</v>
      </c>
      <c r="F7486" t="s">
        <v>4593</v>
      </c>
      <c r="G7486" t="s">
        <v>80</v>
      </c>
      <c r="H7486" t="s">
        <v>81</v>
      </c>
      <c r="I7486" s="2">
        <v>1</v>
      </c>
      <c r="J7486" s="2">
        <v>0</v>
      </c>
      <c r="K7486" s="2">
        <v>0</v>
      </c>
      <c r="L7486" t="s">
        <v>120</v>
      </c>
      <c r="M7486" t="s">
        <v>83</v>
      </c>
      <c r="N7486" t="s">
        <v>84</v>
      </c>
      <c r="O7486" t="s">
        <v>85</v>
      </c>
      <c r="P7486" t="s">
        <v>86</v>
      </c>
      <c r="Q7486">
        <v>22</v>
      </c>
      <c r="R7486">
        <v>22</v>
      </c>
      <c r="S7486">
        <v>22</v>
      </c>
      <c r="T7486">
        <v>23</v>
      </c>
      <c r="U7486">
        <v>23</v>
      </c>
      <c r="V7486">
        <v>23</v>
      </c>
      <c r="W7486">
        <v>23</v>
      </c>
      <c r="X7486">
        <v>24</v>
      </c>
      <c r="Y7486">
        <v>24</v>
      </c>
      <c r="Z7486">
        <v>24</v>
      </c>
      <c r="AA7486">
        <v>25</v>
      </c>
      <c r="AB7486">
        <v>25</v>
      </c>
      <c r="AC7486">
        <v>25</v>
      </c>
      <c r="AD7486">
        <v>25</v>
      </c>
      <c r="AE7486">
        <v>26</v>
      </c>
      <c r="AF7486">
        <v>26</v>
      </c>
      <c r="AG7486">
        <v>26</v>
      </c>
      <c r="AH7486">
        <v>27</v>
      </c>
      <c r="AI7486">
        <v>27</v>
      </c>
      <c r="AJ7486">
        <v>27</v>
      </c>
      <c r="AK7486">
        <v>27</v>
      </c>
      <c r="AL7486">
        <v>27</v>
      </c>
      <c r="AM7486">
        <v>27</v>
      </c>
      <c r="AN7486">
        <v>27</v>
      </c>
      <c r="AO7486">
        <v>27</v>
      </c>
      <c r="AP7486">
        <v>27</v>
      </c>
      <c r="AQ7486">
        <v>27</v>
      </c>
    </row>
    <row r="7487" spans="1:43">
      <c r="A7487" t="s">
        <v>4694</v>
      </c>
      <c r="B7487" t="s">
        <v>4695</v>
      </c>
      <c r="C7487" t="s">
        <v>4688</v>
      </c>
      <c r="D7487" t="s">
        <v>4689</v>
      </c>
      <c r="E7487" t="s">
        <v>4592</v>
      </c>
      <c r="F7487" t="s">
        <v>4593</v>
      </c>
      <c r="G7487" t="s">
        <v>80</v>
      </c>
      <c r="H7487" t="s">
        <v>81</v>
      </c>
      <c r="I7487" s="2">
        <v>1</v>
      </c>
      <c r="J7487" s="2">
        <v>0</v>
      </c>
      <c r="K7487" s="2">
        <v>0</v>
      </c>
      <c r="L7487" t="s">
        <v>120</v>
      </c>
      <c r="M7487" t="s">
        <v>87</v>
      </c>
      <c r="N7487" t="s">
        <v>88</v>
      </c>
      <c r="O7487" t="s">
        <v>85</v>
      </c>
      <c r="P7487" t="s">
        <v>86</v>
      </c>
      <c r="Q7487">
        <v>22</v>
      </c>
      <c r="R7487">
        <v>22</v>
      </c>
      <c r="S7487">
        <v>23</v>
      </c>
      <c r="T7487">
        <v>23</v>
      </c>
      <c r="U7487">
        <v>23</v>
      </c>
      <c r="V7487">
        <v>23</v>
      </c>
      <c r="W7487">
        <v>23</v>
      </c>
      <c r="X7487">
        <v>23</v>
      </c>
      <c r="Y7487">
        <v>23</v>
      </c>
      <c r="Z7487">
        <v>23</v>
      </c>
      <c r="AA7487">
        <v>23</v>
      </c>
      <c r="AB7487">
        <v>24</v>
      </c>
      <c r="AC7487">
        <v>24</v>
      </c>
      <c r="AD7487">
        <v>24</v>
      </c>
      <c r="AE7487">
        <v>24</v>
      </c>
      <c r="AF7487">
        <v>24</v>
      </c>
      <c r="AG7487">
        <v>24</v>
      </c>
      <c r="AH7487">
        <v>24</v>
      </c>
      <c r="AI7487">
        <v>24</v>
      </c>
      <c r="AJ7487">
        <v>24</v>
      </c>
      <c r="AK7487">
        <v>24</v>
      </c>
      <c r="AL7487">
        <v>24</v>
      </c>
      <c r="AM7487">
        <v>24</v>
      </c>
      <c r="AN7487">
        <v>25</v>
      </c>
      <c r="AO7487">
        <v>25</v>
      </c>
      <c r="AP7487">
        <v>25</v>
      </c>
      <c r="AQ7487">
        <v>25</v>
      </c>
    </row>
    <row r="7488" spans="1:43">
      <c r="A7488" t="s">
        <v>4694</v>
      </c>
      <c r="B7488" t="s">
        <v>4695</v>
      </c>
      <c r="C7488" t="s">
        <v>4688</v>
      </c>
      <c r="D7488" t="s">
        <v>4689</v>
      </c>
      <c r="E7488" t="s">
        <v>4592</v>
      </c>
      <c r="F7488" t="s">
        <v>4593</v>
      </c>
      <c r="G7488" t="s">
        <v>80</v>
      </c>
      <c r="H7488" t="s">
        <v>81</v>
      </c>
      <c r="I7488" s="2">
        <v>1</v>
      </c>
      <c r="J7488" s="2">
        <v>0</v>
      </c>
      <c r="K7488" s="2">
        <v>0</v>
      </c>
      <c r="L7488" t="s">
        <v>120</v>
      </c>
      <c r="M7488" t="s">
        <v>89</v>
      </c>
      <c r="N7488" t="s">
        <v>90</v>
      </c>
      <c r="O7488" t="s">
        <v>85</v>
      </c>
      <c r="P7488" t="s">
        <v>86</v>
      </c>
      <c r="Q7488">
        <v>22</v>
      </c>
      <c r="R7488">
        <v>22</v>
      </c>
      <c r="S7488">
        <v>23</v>
      </c>
      <c r="T7488">
        <v>23</v>
      </c>
      <c r="U7488">
        <v>24</v>
      </c>
      <c r="V7488">
        <v>24</v>
      </c>
      <c r="W7488">
        <v>25</v>
      </c>
      <c r="X7488">
        <v>25</v>
      </c>
      <c r="Y7488">
        <v>25</v>
      </c>
      <c r="Z7488">
        <v>26</v>
      </c>
      <c r="AA7488">
        <v>26</v>
      </c>
      <c r="AB7488">
        <v>27</v>
      </c>
      <c r="AC7488">
        <v>27</v>
      </c>
      <c r="AD7488">
        <v>27</v>
      </c>
      <c r="AE7488">
        <v>28</v>
      </c>
      <c r="AF7488">
        <v>28</v>
      </c>
      <c r="AG7488">
        <v>28</v>
      </c>
      <c r="AH7488">
        <v>28</v>
      </c>
      <c r="AI7488">
        <v>28</v>
      </c>
      <c r="AJ7488">
        <v>28</v>
      </c>
      <c r="AK7488">
        <v>28</v>
      </c>
      <c r="AL7488">
        <v>28</v>
      </c>
      <c r="AM7488">
        <v>28</v>
      </c>
      <c r="AN7488">
        <v>28</v>
      </c>
      <c r="AO7488">
        <v>28</v>
      </c>
      <c r="AP7488">
        <v>28</v>
      </c>
      <c r="AQ7488">
        <v>28</v>
      </c>
    </row>
    <row r="7489" spans="1:43">
      <c r="A7489" t="s">
        <v>4694</v>
      </c>
      <c r="B7489" t="s">
        <v>4695</v>
      </c>
      <c r="C7489" t="s">
        <v>4688</v>
      </c>
      <c r="D7489" t="s">
        <v>4689</v>
      </c>
      <c r="E7489" t="s">
        <v>4592</v>
      </c>
      <c r="F7489" t="s">
        <v>4593</v>
      </c>
      <c r="G7489" t="s">
        <v>80</v>
      </c>
      <c r="H7489" t="s">
        <v>81</v>
      </c>
      <c r="I7489" s="2">
        <v>1</v>
      </c>
      <c r="J7489" s="2">
        <v>0</v>
      </c>
      <c r="K7489" s="2">
        <v>0</v>
      </c>
      <c r="L7489" t="s">
        <v>120</v>
      </c>
      <c r="M7489" t="s">
        <v>83</v>
      </c>
      <c r="N7489" t="s">
        <v>91</v>
      </c>
      <c r="O7489" t="s">
        <v>85</v>
      </c>
      <c r="P7489" t="s">
        <v>86</v>
      </c>
      <c r="Q7489">
        <v>22</v>
      </c>
      <c r="R7489">
        <v>22</v>
      </c>
      <c r="S7489">
        <v>22</v>
      </c>
      <c r="T7489">
        <v>23</v>
      </c>
      <c r="U7489">
        <v>23</v>
      </c>
      <c r="V7489">
        <v>23</v>
      </c>
      <c r="W7489">
        <v>23</v>
      </c>
      <c r="X7489">
        <v>24</v>
      </c>
      <c r="Y7489">
        <v>24</v>
      </c>
      <c r="Z7489">
        <v>24</v>
      </c>
      <c r="AA7489">
        <v>25</v>
      </c>
      <c r="AB7489">
        <v>25</v>
      </c>
      <c r="AC7489">
        <v>25</v>
      </c>
      <c r="AD7489">
        <v>25</v>
      </c>
      <c r="AE7489">
        <v>26</v>
      </c>
      <c r="AF7489">
        <v>26</v>
      </c>
      <c r="AG7489">
        <v>26</v>
      </c>
      <c r="AH7489">
        <v>27</v>
      </c>
      <c r="AI7489">
        <v>27</v>
      </c>
      <c r="AJ7489">
        <v>27</v>
      </c>
      <c r="AK7489">
        <v>27</v>
      </c>
      <c r="AL7489">
        <v>27</v>
      </c>
      <c r="AM7489">
        <v>27</v>
      </c>
      <c r="AN7489">
        <v>27</v>
      </c>
      <c r="AO7489">
        <v>27</v>
      </c>
      <c r="AP7489">
        <v>27</v>
      </c>
      <c r="AQ7489">
        <v>27</v>
      </c>
    </row>
    <row r="7490" spans="1:43">
      <c r="A7490" t="s">
        <v>4696</v>
      </c>
      <c r="B7490" t="s">
        <v>4697</v>
      </c>
      <c r="C7490" t="s">
        <v>4674</v>
      </c>
      <c r="D7490" t="s">
        <v>4675</v>
      </c>
      <c r="E7490" t="s">
        <v>4592</v>
      </c>
      <c r="F7490" t="s">
        <v>4593</v>
      </c>
      <c r="G7490" t="s">
        <v>80</v>
      </c>
      <c r="H7490" t="s">
        <v>81</v>
      </c>
      <c r="I7490" s="2">
        <v>1</v>
      </c>
      <c r="J7490" s="2">
        <v>0</v>
      </c>
      <c r="K7490" s="2">
        <v>0</v>
      </c>
      <c r="L7490" t="s">
        <v>120</v>
      </c>
      <c r="M7490" t="s">
        <v>83</v>
      </c>
      <c r="N7490" t="s">
        <v>84</v>
      </c>
      <c r="O7490" t="s">
        <v>85</v>
      </c>
      <c r="P7490" t="s">
        <v>86</v>
      </c>
      <c r="Q7490">
        <v>6</v>
      </c>
      <c r="R7490">
        <v>6</v>
      </c>
      <c r="S7490">
        <v>6</v>
      </c>
      <c r="T7490">
        <v>6</v>
      </c>
      <c r="U7490">
        <v>6</v>
      </c>
      <c r="V7490">
        <v>6</v>
      </c>
      <c r="W7490">
        <v>6</v>
      </c>
      <c r="X7490">
        <v>6</v>
      </c>
      <c r="Y7490">
        <v>7</v>
      </c>
      <c r="Z7490">
        <v>7</v>
      </c>
      <c r="AA7490">
        <v>7</v>
      </c>
      <c r="AB7490">
        <v>7</v>
      </c>
      <c r="AC7490">
        <v>7</v>
      </c>
      <c r="AD7490">
        <v>7</v>
      </c>
      <c r="AE7490">
        <v>7</v>
      </c>
      <c r="AF7490">
        <v>7</v>
      </c>
      <c r="AG7490">
        <v>7</v>
      </c>
      <c r="AH7490">
        <v>7</v>
      </c>
      <c r="AI7490">
        <v>7</v>
      </c>
      <c r="AJ7490">
        <v>7</v>
      </c>
      <c r="AK7490">
        <v>7</v>
      </c>
      <c r="AL7490">
        <v>7</v>
      </c>
      <c r="AM7490">
        <v>7</v>
      </c>
      <c r="AN7490">
        <v>7</v>
      </c>
      <c r="AO7490">
        <v>7</v>
      </c>
      <c r="AP7490">
        <v>7</v>
      </c>
      <c r="AQ7490">
        <v>7</v>
      </c>
    </row>
    <row r="7491" spans="1:43">
      <c r="A7491" t="s">
        <v>4696</v>
      </c>
      <c r="B7491" t="s">
        <v>4697</v>
      </c>
      <c r="C7491" t="s">
        <v>4674</v>
      </c>
      <c r="D7491" t="s">
        <v>4675</v>
      </c>
      <c r="E7491" t="s">
        <v>4592</v>
      </c>
      <c r="F7491" t="s">
        <v>4593</v>
      </c>
      <c r="G7491" t="s">
        <v>80</v>
      </c>
      <c r="H7491" t="s">
        <v>81</v>
      </c>
      <c r="I7491" s="2">
        <v>1</v>
      </c>
      <c r="J7491" s="2">
        <v>0</v>
      </c>
      <c r="K7491" s="2">
        <v>0</v>
      </c>
      <c r="L7491" t="s">
        <v>120</v>
      </c>
      <c r="M7491" t="s">
        <v>87</v>
      </c>
      <c r="N7491" t="s">
        <v>88</v>
      </c>
      <c r="O7491" t="s">
        <v>85</v>
      </c>
      <c r="P7491" t="s">
        <v>86</v>
      </c>
      <c r="Q7491">
        <v>6</v>
      </c>
      <c r="R7491">
        <v>6</v>
      </c>
      <c r="S7491">
        <v>6</v>
      </c>
      <c r="T7491">
        <v>6</v>
      </c>
      <c r="U7491">
        <v>6</v>
      </c>
      <c r="V7491">
        <v>6</v>
      </c>
      <c r="W7491">
        <v>6</v>
      </c>
      <c r="X7491">
        <v>6</v>
      </c>
      <c r="Y7491">
        <v>6</v>
      </c>
      <c r="Z7491">
        <v>6</v>
      </c>
      <c r="AA7491">
        <v>6</v>
      </c>
      <c r="AB7491">
        <v>6</v>
      </c>
      <c r="AC7491">
        <v>6</v>
      </c>
      <c r="AD7491">
        <v>6</v>
      </c>
      <c r="AE7491">
        <v>6</v>
      </c>
      <c r="AF7491">
        <v>6</v>
      </c>
      <c r="AG7491">
        <v>6</v>
      </c>
      <c r="AH7491">
        <v>6</v>
      </c>
      <c r="AI7491">
        <v>6</v>
      </c>
      <c r="AJ7491">
        <v>6</v>
      </c>
      <c r="AK7491">
        <v>6</v>
      </c>
      <c r="AL7491">
        <v>6</v>
      </c>
      <c r="AM7491">
        <v>6</v>
      </c>
      <c r="AN7491">
        <v>6</v>
      </c>
      <c r="AO7491">
        <v>6</v>
      </c>
      <c r="AP7491">
        <v>6</v>
      </c>
      <c r="AQ7491">
        <v>6</v>
      </c>
    </row>
    <row r="7492" spans="1:43">
      <c r="A7492" t="s">
        <v>4696</v>
      </c>
      <c r="B7492" t="s">
        <v>4697</v>
      </c>
      <c r="C7492" t="s">
        <v>4674</v>
      </c>
      <c r="D7492" t="s">
        <v>4675</v>
      </c>
      <c r="E7492" t="s">
        <v>4592</v>
      </c>
      <c r="F7492" t="s">
        <v>4593</v>
      </c>
      <c r="G7492" t="s">
        <v>80</v>
      </c>
      <c r="H7492" t="s">
        <v>81</v>
      </c>
      <c r="I7492" s="2">
        <v>1</v>
      </c>
      <c r="J7492" s="2">
        <v>0</v>
      </c>
      <c r="K7492" s="2">
        <v>0</v>
      </c>
      <c r="L7492" t="s">
        <v>120</v>
      </c>
      <c r="M7492" t="s">
        <v>89</v>
      </c>
      <c r="N7492" t="s">
        <v>90</v>
      </c>
      <c r="O7492" t="s">
        <v>85</v>
      </c>
      <c r="P7492" t="s">
        <v>86</v>
      </c>
      <c r="Q7492">
        <v>6</v>
      </c>
      <c r="R7492">
        <v>6</v>
      </c>
      <c r="S7492">
        <v>6</v>
      </c>
      <c r="T7492">
        <v>6</v>
      </c>
      <c r="U7492">
        <v>6</v>
      </c>
      <c r="V7492">
        <v>7</v>
      </c>
      <c r="W7492">
        <v>7</v>
      </c>
      <c r="X7492">
        <v>7</v>
      </c>
      <c r="Y7492">
        <v>7</v>
      </c>
      <c r="Z7492">
        <v>7</v>
      </c>
      <c r="AA7492">
        <v>7</v>
      </c>
      <c r="AB7492">
        <v>7</v>
      </c>
      <c r="AC7492">
        <v>7</v>
      </c>
      <c r="AD7492">
        <v>7</v>
      </c>
      <c r="AE7492">
        <v>8</v>
      </c>
      <c r="AF7492">
        <v>8</v>
      </c>
      <c r="AG7492">
        <v>8</v>
      </c>
      <c r="AH7492">
        <v>8</v>
      </c>
      <c r="AI7492">
        <v>8</v>
      </c>
      <c r="AJ7492">
        <v>8</v>
      </c>
      <c r="AK7492">
        <v>8</v>
      </c>
      <c r="AL7492">
        <v>8</v>
      </c>
      <c r="AM7492">
        <v>8</v>
      </c>
      <c r="AN7492">
        <v>8</v>
      </c>
      <c r="AO7492">
        <v>8</v>
      </c>
      <c r="AP7492">
        <v>8</v>
      </c>
      <c r="AQ7492">
        <v>8</v>
      </c>
    </row>
    <row r="7493" spans="1:43">
      <c r="A7493" t="s">
        <v>4696</v>
      </c>
      <c r="B7493" t="s">
        <v>4697</v>
      </c>
      <c r="C7493" t="s">
        <v>4674</v>
      </c>
      <c r="D7493" t="s">
        <v>4675</v>
      </c>
      <c r="E7493" t="s">
        <v>4592</v>
      </c>
      <c r="F7493" t="s">
        <v>4593</v>
      </c>
      <c r="G7493" t="s">
        <v>80</v>
      </c>
      <c r="H7493" t="s">
        <v>81</v>
      </c>
      <c r="I7493" s="2">
        <v>1</v>
      </c>
      <c r="J7493" s="2">
        <v>0</v>
      </c>
      <c r="K7493" s="2">
        <v>0</v>
      </c>
      <c r="L7493" t="s">
        <v>120</v>
      </c>
      <c r="M7493" t="s">
        <v>83</v>
      </c>
      <c r="N7493" t="s">
        <v>91</v>
      </c>
      <c r="O7493" t="s">
        <v>85</v>
      </c>
      <c r="P7493" t="s">
        <v>86</v>
      </c>
      <c r="Q7493">
        <v>6</v>
      </c>
      <c r="R7493">
        <v>6</v>
      </c>
      <c r="S7493">
        <v>6</v>
      </c>
      <c r="T7493">
        <v>6</v>
      </c>
      <c r="U7493">
        <v>6</v>
      </c>
      <c r="V7493">
        <v>6</v>
      </c>
      <c r="W7493">
        <v>6</v>
      </c>
      <c r="X7493">
        <v>6</v>
      </c>
      <c r="Y7493">
        <v>7</v>
      </c>
      <c r="Z7493">
        <v>7</v>
      </c>
      <c r="AA7493">
        <v>7</v>
      </c>
      <c r="AB7493">
        <v>7</v>
      </c>
      <c r="AC7493">
        <v>7</v>
      </c>
      <c r="AD7493">
        <v>7</v>
      </c>
      <c r="AE7493">
        <v>7</v>
      </c>
      <c r="AF7493">
        <v>7</v>
      </c>
      <c r="AG7493">
        <v>7</v>
      </c>
      <c r="AH7493">
        <v>7</v>
      </c>
      <c r="AI7493">
        <v>7</v>
      </c>
      <c r="AJ7493">
        <v>7</v>
      </c>
      <c r="AK7493">
        <v>7</v>
      </c>
      <c r="AL7493">
        <v>7</v>
      </c>
      <c r="AM7493">
        <v>7</v>
      </c>
      <c r="AN7493">
        <v>7</v>
      </c>
      <c r="AO7493">
        <v>7</v>
      </c>
      <c r="AP7493">
        <v>7</v>
      </c>
      <c r="AQ7493">
        <v>7</v>
      </c>
    </row>
    <row r="7494" spans="1:43">
      <c r="A7494" t="s">
        <v>4698</v>
      </c>
      <c r="B7494" t="s">
        <v>4699</v>
      </c>
      <c r="C7494" t="s">
        <v>4688</v>
      </c>
      <c r="D7494" t="s">
        <v>4689</v>
      </c>
      <c r="E7494" t="s">
        <v>4592</v>
      </c>
      <c r="F7494" t="s">
        <v>4593</v>
      </c>
      <c r="G7494" t="s">
        <v>80</v>
      </c>
      <c r="H7494" t="s">
        <v>81</v>
      </c>
      <c r="I7494" s="2">
        <v>1</v>
      </c>
      <c r="J7494" s="2">
        <v>0</v>
      </c>
      <c r="K7494" s="2">
        <v>0</v>
      </c>
      <c r="L7494" t="s">
        <v>120</v>
      </c>
      <c r="M7494" t="s">
        <v>83</v>
      </c>
      <c r="N7494" t="s">
        <v>84</v>
      </c>
      <c r="O7494" t="s">
        <v>85</v>
      </c>
      <c r="P7494" t="s">
        <v>86</v>
      </c>
      <c r="Q7494">
        <v>14</v>
      </c>
      <c r="R7494">
        <v>14</v>
      </c>
      <c r="S7494">
        <v>14</v>
      </c>
      <c r="T7494">
        <v>15</v>
      </c>
      <c r="U7494">
        <v>15</v>
      </c>
      <c r="V7494">
        <v>15</v>
      </c>
      <c r="W7494">
        <v>15</v>
      </c>
      <c r="X7494">
        <v>15</v>
      </c>
      <c r="Y7494">
        <v>16</v>
      </c>
      <c r="Z7494">
        <v>16</v>
      </c>
      <c r="AA7494">
        <v>16</v>
      </c>
      <c r="AB7494">
        <v>16</v>
      </c>
      <c r="AC7494">
        <v>16</v>
      </c>
      <c r="AD7494">
        <v>16</v>
      </c>
      <c r="AE7494">
        <v>17</v>
      </c>
      <c r="AF7494">
        <v>17</v>
      </c>
      <c r="AG7494">
        <v>17</v>
      </c>
      <c r="AH7494">
        <v>17</v>
      </c>
      <c r="AI7494">
        <v>17</v>
      </c>
      <c r="AJ7494">
        <v>18</v>
      </c>
      <c r="AK7494">
        <v>18</v>
      </c>
      <c r="AL7494">
        <v>18</v>
      </c>
      <c r="AM7494">
        <v>18</v>
      </c>
      <c r="AN7494">
        <v>18</v>
      </c>
      <c r="AO7494">
        <v>18</v>
      </c>
      <c r="AP7494">
        <v>18</v>
      </c>
      <c r="AQ7494">
        <v>18</v>
      </c>
    </row>
    <row r="7495" spans="1:43">
      <c r="A7495" t="s">
        <v>4698</v>
      </c>
      <c r="B7495" t="s">
        <v>4699</v>
      </c>
      <c r="C7495" t="s">
        <v>4688</v>
      </c>
      <c r="D7495" t="s">
        <v>4689</v>
      </c>
      <c r="E7495" t="s">
        <v>4592</v>
      </c>
      <c r="F7495" t="s">
        <v>4593</v>
      </c>
      <c r="G7495" t="s">
        <v>80</v>
      </c>
      <c r="H7495" t="s">
        <v>81</v>
      </c>
      <c r="I7495" s="2">
        <v>1</v>
      </c>
      <c r="J7495" s="2">
        <v>0</v>
      </c>
      <c r="K7495" s="2">
        <v>0</v>
      </c>
      <c r="L7495" t="s">
        <v>120</v>
      </c>
      <c r="M7495" t="s">
        <v>87</v>
      </c>
      <c r="N7495" t="s">
        <v>88</v>
      </c>
      <c r="O7495" t="s">
        <v>85</v>
      </c>
      <c r="P7495" t="s">
        <v>86</v>
      </c>
      <c r="Q7495">
        <v>14</v>
      </c>
      <c r="R7495">
        <v>14</v>
      </c>
      <c r="S7495">
        <v>14</v>
      </c>
      <c r="T7495">
        <v>14</v>
      </c>
      <c r="U7495">
        <v>14</v>
      </c>
      <c r="V7495">
        <v>14</v>
      </c>
      <c r="W7495">
        <v>14</v>
      </c>
      <c r="X7495">
        <v>14</v>
      </c>
      <c r="Y7495">
        <v>14</v>
      </c>
      <c r="Z7495">
        <v>14</v>
      </c>
      <c r="AA7495">
        <v>15</v>
      </c>
      <c r="AB7495">
        <v>15</v>
      </c>
      <c r="AC7495">
        <v>15</v>
      </c>
      <c r="AD7495">
        <v>15</v>
      </c>
      <c r="AE7495">
        <v>15</v>
      </c>
      <c r="AF7495">
        <v>15</v>
      </c>
      <c r="AG7495">
        <v>15</v>
      </c>
      <c r="AH7495">
        <v>15</v>
      </c>
      <c r="AI7495">
        <v>15</v>
      </c>
      <c r="AJ7495">
        <v>15</v>
      </c>
      <c r="AK7495">
        <v>15</v>
      </c>
      <c r="AL7495">
        <v>15</v>
      </c>
      <c r="AM7495">
        <v>15</v>
      </c>
      <c r="AN7495">
        <v>15</v>
      </c>
      <c r="AO7495">
        <v>15</v>
      </c>
      <c r="AP7495">
        <v>15</v>
      </c>
      <c r="AQ7495">
        <v>15</v>
      </c>
    </row>
    <row r="7496" spans="1:43">
      <c r="A7496" t="s">
        <v>4698</v>
      </c>
      <c r="B7496" t="s">
        <v>4699</v>
      </c>
      <c r="C7496" t="s">
        <v>4688</v>
      </c>
      <c r="D7496" t="s">
        <v>4689</v>
      </c>
      <c r="E7496" t="s">
        <v>4592</v>
      </c>
      <c r="F7496" t="s">
        <v>4593</v>
      </c>
      <c r="G7496" t="s">
        <v>80</v>
      </c>
      <c r="H7496" t="s">
        <v>81</v>
      </c>
      <c r="I7496" s="2">
        <v>1</v>
      </c>
      <c r="J7496" s="2">
        <v>0</v>
      </c>
      <c r="K7496" s="2">
        <v>0</v>
      </c>
      <c r="L7496" t="s">
        <v>120</v>
      </c>
      <c r="M7496" t="s">
        <v>89</v>
      </c>
      <c r="N7496" t="s">
        <v>90</v>
      </c>
      <c r="O7496" t="s">
        <v>85</v>
      </c>
      <c r="P7496" t="s">
        <v>86</v>
      </c>
      <c r="Q7496">
        <v>14</v>
      </c>
      <c r="R7496">
        <v>14</v>
      </c>
      <c r="S7496">
        <v>15</v>
      </c>
      <c r="T7496">
        <v>15</v>
      </c>
      <c r="U7496">
        <v>15</v>
      </c>
      <c r="V7496">
        <v>16</v>
      </c>
      <c r="W7496">
        <v>16</v>
      </c>
      <c r="X7496">
        <v>16</v>
      </c>
      <c r="Y7496">
        <v>16</v>
      </c>
      <c r="Z7496">
        <v>17</v>
      </c>
      <c r="AA7496">
        <v>17</v>
      </c>
      <c r="AB7496">
        <v>17</v>
      </c>
      <c r="AC7496">
        <v>17</v>
      </c>
      <c r="AD7496">
        <v>18</v>
      </c>
      <c r="AE7496">
        <v>18</v>
      </c>
      <c r="AF7496">
        <v>18</v>
      </c>
      <c r="AG7496">
        <v>18</v>
      </c>
      <c r="AH7496">
        <v>18</v>
      </c>
      <c r="AI7496">
        <v>18</v>
      </c>
      <c r="AJ7496">
        <v>18</v>
      </c>
      <c r="AK7496">
        <v>18</v>
      </c>
      <c r="AL7496">
        <v>18</v>
      </c>
      <c r="AM7496">
        <v>18</v>
      </c>
      <c r="AN7496">
        <v>18</v>
      </c>
      <c r="AO7496">
        <v>18</v>
      </c>
      <c r="AP7496">
        <v>18</v>
      </c>
      <c r="AQ7496">
        <v>18</v>
      </c>
    </row>
    <row r="7497" spans="1:43">
      <c r="A7497" t="s">
        <v>4698</v>
      </c>
      <c r="B7497" t="s">
        <v>4699</v>
      </c>
      <c r="C7497" t="s">
        <v>4688</v>
      </c>
      <c r="D7497" t="s">
        <v>4689</v>
      </c>
      <c r="E7497" t="s">
        <v>4592</v>
      </c>
      <c r="F7497" t="s">
        <v>4593</v>
      </c>
      <c r="G7497" t="s">
        <v>80</v>
      </c>
      <c r="H7497" t="s">
        <v>81</v>
      </c>
      <c r="I7497" s="2">
        <v>1</v>
      </c>
      <c r="J7497" s="2">
        <v>0</v>
      </c>
      <c r="K7497" s="2">
        <v>0</v>
      </c>
      <c r="L7497" t="s">
        <v>120</v>
      </c>
      <c r="M7497" t="s">
        <v>83</v>
      </c>
      <c r="N7497" t="s">
        <v>91</v>
      </c>
      <c r="O7497" t="s">
        <v>85</v>
      </c>
      <c r="P7497" t="s">
        <v>86</v>
      </c>
      <c r="Q7497">
        <v>14</v>
      </c>
      <c r="R7497">
        <v>14</v>
      </c>
      <c r="S7497">
        <v>14</v>
      </c>
      <c r="T7497">
        <v>15</v>
      </c>
      <c r="U7497">
        <v>15</v>
      </c>
      <c r="V7497">
        <v>15</v>
      </c>
      <c r="W7497">
        <v>15</v>
      </c>
      <c r="X7497">
        <v>15</v>
      </c>
      <c r="Y7497">
        <v>16</v>
      </c>
      <c r="Z7497">
        <v>16</v>
      </c>
      <c r="AA7497">
        <v>16</v>
      </c>
      <c r="AB7497">
        <v>16</v>
      </c>
      <c r="AC7497">
        <v>16</v>
      </c>
      <c r="AD7497">
        <v>16</v>
      </c>
      <c r="AE7497">
        <v>17</v>
      </c>
      <c r="AF7497">
        <v>17</v>
      </c>
      <c r="AG7497">
        <v>17</v>
      </c>
      <c r="AH7497">
        <v>17</v>
      </c>
      <c r="AI7497">
        <v>17</v>
      </c>
      <c r="AJ7497">
        <v>18</v>
      </c>
      <c r="AK7497">
        <v>18</v>
      </c>
      <c r="AL7497">
        <v>18</v>
      </c>
      <c r="AM7497">
        <v>18</v>
      </c>
      <c r="AN7497">
        <v>18</v>
      </c>
      <c r="AO7497">
        <v>18</v>
      </c>
      <c r="AP7497">
        <v>18</v>
      </c>
      <c r="AQ7497">
        <v>18</v>
      </c>
    </row>
    <row r="7498" spans="1:43">
      <c r="A7498" t="s">
        <v>4700</v>
      </c>
      <c r="B7498" t="s">
        <v>4701</v>
      </c>
      <c r="C7498" t="s">
        <v>4674</v>
      </c>
      <c r="D7498" t="s">
        <v>4675</v>
      </c>
      <c r="E7498" t="s">
        <v>4592</v>
      </c>
      <c r="F7498" t="s">
        <v>4593</v>
      </c>
      <c r="G7498" t="s">
        <v>80</v>
      </c>
      <c r="H7498" t="s">
        <v>81</v>
      </c>
      <c r="I7498" s="2">
        <v>1</v>
      </c>
      <c r="J7498" s="2">
        <v>0</v>
      </c>
      <c r="K7498" s="2">
        <v>0</v>
      </c>
      <c r="L7498" t="s">
        <v>120</v>
      </c>
      <c r="M7498" t="s">
        <v>83</v>
      </c>
      <c r="N7498" t="s">
        <v>84</v>
      </c>
      <c r="O7498" t="s">
        <v>85</v>
      </c>
      <c r="P7498" t="s">
        <v>86</v>
      </c>
      <c r="Q7498">
        <v>74</v>
      </c>
      <c r="R7498">
        <v>75</v>
      </c>
      <c r="S7498">
        <v>76</v>
      </c>
      <c r="T7498">
        <v>77</v>
      </c>
      <c r="U7498">
        <v>79</v>
      </c>
      <c r="V7498">
        <v>80</v>
      </c>
      <c r="W7498">
        <v>81</v>
      </c>
      <c r="X7498">
        <v>82</v>
      </c>
      <c r="Y7498">
        <v>83</v>
      </c>
      <c r="Z7498">
        <v>84</v>
      </c>
      <c r="AA7498">
        <v>85</v>
      </c>
      <c r="AB7498">
        <v>86</v>
      </c>
      <c r="AC7498">
        <v>87</v>
      </c>
      <c r="AD7498">
        <v>88</v>
      </c>
      <c r="AE7498">
        <v>89</v>
      </c>
      <c r="AF7498">
        <v>90</v>
      </c>
      <c r="AG7498">
        <v>91</v>
      </c>
      <c r="AH7498">
        <v>91</v>
      </c>
      <c r="AI7498">
        <v>92</v>
      </c>
      <c r="AJ7498">
        <v>93</v>
      </c>
      <c r="AK7498">
        <v>94</v>
      </c>
      <c r="AL7498">
        <v>94</v>
      </c>
      <c r="AM7498">
        <v>94</v>
      </c>
      <c r="AN7498">
        <v>94</v>
      </c>
      <c r="AO7498">
        <v>94</v>
      </c>
      <c r="AP7498">
        <v>94</v>
      </c>
      <c r="AQ7498">
        <v>94</v>
      </c>
    </row>
    <row r="7499" spans="1:43">
      <c r="A7499" t="s">
        <v>4700</v>
      </c>
      <c r="B7499" t="s">
        <v>4701</v>
      </c>
      <c r="C7499" t="s">
        <v>4674</v>
      </c>
      <c r="D7499" t="s">
        <v>4675</v>
      </c>
      <c r="E7499" t="s">
        <v>4592</v>
      </c>
      <c r="F7499" t="s">
        <v>4593</v>
      </c>
      <c r="G7499" t="s">
        <v>80</v>
      </c>
      <c r="H7499" t="s">
        <v>81</v>
      </c>
      <c r="I7499" s="2">
        <v>1</v>
      </c>
      <c r="J7499" s="2">
        <v>0</v>
      </c>
      <c r="K7499" s="2">
        <v>0</v>
      </c>
      <c r="L7499" t="s">
        <v>120</v>
      </c>
      <c r="M7499" t="s">
        <v>87</v>
      </c>
      <c r="N7499" t="s">
        <v>88</v>
      </c>
      <c r="O7499" t="s">
        <v>85</v>
      </c>
      <c r="P7499" t="s">
        <v>86</v>
      </c>
      <c r="Q7499">
        <v>74</v>
      </c>
      <c r="R7499">
        <v>75</v>
      </c>
      <c r="S7499">
        <v>75</v>
      </c>
      <c r="T7499">
        <v>76</v>
      </c>
      <c r="U7499">
        <v>76</v>
      </c>
      <c r="V7499">
        <v>76</v>
      </c>
      <c r="W7499">
        <v>77</v>
      </c>
      <c r="X7499">
        <v>77</v>
      </c>
      <c r="Y7499">
        <v>78</v>
      </c>
      <c r="Z7499">
        <v>78</v>
      </c>
      <c r="AA7499">
        <v>78</v>
      </c>
      <c r="AB7499">
        <v>79</v>
      </c>
      <c r="AC7499">
        <v>79</v>
      </c>
      <c r="AD7499">
        <v>79</v>
      </c>
      <c r="AE7499">
        <v>80</v>
      </c>
      <c r="AF7499">
        <v>80</v>
      </c>
      <c r="AG7499">
        <v>80</v>
      </c>
      <c r="AH7499">
        <v>81</v>
      </c>
      <c r="AI7499">
        <v>81</v>
      </c>
      <c r="AJ7499">
        <v>81</v>
      </c>
      <c r="AK7499">
        <v>81</v>
      </c>
      <c r="AL7499">
        <v>82</v>
      </c>
      <c r="AM7499">
        <v>82</v>
      </c>
      <c r="AN7499">
        <v>82</v>
      </c>
      <c r="AO7499">
        <v>82</v>
      </c>
      <c r="AP7499">
        <v>83</v>
      </c>
      <c r="AQ7499">
        <v>83</v>
      </c>
    </row>
    <row r="7500" spans="1:43">
      <c r="A7500" t="s">
        <v>4700</v>
      </c>
      <c r="B7500" t="s">
        <v>4701</v>
      </c>
      <c r="C7500" t="s">
        <v>4674</v>
      </c>
      <c r="D7500" t="s">
        <v>4675</v>
      </c>
      <c r="E7500" t="s">
        <v>4592</v>
      </c>
      <c r="F7500" t="s">
        <v>4593</v>
      </c>
      <c r="G7500" t="s">
        <v>80</v>
      </c>
      <c r="H7500" t="s">
        <v>81</v>
      </c>
      <c r="I7500" s="2">
        <v>1</v>
      </c>
      <c r="J7500" s="2">
        <v>0</v>
      </c>
      <c r="K7500" s="2">
        <v>0</v>
      </c>
      <c r="L7500" t="s">
        <v>120</v>
      </c>
      <c r="M7500" t="s">
        <v>89</v>
      </c>
      <c r="N7500" t="s">
        <v>90</v>
      </c>
      <c r="O7500" t="s">
        <v>85</v>
      </c>
      <c r="P7500" t="s">
        <v>86</v>
      </c>
      <c r="Q7500">
        <v>74</v>
      </c>
      <c r="R7500">
        <v>76</v>
      </c>
      <c r="S7500">
        <v>77</v>
      </c>
      <c r="T7500">
        <v>79</v>
      </c>
      <c r="U7500">
        <v>81</v>
      </c>
      <c r="V7500">
        <v>82</v>
      </c>
      <c r="W7500">
        <v>84</v>
      </c>
      <c r="X7500">
        <v>85</v>
      </c>
      <c r="Y7500">
        <v>87</v>
      </c>
      <c r="Z7500">
        <v>88</v>
      </c>
      <c r="AA7500">
        <v>89</v>
      </c>
      <c r="AB7500">
        <v>91</v>
      </c>
      <c r="AC7500">
        <v>92</v>
      </c>
      <c r="AD7500">
        <v>93</v>
      </c>
      <c r="AE7500">
        <v>94</v>
      </c>
      <c r="AF7500">
        <v>94</v>
      </c>
      <c r="AG7500">
        <v>94</v>
      </c>
      <c r="AH7500">
        <v>94</v>
      </c>
      <c r="AI7500">
        <v>94</v>
      </c>
      <c r="AJ7500">
        <v>94</v>
      </c>
      <c r="AK7500">
        <v>94</v>
      </c>
      <c r="AL7500">
        <v>94</v>
      </c>
      <c r="AM7500">
        <v>94</v>
      </c>
      <c r="AN7500">
        <v>94</v>
      </c>
      <c r="AO7500">
        <v>94</v>
      </c>
      <c r="AP7500">
        <v>94</v>
      </c>
      <c r="AQ7500">
        <v>94</v>
      </c>
    </row>
    <row r="7501" spans="1:43">
      <c r="A7501" t="s">
        <v>4700</v>
      </c>
      <c r="B7501" t="s">
        <v>4701</v>
      </c>
      <c r="C7501" t="s">
        <v>4674</v>
      </c>
      <c r="D7501" t="s">
        <v>4675</v>
      </c>
      <c r="E7501" t="s">
        <v>4592</v>
      </c>
      <c r="F7501" t="s">
        <v>4593</v>
      </c>
      <c r="G7501" t="s">
        <v>80</v>
      </c>
      <c r="H7501" t="s">
        <v>81</v>
      </c>
      <c r="I7501" s="2">
        <v>1</v>
      </c>
      <c r="J7501" s="2">
        <v>0</v>
      </c>
      <c r="K7501" s="2">
        <v>0</v>
      </c>
      <c r="L7501" t="s">
        <v>120</v>
      </c>
      <c r="M7501" t="s">
        <v>83</v>
      </c>
      <c r="N7501" t="s">
        <v>91</v>
      </c>
      <c r="O7501" t="s">
        <v>85</v>
      </c>
      <c r="P7501" t="s">
        <v>86</v>
      </c>
      <c r="Q7501">
        <v>74</v>
      </c>
      <c r="R7501">
        <v>75</v>
      </c>
      <c r="S7501">
        <v>76</v>
      </c>
      <c r="T7501">
        <v>77</v>
      </c>
      <c r="U7501">
        <v>79</v>
      </c>
      <c r="V7501">
        <v>80</v>
      </c>
      <c r="W7501">
        <v>81</v>
      </c>
      <c r="X7501">
        <v>82</v>
      </c>
      <c r="Y7501">
        <v>83</v>
      </c>
      <c r="Z7501">
        <v>84</v>
      </c>
      <c r="AA7501">
        <v>85</v>
      </c>
      <c r="AB7501">
        <v>86</v>
      </c>
      <c r="AC7501">
        <v>87</v>
      </c>
      <c r="AD7501">
        <v>88</v>
      </c>
      <c r="AE7501">
        <v>89</v>
      </c>
      <c r="AF7501">
        <v>90</v>
      </c>
      <c r="AG7501">
        <v>91</v>
      </c>
      <c r="AH7501">
        <v>91</v>
      </c>
      <c r="AI7501">
        <v>92</v>
      </c>
      <c r="AJ7501">
        <v>93</v>
      </c>
      <c r="AK7501">
        <v>94</v>
      </c>
      <c r="AL7501">
        <v>94</v>
      </c>
      <c r="AM7501">
        <v>94</v>
      </c>
      <c r="AN7501">
        <v>94</v>
      </c>
      <c r="AO7501">
        <v>94</v>
      </c>
      <c r="AP7501">
        <v>94</v>
      </c>
      <c r="AQ7501">
        <v>94</v>
      </c>
    </row>
    <row r="7502" spans="1:43">
      <c r="A7502" t="s">
        <v>4702</v>
      </c>
      <c r="B7502" t="s">
        <v>4703</v>
      </c>
      <c r="C7502" t="s">
        <v>4674</v>
      </c>
      <c r="D7502" t="s">
        <v>4675</v>
      </c>
      <c r="E7502" t="s">
        <v>4592</v>
      </c>
      <c r="F7502" t="s">
        <v>4593</v>
      </c>
      <c r="G7502" t="s">
        <v>80</v>
      </c>
      <c r="H7502" t="s">
        <v>81</v>
      </c>
      <c r="I7502" s="2">
        <v>1</v>
      </c>
      <c r="J7502" s="2">
        <v>0</v>
      </c>
      <c r="K7502" s="2">
        <v>0</v>
      </c>
      <c r="L7502" t="s">
        <v>120</v>
      </c>
      <c r="M7502" t="s">
        <v>83</v>
      </c>
      <c r="N7502" t="s">
        <v>84</v>
      </c>
      <c r="O7502" t="s">
        <v>85</v>
      </c>
      <c r="P7502" t="s">
        <v>86</v>
      </c>
      <c r="Q7502">
        <v>23</v>
      </c>
      <c r="R7502">
        <v>23</v>
      </c>
      <c r="S7502">
        <v>24</v>
      </c>
      <c r="T7502">
        <v>24</v>
      </c>
      <c r="U7502">
        <v>25</v>
      </c>
      <c r="V7502">
        <v>25</v>
      </c>
      <c r="W7502">
        <v>25</v>
      </c>
      <c r="X7502">
        <v>26</v>
      </c>
      <c r="Y7502">
        <v>26</v>
      </c>
      <c r="Z7502">
        <v>26</v>
      </c>
      <c r="AA7502">
        <v>26</v>
      </c>
      <c r="AB7502">
        <v>27</v>
      </c>
      <c r="AC7502">
        <v>27</v>
      </c>
      <c r="AD7502">
        <v>27</v>
      </c>
      <c r="AE7502">
        <v>28</v>
      </c>
      <c r="AF7502">
        <v>28</v>
      </c>
      <c r="AG7502">
        <v>28</v>
      </c>
      <c r="AH7502">
        <v>29</v>
      </c>
      <c r="AI7502">
        <v>29</v>
      </c>
      <c r="AJ7502">
        <v>29</v>
      </c>
      <c r="AK7502">
        <v>29</v>
      </c>
      <c r="AL7502">
        <v>30</v>
      </c>
      <c r="AM7502">
        <v>30</v>
      </c>
      <c r="AN7502">
        <v>30</v>
      </c>
      <c r="AO7502">
        <v>29</v>
      </c>
      <c r="AP7502">
        <v>29</v>
      </c>
      <c r="AQ7502">
        <v>29</v>
      </c>
    </row>
    <row r="7503" spans="1:43">
      <c r="A7503" t="s">
        <v>4702</v>
      </c>
      <c r="B7503" t="s">
        <v>4703</v>
      </c>
      <c r="C7503" t="s">
        <v>4674</v>
      </c>
      <c r="D7503" t="s">
        <v>4675</v>
      </c>
      <c r="E7503" t="s">
        <v>4592</v>
      </c>
      <c r="F7503" t="s">
        <v>4593</v>
      </c>
      <c r="G7503" t="s">
        <v>80</v>
      </c>
      <c r="H7503" t="s">
        <v>81</v>
      </c>
      <c r="I7503" s="2">
        <v>1</v>
      </c>
      <c r="J7503" s="2">
        <v>0</v>
      </c>
      <c r="K7503" s="2">
        <v>0</v>
      </c>
      <c r="L7503" t="s">
        <v>120</v>
      </c>
      <c r="M7503" t="s">
        <v>87</v>
      </c>
      <c r="N7503" t="s">
        <v>88</v>
      </c>
      <c r="O7503" t="s">
        <v>85</v>
      </c>
      <c r="P7503" t="s">
        <v>86</v>
      </c>
      <c r="Q7503">
        <v>23</v>
      </c>
      <c r="R7503">
        <v>23</v>
      </c>
      <c r="S7503">
        <v>23</v>
      </c>
      <c r="T7503">
        <v>23</v>
      </c>
      <c r="U7503">
        <v>23</v>
      </c>
      <c r="V7503">
        <v>24</v>
      </c>
      <c r="W7503">
        <v>24</v>
      </c>
      <c r="X7503">
        <v>24</v>
      </c>
      <c r="Y7503">
        <v>24</v>
      </c>
      <c r="Z7503">
        <v>24</v>
      </c>
      <c r="AA7503">
        <v>24</v>
      </c>
      <c r="AB7503">
        <v>24</v>
      </c>
      <c r="AC7503">
        <v>24</v>
      </c>
      <c r="AD7503">
        <v>24</v>
      </c>
      <c r="AE7503">
        <v>25</v>
      </c>
      <c r="AF7503">
        <v>25</v>
      </c>
      <c r="AG7503">
        <v>25</v>
      </c>
      <c r="AH7503">
        <v>25</v>
      </c>
      <c r="AI7503">
        <v>25</v>
      </c>
      <c r="AJ7503">
        <v>25</v>
      </c>
      <c r="AK7503">
        <v>25</v>
      </c>
      <c r="AL7503">
        <v>25</v>
      </c>
      <c r="AM7503">
        <v>25</v>
      </c>
      <c r="AN7503">
        <v>25</v>
      </c>
      <c r="AO7503">
        <v>25</v>
      </c>
      <c r="AP7503">
        <v>25</v>
      </c>
      <c r="AQ7503">
        <v>26</v>
      </c>
    </row>
    <row r="7504" spans="1:43">
      <c r="A7504" t="s">
        <v>4702</v>
      </c>
      <c r="B7504" t="s">
        <v>4703</v>
      </c>
      <c r="C7504" t="s">
        <v>4674</v>
      </c>
      <c r="D7504" t="s">
        <v>4675</v>
      </c>
      <c r="E7504" t="s">
        <v>4592</v>
      </c>
      <c r="F7504" t="s">
        <v>4593</v>
      </c>
      <c r="G7504" t="s">
        <v>80</v>
      </c>
      <c r="H7504" t="s">
        <v>81</v>
      </c>
      <c r="I7504" s="2">
        <v>1</v>
      </c>
      <c r="J7504" s="2">
        <v>0</v>
      </c>
      <c r="K7504" s="2">
        <v>0</v>
      </c>
      <c r="L7504" t="s">
        <v>120</v>
      </c>
      <c r="M7504" t="s">
        <v>89</v>
      </c>
      <c r="N7504" t="s">
        <v>90</v>
      </c>
      <c r="O7504" t="s">
        <v>85</v>
      </c>
      <c r="P7504" t="s">
        <v>86</v>
      </c>
      <c r="Q7504">
        <v>23</v>
      </c>
      <c r="R7504">
        <v>24</v>
      </c>
      <c r="S7504">
        <v>24</v>
      </c>
      <c r="T7504">
        <v>25</v>
      </c>
      <c r="U7504">
        <v>25</v>
      </c>
      <c r="V7504">
        <v>26</v>
      </c>
      <c r="W7504">
        <v>26</v>
      </c>
      <c r="X7504">
        <v>27</v>
      </c>
      <c r="Y7504">
        <v>27</v>
      </c>
      <c r="Z7504">
        <v>28</v>
      </c>
      <c r="AA7504">
        <v>28</v>
      </c>
      <c r="AB7504">
        <v>29</v>
      </c>
      <c r="AC7504">
        <v>29</v>
      </c>
      <c r="AD7504">
        <v>29</v>
      </c>
      <c r="AE7504">
        <v>30</v>
      </c>
      <c r="AF7504">
        <v>30</v>
      </c>
      <c r="AG7504">
        <v>30</v>
      </c>
      <c r="AH7504">
        <v>30</v>
      </c>
      <c r="AI7504">
        <v>30</v>
      </c>
      <c r="AJ7504">
        <v>30</v>
      </c>
      <c r="AK7504">
        <v>30</v>
      </c>
      <c r="AL7504">
        <v>30</v>
      </c>
      <c r="AM7504">
        <v>30</v>
      </c>
      <c r="AN7504">
        <v>30</v>
      </c>
      <c r="AO7504">
        <v>30</v>
      </c>
      <c r="AP7504">
        <v>30</v>
      </c>
      <c r="AQ7504">
        <v>30</v>
      </c>
    </row>
    <row r="7505" spans="1:43">
      <c r="A7505" t="s">
        <v>4702</v>
      </c>
      <c r="B7505" t="s">
        <v>4703</v>
      </c>
      <c r="C7505" t="s">
        <v>4674</v>
      </c>
      <c r="D7505" t="s">
        <v>4675</v>
      </c>
      <c r="E7505" t="s">
        <v>4592</v>
      </c>
      <c r="F7505" t="s">
        <v>4593</v>
      </c>
      <c r="G7505" t="s">
        <v>80</v>
      </c>
      <c r="H7505" t="s">
        <v>81</v>
      </c>
      <c r="I7505" s="2">
        <v>1</v>
      </c>
      <c r="J7505" s="2">
        <v>0</v>
      </c>
      <c r="K7505" s="2">
        <v>0</v>
      </c>
      <c r="L7505" t="s">
        <v>120</v>
      </c>
      <c r="M7505" t="s">
        <v>83</v>
      </c>
      <c r="N7505" t="s">
        <v>91</v>
      </c>
      <c r="O7505" t="s">
        <v>85</v>
      </c>
      <c r="P7505" t="s">
        <v>86</v>
      </c>
      <c r="Q7505">
        <v>23</v>
      </c>
      <c r="R7505">
        <v>23</v>
      </c>
      <c r="S7505">
        <v>24</v>
      </c>
      <c r="T7505">
        <v>24</v>
      </c>
      <c r="U7505">
        <v>25</v>
      </c>
      <c r="V7505">
        <v>25</v>
      </c>
      <c r="W7505">
        <v>25</v>
      </c>
      <c r="X7505">
        <v>26</v>
      </c>
      <c r="Y7505">
        <v>26</v>
      </c>
      <c r="Z7505">
        <v>26</v>
      </c>
      <c r="AA7505">
        <v>26</v>
      </c>
      <c r="AB7505">
        <v>27</v>
      </c>
      <c r="AC7505">
        <v>27</v>
      </c>
      <c r="AD7505">
        <v>27</v>
      </c>
      <c r="AE7505">
        <v>28</v>
      </c>
      <c r="AF7505">
        <v>28</v>
      </c>
      <c r="AG7505">
        <v>28</v>
      </c>
      <c r="AH7505">
        <v>29</v>
      </c>
      <c r="AI7505">
        <v>29</v>
      </c>
      <c r="AJ7505">
        <v>29</v>
      </c>
      <c r="AK7505">
        <v>29</v>
      </c>
      <c r="AL7505">
        <v>30</v>
      </c>
      <c r="AM7505">
        <v>30</v>
      </c>
      <c r="AN7505">
        <v>30</v>
      </c>
      <c r="AO7505">
        <v>29</v>
      </c>
      <c r="AP7505">
        <v>29</v>
      </c>
      <c r="AQ7505">
        <v>29</v>
      </c>
    </row>
    <row r="7506" spans="1:43">
      <c r="A7506" t="s">
        <v>4704</v>
      </c>
      <c r="B7506" t="s">
        <v>4705</v>
      </c>
      <c r="C7506" t="s">
        <v>4674</v>
      </c>
      <c r="D7506" t="s">
        <v>4675</v>
      </c>
      <c r="E7506" t="s">
        <v>4592</v>
      </c>
      <c r="F7506" t="s">
        <v>4593</v>
      </c>
      <c r="G7506" t="s">
        <v>80</v>
      </c>
      <c r="H7506" t="s">
        <v>81</v>
      </c>
      <c r="I7506" s="2">
        <v>1</v>
      </c>
      <c r="J7506" s="2">
        <v>0</v>
      </c>
      <c r="K7506" s="2">
        <v>0</v>
      </c>
      <c r="L7506" t="s">
        <v>120</v>
      </c>
      <c r="M7506" t="s">
        <v>83</v>
      </c>
      <c r="N7506" t="s">
        <v>84</v>
      </c>
      <c r="O7506" t="s">
        <v>85</v>
      </c>
      <c r="P7506" t="s">
        <v>86</v>
      </c>
      <c r="Q7506">
        <v>35</v>
      </c>
      <c r="R7506">
        <v>35</v>
      </c>
      <c r="S7506">
        <v>36</v>
      </c>
      <c r="T7506">
        <v>36</v>
      </c>
      <c r="U7506">
        <v>37</v>
      </c>
      <c r="V7506">
        <v>37</v>
      </c>
      <c r="W7506">
        <v>38</v>
      </c>
      <c r="X7506">
        <v>38</v>
      </c>
      <c r="Y7506">
        <v>39</v>
      </c>
      <c r="Z7506">
        <v>39</v>
      </c>
      <c r="AA7506">
        <v>40</v>
      </c>
      <c r="AB7506">
        <v>40</v>
      </c>
      <c r="AC7506">
        <v>41</v>
      </c>
      <c r="AD7506">
        <v>41</v>
      </c>
      <c r="AE7506">
        <v>42</v>
      </c>
      <c r="AF7506">
        <v>42</v>
      </c>
      <c r="AG7506">
        <v>42</v>
      </c>
      <c r="AH7506">
        <v>43</v>
      </c>
      <c r="AI7506">
        <v>43</v>
      </c>
      <c r="AJ7506">
        <v>44</v>
      </c>
      <c r="AK7506">
        <v>44</v>
      </c>
      <c r="AL7506">
        <v>44</v>
      </c>
      <c r="AM7506">
        <v>44</v>
      </c>
      <c r="AN7506">
        <v>44</v>
      </c>
      <c r="AO7506">
        <v>44</v>
      </c>
      <c r="AP7506">
        <v>44</v>
      </c>
      <c r="AQ7506">
        <v>44</v>
      </c>
    </row>
    <row r="7507" spans="1:43">
      <c r="A7507" t="s">
        <v>4704</v>
      </c>
      <c r="B7507" t="s">
        <v>4705</v>
      </c>
      <c r="C7507" t="s">
        <v>4674</v>
      </c>
      <c r="D7507" t="s">
        <v>4675</v>
      </c>
      <c r="E7507" t="s">
        <v>4592</v>
      </c>
      <c r="F7507" t="s">
        <v>4593</v>
      </c>
      <c r="G7507" t="s">
        <v>80</v>
      </c>
      <c r="H7507" t="s">
        <v>81</v>
      </c>
      <c r="I7507" s="2">
        <v>1</v>
      </c>
      <c r="J7507" s="2">
        <v>0</v>
      </c>
      <c r="K7507" s="2">
        <v>0</v>
      </c>
      <c r="L7507" t="s">
        <v>120</v>
      </c>
      <c r="M7507" t="s">
        <v>87</v>
      </c>
      <c r="N7507" t="s">
        <v>88</v>
      </c>
      <c r="O7507" t="s">
        <v>85</v>
      </c>
      <c r="P7507" t="s">
        <v>86</v>
      </c>
      <c r="Q7507">
        <v>35</v>
      </c>
      <c r="R7507">
        <v>36</v>
      </c>
      <c r="S7507">
        <v>36</v>
      </c>
      <c r="T7507">
        <v>36</v>
      </c>
      <c r="U7507">
        <v>36</v>
      </c>
      <c r="V7507">
        <v>36</v>
      </c>
      <c r="W7507">
        <v>37</v>
      </c>
      <c r="X7507">
        <v>37</v>
      </c>
      <c r="Y7507">
        <v>37</v>
      </c>
      <c r="Z7507">
        <v>37</v>
      </c>
      <c r="AA7507">
        <v>37</v>
      </c>
      <c r="AB7507">
        <v>37</v>
      </c>
      <c r="AC7507">
        <v>38</v>
      </c>
      <c r="AD7507">
        <v>38</v>
      </c>
      <c r="AE7507">
        <v>38</v>
      </c>
      <c r="AF7507">
        <v>38</v>
      </c>
      <c r="AG7507">
        <v>38</v>
      </c>
      <c r="AH7507">
        <v>38</v>
      </c>
      <c r="AI7507">
        <v>38</v>
      </c>
      <c r="AJ7507">
        <v>39</v>
      </c>
      <c r="AK7507">
        <v>39</v>
      </c>
      <c r="AL7507">
        <v>39</v>
      </c>
      <c r="AM7507">
        <v>39</v>
      </c>
      <c r="AN7507">
        <v>39</v>
      </c>
      <c r="AO7507">
        <v>39</v>
      </c>
      <c r="AP7507">
        <v>39</v>
      </c>
      <c r="AQ7507">
        <v>39</v>
      </c>
    </row>
    <row r="7508" spans="1:43">
      <c r="A7508" t="s">
        <v>4704</v>
      </c>
      <c r="B7508" t="s">
        <v>4705</v>
      </c>
      <c r="C7508" t="s">
        <v>4674</v>
      </c>
      <c r="D7508" t="s">
        <v>4675</v>
      </c>
      <c r="E7508" t="s">
        <v>4592</v>
      </c>
      <c r="F7508" t="s">
        <v>4593</v>
      </c>
      <c r="G7508" t="s">
        <v>80</v>
      </c>
      <c r="H7508" t="s">
        <v>81</v>
      </c>
      <c r="I7508" s="2">
        <v>1</v>
      </c>
      <c r="J7508" s="2">
        <v>0</v>
      </c>
      <c r="K7508" s="2">
        <v>0</v>
      </c>
      <c r="L7508" t="s">
        <v>120</v>
      </c>
      <c r="M7508" t="s">
        <v>89</v>
      </c>
      <c r="N7508" t="s">
        <v>90</v>
      </c>
      <c r="O7508" t="s">
        <v>85</v>
      </c>
      <c r="P7508" t="s">
        <v>86</v>
      </c>
      <c r="Q7508">
        <v>35</v>
      </c>
      <c r="R7508">
        <v>36</v>
      </c>
      <c r="S7508">
        <v>37</v>
      </c>
      <c r="T7508">
        <v>38</v>
      </c>
      <c r="U7508">
        <v>38</v>
      </c>
      <c r="V7508">
        <v>39</v>
      </c>
      <c r="W7508">
        <v>40</v>
      </c>
      <c r="X7508">
        <v>40</v>
      </c>
      <c r="Y7508">
        <v>41</v>
      </c>
      <c r="Z7508">
        <v>42</v>
      </c>
      <c r="AA7508">
        <v>42</v>
      </c>
      <c r="AB7508">
        <v>43</v>
      </c>
      <c r="AC7508">
        <v>44</v>
      </c>
      <c r="AD7508">
        <v>44</v>
      </c>
      <c r="AE7508">
        <v>45</v>
      </c>
      <c r="AF7508">
        <v>45</v>
      </c>
      <c r="AG7508">
        <v>45</v>
      </c>
      <c r="AH7508">
        <v>45</v>
      </c>
      <c r="AI7508">
        <v>45</v>
      </c>
      <c r="AJ7508">
        <v>45</v>
      </c>
      <c r="AK7508">
        <v>45</v>
      </c>
      <c r="AL7508">
        <v>45</v>
      </c>
      <c r="AM7508">
        <v>45</v>
      </c>
      <c r="AN7508">
        <v>45</v>
      </c>
      <c r="AO7508">
        <v>45</v>
      </c>
      <c r="AP7508">
        <v>44</v>
      </c>
      <c r="AQ7508">
        <v>44</v>
      </c>
    </row>
    <row r="7509" spans="1:43">
      <c r="A7509" t="s">
        <v>4704</v>
      </c>
      <c r="B7509" t="s">
        <v>4705</v>
      </c>
      <c r="C7509" t="s">
        <v>4674</v>
      </c>
      <c r="D7509" t="s">
        <v>4675</v>
      </c>
      <c r="E7509" t="s">
        <v>4592</v>
      </c>
      <c r="F7509" t="s">
        <v>4593</v>
      </c>
      <c r="G7509" t="s">
        <v>80</v>
      </c>
      <c r="H7509" t="s">
        <v>81</v>
      </c>
      <c r="I7509" s="2">
        <v>1</v>
      </c>
      <c r="J7509" s="2">
        <v>0</v>
      </c>
      <c r="K7509" s="2">
        <v>0</v>
      </c>
      <c r="L7509" t="s">
        <v>120</v>
      </c>
      <c r="M7509" t="s">
        <v>83</v>
      </c>
      <c r="N7509" t="s">
        <v>91</v>
      </c>
      <c r="O7509" t="s">
        <v>85</v>
      </c>
      <c r="P7509" t="s">
        <v>86</v>
      </c>
      <c r="Q7509">
        <v>35</v>
      </c>
      <c r="R7509">
        <v>35</v>
      </c>
      <c r="S7509">
        <v>36</v>
      </c>
      <c r="T7509">
        <v>36</v>
      </c>
      <c r="U7509">
        <v>37</v>
      </c>
      <c r="V7509">
        <v>37</v>
      </c>
      <c r="W7509">
        <v>38</v>
      </c>
      <c r="X7509">
        <v>38</v>
      </c>
      <c r="Y7509">
        <v>39</v>
      </c>
      <c r="Z7509">
        <v>39</v>
      </c>
      <c r="AA7509">
        <v>40</v>
      </c>
      <c r="AB7509">
        <v>40</v>
      </c>
      <c r="AC7509">
        <v>41</v>
      </c>
      <c r="AD7509">
        <v>41</v>
      </c>
      <c r="AE7509">
        <v>42</v>
      </c>
      <c r="AF7509">
        <v>42</v>
      </c>
      <c r="AG7509">
        <v>42</v>
      </c>
      <c r="AH7509">
        <v>43</v>
      </c>
      <c r="AI7509">
        <v>43</v>
      </c>
      <c r="AJ7509">
        <v>44</v>
      </c>
      <c r="AK7509">
        <v>44</v>
      </c>
      <c r="AL7509">
        <v>44</v>
      </c>
      <c r="AM7509">
        <v>44</v>
      </c>
      <c r="AN7509">
        <v>44</v>
      </c>
      <c r="AO7509">
        <v>44</v>
      </c>
      <c r="AP7509">
        <v>44</v>
      </c>
      <c r="AQ7509">
        <v>44</v>
      </c>
    </row>
    <row r="7510" spans="1:43">
      <c r="A7510" t="s">
        <v>4706</v>
      </c>
      <c r="B7510" t="s">
        <v>4707</v>
      </c>
      <c r="C7510" t="s">
        <v>4708</v>
      </c>
      <c r="D7510" t="s">
        <v>4709</v>
      </c>
      <c r="E7510" t="s">
        <v>4592</v>
      </c>
      <c r="F7510" t="s">
        <v>4593</v>
      </c>
      <c r="G7510" t="s">
        <v>80</v>
      </c>
      <c r="H7510" t="s">
        <v>81</v>
      </c>
      <c r="I7510" s="2">
        <v>1</v>
      </c>
      <c r="J7510" s="2">
        <v>0</v>
      </c>
      <c r="K7510" s="2">
        <v>0</v>
      </c>
      <c r="L7510" t="s">
        <v>120</v>
      </c>
      <c r="M7510" t="s">
        <v>83</v>
      </c>
      <c r="N7510" t="s">
        <v>84</v>
      </c>
      <c r="O7510" t="s">
        <v>85</v>
      </c>
      <c r="P7510" t="s">
        <v>86</v>
      </c>
      <c r="Q7510">
        <v>19</v>
      </c>
      <c r="R7510">
        <v>19</v>
      </c>
      <c r="S7510">
        <v>20</v>
      </c>
      <c r="T7510">
        <v>20</v>
      </c>
      <c r="U7510">
        <v>20</v>
      </c>
      <c r="V7510">
        <v>21</v>
      </c>
      <c r="W7510">
        <v>21</v>
      </c>
      <c r="X7510">
        <v>21</v>
      </c>
      <c r="Y7510">
        <v>22</v>
      </c>
      <c r="Z7510">
        <v>22</v>
      </c>
      <c r="AA7510">
        <v>22</v>
      </c>
      <c r="AB7510">
        <v>22</v>
      </c>
      <c r="AC7510">
        <v>23</v>
      </c>
      <c r="AD7510">
        <v>23</v>
      </c>
      <c r="AE7510">
        <v>23</v>
      </c>
      <c r="AF7510">
        <v>23</v>
      </c>
      <c r="AG7510">
        <v>24</v>
      </c>
      <c r="AH7510">
        <v>24</v>
      </c>
      <c r="AI7510">
        <v>24</v>
      </c>
      <c r="AJ7510">
        <v>24</v>
      </c>
      <c r="AK7510">
        <v>25</v>
      </c>
      <c r="AL7510">
        <v>25</v>
      </c>
      <c r="AM7510">
        <v>25</v>
      </c>
      <c r="AN7510">
        <v>25</v>
      </c>
      <c r="AO7510">
        <v>25</v>
      </c>
      <c r="AP7510">
        <v>25</v>
      </c>
      <c r="AQ7510">
        <v>25</v>
      </c>
    </row>
    <row r="7511" spans="1:43">
      <c r="A7511" t="s">
        <v>4706</v>
      </c>
      <c r="B7511" t="s">
        <v>4707</v>
      </c>
      <c r="C7511" t="s">
        <v>4708</v>
      </c>
      <c r="D7511" t="s">
        <v>4709</v>
      </c>
      <c r="E7511" t="s">
        <v>4592</v>
      </c>
      <c r="F7511" t="s">
        <v>4593</v>
      </c>
      <c r="G7511" t="s">
        <v>80</v>
      </c>
      <c r="H7511" t="s">
        <v>81</v>
      </c>
      <c r="I7511" s="2">
        <v>1</v>
      </c>
      <c r="J7511" s="2">
        <v>0</v>
      </c>
      <c r="K7511" s="2">
        <v>0</v>
      </c>
      <c r="L7511" t="s">
        <v>120</v>
      </c>
      <c r="M7511" t="s">
        <v>87</v>
      </c>
      <c r="N7511" t="s">
        <v>88</v>
      </c>
      <c r="O7511" t="s">
        <v>85</v>
      </c>
      <c r="P7511" t="s">
        <v>86</v>
      </c>
      <c r="Q7511">
        <v>19</v>
      </c>
      <c r="R7511">
        <v>19</v>
      </c>
      <c r="S7511">
        <v>19</v>
      </c>
      <c r="T7511">
        <v>19</v>
      </c>
      <c r="U7511">
        <v>19</v>
      </c>
      <c r="V7511">
        <v>20</v>
      </c>
      <c r="W7511">
        <v>20</v>
      </c>
      <c r="X7511">
        <v>20</v>
      </c>
      <c r="Y7511">
        <v>20</v>
      </c>
      <c r="Z7511">
        <v>20</v>
      </c>
      <c r="AA7511">
        <v>20</v>
      </c>
      <c r="AB7511">
        <v>20</v>
      </c>
      <c r="AC7511">
        <v>20</v>
      </c>
      <c r="AD7511">
        <v>20</v>
      </c>
      <c r="AE7511">
        <v>20</v>
      </c>
      <c r="AF7511">
        <v>21</v>
      </c>
      <c r="AG7511">
        <v>21</v>
      </c>
      <c r="AH7511">
        <v>21</v>
      </c>
      <c r="AI7511">
        <v>21</v>
      </c>
      <c r="AJ7511">
        <v>21</v>
      </c>
      <c r="AK7511">
        <v>21</v>
      </c>
      <c r="AL7511">
        <v>21</v>
      </c>
      <c r="AM7511">
        <v>21</v>
      </c>
      <c r="AN7511">
        <v>21</v>
      </c>
      <c r="AO7511">
        <v>21</v>
      </c>
      <c r="AP7511">
        <v>21</v>
      </c>
      <c r="AQ7511">
        <v>21</v>
      </c>
    </row>
    <row r="7512" spans="1:43">
      <c r="A7512" t="s">
        <v>4706</v>
      </c>
      <c r="B7512" t="s">
        <v>4707</v>
      </c>
      <c r="C7512" t="s">
        <v>4708</v>
      </c>
      <c r="D7512" t="s">
        <v>4709</v>
      </c>
      <c r="E7512" t="s">
        <v>4592</v>
      </c>
      <c r="F7512" t="s">
        <v>4593</v>
      </c>
      <c r="G7512" t="s">
        <v>80</v>
      </c>
      <c r="H7512" t="s">
        <v>81</v>
      </c>
      <c r="I7512" s="2">
        <v>1</v>
      </c>
      <c r="J7512" s="2">
        <v>0</v>
      </c>
      <c r="K7512" s="2">
        <v>0</v>
      </c>
      <c r="L7512" t="s">
        <v>120</v>
      </c>
      <c r="M7512" t="s">
        <v>89</v>
      </c>
      <c r="N7512" t="s">
        <v>90</v>
      </c>
      <c r="O7512" t="s">
        <v>85</v>
      </c>
      <c r="P7512" t="s">
        <v>86</v>
      </c>
      <c r="Q7512">
        <v>19</v>
      </c>
      <c r="R7512">
        <v>20</v>
      </c>
      <c r="S7512">
        <v>20</v>
      </c>
      <c r="T7512">
        <v>21</v>
      </c>
      <c r="U7512">
        <v>21</v>
      </c>
      <c r="V7512">
        <v>22</v>
      </c>
      <c r="W7512">
        <v>22</v>
      </c>
      <c r="X7512">
        <v>22</v>
      </c>
      <c r="Y7512">
        <v>23</v>
      </c>
      <c r="Z7512">
        <v>23</v>
      </c>
      <c r="AA7512">
        <v>24</v>
      </c>
      <c r="AB7512">
        <v>24</v>
      </c>
      <c r="AC7512">
        <v>24</v>
      </c>
      <c r="AD7512">
        <v>25</v>
      </c>
      <c r="AE7512">
        <v>25</v>
      </c>
      <c r="AF7512">
        <v>25</v>
      </c>
      <c r="AG7512">
        <v>25</v>
      </c>
      <c r="AH7512">
        <v>25</v>
      </c>
      <c r="AI7512">
        <v>25</v>
      </c>
      <c r="AJ7512">
        <v>25</v>
      </c>
      <c r="AK7512">
        <v>25</v>
      </c>
      <c r="AL7512">
        <v>25</v>
      </c>
      <c r="AM7512">
        <v>25</v>
      </c>
      <c r="AN7512">
        <v>25</v>
      </c>
      <c r="AO7512">
        <v>25</v>
      </c>
      <c r="AP7512">
        <v>25</v>
      </c>
      <c r="AQ7512">
        <v>25</v>
      </c>
    </row>
    <row r="7513" spans="1:43">
      <c r="A7513" t="s">
        <v>4706</v>
      </c>
      <c r="B7513" t="s">
        <v>4707</v>
      </c>
      <c r="C7513" t="s">
        <v>4708</v>
      </c>
      <c r="D7513" t="s">
        <v>4709</v>
      </c>
      <c r="E7513" t="s">
        <v>4592</v>
      </c>
      <c r="F7513" t="s">
        <v>4593</v>
      </c>
      <c r="G7513" t="s">
        <v>80</v>
      </c>
      <c r="H7513" t="s">
        <v>81</v>
      </c>
      <c r="I7513" s="2">
        <v>1</v>
      </c>
      <c r="J7513" s="2">
        <v>0</v>
      </c>
      <c r="K7513" s="2">
        <v>0</v>
      </c>
      <c r="L7513" t="s">
        <v>120</v>
      </c>
      <c r="M7513" t="s">
        <v>83</v>
      </c>
      <c r="N7513" t="s">
        <v>91</v>
      </c>
      <c r="O7513" t="s">
        <v>85</v>
      </c>
      <c r="P7513" t="s">
        <v>86</v>
      </c>
      <c r="Q7513">
        <v>19</v>
      </c>
      <c r="R7513">
        <v>19</v>
      </c>
      <c r="S7513">
        <v>20</v>
      </c>
      <c r="T7513">
        <v>20</v>
      </c>
      <c r="U7513">
        <v>20</v>
      </c>
      <c r="V7513">
        <v>21</v>
      </c>
      <c r="W7513">
        <v>21</v>
      </c>
      <c r="X7513">
        <v>21</v>
      </c>
      <c r="Y7513">
        <v>22</v>
      </c>
      <c r="Z7513">
        <v>22</v>
      </c>
      <c r="AA7513">
        <v>22</v>
      </c>
      <c r="AB7513">
        <v>22</v>
      </c>
      <c r="AC7513">
        <v>23</v>
      </c>
      <c r="AD7513">
        <v>23</v>
      </c>
      <c r="AE7513">
        <v>23</v>
      </c>
      <c r="AF7513">
        <v>23</v>
      </c>
      <c r="AG7513">
        <v>24</v>
      </c>
      <c r="AH7513">
        <v>24</v>
      </c>
      <c r="AI7513">
        <v>24</v>
      </c>
      <c r="AJ7513">
        <v>24</v>
      </c>
      <c r="AK7513">
        <v>25</v>
      </c>
      <c r="AL7513">
        <v>25</v>
      </c>
      <c r="AM7513">
        <v>25</v>
      </c>
      <c r="AN7513">
        <v>25</v>
      </c>
      <c r="AO7513">
        <v>25</v>
      </c>
      <c r="AP7513">
        <v>25</v>
      </c>
      <c r="AQ7513">
        <v>25</v>
      </c>
    </row>
    <row r="7514" spans="1:43">
      <c r="A7514" t="s">
        <v>4710</v>
      </c>
      <c r="B7514" t="s">
        <v>4711</v>
      </c>
      <c r="C7514" t="s">
        <v>4708</v>
      </c>
      <c r="D7514" t="s">
        <v>4709</v>
      </c>
      <c r="E7514" t="s">
        <v>4592</v>
      </c>
      <c r="F7514" t="s">
        <v>4593</v>
      </c>
      <c r="G7514" t="s">
        <v>80</v>
      </c>
      <c r="H7514" t="s">
        <v>81</v>
      </c>
      <c r="I7514" s="2">
        <v>1</v>
      </c>
      <c r="J7514" s="2">
        <v>0</v>
      </c>
      <c r="K7514" s="2">
        <v>0</v>
      </c>
      <c r="L7514" t="s">
        <v>120</v>
      </c>
      <c r="M7514" t="s">
        <v>83</v>
      </c>
      <c r="N7514" t="s">
        <v>84</v>
      </c>
      <c r="O7514" t="s">
        <v>85</v>
      </c>
      <c r="P7514" t="s">
        <v>86</v>
      </c>
      <c r="Q7514">
        <v>19</v>
      </c>
      <c r="R7514">
        <v>19</v>
      </c>
      <c r="S7514">
        <v>20</v>
      </c>
      <c r="T7514">
        <v>20</v>
      </c>
      <c r="U7514">
        <v>20</v>
      </c>
      <c r="V7514">
        <v>20</v>
      </c>
      <c r="W7514">
        <v>21</v>
      </c>
      <c r="X7514">
        <v>21</v>
      </c>
      <c r="Y7514">
        <v>21</v>
      </c>
      <c r="Z7514">
        <v>22</v>
      </c>
      <c r="AA7514">
        <v>22</v>
      </c>
      <c r="AB7514">
        <v>22</v>
      </c>
      <c r="AC7514">
        <v>22</v>
      </c>
      <c r="AD7514">
        <v>23</v>
      </c>
      <c r="AE7514">
        <v>23</v>
      </c>
      <c r="AF7514">
        <v>23</v>
      </c>
      <c r="AG7514">
        <v>23</v>
      </c>
      <c r="AH7514">
        <v>24</v>
      </c>
      <c r="AI7514">
        <v>24</v>
      </c>
      <c r="AJ7514">
        <v>24</v>
      </c>
      <c r="AK7514">
        <v>24</v>
      </c>
      <c r="AL7514">
        <v>24</v>
      </c>
      <c r="AM7514">
        <v>24</v>
      </c>
      <c r="AN7514">
        <v>24</v>
      </c>
      <c r="AO7514">
        <v>24</v>
      </c>
      <c r="AP7514">
        <v>24</v>
      </c>
      <c r="AQ7514">
        <v>24</v>
      </c>
    </row>
    <row r="7515" spans="1:43">
      <c r="A7515" t="s">
        <v>4710</v>
      </c>
      <c r="B7515" t="s">
        <v>4711</v>
      </c>
      <c r="C7515" t="s">
        <v>4708</v>
      </c>
      <c r="D7515" t="s">
        <v>4709</v>
      </c>
      <c r="E7515" t="s">
        <v>4592</v>
      </c>
      <c r="F7515" t="s">
        <v>4593</v>
      </c>
      <c r="G7515" t="s">
        <v>80</v>
      </c>
      <c r="H7515" t="s">
        <v>81</v>
      </c>
      <c r="I7515" s="2">
        <v>1</v>
      </c>
      <c r="J7515" s="2">
        <v>0</v>
      </c>
      <c r="K7515" s="2">
        <v>0</v>
      </c>
      <c r="L7515" t="s">
        <v>120</v>
      </c>
      <c r="M7515" t="s">
        <v>87</v>
      </c>
      <c r="N7515" t="s">
        <v>88</v>
      </c>
      <c r="O7515" t="s">
        <v>85</v>
      </c>
      <c r="P7515" t="s">
        <v>86</v>
      </c>
      <c r="Q7515">
        <v>19</v>
      </c>
      <c r="R7515">
        <v>19</v>
      </c>
      <c r="S7515">
        <v>19</v>
      </c>
      <c r="T7515">
        <v>19</v>
      </c>
      <c r="U7515">
        <v>19</v>
      </c>
      <c r="V7515">
        <v>19</v>
      </c>
      <c r="W7515">
        <v>19</v>
      </c>
      <c r="X7515">
        <v>20</v>
      </c>
      <c r="Y7515">
        <v>20</v>
      </c>
      <c r="Z7515">
        <v>20</v>
      </c>
      <c r="AA7515">
        <v>20</v>
      </c>
      <c r="AB7515">
        <v>20</v>
      </c>
      <c r="AC7515">
        <v>20</v>
      </c>
      <c r="AD7515">
        <v>20</v>
      </c>
      <c r="AE7515">
        <v>20</v>
      </c>
      <c r="AF7515">
        <v>20</v>
      </c>
      <c r="AG7515">
        <v>20</v>
      </c>
      <c r="AH7515">
        <v>21</v>
      </c>
      <c r="AI7515">
        <v>21</v>
      </c>
      <c r="AJ7515">
        <v>21</v>
      </c>
      <c r="AK7515">
        <v>21</v>
      </c>
      <c r="AL7515">
        <v>21</v>
      </c>
      <c r="AM7515">
        <v>21</v>
      </c>
      <c r="AN7515">
        <v>21</v>
      </c>
      <c r="AO7515">
        <v>21</v>
      </c>
      <c r="AP7515">
        <v>21</v>
      </c>
      <c r="AQ7515">
        <v>21</v>
      </c>
    </row>
    <row r="7516" spans="1:43">
      <c r="A7516" t="s">
        <v>4710</v>
      </c>
      <c r="B7516" t="s">
        <v>4711</v>
      </c>
      <c r="C7516" t="s">
        <v>4708</v>
      </c>
      <c r="D7516" t="s">
        <v>4709</v>
      </c>
      <c r="E7516" t="s">
        <v>4592</v>
      </c>
      <c r="F7516" t="s">
        <v>4593</v>
      </c>
      <c r="G7516" t="s">
        <v>80</v>
      </c>
      <c r="H7516" t="s">
        <v>81</v>
      </c>
      <c r="I7516" s="2">
        <v>1</v>
      </c>
      <c r="J7516" s="2">
        <v>0</v>
      </c>
      <c r="K7516" s="2">
        <v>0</v>
      </c>
      <c r="L7516" t="s">
        <v>120</v>
      </c>
      <c r="M7516" t="s">
        <v>89</v>
      </c>
      <c r="N7516" t="s">
        <v>90</v>
      </c>
      <c r="O7516" t="s">
        <v>85</v>
      </c>
      <c r="P7516" t="s">
        <v>86</v>
      </c>
      <c r="Q7516">
        <v>19</v>
      </c>
      <c r="R7516">
        <v>20</v>
      </c>
      <c r="S7516">
        <v>20</v>
      </c>
      <c r="T7516">
        <v>21</v>
      </c>
      <c r="U7516">
        <v>21</v>
      </c>
      <c r="V7516">
        <v>21</v>
      </c>
      <c r="W7516">
        <v>22</v>
      </c>
      <c r="X7516">
        <v>22</v>
      </c>
      <c r="Y7516">
        <v>23</v>
      </c>
      <c r="Z7516">
        <v>23</v>
      </c>
      <c r="AA7516">
        <v>23</v>
      </c>
      <c r="AB7516">
        <v>24</v>
      </c>
      <c r="AC7516">
        <v>24</v>
      </c>
      <c r="AD7516">
        <v>24</v>
      </c>
      <c r="AE7516">
        <v>25</v>
      </c>
      <c r="AF7516">
        <v>25</v>
      </c>
      <c r="AG7516">
        <v>25</v>
      </c>
      <c r="AH7516">
        <v>25</v>
      </c>
      <c r="AI7516">
        <v>25</v>
      </c>
      <c r="AJ7516">
        <v>25</v>
      </c>
      <c r="AK7516">
        <v>25</v>
      </c>
      <c r="AL7516">
        <v>25</v>
      </c>
      <c r="AM7516">
        <v>25</v>
      </c>
      <c r="AN7516">
        <v>25</v>
      </c>
      <c r="AO7516">
        <v>25</v>
      </c>
      <c r="AP7516">
        <v>25</v>
      </c>
      <c r="AQ7516">
        <v>25</v>
      </c>
    </row>
    <row r="7517" spans="1:43">
      <c r="A7517" t="s">
        <v>4710</v>
      </c>
      <c r="B7517" t="s">
        <v>4711</v>
      </c>
      <c r="C7517" t="s">
        <v>4708</v>
      </c>
      <c r="D7517" t="s">
        <v>4709</v>
      </c>
      <c r="E7517" t="s">
        <v>4592</v>
      </c>
      <c r="F7517" t="s">
        <v>4593</v>
      </c>
      <c r="G7517" t="s">
        <v>80</v>
      </c>
      <c r="H7517" t="s">
        <v>81</v>
      </c>
      <c r="I7517" s="2">
        <v>1</v>
      </c>
      <c r="J7517" s="2">
        <v>0</v>
      </c>
      <c r="K7517" s="2">
        <v>0</v>
      </c>
      <c r="L7517" t="s">
        <v>120</v>
      </c>
      <c r="M7517" t="s">
        <v>83</v>
      </c>
      <c r="N7517" t="s">
        <v>91</v>
      </c>
      <c r="O7517" t="s">
        <v>85</v>
      </c>
      <c r="P7517" t="s">
        <v>86</v>
      </c>
      <c r="Q7517">
        <v>19</v>
      </c>
      <c r="R7517">
        <v>19</v>
      </c>
      <c r="S7517">
        <v>20</v>
      </c>
      <c r="T7517">
        <v>20</v>
      </c>
      <c r="U7517">
        <v>20</v>
      </c>
      <c r="V7517">
        <v>20</v>
      </c>
      <c r="W7517">
        <v>21</v>
      </c>
      <c r="X7517">
        <v>21</v>
      </c>
      <c r="Y7517">
        <v>21</v>
      </c>
      <c r="Z7517">
        <v>22</v>
      </c>
      <c r="AA7517">
        <v>22</v>
      </c>
      <c r="AB7517">
        <v>22</v>
      </c>
      <c r="AC7517">
        <v>22</v>
      </c>
      <c r="AD7517">
        <v>23</v>
      </c>
      <c r="AE7517">
        <v>23</v>
      </c>
      <c r="AF7517">
        <v>23</v>
      </c>
      <c r="AG7517">
        <v>23</v>
      </c>
      <c r="AH7517">
        <v>24</v>
      </c>
      <c r="AI7517">
        <v>24</v>
      </c>
      <c r="AJ7517">
        <v>24</v>
      </c>
      <c r="AK7517">
        <v>24</v>
      </c>
      <c r="AL7517">
        <v>24</v>
      </c>
      <c r="AM7517">
        <v>24</v>
      </c>
      <c r="AN7517">
        <v>24</v>
      </c>
      <c r="AO7517">
        <v>24</v>
      </c>
      <c r="AP7517">
        <v>24</v>
      </c>
      <c r="AQ7517">
        <v>24</v>
      </c>
    </row>
    <row r="7518" spans="1:43">
      <c r="A7518" t="s">
        <v>4712</v>
      </c>
      <c r="B7518" t="s">
        <v>4713</v>
      </c>
      <c r="C7518" t="s">
        <v>4714</v>
      </c>
      <c r="D7518" t="s">
        <v>4715</v>
      </c>
      <c r="E7518" t="s">
        <v>4592</v>
      </c>
      <c r="F7518" t="s">
        <v>4593</v>
      </c>
      <c r="G7518" t="s">
        <v>80</v>
      </c>
      <c r="H7518" t="s">
        <v>81</v>
      </c>
      <c r="I7518" s="2">
        <v>1</v>
      </c>
      <c r="J7518" s="2">
        <v>0</v>
      </c>
      <c r="K7518" s="2">
        <v>0</v>
      </c>
      <c r="L7518" t="s">
        <v>120</v>
      </c>
      <c r="M7518" t="s">
        <v>83</v>
      </c>
      <c r="N7518" t="s">
        <v>84</v>
      </c>
      <c r="O7518" t="s">
        <v>85</v>
      </c>
      <c r="P7518" t="s">
        <v>86</v>
      </c>
      <c r="Q7518">
        <v>9</v>
      </c>
      <c r="R7518">
        <v>10</v>
      </c>
      <c r="S7518">
        <v>10</v>
      </c>
      <c r="T7518">
        <v>10</v>
      </c>
      <c r="U7518">
        <v>10</v>
      </c>
      <c r="V7518">
        <v>10</v>
      </c>
      <c r="W7518">
        <v>10</v>
      </c>
      <c r="X7518">
        <v>10</v>
      </c>
      <c r="Y7518">
        <v>11</v>
      </c>
      <c r="Z7518">
        <v>11</v>
      </c>
      <c r="AA7518">
        <v>11</v>
      </c>
      <c r="AB7518">
        <v>11</v>
      </c>
      <c r="AC7518">
        <v>11</v>
      </c>
      <c r="AD7518">
        <v>11</v>
      </c>
      <c r="AE7518">
        <v>11</v>
      </c>
      <c r="AF7518">
        <v>11</v>
      </c>
      <c r="AG7518">
        <v>12</v>
      </c>
      <c r="AH7518">
        <v>12</v>
      </c>
      <c r="AI7518">
        <v>12</v>
      </c>
      <c r="AJ7518">
        <v>12</v>
      </c>
      <c r="AK7518">
        <v>12</v>
      </c>
      <c r="AL7518">
        <v>12</v>
      </c>
      <c r="AM7518">
        <v>12</v>
      </c>
      <c r="AN7518">
        <v>12</v>
      </c>
      <c r="AO7518">
        <v>12</v>
      </c>
      <c r="AP7518">
        <v>12</v>
      </c>
      <c r="AQ7518">
        <v>12</v>
      </c>
    </row>
    <row r="7519" spans="1:43">
      <c r="A7519" t="s">
        <v>4712</v>
      </c>
      <c r="B7519" t="s">
        <v>4713</v>
      </c>
      <c r="C7519" t="s">
        <v>4714</v>
      </c>
      <c r="D7519" t="s">
        <v>4715</v>
      </c>
      <c r="E7519" t="s">
        <v>4592</v>
      </c>
      <c r="F7519" t="s">
        <v>4593</v>
      </c>
      <c r="G7519" t="s">
        <v>80</v>
      </c>
      <c r="H7519" t="s">
        <v>81</v>
      </c>
      <c r="I7519" s="2">
        <v>1</v>
      </c>
      <c r="J7519" s="2">
        <v>0</v>
      </c>
      <c r="K7519" s="2">
        <v>0</v>
      </c>
      <c r="L7519" t="s">
        <v>120</v>
      </c>
      <c r="M7519" t="s">
        <v>87</v>
      </c>
      <c r="N7519" t="s">
        <v>88</v>
      </c>
      <c r="O7519" t="s">
        <v>85</v>
      </c>
      <c r="P7519" t="s">
        <v>86</v>
      </c>
      <c r="Q7519">
        <v>9</v>
      </c>
      <c r="R7519">
        <v>9</v>
      </c>
      <c r="S7519">
        <v>9</v>
      </c>
      <c r="T7519">
        <v>10</v>
      </c>
      <c r="U7519">
        <v>10</v>
      </c>
      <c r="V7519">
        <v>10</v>
      </c>
      <c r="W7519">
        <v>10</v>
      </c>
      <c r="X7519">
        <v>10</v>
      </c>
      <c r="Y7519">
        <v>10</v>
      </c>
      <c r="Z7519">
        <v>10</v>
      </c>
      <c r="AA7519">
        <v>10</v>
      </c>
      <c r="AB7519">
        <v>10</v>
      </c>
      <c r="AC7519">
        <v>10</v>
      </c>
      <c r="AD7519">
        <v>10</v>
      </c>
      <c r="AE7519">
        <v>10</v>
      </c>
      <c r="AF7519">
        <v>10</v>
      </c>
      <c r="AG7519">
        <v>10</v>
      </c>
      <c r="AH7519">
        <v>10</v>
      </c>
      <c r="AI7519">
        <v>10</v>
      </c>
      <c r="AJ7519">
        <v>10</v>
      </c>
      <c r="AK7519">
        <v>10</v>
      </c>
      <c r="AL7519">
        <v>10</v>
      </c>
      <c r="AM7519">
        <v>10</v>
      </c>
      <c r="AN7519">
        <v>10</v>
      </c>
      <c r="AO7519">
        <v>10</v>
      </c>
      <c r="AP7519">
        <v>10</v>
      </c>
      <c r="AQ7519">
        <v>10</v>
      </c>
    </row>
    <row r="7520" spans="1:43">
      <c r="A7520" t="s">
        <v>4712</v>
      </c>
      <c r="B7520" t="s">
        <v>4713</v>
      </c>
      <c r="C7520" t="s">
        <v>4714</v>
      </c>
      <c r="D7520" t="s">
        <v>4715</v>
      </c>
      <c r="E7520" t="s">
        <v>4592</v>
      </c>
      <c r="F7520" t="s">
        <v>4593</v>
      </c>
      <c r="G7520" t="s">
        <v>80</v>
      </c>
      <c r="H7520" t="s">
        <v>81</v>
      </c>
      <c r="I7520" s="2">
        <v>1</v>
      </c>
      <c r="J7520" s="2">
        <v>0</v>
      </c>
      <c r="K7520" s="2">
        <v>0</v>
      </c>
      <c r="L7520" t="s">
        <v>120</v>
      </c>
      <c r="M7520" t="s">
        <v>89</v>
      </c>
      <c r="N7520" t="s">
        <v>90</v>
      </c>
      <c r="O7520" t="s">
        <v>85</v>
      </c>
      <c r="P7520" t="s">
        <v>86</v>
      </c>
      <c r="Q7520">
        <v>9</v>
      </c>
      <c r="R7520">
        <v>9</v>
      </c>
      <c r="S7520">
        <v>9</v>
      </c>
      <c r="T7520">
        <v>9</v>
      </c>
      <c r="U7520">
        <v>9</v>
      </c>
      <c r="V7520">
        <v>10</v>
      </c>
      <c r="W7520">
        <v>10</v>
      </c>
      <c r="X7520">
        <v>10</v>
      </c>
      <c r="Y7520">
        <v>10</v>
      </c>
      <c r="Z7520">
        <v>10</v>
      </c>
      <c r="AA7520">
        <v>11</v>
      </c>
      <c r="AB7520">
        <v>11</v>
      </c>
      <c r="AC7520">
        <v>11</v>
      </c>
      <c r="AD7520">
        <v>11</v>
      </c>
      <c r="AE7520">
        <v>11</v>
      </c>
      <c r="AF7520">
        <v>11</v>
      </c>
      <c r="AG7520">
        <v>11</v>
      </c>
      <c r="AH7520">
        <v>11</v>
      </c>
      <c r="AI7520">
        <v>11</v>
      </c>
      <c r="AJ7520">
        <v>11</v>
      </c>
      <c r="AK7520">
        <v>11</v>
      </c>
      <c r="AL7520">
        <v>11</v>
      </c>
      <c r="AM7520">
        <v>11</v>
      </c>
      <c r="AN7520">
        <v>11</v>
      </c>
      <c r="AO7520">
        <v>11</v>
      </c>
      <c r="AP7520">
        <v>11</v>
      </c>
      <c r="AQ7520">
        <v>11</v>
      </c>
    </row>
    <row r="7521" spans="1:43">
      <c r="A7521" t="s">
        <v>4712</v>
      </c>
      <c r="B7521" t="s">
        <v>4713</v>
      </c>
      <c r="C7521" t="s">
        <v>4714</v>
      </c>
      <c r="D7521" t="s">
        <v>4715</v>
      </c>
      <c r="E7521" t="s">
        <v>4592</v>
      </c>
      <c r="F7521" t="s">
        <v>4593</v>
      </c>
      <c r="G7521" t="s">
        <v>80</v>
      </c>
      <c r="H7521" t="s">
        <v>81</v>
      </c>
      <c r="I7521" s="2">
        <v>1</v>
      </c>
      <c r="J7521" s="2">
        <v>0</v>
      </c>
      <c r="K7521" s="2">
        <v>0</v>
      </c>
      <c r="L7521" t="s">
        <v>120</v>
      </c>
      <c r="M7521" t="s">
        <v>83</v>
      </c>
      <c r="N7521" t="s">
        <v>91</v>
      </c>
      <c r="O7521" t="s">
        <v>85</v>
      </c>
      <c r="P7521" t="s">
        <v>86</v>
      </c>
      <c r="Q7521">
        <v>9</v>
      </c>
      <c r="R7521">
        <v>10</v>
      </c>
      <c r="S7521">
        <v>10</v>
      </c>
      <c r="T7521">
        <v>10</v>
      </c>
      <c r="U7521">
        <v>10</v>
      </c>
      <c r="V7521">
        <v>10</v>
      </c>
      <c r="W7521">
        <v>10</v>
      </c>
      <c r="X7521">
        <v>10</v>
      </c>
      <c r="Y7521">
        <v>11</v>
      </c>
      <c r="Z7521">
        <v>11</v>
      </c>
      <c r="AA7521">
        <v>11</v>
      </c>
      <c r="AB7521">
        <v>11</v>
      </c>
      <c r="AC7521">
        <v>11</v>
      </c>
      <c r="AD7521">
        <v>11</v>
      </c>
      <c r="AE7521">
        <v>11</v>
      </c>
      <c r="AF7521">
        <v>11</v>
      </c>
      <c r="AG7521">
        <v>12</v>
      </c>
      <c r="AH7521">
        <v>12</v>
      </c>
      <c r="AI7521">
        <v>12</v>
      </c>
      <c r="AJ7521">
        <v>12</v>
      </c>
      <c r="AK7521">
        <v>12</v>
      </c>
      <c r="AL7521">
        <v>12</v>
      </c>
      <c r="AM7521">
        <v>12</v>
      </c>
      <c r="AN7521">
        <v>12</v>
      </c>
      <c r="AO7521">
        <v>12</v>
      </c>
      <c r="AP7521">
        <v>12</v>
      </c>
      <c r="AQ7521">
        <v>12</v>
      </c>
    </row>
    <row r="7522" spans="1:43">
      <c r="A7522" t="s">
        <v>4716</v>
      </c>
      <c r="B7522" t="s">
        <v>4717</v>
      </c>
      <c r="C7522" t="s">
        <v>4708</v>
      </c>
      <c r="D7522" t="s">
        <v>4709</v>
      </c>
      <c r="E7522" t="s">
        <v>4592</v>
      </c>
      <c r="F7522" t="s">
        <v>4593</v>
      </c>
      <c r="G7522" t="s">
        <v>80</v>
      </c>
      <c r="H7522" t="s">
        <v>81</v>
      </c>
      <c r="I7522" s="2">
        <v>1</v>
      </c>
      <c r="J7522" s="2">
        <v>0</v>
      </c>
      <c r="K7522" s="2">
        <v>0</v>
      </c>
      <c r="L7522" t="s">
        <v>120</v>
      </c>
      <c r="M7522" t="s">
        <v>83</v>
      </c>
      <c r="N7522" t="s">
        <v>84</v>
      </c>
      <c r="O7522" t="s">
        <v>85</v>
      </c>
      <c r="P7522" t="s">
        <v>86</v>
      </c>
      <c r="Q7522">
        <v>93</v>
      </c>
      <c r="R7522">
        <v>94</v>
      </c>
      <c r="S7522">
        <v>95</v>
      </c>
      <c r="T7522">
        <v>97</v>
      </c>
      <c r="U7522">
        <v>98</v>
      </c>
      <c r="V7522">
        <v>100</v>
      </c>
      <c r="W7522">
        <v>101</v>
      </c>
      <c r="X7522">
        <v>102</v>
      </c>
      <c r="Y7522">
        <v>104</v>
      </c>
      <c r="Z7522">
        <v>105</v>
      </c>
      <c r="AA7522">
        <v>106</v>
      </c>
      <c r="AB7522">
        <v>107</v>
      </c>
      <c r="AC7522">
        <v>109</v>
      </c>
      <c r="AD7522">
        <v>110</v>
      </c>
      <c r="AE7522">
        <v>111</v>
      </c>
      <c r="AF7522">
        <v>112</v>
      </c>
      <c r="AG7522">
        <v>114</v>
      </c>
      <c r="AH7522">
        <v>115</v>
      </c>
      <c r="AI7522">
        <v>116</v>
      </c>
      <c r="AJ7522">
        <v>117</v>
      </c>
      <c r="AK7522">
        <v>118</v>
      </c>
      <c r="AL7522">
        <v>119</v>
      </c>
      <c r="AM7522">
        <v>119</v>
      </c>
      <c r="AN7522">
        <v>119</v>
      </c>
      <c r="AO7522">
        <v>119</v>
      </c>
      <c r="AP7522">
        <v>119</v>
      </c>
      <c r="AQ7522">
        <v>119</v>
      </c>
    </row>
    <row r="7523" spans="1:43">
      <c r="A7523" t="s">
        <v>4716</v>
      </c>
      <c r="B7523" t="s">
        <v>4717</v>
      </c>
      <c r="C7523" t="s">
        <v>4708</v>
      </c>
      <c r="D7523" t="s">
        <v>4709</v>
      </c>
      <c r="E7523" t="s">
        <v>4592</v>
      </c>
      <c r="F7523" t="s">
        <v>4593</v>
      </c>
      <c r="G7523" t="s">
        <v>80</v>
      </c>
      <c r="H7523" t="s">
        <v>81</v>
      </c>
      <c r="I7523" s="2">
        <v>1</v>
      </c>
      <c r="J7523" s="2">
        <v>0</v>
      </c>
      <c r="K7523" s="2">
        <v>0</v>
      </c>
      <c r="L7523" t="s">
        <v>120</v>
      </c>
      <c r="M7523" t="s">
        <v>87</v>
      </c>
      <c r="N7523" t="s">
        <v>88</v>
      </c>
      <c r="O7523" t="s">
        <v>85</v>
      </c>
      <c r="P7523" t="s">
        <v>86</v>
      </c>
      <c r="Q7523">
        <v>93</v>
      </c>
      <c r="R7523">
        <v>93</v>
      </c>
      <c r="S7523">
        <v>94</v>
      </c>
      <c r="T7523">
        <v>94</v>
      </c>
      <c r="U7523">
        <v>95</v>
      </c>
      <c r="V7523">
        <v>95</v>
      </c>
      <c r="W7523">
        <v>96</v>
      </c>
      <c r="X7523">
        <v>96</v>
      </c>
      <c r="Y7523">
        <v>97</v>
      </c>
      <c r="Z7523">
        <v>97</v>
      </c>
      <c r="AA7523">
        <v>98</v>
      </c>
      <c r="AB7523">
        <v>98</v>
      </c>
      <c r="AC7523">
        <v>99</v>
      </c>
      <c r="AD7523">
        <v>99</v>
      </c>
      <c r="AE7523">
        <v>100</v>
      </c>
      <c r="AF7523">
        <v>100</v>
      </c>
      <c r="AG7523">
        <v>100</v>
      </c>
      <c r="AH7523">
        <v>101</v>
      </c>
      <c r="AI7523">
        <v>101</v>
      </c>
      <c r="AJ7523">
        <v>101</v>
      </c>
      <c r="AK7523">
        <v>102</v>
      </c>
      <c r="AL7523">
        <v>102</v>
      </c>
      <c r="AM7523">
        <v>103</v>
      </c>
      <c r="AN7523">
        <v>103</v>
      </c>
      <c r="AO7523">
        <v>103</v>
      </c>
      <c r="AP7523">
        <v>103</v>
      </c>
      <c r="AQ7523">
        <v>104</v>
      </c>
    </row>
    <row r="7524" spans="1:43">
      <c r="A7524" t="s">
        <v>4716</v>
      </c>
      <c r="B7524" t="s">
        <v>4717</v>
      </c>
      <c r="C7524" t="s">
        <v>4708</v>
      </c>
      <c r="D7524" t="s">
        <v>4709</v>
      </c>
      <c r="E7524" t="s">
        <v>4592</v>
      </c>
      <c r="F7524" t="s">
        <v>4593</v>
      </c>
      <c r="G7524" t="s">
        <v>80</v>
      </c>
      <c r="H7524" t="s">
        <v>81</v>
      </c>
      <c r="I7524" s="2">
        <v>1</v>
      </c>
      <c r="J7524" s="2">
        <v>0</v>
      </c>
      <c r="K7524" s="2">
        <v>0</v>
      </c>
      <c r="L7524" t="s">
        <v>120</v>
      </c>
      <c r="M7524" t="s">
        <v>89</v>
      </c>
      <c r="N7524" t="s">
        <v>90</v>
      </c>
      <c r="O7524" t="s">
        <v>85</v>
      </c>
      <c r="P7524" t="s">
        <v>86</v>
      </c>
      <c r="Q7524">
        <v>93</v>
      </c>
      <c r="R7524">
        <v>96</v>
      </c>
      <c r="S7524">
        <v>98</v>
      </c>
      <c r="T7524">
        <v>100</v>
      </c>
      <c r="U7524">
        <v>102</v>
      </c>
      <c r="V7524">
        <v>104</v>
      </c>
      <c r="W7524">
        <v>106</v>
      </c>
      <c r="X7524">
        <v>108</v>
      </c>
      <c r="Y7524">
        <v>110</v>
      </c>
      <c r="Z7524">
        <v>111</v>
      </c>
      <c r="AA7524">
        <v>113</v>
      </c>
      <c r="AB7524">
        <v>115</v>
      </c>
      <c r="AC7524">
        <v>117</v>
      </c>
      <c r="AD7524">
        <v>118</v>
      </c>
      <c r="AE7524">
        <v>119</v>
      </c>
      <c r="AF7524">
        <v>119</v>
      </c>
      <c r="AG7524">
        <v>119</v>
      </c>
      <c r="AH7524">
        <v>120</v>
      </c>
      <c r="AI7524">
        <v>120</v>
      </c>
      <c r="AJ7524">
        <v>120</v>
      </c>
      <c r="AK7524">
        <v>120</v>
      </c>
      <c r="AL7524">
        <v>120</v>
      </c>
      <c r="AM7524">
        <v>120</v>
      </c>
      <c r="AN7524">
        <v>120</v>
      </c>
      <c r="AO7524">
        <v>120</v>
      </c>
      <c r="AP7524">
        <v>119</v>
      </c>
      <c r="AQ7524">
        <v>119</v>
      </c>
    </row>
    <row r="7525" spans="1:43">
      <c r="A7525" t="s">
        <v>4716</v>
      </c>
      <c r="B7525" t="s">
        <v>4717</v>
      </c>
      <c r="C7525" t="s">
        <v>4708</v>
      </c>
      <c r="D7525" t="s">
        <v>4709</v>
      </c>
      <c r="E7525" t="s">
        <v>4592</v>
      </c>
      <c r="F7525" t="s">
        <v>4593</v>
      </c>
      <c r="G7525" t="s">
        <v>80</v>
      </c>
      <c r="H7525" t="s">
        <v>81</v>
      </c>
      <c r="I7525" s="2">
        <v>1</v>
      </c>
      <c r="J7525" s="2">
        <v>0</v>
      </c>
      <c r="K7525" s="2">
        <v>0</v>
      </c>
      <c r="L7525" t="s">
        <v>120</v>
      </c>
      <c r="M7525" t="s">
        <v>83</v>
      </c>
      <c r="N7525" t="s">
        <v>91</v>
      </c>
      <c r="O7525" t="s">
        <v>85</v>
      </c>
      <c r="P7525" t="s">
        <v>86</v>
      </c>
      <c r="Q7525">
        <v>93</v>
      </c>
      <c r="R7525">
        <v>94</v>
      </c>
      <c r="S7525">
        <v>95</v>
      </c>
      <c r="T7525">
        <v>97</v>
      </c>
      <c r="U7525">
        <v>98</v>
      </c>
      <c r="V7525">
        <v>100</v>
      </c>
      <c r="W7525">
        <v>101</v>
      </c>
      <c r="X7525">
        <v>102</v>
      </c>
      <c r="Y7525">
        <v>104</v>
      </c>
      <c r="Z7525">
        <v>105</v>
      </c>
      <c r="AA7525">
        <v>106</v>
      </c>
      <c r="AB7525">
        <v>107</v>
      </c>
      <c r="AC7525">
        <v>109</v>
      </c>
      <c r="AD7525">
        <v>110</v>
      </c>
      <c r="AE7525">
        <v>111</v>
      </c>
      <c r="AF7525">
        <v>112</v>
      </c>
      <c r="AG7525">
        <v>114</v>
      </c>
      <c r="AH7525">
        <v>115</v>
      </c>
      <c r="AI7525">
        <v>116</v>
      </c>
      <c r="AJ7525">
        <v>117</v>
      </c>
      <c r="AK7525">
        <v>118</v>
      </c>
      <c r="AL7525">
        <v>119</v>
      </c>
      <c r="AM7525">
        <v>119</v>
      </c>
      <c r="AN7525">
        <v>119</v>
      </c>
      <c r="AO7525">
        <v>119</v>
      </c>
      <c r="AP7525">
        <v>119</v>
      </c>
      <c r="AQ7525">
        <v>119</v>
      </c>
    </row>
    <row r="7526" spans="1:43">
      <c r="A7526" t="s">
        <v>4718</v>
      </c>
      <c r="B7526" t="s">
        <v>4719</v>
      </c>
      <c r="C7526" t="s">
        <v>4708</v>
      </c>
      <c r="D7526" t="s">
        <v>4709</v>
      </c>
      <c r="E7526" t="s">
        <v>4592</v>
      </c>
      <c r="F7526" t="s">
        <v>4593</v>
      </c>
      <c r="G7526" t="s">
        <v>80</v>
      </c>
      <c r="H7526" t="s">
        <v>81</v>
      </c>
      <c r="I7526" s="2">
        <v>1</v>
      </c>
      <c r="J7526" s="2">
        <v>0</v>
      </c>
      <c r="K7526" s="2">
        <v>0</v>
      </c>
      <c r="L7526" t="s">
        <v>120</v>
      </c>
      <c r="M7526" t="s">
        <v>83</v>
      </c>
      <c r="N7526" t="s">
        <v>84</v>
      </c>
      <c r="O7526" t="s">
        <v>85</v>
      </c>
      <c r="P7526" t="s">
        <v>86</v>
      </c>
      <c r="Q7526">
        <v>12</v>
      </c>
      <c r="R7526">
        <v>12</v>
      </c>
      <c r="S7526">
        <v>12</v>
      </c>
      <c r="T7526">
        <v>12</v>
      </c>
      <c r="U7526">
        <v>12</v>
      </c>
      <c r="V7526">
        <v>13</v>
      </c>
      <c r="W7526">
        <v>13</v>
      </c>
      <c r="X7526">
        <v>13</v>
      </c>
      <c r="Y7526">
        <v>13</v>
      </c>
      <c r="Z7526">
        <v>13</v>
      </c>
      <c r="AA7526">
        <v>13</v>
      </c>
      <c r="AB7526">
        <v>14</v>
      </c>
      <c r="AC7526">
        <v>14</v>
      </c>
      <c r="AD7526">
        <v>14</v>
      </c>
      <c r="AE7526">
        <v>14</v>
      </c>
      <c r="AF7526">
        <v>14</v>
      </c>
      <c r="AG7526">
        <v>14</v>
      </c>
      <c r="AH7526">
        <v>14</v>
      </c>
      <c r="AI7526">
        <v>15</v>
      </c>
      <c r="AJ7526">
        <v>15</v>
      </c>
      <c r="AK7526">
        <v>15</v>
      </c>
      <c r="AL7526">
        <v>15</v>
      </c>
      <c r="AM7526">
        <v>15</v>
      </c>
      <c r="AN7526">
        <v>15</v>
      </c>
      <c r="AO7526">
        <v>15</v>
      </c>
      <c r="AP7526">
        <v>15</v>
      </c>
      <c r="AQ7526">
        <v>15</v>
      </c>
    </row>
    <row r="7527" spans="1:43">
      <c r="A7527" t="s">
        <v>4718</v>
      </c>
      <c r="B7527" t="s">
        <v>4719</v>
      </c>
      <c r="C7527" t="s">
        <v>4708</v>
      </c>
      <c r="D7527" t="s">
        <v>4709</v>
      </c>
      <c r="E7527" t="s">
        <v>4592</v>
      </c>
      <c r="F7527" t="s">
        <v>4593</v>
      </c>
      <c r="G7527" t="s">
        <v>80</v>
      </c>
      <c r="H7527" t="s">
        <v>81</v>
      </c>
      <c r="I7527" s="2">
        <v>1</v>
      </c>
      <c r="J7527" s="2">
        <v>0</v>
      </c>
      <c r="K7527" s="2">
        <v>0</v>
      </c>
      <c r="L7527" t="s">
        <v>120</v>
      </c>
      <c r="M7527" t="s">
        <v>87</v>
      </c>
      <c r="N7527" t="s">
        <v>88</v>
      </c>
      <c r="O7527" t="s">
        <v>85</v>
      </c>
      <c r="P7527" t="s">
        <v>86</v>
      </c>
      <c r="Q7527">
        <v>12</v>
      </c>
      <c r="R7527">
        <v>12</v>
      </c>
      <c r="S7527">
        <v>12</v>
      </c>
      <c r="T7527">
        <v>12</v>
      </c>
      <c r="U7527">
        <v>12</v>
      </c>
      <c r="V7527">
        <v>12</v>
      </c>
      <c r="W7527">
        <v>12</v>
      </c>
      <c r="X7527">
        <v>12</v>
      </c>
      <c r="Y7527">
        <v>12</v>
      </c>
      <c r="Z7527">
        <v>12</v>
      </c>
      <c r="AA7527">
        <v>12</v>
      </c>
      <c r="AB7527">
        <v>12</v>
      </c>
      <c r="AC7527">
        <v>12</v>
      </c>
      <c r="AD7527">
        <v>12</v>
      </c>
      <c r="AE7527">
        <v>12</v>
      </c>
      <c r="AF7527">
        <v>12</v>
      </c>
      <c r="AG7527">
        <v>13</v>
      </c>
      <c r="AH7527">
        <v>13</v>
      </c>
      <c r="AI7527">
        <v>13</v>
      </c>
      <c r="AJ7527">
        <v>13</v>
      </c>
      <c r="AK7527">
        <v>13</v>
      </c>
      <c r="AL7527">
        <v>13</v>
      </c>
      <c r="AM7527">
        <v>13</v>
      </c>
      <c r="AN7527">
        <v>13</v>
      </c>
      <c r="AO7527">
        <v>13</v>
      </c>
      <c r="AP7527">
        <v>13</v>
      </c>
      <c r="AQ7527">
        <v>13</v>
      </c>
    </row>
    <row r="7528" spans="1:43">
      <c r="A7528" t="s">
        <v>4718</v>
      </c>
      <c r="B7528" t="s">
        <v>4719</v>
      </c>
      <c r="C7528" t="s">
        <v>4708</v>
      </c>
      <c r="D7528" t="s">
        <v>4709</v>
      </c>
      <c r="E7528" t="s">
        <v>4592</v>
      </c>
      <c r="F7528" t="s">
        <v>4593</v>
      </c>
      <c r="G7528" t="s">
        <v>80</v>
      </c>
      <c r="H7528" t="s">
        <v>81</v>
      </c>
      <c r="I7528" s="2">
        <v>1</v>
      </c>
      <c r="J7528" s="2">
        <v>0</v>
      </c>
      <c r="K7528" s="2">
        <v>0</v>
      </c>
      <c r="L7528" t="s">
        <v>120</v>
      </c>
      <c r="M7528" t="s">
        <v>89</v>
      </c>
      <c r="N7528" t="s">
        <v>90</v>
      </c>
      <c r="O7528" t="s">
        <v>85</v>
      </c>
      <c r="P7528" t="s">
        <v>86</v>
      </c>
      <c r="Q7528">
        <v>12</v>
      </c>
      <c r="R7528">
        <v>12</v>
      </c>
      <c r="S7528">
        <v>12</v>
      </c>
      <c r="T7528">
        <v>13</v>
      </c>
      <c r="U7528">
        <v>13</v>
      </c>
      <c r="V7528">
        <v>13</v>
      </c>
      <c r="W7528">
        <v>13</v>
      </c>
      <c r="X7528">
        <v>14</v>
      </c>
      <c r="Y7528">
        <v>14</v>
      </c>
      <c r="Z7528">
        <v>14</v>
      </c>
      <c r="AA7528">
        <v>14</v>
      </c>
      <c r="AB7528">
        <v>14</v>
      </c>
      <c r="AC7528">
        <v>15</v>
      </c>
      <c r="AD7528">
        <v>15</v>
      </c>
      <c r="AE7528">
        <v>15</v>
      </c>
      <c r="AF7528">
        <v>15</v>
      </c>
      <c r="AG7528">
        <v>15</v>
      </c>
      <c r="AH7528">
        <v>15</v>
      </c>
      <c r="AI7528">
        <v>15</v>
      </c>
      <c r="AJ7528">
        <v>15</v>
      </c>
      <c r="AK7528">
        <v>15</v>
      </c>
      <c r="AL7528">
        <v>15</v>
      </c>
      <c r="AM7528">
        <v>15</v>
      </c>
      <c r="AN7528">
        <v>15</v>
      </c>
      <c r="AO7528">
        <v>15</v>
      </c>
      <c r="AP7528">
        <v>15</v>
      </c>
      <c r="AQ7528">
        <v>15</v>
      </c>
    </row>
    <row r="7529" spans="1:43">
      <c r="A7529" t="s">
        <v>4718</v>
      </c>
      <c r="B7529" t="s">
        <v>4719</v>
      </c>
      <c r="C7529" t="s">
        <v>4708</v>
      </c>
      <c r="D7529" t="s">
        <v>4709</v>
      </c>
      <c r="E7529" t="s">
        <v>4592</v>
      </c>
      <c r="F7529" t="s">
        <v>4593</v>
      </c>
      <c r="G7529" t="s">
        <v>80</v>
      </c>
      <c r="H7529" t="s">
        <v>81</v>
      </c>
      <c r="I7529" s="2">
        <v>1</v>
      </c>
      <c r="J7529" s="2">
        <v>0</v>
      </c>
      <c r="K7529" s="2">
        <v>0</v>
      </c>
      <c r="L7529" t="s">
        <v>120</v>
      </c>
      <c r="M7529" t="s">
        <v>83</v>
      </c>
      <c r="N7529" t="s">
        <v>91</v>
      </c>
      <c r="O7529" t="s">
        <v>85</v>
      </c>
      <c r="P7529" t="s">
        <v>86</v>
      </c>
      <c r="Q7529">
        <v>12</v>
      </c>
      <c r="R7529">
        <v>12</v>
      </c>
      <c r="S7529">
        <v>12</v>
      </c>
      <c r="T7529">
        <v>12</v>
      </c>
      <c r="U7529">
        <v>12</v>
      </c>
      <c r="V7529">
        <v>13</v>
      </c>
      <c r="W7529">
        <v>13</v>
      </c>
      <c r="X7529">
        <v>13</v>
      </c>
      <c r="Y7529">
        <v>13</v>
      </c>
      <c r="Z7529">
        <v>13</v>
      </c>
      <c r="AA7529">
        <v>13</v>
      </c>
      <c r="AB7529">
        <v>14</v>
      </c>
      <c r="AC7529">
        <v>14</v>
      </c>
      <c r="AD7529">
        <v>14</v>
      </c>
      <c r="AE7529">
        <v>14</v>
      </c>
      <c r="AF7529">
        <v>14</v>
      </c>
      <c r="AG7529">
        <v>14</v>
      </c>
      <c r="AH7529">
        <v>14</v>
      </c>
      <c r="AI7529">
        <v>15</v>
      </c>
      <c r="AJ7529">
        <v>15</v>
      </c>
      <c r="AK7529">
        <v>15</v>
      </c>
      <c r="AL7529">
        <v>15</v>
      </c>
      <c r="AM7529">
        <v>15</v>
      </c>
      <c r="AN7529">
        <v>15</v>
      </c>
      <c r="AO7529">
        <v>15</v>
      </c>
      <c r="AP7529">
        <v>15</v>
      </c>
      <c r="AQ7529">
        <v>15</v>
      </c>
    </row>
    <row r="7530" spans="1:43">
      <c r="A7530" t="s">
        <v>4720</v>
      </c>
      <c r="B7530" t="s">
        <v>4721</v>
      </c>
      <c r="C7530" t="s">
        <v>4722</v>
      </c>
      <c r="D7530" t="s">
        <v>4723</v>
      </c>
      <c r="E7530" t="s">
        <v>4592</v>
      </c>
      <c r="F7530" t="s">
        <v>4593</v>
      </c>
      <c r="G7530" t="s">
        <v>80</v>
      </c>
      <c r="H7530" t="s">
        <v>81</v>
      </c>
      <c r="I7530" s="2">
        <v>1</v>
      </c>
      <c r="J7530" s="2">
        <v>0</v>
      </c>
      <c r="K7530" s="2">
        <v>0</v>
      </c>
      <c r="L7530" t="s">
        <v>120</v>
      </c>
      <c r="M7530" t="s">
        <v>83</v>
      </c>
      <c r="N7530" t="s">
        <v>84</v>
      </c>
      <c r="O7530" t="s">
        <v>85</v>
      </c>
      <c r="P7530" t="s">
        <v>86</v>
      </c>
      <c r="Q7530">
        <v>35</v>
      </c>
      <c r="R7530">
        <v>35</v>
      </c>
      <c r="S7530">
        <v>36</v>
      </c>
      <c r="T7530">
        <v>36</v>
      </c>
      <c r="U7530">
        <v>37</v>
      </c>
      <c r="V7530">
        <v>37</v>
      </c>
      <c r="W7530">
        <v>38</v>
      </c>
      <c r="X7530">
        <v>38</v>
      </c>
      <c r="Y7530">
        <v>39</v>
      </c>
      <c r="Z7530">
        <v>39</v>
      </c>
      <c r="AA7530">
        <v>39</v>
      </c>
      <c r="AB7530">
        <v>40</v>
      </c>
      <c r="AC7530">
        <v>40</v>
      </c>
      <c r="AD7530">
        <v>41</v>
      </c>
      <c r="AE7530">
        <v>41</v>
      </c>
      <c r="AF7530">
        <v>42</v>
      </c>
      <c r="AG7530">
        <v>42</v>
      </c>
      <c r="AH7530">
        <v>43</v>
      </c>
      <c r="AI7530">
        <v>43</v>
      </c>
      <c r="AJ7530">
        <v>43</v>
      </c>
      <c r="AK7530">
        <v>44</v>
      </c>
      <c r="AL7530">
        <v>44</v>
      </c>
      <c r="AM7530">
        <v>44</v>
      </c>
      <c r="AN7530">
        <v>44</v>
      </c>
      <c r="AO7530">
        <v>44</v>
      </c>
      <c r="AP7530">
        <v>44</v>
      </c>
      <c r="AQ7530">
        <v>44</v>
      </c>
    </row>
    <row r="7531" spans="1:43">
      <c r="A7531" t="s">
        <v>4720</v>
      </c>
      <c r="B7531" t="s">
        <v>4721</v>
      </c>
      <c r="C7531" t="s">
        <v>4722</v>
      </c>
      <c r="D7531" t="s">
        <v>4723</v>
      </c>
      <c r="E7531" t="s">
        <v>4592</v>
      </c>
      <c r="F7531" t="s">
        <v>4593</v>
      </c>
      <c r="G7531" t="s">
        <v>80</v>
      </c>
      <c r="H7531" t="s">
        <v>81</v>
      </c>
      <c r="I7531" s="2">
        <v>1</v>
      </c>
      <c r="J7531" s="2">
        <v>0</v>
      </c>
      <c r="K7531" s="2">
        <v>0</v>
      </c>
      <c r="L7531" t="s">
        <v>120</v>
      </c>
      <c r="M7531" t="s">
        <v>87</v>
      </c>
      <c r="N7531" t="s">
        <v>88</v>
      </c>
      <c r="O7531" t="s">
        <v>85</v>
      </c>
      <c r="P7531" t="s">
        <v>86</v>
      </c>
      <c r="Q7531">
        <v>35</v>
      </c>
      <c r="R7531">
        <v>35</v>
      </c>
      <c r="S7531">
        <v>36</v>
      </c>
      <c r="T7531">
        <v>36</v>
      </c>
      <c r="U7531">
        <v>36</v>
      </c>
      <c r="V7531">
        <v>36</v>
      </c>
      <c r="W7531">
        <v>36</v>
      </c>
      <c r="X7531">
        <v>37</v>
      </c>
      <c r="Y7531">
        <v>37</v>
      </c>
      <c r="Z7531">
        <v>37</v>
      </c>
      <c r="AA7531">
        <v>37</v>
      </c>
      <c r="AB7531">
        <v>37</v>
      </c>
      <c r="AC7531">
        <v>37</v>
      </c>
      <c r="AD7531">
        <v>37</v>
      </c>
      <c r="AE7531">
        <v>38</v>
      </c>
      <c r="AF7531">
        <v>38</v>
      </c>
      <c r="AG7531">
        <v>38</v>
      </c>
      <c r="AH7531">
        <v>38</v>
      </c>
      <c r="AI7531">
        <v>38</v>
      </c>
      <c r="AJ7531">
        <v>38</v>
      </c>
      <c r="AK7531">
        <v>38</v>
      </c>
      <c r="AL7531">
        <v>39</v>
      </c>
      <c r="AM7531">
        <v>39</v>
      </c>
      <c r="AN7531">
        <v>39</v>
      </c>
      <c r="AO7531">
        <v>39</v>
      </c>
      <c r="AP7531">
        <v>39</v>
      </c>
      <c r="AQ7531">
        <v>39</v>
      </c>
    </row>
    <row r="7532" spans="1:43">
      <c r="A7532" t="s">
        <v>4720</v>
      </c>
      <c r="B7532" t="s">
        <v>4721</v>
      </c>
      <c r="C7532" t="s">
        <v>4722</v>
      </c>
      <c r="D7532" t="s">
        <v>4723</v>
      </c>
      <c r="E7532" t="s">
        <v>4592</v>
      </c>
      <c r="F7532" t="s">
        <v>4593</v>
      </c>
      <c r="G7532" t="s">
        <v>80</v>
      </c>
      <c r="H7532" t="s">
        <v>81</v>
      </c>
      <c r="I7532" s="2">
        <v>1</v>
      </c>
      <c r="J7532" s="2">
        <v>0</v>
      </c>
      <c r="K7532" s="2">
        <v>0</v>
      </c>
      <c r="L7532" t="s">
        <v>120</v>
      </c>
      <c r="M7532" t="s">
        <v>89</v>
      </c>
      <c r="N7532" t="s">
        <v>90</v>
      </c>
      <c r="O7532" t="s">
        <v>85</v>
      </c>
      <c r="P7532" t="s">
        <v>86</v>
      </c>
      <c r="Q7532">
        <v>35</v>
      </c>
      <c r="R7532">
        <v>36</v>
      </c>
      <c r="S7532">
        <v>37</v>
      </c>
      <c r="T7532">
        <v>37</v>
      </c>
      <c r="U7532">
        <v>38</v>
      </c>
      <c r="V7532">
        <v>39</v>
      </c>
      <c r="W7532">
        <v>39</v>
      </c>
      <c r="X7532">
        <v>40</v>
      </c>
      <c r="Y7532">
        <v>41</v>
      </c>
      <c r="Z7532">
        <v>41</v>
      </c>
      <c r="AA7532">
        <v>42</v>
      </c>
      <c r="AB7532">
        <v>43</v>
      </c>
      <c r="AC7532">
        <v>43</v>
      </c>
      <c r="AD7532">
        <v>44</v>
      </c>
      <c r="AE7532">
        <v>44</v>
      </c>
      <c r="AF7532">
        <v>44</v>
      </c>
      <c r="AG7532">
        <v>44</v>
      </c>
      <c r="AH7532">
        <v>44</v>
      </c>
      <c r="AI7532">
        <v>44</v>
      </c>
      <c r="AJ7532">
        <v>44</v>
      </c>
      <c r="AK7532">
        <v>44</v>
      </c>
      <c r="AL7532">
        <v>44</v>
      </c>
      <c r="AM7532">
        <v>44</v>
      </c>
      <c r="AN7532">
        <v>44</v>
      </c>
      <c r="AO7532">
        <v>44</v>
      </c>
      <c r="AP7532">
        <v>44</v>
      </c>
      <c r="AQ7532">
        <v>44</v>
      </c>
    </row>
    <row r="7533" spans="1:43">
      <c r="A7533" t="s">
        <v>4720</v>
      </c>
      <c r="B7533" t="s">
        <v>4721</v>
      </c>
      <c r="C7533" t="s">
        <v>4722</v>
      </c>
      <c r="D7533" t="s">
        <v>4723</v>
      </c>
      <c r="E7533" t="s">
        <v>4592</v>
      </c>
      <c r="F7533" t="s">
        <v>4593</v>
      </c>
      <c r="G7533" t="s">
        <v>80</v>
      </c>
      <c r="H7533" t="s">
        <v>81</v>
      </c>
      <c r="I7533" s="2">
        <v>1</v>
      </c>
      <c r="J7533" s="2">
        <v>0</v>
      </c>
      <c r="K7533" s="2">
        <v>0</v>
      </c>
      <c r="L7533" t="s">
        <v>120</v>
      </c>
      <c r="M7533" t="s">
        <v>83</v>
      </c>
      <c r="N7533" t="s">
        <v>91</v>
      </c>
      <c r="O7533" t="s">
        <v>85</v>
      </c>
      <c r="P7533" t="s">
        <v>86</v>
      </c>
      <c r="Q7533">
        <v>35</v>
      </c>
      <c r="R7533">
        <v>35</v>
      </c>
      <c r="S7533">
        <v>36</v>
      </c>
      <c r="T7533">
        <v>36</v>
      </c>
      <c r="U7533">
        <v>37</v>
      </c>
      <c r="V7533">
        <v>37</v>
      </c>
      <c r="W7533">
        <v>38</v>
      </c>
      <c r="X7533">
        <v>38</v>
      </c>
      <c r="Y7533">
        <v>39</v>
      </c>
      <c r="Z7533">
        <v>39</v>
      </c>
      <c r="AA7533">
        <v>39</v>
      </c>
      <c r="AB7533">
        <v>40</v>
      </c>
      <c r="AC7533">
        <v>40</v>
      </c>
      <c r="AD7533">
        <v>41</v>
      </c>
      <c r="AE7533">
        <v>41</v>
      </c>
      <c r="AF7533">
        <v>42</v>
      </c>
      <c r="AG7533">
        <v>42</v>
      </c>
      <c r="AH7533">
        <v>43</v>
      </c>
      <c r="AI7533">
        <v>43</v>
      </c>
      <c r="AJ7533">
        <v>43</v>
      </c>
      <c r="AK7533">
        <v>44</v>
      </c>
      <c r="AL7533">
        <v>44</v>
      </c>
      <c r="AM7533">
        <v>44</v>
      </c>
      <c r="AN7533">
        <v>44</v>
      </c>
      <c r="AO7533">
        <v>44</v>
      </c>
      <c r="AP7533">
        <v>44</v>
      </c>
      <c r="AQ7533">
        <v>44</v>
      </c>
    </row>
    <row r="7534" spans="1:43">
      <c r="A7534" t="s">
        <v>4724</v>
      </c>
      <c r="B7534" t="s">
        <v>4725</v>
      </c>
      <c r="C7534" t="s">
        <v>4722</v>
      </c>
      <c r="D7534" t="s">
        <v>4723</v>
      </c>
      <c r="E7534" t="s">
        <v>4592</v>
      </c>
      <c r="F7534" t="s">
        <v>4593</v>
      </c>
      <c r="G7534" t="s">
        <v>80</v>
      </c>
      <c r="H7534" t="s">
        <v>81</v>
      </c>
      <c r="I7534" s="2">
        <v>1</v>
      </c>
      <c r="J7534" s="2">
        <v>0</v>
      </c>
      <c r="K7534" s="2">
        <v>0</v>
      </c>
      <c r="L7534" t="s">
        <v>120</v>
      </c>
      <c r="M7534" t="s">
        <v>83</v>
      </c>
      <c r="N7534" t="s">
        <v>84</v>
      </c>
      <c r="O7534" t="s">
        <v>85</v>
      </c>
      <c r="P7534" t="s">
        <v>86</v>
      </c>
      <c r="Q7534">
        <v>64</v>
      </c>
      <c r="R7534">
        <v>65</v>
      </c>
      <c r="S7534">
        <v>66</v>
      </c>
      <c r="T7534">
        <v>67</v>
      </c>
      <c r="U7534">
        <v>68</v>
      </c>
      <c r="V7534">
        <v>69</v>
      </c>
      <c r="W7534">
        <v>70</v>
      </c>
      <c r="X7534">
        <v>71</v>
      </c>
      <c r="Y7534">
        <v>72</v>
      </c>
      <c r="Z7534">
        <v>72</v>
      </c>
      <c r="AA7534">
        <v>73</v>
      </c>
      <c r="AB7534">
        <v>74</v>
      </c>
      <c r="AC7534">
        <v>75</v>
      </c>
      <c r="AD7534">
        <v>76</v>
      </c>
      <c r="AE7534">
        <v>77</v>
      </c>
      <c r="AF7534">
        <v>77</v>
      </c>
      <c r="AG7534">
        <v>78</v>
      </c>
      <c r="AH7534">
        <v>79</v>
      </c>
      <c r="AI7534">
        <v>80</v>
      </c>
      <c r="AJ7534">
        <v>80</v>
      </c>
      <c r="AK7534">
        <v>81</v>
      </c>
      <c r="AL7534">
        <v>81</v>
      </c>
      <c r="AM7534">
        <v>81</v>
      </c>
      <c r="AN7534">
        <v>81</v>
      </c>
      <c r="AO7534">
        <v>81</v>
      </c>
      <c r="AP7534">
        <v>81</v>
      </c>
      <c r="AQ7534">
        <v>81</v>
      </c>
    </row>
    <row r="7535" spans="1:43">
      <c r="A7535" t="s">
        <v>4724</v>
      </c>
      <c r="B7535" t="s">
        <v>4725</v>
      </c>
      <c r="C7535" t="s">
        <v>4722</v>
      </c>
      <c r="D7535" t="s">
        <v>4723</v>
      </c>
      <c r="E7535" t="s">
        <v>4592</v>
      </c>
      <c r="F7535" t="s">
        <v>4593</v>
      </c>
      <c r="G7535" t="s">
        <v>80</v>
      </c>
      <c r="H7535" t="s">
        <v>81</v>
      </c>
      <c r="I7535" s="2">
        <v>1</v>
      </c>
      <c r="J7535" s="2">
        <v>0</v>
      </c>
      <c r="K7535" s="2">
        <v>0</v>
      </c>
      <c r="L7535" t="s">
        <v>120</v>
      </c>
      <c r="M7535" t="s">
        <v>87</v>
      </c>
      <c r="N7535" t="s">
        <v>88</v>
      </c>
      <c r="O7535" t="s">
        <v>85</v>
      </c>
      <c r="P7535" t="s">
        <v>86</v>
      </c>
      <c r="Q7535">
        <v>64</v>
      </c>
      <c r="R7535">
        <v>64</v>
      </c>
      <c r="S7535">
        <v>64</v>
      </c>
      <c r="T7535">
        <v>65</v>
      </c>
      <c r="U7535">
        <v>65</v>
      </c>
      <c r="V7535">
        <v>65</v>
      </c>
      <c r="W7535">
        <v>66</v>
      </c>
      <c r="X7535">
        <v>66</v>
      </c>
      <c r="Y7535">
        <v>66</v>
      </c>
      <c r="Z7535">
        <v>67</v>
      </c>
      <c r="AA7535">
        <v>67</v>
      </c>
      <c r="AB7535">
        <v>67</v>
      </c>
      <c r="AC7535">
        <v>67</v>
      </c>
      <c r="AD7535">
        <v>68</v>
      </c>
      <c r="AE7535">
        <v>68</v>
      </c>
      <c r="AF7535">
        <v>68</v>
      </c>
      <c r="AG7535">
        <v>68</v>
      </c>
      <c r="AH7535">
        <v>69</v>
      </c>
      <c r="AI7535">
        <v>69</v>
      </c>
      <c r="AJ7535">
        <v>69</v>
      </c>
      <c r="AK7535">
        <v>69</v>
      </c>
      <c r="AL7535">
        <v>70</v>
      </c>
      <c r="AM7535">
        <v>70</v>
      </c>
      <c r="AN7535">
        <v>70</v>
      </c>
      <c r="AO7535">
        <v>70</v>
      </c>
      <c r="AP7535">
        <v>70</v>
      </c>
      <c r="AQ7535">
        <v>70</v>
      </c>
    </row>
    <row r="7536" spans="1:43">
      <c r="A7536" t="s">
        <v>4724</v>
      </c>
      <c r="B7536" t="s">
        <v>4725</v>
      </c>
      <c r="C7536" t="s">
        <v>4722</v>
      </c>
      <c r="D7536" t="s">
        <v>4723</v>
      </c>
      <c r="E7536" t="s">
        <v>4592</v>
      </c>
      <c r="F7536" t="s">
        <v>4593</v>
      </c>
      <c r="G7536" t="s">
        <v>80</v>
      </c>
      <c r="H7536" t="s">
        <v>81</v>
      </c>
      <c r="I7536" s="2">
        <v>1</v>
      </c>
      <c r="J7536" s="2">
        <v>0</v>
      </c>
      <c r="K7536" s="2">
        <v>0</v>
      </c>
      <c r="L7536" t="s">
        <v>120</v>
      </c>
      <c r="M7536" t="s">
        <v>89</v>
      </c>
      <c r="N7536" t="s">
        <v>90</v>
      </c>
      <c r="O7536" t="s">
        <v>85</v>
      </c>
      <c r="P7536" t="s">
        <v>86</v>
      </c>
      <c r="Q7536">
        <v>64</v>
      </c>
      <c r="R7536">
        <v>65</v>
      </c>
      <c r="S7536">
        <v>67</v>
      </c>
      <c r="T7536">
        <v>68</v>
      </c>
      <c r="U7536">
        <v>70</v>
      </c>
      <c r="V7536">
        <v>71</v>
      </c>
      <c r="W7536">
        <v>72</v>
      </c>
      <c r="X7536">
        <v>73</v>
      </c>
      <c r="Y7536">
        <v>75</v>
      </c>
      <c r="Z7536">
        <v>76</v>
      </c>
      <c r="AA7536">
        <v>77</v>
      </c>
      <c r="AB7536">
        <v>78</v>
      </c>
      <c r="AC7536">
        <v>79</v>
      </c>
      <c r="AD7536">
        <v>80</v>
      </c>
      <c r="AE7536">
        <v>81</v>
      </c>
      <c r="AF7536">
        <v>81</v>
      </c>
      <c r="AG7536">
        <v>81</v>
      </c>
      <c r="AH7536">
        <v>81</v>
      </c>
      <c r="AI7536">
        <v>81</v>
      </c>
      <c r="AJ7536">
        <v>81</v>
      </c>
      <c r="AK7536">
        <v>81</v>
      </c>
      <c r="AL7536">
        <v>81</v>
      </c>
      <c r="AM7536">
        <v>81</v>
      </c>
      <c r="AN7536">
        <v>81</v>
      </c>
      <c r="AO7536">
        <v>81</v>
      </c>
      <c r="AP7536">
        <v>81</v>
      </c>
      <c r="AQ7536">
        <v>81</v>
      </c>
    </row>
    <row r="7537" spans="1:43">
      <c r="A7537" t="s">
        <v>4724</v>
      </c>
      <c r="B7537" t="s">
        <v>4725</v>
      </c>
      <c r="C7537" t="s">
        <v>4722</v>
      </c>
      <c r="D7537" t="s">
        <v>4723</v>
      </c>
      <c r="E7537" t="s">
        <v>4592</v>
      </c>
      <c r="F7537" t="s">
        <v>4593</v>
      </c>
      <c r="G7537" t="s">
        <v>80</v>
      </c>
      <c r="H7537" t="s">
        <v>81</v>
      </c>
      <c r="I7537" s="2">
        <v>1</v>
      </c>
      <c r="J7537" s="2">
        <v>0</v>
      </c>
      <c r="K7537" s="2">
        <v>0</v>
      </c>
      <c r="L7537" t="s">
        <v>120</v>
      </c>
      <c r="M7537" t="s">
        <v>83</v>
      </c>
      <c r="N7537" t="s">
        <v>91</v>
      </c>
      <c r="O7537" t="s">
        <v>85</v>
      </c>
      <c r="P7537" t="s">
        <v>86</v>
      </c>
      <c r="Q7537">
        <v>64</v>
      </c>
      <c r="R7537">
        <v>65</v>
      </c>
      <c r="S7537">
        <v>66</v>
      </c>
      <c r="T7537">
        <v>67</v>
      </c>
      <c r="U7537">
        <v>68</v>
      </c>
      <c r="V7537">
        <v>69</v>
      </c>
      <c r="W7537">
        <v>70</v>
      </c>
      <c r="X7537">
        <v>71</v>
      </c>
      <c r="Y7537">
        <v>72</v>
      </c>
      <c r="Z7537">
        <v>72</v>
      </c>
      <c r="AA7537">
        <v>73</v>
      </c>
      <c r="AB7537">
        <v>74</v>
      </c>
      <c r="AC7537">
        <v>75</v>
      </c>
      <c r="AD7537">
        <v>76</v>
      </c>
      <c r="AE7537">
        <v>77</v>
      </c>
      <c r="AF7537">
        <v>77</v>
      </c>
      <c r="AG7537">
        <v>78</v>
      </c>
      <c r="AH7537">
        <v>79</v>
      </c>
      <c r="AI7537">
        <v>80</v>
      </c>
      <c r="AJ7537">
        <v>80</v>
      </c>
      <c r="AK7537">
        <v>81</v>
      </c>
      <c r="AL7537">
        <v>81</v>
      </c>
      <c r="AM7537">
        <v>81</v>
      </c>
      <c r="AN7537">
        <v>81</v>
      </c>
      <c r="AO7537">
        <v>81</v>
      </c>
      <c r="AP7537">
        <v>81</v>
      </c>
      <c r="AQ7537">
        <v>81</v>
      </c>
    </row>
    <row r="7538" spans="1:43">
      <c r="A7538" t="s">
        <v>4726</v>
      </c>
      <c r="B7538" t="s">
        <v>4727</v>
      </c>
      <c r="C7538" t="s">
        <v>4722</v>
      </c>
      <c r="D7538" t="s">
        <v>4723</v>
      </c>
      <c r="E7538" t="s">
        <v>4592</v>
      </c>
      <c r="F7538" t="s">
        <v>4593</v>
      </c>
      <c r="G7538" t="s">
        <v>80</v>
      </c>
      <c r="H7538" t="s">
        <v>81</v>
      </c>
      <c r="I7538" s="2">
        <v>1</v>
      </c>
      <c r="J7538" s="2">
        <v>0</v>
      </c>
      <c r="K7538" s="2">
        <v>0</v>
      </c>
      <c r="L7538" t="s">
        <v>120</v>
      </c>
      <c r="M7538" t="s">
        <v>83</v>
      </c>
      <c r="N7538" t="s">
        <v>84</v>
      </c>
      <c r="O7538" t="s">
        <v>85</v>
      </c>
      <c r="P7538" t="s">
        <v>86</v>
      </c>
      <c r="Q7538">
        <v>14</v>
      </c>
      <c r="R7538">
        <v>14</v>
      </c>
      <c r="S7538">
        <v>14</v>
      </c>
      <c r="T7538">
        <v>14</v>
      </c>
      <c r="U7538">
        <v>15</v>
      </c>
      <c r="V7538">
        <v>15</v>
      </c>
      <c r="W7538">
        <v>15</v>
      </c>
      <c r="X7538">
        <v>15</v>
      </c>
      <c r="Y7538">
        <v>15</v>
      </c>
      <c r="Z7538">
        <v>16</v>
      </c>
      <c r="AA7538">
        <v>16</v>
      </c>
      <c r="AB7538">
        <v>16</v>
      </c>
      <c r="AC7538">
        <v>16</v>
      </c>
      <c r="AD7538">
        <v>16</v>
      </c>
      <c r="AE7538">
        <v>16</v>
      </c>
      <c r="AF7538">
        <v>17</v>
      </c>
      <c r="AG7538">
        <v>17</v>
      </c>
      <c r="AH7538">
        <v>17</v>
      </c>
      <c r="AI7538">
        <v>17</v>
      </c>
      <c r="AJ7538">
        <v>17</v>
      </c>
      <c r="AK7538">
        <v>18</v>
      </c>
      <c r="AL7538">
        <v>18</v>
      </c>
      <c r="AM7538">
        <v>18</v>
      </c>
      <c r="AN7538">
        <v>18</v>
      </c>
      <c r="AO7538">
        <v>18</v>
      </c>
      <c r="AP7538">
        <v>18</v>
      </c>
      <c r="AQ7538">
        <v>18</v>
      </c>
    </row>
    <row r="7539" spans="1:43">
      <c r="A7539" t="s">
        <v>4726</v>
      </c>
      <c r="B7539" t="s">
        <v>4727</v>
      </c>
      <c r="C7539" t="s">
        <v>4722</v>
      </c>
      <c r="D7539" t="s">
        <v>4723</v>
      </c>
      <c r="E7539" t="s">
        <v>4592</v>
      </c>
      <c r="F7539" t="s">
        <v>4593</v>
      </c>
      <c r="G7539" t="s">
        <v>80</v>
      </c>
      <c r="H7539" t="s">
        <v>81</v>
      </c>
      <c r="I7539" s="2">
        <v>1</v>
      </c>
      <c r="J7539" s="2">
        <v>0</v>
      </c>
      <c r="K7539" s="2">
        <v>0</v>
      </c>
      <c r="L7539" t="s">
        <v>120</v>
      </c>
      <c r="M7539" t="s">
        <v>87</v>
      </c>
      <c r="N7539" t="s">
        <v>88</v>
      </c>
      <c r="O7539" t="s">
        <v>85</v>
      </c>
      <c r="P7539" t="s">
        <v>86</v>
      </c>
      <c r="Q7539">
        <v>14</v>
      </c>
      <c r="R7539">
        <v>14</v>
      </c>
      <c r="S7539">
        <v>14</v>
      </c>
      <c r="T7539">
        <v>14</v>
      </c>
      <c r="U7539">
        <v>14</v>
      </c>
      <c r="V7539">
        <v>14</v>
      </c>
      <c r="W7539">
        <v>14</v>
      </c>
      <c r="X7539">
        <v>14</v>
      </c>
      <c r="Y7539">
        <v>14</v>
      </c>
      <c r="Z7539">
        <v>14</v>
      </c>
      <c r="AA7539">
        <v>14</v>
      </c>
      <c r="AB7539">
        <v>14</v>
      </c>
      <c r="AC7539">
        <v>15</v>
      </c>
      <c r="AD7539">
        <v>15</v>
      </c>
      <c r="AE7539">
        <v>15</v>
      </c>
      <c r="AF7539">
        <v>15</v>
      </c>
      <c r="AG7539">
        <v>15</v>
      </c>
      <c r="AH7539">
        <v>15</v>
      </c>
      <c r="AI7539">
        <v>15</v>
      </c>
      <c r="AJ7539">
        <v>15</v>
      </c>
      <c r="AK7539">
        <v>15</v>
      </c>
      <c r="AL7539">
        <v>15</v>
      </c>
      <c r="AM7539">
        <v>15</v>
      </c>
      <c r="AN7539">
        <v>15</v>
      </c>
      <c r="AO7539">
        <v>15</v>
      </c>
      <c r="AP7539">
        <v>15</v>
      </c>
      <c r="AQ7539">
        <v>15</v>
      </c>
    </row>
    <row r="7540" spans="1:43">
      <c r="A7540" t="s">
        <v>4726</v>
      </c>
      <c r="B7540" t="s">
        <v>4727</v>
      </c>
      <c r="C7540" t="s">
        <v>4722</v>
      </c>
      <c r="D7540" t="s">
        <v>4723</v>
      </c>
      <c r="E7540" t="s">
        <v>4592</v>
      </c>
      <c r="F7540" t="s">
        <v>4593</v>
      </c>
      <c r="G7540" t="s">
        <v>80</v>
      </c>
      <c r="H7540" t="s">
        <v>81</v>
      </c>
      <c r="I7540" s="2">
        <v>1</v>
      </c>
      <c r="J7540" s="2">
        <v>0</v>
      </c>
      <c r="K7540" s="2">
        <v>0</v>
      </c>
      <c r="L7540" t="s">
        <v>120</v>
      </c>
      <c r="M7540" t="s">
        <v>89</v>
      </c>
      <c r="N7540" t="s">
        <v>90</v>
      </c>
      <c r="O7540" t="s">
        <v>85</v>
      </c>
      <c r="P7540" t="s">
        <v>86</v>
      </c>
      <c r="Q7540">
        <v>14</v>
      </c>
      <c r="R7540">
        <v>14</v>
      </c>
      <c r="S7540">
        <v>15</v>
      </c>
      <c r="T7540">
        <v>15</v>
      </c>
      <c r="U7540">
        <v>15</v>
      </c>
      <c r="V7540">
        <v>15</v>
      </c>
      <c r="W7540">
        <v>16</v>
      </c>
      <c r="X7540">
        <v>16</v>
      </c>
      <c r="Y7540">
        <v>16</v>
      </c>
      <c r="Z7540">
        <v>17</v>
      </c>
      <c r="AA7540">
        <v>17</v>
      </c>
      <c r="AB7540">
        <v>17</v>
      </c>
      <c r="AC7540">
        <v>17</v>
      </c>
      <c r="AD7540">
        <v>18</v>
      </c>
      <c r="AE7540">
        <v>18</v>
      </c>
      <c r="AF7540">
        <v>18</v>
      </c>
      <c r="AG7540">
        <v>18</v>
      </c>
      <c r="AH7540">
        <v>18</v>
      </c>
      <c r="AI7540">
        <v>18</v>
      </c>
      <c r="AJ7540">
        <v>18</v>
      </c>
      <c r="AK7540">
        <v>18</v>
      </c>
      <c r="AL7540">
        <v>18</v>
      </c>
      <c r="AM7540">
        <v>18</v>
      </c>
      <c r="AN7540">
        <v>18</v>
      </c>
      <c r="AO7540">
        <v>18</v>
      </c>
      <c r="AP7540">
        <v>18</v>
      </c>
      <c r="AQ7540">
        <v>18</v>
      </c>
    </row>
    <row r="7541" spans="1:43">
      <c r="A7541" t="s">
        <v>4726</v>
      </c>
      <c r="B7541" t="s">
        <v>4727</v>
      </c>
      <c r="C7541" t="s">
        <v>4722</v>
      </c>
      <c r="D7541" t="s">
        <v>4723</v>
      </c>
      <c r="E7541" t="s">
        <v>4592</v>
      </c>
      <c r="F7541" t="s">
        <v>4593</v>
      </c>
      <c r="G7541" t="s">
        <v>80</v>
      </c>
      <c r="H7541" t="s">
        <v>81</v>
      </c>
      <c r="I7541" s="2">
        <v>1</v>
      </c>
      <c r="J7541" s="2">
        <v>0</v>
      </c>
      <c r="K7541" s="2">
        <v>0</v>
      </c>
      <c r="L7541" t="s">
        <v>120</v>
      </c>
      <c r="M7541" t="s">
        <v>83</v>
      </c>
      <c r="N7541" t="s">
        <v>91</v>
      </c>
      <c r="O7541" t="s">
        <v>85</v>
      </c>
      <c r="P7541" t="s">
        <v>86</v>
      </c>
      <c r="Q7541">
        <v>14</v>
      </c>
      <c r="R7541">
        <v>14</v>
      </c>
      <c r="S7541">
        <v>14</v>
      </c>
      <c r="T7541">
        <v>14</v>
      </c>
      <c r="U7541">
        <v>15</v>
      </c>
      <c r="V7541">
        <v>15</v>
      </c>
      <c r="W7541">
        <v>15</v>
      </c>
      <c r="X7541">
        <v>15</v>
      </c>
      <c r="Y7541">
        <v>15</v>
      </c>
      <c r="Z7541">
        <v>16</v>
      </c>
      <c r="AA7541">
        <v>16</v>
      </c>
      <c r="AB7541">
        <v>16</v>
      </c>
      <c r="AC7541">
        <v>16</v>
      </c>
      <c r="AD7541">
        <v>16</v>
      </c>
      <c r="AE7541">
        <v>16</v>
      </c>
      <c r="AF7541">
        <v>17</v>
      </c>
      <c r="AG7541">
        <v>17</v>
      </c>
      <c r="AH7541">
        <v>17</v>
      </c>
      <c r="AI7541">
        <v>17</v>
      </c>
      <c r="AJ7541">
        <v>17</v>
      </c>
      <c r="AK7541">
        <v>18</v>
      </c>
      <c r="AL7541">
        <v>18</v>
      </c>
      <c r="AM7541">
        <v>18</v>
      </c>
      <c r="AN7541">
        <v>18</v>
      </c>
      <c r="AO7541">
        <v>18</v>
      </c>
      <c r="AP7541">
        <v>18</v>
      </c>
      <c r="AQ7541">
        <v>18</v>
      </c>
    </row>
    <row r="7542" spans="1:43">
      <c r="A7542" t="s">
        <v>4728</v>
      </c>
      <c r="B7542" t="s">
        <v>4729</v>
      </c>
      <c r="C7542" t="s">
        <v>4714</v>
      </c>
      <c r="D7542" t="s">
        <v>4715</v>
      </c>
      <c r="E7542" t="s">
        <v>4592</v>
      </c>
      <c r="F7542" t="s">
        <v>4593</v>
      </c>
      <c r="G7542" t="s">
        <v>80</v>
      </c>
      <c r="H7542" t="s">
        <v>81</v>
      </c>
      <c r="I7542" s="2">
        <v>1</v>
      </c>
      <c r="J7542" s="2">
        <v>0</v>
      </c>
      <c r="K7542" s="2">
        <v>0</v>
      </c>
      <c r="L7542" t="s">
        <v>120</v>
      </c>
      <c r="M7542" t="s">
        <v>83</v>
      </c>
      <c r="N7542" t="s">
        <v>84</v>
      </c>
      <c r="O7542" t="s">
        <v>85</v>
      </c>
      <c r="P7542" t="s">
        <v>86</v>
      </c>
      <c r="Q7542">
        <v>22</v>
      </c>
      <c r="R7542">
        <v>22</v>
      </c>
      <c r="S7542">
        <v>23</v>
      </c>
      <c r="T7542">
        <v>23</v>
      </c>
      <c r="U7542">
        <v>23</v>
      </c>
      <c r="V7542">
        <v>24</v>
      </c>
      <c r="W7542">
        <v>24</v>
      </c>
      <c r="X7542">
        <v>24</v>
      </c>
      <c r="Y7542">
        <v>25</v>
      </c>
      <c r="Z7542">
        <v>25</v>
      </c>
      <c r="AA7542">
        <v>25</v>
      </c>
      <c r="AB7542">
        <v>25</v>
      </c>
      <c r="AC7542">
        <v>26</v>
      </c>
      <c r="AD7542">
        <v>26</v>
      </c>
      <c r="AE7542">
        <v>26</v>
      </c>
      <c r="AF7542">
        <v>27</v>
      </c>
      <c r="AG7542">
        <v>27</v>
      </c>
      <c r="AH7542">
        <v>27</v>
      </c>
      <c r="AI7542">
        <v>27</v>
      </c>
      <c r="AJ7542">
        <v>28</v>
      </c>
      <c r="AK7542">
        <v>28</v>
      </c>
      <c r="AL7542">
        <v>28</v>
      </c>
      <c r="AM7542">
        <v>28</v>
      </c>
      <c r="AN7542">
        <v>28</v>
      </c>
      <c r="AO7542">
        <v>28</v>
      </c>
      <c r="AP7542">
        <v>28</v>
      </c>
      <c r="AQ7542">
        <v>28</v>
      </c>
    </row>
    <row r="7543" spans="1:43">
      <c r="A7543" t="s">
        <v>4728</v>
      </c>
      <c r="B7543" t="s">
        <v>4729</v>
      </c>
      <c r="C7543" t="s">
        <v>4714</v>
      </c>
      <c r="D7543" t="s">
        <v>4715</v>
      </c>
      <c r="E7543" t="s">
        <v>4592</v>
      </c>
      <c r="F7543" t="s">
        <v>4593</v>
      </c>
      <c r="G7543" t="s">
        <v>80</v>
      </c>
      <c r="H7543" t="s">
        <v>81</v>
      </c>
      <c r="I7543" s="2">
        <v>1</v>
      </c>
      <c r="J7543" s="2">
        <v>0</v>
      </c>
      <c r="K7543" s="2">
        <v>0</v>
      </c>
      <c r="L7543" t="s">
        <v>120</v>
      </c>
      <c r="M7543" t="s">
        <v>87</v>
      </c>
      <c r="N7543" t="s">
        <v>88</v>
      </c>
      <c r="O7543" t="s">
        <v>85</v>
      </c>
      <c r="P7543" t="s">
        <v>86</v>
      </c>
      <c r="Q7543">
        <v>22</v>
      </c>
      <c r="R7543">
        <v>22</v>
      </c>
      <c r="S7543">
        <v>22</v>
      </c>
      <c r="T7543">
        <v>22</v>
      </c>
      <c r="U7543">
        <v>22</v>
      </c>
      <c r="V7543">
        <v>22</v>
      </c>
      <c r="W7543">
        <v>23</v>
      </c>
      <c r="X7543">
        <v>23</v>
      </c>
      <c r="Y7543">
        <v>23</v>
      </c>
      <c r="Z7543">
        <v>23</v>
      </c>
      <c r="AA7543">
        <v>23</v>
      </c>
      <c r="AB7543">
        <v>23</v>
      </c>
      <c r="AC7543">
        <v>23</v>
      </c>
      <c r="AD7543">
        <v>23</v>
      </c>
      <c r="AE7543">
        <v>23</v>
      </c>
      <c r="AF7543">
        <v>23</v>
      </c>
      <c r="AG7543">
        <v>24</v>
      </c>
      <c r="AH7543">
        <v>24</v>
      </c>
      <c r="AI7543">
        <v>24</v>
      </c>
      <c r="AJ7543">
        <v>24</v>
      </c>
      <c r="AK7543">
        <v>24</v>
      </c>
      <c r="AL7543">
        <v>24</v>
      </c>
      <c r="AM7543">
        <v>24</v>
      </c>
      <c r="AN7543">
        <v>24</v>
      </c>
      <c r="AO7543">
        <v>24</v>
      </c>
      <c r="AP7543">
        <v>24</v>
      </c>
      <c r="AQ7543">
        <v>24</v>
      </c>
    </row>
    <row r="7544" spans="1:43">
      <c r="A7544" t="s">
        <v>4728</v>
      </c>
      <c r="B7544" t="s">
        <v>4729</v>
      </c>
      <c r="C7544" t="s">
        <v>4714</v>
      </c>
      <c r="D7544" t="s">
        <v>4715</v>
      </c>
      <c r="E7544" t="s">
        <v>4592</v>
      </c>
      <c r="F7544" t="s">
        <v>4593</v>
      </c>
      <c r="G7544" t="s">
        <v>80</v>
      </c>
      <c r="H7544" t="s">
        <v>81</v>
      </c>
      <c r="I7544" s="2">
        <v>1</v>
      </c>
      <c r="J7544" s="2">
        <v>0</v>
      </c>
      <c r="K7544" s="2">
        <v>0</v>
      </c>
      <c r="L7544" t="s">
        <v>120</v>
      </c>
      <c r="M7544" t="s">
        <v>89</v>
      </c>
      <c r="N7544" t="s">
        <v>90</v>
      </c>
      <c r="O7544" t="s">
        <v>85</v>
      </c>
      <c r="P7544" t="s">
        <v>86</v>
      </c>
      <c r="Q7544">
        <v>22</v>
      </c>
      <c r="R7544">
        <v>23</v>
      </c>
      <c r="S7544">
        <v>23</v>
      </c>
      <c r="T7544">
        <v>24</v>
      </c>
      <c r="U7544">
        <v>24</v>
      </c>
      <c r="V7544">
        <v>25</v>
      </c>
      <c r="W7544">
        <v>25</v>
      </c>
      <c r="X7544">
        <v>26</v>
      </c>
      <c r="Y7544">
        <v>26</v>
      </c>
      <c r="Z7544">
        <v>26</v>
      </c>
      <c r="AA7544">
        <v>27</v>
      </c>
      <c r="AB7544">
        <v>27</v>
      </c>
      <c r="AC7544">
        <v>28</v>
      </c>
      <c r="AD7544">
        <v>28</v>
      </c>
      <c r="AE7544">
        <v>28</v>
      </c>
      <c r="AF7544">
        <v>28</v>
      </c>
      <c r="AG7544">
        <v>28</v>
      </c>
      <c r="AH7544">
        <v>28</v>
      </c>
      <c r="AI7544">
        <v>28</v>
      </c>
      <c r="AJ7544">
        <v>28</v>
      </c>
      <c r="AK7544">
        <v>28</v>
      </c>
      <c r="AL7544">
        <v>28</v>
      </c>
      <c r="AM7544">
        <v>28</v>
      </c>
      <c r="AN7544">
        <v>28</v>
      </c>
      <c r="AO7544">
        <v>28</v>
      </c>
      <c r="AP7544">
        <v>28</v>
      </c>
      <c r="AQ7544">
        <v>28</v>
      </c>
    </row>
    <row r="7545" spans="1:43">
      <c r="A7545" t="s">
        <v>4728</v>
      </c>
      <c r="B7545" t="s">
        <v>4729</v>
      </c>
      <c r="C7545" t="s">
        <v>4714</v>
      </c>
      <c r="D7545" t="s">
        <v>4715</v>
      </c>
      <c r="E7545" t="s">
        <v>4592</v>
      </c>
      <c r="F7545" t="s">
        <v>4593</v>
      </c>
      <c r="G7545" t="s">
        <v>80</v>
      </c>
      <c r="H7545" t="s">
        <v>81</v>
      </c>
      <c r="I7545" s="2">
        <v>1</v>
      </c>
      <c r="J7545" s="2">
        <v>0</v>
      </c>
      <c r="K7545" s="2">
        <v>0</v>
      </c>
      <c r="L7545" t="s">
        <v>120</v>
      </c>
      <c r="M7545" t="s">
        <v>83</v>
      </c>
      <c r="N7545" t="s">
        <v>91</v>
      </c>
      <c r="O7545" t="s">
        <v>85</v>
      </c>
      <c r="P7545" t="s">
        <v>86</v>
      </c>
      <c r="Q7545">
        <v>22</v>
      </c>
      <c r="R7545">
        <v>22</v>
      </c>
      <c r="S7545">
        <v>23</v>
      </c>
      <c r="T7545">
        <v>23</v>
      </c>
      <c r="U7545">
        <v>23</v>
      </c>
      <c r="V7545">
        <v>24</v>
      </c>
      <c r="W7545">
        <v>24</v>
      </c>
      <c r="X7545">
        <v>24</v>
      </c>
      <c r="Y7545">
        <v>25</v>
      </c>
      <c r="Z7545">
        <v>25</v>
      </c>
      <c r="AA7545">
        <v>25</v>
      </c>
      <c r="AB7545">
        <v>25</v>
      </c>
      <c r="AC7545">
        <v>26</v>
      </c>
      <c r="AD7545">
        <v>26</v>
      </c>
      <c r="AE7545">
        <v>26</v>
      </c>
      <c r="AF7545">
        <v>27</v>
      </c>
      <c r="AG7545">
        <v>27</v>
      </c>
      <c r="AH7545">
        <v>27</v>
      </c>
      <c r="AI7545">
        <v>27</v>
      </c>
      <c r="AJ7545">
        <v>28</v>
      </c>
      <c r="AK7545">
        <v>28</v>
      </c>
      <c r="AL7545">
        <v>28</v>
      </c>
      <c r="AM7545">
        <v>28</v>
      </c>
      <c r="AN7545">
        <v>28</v>
      </c>
      <c r="AO7545">
        <v>28</v>
      </c>
      <c r="AP7545">
        <v>28</v>
      </c>
      <c r="AQ7545">
        <v>28</v>
      </c>
    </row>
    <row r="7546" spans="1:43">
      <c r="A7546" t="s">
        <v>4730</v>
      </c>
      <c r="B7546" t="s">
        <v>4731</v>
      </c>
      <c r="C7546" t="s">
        <v>4714</v>
      </c>
      <c r="D7546" t="s">
        <v>4715</v>
      </c>
      <c r="E7546" t="s">
        <v>4592</v>
      </c>
      <c r="F7546" t="s">
        <v>4593</v>
      </c>
      <c r="G7546" t="s">
        <v>80</v>
      </c>
      <c r="H7546" t="s">
        <v>81</v>
      </c>
      <c r="I7546" s="2">
        <v>1</v>
      </c>
      <c r="J7546" s="2">
        <v>0</v>
      </c>
      <c r="K7546" s="2">
        <v>0</v>
      </c>
      <c r="L7546" t="s">
        <v>120</v>
      </c>
      <c r="M7546" t="s">
        <v>83</v>
      </c>
      <c r="N7546" t="s">
        <v>84</v>
      </c>
      <c r="O7546" t="s">
        <v>85</v>
      </c>
      <c r="P7546" t="s">
        <v>86</v>
      </c>
      <c r="Q7546">
        <v>6</v>
      </c>
      <c r="R7546">
        <v>6</v>
      </c>
      <c r="S7546">
        <v>6</v>
      </c>
      <c r="T7546">
        <v>6</v>
      </c>
      <c r="U7546">
        <v>6</v>
      </c>
      <c r="V7546">
        <v>6</v>
      </c>
      <c r="W7546">
        <v>7</v>
      </c>
      <c r="X7546">
        <v>7</v>
      </c>
      <c r="Y7546">
        <v>7</v>
      </c>
      <c r="Z7546">
        <v>7</v>
      </c>
      <c r="AA7546">
        <v>7</v>
      </c>
      <c r="AB7546">
        <v>7</v>
      </c>
      <c r="AC7546">
        <v>7</v>
      </c>
      <c r="AD7546">
        <v>7</v>
      </c>
      <c r="AE7546">
        <v>7</v>
      </c>
      <c r="AF7546">
        <v>7</v>
      </c>
      <c r="AG7546">
        <v>7</v>
      </c>
      <c r="AH7546">
        <v>7</v>
      </c>
      <c r="AI7546">
        <v>7</v>
      </c>
      <c r="AJ7546">
        <v>8</v>
      </c>
      <c r="AK7546">
        <v>8</v>
      </c>
      <c r="AL7546">
        <v>8</v>
      </c>
      <c r="AM7546">
        <v>8</v>
      </c>
      <c r="AN7546">
        <v>8</v>
      </c>
      <c r="AO7546">
        <v>8</v>
      </c>
      <c r="AP7546">
        <v>8</v>
      </c>
      <c r="AQ7546">
        <v>8</v>
      </c>
    </row>
    <row r="7547" spans="1:43">
      <c r="A7547" t="s">
        <v>4730</v>
      </c>
      <c r="B7547" t="s">
        <v>4731</v>
      </c>
      <c r="C7547" t="s">
        <v>4714</v>
      </c>
      <c r="D7547" t="s">
        <v>4715</v>
      </c>
      <c r="E7547" t="s">
        <v>4592</v>
      </c>
      <c r="F7547" t="s">
        <v>4593</v>
      </c>
      <c r="G7547" t="s">
        <v>80</v>
      </c>
      <c r="H7547" t="s">
        <v>81</v>
      </c>
      <c r="I7547" s="2">
        <v>1</v>
      </c>
      <c r="J7547" s="2">
        <v>0</v>
      </c>
      <c r="K7547" s="2">
        <v>0</v>
      </c>
      <c r="L7547" t="s">
        <v>120</v>
      </c>
      <c r="M7547" t="s">
        <v>87</v>
      </c>
      <c r="N7547" t="s">
        <v>88</v>
      </c>
      <c r="O7547" t="s">
        <v>85</v>
      </c>
      <c r="P7547" t="s">
        <v>86</v>
      </c>
      <c r="Q7547">
        <v>6</v>
      </c>
      <c r="R7547">
        <v>6</v>
      </c>
      <c r="S7547">
        <v>6</v>
      </c>
      <c r="T7547">
        <v>6</v>
      </c>
      <c r="U7547">
        <v>6</v>
      </c>
      <c r="V7547">
        <v>6</v>
      </c>
      <c r="W7547">
        <v>6</v>
      </c>
      <c r="X7547">
        <v>6</v>
      </c>
      <c r="Y7547">
        <v>6</v>
      </c>
      <c r="Z7547">
        <v>6</v>
      </c>
      <c r="AA7547">
        <v>6</v>
      </c>
      <c r="AB7547">
        <v>6</v>
      </c>
      <c r="AC7547">
        <v>6</v>
      </c>
      <c r="AD7547">
        <v>6</v>
      </c>
      <c r="AE7547">
        <v>6</v>
      </c>
      <c r="AF7547">
        <v>6</v>
      </c>
      <c r="AG7547">
        <v>6</v>
      </c>
      <c r="AH7547">
        <v>6</v>
      </c>
      <c r="AI7547">
        <v>6</v>
      </c>
      <c r="AJ7547">
        <v>6</v>
      </c>
      <c r="AK7547">
        <v>7</v>
      </c>
      <c r="AL7547">
        <v>7</v>
      </c>
      <c r="AM7547">
        <v>7</v>
      </c>
      <c r="AN7547">
        <v>7</v>
      </c>
      <c r="AO7547">
        <v>7</v>
      </c>
      <c r="AP7547">
        <v>7</v>
      </c>
      <c r="AQ7547">
        <v>7</v>
      </c>
    </row>
    <row r="7548" spans="1:43">
      <c r="A7548" t="s">
        <v>4730</v>
      </c>
      <c r="B7548" t="s">
        <v>4731</v>
      </c>
      <c r="C7548" t="s">
        <v>4714</v>
      </c>
      <c r="D7548" t="s">
        <v>4715</v>
      </c>
      <c r="E7548" t="s">
        <v>4592</v>
      </c>
      <c r="F7548" t="s">
        <v>4593</v>
      </c>
      <c r="G7548" t="s">
        <v>80</v>
      </c>
      <c r="H7548" t="s">
        <v>81</v>
      </c>
      <c r="I7548" s="2">
        <v>1</v>
      </c>
      <c r="J7548" s="2">
        <v>0</v>
      </c>
      <c r="K7548" s="2">
        <v>0</v>
      </c>
      <c r="L7548" t="s">
        <v>120</v>
      </c>
      <c r="M7548" t="s">
        <v>89</v>
      </c>
      <c r="N7548" t="s">
        <v>90</v>
      </c>
      <c r="O7548" t="s">
        <v>85</v>
      </c>
      <c r="P7548" t="s">
        <v>86</v>
      </c>
      <c r="Q7548">
        <v>6</v>
      </c>
      <c r="R7548">
        <v>6</v>
      </c>
      <c r="S7548">
        <v>6</v>
      </c>
      <c r="T7548">
        <v>6</v>
      </c>
      <c r="U7548">
        <v>7</v>
      </c>
      <c r="V7548">
        <v>7</v>
      </c>
      <c r="W7548">
        <v>7</v>
      </c>
      <c r="X7548">
        <v>7</v>
      </c>
      <c r="Y7548">
        <v>7</v>
      </c>
      <c r="Z7548">
        <v>7</v>
      </c>
      <c r="AA7548">
        <v>7</v>
      </c>
      <c r="AB7548">
        <v>7</v>
      </c>
      <c r="AC7548">
        <v>8</v>
      </c>
      <c r="AD7548">
        <v>8</v>
      </c>
      <c r="AE7548">
        <v>8</v>
      </c>
      <c r="AF7548">
        <v>8</v>
      </c>
      <c r="AG7548">
        <v>8</v>
      </c>
      <c r="AH7548">
        <v>8</v>
      </c>
      <c r="AI7548">
        <v>8</v>
      </c>
      <c r="AJ7548">
        <v>8</v>
      </c>
      <c r="AK7548">
        <v>8</v>
      </c>
      <c r="AL7548">
        <v>8</v>
      </c>
      <c r="AM7548">
        <v>8</v>
      </c>
      <c r="AN7548">
        <v>8</v>
      </c>
      <c r="AO7548">
        <v>8</v>
      </c>
      <c r="AP7548">
        <v>8</v>
      </c>
      <c r="AQ7548">
        <v>8</v>
      </c>
    </row>
    <row r="7549" spans="1:43">
      <c r="A7549" t="s">
        <v>4730</v>
      </c>
      <c r="B7549" t="s">
        <v>4731</v>
      </c>
      <c r="C7549" t="s">
        <v>4714</v>
      </c>
      <c r="D7549" t="s">
        <v>4715</v>
      </c>
      <c r="E7549" t="s">
        <v>4592</v>
      </c>
      <c r="F7549" t="s">
        <v>4593</v>
      </c>
      <c r="G7549" t="s">
        <v>80</v>
      </c>
      <c r="H7549" t="s">
        <v>81</v>
      </c>
      <c r="I7549" s="2">
        <v>1</v>
      </c>
      <c r="J7549" s="2">
        <v>0</v>
      </c>
      <c r="K7549" s="2">
        <v>0</v>
      </c>
      <c r="L7549" t="s">
        <v>120</v>
      </c>
      <c r="M7549" t="s">
        <v>83</v>
      </c>
      <c r="N7549" t="s">
        <v>91</v>
      </c>
      <c r="O7549" t="s">
        <v>85</v>
      </c>
      <c r="P7549" t="s">
        <v>86</v>
      </c>
      <c r="Q7549">
        <v>6</v>
      </c>
      <c r="R7549">
        <v>6</v>
      </c>
      <c r="S7549">
        <v>6</v>
      </c>
      <c r="T7549">
        <v>6</v>
      </c>
      <c r="U7549">
        <v>6</v>
      </c>
      <c r="V7549">
        <v>6</v>
      </c>
      <c r="W7549">
        <v>7</v>
      </c>
      <c r="X7549">
        <v>7</v>
      </c>
      <c r="Y7549">
        <v>7</v>
      </c>
      <c r="Z7549">
        <v>7</v>
      </c>
      <c r="AA7549">
        <v>7</v>
      </c>
      <c r="AB7549">
        <v>7</v>
      </c>
      <c r="AC7549">
        <v>7</v>
      </c>
      <c r="AD7549">
        <v>7</v>
      </c>
      <c r="AE7549">
        <v>7</v>
      </c>
      <c r="AF7549">
        <v>7</v>
      </c>
      <c r="AG7549">
        <v>7</v>
      </c>
      <c r="AH7549">
        <v>7</v>
      </c>
      <c r="AI7549">
        <v>7</v>
      </c>
      <c r="AJ7549">
        <v>8</v>
      </c>
      <c r="AK7549">
        <v>8</v>
      </c>
      <c r="AL7549">
        <v>8</v>
      </c>
      <c r="AM7549">
        <v>8</v>
      </c>
      <c r="AN7549">
        <v>8</v>
      </c>
      <c r="AO7549">
        <v>8</v>
      </c>
      <c r="AP7549">
        <v>8</v>
      </c>
      <c r="AQ7549">
        <v>8</v>
      </c>
    </row>
    <row r="7550" spans="1:43">
      <c r="A7550" t="s">
        <v>4732</v>
      </c>
      <c r="B7550" t="s">
        <v>4733</v>
      </c>
      <c r="C7550" t="s">
        <v>4722</v>
      </c>
      <c r="D7550" t="s">
        <v>4723</v>
      </c>
      <c r="E7550" t="s">
        <v>4592</v>
      </c>
      <c r="F7550" t="s">
        <v>4593</v>
      </c>
      <c r="G7550" t="s">
        <v>80</v>
      </c>
      <c r="H7550" t="s">
        <v>81</v>
      </c>
      <c r="I7550" s="2">
        <v>1</v>
      </c>
      <c r="J7550" s="2">
        <v>0</v>
      </c>
      <c r="K7550" s="2">
        <v>0</v>
      </c>
      <c r="L7550" t="s">
        <v>120</v>
      </c>
      <c r="M7550" t="s">
        <v>83</v>
      </c>
      <c r="N7550" t="s">
        <v>84</v>
      </c>
      <c r="O7550" t="s">
        <v>85</v>
      </c>
      <c r="P7550" t="s">
        <v>86</v>
      </c>
      <c r="Q7550">
        <v>14</v>
      </c>
      <c r="R7550">
        <v>14</v>
      </c>
      <c r="S7550">
        <v>14</v>
      </c>
      <c r="T7550">
        <v>14</v>
      </c>
      <c r="U7550">
        <v>15</v>
      </c>
      <c r="V7550">
        <v>15</v>
      </c>
      <c r="W7550">
        <v>15</v>
      </c>
      <c r="X7550">
        <v>15</v>
      </c>
      <c r="Y7550">
        <v>15</v>
      </c>
      <c r="Z7550">
        <v>16</v>
      </c>
      <c r="AA7550">
        <v>16</v>
      </c>
      <c r="AB7550">
        <v>16</v>
      </c>
      <c r="AC7550">
        <v>16</v>
      </c>
      <c r="AD7550">
        <v>16</v>
      </c>
      <c r="AE7550">
        <v>17</v>
      </c>
      <c r="AF7550">
        <v>17</v>
      </c>
      <c r="AG7550">
        <v>17</v>
      </c>
      <c r="AH7550">
        <v>17</v>
      </c>
      <c r="AI7550">
        <v>17</v>
      </c>
      <c r="AJ7550">
        <v>17</v>
      </c>
      <c r="AK7550">
        <v>18</v>
      </c>
      <c r="AL7550">
        <v>18</v>
      </c>
      <c r="AM7550">
        <v>18</v>
      </c>
      <c r="AN7550">
        <v>18</v>
      </c>
      <c r="AO7550">
        <v>18</v>
      </c>
      <c r="AP7550">
        <v>18</v>
      </c>
      <c r="AQ7550">
        <v>18</v>
      </c>
    </row>
    <row r="7551" spans="1:43">
      <c r="A7551" t="s">
        <v>4732</v>
      </c>
      <c r="B7551" t="s">
        <v>4733</v>
      </c>
      <c r="C7551" t="s">
        <v>4722</v>
      </c>
      <c r="D7551" t="s">
        <v>4723</v>
      </c>
      <c r="E7551" t="s">
        <v>4592</v>
      </c>
      <c r="F7551" t="s">
        <v>4593</v>
      </c>
      <c r="G7551" t="s">
        <v>80</v>
      </c>
      <c r="H7551" t="s">
        <v>81</v>
      </c>
      <c r="I7551" s="2">
        <v>1</v>
      </c>
      <c r="J7551" s="2">
        <v>0</v>
      </c>
      <c r="K7551" s="2">
        <v>0</v>
      </c>
      <c r="L7551" t="s">
        <v>120</v>
      </c>
      <c r="M7551" t="s">
        <v>87</v>
      </c>
      <c r="N7551" t="s">
        <v>88</v>
      </c>
      <c r="O7551" t="s">
        <v>85</v>
      </c>
      <c r="P7551" t="s">
        <v>86</v>
      </c>
      <c r="Q7551">
        <v>14</v>
      </c>
      <c r="R7551">
        <v>14</v>
      </c>
      <c r="S7551">
        <v>14</v>
      </c>
      <c r="T7551">
        <v>14</v>
      </c>
      <c r="U7551">
        <v>14</v>
      </c>
      <c r="V7551">
        <v>14</v>
      </c>
      <c r="W7551">
        <v>14</v>
      </c>
      <c r="X7551">
        <v>14</v>
      </c>
      <c r="Y7551">
        <v>14</v>
      </c>
      <c r="Z7551">
        <v>14</v>
      </c>
      <c r="AA7551">
        <v>14</v>
      </c>
      <c r="AB7551">
        <v>14</v>
      </c>
      <c r="AC7551">
        <v>15</v>
      </c>
      <c r="AD7551">
        <v>15</v>
      </c>
      <c r="AE7551">
        <v>15</v>
      </c>
      <c r="AF7551">
        <v>15</v>
      </c>
      <c r="AG7551">
        <v>15</v>
      </c>
      <c r="AH7551">
        <v>15</v>
      </c>
      <c r="AI7551">
        <v>15</v>
      </c>
      <c r="AJ7551">
        <v>15</v>
      </c>
      <c r="AK7551">
        <v>15</v>
      </c>
      <c r="AL7551">
        <v>15</v>
      </c>
      <c r="AM7551">
        <v>15</v>
      </c>
      <c r="AN7551">
        <v>15</v>
      </c>
      <c r="AO7551">
        <v>15</v>
      </c>
      <c r="AP7551">
        <v>15</v>
      </c>
      <c r="AQ7551">
        <v>15</v>
      </c>
    </row>
    <row r="7552" spans="1:43">
      <c r="A7552" t="s">
        <v>4732</v>
      </c>
      <c r="B7552" t="s">
        <v>4733</v>
      </c>
      <c r="C7552" t="s">
        <v>4722</v>
      </c>
      <c r="D7552" t="s">
        <v>4723</v>
      </c>
      <c r="E7552" t="s">
        <v>4592</v>
      </c>
      <c r="F7552" t="s">
        <v>4593</v>
      </c>
      <c r="G7552" t="s">
        <v>80</v>
      </c>
      <c r="H7552" t="s">
        <v>81</v>
      </c>
      <c r="I7552" s="2">
        <v>1</v>
      </c>
      <c r="J7552" s="2">
        <v>0</v>
      </c>
      <c r="K7552" s="2">
        <v>0</v>
      </c>
      <c r="L7552" t="s">
        <v>120</v>
      </c>
      <c r="M7552" t="s">
        <v>89</v>
      </c>
      <c r="N7552" t="s">
        <v>90</v>
      </c>
      <c r="O7552" t="s">
        <v>85</v>
      </c>
      <c r="P7552" t="s">
        <v>86</v>
      </c>
      <c r="Q7552">
        <v>14</v>
      </c>
      <c r="R7552">
        <v>14</v>
      </c>
      <c r="S7552">
        <v>15</v>
      </c>
      <c r="T7552">
        <v>15</v>
      </c>
      <c r="U7552">
        <v>15</v>
      </c>
      <c r="V7552">
        <v>15</v>
      </c>
      <c r="W7552">
        <v>16</v>
      </c>
      <c r="X7552">
        <v>16</v>
      </c>
      <c r="Y7552">
        <v>16</v>
      </c>
      <c r="Z7552">
        <v>17</v>
      </c>
      <c r="AA7552">
        <v>17</v>
      </c>
      <c r="AB7552">
        <v>17</v>
      </c>
      <c r="AC7552">
        <v>17</v>
      </c>
      <c r="AD7552">
        <v>18</v>
      </c>
      <c r="AE7552">
        <v>18</v>
      </c>
      <c r="AF7552">
        <v>18</v>
      </c>
      <c r="AG7552">
        <v>18</v>
      </c>
      <c r="AH7552">
        <v>18</v>
      </c>
      <c r="AI7552">
        <v>18</v>
      </c>
      <c r="AJ7552">
        <v>18</v>
      </c>
      <c r="AK7552">
        <v>18</v>
      </c>
      <c r="AL7552">
        <v>18</v>
      </c>
      <c r="AM7552">
        <v>18</v>
      </c>
      <c r="AN7552">
        <v>18</v>
      </c>
      <c r="AO7552">
        <v>18</v>
      </c>
      <c r="AP7552">
        <v>18</v>
      </c>
      <c r="AQ7552">
        <v>18</v>
      </c>
    </row>
    <row r="7553" spans="1:43">
      <c r="A7553" t="s">
        <v>4732</v>
      </c>
      <c r="B7553" t="s">
        <v>4733</v>
      </c>
      <c r="C7553" t="s">
        <v>4722</v>
      </c>
      <c r="D7553" t="s">
        <v>4723</v>
      </c>
      <c r="E7553" t="s">
        <v>4592</v>
      </c>
      <c r="F7553" t="s">
        <v>4593</v>
      </c>
      <c r="G7553" t="s">
        <v>80</v>
      </c>
      <c r="H7553" t="s">
        <v>81</v>
      </c>
      <c r="I7553" s="2">
        <v>1</v>
      </c>
      <c r="J7553" s="2">
        <v>0</v>
      </c>
      <c r="K7553" s="2">
        <v>0</v>
      </c>
      <c r="L7553" t="s">
        <v>120</v>
      </c>
      <c r="M7553" t="s">
        <v>83</v>
      </c>
      <c r="N7553" t="s">
        <v>91</v>
      </c>
      <c r="O7553" t="s">
        <v>85</v>
      </c>
      <c r="P7553" t="s">
        <v>86</v>
      </c>
      <c r="Q7553">
        <v>14</v>
      </c>
      <c r="R7553">
        <v>14</v>
      </c>
      <c r="S7553">
        <v>14</v>
      </c>
      <c r="T7553">
        <v>14</v>
      </c>
      <c r="U7553">
        <v>15</v>
      </c>
      <c r="V7553">
        <v>15</v>
      </c>
      <c r="W7553">
        <v>15</v>
      </c>
      <c r="X7553">
        <v>15</v>
      </c>
      <c r="Y7553">
        <v>15</v>
      </c>
      <c r="Z7553">
        <v>16</v>
      </c>
      <c r="AA7553">
        <v>16</v>
      </c>
      <c r="AB7553">
        <v>16</v>
      </c>
      <c r="AC7553">
        <v>16</v>
      </c>
      <c r="AD7553">
        <v>16</v>
      </c>
      <c r="AE7553">
        <v>17</v>
      </c>
      <c r="AF7553">
        <v>17</v>
      </c>
      <c r="AG7553">
        <v>17</v>
      </c>
      <c r="AH7553">
        <v>17</v>
      </c>
      <c r="AI7553">
        <v>17</v>
      </c>
      <c r="AJ7553">
        <v>17</v>
      </c>
      <c r="AK7553">
        <v>18</v>
      </c>
      <c r="AL7553">
        <v>18</v>
      </c>
      <c r="AM7553">
        <v>18</v>
      </c>
      <c r="AN7553">
        <v>18</v>
      </c>
      <c r="AO7553">
        <v>18</v>
      </c>
      <c r="AP7553">
        <v>18</v>
      </c>
      <c r="AQ7553">
        <v>18</v>
      </c>
    </row>
    <row r="7554" spans="1:43">
      <c r="A7554" t="s">
        <v>4734</v>
      </c>
      <c r="B7554" t="s">
        <v>4735</v>
      </c>
      <c r="C7554" t="s">
        <v>4736</v>
      </c>
      <c r="D7554" t="s">
        <v>4737</v>
      </c>
      <c r="E7554" t="s">
        <v>4592</v>
      </c>
      <c r="F7554" t="s">
        <v>4593</v>
      </c>
      <c r="G7554" t="s">
        <v>80</v>
      </c>
      <c r="H7554" t="s">
        <v>81</v>
      </c>
      <c r="I7554" s="2">
        <v>1</v>
      </c>
      <c r="J7554" s="2">
        <v>0</v>
      </c>
      <c r="K7554" s="2">
        <v>0</v>
      </c>
      <c r="L7554" t="s">
        <v>120</v>
      </c>
      <c r="M7554" t="s">
        <v>83</v>
      </c>
      <c r="N7554" t="s">
        <v>84</v>
      </c>
      <c r="O7554" t="s">
        <v>85</v>
      </c>
      <c r="P7554" t="s">
        <v>86</v>
      </c>
      <c r="Q7554">
        <v>16</v>
      </c>
      <c r="R7554">
        <v>16</v>
      </c>
      <c r="S7554">
        <v>17</v>
      </c>
      <c r="T7554">
        <v>17</v>
      </c>
      <c r="U7554">
        <v>17</v>
      </c>
      <c r="V7554">
        <v>17</v>
      </c>
      <c r="W7554">
        <v>18</v>
      </c>
      <c r="X7554">
        <v>18</v>
      </c>
      <c r="Y7554">
        <v>18</v>
      </c>
      <c r="Z7554">
        <v>18</v>
      </c>
      <c r="AA7554">
        <v>18</v>
      </c>
      <c r="AB7554">
        <v>19</v>
      </c>
      <c r="AC7554">
        <v>19</v>
      </c>
      <c r="AD7554">
        <v>19</v>
      </c>
      <c r="AE7554">
        <v>19</v>
      </c>
      <c r="AF7554">
        <v>19</v>
      </c>
      <c r="AG7554">
        <v>20</v>
      </c>
      <c r="AH7554">
        <v>20</v>
      </c>
      <c r="AI7554">
        <v>20</v>
      </c>
      <c r="AJ7554">
        <v>20</v>
      </c>
      <c r="AK7554">
        <v>21</v>
      </c>
      <c r="AL7554">
        <v>21</v>
      </c>
      <c r="AM7554">
        <v>21</v>
      </c>
      <c r="AN7554">
        <v>21</v>
      </c>
      <c r="AO7554">
        <v>21</v>
      </c>
      <c r="AP7554">
        <v>21</v>
      </c>
      <c r="AQ7554">
        <v>21</v>
      </c>
    </row>
    <row r="7555" spans="1:43">
      <c r="A7555" t="s">
        <v>4734</v>
      </c>
      <c r="B7555" t="s">
        <v>4735</v>
      </c>
      <c r="C7555" t="s">
        <v>4736</v>
      </c>
      <c r="D7555" t="s">
        <v>4737</v>
      </c>
      <c r="E7555" t="s">
        <v>4592</v>
      </c>
      <c r="F7555" t="s">
        <v>4593</v>
      </c>
      <c r="G7555" t="s">
        <v>80</v>
      </c>
      <c r="H7555" t="s">
        <v>81</v>
      </c>
      <c r="I7555" s="2">
        <v>1</v>
      </c>
      <c r="J7555" s="2">
        <v>0</v>
      </c>
      <c r="K7555" s="2">
        <v>0</v>
      </c>
      <c r="L7555" t="s">
        <v>120</v>
      </c>
      <c r="M7555" t="s">
        <v>87</v>
      </c>
      <c r="N7555" t="s">
        <v>88</v>
      </c>
      <c r="O7555" t="s">
        <v>85</v>
      </c>
      <c r="P7555" t="s">
        <v>86</v>
      </c>
      <c r="Q7555">
        <v>16</v>
      </c>
      <c r="R7555">
        <v>16</v>
      </c>
      <c r="S7555">
        <v>16</v>
      </c>
      <c r="T7555">
        <v>16</v>
      </c>
      <c r="U7555">
        <v>16</v>
      </c>
      <c r="V7555">
        <v>16</v>
      </c>
      <c r="W7555">
        <v>16</v>
      </c>
      <c r="X7555">
        <v>17</v>
      </c>
      <c r="Y7555">
        <v>17</v>
      </c>
      <c r="Z7555">
        <v>17</v>
      </c>
      <c r="AA7555">
        <v>17</v>
      </c>
      <c r="AB7555">
        <v>17</v>
      </c>
      <c r="AC7555">
        <v>17</v>
      </c>
      <c r="AD7555">
        <v>17</v>
      </c>
      <c r="AE7555">
        <v>17</v>
      </c>
      <c r="AF7555">
        <v>17</v>
      </c>
      <c r="AG7555">
        <v>17</v>
      </c>
      <c r="AH7555">
        <v>17</v>
      </c>
      <c r="AI7555">
        <v>17</v>
      </c>
      <c r="AJ7555">
        <v>17</v>
      </c>
      <c r="AK7555">
        <v>17</v>
      </c>
      <c r="AL7555">
        <v>18</v>
      </c>
      <c r="AM7555">
        <v>18</v>
      </c>
      <c r="AN7555">
        <v>18</v>
      </c>
      <c r="AO7555">
        <v>18</v>
      </c>
      <c r="AP7555">
        <v>18</v>
      </c>
      <c r="AQ7555">
        <v>18</v>
      </c>
    </row>
    <row r="7556" spans="1:43">
      <c r="A7556" t="s">
        <v>4734</v>
      </c>
      <c r="B7556" t="s">
        <v>4735</v>
      </c>
      <c r="C7556" t="s">
        <v>4736</v>
      </c>
      <c r="D7556" t="s">
        <v>4737</v>
      </c>
      <c r="E7556" t="s">
        <v>4592</v>
      </c>
      <c r="F7556" t="s">
        <v>4593</v>
      </c>
      <c r="G7556" t="s">
        <v>80</v>
      </c>
      <c r="H7556" t="s">
        <v>81</v>
      </c>
      <c r="I7556" s="2">
        <v>1</v>
      </c>
      <c r="J7556" s="2">
        <v>0</v>
      </c>
      <c r="K7556" s="2">
        <v>0</v>
      </c>
      <c r="L7556" t="s">
        <v>120</v>
      </c>
      <c r="M7556" t="s">
        <v>89</v>
      </c>
      <c r="N7556" t="s">
        <v>90</v>
      </c>
      <c r="O7556" t="s">
        <v>85</v>
      </c>
      <c r="P7556" t="s">
        <v>86</v>
      </c>
      <c r="Q7556">
        <v>16</v>
      </c>
      <c r="R7556">
        <v>17</v>
      </c>
      <c r="S7556">
        <v>17</v>
      </c>
      <c r="T7556">
        <v>17</v>
      </c>
      <c r="U7556">
        <v>18</v>
      </c>
      <c r="V7556">
        <v>18</v>
      </c>
      <c r="W7556">
        <v>18</v>
      </c>
      <c r="X7556">
        <v>19</v>
      </c>
      <c r="Y7556">
        <v>19</v>
      </c>
      <c r="Z7556">
        <v>19</v>
      </c>
      <c r="AA7556">
        <v>20</v>
      </c>
      <c r="AB7556">
        <v>20</v>
      </c>
      <c r="AC7556">
        <v>20</v>
      </c>
      <c r="AD7556">
        <v>21</v>
      </c>
      <c r="AE7556">
        <v>21</v>
      </c>
      <c r="AF7556">
        <v>21</v>
      </c>
      <c r="AG7556">
        <v>21</v>
      </c>
      <c r="AH7556">
        <v>21</v>
      </c>
      <c r="AI7556">
        <v>21</v>
      </c>
      <c r="AJ7556">
        <v>21</v>
      </c>
      <c r="AK7556">
        <v>21</v>
      </c>
      <c r="AL7556">
        <v>21</v>
      </c>
      <c r="AM7556">
        <v>21</v>
      </c>
      <c r="AN7556">
        <v>21</v>
      </c>
      <c r="AO7556">
        <v>21</v>
      </c>
      <c r="AP7556">
        <v>21</v>
      </c>
      <c r="AQ7556">
        <v>21</v>
      </c>
    </row>
    <row r="7557" spans="1:43">
      <c r="A7557" t="s">
        <v>4734</v>
      </c>
      <c r="B7557" t="s">
        <v>4735</v>
      </c>
      <c r="C7557" t="s">
        <v>4736</v>
      </c>
      <c r="D7557" t="s">
        <v>4737</v>
      </c>
      <c r="E7557" t="s">
        <v>4592</v>
      </c>
      <c r="F7557" t="s">
        <v>4593</v>
      </c>
      <c r="G7557" t="s">
        <v>80</v>
      </c>
      <c r="H7557" t="s">
        <v>81</v>
      </c>
      <c r="I7557" s="2">
        <v>1</v>
      </c>
      <c r="J7557" s="2">
        <v>0</v>
      </c>
      <c r="K7557" s="2">
        <v>0</v>
      </c>
      <c r="L7557" t="s">
        <v>120</v>
      </c>
      <c r="M7557" t="s">
        <v>83</v>
      </c>
      <c r="N7557" t="s">
        <v>91</v>
      </c>
      <c r="O7557" t="s">
        <v>85</v>
      </c>
      <c r="P7557" t="s">
        <v>86</v>
      </c>
      <c r="Q7557">
        <v>16</v>
      </c>
      <c r="R7557">
        <v>16</v>
      </c>
      <c r="S7557">
        <v>17</v>
      </c>
      <c r="T7557">
        <v>17</v>
      </c>
      <c r="U7557">
        <v>17</v>
      </c>
      <c r="V7557">
        <v>17</v>
      </c>
      <c r="W7557">
        <v>18</v>
      </c>
      <c r="X7557">
        <v>18</v>
      </c>
      <c r="Y7557">
        <v>18</v>
      </c>
      <c r="Z7557">
        <v>18</v>
      </c>
      <c r="AA7557">
        <v>18</v>
      </c>
      <c r="AB7557">
        <v>19</v>
      </c>
      <c r="AC7557">
        <v>19</v>
      </c>
      <c r="AD7557">
        <v>19</v>
      </c>
      <c r="AE7557">
        <v>19</v>
      </c>
      <c r="AF7557">
        <v>19</v>
      </c>
      <c r="AG7557">
        <v>20</v>
      </c>
      <c r="AH7557">
        <v>20</v>
      </c>
      <c r="AI7557">
        <v>20</v>
      </c>
      <c r="AJ7557">
        <v>20</v>
      </c>
      <c r="AK7557">
        <v>21</v>
      </c>
      <c r="AL7557">
        <v>21</v>
      </c>
      <c r="AM7557">
        <v>21</v>
      </c>
      <c r="AN7557">
        <v>21</v>
      </c>
      <c r="AO7557">
        <v>21</v>
      </c>
      <c r="AP7557">
        <v>21</v>
      </c>
      <c r="AQ7557">
        <v>21</v>
      </c>
    </row>
    <row r="7558" spans="1:43">
      <c r="A7558" t="s">
        <v>4738</v>
      </c>
      <c r="B7558" t="s">
        <v>4739</v>
      </c>
      <c r="C7558" t="s">
        <v>4736</v>
      </c>
      <c r="D7558" t="s">
        <v>4737</v>
      </c>
      <c r="E7558" t="s">
        <v>4592</v>
      </c>
      <c r="F7558" t="s">
        <v>4593</v>
      </c>
      <c r="G7558" t="s">
        <v>80</v>
      </c>
      <c r="H7558" t="s">
        <v>81</v>
      </c>
      <c r="I7558" s="2">
        <v>1</v>
      </c>
      <c r="J7558" s="2">
        <v>0</v>
      </c>
      <c r="K7558" s="2">
        <v>0</v>
      </c>
      <c r="L7558" t="s">
        <v>120</v>
      </c>
      <c r="M7558" t="s">
        <v>83</v>
      </c>
      <c r="N7558" t="s">
        <v>84</v>
      </c>
      <c r="O7558" t="s">
        <v>85</v>
      </c>
      <c r="P7558" t="s">
        <v>86</v>
      </c>
      <c r="Q7558">
        <v>15</v>
      </c>
      <c r="R7558">
        <v>15</v>
      </c>
      <c r="S7558">
        <v>15</v>
      </c>
      <c r="T7558">
        <v>15</v>
      </c>
      <c r="U7558">
        <v>16</v>
      </c>
      <c r="V7558">
        <v>16</v>
      </c>
      <c r="W7558">
        <v>16</v>
      </c>
      <c r="X7558">
        <v>16</v>
      </c>
      <c r="Y7558">
        <v>16</v>
      </c>
      <c r="Z7558">
        <v>17</v>
      </c>
      <c r="AA7558">
        <v>17</v>
      </c>
      <c r="AB7558">
        <v>17</v>
      </c>
      <c r="AC7558">
        <v>17</v>
      </c>
      <c r="AD7558">
        <v>17</v>
      </c>
      <c r="AE7558">
        <v>18</v>
      </c>
      <c r="AF7558">
        <v>18</v>
      </c>
      <c r="AG7558">
        <v>18</v>
      </c>
      <c r="AH7558">
        <v>18</v>
      </c>
      <c r="AI7558">
        <v>18</v>
      </c>
      <c r="AJ7558">
        <v>19</v>
      </c>
      <c r="AK7558">
        <v>19</v>
      </c>
      <c r="AL7558">
        <v>19</v>
      </c>
      <c r="AM7558">
        <v>19</v>
      </c>
      <c r="AN7558">
        <v>19</v>
      </c>
      <c r="AO7558">
        <v>19</v>
      </c>
      <c r="AP7558">
        <v>19</v>
      </c>
      <c r="AQ7558">
        <v>19</v>
      </c>
    </row>
    <row r="7559" spans="1:43">
      <c r="A7559" t="s">
        <v>4738</v>
      </c>
      <c r="B7559" t="s">
        <v>4739</v>
      </c>
      <c r="C7559" t="s">
        <v>4736</v>
      </c>
      <c r="D7559" t="s">
        <v>4737</v>
      </c>
      <c r="E7559" t="s">
        <v>4592</v>
      </c>
      <c r="F7559" t="s">
        <v>4593</v>
      </c>
      <c r="G7559" t="s">
        <v>80</v>
      </c>
      <c r="H7559" t="s">
        <v>81</v>
      </c>
      <c r="I7559" s="2">
        <v>1</v>
      </c>
      <c r="J7559" s="2">
        <v>0</v>
      </c>
      <c r="K7559" s="2">
        <v>0</v>
      </c>
      <c r="L7559" t="s">
        <v>120</v>
      </c>
      <c r="M7559" t="s">
        <v>87</v>
      </c>
      <c r="N7559" t="s">
        <v>88</v>
      </c>
      <c r="O7559" t="s">
        <v>85</v>
      </c>
      <c r="P7559" t="s">
        <v>86</v>
      </c>
      <c r="Q7559">
        <v>15</v>
      </c>
      <c r="R7559">
        <v>15</v>
      </c>
      <c r="S7559">
        <v>15</v>
      </c>
      <c r="T7559">
        <v>15</v>
      </c>
      <c r="U7559">
        <v>15</v>
      </c>
      <c r="V7559">
        <v>15</v>
      </c>
      <c r="W7559">
        <v>15</v>
      </c>
      <c r="X7559">
        <v>15</v>
      </c>
      <c r="Y7559">
        <v>15</v>
      </c>
      <c r="Z7559">
        <v>15</v>
      </c>
      <c r="AA7559">
        <v>15</v>
      </c>
      <c r="AB7559">
        <v>15</v>
      </c>
      <c r="AC7559">
        <v>16</v>
      </c>
      <c r="AD7559">
        <v>16</v>
      </c>
      <c r="AE7559">
        <v>16</v>
      </c>
      <c r="AF7559">
        <v>16</v>
      </c>
      <c r="AG7559">
        <v>16</v>
      </c>
      <c r="AH7559">
        <v>16</v>
      </c>
      <c r="AI7559">
        <v>16</v>
      </c>
      <c r="AJ7559">
        <v>16</v>
      </c>
      <c r="AK7559">
        <v>16</v>
      </c>
      <c r="AL7559">
        <v>16</v>
      </c>
      <c r="AM7559">
        <v>16</v>
      </c>
      <c r="AN7559">
        <v>16</v>
      </c>
      <c r="AO7559">
        <v>16</v>
      </c>
      <c r="AP7559">
        <v>16</v>
      </c>
      <c r="AQ7559">
        <v>16</v>
      </c>
    </row>
    <row r="7560" spans="1:43">
      <c r="A7560" t="s">
        <v>4738</v>
      </c>
      <c r="B7560" t="s">
        <v>4739</v>
      </c>
      <c r="C7560" t="s">
        <v>4736</v>
      </c>
      <c r="D7560" t="s">
        <v>4737</v>
      </c>
      <c r="E7560" t="s">
        <v>4592</v>
      </c>
      <c r="F7560" t="s">
        <v>4593</v>
      </c>
      <c r="G7560" t="s">
        <v>80</v>
      </c>
      <c r="H7560" t="s">
        <v>81</v>
      </c>
      <c r="I7560" s="2">
        <v>1</v>
      </c>
      <c r="J7560" s="2">
        <v>0</v>
      </c>
      <c r="K7560" s="2">
        <v>0</v>
      </c>
      <c r="L7560" t="s">
        <v>120</v>
      </c>
      <c r="M7560" t="s">
        <v>89</v>
      </c>
      <c r="N7560" t="s">
        <v>90</v>
      </c>
      <c r="O7560" t="s">
        <v>85</v>
      </c>
      <c r="P7560" t="s">
        <v>86</v>
      </c>
      <c r="Q7560">
        <v>15</v>
      </c>
      <c r="R7560">
        <v>15</v>
      </c>
      <c r="S7560">
        <v>16</v>
      </c>
      <c r="T7560">
        <v>16</v>
      </c>
      <c r="U7560">
        <v>16</v>
      </c>
      <c r="V7560">
        <v>17</v>
      </c>
      <c r="W7560">
        <v>17</v>
      </c>
      <c r="X7560">
        <v>17</v>
      </c>
      <c r="Y7560">
        <v>17</v>
      </c>
      <c r="Z7560">
        <v>18</v>
      </c>
      <c r="AA7560">
        <v>18</v>
      </c>
      <c r="AB7560">
        <v>18</v>
      </c>
      <c r="AC7560">
        <v>19</v>
      </c>
      <c r="AD7560">
        <v>19</v>
      </c>
      <c r="AE7560">
        <v>19</v>
      </c>
      <c r="AF7560">
        <v>19</v>
      </c>
      <c r="AG7560">
        <v>19</v>
      </c>
      <c r="AH7560">
        <v>19</v>
      </c>
      <c r="AI7560">
        <v>19</v>
      </c>
      <c r="AJ7560">
        <v>19</v>
      </c>
      <c r="AK7560">
        <v>19</v>
      </c>
      <c r="AL7560">
        <v>19</v>
      </c>
      <c r="AM7560">
        <v>19</v>
      </c>
      <c r="AN7560">
        <v>19</v>
      </c>
      <c r="AO7560">
        <v>19</v>
      </c>
      <c r="AP7560">
        <v>19</v>
      </c>
      <c r="AQ7560">
        <v>19</v>
      </c>
    </row>
    <row r="7561" spans="1:43">
      <c r="A7561" t="s">
        <v>4738</v>
      </c>
      <c r="B7561" t="s">
        <v>4739</v>
      </c>
      <c r="C7561" t="s">
        <v>4736</v>
      </c>
      <c r="D7561" t="s">
        <v>4737</v>
      </c>
      <c r="E7561" t="s">
        <v>4592</v>
      </c>
      <c r="F7561" t="s">
        <v>4593</v>
      </c>
      <c r="G7561" t="s">
        <v>80</v>
      </c>
      <c r="H7561" t="s">
        <v>81</v>
      </c>
      <c r="I7561" s="2">
        <v>1</v>
      </c>
      <c r="J7561" s="2">
        <v>0</v>
      </c>
      <c r="K7561" s="2">
        <v>0</v>
      </c>
      <c r="L7561" t="s">
        <v>120</v>
      </c>
      <c r="M7561" t="s">
        <v>83</v>
      </c>
      <c r="N7561" t="s">
        <v>91</v>
      </c>
      <c r="O7561" t="s">
        <v>85</v>
      </c>
      <c r="P7561" t="s">
        <v>86</v>
      </c>
      <c r="Q7561">
        <v>15</v>
      </c>
      <c r="R7561">
        <v>15</v>
      </c>
      <c r="S7561">
        <v>15</v>
      </c>
      <c r="T7561">
        <v>15</v>
      </c>
      <c r="U7561">
        <v>16</v>
      </c>
      <c r="V7561">
        <v>16</v>
      </c>
      <c r="W7561">
        <v>16</v>
      </c>
      <c r="X7561">
        <v>16</v>
      </c>
      <c r="Y7561">
        <v>16</v>
      </c>
      <c r="Z7561">
        <v>17</v>
      </c>
      <c r="AA7561">
        <v>17</v>
      </c>
      <c r="AB7561">
        <v>17</v>
      </c>
      <c r="AC7561">
        <v>17</v>
      </c>
      <c r="AD7561">
        <v>17</v>
      </c>
      <c r="AE7561">
        <v>18</v>
      </c>
      <c r="AF7561">
        <v>18</v>
      </c>
      <c r="AG7561">
        <v>18</v>
      </c>
      <c r="AH7561">
        <v>18</v>
      </c>
      <c r="AI7561">
        <v>18</v>
      </c>
      <c r="AJ7561">
        <v>19</v>
      </c>
      <c r="AK7561">
        <v>19</v>
      </c>
      <c r="AL7561">
        <v>19</v>
      </c>
      <c r="AM7561">
        <v>19</v>
      </c>
      <c r="AN7561">
        <v>19</v>
      </c>
      <c r="AO7561">
        <v>19</v>
      </c>
      <c r="AP7561">
        <v>19</v>
      </c>
      <c r="AQ7561">
        <v>19</v>
      </c>
    </row>
    <row r="7562" spans="1:43">
      <c r="A7562" t="s">
        <v>4740</v>
      </c>
      <c r="B7562" t="s">
        <v>4741</v>
      </c>
      <c r="C7562" t="s">
        <v>4736</v>
      </c>
      <c r="D7562" t="s">
        <v>4737</v>
      </c>
      <c r="E7562" t="s">
        <v>4592</v>
      </c>
      <c r="F7562" t="s">
        <v>4593</v>
      </c>
      <c r="G7562" t="s">
        <v>80</v>
      </c>
      <c r="H7562" t="s">
        <v>81</v>
      </c>
      <c r="I7562" s="2">
        <v>1</v>
      </c>
      <c r="J7562" s="2">
        <v>0</v>
      </c>
      <c r="K7562" s="2">
        <v>0</v>
      </c>
      <c r="L7562" t="s">
        <v>120</v>
      </c>
      <c r="M7562" t="s">
        <v>83</v>
      </c>
      <c r="N7562" t="s">
        <v>84</v>
      </c>
      <c r="O7562" t="s">
        <v>85</v>
      </c>
      <c r="P7562" t="s">
        <v>86</v>
      </c>
      <c r="Q7562">
        <v>3</v>
      </c>
      <c r="R7562">
        <v>3</v>
      </c>
      <c r="S7562">
        <v>3</v>
      </c>
      <c r="T7562">
        <v>3</v>
      </c>
      <c r="U7562">
        <v>3</v>
      </c>
      <c r="V7562">
        <v>3</v>
      </c>
      <c r="W7562">
        <v>3</v>
      </c>
      <c r="X7562">
        <v>3</v>
      </c>
      <c r="Y7562">
        <v>3</v>
      </c>
      <c r="Z7562">
        <v>3</v>
      </c>
      <c r="AA7562">
        <v>3</v>
      </c>
      <c r="AB7562">
        <v>3</v>
      </c>
      <c r="AC7562">
        <v>3</v>
      </c>
      <c r="AD7562">
        <v>3</v>
      </c>
      <c r="AE7562">
        <v>3</v>
      </c>
      <c r="AF7562">
        <v>3</v>
      </c>
      <c r="AG7562">
        <v>3</v>
      </c>
      <c r="AH7562">
        <v>3</v>
      </c>
      <c r="AI7562">
        <v>3</v>
      </c>
      <c r="AJ7562">
        <v>3</v>
      </c>
      <c r="AK7562">
        <v>3</v>
      </c>
      <c r="AL7562">
        <v>3</v>
      </c>
      <c r="AM7562">
        <v>3</v>
      </c>
      <c r="AN7562">
        <v>3</v>
      </c>
      <c r="AO7562">
        <v>3</v>
      </c>
      <c r="AP7562">
        <v>3</v>
      </c>
      <c r="AQ7562">
        <v>3</v>
      </c>
    </row>
    <row r="7563" spans="1:43">
      <c r="A7563" t="s">
        <v>4740</v>
      </c>
      <c r="B7563" t="s">
        <v>4741</v>
      </c>
      <c r="C7563" t="s">
        <v>4736</v>
      </c>
      <c r="D7563" t="s">
        <v>4737</v>
      </c>
      <c r="E7563" t="s">
        <v>4592</v>
      </c>
      <c r="F7563" t="s">
        <v>4593</v>
      </c>
      <c r="G7563" t="s">
        <v>80</v>
      </c>
      <c r="H7563" t="s">
        <v>81</v>
      </c>
      <c r="I7563" s="2">
        <v>1</v>
      </c>
      <c r="J7563" s="2">
        <v>0</v>
      </c>
      <c r="K7563" s="2">
        <v>0</v>
      </c>
      <c r="L7563" t="s">
        <v>120</v>
      </c>
      <c r="M7563" t="s">
        <v>87</v>
      </c>
      <c r="N7563" t="s">
        <v>88</v>
      </c>
      <c r="O7563" t="s">
        <v>85</v>
      </c>
      <c r="P7563" t="s">
        <v>86</v>
      </c>
      <c r="Q7563">
        <v>3</v>
      </c>
      <c r="R7563">
        <v>3</v>
      </c>
      <c r="S7563">
        <v>3</v>
      </c>
      <c r="T7563">
        <v>3</v>
      </c>
      <c r="U7563">
        <v>3</v>
      </c>
      <c r="V7563">
        <v>3</v>
      </c>
      <c r="W7563">
        <v>3</v>
      </c>
      <c r="X7563">
        <v>3</v>
      </c>
      <c r="Y7563">
        <v>3</v>
      </c>
      <c r="Z7563">
        <v>3</v>
      </c>
      <c r="AA7563">
        <v>3</v>
      </c>
      <c r="AB7563">
        <v>3</v>
      </c>
      <c r="AC7563">
        <v>3</v>
      </c>
      <c r="AD7563">
        <v>3</v>
      </c>
      <c r="AE7563">
        <v>3</v>
      </c>
      <c r="AF7563">
        <v>3</v>
      </c>
      <c r="AG7563">
        <v>3</v>
      </c>
      <c r="AH7563">
        <v>3</v>
      </c>
      <c r="AI7563">
        <v>3</v>
      </c>
      <c r="AJ7563">
        <v>3</v>
      </c>
      <c r="AK7563">
        <v>3</v>
      </c>
      <c r="AL7563">
        <v>3</v>
      </c>
      <c r="AM7563">
        <v>3</v>
      </c>
      <c r="AN7563">
        <v>3</v>
      </c>
      <c r="AO7563">
        <v>3</v>
      </c>
      <c r="AP7563">
        <v>3</v>
      </c>
      <c r="AQ7563">
        <v>3</v>
      </c>
    </row>
    <row r="7564" spans="1:43">
      <c r="A7564" t="s">
        <v>4740</v>
      </c>
      <c r="B7564" t="s">
        <v>4741</v>
      </c>
      <c r="C7564" t="s">
        <v>4736</v>
      </c>
      <c r="D7564" t="s">
        <v>4737</v>
      </c>
      <c r="E7564" t="s">
        <v>4592</v>
      </c>
      <c r="F7564" t="s">
        <v>4593</v>
      </c>
      <c r="G7564" t="s">
        <v>80</v>
      </c>
      <c r="H7564" t="s">
        <v>81</v>
      </c>
      <c r="I7564" s="2">
        <v>1</v>
      </c>
      <c r="J7564" s="2">
        <v>0</v>
      </c>
      <c r="K7564" s="2">
        <v>0</v>
      </c>
      <c r="L7564" t="s">
        <v>120</v>
      </c>
      <c r="M7564" t="s">
        <v>89</v>
      </c>
      <c r="N7564" t="s">
        <v>90</v>
      </c>
      <c r="O7564" t="s">
        <v>85</v>
      </c>
      <c r="P7564" t="s">
        <v>86</v>
      </c>
      <c r="Q7564">
        <v>3</v>
      </c>
      <c r="R7564">
        <v>3</v>
      </c>
      <c r="S7564">
        <v>3</v>
      </c>
      <c r="T7564">
        <v>3</v>
      </c>
      <c r="U7564">
        <v>3</v>
      </c>
      <c r="V7564">
        <v>3</v>
      </c>
      <c r="W7564">
        <v>3</v>
      </c>
      <c r="X7564">
        <v>3</v>
      </c>
      <c r="Y7564">
        <v>3</v>
      </c>
      <c r="Z7564">
        <v>3</v>
      </c>
      <c r="AA7564">
        <v>3</v>
      </c>
      <c r="AB7564">
        <v>3</v>
      </c>
      <c r="AC7564">
        <v>3</v>
      </c>
      <c r="AD7564">
        <v>3</v>
      </c>
      <c r="AE7564">
        <v>3</v>
      </c>
      <c r="AF7564">
        <v>3</v>
      </c>
      <c r="AG7564">
        <v>3</v>
      </c>
      <c r="AH7564">
        <v>3</v>
      </c>
      <c r="AI7564">
        <v>3</v>
      </c>
      <c r="AJ7564">
        <v>3</v>
      </c>
      <c r="AK7564">
        <v>3</v>
      </c>
      <c r="AL7564">
        <v>3</v>
      </c>
      <c r="AM7564">
        <v>3</v>
      </c>
      <c r="AN7564">
        <v>3</v>
      </c>
      <c r="AO7564">
        <v>3</v>
      </c>
      <c r="AP7564">
        <v>3</v>
      </c>
      <c r="AQ7564">
        <v>3</v>
      </c>
    </row>
    <row r="7565" spans="1:43">
      <c r="A7565" t="s">
        <v>4740</v>
      </c>
      <c r="B7565" t="s">
        <v>4741</v>
      </c>
      <c r="C7565" t="s">
        <v>4736</v>
      </c>
      <c r="D7565" t="s">
        <v>4737</v>
      </c>
      <c r="E7565" t="s">
        <v>4592</v>
      </c>
      <c r="F7565" t="s">
        <v>4593</v>
      </c>
      <c r="G7565" t="s">
        <v>80</v>
      </c>
      <c r="H7565" t="s">
        <v>81</v>
      </c>
      <c r="I7565" s="2">
        <v>1</v>
      </c>
      <c r="J7565" s="2">
        <v>0</v>
      </c>
      <c r="K7565" s="2">
        <v>0</v>
      </c>
      <c r="L7565" t="s">
        <v>120</v>
      </c>
      <c r="M7565" t="s">
        <v>83</v>
      </c>
      <c r="N7565" t="s">
        <v>91</v>
      </c>
      <c r="O7565" t="s">
        <v>85</v>
      </c>
      <c r="P7565" t="s">
        <v>86</v>
      </c>
      <c r="Q7565">
        <v>3</v>
      </c>
      <c r="R7565">
        <v>3</v>
      </c>
      <c r="S7565">
        <v>3</v>
      </c>
      <c r="T7565">
        <v>3</v>
      </c>
      <c r="U7565">
        <v>3</v>
      </c>
      <c r="V7565">
        <v>3</v>
      </c>
      <c r="W7565">
        <v>3</v>
      </c>
      <c r="X7565">
        <v>3</v>
      </c>
      <c r="Y7565">
        <v>3</v>
      </c>
      <c r="Z7565">
        <v>3</v>
      </c>
      <c r="AA7565">
        <v>3</v>
      </c>
      <c r="AB7565">
        <v>3</v>
      </c>
      <c r="AC7565">
        <v>3</v>
      </c>
      <c r="AD7565">
        <v>3</v>
      </c>
      <c r="AE7565">
        <v>3</v>
      </c>
      <c r="AF7565">
        <v>3</v>
      </c>
      <c r="AG7565">
        <v>3</v>
      </c>
      <c r="AH7565">
        <v>3</v>
      </c>
      <c r="AI7565">
        <v>3</v>
      </c>
      <c r="AJ7565">
        <v>3</v>
      </c>
      <c r="AK7565">
        <v>3</v>
      </c>
      <c r="AL7565">
        <v>3</v>
      </c>
      <c r="AM7565">
        <v>3</v>
      </c>
      <c r="AN7565">
        <v>3</v>
      </c>
      <c r="AO7565">
        <v>3</v>
      </c>
      <c r="AP7565">
        <v>3</v>
      </c>
      <c r="AQ7565">
        <v>3</v>
      </c>
    </row>
    <row r="7566" spans="1:43">
      <c r="A7566" t="s">
        <v>4742</v>
      </c>
      <c r="B7566" t="s">
        <v>4743</v>
      </c>
      <c r="C7566" t="s">
        <v>4736</v>
      </c>
      <c r="D7566" t="s">
        <v>4737</v>
      </c>
      <c r="E7566" t="s">
        <v>4592</v>
      </c>
      <c r="F7566" t="s">
        <v>4593</v>
      </c>
      <c r="G7566" t="s">
        <v>80</v>
      </c>
      <c r="H7566" t="s">
        <v>81</v>
      </c>
      <c r="I7566" s="2">
        <v>1</v>
      </c>
      <c r="J7566" s="2">
        <v>0</v>
      </c>
      <c r="K7566" s="2">
        <v>0</v>
      </c>
      <c r="L7566" t="s">
        <v>120</v>
      </c>
      <c r="M7566" t="s">
        <v>83</v>
      </c>
      <c r="N7566" t="s">
        <v>84</v>
      </c>
      <c r="O7566" t="s">
        <v>85</v>
      </c>
      <c r="P7566" t="s">
        <v>86</v>
      </c>
      <c r="Q7566">
        <v>46</v>
      </c>
      <c r="R7566">
        <v>47</v>
      </c>
      <c r="S7566">
        <v>48</v>
      </c>
      <c r="T7566">
        <v>48</v>
      </c>
      <c r="U7566">
        <v>49</v>
      </c>
      <c r="V7566">
        <v>50</v>
      </c>
      <c r="W7566">
        <v>50</v>
      </c>
      <c r="X7566">
        <v>51</v>
      </c>
      <c r="Y7566">
        <v>52</v>
      </c>
      <c r="Z7566">
        <v>52</v>
      </c>
      <c r="AA7566">
        <v>53</v>
      </c>
      <c r="AB7566">
        <v>54</v>
      </c>
      <c r="AC7566">
        <v>54</v>
      </c>
      <c r="AD7566">
        <v>55</v>
      </c>
      <c r="AE7566">
        <v>55</v>
      </c>
      <c r="AF7566">
        <v>56</v>
      </c>
      <c r="AG7566">
        <v>57</v>
      </c>
      <c r="AH7566">
        <v>57</v>
      </c>
      <c r="AI7566">
        <v>58</v>
      </c>
      <c r="AJ7566">
        <v>58</v>
      </c>
      <c r="AK7566">
        <v>59</v>
      </c>
      <c r="AL7566">
        <v>59</v>
      </c>
      <c r="AM7566">
        <v>59</v>
      </c>
      <c r="AN7566">
        <v>59</v>
      </c>
      <c r="AO7566">
        <v>59</v>
      </c>
      <c r="AP7566">
        <v>59</v>
      </c>
      <c r="AQ7566">
        <v>59</v>
      </c>
    </row>
    <row r="7567" spans="1:43">
      <c r="A7567" t="s">
        <v>4742</v>
      </c>
      <c r="B7567" t="s">
        <v>4743</v>
      </c>
      <c r="C7567" t="s">
        <v>4736</v>
      </c>
      <c r="D7567" t="s">
        <v>4737</v>
      </c>
      <c r="E7567" t="s">
        <v>4592</v>
      </c>
      <c r="F7567" t="s">
        <v>4593</v>
      </c>
      <c r="G7567" t="s">
        <v>80</v>
      </c>
      <c r="H7567" t="s">
        <v>81</v>
      </c>
      <c r="I7567" s="2">
        <v>1</v>
      </c>
      <c r="J7567" s="2">
        <v>0</v>
      </c>
      <c r="K7567" s="2">
        <v>0</v>
      </c>
      <c r="L7567" t="s">
        <v>120</v>
      </c>
      <c r="M7567" t="s">
        <v>87</v>
      </c>
      <c r="N7567" t="s">
        <v>88</v>
      </c>
      <c r="O7567" t="s">
        <v>85</v>
      </c>
      <c r="P7567" t="s">
        <v>86</v>
      </c>
      <c r="Q7567">
        <v>46</v>
      </c>
      <c r="R7567">
        <v>46</v>
      </c>
      <c r="S7567">
        <v>46</v>
      </c>
      <c r="T7567">
        <v>47</v>
      </c>
      <c r="U7567">
        <v>47</v>
      </c>
      <c r="V7567">
        <v>47</v>
      </c>
      <c r="W7567">
        <v>47</v>
      </c>
      <c r="X7567">
        <v>48</v>
      </c>
      <c r="Y7567">
        <v>48</v>
      </c>
      <c r="Z7567">
        <v>48</v>
      </c>
      <c r="AA7567">
        <v>48</v>
      </c>
      <c r="AB7567">
        <v>48</v>
      </c>
      <c r="AC7567">
        <v>49</v>
      </c>
      <c r="AD7567">
        <v>49</v>
      </c>
      <c r="AE7567">
        <v>49</v>
      </c>
      <c r="AF7567">
        <v>49</v>
      </c>
      <c r="AG7567">
        <v>49</v>
      </c>
      <c r="AH7567">
        <v>50</v>
      </c>
      <c r="AI7567">
        <v>50</v>
      </c>
      <c r="AJ7567">
        <v>50</v>
      </c>
      <c r="AK7567">
        <v>50</v>
      </c>
      <c r="AL7567">
        <v>50</v>
      </c>
      <c r="AM7567">
        <v>50</v>
      </c>
      <c r="AN7567">
        <v>51</v>
      </c>
      <c r="AO7567">
        <v>51</v>
      </c>
      <c r="AP7567">
        <v>51</v>
      </c>
      <c r="AQ7567">
        <v>51</v>
      </c>
    </row>
    <row r="7568" spans="1:43">
      <c r="A7568" t="s">
        <v>4742</v>
      </c>
      <c r="B7568" t="s">
        <v>4743</v>
      </c>
      <c r="C7568" t="s">
        <v>4736</v>
      </c>
      <c r="D7568" t="s">
        <v>4737</v>
      </c>
      <c r="E7568" t="s">
        <v>4592</v>
      </c>
      <c r="F7568" t="s">
        <v>4593</v>
      </c>
      <c r="G7568" t="s">
        <v>80</v>
      </c>
      <c r="H7568" t="s">
        <v>81</v>
      </c>
      <c r="I7568" s="2">
        <v>1</v>
      </c>
      <c r="J7568" s="2">
        <v>0</v>
      </c>
      <c r="K7568" s="2">
        <v>0</v>
      </c>
      <c r="L7568" t="s">
        <v>120</v>
      </c>
      <c r="M7568" t="s">
        <v>89</v>
      </c>
      <c r="N7568" t="s">
        <v>90</v>
      </c>
      <c r="O7568" t="s">
        <v>85</v>
      </c>
      <c r="P7568" t="s">
        <v>86</v>
      </c>
      <c r="Q7568">
        <v>46</v>
      </c>
      <c r="R7568">
        <v>47</v>
      </c>
      <c r="S7568">
        <v>48</v>
      </c>
      <c r="T7568">
        <v>49</v>
      </c>
      <c r="U7568">
        <v>50</v>
      </c>
      <c r="V7568">
        <v>51</v>
      </c>
      <c r="W7568">
        <v>52</v>
      </c>
      <c r="X7568">
        <v>53</v>
      </c>
      <c r="Y7568">
        <v>54</v>
      </c>
      <c r="Z7568">
        <v>55</v>
      </c>
      <c r="AA7568">
        <v>55</v>
      </c>
      <c r="AB7568">
        <v>56</v>
      </c>
      <c r="AC7568">
        <v>57</v>
      </c>
      <c r="AD7568">
        <v>58</v>
      </c>
      <c r="AE7568">
        <v>58</v>
      </c>
      <c r="AF7568">
        <v>58</v>
      </c>
      <c r="AG7568">
        <v>58</v>
      </c>
      <c r="AH7568">
        <v>58</v>
      </c>
      <c r="AI7568">
        <v>58</v>
      </c>
      <c r="AJ7568">
        <v>58</v>
      </c>
      <c r="AK7568">
        <v>58</v>
      </c>
      <c r="AL7568">
        <v>58</v>
      </c>
      <c r="AM7568">
        <v>58</v>
      </c>
      <c r="AN7568">
        <v>58</v>
      </c>
      <c r="AO7568">
        <v>58</v>
      </c>
      <c r="AP7568">
        <v>58</v>
      </c>
      <c r="AQ7568">
        <v>58</v>
      </c>
    </row>
    <row r="7569" spans="1:43">
      <c r="A7569" t="s">
        <v>4742</v>
      </c>
      <c r="B7569" t="s">
        <v>4743</v>
      </c>
      <c r="C7569" t="s">
        <v>4736</v>
      </c>
      <c r="D7569" t="s">
        <v>4737</v>
      </c>
      <c r="E7569" t="s">
        <v>4592</v>
      </c>
      <c r="F7569" t="s">
        <v>4593</v>
      </c>
      <c r="G7569" t="s">
        <v>80</v>
      </c>
      <c r="H7569" t="s">
        <v>81</v>
      </c>
      <c r="I7569" s="2">
        <v>1</v>
      </c>
      <c r="J7569" s="2">
        <v>0</v>
      </c>
      <c r="K7569" s="2">
        <v>0</v>
      </c>
      <c r="L7569" t="s">
        <v>120</v>
      </c>
      <c r="M7569" t="s">
        <v>83</v>
      </c>
      <c r="N7569" t="s">
        <v>91</v>
      </c>
      <c r="O7569" t="s">
        <v>85</v>
      </c>
      <c r="P7569" t="s">
        <v>86</v>
      </c>
      <c r="Q7569">
        <v>46</v>
      </c>
      <c r="R7569">
        <v>47</v>
      </c>
      <c r="S7569">
        <v>48</v>
      </c>
      <c r="T7569">
        <v>48</v>
      </c>
      <c r="U7569">
        <v>49</v>
      </c>
      <c r="V7569">
        <v>50</v>
      </c>
      <c r="W7569">
        <v>50</v>
      </c>
      <c r="X7569">
        <v>51</v>
      </c>
      <c r="Y7569">
        <v>52</v>
      </c>
      <c r="Z7569">
        <v>52</v>
      </c>
      <c r="AA7569">
        <v>53</v>
      </c>
      <c r="AB7569">
        <v>54</v>
      </c>
      <c r="AC7569">
        <v>54</v>
      </c>
      <c r="AD7569">
        <v>55</v>
      </c>
      <c r="AE7569">
        <v>55</v>
      </c>
      <c r="AF7569">
        <v>56</v>
      </c>
      <c r="AG7569">
        <v>57</v>
      </c>
      <c r="AH7569">
        <v>57</v>
      </c>
      <c r="AI7569">
        <v>58</v>
      </c>
      <c r="AJ7569">
        <v>58</v>
      </c>
      <c r="AK7569">
        <v>59</v>
      </c>
      <c r="AL7569">
        <v>59</v>
      </c>
      <c r="AM7569">
        <v>59</v>
      </c>
      <c r="AN7569">
        <v>59</v>
      </c>
      <c r="AO7569">
        <v>59</v>
      </c>
      <c r="AP7569">
        <v>59</v>
      </c>
      <c r="AQ7569">
        <v>59</v>
      </c>
    </row>
    <row r="7570" spans="1:43">
      <c r="A7570" t="s">
        <v>4744</v>
      </c>
      <c r="B7570" t="s">
        <v>4745</v>
      </c>
      <c r="C7570" t="s">
        <v>4736</v>
      </c>
      <c r="D7570" t="s">
        <v>4737</v>
      </c>
      <c r="E7570" t="s">
        <v>4592</v>
      </c>
      <c r="F7570" t="s">
        <v>4593</v>
      </c>
      <c r="G7570" t="s">
        <v>80</v>
      </c>
      <c r="H7570" t="s">
        <v>81</v>
      </c>
      <c r="I7570" s="2">
        <v>1</v>
      </c>
      <c r="J7570" s="2">
        <v>0</v>
      </c>
      <c r="K7570" s="2">
        <v>0</v>
      </c>
      <c r="L7570" t="s">
        <v>120</v>
      </c>
      <c r="M7570" t="s">
        <v>83</v>
      </c>
      <c r="N7570" t="s">
        <v>84</v>
      </c>
      <c r="O7570" t="s">
        <v>85</v>
      </c>
      <c r="P7570" t="s">
        <v>86</v>
      </c>
      <c r="Q7570">
        <v>10</v>
      </c>
      <c r="R7570">
        <v>10</v>
      </c>
      <c r="S7570">
        <v>10</v>
      </c>
      <c r="T7570">
        <v>10</v>
      </c>
      <c r="U7570">
        <v>10</v>
      </c>
      <c r="V7570">
        <v>10</v>
      </c>
      <c r="W7570">
        <v>11</v>
      </c>
      <c r="X7570">
        <v>11</v>
      </c>
      <c r="Y7570">
        <v>11</v>
      </c>
      <c r="Z7570">
        <v>11</v>
      </c>
      <c r="AA7570">
        <v>11</v>
      </c>
      <c r="AB7570">
        <v>11</v>
      </c>
      <c r="AC7570">
        <v>11</v>
      </c>
      <c r="AD7570">
        <v>12</v>
      </c>
      <c r="AE7570">
        <v>12</v>
      </c>
      <c r="AF7570">
        <v>12</v>
      </c>
      <c r="AG7570">
        <v>12</v>
      </c>
      <c r="AH7570">
        <v>12</v>
      </c>
      <c r="AI7570">
        <v>12</v>
      </c>
      <c r="AJ7570">
        <v>12</v>
      </c>
      <c r="AK7570">
        <v>12</v>
      </c>
      <c r="AL7570">
        <v>12</v>
      </c>
      <c r="AM7570">
        <v>12</v>
      </c>
      <c r="AN7570">
        <v>12</v>
      </c>
      <c r="AO7570">
        <v>12</v>
      </c>
      <c r="AP7570">
        <v>12</v>
      </c>
      <c r="AQ7570">
        <v>12</v>
      </c>
    </row>
    <row r="7571" spans="1:43">
      <c r="A7571" t="s">
        <v>4744</v>
      </c>
      <c r="B7571" t="s">
        <v>4745</v>
      </c>
      <c r="C7571" t="s">
        <v>4736</v>
      </c>
      <c r="D7571" t="s">
        <v>4737</v>
      </c>
      <c r="E7571" t="s">
        <v>4592</v>
      </c>
      <c r="F7571" t="s">
        <v>4593</v>
      </c>
      <c r="G7571" t="s">
        <v>80</v>
      </c>
      <c r="H7571" t="s">
        <v>81</v>
      </c>
      <c r="I7571" s="2">
        <v>1</v>
      </c>
      <c r="J7571" s="2">
        <v>0</v>
      </c>
      <c r="K7571" s="2">
        <v>0</v>
      </c>
      <c r="L7571" t="s">
        <v>120</v>
      </c>
      <c r="M7571" t="s">
        <v>87</v>
      </c>
      <c r="N7571" t="s">
        <v>88</v>
      </c>
      <c r="O7571" t="s">
        <v>85</v>
      </c>
      <c r="P7571" t="s">
        <v>86</v>
      </c>
      <c r="Q7571">
        <v>10</v>
      </c>
      <c r="R7571">
        <v>10</v>
      </c>
      <c r="S7571">
        <v>10</v>
      </c>
      <c r="T7571">
        <v>10</v>
      </c>
      <c r="U7571">
        <v>10</v>
      </c>
      <c r="V7571">
        <v>10</v>
      </c>
      <c r="W7571">
        <v>10</v>
      </c>
      <c r="X7571">
        <v>10</v>
      </c>
      <c r="Y7571">
        <v>10</v>
      </c>
      <c r="Z7571">
        <v>10</v>
      </c>
      <c r="AA7571">
        <v>10</v>
      </c>
      <c r="AB7571">
        <v>10</v>
      </c>
      <c r="AC7571">
        <v>10</v>
      </c>
      <c r="AD7571">
        <v>10</v>
      </c>
      <c r="AE7571">
        <v>10</v>
      </c>
      <c r="AF7571">
        <v>10</v>
      </c>
      <c r="AG7571">
        <v>10</v>
      </c>
      <c r="AH7571">
        <v>10</v>
      </c>
      <c r="AI7571">
        <v>10</v>
      </c>
      <c r="AJ7571">
        <v>11</v>
      </c>
      <c r="AK7571">
        <v>11</v>
      </c>
      <c r="AL7571">
        <v>11</v>
      </c>
      <c r="AM7571">
        <v>11</v>
      </c>
      <c r="AN7571">
        <v>11</v>
      </c>
      <c r="AO7571">
        <v>11</v>
      </c>
      <c r="AP7571">
        <v>11</v>
      </c>
      <c r="AQ7571">
        <v>11</v>
      </c>
    </row>
    <row r="7572" spans="1:43">
      <c r="A7572" t="s">
        <v>4744</v>
      </c>
      <c r="B7572" t="s">
        <v>4745</v>
      </c>
      <c r="C7572" t="s">
        <v>4736</v>
      </c>
      <c r="D7572" t="s">
        <v>4737</v>
      </c>
      <c r="E7572" t="s">
        <v>4592</v>
      </c>
      <c r="F7572" t="s">
        <v>4593</v>
      </c>
      <c r="G7572" t="s">
        <v>80</v>
      </c>
      <c r="H7572" t="s">
        <v>81</v>
      </c>
      <c r="I7572" s="2">
        <v>1</v>
      </c>
      <c r="J7572" s="2">
        <v>0</v>
      </c>
      <c r="K7572" s="2">
        <v>0</v>
      </c>
      <c r="L7572" t="s">
        <v>120</v>
      </c>
      <c r="M7572" t="s">
        <v>89</v>
      </c>
      <c r="N7572" t="s">
        <v>90</v>
      </c>
      <c r="O7572" t="s">
        <v>85</v>
      </c>
      <c r="P7572" t="s">
        <v>86</v>
      </c>
      <c r="Q7572">
        <v>10</v>
      </c>
      <c r="R7572">
        <v>10</v>
      </c>
      <c r="S7572">
        <v>10</v>
      </c>
      <c r="T7572">
        <v>10</v>
      </c>
      <c r="U7572">
        <v>11</v>
      </c>
      <c r="V7572">
        <v>11</v>
      </c>
      <c r="W7572">
        <v>11</v>
      </c>
      <c r="X7572">
        <v>11</v>
      </c>
      <c r="Y7572">
        <v>11</v>
      </c>
      <c r="Z7572">
        <v>12</v>
      </c>
      <c r="AA7572">
        <v>12</v>
      </c>
      <c r="AB7572">
        <v>12</v>
      </c>
      <c r="AC7572">
        <v>12</v>
      </c>
      <c r="AD7572">
        <v>12</v>
      </c>
      <c r="AE7572">
        <v>13</v>
      </c>
      <c r="AF7572">
        <v>13</v>
      </c>
      <c r="AG7572">
        <v>13</v>
      </c>
      <c r="AH7572">
        <v>13</v>
      </c>
      <c r="AI7572">
        <v>13</v>
      </c>
      <c r="AJ7572">
        <v>13</v>
      </c>
      <c r="AK7572">
        <v>13</v>
      </c>
      <c r="AL7572">
        <v>13</v>
      </c>
      <c r="AM7572">
        <v>13</v>
      </c>
      <c r="AN7572">
        <v>13</v>
      </c>
      <c r="AO7572">
        <v>13</v>
      </c>
      <c r="AP7572">
        <v>13</v>
      </c>
      <c r="AQ7572">
        <v>13</v>
      </c>
    </row>
    <row r="7573" spans="1:43">
      <c r="A7573" t="s">
        <v>4744</v>
      </c>
      <c r="B7573" t="s">
        <v>4745</v>
      </c>
      <c r="C7573" t="s">
        <v>4736</v>
      </c>
      <c r="D7573" t="s">
        <v>4737</v>
      </c>
      <c r="E7573" t="s">
        <v>4592</v>
      </c>
      <c r="F7573" t="s">
        <v>4593</v>
      </c>
      <c r="G7573" t="s">
        <v>80</v>
      </c>
      <c r="H7573" t="s">
        <v>81</v>
      </c>
      <c r="I7573" s="2">
        <v>1</v>
      </c>
      <c r="J7573" s="2">
        <v>0</v>
      </c>
      <c r="K7573" s="2">
        <v>0</v>
      </c>
      <c r="L7573" t="s">
        <v>120</v>
      </c>
      <c r="M7573" t="s">
        <v>83</v>
      </c>
      <c r="N7573" t="s">
        <v>91</v>
      </c>
      <c r="O7573" t="s">
        <v>85</v>
      </c>
      <c r="P7573" t="s">
        <v>86</v>
      </c>
      <c r="Q7573">
        <v>10</v>
      </c>
      <c r="R7573">
        <v>10</v>
      </c>
      <c r="S7573">
        <v>10</v>
      </c>
      <c r="T7573">
        <v>10</v>
      </c>
      <c r="U7573">
        <v>10</v>
      </c>
      <c r="V7573">
        <v>10</v>
      </c>
      <c r="W7573">
        <v>11</v>
      </c>
      <c r="X7573">
        <v>11</v>
      </c>
      <c r="Y7573">
        <v>11</v>
      </c>
      <c r="Z7573">
        <v>11</v>
      </c>
      <c r="AA7573">
        <v>11</v>
      </c>
      <c r="AB7573">
        <v>11</v>
      </c>
      <c r="AC7573">
        <v>11</v>
      </c>
      <c r="AD7573">
        <v>12</v>
      </c>
      <c r="AE7573">
        <v>12</v>
      </c>
      <c r="AF7573">
        <v>12</v>
      </c>
      <c r="AG7573">
        <v>12</v>
      </c>
      <c r="AH7573">
        <v>12</v>
      </c>
      <c r="AI7573">
        <v>12</v>
      </c>
      <c r="AJ7573">
        <v>12</v>
      </c>
      <c r="AK7573">
        <v>12</v>
      </c>
      <c r="AL7573">
        <v>12</v>
      </c>
      <c r="AM7573">
        <v>12</v>
      </c>
      <c r="AN7573">
        <v>12</v>
      </c>
      <c r="AO7573">
        <v>12</v>
      </c>
      <c r="AP7573">
        <v>12</v>
      </c>
      <c r="AQ7573">
        <v>12</v>
      </c>
    </row>
    <row r="7574" spans="1:43">
      <c r="A7574" t="s">
        <v>4746</v>
      </c>
      <c r="B7574" t="s">
        <v>4747</v>
      </c>
      <c r="C7574" t="s">
        <v>4748</v>
      </c>
      <c r="D7574" t="s">
        <v>4749</v>
      </c>
      <c r="E7574" t="s">
        <v>4592</v>
      </c>
      <c r="F7574" t="s">
        <v>4593</v>
      </c>
      <c r="G7574" t="s">
        <v>80</v>
      </c>
      <c r="H7574" t="s">
        <v>81</v>
      </c>
      <c r="I7574" s="2">
        <v>1</v>
      </c>
      <c r="J7574" s="2">
        <v>0</v>
      </c>
      <c r="K7574" s="2">
        <v>0</v>
      </c>
      <c r="L7574" t="s">
        <v>120</v>
      </c>
      <c r="M7574" t="s">
        <v>83</v>
      </c>
      <c r="N7574" t="s">
        <v>84</v>
      </c>
      <c r="O7574" t="s">
        <v>85</v>
      </c>
      <c r="P7574" t="s">
        <v>86</v>
      </c>
      <c r="Q7574">
        <v>1</v>
      </c>
      <c r="R7574">
        <v>1</v>
      </c>
      <c r="S7574">
        <v>1</v>
      </c>
      <c r="T7574">
        <v>1</v>
      </c>
      <c r="U7574">
        <v>1</v>
      </c>
      <c r="V7574">
        <v>1</v>
      </c>
      <c r="W7574">
        <v>1</v>
      </c>
      <c r="X7574">
        <v>1</v>
      </c>
      <c r="Y7574">
        <v>1</v>
      </c>
      <c r="Z7574">
        <v>1</v>
      </c>
      <c r="AA7574">
        <v>1</v>
      </c>
      <c r="AB7574">
        <v>1</v>
      </c>
      <c r="AC7574">
        <v>1</v>
      </c>
      <c r="AD7574">
        <v>1</v>
      </c>
      <c r="AE7574">
        <v>1</v>
      </c>
      <c r="AF7574">
        <v>1</v>
      </c>
      <c r="AG7574">
        <v>1</v>
      </c>
      <c r="AH7574">
        <v>1</v>
      </c>
      <c r="AI7574">
        <v>1</v>
      </c>
      <c r="AJ7574">
        <v>1</v>
      </c>
      <c r="AK7574">
        <v>1</v>
      </c>
      <c r="AL7574">
        <v>1</v>
      </c>
      <c r="AM7574">
        <v>1</v>
      </c>
      <c r="AN7574">
        <v>1</v>
      </c>
      <c r="AO7574">
        <v>1</v>
      </c>
      <c r="AP7574">
        <v>1</v>
      </c>
      <c r="AQ7574">
        <v>1</v>
      </c>
    </row>
    <row r="7575" spans="1:43">
      <c r="A7575" t="s">
        <v>4746</v>
      </c>
      <c r="B7575" t="s">
        <v>4747</v>
      </c>
      <c r="C7575" t="s">
        <v>4748</v>
      </c>
      <c r="D7575" t="s">
        <v>4749</v>
      </c>
      <c r="E7575" t="s">
        <v>4592</v>
      </c>
      <c r="F7575" t="s">
        <v>4593</v>
      </c>
      <c r="G7575" t="s">
        <v>80</v>
      </c>
      <c r="H7575" t="s">
        <v>81</v>
      </c>
      <c r="I7575" s="2">
        <v>1</v>
      </c>
      <c r="J7575" s="2">
        <v>0</v>
      </c>
      <c r="K7575" s="2">
        <v>0</v>
      </c>
      <c r="L7575" t="s">
        <v>120</v>
      </c>
      <c r="M7575" t="s">
        <v>87</v>
      </c>
      <c r="N7575" t="s">
        <v>88</v>
      </c>
      <c r="O7575" t="s">
        <v>85</v>
      </c>
      <c r="P7575" t="s">
        <v>86</v>
      </c>
      <c r="Q7575">
        <v>1</v>
      </c>
      <c r="R7575">
        <v>1</v>
      </c>
      <c r="S7575">
        <v>1</v>
      </c>
      <c r="T7575">
        <v>1</v>
      </c>
      <c r="U7575">
        <v>1</v>
      </c>
      <c r="V7575">
        <v>1</v>
      </c>
      <c r="W7575">
        <v>1</v>
      </c>
      <c r="X7575">
        <v>1</v>
      </c>
      <c r="Y7575">
        <v>1</v>
      </c>
      <c r="Z7575">
        <v>1</v>
      </c>
      <c r="AA7575">
        <v>1</v>
      </c>
      <c r="AB7575">
        <v>1</v>
      </c>
      <c r="AC7575">
        <v>1</v>
      </c>
      <c r="AD7575">
        <v>1</v>
      </c>
      <c r="AE7575">
        <v>1</v>
      </c>
      <c r="AF7575">
        <v>1</v>
      </c>
      <c r="AG7575">
        <v>1</v>
      </c>
      <c r="AH7575">
        <v>1</v>
      </c>
      <c r="AI7575">
        <v>1</v>
      </c>
      <c r="AJ7575">
        <v>1</v>
      </c>
      <c r="AK7575">
        <v>1</v>
      </c>
      <c r="AL7575">
        <v>1</v>
      </c>
      <c r="AM7575">
        <v>1</v>
      </c>
      <c r="AN7575">
        <v>1</v>
      </c>
      <c r="AO7575">
        <v>1</v>
      </c>
      <c r="AP7575">
        <v>1</v>
      </c>
      <c r="AQ7575">
        <v>1</v>
      </c>
    </row>
    <row r="7576" spans="1:43">
      <c r="A7576" t="s">
        <v>4746</v>
      </c>
      <c r="B7576" t="s">
        <v>4747</v>
      </c>
      <c r="C7576" t="s">
        <v>4748</v>
      </c>
      <c r="D7576" t="s">
        <v>4749</v>
      </c>
      <c r="E7576" t="s">
        <v>4592</v>
      </c>
      <c r="F7576" t="s">
        <v>4593</v>
      </c>
      <c r="G7576" t="s">
        <v>80</v>
      </c>
      <c r="H7576" t="s">
        <v>81</v>
      </c>
      <c r="I7576" s="2">
        <v>1</v>
      </c>
      <c r="J7576" s="2">
        <v>0</v>
      </c>
      <c r="K7576" s="2">
        <v>0</v>
      </c>
      <c r="L7576" t="s">
        <v>120</v>
      </c>
      <c r="M7576" t="s">
        <v>89</v>
      </c>
      <c r="N7576" t="s">
        <v>90</v>
      </c>
      <c r="O7576" t="s">
        <v>85</v>
      </c>
      <c r="P7576" t="s">
        <v>86</v>
      </c>
      <c r="Q7576">
        <v>1</v>
      </c>
      <c r="R7576">
        <v>1</v>
      </c>
      <c r="S7576">
        <v>1</v>
      </c>
      <c r="T7576">
        <v>1</v>
      </c>
      <c r="U7576">
        <v>1</v>
      </c>
      <c r="V7576">
        <v>1</v>
      </c>
      <c r="W7576">
        <v>1</v>
      </c>
      <c r="X7576">
        <v>1</v>
      </c>
      <c r="Y7576">
        <v>1</v>
      </c>
      <c r="Z7576">
        <v>1</v>
      </c>
      <c r="AA7576">
        <v>1</v>
      </c>
      <c r="AB7576">
        <v>1</v>
      </c>
      <c r="AC7576">
        <v>1</v>
      </c>
      <c r="AD7576">
        <v>1</v>
      </c>
      <c r="AE7576">
        <v>1</v>
      </c>
      <c r="AF7576">
        <v>1</v>
      </c>
      <c r="AG7576">
        <v>1</v>
      </c>
      <c r="AH7576">
        <v>1</v>
      </c>
      <c r="AI7576">
        <v>1</v>
      </c>
      <c r="AJ7576">
        <v>1</v>
      </c>
      <c r="AK7576">
        <v>1</v>
      </c>
      <c r="AL7576">
        <v>1</v>
      </c>
      <c r="AM7576">
        <v>1</v>
      </c>
      <c r="AN7576">
        <v>1</v>
      </c>
      <c r="AO7576">
        <v>1</v>
      </c>
      <c r="AP7576">
        <v>1</v>
      </c>
      <c r="AQ7576">
        <v>1</v>
      </c>
    </row>
    <row r="7577" spans="1:43">
      <c r="A7577" t="s">
        <v>4746</v>
      </c>
      <c r="B7577" t="s">
        <v>4747</v>
      </c>
      <c r="C7577" t="s">
        <v>4748</v>
      </c>
      <c r="D7577" t="s">
        <v>4749</v>
      </c>
      <c r="E7577" t="s">
        <v>4592</v>
      </c>
      <c r="F7577" t="s">
        <v>4593</v>
      </c>
      <c r="G7577" t="s">
        <v>80</v>
      </c>
      <c r="H7577" t="s">
        <v>81</v>
      </c>
      <c r="I7577" s="2">
        <v>1</v>
      </c>
      <c r="J7577" s="2">
        <v>0</v>
      </c>
      <c r="K7577" s="2">
        <v>0</v>
      </c>
      <c r="L7577" t="s">
        <v>120</v>
      </c>
      <c r="M7577" t="s">
        <v>83</v>
      </c>
      <c r="N7577" t="s">
        <v>91</v>
      </c>
      <c r="O7577" t="s">
        <v>85</v>
      </c>
      <c r="P7577" t="s">
        <v>86</v>
      </c>
      <c r="Q7577">
        <v>1</v>
      </c>
      <c r="R7577">
        <v>1</v>
      </c>
      <c r="S7577">
        <v>1</v>
      </c>
      <c r="T7577">
        <v>1</v>
      </c>
      <c r="U7577">
        <v>1</v>
      </c>
      <c r="V7577">
        <v>1</v>
      </c>
      <c r="W7577">
        <v>1</v>
      </c>
      <c r="X7577">
        <v>1</v>
      </c>
      <c r="Y7577">
        <v>1</v>
      </c>
      <c r="Z7577">
        <v>1</v>
      </c>
      <c r="AA7577">
        <v>1</v>
      </c>
      <c r="AB7577">
        <v>1</v>
      </c>
      <c r="AC7577">
        <v>1</v>
      </c>
      <c r="AD7577">
        <v>1</v>
      </c>
      <c r="AE7577">
        <v>1</v>
      </c>
      <c r="AF7577">
        <v>1</v>
      </c>
      <c r="AG7577">
        <v>1</v>
      </c>
      <c r="AH7577">
        <v>1</v>
      </c>
      <c r="AI7577">
        <v>1</v>
      </c>
      <c r="AJ7577">
        <v>1</v>
      </c>
      <c r="AK7577">
        <v>1</v>
      </c>
      <c r="AL7577">
        <v>1</v>
      </c>
      <c r="AM7577">
        <v>1</v>
      </c>
      <c r="AN7577">
        <v>1</v>
      </c>
      <c r="AO7577">
        <v>1</v>
      </c>
      <c r="AP7577">
        <v>1</v>
      </c>
      <c r="AQ7577">
        <v>1</v>
      </c>
    </row>
    <row r="7578" spans="1:43">
      <c r="A7578" t="s">
        <v>4750</v>
      </c>
      <c r="B7578" t="s">
        <v>4751</v>
      </c>
      <c r="C7578" t="s">
        <v>4748</v>
      </c>
      <c r="D7578" t="s">
        <v>4749</v>
      </c>
      <c r="E7578" t="s">
        <v>4592</v>
      </c>
      <c r="F7578" t="s">
        <v>4593</v>
      </c>
      <c r="G7578" t="s">
        <v>80</v>
      </c>
      <c r="H7578" t="s">
        <v>81</v>
      </c>
      <c r="I7578" s="2">
        <v>1</v>
      </c>
      <c r="J7578" s="2">
        <v>0</v>
      </c>
      <c r="K7578" s="2">
        <v>0</v>
      </c>
      <c r="L7578" t="s">
        <v>120</v>
      </c>
      <c r="M7578" t="s">
        <v>83</v>
      </c>
      <c r="N7578" t="s">
        <v>84</v>
      </c>
      <c r="O7578" t="s">
        <v>85</v>
      </c>
      <c r="P7578" t="s">
        <v>86</v>
      </c>
      <c r="Q7578">
        <v>14</v>
      </c>
      <c r="R7578">
        <v>14</v>
      </c>
      <c r="S7578">
        <v>14</v>
      </c>
      <c r="T7578">
        <v>15</v>
      </c>
      <c r="U7578">
        <v>15</v>
      </c>
      <c r="V7578">
        <v>15</v>
      </c>
      <c r="W7578">
        <v>15</v>
      </c>
      <c r="X7578">
        <v>15</v>
      </c>
      <c r="Y7578">
        <v>16</v>
      </c>
      <c r="Z7578">
        <v>16</v>
      </c>
      <c r="AA7578">
        <v>16</v>
      </c>
      <c r="AB7578">
        <v>16</v>
      </c>
      <c r="AC7578">
        <v>16</v>
      </c>
      <c r="AD7578">
        <v>17</v>
      </c>
      <c r="AE7578">
        <v>17</v>
      </c>
      <c r="AF7578">
        <v>17</v>
      </c>
      <c r="AG7578">
        <v>17</v>
      </c>
      <c r="AH7578">
        <v>17</v>
      </c>
      <c r="AI7578">
        <v>17</v>
      </c>
      <c r="AJ7578">
        <v>18</v>
      </c>
      <c r="AK7578">
        <v>18</v>
      </c>
      <c r="AL7578">
        <v>18</v>
      </c>
      <c r="AM7578">
        <v>18</v>
      </c>
      <c r="AN7578">
        <v>18</v>
      </c>
      <c r="AO7578">
        <v>18</v>
      </c>
      <c r="AP7578">
        <v>18</v>
      </c>
      <c r="AQ7578">
        <v>18</v>
      </c>
    </row>
    <row r="7579" spans="1:43">
      <c r="A7579" t="s">
        <v>4750</v>
      </c>
      <c r="B7579" t="s">
        <v>4751</v>
      </c>
      <c r="C7579" t="s">
        <v>4748</v>
      </c>
      <c r="D7579" t="s">
        <v>4749</v>
      </c>
      <c r="E7579" t="s">
        <v>4592</v>
      </c>
      <c r="F7579" t="s">
        <v>4593</v>
      </c>
      <c r="G7579" t="s">
        <v>80</v>
      </c>
      <c r="H7579" t="s">
        <v>81</v>
      </c>
      <c r="I7579" s="2">
        <v>1</v>
      </c>
      <c r="J7579" s="2">
        <v>0</v>
      </c>
      <c r="K7579" s="2">
        <v>0</v>
      </c>
      <c r="L7579" t="s">
        <v>120</v>
      </c>
      <c r="M7579" t="s">
        <v>87</v>
      </c>
      <c r="N7579" t="s">
        <v>88</v>
      </c>
      <c r="O7579" t="s">
        <v>85</v>
      </c>
      <c r="P7579" t="s">
        <v>86</v>
      </c>
      <c r="Q7579">
        <v>14</v>
      </c>
      <c r="R7579">
        <v>14</v>
      </c>
      <c r="S7579">
        <v>14</v>
      </c>
      <c r="T7579">
        <v>14</v>
      </c>
      <c r="U7579">
        <v>14</v>
      </c>
      <c r="V7579">
        <v>14</v>
      </c>
      <c r="W7579">
        <v>14</v>
      </c>
      <c r="X7579">
        <v>14</v>
      </c>
      <c r="Y7579">
        <v>14</v>
      </c>
      <c r="Z7579">
        <v>15</v>
      </c>
      <c r="AA7579">
        <v>15</v>
      </c>
      <c r="AB7579">
        <v>15</v>
      </c>
      <c r="AC7579">
        <v>15</v>
      </c>
      <c r="AD7579">
        <v>15</v>
      </c>
      <c r="AE7579">
        <v>15</v>
      </c>
      <c r="AF7579">
        <v>15</v>
      </c>
      <c r="AG7579">
        <v>15</v>
      </c>
      <c r="AH7579">
        <v>15</v>
      </c>
      <c r="AI7579">
        <v>15</v>
      </c>
      <c r="AJ7579">
        <v>15</v>
      </c>
      <c r="AK7579">
        <v>15</v>
      </c>
      <c r="AL7579">
        <v>15</v>
      </c>
      <c r="AM7579">
        <v>15</v>
      </c>
      <c r="AN7579">
        <v>15</v>
      </c>
      <c r="AO7579">
        <v>15</v>
      </c>
      <c r="AP7579">
        <v>15</v>
      </c>
      <c r="AQ7579">
        <v>15</v>
      </c>
    </row>
    <row r="7580" spans="1:43">
      <c r="A7580" t="s">
        <v>4750</v>
      </c>
      <c r="B7580" t="s">
        <v>4751</v>
      </c>
      <c r="C7580" t="s">
        <v>4748</v>
      </c>
      <c r="D7580" t="s">
        <v>4749</v>
      </c>
      <c r="E7580" t="s">
        <v>4592</v>
      </c>
      <c r="F7580" t="s">
        <v>4593</v>
      </c>
      <c r="G7580" t="s">
        <v>80</v>
      </c>
      <c r="H7580" t="s">
        <v>81</v>
      </c>
      <c r="I7580" s="2">
        <v>1</v>
      </c>
      <c r="J7580" s="2">
        <v>0</v>
      </c>
      <c r="K7580" s="2">
        <v>0</v>
      </c>
      <c r="L7580" t="s">
        <v>120</v>
      </c>
      <c r="M7580" t="s">
        <v>89</v>
      </c>
      <c r="N7580" t="s">
        <v>90</v>
      </c>
      <c r="O7580" t="s">
        <v>85</v>
      </c>
      <c r="P7580" t="s">
        <v>86</v>
      </c>
      <c r="Q7580">
        <v>14</v>
      </c>
      <c r="R7580">
        <v>14</v>
      </c>
      <c r="S7580">
        <v>15</v>
      </c>
      <c r="T7580">
        <v>15</v>
      </c>
      <c r="U7580">
        <v>15</v>
      </c>
      <c r="V7580">
        <v>16</v>
      </c>
      <c r="W7580">
        <v>16</v>
      </c>
      <c r="X7580">
        <v>16</v>
      </c>
      <c r="Y7580">
        <v>17</v>
      </c>
      <c r="Z7580">
        <v>17</v>
      </c>
      <c r="AA7580">
        <v>17</v>
      </c>
      <c r="AB7580">
        <v>17</v>
      </c>
      <c r="AC7580">
        <v>18</v>
      </c>
      <c r="AD7580">
        <v>18</v>
      </c>
      <c r="AE7580">
        <v>18</v>
      </c>
      <c r="AF7580">
        <v>18</v>
      </c>
      <c r="AG7580">
        <v>18</v>
      </c>
      <c r="AH7580">
        <v>18</v>
      </c>
      <c r="AI7580">
        <v>18</v>
      </c>
      <c r="AJ7580">
        <v>18</v>
      </c>
      <c r="AK7580">
        <v>18</v>
      </c>
      <c r="AL7580">
        <v>18</v>
      </c>
      <c r="AM7580">
        <v>18</v>
      </c>
      <c r="AN7580">
        <v>18</v>
      </c>
      <c r="AO7580">
        <v>18</v>
      </c>
      <c r="AP7580">
        <v>18</v>
      </c>
      <c r="AQ7580">
        <v>18</v>
      </c>
    </row>
    <row r="7581" spans="1:43">
      <c r="A7581" t="s">
        <v>4750</v>
      </c>
      <c r="B7581" t="s">
        <v>4751</v>
      </c>
      <c r="C7581" t="s">
        <v>4748</v>
      </c>
      <c r="D7581" t="s">
        <v>4749</v>
      </c>
      <c r="E7581" t="s">
        <v>4592</v>
      </c>
      <c r="F7581" t="s">
        <v>4593</v>
      </c>
      <c r="G7581" t="s">
        <v>80</v>
      </c>
      <c r="H7581" t="s">
        <v>81</v>
      </c>
      <c r="I7581" s="2">
        <v>1</v>
      </c>
      <c r="J7581" s="2">
        <v>0</v>
      </c>
      <c r="K7581" s="2">
        <v>0</v>
      </c>
      <c r="L7581" t="s">
        <v>120</v>
      </c>
      <c r="M7581" t="s">
        <v>83</v>
      </c>
      <c r="N7581" t="s">
        <v>91</v>
      </c>
      <c r="O7581" t="s">
        <v>85</v>
      </c>
      <c r="P7581" t="s">
        <v>86</v>
      </c>
      <c r="Q7581">
        <v>14</v>
      </c>
      <c r="R7581">
        <v>14</v>
      </c>
      <c r="S7581">
        <v>14</v>
      </c>
      <c r="T7581">
        <v>15</v>
      </c>
      <c r="U7581">
        <v>15</v>
      </c>
      <c r="V7581">
        <v>15</v>
      </c>
      <c r="W7581">
        <v>15</v>
      </c>
      <c r="X7581">
        <v>15</v>
      </c>
      <c r="Y7581">
        <v>16</v>
      </c>
      <c r="Z7581">
        <v>16</v>
      </c>
      <c r="AA7581">
        <v>16</v>
      </c>
      <c r="AB7581">
        <v>16</v>
      </c>
      <c r="AC7581">
        <v>16</v>
      </c>
      <c r="AD7581">
        <v>17</v>
      </c>
      <c r="AE7581">
        <v>17</v>
      </c>
      <c r="AF7581">
        <v>17</v>
      </c>
      <c r="AG7581">
        <v>17</v>
      </c>
      <c r="AH7581">
        <v>17</v>
      </c>
      <c r="AI7581">
        <v>17</v>
      </c>
      <c r="AJ7581">
        <v>18</v>
      </c>
      <c r="AK7581">
        <v>18</v>
      </c>
      <c r="AL7581">
        <v>18</v>
      </c>
      <c r="AM7581">
        <v>18</v>
      </c>
      <c r="AN7581">
        <v>18</v>
      </c>
      <c r="AO7581">
        <v>18</v>
      </c>
      <c r="AP7581">
        <v>18</v>
      </c>
      <c r="AQ7581">
        <v>18</v>
      </c>
    </row>
    <row r="7582" spans="1:43">
      <c r="A7582" t="s">
        <v>4752</v>
      </c>
      <c r="B7582" t="s">
        <v>4753</v>
      </c>
      <c r="C7582" t="s">
        <v>4748</v>
      </c>
      <c r="D7582" t="s">
        <v>4749</v>
      </c>
      <c r="E7582" t="s">
        <v>4592</v>
      </c>
      <c r="F7582" t="s">
        <v>4593</v>
      </c>
      <c r="G7582" t="s">
        <v>80</v>
      </c>
      <c r="H7582" t="s">
        <v>81</v>
      </c>
      <c r="I7582" s="2">
        <v>1</v>
      </c>
      <c r="J7582" s="2">
        <v>0</v>
      </c>
      <c r="K7582" s="2">
        <v>0</v>
      </c>
      <c r="L7582" t="s">
        <v>120</v>
      </c>
      <c r="M7582" t="s">
        <v>83</v>
      </c>
      <c r="N7582" t="s">
        <v>84</v>
      </c>
      <c r="O7582" t="s">
        <v>85</v>
      </c>
      <c r="P7582" t="s">
        <v>86</v>
      </c>
      <c r="Q7582">
        <v>41</v>
      </c>
      <c r="R7582">
        <v>42</v>
      </c>
      <c r="S7582">
        <v>43</v>
      </c>
      <c r="T7582">
        <v>43</v>
      </c>
      <c r="U7582">
        <v>44</v>
      </c>
      <c r="V7582">
        <v>45</v>
      </c>
      <c r="W7582">
        <v>45</v>
      </c>
      <c r="X7582">
        <v>46</v>
      </c>
      <c r="Y7582">
        <v>46</v>
      </c>
      <c r="Z7582">
        <v>47</v>
      </c>
      <c r="AA7582">
        <v>48</v>
      </c>
      <c r="AB7582">
        <v>48</v>
      </c>
      <c r="AC7582">
        <v>49</v>
      </c>
      <c r="AD7582">
        <v>49</v>
      </c>
      <c r="AE7582">
        <v>50</v>
      </c>
      <c r="AF7582">
        <v>50</v>
      </c>
      <c r="AG7582">
        <v>51</v>
      </c>
      <c r="AH7582">
        <v>52</v>
      </c>
      <c r="AI7582">
        <v>52</v>
      </c>
      <c r="AJ7582">
        <v>53</v>
      </c>
      <c r="AK7582">
        <v>53</v>
      </c>
      <c r="AL7582">
        <v>53</v>
      </c>
      <c r="AM7582">
        <v>53</v>
      </c>
      <c r="AN7582">
        <v>53</v>
      </c>
      <c r="AO7582">
        <v>53</v>
      </c>
      <c r="AP7582">
        <v>54</v>
      </c>
      <c r="AQ7582">
        <v>54</v>
      </c>
    </row>
    <row r="7583" spans="1:43">
      <c r="A7583" t="s">
        <v>4752</v>
      </c>
      <c r="B7583" t="s">
        <v>4753</v>
      </c>
      <c r="C7583" t="s">
        <v>4748</v>
      </c>
      <c r="D7583" t="s">
        <v>4749</v>
      </c>
      <c r="E7583" t="s">
        <v>4592</v>
      </c>
      <c r="F7583" t="s">
        <v>4593</v>
      </c>
      <c r="G7583" t="s">
        <v>80</v>
      </c>
      <c r="H7583" t="s">
        <v>81</v>
      </c>
      <c r="I7583" s="2">
        <v>1</v>
      </c>
      <c r="J7583" s="2">
        <v>0</v>
      </c>
      <c r="K7583" s="2">
        <v>0</v>
      </c>
      <c r="L7583" t="s">
        <v>120</v>
      </c>
      <c r="M7583" t="s">
        <v>87</v>
      </c>
      <c r="N7583" t="s">
        <v>88</v>
      </c>
      <c r="O7583" t="s">
        <v>85</v>
      </c>
      <c r="P7583" t="s">
        <v>86</v>
      </c>
      <c r="Q7583">
        <v>41</v>
      </c>
      <c r="R7583">
        <v>41</v>
      </c>
      <c r="S7583">
        <v>41</v>
      </c>
      <c r="T7583">
        <v>42</v>
      </c>
      <c r="U7583">
        <v>42</v>
      </c>
      <c r="V7583">
        <v>42</v>
      </c>
      <c r="W7583">
        <v>42</v>
      </c>
      <c r="X7583">
        <v>43</v>
      </c>
      <c r="Y7583">
        <v>43</v>
      </c>
      <c r="Z7583">
        <v>43</v>
      </c>
      <c r="AA7583">
        <v>43</v>
      </c>
      <c r="AB7583">
        <v>44</v>
      </c>
      <c r="AC7583">
        <v>44</v>
      </c>
      <c r="AD7583">
        <v>44</v>
      </c>
      <c r="AE7583">
        <v>44</v>
      </c>
      <c r="AF7583">
        <v>44</v>
      </c>
      <c r="AG7583">
        <v>45</v>
      </c>
      <c r="AH7583">
        <v>45</v>
      </c>
      <c r="AI7583">
        <v>45</v>
      </c>
      <c r="AJ7583">
        <v>45</v>
      </c>
      <c r="AK7583">
        <v>45</v>
      </c>
      <c r="AL7583">
        <v>45</v>
      </c>
      <c r="AM7583">
        <v>46</v>
      </c>
      <c r="AN7583">
        <v>46</v>
      </c>
      <c r="AO7583">
        <v>46</v>
      </c>
      <c r="AP7583">
        <v>46</v>
      </c>
      <c r="AQ7583">
        <v>46</v>
      </c>
    </row>
    <row r="7584" spans="1:43">
      <c r="A7584" t="s">
        <v>4752</v>
      </c>
      <c r="B7584" t="s">
        <v>4753</v>
      </c>
      <c r="C7584" t="s">
        <v>4748</v>
      </c>
      <c r="D7584" t="s">
        <v>4749</v>
      </c>
      <c r="E7584" t="s">
        <v>4592</v>
      </c>
      <c r="F7584" t="s">
        <v>4593</v>
      </c>
      <c r="G7584" t="s">
        <v>80</v>
      </c>
      <c r="H7584" t="s">
        <v>81</v>
      </c>
      <c r="I7584" s="2">
        <v>1</v>
      </c>
      <c r="J7584" s="2">
        <v>0</v>
      </c>
      <c r="K7584" s="2">
        <v>0</v>
      </c>
      <c r="L7584" t="s">
        <v>120</v>
      </c>
      <c r="M7584" t="s">
        <v>89</v>
      </c>
      <c r="N7584" t="s">
        <v>90</v>
      </c>
      <c r="O7584" t="s">
        <v>85</v>
      </c>
      <c r="P7584" t="s">
        <v>86</v>
      </c>
      <c r="Q7584">
        <v>41</v>
      </c>
      <c r="R7584">
        <v>42</v>
      </c>
      <c r="S7584">
        <v>43</v>
      </c>
      <c r="T7584">
        <v>44</v>
      </c>
      <c r="U7584">
        <v>45</v>
      </c>
      <c r="V7584">
        <v>46</v>
      </c>
      <c r="W7584">
        <v>46</v>
      </c>
      <c r="X7584">
        <v>47</v>
      </c>
      <c r="Y7584">
        <v>48</v>
      </c>
      <c r="Z7584">
        <v>49</v>
      </c>
      <c r="AA7584">
        <v>50</v>
      </c>
      <c r="AB7584">
        <v>50</v>
      </c>
      <c r="AC7584">
        <v>51</v>
      </c>
      <c r="AD7584">
        <v>52</v>
      </c>
      <c r="AE7584">
        <v>53</v>
      </c>
      <c r="AF7584">
        <v>53</v>
      </c>
      <c r="AG7584">
        <v>53</v>
      </c>
      <c r="AH7584">
        <v>53</v>
      </c>
      <c r="AI7584">
        <v>53</v>
      </c>
      <c r="AJ7584">
        <v>53</v>
      </c>
      <c r="AK7584">
        <v>53</v>
      </c>
      <c r="AL7584">
        <v>53</v>
      </c>
      <c r="AM7584">
        <v>53</v>
      </c>
      <c r="AN7584">
        <v>53</v>
      </c>
      <c r="AO7584">
        <v>53</v>
      </c>
      <c r="AP7584">
        <v>53</v>
      </c>
      <c r="AQ7584">
        <v>53</v>
      </c>
    </row>
    <row r="7585" spans="1:43">
      <c r="A7585" t="s">
        <v>4752</v>
      </c>
      <c r="B7585" t="s">
        <v>4753</v>
      </c>
      <c r="C7585" t="s">
        <v>4748</v>
      </c>
      <c r="D7585" t="s">
        <v>4749</v>
      </c>
      <c r="E7585" t="s">
        <v>4592</v>
      </c>
      <c r="F7585" t="s">
        <v>4593</v>
      </c>
      <c r="G7585" t="s">
        <v>80</v>
      </c>
      <c r="H7585" t="s">
        <v>81</v>
      </c>
      <c r="I7585" s="2">
        <v>1</v>
      </c>
      <c r="J7585" s="2">
        <v>0</v>
      </c>
      <c r="K7585" s="2">
        <v>0</v>
      </c>
      <c r="L7585" t="s">
        <v>120</v>
      </c>
      <c r="M7585" t="s">
        <v>83</v>
      </c>
      <c r="N7585" t="s">
        <v>91</v>
      </c>
      <c r="O7585" t="s">
        <v>85</v>
      </c>
      <c r="P7585" t="s">
        <v>86</v>
      </c>
      <c r="Q7585">
        <v>41</v>
      </c>
      <c r="R7585">
        <v>42</v>
      </c>
      <c r="S7585">
        <v>43</v>
      </c>
      <c r="T7585">
        <v>43</v>
      </c>
      <c r="U7585">
        <v>44</v>
      </c>
      <c r="V7585">
        <v>45</v>
      </c>
      <c r="W7585">
        <v>45</v>
      </c>
      <c r="X7585">
        <v>46</v>
      </c>
      <c r="Y7585">
        <v>46</v>
      </c>
      <c r="Z7585">
        <v>47</v>
      </c>
      <c r="AA7585">
        <v>48</v>
      </c>
      <c r="AB7585">
        <v>48</v>
      </c>
      <c r="AC7585">
        <v>49</v>
      </c>
      <c r="AD7585">
        <v>49</v>
      </c>
      <c r="AE7585">
        <v>50</v>
      </c>
      <c r="AF7585">
        <v>50</v>
      </c>
      <c r="AG7585">
        <v>51</v>
      </c>
      <c r="AH7585">
        <v>52</v>
      </c>
      <c r="AI7585">
        <v>52</v>
      </c>
      <c r="AJ7585">
        <v>53</v>
      </c>
      <c r="AK7585">
        <v>53</v>
      </c>
      <c r="AL7585">
        <v>53</v>
      </c>
      <c r="AM7585">
        <v>53</v>
      </c>
      <c r="AN7585">
        <v>53</v>
      </c>
      <c r="AO7585">
        <v>53</v>
      </c>
      <c r="AP7585">
        <v>54</v>
      </c>
      <c r="AQ7585">
        <v>54</v>
      </c>
    </row>
    <row r="7586" spans="1:43">
      <c r="A7586" t="s">
        <v>4754</v>
      </c>
      <c r="B7586" t="s">
        <v>4755</v>
      </c>
      <c r="C7586" t="s">
        <v>4748</v>
      </c>
      <c r="D7586" t="s">
        <v>4749</v>
      </c>
      <c r="E7586" t="s">
        <v>4592</v>
      </c>
      <c r="F7586" t="s">
        <v>4593</v>
      </c>
      <c r="G7586" t="s">
        <v>80</v>
      </c>
      <c r="H7586" t="s">
        <v>81</v>
      </c>
      <c r="I7586" s="2">
        <v>1</v>
      </c>
      <c r="J7586" s="2">
        <v>0</v>
      </c>
      <c r="K7586" s="2">
        <v>0</v>
      </c>
      <c r="L7586" t="s">
        <v>120</v>
      </c>
      <c r="M7586" t="s">
        <v>83</v>
      </c>
      <c r="N7586" t="s">
        <v>84</v>
      </c>
      <c r="O7586" t="s">
        <v>85</v>
      </c>
      <c r="P7586" t="s">
        <v>86</v>
      </c>
      <c r="Q7586">
        <v>6</v>
      </c>
      <c r="R7586">
        <v>6</v>
      </c>
      <c r="S7586">
        <v>6</v>
      </c>
      <c r="T7586">
        <v>6</v>
      </c>
      <c r="U7586">
        <v>6</v>
      </c>
      <c r="V7586">
        <v>6</v>
      </c>
      <c r="W7586">
        <v>6</v>
      </c>
      <c r="X7586">
        <v>6</v>
      </c>
      <c r="Y7586">
        <v>6</v>
      </c>
      <c r="Z7586">
        <v>6</v>
      </c>
      <c r="AA7586">
        <v>6</v>
      </c>
      <c r="AB7586">
        <v>7</v>
      </c>
      <c r="AC7586">
        <v>7</v>
      </c>
      <c r="AD7586">
        <v>7</v>
      </c>
      <c r="AE7586">
        <v>7</v>
      </c>
      <c r="AF7586">
        <v>7</v>
      </c>
      <c r="AG7586">
        <v>7</v>
      </c>
      <c r="AH7586">
        <v>7</v>
      </c>
      <c r="AI7586">
        <v>7</v>
      </c>
      <c r="AJ7586">
        <v>7</v>
      </c>
      <c r="AK7586">
        <v>7</v>
      </c>
      <c r="AL7586">
        <v>7</v>
      </c>
      <c r="AM7586">
        <v>7</v>
      </c>
      <c r="AN7586">
        <v>7</v>
      </c>
      <c r="AO7586">
        <v>7</v>
      </c>
      <c r="AP7586">
        <v>7</v>
      </c>
      <c r="AQ7586">
        <v>7</v>
      </c>
    </row>
    <row r="7587" spans="1:43">
      <c r="A7587" t="s">
        <v>4754</v>
      </c>
      <c r="B7587" t="s">
        <v>4755</v>
      </c>
      <c r="C7587" t="s">
        <v>4748</v>
      </c>
      <c r="D7587" t="s">
        <v>4749</v>
      </c>
      <c r="E7587" t="s">
        <v>4592</v>
      </c>
      <c r="F7587" t="s">
        <v>4593</v>
      </c>
      <c r="G7587" t="s">
        <v>80</v>
      </c>
      <c r="H7587" t="s">
        <v>81</v>
      </c>
      <c r="I7587" s="2">
        <v>1</v>
      </c>
      <c r="J7587" s="2">
        <v>0</v>
      </c>
      <c r="K7587" s="2">
        <v>0</v>
      </c>
      <c r="L7587" t="s">
        <v>120</v>
      </c>
      <c r="M7587" t="s">
        <v>87</v>
      </c>
      <c r="N7587" t="s">
        <v>88</v>
      </c>
      <c r="O7587" t="s">
        <v>85</v>
      </c>
      <c r="P7587" t="s">
        <v>86</v>
      </c>
      <c r="Q7587">
        <v>6</v>
      </c>
      <c r="R7587">
        <v>6</v>
      </c>
      <c r="S7587">
        <v>6</v>
      </c>
      <c r="T7587">
        <v>6</v>
      </c>
      <c r="U7587">
        <v>6</v>
      </c>
      <c r="V7587">
        <v>6</v>
      </c>
      <c r="W7587">
        <v>6</v>
      </c>
      <c r="X7587">
        <v>6</v>
      </c>
      <c r="Y7587">
        <v>6</v>
      </c>
      <c r="Z7587">
        <v>6</v>
      </c>
      <c r="AA7587">
        <v>6</v>
      </c>
      <c r="AB7587">
        <v>6</v>
      </c>
      <c r="AC7587">
        <v>6</v>
      </c>
      <c r="AD7587">
        <v>6</v>
      </c>
      <c r="AE7587">
        <v>6</v>
      </c>
      <c r="AF7587">
        <v>6</v>
      </c>
      <c r="AG7587">
        <v>6</v>
      </c>
      <c r="AH7587">
        <v>6</v>
      </c>
      <c r="AI7587">
        <v>6</v>
      </c>
      <c r="AJ7587">
        <v>6</v>
      </c>
      <c r="AK7587">
        <v>6</v>
      </c>
      <c r="AL7587">
        <v>6</v>
      </c>
      <c r="AM7587">
        <v>6</v>
      </c>
      <c r="AN7587">
        <v>6</v>
      </c>
      <c r="AO7587">
        <v>6</v>
      </c>
      <c r="AP7587">
        <v>6</v>
      </c>
      <c r="AQ7587">
        <v>6</v>
      </c>
    </row>
    <row r="7588" spans="1:43">
      <c r="A7588" t="s">
        <v>4754</v>
      </c>
      <c r="B7588" t="s">
        <v>4755</v>
      </c>
      <c r="C7588" t="s">
        <v>4748</v>
      </c>
      <c r="D7588" t="s">
        <v>4749</v>
      </c>
      <c r="E7588" t="s">
        <v>4592</v>
      </c>
      <c r="F7588" t="s">
        <v>4593</v>
      </c>
      <c r="G7588" t="s">
        <v>80</v>
      </c>
      <c r="H7588" t="s">
        <v>81</v>
      </c>
      <c r="I7588" s="2">
        <v>1</v>
      </c>
      <c r="J7588" s="2">
        <v>0</v>
      </c>
      <c r="K7588" s="2">
        <v>0</v>
      </c>
      <c r="L7588" t="s">
        <v>120</v>
      </c>
      <c r="M7588" t="s">
        <v>89</v>
      </c>
      <c r="N7588" t="s">
        <v>90</v>
      </c>
      <c r="O7588" t="s">
        <v>85</v>
      </c>
      <c r="P7588" t="s">
        <v>86</v>
      </c>
      <c r="Q7588">
        <v>6</v>
      </c>
      <c r="R7588">
        <v>6</v>
      </c>
      <c r="S7588">
        <v>6</v>
      </c>
      <c r="T7588">
        <v>6</v>
      </c>
      <c r="U7588">
        <v>6</v>
      </c>
      <c r="V7588">
        <v>6</v>
      </c>
      <c r="W7588">
        <v>6</v>
      </c>
      <c r="X7588">
        <v>7</v>
      </c>
      <c r="Y7588">
        <v>7</v>
      </c>
      <c r="Z7588">
        <v>7</v>
      </c>
      <c r="AA7588">
        <v>7</v>
      </c>
      <c r="AB7588">
        <v>7</v>
      </c>
      <c r="AC7588">
        <v>7</v>
      </c>
      <c r="AD7588">
        <v>7</v>
      </c>
      <c r="AE7588">
        <v>7</v>
      </c>
      <c r="AF7588">
        <v>7</v>
      </c>
      <c r="AG7588">
        <v>7</v>
      </c>
      <c r="AH7588">
        <v>7</v>
      </c>
      <c r="AI7588">
        <v>7</v>
      </c>
      <c r="AJ7588">
        <v>7</v>
      </c>
      <c r="AK7588">
        <v>7</v>
      </c>
      <c r="AL7588">
        <v>7</v>
      </c>
      <c r="AM7588">
        <v>7</v>
      </c>
      <c r="AN7588">
        <v>7</v>
      </c>
      <c r="AO7588">
        <v>7</v>
      </c>
      <c r="AP7588">
        <v>7</v>
      </c>
      <c r="AQ7588">
        <v>7</v>
      </c>
    </row>
    <row r="7589" spans="1:43">
      <c r="A7589" t="s">
        <v>4754</v>
      </c>
      <c r="B7589" t="s">
        <v>4755</v>
      </c>
      <c r="C7589" t="s">
        <v>4748</v>
      </c>
      <c r="D7589" t="s">
        <v>4749</v>
      </c>
      <c r="E7589" t="s">
        <v>4592</v>
      </c>
      <c r="F7589" t="s">
        <v>4593</v>
      </c>
      <c r="G7589" t="s">
        <v>80</v>
      </c>
      <c r="H7589" t="s">
        <v>81</v>
      </c>
      <c r="I7589" s="2">
        <v>1</v>
      </c>
      <c r="J7589" s="2">
        <v>0</v>
      </c>
      <c r="K7589" s="2">
        <v>0</v>
      </c>
      <c r="L7589" t="s">
        <v>120</v>
      </c>
      <c r="M7589" t="s">
        <v>83</v>
      </c>
      <c r="N7589" t="s">
        <v>91</v>
      </c>
      <c r="O7589" t="s">
        <v>85</v>
      </c>
      <c r="P7589" t="s">
        <v>86</v>
      </c>
      <c r="Q7589">
        <v>6</v>
      </c>
      <c r="R7589">
        <v>6</v>
      </c>
      <c r="S7589">
        <v>6</v>
      </c>
      <c r="T7589">
        <v>6</v>
      </c>
      <c r="U7589">
        <v>6</v>
      </c>
      <c r="V7589">
        <v>6</v>
      </c>
      <c r="W7589">
        <v>6</v>
      </c>
      <c r="X7589">
        <v>6</v>
      </c>
      <c r="Y7589">
        <v>6</v>
      </c>
      <c r="Z7589">
        <v>6</v>
      </c>
      <c r="AA7589">
        <v>6</v>
      </c>
      <c r="AB7589">
        <v>7</v>
      </c>
      <c r="AC7589">
        <v>7</v>
      </c>
      <c r="AD7589">
        <v>7</v>
      </c>
      <c r="AE7589">
        <v>7</v>
      </c>
      <c r="AF7589">
        <v>7</v>
      </c>
      <c r="AG7589">
        <v>7</v>
      </c>
      <c r="AH7589">
        <v>7</v>
      </c>
      <c r="AI7589">
        <v>7</v>
      </c>
      <c r="AJ7589">
        <v>7</v>
      </c>
      <c r="AK7589">
        <v>7</v>
      </c>
      <c r="AL7589">
        <v>7</v>
      </c>
      <c r="AM7589">
        <v>7</v>
      </c>
      <c r="AN7589">
        <v>7</v>
      </c>
      <c r="AO7589">
        <v>7</v>
      </c>
      <c r="AP7589">
        <v>7</v>
      </c>
      <c r="AQ7589">
        <v>7</v>
      </c>
    </row>
    <row r="7590" spans="1:43">
      <c r="A7590" t="s">
        <v>4756</v>
      </c>
      <c r="B7590" t="s">
        <v>4757</v>
      </c>
      <c r="C7590" t="s">
        <v>4748</v>
      </c>
      <c r="D7590" t="s">
        <v>4749</v>
      </c>
      <c r="E7590" t="s">
        <v>4592</v>
      </c>
      <c r="F7590" t="s">
        <v>4593</v>
      </c>
      <c r="G7590" t="s">
        <v>80</v>
      </c>
      <c r="H7590" t="s">
        <v>81</v>
      </c>
      <c r="I7590" s="2">
        <v>1</v>
      </c>
      <c r="J7590" s="2">
        <v>0</v>
      </c>
      <c r="K7590" s="2">
        <v>0</v>
      </c>
      <c r="L7590" t="s">
        <v>120</v>
      </c>
      <c r="M7590" t="s">
        <v>83</v>
      </c>
      <c r="N7590" t="s">
        <v>84</v>
      </c>
      <c r="O7590" t="s">
        <v>85</v>
      </c>
      <c r="P7590" t="s">
        <v>86</v>
      </c>
      <c r="Q7590">
        <v>14</v>
      </c>
      <c r="R7590">
        <v>14</v>
      </c>
      <c r="S7590">
        <v>14</v>
      </c>
      <c r="T7590">
        <v>15</v>
      </c>
      <c r="U7590">
        <v>15</v>
      </c>
      <c r="V7590">
        <v>15</v>
      </c>
      <c r="W7590">
        <v>15</v>
      </c>
      <c r="X7590">
        <v>15</v>
      </c>
      <c r="Y7590">
        <v>16</v>
      </c>
      <c r="Z7590">
        <v>16</v>
      </c>
      <c r="AA7590">
        <v>16</v>
      </c>
      <c r="AB7590">
        <v>16</v>
      </c>
      <c r="AC7590">
        <v>16</v>
      </c>
      <c r="AD7590">
        <v>17</v>
      </c>
      <c r="AE7590">
        <v>17</v>
      </c>
      <c r="AF7590">
        <v>17</v>
      </c>
      <c r="AG7590">
        <v>17</v>
      </c>
      <c r="AH7590">
        <v>17</v>
      </c>
      <c r="AI7590">
        <v>17</v>
      </c>
      <c r="AJ7590">
        <v>18</v>
      </c>
      <c r="AK7590">
        <v>18</v>
      </c>
      <c r="AL7590">
        <v>18</v>
      </c>
      <c r="AM7590">
        <v>18</v>
      </c>
      <c r="AN7590">
        <v>18</v>
      </c>
      <c r="AO7590">
        <v>18</v>
      </c>
      <c r="AP7590">
        <v>18</v>
      </c>
      <c r="AQ7590">
        <v>18</v>
      </c>
    </row>
    <row r="7591" spans="1:43">
      <c r="A7591" t="s">
        <v>4756</v>
      </c>
      <c r="B7591" t="s">
        <v>4757</v>
      </c>
      <c r="C7591" t="s">
        <v>4748</v>
      </c>
      <c r="D7591" t="s">
        <v>4749</v>
      </c>
      <c r="E7591" t="s">
        <v>4592</v>
      </c>
      <c r="F7591" t="s">
        <v>4593</v>
      </c>
      <c r="G7591" t="s">
        <v>80</v>
      </c>
      <c r="H7591" t="s">
        <v>81</v>
      </c>
      <c r="I7591" s="2">
        <v>1</v>
      </c>
      <c r="J7591" s="2">
        <v>0</v>
      </c>
      <c r="K7591" s="2">
        <v>0</v>
      </c>
      <c r="L7591" t="s">
        <v>120</v>
      </c>
      <c r="M7591" t="s">
        <v>87</v>
      </c>
      <c r="N7591" t="s">
        <v>88</v>
      </c>
      <c r="O7591" t="s">
        <v>85</v>
      </c>
      <c r="P7591" t="s">
        <v>86</v>
      </c>
      <c r="Q7591">
        <v>14</v>
      </c>
      <c r="R7591">
        <v>14</v>
      </c>
      <c r="S7591">
        <v>14</v>
      </c>
      <c r="T7591">
        <v>14</v>
      </c>
      <c r="U7591">
        <v>14</v>
      </c>
      <c r="V7591">
        <v>14</v>
      </c>
      <c r="W7591">
        <v>14</v>
      </c>
      <c r="X7591">
        <v>14</v>
      </c>
      <c r="Y7591">
        <v>14</v>
      </c>
      <c r="Z7591">
        <v>14</v>
      </c>
      <c r="AA7591">
        <v>15</v>
      </c>
      <c r="AB7591">
        <v>15</v>
      </c>
      <c r="AC7591">
        <v>15</v>
      </c>
      <c r="AD7591">
        <v>15</v>
      </c>
      <c r="AE7591">
        <v>15</v>
      </c>
      <c r="AF7591">
        <v>15</v>
      </c>
      <c r="AG7591">
        <v>15</v>
      </c>
      <c r="AH7591">
        <v>15</v>
      </c>
      <c r="AI7591">
        <v>15</v>
      </c>
      <c r="AJ7591">
        <v>15</v>
      </c>
      <c r="AK7591">
        <v>15</v>
      </c>
      <c r="AL7591">
        <v>15</v>
      </c>
      <c r="AM7591">
        <v>15</v>
      </c>
      <c r="AN7591">
        <v>15</v>
      </c>
      <c r="AO7591">
        <v>15</v>
      </c>
      <c r="AP7591">
        <v>15</v>
      </c>
      <c r="AQ7591">
        <v>16</v>
      </c>
    </row>
    <row r="7592" spans="1:43">
      <c r="A7592" t="s">
        <v>4756</v>
      </c>
      <c r="B7592" t="s">
        <v>4757</v>
      </c>
      <c r="C7592" t="s">
        <v>4748</v>
      </c>
      <c r="D7592" t="s">
        <v>4749</v>
      </c>
      <c r="E7592" t="s">
        <v>4592</v>
      </c>
      <c r="F7592" t="s">
        <v>4593</v>
      </c>
      <c r="G7592" t="s">
        <v>80</v>
      </c>
      <c r="H7592" t="s">
        <v>81</v>
      </c>
      <c r="I7592" s="2">
        <v>1</v>
      </c>
      <c r="J7592" s="2">
        <v>0</v>
      </c>
      <c r="K7592" s="2">
        <v>0</v>
      </c>
      <c r="L7592" t="s">
        <v>120</v>
      </c>
      <c r="M7592" t="s">
        <v>89</v>
      </c>
      <c r="N7592" t="s">
        <v>90</v>
      </c>
      <c r="O7592" t="s">
        <v>85</v>
      </c>
      <c r="P7592" t="s">
        <v>86</v>
      </c>
      <c r="Q7592">
        <v>14</v>
      </c>
      <c r="R7592">
        <v>14</v>
      </c>
      <c r="S7592">
        <v>15</v>
      </c>
      <c r="T7592">
        <v>15</v>
      </c>
      <c r="U7592">
        <v>15</v>
      </c>
      <c r="V7592">
        <v>16</v>
      </c>
      <c r="W7592">
        <v>16</v>
      </c>
      <c r="X7592">
        <v>16</v>
      </c>
      <c r="Y7592">
        <v>16</v>
      </c>
      <c r="Z7592">
        <v>17</v>
      </c>
      <c r="AA7592">
        <v>17</v>
      </c>
      <c r="AB7592">
        <v>17</v>
      </c>
      <c r="AC7592">
        <v>18</v>
      </c>
      <c r="AD7592">
        <v>18</v>
      </c>
      <c r="AE7592">
        <v>18</v>
      </c>
      <c r="AF7592">
        <v>18</v>
      </c>
      <c r="AG7592">
        <v>18</v>
      </c>
      <c r="AH7592">
        <v>18</v>
      </c>
      <c r="AI7592">
        <v>18</v>
      </c>
      <c r="AJ7592">
        <v>18</v>
      </c>
      <c r="AK7592">
        <v>18</v>
      </c>
      <c r="AL7592">
        <v>18</v>
      </c>
      <c r="AM7592">
        <v>18</v>
      </c>
      <c r="AN7592">
        <v>18</v>
      </c>
      <c r="AO7592">
        <v>18</v>
      </c>
      <c r="AP7592">
        <v>18</v>
      </c>
      <c r="AQ7592">
        <v>18</v>
      </c>
    </row>
    <row r="7593" spans="1:43">
      <c r="A7593" t="s">
        <v>4756</v>
      </c>
      <c r="B7593" t="s">
        <v>4757</v>
      </c>
      <c r="C7593" t="s">
        <v>4748</v>
      </c>
      <c r="D7593" t="s">
        <v>4749</v>
      </c>
      <c r="E7593" t="s">
        <v>4592</v>
      </c>
      <c r="F7593" t="s">
        <v>4593</v>
      </c>
      <c r="G7593" t="s">
        <v>80</v>
      </c>
      <c r="H7593" t="s">
        <v>81</v>
      </c>
      <c r="I7593" s="2">
        <v>1</v>
      </c>
      <c r="J7593" s="2">
        <v>0</v>
      </c>
      <c r="K7593" s="2">
        <v>0</v>
      </c>
      <c r="L7593" t="s">
        <v>120</v>
      </c>
      <c r="M7593" t="s">
        <v>83</v>
      </c>
      <c r="N7593" t="s">
        <v>91</v>
      </c>
      <c r="O7593" t="s">
        <v>85</v>
      </c>
      <c r="P7593" t="s">
        <v>86</v>
      </c>
      <c r="Q7593">
        <v>14</v>
      </c>
      <c r="R7593">
        <v>14</v>
      </c>
      <c r="S7593">
        <v>14</v>
      </c>
      <c r="T7593">
        <v>15</v>
      </c>
      <c r="U7593">
        <v>15</v>
      </c>
      <c r="V7593">
        <v>15</v>
      </c>
      <c r="W7593">
        <v>15</v>
      </c>
      <c r="X7593">
        <v>15</v>
      </c>
      <c r="Y7593">
        <v>16</v>
      </c>
      <c r="Z7593">
        <v>16</v>
      </c>
      <c r="AA7593">
        <v>16</v>
      </c>
      <c r="AB7593">
        <v>16</v>
      </c>
      <c r="AC7593">
        <v>16</v>
      </c>
      <c r="AD7593">
        <v>17</v>
      </c>
      <c r="AE7593">
        <v>17</v>
      </c>
      <c r="AF7593">
        <v>17</v>
      </c>
      <c r="AG7593">
        <v>17</v>
      </c>
      <c r="AH7593">
        <v>17</v>
      </c>
      <c r="AI7593">
        <v>17</v>
      </c>
      <c r="AJ7593">
        <v>18</v>
      </c>
      <c r="AK7593">
        <v>18</v>
      </c>
      <c r="AL7593">
        <v>18</v>
      </c>
      <c r="AM7593">
        <v>18</v>
      </c>
      <c r="AN7593">
        <v>18</v>
      </c>
      <c r="AO7593">
        <v>18</v>
      </c>
      <c r="AP7593">
        <v>18</v>
      </c>
      <c r="AQ7593">
        <v>18</v>
      </c>
    </row>
    <row r="7594" spans="1:43">
      <c r="A7594" t="s">
        <v>4758</v>
      </c>
      <c r="B7594" t="s">
        <v>4759</v>
      </c>
      <c r="C7594" t="s">
        <v>4748</v>
      </c>
      <c r="D7594" t="s">
        <v>4749</v>
      </c>
      <c r="E7594" t="s">
        <v>4592</v>
      </c>
      <c r="F7594" t="s">
        <v>4593</v>
      </c>
      <c r="G7594" t="s">
        <v>80</v>
      </c>
      <c r="H7594" t="s">
        <v>81</v>
      </c>
      <c r="I7594" s="2">
        <v>1</v>
      </c>
      <c r="J7594" s="2">
        <v>0</v>
      </c>
      <c r="K7594" s="2">
        <v>0</v>
      </c>
      <c r="L7594" t="s">
        <v>120</v>
      </c>
      <c r="M7594" t="s">
        <v>83</v>
      </c>
      <c r="N7594" t="s">
        <v>84</v>
      </c>
      <c r="O7594" t="s">
        <v>85</v>
      </c>
      <c r="P7594" t="s">
        <v>86</v>
      </c>
      <c r="Q7594">
        <v>30</v>
      </c>
      <c r="R7594">
        <v>30</v>
      </c>
      <c r="S7594">
        <v>31</v>
      </c>
      <c r="T7594">
        <v>31</v>
      </c>
      <c r="U7594">
        <v>32</v>
      </c>
      <c r="V7594">
        <v>32</v>
      </c>
      <c r="W7594">
        <v>33</v>
      </c>
      <c r="X7594">
        <v>33</v>
      </c>
      <c r="Y7594">
        <v>34</v>
      </c>
      <c r="Z7594">
        <v>34</v>
      </c>
      <c r="AA7594">
        <v>34</v>
      </c>
      <c r="AB7594">
        <v>35</v>
      </c>
      <c r="AC7594">
        <v>35</v>
      </c>
      <c r="AD7594">
        <v>36</v>
      </c>
      <c r="AE7594">
        <v>36</v>
      </c>
      <c r="AF7594">
        <v>37</v>
      </c>
      <c r="AG7594">
        <v>37</v>
      </c>
      <c r="AH7594">
        <v>37</v>
      </c>
      <c r="AI7594">
        <v>38</v>
      </c>
      <c r="AJ7594">
        <v>38</v>
      </c>
      <c r="AK7594">
        <v>38</v>
      </c>
      <c r="AL7594">
        <v>39</v>
      </c>
      <c r="AM7594">
        <v>39</v>
      </c>
      <c r="AN7594">
        <v>39</v>
      </c>
      <c r="AO7594">
        <v>39</v>
      </c>
      <c r="AP7594">
        <v>39</v>
      </c>
      <c r="AQ7594">
        <v>39</v>
      </c>
    </row>
    <row r="7595" spans="1:43">
      <c r="A7595" t="s">
        <v>4758</v>
      </c>
      <c r="B7595" t="s">
        <v>4759</v>
      </c>
      <c r="C7595" t="s">
        <v>4748</v>
      </c>
      <c r="D7595" t="s">
        <v>4749</v>
      </c>
      <c r="E7595" t="s">
        <v>4592</v>
      </c>
      <c r="F7595" t="s">
        <v>4593</v>
      </c>
      <c r="G7595" t="s">
        <v>80</v>
      </c>
      <c r="H7595" t="s">
        <v>81</v>
      </c>
      <c r="I7595" s="2">
        <v>1</v>
      </c>
      <c r="J7595" s="2">
        <v>0</v>
      </c>
      <c r="K7595" s="2">
        <v>0</v>
      </c>
      <c r="L7595" t="s">
        <v>120</v>
      </c>
      <c r="M7595" t="s">
        <v>87</v>
      </c>
      <c r="N7595" t="s">
        <v>88</v>
      </c>
      <c r="O7595" t="s">
        <v>85</v>
      </c>
      <c r="P7595" t="s">
        <v>86</v>
      </c>
      <c r="Q7595">
        <v>30</v>
      </c>
      <c r="R7595">
        <v>30</v>
      </c>
      <c r="S7595">
        <v>30</v>
      </c>
      <c r="T7595">
        <v>30</v>
      </c>
      <c r="U7595">
        <v>30</v>
      </c>
      <c r="V7595">
        <v>31</v>
      </c>
      <c r="W7595">
        <v>31</v>
      </c>
      <c r="X7595">
        <v>31</v>
      </c>
      <c r="Y7595">
        <v>31</v>
      </c>
      <c r="Z7595">
        <v>31</v>
      </c>
      <c r="AA7595">
        <v>31</v>
      </c>
      <c r="AB7595">
        <v>32</v>
      </c>
      <c r="AC7595">
        <v>32</v>
      </c>
      <c r="AD7595">
        <v>32</v>
      </c>
      <c r="AE7595">
        <v>32</v>
      </c>
      <c r="AF7595">
        <v>32</v>
      </c>
      <c r="AG7595">
        <v>32</v>
      </c>
      <c r="AH7595">
        <v>32</v>
      </c>
      <c r="AI7595">
        <v>33</v>
      </c>
      <c r="AJ7595">
        <v>33</v>
      </c>
      <c r="AK7595">
        <v>33</v>
      </c>
      <c r="AL7595">
        <v>33</v>
      </c>
      <c r="AM7595">
        <v>33</v>
      </c>
      <c r="AN7595">
        <v>33</v>
      </c>
      <c r="AO7595">
        <v>33</v>
      </c>
      <c r="AP7595">
        <v>33</v>
      </c>
      <c r="AQ7595">
        <v>33</v>
      </c>
    </row>
    <row r="7596" spans="1:43">
      <c r="A7596" t="s">
        <v>4758</v>
      </c>
      <c r="B7596" t="s">
        <v>4759</v>
      </c>
      <c r="C7596" t="s">
        <v>4748</v>
      </c>
      <c r="D7596" t="s">
        <v>4749</v>
      </c>
      <c r="E7596" t="s">
        <v>4592</v>
      </c>
      <c r="F7596" t="s">
        <v>4593</v>
      </c>
      <c r="G7596" t="s">
        <v>80</v>
      </c>
      <c r="H7596" t="s">
        <v>81</v>
      </c>
      <c r="I7596" s="2">
        <v>1</v>
      </c>
      <c r="J7596" s="2">
        <v>0</v>
      </c>
      <c r="K7596" s="2">
        <v>0</v>
      </c>
      <c r="L7596" t="s">
        <v>120</v>
      </c>
      <c r="M7596" t="s">
        <v>89</v>
      </c>
      <c r="N7596" t="s">
        <v>90</v>
      </c>
      <c r="O7596" t="s">
        <v>85</v>
      </c>
      <c r="P7596" t="s">
        <v>86</v>
      </c>
      <c r="Q7596">
        <v>30</v>
      </c>
      <c r="R7596">
        <v>31</v>
      </c>
      <c r="S7596">
        <v>32</v>
      </c>
      <c r="T7596">
        <v>32</v>
      </c>
      <c r="U7596">
        <v>33</v>
      </c>
      <c r="V7596">
        <v>34</v>
      </c>
      <c r="W7596">
        <v>34</v>
      </c>
      <c r="X7596">
        <v>35</v>
      </c>
      <c r="Y7596">
        <v>36</v>
      </c>
      <c r="Z7596">
        <v>36</v>
      </c>
      <c r="AA7596">
        <v>37</v>
      </c>
      <c r="AB7596">
        <v>37</v>
      </c>
      <c r="AC7596">
        <v>38</v>
      </c>
      <c r="AD7596">
        <v>38</v>
      </c>
      <c r="AE7596">
        <v>39</v>
      </c>
      <c r="AF7596">
        <v>39</v>
      </c>
      <c r="AG7596">
        <v>39</v>
      </c>
      <c r="AH7596">
        <v>39</v>
      </c>
      <c r="AI7596">
        <v>39</v>
      </c>
      <c r="AJ7596">
        <v>39</v>
      </c>
      <c r="AK7596">
        <v>39</v>
      </c>
      <c r="AL7596">
        <v>39</v>
      </c>
      <c r="AM7596">
        <v>39</v>
      </c>
      <c r="AN7596">
        <v>39</v>
      </c>
      <c r="AO7596">
        <v>39</v>
      </c>
      <c r="AP7596">
        <v>39</v>
      </c>
      <c r="AQ7596">
        <v>39</v>
      </c>
    </row>
    <row r="7597" spans="1:43">
      <c r="A7597" t="s">
        <v>4758</v>
      </c>
      <c r="B7597" t="s">
        <v>4759</v>
      </c>
      <c r="C7597" t="s">
        <v>4748</v>
      </c>
      <c r="D7597" t="s">
        <v>4749</v>
      </c>
      <c r="E7597" t="s">
        <v>4592</v>
      </c>
      <c r="F7597" t="s">
        <v>4593</v>
      </c>
      <c r="G7597" t="s">
        <v>80</v>
      </c>
      <c r="H7597" t="s">
        <v>81</v>
      </c>
      <c r="I7597" s="2">
        <v>1</v>
      </c>
      <c r="J7597" s="2">
        <v>0</v>
      </c>
      <c r="K7597" s="2">
        <v>0</v>
      </c>
      <c r="L7597" t="s">
        <v>120</v>
      </c>
      <c r="M7597" t="s">
        <v>83</v>
      </c>
      <c r="N7597" t="s">
        <v>91</v>
      </c>
      <c r="O7597" t="s">
        <v>85</v>
      </c>
      <c r="P7597" t="s">
        <v>86</v>
      </c>
      <c r="Q7597">
        <v>30</v>
      </c>
      <c r="R7597">
        <v>30</v>
      </c>
      <c r="S7597">
        <v>31</v>
      </c>
      <c r="T7597">
        <v>31</v>
      </c>
      <c r="U7597">
        <v>32</v>
      </c>
      <c r="V7597">
        <v>32</v>
      </c>
      <c r="W7597">
        <v>33</v>
      </c>
      <c r="X7597">
        <v>33</v>
      </c>
      <c r="Y7597">
        <v>34</v>
      </c>
      <c r="Z7597">
        <v>34</v>
      </c>
      <c r="AA7597">
        <v>34</v>
      </c>
      <c r="AB7597">
        <v>35</v>
      </c>
      <c r="AC7597">
        <v>35</v>
      </c>
      <c r="AD7597">
        <v>36</v>
      </c>
      <c r="AE7597">
        <v>36</v>
      </c>
      <c r="AF7597">
        <v>37</v>
      </c>
      <c r="AG7597">
        <v>37</v>
      </c>
      <c r="AH7597">
        <v>37</v>
      </c>
      <c r="AI7597">
        <v>38</v>
      </c>
      <c r="AJ7597">
        <v>38</v>
      </c>
      <c r="AK7597">
        <v>38</v>
      </c>
      <c r="AL7597">
        <v>39</v>
      </c>
      <c r="AM7597">
        <v>39</v>
      </c>
      <c r="AN7597">
        <v>39</v>
      </c>
      <c r="AO7597">
        <v>39</v>
      </c>
      <c r="AP7597">
        <v>39</v>
      </c>
      <c r="AQ7597">
        <v>39</v>
      </c>
    </row>
    <row r="7598" spans="1:43">
      <c r="A7598" t="s">
        <v>4760</v>
      </c>
      <c r="B7598" t="s">
        <v>4761</v>
      </c>
      <c r="C7598" t="s">
        <v>4748</v>
      </c>
      <c r="D7598" t="s">
        <v>4749</v>
      </c>
      <c r="E7598" t="s">
        <v>4592</v>
      </c>
      <c r="F7598" t="s">
        <v>4593</v>
      </c>
      <c r="G7598" t="s">
        <v>80</v>
      </c>
      <c r="H7598" t="s">
        <v>81</v>
      </c>
      <c r="I7598" s="2">
        <v>1</v>
      </c>
      <c r="J7598" s="2">
        <v>0</v>
      </c>
      <c r="K7598" s="2">
        <v>0</v>
      </c>
      <c r="L7598" t="s">
        <v>120</v>
      </c>
      <c r="M7598" t="s">
        <v>83</v>
      </c>
      <c r="N7598" t="s">
        <v>84</v>
      </c>
      <c r="O7598" t="s">
        <v>85</v>
      </c>
      <c r="P7598" t="s">
        <v>86</v>
      </c>
      <c r="Q7598">
        <v>47</v>
      </c>
      <c r="R7598">
        <v>47</v>
      </c>
      <c r="S7598">
        <v>48</v>
      </c>
      <c r="T7598">
        <v>49</v>
      </c>
      <c r="U7598">
        <v>50</v>
      </c>
      <c r="V7598">
        <v>50</v>
      </c>
      <c r="W7598">
        <v>51</v>
      </c>
      <c r="X7598">
        <v>52</v>
      </c>
      <c r="Y7598">
        <v>52</v>
      </c>
      <c r="Z7598">
        <v>53</v>
      </c>
      <c r="AA7598">
        <v>54</v>
      </c>
      <c r="AB7598">
        <v>54</v>
      </c>
      <c r="AC7598">
        <v>55</v>
      </c>
      <c r="AD7598">
        <v>56</v>
      </c>
      <c r="AE7598">
        <v>56</v>
      </c>
      <c r="AF7598">
        <v>57</v>
      </c>
      <c r="AG7598">
        <v>58</v>
      </c>
      <c r="AH7598">
        <v>58</v>
      </c>
      <c r="AI7598">
        <v>59</v>
      </c>
      <c r="AJ7598">
        <v>59</v>
      </c>
      <c r="AK7598">
        <v>60</v>
      </c>
      <c r="AL7598">
        <v>60</v>
      </c>
      <c r="AM7598">
        <v>60</v>
      </c>
      <c r="AN7598">
        <v>60</v>
      </c>
      <c r="AO7598">
        <v>60</v>
      </c>
      <c r="AP7598">
        <v>60</v>
      </c>
      <c r="AQ7598">
        <v>60</v>
      </c>
    </row>
    <row r="7599" spans="1:43">
      <c r="A7599" t="s">
        <v>4760</v>
      </c>
      <c r="B7599" t="s">
        <v>4761</v>
      </c>
      <c r="C7599" t="s">
        <v>4748</v>
      </c>
      <c r="D7599" t="s">
        <v>4749</v>
      </c>
      <c r="E7599" t="s">
        <v>4592</v>
      </c>
      <c r="F7599" t="s">
        <v>4593</v>
      </c>
      <c r="G7599" t="s">
        <v>80</v>
      </c>
      <c r="H7599" t="s">
        <v>81</v>
      </c>
      <c r="I7599" s="2">
        <v>1</v>
      </c>
      <c r="J7599" s="2">
        <v>0</v>
      </c>
      <c r="K7599" s="2">
        <v>0</v>
      </c>
      <c r="L7599" t="s">
        <v>120</v>
      </c>
      <c r="M7599" t="s">
        <v>87</v>
      </c>
      <c r="N7599" t="s">
        <v>88</v>
      </c>
      <c r="O7599" t="s">
        <v>85</v>
      </c>
      <c r="P7599" t="s">
        <v>86</v>
      </c>
      <c r="Q7599">
        <v>47</v>
      </c>
      <c r="R7599">
        <v>47</v>
      </c>
      <c r="S7599">
        <v>48</v>
      </c>
      <c r="T7599">
        <v>48</v>
      </c>
      <c r="U7599">
        <v>48</v>
      </c>
      <c r="V7599">
        <v>49</v>
      </c>
      <c r="W7599">
        <v>49</v>
      </c>
      <c r="X7599">
        <v>49</v>
      </c>
      <c r="Y7599">
        <v>49</v>
      </c>
      <c r="Z7599">
        <v>50</v>
      </c>
      <c r="AA7599">
        <v>50</v>
      </c>
      <c r="AB7599">
        <v>50</v>
      </c>
      <c r="AC7599">
        <v>50</v>
      </c>
      <c r="AD7599">
        <v>51</v>
      </c>
      <c r="AE7599">
        <v>51</v>
      </c>
      <c r="AF7599">
        <v>51</v>
      </c>
      <c r="AG7599">
        <v>51</v>
      </c>
      <c r="AH7599">
        <v>52</v>
      </c>
      <c r="AI7599">
        <v>52</v>
      </c>
      <c r="AJ7599">
        <v>52</v>
      </c>
      <c r="AK7599">
        <v>52</v>
      </c>
      <c r="AL7599">
        <v>52</v>
      </c>
      <c r="AM7599">
        <v>52</v>
      </c>
      <c r="AN7599">
        <v>53</v>
      </c>
      <c r="AO7599">
        <v>53</v>
      </c>
      <c r="AP7599">
        <v>53</v>
      </c>
      <c r="AQ7599">
        <v>53</v>
      </c>
    </row>
    <row r="7600" spans="1:43">
      <c r="A7600" t="s">
        <v>4760</v>
      </c>
      <c r="B7600" t="s">
        <v>4761</v>
      </c>
      <c r="C7600" t="s">
        <v>4748</v>
      </c>
      <c r="D7600" t="s">
        <v>4749</v>
      </c>
      <c r="E7600" t="s">
        <v>4592</v>
      </c>
      <c r="F7600" t="s">
        <v>4593</v>
      </c>
      <c r="G7600" t="s">
        <v>80</v>
      </c>
      <c r="H7600" t="s">
        <v>81</v>
      </c>
      <c r="I7600" s="2">
        <v>1</v>
      </c>
      <c r="J7600" s="2">
        <v>0</v>
      </c>
      <c r="K7600" s="2">
        <v>0</v>
      </c>
      <c r="L7600" t="s">
        <v>120</v>
      </c>
      <c r="M7600" t="s">
        <v>89</v>
      </c>
      <c r="N7600" t="s">
        <v>90</v>
      </c>
      <c r="O7600" t="s">
        <v>85</v>
      </c>
      <c r="P7600" t="s">
        <v>86</v>
      </c>
      <c r="Q7600">
        <v>47</v>
      </c>
      <c r="R7600">
        <v>48</v>
      </c>
      <c r="S7600">
        <v>49</v>
      </c>
      <c r="T7600">
        <v>50</v>
      </c>
      <c r="U7600">
        <v>52</v>
      </c>
      <c r="V7600">
        <v>53</v>
      </c>
      <c r="W7600">
        <v>54</v>
      </c>
      <c r="X7600">
        <v>54</v>
      </c>
      <c r="Y7600">
        <v>55</v>
      </c>
      <c r="Z7600">
        <v>56</v>
      </c>
      <c r="AA7600">
        <v>57</v>
      </c>
      <c r="AB7600">
        <v>58</v>
      </c>
      <c r="AC7600">
        <v>59</v>
      </c>
      <c r="AD7600">
        <v>60</v>
      </c>
      <c r="AE7600">
        <v>60</v>
      </c>
      <c r="AF7600">
        <v>61</v>
      </c>
      <c r="AG7600">
        <v>61</v>
      </c>
      <c r="AH7600">
        <v>61</v>
      </c>
      <c r="AI7600">
        <v>61</v>
      </c>
      <c r="AJ7600">
        <v>61</v>
      </c>
      <c r="AK7600">
        <v>61</v>
      </c>
      <c r="AL7600">
        <v>61</v>
      </c>
      <c r="AM7600">
        <v>61</v>
      </c>
      <c r="AN7600">
        <v>61</v>
      </c>
      <c r="AO7600">
        <v>61</v>
      </c>
      <c r="AP7600">
        <v>61</v>
      </c>
      <c r="AQ7600">
        <v>61</v>
      </c>
    </row>
    <row r="7601" spans="1:43">
      <c r="A7601" t="s">
        <v>4760</v>
      </c>
      <c r="B7601" t="s">
        <v>4761</v>
      </c>
      <c r="C7601" t="s">
        <v>4748</v>
      </c>
      <c r="D7601" t="s">
        <v>4749</v>
      </c>
      <c r="E7601" t="s">
        <v>4592</v>
      </c>
      <c r="F7601" t="s">
        <v>4593</v>
      </c>
      <c r="G7601" t="s">
        <v>80</v>
      </c>
      <c r="H7601" t="s">
        <v>81</v>
      </c>
      <c r="I7601" s="2">
        <v>1</v>
      </c>
      <c r="J7601" s="2">
        <v>0</v>
      </c>
      <c r="K7601" s="2">
        <v>0</v>
      </c>
      <c r="L7601" t="s">
        <v>120</v>
      </c>
      <c r="M7601" t="s">
        <v>83</v>
      </c>
      <c r="N7601" t="s">
        <v>91</v>
      </c>
      <c r="O7601" t="s">
        <v>85</v>
      </c>
      <c r="P7601" t="s">
        <v>86</v>
      </c>
      <c r="Q7601">
        <v>47</v>
      </c>
      <c r="R7601">
        <v>47</v>
      </c>
      <c r="S7601">
        <v>48</v>
      </c>
      <c r="T7601">
        <v>49</v>
      </c>
      <c r="U7601">
        <v>50</v>
      </c>
      <c r="V7601">
        <v>50</v>
      </c>
      <c r="W7601">
        <v>51</v>
      </c>
      <c r="X7601">
        <v>52</v>
      </c>
      <c r="Y7601">
        <v>52</v>
      </c>
      <c r="Z7601">
        <v>53</v>
      </c>
      <c r="AA7601">
        <v>54</v>
      </c>
      <c r="AB7601">
        <v>54</v>
      </c>
      <c r="AC7601">
        <v>55</v>
      </c>
      <c r="AD7601">
        <v>56</v>
      </c>
      <c r="AE7601">
        <v>56</v>
      </c>
      <c r="AF7601">
        <v>57</v>
      </c>
      <c r="AG7601">
        <v>58</v>
      </c>
      <c r="AH7601">
        <v>58</v>
      </c>
      <c r="AI7601">
        <v>59</v>
      </c>
      <c r="AJ7601">
        <v>59</v>
      </c>
      <c r="AK7601">
        <v>60</v>
      </c>
      <c r="AL7601">
        <v>60</v>
      </c>
      <c r="AM7601">
        <v>60</v>
      </c>
      <c r="AN7601">
        <v>60</v>
      </c>
      <c r="AO7601">
        <v>60</v>
      </c>
      <c r="AP7601">
        <v>60</v>
      </c>
      <c r="AQ7601">
        <v>60</v>
      </c>
    </row>
    <row r="7602" spans="1:43">
      <c r="A7602" t="s">
        <v>4762</v>
      </c>
      <c r="B7602" t="s">
        <v>4763</v>
      </c>
      <c r="C7602" t="s">
        <v>4748</v>
      </c>
      <c r="D7602" t="s">
        <v>4749</v>
      </c>
      <c r="E7602" t="s">
        <v>4592</v>
      </c>
      <c r="F7602" t="s">
        <v>4593</v>
      </c>
      <c r="G7602" t="s">
        <v>80</v>
      </c>
      <c r="H7602" t="s">
        <v>81</v>
      </c>
      <c r="I7602" s="2">
        <v>1</v>
      </c>
      <c r="J7602" s="2">
        <v>0</v>
      </c>
      <c r="K7602" s="2">
        <v>0</v>
      </c>
      <c r="L7602" t="s">
        <v>120</v>
      </c>
      <c r="M7602" t="s">
        <v>83</v>
      </c>
      <c r="N7602" t="s">
        <v>84</v>
      </c>
      <c r="O7602" t="s">
        <v>85</v>
      </c>
      <c r="P7602" t="s">
        <v>86</v>
      </c>
      <c r="Q7602">
        <v>28</v>
      </c>
      <c r="R7602">
        <v>29</v>
      </c>
      <c r="S7602">
        <v>29</v>
      </c>
      <c r="T7602">
        <v>29</v>
      </c>
      <c r="U7602">
        <v>30</v>
      </c>
      <c r="V7602">
        <v>30</v>
      </c>
      <c r="W7602">
        <v>31</v>
      </c>
      <c r="X7602">
        <v>31</v>
      </c>
      <c r="Y7602">
        <v>32</v>
      </c>
      <c r="Z7602">
        <v>32</v>
      </c>
      <c r="AA7602">
        <v>32</v>
      </c>
      <c r="AB7602">
        <v>33</v>
      </c>
      <c r="AC7602">
        <v>33</v>
      </c>
      <c r="AD7602">
        <v>34</v>
      </c>
      <c r="AE7602">
        <v>34</v>
      </c>
      <c r="AF7602">
        <v>34</v>
      </c>
      <c r="AG7602">
        <v>35</v>
      </c>
      <c r="AH7602">
        <v>35</v>
      </c>
      <c r="AI7602">
        <v>35</v>
      </c>
      <c r="AJ7602">
        <v>36</v>
      </c>
      <c r="AK7602">
        <v>36</v>
      </c>
      <c r="AL7602">
        <v>36</v>
      </c>
      <c r="AM7602">
        <v>36</v>
      </c>
      <c r="AN7602">
        <v>36</v>
      </c>
      <c r="AO7602">
        <v>36</v>
      </c>
      <c r="AP7602">
        <v>36</v>
      </c>
      <c r="AQ7602">
        <v>36</v>
      </c>
    </row>
    <row r="7603" spans="1:43">
      <c r="A7603" t="s">
        <v>4762</v>
      </c>
      <c r="B7603" t="s">
        <v>4763</v>
      </c>
      <c r="C7603" t="s">
        <v>4748</v>
      </c>
      <c r="D7603" t="s">
        <v>4749</v>
      </c>
      <c r="E7603" t="s">
        <v>4592</v>
      </c>
      <c r="F7603" t="s">
        <v>4593</v>
      </c>
      <c r="G7603" t="s">
        <v>80</v>
      </c>
      <c r="H7603" t="s">
        <v>81</v>
      </c>
      <c r="I7603" s="2">
        <v>1</v>
      </c>
      <c r="J7603" s="2">
        <v>0</v>
      </c>
      <c r="K7603" s="2">
        <v>0</v>
      </c>
      <c r="L7603" t="s">
        <v>120</v>
      </c>
      <c r="M7603" t="s">
        <v>87</v>
      </c>
      <c r="N7603" t="s">
        <v>88</v>
      </c>
      <c r="O7603" t="s">
        <v>85</v>
      </c>
      <c r="P7603" t="s">
        <v>86</v>
      </c>
      <c r="Q7603">
        <v>28</v>
      </c>
      <c r="R7603">
        <v>28</v>
      </c>
      <c r="S7603">
        <v>28</v>
      </c>
      <c r="T7603">
        <v>28</v>
      </c>
      <c r="U7603">
        <v>29</v>
      </c>
      <c r="V7603">
        <v>29</v>
      </c>
      <c r="W7603">
        <v>29</v>
      </c>
      <c r="X7603">
        <v>29</v>
      </c>
      <c r="Y7603">
        <v>29</v>
      </c>
      <c r="Z7603">
        <v>29</v>
      </c>
      <c r="AA7603">
        <v>30</v>
      </c>
      <c r="AB7603">
        <v>30</v>
      </c>
      <c r="AC7603">
        <v>30</v>
      </c>
      <c r="AD7603">
        <v>30</v>
      </c>
      <c r="AE7603">
        <v>30</v>
      </c>
      <c r="AF7603">
        <v>30</v>
      </c>
      <c r="AG7603">
        <v>30</v>
      </c>
      <c r="AH7603">
        <v>30</v>
      </c>
      <c r="AI7603">
        <v>31</v>
      </c>
      <c r="AJ7603">
        <v>31</v>
      </c>
      <c r="AK7603">
        <v>31</v>
      </c>
      <c r="AL7603">
        <v>31</v>
      </c>
      <c r="AM7603">
        <v>31</v>
      </c>
      <c r="AN7603">
        <v>31</v>
      </c>
      <c r="AO7603">
        <v>31</v>
      </c>
      <c r="AP7603">
        <v>31</v>
      </c>
      <c r="AQ7603">
        <v>32</v>
      </c>
    </row>
    <row r="7604" spans="1:43">
      <c r="A7604" t="s">
        <v>4762</v>
      </c>
      <c r="B7604" t="s">
        <v>4763</v>
      </c>
      <c r="C7604" t="s">
        <v>4748</v>
      </c>
      <c r="D7604" t="s">
        <v>4749</v>
      </c>
      <c r="E7604" t="s">
        <v>4592</v>
      </c>
      <c r="F7604" t="s">
        <v>4593</v>
      </c>
      <c r="G7604" t="s">
        <v>80</v>
      </c>
      <c r="H7604" t="s">
        <v>81</v>
      </c>
      <c r="I7604" s="2">
        <v>1</v>
      </c>
      <c r="J7604" s="2">
        <v>0</v>
      </c>
      <c r="K7604" s="2">
        <v>0</v>
      </c>
      <c r="L7604" t="s">
        <v>120</v>
      </c>
      <c r="M7604" t="s">
        <v>89</v>
      </c>
      <c r="N7604" t="s">
        <v>90</v>
      </c>
      <c r="O7604" t="s">
        <v>85</v>
      </c>
      <c r="P7604" t="s">
        <v>86</v>
      </c>
      <c r="Q7604">
        <v>28</v>
      </c>
      <c r="R7604">
        <v>29</v>
      </c>
      <c r="S7604">
        <v>30</v>
      </c>
      <c r="T7604">
        <v>30</v>
      </c>
      <c r="U7604">
        <v>31</v>
      </c>
      <c r="V7604">
        <v>32</v>
      </c>
      <c r="W7604">
        <v>32</v>
      </c>
      <c r="X7604">
        <v>33</v>
      </c>
      <c r="Y7604">
        <v>33</v>
      </c>
      <c r="Z7604">
        <v>34</v>
      </c>
      <c r="AA7604">
        <v>35</v>
      </c>
      <c r="AB7604">
        <v>35</v>
      </c>
      <c r="AC7604">
        <v>36</v>
      </c>
      <c r="AD7604">
        <v>36</v>
      </c>
      <c r="AE7604">
        <v>36</v>
      </c>
      <c r="AF7604">
        <v>37</v>
      </c>
      <c r="AG7604">
        <v>37</v>
      </c>
      <c r="AH7604">
        <v>37</v>
      </c>
      <c r="AI7604">
        <v>37</v>
      </c>
      <c r="AJ7604">
        <v>37</v>
      </c>
      <c r="AK7604">
        <v>37</v>
      </c>
      <c r="AL7604">
        <v>37</v>
      </c>
      <c r="AM7604">
        <v>37</v>
      </c>
      <c r="AN7604">
        <v>37</v>
      </c>
      <c r="AO7604">
        <v>37</v>
      </c>
      <c r="AP7604">
        <v>37</v>
      </c>
      <c r="AQ7604">
        <v>37</v>
      </c>
    </row>
    <row r="7605" spans="1:43">
      <c r="A7605" t="s">
        <v>4762</v>
      </c>
      <c r="B7605" t="s">
        <v>4763</v>
      </c>
      <c r="C7605" t="s">
        <v>4748</v>
      </c>
      <c r="D7605" t="s">
        <v>4749</v>
      </c>
      <c r="E7605" t="s">
        <v>4592</v>
      </c>
      <c r="F7605" t="s">
        <v>4593</v>
      </c>
      <c r="G7605" t="s">
        <v>80</v>
      </c>
      <c r="H7605" t="s">
        <v>81</v>
      </c>
      <c r="I7605" s="2">
        <v>1</v>
      </c>
      <c r="J7605" s="2">
        <v>0</v>
      </c>
      <c r="K7605" s="2">
        <v>0</v>
      </c>
      <c r="L7605" t="s">
        <v>120</v>
      </c>
      <c r="M7605" t="s">
        <v>83</v>
      </c>
      <c r="N7605" t="s">
        <v>91</v>
      </c>
      <c r="O7605" t="s">
        <v>85</v>
      </c>
      <c r="P7605" t="s">
        <v>86</v>
      </c>
      <c r="Q7605">
        <v>28</v>
      </c>
      <c r="R7605">
        <v>29</v>
      </c>
      <c r="S7605">
        <v>29</v>
      </c>
      <c r="T7605">
        <v>29</v>
      </c>
      <c r="U7605">
        <v>30</v>
      </c>
      <c r="V7605">
        <v>30</v>
      </c>
      <c r="W7605">
        <v>31</v>
      </c>
      <c r="X7605">
        <v>31</v>
      </c>
      <c r="Y7605">
        <v>32</v>
      </c>
      <c r="Z7605">
        <v>32</v>
      </c>
      <c r="AA7605">
        <v>32</v>
      </c>
      <c r="AB7605">
        <v>33</v>
      </c>
      <c r="AC7605">
        <v>33</v>
      </c>
      <c r="AD7605">
        <v>34</v>
      </c>
      <c r="AE7605">
        <v>34</v>
      </c>
      <c r="AF7605">
        <v>34</v>
      </c>
      <c r="AG7605">
        <v>35</v>
      </c>
      <c r="AH7605">
        <v>35</v>
      </c>
      <c r="AI7605">
        <v>35</v>
      </c>
      <c r="AJ7605">
        <v>36</v>
      </c>
      <c r="AK7605">
        <v>36</v>
      </c>
      <c r="AL7605">
        <v>36</v>
      </c>
      <c r="AM7605">
        <v>36</v>
      </c>
      <c r="AN7605">
        <v>36</v>
      </c>
      <c r="AO7605">
        <v>36</v>
      </c>
      <c r="AP7605">
        <v>36</v>
      </c>
      <c r="AQ7605">
        <v>36</v>
      </c>
    </row>
    <row r="7606" spans="1:43">
      <c r="A7606" t="s">
        <v>4764</v>
      </c>
      <c r="B7606" t="s">
        <v>4765</v>
      </c>
      <c r="C7606" t="s">
        <v>4748</v>
      </c>
      <c r="D7606" t="s">
        <v>4749</v>
      </c>
      <c r="E7606" t="s">
        <v>4592</v>
      </c>
      <c r="F7606" t="s">
        <v>4593</v>
      </c>
      <c r="G7606" t="s">
        <v>80</v>
      </c>
      <c r="H7606" t="s">
        <v>81</v>
      </c>
      <c r="I7606" s="2">
        <v>1</v>
      </c>
      <c r="J7606" s="2">
        <v>0</v>
      </c>
      <c r="K7606" s="2">
        <v>0</v>
      </c>
      <c r="L7606" t="s">
        <v>120</v>
      </c>
      <c r="M7606" t="s">
        <v>83</v>
      </c>
      <c r="N7606" t="s">
        <v>84</v>
      </c>
      <c r="O7606" t="s">
        <v>85</v>
      </c>
      <c r="P7606" t="s">
        <v>86</v>
      </c>
      <c r="Q7606">
        <v>6</v>
      </c>
      <c r="R7606">
        <v>6</v>
      </c>
      <c r="S7606">
        <v>6</v>
      </c>
      <c r="T7606">
        <v>6</v>
      </c>
      <c r="U7606">
        <v>6</v>
      </c>
      <c r="V7606">
        <v>6</v>
      </c>
      <c r="W7606">
        <v>6</v>
      </c>
      <c r="X7606">
        <v>6</v>
      </c>
      <c r="Y7606">
        <v>7</v>
      </c>
      <c r="Z7606">
        <v>7</v>
      </c>
      <c r="AA7606">
        <v>7</v>
      </c>
      <c r="AB7606">
        <v>7</v>
      </c>
      <c r="AC7606">
        <v>7</v>
      </c>
      <c r="AD7606">
        <v>7</v>
      </c>
      <c r="AE7606">
        <v>7</v>
      </c>
      <c r="AF7606">
        <v>7</v>
      </c>
      <c r="AG7606">
        <v>7</v>
      </c>
      <c r="AH7606">
        <v>7</v>
      </c>
      <c r="AI7606">
        <v>7</v>
      </c>
      <c r="AJ7606">
        <v>7</v>
      </c>
      <c r="AK7606">
        <v>7</v>
      </c>
      <c r="AL7606">
        <v>7</v>
      </c>
      <c r="AM7606">
        <v>7</v>
      </c>
      <c r="AN7606">
        <v>7</v>
      </c>
      <c r="AO7606">
        <v>7</v>
      </c>
      <c r="AP7606">
        <v>7</v>
      </c>
      <c r="AQ7606">
        <v>7</v>
      </c>
    </row>
    <row r="7607" spans="1:43">
      <c r="A7607" t="s">
        <v>4764</v>
      </c>
      <c r="B7607" t="s">
        <v>4765</v>
      </c>
      <c r="C7607" t="s">
        <v>4748</v>
      </c>
      <c r="D7607" t="s">
        <v>4749</v>
      </c>
      <c r="E7607" t="s">
        <v>4592</v>
      </c>
      <c r="F7607" t="s">
        <v>4593</v>
      </c>
      <c r="G7607" t="s">
        <v>80</v>
      </c>
      <c r="H7607" t="s">
        <v>81</v>
      </c>
      <c r="I7607" s="2">
        <v>1</v>
      </c>
      <c r="J7607" s="2">
        <v>0</v>
      </c>
      <c r="K7607" s="2">
        <v>0</v>
      </c>
      <c r="L7607" t="s">
        <v>120</v>
      </c>
      <c r="M7607" t="s">
        <v>87</v>
      </c>
      <c r="N7607" t="s">
        <v>88</v>
      </c>
      <c r="O7607" t="s">
        <v>85</v>
      </c>
      <c r="P7607" t="s">
        <v>86</v>
      </c>
      <c r="Q7607">
        <v>6</v>
      </c>
      <c r="R7607">
        <v>6</v>
      </c>
      <c r="S7607">
        <v>6</v>
      </c>
      <c r="T7607">
        <v>6</v>
      </c>
      <c r="U7607">
        <v>6</v>
      </c>
      <c r="V7607">
        <v>6</v>
      </c>
      <c r="W7607">
        <v>6</v>
      </c>
      <c r="X7607">
        <v>6</v>
      </c>
      <c r="Y7607">
        <v>6</v>
      </c>
      <c r="Z7607">
        <v>6</v>
      </c>
      <c r="AA7607">
        <v>6</v>
      </c>
      <c r="AB7607">
        <v>6</v>
      </c>
      <c r="AC7607">
        <v>6</v>
      </c>
      <c r="AD7607">
        <v>6</v>
      </c>
      <c r="AE7607">
        <v>6</v>
      </c>
      <c r="AF7607">
        <v>6</v>
      </c>
      <c r="AG7607">
        <v>6</v>
      </c>
      <c r="AH7607">
        <v>6</v>
      </c>
      <c r="AI7607">
        <v>6</v>
      </c>
      <c r="AJ7607">
        <v>6</v>
      </c>
      <c r="AK7607">
        <v>6</v>
      </c>
      <c r="AL7607">
        <v>6</v>
      </c>
      <c r="AM7607">
        <v>6</v>
      </c>
      <c r="AN7607">
        <v>6</v>
      </c>
      <c r="AO7607">
        <v>6</v>
      </c>
      <c r="AP7607">
        <v>6</v>
      </c>
      <c r="AQ7607">
        <v>6</v>
      </c>
    </row>
    <row r="7608" spans="1:43">
      <c r="A7608" t="s">
        <v>4764</v>
      </c>
      <c r="B7608" t="s">
        <v>4765</v>
      </c>
      <c r="C7608" t="s">
        <v>4748</v>
      </c>
      <c r="D7608" t="s">
        <v>4749</v>
      </c>
      <c r="E7608" t="s">
        <v>4592</v>
      </c>
      <c r="F7608" t="s">
        <v>4593</v>
      </c>
      <c r="G7608" t="s">
        <v>80</v>
      </c>
      <c r="H7608" t="s">
        <v>81</v>
      </c>
      <c r="I7608" s="2">
        <v>1</v>
      </c>
      <c r="J7608" s="2">
        <v>0</v>
      </c>
      <c r="K7608" s="2">
        <v>0</v>
      </c>
      <c r="L7608" t="s">
        <v>120</v>
      </c>
      <c r="M7608" t="s">
        <v>89</v>
      </c>
      <c r="N7608" t="s">
        <v>90</v>
      </c>
      <c r="O7608" t="s">
        <v>85</v>
      </c>
      <c r="P7608" t="s">
        <v>86</v>
      </c>
      <c r="Q7608">
        <v>6</v>
      </c>
      <c r="R7608">
        <v>6</v>
      </c>
      <c r="S7608">
        <v>6</v>
      </c>
      <c r="T7608">
        <v>6</v>
      </c>
      <c r="U7608">
        <v>6</v>
      </c>
      <c r="V7608">
        <v>7</v>
      </c>
      <c r="W7608">
        <v>7</v>
      </c>
      <c r="X7608">
        <v>7</v>
      </c>
      <c r="Y7608">
        <v>7</v>
      </c>
      <c r="Z7608">
        <v>7</v>
      </c>
      <c r="AA7608">
        <v>7</v>
      </c>
      <c r="AB7608">
        <v>7</v>
      </c>
      <c r="AC7608">
        <v>7</v>
      </c>
      <c r="AD7608">
        <v>7</v>
      </c>
      <c r="AE7608">
        <v>8</v>
      </c>
      <c r="AF7608">
        <v>8</v>
      </c>
      <c r="AG7608">
        <v>8</v>
      </c>
      <c r="AH7608">
        <v>8</v>
      </c>
      <c r="AI7608">
        <v>8</v>
      </c>
      <c r="AJ7608">
        <v>8</v>
      </c>
      <c r="AK7608">
        <v>8</v>
      </c>
      <c r="AL7608">
        <v>8</v>
      </c>
      <c r="AM7608">
        <v>8</v>
      </c>
      <c r="AN7608">
        <v>8</v>
      </c>
      <c r="AO7608">
        <v>8</v>
      </c>
      <c r="AP7608">
        <v>8</v>
      </c>
      <c r="AQ7608">
        <v>8</v>
      </c>
    </row>
    <row r="7609" spans="1:43">
      <c r="A7609" t="s">
        <v>4764</v>
      </c>
      <c r="B7609" t="s">
        <v>4765</v>
      </c>
      <c r="C7609" t="s">
        <v>4748</v>
      </c>
      <c r="D7609" t="s">
        <v>4749</v>
      </c>
      <c r="E7609" t="s">
        <v>4592</v>
      </c>
      <c r="F7609" t="s">
        <v>4593</v>
      </c>
      <c r="G7609" t="s">
        <v>80</v>
      </c>
      <c r="H7609" t="s">
        <v>81</v>
      </c>
      <c r="I7609" s="2">
        <v>1</v>
      </c>
      <c r="J7609" s="2">
        <v>0</v>
      </c>
      <c r="K7609" s="2">
        <v>0</v>
      </c>
      <c r="L7609" t="s">
        <v>120</v>
      </c>
      <c r="M7609" t="s">
        <v>83</v>
      </c>
      <c r="N7609" t="s">
        <v>91</v>
      </c>
      <c r="O7609" t="s">
        <v>85</v>
      </c>
      <c r="P7609" t="s">
        <v>86</v>
      </c>
      <c r="Q7609">
        <v>6</v>
      </c>
      <c r="R7609">
        <v>6</v>
      </c>
      <c r="S7609">
        <v>6</v>
      </c>
      <c r="T7609">
        <v>6</v>
      </c>
      <c r="U7609">
        <v>6</v>
      </c>
      <c r="V7609">
        <v>6</v>
      </c>
      <c r="W7609">
        <v>6</v>
      </c>
      <c r="X7609">
        <v>6</v>
      </c>
      <c r="Y7609">
        <v>7</v>
      </c>
      <c r="Z7609">
        <v>7</v>
      </c>
      <c r="AA7609">
        <v>7</v>
      </c>
      <c r="AB7609">
        <v>7</v>
      </c>
      <c r="AC7609">
        <v>7</v>
      </c>
      <c r="AD7609">
        <v>7</v>
      </c>
      <c r="AE7609">
        <v>7</v>
      </c>
      <c r="AF7609">
        <v>7</v>
      </c>
      <c r="AG7609">
        <v>7</v>
      </c>
      <c r="AH7609">
        <v>7</v>
      </c>
      <c r="AI7609">
        <v>7</v>
      </c>
      <c r="AJ7609">
        <v>7</v>
      </c>
      <c r="AK7609">
        <v>7</v>
      </c>
      <c r="AL7609">
        <v>7</v>
      </c>
      <c r="AM7609">
        <v>7</v>
      </c>
      <c r="AN7609">
        <v>7</v>
      </c>
      <c r="AO7609">
        <v>7</v>
      </c>
      <c r="AP7609">
        <v>7</v>
      </c>
      <c r="AQ7609">
        <v>7</v>
      </c>
    </row>
    <row r="7610" spans="1:43">
      <c r="A7610" t="s">
        <v>4766</v>
      </c>
      <c r="B7610" t="s">
        <v>4767</v>
      </c>
      <c r="C7610" t="s">
        <v>4768</v>
      </c>
      <c r="D7610" t="s">
        <v>4769</v>
      </c>
      <c r="E7610" t="s">
        <v>4592</v>
      </c>
      <c r="F7610" t="s">
        <v>4593</v>
      </c>
      <c r="G7610" t="s">
        <v>80</v>
      </c>
      <c r="H7610" t="s">
        <v>81</v>
      </c>
      <c r="I7610" s="2">
        <v>1</v>
      </c>
      <c r="J7610" s="2">
        <v>0</v>
      </c>
      <c r="K7610" s="2">
        <v>0</v>
      </c>
      <c r="L7610" t="s">
        <v>120</v>
      </c>
      <c r="M7610" t="s">
        <v>83</v>
      </c>
      <c r="N7610" t="s">
        <v>84</v>
      </c>
      <c r="O7610" t="s">
        <v>85</v>
      </c>
      <c r="P7610" t="s">
        <v>86</v>
      </c>
      <c r="Q7610">
        <v>66</v>
      </c>
      <c r="R7610">
        <v>67</v>
      </c>
      <c r="S7610">
        <v>68</v>
      </c>
      <c r="T7610">
        <v>69</v>
      </c>
      <c r="U7610">
        <v>70</v>
      </c>
      <c r="V7610">
        <v>71</v>
      </c>
      <c r="W7610">
        <v>72</v>
      </c>
      <c r="X7610">
        <v>73</v>
      </c>
      <c r="Y7610">
        <v>73</v>
      </c>
      <c r="Z7610">
        <v>74</v>
      </c>
      <c r="AA7610">
        <v>75</v>
      </c>
      <c r="AB7610">
        <v>76</v>
      </c>
      <c r="AC7610">
        <v>77</v>
      </c>
      <c r="AD7610">
        <v>78</v>
      </c>
      <c r="AE7610">
        <v>79</v>
      </c>
      <c r="AF7610">
        <v>80</v>
      </c>
      <c r="AG7610">
        <v>81</v>
      </c>
      <c r="AH7610">
        <v>81</v>
      </c>
      <c r="AI7610">
        <v>82</v>
      </c>
      <c r="AJ7610">
        <v>83</v>
      </c>
      <c r="AK7610">
        <v>84</v>
      </c>
      <c r="AL7610">
        <v>84</v>
      </c>
      <c r="AM7610">
        <v>84</v>
      </c>
      <c r="AN7610">
        <v>84</v>
      </c>
      <c r="AO7610">
        <v>84</v>
      </c>
      <c r="AP7610">
        <v>84</v>
      </c>
      <c r="AQ7610">
        <v>84</v>
      </c>
    </row>
    <row r="7611" spans="1:43">
      <c r="A7611" t="s">
        <v>4766</v>
      </c>
      <c r="B7611" t="s">
        <v>4767</v>
      </c>
      <c r="C7611" t="s">
        <v>4768</v>
      </c>
      <c r="D7611" t="s">
        <v>4769</v>
      </c>
      <c r="E7611" t="s">
        <v>4592</v>
      </c>
      <c r="F7611" t="s">
        <v>4593</v>
      </c>
      <c r="G7611" t="s">
        <v>80</v>
      </c>
      <c r="H7611" t="s">
        <v>81</v>
      </c>
      <c r="I7611" s="2">
        <v>1</v>
      </c>
      <c r="J7611" s="2">
        <v>0</v>
      </c>
      <c r="K7611" s="2">
        <v>0</v>
      </c>
      <c r="L7611" t="s">
        <v>120</v>
      </c>
      <c r="M7611" t="s">
        <v>87</v>
      </c>
      <c r="N7611" t="s">
        <v>88</v>
      </c>
      <c r="O7611" t="s">
        <v>85</v>
      </c>
      <c r="P7611" t="s">
        <v>86</v>
      </c>
      <c r="Q7611">
        <v>66</v>
      </c>
      <c r="R7611">
        <v>66</v>
      </c>
      <c r="S7611">
        <v>67</v>
      </c>
      <c r="T7611">
        <v>67</v>
      </c>
      <c r="U7611">
        <v>68</v>
      </c>
      <c r="V7611">
        <v>68</v>
      </c>
      <c r="W7611">
        <v>68</v>
      </c>
      <c r="X7611">
        <v>69</v>
      </c>
      <c r="Y7611">
        <v>69</v>
      </c>
      <c r="Z7611">
        <v>69</v>
      </c>
      <c r="AA7611">
        <v>70</v>
      </c>
      <c r="AB7611">
        <v>70</v>
      </c>
      <c r="AC7611">
        <v>70</v>
      </c>
      <c r="AD7611">
        <v>71</v>
      </c>
      <c r="AE7611">
        <v>71</v>
      </c>
      <c r="AF7611">
        <v>71</v>
      </c>
      <c r="AG7611">
        <v>71</v>
      </c>
      <c r="AH7611">
        <v>72</v>
      </c>
      <c r="AI7611">
        <v>72</v>
      </c>
      <c r="AJ7611">
        <v>72</v>
      </c>
      <c r="AK7611">
        <v>73</v>
      </c>
      <c r="AL7611">
        <v>73</v>
      </c>
      <c r="AM7611">
        <v>73</v>
      </c>
      <c r="AN7611">
        <v>73</v>
      </c>
      <c r="AO7611">
        <v>73</v>
      </c>
      <c r="AP7611">
        <v>74</v>
      </c>
      <c r="AQ7611">
        <v>74</v>
      </c>
    </row>
    <row r="7612" spans="1:43">
      <c r="A7612" t="s">
        <v>4766</v>
      </c>
      <c r="B7612" t="s">
        <v>4767</v>
      </c>
      <c r="C7612" t="s">
        <v>4768</v>
      </c>
      <c r="D7612" t="s">
        <v>4769</v>
      </c>
      <c r="E7612" t="s">
        <v>4592</v>
      </c>
      <c r="F7612" t="s">
        <v>4593</v>
      </c>
      <c r="G7612" t="s">
        <v>80</v>
      </c>
      <c r="H7612" t="s">
        <v>81</v>
      </c>
      <c r="I7612" s="2">
        <v>1</v>
      </c>
      <c r="J7612" s="2">
        <v>0</v>
      </c>
      <c r="K7612" s="2">
        <v>0</v>
      </c>
      <c r="L7612" t="s">
        <v>120</v>
      </c>
      <c r="M7612" t="s">
        <v>89</v>
      </c>
      <c r="N7612" t="s">
        <v>90</v>
      </c>
      <c r="O7612" t="s">
        <v>85</v>
      </c>
      <c r="P7612" t="s">
        <v>86</v>
      </c>
      <c r="Q7612">
        <v>66</v>
      </c>
      <c r="R7612">
        <v>68</v>
      </c>
      <c r="S7612">
        <v>69</v>
      </c>
      <c r="T7612">
        <v>71</v>
      </c>
      <c r="U7612">
        <v>72</v>
      </c>
      <c r="V7612">
        <v>74</v>
      </c>
      <c r="W7612">
        <v>75</v>
      </c>
      <c r="X7612">
        <v>76</v>
      </c>
      <c r="Y7612">
        <v>78</v>
      </c>
      <c r="Z7612">
        <v>79</v>
      </c>
      <c r="AA7612">
        <v>80</v>
      </c>
      <c r="AB7612">
        <v>81</v>
      </c>
      <c r="AC7612">
        <v>83</v>
      </c>
      <c r="AD7612">
        <v>84</v>
      </c>
      <c r="AE7612">
        <v>85</v>
      </c>
      <c r="AF7612">
        <v>85</v>
      </c>
      <c r="AG7612">
        <v>85</v>
      </c>
      <c r="AH7612">
        <v>85</v>
      </c>
      <c r="AI7612">
        <v>85</v>
      </c>
      <c r="AJ7612">
        <v>85</v>
      </c>
      <c r="AK7612">
        <v>85</v>
      </c>
      <c r="AL7612">
        <v>85</v>
      </c>
      <c r="AM7612">
        <v>85</v>
      </c>
      <c r="AN7612">
        <v>85</v>
      </c>
      <c r="AO7612">
        <v>85</v>
      </c>
      <c r="AP7612">
        <v>85</v>
      </c>
      <c r="AQ7612">
        <v>85</v>
      </c>
    </row>
    <row r="7613" spans="1:43">
      <c r="A7613" t="s">
        <v>4766</v>
      </c>
      <c r="B7613" t="s">
        <v>4767</v>
      </c>
      <c r="C7613" t="s">
        <v>4768</v>
      </c>
      <c r="D7613" t="s">
        <v>4769</v>
      </c>
      <c r="E7613" t="s">
        <v>4592</v>
      </c>
      <c r="F7613" t="s">
        <v>4593</v>
      </c>
      <c r="G7613" t="s">
        <v>80</v>
      </c>
      <c r="H7613" t="s">
        <v>81</v>
      </c>
      <c r="I7613" s="2">
        <v>1</v>
      </c>
      <c r="J7613" s="2">
        <v>0</v>
      </c>
      <c r="K7613" s="2">
        <v>0</v>
      </c>
      <c r="L7613" t="s">
        <v>120</v>
      </c>
      <c r="M7613" t="s">
        <v>83</v>
      </c>
      <c r="N7613" t="s">
        <v>91</v>
      </c>
      <c r="O7613" t="s">
        <v>85</v>
      </c>
      <c r="P7613" t="s">
        <v>86</v>
      </c>
      <c r="Q7613">
        <v>66</v>
      </c>
      <c r="R7613">
        <v>67</v>
      </c>
      <c r="S7613">
        <v>68</v>
      </c>
      <c r="T7613">
        <v>69</v>
      </c>
      <c r="U7613">
        <v>70</v>
      </c>
      <c r="V7613">
        <v>71</v>
      </c>
      <c r="W7613">
        <v>72</v>
      </c>
      <c r="X7613">
        <v>73</v>
      </c>
      <c r="Y7613">
        <v>73</v>
      </c>
      <c r="Z7613">
        <v>74</v>
      </c>
      <c r="AA7613">
        <v>75</v>
      </c>
      <c r="AB7613">
        <v>76</v>
      </c>
      <c r="AC7613">
        <v>77</v>
      </c>
      <c r="AD7613">
        <v>78</v>
      </c>
      <c r="AE7613">
        <v>79</v>
      </c>
      <c r="AF7613">
        <v>80</v>
      </c>
      <c r="AG7613">
        <v>81</v>
      </c>
      <c r="AH7613">
        <v>81</v>
      </c>
      <c r="AI7613">
        <v>82</v>
      </c>
      <c r="AJ7613">
        <v>83</v>
      </c>
      <c r="AK7613">
        <v>84</v>
      </c>
      <c r="AL7613">
        <v>84</v>
      </c>
      <c r="AM7613">
        <v>84</v>
      </c>
      <c r="AN7613">
        <v>84</v>
      </c>
      <c r="AO7613">
        <v>84</v>
      </c>
      <c r="AP7613">
        <v>84</v>
      </c>
      <c r="AQ7613">
        <v>84</v>
      </c>
    </row>
    <row r="7614" spans="1:43">
      <c r="A7614" t="s">
        <v>4770</v>
      </c>
      <c r="B7614" t="s">
        <v>4771</v>
      </c>
      <c r="C7614" t="s">
        <v>4646</v>
      </c>
      <c r="D7614" t="s">
        <v>4647</v>
      </c>
      <c r="E7614" t="s">
        <v>4592</v>
      </c>
      <c r="F7614" t="s">
        <v>4593</v>
      </c>
      <c r="G7614" t="s">
        <v>80</v>
      </c>
      <c r="H7614" t="s">
        <v>81</v>
      </c>
      <c r="I7614" s="2">
        <v>1</v>
      </c>
      <c r="J7614" s="2">
        <v>0</v>
      </c>
      <c r="K7614" s="2">
        <v>0</v>
      </c>
      <c r="L7614" t="s">
        <v>120</v>
      </c>
      <c r="M7614" t="s">
        <v>83</v>
      </c>
      <c r="N7614" t="s">
        <v>84</v>
      </c>
      <c r="O7614" t="s">
        <v>85</v>
      </c>
      <c r="P7614" t="s">
        <v>86</v>
      </c>
      <c r="Q7614">
        <v>21</v>
      </c>
      <c r="R7614">
        <v>21</v>
      </c>
      <c r="S7614">
        <v>21</v>
      </c>
      <c r="T7614">
        <v>22</v>
      </c>
      <c r="U7614">
        <v>22</v>
      </c>
      <c r="V7614">
        <v>22</v>
      </c>
      <c r="W7614">
        <v>23</v>
      </c>
      <c r="X7614">
        <v>23</v>
      </c>
      <c r="Y7614">
        <v>23</v>
      </c>
      <c r="Z7614">
        <v>23</v>
      </c>
      <c r="AA7614">
        <v>24</v>
      </c>
      <c r="AB7614">
        <v>24</v>
      </c>
      <c r="AC7614">
        <v>24</v>
      </c>
      <c r="AD7614">
        <v>25</v>
      </c>
      <c r="AE7614">
        <v>25</v>
      </c>
      <c r="AF7614">
        <v>25</v>
      </c>
      <c r="AG7614">
        <v>25</v>
      </c>
      <c r="AH7614">
        <v>26</v>
      </c>
      <c r="AI7614">
        <v>26</v>
      </c>
      <c r="AJ7614">
        <v>26</v>
      </c>
      <c r="AK7614">
        <v>26</v>
      </c>
      <c r="AL7614">
        <v>26</v>
      </c>
      <c r="AM7614">
        <v>26</v>
      </c>
      <c r="AN7614">
        <v>26</v>
      </c>
      <c r="AO7614">
        <v>26</v>
      </c>
      <c r="AP7614">
        <v>26</v>
      </c>
      <c r="AQ7614">
        <v>26</v>
      </c>
    </row>
    <row r="7615" spans="1:43">
      <c r="A7615" t="s">
        <v>4770</v>
      </c>
      <c r="B7615" t="s">
        <v>4771</v>
      </c>
      <c r="C7615" t="s">
        <v>4646</v>
      </c>
      <c r="D7615" t="s">
        <v>4647</v>
      </c>
      <c r="E7615" t="s">
        <v>4592</v>
      </c>
      <c r="F7615" t="s">
        <v>4593</v>
      </c>
      <c r="G7615" t="s">
        <v>80</v>
      </c>
      <c r="H7615" t="s">
        <v>81</v>
      </c>
      <c r="I7615" s="2">
        <v>1</v>
      </c>
      <c r="J7615" s="2">
        <v>0</v>
      </c>
      <c r="K7615" s="2">
        <v>0</v>
      </c>
      <c r="L7615" t="s">
        <v>120</v>
      </c>
      <c r="M7615" t="s">
        <v>87</v>
      </c>
      <c r="N7615" t="s">
        <v>88</v>
      </c>
      <c r="O7615" t="s">
        <v>85</v>
      </c>
      <c r="P7615" t="s">
        <v>86</v>
      </c>
      <c r="Q7615">
        <v>21</v>
      </c>
      <c r="R7615">
        <v>21</v>
      </c>
      <c r="S7615">
        <v>21</v>
      </c>
      <c r="T7615">
        <v>21</v>
      </c>
      <c r="U7615">
        <v>21</v>
      </c>
      <c r="V7615">
        <v>21</v>
      </c>
      <c r="W7615">
        <v>21</v>
      </c>
      <c r="X7615">
        <v>21</v>
      </c>
      <c r="Y7615">
        <v>21</v>
      </c>
      <c r="Z7615">
        <v>22</v>
      </c>
      <c r="AA7615">
        <v>22</v>
      </c>
      <c r="AB7615">
        <v>22</v>
      </c>
      <c r="AC7615">
        <v>22</v>
      </c>
      <c r="AD7615">
        <v>22</v>
      </c>
      <c r="AE7615">
        <v>22</v>
      </c>
      <c r="AF7615">
        <v>22</v>
      </c>
      <c r="AG7615">
        <v>22</v>
      </c>
      <c r="AH7615">
        <v>22</v>
      </c>
      <c r="AI7615">
        <v>22</v>
      </c>
      <c r="AJ7615">
        <v>22</v>
      </c>
      <c r="AK7615">
        <v>23</v>
      </c>
      <c r="AL7615">
        <v>23</v>
      </c>
      <c r="AM7615">
        <v>23</v>
      </c>
      <c r="AN7615">
        <v>23</v>
      </c>
      <c r="AO7615">
        <v>23</v>
      </c>
      <c r="AP7615">
        <v>23</v>
      </c>
      <c r="AQ7615">
        <v>23</v>
      </c>
    </row>
    <row r="7616" spans="1:43">
      <c r="A7616" t="s">
        <v>4770</v>
      </c>
      <c r="B7616" t="s">
        <v>4771</v>
      </c>
      <c r="C7616" t="s">
        <v>4646</v>
      </c>
      <c r="D7616" t="s">
        <v>4647</v>
      </c>
      <c r="E7616" t="s">
        <v>4592</v>
      </c>
      <c r="F7616" t="s">
        <v>4593</v>
      </c>
      <c r="G7616" t="s">
        <v>80</v>
      </c>
      <c r="H7616" t="s">
        <v>81</v>
      </c>
      <c r="I7616" s="2">
        <v>1</v>
      </c>
      <c r="J7616" s="2">
        <v>0</v>
      </c>
      <c r="K7616" s="2">
        <v>0</v>
      </c>
      <c r="L7616" t="s">
        <v>120</v>
      </c>
      <c r="M7616" t="s">
        <v>89</v>
      </c>
      <c r="N7616" t="s">
        <v>90</v>
      </c>
      <c r="O7616" t="s">
        <v>85</v>
      </c>
      <c r="P7616" t="s">
        <v>86</v>
      </c>
      <c r="Q7616">
        <v>21</v>
      </c>
      <c r="R7616">
        <v>21</v>
      </c>
      <c r="S7616">
        <v>22</v>
      </c>
      <c r="T7616">
        <v>22</v>
      </c>
      <c r="U7616">
        <v>23</v>
      </c>
      <c r="V7616">
        <v>23</v>
      </c>
      <c r="W7616">
        <v>24</v>
      </c>
      <c r="X7616">
        <v>24</v>
      </c>
      <c r="Y7616">
        <v>25</v>
      </c>
      <c r="Z7616">
        <v>25</v>
      </c>
      <c r="AA7616">
        <v>25</v>
      </c>
      <c r="AB7616">
        <v>26</v>
      </c>
      <c r="AC7616">
        <v>26</v>
      </c>
      <c r="AD7616">
        <v>26</v>
      </c>
      <c r="AE7616">
        <v>27</v>
      </c>
      <c r="AF7616">
        <v>27</v>
      </c>
      <c r="AG7616">
        <v>27</v>
      </c>
      <c r="AH7616">
        <v>27</v>
      </c>
      <c r="AI7616">
        <v>27</v>
      </c>
      <c r="AJ7616">
        <v>27</v>
      </c>
      <c r="AK7616">
        <v>27</v>
      </c>
      <c r="AL7616">
        <v>27</v>
      </c>
      <c r="AM7616">
        <v>27</v>
      </c>
      <c r="AN7616">
        <v>27</v>
      </c>
      <c r="AO7616">
        <v>27</v>
      </c>
      <c r="AP7616">
        <v>27</v>
      </c>
      <c r="AQ7616">
        <v>27</v>
      </c>
    </row>
    <row r="7617" spans="1:43">
      <c r="A7617" t="s">
        <v>4770</v>
      </c>
      <c r="B7617" t="s">
        <v>4771</v>
      </c>
      <c r="C7617" t="s">
        <v>4646</v>
      </c>
      <c r="D7617" t="s">
        <v>4647</v>
      </c>
      <c r="E7617" t="s">
        <v>4592</v>
      </c>
      <c r="F7617" t="s">
        <v>4593</v>
      </c>
      <c r="G7617" t="s">
        <v>80</v>
      </c>
      <c r="H7617" t="s">
        <v>81</v>
      </c>
      <c r="I7617" s="2">
        <v>1</v>
      </c>
      <c r="J7617" s="2">
        <v>0</v>
      </c>
      <c r="K7617" s="2">
        <v>0</v>
      </c>
      <c r="L7617" t="s">
        <v>120</v>
      </c>
      <c r="M7617" t="s">
        <v>83</v>
      </c>
      <c r="N7617" t="s">
        <v>91</v>
      </c>
      <c r="O7617" t="s">
        <v>85</v>
      </c>
      <c r="P7617" t="s">
        <v>86</v>
      </c>
      <c r="Q7617">
        <v>21</v>
      </c>
      <c r="R7617">
        <v>21</v>
      </c>
      <c r="S7617">
        <v>21</v>
      </c>
      <c r="T7617">
        <v>22</v>
      </c>
      <c r="U7617">
        <v>22</v>
      </c>
      <c r="V7617">
        <v>22</v>
      </c>
      <c r="W7617">
        <v>23</v>
      </c>
      <c r="X7617">
        <v>23</v>
      </c>
      <c r="Y7617">
        <v>23</v>
      </c>
      <c r="Z7617">
        <v>23</v>
      </c>
      <c r="AA7617">
        <v>24</v>
      </c>
      <c r="AB7617">
        <v>24</v>
      </c>
      <c r="AC7617">
        <v>24</v>
      </c>
      <c r="AD7617">
        <v>25</v>
      </c>
      <c r="AE7617">
        <v>25</v>
      </c>
      <c r="AF7617">
        <v>25</v>
      </c>
      <c r="AG7617">
        <v>25</v>
      </c>
      <c r="AH7617">
        <v>26</v>
      </c>
      <c r="AI7617">
        <v>26</v>
      </c>
      <c r="AJ7617">
        <v>26</v>
      </c>
      <c r="AK7617">
        <v>26</v>
      </c>
      <c r="AL7617">
        <v>26</v>
      </c>
      <c r="AM7617">
        <v>26</v>
      </c>
      <c r="AN7617">
        <v>26</v>
      </c>
      <c r="AO7617">
        <v>26</v>
      </c>
      <c r="AP7617">
        <v>26</v>
      </c>
      <c r="AQ7617">
        <v>26</v>
      </c>
    </row>
    <row r="7618" spans="1:43">
      <c r="A7618" t="s">
        <v>4772</v>
      </c>
      <c r="B7618" t="s">
        <v>4773</v>
      </c>
      <c r="C7618" t="s">
        <v>4646</v>
      </c>
      <c r="D7618" t="s">
        <v>4647</v>
      </c>
      <c r="E7618" t="s">
        <v>4592</v>
      </c>
      <c r="F7618" t="s">
        <v>4593</v>
      </c>
      <c r="G7618" t="s">
        <v>80</v>
      </c>
      <c r="H7618" t="s">
        <v>81</v>
      </c>
      <c r="I7618" s="2">
        <v>1</v>
      </c>
      <c r="J7618" s="2">
        <v>0</v>
      </c>
      <c r="K7618" s="2">
        <v>0</v>
      </c>
      <c r="L7618" t="s">
        <v>120</v>
      </c>
      <c r="M7618" t="s">
        <v>83</v>
      </c>
      <c r="N7618" t="s">
        <v>84</v>
      </c>
      <c r="O7618" t="s">
        <v>85</v>
      </c>
      <c r="P7618" t="s">
        <v>86</v>
      </c>
      <c r="Q7618">
        <v>20</v>
      </c>
      <c r="R7618">
        <v>21</v>
      </c>
      <c r="S7618">
        <v>21</v>
      </c>
      <c r="T7618">
        <v>21</v>
      </c>
      <c r="U7618">
        <v>22</v>
      </c>
      <c r="V7618">
        <v>22</v>
      </c>
      <c r="W7618">
        <v>22</v>
      </c>
      <c r="X7618">
        <v>23</v>
      </c>
      <c r="Y7618">
        <v>23</v>
      </c>
      <c r="Z7618">
        <v>23</v>
      </c>
      <c r="AA7618">
        <v>24</v>
      </c>
      <c r="AB7618">
        <v>24</v>
      </c>
      <c r="AC7618">
        <v>24</v>
      </c>
      <c r="AD7618">
        <v>25</v>
      </c>
      <c r="AE7618">
        <v>25</v>
      </c>
      <c r="AF7618">
        <v>25</v>
      </c>
      <c r="AG7618">
        <v>25</v>
      </c>
      <c r="AH7618">
        <v>26</v>
      </c>
      <c r="AI7618">
        <v>26</v>
      </c>
      <c r="AJ7618">
        <v>26</v>
      </c>
      <c r="AK7618">
        <v>27</v>
      </c>
      <c r="AL7618">
        <v>27</v>
      </c>
      <c r="AM7618">
        <v>27</v>
      </c>
      <c r="AN7618">
        <v>27</v>
      </c>
      <c r="AO7618">
        <v>27</v>
      </c>
      <c r="AP7618">
        <v>27</v>
      </c>
      <c r="AQ7618">
        <v>27</v>
      </c>
    </row>
    <row r="7619" spans="1:43">
      <c r="A7619" t="s">
        <v>4772</v>
      </c>
      <c r="B7619" t="s">
        <v>4773</v>
      </c>
      <c r="C7619" t="s">
        <v>4646</v>
      </c>
      <c r="D7619" t="s">
        <v>4647</v>
      </c>
      <c r="E7619" t="s">
        <v>4592</v>
      </c>
      <c r="F7619" t="s">
        <v>4593</v>
      </c>
      <c r="G7619" t="s">
        <v>80</v>
      </c>
      <c r="H7619" t="s">
        <v>81</v>
      </c>
      <c r="I7619" s="2">
        <v>1</v>
      </c>
      <c r="J7619" s="2">
        <v>0</v>
      </c>
      <c r="K7619" s="2">
        <v>0</v>
      </c>
      <c r="L7619" t="s">
        <v>120</v>
      </c>
      <c r="M7619" t="s">
        <v>87</v>
      </c>
      <c r="N7619" t="s">
        <v>88</v>
      </c>
      <c r="O7619" t="s">
        <v>85</v>
      </c>
      <c r="P7619" t="s">
        <v>86</v>
      </c>
      <c r="Q7619">
        <v>20</v>
      </c>
      <c r="R7619">
        <v>20</v>
      </c>
      <c r="S7619">
        <v>21</v>
      </c>
      <c r="T7619">
        <v>21</v>
      </c>
      <c r="U7619">
        <v>21</v>
      </c>
      <c r="V7619">
        <v>21</v>
      </c>
      <c r="W7619">
        <v>21</v>
      </c>
      <c r="X7619">
        <v>21</v>
      </c>
      <c r="Y7619">
        <v>21</v>
      </c>
      <c r="Z7619">
        <v>21</v>
      </c>
      <c r="AA7619">
        <v>22</v>
      </c>
      <c r="AB7619">
        <v>22</v>
      </c>
      <c r="AC7619">
        <v>22</v>
      </c>
      <c r="AD7619">
        <v>22</v>
      </c>
      <c r="AE7619">
        <v>22</v>
      </c>
      <c r="AF7619">
        <v>22</v>
      </c>
      <c r="AG7619">
        <v>22</v>
      </c>
      <c r="AH7619">
        <v>22</v>
      </c>
      <c r="AI7619">
        <v>22</v>
      </c>
      <c r="AJ7619">
        <v>22</v>
      </c>
      <c r="AK7619">
        <v>23</v>
      </c>
      <c r="AL7619">
        <v>23</v>
      </c>
      <c r="AM7619">
        <v>23</v>
      </c>
      <c r="AN7619">
        <v>23</v>
      </c>
      <c r="AO7619">
        <v>23</v>
      </c>
      <c r="AP7619">
        <v>23</v>
      </c>
      <c r="AQ7619">
        <v>23</v>
      </c>
    </row>
    <row r="7620" spans="1:43">
      <c r="A7620" t="s">
        <v>4772</v>
      </c>
      <c r="B7620" t="s">
        <v>4773</v>
      </c>
      <c r="C7620" t="s">
        <v>4646</v>
      </c>
      <c r="D7620" t="s">
        <v>4647</v>
      </c>
      <c r="E7620" t="s">
        <v>4592</v>
      </c>
      <c r="F7620" t="s">
        <v>4593</v>
      </c>
      <c r="G7620" t="s">
        <v>80</v>
      </c>
      <c r="H7620" t="s">
        <v>81</v>
      </c>
      <c r="I7620" s="2">
        <v>1</v>
      </c>
      <c r="J7620" s="2">
        <v>0</v>
      </c>
      <c r="K7620" s="2">
        <v>0</v>
      </c>
      <c r="L7620" t="s">
        <v>120</v>
      </c>
      <c r="M7620" t="s">
        <v>89</v>
      </c>
      <c r="N7620" t="s">
        <v>90</v>
      </c>
      <c r="O7620" t="s">
        <v>85</v>
      </c>
      <c r="P7620" t="s">
        <v>86</v>
      </c>
      <c r="Q7620">
        <v>20</v>
      </c>
      <c r="R7620">
        <v>20</v>
      </c>
      <c r="S7620">
        <v>21</v>
      </c>
      <c r="T7620">
        <v>21</v>
      </c>
      <c r="U7620">
        <v>22</v>
      </c>
      <c r="V7620">
        <v>22</v>
      </c>
      <c r="W7620">
        <v>23</v>
      </c>
      <c r="X7620">
        <v>23</v>
      </c>
      <c r="Y7620">
        <v>23</v>
      </c>
      <c r="Z7620">
        <v>24</v>
      </c>
      <c r="AA7620">
        <v>24</v>
      </c>
      <c r="AB7620">
        <v>25</v>
      </c>
      <c r="AC7620">
        <v>25</v>
      </c>
      <c r="AD7620">
        <v>25</v>
      </c>
      <c r="AE7620">
        <v>26</v>
      </c>
      <c r="AF7620">
        <v>26</v>
      </c>
      <c r="AG7620">
        <v>26</v>
      </c>
      <c r="AH7620">
        <v>26</v>
      </c>
      <c r="AI7620">
        <v>26</v>
      </c>
      <c r="AJ7620">
        <v>26</v>
      </c>
      <c r="AK7620">
        <v>26</v>
      </c>
      <c r="AL7620">
        <v>26</v>
      </c>
      <c r="AM7620">
        <v>26</v>
      </c>
      <c r="AN7620">
        <v>26</v>
      </c>
      <c r="AO7620">
        <v>26</v>
      </c>
      <c r="AP7620">
        <v>26</v>
      </c>
      <c r="AQ7620">
        <v>26</v>
      </c>
    </row>
    <row r="7621" spans="1:43">
      <c r="A7621" t="s">
        <v>4772</v>
      </c>
      <c r="B7621" t="s">
        <v>4773</v>
      </c>
      <c r="C7621" t="s">
        <v>4646</v>
      </c>
      <c r="D7621" t="s">
        <v>4647</v>
      </c>
      <c r="E7621" t="s">
        <v>4592</v>
      </c>
      <c r="F7621" t="s">
        <v>4593</v>
      </c>
      <c r="G7621" t="s">
        <v>80</v>
      </c>
      <c r="H7621" t="s">
        <v>81</v>
      </c>
      <c r="I7621" s="2">
        <v>1</v>
      </c>
      <c r="J7621" s="2">
        <v>0</v>
      </c>
      <c r="K7621" s="2">
        <v>0</v>
      </c>
      <c r="L7621" t="s">
        <v>120</v>
      </c>
      <c r="M7621" t="s">
        <v>83</v>
      </c>
      <c r="N7621" t="s">
        <v>91</v>
      </c>
      <c r="O7621" t="s">
        <v>85</v>
      </c>
      <c r="P7621" t="s">
        <v>86</v>
      </c>
      <c r="Q7621">
        <v>20</v>
      </c>
      <c r="R7621">
        <v>21</v>
      </c>
      <c r="S7621">
        <v>21</v>
      </c>
      <c r="T7621">
        <v>21</v>
      </c>
      <c r="U7621">
        <v>22</v>
      </c>
      <c r="V7621">
        <v>22</v>
      </c>
      <c r="W7621">
        <v>22</v>
      </c>
      <c r="X7621">
        <v>23</v>
      </c>
      <c r="Y7621">
        <v>23</v>
      </c>
      <c r="Z7621">
        <v>23</v>
      </c>
      <c r="AA7621">
        <v>24</v>
      </c>
      <c r="AB7621">
        <v>24</v>
      </c>
      <c r="AC7621">
        <v>24</v>
      </c>
      <c r="AD7621">
        <v>25</v>
      </c>
      <c r="AE7621">
        <v>25</v>
      </c>
      <c r="AF7621">
        <v>25</v>
      </c>
      <c r="AG7621">
        <v>25</v>
      </c>
      <c r="AH7621">
        <v>26</v>
      </c>
      <c r="AI7621">
        <v>26</v>
      </c>
      <c r="AJ7621">
        <v>26</v>
      </c>
      <c r="AK7621">
        <v>27</v>
      </c>
      <c r="AL7621">
        <v>27</v>
      </c>
      <c r="AM7621">
        <v>27</v>
      </c>
      <c r="AN7621">
        <v>27</v>
      </c>
      <c r="AO7621">
        <v>27</v>
      </c>
      <c r="AP7621">
        <v>27</v>
      </c>
      <c r="AQ7621">
        <v>27</v>
      </c>
    </row>
    <row r="7622" spans="1:43">
      <c r="A7622" t="s">
        <v>4774</v>
      </c>
      <c r="B7622" t="s">
        <v>4775</v>
      </c>
      <c r="C7622" t="s">
        <v>4768</v>
      </c>
      <c r="D7622" t="s">
        <v>4769</v>
      </c>
      <c r="E7622" t="s">
        <v>4592</v>
      </c>
      <c r="F7622" t="s">
        <v>4593</v>
      </c>
      <c r="G7622" t="s">
        <v>80</v>
      </c>
      <c r="H7622" t="s">
        <v>81</v>
      </c>
      <c r="I7622" s="2">
        <v>1</v>
      </c>
      <c r="J7622" s="2">
        <v>0</v>
      </c>
      <c r="K7622" s="2">
        <v>0</v>
      </c>
      <c r="L7622" t="s">
        <v>120</v>
      </c>
      <c r="M7622" t="s">
        <v>83</v>
      </c>
      <c r="N7622" t="s">
        <v>84</v>
      </c>
      <c r="O7622" t="s">
        <v>85</v>
      </c>
      <c r="P7622" t="s">
        <v>86</v>
      </c>
      <c r="Q7622">
        <v>36</v>
      </c>
      <c r="R7622">
        <v>36</v>
      </c>
      <c r="S7622">
        <v>37</v>
      </c>
      <c r="T7622">
        <v>37</v>
      </c>
      <c r="U7622">
        <v>38</v>
      </c>
      <c r="V7622">
        <v>38</v>
      </c>
      <c r="W7622">
        <v>39</v>
      </c>
      <c r="X7622">
        <v>40</v>
      </c>
      <c r="Y7622">
        <v>40</v>
      </c>
      <c r="Z7622">
        <v>41</v>
      </c>
      <c r="AA7622">
        <v>41</v>
      </c>
      <c r="AB7622">
        <v>41</v>
      </c>
      <c r="AC7622">
        <v>42</v>
      </c>
      <c r="AD7622">
        <v>42</v>
      </c>
      <c r="AE7622">
        <v>43</v>
      </c>
      <c r="AF7622">
        <v>43</v>
      </c>
      <c r="AG7622">
        <v>44</v>
      </c>
      <c r="AH7622">
        <v>44</v>
      </c>
      <c r="AI7622">
        <v>45</v>
      </c>
      <c r="AJ7622">
        <v>45</v>
      </c>
      <c r="AK7622">
        <v>46</v>
      </c>
      <c r="AL7622">
        <v>46</v>
      </c>
      <c r="AM7622">
        <v>46</v>
      </c>
      <c r="AN7622">
        <v>46</v>
      </c>
      <c r="AO7622">
        <v>46</v>
      </c>
      <c r="AP7622">
        <v>46</v>
      </c>
      <c r="AQ7622">
        <v>46</v>
      </c>
    </row>
    <row r="7623" spans="1:43">
      <c r="A7623" t="s">
        <v>4774</v>
      </c>
      <c r="B7623" t="s">
        <v>4775</v>
      </c>
      <c r="C7623" t="s">
        <v>4768</v>
      </c>
      <c r="D7623" t="s">
        <v>4769</v>
      </c>
      <c r="E7623" t="s">
        <v>4592</v>
      </c>
      <c r="F7623" t="s">
        <v>4593</v>
      </c>
      <c r="G7623" t="s">
        <v>80</v>
      </c>
      <c r="H7623" t="s">
        <v>81</v>
      </c>
      <c r="I7623" s="2">
        <v>1</v>
      </c>
      <c r="J7623" s="2">
        <v>0</v>
      </c>
      <c r="K7623" s="2">
        <v>0</v>
      </c>
      <c r="L7623" t="s">
        <v>120</v>
      </c>
      <c r="M7623" t="s">
        <v>87</v>
      </c>
      <c r="N7623" t="s">
        <v>88</v>
      </c>
      <c r="O7623" t="s">
        <v>85</v>
      </c>
      <c r="P7623" t="s">
        <v>86</v>
      </c>
      <c r="Q7623">
        <v>36</v>
      </c>
      <c r="R7623">
        <v>37</v>
      </c>
      <c r="S7623">
        <v>37</v>
      </c>
      <c r="T7623">
        <v>37</v>
      </c>
      <c r="U7623">
        <v>37</v>
      </c>
      <c r="V7623">
        <v>37</v>
      </c>
      <c r="W7623">
        <v>38</v>
      </c>
      <c r="X7623">
        <v>38</v>
      </c>
      <c r="Y7623">
        <v>38</v>
      </c>
      <c r="Z7623">
        <v>38</v>
      </c>
      <c r="AA7623">
        <v>38</v>
      </c>
      <c r="AB7623">
        <v>39</v>
      </c>
      <c r="AC7623">
        <v>39</v>
      </c>
      <c r="AD7623">
        <v>39</v>
      </c>
      <c r="AE7623">
        <v>39</v>
      </c>
      <c r="AF7623">
        <v>39</v>
      </c>
      <c r="AG7623">
        <v>39</v>
      </c>
      <c r="AH7623">
        <v>40</v>
      </c>
      <c r="AI7623">
        <v>40</v>
      </c>
      <c r="AJ7623">
        <v>40</v>
      </c>
      <c r="AK7623">
        <v>40</v>
      </c>
      <c r="AL7623">
        <v>40</v>
      </c>
      <c r="AM7623">
        <v>40</v>
      </c>
      <c r="AN7623">
        <v>40</v>
      </c>
      <c r="AO7623">
        <v>40</v>
      </c>
      <c r="AP7623">
        <v>41</v>
      </c>
      <c r="AQ7623">
        <v>41</v>
      </c>
    </row>
    <row r="7624" spans="1:43">
      <c r="A7624" t="s">
        <v>4774</v>
      </c>
      <c r="B7624" t="s">
        <v>4775</v>
      </c>
      <c r="C7624" t="s">
        <v>4768</v>
      </c>
      <c r="D7624" t="s">
        <v>4769</v>
      </c>
      <c r="E7624" t="s">
        <v>4592</v>
      </c>
      <c r="F7624" t="s">
        <v>4593</v>
      </c>
      <c r="G7624" t="s">
        <v>80</v>
      </c>
      <c r="H7624" t="s">
        <v>81</v>
      </c>
      <c r="I7624" s="2">
        <v>1</v>
      </c>
      <c r="J7624" s="2">
        <v>0</v>
      </c>
      <c r="K7624" s="2">
        <v>0</v>
      </c>
      <c r="L7624" t="s">
        <v>120</v>
      </c>
      <c r="M7624" t="s">
        <v>89</v>
      </c>
      <c r="N7624" t="s">
        <v>90</v>
      </c>
      <c r="O7624" t="s">
        <v>85</v>
      </c>
      <c r="P7624" t="s">
        <v>86</v>
      </c>
      <c r="Q7624">
        <v>36</v>
      </c>
      <c r="R7624">
        <v>37</v>
      </c>
      <c r="S7624">
        <v>38</v>
      </c>
      <c r="T7624">
        <v>39</v>
      </c>
      <c r="U7624">
        <v>39</v>
      </c>
      <c r="V7624">
        <v>40</v>
      </c>
      <c r="W7624">
        <v>41</v>
      </c>
      <c r="X7624">
        <v>42</v>
      </c>
      <c r="Y7624">
        <v>42</v>
      </c>
      <c r="Z7624">
        <v>43</v>
      </c>
      <c r="AA7624">
        <v>44</v>
      </c>
      <c r="AB7624">
        <v>44</v>
      </c>
      <c r="AC7624">
        <v>45</v>
      </c>
      <c r="AD7624">
        <v>46</v>
      </c>
      <c r="AE7624">
        <v>46</v>
      </c>
      <c r="AF7624">
        <v>46</v>
      </c>
      <c r="AG7624">
        <v>46</v>
      </c>
      <c r="AH7624">
        <v>46</v>
      </c>
      <c r="AI7624">
        <v>46</v>
      </c>
      <c r="AJ7624">
        <v>46</v>
      </c>
      <c r="AK7624">
        <v>46</v>
      </c>
      <c r="AL7624">
        <v>46</v>
      </c>
      <c r="AM7624">
        <v>46</v>
      </c>
      <c r="AN7624">
        <v>46</v>
      </c>
      <c r="AO7624">
        <v>46</v>
      </c>
      <c r="AP7624">
        <v>46</v>
      </c>
      <c r="AQ7624">
        <v>46</v>
      </c>
    </row>
    <row r="7625" spans="1:43">
      <c r="A7625" t="s">
        <v>4774</v>
      </c>
      <c r="B7625" t="s">
        <v>4775</v>
      </c>
      <c r="C7625" t="s">
        <v>4768</v>
      </c>
      <c r="D7625" t="s">
        <v>4769</v>
      </c>
      <c r="E7625" t="s">
        <v>4592</v>
      </c>
      <c r="F7625" t="s">
        <v>4593</v>
      </c>
      <c r="G7625" t="s">
        <v>80</v>
      </c>
      <c r="H7625" t="s">
        <v>81</v>
      </c>
      <c r="I7625" s="2">
        <v>1</v>
      </c>
      <c r="J7625" s="2">
        <v>0</v>
      </c>
      <c r="K7625" s="2">
        <v>0</v>
      </c>
      <c r="L7625" t="s">
        <v>120</v>
      </c>
      <c r="M7625" t="s">
        <v>83</v>
      </c>
      <c r="N7625" t="s">
        <v>91</v>
      </c>
      <c r="O7625" t="s">
        <v>85</v>
      </c>
      <c r="P7625" t="s">
        <v>86</v>
      </c>
      <c r="Q7625">
        <v>36</v>
      </c>
      <c r="R7625">
        <v>36</v>
      </c>
      <c r="S7625">
        <v>37</v>
      </c>
      <c r="T7625">
        <v>37</v>
      </c>
      <c r="U7625">
        <v>38</v>
      </c>
      <c r="V7625">
        <v>38</v>
      </c>
      <c r="W7625">
        <v>39</v>
      </c>
      <c r="X7625">
        <v>40</v>
      </c>
      <c r="Y7625">
        <v>40</v>
      </c>
      <c r="Z7625">
        <v>41</v>
      </c>
      <c r="AA7625">
        <v>41</v>
      </c>
      <c r="AB7625">
        <v>41</v>
      </c>
      <c r="AC7625">
        <v>42</v>
      </c>
      <c r="AD7625">
        <v>42</v>
      </c>
      <c r="AE7625">
        <v>43</v>
      </c>
      <c r="AF7625">
        <v>43</v>
      </c>
      <c r="AG7625">
        <v>44</v>
      </c>
      <c r="AH7625">
        <v>44</v>
      </c>
      <c r="AI7625">
        <v>45</v>
      </c>
      <c r="AJ7625">
        <v>45</v>
      </c>
      <c r="AK7625">
        <v>46</v>
      </c>
      <c r="AL7625">
        <v>46</v>
      </c>
      <c r="AM7625">
        <v>46</v>
      </c>
      <c r="AN7625">
        <v>46</v>
      </c>
      <c r="AO7625">
        <v>46</v>
      </c>
      <c r="AP7625">
        <v>46</v>
      </c>
      <c r="AQ7625">
        <v>46</v>
      </c>
    </row>
    <row r="7626" spans="1:43">
      <c r="A7626" t="s">
        <v>4776</v>
      </c>
      <c r="B7626" t="s">
        <v>4777</v>
      </c>
      <c r="C7626" t="s">
        <v>4768</v>
      </c>
      <c r="D7626" t="s">
        <v>4769</v>
      </c>
      <c r="E7626" t="s">
        <v>4592</v>
      </c>
      <c r="F7626" t="s">
        <v>4593</v>
      </c>
      <c r="G7626" t="s">
        <v>80</v>
      </c>
      <c r="H7626" t="s">
        <v>81</v>
      </c>
      <c r="I7626" s="2">
        <v>1</v>
      </c>
      <c r="J7626" s="2">
        <v>0</v>
      </c>
      <c r="K7626" s="2">
        <v>0</v>
      </c>
      <c r="L7626" t="s">
        <v>120</v>
      </c>
      <c r="M7626" t="s">
        <v>83</v>
      </c>
      <c r="N7626" t="s">
        <v>84</v>
      </c>
      <c r="O7626" t="s">
        <v>85</v>
      </c>
      <c r="P7626" t="s">
        <v>86</v>
      </c>
      <c r="Q7626">
        <v>31</v>
      </c>
      <c r="R7626">
        <v>31</v>
      </c>
      <c r="S7626">
        <v>31</v>
      </c>
      <c r="T7626">
        <v>32</v>
      </c>
      <c r="U7626">
        <v>32</v>
      </c>
      <c r="V7626">
        <v>33</v>
      </c>
      <c r="W7626">
        <v>33</v>
      </c>
      <c r="X7626">
        <v>34</v>
      </c>
      <c r="Y7626">
        <v>34</v>
      </c>
      <c r="Z7626">
        <v>35</v>
      </c>
      <c r="AA7626">
        <v>35</v>
      </c>
      <c r="AB7626">
        <v>35</v>
      </c>
      <c r="AC7626">
        <v>36</v>
      </c>
      <c r="AD7626">
        <v>36</v>
      </c>
      <c r="AE7626">
        <v>37</v>
      </c>
      <c r="AF7626">
        <v>37</v>
      </c>
      <c r="AG7626">
        <v>37</v>
      </c>
      <c r="AH7626">
        <v>38</v>
      </c>
      <c r="AI7626">
        <v>38</v>
      </c>
      <c r="AJ7626">
        <v>39</v>
      </c>
      <c r="AK7626">
        <v>39</v>
      </c>
      <c r="AL7626">
        <v>39</v>
      </c>
      <c r="AM7626">
        <v>39</v>
      </c>
      <c r="AN7626">
        <v>39</v>
      </c>
      <c r="AO7626">
        <v>39</v>
      </c>
      <c r="AP7626">
        <v>39</v>
      </c>
      <c r="AQ7626">
        <v>39</v>
      </c>
    </row>
    <row r="7627" spans="1:43">
      <c r="A7627" t="s">
        <v>4776</v>
      </c>
      <c r="B7627" t="s">
        <v>4777</v>
      </c>
      <c r="C7627" t="s">
        <v>4768</v>
      </c>
      <c r="D7627" t="s">
        <v>4769</v>
      </c>
      <c r="E7627" t="s">
        <v>4592</v>
      </c>
      <c r="F7627" t="s">
        <v>4593</v>
      </c>
      <c r="G7627" t="s">
        <v>80</v>
      </c>
      <c r="H7627" t="s">
        <v>81</v>
      </c>
      <c r="I7627" s="2">
        <v>1</v>
      </c>
      <c r="J7627" s="2">
        <v>0</v>
      </c>
      <c r="K7627" s="2">
        <v>0</v>
      </c>
      <c r="L7627" t="s">
        <v>120</v>
      </c>
      <c r="M7627" t="s">
        <v>87</v>
      </c>
      <c r="N7627" t="s">
        <v>88</v>
      </c>
      <c r="O7627" t="s">
        <v>85</v>
      </c>
      <c r="P7627" t="s">
        <v>86</v>
      </c>
      <c r="Q7627">
        <v>31</v>
      </c>
      <c r="R7627">
        <v>31</v>
      </c>
      <c r="S7627">
        <v>32</v>
      </c>
      <c r="T7627">
        <v>32</v>
      </c>
      <c r="U7627">
        <v>32</v>
      </c>
      <c r="V7627">
        <v>32</v>
      </c>
      <c r="W7627">
        <v>32</v>
      </c>
      <c r="X7627">
        <v>32</v>
      </c>
      <c r="Y7627">
        <v>33</v>
      </c>
      <c r="Z7627">
        <v>33</v>
      </c>
      <c r="AA7627">
        <v>33</v>
      </c>
      <c r="AB7627">
        <v>33</v>
      </c>
      <c r="AC7627">
        <v>33</v>
      </c>
      <c r="AD7627">
        <v>33</v>
      </c>
      <c r="AE7627">
        <v>34</v>
      </c>
      <c r="AF7627">
        <v>34</v>
      </c>
      <c r="AG7627">
        <v>34</v>
      </c>
      <c r="AH7627">
        <v>34</v>
      </c>
      <c r="AI7627">
        <v>34</v>
      </c>
      <c r="AJ7627">
        <v>34</v>
      </c>
      <c r="AK7627">
        <v>34</v>
      </c>
      <c r="AL7627">
        <v>34</v>
      </c>
      <c r="AM7627">
        <v>34</v>
      </c>
      <c r="AN7627">
        <v>35</v>
      </c>
      <c r="AO7627">
        <v>35</v>
      </c>
      <c r="AP7627">
        <v>35</v>
      </c>
      <c r="AQ7627">
        <v>35</v>
      </c>
    </row>
    <row r="7628" spans="1:43">
      <c r="A7628" t="s">
        <v>4776</v>
      </c>
      <c r="B7628" t="s">
        <v>4777</v>
      </c>
      <c r="C7628" t="s">
        <v>4768</v>
      </c>
      <c r="D7628" t="s">
        <v>4769</v>
      </c>
      <c r="E7628" t="s">
        <v>4592</v>
      </c>
      <c r="F7628" t="s">
        <v>4593</v>
      </c>
      <c r="G7628" t="s">
        <v>80</v>
      </c>
      <c r="H7628" t="s">
        <v>81</v>
      </c>
      <c r="I7628" s="2">
        <v>1</v>
      </c>
      <c r="J7628" s="2">
        <v>0</v>
      </c>
      <c r="K7628" s="2">
        <v>0</v>
      </c>
      <c r="L7628" t="s">
        <v>120</v>
      </c>
      <c r="M7628" t="s">
        <v>89</v>
      </c>
      <c r="N7628" t="s">
        <v>90</v>
      </c>
      <c r="O7628" t="s">
        <v>85</v>
      </c>
      <c r="P7628" t="s">
        <v>86</v>
      </c>
      <c r="Q7628">
        <v>31</v>
      </c>
      <c r="R7628">
        <v>32</v>
      </c>
      <c r="S7628">
        <v>32</v>
      </c>
      <c r="T7628">
        <v>33</v>
      </c>
      <c r="U7628">
        <v>34</v>
      </c>
      <c r="V7628">
        <v>34</v>
      </c>
      <c r="W7628">
        <v>35</v>
      </c>
      <c r="X7628">
        <v>36</v>
      </c>
      <c r="Y7628">
        <v>36</v>
      </c>
      <c r="Z7628">
        <v>37</v>
      </c>
      <c r="AA7628">
        <v>37</v>
      </c>
      <c r="AB7628">
        <v>38</v>
      </c>
      <c r="AC7628">
        <v>38</v>
      </c>
      <c r="AD7628">
        <v>39</v>
      </c>
      <c r="AE7628">
        <v>39</v>
      </c>
      <c r="AF7628">
        <v>39</v>
      </c>
      <c r="AG7628">
        <v>39</v>
      </c>
      <c r="AH7628">
        <v>39</v>
      </c>
      <c r="AI7628">
        <v>39</v>
      </c>
      <c r="AJ7628">
        <v>39</v>
      </c>
      <c r="AK7628">
        <v>39</v>
      </c>
      <c r="AL7628">
        <v>39</v>
      </c>
      <c r="AM7628">
        <v>39</v>
      </c>
      <c r="AN7628">
        <v>39</v>
      </c>
      <c r="AO7628">
        <v>39</v>
      </c>
      <c r="AP7628">
        <v>39</v>
      </c>
      <c r="AQ7628">
        <v>39</v>
      </c>
    </row>
    <row r="7629" spans="1:43">
      <c r="A7629" t="s">
        <v>4776</v>
      </c>
      <c r="B7629" t="s">
        <v>4777</v>
      </c>
      <c r="C7629" t="s">
        <v>4768</v>
      </c>
      <c r="D7629" t="s">
        <v>4769</v>
      </c>
      <c r="E7629" t="s">
        <v>4592</v>
      </c>
      <c r="F7629" t="s">
        <v>4593</v>
      </c>
      <c r="G7629" t="s">
        <v>80</v>
      </c>
      <c r="H7629" t="s">
        <v>81</v>
      </c>
      <c r="I7629" s="2">
        <v>1</v>
      </c>
      <c r="J7629" s="2">
        <v>0</v>
      </c>
      <c r="K7629" s="2">
        <v>0</v>
      </c>
      <c r="L7629" t="s">
        <v>120</v>
      </c>
      <c r="M7629" t="s">
        <v>83</v>
      </c>
      <c r="N7629" t="s">
        <v>91</v>
      </c>
      <c r="O7629" t="s">
        <v>85</v>
      </c>
      <c r="P7629" t="s">
        <v>86</v>
      </c>
      <c r="Q7629">
        <v>31</v>
      </c>
      <c r="R7629">
        <v>31</v>
      </c>
      <c r="S7629">
        <v>31</v>
      </c>
      <c r="T7629">
        <v>32</v>
      </c>
      <c r="U7629">
        <v>32</v>
      </c>
      <c r="V7629">
        <v>33</v>
      </c>
      <c r="W7629">
        <v>33</v>
      </c>
      <c r="X7629">
        <v>34</v>
      </c>
      <c r="Y7629">
        <v>34</v>
      </c>
      <c r="Z7629">
        <v>35</v>
      </c>
      <c r="AA7629">
        <v>35</v>
      </c>
      <c r="AB7629">
        <v>35</v>
      </c>
      <c r="AC7629">
        <v>36</v>
      </c>
      <c r="AD7629">
        <v>36</v>
      </c>
      <c r="AE7629">
        <v>37</v>
      </c>
      <c r="AF7629">
        <v>37</v>
      </c>
      <c r="AG7629">
        <v>37</v>
      </c>
      <c r="AH7629">
        <v>38</v>
      </c>
      <c r="AI7629">
        <v>38</v>
      </c>
      <c r="AJ7629">
        <v>39</v>
      </c>
      <c r="AK7629">
        <v>39</v>
      </c>
      <c r="AL7629">
        <v>39</v>
      </c>
      <c r="AM7629">
        <v>39</v>
      </c>
      <c r="AN7629">
        <v>39</v>
      </c>
      <c r="AO7629">
        <v>39</v>
      </c>
      <c r="AP7629">
        <v>39</v>
      </c>
      <c r="AQ7629">
        <v>39</v>
      </c>
    </row>
    <row r="7630" spans="1:43">
      <c r="A7630" t="s">
        <v>4778</v>
      </c>
      <c r="B7630" t="s">
        <v>4779</v>
      </c>
      <c r="C7630" t="s">
        <v>4780</v>
      </c>
      <c r="D7630" t="s">
        <v>4781</v>
      </c>
      <c r="E7630" t="s">
        <v>4592</v>
      </c>
      <c r="F7630" t="s">
        <v>4593</v>
      </c>
      <c r="G7630" t="s">
        <v>80</v>
      </c>
      <c r="H7630" t="s">
        <v>81</v>
      </c>
      <c r="I7630" s="2">
        <v>1</v>
      </c>
      <c r="J7630" s="2">
        <v>0</v>
      </c>
      <c r="K7630" s="2">
        <v>0</v>
      </c>
      <c r="L7630" t="s">
        <v>120</v>
      </c>
      <c r="M7630" t="s">
        <v>83</v>
      </c>
      <c r="N7630" t="s">
        <v>84</v>
      </c>
      <c r="O7630" t="s">
        <v>85</v>
      </c>
      <c r="P7630" t="s">
        <v>86</v>
      </c>
      <c r="Q7630">
        <v>25</v>
      </c>
      <c r="R7630">
        <v>26</v>
      </c>
      <c r="S7630">
        <v>26</v>
      </c>
      <c r="T7630">
        <v>27</v>
      </c>
      <c r="U7630">
        <v>27</v>
      </c>
      <c r="V7630">
        <v>27</v>
      </c>
      <c r="W7630">
        <v>28</v>
      </c>
      <c r="X7630">
        <v>28</v>
      </c>
      <c r="Y7630">
        <v>28</v>
      </c>
      <c r="Z7630">
        <v>29</v>
      </c>
      <c r="AA7630">
        <v>29</v>
      </c>
      <c r="AB7630">
        <v>29</v>
      </c>
      <c r="AC7630">
        <v>30</v>
      </c>
      <c r="AD7630">
        <v>30</v>
      </c>
      <c r="AE7630">
        <v>30</v>
      </c>
      <c r="AF7630">
        <v>31</v>
      </c>
      <c r="AG7630">
        <v>31</v>
      </c>
      <c r="AH7630">
        <v>31</v>
      </c>
      <c r="AI7630">
        <v>32</v>
      </c>
      <c r="AJ7630">
        <v>32</v>
      </c>
      <c r="AK7630">
        <v>32</v>
      </c>
      <c r="AL7630">
        <v>32</v>
      </c>
      <c r="AM7630">
        <v>32</v>
      </c>
      <c r="AN7630">
        <v>32</v>
      </c>
      <c r="AO7630">
        <v>32</v>
      </c>
      <c r="AP7630">
        <v>32</v>
      </c>
      <c r="AQ7630">
        <v>32</v>
      </c>
    </row>
    <row r="7631" spans="1:43">
      <c r="A7631" t="s">
        <v>4778</v>
      </c>
      <c r="B7631" t="s">
        <v>4779</v>
      </c>
      <c r="C7631" t="s">
        <v>4780</v>
      </c>
      <c r="D7631" t="s">
        <v>4781</v>
      </c>
      <c r="E7631" t="s">
        <v>4592</v>
      </c>
      <c r="F7631" t="s">
        <v>4593</v>
      </c>
      <c r="G7631" t="s">
        <v>80</v>
      </c>
      <c r="H7631" t="s">
        <v>81</v>
      </c>
      <c r="I7631" s="2">
        <v>1</v>
      </c>
      <c r="J7631" s="2">
        <v>0</v>
      </c>
      <c r="K7631" s="2">
        <v>0</v>
      </c>
      <c r="L7631" t="s">
        <v>120</v>
      </c>
      <c r="M7631" t="s">
        <v>87</v>
      </c>
      <c r="N7631" t="s">
        <v>88</v>
      </c>
      <c r="O7631" t="s">
        <v>85</v>
      </c>
      <c r="P7631" t="s">
        <v>86</v>
      </c>
      <c r="Q7631">
        <v>25</v>
      </c>
      <c r="R7631">
        <v>25</v>
      </c>
      <c r="S7631">
        <v>25</v>
      </c>
      <c r="T7631">
        <v>26</v>
      </c>
      <c r="U7631">
        <v>26</v>
      </c>
      <c r="V7631">
        <v>26</v>
      </c>
      <c r="W7631">
        <v>26</v>
      </c>
      <c r="X7631">
        <v>26</v>
      </c>
      <c r="Y7631">
        <v>26</v>
      </c>
      <c r="Z7631">
        <v>26</v>
      </c>
      <c r="AA7631">
        <v>26</v>
      </c>
      <c r="AB7631">
        <v>27</v>
      </c>
      <c r="AC7631">
        <v>27</v>
      </c>
      <c r="AD7631">
        <v>27</v>
      </c>
      <c r="AE7631">
        <v>27</v>
      </c>
      <c r="AF7631">
        <v>27</v>
      </c>
      <c r="AG7631">
        <v>27</v>
      </c>
      <c r="AH7631">
        <v>27</v>
      </c>
      <c r="AI7631">
        <v>27</v>
      </c>
      <c r="AJ7631">
        <v>27</v>
      </c>
      <c r="AK7631">
        <v>27</v>
      </c>
      <c r="AL7631">
        <v>28</v>
      </c>
      <c r="AM7631">
        <v>28</v>
      </c>
      <c r="AN7631">
        <v>28</v>
      </c>
      <c r="AO7631">
        <v>28</v>
      </c>
      <c r="AP7631">
        <v>28</v>
      </c>
      <c r="AQ7631">
        <v>28</v>
      </c>
    </row>
    <row r="7632" spans="1:43">
      <c r="A7632" t="s">
        <v>4778</v>
      </c>
      <c r="B7632" t="s">
        <v>4779</v>
      </c>
      <c r="C7632" t="s">
        <v>4780</v>
      </c>
      <c r="D7632" t="s">
        <v>4781</v>
      </c>
      <c r="E7632" t="s">
        <v>4592</v>
      </c>
      <c r="F7632" t="s">
        <v>4593</v>
      </c>
      <c r="G7632" t="s">
        <v>80</v>
      </c>
      <c r="H7632" t="s">
        <v>81</v>
      </c>
      <c r="I7632" s="2">
        <v>1</v>
      </c>
      <c r="J7632" s="2">
        <v>0</v>
      </c>
      <c r="K7632" s="2">
        <v>0</v>
      </c>
      <c r="L7632" t="s">
        <v>120</v>
      </c>
      <c r="M7632" t="s">
        <v>89</v>
      </c>
      <c r="N7632" t="s">
        <v>90</v>
      </c>
      <c r="O7632" t="s">
        <v>85</v>
      </c>
      <c r="P7632" t="s">
        <v>86</v>
      </c>
      <c r="Q7632">
        <v>25</v>
      </c>
      <c r="R7632">
        <v>25</v>
      </c>
      <c r="S7632">
        <v>26</v>
      </c>
      <c r="T7632">
        <v>26</v>
      </c>
      <c r="U7632">
        <v>27</v>
      </c>
      <c r="V7632">
        <v>27</v>
      </c>
      <c r="W7632">
        <v>28</v>
      </c>
      <c r="X7632">
        <v>28</v>
      </c>
      <c r="Y7632">
        <v>29</v>
      </c>
      <c r="Z7632">
        <v>29</v>
      </c>
      <c r="AA7632">
        <v>30</v>
      </c>
      <c r="AB7632">
        <v>30</v>
      </c>
      <c r="AC7632">
        <v>31</v>
      </c>
      <c r="AD7632">
        <v>31</v>
      </c>
      <c r="AE7632">
        <v>31</v>
      </c>
      <c r="AF7632">
        <v>31</v>
      </c>
      <c r="AG7632">
        <v>31</v>
      </c>
      <c r="AH7632">
        <v>32</v>
      </c>
      <c r="AI7632">
        <v>32</v>
      </c>
      <c r="AJ7632">
        <v>31</v>
      </c>
      <c r="AK7632">
        <v>31</v>
      </c>
      <c r="AL7632">
        <v>31</v>
      </c>
      <c r="AM7632">
        <v>31</v>
      </c>
      <c r="AN7632">
        <v>31</v>
      </c>
      <c r="AO7632">
        <v>31</v>
      </c>
      <c r="AP7632">
        <v>31</v>
      </c>
      <c r="AQ7632">
        <v>31</v>
      </c>
    </row>
    <row r="7633" spans="1:43">
      <c r="A7633" t="s">
        <v>4778</v>
      </c>
      <c r="B7633" t="s">
        <v>4779</v>
      </c>
      <c r="C7633" t="s">
        <v>4780</v>
      </c>
      <c r="D7633" t="s">
        <v>4781</v>
      </c>
      <c r="E7633" t="s">
        <v>4592</v>
      </c>
      <c r="F7633" t="s">
        <v>4593</v>
      </c>
      <c r="G7633" t="s">
        <v>80</v>
      </c>
      <c r="H7633" t="s">
        <v>81</v>
      </c>
      <c r="I7633" s="2">
        <v>1</v>
      </c>
      <c r="J7633" s="2">
        <v>0</v>
      </c>
      <c r="K7633" s="2">
        <v>0</v>
      </c>
      <c r="L7633" t="s">
        <v>120</v>
      </c>
      <c r="M7633" t="s">
        <v>83</v>
      </c>
      <c r="N7633" t="s">
        <v>91</v>
      </c>
      <c r="O7633" t="s">
        <v>85</v>
      </c>
      <c r="P7633" t="s">
        <v>86</v>
      </c>
      <c r="Q7633">
        <v>25</v>
      </c>
      <c r="R7633">
        <v>26</v>
      </c>
      <c r="S7633">
        <v>26</v>
      </c>
      <c r="T7633">
        <v>27</v>
      </c>
      <c r="U7633">
        <v>27</v>
      </c>
      <c r="V7633">
        <v>27</v>
      </c>
      <c r="W7633">
        <v>28</v>
      </c>
      <c r="X7633">
        <v>28</v>
      </c>
      <c r="Y7633">
        <v>28</v>
      </c>
      <c r="Z7633">
        <v>29</v>
      </c>
      <c r="AA7633">
        <v>29</v>
      </c>
      <c r="AB7633">
        <v>29</v>
      </c>
      <c r="AC7633">
        <v>30</v>
      </c>
      <c r="AD7633">
        <v>30</v>
      </c>
      <c r="AE7633">
        <v>30</v>
      </c>
      <c r="AF7633">
        <v>31</v>
      </c>
      <c r="AG7633">
        <v>31</v>
      </c>
      <c r="AH7633">
        <v>31</v>
      </c>
      <c r="AI7633">
        <v>32</v>
      </c>
      <c r="AJ7633">
        <v>32</v>
      </c>
      <c r="AK7633">
        <v>32</v>
      </c>
      <c r="AL7633">
        <v>32</v>
      </c>
      <c r="AM7633">
        <v>32</v>
      </c>
      <c r="AN7633">
        <v>32</v>
      </c>
      <c r="AO7633">
        <v>32</v>
      </c>
      <c r="AP7633">
        <v>32</v>
      </c>
      <c r="AQ7633">
        <v>32</v>
      </c>
    </row>
    <row r="7634" spans="1:43">
      <c r="A7634" t="s">
        <v>4782</v>
      </c>
      <c r="B7634" t="s">
        <v>4783</v>
      </c>
      <c r="C7634" t="s">
        <v>4780</v>
      </c>
      <c r="D7634" t="s">
        <v>4781</v>
      </c>
      <c r="E7634" t="s">
        <v>4592</v>
      </c>
      <c r="F7634" t="s">
        <v>4593</v>
      </c>
      <c r="G7634" t="s">
        <v>80</v>
      </c>
      <c r="H7634" t="s">
        <v>81</v>
      </c>
      <c r="I7634" s="2">
        <v>1</v>
      </c>
      <c r="J7634" s="2">
        <v>0</v>
      </c>
      <c r="K7634" s="2">
        <v>0</v>
      </c>
      <c r="L7634" t="s">
        <v>120</v>
      </c>
      <c r="M7634" t="s">
        <v>83</v>
      </c>
      <c r="N7634" t="s">
        <v>84</v>
      </c>
      <c r="O7634" t="s">
        <v>85</v>
      </c>
      <c r="P7634" t="s">
        <v>86</v>
      </c>
      <c r="Q7634">
        <v>52</v>
      </c>
      <c r="R7634">
        <v>53</v>
      </c>
      <c r="S7634">
        <v>54</v>
      </c>
      <c r="T7634">
        <v>55</v>
      </c>
      <c r="U7634">
        <v>56</v>
      </c>
      <c r="V7634">
        <v>56</v>
      </c>
      <c r="W7634">
        <v>57</v>
      </c>
      <c r="X7634">
        <v>58</v>
      </c>
      <c r="Y7634">
        <v>58</v>
      </c>
      <c r="Z7634">
        <v>59</v>
      </c>
      <c r="AA7634">
        <v>60</v>
      </c>
      <c r="AB7634">
        <v>61</v>
      </c>
      <c r="AC7634">
        <v>61</v>
      </c>
      <c r="AD7634">
        <v>62</v>
      </c>
      <c r="AE7634">
        <v>63</v>
      </c>
      <c r="AF7634">
        <v>63</v>
      </c>
      <c r="AG7634">
        <v>64</v>
      </c>
      <c r="AH7634">
        <v>64</v>
      </c>
      <c r="AI7634">
        <v>65</v>
      </c>
      <c r="AJ7634">
        <v>66</v>
      </c>
      <c r="AK7634">
        <v>66</v>
      </c>
      <c r="AL7634">
        <v>67</v>
      </c>
      <c r="AM7634">
        <v>67</v>
      </c>
      <c r="AN7634">
        <v>66</v>
      </c>
      <c r="AO7634">
        <v>66</v>
      </c>
      <c r="AP7634">
        <v>66</v>
      </c>
      <c r="AQ7634">
        <v>66</v>
      </c>
    </row>
    <row r="7635" spans="1:43">
      <c r="A7635" t="s">
        <v>4782</v>
      </c>
      <c r="B7635" t="s">
        <v>4783</v>
      </c>
      <c r="C7635" t="s">
        <v>4780</v>
      </c>
      <c r="D7635" t="s">
        <v>4781</v>
      </c>
      <c r="E7635" t="s">
        <v>4592</v>
      </c>
      <c r="F7635" t="s">
        <v>4593</v>
      </c>
      <c r="G7635" t="s">
        <v>80</v>
      </c>
      <c r="H7635" t="s">
        <v>81</v>
      </c>
      <c r="I7635" s="2">
        <v>1</v>
      </c>
      <c r="J7635" s="2">
        <v>0</v>
      </c>
      <c r="K7635" s="2">
        <v>0</v>
      </c>
      <c r="L7635" t="s">
        <v>120</v>
      </c>
      <c r="M7635" t="s">
        <v>87</v>
      </c>
      <c r="N7635" t="s">
        <v>88</v>
      </c>
      <c r="O7635" t="s">
        <v>85</v>
      </c>
      <c r="P7635" t="s">
        <v>86</v>
      </c>
      <c r="Q7635">
        <v>52</v>
      </c>
      <c r="R7635">
        <v>52</v>
      </c>
      <c r="S7635">
        <v>52</v>
      </c>
      <c r="T7635">
        <v>53</v>
      </c>
      <c r="U7635">
        <v>53</v>
      </c>
      <c r="V7635">
        <v>53</v>
      </c>
      <c r="W7635">
        <v>54</v>
      </c>
      <c r="X7635">
        <v>54</v>
      </c>
      <c r="Y7635">
        <v>54</v>
      </c>
      <c r="Z7635">
        <v>54</v>
      </c>
      <c r="AA7635">
        <v>55</v>
      </c>
      <c r="AB7635">
        <v>55</v>
      </c>
      <c r="AC7635">
        <v>55</v>
      </c>
      <c r="AD7635">
        <v>55</v>
      </c>
      <c r="AE7635">
        <v>55</v>
      </c>
      <c r="AF7635">
        <v>56</v>
      </c>
      <c r="AG7635">
        <v>56</v>
      </c>
      <c r="AH7635">
        <v>56</v>
      </c>
      <c r="AI7635">
        <v>56</v>
      </c>
      <c r="AJ7635">
        <v>56</v>
      </c>
      <c r="AK7635">
        <v>57</v>
      </c>
      <c r="AL7635">
        <v>57</v>
      </c>
      <c r="AM7635">
        <v>57</v>
      </c>
      <c r="AN7635">
        <v>57</v>
      </c>
      <c r="AO7635">
        <v>57</v>
      </c>
      <c r="AP7635">
        <v>58</v>
      </c>
      <c r="AQ7635">
        <v>58</v>
      </c>
    </row>
    <row r="7636" spans="1:43">
      <c r="A7636" t="s">
        <v>4782</v>
      </c>
      <c r="B7636" t="s">
        <v>4783</v>
      </c>
      <c r="C7636" t="s">
        <v>4780</v>
      </c>
      <c r="D7636" t="s">
        <v>4781</v>
      </c>
      <c r="E7636" t="s">
        <v>4592</v>
      </c>
      <c r="F7636" t="s">
        <v>4593</v>
      </c>
      <c r="G7636" t="s">
        <v>80</v>
      </c>
      <c r="H7636" t="s">
        <v>81</v>
      </c>
      <c r="I7636" s="2">
        <v>1</v>
      </c>
      <c r="J7636" s="2">
        <v>0</v>
      </c>
      <c r="K7636" s="2">
        <v>0</v>
      </c>
      <c r="L7636" t="s">
        <v>120</v>
      </c>
      <c r="M7636" t="s">
        <v>89</v>
      </c>
      <c r="N7636" t="s">
        <v>90</v>
      </c>
      <c r="O7636" t="s">
        <v>85</v>
      </c>
      <c r="P7636" t="s">
        <v>86</v>
      </c>
      <c r="Q7636">
        <v>52</v>
      </c>
      <c r="R7636">
        <v>53</v>
      </c>
      <c r="S7636">
        <v>54</v>
      </c>
      <c r="T7636">
        <v>56</v>
      </c>
      <c r="U7636">
        <v>57</v>
      </c>
      <c r="V7636">
        <v>58</v>
      </c>
      <c r="W7636">
        <v>59</v>
      </c>
      <c r="X7636">
        <v>60</v>
      </c>
      <c r="Y7636">
        <v>61</v>
      </c>
      <c r="Z7636">
        <v>62</v>
      </c>
      <c r="AA7636">
        <v>63</v>
      </c>
      <c r="AB7636">
        <v>64</v>
      </c>
      <c r="AC7636">
        <v>65</v>
      </c>
      <c r="AD7636">
        <v>65</v>
      </c>
      <c r="AE7636">
        <v>66</v>
      </c>
      <c r="AF7636">
        <v>66</v>
      </c>
      <c r="AG7636">
        <v>66</v>
      </c>
      <c r="AH7636">
        <v>66</v>
      </c>
      <c r="AI7636">
        <v>66</v>
      </c>
      <c r="AJ7636">
        <v>66</v>
      </c>
      <c r="AK7636">
        <v>66</v>
      </c>
      <c r="AL7636">
        <v>66</v>
      </c>
      <c r="AM7636">
        <v>66</v>
      </c>
      <c r="AN7636">
        <v>66</v>
      </c>
      <c r="AO7636">
        <v>66</v>
      </c>
      <c r="AP7636">
        <v>66</v>
      </c>
      <c r="AQ7636">
        <v>66</v>
      </c>
    </row>
    <row r="7637" spans="1:43">
      <c r="A7637" t="s">
        <v>4782</v>
      </c>
      <c r="B7637" t="s">
        <v>4783</v>
      </c>
      <c r="C7637" t="s">
        <v>4780</v>
      </c>
      <c r="D7637" t="s">
        <v>4781</v>
      </c>
      <c r="E7637" t="s">
        <v>4592</v>
      </c>
      <c r="F7637" t="s">
        <v>4593</v>
      </c>
      <c r="G7637" t="s">
        <v>80</v>
      </c>
      <c r="H7637" t="s">
        <v>81</v>
      </c>
      <c r="I7637" s="2">
        <v>1</v>
      </c>
      <c r="J7637" s="2">
        <v>0</v>
      </c>
      <c r="K7637" s="2">
        <v>0</v>
      </c>
      <c r="L7637" t="s">
        <v>120</v>
      </c>
      <c r="M7637" t="s">
        <v>83</v>
      </c>
      <c r="N7637" t="s">
        <v>91</v>
      </c>
      <c r="O7637" t="s">
        <v>85</v>
      </c>
      <c r="P7637" t="s">
        <v>86</v>
      </c>
      <c r="Q7637">
        <v>52</v>
      </c>
      <c r="R7637">
        <v>53</v>
      </c>
      <c r="S7637">
        <v>54</v>
      </c>
      <c r="T7637">
        <v>55</v>
      </c>
      <c r="U7637">
        <v>56</v>
      </c>
      <c r="V7637">
        <v>56</v>
      </c>
      <c r="W7637">
        <v>57</v>
      </c>
      <c r="X7637">
        <v>58</v>
      </c>
      <c r="Y7637">
        <v>58</v>
      </c>
      <c r="Z7637">
        <v>59</v>
      </c>
      <c r="AA7637">
        <v>60</v>
      </c>
      <c r="AB7637">
        <v>61</v>
      </c>
      <c r="AC7637">
        <v>61</v>
      </c>
      <c r="AD7637">
        <v>62</v>
      </c>
      <c r="AE7637">
        <v>63</v>
      </c>
      <c r="AF7637">
        <v>63</v>
      </c>
      <c r="AG7637">
        <v>64</v>
      </c>
      <c r="AH7637">
        <v>64</v>
      </c>
      <c r="AI7637">
        <v>65</v>
      </c>
      <c r="AJ7637">
        <v>66</v>
      </c>
      <c r="AK7637">
        <v>66</v>
      </c>
      <c r="AL7637">
        <v>67</v>
      </c>
      <c r="AM7637">
        <v>67</v>
      </c>
      <c r="AN7637">
        <v>66</v>
      </c>
      <c r="AO7637">
        <v>66</v>
      </c>
      <c r="AP7637">
        <v>66</v>
      </c>
      <c r="AQ7637">
        <v>66</v>
      </c>
    </row>
    <row r="7638" spans="1:43">
      <c r="A7638" t="s">
        <v>4784</v>
      </c>
      <c r="B7638" t="s">
        <v>4785</v>
      </c>
      <c r="C7638" t="s">
        <v>4780</v>
      </c>
      <c r="D7638" t="s">
        <v>4781</v>
      </c>
      <c r="E7638" t="s">
        <v>4592</v>
      </c>
      <c r="F7638" t="s">
        <v>4593</v>
      </c>
      <c r="G7638" t="s">
        <v>80</v>
      </c>
      <c r="H7638" t="s">
        <v>81</v>
      </c>
      <c r="I7638" s="2">
        <v>1</v>
      </c>
      <c r="J7638" s="2">
        <v>0</v>
      </c>
      <c r="K7638" s="2">
        <v>0</v>
      </c>
      <c r="L7638" t="s">
        <v>120</v>
      </c>
      <c r="M7638" t="s">
        <v>83</v>
      </c>
      <c r="N7638" t="s">
        <v>84</v>
      </c>
      <c r="O7638" t="s">
        <v>85</v>
      </c>
      <c r="P7638" t="s">
        <v>86</v>
      </c>
      <c r="Q7638">
        <v>38</v>
      </c>
      <c r="R7638">
        <v>38</v>
      </c>
      <c r="S7638">
        <v>39</v>
      </c>
      <c r="T7638">
        <v>39</v>
      </c>
      <c r="U7638">
        <v>40</v>
      </c>
      <c r="V7638">
        <v>41</v>
      </c>
      <c r="W7638">
        <v>41</v>
      </c>
      <c r="X7638">
        <v>42</v>
      </c>
      <c r="Y7638">
        <v>42</v>
      </c>
      <c r="Z7638">
        <v>43</v>
      </c>
      <c r="AA7638">
        <v>43</v>
      </c>
      <c r="AB7638">
        <v>44</v>
      </c>
      <c r="AC7638">
        <v>44</v>
      </c>
      <c r="AD7638">
        <v>45</v>
      </c>
      <c r="AE7638">
        <v>45</v>
      </c>
      <c r="AF7638">
        <v>45</v>
      </c>
      <c r="AG7638">
        <v>46</v>
      </c>
      <c r="AH7638">
        <v>46</v>
      </c>
      <c r="AI7638">
        <v>47</v>
      </c>
      <c r="AJ7638">
        <v>47</v>
      </c>
      <c r="AK7638">
        <v>48</v>
      </c>
      <c r="AL7638">
        <v>48</v>
      </c>
      <c r="AM7638">
        <v>48</v>
      </c>
      <c r="AN7638">
        <v>48</v>
      </c>
      <c r="AO7638">
        <v>48</v>
      </c>
      <c r="AP7638">
        <v>48</v>
      </c>
      <c r="AQ7638">
        <v>48</v>
      </c>
    </row>
    <row r="7639" spans="1:43">
      <c r="A7639" t="s">
        <v>4784</v>
      </c>
      <c r="B7639" t="s">
        <v>4785</v>
      </c>
      <c r="C7639" t="s">
        <v>4780</v>
      </c>
      <c r="D7639" t="s">
        <v>4781</v>
      </c>
      <c r="E7639" t="s">
        <v>4592</v>
      </c>
      <c r="F7639" t="s">
        <v>4593</v>
      </c>
      <c r="G7639" t="s">
        <v>80</v>
      </c>
      <c r="H7639" t="s">
        <v>81</v>
      </c>
      <c r="I7639" s="2">
        <v>1</v>
      </c>
      <c r="J7639" s="2">
        <v>0</v>
      </c>
      <c r="K7639" s="2">
        <v>0</v>
      </c>
      <c r="L7639" t="s">
        <v>120</v>
      </c>
      <c r="M7639" t="s">
        <v>87</v>
      </c>
      <c r="N7639" t="s">
        <v>88</v>
      </c>
      <c r="O7639" t="s">
        <v>85</v>
      </c>
      <c r="P7639" t="s">
        <v>86</v>
      </c>
      <c r="Q7639">
        <v>38</v>
      </c>
      <c r="R7639">
        <v>39</v>
      </c>
      <c r="S7639">
        <v>39</v>
      </c>
      <c r="T7639">
        <v>39</v>
      </c>
      <c r="U7639">
        <v>39</v>
      </c>
      <c r="V7639">
        <v>39</v>
      </c>
      <c r="W7639">
        <v>40</v>
      </c>
      <c r="X7639">
        <v>40</v>
      </c>
      <c r="Y7639">
        <v>40</v>
      </c>
      <c r="Z7639">
        <v>40</v>
      </c>
      <c r="AA7639">
        <v>40</v>
      </c>
      <c r="AB7639">
        <v>40</v>
      </c>
      <c r="AC7639">
        <v>41</v>
      </c>
      <c r="AD7639">
        <v>41</v>
      </c>
      <c r="AE7639">
        <v>41</v>
      </c>
      <c r="AF7639">
        <v>41</v>
      </c>
      <c r="AG7639">
        <v>41</v>
      </c>
      <c r="AH7639">
        <v>41</v>
      </c>
      <c r="AI7639">
        <v>42</v>
      </c>
      <c r="AJ7639">
        <v>42</v>
      </c>
      <c r="AK7639">
        <v>42</v>
      </c>
      <c r="AL7639">
        <v>42</v>
      </c>
      <c r="AM7639">
        <v>42</v>
      </c>
      <c r="AN7639">
        <v>42</v>
      </c>
      <c r="AO7639">
        <v>42</v>
      </c>
      <c r="AP7639">
        <v>42</v>
      </c>
      <c r="AQ7639">
        <v>43</v>
      </c>
    </row>
    <row r="7640" spans="1:43">
      <c r="A7640" t="s">
        <v>4784</v>
      </c>
      <c r="B7640" t="s">
        <v>4785</v>
      </c>
      <c r="C7640" t="s">
        <v>4780</v>
      </c>
      <c r="D7640" t="s">
        <v>4781</v>
      </c>
      <c r="E7640" t="s">
        <v>4592</v>
      </c>
      <c r="F7640" t="s">
        <v>4593</v>
      </c>
      <c r="G7640" t="s">
        <v>80</v>
      </c>
      <c r="H7640" t="s">
        <v>81</v>
      </c>
      <c r="I7640" s="2">
        <v>1</v>
      </c>
      <c r="J7640" s="2">
        <v>0</v>
      </c>
      <c r="K7640" s="2">
        <v>0</v>
      </c>
      <c r="L7640" t="s">
        <v>120</v>
      </c>
      <c r="M7640" t="s">
        <v>89</v>
      </c>
      <c r="N7640" t="s">
        <v>90</v>
      </c>
      <c r="O7640" t="s">
        <v>85</v>
      </c>
      <c r="P7640" t="s">
        <v>86</v>
      </c>
      <c r="Q7640">
        <v>38</v>
      </c>
      <c r="R7640">
        <v>39</v>
      </c>
      <c r="S7640">
        <v>40</v>
      </c>
      <c r="T7640">
        <v>41</v>
      </c>
      <c r="U7640">
        <v>42</v>
      </c>
      <c r="V7640">
        <v>42</v>
      </c>
      <c r="W7640">
        <v>43</v>
      </c>
      <c r="X7640">
        <v>44</v>
      </c>
      <c r="Y7640">
        <v>45</v>
      </c>
      <c r="Z7640">
        <v>45</v>
      </c>
      <c r="AA7640">
        <v>46</v>
      </c>
      <c r="AB7640">
        <v>47</v>
      </c>
      <c r="AC7640">
        <v>47</v>
      </c>
      <c r="AD7640">
        <v>48</v>
      </c>
      <c r="AE7640">
        <v>48</v>
      </c>
      <c r="AF7640">
        <v>48</v>
      </c>
      <c r="AG7640">
        <v>48</v>
      </c>
      <c r="AH7640">
        <v>48</v>
      </c>
      <c r="AI7640">
        <v>48</v>
      </c>
      <c r="AJ7640">
        <v>48</v>
      </c>
      <c r="AK7640">
        <v>48</v>
      </c>
      <c r="AL7640">
        <v>48</v>
      </c>
      <c r="AM7640">
        <v>48</v>
      </c>
      <c r="AN7640">
        <v>48</v>
      </c>
      <c r="AO7640">
        <v>48</v>
      </c>
      <c r="AP7640">
        <v>48</v>
      </c>
      <c r="AQ7640">
        <v>48</v>
      </c>
    </row>
    <row r="7641" spans="1:43">
      <c r="A7641" t="s">
        <v>4784</v>
      </c>
      <c r="B7641" t="s">
        <v>4785</v>
      </c>
      <c r="C7641" t="s">
        <v>4780</v>
      </c>
      <c r="D7641" t="s">
        <v>4781</v>
      </c>
      <c r="E7641" t="s">
        <v>4592</v>
      </c>
      <c r="F7641" t="s">
        <v>4593</v>
      </c>
      <c r="G7641" t="s">
        <v>80</v>
      </c>
      <c r="H7641" t="s">
        <v>81</v>
      </c>
      <c r="I7641" s="2">
        <v>1</v>
      </c>
      <c r="J7641" s="2">
        <v>0</v>
      </c>
      <c r="K7641" s="2">
        <v>0</v>
      </c>
      <c r="L7641" t="s">
        <v>120</v>
      </c>
      <c r="M7641" t="s">
        <v>83</v>
      </c>
      <c r="N7641" t="s">
        <v>91</v>
      </c>
      <c r="O7641" t="s">
        <v>85</v>
      </c>
      <c r="P7641" t="s">
        <v>86</v>
      </c>
      <c r="Q7641">
        <v>38</v>
      </c>
      <c r="R7641">
        <v>38</v>
      </c>
      <c r="S7641">
        <v>39</v>
      </c>
      <c r="T7641">
        <v>39</v>
      </c>
      <c r="U7641">
        <v>40</v>
      </c>
      <c r="V7641">
        <v>41</v>
      </c>
      <c r="W7641">
        <v>41</v>
      </c>
      <c r="X7641">
        <v>42</v>
      </c>
      <c r="Y7641">
        <v>42</v>
      </c>
      <c r="Z7641">
        <v>43</v>
      </c>
      <c r="AA7641">
        <v>43</v>
      </c>
      <c r="AB7641">
        <v>44</v>
      </c>
      <c r="AC7641">
        <v>44</v>
      </c>
      <c r="AD7641">
        <v>45</v>
      </c>
      <c r="AE7641">
        <v>45</v>
      </c>
      <c r="AF7641">
        <v>45</v>
      </c>
      <c r="AG7641">
        <v>46</v>
      </c>
      <c r="AH7641">
        <v>46</v>
      </c>
      <c r="AI7641">
        <v>47</v>
      </c>
      <c r="AJ7641">
        <v>47</v>
      </c>
      <c r="AK7641">
        <v>48</v>
      </c>
      <c r="AL7641">
        <v>48</v>
      </c>
      <c r="AM7641">
        <v>48</v>
      </c>
      <c r="AN7641">
        <v>48</v>
      </c>
      <c r="AO7641">
        <v>48</v>
      </c>
      <c r="AP7641">
        <v>48</v>
      </c>
      <c r="AQ7641">
        <v>48</v>
      </c>
    </row>
    <row r="7642" spans="1:43">
      <c r="A7642" t="s">
        <v>4786</v>
      </c>
      <c r="B7642" t="s">
        <v>4787</v>
      </c>
      <c r="C7642" t="s">
        <v>4788</v>
      </c>
      <c r="D7642" t="s">
        <v>4789</v>
      </c>
      <c r="E7642" t="s">
        <v>4592</v>
      </c>
      <c r="F7642" t="s">
        <v>4593</v>
      </c>
      <c r="G7642" t="s">
        <v>80</v>
      </c>
      <c r="H7642" t="s">
        <v>81</v>
      </c>
      <c r="I7642" s="2">
        <v>1</v>
      </c>
      <c r="J7642" s="2">
        <v>0</v>
      </c>
      <c r="K7642" s="2">
        <v>0</v>
      </c>
      <c r="L7642" t="s">
        <v>120</v>
      </c>
      <c r="M7642" t="s">
        <v>83</v>
      </c>
      <c r="N7642" t="s">
        <v>84</v>
      </c>
      <c r="O7642" t="s">
        <v>85</v>
      </c>
      <c r="P7642" t="s">
        <v>86</v>
      </c>
      <c r="Q7642">
        <v>26</v>
      </c>
      <c r="R7642">
        <v>26</v>
      </c>
      <c r="S7642">
        <v>27</v>
      </c>
      <c r="T7642">
        <v>27</v>
      </c>
      <c r="U7642">
        <v>27</v>
      </c>
      <c r="V7642">
        <v>28</v>
      </c>
      <c r="W7642">
        <v>28</v>
      </c>
      <c r="X7642">
        <v>28</v>
      </c>
      <c r="Y7642">
        <v>29</v>
      </c>
      <c r="Z7642">
        <v>29</v>
      </c>
      <c r="AA7642">
        <v>29</v>
      </c>
      <c r="AB7642">
        <v>30</v>
      </c>
      <c r="AC7642">
        <v>30</v>
      </c>
      <c r="AD7642">
        <v>30</v>
      </c>
      <c r="AE7642">
        <v>31</v>
      </c>
      <c r="AF7642">
        <v>31</v>
      </c>
      <c r="AG7642">
        <v>31</v>
      </c>
      <c r="AH7642">
        <v>32</v>
      </c>
      <c r="AI7642">
        <v>32</v>
      </c>
      <c r="AJ7642">
        <v>32</v>
      </c>
      <c r="AK7642">
        <v>33</v>
      </c>
      <c r="AL7642">
        <v>33</v>
      </c>
      <c r="AM7642">
        <v>33</v>
      </c>
      <c r="AN7642">
        <v>33</v>
      </c>
      <c r="AO7642">
        <v>33</v>
      </c>
      <c r="AP7642">
        <v>33</v>
      </c>
      <c r="AQ7642">
        <v>33</v>
      </c>
    </row>
    <row r="7643" spans="1:43">
      <c r="A7643" t="s">
        <v>4786</v>
      </c>
      <c r="B7643" t="s">
        <v>4787</v>
      </c>
      <c r="C7643" t="s">
        <v>4788</v>
      </c>
      <c r="D7643" t="s">
        <v>4789</v>
      </c>
      <c r="E7643" t="s">
        <v>4592</v>
      </c>
      <c r="F7643" t="s">
        <v>4593</v>
      </c>
      <c r="G7643" t="s">
        <v>80</v>
      </c>
      <c r="H7643" t="s">
        <v>81</v>
      </c>
      <c r="I7643" s="2">
        <v>1</v>
      </c>
      <c r="J7643" s="2">
        <v>0</v>
      </c>
      <c r="K7643" s="2">
        <v>0</v>
      </c>
      <c r="L7643" t="s">
        <v>120</v>
      </c>
      <c r="M7643" t="s">
        <v>87</v>
      </c>
      <c r="N7643" t="s">
        <v>88</v>
      </c>
      <c r="O7643" t="s">
        <v>85</v>
      </c>
      <c r="P7643" t="s">
        <v>86</v>
      </c>
      <c r="Q7643">
        <v>26</v>
      </c>
      <c r="R7643">
        <v>26</v>
      </c>
      <c r="S7643">
        <v>26</v>
      </c>
      <c r="T7643">
        <v>26</v>
      </c>
      <c r="U7643">
        <v>26</v>
      </c>
      <c r="V7643">
        <v>26</v>
      </c>
      <c r="W7643">
        <v>26</v>
      </c>
      <c r="X7643">
        <v>26</v>
      </c>
      <c r="Y7643">
        <v>27</v>
      </c>
      <c r="Z7643">
        <v>27</v>
      </c>
      <c r="AA7643">
        <v>27</v>
      </c>
      <c r="AB7643">
        <v>27</v>
      </c>
      <c r="AC7643">
        <v>27</v>
      </c>
      <c r="AD7643">
        <v>27</v>
      </c>
      <c r="AE7643">
        <v>27</v>
      </c>
      <c r="AF7643">
        <v>27</v>
      </c>
      <c r="AG7643">
        <v>27</v>
      </c>
      <c r="AH7643">
        <v>28</v>
      </c>
      <c r="AI7643">
        <v>28</v>
      </c>
      <c r="AJ7643">
        <v>28</v>
      </c>
      <c r="AK7643">
        <v>28</v>
      </c>
      <c r="AL7643">
        <v>28</v>
      </c>
      <c r="AM7643">
        <v>28</v>
      </c>
      <c r="AN7643">
        <v>28</v>
      </c>
      <c r="AO7643">
        <v>28</v>
      </c>
      <c r="AP7643">
        <v>28</v>
      </c>
      <c r="AQ7643">
        <v>28</v>
      </c>
    </row>
    <row r="7644" spans="1:43">
      <c r="A7644" t="s">
        <v>4786</v>
      </c>
      <c r="B7644" t="s">
        <v>4787</v>
      </c>
      <c r="C7644" t="s">
        <v>4788</v>
      </c>
      <c r="D7644" t="s">
        <v>4789</v>
      </c>
      <c r="E7644" t="s">
        <v>4592</v>
      </c>
      <c r="F7644" t="s">
        <v>4593</v>
      </c>
      <c r="G7644" t="s">
        <v>80</v>
      </c>
      <c r="H7644" t="s">
        <v>81</v>
      </c>
      <c r="I7644" s="2">
        <v>1</v>
      </c>
      <c r="J7644" s="2">
        <v>0</v>
      </c>
      <c r="K7644" s="2">
        <v>0</v>
      </c>
      <c r="L7644" t="s">
        <v>120</v>
      </c>
      <c r="M7644" t="s">
        <v>89</v>
      </c>
      <c r="N7644" t="s">
        <v>90</v>
      </c>
      <c r="O7644" t="s">
        <v>85</v>
      </c>
      <c r="P7644" t="s">
        <v>86</v>
      </c>
      <c r="Q7644">
        <v>26</v>
      </c>
      <c r="R7644">
        <v>27</v>
      </c>
      <c r="S7644">
        <v>27</v>
      </c>
      <c r="T7644">
        <v>28</v>
      </c>
      <c r="U7644">
        <v>28</v>
      </c>
      <c r="V7644">
        <v>29</v>
      </c>
      <c r="W7644">
        <v>29</v>
      </c>
      <c r="X7644">
        <v>30</v>
      </c>
      <c r="Y7644">
        <v>30</v>
      </c>
      <c r="Z7644">
        <v>31</v>
      </c>
      <c r="AA7644">
        <v>31</v>
      </c>
      <c r="AB7644">
        <v>32</v>
      </c>
      <c r="AC7644">
        <v>32</v>
      </c>
      <c r="AD7644">
        <v>33</v>
      </c>
      <c r="AE7644">
        <v>33</v>
      </c>
      <c r="AF7644">
        <v>33</v>
      </c>
      <c r="AG7644">
        <v>33</v>
      </c>
      <c r="AH7644">
        <v>33</v>
      </c>
      <c r="AI7644">
        <v>33</v>
      </c>
      <c r="AJ7644">
        <v>33</v>
      </c>
      <c r="AK7644">
        <v>33</v>
      </c>
      <c r="AL7644">
        <v>33</v>
      </c>
      <c r="AM7644">
        <v>33</v>
      </c>
      <c r="AN7644">
        <v>33</v>
      </c>
      <c r="AO7644">
        <v>33</v>
      </c>
      <c r="AP7644">
        <v>33</v>
      </c>
      <c r="AQ7644">
        <v>33</v>
      </c>
    </row>
    <row r="7645" spans="1:43">
      <c r="A7645" t="s">
        <v>4786</v>
      </c>
      <c r="B7645" t="s">
        <v>4787</v>
      </c>
      <c r="C7645" t="s">
        <v>4788</v>
      </c>
      <c r="D7645" t="s">
        <v>4789</v>
      </c>
      <c r="E7645" t="s">
        <v>4592</v>
      </c>
      <c r="F7645" t="s">
        <v>4593</v>
      </c>
      <c r="G7645" t="s">
        <v>80</v>
      </c>
      <c r="H7645" t="s">
        <v>81</v>
      </c>
      <c r="I7645" s="2">
        <v>1</v>
      </c>
      <c r="J7645" s="2">
        <v>0</v>
      </c>
      <c r="K7645" s="2">
        <v>0</v>
      </c>
      <c r="L7645" t="s">
        <v>120</v>
      </c>
      <c r="M7645" t="s">
        <v>83</v>
      </c>
      <c r="N7645" t="s">
        <v>91</v>
      </c>
      <c r="O7645" t="s">
        <v>85</v>
      </c>
      <c r="P7645" t="s">
        <v>86</v>
      </c>
      <c r="Q7645">
        <v>26</v>
      </c>
      <c r="R7645">
        <v>26</v>
      </c>
      <c r="S7645">
        <v>27</v>
      </c>
      <c r="T7645">
        <v>27</v>
      </c>
      <c r="U7645">
        <v>27</v>
      </c>
      <c r="V7645">
        <v>28</v>
      </c>
      <c r="W7645">
        <v>28</v>
      </c>
      <c r="X7645">
        <v>28</v>
      </c>
      <c r="Y7645">
        <v>29</v>
      </c>
      <c r="Z7645">
        <v>29</v>
      </c>
      <c r="AA7645">
        <v>29</v>
      </c>
      <c r="AB7645">
        <v>30</v>
      </c>
      <c r="AC7645">
        <v>30</v>
      </c>
      <c r="AD7645">
        <v>30</v>
      </c>
      <c r="AE7645">
        <v>31</v>
      </c>
      <c r="AF7645">
        <v>31</v>
      </c>
      <c r="AG7645">
        <v>31</v>
      </c>
      <c r="AH7645">
        <v>32</v>
      </c>
      <c r="AI7645">
        <v>32</v>
      </c>
      <c r="AJ7645">
        <v>32</v>
      </c>
      <c r="AK7645">
        <v>33</v>
      </c>
      <c r="AL7645">
        <v>33</v>
      </c>
      <c r="AM7645">
        <v>33</v>
      </c>
      <c r="AN7645">
        <v>33</v>
      </c>
      <c r="AO7645">
        <v>33</v>
      </c>
      <c r="AP7645">
        <v>33</v>
      </c>
      <c r="AQ7645">
        <v>33</v>
      </c>
    </row>
    <row r="7646" spans="1:43">
      <c r="A7646" t="s">
        <v>4790</v>
      </c>
      <c r="B7646" t="s">
        <v>4791</v>
      </c>
      <c r="C7646" t="s">
        <v>4788</v>
      </c>
      <c r="D7646" t="s">
        <v>4789</v>
      </c>
      <c r="E7646" t="s">
        <v>4592</v>
      </c>
      <c r="F7646" t="s">
        <v>4593</v>
      </c>
      <c r="G7646" t="s">
        <v>80</v>
      </c>
      <c r="H7646" t="s">
        <v>81</v>
      </c>
      <c r="I7646" s="2">
        <v>1</v>
      </c>
      <c r="J7646" s="2">
        <v>0</v>
      </c>
      <c r="K7646" s="2">
        <v>0</v>
      </c>
      <c r="L7646" t="s">
        <v>120</v>
      </c>
      <c r="M7646" t="s">
        <v>83</v>
      </c>
      <c r="N7646" t="s">
        <v>84</v>
      </c>
      <c r="O7646" t="s">
        <v>85</v>
      </c>
      <c r="P7646" t="s">
        <v>86</v>
      </c>
      <c r="Q7646">
        <v>116</v>
      </c>
      <c r="R7646">
        <v>117</v>
      </c>
      <c r="S7646">
        <v>119</v>
      </c>
      <c r="T7646">
        <v>121</v>
      </c>
      <c r="U7646">
        <v>123</v>
      </c>
      <c r="V7646">
        <v>124</v>
      </c>
      <c r="W7646">
        <v>126</v>
      </c>
      <c r="X7646">
        <v>128</v>
      </c>
      <c r="Y7646">
        <v>129</v>
      </c>
      <c r="Z7646">
        <v>131</v>
      </c>
      <c r="AA7646">
        <v>132</v>
      </c>
      <c r="AB7646">
        <v>134</v>
      </c>
      <c r="AC7646">
        <v>135</v>
      </c>
      <c r="AD7646">
        <v>137</v>
      </c>
      <c r="AE7646">
        <v>138</v>
      </c>
      <c r="AF7646">
        <v>140</v>
      </c>
      <c r="AG7646">
        <v>141</v>
      </c>
      <c r="AH7646">
        <v>143</v>
      </c>
      <c r="AI7646">
        <v>144</v>
      </c>
      <c r="AJ7646">
        <v>146</v>
      </c>
      <c r="AK7646">
        <v>147</v>
      </c>
      <c r="AL7646">
        <v>148</v>
      </c>
      <c r="AM7646">
        <v>148</v>
      </c>
      <c r="AN7646">
        <v>148</v>
      </c>
      <c r="AO7646">
        <v>148</v>
      </c>
      <c r="AP7646">
        <v>147</v>
      </c>
      <c r="AQ7646">
        <v>147</v>
      </c>
    </row>
    <row r="7647" spans="1:43">
      <c r="A7647" t="s">
        <v>4790</v>
      </c>
      <c r="B7647" t="s">
        <v>4791</v>
      </c>
      <c r="C7647" t="s">
        <v>4788</v>
      </c>
      <c r="D7647" t="s">
        <v>4789</v>
      </c>
      <c r="E7647" t="s">
        <v>4592</v>
      </c>
      <c r="F7647" t="s">
        <v>4593</v>
      </c>
      <c r="G7647" t="s">
        <v>80</v>
      </c>
      <c r="H7647" t="s">
        <v>81</v>
      </c>
      <c r="I7647" s="2">
        <v>1</v>
      </c>
      <c r="J7647" s="2">
        <v>0</v>
      </c>
      <c r="K7647" s="2">
        <v>0</v>
      </c>
      <c r="L7647" t="s">
        <v>120</v>
      </c>
      <c r="M7647" t="s">
        <v>87</v>
      </c>
      <c r="N7647" t="s">
        <v>88</v>
      </c>
      <c r="O7647" t="s">
        <v>85</v>
      </c>
      <c r="P7647" t="s">
        <v>86</v>
      </c>
      <c r="Q7647">
        <v>116</v>
      </c>
      <c r="R7647">
        <v>117</v>
      </c>
      <c r="S7647">
        <v>118</v>
      </c>
      <c r="T7647">
        <v>119</v>
      </c>
      <c r="U7647">
        <v>119</v>
      </c>
      <c r="V7647">
        <v>120</v>
      </c>
      <c r="W7647">
        <v>120</v>
      </c>
      <c r="X7647">
        <v>121</v>
      </c>
      <c r="Y7647">
        <v>122</v>
      </c>
      <c r="Z7647">
        <v>122</v>
      </c>
      <c r="AA7647">
        <v>123</v>
      </c>
      <c r="AB7647">
        <v>123</v>
      </c>
      <c r="AC7647">
        <v>124</v>
      </c>
      <c r="AD7647">
        <v>124</v>
      </c>
      <c r="AE7647">
        <v>125</v>
      </c>
      <c r="AF7647">
        <v>125</v>
      </c>
      <c r="AG7647">
        <v>126</v>
      </c>
      <c r="AH7647">
        <v>126</v>
      </c>
      <c r="AI7647">
        <v>127</v>
      </c>
      <c r="AJ7647">
        <v>127</v>
      </c>
      <c r="AK7647">
        <v>128</v>
      </c>
      <c r="AL7647">
        <v>128</v>
      </c>
      <c r="AM7647">
        <v>128</v>
      </c>
      <c r="AN7647">
        <v>129</v>
      </c>
      <c r="AO7647">
        <v>129</v>
      </c>
      <c r="AP7647">
        <v>130</v>
      </c>
      <c r="AQ7647">
        <v>130</v>
      </c>
    </row>
    <row r="7648" spans="1:43">
      <c r="A7648" t="s">
        <v>4790</v>
      </c>
      <c r="B7648" t="s">
        <v>4791</v>
      </c>
      <c r="C7648" t="s">
        <v>4788</v>
      </c>
      <c r="D7648" t="s">
        <v>4789</v>
      </c>
      <c r="E7648" t="s">
        <v>4592</v>
      </c>
      <c r="F7648" t="s">
        <v>4593</v>
      </c>
      <c r="G7648" t="s">
        <v>80</v>
      </c>
      <c r="H7648" t="s">
        <v>81</v>
      </c>
      <c r="I7648" s="2">
        <v>1</v>
      </c>
      <c r="J7648" s="2">
        <v>0</v>
      </c>
      <c r="K7648" s="2">
        <v>0</v>
      </c>
      <c r="L7648" t="s">
        <v>120</v>
      </c>
      <c r="M7648" t="s">
        <v>89</v>
      </c>
      <c r="N7648" t="s">
        <v>90</v>
      </c>
      <c r="O7648" t="s">
        <v>85</v>
      </c>
      <c r="P7648" t="s">
        <v>86</v>
      </c>
      <c r="Q7648">
        <v>116</v>
      </c>
      <c r="R7648">
        <v>118</v>
      </c>
      <c r="S7648">
        <v>121</v>
      </c>
      <c r="T7648">
        <v>124</v>
      </c>
      <c r="U7648">
        <v>126</v>
      </c>
      <c r="V7648">
        <v>129</v>
      </c>
      <c r="W7648">
        <v>131</v>
      </c>
      <c r="X7648">
        <v>133</v>
      </c>
      <c r="Y7648">
        <v>136</v>
      </c>
      <c r="Z7648">
        <v>138</v>
      </c>
      <c r="AA7648">
        <v>140</v>
      </c>
      <c r="AB7648">
        <v>142</v>
      </c>
      <c r="AC7648">
        <v>144</v>
      </c>
      <c r="AD7648">
        <v>146</v>
      </c>
      <c r="AE7648">
        <v>147</v>
      </c>
      <c r="AF7648">
        <v>148</v>
      </c>
      <c r="AG7648">
        <v>148</v>
      </c>
      <c r="AH7648">
        <v>148</v>
      </c>
      <c r="AI7648">
        <v>148</v>
      </c>
      <c r="AJ7648">
        <v>148</v>
      </c>
      <c r="AK7648">
        <v>148</v>
      </c>
      <c r="AL7648">
        <v>148</v>
      </c>
      <c r="AM7648">
        <v>148</v>
      </c>
      <c r="AN7648">
        <v>148</v>
      </c>
      <c r="AO7648">
        <v>148</v>
      </c>
      <c r="AP7648">
        <v>148</v>
      </c>
      <c r="AQ7648">
        <v>147</v>
      </c>
    </row>
    <row r="7649" spans="1:43">
      <c r="A7649" t="s">
        <v>4790</v>
      </c>
      <c r="B7649" t="s">
        <v>4791</v>
      </c>
      <c r="C7649" t="s">
        <v>4788</v>
      </c>
      <c r="D7649" t="s">
        <v>4789</v>
      </c>
      <c r="E7649" t="s">
        <v>4592</v>
      </c>
      <c r="F7649" t="s">
        <v>4593</v>
      </c>
      <c r="G7649" t="s">
        <v>80</v>
      </c>
      <c r="H7649" t="s">
        <v>81</v>
      </c>
      <c r="I7649" s="2">
        <v>1</v>
      </c>
      <c r="J7649" s="2">
        <v>0</v>
      </c>
      <c r="K7649" s="2">
        <v>0</v>
      </c>
      <c r="L7649" t="s">
        <v>120</v>
      </c>
      <c r="M7649" t="s">
        <v>83</v>
      </c>
      <c r="N7649" t="s">
        <v>91</v>
      </c>
      <c r="O7649" t="s">
        <v>85</v>
      </c>
      <c r="P7649" t="s">
        <v>86</v>
      </c>
      <c r="Q7649">
        <v>116</v>
      </c>
      <c r="R7649">
        <v>117</v>
      </c>
      <c r="S7649">
        <v>119</v>
      </c>
      <c r="T7649">
        <v>121</v>
      </c>
      <c r="U7649">
        <v>123</v>
      </c>
      <c r="V7649">
        <v>124</v>
      </c>
      <c r="W7649">
        <v>126</v>
      </c>
      <c r="X7649">
        <v>128</v>
      </c>
      <c r="Y7649">
        <v>129</v>
      </c>
      <c r="Z7649">
        <v>131</v>
      </c>
      <c r="AA7649">
        <v>132</v>
      </c>
      <c r="AB7649">
        <v>134</v>
      </c>
      <c r="AC7649">
        <v>135</v>
      </c>
      <c r="AD7649">
        <v>137</v>
      </c>
      <c r="AE7649">
        <v>138</v>
      </c>
      <c r="AF7649">
        <v>140</v>
      </c>
      <c r="AG7649">
        <v>141</v>
      </c>
      <c r="AH7649">
        <v>143</v>
      </c>
      <c r="AI7649">
        <v>144</v>
      </c>
      <c r="AJ7649">
        <v>146</v>
      </c>
      <c r="AK7649">
        <v>147</v>
      </c>
      <c r="AL7649">
        <v>148</v>
      </c>
      <c r="AM7649">
        <v>148</v>
      </c>
      <c r="AN7649">
        <v>148</v>
      </c>
      <c r="AO7649">
        <v>148</v>
      </c>
      <c r="AP7649">
        <v>147</v>
      </c>
      <c r="AQ7649">
        <v>147</v>
      </c>
    </row>
    <row r="7650" spans="1:43">
      <c r="A7650" t="s">
        <v>4792</v>
      </c>
      <c r="B7650" t="s">
        <v>4793</v>
      </c>
      <c r="C7650" t="s">
        <v>4780</v>
      </c>
      <c r="D7650" t="s">
        <v>4781</v>
      </c>
      <c r="E7650" t="s">
        <v>4592</v>
      </c>
      <c r="F7650" t="s">
        <v>4593</v>
      </c>
      <c r="G7650" t="s">
        <v>80</v>
      </c>
      <c r="H7650" t="s">
        <v>81</v>
      </c>
      <c r="I7650" s="2">
        <v>1</v>
      </c>
      <c r="J7650" s="2">
        <v>0</v>
      </c>
      <c r="K7650" s="2">
        <v>0</v>
      </c>
      <c r="L7650" t="s">
        <v>120</v>
      </c>
      <c r="M7650" t="s">
        <v>83</v>
      </c>
      <c r="N7650" t="s">
        <v>84</v>
      </c>
      <c r="O7650" t="s">
        <v>85</v>
      </c>
      <c r="P7650" t="s">
        <v>86</v>
      </c>
      <c r="Q7650">
        <v>15</v>
      </c>
      <c r="R7650">
        <v>15</v>
      </c>
      <c r="S7650">
        <v>15</v>
      </c>
      <c r="T7650">
        <v>15</v>
      </c>
      <c r="U7650">
        <v>15</v>
      </c>
      <c r="V7650">
        <v>16</v>
      </c>
      <c r="W7650">
        <v>16</v>
      </c>
      <c r="X7650">
        <v>16</v>
      </c>
      <c r="Y7650">
        <v>16</v>
      </c>
      <c r="Z7650">
        <v>16</v>
      </c>
      <c r="AA7650">
        <v>17</v>
      </c>
      <c r="AB7650">
        <v>17</v>
      </c>
      <c r="AC7650">
        <v>17</v>
      </c>
      <c r="AD7650">
        <v>17</v>
      </c>
      <c r="AE7650">
        <v>17</v>
      </c>
      <c r="AF7650">
        <v>18</v>
      </c>
      <c r="AG7650">
        <v>18</v>
      </c>
      <c r="AH7650">
        <v>18</v>
      </c>
      <c r="AI7650">
        <v>18</v>
      </c>
      <c r="AJ7650">
        <v>18</v>
      </c>
      <c r="AK7650">
        <v>18</v>
      </c>
      <c r="AL7650">
        <v>18</v>
      </c>
      <c r="AM7650">
        <v>18</v>
      </c>
      <c r="AN7650">
        <v>18</v>
      </c>
      <c r="AO7650">
        <v>18</v>
      </c>
      <c r="AP7650">
        <v>18</v>
      </c>
      <c r="AQ7650">
        <v>18</v>
      </c>
    </row>
    <row r="7651" spans="1:43">
      <c r="A7651" t="s">
        <v>4792</v>
      </c>
      <c r="B7651" t="s">
        <v>4793</v>
      </c>
      <c r="C7651" t="s">
        <v>4780</v>
      </c>
      <c r="D7651" t="s">
        <v>4781</v>
      </c>
      <c r="E7651" t="s">
        <v>4592</v>
      </c>
      <c r="F7651" t="s">
        <v>4593</v>
      </c>
      <c r="G7651" t="s">
        <v>80</v>
      </c>
      <c r="H7651" t="s">
        <v>81</v>
      </c>
      <c r="I7651" s="2">
        <v>1</v>
      </c>
      <c r="J7651" s="2">
        <v>0</v>
      </c>
      <c r="K7651" s="2">
        <v>0</v>
      </c>
      <c r="L7651" t="s">
        <v>120</v>
      </c>
      <c r="M7651" t="s">
        <v>87</v>
      </c>
      <c r="N7651" t="s">
        <v>88</v>
      </c>
      <c r="O7651" t="s">
        <v>85</v>
      </c>
      <c r="P7651" t="s">
        <v>86</v>
      </c>
      <c r="Q7651">
        <v>15</v>
      </c>
      <c r="R7651">
        <v>15</v>
      </c>
      <c r="S7651">
        <v>16</v>
      </c>
      <c r="T7651">
        <v>16</v>
      </c>
      <c r="U7651">
        <v>16</v>
      </c>
      <c r="V7651">
        <v>16</v>
      </c>
      <c r="W7651">
        <v>16</v>
      </c>
      <c r="X7651">
        <v>16</v>
      </c>
      <c r="Y7651">
        <v>16</v>
      </c>
      <c r="Z7651">
        <v>16</v>
      </c>
      <c r="AA7651">
        <v>16</v>
      </c>
      <c r="AB7651">
        <v>16</v>
      </c>
      <c r="AC7651">
        <v>16</v>
      </c>
      <c r="AD7651">
        <v>16</v>
      </c>
      <c r="AE7651">
        <v>16</v>
      </c>
      <c r="AF7651">
        <v>16</v>
      </c>
      <c r="AG7651">
        <v>17</v>
      </c>
      <c r="AH7651">
        <v>17</v>
      </c>
      <c r="AI7651">
        <v>17</v>
      </c>
      <c r="AJ7651">
        <v>17</v>
      </c>
      <c r="AK7651">
        <v>17</v>
      </c>
      <c r="AL7651">
        <v>17</v>
      </c>
      <c r="AM7651">
        <v>17</v>
      </c>
      <c r="AN7651">
        <v>17</v>
      </c>
      <c r="AO7651">
        <v>17</v>
      </c>
      <c r="AP7651">
        <v>17</v>
      </c>
      <c r="AQ7651">
        <v>17</v>
      </c>
    </row>
    <row r="7652" spans="1:43">
      <c r="A7652" t="s">
        <v>4792</v>
      </c>
      <c r="B7652" t="s">
        <v>4793</v>
      </c>
      <c r="C7652" t="s">
        <v>4780</v>
      </c>
      <c r="D7652" t="s">
        <v>4781</v>
      </c>
      <c r="E7652" t="s">
        <v>4592</v>
      </c>
      <c r="F7652" t="s">
        <v>4593</v>
      </c>
      <c r="G7652" t="s">
        <v>80</v>
      </c>
      <c r="H7652" t="s">
        <v>81</v>
      </c>
      <c r="I7652" s="2">
        <v>1</v>
      </c>
      <c r="J7652" s="2">
        <v>0</v>
      </c>
      <c r="K7652" s="2">
        <v>0</v>
      </c>
      <c r="L7652" t="s">
        <v>120</v>
      </c>
      <c r="M7652" t="s">
        <v>89</v>
      </c>
      <c r="N7652" t="s">
        <v>90</v>
      </c>
      <c r="O7652" t="s">
        <v>85</v>
      </c>
      <c r="P7652" t="s">
        <v>86</v>
      </c>
      <c r="Q7652">
        <v>15</v>
      </c>
      <c r="R7652">
        <v>15</v>
      </c>
      <c r="S7652">
        <v>15</v>
      </c>
      <c r="T7652">
        <v>16</v>
      </c>
      <c r="U7652">
        <v>16</v>
      </c>
      <c r="V7652">
        <v>16</v>
      </c>
      <c r="W7652">
        <v>17</v>
      </c>
      <c r="X7652">
        <v>17</v>
      </c>
      <c r="Y7652">
        <v>17</v>
      </c>
      <c r="Z7652">
        <v>17</v>
      </c>
      <c r="AA7652">
        <v>18</v>
      </c>
      <c r="AB7652">
        <v>18</v>
      </c>
      <c r="AC7652">
        <v>18</v>
      </c>
      <c r="AD7652">
        <v>18</v>
      </c>
      <c r="AE7652">
        <v>19</v>
      </c>
      <c r="AF7652">
        <v>19</v>
      </c>
      <c r="AG7652">
        <v>19</v>
      </c>
      <c r="AH7652">
        <v>19</v>
      </c>
      <c r="AI7652">
        <v>19</v>
      </c>
      <c r="AJ7652">
        <v>19</v>
      </c>
      <c r="AK7652">
        <v>19</v>
      </c>
      <c r="AL7652">
        <v>19</v>
      </c>
      <c r="AM7652">
        <v>19</v>
      </c>
      <c r="AN7652">
        <v>19</v>
      </c>
      <c r="AO7652">
        <v>19</v>
      </c>
      <c r="AP7652">
        <v>19</v>
      </c>
      <c r="AQ7652">
        <v>19</v>
      </c>
    </row>
    <row r="7653" spans="1:43">
      <c r="A7653" t="s">
        <v>4792</v>
      </c>
      <c r="B7653" t="s">
        <v>4793</v>
      </c>
      <c r="C7653" t="s">
        <v>4780</v>
      </c>
      <c r="D7653" t="s">
        <v>4781</v>
      </c>
      <c r="E7653" t="s">
        <v>4592</v>
      </c>
      <c r="F7653" t="s">
        <v>4593</v>
      </c>
      <c r="G7653" t="s">
        <v>80</v>
      </c>
      <c r="H7653" t="s">
        <v>81</v>
      </c>
      <c r="I7653" s="2">
        <v>1</v>
      </c>
      <c r="J7653" s="2">
        <v>0</v>
      </c>
      <c r="K7653" s="2">
        <v>0</v>
      </c>
      <c r="L7653" t="s">
        <v>120</v>
      </c>
      <c r="M7653" t="s">
        <v>83</v>
      </c>
      <c r="N7653" t="s">
        <v>91</v>
      </c>
      <c r="O7653" t="s">
        <v>85</v>
      </c>
      <c r="P7653" t="s">
        <v>86</v>
      </c>
      <c r="Q7653">
        <v>15</v>
      </c>
      <c r="R7653">
        <v>15</v>
      </c>
      <c r="S7653">
        <v>15</v>
      </c>
      <c r="T7653">
        <v>15</v>
      </c>
      <c r="U7653">
        <v>15</v>
      </c>
      <c r="V7653">
        <v>16</v>
      </c>
      <c r="W7653">
        <v>16</v>
      </c>
      <c r="X7653">
        <v>16</v>
      </c>
      <c r="Y7653">
        <v>16</v>
      </c>
      <c r="Z7653">
        <v>16</v>
      </c>
      <c r="AA7653">
        <v>17</v>
      </c>
      <c r="AB7653">
        <v>17</v>
      </c>
      <c r="AC7653">
        <v>17</v>
      </c>
      <c r="AD7653">
        <v>17</v>
      </c>
      <c r="AE7653">
        <v>17</v>
      </c>
      <c r="AF7653">
        <v>18</v>
      </c>
      <c r="AG7653">
        <v>18</v>
      </c>
      <c r="AH7653">
        <v>18</v>
      </c>
      <c r="AI7653">
        <v>18</v>
      </c>
      <c r="AJ7653">
        <v>18</v>
      </c>
      <c r="AK7653">
        <v>18</v>
      </c>
      <c r="AL7653">
        <v>18</v>
      </c>
      <c r="AM7653">
        <v>18</v>
      </c>
      <c r="AN7653">
        <v>18</v>
      </c>
      <c r="AO7653">
        <v>18</v>
      </c>
      <c r="AP7653">
        <v>18</v>
      </c>
      <c r="AQ7653">
        <v>18</v>
      </c>
    </row>
    <row r="7654" spans="1:43">
      <c r="A7654" t="s">
        <v>4794</v>
      </c>
      <c r="B7654" t="s">
        <v>4795</v>
      </c>
      <c r="C7654" t="s">
        <v>4796</v>
      </c>
      <c r="D7654" t="s">
        <v>4797</v>
      </c>
      <c r="E7654" t="s">
        <v>4592</v>
      </c>
      <c r="F7654" t="s">
        <v>4593</v>
      </c>
      <c r="G7654" t="s">
        <v>80</v>
      </c>
      <c r="H7654" t="s">
        <v>81</v>
      </c>
      <c r="I7654" s="2">
        <v>1</v>
      </c>
      <c r="J7654" s="2">
        <v>0</v>
      </c>
      <c r="K7654" s="2">
        <v>0</v>
      </c>
      <c r="L7654" t="s">
        <v>120</v>
      </c>
      <c r="M7654" t="s">
        <v>83</v>
      </c>
      <c r="N7654" t="s">
        <v>84</v>
      </c>
      <c r="O7654" t="s">
        <v>85</v>
      </c>
      <c r="P7654" t="s">
        <v>86</v>
      </c>
      <c r="Q7654">
        <v>11</v>
      </c>
      <c r="R7654">
        <v>11</v>
      </c>
      <c r="S7654">
        <v>11</v>
      </c>
      <c r="T7654">
        <v>11</v>
      </c>
      <c r="U7654">
        <v>12</v>
      </c>
      <c r="V7654">
        <v>12</v>
      </c>
      <c r="W7654">
        <v>12</v>
      </c>
      <c r="X7654">
        <v>12</v>
      </c>
      <c r="Y7654">
        <v>12</v>
      </c>
      <c r="Z7654">
        <v>12</v>
      </c>
      <c r="AA7654">
        <v>12</v>
      </c>
      <c r="AB7654">
        <v>13</v>
      </c>
      <c r="AC7654">
        <v>13</v>
      </c>
      <c r="AD7654">
        <v>13</v>
      </c>
      <c r="AE7654">
        <v>13</v>
      </c>
      <c r="AF7654">
        <v>13</v>
      </c>
      <c r="AG7654">
        <v>13</v>
      </c>
      <c r="AH7654">
        <v>14</v>
      </c>
      <c r="AI7654">
        <v>14</v>
      </c>
      <c r="AJ7654">
        <v>14</v>
      </c>
      <c r="AK7654">
        <v>14</v>
      </c>
      <c r="AL7654">
        <v>14</v>
      </c>
      <c r="AM7654">
        <v>14</v>
      </c>
      <c r="AN7654">
        <v>14</v>
      </c>
      <c r="AO7654">
        <v>14</v>
      </c>
      <c r="AP7654">
        <v>14</v>
      </c>
      <c r="AQ7654">
        <v>14</v>
      </c>
    </row>
    <row r="7655" spans="1:43">
      <c r="A7655" t="s">
        <v>4794</v>
      </c>
      <c r="B7655" t="s">
        <v>4795</v>
      </c>
      <c r="C7655" t="s">
        <v>4796</v>
      </c>
      <c r="D7655" t="s">
        <v>4797</v>
      </c>
      <c r="E7655" t="s">
        <v>4592</v>
      </c>
      <c r="F7655" t="s">
        <v>4593</v>
      </c>
      <c r="G7655" t="s">
        <v>80</v>
      </c>
      <c r="H7655" t="s">
        <v>81</v>
      </c>
      <c r="I7655" s="2">
        <v>1</v>
      </c>
      <c r="J7655" s="2">
        <v>0</v>
      </c>
      <c r="K7655" s="2">
        <v>0</v>
      </c>
      <c r="L7655" t="s">
        <v>120</v>
      </c>
      <c r="M7655" t="s">
        <v>87</v>
      </c>
      <c r="N7655" t="s">
        <v>88</v>
      </c>
      <c r="O7655" t="s">
        <v>85</v>
      </c>
      <c r="P7655" t="s">
        <v>86</v>
      </c>
      <c r="Q7655">
        <v>11</v>
      </c>
      <c r="R7655">
        <v>11</v>
      </c>
      <c r="S7655">
        <v>11</v>
      </c>
      <c r="T7655">
        <v>11</v>
      </c>
      <c r="U7655">
        <v>11</v>
      </c>
      <c r="V7655">
        <v>11</v>
      </c>
      <c r="W7655">
        <v>11</v>
      </c>
      <c r="X7655">
        <v>11</v>
      </c>
      <c r="Y7655">
        <v>11</v>
      </c>
      <c r="Z7655">
        <v>11</v>
      </c>
      <c r="AA7655">
        <v>11</v>
      </c>
      <c r="AB7655">
        <v>11</v>
      </c>
      <c r="AC7655">
        <v>11</v>
      </c>
      <c r="AD7655">
        <v>12</v>
      </c>
      <c r="AE7655">
        <v>12</v>
      </c>
      <c r="AF7655">
        <v>12</v>
      </c>
      <c r="AG7655">
        <v>12</v>
      </c>
      <c r="AH7655">
        <v>12</v>
      </c>
      <c r="AI7655">
        <v>12</v>
      </c>
      <c r="AJ7655">
        <v>12</v>
      </c>
      <c r="AK7655">
        <v>12</v>
      </c>
      <c r="AL7655">
        <v>12</v>
      </c>
      <c r="AM7655">
        <v>12</v>
      </c>
      <c r="AN7655">
        <v>12</v>
      </c>
      <c r="AO7655">
        <v>12</v>
      </c>
      <c r="AP7655">
        <v>12</v>
      </c>
      <c r="AQ7655">
        <v>12</v>
      </c>
    </row>
    <row r="7656" spans="1:43">
      <c r="A7656" t="s">
        <v>4794</v>
      </c>
      <c r="B7656" t="s">
        <v>4795</v>
      </c>
      <c r="C7656" t="s">
        <v>4796</v>
      </c>
      <c r="D7656" t="s">
        <v>4797</v>
      </c>
      <c r="E7656" t="s">
        <v>4592</v>
      </c>
      <c r="F7656" t="s">
        <v>4593</v>
      </c>
      <c r="G7656" t="s">
        <v>80</v>
      </c>
      <c r="H7656" t="s">
        <v>81</v>
      </c>
      <c r="I7656" s="2">
        <v>1</v>
      </c>
      <c r="J7656" s="2">
        <v>0</v>
      </c>
      <c r="K7656" s="2">
        <v>0</v>
      </c>
      <c r="L7656" t="s">
        <v>120</v>
      </c>
      <c r="M7656" t="s">
        <v>89</v>
      </c>
      <c r="N7656" t="s">
        <v>90</v>
      </c>
      <c r="O7656" t="s">
        <v>85</v>
      </c>
      <c r="P7656" t="s">
        <v>86</v>
      </c>
      <c r="Q7656">
        <v>11</v>
      </c>
      <c r="R7656">
        <v>11</v>
      </c>
      <c r="S7656">
        <v>11</v>
      </c>
      <c r="T7656">
        <v>12</v>
      </c>
      <c r="U7656">
        <v>12</v>
      </c>
      <c r="V7656">
        <v>12</v>
      </c>
      <c r="W7656">
        <v>12</v>
      </c>
      <c r="X7656">
        <v>13</v>
      </c>
      <c r="Y7656">
        <v>13</v>
      </c>
      <c r="Z7656">
        <v>13</v>
      </c>
      <c r="AA7656">
        <v>13</v>
      </c>
      <c r="AB7656">
        <v>13</v>
      </c>
      <c r="AC7656">
        <v>14</v>
      </c>
      <c r="AD7656">
        <v>14</v>
      </c>
      <c r="AE7656">
        <v>14</v>
      </c>
      <c r="AF7656">
        <v>14</v>
      </c>
      <c r="AG7656">
        <v>14</v>
      </c>
      <c r="AH7656">
        <v>14</v>
      </c>
      <c r="AI7656">
        <v>14</v>
      </c>
      <c r="AJ7656">
        <v>14</v>
      </c>
      <c r="AK7656">
        <v>14</v>
      </c>
      <c r="AL7656">
        <v>14</v>
      </c>
      <c r="AM7656">
        <v>14</v>
      </c>
      <c r="AN7656">
        <v>14</v>
      </c>
      <c r="AO7656">
        <v>14</v>
      </c>
      <c r="AP7656">
        <v>14</v>
      </c>
      <c r="AQ7656">
        <v>14</v>
      </c>
    </row>
    <row r="7657" spans="1:43">
      <c r="A7657" t="s">
        <v>4794</v>
      </c>
      <c r="B7657" t="s">
        <v>4795</v>
      </c>
      <c r="C7657" t="s">
        <v>4796</v>
      </c>
      <c r="D7657" t="s">
        <v>4797</v>
      </c>
      <c r="E7657" t="s">
        <v>4592</v>
      </c>
      <c r="F7657" t="s">
        <v>4593</v>
      </c>
      <c r="G7657" t="s">
        <v>80</v>
      </c>
      <c r="H7657" t="s">
        <v>81</v>
      </c>
      <c r="I7657" s="2">
        <v>1</v>
      </c>
      <c r="J7657" s="2">
        <v>0</v>
      </c>
      <c r="K7657" s="2">
        <v>0</v>
      </c>
      <c r="L7657" t="s">
        <v>120</v>
      </c>
      <c r="M7657" t="s">
        <v>83</v>
      </c>
      <c r="N7657" t="s">
        <v>91</v>
      </c>
      <c r="O7657" t="s">
        <v>85</v>
      </c>
      <c r="P7657" t="s">
        <v>86</v>
      </c>
      <c r="Q7657">
        <v>11</v>
      </c>
      <c r="R7657">
        <v>11</v>
      </c>
      <c r="S7657">
        <v>11</v>
      </c>
      <c r="T7657">
        <v>11</v>
      </c>
      <c r="U7657">
        <v>12</v>
      </c>
      <c r="V7657">
        <v>12</v>
      </c>
      <c r="W7657">
        <v>12</v>
      </c>
      <c r="X7657">
        <v>12</v>
      </c>
      <c r="Y7657">
        <v>12</v>
      </c>
      <c r="Z7657">
        <v>12</v>
      </c>
      <c r="AA7657">
        <v>12</v>
      </c>
      <c r="AB7657">
        <v>13</v>
      </c>
      <c r="AC7657">
        <v>13</v>
      </c>
      <c r="AD7657">
        <v>13</v>
      </c>
      <c r="AE7657">
        <v>13</v>
      </c>
      <c r="AF7657">
        <v>13</v>
      </c>
      <c r="AG7657">
        <v>13</v>
      </c>
      <c r="AH7657">
        <v>14</v>
      </c>
      <c r="AI7657">
        <v>14</v>
      </c>
      <c r="AJ7657">
        <v>14</v>
      </c>
      <c r="AK7657">
        <v>14</v>
      </c>
      <c r="AL7657">
        <v>14</v>
      </c>
      <c r="AM7657">
        <v>14</v>
      </c>
      <c r="AN7657">
        <v>14</v>
      </c>
      <c r="AO7657">
        <v>14</v>
      </c>
      <c r="AP7657">
        <v>14</v>
      </c>
      <c r="AQ7657">
        <v>14</v>
      </c>
    </row>
    <row r="7658" spans="1:43">
      <c r="A7658" t="s">
        <v>4798</v>
      </c>
      <c r="B7658" t="s">
        <v>4799</v>
      </c>
      <c r="C7658" t="s">
        <v>4788</v>
      </c>
      <c r="D7658" t="s">
        <v>4789</v>
      </c>
      <c r="E7658" t="s">
        <v>4592</v>
      </c>
      <c r="F7658" t="s">
        <v>4593</v>
      </c>
      <c r="G7658" t="s">
        <v>80</v>
      </c>
      <c r="H7658" t="s">
        <v>81</v>
      </c>
      <c r="I7658" s="2">
        <v>1</v>
      </c>
      <c r="J7658" s="2">
        <v>0</v>
      </c>
      <c r="K7658" s="2">
        <v>0</v>
      </c>
      <c r="L7658" t="s">
        <v>120</v>
      </c>
      <c r="M7658" t="s">
        <v>83</v>
      </c>
      <c r="N7658" t="s">
        <v>84</v>
      </c>
      <c r="O7658" t="s">
        <v>85</v>
      </c>
      <c r="P7658" t="s">
        <v>86</v>
      </c>
      <c r="Q7658">
        <v>11</v>
      </c>
      <c r="R7658">
        <v>11</v>
      </c>
      <c r="S7658">
        <v>11</v>
      </c>
      <c r="T7658">
        <v>11</v>
      </c>
      <c r="U7658">
        <v>11</v>
      </c>
      <c r="V7658">
        <v>12</v>
      </c>
      <c r="W7658">
        <v>12</v>
      </c>
      <c r="X7658">
        <v>12</v>
      </c>
      <c r="Y7658">
        <v>12</v>
      </c>
      <c r="Z7658">
        <v>12</v>
      </c>
      <c r="AA7658">
        <v>12</v>
      </c>
      <c r="AB7658">
        <v>12</v>
      </c>
      <c r="AC7658">
        <v>13</v>
      </c>
      <c r="AD7658">
        <v>13</v>
      </c>
      <c r="AE7658">
        <v>13</v>
      </c>
      <c r="AF7658">
        <v>13</v>
      </c>
      <c r="AG7658">
        <v>13</v>
      </c>
      <c r="AH7658">
        <v>13</v>
      </c>
      <c r="AI7658">
        <v>13</v>
      </c>
      <c r="AJ7658">
        <v>14</v>
      </c>
      <c r="AK7658">
        <v>14</v>
      </c>
      <c r="AL7658">
        <v>14</v>
      </c>
      <c r="AM7658">
        <v>14</v>
      </c>
      <c r="AN7658">
        <v>14</v>
      </c>
      <c r="AO7658">
        <v>14</v>
      </c>
      <c r="AP7658">
        <v>14</v>
      </c>
      <c r="AQ7658">
        <v>14</v>
      </c>
    </row>
    <row r="7659" spans="1:43">
      <c r="A7659" t="s">
        <v>4798</v>
      </c>
      <c r="B7659" t="s">
        <v>4799</v>
      </c>
      <c r="C7659" t="s">
        <v>4788</v>
      </c>
      <c r="D7659" t="s">
        <v>4789</v>
      </c>
      <c r="E7659" t="s">
        <v>4592</v>
      </c>
      <c r="F7659" t="s">
        <v>4593</v>
      </c>
      <c r="G7659" t="s">
        <v>80</v>
      </c>
      <c r="H7659" t="s">
        <v>81</v>
      </c>
      <c r="I7659" s="2">
        <v>1</v>
      </c>
      <c r="J7659" s="2">
        <v>0</v>
      </c>
      <c r="K7659" s="2">
        <v>0</v>
      </c>
      <c r="L7659" t="s">
        <v>120</v>
      </c>
      <c r="M7659" t="s">
        <v>87</v>
      </c>
      <c r="N7659" t="s">
        <v>88</v>
      </c>
      <c r="O7659" t="s">
        <v>85</v>
      </c>
      <c r="P7659" t="s">
        <v>86</v>
      </c>
      <c r="Q7659">
        <v>11</v>
      </c>
      <c r="R7659">
        <v>11</v>
      </c>
      <c r="S7659">
        <v>11</v>
      </c>
      <c r="T7659">
        <v>11</v>
      </c>
      <c r="U7659">
        <v>11</v>
      </c>
      <c r="V7659">
        <v>11</v>
      </c>
      <c r="W7659">
        <v>11</v>
      </c>
      <c r="X7659">
        <v>11</v>
      </c>
      <c r="Y7659">
        <v>11</v>
      </c>
      <c r="Z7659">
        <v>11</v>
      </c>
      <c r="AA7659">
        <v>11</v>
      </c>
      <c r="AB7659">
        <v>11</v>
      </c>
      <c r="AC7659">
        <v>11</v>
      </c>
      <c r="AD7659">
        <v>11</v>
      </c>
      <c r="AE7659">
        <v>11</v>
      </c>
      <c r="AF7659">
        <v>11</v>
      </c>
      <c r="AG7659">
        <v>12</v>
      </c>
      <c r="AH7659">
        <v>12</v>
      </c>
      <c r="AI7659">
        <v>12</v>
      </c>
      <c r="AJ7659">
        <v>12</v>
      </c>
      <c r="AK7659">
        <v>12</v>
      </c>
      <c r="AL7659">
        <v>12</v>
      </c>
      <c r="AM7659">
        <v>12</v>
      </c>
      <c r="AN7659">
        <v>12</v>
      </c>
      <c r="AO7659">
        <v>12</v>
      </c>
      <c r="AP7659">
        <v>12</v>
      </c>
      <c r="AQ7659">
        <v>12</v>
      </c>
    </row>
    <row r="7660" spans="1:43">
      <c r="A7660" t="s">
        <v>4798</v>
      </c>
      <c r="B7660" t="s">
        <v>4799</v>
      </c>
      <c r="C7660" t="s">
        <v>4788</v>
      </c>
      <c r="D7660" t="s">
        <v>4789</v>
      </c>
      <c r="E7660" t="s">
        <v>4592</v>
      </c>
      <c r="F7660" t="s">
        <v>4593</v>
      </c>
      <c r="G7660" t="s">
        <v>80</v>
      </c>
      <c r="H7660" t="s">
        <v>81</v>
      </c>
      <c r="I7660" s="2">
        <v>1</v>
      </c>
      <c r="J7660" s="2">
        <v>0</v>
      </c>
      <c r="K7660" s="2">
        <v>0</v>
      </c>
      <c r="L7660" t="s">
        <v>120</v>
      </c>
      <c r="M7660" t="s">
        <v>89</v>
      </c>
      <c r="N7660" t="s">
        <v>90</v>
      </c>
      <c r="O7660" t="s">
        <v>85</v>
      </c>
      <c r="P7660" t="s">
        <v>86</v>
      </c>
      <c r="Q7660">
        <v>11</v>
      </c>
      <c r="R7660">
        <v>11</v>
      </c>
      <c r="S7660">
        <v>11</v>
      </c>
      <c r="T7660">
        <v>12</v>
      </c>
      <c r="U7660">
        <v>12</v>
      </c>
      <c r="V7660">
        <v>12</v>
      </c>
      <c r="W7660">
        <v>12</v>
      </c>
      <c r="X7660">
        <v>12</v>
      </c>
      <c r="Y7660">
        <v>13</v>
      </c>
      <c r="Z7660">
        <v>13</v>
      </c>
      <c r="AA7660">
        <v>13</v>
      </c>
      <c r="AB7660">
        <v>13</v>
      </c>
      <c r="AC7660">
        <v>13</v>
      </c>
      <c r="AD7660">
        <v>14</v>
      </c>
      <c r="AE7660">
        <v>14</v>
      </c>
      <c r="AF7660">
        <v>14</v>
      </c>
      <c r="AG7660">
        <v>14</v>
      </c>
      <c r="AH7660">
        <v>14</v>
      </c>
      <c r="AI7660">
        <v>14</v>
      </c>
      <c r="AJ7660">
        <v>14</v>
      </c>
      <c r="AK7660">
        <v>14</v>
      </c>
      <c r="AL7660">
        <v>14</v>
      </c>
      <c r="AM7660">
        <v>14</v>
      </c>
      <c r="AN7660">
        <v>14</v>
      </c>
      <c r="AO7660">
        <v>14</v>
      </c>
      <c r="AP7660">
        <v>14</v>
      </c>
      <c r="AQ7660">
        <v>14</v>
      </c>
    </row>
    <row r="7661" spans="1:43">
      <c r="A7661" t="s">
        <v>4798</v>
      </c>
      <c r="B7661" t="s">
        <v>4799</v>
      </c>
      <c r="C7661" t="s">
        <v>4788</v>
      </c>
      <c r="D7661" t="s">
        <v>4789</v>
      </c>
      <c r="E7661" t="s">
        <v>4592</v>
      </c>
      <c r="F7661" t="s">
        <v>4593</v>
      </c>
      <c r="G7661" t="s">
        <v>80</v>
      </c>
      <c r="H7661" t="s">
        <v>81</v>
      </c>
      <c r="I7661" s="2">
        <v>1</v>
      </c>
      <c r="J7661" s="2">
        <v>0</v>
      </c>
      <c r="K7661" s="2">
        <v>0</v>
      </c>
      <c r="L7661" t="s">
        <v>120</v>
      </c>
      <c r="M7661" t="s">
        <v>83</v>
      </c>
      <c r="N7661" t="s">
        <v>91</v>
      </c>
      <c r="O7661" t="s">
        <v>85</v>
      </c>
      <c r="P7661" t="s">
        <v>86</v>
      </c>
      <c r="Q7661">
        <v>11</v>
      </c>
      <c r="R7661">
        <v>11</v>
      </c>
      <c r="S7661">
        <v>11</v>
      </c>
      <c r="T7661">
        <v>11</v>
      </c>
      <c r="U7661">
        <v>11</v>
      </c>
      <c r="V7661">
        <v>12</v>
      </c>
      <c r="W7661">
        <v>12</v>
      </c>
      <c r="X7661">
        <v>12</v>
      </c>
      <c r="Y7661">
        <v>12</v>
      </c>
      <c r="Z7661">
        <v>12</v>
      </c>
      <c r="AA7661">
        <v>12</v>
      </c>
      <c r="AB7661">
        <v>12</v>
      </c>
      <c r="AC7661">
        <v>13</v>
      </c>
      <c r="AD7661">
        <v>13</v>
      </c>
      <c r="AE7661">
        <v>13</v>
      </c>
      <c r="AF7661">
        <v>13</v>
      </c>
      <c r="AG7661">
        <v>13</v>
      </c>
      <c r="AH7661">
        <v>13</v>
      </c>
      <c r="AI7661">
        <v>13</v>
      </c>
      <c r="AJ7661">
        <v>14</v>
      </c>
      <c r="AK7661">
        <v>14</v>
      </c>
      <c r="AL7661">
        <v>14</v>
      </c>
      <c r="AM7661">
        <v>14</v>
      </c>
      <c r="AN7661">
        <v>14</v>
      </c>
      <c r="AO7661">
        <v>14</v>
      </c>
      <c r="AP7661">
        <v>14</v>
      </c>
      <c r="AQ7661">
        <v>14</v>
      </c>
    </row>
    <row r="7662" spans="1:43">
      <c r="A7662" t="s">
        <v>4800</v>
      </c>
      <c r="B7662" t="s">
        <v>4801</v>
      </c>
      <c r="C7662" t="s">
        <v>4788</v>
      </c>
      <c r="D7662" t="s">
        <v>4789</v>
      </c>
      <c r="E7662" t="s">
        <v>4592</v>
      </c>
      <c r="F7662" t="s">
        <v>4593</v>
      </c>
      <c r="G7662" t="s">
        <v>80</v>
      </c>
      <c r="H7662" t="s">
        <v>81</v>
      </c>
      <c r="I7662" s="2">
        <v>1</v>
      </c>
      <c r="J7662" s="2">
        <v>0</v>
      </c>
      <c r="K7662" s="2">
        <v>0</v>
      </c>
      <c r="L7662" t="s">
        <v>120</v>
      </c>
      <c r="M7662" t="s">
        <v>83</v>
      </c>
      <c r="N7662" t="s">
        <v>84</v>
      </c>
      <c r="O7662" t="s">
        <v>85</v>
      </c>
      <c r="P7662" t="s">
        <v>86</v>
      </c>
      <c r="Q7662">
        <v>30</v>
      </c>
      <c r="R7662">
        <v>30</v>
      </c>
      <c r="S7662">
        <v>31</v>
      </c>
      <c r="T7662">
        <v>31</v>
      </c>
      <c r="U7662">
        <v>32</v>
      </c>
      <c r="V7662">
        <v>32</v>
      </c>
      <c r="W7662">
        <v>33</v>
      </c>
      <c r="X7662">
        <v>33</v>
      </c>
      <c r="Y7662">
        <v>33</v>
      </c>
      <c r="Z7662">
        <v>34</v>
      </c>
      <c r="AA7662">
        <v>34</v>
      </c>
      <c r="AB7662">
        <v>35</v>
      </c>
      <c r="AC7662">
        <v>35</v>
      </c>
      <c r="AD7662">
        <v>36</v>
      </c>
      <c r="AE7662">
        <v>36</v>
      </c>
      <c r="AF7662">
        <v>36</v>
      </c>
      <c r="AG7662">
        <v>37</v>
      </c>
      <c r="AH7662">
        <v>37</v>
      </c>
      <c r="AI7662">
        <v>38</v>
      </c>
      <c r="AJ7662">
        <v>38</v>
      </c>
      <c r="AK7662">
        <v>38</v>
      </c>
      <c r="AL7662">
        <v>38</v>
      </c>
      <c r="AM7662">
        <v>39</v>
      </c>
      <c r="AN7662">
        <v>39</v>
      </c>
      <c r="AO7662">
        <v>39</v>
      </c>
      <c r="AP7662">
        <v>39</v>
      </c>
      <c r="AQ7662">
        <v>39</v>
      </c>
    </row>
    <row r="7663" spans="1:43">
      <c r="A7663" t="s">
        <v>4800</v>
      </c>
      <c r="B7663" t="s">
        <v>4801</v>
      </c>
      <c r="C7663" t="s">
        <v>4788</v>
      </c>
      <c r="D7663" t="s">
        <v>4789</v>
      </c>
      <c r="E7663" t="s">
        <v>4592</v>
      </c>
      <c r="F7663" t="s">
        <v>4593</v>
      </c>
      <c r="G7663" t="s">
        <v>80</v>
      </c>
      <c r="H7663" t="s">
        <v>81</v>
      </c>
      <c r="I7663" s="2">
        <v>1</v>
      </c>
      <c r="J7663" s="2">
        <v>0</v>
      </c>
      <c r="K7663" s="2">
        <v>0</v>
      </c>
      <c r="L7663" t="s">
        <v>120</v>
      </c>
      <c r="M7663" t="s">
        <v>87</v>
      </c>
      <c r="N7663" t="s">
        <v>88</v>
      </c>
      <c r="O7663" t="s">
        <v>85</v>
      </c>
      <c r="P7663" t="s">
        <v>86</v>
      </c>
      <c r="Q7663">
        <v>30</v>
      </c>
      <c r="R7663">
        <v>30</v>
      </c>
      <c r="S7663">
        <v>30</v>
      </c>
      <c r="T7663">
        <v>30</v>
      </c>
      <c r="U7663">
        <v>30</v>
      </c>
      <c r="V7663">
        <v>30</v>
      </c>
      <c r="W7663">
        <v>31</v>
      </c>
      <c r="X7663">
        <v>31</v>
      </c>
      <c r="Y7663">
        <v>31</v>
      </c>
      <c r="Z7663">
        <v>31</v>
      </c>
      <c r="AA7663">
        <v>31</v>
      </c>
      <c r="AB7663">
        <v>31</v>
      </c>
      <c r="AC7663">
        <v>32</v>
      </c>
      <c r="AD7663">
        <v>32</v>
      </c>
      <c r="AE7663">
        <v>32</v>
      </c>
      <c r="AF7663">
        <v>32</v>
      </c>
      <c r="AG7663">
        <v>32</v>
      </c>
      <c r="AH7663">
        <v>32</v>
      </c>
      <c r="AI7663">
        <v>32</v>
      </c>
      <c r="AJ7663">
        <v>33</v>
      </c>
      <c r="AK7663">
        <v>33</v>
      </c>
      <c r="AL7663">
        <v>33</v>
      </c>
      <c r="AM7663">
        <v>33</v>
      </c>
      <c r="AN7663">
        <v>33</v>
      </c>
      <c r="AO7663">
        <v>33</v>
      </c>
      <c r="AP7663">
        <v>33</v>
      </c>
      <c r="AQ7663">
        <v>33</v>
      </c>
    </row>
    <row r="7664" spans="1:43">
      <c r="A7664" t="s">
        <v>4800</v>
      </c>
      <c r="B7664" t="s">
        <v>4801</v>
      </c>
      <c r="C7664" t="s">
        <v>4788</v>
      </c>
      <c r="D7664" t="s">
        <v>4789</v>
      </c>
      <c r="E7664" t="s">
        <v>4592</v>
      </c>
      <c r="F7664" t="s">
        <v>4593</v>
      </c>
      <c r="G7664" t="s">
        <v>80</v>
      </c>
      <c r="H7664" t="s">
        <v>81</v>
      </c>
      <c r="I7664" s="2">
        <v>1</v>
      </c>
      <c r="J7664" s="2">
        <v>0</v>
      </c>
      <c r="K7664" s="2">
        <v>0</v>
      </c>
      <c r="L7664" t="s">
        <v>120</v>
      </c>
      <c r="M7664" t="s">
        <v>89</v>
      </c>
      <c r="N7664" t="s">
        <v>90</v>
      </c>
      <c r="O7664" t="s">
        <v>85</v>
      </c>
      <c r="P7664" t="s">
        <v>86</v>
      </c>
      <c r="Q7664">
        <v>30</v>
      </c>
      <c r="R7664">
        <v>31</v>
      </c>
      <c r="S7664">
        <v>32</v>
      </c>
      <c r="T7664">
        <v>32</v>
      </c>
      <c r="U7664">
        <v>33</v>
      </c>
      <c r="V7664">
        <v>34</v>
      </c>
      <c r="W7664">
        <v>34</v>
      </c>
      <c r="X7664">
        <v>35</v>
      </c>
      <c r="Y7664">
        <v>35</v>
      </c>
      <c r="Z7664">
        <v>36</v>
      </c>
      <c r="AA7664">
        <v>37</v>
      </c>
      <c r="AB7664">
        <v>37</v>
      </c>
      <c r="AC7664">
        <v>38</v>
      </c>
      <c r="AD7664">
        <v>38</v>
      </c>
      <c r="AE7664">
        <v>39</v>
      </c>
      <c r="AF7664">
        <v>39</v>
      </c>
      <c r="AG7664">
        <v>39</v>
      </c>
      <c r="AH7664">
        <v>39</v>
      </c>
      <c r="AI7664">
        <v>39</v>
      </c>
      <c r="AJ7664">
        <v>39</v>
      </c>
      <c r="AK7664">
        <v>39</v>
      </c>
      <c r="AL7664">
        <v>39</v>
      </c>
      <c r="AM7664">
        <v>39</v>
      </c>
      <c r="AN7664">
        <v>39</v>
      </c>
      <c r="AO7664">
        <v>39</v>
      </c>
      <c r="AP7664">
        <v>39</v>
      </c>
      <c r="AQ7664">
        <v>39</v>
      </c>
    </row>
    <row r="7665" spans="1:43">
      <c r="A7665" t="s">
        <v>4800</v>
      </c>
      <c r="B7665" t="s">
        <v>4801</v>
      </c>
      <c r="C7665" t="s">
        <v>4788</v>
      </c>
      <c r="D7665" t="s">
        <v>4789</v>
      </c>
      <c r="E7665" t="s">
        <v>4592</v>
      </c>
      <c r="F7665" t="s">
        <v>4593</v>
      </c>
      <c r="G7665" t="s">
        <v>80</v>
      </c>
      <c r="H7665" t="s">
        <v>81</v>
      </c>
      <c r="I7665" s="2">
        <v>1</v>
      </c>
      <c r="J7665" s="2">
        <v>0</v>
      </c>
      <c r="K7665" s="2">
        <v>0</v>
      </c>
      <c r="L7665" t="s">
        <v>120</v>
      </c>
      <c r="M7665" t="s">
        <v>83</v>
      </c>
      <c r="N7665" t="s">
        <v>91</v>
      </c>
      <c r="O7665" t="s">
        <v>85</v>
      </c>
      <c r="P7665" t="s">
        <v>86</v>
      </c>
      <c r="Q7665">
        <v>30</v>
      </c>
      <c r="R7665">
        <v>30</v>
      </c>
      <c r="S7665">
        <v>31</v>
      </c>
      <c r="T7665">
        <v>31</v>
      </c>
      <c r="U7665">
        <v>32</v>
      </c>
      <c r="V7665">
        <v>32</v>
      </c>
      <c r="W7665">
        <v>33</v>
      </c>
      <c r="X7665">
        <v>33</v>
      </c>
      <c r="Y7665">
        <v>33</v>
      </c>
      <c r="Z7665">
        <v>34</v>
      </c>
      <c r="AA7665">
        <v>34</v>
      </c>
      <c r="AB7665">
        <v>35</v>
      </c>
      <c r="AC7665">
        <v>35</v>
      </c>
      <c r="AD7665">
        <v>36</v>
      </c>
      <c r="AE7665">
        <v>36</v>
      </c>
      <c r="AF7665">
        <v>36</v>
      </c>
      <c r="AG7665">
        <v>37</v>
      </c>
      <c r="AH7665">
        <v>37</v>
      </c>
      <c r="AI7665">
        <v>38</v>
      </c>
      <c r="AJ7665">
        <v>38</v>
      </c>
      <c r="AK7665">
        <v>38</v>
      </c>
      <c r="AL7665">
        <v>38</v>
      </c>
      <c r="AM7665">
        <v>39</v>
      </c>
      <c r="AN7665">
        <v>39</v>
      </c>
      <c r="AO7665">
        <v>39</v>
      </c>
      <c r="AP7665">
        <v>39</v>
      </c>
      <c r="AQ7665">
        <v>39</v>
      </c>
    </row>
    <row r="7666" spans="1:43">
      <c r="A7666" t="s">
        <v>4802</v>
      </c>
      <c r="B7666" t="s">
        <v>4803</v>
      </c>
      <c r="C7666" t="s">
        <v>4796</v>
      </c>
      <c r="D7666" t="s">
        <v>4797</v>
      </c>
      <c r="E7666" t="s">
        <v>4592</v>
      </c>
      <c r="F7666" t="s">
        <v>4593</v>
      </c>
      <c r="G7666" t="s">
        <v>80</v>
      </c>
      <c r="H7666" t="s">
        <v>81</v>
      </c>
      <c r="I7666" s="2">
        <v>1</v>
      </c>
      <c r="J7666" s="2">
        <v>0</v>
      </c>
      <c r="K7666" s="2">
        <v>0</v>
      </c>
      <c r="L7666" t="s">
        <v>120</v>
      </c>
      <c r="M7666" t="s">
        <v>83</v>
      </c>
      <c r="N7666" t="s">
        <v>84</v>
      </c>
      <c r="O7666" t="s">
        <v>85</v>
      </c>
      <c r="P7666" t="s">
        <v>86</v>
      </c>
      <c r="Q7666">
        <v>51</v>
      </c>
      <c r="R7666">
        <v>52</v>
      </c>
      <c r="S7666">
        <v>53</v>
      </c>
      <c r="T7666">
        <v>54</v>
      </c>
      <c r="U7666">
        <v>54</v>
      </c>
      <c r="V7666">
        <v>55</v>
      </c>
      <c r="W7666">
        <v>56</v>
      </c>
      <c r="X7666">
        <v>57</v>
      </c>
      <c r="Y7666">
        <v>57</v>
      </c>
      <c r="Z7666">
        <v>58</v>
      </c>
      <c r="AA7666">
        <v>59</v>
      </c>
      <c r="AB7666">
        <v>60</v>
      </c>
      <c r="AC7666">
        <v>60</v>
      </c>
      <c r="AD7666">
        <v>61</v>
      </c>
      <c r="AE7666">
        <v>62</v>
      </c>
      <c r="AF7666">
        <v>62</v>
      </c>
      <c r="AG7666">
        <v>63</v>
      </c>
      <c r="AH7666">
        <v>64</v>
      </c>
      <c r="AI7666">
        <v>64</v>
      </c>
      <c r="AJ7666">
        <v>65</v>
      </c>
      <c r="AK7666">
        <v>66</v>
      </c>
      <c r="AL7666">
        <v>66</v>
      </c>
      <c r="AM7666">
        <v>66</v>
      </c>
      <c r="AN7666">
        <v>66</v>
      </c>
      <c r="AO7666">
        <v>66</v>
      </c>
      <c r="AP7666">
        <v>66</v>
      </c>
      <c r="AQ7666">
        <v>66</v>
      </c>
    </row>
    <row r="7667" spans="1:43">
      <c r="A7667" t="s">
        <v>4802</v>
      </c>
      <c r="B7667" t="s">
        <v>4803</v>
      </c>
      <c r="C7667" t="s">
        <v>4796</v>
      </c>
      <c r="D7667" t="s">
        <v>4797</v>
      </c>
      <c r="E7667" t="s">
        <v>4592</v>
      </c>
      <c r="F7667" t="s">
        <v>4593</v>
      </c>
      <c r="G7667" t="s">
        <v>80</v>
      </c>
      <c r="H7667" t="s">
        <v>81</v>
      </c>
      <c r="I7667" s="2">
        <v>1</v>
      </c>
      <c r="J7667" s="2">
        <v>0</v>
      </c>
      <c r="K7667" s="2">
        <v>0</v>
      </c>
      <c r="L7667" t="s">
        <v>120</v>
      </c>
      <c r="M7667" t="s">
        <v>87</v>
      </c>
      <c r="N7667" t="s">
        <v>88</v>
      </c>
      <c r="O7667" t="s">
        <v>85</v>
      </c>
      <c r="P7667" t="s">
        <v>86</v>
      </c>
      <c r="Q7667">
        <v>51</v>
      </c>
      <c r="R7667">
        <v>51</v>
      </c>
      <c r="S7667">
        <v>51</v>
      </c>
      <c r="T7667">
        <v>52</v>
      </c>
      <c r="U7667">
        <v>52</v>
      </c>
      <c r="V7667">
        <v>52</v>
      </c>
      <c r="W7667">
        <v>53</v>
      </c>
      <c r="X7667">
        <v>53</v>
      </c>
      <c r="Y7667">
        <v>53</v>
      </c>
      <c r="Z7667">
        <v>53</v>
      </c>
      <c r="AA7667">
        <v>54</v>
      </c>
      <c r="AB7667">
        <v>54</v>
      </c>
      <c r="AC7667">
        <v>54</v>
      </c>
      <c r="AD7667">
        <v>54</v>
      </c>
      <c r="AE7667">
        <v>55</v>
      </c>
      <c r="AF7667">
        <v>55</v>
      </c>
      <c r="AG7667">
        <v>55</v>
      </c>
      <c r="AH7667">
        <v>55</v>
      </c>
      <c r="AI7667">
        <v>56</v>
      </c>
      <c r="AJ7667">
        <v>56</v>
      </c>
      <c r="AK7667">
        <v>56</v>
      </c>
      <c r="AL7667">
        <v>56</v>
      </c>
      <c r="AM7667">
        <v>56</v>
      </c>
      <c r="AN7667">
        <v>57</v>
      </c>
      <c r="AO7667">
        <v>57</v>
      </c>
      <c r="AP7667">
        <v>57</v>
      </c>
      <c r="AQ7667">
        <v>57</v>
      </c>
    </row>
    <row r="7668" spans="1:43">
      <c r="A7668" t="s">
        <v>4802</v>
      </c>
      <c r="B7668" t="s">
        <v>4803</v>
      </c>
      <c r="C7668" t="s">
        <v>4796</v>
      </c>
      <c r="D7668" t="s">
        <v>4797</v>
      </c>
      <c r="E7668" t="s">
        <v>4592</v>
      </c>
      <c r="F7668" t="s">
        <v>4593</v>
      </c>
      <c r="G7668" t="s">
        <v>80</v>
      </c>
      <c r="H7668" t="s">
        <v>81</v>
      </c>
      <c r="I7668" s="2">
        <v>1</v>
      </c>
      <c r="J7668" s="2">
        <v>0</v>
      </c>
      <c r="K7668" s="2">
        <v>0</v>
      </c>
      <c r="L7668" t="s">
        <v>120</v>
      </c>
      <c r="M7668" t="s">
        <v>89</v>
      </c>
      <c r="N7668" t="s">
        <v>90</v>
      </c>
      <c r="O7668" t="s">
        <v>85</v>
      </c>
      <c r="P7668" t="s">
        <v>86</v>
      </c>
      <c r="Q7668">
        <v>51</v>
      </c>
      <c r="R7668">
        <v>52</v>
      </c>
      <c r="S7668">
        <v>53</v>
      </c>
      <c r="T7668">
        <v>54</v>
      </c>
      <c r="U7668">
        <v>55</v>
      </c>
      <c r="V7668">
        <v>57</v>
      </c>
      <c r="W7668">
        <v>58</v>
      </c>
      <c r="X7668">
        <v>59</v>
      </c>
      <c r="Y7668">
        <v>60</v>
      </c>
      <c r="Z7668">
        <v>61</v>
      </c>
      <c r="AA7668">
        <v>62</v>
      </c>
      <c r="AB7668">
        <v>63</v>
      </c>
      <c r="AC7668">
        <v>64</v>
      </c>
      <c r="AD7668">
        <v>65</v>
      </c>
      <c r="AE7668">
        <v>65</v>
      </c>
      <c r="AF7668">
        <v>65</v>
      </c>
      <c r="AG7668">
        <v>65</v>
      </c>
      <c r="AH7668">
        <v>65</v>
      </c>
      <c r="AI7668">
        <v>65</v>
      </c>
      <c r="AJ7668">
        <v>65</v>
      </c>
      <c r="AK7668">
        <v>66</v>
      </c>
      <c r="AL7668">
        <v>66</v>
      </c>
      <c r="AM7668">
        <v>66</v>
      </c>
      <c r="AN7668">
        <v>66</v>
      </c>
      <c r="AO7668">
        <v>66</v>
      </c>
      <c r="AP7668">
        <v>66</v>
      </c>
      <c r="AQ7668">
        <v>66</v>
      </c>
    </row>
    <row r="7669" spans="1:43">
      <c r="A7669" t="s">
        <v>4802</v>
      </c>
      <c r="B7669" t="s">
        <v>4803</v>
      </c>
      <c r="C7669" t="s">
        <v>4796</v>
      </c>
      <c r="D7669" t="s">
        <v>4797</v>
      </c>
      <c r="E7669" t="s">
        <v>4592</v>
      </c>
      <c r="F7669" t="s">
        <v>4593</v>
      </c>
      <c r="G7669" t="s">
        <v>80</v>
      </c>
      <c r="H7669" t="s">
        <v>81</v>
      </c>
      <c r="I7669" s="2">
        <v>1</v>
      </c>
      <c r="J7669" s="2">
        <v>0</v>
      </c>
      <c r="K7669" s="2">
        <v>0</v>
      </c>
      <c r="L7669" t="s">
        <v>120</v>
      </c>
      <c r="M7669" t="s">
        <v>83</v>
      </c>
      <c r="N7669" t="s">
        <v>91</v>
      </c>
      <c r="O7669" t="s">
        <v>85</v>
      </c>
      <c r="P7669" t="s">
        <v>86</v>
      </c>
      <c r="Q7669">
        <v>51</v>
      </c>
      <c r="R7669">
        <v>52</v>
      </c>
      <c r="S7669">
        <v>53</v>
      </c>
      <c r="T7669">
        <v>54</v>
      </c>
      <c r="U7669">
        <v>54</v>
      </c>
      <c r="V7669">
        <v>55</v>
      </c>
      <c r="W7669">
        <v>56</v>
      </c>
      <c r="X7669">
        <v>57</v>
      </c>
      <c r="Y7669">
        <v>57</v>
      </c>
      <c r="Z7669">
        <v>58</v>
      </c>
      <c r="AA7669">
        <v>59</v>
      </c>
      <c r="AB7669">
        <v>60</v>
      </c>
      <c r="AC7669">
        <v>60</v>
      </c>
      <c r="AD7669">
        <v>61</v>
      </c>
      <c r="AE7669">
        <v>62</v>
      </c>
      <c r="AF7669">
        <v>62</v>
      </c>
      <c r="AG7669">
        <v>63</v>
      </c>
      <c r="AH7669">
        <v>64</v>
      </c>
      <c r="AI7669">
        <v>64</v>
      </c>
      <c r="AJ7669">
        <v>65</v>
      </c>
      <c r="AK7669">
        <v>66</v>
      </c>
      <c r="AL7669">
        <v>66</v>
      </c>
      <c r="AM7669">
        <v>66</v>
      </c>
      <c r="AN7669">
        <v>66</v>
      </c>
      <c r="AO7669">
        <v>66</v>
      </c>
      <c r="AP7669">
        <v>66</v>
      </c>
      <c r="AQ7669">
        <v>66</v>
      </c>
    </row>
    <row r="7670" spans="1:43">
      <c r="A7670" t="s">
        <v>4804</v>
      </c>
      <c r="B7670" t="s">
        <v>4805</v>
      </c>
      <c r="C7670" t="s">
        <v>4796</v>
      </c>
      <c r="D7670" t="s">
        <v>4797</v>
      </c>
      <c r="E7670" t="s">
        <v>4592</v>
      </c>
      <c r="F7670" t="s">
        <v>4593</v>
      </c>
      <c r="G7670" t="s">
        <v>80</v>
      </c>
      <c r="H7670" t="s">
        <v>81</v>
      </c>
      <c r="I7670" s="2">
        <v>1</v>
      </c>
      <c r="J7670" s="2">
        <v>0</v>
      </c>
      <c r="K7670" s="2">
        <v>0</v>
      </c>
      <c r="L7670" t="s">
        <v>120</v>
      </c>
      <c r="M7670" t="s">
        <v>83</v>
      </c>
      <c r="N7670" t="s">
        <v>84</v>
      </c>
      <c r="O7670" t="s">
        <v>85</v>
      </c>
      <c r="P7670" t="s">
        <v>86</v>
      </c>
      <c r="Q7670">
        <v>5</v>
      </c>
      <c r="R7670">
        <v>5</v>
      </c>
      <c r="S7670">
        <v>5</v>
      </c>
      <c r="T7670">
        <v>6</v>
      </c>
      <c r="U7670">
        <v>6</v>
      </c>
      <c r="V7670">
        <v>6</v>
      </c>
      <c r="W7670">
        <v>6</v>
      </c>
      <c r="X7670">
        <v>6</v>
      </c>
      <c r="Y7670">
        <v>6</v>
      </c>
      <c r="Z7670">
        <v>6</v>
      </c>
      <c r="AA7670">
        <v>6</v>
      </c>
      <c r="AB7670">
        <v>6</v>
      </c>
      <c r="AC7670">
        <v>6</v>
      </c>
      <c r="AD7670">
        <v>6</v>
      </c>
      <c r="AE7670">
        <v>6</v>
      </c>
      <c r="AF7670">
        <v>6</v>
      </c>
      <c r="AG7670">
        <v>6</v>
      </c>
      <c r="AH7670">
        <v>7</v>
      </c>
      <c r="AI7670">
        <v>7</v>
      </c>
      <c r="AJ7670">
        <v>7</v>
      </c>
      <c r="AK7670">
        <v>7</v>
      </c>
      <c r="AL7670">
        <v>7</v>
      </c>
      <c r="AM7670">
        <v>7</v>
      </c>
      <c r="AN7670">
        <v>7</v>
      </c>
      <c r="AO7670">
        <v>7</v>
      </c>
      <c r="AP7670">
        <v>7</v>
      </c>
      <c r="AQ7670">
        <v>7</v>
      </c>
    </row>
    <row r="7671" spans="1:43">
      <c r="A7671" t="s">
        <v>4804</v>
      </c>
      <c r="B7671" t="s">
        <v>4805</v>
      </c>
      <c r="C7671" t="s">
        <v>4796</v>
      </c>
      <c r="D7671" t="s">
        <v>4797</v>
      </c>
      <c r="E7671" t="s">
        <v>4592</v>
      </c>
      <c r="F7671" t="s">
        <v>4593</v>
      </c>
      <c r="G7671" t="s">
        <v>80</v>
      </c>
      <c r="H7671" t="s">
        <v>81</v>
      </c>
      <c r="I7671" s="2">
        <v>1</v>
      </c>
      <c r="J7671" s="2">
        <v>0</v>
      </c>
      <c r="K7671" s="2">
        <v>0</v>
      </c>
      <c r="L7671" t="s">
        <v>120</v>
      </c>
      <c r="M7671" t="s">
        <v>87</v>
      </c>
      <c r="N7671" t="s">
        <v>88</v>
      </c>
      <c r="O7671" t="s">
        <v>85</v>
      </c>
      <c r="P7671" t="s">
        <v>86</v>
      </c>
      <c r="Q7671">
        <v>5</v>
      </c>
      <c r="R7671">
        <v>5</v>
      </c>
      <c r="S7671">
        <v>5</v>
      </c>
      <c r="T7671">
        <v>5</v>
      </c>
      <c r="U7671">
        <v>5</v>
      </c>
      <c r="V7671">
        <v>5</v>
      </c>
      <c r="W7671">
        <v>5</v>
      </c>
      <c r="X7671">
        <v>5</v>
      </c>
      <c r="Y7671">
        <v>5</v>
      </c>
      <c r="Z7671">
        <v>5</v>
      </c>
      <c r="AA7671">
        <v>6</v>
      </c>
      <c r="AB7671">
        <v>6</v>
      </c>
      <c r="AC7671">
        <v>6</v>
      </c>
      <c r="AD7671">
        <v>6</v>
      </c>
      <c r="AE7671">
        <v>6</v>
      </c>
      <c r="AF7671">
        <v>6</v>
      </c>
      <c r="AG7671">
        <v>6</v>
      </c>
      <c r="AH7671">
        <v>6</v>
      </c>
      <c r="AI7671">
        <v>6</v>
      </c>
      <c r="AJ7671">
        <v>6</v>
      </c>
      <c r="AK7671">
        <v>6</v>
      </c>
      <c r="AL7671">
        <v>6</v>
      </c>
      <c r="AM7671">
        <v>6</v>
      </c>
      <c r="AN7671">
        <v>6</v>
      </c>
      <c r="AO7671">
        <v>6</v>
      </c>
      <c r="AP7671">
        <v>6</v>
      </c>
      <c r="AQ7671">
        <v>6</v>
      </c>
    </row>
    <row r="7672" spans="1:43">
      <c r="A7672" t="s">
        <v>4804</v>
      </c>
      <c r="B7672" t="s">
        <v>4805</v>
      </c>
      <c r="C7672" t="s">
        <v>4796</v>
      </c>
      <c r="D7672" t="s">
        <v>4797</v>
      </c>
      <c r="E7672" t="s">
        <v>4592</v>
      </c>
      <c r="F7672" t="s">
        <v>4593</v>
      </c>
      <c r="G7672" t="s">
        <v>80</v>
      </c>
      <c r="H7672" t="s">
        <v>81</v>
      </c>
      <c r="I7672" s="2">
        <v>1</v>
      </c>
      <c r="J7672" s="2">
        <v>0</v>
      </c>
      <c r="K7672" s="2">
        <v>0</v>
      </c>
      <c r="L7672" t="s">
        <v>120</v>
      </c>
      <c r="M7672" t="s">
        <v>89</v>
      </c>
      <c r="N7672" t="s">
        <v>90</v>
      </c>
      <c r="O7672" t="s">
        <v>85</v>
      </c>
      <c r="P7672" t="s">
        <v>86</v>
      </c>
      <c r="Q7672">
        <v>5</v>
      </c>
      <c r="R7672">
        <v>5</v>
      </c>
      <c r="S7672">
        <v>6</v>
      </c>
      <c r="T7672">
        <v>6</v>
      </c>
      <c r="U7672">
        <v>6</v>
      </c>
      <c r="V7672">
        <v>6</v>
      </c>
      <c r="W7672">
        <v>6</v>
      </c>
      <c r="X7672">
        <v>6</v>
      </c>
      <c r="Y7672">
        <v>6</v>
      </c>
      <c r="Z7672">
        <v>6</v>
      </c>
      <c r="AA7672">
        <v>6</v>
      </c>
      <c r="AB7672">
        <v>7</v>
      </c>
      <c r="AC7672">
        <v>7</v>
      </c>
      <c r="AD7672">
        <v>7</v>
      </c>
      <c r="AE7672">
        <v>7</v>
      </c>
      <c r="AF7672">
        <v>7</v>
      </c>
      <c r="AG7672">
        <v>7</v>
      </c>
      <c r="AH7672">
        <v>7</v>
      </c>
      <c r="AI7672">
        <v>7</v>
      </c>
      <c r="AJ7672">
        <v>7</v>
      </c>
      <c r="AK7672">
        <v>7</v>
      </c>
      <c r="AL7672">
        <v>7</v>
      </c>
      <c r="AM7672">
        <v>7</v>
      </c>
      <c r="AN7672">
        <v>7</v>
      </c>
      <c r="AO7672">
        <v>7</v>
      </c>
      <c r="AP7672">
        <v>7</v>
      </c>
      <c r="AQ7672">
        <v>7</v>
      </c>
    </row>
    <row r="7673" spans="1:43">
      <c r="A7673" t="s">
        <v>4804</v>
      </c>
      <c r="B7673" t="s">
        <v>4805</v>
      </c>
      <c r="C7673" t="s">
        <v>4796</v>
      </c>
      <c r="D7673" t="s">
        <v>4797</v>
      </c>
      <c r="E7673" t="s">
        <v>4592</v>
      </c>
      <c r="F7673" t="s">
        <v>4593</v>
      </c>
      <c r="G7673" t="s">
        <v>80</v>
      </c>
      <c r="H7673" t="s">
        <v>81</v>
      </c>
      <c r="I7673" s="2">
        <v>1</v>
      </c>
      <c r="J7673" s="2">
        <v>0</v>
      </c>
      <c r="K7673" s="2">
        <v>0</v>
      </c>
      <c r="L7673" t="s">
        <v>120</v>
      </c>
      <c r="M7673" t="s">
        <v>83</v>
      </c>
      <c r="N7673" t="s">
        <v>91</v>
      </c>
      <c r="O7673" t="s">
        <v>85</v>
      </c>
      <c r="P7673" t="s">
        <v>86</v>
      </c>
      <c r="Q7673">
        <v>5</v>
      </c>
      <c r="R7673">
        <v>5</v>
      </c>
      <c r="S7673">
        <v>5</v>
      </c>
      <c r="T7673">
        <v>6</v>
      </c>
      <c r="U7673">
        <v>6</v>
      </c>
      <c r="V7673">
        <v>6</v>
      </c>
      <c r="W7673">
        <v>6</v>
      </c>
      <c r="X7673">
        <v>6</v>
      </c>
      <c r="Y7673">
        <v>6</v>
      </c>
      <c r="Z7673">
        <v>6</v>
      </c>
      <c r="AA7673">
        <v>6</v>
      </c>
      <c r="AB7673">
        <v>6</v>
      </c>
      <c r="AC7673">
        <v>6</v>
      </c>
      <c r="AD7673">
        <v>6</v>
      </c>
      <c r="AE7673">
        <v>6</v>
      </c>
      <c r="AF7673">
        <v>6</v>
      </c>
      <c r="AG7673">
        <v>6</v>
      </c>
      <c r="AH7673">
        <v>7</v>
      </c>
      <c r="AI7673">
        <v>7</v>
      </c>
      <c r="AJ7673">
        <v>7</v>
      </c>
      <c r="AK7673">
        <v>7</v>
      </c>
      <c r="AL7673">
        <v>7</v>
      </c>
      <c r="AM7673">
        <v>7</v>
      </c>
      <c r="AN7673">
        <v>7</v>
      </c>
      <c r="AO7673">
        <v>7</v>
      </c>
      <c r="AP7673">
        <v>7</v>
      </c>
      <c r="AQ7673">
        <v>7</v>
      </c>
    </row>
    <row r="7674" spans="1:43">
      <c r="A7674" t="s">
        <v>4806</v>
      </c>
      <c r="B7674" t="s">
        <v>4807</v>
      </c>
      <c r="C7674" t="s">
        <v>4796</v>
      </c>
      <c r="D7674" t="s">
        <v>4797</v>
      </c>
      <c r="E7674" t="s">
        <v>4592</v>
      </c>
      <c r="F7674" t="s">
        <v>4593</v>
      </c>
      <c r="G7674" t="s">
        <v>80</v>
      </c>
      <c r="H7674" t="s">
        <v>81</v>
      </c>
      <c r="I7674" s="2">
        <v>1</v>
      </c>
      <c r="J7674" s="2">
        <v>0</v>
      </c>
      <c r="K7674" s="2">
        <v>0</v>
      </c>
      <c r="L7674" t="s">
        <v>120</v>
      </c>
      <c r="M7674" t="s">
        <v>83</v>
      </c>
      <c r="N7674" t="s">
        <v>84</v>
      </c>
      <c r="O7674" t="s">
        <v>85</v>
      </c>
      <c r="P7674" t="s">
        <v>86</v>
      </c>
      <c r="Q7674">
        <v>9</v>
      </c>
      <c r="R7674">
        <v>10</v>
      </c>
      <c r="S7674">
        <v>10</v>
      </c>
      <c r="T7674">
        <v>10</v>
      </c>
      <c r="U7674">
        <v>10</v>
      </c>
      <c r="V7674">
        <v>10</v>
      </c>
      <c r="W7674">
        <v>10</v>
      </c>
      <c r="X7674">
        <v>11</v>
      </c>
      <c r="Y7674">
        <v>11</v>
      </c>
      <c r="Z7674">
        <v>11</v>
      </c>
      <c r="AA7674">
        <v>11</v>
      </c>
      <c r="AB7674">
        <v>11</v>
      </c>
      <c r="AC7674">
        <v>11</v>
      </c>
      <c r="AD7674">
        <v>11</v>
      </c>
      <c r="AE7674">
        <v>11</v>
      </c>
      <c r="AF7674">
        <v>12</v>
      </c>
      <c r="AG7674">
        <v>12</v>
      </c>
      <c r="AH7674">
        <v>12</v>
      </c>
      <c r="AI7674">
        <v>12</v>
      </c>
      <c r="AJ7674">
        <v>12</v>
      </c>
      <c r="AK7674">
        <v>12</v>
      </c>
      <c r="AL7674">
        <v>12</v>
      </c>
      <c r="AM7674">
        <v>12</v>
      </c>
      <c r="AN7674">
        <v>12</v>
      </c>
      <c r="AO7674">
        <v>12</v>
      </c>
      <c r="AP7674">
        <v>12</v>
      </c>
      <c r="AQ7674">
        <v>12</v>
      </c>
    </row>
    <row r="7675" spans="1:43">
      <c r="A7675" t="s">
        <v>4806</v>
      </c>
      <c r="B7675" t="s">
        <v>4807</v>
      </c>
      <c r="C7675" t="s">
        <v>4796</v>
      </c>
      <c r="D7675" t="s">
        <v>4797</v>
      </c>
      <c r="E7675" t="s">
        <v>4592</v>
      </c>
      <c r="F7675" t="s">
        <v>4593</v>
      </c>
      <c r="G7675" t="s">
        <v>80</v>
      </c>
      <c r="H7675" t="s">
        <v>81</v>
      </c>
      <c r="I7675" s="2">
        <v>1</v>
      </c>
      <c r="J7675" s="2">
        <v>0</v>
      </c>
      <c r="K7675" s="2">
        <v>0</v>
      </c>
      <c r="L7675" t="s">
        <v>120</v>
      </c>
      <c r="M7675" t="s">
        <v>87</v>
      </c>
      <c r="N7675" t="s">
        <v>88</v>
      </c>
      <c r="O7675" t="s">
        <v>85</v>
      </c>
      <c r="P7675" t="s">
        <v>86</v>
      </c>
      <c r="Q7675">
        <v>9</v>
      </c>
      <c r="R7675">
        <v>9</v>
      </c>
      <c r="S7675">
        <v>10</v>
      </c>
      <c r="T7675">
        <v>10</v>
      </c>
      <c r="U7675">
        <v>10</v>
      </c>
      <c r="V7675">
        <v>10</v>
      </c>
      <c r="W7675">
        <v>10</v>
      </c>
      <c r="X7675">
        <v>10</v>
      </c>
      <c r="Y7675">
        <v>10</v>
      </c>
      <c r="Z7675">
        <v>10</v>
      </c>
      <c r="AA7675">
        <v>10</v>
      </c>
      <c r="AB7675">
        <v>10</v>
      </c>
      <c r="AC7675">
        <v>10</v>
      </c>
      <c r="AD7675">
        <v>10</v>
      </c>
      <c r="AE7675">
        <v>10</v>
      </c>
      <c r="AF7675">
        <v>10</v>
      </c>
      <c r="AG7675">
        <v>10</v>
      </c>
      <c r="AH7675">
        <v>10</v>
      </c>
      <c r="AI7675">
        <v>10</v>
      </c>
      <c r="AJ7675">
        <v>10</v>
      </c>
      <c r="AK7675">
        <v>10</v>
      </c>
      <c r="AL7675">
        <v>10</v>
      </c>
      <c r="AM7675">
        <v>10</v>
      </c>
      <c r="AN7675">
        <v>10</v>
      </c>
      <c r="AO7675">
        <v>11</v>
      </c>
      <c r="AP7675">
        <v>11</v>
      </c>
      <c r="AQ7675">
        <v>11</v>
      </c>
    </row>
    <row r="7676" spans="1:43">
      <c r="A7676" t="s">
        <v>4806</v>
      </c>
      <c r="B7676" t="s">
        <v>4807</v>
      </c>
      <c r="C7676" t="s">
        <v>4796</v>
      </c>
      <c r="D7676" t="s">
        <v>4797</v>
      </c>
      <c r="E7676" t="s">
        <v>4592</v>
      </c>
      <c r="F7676" t="s">
        <v>4593</v>
      </c>
      <c r="G7676" t="s">
        <v>80</v>
      </c>
      <c r="H7676" t="s">
        <v>81</v>
      </c>
      <c r="I7676" s="2">
        <v>1</v>
      </c>
      <c r="J7676" s="2">
        <v>0</v>
      </c>
      <c r="K7676" s="2">
        <v>0</v>
      </c>
      <c r="L7676" t="s">
        <v>120</v>
      </c>
      <c r="M7676" t="s">
        <v>89</v>
      </c>
      <c r="N7676" t="s">
        <v>90</v>
      </c>
      <c r="O7676" t="s">
        <v>85</v>
      </c>
      <c r="P7676" t="s">
        <v>86</v>
      </c>
      <c r="Q7676">
        <v>9</v>
      </c>
      <c r="R7676">
        <v>9</v>
      </c>
      <c r="S7676">
        <v>9</v>
      </c>
      <c r="T7676">
        <v>9</v>
      </c>
      <c r="U7676">
        <v>9</v>
      </c>
      <c r="V7676">
        <v>10</v>
      </c>
      <c r="W7676">
        <v>10</v>
      </c>
      <c r="X7676">
        <v>10</v>
      </c>
      <c r="Y7676">
        <v>10</v>
      </c>
      <c r="Z7676">
        <v>10</v>
      </c>
      <c r="AA7676">
        <v>11</v>
      </c>
      <c r="AB7676">
        <v>11</v>
      </c>
      <c r="AC7676">
        <v>11</v>
      </c>
      <c r="AD7676">
        <v>11</v>
      </c>
      <c r="AE7676">
        <v>11</v>
      </c>
      <c r="AF7676">
        <v>11</v>
      </c>
      <c r="AG7676">
        <v>11</v>
      </c>
      <c r="AH7676">
        <v>11</v>
      </c>
      <c r="AI7676">
        <v>11</v>
      </c>
      <c r="AJ7676">
        <v>11</v>
      </c>
      <c r="AK7676">
        <v>11</v>
      </c>
      <c r="AL7676">
        <v>11</v>
      </c>
      <c r="AM7676">
        <v>11</v>
      </c>
      <c r="AN7676">
        <v>11</v>
      </c>
      <c r="AO7676">
        <v>11</v>
      </c>
      <c r="AP7676">
        <v>11</v>
      </c>
      <c r="AQ7676">
        <v>11</v>
      </c>
    </row>
    <row r="7677" spans="1:43">
      <c r="A7677" t="s">
        <v>4806</v>
      </c>
      <c r="B7677" t="s">
        <v>4807</v>
      </c>
      <c r="C7677" t="s">
        <v>4796</v>
      </c>
      <c r="D7677" t="s">
        <v>4797</v>
      </c>
      <c r="E7677" t="s">
        <v>4592</v>
      </c>
      <c r="F7677" t="s">
        <v>4593</v>
      </c>
      <c r="G7677" t="s">
        <v>80</v>
      </c>
      <c r="H7677" t="s">
        <v>81</v>
      </c>
      <c r="I7677" s="2">
        <v>1</v>
      </c>
      <c r="J7677" s="2">
        <v>0</v>
      </c>
      <c r="K7677" s="2">
        <v>0</v>
      </c>
      <c r="L7677" t="s">
        <v>120</v>
      </c>
      <c r="M7677" t="s">
        <v>83</v>
      </c>
      <c r="N7677" t="s">
        <v>91</v>
      </c>
      <c r="O7677" t="s">
        <v>85</v>
      </c>
      <c r="P7677" t="s">
        <v>86</v>
      </c>
      <c r="Q7677">
        <v>9</v>
      </c>
      <c r="R7677">
        <v>10</v>
      </c>
      <c r="S7677">
        <v>10</v>
      </c>
      <c r="T7677">
        <v>10</v>
      </c>
      <c r="U7677">
        <v>10</v>
      </c>
      <c r="V7677">
        <v>10</v>
      </c>
      <c r="W7677">
        <v>10</v>
      </c>
      <c r="X7677">
        <v>11</v>
      </c>
      <c r="Y7677">
        <v>11</v>
      </c>
      <c r="Z7677">
        <v>11</v>
      </c>
      <c r="AA7677">
        <v>11</v>
      </c>
      <c r="AB7677">
        <v>11</v>
      </c>
      <c r="AC7677">
        <v>11</v>
      </c>
      <c r="AD7677">
        <v>11</v>
      </c>
      <c r="AE7677">
        <v>11</v>
      </c>
      <c r="AF7677">
        <v>12</v>
      </c>
      <c r="AG7677">
        <v>12</v>
      </c>
      <c r="AH7677">
        <v>12</v>
      </c>
      <c r="AI7677">
        <v>12</v>
      </c>
      <c r="AJ7677">
        <v>12</v>
      </c>
      <c r="AK7677">
        <v>12</v>
      </c>
      <c r="AL7677">
        <v>12</v>
      </c>
      <c r="AM7677">
        <v>12</v>
      </c>
      <c r="AN7677">
        <v>12</v>
      </c>
      <c r="AO7677">
        <v>12</v>
      </c>
      <c r="AP7677">
        <v>12</v>
      </c>
      <c r="AQ7677">
        <v>12</v>
      </c>
    </row>
    <row r="7678" spans="1:43">
      <c r="A7678" t="s">
        <v>4808</v>
      </c>
      <c r="B7678" t="s">
        <v>4809</v>
      </c>
      <c r="C7678" t="s">
        <v>4596</v>
      </c>
      <c r="D7678" t="s">
        <v>4597</v>
      </c>
      <c r="E7678" t="s">
        <v>4592</v>
      </c>
      <c r="F7678" t="s">
        <v>4593</v>
      </c>
      <c r="G7678" t="s">
        <v>80</v>
      </c>
      <c r="H7678" t="s">
        <v>81</v>
      </c>
      <c r="I7678" s="2">
        <v>1</v>
      </c>
      <c r="J7678" s="2">
        <v>0</v>
      </c>
      <c r="K7678" s="2">
        <v>0</v>
      </c>
      <c r="L7678" t="s">
        <v>120</v>
      </c>
      <c r="M7678" t="s">
        <v>83</v>
      </c>
      <c r="N7678" t="s">
        <v>84</v>
      </c>
      <c r="O7678" t="s">
        <v>85</v>
      </c>
      <c r="P7678" t="s">
        <v>86</v>
      </c>
      <c r="Q7678">
        <v>28</v>
      </c>
      <c r="R7678">
        <v>29</v>
      </c>
      <c r="S7678">
        <v>29</v>
      </c>
      <c r="T7678">
        <v>30</v>
      </c>
      <c r="U7678">
        <v>30</v>
      </c>
      <c r="V7678">
        <v>30</v>
      </c>
      <c r="W7678">
        <v>31</v>
      </c>
      <c r="X7678">
        <v>31</v>
      </c>
      <c r="Y7678">
        <v>32</v>
      </c>
      <c r="Z7678">
        <v>32</v>
      </c>
      <c r="AA7678">
        <v>32</v>
      </c>
      <c r="AB7678">
        <v>33</v>
      </c>
      <c r="AC7678">
        <v>33</v>
      </c>
      <c r="AD7678">
        <v>33</v>
      </c>
      <c r="AE7678">
        <v>34</v>
      </c>
      <c r="AF7678">
        <v>34</v>
      </c>
      <c r="AG7678">
        <v>35</v>
      </c>
      <c r="AH7678">
        <v>35</v>
      </c>
      <c r="AI7678">
        <v>35</v>
      </c>
      <c r="AJ7678">
        <v>36</v>
      </c>
      <c r="AK7678">
        <v>36</v>
      </c>
      <c r="AL7678">
        <v>36</v>
      </c>
      <c r="AM7678">
        <v>36</v>
      </c>
      <c r="AN7678">
        <v>36</v>
      </c>
      <c r="AO7678">
        <v>36</v>
      </c>
      <c r="AP7678">
        <v>36</v>
      </c>
      <c r="AQ7678">
        <v>36</v>
      </c>
    </row>
    <row r="7679" spans="1:43">
      <c r="A7679" t="s">
        <v>4808</v>
      </c>
      <c r="B7679" t="s">
        <v>4809</v>
      </c>
      <c r="C7679" t="s">
        <v>4596</v>
      </c>
      <c r="D7679" t="s">
        <v>4597</v>
      </c>
      <c r="E7679" t="s">
        <v>4592</v>
      </c>
      <c r="F7679" t="s">
        <v>4593</v>
      </c>
      <c r="G7679" t="s">
        <v>80</v>
      </c>
      <c r="H7679" t="s">
        <v>81</v>
      </c>
      <c r="I7679" s="2">
        <v>1</v>
      </c>
      <c r="J7679" s="2">
        <v>0</v>
      </c>
      <c r="K7679" s="2">
        <v>0</v>
      </c>
      <c r="L7679" t="s">
        <v>120</v>
      </c>
      <c r="M7679" t="s">
        <v>87</v>
      </c>
      <c r="N7679" t="s">
        <v>88</v>
      </c>
      <c r="O7679" t="s">
        <v>85</v>
      </c>
      <c r="P7679" t="s">
        <v>86</v>
      </c>
      <c r="Q7679">
        <v>28</v>
      </c>
      <c r="R7679">
        <v>28</v>
      </c>
      <c r="S7679">
        <v>28</v>
      </c>
      <c r="T7679">
        <v>29</v>
      </c>
      <c r="U7679">
        <v>29</v>
      </c>
      <c r="V7679">
        <v>29</v>
      </c>
      <c r="W7679">
        <v>29</v>
      </c>
      <c r="X7679">
        <v>29</v>
      </c>
      <c r="Y7679">
        <v>29</v>
      </c>
      <c r="Z7679">
        <v>29</v>
      </c>
      <c r="AA7679">
        <v>29</v>
      </c>
      <c r="AB7679">
        <v>30</v>
      </c>
      <c r="AC7679">
        <v>30</v>
      </c>
      <c r="AD7679">
        <v>30</v>
      </c>
      <c r="AE7679">
        <v>30</v>
      </c>
      <c r="AF7679">
        <v>30</v>
      </c>
      <c r="AG7679">
        <v>30</v>
      </c>
      <c r="AH7679">
        <v>30</v>
      </c>
      <c r="AI7679">
        <v>30</v>
      </c>
      <c r="AJ7679">
        <v>30</v>
      </c>
      <c r="AK7679">
        <v>31</v>
      </c>
      <c r="AL7679">
        <v>31</v>
      </c>
      <c r="AM7679">
        <v>31</v>
      </c>
      <c r="AN7679">
        <v>31</v>
      </c>
      <c r="AO7679">
        <v>31</v>
      </c>
      <c r="AP7679">
        <v>31</v>
      </c>
      <c r="AQ7679">
        <v>31</v>
      </c>
    </row>
    <row r="7680" spans="1:43">
      <c r="A7680" t="s">
        <v>4808</v>
      </c>
      <c r="B7680" t="s">
        <v>4809</v>
      </c>
      <c r="C7680" t="s">
        <v>4596</v>
      </c>
      <c r="D7680" t="s">
        <v>4597</v>
      </c>
      <c r="E7680" t="s">
        <v>4592</v>
      </c>
      <c r="F7680" t="s">
        <v>4593</v>
      </c>
      <c r="G7680" t="s">
        <v>80</v>
      </c>
      <c r="H7680" t="s">
        <v>81</v>
      </c>
      <c r="I7680" s="2">
        <v>1</v>
      </c>
      <c r="J7680" s="2">
        <v>0</v>
      </c>
      <c r="K7680" s="2">
        <v>0</v>
      </c>
      <c r="L7680" t="s">
        <v>120</v>
      </c>
      <c r="M7680" t="s">
        <v>89</v>
      </c>
      <c r="N7680" t="s">
        <v>90</v>
      </c>
      <c r="O7680" t="s">
        <v>85</v>
      </c>
      <c r="P7680" t="s">
        <v>86</v>
      </c>
      <c r="Q7680">
        <v>28</v>
      </c>
      <c r="R7680">
        <v>28</v>
      </c>
      <c r="S7680">
        <v>29</v>
      </c>
      <c r="T7680">
        <v>30</v>
      </c>
      <c r="U7680">
        <v>30</v>
      </c>
      <c r="V7680">
        <v>31</v>
      </c>
      <c r="W7680">
        <v>31</v>
      </c>
      <c r="X7680">
        <v>32</v>
      </c>
      <c r="Y7680">
        <v>32</v>
      </c>
      <c r="Z7680">
        <v>33</v>
      </c>
      <c r="AA7680">
        <v>33</v>
      </c>
      <c r="AB7680">
        <v>34</v>
      </c>
      <c r="AC7680">
        <v>34</v>
      </c>
      <c r="AD7680">
        <v>35</v>
      </c>
      <c r="AE7680">
        <v>35</v>
      </c>
      <c r="AF7680">
        <v>35</v>
      </c>
      <c r="AG7680">
        <v>35</v>
      </c>
      <c r="AH7680">
        <v>35</v>
      </c>
      <c r="AI7680">
        <v>35</v>
      </c>
      <c r="AJ7680">
        <v>35</v>
      </c>
      <c r="AK7680">
        <v>35</v>
      </c>
      <c r="AL7680">
        <v>35</v>
      </c>
      <c r="AM7680">
        <v>35</v>
      </c>
      <c r="AN7680">
        <v>35</v>
      </c>
      <c r="AO7680">
        <v>35</v>
      </c>
      <c r="AP7680">
        <v>35</v>
      </c>
      <c r="AQ7680">
        <v>35</v>
      </c>
    </row>
    <row r="7681" spans="1:43">
      <c r="A7681" t="s">
        <v>4808</v>
      </c>
      <c r="B7681" t="s">
        <v>4809</v>
      </c>
      <c r="C7681" t="s">
        <v>4596</v>
      </c>
      <c r="D7681" t="s">
        <v>4597</v>
      </c>
      <c r="E7681" t="s">
        <v>4592</v>
      </c>
      <c r="F7681" t="s">
        <v>4593</v>
      </c>
      <c r="G7681" t="s">
        <v>80</v>
      </c>
      <c r="H7681" t="s">
        <v>81</v>
      </c>
      <c r="I7681" s="2">
        <v>1</v>
      </c>
      <c r="J7681" s="2">
        <v>0</v>
      </c>
      <c r="K7681" s="2">
        <v>0</v>
      </c>
      <c r="L7681" t="s">
        <v>120</v>
      </c>
      <c r="M7681" t="s">
        <v>83</v>
      </c>
      <c r="N7681" t="s">
        <v>91</v>
      </c>
      <c r="O7681" t="s">
        <v>85</v>
      </c>
      <c r="P7681" t="s">
        <v>86</v>
      </c>
      <c r="Q7681">
        <v>28</v>
      </c>
      <c r="R7681">
        <v>29</v>
      </c>
      <c r="S7681">
        <v>29</v>
      </c>
      <c r="T7681">
        <v>30</v>
      </c>
      <c r="U7681">
        <v>30</v>
      </c>
      <c r="V7681">
        <v>30</v>
      </c>
      <c r="W7681">
        <v>31</v>
      </c>
      <c r="X7681">
        <v>31</v>
      </c>
      <c r="Y7681">
        <v>32</v>
      </c>
      <c r="Z7681">
        <v>32</v>
      </c>
      <c r="AA7681">
        <v>32</v>
      </c>
      <c r="AB7681">
        <v>33</v>
      </c>
      <c r="AC7681">
        <v>33</v>
      </c>
      <c r="AD7681">
        <v>33</v>
      </c>
      <c r="AE7681">
        <v>34</v>
      </c>
      <c r="AF7681">
        <v>34</v>
      </c>
      <c r="AG7681">
        <v>35</v>
      </c>
      <c r="AH7681">
        <v>35</v>
      </c>
      <c r="AI7681">
        <v>35</v>
      </c>
      <c r="AJ7681">
        <v>36</v>
      </c>
      <c r="AK7681">
        <v>36</v>
      </c>
      <c r="AL7681">
        <v>36</v>
      </c>
      <c r="AM7681">
        <v>36</v>
      </c>
      <c r="AN7681">
        <v>36</v>
      </c>
      <c r="AO7681">
        <v>36</v>
      </c>
      <c r="AP7681">
        <v>36</v>
      </c>
      <c r="AQ7681">
        <v>36</v>
      </c>
    </row>
    <row r="7682" spans="1:43">
      <c r="A7682" t="s">
        <v>4810</v>
      </c>
      <c r="B7682" t="s">
        <v>4811</v>
      </c>
      <c r="C7682" t="s">
        <v>4636</v>
      </c>
      <c r="D7682" t="s">
        <v>4637</v>
      </c>
      <c r="E7682" t="s">
        <v>4592</v>
      </c>
      <c r="F7682" t="s">
        <v>4593</v>
      </c>
      <c r="G7682" t="s">
        <v>80</v>
      </c>
      <c r="H7682" t="s">
        <v>81</v>
      </c>
      <c r="I7682" s="2">
        <v>1</v>
      </c>
      <c r="J7682" s="2">
        <v>0</v>
      </c>
      <c r="K7682" s="2">
        <v>0</v>
      </c>
      <c r="L7682" t="s">
        <v>120</v>
      </c>
      <c r="M7682" t="s">
        <v>83</v>
      </c>
      <c r="N7682" t="s">
        <v>84</v>
      </c>
      <c r="O7682" t="s">
        <v>85</v>
      </c>
      <c r="P7682" t="s">
        <v>86</v>
      </c>
      <c r="Q7682">
        <v>13</v>
      </c>
      <c r="R7682">
        <v>13</v>
      </c>
      <c r="S7682">
        <v>13</v>
      </c>
      <c r="T7682">
        <v>13</v>
      </c>
      <c r="U7682">
        <v>13</v>
      </c>
      <c r="V7682">
        <v>14</v>
      </c>
      <c r="W7682">
        <v>14</v>
      </c>
      <c r="X7682">
        <v>14</v>
      </c>
      <c r="Y7682">
        <v>14</v>
      </c>
      <c r="Z7682">
        <v>14</v>
      </c>
      <c r="AA7682">
        <v>15</v>
      </c>
      <c r="AB7682">
        <v>15</v>
      </c>
      <c r="AC7682">
        <v>15</v>
      </c>
      <c r="AD7682">
        <v>15</v>
      </c>
      <c r="AE7682">
        <v>15</v>
      </c>
      <c r="AF7682">
        <v>15</v>
      </c>
      <c r="AG7682">
        <v>16</v>
      </c>
      <c r="AH7682">
        <v>16</v>
      </c>
      <c r="AI7682">
        <v>16</v>
      </c>
      <c r="AJ7682">
        <v>16</v>
      </c>
      <c r="AK7682">
        <v>16</v>
      </c>
      <c r="AL7682">
        <v>16</v>
      </c>
      <c r="AM7682">
        <v>16</v>
      </c>
      <c r="AN7682">
        <v>16</v>
      </c>
      <c r="AO7682">
        <v>16</v>
      </c>
      <c r="AP7682">
        <v>16</v>
      </c>
      <c r="AQ7682">
        <v>16</v>
      </c>
    </row>
    <row r="7683" spans="1:43">
      <c r="A7683" t="s">
        <v>4810</v>
      </c>
      <c r="B7683" t="s">
        <v>4811</v>
      </c>
      <c r="C7683" t="s">
        <v>4636</v>
      </c>
      <c r="D7683" t="s">
        <v>4637</v>
      </c>
      <c r="E7683" t="s">
        <v>4592</v>
      </c>
      <c r="F7683" t="s">
        <v>4593</v>
      </c>
      <c r="G7683" t="s">
        <v>80</v>
      </c>
      <c r="H7683" t="s">
        <v>81</v>
      </c>
      <c r="I7683" s="2">
        <v>1</v>
      </c>
      <c r="J7683" s="2">
        <v>0</v>
      </c>
      <c r="K7683" s="2">
        <v>0</v>
      </c>
      <c r="L7683" t="s">
        <v>120</v>
      </c>
      <c r="M7683" t="s">
        <v>87</v>
      </c>
      <c r="N7683" t="s">
        <v>88</v>
      </c>
      <c r="O7683" t="s">
        <v>85</v>
      </c>
      <c r="P7683" t="s">
        <v>86</v>
      </c>
      <c r="Q7683">
        <v>13</v>
      </c>
      <c r="R7683">
        <v>13</v>
      </c>
      <c r="S7683">
        <v>13</v>
      </c>
      <c r="T7683">
        <v>13</v>
      </c>
      <c r="U7683">
        <v>13</v>
      </c>
      <c r="V7683">
        <v>13</v>
      </c>
      <c r="W7683">
        <v>13</v>
      </c>
      <c r="X7683">
        <v>13</v>
      </c>
      <c r="Y7683">
        <v>13</v>
      </c>
      <c r="Z7683">
        <v>13</v>
      </c>
      <c r="AA7683">
        <v>13</v>
      </c>
      <c r="AB7683">
        <v>13</v>
      </c>
      <c r="AC7683">
        <v>13</v>
      </c>
      <c r="AD7683">
        <v>13</v>
      </c>
      <c r="AE7683">
        <v>13</v>
      </c>
      <c r="AF7683">
        <v>14</v>
      </c>
      <c r="AG7683">
        <v>14</v>
      </c>
      <c r="AH7683">
        <v>14</v>
      </c>
      <c r="AI7683">
        <v>14</v>
      </c>
      <c r="AJ7683">
        <v>14</v>
      </c>
      <c r="AK7683">
        <v>14</v>
      </c>
      <c r="AL7683">
        <v>14</v>
      </c>
      <c r="AM7683">
        <v>14</v>
      </c>
      <c r="AN7683">
        <v>14</v>
      </c>
      <c r="AO7683">
        <v>14</v>
      </c>
      <c r="AP7683">
        <v>14</v>
      </c>
      <c r="AQ7683">
        <v>14</v>
      </c>
    </row>
    <row r="7684" spans="1:43">
      <c r="A7684" t="s">
        <v>4810</v>
      </c>
      <c r="B7684" t="s">
        <v>4811</v>
      </c>
      <c r="C7684" t="s">
        <v>4636</v>
      </c>
      <c r="D7684" t="s">
        <v>4637</v>
      </c>
      <c r="E7684" t="s">
        <v>4592</v>
      </c>
      <c r="F7684" t="s">
        <v>4593</v>
      </c>
      <c r="G7684" t="s">
        <v>80</v>
      </c>
      <c r="H7684" t="s">
        <v>81</v>
      </c>
      <c r="I7684" s="2">
        <v>1</v>
      </c>
      <c r="J7684" s="2">
        <v>0</v>
      </c>
      <c r="K7684" s="2">
        <v>0</v>
      </c>
      <c r="L7684" t="s">
        <v>120</v>
      </c>
      <c r="M7684" t="s">
        <v>89</v>
      </c>
      <c r="N7684" t="s">
        <v>90</v>
      </c>
      <c r="O7684" t="s">
        <v>85</v>
      </c>
      <c r="P7684" t="s">
        <v>86</v>
      </c>
      <c r="Q7684">
        <v>13</v>
      </c>
      <c r="R7684">
        <v>13</v>
      </c>
      <c r="S7684">
        <v>13</v>
      </c>
      <c r="T7684">
        <v>14</v>
      </c>
      <c r="U7684">
        <v>14</v>
      </c>
      <c r="V7684">
        <v>14</v>
      </c>
      <c r="W7684">
        <v>14</v>
      </c>
      <c r="X7684">
        <v>15</v>
      </c>
      <c r="Y7684">
        <v>15</v>
      </c>
      <c r="Z7684">
        <v>15</v>
      </c>
      <c r="AA7684">
        <v>15</v>
      </c>
      <c r="AB7684">
        <v>16</v>
      </c>
      <c r="AC7684">
        <v>16</v>
      </c>
      <c r="AD7684">
        <v>16</v>
      </c>
      <c r="AE7684">
        <v>16</v>
      </c>
      <c r="AF7684">
        <v>16</v>
      </c>
      <c r="AG7684">
        <v>16</v>
      </c>
      <c r="AH7684">
        <v>16</v>
      </c>
      <c r="AI7684">
        <v>16</v>
      </c>
      <c r="AJ7684">
        <v>16</v>
      </c>
      <c r="AK7684">
        <v>16</v>
      </c>
      <c r="AL7684">
        <v>16</v>
      </c>
      <c r="AM7684">
        <v>16</v>
      </c>
      <c r="AN7684">
        <v>17</v>
      </c>
      <c r="AO7684">
        <v>17</v>
      </c>
      <c r="AP7684">
        <v>17</v>
      </c>
      <c r="AQ7684">
        <v>17</v>
      </c>
    </row>
    <row r="7685" spans="1:43">
      <c r="A7685" t="s">
        <v>4810</v>
      </c>
      <c r="B7685" t="s">
        <v>4811</v>
      </c>
      <c r="C7685" t="s">
        <v>4636</v>
      </c>
      <c r="D7685" t="s">
        <v>4637</v>
      </c>
      <c r="E7685" t="s">
        <v>4592</v>
      </c>
      <c r="F7685" t="s">
        <v>4593</v>
      </c>
      <c r="G7685" t="s">
        <v>80</v>
      </c>
      <c r="H7685" t="s">
        <v>81</v>
      </c>
      <c r="I7685" s="2">
        <v>1</v>
      </c>
      <c r="J7685" s="2">
        <v>0</v>
      </c>
      <c r="K7685" s="2">
        <v>0</v>
      </c>
      <c r="L7685" t="s">
        <v>120</v>
      </c>
      <c r="M7685" t="s">
        <v>83</v>
      </c>
      <c r="N7685" t="s">
        <v>91</v>
      </c>
      <c r="O7685" t="s">
        <v>85</v>
      </c>
      <c r="P7685" t="s">
        <v>86</v>
      </c>
      <c r="Q7685">
        <v>13</v>
      </c>
      <c r="R7685">
        <v>13</v>
      </c>
      <c r="S7685">
        <v>13</v>
      </c>
      <c r="T7685">
        <v>13</v>
      </c>
      <c r="U7685">
        <v>13</v>
      </c>
      <c r="V7685">
        <v>14</v>
      </c>
      <c r="W7685">
        <v>14</v>
      </c>
      <c r="X7685">
        <v>14</v>
      </c>
      <c r="Y7685">
        <v>14</v>
      </c>
      <c r="Z7685">
        <v>14</v>
      </c>
      <c r="AA7685">
        <v>15</v>
      </c>
      <c r="AB7685">
        <v>15</v>
      </c>
      <c r="AC7685">
        <v>15</v>
      </c>
      <c r="AD7685">
        <v>15</v>
      </c>
      <c r="AE7685">
        <v>15</v>
      </c>
      <c r="AF7685">
        <v>15</v>
      </c>
      <c r="AG7685">
        <v>16</v>
      </c>
      <c r="AH7685">
        <v>16</v>
      </c>
      <c r="AI7685">
        <v>16</v>
      </c>
      <c r="AJ7685">
        <v>16</v>
      </c>
      <c r="AK7685">
        <v>16</v>
      </c>
      <c r="AL7685">
        <v>16</v>
      </c>
      <c r="AM7685">
        <v>16</v>
      </c>
      <c r="AN7685">
        <v>16</v>
      </c>
      <c r="AO7685">
        <v>16</v>
      </c>
      <c r="AP7685">
        <v>16</v>
      </c>
      <c r="AQ7685">
        <v>16</v>
      </c>
    </row>
    <row r="7686" spans="1:43">
      <c r="A7686" t="s">
        <v>4812</v>
      </c>
      <c r="B7686" t="s">
        <v>4813</v>
      </c>
      <c r="C7686" t="s">
        <v>4596</v>
      </c>
      <c r="D7686" t="s">
        <v>4597</v>
      </c>
      <c r="E7686" t="s">
        <v>4592</v>
      </c>
      <c r="F7686" t="s">
        <v>4593</v>
      </c>
      <c r="G7686" t="s">
        <v>80</v>
      </c>
      <c r="H7686" t="s">
        <v>81</v>
      </c>
      <c r="I7686" s="2">
        <v>1</v>
      </c>
      <c r="J7686" s="2">
        <v>0</v>
      </c>
      <c r="K7686" s="2">
        <v>0</v>
      </c>
      <c r="L7686" t="s">
        <v>120</v>
      </c>
      <c r="M7686" t="s">
        <v>83</v>
      </c>
      <c r="N7686" t="s">
        <v>84</v>
      </c>
      <c r="O7686" t="s">
        <v>85</v>
      </c>
      <c r="P7686" t="s">
        <v>86</v>
      </c>
      <c r="Q7686">
        <v>2</v>
      </c>
      <c r="R7686">
        <v>2</v>
      </c>
      <c r="S7686">
        <v>2</v>
      </c>
      <c r="T7686">
        <v>2</v>
      </c>
      <c r="U7686">
        <v>2</v>
      </c>
      <c r="V7686">
        <v>2</v>
      </c>
      <c r="W7686">
        <v>2</v>
      </c>
      <c r="X7686">
        <v>3</v>
      </c>
      <c r="Y7686">
        <v>3</v>
      </c>
      <c r="Z7686">
        <v>3</v>
      </c>
      <c r="AA7686">
        <v>3</v>
      </c>
      <c r="AB7686">
        <v>3</v>
      </c>
      <c r="AC7686">
        <v>3</v>
      </c>
      <c r="AD7686">
        <v>3</v>
      </c>
      <c r="AE7686">
        <v>3</v>
      </c>
      <c r="AF7686">
        <v>3</v>
      </c>
      <c r="AG7686">
        <v>3</v>
      </c>
      <c r="AH7686">
        <v>3</v>
      </c>
      <c r="AI7686">
        <v>3</v>
      </c>
      <c r="AJ7686">
        <v>3</v>
      </c>
      <c r="AK7686">
        <v>3</v>
      </c>
      <c r="AL7686">
        <v>3</v>
      </c>
      <c r="AM7686">
        <v>3</v>
      </c>
      <c r="AN7686">
        <v>3</v>
      </c>
      <c r="AO7686">
        <v>3</v>
      </c>
      <c r="AP7686">
        <v>3</v>
      </c>
      <c r="AQ7686">
        <v>3</v>
      </c>
    </row>
    <row r="7687" spans="1:43">
      <c r="A7687" t="s">
        <v>4812</v>
      </c>
      <c r="B7687" t="s">
        <v>4813</v>
      </c>
      <c r="C7687" t="s">
        <v>4596</v>
      </c>
      <c r="D7687" t="s">
        <v>4597</v>
      </c>
      <c r="E7687" t="s">
        <v>4592</v>
      </c>
      <c r="F7687" t="s">
        <v>4593</v>
      </c>
      <c r="G7687" t="s">
        <v>80</v>
      </c>
      <c r="H7687" t="s">
        <v>81</v>
      </c>
      <c r="I7687" s="2">
        <v>1</v>
      </c>
      <c r="J7687" s="2">
        <v>0</v>
      </c>
      <c r="K7687" s="2">
        <v>0</v>
      </c>
      <c r="L7687" t="s">
        <v>120</v>
      </c>
      <c r="M7687" t="s">
        <v>87</v>
      </c>
      <c r="N7687" t="s">
        <v>88</v>
      </c>
      <c r="O7687" t="s">
        <v>85</v>
      </c>
      <c r="P7687" t="s">
        <v>86</v>
      </c>
      <c r="Q7687">
        <v>2</v>
      </c>
      <c r="R7687">
        <v>2</v>
      </c>
      <c r="S7687">
        <v>2</v>
      </c>
      <c r="T7687">
        <v>2</v>
      </c>
      <c r="U7687">
        <v>2</v>
      </c>
      <c r="V7687">
        <v>2</v>
      </c>
      <c r="W7687">
        <v>2</v>
      </c>
      <c r="X7687">
        <v>2</v>
      </c>
      <c r="Y7687">
        <v>2</v>
      </c>
      <c r="Z7687">
        <v>2</v>
      </c>
      <c r="AA7687">
        <v>2</v>
      </c>
      <c r="AB7687">
        <v>2</v>
      </c>
      <c r="AC7687">
        <v>2</v>
      </c>
      <c r="AD7687">
        <v>2</v>
      </c>
      <c r="AE7687">
        <v>2</v>
      </c>
      <c r="AF7687">
        <v>2</v>
      </c>
      <c r="AG7687">
        <v>2</v>
      </c>
      <c r="AH7687">
        <v>2</v>
      </c>
      <c r="AI7687">
        <v>2</v>
      </c>
      <c r="AJ7687">
        <v>2</v>
      </c>
      <c r="AK7687">
        <v>2</v>
      </c>
      <c r="AL7687">
        <v>2</v>
      </c>
      <c r="AM7687">
        <v>2</v>
      </c>
      <c r="AN7687">
        <v>2</v>
      </c>
      <c r="AO7687">
        <v>3</v>
      </c>
      <c r="AP7687">
        <v>3</v>
      </c>
      <c r="AQ7687">
        <v>3</v>
      </c>
    </row>
    <row r="7688" spans="1:43">
      <c r="A7688" t="s">
        <v>4812</v>
      </c>
      <c r="B7688" t="s">
        <v>4813</v>
      </c>
      <c r="C7688" t="s">
        <v>4596</v>
      </c>
      <c r="D7688" t="s">
        <v>4597</v>
      </c>
      <c r="E7688" t="s">
        <v>4592</v>
      </c>
      <c r="F7688" t="s">
        <v>4593</v>
      </c>
      <c r="G7688" t="s">
        <v>80</v>
      </c>
      <c r="H7688" t="s">
        <v>81</v>
      </c>
      <c r="I7688" s="2">
        <v>1</v>
      </c>
      <c r="J7688" s="2">
        <v>0</v>
      </c>
      <c r="K7688" s="2">
        <v>0</v>
      </c>
      <c r="L7688" t="s">
        <v>120</v>
      </c>
      <c r="M7688" t="s">
        <v>89</v>
      </c>
      <c r="N7688" t="s">
        <v>90</v>
      </c>
      <c r="O7688" t="s">
        <v>85</v>
      </c>
      <c r="P7688" t="s">
        <v>86</v>
      </c>
      <c r="Q7688">
        <v>2</v>
      </c>
      <c r="R7688">
        <v>2</v>
      </c>
      <c r="S7688">
        <v>2</v>
      </c>
      <c r="T7688">
        <v>2</v>
      </c>
      <c r="U7688">
        <v>3</v>
      </c>
      <c r="V7688">
        <v>3</v>
      </c>
      <c r="W7688">
        <v>3</v>
      </c>
      <c r="X7688">
        <v>3</v>
      </c>
      <c r="Y7688">
        <v>3</v>
      </c>
      <c r="Z7688">
        <v>3</v>
      </c>
      <c r="AA7688">
        <v>3</v>
      </c>
      <c r="AB7688">
        <v>3</v>
      </c>
      <c r="AC7688">
        <v>3</v>
      </c>
      <c r="AD7688">
        <v>3</v>
      </c>
      <c r="AE7688">
        <v>3</v>
      </c>
      <c r="AF7688">
        <v>3</v>
      </c>
      <c r="AG7688">
        <v>3</v>
      </c>
      <c r="AH7688">
        <v>3</v>
      </c>
      <c r="AI7688">
        <v>3</v>
      </c>
      <c r="AJ7688">
        <v>3</v>
      </c>
      <c r="AK7688">
        <v>3</v>
      </c>
      <c r="AL7688">
        <v>3</v>
      </c>
      <c r="AM7688">
        <v>3</v>
      </c>
      <c r="AN7688">
        <v>3</v>
      </c>
      <c r="AO7688">
        <v>3</v>
      </c>
      <c r="AP7688">
        <v>3</v>
      </c>
      <c r="AQ7688">
        <v>3</v>
      </c>
    </row>
    <row r="7689" spans="1:43">
      <c r="A7689" t="s">
        <v>4812</v>
      </c>
      <c r="B7689" t="s">
        <v>4813</v>
      </c>
      <c r="C7689" t="s">
        <v>4596</v>
      </c>
      <c r="D7689" t="s">
        <v>4597</v>
      </c>
      <c r="E7689" t="s">
        <v>4592</v>
      </c>
      <c r="F7689" t="s">
        <v>4593</v>
      </c>
      <c r="G7689" t="s">
        <v>80</v>
      </c>
      <c r="H7689" t="s">
        <v>81</v>
      </c>
      <c r="I7689" s="2">
        <v>1</v>
      </c>
      <c r="J7689" s="2">
        <v>0</v>
      </c>
      <c r="K7689" s="2">
        <v>0</v>
      </c>
      <c r="L7689" t="s">
        <v>120</v>
      </c>
      <c r="M7689" t="s">
        <v>83</v>
      </c>
      <c r="N7689" t="s">
        <v>91</v>
      </c>
      <c r="O7689" t="s">
        <v>85</v>
      </c>
      <c r="P7689" t="s">
        <v>86</v>
      </c>
      <c r="Q7689">
        <v>2</v>
      </c>
      <c r="R7689">
        <v>2</v>
      </c>
      <c r="S7689">
        <v>2</v>
      </c>
      <c r="T7689">
        <v>2</v>
      </c>
      <c r="U7689">
        <v>2</v>
      </c>
      <c r="V7689">
        <v>2</v>
      </c>
      <c r="W7689">
        <v>2</v>
      </c>
      <c r="X7689">
        <v>3</v>
      </c>
      <c r="Y7689">
        <v>3</v>
      </c>
      <c r="Z7689">
        <v>3</v>
      </c>
      <c r="AA7689">
        <v>3</v>
      </c>
      <c r="AB7689">
        <v>3</v>
      </c>
      <c r="AC7689">
        <v>3</v>
      </c>
      <c r="AD7689">
        <v>3</v>
      </c>
      <c r="AE7689">
        <v>3</v>
      </c>
      <c r="AF7689">
        <v>3</v>
      </c>
      <c r="AG7689">
        <v>3</v>
      </c>
      <c r="AH7689">
        <v>3</v>
      </c>
      <c r="AI7689">
        <v>3</v>
      </c>
      <c r="AJ7689">
        <v>3</v>
      </c>
      <c r="AK7689">
        <v>3</v>
      </c>
      <c r="AL7689">
        <v>3</v>
      </c>
      <c r="AM7689">
        <v>3</v>
      </c>
      <c r="AN7689">
        <v>3</v>
      </c>
      <c r="AO7689">
        <v>3</v>
      </c>
      <c r="AP7689">
        <v>3</v>
      </c>
      <c r="AQ7689">
        <v>3</v>
      </c>
    </row>
    <row r="7690" spans="1:43">
      <c r="A7690" t="s">
        <v>4814</v>
      </c>
      <c r="B7690" t="s">
        <v>4815</v>
      </c>
      <c r="C7690" t="s">
        <v>4636</v>
      </c>
      <c r="D7690" t="s">
        <v>4637</v>
      </c>
      <c r="E7690" t="s">
        <v>4592</v>
      </c>
      <c r="F7690" t="s">
        <v>4593</v>
      </c>
      <c r="G7690" t="s">
        <v>80</v>
      </c>
      <c r="H7690" t="s">
        <v>81</v>
      </c>
      <c r="I7690" s="2">
        <v>1</v>
      </c>
      <c r="J7690" s="2">
        <v>0</v>
      </c>
      <c r="K7690" s="2">
        <v>0</v>
      </c>
      <c r="L7690" t="s">
        <v>120</v>
      </c>
      <c r="M7690" t="s">
        <v>83</v>
      </c>
      <c r="N7690" t="s">
        <v>84</v>
      </c>
      <c r="O7690" t="s">
        <v>85</v>
      </c>
      <c r="P7690" t="s">
        <v>86</v>
      </c>
      <c r="Q7690">
        <v>19</v>
      </c>
      <c r="R7690">
        <v>19</v>
      </c>
      <c r="S7690">
        <v>19</v>
      </c>
      <c r="T7690">
        <v>19</v>
      </c>
      <c r="U7690">
        <v>20</v>
      </c>
      <c r="V7690">
        <v>20</v>
      </c>
      <c r="W7690">
        <v>20</v>
      </c>
      <c r="X7690">
        <v>21</v>
      </c>
      <c r="Y7690">
        <v>21</v>
      </c>
      <c r="Z7690">
        <v>21</v>
      </c>
      <c r="AA7690">
        <v>21</v>
      </c>
      <c r="AB7690">
        <v>22</v>
      </c>
      <c r="AC7690">
        <v>22</v>
      </c>
      <c r="AD7690">
        <v>22</v>
      </c>
      <c r="AE7690">
        <v>22</v>
      </c>
      <c r="AF7690">
        <v>23</v>
      </c>
      <c r="AG7690">
        <v>23</v>
      </c>
      <c r="AH7690">
        <v>23</v>
      </c>
      <c r="AI7690">
        <v>23</v>
      </c>
      <c r="AJ7690">
        <v>24</v>
      </c>
      <c r="AK7690">
        <v>24</v>
      </c>
      <c r="AL7690">
        <v>24</v>
      </c>
      <c r="AM7690">
        <v>24</v>
      </c>
      <c r="AN7690">
        <v>24</v>
      </c>
      <c r="AO7690">
        <v>24</v>
      </c>
      <c r="AP7690">
        <v>24</v>
      </c>
      <c r="AQ7690">
        <v>24</v>
      </c>
    </row>
    <row r="7691" spans="1:43">
      <c r="A7691" t="s">
        <v>4814</v>
      </c>
      <c r="B7691" t="s">
        <v>4815</v>
      </c>
      <c r="C7691" t="s">
        <v>4636</v>
      </c>
      <c r="D7691" t="s">
        <v>4637</v>
      </c>
      <c r="E7691" t="s">
        <v>4592</v>
      </c>
      <c r="F7691" t="s">
        <v>4593</v>
      </c>
      <c r="G7691" t="s">
        <v>80</v>
      </c>
      <c r="H7691" t="s">
        <v>81</v>
      </c>
      <c r="I7691" s="2">
        <v>1</v>
      </c>
      <c r="J7691" s="2">
        <v>0</v>
      </c>
      <c r="K7691" s="2">
        <v>0</v>
      </c>
      <c r="L7691" t="s">
        <v>120</v>
      </c>
      <c r="M7691" t="s">
        <v>87</v>
      </c>
      <c r="N7691" t="s">
        <v>88</v>
      </c>
      <c r="O7691" t="s">
        <v>85</v>
      </c>
      <c r="P7691" t="s">
        <v>86</v>
      </c>
      <c r="Q7691">
        <v>19</v>
      </c>
      <c r="R7691">
        <v>20</v>
      </c>
      <c r="S7691">
        <v>20</v>
      </c>
      <c r="T7691">
        <v>20</v>
      </c>
      <c r="U7691">
        <v>20</v>
      </c>
      <c r="V7691">
        <v>20</v>
      </c>
      <c r="W7691">
        <v>20</v>
      </c>
      <c r="X7691">
        <v>20</v>
      </c>
      <c r="Y7691">
        <v>20</v>
      </c>
      <c r="Z7691">
        <v>20</v>
      </c>
      <c r="AA7691">
        <v>21</v>
      </c>
      <c r="AB7691">
        <v>21</v>
      </c>
      <c r="AC7691">
        <v>21</v>
      </c>
      <c r="AD7691">
        <v>21</v>
      </c>
      <c r="AE7691">
        <v>21</v>
      </c>
      <c r="AF7691">
        <v>21</v>
      </c>
      <c r="AG7691">
        <v>21</v>
      </c>
      <c r="AH7691">
        <v>21</v>
      </c>
      <c r="AI7691">
        <v>21</v>
      </c>
      <c r="AJ7691">
        <v>21</v>
      </c>
      <c r="AK7691">
        <v>21</v>
      </c>
      <c r="AL7691">
        <v>21</v>
      </c>
      <c r="AM7691">
        <v>22</v>
      </c>
      <c r="AN7691">
        <v>22</v>
      </c>
      <c r="AO7691">
        <v>22</v>
      </c>
      <c r="AP7691">
        <v>22</v>
      </c>
      <c r="AQ7691">
        <v>22</v>
      </c>
    </row>
    <row r="7692" spans="1:43">
      <c r="A7692" t="s">
        <v>4814</v>
      </c>
      <c r="B7692" t="s">
        <v>4815</v>
      </c>
      <c r="C7692" t="s">
        <v>4636</v>
      </c>
      <c r="D7692" t="s">
        <v>4637</v>
      </c>
      <c r="E7692" t="s">
        <v>4592</v>
      </c>
      <c r="F7692" t="s">
        <v>4593</v>
      </c>
      <c r="G7692" t="s">
        <v>80</v>
      </c>
      <c r="H7692" t="s">
        <v>81</v>
      </c>
      <c r="I7692" s="2">
        <v>1</v>
      </c>
      <c r="J7692" s="2">
        <v>0</v>
      </c>
      <c r="K7692" s="2">
        <v>0</v>
      </c>
      <c r="L7692" t="s">
        <v>120</v>
      </c>
      <c r="M7692" t="s">
        <v>89</v>
      </c>
      <c r="N7692" t="s">
        <v>90</v>
      </c>
      <c r="O7692" t="s">
        <v>85</v>
      </c>
      <c r="P7692" t="s">
        <v>86</v>
      </c>
      <c r="Q7692">
        <v>19</v>
      </c>
      <c r="R7692">
        <v>19</v>
      </c>
      <c r="S7692">
        <v>20</v>
      </c>
      <c r="T7692">
        <v>20</v>
      </c>
      <c r="U7692">
        <v>21</v>
      </c>
      <c r="V7692">
        <v>21</v>
      </c>
      <c r="W7692">
        <v>21</v>
      </c>
      <c r="X7692">
        <v>22</v>
      </c>
      <c r="Y7692">
        <v>22</v>
      </c>
      <c r="Z7692">
        <v>22</v>
      </c>
      <c r="AA7692">
        <v>23</v>
      </c>
      <c r="AB7692">
        <v>23</v>
      </c>
      <c r="AC7692">
        <v>24</v>
      </c>
      <c r="AD7692">
        <v>24</v>
      </c>
      <c r="AE7692">
        <v>24</v>
      </c>
      <c r="AF7692">
        <v>24</v>
      </c>
      <c r="AG7692">
        <v>24</v>
      </c>
      <c r="AH7692">
        <v>24</v>
      </c>
      <c r="AI7692">
        <v>24</v>
      </c>
      <c r="AJ7692">
        <v>24</v>
      </c>
      <c r="AK7692">
        <v>24</v>
      </c>
      <c r="AL7692">
        <v>24</v>
      </c>
      <c r="AM7692">
        <v>24</v>
      </c>
      <c r="AN7692">
        <v>24</v>
      </c>
      <c r="AO7692">
        <v>24</v>
      </c>
      <c r="AP7692">
        <v>24</v>
      </c>
      <c r="AQ7692">
        <v>24</v>
      </c>
    </row>
    <row r="7693" spans="1:43">
      <c r="A7693" t="s">
        <v>4814</v>
      </c>
      <c r="B7693" t="s">
        <v>4815</v>
      </c>
      <c r="C7693" t="s">
        <v>4636</v>
      </c>
      <c r="D7693" t="s">
        <v>4637</v>
      </c>
      <c r="E7693" t="s">
        <v>4592</v>
      </c>
      <c r="F7693" t="s">
        <v>4593</v>
      </c>
      <c r="G7693" t="s">
        <v>80</v>
      </c>
      <c r="H7693" t="s">
        <v>81</v>
      </c>
      <c r="I7693" s="2">
        <v>1</v>
      </c>
      <c r="J7693" s="2">
        <v>0</v>
      </c>
      <c r="K7693" s="2">
        <v>0</v>
      </c>
      <c r="L7693" t="s">
        <v>120</v>
      </c>
      <c r="M7693" t="s">
        <v>83</v>
      </c>
      <c r="N7693" t="s">
        <v>91</v>
      </c>
      <c r="O7693" t="s">
        <v>85</v>
      </c>
      <c r="P7693" t="s">
        <v>86</v>
      </c>
      <c r="Q7693">
        <v>19</v>
      </c>
      <c r="R7693">
        <v>19</v>
      </c>
      <c r="S7693">
        <v>19</v>
      </c>
      <c r="T7693">
        <v>19</v>
      </c>
      <c r="U7693">
        <v>20</v>
      </c>
      <c r="V7693">
        <v>20</v>
      </c>
      <c r="W7693">
        <v>20</v>
      </c>
      <c r="X7693">
        <v>21</v>
      </c>
      <c r="Y7693">
        <v>21</v>
      </c>
      <c r="Z7693">
        <v>21</v>
      </c>
      <c r="AA7693">
        <v>21</v>
      </c>
      <c r="AB7693">
        <v>22</v>
      </c>
      <c r="AC7693">
        <v>22</v>
      </c>
      <c r="AD7693">
        <v>22</v>
      </c>
      <c r="AE7693">
        <v>22</v>
      </c>
      <c r="AF7693">
        <v>23</v>
      </c>
      <c r="AG7693">
        <v>23</v>
      </c>
      <c r="AH7693">
        <v>23</v>
      </c>
      <c r="AI7693">
        <v>23</v>
      </c>
      <c r="AJ7693">
        <v>24</v>
      </c>
      <c r="AK7693">
        <v>24</v>
      </c>
      <c r="AL7693">
        <v>24</v>
      </c>
      <c r="AM7693">
        <v>24</v>
      </c>
      <c r="AN7693">
        <v>24</v>
      </c>
      <c r="AO7693">
        <v>24</v>
      </c>
      <c r="AP7693">
        <v>24</v>
      </c>
      <c r="AQ7693">
        <v>24</v>
      </c>
    </row>
    <row r="7694" spans="1:43">
      <c r="A7694" t="s">
        <v>4816</v>
      </c>
      <c r="B7694" t="s">
        <v>4817</v>
      </c>
      <c r="C7694" t="s">
        <v>4596</v>
      </c>
      <c r="D7694" t="s">
        <v>4597</v>
      </c>
      <c r="E7694" t="s">
        <v>4592</v>
      </c>
      <c r="F7694" t="s">
        <v>4593</v>
      </c>
      <c r="G7694" t="s">
        <v>80</v>
      </c>
      <c r="H7694" t="s">
        <v>81</v>
      </c>
      <c r="I7694" s="2">
        <v>1</v>
      </c>
      <c r="J7694" s="2">
        <v>0</v>
      </c>
      <c r="K7694" s="2">
        <v>0</v>
      </c>
      <c r="L7694" t="s">
        <v>120</v>
      </c>
      <c r="M7694" t="s">
        <v>83</v>
      </c>
      <c r="N7694" t="s">
        <v>84</v>
      </c>
      <c r="O7694" t="s">
        <v>85</v>
      </c>
      <c r="P7694" t="s">
        <v>86</v>
      </c>
      <c r="Q7694">
        <v>7</v>
      </c>
      <c r="R7694">
        <v>7</v>
      </c>
      <c r="S7694">
        <v>7</v>
      </c>
      <c r="T7694">
        <v>8</v>
      </c>
      <c r="U7694">
        <v>8</v>
      </c>
      <c r="V7694">
        <v>8</v>
      </c>
      <c r="W7694">
        <v>8</v>
      </c>
      <c r="X7694">
        <v>8</v>
      </c>
      <c r="Y7694">
        <v>8</v>
      </c>
      <c r="Z7694">
        <v>8</v>
      </c>
      <c r="AA7694">
        <v>8</v>
      </c>
      <c r="AB7694">
        <v>8</v>
      </c>
      <c r="AC7694">
        <v>8</v>
      </c>
      <c r="AD7694">
        <v>9</v>
      </c>
      <c r="AE7694">
        <v>9</v>
      </c>
      <c r="AF7694">
        <v>9</v>
      </c>
      <c r="AG7694">
        <v>9</v>
      </c>
      <c r="AH7694">
        <v>9</v>
      </c>
      <c r="AI7694">
        <v>9</v>
      </c>
      <c r="AJ7694">
        <v>9</v>
      </c>
      <c r="AK7694">
        <v>9</v>
      </c>
      <c r="AL7694">
        <v>9</v>
      </c>
      <c r="AM7694">
        <v>9</v>
      </c>
      <c r="AN7694">
        <v>9</v>
      </c>
      <c r="AO7694">
        <v>9</v>
      </c>
      <c r="AP7694">
        <v>9</v>
      </c>
      <c r="AQ7694">
        <v>9</v>
      </c>
    </row>
    <row r="7695" spans="1:43">
      <c r="A7695" t="s">
        <v>4816</v>
      </c>
      <c r="B7695" t="s">
        <v>4817</v>
      </c>
      <c r="C7695" t="s">
        <v>4596</v>
      </c>
      <c r="D7695" t="s">
        <v>4597</v>
      </c>
      <c r="E7695" t="s">
        <v>4592</v>
      </c>
      <c r="F7695" t="s">
        <v>4593</v>
      </c>
      <c r="G7695" t="s">
        <v>80</v>
      </c>
      <c r="H7695" t="s">
        <v>81</v>
      </c>
      <c r="I7695" s="2">
        <v>1</v>
      </c>
      <c r="J7695" s="2">
        <v>0</v>
      </c>
      <c r="K7695" s="2">
        <v>0</v>
      </c>
      <c r="L7695" t="s">
        <v>120</v>
      </c>
      <c r="M7695" t="s">
        <v>87</v>
      </c>
      <c r="N7695" t="s">
        <v>88</v>
      </c>
      <c r="O7695" t="s">
        <v>85</v>
      </c>
      <c r="P7695" t="s">
        <v>86</v>
      </c>
      <c r="Q7695">
        <v>7</v>
      </c>
      <c r="R7695">
        <v>7</v>
      </c>
      <c r="S7695">
        <v>7</v>
      </c>
      <c r="T7695">
        <v>7</v>
      </c>
      <c r="U7695">
        <v>7</v>
      </c>
      <c r="V7695">
        <v>7</v>
      </c>
      <c r="W7695">
        <v>7</v>
      </c>
      <c r="X7695">
        <v>7</v>
      </c>
      <c r="Y7695">
        <v>7</v>
      </c>
      <c r="Z7695">
        <v>8</v>
      </c>
      <c r="AA7695">
        <v>8</v>
      </c>
      <c r="AB7695">
        <v>8</v>
      </c>
      <c r="AC7695">
        <v>8</v>
      </c>
      <c r="AD7695">
        <v>8</v>
      </c>
      <c r="AE7695">
        <v>8</v>
      </c>
      <c r="AF7695">
        <v>8</v>
      </c>
      <c r="AG7695">
        <v>8</v>
      </c>
      <c r="AH7695">
        <v>8</v>
      </c>
      <c r="AI7695">
        <v>8</v>
      </c>
      <c r="AJ7695">
        <v>8</v>
      </c>
      <c r="AK7695">
        <v>8</v>
      </c>
      <c r="AL7695">
        <v>8</v>
      </c>
      <c r="AM7695">
        <v>8</v>
      </c>
      <c r="AN7695">
        <v>8</v>
      </c>
      <c r="AO7695">
        <v>8</v>
      </c>
      <c r="AP7695">
        <v>8</v>
      </c>
      <c r="AQ7695">
        <v>8</v>
      </c>
    </row>
    <row r="7696" spans="1:43">
      <c r="A7696" t="s">
        <v>4816</v>
      </c>
      <c r="B7696" t="s">
        <v>4817</v>
      </c>
      <c r="C7696" t="s">
        <v>4596</v>
      </c>
      <c r="D7696" t="s">
        <v>4597</v>
      </c>
      <c r="E7696" t="s">
        <v>4592</v>
      </c>
      <c r="F7696" t="s">
        <v>4593</v>
      </c>
      <c r="G7696" t="s">
        <v>80</v>
      </c>
      <c r="H7696" t="s">
        <v>81</v>
      </c>
      <c r="I7696" s="2">
        <v>1</v>
      </c>
      <c r="J7696" s="2">
        <v>0</v>
      </c>
      <c r="K7696" s="2">
        <v>0</v>
      </c>
      <c r="L7696" t="s">
        <v>120</v>
      </c>
      <c r="M7696" t="s">
        <v>89</v>
      </c>
      <c r="N7696" t="s">
        <v>90</v>
      </c>
      <c r="O7696" t="s">
        <v>85</v>
      </c>
      <c r="P7696" t="s">
        <v>86</v>
      </c>
      <c r="Q7696">
        <v>7</v>
      </c>
      <c r="R7696">
        <v>7</v>
      </c>
      <c r="S7696">
        <v>8</v>
      </c>
      <c r="T7696">
        <v>8</v>
      </c>
      <c r="U7696">
        <v>8</v>
      </c>
      <c r="V7696">
        <v>8</v>
      </c>
      <c r="W7696">
        <v>8</v>
      </c>
      <c r="X7696">
        <v>8</v>
      </c>
      <c r="Y7696">
        <v>9</v>
      </c>
      <c r="Z7696">
        <v>9</v>
      </c>
      <c r="AA7696">
        <v>9</v>
      </c>
      <c r="AB7696">
        <v>9</v>
      </c>
      <c r="AC7696">
        <v>9</v>
      </c>
      <c r="AD7696">
        <v>9</v>
      </c>
      <c r="AE7696">
        <v>9</v>
      </c>
      <c r="AF7696">
        <v>9</v>
      </c>
      <c r="AG7696">
        <v>9</v>
      </c>
      <c r="AH7696">
        <v>9</v>
      </c>
      <c r="AI7696">
        <v>9</v>
      </c>
      <c r="AJ7696">
        <v>9</v>
      </c>
      <c r="AK7696">
        <v>9</v>
      </c>
      <c r="AL7696">
        <v>9</v>
      </c>
      <c r="AM7696">
        <v>9</v>
      </c>
      <c r="AN7696">
        <v>9</v>
      </c>
      <c r="AO7696">
        <v>9</v>
      </c>
      <c r="AP7696">
        <v>9</v>
      </c>
      <c r="AQ7696">
        <v>9</v>
      </c>
    </row>
    <row r="7697" spans="1:43">
      <c r="A7697" t="s">
        <v>4816</v>
      </c>
      <c r="B7697" t="s">
        <v>4817</v>
      </c>
      <c r="C7697" t="s">
        <v>4596</v>
      </c>
      <c r="D7697" t="s">
        <v>4597</v>
      </c>
      <c r="E7697" t="s">
        <v>4592</v>
      </c>
      <c r="F7697" t="s">
        <v>4593</v>
      </c>
      <c r="G7697" t="s">
        <v>80</v>
      </c>
      <c r="H7697" t="s">
        <v>81</v>
      </c>
      <c r="I7697" s="2">
        <v>1</v>
      </c>
      <c r="J7697" s="2">
        <v>0</v>
      </c>
      <c r="K7697" s="2">
        <v>0</v>
      </c>
      <c r="L7697" t="s">
        <v>120</v>
      </c>
      <c r="M7697" t="s">
        <v>83</v>
      </c>
      <c r="N7697" t="s">
        <v>91</v>
      </c>
      <c r="O7697" t="s">
        <v>85</v>
      </c>
      <c r="P7697" t="s">
        <v>86</v>
      </c>
      <c r="Q7697">
        <v>7</v>
      </c>
      <c r="R7697">
        <v>7</v>
      </c>
      <c r="S7697">
        <v>7</v>
      </c>
      <c r="T7697">
        <v>8</v>
      </c>
      <c r="U7697">
        <v>8</v>
      </c>
      <c r="V7697">
        <v>8</v>
      </c>
      <c r="W7697">
        <v>8</v>
      </c>
      <c r="X7697">
        <v>8</v>
      </c>
      <c r="Y7697">
        <v>8</v>
      </c>
      <c r="Z7697">
        <v>8</v>
      </c>
      <c r="AA7697">
        <v>8</v>
      </c>
      <c r="AB7697">
        <v>8</v>
      </c>
      <c r="AC7697">
        <v>8</v>
      </c>
      <c r="AD7697">
        <v>9</v>
      </c>
      <c r="AE7697">
        <v>9</v>
      </c>
      <c r="AF7697">
        <v>9</v>
      </c>
      <c r="AG7697">
        <v>9</v>
      </c>
      <c r="AH7697">
        <v>9</v>
      </c>
      <c r="AI7697">
        <v>9</v>
      </c>
      <c r="AJ7697">
        <v>9</v>
      </c>
      <c r="AK7697">
        <v>9</v>
      </c>
      <c r="AL7697">
        <v>9</v>
      </c>
      <c r="AM7697">
        <v>9</v>
      </c>
      <c r="AN7697">
        <v>9</v>
      </c>
      <c r="AO7697">
        <v>9</v>
      </c>
      <c r="AP7697">
        <v>9</v>
      </c>
      <c r="AQ7697">
        <v>9</v>
      </c>
    </row>
    <row r="7698" spans="1:43">
      <c r="A7698" t="s">
        <v>4818</v>
      </c>
      <c r="B7698" t="s">
        <v>4819</v>
      </c>
      <c r="C7698" t="s">
        <v>4596</v>
      </c>
      <c r="D7698" t="s">
        <v>4597</v>
      </c>
      <c r="E7698" t="s">
        <v>4592</v>
      </c>
      <c r="F7698" t="s">
        <v>4593</v>
      </c>
      <c r="G7698" t="s">
        <v>80</v>
      </c>
      <c r="H7698" t="s">
        <v>81</v>
      </c>
      <c r="I7698" s="2">
        <v>1</v>
      </c>
      <c r="J7698" s="2">
        <v>0</v>
      </c>
      <c r="K7698" s="2">
        <v>0</v>
      </c>
      <c r="L7698" t="s">
        <v>120</v>
      </c>
      <c r="M7698" t="s">
        <v>83</v>
      </c>
      <c r="N7698" t="s">
        <v>84</v>
      </c>
      <c r="O7698" t="s">
        <v>85</v>
      </c>
      <c r="P7698" t="s">
        <v>86</v>
      </c>
      <c r="Q7698">
        <v>22</v>
      </c>
      <c r="R7698">
        <v>22</v>
      </c>
      <c r="S7698">
        <v>22</v>
      </c>
      <c r="T7698">
        <v>23</v>
      </c>
      <c r="U7698">
        <v>23</v>
      </c>
      <c r="V7698">
        <v>23</v>
      </c>
      <c r="W7698">
        <v>24</v>
      </c>
      <c r="X7698">
        <v>24</v>
      </c>
      <c r="Y7698">
        <v>24</v>
      </c>
      <c r="Z7698">
        <v>25</v>
      </c>
      <c r="AA7698">
        <v>25</v>
      </c>
      <c r="AB7698">
        <v>25</v>
      </c>
      <c r="AC7698">
        <v>26</v>
      </c>
      <c r="AD7698">
        <v>26</v>
      </c>
      <c r="AE7698">
        <v>26</v>
      </c>
      <c r="AF7698">
        <v>26</v>
      </c>
      <c r="AG7698">
        <v>27</v>
      </c>
      <c r="AH7698">
        <v>27</v>
      </c>
      <c r="AI7698">
        <v>27</v>
      </c>
      <c r="AJ7698">
        <v>28</v>
      </c>
      <c r="AK7698">
        <v>28</v>
      </c>
      <c r="AL7698">
        <v>28</v>
      </c>
      <c r="AM7698">
        <v>28</v>
      </c>
      <c r="AN7698">
        <v>28</v>
      </c>
      <c r="AO7698">
        <v>28</v>
      </c>
      <c r="AP7698">
        <v>28</v>
      </c>
      <c r="AQ7698">
        <v>28</v>
      </c>
    </row>
    <row r="7699" spans="1:43">
      <c r="A7699" t="s">
        <v>4818</v>
      </c>
      <c r="B7699" t="s">
        <v>4819</v>
      </c>
      <c r="C7699" t="s">
        <v>4596</v>
      </c>
      <c r="D7699" t="s">
        <v>4597</v>
      </c>
      <c r="E7699" t="s">
        <v>4592</v>
      </c>
      <c r="F7699" t="s">
        <v>4593</v>
      </c>
      <c r="G7699" t="s">
        <v>80</v>
      </c>
      <c r="H7699" t="s">
        <v>81</v>
      </c>
      <c r="I7699" s="2">
        <v>1</v>
      </c>
      <c r="J7699" s="2">
        <v>0</v>
      </c>
      <c r="K7699" s="2">
        <v>0</v>
      </c>
      <c r="L7699" t="s">
        <v>120</v>
      </c>
      <c r="M7699" t="s">
        <v>87</v>
      </c>
      <c r="N7699" t="s">
        <v>88</v>
      </c>
      <c r="O7699" t="s">
        <v>85</v>
      </c>
      <c r="P7699" t="s">
        <v>86</v>
      </c>
      <c r="Q7699">
        <v>22</v>
      </c>
      <c r="R7699">
        <v>22</v>
      </c>
      <c r="S7699">
        <v>22</v>
      </c>
      <c r="T7699">
        <v>22</v>
      </c>
      <c r="U7699">
        <v>22</v>
      </c>
      <c r="V7699">
        <v>22</v>
      </c>
      <c r="W7699">
        <v>22</v>
      </c>
      <c r="X7699">
        <v>22</v>
      </c>
      <c r="Y7699">
        <v>23</v>
      </c>
      <c r="Z7699">
        <v>23</v>
      </c>
      <c r="AA7699">
        <v>23</v>
      </c>
      <c r="AB7699">
        <v>23</v>
      </c>
      <c r="AC7699">
        <v>23</v>
      </c>
      <c r="AD7699">
        <v>23</v>
      </c>
      <c r="AE7699">
        <v>23</v>
      </c>
      <c r="AF7699">
        <v>23</v>
      </c>
      <c r="AG7699">
        <v>23</v>
      </c>
      <c r="AH7699">
        <v>23</v>
      </c>
      <c r="AI7699">
        <v>24</v>
      </c>
      <c r="AJ7699">
        <v>24</v>
      </c>
      <c r="AK7699">
        <v>24</v>
      </c>
      <c r="AL7699">
        <v>24</v>
      </c>
      <c r="AM7699">
        <v>24</v>
      </c>
      <c r="AN7699">
        <v>24</v>
      </c>
      <c r="AO7699">
        <v>24</v>
      </c>
      <c r="AP7699">
        <v>24</v>
      </c>
      <c r="AQ7699">
        <v>24</v>
      </c>
    </row>
    <row r="7700" spans="1:43">
      <c r="A7700" t="s">
        <v>4818</v>
      </c>
      <c r="B7700" t="s">
        <v>4819</v>
      </c>
      <c r="C7700" t="s">
        <v>4596</v>
      </c>
      <c r="D7700" t="s">
        <v>4597</v>
      </c>
      <c r="E7700" t="s">
        <v>4592</v>
      </c>
      <c r="F7700" t="s">
        <v>4593</v>
      </c>
      <c r="G7700" t="s">
        <v>80</v>
      </c>
      <c r="H7700" t="s">
        <v>81</v>
      </c>
      <c r="I7700" s="2">
        <v>1</v>
      </c>
      <c r="J7700" s="2">
        <v>0</v>
      </c>
      <c r="K7700" s="2">
        <v>0</v>
      </c>
      <c r="L7700" t="s">
        <v>120</v>
      </c>
      <c r="M7700" t="s">
        <v>89</v>
      </c>
      <c r="N7700" t="s">
        <v>90</v>
      </c>
      <c r="O7700" t="s">
        <v>85</v>
      </c>
      <c r="P7700" t="s">
        <v>86</v>
      </c>
      <c r="Q7700">
        <v>22</v>
      </c>
      <c r="R7700">
        <v>22</v>
      </c>
      <c r="S7700">
        <v>23</v>
      </c>
      <c r="T7700">
        <v>24</v>
      </c>
      <c r="U7700">
        <v>24</v>
      </c>
      <c r="V7700">
        <v>24</v>
      </c>
      <c r="W7700">
        <v>25</v>
      </c>
      <c r="X7700">
        <v>25</v>
      </c>
      <c r="Y7700">
        <v>26</v>
      </c>
      <c r="Z7700">
        <v>26</v>
      </c>
      <c r="AA7700">
        <v>27</v>
      </c>
      <c r="AB7700">
        <v>27</v>
      </c>
      <c r="AC7700">
        <v>27</v>
      </c>
      <c r="AD7700">
        <v>28</v>
      </c>
      <c r="AE7700">
        <v>28</v>
      </c>
      <c r="AF7700">
        <v>28</v>
      </c>
      <c r="AG7700">
        <v>28</v>
      </c>
      <c r="AH7700">
        <v>28</v>
      </c>
      <c r="AI7700">
        <v>28</v>
      </c>
      <c r="AJ7700">
        <v>28</v>
      </c>
      <c r="AK7700">
        <v>28</v>
      </c>
      <c r="AL7700">
        <v>28</v>
      </c>
      <c r="AM7700">
        <v>28</v>
      </c>
      <c r="AN7700">
        <v>28</v>
      </c>
      <c r="AO7700">
        <v>28</v>
      </c>
      <c r="AP7700">
        <v>28</v>
      </c>
      <c r="AQ7700">
        <v>28</v>
      </c>
    </row>
    <row r="7701" spans="1:43">
      <c r="A7701" t="s">
        <v>4818</v>
      </c>
      <c r="B7701" t="s">
        <v>4819</v>
      </c>
      <c r="C7701" t="s">
        <v>4596</v>
      </c>
      <c r="D7701" t="s">
        <v>4597</v>
      </c>
      <c r="E7701" t="s">
        <v>4592</v>
      </c>
      <c r="F7701" t="s">
        <v>4593</v>
      </c>
      <c r="G7701" t="s">
        <v>80</v>
      </c>
      <c r="H7701" t="s">
        <v>81</v>
      </c>
      <c r="I7701" s="2">
        <v>1</v>
      </c>
      <c r="J7701" s="2">
        <v>0</v>
      </c>
      <c r="K7701" s="2">
        <v>0</v>
      </c>
      <c r="L7701" t="s">
        <v>120</v>
      </c>
      <c r="M7701" t="s">
        <v>83</v>
      </c>
      <c r="N7701" t="s">
        <v>91</v>
      </c>
      <c r="O7701" t="s">
        <v>85</v>
      </c>
      <c r="P7701" t="s">
        <v>86</v>
      </c>
      <c r="Q7701">
        <v>22</v>
      </c>
      <c r="R7701">
        <v>22</v>
      </c>
      <c r="S7701">
        <v>22</v>
      </c>
      <c r="T7701">
        <v>23</v>
      </c>
      <c r="U7701">
        <v>23</v>
      </c>
      <c r="V7701">
        <v>23</v>
      </c>
      <c r="W7701">
        <v>24</v>
      </c>
      <c r="X7701">
        <v>24</v>
      </c>
      <c r="Y7701">
        <v>24</v>
      </c>
      <c r="Z7701">
        <v>25</v>
      </c>
      <c r="AA7701">
        <v>25</v>
      </c>
      <c r="AB7701">
        <v>25</v>
      </c>
      <c r="AC7701">
        <v>26</v>
      </c>
      <c r="AD7701">
        <v>26</v>
      </c>
      <c r="AE7701">
        <v>26</v>
      </c>
      <c r="AF7701">
        <v>26</v>
      </c>
      <c r="AG7701">
        <v>27</v>
      </c>
      <c r="AH7701">
        <v>27</v>
      </c>
      <c r="AI7701">
        <v>27</v>
      </c>
      <c r="AJ7701">
        <v>28</v>
      </c>
      <c r="AK7701">
        <v>28</v>
      </c>
      <c r="AL7701">
        <v>28</v>
      </c>
      <c r="AM7701">
        <v>28</v>
      </c>
      <c r="AN7701">
        <v>28</v>
      </c>
      <c r="AO7701">
        <v>28</v>
      </c>
      <c r="AP7701">
        <v>28</v>
      </c>
      <c r="AQ7701">
        <v>28</v>
      </c>
    </row>
    <row r="7702" spans="1:43">
      <c r="A7702" t="s">
        <v>4820</v>
      </c>
      <c r="B7702" t="s">
        <v>4821</v>
      </c>
      <c r="C7702" t="s">
        <v>4636</v>
      </c>
      <c r="D7702" t="s">
        <v>4637</v>
      </c>
      <c r="E7702" t="s">
        <v>4592</v>
      </c>
      <c r="F7702" t="s">
        <v>4593</v>
      </c>
      <c r="G7702" t="s">
        <v>80</v>
      </c>
      <c r="H7702" t="s">
        <v>81</v>
      </c>
      <c r="I7702" s="2">
        <v>1</v>
      </c>
      <c r="J7702" s="2">
        <v>0</v>
      </c>
      <c r="K7702" s="2">
        <v>0</v>
      </c>
      <c r="L7702" t="s">
        <v>120</v>
      </c>
      <c r="M7702" t="s">
        <v>83</v>
      </c>
      <c r="N7702" t="s">
        <v>84</v>
      </c>
      <c r="O7702" t="s">
        <v>85</v>
      </c>
      <c r="P7702" t="s">
        <v>86</v>
      </c>
      <c r="Q7702">
        <v>20</v>
      </c>
      <c r="R7702">
        <v>20</v>
      </c>
      <c r="S7702">
        <v>21</v>
      </c>
      <c r="T7702">
        <v>21</v>
      </c>
      <c r="U7702">
        <v>21</v>
      </c>
      <c r="V7702">
        <v>22</v>
      </c>
      <c r="W7702">
        <v>22</v>
      </c>
      <c r="X7702">
        <v>22</v>
      </c>
      <c r="Y7702">
        <v>23</v>
      </c>
      <c r="Z7702">
        <v>23</v>
      </c>
      <c r="AA7702">
        <v>23</v>
      </c>
      <c r="AB7702">
        <v>23</v>
      </c>
      <c r="AC7702">
        <v>24</v>
      </c>
      <c r="AD7702">
        <v>24</v>
      </c>
      <c r="AE7702">
        <v>24</v>
      </c>
      <c r="AF7702">
        <v>25</v>
      </c>
      <c r="AG7702">
        <v>25</v>
      </c>
      <c r="AH7702">
        <v>25</v>
      </c>
      <c r="AI7702">
        <v>25</v>
      </c>
      <c r="AJ7702">
        <v>26</v>
      </c>
      <c r="AK7702">
        <v>26</v>
      </c>
      <c r="AL7702">
        <v>26</v>
      </c>
      <c r="AM7702">
        <v>26</v>
      </c>
      <c r="AN7702">
        <v>26</v>
      </c>
      <c r="AO7702">
        <v>26</v>
      </c>
      <c r="AP7702">
        <v>26</v>
      </c>
      <c r="AQ7702">
        <v>26</v>
      </c>
    </row>
    <row r="7703" spans="1:43">
      <c r="A7703" t="s">
        <v>4820</v>
      </c>
      <c r="B7703" t="s">
        <v>4821</v>
      </c>
      <c r="C7703" t="s">
        <v>4636</v>
      </c>
      <c r="D7703" t="s">
        <v>4637</v>
      </c>
      <c r="E7703" t="s">
        <v>4592</v>
      </c>
      <c r="F7703" t="s">
        <v>4593</v>
      </c>
      <c r="G7703" t="s">
        <v>80</v>
      </c>
      <c r="H7703" t="s">
        <v>81</v>
      </c>
      <c r="I7703" s="2">
        <v>1</v>
      </c>
      <c r="J7703" s="2">
        <v>0</v>
      </c>
      <c r="K7703" s="2">
        <v>0</v>
      </c>
      <c r="L7703" t="s">
        <v>120</v>
      </c>
      <c r="M7703" t="s">
        <v>87</v>
      </c>
      <c r="N7703" t="s">
        <v>88</v>
      </c>
      <c r="O7703" t="s">
        <v>85</v>
      </c>
      <c r="P7703" t="s">
        <v>86</v>
      </c>
      <c r="Q7703">
        <v>20</v>
      </c>
      <c r="R7703">
        <v>20</v>
      </c>
      <c r="S7703">
        <v>20</v>
      </c>
      <c r="T7703">
        <v>20</v>
      </c>
      <c r="U7703">
        <v>20</v>
      </c>
      <c r="V7703">
        <v>21</v>
      </c>
      <c r="W7703">
        <v>21</v>
      </c>
      <c r="X7703">
        <v>21</v>
      </c>
      <c r="Y7703">
        <v>21</v>
      </c>
      <c r="Z7703">
        <v>21</v>
      </c>
      <c r="AA7703">
        <v>21</v>
      </c>
      <c r="AB7703">
        <v>21</v>
      </c>
      <c r="AC7703">
        <v>21</v>
      </c>
      <c r="AD7703">
        <v>21</v>
      </c>
      <c r="AE7703">
        <v>22</v>
      </c>
      <c r="AF7703">
        <v>22</v>
      </c>
      <c r="AG7703">
        <v>22</v>
      </c>
      <c r="AH7703">
        <v>22</v>
      </c>
      <c r="AI7703">
        <v>22</v>
      </c>
      <c r="AJ7703">
        <v>22</v>
      </c>
      <c r="AK7703">
        <v>22</v>
      </c>
      <c r="AL7703">
        <v>22</v>
      </c>
      <c r="AM7703">
        <v>22</v>
      </c>
      <c r="AN7703">
        <v>22</v>
      </c>
      <c r="AO7703">
        <v>22</v>
      </c>
      <c r="AP7703">
        <v>22</v>
      </c>
      <c r="AQ7703">
        <v>23</v>
      </c>
    </row>
    <row r="7704" spans="1:43">
      <c r="A7704" t="s">
        <v>4820</v>
      </c>
      <c r="B7704" t="s">
        <v>4821</v>
      </c>
      <c r="C7704" t="s">
        <v>4636</v>
      </c>
      <c r="D7704" t="s">
        <v>4637</v>
      </c>
      <c r="E7704" t="s">
        <v>4592</v>
      </c>
      <c r="F7704" t="s">
        <v>4593</v>
      </c>
      <c r="G7704" t="s">
        <v>80</v>
      </c>
      <c r="H7704" t="s">
        <v>81</v>
      </c>
      <c r="I7704" s="2">
        <v>1</v>
      </c>
      <c r="J7704" s="2">
        <v>0</v>
      </c>
      <c r="K7704" s="2">
        <v>0</v>
      </c>
      <c r="L7704" t="s">
        <v>120</v>
      </c>
      <c r="M7704" t="s">
        <v>89</v>
      </c>
      <c r="N7704" t="s">
        <v>90</v>
      </c>
      <c r="O7704" t="s">
        <v>85</v>
      </c>
      <c r="P7704" t="s">
        <v>86</v>
      </c>
      <c r="Q7704">
        <v>20</v>
      </c>
      <c r="R7704">
        <v>21</v>
      </c>
      <c r="S7704">
        <v>21</v>
      </c>
      <c r="T7704">
        <v>22</v>
      </c>
      <c r="U7704">
        <v>22</v>
      </c>
      <c r="V7704">
        <v>23</v>
      </c>
      <c r="W7704">
        <v>23</v>
      </c>
      <c r="X7704">
        <v>24</v>
      </c>
      <c r="Y7704">
        <v>24</v>
      </c>
      <c r="Z7704">
        <v>24</v>
      </c>
      <c r="AA7704">
        <v>25</v>
      </c>
      <c r="AB7704">
        <v>25</v>
      </c>
      <c r="AC7704">
        <v>26</v>
      </c>
      <c r="AD7704">
        <v>26</v>
      </c>
      <c r="AE7704">
        <v>26</v>
      </c>
      <c r="AF7704">
        <v>26</v>
      </c>
      <c r="AG7704">
        <v>26</v>
      </c>
      <c r="AH7704">
        <v>26</v>
      </c>
      <c r="AI7704">
        <v>26</v>
      </c>
      <c r="AJ7704">
        <v>26</v>
      </c>
      <c r="AK7704">
        <v>26</v>
      </c>
      <c r="AL7704">
        <v>26</v>
      </c>
      <c r="AM7704">
        <v>26</v>
      </c>
      <c r="AN7704">
        <v>26</v>
      </c>
      <c r="AO7704">
        <v>26</v>
      </c>
      <c r="AP7704">
        <v>26</v>
      </c>
      <c r="AQ7704">
        <v>26</v>
      </c>
    </row>
    <row r="7705" spans="1:43">
      <c r="A7705" t="s">
        <v>4820</v>
      </c>
      <c r="B7705" t="s">
        <v>4821</v>
      </c>
      <c r="C7705" t="s">
        <v>4636</v>
      </c>
      <c r="D7705" t="s">
        <v>4637</v>
      </c>
      <c r="E7705" t="s">
        <v>4592</v>
      </c>
      <c r="F7705" t="s">
        <v>4593</v>
      </c>
      <c r="G7705" t="s">
        <v>80</v>
      </c>
      <c r="H7705" t="s">
        <v>81</v>
      </c>
      <c r="I7705" s="2">
        <v>1</v>
      </c>
      <c r="J7705" s="2">
        <v>0</v>
      </c>
      <c r="K7705" s="2">
        <v>0</v>
      </c>
      <c r="L7705" t="s">
        <v>120</v>
      </c>
      <c r="M7705" t="s">
        <v>83</v>
      </c>
      <c r="N7705" t="s">
        <v>91</v>
      </c>
      <c r="O7705" t="s">
        <v>85</v>
      </c>
      <c r="P7705" t="s">
        <v>86</v>
      </c>
      <c r="Q7705">
        <v>20</v>
      </c>
      <c r="R7705">
        <v>20</v>
      </c>
      <c r="S7705">
        <v>21</v>
      </c>
      <c r="T7705">
        <v>21</v>
      </c>
      <c r="U7705">
        <v>21</v>
      </c>
      <c r="V7705">
        <v>22</v>
      </c>
      <c r="W7705">
        <v>22</v>
      </c>
      <c r="X7705">
        <v>22</v>
      </c>
      <c r="Y7705">
        <v>23</v>
      </c>
      <c r="Z7705">
        <v>23</v>
      </c>
      <c r="AA7705">
        <v>23</v>
      </c>
      <c r="AB7705">
        <v>23</v>
      </c>
      <c r="AC7705">
        <v>24</v>
      </c>
      <c r="AD7705">
        <v>24</v>
      </c>
      <c r="AE7705">
        <v>24</v>
      </c>
      <c r="AF7705">
        <v>25</v>
      </c>
      <c r="AG7705">
        <v>25</v>
      </c>
      <c r="AH7705">
        <v>25</v>
      </c>
      <c r="AI7705">
        <v>25</v>
      </c>
      <c r="AJ7705">
        <v>26</v>
      </c>
      <c r="AK7705">
        <v>26</v>
      </c>
      <c r="AL7705">
        <v>26</v>
      </c>
      <c r="AM7705">
        <v>26</v>
      </c>
      <c r="AN7705">
        <v>26</v>
      </c>
      <c r="AO7705">
        <v>26</v>
      </c>
      <c r="AP7705">
        <v>26</v>
      </c>
      <c r="AQ7705">
        <v>26</v>
      </c>
    </row>
    <row r="7706" spans="1:43">
      <c r="A7706" t="s">
        <v>4822</v>
      </c>
      <c r="B7706" t="s">
        <v>4823</v>
      </c>
      <c r="C7706" t="s">
        <v>4824</v>
      </c>
      <c r="D7706" t="s">
        <v>4825</v>
      </c>
      <c r="E7706" t="s">
        <v>4592</v>
      </c>
      <c r="F7706" t="s">
        <v>4593</v>
      </c>
      <c r="G7706" t="s">
        <v>80</v>
      </c>
      <c r="H7706" t="s">
        <v>81</v>
      </c>
      <c r="I7706" s="2">
        <v>1</v>
      </c>
      <c r="J7706" s="2">
        <v>0</v>
      </c>
      <c r="K7706" s="2">
        <v>0</v>
      </c>
      <c r="L7706" t="s">
        <v>120</v>
      </c>
      <c r="M7706" t="s">
        <v>83</v>
      </c>
      <c r="N7706" t="s">
        <v>84</v>
      </c>
      <c r="O7706" t="s">
        <v>85</v>
      </c>
      <c r="P7706" t="s">
        <v>86</v>
      </c>
      <c r="Q7706">
        <v>40</v>
      </c>
      <c r="R7706">
        <v>41</v>
      </c>
      <c r="S7706">
        <v>42</v>
      </c>
      <c r="T7706">
        <v>42</v>
      </c>
      <c r="U7706">
        <v>43</v>
      </c>
      <c r="V7706">
        <v>44</v>
      </c>
      <c r="W7706">
        <v>44</v>
      </c>
      <c r="X7706">
        <v>45</v>
      </c>
      <c r="Y7706">
        <v>45</v>
      </c>
      <c r="Z7706">
        <v>46</v>
      </c>
      <c r="AA7706">
        <v>47</v>
      </c>
      <c r="AB7706">
        <v>47</v>
      </c>
      <c r="AC7706">
        <v>48</v>
      </c>
      <c r="AD7706">
        <v>48</v>
      </c>
      <c r="AE7706">
        <v>49</v>
      </c>
      <c r="AF7706">
        <v>49</v>
      </c>
      <c r="AG7706">
        <v>50</v>
      </c>
      <c r="AH7706">
        <v>50</v>
      </c>
      <c r="AI7706">
        <v>51</v>
      </c>
      <c r="AJ7706">
        <v>51</v>
      </c>
      <c r="AK7706">
        <v>52</v>
      </c>
      <c r="AL7706">
        <v>52</v>
      </c>
      <c r="AM7706">
        <v>52</v>
      </c>
      <c r="AN7706">
        <v>52</v>
      </c>
      <c r="AO7706">
        <v>52</v>
      </c>
      <c r="AP7706">
        <v>52</v>
      </c>
      <c r="AQ7706">
        <v>52</v>
      </c>
    </row>
    <row r="7707" spans="1:43">
      <c r="A7707" t="s">
        <v>4822</v>
      </c>
      <c r="B7707" t="s">
        <v>4823</v>
      </c>
      <c r="C7707" t="s">
        <v>4824</v>
      </c>
      <c r="D7707" t="s">
        <v>4825</v>
      </c>
      <c r="E7707" t="s">
        <v>4592</v>
      </c>
      <c r="F7707" t="s">
        <v>4593</v>
      </c>
      <c r="G7707" t="s">
        <v>80</v>
      </c>
      <c r="H7707" t="s">
        <v>81</v>
      </c>
      <c r="I7707" s="2">
        <v>1</v>
      </c>
      <c r="J7707" s="2">
        <v>0</v>
      </c>
      <c r="K7707" s="2">
        <v>0</v>
      </c>
      <c r="L7707" t="s">
        <v>120</v>
      </c>
      <c r="M7707" t="s">
        <v>87</v>
      </c>
      <c r="N7707" t="s">
        <v>88</v>
      </c>
      <c r="O7707" t="s">
        <v>85</v>
      </c>
      <c r="P7707" t="s">
        <v>86</v>
      </c>
      <c r="Q7707">
        <v>40</v>
      </c>
      <c r="R7707">
        <v>40</v>
      </c>
      <c r="S7707">
        <v>41</v>
      </c>
      <c r="T7707">
        <v>41</v>
      </c>
      <c r="U7707">
        <v>41</v>
      </c>
      <c r="V7707">
        <v>41</v>
      </c>
      <c r="W7707">
        <v>42</v>
      </c>
      <c r="X7707">
        <v>42</v>
      </c>
      <c r="Y7707">
        <v>42</v>
      </c>
      <c r="Z7707">
        <v>42</v>
      </c>
      <c r="AA7707">
        <v>42</v>
      </c>
      <c r="AB7707">
        <v>43</v>
      </c>
      <c r="AC7707">
        <v>43</v>
      </c>
      <c r="AD7707">
        <v>43</v>
      </c>
      <c r="AE7707">
        <v>43</v>
      </c>
      <c r="AF7707">
        <v>43</v>
      </c>
      <c r="AG7707">
        <v>44</v>
      </c>
      <c r="AH7707">
        <v>44</v>
      </c>
      <c r="AI7707">
        <v>44</v>
      </c>
      <c r="AJ7707">
        <v>44</v>
      </c>
      <c r="AK7707">
        <v>44</v>
      </c>
      <c r="AL7707">
        <v>44</v>
      </c>
      <c r="AM7707">
        <v>45</v>
      </c>
      <c r="AN7707">
        <v>45</v>
      </c>
      <c r="AO7707">
        <v>45</v>
      </c>
      <c r="AP7707">
        <v>45</v>
      </c>
      <c r="AQ7707">
        <v>45</v>
      </c>
    </row>
    <row r="7708" spans="1:43">
      <c r="A7708" t="s">
        <v>4822</v>
      </c>
      <c r="B7708" t="s">
        <v>4823</v>
      </c>
      <c r="C7708" t="s">
        <v>4824</v>
      </c>
      <c r="D7708" t="s">
        <v>4825</v>
      </c>
      <c r="E7708" t="s">
        <v>4592</v>
      </c>
      <c r="F7708" t="s">
        <v>4593</v>
      </c>
      <c r="G7708" t="s">
        <v>80</v>
      </c>
      <c r="H7708" t="s">
        <v>81</v>
      </c>
      <c r="I7708" s="2">
        <v>1</v>
      </c>
      <c r="J7708" s="2">
        <v>0</v>
      </c>
      <c r="K7708" s="2">
        <v>0</v>
      </c>
      <c r="L7708" t="s">
        <v>120</v>
      </c>
      <c r="M7708" t="s">
        <v>89</v>
      </c>
      <c r="N7708" t="s">
        <v>90</v>
      </c>
      <c r="O7708" t="s">
        <v>85</v>
      </c>
      <c r="P7708" t="s">
        <v>86</v>
      </c>
      <c r="Q7708">
        <v>40</v>
      </c>
      <c r="R7708">
        <v>41</v>
      </c>
      <c r="S7708">
        <v>42</v>
      </c>
      <c r="T7708">
        <v>43</v>
      </c>
      <c r="U7708">
        <v>44</v>
      </c>
      <c r="V7708">
        <v>45</v>
      </c>
      <c r="W7708">
        <v>45</v>
      </c>
      <c r="X7708">
        <v>46</v>
      </c>
      <c r="Y7708">
        <v>47</v>
      </c>
      <c r="Z7708">
        <v>48</v>
      </c>
      <c r="AA7708">
        <v>49</v>
      </c>
      <c r="AB7708">
        <v>49</v>
      </c>
      <c r="AC7708">
        <v>50</v>
      </c>
      <c r="AD7708">
        <v>51</v>
      </c>
      <c r="AE7708">
        <v>51</v>
      </c>
      <c r="AF7708">
        <v>51</v>
      </c>
      <c r="AG7708">
        <v>51</v>
      </c>
      <c r="AH7708">
        <v>51</v>
      </c>
      <c r="AI7708">
        <v>51</v>
      </c>
      <c r="AJ7708">
        <v>52</v>
      </c>
      <c r="AK7708">
        <v>52</v>
      </c>
      <c r="AL7708">
        <v>52</v>
      </c>
      <c r="AM7708">
        <v>52</v>
      </c>
      <c r="AN7708">
        <v>52</v>
      </c>
      <c r="AO7708">
        <v>51</v>
      </c>
      <c r="AP7708">
        <v>51</v>
      </c>
      <c r="AQ7708">
        <v>51</v>
      </c>
    </row>
    <row r="7709" spans="1:43">
      <c r="A7709" t="s">
        <v>4822</v>
      </c>
      <c r="B7709" t="s">
        <v>4823</v>
      </c>
      <c r="C7709" t="s">
        <v>4824</v>
      </c>
      <c r="D7709" t="s">
        <v>4825</v>
      </c>
      <c r="E7709" t="s">
        <v>4592</v>
      </c>
      <c r="F7709" t="s">
        <v>4593</v>
      </c>
      <c r="G7709" t="s">
        <v>80</v>
      </c>
      <c r="H7709" t="s">
        <v>81</v>
      </c>
      <c r="I7709" s="2">
        <v>1</v>
      </c>
      <c r="J7709" s="2">
        <v>0</v>
      </c>
      <c r="K7709" s="2">
        <v>0</v>
      </c>
      <c r="L7709" t="s">
        <v>120</v>
      </c>
      <c r="M7709" t="s">
        <v>83</v>
      </c>
      <c r="N7709" t="s">
        <v>91</v>
      </c>
      <c r="O7709" t="s">
        <v>85</v>
      </c>
      <c r="P7709" t="s">
        <v>86</v>
      </c>
      <c r="Q7709">
        <v>40</v>
      </c>
      <c r="R7709">
        <v>41</v>
      </c>
      <c r="S7709">
        <v>42</v>
      </c>
      <c r="T7709">
        <v>42</v>
      </c>
      <c r="U7709">
        <v>43</v>
      </c>
      <c r="V7709">
        <v>44</v>
      </c>
      <c r="W7709">
        <v>44</v>
      </c>
      <c r="X7709">
        <v>45</v>
      </c>
      <c r="Y7709">
        <v>45</v>
      </c>
      <c r="Z7709">
        <v>46</v>
      </c>
      <c r="AA7709">
        <v>47</v>
      </c>
      <c r="AB7709">
        <v>47</v>
      </c>
      <c r="AC7709">
        <v>48</v>
      </c>
      <c r="AD7709">
        <v>48</v>
      </c>
      <c r="AE7709">
        <v>49</v>
      </c>
      <c r="AF7709">
        <v>49</v>
      </c>
      <c r="AG7709">
        <v>50</v>
      </c>
      <c r="AH7709">
        <v>50</v>
      </c>
      <c r="AI7709">
        <v>51</v>
      </c>
      <c r="AJ7709">
        <v>51</v>
      </c>
      <c r="AK7709">
        <v>52</v>
      </c>
      <c r="AL7709">
        <v>52</v>
      </c>
      <c r="AM7709">
        <v>52</v>
      </c>
      <c r="AN7709">
        <v>52</v>
      </c>
      <c r="AO7709">
        <v>52</v>
      </c>
      <c r="AP7709">
        <v>52</v>
      </c>
      <c r="AQ7709">
        <v>52</v>
      </c>
    </row>
    <row r="7710" spans="1:43">
      <c r="A7710" t="s">
        <v>4826</v>
      </c>
      <c r="B7710" t="s">
        <v>4827</v>
      </c>
      <c r="C7710" t="s">
        <v>4824</v>
      </c>
      <c r="D7710" t="s">
        <v>4825</v>
      </c>
      <c r="E7710" t="s">
        <v>4592</v>
      </c>
      <c r="F7710" t="s">
        <v>4593</v>
      </c>
      <c r="G7710" t="s">
        <v>80</v>
      </c>
      <c r="H7710" t="s">
        <v>81</v>
      </c>
      <c r="I7710" s="2">
        <v>1</v>
      </c>
      <c r="J7710" s="2">
        <v>0</v>
      </c>
      <c r="K7710" s="2">
        <v>0</v>
      </c>
      <c r="L7710" t="s">
        <v>120</v>
      </c>
      <c r="M7710" t="s">
        <v>83</v>
      </c>
      <c r="N7710" t="s">
        <v>84</v>
      </c>
      <c r="O7710" t="s">
        <v>85</v>
      </c>
      <c r="P7710" t="s">
        <v>86</v>
      </c>
      <c r="Q7710">
        <v>5</v>
      </c>
      <c r="R7710">
        <v>5</v>
      </c>
      <c r="S7710">
        <v>5</v>
      </c>
      <c r="T7710">
        <v>5</v>
      </c>
      <c r="U7710">
        <v>5</v>
      </c>
      <c r="V7710">
        <v>5</v>
      </c>
      <c r="W7710">
        <v>5</v>
      </c>
      <c r="X7710">
        <v>6</v>
      </c>
      <c r="Y7710">
        <v>6</v>
      </c>
      <c r="Z7710">
        <v>6</v>
      </c>
      <c r="AA7710">
        <v>6</v>
      </c>
      <c r="AB7710">
        <v>6</v>
      </c>
      <c r="AC7710">
        <v>6</v>
      </c>
      <c r="AD7710">
        <v>6</v>
      </c>
      <c r="AE7710">
        <v>6</v>
      </c>
      <c r="AF7710">
        <v>6</v>
      </c>
      <c r="AG7710">
        <v>6</v>
      </c>
      <c r="AH7710">
        <v>6</v>
      </c>
      <c r="AI7710">
        <v>6</v>
      </c>
      <c r="AJ7710">
        <v>6</v>
      </c>
      <c r="AK7710">
        <v>6</v>
      </c>
      <c r="AL7710">
        <v>6</v>
      </c>
      <c r="AM7710">
        <v>6</v>
      </c>
      <c r="AN7710">
        <v>6</v>
      </c>
      <c r="AO7710">
        <v>6</v>
      </c>
      <c r="AP7710">
        <v>6</v>
      </c>
      <c r="AQ7710">
        <v>6</v>
      </c>
    </row>
    <row r="7711" spans="1:43">
      <c r="A7711" t="s">
        <v>4826</v>
      </c>
      <c r="B7711" t="s">
        <v>4827</v>
      </c>
      <c r="C7711" t="s">
        <v>4824</v>
      </c>
      <c r="D7711" t="s">
        <v>4825</v>
      </c>
      <c r="E7711" t="s">
        <v>4592</v>
      </c>
      <c r="F7711" t="s">
        <v>4593</v>
      </c>
      <c r="G7711" t="s">
        <v>80</v>
      </c>
      <c r="H7711" t="s">
        <v>81</v>
      </c>
      <c r="I7711" s="2">
        <v>1</v>
      </c>
      <c r="J7711" s="2">
        <v>0</v>
      </c>
      <c r="K7711" s="2">
        <v>0</v>
      </c>
      <c r="L7711" t="s">
        <v>120</v>
      </c>
      <c r="M7711" t="s">
        <v>87</v>
      </c>
      <c r="N7711" t="s">
        <v>88</v>
      </c>
      <c r="O7711" t="s">
        <v>85</v>
      </c>
      <c r="P7711" t="s">
        <v>86</v>
      </c>
      <c r="Q7711">
        <v>5</v>
      </c>
      <c r="R7711">
        <v>5</v>
      </c>
      <c r="S7711">
        <v>5</v>
      </c>
      <c r="T7711">
        <v>5</v>
      </c>
      <c r="U7711">
        <v>5</v>
      </c>
      <c r="V7711">
        <v>5</v>
      </c>
      <c r="W7711">
        <v>5</v>
      </c>
      <c r="X7711">
        <v>5</v>
      </c>
      <c r="Y7711">
        <v>5</v>
      </c>
      <c r="Z7711">
        <v>5</v>
      </c>
      <c r="AA7711">
        <v>5</v>
      </c>
      <c r="AB7711">
        <v>5</v>
      </c>
      <c r="AC7711">
        <v>5</v>
      </c>
      <c r="AD7711">
        <v>5</v>
      </c>
      <c r="AE7711">
        <v>5</v>
      </c>
      <c r="AF7711">
        <v>5</v>
      </c>
      <c r="AG7711">
        <v>5</v>
      </c>
      <c r="AH7711">
        <v>5</v>
      </c>
      <c r="AI7711">
        <v>5</v>
      </c>
      <c r="AJ7711">
        <v>5</v>
      </c>
      <c r="AK7711">
        <v>5</v>
      </c>
      <c r="AL7711">
        <v>6</v>
      </c>
      <c r="AM7711">
        <v>6</v>
      </c>
      <c r="AN7711">
        <v>6</v>
      </c>
      <c r="AO7711">
        <v>6</v>
      </c>
      <c r="AP7711">
        <v>6</v>
      </c>
      <c r="AQ7711">
        <v>6</v>
      </c>
    </row>
    <row r="7712" spans="1:43">
      <c r="A7712" t="s">
        <v>4826</v>
      </c>
      <c r="B7712" t="s">
        <v>4827</v>
      </c>
      <c r="C7712" t="s">
        <v>4824</v>
      </c>
      <c r="D7712" t="s">
        <v>4825</v>
      </c>
      <c r="E7712" t="s">
        <v>4592</v>
      </c>
      <c r="F7712" t="s">
        <v>4593</v>
      </c>
      <c r="G7712" t="s">
        <v>80</v>
      </c>
      <c r="H7712" t="s">
        <v>81</v>
      </c>
      <c r="I7712" s="2">
        <v>1</v>
      </c>
      <c r="J7712" s="2">
        <v>0</v>
      </c>
      <c r="K7712" s="2">
        <v>0</v>
      </c>
      <c r="L7712" t="s">
        <v>120</v>
      </c>
      <c r="M7712" t="s">
        <v>89</v>
      </c>
      <c r="N7712" t="s">
        <v>90</v>
      </c>
      <c r="O7712" t="s">
        <v>85</v>
      </c>
      <c r="P7712" t="s">
        <v>86</v>
      </c>
      <c r="Q7712">
        <v>5</v>
      </c>
      <c r="R7712">
        <v>5</v>
      </c>
      <c r="S7712">
        <v>5</v>
      </c>
      <c r="T7712">
        <v>5</v>
      </c>
      <c r="U7712">
        <v>6</v>
      </c>
      <c r="V7712">
        <v>6</v>
      </c>
      <c r="W7712">
        <v>6</v>
      </c>
      <c r="X7712">
        <v>6</v>
      </c>
      <c r="Y7712">
        <v>6</v>
      </c>
      <c r="Z7712">
        <v>6</v>
      </c>
      <c r="AA7712">
        <v>6</v>
      </c>
      <c r="AB7712">
        <v>6</v>
      </c>
      <c r="AC7712">
        <v>6</v>
      </c>
      <c r="AD7712">
        <v>6</v>
      </c>
      <c r="AE7712">
        <v>7</v>
      </c>
      <c r="AF7712">
        <v>7</v>
      </c>
      <c r="AG7712">
        <v>7</v>
      </c>
      <c r="AH7712">
        <v>7</v>
      </c>
      <c r="AI7712">
        <v>7</v>
      </c>
      <c r="AJ7712">
        <v>7</v>
      </c>
      <c r="AK7712">
        <v>7</v>
      </c>
      <c r="AL7712">
        <v>7</v>
      </c>
      <c r="AM7712">
        <v>7</v>
      </c>
      <c r="AN7712">
        <v>7</v>
      </c>
      <c r="AO7712">
        <v>7</v>
      </c>
      <c r="AP7712">
        <v>7</v>
      </c>
      <c r="AQ7712">
        <v>7</v>
      </c>
    </row>
    <row r="7713" spans="1:43">
      <c r="A7713" t="s">
        <v>4826</v>
      </c>
      <c r="B7713" t="s">
        <v>4827</v>
      </c>
      <c r="C7713" t="s">
        <v>4824</v>
      </c>
      <c r="D7713" t="s">
        <v>4825</v>
      </c>
      <c r="E7713" t="s">
        <v>4592</v>
      </c>
      <c r="F7713" t="s">
        <v>4593</v>
      </c>
      <c r="G7713" t="s">
        <v>80</v>
      </c>
      <c r="H7713" t="s">
        <v>81</v>
      </c>
      <c r="I7713" s="2">
        <v>1</v>
      </c>
      <c r="J7713" s="2">
        <v>0</v>
      </c>
      <c r="K7713" s="2">
        <v>0</v>
      </c>
      <c r="L7713" t="s">
        <v>120</v>
      </c>
      <c r="M7713" t="s">
        <v>83</v>
      </c>
      <c r="N7713" t="s">
        <v>91</v>
      </c>
      <c r="O7713" t="s">
        <v>85</v>
      </c>
      <c r="P7713" t="s">
        <v>86</v>
      </c>
      <c r="Q7713">
        <v>5</v>
      </c>
      <c r="R7713">
        <v>5</v>
      </c>
      <c r="S7713">
        <v>5</v>
      </c>
      <c r="T7713">
        <v>5</v>
      </c>
      <c r="U7713">
        <v>5</v>
      </c>
      <c r="V7713">
        <v>5</v>
      </c>
      <c r="W7713">
        <v>5</v>
      </c>
      <c r="X7713">
        <v>6</v>
      </c>
      <c r="Y7713">
        <v>6</v>
      </c>
      <c r="Z7713">
        <v>6</v>
      </c>
      <c r="AA7713">
        <v>6</v>
      </c>
      <c r="AB7713">
        <v>6</v>
      </c>
      <c r="AC7713">
        <v>6</v>
      </c>
      <c r="AD7713">
        <v>6</v>
      </c>
      <c r="AE7713">
        <v>6</v>
      </c>
      <c r="AF7713">
        <v>6</v>
      </c>
      <c r="AG7713">
        <v>6</v>
      </c>
      <c r="AH7713">
        <v>6</v>
      </c>
      <c r="AI7713">
        <v>6</v>
      </c>
      <c r="AJ7713">
        <v>6</v>
      </c>
      <c r="AK7713">
        <v>6</v>
      </c>
      <c r="AL7713">
        <v>6</v>
      </c>
      <c r="AM7713">
        <v>6</v>
      </c>
      <c r="AN7713">
        <v>6</v>
      </c>
      <c r="AO7713">
        <v>6</v>
      </c>
      <c r="AP7713">
        <v>6</v>
      </c>
      <c r="AQ7713">
        <v>6</v>
      </c>
    </row>
    <row r="7714" spans="1:43">
      <c r="A7714" t="s">
        <v>4828</v>
      </c>
      <c r="B7714" t="s">
        <v>4829</v>
      </c>
      <c r="C7714" t="s">
        <v>4824</v>
      </c>
      <c r="D7714" t="s">
        <v>4825</v>
      </c>
      <c r="E7714" t="s">
        <v>4592</v>
      </c>
      <c r="F7714" t="s">
        <v>4593</v>
      </c>
      <c r="G7714" t="s">
        <v>80</v>
      </c>
      <c r="H7714" t="s">
        <v>81</v>
      </c>
      <c r="I7714" s="2">
        <v>1</v>
      </c>
      <c r="J7714" s="2">
        <v>0</v>
      </c>
      <c r="K7714" s="2">
        <v>0</v>
      </c>
      <c r="L7714" t="s">
        <v>120</v>
      </c>
      <c r="M7714" t="s">
        <v>83</v>
      </c>
      <c r="N7714" t="s">
        <v>84</v>
      </c>
      <c r="O7714" t="s">
        <v>85</v>
      </c>
      <c r="P7714" t="s">
        <v>86</v>
      </c>
      <c r="Q7714">
        <v>10</v>
      </c>
      <c r="R7714">
        <v>10</v>
      </c>
      <c r="S7714">
        <v>10</v>
      </c>
      <c r="T7714">
        <v>10</v>
      </c>
      <c r="U7714">
        <v>10</v>
      </c>
      <c r="V7714">
        <v>11</v>
      </c>
      <c r="W7714">
        <v>11</v>
      </c>
      <c r="X7714">
        <v>11</v>
      </c>
      <c r="Y7714">
        <v>11</v>
      </c>
      <c r="Z7714">
        <v>11</v>
      </c>
      <c r="AA7714">
        <v>11</v>
      </c>
      <c r="AB7714">
        <v>11</v>
      </c>
      <c r="AC7714">
        <v>11</v>
      </c>
      <c r="AD7714">
        <v>12</v>
      </c>
      <c r="AE7714">
        <v>12</v>
      </c>
      <c r="AF7714">
        <v>12</v>
      </c>
      <c r="AG7714">
        <v>12</v>
      </c>
      <c r="AH7714">
        <v>12</v>
      </c>
      <c r="AI7714">
        <v>12</v>
      </c>
      <c r="AJ7714">
        <v>12</v>
      </c>
      <c r="AK7714">
        <v>13</v>
      </c>
      <c r="AL7714">
        <v>13</v>
      </c>
      <c r="AM7714">
        <v>13</v>
      </c>
      <c r="AN7714">
        <v>13</v>
      </c>
      <c r="AO7714">
        <v>13</v>
      </c>
      <c r="AP7714">
        <v>13</v>
      </c>
      <c r="AQ7714">
        <v>13</v>
      </c>
    </row>
    <row r="7715" spans="1:43">
      <c r="A7715" t="s">
        <v>4828</v>
      </c>
      <c r="B7715" t="s">
        <v>4829</v>
      </c>
      <c r="C7715" t="s">
        <v>4824</v>
      </c>
      <c r="D7715" t="s">
        <v>4825</v>
      </c>
      <c r="E7715" t="s">
        <v>4592</v>
      </c>
      <c r="F7715" t="s">
        <v>4593</v>
      </c>
      <c r="G7715" t="s">
        <v>80</v>
      </c>
      <c r="H7715" t="s">
        <v>81</v>
      </c>
      <c r="I7715" s="2">
        <v>1</v>
      </c>
      <c r="J7715" s="2">
        <v>0</v>
      </c>
      <c r="K7715" s="2">
        <v>0</v>
      </c>
      <c r="L7715" t="s">
        <v>120</v>
      </c>
      <c r="M7715" t="s">
        <v>87</v>
      </c>
      <c r="N7715" t="s">
        <v>88</v>
      </c>
      <c r="O7715" t="s">
        <v>85</v>
      </c>
      <c r="P7715" t="s">
        <v>86</v>
      </c>
      <c r="Q7715">
        <v>10</v>
      </c>
      <c r="R7715">
        <v>10</v>
      </c>
      <c r="S7715">
        <v>10</v>
      </c>
      <c r="T7715">
        <v>10</v>
      </c>
      <c r="U7715">
        <v>10</v>
      </c>
      <c r="V7715">
        <v>10</v>
      </c>
      <c r="W7715">
        <v>10</v>
      </c>
      <c r="X7715">
        <v>10</v>
      </c>
      <c r="Y7715">
        <v>10</v>
      </c>
      <c r="Z7715">
        <v>10</v>
      </c>
      <c r="AA7715">
        <v>10</v>
      </c>
      <c r="AB7715">
        <v>10</v>
      </c>
      <c r="AC7715">
        <v>10</v>
      </c>
      <c r="AD7715">
        <v>10</v>
      </c>
      <c r="AE7715">
        <v>10</v>
      </c>
      <c r="AF7715">
        <v>10</v>
      </c>
      <c r="AG7715">
        <v>11</v>
      </c>
      <c r="AH7715">
        <v>11</v>
      </c>
      <c r="AI7715">
        <v>11</v>
      </c>
      <c r="AJ7715">
        <v>11</v>
      </c>
      <c r="AK7715">
        <v>11</v>
      </c>
      <c r="AL7715">
        <v>11</v>
      </c>
      <c r="AM7715">
        <v>11</v>
      </c>
      <c r="AN7715">
        <v>11</v>
      </c>
      <c r="AO7715">
        <v>11</v>
      </c>
      <c r="AP7715">
        <v>11</v>
      </c>
      <c r="AQ7715">
        <v>11</v>
      </c>
    </row>
    <row r="7716" spans="1:43">
      <c r="A7716" t="s">
        <v>4828</v>
      </c>
      <c r="B7716" t="s">
        <v>4829</v>
      </c>
      <c r="C7716" t="s">
        <v>4824</v>
      </c>
      <c r="D7716" t="s">
        <v>4825</v>
      </c>
      <c r="E7716" t="s">
        <v>4592</v>
      </c>
      <c r="F7716" t="s">
        <v>4593</v>
      </c>
      <c r="G7716" t="s">
        <v>80</v>
      </c>
      <c r="H7716" t="s">
        <v>81</v>
      </c>
      <c r="I7716" s="2">
        <v>1</v>
      </c>
      <c r="J7716" s="2">
        <v>0</v>
      </c>
      <c r="K7716" s="2">
        <v>0</v>
      </c>
      <c r="L7716" t="s">
        <v>120</v>
      </c>
      <c r="M7716" t="s">
        <v>89</v>
      </c>
      <c r="N7716" t="s">
        <v>90</v>
      </c>
      <c r="O7716" t="s">
        <v>85</v>
      </c>
      <c r="P7716" t="s">
        <v>86</v>
      </c>
      <c r="Q7716">
        <v>10</v>
      </c>
      <c r="R7716">
        <v>10</v>
      </c>
      <c r="S7716">
        <v>10</v>
      </c>
      <c r="T7716">
        <v>11</v>
      </c>
      <c r="U7716">
        <v>11</v>
      </c>
      <c r="V7716">
        <v>11</v>
      </c>
      <c r="W7716">
        <v>11</v>
      </c>
      <c r="X7716">
        <v>11</v>
      </c>
      <c r="Y7716">
        <v>12</v>
      </c>
      <c r="Z7716">
        <v>12</v>
      </c>
      <c r="AA7716">
        <v>12</v>
      </c>
      <c r="AB7716">
        <v>12</v>
      </c>
      <c r="AC7716">
        <v>12</v>
      </c>
      <c r="AD7716">
        <v>13</v>
      </c>
      <c r="AE7716">
        <v>13</v>
      </c>
      <c r="AF7716">
        <v>13</v>
      </c>
      <c r="AG7716">
        <v>13</v>
      </c>
      <c r="AH7716">
        <v>13</v>
      </c>
      <c r="AI7716">
        <v>13</v>
      </c>
      <c r="AJ7716">
        <v>13</v>
      </c>
      <c r="AK7716">
        <v>13</v>
      </c>
      <c r="AL7716">
        <v>13</v>
      </c>
      <c r="AM7716">
        <v>13</v>
      </c>
      <c r="AN7716">
        <v>13</v>
      </c>
      <c r="AO7716">
        <v>13</v>
      </c>
      <c r="AP7716">
        <v>13</v>
      </c>
      <c r="AQ7716">
        <v>13</v>
      </c>
    </row>
    <row r="7717" spans="1:43">
      <c r="A7717" t="s">
        <v>4828</v>
      </c>
      <c r="B7717" t="s">
        <v>4829</v>
      </c>
      <c r="C7717" t="s">
        <v>4824</v>
      </c>
      <c r="D7717" t="s">
        <v>4825</v>
      </c>
      <c r="E7717" t="s">
        <v>4592</v>
      </c>
      <c r="F7717" t="s">
        <v>4593</v>
      </c>
      <c r="G7717" t="s">
        <v>80</v>
      </c>
      <c r="H7717" t="s">
        <v>81</v>
      </c>
      <c r="I7717" s="2">
        <v>1</v>
      </c>
      <c r="J7717" s="2">
        <v>0</v>
      </c>
      <c r="K7717" s="2">
        <v>0</v>
      </c>
      <c r="L7717" t="s">
        <v>120</v>
      </c>
      <c r="M7717" t="s">
        <v>83</v>
      </c>
      <c r="N7717" t="s">
        <v>91</v>
      </c>
      <c r="O7717" t="s">
        <v>85</v>
      </c>
      <c r="P7717" t="s">
        <v>86</v>
      </c>
      <c r="Q7717">
        <v>10</v>
      </c>
      <c r="R7717">
        <v>10</v>
      </c>
      <c r="S7717">
        <v>10</v>
      </c>
      <c r="T7717">
        <v>10</v>
      </c>
      <c r="U7717">
        <v>10</v>
      </c>
      <c r="V7717">
        <v>11</v>
      </c>
      <c r="W7717">
        <v>11</v>
      </c>
      <c r="X7717">
        <v>11</v>
      </c>
      <c r="Y7717">
        <v>11</v>
      </c>
      <c r="Z7717">
        <v>11</v>
      </c>
      <c r="AA7717">
        <v>11</v>
      </c>
      <c r="AB7717">
        <v>11</v>
      </c>
      <c r="AC7717">
        <v>11</v>
      </c>
      <c r="AD7717">
        <v>12</v>
      </c>
      <c r="AE7717">
        <v>12</v>
      </c>
      <c r="AF7717">
        <v>12</v>
      </c>
      <c r="AG7717">
        <v>12</v>
      </c>
      <c r="AH7717">
        <v>12</v>
      </c>
      <c r="AI7717">
        <v>12</v>
      </c>
      <c r="AJ7717">
        <v>12</v>
      </c>
      <c r="AK7717">
        <v>13</v>
      </c>
      <c r="AL7717">
        <v>13</v>
      </c>
      <c r="AM7717">
        <v>13</v>
      </c>
      <c r="AN7717">
        <v>13</v>
      </c>
      <c r="AO7717">
        <v>13</v>
      </c>
      <c r="AP7717">
        <v>13</v>
      </c>
      <c r="AQ7717">
        <v>13</v>
      </c>
    </row>
    <row r="7718" spans="1:43">
      <c r="A7718" t="s">
        <v>4830</v>
      </c>
      <c r="B7718" t="s">
        <v>4831</v>
      </c>
      <c r="C7718" t="s">
        <v>4832</v>
      </c>
      <c r="D7718" t="s">
        <v>4833</v>
      </c>
      <c r="E7718" t="s">
        <v>4592</v>
      </c>
      <c r="F7718" t="s">
        <v>4593</v>
      </c>
      <c r="G7718" t="s">
        <v>80</v>
      </c>
      <c r="H7718" t="s">
        <v>81</v>
      </c>
      <c r="I7718" s="2">
        <v>1</v>
      </c>
      <c r="J7718" s="2">
        <v>0</v>
      </c>
      <c r="K7718" s="2">
        <v>0</v>
      </c>
      <c r="L7718" t="s">
        <v>120</v>
      </c>
      <c r="M7718" t="s">
        <v>83</v>
      </c>
      <c r="N7718" t="s">
        <v>84</v>
      </c>
      <c r="O7718" t="s">
        <v>85</v>
      </c>
      <c r="P7718" t="s">
        <v>86</v>
      </c>
      <c r="Q7718">
        <v>5</v>
      </c>
      <c r="R7718">
        <v>5</v>
      </c>
      <c r="S7718">
        <v>5</v>
      </c>
      <c r="T7718">
        <v>5</v>
      </c>
      <c r="U7718">
        <v>5</v>
      </c>
      <c r="V7718">
        <v>5</v>
      </c>
      <c r="W7718">
        <v>6</v>
      </c>
      <c r="X7718">
        <v>6</v>
      </c>
      <c r="Y7718">
        <v>6</v>
      </c>
      <c r="Z7718">
        <v>6</v>
      </c>
      <c r="AA7718">
        <v>6</v>
      </c>
      <c r="AB7718">
        <v>6</v>
      </c>
      <c r="AC7718">
        <v>6</v>
      </c>
      <c r="AD7718">
        <v>6</v>
      </c>
      <c r="AE7718">
        <v>6</v>
      </c>
      <c r="AF7718">
        <v>6</v>
      </c>
      <c r="AG7718">
        <v>6</v>
      </c>
      <c r="AH7718">
        <v>6</v>
      </c>
      <c r="AI7718">
        <v>6</v>
      </c>
      <c r="AJ7718">
        <v>6</v>
      </c>
      <c r="AK7718">
        <v>7</v>
      </c>
      <c r="AL7718">
        <v>7</v>
      </c>
      <c r="AM7718">
        <v>7</v>
      </c>
      <c r="AN7718">
        <v>7</v>
      </c>
      <c r="AO7718">
        <v>7</v>
      </c>
      <c r="AP7718">
        <v>7</v>
      </c>
      <c r="AQ7718">
        <v>7</v>
      </c>
    </row>
    <row r="7719" spans="1:43">
      <c r="A7719" t="s">
        <v>4830</v>
      </c>
      <c r="B7719" t="s">
        <v>4831</v>
      </c>
      <c r="C7719" t="s">
        <v>4832</v>
      </c>
      <c r="D7719" t="s">
        <v>4833</v>
      </c>
      <c r="E7719" t="s">
        <v>4592</v>
      </c>
      <c r="F7719" t="s">
        <v>4593</v>
      </c>
      <c r="G7719" t="s">
        <v>80</v>
      </c>
      <c r="H7719" t="s">
        <v>81</v>
      </c>
      <c r="I7719" s="2">
        <v>1</v>
      </c>
      <c r="J7719" s="2">
        <v>0</v>
      </c>
      <c r="K7719" s="2">
        <v>0</v>
      </c>
      <c r="L7719" t="s">
        <v>120</v>
      </c>
      <c r="M7719" t="s">
        <v>87</v>
      </c>
      <c r="N7719" t="s">
        <v>88</v>
      </c>
      <c r="O7719" t="s">
        <v>85</v>
      </c>
      <c r="P7719" t="s">
        <v>86</v>
      </c>
      <c r="Q7719">
        <v>5</v>
      </c>
      <c r="R7719">
        <v>5</v>
      </c>
      <c r="S7719">
        <v>5</v>
      </c>
      <c r="T7719">
        <v>5</v>
      </c>
      <c r="U7719">
        <v>5</v>
      </c>
      <c r="V7719">
        <v>5</v>
      </c>
      <c r="W7719">
        <v>5</v>
      </c>
      <c r="X7719">
        <v>5</v>
      </c>
      <c r="Y7719">
        <v>5</v>
      </c>
      <c r="Z7719">
        <v>5</v>
      </c>
      <c r="AA7719">
        <v>5</v>
      </c>
      <c r="AB7719">
        <v>5</v>
      </c>
      <c r="AC7719">
        <v>5</v>
      </c>
      <c r="AD7719">
        <v>5</v>
      </c>
      <c r="AE7719">
        <v>5</v>
      </c>
      <c r="AF7719">
        <v>5</v>
      </c>
      <c r="AG7719">
        <v>5</v>
      </c>
      <c r="AH7719">
        <v>5</v>
      </c>
      <c r="AI7719">
        <v>6</v>
      </c>
      <c r="AJ7719">
        <v>6</v>
      </c>
      <c r="AK7719">
        <v>6</v>
      </c>
      <c r="AL7719">
        <v>6</v>
      </c>
      <c r="AM7719">
        <v>6</v>
      </c>
      <c r="AN7719">
        <v>6</v>
      </c>
      <c r="AO7719">
        <v>6</v>
      </c>
      <c r="AP7719">
        <v>6</v>
      </c>
      <c r="AQ7719">
        <v>6</v>
      </c>
    </row>
    <row r="7720" spans="1:43">
      <c r="A7720" t="s">
        <v>4830</v>
      </c>
      <c r="B7720" t="s">
        <v>4831</v>
      </c>
      <c r="C7720" t="s">
        <v>4832</v>
      </c>
      <c r="D7720" t="s">
        <v>4833</v>
      </c>
      <c r="E7720" t="s">
        <v>4592</v>
      </c>
      <c r="F7720" t="s">
        <v>4593</v>
      </c>
      <c r="G7720" t="s">
        <v>80</v>
      </c>
      <c r="H7720" t="s">
        <v>81</v>
      </c>
      <c r="I7720" s="2">
        <v>1</v>
      </c>
      <c r="J7720" s="2">
        <v>0</v>
      </c>
      <c r="K7720" s="2">
        <v>0</v>
      </c>
      <c r="L7720" t="s">
        <v>120</v>
      </c>
      <c r="M7720" t="s">
        <v>89</v>
      </c>
      <c r="N7720" t="s">
        <v>90</v>
      </c>
      <c r="O7720" t="s">
        <v>85</v>
      </c>
      <c r="P7720" t="s">
        <v>86</v>
      </c>
      <c r="Q7720">
        <v>5</v>
      </c>
      <c r="R7720">
        <v>5</v>
      </c>
      <c r="S7720">
        <v>5</v>
      </c>
      <c r="T7720">
        <v>5</v>
      </c>
      <c r="U7720">
        <v>6</v>
      </c>
      <c r="V7720">
        <v>6</v>
      </c>
      <c r="W7720">
        <v>6</v>
      </c>
      <c r="X7720">
        <v>6</v>
      </c>
      <c r="Y7720">
        <v>6</v>
      </c>
      <c r="Z7720">
        <v>6</v>
      </c>
      <c r="AA7720">
        <v>6</v>
      </c>
      <c r="AB7720">
        <v>6</v>
      </c>
      <c r="AC7720">
        <v>6</v>
      </c>
      <c r="AD7720">
        <v>7</v>
      </c>
      <c r="AE7720">
        <v>7</v>
      </c>
      <c r="AF7720">
        <v>7</v>
      </c>
      <c r="AG7720">
        <v>7</v>
      </c>
      <c r="AH7720">
        <v>7</v>
      </c>
      <c r="AI7720">
        <v>7</v>
      </c>
      <c r="AJ7720">
        <v>7</v>
      </c>
      <c r="AK7720">
        <v>7</v>
      </c>
      <c r="AL7720">
        <v>7</v>
      </c>
      <c r="AM7720">
        <v>7</v>
      </c>
      <c r="AN7720">
        <v>7</v>
      </c>
      <c r="AO7720">
        <v>7</v>
      </c>
      <c r="AP7720">
        <v>7</v>
      </c>
      <c r="AQ7720">
        <v>7</v>
      </c>
    </row>
    <row r="7721" spans="1:43">
      <c r="A7721" t="s">
        <v>4830</v>
      </c>
      <c r="B7721" t="s">
        <v>4831</v>
      </c>
      <c r="C7721" t="s">
        <v>4832</v>
      </c>
      <c r="D7721" t="s">
        <v>4833</v>
      </c>
      <c r="E7721" t="s">
        <v>4592</v>
      </c>
      <c r="F7721" t="s">
        <v>4593</v>
      </c>
      <c r="G7721" t="s">
        <v>80</v>
      </c>
      <c r="H7721" t="s">
        <v>81</v>
      </c>
      <c r="I7721" s="2">
        <v>1</v>
      </c>
      <c r="J7721" s="2">
        <v>0</v>
      </c>
      <c r="K7721" s="2">
        <v>0</v>
      </c>
      <c r="L7721" t="s">
        <v>120</v>
      </c>
      <c r="M7721" t="s">
        <v>83</v>
      </c>
      <c r="N7721" t="s">
        <v>91</v>
      </c>
      <c r="O7721" t="s">
        <v>85</v>
      </c>
      <c r="P7721" t="s">
        <v>86</v>
      </c>
      <c r="Q7721">
        <v>5</v>
      </c>
      <c r="R7721">
        <v>5</v>
      </c>
      <c r="S7721">
        <v>5</v>
      </c>
      <c r="T7721">
        <v>5</v>
      </c>
      <c r="U7721">
        <v>5</v>
      </c>
      <c r="V7721">
        <v>5</v>
      </c>
      <c r="W7721">
        <v>6</v>
      </c>
      <c r="X7721">
        <v>6</v>
      </c>
      <c r="Y7721">
        <v>6</v>
      </c>
      <c r="Z7721">
        <v>6</v>
      </c>
      <c r="AA7721">
        <v>6</v>
      </c>
      <c r="AB7721">
        <v>6</v>
      </c>
      <c r="AC7721">
        <v>6</v>
      </c>
      <c r="AD7721">
        <v>6</v>
      </c>
      <c r="AE7721">
        <v>6</v>
      </c>
      <c r="AF7721">
        <v>6</v>
      </c>
      <c r="AG7721">
        <v>6</v>
      </c>
      <c r="AH7721">
        <v>6</v>
      </c>
      <c r="AI7721">
        <v>6</v>
      </c>
      <c r="AJ7721">
        <v>6</v>
      </c>
      <c r="AK7721">
        <v>7</v>
      </c>
      <c r="AL7721">
        <v>7</v>
      </c>
      <c r="AM7721">
        <v>7</v>
      </c>
      <c r="AN7721">
        <v>7</v>
      </c>
      <c r="AO7721">
        <v>7</v>
      </c>
      <c r="AP7721">
        <v>7</v>
      </c>
      <c r="AQ7721">
        <v>7</v>
      </c>
    </row>
    <row r="7722" spans="1:43">
      <c r="A7722" t="s">
        <v>4834</v>
      </c>
      <c r="B7722" t="s">
        <v>4835</v>
      </c>
      <c r="C7722" t="s">
        <v>4832</v>
      </c>
      <c r="D7722" t="s">
        <v>4833</v>
      </c>
      <c r="E7722" t="s">
        <v>4592</v>
      </c>
      <c r="F7722" t="s">
        <v>4593</v>
      </c>
      <c r="G7722" t="s">
        <v>80</v>
      </c>
      <c r="H7722" t="s">
        <v>81</v>
      </c>
      <c r="I7722" s="2">
        <v>1</v>
      </c>
      <c r="J7722" s="2">
        <v>0</v>
      </c>
      <c r="K7722" s="2">
        <v>0</v>
      </c>
      <c r="L7722" t="s">
        <v>120</v>
      </c>
      <c r="M7722" t="s">
        <v>83</v>
      </c>
      <c r="N7722" t="s">
        <v>84</v>
      </c>
      <c r="O7722" t="s">
        <v>85</v>
      </c>
      <c r="P7722" t="s">
        <v>86</v>
      </c>
      <c r="Q7722">
        <v>94</v>
      </c>
      <c r="R7722">
        <v>96</v>
      </c>
      <c r="S7722">
        <v>97</v>
      </c>
      <c r="T7722">
        <v>99</v>
      </c>
      <c r="U7722">
        <v>100</v>
      </c>
      <c r="V7722">
        <v>102</v>
      </c>
      <c r="W7722">
        <v>103</v>
      </c>
      <c r="X7722">
        <v>105</v>
      </c>
      <c r="Y7722">
        <v>106</v>
      </c>
      <c r="Z7722">
        <v>107</v>
      </c>
      <c r="AA7722">
        <v>109</v>
      </c>
      <c r="AB7722">
        <v>110</v>
      </c>
      <c r="AC7722">
        <v>111</v>
      </c>
      <c r="AD7722">
        <v>113</v>
      </c>
      <c r="AE7722">
        <v>114</v>
      </c>
      <c r="AF7722">
        <v>115</v>
      </c>
      <c r="AG7722">
        <v>116</v>
      </c>
      <c r="AH7722">
        <v>118</v>
      </c>
      <c r="AI7722">
        <v>119</v>
      </c>
      <c r="AJ7722">
        <v>120</v>
      </c>
      <c r="AK7722">
        <v>121</v>
      </c>
      <c r="AL7722">
        <v>122</v>
      </c>
      <c r="AM7722">
        <v>122</v>
      </c>
      <c r="AN7722">
        <v>122</v>
      </c>
      <c r="AO7722">
        <v>122</v>
      </c>
      <c r="AP7722">
        <v>122</v>
      </c>
      <c r="AQ7722">
        <v>122</v>
      </c>
    </row>
    <row r="7723" spans="1:43">
      <c r="A7723" t="s">
        <v>4834</v>
      </c>
      <c r="B7723" t="s">
        <v>4835</v>
      </c>
      <c r="C7723" t="s">
        <v>4832</v>
      </c>
      <c r="D7723" t="s">
        <v>4833</v>
      </c>
      <c r="E7723" t="s">
        <v>4592</v>
      </c>
      <c r="F7723" t="s">
        <v>4593</v>
      </c>
      <c r="G7723" t="s">
        <v>80</v>
      </c>
      <c r="H7723" t="s">
        <v>81</v>
      </c>
      <c r="I7723" s="2">
        <v>1</v>
      </c>
      <c r="J7723" s="2">
        <v>0</v>
      </c>
      <c r="K7723" s="2">
        <v>0</v>
      </c>
      <c r="L7723" t="s">
        <v>120</v>
      </c>
      <c r="M7723" t="s">
        <v>87</v>
      </c>
      <c r="N7723" t="s">
        <v>88</v>
      </c>
      <c r="O7723" t="s">
        <v>85</v>
      </c>
      <c r="P7723" t="s">
        <v>86</v>
      </c>
      <c r="Q7723">
        <v>94</v>
      </c>
      <c r="R7723">
        <v>94</v>
      </c>
      <c r="S7723">
        <v>95</v>
      </c>
      <c r="T7723">
        <v>95</v>
      </c>
      <c r="U7723">
        <v>96</v>
      </c>
      <c r="V7723">
        <v>96</v>
      </c>
      <c r="W7723">
        <v>97</v>
      </c>
      <c r="X7723">
        <v>98</v>
      </c>
      <c r="Y7723">
        <v>98</v>
      </c>
      <c r="Z7723">
        <v>99</v>
      </c>
      <c r="AA7723">
        <v>99</v>
      </c>
      <c r="AB7723">
        <v>100</v>
      </c>
      <c r="AC7723">
        <v>100</v>
      </c>
      <c r="AD7723">
        <v>100</v>
      </c>
      <c r="AE7723">
        <v>101</v>
      </c>
      <c r="AF7723">
        <v>101</v>
      </c>
      <c r="AG7723">
        <v>102</v>
      </c>
      <c r="AH7723">
        <v>102</v>
      </c>
      <c r="AI7723">
        <v>103</v>
      </c>
      <c r="AJ7723">
        <v>103</v>
      </c>
      <c r="AK7723">
        <v>103</v>
      </c>
      <c r="AL7723">
        <v>104</v>
      </c>
      <c r="AM7723">
        <v>104</v>
      </c>
      <c r="AN7723">
        <v>104</v>
      </c>
      <c r="AO7723">
        <v>105</v>
      </c>
      <c r="AP7723">
        <v>105</v>
      </c>
      <c r="AQ7723">
        <v>106</v>
      </c>
    </row>
    <row r="7724" spans="1:43">
      <c r="A7724" t="s">
        <v>4834</v>
      </c>
      <c r="B7724" t="s">
        <v>4835</v>
      </c>
      <c r="C7724" t="s">
        <v>4832</v>
      </c>
      <c r="D7724" t="s">
        <v>4833</v>
      </c>
      <c r="E7724" t="s">
        <v>4592</v>
      </c>
      <c r="F7724" t="s">
        <v>4593</v>
      </c>
      <c r="G7724" t="s">
        <v>80</v>
      </c>
      <c r="H7724" t="s">
        <v>81</v>
      </c>
      <c r="I7724" s="2">
        <v>1</v>
      </c>
      <c r="J7724" s="2">
        <v>0</v>
      </c>
      <c r="K7724" s="2">
        <v>0</v>
      </c>
      <c r="L7724" t="s">
        <v>120</v>
      </c>
      <c r="M7724" t="s">
        <v>89</v>
      </c>
      <c r="N7724" t="s">
        <v>90</v>
      </c>
      <c r="O7724" t="s">
        <v>85</v>
      </c>
      <c r="P7724" t="s">
        <v>86</v>
      </c>
      <c r="Q7724">
        <v>94</v>
      </c>
      <c r="R7724">
        <v>97</v>
      </c>
      <c r="S7724">
        <v>99</v>
      </c>
      <c r="T7724">
        <v>101</v>
      </c>
      <c r="U7724">
        <v>103</v>
      </c>
      <c r="V7724">
        <v>105</v>
      </c>
      <c r="W7724">
        <v>107</v>
      </c>
      <c r="X7724">
        <v>109</v>
      </c>
      <c r="Y7724">
        <v>111</v>
      </c>
      <c r="Z7724">
        <v>113</v>
      </c>
      <c r="AA7724">
        <v>115</v>
      </c>
      <c r="AB7724">
        <v>116</v>
      </c>
      <c r="AC7724">
        <v>118</v>
      </c>
      <c r="AD7724">
        <v>120</v>
      </c>
      <c r="AE7724">
        <v>121</v>
      </c>
      <c r="AF7724">
        <v>121</v>
      </c>
      <c r="AG7724">
        <v>121</v>
      </c>
      <c r="AH7724">
        <v>122</v>
      </c>
      <c r="AI7724">
        <v>122</v>
      </c>
      <c r="AJ7724">
        <v>122</v>
      </c>
      <c r="AK7724">
        <v>122</v>
      </c>
      <c r="AL7724">
        <v>122</v>
      </c>
      <c r="AM7724">
        <v>122</v>
      </c>
      <c r="AN7724">
        <v>122</v>
      </c>
      <c r="AO7724">
        <v>122</v>
      </c>
      <c r="AP7724">
        <v>122</v>
      </c>
      <c r="AQ7724">
        <v>122</v>
      </c>
    </row>
    <row r="7725" spans="1:43">
      <c r="A7725" t="s">
        <v>4834</v>
      </c>
      <c r="B7725" t="s">
        <v>4835</v>
      </c>
      <c r="C7725" t="s">
        <v>4832</v>
      </c>
      <c r="D7725" t="s">
        <v>4833</v>
      </c>
      <c r="E7725" t="s">
        <v>4592</v>
      </c>
      <c r="F7725" t="s">
        <v>4593</v>
      </c>
      <c r="G7725" t="s">
        <v>80</v>
      </c>
      <c r="H7725" t="s">
        <v>81</v>
      </c>
      <c r="I7725" s="2">
        <v>1</v>
      </c>
      <c r="J7725" s="2">
        <v>0</v>
      </c>
      <c r="K7725" s="2">
        <v>0</v>
      </c>
      <c r="L7725" t="s">
        <v>120</v>
      </c>
      <c r="M7725" t="s">
        <v>83</v>
      </c>
      <c r="N7725" t="s">
        <v>91</v>
      </c>
      <c r="O7725" t="s">
        <v>85</v>
      </c>
      <c r="P7725" t="s">
        <v>86</v>
      </c>
      <c r="Q7725">
        <v>94</v>
      </c>
      <c r="R7725">
        <v>96</v>
      </c>
      <c r="S7725">
        <v>97</v>
      </c>
      <c r="T7725">
        <v>99</v>
      </c>
      <c r="U7725">
        <v>100</v>
      </c>
      <c r="V7725">
        <v>102</v>
      </c>
      <c r="W7725">
        <v>103</v>
      </c>
      <c r="X7725">
        <v>105</v>
      </c>
      <c r="Y7725">
        <v>106</v>
      </c>
      <c r="Z7725">
        <v>107</v>
      </c>
      <c r="AA7725">
        <v>109</v>
      </c>
      <c r="AB7725">
        <v>110</v>
      </c>
      <c r="AC7725">
        <v>111</v>
      </c>
      <c r="AD7725">
        <v>113</v>
      </c>
      <c r="AE7725">
        <v>114</v>
      </c>
      <c r="AF7725">
        <v>115</v>
      </c>
      <c r="AG7725">
        <v>116</v>
      </c>
      <c r="AH7725">
        <v>118</v>
      </c>
      <c r="AI7725">
        <v>119</v>
      </c>
      <c r="AJ7725">
        <v>120</v>
      </c>
      <c r="AK7725">
        <v>121</v>
      </c>
      <c r="AL7725">
        <v>122</v>
      </c>
      <c r="AM7725">
        <v>122</v>
      </c>
      <c r="AN7725">
        <v>122</v>
      </c>
      <c r="AO7725">
        <v>122</v>
      </c>
      <c r="AP7725">
        <v>122</v>
      </c>
      <c r="AQ7725">
        <v>122</v>
      </c>
    </row>
    <row r="7726" spans="1:43">
      <c r="A7726" t="s">
        <v>4836</v>
      </c>
      <c r="B7726" t="s">
        <v>4837</v>
      </c>
      <c r="C7726" t="s">
        <v>4824</v>
      </c>
      <c r="D7726" t="s">
        <v>4825</v>
      </c>
      <c r="E7726" t="s">
        <v>4592</v>
      </c>
      <c r="F7726" t="s">
        <v>4593</v>
      </c>
      <c r="G7726" t="s">
        <v>80</v>
      </c>
      <c r="H7726" t="s">
        <v>81</v>
      </c>
      <c r="I7726" s="2">
        <v>1</v>
      </c>
      <c r="J7726" s="2">
        <v>0</v>
      </c>
      <c r="K7726" s="2">
        <v>0</v>
      </c>
      <c r="L7726" t="s">
        <v>120</v>
      </c>
      <c r="M7726" t="s">
        <v>83</v>
      </c>
      <c r="N7726" t="s">
        <v>84</v>
      </c>
      <c r="O7726" t="s">
        <v>85</v>
      </c>
      <c r="P7726" t="s">
        <v>86</v>
      </c>
      <c r="Q7726">
        <v>9</v>
      </c>
      <c r="R7726">
        <v>9</v>
      </c>
      <c r="S7726">
        <v>9</v>
      </c>
      <c r="T7726">
        <v>9</v>
      </c>
      <c r="U7726">
        <v>9</v>
      </c>
      <c r="V7726">
        <v>9</v>
      </c>
      <c r="W7726">
        <v>9</v>
      </c>
      <c r="X7726">
        <v>9</v>
      </c>
      <c r="Y7726">
        <v>10</v>
      </c>
      <c r="Z7726">
        <v>10</v>
      </c>
      <c r="AA7726">
        <v>10</v>
      </c>
      <c r="AB7726">
        <v>10</v>
      </c>
      <c r="AC7726">
        <v>10</v>
      </c>
      <c r="AD7726">
        <v>10</v>
      </c>
      <c r="AE7726">
        <v>10</v>
      </c>
      <c r="AF7726">
        <v>10</v>
      </c>
      <c r="AG7726">
        <v>10</v>
      </c>
      <c r="AH7726">
        <v>11</v>
      </c>
      <c r="AI7726">
        <v>11</v>
      </c>
      <c r="AJ7726">
        <v>11</v>
      </c>
      <c r="AK7726">
        <v>11</v>
      </c>
      <c r="AL7726">
        <v>11</v>
      </c>
      <c r="AM7726">
        <v>11</v>
      </c>
      <c r="AN7726">
        <v>11</v>
      </c>
      <c r="AO7726">
        <v>11</v>
      </c>
      <c r="AP7726">
        <v>11</v>
      </c>
      <c r="AQ7726">
        <v>11</v>
      </c>
    </row>
    <row r="7727" spans="1:43">
      <c r="A7727" t="s">
        <v>4836</v>
      </c>
      <c r="B7727" t="s">
        <v>4837</v>
      </c>
      <c r="C7727" t="s">
        <v>4824</v>
      </c>
      <c r="D7727" t="s">
        <v>4825</v>
      </c>
      <c r="E7727" t="s">
        <v>4592</v>
      </c>
      <c r="F7727" t="s">
        <v>4593</v>
      </c>
      <c r="G7727" t="s">
        <v>80</v>
      </c>
      <c r="H7727" t="s">
        <v>81</v>
      </c>
      <c r="I7727" s="2">
        <v>1</v>
      </c>
      <c r="J7727" s="2">
        <v>0</v>
      </c>
      <c r="K7727" s="2">
        <v>0</v>
      </c>
      <c r="L7727" t="s">
        <v>120</v>
      </c>
      <c r="M7727" t="s">
        <v>87</v>
      </c>
      <c r="N7727" t="s">
        <v>88</v>
      </c>
      <c r="O7727" t="s">
        <v>85</v>
      </c>
      <c r="P7727" t="s">
        <v>86</v>
      </c>
      <c r="Q7727">
        <v>9</v>
      </c>
      <c r="R7727">
        <v>10</v>
      </c>
      <c r="S7727">
        <v>10</v>
      </c>
      <c r="T7727">
        <v>10</v>
      </c>
      <c r="U7727">
        <v>10</v>
      </c>
      <c r="V7727">
        <v>10</v>
      </c>
      <c r="W7727">
        <v>10</v>
      </c>
      <c r="X7727">
        <v>10</v>
      </c>
      <c r="Y7727">
        <v>10</v>
      </c>
      <c r="Z7727">
        <v>10</v>
      </c>
      <c r="AA7727">
        <v>10</v>
      </c>
      <c r="AB7727">
        <v>10</v>
      </c>
      <c r="AC7727">
        <v>10</v>
      </c>
      <c r="AD7727">
        <v>10</v>
      </c>
      <c r="AE7727">
        <v>10</v>
      </c>
      <c r="AF7727">
        <v>10</v>
      </c>
      <c r="AG7727">
        <v>10</v>
      </c>
      <c r="AH7727">
        <v>10</v>
      </c>
      <c r="AI7727">
        <v>10</v>
      </c>
      <c r="AJ7727">
        <v>10</v>
      </c>
      <c r="AK7727">
        <v>10</v>
      </c>
      <c r="AL7727">
        <v>10</v>
      </c>
      <c r="AM7727">
        <v>10</v>
      </c>
      <c r="AN7727">
        <v>10</v>
      </c>
      <c r="AO7727">
        <v>10</v>
      </c>
      <c r="AP7727">
        <v>10</v>
      </c>
      <c r="AQ7727">
        <v>10</v>
      </c>
    </row>
    <row r="7728" spans="1:43">
      <c r="A7728" t="s">
        <v>4836</v>
      </c>
      <c r="B7728" t="s">
        <v>4837</v>
      </c>
      <c r="C7728" t="s">
        <v>4824</v>
      </c>
      <c r="D7728" t="s">
        <v>4825</v>
      </c>
      <c r="E7728" t="s">
        <v>4592</v>
      </c>
      <c r="F7728" t="s">
        <v>4593</v>
      </c>
      <c r="G7728" t="s">
        <v>80</v>
      </c>
      <c r="H7728" t="s">
        <v>81</v>
      </c>
      <c r="I7728" s="2">
        <v>1</v>
      </c>
      <c r="J7728" s="2">
        <v>0</v>
      </c>
      <c r="K7728" s="2">
        <v>0</v>
      </c>
      <c r="L7728" t="s">
        <v>120</v>
      </c>
      <c r="M7728" t="s">
        <v>89</v>
      </c>
      <c r="N7728" t="s">
        <v>90</v>
      </c>
      <c r="O7728" t="s">
        <v>85</v>
      </c>
      <c r="P7728" t="s">
        <v>86</v>
      </c>
      <c r="Q7728">
        <v>9</v>
      </c>
      <c r="R7728">
        <v>9</v>
      </c>
      <c r="S7728">
        <v>9</v>
      </c>
      <c r="T7728">
        <v>9</v>
      </c>
      <c r="U7728">
        <v>9</v>
      </c>
      <c r="V7728">
        <v>10</v>
      </c>
      <c r="W7728">
        <v>10</v>
      </c>
      <c r="X7728">
        <v>10</v>
      </c>
      <c r="Y7728">
        <v>10</v>
      </c>
      <c r="Z7728">
        <v>10</v>
      </c>
      <c r="AA7728">
        <v>10</v>
      </c>
      <c r="AB7728">
        <v>11</v>
      </c>
      <c r="AC7728">
        <v>11</v>
      </c>
      <c r="AD7728">
        <v>11</v>
      </c>
      <c r="AE7728">
        <v>11</v>
      </c>
      <c r="AF7728">
        <v>11</v>
      </c>
      <c r="AG7728">
        <v>11</v>
      </c>
      <c r="AH7728">
        <v>11</v>
      </c>
      <c r="AI7728">
        <v>11</v>
      </c>
      <c r="AJ7728">
        <v>11</v>
      </c>
      <c r="AK7728">
        <v>11</v>
      </c>
      <c r="AL7728">
        <v>11</v>
      </c>
      <c r="AM7728">
        <v>11</v>
      </c>
      <c r="AN7728">
        <v>11</v>
      </c>
      <c r="AO7728">
        <v>11</v>
      </c>
      <c r="AP7728">
        <v>11</v>
      </c>
      <c r="AQ7728">
        <v>11</v>
      </c>
    </row>
    <row r="7729" spans="1:43">
      <c r="A7729" t="s">
        <v>4836</v>
      </c>
      <c r="B7729" t="s">
        <v>4837</v>
      </c>
      <c r="C7729" t="s">
        <v>4824</v>
      </c>
      <c r="D7729" t="s">
        <v>4825</v>
      </c>
      <c r="E7729" t="s">
        <v>4592</v>
      </c>
      <c r="F7729" t="s">
        <v>4593</v>
      </c>
      <c r="G7729" t="s">
        <v>80</v>
      </c>
      <c r="H7729" t="s">
        <v>81</v>
      </c>
      <c r="I7729" s="2">
        <v>1</v>
      </c>
      <c r="J7729" s="2">
        <v>0</v>
      </c>
      <c r="K7729" s="2">
        <v>0</v>
      </c>
      <c r="L7729" t="s">
        <v>120</v>
      </c>
      <c r="M7729" t="s">
        <v>83</v>
      </c>
      <c r="N7729" t="s">
        <v>91</v>
      </c>
      <c r="O7729" t="s">
        <v>85</v>
      </c>
      <c r="P7729" t="s">
        <v>86</v>
      </c>
      <c r="Q7729">
        <v>9</v>
      </c>
      <c r="R7729">
        <v>9</v>
      </c>
      <c r="S7729">
        <v>9</v>
      </c>
      <c r="T7729">
        <v>9</v>
      </c>
      <c r="U7729">
        <v>9</v>
      </c>
      <c r="V7729">
        <v>9</v>
      </c>
      <c r="W7729">
        <v>9</v>
      </c>
      <c r="X7729">
        <v>9</v>
      </c>
      <c r="Y7729">
        <v>10</v>
      </c>
      <c r="Z7729">
        <v>10</v>
      </c>
      <c r="AA7729">
        <v>10</v>
      </c>
      <c r="AB7729">
        <v>10</v>
      </c>
      <c r="AC7729">
        <v>10</v>
      </c>
      <c r="AD7729">
        <v>10</v>
      </c>
      <c r="AE7729">
        <v>10</v>
      </c>
      <c r="AF7729">
        <v>10</v>
      </c>
      <c r="AG7729">
        <v>10</v>
      </c>
      <c r="AH7729">
        <v>11</v>
      </c>
      <c r="AI7729">
        <v>11</v>
      </c>
      <c r="AJ7729">
        <v>11</v>
      </c>
      <c r="AK7729">
        <v>11</v>
      </c>
      <c r="AL7729">
        <v>11</v>
      </c>
      <c r="AM7729">
        <v>11</v>
      </c>
      <c r="AN7729">
        <v>11</v>
      </c>
      <c r="AO7729">
        <v>11</v>
      </c>
      <c r="AP7729">
        <v>11</v>
      </c>
      <c r="AQ7729">
        <v>11</v>
      </c>
    </row>
    <row r="7730" spans="1:43">
      <c r="A7730" t="s">
        <v>4838</v>
      </c>
      <c r="B7730" t="s">
        <v>4839</v>
      </c>
      <c r="C7730" t="s">
        <v>4840</v>
      </c>
      <c r="D7730" t="s">
        <v>4841</v>
      </c>
      <c r="E7730" t="s">
        <v>4592</v>
      </c>
      <c r="F7730" t="s">
        <v>4593</v>
      </c>
      <c r="G7730" t="s">
        <v>80</v>
      </c>
      <c r="H7730" t="s">
        <v>81</v>
      </c>
      <c r="I7730" s="2">
        <v>1</v>
      </c>
      <c r="J7730" s="2">
        <v>0</v>
      </c>
      <c r="K7730" s="2">
        <v>0</v>
      </c>
      <c r="L7730" t="s">
        <v>120</v>
      </c>
      <c r="M7730" t="s">
        <v>83</v>
      </c>
      <c r="N7730" t="s">
        <v>84</v>
      </c>
      <c r="O7730" t="s">
        <v>85</v>
      </c>
      <c r="P7730" t="s">
        <v>86</v>
      </c>
      <c r="Q7730">
        <v>0</v>
      </c>
      <c r="R7730">
        <v>0</v>
      </c>
      <c r="S7730">
        <v>0</v>
      </c>
      <c r="T7730">
        <v>0</v>
      </c>
      <c r="U7730">
        <v>0</v>
      </c>
      <c r="V7730">
        <v>0</v>
      </c>
      <c r="W7730">
        <v>0</v>
      </c>
      <c r="X7730">
        <v>0</v>
      </c>
      <c r="Y7730">
        <v>0</v>
      </c>
      <c r="Z7730">
        <v>0</v>
      </c>
      <c r="AA7730">
        <v>0</v>
      </c>
      <c r="AB7730">
        <v>0</v>
      </c>
      <c r="AC7730">
        <v>0</v>
      </c>
      <c r="AD7730">
        <v>0</v>
      </c>
      <c r="AE7730">
        <v>0</v>
      </c>
      <c r="AF7730">
        <v>0</v>
      </c>
      <c r="AG7730">
        <v>0</v>
      </c>
      <c r="AH7730">
        <v>0</v>
      </c>
      <c r="AI7730">
        <v>0</v>
      </c>
      <c r="AJ7730">
        <v>0</v>
      </c>
      <c r="AK7730">
        <v>0</v>
      </c>
      <c r="AL7730">
        <v>0</v>
      </c>
      <c r="AM7730">
        <v>0</v>
      </c>
      <c r="AN7730">
        <v>0</v>
      </c>
      <c r="AO7730">
        <v>0</v>
      </c>
      <c r="AP7730">
        <v>0</v>
      </c>
      <c r="AQ7730">
        <v>0</v>
      </c>
    </row>
    <row r="7731" spans="1:43">
      <c r="A7731" t="s">
        <v>4838</v>
      </c>
      <c r="B7731" t="s">
        <v>4839</v>
      </c>
      <c r="C7731" t="s">
        <v>4840</v>
      </c>
      <c r="D7731" t="s">
        <v>4841</v>
      </c>
      <c r="E7731" t="s">
        <v>4592</v>
      </c>
      <c r="F7731" t="s">
        <v>4593</v>
      </c>
      <c r="G7731" t="s">
        <v>80</v>
      </c>
      <c r="H7731" t="s">
        <v>81</v>
      </c>
      <c r="I7731" s="2">
        <v>1</v>
      </c>
      <c r="J7731" s="2">
        <v>0</v>
      </c>
      <c r="K7731" s="2">
        <v>0</v>
      </c>
      <c r="L7731" t="s">
        <v>120</v>
      </c>
      <c r="M7731" t="s">
        <v>87</v>
      </c>
      <c r="N7731" t="s">
        <v>88</v>
      </c>
      <c r="O7731" t="s">
        <v>85</v>
      </c>
      <c r="P7731" t="s">
        <v>86</v>
      </c>
      <c r="Q7731">
        <v>0</v>
      </c>
      <c r="R7731">
        <v>0</v>
      </c>
      <c r="S7731">
        <v>0</v>
      </c>
      <c r="T7731">
        <v>0</v>
      </c>
      <c r="U7731">
        <v>0</v>
      </c>
      <c r="V7731">
        <v>0</v>
      </c>
      <c r="W7731">
        <v>0</v>
      </c>
      <c r="X7731">
        <v>0</v>
      </c>
      <c r="Y7731">
        <v>0</v>
      </c>
      <c r="Z7731">
        <v>0</v>
      </c>
      <c r="AA7731">
        <v>0</v>
      </c>
      <c r="AB7731">
        <v>0</v>
      </c>
      <c r="AC7731">
        <v>0</v>
      </c>
      <c r="AD7731">
        <v>0</v>
      </c>
      <c r="AE7731">
        <v>0</v>
      </c>
      <c r="AF7731">
        <v>0</v>
      </c>
      <c r="AG7731">
        <v>0</v>
      </c>
      <c r="AH7731">
        <v>0</v>
      </c>
      <c r="AI7731">
        <v>0</v>
      </c>
      <c r="AJ7731">
        <v>0</v>
      </c>
      <c r="AK7731">
        <v>0</v>
      </c>
      <c r="AL7731">
        <v>0</v>
      </c>
      <c r="AM7731">
        <v>0</v>
      </c>
      <c r="AN7731">
        <v>0</v>
      </c>
      <c r="AO7731">
        <v>0</v>
      </c>
      <c r="AP7731">
        <v>0</v>
      </c>
      <c r="AQ7731">
        <v>0</v>
      </c>
    </row>
    <row r="7732" spans="1:43">
      <c r="A7732" t="s">
        <v>4838</v>
      </c>
      <c r="B7732" t="s">
        <v>4839</v>
      </c>
      <c r="C7732" t="s">
        <v>4840</v>
      </c>
      <c r="D7732" t="s">
        <v>4841</v>
      </c>
      <c r="E7732" t="s">
        <v>4592</v>
      </c>
      <c r="F7732" t="s">
        <v>4593</v>
      </c>
      <c r="G7732" t="s">
        <v>80</v>
      </c>
      <c r="H7732" t="s">
        <v>81</v>
      </c>
      <c r="I7732" s="2">
        <v>1</v>
      </c>
      <c r="J7732" s="2">
        <v>0</v>
      </c>
      <c r="K7732" s="2">
        <v>0</v>
      </c>
      <c r="L7732" t="s">
        <v>120</v>
      </c>
      <c r="M7732" t="s">
        <v>89</v>
      </c>
      <c r="N7732" t="s">
        <v>90</v>
      </c>
      <c r="O7732" t="s">
        <v>85</v>
      </c>
      <c r="P7732" t="s">
        <v>86</v>
      </c>
      <c r="Q7732">
        <v>0</v>
      </c>
      <c r="R7732">
        <v>0</v>
      </c>
      <c r="S7732">
        <v>0</v>
      </c>
      <c r="T7732">
        <v>0</v>
      </c>
      <c r="U7732">
        <v>0</v>
      </c>
      <c r="V7732">
        <v>0</v>
      </c>
      <c r="W7732">
        <v>0</v>
      </c>
      <c r="X7732">
        <v>0</v>
      </c>
      <c r="Y7732">
        <v>0</v>
      </c>
      <c r="Z7732">
        <v>0</v>
      </c>
      <c r="AA7732">
        <v>0</v>
      </c>
      <c r="AB7732">
        <v>0</v>
      </c>
      <c r="AC7732">
        <v>0</v>
      </c>
      <c r="AD7732">
        <v>0</v>
      </c>
      <c r="AE7732">
        <v>0</v>
      </c>
      <c r="AF7732">
        <v>0</v>
      </c>
      <c r="AG7732">
        <v>0</v>
      </c>
      <c r="AH7732">
        <v>0</v>
      </c>
      <c r="AI7732">
        <v>0</v>
      </c>
      <c r="AJ7732">
        <v>0</v>
      </c>
      <c r="AK7732">
        <v>0</v>
      </c>
      <c r="AL7732">
        <v>0</v>
      </c>
      <c r="AM7732">
        <v>0</v>
      </c>
      <c r="AN7732">
        <v>0</v>
      </c>
      <c r="AO7732">
        <v>0</v>
      </c>
      <c r="AP7732">
        <v>0</v>
      </c>
      <c r="AQ7732">
        <v>0</v>
      </c>
    </row>
    <row r="7733" spans="1:43">
      <c r="A7733" t="s">
        <v>4838</v>
      </c>
      <c r="B7733" t="s">
        <v>4839</v>
      </c>
      <c r="C7733" t="s">
        <v>4840</v>
      </c>
      <c r="D7733" t="s">
        <v>4841</v>
      </c>
      <c r="E7733" t="s">
        <v>4592</v>
      </c>
      <c r="F7733" t="s">
        <v>4593</v>
      </c>
      <c r="G7733" t="s">
        <v>80</v>
      </c>
      <c r="H7733" t="s">
        <v>81</v>
      </c>
      <c r="I7733" s="2">
        <v>1</v>
      </c>
      <c r="J7733" s="2">
        <v>0</v>
      </c>
      <c r="K7733" s="2">
        <v>0</v>
      </c>
      <c r="L7733" t="s">
        <v>120</v>
      </c>
      <c r="M7733" t="s">
        <v>83</v>
      </c>
      <c r="N7733" t="s">
        <v>91</v>
      </c>
      <c r="O7733" t="s">
        <v>85</v>
      </c>
      <c r="P7733" t="s">
        <v>86</v>
      </c>
      <c r="Q7733">
        <v>0</v>
      </c>
      <c r="R7733">
        <v>0</v>
      </c>
      <c r="S7733">
        <v>0</v>
      </c>
      <c r="T7733">
        <v>0</v>
      </c>
      <c r="U7733">
        <v>0</v>
      </c>
      <c r="V7733">
        <v>0</v>
      </c>
      <c r="W7733">
        <v>0</v>
      </c>
      <c r="X7733">
        <v>0</v>
      </c>
      <c r="Y7733">
        <v>0</v>
      </c>
      <c r="Z7733">
        <v>0</v>
      </c>
      <c r="AA7733">
        <v>0</v>
      </c>
      <c r="AB7733">
        <v>0</v>
      </c>
      <c r="AC7733">
        <v>0</v>
      </c>
      <c r="AD7733">
        <v>0</v>
      </c>
      <c r="AE7733">
        <v>0</v>
      </c>
      <c r="AF7733">
        <v>0</v>
      </c>
      <c r="AG7733">
        <v>0</v>
      </c>
      <c r="AH7733">
        <v>0</v>
      </c>
      <c r="AI7733">
        <v>0</v>
      </c>
      <c r="AJ7733">
        <v>0</v>
      </c>
      <c r="AK7733">
        <v>0</v>
      </c>
      <c r="AL7733">
        <v>0</v>
      </c>
      <c r="AM7733">
        <v>0</v>
      </c>
      <c r="AN7733">
        <v>0</v>
      </c>
      <c r="AO7733">
        <v>0</v>
      </c>
      <c r="AP7733">
        <v>0</v>
      </c>
      <c r="AQ7733">
        <v>0</v>
      </c>
    </row>
    <row r="7734" spans="1:43">
      <c r="A7734" t="s">
        <v>4842</v>
      </c>
      <c r="B7734" t="s">
        <v>4843</v>
      </c>
      <c r="C7734" t="s">
        <v>4840</v>
      </c>
      <c r="D7734" t="s">
        <v>4841</v>
      </c>
      <c r="E7734" t="s">
        <v>4592</v>
      </c>
      <c r="F7734" t="s">
        <v>4593</v>
      </c>
      <c r="G7734" t="s">
        <v>80</v>
      </c>
      <c r="H7734" t="s">
        <v>81</v>
      </c>
      <c r="I7734" s="2">
        <v>1</v>
      </c>
      <c r="J7734" s="2">
        <v>0</v>
      </c>
      <c r="K7734" s="2">
        <v>0</v>
      </c>
      <c r="L7734" t="s">
        <v>120</v>
      </c>
      <c r="M7734" t="s">
        <v>83</v>
      </c>
      <c r="N7734" t="s">
        <v>84</v>
      </c>
      <c r="O7734" t="s">
        <v>85</v>
      </c>
      <c r="P7734" t="s">
        <v>86</v>
      </c>
      <c r="Q7734">
        <v>77</v>
      </c>
      <c r="R7734">
        <v>78</v>
      </c>
      <c r="S7734">
        <v>80</v>
      </c>
      <c r="T7734">
        <v>81</v>
      </c>
      <c r="U7734">
        <v>82</v>
      </c>
      <c r="V7734">
        <v>83</v>
      </c>
      <c r="W7734">
        <v>84</v>
      </c>
      <c r="X7734">
        <v>85</v>
      </c>
      <c r="Y7734">
        <v>86</v>
      </c>
      <c r="Z7734">
        <v>88</v>
      </c>
      <c r="AA7734">
        <v>89</v>
      </c>
      <c r="AB7734">
        <v>90</v>
      </c>
      <c r="AC7734">
        <v>91</v>
      </c>
      <c r="AD7734">
        <v>92</v>
      </c>
      <c r="AE7734">
        <v>93</v>
      </c>
      <c r="AF7734">
        <v>94</v>
      </c>
      <c r="AG7734">
        <v>95</v>
      </c>
      <c r="AH7734">
        <v>96</v>
      </c>
      <c r="AI7734">
        <v>97</v>
      </c>
      <c r="AJ7734">
        <v>98</v>
      </c>
      <c r="AK7734">
        <v>99</v>
      </c>
      <c r="AL7734">
        <v>99</v>
      </c>
      <c r="AM7734">
        <v>99</v>
      </c>
      <c r="AN7734">
        <v>99</v>
      </c>
      <c r="AO7734">
        <v>99</v>
      </c>
      <c r="AP7734">
        <v>99</v>
      </c>
      <c r="AQ7734">
        <v>99</v>
      </c>
    </row>
    <row r="7735" spans="1:43">
      <c r="A7735" t="s">
        <v>4842</v>
      </c>
      <c r="B7735" t="s">
        <v>4843</v>
      </c>
      <c r="C7735" t="s">
        <v>4840</v>
      </c>
      <c r="D7735" t="s">
        <v>4841</v>
      </c>
      <c r="E7735" t="s">
        <v>4592</v>
      </c>
      <c r="F7735" t="s">
        <v>4593</v>
      </c>
      <c r="G7735" t="s">
        <v>80</v>
      </c>
      <c r="H7735" t="s">
        <v>81</v>
      </c>
      <c r="I7735" s="2">
        <v>1</v>
      </c>
      <c r="J7735" s="2">
        <v>0</v>
      </c>
      <c r="K7735" s="2">
        <v>0</v>
      </c>
      <c r="L7735" t="s">
        <v>120</v>
      </c>
      <c r="M7735" t="s">
        <v>87</v>
      </c>
      <c r="N7735" t="s">
        <v>88</v>
      </c>
      <c r="O7735" t="s">
        <v>85</v>
      </c>
      <c r="P7735" t="s">
        <v>86</v>
      </c>
      <c r="Q7735">
        <v>77</v>
      </c>
      <c r="R7735">
        <v>78</v>
      </c>
      <c r="S7735">
        <v>78</v>
      </c>
      <c r="T7735">
        <v>79</v>
      </c>
      <c r="U7735">
        <v>79</v>
      </c>
      <c r="V7735">
        <v>80</v>
      </c>
      <c r="W7735">
        <v>80</v>
      </c>
      <c r="X7735">
        <v>81</v>
      </c>
      <c r="Y7735">
        <v>81</v>
      </c>
      <c r="Z7735">
        <v>81</v>
      </c>
      <c r="AA7735">
        <v>82</v>
      </c>
      <c r="AB7735">
        <v>82</v>
      </c>
      <c r="AC7735">
        <v>83</v>
      </c>
      <c r="AD7735">
        <v>83</v>
      </c>
      <c r="AE7735">
        <v>83</v>
      </c>
      <c r="AF7735">
        <v>84</v>
      </c>
      <c r="AG7735">
        <v>84</v>
      </c>
      <c r="AH7735">
        <v>84</v>
      </c>
      <c r="AI7735">
        <v>85</v>
      </c>
      <c r="AJ7735">
        <v>85</v>
      </c>
      <c r="AK7735">
        <v>85</v>
      </c>
      <c r="AL7735">
        <v>86</v>
      </c>
      <c r="AM7735">
        <v>86</v>
      </c>
      <c r="AN7735">
        <v>86</v>
      </c>
      <c r="AO7735">
        <v>86</v>
      </c>
      <c r="AP7735">
        <v>87</v>
      </c>
      <c r="AQ7735">
        <v>87</v>
      </c>
    </row>
    <row r="7736" spans="1:43">
      <c r="A7736" t="s">
        <v>4842</v>
      </c>
      <c r="B7736" t="s">
        <v>4843</v>
      </c>
      <c r="C7736" t="s">
        <v>4840</v>
      </c>
      <c r="D7736" t="s">
        <v>4841</v>
      </c>
      <c r="E7736" t="s">
        <v>4592</v>
      </c>
      <c r="F7736" t="s">
        <v>4593</v>
      </c>
      <c r="G7736" t="s">
        <v>80</v>
      </c>
      <c r="H7736" t="s">
        <v>81</v>
      </c>
      <c r="I7736" s="2">
        <v>1</v>
      </c>
      <c r="J7736" s="2">
        <v>0</v>
      </c>
      <c r="K7736" s="2">
        <v>0</v>
      </c>
      <c r="L7736" t="s">
        <v>120</v>
      </c>
      <c r="M7736" t="s">
        <v>89</v>
      </c>
      <c r="N7736" t="s">
        <v>90</v>
      </c>
      <c r="O7736" t="s">
        <v>85</v>
      </c>
      <c r="P7736" t="s">
        <v>86</v>
      </c>
      <c r="Q7736">
        <v>77</v>
      </c>
      <c r="R7736">
        <v>79</v>
      </c>
      <c r="S7736">
        <v>81</v>
      </c>
      <c r="T7736">
        <v>82</v>
      </c>
      <c r="U7736">
        <v>84</v>
      </c>
      <c r="V7736">
        <v>86</v>
      </c>
      <c r="W7736">
        <v>87</v>
      </c>
      <c r="X7736">
        <v>89</v>
      </c>
      <c r="Y7736">
        <v>91</v>
      </c>
      <c r="Z7736">
        <v>92</v>
      </c>
      <c r="AA7736">
        <v>93</v>
      </c>
      <c r="AB7736">
        <v>95</v>
      </c>
      <c r="AC7736">
        <v>96</v>
      </c>
      <c r="AD7736">
        <v>98</v>
      </c>
      <c r="AE7736">
        <v>99</v>
      </c>
      <c r="AF7736">
        <v>99</v>
      </c>
      <c r="AG7736">
        <v>99</v>
      </c>
      <c r="AH7736">
        <v>99</v>
      </c>
      <c r="AI7736">
        <v>99</v>
      </c>
      <c r="AJ7736">
        <v>99</v>
      </c>
      <c r="AK7736">
        <v>99</v>
      </c>
      <c r="AL7736">
        <v>99</v>
      </c>
      <c r="AM7736">
        <v>99</v>
      </c>
      <c r="AN7736">
        <v>99</v>
      </c>
      <c r="AO7736">
        <v>99</v>
      </c>
      <c r="AP7736">
        <v>99</v>
      </c>
      <c r="AQ7736">
        <v>99</v>
      </c>
    </row>
    <row r="7737" spans="1:43">
      <c r="A7737" t="s">
        <v>4842</v>
      </c>
      <c r="B7737" t="s">
        <v>4843</v>
      </c>
      <c r="C7737" t="s">
        <v>4840</v>
      </c>
      <c r="D7737" t="s">
        <v>4841</v>
      </c>
      <c r="E7737" t="s">
        <v>4592</v>
      </c>
      <c r="F7737" t="s">
        <v>4593</v>
      </c>
      <c r="G7737" t="s">
        <v>80</v>
      </c>
      <c r="H7737" t="s">
        <v>81</v>
      </c>
      <c r="I7737" s="2">
        <v>1</v>
      </c>
      <c r="J7737" s="2">
        <v>0</v>
      </c>
      <c r="K7737" s="2">
        <v>0</v>
      </c>
      <c r="L7737" t="s">
        <v>120</v>
      </c>
      <c r="M7737" t="s">
        <v>83</v>
      </c>
      <c r="N7737" t="s">
        <v>91</v>
      </c>
      <c r="O7737" t="s">
        <v>85</v>
      </c>
      <c r="P7737" t="s">
        <v>86</v>
      </c>
      <c r="Q7737">
        <v>77</v>
      </c>
      <c r="R7737">
        <v>78</v>
      </c>
      <c r="S7737">
        <v>80</v>
      </c>
      <c r="T7737">
        <v>81</v>
      </c>
      <c r="U7737">
        <v>82</v>
      </c>
      <c r="V7737">
        <v>83</v>
      </c>
      <c r="W7737">
        <v>84</v>
      </c>
      <c r="X7737">
        <v>85</v>
      </c>
      <c r="Y7737">
        <v>86</v>
      </c>
      <c r="Z7737">
        <v>88</v>
      </c>
      <c r="AA7737">
        <v>89</v>
      </c>
      <c r="AB7737">
        <v>90</v>
      </c>
      <c r="AC7737">
        <v>91</v>
      </c>
      <c r="AD7737">
        <v>92</v>
      </c>
      <c r="AE7737">
        <v>93</v>
      </c>
      <c r="AF7737">
        <v>94</v>
      </c>
      <c r="AG7737">
        <v>95</v>
      </c>
      <c r="AH7737">
        <v>96</v>
      </c>
      <c r="AI7737">
        <v>97</v>
      </c>
      <c r="AJ7737">
        <v>98</v>
      </c>
      <c r="AK7737">
        <v>99</v>
      </c>
      <c r="AL7737">
        <v>99</v>
      </c>
      <c r="AM7737">
        <v>99</v>
      </c>
      <c r="AN7737">
        <v>99</v>
      </c>
      <c r="AO7737">
        <v>99</v>
      </c>
      <c r="AP7737">
        <v>99</v>
      </c>
      <c r="AQ7737">
        <v>99</v>
      </c>
    </row>
    <row r="7738" spans="1:43">
      <c r="A7738" t="s">
        <v>4844</v>
      </c>
      <c r="B7738" t="s">
        <v>4845</v>
      </c>
      <c r="C7738" t="s">
        <v>4846</v>
      </c>
      <c r="D7738" t="s">
        <v>4847</v>
      </c>
      <c r="E7738" t="s">
        <v>4592</v>
      </c>
      <c r="F7738" t="s">
        <v>4593</v>
      </c>
      <c r="G7738" t="s">
        <v>80</v>
      </c>
      <c r="H7738" t="s">
        <v>81</v>
      </c>
      <c r="I7738" s="2">
        <v>1</v>
      </c>
      <c r="J7738" s="2">
        <v>0</v>
      </c>
      <c r="K7738" s="2">
        <v>0</v>
      </c>
      <c r="L7738" t="s">
        <v>120</v>
      </c>
      <c r="M7738" t="s">
        <v>83</v>
      </c>
      <c r="N7738" t="s">
        <v>84</v>
      </c>
      <c r="O7738" t="s">
        <v>85</v>
      </c>
      <c r="P7738" t="s">
        <v>86</v>
      </c>
      <c r="Q7738">
        <v>13</v>
      </c>
      <c r="R7738">
        <v>14</v>
      </c>
      <c r="S7738">
        <v>14</v>
      </c>
      <c r="T7738">
        <v>14</v>
      </c>
      <c r="U7738">
        <v>14</v>
      </c>
      <c r="V7738">
        <v>14</v>
      </c>
      <c r="W7738">
        <v>15</v>
      </c>
      <c r="X7738">
        <v>15</v>
      </c>
      <c r="Y7738">
        <v>15</v>
      </c>
      <c r="Z7738">
        <v>15</v>
      </c>
      <c r="AA7738">
        <v>15</v>
      </c>
      <c r="AB7738">
        <v>16</v>
      </c>
      <c r="AC7738">
        <v>16</v>
      </c>
      <c r="AD7738">
        <v>16</v>
      </c>
      <c r="AE7738">
        <v>16</v>
      </c>
      <c r="AF7738">
        <v>16</v>
      </c>
      <c r="AG7738">
        <v>16</v>
      </c>
      <c r="AH7738">
        <v>17</v>
      </c>
      <c r="AI7738">
        <v>17</v>
      </c>
      <c r="AJ7738">
        <v>17</v>
      </c>
      <c r="AK7738">
        <v>17</v>
      </c>
      <c r="AL7738">
        <v>17</v>
      </c>
      <c r="AM7738">
        <v>17</v>
      </c>
      <c r="AN7738">
        <v>17</v>
      </c>
      <c r="AO7738">
        <v>17</v>
      </c>
      <c r="AP7738">
        <v>17</v>
      </c>
      <c r="AQ7738">
        <v>17</v>
      </c>
    </row>
    <row r="7739" spans="1:43">
      <c r="A7739" t="s">
        <v>4844</v>
      </c>
      <c r="B7739" t="s">
        <v>4845</v>
      </c>
      <c r="C7739" t="s">
        <v>4846</v>
      </c>
      <c r="D7739" t="s">
        <v>4847</v>
      </c>
      <c r="E7739" t="s">
        <v>4592</v>
      </c>
      <c r="F7739" t="s">
        <v>4593</v>
      </c>
      <c r="G7739" t="s">
        <v>80</v>
      </c>
      <c r="H7739" t="s">
        <v>81</v>
      </c>
      <c r="I7739" s="2">
        <v>1</v>
      </c>
      <c r="J7739" s="2">
        <v>0</v>
      </c>
      <c r="K7739" s="2">
        <v>0</v>
      </c>
      <c r="L7739" t="s">
        <v>120</v>
      </c>
      <c r="M7739" t="s">
        <v>87</v>
      </c>
      <c r="N7739" t="s">
        <v>88</v>
      </c>
      <c r="O7739" t="s">
        <v>85</v>
      </c>
      <c r="P7739" t="s">
        <v>86</v>
      </c>
      <c r="Q7739">
        <v>13</v>
      </c>
      <c r="R7739">
        <v>13</v>
      </c>
      <c r="S7739">
        <v>13</v>
      </c>
      <c r="T7739">
        <v>13</v>
      </c>
      <c r="U7739">
        <v>14</v>
      </c>
      <c r="V7739">
        <v>14</v>
      </c>
      <c r="W7739">
        <v>14</v>
      </c>
      <c r="X7739">
        <v>14</v>
      </c>
      <c r="Y7739">
        <v>14</v>
      </c>
      <c r="Z7739">
        <v>14</v>
      </c>
      <c r="AA7739">
        <v>14</v>
      </c>
      <c r="AB7739">
        <v>14</v>
      </c>
      <c r="AC7739">
        <v>14</v>
      </c>
      <c r="AD7739">
        <v>14</v>
      </c>
      <c r="AE7739">
        <v>14</v>
      </c>
      <c r="AF7739">
        <v>14</v>
      </c>
      <c r="AG7739">
        <v>14</v>
      </c>
      <c r="AH7739">
        <v>14</v>
      </c>
      <c r="AI7739">
        <v>14</v>
      </c>
      <c r="AJ7739">
        <v>15</v>
      </c>
      <c r="AK7739">
        <v>15</v>
      </c>
      <c r="AL7739">
        <v>15</v>
      </c>
      <c r="AM7739">
        <v>15</v>
      </c>
      <c r="AN7739">
        <v>15</v>
      </c>
      <c r="AO7739">
        <v>15</v>
      </c>
      <c r="AP7739">
        <v>15</v>
      </c>
      <c r="AQ7739">
        <v>15</v>
      </c>
    </row>
    <row r="7740" spans="1:43">
      <c r="A7740" t="s">
        <v>4844</v>
      </c>
      <c r="B7740" t="s">
        <v>4845</v>
      </c>
      <c r="C7740" t="s">
        <v>4846</v>
      </c>
      <c r="D7740" t="s">
        <v>4847</v>
      </c>
      <c r="E7740" t="s">
        <v>4592</v>
      </c>
      <c r="F7740" t="s">
        <v>4593</v>
      </c>
      <c r="G7740" t="s">
        <v>80</v>
      </c>
      <c r="H7740" t="s">
        <v>81</v>
      </c>
      <c r="I7740" s="2">
        <v>1</v>
      </c>
      <c r="J7740" s="2">
        <v>0</v>
      </c>
      <c r="K7740" s="2">
        <v>0</v>
      </c>
      <c r="L7740" t="s">
        <v>120</v>
      </c>
      <c r="M7740" t="s">
        <v>89</v>
      </c>
      <c r="N7740" t="s">
        <v>90</v>
      </c>
      <c r="O7740" t="s">
        <v>85</v>
      </c>
      <c r="P7740" t="s">
        <v>86</v>
      </c>
      <c r="Q7740">
        <v>13</v>
      </c>
      <c r="R7740">
        <v>14</v>
      </c>
      <c r="S7740">
        <v>14</v>
      </c>
      <c r="T7740">
        <v>14</v>
      </c>
      <c r="U7740">
        <v>15</v>
      </c>
      <c r="V7740">
        <v>15</v>
      </c>
      <c r="W7740">
        <v>15</v>
      </c>
      <c r="X7740">
        <v>16</v>
      </c>
      <c r="Y7740">
        <v>16</v>
      </c>
      <c r="Z7740">
        <v>16</v>
      </c>
      <c r="AA7740">
        <v>16</v>
      </c>
      <c r="AB7740">
        <v>17</v>
      </c>
      <c r="AC7740">
        <v>17</v>
      </c>
      <c r="AD7740">
        <v>17</v>
      </c>
      <c r="AE7740">
        <v>17</v>
      </c>
      <c r="AF7740">
        <v>17</v>
      </c>
      <c r="AG7740">
        <v>17</v>
      </c>
      <c r="AH7740">
        <v>17</v>
      </c>
      <c r="AI7740">
        <v>17</v>
      </c>
      <c r="AJ7740">
        <v>17</v>
      </c>
      <c r="AK7740">
        <v>17</v>
      </c>
      <c r="AL7740">
        <v>17</v>
      </c>
      <c r="AM7740">
        <v>17</v>
      </c>
      <c r="AN7740">
        <v>17</v>
      </c>
      <c r="AO7740">
        <v>17</v>
      </c>
      <c r="AP7740">
        <v>17</v>
      </c>
      <c r="AQ7740">
        <v>17</v>
      </c>
    </row>
    <row r="7741" spans="1:43">
      <c r="A7741" t="s">
        <v>4844</v>
      </c>
      <c r="B7741" t="s">
        <v>4845</v>
      </c>
      <c r="C7741" t="s">
        <v>4846</v>
      </c>
      <c r="D7741" t="s">
        <v>4847</v>
      </c>
      <c r="E7741" t="s">
        <v>4592</v>
      </c>
      <c r="F7741" t="s">
        <v>4593</v>
      </c>
      <c r="G7741" t="s">
        <v>80</v>
      </c>
      <c r="H7741" t="s">
        <v>81</v>
      </c>
      <c r="I7741" s="2">
        <v>1</v>
      </c>
      <c r="J7741" s="2">
        <v>0</v>
      </c>
      <c r="K7741" s="2">
        <v>0</v>
      </c>
      <c r="L7741" t="s">
        <v>120</v>
      </c>
      <c r="M7741" t="s">
        <v>83</v>
      </c>
      <c r="N7741" t="s">
        <v>91</v>
      </c>
      <c r="O7741" t="s">
        <v>85</v>
      </c>
      <c r="P7741" t="s">
        <v>86</v>
      </c>
      <c r="Q7741">
        <v>13</v>
      </c>
      <c r="R7741">
        <v>14</v>
      </c>
      <c r="S7741">
        <v>14</v>
      </c>
      <c r="T7741">
        <v>14</v>
      </c>
      <c r="U7741">
        <v>14</v>
      </c>
      <c r="V7741">
        <v>14</v>
      </c>
      <c r="W7741">
        <v>15</v>
      </c>
      <c r="X7741">
        <v>15</v>
      </c>
      <c r="Y7741">
        <v>15</v>
      </c>
      <c r="Z7741">
        <v>15</v>
      </c>
      <c r="AA7741">
        <v>15</v>
      </c>
      <c r="AB7741">
        <v>16</v>
      </c>
      <c r="AC7741">
        <v>16</v>
      </c>
      <c r="AD7741">
        <v>16</v>
      </c>
      <c r="AE7741">
        <v>16</v>
      </c>
      <c r="AF7741">
        <v>16</v>
      </c>
      <c r="AG7741">
        <v>16</v>
      </c>
      <c r="AH7741">
        <v>17</v>
      </c>
      <c r="AI7741">
        <v>17</v>
      </c>
      <c r="AJ7741">
        <v>17</v>
      </c>
      <c r="AK7741">
        <v>17</v>
      </c>
      <c r="AL7741">
        <v>17</v>
      </c>
      <c r="AM7741">
        <v>17</v>
      </c>
      <c r="AN7741">
        <v>17</v>
      </c>
      <c r="AO7741">
        <v>17</v>
      </c>
      <c r="AP7741">
        <v>17</v>
      </c>
      <c r="AQ7741">
        <v>17</v>
      </c>
    </row>
    <row r="7742" spans="1:43">
      <c r="A7742" t="s">
        <v>4848</v>
      </c>
      <c r="B7742" t="s">
        <v>4849</v>
      </c>
      <c r="C7742" t="s">
        <v>4846</v>
      </c>
      <c r="D7742" t="s">
        <v>4847</v>
      </c>
      <c r="E7742" t="s">
        <v>4592</v>
      </c>
      <c r="F7742" t="s">
        <v>4593</v>
      </c>
      <c r="G7742" t="s">
        <v>80</v>
      </c>
      <c r="H7742" t="s">
        <v>81</v>
      </c>
      <c r="I7742" s="2">
        <v>1</v>
      </c>
      <c r="J7742" s="2">
        <v>0</v>
      </c>
      <c r="K7742" s="2">
        <v>0</v>
      </c>
      <c r="L7742" t="s">
        <v>120</v>
      </c>
      <c r="M7742" t="s">
        <v>83</v>
      </c>
      <c r="N7742" t="s">
        <v>84</v>
      </c>
      <c r="O7742" t="s">
        <v>85</v>
      </c>
      <c r="P7742" t="s">
        <v>86</v>
      </c>
      <c r="Q7742">
        <v>0</v>
      </c>
      <c r="R7742">
        <v>0</v>
      </c>
      <c r="S7742">
        <v>0</v>
      </c>
      <c r="T7742">
        <v>0</v>
      </c>
      <c r="U7742">
        <v>0</v>
      </c>
      <c r="V7742">
        <v>0</v>
      </c>
      <c r="W7742">
        <v>0</v>
      </c>
      <c r="X7742">
        <v>0</v>
      </c>
      <c r="Y7742">
        <v>0</v>
      </c>
      <c r="Z7742">
        <v>0</v>
      </c>
      <c r="AA7742">
        <v>0</v>
      </c>
      <c r="AB7742">
        <v>0</v>
      </c>
      <c r="AC7742">
        <v>0</v>
      </c>
      <c r="AD7742">
        <v>0</v>
      </c>
      <c r="AE7742">
        <v>0</v>
      </c>
      <c r="AF7742">
        <v>0</v>
      </c>
      <c r="AG7742">
        <v>0</v>
      </c>
      <c r="AH7742">
        <v>0</v>
      </c>
      <c r="AI7742">
        <v>0</v>
      </c>
      <c r="AJ7742">
        <v>0</v>
      </c>
      <c r="AK7742">
        <v>0</v>
      </c>
      <c r="AL7742">
        <v>0</v>
      </c>
      <c r="AM7742">
        <v>0</v>
      </c>
      <c r="AN7742">
        <v>0</v>
      </c>
      <c r="AO7742">
        <v>0</v>
      </c>
      <c r="AP7742">
        <v>0</v>
      </c>
      <c r="AQ7742">
        <v>0</v>
      </c>
    </row>
    <row r="7743" spans="1:43">
      <c r="A7743" t="s">
        <v>4848</v>
      </c>
      <c r="B7743" t="s">
        <v>4849</v>
      </c>
      <c r="C7743" t="s">
        <v>4846</v>
      </c>
      <c r="D7743" t="s">
        <v>4847</v>
      </c>
      <c r="E7743" t="s">
        <v>4592</v>
      </c>
      <c r="F7743" t="s">
        <v>4593</v>
      </c>
      <c r="G7743" t="s">
        <v>80</v>
      </c>
      <c r="H7743" t="s">
        <v>81</v>
      </c>
      <c r="I7743" s="2">
        <v>1</v>
      </c>
      <c r="J7743" s="2">
        <v>0</v>
      </c>
      <c r="K7743" s="2">
        <v>0</v>
      </c>
      <c r="L7743" t="s">
        <v>120</v>
      </c>
      <c r="M7743" t="s">
        <v>87</v>
      </c>
      <c r="N7743" t="s">
        <v>88</v>
      </c>
      <c r="O7743" t="s">
        <v>85</v>
      </c>
      <c r="P7743" t="s">
        <v>86</v>
      </c>
      <c r="Q7743">
        <v>0</v>
      </c>
      <c r="R7743">
        <v>0</v>
      </c>
      <c r="S7743">
        <v>0</v>
      </c>
      <c r="T7743">
        <v>0</v>
      </c>
      <c r="U7743">
        <v>0</v>
      </c>
      <c r="V7743">
        <v>0</v>
      </c>
      <c r="W7743">
        <v>0</v>
      </c>
      <c r="X7743">
        <v>0</v>
      </c>
      <c r="Y7743">
        <v>0</v>
      </c>
      <c r="Z7743">
        <v>0</v>
      </c>
      <c r="AA7743">
        <v>0</v>
      </c>
      <c r="AB7743">
        <v>0</v>
      </c>
      <c r="AC7743">
        <v>0</v>
      </c>
      <c r="AD7743">
        <v>0</v>
      </c>
      <c r="AE7743">
        <v>0</v>
      </c>
      <c r="AF7743">
        <v>0</v>
      </c>
      <c r="AG7743">
        <v>0</v>
      </c>
      <c r="AH7743">
        <v>0</v>
      </c>
      <c r="AI7743">
        <v>0</v>
      </c>
      <c r="AJ7743">
        <v>0</v>
      </c>
      <c r="AK7743">
        <v>0</v>
      </c>
      <c r="AL7743">
        <v>0</v>
      </c>
      <c r="AM7743">
        <v>0</v>
      </c>
      <c r="AN7743">
        <v>0</v>
      </c>
      <c r="AO7743">
        <v>0</v>
      </c>
      <c r="AP7743">
        <v>0</v>
      </c>
      <c r="AQ7743">
        <v>0</v>
      </c>
    </row>
    <row r="7744" spans="1:43">
      <c r="A7744" t="s">
        <v>4848</v>
      </c>
      <c r="B7744" t="s">
        <v>4849</v>
      </c>
      <c r="C7744" t="s">
        <v>4846</v>
      </c>
      <c r="D7744" t="s">
        <v>4847</v>
      </c>
      <c r="E7744" t="s">
        <v>4592</v>
      </c>
      <c r="F7744" t="s">
        <v>4593</v>
      </c>
      <c r="G7744" t="s">
        <v>80</v>
      </c>
      <c r="H7744" t="s">
        <v>81</v>
      </c>
      <c r="I7744" s="2">
        <v>1</v>
      </c>
      <c r="J7744" s="2">
        <v>0</v>
      </c>
      <c r="K7744" s="2">
        <v>0</v>
      </c>
      <c r="L7744" t="s">
        <v>120</v>
      </c>
      <c r="M7744" t="s">
        <v>89</v>
      </c>
      <c r="N7744" t="s">
        <v>90</v>
      </c>
      <c r="O7744" t="s">
        <v>85</v>
      </c>
      <c r="P7744" t="s">
        <v>86</v>
      </c>
      <c r="Q7744">
        <v>0</v>
      </c>
      <c r="R7744">
        <v>0</v>
      </c>
      <c r="S7744">
        <v>0</v>
      </c>
      <c r="T7744">
        <v>0</v>
      </c>
      <c r="U7744">
        <v>0</v>
      </c>
      <c r="V7744">
        <v>0</v>
      </c>
      <c r="W7744">
        <v>0</v>
      </c>
      <c r="X7744">
        <v>0</v>
      </c>
      <c r="Y7744">
        <v>0</v>
      </c>
      <c r="Z7744">
        <v>0</v>
      </c>
      <c r="AA7744">
        <v>0</v>
      </c>
      <c r="AB7744">
        <v>0</v>
      </c>
      <c r="AC7744">
        <v>0</v>
      </c>
      <c r="AD7744">
        <v>0</v>
      </c>
      <c r="AE7744">
        <v>0</v>
      </c>
      <c r="AF7744">
        <v>0</v>
      </c>
      <c r="AG7744">
        <v>0</v>
      </c>
      <c r="AH7744">
        <v>0</v>
      </c>
      <c r="AI7744">
        <v>0</v>
      </c>
      <c r="AJ7744">
        <v>0</v>
      </c>
      <c r="AK7744">
        <v>0</v>
      </c>
      <c r="AL7744">
        <v>0</v>
      </c>
      <c r="AM7744">
        <v>0</v>
      </c>
      <c r="AN7744">
        <v>0</v>
      </c>
      <c r="AO7744">
        <v>0</v>
      </c>
      <c r="AP7744">
        <v>0</v>
      </c>
      <c r="AQ7744">
        <v>0</v>
      </c>
    </row>
    <row r="7745" spans="1:43">
      <c r="A7745" t="s">
        <v>4848</v>
      </c>
      <c r="B7745" t="s">
        <v>4849</v>
      </c>
      <c r="C7745" t="s">
        <v>4846</v>
      </c>
      <c r="D7745" t="s">
        <v>4847</v>
      </c>
      <c r="E7745" t="s">
        <v>4592</v>
      </c>
      <c r="F7745" t="s">
        <v>4593</v>
      </c>
      <c r="G7745" t="s">
        <v>80</v>
      </c>
      <c r="H7745" t="s">
        <v>81</v>
      </c>
      <c r="I7745" s="2">
        <v>1</v>
      </c>
      <c r="J7745" s="2">
        <v>0</v>
      </c>
      <c r="K7745" s="2">
        <v>0</v>
      </c>
      <c r="L7745" t="s">
        <v>120</v>
      </c>
      <c r="M7745" t="s">
        <v>83</v>
      </c>
      <c r="N7745" t="s">
        <v>91</v>
      </c>
      <c r="O7745" t="s">
        <v>85</v>
      </c>
      <c r="P7745" t="s">
        <v>86</v>
      </c>
      <c r="Q7745">
        <v>0</v>
      </c>
      <c r="R7745">
        <v>0</v>
      </c>
      <c r="S7745">
        <v>0</v>
      </c>
      <c r="T7745">
        <v>0</v>
      </c>
      <c r="U7745">
        <v>0</v>
      </c>
      <c r="V7745">
        <v>0</v>
      </c>
      <c r="W7745">
        <v>0</v>
      </c>
      <c r="X7745">
        <v>0</v>
      </c>
      <c r="Y7745">
        <v>0</v>
      </c>
      <c r="Z7745">
        <v>0</v>
      </c>
      <c r="AA7745">
        <v>0</v>
      </c>
      <c r="AB7745">
        <v>0</v>
      </c>
      <c r="AC7745">
        <v>0</v>
      </c>
      <c r="AD7745">
        <v>0</v>
      </c>
      <c r="AE7745">
        <v>0</v>
      </c>
      <c r="AF7745">
        <v>0</v>
      </c>
      <c r="AG7745">
        <v>0</v>
      </c>
      <c r="AH7745">
        <v>0</v>
      </c>
      <c r="AI7745">
        <v>0</v>
      </c>
      <c r="AJ7745">
        <v>0</v>
      </c>
      <c r="AK7745">
        <v>0</v>
      </c>
      <c r="AL7745">
        <v>0</v>
      </c>
      <c r="AM7745">
        <v>0</v>
      </c>
      <c r="AN7745">
        <v>0</v>
      </c>
      <c r="AO7745">
        <v>0</v>
      </c>
      <c r="AP7745">
        <v>0</v>
      </c>
      <c r="AQ7745">
        <v>0</v>
      </c>
    </row>
    <row r="7746" spans="1:43">
      <c r="A7746" t="s">
        <v>4850</v>
      </c>
      <c r="B7746" t="s">
        <v>4851</v>
      </c>
      <c r="C7746" t="s">
        <v>4840</v>
      </c>
      <c r="D7746" t="s">
        <v>4841</v>
      </c>
      <c r="E7746" t="s">
        <v>4592</v>
      </c>
      <c r="F7746" t="s">
        <v>4593</v>
      </c>
      <c r="G7746" t="s">
        <v>80</v>
      </c>
      <c r="H7746" t="s">
        <v>81</v>
      </c>
      <c r="I7746" s="2">
        <v>1</v>
      </c>
      <c r="J7746" s="2">
        <v>0</v>
      </c>
      <c r="K7746" s="2">
        <v>0</v>
      </c>
      <c r="L7746" t="s">
        <v>120</v>
      </c>
      <c r="M7746" t="s">
        <v>83</v>
      </c>
      <c r="N7746" t="s">
        <v>84</v>
      </c>
      <c r="O7746" t="s">
        <v>85</v>
      </c>
      <c r="P7746" t="s">
        <v>86</v>
      </c>
      <c r="Q7746">
        <v>13</v>
      </c>
      <c r="R7746">
        <v>13</v>
      </c>
      <c r="S7746">
        <v>13</v>
      </c>
      <c r="T7746">
        <v>14</v>
      </c>
      <c r="U7746">
        <v>14</v>
      </c>
      <c r="V7746">
        <v>14</v>
      </c>
      <c r="W7746">
        <v>14</v>
      </c>
      <c r="X7746">
        <v>14</v>
      </c>
      <c r="Y7746">
        <v>15</v>
      </c>
      <c r="Z7746">
        <v>15</v>
      </c>
      <c r="AA7746">
        <v>15</v>
      </c>
      <c r="AB7746">
        <v>15</v>
      </c>
      <c r="AC7746">
        <v>15</v>
      </c>
      <c r="AD7746">
        <v>15</v>
      </c>
      <c r="AE7746">
        <v>16</v>
      </c>
      <c r="AF7746">
        <v>16</v>
      </c>
      <c r="AG7746">
        <v>16</v>
      </c>
      <c r="AH7746">
        <v>16</v>
      </c>
      <c r="AI7746">
        <v>16</v>
      </c>
      <c r="AJ7746">
        <v>17</v>
      </c>
      <c r="AK7746">
        <v>17</v>
      </c>
      <c r="AL7746">
        <v>17</v>
      </c>
      <c r="AM7746">
        <v>17</v>
      </c>
      <c r="AN7746">
        <v>17</v>
      </c>
      <c r="AO7746">
        <v>17</v>
      </c>
      <c r="AP7746">
        <v>17</v>
      </c>
      <c r="AQ7746">
        <v>17</v>
      </c>
    </row>
    <row r="7747" spans="1:43">
      <c r="A7747" t="s">
        <v>4850</v>
      </c>
      <c r="B7747" t="s">
        <v>4851</v>
      </c>
      <c r="C7747" t="s">
        <v>4840</v>
      </c>
      <c r="D7747" t="s">
        <v>4841</v>
      </c>
      <c r="E7747" t="s">
        <v>4592</v>
      </c>
      <c r="F7747" t="s">
        <v>4593</v>
      </c>
      <c r="G7747" t="s">
        <v>80</v>
      </c>
      <c r="H7747" t="s">
        <v>81</v>
      </c>
      <c r="I7747" s="2">
        <v>1</v>
      </c>
      <c r="J7747" s="2">
        <v>0</v>
      </c>
      <c r="K7747" s="2">
        <v>0</v>
      </c>
      <c r="L7747" t="s">
        <v>120</v>
      </c>
      <c r="M7747" t="s">
        <v>87</v>
      </c>
      <c r="N7747" t="s">
        <v>88</v>
      </c>
      <c r="O7747" t="s">
        <v>85</v>
      </c>
      <c r="P7747" t="s">
        <v>86</v>
      </c>
      <c r="Q7747">
        <v>13</v>
      </c>
      <c r="R7747">
        <v>13</v>
      </c>
      <c r="S7747">
        <v>13</v>
      </c>
      <c r="T7747">
        <v>13</v>
      </c>
      <c r="U7747">
        <v>13</v>
      </c>
      <c r="V7747">
        <v>13</v>
      </c>
      <c r="W7747">
        <v>13</v>
      </c>
      <c r="X7747">
        <v>13</v>
      </c>
      <c r="Y7747">
        <v>13</v>
      </c>
      <c r="Z7747">
        <v>14</v>
      </c>
      <c r="AA7747">
        <v>14</v>
      </c>
      <c r="AB7747">
        <v>14</v>
      </c>
      <c r="AC7747">
        <v>14</v>
      </c>
      <c r="AD7747">
        <v>14</v>
      </c>
      <c r="AE7747">
        <v>14</v>
      </c>
      <c r="AF7747">
        <v>14</v>
      </c>
      <c r="AG7747">
        <v>14</v>
      </c>
      <c r="AH7747">
        <v>14</v>
      </c>
      <c r="AI7747">
        <v>14</v>
      </c>
      <c r="AJ7747">
        <v>14</v>
      </c>
      <c r="AK7747">
        <v>14</v>
      </c>
      <c r="AL7747">
        <v>14</v>
      </c>
      <c r="AM7747">
        <v>14</v>
      </c>
      <c r="AN7747">
        <v>14</v>
      </c>
      <c r="AO7747">
        <v>14</v>
      </c>
      <c r="AP7747">
        <v>14</v>
      </c>
      <c r="AQ7747">
        <v>14</v>
      </c>
    </row>
    <row r="7748" spans="1:43">
      <c r="A7748" t="s">
        <v>4850</v>
      </c>
      <c r="B7748" t="s">
        <v>4851</v>
      </c>
      <c r="C7748" t="s">
        <v>4840</v>
      </c>
      <c r="D7748" t="s">
        <v>4841</v>
      </c>
      <c r="E7748" t="s">
        <v>4592</v>
      </c>
      <c r="F7748" t="s">
        <v>4593</v>
      </c>
      <c r="G7748" t="s">
        <v>80</v>
      </c>
      <c r="H7748" t="s">
        <v>81</v>
      </c>
      <c r="I7748" s="2">
        <v>1</v>
      </c>
      <c r="J7748" s="2">
        <v>0</v>
      </c>
      <c r="K7748" s="2">
        <v>0</v>
      </c>
      <c r="L7748" t="s">
        <v>120</v>
      </c>
      <c r="M7748" t="s">
        <v>89</v>
      </c>
      <c r="N7748" t="s">
        <v>90</v>
      </c>
      <c r="O7748" t="s">
        <v>85</v>
      </c>
      <c r="P7748" t="s">
        <v>86</v>
      </c>
      <c r="Q7748">
        <v>13</v>
      </c>
      <c r="R7748">
        <v>13</v>
      </c>
      <c r="S7748">
        <v>14</v>
      </c>
      <c r="T7748">
        <v>14</v>
      </c>
      <c r="U7748">
        <v>14</v>
      </c>
      <c r="V7748">
        <v>15</v>
      </c>
      <c r="W7748">
        <v>15</v>
      </c>
      <c r="X7748">
        <v>15</v>
      </c>
      <c r="Y7748">
        <v>15</v>
      </c>
      <c r="Z7748">
        <v>16</v>
      </c>
      <c r="AA7748">
        <v>16</v>
      </c>
      <c r="AB7748">
        <v>16</v>
      </c>
      <c r="AC7748">
        <v>16</v>
      </c>
      <c r="AD7748">
        <v>17</v>
      </c>
      <c r="AE7748">
        <v>17</v>
      </c>
      <c r="AF7748">
        <v>17</v>
      </c>
      <c r="AG7748">
        <v>17</v>
      </c>
      <c r="AH7748">
        <v>17</v>
      </c>
      <c r="AI7748">
        <v>17</v>
      </c>
      <c r="AJ7748">
        <v>17</v>
      </c>
      <c r="AK7748">
        <v>17</v>
      </c>
      <c r="AL7748">
        <v>17</v>
      </c>
      <c r="AM7748">
        <v>17</v>
      </c>
      <c r="AN7748">
        <v>17</v>
      </c>
      <c r="AO7748">
        <v>17</v>
      </c>
      <c r="AP7748">
        <v>17</v>
      </c>
      <c r="AQ7748">
        <v>17</v>
      </c>
    </row>
    <row r="7749" spans="1:43">
      <c r="A7749" t="s">
        <v>4850</v>
      </c>
      <c r="B7749" t="s">
        <v>4851</v>
      </c>
      <c r="C7749" t="s">
        <v>4840</v>
      </c>
      <c r="D7749" t="s">
        <v>4841</v>
      </c>
      <c r="E7749" t="s">
        <v>4592</v>
      </c>
      <c r="F7749" t="s">
        <v>4593</v>
      </c>
      <c r="G7749" t="s">
        <v>80</v>
      </c>
      <c r="H7749" t="s">
        <v>81</v>
      </c>
      <c r="I7749" s="2">
        <v>1</v>
      </c>
      <c r="J7749" s="2">
        <v>0</v>
      </c>
      <c r="K7749" s="2">
        <v>0</v>
      </c>
      <c r="L7749" t="s">
        <v>120</v>
      </c>
      <c r="M7749" t="s">
        <v>83</v>
      </c>
      <c r="N7749" t="s">
        <v>91</v>
      </c>
      <c r="O7749" t="s">
        <v>85</v>
      </c>
      <c r="P7749" t="s">
        <v>86</v>
      </c>
      <c r="Q7749">
        <v>13</v>
      </c>
      <c r="R7749">
        <v>13</v>
      </c>
      <c r="S7749">
        <v>13</v>
      </c>
      <c r="T7749">
        <v>14</v>
      </c>
      <c r="U7749">
        <v>14</v>
      </c>
      <c r="V7749">
        <v>14</v>
      </c>
      <c r="W7749">
        <v>14</v>
      </c>
      <c r="X7749">
        <v>14</v>
      </c>
      <c r="Y7749">
        <v>15</v>
      </c>
      <c r="Z7749">
        <v>15</v>
      </c>
      <c r="AA7749">
        <v>15</v>
      </c>
      <c r="AB7749">
        <v>15</v>
      </c>
      <c r="AC7749">
        <v>15</v>
      </c>
      <c r="AD7749">
        <v>15</v>
      </c>
      <c r="AE7749">
        <v>16</v>
      </c>
      <c r="AF7749">
        <v>16</v>
      </c>
      <c r="AG7749">
        <v>16</v>
      </c>
      <c r="AH7749">
        <v>16</v>
      </c>
      <c r="AI7749">
        <v>16</v>
      </c>
      <c r="AJ7749">
        <v>17</v>
      </c>
      <c r="AK7749">
        <v>17</v>
      </c>
      <c r="AL7749">
        <v>17</v>
      </c>
      <c r="AM7749">
        <v>17</v>
      </c>
      <c r="AN7749">
        <v>17</v>
      </c>
      <c r="AO7749">
        <v>17</v>
      </c>
      <c r="AP7749">
        <v>17</v>
      </c>
      <c r="AQ7749">
        <v>17</v>
      </c>
    </row>
    <row r="7750" spans="1:43">
      <c r="A7750" t="s">
        <v>4852</v>
      </c>
      <c r="B7750" t="s">
        <v>4853</v>
      </c>
      <c r="C7750" t="s">
        <v>4840</v>
      </c>
      <c r="D7750" t="s">
        <v>4841</v>
      </c>
      <c r="E7750" t="s">
        <v>4592</v>
      </c>
      <c r="F7750" t="s">
        <v>4593</v>
      </c>
      <c r="G7750" t="s">
        <v>80</v>
      </c>
      <c r="H7750" t="s">
        <v>81</v>
      </c>
      <c r="I7750" s="2">
        <v>1</v>
      </c>
      <c r="J7750" s="2">
        <v>0</v>
      </c>
      <c r="K7750" s="2">
        <v>0</v>
      </c>
      <c r="L7750" t="s">
        <v>120</v>
      </c>
      <c r="M7750" t="s">
        <v>83</v>
      </c>
      <c r="N7750" t="s">
        <v>84</v>
      </c>
      <c r="O7750" t="s">
        <v>85</v>
      </c>
      <c r="P7750" t="s">
        <v>86</v>
      </c>
      <c r="Q7750">
        <v>45</v>
      </c>
      <c r="R7750">
        <v>46</v>
      </c>
      <c r="S7750">
        <v>47</v>
      </c>
      <c r="T7750">
        <v>47</v>
      </c>
      <c r="U7750">
        <v>48</v>
      </c>
      <c r="V7750">
        <v>49</v>
      </c>
      <c r="W7750">
        <v>50</v>
      </c>
      <c r="X7750">
        <v>50</v>
      </c>
      <c r="Y7750">
        <v>51</v>
      </c>
      <c r="Z7750">
        <v>51</v>
      </c>
      <c r="AA7750">
        <v>52</v>
      </c>
      <c r="AB7750">
        <v>53</v>
      </c>
      <c r="AC7750">
        <v>53</v>
      </c>
      <c r="AD7750">
        <v>54</v>
      </c>
      <c r="AE7750">
        <v>55</v>
      </c>
      <c r="AF7750">
        <v>55</v>
      </c>
      <c r="AG7750">
        <v>56</v>
      </c>
      <c r="AH7750">
        <v>56</v>
      </c>
      <c r="AI7750">
        <v>57</v>
      </c>
      <c r="AJ7750">
        <v>57</v>
      </c>
      <c r="AK7750">
        <v>58</v>
      </c>
      <c r="AL7750">
        <v>58</v>
      </c>
      <c r="AM7750">
        <v>58</v>
      </c>
      <c r="AN7750">
        <v>58</v>
      </c>
      <c r="AO7750">
        <v>58</v>
      </c>
      <c r="AP7750">
        <v>58</v>
      </c>
      <c r="AQ7750">
        <v>58</v>
      </c>
    </row>
    <row r="7751" spans="1:43">
      <c r="A7751" t="s">
        <v>4852</v>
      </c>
      <c r="B7751" t="s">
        <v>4853</v>
      </c>
      <c r="C7751" t="s">
        <v>4840</v>
      </c>
      <c r="D7751" t="s">
        <v>4841</v>
      </c>
      <c r="E7751" t="s">
        <v>4592</v>
      </c>
      <c r="F7751" t="s">
        <v>4593</v>
      </c>
      <c r="G7751" t="s">
        <v>80</v>
      </c>
      <c r="H7751" t="s">
        <v>81</v>
      </c>
      <c r="I7751" s="2">
        <v>1</v>
      </c>
      <c r="J7751" s="2">
        <v>0</v>
      </c>
      <c r="K7751" s="2">
        <v>0</v>
      </c>
      <c r="L7751" t="s">
        <v>120</v>
      </c>
      <c r="M7751" t="s">
        <v>87</v>
      </c>
      <c r="N7751" t="s">
        <v>88</v>
      </c>
      <c r="O7751" t="s">
        <v>85</v>
      </c>
      <c r="P7751" t="s">
        <v>86</v>
      </c>
      <c r="Q7751">
        <v>45</v>
      </c>
      <c r="R7751">
        <v>45</v>
      </c>
      <c r="S7751">
        <v>45</v>
      </c>
      <c r="T7751">
        <v>46</v>
      </c>
      <c r="U7751">
        <v>46</v>
      </c>
      <c r="V7751">
        <v>46</v>
      </c>
      <c r="W7751">
        <v>47</v>
      </c>
      <c r="X7751">
        <v>47</v>
      </c>
      <c r="Y7751">
        <v>47</v>
      </c>
      <c r="Z7751">
        <v>47</v>
      </c>
      <c r="AA7751">
        <v>47</v>
      </c>
      <c r="AB7751">
        <v>48</v>
      </c>
      <c r="AC7751">
        <v>48</v>
      </c>
      <c r="AD7751">
        <v>48</v>
      </c>
      <c r="AE7751">
        <v>48</v>
      </c>
      <c r="AF7751">
        <v>49</v>
      </c>
      <c r="AG7751">
        <v>49</v>
      </c>
      <c r="AH7751">
        <v>49</v>
      </c>
      <c r="AI7751">
        <v>49</v>
      </c>
      <c r="AJ7751">
        <v>49</v>
      </c>
      <c r="AK7751">
        <v>49</v>
      </c>
      <c r="AL7751">
        <v>50</v>
      </c>
      <c r="AM7751">
        <v>50</v>
      </c>
      <c r="AN7751">
        <v>50</v>
      </c>
      <c r="AO7751">
        <v>50</v>
      </c>
      <c r="AP7751">
        <v>50</v>
      </c>
      <c r="AQ7751">
        <v>50</v>
      </c>
    </row>
    <row r="7752" spans="1:43">
      <c r="A7752" t="s">
        <v>4852</v>
      </c>
      <c r="B7752" t="s">
        <v>4853</v>
      </c>
      <c r="C7752" t="s">
        <v>4840</v>
      </c>
      <c r="D7752" t="s">
        <v>4841</v>
      </c>
      <c r="E7752" t="s">
        <v>4592</v>
      </c>
      <c r="F7752" t="s">
        <v>4593</v>
      </c>
      <c r="G7752" t="s">
        <v>80</v>
      </c>
      <c r="H7752" t="s">
        <v>81</v>
      </c>
      <c r="I7752" s="2">
        <v>1</v>
      </c>
      <c r="J7752" s="2">
        <v>0</v>
      </c>
      <c r="K7752" s="2">
        <v>0</v>
      </c>
      <c r="L7752" t="s">
        <v>120</v>
      </c>
      <c r="M7752" t="s">
        <v>89</v>
      </c>
      <c r="N7752" t="s">
        <v>90</v>
      </c>
      <c r="O7752" t="s">
        <v>85</v>
      </c>
      <c r="P7752" t="s">
        <v>86</v>
      </c>
      <c r="Q7752">
        <v>45</v>
      </c>
      <c r="R7752">
        <v>46</v>
      </c>
      <c r="S7752">
        <v>47</v>
      </c>
      <c r="T7752">
        <v>48</v>
      </c>
      <c r="U7752">
        <v>49</v>
      </c>
      <c r="V7752">
        <v>50</v>
      </c>
      <c r="W7752">
        <v>51</v>
      </c>
      <c r="X7752">
        <v>52</v>
      </c>
      <c r="Y7752">
        <v>53</v>
      </c>
      <c r="Z7752">
        <v>54</v>
      </c>
      <c r="AA7752">
        <v>54</v>
      </c>
      <c r="AB7752">
        <v>55</v>
      </c>
      <c r="AC7752">
        <v>56</v>
      </c>
      <c r="AD7752">
        <v>57</v>
      </c>
      <c r="AE7752">
        <v>58</v>
      </c>
      <c r="AF7752">
        <v>58</v>
      </c>
      <c r="AG7752">
        <v>58</v>
      </c>
      <c r="AH7752">
        <v>58</v>
      </c>
      <c r="AI7752">
        <v>58</v>
      </c>
      <c r="AJ7752">
        <v>58</v>
      </c>
      <c r="AK7752">
        <v>58</v>
      </c>
      <c r="AL7752">
        <v>58</v>
      </c>
      <c r="AM7752">
        <v>58</v>
      </c>
      <c r="AN7752">
        <v>58</v>
      </c>
      <c r="AO7752">
        <v>58</v>
      </c>
      <c r="AP7752">
        <v>58</v>
      </c>
      <c r="AQ7752">
        <v>58</v>
      </c>
    </row>
    <row r="7753" spans="1:43">
      <c r="A7753" t="s">
        <v>4852</v>
      </c>
      <c r="B7753" t="s">
        <v>4853</v>
      </c>
      <c r="C7753" t="s">
        <v>4840</v>
      </c>
      <c r="D7753" t="s">
        <v>4841</v>
      </c>
      <c r="E7753" t="s">
        <v>4592</v>
      </c>
      <c r="F7753" t="s">
        <v>4593</v>
      </c>
      <c r="G7753" t="s">
        <v>80</v>
      </c>
      <c r="H7753" t="s">
        <v>81</v>
      </c>
      <c r="I7753" s="2">
        <v>1</v>
      </c>
      <c r="J7753" s="2">
        <v>0</v>
      </c>
      <c r="K7753" s="2">
        <v>0</v>
      </c>
      <c r="L7753" t="s">
        <v>120</v>
      </c>
      <c r="M7753" t="s">
        <v>83</v>
      </c>
      <c r="N7753" t="s">
        <v>91</v>
      </c>
      <c r="O7753" t="s">
        <v>85</v>
      </c>
      <c r="P7753" t="s">
        <v>86</v>
      </c>
      <c r="Q7753">
        <v>45</v>
      </c>
      <c r="R7753">
        <v>46</v>
      </c>
      <c r="S7753">
        <v>47</v>
      </c>
      <c r="T7753">
        <v>47</v>
      </c>
      <c r="U7753">
        <v>48</v>
      </c>
      <c r="V7753">
        <v>49</v>
      </c>
      <c r="W7753">
        <v>50</v>
      </c>
      <c r="X7753">
        <v>50</v>
      </c>
      <c r="Y7753">
        <v>51</v>
      </c>
      <c r="Z7753">
        <v>51</v>
      </c>
      <c r="AA7753">
        <v>52</v>
      </c>
      <c r="AB7753">
        <v>53</v>
      </c>
      <c r="AC7753">
        <v>53</v>
      </c>
      <c r="AD7753">
        <v>54</v>
      </c>
      <c r="AE7753">
        <v>55</v>
      </c>
      <c r="AF7753">
        <v>55</v>
      </c>
      <c r="AG7753">
        <v>56</v>
      </c>
      <c r="AH7753">
        <v>56</v>
      </c>
      <c r="AI7753">
        <v>57</v>
      </c>
      <c r="AJ7753">
        <v>57</v>
      </c>
      <c r="AK7753">
        <v>58</v>
      </c>
      <c r="AL7753">
        <v>58</v>
      </c>
      <c r="AM7753">
        <v>58</v>
      </c>
      <c r="AN7753">
        <v>58</v>
      </c>
      <c r="AO7753">
        <v>58</v>
      </c>
      <c r="AP7753">
        <v>58</v>
      </c>
      <c r="AQ7753">
        <v>58</v>
      </c>
    </row>
    <row r="7754" spans="1:43">
      <c r="A7754" t="s">
        <v>4854</v>
      </c>
      <c r="B7754" t="s">
        <v>4855</v>
      </c>
      <c r="C7754" t="s">
        <v>4856</v>
      </c>
      <c r="D7754" t="s">
        <v>4857</v>
      </c>
      <c r="E7754" t="s">
        <v>4592</v>
      </c>
      <c r="F7754" t="s">
        <v>4593</v>
      </c>
      <c r="G7754" t="s">
        <v>80</v>
      </c>
      <c r="H7754" t="s">
        <v>81</v>
      </c>
      <c r="I7754" s="2">
        <v>1</v>
      </c>
      <c r="J7754" s="2">
        <v>0</v>
      </c>
      <c r="K7754" s="2">
        <v>0</v>
      </c>
      <c r="L7754" t="s">
        <v>120</v>
      </c>
      <c r="M7754" t="s">
        <v>83</v>
      </c>
      <c r="N7754" t="s">
        <v>84</v>
      </c>
      <c r="O7754" t="s">
        <v>85</v>
      </c>
      <c r="P7754" t="s">
        <v>86</v>
      </c>
      <c r="Q7754">
        <v>17</v>
      </c>
      <c r="R7754">
        <v>17</v>
      </c>
      <c r="S7754">
        <v>17</v>
      </c>
      <c r="T7754">
        <v>18</v>
      </c>
      <c r="U7754">
        <v>18</v>
      </c>
      <c r="V7754">
        <v>18</v>
      </c>
      <c r="W7754">
        <v>19</v>
      </c>
      <c r="X7754">
        <v>19</v>
      </c>
      <c r="Y7754">
        <v>19</v>
      </c>
      <c r="Z7754">
        <v>19</v>
      </c>
      <c r="AA7754">
        <v>20</v>
      </c>
      <c r="AB7754">
        <v>20</v>
      </c>
      <c r="AC7754">
        <v>20</v>
      </c>
      <c r="AD7754">
        <v>20</v>
      </c>
      <c r="AE7754">
        <v>21</v>
      </c>
      <c r="AF7754">
        <v>21</v>
      </c>
      <c r="AG7754">
        <v>21</v>
      </c>
      <c r="AH7754">
        <v>21</v>
      </c>
      <c r="AI7754">
        <v>21</v>
      </c>
      <c r="AJ7754">
        <v>22</v>
      </c>
      <c r="AK7754">
        <v>22</v>
      </c>
      <c r="AL7754">
        <v>22</v>
      </c>
      <c r="AM7754">
        <v>22</v>
      </c>
      <c r="AN7754">
        <v>22</v>
      </c>
      <c r="AO7754">
        <v>22</v>
      </c>
      <c r="AP7754">
        <v>22</v>
      </c>
      <c r="AQ7754">
        <v>22</v>
      </c>
    </row>
    <row r="7755" spans="1:43">
      <c r="A7755" t="s">
        <v>4854</v>
      </c>
      <c r="B7755" t="s">
        <v>4855</v>
      </c>
      <c r="C7755" t="s">
        <v>4856</v>
      </c>
      <c r="D7755" t="s">
        <v>4857</v>
      </c>
      <c r="E7755" t="s">
        <v>4592</v>
      </c>
      <c r="F7755" t="s">
        <v>4593</v>
      </c>
      <c r="G7755" t="s">
        <v>80</v>
      </c>
      <c r="H7755" t="s">
        <v>81</v>
      </c>
      <c r="I7755" s="2">
        <v>1</v>
      </c>
      <c r="J7755" s="2">
        <v>0</v>
      </c>
      <c r="K7755" s="2">
        <v>0</v>
      </c>
      <c r="L7755" t="s">
        <v>120</v>
      </c>
      <c r="M7755" t="s">
        <v>87</v>
      </c>
      <c r="N7755" t="s">
        <v>88</v>
      </c>
      <c r="O7755" t="s">
        <v>85</v>
      </c>
      <c r="P7755" t="s">
        <v>86</v>
      </c>
      <c r="Q7755">
        <v>17</v>
      </c>
      <c r="R7755">
        <v>17</v>
      </c>
      <c r="S7755">
        <v>17</v>
      </c>
      <c r="T7755">
        <v>17</v>
      </c>
      <c r="U7755">
        <v>17</v>
      </c>
      <c r="V7755">
        <v>17</v>
      </c>
      <c r="W7755">
        <v>17</v>
      </c>
      <c r="X7755">
        <v>18</v>
      </c>
      <c r="Y7755">
        <v>18</v>
      </c>
      <c r="Z7755">
        <v>18</v>
      </c>
      <c r="AA7755">
        <v>18</v>
      </c>
      <c r="AB7755">
        <v>18</v>
      </c>
      <c r="AC7755">
        <v>18</v>
      </c>
      <c r="AD7755">
        <v>18</v>
      </c>
      <c r="AE7755">
        <v>18</v>
      </c>
      <c r="AF7755">
        <v>18</v>
      </c>
      <c r="AG7755">
        <v>18</v>
      </c>
      <c r="AH7755">
        <v>18</v>
      </c>
      <c r="AI7755">
        <v>19</v>
      </c>
      <c r="AJ7755">
        <v>19</v>
      </c>
      <c r="AK7755">
        <v>19</v>
      </c>
      <c r="AL7755">
        <v>19</v>
      </c>
      <c r="AM7755">
        <v>19</v>
      </c>
      <c r="AN7755">
        <v>19</v>
      </c>
      <c r="AO7755">
        <v>19</v>
      </c>
      <c r="AP7755">
        <v>19</v>
      </c>
      <c r="AQ7755">
        <v>19</v>
      </c>
    </row>
    <row r="7756" spans="1:43">
      <c r="A7756" t="s">
        <v>4854</v>
      </c>
      <c r="B7756" t="s">
        <v>4855</v>
      </c>
      <c r="C7756" t="s">
        <v>4856</v>
      </c>
      <c r="D7756" t="s">
        <v>4857</v>
      </c>
      <c r="E7756" t="s">
        <v>4592</v>
      </c>
      <c r="F7756" t="s">
        <v>4593</v>
      </c>
      <c r="G7756" t="s">
        <v>80</v>
      </c>
      <c r="H7756" t="s">
        <v>81</v>
      </c>
      <c r="I7756" s="2">
        <v>1</v>
      </c>
      <c r="J7756" s="2">
        <v>0</v>
      </c>
      <c r="K7756" s="2">
        <v>0</v>
      </c>
      <c r="L7756" t="s">
        <v>120</v>
      </c>
      <c r="M7756" t="s">
        <v>89</v>
      </c>
      <c r="N7756" t="s">
        <v>90</v>
      </c>
      <c r="O7756" t="s">
        <v>85</v>
      </c>
      <c r="P7756" t="s">
        <v>86</v>
      </c>
      <c r="Q7756">
        <v>17</v>
      </c>
      <c r="R7756">
        <v>17</v>
      </c>
      <c r="S7756">
        <v>18</v>
      </c>
      <c r="T7756">
        <v>18</v>
      </c>
      <c r="U7756">
        <v>19</v>
      </c>
      <c r="V7756">
        <v>19</v>
      </c>
      <c r="W7756">
        <v>19</v>
      </c>
      <c r="X7756">
        <v>20</v>
      </c>
      <c r="Y7756">
        <v>20</v>
      </c>
      <c r="Z7756">
        <v>20</v>
      </c>
      <c r="AA7756">
        <v>21</v>
      </c>
      <c r="AB7756">
        <v>21</v>
      </c>
      <c r="AC7756">
        <v>21</v>
      </c>
      <c r="AD7756">
        <v>22</v>
      </c>
      <c r="AE7756">
        <v>22</v>
      </c>
      <c r="AF7756">
        <v>22</v>
      </c>
      <c r="AG7756">
        <v>22</v>
      </c>
      <c r="AH7756">
        <v>22</v>
      </c>
      <c r="AI7756">
        <v>22</v>
      </c>
      <c r="AJ7756">
        <v>22</v>
      </c>
      <c r="AK7756">
        <v>22</v>
      </c>
      <c r="AL7756">
        <v>22</v>
      </c>
      <c r="AM7756">
        <v>22</v>
      </c>
      <c r="AN7756">
        <v>22</v>
      </c>
      <c r="AO7756">
        <v>23</v>
      </c>
      <c r="AP7756">
        <v>23</v>
      </c>
      <c r="AQ7756">
        <v>23</v>
      </c>
    </row>
    <row r="7757" spans="1:43">
      <c r="A7757" t="s">
        <v>4854</v>
      </c>
      <c r="B7757" t="s">
        <v>4855</v>
      </c>
      <c r="C7757" t="s">
        <v>4856</v>
      </c>
      <c r="D7757" t="s">
        <v>4857</v>
      </c>
      <c r="E7757" t="s">
        <v>4592</v>
      </c>
      <c r="F7757" t="s">
        <v>4593</v>
      </c>
      <c r="G7757" t="s">
        <v>80</v>
      </c>
      <c r="H7757" t="s">
        <v>81</v>
      </c>
      <c r="I7757" s="2">
        <v>1</v>
      </c>
      <c r="J7757" s="2">
        <v>0</v>
      </c>
      <c r="K7757" s="2">
        <v>0</v>
      </c>
      <c r="L7757" t="s">
        <v>120</v>
      </c>
      <c r="M7757" t="s">
        <v>83</v>
      </c>
      <c r="N7757" t="s">
        <v>91</v>
      </c>
      <c r="O7757" t="s">
        <v>85</v>
      </c>
      <c r="P7757" t="s">
        <v>86</v>
      </c>
      <c r="Q7757">
        <v>17</v>
      </c>
      <c r="R7757">
        <v>17</v>
      </c>
      <c r="S7757">
        <v>17</v>
      </c>
      <c r="T7757">
        <v>18</v>
      </c>
      <c r="U7757">
        <v>18</v>
      </c>
      <c r="V7757">
        <v>18</v>
      </c>
      <c r="W7757">
        <v>19</v>
      </c>
      <c r="X7757">
        <v>19</v>
      </c>
      <c r="Y7757">
        <v>19</v>
      </c>
      <c r="Z7757">
        <v>19</v>
      </c>
      <c r="AA7757">
        <v>20</v>
      </c>
      <c r="AB7757">
        <v>20</v>
      </c>
      <c r="AC7757">
        <v>20</v>
      </c>
      <c r="AD7757">
        <v>20</v>
      </c>
      <c r="AE7757">
        <v>21</v>
      </c>
      <c r="AF7757">
        <v>21</v>
      </c>
      <c r="AG7757">
        <v>21</v>
      </c>
      <c r="AH7757">
        <v>21</v>
      </c>
      <c r="AI7757">
        <v>21</v>
      </c>
      <c r="AJ7757">
        <v>22</v>
      </c>
      <c r="AK7757">
        <v>22</v>
      </c>
      <c r="AL7757">
        <v>22</v>
      </c>
      <c r="AM7757">
        <v>22</v>
      </c>
      <c r="AN7757">
        <v>22</v>
      </c>
      <c r="AO7757">
        <v>22</v>
      </c>
      <c r="AP7757">
        <v>22</v>
      </c>
      <c r="AQ7757">
        <v>22</v>
      </c>
    </row>
    <row r="7758" spans="1:43">
      <c r="A7758" t="s">
        <v>4858</v>
      </c>
      <c r="B7758" t="s">
        <v>4859</v>
      </c>
      <c r="C7758" t="s">
        <v>4856</v>
      </c>
      <c r="D7758" t="s">
        <v>4857</v>
      </c>
      <c r="E7758" t="s">
        <v>4592</v>
      </c>
      <c r="F7758" t="s">
        <v>4593</v>
      </c>
      <c r="G7758" t="s">
        <v>80</v>
      </c>
      <c r="H7758" t="s">
        <v>81</v>
      </c>
      <c r="I7758" s="2">
        <v>1</v>
      </c>
      <c r="J7758" s="2">
        <v>0</v>
      </c>
      <c r="K7758" s="2">
        <v>0</v>
      </c>
      <c r="L7758" t="s">
        <v>120</v>
      </c>
      <c r="M7758" t="s">
        <v>83</v>
      </c>
      <c r="N7758" t="s">
        <v>84</v>
      </c>
      <c r="O7758" t="s">
        <v>85</v>
      </c>
      <c r="P7758" t="s">
        <v>86</v>
      </c>
      <c r="Q7758">
        <v>31</v>
      </c>
      <c r="R7758">
        <v>31</v>
      </c>
      <c r="S7758">
        <v>32</v>
      </c>
      <c r="T7758">
        <v>32</v>
      </c>
      <c r="U7758">
        <v>33</v>
      </c>
      <c r="V7758">
        <v>33</v>
      </c>
      <c r="W7758">
        <v>34</v>
      </c>
      <c r="X7758">
        <v>34</v>
      </c>
      <c r="Y7758">
        <v>35</v>
      </c>
      <c r="Z7758">
        <v>35</v>
      </c>
      <c r="AA7758">
        <v>36</v>
      </c>
      <c r="AB7758">
        <v>36</v>
      </c>
      <c r="AC7758">
        <v>37</v>
      </c>
      <c r="AD7758">
        <v>37</v>
      </c>
      <c r="AE7758">
        <v>38</v>
      </c>
      <c r="AF7758">
        <v>38</v>
      </c>
      <c r="AG7758">
        <v>39</v>
      </c>
      <c r="AH7758">
        <v>39</v>
      </c>
      <c r="AI7758">
        <v>39</v>
      </c>
      <c r="AJ7758">
        <v>40</v>
      </c>
      <c r="AK7758">
        <v>40</v>
      </c>
      <c r="AL7758">
        <v>40</v>
      </c>
      <c r="AM7758">
        <v>41</v>
      </c>
      <c r="AN7758">
        <v>41</v>
      </c>
      <c r="AO7758">
        <v>41</v>
      </c>
      <c r="AP7758">
        <v>41</v>
      </c>
      <c r="AQ7758">
        <v>41</v>
      </c>
    </row>
    <row r="7759" spans="1:43">
      <c r="A7759" t="s">
        <v>4858</v>
      </c>
      <c r="B7759" t="s">
        <v>4859</v>
      </c>
      <c r="C7759" t="s">
        <v>4856</v>
      </c>
      <c r="D7759" t="s">
        <v>4857</v>
      </c>
      <c r="E7759" t="s">
        <v>4592</v>
      </c>
      <c r="F7759" t="s">
        <v>4593</v>
      </c>
      <c r="G7759" t="s">
        <v>80</v>
      </c>
      <c r="H7759" t="s">
        <v>81</v>
      </c>
      <c r="I7759" s="2">
        <v>1</v>
      </c>
      <c r="J7759" s="2">
        <v>0</v>
      </c>
      <c r="K7759" s="2">
        <v>0</v>
      </c>
      <c r="L7759" t="s">
        <v>120</v>
      </c>
      <c r="M7759" t="s">
        <v>87</v>
      </c>
      <c r="N7759" t="s">
        <v>88</v>
      </c>
      <c r="O7759" t="s">
        <v>85</v>
      </c>
      <c r="P7759" t="s">
        <v>86</v>
      </c>
      <c r="Q7759">
        <v>31</v>
      </c>
      <c r="R7759">
        <v>31</v>
      </c>
      <c r="S7759">
        <v>31</v>
      </c>
      <c r="T7759">
        <v>31</v>
      </c>
      <c r="U7759">
        <v>32</v>
      </c>
      <c r="V7759">
        <v>32</v>
      </c>
      <c r="W7759">
        <v>32</v>
      </c>
      <c r="X7759">
        <v>32</v>
      </c>
      <c r="Y7759">
        <v>32</v>
      </c>
      <c r="Z7759">
        <v>32</v>
      </c>
      <c r="AA7759">
        <v>33</v>
      </c>
      <c r="AB7759">
        <v>33</v>
      </c>
      <c r="AC7759">
        <v>33</v>
      </c>
      <c r="AD7759">
        <v>33</v>
      </c>
      <c r="AE7759">
        <v>33</v>
      </c>
      <c r="AF7759">
        <v>34</v>
      </c>
      <c r="AG7759">
        <v>34</v>
      </c>
      <c r="AH7759">
        <v>34</v>
      </c>
      <c r="AI7759">
        <v>34</v>
      </c>
      <c r="AJ7759">
        <v>34</v>
      </c>
      <c r="AK7759">
        <v>34</v>
      </c>
      <c r="AL7759">
        <v>34</v>
      </c>
      <c r="AM7759">
        <v>35</v>
      </c>
      <c r="AN7759">
        <v>35</v>
      </c>
      <c r="AO7759">
        <v>35</v>
      </c>
      <c r="AP7759">
        <v>35</v>
      </c>
      <c r="AQ7759">
        <v>35</v>
      </c>
    </row>
    <row r="7760" spans="1:43">
      <c r="A7760" t="s">
        <v>4858</v>
      </c>
      <c r="B7760" t="s">
        <v>4859</v>
      </c>
      <c r="C7760" t="s">
        <v>4856</v>
      </c>
      <c r="D7760" t="s">
        <v>4857</v>
      </c>
      <c r="E7760" t="s">
        <v>4592</v>
      </c>
      <c r="F7760" t="s">
        <v>4593</v>
      </c>
      <c r="G7760" t="s">
        <v>80</v>
      </c>
      <c r="H7760" t="s">
        <v>81</v>
      </c>
      <c r="I7760" s="2">
        <v>1</v>
      </c>
      <c r="J7760" s="2">
        <v>0</v>
      </c>
      <c r="K7760" s="2">
        <v>0</v>
      </c>
      <c r="L7760" t="s">
        <v>120</v>
      </c>
      <c r="M7760" t="s">
        <v>89</v>
      </c>
      <c r="N7760" t="s">
        <v>90</v>
      </c>
      <c r="O7760" t="s">
        <v>85</v>
      </c>
      <c r="P7760" t="s">
        <v>86</v>
      </c>
      <c r="Q7760">
        <v>31</v>
      </c>
      <c r="R7760">
        <v>32</v>
      </c>
      <c r="S7760">
        <v>33</v>
      </c>
      <c r="T7760">
        <v>34</v>
      </c>
      <c r="U7760">
        <v>34</v>
      </c>
      <c r="V7760">
        <v>35</v>
      </c>
      <c r="W7760">
        <v>36</v>
      </c>
      <c r="X7760">
        <v>36</v>
      </c>
      <c r="Y7760">
        <v>37</v>
      </c>
      <c r="Z7760">
        <v>38</v>
      </c>
      <c r="AA7760">
        <v>38</v>
      </c>
      <c r="AB7760">
        <v>39</v>
      </c>
      <c r="AC7760">
        <v>39</v>
      </c>
      <c r="AD7760">
        <v>40</v>
      </c>
      <c r="AE7760">
        <v>40</v>
      </c>
      <c r="AF7760">
        <v>41</v>
      </c>
      <c r="AG7760">
        <v>41</v>
      </c>
      <c r="AH7760">
        <v>41</v>
      </c>
      <c r="AI7760">
        <v>41</v>
      </c>
      <c r="AJ7760">
        <v>41</v>
      </c>
      <c r="AK7760">
        <v>41</v>
      </c>
      <c r="AL7760">
        <v>41</v>
      </c>
      <c r="AM7760">
        <v>41</v>
      </c>
      <c r="AN7760">
        <v>41</v>
      </c>
      <c r="AO7760">
        <v>41</v>
      </c>
      <c r="AP7760">
        <v>41</v>
      </c>
      <c r="AQ7760">
        <v>41</v>
      </c>
    </row>
    <row r="7761" spans="1:43">
      <c r="A7761" t="s">
        <v>4858</v>
      </c>
      <c r="B7761" t="s">
        <v>4859</v>
      </c>
      <c r="C7761" t="s">
        <v>4856</v>
      </c>
      <c r="D7761" t="s">
        <v>4857</v>
      </c>
      <c r="E7761" t="s">
        <v>4592</v>
      </c>
      <c r="F7761" t="s">
        <v>4593</v>
      </c>
      <c r="G7761" t="s">
        <v>80</v>
      </c>
      <c r="H7761" t="s">
        <v>81</v>
      </c>
      <c r="I7761" s="2">
        <v>1</v>
      </c>
      <c r="J7761" s="2">
        <v>0</v>
      </c>
      <c r="K7761" s="2">
        <v>0</v>
      </c>
      <c r="L7761" t="s">
        <v>120</v>
      </c>
      <c r="M7761" t="s">
        <v>83</v>
      </c>
      <c r="N7761" t="s">
        <v>91</v>
      </c>
      <c r="O7761" t="s">
        <v>85</v>
      </c>
      <c r="P7761" t="s">
        <v>86</v>
      </c>
      <c r="Q7761">
        <v>31</v>
      </c>
      <c r="R7761">
        <v>31</v>
      </c>
      <c r="S7761">
        <v>32</v>
      </c>
      <c r="T7761">
        <v>32</v>
      </c>
      <c r="U7761">
        <v>33</v>
      </c>
      <c r="V7761">
        <v>33</v>
      </c>
      <c r="W7761">
        <v>34</v>
      </c>
      <c r="X7761">
        <v>34</v>
      </c>
      <c r="Y7761">
        <v>35</v>
      </c>
      <c r="Z7761">
        <v>35</v>
      </c>
      <c r="AA7761">
        <v>36</v>
      </c>
      <c r="AB7761">
        <v>36</v>
      </c>
      <c r="AC7761">
        <v>37</v>
      </c>
      <c r="AD7761">
        <v>37</v>
      </c>
      <c r="AE7761">
        <v>38</v>
      </c>
      <c r="AF7761">
        <v>38</v>
      </c>
      <c r="AG7761">
        <v>39</v>
      </c>
      <c r="AH7761">
        <v>39</v>
      </c>
      <c r="AI7761">
        <v>39</v>
      </c>
      <c r="AJ7761">
        <v>40</v>
      </c>
      <c r="AK7761">
        <v>40</v>
      </c>
      <c r="AL7761">
        <v>40</v>
      </c>
      <c r="AM7761">
        <v>41</v>
      </c>
      <c r="AN7761">
        <v>41</v>
      </c>
      <c r="AO7761">
        <v>41</v>
      </c>
      <c r="AP7761">
        <v>41</v>
      </c>
      <c r="AQ7761">
        <v>41</v>
      </c>
    </row>
    <row r="7762" spans="1:43">
      <c r="A7762" t="s">
        <v>4860</v>
      </c>
      <c r="B7762" t="s">
        <v>4861</v>
      </c>
      <c r="C7762" t="s">
        <v>4846</v>
      </c>
      <c r="D7762" t="s">
        <v>4847</v>
      </c>
      <c r="E7762" t="s">
        <v>4592</v>
      </c>
      <c r="F7762" t="s">
        <v>4593</v>
      </c>
      <c r="G7762" t="s">
        <v>80</v>
      </c>
      <c r="H7762" t="s">
        <v>81</v>
      </c>
      <c r="I7762" s="2">
        <v>1</v>
      </c>
      <c r="J7762" s="2">
        <v>0</v>
      </c>
      <c r="K7762" s="2">
        <v>0</v>
      </c>
      <c r="L7762" t="s">
        <v>120</v>
      </c>
      <c r="M7762" t="s">
        <v>83</v>
      </c>
      <c r="N7762" t="s">
        <v>84</v>
      </c>
      <c r="O7762" t="s">
        <v>85</v>
      </c>
      <c r="P7762" t="s">
        <v>86</v>
      </c>
      <c r="Q7762">
        <v>10</v>
      </c>
      <c r="R7762">
        <v>10</v>
      </c>
      <c r="S7762">
        <v>10</v>
      </c>
      <c r="T7762">
        <v>10</v>
      </c>
      <c r="U7762">
        <v>10</v>
      </c>
      <c r="V7762">
        <v>10</v>
      </c>
      <c r="W7762">
        <v>10</v>
      </c>
      <c r="X7762">
        <v>11</v>
      </c>
      <c r="Y7762">
        <v>11</v>
      </c>
      <c r="Z7762">
        <v>11</v>
      </c>
      <c r="AA7762">
        <v>11</v>
      </c>
      <c r="AB7762">
        <v>11</v>
      </c>
      <c r="AC7762">
        <v>11</v>
      </c>
      <c r="AD7762">
        <v>11</v>
      </c>
      <c r="AE7762">
        <v>12</v>
      </c>
      <c r="AF7762">
        <v>12</v>
      </c>
      <c r="AG7762">
        <v>12</v>
      </c>
      <c r="AH7762">
        <v>12</v>
      </c>
      <c r="AI7762">
        <v>12</v>
      </c>
      <c r="AJ7762">
        <v>12</v>
      </c>
      <c r="AK7762">
        <v>12</v>
      </c>
      <c r="AL7762">
        <v>12</v>
      </c>
      <c r="AM7762">
        <v>12</v>
      </c>
      <c r="AN7762">
        <v>12</v>
      </c>
      <c r="AO7762">
        <v>13</v>
      </c>
      <c r="AP7762">
        <v>13</v>
      </c>
      <c r="AQ7762">
        <v>13</v>
      </c>
    </row>
    <row r="7763" spans="1:43">
      <c r="A7763" t="s">
        <v>4860</v>
      </c>
      <c r="B7763" t="s">
        <v>4861</v>
      </c>
      <c r="C7763" t="s">
        <v>4846</v>
      </c>
      <c r="D7763" t="s">
        <v>4847</v>
      </c>
      <c r="E7763" t="s">
        <v>4592</v>
      </c>
      <c r="F7763" t="s">
        <v>4593</v>
      </c>
      <c r="G7763" t="s">
        <v>80</v>
      </c>
      <c r="H7763" t="s">
        <v>81</v>
      </c>
      <c r="I7763" s="2">
        <v>1</v>
      </c>
      <c r="J7763" s="2">
        <v>0</v>
      </c>
      <c r="K7763" s="2">
        <v>0</v>
      </c>
      <c r="L7763" t="s">
        <v>120</v>
      </c>
      <c r="M7763" t="s">
        <v>87</v>
      </c>
      <c r="N7763" t="s">
        <v>88</v>
      </c>
      <c r="O7763" t="s">
        <v>85</v>
      </c>
      <c r="P7763" t="s">
        <v>86</v>
      </c>
      <c r="Q7763">
        <v>10</v>
      </c>
      <c r="R7763">
        <v>10</v>
      </c>
      <c r="S7763">
        <v>11</v>
      </c>
      <c r="T7763">
        <v>11</v>
      </c>
      <c r="U7763">
        <v>11</v>
      </c>
      <c r="V7763">
        <v>11</v>
      </c>
      <c r="W7763">
        <v>11</v>
      </c>
      <c r="X7763">
        <v>11</v>
      </c>
      <c r="Y7763">
        <v>11</v>
      </c>
      <c r="Z7763">
        <v>11</v>
      </c>
      <c r="AA7763">
        <v>11</v>
      </c>
      <c r="AB7763">
        <v>11</v>
      </c>
      <c r="AC7763">
        <v>11</v>
      </c>
      <c r="AD7763">
        <v>11</v>
      </c>
      <c r="AE7763">
        <v>11</v>
      </c>
      <c r="AF7763">
        <v>11</v>
      </c>
      <c r="AG7763">
        <v>11</v>
      </c>
      <c r="AH7763">
        <v>11</v>
      </c>
      <c r="AI7763">
        <v>11</v>
      </c>
      <c r="AJ7763">
        <v>11</v>
      </c>
      <c r="AK7763">
        <v>12</v>
      </c>
      <c r="AL7763">
        <v>12</v>
      </c>
      <c r="AM7763">
        <v>12</v>
      </c>
      <c r="AN7763">
        <v>12</v>
      </c>
      <c r="AO7763">
        <v>12</v>
      </c>
      <c r="AP7763">
        <v>12</v>
      </c>
      <c r="AQ7763">
        <v>12</v>
      </c>
    </row>
    <row r="7764" spans="1:43">
      <c r="A7764" t="s">
        <v>4860</v>
      </c>
      <c r="B7764" t="s">
        <v>4861</v>
      </c>
      <c r="C7764" t="s">
        <v>4846</v>
      </c>
      <c r="D7764" t="s">
        <v>4847</v>
      </c>
      <c r="E7764" t="s">
        <v>4592</v>
      </c>
      <c r="F7764" t="s">
        <v>4593</v>
      </c>
      <c r="G7764" t="s">
        <v>80</v>
      </c>
      <c r="H7764" t="s">
        <v>81</v>
      </c>
      <c r="I7764" s="2">
        <v>1</v>
      </c>
      <c r="J7764" s="2">
        <v>0</v>
      </c>
      <c r="K7764" s="2">
        <v>0</v>
      </c>
      <c r="L7764" t="s">
        <v>120</v>
      </c>
      <c r="M7764" t="s">
        <v>89</v>
      </c>
      <c r="N7764" t="s">
        <v>90</v>
      </c>
      <c r="O7764" t="s">
        <v>85</v>
      </c>
      <c r="P7764" t="s">
        <v>86</v>
      </c>
      <c r="Q7764">
        <v>10</v>
      </c>
      <c r="R7764">
        <v>10</v>
      </c>
      <c r="S7764">
        <v>10</v>
      </c>
      <c r="T7764">
        <v>10</v>
      </c>
      <c r="U7764">
        <v>11</v>
      </c>
      <c r="V7764">
        <v>11</v>
      </c>
      <c r="W7764">
        <v>11</v>
      </c>
      <c r="X7764">
        <v>11</v>
      </c>
      <c r="Y7764">
        <v>11</v>
      </c>
      <c r="Z7764">
        <v>12</v>
      </c>
      <c r="AA7764">
        <v>12</v>
      </c>
      <c r="AB7764">
        <v>12</v>
      </c>
      <c r="AC7764">
        <v>12</v>
      </c>
      <c r="AD7764">
        <v>12</v>
      </c>
      <c r="AE7764">
        <v>12</v>
      </c>
      <c r="AF7764">
        <v>12</v>
      </c>
      <c r="AG7764">
        <v>12</v>
      </c>
      <c r="AH7764">
        <v>13</v>
      </c>
      <c r="AI7764">
        <v>13</v>
      </c>
      <c r="AJ7764">
        <v>13</v>
      </c>
      <c r="AK7764">
        <v>13</v>
      </c>
      <c r="AL7764">
        <v>13</v>
      </c>
      <c r="AM7764">
        <v>13</v>
      </c>
      <c r="AN7764">
        <v>13</v>
      </c>
      <c r="AO7764">
        <v>13</v>
      </c>
      <c r="AP7764">
        <v>13</v>
      </c>
      <c r="AQ7764">
        <v>13</v>
      </c>
    </row>
    <row r="7765" spans="1:43">
      <c r="A7765" t="s">
        <v>4860</v>
      </c>
      <c r="B7765" t="s">
        <v>4861</v>
      </c>
      <c r="C7765" t="s">
        <v>4846</v>
      </c>
      <c r="D7765" t="s">
        <v>4847</v>
      </c>
      <c r="E7765" t="s">
        <v>4592</v>
      </c>
      <c r="F7765" t="s">
        <v>4593</v>
      </c>
      <c r="G7765" t="s">
        <v>80</v>
      </c>
      <c r="H7765" t="s">
        <v>81</v>
      </c>
      <c r="I7765" s="2">
        <v>1</v>
      </c>
      <c r="J7765" s="2">
        <v>0</v>
      </c>
      <c r="K7765" s="2">
        <v>0</v>
      </c>
      <c r="L7765" t="s">
        <v>120</v>
      </c>
      <c r="M7765" t="s">
        <v>83</v>
      </c>
      <c r="N7765" t="s">
        <v>91</v>
      </c>
      <c r="O7765" t="s">
        <v>85</v>
      </c>
      <c r="P7765" t="s">
        <v>86</v>
      </c>
      <c r="Q7765">
        <v>10</v>
      </c>
      <c r="R7765">
        <v>10</v>
      </c>
      <c r="S7765">
        <v>10</v>
      </c>
      <c r="T7765">
        <v>10</v>
      </c>
      <c r="U7765">
        <v>10</v>
      </c>
      <c r="V7765">
        <v>10</v>
      </c>
      <c r="W7765">
        <v>10</v>
      </c>
      <c r="X7765">
        <v>11</v>
      </c>
      <c r="Y7765">
        <v>11</v>
      </c>
      <c r="Z7765">
        <v>11</v>
      </c>
      <c r="AA7765">
        <v>11</v>
      </c>
      <c r="AB7765">
        <v>11</v>
      </c>
      <c r="AC7765">
        <v>11</v>
      </c>
      <c r="AD7765">
        <v>11</v>
      </c>
      <c r="AE7765">
        <v>12</v>
      </c>
      <c r="AF7765">
        <v>12</v>
      </c>
      <c r="AG7765">
        <v>12</v>
      </c>
      <c r="AH7765">
        <v>12</v>
      </c>
      <c r="AI7765">
        <v>12</v>
      </c>
      <c r="AJ7765">
        <v>12</v>
      </c>
      <c r="AK7765">
        <v>12</v>
      </c>
      <c r="AL7765">
        <v>12</v>
      </c>
      <c r="AM7765">
        <v>12</v>
      </c>
      <c r="AN7765">
        <v>12</v>
      </c>
      <c r="AO7765">
        <v>13</v>
      </c>
      <c r="AP7765">
        <v>13</v>
      </c>
      <c r="AQ7765">
        <v>13</v>
      </c>
    </row>
    <row r="7766" spans="1:43">
      <c r="A7766" t="s">
        <v>4862</v>
      </c>
      <c r="B7766" t="s">
        <v>4863</v>
      </c>
      <c r="C7766" t="s">
        <v>4856</v>
      </c>
      <c r="D7766" t="s">
        <v>4857</v>
      </c>
      <c r="E7766" t="s">
        <v>4592</v>
      </c>
      <c r="F7766" t="s">
        <v>4593</v>
      </c>
      <c r="G7766" t="s">
        <v>80</v>
      </c>
      <c r="H7766" t="s">
        <v>81</v>
      </c>
      <c r="I7766" s="2">
        <v>0.99</v>
      </c>
      <c r="J7766" s="2">
        <v>0</v>
      </c>
      <c r="K7766" s="2">
        <v>0</v>
      </c>
      <c r="L7766" t="s">
        <v>120</v>
      </c>
      <c r="M7766" t="s">
        <v>83</v>
      </c>
      <c r="N7766" t="s">
        <v>84</v>
      </c>
      <c r="O7766" t="s">
        <v>85</v>
      </c>
      <c r="P7766" t="s">
        <v>86</v>
      </c>
      <c r="Q7766">
        <v>49</v>
      </c>
      <c r="R7766">
        <v>50</v>
      </c>
      <c r="S7766">
        <v>51</v>
      </c>
      <c r="T7766">
        <v>51</v>
      </c>
      <c r="U7766">
        <v>52</v>
      </c>
      <c r="V7766">
        <v>53</v>
      </c>
      <c r="W7766">
        <v>54</v>
      </c>
      <c r="X7766">
        <v>54</v>
      </c>
      <c r="Y7766">
        <v>55</v>
      </c>
      <c r="Z7766">
        <v>56</v>
      </c>
      <c r="AA7766">
        <v>57</v>
      </c>
      <c r="AB7766">
        <v>57</v>
      </c>
      <c r="AC7766">
        <v>58</v>
      </c>
      <c r="AD7766">
        <v>59</v>
      </c>
      <c r="AE7766">
        <v>59</v>
      </c>
      <c r="AF7766">
        <v>60</v>
      </c>
      <c r="AG7766">
        <v>61</v>
      </c>
      <c r="AH7766">
        <v>62</v>
      </c>
      <c r="AI7766">
        <v>62</v>
      </c>
      <c r="AJ7766">
        <v>63</v>
      </c>
      <c r="AK7766">
        <v>64</v>
      </c>
      <c r="AL7766">
        <v>64</v>
      </c>
      <c r="AM7766">
        <v>64</v>
      </c>
      <c r="AN7766">
        <v>64</v>
      </c>
      <c r="AO7766">
        <v>64</v>
      </c>
      <c r="AP7766">
        <v>64</v>
      </c>
      <c r="AQ7766">
        <v>64</v>
      </c>
    </row>
    <row r="7767" spans="1:43">
      <c r="A7767" t="s">
        <v>4862</v>
      </c>
      <c r="B7767" t="s">
        <v>4863</v>
      </c>
      <c r="C7767" t="s">
        <v>4856</v>
      </c>
      <c r="D7767" t="s">
        <v>4857</v>
      </c>
      <c r="E7767" t="s">
        <v>4592</v>
      </c>
      <c r="F7767" t="s">
        <v>4593</v>
      </c>
      <c r="G7767" t="s">
        <v>80</v>
      </c>
      <c r="H7767" t="s">
        <v>81</v>
      </c>
      <c r="I7767" s="2">
        <v>0.99</v>
      </c>
      <c r="J7767" s="2">
        <v>0</v>
      </c>
      <c r="K7767" s="2">
        <v>0</v>
      </c>
      <c r="L7767" t="s">
        <v>120</v>
      </c>
      <c r="M7767" t="s">
        <v>87</v>
      </c>
      <c r="N7767" t="s">
        <v>88</v>
      </c>
      <c r="O7767" t="s">
        <v>85</v>
      </c>
      <c r="P7767" t="s">
        <v>86</v>
      </c>
      <c r="Q7767">
        <v>49</v>
      </c>
      <c r="R7767">
        <v>49</v>
      </c>
      <c r="S7767">
        <v>49</v>
      </c>
      <c r="T7767">
        <v>50</v>
      </c>
      <c r="U7767">
        <v>50</v>
      </c>
      <c r="V7767">
        <v>50</v>
      </c>
      <c r="W7767">
        <v>50</v>
      </c>
      <c r="X7767">
        <v>51</v>
      </c>
      <c r="Y7767">
        <v>51</v>
      </c>
      <c r="Z7767">
        <v>51</v>
      </c>
      <c r="AA7767">
        <v>52</v>
      </c>
      <c r="AB7767">
        <v>52</v>
      </c>
      <c r="AC7767">
        <v>52</v>
      </c>
      <c r="AD7767">
        <v>52</v>
      </c>
      <c r="AE7767">
        <v>53</v>
      </c>
      <c r="AF7767">
        <v>53</v>
      </c>
      <c r="AG7767">
        <v>53</v>
      </c>
      <c r="AH7767">
        <v>53</v>
      </c>
      <c r="AI7767">
        <v>54</v>
      </c>
      <c r="AJ7767">
        <v>54</v>
      </c>
      <c r="AK7767">
        <v>54</v>
      </c>
      <c r="AL7767">
        <v>54</v>
      </c>
      <c r="AM7767">
        <v>55</v>
      </c>
      <c r="AN7767">
        <v>55</v>
      </c>
      <c r="AO7767">
        <v>55</v>
      </c>
      <c r="AP7767">
        <v>55</v>
      </c>
      <c r="AQ7767">
        <v>55</v>
      </c>
    </row>
    <row r="7768" spans="1:43">
      <c r="A7768" t="s">
        <v>4862</v>
      </c>
      <c r="B7768" t="s">
        <v>4863</v>
      </c>
      <c r="C7768" t="s">
        <v>4856</v>
      </c>
      <c r="D7768" t="s">
        <v>4857</v>
      </c>
      <c r="E7768" t="s">
        <v>4592</v>
      </c>
      <c r="F7768" t="s">
        <v>4593</v>
      </c>
      <c r="G7768" t="s">
        <v>80</v>
      </c>
      <c r="H7768" t="s">
        <v>81</v>
      </c>
      <c r="I7768" s="2">
        <v>0.99</v>
      </c>
      <c r="J7768" s="2">
        <v>0</v>
      </c>
      <c r="K7768" s="2">
        <v>0</v>
      </c>
      <c r="L7768" t="s">
        <v>120</v>
      </c>
      <c r="M7768" t="s">
        <v>89</v>
      </c>
      <c r="N7768" t="s">
        <v>90</v>
      </c>
      <c r="O7768" t="s">
        <v>85</v>
      </c>
      <c r="P7768" t="s">
        <v>86</v>
      </c>
      <c r="Q7768">
        <v>49</v>
      </c>
      <c r="R7768">
        <v>51</v>
      </c>
      <c r="S7768">
        <v>52</v>
      </c>
      <c r="T7768">
        <v>53</v>
      </c>
      <c r="U7768">
        <v>54</v>
      </c>
      <c r="V7768">
        <v>55</v>
      </c>
      <c r="W7768">
        <v>56</v>
      </c>
      <c r="X7768">
        <v>57</v>
      </c>
      <c r="Y7768">
        <v>58</v>
      </c>
      <c r="Z7768">
        <v>59</v>
      </c>
      <c r="AA7768">
        <v>60</v>
      </c>
      <c r="AB7768">
        <v>61</v>
      </c>
      <c r="AC7768">
        <v>62</v>
      </c>
      <c r="AD7768">
        <v>63</v>
      </c>
      <c r="AE7768">
        <v>64</v>
      </c>
      <c r="AF7768">
        <v>64</v>
      </c>
      <c r="AG7768">
        <v>64</v>
      </c>
      <c r="AH7768">
        <v>64</v>
      </c>
      <c r="AI7768">
        <v>64</v>
      </c>
      <c r="AJ7768">
        <v>65</v>
      </c>
      <c r="AK7768">
        <v>65</v>
      </c>
      <c r="AL7768">
        <v>65</v>
      </c>
      <c r="AM7768">
        <v>65</v>
      </c>
      <c r="AN7768">
        <v>65</v>
      </c>
      <c r="AO7768">
        <v>65</v>
      </c>
      <c r="AP7768">
        <v>65</v>
      </c>
      <c r="AQ7768">
        <v>65</v>
      </c>
    </row>
    <row r="7769" spans="1:43">
      <c r="A7769" t="s">
        <v>4862</v>
      </c>
      <c r="B7769" t="s">
        <v>4863</v>
      </c>
      <c r="C7769" t="s">
        <v>4856</v>
      </c>
      <c r="D7769" t="s">
        <v>4857</v>
      </c>
      <c r="E7769" t="s">
        <v>4592</v>
      </c>
      <c r="F7769" t="s">
        <v>4593</v>
      </c>
      <c r="G7769" t="s">
        <v>80</v>
      </c>
      <c r="H7769" t="s">
        <v>81</v>
      </c>
      <c r="I7769" s="2">
        <v>0.99</v>
      </c>
      <c r="J7769" s="2">
        <v>0</v>
      </c>
      <c r="K7769" s="2">
        <v>0</v>
      </c>
      <c r="L7769" t="s">
        <v>120</v>
      </c>
      <c r="M7769" t="s">
        <v>83</v>
      </c>
      <c r="N7769" t="s">
        <v>91</v>
      </c>
      <c r="O7769" t="s">
        <v>85</v>
      </c>
      <c r="P7769" t="s">
        <v>86</v>
      </c>
      <c r="Q7769">
        <v>49</v>
      </c>
      <c r="R7769">
        <v>50</v>
      </c>
      <c r="S7769">
        <v>51</v>
      </c>
      <c r="T7769">
        <v>51</v>
      </c>
      <c r="U7769">
        <v>52</v>
      </c>
      <c r="V7769">
        <v>53</v>
      </c>
      <c r="W7769">
        <v>54</v>
      </c>
      <c r="X7769">
        <v>54</v>
      </c>
      <c r="Y7769">
        <v>55</v>
      </c>
      <c r="Z7769">
        <v>56</v>
      </c>
      <c r="AA7769">
        <v>57</v>
      </c>
      <c r="AB7769">
        <v>57</v>
      </c>
      <c r="AC7769">
        <v>58</v>
      </c>
      <c r="AD7769">
        <v>59</v>
      </c>
      <c r="AE7769">
        <v>59</v>
      </c>
      <c r="AF7769">
        <v>60</v>
      </c>
      <c r="AG7769">
        <v>61</v>
      </c>
      <c r="AH7769">
        <v>62</v>
      </c>
      <c r="AI7769">
        <v>62</v>
      </c>
      <c r="AJ7769">
        <v>63</v>
      </c>
      <c r="AK7769">
        <v>64</v>
      </c>
      <c r="AL7769">
        <v>64</v>
      </c>
      <c r="AM7769">
        <v>64</v>
      </c>
      <c r="AN7769">
        <v>64</v>
      </c>
      <c r="AO7769">
        <v>64</v>
      </c>
      <c r="AP7769">
        <v>64</v>
      </c>
      <c r="AQ7769">
        <v>64</v>
      </c>
    </row>
    <row r="7770" spans="1:43">
      <c r="A7770" t="s">
        <v>4864</v>
      </c>
      <c r="B7770" t="s">
        <v>4865</v>
      </c>
      <c r="C7770" t="s">
        <v>4856</v>
      </c>
      <c r="D7770" t="s">
        <v>4857</v>
      </c>
      <c r="E7770" t="s">
        <v>4592</v>
      </c>
      <c r="F7770" t="s">
        <v>4593</v>
      </c>
      <c r="G7770" t="s">
        <v>80</v>
      </c>
      <c r="H7770" t="s">
        <v>81</v>
      </c>
      <c r="I7770" s="2">
        <v>1</v>
      </c>
      <c r="J7770" s="2">
        <v>0</v>
      </c>
      <c r="K7770" s="2">
        <v>0</v>
      </c>
      <c r="L7770" t="s">
        <v>120</v>
      </c>
      <c r="M7770" t="s">
        <v>83</v>
      </c>
      <c r="N7770" t="s">
        <v>84</v>
      </c>
      <c r="O7770" t="s">
        <v>85</v>
      </c>
      <c r="P7770" t="s">
        <v>86</v>
      </c>
      <c r="Q7770">
        <v>4</v>
      </c>
      <c r="R7770">
        <v>4</v>
      </c>
      <c r="S7770">
        <v>5</v>
      </c>
      <c r="T7770">
        <v>5</v>
      </c>
      <c r="U7770">
        <v>5</v>
      </c>
      <c r="V7770">
        <v>5</v>
      </c>
      <c r="W7770">
        <v>5</v>
      </c>
      <c r="X7770">
        <v>5</v>
      </c>
      <c r="Y7770">
        <v>5</v>
      </c>
      <c r="Z7770">
        <v>5</v>
      </c>
      <c r="AA7770">
        <v>5</v>
      </c>
      <c r="AB7770">
        <v>5</v>
      </c>
      <c r="AC7770">
        <v>5</v>
      </c>
      <c r="AD7770">
        <v>5</v>
      </c>
      <c r="AE7770">
        <v>5</v>
      </c>
      <c r="AF7770">
        <v>5</v>
      </c>
      <c r="AG7770">
        <v>5</v>
      </c>
      <c r="AH7770">
        <v>6</v>
      </c>
      <c r="AI7770">
        <v>6</v>
      </c>
      <c r="AJ7770">
        <v>6</v>
      </c>
      <c r="AK7770">
        <v>6</v>
      </c>
      <c r="AL7770">
        <v>6</v>
      </c>
      <c r="AM7770">
        <v>6</v>
      </c>
      <c r="AN7770">
        <v>6</v>
      </c>
      <c r="AO7770">
        <v>6</v>
      </c>
      <c r="AP7770">
        <v>6</v>
      </c>
      <c r="AQ7770">
        <v>6</v>
      </c>
    </row>
    <row r="7771" spans="1:43">
      <c r="A7771" t="s">
        <v>4864</v>
      </c>
      <c r="B7771" t="s">
        <v>4865</v>
      </c>
      <c r="C7771" t="s">
        <v>4856</v>
      </c>
      <c r="D7771" t="s">
        <v>4857</v>
      </c>
      <c r="E7771" t="s">
        <v>4592</v>
      </c>
      <c r="F7771" t="s">
        <v>4593</v>
      </c>
      <c r="G7771" t="s">
        <v>80</v>
      </c>
      <c r="H7771" t="s">
        <v>81</v>
      </c>
      <c r="I7771" s="2">
        <v>1</v>
      </c>
      <c r="J7771" s="2">
        <v>0</v>
      </c>
      <c r="K7771" s="2">
        <v>0</v>
      </c>
      <c r="L7771" t="s">
        <v>120</v>
      </c>
      <c r="M7771" t="s">
        <v>87</v>
      </c>
      <c r="N7771" t="s">
        <v>88</v>
      </c>
      <c r="O7771" t="s">
        <v>85</v>
      </c>
      <c r="P7771" t="s">
        <v>86</v>
      </c>
      <c r="Q7771">
        <v>4</v>
      </c>
      <c r="R7771">
        <v>4</v>
      </c>
      <c r="S7771">
        <v>4</v>
      </c>
      <c r="T7771">
        <v>4</v>
      </c>
      <c r="U7771">
        <v>4</v>
      </c>
      <c r="V7771">
        <v>5</v>
      </c>
      <c r="W7771">
        <v>5</v>
      </c>
      <c r="X7771">
        <v>5</v>
      </c>
      <c r="Y7771">
        <v>5</v>
      </c>
      <c r="Z7771">
        <v>5</v>
      </c>
      <c r="AA7771">
        <v>5</v>
      </c>
      <c r="AB7771">
        <v>5</v>
      </c>
      <c r="AC7771">
        <v>5</v>
      </c>
      <c r="AD7771">
        <v>5</v>
      </c>
      <c r="AE7771">
        <v>5</v>
      </c>
      <c r="AF7771">
        <v>5</v>
      </c>
      <c r="AG7771">
        <v>5</v>
      </c>
      <c r="AH7771">
        <v>5</v>
      </c>
      <c r="AI7771">
        <v>5</v>
      </c>
      <c r="AJ7771">
        <v>5</v>
      </c>
      <c r="AK7771">
        <v>5</v>
      </c>
      <c r="AL7771">
        <v>5</v>
      </c>
      <c r="AM7771">
        <v>5</v>
      </c>
      <c r="AN7771">
        <v>5</v>
      </c>
      <c r="AO7771">
        <v>5</v>
      </c>
      <c r="AP7771">
        <v>5</v>
      </c>
      <c r="AQ7771">
        <v>5</v>
      </c>
    </row>
    <row r="7772" spans="1:43">
      <c r="A7772" t="s">
        <v>4864</v>
      </c>
      <c r="B7772" t="s">
        <v>4865</v>
      </c>
      <c r="C7772" t="s">
        <v>4856</v>
      </c>
      <c r="D7772" t="s">
        <v>4857</v>
      </c>
      <c r="E7772" t="s">
        <v>4592</v>
      </c>
      <c r="F7772" t="s">
        <v>4593</v>
      </c>
      <c r="G7772" t="s">
        <v>80</v>
      </c>
      <c r="H7772" t="s">
        <v>81</v>
      </c>
      <c r="I7772" s="2">
        <v>1</v>
      </c>
      <c r="J7772" s="2">
        <v>0</v>
      </c>
      <c r="K7772" s="2">
        <v>0</v>
      </c>
      <c r="L7772" t="s">
        <v>120</v>
      </c>
      <c r="M7772" t="s">
        <v>89</v>
      </c>
      <c r="N7772" t="s">
        <v>90</v>
      </c>
      <c r="O7772" t="s">
        <v>85</v>
      </c>
      <c r="P7772" t="s">
        <v>86</v>
      </c>
      <c r="Q7772">
        <v>4</v>
      </c>
      <c r="R7772">
        <v>5</v>
      </c>
      <c r="S7772">
        <v>5</v>
      </c>
      <c r="T7772">
        <v>5</v>
      </c>
      <c r="U7772">
        <v>5</v>
      </c>
      <c r="V7772">
        <v>5</v>
      </c>
      <c r="W7772">
        <v>5</v>
      </c>
      <c r="X7772">
        <v>5</v>
      </c>
      <c r="Y7772">
        <v>5</v>
      </c>
      <c r="Z7772">
        <v>5</v>
      </c>
      <c r="AA7772">
        <v>5</v>
      </c>
      <c r="AB7772">
        <v>6</v>
      </c>
      <c r="AC7772">
        <v>6</v>
      </c>
      <c r="AD7772">
        <v>6</v>
      </c>
      <c r="AE7772">
        <v>6</v>
      </c>
      <c r="AF7772">
        <v>6</v>
      </c>
      <c r="AG7772">
        <v>6</v>
      </c>
      <c r="AH7772">
        <v>6</v>
      </c>
      <c r="AI7772">
        <v>6</v>
      </c>
      <c r="AJ7772">
        <v>6</v>
      </c>
      <c r="AK7772">
        <v>6</v>
      </c>
      <c r="AL7772">
        <v>6</v>
      </c>
      <c r="AM7772">
        <v>6</v>
      </c>
      <c r="AN7772">
        <v>6</v>
      </c>
      <c r="AO7772">
        <v>6</v>
      </c>
      <c r="AP7772">
        <v>6</v>
      </c>
      <c r="AQ7772">
        <v>6</v>
      </c>
    </row>
    <row r="7773" spans="1:43">
      <c r="A7773" t="s">
        <v>4864</v>
      </c>
      <c r="B7773" t="s">
        <v>4865</v>
      </c>
      <c r="C7773" t="s">
        <v>4856</v>
      </c>
      <c r="D7773" t="s">
        <v>4857</v>
      </c>
      <c r="E7773" t="s">
        <v>4592</v>
      </c>
      <c r="F7773" t="s">
        <v>4593</v>
      </c>
      <c r="G7773" t="s">
        <v>80</v>
      </c>
      <c r="H7773" t="s">
        <v>81</v>
      </c>
      <c r="I7773" s="2">
        <v>1</v>
      </c>
      <c r="J7773" s="2">
        <v>0</v>
      </c>
      <c r="K7773" s="2">
        <v>0</v>
      </c>
      <c r="L7773" t="s">
        <v>120</v>
      </c>
      <c r="M7773" t="s">
        <v>83</v>
      </c>
      <c r="N7773" t="s">
        <v>91</v>
      </c>
      <c r="O7773" t="s">
        <v>85</v>
      </c>
      <c r="P7773" t="s">
        <v>86</v>
      </c>
      <c r="Q7773">
        <v>4</v>
      </c>
      <c r="R7773">
        <v>4</v>
      </c>
      <c r="S7773">
        <v>5</v>
      </c>
      <c r="T7773">
        <v>5</v>
      </c>
      <c r="U7773">
        <v>5</v>
      </c>
      <c r="V7773">
        <v>5</v>
      </c>
      <c r="W7773">
        <v>5</v>
      </c>
      <c r="X7773">
        <v>5</v>
      </c>
      <c r="Y7773">
        <v>5</v>
      </c>
      <c r="Z7773">
        <v>5</v>
      </c>
      <c r="AA7773">
        <v>5</v>
      </c>
      <c r="AB7773">
        <v>5</v>
      </c>
      <c r="AC7773">
        <v>5</v>
      </c>
      <c r="AD7773">
        <v>5</v>
      </c>
      <c r="AE7773">
        <v>5</v>
      </c>
      <c r="AF7773">
        <v>5</v>
      </c>
      <c r="AG7773">
        <v>5</v>
      </c>
      <c r="AH7773">
        <v>6</v>
      </c>
      <c r="AI7773">
        <v>6</v>
      </c>
      <c r="AJ7773">
        <v>6</v>
      </c>
      <c r="AK7773">
        <v>6</v>
      </c>
      <c r="AL7773">
        <v>6</v>
      </c>
      <c r="AM7773">
        <v>6</v>
      </c>
      <c r="AN7773">
        <v>6</v>
      </c>
      <c r="AO7773">
        <v>6</v>
      </c>
      <c r="AP7773">
        <v>6</v>
      </c>
      <c r="AQ7773">
        <v>6</v>
      </c>
    </row>
    <row r="7774" spans="1:43">
      <c r="A7774" t="s">
        <v>4866</v>
      </c>
      <c r="B7774" t="s">
        <v>4867</v>
      </c>
      <c r="C7774" t="s">
        <v>4846</v>
      </c>
      <c r="D7774" t="s">
        <v>4847</v>
      </c>
      <c r="E7774" t="s">
        <v>4592</v>
      </c>
      <c r="F7774" t="s">
        <v>4593</v>
      </c>
      <c r="G7774" t="s">
        <v>80</v>
      </c>
      <c r="H7774" t="s">
        <v>81</v>
      </c>
      <c r="I7774" s="2">
        <v>1</v>
      </c>
      <c r="J7774" s="2">
        <v>0</v>
      </c>
      <c r="K7774" s="2">
        <v>0</v>
      </c>
      <c r="L7774" t="s">
        <v>120</v>
      </c>
      <c r="M7774" t="s">
        <v>83</v>
      </c>
      <c r="N7774" t="s">
        <v>84</v>
      </c>
      <c r="O7774" t="s">
        <v>85</v>
      </c>
      <c r="P7774" t="s">
        <v>86</v>
      </c>
      <c r="Q7774">
        <v>8</v>
      </c>
      <c r="R7774">
        <v>8</v>
      </c>
      <c r="S7774">
        <v>8</v>
      </c>
      <c r="T7774">
        <v>8</v>
      </c>
      <c r="U7774">
        <v>8</v>
      </c>
      <c r="V7774">
        <v>8</v>
      </c>
      <c r="W7774">
        <v>9</v>
      </c>
      <c r="X7774">
        <v>9</v>
      </c>
      <c r="Y7774">
        <v>9</v>
      </c>
      <c r="Z7774">
        <v>9</v>
      </c>
      <c r="AA7774">
        <v>9</v>
      </c>
      <c r="AB7774">
        <v>9</v>
      </c>
      <c r="AC7774">
        <v>9</v>
      </c>
      <c r="AD7774">
        <v>9</v>
      </c>
      <c r="AE7774">
        <v>9</v>
      </c>
      <c r="AF7774">
        <v>10</v>
      </c>
      <c r="AG7774">
        <v>10</v>
      </c>
      <c r="AH7774">
        <v>10</v>
      </c>
      <c r="AI7774">
        <v>10</v>
      </c>
      <c r="AJ7774">
        <v>10</v>
      </c>
      <c r="AK7774">
        <v>10</v>
      </c>
      <c r="AL7774">
        <v>10</v>
      </c>
      <c r="AM7774">
        <v>10</v>
      </c>
      <c r="AN7774">
        <v>10</v>
      </c>
      <c r="AO7774">
        <v>10</v>
      </c>
      <c r="AP7774">
        <v>10</v>
      </c>
      <c r="AQ7774">
        <v>10</v>
      </c>
    </row>
    <row r="7775" spans="1:43">
      <c r="A7775" t="s">
        <v>4866</v>
      </c>
      <c r="B7775" t="s">
        <v>4867</v>
      </c>
      <c r="C7775" t="s">
        <v>4846</v>
      </c>
      <c r="D7775" t="s">
        <v>4847</v>
      </c>
      <c r="E7775" t="s">
        <v>4592</v>
      </c>
      <c r="F7775" t="s">
        <v>4593</v>
      </c>
      <c r="G7775" t="s">
        <v>80</v>
      </c>
      <c r="H7775" t="s">
        <v>81</v>
      </c>
      <c r="I7775" s="2">
        <v>1</v>
      </c>
      <c r="J7775" s="2">
        <v>0</v>
      </c>
      <c r="K7775" s="2">
        <v>0</v>
      </c>
      <c r="L7775" t="s">
        <v>120</v>
      </c>
      <c r="M7775" t="s">
        <v>87</v>
      </c>
      <c r="N7775" t="s">
        <v>88</v>
      </c>
      <c r="O7775" t="s">
        <v>85</v>
      </c>
      <c r="P7775" t="s">
        <v>86</v>
      </c>
      <c r="Q7775">
        <v>8</v>
      </c>
      <c r="R7775">
        <v>8</v>
      </c>
      <c r="S7775">
        <v>8</v>
      </c>
      <c r="T7775">
        <v>8</v>
      </c>
      <c r="U7775">
        <v>8</v>
      </c>
      <c r="V7775">
        <v>8</v>
      </c>
      <c r="W7775">
        <v>8</v>
      </c>
      <c r="X7775">
        <v>8</v>
      </c>
      <c r="Y7775">
        <v>8</v>
      </c>
      <c r="Z7775">
        <v>8</v>
      </c>
      <c r="AA7775">
        <v>8</v>
      </c>
      <c r="AB7775">
        <v>8</v>
      </c>
      <c r="AC7775">
        <v>8</v>
      </c>
      <c r="AD7775">
        <v>8</v>
      </c>
      <c r="AE7775">
        <v>8</v>
      </c>
      <c r="AF7775">
        <v>8</v>
      </c>
      <c r="AG7775">
        <v>8</v>
      </c>
      <c r="AH7775">
        <v>9</v>
      </c>
      <c r="AI7775">
        <v>9</v>
      </c>
      <c r="AJ7775">
        <v>9</v>
      </c>
      <c r="AK7775">
        <v>9</v>
      </c>
      <c r="AL7775">
        <v>9</v>
      </c>
      <c r="AM7775">
        <v>9</v>
      </c>
      <c r="AN7775">
        <v>9</v>
      </c>
      <c r="AO7775">
        <v>9</v>
      </c>
      <c r="AP7775">
        <v>9</v>
      </c>
      <c r="AQ7775">
        <v>9</v>
      </c>
    </row>
    <row r="7776" spans="1:43">
      <c r="A7776" t="s">
        <v>4866</v>
      </c>
      <c r="B7776" t="s">
        <v>4867</v>
      </c>
      <c r="C7776" t="s">
        <v>4846</v>
      </c>
      <c r="D7776" t="s">
        <v>4847</v>
      </c>
      <c r="E7776" t="s">
        <v>4592</v>
      </c>
      <c r="F7776" t="s">
        <v>4593</v>
      </c>
      <c r="G7776" t="s">
        <v>80</v>
      </c>
      <c r="H7776" t="s">
        <v>81</v>
      </c>
      <c r="I7776" s="2">
        <v>1</v>
      </c>
      <c r="J7776" s="2">
        <v>0</v>
      </c>
      <c r="K7776" s="2">
        <v>0</v>
      </c>
      <c r="L7776" t="s">
        <v>120</v>
      </c>
      <c r="M7776" t="s">
        <v>89</v>
      </c>
      <c r="N7776" t="s">
        <v>90</v>
      </c>
      <c r="O7776" t="s">
        <v>85</v>
      </c>
      <c r="P7776" t="s">
        <v>86</v>
      </c>
      <c r="Q7776">
        <v>8</v>
      </c>
      <c r="R7776">
        <v>8</v>
      </c>
      <c r="S7776">
        <v>8</v>
      </c>
      <c r="T7776">
        <v>8</v>
      </c>
      <c r="U7776">
        <v>9</v>
      </c>
      <c r="V7776">
        <v>9</v>
      </c>
      <c r="W7776">
        <v>9</v>
      </c>
      <c r="X7776">
        <v>9</v>
      </c>
      <c r="Y7776">
        <v>9</v>
      </c>
      <c r="Z7776">
        <v>9</v>
      </c>
      <c r="AA7776">
        <v>10</v>
      </c>
      <c r="AB7776">
        <v>10</v>
      </c>
      <c r="AC7776">
        <v>10</v>
      </c>
      <c r="AD7776">
        <v>10</v>
      </c>
      <c r="AE7776">
        <v>10</v>
      </c>
      <c r="AF7776">
        <v>10</v>
      </c>
      <c r="AG7776">
        <v>10</v>
      </c>
      <c r="AH7776">
        <v>10</v>
      </c>
      <c r="AI7776">
        <v>10</v>
      </c>
      <c r="AJ7776">
        <v>10</v>
      </c>
      <c r="AK7776">
        <v>10</v>
      </c>
      <c r="AL7776">
        <v>10</v>
      </c>
      <c r="AM7776">
        <v>10</v>
      </c>
      <c r="AN7776">
        <v>10</v>
      </c>
      <c r="AO7776">
        <v>10</v>
      </c>
      <c r="AP7776">
        <v>10</v>
      </c>
      <c r="AQ7776">
        <v>10</v>
      </c>
    </row>
    <row r="7777" spans="1:43">
      <c r="A7777" t="s">
        <v>4866</v>
      </c>
      <c r="B7777" t="s">
        <v>4867</v>
      </c>
      <c r="C7777" t="s">
        <v>4846</v>
      </c>
      <c r="D7777" t="s">
        <v>4847</v>
      </c>
      <c r="E7777" t="s">
        <v>4592</v>
      </c>
      <c r="F7777" t="s">
        <v>4593</v>
      </c>
      <c r="G7777" t="s">
        <v>80</v>
      </c>
      <c r="H7777" t="s">
        <v>81</v>
      </c>
      <c r="I7777" s="2">
        <v>1</v>
      </c>
      <c r="J7777" s="2">
        <v>0</v>
      </c>
      <c r="K7777" s="2">
        <v>0</v>
      </c>
      <c r="L7777" t="s">
        <v>120</v>
      </c>
      <c r="M7777" t="s">
        <v>83</v>
      </c>
      <c r="N7777" t="s">
        <v>91</v>
      </c>
      <c r="O7777" t="s">
        <v>85</v>
      </c>
      <c r="P7777" t="s">
        <v>86</v>
      </c>
      <c r="Q7777">
        <v>8</v>
      </c>
      <c r="R7777">
        <v>8</v>
      </c>
      <c r="S7777">
        <v>8</v>
      </c>
      <c r="T7777">
        <v>8</v>
      </c>
      <c r="U7777">
        <v>8</v>
      </c>
      <c r="V7777">
        <v>8</v>
      </c>
      <c r="W7777">
        <v>9</v>
      </c>
      <c r="X7777">
        <v>9</v>
      </c>
      <c r="Y7777">
        <v>9</v>
      </c>
      <c r="Z7777">
        <v>9</v>
      </c>
      <c r="AA7777">
        <v>9</v>
      </c>
      <c r="AB7777">
        <v>9</v>
      </c>
      <c r="AC7777">
        <v>9</v>
      </c>
      <c r="AD7777">
        <v>9</v>
      </c>
      <c r="AE7777">
        <v>9</v>
      </c>
      <c r="AF7777">
        <v>10</v>
      </c>
      <c r="AG7777">
        <v>10</v>
      </c>
      <c r="AH7777">
        <v>10</v>
      </c>
      <c r="AI7777">
        <v>10</v>
      </c>
      <c r="AJ7777">
        <v>10</v>
      </c>
      <c r="AK7777">
        <v>10</v>
      </c>
      <c r="AL7777">
        <v>10</v>
      </c>
      <c r="AM7777">
        <v>10</v>
      </c>
      <c r="AN7777">
        <v>10</v>
      </c>
      <c r="AO7777">
        <v>10</v>
      </c>
      <c r="AP7777">
        <v>10</v>
      </c>
      <c r="AQ7777">
        <v>10</v>
      </c>
    </row>
    <row r="7778" spans="1:43">
      <c r="A7778" t="s">
        <v>4868</v>
      </c>
      <c r="B7778" t="s">
        <v>4869</v>
      </c>
      <c r="C7778" t="s">
        <v>4846</v>
      </c>
      <c r="D7778" t="s">
        <v>4847</v>
      </c>
      <c r="E7778" t="s">
        <v>4592</v>
      </c>
      <c r="F7778" t="s">
        <v>4593</v>
      </c>
      <c r="G7778" t="s">
        <v>80</v>
      </c>
      <c r="H7778" t="s">
        <v>81</v>
      </c>
      <c r="I7778" s="2">
        <v>0.8</v>
      </c>
      <c r="J7778" s="2">
        <v>0</v>
      </c>
      <c r="K7778" s="2">
        <v>0</v>
      </c>
      <c r="L7778" t="s">
        <v>120</v>
      </c>
      <c r="M7778" t="s">
        <v>83</v>
      </c>
      <c r="N7778" t="s">
        <v>84</v>
      </c>
      <c r="O7778" t="s">
        <v>85</v>
      </c>
      <c r="P7778" t="s">
        <v>86</v>
      </c>
      <c r="Q7778">
        <v>11</v>
      </c>
      <c r="R7778">
        <v>11</v>
      </c>
      <c r="S7778">
        <v>11</v>
      </c>
      <c r="T7778">
        <v>11</v>
      </c>
      <c r="U7778">
        <v>11</v>
      </c>
      <c r="V7778">
        <v>11</v>
      </c>
      <c r="W7778">
        <v>11</v>
      </c>
      <c r="X7778">
        <v>12</v>
      </c>
      <c r="Y7778">
        <v>12</v>
      </c>
      <c r="Z7778">
        <v>12</v>
      </c>
      <c r="AA7778">
        <v>12</v>
      </c>
      <c r="AB7778">
        <v>12</v>
      </c>
      <c r="AC7778">
        <v>12</v>
      </c>
      <c r="AD7778">
        <v>12</v>
      </c>
      <c r="AE7778">
        <v>13</v>
      </c>
      <c r="AF7778">
        <v>13</v>
      </c>
      <c r="AG7778">
        <v>13</v>
      </c>
      <c r="AH7778">
        <v>13</v>
      </c>
      <c r="AI7778">
        <v>13</v>
      </c>
      <c r="AJ7778">
        <v>13</v>
      </c>
      <c r="AK7778">
        <v>13</v>
      </c>
      <c r="AL7778">
        <v>13</v>
      </c>
      <c r="AM7778">
        <v>13</v>
      </c>
      <c r="AN7778">
        <v>13</v>
      </c>
      <c r="AO7778">
        <v>13</v>
      </c>
      <c r="AP7778">
        <v>13</v>
      </c>
      <c r="AQ7778">
        <v>13</v>
      </c>
    </row>
    <row r="7779" spans="1:43">
      <c r="A7779" t="s">
        <v>4868</v>
      </c>
      <c r="B7779" t="s">
        <v>4869</v>
      </c>
      <c r="C7779" t="s">
        <v>4846</v>
      </c>
      <c r="D7779" t="s">
        <v>4847</v>
      </c>
      <c r="E7779" t="s">
        <v>4592</v>
      </c>
      <c r="F7779" t="s">
        <v>4593</v>
      </c>
      <c r="G7779" t="s">
        <v>80</v>
      </c>
      <c r="H7779" t="s">
        <v>81</v>
      </c>
      <c r="I7779" s="2">
        <v>0.8</v>
      </c>
      <c r="J7779" s="2">
        <v>0</v>
      </c>
      <c r="K7779" s="2">
        <v>0</v>
      </c>
      <c r="L7779" t="s">
        <v>120</v>
      </c>
      <c r="M7779" t="s">
        <v>87</v>
      </c>
      <c r="N7779" t="s">
        <v>88</v>
      </c>
      <c r="O7779" t="s">
        <v>85</v>
      </c>
      <c r="P7779" t="s">
        <v>86</v>
      </c>
      <c r="Q7779">
        <v>11</v>
      </c>
      <c r="R7779">
        <v>11</v>
      </c>
      <c r="S7779">
        <v>12</v>
      </c>
      <c r="T7779">
        <v>12</v>
      </c>
      <c r="U7779">
        <v>12</v>
      </c>
      <c r="V7779">
        <v>12</v>
      </c>
      <c r="W7779">
        <v>12</v>
      </c>
      <c r="X7779">
        <v>12</v>
      </c>
      <c r="Y7779">
        <v>12</v>
      </c>
      <c r="Z7779">
        <v>12</v>
      </c>
      <c r="AA7779">
        <v>12</v>
      </c>
      <c r="AB7779">
        <v>12</v>
      </c>
      <c r="AC7779">
        <v>12</v>
      </c>
      <c r="AD7779">
        <v>12</v>
      </c>
      <c r="AE7779">
        <v>12</v>
      </c>
      <c r="AF7779">
        <v>12</v>
      </c>
      <c r="AG7779">
        <v>12</v>
      </c>
      <c r="AH7779">
        <v>12</v>
      </c>
      <c r="AI7779">
        <v>12</v>
      </c>
      <c r="AJ7779">
        <v>12</v>
      </c>
      <c r="AK7779">
        <v>12</v>
      </c>
      <c r="AL7779">
        <v>12</v>
      </c>
      <c r="AM7779">
        <v>12</v>
      </c>
      <c r="AN7779">
        <v>13</v>
      </c>
      <c r="AO7779">
        <v>13</v>
      </c>
      <c r="AP7779">
        <v>13</v>
      </c>
      <c r="AQ7779">
        <v>13</v>
      </c>
    </row>
    <row r="7780" spans="1:43">
      <c r="A7780" t="s">
        <v>4868</v>
      </c>
      <c r="B7780" t="s">
        <v>4869</v>
      </c>
      <c r="C7780" t="s">
        <v>4846</v>
      </c>
      <c r="D7780" t="s">
        <v>4847</v>
      </c>
      <c r="E7780" t="s">
        <v>4592</v>
      </c>
      <c r="F7780" t="s">
        <v>4593</v>
      </c>
      <c r="G7780" t="s">
        <v>80</v>
      </c>
      <c r="H7780" t="s">
        <v>81</v>
      </c>
      <c r="I7780" s="2">
        <v>0.8</v>
      </c>
      <c r="J7780" s="2">
        <v>0</v>
      </c>
      <c r="K7780" s="2">
        <v>0</v>
      </c>
      <c r="L7780" t="s">
        <v>120</v>
      </c>
      <c r="M7780" t="s">
        <v>89</v>
      </c>
      <c r="N7780" t="s">
        <v>90</v>
      </c>
      <c r="O7780" t="s">
        <v>85</v>
      </c>
      <c r="P7780" t="s">
        <v>86</v>
      </c>
      <c r="Q7780">
        <v>11</v>
      </c>
      <c r="R7780">
        <v>11</v>
      </c>
      <c r="S7780">
        <v>11</v>
      </c>
      <c r="T7780">
        <v>11</v>
      </c>
      <c r="U7780">
        <v>12</v>
      </c>
      <c r="V7780">
        <v>12</v>
      </c>
      <c r="W7780">
        <v>12</v>
      </c>
      <c r="X7780">
        <v>12</v>
      </c>
      <c r="Y7780">
        <v>12</v>
      </c>
      <c r="Z7780">
        <v>13</v>
      </c>
      <c r="AA7780">
        <v>13</v>
      </c>
      <c r="AB7780">
        <v>13</v>
      </c>
      <c r="AC7780">
        <v>13</v>
      </c>
      <c r="AD7780">
        <v>13</v>
      </c>
      <c r="AE7780">
        <v>14</v>
      </c>
      <c r="AF7780">
        <v>14</v>
      </c>
      <c r="AG7780">
        <v>14</v>
      </c>
      <c r="AH7780">
        <v>14</v>
      </c>
      <c r="AI7780">
        <v>14</v>
      </c>
      <c r="AJ7780">
        <v>14</v>
      </c>
      <c r="AK7780">
        <v>14</v>
      </c>
      <c r="AL7780">
        <v>14</v>
      </c>
      <c r="AM7780">
        <v>14</v>
      </c>
      <c r="AN7780">
        <v>14</v>
      </c>
      <c r="AO7780">
        <v>14</v>
      </c>
      <c r="AP7780">
        <v>14</v>
      </c>
      <c r="AQ7780">
        <v>14</v>
      </c>
    </row>
    <row r="7781" spans="1:43">
      <c r="A7781" t="s">
        <v>4868</v>
      </c>
      <c r="B7781" t="s">
        <v>4869</v>
      </c>
      <c r="C7781" t="s">
        <v>4846</v>
      </c>
      <c r="D7781" t="s">
        <v>4847</v>
      </c>
      <c r="E7781" t="s">
        <v>4592</v>
      </c>
      <c r="F7781" t="s">
        <v>4593</v>
      </c>
      <c r="G7781" t="s">
        <v>80</v>
      </c>
      <c r="H7781" t="s">
        <v>81</v>
      </c>
      <c r="I7781" s="2">
        <v>0.8</v>
      </c>
      <c r="J7781" s="2">
        <v>0</v>
      </c>
      <c r="K7781" s="2">
        <v>0</v>
      </c>
      <c r="L7781" t="s">
        <v>120</v>
      </c>
      <c r="M7781" t="s">
        <v>83</v>
      </c>
      <c r="N7781" t="s">
        <v>91</v>
      </c>
      <c r="O7781" t="s">
        <v>85</v>
      </c>
      <c r="P7781" t="s">
        <v>86</v>
      </c>
      <c r="Q7781">
        <v>11</v>
      </c>
      <c r="R7781">
        <v>11</v>
      </c>
      <c r="S7781">
        <v>11</v>
      </c>
      <c r="T7781">
        <v>11</v>
      </c>
      <c r="U7781">
        <v>11</v>
      </c>
      <c r="V7781">
        <v>11</v>
      </c>
      <c r="W7781">
        <v>11</v>
      </c>
      <c r="X7781">
        <v>12</v>
      </c>
      <c r="Y7781">
        <v>12</v>
      </c>
      <c r="Z7781">
        <v>12</v>
      </c>
      <c r="AA7781">
        <v>12</v>
      </c>
      <c r="AB7781">
        <v>12</v>
      </c>
      <c r="AC7781">
        <v>12</v>
      </c>
      <c r="AD7781">
        <v>12</v>
      </c>
      <c r="AE7781">
        <v>13</v>
      </c>
      <c r="AF7781">
        <v>13</v>
      </c>
      <c r="AG7781">
        <v>13</v>
      </c>
      <c r="AH7781">
        <v>13</v>
      </c>
      <c r="AI7781">
        <v>13</v>
      </c>
      <c r="AJ7781">
        <v>13</v>
      </c>
      <c r="AK7781">
        <v>13</v>
      </c>
      <c r="AL7781">
        <v>13</v>
      </c>
      <c r="AM7781">
        <v>13</v>
      </c>
      <c r="AN7781">
        <v>13</v>
      </c>
      <c r="AO7781">
        <v>13</v>
      </c>
      <c r="AP7781">
        <v>13</v>
      </c>
      <c r="AQ7781">
        <v>13</v>
      </c>
    </row>
    <row r="7782" spans="1:43">
      <c r="A7782" t="s">
        <v>4870</v>
      </c>
      <c r="B7782" t="s">
        <v>4871</v>
      </c>
      <c r="C7782" t="s">
        <v>4608</v>
      </c>
      <c r="D7782" t="s">
        <v>4609</v>
      </c>
      <c r="E7782" t="s">
        <v>4592</v>
      </c>
      <c r="F7782" t="s">
        <v>4593</v>
      </c>
      <c r="G7782" t="s">
        <v>80</v>
      </c>
      <c r="H7782" t="s">
        <v>81</v>
      </c>
      <c r="I7782" s="2">
        <v>1</v>
      </c>
      <c r="J7782" s="2">
        <v>0</v>
      </c>
      <c r="K7782" s="2">
        <v>0</v>
      </c>
      <c r="L7782" t="s">
        <v>120</v>
      </c>
      <c r="M7782" t="s">
        <v>83</v>
      </c>
      <c r="N7782" t="s">
        <v>84</v>
      </c>
      <c r="O7782" t="s">
        <v>85</v>
      </c>
      <c r="P7782" t="s">
        <v>86</v>
      </c>
      <c r="Q7782">
        <v>36</v>
      </c>
      <c r="R7782">
        <v>37</v>
      </c>
      <c r="S7782">
        <v>37</v>
      </c>
      <c r="T7782">
        <v>38</v>
      </c>
      <c r="U7782">
        <v>38</v>
      </c>
      <c r="V7782">
        <v>39</v>
      </c>
      <c r="W7782">
        <v>39</v>
      </c>
      <c r="X7782">
        <v>40</v>
      </c>
      <c r="Y7782">
        <v>40</v>
      </c>
      <c r="Z7782">
        <v>41</v>
      </c>
      <c r="AA7782">
        <v>41</v>
      </c>
      <c r="AB7782">
        <v>42</v>
      </c>
      <c r="AC7782">
        <v>42</v>
      </c>
      <c r="AD7782">
        <v>43</v>
      </c>
      <c r="AE7782">
        <v>43</v>
      </c>
      <c r="AF7782">
        <v>44</v>
      </c>
      <c r="AG7782">
        <v>44</v>
      </c>
      <c r="AH7782">
        <v>44</v>
      </c>
      <c r="AI7782">
        <v>45</v>
      </c>
      <c r="AJ7782">
        <v>45</v>
      </c>
      <c r="AK7782">
        <v>46</v>
      </c>
      <c r="AL7782">
        <v>46</v>
      </c>
      <c r="AM7782">
        <v>46</v>
      </c>
      <c r="AN7782">
        <v>46</v>
      </c>
      <c r="AO7782">
        <v>46</v>
      </c>
      <c r="AP7782">
        <v>46</v>
      </c>
      <c r="AQ7782">
        <v>46</v>
      </c>
    </row>
    <row r="7783" spans="1:43">
      <c r="A7783" t="s">
        <v>4870</v>
      </c>
      <c r="B7783" t="s">
        <v>4871</v>
      </c>
      <c r="C7783" t="s">
        <v>4608</v>
      </c>
      <c r="D7783" t="s">
        <v>4609</v>
      </c>
      <c r="E7783" t="s">
        <v>4592</v>
      </c>
      <c r="F7783" t="s">
        <v>4593</v>
      </c>
      <c r="G7783" t="s">
        <v>80</v>
      </c>
      <c r="H7783" t="s">
        <v>81</v>
      </c>
      <c r="I7783" s="2">
        <v>1</v>
      </c>
      <c r="J7783" s="2">
        <v>0</v>
      </c>
      <c r="K7783" s="2">
        <v>0</v>
      </c>
      <c r="L7783" t="s">
        <v>120</v>
      </c>
      <c r="M7783" t="s">
        <v>87</v>
      </c>
      <c r="N7783" t="s">
        <v>88</v>
      </c>
      <c r="O7783" t="s">
        <v>85</v>
      </c>
      <c r="P7783" t="s">
        <v>86</v>
      </c>
      <c r="Q7783">
        <v>36</v>
      </c>
      <c r="R7783">
        <v>36</v>
      </c>
      <c r="S7783">
        <v>36</v>
      </c>
      <c r="T7783">
        <v>36</v>
      </c>
      <c r="U7783">
        <v>37</v>
      </c>
      <c r="V7783">
        <v>37</v>
      </c>
      <c r="W7783">
        <v>37</v>
      </c>
      <c r="X7783">
        <v>37</v>
      </c>
      <c r="Y7783">
        <v>37</v>
      </c>
      <c r="Z7783">
        <v>38</v>
      </c>
      <c r="AA7783">
        <v>38</v>
      </c>
      <c r="AB7783">
        <v>38</v>
      </c>
      <c r="AC7783">
        <v>38</v>
      </c>
      <c r="AD7783">
        <v>38</v>
      </c>
      <c r="AE7783">
        <v>38</v>
      </c>
      <c r="AF7783">
        <v>38</v>
      </c>
      <c r="AG7783">
        <v>39</v>
      </c>
      <c r="AH7783">
        <v>39</v>
      </c>
      <c r="AI7783">
        <v>39</v>
      </c>
      <c r="AJ7783">
        <v>39</v>
      </c>
      <c r="AK7783">
        <v>39</v>
      </c>
      <c r="AL7783">
        <v>39</v>
      </c>
      <c r="AM7783">
        <v>39</v>
      </c>
      <c r="AN7783">
        <v>39</v>
      </c>
      <c r="AO7783">
        <v>40</v>
      </c>
      <c r="AP7783">
        <v>40</v>
      </c>
      <c r="AQ7783">
        <v>40</v>
      </c>
    </row>
    <row r="7784" spans="1:43">
      <c r="A7784" t="s">
        <v>4870</v>
      </c>
      <c r="B7784" t="s">
        <v>4871</v>
      </c>
      <c r="C7784" t="s">
        <v>4608</v>
      </c>
      <c r="D7784" t="s">
        <v>4609</v>
      </c>
      <c r="E7784" t="s">
        <v>4592</v>
      </c>
      <c r="F7784" t="s">
        <v>4593</v>
      </c>
      <c r="G7784" t="s">
        <v>80</v>
      </c>
      <c r="H7784" t="s">
        <v>81</v>
      </c>
      <c r="I7784" s="2">
        <v>1</v>
      </c>
      <c r="J7784" s="2">
        <v>0</v>
      </c>
      <c r="K7784" s="2">
        <v>0</v>
      </c>
      <c r="L7784" t="s">
        <v>120</v>
      </c>
      <c r="M7784" t="s">
        <v>89</v>
      </c>
      <c r="N7784" t="s">
        <v>90</v>
      </c>
      <c r="O7784" t="s">
        <v>85</v>
      </c>
      <c r="P7784" t="s">
        <v>86</v>
      </c>
      <c r="Q7784">
        <v>36</v>
      </c>
      <c r="R7784">
        <v>36</v>
      </c>
      <c r="S7784">
        <v>37</v>
      </c>
      <c r="T7784">
        <v>38</v>
      </c>
      <c r="U7784">
        <v>39</v>
      </c>
      <c r="V7784">
        <v>40</v>
      </c>
      <c r="W7784">
        <v>40</v>
      </c>
      <c r="X7784">
        <v>41</v>
      </c>
      <c r="Y7784">
        <v>42</v>
      </c>
      <c r="Z7784">
        <v>42</v>
      </c>
      <c r="AA7784">
        <v>43</v>
      </c>
      <c r="AB7784">
        <v>43</v>
      </c>
      <c r="AC7784">
        <v>44</v>
      </c>
      <c r="AD7784">
        <v>45</v>
      </c>
      <c r="AE7784">
        <v>45</v>
      </c>
      <c r="AF7784">
        <v>45</v>
      </c>
      <c r="AG7784">
        <v>45</v>
      </c>
      <c r="AH7784">
        <v>45</v>
      </c>
      <c r="AI7784">
        <v>45</v>
      </c>
      <c r="AJ7784">
        <v>45</v>
      </c>
      <c r="AK7784">
        <v>45</v>
      </c>
      <c r="AL7784">
        <v>45</v>
      </c>
      <c r="AM7784">
        <v>45</v>
      </c>
      <c r="AN7784">
        <v>45</v>
      </c>
      <c r="AO7784">
        <v>45</v>
      </c>
      <c r="AP7784">
        <v>45</v>
      </c>
      <c r="AQ7784">
        <v>45</v>
      </c>
    </row>
    <row r="7785" spans="1:43">
      <c r="A7785" t="s">
        <v>4870</v>
      </c>
      <c r="B7785" t="s">
        <v>4871</v>
      </c>
      <c r="C7785" t="s">
        <v>4608</v>
      </c>
      <c r="D7785" t="s">
        <v>4609</v>
      </c>
      <c r="E7785" t="s">
        <v>4592</v>
      </c>
      <c r="F7785" t="s">
        <v>4593</v>
      </c>
      <c r="G7785" t="s">
        <v>80</v>
      </c>
      <c r="H7785" t="s">
        <v>81</v>
      </c>
      <c r="I7785" s="2">
        <v>1</v>
      </c>
      <c r="J7785" s="2">
        <v>0</v>
      </c>
      <c r="K7785" s="2">
        <v>0</v>
      </c>
      <c r="L7785" t="s">
        <v>120</v>
      </c>
      <c r="M7785" t="s">
        <v>83</v>
      </c>
      <c r="N7785" t="s">
        <v>91</v>
      </c>
      <c r="O7785" t="s">
        <v>85</v>
      </c>
      <c r="P7785" t="s">
        <v>86</v>
      </c>
      <c r="Q7785">
        <v>36</v>
      </c>
      <c r="R7785">
        <v>37</v>
      </c>
      <c r="S7785">
        <v>37</v>
      </c>
      <c r="T7785">
        <v>38</v>
      </c>
      <c r="U7785">
        <v>38</v>
      </c>
      <c r="V7785">
        <v>39</v>
      </c>
      <c r="W7785">
        <v>39</v>
      </c>
      <c r="X7785">
        <v>40</v>
      </c>
      <c r="Y7785">
        <v>40</v>
      </c>
      <c r="Z7785">
        <v>41</v>
      </c>
      <c r="AA7785">
        <v>41</v>
      </c>
      <c r="AB7785">
        <v>42</v>
      </c>
      <c r="AC7785">
        <v>42</v>
      </c>
      <c r="AD7785">
        <v>43</v>
      </c>
      <c r="AE7785">
        <v>43</v>
      </c>
      <c r="AF7785">
        <v>44</v>
      </c>
      <c r="AG7785">
        <v>44</v>
      </c>
      <c r="AH7785">
        <v>44</v>
      </c>
      <c r="AI7785">
        <v>45</v>
      </c>
      <c r="AJ7785">
        <v>45</v>
      </c>
      <c r="AK7785">
        <v>46</v>
      </c>
      <c r="AL7785">
        <v>46</v>
      </c>
      <c r="AM7785">
        <v>46</v>
      </c>
      <c r="AN7785">
        <v>46</v>
      </c>
      <c r="AO7785">
        <v>46</v>
      </c>
      <c r="AP7785">
        <v>46</v>
      </c>
      <c r="AQ7785">
        <v>46</v>
      </c>
    </row>
    <row r="7786" spans="1:43">
      <c r="A7786" t="s">
        <v>4872</v>
      </c>
      <c r="B7786" t="s">
        <v>4873</v>
      </c>
      <c r="C7786" t="s">
        <v>4608</v>
      </c>
      <c r="D7786" t="s">
        <v>4609</v>
      </c>
      <c r="E7786" t="s">
        <v>4592</v>
      </c>
      <c r="F7786" t="s">
        <v>4593</v>
      </c>
      <c r="G7786" t="s">
        <v>80</v>
      </c>
      <c r="H7786" t="s">
        <v>81</v>
      </c>
      <c r="I7786" s="2">
        <v>1</v>
      </c>
      <c r="J7786" s="2">
        <v>0</v>
      </c>
      <c r="K7786" s="2">
        <v>0</v>
      </c>
      <c r="L7786" t="s">
        <v>120</v>
      </c>
      <c r="M7786" t="s">
        <v>83</v>
      </c>
      <c r="N7786" t="s">
        <v>84</v>
      </c>
      <c r="O7786" t="s">
        <v>85</v>
      </c>
      <c r="P7786" t="s">
        <v>86</v>
      </c>
      <c r="Q7786">
        <v>105</v>
      </c>
      <c r="R7786">
        <v>106</v>
      </c>
      <c r="S7786">
        <v>108</v>
      </c>
      <c r="T7786">
        <v>110</v>
      </c>
      <c r="U7786">
        <v>111</v>
      </c>
      <c r="V7786">
        <v>113</v>
      </c>
      <c r="W7786">
        <v>114</v>
      </c>
      <c r="X7786">
        <v>116</v>
      </c>
      <c r="Y7786">
        <v>117</v>
      </c>
      <c r="Z7786">
        <v>118</v>
      </c>
      <c r="AA7786">
        <v>120</v>
      </c>
      <c r="AB7786">
        <v>121</v>
      </c>
      <c r="AC7786">
        <v>123</v>
      </c>
      <c r="AD7786">
        <v>124</v>
      </c>
      <c r="AE7786">
        <v>125</v>
      </c>
      <c r="AF7786">
        <v>126</v>
      </c>
      <c r="AG7786">
        <v>128</v>
      </c>
      <c r="AH7786">
        <v>129</v>
      </c>
      <c r="AI7786">
        <v>130</v>
      </c>
      <c r="AJ7786">
        <v>132</v>
      </c>
      <c r="AK7786">
        <v>133</v>
      </c>
      <c r="AL7786">
        <v>133</v>
      </c>
      <c r="AM7786">
        <v>133</v>
      </c>
      <c r="AN7786">
        <v>133</v>
      </c>
      <c r="AO7786">
        <v>133</v>
      </c>
      <c r="AP7786">
        <v>133</v>
      </c>
      <c r="AQ7786">
        <v>133</v>
      </c>
    </row>
    <row r="7787" spans="1:43">
      <c r="A7787" t="s">
        <v>4872</v>
      </c>
      <c r="B7787" t="s">
        <v>4873</v>
      </c>
      <c r="C7787" t="s">
        <v>4608</v>
      </c>
      <c r="D7787" t="s">
        <v>4609</v>
      </c>
      <c r="E7787" t="s">
        <v>4592</v>
      </c>
      <c r="F7787" t="s">
        <v>4593</v>
      </c>
      <c r="G7787" t="s">
        <v>80</v>
      </c>
      <c r="H7787" t="s">
        <v>81</v>
      </c>
      <c r="I7787" s="2">
        <v>1</v>
      </c>
      <c r="J7787" s="2">
        <v>0</v>
      </c>
      <c r="K7787" s="2">
        <v>0</v>
      </c>
      <c r="L7787" t="s">
        <v>120</v>
      </c>
      <c r="M7787" t="s">
        <v>87</v>
      </c>
      <c r="N7787" t="s">
        <v>88</v>
      </c>
      <c r="O7787" t="s">
        <v>85</v>
      </c>
      <c r="P7787" t="s">
        <v>86</v>
      </c>
      <c r="Q7787">
        <v>105</v>
      </c>
      <c r="R7787">
        <v>105</v>
      </c>
      <c r="S7787">
        <v>106</v>
      </c>
      <c r="T7787">
        <v>107</v>
      </c>
      <c r="U7787">
        <v>107</v>
      </c>
      <c r="V7787">
        <v>108</v>
      </c>
      <c r="W7787">
        <v>108</v>
      </c>
      <c r="X7787">
        <v>109</v>
      </c>
      <c r="Y7787">
        <v>109</v>
      </c>
      <c r="Z7787">
        <v>110</v>
      </c>
      <c r="AA7787">
        <v>110</v>
      </c>
      <c r="AB7787">
        <v>111</v>
      </c>
      <c r="AC7787">
        <v>111</v>
      </c>
      <c r="AD7787">
        <v>112</v>
      </c>
      <c r="AE7787">
        <v>112</v>
      </c>
      <c r="AF7787">
        <v>112</v>
      </c>
      <c r="AG7787">
        <v>113</v>
      </c>
      <c r="AH7787">
        <v>113</v>
      </c>
      <c r="AI7787">
        <v>114</v>
      </c>
      <c r="AJ7787">
        <v>114</v>
      </c>
      <c r="AK7787">
        <v>114</v>
      </c>
      <c r="AL7787">
        <v>115</v>
      </c>
      <c r="AM7787">
        <v>115</v>
      </c>
      <c r="AN7787">
        <v>116</v>
      </c>
      <c r="AO7787">
        <v>116</v>
      </c>
      <c r="AP7787">
        <v>116</v>
      </c>
      <c r="AQ7787">
        <v>116</v>
      </c>
    </row>
    <row r="7788" spans="1:43">
      <c r="A7788" t="s">
        <v>4872</v>
      </c>
      <c r="B7788" t="s">
        <v>4873</v>
      </c>
      <c r="C7788" t="s">
        <v>4608</v>
      </c>
      <c r="D7788" t="s">
        <v>4609</v>
      </c>
      <c r="E7788" t="s">
        <v>4592</v>
      </c>
      <c r="F7788" t="s">
        <v>4593</v>
      </c>
      <c r="G7788" t="s">
        <v>80</v>
      </c>
      <c r="H7788" t="s">
        <v>81</v>
      </c>
      <c r="I7788" s="2">
        <v>1</v>
      </c>
      <c r="J7788" s="2">
        <v>0</v>
      </c>
      <c r="K7788" s="2">
        <v>0</v>
      </c>
      <c r="L7788" t="s">
        <v>120</v>
      </c>
      <c r="M7788" t="s">
        <v>89</v>
      </c>
      <c r="N7788" t="s">
        <v>90</v>
      </c>
      <c r="O7788" t="s">
        <v>85</v>
      </c>
      <c r="P7788" t="s">
        <v>86</v>
      </c>
      <c r="Q7788">
        <v>105</v>
      </c>
      <c r="R7788">
        <v>107</v>
      </c>
      <c r="S7788">
        <v>110</v>
      </c>
      <c r="T7788">
        <v>112</v>
      </c>
      <c r="U7788">
        <v>114</v>
      </c>
      <c r="V7788">
        <v>117</v>
      </c>
      <c r="W7788">
        <v>119</v>
      </c>
      <c r="X7788">
        <v>121</v>
      </c>
      <c r="Y7788">
        <v>123</v>
      </c>
      <c r="Z7788">
        <v>125</v>
      </c>
      <c r="AA7788">
        <v>126</v>
      </c>
      <c r="AB7788">
        <v>128</v>
      </c>
      <c r="AC7788">
        <v>130</v>
      </c>
      <c r="AD7788">
        <v>132</v>
      </c>
      <c r="AE7788">
        <v>133</v>
      </c>
      <c r="AF7788">
        <v>133</v>
      </c>
      <c r="AG7788">
        <v>133</v>
      </c>
      <c r="AH7788">
        <v>133</v>
      </c>
      <c r="AI7788">
        <v>133</v>
      </c>
      <c r="AJ7788">
        <v>133</v>
      </c>
      <c r="AK7788">
        <v>133</v>
      </c>
      <c r="AL7788">
        <v>133</v>
      </c>
      <c r="AM7788">
        <v>133</v>
      </c>
      <c r="AN7788">
        <v>133</v>
      </c>
      <c r="AO7788">
        <v>133</v>
      </c>
      <c r="AP7788">
        <v>133</v>
      </c>
      <c r="AQ7788">
        <v>133</v>
      </c>
    </row>
    <row r="7789" spans="1:43">
      <c r="A7789" t="s">
        <v>4872</v>
      </c>
      <c r="B7789" t="s">
        <v>4873</v>
      </c>
      <c r="C7789" t="s">
        <v>4608</v>
      </c>
      <c r="D7789" t="s">
        <v>4609</v>
      </c>
      <c r="E7789" t="s">
        <v>4592</v>
      </c>
      <c r="F7789" t="s">
        <v>4593</v>
      </c>
      <c r="G7789" t="s">
        <v>80</v>
      </c>
      <c r="H7789" t="s">
        <v>81</v>
      </c>
      <c r="I7789" s="2">
        <v>1</v>
      </c>
      <c r="J7789" s="2">
        <v>0</v>
      </c>
      <c r="K7789" s="2">
        <v>0</v>
      </c>
      <c r="L7789" t="s">
        <v>120</v>
      </c>
      <c r="M7789" t="s">
        <v>83</v>
      </c>
      <c r="N7789" t="s">
        <v>91</v>
      </c>
      <c r="O7789" t="s">
        <v>85</v>
      </c>
      <c r="P7789" t="s">
        <v>86</v>
      </c>
      <c r="Q7789">
        <v>105</v>
      </c>
      <c r="R7789">
        <v>106</v>
      </c>
      <c r="S7789">
        <v>108</v>
      </c>
      <c r="T7789">
        <v>110</v>
      </c>
      <c r="U7789">
        <v>111</v>
      </c>
      <c r="V7789">
        <v>113</v>
      </c>
      <c r="W7789">
        <v>114</v>
      </c>
      <c r="X7789">
        <v>116</v>
      </c>
      <c r="Y7789">
        <v>117</v>
      </c>
      <c r="Z7789">
        <v>118</v>
      </c>
      <c r="AA7789">
        <v>120</v>
      </c>
      <c r="AB7789">
        <v>121</v>
      </c>
      <c r="AC7789">
        <v>123</v>
      </c>
      <c r="AD7789">
        <v>124</v>
      </c>
      <c r="AE7789">
        <v>125</v>
      </c>
      <c r="AF7789">
        <v>126</v>
      </c>
      <c r="AG7789">
        <v>128</v>
      </c>
      <c r="AH7789">
        <v>129</v>
      </c>
      <c r="AI7789">
        <v>130</v>
      </c>
      <c r="AJ7789">
        <v>132</v>
      </c>
      <c r="AK7789">
        <v>133</v>
      </c>
      <c r="AL7789">
        <v>133</v>
      </c>
      <c r="AM7789">
        <v>133</v>
      </c>
      <c r="AN7789">
        <v>133</v>
      </c>
      <c r="AO7789">
        <v>133</v>
      </c>
      <c r="AP7789">
        <v>133</v>
      </c>
      <c r="AQ7789">
        <v>133</v>
      </c>
    </row>
    <row r="7790" spans="1:43">
      <c r="A7790" t="s">
        <v>4874</v>
      </c>
      <c r="B7790" t="s">
        <v>4875</v>
      </c>
      <c r="C7790" t="s">
        <v>4876</v>
      </c>
      <c r="D7790" t="s">
        <v>4877</v>
      </c>
      <c r="E7790" t="s">
        <v>4592</v>
      </c>
      <c r="F7790" t="s">
        <v>4593</v>
      </c>
      <c r="G7790" t="s">
        <v>80</v>
      </c>
      <c r="H7790" t="s">
        <v>81</v>
      </c>
      <c r="I7790" s="2">
        <v>1</v>
      </c>
      <c r="J7790" s="2">
        <v>0</v>
      </c>
      <c r="K7790" s="2">
        <v>0</v>
      </c>
      <c r="L7790" t="s">
        <v>120</v>
      </c>
      <c r="M7790" t="s">
        <v>83</v>
      </c>
      <c r="N7790" t="s">
        <v>84</v>
      </c>
      <c r="O7790" t="s">
        <v>85</v>
      </c>
      <c r="P7790" t="s">
        <v>86</v>
      </c>
      <c r="Q7790">
        <v>6</v>
      </c>
      <c r="R7790">
        <v>6</v>
      </c>
      <c r="S7790">
        <v>6</v>
      </c>
      <c r="T7790">
        <v>6</v>
      </c>
      <c r="U7790">
        <v>6</v>
      </c>
      <c r="V7790">
        <v>6</v>
      </c>
      <c r="W7790">
        <v>6</v>
      </c>
      <c r="X7790">
        <v>6</v>
      </c>
      <c r="Y7790">
        <v>6</v>
      </c>
      <c r="Z7790">
        <v>6</v>
      </c>
      <c r="AA7790">
        <v>6</v>
      </c>
      <c r="AB7790">
        <v>6</v>
      </c>
      <c r="AC7790">
        <v>6</v>
      </c>
      <c r="AD7790">
        <v>7</v>
      </c>
      <c r="AE7790">
        <v>7</v>
      </c>
      <c r="AF7790">
        <v>7</v>
      </c>
      <c r="AG7790">
        <v>7</v>
      </c>
      <c r="AH7790">
        <v>7</v>
      </c>
      <c r="AI7790">
        <v>7</v>
      </c>
      <c r="AJ7790">
        <v>7</v>
      </c>
      <c r="AK7790">
        <v>7</v>
      </c>
      <c r="AL7790">
        <v>7</v>
      </c>
      <c r="AM7790">
        <v>7</v>
      </c>
      <c r="AN7790">
        <v>7</v>
      </c>
      <c r="AO7790">
        <v>7</v>
      </c>
      <c r="AP7790">
        <v>7</v>
      </c>
      <c r="AQ7790">
        <v>7</v>
      </c>
    </row>
    <row r="7791" spans="1:43">
      <c r="A7791" t="s">
        <v>4874</v>
      </c>
      <c r="B7791" t="s">
        <v>4875</v>
      </c>
      <c r="C7791" t="s">
        <v>4876</v>
      </c>
      <c r="D7791" t="s">
        <v>4877</v>
      </c>
      <c r="E7791" t="s">
        <v>4592</v>
      </c>
      <c r="F7791" t="s">
        <v>4593</v>
      </c>
      <c r="G7791" t="s">
        <v>80</v>
      </c>
      <c r="H7791" t="s">
        <v>81</v>
      </c>
      <c r="I7791" s="2">
        <v>1</v>
      </c>
      <c r="J7791" s="2">
        <v>0</v>
      </c>
      <c r="K7791" s="2">
        <v>0</v>
      </c>
      <c r="L7791" t="s">
        <v>120</v>
      </c>
      <c r="M7791" t="s">
        <v>87</v>
      </c>
      <c r="N7791" t="s">
        <v>88</v>
      </c>
      <c r="O7791" t="s">
        <v>85</v>
      </c>
      <c r="P7791" t="s">
        <v>86</v>
      </c>
      <c r="Q7791">
        <v>6</v>
      </c>
      <c r="R7791">
        <v>6</v>
      </c>
      <c r="S7791">
        <v>6</v>
      </c>
      <c r="T7791">
        <v>6</v>
      </c>
      <c r="U7791">
        <v>6</v>
      </c>
      <c r="V7791">
        <v>6</v>
      </c>
      <c r="W7791">
        <v>6</v>
      </c>
      <c r="X7791">
        <v>6</v>
      </c>
      <c r="Y7791">
        <v>6</v>
      </c>
      <c r="Z7791">
        <v>6</v>
      </c>
      <c r="AA7791">
        <v>6</v>
      </c>
      <c r="AB7791">
        <v>6</v>
      </c>
      <c r="AC7791">
        <v>6</v>
      </c>
      <c r="AD7791">
        <v>6</v>
      </c>
      <c r="AE7791">
        <v>6</v>
      </c>
      <c r="AF7791">
        <v>6</v>
      </c>
      <c r="AG7791">
        <v>6</v>
      </c>
      <c r="AH7791">
        <v>6</v>
      </c>
      <c r="AI7791">
        <v>6</v>
      </c>
      <c r="AJ7791">
        <v>6</v>
      </c>
      <c r="AK7791">
        <v>6</v>
      </c>
      <c r="AL7791">
        <v>6</v>
      </c>
      <c r="AM7791">
        <v>6</v>
      </c>
      <c r="AN7791">
        <v>6</v>
      </c>
      <c r="AO7791">
        <v>6</v>
      </c>
      <c r="AP7791">
        <v>6</v>
      </c>
      <c r="AQ7791">
        <v>6</v>
      </c>
    </row>
    <row r="7792" spans="1:43">
      <c r="A7792" t="s">
        <v>4874</v>
      </c>
      <c r="B7792" t="s">
        <v>4875</v>
      </c>
      <c r="C7792" t="s">
        <v>4876</v>
      </c>
      <c r="D7792" t="s">
        <v>4877</v>
      </c>
      <c r="E7792" t="s">
        <v>4592</v>
      </c>
      <c r="F7792" t="s">
        <v>4593</v>
      </c>
      <c r="G7792" t="s">
        <v>80</v>
      </c>
      <c r="H7792" t="s">
        <v>81</v>
      </c>
      <c r="I7792" s="2">
        <v>1</v>
      </c>
      <c r="J7792" s="2">
        <v>0</v>
      </c>
      <c r="K7792" s="2">
        <v>0</v>
      </c>
      <c r="L7792" t="s">
        <v>120</v>
      </c>
      <c r="M7792" t="s">
        <v>89</v>
      </c>
      <c r="N7792" t="s">
        <v>90</v>
      </c>
      <c r="O7792" t="s">
        <v>85</v>
      </c>
      <c r="P7792" t="s">
        <v>86</v>
      </c>
      <c r="Q7792">
        <v>6</v>
      </c>
      <c r="R7792">
        <v>6</v>
      </c>
      <c r="S7792">
        <v>6</v>
      </c>
      <c r="T7792">
        <v>6</v>
      </c>
      <c r="U7792">
        <v>6</v>
      </c>
      <c r="V7792">
        <v>6</v>
      </c>
      <c r="W7792">
        <v>6</v>
      </c>
      <c r="X7792">
        <v>6</v>
      </c>
      <c r="Y7792">
        <v>7</v>
      </c>
      <c r="Z7792">
        <v>7</v>
      </c>
      <c r="AA7792">
        <v>7</v>
      </c>
      <c r="AB7792">
        <v>7</v>
      </c>
      <c r="AC7792">
        <v>7</v>
      </c>
      <c r="AD7792">
        <v>7</v>
      </c>
      <c r="AE7792">
        <v>7</v>
      </c>
      <c r="AF7792">
        <v>7</v>
      </c>
      <c r="AG7792">
        <v>7</v>
      </c>
      <c r="AH7792">
        <v>7</v>
      </c>
      <c r="AI7792">
        <v>7</v>
      </c>
      <c r="AJ7792">
        <v>7</v>
      </c>
      <c r="AK7792">
        <v>7</v>
      </c>
      <c r="AL7792">
        <v>7</v>
      </c>
      <c r="AM7792">
        <v>7</v>
      </c>
      <c r="AN7792">
        <v>7</v>
      </c>
      <c r="AO7792">
        <v>7</v>
      </c>
      <c r="AP7792">
        <v>7</v>
      </c>
      <c r="AQ7792">
        <v>7</v>
      </c>
    </row>
    <row r="7793" spans="1:43">
      <c r="A7793" t="s">
        <v>4874</v>
      </c>
      <c r="B7793" t="s">
        <v>4875</v>
      </c>
      <c r="C7793" t="s">
        <v>4876</v>
      </c>
      <c r="D7793" t="s">
        <v>4877</v>
      </c>
      <c r="E7793" t="s">
        <v>4592</v>
      </c>
      <c r="F7793" t="s">
        <v>4593</v>
      </c>
      <c r="G7793" t="s">
        <v>80</v>
      </c>
      <c r="H7793" t="s">
        <v>81</v>
      </c>
      <c r="I7793" s="2">
        <v>1</v>
      </c>
      <c r="J7793" s="2">
        <v>0</v>
      </c>
      <c r="K7793" s="2">
        <v>0</v>
      </c>
      <c r="L7793" t="s">
        <v>120</v>
      </c>
      <c r="M7793" t="s">
        <v>83</v>
      </c>
      <c r="N7793" t="s">
        <v>91</v>
      </c>
      <c r="O7793" t="s">
        <v>85</v>
      </c>
      <c r="P7793" t="s">
        <v>86</v>
      </c>
      <c r="Q7793">
        <v>6</v>
      </c>
      <c r="R7793">
        <v>6</v>
      </c>
      <c r="S7793">
        <v>6</v>
      </c>
      <c r="T7793">
        <v>6</v>
      </c>
      <c r="U7793">
        <v>6</v>
      </c>
      <c r="V7793">
        <v>6</v>
      </c>
      <c r="W7793">
        <v>6</v>
      </c>
      <c r="X7793">
        <v>6</v>
      </c>
      <c r="Y7793">
        <v>6</v>
      </c>
      <c r="Z7793">
        <v>6</v>
      </c>
      <c r="AA7793">
        <v>6</v>
      </c>
      <c r="AB7793">
        <v>6</v>
      </c>
      <c r="AC7793">
        <v>6</v>
      </c>
      <c r="AD7793">
        <v>7</v>
      </c>
      <c r="AE7793">
        <v>7</v>
      </c>
      <c r="AF7793">
        <v>7</v>
      </c>
      <c r="AG7793">
        <v>7</v>
      </c>
      <c r="AH7793">
        <v>7</v>
      </c>
      <c r="AI7793">
        <v>7</v>
      </c>
      <c r="AJ7793">
        <v>7</v>
      </c>
      <c r="AK7793">
        <v>7</v>
      </c>
      <c r="AL7793">
        <v>7</v>
      </c>
      <c r="AM7793">
        <v>7</v>
      </c>
      <c r="AN7793">
        <v>7</v>
      </c>
      <c r="AO7793">
        <v>7</v>
      </c>
      <c r="AP7793">
        <v>7</v>
      </c>
      <c r="AQ7793">
        <v>7</v>
      </c>
    </row>
    <row r="7794" spans="1:43">
      <c r="A7794" t="s">
        <v>4878</v>
      </c>
      <c r="B7794" t="s">
        <v>4879</v>
      </c>
      <c r="C7794" t="s">
        <v>4876</v>
      </c>
      <c r="D7794" t="s">
        <v>4877</v>
      </c>
      <c r="E7794" t="s">
        <v>4592</v>
      </c>
      <c r="F7794" t="s">
        <v>4593</v>
      </c>
      <c r="G7794" t="s">
        <v>80</v>
      </c>
      <c r="H7794" t="s">
        <v>81</v>
      </c>
      <c r="I7794" s="2">
        <v>1</v>
      </c>
      <c r="J7794" s="2">
        <v>0</v>
      </c>
      <c r="K7794" s="2">
        <v>0</v>
      </c>
      <c r="L7794" t="s">
        <v>120</v>
      </c>
      <c r="M7794" t="s">
        <v>83</v>
      </c>
      <c r="N7794" t="s">
        <v>84</v>
      </c>
      <c r="O7794" t="s">
        <v>85</v>
      </c>
      <c r="P7794" t="s">
        <v>86</v>
      </c>
      <c r="Q7794">
        <v>28</v>
      </c>
      <c r="R7794">
        <v>28</v>
      </c>
      <c r="S7794">
        <v>29</v>
      </c>
      <c r="T7794">
        <v>29</v>
      </c>
      <c r="U7794">
        <v>30</v>
      </c>
      <c r="V7794">
        <v>30</v>
      </c>
      <c r="W7794">
        <v>30</v>
      </c>
      <c r="X7794">
        <v>31</v>
      </c>
      <c r="Y7794">
        <v>31</v>
      </c>
      <c r="Z7794">
        <v>31</v>
      </c>
      <c r="AA7794">
        <v>32</v>
      </c>
      <c r="AB7794">
        <v>32</v>
      </c>
      <c r="AC7794">
        <v>33</v>
      </c>
      <c r="AD7794">
        <v>33</v>
      </c>
      <c r="AE7794">
        <v>33</v>
      </c>
      <c r="AF7794">
        <v>34</v>
      </c>
      <c r="AG7794">
        <v>34</v>
      </c>
      <c r="AH7794">
        <v>34</v>
      </c>
      <c r="AI7794">
        <v>35</v>
      </c>
      <c r="AJ7794">
        <v>35</v>
      </c>
      <c r="AK7794">
        <v>35</v>
      </c>
      <c r="AL7794">
        <v>35</v>
      </c>
      <c r="AM7794">
        <v>35</v>
      </c>
      <c r="AN7794">
        <v>35</v>
      </c>
      <c r="AO7794">
        <v>35</v>
      </c>
      <c r="AP7794">
        <v>35</v>
      </c>
      <c r="AQ7794">
        <v>35</v>
      </c>
    </row>
    <row r="7795" spans="1:43">
      <c r="A7795" t="s">
        <v>4878</v>
      </c>
      <c r="B7795" t="s">
        <v>4879</v>
      </c>
      <c r="C7795" t="s">
        <v>4876</v>
      </c>
      <c r="D7795" t="s">
        <v>4877</v>
      </c>
      <c r="E7795" t="s">
        <v>4592</v>
      </c>
      <c r="F7795" t="s">
        <v>4593</v>
      </c>
      <c r="G7795" t="s">
        <v>80</v>
      </c>
      <c r="H7795" t="s">
        <v>81</v>
      </c>
      <c r="I7795" s="2">
        <v>1</v>
      </c>
      <c r="J7795" s="2">
        <v>0</v>
      </c>
      <c r="K7795" s="2">
        <v>0</v>
      </c>
      <c r="L7795" t="s">
        <v>120</v>
      </c>
      <c r="M7795" t="s">
        <v>87</v>
      </c>
      <c r="N7795" t="s">
        <v>88</v>
      </c>
      <c r="O7795" t="s">
        <v>85</v>
      </c>
      <c r="P7795" t="s">
        <v>86</v>
      </c>
      <c r="Q7795">
        <v>28</v>
      </c>
      <c r="R7795">
        <v>28</v>
      </c>
      <c r="S7795">
        <v>28</v>
      </c>
      <c r="T7795">
        <v>28</v>
      </c>
      <c r="U7795">
        <v>28</v>
      </c>
      <c r="V7795">
        <v>28</v>
      </c>
      <c r="W7795">
        <v>29</v>
      </c>
      <c r="X7795">
        <v>29</v>
      </c>
      <c r="Y7795">
        <v>29</v>
      </c>
      <c r="Z7795">
        <v>29</v>
      </c>
      <c r="AA7795">
        <v>29</v>
      </c>
      <c r="AB7795">
        <v>29</v>
      </c>
      <c r="AC7795">
        <v>29</v>
      </c>
      <c r="AD7795">
        <v>29</v>
      </c>
      <c r="AE7795">
        <v>30</v>
      </c>
      <c r="AF7795">
        <v>30</v>
      </c>
      <c r="AG7795">
        <v>30</v>
      </c>
      <c r="AH7795">
        <v>30</v>
      </c>
      <c r="AI7795">
        <v>30</v>
      </c>
      <c r="AJ7795">
        <v>30</v>
      </c>
      <c r="AK7795">
        <v>30</v>
      </c>
      <c r="AL7795">
        <v>30</v>
      </c>
      <c r="AM7795">
        <v>30</v>
      </c>
      <c r="AN7795">
        <v>30</v>
      </c>
      <c r="AO7795">
        <v>31</v>
      </c>
      <c r="AP7795">
        <v>31</v>
      </c>
      <c r="AQ7795">
        <v>31</v>
      </c>
    </row>
    <row r="7796" spans="1:43">
      <c r="A7796" t="s">
        <v>4878</v>
      </c>
      <c r="B7796" t="s">
        <v>4879</v>
      </c>
      <c r="C7796" t="s">
        <v>4876</v>
      </c>
      <c r="D7796" t="s">
        <v>4877</v>
      </c>
      <c r="E7796" t="s">
        <v>4592</v>
      </c>
      <c r="F7796" t="s">
        <v>4593</v>
      </c>
      <c r="G7796" t="s">
        <v>80</v>
      </c>
      <c r="H7796" t="s">
        <v>81</v>
      </c>
      <c r="I7796" s="2">
        <v>1</v>
      </c>
      <c r="J7796" s="2">
        <v>0</v>
      </c>
      <c r="K7796" s="2">
        <v>0</v>
      </c>
      <c r="L7796" t="s">
        <v>120</v>
      </c>
      <c r="M7796" t="s">
        <v>89</v>
      </c>
      <c r="N7796" t="s">
        <v>90</v>
      </c>
      <c r="O7796" t="s">
        <v>85</v>
      </c>
      <c r="P7796" t="s">
        <v>86</v>
      </c>
      <c r="Q7796">
        <v>28</v>
      </c>
      <c r="R7796">
        <v>29</v>
      </c>
      <c r="S7796">
        <v>29</v>
      </c>
      <c r="T7796">
        <v>30</v>
      </c>
      <c r="U7796">
        <v>31</v>
      </c>
      <c r="V7796">
        <v>31</v>
      </c>
      <c r="W7796">
        <v>32</v>
      </c>
      <c r="X7796">
        <v>32</v>
      </c>
      <c r="Y7796">
        <v>33</v>
      </c>
      <c r="Z7796">
        <v>33</v>
      </c>
      <c r="AA7796">
        <v>34</v>
      </c>
      <c r="AB7796">
        <v>34</v>
      </c>
      <c r="AC7796">
        <v>35</v>
      </c>
      <c r="AD7796">
        <v>35</v>
      </c>
      <c r="AE7796">
        <v>36</v>
      </c>
      <c r="AF7796">
        <v>36</v>
      </c>
      <c r="AG7796">
        <v>36</v>
      </c>
      <c r="AH7796">
        <v>36</v>
      </c>
      <c r="AI7796">
        <v>36</v>
      </c>
      <c r="AJ7796">
        <v>36</v>
      </c>
      <c r="AK7796">
        <v>36</v>
      </c>
      <c r="AL7796">
        <v>36</v>
      </c>
      <c r="AM7796">
        <v>36</v>
      </c>
      <c r="AN7796">
        <v>36</v>
      </c>
      <c r="AO7796">
        <v>36</v>
      </c>
      <c r="AP7796">
        <v>36</v>
      </c>
      <c r="AQ7796">
        <v>35</v>
      </c>
    </row>
    <row r="7797" spans="1:43">
      <c r="A7797" t="s">
        <v>4878</v>
      </c>
      <c r="B7797" t="s">
        <v>4879</v>
      </c>
      <c r="C7797" t="s">
        <v>4876</v>
      </c>
      <c r="D7797" t="s">
        <v>4877</v>
      </c>
      <c r="E7797" t="s">
        <v>4592</v>
      </c>
      <c r="F7797" t="s">
        <v>4593</v>
      </c>
      <c r="G7797" t="s">
        <v>80</v>
      </c>
      <c r="H7797" t="s">
        <v>81</v>
      </c>
      <c r="I7797" s="2">
        <v>1</v>
      </c>
      <c r="J7797" s="2">
        <v>0</v>
      </c>
      <c r="K7797" s="2">
        <v>0</v>
      </c>
      <c r="L7797" t="s">
        <v>120</v>
      </c>
      <c r="M7797" t="s">
        <v>83</v>
      </c>
      <c r="N7797" t="s">
        <v>91</v>
      </c>
      <c r="O7797" t="s">
        <v>85</v>
      </c>
      <c r="P7797" t="s">
        <v>86</v>
      </c>
      <c r="Q7797">
        <v>28</v>
      </c>
      <c r="R7797">
        <v>28</v>
      </c>
      <c r="S7797">
        <v>29</v>
      </c>
      <c r="T7797">
        <v>29</v>
      </c>
      <c r="U7797">
        <v>30</v>
      </c>
      <c r="V7797">
        <v>30</v>
      </c>
      <c r="W7797">
        <v>30</v>
      </c>
      <c r="X7797">
        <v>31</v>
      </c>
      <c r="Y7797">
        <v>31</v>
      </c>
      <c r="Z7797">
        <v>31</v>
      </c>
      <c r="AA7797">
        <v>32</v>
      </c>
      <c r="AB7797">
        <v>32</v>
      </c>
      <c r="AC7797">
        <v>33</v>
      </c>
      <c r="AD7797">
        <v>33</v>
      </c>
      <c r="AE7797">
        <v>33</v>
      </c>
      <c r="AF7797">
        <v>34</v>
      </c>
      <c r="AG7797">
        <v>34</v>
      </c>
      <c r="AH7797">
        <v>34</v>
      </c>
      <c r="AI7797">
        <v>35</v>
      </c>
      <c r="AJ7797">
        <v>35</v>
      </c>
      <c r="AK7797">
        <v>35</v>
      </c>
      <c r="AL7797">
        <v>35</v>
      </c>
      <c r="AM7797">
        <v>35</v>
      </c>
      <c r="AN7797">
        <v>35</v>
      </c>
      <c r="AO7797">
        <v>35</v>
      </c>
      <c r="AP7797">
        <v>35</v>
      </c>
      <c r="AQ7797">
        <v>35</v>
      </c>
    </row>
    <row r="7798" spans="1:43">
      <c r="A7798" t="s">
        <v>4880</v>
      </c>
      <c r="B7798" t="s">
        <v>4881</v>
      </c>
      <c r="C7798" t="s">
        <v>4876</v>
      </c>
      <c r="D7798" t="s">
        <v>4877</v>
      </c>
      <c r="E7798" t="s">
        <v>4592</v>
      </c>
      <c r="F7798" t="s">
        <v>4593</v>
      </c>
      <c r="G7798" t="s">
        <v>80</v>
      </c>
      <c r="H7798" t="s">
        <v>81</v>
      </c>
      <c r="I7798" s="2">
        <v>1</v>
      </c>
      <c r="J7798" s="2">
        <v>0</v>
      </c>
      <c r="K7798" s="2">
        <v>0</v>
      </c>
      <c r="L7798" t="s">
        <v>120</v>
      </c>
      <c r="M7798" t="s">
        <v>83</v>
      </c>
      <c r="N7798" t="s">
        <v>84</v>
      </c>
      <c r="O7798" t="s">
        <v>85</v>
      </c>
      <c r="P7798" t="s">
        <v>86</v>
      </c>
      <c r="Q7798">
        <v>83</v>
      </c>
      <c r="R7798">
        <v>84</v>
      </c>
      <c r="S7798">
        <v>85</v>
      </c>
      <c r="T7798">
        <v>86</v>
      </c>
      <c r="U7798">
        <v>88</v>
      </c>
      <c r="V7798">
        <v>89</v>
      </c>
      <c r="W7798">
        <v>90</v>
      </c>
      <c r="X7798">
        <v>91</v>
      </c>
      <c r="Y7798">
        <v>92</v>
      </c>
      <c r="Z7798">
        <v>93</v>
      </c>
      <c r="AA7798">
        <v>94</v>
      </c>
      <c r="AB7798">
        <v>96</v>
      </c>
      <c r="AC7798">
        <v>97</v>
      </c>
      <c r="AD7798">
        <v>98</v>
      </c>
      <c r="AE7798">
        <v>99</v>
      </c>
      <c r="AF7798">
        <v>100</v>
      </c>
      <c r="AG7798">
        <v>101</v>
      </c>
      <c r="AH7798">
        <v>102</v>
      </c>
      <c r="AI7798">
        <v>103</v>
      </c>
      <c r="AJ7798">
        <v>104</v>
      </c>
      <c r="AK7798">
        <v>105</v>
      </c>
      <c r="AL7798">
        <v>105</v>
      </c>
      <c r="AM7798">
        <v>105</v>
      </c>
      <c r="AN7798">
        <v>105</v>
      </c>
      <c r="AO7798">
        <v>105</v>
      </c>
      <c r="AP7798">
        <v>105</v>
      </c>
      <c r="AQ7798">
        <v>105</v>
      </c>
    </row>
    <row r="7799" spans="1:43">
      <c r="A7799" t="s">
        <v>4880</v>
      </c>
      <c r="B7799" t="s">
        <v>4881</v>
      </c>
      <c r="C7799" t="s">
        <v>4876</v>
      </c>
      <c r="D7799" t="s">
        <v>4877</v>
      </c>
      <c r="E7799" t="s">
        <v>4592</v>
      </c>
      <c r="F7799" t="s">
        <v>4593</v>
      </c>
      <c r="G7799" t="s">
        <v>80</v>
      </c>
      <c r="H7799" t="s">
        <v>81</v>
      </c>
      <c r="I7799" s="2">
        <v>1</v>
      </c>
      <c r="J7799" s="2">
        <v>0</v>
      </c>
      <c r="K7799" s="2">
        <v>0</v>
      </c>
      <c r="L7799" t="s">
        <v>120</v>
      </c>
      <c r="M7799" t="s">
        <v>87</v>
      </c>
      <c r="N7799" t="s">
        <v>88</v>
      </c>
      <c r="O7799" t="s">
        <v>85</v>
      </c>
      <c r="P7799" t="s">
        <v>86</v>
      </c>
      <c r="Q7799">
        <v>83</v>
      </c>
      <c r="R7799">
        <v>83</v>
      </c>
      <c r="S7799">
        <v>84</v>
      </c>
      <c r="T7799">
        <v>84</v>
      </c>
      <c r="U7799">
        <v>85</v>
      </c>
      <c r="V7799">
        <v>85</v>
      </c>
      <c r="W7799">
        <v>86</v>
      </c>
      <c r="X7799">
        <v>86</v>
      </c>
      <c r="Y7799">
        <v>86</v>
      </c>
      <c r="Z7799">
        <v>87</v>
      </c>
      <c r="AA7799">
        <v>87</v>
      </c>
      <c r="AB7799">
        <v>88</v>
      </c>
      <c r="AC7799">
        <v>88</v>
      </c>
      <c r="AD7799">
        <v>88</v>
      </c>
      <c r="AE7799">
        <v>89</v>
      </c>
      <c r="AF7799">
        <v>89</v>
      </c>
      <c r="AG7799">
        <v>89</v>
      </c>
      <c r="AH7799">
        <v>90</v>
      </c>
      <c r="AI7799">
        <v>90</v>
      </c>
      <c r="AJ7799">
        <v>90</v>
      </c>
      <c r="AK7799">
        <v>90</v>
      </c>
      <c r="AL7799">
        <v>91</v>
      </c>
      <c r="AM7799">
        <v>91</v>
      </c>
      <c r="AN7799">
        <v>91</v>
      </c>
      <c r="AO7799">
        <v>92</v>
      </c>
      <c r="AP7799">
        <v>92</v>
      </c>
      <c r="AQ7799">
        <v>92</v>
      </c>
    </row>
    <row r="7800" spans="1:43">
      <c r="A7800" t="s">
        <v>4880</v>
      </c>
      <c r="B7800" t="s">
        <v>4881</v>
      </c>
      <c r="C7800" t="s">
        <v>4876</v>
      </c>
      <c r="D7800" t="s">
        <v>4877</v>
      </c>
      <c r="E7800" t="s">
        <v>4592</v>
      </c>
      <c r="F7800" t="s">
        <v>4593</v>
      </c>
      <c r="G7800" t="s">
        <v>80</v>
      </c>
      <c r="H7800" t="s">
        <v>81</v>
      </c>
      <c r="I7800" s="2">
        <v>1</v>
      </c>
      <c r="J7800" s="2">
        <v>0</v>
      </c>
      <c r="K7800" s="2">
        <v>0</v>
      </c>
      <c r="L7800" t="s">
        <v>120</v>
      </c>
      <c r="M7800" t="s">
        <v>89</v>
      </c>
      <c r="N7800" t="s">
        <v>90</v>
      </c>
      <c r="O7800" t="s">
        <v>85</v>
      </c>
      <c r="P7800" t="s">
        <v>86</v>
      </c>
      <c r="Q7800">
        <v>83</v>
      </c>
      <c r="R7800">
        <v>85</v>
      </c>
      <c r="S7800">
        <v>87</v>
      </c>
      <c r="T7800">
        <v>89</v>
      </c>
      <c r="U7800">
        <v>91</v>
      </c>
      <c r="V7800">
        <v>93</v>
      </c>
      <c r="W7800">
        <v>94</v>
      </c>
      <c r="X7800">
        <v>96</v>
      </c>
      <c r="Y7800">
        <v>98</v>
      </c>
      <c r="Z7800">
        <v>99</v>
      </c>
      <c r="AA7800">
        <v>101</v>
      </c>
      <c r="AB7800">
        <v>102</v>
      </c>
      <c r="AC7800">
        <v>104</v>
      </c>
      <c r="AD7800">
        <v>105</v>
      </c>
      <c r="AE7800">
        <v>106</v>
      </c>
      <c r="AF7800">
        <v>106</v>
      </c>
      <c r="AG7800">
        <v>106</v>
      </c>
      <c r="AH7800">
        <v>106</v>
      </c>
      <c r="AI7800">
        <v>106</v>
      </c>
      <c r="AJ7800">
        <v>106</v>
      </c>
      <c r="AK7800">
        <v>106</v>
      </c>
      <c r="AL7800">
        <v>106</v>
      </c>
      <c r="AM7800">
        <v>106</v>
      </c>
      <c r="AN7800">
        <v>106</v>
      </c>
      <c r="AO7800">
        <v>106</v>
      </c>
      <c r="AP7800">
        <v>106</v>
      </c>
      <c r="AQ7800">
        <v>105</v>
      </c>
    </row>
    <row r="7801" spans="1:43">
      <c r="A7801" t="s">
        <v>4880</v>
      </c>
      <c r="B7801" t="s">
        <v>4881</v>
      </c>
      <c r="C7801" t="s">
        <v>4876</v>
      </c>
      <c r="D7801" t="s">
        <v>4877</v>
      </c>
      <c r="E7801" t="s">
        <v>4592</v>
      </c>
      <c r="F7801" t="s">
        <v>4593</v>
      </c>
      <c r="G7801" t="s">
        <v>80</v>
      </c>
      <c r="H7801" t="s">
        <v>81</v>
      </c>
      <c r="I7801" s="2">
        <v>1</v>
      </c>
      <c r="J7801" s="2">
        <v>0</v>
      </c>
      <c r="K7801" s="2">
        <v>0</v>
      </c>
      <c r="L7801" t="s">
        <v>120</v>
      </c>
      <c r="M7801" t="s">
        <v>83</v>
      </c>
      <c r="N7801" t="s">
        <v>91</v>
      </c>
      <c r="O7801" t="s">
        <v>85</v>
      </c>
      <c r="P7801" t="s">
        <v>86</v>
      </c>
      <c r="Q7801">
        <v>83</v>
      </c>
      <c r="R7801">
        <v>84</v>
      </c>
      <c r="S7801">
        <v>85</v>
      </c>
      <c r="T7801">
        <v>86</v>
      </c>
      <c r="U7801">
        <v>88</v>
      </c>
      <c r="V7801">
        <v>89</v>
      </c>
      <c r="W7801">
        <v>90</v>
      </c>
      <c r="X7801">
        <v>91</v>
      </c>
      <c r="Y7801">
        <v>92</v>
      </c>
      <c r="Z7801">
        <v>93</v>
      </c>
      <c r="AA7801">
        <v>94</v>
      </c>
      <c r="AB7801">
        <v>96</v>
      </c>
      <c r="AC7801">
        <v>97</v>
      </c>
      <c r="AD7801">
        <v>98</v>
      </c>
      <c r="AE7801">
        <v>99</v>
      </c>
      <c r="AF7801">
        <v>100</v>
      </c>
      <c r="AG7801">
        <v>101</v>
      </c>
      <c r="AH7801">
        <v>102</v>
      </c>
      <c r="AI7801">
        <v>103</v>
      </c>
      <c r="AJ7801">
        <v>104</v>
      </c>
      <c r="AK7801">
        <v>105</v>
      </c>
      <c r="AL7801">
        <v>105</v>
      </c>
      <c r="AM7801">
        <v>105</v>
      </c>
      <c r="AN7801">
        <v>105</v>
      </c>
      <c r="AO7801">
        <v>105</v>
      </c>
      <c r="AP7801">
        <v>105</v>
      </c>
      <c r="AQ7801">
        <v>105</v>
      </c>
    </row>
    <row r="7802" spans="1:43">
      <c r="A7802" t="s">
        <v>4882</v>
      </c>
      <c r="B7802" t="s">
        <v>4883</v>
      </c>
      <c r="C7802" t="s">
        <v>4876</v>
      </c>
      <c r="D7802" t="s">
        <v>4877</v>
      </c>
      <c r="E7802" t="s">
        <v>4592</v>
      </c>
      <c r="F7802" t="s">
        <v>4593</v>
      </c>
      <c r="G7802" t="s">
        <v>80</v>
      </c>
      <c r="H7802" t="s">
        <v>81</v>
      </c>
      <c r="I7802" s="2">
        <v>1</v>
      </c>
      <c r="J7802" s="2">
        <v>0</v>
      </c>
      <c r="K7802" s="2">
        <v>0</v>
      </c>
      <c r="L7802" t="s">
        <v>120</v>
      </c>
      <c r="M7802" t="s">
        <v>83</v>
      </c>
      <c r="N7802" t="s">
        <v>84</v>
      </c>
      <c r="O7802" t="s">
        <v>85</v>
      </c>
      <c r="P7802" t="s">
        <v>86</v>
      </c>
      <c r="Q7802">
        <v>15</v>
      </c>
      <c r="R7802">
        <v>16</v>
      </c>
      <c r="S7802">
        <v>16</v>
      </c>
      <c r="T7802">
        <v>16</v>
      </c>
      <c r="U7802">
        <v>16</v>
      </c>
      <c r="V7802">
        <v>17</v>
      </c>
      <c r="W7802">
        <v>17</v>
      </c>
      <c r="X7802">
        <v>17</v>
      </c>
      <c r="Y7802">
        <v>17</v>
      </c>
      <c r="Z7802">
        <v>17</v>
      </c>
      <c r="AA7802">
        <v>18</v>
      </c>
      <c r="AB7802">
        <v>18</v>
      </c>
      <c r="AC7802">
        <v>18</v>
      </c>
      <c r="AD7802">
        <v>18</v>
      </c>
      <c r="AE7802">
        <v>18</v>
      </c>
      <c r="AF7802">
        <v>19</v>
      </c>
      <c r="AG7802">
        <v>19</v>
      </c>
      <c r="AH7802">
        <v>19</v>
      </c>
      <c r="AI7802">
        <v>19</v>
      </c>
      <c r="AJ7802">
        <v>19</v>
      </c>
      <c r="AK7802">
        <v>19</v>
      </c>
      <c r="AL7802">
        <v>20</v>
      </c>
      <c r="AM7802">
        <v>20</v>
      </c>
      <c r="AN7802">
        <v>20</v>
      </c>
      <c r="AO7802">
        <v>20</v>
      </c>
      <c r="AP7802">
        <v>19</v>
      </c>
      <c r="AQ7802">
        <v>19</v>
      </c>
    </row>
    <row r="7803" spans="1:43">
      <c r="A7803" t="s">
        <v>4882</v>
      </c>
      <c r="B7803" t="s">
        <v>4883</v>
      </c>
      <c r="C7803" t="s">
        <v>4876</v>
      </c>
      <c r="D7803" t="s">
        <v>4877</v>
      </c>
      <c r="E7803" t="s">
        <v>4592</v>
      </c>
      <c r="F7803" t="s">
        <v>4593</v>
      </c>
      <c r="G7803" t="s">
        <v>80</v>
      </c>
      <c r="H7803" t="s">
        <v>81</v>
      </c>
      <c r="I7803" s="2">
        <v>1</v>
      </c>
      <c r="J7803" s="2">
        <v>0</v>
      </c>
      <c r="K7803" s="2">
        <v>0</v>
      </c>
      <c r="L7803" t="s">
        <v>120</v>
      </c>
      <c r="M7803" t="s">
        <v>87</v>
      </c>
      <c r="N7803" t="s">
        <v>88</v>
      </c>
      <c r="O7803" t="s">
        <v>85</v>
      </c>
      <c r="P7803" t="s">
        <v>86</v>
      </c>
      <c r="Q7803">
        <v>15</v>
      </c>
      <c r="R7803">
        <v>15</v>
      </c>
      <c r="S7803">
        <v>15</v>
      </c>
      <c r="T7803">
        <v>16</v>
      </c>
      <c r="U7803">
        <v>16</v>
      </c>
      <c r="V7803">
        <v>16</v>
      </c>
      <c r="W7803">
        <v>16</v>
      </c>
      <c r="X7803">
        <v>16</v>
      </c>
      <c r="Y7803">
        <v>16</v>
      </c>
      <c r="Z7803">
        <v>16</v>
      </c>
      <c r="AA7803">
        <v>16</v>
      </c>
      <c r="AB7803">
        <v>16</v>
      </c>
      <c r="AC7803">
        <v>16</v>
      </c>
      <c r="AD7803">
        <v>16</v>
      </c>
      <c r="AE7803">
        <v>16</v>
      </c>
      <c r="AF7803">
        <v>16</v>
      </c>
      <c r="AG7803">
        <v>16</v>
      </c>
      <c r="AH7803">
        <v>17</v>
      </c>
      <c r="AI7803">
        <v>17</v>
      </c>
      <c r="AJ7803">
        <v>17</v>
      </c>
      <c r="AK7803">
        <v>17</v>
      </c>
      <c r="AL7803">
        <v>17</v>
      </c>
      <c r="AM7803">
        <v>17</v>
      </c>
      <c r="AN7803">
        <v>17</v>
      </c>
      <c r="AO7803">
        <v>17</v>
      </c>
      <c r="AP7803">
        <v>17</v>
      </c>
      <c r="AQ7803">
        <v>17</v>
      </c>
    </row>
    <row r="7804" spans="1:43">
      <c r="A7804" t="s">
        <v>4882</v>
      </c>
      <c r="B7804" t="s">
        <v>4883</v>
      </c>
      <c r="C7804" t="s">
        <v>4876</v>
      </c>
      <c r="D7804" t="s">
        <v>4877</v>
      </c>
      <c r="E7804" t="s">
        <v>4592</v>
      </c>
      <c r="F7804" t="s">
        <v>4593</v>
      </c>
      <c r="G7804" t="s">
        <v>80</v>
      </c>
      <c r="H7804" t="s">
        <v>81</v>
      </c>
      <c r="I7804" s="2">
        <v>1</v>
      </c>
      <c r="J7804" s="2">
        <v>0</v>
      </c>
      <c r="K7804" s="2">
        <v>0</v>
      </c>
      <c r="L7804" t="s">
        <v>120</v>
      </c>
      <c r="M7804" t="s">
        <v>89</v>
      </c>
      <c r="N7804" t="s">
        <v>90</v>
      </c>
      <c r="O7804" t="s">
        <v>85</v>
      </c>
      <c r="P7804" t="s">
        <v>86</v>
      </c>
      <c r="Q7804">
        <v>15</v>
      </c>
      <c r="R7804">
        <v>15</v>
      </c>
      <c r="S7804">
        <v>15</v>
      </c>
      <c r="T7804">
        <v>16</v>
      </c>
      <c r="U7804">
        <v>16</v>
      </c>
      <c r="V7804">
        <v>16</v>
      </c>
      <c r="W7804">
        <v>17</v>
      </c>
      <c r="X7804">
        <v>17</v>
      </c>
      <c r="Y7804">
        <v>17</v>
      </c>
      <c r="Z7804">
        <v>17</v>
      </c>
      <c r="AA7804">
        <v>18</v>
      </c>
      <c r="AB7804">
        <v>18</v>
      </c>
      <c r="AC7804">
        <v>18</v>
      </c>
      <c r="AD7804">
        <v>19</v>
      </c>
      <c r="AE7804">
        <v>19</v>
      </c>
      <c r="AF7804">
        <v>19</v>
      </c>
      <c r="AG7804">
        <v>19</v>
      </c>
      <c r="AH7804">
        <v>19</v>
      </c>
      <c r="AI7804">
        <v>19</v>
      </c>
      <c r="AJ7804">
        <v>19</v>
      </c>
      <c r="AK7804">
        <v>19</v>
      </c>
      <c r="AL7804">
        <v>19</v>
      </c>
      <c r="AM7804">
        <v>19</v>
      </c>
      <c r="AN7804">
        <v>19</v>
      </c>
      <c r="AO7804">
        <v>19</v>
      </c>
      <c r="AP7804">
        <v>19</v>
      </c>
      <c r="AQ7804">
        <v>19</v>
      </c>
    </row>
    <row r="7805" spans="1:43">
      <c r="A7805" t="s">
        <v>4882</v>
      </c>
      <c r="B7805" t="s">
        <v>4883</v>
      </c>
      <c r="C7805" t="s">
        <v>4876</v>
      </c>
      <c r="D7805" t="s">
        <v>4877</v>
      </c>
      <c r="E7805" t="s">
        <v>4592</v>
      </c>
      <c r="F7805" t="s">
        <v>4593</v>
      </c>
      <c r="G7805" t="s">
        <v>80</v>
      </c>
      <c r="H7805" t="s">
        <v>81</v>
      </c>
      <c r="I7805" s="2">
        <v>1</v>
      </c>
      <c r="J7805" s="2">
        <v>0</v>
      </c>
      <c r="K7805" s="2">
        <v>0</v>
      </c>
      <c r="L7805" t="s">
        <v>120</v>
      </c>
      <c r="M7805" t="s">
        <v>83</v>
      </c>
      <c r="N7805" t="s">
        <v>91</v>
      </c>
      <c r="O7805" t="s">
        <v>85</v>
      </c>
      <c r="P7805" t="s">
        <v>86</v>
      </c>
      <c r="Q7805">
        <v>15</v>
      </c>
      <c r="R7805">
        <v>16</v>
      </c>
      <c r="S7805">
        <v>16</v>
      </c>
      <c r="T7805">
        <v>16</v>
      </c>
      <c r="U7805">
        <v>16</v>
      </c>
      <c r="V7805">
        <v>17</v>
      </c>
      <c r="W7805">
        <v>17</v>
      </c>
      <c r="X7805">
        <v>17</v>
      </c>
      <c r="Y7805">
        <v>17</v>
      </c>
      <c r="Z7805">
        <v>17</v>
      </c>
      <c r="AA7805">
        <v>18</v>
      </c>
      <c r="AB7805">
        <v>18</v>
      </c>
      <c r="AC7805">
        <v>18</v>
      </c>
      <c r="AD7805">
        <v>18</v>
      </c>
      <c r="AE7805">
        <v>18</v>
      </c>
      <c r="AF7805">
        <v>19</v>
      </c>
      <c r="AG7805">
        <v>19</v>
      </c>
      <c r="AH7805">
        <v>19</v>
      </c>
      <c r="AI7805">
        <v>19</v>
      </c>
      <c r="AJ7805">
        <v>19</v>
      </c>
      <c r="AK7805">
        <v>19</v>
      </c>
      <c r="AL7805">
        <v>20</v>
      </c>
      <c r="AM7805">
        <v>20</v>
      </c>
      <c r="AN7805">
        <v>20</v>
      </c>
      <c r="AO7805">
        <v>20</v>
      </c>
      <c r="AP7805">
        <v>19</v>
      </c>
      <c r="AQ7805">
        <v>19</v>
      </c>
    </row>
    <row r="7806" spans="1:43">
      <c r="A7806" t="s">
        <v>4884</v>
      </c>
      <c r="B7806" t="s">
        <v>4885</v>
      </c>
      <c r="C7806" t="s">
        <v>4768</v>
      </c>
      <c r="D7806" t="s">
        <v>4769</v>
      </c>
      <c r="E7806" t="s">
        <v>4592</v>
      </c>
      <c r="F7806" t="s">
        <v>4593</v>
      </c>
      <c r="G7806" t="s">
        <v>80</v>
      </c>
      <c r="H7806" t="s">
        <v>81</v>
      </c>
      <c r="I7806" s="2">
        <v>1</v>
      </c>
      <c r="J7806" s="2">
        <v>0</v>
      </c>
      <c r="K7806" s="2">
        <v>0</v>
      </c>
      <c r="L7806" t="s">
        <v>120</v>
      </c>
      <c r="M7806" t="s">
        <v>83</v>
      </c>
      <c r="N7806" t="s">
        <v>84</v>
      </c>
      <c r="O7806" t="s">
        <v>85</v>
      </c>
      <c r="P7806" t="s">
        <v>86</v>
      </c>
      <c r="Q7806">
        <v>15</v>
      </c>
      <c r="R7806">
        <v>15</v>
      </c>
      <c r="S7806">
        <v>15</v>
      </c>
      <c r="T7806">
        <v>15</v>
      </c>
      <c r="U7806">
        <v>16</v>
      </c>
      <c r="V7806">
        <v>16</v>
      </c>
      <c r="W7806">
        <v>16</v>
      </c>
      <c r="X7806">
        <v>16</v>
      </c>
      <c r="Y7806">
        <v>16</v>
      </c>
      <c r="Z7806">
        <v>17</v>
      </c>
      <c r="AA7806">
        <v>17</v>
      </c>
      <c r="AB7806">
        <v>17</v>
      </c>
      <c r="AC7806">
        <v>17</v>
      </c>
      <c r="AD7806">
        <v>17</v>
      </c>
      <c r="AE7806">
        <v>18</v>
      </c>
      <c r="AF7806">
        <v>18</v>
      </c>
      <c r="AG7806">
        <v>18</v>
      </c>
      <c r="AH7806">
        <v>18</v>
      </c>
      <c r="AI7806">
        <v>18</v>
      </c>
      <c r="AJ7806">
        <v>19</v>
      </c>
      <c r="AK7806">
        <v>19</v>
      </c>
      <c r="AL7806">
        <v>19</v>
      </c>
      <c r="AM7806">
        <v>19</v>
      </c>
      <c r="AN7806">
        <v>19</v>
      </c>
      <c r="AO7806">
        <v>19</v>
      </c>
      <c r="AP7806">
        <v>19</v>
      </c>
      <c r="AQ7806">
        <v>19</v>
      </c>
    </row>
    <row r="7807" spans="1:43">
      <c r="A7807" t="s">
        <v>4884</v>
      </c>
      <c r="B7807" t="s">
        <v>4885</v>
      </c>
      <c r="C7807" t="s">
        <v>4768</v>
      </c>
      <c r="D7807" t="s">
        <v>4769</v>
      </c>
      <c r="E7807" t="s">
        <v>4592</v>
      </c>
      <c r="F7807" t="s">
        <v>4593</v>
      </c>
      <c r="G7807" t="s">
        <v>80</v>
      </c>
      <c r="H7807" t="s">
        <v>81</v>
      </c>
      <c r="I7807" s="2">
        <v>1</v>
      </c>
      <c r="J7807" s="2">
        <v>0</v>
      </c>
      <c r="K7807" s="2">
        <v>0</v>
      </c>
      <c r="L7807" t="s">
        <v>120</v>
      </c>
      <c r="M7807" t="s">
        <v>87</v>
      </c>
      <c r="N7807" t="s">
        <v>88</v>
      </c>
      <c r="O7807" t="s">
        <v>85</v>
      </c>
      <c r="P7807" t="s">
        <v>86</v>
      </c>
      <c r="Q7807">
        <v>15</v>
      </c>
      <c r="R7807">
        <v>15</v>
      </c>
      <c r="S7807">
        <v>15</v>
      </c>
      <c r="T7807">
        <v>15</v>
      </c>
      <c r="U7807">
        <v>15</v>
      </c>
      <c r="V7807">
        <v>15</v>
      </c>
      <c r="W7807">
        <v>15</v>
      </c>
      <c r="X7807">
        <v>15</v>
      </c>
      <c r="Y7807">
        <v>15</v>
      </c>
      <c r="Z7807">
        <v>15</v>
      </c>
      <c r="AA7807">
        <v>15</v>
      </c>
      <c r="AB7807">
        <v>15</v>
      </c>
      <c r="AC7807">
        <v>15</v>
      </c>
      <c r="AD7807">
        <v>16</v>
      </c>
      <c r="AE7807">
        <v>16</v>
      </c>
      <c r="AF7807">
        <v>16</v>
      </c>
      <c r="AG7807">
        <v>16</v>
      </c>
      <c r="AH7807">
        <v>16</v>
      </c>
      <c r="AI7807">
        <v>16</v>
      </c>
      <c r="AJ7807">
        <v>16</v>
      </c>
      <c r="AK7807">
        <v>16</v>
      </c>
      <c r="AL7807">
        <v>16</v>
      </c>
      <c r="AM7807">
        <v>16</v>
      </c>
      <c r="AN7807">
        <v>16</v>
      </c>
      <c r="AO7807">
        <v>16</v>
      </c>
      <c r="AP7807">
        <v>16</v>
      </c>
      <c r="AQ7807">
        <v>16</v>
      </c>
    </row>
    <row r="7808" spans="1:43">
      <c r="A7808" t="s">
        <v>4884</v>
      </c>
      <c r="B7808" t="s">
        <v>4885</v>
      </c>
      <c r="C7808" t="s">
        <v>4768</v>
      </c>
      <c r="D7808" t="s">
        <v>4769</v>
      </c>
      <c r="E7808" t="s">
        <v>4592</v>
      </c>
      <c r="F7808" t="s">
        <v>4593</v>
      </c>
      <c r="G7808" t="s">
        <v>80</v>
      </c>
      <c r="H7808" t="s">
        <v>81</v>
      </c>
      <c r="I7808" s="2">
        <v>1</v>
      </c>
      <c r="J7808" s="2">
        <v>0</v>
      </c>
      <c r="K7808" s="2">
        <v>0</v>
      </c>
      <c r="L7808" t="s">
        <v>120</v>
      </c>
      <c r="M7808" t="s">
        <v>89</v>
      </c>
      <c r="N7808" t="s">
        <v>90</v>
      </c>
      <c r="O7808" t="s">
        <v>85</v>
      </c>
      <c r="P7808" t="s">
        <v>86</v>
      </c>
      <c r="Q7808">
        <v>15</v>
      </c>
      <c r="R7808">
        <v>15</v>
      </c>
      <c r="S7808">
        <v>16</v>
      </c>
      <c r="T7808">
        <v>16</v>
      </c>
      <c r="U7808">
        <v>16</v>
      </c>
      <c r="V7808">
        <v>16</v>
      </c>
      <c r="W7808">
        <v>17</v>
      </c>
      <c r="X7808">
        <v>17</v>
      </c>
      <c r="Y7808">
        <v>17</v>
      </c>
      <c r="Z7808">
        <v>18</v>
      </c>
      <c r="AA7808">
        <v>18</v>
      </c>
      <c r="AB7808">
        <v>18</v>
      </c>
      <c r="AC7808">
        <v>18</v>
      </c>
      <c r="AD7808">
        <v>19</v>
      </c>
      <c r="AE7808">
        <v>19</v>
      </c>
      <c r="AF7808">
        <v>19</v>
      </c>
      <c r="AG7808">
        <v>19</v>
      </c>
      <c r="AH7808">
        <v>19</v>
      </c>
      <c r="AI7808">
        <v>19</v>
      </c>
      <c r="AJ7808">
        <v>19</v>
      </c>
      <c r="AK7808">
        <v>19</v>
      </c>
      <c r="AL7808">
        <v>19</v>
      </c>
      <c r="AM7808">
        <v>19</v>
      </c>
      <c r="AN7808">
        <v>19</v>
      </c>
      <c r="AO7808">
        <v>19</v>
      </c>
      <c r="AP7808">
        <v>19</v>
      </c>
      <c r="AQ7808">
        <v>19</v>
      </c>
    </row>
    <row r="7809" spans="1:43">
      <c r="A7809" t="s">
        <v>4884</v>
      </c>
      <c r="B7809" t="s">
        <v>4885</v>
      </c>
      <c r="C7809" t="s">
        <v>4768</v>
      </c>
      <c r="D7809" t="s">
        <v>4769</v>
      </c>
      <c r="E7809" t="s">
        <v>4592</v>
      </c>
      <c r="F7809" t="s">
        <v>4593</v>
      </c>
      <c r="G7809" t="s">
        <v>80</v>
      </c>
      <c r="H7809" t="s">
        <v>81</v>
      </c>
      <c r="I7809" s="2">
        <v>1</v>
      </c>
      <c r="J7809" s="2">
        <v>0</v>
      </c>
      <c r="K7809" s="2">
        <v>0</v>
      </c>
      <c r="L7809" t="s">
        <v>120</v>
      </c>
      <c r="M7809" t="s">
        <v>83</v>
      </c>
      <c r="N7809" t="s">
        <v>91</v>
      </c>
      <c r="O7809" t="s">
        <v>85</v>
      </c>
      <c r="P7809" t="s">
        <v>86</v>
      </c>
      <c r="Q7809">
        <v>15</v>
      </c>
      <c r="R7809">
        <v>15</v>
      </c>
      <c r="S7809">
        <v>15</v>
      </c>
      <c r="T7809">
        <v>15</v>
      </c>
      <c r="U7809">
        <v>16</v>
      </c>
      <c r="V7809">
        <v>16</v>
      </c>
      <c r="W7809">
        <v>16</v>
      </c>
      <c r="X7809">
        <v>16</v>
      </c>
      <c r="Y7809">
        <v>16</v>
      </c>
      <c r="Z7809">
        <v>17</v>
      </c>
      <c r="AA7809">
        <v>17</v>
      </c>
      <c r="AB7809">
        <v>17</v>
      </c>
      <c r="AC7809">
        <v>17</v>
      </c>
      <c r="AD7809">
        <v>17</v>
      </c>
      <c r="AE7809">
        <v>18</v>
      </c>
      <c r="AF7809">
        <v>18</v>
      </c>
      <c r="AG7809">
        <v>18</v>
      </c>
      <c r="AH7809">
        <v>18</v>
      </c>
      <c r="AI7809">
        <v>18</v>
      </c>
      <c r="AJ7809">
        <v>19</v>
      </c>
      <c r="AK7809">
        <v>19</v>
      </c>
      <c r="AL7809">
        <v>19</v>
      </c>
      <c r="AM7809">
        <v>19</v>
      </c>
      <c r="AN7809">
        <v>19</v>
      </c>
      <c r="AO7809">
        <v>19</v>
      </c>
      <c r="AP7809">
        <v>19</v>
      </c>
      <c r="AQ7809">
        <v>19</v>
      </c>
    </row>
    <row r="7810" spans="1:43">
      <c r="A7810" t="s">
        <v>4886</v>
      </c>
      <c r="B7810" t="s">
        <v>4887</v>
      </c>
      <c r="C7810" t="s">
        <v>4888</v>
      </c>
      <c r="D7810" t="s">
        <v>4889</v>
      </c>
      <c r="E7810" t="s">
        <v>4592</v>
      </c>
      <c r="F7810" t="s">
        <v>4593</v>
      </c>
      <c r="G7810" t="s">
        <v>80</v>
      </c>
      <c r="H7810" t="s">
        <v>81</v>
      </c>
      <c r="I7810" s="2">
        <v>1</v>
      </c>
      <c r="J7810" s="2">
        <v>0</v>
      </c>
      <c r="K7810" s="2">
        <v>0</v>
      </c>
      <c r="L7810" t="s">
        <v>120</v>
      </c>
      <c r="M7810" t="s">
        <v>83</v>
      </c>
      <c r="N7810" t="s">
        <v>84</v>
      </c>
      <c r="O7810" t="s">
        <v>85</v>
      </c>
      <c r="P7810" t="s">
        <v>86</v>
      </c>
      <c r="Q7810">
        <v>34</v>
      </c>
      <c r="R7810">
        <v>34</v>
      </c>
      <c r="S7810">
        <v>35</v>
      </c>
      <c r="T7810">
        <v>35</v>
      </c>
      <c r="U7810">
        <v>36</v>
      </c>
      <c r="V7810">
        <v>36</v>
      </c>
      <c r="W7810">
        <v>37</v>
      </c>
      <c r="X7810">
        <v>37</v>
      </c>
      <c r="Y7810">
        <v>38</v>
      </c>
      <c r="Z7810">
        <v>38</v>
      </c>
      <c r="AA7810">
        <v>39</v>
      </c>
      <c r="AB7810">
        <v>39</v>
      </c>
      <c r="AC7810">
        <v>40</v>
      </c>
      <c r="AD7810">
        <v>40</v>
      </c>
      <c r="AE7810">
        <v>40</v>
      </c>
      <c r="AF7810">
        <v>41</v>
      </c>
      <c r="AG7810">
        <v>41</v>
      </c>
      <c r="AH7810">
        <v>42</v>
      </c>
      <c r="AI7810">
        <v>42</v>
      </c>
      <c r="AJ7810">
        <v>43</v>
      </c>
      <c r="AK7810">
        <v>43</v>
      </c>
      <c r="AL7810">
        <v>43</v>
      </c>
      <c r="AM7810">
        <v>43</v>
      </c>
      <c r="AN7810">
        <v>43</v>
      </c>
      <c r="AO7810">
        <v>43</v>
      </c>
      <c r="AP7810">
        <v>43</v>
      </c>
      <c r="AQ7810">
        <v>43</v>
      </c>
    </row>
    <row r="7811" spans="1:43">
      <c r="A7811" t="s">
        <v>4886</v>
      </c>
      <c r="B7811" t="s">
        <v>4887</v>
      </c>
      <c r="C7811" t="s">
        <v>4888</v>
      </c>
      <c r="D7811" t="s">
        <v>4889</v>
      </c>
      <c r="E7811" t="s">
        <v>4592</v>
      </c>
      <c r="F7811" t="s">
        <v>4593</v>
      </c>
      <c r="G7811" t="s">
        <v>80</v>
      </c>
      <c r="H7811" t="s">
        <v>81</v>
      </c>
      <c r="I7811" s="2">
        <v>1</v>
      </c>
      <c r="J7811" s="2">
        <v>0</v>
      </c>
      <c r="K7811" s="2">
        <v>0</v>
      </c>
      <c r="L7811" t="s">
        <v>120</v>
      </c>
      <c r="M7811" t="s">
        <v>87</v>
      </c>
      <c r="N7811" t="s">
        <v>88</v>
      </c>
      <c r="O7811" t="s">
        <v>85</v>
      </c>
      <c r="P7811" t="s">
        <v>86</v>
      </c>
      <c r="Q7811">
        <v>34</v>
      </c>
      <c r="R7811">
        <v>34</v>
      </c>
      <c r="S7811">
        <v>35</v>
      </c>
      <c r="T7811">
        <v>35</v>
      </c>
      <c r="U7811">
        <v>35</v>
      </c>
      <c r="V7811">
        <v>35</v>
      </c>
      <c r="W7811">
        <v>35</v>
      </c>
      <c r="X7811">
        <v>36</v>
      </c>
      <c r="Y7811">
        <v>36</v>
      </c>
      <c r="Z7811">
        <v>36</v>
      </c>
      <c r="AA7811">
        <v>36</v>
      </c>
      <c r="AB7811">
        <v>36</v>
      </c>
      <c r="AC7811">
        <v>37</v>
      </c>
      <c r="AD7811">
        <v>37</v>
      </c>
      <c r="AE7811">
        <v>37</v>
      </c>
      <c r="AF7811">
        <v>37</v>
      </c>
      <c r="AG7811">
        <v>37</v>
      </c>
      <c r="AH7811">
        <v>37</v>
      </c>
      <c r="AI7811">
        <v>37</v>
      </c>
      <c r="AJ7811">
        <v>38</v>
      </c>
      <c r="AK7811">
        <v>38</v>
      </c>
      <c r="AL7811">
        <v>38</v>
      </c>
      <c r="AM7811">
        <v>38</v>
      </c>
      <c r="AN7811">
        <v>38</v>
      </c>
      <c r="AO7811">
        <v>38</v>
      </c>
      <c r="AP7811">
        <v>38</v>
      </c>
      <c r="AQ7811">
        <v>39</v>
      </c>
    </row>
    <row r="7812" spans="1:43">
      <c r="A7812" t="s">
        <v>4886</v>
      </c>
      <c r="B7812" t="s">
        <v>4887</v>
      </c>
      <c r="C7812" t="s">
        <v>4888</v>
      </c>
      <c r="D7812" t="s">
        <v>4889</v>
      </c>
      <c r="E7812" t="s">
        <v>4592</v>
      </c>
      <c r="F7812" t="s">
        <v>4593</v>
      </c>
      <c r="G7812" t="s">
        <v>80</v>
      </c>
      <c r="H7812" t="s">
        <v>81</v>
      </c>
      <c r="I7812" s="2">
        <v>1</v>
      </c>
      <c r="J7812" s="2">
        <v>0</v>
      </c>
      <c r="K7812" s="2">
        <v>0</v>
      </c>
      <c r="L7812" t="s">
        <v>120</v>
      </c>
      <c r="M7812" t="s">
        <v>89</v>
      </c>
      <c r="N7812" t="s">
        <v>90</v>
      </c>
      <c r="O7812" t="s">
        <v>85</v>
      </c>
      <c r="P7812" t="s">
        <v>86</v>
      </c>
      <c r="Q7812">
        <v>34</v>
      </c>
      <c r="R7812">
        <v>35</v>
      </c>
      <c r="S7812">
        <v>36</v>
      </c>
      <c r="T7812">
        <v>36</v>
      </c>
      <c r="U7812">
        <v>37</v>
      </c>
      <c r="V7812">
        <v>38</v>
      </c>
      <c r="W7812">
        <v>39</v>
      </c>
      <c r="X7812">
        <v>39</v>
      </c>
      <c r="Y7812">
        <v>40</v>
      </c>
      <c r="Z7812">
        <v>41</v>
      </c>
      <c r="AA7812">
        <v>41</v>
      </c>
      <c r="AB7812">
        <v>42</v>
      </c>
      <c r="AC7812">
        <v>42</v>
      </c>
      <c r="AD7812">
        <v>43</v>
      </c>
      <c r="AE7812">
        <v>43</v>
      </c>
      <c r="AF7812">
        <v>44</v>
      </c>
      <c r="AG7812">
        <v>44</v>
      </c>
      <c r="AH7812">
        <v>44</v>
      </c>
      <c r="AI7812">
        <v>44</v>
      </c>
      <c r="AJ7812">
        <v>44</v>
      </c>
      <c r="AK7812">
        <v>44</v>
      </c>
      <c r="AL7812">
        <v>44</v>
      </c>
      <c r="AM7812">
        <v>44</v>
      </c>
      <c r="AN7812">
        <v>44</v>
      </c>
      <c r="AO7812">
        <v>44</v>
      </c>
      <c r="AP7812">
        <v>44</v>
      </c>
      <c r="AQ7812">
        <v>44</v>
      </c>
    </row>
    <row r="7813" spans="1:43">
      <c r="A7813" t="s">
        <v>4886</v>
      </c>
      <c r="B7813" t="s">
        <v>4887</v>
      </c>
      <c r="C7813" t="s">
        <v>4888</v>
      </c>
      <c r="D7813" t="s">
        <v>4889</v>
      </c>
      <c r="E7813" t="s">
        <v>4592</v>
      </c>
      <c r="F7813" t="s">
        <v>4593</v>
      </c>
      <c r="G7813" t="s">
        <v>80</v>
      </c>
      <c r="H7813" t="s">
        <v>81</v>
      </c>
      <c r="I7813" s="2">
        <v>1</v>
      </c>
      <c r="J7813" s="2">
        <v>0</v>
      </c>
      <c r="K7813" s="2">
        <v>0</v>
      </c>
      <c r="L7813" t="s">
        <v>120</v>
      </c>
      <c r="M7813" t="s">
        <v>83</v>
      </c>
      <c r="N7813" t="s">
        <v>91</v>
      </c>
      <c r="O7813" t="s">
        <v>85</v>
      </c>
      <c r="P7813" t="s">
        <v>86</v>
      </c>
      <c r="Q7813">
        <v>34</v>
      </c>
      <c r="R7813">
        <v>34</v>
      </c>
      <c r="S7813">
        <v>35</v>
      </c>
      <c r="T7813">
        <v>35</v>
      </c>
      <c r="U7813">
        <v>36</v>
      </c>
      <c r="V7813">
        <v>36</v>
      </c>
      <c r="W7813">
        <v>37</v>
      </c>
      <c r="X7813">
        <v>37</v>
      </c>
      <c r="Y7813">
        <v>38</v>
      </c>
      <c r="Z7813">
        <v>38</v>
      </c>
      <c r="AA7813">
        <v>39</v>
      </c>
      <c r="AB7813">
        <v>39</v>
      </c>
      <c r="AC7813">
        <v>40</v>
      </c>
      <c r="AD7813">
        <v>40</v>
      </c>
      <c r="AE7813">
        <v>40</v>
      </c>
      <c r="AF7813">
        <v>41</v>
      </c>
      <c r="AG7813">
        <v>41</v>
      </c>
      <c r="AH7813">
        <v>42</v>
      </c>
      <c r="AI7813">
        <v>42</v>
      </c>
      <c r="AJ7813">
        <v>43</v>
      </c>
      <c r="AK7813">
        <v>43</v>
      </c>
      <c r="AL7813">
        <v>43</v>
      </c>
      <c r="AM7813">
        <v>43</v>
      </c>
      <c r="AN7813">
        <v>43</v>
      </c>
      <c r="AO7813">
        <v>43</v>
      </c>
      <c r="AP7813">
        <v>43</v>
      </c>
      <c r="AQ7813">
        <v>43</v>
      </c>
    </row>
    <row r="7814" spans="1:43">
      <c r="A7814" t="s">
        <v>4890</v>
      </c>
      <c r="B7814" t="s">
        <v>4891</v>
      </c>
      <c r="C7814" t="s">
        <v>4888</v>
      </c>
      <c r="D7814" t="s">
        <v>4889</v>
      </c>
      <c r="E7814" t="s">
        <v>4592</v>
      </c>
      <c r="F7814" t="s">
        <v>4593</v>
      </c>
      <c r="G7814" t="s">
        <v>80</v>
      </c>
      <c r="H7814" t="s">
        <v>81</v>
      </c>
      <c r="I7814" s="2">
        <v>1</v>
      </c>
      <c r="J7814" s="2">
        <v>0</v>
      </c>
      <c r="K7814" s="2">
        <v>0</v>
      </c>
      <c r="L7814" t="s">
        <v>120</v>
      </c>
      <c r="M7814" t="s">
        <v>83</v>
      </c>
      <c r="N7814" t="s">
        <v>84</v>
      </c>
      <c r="O7814" t="s">
        <v>85</v>
      </c>
      <c r="P7814" t="s">
        <v>86</v>
      </c>
      <c r="Q7814">
        <v>50</v>
      </c>
      <c r="R7814">
        <v>51</v>
      </c>
      <c r="S7814">
        <v>51</v>
      </c>
      <c r="T7814">
        <v>52</v>
      </c>
      <c r="U7814">
        <v>53</v>
      </c>
      <c r="V7814">
        <v>54</v>
      </c>
      <c r="W7814">
        <v>54</v>
      </c>
      <c r="X7814">
        <v>55</v>
      </c>
      <c r="Y7814">
        <v>56</v>
      </c>
      <c r="Z7814">
        <v>57</v>
      </c>
      <c r="AA7814">
        <v>57</v>
      </c>
      <c r="AB7814">
        <v>58</v>
      </c>
      <c r="AC7814">
        <v>59</v>
      </c>
      <c r="AD7814">
        <v>59</v>
      </c>
      <c r="AE7814">
        <v>60</v>
      </c>
      <c r="AF7814">
        <v>61</v>
      </c>
      <c r="AG7814">
        <v>61</v>
      </c>
      <c r="AH7814">
        <v>62</v>
      </c>
      <c r="AI7814">
        <v>63</v>
      </c>
      <c r="AJ7814">
        <v>63</v>
      </c>
      <c r="AK7814">
        <v>64</v>
      </c>
      <c r="AL7814">
        <v>64</v>
      </c>
      <c r="AM7814">
        <v>64</v>
      </c>
      <c r="AN7814">
        <v>64</v>
      </c>
      <c r="AO7814">
        <v>64</v>
      </c>
      <c r="AP7814">
        <v>64</v>
      </c>
      <c r="AQ7814">
        <v>64</v>
      </c>
    </row>
    <row r="7815" spans="1:43">
      <c r="A7815" t="s">
        <v>4890</v>
      </c>
      <c r="B7815" t="s">
        <v>4891</v>
      </c>
      <c r="C7815" t="s">
        <v>4888</v>
      </c>
      <c r="D7815" t="s">
        <v>4889</v>
      </c>
      <c r="E7815" t="s">
        <v>4592</v>
      </c>
      <c r="F7815" t="s">
        <v>4593</v>
      </c>
      <c r="G7815" t="s">
        <v>80</v>
      </c>
      <c r="H7815" t="s">
        <v>81</v>
      </c>
      <c r="I7815" s="2">
        <v>1</v>
      </c>
      <c r="J7815" s="2">
        <v>0</v>
      </c>
      <c r="K7815" s="2">
        <v>0</v>
      </c>
      <c r="L7815" t="s">
        <v>120</v>
      </c>
      <c r="M7815" t="s">
        <v>87</v>
      </c>
      <c r="N7815" t="s">
        <v>88</v>
      </c>
      <c r="O7815" t="s">
        <v>85</v>
      </c>
      <c r="P7815" t="s">
        <v>86</v>
      </c>
      <c r="Q7815">
        <v>50</v>
      </c>
      <c r="R7815">
        <v>51</v>
      </c>
      <c r="S7815">
        <v>51</v>
      </c>
      <c r="T7815">
        <v>51</v>
      </c>
      <c r="U7815">
        <v>52</v>
      </c>
      <c r="V7815">
        <v>52</v>
      </c>
      <c r="W7815">
        <v>52</v>
      </c>
      <c r="X7815">
        <v>52</v>
      </c>
      <c r="Y7815">
        <v>53</v>
      </c>
      <c r="Z7815">
        <v>53</v>
      </c>
      <c r="AA7815">
        <v>53</v>
      </c>
      <c r="AB7815">
        <v>53</v>
      </c>
      <c r="AC7815">
        <v>54</v>
      </c>
      <c r="AD7815">
        <v>54</v>
      </c>
      <c r="AE7815">
        <v>54</v>
      </c>
      <c r="AF7815">
        <v>54</v>
      </c>
      <c r="AG7815">
        <v>55</v>
      </c>
      <c r="AH7815">
        <v>55</v>
      </c>
      <c r="AI7815">
        <v>55</v>
      </c>
      <c r="AJ7815">
        <v>55</v>
      </c>
      <c r="AK7815">
        <v>55</v>
      </c>
      <c r="AL7815">
        <v>56</v>
      </c>
      <c r="AM7815">
        <v>56</v>
      </c>
      <c r="AN7815">
        <v>56</v>
      </c>
      <c r="AO7815">
        <v>56</v>
      </c>
      <c r="AP7815">
        <v>56</v>
      </c>
      <c r="AQ7815">
        <v>57</v>
      </c>
    </row>
    <row r="7816" spans="1:43">
      <c r="A7816" t="s">
        <v>4890</v>
      </c>
      <c r="B7816" t="s">
        <v>4891</v>
      </c>
      <c r="C7816" t="s">
        <v>4888</v>
      </c>
      <c r="D7816" t="s">
        <v>4889</v>
      </c>
      <c r="E7816" t="s">
        <v>4592</v>
      </c>
      <c r="F7816" t="s">
        <v>4593</v>
      </c>
      <c r="G7816" t="s">
        <v>80</v>
      </c>
      <c r="H7816" t="s">
        <v>81</v>
      </c>
      <c r="I7816" s="2">
        <v>1</v>
      </c>
      <c r="J7816" s="2">
        <v>0</v>
      </c>
      <c r="K7816" s="2">
        <v>0</v>
      </c>
      <c r="L7816" t="s">
        <v>120</v>
      </c>
      <c r="M7816" t="s">
        <v>89</v>
      </c>
      <c r="N7816" t="s">
        <v>90</v>
      </c>
      <c r="O7816" t="s">
        <v>85</v>
      </c>
      <c r="P7816" t="s">
        <v>86</v>
      </c>
      <c r="Q7816">
        <v>50</v>
      </c>
      <c r="R7816">
        <v>52</v>
      </c>
      <c r="S7816">
        <v>53</v>
      </c>
      <c r="T7816">
        <v>54</v>
      </c>
      <c r="U7816">
        <v>55</v>
      </c>
      <c r="V7816">
        <v>56</v>
      </c>
      <c r="W7816">
        <v>57</v>
      </c>
      <c r="X7816">
        <v>58</v>
      </c>
      <c r="Y7816">
        <v>59</v>
      </c>
      <c r="Z7816">
        <v>60</v>
      </c>
      <c r="AA7816">
        <v>61</v>
      </c>
      <c r="AB7816">
        <v>62</v>
      </c>
      <c r="AC7816">
        <v>63</v>
      </c>
      <c r="AD7816">
        <v>64</v>
      </c>
      <c r="AE7816">
        <v>64</v>
      </c>
      <c r="AF7816">
        <v>64</v>
      </c>
      <c r="AG7816">
        <v>65</v>
      </c>
      <c r="AH7816">
        <v>65</v>
      </c>
      <c r="AI7816">
        <v>65</v>
      </c>
      <c r="AJ7816">
        <v>65</v>
      </c>
      <c r="AK7816">
        <v>65</v>
      </c>
      <c r="AL7816">
        <v>65</v>
      </c>
      <c r="AM7816">
        <v>65</v>
      </c>
      <c r="AN7816">
        <v>65</v>
      </c>
      <c r="AO7816">
        <v>65</v>
      </c>
      <c r="AP7816">
        <v>65</v>
      </c>
      <c r="AQ7816">
        <v>65</v>
      </c>
    </row>
    <row r="7817" spans="1:43">
      <c r="A7817" t="s">
        <v>4890</v>
      </c>
      <c r="B7817" t="s">
        <v>4891</v>
      </c>
      <c r="C7817" t="s">
        <v>4888</v>
      </c>
      <c r="D7817" t="s">
        <v>4889</v>
      </c>
      <c r="E7817" t="s">
        <v>4592</v>
      </c>
      <c r="F7817" t="s">
        <v>4593</v>
      </c>
      <c r="G7817" t="s">
        <v>80</v>
      </c>
      <c r="H7817" t="s">
        <v>81</v>
      </c>
      <c r="I7817" s="2">
        <v>1</v>
      </c>
      <c r="J7817" s="2">
        <v>0</v>
      </c>
      <c r="K7817" s="2">
        <v>0</v>
      </c>
      <c r="L7817" t="s">
        <v>120</v>
      </c>
      <c r="M7817" t="s">
        <v>83</v>
      </c>
      <c r="N7817" t="s">
        <v>91</v>
      </c>
      <c r="O7817" t="s">
        <v>85</v>
      </c>
      <c r="P7817" t="s">
        <v>86</v>
      </c>
      <c r="Q7817">
        <v>50</v>
      </c>
      <c r="R7817">
        <v>51</v>
      </c>
      <c r="S7817">
        <v>51</v>
      </c>
      <c r="T7817">
        <v>52</v>
      </c>
      <c r="U7817">
        <v>53</v>
      </c>
      <c r="V7817">
        <v>54</v>
      </c>
      <c r="W7817">
        <v>54</v>
      </c>
      <c r="X7817">
        <v>55</v>
      </c>
      <c r="Y7817">
        <v>56</v>
      </c>
      <c r="Z7817">
        <v>57</v>
      </c>
      <c r="AA7817">
        <v>57</v>
      </c>
      <c r="AB7817">
        <v>58</v>
      </c>
      <c r="AC7817">
        <v>59</v>
      </c>
      <c r="AD7817">
        <v>59</v>
      </c>
      <c r="AE7817">
        <v>60</v>
      </c>
      <c r="AF7817">
        <v>61</v>
      </c>
      <c r="AG7817">
        <v>61</v>
      </c>
      <c r="AH7817">
        <v>62</v>
      </c>
      <c r="AI7817">
        <v>63</v>
      </c>
      <c r="AJ7817">
        <v>63</v>
      </c>
      <c r="AK7817">
        <v>64</v>
      </c>
      <c r="AL7817">
        <v>64</v>
      </c>
      <c r="AM7817">
        <v>64</v>
      </c>
      <c r="AN7817">
        <v>64</v>
      </c>
      <c r="AO7817">
        <v>64</v>
      </c>
      <c r="AP7817">
        <v>64</v>
      </c>
      <c r="AQ7817">
        <v>64</v>
      </c>
    </row>
    <row r="7818" spans="1:43">
      <c r="A7818" t="s">
        <v>4892</v>
      </c>
      <c r="B7818" t="s">
        <v>4893</v>
      </c>
      <c r="C7818" t="s">
        <v>4888</v>
      </c>
      <c r="D7818" t="s">
        <v>4889</v>
      </c>
      <c r="E7818" t="s">
        <v>4592</v>
      </c>
      <c r="F7818" t="s">
        <v>4593</v>
      </c>
      <c r="G7818" t="s">
        <v>80</v>
      </c>
      <c r="H7818" t="s">
        <v>81</v>
      </c>
      <c r="I7818" s="2">
        <v>1</v>
      </c>
      <c r="J7818" s="2">
        <v>0</v>
      </c>
      <c r="K7818" s="2">
        <v>0</v>
      </c>
      <c r="L7818" t="s">
        <v>120</v>
      </c>
      <c r="M7818" t="s">
        <v>83</v>
      </c>
      <c r="N7818" t="s">
        <v>84</v>
      </c>
      <c r="O7818" t="s">
        <v>85</v>
      </c>
      <c r="P7818" t="s">
        <v>86</v>
      </c>
      <c r="Q7818">
        <v>10</v>
      </c>
      <c r="R7818">
        <v>11</v>
      </c>
      <c r="S7818">
        <v>11</v>
      </c>
      <c r="T7818">
        <v>11</v>
      </c>
      <c r="U7818">
        <v>11</v>
      </c>
      <c r="V7818">
        <v>11</v>
      </c>
      <c r="W7818">
        <v>11</v>
      </c>
      <c r="X7818">
        <v>12</v>
      </c>
      <c r="Y7818">
        <v>12</v>
      </c>
      <c r="Z7818">
        <v>12</v>
      </c>
      <c r="AA7818">
        <v>12</v>
      </c>
      <c r="AB7818">
        <v>12</v>
      </c>
      <c r="AC7818">
        <v>12</v>
      </c>
      <c r="AD7818">
        <v>12</v>
      </c>
      <c r="AE7818">
        <v>13</v>
      </c>
      <c r="AF7818">
        <v>13</v>
      </c>
      <c r="AG7818">
        <v>13</v>
      </c>
      <c r="AH7818">
        <v>13</v>
      </c>
      <c r="AI7818">
        <v>13</v>
      </c>
      <c r="AJ7818">
        <v>13</v>
      </c>
      <c r="AK7818">
        <v>13</v>
      </c>
      <c r="AL7818">
        <v>14</v>
      </c>
      <c r="AM7818">
        <v>14</v>
      </c>
      <c r="AN7818">
        <v>14</v>
      </c>
      <c r="AO7818">
        <v>14</v>
      </c>
      <c r="AP7818">
        <v>14</v>
      </c>
      <c r="AQ7818">
        <v>14</v>
      </c>
    </row>
    <row r="7819" spans="1:43">
      <c r="A7819" t="s">
        <v>4892</v>
      </c>
      <c r="B7819" t="s">
        <v>4893</v>
      </c>
      <c r="C7819" t="s">
        <v>4888</v>
      </c>
      <c r="D7819" t="s">
        <v>4889</v>
      </c>
      <c r="E7819" t="s">
        <v>4592</v>
      </c>
      <c r="F7819" t="s">
        <v>4593</v>
      </c>
      <c r="G7819" t="s">
        <v>80</v>
      </c>
      <c r="H7819" t="s">
        <v>81</v>
      </c>
      <c r="I7819" s="2">
        <v>1</v>
      </c>
      <c r="J7819" s="2">
        <v>0</v>
      </c>
      <c r="K7819" s="2">
        <v>0</v>
      </c>
      <c r="L7819" t="s">
        <v>120</v>
      </c>
      <c r="M7819" t="s">
        <v>87</v>
      </c>
      <c r="N7819" t="s">
        <v>88</v>
      </c>
      <c r="O7819" t="s">
        <v>85</v>
      </c>
      <c r="P7819" t="s">
        <v>86</v>
      </c>
      <c r="Q7819">
        <v>10</v>
      </c>
      <c r="R7819">
        <v>10</v>
      </c>
      <c r="S7819">
        <v>11</v>
      </c>
      <c r="T7819">
        <v>11</v>
      </c>
      <c r="U7819">
        <v>11</v>
      </c>
      <c r="V7819">
        <v>11</v>
      </c>
      <c r="W7819">
        <v>11</v>
      </c>
      <c r="X7819">
        <v>11</v>
      </c>
      <c r="Y7819">
        <v>11</v>
      </c>
      <c r="Z7819">
        <v>11</v>
      </c>
      <c r="AA7819">
        <v>11</v>
      </c>
      <c r="AB7819">
        <v>11</v>
      </c>
      <c r="AC7819">
        <v>11</v>
      </c>
      <c r="AD7819">
        <v>11</v>
      </c>
      <c r="AE7819">
        <v>11</v>
      </c>
      <c r="AF7819">
        <v>11</v>
      </c>
      <c r="AG7819">
        <v>11</v>
      </c>
      <c r="AH7819">
        <v>11</v>
      </c>
      <c r="AI7819">
        <v>11</v>
      </c>
      <c r="AJ7819">
        <v>11</v>
      </c>
      <c r="AK7819">
        <v>11</v>
      </c>
      <c r="AL7819">
        <v>12</v>
      </c>
      <c r="AM7819">
        <v>12</v>
      </c>
      <c r="AN7819">
        <v>12</v>
      </c>
      <c r="AO7819">
        <v>12</v>
      </c>
      <c r="AP7819">
        <v>12</v>
      </c>
      <c r="AQ7819">
        <v>12</v>
      </c>
    </row>
    <row r="7820" spans="1:43">
      <c r="A7820" t="s">
        <v>4892</v>
      </c>
      <c r="B7820" t="s">
        <v>4893</v>
      </c>
      <c r="C7820" t="s">
        <v>4888</v>
      </c>
      <c r="D7820" t="s">
        <v>4889</v>
      </c>
      <c r="E7820" t="s">
        <v>4592</v>
      </c>
      <c r="F7820" t="s">
        <v>4593</v>
      </c>
      <c r="G7820" t="s">
        <v>80</v>
      </c>
      <c r="H7820" t="s">
        <v>81</v>
      </c>
      <c r="I7820" s="2">
        <v>1</v>
      </c>
      <c r="J7820" s="2">
        <v>0</v>
      </c>
      <c r="K7820" s="2">
        <v>0</v>
      </c>
      <c r="L7820" t="s">
        <v>120</v>
      </c>
      <c r="M7820" t="s">
        <v>89</v>
      </c>
      <c r="N7820" t="s">
        <v>90</v>
      </c>
      <c r="O7820" t="s">
        <v>85</v>
      </c>
      <c r="P7820" t="s">
        <v>86</v>
      </c>
      <c r="Q7820">
        <v>10</v>
      </c>
      <c r="R7820">
        <v>10</v>
      </c>
      <c r="S7820">
        <v>10</v>
      </c>
      <c r="T7820">
        <v>10</v>
      </c>
      <c r="U7820">
        <v>11</v>
      </c>
      <c r="V7820">
        <v>11</v>
      </c>
      <c r="W7820">
        <v>11</v>
      </c>
      <c r="X7820">
        <v>11</v>
      </c>
      <c r="Y7820">
        <v>11</v>
      </c>
      <c r="Z7820">
        <v>12</v>
      </c>
      <c r="AA7820">
        <v>12</v>
      </c>
      <c r="AB7820">
        <v>12</v>
      </c>
      <c r="AC7820">
        <v>12</v>
      </c>
      <c r="AD7820">
        <v>12</v>
      </c>
      <c r="AE7820">
        <v>13</v>
      </c>
      <c r="AF7820">
        <v>13</v>
      </c>
      <c r="AG7820">
        <v>13</v>
      </c>
      <c r="AH7820">
        <v>13</v>
      </c>
      <c r="AI7820">
        <v>13</v>
      </c>
      <c r="AJ7820">
        <v>13</v>
      </c>
      <c r="AK7820">
        <v>13</v>
      </c>
      <c r="AL7820">
        <v>13</v>
      </c>
      <c r="AM7820">
        <v>13</v>
      </c>
      <c r="AN7820">
        <v>13</v>
      </c>
      <c r="AO7820">
        <v>13</v>
      </c>
      <c r="AP7820">
        <v>13</v>
      </c>
      <c r="AQ7820">
        <v>13</v>
      </c>
    </row>
    <row r="7821" spans="1:43">
      <c r="A7821" t="s">
        <v>4892</v>
      </c>
      <c r="B7821" t="s">
        <v>4893</v>
      </c>
      <c r="C7821" t="s">
        <v>4888</v>
      </c>
      <c r="D7821" t="s">
        <v>4889</v>
      </c>
      <c r="E7821" t="s">
        <v>4592</v>
      </c>
      <c r="F7821" t="s">
        <v>4593</v>
      </c>
      <c r="G7821" t="s">
        <v>80</v>
      </c>
      <c r="H7821" t="s">
        <v>81</v>
      </c>
      <c r="I7821" s="2">
        <v>1</v>
      </c>
      <c r="J7821" s="2">
        <v>0</v>
      </c>
      <c r="K7821" s="2">
        <v>0</v>
      </c>
      <c r="L7821" t="s">
        <v>120</v>
      </c>
      <c r="M7821" t="s">
        <v>83</v>
      </c>
      <c r="N7821" t="s">
        <v>91</v>
      </c>
      <c r="O7821" t="s">
        <v>85</v>
      </c>
      <c r="P7821" t="s">
        <v>86</v>
      </c>
      <c r="Q7821">
        <v>10</v>
      </c>
      <c r="R7821">
        <v>11</v>
      </c>
      <c r="S7821">
        <v>11</v>
      </c>
      <c r="T7821">
        <v>11</v>
      </c>
      <c r="U7821">
        <v>11</v>
      </c>
      <c r="V7821">
        <v>11</v>
      </c>
      <c r="W7821">
        <v>11</v>
      </c>
      <c r="X7821">
        <v>12</v>
      </c>
      <c r="Y7821">
        <v>12</v>
      </c>
      <c r="Z7821">
        <v>12</v>
      </c>
      <c r="AA7821">
        <v>12</v>
      </c>
      <c r="AB7821">
        <v>12</v>
      </c>
      <c r="AC7821">
        <v>12</v>
      </c>
      <c r="AD7821">
        <v>12</v>
      </c>
      <c r="AE7821">
        <v>13</v>
      </c>
      <c r="AF7821">
        <v>13</v>
      </c>
      <c r="AG7821">
        <v>13</v>
      </c>
      <c r="AH7821">
        <v>13</v>
      </c>
      <c r="AI7821">
        <v>13</v>
      </c>
      <c r="AJ7821">
        <v>13</v>
      </c>
      <c r="AK7821">
        <v>13</v>
      </c>
      <c r="AL7821">
        <v>14</v>
      </c>
      <c r="AM7821">
        <v>14</v>
      </c>
      <c r="AN7821">
        <v>14</v>
      </c>
      <c r="AO7821">
        <v>14</v>
      </c>
      <c r="AP7821">
        <v>14</v>
      </c>
      <c r="AQ7821">
        <v>14</v>
      </c>
    </row>
    <row r="7822" spans="1:43">
      <c r="A7822" t="s">
        <v>4894</v>
      </c>
      <c r="B7822" t="s">
        <v>4895</v>
      </c>
      <c r="C7822" t="s">
        <v>4888</v>
      </c>
      <c r="D7822" t="s">
        <v>4889</v>
      </c>
      <c r="E7822" t="s">
        <v>4592</v>
      </c>
      <c r="F7822" t="s">
        <v>4593</v>
      </c>
      <c r="G7822" t="s">
        <v>80</v>
      </c>
      <c r="H7822" t="s">
        <v>81</v>
      </c>
      <c r="I7822" s="2">
        <v>1</v>
      </c>
      <c r="J7822" s="2">
        <v>0</v>
      </c>
      <c r="K7822" s="2">
        <v>0</v>
      </c>
      <c r="L7822" t="s">
        <v>120</v>
      </c>
      <c r="M7822" t="s">
        <v>83</v>
      </c>
      <c r="N7822" t="s">
        <v>84</v>
      </c>
      <c r="O7822" t="s">
        <v>85</v>
      </c>
      <c r="P7822" t="s">
        <v>86</v>
      </c>
      <c r="Q7822">
        <v>10</v>
      </c>
      <c r="R7822">
        <v>10</v>
      </c>
      <c r="S7822">
        <v>10</v>
      </c>
      <c r="T7822">
        <v>10</v>
      </c>
      <c r="U7822">
        <v>10</v>
      </c>
      <c r="V7822">
        <v>11</v>
      </c>
      <c r="W7822">
        <v>11</v>
      </c>
      <c r="X7822">
        <v>11</v>
      </c>
      <c r="Y7822">
        <v>11</v>
      </c>
      <c r="Z7822">
        <v>11</v>
      </c>
      <c r="AA7822">
        <v>11</v>
      </c>
      <c r="AB7822">
        <v>11</v>
      </c>
      <c r="AC7822">
        <v>12</v>
      </c>
      <c r="AD7822">
        <v>12</v>
      </c>
      <c r="AE7822">
        <v>12</v>
      </c>
      <c r="AF7822">
        <v>12</v>
      </c>
      <c r="AG7822">
        <v>12</v>
      </c>
      <c r="AH7822">
        <v>12</v>
      </c>
      <c r="AI7822">
        <v>12</v>
      </c>
      <c r="AJ7822">
        <v>12</v>
      </c>
      <c r="AK7822">
        <v>13</v>
      </c>
      <c r="AL7822">
        <v>13</v>
      </c>
      <c r="AM7822">
        <v>13</v>
      </c>
      <c r="AN7822">
        <v>13</v>
      </c>
      <c r="AO7822">
        <v>13</v>
      </c>
      <c r="AP7822">
        <v>13</v>
      </c>
      <c r="AQ7822">
        <v>13</v>
      </c>
    </row>
    <row r="7823" spans="1:43">
      <c r="A7823" t="s">
        <v>4894</v>
      </c>
      <c r="B7823" t="s">
        <v>4895</v>
      </c>
      <c r="C7823" t="s">
        <v>4888</v>
      </c>
      <c r="D7823" t="s">
        <v>4889</v>
      </c>
      <c r="E7823" t="s">
        <v>4592</v>
      </c>
      <c r="F7823" t="s">
        <v>4593</v>
      </c>
      <c r="G7823" t="s">
        <v>80</v>
      </c>
      <c r="H7823" t="s">
        <v>81</v>
      </c>
      <c r="I7823" s="2">
        <v>1</v>
      </c>
      <c r="J7823" s="2">
        <v>0</v>
      </c>
      <c r="K7823" s="2">
        <v>0</v>
      </c>
      <c r="L7823" t="s">
        <v>120</v>
      </c>
      <c r="M7823" t="s">
        <v>87</v>
      </c>
      <c r="N7823" t="s">
        <v>88</v>
      </c>
      <c r="O7823" t="s">
        <v>85</v>
      </c>
      <c r="P7823" t="s">
        <v>86</v>
      </c>
      <c r="Q7823">
        <v>10</v>
      </c>
      <c r="R7823">
        <v>10</v>
      </c>
      <c r="S7823">
        <v>10</v>
      </c>
      <c r="T7823">
        <v>10</v>
      </c>
      <c r="U7823">
        <v>10</v>
      </c>
      <c r="V7823">
        <v>10</v>
      </c>
      <c r="W7823">
        <v>10</v>
      </c>
      <c r="X7823">
        <v>10</v>
      </c>
      <c r="Y7823">
        <v>10</v>
      </c>
      <c r="Z7823">
        <v>10</v>
      </c>
      <c r="AA7823">
        <v>10</v>
      </c>
      <c r="AB7823">
        <v>10</v>
      </c>
      <c r="AC7823">
        <v>10</v>
      </c>
      <c r="AD7823">
        <v>10</v>
      </c>
      <c r="AE7823">
        <v>11</v>
      </c>
      <c r="AF7823">
        <v>11</v>
      </c>
      <c r="AG7823">
        <v>11</v>
      </c>
      <c r="AH7823">
        <v>11</v>
      </c>
      <c r="AI7823">
        <v>11</v>
      </c>
      <c r="AJ7823">
        <v>11</v>
      </c>
      <c r="AK7823">
        <v>11</v>
      </c>
      <c r="AL7823">
        <v>11</v>
      </c>
      <c r="AM7823">
        <v>11</v>
      </c>
      <c r="AN7823">
        <v>11</v>
      </c>
      <c r="AO7823">
        <v>11</v>
      </c>
      <c r="AP7823">
        <v>11</v>
      </c>
      <c r="AQ7823">
        <v>11</v>
      </c>
    </row>
    <row r="7824" spans="1:43">
      <c r="A7824" t="s">
        <v>4894</v>
      </c>
      <c r="B7824" t="s">
        <v>4895</v>
      </c>
      <c r="C7824" t="s">
        <v>4888</v>
      </c>
      <c r="D7824" t="s">
        <v>4889</v>
      </c>
      <c r="E7824" t="s">
        <v>4592</v>
      </c>
      <c r="F7824" t="s">
        <v>4593</v>
      </c>
      <c r="G7824" t="s">
        <v>80</v>
      </c>
      <c r="H7824" t="s">
        <v>81</v>
      </c>
      <c r="I7824" s="2">
        <v>1</v>
      </c>
      <c r="J7824" s="2">
        <v>0</v>
      </c>
      <c r="K7824" s="2">
        <v>0</v>
      </c>
      <c r="L7824" t="s">
        <v>120</v>
      </c>
      <c r="M7824" t="s">
        <v>89</v>
      </c>
      <c r="N7824" t="s">
        <v>90</v>
      </c>
      <c r="O7824" t="s">
        <v>85</v>
      </c>
      <c r="P7824" t="s">
        <v>86</v>
      </c>
      <c r="Q7824">
        <v>10</v>
      </c>
      <c r="R7824">
        <v>10</v>
      </c>
      <c r="S7824">
        <v>10</v>
      </c>
      <c r="T7824">
        <v>11</v>
      </c>
      <c r="U7824">
        <v>11</v>
      </c>
      <c r="V7824">
        <v>11</v>
      </c>
      <c r="W7824">
        <v>11</v>
      </c>
      <c r="X7824">
        <v>12</v>
      </c>
      <c r="Y7824">
        <v>12</v>
      </c>
      <c r="Z7824">
        <v>12</v>
      </c>
      <c r="AA7824">
        <v>12</v>
      </c>
      <c r="AB7824">
        <v>12</v>
      </c>
      <c r="AC7824">
        <v>12</v>
      </c>
      <c r="AD7824">
        <v>13</v>
      </c>
      <c r="AE7824">
        <v>13</v>
      </c>
      <c r="AF7824">
        <v>13</v>
      </c>
      <c r="AG7824">
        <v>13</v>
      </c>
      <c r="AH7824">
        <v>13</v>
      </c>
      <c r="AI7824">
        <v>13</v>
      </c>
      <c r="AJ7824">
        <v>13</v>
      </c>
      <c r="AK7824">
        <v>13</v>
      </c>
      <c r="AL7824">
        <v>13</v>
      </c>
      <c r="AM7824">
        <v>13</v>
      </c>
      <c r="AN7824">
        <v>13</v>
      </c>
      <c r="AO7824">
        <v>13</v>
      </c>
      <c r="AP7824">
        <v>13</v>
      </c>
      <c r="AQ7824">
        <v>13</v>
      </c>
    </row>
    <row r="7825" spans="1:43">
      <c r="A7825" t="s">
        <v>4894</v>
      </c>
      <c r="B7825" t="s">
        <v>4895</v>
      </c>
      <c r="C7825" t="s">
        <v>4888</v>
      </c>
      <c r="D7825" t="s">
        <v>4889</v>
      </c>
      <c r="E7825" t="s">
        <v>4592</v>
      </c>
      <c r="F7825" t="s">
        <v>4593</v>
      </c>
      <c r="G7825" t="s">
        <v>80</v>
      </c>
      <c r="H7825" t="s">
        <v>81</v>
      </c>
      <c r="I7825" s="2">
        <v>1</v>
      </c>
      <c r="J7825" s="2">
        <v>0</v>
      </c>
      <c r="K7825" s="2">
        <v>0</v>
      </c>
      <c r="L7825" t="s">
        <v>120</v>
      </c>
      <c r="M7825" t="s">
        <v>83</v>
      </c>
      <c r="N7825" t="s">
        <v>91</v>
      </c>
      <c r="O7825" t="s">
        <v>85</v>
      </c>
      <c r="P7825" t="s">
        <v>86</v>
      </c>
      <c r="Q7825">
        <v>10</v>
      </c>
      <c r="R7825">
        <v>10</v>
      </c>
      <c r="S7825">
        <v>10</v>
      </c>
      <c r="T7825">
        <v>10</v>
      </c>
      <c r="U7825">
        <v>10</v>
      </c>
      <c r="V7825">
        <v>11</v>
      </c>
      <c r="W7825">
        <v>11</v>
      </c>
      <c r="X7825">
        <v>11</v>
      </c>
      <c r="Y7825">
        <v>11</v>
      </c>
      <c r="Z7825">
        <v>11</v>
      </c>
      <c r="AA7825">
        <v>11</v>
      </c>
      <c r="AB7825">
        <v>11</v>
      </c>
      <c r="AC7825">
        <v>12</v>
      </c>
      <c r="AD7825">
        <v>12</v>
      </c>
      <c r="AE7825">
        <v>12</v>
      </c>
      <c r="AF7825">
        <v>12</v>
      </c>
      <c r="AG7825">
        <v>12</v>
      </c>
      <c r="AH7825">
        <v>12</v>
      </c>
      <c r="AI7825">
        <v>12</v>
      </c>
      <c r="AJ7825">
        <v>12</v>
      </c>
      <c r="AK7825">
        <v>13</v>
      </c>
      <c r="AL7825">
        <v>13</v>
      </c>
      <c r="AM7825">
        <v>13</v>
      </c>
      <c r="AN7825">
        <v>13</v>
      </c>
      <c r="AO7825">
        <v>13</v>
      </c>
      <c r="AP7825">
        <v>13</v>
      </c>
      <c r="AQ7825">
        <v>13</v>
      </c>
    </row>
    <row r="7826" spans="1:43">
      <c r="A7826" t="s">
        <v>4896</v>
      </c>
      <c r="B7826" t="s">
        <v>4897</v>
      </c>
      <c r="C7826" t="s">
        <v>4888</v>
      </c>
      <c r="D7826" t="s">
        <v>4889</v>
      </c>
      <c r="E7826" t="s">
        <v>4592</v>
      </c>
      <c r="F7826" t="s">
        <v>4593</v>
      </c>
      <c r="G7826" t="s">
        <v>80</v>
      </c>
      <c r="H7826" t="s">
        <v>81</v>
      </c>
      <c r="I7826" s="2">
        <v>1</v>
      </c>
      <c r="J7826" s="2">
        <v>0</v>
      </c>
      <c r="K7826" s="2">
        <v>0</v>
      </c>
      <c r="L7826" t="s">
        <v>120</v>
      </c>
      <c r="M7826" t="s">
        <v>83</v>
      </c>
      <c r="N7826" t="s">
        <v>84</v>
      </c>
      <c r="O7826" t="s">
        <v>85</v>
      </c>
      <c r="P7826" t="s">
        <v>86</v>
      </c>
      <c r="Q7826">
        <v>58</v>
      </c>
      <c r="R7826">
        <v>58</v>
      </c>
      <c r="S7826">
        <v>59</v>
      </c>
      <c r="T7826">
        <v>60</v>
      </c>
      <c r="U7826">
        <v>61</v>
      </c>
      <c r="V7826">
        <v>62</v>
      </c>
      <c r="W7826">
        <v>63</v>
      </c>
      <c r="X7826">
        <v>64</v>
      </c>
      <c r="Y7826">
        <v>65</v>
      </c>
      <c r="Z7826">
        <v>65</v>
      </c>
      <c r="AA7826">
        <v>66</v>
      </c>
      <c r="AB7826">
        <v>67</v>
      </c>
      <c r="AC7826">
        <v>68</v>
      </c>
      <c r="AD7826">
        <v>69</v>
      </c>
      <c r="AE7826">
        <v>70</v>
      </c>
      <c r="AF7826">
        <v>70</v>
      </c>
      <c r="AG7826">
        <v>71</v>
      </c>
      <c r="AH7826">
        <v>72</v>
      </c>
      <c r="AI7826">
        <v>73</v>
      </c>
      <c r="AJ7826">
        <v>73</v>
      </c>
      <c r="AK7826">
        <v>74</v>
      </c>
      <c r="AL7826">
        <v>74</v>
      </c>
      <c r="AM7826">
        <v>75</v>
      </c>
      <c r="AN7826">
        <v>75</v>
      </c>
      <c r="AO7826">
        <v>75</v>
      </c>
      <c r="AP7826">
        <v>75</v>
      </c>
      <c r="AQ7826">
        <v>75</v>
      </c>
    </row>
    <row r="7827" spans="1:43">
      <c r="A7827" t="s">
        <v>4896</v>
      </c>
      <c r="B7827" t="s">
        <v>4897</v>
      </c>
      <c r="C7827" t="s">
        <v>4888</v>
      </c>
      <c r="D7827" t="s">
        <v>4889</v>
      </c>
      <c r="E7827" t="s">
        <v>4592</v>
      </c>
      <c r="F7827" t="s">
        <v>4593</v>
      </c>
      <c r="G7827" t="s">
        <v>80</v>
      </c>
      <c r="H7827" t="s">
        <v>81</v>
      </c>
      <c r="I7827" s="2">
        <v>1</v>
      </c>
      <c r="J7827" s="2">
        <v>0</v>
      </c>
      <c r="K7827" s="2">
        <v>0</v>
      </c>
      <c r="L7827" t="s">
        <v>120</v>
      </c>
      <c r="M7827" t="s">
        <v>87</v>
      </c>
      <c r="N7827" t="s">
        <v>88</v>
      </c>
      <c r="O7827" t="s">
        <v>85</v>
      </c>
      <c r="P7827" t="s">
        <v>86</v>
      </c>
      <c r="Q7827">
        <v>58</v>
      </c>
      <c r="R7827">
        <v>58</v>
      </c>
      <c r="S7827">
        <v>59</v>
      </c>
      <c r="T7827">
        <v>59</v>
      </c>
      <c r="U7827">
        <v>59</v>
      </c>
      <c r="V7827">
        <v>60</v>
      </c>
      <c r="W7827">
        <v>60</v>
      </c>
      <c r="X7827">
        <v>60</v>
      </c>
      <c r="Y7827">
        <v>61</v>
      </c>
      <c r="Z7827">
        <v>61</v>
      </c>
      <c r="AA7827">
        <v>61</v>
      </c>
      <c r="AB7827">
        <v>62</v>
      </c>
      <c r="AC7827">
        <v>62</v>
      </c>
      <c r="AD7827">
        <v>62</v>
      </c>
      <c r="AE7827">
        <v>63</v>
      </c>
      <c r="AF7827">
        <v>63</v>
      </c>
      <c r="AG7827">
        <v>63</v>
      </c>
      <c r="AH7827">
        <v>63</v>
      </c>
      <c r="AI7827">
        <v>64</v>
      </c>
      <c r="AJ7827">
        <v>64</v>
      </c>
      <c r="AK7827">
        <v>64</v>
      </c>
      <c r="AL7827">
        <v>64</v>
      </c>
      <c r="AM7827">
        <v>65</v>
      </c>
      <c r="AN7827">
        <v>65</v>
      </c>
      <c r="AO7827">
        <v>65</v>
      </c>
      <c r="AP7827">
        <v>65</v>
      </c>
      <c r="AQ7827">
        <v>66</v>
      </c>
    </row>
    <row r="7828" spans="1:43">
      <c r="A7828" t="s">
        <v>4896</v>
      </c>
      <c r="B7828" t="s">
        <v>4897</v>
      </c>
      <c r="C7828" t="s">
        <v>4888</v>
      </c>
      <c r="D7828" t="s">
        <v>4889</v>
      </c>
      <c r="E7828" t="s">
        <v>4592</v>
      </c>
      <c r="F7828" t="s">
        <v>4593</v>
      </c>
      <c r="G7828" t="s">
        <v>80</v>
      </c>
      <c r="H7828" t="s">
        <v>81</v>
      </c>
      <c r="I7828" s="2">
        <v>1</v>
      </c>
      <c r="J7828" s="2">
        <v>0</v>
      </c>
      <c r="K7828" s="2">
        <v>0</v>
      </c>
      <c r="L7828" t="s">
        <v>120</v>
      </c>
      <c r="M7828" t="s">
        <v>89</v>
      </c>
      <c r="N7828" t="s">
        <v>90</v>
      </c>
      <c r="O7828" t="s">
        <v>85</v>
      </c>
      <c r="P7828" t="s">
        <v>86</v>
      </c>
      <c r="Q7828">
        <v>58</v>
      </c>
      <c r="R7828">
        <v>60</v>
      </c>
      <c r="S7828">
        <v>61</v>
      </c>
      <c r="T7828">
        <v>62</v>
      </c>
      <c r="U7828">
        <v>64</v>
      </c>
      <c r="V7828">
        <v>65</v>
      </c>
      <c r="W7828">
        <v>66</v>
      </c>
      <c r="X7828">
        <v>67</v>
      </c>
      <c r="Y7828">
        <v>68</v>
      </c>
      <c r="Z7828">
        <v>70</v>
      </c>
      <c r="AA7828">
        <v>71</v>
      </c>
      <c r="AB7828">
        <v>72</v>
      </c>
      <c r="AC7828">
        <v>73</v>
      </c>
      <c r="AD7828">
        <v>74</v>
      </c>
      <c r="AE7828">
        <v>75</v>
      </c>
      <c r="AF7828">
        <v>75</v>
      </c>
      <c r="AG7828">
        <v>75</v>
      </c>
      <c r="AH7828">
        <v>75</v>
      </c>
      <c r="AI7828">
        <v>75</v>
      </c>
      <c r="AJ7828">
        <v>75</v>
      </c>
      <c r="AK7828">
        <v>75</v>
      </c>
      <c r="AL7828">
        <v>75</v>
      </c>
      <c r="AM7828">
        <v>75</v>
      </c>
      <c r="AN7828">
        <v>75</v>
      </c>
      <c r="AO7828">
        <v>75</v>
      </c>
      <c r="AP7828">
        <v>75</v>
      </c>
      <c r="AQ7828">
        <v>75</v>
      </c>
    </row>
    <row r="7829" spans="1:43">
      <c r="A7829" t="s">
        <v>4896</v>
      </c>
      <c r="B7829" t="s">
        <v>4897</v>
      </c>
      <c r="C7829" t="s">
        <v>4888</v>
      </c>
      <c r="D7829" t="s">
        <v>4889</v>
      </c>
      <c r="E7829" t="s">
        <v>4592</v>
      </c>
      <c r="F7829" t="s">
        <v>4593</v>
      </c>
      <c r="G7829" t="s">
        <v>80</v>
      </c>
      <c r="H7829" t="s">
        <v>81</v>
      </c>
      <c r="I7829" s="2">
        <v>1</v>
      </c>
      <c r="J7829" s="2">
        <v>0</v>
      </c>
      <c r="K7829" s="2">
        <v>0</v>
      </c>
      <c r="L7829" t="s">
        <v>120</v>
      </c>
      <c r="M7829" t="s">
        <v>83</v>
      </c>
      <c r="N7829" t="s">
        <v>91</v>
      </c>
      <c r="O7829" t="s">
        <v>85</v>
      </c>
      <c r="P7829" t="s">
        <v>86</v>
      </c>
      <c r="Q7829">
        <v>58</v>
      </c>
      <c r="R7829">
        <v>58</v>
      </c>
      <c r="S7829">
        <v>59</v>
      </c>
      <c r="T7829">
        <v>60</v>
      </c>
      <c r="U7829">
        <v>61</v>
      </c>
      <c r="V7829">
        <v>62</v>
      </c>
      <c r="W7829">
        <v>63</v>
      </c>
      <c r="X7829">
        <v>64</v>
      </c>
      <c r="Y7829">
        <v>65</v>
      </c>
      <c r="Z7829">
        <v>65</v>
      </c>
      <c r="AA7829">
        <v>66</v>
      </c>
      <c r="AB7829">
        <v>67</v>
      </c>
      <c r="AC7829">
        <v>68</v>
      </c>
      <c r="AD7829">
        <v>69</v>
      </c>
      <c r="AE7829">
        <v>70</v>
      </c>
      <c r="AF7829">
        <v>70</v>
      </c>
      <c r="AG7829">
        <v>71</v>
      </c>
      <c r="AH7829">
        <v>72</v>
      </c>
      <c r="AI7829">
        <v>73</v>
      </c>
      <c r="AJ7829">
        <v>73</v>
      </c>
      <c r="AK7829">
        <v>74</v>
      </c>
      <c r="AL7829">
        <v>74</v>
      </c>
      <c r="AM7829">
        <v>75</v>
      </c>
      <c r="AN7829">
        <v>75</v>
      </c>
      <c r="AO7829">
        <v>75</v>
      </c>
      <c r="AP7829">
        <v>75</v>
      </c>
      <c r="AQ7829">
        <v>75</v>
      </c>
    </row>
    <row r="7830" spans="1:43">
      <c r="A7830" t="s">
        <v>4898</v>
      </c>
      <c r="B7830" t="s">
        <v>4899</v>
      </c>
      <c r="C7830" t="s">
        <v>4900</v>
      </c>
      <c r="D7830" t="s">
        <v>4901</v>
      </c>
      <c r="E7830" t="s">
        <v>4592</v>
      </c>
      <c r="F7830" t="s">
        <v>4593</v>
      </c>
      <c r="G7830" t="s">
        <v>80</v>
      </c>
      <c r="H7830" t="s">
        <v>81</v>
      </c>
      <c r="I7830" s="2">
        <v>1</v>
      </c>
      <c r="J7830" s="2">
        <v>0</v>
      </c>
      <c r="K7830" s="2">
        <v>0</v>
      </c>
      <c r="L7830" t="s">
        <v>120</v>
      </c>
      <c r="M7830" t="s">
        <v>83</v>
      </c>
      <c r="N7830" t="s">
        <v>84</v>
      </c>
      <c r="O7830" t="s">
        <v>85</v>
      </c>
      <c r="P7830" t="s">
        <v>86</v>
      </c>
      <c r="Q7830">
        <v>25</v>
      </c>
      <c r="R7830">
        <v>26</v>
      </c>
      <c r="S7830">
        <v>26</v>
      </c>
      <c r="T7830">
        <v>27</v>
      </c>
      <c r="U7830">
        <v>27</v>
      </c>
      <c r="V7830">
        <v>27</v>
      </c>
      <c r="W7830">
        <v>28</v>
      </c>
      <c r="X7830">
        <v>28</v>
      </c>
      <c r="Y7830">
        <v>28</v>
      </c>
      <c r="Z7830">
        <v>29</v>
      </c>
      <c r="AA7830">
        <v>29</v>
      </c>
      <c r="AB7830">
        <v>29</v>
      </c>
      <c r="AC7830">
        <v>30</v>
      </c>
      <c r="AD7830">
        <v>30</v>
      </c>
      <c r="AE7830">
        <v>30</v>
      </c>
      <c r="AF7830">
        <v>31</v>
      </c>
      <c r="AG7830">
        <v>31</v>
      </c>
      <c r="AH7830">
        <v>31</v>
      </c>
      <c r="AI7830">
        <v>32</v>
      </c>
      <c r="AJ7830">
        <v>32</v>
      </c>
      <c r="AK7830">
        <v>32</v>
      </c>
      <c r="AL7830">
        <v>32</v>
      </c>
      <c r="AM7830">
        <v>32</v>
      </c>
      <c r="AN7830">
        <v>32</v>
      </c>
      <c r="AO7830">
        <v>32</v>
      </c>
      <c r="AP7830">
        <v>32</v>
      </c>
      <c r="AQ7830">
        <v>32</v>
      </c>
    </row>
    <row r="7831" spans="1:43">
      <c r="A7831" t="s">
        <v>4898</v>
      </c>
      <c r="B7831" t="s">
        <v>4899</v>
      </c>
      <c r="C7831" t="s">
        <v>4900</v>
      </c>
      <c r="D7831" t="s">
        <v>4901</v>
      </c>
      <c r="E7831" t="s">
        <v>4592</v>
      </c>
      <c r="F7831" t="s">
        <v>4593</v>
      </c>
      <c r="G7831" t="s">
        <v>80</v>
      </c>
      <c r="H7831" t="s">
        <v>81</v>
      </c>
      <c r="I7831" s="2">
        <v>1</v>
      </c>
      <c r="J7831" s="2">
        <v>0</v>
      </c>
      <c r="K7831" s="2">
        <v>0</v>
      </c>
      <c r="L7831" t="s">
        <v>120</v>
      </c>
      <c r="M7831" t="s">
        <v>87</v>
      </c>
      <c r="N7831" t="s">
        <v>88</v>
      </c>
      <c r="O7831" t="s">
        <v>85</v>
      </c>
      <c r="P7831" t="s">
        <v>86</v>
      </c>
      <c r="Q7831">
        <v>25</v>
      </c>
      <c r="R7831">
        <v>25</v>
      </c>
      <c r="S7831">
        <v>26</v>
      </c>
      <c r="T7831">
        <v>26</v>
      </c>
      <c r="U7831">
        <v>26</v>
      </c>
      <c r="V7831">
        <v>26</v>
      </c>
      <c r="W7831">
        <v>26</v>
      </c>
      <c r="X7831">
        <v>26</v>
      </c>
      <c r="Y7831">
        <v>26</v>
      </c>
      <c r="Z7831">
        <v>26</v>
      </c>
      <c r="AA7831">
        <v>27</v>
      </c>
      <c r="AB7831">
        <v>27</v>
      </c>
      <c r="AC7831">
        <v>27</v>
      </c>
      <c r="AD7831">
        <v>27</v>
      </c>
      <c r="AE7831">
        <v>27</v>
      </c>
      <c r="AF7831">
        <v>27</v>
      </c>
      <c r="AG7831">
        <v>27</v>
      </c>
      <c r="AH7831">
        <v>27</v>
      </c>
      <c r="AI7831">
        <v>27</v>
      </c>
      <c r="AJ7831">
        <v>27</v>
      </c>
      <c r="AK7831">
        <v>27</v>
      </c>
      <c r="AL7831">
        <v>28</v>
      </c>
      <c r="AM7831">
        <v>28</v>
      </c>
      <c r="AN7831">
        <v>28</v>
      </c>
      <c r="AO7831">
        <v>28</v>
      </c>
      <c r="AP7831">
        <v>28</v>
      </c>
      <c r="AQ7831">
        <v>28</v>
      </c>
    </row>
    <row r="7832" spans="1:43">
      <c r="A7832" t="s">
        <v>4898</v>
      </c>
      <c r="B7832" t="s">
        <v>4899</v>
      </c>
      <c r="C7832" t="s">
        <v>4900</v>
      </c>
      <c r="D7832" t="s">
        <v>4901</v>
      </c>
      <c r="E7832" t="s">
        <v>4592</v>
      </c>
      <c r="F7832" t="s">
        <v>4593</v>
      </c>
      <c r="G7832" t="s">
        <v>80</v>
      </c>
      <c r="H7832" t="s">
        <v>81</v>
      </c>
      <c r="I7832" s="2">
        <v>1</v>
      </c>
      <c r="J7832" s="2">
        <v>0</v>
      </c>
      <c r="K7832" s="2">
        <v>0</v>
      </c>
      <c r="L7832" t="s">
        <v>120</v>
      </c>
      <c r="M7832" t="s">
        <v>89</v>
      </c>
      <c r="N7832" t="s">
        <v>90</v>
      </c>
      <c r="O7832" t="s">
        <v>85</v>
      </c>
      <c r="P7832" t="s">
        <v>86</v>
      </c>
      <c r="Q7832">
        <v>25</v>
      </c>
      <c r="R7832">
        <v>25</v>
      </c>
      <c r="S7832">
        <v>26</v>
      </c>
      <c r="T7832">
        <v>26</v>
      </c>
      <c r="U7832">
        <v>27</v>
      </c>
      <c r="V7832">
        <v>28</v>
      </c>
      <c r="W7832">
        <v>28</v>
      </c>
      <c r="X7832">
        <v>29</v>
      </c>
      <c r="Y7832">
        <v>29</v>
      </c>
      <c r="Z7832">
        <v>29</v>
      </c>
      <c r="AA7832">
        <v>30</v>
      </c>
      <c r="AB7832">
        <v>30</v>
      </c>
      <c r="AC7832">
        <v>31</v>
      </c>
      <c r="AD7832">
        <v>31</v>
      </c>
      <c r="AE7832">
        <v>32</v>
      </c>
      <c r="AF7832">
        <v>32</v>
      </c>
      <c r="AG7832">
        <v>32</v>
      </c>
      <c r="AH7832">
        <v>32</v>
      </c>
      <c r="AI7832">
        <v>32</v>
      </c>
      <c r="AJ7832">
        <v>32</v>
      </c>
      <c r="AK7832">
        <v>31</v>
      </c>
      <c r="AL7832">
        <v>31</v>
      </c>
      <c r="AM7832">
        <v>31</v>
      </c>
      <c r="AN7832">
        <v>31</v>
      </c>
      <c r="AO7832">
        <v>31</v>
      </c>
      <c r="AP7832">
        <v>31</v>
      </c>
      <c r="AQ7832">
        <v>31</v>
      </c>
    </row>
    <row r="7833" spans="1:43">
      <c r="A7833" t="s">
        <v>4898</v>
      </c>
      <c r="B7833" t="s">
        <v>4899</v>
      </c>
      <c r="C7833" t="s">
        <v>4900</v>
      </c>
      <c r="D7833" t="s">
        <v>4901</v>
      </c>
      <c r="E7833" t="s">
        <v>4592</v>
      </c>
      <c r="F7833" t="s">
        <v>4593</v>
      </c>
      <c r="G7833" t="s">
        <v>80</v>
      </c>
      <c r="H7833" t="s">
        <v>81</v>
      </c>
      <c r="I7833" s="2">
        <v>1</v>
      </c>
      <c r="J7833" s="2">
        <v>0</v>
      </c>
      <c r="K7833" s="2">
        <v>0</v>
      </c>
      <c r="L7833" t="s">
        <v>120</v>
      </c>
      <c r="M7833" t="s">
        <v>83</v>
      </c>
      <c r="N7833" t="s">
        <v>91</v>
      </c>
      <c r="O7833" t="s">
        <v>85</v>
      </c>
      <c r="P7833" t="s">
        <v>86</v>
      </c>
      <c r="Q7833">
        <v>25</v>
      </c>
      <c r="R7833">
        <v>26</v>
      </c>
      <c r="S7833">
        <v>26</v>
      </c>
      <c r="T7833">
        <v>27</v>
      </c>
      <c r="U7833">
        <v>27</v>
      </c>
      <c r="V7833">
        <v>27</v>
      </c>
      <c r="W7833">
        <v>28</v>
      </c>
      <c r="X7833">
        <v>28</v>
      </c>
      <c r="Y7833">
        <v>28</v>
      </c>
      <c r="Z7833">
        <v>29</v>
      </c>
      <c r="AA7833">
        <v>29</v>
      </c>
      <c r="AB7833">
        <v>29</v>
      </c>
      <c r="AC7833">
        <v>30</v>
      </c>
      <c r="AD7833">
        <v>30</v>
      </c>
      <c r="AE7833">
        <v>30</v>
      </c>
      <c r="AF7833">
        <v>31</v>
      </c>
      <c r="AG7833">
        <v>31</v>
      </c>
      <c r="AH7833">
        <v>31</v>
      </c>
      <c r="AI7833">
        <v>32</v>
      </c>
      <c r="AJ7833">
        <v>32</v>
      </c>
      <c r="AK7833">
        <v>32</v>
      </c>
      <c r="AL7833">
        <v>32</v>
      </c>
      <c r="AM7833">
        <v>32</v>
      </c>
      <c r="AN7833">
        <v>32</v>
      </c>
      <c r="AO7833">
        <v>32</v>
      </c>
      <c r="AP7833">
        <v>32</v>
      </c>
      <c r="AQ7833">
        <v>32</v>
      </c>
    </row>
    <row r="7834" spans="1:43">
      <c r="A7834" t="s">
        <v>4902</v>
      </c>
      <c r="B7834" t="s">
        <v>4903</v>
      </c>
      <c r="C7834" t="s">
        <v>4900</v>
      </c>
      <c r="D7834" t="s">
        <v>4901</v>
      </c>
      <c r="E7834" t="s">
        <v>4592</v>
      </c>
      <c r="F7834" t="s">
        <v>4593</v>
      </c>
      <c r="G7834" t="s">
        <v>80</v>
      </c>
      <c r="H7834" t="s">
        <v>81</v>
      </c>
      <c r="I7834" s="2">
        <v>1</v>
      </c>
      <c r="J7834" s="2">
        <v>0</v>
      </c>
      <c r="K7834" s="2">
        <v>0</v>
      </c>
      <c r="L7834" t="s">
        <v>120</v>
      </c>
      <c r="M7834" t="s">
        <v>83</v>
      </c>
      <c r="N7834" t="s">
        <v>84</v>
      </c>
      <c r="O7834" t="s">
        <v>85</v>
      </c>
      <c r="P7834" t="s">
        <v>86</v>
      </c>
      <c r="Q7834">
        <v>22</v>
      </c>
      <c r="R7834">
        <v>22</v>
      </c>
      <c r="S7834">
        <v>23</v>
      </c>
      <c r="T7834">
        <v>23</v>
      </c>
      <c r="U7834">
        <v>23</v>
      </c>
      <c r="V7834">
        <v>24</v>
      </c>
      <c r="W7834">
        <v>24</v>
      </c>
      <c r="X7834">
        <v>24</v>
      </c>
      <c r="Y7834">
        <v>25</v>
      </c>
      <c r="Z7834">
        <v>25</v>
      </c>
      <c r="AA7834">
        <v>25</v>
      </c>
      <c r="AB7834">
        <v>26</v>
      </c>
      <c r="AC7834">
        <v>26</v>
      </c>
      <c r="AD7834">
        <v>26</v>
      </c>
      <c r="AE7834">
        <v>26</v>
      </c>
      <c r="AF7834">
        <v>27</v>
      </c>
      <c r="AG7834">
        <v>27</v>
      </c>
      <c r="AH7834">
        <v>27</v>
      </c>
      <c r="AI7834">
        <v>28</v>
      </c>
      <c r="AJ7834">
        <v>28</v>
      </c>
      <c r="AK7834">
        <v>28</v>
      </c>
      <c r="AL7834">
        <v>28</v>
      </c>
      <c r="AM7834">
        <v>28</v>
      </c>
      <c r="AN7834">
        <v>28</v>
      </c>
      <c r="AO7834">
        <v>28</v>
      </c>
      <c r="AP7834">
        <v>28</v>
      </c>
      <c r="AQ7834">
        <v>28</v>
      </c>
    </row>
    <row r="7835" spans="1:43">
      <c r="A7835" t="s">
        <v>4902</v>
      </c>
      <c r="B7835" t="s">
        <v>4903</v>
      </c>
      <c r="C7835" t="s">
        <v>4900</v>
      </c>
      <c r="D7835" t="s">
        <v>4901</v>
      </c>
      <c r="E7835" t="s">
        <v>4592</v>
      </c>
      <c r="F7835" t="s">
        <v>4593</v>
      </c>
      <c r="G7835" t="s">
        <v>80</v>
      </c>
      <c r="H7835" t="s">
        <v>81</v>
      </c>
      <c r="I7835" s="2">
        <v>1</v>
      </c>
      <c r="J7835" s="2">
        <v>0</v>
      </c>
      <c r="K7835" s="2">
        <v>0</v>
      </c>
      <c r="L7835" t="s">
        <v>120</v>
      </c>
      <c r="M7835" t="s">
        <v>87</v>
      </c>
      <c r="N7835" t="s">
        <v>88</v>
      </c>
      <c r="O7835" t="s">
        <v>85</v>
      </c>
      <c r="P7835" t="s">
        <v>86</v>
      </c>
      <c r="Q7835">
        <v>22</v>
      </c>
      <c r="R7835">
        <v>22</v>
      </c>
      <c r="S7835">
        <v>22</v>
      </c>
      <c r="T7835">
        <v>22</v>
      </c>
      <c r="U7835">
        <v>22</v>
      </c>
      <c r="V7835">
        <v>23</v>
      </c>
      <c r="W7835">
        <v>23</v>
      </c>
      <c r="X7835">
        <v>23</v>
      </c>
      <c r="Y7835">
        <v>23</v>
      </c>
      <c r="Z7835">
        <v>23</v>
      </c>
      <c r="AA7835">
        <v>23</v>
      </c>
      <c r="AB7835">
        <v>23</v>
      </c>
      <c r="AC7835">
        <v>23</v>
      </c>
      <c r="AD7835">
        <v>23</v>
      </c>
      <c r="AE7835">
        <v>23</v>
      </c>
      <c r="AF7835">
        <v>24</v>
      </c>
      <c r="AG7835">
        <v>24</v>
      </c>
      <c r="AH7835">
        <v>24</v>
      </c>
      <c r="AI7835">
        <v>24</v>
      </c>
      <c r="AJ7835">
        <v>24</v>
      </c>
      <c r="AK7835">
        <v>24</v>
      </c>
      <c r="AL7835">
        <v>24</v>
      </c>
      <c r="AM7835">
        <v>24</v>
      </c>
      <c r="AN7835">
        <v>24</v>
      </c>
      <c r="AO7835">
        <v>24</v>
      </c>
      <c r="AP7835">
        <v>24</v>
      </c>
      <c r="AQ7835">
        <v>24</v>
      </c>
    </row>
    <row r="7836" spans="1:43">
      <c r="A7836" t="s">
        <v>4902</v>
      </c>
      <c r="B7836" t="s">
        <v>4903</v>
      </c>
      <c r="C7836" t="s">
        <v>4900</v>
      </c>
      <c r="D7836" t="s">
        <v>4901</v>
      </c>
      <c r="E7836" t="s">
        <v>4592</v>
      </c>
      <c r="F7836" t="s">
        <v>4593</v>
      </c>
      <c r="G7836" t="s">
        <v>80</v>
      </c>
      <c r="H7836" t="s">
        <v>81</v>
      </c>
      <c r="I7836" s="2">
        <v>1</v>
      </c>
      <c r="J7836" s="2">
        <v>0</v>
      </c>
      <c r="K7836" s="2">
        <v>0</v>
      </c>
      <c r="L7836" t="s">
        <v>120</v>
      </c>
      <c r="M7836" t="s">
        <v>89</v>
      </c>
      <c r="N7836" t="s">
        <v>90</v>
      </c>
      <c r="O7836" t="s">
        <v>85</v>
      </c>
      <c r="P7836" t="s">
        <v>86</v>
      </c>
      <c r="Q7836">
        <v>22</v>
      </c>
      <c r="R7836">
        <v>23</v>
      </c>
      <c r="S7836">
        <v>23</v>
      </c>
      <c r="T7836">
        <v>24</v>
      </c>
      <c r="U7836">
        <v>24</v>
      </c>
      <c r="V7836">
        <v>25</v>
      </c>
      <c r="W7836">
        <v>25</v>
      </c>
      <c r="X7836">
        <v>26</v>
      </c>
      <c r="Y7836">
        <v>26</v>
      </c>
      <c r="Z7836">
        <v>27</v>
      </c>
      <c r="AA7836">
        <v>27</v>
      </c>
      <c r="AB7836">
        <v>27</v>
      </c>
      <c r="AC7836">
        <v>28</v>
      </c>
      <c r="AD7836">
        <v>28</v>
      </c>
      <c r="AE7836">
        <v>28</v>
      </c>
      <c r="AF7836">
        <v>28</v>
      </c>
      <c r="AG7836">
        <v>28</v>
      </c>
      <c r="AH7836">
        <v>28</v>
      </c>
      <c r="AI7836">
        <v>28</v>
      </c>
      <c r="AJ7836">
        <v>28</v>
      </c>
      <c r="AK7836">
        <v>28</v>
      </c>
      <c r="AL7836">
        <v>28</v>
      </c>
      <c r="AM7836">
        <v>28</v>
      </c>
      <c r="AN7836">
        <v>28</v>
      </c>
      <c r="AO7836">
        <v>28</v>
      </c>
      <c r="AP7836">
        <v>28</v>
      </c>
      <c r="AQ7836">
        <v>28</v>
      </c>
    </row>
    <row r="7837" spans="1:43">
      <c r="A7837" t="s">
        <v>4902</v>
      </c>
      <c r="B7837" t="s">
        <v>4903</v>
      </c>
      <c r="C7837" t="s">
        <v>4900</v>
      </c>
      <c r="D7837" t="s">
        <v>4901</v>
      </c>
      <c r="E7837" t="s">
        <v>4592</v>
      </c>
      <c r="F7837" t="s">
        <v>4593</v>
      </c>
      <c r="G7837" t="s">
        <v>80</v>
      </c>
      <c r="H7837" t="s">
        <v>81</v>
      </c>
      <c r="I7837" s="2">
        <v>1</v>
      </c>
      <c r="J7837" s="2">
        <v>0</v>
      </c>
      <c r="K7837" s="2">
        <v>0</v>
      </c>
      <c r="L7837" t="s">
        <v>120</v>
      </c>
      <c r="M7837" t="s">
        <v>83</v>
      </c>
      <c r="N7837" t="s">
        <v>91</v>
      </c>
      <c r="O7837" t="s">
        <v>85</v>
      </c>
      <c r="P7837" t="s">
        <v>86</v>
      </c>
      <c r="Q7837">
        <v>22</v>
      </c>
      <c r="R7837">
        <v>22</v>
      </c>
      <c r="S7837">
        <v>23</v>
      </c>
      <c r="T7837">
        <v>23</v>
      </c>
      <c r="U7837">
        <v>23</v>
      </c>
      <c r="V7837">
        <v>24</v>
      </c>
      <c r="W7837">
        <v>24</v>
      </c>
      <c r="X7837">
        <v>24</v>
      </c>
      <c r="Y7837">
        <v>25</v>
      </c>
      <c r="Z7837">
        <v>25</v>
      </c>
      <c r="AA7837">
        <v>25</v>
      </c>
      <c r="AB7837">
        <v>26</v>
      </c>
      <c r="AC7837">
        <v>26</v>
      </c>
      <c r="AD7837">
        <v>26</v>
      </c>
      <c r="AE7837">
        <v>26</v>
      </c>
      <c r="AF7837">
        <v>27</v>
      </c>
      <c r="AG7837">
        <v>27</v>
      </c>
      <c r="AH7837">
        <v>27</v>
      </c>
      <c r="AI7837">
        <v>28</v>
      </c>
      <c r="AJ7837">
        <v>28</v>
      </c>
      <c r="AK7837">
        <v>28</v>
      </c>
      <c r="AL7837">
        <v>28</v>
      </c>
      <c r="AM7837">
        <v>28</v>
      </c>
      <c r="AN7837">
        <v>28</v>
      </c>
      <c r="AO7837">
        <v>28</v>
      </c>
      <c r="AP7837">
        <v>28</v>
      </c>
      <c r="AQ7837">
        <v>28</v>
      </c>
    </row>
    <row r="7838" spans="1:43">
      <c r="A7838" t="s">
        <v>4904</v>
      </c>
      <c r="B7838" t="s">
        <v>4905</v>
      </c>
      <c r="C7838" t="s">
        <v>4832</v>
      </c>
      <c r="D7838" t="s">
        <v>4833</v>
      </c>
      <c r="E7838" t="s">
        <v>4592</v>
      </c>
      <c r="F7838" t="s">
        <v>4593</v>
      </c>
      <c r="G7838" t="s">
        <v>80</v>
      </c>
      <c r="H7838" t="s">
        <v>81</v>
      </c>
      <c r="I7838" s="2">
        <v>1</v>
      </c>
      <c r="J7838" s="2">
        <v>0</v>
      </c>
      <c r="K7838" s="2">
        <v>0</v>
      </c>
      <c r="L7838" t="s">
        <v>120</v>
      </c>
      <c r="M7838" t="s">
        <v>83</v>
      </c>
      <c r="N7838" t="s">
        <v>84</v>
      </c>
      <c r="O7838" t="s">
        <v>85</v>
      </c>
      <c r="P7838" t="s">
        <v>86</v>
      </c>
      <c r="Q7838">
        <v>37</v>
      </c>
      <c r="R7838">
        <v>38</v>
      </c>
      <c r="S7838">
        <v>38</v>
      </c>
      <c r="T7838">
        <v>39</v>
      </c>
      <c r="U7838">
        <v>39</v>
      </c>
      <c r="V7838">
        <v>40</v>
      </c>
      <c r="W7838">
        <v>40</v>
      </c>
      <c r="X7838">
        <v>41</v>
      </c>
      <c r="Y7838">
        <v>42</v>
      </c>
      <c r="Z7838">
        <v>42</v>
      </c>
      <c r="AA7838">
        <v>43</v>
      </c>
      <c r="AB7838">
        <v>43</v>
      </c>
      <c r="AC7838">
        <v>44</v>
      </c>
      <c r="AD7838">
        <v>44</v>
      </c>
      <c r="AE7838">
        <v>45</v>
      </c>
      <c r="AF7838">
        <v>45</v>
      </c>
      <c r="AG7838">
        <v>46</v>
      </c>
      <c r="AH7838">
        <v>46</v>
      </c>
      <c r="AI7838">
        <v>47</v>
      </c>
      <c r="AJ7838">
        <v>47</v>
      </c>
      <c r="AK7838">
        <v>48</v>
      </c>
      <c r="AL7838">
        <v>48</v>
      </c>
      <c r="AM7838">
        <v>48</v>
      </c>
      <c r="AN7838">
        <v>48</v>
      </c>
      <c r="AO7838">
        <v>48</v>
      </c>
      <c r="AP7838">
        <v>48</v>
      </c>
      <c r="AQ7838">
        <v>48</v>
      </c>
    </row>
    <row r="7839" spans="1:43">
      <c r="A7839" t="s">
        <v>4904</v>
      </c>
      <c r="B7839" t="s">
        <v>4905</v>
      </c>
      <c r="C7839" t="s">
        <v>4832</v>
      </c>
      <c r="D7839" t="s">
        <v>4833</v>
      </c>
      <c r="E7839" t="s">
        <v>4592</v>
      </c>
      <c r="F7839" t="s">
        <v>4593</v>
      </c>
      <c r="G7839" t="s">
        <v>80</v>
      </c>
      <c r="H7839" t="s">
        <v>81</v>
      </c>
      <c r="I7839" s="2">
        <v>1</v>
      </c>
      <c r="J7839" s="2">
        <v>0</v>
      </c>
      <c r="K7839" s="2">
        <v>0</v>
      </c>
      <c r="L7839" t="s">
        <v>120</v>
      </c>
      <c r="M7839" t="s">
        <v>87</v>
      </c>
      <c r="N7839" t="s">
        <v>88</v>
      </c>
      <c r="O7839" t="s">
        <v>85</v>
      </c>
      <c r="P7839" t="s">
        <v>86</v>
      </c>
      <c r="Q7839">
        <v>37</v>
      </c>
      <c r="R7839">
        <v>37</v>
      </c>
      <c r="S7839">
        <v>37</v>
      </c>
      <c r="T7839">
        <v>37</v>
      </c>
      <c r="U7839">
        <v>38</v>
      </c>
      <c r="V7839">
        <v>38</v>
      </c>
      <c r="W7839">
        <v>38</v>
      </c>
      <c r="X7839">
        <v>38</v>
      </c>
      <c r="Y7839">
        <v>38</v>
      </c>
      <c r="Z7839">
        <v>39</v>
      </c>
      <c r="AA7839">
        <v>39</v>
      </c>
      <c r="AB7839">
        <v>39</v>
      </c>
      <c r="AC7839">
        <v>39</v>
      </c>
      <c r="AD7839">
        <v>39</v>
      </c>
      <c r="AE7839">
        <v>40</v>
      </c>
      <c r="AF7839">
        <v>40</v>
      </c>
      <c r="AG7839">
        <v>40</v>
      </c>
      <c r="AH7839">
        <v>40</v>
      </c>
      <c r="AI7839">
        <v>40</v>
      </c>
      <c r="AJ7839">
        <v>40</v>
      </c>
      <c r="AK7839">
        <v>40</v>
      </c>
      <c r="AL7839">
        <v>41</v>
      </c>
      <c r="AM7839">
        <v>41</v>
      </c>
      <c r="AN7839">
        <v>41</v>
      </c>
      <c r="AO7839">
        <v>41</v>
      </c>
      <c r="AP7839">
        <v>41</v>
      </c>
      <c r="AQ7839">
        <v>41</v>
      </c>
    </row>
    <row r="7840" spans="1:43">
      <c r="A7840" t="s">
        <v>4904</v>
      </c>
      <c r="B7840" t="s">
        <v>4905</v>
      </c>
      <c r="C7840" t="s">
        <v>4832</v>
      </c>
      <c r="D7840" t="s">
        <v>4833</v>
      </c>
      <c r="E7840" t="s">
        <v>4592</v>
      </c>
      <c r="F7840" t="s">
        <v>4593</v>
      </c>
      <c r="G7840" t="s">
        <v>80</v>
      </c>
      <c r="H7840" t="s">
        <v>81</v>
      </c>
      <c r="I7840" s="2">
        <v>1</v>
      </c>
      <c r="J7840" s="2">
        <v>0</v>
      </c>
      <c r="K7840" s="2">
        <v>0</v>
      </c>
      <c r="L7840" t="s">
        <v>120</v>
      </c>
      <c r="M7840" t="s">
        <v>89</v>
      </c>
      <c r="N7840" t="s">
        <v>90</v>
      </c>
      <c r="O7840" t="s">
        <v>85</v>
      </c>
      <c r="P7840" t="s">
        <v>86</v>
      </c>
      <c r="Q7840">
        <v>37</v>
      </c>
      <c r="R7840">
        <v>38</v>
      </c>
      <c r="S7840">
        <v>39</v>
      </c>
      <c r="T7840">
        <v>40</v>
      </c>
      <c r="U7840">
        <v>41</v>
      </c>
      <c r="V7840">
        <v>42</v>
      </c>
      <c r="W7840">
        <v>42</v>
      </c>
      <c r="X7840">
        <v>43</v>
      </c>
      <c r="Y7840">
        <v>44</v>
      </c>
      <c r="Z7840">
        <v>45</v>
      </c>
      <c r="AA7840">
        <v>45</v>
      </c>
      <c r="AB7840">
        <v>46</v>
      </c>
      <c r="AC7840">
        <v>47</v>
      </c>
      <c r="AD7840">
        <v>48</v>
      </c>
      <c r="AE7840">
        <v>48</v>
      </c>
      <c r="AF7840">
        <v>48</v>
      </c>
      <c r="AG7840">
        <v>48</v>
      </c>
      <c r="AH7840">
        <v>48</v>
      </c>
      <c r="AI7840">
        <v>48</v>
      </c>
      <c r="AJ7840">
        <v>48</v>
      </c>
      <c r="AK7840">
        <v>48</v>
      </c>
      <c r="AL7840">
        <v>48</v>
      </c>
      <c r="AM7840">
        <v>48</v>
      </c>
      <c r="AN7840">
        <v>48</v>
      </c>
      <c r="AO7840">
        <v>48</v>
      </c>
      <c r="AP7840">
        <v>48</v>
      </c>
      <c r="AQ7840">
        <v>48</v>
      </c>
    </row>
    <row r="7841" spans="1:43">
      <c r="A7841" t="s">
        <v>4904</v>
      </c>
      <c r="B7841" t="s">
        <v>4905</v>
      </c>
      <c r="C7841" t="s">
        <v>4832</v>
      </c>
      <c r="D7841" t="s">
        <v>4833</v>
      </c>
      <c r="E7841" t="s">
        <v>4592</v>
      </c>
      <c r="F7841" t="s">
        <v>4593</v>
      </c>
      <c r="G7841" t="s">
        <v>80</v>
      </c>
      <c r="H7841" t="s">
        <v>81</v>
      </c>
      <c r="I7841" s="2">
        <v>1</v>
      </c>
      <c r="J7841" s="2">
        <v>0</v>
      </c>
      <c r="K7841" s="2">
        <v>0</v>
      </c>
      <c r="L7841" t="s">
        <v>120</v>
      </c>
      <c r="M7841" t="s">
        <v>83</v>
      </c>
      <c r="N7841" t="s">
        <v>91</v>
      </c>
      <c r="O7841" t="s">
        <v>85</v>
      </c>
      <c r="P7841" t="s">
        <v>86</v>
      </c>
      <c r="Q7841">
        <v>37</v>
      </c>
      <c r="R7841">
        <v>38</v>
      </c>
      <c r="S7841">
        <v>38</v>
      </c>
      <c r="T7841">
        <v>39</v>
      </c>
      <c r="U7841">
        <v>39</v>
      </c>
      <c r="V7841">
        <v>40</v>
      </c>
      <c r="W7841">
        <v>40</v>
      </c>
      <c r="X7841">
        <v>41</v>
      </c>
      <c r="Y7841">
        <v>42</v>
      </c>
      <c r="Z7841">
        <v>42</v>
      </c>
      <c r="AA7841">
        <v>43</v>
      </c>
      <c r="AB7841">
        <v>43</v>
      </c>
      <c r="AC7841">
        <v>44</v>
      </c>
      <c r="AD7841">
        <v>44</v>
      </c>
      <c r="AE7841">
        <v>45</v>
      </c>
      <c r="AF7841">
        <v>45</v>
      </c>
      <c r="AG7841">
        <v>46</v>
      </c>
      <c r="AH7841">
        <v>46</v>
      </c>
      <c r="AI7841">
        <v>47</v>
      </c>
      <c r="AJ7841">
        <v>47</v>
      </c>
      <c r="AK7841">
        <v>48</v>
      </c>
      <c r="AL7841">
        <v>48</v>
      </c>
      <c r="AM7841">
        <v>48</v>
      </c>
      <c r="AN7841">
        <v>48</v>
      </c>
      <c r="AO7841">
        <v>48</v>
      </c>
      <c r="AP7841">
        <v>48</v>
      </c>
      <c r="AQ7841">
        <v>48</v>
      </c>
    </row>
    <row r="7842" spans="1:43">
      <c r="A7842" t="s">
        <v>4906</v>
      </c>
      <c r="B7842" t="s">
        <v>4907</v>
      </c>
      <c r="C7842" t="s">
        <v>4900</v>
      </c>
      <c r="D7842" t="s">
        <v>4901</v>
      </c>
      <c r="E7842" t="s">
        <v>4592</v>
      </c>
      <c r="F7842" t="s">
        <v>4593</v>
      </c>
      <c r="G7842" t="s">
        <v>80</v>
      </c>
      <c r="H7842" t="s">
        <v>81</v>
      </c>
      <c r="I7842" s="2">
        <v>1</v>
      </c>
      <c r="J7842" s="2">
        <v>0</v>
      </c>
      <c r="K7842" s="2">
        <v>0</v>
      </c>
      <c r="L7842" t="s">
        <v>120</v>
      </c>
      <c r="M7842" t="s">
        <v>83</v>
      </c>
      <c r="N7842" t="s">
        <v>84</v>
      </c>
      <c r="O7842" t="s">
        <v>85</v>
      </c>
      <c r="P7842" t="s">
        <v>86</v>
      </c>
      <c r="Q7842">
        <v>6</v>
      </c>
      <c r="R7842">
        <v>6</v>
      </c>
      <c r="S7842">
        <v>6</v>
      </c>
      <c r="T7842">
        <v>6</v>
      </c>
      <c r="U7842">
        <v>6</v>
      </c>
      <c r="V7842">
        <v>6</v>
      </c>
      <c r="W7842">
        <v>6</v>
      </c>
      <c r="X7842">
        <v>7</v>
      </c>
      <c r="Y7842">
        <v>7</v>
      </c>
      <c r="Z7842">
        <v>7</v>
      </c>
      <c r="AA7842">
        <v>7</v>
      </c>
      <c r="AB7842">
        <v>7</v>
      </c>
      <c r="AC7842">
        <v>7</v>
      </c>
      <c r="AD7842">
        <v>7</v>
      </c>
      <c r="AE7842">
        <v>7</v>
      </c>
      <c r="AF7842">
        <v>7</v>
      </c>
      <c r="AG7842">
        <v>7</v>
      </c>
      <c r="AH7842">
        <v>7</v>
      </c>
      <c r="AI7842">
        <v>7</v>
      </c>
      <c r="AJ7842">
        <v>7</v>
      </c>
      <c r="AK7842">
        <v>7</v>
      </c>
      <c r="AL7842">
        <v>7</v>
      </c>
      <c r="AM7842">
        <v>7</v>
      </c>
      <c r="AN7842">
        <v>7</v>
      </c>
      <c r="AO7842">
        <v>7</v>
      </c>
      <c r="AP7842">
        <v>7</v>
      </c>
      <c r="AQ7842">
        <v>7</v>
      </c>
    </row>
    <row r="7843" spans="1:43">
      <c r="A7843" t="s">
        <v>4906</v>
      </c>
      <c r="B7843" t="s">
        <v>4907</v>
      </c>
      <c r="C7843" t="s">
        <v>4900</v>
      </c>
      <c r="D7843" t="s">
        <v>4901</v>
      </c>
      <c r="E7843" t="s">
        <v>4592</v>
      </c>
      <c r="F7843" t="s">
        <v>4593</v>
      </c>
      <c r="G7843" t="s">
        <v>80</v>
      </c>
      <c r="H7843" t="s">
        <v>81</v>
      </c>
      <c r="I7843" s="2">
        <v>1</v>
      </c>
      <c r="J7843" s="2">
        <v>0</v>
      </c>
      <c r="K7843" s="2">
        <v>0</v>
      </c>
      <c r="L7843" t="s">
        <v>120</v>
      </c>
      <c r="M7843" t="s">
        <v>87</v>
      </c>
      <c r="N7843" t="s">
        <v>88</v>
      </c>
      <c r="O7843" t="s">
        <v>85</v>
      </c>
      <c r="P7843" t="s">
        <v>86</v>
      </c>
      <c r="Q7843">
        <v>6</v>
      </c>
      <c r="R7843">
        <v>6</v>
      </c>
      <c r="S7843">
        <v>6</v>
      </c>
      <c r="T7843">
        <v>6</v>
      </c>
      <c r="U7843">
        <v>6</v>
      </c>
      <c r="V7843">
        <v>6</v>
      </c>
      <c r="W7843">
        <v>6</v>
      </c>
      <c r="X7843">
        <v>6</v>
      </c>
      <c r="Y7843">
        <v>6</v>
      </c>
      <c r="Z7843">
        <v>6</v>
      </c>
      <c r="AA7843">
        <v>6</v>
      </c>
      <c r="AB7843">
        <v>6</v>
      </c>
      <c r="AC7843">
        <v>6</v>
      </c>
      <c r="AD7843">
        <v>6</v>
      </c>
      <c r="AE7843">
        <v>6</v>
      </c>
      <c r="AF7843">
        <v>6</v>
      </c>
      <c r="AG7843">
        <v>6</v>
      </c>
      <c r="AH7843">
        <v>6</v>
      </c>
      <c r="AI7843">
        <v>6</v>
      </c>
      <c r="AJ7843">
        <v>6</v>
      </c>
      <c r="AK7843">
        <v>6</v>
      </c>
      <c r="AL7843">
        <v>6</v>
      </c>
      <c r="AM7843">
        <v>6</v>
      </c>
      <c r="AN7843">
        <v>6</v>
      </c>
      <c r="AO7843">
        <v>6</v>
      </c>
      <c r="AP7843">
        <v>6</v>
      </c>
      <c r="AQ7843">
        <v>6</v>
      </c>
    </row>
    <row r="7844" spans="1:43">
      <c r="A7844" t="s">
        <v>4906</v>
      </c>
      <c r="B7844" t="s">
        <v>4907</v>
      </c>
      <c r="C7844" t="s">
        <v>4900</v>
      </c>
      <c r="D7844" t="s">
        <v>4901</v>
      </c>
      <c r="E7844" t="s">
        <v>4592</v>
      </c>
      <c r="F7844" t="s">
        <v>4593</v>
      </c>
      <c r="G7844" t="s">
        <v>80</v>
      </c>
      <c r="H7844" t="s">
        <v>81</v>
      </c>
      <c r="I7844" s="2">
        <v>1</v>
      </c>
      <c r="J7844" s="2">
        <v>0</v>
      </c>
      <c r="K7844" s="2">
        <v>0</v>
      </c>
      <c r="L7844" t="s">
        <v>120</v>
      </c>
      <c r="M7844" t="s">
        <v>89</v>
      </c>
      <c r="N7844" t="s">
        <v>90</v>
      </c>
      <c r="O7844" t="s">
        <v>85</v>
      </c>
      <c r="P7844" t="s">
        <v>86</v>
      </c>
      <c r="Q7844">
        <v>6</v>
      </c>
      <c r="R7844">
        <v>6</v>
      </c>
      <c r="S7844">
        <v>6</v>
      </c>
      <c r="T7844">
        <v>6</v>
      </c>
      <c r="U7844">
        <v>7</v>
      </c>
      <c r="V7844">
        <v>7</v>
      </c>
      <c r="W7844">
        <v>7</v>
      </c>
      <c r="X7844">
        <v>7</v>
      </c>
      <c r="Y7844">
        <v>7</v>
      </c>
      <c r="Z7844">
        <v>7</v>
      </c>
      <c r="AA7844">
        <v>7</v>
      </c>
      <c r="AB7844">
        <v>7</v>
      </c>
      <c r="AC7844">
        <v>7</v>
      </c>
      <c r="AD7844">
        <v>7</v>
      </c>
      <c r="AE7844">
        <v>8</v>
      </c>
      <c r="AF7844">
        <v>8</v>
      </c>
      <c r="AG7844">
        <v>8</v>
      </c>
      <c r="AH7844">
        <v>8</v>
      </c>
      <c r="AI7844">
        <v>8</v>
      </c>
      <c r="AJ7844">
        <v>8</v>
      </c>
      <c r="AK7844">
        <v>8</v>
      </c>
      <c r="AL7844">
        <v>8</v>
      </c>
      <c r="AM7844">
        <v>8</v>
      </c>
      <c r="AN7844">
        <v>8</v>
      </c>
      <c r="AO7844">
        <v>8</v>
      </c>
      <c r="AP7844">
        <v>7</v>
      </c>
      <c r="AQ7844">
        <v>7</v>
      </c>
    </row>
    <row r="7845" spans="1:43">
      <c r="A7845" t="s">
        <v>4906</v>
      </c>
      <c r="B7845" t="s">
        <v>4907</v>
      </c>
      <c r="C7845" t="s">
        <v>4900</v>
      </c>
      <c r="D7845" t="s">
        <v>4901</v>
      </c>
      <c r="E7845" t="s">
        <v>4592</v>
      </c>
      <c r="F7845" t="s">
        <v>4593</v>
      </c>
      <c r="G7845" t="s">
        <v>80</v>
      </c>
      <c r="H7845" t="s">
        <v>81</v>
      </c>
      <c r="I7845" s="2">
        <v>1</v>
      </c>
      <c r="J7845" s="2">
        <v>0</v>
      </c>
      <c r="K7845" s="2">
        <v>0</v>
      </c>
      <c r="L7845" t="s">
        <v>120</v>
      </c>
      <c r="M7845" t="s">
        <v>83</v>
      </c>
      <c r="N7845" t="s">
        <v>91</v>
      </c>
      <c r="O7845" t="s">
        <v>85</v>
      </c>
      <c r="P7845" t="s">
        <v>86</v>
      </c>
      <c r="Q7845">
        <v>6</v>
      </c>
      <c r="R7845">
        <v>6</v>
      </c>
      <c r="S7845">
        <v>6</v>
      </c>
      <c r="T7845">
        <v>6</v>
      </c>
      <c r="U7845">
        <v>6</v>
      </c>
      <c r="V7845">
        <v>6</v>
      </c>
      <c r="W7845">
        <v>6</v>
      </c>
      <c r="X7845">
        <v>7</v>
      </c>
      <c r="Y7845">
        <v>7</v>
      </c>
      <c r="Z7845">
        <v>7</v>
      </c>
      <c r="AA7845">
        <v>7</v>
      </c>
      <c r="AB7845">
        <v>7</v>
      </c>
      <c r="AC7845">
        <v>7</v>
      </c>
      <c r="AD7845">
        <v>7</v>
      </c>
      <c r="AE7845">
        <v>7</v>
      </c>
      <c r="AF7845">
        <v>7</v>
      </c>
      <c r="AG7845">
        <v>7</v>
      </c>
      <c r="AH7845">
        <v>7</v>
      </c>
      <c r="AI7845">
        <v>7</v>
      </c>
      <c r="AJ7845">
        <v>7</v>
      </c>
      <c r="AK7845">
        <v>7</v>
      </c>
      <c r="AL7845">
        <v>7</v>
      </c>
      <c r="AM7845">
        <v>7</v>
      </c>
      <c r="AN7845">
        <v>7</v>
      </c>
      <c r="AO7845">
        <v>7</v>
      </c>
      <c r="AP7845">
        <v>7</v>
      </c>
      <c r="AQ7845">
        <v>7</v>
      </c>
    </row>
    <row r="7846" spans="1:43">
      <c r="A7846" t="s">
        <v>4908</v>
      </c>
      <c r="B7846" t="s">
        <v>4909</v>
      </c>
      <c r="C7846" t="s">
        <v>4832</v>
      </c>
      <c r="D7846" t="s">
        <v>4833</v>
      </c>
      <c r="E7846" t="s">
        <v>4592</v>
      </c>
      <c r="F7846" t="s">
        <v>4593</v>
      </c>
      <c r="G7846" t="s">
        <v>80</v>
      </c>
      <c r="H7846" t="s">
        <v>81</v>
      </c>
      <c r="I7846" s="2">
        <v>1</v>
      </c>
      <c r="J7846" s="2">
        <v>0</v>
      </c>
      <c r="K7846" s="2">
        <v>0</v>
      </c>
      <c r="L7846" t="s">
        <v>120</v>
      </c>
      <c r="M7846" t="s">
        <v>83</v>
      </c>
      <c r="N7846" t="s">
        <v>84</v>
      </c>
      <c r="O7846" t="s">
        <v>85</v>
      </c>
      <c r="P7846" t="s">
        <v>86</v>
      </c>
      <c r="Q7846">
        <v>13</v>
      </c>
      <c r="R7846">
        <v>13</v>
      </c>
      <c r="S7846">
        <v>13</v>
      </c>
      <c r="T7846">
        <v>13</v>
      </c>
      <c r="U7846">
        <v>14</v>
      </c>
      <c r="V7846">
        <v>14</v>
      </c>
      <c r="W7846">
        <v>14</v>
      </c>
      <c r="X7846">
        <v>14</v>
      </c>
      <c r="Y7846">
        <v>14</v>
      </c>
      <c r="Z7846">
        <v>15</v>
      </c>
      <c r="AA7846">
        <v>15</v>
      </c>
      <c r="AB7846">
        <v>15</v>
      </c>
      <c r="AC7846">
        <v>15</v>
      </c>
      <c r="AD7846">
        <v>15</v>
      </c>
      <c r="AE7846">
        <v>15</v>
      </c>
      <c r="AF7846">
        <v>16</v>
      </c>
      <c r="AG7846">
        <v>16</v>
      </c>
      <c r="AH7846">
        <v>16</v>
      </c>
      <c r="AI7846">
        <v>16</v>
      </c>
      <c r="AJ7846">
        <v>16</v>
      </c>
      <c r="AK7846">
        <v>16</v>
      </c>
      <c r="AL7846">
        <v>16</v>
      </c>
      <c r="AM7846">
        <v>16</v>
      </c>
      <c r="AN7846">
        <v>17</v>
      </c>
      <c r="AO7846">
        <v>17</v>
      </c>
      <c r="AP7846">
        <v>17</v>
      </c>
      <c r="AQ7846">
        <v>17</v>
      </c>
    </row>
    <row r="7847" spans="1:43">
      <c r="A7847" t="s">
        <v>4908</v>
      </c>
      <c r="B7847" t="s">
        <v>4909</v>
      </c>
      <c r="C7847" t="s">
        <v>4832</v>
      </c>
      <c r="D7847" t="s">
        <v>4833</v>
      </c>
      <c r="E7847" t="s">
        <v>4592</v>
      </c>
      <c r="F7847" t="s">
        <v>4593</v>
      </c>
      <c r="G7847" t="s">
        <v>80</v>
      </c>
      <c r="H7847" t="s">
        <v>81</v>
      </c>
      <c r="I7847" s="2">
        <v>1</v>
      </c>
      <c r="J7847" s="2">
        <v>0</v>
      </c>
      <c r="K7847" s="2">
        <v>0</v>
      </c>
      <c r="L7847" t="s">
        <v>120</v>
      </c>
      <c r="M7847" t="s">
        <v>87</v>
      </c>
      <c r="N7847" t="s">
        <v>88</v>
      </c>
      <c r="O7847" t="s">
        <v>85</v>
      </c>
      <c r="P7847" t="s">
        <v>86</v>
      </c>
      <c r="Q7847">
        <v>13</v>
      </c>
      <c r="R7847">
        <v>13</v>
      </c>
      <c r="S7847">
        <v>13</v>
      </c>
      <c r="T7847">
        <v>13</v>
      </c>
      <c r="U7847">
        <v>13</v>
      </c>
      <c r="V7847">
        <v>13</v>
      </c>
      <c r="W7847">
        <v>13</v>
      </c>
      <c r="X7847">
        <v>13</v>
      </c>
      <c r="Y7847">
        <v>13</v>
      </c>
      <c r="Z7847">
        <v>13</v>
      </c>
      <c r="AA7847">
        <v>13</v>
      </c>
      <c r="AB7847">
        <v>13</v>
      </c>
      <c r="AC7847">
        <v>14</v>
      </c>
      <c r="AD7847">
        <v>14</v>
      </c>
      <c r="AE7847">
        <v>14</v>
      </c>
      <c r="AF7847">
        <v>14</v>
      </c>
      <c r="AG7847">
        <v>14</v>
      </c>
      <c r="AH7847">
        <v>14</v>
      </c>
      <c r="AI7847">
        <v>14</v>
      </c>
      <c r="AJ7847">
        <v>14</v>
      </c>
      <c r="AK7847">
        <v>14</v>
      </c>
      <c r="AL7847">
        <v>14</v>
      </c>
      <c r="AM7847">
        <v>14</v>
      </c>
      <c r="AN7847">
        <v>14</v>
      </c>
      <c r="AO7847">
        <v>14</v>
      </c>
      <c r="AP7847">
        <v>14</v>
      </c>
      <c r="AQ7847">
        <v>14</v>
      </c>
    </row>
    <row r="7848" spans="1:43">
      <c r="A7848" t="s">
        <v>4908</v>
      </c>
      <c r="B7848" t="s">
        <v>4909</v>
      </c>
      <c r="C7848" t="s">
        <v>4832</v>
      </c>
      <c r="D7848" t="s">
        <v>4833</v>
      </c>
      <c r="E7848" t="s">
        <v>4592</v>
      </c>
      <c r="F7848" t="s">
        <v>4593</v>
      </c>
      <c r="G7848" t="s">
        <v>80</v>
      </c>
      <c r="H7848" t="s">
        <v>81</v>
      </c>
      <c r="I7848" s="2">
        <v>1</v>
      </c>
      <c r="J7848" s="2">
        <v>0</v>
      </c>
      <c r="K7848" s="2">
        <v>0</v>
      </c>
      <c r="L7848" t="s">
        <v>120</v>
      </c>
      <c r="M7848" t="s">
        <v>89</v>
      </c>
      <c r="N7848" t="s">
        <v>90</v>
      </c>
      <c r="O7848" t="s">
        <v>85</v>
      </c>
      <c r="P7848" t="s">
        <v>86</v>
      </c>
      <c r="Q7848">
        <v>13</v>
      </c>
      <c r="R7848">
        <v>13</v>
      </c>
      <c r="S7848">
        <v>14</v>
      </c>
      <c r="T7848">
        <v>14</v>
      </c>
      <c r="U7848">
        <v>14</v>
      </c>
      <c r="V7848">
        <v>14</v>
      </c>
      <c r="W7848">
        <v>15</v>
      </c>
      <c r="X7848">
        <v>15</v>
      </c>
      <c r="Y7848">
        <v>15</v>
      </c>
      <c r="Z7848">
        <v>15</v>
      </c>
      <c r="AA7848">
        <v>16</v>
      </c>
      <c r="AB7848">
        <v>16</v>
      </c>
      <c r="AC7848">
        <v>16</v>
      </c>
      <c r="AD7848">
        <v>16</v>
      </c>
      <c r="AE7848">
        <v>17</v>
      </c>
      <c r="AF7848">
        <v>17</v>
      </c>
      <c r="AG7848">
        <v>17</v>
      </c>
      <c r="AH7848">
        <v>17</v>
      </c>
      <c r="AI7848">
        <v>17</v>
      </c>
      <c r="AJ7848">
        <v>17</v>
      </c>
      <c r="AK7848">
        <v>17</v>
      </c>
      <c r="AL7848">
        <v>17</v>
      </c>
      <c r="AM7848">
        <v>17</v>
      </c>
      <c r="AN7848">
        <v>17</v>
      </c>
      <c r="AO7848">
        <v>17</v>
      </c>
      <c r="AP7848">
        <v>17</v>
      </c>
      <c r="AQ7848">
        <v>17</v>
      </c>
    </row>
    <row r="7849" spans="1:43">
      <c r="A7849" t="s">
        <v>4908</v>
      </c>
      <c r="B7849" t="s">
        <v>4909</v>
      </c>
      <c r="C7849" t="s">
        <v>4832</v>
      </c>
      <c r="D7849" t="s">
        <v>4833</v>
      </c>
      <c r="E7849" t="s">
        <v>4592</v>
      </c>
      <c r="F7849" t="s">
        <v>4593</v>
      </c>
      <c r="G7849" t="s">
        <v>80</v>
      </c>
      <c r="H7849" t="s">
        <v>81</v>
      </c>
      <c r="I7849" s="2">
        <v>1</v>
      </c>
      <c r="J7849" s="2">
        <v>0</v>
      </c>
      <c r="K7849" s="2">
        <v>0</v>
      </c>
      <c r="L7849" t="s">
        <v>120</v>
      </c>
      <c r="M7849" t="s">
        <v>83</v>
      </c>
      <c r="N7849" t="s">
        <v>91</v>
      </c>
      <c r="O7849" t="s">
        <v>85</v>
      </c>
      <c r="P7849" t="s">
        <v>86</v>
      </c>
      <c r="Q7849">
        <v>13</v>
      </c>
      <c r="R7849">
        <v>13</v>
      </c>
      <c r="S7849">
        <v>13</v>
      </c>
      <c r="T7849">
        <v>13</v>
      </c>
      <c r="U7849">
        <v>14</v>
      </c>
      <c r="V7849">
        <v>14</v>
      </c>
      <c r="W7849">
        <v>14</v>
      </c>
      <c r="X7849">
        <v>14</v>
      </c>
      <c r="Y7849">
        <v>14</v>
      </c>
      <c r="Z7849">
        <v>15</v>
      </c>
      <c r="AA7849">
        <v>15</v>
      </c>
      <c r="AB7849">
        <v>15</v>
      </c>
      <c r="AC7849">
        <v>15</v>
      </c>
      <c r="AD7849">
        <v>15</v>
      </c>
      <c r="AE7849">
        <v>15</v>
      </c>
      <c r="AF7849">
        <v>16</v>
      </c>
      <c r="AG7849">
        <v>16</v>
      </c>
      <c r="AH7849">
        <v>16</v>
      </c>
      <c r="AI7849">
        <v>16</v>
      </c>
      <c r="AJ7849">
        <v>16</v>
      </c>
      <c r="AK7849">
        <v>16</v>
      </c>
      <c r="AL7849">
        <v>16</v>
      </c>
      <c r="AM7849">
        <v>16</v>
      </c>
      <c r="AN7849">
        <v>17</v>
      </c>
      <c r="AO7849">
        <v>17</v>
      </c>
      <c r="AP7849">
        <v>17</v>
      </c>
      <c r="AQ7849">
        <v>17</v>
      </c>
    </row>
    <row r="7850" spans="1:43">
      <c r="A7850" t="s">
        <v>4910</v>
      </c>
      <c r="B7850" t="s">
        <v>4911</v>
      </c>
      <c r="C7850" t="s">
        <v>4900</v>
      </c>
      <c r="D7850" t="s">
        <v>4901</v>
      </c>
      <c r="E7850" t="s">
        <v>4592</v>
      </c>
      <c r="F7850" t="s">
        <v>4593</v>
      </c>
      <c r="G7850" t="s">
        <v>80</v>
      </c>
      <c r="H7850" t="s">
        <v>81</v>
      </c>
      <c r="I7850" s="2">
        <v>1</v>
      </c>
      <c r="J7850" s="2">
        <v>0</v>
      </c>
      <c r="K7850" s="2">
        <v>0</v>
      </c>
      <c r="L7850" t="s">
        <v>120</v>
      </c>
      <c r="M7850" t="s">
        <v>83</v>
      </c>
      <c r="N7850" t="s">
        <v>84</v>
      </c>
      <c r="O7850" t="s">
        <v>85</v>
      </c>
      <c r="P7850" t="s">
        <v>86</v>
      </c>
      <c r="Q7850">
        <v>7</v>
      </c>
      <c r="R7850">
        <v>7</v>
      </c>
      <c r="S7850">
        <v>7</v>
      </c>
      <c r="T7850">
        <v>7</v>
      </c>
      <c r="U7850">
        <v>7</v>
      </c>
      <c r="V7850">
        <v>7</v>
      </c>
      <c r="W7850">
        <v>7</v>
      </c>
      <c r="X7850">
        <v>7</v>
      </c>
      <c r="Y7850">
        <v>8</v>
      </c>
      <c r="Z7850">
        <v>8</v>
      </c>
      <c r="AA7850">
        <v>8</v>
      </c>
      <c r="AB7850">
        <v>8</v>
      </c>
      <c r="AC7850">
        <v>8</v>
      </c>
      <c r="AD7850">
        <v>8</v>
      </c>
      <c r="AE7850">
        <v>8</v>
      </c>
      <c r="AF7850">
        <v>8</v>
      </c>
      <c r="AG7850">
        <v>8</v>
      </c>
      <c r="AH7850">
        <v>8</v>
      </c>
      <c r="AI7850">
        <v>8</v>
      </c>
      <c r="AJ7850">
        <v>9</v>
      </c>
      <c r="AK7850">
        <v>9</v>
      </c>
      <c r="AL7850">
        <v>9</v>
      </c>
      <c r="AM7850">
        <v>9</v>
      </c>
      <c r="AN7850">
        <v>9</v>
      </c>
      <c r="AO7850">
        <v>9</v>
      </c>
      <c r="AP7850">
        <v>9</v>
      </c>
      <c r="AQ7850">
        <v>9</v>
      </c>
    </row>
    <row r="7851" spans="1:43">
      <c r="A7851" t="s">
        <v>4910</v>
      </c>
      <c r="B7851" t="s">
        <v>4911</v>
      </c>
      <c r="C7851" t="s">
        <v>4900</v>
      </c>
      <c r="D7851" t="s">
        <v>4901</v>
      </c>
      <c r="E7851" t="s">
        <v>4592</v>
      </c>
      <c r="F7851" t="s">
        <v>4593</v>
      </c>
      <c r="G7851" t="s">
        <v>80</v>
      </c>
      <c r="H7851" t="s">
        <v>81</v>
      </c>
      <c r="I7851" s="2">
        <v>1</v>
      </c>
      <c r="J7851" s="2">
        <v>0</v>
      </c>
      <c r="K7851" s="2">
        <v>0</v>
      </c>
      <c r="L7851" t="s">
        <v>120</v>
      </c>
      <c r="M7851" t="s">
        <v>87</v>
      </c>
      <c r="N7851" t="s">
        <v>88</v>
      </c>
      <c r="O7851" t="s">
        <v>85</v>
      </c>
      <c r="P7851" t="s">
        <v>86</v>
      </c>
      <c r="Q7851">
        <v>7</v>
      </c>
      <c r="R7851">
        <v>7</v>
      </c>
      <c r="S7851">
        <v>7</v>
      </c>
      <c r="T7851">
        <v>7</v>
      </c>
      <c r="U7851">
        <v>7</v>
      </c>
      <c r="V7851">
        <v>7</v>
      </c>
      <c r="W7851">
        <v>7</v>
      </c>
      <c r="X7851">
        <v>7</v>
      </c>
      <c r="Y7851">
        <v>7</v>
      </c>
      <c r="Z7851">
        <v>7</v>
      </c>
      <c r="AA7851">
        <v>7</v>
      </c>
      <c r="AB7851">
        <v>7</v>
      </c>
      <c r="AC7851">
        <v>7</v>
      </c>
      <c r="AD7851">
        <v>7</v>
      </c>
      <c r="AE7851">
        <v>7</v>
      </c>
      <c r="AF7851">
        <v>7</v>
      </c>
      <c r="AG7851">
        <v>7</v>
      </c>
      <c r="AH7851">
        <v>7</v>
      </c>
      <c r="AI7851">
        <v>7</v>
      </c>
      <c r="AJ7851">
        <v>7</v>
      </c>
      <c r="AK7851">
        <v>7</v>
      </c>
      <c r="AL7851">
        <v>7</v>
      </c>
      <c r="AM7851">
        <v>7</v>
      </c>
      <c r="AN7851">
        <v>7</v>
      </c>
      <c r="AO7851">
        <v>7</v>
      </c>
      <c r="AP7851">
        <v>7</v>
      </c>
      <c r="AQ7851">
        <v>7</v>
      </c>
    </row>
    <row r="7852" spans="1:43">
      <c r="A7852" t="s">
        <v>4910</v>
      </c>
      <c r="B7852" t="s">
        <v>4911</v>
      </c>
      <c r="C7852" t="s">
        <v>4900</v>
      </c>
      <c r="D7852" t="s">
        <v>4901</v>
      </c>
      <c r="E7852" t="s">
        <v>4592</v>
      </c>
      <c r="F7852" t="s">
        <v>4593</v>
      </c>
      <c r="G7852" t="s">
        <v>80</v>
      </c>
      <c r="H7852" t="s">
        <v>81</v>
      </c>
      <c r="I7852" s="2">
        <v>1</v>
      </c>
      <c r="J7852" s="2">
        <v>0</v>
      </c>
      <c r="K7852" s="2">
        <v>0</v>
      </c>
      <c r="L7852" t="s">
        <v>120</v>
      </c>
      <c r="M7852" t="s">
        <v>89</v>
      </c>
      <c r="N7852" t="s">
        <v>90</v>
      </c>
      <c r="O7852" t="s">
        <v>85</v>
      </c>
      <c r="P7852" t="s">
        <v>86</v>
      </c>
      <c r="Q7852">
        <v>7</v>
      </c>
      <c r="R7852">
        <v>7</v>
      </c>
      <c r="S7852">
        <v>7</v>
      </c>
      <c r="T7852">
        <v>7</v>
      </c>
      <c r="U7852">
        <v>7</v>
      </c>
      <c r="V7852">
        <v>8</v>
      </c>
      <c r="W7852">
        <v>8</v>
      </c>
      <c r="X7852">
        <v>8</v>
      </c>
      <c r="Y7852">
        <v>8</v>
      </c>
      <c r="Z7852">
        <v>8</v>
      </c>
      <c r="AA7852">
        <v>8</v>
      </c>
      <c r="AB7852">
        <v>8</v>
      </c>
      <c r="AC7852">
        <v>8</v>
      </c>
      <c r="AD7852">
        <v>9</v>
      </c>
      <c r="AE7852">
        <v>9</v>
      </c>
      <c r="AF7852">
        <v>9</v>
      </c>
      <c r="AG7852">
        <v>9</v>
      </c>
      <c r="AH7852">
        <v>9</v>
      </c>
      <c r="AI7852">
        <v>9</v>
      </c>
      <c r="AJ7852">
        <v>9</v>
      </c>
      <c r="AK7852">
        <v>9</v>
      </c>
      <c r="AL7852">
        <v>9</v>
      </c>
      <c r="AM7852">
        <v>9</v>
      </c>
      <c r="AN7852">
        <v>9</v>
      </c>
      <c r="AO7852">
        <v>9</v>
      </c>
      <c r="AP7852">
        <v>9</v>
      </c>
      <c r="AQ7852">
        <v>9</v>
      </c>
    </row>
    <row r="7853" spans="1:43">
      <c r="A7853" t="s">
        <v>4910</v>
      </c>
      <c r="B7853" t="s">
        <v>4911</v>
      </c>
      <c r="C7853" t="s">
        <v>4900</v>
      </c>
      <c r="D7853" t="s">
        <v>4901</v>
      </c>
      <c r="E7853" t="s">
        <v>4592</v>
      </c>
      <c r="F7853" t="s">
        <v>4593</v>
      </c>
      <c r="G7853" t="s">
        <v>80</v>
      </c>
      <c r="H7853" t="s">
        <v>81</v>
      </c>
      <c r="I7853" s="2">
        <v>1</v>
      </c>
      <c r="J7853" s="2">
        <v>0</v>
      </c>
      <c r="K7853" s="2">
        <v>0</v>
      </c>
      <c r="L7853" t="s">
        <v>120</v>
      </c>
      <c r="M7853" t="s">
        <v>83</v>
      </c>
      <c r="N7853" t="s">
        <v>91</v>
      </c>
      <c r="O7853" t="s">
        <v>85</v>
      </c>
      <c r="P7853" t="s">
        <v>86</v>
      </c>
      <c r="Q7853">
        <v>7</v>
      </c>
      <c r="R7853">
        <v>7</v>
      </c>
      <c r="S7853">
        <v>7</v>
      </c>
      <c r="T7853">
        <v>7</v>
      </c>
      <c r="U7853">
        <v>7</v>
      </c>
      <c r="V7853">
        <v>7</v>
      </c>
      <c r="W7853">
        <v>7</v>
      </c>
      <c r="X7853">
        <v>7</v>
      </c>
      <c r="Y7853">
        <v>8</v>
      </c>
      <c r="Z7853">
        <v>8</v>
      </c>
      <c r="AA7853">
        <v>8</v>
      </c>
      <c r="AB7853">
        <v>8</v>
      </c>
      <c r="AC7853">
        <v>8</v>
      </c>
      <c r="AD7853">
        <v>8</v>
      </c>
      <c r="AE7853">
        <v>8</v>
      </c>
      <c r="AF7853">
        <v>8</v>
      </c>
      <c r="AG7853">
        <v>8</v>
      </c>
      <c r="AH7853">
        <v>8</v>
      </c>
      <c r="AI7853">
        <v>8</v>
      </c>
      <c r="AJ7853">
        <v>9</v>
      </c>
      <c r="AK7853">
        <v>9</v>
      </c>
      <c r="AL7853">
        <v>9</v>
      </c>
      <c r="AM7853">
        <v>9</v>
      </c>
      <c r="AN7853">
        <v>9</v>
      </c>
      <c r="AO7853">
        <v>9</v>
      </c>
      <c r="AP7853">
        <v>9</v>
      </c>
      <c r="AQ7853">
        <v>9</v>
      </c>
    </row>
    <row r="7854" spans="1:43">
      <c r="A7854" t="s">
        <v>4912</v>
      </c>
      <c r="B7854" t="s">
        <v>4913</v>
      </c>
      <c r="C7854" t="s">
        <v>4914</v>
      </c>
      <c r="D7854" t="s">
        <v>4915</v>
      </c>
      <c r="E7854" t="s">
        <v>4916</v>
      </c>
      <c r="F7854" t="s">
        <v>4917</v>
      </c>
      <c r="G7854" t="s">
        <v>80</v>
      </c>
      <c r="H7854" t="s">
        <v>81</v>
      </c>
      <c r="I7854" s="2">
        <v>1</v>
      </c>
      <c r="J7854" s="2">
        <v>0</v>
      </c>
      <c r="K7854" s="2">
        <v>0</v>
      </c>
      <c r="L7854" t="s">
        <v>120</v>
      </c>
      <c r="M7854" t="s">
        <v>83</v>
      </c>
      <c r="N7854" t="s">
        <v>84</v>
      </c>
      <c r="O7854" t="s">
        <v>85</v>
      </c>
      <c r="P7854" t="s">
        <v>86</v>
      </c>
      <c r="Q7854">
        <v>41</v>
      </c>
      <c r="R7854">
        <v>41</v>
      </c>
      <c r="S7854">
        <v>41</v>
      </c>
      <c r="T7854">
        <v>41</v>
      </c>
      <c r="U7854">
        <v>42</v>
      </c>
      <c r="V7854">
        <v>42</v>
      </c>
      <c r="W7854">
        <v>42</v>
      </c>
      <c r="X7854">
        <v>42</v>
      </c>
      <c r="Y7854">
        <v>43</v>
      </c>
      <c r="Z7854">
        <v>43</v>
      </c>
      <c r="AA7854">
        <v>43</v>
      </c>
      <c r="AB7854">
        <v>43</v>
      </c>
      <c r="AC7854">
        <v>43</v>
      </c>
      <c r="AD7854">
        <v>43</v>
      </c>
      <c r="AE7854">
        <v>44</v>
      </c>
      <c r="AF7854">
        <v>44</v>
      </c>
      <c r="AG7854">
        <v>44</v>
      </c>
      <c r="AH7854">
        <v>44</v>
      </c>
      <c r="AI7854">
        <v>44</v>
      </c>
      <c r="AJ7854">
        <v>44</v>
      </c>
      <c r="AK7854">
        <v>44</v>
      </c>
      <c r="AL7854">
        <v>44</v>
      </c>
      <c r="AM7854">
        <v>44</v>
      </c>
      <c r="AN7854">
        <v>44</v>
      </c>
      <c r="AO7854">
        <v>43</v>
      </c>
      <c r="AP7854">
        <v>43</v>
      </c>
      <c r="AQ7854">
        <v>43</v>
      </c>
    </row>
    <row r="7855" spans="1:43">
      <c r="A7855" t="s">
        <v>4912</v>
      </c>
      <c r="B7855" t="s">
        <v>4913</v>
      </c>
      <c r="C7855" t="s">
        <v>4914</v>
      </c>
      <c r="D7855" t="s">
        <v>4915</v>
      </c>
      <c r="E7855" t="s">
        <v>4916</v>
      </c>
      <c r="F7855" t="s">
        <v>4917</v>
      </c>
      <c r="G7855" t="s">
        <v>80</v>
      </c>
      <c r="H7855" t="s">
        <v>81</v>
      </c>
      <c r="I7855" s="2">
        <v>1</v>
      </c>
      <c r="J7855" s="2">
        <v>0</v>
      </c>
      <c r="K7855" s="2">
        <v>0</v>
      </c>
      <c r="L7855" t="s">
        <v>120</v>
      </c>
      <c r="M7855" t="s">
        <v>87</v>
      </c>
      <c r="N7855" t="s">
        <v>88</v>
      </c>
      <c r="O7855" t="s">
        <v>85</v>
      </c>
      <c r="P7855" t="s">
        <v>86</v>
      </c>
      <c r="Q7855">
        <v>41</v>
      </c>
      <c r="R7855">
        <v>41</v>
      </c>
      <c r="S7855">
        <v>41</v>
      </c>
      <c r="T7855">
        <v>41</v>
      </c>
      <c r="U7855">
        <v>41</v>
      </c>
      <c r="V7855">
        <v>41</v>
      </c>
      <c r="W7855">
        <v>41</v>
      </c>
      <c r="X7855">
        <v>40</v>
      </c>
      <c r="Y7855">
        <v>40</v>
      </c>
      <c r="Z7855">
        <v>40</v>
      </c>
      <c r="AA7855">
        <v>40</v>
      </c>
      <c r="AB7855">
        <v>40</v>
      </c>
      <c r="AC7855">
        <v>40</v>
      </c>
      <c r="AD7855">
        <v>40</v>
      </c>
      <c r="AE7855">
        <v>40</v>
      </c>
      <c r="AF7855">
        <v>40</v>
      </c>
      <c r="AG7855">
        <v>39</v>
      </c>
      <c r="AH7855">
        <v>39</v>
      </c>
      <c r="AI7855">
        <v>39</v>
      </c>
      <c r="AJ7855">
        <v>39</v>
      </c>
      <c r="AK7855">
        <v>39</v>
      </c>
      <c r="AL7855">
        <v>39</v>
      </c>
      <c r="AM7855">
        <v>39</v>
      </c>
      <c r="AN7855">
        <v>39</v>
      </c>
      <c r="AO7855">
        <v>39</v>
      </c>
      <c r="AP7855">
        <v>38</v>
      </c>
      <c r="AQ7855">
        <v>38</v>
      </c>
    </row>
    <row r="7856" spans="1:43">
      <c r="A7856" t="s">
        <v>4912</v>
      </c>
      <c r="B7856" t="s">
        <v>4913</v>
      </c>
      <c r="C7856" t="s">
        <v>4914</v>
      </c>
      <c r="D7856" t="s">
        <v>4915</v>
      </c>
      <c r="E7856" t="s">
        <v>4916</v>
      </c>
      <c r="F7856" t="s">
        <v>4917</v>
      </c>
      <c r="G7856" t="s">
        <v>80</v>
      </c>
      <c r="H7856" t="s">
        <v>81</v>
      </c>
      <c r="I7856" s="2">
        <v>1</v>
      </c>
      <c r="J7856" s="2">
        <v>0</v>
      </c>
      <c r="K7856" s="2">
        <v>0</v>
      </c>
      <c r="L7856" t="s">
        <v>120</v>
      </c>
      <c r="M7856" t="s">
        <v>89</v>
      </c>
      <c r="N7856" t="s">
        <v>90</v>
      </c>
      <c r="O7856" t="s">
        <v>85</v>
      </c>
      <c r="P7856" t="s">
        <v>86</v>
      </c>
      <c r="Q7856">
        <v>41</v>
      </c>
      <c r="R7856">
        <v>42</v>
      </c>
      <c r="S7856">
        <v>42</v>
      </c>
      <c r="T7856">
        <v>43</v>
      </c>
      <c r="U7856">
        <v>43</v>
      </c>
      <c r="V7856">
        <v>44</v>
      </c>
      <c r="W7856">
        <v>44</v>
      </c>
      <c r="X7856">
        <v>45</v>
      </c>
      <c r="Y7856">
        <v>45</v>
      </c>
      <c r="Z7856">
        <v>45</v>
      </c>
      <c r="AA7856">
        <v>46</v>
      </c>
      <c r="AB7856">
        <v>46</v>
      </c>
      <c r="AC7856">
        <v>46</v>
      </c>
      <c r="AD7856">
        <v>47</v>
      </c>
      <c r="AE7856">
        <v>47</v>
      </c>
      <c r="AF7856">
        <v>46</v>
      </c>
      <c r="AG7856">
        <v>46</v>
      </c>
      <c r="AH7856">
        <v>46</v>
      </c>
      <c r="AI7856">
        <v>46</v>
      </c>
      <c r="AJ7856">
        <v>45</v>
      </c>
      <c r="AK7856">
        <v>45</v>
      </c>
      <c r="AL7856">
        <v>45</v>
      </c>
      <c r="AM7856">
        <v>45</v>
      </c>
      <c r="AN7856">
        <v>44</v>
      </c>
      <c r="AO7856">
        <v>44</v>
      </c>
      <c r="AP7856">
        <v>44</v>
      </c>
      <c r="AQ7856">
        <v>43</v>
      </c>
    </row>
    <row r="7857" spans="1:43">
      <c r="A7857" t="s">
        <v>4912</v>
      </c>
      <c r="B7857" t="s">
        <v>4913</v>
      </c>
      <c r="C7857" t="s">
        <v>4914</v>
      </c>
      <c r="D7857" t="s">
        <v>4915</v>
      </c>
      <c r="E7857" t="s">
        <v>4916</v>
      </c>
      <c r="F7857" t="s">
        <v>4917</v>
      </c>
      <c r="G7857" t="s">
        <v>80</v>
      </c>
      <c r="H7857" t="s">
        <v>81</v>
      </c>
      <c r="I7857" s="2">
        <v>1</v>
      </c>
      <c r="J7857" s="2">
        <v>0</v>
      </c>
      <c r="K7857" s="2">
        <v>0</v>
      </c>
      <c r="L7857" t="s">
        <v>120</v>
      </c>
      <c r="M7857" t="s">
        <v>83</v>
      </c>
      <c r="N7857" t="s">
        <v>91</v>
      </c>
      <c r="O7857" t="s">
        <v>85</v>
      </c>
      <c r="P7857" t="s">
        <v>86</v>
      </c>
      <c r="Q7857">
        <v>41</v>
      </c>
      <c r="R7857">
        <v>41</v>
      </c>
      <c r="S7857">
        <v>41</v>
      </c>
      <c r="T7857">
        <v>41</v>
      </c>
      <c r="U7857">
        <v>42</v>
      </c>
      <c r="V7857">
        <v>42</v>
      </c>
      <c r="W7857">
        <v>42</v>
      </c>
      <c r="X7857">
        <v>42</v>
      </c>
      <c r="Y7857">
        <v>43</v>
      </c>
      <c r="Z7857">
        <v>43</v>
      </c>
      <c r="AA7857">
        <v>43</v>
      </c>
      <c r="AB7857">
        <v>43</v>
      </c>
      <c r="AC7857">
        <v>43</v>
      </c>
      <c r="AD7857">
        <v>43</v>
      </c>
      <c r="AE7857">
        <v>44</v>
      </c>
      <c r="AF7857">
        <v>44</v>
      </c>
      <c r="AG7857">
        <v>44</v>
      </c>
      <c r="AH7857">
        <v>44</v>
      </c>
      <c r="AI7857">
        <v>44</v>
      </c>
      <c r="AJ7857">
        <v>44</v>
      </c>
      <c r="AK7857">
        <v>44</v>
      </c>
      <c r="AL7857">
        <v>44</v>
      </c>
      <c r="AM7857">
        <v>44</v>
      </c>
      <c r="AN7857">
        <v>44</v>
      </c>
      <c r="AO7857">
        <v>43</v>
      </c>
      <c r="AP7857">
        <v>43</v>
      </c>
      <c r="AQ7857">
        <v>43</v>
      </c>
    </row>
    <row r="7858" spans="1:43">
      <c r="A7858" t="s">
        <v>4918</v>
      </c>
      <c r="B7858" t="s">
        <v>4919</v>
      </c>
      <c r="C7858" t="s">
        <v>4920</v>
      </c>
      <c r="D7858" t="s">
        <v>4921</v>
      </c>
      <c r="E7858" t="s">
        <v>4916</v>
      </c>
      <c r="F7858" t="s">
        <v>4917</v>
      </c>
      <c r="G7858" t="s">
        <v>80</v>
      </c>
      <c r="H7858" t="s">
        <v>81</v>
      </c>
      <c r="I7858" s="2">
        <v>1</v>
      </c>
      <c r="J7858" s="2">
        <v>0</v>
      </c>
      <c r="K7858" s="2">
        <v>0</v>
      </c>
      <c r="L7858" t="s">
        <v>120</v>
      </c>
      <c r="M7858" t="s">
        <v>83</v>
      </c>
      <c r="N7858" t="s">
        <v>84</v>
      </c>
      <c r="O7858" t="s">
        <v>85</v>
      </c>
      <c r="P7858" t="s">
        <v>86</v>
      </c>
      <c r="Q7858">
        <v>40</v>
      </c>
      <c r="R7858">
        <v>40</v>
      </c>
      <c r="S7858">
        <v>41</v>
      </c>
      <c r="T7858">
        <v>41</v>
      </c>
      <c r="U7858">
        <v>41</v>
      </c>
      <c r="V7858">
        <v>41</v>
      </c>
      <c r="W7858">
        <v>42</v>
      </c>
      <c r="X7858">
        <v>42</v>
      </c>
      <c r="Y7858">
        <v>42</v>
      </c>
      <c r="Z7858">
        <v>42</v>
      </c>
      <c r="AA7858">
        <v>42</v>
      </c>
      <c r="AB7858">
        <v>42</v>
      </c>
      <c r="AC7858">
        <v>43</v>
      </c>
      <c r="AD7858">
        <v>43</v>
      </c>
      <c r="AE7858">
        <v>43</v>
      </c>
      <c r="AF7858">
        <v>43</v>
      </c>
      <c r="AG7858">
        <v>43</v>
      </c>
      <c r="AH7858">
        <v>43</v>
      </c>
      <c r="AI7858">
        <v>43</v>
      </c>
      <c r="AJ7858">
        <v>43</v>
      </c>
      <c r="AK7858">
        <v>44</v>
      </c>
      <c r="AL7858">
        <v>43</v>
      </c>
      <c r="AM7858">
        <v>43</v>
      </c>
      <c r="AN7858">
        <v>43</v>
      </c>
      <c r="AO7858">
        <v>43</v>
      </c>
      <c r="AP7858">
        <v>42</v>
      </c>
      <c r="AQ7858">
        <v>42</v>
      </c>
    </row>
    <row r="7859" spans="1:43">
      <c r="A7859" t="s">
        <v>4918</v>
      </c>
      <c r="B7859" t="s">
        <v>4919</v>
      </c>
      <c r="C7859" t="s">
        <v>4920</v>
      </c>
      <c r="D7859" t="s">
        <v>4921</v>
      </c>
      <c r="E7859" t="s">
        <v>4916</v>
      </c>
      <c r="F7859" t="s">
        <v>4917</v>
      </c>
      <c r="G7859" t="s">
        <v>80</v>
      </c>
      <c r="H7859" t="s">
        <v>81</v>
      </c>
      <c r="I7859" s="2">
        <v>1</v>
      </c>
      <c r="J7859" s="2">
        <v>0</v>
      </c>
      <c r="K7859" s="2">
        <v>0</v>
      </c>
      <c r="L7859" t="s">
        <v>120</v>
      </c>
      <c r="M7859" t="s">
        <v>87</v>
      </c>
      <c r="N7859" t="s">
        <v>88</v>
      </c>
      <c r="O7859" t="s">
        <v>85</v>
      </c>
      <c r="P7859" t="s">
        <v>86</v>
      </c>
      <c r="Q7859">
        <v>40</v>
      </c>
      <c r="R7859">
        <v>40</v>
      </c>
      <c r="S7859">
        <v>39</v>
      </c>
      <c r="T7859">
        <v>39</v>
      </c>
      <c r="U7859">
        <v>39</v>
      </c>
      <c r="V7859">
        <v>39</v>
      </c>
      <c r="W7859">
        <v>39</v>
      </c>
      <c r="X7859">
        <v>39</v>
      </c>
      <c r="Y7859">
        <v>39</v>
      </c>
      <c r="Z7859">
        <v>39</v>
      </c>
      <c r="AA7859">
        <v>39</v>
      </c>
      <c r="AB7859">
        <v>38</v>
      </c>
      <c r="AC7859">
        <v>38</v>
      </c>
      <c r="AD7859">
        <v>38</v>
      </c>
      <c r="AE7859">
        <v>38</v>
      </c>
      <c r="AF7859">
        <v>38</v>
      </c>
      <c r="AG7859">
        <v>38</v>
      </c>
      <c r="AH7859">
        <v>38</v>
      </c>
      <c r="AI7859">
        <v>38</v>
      </c>
      <c r="AJ7859">
        <v>37</v>
      </c>
      <c r="AK7859">
        <v>37</v>
      </c>
      <c r="AL7859">
        <v>37</v>
      </c>
      <c r="AM7859">
        <v>37</v>
      </c>
      <c r="AN7859">
        <v>37</v>
      </c>
      <c r="AO7859">
        <v>37</v>
      </c>
      <c r="AP7859">
        <v>37</v>
      </c>
      <c r="AQ7859">
        <v>37</v>
      </c>
    </row>
    <row r="7860" spans="1:43">
      <c r="A7860" t="s">
        <v>4918</v>
      </c>
      <c r="B7860" t="s">
        <v>4919</v>
      </c>
      <c r="C7860" t="s">
        <v>4920</v>
      </c>
      <c r="D7860" t="s">
        <v>4921</v>
      </c>
      <c r="E7860" t="s">
        <v>4916</v>
      </c>
      <c r="F7860" t="s">
        <v>4917</v>
      </c>
      <c r="G7860" t="s">
        <v>80</v>
      </c>
      <c r="H7860" t="s">
        <v>81</v>
      </c>
      <c r="I7860" s="2">
        <v>1</v>
      </c>
      <c r="J7860" s="2">
        <v>0</v>
      </c>
      <c r="K7860" s="2">
        <v>0</v>
      </c>
      <c r="L7860" t="s">
        <v>120</v>
      </c>
      <c r="M7860" t="s">
        <v>89</v>
      </c>
      <c r="N7860" t="s">
        <v>90</v>
      </c>
      <c r="O7860" t="s">
        <v>85</v>
      </c>
      <c r="P7860" t="s">
        <v>86</v>
      </c>
      <c r="Q7860">
        <v>40</v>
      </c>
      <c r="R7860">
        <v>41</v>
      </c>
      <c r="S7860">
        <v>42</v>
      </c>
      <c r="T7860">
        <v>42</v>
      </c>
      <c r="U7860">
        <v>43</v>
      </c>
      <c r="V7860">
        <v>43</v>
      </c>
      <c r="W7860">
        <v>44</v>
      </c>
      <c r="X7860">
        <v>44</v>
      </c>
      <c r="Y7860">
        <v>44</v>
      </c>
      <c r="Z7860">
        <v>45</v>
      </c>
      <c r="AA7860">
        <v>45</v>
      </c>
      <c r="AB7860">
        <v>45</v>
      </c>
      <c r="AC7860">
        <v>46</v>
      </c>
      <c r="AD7860">
        <v>46</v>
      </c>
      <c r="AE7860">
        <v>46</v>
      </c>
      <c r="AF7860">
        <v>46</v>
      </c>
      <c r="AG7860">
        <v>45</v>
      </c>
      <c r="AH7860">
        <v>45</v>
      </c>
      <c r="AI7860">
        <v>45</v>
      </c>
      <c r="AJ7860">
        <v>44</v>
      </c>
      <c r="AK7860">
        <v>44</v>
      </c>
      <c r="AL7860">
        <v>44</v>
      </c>
      <c r="AM7860">
        <v>44</v>
      </c>
      <c r="AN7860">
        <v>43</v>
      </c>
      <c r="AO7860">
        <v>43</v>
      </c>
      <c r="AP7860">
        <v>43</v>
      </c>
      <c r="AQ7860">
        <v>42</v>
      </c>
    </row>
    <row r="7861" spans="1:43">
      <c r="A7861" t="s">
        <v>4918</v>
      </c>
      <c r="B7861" t="s">
        <v>4919</v>
      </c>
      <c r="C7861" t="s">
        <v>4920</v>
      </c>
      <c r="D7861" t="s">
        <v>4921</v>
      </c>
      <c r="E7861" t="s">
        <v>4916</v>
      </c>
      <c r="F7861" t="s">
        <v>4917</v>
      </c>
      <c r="G7861" t="s">
        <v>80</v>
      </c>
      <c r="H7861" t="s">
        <v>81</v>
      </c>
      <c r="I7861" s="2">
        <v>1</v>
      </c>
      <c r="J7861" s="2">
        <v>0</v>
      </c>
      <c r="K7861" s="2">
        <v>0</v>
      </c>
      <c r="L7861" t="s">
        <v>120</v>
      </c>
      <c r="M7861" t="s">
        <v>83</v>
      </c>
      <c r="N7861" t="s">
        <v>91</v>
      </c>
      <c r="O7861" t="s">
        <v>85</v>
      </c>
      <c r="P7861" t="s">
        <v>86</v>
      </c>
      <c r="Q7861">
        <v>40</v>
      </c>
      <c r="R7861">
        <v>40</v>
      </c>
      <c r="S7861">
        <v>41</v>
      </c>
      <c r="T7861">
        <v>41</v>
      </c>
      <c r="U7861">
        <v>41</v>
      </c>
      <c r="V7861">
        <v>41</v>
      </c>
      <c r="W7861">
        <v>42</v>
      </c>
      <c r="X7861">
        <v>42</v>
      </c>
      <c r="Y7861">
        <v>42</v>
      </c>
      <c r="Z7861">
        <v>42</v>
      </c>
      <c r="AA7861">
        <v>42</v>
      </c>
      <c r="AB7861">
        <v>42</v>
      </c>
      <c r="AC7861">
        <v>43</v>
      </c>
      <c r="AD7861">
        <v>43</v>
      </c>
      <c r="AE7861">
        <v>43</v>
      </c>
      <c r="AF7861">
        <v>43</v>
      </c>
      <c r="AG7861">
        <v>43</v>
      </c>
      <c r="AH7861">
        <v>43</v>
      </c>
      <c r="AI7861">
        <v>43</v>
      </c>
      <c r="AJ7861">
        <v>43</v>
      </c>
      <c r="AK7861">
        <v>44</v>
      </c>
      <c r="AL7861">
        <v>43</v>
      </c>
      <c r="AM7861">
        <v>43</v>
      </c>
      <c r="AN7861">
        <v>43</v>
      </c>
      <c r="AO7861">
        <v>43</v>
      </c>
      <c r="AP7861">
        <v>42</v>
      </c>
      <c r="AQ7861">
        <v>42</v>
      </c>
    </row>
    <row r="7862" spans="1:43">
      <c r="A7862" t="s">
        <v>4922</v>
      </c>
      <c r="B7862" t="s">
        <v>4923</v>
      </c>
      <c r="C7862" t="s">
        <v>4920</v>
      </c>
      <c r="D7862" t="s">
        <v>4921</v>
      </c>
      <c r="E7862" t="s">
        <v>4916</v>
      </c>
      <c r="F7862" t="s">
        <v>4917</v>
      </c>
      <c r="G7862" t="s">
        <v>80</v>
      </c>
      <c r="H7862" t="s">
        <v>81</v>
      </c>
      <c r="I7862" s="2">
        <v>1</v>
      </c>
      <c r="J7862" s="2">
        <v>0</v>
      </c>
      <c r="K7862" s="2">
        <v>0</v>
      </c>
      <c r="L7862" t="s">
        <v>120</v>
      </c>
      <c r="M7862" t="s">
        <v>83</v>
      </c>
      <c r="N7862" t="s">
        <v>84</v>
      </c>
      <c r="O7862" t="s">
        <v>85</v>
      </c>
      <c r="P7862" t="s">
        <v>86</v>
      </c>
      <c r="Q7862">
        <v>30</v>
      </c>
      <c r="R7862">
        <v>31</v>
      </c>
      <c r="S7862">
        <v>31</v>
      </c>
      <c r="T7862">
        <v>31</v>
      </c>
      <c r="U7862">
        <v>31</v>
      </c>
      <c r="V7862">
        <v>31</v>
      </c>
      <c r="W7862">
        <v>31</v>
      </c>
      <c r="X7862">
        <v>32</v>
      </c>
      <c r="Y7862">
        <v>32</v>
      </c>
      <c r="Z7862">
        <v>32</v>
      </c>
      <c r="AA7862">
        <v>32</v>
      </c>
      <c r="AB7862">
        <v>32</v>
      </c>
      <c r="AC7862">
        <v>32</v>
      </c>
      <c r="AD7862">
        <v>32</v>
      </c>
      <c r="AE7862">
        <v>32</v>
      </c>
      <c r="AF7862">
        <v>33</v>
      </c>
      <c r="AG7862">
        <v>33</v>
      </c>
      <c r="AH7862">
        <v>33</v>
      </c>
      <c r="AI7862">
        <v>33</v>
      </c>
      <c r="AJ7862">
        <v>33</v>
      </c>
      <c r="AK7862">
        <v>33</v>
      </c>
      <c r="AL7862">
        <v>33</v>
      </c>
      <c r="AM7862">
        <v>33</v>
      </c>
      <c r="AN7862">
        <v>33</v>
      </c>
      <c r="AO7862">
        <v>32</v>
      </c>
      <c r="AP7862">
        <v>32</v>
      </c>
      <c r="AQ7862">
        <v>32</v>
      </c>
    </row>
    <row r="7863" spans="1:43">
      <c r="A7863" t="s">
        <v>4922</v>
      </c>
      <c r="B7863" t="s">
        <v>4923</v>
      </c>
      <c r="C7863" t="s">
        <v>4920</v>
      </c>
      <c r="D7863" t="s">
        <v>4921</v>
      </c>
      <c r="E7863" t="s">
        <v>4916</v>
      </c>
      <c r="F7863" t="s">
        <v>4917</v>
      </c>
      <c r="G7863" t="s">
        <v>80</v>
      </c>
      <c r="H7863" t="s">
        <v>81</v>
      </c>
      <c r="I7863" s="2">
        <v>1</v>
      </c>
      <c r="J7863" s="2">
        <v>0</v>
      </c>
      <c r="K7863" s="2">
        <v>0</v>
      </c>
      <c r="L7863" t="s">
        <v>120</v>
      </c>
      <c r="M7863" t="s">
        <v>87</v>
      </c>
      <c r="N7863" t="s">
        <v>88</v>
      </c>
      <c r="O7863" t="s">
        <v>85</v>
      </c>
      <c r="P7863" t="s">
        <v>86</v>
      </c>
      <c r="Q7863">
        <v>30</v>
      </c>
      <c r="R7863">
        <v>30</v>
      </c>
      <c r="S7863">
        <v>30</v>
      </c>
      <c r="T7863">
        <v>30</v>
      </c>
      <c r="U7863">
        <v>30</v>
      </c>
      <c r="V7863">
        <v>30</v>
      </c>
      <c r="W7863">
        <v>30</v>
      </c>
      <c r="X7863">
        <v>29</v>
      </c>
      <c r="Y7863">
        <v>29</v>
      </c>
      <c r="Z7863">
        <v>29</v>
      </c>
      <c r="AA7863">
        <v>29</v>
      </c>
      <c r="AB7863">
        <v>29</v>
      </c>
      <c r="AC7863">
        <v>29</v>
      </c>
      <c r="AD7863">
        <v>29</v>
      </c>
      <c r="AE7863">
        <v>29</v>
      </c>
      <c r="AF7863">
        <v>29</v>
      </c>
      <c r="AG7863">
        <v>29</v>
      </c>
      <c r="AH7863">
        <v>29</v>
      </c>
      <c r="AI7863">
        <v>29</v>
      </c>
      <c r="AJ7863">
        <v>28</v>
      </c>
      <c r="AK7863">
        <v>28</v>
      </c>
      <c r="AL7863">
        <v>28</v>
      </c>
      <c r="AM7863">
        <v>28</v>
      </c>
      <c r="AN7863">
        <v>28</v>
      </c>
      <c r="AO7863">
        <v>28</v>
      </c>
      <c r="AP7863">
        <v>28</v>
      </c>
      <c r="AQ7863">
        <v>28</v>
      </c>
    </row>
    <row r="7864" spans="1:43">
      <c r="A7864" t="s">
        <v>4922</v>
      </c>
      <c r="B7864" t="s">
        <v>4923</v>
      </c>
      <c r="C7864" t="s">
        <v>4920</v>
      </c>
      <c r="D7864" t="s">
        <v>4921</v>
      </c>
      <c r="E7864" t="s">
        <v>4916</v>
      </c>
      <c r="F7864" t="s">
        <v>4917</v>
      </c>
      <c r="G7864" t="s">
        <v>80</v>
      </c>
      <c r="H7864" t="s">
        <v>81</v>
      </c>
      <c r="I7864" s="2">
        <v>1</v>
      </c>
      <c r="J7864" s="2">
        <v>0</v>
      </c>
      <c r="K7864" s="2">
        <v>0</v>
      </c>
      <c r="L7864" t="s">
        <v>120</v>
      </c>
      <c r="M7864" t="s">
        <v>89</v>
      </c>
      <c r="N7864" t="s">
        <v>90</v>
      </c>
      <c r="O7864" t="s">
        <v>85</v>
      </c>
      <c r="P7864" t="s">
        <v>86</v>
      </c>
      <c r="Q7864">
        <v>30</v>
      </c>
      <c r="R7864">
        <v>30</v>
      </c>
      <c r="S7864">
        <v>31</v>
      </c>
      <c r="T7864">
        <v>31</v>
      </c>
      <c r="U7864">
        <v>31</v>
      </c>
      <c r="V7864">
        <v>32</v>
      </c>
      <c r="W7864">
        <v>32</v>
      </c>
      <c r="X7864">
        <v>32</v>
      </c>
      <c r="Y7864">
        <v>33</v>
      </c>
      <c r="Z7864">
        <v>33</v>
      </c>
      <c r="AA7864">
        <v>33</v>
      </c>
      <c r="AB7864">
        <v>33</v>
      </c>
      <c r="AC7864">
        <v>34</v>
      </c>
      <c r="AD7864">
        <v>34</v>
      </c>
      <c r="AE7864">
        <v>34</v>
      </c>
      <c r="AF7864">
        <v>34</v>
      </c>
      <c r="AG7864">
        <v>33</v>
      </c>
      <c r="AH7864">
        <v>33</v>
      </c>
      <c r="AI7864">
        <v>33</v>
      </c>
      <c r="AJ7864">
        <v>33</v>
      </c>
      <c r="AK7864">
        <v>32</v>
      </c>
      <c r="AL7864">
        <v>32</v>
      </c>
      <c r="AM7864">
        <v>32</v>
      </c>
      <c r="AN7864">
        <v>32</v>
      </c>
      <c r="AO7864">
        <v>32</v>
      </c>
      <c r="AP7864">
        <v>31</v>
      </c>
      <c r="AQ7864">
        <v>31</v>
      </c>
    </row>
    <row r="7865" spans="1:43">
      <c r="A7865" t="s">
        <v>4922</v>
      </c>
      <c r="B7865" t="s">
        <v>4923</v>
      </c>
      <c r="C7865" t="s">
        <v>4920</v>
      </c>
      <c r="D7865" t="s">
        <v>4921</v>
      </c>
      <c r="E7865" t="s">
        <v>4916</v>
      </c>
      <c r="F7865" t="s">
        <v>4917</v>
      </c>
      <c r="G7865" t="s">
        <v>80</v>
      </c>
      <c r="H7865" t="s">
        <v>81</v>
      </c>
      <c r="I7865" s="2">
        <v>1</v>
      </c>
      <c r="J7865" s="2">
        <v>0</v>
      </c>
      <c r="K7865" s="2">
        <v>0</v>
      </c>
      <c r="L7865" t="s">
        <v>120</v>
      </c>
      <c r="M7865" t="s">
        <v>83</v>
      </c>
      <c r="N7865" t="s">
        <v>91</v>
      </c>
      <c r="O7865" t="s">
        <v>85</v>
      </c>
      <c r="P7865" t="s">
        <v>86</v>
      </c>
      <c r="Q7865">
        <v>30</v>
      </c>
      <c r="R7865">
        <v>31</v>
      </c>
      <c r="S7865">
        <v>31</v>
      </c>
      <c r="T7865">
        <v>31</v>
      </c>
      <c r="U7865">
        <v>31</v>
      </c>
      <c r="V7865">
        <v>31</v>
      </c>
      <c r="W7865">
        <v>31</v>
      </c>
      <c r="X7865">
        <v>32</v>
      </c>
      <c r="Y7865">
        <v>32</v>
      </c>
      <c r="Z7865">
        <v>32</v>
      </c>
      <c r="AA7865">
        <v>32</v>
      </c>
      <c r="AB7865">
        <v>32</v>
      </c>
      <c r="AC7865">
        <v>32</v>
      </c>
      <c r="AD7865">
        <v>32</v>
      </c>
      <c r="AE7865">
        <v>32</v>
      </c>
      <c r="AF7865">
        <v>33</v>
      </c>
      <c r="AG7865">
        <v>33</v>
      </c>
      <c r="AH7865">
        <v>33</v>
      </c>
      <c r="AI7865">
        <v>33</v>
      </c>
      <c r="AJ7865">
        <v>33</v>
      </c>
      <c r="AK7865">
        <v>33</v>
      </c>
      <c r="AL7865">
        <v>33</v>
      </c>
      <c r="AM7865">
        <v>33</v>
      </c>
      <c r="AN7865">
        <v>33</v>
      </c>
      <c r="AO7865">
        <v>32</v>
      </c>
      <c r="AP7865">
        <v>32</v>
      </c>
      <c r="AQ7865">
        <v>32</v>
      </c>
    </row>
    <row r="7866" spans="1:43">
      <c r="A7866" t="s">
        <v>4924</v>
      </c>
      <c r="B7866" t="s">
        <v>4925</v>
      </c>
      <c r="C7866" t="s">
        <v>4926</v>
      </c>
      <c r="D7866" t="s">
        <v>4927</v>
      </c>
      <c r="E7866" t="s">
        <v>4916</v>
      </c>
      <c r="F7866" t="s">
        <v>4917</v>
      </c>
      <c r="G7866" t="s">
        <v>80</v>
      </c>
      <c r="H7866" t="s">
        <v>81</v>
      </c>
      <c r="I7866" s="2">
        <v>1</v>
      </c>
      <c r="J7866" s="2">
        <v>0</v>
      </c>
      <c r="K7866" s="2">
        <v>0</v>
      </c>
      <c r="L7866" t="s">
        <v>120</v>
      </c>
      <c r="M7866" t="s">
        <v>83</v>
      </c>
      <c r="N7866" t="s">
        <v>84</v>
      </c>
      <c r="O7866" t="s">
        <v>85</v>
      </c>
      <c r="P7866" t="s">
        <v>86</v>
      </c>
      <c r="Q7866">
        <v>22</v>
      </c>
      <c r="R7866">
        <v>22</v>
      </c>
      <c r="S7866">
        <v>23</v>
      </c>
      <c r="T7866">
        <v>23</v>
      </c>
      <c r="U7866">
        <v>23</v>
      </c>
      <c r="V7866">
        <v>23</v>
      </c>
      <c r="W7866">
        <v>23</v>
      </c>
      <c r="X7866">
        <v>23</v>
      </c>
      <c r="Y7866">
        <v>23</v>
      </c>
      <c r="Z7866">
        <v>24</v>
      </c>
      <c r="AA7866">
        <v>24</v>
      </c>
      <c r="AB7866">
        <v>24</v>
      </c>
      <c r="AC7866">
        <v>24</v>
      </c>
      <c r="AD7866">
        <v>24</v>
      </c>
      <c r="AE7866">
        <v>24</v>
      </c>
      <c r="AF7866">
        <v>24</v>
      </c>
      <c r="AG7866">
        <v>24</v>
      </c>
      <c r="AH7866">
        <v>24</v>
      </c>
      <c r="AI7866">
        <v>24</v>
      </c>
      <c r="AJ7866">
        <v>24</v>
      </c>
      <c r="AK7866">
        <v>24</v>
      </c>
      <c r="AL7866">
        <v>24</v>
      </c>
      <c r="AM7866">
        <v>24</v>
      </c>
      <c r="AN7866">
        <v>24</v>
      </c>
      <c r="AO7866">
        <v>24</v>
      </c>
      <c r="AP7866">
        <v>24</v>
      </c>
      <c r="AQ7866">
        <v>24</v>
      </c>
    </row>
    <row r="7867" spans="1:43">
      <c r="A7867" t="s">
        <v>4924</v>
      </c>
      <c r="B7867" t="s">
        <v>4925</v>
      </c>
      <c r="C7867" t="s">
        <v>4926</v>
      </c>
      <c r="D7867" t="s">
        <v>4927</v>
      </c>
      <c r="E7867" t="s">
        <v>4916</v>
      </c>
      <c r="F7867" t="s">
        <v>4917</v>
      </c>
      <c r="G7867" t="s">
        <v>80</v>
      </c>
      <c r="H7867" t="s">
        <v>81</v>
      </c>
      <c r="I7867" s="2">
        <v>1</v>
      </c>
      <c r="J7867" s="2">
        <v>0</v>
      </c>
      <c r="K7867" s="2">
        <v>0</v>
      </c>
      <c r="L7867" t="s">
        <v>120</v>
      </c>
      <c r="M7867" t="s">
        <v>87</v>
      </c>
      <c r="N7867" t="s">
        <v>88</v>
      </c>
      <c r="O7867" t="s">
        <v>85</v>
      </c>
      <c r="P7867" t="s">
        <v>86</v>
      </c>
      <c r="Q7867">
        <v>22</v>
      </c>
      <c r="R7867">
        <v>22</v>
      </c>
      <c r="S7867">
        <v>22</v>
      </c>
      <c r="T7867">
        <v>22</v>
      </c>
      <c r="U7867">
        <v>22</v>
      </c>
      <c r="V7867">
        <v>22</v>
      </c>
      <c r="W7867">
        <v>22</v>
      </c>
      <c r="X7867">
        <v>22</v>
      </c>
      <c r="Y7867">
        <v>22</v>
      </c>
      <c r="Z7867">
        <v>22</v>
      </c>
      <c r="AA7867">
        <v>22</v>
      </c>
      <c r="AB7867">
        <v>21</v>
      </c>
      <c r="AC7867">
        <v>21</v>
      </c>
      <c r="AD7867">
        <v>21</v>
      </c>
      <c r="AE7867">
        <v>21</v>
      </c>
      <c r="AF7867">
        <v>21</v>
      </c>
      <c r="AG7867">
        <v>21</v>
      </c>
      <c r="AH7867">
        <v>21</v>
      </c>
      <c r="AI7867">
        <v>21</v>
      </c>
      <c r="AJ7867">
        <v>21</v>
      </c>
      <c r="AK7867">
        <v>21</v>
      </c>
      <c r="AL7867">
        <v>21</v>
      </c>
      <c r="AM7867">
        <v>21</v>
      </c>
      <c r="AN7867">
        <v>21</v>
      </c>
      <c r="AO7867">
        <v>21</v>
      </c>
      <c r="AP7867">
        <v>21</v>
      </c>
      <c r="AQ7867">
        <v>21</v>
      </c>
    </row>
    <row r="7868" spans="1:43">
      <c r="A7868" t="s">
        <v>4924</v>
      </c>
      <c r="B7868" t="s">
        <v>4925</v>
      </c>
      <c r="C7868" t="s">
        <v>4926</v>
      </c>
      <c r="D7868" t="s">
        <v>4927</v>
      </c>
      <c r="E7868" t="s">
        <v>4916</v>
      </c>
      <c r="F7868" t="s">
        <v>4917</v>
      </c>
      <c r="G7868" t="s">
        <v>80</v>
      </c>
      <c r="H7868" t="s">
        <v>81</v>
      </c>
      <c r="I7868" s="2">
        <v>1</v>
      </c>
      <c r="J7868" s="2">
        <v>0</v>
      </c>
      <c r="K7868" s="2">
        <v>0</v>
      </c>
      <c r="L7868" t="s">
        <v>120</v>
      </c>
      <c r="M7868" t="s">
        <v>89</v>
      </c>
      <c r="N7868" t="s">
        <v>90</v>
      </c>
      <c r="O7868" t="s">
        <v>85</v>
      </c>
      <c r="P7868" t="s">
        <v>86</v>
      </c>
      <c r="Q7868">
        <v>22</v>
      </c>
      <c r="R7868">
        <v>22</v>
      </c>
      <c r="S7868">
        <v>22</v>
      </c>
      <c r="T7868">
        <v>23</v>
      </c>
      <c r="U7868">
        <v>23</v>
      </c>
      <c r="V7868">
        <v>23</v>
      </c>
      <c r="W7868">
        <v>23</v>
      </c>
      <c r="X7868">
        <v>24</v>
      </c>
      <c r="Y7868">
        <v>24</v>
      </c>
      <c r="Z7868">
        <v>24</v>
      </c>
      <c r="AA7868">
        <v>24</v>
      </c>
      <c r="AB7868">
        <v>24</v>
      </c>
      <c r="AC7868">
        <v>24</v>
      </c>
      <c r="AD7868">
        <v>25</v>
      </c>
      <c r="AE7868">
        <v>25</v>
      </c>
      <c r="AF7868">
        <v>25</v>
      </c>
      <c r="AG7868">
        <v>24</v>
      </c>
      <c r="AH7868">
        <v>24</v>
      </c>
      <c r="AI7868">
        <v>24</v>
      </c>
      <c r="AJ7868">
        <v>24</v>
      </c>
      <c r="AK7868">
        <v>24</v>
      </c>
      <c r="AL7868">
        <v>24</v>
      </c>
      <c r="AM7868">
        <v>24</v>
      </c>
      <c r="AN7868">
        <v>23</v>
      </c>
      <c r="AO7868">
        <v>23</v>
      </c>
      <c r="AP7868">
        <v>23</v>
      </c>
      <c r="AQ7868">
        <v>23</v>
      </c>
    </row>
    <row r="7869" spans="1:43">
      <c r="A7869" t="s">
        <v>4924</v>
      </c>
      <c r="B7869" t="s">
        <v>4925</v>
      </c>
      <c r="C7869" t="s">
        <v>4926</v>
      </c>
      <c r="D7869" t="s">
        <v>4927</v>
      </c>
      <c r="E7869" t="s">
        <v>4916</v>
      </c>
      <c r="F7869" t="s">
        <v>4917</v>
      </c>
      <c r="G7869" t="s">
        <v>80</v>
      </c>
      <c r="H7869" t="s">
        <v>81</v>
      </c>
      <c r="I7869" s="2">
        <v>1</v>
      </c>
      <c r="J7869" s="2">
        <v>0</v>
      </c>
      <c r="K7869" s="2">
        <v>0</v>
      </c>
      <c r="L7869" t="s">
        <v>120</v>
      </c>
      <c r="M7869" t="s">
        <v>83</v>
      </c>
      <c r="N7869" t="s">
        <v>91</v>
      </c>
      <c r="O7869" t="s">
        <v>85</v>
      </c>
      <c r="P7869" t="s">
        <v>86</v>
      </c>
      <c r="Q7869">
        <v>22</v>
      </c>
      <c r="R7869">
        <v>22</v>
      </c>
      <c r="S7869">
        <v>23</v>
      </c>
      <c r="T7869">
        <v>23</v>
      </c>
      <c r="U7869">
        <v>23</v>
      </c>
      <c r="V7869">
        <v>23</v>
      </c>
      <c r="W7869">
        <v>23</v>
      </c>
      <c r="X7869">
        <v>23</v>
      </c>
      <c r="Y7869">
        <v>23</v>
      </c>
      <c r="Z7869">
        <v>24</v>
      </c>
      <c r="AA7869">
        <v>24</v>
      </c>
      <c r="AB7869">
        <v>24</v>
      </c>
      <c r="AC7869">
        <v>24</v>
      </c>
      <c r="AD7869">
        <v>24</v>
      </c>
      <c r="AE7869">
        <v>24</v>
      </c>
      <c r="AF7869">
        <v>24</v>
      </c>
      <c r="AG7869">
        <v>24</v>
      </c>
      <c r="AH7869">
        <v>24</v>
      </c>
      <c r="AI7869">
        <v>24</v>
      </c>
      <c r="AJ7869">
        <v>24</v>
      </c>
      <c r="AK7869">
        <v>24</v>
      </c>
      <c r="AL7869">
        <v>24</v>
      </c>
      <c r="AM7869">
        <v>24</v>
      </c>
      <c r="AN7869">
        <v>24</v>
      </c>
      <c r="AO7869">
        <v>24</v>
      </c>
      <c r="AP7869">
        <v>24</v>
      </c>
      <c r="AQ7869">
        <v>24</v>
      </c>
    </row>
    <row r="7870" spans="1:43">
      <c r="A7870" t="s">
        <v>4928</v>
      </c>
      <c r="B7870" t="s">
        <v>4929</v>
      </c>
      <c r="C7870" t="s">
        <v>4926</v>
      </c>
      <c r="D7870" t="s">
        <v>4927</v>
      </c>
      <c r="E7870" t="s">
        <v>4916</v>
      </c>
      <c r="F7870" t="s">
        <v>4917</v>
      </c>
      <c r="G7870" t="s">
        <v>80</v>
      </c>
      <c r="H7870" t="s">
        <v>81</v>
      </c>
      <c r="I7870" s="2">
        <v>1</v>
      </c>
      <c r="J7870" s="2">
        <v>0</v>
      </c>
      <c r="K7870" s="2">
        <v>0</v>
      </c>
      <c r="L7870" t="s">
        <v>120</v>
      </c>
      <c r="M7870" t="s">
        <v>83</v>
      </c>
      <c r="N7870" t="s">
        <v>84</v>
      </c>
      <c r="O7870" t="s">
        <v>85</v>
      </c>
      <c r="P7870" t="s">
        <v>86</v>
      </c>
      <c r="Q7870">
        <v>24</v>
      </c>
      <c r="R7870">
        <v>24</v>
      </c>
      <c r="S7870">
        <v>25</v>
      </c>
      <c r="T7870">
        <v>25</v>
      </c>
      <c r="U7870">
        <v>25</v>
      </c>
      <c r="V7870">
        <v>25</v>
      </c>
      <c r="W7870">
        <v>25</v>
      </c>
      <c r="X7870">
        <v>25</v>
      </c>
      <c r="Y7870">
        <v>25</v>
      </c>
      <c r="Z7870">
        <v>25</v>
      </c>
      <c r="AA7870">
        <v>26</v>
      </c>
      <c r="AB7870">
        <v>26</v>
      </c>
      <c r="AC7870">
        <v>26</v>
      </c>
      <c r="AD7870">
        <v>26</v>
      </c>
      <c r="AE7870">
        <v>26</v>
      </c>
      <c r="AF7870">
        <v>26</v>
      </c>
      <c r="AG7870">
        <v>26</v>
      </c>
      <c r="AH7870">
        <v>26</v>
      </c>
      <c r="AI7870">
        <v>26</v>
      </c>
      <c r="AJ7870">
        <v>26</v>
      </c>
      <c r="AK7870">
        <v>26</v>
      </c>
      <c r="AL7870">
        <v>26</v>
      </c>
      <c r="AM7870">
        <v>26</v>
      </c>
      <c r="AN7870">
        <v>26</v>
      </c>
      <c r="AO7870">
        <v>26</v>
      </c>
      <c r="AP7870">
        <v>26</v>
      </c>
      <c r="AQ7870">
        <v>26</v>
      </c>
    </row>
    <row r="7871" spans="1:43">
      <c r="A7871" t="s">
        <v>4928</v>
      </c>
      <c r="B7871" t="s">
        <v>4929</v>
      </c>
      <c r="C7871" t="s">
        <v>4926</v>
      </c>
      <c r="D7871" t="s">
        <v>4927</v>
      </c>
      <c r="E7871" t="s">
        <v>4916</v>
      </c>
      <c r="F7871" t="s">
        <v>4917</v>
      </c>
      <c r="G7871" t="s">
        <v>80</v>
      </c>
      <c r="H7871" t="s">
        <v>81</v>
      </c>
      <c r="I7871" s="2">
        <v>1</v>
      </c>
      <c r="J7871" s="2">
        <v>0</v>
      </c>
      <c r="K7871" s="2">
        <v>0</v>
      </c>
      <c r="L7871" t="s">
        <v>120</v>
      </c>
      <c r="M7871" t="s">
        <v>87</v>
      </c>
      <c r="N7871" t="s">
        <v>88</v>
      </c>
      <c r="O7871" t="s">
        <v>85</v>
      </c>
      <c r="P7871" t="s">
        <v>86</v>
      </c>
      <c r="Q7871">
        <v>24</v>
      </c>
      <c r="R7871">
        <v>24</v>
      </c>
      <c r="S7871">
        <v>24</v>
      </c>
      <c r="T7871">
        <v>24</v>
      </c>
      <c r="U7871">
        <v>24</v>
      </c>
      <c r="V7871">
        <v>24</v>
      </c>
      <c r="W7871">
        <v>24</v>
      </c>
      <c r="X7871">
        <v>24</v>
      </c>
      <c r="Y7871">
        <v>23</v>
      </c>
      <c r="Z7871">
        <v>23</v>
      </c>
      <c r="AA7871">
        <v>23</v>
      </c>
      <c r="AB7871">
        <v>23</v>
      </c>
      <c r="AC7871">
        <v>23</v>
      </c>
      <c r="AD7871">
        <v>23</v>
      </c>
      <c r="AE7871">
        <v>23</v>
      </c>
      <c r="AF7871">
        <v>23</v>
      </c>
      <c r="AG7871">
        <v>23</v>
      </c>
      <c r="AH7871">
        <v>23</v>
      </c>
      <c r="AI7871">
        <v>23</v>
      </c>
      <c r="AJ7871">
        <v>23</v>
      </c>
      <c r="AK7871">
        <v>23</v>
      </c>
      <c r="AL7871">
        <v>23</v>
      </c>
      <c r="AM7871">
        <v>23</v>
      </c>
      <c r="AN7871">
        <v>22</v>
      </c>
      <c r="AO7871">
        <v>22</v>
      </c>
      <c r="AP7871">
        <v>22</v>
      </c>
      <c r="AQ7871">
        <v>22</v>
      </c>
    </row>
    <row r="7872" spans="1:43">
      <c r="A7872" t="s">
        <v>4928</v>
      </c>
      <c r="B7872" t="s">
        <v>4929</v>
      </c>
      <c r="C7872" t="s">
        <v>4926</v>
      </c>
      <c r="D7872" t="s">
        <v>4927</v>
      </c>
      <c r="E7872" t="s">
        <v>4916</v>
      </c>
      <c r="F7872" t="s">
        <v>4917</v>
      </c>
      <c r="G7872" t="s">
        <v>80</v>
      </c>
      <c r="H7872" t="s">
        <v>81</v>
      </c>
      <c r="I7872" s="2">
        <v>1</v>
      </c>
      <c r="J7872" s="2">
        <v>0</v>
      </c>
      <c r="K7872" s="2">
        <v>0</v>
      </c>
      <c r="L7872" t="s">
        <v>120</v>
      </c>
      <c r="M7872" t="s">
        <v>89</v>
      </c>
      <c r="N7872" t="s">
        <v>90</v>
      </c>
      <c r="O7872" t="s">
        <v>85</v>
      </c>
      <c r="P7872" t="s">
        <v>86</v>
      </c>
      <c r="Q7872">
        <v>24</v>
      </c>
      <c r="R7872">
        <v>25</v>
      </c>
      <c r="S7872">
        <v>25</v>
      </c>
      <c r="T7872">
        <v>25</v>
      </c>
      <c r="U7872">
        <v>26</v>
      </c>
      <c r="V7872">
        <v>26</v>
      </c>
      <c r="W7872">
        <v>26</v>
      </c>
      <c r="X7872">
        <v>27</v>
      </c>
      <c r="Y7872">
        <v>27</v>
      </c>
      <c r="Z7872">
        <v>27</v>
      </c>
      <c r="AA7872">
        <v>27</v>
      </c>
      <c r="AB7872">
        <v>27</v>
      </c>
      <c r="AC7872">
        <v>28</v>
      </c>
      <c r="AD7872">
        <v>28</v>
      </c>
      <c r="AE7872">
        <v>28</v>
      </c>
      <c r="AF7872">
        <v>28</v>
      </c>
      <c r="AG7872">
        <v>27</v>
      </c>
      <c r="AH7872">
        <v>27</v>
      </c>
      <c r="AI7872">
        <v>27</v>
      </c>
      <c r="AJ7872">
        <v>27</v>
      </c>
      <c r="AK7872">
        <v>27</v>
      </c>
      <c r="AL7872">
        <v>27</v>
      </c>
      <c r="AM7872">
        <v>27</v>
      </c>
      <c r="AN7872">
        <v>26</v>
      </c>
      <c r="AO7872">
        <v>26</v>
      </c>
      <c r="AP7872">
        <v>26</v>
      </c>
      <c r="AQ7872">
        <v>26</v>
      </c>
    </row>
    <row r="7873" spans="1:43">
      <c r="A7873" t="s">
        <v>4928</v>
      </c>
      <c r="B7873" t="s">
        <v>4929</v>
      </c>
      <c r="C7873" t="s">
        <v>4926</v>
      </c>
      <c r="D7873" t="s">
        <v>4927</v>
      </c>
      <c r="E7873" t="s">
        <v>4916</v>
      </c>
      <c r="F7873" t="s">
        <v>4917</v>
      </c>
      <c r="G7873" t="s">
        <v>80</v>
      </c>
      <c r="H7873" t="s">
        <v>81</v>
      </c>
      <c r="I7873" s="2">
        <v>1</v>
      </c>
      <c r="J7873" s="2">
        <v>0</v>
      </c>
      <c r="K7873" s="2">
        <v>0</v>
      </c>
      <c r="L7873" t="s">
        <v>120</v>
      </c>
      <c r="M7873" t="s">
        <v>83</v>
      </c>
      <c r="N7873" t="s">
        <v>91</v>
      </c>
      <c r="O7873" t="s">
        <v>85</v>
      </c>
      <c r="P7873" t="s">
        <v>86</v>
      </c>
      <c r="Q7873">
        <v>24</v>
      </c>
      <c r="R7873">
        <v>24</v>
      </c>
      <c r="S7873">
        <v>25</v>
      </c>
      <c r="T7873">
        <v>25</v>
      </c>
      <c r="U7873">
        <v>25</v>
      </c>
      <c r="V7873">
        <v>25</v>
      </c>
      <c r="W7873">
        <v>25</v>
      </c>
      <c r="X7873">
        <v>25</v>
      </c>
      <c r="Y7873">
        <v>25</v>
      </c>
      <c r="Z7873">
        <v>25</v>
      </c>
      <c r="AA7873">
        <v>26</v>
      </c>
      <c r="AB7873">
        <v>26</v>
      </c>
      <c r="AC7873">
        <v>26</v>
      </c>
      <c r="AD7873">
        <v>26</v>
      </c>
      <c r="AE7873">
        <v>26</v>
      </c>
      <c r="AF7873">
        <v>26</v>
      </c>
      <c r="AG7873">
        <v>26</v>
      </c>
      <c r="AH7873">
        <v>26</v>
      </c>
      <c r="AI7873">
        <v>26</v>
      </c>
      <c r="AJ7873">
        <v>26</v>
      </c>
      <c r="AK7873">
        <v>26</v>
      </c>
      <c r="AL7873">
        <v>26</v>
      </c>
      <c r="AM7873">
        <v>26</v>
      </c>
      <c r="AN7873">
        <v>26</v>
      </c>
      <c r="AO7873">
        <v>26</v>
      </c>
      <c r="AP7873">
        <v>26</v>
      </c>
      <c r="AQ7873">
        <v>26</v>
      </c>
    </row>
    <row r="7874" spans="1:43">
      <c r="A7874" t="s">
        <v>4930</v>
      </c>
      <c r="B7874" t="s">
        <v>4931</v>
      </c>
      <c r="C7874" t="s">
        <v>4926</v>
      </c>
      <c r="D7874" t="s">
        <v>4927</v>
      </c>
      <c r="E7874" t="s">
        <v>4916</v>
      </c>
      <c r="F7874" t="s">
        <v>4917</v>
      </c>
      <c r="G7874" t="s">
        <v>80</v>
      </c>
      <c r="H7874" t="s">
        <v>81</v>
      </c>
      <c r="I7874" s="2">
        <v>1</v>
      </c>
      <c r="J7874" s="2">
        <v>0</v>
      </c>
      <c r="K7874" s="2">
        <v>0</v>
      </c>
      <c r="L7874" t="s">
        <v>120</v>
      </c>
      <c r="M7874" t="s">
        <v>83</v>
      </c>
      <c r="N7874" t="s">
        <v>84</v>
      </c>
      <c r="O7874" t="s">
        <v>85</v>
      </c>
      <c r="P7874" t="s">
        <v>86</v>
      </c>
      <c r="Q7874">
        <v>69</v>
      </c>
      <c r="R7874">
        <v>70</v>
      </c>
      <c r="S7874">
        <v>70</v>
      </c>
      <c r="T7874">
        <v>71</v>
      </c>
      <c r="U7874">
        <v>71</v>
      </c>
      <c r="V7874">
        <v>72</v>
      </c>
      <c r="W7874">
        <v>72</v>
      </c>
      <c r="X7874">
        <v>72</v>
      </c>
      <c r="Y7874">
        <v>73</v>
      </c>
      <c r="Z7874">
        <v>73</v>
      </c>
      <c r="AA7874">
        <v>73</v>
      </c>
      <c r="AB7874">
        <v>74</v>
      </c>
      <c r="AC7874">
        <v>74</v>
      </c>
      <c r="AD7874">
        <v>74</v>
      </c>
      <c r="AE7874">
        <v>74</v>
      </c>
      <c r="AF7874">
        <v>75</v>
      </c>
      <c r="AG7874">
        <v>75</v>
      </c>
      <c r="AH7874">
        <v>75</v>
      </c>
      <c r="AI7874">
        <v>75</v>
      </c>
      <c r="AJ7874">
        <v>76</v>
      </c>
      <c r="AK7874">
        <v>76</v>
      </c>
      <c r="AL7874">
        <v>76</v>
      </c>
      <c r="AM7874">
        <v>75</v>
      </c>
      <c r="AN7874">
        <v>75</v>
      </c>
      <c r="AO7874">
        <v>75</v>
      </c>
      <c r="AP7874">
        <v>74</v>
      </c>
      <c r="AQ7874">
        <v>74</v>
      </c>
    </row>
    <row r="7875" spans="1:43">
      <c r="A7875" t="s">
        <v>4930</v>
      </c>
      <c r="B7875" t="s">
        <v>4931</v>
      </c>
      <c r="C7875" t="s">
        <v>4926</v>
      </c>
      <c r="D7875" t="s">
        <v>4927</v>
      </c>
      <c r="E7875" t="s">
        <v>4916</v>
      </c>
      <c r="F7875" t="s">
        <v>4917</v>
      </c>
      <c r="G7875" t="s">
        <v>80</v>
      </c>
      <c r="H7875" t="s">
        <v>81</v>
      </c>
      <c r="I7875" s="2">
        <v>1</v>
      </c>
      <c r="J7875" s="2">
        <v>0</v>
      </c>
      <c r="K7875" s="2">
        <v>0</v>
      </c>
      <c r="L7875" t="s">
        <v>120</v>
      </c>
      <c r="M7875" t="s">
        <v>87</v>
      </c>
      <c r="N7875" t="s">
        <v>88</v>
      </c>
      <c r="O7875" t="s">
        <v>85</v>
      </c>
      <c r="P7875" t="s">
        <v>86</v>
      </c>
      <c r="Q7875">
        <v>69</v>
      </c>
      <c r="R7875">
        <v>68</v>
      </c>
      <c r="S7875">
        <v>68</v>
      </c>
      <c r="T7875">
        <v>68</v>
      </c>
      <c r="U7875">
        <v>68</v>
      </c>
      <c r="V7875">
        <v>68</v>
      </c>
      <c r="W7875">
        <v>68</v>
      </c>
      <c r="X7875">
        <v>67</v>
      </c>
      <c r="Y7875">
        <v>67</v>
      </c>
      <c r="Z7875">
        <v>67</v>
      </c>
      <c r="AA7875">
        <v>67</v>
      </c>
      <c r="AB7875">
        <v>67</v>
      </c>
      <c r="AC7875">
        <v>67</v>
      </c>
      <c r="AD7875">
        <v>67</v>
      </c>
      <c r="AE7875">
        <v>66</v>
      </c>
      <c r="AF7875">
        <v>66</v>
      </c>
      <c r="AG7875">
        <v>66</v>
      </c>
      <c r="AH7875">
        <v>66</v>
      </c>
      <c r="AI7875">
        <v>66</v>
      </c>
      <c r="AJ7875">
        <v>66</v>
      </c>
      <c r="AK7875">
        <v>65</v>
      </c>
      <c r="AL7875">
        <v>65</v>
      </c>
      <c r="AM7875">
        <v>65</v>
      </c>
      <c r="AN7875">
        <v>65</v>
      </c>
      <c r="AO7875">
        <v>65</v>
      </c>
      <c r="AP7875">
        <v>65</v>
      </c>
      <c r="AQ7875">
        <v>64</v>
      </c>
    </row>
    <row r="7876" spans="1:43">
      <c r="A7876" t="s">
        <v>4930</v>
      </c>
      <c r="B7876" t="s">
        <v>4931</v>
      </c>
      <c r="C7876" t="s">
        <v>4926</v>
      </c>
      <c r="D7876" t="s">
        <v>4927</v>
      </c>
      <c r="E7876" t="s">
        <v>4916</v>
      </c>
      <c r="F7876" t="s">
        <v>4917</v>
      </c>
      <c r="G7876" t="s">
        <v>80</v>
      </c>
      <c r="H7876" t="s">
        <v>81</v>
      </c>
      <c r="I7876" s="2">
        <v>1</v>
      </c>
      <c r="J7876" s="2">
        <v>0</v>
      </c>
      <c r="K7876" s="2">
        <v>0</v>
      </c>
      <c r="L7876" t="s">
        <v>120</v>
      </c>
      <c r="M7876" t="s">
        <v>89</v>
      </c>
      <c r="N7876" t="s">
        <v>90</v>
      </c>
      <c r="O7876" t="s">
        <v>85</v>
      </c>
      <c r="P7876" t="s">
        <v>86</v>
      </c>
      <c r="Q7876">
        <v>69</v>
      </c>
      <c r="R7876">
        <v>70</v>
      </c>
      <c r="S7876">
        <v>71</v>
      </c>
      <c r="T7876">
        <v>72</v>
      </c>
      <c r="U7876">
        <v>73</v>
      </c>
      <c r="V7876">
        <v>74</v>
      </c>
      <c r="W7876">
        <v>74</v>
      </c>
      <c r="X7876">
        <v>75</v>
      </c>
      <c r="Y7876">
        <v>76</v>
      </c>
      <c r="Z7876">
        <v>76</v>
      </c>
      <c r="AA7876">
        <v>77</v>
      </c>
      <c r="AB7876">
        <v>77</v>
      </c>
      <c r="AC7876">
        <v>78</v>
      </c>
      <c r="AD7876">
        <v>78</v>
      </c>
      <c r="AE7876">
        <v>79</v>
      </c>
      <c r="AF7876">
        <v>78</v>
      </c>
      <c r="AG7876">
        <v>78</v>
      </c>
      <c r="AH7876">
        <v>77</v>
      </c>
      <c r="AI7876">
        <v>77</v>
      </c>
      <c r="AJ7876">
        <v>76</v>
      </c>
      <c r="AK7876">
        <v>76</v>
      </c>
      <c r="AL7876">
        <v>76</v>
      </c>
      <c r="AM7876">
        <v>75</v>
      </c>
      <c r="AN7876">
        <v>75</v>
      </c>
      <c r="AO7876">
        <v>74</v>
      </c>
      <c r="AP7876">
        <v>74</v>
      </c>
      <c r="AQ7876">
        <v>74</v>
      </c>
    </row>
    <row r="7877" spans="1:43">
      <c r="A7877" t="s">
        <v>4930</v>
      </c>
      <c r="B7877" t="s">
        <v>4931</v>
      </c>
      <c r="C7877" t="s">
        <v>4926</v>
      </c>
      <c r="D7877" t="s">
        <v>4927</v>
      </c>
      <c r="E7877" t="s">
        <v>4916</v>
      </c>
      <c r="F7877" t="s">
        <v>4917</v>
      </c>
      <c r="G7877" t="s">
        <v>80</v>
      </c>
      <c r="H7877" t="s">
        <v>81</v>
      </c>
      <c r="I7877" s="2">
        <v>1</v>
      </c>
      <c r="J7877" s="2">
        <v>0</v>
      </c>
      <c r="K7877" s="2">
        <v>0</v>
      </c>
      <c r="L7877" t="s">
        <v>120</v>
      </c>
      <c r="M7877" t="s">
        <v>83</v>
      </c>
      <c r="N7877" t="s">
        <v>91</v>
      </c>
      <c r="O7877" t="s">
        <v>85</v>
      </c>
      <c r="P7877" t="s">
        <v>86</v>
      </c>
      <c r="Q7877">
        <v>69</v>
      </c>
      <c r="R7877">
        <v>70</v>
      </c>
      <c r="S7877">
        <v>70</v>
      </c>
      <c r="T7877">
        <v>71</v>
      </c>
      <c r="U7877">
        <v>71</v>
      </c>
      <c r="V7877">
        <v>72</v>
      </c>
      <c r="W7877">
        <v>72</v>
      </c>
      <c r="X7877">
        <v>72</v>
      </c>
      <c r="Y7877">
        <v>73</v>
      </c>
      <c r="Z7877">
        <v>73</v>
      </c>
      <c r="AA7877">
        <v>73</v>
      </c>
      <c r="AB7877">
        <v>74</v>
      </c>
      <c r="AC7877">
        <v>74</v>
      </c>
      <c r="AD7877">
        <v>74</v>
      </c>
      <c r="AE7877">
        <v>74</v>
      </c>
      <c r="AF7877">
        <v>75</v>
      </c>
      <c r="AG7877">
        <v>75</v>
      </c>
      <c r="AH7877">
        <v>75</v>
      </c>
      <c r="AI7877">
        <v>75</v>
      </c>
      <c r="AJ7877">
        <v>76</v>
      </c>
      <c r="AK7877">
        <v>76</v>
      </c>
      <c r="AL7877">
        <v>76</v>
      </c>
      <c r="AM7877">
        <v>75</v>
      </c>
      <c r="AN7877">
        <v>75</v>
      </c>
      <c r="AO7877">
        <v>75</v>
      </c>
      <c r="AP7877">
        <v>74</v>
      </c>
      <c r="AQ7877">
        <v>74</v>
      </c>
    </row>
    <row r="7878" spans="1:43">
      <c r="A7878" t="s">
        <v>4932</v>
      </c>
      <c r="B7878" t="s">
        <v>4933</v>
      </c>
      <c r="C7878" t="s">
        <v>4926</v>
      </c>
      <c r="D7878" t="s">
        <v>4927</v>
      </c>
      <c r="E7878" t="s">
        <v>4916</v>
      </c>
      <c r="F7878" t="s">
        <v>4917</v>
      </c>
      <c r="G7878" t="s">
        <v>80</v>
      </c>
      <c r="H7878" t="s">
        <v>81</v>
      </c>
      <c r="I7878" s="2">
        <v>1</v>
      </c>
      <c r="J7878" s="2">
        <v>0</v>
      </c>
      <c r="K7878" s="2">
        <v>0</v>
      </c>
      <c r="L7878" t="s">
        <v>120</v>
      </c>
      <c r="M7878" t="s">
        <v>83</v>
      </c>
      <c r="N7878" t="s">
        <v>84</v>
      </c>
      <c r="O7878" t="s">
        <v>85</v>
      </c>
      <c r="P7878" t="s">
        <v>86</v>
      </c>
      <c r="Q7878">
        <v>53</v>
      </c>
      <c r="R7878">
        <v>54</v>
      </c>
      <c r="S7878">
        <v>54</v>
      </c>
      <c r="T7878">
        <v>55</v>
      </c>
      <c r="U7878">
        <v>55</v>
      </c>
      <c r="V7878">
        <v>55</v>
      </c>
      <c r="W7878">
        <v>56</v>
      </c>
      <c r="X7878">
        <v>56</v>
      </c>
      <c r="Y7878">
        <v>56</v>
      </c>
      <c r="Z7878">
        <v>56</v>
      </c>
      <c r="AA7878">
        <v>57</v>
      </c>
      <c r="AB7878">
        <v>57</v>
      </c>
      <c r="AC7878">
        <v>57</v>
      </c>
      <c r="AD7878">
        <v>57</v>
      </c>
      <c r="AE7878">
        <v>57</v>
      </c>
      <c r="AF7878">
        <v>58</v>
      </c>
      <c r="AG7878">
        <v>58</v>
      </c>
      <c r="AH7878">
        <v>58</v>
      </c>
      <c r="AI7878">
        <v>58</v>
      </c>
      <c r="AJ7878">
        <v>58</v>
      </c>
      <c r="AK7878">
        <v>59</v>
      </c>
      <c r="AL7878">
        <v>58</v>
      </c>
      <c r="AM7878">
        <v>58</v>
      </c>
      <c r="AN7878">
        <v>58</v>
      </c>
      <c r="AO7878">
        <v>57</v>
      </c>
      <c r="AP7878">
        <v>57</v>
      </c>
      <c r="AQ7878">
        <v>57</v>
      </c>
    </row>
    <row r="7879" spans="1:43">
      <c r="A7879" t="s">
        <v>4932</v>
      </c>
      <c r="B7879" t="s">
        <v>4933</v>
      </c>
      <c r="C7879" t="s">
        <v>4926</v>
      </c>
      <c r="D7879" t="s">
        <v>4927</v>
      </c>
      <c r="E7879" t="s">
        <v>4916</v>
      </c>
      <c r="F7879" t="s">
        <v>4917</v>
      </c>
      <c r="G7879" t="s">
        <v>80</v>
      </c>
      <c r="H7879" t="s">
        <v>81</v>
      </c>
      <c r="I7879" s="2">
        <v>1</v>
      </c>
      <c r="J7879" s="2">
        <v>0</v>
      </c>
      <c r="K7879" s="2">
        <v>0</v>
      </c>
      <c r="L7879" t="s">
        <v>120</v>
      </c>
      <c r="M7879" t="s">
        <v>87</v>
      </c>
      <c r="N7879" t="s">
        <v>88</v>
      </c>
      <c r="O7879" t="s">
        <v>85</v>
      </c>
      <c r="P7879" t="s">
        <v>86</v>
      </c>
      <c r="Q7879">
        <v>53</v>
      </c>
      <c r="R7879">
        <v>53</v>
      </c>
      <c r="S7879">
        <v>53</v>
      </c>
      <c r="T7879">
        <v>53</v>
      </c>
      <c r="U7879">
        <v>52</v>
      </c>
      <c r="V7879">
        <v>52</v>
      </c>
      <c r="W7879">
        <v>52</v>
      </c>
      <c r="X7879">
        <v>52</v>
      </c>
      <c r="Y7879">
        <v>52</v>
      </c>
      <c r="Z7879">
        <v>52</v>
      </c>
      <c r="AA7879">
        <v>52</v>
      </c>
      <c r="AB7879">
        <v>52</v>
      </c>
      <c r="AC7879">
        <v>51</v>
      </c>
      <c r="AD7879">
        <v>51</v>
      </c>
      <c r="AE7879">
        <v>51</v>
      </c>
      <c r="AF7879">
        <v>51</v>
      </c>
      <c r="AG7879">
        <v>51</v>
      </c>
      <c r="AH7879">
        <v>51</v>
      </c>
      <c r="AI7879">
        <v>51</v>
      </c>
      <c r="AJ7879">
        <v>51</v>
      </c>
      <c r="AK7879">
        <v>50</v>
      </c>
      <c r="AL7879">
        <v>50</v>
      </c>
      <c r="AM7879">
        <v>50</v>
      </c>
      <c r="AN7879">
        <v>50</v>
      </c>
      <c r="AO7879">
        <v>50</v>
      </c>
      <c r="AP7879">
        <v>50</v>
      </c>
      <c r="AQ7879">
        <v>50</v>
      </c>
    </row>
    <row r="7880" spans="1:43">
      <c r="A7880" t="s">
        <v>4932</v>
      </c>
      <c r="B7880" t="s">
        <v>4933</v>
      </c>
      <c r="C7880" t="s">
        <v>4926</v>
      </c>
      <c r="D7880" t="s">
        <v>4927</v>
      </c>
      <c r="E7880" t="s">
        <v>4916</v>
      </c>
      <c r="F7880" t="s">
        <v>4917</v>
      </c>
      <c r="G7880" t="s">
        <v>80</v>
      </c>
      <c r="H7880" t="s">
        <v>81</v>
      </c>
      <c r="I7880" s="2">
        <v>1</v>
      </c>
      <c r="J7880" s="2">
        <v>0</v>
      </c>
      <c r="K7880" s="2">
        <v>0</v>
      </c>
      <c r="L7880" t="s">
        <v>120</v>
      </c>
      <c r="M7880" t="s">
        <v>89</v>
      </c>
      <c r="N7880" t="s">
        <v>90</v>
      </c>
      <c r="O7880" t="s">
        <v>85</v>
      </c>
      <c r="P7880" t="s">
        <v>86</v>
      </c>
      <c r="Q7880">
        <v>53</v>
      </c>
      <c r="R7880">
        <v>54</v>
      </c>
      <c r="S7880">
        <v>55</v>
      </c>
      <c r="T7880">
        <v>55</v>
      </c>
      <c r="U7880">
        <v>56</v>
      </c>
      <c r="V7880">
        <v>57</v>
      </c>
      <c r="W7880">
        <v>57</v>
      </c>
      <c r="X7880">
        <v>58</v>
      </c>
      <c r="Y7880">
        <v>58</v>
      </c>
      <c r="Z7880">
        <v>59</v>
      </c>
      <c r="AA7880">
        <v>59</v>
      </c>
      <c r="AB7880">
        <v>59</v>
      </c>
      <c r="AC7880">
        <v>60</v>
      </c>
      <c r="AD7880">
        <v>60</v>
      </c>
      <c r="AE7880">
        <v>60</v>
      </c>
      <c r="AF7880">
        <v>60</v>
      </c>
      <c r="AG7880">
        <v>60</v>
      </c>
      <c r="AH7880">
        <v>59</v>
      </c>
      <c r="AI7880">
        <v>59</v>
      </c>
      <c r="AJ7880">
        <v>59</v>
      </c>
      <c r="AK7880">
        <v>58</v>
      </c>
      <c r="AL7880">
        <v>58</v>
      </c>
      <c r="AM7880">
        <v>58</v>
      </c>
      <c r="AN7880">
        <v>57</v>
      </c>
      <c r="AO7880">
        <v>57</v>
      </c>
      <c r="AP7880">
        <v>57</v>
      </c>
      <c r="AQ7880">
        <v>56</v>
      </c>
    </row>
    <row r="7881" spans="1:43">
      <c r="A7881" t="s">
        <v>4932</v>
      </c>
      <c r="B7881" t="s">
        <v>4933</v>
      </c>
      <c r="C7881" t="s">
        <v>4926</v>
      </c>
      <c r="D7881" t="s">
        <v>4927</v>
      </c>
      <c r="E7881" t="s">
        <v>4916</v>
      </c>
      <c r="F7881" t="s">
        <v>4917</v>
      </c>
      <c r="G7881" t="s">
        <v>80</v>
      </c>
      <c r="H7881" t="s">
        <v>81</v>
      </c>
      <c r="I7881" s="2">
        <v>1</v>
      </c>
      <c r="J7881" s="2">
        <v>0</v>
      </c>
      <c r="K7881" s="2">
        <v>0</v>
      </c>
      <c r="L7881" t="s">
        <v>120</v>
      </c>
      <c r="M7881" t="s">
        <v>83</v>
      </c>
      <c r="N7881" t="s">
        <v>91</v>
      </c>
      <c r="O7881" t="s">
        <v>85</v>
      </c>
      <c r="P7881" t="s">
        <v>86</v>
      </c>
      <c r="Q7881">
        <v>53</v>
      </c>
      <c r="R7881">
        <v>54</v>
      </c>
      <c r="S7881">
        <v>54</v>
      </c>
      <c r="T7881">
        <v>55</v>
      </c>
      <c r="U7881">
        <v>55</v>
      </c>
      <c r="V7881">
        <v>55</v>
      </c>
      <c r="W7881">
        <v>56</v>
      </c>
      <c r="X7881">
        <v>56</v>
      </c>
      <c r="Y7881">
        <v>56</v>
      </c>
      <c r="Z7881">
        <v>56</v>
      </c>
      <c r="AA7881">
        <v>57</v>
      </c>
      <c r="AB7881">
        <v>57</v>
      </c>
      <c r="AC7881">
        <v>57</v>
      </c>
      <c r="AD7881">
        <v>57</v>
      </c>
      <c r="AE7881">
        <v>57</v>
      </c>
      <c r="AF7881">
        <v>58</v>
      </c>
      <c r="AG7881">
        <v>58</v>
      </c>
      <c r="AH7881">
        <v>58</v>
      </c>
      <c r="AI7881">
        <v>58</v>
      </c>
      <c r="AJ7881">
        <v>58</v>
      </c>
      <c r="AK7881">
        <v>59</v>
      </c>
      <c r="AL7881">
        <v>58</v>
      </c>
      <c r="AM7881">
        <v>58</v>
      </c>
      <c r="AN7881">
        <v>58</v>
      </c>
      <c r="AO7881">
        <v>57</v>
      </c>
      <c r="AP7881">
        <v>57</v>
      </c>
      <c r="AQ7881">
        <v>57</v>
      </c>
    </row>
    <row r="7882" spans="1:43">
      <c r="A7882" t="s">
        <v>4934</v>
      </c>
      <c r="B7882" t="s">
        <v>4935</v>
      </c>
      <c r="C7882" t="s">
        <v>4926</v>
      </c>
      <c r="D7882" t="s">
        <v>4927</v>
      </c>
      <c r="E7882" t="s">
        <v>4916</v>
      </c>
      <c r="F7882" t="s">
        <v>4917</v>
      </c>
      <c r="G7882" t="s">
        <v>80</v>
      </c>
      <c r="H7882" t="s">
        <v>81</v>
      </c>
      <c r="I7882" s="2">
        <v>1</v>
      </c>
      <c r="J7882" s="2">
        <v>0</v>
      </c>
      <c r="K7882" s="2">
        <v>0</v>
      </c>
      <c r="L7882" t="s">
        <v>120</v>
      </c>
      <c r="M7882" t="s">
        <v>83</v>
      </c>
      <c r="N7882" t="s">
        <v>84</v>
      </c>
      <c r="O7882" t="s">
        <v>85</v>
      </c>
      <c r="P7882" t="s">
        <v>86</v>
      </c>
      <c r="Q7882">
        <v>3</v>
      </c>
      <c r="R7882">
        <v>3</v>
      </c>
      <c r="S7882">
        <v>3</v>
      </c>
      <c r="T7882">
        <v>3</v>
      </c>
      <c r="U7882">
        <v>3</v>
      </c>
      <c r="V7882">
        <v>3</v>
      </c>
      <c r="W7882">
        <v>3</v>
      </c>
      <c r="X7882">
        <v>3</v>
      </c>
      <c r="Y7882">
        <v>3</v>
      </c>
      <c r="Z7882">
        <v>3</v>
      </c>
      <c r="AA7882">
        <v>3</v>
      </c>
      <c r="AB7882">
        <v>3</v>
      </c>
      <c r="AC7882">
        <v>3</v>
      </c>
      <c r="AD7882">
        <v>3</v>
      </c>
      <c r="AE7882">
        <v>3</v>
      </c>
      <c r="AF7882">
        <v>3</v>
      </c>
      <c r="AG7882">
        <v>3</v>
      </c>
      <c r="AH7882">
        <v>3</v>
      </c>
      <c r="AI7882">
        <v>3</v>
      </c>
      <c r="AJ7882">
        <v>3</v>
      </c>
      <c r="AK7882">
        <v>3</v>
      </c>
      <c r="AL7882">
        <v>3</v>
      </c>
      <c r="AM7882">
        <v>3</v>
      </c>
      <c r="AN7882">
        <v>3</v>
      </c>
      <c r="AO7882">
        <v>3</v>
      </c>
      <c r="AP7882">
        <v>3</v>
      </c>
      <c r="AQ7882">
        <v>3</v>
      </c>
    </row>
    <row r="7883" spans="1:43">
      <c r="A7883" t="s">
        <v>4934</v>
      </c>
      <c r="B7883" t="s">
        <v>4935</v>
      </c>
      <c r="C7883" t="s">
        <v>4926</v>
      </c>
      <c r="D7883" t="s">
        <v>4927</v>
      </c>
      <c r="E7883" t="s">
        <v>4916</v>
      </c>
      <c r="F7883" t="s">
        <v>4917</v>
      </c>
      <c r="G7883" t="s">
        <v>80</v>
      </c>
      <c r="H7883" t="s">
        <v>81</v>
      </c>
      <c r="I7883" s="2">
        <v>1</v>
      </c>
      <c r="J7883" s="2">
        <v>0</v>
      </c>
      <c r="K7883" s="2">
        <v>0</v>
      </c>
      <c r="L7883" t="s">
        <v>120</v>
      </c>
      <c r="M7883" t="s">
        <v>87</v>
      </c>
      <c r="N7883" t="s">
        <v>88</v>
      </c>
      <c r="O7883" t="s">
        <v>85</v>
      </c>
      <c r="P7883" t="s">
        <v>86</v>
      </c>
      <c r="Q7883">
        <v>3</v>
      </c>
      <c r="R7883">
        <v>3</v>
      </c>
      <c r="S7883">
        <v>3</v>
      </c>
      <c r="T7883">
        <v>3</v>
      </c>
      <c r="U7883">
        <v>3</v>
      </c>
      <c r="V7883">
        <v>3</v>
      </c>
      <c r="W7883">
        <v>3</v>
      </c>
      <c r="X7883">
        <v>3</v>
      </c>
      <c r="Y7883">
        <v>3</v>
      </c>
      <c r="Z7883">
        <v>3</v>
      </c>
      <c r="AA7883">
        <v>3</v>
      </c>
      <c r="AB7883">
        <v>3</v>
      </c>
      <c r="AC7883">
        <v>3</v>
      </c>
      <c r="AD7883">
        <v>3</v>
      </c>
      <c r="AE7883">
        <v>3</v>
      </c>
      <c r="AF7883">
        <v>3</v>
      </c>
      <c r="AG7883">
        <v>3</v>
      </c>
      <c r="AH7883">
        <v>2</v>
      </c>
      <c r="AI7883">
        <v>2</v>
      </c>
      <c r="AJ7883">
        <v>2</v>
      </c>
      <c r="AK7883">
        <v>2</v>
      </c>
      <c r="AL7883">
        <v>2</v>
      </c>
      <c r="AM7883">
        <v>2</v>
      </c>
      <c r="AN7883">
        <v>2</v>
      </c>
      <c r="AO7883">
        <v>2</v>
      </c>
      <c r="AP7883">
        <v>2</v>
      </c>
      <c r="AQ7883">
        <v>2</v>
      </c>
    </row>
    <row r="7884" spans="1:43">
      <c r="A7884" t="s">
        <v>4934</v>
      </c>
      <c r="B7884" t="s">
        <v>4935</v>
      </c>
      <c r="C7884" t="s">
        <v>4926</v>
      </c>
      <c r="D7884" t="s">
        <v>4927</v>
      </c>
      <c r="E7884" t="s">
        <v>4916</v>
      </c>
      <c r="F7884" t="s">
        <v>4917</v>
      </c>
      <c r="G7884" t="s">
        <v>80</v>
      </c>
      <c r="H7884" t="s">
        <v>81</v>
      </c>
      <c r="I7884" s="2">
        <v>1</v>
      </c>
      <c r="J7884" s="2">
        <v>0</v>
      </c>
      <c r="K7884" s="2">
        <v>0</v>
      </c>
      <c r="L7884" t="s">
        <v>120</v>
      </c>
      <c r="M7884" t="s">
        <v>89</v>
      </c>
      <c r="N7884" t="s">
        <v>90</v>
      </c>
      <c r="O7884" t="s">
        <v>85</v>
      </c>
      <c r="P7884" t="s">
        <v>86</v>
      </c>
      <c r="Q7884">
        <v>3</v>
      </c>
      <c r="R7884">
        <v>3</v>
      </c>
      <c r="S7884">
        <v>3</v>
      </c>
      <c r="T7884">
        <v>3</v>
      </c>
      <c r="U7884">
        <v>3</v>
      </c>
      <c r="V7884">
        <v>3</v>
      </c>
      <c r="W7884">
        <v>3</v>
      </c>
      <c r="X7884">
        <v>3</v>
      </c>
      <c r="Y7884">
        <v>3</v>
      </c>
      <c r="Z7884">
        <v>3</v>
      </c>
      <c r="AA7884">
        <v>3</v>
      </c>
      <c r="AB7884">
        <v>3</v>
      </c>
      <c r="AC7884">
        <v>3</v>
      </c>
      <c r="AD7884">
        <v>3</v>
      </c>
      <c r="AE7884">
        <v>3</v>
      </c>
      <c r="AF7884">
        <v>3</v>
      </c>
      <c r="AG7884">
        <v>3</v>
      </c>
      <c r="AH7884">
        <v>3</v>
      </c>
      <c r="AI7884">
        <v>3</v>
      </c>
      <c r="AJ7884">
        <v>3</v>
      </c>
      <c r="AK7884">
        <v>3</v>
      </c>
      <c r="AL7884">
        <v>3</v>
      </c>
      <c r="AM7884">
        <v>3</v>
      </c>
      <c r="AN7884">
        <v>3</v>
      </c>
      <c r="AO7884">
        <v>3</v>
      </c>
      <c r="AP7884">
        <v>3</v>
      </c>
      <c r="AQ7884">
        <v>3</v>
      </c>
    </row>
    <row r="7885" spans="1:43">
      <c r="A7885" t="s">
        <v>4934</v>
      </c>
      <c r="B7885" t="s">
        <v>4935</v>
      </c>
      <c r="C7885" t="s">
        <v>4926</v>
      </c>
      <c r="D7885" t="s">
        <v>4927</v>
      </c>
      <c r="E7885" t="s">
        <v>4916</v>
      </c>
      <c r="F7885" t="s">
        <v>4917</v>
      </c>
      <c r="G7885" t="s">
        <v>80</v>
      </c>
      <c r="H7885" t="s">
        <v>81</v>
      </c>
      <c r="I7885" s="2">
        <v>1</v>
      </c>
      <c r="J7885" s="2">
        <v>0</v>
      </c>
      <c r="K7885" s="2">
        <v>0</v>
      </c>
      <c r="L7885" t="s">
        <v>120</v>
      </c>
      <c r="M7885" t="s">
        <v>83</v>
      </c>
      <c r="N7885" t="s">
        <v>91</v>
      </c>
      <c r="O7885" t="s">
        <v>85</v>
      </c>
      <c r="P7885" t="s">
        <v>86</v>
      </c>
      <c r="Q7885">
        <v>3</v>
      </c>
      <c r="R7885">
        <v>3</v>
      </c>
      <c r="S7885">
        <v>3</v>
      </c>
      <c r="T7885">
        <v>3</v>
      </c>
      <c r="U7885">
        <v>3</v>
      </c>
      <c r="V7885">
        <v>3</v>
      </c>
      <c r="W7885">
        <v>3</v>
      </c>
      <c r="X7885">
        <v>3</v>
      </c>
      <c r="Y7885">
        <v>3</v>
      </c>
      <c r="Z7885">
        <v>3</v>
      </c>
      <c r="AA7885">
        <v>3</v>
      </c>
      <c r="AB7885">
        <v>3</v>
      </c>
      <c r="AC7885">
        <v>3</v>
      </c>
      <c r="AD7885">
        <v>3</v>
      </c>
      <c r="AE7885">
        <v>3</v>
      </c>
      <c r="AF7885">
        <v>3</v>
      </c>
      <c r="AG7885">
        <v>3</v>
      </c>
      <c r="AH7885">
        <v>3</v>
      </c>
      <c r="AI7885">
        <v>3</v>
      </c>
      <c r="AJ7885">
        <v>3</v>
      </c>
      <c r="AK7885">
        <v>3</v>
      </c>
      <c r="AL7885">
        <v>3</v>
      </c>
      <c r="AM7885">
        <v>3</v>
      </c>
      <c r="AN7885">
        <v>3</v>
      </c>
      <c r="AO7885">
        <v>3</v>
      </c>
      <c r="AP7885">
        <v>3</v>
      </c>
      <c r="AQ7885">
        <v>3</v>
      </c>
    </row>
    <row r="7886" spans="1:43">
      <c r="A7886" t="s">
        <v>4936</v>
      </c>
      <c r="B7886" t="s">
        <v>4937</v>
      </c>
      <c r="C7886" t="s">
        <v>4938</v>
      </c>
      <c r="D7886" t="s">
        <v>4939</v>
      </c>
      <c r="E7886" t="s">
        <v>4916</v>
      </c>
      <c r="F7886" t="s">
        <v>4917</v>
      </c>
      <c r="G7886" t="s">
        <v>80</v>
      </c>
      <c r="H7886" t="s">
        <v>81</v>
      </c>
      <c r="I7886" s="2">
        <v>1</v>
      </c>
      <c r="J7886" s="2">
        <v>0</v>
      </c>
      <c r="K7886" s="2">
        <v>0</v>
      </c>
      <c r="L7886" t="s">
        <v>120</v>
      </c>
      <c r="M7886" t="s">
        <v>83</v>
      </c>
      <c r="N7886" t="s">
        <v>84</v>
      </c>
      <c r="O7886" t="s">
        <v>85</v>
      </c>
      <c r="P7886" t="s">
        <v>86</v>
      </c>
      <c r="Q7886">
        <v>2</v>
      </c>
      <c r="R7886">
        <v>2</v>
      </c>
      <c r="S7886">
        <v>2</v>
      </c>
      <c r="T7886">
        <v>3</v>
      </c>
      <c r="U7886">
        <v>3</v>
      </c>
      <c r="V7886">
        <v>3</v>
      </c>
      <c r="W7886">
        <v>3</v>
      </c>
      <c r="X7886">
        <v>3</v>
      </c>
      <c r="Y7886">
        <v>3</v>
      </c>
      <c r="Z7886">
        <v>3</v>
      </c>
      <c r="AA7886">
        <v>3</v>
      </c>
      <c r="AB7886">
        <v>3</v>
      </c>
      <c r="AC7886">
        <v>3</v>
      </c>
      <c r="AD7886">
        <v>3</v>
      </c>
      <c r="AE7886">
        <v>3</v>
      </c>
      <c r="AF7886">
        <v>3</v>
      </c>
      <c r="AG7886">
        <v>3</v>
      </c>
      <c r="AH7886">
        <v>3</v>
      </c>
      <c r="AI7886">
        <v>3</v>
      </c>
      <c r="AJ7886">
        <v>3</v>
      </c>
      <c r="AK7886">
        <v>3</v>
      </c>
      <c r="AL7886">
        <v>3</v>
      </c>
      <c r="AM7886">
        <v>3</v>
      </c>
      <c r="AN7886">
        <v>3</v>
      </c>
      <c r="AO7886">
        <v>3</v>
      </c>
      <c r="AP7886">
        <v>3</v>
      </c>
      <c r="AQ7886">
        <v>3</v>
      </c>
    </row>
    <row r="7887" spans="1:43">
      <c r="A7887" t="s">
        <v>4936</v>
      </c>
      <c r="B7887" t="s">
        <v>4937</v>
      </c>
      <c r="C7887" t="s">
        <v>4938</v>
      </c>
      <c r="D7887" t="s">
        <v>4939</v>
      </c>
      <c r="E7887" t="s">
        <v>4916</v>
      </c>
      <c r="F7887" t="s">
        <v>4917</v>
      </c>
      <c r="G7887" t="s">
        <v>80</v>
      </c>
      <c r="H7887" t="s">
        <v>81</v>
      </c>
      <c r="I7887" s="2">
        <v>1</v>
      </c>
      <c r="J7887" s="2">
        <v>0</v>
      </c>
      <c r="K7887" s="2">
        <v>0</v>
      </c>
      <c r="L7887" t="s">
        <v>120</v>
      </c>
      <c r="M7887" t="s">
        <v>87</v>
      </c>
      <c r="N7887" t="s">
        <v>88</v>
      </c>
      <c r="O7887" t="s">
        <v>85</v>
      </c>
      <c r="P7887" t="s">
        <v>86</v>
      </c>
      <c r="Q7887">
        <v>2</v>
      </c>
      <c r="R7887">
        <v>2</v>
      </c>
      <c r="S7887">
        <v>2</v>
      </c>
      <c r="T7887">
        <v>2</v>
      </c>
      <c r="U7887">
        <v>2</v>
      </c>
      <c r="V7887">
        <v>2</v>
      </c>
      <c r="W7887">
        <v>2</v>
      </c>
      <c r="X7887">
        <v>2</v>
      </c>
      <c r="Y7887">
        <v>2</v>
      </c>
      <c r="Z7887">
        <v>2</v>
      </c>
      <c r="AA7887">
        <v>2</v>
      </c>
      <c r="AB7887">
        <v>2</v>
      </c>
      <c r="AC7887">
        <v>2</v>
      </c>
      <c r="AD7887">
        <v>2</v>
      </c>
      <c r="AE7887">
        <v>2</v>
      </c>
      <c r="AF7887">
        <v>2</v>
      </c>
      <c r="AG7887">
        <v>2</v>
      </c>
      <c r="AH7887">
        <v>2</v>
      </c>
      <c r="AI7887">
        <v>2</v>
      </c>
      <c r="AJ7887">
        <v>2</v>
      </c>
      <c r="AK7887">
        <v>2</v>
      </c>
      <c r="AL7887">
        <v>2</v>
      </c>
      <c r="AM7887">
        <v>2</v>
      </c>
      <c r="AN7887">
        <v>2</v>
      </c>
      <c r="AO7887">
        <v>2</v>
      </c>
      <c r="AP7887">
        <v>2</v>
      </c>
      <c r="AQ7887">
        <v>2</v>
      </c>
    </row>
    <row r="7888" spans="1:43">
      <c r="A7888" t="s">
        <v>4936</v>
      </c>
      <c r="B7888" t="s">
        <v>4937</v>
      </c>
      <c r="C7888" t="s">
        <v>4938</v>
      </c>
      <c r="D7888" t="s">
        <v>4939</v>
      </c>
      <c r="E7888" t="s">
        <v>4916</v>
      </c>
      <c r="F7888" t="s">
        <v>4917</v>
      </c>
      <c r="G7888" t="s">
        <v>80</v>
      </c>
      <c r="H7888" t="s">
        <v>81</v>
      </c>
      <c r="I7888" s="2">
        <v>1</v>
      </c>
      <c r="J7888" s="2">
        <v>0</v>
      </c>
      <c r="K7888" s="2">
        <v>0</v>
      </c>
      <c r="L7888" t="s">
        <v>120</v>
      </c>
      <c r="M7888" t="s">
        <v>89</v>
      </c>
      <c r="N7888" t="s">
        <v>90</v>
      </c>
      <c r="O7888" t="s">
        <v>85</v>
      </c>
      <c r="P7888" t="s">
        <v>86</v>
      </c>
      <c r="Q7888">
        <v>2</v>
      </c>
      <c r="R7888">
        <v>3</v>
      </c>
      <c r="S7888">
        <v>3</v>
      </c>
      <c r="T7888">
        <v>3</v>
      </c>
      <c r="U7888">
        <v>3</v>
      </c>
      <c r="V7888">
        <v>3</v>
      </c>
      <c r="W7888">
        <v>3</v>
      </c>
      <c r="X7888">
        <v>3</v>
      </c>
      <c r="Y7888">
        <v>3</v>
      </c>
      <c r="Z7888">
        <v>3</v>
      </c>
      <c r="AA7888">
        <v>3</v>
      </c>
      <c r="AB7888">
        <v>3</v>
      </c>
      <c r="AC7888">
        <v>3</v>
      </c>
      <c r="AD7888">
        <v>3</v>
      </c>
      <c r="AE7888">
        <v>3</v>
      </c>
      <c r="AF7888">
        <v>3</v>
      </c>
      <c r="AG7888">
        <v>3</v>
      </c>
      <c r="AH7888">
        <v>3</v>
      </c>
      <c r="AI7888">
        <v>3</v>
      </c>
      <c r="AJ7888">
        <v>3</v>
      </c>
      <c r="AK7888">
        <v>3</v>
      </c>
      <c r="AL7888">
        <v>3</v>
      </c>
      <c r="AM7888">
        <v>3</v>
      </c>
      <c r="AN7888">
        <v>3</v>
      </c>
      <c r="AO7888">
        <v>3</v>
      </c>
      <c r="AP7888">
        <v>3</v>
      </c>
      <c r="AQ7888">
        <v>3</v>
      </c>
    </row>
    <row r="7889" spans="1:43">
      <c r="A7889" t="s">
        <v>4936</v>
      </c>
      <c r="B7889" t="s">
        <v>4937</v>
      </c>
      <c r="C7889" t="s">
        <v>4938</v>
      </c>
      <c r="D7889" t="s">
        <v>4939</v>
      </c>
      <c r="E7889" t="s">
        <v>4916</v>
      </c>
      <c r="F7889" t="s">
        <v>4917</v>
      </c>
      <c r="G7889" t="s">
        <v>80</v>
      </c>
      <c r="H7889" t="s">
        <v>81</v>
      </c>
      <c r="I7889" s="2">
        <v>1</v>
      </c>
      <c r="J7889" s="2">
        <v>0</v>
      </c>
      <c r="K7889" s="2">
        <v>0</v>
      </c>
      <c r="L7889" t="s">
        <v>120</v>
      </c>
      <c r="M7889" t="s">
        <v>83</v>
      </c>
      <c r="N7889" t="s">
        <v>91</v>
      </c>
      <c r="O7889" t="s">
        <v>85</v>
      </c>
      <c r="P7889" t="s">
        <v>86</v>
      </c>
      <c r="Q7889">
        <v>2</v>
      </c>
      <c r="R7889">
        <v>2</v>
      </c>
      <c r="S7889">
        <v>2</v>
      </c>
      <c r="T7889">
        <v>3</v>
      </c>
      <c r="U7889">
        <v>3</v>
      </c>
      <c r="V7889">
        <v>3</v>
      </c>
      <c r="W7889">
        <v>3</v>
      </c>
      <c r="X7889">
        <v>3</v>
      </c>
      <c r="Y7889">
        <v>3</v>
      </c>
      <c r="Z7889">
        <v>3</v>
      </c>
      <c r="AA7889">
        <v>3</v>
      </c>
      <c r="AB7889">
        <v>3</v>
      </c>
      <c r="AC7889">
        <v>3</v>
      </c>
      <c r="AD7889">
        <v>3</v>
      </c>
      <c r="AE7889">
        <v>3</v>
      </c>
      <c r="AF7889">
        <v>3</v>
      </c>
      <c r="AG7889">
        <v>3</v>
      </c>
      <c r="AH7889">
        <v>3</v>
      </c>
      <c r="AI7889">
        <v>3</v>
      </c>
      <c r="AJ7889">
        <v>3</v>
      </c>
      <c r="AK7889">
        <v>3</v>
      </c>
      <c r="AL7889">
        <v>3</v>
      </c>
      <c r="AM7889">
        <v>3</v>
      </c>
      <c r="AN7889">
        <v>3</v>
      </c>
      <c r="AO7889">
        <v>3</v>
      </c>
      <c r="AP7889">
        <v>3</v>
      </c>
      <c r="AQ7889">
        <v>3</v>
      </c>
    </row>
    <row r="7890" spans="1:43">
      <c r="A7890" t="s">
        <v>4940</v>
      </c>
      <c r="B7890" t="s">
        <v>4941</v>
      </c>
      <c r="C7890" t="s">
        <v>4942</v>
      </c>
      <c r="D7890" t="s">
        <v>4943</v>
      </c>
      <c r="E7890" t="s">
        <v>4916</v>
      </c>
      <c r="F7890" t="s">
        <v>4917</v>
      </c>
      <c r="G7890" t="s">
        <v>80</v>
      </c>
      <c r="H7890" t="s">
        <v>81</v>
      </c>
      <c r="I7890" s="2">
        <v>1</v>
      </c>
      <c r="J7890" s="2">
        <v>0</v>
      </c>
      <c r="K7890" s="2">
        <v>0</v>
      </c>
      <c r="L7890" t="s">
        <v>120</v>
      </c>
      <c r="M7890" t="s">
        <v>83</v>
      </c>
      <c r="N7890" t="s">
        <v>84</v>
      </c>
      <c r="O7890" t="s">
        <v>85</v>
      </c>
      <c r="P7890" t="s">
        <v>86</v>
      </c>
      <c r="Q7890">
        <v>9</v>
      </c>
      <c r="R7890">
        <v>9</v>
      </c>
      <c r="S7890">
        <v>9</v>
      </c>
      <c r="T7890">
        <v>9</v>
      </c>
      <c r="U7890">
        <v>9</v>
      </c>
      <c r="V7890">
        <v>9</v>
      </c>
      <c r="W7890">
        <v>9</v>
      </c>
      <c r="X7890">
        <v>9</v>
      </c>
      <c r="Y7890">
        <v>9</v>
      </c>
      <c r="Z7890">
        <v>9</v>
      </c>
      <c r="AA7890">
        <v>9</v>
      </c>
      <c r="AB7890">
        <v>9</v>
      </c>
      <c r="AC7890">
        <v>10</v>
      </c>
      <c r="AD7890">
        <v>10</v>
      </c>
      <c r="AE7890">
        <v>10</v>
      </c>
      <c r="AF7890">
        <v>10</v>
      </c>
      <c r="AG7890">
        <v>10</v>
      </c>
      <c r="AH7890">
        <v>10</v>
      </c>
      <c r="AI7890">
        <v>10</v>
      </c>
      <c r="AJ7890">
        <v>10</v>
      </c>
      <c r="AK7890">
        <v>10</v>
      </c>
      <c r="AL7890">
        <v>10</v>
      </c>
      <c r="AM7890">
        <v>10</v>
      </c>
      <c r="AN7890">
        <v>10</v>
      </c>
      <c r="AO7890">
        <v>10</v>
      </c>
      <c r="AP7890">
        <v>9</v>
      </c>
      <c r="AQ7890">
        <v>9</v>
      </c>
    </row>
    <row r="7891" spans="1:43">
      <c r="A7891" t="s">
        <v>4940</v>
      </c>
      <c r="B7891" t="s">
        <v>4941</v>
      </c>
      <c r="C7891" t="s">
        <v>4942</v>
      </c>
      <c r="D7891" t="s">
        <v>4943</v>
      </c>
      <c r="E7891" t="s">
        <v>4916</v>
      </c>
      <c r="F7891" t="s">
        <v>4917</v>
      </c>
      <c r="G7891" t="s">
        <v>80</v>
      </c>
      <c r="H7891" t="s">
        <v>81</v>
      </c>
      <c r="I7891" s="2">
        <v>1</v>
      </c>
      <c r="J7891" s="2">
        <v>0</v>
      </c>
      <c r="K7891" s="2">
        <v>0</v>
      </c>
      <c r="L7891" t="s">
        <v>120</v>
      </c>
      <c r="M7891" t="s">
        <v>87</v>
      </c>
      <c r="N7891" t="s">
        <v>88</v>
      </c>
      <c r="O7891" t="s">
        <v>85</v>
      </c>
      <c r="P7891" t="s">
        <v>86</v>
      </c>
      <c r="Q7891">
        <v>9</v>
      </c>
      <c r="R7891">
        <v>9</v>
      </c>
      <c r="S7891">
        <v>9</v>
      </c>
      <c r="T7891">
        <v>9</v>
      </c>
      <c r="U7891">
        <v>9</v>
      </c>
      <c r="V7891">
        <v>9</v>
      </c>
      <c r="W7891">
        <v>9</v>
      </c>
      <c r="X7891">
        <v>9</v>
      </c>
      <c r="Y7891">
        <v>9</v>
      </c>
      <c r="Z7891">
        <v>9</v>
      </c>
      <c r="AA7891">
        <v>9</v>
      </c>
      <c r="AB7891">
        <v>9</v>
      </c>
      <c r="AC7891">
        <v>9</v>
      </c>
      <c r="AD7891">
        <v>9</v>
      </c>
      <c r="AE7891">
        <v>9</v>
      </c>
      <c r="AF7891">
        <v>8</v>
      </c>
      <c r="AG7891">
        <v>8</v>
      </c>
      <c r="AH7891">
        <v>8</v>
      </c>
      <c r="AI7891">
        <v>8</v>
      </c>
      <c r="AJ7891">
        <v>8</v>
      </c>
      <c r="AK7891">
        <v>8</v>
      </c>
      <c r="AL7891">
        <v>8</v>
      </c>
      <c r="AM7891">
        <v>8</v>
      </c>
      <c r="AN7891">
        <v>8</v>
      </c>
      <c r="AO7891">
        <v>8</v>
      </c>
      <c r="AP7891">
        <v>8</v>
      </c>
      <c r="AQ7891">
        <v>8</v>
      </c>
    </row>
    <row r="7892" spans="1:43">
      <c r="A7892" t="s">
        <v>4940</v>
      </c>
      <c r="B7892" t="s">
        <v>4941</v>
      </c>
      <c r="C7892" t="s">
        <v>4942</v>
      </c>
      <c r="D7892" t="s">
        <v>4943</v>
      </c>
      <c r="E7892" t="s">
        <v>4916</v>
      </c>
      <c r="F7892" t="s">
        <v>4917</v>
      </c>
      <c r="G7892" t="s">
        <v>80</v>
      </c>
      <c r="H7892" t="s">
        <v>81</v>
      </c>
      <c r="I7892" s="2">
        <v>1</v>
      </c>
      <c r="J7892" s="2">
        <v>0</v>
      </c>
      <c r="K7892" s="2">
        <v>0</v>
      </c>
      <c r="L7892" t="s">
        <v>120</v>
      </c>
      <c r="M7892" t="s">
        <v>89</v>
      </c>
      <c r="N7892" t="s">
        <v>90</v>
      </c>
      <c r="O7892" t="s">
        <v>85</v>
      </c>
      <c r="P7892" t="s">
        <v>86</v>
      </c>
      <c r="Q7892">
        <v>9</v>
      </c>
      <c r="R7892">
        <v>9</v>
      </c>
      <c r="S7892">
        <v>9</v>
      </c>
      <c r="T7892">
        <v>9</v>
      </c>
      <c r="U7892">
        <v>10</v>
      </c>
      <c r="V7892">
        <v>10</v>
      </c>
      <c r="W7892">
        <v>10</v>
      </c>
      <c r="X7892">
        <v>10</v>
      </c>
      <c r="Y7892">
        <v>10</v>
      </c>
      <c r="Z7892">
        <v>10</v>
      </c>
      <c r="AA7892">
        <v>10</v>
      </c>
      <c r="AB7892">
        <v>10</v>
      </c>
      <c r="AC7892">
        <v>10</v>
      </c>
      <c r="AD7892">
        <v>10</v>
      </c>
      <c r="AE7892">
        <v>10</v>
      </c>
      <c r="AF7892">
        <v>10</v>
      </c>
      <c r="AG7892">
        <v>10</v>
      </c>
      <c r="AH7892">
        <v>10</v>
      </c>
      <c r="AI7892">
        <v>10</v>
      </c>
      <c r="AJ7892">
        <v>10</v>
      </c>
      <c r="AK7892">
        <v>10</v>
      </c>
      <c r="AL7892">
        <v>10</v>
      </c>
      <c r="AM7892">
        <v>10</v>
      </c>
      <c r="AN7892">
        <v>10</v>
      </c>
      <c r="AO7892">
        <v>10</v>
      </c>
      <c r="AP7892">
        <v>10</v>
      </c>
      <c r="AQ7892">
        <v>9</v>
      </c>
    </row>
    <row r="7893" spans="1:43">
      <c r="A7893" t="s">
        <v>4940</v>
      </c>
      <c r="B7893" t="s">
        <v>4941</v>
      </c>
      <c r="C7893" t="s">
        <v>4942</v>
      </c>
      <c r="D7893" t="s">
        <v>4943</v>
      </c>
      <c r="E7893" t="s">
        <v>4916</v>
      </c>
      <c r="F7893" t="s">
        <v>4917</v>
      </c>
      <c r="G7893" t="s">
        <v>80</v>
      </c>
      <c r="H7893" t="s">
        <v>81</v>
      </c>
      <c r="I7893" s="2">
        <v>1</v>
      </c>
      <c r="J7893" s="2">
        <v>0</v>
      </c>
      <c r="K7893" s="2">
        <v>0</v>
      </c>
      <c r="L7893" t="s">
        <v>120</v>
      </c>
      <c r="M7893" t="s">
        <v>83</v>
      </c>
      <c r="N7893" t="s">
        <v>91</v>
      </c>
      <c r="O7893" t="s">
        <v>85</v>
      </c>
      <c r="P7893" t="s">
        <v>86</v>
      </c>
      <c r="Q7893">
        <v>9</v>
      </c>
      <c r="R7893">
        <v>9</v>
      </c>
      <c r="S7893">
        <v>9</v>
      </c>
      <c r="T7893">
        <v>9</v>
      </c>
      <c r="U7893">
        <v>9</v>
      </c>
      <c r="V7893">
        <v>9</v>
      </c>
      <c r="W7893">
        <v>9</v>
      </c>
      <c r="X7893">
        <v>9</v>
      </c>
      <c r="Y7893">
        <v>9</v>
      </c>
      <c r="Z7893">
        <v>9</v>
      </c>
      <c r="AA7893">
        <v>9</v>
      </c>
      <c r="AB7893">
        <v>9</v>
      </c>
      <c r="AC7893">
        <v>10</v>
      </c>
      <c r="AD7893">
        <v>10</v>
      </c>
      <c r="AE7893">
        <v>10</v>
      </c>
      <c r="AF7893">
        <v>10</v>
      </c>
      <c r="AG7893">
        <v>10</v>
      </c>
      <c r="AH7893">
        <v>10</v>
      </c>
      <c r="AI7893">
        <v>10</v>
      </c>
      <c r="AJ7893">
        <v>10</v>
      </c>
      <c r="AK7893">
        <v>10</v>
      </c>
      <c r="AL7893">
        <v>10</v>
      </c>
      <c r="AM7893">
        <v>10</v>
      </c>
      <c r="AN7893">
        <v>10</v>
      </c>
      <c r="AO7893">
        <v>10</v>
      </c>
      <c r="AP7893">
        <v>9</v>
      </c>
      <c r="AQ7893">
        <v>9</v>
      </c>
    </row>
    <row r="7894" spans="1:43">
      <c r="A7894" t="s">
        <v>4944</v>
      </c>
      <c r="B7894" t="s">
        <v>4945</v>
      </c>
      <c r="C7894" t="s">
        <v>4942</v>
      </c>
      <c r="D7894" t="s">
        <v>4943</v>
      </c>
      <c r="E7894" t="s">
        <v>4916</v>
      </c>
      <c r="F7894" t="s">
        <v>4917</v>
      </c>
      <c r="G7894" t="s">
        <v>80</v>
      </c>
      <c r="H7894" t="s">
        <v>81</v>
      </c>
      <c r="I7894" s="2">
        <v>1</v>
      </c>
      <c r="J7894" s="2">
        <v>0</v>
      </c>
      <c r="K7894" s="2">
        <v>0</v>
      </c>
      <c r="L7894" t="s">
        <v>120</v>
      </c>
      <c r="M7894" t="s">
        <v>83</v>
      </c>
      <c r="N7894" t="s">
        <v>84</v>
      </c>
      <c r="O7894" t="s">
        <v>85</v>
      </c>
      <c r="P7894" t="s">
        <v>86</v>
      </c>
      <c r="Q7894">
        <v>37</v>
      </c>
      <c r="R7894">
        <v>38</v>
      </c>
      <c r="S7894">
        <v>38</v>
      </c>
      <c r="T7894">
        <v>38</v>
      </c>
      <c r="U7894">
        <v>38</v>
      </c>
      <c r="V7894">
        <v>39</v>
      </c>
      <c r="W7894">
        <v>39</v>
      </c>
      <c r="X7894">
        <v>39</v>
      </c>
      <c r="Y7894">
        <v>39</v>
      </c>
      <c r="Z7894">
        <v>39</v>
      </c>
      <c r="AA7894">
        <v>39</v>
      </c>
      <c r="AB7894">
        <v>40</v>
      </c>
      <c r="AC7894">
        <v>40</v>
      </c>
      <c r="AD7894">
        <v>40</v>
      </c>
      <c r="AE7894">
        <v>40</v>
      </c>
      <c r="AF7894">
        <v>40</v>
      </c>
      <c r="AG7894">
        <v>40</v>
      </c>
      <c r="AH7894">
        <v>40</v>
      </c>
      <c r="AI7894">
        <v>41</v>
      </c>
      <c r="AJ7894">
        <v>41</v>
      </c>
      <c r="AK7894">
        <v>41</v>
      </c>
      <c r="AL7894">
        <v>41</v>
      </c>
      <c r="AM7894">
        <v>40</v>
      </c>
      <c r="AN7894">
        <v>40</v>
      </c>
      <c r="AO7894">
        <v>40</v>
      </c>
      <c r="AP7894">
        <v>40</v>
      </c>
      <c r="AQ7894">
        <v>39</v>
      </c>
    </row>
    <row r="7895" spans="1:43">
      <c r="A7895" t="s">
        <v>4944</v>
      </c>
      <c r="B7895" t="s">
        <v>4945</v>
      </c>
      <c r="C7895" t="s">
        <v>4942</v>
      </c>
      <c r="D7895" t="s">
        <v>4943</v>
      </c>
      <c r="E7895" t="s">
        <v>4916</v>
      </c>
      <c r="F7895" t="s">
        <v>4917</v>
      </c>
      <c r="G7895" t="s">
        <v>80</v>
      </c>
      <c r="H7895" t="s">
        <v>81</v>
      </c>
      <c r="I7895" s="2">
        <v>1</v>
      </c>
      <c r="J7895" s="2">
        <v>0</v>
      </c>
      <c r="K7895" s="2">
        <v>0</v>
      </c>
      <c r="L7895" t="s">
        <v>120</v>
      </c>
      <c r="M7895" t="s">
        <v>87</v>
      </c>
      <c r="N7895" t="s">
        <v>88</v>
      </c>
      <c r="O7895" t="s">
        <v>85</v>
      </c>
      <c r="P7895" t="s">
        <v>86</v>
      </c>
      <c r="Q7895">
        <v>37</v>
      </c>
      <c r="R7895">
        <v>37</v>
      </c>
      <c r="S7895">
        <v>37</v>
      </c>
      <c r="T7895">
        <v>37</v>
      </c>
      <c r="U7895">
        <v>37</v>
      </c>
      <c r="V7895">
        <v>37</v>
      </c>
      <c r="W7895">
        <v>36</v>
      </c>
      <c r="X7895">
        <v>36</v>
      </c>
      <c r="Y7895">
        <v>36</v>
      </c>
      <c r="Z7895">
        <v>36</v>
      </c>
      <c r="AA7895">
        <v>36</v>
      </c>
      <c r="AB7895">
        <v>36</v>
      </c>
      <c r="AC7895">
        <v>36</v>
      </c>
      <c r="AD7895">
        <v>36</v>
      </c>
      <c r="AE7895">
        <v>36</v>
      </c>
      <c r="AF7895">
        <v>36</v>
      </c>
      <c r="AG7895">
        <v>35</v>
      </c>
      <c r="AH7895">
        <v>35</v>
      </c>
      <c r="AI7895">
        <v>35</v>
      </c>
      <c r="AJ7895">
        <v>35</v>
      </c>
      <c r="AK7895">
        <v>35</v>
      </c>
      <c r="AL7895">
        <v>35</v>
      </c>
      <c r="AM7895">
        <v>35</v>
      </c>
      <c r="AN7895">
        <v>35</v>
      </c>
      <c r="AO7895">
        <v>35</v>
      </c>
      <c r="AP7895">
        <v>34</v>
      </c>
      <c r="AQ7895">
        <v>34</v>
      </c>
    </row>
    <row r="7896" spans="1:43">
      <c r="A7896" t="s">
        <v>4944</v>
      </c>
      <c r="B7896" t="s">
        <v>4945</v>
      </c>
      <c r="C7896" t="s">
        <v>4942</v>
      </c>
      <c r="D7896" t="s">
        <v>4943</v>
      </c>
      <c r="E7896" t="s">
        <v>4916</v>
      </c>
      <c r="F7896" t="s">
        <v>4917</v>
      </c>
      <c r="G7896" t="s">
        <v>80</v>
      </c>
      <c r="H7896" t="s">
        <v>81</v>
      </c>
      <c r="I7896" s="2">
        <v>1</v>
      </c>
      <c r="J7896" s="2">
        <v>0</v>
      </c>
      <c r="K7896" s="2">
        <v>0</v>
      </c>
      <c r="L7896" t="s">
        <v>120</v>
      </c>
      <c r="M7896" t="s">
        <v>89</v>
      </c>
      <c r="N7896" t="s">
        <v>90</v>
      </c>
      <c r="O7896" t="s">
        <v>85</v>
      </c>
      <c r="P7896" t="s">
        <v>86</v>
      </c>
      <c r="Q7896">
        <v>37</v>
      </c>
      <c r="R7896">
        <v>37</v>
      </c>
      <c r="S7896">
        <v>38</v>
      </c>
      <c r="T7896">
        <v>38</v>
      </c>
      <c r="U7896">
        <v>39</v>
      </c>
      <c r="V7896">
        <v>39</v>
      </c>
      <c r="W7896">
        <v>40</v>
      </c>
      <c r="X7896">
        <v>40</v>
      </c>
      <c r="Y7896">
        <v>40</v>
      </c>
      <c r="Z7896">
        <v>41</v>
      </c>
      <c r="AA7896">
        <v>41</v>
      </c>
      <c r="AB7896">
        <v>41</v>
      </c>
      <c r="AC7896">
        <v>42</v>
      </c>
      <c r="AD7896">
        <v>42</v>
      </c>
      <c r="AE7896">
        <v>42</v>
      </c>
      <c r="AF7896">
        <v>42</v>
      </c>
      <c r="AG7896">
        <v>41</v>
      </c>
      <c r="AH7896">
        <v>41</v>
      </c>
      <c r="AI7896">
        <v>41</v>
      </c>
      <c r="AJ7896">
        <v>41</v>
      </c>
      <c r="AK7896">
        <v>40</v>
      </c>
      <c r="AL7896">
        <v>40</v>
      </c>
      <c r="AM7896">
        <v>40</v>
      </c>
      <c r="AN7896">
        <v>40</v>
      </c>
      <c r="AO7896">
        <v>39</v>
      </c>
      <c r="AP7896">
        <v>39</v>
      </c>
      <c r="AQ7896">
        <v>39</v>
      </c>
    </row>
    <row r="7897" spans="1:43">
      <c r="A7897" t="s">
        <v>4944</v>
      </c>
      <c r="B7897" t="s">
        <v>4945</v>
      </c>
      <c r="C7897" t="s">
        <v>4942</v>
      </c>
      <c r="D7897" t="s">
        <v>4943</v>
      </c>
      <c r="E7897" t="s">
        <v>4916</v>
      </c>
      <c r="F7897" t="s">
        <v>4917</v>
      </c>
      <c r="G7897" t="s">
        <v>80</v>
      </c>
      <c r="H7897" t="s">
        <v>81</v>
      </c>
      <c r="I7897" s="2">
        <v>1</v>
      </c>
      <c r="J7897" s="2">
        <v>0</v>
      </c>
      <c r="K7897" s="2">
        <v>0</v>
      </c>
      <c r="L7897" t="s">
        <v>120</v>
      </c>
      <c r="M7897" t="s">
        <v>83</v>
      </c>
      <c r="N7897" t="s">
        <v>91</v>
      </c>
      <c r="O7897" t="s">
        <v>85</v>
      </c>
      <c r="P7897" t="s">
        <v>86</v>
      </c>
      <c r="Q7897">
        <v>37</v>
      </c>
      <c r="R7897">
        <v>38</v>
      </c>
      <c r="S7897">
        <v>38</v>
      </c>
      <c r="T7897">
        <v>38</v>
      </c>
      <c r="U7897">
        <v>38</v>
      </c>
      <c r="V7897">
        <v>39</v>
      </c>
      <c r="W7897">
        <v>39</v>
      </c>
      <c r="X7897">
        <v>39</v>
      </c>
      <c r="Y7897">
        <v>39</v>
      </c>
      <c r="Z7897">
        <v>39</v>
      </c>
      <c r="AA7897">
        <v>39</v>
      </c>
      <c r="AB7897">
        <v>40</v>
      </c>
      <c r="AC7897">
        <v>40</v>
      </c>
      <c r="AD7897">
        <v>40</v>
      </c>
      <c r="AE7897">
        <v>40</v>
      </c>
      <c r="AF7897">
        <v>40</v>
      </c>
      <c r="AG7897">
        <v>40</v>
      </c>
      <c r="AH7897">
        <v>40</v>
      </c>
      <c r="AI7897">
        <v>41</v>
      </c>
      <c r="AJ7897">
        <v>41</v>
      </c>
      <c r="AK7897">
        <v>41</v>
      </c>
      <c r="AL7897">
        <v>41</v>
      </c>
      <c r="AM7897">
        <v>40</v>
      </c>
      <c r="AN7897">
        <v>40</v>
      </c>
      <c r="AO7897">
        <v>40</v>
      </c>
      <c r="AP7897">
        <v>40</v>
      </c>
      <c r="AQ7897">
        <v>39</v>
      </c>
    </row>
    <row r="7898" spans="1:43">
      <c r="A7898" t="s">
        <v>4946</v>
      </c>
      <c r="B7898" t="s">
        <v>4947</v>
      </c>
      <c r="C7898" t="s">
        <v>4948</v>
      </c>
      <c r="D7898" t="s">
        <v>4949</v>
      </c>
      <c r="E7898" t="s">
        <v>4916</v>
      </c>
      <c r="F7898" t="s">
        <v>4917</v>
      </c>
      <c r="G7898" t="s">
        <v>80</v>
      </c>
      <c r="H7898" t="s">
        <v>81</v>
      </c>
      <c r="I7898" s="2">
        <v>1</v>
      </c>
      <c r="J7898" s="2">
        <v>0</v>
      </c>
      <c r="K7898" s="2">
        <v>0</v>
      </c>
      <c r="L7898" t="s">
        <v>120</v>
      </c>
      <c r="M7898" t="s">
        <v>83</v>
      </c>
      <c r="N7898" t="s">
        <v>84</v>
      </c>
      <c r="O7898" t="s">
        <v>85</v>
      </c>
      <c r="P7898" t="s">
        <v>86</v>
      </c>
      <c r="Q7898">
        <v>7</v>
      </c>
      <c r="R7898">
        <v>7</v>
      </c>
      <c r="S7898">
        <v>7</v>
      </c>
      <c r="T7898">
        <v>7</v>
      </c>
      <c r="U7898">
        <v>7</v>
      </c>
      <c r="V7898">
        <v>7</v>
      </c>
      <c r="W7898">
        <v>7</v>
      </c>
      <c r="X7898">
        <v>7</v>
      </c>
      <c r="Y7898">
        <v>7</v>
      </c>
      <c r="Z7898">
        <v>7</v>
      </c>
      <c r="AA7898">
        <v>7</v>
      </c>
      <c r="AB7898">
        <v>7</v>
      </c>
      <c r="AC7898">
        <v>7</v>
      </c>
      <c r="AD7898">
        <v>7</v>
      </c>
      <c r="AE7898">
        <v>7</v>
      </c>
      <c r="AF7898">
        <v>7</v>
      </c>
      <c r="AG7898">
        <v>7</v>
      </c>
      <c r="AH7898">
        <v>7</v>
      </c>
      <c r="AI7898">
        <v>7</v>
      </c>
      <c r="AJ7898">
        <v>7</v>
      </c>
      <c r="AK7898">
        <v>7</v>
      </c>
      <c r="AL7898">
        <v>7</v>
      </c>
      <c r="AM7898">
        <v>7</v>
      </c>
      <c r="AN7898">
        <v>7</v>
      </c>
      <c r="AO7898">
        <v>7</v>
      </c>
      <c r="AP7898">
        <v>7</v>
      </c>
      <c r="AQ7898">
        <v>7</v>
      </c>
    </row>
    <row r="7899" spans="1:43">
      <c r="A7899" t="s">
        <v>4946</v>
      </c>
      <c r="B7899" t="s">
        <v>4947</v>
      </c>
      <c r="C7899" t="s">
        <v>4948</v>
      </c>
      <c r="D7899" t="s">
        <v>4949</v>
      </c>
      <c r="E7899" t="s">
        <v>4916</v>
      </c>
      <c r="F7899" t="s">
        <v>4917</v>
      </c>
      <c r="G7899" t="s">
        <v>80</v>
      </c>
      <c r="H7899" t="s">
        <v>81</v>
      </c>
      <c r="I7899" s="2">
        <v>1</v>
      </c>
      <c r="J7899" s="2">
        <v>0</v>
      </c>
      <c r="K7899" s="2">
        <v>0</v>
      </c>
      <c r="L7899" t="s">
        <v>120</v>
      </c>
      <c r="M7899" t="s">
        <v>87</v>
      </c>
      <c r="N7899" t="s">
        <v>88</v>
      </c>
      <c r="O7899" t="s">
        <v>85</v>
      </c>
      <c r="P7899" t="s">
        <v>86</v>
      </c>
      <c r="Q7899">
        <v>7</v>
      </c>
      <c r="R7899">
        <v>7</v>
      </c>
      <c r="S7899">
        <v>7</v>
      </c>
      <c r="T7899">
        <v>7</v>
      </c>
      <c r="U7899">
        <v>7</v>
      </c>
      <c r="V7899">
        <v>7</v>
      </c>
      <c r="W7899">
        <v>7</v>
      </c>
      <c r="X7899">
        <v>7</v>
      </c>
      <c r="Y7899">
        <v>7</v>
      </c>
      <c r="Z7899">
        <v>7</v>
      </c>
      <c r="AA7899">
        <v>7</v>
      </c>
      <c r="AB7899">
        <v>7</v>
      </c>
      <c r="AC7899">
        <v>7</v>
      </c>
      <c r="AD7899">
        <v>7</v>
      </c>
      <c r="AE7899">
        <v>6</v>
      </c>
      <c r="AF7899">
        <v>6</v>
      </c>
      <c r="AG7899">
        <v>6</v>
      </c>
      <c r="AH7899">
        <v>6</v>
      </c>
      <c r="AI7899">
        <v>6</v>
      </c>
      <c r="AJ7899">
        <v>6</v>
      </c>
      <c r="AK7899">
        <v>6</v>
      </c>
      <c r="AL7899">
        <v>6</v>
      </c>
      <c r="AM7899">
        <v>6</v>
      </c>
      <c r="AN7899">
        <v>6</v>
      </c>
      <c r="AO7899">
        <v>6</v>
      </c>
      <c r="AP7899">
        <v>6</v>
      </c>
      <c r="AQ7899">
        <v>6</v>
      </c>
    </row>
    <row r="7900" spans="1:43">
      <c r="A7900" t="s">
        <v>4946</v>
      </c>
      <c r="B7900" t="s">
        <v>4947</v>
      </c>
      <c r="C7900" t="s">
        <v>4948</v>
      </c>
      <c r="D7900" t="s">
        <v>4949</v>
      </c>
      <c r="E7900" t="s">
        <v>4916</v>
      </c>
      <c r="F7900" t="s">
        <v>4917</v>
      </c>
      <c r="G7900" t="s">
        <v>80</v>
      </c>
      <c r="H7900" t="s">
        <v>81</v>
      </c>
      <c r="I7900" s="2">
        <v>1</v>
      </c>
      <c r="J7900" s="2">
        <v>0</v>
      </c>
      <c r="K7900" s="2">
        <v>0</v>
      </c>
      <c r="L7900" t="s">
        <v>120</v>
      </c>
      <c r="M7900" t="s">
        <v>89</v>
      </c>
      <c r="N7900" t="s">
        <v>90</v>
      </c>
      <c r="O7900" t="s">
        <v>85</v>
      </c>
      <c r="P7900" t="s">
        <v>86</v>
      </c>
      <c r="Q7900">
        <v>7</v>
      </c>
      <c r="R7900">
        <v>7</v>
      </c>
      <c r="S7900">
        <v>7</v>
      </c>
      <c r="T7900">
        <v>7</v>
      </c>
      <c r="U7900">
        <v>7</v>
      </c>
      <c r="V7900">
        <v>7</v>
      </c>
      <c r="W7900">
        <v>7</v>
      </c>
      <c r="X7900">
        <v>7</v>
      </c>
      <c r="Y7900">
        <v>8</v>
      </c>
      <c r="Z7900">
        <v>8</v>
      </c>
      <c r="AA7900">
        <v>8</v>
      </c>
      <c r="AB7900">
        <v>8</v>
      </c>
      <c r="AC7900">
        <v>8</v>
      </c>
      <c r="AD7900">
        <v>8</v>
      </c>
      <c r="AE7900">
        <v>8</v>
      </c>
      <c r="AF7900">
        <v>8</v>
      </c>
      <c r="AG7900">
        <v>8</v>
      </c>
      <c r="AH7900">
        <v>8</v>
      </c>
      <c r="AI7900">
        <v>8</v>
      </c>
      <c r="AJ7900">
        <v>8</v>
      </c>
      <c r="AK7900">
        <v>7</v>
      </c>
      <c r="AL7900">
        <v>7</v>
      </c>
      <c r="AM7900">
        <v>7</v>
      </c>
      <c r="AN7900">
        <v>7</v>
      </c>
      <c r="AO7900">
        <v>7</v>
      </c>
      <c r="AP7900">
        <v>7</v>
      </c>
      <c r="AQ7900">
        <v>7</v>
      </c>
    </row>
    <row r="7901" spans="1:43">
      <c r="A7901" t="s">
        <v>4946</v>
      </c>
      <c r="B7901" t="s">
        <v>4947</v>
      </c>
      <c r="C7901" t="s">
        <v>4948</v>
      </c>
      <c r="D7901" t="s">
        <v>4949</v>
      </c>
      <c r="E7901" t="s">
        <v>4916</v>
      </c>
      <c r="F7901" t="s">
        <v>4917</v>
      </c>
      <c r="G7901" t="s">
        <v>80</v>
      </c>
      <c r="H7901" t="s">
        <v>81</v>
      </c>
      <c r="I7901" s="2">
        <v>1</v>
      </c>
      <c r="J7901" s="2">
        <v>0</v>
      </c>
      <c r="K7901" s="2">
        <v>0</v>
      </c>
      <c r="L7901" t="s">
        <v>120</v>
      </c>
      <c r="M7901" t="s">
        <v>83</v>
      </c>
      <c r="N7901" t="s">
        <v>91</v>
      </c>
      <c r="O7901" t="s">
        <v>85</v>
      </c>
      <c r="P7901" t="s">
        <v>86</v>
      </c>
      <c r="Q7901">
        <v>7</v>
      </c>
      <c r="R7901">
        <v>7</v>
      </c>
      <c r="S7901">
        <v>7</v>
      </c>
      <c r="T7901">
        <v>7</v>
      </c>
      <c r="U7901">
        <v>7</v>
      </c>
      <c r="V7901">
        <v>7</v>
      </c>
      <c r="W7901">
        <v>7</v>
      </c>
      <c r="X7901">
        <v>7</v>
      </c>
      <c r="Y7901">
        <v>7</v>
      </c>
      <c r="Z7901">
        <v>7</v>
      </c>
      <c r="AA7901">
        <v>7</v>
      </c>
      <c r="AB7901">
        <v>7</v>
      </c>
      <c r="AC7901">
        <v>7</v>
      </c>
      <c r="AD7901">
        <v>7</v>
      </c>
      <c r="AE7901">
        <v>7</v>
      </c>
      <c r="AF7901">
        <v>7</v>
      </c>
      <c r="AG7901">
        <v>7</v>
      </c>
      <c r="AH7901">
        <v>7</v>
      </c>
      <c r="AI7901">
        <v>7</v>
      </c>
      <c r="AJ7901">
        <v>7</v>
      </c>
      <c r="AK7901">
        <v>7</v>
      </c>
      <c r="AL7901">
        <v>7</v>
      </c>
      <c r="AM7901">
        <v>7</v>
      </c>
      <c r="AN7901">
        <v>7</v>
      </c>
      <c r="AO7901">
        <v>7</v>
      </c>
      <c r="AP7901">
        <v>7</v>
      </c>
      <c r="AQ7901">
        <v>7</v>
      </c>
    </row>
    <row r="7902" spans="1:43">
      <c r="A7902" t="s">
        <v>4950</v>
      </c>
      <c r="B7902" t="s">
        <v>4951</v>
      </c>
      <c r="C7902" t="s">
        <v>4938</v>
      </c>
      <c r="D7902" t="s">
        <v>4939</v>
      </c>
      <c r="E7902" t="s">
        <v>4916</v>
      </c>
      <c r="F7902" t="s">
        <v>4917</v>
      </c>
      <c r="G7902" t="s">
        <v>80</v>
      </c>
      <c r="H7902" t="s">
        <v>81</v>
      </c>
      <c r="I7902" s="2">
        <v>1</v>
      </c>
      <c r="J7902" s="2">
        <v>0</v>
      </c>
      <c r="K7902" s="2">
        <v>0</v>
      </c>
      <c r="L7902" t="s">
        <v>120</v>
      </c>
      <c r="M7902" t="s">
        <v>83</v>
      </c>
      <c r="N7902" t="s">
        <v>84</v>
      </c>
      <c r="O7902" t="s">
        <v>85</v>
      </c>
      <c r="P7902" t="s">
        <v>86</v>
      </c>
      <c r="Q7902">
        <v>6</v>
      </c>
      <c r="R7902">
        <v>6</v>
      </c>
      <c r="S7902">
        <v>6</v>
      </c>
      <c r="T7902">
        <v>6</v>
      </c>
      <c r="U7902">
        <v>6</v>
      </c>
      <c r="V7902">
        <v>6</v>
      </c>
      <c r="W7902">
        <v>6</v>
      </c>
      <c r="X7902">
        <v>6</v>
      </c>
      <c r="Y7902">
        <v>6</v>
      </c>
      <c r="Z7902">
        <v>6</v>
      </c>
      <c r="AA7902">
        <v>6</v>
      </c>
      <c r="AB7902">
        <v>6</v>
      </c>
      <c r="AC7902">
        <v>6</v>
      </c>
      <c r="AD7902">
        <v>6</v>
      </c>
      <c r="AE7902">
        <v>6</v>
      </c>
      <c r="AF7902">
        <v>6</v>
      </c>
      <c r="AG7902">
        <v>6</v>
      </c>
      <c r="AH7902">
        <v>6</v>
      </c>
      <c r="AI7902">
        <v>6</v>
      </c>
      <c r="AJ7902">
        <v>6</v>
      </c>
      <c r="AK7902">
        <v>6</v>
      </c>
      <c r="AL7902">
        <v>6</v>
      </c>
      <c r="AM7902">
        <v>6</v>
      </c>
      <c r="AN7902">
        <v>6</v>
      </c>
      <c r="AO7902">
        <v>6</v>
      </c>
      <c r="AP7902">
        <v>6</v>
      </c>
      <c r="AQ7902">
        <v>6</v>
      </c>
    </row>
    <row r="7903" spans="1:43">
      <c r="A7903" t="s">
        <v>4950</v>
      </c>
      <c r="B7903" t="s">
        <v>4951</v>
      </c>
      <c r="C7903" t="s">
        <v>4938</v>
      </c>
      <c r="D7903" t="s">
        <v>4939</v>
      </c>
      <c r="E7903" t="s">
        <v>4916</v>
      </c>
      <c r="F7903" t="s">
        <v>4917</v>
      </c>
      <c r="G7903" t="s">
        <v>80</v>
      </c>
      <c r="H7903" t="s">
        <v>81</v>
      </c>
      <c r="I7903" s="2">
        <v>1</v>
      </c>
      <c r="J7903" s="2">
        <v>0</v>
      </c>
      <c r="K7903" s="2">
        <v>0</v>
      </c>
      <c r="L7903" t="s">
        <v>120</v>
      </c>
      <c r="M7903" t="s">
        <v>87</v>
      </c>
      <c r="N7903" t="s">
        <v>88</v>
      </c>
      <c r="O7903" t="s">
        <v>85</v>
      </c>
      <c r="P7903" t="s">
        <v>86</v>
      </c>
      <c r="Q7903">
        <v>6</v>
      </c>
      <c r="R7903">
        <v>6</v>
      </c>
      <c r="S7903">
        <v>6</v>
      </c>
      <c r="T7903">
        <v>6</v>
      </c>
      <c r="U7903">
        <v>6</v>
      </c>
      <c r="V7903">
        <v>6</v>
      </c>
      <c r="W7903">
        <v>6</v>
      </c>
      <c r="X7903">
        <v>6</v>
      </c>
      <c r="Y7903">
        <v>6</v>
      </c>
      <c r="Z7903">
        <v>6</v>
      </c>
      <c r="AA7903">
        <v>6</v>
      </c>
      <c r="AB7903">
        <v>6</v>
      </c>
      <c r="AC7903">
        <v>6</v>
      </c>
      <c r="AD7903">
        <v>6</v>
      </c>
      <c r="AE7903">
        <v>6</v>
      </c>
      <c r="AF7903">
        <v>6</v>
      </c>
      <c r="AG7903">
        <v>6</v>
      </c>
      <c r="AH7903">
        <v>6</v>
      </c>
      <c r="AI7903">
        <v>6</v>
      </c>
      <c r="AJ7903">
        <v>6</v>
      </c>
      <c r="AK7903">
        <v>6</v>
      </c>
      <c r="AL7903">
        <v>5</v>
      </c>
      <c r="AM7903">
        <v>5</v>
      </c>
      <c r="AN7903">
        <v>5</v>
      </c>
      <c r="AO7903">
        <v>5</v>
      </c>
      <c r="AP7903">
        <v>5</v>
      </c>
      <c r="AQ7903">
        <v>5</v>
      </c>
    </row>
    <row r="7904" spans="1:43">
      <c r="A7904" t="s">
        <v>4950</v>
      </c>
      <c r="B7904" t="s">
        <v>4951</v>
      </c>
      <c r="C7904" t="s">
        <v>4938</v>
      </c>
      <c r="D7904" t="s">
        <v>4939</v>
      </c>
      <c r="E7904" t="s">
        <v>4916</v>
      </c>
      <c r="F7904" t="s">
        <v>4917</v>
      </c>
      <c r="G7904" t="s">
        <v>80</v>
      </c>
      <c r="H7904" t="s">
        <v>81</v>
      </c>
      <c r="I7904" s="2">
        <v>1</v>
      </c>
      <c r="J7904" s="2">
        <v>0</v>
      </c>
      <c r="K7904" s="2">
        <v>0</v>
      </c>
      <c r="L7904" t="s">
        <v>120</v>
      </c>
      <c r="M7904" t="s">
        <v>89</v>
      </c>
      <c r="N7904" t="s">
        <v>90</v>
      </c>
      <c r="O7904" t="s">
        <v>85</v>
      </c>
      <c r="P7904" t="s">
        <v>86</v>
      </c>
      <c r="Q7904">
        <v>6</v>
      </c>
      <c r="R7904">
        <v>6</v>
      </c>
      <c r="S7904">
        <v>6</v>
      </c>
      <c r="T7904">
        <v>6</v>
      </c>
      <c r="U7904">
        <v>6</v>
      </c>
      <c r="V7904">
        <v>6</v>
      </c>
      <c r="W7904">
        <v>6</v>
      </c>
      <c r="X7904">
        <v>6</v>
      </c>
      <c r="Y7904">
        <v>7</v>
      </c>
      <c r="Z7904">
        <v>7</v>
      </c>
      <c r="AA7904">
        <v>7</v>
      </c>
      <c r="AB7904">
        <v>7</v>
      </c>
      <c r="AC7904">
        <v>7</v>
      </c>
      <c r="AD7904">
        <v>7</v>
      </c>
      <c r="AE7904">
        <v>7</v>
      </c>
      <c r="AF7904">
        <v>7</v>
      </c>
      <c r="AG7904">
        <v>7</v>
      </c>
      <c r="AH7904">
        <v>7</v>
      </c>
      <c r="AI7904">
        <v>7</v>
      </c>
      <c r="AJ7904">
        <v>7</v>
      </c>
      <c r="AK7904">
        <v>6</v>
      </c>
      <c r="AL7904">
        <v>6</v>
      </c>
      <c r="AM7904">
        <v>6</v>
      </c>
      <c r="AN7904">
        <v>6</v>
      </c>
      <c r="AO7904">
        <v>6</v>
      </c>
      <c r="AP7904">
        <v>6</v>
      </c>
      <c r="AQ7904">
        <v>6</v>
      </c>
    </row>
    <row r="7905" spans="1:43">
      <c r="A7905" t="s">
        <v>4950</v>
      </c>
      <c r="B7905" t="s">
        <v>4951</v>
      </c>
      <c r="C7905" t="s">
        <v>4938</v>
      </c>
      <c r="D7905" t="s">
        <v>4939</v>
      </c>
      <c r="E7905" t="s">
        <v>4916</v>
      </c>
      <c r="F7905" t="s">
        <v>4917</v>
      </c>
      <c r="G7905" t="s">
        <v>80</v>
      </c>
      <c r="H7905" t="s">
        <v>81</v>
      </c>
      <c r="I7905" s="2">
        <v>1</v>
      </c>
      <c r="J7905" s="2">
        <v>0</v>
      </c>
      <c r="K7905" s="2">
        <v>0</v>
      </c>
      <c r="L7905" t="s">
        <v>120</v>
      </c>
      <c r="M7905" t="s">
        <v>83</v>
      </c>
      <c r="N7905" t="s">
        <v>91</v>
      </c>
      <c r="O7905" t="s">
        <v>85</v>
      </c>
      <c r="P7905" t="s">
        <v>86</v>
      </c>
      <c r="Q7905">
        <v>6</v>
      </c>
      <c r="R7905">
        <v>6</v>
      </c>
      <c r="S7905">
        <v>6</v>
      </c>
      <c r="T7905">
        <v>6</v>
      </c>
      <c r="U7905">
        <v>6</v>
      </c>
      <c r="V7905">
        <v>6</v>
      </c>
      <c r="W7905">
        <v>6</v>
      </c>
      <c r="X7905">
        <v>6</v>
      </c>
      <c r="Y7905">
        <v>6</v>
      </c>
      <c r="Z7905">
        <v>6</v>
      </c>
      <c r="AA7905">
        <v>6</v>
      </c>
      <c r="AB7905">
        <v>6</v>
      </c>
      <c r="AC7905">
        <v>6</v>
      </c>
      <c r="AD7905">
        <v>6</v>
      </c>
      <c r="AE7905">
        <v>6</v>
      </c>
      <c r="AF7905">
        <v>6</v>
      </c>
      <c r="AG7905">
        <v>6</v>
      </c>
      <c r="AH7905">
        <v>6</v>
      </c>
      <c r="AI7905">
        <v>6</v>
      </c>
      <c r="AJ7905">
        <v>6</v>
      </c>
      <c r="AK7905">
        <v>6</v>
      </c>
      <c r="AL7905">
        <v>6</v>
      </c>
      <c r="AM7905">
        <v>6</v>
      </c>
      <c r="AN7905">
        <v>6</v>
      </c>
      <c r="AO7905">
        <v>6</v>
      </c>
      <c r="AP7905">
        <v>6</v>
      </c>
      <c r="AQ7905">
        <v>6</v>
      </c>
    </row>
    <row r="7906" spans="1:43">
      <c r="A7906" t="s">
        <v>4952</v>
      </c>
      <c r="B7906" t="s">
        <v>4953</v>
      </c>
      <c r="C7906" t="s">
        <v>4942</v>
      </c>
      <c r="D7906" t="s">
        <v>4943</v>
      </c>
      <c r="E7906" t="s">
        <v>4916</v>
      </c>
      <c r="F7906" t="s">
        <v>4917</v>
      </c>
      <c r="G7906" t="s">
        <v>80</v>
      </c>
      <c r="H7906" t="s">
        <v>81</v>
      </c>
      <c r="I7906" s="2">
        <v>1</v>
      </c>
      <c r="J7906" s="2">
        <v>0</v>
      </c>
      <c r="K7906" s="2">
        <v>0</v>
      </c>
      <c r="L7906" t="s">
        <v>120</v>
      </c>
      <c r="M7906" t="s">
        <v>83</v>
      </c>
      <c r="N7906" t="s">
        <v>84</v>
      </c>
      <c r="O7906" t="s">
        <v>85</v>
      </c>
      <c r="P7906" t="s">
        <v>86</v>
      </c>
      <c r="Q7906">
        <v>14</v>
      </c>
      <c r="R7906">
        <v>14</v>
      </c>
      <c r="S7906">
        <v>14</v>
      </c>
      <c r="T7906">
        <v>14</v>
      </c>
      <c r="U7906">
        <v>14</v>
      </c>
      <c r="V7906">
        <v>14</v>
      </c>
      <c r="W7906">
        <v>14</v>
      </c>
      <c r="X7906">
        <v>14</v>
      </c>
      <c r="Y7906">
        <v>14</v>
      </c>
      <c r="Z7906">
        <v>14</v>
      </c>
      <c r="AA7906">
        <v>14</v>
      </c>
      <c r="AB7906">
        <v>15</v>
      </c>
      <c r="AC7906">
        <v>15</v>
      </c>
      <c r="AD7906">
        <v>15</v>
      </c>
      <c r="AE7906">
        <v>15</v>
      </c>
      <c r="AF7906">
        <v>15</v>
      </c>
      <c r="AG7906">
        <v>15</v>
      </c>
      <c r="AH7906">
        <v>15</v>
      </c>
      <c r="AI7906">
        <v>15</v>
      </c>
      <c r="AJ7906">
        <v>15</v>
      </c>
      <c r="AK7906">
        <v>15</v>
      </c>
      <c r="AL7906">
        <v>15</v>
      </c>
      <c r="AM7906">
        <v>15</v>
      </c>
      <c r="AN7906">
        <v>15</v>
      </c>
      <c r="AO7906">
        <v>15</v>
      </c>
      <c r="AP7906">
        <v>15</v>
      </c>
      <c r="AQ7906">
        <v>14</v>
      </c>
    </row>
    <row r="7907" spans="1:43">
      <c r="A7907" t="s">
        <v>4952</v>
      </c>
      <c r="B7907" t="s">
        <v>4953</v>
      </c>
      <c r="C7907" t="s">
        <v>4942</v>
      </c>
      <c r="D7907" t="s">
        <v>4943</v>
      </c>
      <c r="E7907" t="s">
        <v>4916</v>
      </c>
      <c r="F7907" t="s">
        <v>4917</v>
      </c>
      <c r="G7907" t="s">
        <v>80</v>
      </c>
      <c r="H7907" t="s">
        <v>81</v>
      </c>
      <c r="I7907" s="2">
        <v>1</v>
      </c>
      <c r="J7907" s="2">
        <v>0</v>
      </c>
      <c r="K7907" s="2">
        <v>0</v>
      </c>
      <c r="L7907" t="s">
        <v>120</v>
      </c>
      <c r="M7907" t="s">
        <v>87</v>
      </c>
      <c r="N7907" t="s">
        <v>88</v>
      </c>
      <c r="O7907" t="s">
        <v>85</v>
      </c>
      <c r="P7907" t="s">
        <v>86</v>
      </c>
      <c r="Q7907">
        <v>14</v>
      </c>
      <c r="R7907">
        <v>14</v>
      </c>
      <c r="S7907">
        <v>14</v>
      </c>
      <c r="T7907">
        <v>13</v>
      </c>
      <c r="U7907">
        <v>13</v>
      </c>
      <c r="V7907">
        <v>13</v>
      </c>
      <c r="W7907">
        <v>13</v>
      </c>
      <c r="X7907">
        <v>13</v>
      </c>
      <c r="Y7907">
        <v>13</v>
      </c>
      <c r="Z7907">
        <v>13</v>
      </c>
      <c r="AA7907">
        <v>13</v>
      </c>
      <c r="AB7907">
        <v>13</v>
      </c>
      <c r="AC7907">
        <v>13</v>
      </c>
      <c r="AD7907">
        <v>13</v>
      </c>
      <c r="AE7907">
        <v>13</v>
      </c>
      <c r="AF7907">
        <v>13</v>
      </c>
      <c r="AG7907">
        <v>13</v>
      </c>
      <c r="AH7907">
        <v>13</v>
      </c>
      <c r="AI7907">
        <v>13</v>
      </c>
      <c r="AJ7907">
        <v>13</v>
      </c>
      <c r="AK7907">
        <v>13</v>
      </c>
      <c r="AL7907">
        <v>13</v>
      </c>
      <c r="AM7907">
        <v>13</v>
      </c>
      <c r="AN7907">
        <v>13</v>
      </c>
      <c r="AO7907">
        <v>13</v>
      </c>
      <c r="AP7907">
        <v>13</v>
      </c>
      <c r="AQ7907">
        <v>13</v>
      </c>
    </row>
    <row r="7908" spans="1:43">
      <c r="A7908" t="s">
        <v>4952</v>
      </c>
      <c r="B7908" t="s">
        <v>4953</v>
      </c>
      <c r="C7908" t="s">
        <v>4942</v>
      </c>
      <c r="D7908" t="s">
        <v>4943</v>
      </c>
      <c r="E7908" t="s">
        <v>4916</v>
      </c>
      <c r="F7908" t="s">
        <v>4917</v>
      </c>
      <c r="G7908" t="s">
        <v>80</v>
      </c>
      <c r="H7908" t="s">
        <v>81</v>
      </c>
      <c r="I7908" s="2">
        <v>1</v>
      </c>
      <c r="J7908" s="2">
        <v>0</v>
      </c>
      <c r="K7908" s="2">
        <v>0</v>
      </c>
      <c r="L7908" t="s">
        <v>120</v>
      </c>
      <c r="M7908" t="s">
        <v>89</v>
      </c>
      <c r="N7908" t="s">
        <v>90</v>
      </c>
      <c r="O7908" t="s">
        <v>85</v>
      </c>
      <c r="P7908" t="s">
        <v>86</v>
      </c>
      <c r="Q7908">
        <v>14</v>
      </c>
      <c r="R7908">
        <v>14</v>
      </c>
      <c r="S7908">
        <v>14</v>
      </c>
      <c r="T7908">
        <v>14</v>
      </c>
      <c r="U7908">
        <v>15</v>
      </c>
      <c r="V7908">
        <v>15</v>
      </c>
      <c r="W7908">
        <v>15</v>
      </c>
      <c r="X7908">
        <v>15</v>
      </c>
      <c r="Y7908">
        <v>15</v>
      </c>
      <c r="Z7908">
        <v>15</v>
      </c>
      <c r="AA7908">
        <v>15</v>
      </c>
      <c r="AB7908">
        <v>15</v>
      </c>
      <c r="AC7908">
        <v>16</v>
      </c>
      <c r="AD7908">
        <v>16</v>
      </c>
      <c r="AE7908">
        <v>16</v>
      </c>
      <c r="AF7908">
        <v>16</v>
      </c>
      <c r="AG7908">
        <v>15</v>
      </c>
      <c r="AH7908">
        <v>15</v>
      </c>
      <c r="AI7908">
        <v>15</v>
      </c>
      <c r="AJ7908">
        <v>15</v>
      </c>
      <c r="AK7908">
        <v>15</v>
      </c>
      <c r="AL7908">
        <v>15</v>
      </c>
      <c r="AM7908">
        <v>15</v>
      </c>
      <c r="AN7908">
        <v>15</v>
      </c>
      <c r="AO7908">
        <v>15</v>
      </c>
      <c r="AP7908">
        <v>15</v>
      </c>
      <c r="AQ7908">
        <v>15</v>
      </c>
    </row>
    <row r="7909" spans="1:43">
      <c r="A7909" t="s">
        <v>4952</v>
      </c>
      <c r="B7909" t="s">
        <v>4953</v>
      </c>
      <c r="C7909" t="s">
        <v>4942</v>
      </c>
      <c r="D7909" t="s">
        <v>4943</v>
      </c>
      <c r="E7909" t="s">
        <v>4916</v>
      </c>
      <c r="F7909" t="s">
        <v>4917</v>
      </c>
      <c r="G7909" t="s">
        <v>80</v>
      </c>
      <c r="H7909" t="s">
        <v>81</v>
      </c>
      <c r="I7909" s="2">
        <v>1</v>
      </c>
      <c r="J7909" s="2">
        <v>0</v>
      </c>
      <c r="K7909" s="2">
        <v>0</v>
      </c>
      <c r="L7909" t="s">
        <v>120</v>
      </c>
      <c r="M7909" t="s">
        <v>83</v>
      </c>
      <c r="N7909" t="s">
        <v>91</v>
      </c>
      <c r="O7909" t="s">
        <v>85</v>
      </c>
      <c r="P7909" t="s">
        <v>86</v>
      </c>
      <c r="Q7909">
        <v>14</v>
      </c>
      <c r="R7909">
        <v>14</v>
      </c>
      <c r="S7909">
        <v>14</v>
      </c>
      <c r="T7909">
        <v>14</v>
      </c>
      <c r="U7909">
        <v>14</v>
      </c>
      <c r="V7909">
        <v>14</v>
      </c>
      <c r="W7909">
        <v>14</v>
      </c>
      <c r="X7909">
        <v>14</v>
      </c>
      <c r="Y7909">
        <v>14</v>
      </c>
      <c r="Z7909">
        <v>14</v>
      </c>
      <c r="AA7909">
        <v>14</v>
      </c>
      <c r="AB7909">
        <v>15</v>
      </c>
      <c r="AC7909">
        <v>15</v>
      </c>
      <c r="AD7909">
        <v>15</v>
      </c>
      <c r="AE7909">
        <v>15</v>
      </c>
      <c r="AF7909">
        <v>15</v>
      </c>
      <c r="AG7909">
        <v>15</v>
      </c>
      <c r="AH7909">
        <v>15</v>
      </c>
      <c r="AI7909">
        <v>15</v>
      </c>
      <c r="AJ7909">
        <v>15</v>
      </c>
      <c r="AK7909">
        <v>15</v>
      </c>
      <c r="AL7909">
        <v>15</v>
      </c>
      <c r="AM7909">
        <v>15</v>
      </c>
      <c r="AN7909">
        <v>15</v>
      </c>
      <c r="AO7909">
        <v>15</v>
      </c>
      <c r="AP7909">
        <v>15</v>
      </c>
      <c r="AQ7909">
        <v>14</v>
      </c>
    </row>
    <row r="7910" spans="1:43">
      <c r="A7910" t="s">
        <v>4954</v>
      </c>
      <c r="B7910" t="s">
        <v>4955</v>
      </c>
      <c r="C7910" t="s">
        <v>4938</v>
      </c>
      <c r="D7910" t="s">
        <v>4939</v>
      </c>
      <c r="E7910" t="s">
        <v>4916</v>
      </c>
      <c r="F7910" t="s">
        <v>4917</v>
      </c>
      <c r="G7910" t="s">
        <v>80</v>
      </c>
      <c r="H7910" t="s">
        <v>81</v>
      </c>
      <c r="I7910" s="2">
        <v>1</v>
      </c>
      <c r="J7910" s="2">
        <v>0</v>
      </c>
      <c r="K7910" s="2">
        <v>0</v>
      </c>
      <c r="L7910" t="s">
        <v>120</v>
      </c>
      <c r="M7910" t="s">
        <v>83</v>
      </c>
      <c r="N7910" t="s">
        <v>84</v>
      </c>
      <c r="O7910" t="s">
        <v>85</v>
      </c>
      <c r="P7910" t="s">
        <v>86</v>
      </c>
      <c r="Q7910">
        <v>30</v>
      </c>
      <c r="R7910">
        <v>30</v>
      </c>
      <c r="S7910">
        <v>30</v>
      </c>
      <c r="T7910">
        <v>31</v>
      </c>
      <c r="U7910">
        <v>31</v>
      </c>
      <c r="V7910">
        <v>31</v>
      </c>
      <c r="W7910">
        <v>31</v>
      </c>
      <c r="X7910">
        <v>31</v>
      </c>
      <c r="Y7910">
        <v>32</v>
      </c>
      <c r="Z7910">
        <v>32</v>
      </c>
      <c r="AA7910">
        <v>32</v>
      </c>
      <c r="AB7910">
        <v>32</v>
      </c>
      <c r="AC7910">
        <v>32</v>
      </c>
      <c r="AD7910">
        <v>32</v>
      </c>
      <c r="AE7910">
        <v>32</v>
      </c>
      <c r="AF7910">
        <v>32</v>
      </c>
      <c r="AG7910">
        <v>32</v>
      </c>
      <c r="AH7910">
        <v>32</v>
      </c>
      <c r="AI7910">
        <v>33</v>
      </c>
      <c r="AJ7910">
        <v>33</v>
      </c>
      <c r="AK7910">
        <v>33</v>
      </c>
      <c r="AL7910">
        <v>33</v>
      </c>
      <c r="AM7910">
        <v>32</v>
      </c>
      <c r="AN7910">
        <v>32</v>
      </c>
      <c r="AO7910">
        <v>32</v>
      </c>
      <c r="AP7910">
        <v>32</v>
      </c>
      <c r="AQ7910">
        <v>32</v>
      </c>
    </row>
    <row r="7911" spans="1:43">
      <c r="A7911" t="s">
        <v>4954</v>
      </c>
      <c r="B7911" t="s">
        <v>4955</v>
      </c>
      <c r="C7911" t="s">
        <v>4938</v>
      </c>
      <c r="D7911" t="s">
        <v>4939</v>
      </c>
      <c r="E7911" t="s">
        <v>4916</v>
      </c>
      <c r="F7911" t="s">
        <v>4917</v>
      </c>
      <c r="G7911" t="s">
        <v>80</v>
      </c>
      <c r="H7911" t="s">
        <v>81</v>
      </c>
      <c r="I7911" s="2">
        <v>1</v>
      </c>
      <c r="J7911" s="2">
        <v>0</v>
      </c>
      <c r="K7911" s="2">
        <v>0</v>
      </c>
      <c r="L7911" t="s">
        <v>120</v>
      </c>
      <c r="M7911" t="s">
        <v>87</v>
      </c>
      <c r="N7911" t="s">
        <v>88</v>
      </c>
      <c r="O7911" t="s">
        <v>85</v>
      </c>
      <c r="P7911" t="s">
        <v>86</v>
      </c>
      <c r="Q7911">
        <v>30</v>
      </c>
      <c r="R7911">
        <v>30</v>
      </c>
      <c r="S7911">
        <v>30</v>
      </c>
      <c r="T7911">
        <v>30</v>
      </c>
      <c r="U7911">
        <v>29</v>
      </c>
      <c r="V7911">
        <v>29</v>
      </c>
      <c r="W7911">
        <v>29</v>
      </c>
      <c r="X7911">
        <v>29</v>
      </c>
      <c r="Y7911">
        <v>29</v>
      </c>
      <c r="Z7911">
        <v>29</v>
      </c>
      <c r="AA7911">
        <v>29</v>
      </c>
      <c r="AB7911">
        <v>29</v>
      </c>
      <c r="AC7911">
        <v>29</v>
      </c>
      <c r="AD7911">
        <v>29</v>
      </c>
      <c r="AE7911">
        <v>29</v>
      </c>
      <c r="AF7911">
        <v>29</v>
      </c>
      <c r="AG7911">
        <v>29</v>
      </c>
      <c r="AH7911">
        <v>28</v>
      </c>
      <c r="AI7911">
        <v>28</v>
      </c>
      <c r="AJ7911">
        <v>28</v>
      </c>
      <c r="AK7911">
        <v>28</v>
      </c>
      <c r="AL7911">
        <v>28</v>
      </c>
      <c r="AM7911">
        <v>28</v>
      </c>
      <c r="AN7911">
        <v>28</v>
      </c>
      <c r="AO7911">
        <v>28</v>
      </c>
      <c r="AP7911">
        <v>28</v>
      </c>
      <c r="AQ7911">
        <v>28</v>
      </c>
    </row>
    <row r="7912" spans="1:43">
      <c r="A7912" t="s">
        <v>4954</v>
      </c>
      <c r="B7912" t="s">
        <v>4955</v>
      </c>
      <c r="C7912" t="s">
        <v>4938</v>
      </c>
      <c r="D7912" t="s">
        <v>4939</v>
      </c>
      <c r="E7912" t="s">
        <v>4916</v>
      </c>
      <c r="F7912" t="s">
        <v>4917</v>
      </c>
      <c r="G7912" t="s">
        <v>80</v>
      </c>
      <c r="H7912" t="s">
        <v>81</v>
      </c>
      <c r="I7912" s="2">
        <v>1</v>
      </c>
      <c r="J7912" s="2">
        <v>0</v>
      </c>
      <c r="K7912" s="2">
        <v>0</v>
      </c>
      <c r="L7912" t="s">
        <v>120</v>
      </c>
      <c r="M7912" t="s">
        <v>89</v>
      </c>
      <c r="N7912" t="s">
        <v>90</v>
      </c>
      <c r="O7912" t="s">
        <v>85</v>
      </c>
      <c r="P7912" t="s">
        <v>86</v>
      </c>
      <c r="Q7912">
        <v>30</v>
      </c>
      <c r="R7912">
        <v>31</v>
      </c>
      <c r="S7912">
        <v>31</v>
      </c>
      <c r="T7912">
        <v>32</v>
      </c>
      <c r="U7912">
        <v>32</v>
      </c>
      <c r="V7912">
        <v>32</v>
      </c>
      <c r="W7912">
        <v>33</v>
      </c>
      <c r="X7912">
        <v>33</v>
      </c>
      <c r="Y7912">
        <v>33</v>
      </c>
      <c r="Z7912">
        <v>34</v>
      </c>
      <c r="AA7912">
        <v>34</v>
      </c>
      <c r="AB7912">
        <v>34</v>
      </c>
      <c r="AC7912">
        <v>34</v>
      </c>
      <c r="AD7912">
        <v>34</v>
      </c>
      <c r="AE7912">
        <v>34</v>
      </c>
      <c r="AF7912">
        <v>34</v>
      </c>
      <c r="AG7912">
        <v>34</v>
      </c>
      <c r="AH7912">
        <v>34</v>
      </c>
      <c r="AI7912">
        <v>34</v>
      </c>
      <c r="AJ7912">
        <v>33</v>
      </c>
      <c r="AK7912">
        <v>33</v>
      </c>
      <c r="AL7912">
        <v>33</v>
      </c>
      <c r="AM7912">
        <v>33</v>
      </c>
      <c r="AN7912">
        <v>33</v>
      </c>
      <c r="AO7912">
        <v>32</v>
      </c>
      <c r="AP7912">
        <v>32</v>
      </c>
      <c r="AQ7912">
        <v>32</v>
      </c>
    </row>
    <row r="7913" spans="1:43">
      <c r="A7913" t="s">
        <v>4954</v>
      </c>
      <c r="B7913" t="s">
        <v>4955</v>
      </c>
      <c r="C7913" t="s">
        <v>4938</v>
      </c>
      <c r="D7913" t="s">
        <v>4939</v>
      </c>
      <c r="E7913" t="s">
        <v>4916</v>
      </c>
      <c r="F7913" t="s">
        <v>4917</v>
      </c>
      <c r="G7913" t="s">
        <v>80</v>
      </c>
      <c r="H7913" t="s">
        <v>81</v>
      </c>
      <c r="I7913" s="2">
        <v>1</v>
      </c>
      <c r="J7913" s="2">
        <v>0</v>
      </c>
      <c r="K7913" s="2">
        <v>0</v>
      </c>
      <c r="L7913" t="s">
        <v>120</v>
      </c>
      <c r="M7913" t="s">
        <v>83</v>
      </c>
      <c r="N7913" t="s">
        <v>91</v>
      </c>
      <c r="O7913" t="s">
        <v>85</v>
      </c>
      <c r="P7913" t="s">
        <v>86</v>
      </c>
      <c r="Q7913">
        <v>30</v>
      </c>
      <c r="R7913">
        <v>30</v>
      </c>
      <c r="S7913">
        <v>30</v>
      </c>
      <c r="T7913">
        <v>31</v>
      </c>
      <c r="U7913">
        <v>31</v>
      </c>
      <c r="V7913">
        <v>31</v>
      </c>
      <c r="W7913">
        <v>31</v>
      </c>
      <c r="X7913">
        <v>31</v>
      </c>
      <c r="Y7913">
        <v>32</v>
      </c>
      <c r="Z7913">
        <v>32</v>
      </c>
      <c r="AA7913">
        <v>32</v>
      </c>
      <c r="AB7913">
        <v>32</v>
      </c>
      <c r="AC7913">
        <v>32</v>
      </c>
      <c r="AD7913">
        <v>32</v>
      </c>
      <c r="AE7913">
        <v>32</v>
      </c>
      <c r="AF7913">
        <v>32</v>
      </c>
      <c r="AG7913">
        <v>32</v>
      </c>
      <c r="AH7913">
        <v>32</v>
      </c>
      <c r="AI7913">
        <v>33</v>
      </c>
      <c r="AJ7913">
        <v>33</v>
      </c>
      <c r="AK7913">
        <v>33</v>
      </c>
      <c r="AL7913">
        <v>33</v>
      </c>
      <c r="AM7913">
        <v>32</v>
      </c>
      <c r="AN7913">
        <v>32</v>
      </c>
      <c r="AO7913">
        <v>32</v>
      </c>
      <c r="AP7913">
        <v>32</v>
      </c>
      <c r="AQ7913">
        <v>32</v>
      </c>
    </row>
    <row r="7914" spans="1:43">
      <c r="A7914" t="s">
        <v>4956</v>
      </c>
      <c r="B7914" t="s">
        <v>4957</v>
      </c>
      <c r="C7914" t="s">
        <v>4938</v>
      </c>
      <c r="D7914" t="s">
        <v>4939</v>
      </c>
      <c r="E7914" t="s">
        <v>4916</v>
      </c>
      <c r="F7914" t="s">
        <v>4917</v>
      </c>
      <c r="G7914" t="s">
        <v>80</v>
      </c>
      <c r="H7914" t="s">
        <v>81</v>
      </c>
      <c r="I7914" s="2">
        <v>1</v>
      </c>
      <c r="J7914" s="2">
        <v>0</v>
      </c>
      <c r="K7914" s="2">
        <v>0</v>
      </c>
      <c r="L7914" t="s">
        <v>120</v>
      </c>
      <c r="M7914" t="s">
        <v>83</v>
      </c>
      <c r="N7914" t="s">
        <v>84</v>
      </c>
      <c r="O7914" t="s">
        <v>85</v>
      </c>
      <c r="P7914" t="s">
        <v>86</v>
      </c>
      <c r="Q7914">
        <v>20</v>
      </c>
      <c r="R7914">
        <v>21</v>
      </c>
      <c r="S7914">
        <v>21</v>
      </c>
      <c r="T7914">
        <v>21</v>
      </c>
      <c r="U7914">
        <v>21</v>
      </c>
      <c r="V7914">
        <v>21</v>
      </c>
      <c r="W7914">
        <v>21</v>
      </c>
      <c r="X7914">
        <v>21</v>
      </c>
      <c r="Y7914">
        <v>21</v>
      </c>
      <c r="Z7914">
        <v>22</v>
      </c>
      <c r="AA7914">
        <v>22</v>
      </c>
      <c r="AB7914">
        <v>22</v>
      </c>
      <c r="AC7914">
        <v>22</v>
      </c>
      <c r="AD7914">
        <v>22</v>
      </c>
      <c r="AE7914">
        <v>22</v>
      </c>
      <c r="AF7914">
        <v>22</v>
      </c>
      <c r="AG7914">
        <v>22</v>
      </c>
      <c r="AH7914">
        <v>22</v>
      </c>
      <c r="AI7914">
        <v>22</v>
      </c>
      <c r="AJ7914">
        <v>22</v>
      </c>
      <c r="AK7914">
        <v>22</v>
      </c>
      <c r="AL7914">
        <v>22</v>
      </c>
      <c r="AM7914">
        <v>22</v>
      </c>
      <c r="AN7914">
        <v>22</v>
      </c>
      <c r="AO7914">
        <v>22</v>
      </c>
      <c r="AP7914">
        <v>22</v>
      </c>
      <c r="AQ7914">
        <v>22</v>
      </c>
    </row>
    <row r="7915" spans="1:43">
      <c r="A7915" t="s">
        <v>4956</v>
      </c>
      <c r="B7915" t="s">
        <v>4957</v>
      </c>
      <c r="C7915" t="s">
        <v>4938</v>
      </c>
      <c r="D7915" t="s">
        <v>4939</v>
      </c>
      <c r="E7915" t="s">
        <v>4916</v>
      </c>
      <c r="F7915" t="s">
        <v>4917</v>
      </c>
      <c r="G7915" t="s">
        <v>80</v>
      </c>
      <c r="H7915" t="s">
        <v>81</v>
      </c>
      <c r="I7915" s="2">
        <v>1</v>
      </c>
      <c r="J7915" s="2">
        <v>0</v>
      </c>
      <c r="K7915" s="2">
        <v>0</v>
      </c>
      <c r="L7915" t="s">
        <v>120</v>
      </c>
      <c r="M7915" t="s">
        <v>87</v>
      </c>
      <c r="N7915" t="s">
        <v>88</v>
      </c>
      <c r="O7915" t="s">
        <v>85</v>
      </c>
      <c r="P7915" t="s">
        <v>86</v>
      </c>
      <c r="Q7915">
        <v>20</v>
      </c>
      <c r="R7915">
        <v>20</v>
      </c>
      <c r="S7915">
        <v>20</v>
      </c>
      <c r="T7915">
        <v>20</v>
      </c>
      <c r="U7915">
        <v>20</v>
      </c>
      <c r="V7915">
        <v>20</v>
      </c>
      <c r="W7915">
        <v>20</v>
      </c>
      <c r="X7915">
        <v>20</v>
      </c>
      <c r="Y7915">
        <v>20</v>
      </c>
      <c r="Z7915">
        <v>20</v>
      </c>
      <c r="AA7915">
        <v>20</v>
      </c>
      <c r="AB7915">
        <v>20</v>
      </c>
      <c r="AC7915">
        <v>20</v>
      </c>
      <c r="AD7915">
        <v>20</v>
      </c>
      <c r="AE7915">
        <v>19</v>
      </c>
      <c r="AF7915">
        <v>19</v>
      </c>
      <c r="AG7915">
        <v>19</v>
      </c>
      <c r="AH7915">
        <v>19</v>
      </c>
      <c r="AI7915">
        <v>19</v>
      </c>
      <c r="AJ7915">
        <v>19</v>
      </c>
      <c r="AK7915">
        <v>19</v>
      </c>
      <c r="AL7915">
        <v>19</v>
      </c>
      <c r="AM7915">
        <v>19</v>
      </c>
      <c r="AN7915">
        <v>19</v>
      </c>
      <c r="AO7915">
        <v>19</v>
      </c>
      <c r="AP7915">
        <v>19</v>
      </c>
      <c r="AQ7915">
        <v>19</v>
      </c>
    </row>
    <row r="7916" spans="1:43">
      <c r="A7916" t="s">
        <v>4956</v>
      </c>
      <c r="B7916" t="s">
        <v>4957</v>
      </c>
      <c r="C7916" t="s">
        <v>4938</v>
      </c>
      <c r="D7916" t="s">
        <v>4939</v>
      </c>
      <c r="E7916" t="s">
        <v>4916</v>
      </c>
      <c r="F7916" t="s">
        <v>4917</v>
      </c>
      <c r="G7916" t="s">
        <v>80</v>
      </c>
      <c r="H7916" t="s">
        <v>81</v>
      </c>
      <c r="I7916" s="2">
        <v>1</v>
      </c>
      <c r="J7916" s="2">
        <v>0</v>
      </c>
      <c r="K7916" s="2">
        <v>0</v>
      </c>
      <c r="L7916" t="s">
        <v>120</v>
      </c>
      <c r="M7916" t="s">
        <v>89</v>
      </c>
      <c r="N7916" t="s">
        <v>90</v>
      </c>
      <c r="O7916" t="s">
        <v>85</v>
      </c>
      <c r="P7916" t="s">
        <v>86</v>
      </c>
      <c r="Q7916">
        <v>20</v>
      </c>
      <c r="R7916">
        <v>20</v>
      </c>
      <c r="S7916">
        <v>20</v>
      </c>
      <c r="T7916">
        <v>21</v>
      </c>
      <c r="U7916">
        <v>21</v>
      </c>
      <c r="V7916">
        <v>21</v>
      </c>
      <c r="W7916">
        <v>21</v>
      </c>
      <c r="X7916">
        <v>21</v>
      </c>
      <c r="Y7916">
        <v>22</v>
      </c>
      <c r="Z7916">
        <v>22</v>
      </c>
      <c r="AA7916">
        <v>22</v>
      </c>
      <c r="AB7916">
        <v>22</v>
      </c>
      <c r="AC7916">
        <v>22</v>
      </c>
      <c r="AD7916">
        <v>22</v>
      </c>
      <c r="AE7916">
        <v>22</v>
      </c>
      <c r="AF7916">
        <v>22</v>
      </c>
      <c r="AG7916">
        <v>22</v>
      </c>
      <c r="AH7916">
        <v>22</v>
      </c>
      <c r="AI7916">
        <v>22</v>
      </c>
      <c r="AJ7916">
        <v>22</v>
      </c>
      <c r="AK7916">
        <v>22</v>
      </c>
      <c r="AL7916">
        <v>21</v>
      </c>
      <c r="AM7916">
        <v>21</v>
      </c>
      <c r="AN7916">
        <v>21</v>
      </c>
      <c r="AO7916">
        <v>21</v>
      </c>
      <c r="AP7916">
        <v>21</v>
      </c>
      <c r="AQ7916">
        <v>21</v>
      </c>
    </row>
    <row r="7917" spans="1:43">
      <c r="A7917" t="s">
        <v>4956</v>
      </c>
      <c r="B7917" t="s">
        <v>4957</v>
      </c>
      <c r="C7917" t="s">
        <v>4938</v>
      </c>
      <c r="D7917" t="s">
        <v>4939</v>
      </c>
      <c r="E7917" t="s">
        <v>4916</v>
      </c>
      <c r="F7917" t="s">
        <v>4917</v>
      </c>
      <c r="G7917" t="s">
        <v>80</v>
      </c>
      <c r="H7917" t="s">
        <v>81</v>
      </c>
      <c r="I7917" s="2">
        <v>1</v>
      </c>
      <c r="J7917" s="2">
        <v>0</v>
      </c>
      <c r="K7917" s="2">
        <v>0</v>
      </c>
      <c r="L7917" t="s">
        <v>120</v>
      </c>
      <c r="M7917" t="s">
        <v>83</v>
      </c>
      <c r="N7917" t="s">
        <v>91</v>
      </c>
      <c r="O7917" t="s">
        <v>85</v>
      </c>
      <c r="P7917" t="s">
        <v>86</v>
      </c>
      <c r="Q7917">
        <v>20</v>
      </c>
      <c r="R7917">
        <v>21</v>
      </c>
      <c r="S7917">
        <v>21</v>
      </c>
      <c r="T7917">
        <v>21</v>
      </c>
      <c r="U7917">
        <v>21</v>
      </c>
      <c r="V7917">
        <v>21</v>
      </c>
      <c r="W7917">
        <v>21</v>
      </c>
      <c r="X7917">
        <v>21</v>
      </c>
      <c r="Y7917">
        <v>21</v>
      </c>
      <c r="Z7917">
        <v>22</v>
      </c>
      <c r="AA7917">
        <v>22</v>
      </c>
      <c r="AB7917">
        <v>22</v>
      </c>
      <c r="AC7917">
        <v>22</v>
      </c>
      <c r="AD7917">
        <v>22</v>
      </c>
      <c r="AE7917">
        <v>22</v>
      </c>
      <c r="AF7917">
        <v>22</v>
      </c>
      <c r="AG7917">
        <v>22</v>
      </c>
      <c r="AH7917">
        <v>22</v>
      </c>
      <c r="AI7917">
        <v>22</v>
      </c>
      <c r="AJ7917">
        <v>22</v>
      </c>
      <c r="AK7917">
        <v>22</v>
      </c>
      <c r="AL7917">
        <v>22</v>
      </c>
      <c r="AM7917">
        <v>22</v>
      </c>
      <c r="AN7917">
        <v>22</v>
      </c>
      <c r="AO7917">
        <v>22</v>
      </c>
      <c r="AP7917">
        <v>22</v>
      </c>
      <c r="AQ7917">
        <v>22</v>
      </c>
    </row>
    <row r="7918" spans="1:43">
      <c r="A7918" t="s">
        <v>4958</v>
      </c>
      <c r="B7918" t="s">
        <v>4959</v>
      </c>
      <c r="C7918" t="s">
        <v>4960</v>
      </c>
      <c r="D7918" t="s">
        <v>4961</v>
      </c>
      <c r="E7918" t="s">
        <v>4916</v>
      </c>
      <c r="F7918" t="s">
        <v>4917</v>
      </c>
      <c r="G7918" t="s">
        <v>80</v>
      </c>
      <c r="H7918" t="s">
        <v>81</v>
      </c>
      <c r="I7918" s="2">
        <v>1</v>
      </c>
      <c r="J7918" s="2">
        <v>0</v>
      </c>
      <c r="K7918" s="2">
        <v>0</v>
      </c>
      <c r="L7918" t="s">
        <v>120</v>
      </c>
      <c r="M7918" t="s">
        <v>83</v>
      </c>
      <c r="N7918" t="s">
        <v>84</v>
      </c>
      <c r="O7918" t="s">
        <v>85</v>
      </c>
      <c r="P7918" t="s">
        <v>86</v>
      </c>
      <c r="Q7918">
        <v>9</v>
      </c>
      <c r="R7918">
        <v>9</v>
      </c>
      <c r="S7918">
        <v>10</v>
      </c>
      <c r="T7918">
        <v>10</v>
      </c>
      <c r="U7918">
        <v>10</v>
      </c>
      <c r="V7918">
        <v>10</v>
      </c>
      <c r="W7918">
        <v>10</v>
      </c>
      <c r="X7918">
        <v>10</v>
      </c>
      <c r="Y7918">
        <v>10</v>
      </c>
      <c r="Z7918">
        <v>10</v>
      </c>
      <c r="AA7918">
        <v>10</v>
      </c>
      <c r="AB7918">
        <v>10</v>
      </c>
      <c r="AC7918">
        <v>10</v>
      </c>
      <c r="AD7918">
        <v>10</v>
      </c>
      <c r="AE7918">
        <v>10</v>
      </c>
      <c r="AF7918">
        <v>10</v>
      </c>
      <c r="AG7918">
        <v>10</v>
      </c>
      <c r="AH7918">
        <v>10</v>
      </c>
      <c r="AI7918">
        <v>10</v>
      </c>
      <c r="AJ7918">
        <v>10</v>
      </c>
      <c r="AK7918">
        <v>10</v>
      </c>
      <c r="AL7918">
        <v>10</v>
      </c>
      <c r="AM7918">
        <v>10</v>
      </c>
      <c r="AN7918">
        <v>10</v>
      </c>
      <c r="AO7918">
        <v>10</v>
      </c>
      <c r="AP7918">
        <v>10</v>
      </c>
      <c r="AQ7918">
        <v>10</v>
      </c>
    </row>
    <row r="7919" spans="1:43">
      <c r="A7919" t="s">
        <v>4958</v>
      </c>
      <c r="B7919" t="s">
        <v>4959</v>
      </c>
      <c r="C7919" t="s">
        <v>4960</v>
      </c>
      <c r="D7919" t="s">
        <v>4961</v>
      </c>
      <c r="E7919" t="s">
        <v>4916</v>
      </c>
      <c r="F7919" t="s">
        <v>4917</v>
      </c>
      <c r="G7919" t="s">
        <v>80</v>
      </c>
      <c r="H7919" t="s">
        <v>81</v>
      </c>
      <c r="I7919" s="2">
        <v>1</v>
      </c>
      <c r="J7919" s="2">
        <v>0</v>
      </c>
      <c r="K7919" s="2">
        <v>0</v>
      </c>
      <c r="L7919" t="s">
        <v>120</v>
      </c>
      <c r="M7919" t="s">
        <v>87</v>
      </c>
      <c r="N7919" t="s">
        <v>88</v>
      </c>
      <c r="O7919" t="s">
        <v>85</v>
      </c>
      <c r="P7919" t="s">
        <v>86</v>
      </c>
      <c r="Q7919">
        <v>9</v>
      </c>
      <c r="R7919">
        <v>9</v>
      </c>
      <c r="S7919">
        <v>9</v>
      </c>
      <c r="T7919">
        <v>9</v>
      </c>
      <c r="U7919">
        <v>9</v>
      </c>
      <c r="V7919">
        <v>9</v>
      </c>
      <c r="W7919">
        <v>9</v>
      </c>
      <c r="X7919">
        <v>9</v>
      </c>
      <c r="Y7919">
        <v>9</v>
      </c>
      <c r="Z7919">
        <v>9</v>
      </c>
      <c r="AA7919">
        <v>9</v>
      </c>
      <c r="AB7919">
        <v>9</v>
      </c>
      <c r="AC7919">
        <v>9</v>
      </c>
      <c r="AD7919">
        <v>9</v>
      </c>
      <c r="AE7919">
        <v>9</v>
      </c>
      <c r="AF7919">
        <v>9</v>
      </c>
      <c r="AG7919">
        <v>9</v>
      </c>
      <c r="AH7919">
        <v>9</v>
      </c>
      <c r="AI7919">
        <v>9</v>
      </c>
      <c r="AJ7919">
        <v>9</v>
      </c>
      <c r="AK7919">
        <v>9</v>
      </c>
      <c r="AL7919">
        <v>9</v>
      </c>
      <c r="AM7919">
        <v>9</v>
      </c>
      <c r="AN7919">
        <v>9</v>
      </c>
      <c r="AO7919">
        <v>9</v>
      </c>
      <c r="AP7919">
        <v>9</v>
      </c>
      <c r="AQ7919">
        <v>9</v>
      </c>
    </row>
    <row r="7920" spans="1:43">
      <c r="A7920" t="s">
        <v>4958</v>
      </c>
      <c r="B7920" t="s">
        <v>4959</v>
      </c>
      <c r="C7920" t="s">
        <v>4960</v>
      </c>
      <c r="D7920" t="s">
        <v>4961</v>
      </c>
      <c r="E7920" t="s">
        <v>4916</v>
      </c>
      <c r="F7920" t="s">
        <v>4917</v>
      </c>
      <c r="G7920" t="s">
        <v>80</v>
      </c>
      <c r="H7920" t="s">
        <v>81</v>
      </c>
      <c r="I7920" s="2">
        <v>1</v>
      </c>
      <c r="J7920" s="2">
        <v>0</v>
      </c>
      <c r="K7920" s="2">
        <v>0</v>
      </c>
      <c r="L7920" t="s">
        <v>120</v>
      </c>
      <c r="M7920" t="s">
        <v>89</v>
      </c>
      <c r="N7920" t="s">
        <v>90</v>
      </c>
      <c r="O7920" t="s">
        <v>85</v>
      </c>
      <c r="P7920" t="s">
        <v>86</v>
      </c>
      <c r="Q7920">
        <v>9</v>
      </c>
      <c r="R7920">
        <v>10</v>
      </c>
      <c r="S7920">
        <v>10</v>
      </c>
      <c r="T7920">
        <v>10</v>
      </c>
      <c r="U7920">
        <v>10</v>
      </c>
      <c r="V7920">
        <v>10</v>
      </c>
      <c r="W7920">
        <v>10</v>
      </c>
      <c r="X7920">
        <v>10</v>
      </c>
      <c r="Y7920">
        <v>10</v>
      </c>
      <c r="Z7920">
        <v>10</v>
      </c>
      <c r="AA7920">
        <v>11</v>
      </c>
      <c r="AB7920">
        <v>11</v>
      </c>
      <c r="AC7920">
        <v>11</v>
      </c>
      <c r="AD7920">
        <v>11</v>
      </c>
      <c r="AE7920">
        <v>11</v>
      </c>
      <c r="AF7920">
        <v>11</v>
      </c>
      <c r="AG7920">
        <v>11</v>
      </c>
      <c r="AH7920">
        <v>11</v>
      </c>
      <c r="AI7920">
        <v>11</v>
      </c>
      <c r="AJ7920">
        <v>10</v>
      </c>
      <c r="AK7920">
        <v>10</v>
      </c>
      <c r="AL7920">
        <v>10</v>
      </c>
      <c r="AM7920">
        <v>10</v>
      </c>
      <c r="AN7920">
        <v>10</v>
      </c>
      <c r="AO7920">
        <v>10</v>
      </c>
      <c r="AP7920">
        <v>10</v>
      </c>
      <c r="AQ7920">
        <v>10</v>
      </c>
    </row>
    <row r="7921" spans="1:43">
      <c r="A7921" t="s">
        <v>4958</v>
      </c>
      <c r="B7921" t="s">
        <v>4959</v>
      </c>
      <c r="C7921" t="s">
        <v>4960</v>
      </c>
      <c r="D7921" t="s">
        <v>4961</v>
      </c>
      <c r="E7921" t="s">
        <v>4916</v>
      </c>
      <c r="F7921" t="s">
        <v>4917</v>
      </c>
      <c r="G7921" t="s">
        <v>80</v>
      </c>
      <c r="H7921" t="s">
        <v>81</v>
      </c>
      <c r="I7921" s="2">
        <v>1</v>
      </c>
      <c r="J7921" s="2">
        <v>0</v>
      </c>
      <c r="K7921" s="2">
        <v>0</v>
      </c>
      <c r="L7921" t="s">
        <v>120</v>
      </c>
      <c r="M7921" t="s">
        <v>83</v>
      </c>
      <c r="N7921" t="s">
        <v>91</v>
      </c>
      <c r="O7921" t="s">
        <v>85</v>
      </c>
      <c r="P7921" t="s">
        <v>86</v>
      </c>
      <c r="Q7921">
        <v>9</v>
      </c>
      <c r="R7921">
        <v>9</v>
      </c>
      <c r="S7921">
        <v>10</v>
      </c>
      <c r="T7921">
        <v>10</v>
      </c>
      <c r="U7921">
        <v>10</v>
      </c>
      <c r="V7921">
        <v>10</v>
      </c>
      <c r="W7921">
        <v>10</v>
      </c>
      <c r="X7921">
        <v>10</v>
      </c>
      <c r="Y7921">
        <v>10</v>
      </c>
      <c r="Z7921">
        <v>10</v>
      </c>
      <c r="AA7921">
        <v>10</v>
      </c>
      <c r="AB7921">
        <v>10</v>
      </c>
      <c r="AC7921">
        <v>10</v>
      </c>
      <c r="AD7921">
        <v>10</v>
      </c>
      <c r="AE7921">
        <v>10</v>
      </c>
      <c r="AF7921">
        <v>10</v>
      </c>
      <c r="AG7921">
        <v>10</v>
      </c>
      <c r="AH7921">
        <v>10</v>
      </c>
      <c r="AI7921">
        <v>10</v>
      </c>
      <c r="AJ7921">
        <v>10</v>
      </c>
      <c r="AK7921">
        <v>10</v>
      </c>
      <c r="AL7921">
        <v>10</v>
      </c>
      <c r="AM7921">
        <v>10</v>
      </c>
      <c r="AN7921">
        <v>10</v>
      </c>
      <c r="AO7921">
        <v>10</v>
      </c>
      <c r="AP7921">
        <v>10</v>
      </c>
      <c r="AQ7921">
        <v>10</v>
      </c>
    </row>
    <row r="7922" spans="1:43">
      <c r="A7922" t="s">
        <v>4962</v>
      </c>
      <c r="B7922" t="s">
        <v>4963</v>
      </c>
      <c r="C7922" t="s">
        <v>4960</v>
      </c>
      <c r="D7922" t="s">
        <v>4961</v>
      </c>
      <c r="E7922" t="s">
        <v>4916</v>
      </c>
      <c r="F7922" t="s">
        <v>4917</v>
      </c>
      <c r="G7922" t="s">
        <v>80</v>
      </c>
      <c r="H7922" t="s">
        <v>81</v>
      </c>
      <c r="I7922" s="2">
        <v>1</v>
      </c>
      <c r="J7922" s="2">
        <v>0</v>
      </c>
      <c r="K7922" s="2">
        <v>0</v>
      </c>
      <c r="L7922" t="s">
        <v>120</v>
      </c>
      <c r="M7922" t="s">
        <v>83</v>
      </c>
      <c r="N7922" t="s">
        <v>84</v>
      </c>
      <c r="O7922" t="s">
        <v>85</v>
      </c>
      <c r="P7922" t="s">
        <v>86</v>
      </c>
      <c r="Q7922">
        <v>41</v>
      </c>
      <c r="R7922">
        <v>42</v>
      </c>
      <c r="S7922">
        <v>42</v>
      </c>
      <c r="T7922">
        <v>42</v>
      </c>
      <c r="U7922">
        <v>42</v>
      </c>
      <c r="V7922">
        <v>43</v>
      </c>
      <c r="W7922">
        <v>43</v>
      </c>
      <c r="X7922">
        <v>43</v>
      </c>
      <c r="Y7922">
        <v>43</v>
      </c>
      <c r="Z7922">
        <v>44</v>
      </c>
      <c r="AA7922">
        <v>44</v>
      </c>
      <c r="AB7922">
        <v>44</v>
      </c>
      <c r="AC7922">
        <v>44</v>
      </c>
      <c r="AD7922">
        <v>44</v>
      </c>
      <c r="AE7922">
        <v>44</v>
      </c>
      <c r="AF7922">
        <v>45</v>
      </c>
      <c r="AG7922">
        <v>45</v>
      </c>
      <c r="AH7922">
        <v>45</v>
      </c>
      <c r="AI7922">
        <v>45</v>
      </c>
      <c r="AJ7922">
        <v>45</v>
      </c>
      <c r="AK7922">
        <v>45</v>
      </c>
      <c r="AL7922">
        <v>45</v>
      </c>
      <c r="AM7922">
        <v>45</v>
      </c>
      <c r="AN7922">
        <v>45</v>
      </c>
      <c r="AO7922">
        <v>44</v>
      </c>
      <c r="AP7922">
        <v>44</v>
      </c>
      <c r="AQ7922">
        <v>44</v>
      </c>
    </row>
    <row r="7923" spans="1:43">
      <c r="A7923" t="s">
        <v>4962</v>
      </c>
      <c r="B7923" t="s">
        <v>4963</v>
      </c>
      <c r="C7923" t="s">
        <v>4960</v>
      </c>
      <c r="D7923" t="s">
        <v>4961</v>
      </c>
      <c r="E7923" t="s">
        <v>4916</v>
      </c>
      <c r="F7923" t="s">
        <v>4917</v>
      </c>
      <c r="G7923" t="s">
        <v>80</v>
      </c>
      <c r="H7923" t="s">
        <v>81</v>
      </c>
      <c r="I7923" s="2">
        <v>1</v>
      </c>
      <c r="J7923" s="2">
        <v>0</v>
      </c>
      <c r="K7923" s="2">
        <v>0</v>
      </c>
      <c r="L7923" t="s">
        <v>120</v>
      </c>
      <c r="M7923" t="s">
        <v>87</v>
      </c>
      <c r="N7923" t="s">
        <v>88</v>
      </c>
      <c r="O7923" t="s">
        <v>85</v>
      </c>
      <c r="P7923" t="s">
        <v>86</v>
      </c>
      <c r="Q7923">
        <v>41</v>
      </c>
      <c r="R7923">
        <v>41</v>
      </c>
      <c r="S7923">
        <v>41</v>
      </c>
      <c r="T7923">
        <v>41</v>
      </c>
      <c r="U7923">
        <v>41</v>
      </c>
      <c r="V7923">
        <v>40</v>
      </c>
      <c r="W7923">
        <v>40</v>
      </c>
      <c r="X7923">
        <v>40</v>
      </c>
      <c r="Y7923">
        <v>40</v>
      </c>
      <c r="Z7923">
        <v>40</v>
      </c>
      <c r="AA7923">
        <v>40</v>
      </c>
      <c r="AB7923">
        <v>40</v>
      </c>
      <c r="AC7923">
        <v>40</v>
      </c>
      <c r="AD7923">
        <v>40</v>
      </c>
      <c r="AE7923">
        <v>40</v>
      </c>
      <c r="AF7923">
        <v>39</v>
      </c>
      <c r="AG7923">
        <v>39</v>
      </c>
      <c r="AH7923">
        <v>39</v>
      </c>
      <c r="AI7923">
        <v>39</v>
      </c>
      <c r="AJ7923">
        <v>39</v>
      </c>
      <c r="AK7923">
        <v>39</v>
      </c>
      <c r="AL7923">
        <v>39</v>
      </c>
      <c r="AM7923">
        <v>39</v>
      </c>
      <c r="AN7923">
        <v>39</v>
      </c>
      <c r="AO7923">
        <v>38</v>
      </c>
      <c r="AP7923">
        <v>38</v>
      </c>
      <c r="AQ7923">
        <v>38</v>
      </c>
    </row>
    <row r="7924" spans="1:43">
      <c r="A7924" t="s">
        <v>4962</v>
      </c>
      <c r="B7924" t="s">
        <v>4963</v>
      </c>
      <c r="C7924" t="s">
        <v>4960</v>
      </c>
      <c r="D7924" t="s">
        <v>4961</v>
      </c>
      <c r="E7924" t="s">
        <v>4916</v>
      </c>
      <c r="F7924" t="s">
        <v>4917</v>
      </c>
      <c r="G7924" t="s">
        <v>80</v>
      </c>
      <c r="H7924" t="s">
        <v>81</v>
      </c>
      <c r="I7924" s="2">
        <v>1</v>
      </c>
      <c r="J7924" s="2">
        <v>0</v>
      </c>
      <c r="K7924" s="2">
        <v>0</v>
      </c>
      <c r="L7924" t="s">
        <v>120</v>
      </c>
      <c r="M7924" t="s">
        <v>89</v>
      </c>
      <c r="N7924" t="s">
        <v>90</v>
      </c>
      <c r="O7924" t="s">
        <v>85</v>
      </c>
      <c r="P7924" t="s">
        <v>86</v>
      </c>
      <c r="Q7924">
        <v>41</v>
      </c>
      <c r="R7924">
        <v>41</v>
      </c>
      <c r="S7924">
        <v>42</v>
      </c>
      <c r="T7924">
        <v>43</v>
      </c>
      <c r="U7924">
        <v>43</v>
      </c>
      <c r="V7924">
        <v>44</v>
      </c>
      <c r="W7924">
        <v>44</v>
      </c>
      <c r="X7924">
        <v>44</v>
      </c>
      <c r="Y7924">
        <v>45</v>
      </c>
      <c r="Z7924">
        <v>45</v>
      </c>
      <c r="AA7924">
        <v>46</v>
      </c>
      <c r="AB7924">
        <v>46</v>
      </c>
      <c r="AC7924">
        <v>46</v>
      </c>
      <c r="AD7924">
        <v>46</v>
      </c>
      <c r="AE7924">
        <v>47</v>
      </c>
      <c r="AF7924">
        <v>46</v>
      </c>
      <c r="AG7924">
        <v>46</v>
      </c>
      <c r="AH7924">
        <v>46</v>
      </c>
      <c r="AI7924">
        <v>45</v>
      </c>
      <c r="AJ7924">
        <v>45</v>
      </c>
      <c r="AK7924">
        <v>45</v>
      </c>
      <c r="AL7924">
        <v>45</v>
      </c>
      <c r="AM7924">
        <v>44</v>
      </c>
      <c r="AN7924">
        <v>44</v>
      </c>
      <c r="AO7924">
        <v>44</v>
      </c>
      <c r="AP7924">
        <v>44</v>
      </c>
      <c r="AQ7924">
        <v>43</v>
      </c>
    </row>
    <row r="7925" spans="1:43">
      <c r="A7925" t="s">
        <v>4962</v>
      </c>
      <c r="B7925" t="s">
        <v>4963</v>
      </c>
      <c r="C7925" t="s">
        <v>4960</v>
      </c>
      <c r="D7925" t="s">
        <v>4961</v>
      </c>
      <c r="E7925" t="s">
        <v>4916</v>
      </c>
      <c r="F7925" t="s">
        <v>4917</v>
      </c>
      <c r="G7925" t="s">
        <v>80</v>
      </c>
      <c r="H7925" t="s">
        <v>81</v>
      </c>
      <c r="I7925" s="2">
        <v>1</v>
      </c>
      <c r="J7925" s="2">
        <v>0</v>
      </c>
      <c r="K7925" s="2">
        <v>0</v>
      </c>
      <c r="L7925" t="s">
        <v>120</v>
      </c>
      <c r="M7925" t="s">
        <v>83</v>
      </c>
      <c r="N7925" t="s">
        <v>91</v>
      </c>
      <c r="O7925" t="s">
        <v>85</v>
      </c>
      <c r="P7925" t="s">
        <v>86</v>
      </c>
      <c r="Q7925">
        <v>41</v>
      </c>
      <c r="R7925">
        <v>42</v>
      </c>
      <c r="S7925">
        <v>42</v>
      </c>
      <c r="T7925">
        <v>42</v>
      </c>
      <c r="U7925">
        <v>42</v>
      </c>
      <c r="V7925">
        <v>43</v>
      </c>
      <c r="W7925">
        <v>43</v>
      </c>
      <c r="X7925">
        <v>43</v>
      </c>
      <c r="Y7925">
        <v>43</v>
      </c>
      <c r="Z7925">
        <v>44</v>
      </c>
      <c r="AA7925">
        <v>44</v>
      </c>
      <c r="AB7925">
        <v>44</v>
      </c>
      <c r="AC7925">
        <v>44</v>
      </c>
      <c r="AD7925">
        <v>44</v>
      </c>
      <c r="AE7925">
        <v>44</v>
      </c>
      <c r="AF7925">
        <v>45</v>
      </c>
      <c r="AG7925">
        <v>45</v>
      </c>
      <c r="AH7925">
        <v>45</v>
      </c>
      <c r="AI7925">
        <v>45</v>
      </c>
      <c r="AJ7925">
        <v>45</v>
      </c>
      <c r="AK7925">
        <v>45</v>
      </c>
      <c r="AL7925">
        <v>45</v>
      </c>
      <c r="AM7925">
        <v>45</v>
      </c>
      <c r="AN7925">
        <v>45</v>
      </c>
      <c r="AO7925">
        <v>44</v>
      </c>
      <c r="AP7925">
        <v>44</v>
      </c>
      <c r="AQ7925">
        <v>44</v>
      </c>
    </row>
    <row r="7926" spans="1:43">
      <c r="A7926" t="s">
        <v>4964</v>
      </c>
      <c r="B7926" t="s">
        <v>4965</v>
      </c>
      <c r="C7926" t="s">
        <v>4960</v>
      </c>
      <c r="D7926" t="s">
        <v>4961</v>
      </c>
      <c r="E7926" t="s">
        <v>4916</v>
      </c>
      <c r="F7926" t="s">
        <v>4917</v>
      </c>
      <c r="G7926" t="s">
        <v>80</v>
      </c>
      <c r="H7926" t="s">
        <v>81</v>
      </c>
      <c r="I7926" s="2">
        <v>1</v>
      </c>
      <c r="J7926" s="2">
        <v>0</v>
      </c>
      <c r="K7926" s="2">
        <v>0</v>
      </c>
      <c r="L7926" t="s">
        <v>120</v>
      </c>
      <c r="M7926" t="s">
        <v>83</v>
      </c>
      <c r="N7926" t="s">
        <v>84</v>
      </c>
      <c r="O7926" t="s">
        <v>85</v>
      </c>
      <c r="P7926" t="s">
        <v>86</v>
      </c>
      <c r="Q7926">
        <v>9</v>
      </c>
      <c r="R7926">
        <v>9</v>
      </c>
      <c r="S7926">
        <v>9</v>
      </c>
      <c r="T7926">
        <v>9</v>
      </c>
      <c r="U7926">
        <v>9</v>
      </c>
      <c r="V7926">
        <v>9</v>
      </c>
      <c r="W7926">
        <v>9</v>
      </c>
      <c r="X7926">
        <v>9</v>
      </c>
      <c r="Y7926">
        <v>9</v>
      </c>
      <c r="Z7926">
        <v>9</v>
      </c>
      <c r="AA7926">
        <v>9</v>
      </c>
      <c r="AB7926">
        <v>9</v>
      </c>
      <c r="AC7926">
        <v>9</v>
      </c>
      <c r="AD7926">
        <v>9</v>
      </c>
      <c r="AE7926">
        <v>9</v>
      </c>
      <c r="AF7926">
        <v>9</v>
      </c>
      <c r="AG7926">
        <v>9</v>
      </c>
      <c r="AH7926">
        <v>9</v>
      </c>
      <c r="AI7926">
        <v>9</v>
      </c>
      <c r="AJ7926">
        <v>9</v>
      </c>
      <c r="AK7926">
        <v>9</v>
      </c>
      <c r="AL7926">
        <v>9</v>
      </c>
      <c r="AM7926">
        <v>9</v>
      </c>
      <c r="AN7926">
        <v>9</v>
      </c>
      <c r="AO7926">
        <v>9</v>
      </c>
      <c r="AP7926">
        <v>9</v>
      </c>
      <c r="AQ7926">
        <v>9</v>
      </c>
    </row>
    <row r="7927" spans="1:43">
      <c r="A7927" t="s">
        <v>4964</v>
      </c>
      <c r="B7927" t="s">
        <v>4965</v>
      </c>
      <c r="C7927" t="s">
        <v>4960</v>
      </c>
      <c r="D7927" t="s">
        <v>4961</v>
      </c>
      <c r="E7927" t="s">
        <v>4916</v>
      </c>
      <c r="F7927" t="s">
        <v>4917</v>
      </c>
      <c r="G7927" t="s">
        <v>80</v>
      </c>
      <c r="H7927" t="s">
        <v>81</v>
      </c>
      <c r="I7927" s="2">
        <v>1</v>
      </c>
      <c r="J7927" s="2">
        <v>0</v>
      </c>
      <c r="K7927" s="2">
        <v>0</v>
      </c>
      <c r="L7927" t="s">
        <v>120</v>
      </c>
      <c r="M7927" t="s">
        <v>87</v>
      </c>
      <c r="N7927" t="s">
        <v>88</v>
      </c>
      <c r="O7927" t="s">
        <v>85</v>
      </c>
      <c r="P7927" t="s">
        <v>86</v>
      </c>
      <c r="Q7927">
        <v>9</v>
      </c>
      <c r="R7927">
        <v>8</v>
      </c>
      <c r="S7927">
        <v>8</v>
      </c>
      <c r="T7927">
        <v>8</v>
      </c>
      <c r="U7927">
        <v>8</v>
      </c>
      <c r="V7927">
        <v>8</v>
      </c>
      <c r="W7927">
        <v>8</v>
      </c>
      <c r="X7927">
        <v>8</v>
      </c>
      <c r="Y7927">
        <v>8</v>
      </c>
      <c r="Z7927">
        <v>8</v>
      </c>
      <c r="AA7927">
        <v>8</v>
      </c>
      <c r="AB7927">
        <v>8</v>
      </c>
      <c r="AC7927">
        <v>8</v>
      </c>
      <c r="AD7927">
        <v>8</v>
      </c>
      <c r="AE7927">
        <v>8</v>
      </c>
      <c r="AF7927">
        <v>8</v>
      </c>
      <c r="AG7927">
        <v>8</v>
      </c>
      <c r="AH7927">
        <v>8</v>
      </c>
      <c r="AI7927">
        <v>8</v>
      </c>
      <c r="AJ7927">
        <v>8</v>
      </c>
      <c r="AK7927">
        <v>8</v>
      </c>
      <c r="AL7927">
        <v>8</v>
      </c>
      <c r="AM7927">
        <v>8</v>
      </c>
      <c r="AN7927">
        <v>8</v>
      </c>
      <c r="AO7927">
        <v>8</v>
      </c>
      <c r="AP7927">
        <v>8</v>
      </c>
      <c r="AQ7927">
        <v>8</v>
      </c>
    </row>
    <row r="7928" spans="1:43">
      <c r="A7928" t="s">
        <v>4964</v>
      </c>
      <c r="B7928" t="s">
        <v>4965</v>
      </c>
      <c r="C7928" t="s">
        <v>4960</v>
      </c>
      <c r="D7928" t="s">
        <v>4961</v>
      </c>
      <c r="E7928" t="s">
        <v>4916</v>
      </c>
      <c r="F7928" t="s">
        <v>4917</v>
      </c>
      <c r="G7928" t="s">
        <v>80</v>
      </c>
      <c r="H7928" t="s">
        <v>81</v>
      </c>
      <c r="I7928" s="2">
        <v>1</v>
      </c>
      <c r="J7928" s="2">
        <v>0</v>
      </c>
      <c r="K7928" s="2">
        <v>0</v>
      </c>
      <c r="L7928" t="s">
        <v>120</v>
      </c>
      <c r="M7928" t="s">
        <v>89</v>
      </c>
      <c r="N7928" t="s">
        <v>90</v>
      </c>
      <c r="O7928" t="s">
        <v>85</v>
      </c>
      <c r="P7928" t="s">
        <v>86</v>
      </c>
      <c r="Q7928">
        <v>9</v>
      </c>
      <c r="R7928">
        <v>9</v>
      </c>
      <c r="S7928">
        <v>9</v>
      </c>
      <c r="T7928">
        <v>9</v>
      </c>
      <c r="U7928">
        <v>9</v>
      </c>
      <c r="V7928">
        <v>9</v>
      </c>
      <c r="W7928">
        <v>9</v>
      </c>
      <c r="X7928">
        <v>9</v>
      </c>
      <c r="Y7928">
        <v>9</v>
      </c>
      <c r="Z7928">
        <v>10</v>
      </c>
      <c r="AA7928">
        <v>10</v>
      </c>
      <c r="AB7928">
        <v>10</v>
      </c>
      <c r="AC7928">
        <v>10</v>
      </c>
      <c r="AD7928">
        <v>10</v>
      </c>
      <c r="AE7928">
        <v>10</v>
      </c>
      <c r="AF7928">
        <v>10</v>
      </c>
      <c r="AG7928">
        <v>10</v>
      </c>
      <c r="AH7928">
        <v>10</v>
      </c>
      <c r="AI7928">
        <v>10</v>
      </c>
      <c r="AJ7928">
        <v>9</v>
      </c>
      <c r="AK7928">
        <v>9</v>
      </c>
      <c r="AL7928">
        <v>9</v>
      </c>
      <c r="AM7928">
        <v>9</v>
      </c>
      <c r="AN7928">
        <v>9</v>
      </c>
      <c r="AO7928">
        <v>9</v>
      </c>
      <c r="AP7928">
        <v>9</v>
      </c>
      <c r="AQ7928">
        <v>9</v>
      </c>
    </row>
    <row r="7929" spans="1:43">
      <c r="A7929" t="s">
        <v>4964</v>
      </c>
      <c r="B7929" t="s">
        <v>4965</v>
      </c>
      <c r="C7929" t="s">
        <v>4960</v>
      </c>
      <c r="D7929" t="s">
        <v>4961</v>
      </c>
      <c r="E7929" t="s">
        <v>4916</v>
      </c>
      <c r="F7929" t="s">
        <v>4917</v>
      </c>
      <c r="G7929" t="s">
        <v>80</v>
      </c>
      <c r="H7929" t="s">
        <v>81</v>
      </c>
      <c r="I7929" s="2">
        <v>1</v>
      </c>
      <c r="J7929" s="2">
        <v>0</v>
      </c>
      <c r="K7929" s="2">
        <v>0</v>
      </c>
      <c r="L7929" t="s">
        <v>120</v>
      </c>
      <c r="M7929" t="s">
        <v>83</v>
      </c>
      <c r="N7929" t="s">
        <v>91</v>
      </c>
      <c r="O7929" t="s">
        <v>85</v>
      </c>
      <c r="P7929" t="s">
        <v>86</v>
      </c>
      <c r="Q7929">
        <v>9</v>
      </c>
      <c r="R7929">
        <v>9</v>
      </c>
      <c r="S7929">
        <v>9</v>
      </c>
      <c r="T7929">
        <v>9</v>
      </c>
      <c r="U7929">
        <v>9</v>
      </c>
      <c r="V7929">
        <v>9</v>
      </c>
      <c r="W7929">
        <v>9</v>
      </c>
      <c r="X7929">
        <v>9</v>
      </c>
      <c r="Y7929">
        <v>9</v>
      </c>
      <c r="Z7929">
        <v>9</v>
      </c>
      <c r="AA7929">
        <v>9</v>
      </c>
      <c r="AB7929">
        <v>9</v>
      </c>
      <c r="AC7929">
        <v>9</v>
      </c>
      <c r="AD7929">
        <v>9</v>
      </c>
      <c r="AE7929">
        <v>9</v>
      </c>
      <c r="AF7929">
        <v>9</v>
      </c>
      <c r="AG7929">
        <v>9</v>
      </c>
      <c r="AH7929">
        <v>9</v>
      </c>
      <c r="AI7929">
        <v>9</v>
      </c>
      <c r="AJ7929">
        <v>9</v>
      </c>
      <c r="AK7929">
        <v>9</v>
      </c>
      <c r="AL7929">
        <v>9</v>
      </c>
      <c r="AM7929">
        <v>9</v>
      </c>
      <c r="AN7929">
        <v>9</v>
      </c>
      <c r="AO7929">
        <v>9</v>
      </c>
      <c r="AP7929">
        <v>9</v>
      </c>
      <c r="AQ7929">
        <v>9</v>
      </c>
    </row>
    <row r="7930" spans="1:43">
      <c r="A7930" t="s">
        <v>4966</v>
      </c>
      <c r="B7930" t="s">
        <v>4967</v>
      </c>
      <c r="C7930" t="s">
        <v>4960</v>
      </c>
      <c r="D7930" t="s">
        <v>4961</v>
      </c>
      <c r="E7930" t="s">
        <v>4916</v>
      </c>
      <c r="F7930" t="s">
        <v>4917</v>
      </c>
      <c r="G7930" t="s">
        <v>80</v>
      </c>
      <c r="H7930" t="s">
        <v>81</v>
      </c>
      <c r="I7930" s="2">
        <v>1</v>
      </c>
      <c r="J7930" s="2">
        <v>0</v>
      </c>
      <c r="K7930" s="2">
        <v>0</v>
      </c>
      <c r="L7930" t="s">
        <v>120</v>
      </c>
      <c r="M7930" t="s">
        <v>83</v>
      </c>
      <c r="N7930" t="s">
        <v>84</v>
      </c>
      <c r="O7930" t="s">
        <v>85</v>
      </c>
      <c r="P7930" t="s">
        <v>86</v>
      </c>
      <c r="Q7930">
        <v>10</v>
      </c>
      <c r="R7930">
        <v>10</v>
      </c>
      <c r="S7930">
        <v>10</v>
      </c>
      <c r="T7930">
        <v>10</v>
      </c>
      <c r="U7930">
        <v>10</v>
      </c>
      <c r="V7930">
        <v>10</v>
      </c>
      <c r="W7930">
        <v>10</v>
      </c>
      <c r="X7930">
        <v>10</v>
      </c>
      <c r="Y7930">
        <v>10</v>
      </c>
      <c r="Z7930">
        <v>10</v>
      </c>
      <c r="AA7930">
        <v>11</v>
      </c>
      <c r="AB7930">
        <v>11</v>
      </c>
      <c r="AC7930">
        <v>11</v>
      </c>
      <c r="AD7930">
        <v>11</v>
      </c>
      <c r="AE7930">
        <v>11</v>
      </c>
      <c r="AF7930">
        <v>11</v>
      </c>
      <c r="AG7930">
        <v>11</v>
      </c>
      <c r="AH7930">
        <v>11</v>
      </c>
      <c r="AI7930">
        <v>11</v>
      </c>
      <c r="AJ7930">
        <v>11</v>
      </c>
      <c r="AK7930">
        <v>11</v>
      </c>
      <c r="AL7930">
        <v>11</v>
      </c>
      <c r="AM7930">
        <v>11</v>
      </c>
      <c r="AN7930">
        <v>11</v>
      </c>
      <c r="AO7930">
        <v>11</v>
      </c>
      <c r="AP7930">
        <v>10</v>
      </c>
      <c r="AQ7930">
        <v>10</v>
      </c>
    </row>
    <row r="7931" spans="1:43">
      <c r="A7931" t="s">
        <v>4966</v>
      </c>
      <c r="B7931" t="s">
        <v>4967</v>
      </c>
      <c r="C7931" t="s">
        <v>4960</v>
      </c>
      <c r="D7931" t="s">
        <v>4961</v>
      </c>
      <c r="E7931" t="s">
        <v>4916</v>
      </c>
      <c r="F7931" t="s">
        <v>4917</v>
      </c>
      <c r="G7931" t="s">
        <v>80</v>
      </c>
      <c r="H7931" t="s">
        <v>81</v>
      </c>
      <c r="I7931" s="2">
        <v>1</v>
      </c>
      <c r="J7931" s="2">
        <v>0</v>
      </c>
      <c r="K7931" s="2">
        <v>0</v>
      </c>
      <c r="L7931" t="s">
        <v>120</v>
      </c>
      <c r="M7931" t="s">
        <v>87</v>
      </c>
      <c r="N7931" t="s">
        <v>88</v>
      </c>
      <c r="O7931" t="s">
        <v>85</v>
      </c>
      <c r="P7931" t="s">
        <v>86</v>
      </c>
      <c r="Q7931">
        <v>10</v>
      </c>
      <c r="R7931">
        <v>10</v>
      </c>
      <c r="S7931">
        <v>10</v>
      </c>
      <c r="T7931">
        <v>10</v>
      </c>
      <c r="U7931">
        <v>10</v>
      </c>
      <c r="V7931">
        <v>10</v>
      </c>
      <c r="W7931">
        <v>10</v>
      </c>
      <c r="X7931">
        <v>10</v>
      </c>
      <c r="Y7931">
        <v>10</v>
      </c>
      <c r="Z7931">
        <v>10</v>
      </c>
      <c r="AA7931">
        <v>10</v>
      </c>
      <c r="AB7931">
        <v>10</v>
      </c>
      <c r="AC7931">
        <v>10</v>
      </c>
      <c r="AD7931">
        <v>10</v>
      </c>
      <c r="AE7931">
        <v>9</v>
      </c>
      <c r="AF7931">
        <v>9</v>
      </c>
      <c r="AG7931">
        <v>9</v>
      </c>
      <c r="AH7931">
        <v>9</v>
      </c>
      <c r="AI7931">
        <v>9</v>
      </c>
      <c r="AJ7931">
        <v>9</v>
      </c>
      <c r="AK7931">
        <v>9</v>
      </c>
      <c r="AL7931">
        <v>9</v>
      </c>
      <c r="AM7931">
        <v>9</v>
      </c>
      <c r="AN7931">
        <v>9</v>
      </c>
      <c r="AO7931">
        <v>9</v>
      </c>
      <c r="AP7931">
        <v>9</v>
      </c>
      <c r="AQ7931">
        <v>9</v>
      </c>
    </row>
    <row r="7932" spans="1:43">
      <c r="A7932" t="s">
        <v>4966</v>
      </c>
      <c r="B7932" t="s">
        <v>4967</v>
      </c>
      <c r="C7932" t="s">
        <v>4960</v>
      </c>
      <c r="D7932" t="s">
        <v>4961</v>
      </c>
      <c r="E7932" t="s">
        <v>4916</v>
      </c>
      <c r="F7932" t="s">
        <v>4917</v>
      </c>
      <c r="G7932" t="s">
        <v>80</v>
      </c>
      <c r="H7932" t="s">
        <v>81</v>
      </c>
      <c r="I7932" s="2">
        <v>1</v>
      </c>
      <c r="J7932" s="2">
        <v>0</v>
      </c>
      <c r="K7932" s="2">
        <v>0</v>
      </c>
      <c r="L7932" t="s">
        <v>120</v>
      </c>
      <c r="M7932" t="s">
        <v>89</v>
      </c>
      <c r="N7932" t="s">
        <v>90</v>
      </c>
      <c r="O7932" t="s">
        <v>85</v>
      </c>
      <c r="P7932" t="s">
        <v>86</v>
      </c>
      <c r="Q7932">
        <v>10</v>
      </c>
      <c r="R7932">
        <v>10</v>
      </c>
      <c r="S7932">
        <v>10</v>
      </c>
      <c r="T7932">
        <v>11</v>
      </c>
      <c r="U7932">
        <v>11</v>
      </c>
      <c r="V7932">
        <v>11</v>
      </c>
      <c r="W7932">
        <v>11</v>
      </c>
      <c r="X7932">
        <v>11</v>
      </c>
      <c r="Y7932">
        <v>11</v>
      </c>
      <c r="Z7932">
        <v>11</v>
      </c>
      <c r="AA7932">
        <v>11</v>
      </c>
      <c r="AB7932">
        <v>11</v>
      </c>
      <c r="AC7932">
        <v>11</v>
      </c>
      <c r="AD7932">
        <v>11</v>
      </c>
      <c r="AE7932">
        <v>11</v>
      </c>
      <c r="AF7932">
        <v>11</v>
      </c>
      <c r="AG7932">
        <v>11</v>
      </c>
      <c r="AH7932">
        <v>11</v>
      </c>
      <c r="AI7932">
        <v>11</v>
      </c>
      <c r="AJ7932">
        <v>11</v>
      </c>
      <c r="AK7932">
        <v>11</v>
      </c>
      <c r="AL7932">
        <v>11</v>
      </c>
      <c r="AM7932">
        <v>11</v>
      </c>
      <c r="AN7932">
        <v>11</v>
      </c>
      <c r="AO7932">
        <v>11</v>
      </c>
      <c r="AP7932">
        <v>11</v>
      </c>
      <c r="AQ7932">
        <v>11</v>
      </c>
    </row>
    <row r="7933" spans="1:43">
      <c r="A7933" t="s">
        <v>4966</v>
      </c>
      <c r="B7933" t="s">
        <v>4967</v>
      </c>
      <c r="C7933" t="s">
        <v>4960</v>
      </c>
      <c r="D7933" t="s">
        <v>4961</v>
      </c>
      <c r="E7933" t="s">
        <v>4916</v>
      </c>
      <c r="F7933" t="s">
        <v>4917</v>
      </c>
      <c r="G7933" t="s">
        <v>80</v>
      </c>
      <c r="H7933" t="s">
        <v>81</v>
      </c>
      <c r="I7933" s="2">
        <v>1</v>
      </c>
      <c r="J7933" s="2">
        <v>0</v>
      </c>
      <c r="K7933" s="2">
        <v>0</v>
      </c>
      <c r="L7933" t="s">
        <v>120</v>
      </c>
      <c r="M7933" t="s">
        <v>83</v>
      </c>
      <c r="N7933" t="s">
        <v>91</v>
      </c>
      <c r="O7933" t="s">
        <v>85</v>
      </c>
      <c r="P7933" t="s">
        <v>86</v>
      </c>
      <c r="Q7933">
        <v>10</v>
      </c>
      <c r="R7933">
        <v>10</v>
      </c>
      <c r="S7933">
        <v>10</v>
      </c>
      <c r="T7933">
        <v>10</v>
      </c>
      <c r="U7933">
        <v>10</v>
      </c>
      <c r="V7933">
        <v>10</v>
      </c>
      <c r="W7933">
        <v>10</v>
      </c>
      <c r="X7933">
        <v>10</v>
      </c>
      <c r="Y7933">
        <v>10</v>
      </c>
      <c r="Z7933">
        <v>10</v>
      </c>
      <c r="AA7933">
        <v>11</v>
      </c>
      <c r="AB7933">
        <v>11</v>
      </c>
      <c r="AC7933">
        <v>11</v>
      </c>
      <c r="AD7933">
        <v>11</v>
      </c>
      <c r="AE7933">
        <v>11</v>
      </c>
      <c r="AF7933">
        <v>11</v>
      </c>
      <c r="AG7933">
        <v>11</v>
      </c>
      <c r="AH7933">
        <v>11</v>
      </c>
      <c r="AI7933">
        <v>11</v>
      </c>
      <c r="AJ7933">
        <v>11</v>
      </c>
      <c r="AK7933">
        <v>11</v>
      </c>
      <c r="AL7933">
        <v>11</v>
      </c>
      <c r="AM7933">
        <v>11</v>
      </c>
      <c r="AN7933">
        <v>11</v>
      </c>
      <c r="AO7933">
        <v>11</v>
      </c>
      <c r="AP7933">
        <v>10</v>
      </c>
      <c r="AQ7933">
        <v>10</v>
      </c>
    </row>
    <row r="7934" spans="1:43">
      <c r="A7934" t="s">
        <v>4968</v>
      </c>
      <c r="B7934" t="s">
        <v>4969</v>
      </c>
      <c r="C7934" t="s">
        <v>4960</v>
      </c>
      <c r="D7934" t="s">
        <v>4961</v>
      </c>
      <c r="E7934" t="s">
        <v>4916</v>
      </c>
      <c r="F7934" t="s">
        <v>4917</v>
      </c>
      <c r="G7934" t="s">
        <v>80</v>
      </c>
      <c r="H7934" t="s">
        <v>81</v>
      </c>
      <c r="I7934" s="2">
        <v>1</v>
      </c>
      <c r="J7934" s="2">
        <v>0</v>
      </c>
      <c r="K7934" s="2">
        <v>0</v>
      </c>
      <c r="L7934" t="s">
        <v>120</v>
      </c>
      <c r="M7934" t="s">
        <v>83</v>
      </c>
      <c r="N7934" t="s">
        <v>84</v>
      </c>
      <c r="O7934" t="s">
        <v>85</v>
      </c>
      <c r="P7934" t="s">
        <v>86</v>
      </c>
      <c r="Q7934">
        <v>17</v>
      </c>
      <c r="R7934">
        <v>18</v>
      </c>
      <c r="S7934">
        <v>18</v>
      </c>
      <c r="T7934">
        <v>18</v>
      </c>
      <c r="U7934">
        <v>18</v>
      </c>
      <c r="V7934">
        <v>18</v>
      </c>
      <c r="W7934">
        <v>18</v>
      </c>
      <c r="X7934">
        <v>18</v>
      </c>
      <c r="Y7934">
        <v>18</v>
      </c>
      <c r="Z7934">
        <v>18</v>
      </c>
      <c r="AA7934">
        <v>18</v>
      </c>
      <c r="AB7934">
        <v>18</v>
      </c>
      <c r="AC7934">
        <v>18</v>
      </c>
      <c r="AD7934">
        <v>19</v>
      </c>
      <c r="AE7934">
        <v>19</v>
      </c>
      <c r="AF7934">
        <v>19</v>
      </c>
      <c r="AG7934">
        <v>19</v>
      </c>
      <c r="AH7934">
        <v>19</v>
      </c>
      <c r="AI7934">
        <v>19</v>
      </c>
      <c r="AJ7934">
        <v>19</v>
      </c>
      <c r="AK7934">
        <v>19</v>
      </c>
      <c r="AL7934">
        <v>19</v>
      </c>
      <c r="AM7934">
        <v>19</v>
      </c>
      <c r="AN7934">
        <v>19</v>
      </c>
      <c r="AO7934">
        <v>18</v>
      </c>
      <c r="AP7934">
        <v>18</v>
      </c>
      <c r="AQ7934">
        <v>18</v>
      </c>
    </row>
    <row r="7935" spans="1:43">
      <c r="A7935" t="s">
        <v>4968</v>
      </c>
      <c r="B7935" t="s">
        <v>4969</v>
      </c>
      <c r="C7935" t="s">
        <v>4960</v>
      </c>
      <c r="D7935" t="s">
        <v>4961</v>
      </c>
      <c r="E7935" t="s">
        <v>4916</v>
      </c>
      <c r="F7935" t="s">
        <v>4917</v>
      </c>
      <c r="G7935" t="s">
        <v>80</v>
      </c>
      <c r="H7935" t="s">
        <v>81</v>
      </c>
      <c r="I7935" s="2">
        <v>1</v>
      </c>
      <c r="J7935" s="2">
        <v>0</v>
      </c>
      <c r="K7935" s="2">
        <v>0</v>
      </c>
      <c r="L7935" t="s">
        <v>120</v>
      </c>
      <c r="M7935" t="s">
        <v>87</v>
      </c>
      <c r="N7935" t="s">
        <v>88</v>
      </c>
      <c r="O7935" t="s">
        <v>85</v>
      </c>
      <c r="P7935" t="s">
        <v>86</v>
      </c>
      <c r="Q7935">
        <v>17</v>
      </c>
      <c r="R7935">
        <v>17</v>
      </c>
      <c r="S7935">
        <v>17</v>
      </c>
      <c r="T7935">
        <v>17</v>
      </c>
      <c r="U7935">
        <v>17</v>
      </c>
      <c r="V7935">
        <v>17</v>
      </c>
      <c r="W7935">
        <v>17</v>
      </c>
      <c r="X7935">
        <v>17</v>
      </c>
      <c r="Y7935">
        <v>17</v>
      </c>
      <c r="Z7935">
        <v>17</v>
      </c>
      <c r="AA7935">
        <v>17</v>
      </c>
      <c r="AB7935">
        <v>17</v>
      </c>
      <c r="AC7935">
        <v>17</v>
      </c>
      <c r="AD7935">
        <v>17</v>
      </c>
      <c r="AE7935">
        <v>17</v>
      </c>
      <c r="AF7935">
        <v>16</v>
      </c>
      <c r="AG7935">
        <v>16</v>
      </c>
      <c r="AH7935">
        <v>16</v>
      </c>
      <c r="AI7935">
        <v>16</v>
      </c>
      <c r="AJ7935">
        <v>16</v>
      </c>
      <c r="AK7935">
        <v>16</v>
      </c>
      <c r="AL7935">
        <v>16</v>
      </c>
      <c r="AM7935">
        <v>16</v>
      </c>
      <c r="AN7935">
        <v>16</v>
      </c>
      <c r="AO7935">
        <v>16</v>
      </c>
      <c r="AP7935">
        <v>16</v>
      </c>
      <c r="AQ7935">
        <v>16</v>
      </c>
    </row>
    <row r="7936" spans="1:43">
      <c r="A7936" t="s">
        <v>4968</v>
      </c>
      <c r="B7936" t="s">
        <v>4969</v>
      </c>
      <c r="C7936" t="s">
        <v>4960</v>
      </c>
      <c r="D7936" t="s">
        <v>4961</v>
      </c>
      <c r="E7936" t="s">
        <v>4916</v>
      </c>
      <c r="F7936" t="s">
        <v>4917</v>
      </c>
      <c r="G7936" t="s">
        <v>80</v>
      </c>
      <c r="H7936" t="s">
        <v>81</v>
      </c>
      <c r="I7936" s="2">
        <v>1</v>
      </c>
      <c r="J7936" s="2">
        <v>0</v>
      </c>
      <c r="K7936" s="2">
        <v>0</v>
      </c>
      <c r="L7936" t="s">
        <v>120</v>
      </c>
      <c r="M7936" t="s">
        <v>89</v>
      </c>
      <c r="N7936" t="s">
        <v>90</v>
      </c>
      <c r="O7936" t="s">
        <v>85</v>
      </c>
      <c r="P7936" t="s">
        <v>86</v>
      </c>
      <c r="Q7936">
        <v>17</v>
      </c>
      <c r="R7936">
        <v>17</v>
      </c>
      <c r="S7936">
        <v>17</v>
      </c>
      <c r="T7936">
        <v>17</v>
      </c>
      <c r="U7936">
        <v>18</v>
      </c>
      <c r="V7936">
        <v>18</v>
      </c>
      <c r="W7936">
        <v>18</v>
      </c>
      <c r="X7936">
        <v>18</v>
      </c>
      <c r="Y7936">
        <v>18</v>
      </c>
      <c r="Z7936">
        <v>18</v>
      </c>
      <c r="AA7936">
        <v>19</v>
      </c>
      <c r="AB7936">
        <v>19</v>
      </c>
      <c r="AC7936">
        <v>19</v>
      </c>
      <c r="AD7936">
        <v>19</v>
      </c>
      <c r="AE7936">
        <v>19</v>
      </c>
      <c r="AF7936">
        <v>19</v>
      </c>
      <c r="AG7936">
        <v>19</v>
      </c>
      <c r="AH7936">
        <v>19</v>
      </c>
      <c r="AI7936">
        <v>18</v>
      </c>
      <c r="AJ7936">
        <v>18</v>
      </c>
      <c r="AK7936">
        <v>18</v>
      </c>
      <c r="AL7936">
        <v>18</v>
      </c>
      <c r="AM7936">
        <v>18</v>
      </c>
      <c r="AN7936">
        <v>18</v>
      </c>
      <c r="AO7936">
        <v>18</v>
      </c>
      <c r="AP7936">
        <v>18</v>
      </c>
      <c r="AQ7936">
        <v>17</v>
      </c>
    </row>
    <row r="7937" spans="1:43">
      <c r="A7937" t="s">
        <v>4968</v>
      </c>
      <c r="B7937" t="s">
        <v>4969</v>
      </c>
      <c r="C7937" t="s">
        <v>4960</v>
      </c>
      <c r="D7937" t="s">
        <v>4961</v>
      </c>
      <c r="E7937" t="s">
        <v>4916</v>
      </c>
      <c r="F7937" t="s">
        <v>4917</v>
      </c>
      <c r="G7937" t="s">
        <v>80</v>
      </c>
      <c r="H7937" t="s">
        <v>81</v>
      </c>
      <c r="I7937" s="2">
        <v>1</v>
      </c>
      <c r="J7937" s="2">
        <v>0</v>
      </c>
      <c r="K7937" s="2">
        <v>0</v>
      </c>
      <c r="L7937" t="s">
        <v>120</v>
      </c>
      <c r="M7937" t="s">
        <v>83</v>
      </c>
      <c r="N7937" t="s">
        <v>91</v>
      </c>
      <c r="O7937" t="s">
        <v>85</v>
      </c>
      <c r="P7937" t="s">
        <v>86</v>
      </c>
      <c r="Q7937">
        <v>17</v>
      </c>
      <c r="R7937">
        <v>18</v>
      </c>
      <c r="S7937">
        <v>18</v>
      </c>
      <c r="T7937">
        <v>18</v>
      </c>
      <c r="U7937">
        <v>18</v>
      </c>
      <c r="V7937">
        <v>18</v>
      </c>
      <c r="W7937">
        <v>18</v>
      </c>
      <c r="X7937">
        <v>18</v>
      </c>
      <c r="Y7937">
        <v>18</v>
      </c>
      <c r="Z7937">
        <v>18</v>
      </c>
      <c r="AA7937">
        <v>18</v>
      </c>
      <c r="AB7937">
        <v>18</v>
      </c>
      <c r="AC7937">
        <v>18</v>
      </c>
      <c r="AD7937">
        <v>19</v>
      </c>
      <c r="AE7937">
        <v>19</v>
      </c>
      <c r="AF7937">
        <v>19</v>
      </c>
      <c r="AG7937">
        <v>19</v>
      </c>
      <c r="AH7937">
        <v>19</v>
      </c>
      <c r="AI7937">
        <v>19</v>
      </c>
      <c r="AJ7937">
        <v>19</v>
      </c>
      <c r="AK7937">
        <v>19</v>
      </c>
      <c r="AL7937">
        <v>19</v>
      </c>
      <c r="AM7937">
        <v>19</v>
      </c>
      <c r="AN7937">
        <v>19</v>
      </c>
      <c r="AO7937">
        <v>18</v>
      </c>
      <c r="AP7937">
        <v>18</v>
      </c>
      <c r="AQ7937">
        <v>18</v>
      </c>
    </row>
    <row r="7938" spans="1:43">
      <c r="A7938" t="s">
        <v>4970</v>
      </c>
      <c r="B7938" t="s">
        <v>4971</v>
      </c>
      <c r="C7938" t="s">
        <v>4972</v>
      </c>
      <c r="D7938" t="s">
        <v>4973</v>
      </c>
      <c r="E7938" t="s">
        <v>4916</v>
      </c>
      <c r="F7938" t="s">
        <v>4917</v>
      </c>
      <c r="G7938" t="s">
        <v>80</v>
      </c>
      <c r="H7938" t="s">
        <v>81</v>
      </c>
      <c r="I7938" s="2">
        <v>1</v>
      </c>
      <c r="J7938" s="2">
        <v>0</v>
      </c>
      <c r="K7938" s="2">
        <v>0</v>
      </c>
      <c r="L7938" t="s">
        <v>120</v>
      </c>
      <c r="M7938" t="s">
        <v>83</v>
      </c>
      <c r="N7938" t="s">
        <v>84</v>
      </c>
      <c r="O7938" t="s">
        <v>85</v>
      </c>
      <c r="P7938" t="s">
        <v>86</v>
      </c>
      <c r="Q7938">
        <v>22</v>
      </c>
      <c r="R7938">
        <v>22</v>
      </c>
      <c r="S7938">
        <v>22</v>
      </c>
      <c r="T7938">
        <v>23</v>
      </c>
      <c r="U7938">
        <v>23</v>
      </c>
      <c r="V7938">
        <v>23</v>
      </c>
      <c r="W7938">
        <v>23</v>
      </c>
      <c r="X7938">
        <v>23</v>
      </c>
      <c r="Y7938">
        <v>23</v>
      </c>
      <c r="Z7938">
        <v>23</v>
      </c>
      <c r="AA7938">
        <v>23</v>
      </c>
      <c r="AB7938">
        <v>23</v>
      </c>
      <c r="AC7938">
        <v>24</v>
      </c>
      <c r="AD7938">
        <v>24</v>
      </c>
      <c r="AE7938">
        <v>24</v>
      </c>
      <c r="AF7938">
        <v>24</v>
      </c>
      <c r="AG7938">
        <v>24</v>
      </c>
      <c r="AH7938">
        <v>24</v>
      </c>
      <c r="AI7938">
        <v>24</v>
      </c>
      <c r="AJ7938">
        <v>24</v>
      </c>
      <c r="AK7938">
        <v>24</v>
      </c>
      <c r="AL7938">
        <v>24</v>
      </c>
      <c r="AM7938">
        <v>24</v>
      </c>
      <c r="AN7938">
        <v>24</v>
      </c>
      <c r="AO7938">
        <v>24</v>
      </c>
      <c r="AP7938">
        <v>23</v>
      </c>
      <c r="AQ7938">
        <v>23</v>
      </c>
    </row>
    <row r="7939" spans="1:43">
      <c r="A7939" t="s">
        <v>4970</v>
      </c>
      <c r="B7939" t="s">
        <v>4971</v>
      </c>
      <c r="C7939" t="s">
        <v>4972</v>
      </c>
      <c r="D7939" t="s">
        <v>4973</v>
      </c>
      <c r="E7939" t="s">
        <v>4916</v>
      </c>
      <c r="F7939" t="s">
        <v>4917</v>
      </c>
      <c r="G7939" t="s">
        <v>80</v>
      </c>
      <c r="H7939" t="s">
        <v>81</v>
      </c>
      <c r="I7939" s="2">
        <v>1</v>
      </c>
      <c r="J7939" s="2">
        <v>0</v>
      </c>
      <c r="K7939" s="2">
        <v>0</v>
      </c>
      <c r="L7939" t="s">
        <v>120</v>
      </c>
      <c r="M7939" t="s">
        <v>87</v>
      </c>
      <c r="N7939" t="s">
        <v>88</v>
      </c>
      <c r="O7939" t="s">
        <v>85</v>
      </c>
      <c r="P7939" t="s">
        <v>86</v>
      </c>
      <c r="Q7939">
        <v>22</v>
      </c>
      <c r="R7939">
        <v>22</v>
      </c>
      <c r="S7939">
        <v>22</v>
      </c>
      <c r="T7939">
        <v>22</v>
      </c>
      <c r="U7939">
        <v>22</v>
      </c>
      <c r="V7939">
        <v>22</v>
      </c>
      <c r="W7939">
        <v>22</v>
      </c>
      <c r="X7939">
        <v>22</v>
      </c>
      <c r="Y7939">
        <v>21</v>
      </c>
      <c r="Z7939">
        <v>21</v>
      </c>
      <c r="AA7939">
        <v>21</v>
      </c>
      <c r="AB7939">
        <v>21</v>
      </c>
      <c r="AC7939">
        <v>21</v>
      </c>
      <c r="AD7939">
        <v>21</v>
      </c>
      <c r="AE7939">
        <v>21</v>
      </c>
      <c r="AF7939">
        <v>21</v>
      </c>
      <c r="AG7939">
        <v>21</v>
      </c>
      <c r="AH7939">
        <v>21</v>
      </c>
      <c r="AI7939">
        <v>21</v>
      </c>
      <c r="AJ7939">
        <v>21</v>
      </c>
      <c r="AK7939">
        <v>21</v>
      </c>
      <c r="AL7939">
        <v>21</v>
      </c>
      <c r="AM7939">
        <v>20</v>
      </c>
      <c r="AN7939">
        <v>20</v>
      </c>
      <c r="AO7939">
        <v>20</v>
      </c>
      <c r="AP7939">
        <v>20</v>
      </c>
      <c r="AQ7939">
        <v>20</v>
      </c>
    </row>
    <row r="7940" spans="1:43">
      <c r="A7940" t="s">
        <v>4970</v>
      </c>
      <c r="B7940" t="s">
        <v>4971</v>
      </c>
      <c r="C7940" t="s">
        <v>4972</v>
      </c>
      <c r="D7940" t="s">
        <v>4973</v>
      </c>
      <c r="E7940" t="s">
        <v>4916</v>
      </c>
      <c r="F7940" t="s">
        <v>4917</v>
      </c>
      <c r="G7940" t="s">
        <v>80</v>
      </c>
      <c r="H7940" t="s">
        <v>81</v>
      </c>
      <c r="I7940" s="2">
        <v>1</v>
      </c>
      <c r="J7940" s="2">
        <v>0</v>
      </c>
      <c r="K7940" s="2">
        <v>0</v>
      </c>
      <c r="L7940" t="s">
        <v>120</v>
      </c>
      <c r="M7940" t="s">
        <v>89</v>
      </c>
      <c r="N7940" t="s">
        <v>90</v>
      </c>
      <c r="O7940" t="s">
        <v>85</v>
      </c>
      <c r="P7940" t="s">
        <v>86</v>
      </c>
      <c r="Q7940">
        <v>22</v>
      </c>
      <c r="R7940">
        <v>23</v>
      </c>
      <c r="S7940">
        <v>23</v>
      </c>
      <c r="T7940">
        <v>23</v>
      </c>
      <c r="U7940">
        <v>24</v>
      </c>
      <c r="V7940">
        <v>24</v>
      </c>
      <c r="W7940">
        <v>24</v>
      </c>
      <c r="X7940">
        <v>24</v>
      </c>
      <c r="Y7940">
        <v>25</v>
      </c>
      <c r="Z7940">
        <v>25</v>
      </c>
      <c r="AA7940">
        <v>25</v>
      </c>
      <c r="AB7940">
        <v>25</v>
      </c>
      <c r="AC7940">
        <v>25</v>
      </c>
      <c r="AD7940">
        <v>25</v>
      </c>
      <c r="AE7940">
        <v>25</v>
      </c>
      <c r="AF7940">
        <v>25</v>
      </c>
      <c r="AG7940">
        <v>25</v>
      </c>
      <c r="AH7940">
        <v>25</v>
      </c>
      <c r="AI7940">
        <v>25</v>
      </c>
      <c r="AJ7940">
        <v>25</v>
      </c>
      <c r="AK7940">
        <v>24</v>
      </c>
      <c r="AL7940">
        <v>24</v>
      </c>
      <c r="AM7940">
        <v>24</v>
      </c>
      <c r="AN7940">
        <v>24</v>
      </c>
      <c r="AO7940">
        <v>24</v>
      </c>
      <c r="AP7940">
        <v>24</v>
      </c>
      <c r="AQ7940">
        <v>23</v>
      </c>
    </row>
    <row r="7941" spans="1:43">
      <c r="A7941" t="s">
        <v>4970</v>
      </c>
      <c r="B7941" t="s">
        <v>4971</v>
      </c>
      <c r="C7941" t="s">
        <v>4972</v>
      </c>
      <c r="D7941" t="s">
        <v>4973</v>
      </c>
      <c r="E7941" t="s">
        <v>4916</v>
      </c>
      <c r="F7941" t="s">
        <v>4917</v>
      </c>
      <c r="G7941" t="s">
        <v>80</v>
      </c>
      <c r="H7941" t="s">
        <v>81</v>
      </c>
      <c r="I7941" s="2">
        <v>1</v>
      </c>
      <c r="J7941" s="2">
        <v>0</v>
      </c>
      <c r="K7941" s="2">
        <v>0</v>
      </c>
      <c r="L7941" t="s">
        <v>120</v>
      </c>
      <c r="M7941" t="s">
        <v>83</v>
      </c>
      <c r="N7941" t="s">
        <v>91</v>
      </c>
      <c r="O7941" t="s">
        <v>85</v>
      </c>
      <c r="P7941" t="s">
        <v>86</v>
      </c>
      <c r="Q7941">
        <v>22</v>
      </c>
      <c r="R7941">
        <v>22</v>
      </c>
      <c r="S7941">
        <v>22</v>
      </c>
      <c r="T7941">
        <v>23</v>
      </c>
      <c r="U7941">
        <v>23</v>
      </c>
      <c r="V7941">
        <v>23</v>
      </c>
      <c r="W7941">
        <v>23</v>
      </c>
      <c r="X7941">
        <v>23</v>
      </c>
      <c r="Y7941">
        <v>23</v>
      </c>
      <c r="Z7941">
        <v>23</v>
      </c>
      <c r="AA7941">
        <v>23</v>
      </c>
      <c r="AB7941">
        <v>23</v>
      </c>
      <c r="AC7941">
        <v>24</v>
      </c>
      <c r="AD7941">
        <v>24</v>
      </c>
      <c r="AE7941">
        <v>24</v>
      </c>
      <c r="AF7941">
        <v>24</v>
      </c>
      <c r="AG7941">
        <v>24</v>
      </c>
      <c r="AH7941">
        <v>24</v>
      </c>
      <c r="AI7941">
        <v>24</v>
      </c>
      <c r="AJ7941">
        <v>24</v>
      </c>
      <c r="AK7941">
        <v>24</v>
      </c>
      <c r="AL7941">
        <v>24</v>
      </c>
      <c r="AM7941">
        <v>24</v>
      </c>
      <c r="AN7941">
        <v>24</v>
      </c>
      <c r="AO7941">
        <v>24</v>
      </c>
      <c r="AP7941">
        <v>23</v>
      </c>
      <c r="AQ7941">
        <v>23</v>
      </c>
    </row>
    <row r="7942" spans="1:43">
      <c r="A7942" t="s">
        <v>4974</v>
      </c>
      <c r="B7942" t="s">
        <v>4975</v>
      </c>
      <c r="C7942" t="s">
        <v>4976</v>
      </c>
      <c r="D7942" t="s">
        <v>4977</v>
      </c>
      <c r="E7942" t="s">
        <v>4916</v>
      </c>
      <c r="F7942" t="s">
        <v>4917</v>
      </c>
      <c r="G7942" t="s">
        <v>80</v>
      </c>
      <c r="H7942" t="s">
        <v>81</v>
      </c>
      <c r="I7942" s="2">
        <v>1</v>
      </c>
      <c r="J7942" s="2">
        <v>0</v>
      </c>
      <c r="K7942" s="2">
        <v>0</v>
      </c>
      <c r="L7942" t="s">
        <v>120</v>
      </c>
      <c r="M7942" t="s">
        <v>83</v>
      </c>
      <c r="N7942" t="s">
        <v>84</v>
      </c>
      <c r="O7942" t="s">
        <v>85</v>
      </c>
      <c r="P7942" t="s">
        <v>86</v>
      </c>
      <c r="Q7942">
        <v>6</v>
      </c>
      <c r="R7942">
        <v>6</v>
      </c>
      <c r="S7942">
        <v>6</v>
      </c>
      <c r="T7942">
        <v>6</v>
      </c>
      <c r="U7942">
        <v>6</v>
      </c>
      <c r="V7942">
        <v>6</v>
      </c>
      <c r="W7942">
        <v>6</v>
      </c>
      <c r="X7942">
        <v>6</v>
      </c>
      <c r="Y7942">
        <v>6</v>
      </c>
      <c r="Z7942">
        <v>6</v>
      </c>
      <c r="AA7942">
        <v>6</v>
      </c>
      <c r="AB7942">
        <v>6</v>
      </c>
      <c r="AC7942">
        <v>6</v>
      </c>
      <c r="AD7942">
        <v>6</v>
      </c>
      <c r="AE7942">
        <v>6</v>
      </c>
      <c r="AF7942">
        <v>6</v>
      </c>
      <c r="AG7942">
        <v>6</v>
      </c>
      <c r="AH7942">
        <v>6</v>
      </c>
      <c r="AI7942">
        <v>6</v>
      </c>
      <c r="AJ7942">
        <v>6</v>
      </c>
      <c r="AK7942">
        <v>6</v>
      </c>
      <c r="AL7942">
        <v>6</v>
      </c>
      <c r="AM7942">
        <v>6</v>
      </c>
      <c r="AN7942">
        <v>6</v>
      </c>
      <c r="AO7942">
        <v>6</v>
      </c>
      <c r="AP7942">
        <v>6</v>
      </c>
      <c r="AQ7942">
        <v>6</v>
      </c>
    </row>
    <row r="7943" spans="1:43">
      <c r="A7943" t="s">
        <v>4974</v>
      </c>
      <c r="B7943" t="s">
        <v>4975</v>
      </c>
      <c r="C7943" t="s">
        <v>4976</v>
      </c>
      <c r="D7943" t="s">
        <v>4977</v>
      </c>
      <c r="E7943" t="s">
        <v>4916</v>
      </c>
      <c r="F7943" t="s">
        <v>4917</v>
      </c>
      <c r="G7943" t="s">
        <v>80</v>
      </c>
      <c r="H7943" t="s">
        <v>81</v>
      </c>
      <c r="I7943" s="2">
        <v>1</v>
      </c>
      <c r="J7943" s="2">
        <v>0</v>
      </c>
      <c r="K7943" s="2">
        <v>0</v>
      </c>
      <c r="L7943" t="s">
        <v>120</v>
      </c>
      <c r="M7943" t="s">
        <v>87</v>
      </c>
      <c r="N7943" t="s">
        <v>88</v>
      </c>
      <c r="O7943" t="s">
        <v>85</v>
      </c>
      <c r="P7943" t="s">
        <v>86</v>
      </c>
      <c r="Q7943">
        <v>6</v>
      </c>
      <c r="R7943">
        <v>6</v>
      </c>
      <c r="S7943">
        <v>5</v>
      </c>
      <c r="T7943">
        <v>5</v>
      </c>
      <c r="U7943">
        <v>5</v>
      </c>
      <c r="V7943">
        <v>5</v>
      </c>
      <c r="W7943">
        <v>5</v>
      </c>
      <c r="X7943">
        <v>5</v>
      </c>
      <c r="Y7943">
        <v>5</v>
      </c>
      <c r="Z7943">
        <v>5</v>
      </c>
      <c r="AA7943">
        <v>5</v>
      </c>
      <c r="AB7943">
        <v>5</v>
      </c>
      <c r="AC7943">
        <v>5</v>
      </c>
      <c r="AD7943">
        <v>5</v>
      </c>
      <c r="AE7943">
        <v>5</v>
      </c>
      <c r="AF7943">
        <v>5</v>
      </c>
      <c r="AG7943">
        <v>5</v>
      </c>
      <c r="AH7943">
        <v>5</v>
      </c>
      <c r="AI7943">
        <v>5</v>
      </c>
      <c r="AJ7943">
        <v>5</v>
      </c>
      <c r="AK7943">
        <v>5</v>
      </c>
      <c r="AL7943">
        <v>5</v>
      </c>
      <c r="AM7943">
        <v>5</v>
      </c>
      <c r="AN7943">
        <v>5</v>
      </c>
      <c r="AO7943">
        <v>5</v>
      </c>
      <c r="AP7943">
        <v>5</v>
      </c>
      <c r="AQ7943">
        <v>5</v>
      </c>
    </row>
    <row r="7944" spans="1:43">
      <c r="A7944" t="s">
        <v>4974</v>
      </c>
      <c r="B7944" t="s">
        <v>4975</v>
      </c>
      <c r="C7944" t="s">
        <v>4976</v>
      </c>
      <c r="D7944" t="s">
        <v>4977</v>
      </c>
      <c r="E7944" t="s">
        <v>4916</v>
      </c>
      <c r="F7944" t="s">
        <v>4917</v>
      </c>
      <c r="G7944" t="s">
        <v>80</v>
      </c>
      <c r="H7944" t="s">
        <v>81</v>
      </c>
      <c r="I7944" s="2">
        <v>1</v>
      </c>
      <c r="J7944" s="2">
        <v>0</v>
      </c>
      <c r="K7944" s="2">
        <v>0</v>
      </c>
      <c r="L7944" t="s">
        <v>120</v>
      </c>
      <c r="M7944" t="s">
        <v>89</v>
      </c>
      <c r="N7944" t="s">
        <v>90</v>
      </c>
      <c r="O7944" t="s">
        <v>85</v>
      </c>
      <c r="P7944" t="s">
        <v>86</v>
      </c>
      <c r="Q7944">
        <v>6</v>
      </c>
      <c r="R7944">
        <v>6</v>
      </c>
      <c r="S7944">
        <v>6</v>
      </c>
      <c r="T7944">
        <v>6</v>
      </c>
      <c r="U7944">
        <v>6</v>
      </c>
      <c r="V7944">
        <v>6</v>
      </c>
      <c r="W7944">
        <v>6</v>
      </c>
      <c r="X7944">
        <v>6</v>
      </c>
      <c r="Y7944">
        <v>6</v>
      </c>
      <c r="Z7944">
        <v>6</v>
      </c>
      <c r="AA7944">
        <v>6</v>
      </c>
      <c r="AB7944">
        <v>6</v>
      </c>
      <c r="AC7944">
        <v>6</v>
      </c>
      <c r="AD7944">
        <v>6</v>
      </c>
      <c r="AE7944">
        <v>6</v>
      </c>
      <c r="AF7944">
        <v>6</v>
      </c>
      <c r="AG7944">
        <v>6</v>
      </c>
      <c r="AH7944">
        <v>6</v>
      </c>
      <c r="AI7944">
        <v>6</v>
      </c>
      <c r="AJ7944">
        <v>6</v>
      </c>
      <c r="AK7944">
        <v>6</v>
      </c>
      <c r="AL7944">
        <v>6</v>
      </c>
      <c r="AM7944">
        <v>6</v>
      </c>
      <c r="AN7944">
        <v>6</v>
      </c>
      <c r="AO7944">
        <v>6</v>
      </c>
      <c r="AP7944">
        <v>6</v>
      </c>
      <c r="AQ7944">
        <v>6</v>
      </c>
    </row>
    <row r="7945" spans="1:43">
      <c r="A7945" t="s">
        <v>4974</v>
      </c>
      <c r="B7945" t="s">
        <v>4975</v>
      </c>
      <c r="C7945" t="s">
        <v>4976</v>
      </c>
      <c r="D7945" t="s">
        <v>4977</v>
      </c>
      <c r="E7945" t="s">
        <v>4916</v>
      </c>
      <c r="F7945" t="s">
        <v>4917</v>
      </c>
      <c r="G7945" t="s">
        <v>80</v>
      </c>
      <c r="H7945" t="s">
        <v>81</v>
      </c>
      <c r="I7945" s="2">
        <v>1</v>
      </c>
      <c r="J7945" s="2">
        <v>0</v>
      </c>
      <c r="K7945" s="2">
        <v>0</v>
      </c>
      <c r="L7945" t="s">
        <v>120</v>
      </c>
      <c r="M7945" t="s">
        <v>83</v>
      </c>
      <c r="N7945" t="s">
        <v>91</v>
      </c>
      <c r="O7945" t="s">
        <v>85</v>
      </c>
      <c r="P7945" t="s">
        <v>86</v>
      </c>
      <c r="Q7945">
        <v>6</v>
      </c>
      <c r="R7945">
        <v>6</v>
      </c>
      <c r="S7945">
        <v>6</v>
      </c>
      <c r="T7945">
        <v>6</v>
      </c>
      <c r="U7945">
        <v>6</v>
      </c>
      <c r="V7945">
        <v>6</v>
      </c>
      <c r="W7945">
        <v>6</v>
      </c>
      <c r="X7945">
        <v>6</v>
      </c>
      <c r="Y7945">
        <v>6</v>
      </c>
      <c r="Z7945">
        <v>6</v>
      </c>
      <c r="AA7945">
        <v>6</v>
      </c>
      <c r="AB7945">
        <v>6</v>
      </c>
      <c r="AC7945">
        <v>6</v>
      </c>
      <c r="AD7945">
        <v>6</v>
      </c>
      <c r="AE7945">
        <v>6</v>
      </c>
      <c r="AF7945">
        <v>6</v>
      </c>
      <c r="AG7945">
        <v>6</v>
      </c>
      <c r="AH7945">
        <v>6</v>
      </c>
      <c r="AI7945">
        <v>6</v>
      </c>
      <c r="AJ7945">
        <v>6</v>
      </c>
      <c r="AK7945">
        <v>6</v>
      </c>
      <c r="AL7945">
        <v>6</v>
      </c>
      <c r="AM7945">
        <v>6</v>
      </c>
      <c r="AN7945">
        <v>6</v>
      </c>
      <c r="AO7945">
        <v>6</v>
      </c>
      <c r="AP7945">
        <v>6</v>
      </c>
      <c r="AQ7945">
        <v>6</v>
      </c>
    </row>
    <row r="7946" spans="1:43">
      <c r="A7946" t="s">
        <v>4978</v>
      </c>
      <c r="B7946" t="s">
        <v>4979</v>
      </c>
      <c r="C7946" t="s">
        <v>4976</v>
      </c>
      <c r="D7946" t="s">
        <v>4977</v>
      </c>
      <c r="E7946" t="s">
        <v>4916</v>
      </c>
      <c r="F7946" t="s">
        <v>4917</v>
      </c>
      <c r="G7946" t="s">
        <v>80</v>
      </c>
      <c r="H7946" t="s">
        <v>81</v>
      </c>
      <c r="I7946" s="2">
        <v>1</v>
      </c>
      <c r="J7946" s="2">
        <v>0</v>
      </c>
      <c r="K7946" s="2">
        <v>0</v>
      </c>
      <c r="L7946" t="s">
        <v>120</v>
      </c>
      <c r="M7946" t="s">
        <v>83</v>
      </c>
      <c r="N7946" t="s">
        <v>84</v>
      </c>
      <c r="O7946" t="s">
        <v>85</v>
      </c>
      <c r="P7946" t="s">
        <v>86</v>
      </c>
      <c r="Q7946">
        <v>27</v>
      </c>
      <c r="R7946">
        <v>27</v>
      </c>
      <c r="S7946">
        <v>27</v>
      </c>
      <c r="T7946">
        <v>27</v>
      </c>
      <c r="U7946">
        <v>27</v>
      </c>
      <c r="V7946">
        <v>27</v>
      </c>
      <c r="W7946">
        <v>28</v>
      </c>
      <c r="X7946">
        <v>28</v>
      </c>
      <c r="Y7946">
        <v>28</v>
      </c>
      <c r="Z7946">
        <v>28</v>
      </c>
      <c r="AA7946">
        <v>28</v>
      </c>
      <c r="AB7946">
        <v>28</v>
      </c>
      <c r="AC7946">
        <v>28</v>
      </c>
      <c r="AD7946">
        <v>28</v>
      </c>
      <c r="AE7946">
        <v>28</v>
      </c>
      <c r="AF7946">
        <v>29</v>
      </c>
      <c r="AG7946">
        <v>29</v>
      </c>
      <c r="AH7946">
        <v>29</v>
      </c>
      <c r="AI7946">
        <v>29</v>
      </c>
      <c r="AJ7946">
        <v>29</v>
      </c>
      <c r="AK7946">
        <v>29</v>
      </c>
      <c r="AL7946">
        <v>29</v>
      </c>
      <c r="AM7946">
        <v>29</v>
      </c>
      <c r="AN7946">
        <v>28</v>
      </c>
      <c r="AO7946">
        <v>28</v>
      </c>
      <c r="AP7946">
        <v>28</v>
      </c>
      <c r="AQ7946">
        <v>28</v>
      </c>
    </row>
    <row r="7947" spans="1:43">
      <c r="A7947" t="s">
        <v>4978</v>
      </c>
      <c r="B7947" t="s">
        <v>4979</v>
      </c>
      <c r="C7947" t="s">
        <v>4976</v>
      </c>
      <c r="D7947" t="s">
        <v>4977</v>
      </c>
      <c r="E7947" t="s">
        <v>4916</v>
      </c>
      <c r="F7947" t="s">
        <v>4917</v>
      </c>
      <c r="G7947" t="s">
        <v>80</v>
      </c>
      <c r="H7947" t="s">
        <v>81</v>
      </c>
      <c r="I7947" s="2">
        <v>1</v>
      </c>
      <c r="J7947" s="2">
        <v>0</v>
      </c>
      <c r="K7947" s="2">
        <v>0</v>
      </c>
      <c r="L7947" t="s">
        <v>120</v>
      </c>
      <c r="M7947" t="s">
        <v>87</v>
      </c>
      <c r="N7947" t="s">
        <v>88</v>
      </c>
      <c r="O7947" t="s">
        <v>85</v>
      </c>
      <c r="P7947" t="s">
        <v>86</v>
      </c>
      <c r="Q7947">
        <v>27</v>
      </c>
      <c r="R7947">
        <v>27</v>
      </c>
      <c r="S7947">
        <v>27</v>
      </c>
      <c r="T7947">
        <v>27</v>
      </c>
      <c r="U7947">
        <v>27</v>
      </c>
      <c r="V7947">
        <v>27</v>
      </c>
      <c r="W7947">
        <v>27</v>
      </c>
      <c r="X7947">
        <v>27</v>
      </c>
      <c r="Y7947">
        <v>27</v>
      </c>
      <c r="Z7947">
        <v>27</v>
      </c>
      <c r="AA7947">
        <v>27</v>
      </c>
      <c r="AB7947">
        <v>27</v>
      </c>
      <c r="AC7947">
        <v>26</v>
      </c>
      <c r="AD7947">
        <v>26</v>
      </c>
      <c r="AE7947">
        <v>26</v>
      </c>
      <c r="AF7947">
        <v>26</v>
      </c>
      <c r="AG7947">
        <v>26</v>
      </c>
      <c r="AH7947">
        <v>26</v>
      </c>
      <c r="AI7947">
        <v>26</v>
      </c>
      <c r="AJ7947">
        <v>26</v>
      </c>
      <c r="AK7947">
        <v>26</v>
      </c>
      <c r="AL7947">
        <v>26</v>
      </c>
      <c r="AM7947">
        <v>26</v>
      </c>
      <c r="AN7947">
        <v>26</v>
      </c>
      <c r="AO7947">
        <v>26</v>
      </c>
      <c r="AP7947">
        <v>25</v>
      </c>
      <c r="AQ7947">
        <v>25</v>
      </c>
    </row>
    <row r="7948" spans="1:43">
      <c r="A7948" t="s">
        <v>4978</v>
      </c>
      <c r="B7948" t="s">
        <v>4979</v>
      </c>
      <c r="C7948" t="s">
        <v>4976</v>
      </c>
      <c r="D7948" t="s">
        <v>4977</v>
      </c>
      <c r="E7948" t="s">
        <v>4916</v>
      </c>
      <c r="F7948" t="s">
        <v>4917</v>
      </c>
      <c r="G7948" t="s">
        <v>80</v>
      </c>
      <c r="H7948" t="s">
        <v>81</v>
      </c>
      <c r="I7948" s="2">
        <v>1</v>
      </c>
      <c r="J7948" s="2">
        <v>0</v>
      </c>
      <c r="K7948" s="2">
        <v>0</v>
      </c>
      <c r="L7948" t="s">
        <v>120</v>
      </c>
      <c r="M7948" t="s">
        <v>89</v>
      </c>
      <c r="N7948" t="s">
        <v>90</v>
      </c>
      <c r="O7948" t="s">
        <v>85</v>
      </c>
      <c r="P7948" t="s">
        <v>86</v>
      </c>
      <c r="Q7948">
        <v>27</v>
      </c>
      <c r="R7948">
        <v>27</v>
      </c>
      <c r="S7948">
        <v>28</v>
      </c>
      <c r="T7948">
        <v>28</v>
      </c>
      <c r="U7948">
        <v>28</v>
      </c>
      <c r="V7948">
        <v>29</v>
      </c>
      <c r="W7948">
        <v>29</v>
      </c>
      <c r="X7948">
        <v>29</v>
      </c>
      <c r="Y7948">
        <v>29</v>
      </c>
      <c r="Z7948">
        <v>30</v>
      </c>
      <c r="AA7948">
        <v>30</v>
      </c>
      <c r="AB7948">
        <v>30</v>
      </c>
      <c r="AC7948">
        <v>30</v>
      </c>
      <c r="AD7948">
        <v>30</v>
      </c>
      <c r="AE7948">
        <v>30</v>
      </c>
      <c r="AF7948">
        <v>30</v>
      </c>
      <c r="AG7948">
        <v>30</v>
      </c>
      <c r="AH7948">
        <v>30</v>
      </c>
      <c r="AI7948">
        <v>30</v>
      </c>
      <c r="AJ7948">
        <v>29</v>
      </c>
      <c r="AK7948">
        <v>29</v>
      </c>
      <c r="AL7948">
        <v>29</v>
      </c>
      <c r="AM7948">
        <v>29</v>
      </c>
      <c r="AN7948">
        <v>29</v>
      </c>
      <c r="AO7948">
        <v>29</v>
      </c>
      <c r="AP7948">
        <v>28</v>
      </c>
      <c r="AQ7948">
        <v>28</v>
      </c>
    </row>
    <row r="7949" spans="1:43">
      <c r="A7949" t="s">
        <v>4978</v>
      </c>
      <c r="B7949" t="s">
        <v>4979</v>
      </c>
      <c r="C7949" t="s">
        <v>4976</v>
      </c>
      <c r="D7949" t="s">
        <v>4977</v>
      </c>
      <c r="E7949" t="s">
        <v>4916</v>
      </c>
      <c r="F7949" t="s">
        <v>4917</v>
      </c>
      <c r="G7949" t="s">
        <v>80</v>
      </c>
      <c r="H7949" t="s">
        <v>81</v>
      </c>
      <c r="I7949" s="2">
        <v>1</v>
      </c>
      <c r="J7949" s="2">
        <v>0</v>
      </c>
      <c r="K7949" s="2">
        <v>0</v>
      </c>
      <c r="L7949" t="s">
        <v>120</v>
      </c>
      <c r="M7949" t="s">
        <v>83</v>
      </c>
      <c r="N7949" t="s">
        <v>91</v>
      </c>
      <c r="O7949" t="s">
        <v>85</v>
      </c>
      <c r="P7949" t="s">
        <v>86</v>
      </c>
      <c r="Q7949">
        <v>27</v>
      </c>
      <c r="R7949">
        <v>27</v>
      </c>
      <c r="S7949">
        <v>27</v>
      </c>
      <c r="T7949">
        <v>27</v>
      </c>
      <c r="U7949">
        <v>27</v>
      </c>
      <c r="V7949">
        <v>27</v>
      </c>
      <c r="W7949">
        <v>28</v>
      </c>
      <c r="X7949">
        <v>28</v>
      </c>
      <c r="Y7949">
        <v>28</v>
      </c>
      <c r="Z7949">
        <v>28</v>
      </c>
      <c r="AA7949">
        <v>28</v>
      </c>
      <c r="AB7949">
        <v>28</v>
      </c>
      <c r="AC7949">
        <v>28</v>
      </c>
      <c r="AD7949">
        <v>28</v>
      </c>
      <c r="AE7949">
        <v>28</v>
      </c>
      <c r="AF7949">
        <v>29</v>
      </c>
      <c r="AG7949">
        <v>29</v>
      </c>
      <c r="AH7949">
        <v>29</v>
      </c>
      <c r="AI7949">
        <v>29</v>
      </c>
      <c r="AJ7949">
        <v>29</v>
      </c>
      <c r="AK7949">
        <v>29</v>
      </c>
      <c r="AL7949">
        <v>29</v>
      </c>
      <c r="AM7949">
        <v>29</v>
      </c>
      <c r="AN7949">
        <v>28</v>
      </c>
      <c r="AO7949">
        <v>28</v>
      </c>
      <c r="AP7949">
        <v>28</v>
      </c>
      <c r="AQ7949">
        <v>28</v>
      </c>
    </row>
    <row r="7950" spans="1:43">
      <c r="A7950" t="s">
        <v>4980</v>
      </c>
      <c r="B7950" t="s">
        <v>4981</v>
      </c>
      <c r="C7950" t="s">
        <v>4982</v>
      </c>
      <c r="D7950" t="s">
        <v>4983</v>
      </c>
      <c r="E7950" t="s">
        <v>4916</v>
      </c>
      <c r="F7950" t="s">
        <v>4917</v>
      </c>
      <c r="G7950" t="s">
        <v>80</v>
      </c>
      <c r="H7950" t="s">
        <v>81</v>
      </c>
      <c r="I7950" s="2">
        <v>1</v>
      </c>
      <c r="J7950" s="2">
        <v>0</v>
      </c>
      <c r="K7950" s="2">
        <v>0</v>
      </c>
      <c r="L7950" t="s">
        <v>120</v>
      </c>
      <c r="M7950" t="s">
        <v>83</v>
      </c>
      <c r="N7950" t="s">
        <v>84</v>
      </c>
      <c r="O7950" t="s">
        <v>85</v>
      </c>
      <c r="P7950" t="s">
        <v>86</v>
      </c>
      <c r="Q7950">
        <v>9</v>
      </c>
      <c r="R7950">
        <v>9</v>
      </c>
      <c r="S7950">
        <v>9</v>
      </c>
      <c r="T7950">
        <v>9</v>
      </c>
      <c r="U7950">
        <v>9</v>
      </c>
      <c r="V7950">
        <v>9</v>
      </c>
      <c r="W7950">
        <v>9</v>
      </c>
      <c r="X7950">
        <v>9</v>
      </c>
      <c r="Y7950">
        <v>9</v>
      </c>
      <c r="Z7950">
        <v>10</v>
      </c>
      <c r="AA7950">
        <v>10</v>
      </c>
      <c r="AB7950">
        <v>10</v>
      </c>
      <c r="AC7950">
        <v>10</v>
      </c>
      <c r="AD7950">
        <v>10</v>
      </c>
      <c r="AE7950">
        <v>10</v>
      </c>
      <c r="AF7950">
        <v>10</v>
      </c>
      <c r="AG7950">
        <v>10</v>
      </c>
      <c r="AH7950">
        <v>10</v>
      </c>
      <c r="AI7950">
        <v>10</v>
      </c>
      <c r="AJ7950">
        <v>10</v>
      </c>
      <c r="AK7950">
        <v>10</v>
      </c>
      <c r="AL7950">
        <v>10</v>
      </c>
      <c r="AM7950">
        <v>10</v>
      </c>
      <c r="AN7950">
        <v>10</v>
      </c>
      <c r="AO7950">
        <v>10</v>
      </c>
      <c r="AP7950">
        <v>10</v>
      </c>
      <c r="AQ7950">
        <v>10</v>
      </c>
    </row>
    <row r="7951" spans="1:43">
      <c r="A7951" t="s">
        <v>4980</v>
      </c>
      <c r="B7951" t="s">
        <v>4981</v>
      </c>
      <c r="C7951" t="s">
        <v>4982</v>
      </c>
      <c r="D7951" t="s">
        <v>4983</v>
      </c>
      <c r="E7951" t="s">
        <v>4916</v>
      </c>
      <c r="F7951" t="s">
        <v>4917</v>
      </c>
      <c r="G7951" t="s">
        <v>80</v>
      </c>
      <c r="H7951" t="s">
        <v>81</v>
      </c>
      <c r="I7951" s="2">
        <v>1</v>
      </c>
      <c r="J7951" s="2">
        <v>0</v>
      </c>
      <c r="K7951" s="2">
        <v>0</v>
      </c>
      <c r="L7951" t="s">
        <v>120</v>
      </c>
      <c r="M7951" t="s">
        <v>87</v>
      </c>
      <c r="N7951" t="s">
        <v>88</v>
      </c>
      <c r="O7951" t="s">
        <v>85</v>
      </c>
      <c r="P7951" t="s">
        <v>86</v>
      </c>
      <c r="Q7951">
        <v>9</v>
      </c>
      <c r="R7951">
        <v>9</v>
      </c>
      <c r="S7951">
        <v>9</v>
      </c>
      <c r="T7951">
        <v>9</v>
      </c>
      <c r="U7951">
        <v>9</v>
      </c>
      <c r="V7951">
        <v>9</v>
      </c>
      <c r="W7951">
        <v>9</v>
      </c>
      <c r="X7951">
        <v>9</v>
      </c>
      <c r="Y7951">
        <v>9</v>
      </c>
      <c r="Z7951">
        <v>9</v>
      </c>
      <c r="AA7951">
        <v>9</v>
      </c>
      <c r="AB7951">
        <v>9</v>
      </c>
      <c r="AC7951">
        <v>9</v>
      </c>
      <c r="AD7951">
        <v>9</v>
      </c>
      <c r="AE7951">
        <v>9</v>
      </c>
      <c r="AF7951">
        <v>9</v>
      </c>
      <c r="AG7951">
        <v>9</v>
      </c>
      <c r="AH7951">
        <v>9</v>
      </c>
      <c r="AI7951">
        <v>9</v>
      </c>
      <c r="AJ7951">
        <v>9</v>
      </c>
      <c r="AK7951">
        <v>9</v>
      </c>
      <c r="AL7951">
        <v>8</v>
      </c>
      <c r="AM7951">
        <v>8</v>
      </c>
      <c r="AN7951">
        <v>8</v>
      </c>
      <c r="AO7951">
        <v>8</v>
      </c>
      <c r="AP7951">
        <v>8</v>
      </c>
      <c r="AQ7951">
        <v>8</v>
      </c>
    </row>
    <row r="7952" spans="1:43">
      <c r="A7952" t="s">
        <v>4980</v>
      </c>
      <c r="B7952" t="s">
        <v>4981</v>
      </c>
      <c r="C7952" t="s">
        <v>4982</v>
      </c>
      <c r="D7952" t="s">
        <v>4983</v>
      </c>
      <c r="E7952" t="s">
        <v>4916</v>
      </c>
      <c r="F7952" t="s">
        <v>4917</v>
      </c>
      <c r="G7952" t="s">
        <v>80</v>
      </c>
      <c r="H7952" t="s">
        <v>81</v>
      </c>
      <c r="I7952" s="2">
        <v>1</v>
      </c>
      <c r="J7952" s="2">
        <v>0</v>
      </c>
      <c r="K7952" s="2">
        <v>0</v>
      </c>
      <c r="L7952" t="s">
        <v>120</v>
      </c>
      <c r="M7952" t="s">
        <v>89</v>
      </c>
      <c r="N7952" t="s">
        <v>90</v>
      </c>
      <c r="O7952" t="s">
        <v>85</v>
      </c>
      <c r="P7952" t="s">
        <v>86</v>
      </c>
      <c r="Q7952">
        <v>9</v>
      </c>
      <c r="R7952">
        <v>9</v>
      </c>
      <c r="S7952">
        <v>9</v>
      </c>
      <c r="T7952">
        <v>10</v>
      </c>
      <c r="U7952">
        <v>10</v>
      </c>
      <c r="V7952">
        <v>10</v>
      </c>
      <c r="W7952">
        <v>10</v>
      </c>
      <c r="X7952">
        <v>10</v>
      </c>
      <c r="Y7952">
        <v>10</v>
      </c>
      <c r="Z7952">
        <v>10</v>
      </c>
      <c r="AA7952">
        <v>10</v>
      </c>
      <c r="AB7952">
        <v>10</v>
      </c>
      <c r="AC7952">
        <v>10</v>
      </c>
      <c r="AD7952">
        <v>10</v>
      </c>
      <c r="AE7952">
        <v>10</v>
      </c>
      <c r="AF7952">
        <v>10</v>
      </c>
      <c r="AG7952">
        <v>10</v>
      </c>
      <c r="AH7952">
        <v>10</v>
      </c>
      <c r="AI7952">
        <v>10</v>
      </c>
      <c r="AJ7952">
        <v>10</v>
      </c>
      <c r="AK7952">
        <v>10</v>
      </c>
      <c r="AL7952">
        <v>10</v>
      </c>
      <c r="AM7952">
        <v>10</v>
      </c>
      <c r="AN7952">
        <v>10</v>
      </c>
      <c r="AO7952">
        <v>10</v>
      </c>
      <c r="AP7952">
        <v>10</v>
      </c>
      <c r="AQ7952">
        <v>10</v>
      </c>
    </row>
    <row r="7953" spans="1:43">
      <c r="A7953" t="s">
        <v>4980</v>
      </c>
      <c r="B7953" t="s">
        <v>4981</v>
      </c>
      <c r="C7953" t="s">
        <v>4982</v>
      </c>
      <c r="D7953" t="s">
        <v>4983</v>
      </c>
      <c r="E7953" t="s">
        <v>4916</v>
      </c>
      <c r="F7953" t="s">
        <v>4917</v>
      </c>
      <c r="G7953" t="s">
        <v>80</v>
      </c>
      <c r="H7953" t="s">
        <v>81</v>
      </c>
      <c r="I7953" s="2">
        <v>1</v>
      </c>
      <c r="J7953" s="2">
        <v>0</v>
      </c>
      <c r="K7953" s="2">
        <v>0</v>
      </c>
      <c r="L7953" t="s">
        <v>120</v>
      </c>
      <c r="M7953" t="s">
        <v>83</v>
      </c>
      <c r="N7953" t="s">
        <v>91</v>
      </c>
      <c r="O7953" t="s">
        <v>85</v>
      </c>
      <c r="P7953" t="s">
        <v>86</v>
      </c>
      <c r="Q7953">
        <v>9</v>
      </c>
      <c r="R7953">
        <v>9</v>
      </c>
      <c r="S7953">
        <v>9</v>
      </c>
      <c r="T7953">
        <v>9</v>
      </c>
      <c r="U7953">
        <v>9</v>
      </c>
      <c r="V7953">
        <v>9</v>
      </c>
      <c r="W7953">
        <v>9</v>
      </c>
      <c r="X7953">
        <v>9</v>
      </c>
      <c r="Y7953">
        <v>9</v>
      </c>
      <c r="Z7953">
        <v>10</v>
      </c>
      <c r="AA7953">
        <v>10</v>
      </c>
      <c r="AB7953">
        <v>10</v>
      </c>
      <c r="AC7953">
        <v>10</v>
      </c>
      <c r="AD7953">
        <v>10</v>
      </c>
      <c r="AE7953">
        <v>10</v>
      </c>
      <c r="AF7953">
        <v>10</v>
      </c>
      <c r="AG7953">
        <v>10</v>
      </c>
      <c r="AH7953">
        <v>10</v>
      </c>
      <c r="AI7953">
        <v>10</v>
      </c>
      <c r="AJ7953">
        <v>10</v>
      </c>
      <c r="AK7953">
        <v>10</v>
      </c>
      <c r="AL7953">
        <v>10</v>
      </c>
      <c r="AM7953">
        <v>10</v>
      </c>
      <c r="AN7953">
        <v>10</v>
      </c>
      <c r="AO7953">
        <v>10</v>
      </c>
      <c r="AP7953">
        <v>10</v>
      </c>
      <c r="AQ7953">
        <v>10</v>
      </c>
    </row>
    <row r="7954" spans="1:43">
      <c r="A7954" t="s">
        <v>4984</v>
      </c>
      <c r="B7954" t="s">
        <v>4985</v>
      </c>
      <c r="C7954" t="s">
        <v>4982</v>
      </c>
      <c r="D7954" t="s">
        <v>4983</v>
      </c>
      <c r="E7954" t="s">
        <v>4916</v>
      </c>
      <c r="F7954" t="s">
        <v>4917</v>
      </c>
      <c r="G7954" t="s">
        <v>80</v>
      </c>
      <c r="H7954" t="s">
        <v>81</v>
      </c>
      <c r="I7954" s="2">
        <v>1</v>
      </c>
      <c r="J7954" s="2">
        <v>0</v>
      </c>
      <c r="K7954" s="2">
        <v>0</v>
      </c>
      <c r="L7954" t="s">
        <v>120</v>
      </c>
      <c r="M7954" t="s">
        <v>83</v>
      </c>
      <c r="N7954" t="s">
        <v>84</v>
      </c>
      <c r="O7954" t="s">
        <v>85</v>
      </c>
      <c r="P7954" t="s">
        <v>86</v>
      </c>
      <c r="Q7954">
        <v>13</v>
      </c>
      <c r="R7954">
        <v>13</v>
      </c>
      <c r="S7954">
        <v>13</v>
      </c>
      <c r="T7954">
        <v>13</v>
      </c>
      <c r="U7954">
        <v>13</v>
      </c>
      <c r="V7954">
        <v>13</v>
      </c>
      <c r="W7954">
        <v>13</v>
      </c>
      <c r="X7954">
        <v>13</v>
      </c>
      <c r="Y7954">
        <v>13</v>
      </c>
      <c r="Z7954">
        <v>13</v>
      </c>
      <c r="AA7954">
        <v>13</v>
      </c>
      <c r="AB7954">
        <v>13</v>
      </c>
      <c r="AC7954">
        <v>13</v>
      </c>
      <c r="AD7954">
        <v>14</v>
      </c>
      <c r="AE7954">
        <v>14</v>
      </c>
      <c r="AF7954">
        <v>14</v>
      </c>
      <c r="AG7954">
        <v>14</v>
      </c>
      <c r="AH7954">
        <v>14</v>
      </c>
      <c r="AI7954">
        <v>14</v>
      </c>
      <c r="AJ7954">
        <v>14</v>
      </c>
      <c r="AK7954">
        <v>14</v>
      </c>
      <c r="AL7954">
        <v>14</v>
      </c>
      <c r="AM7954">
        <v>14</v>
      </c>
      <c r="AN7954">
        <v>14</v>
      </c>
      <c r="AO7954">
        <v>13</v>
      </c>
      <c r="AP7954">
        <v>13</v>
      </c>
      <c r="AQ7954">
        <v>13</v>
      </c>
    </row>
    <row r="7955" spans="1:43">
      <c r="A7955" t="s">
        <v>4984</v>
      </c>
      <c r="B7955" t="s">
        <v>4985</v>
      </c>
      <c r="C7955" t="s">
        <v>4982</v>
      </c>
      <c r="D7955" t="s">
        <v>4983</v>
      </c>
      <c r="E7955" t="s">
        <v>4916</v>
      </c>
      <c r="F7955" t="s">
        <v>4917</v>
      </c>
      <c r="G7955" t="s">
        <v>80</v>
      </c>
      <c r="H7955" t="s">
        <v>81</v>
      </c>
      <c r="I7955" s="2">
        <v>1</v>
      </c>
      <c r="J7955" s="2">
        <v>0</v>
      </c>
      <c r="K7955" s="2">
        <v>0</v>
      </c>
      <c r="L7955" t="s">
        <v>120</v>
      </c>
      <c r="M7955" t="s">
        <v>87</v>
      </c>
      <c r="N7955" t="s">
        <v>88</v>
      </c>
      <c r="O7955" t="s">
        <v>85</v>
      </c>
      <c r="P7955" t="s">
        <v>86</v>
      </c>
      <c r="Q7955">
        <v>13</v>
      </c>
      <c r="R7955">
        <v>13</v>
      </c>
      <c r="S7955">
        <v>13</v>
      </c>
      <c r="T7955">
        <v>12</v>
      </c>
      <c r="U7955">
        <v>12</v>
      </c>
      <c r="V7955">
        <v>12</v>
      </c>
      <c r="W7955">
        <v>12</v>
      </c>
      <c r="X7955">
        <v>12</v>
      </c>
      <c r="Y7955">
        <v>12</v>
      </c>
      <c r="Z7955">
        <v>12</v>
      </c>
      <c r="AA7955">
        <v>12</v>
      </c>
      <c r="AB7955">
        <v>12</v>
      </c>
      <c r="AC7955">
        <v>12</v>
      </c>
      <c r="AD7955">
        <v>12</v>
      </c>
      <c r="AE7955">
        <v>12</v>
      </c>
      <c r="AF7955">
        <v>12</v>
      </c>
      <c r="AG7955">
        <v>12</v>
      </c>
      <c r="AH7955">
        <v>12</v>
      </c>
      <c r="AI7955">
        <v>12</v>
      </c>
      <c r="AJ7955">
        <v>12</v>
      </c>
      <c r="AK7955">
        <v>12</v>
      </c>
      <c r="AL7955">
        <v>12</v>
      </c>
      <c r="AM7955">
        <v>12</v>
      </c>
      <c r="AN7955">
        <v>12</v>
      </c>
      <c r="AO7955">
        <v>12</v>
      </c>
      <c r="AP7955">
        <v>12</v>
      </c>
      <c r="AQ7955">
        <v>12</v>
      </c>
    </row>
    <row r="7956" spans="1:43">
      <c r="A7956" t="s">
        <v>4984</v>
      </c>
      <c r="B7956" t="s">
        <v>4985</v>
      </c>
      <c r="C7956" t="s">
        <v>4982</v>
      </c>
      <c r="D7956" t="s">
        <v>4983</v>
      </c>
      <c r="E7956" t="s">
        <v>4916</v>
      </c>
      <c r="F7956" t="s">
        <v>4917</v>
      </c>
      <c r="G7956" t="s">
        <v>80</v>
      </c>
      <c r="H7956" t="s">
        <v>81</v>
      </c>
      <c r="I7956" s="2">
        <v>1</v>
      </c>
      <c r="J7956" s="2">
        <v>0</v>
      </c>
      <c r="K7956" s="2">
        <v>0</v>
      </c>
      <c r="L7956" t="s">
        <v>120</v>
      </c>
      <c r="M7956" t="s">
        <v>89</v>
      </c>
      <c r="N7956" t="s">
        <v>90</v>
      </c>
      <c r="O7956" t="s">
        <v>85</v>
      </c>
      <c r="P7956" t="s">
        <v>86</v>
      </c>
      <c r="Q7956">
        <v>13</v>
      </c>
      <c r="R7956">
        <v>13</v>
      </c>
      <c r="S7956">
        <v>13</v>
      </c>
      <c r="T7956">
        <v>13</v>
      </c>
      <c r="U7956">
        <v>14</v>
      </c>
      <c r="V7956">
        <v>14</v>
      </c>
      <c r="W7956">
        <v>14</v>
      </c>
      <c r="X7956">
        <v>14</v>
      </c>
      <c r="Y7956">
        <v>14</v>
      </c>
      <c r="Z7956">
        <v>14</v>
      </c>
      <c r="AA7956">
        <v>14</v>
      </c>
      <c r="AB7956">
        <v>14</v>
      </c>
      <c r="AC7956">
        <v>14</v>
      </c>
      <c r="AD7956">
        <v>14</v>
      </c>
      <c r="AE7956">
        <v>15</v>
      </c>
      <c r="AF7956">
        <v>14</v>
      </c>
      <c r="AG7956">
        <v>14</v>
      </c>
      <c r="AH7956">
        <v>14</v>
      </c>
      <c r="AI7956">
        <v>14</v>
      </c>
      <c r="AJ7956">
        <v>14</v>
      </c>
      <c r="AK7956">
        <v>14</v>
      </c>
      <c r="AL7956">
        <v>14</v>
      </c>
      <c r="AM7956">
        <v>14</v>
      </c>
      <c r="AN7956">
        <v>14</v>
      </c>
      <c r="AO7956">
        <v>14</v>
      </c>
      <c r="AP7956">
        <v>14</v>
      </c>
      <c r="AQ7956">
        <v>13</v>
      </c>
    </row>
    <row r="7957" spans="1:43">
      <c r="A7957" t="s">
        <v>4984</v>
      </c>
      <c r="B7957" t="s">
        <v>4985</v>
      </c>
      <c r="C7957" t="s">
        <v>4982</v>
      </c>
      <c r="D7957" t="s">
        <v>4983</v>
      </c>
      <c r="E7957" t="s">
        <v>4916</v>
      </c>
      <c r="F7957" t="s">
        <v>4917</v>
      </c>
      <c r="G7957" t="s">
        <v>80</v>
      </c>
      <c r="H7957" t="s">
        <v>81</v>
      </c>
      <c r="I7957" s="2">
        <v>1</v>
      </c>
      <c r="J7957" s="2">
        <v>0</v>
      </c>
      <c r="K7957" s="2">
        <v>0</v>
      </c>
      <c r="L7957" t="s">
        <v>120</v>
      </c>
      <c r="M7957" t="s">
        <v>83</v>
      </c>
      <c r="N7957" t="s">
        <v>91</v>
      </c>
      <c r="O7957" t="s">
        <v>85</v>
      </c>
      <c r="P7957" t="s">
        <v>86</v>
      </c>
      <c r="Q7957">
        <v>13</v>
      </c>
      <c r="R7957">
        <v>13</v>
      </c>
      <c r="S7957">
        <v>13</v>
      </c>
      <c r="T7957">
        <v>13</v>
      </c>
      <c r="U7957">
        <v>13</v>
      </c>
      <c r="V7957">
        <v>13</v>
      </c>
      <c r="W7957">
        <v>13</v>
      </c>
      <c r="X7957">
        <v>13</v>
      </c>
      <c r="Y7957">
        <v>13</v>
      </c>
      <c r="Z7957">
        <v>13</v>
      </c>
      <c r="AA7957">
        <v>13</v>
      </c>
      <c r="AB7957">
        <v>13</v>
      </c>
      <c r="AC7957">
        <v>13</v>
      </c>
      <c r="AD7957">
        <v>14</v>
      </c>
      <c r="AE7957">
        <v>14</v>
      </c>
      <c r="AF7957">
        <v>14</v>
      </c>
      <c r="AG7957">
        <v>14</v>
      </c>
      <c r="AH7957">
        <v>14</v>
      </c>
      <c r="AI7957">
        <v>14</v>
      </c>
      <c r="AJ7957">
        <v>14</v>
      </c>
      <c r="AK7957">
        <v>14</v>
      </c>
      <c r="AL7957">
        <v>14</v>
      </c>
      <c r="AM7957">
        <v>14</v>
      </c>
      <c r="AN7957">
        <v>14</v>
      </c>
      <c r="AO7957">
        <v>13</v>
      </c>
      <c r="AP7957">
        <v>13</v>
      </c>
      <c r="AQ7957">
        <v>13</v>
      </c>
    </row>
    <row r="7958" spans="1:43">
      <c r="A7958" t="s">
        <v>4986</v>
      </c>
      <c r="B7958" t="s">
        <v>4987</v>
      </c>
      <c r="C7958" t="s">
        <v>4988</v>
      </c>
      <c r="D7958" t="s">
        <v>4989</v>
      </c>
      <c r="E7958" t="s">
        <v>4916</v>
      </c>
      <c r="F7958" t="s">
        <v>4917</v>
      </c>
      <c r="G7958" t="s">
        <v>80</v>
      </c>
      <c r="H7958" t="s">
        <v>81</v>
      </c>
      <c r="I7958" s="2">
        <v>1</v>
      </c>
      <c r="J7958" s="2">
        <v>0</v>
      </c>
      <c r="K7958" s="2">
        <v>0</v>
      </c>
      <c r="L7958" t="s">
        <v>120</v>
      </c>
      <c r="M7958" t="s">
        <v>83</v>
      </c>
      <c r="N7958" t="s">
        <v>84</v>
      </c>
      <c r="O7958" t="s">
        <v>85</v>
      </c>
      <c r="P7958" t="s">
        <v>86</v>
      </c>
      <c r="Q7958">
        <v>23</v>
      </c>
      <c r="R7958">
        <v>23</v>
      </c>
      <c r="S7958">
        <v>23</v>
      </c>
      <c r="T7958">
        <v>23</v>
      </c>
      <c r="U7958">
        <v>23</v>
      </c>
      <c r="V7958">
        <v>23</v>
      </c>
      <c r="W7958">
        <v>23</v>
      </c>
      <c r="X7958">
        <v>23</v>
      </c>
      <c r="Y7958">
        <v>24</v>
      </c>
      <c r="Z7958">
        <v>24</v>
      </c>
      <c r="AA7958">
        <v>24</v>
      </c>
      <c r="AB7958">
        <v>24</v>
      </c>
      <c r="AC7958">
        <v>24</v>
      </c>
      <c r="AD7958">
        <v>24</v>
      </c>
      <c r="AE7958">
        <v>24</v>
      </c>
      <c r="AF7958">
        <v>24</v>
      </c>
      <c r="AG7958">
        <v>24</v>
      </c>
      <c r="AH7958">
        <v>24</v>
      </c>
      <c r="AI7958">
        <v>24</v>
      </c>
      <c r="AJ7958">
        <v>24</v>
      </c>
      <c r="AK7958">
        <v>24</v>
      </c>
      <c r="AL7958">
        <v>24</v>
      </c>
      <c r="AM7958">
        <v>24</v>
      </c>
      <c r="AN7958">
        <v>24</v>
      </c>
      <c r="AO7958">
        <v>24</v>
      </c>
      <c r="AP7958">
        <v>24</v>
      </c>
      <c r="AQ7958">
        <v>24</v>
      </c>
    </row>
    <row r="7959" spans="1:43">
      <c r="A7959" t="s">
        <v>4986</v>
      </c>
      <c r="B7959" t="s">
        <v>4987</v>
      </c>
      <c r="C7959" t="s">
        <v>4988</v>
      </c>
      <c r="D7959" t="s">
        <v>4989</v>
      </c>
      <c r="E7959" t="s">
        <v>4916</v>
      </c>
      <c r="F7959" t="s">
        <v>4917</v>
      </c>
      <c r="G7959" t="s">
        <v>80</v>
      </c>
      <c r="H7959" t="s">
        <v>81</v>
      </c>
      <c r="I7959" s="2">
        <v>1</v>
      </c>
      <c r="J7959" s="2">
        <v>0</v>
      </c>
      <c r="K7959" s="2">
        <v>0</v>
      </c>
      <c r="L7959" t="s">
        <v>120</v>
      </c>
      <c r="M7959" t="s">
        <v>87</v>
      </c>
      <c r="N7959" t="s">
        <v>88</v>
      </c>
      <c r="O7959" t="s">
        <v>85</v>
      </c>
      <c r="P7959" t="s">
        <v>86</v>
      </c>
      <c r="Q7959">
        <v>23</v>
      </c>
      <c r="R7959">
        <v>23</v>
      </c>
      <c r="S7959">
        <v>23</v>
      </c>
      <c r="T7959">
        <v>23</v>
      </c>
      <c r="U7959">
        <v>23</v>
      </c>
      <c r="V7959">
        <v>23</v>
      </c>
      <c r="W7959">
        <v>23</v>
      </c>
      <c r="X7959">
        <v>23</v>
      </c>
      <c r="Y7959">
        <v>23</v>
      </c>
      <c r="Z7959">
        <v>23</v>
      </c>
      <c r="AA7959">
        <v>23</v>
      </c>
      <c r="AB7959">
        <v>23</v>
      </c>
      <c r="AC7959">
        <v>23</v>
      </c>
      <c r="AD7959">
        <v>23</v>
      </c>
      <c r="AE7959">
        <v>22</v>
      </c>
      <c r="AF7959">
        <v>22</v>
      </c>
      <c r="AG7959">
        <v>22</v>
      </c>
      <c r="AH7959">
        <v>22</v>
      </c>
      <c r="AI7959">
        <v>22</v>
      </c>
      <c r="AJ7959">
        <v>22</v>
      </c>
      <c r="AK7959">
        <v>22</v>
      </c>
      <c r="AL7959">
        <v>22</v>
      </c>
      <c r="AM7959">
        <v>22</v>
      </c>
      <c r="AN7959">
        <v>22</v>
      </c>
      <c r="AO7959">
        <v>22</v>
      </c>
      <c r="AP7959">
        <v>22</v>
      </c>
      <c r="AQ7959">
        <v>22</v>
      </c>
    </row>
    <row r="7960" spans="1:43">
      <c r="A7960" t="s">
        <v>4986</v>
      </c>
      <c r="B7960" t="s">
        <v>4987</v>
      </c>
      <c r="C7960" t="s">
        <v>4988</v>
      </c>
      <c r="D7960" t="s">
        <v>4989</v>
      </c>
      <c r="E7960" t="s">
        <v>4916</v>
      </c>
      <c r="F7960" t="s">
        <v>4917</v>
      </c>
      <c r="G7960" t="s">
        <v>80</v>
      </c>
      <c r="H7960" t="s">
        <v>81</v>
      </c>
      <c r="I7960" s="2">
        <v>1</v>
      </c>
      <c r="J7960" s="2">
        <v>0</v>
      </c>
      <c r="K7960" s="2">
        <v>0</v>
      </c>
      <c r="L7960" t="s">
        <v>120</v>
      </c>
      <c r="M7960" t="s">
        <v>89</v>
      </c>
      <c r="N7960" t="s">
        <v>90</v>
      </c>
      <c r="O7960" t="s">
        <v>85</v>
      </c>
      <c r="P7960" t="s">
        <v>86</v>
      </c>
      <c r="Q7960">
        <v>23</v>
      </c>
      <c r="R7960">
        <v>23</v>
      </c>
      <c r="S7960">
        <v>23</v>
      </c>
      <c r="T7960">
        <v>24</v>
      </c>
      <c r="U7960">
        <v>24</v>
      </c>
      <c r="V7960">
        <v>24</v>
      </c>
      <c r="W7960">
        <v>24</v>
      </c>
      <c r="X7960">
        <v>25</v>
      </c>
      <c r="Y7960">
        <v>25</v>
      </c>
      <c r="Z7960">
        <v>25</v>
      </c>
      <c r="AA7960">
        <v>25</v>
      </c>
      <c r="AB7960">
        <v>25</v>
      </c>
      <c r="AC7960">
        <v>26</v>
      </c>
      <c r="AD7960">
        <v>26</v>
      </c>
      <c r="AE7960">
        <v>26</v>
      </c>
      <c r="AF7960">
        <v>26</v>
      </c>
      <c r="AG7960">
        <v>25</v>
      </c>
      <c r="AH7960">
        <v>25</v>
      </c>
      <c r="AI7960">
        <v>25</v>
      </c>
      <c r="AJ7960">
        <v>25</v>
      </c>
      <c r="AK7960">
        <v>25</v>
      </c>
      <c r="AL7960">
        <v>25</v>
      </c>
      <c r="AM7960">
        <v>24</v>
      </c>
      <c r="AN7960">
        <v>24</v>
      </c>
      <c r="AO7960">
        <v>24</v>
      </c>
      <c r="AP7960">
        <v>24</v>
      </c>
      <c r="AQ7960">
        <v>24</v>
      </c>
    </row>
    <row r="7961" spans="1:43">
      <c r="A7961" t="s">
        <v>4986</v>
      </c>
      <c r="B7961" t="s">
        <v>4987</v>
      </c>
      <c r="C7961" t="s">
        <v>4988</v>
      </c>
      <c r="D7961" t="s">
        <v>4989</v>
      </c>
      <c r="E7961" t="s">
        <v>4916</v>
      </c>
      <c r="F7961" t="s">
        <v>4917</v>
      </c>
      <c r="G7961" t="s">
        <v>80</v>
      </c>
      <c r="H7961" t="s">
        <v>81</v>
      </c>
      <c r="I7961" s="2">
        <v>1</v>
      </c>
      <c r="J7961" s="2">
        <v>0</v>
      </c>
      <c r="K7961" s="2">
        <v>0</v>
      </c>
      <c r="L7961" t="s">
        <v>120</v>
      </c>
      <c r="M7961" t="s">
        <v>83</v>
      </c>
      <c r="N7961" t="s">
        <v>91</v>
      </c>
      <c r="O7961" t="s">
        <v>85</v>
      </c>
      <c r="P7961" t="s">
        <v>86</v>
      </c>
      <c r="Q7961">
        <v>23</v>
      </c>
      <c r="R7961">
        <v>23</v>
      </c>
      <c r="S7961">
        <v>23</v>
      </c>
      <c r="T7961">
        <v>23</v>
      </c>
      <c r="U7961">
        <v>23</v>
      </c>
      <c r="V7961">
        <v>23</v>
      </c>
      <c r="W7961">
        <v>23</v>
      </c>
      <c r="X7961">
        <v>23</v>
      </c>
      <c r="Y7961">
        <v>24</v>
      </c>
      <c r="Z7961">
        <v>24</v>
      </c>
      <c r="AA7961">
        <v>24</v>
      </c>
      <c r="AB7961">
        <v>24</v>
      </c>
      <c r="AC7961">
        <v>24</v>
      </c>
      <c r="AD7961">
        <v>24</v>
      </c>
      <c r="AE7961">
        <v>24</v>
      </c>
      <c r="AF7961">
        <v>24</v>
      </c>
      <c r="AG7961">
        <v>24</v>
      </c>
      <c r="AH7961">
        <v>24</v>
      </c>
      <c r="AI7961">
        <v>24</v>
      </c>
      <c r="AJ7961">
        <v>24</v>
      </c>
      <c r="AK7961">
        <v>24</v>
      </c>
      <c r="AL7961">
        <v>24</v>
      </c>
      <c r="AM7961">
        <v>24</v>
      </c>
      <c r="AN7961">
        <v>24</v>
      </c>
      <c r="AO7961">
        <v>24</v>
      </c>
      <c r="AP7961">
        <v>24</v>
      </c>
      <c r="AQ7961">
        <v>24</v>
      </c>
    </row>
    <row r="7962" spans="1:43">
      <c r="A7962" t="s">
        <v>4990</v>
      </c>
      <c r="B7962" t="s">
        <v>4991</v>
      </c>
      <c r="C7962" t="s">
        <v>4988</v>
      </c>
      <c r="D7962" t="s">
        <v>4989</v>
      </c>
      <c r="E7962" t="s">
        <v>4916</v>
      </c>
      <c r="F7962" t="s">
        <v>4917</v>
      </c>
      <c r="G7962" t="s">
        <v>80</v>
      </c>
      <c r="H7962" t="s">
        <v>81</v>
      </c>
      <c r="I7962" s="2">
        <v>1</v>
      </c>
      <c r="J7962" s="2">
        <v>0</v>
      </c>
      <c r="K7962" s="2">
        <v>0</v>
      </c>
      <c r="L7962" t="s">
        <v>120</v>
      </c>
      <c r="M7962" t="s">
        <v>83</v>
      </c>
      <c r="N7962" t="s">
        <v>84</v>
      </c>
      <c r="O7962" t="s">
        <v>85</v>
      </c>
      <c r="P7962" t="s">
        <v>86</v>
      </c>
      <c r="Q7962">
        <v>11</v>
      </c>
      <c r="R7962">
        <v>11</v>
      </c>
      <c r="S7962">
        <v>11</v>
      </c>
      <c r="T7962">
        <v>12</v>
      </c>
      <c r="U7962">
        <v>12</v>
      </c>
      <c r="V7962">
        <v>12</v>
      </c>
      <c r="W7962">
        <v>12</v>
      </c>
      <c r="X7962">
        <v>12</v>
      </c>
      <c r="Y7962">
        <v>12</v>
      </c>
      <c r="Z7962">
        <v>12</v>
      </c>
      <c r="AA7962">
        <v>12</v>
      </c>
      <c r="AB7962">
        <v>12</v>
      </c>
      <c r="AC7962">
        <v>12</v>
      </c>
      <c r="AD7962">
        <v>12</v>
      </c>
      <c r="AE7962">
        <v>12</v>
      </c>
      <c r="AF7962">
        <v>12</v>
      </c>
      <c r="AG7962">
        <v>12</v>
      </c>
      <c r="AH7962">
        <v>12</v>
      </c>
      <c r="AI7962">
        <v>12</v>
      </c>
      <c r="AJ7962">
        <v>12</v>
      </c>
      <c r="AK7962">
        <v>12</v>
      </c>
      <c r="AL7962">
        <v>12</v>
      </c>
      <c r="AM7962">
        <v>12</v>
      </c>
      <c r="AN7962">
        <v>12</v>
      </c>
      <c r="AO7962">
        <v>12</v>
      </c>
      <c r="AP7962">
        <v>12</v>
      </c>
      <c r="AQ7962">
        <v>12</v>
      </c>
    </row>
    <row r="7963" spans="1:43">
      <c r="A7963" t="s">
        <v>4990</v>
      </c>
      <c r="B7963" t="s">
        <v>4991</v>
      </c>
      <c r="C7963" t="s">
        <v>4988</v>
      </c>
      <c r="D7963" t="s">
        <v>4989</v>
      </c>
      <c r="E7963" t="s">
        <v>4916</v>
      </c>
      <c r="F7963" t="s">
        <v>4917</v>
      </c>
      <c r="G7963" t="s">
        <v>80</v>
      </c>
      <c r="H7963" t="s">
        <v>81</v>
      </c>
      <c r="I7963" s="2">
        <v>1</v>
      </c>
      <c r="J7963" s="2">
        <v>0</v>
      </c>
      <c r="K7963" s="2">
        <v>0</v>
      </c>
      <c r="L7963" t="s">
        <v>120</v>
      </c>
      <c r="M7963" t="s">
        <v>87</v>
      </c>
      <c r="N7963" t="s">
        <v>88</v>
      </c>
      <c r="O7963" t="s">
        <v>85</v>
      </c>
      <c r="P7963" t="s">
        <v>86</v>
      </c>
      <c r="Q7963">
        <v>11</v>
      </c>
      <c r="R7963">
        <v>11</v>
      </c>
      <c r="S7963">
        <v>11</v>
      </c>
      <c r="T7963">
        <v>11</v>
      </c>
      <c r="U7963">
        <v>11</v>
      </c>
      <c r="V7963">
        <v>11</v>
      </c>
      <c r="W7963">
        <v>11</v>
      </c>
      <c r="X7963">
        <v>11</v>
      </c>
      <c r="Y7963">
        <v>11</v>
      </c>
      <c r="Z7963">
        <v>11</v>
      </c>
      <c r="AA7963">
        <v>11</v>
      </c>
      <c r="AB7963">
        <v>11</v>
      </c>
      <c r="AC7963">
        <v>11</v>
      </c>
      <c r="AD7963">
        <v>11</v>
      </c>
      <c r="AE7963">
        <v>11</v>
      </c>
      <c r="AF7963">
        <v>11</v>
      </c>
      <c r="AG7963">
        <v>11</v>
      </c>
      <c r="AH7963">
        <v>11</v>
      </c>
      <c r="AI7963">
        <v>11</v>
      </c>
      <c r="AJ7963">
        <v>11</v>
      </c>
      <c r="AK7963">
        <v>11</v>
      </c>
      <c r="AL7963">
        <v>11</v>
      </c>
      <c r="AM7963">
        <v>11</v>
      </c>
      <c r="AN7963">
        <v>10</v>
      </c>
      <c r="AO7963">
        <v>10</v>
      </c>
      <c r="AP7963">
        <v>10</v>
      </c>
      <c r="AQ7963">
        <v>10</v>
      </c>
    </row>
    <row r="7964" spans="1:43">
      <c r="A7964" t="s">
        <v>4990</v>
      </c>
      <c r="B7964" t="s">
        <v>4991</v>
      </c>
      <c r="C7964" t="s">
        <v>4988</v>
      </c>
      <c r="D7964" t="s">
        <v>4989</v>
      </c>
      <c r="E7964" t="s">
        <v>4916</v>
      </c>
      <c r="F7964" t="s">
        <v>4917</v>
      </c>
      <c r="G7964" t="s">
        <v>80</v>
      </c>
      <c r="H7964" t="s">
        <v>81</v>
      </c>
      <c r="I7964" s="2">
        <v>1</v>
      </c>
      <c r="J7964" s="2">
        <v>0</v>
      </c>
      <c r="K7964" s="2">
        <v>0</v>
      </c>
      <c r="L7964" t="s">
        <v>120</v>
      </c>
      <c r="M7964" t="s">
        <v>89</v>
      </c>
      <c r="N7964" t="s">
        <v>90</v>
      </c>
      <c r="O7964" t="s">
        <v>85</v>
      </c>
      <c r="P7964" t="s">
        <v>86</v>
      </c>
      <c r="Q7964">
        <v>11</v>
      </c>
      <c r="R7964">
        <v>12</v>
      </c>
      <c r="S7964">
        <v>12</v>
      </c>
      <c r="T7964">
        <v>12</v>
      </c>
      <c r="U7964">
        <v>12</v>
      </c>
      <c r="V7964">
        <v>12</v>
      </c>
      <c r="W7964">
        <v>12</v>
      </c>
      <c r="X7964">
        <v>12</v>
      </c>
      <c r="Y7964">
        <v>12</v>
      </c>
      <c r="Z7964">
        <v>13</v>
      </c>
      <c r="AA7964">
        <v>13</v>
      </c>
      <c r="AB7964">
        <v>13</v>
      </c>
      <c r="AC7964">
        <v>13</v>
      </c>
      <c r="AD7964">
        <v>13</v>
      </c>
      <c r="AE7964">
        <v>13</v>
      </c>
      <c r="AF7964">
        <v>13</v>
      </c>
      <c r="AG7964">
        <v>13</v>
      </c>
      <c r="AH7964">
        <v>13</v>
      </c>
      <c r="AI7964">
        <v>13</v>
      </c>
      <c r="AJ7964">
        <v>13</v>
      </c>
      <c r="AK7964">
        <v>12</v>
      </c>
      <c r="AL7964">
        <v>12</v>
      </c>
      <c r="AM7964">
        <v>12</v>
      </c>
      <c r="AN7964">
        <v>12</v>
      </c>
      <c r="AO7964">
        <v>12</v>
      </c>
      <c r="AP7964">
        <v>12</v>
      </c>
      <c r="AQ7964">
        <v>12</v>
      </c>
    </row>
    <row r="7965" spans="1:43">
      <c r="A7965" t="s">
        <v>4990</v>
      </c>
      <c r="B7965" t="s">
        <v>4991</v>
      </c>
      <c r="C7965" t="s">
        <v>4988</v>
      </c>
      <c r="D7965" t="s">
        <v>4989</v>
      </c>
      <c r="E7965" t="s">
        <v>4916</v>
      </c>
      <c r="F7965" t="s">
        <v>4917</v>
      </c>
      <c r="G7965" t="s">
        <v>80</v>
      </c>
      <c r="H7965" t="s">
        <v>81</v>
      </c>
      <c r="I7965" s="2">
        <v>1</v>
      </c>
      <c r="J7965" s="2">
        <v>0</v>
      </c>
      <c r="K7965" s="2">
        <v>0</v>
      </c>
      <c r="L7965" t="s">
        <v>120</v>
      </c>
      <c r="M7965" t="s">
        <v>83</v>
      </c>
      <c r="N7965" t="s">
        <v>91</v>
      </c>
      <c r="O7965" t="s">
        <v>85</v>
      </c>
      <c r="P7965" t="s">
        <v>86</v>
      </c>
      <c r="Q7965">
        <v>11</v>
      </c>
      <c r="R7965">
        <v>11</v>
      </c>
      <c r="S7965">
        <v>11</v>
      </c>
      <c r="T7965">
        <v>12</v>
      </c>
      <c r="U7965">
        <v>12</v>
      </c>
      <c r="V7965">
        <v>12</v>
      </c>
      <c r="W7965">
        <v>12</v>
      </c>
      <c r="X7965">
        <v>12</v>
      </c>
      <c r="Y7965">
        <v>12</v>
      </c>
      <c r="Z7965">
        <v>12</v>
      </c>
      <c r="AA7965">
        <v>12</v>
      </c>
      <c r="AB7965">
        <v>12</v>
      </c>
      <c r="AC7965">
        <v>12</v>
      </c>
      <c r="AD7965">
        <v>12</v>
      </c>
      <c r="AE7965">
        <v>12</v>
      </c>
      <c r="AF7965">
        <v>12</v>
      </c>
      <c r="AG7965">
        <v>12</v>
      </c>
      <c r="AH7965">
        <v>12</v>
      </c>
      <c r="AI7965">
        <v>12</v>
      </c>
      <c r="AJ7965">
        <v>12</v>
      </c>
      <c r="AK7965">
        <v>12</v>
      </c>
      <c r="AL7965">
        <v>12</v>
      </c>
      <c r="AM7965">
        <v>12</v>
      </c>
      <c r="AN7965">
        <v>12</v>
      </c>
      <c r="AO7965">
        <v>12</v>
      </c>
      <c r="AP7965">
        <v>12</v>
      </c>
      <c r="AQ7965">
        <v>12</v>
      </c>
    </row>
    <row r="7966" spans="1:43">
      <c r="A7966" t="s">
        <v>4992</v>
      </c>
      <c r="B7966" t="s">
        <v>4993</v>
      </c>
      <c r="C7966" t="s">
        <v>4994</v>
      </c>
      <c r="D7966" t="s">
        <v>4995</v>
      </c>
      <c r="E7966" t="s">
        <v>4916</v>
      </c>
      <c r="F7966" t="s">
        <v>4917</v>
      </c>
      <c r="G7966" t="s">
        <v>80</v>
      </c>
      <c r="H7966" t="s">
        <v>81</v>
      </c>
      <c r="I7966" s="2">
        <v>1</v>
      </c>
      <c r="J7966" s="2">
        <v>0</v>
      </c>
      <c r="K7966" s="2">
        <v>0</v>
      </c>
      <c r="L7966" t="s">
        <v>120</v>
      </c>
      <c r="M7966" t="s">
        <v>83</v>
      </c>
      <c r="N7966" t="s">
        <v>84</v>
      </c>
      <c r="O7966" t="s">
        <v>85</v>
      </c>
      <c r="P7966" t="s">
        <v>86</v>
      </c>
      <c r="Q7966">
        <v>6</v>
      </c>
      <c r="R7966">
        <v>6</v>
      </c>
      <c r="S7966">
        <v>6</v>
      </c>
      <c r="T7966">
        <v>6</v>
      </c>
      <c r="U7966">
        <v>6</v>
      </c>
      <c r="V7966">
        <v>6</v>
      </c>
      <c r="W7966">
        <v>6</v>
      </c>
      <c r="X7966">
        <v>6</v>
      </c>
      <c r="Y7966">
        <v>7</v>
      </c>
      <c r="Z7966">
        <v>7</v>
      </c>
      <c r="AA7966">
        <v>7</v>
      </c>
      <c r="AB7966">
        <v>7</v>
      </c>
      <c r="AC7966">
        <v>7</v>
      </c>
      <c r="AD7966">
        <v>7</v>
      </c>
      <c r="AE7966">
        <v>7</v>
      </c>
      <c r="AF7966">
        <v>7</v>
      </c>
      <c r="AG7966">
        <v>7</v>
      </c>
      <c r="AH7966">
        <v>7</v>
      </c>
      <c r="AI7966">
        <v>7</v>
      </c>
      <c r="AJ7966">
        <v>7</v>
      </c>
      <c r="AK7966">
        <v>7</v>
      </c>
      <c r="AL7966">
        <v>7</v>
      </c>
      <c r="AM7966">
        <v>7</v>
      </c>
      <c r="AN7966">
        <v>7</v>
      </c>
      <c r="AO7966">
        <v>7</v>
      </c>
      <c r="AP7966">
        <v>7</v>
      </c>
      <c r="AQ7966">
        <v>7</v>
      </c>
    </row>
    <row r="7967" spans="1:43">
      <c r="A7967" t="s">
        <v>4992</v>
      </c>
      <c r="B7967" t="s">
        <v>4993</v>
      </c>
      <c r="C7967" t="s">
        <v>4994</v>
      </c>
      <c r="D7967" t="s">
        <v>4995</v>
      </c>
      <c r="E7967" t="s">
        <v>4916</v>
      </c>
      <c r="F7967" t="s">
        <v>4917</v>
      </c>
      <c r="G7967" t="s">
        <v>80</v>
      </c>
      <c r="H7967" t="s">
        <v>81</v>
      </c>
      <c r="I7967" s="2">
        <v>1</v>
      </c>
      <c r="J7967" s="2">
        <v>0</v>
      </c>
      <c r="K7967" s="2">
        <v>0</v>
      </c>
      <c r="L7967" t="s">
        <v>120</v>
      </c>
      <c r="M7967" t="s">
        <v>87</v>
      </c>
      <c r="N7967" t="s">
        <v>88</v>
      </c>
      <c r="O7967" t="s">
        <v>85</v>
      </c>
      <c r="P7967" t="s">
        <v>86</v>
      </c>
      <c r="Q7967">
        <v>6</v>
      </c>
      <c r="R7967">
        <v>6</v>
      </c>
      <c r="S7967">
        <v>6</v>
      </c>
      <c r="T7967">
        <v>6</v>
      </c>
      <c r="U7967">
        <v>6</v>
      </c>
      <c r="V7967">
        <v>6</v>
      </c>
      <c r="W7967">
        <v>6</v>
      </c>
      <c r="X7967">
        <v>6</v>
      </c>
      <c r="Y7967">
        <v>6</v>
      </c>
      <c r="Z7967">
        <v>6</v>
      </c>
      <c r="AA7967">
        <v>6</v>
      </c>
      <c r="AB7967">
        <v>6</v>
      </c>
      <c r="AC7967">
        <v>6</v>
      </c>
      <c r="AD7967">
        <v>6</v>
      </c>
      <c r="AE7967">
        <v>6</v>
      </c>
      <c r="AF7967">
        <v>6</v>
      </c>
      <c r="AG7967">
        <v>6</v>
      </c>
      <c r="AH7967">
        <v>6</v>
      </c>
      <c r="AI7967">
        <v>6</v>
      </c>
      <c r="AJ7967">
        <v>6</v>
      </c>
      <c r="AK7967">
        <v>6</v>
      </c>
      <c r="AL7967">
        <v>6</v>
      </c>
      <c r="AM7967">
        <v>6</v>
      </c>
      <c r="AN7967">
        <v>6</v>
      </c>
      <c r="AO7967">
        <v>6</v>
      </c>
      <c r="AP7967">
        <v>6</v>
      </c>
      <c r="AQ7967">
        <v>6</v>
      </c>
    </row>
    <row r="7968" spans="1:43">
      <c r="A7968" t="s">
        <v>4992</v>
      </c>
      <c r="B7968" t="s">
        <v>4993</v>
      </c>
      <c r="C7968" t="s">
        <v>4994</v>
      </c>
      <c r="D7968" t="s">
        <v>4995</v>
      </c>
      <c r="E7968" t="s">
        <v>4916</v>
      </c>
      <c r="F7968" t="s">
        <v>4917</v>
      </c>
      <c r="G7968" t="s">
        <v>80</v>
      </c>
      <c r="H7968" t="s">
        <v>81</v>
      </c>
      <c r="I7968" s="2">
        <v>1</v>
      </c>
      <c r="J7968" s="2">
        <v>0</v>
      </c>
      <c r="K7968" s="2">
        <v>0</v>
      </c>
      <c r="L7968" t="s">
        <v>120</v>
      </c>
      <c r="M7968" t="s">
        <v>89</v>
      </c>
      <c r="N7968" t="s">
        <v>90</v>
      </c>
      <c r="O7968" t="s">
        <v>85</v>
      </c>
      <c r="P7968" t="s">
        <v>86</v>
      </c>
      <c r="Q7968">
        <v>6</v>
      </c>
      <c r="R7968">
        <v>6</v>
      </c>
      <c r="S7968">
        <v>6</v>
      </c>
      <c r="T7968">
        <v>7</v>
      </c>
      <c r="U7968">
        <v>7</v>
      </c>
      <c r="V7968">
        <v>7</v>
      </c>
      <c r="W7968">
        <v>7</v>
      </c>
      <c r="X7968">
        <v>7</v>
      </c>
      <c r="Y7968">
        <v>7</v>
      </c>
      <c r="Z7968">
        <v>7</v>
      </c>
      <c r="AA7968">
        <v>7</v>
      </c>
      <c r="AB7968">
        <v>7</v>
      </c>
      <c r="AC7968">
        <v>7</v>
      </c>
      <c r="AD7968">
        <v>7</v>
      </c>
      <c r="AE7968">
        <v>7</v>
      </c>
      <c r="AF7968">
        <v>7</v>
      </c>
      <c r="AG7968">
        <v>7</v>
      </c>
      <c r="AH7968">
        <v>7</v>
      </c>
      <c r="AI7968">
        <v>7</v>
      </c>
      <c r="AJ7968">
        <v>7</v>
      </c>
      <c r="AK7968">
        <v>7</v>
      </c>
      <c r="AL7968">
        <v>7</v>
      </c>
      <c r="AM7968">
        <v>7</v>
      </c>
      <c r="AN7968">
        <v>7</v>
      </c>
      <c r="AO7968">
        <v>7</v>
      </c>
      <c r="AP7968">
        <v>7</v>
      </c>
      <c r="AQ7968">
        <v>7</v>
      </c>
    </row>
    <row r="7969" spans="1:43">
      <c r="A7969" t="s">
        <v>4992</v>
      </c>
      <c r="B7969" t="s">
        <v>4993</v>
      </c>
      <c r="C7969" t="s">
        <v>4994</v>
      </c>
      <c r="D7969" t="s">
        <v>4995</v>
      </c>
      <c r="E7969" t="s">
        <v>4916</v>
      </c>
      <c r="F7969" t="s">
        <v>4917</v>
      </c>
      <c r="G7969" t="s">
        <v>80</v>
      </c>
      <c r="H7969" t="s">
        <v>81</v>
      </c>
      <c r="I7969" s="2">
        <v>1</v>
      </c>
      <c r="J7969" s="2">
        <v>0</v>
      </c>
      <c r="K7969" s="2">
        <v>0</v>
      </c>
      <c r="L7969" t="s">
        <v>120</v>
      </c>
      <c r="M7969" t="s">
        <v>83</v>
      </c>
      <c r="N7969" t="s">
        <v>91</v>
      </c>
      <c r="O7969" t="s">
        <v>85</v>
      </c>
      <c r="P7969" t="s">
        <v>86</v>
      </c>
      <c r="Q7969">
        <v>6</v>
      </c>
      <c r="R7969">
        <v>6</v>
      </c>
      <c r="S7969">
        <v>6</v>
      </c>
      <c r="T7969">
        <v>6</v>
      </c>
      <c r="U7969">
        <v>6</v>
      </c>
      <c r="V7969">
        <v>6</v>
      </c>
      <c r="W7969">
        <v>6</v>
      </c>
      <c r="X7969">
        <v>6</v>
      </c>
      <c r="Y7969">
        <v>7</v>
      </c>
      <c r="Z7969">
        <v>7</v>
      </c>
      <c r="AA7969">
        <v>7</v>
      </c>
      <c r="AB7969">
        <v>7</v>
      </c>
      <c r="AC7969">
        <v>7</v>
      </c>
      <c r="AD7969">
        <v>7</v>
      </c>
      <c r="AE7969">
        <v>7</v>
      </c>
      <c r="AF7969">
        <v>7</v>
      </c>
      <c r="AG7969">
        <v>7</v>
      </c>
      <c r="AH7969">
        <v>7</v>
      </c>
      <c r="AI7969">
        <v>7</v>
      </c>
      <c r="AJ7969">
        <v>7</v>
      </c>
      <c r="AK7969">
        <v>7</v>
      </c>
      <c r="AL7969">
        <v>7</v>
      </c>
      <c r="AM7969">
        <v>7</v>
      </c>
      <c r="AN7969">
        <v>7</v>
      </c>
      <c r="AO7969">
        <v>7</v>
      </c>
      <c r="AP7969">
        <v>7</v>
      </c>
      <c r="AQ7969">
        <v>7</v>
      </c>
    </row>
    <row r="7970" spans="1:43">
      <c r="A7970" t="s">
        <v>4996</v>
      </c>
      <c r="B7970" t="s">
        <v>4997</v>
      </c>
      <c r="C7970" t="s">
        <v>4988</v>
      </c>
      <c r="D7970" t="s">
        <v>4989</v>
      </c>
      <c r="E7970" t="s">
        <v>4916</v>
      </c>
      <c r="F7970" t="s">
        <v>4917</v>
      </c>
      <c r="G7970" t="s">
        <v>80</v>
      </c>
      <c r="H7970" t="s">
        <v>81</v>
      </c>
      <c r="I7970" s="2">
        <v>1</v>
      </c>
      <c r="J7970" s="2">
        <v>0</v>
      </c>
      <c r="K7970" s="2">
        <v>0</v>
      </c>
      <c r="L7970" t="s">
        <v>120</v>
      </c>
      <c r="M7970" t="s">
        <v>83</v>
      </c>
      <c r="N7970" t="s">
        <v>84</v>
      </c>
      <c r="O7970" t="s">
        <v>85</v>
      </c>
      <c r="P7970" t="s">
        <v>86</v>
      </c>
      <c r="Q7970">
        <v>3</v>
      </c>
      <c r="R7970">
        <v>3</v>
      </c>
      <c r="S7970">
        <v>3</v>
      </c>
      <c r="T7970">
        <v>3</v>
      </c>
      <c r="U7970">
        <v>3</v>
      </c>
      <c r="V7970">
        <v>4</v>
      </c>
      <c r="W7970">
        <v>4</v>
      </c>
      <c r="X7970">
        <v>4</v>
      </c>
      <c r="Y7970">
        <v>4</v>
      </c>
      <c r="Z7970">
        <v>4</v>
      </c>
      <c r="AA7970">
        <v>4</v>
      </c>
      <c r="AB7970">
        <v>4</v>
      </c>
      <c r="AC7970">
        <v>4</v>
      </c>
      <c r="AD7970">
        <v>4</v>
      </c>
      <c r="AE7970">
        <v>4</v>
      </c>
      <c r="AF7970">
        <v>4</v>
      </c>
      <c r="AG7970">
        <v>4</v>
      </c>
      <c r="AH7970">
        <v>4</v>
      </c>
      <c r="AI7970">
        <v>4</v>
      </c>
      <c r="AJ7970">
        <v>4</v>
      </c>
      <c r="AK7970">
        <v>4</v>
      </c>
      <c r="AL7970">
        <v>4</v>
      </c>
      <c r="AM7970">
        <v>4</v>
      </c>
      <c r="AN7970">
        <v>4</v>
      </c>
      <c r="AO7970">
        <v>4</v>
      </c>
      <c r="AP7970">
        <v>4</v>
      </c>
      <c r="AQ7970">
        <v>4</v>
      </c>
    </row>
    <row r="7971" spans="1:43">
      <c r="A7971" t="s">
        <v>4996</v>
      </c>
      <c r="B7971" t="s">
        <v>4997</v>
      </c>
      <c r="C7971" t="s">
        <v>4988</v>
      </c>
      <c r="D7971" t="s">
        <v>4989</v>
      </c>
      <c r="E7971" t="s">
        <v>4916</v>
      </c>
      <c r="F7971" t="s">
        <v>4917</v>
      </c>
      <c r="G7971" t="s">
        <v>80</v>
      </c>
      <c r="H7971" t="s">
        <v>81</v>
      </c>
      <c r="I7971" s="2">
        <v>1</v>
      </c>
      <c r="J7971" s="2">
        <v>0</v>
      </c>
      <c r="K7971" s="2">
        <v>0</v>
      </c>
      <c r="L7971" t="s">
        <v>120</v>
      </c>
      <c r="M7971" t="s">
        <v>87</v>
      </c>
      <c r="N7971" t="s">
        <v>88</v>
      </c>
      <c r="O7971" t="s">
        <v>85</v>
      </c>
      <c r="P7971" t="s">
        <v>86</v>
      </c>
      <c r="Q7971">
        <v>3</v>
      </c>
      <c r="R7971">
        <v>3</v>
      </c>
      <c r="S7971">
        <v>3</v>
      </c>
      <c r="T7971">
        <v>3</v>
      </c>
      <c r="U7971">
        <v>3</v>
      </c>
      <c r="V7971">
        <v>3</v>
      </c>
      <c r="W7971">
        <v>3</v>
      </c>
      <c r="X7971">
        <v>3</v>
      </c>
      <c r="Y7971">
        <v>3</v>
      </c>
      <c r="Z7971">
        <v>3</v>
      </c>
      <c r="AA7971">
        <v>3</v>
      </c>
      <c r="AB7971">
        <v>3</v>
      </c>
      <c r="AC7971">
        <v>3</v>
      </c>
      <c r="AD7971">
        <v>3</v>
      </c>
      <c r="AE7971">
        <v>3</v>
      </c>
      <c r="AF7971">
        <v>3</v>
      </c>
      <c r="AG7971">
        <v>3</v>
      </c>
      <c r="AH7971">
        <v>3</v>
      </c>
      <c r="AI7971">
        <v>3</v>
      </c>
      <c r="AJ7971">
        <v>3</v>
      </c>
      <c r="AK7971">
        <v>3</v>
      </c>
      <c r="AL7971">
        <v>3</v>
      </c>
      <c r="AM7971">
        <v>3</v>
      </c>
      <c r="AN7971">
        <v>3</v>
      </c>
      <c r="AO7971">
        <v>3</v>
      </c>
      <c r="AP7971">
        <v>3</v>
      </c>
      <c r="AQ7971">
        <v>3</v>
      </c>
    </row>
    <row r="7972" spans="1:43">
      <c r="A7972" t="s">
        <v>4996</v>
      </c>
      <c r="B7972" t="s">
        <v>4997</v>
      </c>
      <c r="C7972" t="s">
        <v>4988</v>
      </c>
      <c r="D7972" t="s">
        <v>4989</v>
      </c>
      <c r="E7972" t="s">
        <v>4916</v>
      </c>
      <c r="F7972" t="s">
        <v>4917</v>
      </c>
      <c r="G7972" t="s">
        <v>80</v>
      </c>
      <c r="H7972" t="s">
        <v>81</v>
      </c>
      <c r="I7972" s="2">
        <v>1</v>
      </c>
      <c r="J7972" s="2">
        <v>0</v>
      </c>
      <c r="K7972" s="2">
        <v>0</v>
      </c>
      <c r="L7972" t="s">
        <v>120</v>
      </c>
      <c r="M7972" t="s">
        <v>89</v>
      </c>
      <c r="N7972" t="s">
        <v>90</v>
      </c>
      <c r="O7972" t="s">
        <v>85</v>
      </c>
      <c r="P7972" t="s">
        <v>86</v>
      </c>
      <c r="Q7972">
        <v>3</v>
      </c>
      <c r="R7972">
        <v>3</v>
      </c>
      <c r="S7972">
        <v>4</v>
      </c>
      <c r="T7972">
        <v>4</v>
      </c>
      <c r="U7972">
        <v>4</v>
      </c>
      <c r="V7972">
        <v>4</v>
      </c>
      <c r="W7972">
        <v>4</v>
      </c>
      <c r="X7972">
        <v>4</v>
      </c>
      <c r="Y7972">
        <v>4</v>
      </c>
      <c r="Z7972">
        <v>4</v>
      </c>
      <c r="AA7972">
        <v>4</v>
      </c>
      <c r="AB7972">
        <v>4</v>
      </c>
      <c r="AC7972">
        <v>4</v>
      </c>
      <c r="AD7972">
        <v>4</v>
      </c>
      <c r="AE7972">
        <v>4</v>
      </c>
      <c r="AF7972">
        <v>4</v>
      </c>
      <c r="AG7972">
        <v>4</v>
      </c>
      <c r="AH7972">
        <v>4</v>
      </c>
      <c r="AI7972">
        <v>4</v>
      </c>
      <c r="AJ7972">
        <v>4</v>
      </c>
      <c r="AK7972">
        <v>4</v>
      </c>
      <c r="AL7972">
        <v>4</v>
      </c>
      <c r="AM7972">
        <v>4</v>
      </c>
      <c r="AN7972">
        <v>4</v>
      </c>
      <c r="AO7972">
        <v>4</v>
      </c>
      <c r="AP7972">
        <v>4</v>
      </c>
      <c r="AQ7972">
        <v>4</v>
      </c>
    </row>
    <row r="7973" spans="1:43">
      <c r="A7973" t="s">
        <v>4996</v>
      </c>
      <c r="B7973" t="s">
        <v>4997</v>
      </c>
      <c r="C7973" t="s">
        <v>4988</v>
      </c>
      <c r="D7973" t="s">
        <v>4989</v>
      </c>
      <c r="E7973" t="s">
        <v>4916</v>
      </c>
      <c r="F7973" t="s">
        <v>4917</v>
      </c>
      <c r="G7973" t="s">
        <v>80</v>
      </c>
      <c r="H7973" t="s">
        <v>81</v>
      </c>
      <c r="I7973" s="2">
        <v>1</v>
      </c>
      <c r="J7973" s="2">
        <v>0</v>
      </c>
      <c r="K7973" s="2">
        <v>0</v>
      </c>
      <c r="L7973" t="s">
        <v>120</v>
      </c>
      <c r="M7973" t="s">
        <v>83</v>
      </c>
      <c r="N7973" t="s">
        <v>91</v>
      </c>
      <c r="O7973" t="s">
        <v>85</v>
      </c>
      <c r="P7973" t="s">
        <v>86</v>
      </c>
      <c r="Q7973">
        <v>3</v>
      </c>
      <c r="R7973">
        <v>3</v>
      </c>
      <c r="S7973">
        <v>3</v>
      </c>
      <c r="T7973">
        <v>3</v>
      </c>
      <c r="U7973">
        <v>3</v>
      </c>
      <c r="V7973">
        <v>4</v>
      </c>
      <c r="W7973">
        <v>4</v>
      </c>
      <c r="X7973">
        <v>4</v>
      </c>
      <c r="Y7973">
        <v>4</v>
      </c>
      <c r="Z7973">
        <v>4</v>
      </c>
      <c r="AA7973">
        <v>4</v>
      </c>
      <c r="AB7973">
        <v>4</v>
      </c>
      <c r="AC7973">
        <v>4</v>
      </c>
      <c r="AD7973">
        <v>4</v>
      </c>
      <c r="AE7973">
        <v>4</v>
      </c>
      <c r="AF7973">
        <v>4</v>
      </c>
      <c r="AG7973">
        <v>4</v>
      </c>
      <c r="AH7973">
        <v>4</v>
      </c>
      <c r="AI7973">
        <v>4</v>
      </c>
      <c r="AJ7973">
        <v>4</v>
      </c>
      <c r="AK7973">
        <v>4</v>
      </c>
      <c r="AL7973">
        <v>4</v>
      </c>
      <c r="AM7973">
        <v>4</v>
      </c>
      <c r="AN7973">
        <v>4</v>
      </c>
      <c r="AO7973">
        <v>4</v>
      </c>
      <c r="AP7973">
        <v>4</v>
      </c>
      <c r="AQ7973">
        <v>4</v>
      </c>
    </row>
    <row r="7974" spans="1:43">
      <c r="A7974" t="s">
        <v>4998</v>
      </c>
      <c r="B7974" t="s">
        <v>4999</v>
      </c>
      <c r="C7974" t="s">
        <v>4994</v>
      </c>
      <c r="D7974" t="s">
        <v>4995</v>
      </c>
      <c r="E7974" t="s">
        <v>4916</v>
      </c>
      <c r="F7974" t="s">
        <v>4917</v>
      </c>
      <c r="G7974" t="s">
        <v>80</v>
      </c>
      <c r="H7974" t="s">
        <v>81</v>
      </c>
      <c r="I7974" s="2">
        <v>1</v>
      </c>
      <c r="J7974" s="2">
        <v>0</v>
      </c>
      <c r="K7974" s="2">
        <v>0</v>
      </c>
      <c r="L7974" t="s">
        <v>120</v>
      </c>
      <c r="M7974" t="s">
        <v>83</v>
      </c>
      <c r="N7974" t="s">
        <v>84</v>
      </c>
      <c r="O7974" t="s">
        <v>85</v>
      </c>
      <c r="P7974" t="s">
        <v>86</v>
      </c>
      <c r="Q7974">
        <v>31</v>
      </c>
      <c r="R7974">
        <v>32</v>
      </c>
      <c r="S7974">
        <v>32</v>
      </c>
      <c r="T7974">
        <v>32</v>
      </c>
      <c r="U7974">
        <v>32</v>
      </c>
      <c r="V7974">
        <v>32</v>
      </c>
      <c r="W7974">
        <v>33</v>
      </c>
      <c r="X7974">
        <v>33</v>
      </c>
      <c r="Y7974">
        <v>33</v>
      </c>
      <c r="Z7974">
        <v>33</v>
      </c>
      <c r="AA7974">
        <v>33</v>
      </c>
      <c r="AB7974">
        <v>33</v>
      </c>
      <c r="AC7974">
        <v>33</v>
      </c>
      <c r="AD7974">
        <v>34</v>
      </c>
      <c r="AE7974">
        <v>34</v>
      </c>
      <c r="AF7974">
        <v>34</v>
      </c>
      <c r="AG7974">
        <v>34</v>
      </c>
      <c r="AH7974">
        <v>34</v>
      </c>
      <c r="AI7974">
        <v>34</v>
      </c>
      <c r="AJ7974">
        <v>34</v>
      </c>
      <c r="AK7974">
        <v>34</v>
      </c>
      <c r="AL7974">
        <v>34</v>
      </c>
      <c r="AM7974">
        <v>34</v>
      </c>
      <c r="AN7974">
        <v>34</v>
      </c>
      <c r="AO7974">
        <v>33</v>
      </c>
      <c r="AP7974">
        <v>33</v>
      </c>
      <c r="AQ7974">
        <v>33</v>
      </c>
    </row>
    <row r="7975" spans="1:43">
      <c r="A7975" t="s">
        <v>4998</v>
      </c>
      <c r="B7975" t="s">
        <v>4999</v>
      </c>
      <c r="C7975" t="s">
        <v>4994</v>
      </c>
      <c r="D7975" t="s">
        <v>4995</v>
      </c>
      <c r="E7975" t="s">
        <v>4916</v>
      </c>
      <c r="F7975" t="s">
        <v>4917</v>
      </c>
      <c r="G7975" t="s">
        <v>80</v>
      </c>
      <c r="H7975" t="s">
        <v>81</v>
      </c>
      <c r="I7975" s="2">
        <v>1</v>
      </c>
      <c r="J7975" s="2">
        <v>0</v>
      </c>
      <c r="K7975" s="2">
        <v>0</v>
      </c>
      <c r="L7975" t="s">
        <v>120</v>
      </c>
      <c r="M7975" t="s">
        <v>87</v>
      </c>
      <c r="N7975" t="s">
        <v>88</v>
      </c>
      <c r="O7975" t="s">
        <v>85</v>
      </c>
      <c r="P7975" t="s">
        <v>86</v>
      </c>
      <c r="Q7975">
        <v>31</v>
      </c>
      <c r="R7975">
        <v>31</v>
      </c>
      <c r="S7975">
        <v>31</v>
      </c>
      <c r="T7975">
        <v>31</v>
      </c>
      <c r="U7975">
        <v>31</v>
      </c>
      <c r="V7975">
        <v>31</v>
      </c>
      <c r="W7975">
        <v>31</v>
      </c>
      <c r="X7975">
        <v>31</v>
      </c>
      <c r="Y7975">
        <v>30</v>
      </c>
      <c r="Z7975">
        <v>30</v>
      </c>
      <c r="AA7975">
        <v>30</v>
      </c>
      <c r="AB7975">
        <v>30</v>
      </c>
      <c r="AC7975">
        <v>30</v>
      </c>
      <c r="AD7975">
        <v>30</v>
      </c>
      <c r="AE7975">
        <v>30</v>
      </c>
      <c r="AF7975">
        <v>30</v>
      </c>
      <c r="AG7975">
        <v>30</v>
      </c>
      <c r="AH7975">
        <v>30</v>
      </c>
      <c r="AI7975">
        <v>30</v>
      </c>
      <c r="AJ7975">
        <v>30</v>
      </c>
      <c r="AK7975">
        <v>30</v>
      </c>
      <c r="AL7975">
        <v>29</v>
      </c>
      <c r="AM7975">
        <v>29</v>
      </c>
      <c r="AN7975">
        <v>29</v>
      </c>
      <c r="AO7975">
        <v>29</v>
      </c>
      <c r="AP7975">
        <v>29</v>
      </c>
      <c r="AQ7975">
        <v>29</v>
      </c>
    </row>
    <row r="7976" spans="1:43">
      <c r="A7976" t="s">
        <v>4998</v>
      </c>
      <c r="B7976" t="s">
        <v>4999</v>
      </c>
      <c r="C7976" t="s">
        <v>4994</v>
      </c>
      <c r="D7976" t="s">
        <v>4995</v>
      </c>
      <c r="E7976" t="s">
        <v>4916</v>
      </c>
      <c r="F7976" t="s">
        <v>4917</v>
      </c>
      <c r="G7976" t="s">
        <v>80</v>
      </c>
      <c r="H7976" t="s">
        <v>81</v>
      </c>
      <c r="I7976" s="2">
        <v>1</v>
      </c>
      <c r="J7976" s="2">
        <v>0</v>
      </c>
      <c r="K7976" s="2">
        <v>0</v>
      </c>
      <c r="L7976" t="s">
        <v>120</v>
      </c>
      <c r="M7976" t="s">
        <v>89</v>
      </c>
      <c r="N7976" t="s">
        <v>90</v>
      </c>
      <c r="O7976" t="s">
        <v>85</v>
      </c>
      <c r="P7976" t="s">
        <v>86</v>
      </c>
      <c r="Q7976">
        <v>31</v>
      </c>
      <c r="R7976">
        <v>31</v>
      </c>
      <c r="S7976">
        <v>32</v>
      </c>
      <c r="T7976">
        <v>32</v>
      </c>
      <c r="U7976">
        <v>33</v>
      </c>
      <c r="V7976">
        <v>33</v>
      </c>
      <c r="W7976">
        <v>33</v>
      </c>
      <c r="X7976">
        <v>33</v>
      </c>
      <c r="Y7976">
        <v>34</v>
      </c>
      <c r="Z7976">
        <v>34</v>
      </c>
      <c r="AA7976">
        <v>34</v>
      </c>
      <c r="AB7976">
        <v>34</v>
      </c>
      <c r="AC7976">
        <v>35</v>
      </c>
      <c r="AD7976">
        <v>35</v>
      </c>
      <c r="AE7976">
        <v>35</v>
      </c>
      <c r="AF7976">
        <v>35</v>
      </c>
      <c r="AG7976">
        <v>34</v>
      </c>
      <c r="AH7976">
        <v>34</v>
      </c>
      <c r="AI7976">
        <v>34</v>
      </c>
      <c r="AJ7976">
        <v>34</v>
      </c>
      <c r="AK7976">
        <v>34</v>
      </c>
      <c r="AL7976">
        <v>33</v>
      </c>
      <c r="AM7976">
        <v>33</v>
      </c>
      <c r="AN7976">
        <v>33</v>
      </c>
      <c r="AO7976">
        <v>33</v>
      </c>
      <c r="AP7976">
        <v>33</v>
      </c>
      <c r="AQ7976">
        <v>32</v>
      </c>
    </row>
    <row r="7977" spans="1:43">
      <c r="A7977" t="s">
        <v>4998</v>
      </c>
      <c r="B7977" t="s">
        <v>4999</v>
      </c>
      <c r="C7977" t="s">
        <v>4994</v>
      </c>
      <c r="D7977" t="s">
        <v>4995</v>
      </c>
      <c r="E7977" t="s">
        <v>4916</v>
      </c>
      <c r="F7977" t="s">
        <v>4917</v>
      </c>
      <c r="G7977" t="s">
        <v>80</v>
      </c>
      <c r="H7977" t="s">
        <v>81</v>
      </c>
      <c r="I7977" s="2">
        <v>1</v>
      </c>
      <c r="J7977" s="2">
        <v>0</v>
      </c>
      <c r="K7977" s="2">
        <v>0</v>
      </c>
      <c r="L7977" t="s">
        <v>120</v>
      </c>
      <c r="M7977" t="s">
        <v>83</v>
      </c>
      <c r="N7977" t="s">
        <v>91</v>
      </c>
      <c r="O7977" t="s">
        <v>85</v>
      </c>
      <c r="P7977" t="s">
        <v>86</v>
      </c>
      <c r="Q7977">
        <v>31</v>
      </c>
      <c r="R7977">
        <v>32</v>
      </c>
      <c r="S7977">
        <v>32</v>
      </c>
      <c r="T7977">
        <v>32</v>
      </c>
      <c r="U7977">
        <v>32</v>
      </c>
      <c r="V7977">
        <v>32</v>
      </c>
      <c r="W7977">
        <v>33</v>
      </c>
      <c r="X7977">
        <v>33</v>
      </c>
      <c r="Y7977">
        <v>33</v>
      </c>
      <c r="Z7977">
        <v>33</v>
      </c>
      <c r="AA7977">
        <v>33</v>
      </c>
      <c r="AB7977">
        <v>33</v>
      </c>
      <c r="AC7977">
        <v>33</v>
      </c>
      <c r="AD7977">
        <v>34</v>
      </c>
      <c r="AE7977">
        <v>34</v>
      </c>
      <c r="AF7977">
        <v>34</v>
      </c>
      <c r="AG7977">
        <v>34</v>
      </c>
      <c r="AH7977">
        <v>34</v>
      </c>
      <c r="AI7977">
        <v>34</v>
      </c>
      <c r="AJ7977">
        <v>34</v>
      </c>
      <c r="AK7977">
        <v>34</v>
      </c>
      <c r="AL7977">
        <v>34</v>
      </c>
      <c r="AM7977">
        <v>34</v>
      </c>
      <c r="AN7977">
        <v>34</v>
      </c>
      <c r="AO7977">
        <v>33</v>
      </c>
      <c r="AP7977">
        <v>33</v>
      </c>
      <c r="AQ7977">
        <v>33</v>
      </c>
    </row>
    <row r="7978" spans="1:43">
      <c r="A7978" t="s">
        <v>5000</v>
      </c>
      <c r="B7978" t="s">
        <v>5001</v>
      </c>
      <c r="C7978" t="s">
        <v>4988</v>
      </c>
      <c r="D7978" t="s">
        <v>4989</v>
      </c>
      <c r="E7978" t="s">
        <v>4916</v>
      </c>
      <c r="F7978" t="s">
        <v>4917</v>
      </c>
      <c r="G7978" t="s">
        <v>80</v>
      </c>
      <c r="H7978" t="s">
        <v>81</v>
      </c>
      <c r="I7978" s="2">
        <v>1</v>
      </c>
      <c r="J7978" s="2">
        <v>0</v>
      </c>
      <c r="K7978" s="2">
        <v>0</v>
      </c>
      <c r="L7978" t="s">
        <v>120</v>
      </c>
      <c r="M7978" t="s">
        <v>83</v>
      </c>
      <c r="N7978" t="s">
        <v>84</v>
      </c>
      <c r="O7978" t="s">
        <v>85</v>
      </c>
      <c r="P7978" t="s">
        <v>86</v>
      </c>
      <c r="Q7978">
        <v>21</v>
      </c>
      <c r="R7978">
        <v>21</v>
      </c>
      <c r="S7978">
        <v>21</v>
      </c>
      <c r="T7978">
        <v>21</v>
      </c>
      <c r="U7978">
        <v>21</v>
      </c>
      <c r="V7978">
        <v>21</v>
      </c>
      <c r="W7978">
        <v>21</v>
      </c>
      <c r="X7978">
        <v>22</v>
      </c>
      <c r="Y7978">
        <v>22</v>
      </c>
      <c r="Z7978">
        <v>22</v>
      </c>
      <c r="AA7978">
        <v>22</v>
      </c>
      <c r="AB7978">
        <v>22</v>
      </c>
      <c r="AC7978">
        <v>22</v>
      </c>
      <c r="AD7978">
        <v>22</v>
      </c>
      <c r="AE7978">
        <v>22</v>
      </c>
      <c r="AF7978">
        <v>22</v>
      </c>
      <c r="AG7978">
        <v>22</v>
      </c>
      <c r="AH7978">
        <v>22</v>
      </c>
      <c r="AI7978">
        <v>22</v>
      </c>
      <c r="AJ7978">
        <v>22</v>
      </c>
      <c r="AK7978">
        <v>22</v>
      </c>
      <c r="AL7978">
        <v>22</v>
      </c>
      <c r="AM7978">
        <v>22</v>
      </c>
      <c r="AN7978">
        <v>22</v>
      </c>
      <c r="AO7978">
        <v>22</v>
      </c>
      <c r="AP7978">
        <v>22</v>
      </c>
      <c r="AQ7978">
        <v>22</v>
      </c>
    </row>
    <row r="7979" spans="1:43">
      <c r="A7979" t="s">
        <v>5000</v>
      </c>
      <c r="B7979" t="s">
        <v>5001</v>
      </c>
      <c r="C7979" t="s">
        <v>4988</v>
      </c>
      <c r="D7979" t="s">
        <v>4989</v>
      </c>
      <c r="E7979" t="s">
        <v>4916</v>
      </c>
      <c r="F7979" t="s">
        <v>4917</v>
      </c>
      <c r="G7979" t="s">
        <v>80</v>
      </c>
      <c r="H7979" t="s">
        <v>81</v>
      </c>
      <c r="I7979" s="2">
        <v>1</v>
      </c>
      <c r="J7979" s="2">
        <v>0</v>
      </c>
      <c r="K7979" s="2">
        <v>0</v>
      </c>
      <c r="L7979" t="s">
        <v>120</v>
      </c>
      <c r="M7979" t="s">
        <v>87</v>
      </c>
      <c r="N7979" t="s">
        <v>88</v>
      </c>
      <c r="O7979" t="s">
        <v>85</v>
      </c>
      <c r="P7979" t="s">
        <v>86</v>
      </c>
      <c r="Q7979">
        <v>21</v>
      </c>
      <c r="R7979">
        <v>20</v>
      </c>
      <c r="S7979">
        <v>20</v>
      </c>
      <c r="T7979">
        <v>20</v>
      </c>
      <c r="U7979">
        <v>20</v>
      </c>
      <c r="V7979">
        <v>20</v>
      </c>
      <c r="W7979">
        <v>20</v>
      </c>
      <c r="X7979">
        <v>20</v>
      </c>
      <c r="Y7979">
        <v>20</v>
      </c>
      <c r="Z7979">
        <v>20</v>
      </c>
      <c r="AA7979">
        <v>20</v>
      </c>
      <c r="AB7979">
        <v>20</v>
      </c>
      <c r="AC7979">
        <v>20</v>
      </c>
      <c r="AD7979">
        <v>20</v>
      </c>
      <c r="AE7979">
        <v>20</v>
      </c>
      <c r="AF7979">
        <v>20</v>
      </c>
      <c r="AG7979">
        <v>20</v>
      </c>
      <c r="AH7979">
        <v>20</v>
      </c>
      <c r="AI7979">
        <v>19</v>
      </c>
      <c r="AJ7979">
        <v>19</v>
      </c>
      <c r="AK7979">
        <v>19</v>
      </c>
      <c r="AL7979">
        <v>19</v>
      </c>
      <c r="AM7979">
        <v>19</v>
      </c>
      <c r="AN7979">
        <v>19</v>
      </c>
      <c r="AO7979">
        <v>19</v>
      </c>
      <c r="AP7979">
        <v>19</v>
      </c>
      <c r="AQ7979">
        <v>19</v>
      </c>
    </row>
    <row r="7980" spans="1:43">
      <c r="A7980" t="s">
        <v>5000</v>
      </c>
      <c r="B7980" t="s">
        <v>5001</v>
      </c>
      <c r="C7980" t="s">
        <v>4988</v>
      </c>
      <c r="D7980" t="s">
        <v>4989</v>
      </c>
      <c r="E7980" t="s">
        <v>4916</v>
      </c>
      <c r="F7980" t="s">
        <v>4917</v>
      </c>
      <c r="G7980" t="s">
        <v>80</v>
      </c>
      <c r="H7980" t="s">
        <v>81</v>
      </c>
      <c r="I7980" s="2">
        <v>1</v>
      </c>
      <c r="J7980" s="2">
        <v>0</v>
      </c>
      <c r="K7980" s="2">
        <v>0</v>
      </c>
      <c r="L7980" t="s">
        <v>120</v>
      </c>
      <c r="M7980" t="s">
        <v>89</v>
      </c>
      <c r="N7980" t="s">
        <v>90</v>
      </c>
      <c r="O7980" t="s">
        <v>85</v>
      </c>
      <c r="P7980" t="s">
        <v>86</v>
      </c>
      <c r="Q7980">
        <v>21</v>
      </c>
      <c r="R7980">
        <v>21</v>
      </c>
      <c r="S7980">
        <v>22</v>
      </c>
      <c r="T7980">
        <v>22</v>
      </c>
      <c r="U7980">
        <v>22</v>
      </c>
      <c r="V7980">
        <v>22</v>
      </c>
      <c r="W7980">
        <v>22</v>
      </c>
      <c r="X7980">
        <v>23</v>
      </c>
      <c r="Y7980">
        <v>23</v>
      </c>
      <c r="Z7980">
        <v>23</v>
      </c>
      <c r="AA7980">
        <v>23</v>
      </c>
      <c r="AB7980">
        <v>23</v>
      </c>
      <c r="AC7980">
        <v>23</v>
      </c>
      <c r="AD7980">
        <v>24</v>
      </c>
      <c r="AE7980">
        <v>24</v>
      </c>
      <c r="AF7980">
        <v>24</v>
      </c>
      <c r="AG7980">
        <v>23</v>
      </c>
      <c r="AH7980">
        <v>23</v>
      </c>
      <c r="AI7980">
        <v>23</v>
      </c>
      <c r="AJ7980">
        <v>23</v>
      </c>
      <c r="AK7980">
        <v>23</v>
      </c>
      <c r="AL7980">
        <v>23</v>
      </c>
      <c r="AM7980">
        <v>22</v>
      </c>
      <c r="AN7980">
        <v>22</v>
      </c>
      <c r="AO7980">
        <v>22</v>
      </c>
      <c r="AP7980">
        <v>22</v>
      </c>
      <c r="AQ7980">
        <v>22</v>
      </c>
    </row>
    <row r="7981" spans="1:43">
      <c r="A7981" t="s">
        <v>5000</v>
      </c>
      <c r="B7981" t="s">
        <v>5001</v>
      </c>
      <c r="C7981" t="s">
        <v>4988</v>
      </c>
      <c r="D7981" t="s">
        <v>4989</v>
      </c>
      <c r="E7981" t="s">
        <v>4916</v>
      </c>
      <c r="F7981" t="s">
        <v>4917</v>
      </c>
      <c r="G7981" t="s">
        <v>80</v>
      </c>
      <c r="H7981" t="s">
        <v>81</v>
      </c>
      <c r="I7981" s="2">
        <v>1</v>
      </c>
      <c r="J7981" s="2">
        <v>0</v>
      </c>
      <c r="K7981" s="2">
        <v>0</v>
      </c>
      <c r="L7981" t="s">
        <v>120</v>
      </c>
      <c r="M7981" t="s">
        <v>83</v>
      </c>
      <c r="N7981" t="s">
        <v>91</v>
      </c>
      <c r="O7981" t="s">
        <v>85</v>
      </c>
      <c r="P7981" t="s">
        <v>86</v>
      </c>
      <c r="Q7981">
        <v>21</v>
      </c>
      <c r="R7981">
        <v>21</v>
      </c>
      <c r="S7981">
        <v>21</v>
      </c>
      <c r="T7981">
        <v>21</v>
      </c>
      <c r="U7981">
        <v>21</v>
      </c>
      <c r="V7981">
        <v>21</v>
      </c>
      <c r="W7981">
        <v>21</v>
      </c>
      <c r="X7981">
        <v>22</v>
      </c>
      <c r="Y7981">
        <v>22</v>
      </c>
      <c r="Z7981">
        <v>22</v>
      </c>
      <c r="AA7981">
        <v>22</v>
      </c>
      <c r="AB7981">
        <v>22</v>
      </c>
      <c r="AC7981">
        <v>22</v>
      </c>
      <c r="AD7981">
        <v>22</v>
      </c>
      <c r="AE7981">
        <v>22</v>
      </c>
      <c r="AF7981">
        <v>22</v>
      </c>
      <c r="AG7981">
        <v>22</v>
      </c>
      <c r="AH7981">
        <v>22</v>
      </c>
      <c r="AI7981">
        <v>22</v>
      </c>
      <c r="AJ7981">
        <v>22</v>
      </c>
      <c r="AK7981">
        <v>22</v>
      </c>
      <c r="AL7981">
        <v>22</v>
      </c>
      <c r="AM7981">
        <v>22</v>
      </c>
      <c r="AN7981">
        <v>22</v>
      </c>
      <c r="AO7981">
        <v>22</v>
      </c>
      <c r="AP7981">
        <v>22</v>
      </c>
      <c r="AQ7981">
        <v>22</v>
      </c>
    </row>
    <row r="7982" spans="1:43">
      <c r="A7982" t="s">
        <v>5002</v>
      </c>
      <c r="B7982" t="s">
        <v>5003</v>
      </c>
      <c r="C7982" t="s">
        <v>5004</v>
      </c>
      <c r="D7982" t="s">
        <v>5005</v>
      </c>
      <c r="E7982" t="s">
        <v>4916</v>
      </c>
      <c r="F7982" t="s">
        <v>4917</v>
      </c>
      <c r="G7982" t="s">
        <v>80</v>
      </c>
      <c r="H7982" t="s">
        <v>81</v>
      </c>
      <c r="I7982" s="2">
        <v>1</v>
      </c>
      <c r="J7982" s="2">
        <v>0</v>
      </c>
      <c r="K7982" s="2">
        <v>0</v>
      </c>
      <c r="L7982" t="s">
        <v>120</v>
      </c>
      <c r="M7982" t="s">
        <v>83</v>
      </c>
      <c r="N7982" t="s">
        <v>84</v>
      </c>
      <c r="O7982" t="s">
        <v>85</v>
      </c>
      <c r="P7982" t="s">
        <v>86</v>
      </c>
      <c r="Q7982">
        <v>29</v>
      </c>
      <c r="R7982">
        <v>29</v>
      </c>
      <c r="S7982">
        <v>30</v>
      </c>
      <c r="T7982">
        <v>30</v>
      </c>
      <c r="U7982">
        <v>30</v>
      </c>
      <c r="V7982">
        <v>30</v>
      </c>
      <c r="W7982">
        <v>30</v>
      </c>
      <c r="X7982">
        <v>31</v>
      </c>
      <c r="Y7982">
        <v>31</v>
      </c>
      <c r="Z7982">
        <v>31</v>
      </c>
      <c r="AA7982">
        <v>31</v>
      </c>
      <c r="AB7982">
        <v>31</v>
      </c>
      <c r="AC7982">
        <v>31</v>
      </c>
      <c r="AD7982">
        <v>31</v>
      </c>
      <c r="AE7982">
        <v>31</v>
      </c>
      <c r="AF7982">
        <v>32</v>
      </c>
      <c r="AG7982">
        <v>32</v>
      </c>
      <c r="AH7982">
        <v>32</v>
      </c>
      <c r="AI7982">
        <v>32</v>
      </c>
      <c r="AJ7982">
        <v>32</v>
      </c>
      <c r="AK7982">
        <v>32</v>
      </c>
      <c r="AL7982">
        <v>32</v>
      </c>
      <c r="AM7982">
        <v>32</v>
      </c>
      <c r="AN7982">
        <v>32</v>
      </c>
      <c r="AO7982">
        <v>31</v>
      </c>
      <c r="AP7982">
        <v>31</v>
      </c>
      <c r="AQ7982">
        <v>31</v>
      </c>
    </row>
    <row r="7983" spans="1:43">
      <c r="A7983" t="s">
        <v>5002</v>
      </c>
      <c r="B7983" t="s">
        <v>5003</v>
      </c>
      <c r="C7983" t="s">
        <v>5004</v>
      </c>
      <c r="D7983" t="s">
        <v>5005</v>
      </c>
      <c r="E7983" t="s">
        <v>4916</v>
      </c>
      <c r="F7983" t="s">
        <v>4917</v>
      </c>
      <c r="G7983" t="s">
        <v>80</v>
      </c>
      <c r="H7983" t="s">
        <v>81</v>
      </c>
      <c r="I7983" s="2">
        <v>1</v>
      </c>
      <c r="J7983" s="2">
        <v>0</v>
      </c>
      <c r="K7983" s="2">
        <v>0</v>
      </c>
      <c r="L7983" t="s">
        <v>120</v>
      </c>
      <c r="M7983" t="s">
        <v>87</v>
      </c>
      <c r="N7983" t="s">
        <v>88</v>
      </c>
      <c r="O7983" t="s">
        <v>85</v>
      </c>
      <c r="P7983" t="s">
        <v>86</v>
      </c>
      <c r="Q7983">
        <v>29</v>
      </c>
      <c r="R7983">
        <v>29</v>
      </c>
      <c r="S7983">
        <v>29</v>
      </c>
      <c r="T7983">
        <v>29</v>
      </c>
      <c r="U7983">
        <v>29</v>
      </c>
      <c r="V7983">
        <v>29</v>
      </c>
      <c r="W7983">
        <v>29</v>
      </c>
      <c r="X7983">
        <v>29</v>
      </c>
      <c r="Y7983">
        <v>28</v>
      </c>
      <c r="Z7983">
        <v>28</v>
      </c>
      <c r="AA7983">
        <v>28</v>
      </c>
      <c r="AB7983">
        <v>28</v>
      </c>
      <c r="AC7983">
        <v>28</v>
      </c>
      <c r="AD7983">
        <v>28</v>
      </c>
      <c r="AE7983">
        <v>28</v>
      </c>
      <c r="AF7983">
        <v>28</v>
      </c>
      <c r="AG7983">
        <v>28</v>
      </c>
      <c r="AH7983">
        <v>28</v>
      </c>
      <c r="AI7983">
        <v>28</v>
      </c>
      <c r="AJ7983">
        <v>28</v>
      </c>
      <c r="AK7983">
        <v>28</v>
      </c>
      <c r="AL7983">
        <v>28</v>
      </c>
      <c r="AM7983">
        <v>28</v>
      </c>
      <c r="AN7983">
        <v>27</v>
      </c>
      <c r="AO7983">
        <v>27</v>
      </c>
      <c r="AP7983">
        <v>27</v>
      </c>
      <c r="AQ7983">
        <v>27</v>
      </c>
    </row>
    <row r="7984" spans="1:43">
      <c r="A7984" t="s">
        <v>5002</v>
      </c>
      <c r="B7984" t="s">
        <v>5003</v>
      </c>
      <c r="C7984" t="s">
        <v>5004</v>
      </c>
      <c r="D7984" t="s">
        <v>5005</v>
      </c>
      <c r="E7984" t="s">
        <v>4916</v>
      </c>
      <c r="F7984" t="s">
        <v>4917</v>
      </c>
      <c r="G7984" t="s">
        <v>80</v>
      </c>
      <c r="H7984" t="s">
        <v>81</v>
      </c>
      <c r="I7984" s="2">
        <v>1</v>
      </c>
      <c r="J7984" s="2">
        <v>0</v>
      </c>
      <c r="K7984" s="2">
        <v>0</v>
      </c>
      <c r="L7984" t="s">
        <v>120</v>
      </c>
      <c r="M7984" t="s">
        <v>89</v>
      </c>
      <c r="N7984" t="s">
        <v>90</v>
      </c>
      <c r="O7984" t="s">
        <v>85</v>
      </c>
      <c r="P7984" t="s">
        <v>86</v>
      </c>
      <c r="Q7984">
        <v>29</v>
      </c>
      <c r="R7984">
        <v>29</v>
      </c>
      <c r="S7984">
        <v>29</v>
      </c>
      <c r="T7984">
        <v>30</v>
      </c>
      <c r="U7984">
        <v>30</v>
      </c>
      <c r="V7984">
        <v>31</v>
      </c>
      <c r="W7984">
        <v>31</v>
      </c>
      <c r="X7984">
        <v>31</v>
      </c>
      <c r="Y7984">
        <v>31</v>
      </c>
      <c r="Z7984">
        <v>32</v>
      </c>
      <c r="AA7984">
        <v>32</v>
      </c>
      <c r="AB7984">
        <v>32</v>
      </c>
      <c r="AC7984">
        <v>32</v>
      </c>
      <c r="AD7984">
        <v>33</v>
      </c>
      <c r="AE7984">
        <v>33</v>
      </c>
      <c r="AF7984">
        <v>32</v>
      </c>
      <c r="AG7984">
        <v>32</v>
      </c>
      <c r="AH7984">
        <v>32</v>
      </c>
      <c r="AI7984">
        <v>32</v>
      </c>
      <c r="AJ7984">
        <v>32</v>
      </c>
      <c r="AK7984">
        <v>31</v>
      </c>
      <c r="AL7984">
        <v>31</v>
      </c>
      <c r="AM7984">
        <v>31</v>
      </c>
      <c r="AN7984">
        <v>31</v>
      </c>
      <c r="AO7984">
        <v>31</v>
      </c>
      <c r="AP7984">
        <v>31</v>
      </c>
      <c r="AQ7984">
        <v>30</v>
      </c>
    </row>
    <row r="7985" spans="1:43">
      <c r="A7985" t="s">
        <v>5002</v>
      </c>
      <c r="B7985" t="s">
        <v>5003</v>
      </c>
      <c r="C7985" t="s">
        <v>5004</v>
      </c>
      <c r="D7985" t="s">
        <v>5005</v>
      </c>
      <c r="E7985" t="s">
        <v>4916</v>
      </c>
      <c r="F7985" t="s">
        <v>4917</v>
      </c>
      <c r="G7985" t="s">
        <v>80</v>
      </c>
      <c r="H7985" t="s">
        <v>81</v>
      </c>
      <c r="I7985" s="2">
        <v>1</v>
      </c>
      <c r="J7985" s="2">
        <v>0</v>
      </c>
      <c r="K7985" s="2">
        <v>0</v>
      </c>
      <c r="L7985" t="s">
        <v>120</v>
      </c>
      <c r="M7985" t="s">
        <v>83</v>
      </c>
      <c r="N7985" t="s">
        <v>91</v>
      </c>
      <c r="O7985" t="s">
        <v>85</v>
      </c>
      <c r="P7985" t="s">
        <v>86</v>
      </c>
      <c r="Q7985">
        <v>29</v>
      </c>
      <c r="R7985">
        <v>29</v>
      </c>
      <c r="S7985">
        <v>30</v>
      </c>
      <c r="T7985">
        <v>30</v>
      </c>
      <c r="U7985">
        <v>30</v>
      </c>
      <c r="V7985">
        <v>30</v>
      </c>
      <c r="W7985">
        <v>30</v>
      </c>
      <c r="X7985">
        <v>31</v>
      </c>
      <c r="Y7985">
        <v>31</v>
      </c>
      <c r="Z7985">
        <v>31</v>
      </c>
      <c r="AA7985">
        <v>31</v>
      </c>
      <c r="AB7985">
        <v>31</v>
      </c>
      <c r="AC7985">
        <v>31</v>
      </c>
      <c r="AD7985">
        <v>31</v>
      </c>
      <c r="AE7985">
        <v>31</v>
      </c>
      <c r="AF7985">
        <v>32</v>
      </c>
      <c r="AG7985">
        <v>32</v>
      </c>
      <c r="AH7985">
        <v>32</v>
      </c>
      <c r="AI7985">
        <v>32</v>
      </c>
      <c r="AJ7985">
        <v>32</v>
      </c>
      <c r="AK7985">
        <v>32</v>
      </c>
      <c r="AL7985">
        <v>32</v>
      </c>
      <c r="AM7985">
        <v>32</v>
      </c>
      <c r="AN7985">
        <v>32</v>
      </c>
      <c r="AO7985">
        <v>31</v>
      </c>
      <c r="AP7985">
        <v>31</v>
      </c>
      <c r="AQ7985">
        <v>31</v>
      </c>
    </row>
    <row r="7986" spans="1:43">
      <c r="A7986" t="s">
        <v>5006</v>
      </c>
      <c r="B7986" t="s">
        <v>5007</v>
      </c>
      <c r="C7986" t="s">
        <v>5008</v>
      </c>
      <c r="D7986" t="s">
        <v>5009</v>
      </c>
      <c r="E7986" t="s">
        <v>4916</v>
      </c>
      <c r="F7986" t="s">
        <v>4917</v>
      </c>
      <c r="G7986" t="s">
        <v>80</v>
      </c>
      <c r="H7986" t="s">
        <v>81</v>
      </c>
      <c r="I7986" s="2">
        <v>1</v>
      </c>
      <c r="J7986" s="2">
        <v>0</v>
      </c>
      <c r="K7986" s="2">
        <v>0</v>
      </c>
      <c r="L7986" t="s">
        <v>120</v>
      </c>
      <c r="M7986" t="s">
        <v>83</v>
      </c>
      <c r="N7986" t="s">
        <v>84</v>
      </c>
      <c r="O7986" t="s">
        <v>85</v>
      </c>
      <c r="P7986" t="s">
        <v>86</v>
      </c>
      <c r="Q7986">
        <v>26</v>
      </c>
      <c r="R7986">
        <v>26</v>
      </c>
      <c r="S7986">
        <v>26</v>
      </c>
      <c r="T7986">
        <v>26</v>
      </c>
      <c r="U7986">
        <v>27</v>
      </c>
      <c r="V7986">
        <v>27</v>
      </c>
      <c r="W7986">
        <v>27</v>
      </c>
      <c r="X7986">
        <v>27</v>
      </c>
      <c r="Y7986">
        <v>27</v>
      </c>
      <c r="Z7986">
        <v>27</v>
      </c>
      <c r="AA7986">
        <v>28</v>
      </c>
      <c r="AB7986">
        <v>28</v>
      </c>
      <c r="AC7986">
        <v>28</v>
      </c>
      <c r="AD7986">
        <v>28</v>
      </c>
      <c r="AE7986">
        <v>28</v>
      </c>
      <c r="AF7986">
        <v>28</v>
      </c>
      <c r="AG7986">
        <v>28</v>
      </c>
      <c r="AH7986">
        <v>28</v>
      </c>
      <c r="AI7986">
        <v>28</v>
      </c>
      <c r="AJ7986">
        <v>28</v>
      </c>
      <c r="AK7986">
        <v>28</v>
      </c>
      <c r="AL7986">
        <v>28</v>
      </c>
      <c r="AM7986">
        <v>28</v>
      </c>
      <c r="AN7986">
        <v>28</v>
      </c>
      <c r="AO7986">
        <v>28</v>
      </c>
      <c r="AP7986">
        <v>28</v>
      </c>
      <c r="AQ7986">
        <v>28</v>
      </c>
    </row>
    <row r="7987" spans="1:43">
      <c r="A7987" t="s">
        <v>5006</v>
      </c>
      <c r="B7987" t="s">
        <v>5007</v>
      </c>
      <c r="C7987" t="s">
        <v>5008</v>
      </c>
      <c r="D7987" t="s">
        <v>5009</v>
      </c>
      <c r="E7987" t="s">
        <v>4916</v>
      </c>
      <c r="F7987" t="s">
        <v>4917</v>
      </c>
      <c r="G7987" t="s">
        <v>80</v>
      </c>
      <c r="H7987" t="s">
        <v>81</v>
      </c>
      <c r="I7987" s="2">
        <v>1</v>
      </c>
      <c r="J7987" s="2">
        <v>0</v>
      </c>
      <c r="K7987" s="2">
        <v>0</v>
      </c>
      <c r="L7987" t="s">
        <v>120</v>
      </c>
      <c r="M7987" t="s">
        <v>87</v>
      </c>
      <c r="N7987" t="s">
        <v>88</v>
      </c>
      <c r="O7987" t="s">
        <v>85</v>
      </c>
      <c r="P7987" t="s">
        <v>86</v>
      </c>
      <c r="Q7987">
        <v>26</v>
      </c>
      <c r="R7987">
        <v>26</v>
      </c>
      <c r="S7987">
        <v>26</v>
      </c>
      <c r="T7987">
        <v>26</v>
      </c>
      <c r="U7987">
        <v>25</v>
      </c>
      <c r="V7987">
        <v>25</v>
      </c>
      <c r="W7987">
        <v>25</v>
      </c>
      <c r="X7987">
        <v>25</v>
      </c>
      <c r="Y7987">
        <v>25</v>
      </c>
      <c r="Z7987">
        <v>25</v>
      </c>
      <c r="AA7987">
        <v>25</v>
      </c>
      <c r="AB7987">
        <v>25</v>
      </c>
      <c r="AC7987">
        <v>25</v>
      </c>
      <c r="AD7987">
        <v>25</v>
      </c>
      <c r="AE7987">
        <v>25</v>
      </c>
      <c r="AF7987">
        <v>25</v>
      </c>
      <c r="AG7987">
        <v>25</v>
      </c>
      <c r="AH7987">
        <v>25</v>
      </c>
      <c r="AI7987">
        <v>25</v>
      </c>
      <c r="AJ7987">
        <v>25</v>
      </c>
      <c r="AK7987">
        <v>25</v>
      </c>
      <c r="AL7987">
        <v>25</v>
      </c>
      <c r="AM7987">
        <v>25</v>
      </c>
      <c r="AN7987">
        <v>25</v>
      </c>
      <c r="AO7987">
        <v>25</v>
      </c>
      <c r="AP7987">
        <v>24</v>
      </c>
      <c r="AQ7987">
        <v>24</v>
      </c>
    </row>
    <row r="7988" spans="1:43">
      <c r="A7988" t="s">
        <v>5006</v>
      </c>
      <c r="B7988" t="s">
        <v>5007</v>
      </c>
      <c r="C7988" t="s">
        <v>5008</v>
      </c>
      <c r="D7988" t="s">
        <v>5009</v>
      </c>
      <c r="E7988" t="s">
        <v>4916</v>
      </c>
      <c r="F7988" t="s">
        <v>4917</v>
      </c>
      <c r="G7988" t="s">
        <v>80</v>
      </c>
      <c r="H7988" t="s">
        <v>81</v>
      </c>
      <c r="I7988" s="2">
        <v>1</v>
      </c>
      <c r="J7988" s="2">
        <v>0</v>
      </c>
      <c r="K7988" s="2">
        <v>0</v>
      </c>
      <c r="L7988" t="s">
        <v>120</v>
      </c>
      <c r="M7988" t="s">
        <v>89</v>
      </c>
      <c r="N7988" t="s">
        <v>90</v>
      </c>
      <c r="O7988" t="s">
        <v>85</v>
      </c>
      <c r="P7988" t="s">
        <v>86</v>
      </c>
      <c r="Q7988">
        <v>26</v>
      </c>
      <c r="R7988">
        <v>27</v>
      </c>
      <c r="S7988">
        <v>27</v>
      </c>
      <c r="T7988">
        <v>27</v>
      </c>
      <c r="U7988">
        <v>28</v>
      </c>
      <c r="V7988">
        <v>28</v>
      </c>
      <c r="W7988">
        <v>28</v>
      </c>
      <c r="X7988">
        <v>28</v>
      </c>
      <c r="Y7988">
        <v>29</v>
      </c>
      <c r="Z7988">
        <v>29</v>
      </c>
      <c r="AA7988">
        <v>29</v>
      </c>
      <c r="AB7988">
        <v>29</v>
      </c>
      <c r="AC7988">
        <v>30</v>
      </c>
      <c r="AD7988">
        <v>30</v>
      </c>
      <c r="AE7988">
        <v>30</v>
      </c>
      <c r="AF7988">
        <v>30</v>
      </c>
      <c r="AG7988">
        <v>29</v>
      </c>
      <c r="AH7988">
        <v>29</v>
      </c>
      <c r="AI7988">
        <v>29</v>
      </c>
      <c r="AJ7988">
        <v>29</v>
      </c>
      <c r="AK7988">
        <v>29</v>
      </c>
      <c r="AL7988">
        <v>29</v>
      </c>
      <c r="AM7988">
        <v>28</v>
      </c>
      <c r="AN7988">
        <v>28</v>
      </c>
      <c r="AO7988">
        <v>28</v>
      </c>
      <c r="AP7988">
        <v>28</v>
      </c>
      <c r="AQ7988">
        <v>28</v>
      </c>
    </row>
    <row r="7989" spans="1:43">
      <c r="A7989" t="s">
        <v>5006</v>
      </c>
      <c r="B7989" t="s">
        <v>5007</v>
      </c>
      <c r="C7989" t="s">
        <v>5008</v>
      </c>
      <c r="D7989" t="s">
        <v>5009</v>
      </c>
      <c r="E7989" t="s">
        <v>4916</v>
      </c>
      <c r="F7989" t="s">
        <v>4917</v>
      </c>
      <c r="G7989" t="s">
        <v>80</v>
      </c>
      <c r="H7989" t="s">
        <v>81</v>
      </c>
      <c r="I7989" s="2">
        <v>1</v>
      </c>
      <c r="J7989" s="2">
        <v>0</v>
      </c>
      <c r="K7989" s="2">
        <v>0</v>
      </c>
      <c r="L7989" t="s">
        <v>120</v>
      </c>
      <c r="M7989" t="s">
        <v>83</v>
      </c>
      <c r="N7989" t="s">
        <v>91</v>
      </c>
      <c r="O7989" t="s">
        <v>85</v>
      </c>
      <c r="P7989" t="s">
        <v>86</v>
      </c>
      <c r="Q7989">
        <v>26</v>
      </c>
      <c r="R7989">
        <v>26</v>
      </c>
      <c r="S7989">
        <v>26</v>
      </c>
      <c r="T7989">
        <v>26</v>
      </c>
      <c r="U7989">
        <v>27</v>
      </c>
      <c r="V7989">
        <v>27</v>
      </c>
      <c r="W7989">
        <v>27</v>
      </c>
      <c r="X7989">
        <v>27</v>
      </c>
      <c r="Y7989">
        <v>27</v>
      </c>
      <c r="Z7989">
        <v>27</v>
      </c>
      <c r="AA7989">
        <v>28</v>
      </c>
      <c r="AB7989">
        <v>28</v>
      </c>
      <c r="AC7989">
        <v>28</v>
      </c>
      <c r="AD7989">
        <v>28</v>
      </c>
      <c r="AE7989">
        <v>28</v>
      </c>
      <c r="AF7989">
        <v>28</v>
      </c>
      <c r="AG7989">
        <v>28</v>
      </c>
      <c r="AH7989">
        <v>28</v>
      </c>
      <c r="AI7989">
        <v>28</v>
      </c>
      <c r="AJ7989">
        <v>28</v>
      </c>
      <c r="AK7989">
        <v>28</v>
      </c>
      <c r="AL7989">
        <v>28</v>
      </c>
      <c r="AM7989">
        <v>28</v>
      </c>
      <c r="AN7989">
        <v>28</v>
      </c>
      <c r="AO7989">
        <v>28</v>
      </c>
      <c r="AP7989">
        <v>28</v>
      </c>
      <c r="AQ7989">
        <v>28</v>
      </c>
    </row>
    <row r="7990" spans="1:43">
      <c r="A7990" t="s">
        <v>5010</v>
      </c>
      <c r="B7990" t="s">
        <v>5011</v>
      </c>
      <c r="C7990" t="s">
        <v>5004</v>
      </c>
      <c r="D7990" t="s">
        <v>5005</v>
      </c>
      <c r="E7990" t="s">
        <v>4916</v>
      </c>
      <c r="F7990" t="s">
        <v>4917</v>
      </c>
      <c r="G7990" t="s">
        <v>80</v>
      </c>
      <c r="H7990" t="s">
        <v>81</v>
      </c>
      <c r="I7990" s="2">
        <v>1</v>
      </c>
      <c r="J7990" s="2">
        <v>0</v>
      </c>
      <c r="K7990" s="2">
        <v>0</v>
      </c>
      <c r="L7990" t="s">
        <v>120</v>
      </c>
      <c r="M7990" t="s">
        <v>83</v>
      </c>
      <c r="N7990" t="s">
        <v>84</v>
      </c>
      <c r="O7990" t="s">
        <v>85</v>
      </c>
      <c r="P7990" t="s">
        <v>86</v>
      </c>
      <c r="Q7990">
        <v>11</v>
      </c>
      <c r="R7990">
        <v>11</v>
      </c>
      <c r="S7990">
        <v>11</v>
      </c>
      <c r="T7990">
        <v>11</v>
      </c>
      <c r="U7990">
        <v>11</v>
      </c>
      <c r="V7990">
        <v>11</v>
      </c>
      <c r="W7990">
        <v>11</v>
      </c>
      <c r="X7990">
        <v>11</v>
      </c>
      <c r="Y7990">
        <v>11</v>
      </c>
      <c r="Z7990">
        <v>11</v>
      </c>
      <c r="AA7990">
        <v>11</v>
      </c>
      <c r="AB7990">
        <v>11</v>
      </c>
      <c r="AC7990">
        <v>12</v>
      </c>
      <c r="AD7990">
        <v>12</v>
      </c>
      <c r="AE7990">
        <v>12</v>
      </c>
      <c r="AF7990">
        <v>12</v>
      </c>
      <c r="AG7990">
        <v>12</v>
      </c>
      <c r="AH7990">
        <v>12</v>
      </c>
      <c r="AI7990">
        <v>12</v>
      </c>
      <c r="AJ7990">
        <v>12</v>
      </c>
      <c r="AK7990">
        <v>12</v>
      </c>
      <c r="AL7990">
        <v>12</v>
      </c>
      <c r="AM7990">
        <v>12</v>
      </c>
      <c r="AN7990">
        <v>12</v>
      </c>
      <c r="AO7990">
        <v>12</v>
      </c>
      <c r="AP7990">
        <v>12</v>
      </c>
      <c r="AQ7990">
        <v>11</v>
      </c>
    </row>
    <row r="7991" spans="1:43">
      <c r="A7991" t="s">
        <v>5010</v>
      </c>
      <c r="B7991" t="s">
        <v>5011</v>
      </c>
      <c r="C7991" t="s">
        <v>5004</v>
      </c>
      <c r="D7991" t="s">
        <v>5005</v>
      </c>
      <c r="E7991" t="s">
        <v>4916</v>
      </c>
      <c r="F7991" t="s">
        <v>4917</v>
      </c>
      <c r="G7991" t="s">
        <v>80</v>
      </c>
      <c r="H7991" t="s">
        <v>81</v>
      </c>
      <c r="I7991" s="2">
        <v>1</v>
      </c>
      <c r="J7991" s="2">
        <v>0</v>
      </c>
      <c r="K7991" s="2">
        <v>0</v>
      </c>
      <c r="L7991" t="s">
        <v>120</v>
      </c>
      <c r="M7991" t="s">
        <v>87</v>
      </c>
      <c r="N7991" t="s">
        <v>88</v>
      </c>
      <c r="O7991" t="s">
        <v>85</v>
      </c>
      <c r="P7991" t="s">
        <v>86</v>
      </c>
      <c r="Q7991">
        <v>11</v>
      </c>
      <c r="R7991">
        <v>11</v>
      </c>
      <c r="S7991">
        <v>11</v>
      </c>
      <c r="T7991">
        <v>11</v>
      </c>
      <c r="U7991">
        <v>11</v>
      </c>
      <c r="V7991">
        <v>11</v>
      </c>
      <c r="W7991">
        <v>11</v>
      </c>
      <c r="X7991">
        <v>11</v>
      </c>
      <c r="Y7991">
        <v>11</v>
      </c>
      <c r="Z7991">
        <v>10</v>
      </c>
      <c r="AA7991">
        <v>10</v>
      </c>
      <c r="AB7991">
        <v>10</v>
      </c>
      <c r="AC7991">
        <v>10</v>
      </c>
      <c r="AD7991">
        <v>10</v>
      </c>
      <c r="AE7991">
        <v>10</v>
      </c>
      <c r="AF7991">
        <v>10</v>
      </c>
      <c r="AG7991">
        <v>10</v>
      </c>
      <c r="AH7991">
        <v>10</v>
      </c>
      <c r="AI7991">
        <v>10</v>
      </c>
      <c r="AJ7991">
        <v>10</v>
      </c>
      <c r="AK7991">
        <v>10</v>
      </c>
      <c r="AL7991">
        <v>10</v>
      </c>
      <c r="AM7991">
        <v>10</v>
      </c>
      <c r="AN7991">
        <v>10</v>
      </c>
      <c r="AO7991">
        <v>10</v>
      </c>
      <c r="AP7991">
        <v>10</v>
      </c>
      <c r="AQ7991">
        <v>10</v>
      </c>
    </row>
    <row r="7992" spans="1:43">
      <c r="A7992" t="s">
        <v>5010</v>
      </c>
      <c r="B7992" t="s">
        <v>5011</v>
      </c>
      <c r="C7992" t="s">
        <v>5004</v>
      </c>
      <c r="D7992" t="s">
        <v>5005</v>
      </c>
      <c r="E7992" t="s">
        <v>4916</v>
      </c>
      <c r="F7992" t="s">
        <v>4917</v>
      </c>
      <c r="G7992" t="s">
        <v>80</v>
      </c>
      <c r="H7992" t="s">
        <v>81</v>
      </c>
      <c r="I7992" s="2">
        <v>1</v>
      </c>
      <c r="J7992" s="2">
        <v>0</v>
      </c>
      <c r="K7992" s="2">
        <v>0</v>
      </c>
      <c r="L7992" t="s">
        <v>120</v>
      </c>
      <c r="M7992" t="s">
        <v>89</v>
      </c>
      <c r="N7992" t="s">
        <v>90</v>
      </c>
      <c r="O7992" t="s">
        <v>85</v>
      </c>
      <c r="P7992" t="s">
        <v>86</v>
      </c>
      <c r="Q7992">
        <v>11</v>
      </c>
      <c r="R7992">
        <v>11</v>
      </c>
      <c r="S7992">
        <v>11</v>
      </c>
      <c r="T7992">
        <v>11</v>
      </c>
      <c r="U7992">
        <v>12</v>
      </c>
      <c r="V7992">
        <v>12</v>
      </c>
      <c r="W7992">
        <v>12</v>
      </c>
      <c r="X7992">
        <v>12</v>
      </c>
      <c r="Y7992">
        <v>12</v>
      </c>
      <c r="Z7992">
        <v>12</v>
      </c>
      <c r="AA7992">
        <v>12</v>
      </c>
      <c r="AB7992">
        <v>12</v>
      </c>
      <c r="AC7992">
        <v>12</v>
      </c>
      <c r="AD7992">
        <v>12</v>
      </c>
      <c r="AE7992">
        <v>12</v>
      </c>
      <c r="AF7992">
        <v>12</v>
      </c>
      <c r="AG7992">
        <v>12</v>
      </c>
      <c r="AH7992">
        <v>12</v>
      </c>
      <c r="AI7992">
        <v>12</v>
      </c>
      <c r="AJ7992">
        <v>12</v>
      </c>
      <c r="AK7992">
        <v>12</v>
      </c>
      <c r="AL7992">
        <v>12</v>
      </c>
      <c r="AM7992">
        <v>12</v>
      </c>
      <c r="AN7992">
        <v>12</v>
      </c>
      <c r="AO7992">
        <v>12</v>
      </c>
      <c r="AP7992">
        <v>12</v>
      </c>
      <c r="AQ7992">
        <v>12</v>
      </c>
    </row>
    <row r="7993" spans="1:43">
      <c r="A7993" t="s">
        <v>5010</v>
      </c>
      <c r="B7993" t="s">
        <v>5011</v>
      </c>
      <c r="C7993" t="s">
        <v>5004</v>
      </c>
      <c r="D7993" t="s">
        <v>5005</v>
      </c>
      <c r="E7993" t="s">
        <v>4916</v>
      </c>
      <c r="F7993" t="s">
        <v>4917</v>
      </c>
      <c r="G7993" t="s">
        <v>80</v>
      </c>
      <c r="H7993" t="s">
        <v>81</v>
      </c>
      <c r="I7993" s="2">
        <v>1</v>
      </c>
      <c r="J7993" s="2">
        <v>0</v>
      </c>
      <c r="K7993" s="2">
        <v>0</v>
      </c>
      <c r="L7993" t="s">
        <v>120</v>
      </c>
      <c r="M7993" t="s">
        <v>83</v>
      </c>
      <c r="N7993" t="s">
        <v>91</v>
      </c>
      <c r="O7993" t="s">
        <v>85</v>
      </c>
      <c r="P7993" t="s">
        <v>86</v>
      </c>
      <c r="Q7993">
        <v>11</v>
      </c>
      <c r="R7993">
        <v>11</v>
      </c>
      <c r="S7993">
        <v>11</v>
      </c>
      <c r="T7993">
        <v>11</v>
      </c>
      <c r="U7993">
        <v>11</v>
      </c>
      <c r="V7993">
        <v>11</v>
      </c>
      <c r="W7993">
        <v>11</v>
      </c>
      <c r="X7993">
        <v>11</v>
      </c>
      <c r="Y7993">
        <v>11</v>
      </c>
      <c r="Z7993">
        <v>11</v>
      </c>
      <c r="AA7993">
        <v>11</v>
      </c>
      <c r="AB7993">
        <v>11</v>
      </c>
      <c r="AC7993">
        <v>12</v>
      </c>
      <c r="AD7993">
        <v>12</v>
      </c>
      <c r="AE7993">
        <v>12</v>
      </c>
      <c r="AF7993">
        <v>12</v>
      </c>
      <c r="AG7993">
        <v>12</v>
      </c>
      <c r="AH7993">
        <v>12</v>
      </c>
      <c r="AI7993">
        <v>12</v>
      </c>
      <c r="AJ7993">
        <v>12</v>
      </c>
      <c r="AK7993">
        <v>12</v>
      </c>
      <c r="AL7993">
        <v>12</v>
      </c>
      <c r="AM7993">
        <v>12</v>
      </c>
      <c r="AN7993">
        <v>12</v>
      </c>
      <c r="AO7993">
        <v>12</v>
      </c>
      <c r="AP7993">
        <v>12</v>
      </c>
      <c r="AQ7993">
        <v>11</v>
      </c>
    </row>
    <row r="7994" spans="1:43">
      <c r="A7994" t="s">
        <v>5012</v>
      </c>
      <c r="B7994" t="s">
        <v>5013</v>
      </c>
      <c r="C7994" t="s">
        <v>5008</v>
      </c>
      <c r="D7994" t="s">
        <v>5009</v>
      </c>
      <c r="E7994" t="s">
        <v>4916</v>
      </c>
      <c r="F7994" t="s">
        <v>4917</v>
      </c>
      <c r="G7994" t="s">
        <v>80</v>
      </c>
      <c r="H7994" t="s">
        <v>81</v>
      </c>
      <c r="I7994" s="2">
        <v>1</v>
      </c>
      <c r="J7994" s="2">
        <v>0</v>
      </c>
      <c r="K7994" s="2">
        <v>0</v>
      </c>
      <c r="L7994" t="s">
        <v>120</v>
      </c>
      <c r="M7994" t="s">
        <v>83</v>
      </c>
      <c r="N7994" t="s">
        <v>84</v>
      </c>
      <c r="O7994" t="s">
        <v>85</v>
      </c>
      <c r="P7994" t="s">
        <v>86</v>
      </c>
      <c r="Q7994">
        <v>16</v>
      </c>
      <c r="R7994">
        <v>16</v>
      </c>
      <c r="S7994">
        <v>16</v>
      </c>
      <c r="T7994">
        <v>16</v>
      </c>
      <c r="U7994">
        <v>17</v>
      </c>
      <c r="V7994">
        <v>17</v>
      </c>
      <c r="W7994">
        <v>17</v>
      </c>
      <c r="X7994">
        <v>17</v>
      </c>
      <c r="Y7994">
        <v>17</v>
      </c>
      <c r="Z7994">
        <v>17</v>
      </c>
      <c r="AA7994">
        <v>17</v>
      </c>
      <c r="AB7994">
        <v>17</v>
      </c>
      <c r="AC7994">
        <v>17</v>
      </c>
      <c r="AD7994">
        <v>17</v>
      </c>
      <c r="AE7994">
        <v>17</v>
      </c>
      <c r="AF7994">
        <v>17</v>
      </c>
      <c r="AG7994">
        <v>17</v>
      </c>
      <c r="AH7994">
        <v>18</v>
      </c>
      <c r="AI7994">
        <v>18</v>
      </c>
      <c r="AJ7994">
        <v>18</v>
      </c>
      <c r="AK7994">
        <v>18</v>
      </c>
      <c r="AL7994">
        <v>18</v>
      </c>
      <c r="AM7994">
        <v>18</v>
      </c>
      <c r="AN7994">
        <v>17</v>
      </c>
      <c r="AO7994">
        <v>17</v>
      </c>
      <c r="AP7994">
        <v>17</v>
      </c>
      <c r="AQ7994">
        <v>17</v>
      </c>
    </row>
    <row r="7995" spans="1:43">
      <c r="A7995" t="s">
        <v>5012</v>
      </c>
      <c r="B7995" t="s">
        <v>5013</v>
      </c>
      <c r="C7995" t="s">
        <v>5008</v>
      </c>
      <c r="D7995" t="s">
        <v>5009</v>
      </c>
      <c r="E7995" t="s">
        <v>4916</v>
      </c>
      <c r="F7995" t="s">
        <v>4917</v>
      </c>
      <c r="G7995" t="s">
        <v>80</v>
      </c>
      <c r="H7995" t="s">
        <v>81</v>
      </c>
      <c r="I7995" s="2">
        <v>1</v>
      </c>
      <c r="J7995" s="2">
        <v>0</v>
      </c>
      <c r="K7995" s="2">
        <v>0</v>
      </c>
      <c r="L7995" t="s">
        <v>120</v>
      </c>
      <c r="M7995" t="s">
        <v>87</v>
      </c>
      <c r="N7995" t="s">
        <v>88</v>
      </c>
      <c r="O7995" t="s">
        <v>85</v>
      </c>
      <c r="P7995" t="s">
        <v>86</v>
      </c>
      <c r="Q7995">
        <v>16</v>
      </c>
      <c r="R7995">
        <v>16</v>
      </c>
      <c r="S7995">
        <v>16</v>
      </c>
      <c r="T7995">
        <v>16</v>
      </c>
      <c r="U7995">
        <v>16</v>
      </c>
      <c r="V7995">
        <v>16</v>
      </c>
      <c r="W7995">
        <v>16</v>
      </c>
      <c r="X7995">
        <v>16</v>
      </c>
      <c r="Y7995">
        <v>16</v>
      </c>
      <c r="Z7995">
        <v>16</v>
      </c>
      <c r="AA7995">
        <v>16</v>
      </c>
      <c r="AB7995">
        <v>16</v>
      </c>
      <c r="AC7995">
        <v>16</v>
      </c>
      <c r="AD7995">
        <v>16</v>
      </c>
      <c r="AE7995">
        <v>16</v>
      </c>
      <c r="AF7995">
        <v>16</v>
      </c>
      <c r="AG7995">
        <v>15</v>
      </c>
      <c r="AH7995">
        <v>15</v>
      </c>
      <c r="AI7995">
        <v>15</v>
      </c>
      <c r="AJ7995">
        <v>15</v>
      </c>
      <c r="AK7995">
        <v>15</v>
      </c>
      <c r="AL7995">
        <v>15</v>
      </c>
      <c r="AM7995">
        <v>15</v>
      </c>
      <c r="AN7995">
        <v>15</v>
      </c>
      <c r="AO7995">
        <v>15</v>
      </c>
      <c r="AP7995">
        <v>15</v>
      </c>
      <c r="AQ7995">
        <v>15</v>
      </c>
    </row>
    <row r="7996" spans="1:43">
      <c r="A7996" t="s">
        <v>5012</v>
      </c>
      <c r="B7996" t="s">
        <v>5013</v>
      </c>
      <c r="C7996" t="s">
        <v>5008</v>
      </c>
      <c r="D7996" t="s">
        <v>5009</v>
      </c>
      <c r="E7996" t="s">
        <v>4916</v>
      </c>
      <c r="F7996" t="s">
        <v>4917</v>
      </c>
      <c r="G7996" t="s">
        <v>80</v>
      </c>
      <c r="H7996" t="s">
        <v>81</v>
      </c>
      <c r="I7996" s="2">
        <v>1</v>
      </c>
      <c r="J7996" s="2">
        <v>0</v>
      </c>
      <c r="K7996" s="2">
        <v>0</v>
      </c>
      <c r="L7996" t="s">
        <v>120</v>
      </c>
      <c r="M7996" t="s">
        <v>89</v>
      </c>
      <c r="N7996" t="s">
        <v>90</v>
      </c>
      <c r="O7996" t="s">
        <v>85</v>
      </c>
      <c r="P7996" t="s">
        <v>86</v>
      </c>
      <c r="Q7996">
        <v>16</v>
      </c>
      <c r="R7996">
        <v>17</v>
      </c>
      <c r="S7996">
        <v>17</v>
      </c>
      <c r="T7996">
        <v>17</v>
      </c>
      <c r="U7996">
        <v>17</v>
      </c>
      <c r="V7996">
        <v>17</v>
      </c>
      <c r="W7996">
        <v>18</v>
      </c>
      <c r="X7996">
        <v>18</v>
      </c>
      <c r="Y7996">
        <v>18</v>
      </c>
      <c r="Z7996">
        <v>18</v>
      </c>
      <c r="AA7996">
        <v>18</v>
      </c>
      <c r="AB7996">
        <v>18</v>
      </c>
      <c r="AC7996">
        <v>18</v>
      </c>
      <c r="AD7996">
        <v>18</v>
      </c>
      <c r="AE7996">
        <v>18</v>
      </c>
      <c r="AF7996">
        <v>18</v>
      </c>
      <c r="AG7996">
        <v>18</v>
      </c>
      <c r="AH7996">
        <v>18</v>
      </c>
      <c r="AI7996">
        <v>18</v>
      </c>
      <c r="AJ7996">
        <v>18</v>
      </c>
      <c r="AK7996">
        <v>18</v>
      </c>
      <c r="AL7996">
        <v>18</v>
      </c>
      <c r="AM7996">
        <v>18</v>
      </c>
      <c r="AN7996">
        <v>18</v>
      </c>
      <c r="AO7996">
        <v>17</v>
      </c>
      <c r="AP7996">
        <v>17</v>
      </c>
      <c r="AQ7996">
        <v>17</v>
      </c>
    </row>
    <row r="7997" spans="1:43">
      <c r="A7997" t="s">
        <v>5012</v>
      </c>
      <c r="B7997" t="s">
        <v>5013</v>
      </c>
      <c r="C7997" t="s">
        <v>5008</v>
      </c>
      <c r="D7997" t="s">
        <v>5009</v>
      </c>
      <c r="E7997" t="s">
        <v>4916</v>
      </c>
      <c r="F7997" t="s">
        <v>4917</v>
      </c>
      <c r="G7997" t="s">
        <v>80</v>
      </c>
      <c r="H7997" t="s">
        <v>81</v>
      </c>
      <c r="I7997" s="2">
        <v>1</v>
      </c>
      <c r="J7997" s="2">
        <v>0</v>
      </c>
      <c r="K7997" s="2">
        <v>0</v>
      </c>
      <c r="L7997" t="s">
        <v>120</v>
      </c>
      <c r="M7997" t="s">
        <v>83</v>
      </c>
      <c r="N7997" t="s">
        <v>91</v>
      </c>
      <c r="O7997" t="s">
        <v>85</v>
      </c>
      <c r="P7997" t="s">
        <v>86</v>
      </c>
      <c r="Q7997">
        <v>16</v>
      </c>
      <c r="R7997">
        <v>16</v>
      </c>
      <c r="S7997">
        <v>16</v>
      </c>
      <c r="T7997">
        <v>16</v>
      </c>
      <c r="U7997">
        <v>17</v>
      </c>
      <c r="V7997">
        <v>17</v>
      </c>
      <c r="W7997">
        <v>17</v>
      </c>
      <c r="X7997">
        <v>17</v>
      </c>
      <c r="Y7997">
        <v>17</v>
      </c>
      <c r="Z7997">
        <v>17</v>
      </c>
      <c r="AA7997">
        <v>17</v>
      </c>
      <c r="AB7997">
        <v>17</v>
      </c>
      <c r="AC7997">
        <v>17</v>
      </c>
      <c r="AD7997">
        <v>17</v>
      </c>
      <c r="AE7997">
        <v>17</v>
      </c>
      <c r="AF7997">
        <v>17</v>
      </c>
      <c r="AG7997">
        <v>17</v>
      </c>
      <c r="AH7997">
        <v>18</v>
      </c>
      <c r="AI7997">
        <v>18</v>
      </c>
      <c r="AJ7997">
        <v>18</v>
      </c>
      <c r="AK7997">
        <v>18</v>
      </c>
      <c r="AL7997">
        <v>18</v>
      </c>
      <c r="AM7997">
        <v>18</v>
      </c>
      <c r="AN7997">
        <v>17</v>
      </c>
      <c r="AO7997">
        <v>17</v>
      </c>
      <c r="AP7997">
        <v>17</v>
      </c>
      <c r="AQ7997">
        <v>17</v>
      </c>
    </row>
    <row r="7998" spans="1:43">
      <c r="A7998" t="s">
        <v>5014</v>
      </c>
      <c r="B7998" t="s">
        <v>5015</v>
      </c>
      <c r="C7998" t="s">
        <v>5016</v>
      </c>
      <c r="D7998" t="s">
        <v>5017</v>
      </c>
      <c r="E7998" t="s">
        <v>4916</v>
      </c>
      <c r="F7998" t="s">
        <v>4917</v>
      </c>
      <c r="G7998" t="s">
        <v>80</v>
      </c>
      <c r="H7998" t="s">
        <v>81</v>
      </c>
      <c r="I7998" s="2">
        <v>1</v>
      </c>
      <c r="J7998" s="2">
        <v>0</v>
      </c>
      <c r="K7998" s="2">
        <v>0</v>
      </c>
      <c r="L7998" t="s">
        <v>120</v>
      </c>
      <c r="M7998" t="s">
        <v>83</v>
      </c>
      <c r="N7998" t="s">
        <v>84</v>
      </c>
      <c r="O7998" t="s">
        <v>85</v>
      </c>
      <c r="P7998" t="s">
        <v>86</v>
      </c>
      <c r="Q7998">
        <v>30</v>
      </c>
      <c r="R7998">
        <v>30</v>
      </c>
      <c r="S7998">
        <v>30</v>
      </c>
      <c r="T7998">
        <v>30</v>
      </c>
      <c r="U7998">
        <v>30</v>
      </c>
      <c r="V7998">
        <v>31</v>
      </c>
      <c r="W7998">
        <v>31</v>
      </c>
      <c r="X7998">
        <v>31</v>
      </c>
      <c r="Y7998">
        <v>31</v>
      </c>
      <c r="Z7998">
        <v>31</v>
      </c>
      <c r="AA7998">
        <v>31</v>
      </c>
      <c r="AB7998">
        <v>31</v>
      </c>
      <c r="AC7998">
        <v>32</v>
      </c>
      <c r="AD7998">
        <v>32</v>
      </c>
      <c r="AE7998">
        <v>32</v>
      </c>
      <c r="AF7998">
        <v>32</v>
      </c>
      <c r="AG7998">
        <v>32</v>
      </c>
      <c r="AH7998">
        <v>32</v>
      </c>
      <c r="AI7998">
        <v>32</v>
      </c>
      <c r="AJ7998">
        <v>32</v>
      </c>
      <c r="AK7998">
        <v>32</v>
      </c>
      <c r="AL7998">
        <v>32</v>
      </c>
      <c r="AM7998">
        <v>32</v>
      </c>
      <c r="AN7998">
        <v>32</v>
      </c>
      <c r="AO7998">
        <v>32</v>
      </c>
      <c r="AP7998">
        <v>31</v>
      </c>
      <c r="AQ7998">
        <v>31</v>
      </c>
    </row>
    <row r="7999" spans="1:43">
      <c r="A7999" t="s">
        <v>5014</v>
      </c>
      <c r="B7999" t="s">
        <v>5015</v>
      </c>
      <c r="C7999" t="s">
        <v>5016</v>
      </c>
      <c r="D7999" t="s">
        <v>5017</v>
      </c>
      <c r="E7999" t="s">
        <v>4916</v>
      </c>
      <c r="F7999" t="s">
        <v>4917</v>
      </c>
      <c r="G7999" t="s">
        <v>80</v>
      </c>
      <c r="H7999" t="s">
        <v>81</v>
      </c>
      <c r="I7999" s="2">
        <v>1</v>
      </c>
      <c r="J7999" s="2">
        <v>0</v>
      </c>
      <c r="K7999" s="2">
        <v>0</v>
      </c>
      <c r="L7999" t="s">
        <v>120</v>
      </c>
      <c r="M7999" t="s">
        <v>87</v>
      </c>
      <c r="N7999" t="s">
        <v>88</v>
      </c>
      <c r="O7999" t="s">
        <v>85</v>
      </c>
      <c r="P7999" t="s">
        <v>86</v>
      </c>
      <c r="Q7999">
        <v>30</v>
      </c>
      <c r="R7999">
        <v>30</v>
      </c>
      <c r="S7999">
        <v>30</v>
      </c>
      <c r="T7999">
        <v>30</v>
      </c>
      <c r="U7999">
        <v>30</v>
      </c>
      <c r="V7999">
        <v>30</v>
      </c>
      <c r="W7999">
        <v>30</v>
      </c>
      <c r="X7999">
        <v>30</v>
      </c>
      <c r="Y7999">
        <v>30</v>
      </c>
      <c r="Z7999">
        <v>30</v>
      </c>
      <c r="AA7999">
        <v>30</v>
      </c>
      <c r="AB7999">
        <v>30</v>
      </c>
      <c r="AC7999">
        <v>29</v>
      </c>
      <c r="AD7999">
        <v>29</v>
      </c>
      <c r="AE7999">
        <v>29</v>
      </c>
      <c r="AF7999">
        <v>29</v>
      </c>
      <c r="AG7999">
        <v>29</v>
      </c>
      <c r="AH7999">
        <v>29</v>
      </c>
      <c r="AI7999">
        <v>29</v>
      </c>
      <c r="AJ7999">
        <v>29</v>
      </c>
      <c r="AK7999">
        <v>29</v>
      </c>
      <c r="AL7999">
        <v>29</v>
      </c>
      <c r="AM7999">
        <v>29</v>
      </c>
      <c r="AN7999">
        <v>29</v>
      </c>
      <c r="AO7999">
        <v>28</v>
      </c>
      <c r="AP7999">
        <v>28</v>
      </c>
      <c r="AQ7999">
        <v>28</v>
      </c>
    </row>
    <row r="8000" spans="1:43">
      <c r="A8000" t="s">
        <v>5014</v>
      </c>
      <c r="B8000" t="s">
        <v>5015</v>
      </c>
      <c r="C8000" t="s">
        <v>5016</v>
      </c>
      <c r="D8000" t="s">
        <v>5017</v>
      </c>
      <c r="E8000" t="s">
        <v>4916</v>
      </c>
      <c r="F8000" t="s">
        <v>4917</v>
      </c>
      <c r="G8000" t="s">
        <v>80</v>
      </c>
      <c r="H8000" t="s">
        <v>81</v>
      </c>
      <c r="I8000" s="2">
        <v>1</v>
      </c>
      <c r="J8000" s="2">
        <v>0</v>
      </c>
      <c r="K8000" s="2">
        <v>0</v>
      </c>
      <c r="L8000" t="s">
        <v>120</v>
      </c>
      <c r="M8000" t="s">
        <v>89</v>
      </c>
      <c r="N8000" t="s">
        <v>90</v>
      </c>
      <c r="O8000" t="s">
        <v>85</v>
      </c>
      <c r="P8000" t="s">
        <v>86</v>
      </c>
      <c r="Q8000">
        <v>30</v>
      </c>
      <c r="R8000">
        <v>30</v>
      </c>
      <c r="S8000">
        <v>31</v>
      </c>
      <c r="T8000">
        <v>31</v>
      </c>
      <c r="U8000">
        <v>32</v>
      </c>
      <c r="V8000">
        <v>32</v>
      </c>
      <c r="W8000">
        <v>32</v>
      </c>
      <c r="X8000">
        <v>33</v>
      </c>
      <c r="Y8000">
        <v>33</v>
      </c>
      <c r="Z8000">
        <v>33</v>
      </c>
      <c r="AA8000">
        <v>33</v>
      </c>
      <c r="AB8000">
        <v>33</v>
      </c>
      <c r="AC8000">
        <v>34</v>
      </c>
      <c r="AD8000">
        <v>34</v>
      </c>
      <c r="AE8000">
        <v>34</v>
      </c>
      <c r="AF8000">
        <v>34</v>
      </c>
      <c r="AG8000">
        <v>33</v>
      </c>
      <c r="AH8000">
        <v>33</v>
      </c>
      <c r="AI8000">
        <v>33</v>
      </c>
      <c r="AJ8000">
        <v>33</v>
      </c>
      <c r="AK8000">
        <v>33</v>
      </c>
      <c r="AL8000">
        <v>32</v>
      </c>
      <c r="AM8000">
        <v>32</v>
      </c>
      <c r="AN8000">
        <v>32</v>
      </c>
      <c r="AO8000">
        <v>32</v>
      </c>
      <c r="AP8000">
        <v>32</v>
      </c>
      <c r="AQ8000">
        <v>31</v>
      </c>
    </row>
    <row r="8001" spans="1:43">
      <c r="A8001" t="s">
        <v>5014</v>
      </c>
      <c r="B8001" t="s">
        <v>5015</v>
      </c>
      <c r="C8001" t="s">
        <v>5016</v>
      </c>
      <c r="D8001" t="s">
        <v>5017</v>
      </c>
      <c r="E8001" t="s">
        <v>4916</v>
      </c>
      <c r="F8001" t="s">
        <v>4917</v>
      </c>
      <c r="G8001" t="s">
        <v>80</v>
      </c>
      <c r="H8001" t="s">
        <v>81</v>
      </c>
      <c r="I8001" s="2">
        <v>1</v>
      </c>
      <c r="J8001" s="2">
        <v>0</v>
      </c>
      <c r="K8001" s="2">
        <v>0</v>
      </c>
      <c r="L8001" t="s">
        <v>120</v>
      </c>
      <c r="M8001" t="s">
        <v>83</v>
      </c>
      <c r="N8001" t="s">
        <v>91</v>
      </c>
      <c r="O8001" t="s">
        <v>85</v>
      </c>
      <c r="P8001" t="s">
        <v>86</v>
      </c>
      <c r="Q8001">
        <v>30</v>
      </c>
      <c r="R8001">
        <v>30</v>
      </c>
      <c r="S8001">
        <v>30</v>
      </c>
      <c r="T8001">
        <v>30</v>
      </c>
      <c r="U8001">
        <v>30</v>
      </c>
      <c r="V8001">
        <v>31</v>
      </c>
      <c r="W8001">
        <v>31</v>
      </c>
      <c r="X8001">
        <v>31</v>
      </c>
      <c r="Y8001">
        <v>31</v>
      </c>
      <c r="Z8001">
        <v>31</v>
      </c>
      <c r="AA8001">
        <v>31</v>
      </c>
      <c r="AB8001">
        <v>31</v>
      </c>
      <c r="AC8001">
        <v>32</v>
      </c>
      <c r="AD8001">
        <v>32</v>
      </c>
      <c r="AE8001">
        <v>32</v>
      </c>
      <c r="AF8001">
        <v>32</v>
      </c>
      <c r="AG8001">
        <v>32</v>
      </c>
      <c r="AH8001">
        <v>32</v>
      </c>
      <c r="AI8001">
        <v>32</v>
      </c>
      <c r="AJ8001">
        <v>32</v>
      </c>
      <c r="AK8001">
        <v>32</v>
      </c>
      <c r="AL8001">
        <v>32</v>
      </c>
      <c r="AM8001">
        <v>32</v>
      </c>
      <c r="AN8001">
        <v>32</v>
      </c>
      <c r="AO8001">
        <v>32</v>
      </c>
      <c r="AP8001">
        <v>31</v>
      </c>
      <c r="AQ8001">
        <v>31</v>
      </c>
    </row>
    <row r="8002" spans="1:43">
      <c r="A8002" t="s">
        <v>5018</v>
      </c>
      <c r="B8002" t="s">
        <v>5019</v>
      </c>
      <c r="C8002" t="s">
        <v>5008</v>
      </c>
      <c r="D8002" t="s">
        <v>5009</v>
      </c>
      <c r="E8002" t="s">
        <v>4916</v>
      </c>
      <c r="F8002" t="s">
        <v>4917</v>
      </c>
      <c r="G8002" t="s">
        <v>80</v>
      </c>
      <c r="H8002" t="s">
        <v>81</v>
      </c>
      <c r="I8002" s="2">
        <v>1</v>
      </c>
      <c r="J8002" s="2">
        <v>0</v>
      </c>
      <c r="K8002" s="2">
        <v>0</v>
      </c>
      <c r="L8002" t="s">
        <v>120</v>
      </c>
      <c r="M8002" t="s">
        <v>83</v>
      </c>
      <c r="N8002" t="s">
        <v>84</v>
      </c>
      <c r="O8002" t="s">
        <v>85</v>
      </c>
      <c r="P8002" t="s">
        <v>86</v>
      </c>
      <c r="Q8002">
        <v>27</v>
      </c>
      <c r="R8002">
        <v>28</v>
      </c>
      <c r="S8002">
        <v>28</v>
      </c>
      <c r="T8002">
        <v>28</v>
      </c>
      <c r="U8002">
        <v>28</v>
      </c>
      <c r="V8002">
        <v>28</v>
      </c>
      <c r="W8002">
        <v>29</v>
      </c>
      <c r="X8002">
        <v>29</v>
      </c>
      <c r="Y8002">
        <v>29</v>
      </c>
      <c r="Z8002">
        <v>29</v>
      </c>
      <c r="AA8002">
        <v>29</v>
      </c>
      <c r="AB8002">
        <v>29</v>
      </c>
      <c r="AC8002">
        <v>29</v>
      </c>
      <c r="AD8002">
        <v>29</v>
      </c>
      <c r="AE8002">
        <v>30</v>
      </c>
      <c r="AF8002">
        <v>30</v>
      </c>
      <c r="AG8002">
        <v>30</v>
      </c>
      <c r="AH8002">
        <v>30</v>
      </c>
      <c r="AI8002">
        <v>30</v>
      </c>
      <c r="AJ8002">
        <v>30</v>
      </c>
      <c r="AK8002">
        <v>30</v>
      </c>
      <c r="AL8002">
        <v>30</v>
      </c>
      <c r="AM8002">
        <v>30</v>
      </c>
      <c r="AN8002">
        <v>30</v>
      </c>
      <c r="AO8002">
        <v>29</v>
      </c>
      <c r="AP8002">
        <v>29</v>
      </c>
      <c r="AQ8002">
        <v>29</v>
      </c>
    </row>
    <row r="8003" spans="1:43">
      <c r="A8003" t="s">
        <v>5018</v>
      </c>
      <c r="B8003" t="s">
        <v>5019</v>
      </c>
      <c r="C8003" t="s">
        <v>5008</v>
      </c>
      <c r="D8003" t="s">
        <v>5009</v>
      </c>
      <c r="E8003" t="s">
        <v>4916</v>
      </c>
      <c r="F8003" t="s">
        <v>4917</v>
      </c>
      <c r="G8003" t="s">
        <v>80</v>
      </c>
      <c r="H8003" t="s">
        <v>81</v>
      </c>
      <c r="I8003" s="2">
        <v>1</v>
      </c>
      <c r="J8003" s="2">
        <v>0</v>
      </c>
      <c r="K8003" s="2">
        <v>0</v>
      </c>
      <c r="L8003" t="s">
        <v>120</v>
      </c>
      <c r="M8003" t="s">
        <v>87</v>
      </c>
      <c r="N8003" t="s">
        <v>88</v>
      </c>
      <c r="O8003" t="s">
        <v>85</v>
      </c>
      <c r="P8003" t="s">
        <v>86</v>
      </c>
      <c r="Q8003">
        <v>27</v>
      </c>
      <c r="R8003">
        <v>27</v>
      </c>
      <c r="S8003">
        <v>27</v>
      </c>
      <c r="T8003">
        <v>27</v>
      </c>
      <c r="U8003">
        <v>27</v>
      </c>
      <c r="V8003">
        <v>27</v>
      </c>
      <c r="W8003">
        <v>27</v>
      </c>
      <c r="X8003">
        <v>27</v>
      </c>
      <c r="Y8003">
        <v>27</v>
      </c>
      <c r="Z8003">
        <v>27</v>
      </c>
      <c r="AA8003">
        <v>27</v>
      </c>
      <c r="AB8003">
        <v>27</v>
      </c>
      <c r="AC8003">
        <v>27</v>
      </c>
      <c r="AD8003">
        <v>26</v>
      </c>
      <c r="AE8003">
        <v>26</v>
      </c>
      <c r="AF8003">
        <v>26</v>
      </c>
      <c r="AG8003">
        <v>26</v>
      </c>
      <c r="AH8003">
        <v>26</v>
      </c>
      <c r="AI8003">
        <v>26</v>
      </c>
      <c r="AJ8003">
        <v>26</v>
      </c>
      <c r="AK8003">
        <v>26</v>
      </c>
      <c r="AL8003">
        <v>26</v>
      </c>
      <c r="AM8003">
        <v>26</v>
      </c>
      <c r="AN8003">
        <v>26</v>
      </c>
      <c r="AO8003">
        <v>26</v>
      </c>
      <c r="AP8003">
        <v>26</v>
      </c>
      <c r="AQ8003">
        <v>26</v>
      </c>
    </row>
    <row r="8004" spans="1:43">
      <c r="A8004" t="s">
        <v>5018</v>
      </c>
      <c r="B8004" t="s">
        <v>5019</v>
      </c>
      <c r="C8004" t="s">
        <v>5008</v>
      </c>
      <c r="D8004" t="s">
        <v>5009</v>
      </c>
      <c r="E8004" t="s">
        <v>4916</v>
      </c>
      <c r="F8004" t="s">
        <v>4917</v>
      </c>
      <c r="G8004" t="s">
        <v>80</v>
      </c>
      <c r="H8004" t="s">
        <v>81</v>
      </c>
      <c r="I8004" s="2">
        <v>1</v>
      </c>
      <c r="J8004" s="2">
        <v>0</v>
      </c>
      <c r="K8004" s="2">
        <v>0</v>
      </c>
      <c r="L8004" t="s">
        <v>120</v>
      </c>
      <c r="M8004" t="s">
        <v>89</v>
      </c>
      <c r="N8004" t="s">
        <v>90</v>
      </c>
      <c r="O8004" t="s">
        <v>85</v>
      </c>
      <c r="P8004" t="s">
        <v>86</v>
      </c>
      <c r="Q8004">
        <v>27</v>
      </c>
      <c r="R8004">
        <v>27</v>
      </c>
      <c r="S8004">
        <v>27</v>
      </c>
      <c r="T8004">
        <v>28</v>
      </c>
      <c r="U8004">
        <v>28</v>
      </c>
      <c r="V8004">
        <v>29</v>
      </c>
      <c r="W8004">
        <v>29</v>
      </c>
      <c r="X8004">
        <v>29</v>
      </c>
      <c r="Y8004">
        <v>29</v>
      </c>
      <c r="Z8004">
        <v>30</v>
      </c>
      <c r="AA8004">
        <v>30</v>
      </c>
      <c r="AB8004">
        <v>30</v>
      </c>
      <c r="AC8004">
        <v>30</v>
      </c>
      <c r="AD8004">
        <v>30</v>
      </c>
      <c r="AE8004">
        <v>30</v>
      </c>
      <c r="AF8004">
        <v>30</v>
      </c>
      <c r="AG8004">
        <v>30</v>
      </c>
      <c r="AH8004">
        <v>30</v>
      </c>
      <c r="AI8004">
        <v>30</v>
      </c>
      <c r="AJ8004">
        <v>30</v>
      </c>
      <c r="AK8004">
        <v>29</v>
      </c>
      <c r="AL8004">
        <v>29</v>
      </c>
      <c r="AM8004">
        <v>29</v>
      </c>
      <c r="AN8004">
        <v>29</v>
      </c>
      <c r="AO8004">
        <v>29</v>
      </c>
      <c r="AP8004">
        <v>29</v>
      </c>
      <c r="AQ8004">
        <v>28</v>
      </c>
    </row>
    <row r="8005" spans="1:43">
      <c r="A8005" t="s">
        <v>5018</v>
      </c>
      <c r="B8005" t="s">
        <v>5019</v>
      </c>
      <c r="C8005" t="s">
        <v>5008</v>
      </c>
      <c r="D8005" t="s">
        <v>5009</v>
      </c>
      <c r="E8005" t="s">
        <v>4916</v>
      </c>
      <c r="F8005" t="s">
        <v>4917</v>
      </c>
      <c r="G8005" t="s">
        <v>80</v>
      </c>
      <c r="H8005" t="s">
        <v>81</v>
      </c>
      <c r="I8005" s="2">
        <v>1</v>
      </c>
      <c r="J8005" s="2">
        <v>0</v>
      </c>
      <c r="K8005" s="2">
        <v>0</v>
      </c>
      <c r="L8005" t="s">
        <v>120</v>
      </c>
      <c r="M8005" t="s">
        <v>83</v>
      </c>
      <c r="N8005" t="s">
        <v>91</v>
      </c>
      <c r="O8005" t="s">
        <v>85</v>
      </c>
      <c r="P8005" t="s">
        <v>86</v>
      </c>
      <c r="Q8005">
        <v>27</v>
      </c>
      <c r="R8005">
        <v>28</v>
      </c>
      <c r="S8005">
        <v>28</v>
      </c>
      <c r="T8005">
        <v>28</v>
      </c>
      <c r="U8005">
        <v>28</v>
      </c>
      <c r="V8005">
        <v>28</v>
      </c>
      <c r="W8005">
        <v>29</v>
      </c>
      <c r="X8005">
        <v>29</v>
      </c>
      <c r="Y8005">
        <v>29</v>
      </c>
      <c r="Z8005">
        <v>29</v>
      </c>
      <c r="AA8005">
        <v>29</v>
      </c>
      <c r="AB8005">
        <v>29</v>
      </c>
      <c r="AC8005">
        <v>29</v>
      </c>
      <c r="AD8005">
        <v>29</v>
      </c>
      <c r="AE8005">
        <v>30</v>
      </c>
      <c r="AF8005">
        <v>30</v>
      </c>
      <c r="AG8005">
        <v>30</v>
      </c>
      <c r="AH8005">
        <v>30</v>
      </c>
      <c r="AI8005">
        <v>30</v>
      </c>
      <c r="AJ8005">
        <v>30</v>
      </c>
      <c r="AK8005">
        <v>30</v>
      </c>
      <c r="AL8005">
        <v>30</v>
      </c>
      <c r="AM8005">
        <v>30</v>
      </c>
      <c r="AN8005">
        <v>30</v>
      </c>
      <c r="AO8005">
        <v>29</v>
      </c>
      <c r="AP8005">
        <v>29</v>
      </c>
      <c r="AQ8005">
        <v>29</v>
      </c>
    </row>
    <row r="8006" spans="1:43">
      <c r="A8006" t="s">
        <v>5020</v>
      </c>
      <c r="B8006" t="s">
        <v>5021</v>
      </c>
      <c r="C8006" t="s">
        <v>5016</v>
      </c>
      <c r="D8006" t="s">
        <v>5017</v>
      </c>
      <c r="E8006" t="s">
        <v>4916</v>
      </c>
      <c r="F8006" t="s">
        <v>4917</v>
      </c>
      <c r="G8006" t="s">
        <v>80</v>
      </c>
      <c r="H8006" t="s">
        <v>81</v>
      </c>
      <c r="I8006" s="2">
        <v>1</v>
      </c>
      <c r="J8006" s="2">
        <v>0</v>
      </c>
      <c r="K8006" s="2">
        <v>0</v>
      </c>
      <c r="L8006" t="s">
        <v>120</v>
      </c>
      <c r="M8006" t="s">
        <v>83</v>
      </c>
      <c r="N8006" t="s">
        <v>84</v>
      </c>
      <c r="O8006" t="s">
        <v>85</v>
      </c>
      <c r="P8006" t="s">
        <v>86</v>
      </c>
      <c r="Q8006">
        <v>42</v>
      </c>
      <c r="R8006">
        <v>42</v>
      </c>
      <c r="S8006">
        <v>43</v>
      </c>
      <c r="T8006">
        <v>43</v>
      </c>
      <c r="U8006">
        <v>43</v>
      </c>
      <c r="V8006">
        <v>44</v>
      </c>
      <c r="W8006">
        <v>44</v>
      </c>
      <c r="X8006">
        <v>44</v>
      </c>
      <c r="Y8006">
        <v>44</v>
      </c>
      <c r="Z8006">
        <v>44</v>
      </c>
      <c r="AA8006">
        <v>45</v>
      </c>
      <c r="AB8006">
        <v>45</v>
      </c>
      <c r="AC8006">
        <v>45</v>
      </c>
      <c r="AD8006">
        <v>45</v>
      </c>
      <c r="AE8006">
        <v>45</v>
      </c>
      <c r="AF8006">
        <v>46</v>
      </c>
      <c r="AG8006">
        <v>46</v>
      </c>
      <c r="AH8006">
        <v>46</v>
      </c>
      <c r="AI8006">
        <v>46</v>
      </c>
      <c r="AJ8006">
        <v>46</v>
      </c>
      <c r="AK8006">
        <v>46</v>
      </c>
      <c r="AL8006">
        <v>46</v>
      </c>
      <c r="AM8006">
        <v>46</v>
      </c>
      <c r="AN8006">
        <v>46</v>
      </c>
      <c r="AO8006">
        <v>45</v>
      </c>
      <c r="AP8006">
        <v>45</v>
      </c>
      <c r="AQ8006">
        <v>45</v>
      </c>
    </row>
    <row r="8007" spans="1:43">
      <c r="A8007" t="s">
        <v>5020</v>
      </c>
      <c r="B8007" t="s">
        <v>5021</v>
      </c>
      <c r="C8007" t="s">
        <v>5016</v>
      </c>
      <c r="D8007" t="s">
        <v>5017</v>
      </c>
      <c r="E8007" t="s">
        <v>4916</v>
      </c>
      <c r="F8007" t="s">
        <v>4917</v>
      </c>
      <c r="G8007" t="s">
        <v>80</v>
      </c>
      <c r="H8007" t="s">
        <v>81</v>
      </c>
      <c r="I8007" s="2">
        <v>1</v>
      </c>
      <c r="J8007" s="2">
        <v>0</v>
      </c>
      <c r="K8007" s="2">
        <v>0</v>
      </c>
      <c r="L8007" t="s">
        <v>120</v>
      </c>
      <c r="M8007" t="s">
        <v>87</v>
      </c>
      <c r="N8007" t="s">
        <v>88</v>
      </c>
      <c r="O8007" t="s">
        <v>85</v>
      </c>
      <c r="P8007" t="s">
        <v>86</v>
      </c>
      <c r="Q8007">
        <v>42</v>
      </c>
      <c r="R8007">
        <v>42</v>
      </c>
      <c r="S8007">
        <v>42</v>
      </c>
      <c r="T8007">
        <v>41</v>
      </c>
      <c r="U8007">
        <v>41</v>
      </c>
      <c r="V8007">
        <v>41</v>
      </c>
      <c r="W8007">
        <v>41</v>
      </c>
      <c r="X8007">
        <v>41</v>
      </c>
      <c r="Y8007">
        <v>41</v>
      </c>
      <c r="Z8007">
        <v>41</v>
      </c>
      <c r="AA8007">
        <v>41</v>
      </c>
      <c r="AB8007">
        <v>41</v>
      </c>
      <c r="AC8007">
        <v>41</v>
      </c>
      <c r="AD8007">
        <v>40</v>
      </c>
      <c r="AE8007">
        <v>40</v>
      </c>
      <c r="AF8007">
        <v>40</v>
      </c>
      <c r="AG8007">
        <v>40</v>
      </c>
      <c r="AH8007">
        <v>40</v>
      </c>
      <c r="AI8007">
        <v>40</v>
      </c>
      <c r="AJ8007">
        <v>40</v>
      </c>
      <c r="AK8007">
        <v>40</v>
      </c>
      <c r="AL8007">
        <v>40</v>
      </c>
      <c r="AM8007">
        <v>40</v>
      </c>
      <c r="AN8007">
        <v>39</v>
      </c>
      <c r="AO8007">
        <v>39</v>
      </c>
      <c r="AP8007">
        <v>39</v>
      </c>
      <c r="AQ8007">
        <v>39</v>
      </c>
    </row>
    <row r="8008" spans="1:43">
      <c r="A8008" t="s">
        <v>5020</v>
      </c>
      <c r="B8008" t="s">
        <v>5021</v>
      </c>
      <c r="C8008" t="s">
        <v>5016</v>
      </c>
      <c r="D8008" t="s">
        <v>5017</v>
      </c>
      <c r="E8008" t="s">
        <v>4916</v>
      </c>
      <c r="F8008" t="s">
        <v>4917</v>
      </c>
      <c r="G8008" t="s">
        <v>80</v>
      </c>
      <c r="H8008" t="s">
        <v>81</v>
      </c>
      <c r="I8008" s="2">
        <v>1</v>
      </c>
      <c r="J8008" s="2">
        <v>0</v>
      </c>
      <c r="K8008" s="2">
        <v>0</v>
      </c>
      <c r="L8008" t="s">
        <v>120</v>
      </c>
      <c r="M8008" t="s">
        <v>89</v>
      </c>
      <c r="N8008" t="s">
        <v>90</v>
      </c>
      <c r="O8008" t="s">
        <v>85</v>
      </c>
      <c r="P8008" t="s">
        <v>86</v>
      </c>
      <c r="Q8008">
        <v>42</v>
      </c>
      <c r="R8008">
        <v>42</v>
      </c>
      <c r="S8008">
        <v>43</v>
      </c>
      <c r="T8008">
        <v>43</v>
      </c>
      <c r="U8008">
        <v>44</v>
      </c>
      <c r="V8008">
        <v>44</v>
      </c>
      <c r="W8008">
        <v>45</v>
      </c>
      <c r="X8008">
        <v>45</v>
      </c>
      <c r="Y8008">
        <v>46</v>
      </c>
      <c r="Z8008">
        <v>46</v>
      </c>
      <c r="AA8008">
        <v>46</v>
      </c>
      <c r="AB8008">
        <v>47</v>
      </c>
      <c r="AC8008">
        <v>47</v>
      </c>
      <c r="AD8008">
        <v>47</v>
      </c>
      <c r="AE8008">
        <v>48</v>
      </c>
      <c r="AF8008">
        <v>47</v>
      </c>
      <c r="AG8008">
        <v>47</v>
      </c>
      <c r="AH8008">
        <v>47</v>
      </c>
      <c r="AI8008">
        <v>46</v>
      </c>
      <c r="AJ8008">
        <v>46</v>
      </c>
      <c r="AK8008">
        <v>46</v>
      </c>
      <c r="AL8008">
        <v>46</v>
      </c>
      <c r="AM8008">
        <v>45</v>
      </c>
      <c r="AN8008">
        <v>45</v>
      </c>
      <c r="AO8008">
        <v>45</v>
      </c>
      <c r="AP8008">
        <v>45</v>
      </c>
      <c r="AQ8008">
        <v>44</v>
      </c>
    </row>
    <row r="8009" spans="1:43">
      <c r="A8009" t="s">
        <v>5020</v>
      </c>
      <c r="B8009" t="s">
        <v>5021</v>
      </c>
      <c r="C8009" t="s">
        <v>5016</v>
      </c>
      <c r="D8009" t="s">
        <v>5017</v>
      </c>
      <c r="E8009" t="s">
        <v>4916</v>
      </c>
      <c r="F8009" t="s">
        <v>4917</v>
      </c>
      <c r="G8009" t="s">
        <v>80</v>
      </c>
      <c r="H8009" t="s">
        <v>81</v>
      </c>
      <c r="I8009" s="2">
        <v>1</v>
      </c>
      <c r="J8009" s="2">
        <v>0</v>
      </c>
      <c r="K8009" s="2">
        <v>0</v>
      </c>
      <c r="L8009" t="s">
        <v>120</v>
      </c>
      <c r="M8009" t="s">
        <v>83</v>
      </c>
      <c r="N8009" t="s">
        <v>91</v>
      </c>
      <c r="O8009" t="s">
        <v>85</v>
      </c>
      <c r="P8009" t="s">
        <v>86</v>
      </c>
      <c r="Q8009">
        <v>42</v>
      </c>
      <c r="R8009">
        <v>42</v>
      </c>
      <c r="S8009">
        <v>43</v>
      </c>
      <c r="T8009">
        <v>43</v>
      </c>
      <c r="U8009">
        <v>43</v>
      </c>
      <c r="V8009">
        <v>44</v>
      </c>
      <c r="W8009">
        <v>44</v>
      </c>
      <c r="X8009">
        <v>44</v>
      </c>
      <c r="Y8009">
        <v>44</v>
      </c>
      <c r="Z8009">
        <v>44</v>
      </c>
      <c r="AA8009">
        <v>45</v>
      </c>
      <c r="AB8009">
        <v>45</v>
      </c>
      <c r="AC8009">
        <v>45</v>
      </c>
      <c r="AD8009">
        <v>45</v>
      </c>
      <c r="AE8009">
        <v>45</v>
      </c>
      <c r="AF8009">
        <v>46</v>
      </c>
      <c r="AG8009">
        <v>46</v>
      </c>
      <c r="AH8009">
        <v>46</v>
      </c>
      <c r="AI8009">
        <v>46</v>
      </c>
      <c r="AJ8009">
        <v>46</v>
      </c>
      <c r="AK8009">
        <v>46</v>
      </c>
      <c r="AL8009">
        <v>46</v>
      </c>
      <c r="AM8009">
        <v>46</v>
      </c>
      <c r="AN8009">
        <v>46</v>
      </c>
      <c r="AO8009">
        <v>45</v>
      </c>
      <c r="AP8009">
        <v>45</v>
      </c>
      <c r="AQ8009">
        <v>45</v>
      </c>
    </row>
    <row r="8010" spans="1:43">
      <c r="A8010" t="s">
        <v>5022</v>
      </c>
      <c r="B8010" t="s">
        <v>5023</v>
      </c>
      <c r="C8010" t="s">
        <v>5008</v>
      </c>
      <c r="D8010" t="s">
        <v>5009</v>
      </c>
      <c r="E8010" t="s">
        <v>4916</v>
      </c>
      <c r="F8010" t="s">
        <v>4917</v>
      </c>
      <c r="G8010" t="s">
        <v>80</v>
      </c>
      <c r="H8010" t="s">
        <v>81</v>
      </c>
      <c r="I8010" s="2">
        <v>1</v>
      </c>
      <c r="J8010" s="2">
        <v>0</v>
      </c>
      <c r="K8010" s="2">
        <v>0</v>
      </c>
      <c r="L8010" t="s">
        <v>120</v>
      </c>
      <c r="M8010" t="s">
        <v>83</v>
      </c>
      <c r="N8010" t="s">
        <v>84</v>
      </c>
      <c r="O8010" t="s">
        <v>85</v>
      </c>
      <c r="P8010" t="s">
        <v>86</v>
      </c>
      <c r="Q8010">
        <v>27</v>
      </c>
      <c r="R8010">
        <v>27</v>
      </c>
      <c r="S8010">
        <v>27</v>
      </c>
      <c r="T8010">
        <v>27</v>
      </c>
      <c r="U8010">
        <v>28</v>
      </c>
      <c r="V8010">
        <v>28</v>
      </c>
      <c r="W8010">
        <v>28</v>
      </c>
      <c r="X8010">
        <v>28</v>
      </c>
      <c r="Y8010">
        <v>28</v>
      </c>
      <c r="Z8010">
        <v>28</v>
      </c>
      <c r="AA8010">
        <v>28</v>
      </c>
      <c r="AB8010">
        <v>29</v>
      </c>
      <c r="AC8010">
        <v>29</v>
      </c>
      <c r="AD8010">
        <v>29</v>
      </c>
      <c r="AE8010">
        <v>29</v>
      </c>
      <c r="AF8010">
        <v>29</v>
      </c>
      <c r="AG8010">
        <v>29</v>
      </c>
      <c r="AH8010">
        <v>29</v>
      </c>
      <c r="AI8010">
        <v>29</v>
      </c>
      <c r="AJ8010">
        <v>29</v>
      </c>
      <c r="AK8010">
        <v>29</v>
      </c>
      <c r="AL8010">
        <v>29</v>
      </c>
      <c r="AM8010">
        <v>29</v>
      </c>
      <c r="AN8010">
        <v>29</v>
      </c>
      <c r="AO8010">
        <v>29</v>
      </c>
      <c r="AP8010">
        <v>29</v>
      </c>
      <c r="AQ8010">
        <v>29</v>
      </c>
    </row>
    <row r="8011" spans="1:43">
      <c r="A8011" t="s">
        <v>5022</v>
      </c>
      <c r="B8011" t="s">
        <v>5023</v>
      </c>
      <c r="C8011" t="s">
        <v>5008</v>
      </c>
      <c r="D8011" t="s">
        <v>5009</v>
      </c>
      <c r="E8011" t="s">
        <v>4916</v>
      </c>
      <c r="F8011" t="s">
        <v>4917</v>
      </c>
      <c r="G8011" t="s">
        <v>80</v>
      </c>
      <c r="H8011" t="s">
        <v>81</v>
      </c>
      <c r="I8011" s="2">
        <v>1</v>
      </c>
      <c r="J8011" s="2">
        <v>0</v>
      </c>
      <c r="K8011" s="2">
        <v>0</v>
      </c>
      <c r="L8011" t="s">
        <v>120</v>
      </c>
      <c r="M8011" t="s">
        <v>87</v>
      </c>
      <c r="N8011" t="s">
        <v>88</v>
      </c>
      <c r="O8011" t="s">
        <v>85</v>
      </c>
      <c r="P8011" t="s">
        <v>86</v>
      </c>
      <c r="Q8011">
        <v>27</v>
      </c>
      <c r="R8011">
        <v>26</v>
      </c>
      <c r="S8011">
        <v>26</v>
      </c>
      <c r="T8011">
        <v>26</v>
      </c>
      <c r="U8011">
        <v>26</v>
      </c>
      <c r="V8011">
        <v>26</v>
      </c>
      <c r="W8011">
        <v>26</v>
      </c>
      <c r="X8011">
        <v>26</v>
      </c>
      <c r="Y8011">
        <v>26</v>
      </c>
      <c r="Z8011">
        <v>26</v>
      </c>
      <c r="AA8011">
        <v>26</v>
      </c>
      <c r="AB8011">
        <v>26</v>
      </c>
      <c r="AC8011">
        <v>26</v>
      </c>
      <c r="AD8011">
        <v>26</v>
      </c>
      <c r="AE8011">
        <v>26</v>
      </c>
      <c r="AF8011">
        <v>26</v>
      </c>
      <c r="AG8011">
        <v>26</v>
      </c>
      <c r="AH8011">
        <v>26</v>
      </c>
      <c r="AI8011">
        <v>26</v>
      </c>
      <c r="AJ8011">
        <v>26</v>
      </c>
      <c r="AK8011">
        <v>26</v>
      </c>
      <c r="AL8011">
        <v>26</v>
      </c>
      <c r="AM8011">
        <v>25</v>
      </c>
      <c r="AN8011">
        <v>25</v>
      </c>
      <c r="AO8011">
        <v>25</v>
      </c>
      <c r="AP8011">
        <v>25</v>
      </c>
      <c r="AQ8011">
        <v>25</v>
      </c>
    </row>
    <row r="8012" spans="1:43">
      <c r="A8012" t="s">
        <v>5022</v>
      </c>
      <c r="B8012" t="s">
        <v>5023</v>
      </c>
      <c r="C8012" t="s">
        <v>5008</v>
      </c>
      <c r="D8012" t="s">
        <v>5009</v>
      </c>
      <c r="E8012" t="s">
        <v>4916</v>
      </c>
      <c r="F8012" t="s">
        <v>4917</v>
      </c>
      <c r="G8012" t="s">
        <v>80</v>
      </c>
      <c r="H8012" t="s">
        <v>81</v>
      </c>
      <c r="I8012" s="2">
        <v>1</v>
      </c>
      <c r="J8012" s="2">
        <v>0</v>
      </c>
      <c r="K8012" s="2">
        <v>0</v>
      </c>
      <c r="L8012" t="s">
        <v>120</v>
      </c>
      <c r="M8012" t="s">
        <v>89</v>
      </c>
      <c r="N8012" t="s">
        <v>90</v>
      </c>
      <c r="O8012" t="s">
        <v>85</v>
      </c>
      <c r="P8012" t="s">
        <v>86</v>
      </c>
      <c r="Q8012">
        <v>27</v>
      </c>
      <c r="R8012">
        <v>27</v>
      </c>
      <c r="S8012">
        <v>28</v>
      </c>
      <c r="T8012">
        <v>28</v>
      </c>
      <c r="U8012">
        <v>29</v>
      </c>
      <c r="V8012">
        <v>29</v>
      </c>
      <c r="W8012">
        <v>29</v>
      </c>
      <c r="X8012">
        <v>29</v>
      </c>
      <c r="Y8012">
        <v>30</v>
      </c>
      <c r="Z8012">
        <v>30</v>
      </c>
      <c r="AA8012">
        <v>30</v>
      </c>
      <c r="AB8012">
        <v>30</v>
      </c>
      <c r="AC8012">
        <v>31</v>
      </c>
      <c r="AD8012">
        <v>31</v>
      </c>
      <c r="AE8012">
        <v>31</v>
      </c>
      <c r="AF8012">
        <v>31</v>
      </c>
      <c r="AG8012">
        <v>30</v>
      </c>
      <c r="AH8012">
        <v>30</v>
      </c>
      <c r="AI8012">
        <v>30</v>
      </c>
      <c r="AJ8012">
        <v>30</v>
      </c>
      <c r="AK8012">
        <v>30</v>
      </c>
      <c r="AL8012">
        <v>30</v>
      </c>
      <c r="AM8012">
        <v>29</v>
      </c>
      <c r="AN8012">
        <v>29</v>
      </c>
      <c r="AO8012">
        <v>29</v>
      </c>
      <c r="AP8012">
        <v>29</v>
      </c>
      <c r="AQ8012">
        <v>29</v>
      </c>
    </row>
    <row r="8013" spans="1:43">
      <c r="A8013" t="s">
        <v>5022</v>
      </c>
      <c r="B8013" t="s">
        <v>5023</v>
      </c>
      <c r="C8013" t="s">
        <v>5008</v>
      </c>
      <c r="D8013" t="s">
        <v>5009</v>
      </c>
      <c r="E8013" t="s">
        <v>4916</v>
      </c>
      <c r="F8013" t="s">
        <v>4917</v>
      </c>
      <c r="G8013" t="s">
        <v>80</v>
      </c>
      <c r="H8013" t="s">
        <v>81</v>
      </c>
      <c r="I8013" s="2">
        <v>1</v>
      </c>
      <c r="J8013" s="2">
        <v>0</v>
      </c>
      <c r="K8013" s="2">
        <v>0</v>
      </c>
      <c r="L8013" t="s">
        <v>120</v>
      </c>
      <c r="M8013" t="s">
        <v>83</v>
      </c>
      <c r="N8013" t="s">
        <v>91</v>
      </c>
      <c r="O8013" t="s">
        <v>85</v>
      </c>
      <c r="P8013" t="s">
        <v>86</v>
      </c>
      <c r="Q8013">
        <v>27</v>
      </c>
      <c r="R8013">
        <v>27</v>
      </c>
      <c r="S8013">
        <v>27</v>
      </c>
      <c r="T8013">
        <v>27</v>
      </c>
      <c r="U8013">
        <v>28</v>
      </c>
      <c r="V8013">
        <v>28</v>
      </c>
      <c r="W8013">
        <v>28</v>
      </c>
      <c r="X8013">
        <v>28</v>
      </c>
      <c r="Y8013">
        <v>28</v>
      </c>
      <c r="Z8013">
        <v>28</v>
      </c>
      <c r="AA8013">
        <v>28</v>
      </c>
      <c r="AB8013">
        <v>29</v>
      </c>
      <c r="AC8013">
        <v>29</v>
      </c>
      <c r="AD8013">
        <v>29</v>
      </c>
      <c r="AE8013">
        <v>29</v>
      </c>
      <c r="AF8013">
        <v>29</v>
      </c>
      <c r="AG8013">
        <v>29</v>
      </c>
      <c r="AH8013">
        <v>29</v>
      </c>
      <c r="AI8013">
        <v>29</v>
      </c>
      <c r="AJ8013">
        <v>29</v>
      </c>
      <c r="AK8013">
        <v>29</v>
      </c>
      <c r="AL8013">
        <v>29</v>
      </c>
      <c r="AM8013">
        <v>29</v>
      </c>
      <c r="AN8013">
        <v>29</v>
      </c>
      <c r="AO8013">
        <v>29</v>
      </c>
      <c r="AP8013">
        <v>29</v>
      </c>
      <c r="AQ8013">
        <v>29</v>
      </c>
    </row>
    <row r="8014" spans="1:43">
      <c r="A8014" t="s">
        <v>5024</v>
      </c>
      <c r="B8014" t="s">
        <v>5025</v>
      </c>
      <c r="C8014" t="s">
        <v>5016</v>
      </c>
      <c r="D8014" t="s">
        <v>5017</v>
      </c>
      <c r="E8014" t="s">
        <v>4916</v>
      </c>
      <c r="F8014" t="s">
        <v>4917</v>
      </c>
      <c r="G8014" t="s">
        <v>80</v>
      </c>
      <c r="H8014" t="s">
        <v>81</v>
      </c>
      <c r="I8014" s="2">
        <v>1</v>
      </c>
      <c r="J8014" s="2">
        <v>0</v>
      </c>
      <c r="K8014" s="2">
        <v>0</v>
      </c>
      <c r="L8014" t="s">
        <v>120</v>
      </c>
      <c r="M8014" t="s">
        <v>83</v>
      </c>
      <c r="N8014" t="s">
        <v>84</v>
      </c>
      <c r="O8014" t="s">
        <v>85</v>
      </c>
      <c r="P8014" t="s">
        <v>86</v>
      </c>
      <c r="Q8014">
        <v>22</v>
      </c>
      <c r="R8014">
        <v>22</v>
      </c>
      <c r="S8014">
        <v>22</v>
      </c>
      <c r="T8014">
        <v>22</v>
      </c>
      <c r="U8014">
        <v>22</v>
      </c>
      <c r="V8014">
        <v>23</v>
      </c>
      <c r="W8014">
        <v>23</v>
      </c>
      <c r="X8014">
        <v>23</v>
      </c>
      <c r="Y8014">
        <v>23</v>
      </c>
      <c r="Z8014">
        <v>23</v>
      </c>
      <c r="AA8014">
        <v>23</v>
      </c>
      <c r="AB8014">
        <v>23</v>
      </c>
      <c r="AC8014">
        <v>23</v>
      </c>
      <c r="AD8014">
        <v>23</v>
      </c>
      <c r="AE8014">
        <v>24</v>
      </c>
      <c r="AF8014">
        <v>24</v>
      </c>
      <c r="AG8014">
        <v>24</v>
      </c>
      <c r="AH8014">
        <v>24</v>
      </c>
      <c r="AI8014">
        <v>24</v>
      </c>
      <c r="AJ8014">
        <v>24</v>
      </c>
      <c r="AK8014">
        <v>24</v>
      </c>
      <c r="AL8014">
        <v>24</v>
      </c>
      <c r="AM8014">
        <v>24</v>
      </c>
      <c r="AN8014">
        <v>24</v>
      </c>
      <c r="AO8014">
        <v>24</v>
      </c>
      <c r="AP8014">
        <v>24</v>
      </c>
      <c r="AQ8014">
        <v>23</v>
      </c>
    </row>
    <row r="8015" spans="1:43">
      <c r="A8015" t="s">
        <v>5024</v>
      </c>
      <c r="B8015" t="s">
        <v>5025</v>
      </c>
      <c r="C8015" t="s">
        <v>5016</v>
      </c>
      <c r="D8015" t="s">
        <v>5017</v>
      </c>
      <c r="E8015" t="s">
        <v>4916</v>
      </c>
      <c r="F8015" t="s">
        <v>4917</v>
      </c>
      <c r="G8015" t="s">
        <v>80</v>
      </c>
      <c r="H8015" t="s">
        <v>81</v>
      </c>
      <c r="I8015" s="2">
        <v>1</v>
      </c>
      <c r="J8015" s="2">
        <v>0</v>
      </c>
      <c r="K8015" s="2">
        <v>0</v>
      </c>
      <c r="L8015" t="s">
        <v>120</v>
      </c>
      <c r="M8015" t="s">
        <v>87</v>
      </c>
      <c r="N8015" t="s">
        <v>88</v>
      </c>
      <c r="O8015" t="s">
        <v>85</v>
      </c>
      <c r="P8015" t="s">
        <v>86</v>
      </c>
      <c r="Q8015">
        <v>22</v>
      </c>
      <c r="R8015">
        <v>22</v>
      </c>
      <c r="S8015">
        <v>22</v>
      </c>
      <c r="T8015">
        <v>22</v>
      </c>
      <c r="U8015">
        <v>21</v>
      </c>
      <c r="V8015">
        <v>21</v>
      </c>
      <c r="W8015">
        <v>21</v>
      </c>
      <c r="X8015">
        <v>21</v>
      </c>
      <c r="Y8015">
        <v>21</v>
      </c>
      <c r="Z8015">
        <v>21</v>
      </c>
      <c r="AA8015">
        <v>21</v>
      </c>
      <c r="AB8015">
        <v>21</v>
      </c>
      <c r="AC8015">
        <v>21</v>
      </c>
      <c r="AD8015">
        <v>21</v>
      </c>
      <c r="AE8015">
        <v>21</v>
      </c>
      <c r="AF8015">
        <v>21</v>
      </c>
      <c r="AG8015">
        <v>21</v>
      </c>
      <c r="AH8015">
        <v>21</v>
      </c>
      <c r="AI8015">
        <v>21</v>
      </c>
      <c r="AJ8015">
        <v>21</v>
      </c>
      <c r="AK8015">
        <v>21</v>
      </c>
      <c r="AL8015">
        <v>21</v>
      </c>
      <c r="AM8015">
        <v>21</v>
      </c>
      <c r="AN8015">
        <v>21</v>
      </c>
      <c r="AO8015">
        <v>20</v>
      </c>
      <c r="AP8015">
        <v>20</v>
      </c>
      <c r="AQ8015">
        <v>20</v>
      </c>
    </row>
    <row r="8016" spans="1:43">
      <c r="A8016" t="s">
        <v>5024</v>
      </c>
      <c r="B8016" t="s">
        <v>5025</v>
      </c>
      <c r="C8016" t="s">
        <v>5016</v>
      </c>
      <c r="D8016" t="s">
        <v>5017</v>
      </c>
      <c r="E8016" t="s">
        <v>4916</v>
      </c>
      <c r="F8016" t="s">
        <v>4917</v>
      </c>
      <c r="G8016" t="s">
        <v>80</v>
      </c>
      <c r="H8016" t="s">
        <v>81</v>
      </c>
      <c r="I8016" s="2">
        <v>1</v>
      </c>
      <c r="J8016" s="2">
        <v>0</v>
      </c>
      <c r="K8016" s="2">
        <v>0</v>
      </c>
      <c r="L8016" t="s">
        <v>120</v>
      </c>
      <c r="M8016" t="s">
        <v>89</v>
      </c>
      <c r="N8016" t="s">
        <v>90</v>
      </c>
      <c r="O8016" t="s">
        <v>85</v>
      </c>
      <c r="P8016" t="s">
        <v>86</v>
      </c>
      <c r="Q8016">
        <v>22</v>
      </c>
      <c r="R8016">
        <v>22</v>
      </c>
      <c r="S8016">
        <v>23</v>
      </c>
      <c r="T8016">
        <v>23</v>
      </c>
      <c r="U8016">
        <v>23</v>
      </c>
      <c r="V8016">
        <v>24</v>
      </c>
      <c r="W8016">
        <v>24</v>
      </c>
      <c r="X8016">
        <v>24</v>
      </c>
      <c r="Y8016">
        <v>24</v>
      </c>
      <c r="Z8016">
        <v>24</v>
      </c>
      <c r="AA8016">
        <v>25</v>
      </c>
      <c r="AB8016">
        <v>25</v>
      </c>
      <c r="AC8016">
        <v>25</v>
      </c>
      <c r="AD8016">
        <v>25</v>
      </c>
      <c r="AE8016">
        <v>25</v>
      </c>
      <c r="AF8016">
        <v>25</v>
      </c>
      <c r="AG8016">
        <v>25</v>
      </c>
      <c r="AH8016">
        <v>25</v>
      </c>
      <c r="AI8016">
        <v>25</v>
      </c>
      <c r="AJ8016">
        <v>25</v>
      </c>
      <c r="AK8016">
        <v>24</v>
      </c>
      <c r="AL8016">
        <v>24</v>
      </c>
      <c r="AM8016">
        <v>24</v>
      </c>
      <c r="AN8016">
        <v>24</v>
      </c>
      <c r="AO8016">
        <v>24</v>
      </c>
      <c r="AP8016">
        <v>24</v>
      </c>
      <c r="AQ8016">
        <v>24</v>
      </c>
    </row>
    <row r="8017" spans="1:43">
      <c r="A8017" t="s">
        <v>5024</v>
      </c>
      <c r="B8017" t="s">
        <v>5025</v>
      </c>
      <c r="C8017" t="s">
        <v>5016</v>
      </c>
      <c r="D8017" t="s">
        <v>5017</v>
      </c>
      <c r="E8017" t="s">
        <v>4916</v>
      </c>
      <c r="F8017" t="s">
        <v>4917</v>
      </c>
      <c r="G8017" t="s">
        <v>80</v>
      </c>
      <c r="H8017" t="s">
        <v>81</v>
      </c>
      <c r="I8017" s="2">
        <v>1</v>
      </c>
      <c r="J8017" s="2">
        <v>0</v>
      </c>
      <c r="K8017" s="2">
        <v>0</v>
      </c>
      <c r="L8017" t="s">
        <v>120</v>
      </c>
      <c r="M8017" t="s">
        <v>83</v>
      </c>
      <c r="N8017" t="s">
        <v>91</v>
      </c>
      <c r="O8017" t="s">
        <v>85</v>
      </c>
      <c r="P8017" t="s">
        <v>86</v>
      </c>
      <c r="Q8017">
        <v>22</v>
      </c>
      <c r="R8017">
        <v>22</v>
      </c>
      <c r="S8017">
        <v>22</v>
      </c>
      <c r="T8017">
        <v>22</v>
      </c>
      <c r="U8017">
        <v>22</v>
      </c>
      <c r="V8017">
        <v>23</v>
      </c>
      <c r="W8017">
        <v>23</v>
      </c>
      <c r="X8017">
        <v>23</v>
      </c>
      <c r="Y8017">
        <v>23</v>
      </c>
      <c r="Z8017">
        <v>23</v>
      </c>
      <c r="AA8017">
        <v>23</v>
      </c>
      <c r="AB8017">
        <v>23</v>
      </c>
      <c r="AC8017">
        <v>23</v>
      </c>
      <c r="AD8017">
        <v>23</v>
      </c>
      <c r="AE8017">
        <v>24</v>
      </c>
      <c r="AF8017">
        <v>24</v>
      </c>
      <c r="AG8017">
        <v>24</v>
      </c>
      <c r="AH8017">
        <v>24</v>
      </c>
      <c r="AI8017">
        <v>24</v>
      </c>
      <c r="AJ8017">
        <v>24</v>
      </c>
      <c r="AK8017">
        <v>24</v>
      </c>
      <c r="AL8017">
        <v>24</v>
      </c>
      <c r="AM8017">
        <v>24</v>
      </c>
      <c r="AN8017">
        <v>24</v>
      </c>
      <c r="AO8017">
        <v>24</v>
      </c>
      <c r="AP8017">
        <v>24</v>
      </c>
      <c r="AQ8017">
        <v>23</v>
      </c>
    </row>
    <row r="8018" spans="1:43">
      <c r="A8018" t="s">
        <v>5026</v>
      </c>
      <c r="B8018" t="s">
        <v>5027</v>
      </c>
      <c r="C8018" t="s">
        <v>4972</v>
      </c>
      <c r="D8018" t="s">
        <v>4973</v>
      </c>
      <c r="E8018" t="s">
        <v>4916</v>
      </c>
      <c r="F8018" t="s">
        <v>4917</v>
      </c>
      <c r="G8018" t="s">
        <v>80</v>
      </c>
      <c r="H8018" t="s">
        <v>81</v>
      </c>
      <c r="I8018" s="2">
        <v>1</v>
      </c>
      <c r="J8018" s="2">
        <v>0</v>
      </c>
      <c r="K8018" s="2">
        <v>0</v>
      </c>
      <c r="L8018" t="s">
        <v>120</v>
      </c>
      <c r="M8018" t="s">
        <v>83</v>
      </c>
      <c r="N8018" t="s">
        <v>84</v>
      </c>
      <c r="O8018" t="s">
        <v>85</v>
      </c>
      <c r="P8018" t="s">
        <v>86</v>
      </c>
      <c r="Q8018">
        <v>24</v>
      </c>
      <c r="R8018">
        <v>24</v>
      </c>
      <c r="S8018">
        <v>24</v>
      </c>
      <c r="T8018">
        <v>24</v>
      </c>
      <c r="U8018">
        <v>25</v>
      </c>
      <c r="V8018">
        <v>25</v>
      </c>
      <c r="W8018">
        <v>25</v>
      </c>
      <c r="X8018">
        <v>25</v>
      </c>
      <c r="Y8018">
        <v>25</v>
      </c>
      <c r="Z8018">
        <v>25</v>
      </c>
      <c r="AA8018">
        <v>25</v>
      </c>
      <c r="AB8018">
        <v>25</v>
      </c>
      <c r="AC8018">
        <v>26</v>
      </c>
      <c r="AD8018">
        <v>26</v>
      </c>
      <c r="AE8018">
        <v>26</v>
      </c>
      <c r="AF8018">
        <v>26</v>
      </c>
      <c r="AG8018">
        <v>26</v>
      </c>
      <c r="AH8018">
        <v>26</v>
      </c>
      <c r="AI8018">
        <v>26</v>
      </c>
      <c r="AJ8018">
        <v>26</v>
      </c>
      <c r="AK8018">
        <v>26</v>
      </c>
      <c r="AL8018">
        <v>26</v>
      </c>
      <c r="AM8018">
        <v>26</v>
      </c>
      <c r="AN8018">
        <v>26</v>
      </c>
      <c r="AO8018">
        <v>26</v>
      </c>
      <c r="AP8018">
        <v>26</v>
      </c>
      <c r="AQ8018">
        <v>26</v>
      </c>
    </row>
    <row r="8019" spans="1:43">
      <c r="A8019" t="s">
        <v>5026</v>
      </c>
      <c r="B8019" t="s">
        <v>5027</v>
      </c>
      <c r="C8019" t="s">
        <v>4972</v>
      </c>
      <c r="D8019" t="s">
        <v>4973</v>
      </c>
      <c r="E8019" t="s">
        <v>4916</v>
      </c>
      <c r="F8019" t="s">
        <v>4917</v>
      </c>
      <c r="G8019" t="s">
        <v>80</v>
      </c>
      <c r="H8019" t="s">
        <v>81</v>
      </c>
      <c r="I8019" s="2">
        <v>1</v>
      </c>
      <c r="J8019" s="2">
        <v>0</v>
      </c>
      <c r="K8019" s="2">
        <v>0</v>
      </c>
      <c r="L8019" t="s">
        <v>120</v>
      </c>
      <c r="M8019" t="s">
        <v>87</v>
      </c>
      <c r="N8019" t="s">
        <v>88</v>
      </c>
      <c r="O8019" t="s">
        <v>85</v>
      </c>
      <c r="P8019" t="s">
        <v>86</v>
      </c>
      <c r="Q8019">
        <v>24</v>
      </c>
      <c r="R8019">
        <v>24</v>
      </c>
      <c r="S8019">
        <v>24</v>
      </c>
      <c r="T8019">
        <v>24</v>
      </c>
      <c r="U8019">
        <v>23</v>
      </c>
      <c r="V8019">
        <v>23</v>
      </c>
      <c r="W8019">
        <v>23</v>
      </c>
      <c r="X8019">
        <v>23</v>
      </c>
      <c r="Y8019">
        <v>23</v>
      </c>
      <c r="Z8019">
        <v>23</v>
      </c>
      <c r="AA8019">
        <v>23</v>
      </c>
      <c r="AB8019">
        <v>23</v>
      </c>
      <c r="AC8019">
        <v>23</v>
      </c>
      <c r="AD8019">
        <v>23</v>
      </c>
      <c r="AE8019">
        <v>23</v>
      </c>
      <c r="AF8019">
        <v>23</v>
      </c>
      <c r="AG8019">
        <v>23</v>
      </c>
      <c r="AH8019">
        <v>23</v>
      </c>
      <c r="AI8019">
        <v>23</v>
      </c>
      <c r="AJ8019">
        <v>23</v>
      </c>
      <c r="AK8019">
        <v>22</v>
      </c>
      <c r="AL8019">
        <v>22</v>
      </c>
      <c r="AM8019">
        <v>22</v>
      </c>
      <c r="AN8019">
        <v>22</v>
      </c>
      <c r="AO8019">
        <v>22</v>
      </c>
      <c r="AP8019">
        <v>22</v>
      </c>
      <c r="AQ8019">
        <v>22</v>
      </c>
    </row>
    <row r="8020" spans="1:43">
      <c r="A8020" t="s">
        <v>5026</v>
      </c>
      <c r="B8020" t="s">
        <v>5027</v>
      </c>
      <c r="C8020" t="s">
        <v>4972</v>
      </c>
      <c r="D8020" t="s">
        <v>4973</v>
      </c>
      <c r="E8020" t="s">
        <v>4916</v>
      </c>
      <c r="F8020" t="s">
        <v>4917</v>
      </c>
      <c r="G8020" t="s">
        <v>80</v>
      </c>
      <c r="H8020" t="s">
        <v>81</v>
      </c>
      <c r="I8020" s="2">
        <v>1</v>
      </c>
      <c r="J8020" s="2">
        <v>0</v>
      </c>
      <c r="K8020" s="2">
        <v>0</v>
      </c>
      <c r="L8020" t="s">
        <v>120</v>
      </c>
      <c r="M8020" t="s">
        <v>89</v>
      </c>
      <c r="N8020" t="s">
        <v>90</v>
      </c>
      <c r="O8020" t="s">
        <v>85</v>
      </c>
      <c r="P8020" t="s">
        <v>86</v>
      </c>
      <c r="Q8020">
        <v>24</v>
      </c>
      <c r="R8020">
        <v>25</v>
      </c>
      <c r="S8020">
        <v>25</v>
      </c>
      <c r="T8020">
        <v>25</v>
      </c>
      <c r="U8020">
        <v>26</v>
      </c>
      <c r="V8020">
        <v>26</v>
      </c>
      <c r="W8020">
        <v>26</v>
      </c>
      <c r="X8020">
        <v>26</v>
      </c>
      <c r="Y8020">
        <v>27</v>
      </c>
      <c r="Z8020">
        <v>27</v>
      </c>
      <c r="AA8020">
        <v>27</v>
      </c>
      <c r="AB8020">
        <v>27</v>
      </c>
      <c r="AC8020">
        <v>27</v>
      </c>
      <c r="AD8020">
        <v>28</v>
      </c>
      <c r="AE8020">
        <v>28</v>
      </c>
      <c r="AF8020">
        <v>27</v>
      </c>
      <c r="AG8020">
        <v>27</v>
      </c>
      <c r="AH8020">
        <v>27</v>
      </c>
      <c r="AI8020">
        <v>27</v>
      </c>
      <c r="AJ8020">
        <v>27</v>
      </c>
      <c r="AK8020">
        <v>27</v>
      </c>
      <c r="AL8020">
        <v>27</v>
      </c>
      <c r="AM8020">
        <v>26</v>
      </c>
      <c r="AN8020">
        <v>26</v>
      </c>
      <c r="AO8020">
        <v>26</v>
      </c>
      <c r="AP8020">
        <v>26</v>
      </c>
      <c r="AQ8020">
        <v>26</v>
      </c>
    </row>
    <row r="8021" spans="1:43">
      <c r="A8021" t="s">
        <v>5026</v>
      </c>
      <c r="B8021" t="s">
        <v>5027</v>
      </c>
      <c r="C8021" t="s">
        <v>4972</v>
      </c>
      <c r="D8021" t="s">
        <v>4973</v>
      </c>
      <c r="E8021" t="s">
        <v>4916</v>
      </c>
      <c r="F8021" t="s">
        <v>4917</v>
      </c>
      <c r="G8021" t="s">
        <v>80</v>
      </c>
      <c r="H8021" t="s">
        <v>81</v>
      </c>
      <c r="I8021" s="2">
        <v>1</v>
      </c>
      <c r="J8021" s="2">
        <v>0</v>
      </c>
      <c r="K8021" s="2">
        <v>0</v>
      </c>
      <c r="L8021" t="s">
        <v>120</v>
      </c>
      <c r="M8021" t="s">
        <v>83</v>
      </c>
      <c r="N8021" t="s">
        <v>91</v>
      </c>
      <c r="O8021" t="s">
        <v>85</v>
      </c>
      <c r="P8021" t="s">
        <v>86</v>
      </c>
      <c r="Q8021">
        <v>24</v>
      </c>
      <c r="R8021">
        <v>24</v>
      </c>
      <c r="S8021">
        <v>24</v>
      </c>
      <c r="T8021">
        <v>24</v>
      </c>
      <c r="U8021">
        <v>25</v>
      </c>
      <c r="V8021">
        <v>25</v>
      </c>
      <c r="W8021">
        <v>25</v>
      </c>
      <c r="X8021">
        <v>25</v>
      </c>
      <c r="Y8021">
        <v>25</v>
      </c>
      <c r="Z8021">
        <v>25</v>
      </c>
      <c r="AA8021">
        <v>25</v>
      </c>
      <c r="AB8021">
        <v>25</v>
      </c>
      <c r="AC8021">
        <v>26</v>
      </c>
      <c r="AD8021">
        <v>26</v>
      </c>
      <c r="AE8021">
        <v>26</v>
      </c>
      <c r="AF8021">
        <v>26</v>
      </c>
      <c r="AG8021">
        <v>26</v>
      </c>
      <c r="AH8021">
        <v>26</v>
      </c>
      <c r="AI8021">
        <v>26</v>
      </c>
      <c r="AJ8021">
        <v>26</v>
      </c>
      <c r="AK8021">
        <v>26</v>
      </c>
      <c r="AL8021">
        <v>26</v>
      </c>
      <c r="AM8021">
        <v>26</v>
      </c>
      <c r="AN8021">
        <v>26</v>
      </c>
      <c r="AO8021">
        <v>26</v>
      </c>
      <c r="AP8021">
        <v>26</v>
      </c>
      <c r="AQ8021">
        <v>26</v>
      </c>
    </row>
    <row r="8022" spans="1:43">
      <c r="A8022" t="s">
        <v>5028</v>
      </c>
      <c r="B8022" t="s">
        <v>5029</v>
      </c>
      <c r="C8022" t="s">
        <v>4972</v>
      </c>
      <c r="D8022" t="s">
        <v>4973</v>
      </c>
      <c r="E8022" t="s">
        <v>4916</v>
      </c>
      <c r="F8022" t="s">
        <v>4917</v>
      </c>
      <c r="G8022" t="s">
        <v>80</v>
      </c>
      <c r="H8022" t="s">
        <v>81</v>
      </c>
      <c r="I8022" s="2">
        <v>1</v>
      </c>
      <c r="J8022" s="2">
        <v>0</v>
      </c>
      <c r="K8022" s="2">
        <v>0</v>
      </c>
      <c r="L8022" t="s">
        <v>120</v>
      </c>
      <c r="M8022" t="s">
        <v>83</v>
      </c>
      <c r="N8022" t="s">
        <v>84</v>
      </c>
      <c r="O8022" t="s">
        <v>85</v>
      </c>
      <c r="P8022" t="s">
        <v>86</v>
      </c>
      <c r="Q8022">
        <v>4</v>
      </c>
      <c r="R8022">
        <v>4</v>
      </c>
      <c r="S8022">
        <v>4</v>
      </c>
      <c r="T8022">
        <v>4</v>
      </c>
      <c r="U8022">
        <v>4</v>
      </c>
      <c r="V8022">
        <v>4</v>
      </c>
      <c r="W8022">
        <v>4</v>
      </c>
      <c r="X8022">
        <v>4</v>
      </c>
      <c r="Y8022">
        <v>4</v>
      </c>
      <c r="Z8022">
        <v>4</v>
      </c>
      <c r="AA8022">
        <v>4</v>
      </c>
      <c r="AB8022">
        <v>4</v>
      </c>
      <c r="AC8022">
        <v>4</v>
      </c>
      <c r="AD8022">
        <v>4</v>
      </c>
      <c r="AE8022">
        <v>4</v>
      </c>
      <c r="AF8022">
        <v>4</v>
      </c>
      <c r="AG8022">
        <v>4</v>
      </c>
      <c r="AH8022">
        <v>4</v>
      </c>
      <c r="AI8022">
        <v>4</v>
      </c>
      <c r="AJ8022">
        <v>4</v>
      </c>
      <c r="AK8022">
        <v>4</v>
      </c>
      <c r="AL8022">
        <v>4</v>
      </c>
      <c r="AM8022">
        <v>4</v>
      </c>
      <c r="AN8022">
        <v>4</v>
      </c>
      <c r="AO8022">
        <v>4</v>
      </c>
      <c r="AP8022">
        <v>4</v>
      </c>
      <c r="AQ8022">
        <v>4</v>
      </c>
    </row>
    <row r="8023" spans="1:43">
      <c r="A8023" t="s">
        <v>5028</v>
      </c>
      <c r="B8023" t="s">
        <v>5029</v>
      </c>
      <c r="C8023" t="s">
        <v>4972</v>
      </c>
      <c r="D8023" t="s">
        <v>4973</v>
      </c>
      <c r="E8023" t="s">
        <v>4916</v>
      </c>
      <c r="F8023" t="s">
        <v>4917</v>
      </c>
      <c r="G8023" t="s">
        <v>80</v>
      </c>
      <c r="H8023" t="s">
        <v>81</v>
      </c>
      <c r="I8023" s="2">
        <v>1</v>
      </c>
      <c r="J8023" s="2">
        <v>0</v>
      </c>
      <c r="K8023" s="2">
        <v>0</v>
      </c>
      <c r="L8023" t="s">
        <v>120</v>
      </c>
      <c r="M8023" t="s">
        <v>87</v>
      </c>
      <c r="N8023" t="s">
        <v>88</v>
      </c>
      <c r="O8023" t="s">
        <v>85</v>
      </c>
      <c r="P8023" t="s">
        <v>86</v>
      </c>
      <c r="Q8023">
        <v>4</v>
      </c>
      <c r="R8023">
        <v>4</v>
      </c>
      <c r="S8023">
        <v>4</v>
      </c>
      <c r="T8023">
        <v>4</v>
      </c>
      <c r="U8023">
        <v>4</v>
      </c>
      <c r="V8023">
        <v>4</v>
      </c>
      <c r="W8023">
        <v>4</v>
      </c>
      <c r="X8023">
        <v>4</v>
      </c>
      <c r="Y8023">
        <v>4</v>
      </c>
      <c r="Z8023">
        <v>3</v>
      </c>
      <c r="AA8023">
        <v>3</v>
      </c>
      <c r="AB8023">
        <v>3</v>
      </c>
      <c r="AC8023">
        <v>3</v>
      </c>
      <c r="AD8023">
        <v>3</v>
      </c>
      <c r="AE8023">
        <v>3</v>
      </c>
      <c r="AF8023">
        <v>3</v>
      </c>
      <c r="AG8023">
        <v>3</v>
      </c>
      <c r="AH8023">
        <v>3</v>
      </c>
      <c r="AI8023">
        <v>3</v>
      </c>
      <c r="AJ8023">
        <v>3</v>
      </c>
      <c r="AK8023">
        <v>3</v>
      </c>
      <c r="AL8023">
        <v>3</v>
      </c>
      <c r="AM8023">
        <v>3</v>
      </c>
      <c r="AN8023">
        <v>3</v>
      </c>
      <c r="AO8023">
        <v>3</v>
      </c>
      <c r="AP8023">
        <v>3</v>
      </c>
      <c r="AQ8023">
        <v>3</v>
      </c>
    </row>
    <row r="8024" spans="1:43">
      <c r="A8024" t="s">
        <v>5028</v>
      </c>
      <c r="B8024" t="s">
        <v>5029</v>
      </c>
      <c r="C8024" t="s">
        <v>4972</v>
      </c>
      <c r="D8024" t="s">
        <v>4973</v>
      </c>
      <c r="E8024" t="s">
        <v>4916</v>
      </c>
      <c r="F8024" t="s">
        <v>4917</v>
      </c>
      <c r="G8024" t="s">
        <v>80</v>
      </c>
      <c r="H8024" t="s">
        <v>81</v>
      </c>
      <c r="I8024" s="2">
        <v>1</v>
      </c>
      <c r="J8024" s="2">
        <v>0</v>
      </c>
      <c r="K8024" s="2">
        <v>0</v>
      </c>
      <c r="L8024" t="s">
        <v>120</v>
      </c>
      <c r="M8024" t="s">
        <v>89</v>
      </c>
      <c r="N8024" t="s">
        <v>90</v>
      </c>
      <c r="O8024" t="s">
        <v>85</v>
      </c>
      <c r="P8024" t="s">
        <v>86</v>
      </c>
      <c r="Q8024">
        <v>4</v>
      </c>
      <c r="R8024">
        <v>4</v>
      </c>
      <c r="S8024">
        <v>4</v>
      </c>
      <c r="T8024">
        <v>4</v>
      </c>
      <c r="U8024">
        <v>4</v>
      </c>
      <c r="V8024">
        <v>4</v>
      </c>
      <c r="W8024">
        <v>4</v>
      </c>
      <c r="X8024">
        <v>4</v>
      </c>
      <c r="Y8024">
        <v>4</v>
      </c>
      <c r="Z8024">
        <v>4</v>
      </c>
      <c r="AA8024">
        <v>4</v>
      </c>
      <c r="AB8024">
        <v>4</v>
      </c>
      <c r="AC8024">
        <v>4</v>
      </c>
      <c r="AD8024">
        <v>4</v>
      </c>
      <c r="AE8024">
        <v>4</v>
      </c>
      <c r="AF8024">
        <v>4</v>
      </c>
      <c r="AG8024">
        <v>4</v>
      </c>
      <c r="AH8024">
        <v>4</v>
      </c>
      <c r="AI8024">
        <v>4</v>
      </c>
      <c r="AJ8024">
        <v>4</v>
      </c>
      <c r="AK8024">
        <v>4</v>
      </c>
      <c r="AL8024">
        <v>4</v>
      </c>
      <c r="AM8024">
        <v>4</v>
      </c>
      <c r="AN8024">
        <v>4</v>
      </c>
      <c r="AO8024">
        <v>4</v>
      </c>
      <c r="AP8024">
        <v>4</v>
      </c>
      <c r="AQ8024">
        <v>4</v>
      </c>
    </row>
    <row r="8025" spans="1:43">
      <c r="A8025" t="s">
        <v>5028</v>
      </c>
      <c r="B8025" t="s">
        <v>5029</v>
      </c>
      <c r="C8025" t="s">
        <v>4972</v>
      </c>
      <c r="D8025" t="s">
        <v>4973</v>
      </c>
      <c r="E8025" t="s">
        <v>4916</v>
      </c>
      <c r="F8025" t="s">
        <v>4917</v>
      </c>
      <c r="G8025" t="s">
        <v>80</v>
      </c>
      <c r="H8025" t="s">
        <v>81</v>
      </c>
      <c r="I8025" s="2">
        <v>1</v>
      </c>
      <c r="J8025" s="2">
        <v>0</v>
      </c>
      <c r="K8025" s="2">
        <v>0</v>
      </c>
      <c r="L8025" t="s">
        <v>120</v>
      </c>
      <c r="M8025" t="s">
        <v>83</v>
      </c>
      <c r="N8025" t="s">
        <v>91</v>
      </c>
      <c r="O8025" t="s">
        <v>85</v>
      </c>
      <c r="P8025" t="s">
        <v>86</v>
      </c>
      <c r="Q8025">
        <v>4</v>
      </c>
      <c r="R8025">
        <v>4</v>
      </c>
      <c r="S8025">
        <v>4</v>
      </c>
      <c r="T8025">
        <v>4</v>
      </c>
      <c r="U8025">
        <v>4</v>
      </c>
      <c r="V8025">
        <v>4</v>
      </c>
      <c r="W8025">
        <v>4</v>
      </c>
      <c r="X8025">
        <v>4</v>
      </c>
      <c r="Y8025">
        <v>4</v>
      </c>
      <c r="Z8025">
        <v>4</v>
      </c>
      <c r="AA8025">
        <v>4</v>
      </c>
      <c r="AB8025">
        <v>4</v>
      </c>
      <c r="AC8025">
        <v>4</v>
      </c>
      <c r="AD8025">
        <v>4</v>
      </c>
      <c r="AE8025">
        <v>4</v>
      </c>
      <c r="AF8025">
        <v>4</v>
      </c>
      <c r="AG8025">
        <v>4</v>
      </c>
      <c r="AH8025">
        <v>4</v>
      </c>
      <c r="AI8025">
        <v>4</v>
      </c>
      <c r="AJ8025">
        <v>4</v>
      </c>
      <c r="AK8025">
        <v>4</v>
      </c>
      <c r="AL8025">
        <v>4</v>
      </c>
      <c r="AM8025">
        <v>4</v>
      </c>
      <c r="AN8025">
        <v>4</v>
      </c>
      <c r="AO8025">
        <v>4</v>
      </c>
      <c r="AP8025">
        <v>4</v>
      </c>
      <c r="AQ8025">
        <v>4</v>
      </c>
    </row>
    <row r="8026" spans="1:43">
      <c r="A8026" t="s">
        <v>5030</v>
      </c>
      <c r="B8026" t="s">
        <v>5031</v>
      </c>
      <c r="C8026" t="s">
        <v>5032</v>
      </c>
      <c r="D8026" t="s">
        <v>5033</v>
      </c>
      <c r="E8026" t="s">
        <v>4916</v>
      </c>
      <c r="F8026" t="s">
        <v>4917</v>
      </c>
      <c r="G8026" t="s">
        <v>80</v>
      </c>
      <c r="H8026" t="s">
        <v>81</v>
      </c>
      <c r="I8026" s="2">
        <v>1</v>
      </c>
      <c r="J8026" s="2">
        <v>0</v>
      </c>
      <c r="K8026" s="2">
        <v>0</v>
      </c>
      <c r="L8026" t="s">
        <v>120</v>
      </c>
      <c r="M8026" t="s">
        <v>83</v>
      </c>
      <c r="N8026" t="s">
        <v>84</v>
      </c>
      <c r="O8026" t="s">
        <v>85</v>
      </c>
      <c r="P8026" t="s">
        <v>86</v>
      </c>
      <c r="Q8026">
        <v>29</v>
      </c>
      <c r="R8026">
        <v>29</v>
      </c>
      <c r="S8026">
        <v>29</v>
      </c>
      <c r="T8026">
        <v>29</v>
      </c>
      <c r="U8026">
        <v>30</v>
      </c>
      <c r="V8026">
        <v>30</v>
      </c>
      <c r="W8026">
        <v>30</v>
      </c>
      <c r="X8026">
        <v>30</v>
      </c>
      <c r="Y8026">
        <v>30</v>
      </c>
      <c r="Z8026">
        <v>30</v>
      </c>
      <c r="AA8026">
        <v>30</v>
      </c>
      <c r="AB8026">
        <v>30</v>
      </c>
      <c r="AC8026">
        <v>31</v>
      </c>
      <c r="AD8026">
        <v>31</v>
      </c>
      <c r="AE8026">
        <v>31</v>
      </c>
      <c r="AF8026">
        <v>31</v>
      </c>
      <c r="AG8026">
        <v>31</v>
      </c>
      <c r="AH8026">
        <v>31</v>
      </c>
      <c r="AI8026">
        <v>31</v>
      </c>
      <c r="AJ8026">
        <v>31</v>
      </c>
      <c r="AK8026">
        <v>31</v>
      </c>
      <c r="AL8026">
        <v>31</v>
      </c>
      <c r="AM8026">
        <v>31</v>
      </c>
      <c r="AN8026">
        <v>31</v>
      </c>
      <c r="AO8026">
        <v>30</v>
      </c>
      <c r="AP8026">
        <v>30</v>
      </c>
      <c r="AQ8026">
        <v>30</v>
      </c>
    </row>
    <row r="8027" spans="1:43">
      <c r="A8027" t="s">
        <v>5030</v>
      </c>
      <c r="B8027" t="s">
        <v>5031</v>
      </c>
      <c r="C8027" t="s">
        <v>5032</v>
      </c>
      <c r="D8027" t="s">
        <v>5033</v>
      </c>
      <c r="E8027" t="s">
        <v>4916</v>
      </c>
      <c r="F8027" t="s">
        <v>4917</v>
      </c>
      <c r="G8027" t="s">
        <v>80</v>
      </c>
      <c r="H8027" t="s">
        <v>81</v>
      </c>
      <c r="I8027" s="2">
        <v>1</v>
      </c>
      <c r="J8027" s="2">
        <v>0</v>
      </c>
      <c r="K8027" s="2">
        <v>0</v>
      </c>
      <c r="L8027" t="s">
        <v>120</v>
      </c>
      <c r="M8027" t="s">
        <v>87</v>
      </c>
      <c r="N8027" t="s">
        <v>88</v>
      </c>
      <c r="O8027" t="s">
        <v>85</v>
      </c>
      <c r="P8027" t="s">
        <v>86</v>
      </c>
      <c r="Q8027">
        <v>29</v>
      </c>
      <c r="R8027">
        <v>29</v>
      </c>
      <c r="S8027">
        <v>28</v>
      </c>
      <c r="T8027">
        <v>28</v>
      </c>
      <c r="U8027">
        <v>28</v>
      </c>
      <c r="V8027">
        <v>28</v>
      </c>
      <c r="W8027">
        <v>28</v>
      </c>
      <c r="X8027">
        <v>28</v>
      </c>
      <c r="Y8027">
        <v>28</v>
      </c>
      <c r="Z8027">
        <v>28</v>
      </c>
      <c r="AA8027">
        <v>28</v>
      </c>
      <c r="AB8027">
        <v>28</v>
      </c>
      <c r="AC8027">
        <v>27</v>
      </c>
      <c r="AD8027">
        <v>27</v>
      </c>
      <c r="AE8027">
        <v>27</v>
      </c>
      <c r="AF8027">
        <v>27</v>
      </c>
      <c r="AG8027">
        <v>27</v>
      </c>
      <c r="AH8027">
        <v>27</v>
      </c>
      <c r="AI8027">
        <v>27</v>
      </c>
      <c r="AJ8027">
        <v>27</v>
      </c>
      <c r="AK8027">
        <v>27</v>
      </c>
      <c r="AL8027">
        <v>27</v>
      </c>
      <c r="AM8027">
        <v>27</v>
      </c>
      <c r="AN8027">
        <v>26</v>
      </c>
      <c r="AO8027">
        <v>26</v>
      </c>
      <c r="AP8027">
        <v>26</v>
      </c>
      <c r="AQ8027">
        <v>26</v>
      </c>
    </row>
    <row r="8028" spans="1:43">
      <c r="A8028" t="s">
        <v>5030</v>
      </c>
      <c r="B8028" t="s">
        <v>5031</v>
      </c>
      <c r="C8028" t="s">
        <v>5032</v>
      </c>
      <c r="D8028" t="s">
        <v>5033</v>
      </c>
      <c r="E8028" t="s">
        <v>4916</v>
      </c>
      <c r="F8028" t="s">
        <v>4917</v>
      </c>
      <c r="G8028" t="s">
        <v>80</v>
      </c>
      <c r="H8028" t="s">
        <v>81</v>
      </c>
      <c r="I8028" s="2">
        <v>1</v>
      </c>
      <c r="J8028" s="2">
        <v>0</v>
      </c>
      <c r="K8028" s="2">
        <v>0</v>
      </c>
      <c r="L8028" t="s">
        <v>120</v>
      </c>
      <c r="M8028" t="s">
        <v>89</v>
      </c>
      <c r="N8028" t="s">
        <v>90</v>
      </c>
      <c r="O8028" t="s">
        <v>85</v>
      </c>
      <c r="P8028" t="s">
        <v>86</v>
      </c>
      <c r="Q8028">
        <v>29</v>
      </c>
      <c r="R8028">
        <v>30</v>
      </c>
      <c r="S8028">
        <v>30</v>
      </c>
      <c r="T8028">
        <v>30</v>
      </c>
      <c r="U8028">
        <v>31</v>
      </c>
      <c r="V8028">
        <v>31</v>
      </c>
      <c r="W8028">
        <v>31</v>
      </c>
      <c r="X8028">
        <v>32</v>
      </c>
      <c r="Y8028">
        <v>32</v>
      </c>
      <c r="Z8028">
        <v>32</v>
      </c>
      <c r="AA8028">
        <v>32</v>
      </c>
      <c r="AB8028">
        <v>32</v>
      </c>
      <c r="AC8028">
        <v>33</v>
      </c>
      <c r="AD8028">
        <v>33</v>
      </c>
      <c r="AE8028">
        <v>33</v>
      </c>
      <c r="AF8028">
        <v>33</v>
      </c>
      <c r="AG8028">
        <v>32</v>
      </c>
      <c r="AH8028">
        <v>32</v>
      </c>
      <c r="AI8028">
        <v>32</v>
      </c>
      <c r="AJ8028">
        <v>32</v>
      </c>
      <c r="AK8028">
        <v>32</v>
      </c>
      <c r="AL8028">
        <v>31</v>
      </c>
      <c r="AM8028">
        <v>31</v>
      </c>
      <c r="AN8028">
        <v>31</v>
      </c>
      <c r="AO8028">
        <v>31</v>
      </c>
      <c r="AP8028">
        <v>30</v>
      </c>
      <c r="AQ8028">
        <v>30</v>
      </c>
    </row>
    <row r="8029" spans="1:43">
      <c r="A8029" t="s">
        <v>5030</v>
      </c>
      <c r="B8029" t="s">
        <v>5031</v>
      </c>
      <c r="C8029" t="s">
        <v>5032</v>
      </c>
      <c r="D8029" t="s">
        <v>5033</v>
      </c>
      <c r="E8029" t="s">
        <v>4916</v>
      </c>
      <c r="F8029" t="s">
        <v>4917</v>
      </c>
      <c r="G8029" t="s">
        <v>80</v>
      </c>
      <c r="H8029" t="s">
        <v>81</v>
      </c>
      <c r="I8029" s="2">
        <v>1</v>
      </c>
      <c r="J8029" s="2">
        <v>0</v>
      </c>
      <c r="K8029" s="2">
        <v>0</v>
      </c>
      <c r="L8029" t="s">
        <v>120</v>
      </c>
      <c r="M8029" t="s">
        <v>83</v>
      </c>
      <c r="N8029" t="s">
        <v>91</v>
      </c>
      <c r="O8029" t="s">
        <v>85</v>
      </c>
      <c r="P8029" t="s">
        <v>86</v>
      </c>
      <c r="Q8029">
        <v>29</v>
      </c>
      <c r="R8029">
        <v>29</v>
      </c>
      <c r="S8029">
        <v>29</v>
      </c>
      <c r="T8029">
        <v>29</v>
      </c>
      <c r="U8029">
        <v>30</v>
      </c>
      <c r="V8029">
        <v>30</v>
      </c>
      <c r="W8029">
        <v>30</v>
      </c>
      <c r="X8029">
        <v>30</v>
      </c>
      <c r="Y8029">
        <v>30</v>
      </c>
      <c r="Z8029">
        <v>30</v>
      </c>
      <c r="AA8029">
        <v>30</v>
      </c>
      <c r="AB8029">
        <v>30</v>
      </c>
      <c r="AC8029">
        <v>31</v>
      </c>
      <c r="AD8029">
        <v>31</v>
      </c>
      <c r="AE8029">
        <v>31</v>
      </c>
      <c r="AF8029">
        <v>31</v>
      </c>
      <c r="AG8029">
        <v>31</v>
      </c>
      <c r="AH8029">
        <v>31</v>
      </c>
      <c r="AI8029">
        <v>31</v>
      </c>
      <c r="AJ8029">
        <v>31</v>
      </c>
      <c r="AK8029">
        <v>31</v>
      </c>
      <c r="AL8029">
        <v>31</v>
      </c>
      <c r="AM8029">
        <v>31</v>
      </c>
      <c r="AN8029">
        <v>31</v>
      </c>
      <c r="AO8029">
        <v>30</v>
      </c>
      <c r="AP8029">
        <v>30</v>
      </c>
      <c r="AQ8029">
        <v>30</v>
      </c>
    </row>
    <row r="8030" spans="1:43">
      <c r="A8030" t="s">
        <v>5034</v>
      </c>
      <c r="B8030" t="s">
        <v>5035</v>
      </c>
      <c r="C8030" t="s">
        <v>4972</v>
      </c>
      <c r="D8030" t="s">
        <v>4973</v>
      </c>
      <c r="E8030" t="s">
        <v>4916</v>
      </c>
      <c r="F8030" t="s">
        <v>4917</v>
      </c>
      <c r="G8030" t="s">
        <v>80</v>
      </c>
      <c r="H8030" t="s">
        <v>81</v>
      </c>
      <c r="I8030" s="2">
        <v>1</v>
      </c>
      <c r="J8030" s="2">
        <v>0</v>
      </c>
      <c r="K8030" s="2">
        <v>0</v>
      </c>
      <c r="L8030" t="s">
        <v>120</v>
      </c>
      <c r="M8030" t="s">
        <v>83</v>
      </c>
      <c r="N8030" t="s">
        <v>84</v>
      </c>
      <c r="O8030" t="s">
        <v>85</v>
      </c>
      <c r="P8030" t="s">
        <v>86</v>
      </c>
      <c r="Q8030">
        <v>6</v>
      </c>
      <c r="R8030">
        <v>6</v>
      </c>
      <c r="S8030">
        <v>6</v>
      </c>
      <c r="T8030">
        <v>6</v>
      </c>
      <c r="U8030">
        <v>6</v>
      </c>
      <c r="V8030">
        <v>6</v>
      </c>
      <c r="W8030">
        <v>6</v>
      </c>
      <c r="X8030">
        <v>6</v>
      </c>
      <c r="Y8030">
        <v>6</v>
      </c>
      <c r="Z8030">
        <v>6</v>
      </c>
      <c r="AA8030">
        <v>6</v>
      </c>
      <c r="AB8030">
        <v>6</v>
      </c>
      <c r="AC8030">
        <v>6</v>
      </c>
      <c r="AD8030">
        <v>6</v>
      </c>
      <c r="AE8030">
        <v>6</v>
      </c>
      <c r="AF8030">
        <v>6</v>
      </c>
      <c r="AG8030">
        <v>6</v>
      </c>
      <c r="AH8030">
        <v>6</v>
      </c>
      <c r="AI8030">
        <v>6</v>
      </c>
      <c r="AJ8030">
        <v>6</v>
      </c>
      <c r="AK8030">
        <v>6</v>
      </c>
      <c r="AL8030">
        <v>6</v>
      </c>
      <c r="AM8030">
        <v>6</v>
      </c>
      <c r="AN8030">
        <v>6</v>
      </c>
      <c r="AO8030">
        <v>6</v>
      </c>
      <c r="AP8030">
        <v>6</v>
      </c>
      <c r="AQ8030">
        <v>6</v>
      </c>
    </row>
    <row r="8031" spans="1:43">
      <c r="A8031" t="s">
        <v>5034</v>
      </c>
      <c r="B8031" t="s">
        <v>5035</v>
      </c>
      <c r="C8031" t="s">
        <v>4972</v>
      </c>
      <c r="D8031" t="s">
        <v>4973</v>
      </c>
      <c r="E8031" t="s">
        <v>4916</v>
      </c>
      <c r="F8031" t="s">
        <v>4917</v>
      </c>
      <c r="G8031" t="s">
        <v>80</v>
      </c>
      <c r="H8031" t="s">
        <v>81</v>
      </c>
      <c r="I8031" s="2">
        <v>1</v>
      </c>
      <c r="J8031" s="2">
        <v>0</v>
      </c>
      <c r="K8031" s="2">
        <v>0</v>
      </c>
      <c r="L8031" t="s">
        <v>120</v>
      </c>
      <c r="M8031" t="s">
        <v>87</v>
      </c>
      <c r="N8031" t="s">
        <v>88</v>
      </c>
      <c r="O8031" t="s">
        <v>85</v>
      </c>
      <c r="P8031" t="s">
        <v>86</v>
      </c>
      <c r="Q8031">
        <v>6</v>
      </c>
      <c r="R8031">
        <v>6</v>
      </c>
      <c r="S8031">
        <v>6</v>
      </c>
      <c r="T8031">
        <v>6</v>
      </c>
      <c r="U8031">
        <v>6</v>
      </c>
      <c r="V8031">
        <v>6</v>
      </c>
      <c r="W8031">
        <v>6</v>
      </c>
      <c r="X8031">
        <v>6</v>
      </c>
      <c r="Y8031">
        <v>6</v>
      </c>
      <c r="Z8031">
        <v>6</v>
      </c>
      <c r="AA8031">
        <v>6</v>
      </c>
      <c r="AB8031">
        <v>6</v>
      </c>
      <c r="AC8031">
        <v>6</v>
      </c>
      <c r="AD8031">
        <v>6</v>
      </c>
      <c r="AE8031">
        <v>6</v>
      </c>
      <c r="AF8031">
        <v>6</v>
      </c>
      <c r="AG8031">
        <v>6</v>
      </c>
      <c r="AH8031">
        <v>6</v>
      </c>
      <c r="AI8031">
        <v>6</v>
      </c>
      <c r="AJ8031">
        <v>6</v>
      </c>
      <c r="AK8031">
        <v>6</v>
      </c>
      <c r="AL8031">
        <v>5</v>
      </c>
      <c r="AM8031">
        <v>5</v>
      </c>
      <c r="AN8031">
        <v>5</v>
      </c>
      <c r="AO8031">
        <v>5</v>
      </c>
      <c r="AP8031">
        <v>5</v>
      </c>
      <c r="AQ8031">
        <v>5</v>
      </c>
    </row>
    <row r="8032" spans="1:43">
      <c r="A8032" t="s">
        <v>5034</v>
      </c>
      <c r="B8032" t="s">
        <v>5035</v>
      </c>
      <c r="C8032" t="s">
        <v>4972</v>
      </c>
      <c r="D8032" t="s">
        <v>4973</v>
      </c>
      <c r="E8032" t="s">
        <v>4916</v>
      </c>
      <c r="F8032" t="s">
        <v>4917</v>
      </c>
      <c r="G8032" t="s">
        <v>80</v>
      </c>
      <c r="H8032" t="s">
        <v>81</v>
      </c>
      <c r="I8032" s="2">
        <v>1</v>
      </c>
      <c r="J8032" s="2">
        <v>0</v>
      </c>
      <c r="K8032" s="2">
        <v>0</v>
      </c>
      <c r="L8032" t="s">
        <v>120</v>
      </c>
      <c r="M8032" t="s">
        <v>89</v>
      </c>
      <c r="N8032" t="s">
        <v>90</v>
      </c>
      <c r="O8032" t="s">
        <v>85</v>
      </c>
      <c r="P8032" t="s">
        <v>86</v>
      </c>
      <c r="Q8032">
        <v>6</v>
      </c>
      <c r="R8032">
        <v>6</v>
      </c>
      <c r="S8032">
        <v>6</v>
      </c>
      <c r="T8032">
        <v>6</v>
      </c>
      <c r="U8032">
        <v>6</v>
      </c>
      <c r="V8032">
        <v>6</v>
      </c>
      <c r="W8032">
        <v>6</v>
      </c>
      <c r="X8032">
        <v>6</v>
      </c>
      <c r="Y8032">
        <v>7</v>
      </c>
      <c r="Z8032">
        <v>7</v>
      </c>
      <c r="AA8032">
        <v>7</v>
      </c>
      <c r="AB8032">
        <v>7</v>
      </c>
      <c r="AC8032">
        <v>7</v>
      </c>
      <c r="AD8032">
        <v>7</v>
      </c>
      <c r="AE8032">
        <v>7</v>
      </c>
      <c r="AF8032">
        <v>7</v>
      </c>
      <c r="AG8032">
        <v>7</v>
      </c>
      <c r="AH8032">
        <v>7</v>
      </c>
      <c r="AI8032">
        <v>7</v>
      </c>
      <c r="AJ8032">
        <v>7</v>
      </c>
      <c r="AK8032">
        <v>7</v>
      </c>
      <c r="AL8032">
        <v>7</v>
      </c>
      <c r="AM8032">
        <v>6</v>
      </c>
      <c r="AN8032">
        <v>6</v>
      </c>
      <c r="AO8032">
        <v>6</v>
      </c>
      <c r="AP8032">
        <v>6</v>
      </c>
      <c r="AQ8032">
        <v>6</v>
      </c>
    </row>
    <row r="8033" spans="1:43">
      <c r="A8033" t="s">
        <v>5034</v>
      </c>
      <c r="B8033" t="s">
        <v>5035</v>
      </c>
      <c r="C8033" t="s">
        <v>4972</v>
      </c>
      <c r="D8033" t="s">
        <v>4973</v>
      </c>
      <c r="E8033" t="s">
        <v>4916</v>
      </c>
      <c r="F8033" t="s">
        <v>4917</v>
      </c>
      <c r="G8033" t="s">
        <v>80</v>
      </c>
      <c r="H8033" t="s">
        <v>81</v>
      </c>
      <c r="I8033" s="2">
        <v>1</v>
      </c>
      <c r="J8033" s="2">
        <v>0</v>
      </c>
      <c r="K8033" s="2">
        <v>0</v>
      </c>
      <c r="L8033" t="s">
        <v>120</v>
      </c>
      <c r="M8033" t="s">
        <v>83</v>
      </c>
      <c r="N8033" t="s">
        <v>91</v>
      </c>
      <c r="O8033" t="s">
        <v>85</v>
      </c>
      <c r="P8033" t="s">
        <v>86</v>
      </c>
      <c r="Q8033">
        <v>6</v>
      </c>
      <c r="R8033">
        <v>6</v>
      </c>
      <c r="S8033">
        <v>6</v>
      </c>
      <c r="T8033">
        <v>6</v>
      </c>
      <c r="U8033">
        <v>6</v>
      </c>
      <c r="V8033">
        <v>6</v>
      </c>
      <c r="W8033">
        <v>6</v>
      </c>
      <c r="X8033">
        <v>6</v>
      </c>
      <c r="Y8033">
        <v>6</v>
      </c>
      <c r="Z8033">
        <v>6</v>
      </c>
      <c r="AA8033">
        <v>6</v>
      </c>
      <c r="AB8033">
        <v>6</v>
      </c>
      <c r="AC8033">
        <v>6</v>
      </c>
      <c r="AD8033">
        <v>6</v>
      </c>
      <c r="AE8033">
        <v>6</v>
      </c>
      <c r="AF8033">
        <v>6</v>
      </c>
      <c r="AG8033">
        <v>6</v>
      </c>
      <c r="AH8033">
        <v>6</v>
      </c>
      <c r="AI8033">
        <v>6</v>
      </c>
      <c r="AJ8033">
        <v>6</v>
      </c>
      <c r="AK8033">
        <v>6</v>
      </c>
      <c r="AL8033">
        <v>6</v>
      </c>
      <c r="AM8033">
        <v>6</v>
      </c>
      <c r="AN8033">
        <v>6</v>
      </c>
      <c r="AO8033">
        <v>6</v>
      </c>
      <c r="AP8033">
        <v>6</v>
      </c>
      <c r="AQ8033">
        <v>6</v>
      </c>
    </row>
    <row r="8034" spans="1:43">
      <c r="A8034" t="s">
        <v>5036</v>
      </c>
      <c r="B8034" t="s">
        <v>5037</v>
      </c>
      <c r="C8034" t="s">
        <v>4948</v>
      </c>
      <c r="D8034" t="s">
        <v>4949</v>
      </c>
      <c r="E8034" t="s">
        <v>4916</v>
      </c>
      <c r="F8034" t="s">
        <v>4917</v>
      </c>
      <c r="G8034" t="s">
        <v>80</v>
      </c>
      <c r="H8034" t="s">
        <v>81</v>
      </c>
      <c r="I8034" s="2">
        <v>1</v>
      </c>
      <c r="J8034" s="2">
        <v>0</v>
      </c>
      <c r="K8034" s="2">
        <v>0</v>
      </c>
      <c r="L8034" t="s">
        <v>120</v>
      </c>
      <c r="M8034" t="s">
        <v>83</v>
      </c>
      <c r="N8034" t="s">
        <v>84</v>
      </c>
      <c r="O8034" t="s">
        <v>85</v>
      </c>
      <c r="P8034" t="s">
        <v>86</v>
      </c>
      <c r="Q8034">
        <v>11</v>
      </c>
      <c r="R8034">
        <v>11</v>
      </c>
      <c r="S8034">
        <v>12</v>
      </c>
      <c r="T8034">
        <v>12</v>
      </c>
      <c r="U8034">
        <v>12</v>
      </c>
      <c r="V8034">
        <v>12</v>
      </c>
      <c r="W8034">
        <v>12</v>
      </c>
      <c r="X8034">
        <v>12</v>
      </c>
      <c r="Y8034">
        <v>12</v>
      </c>
      <c r="Z8034">
        <v>12</v>
      </c>
      <c r="AA8034">
        <v>12</v>
      </c>
      <c r="AB8034">
        <v>12</v>
      </c>
      <c r="AC8034">
        <v>12</v>
      </c>
      <c r="AD8034">
        <v>12</v>
      </c>
      <c r="AE8034">
        <v>12</v>
      </c>
      <c r="AF8034">
        <v>12</v>
      </c>
      <c r="AG8034">
        <v>12</v>
      </c>
      <c r="AH8034">
        <v>12</v>
      </c>
      <c r="AI8034">
        <v>12</v>
      </c>
      <c r="AJ8034">
        <v>13</v>
      </c>
      <c r="AK8034">
        <v>13</v>
      </c>
      <c r="AL8034">
        <v>13</v>
      </c>
      <c r="AM8034">
        <v>13</v>
      </c>
      <c r="AN8034">
        <v>12</v>
      </c>
      <c r="AO8034">
        <v>12</v>
      </c>
      <c r="AP8034">
        <v>12</v>
      </c>
      <c r="AQ8034">
        <v>12</v>
      </c>
    </row>
    <row r="8035" spans="1:43">
      <c r="A8035" t="s">
        <v>5036</v>
      </c>
      <c r="B8035" t="s">
        <v>5037</v>
      </c>
      <c r="C8035" t="s">
        <v>4948</v>
      </c>
      <c r="D8035" t="s">
        <v>4949</v>
      </c>
      <c r="E8035" t="s">
        <v>4916</v>
      </c>
      <c r="F8035" t="s">
        <v>4917</v>
      </c>
      <c r="G8035" t="s">
        <v>80</v>
      </c>
      <c r="H8035" t="s">
        <v>81</v>
      </c>
      <c r="I8035" s="2">
        <v>1</v>
      </c>
      <c r="J8035" s="2">
        <v>0</v>
      </c>
      <c r="K8035" s="2">
        <v>0</v>
      </c>
      <c r="L8035" t="s">
        <v>120</v>
      </c>
      <c r="M8035" t="s">
        <v>87</v>
      </c>
      <c r="N8035" t="s">
        <v>88</v>
      </c>
      <c r="O8035" t="s">
        <v>85</v>
      </c>
      <c r="P8035" t="s">
        <v>86</v>
      </c>
      <c r="Q8035">
        <v>11</v>
      </c>
      <c r="R8035">
        <v>11</v>
      </c>
      <c r="S8035">
        <v>11</v>
      </c>
      <c r="T8035">
        <v>11</v>
      </c>
      <c r="U8035">
        <v>11</v>
      </c>
      <c r="V8035">
        <v>11</v>
      </c>
      <c r="W8035">
        <v>11</v>
      </c>
      <c r="X8035">
        <v>11</v>
      </c>
      <c r="Y8035">
        <v>11</v>
      </c>
      <c r="Z8035">
        <v>11</v>
      </c>
      <c r="AA8035">
        <v>11</v>
      </c>
      <c r="AB8035">
        <v>11</v>
      </c>
      <c r="AC8035">
        <v>11</v>
      </c>
      <c r="AD8035">
        <v>11</v>
      </c>
      <c r="AE8035">
        <v>11</v>
      </c>
      <c r="AF8035">
        <v>11</v>
      </c>
      <c r="AG8035">
        <v>11</v>
      </c>
      <c r="AH8035">
        <v>11</v>
      </c>
      <c r="AI8035">
        <v>11</v>
      </c>
      <c r="AJ8035">
        <v>11</v>
      </c>
      <c r="AK8035">
        <v>11</v>
      </c>
      <c r="AL8035">
        <v>11</v>
      </c>
      <c r="AM8035">
        <v>11</v>
      </c>
      <c r="AN8035">
        <v>11</v>
      </c>
      <c r="AO8035">
        <v>11</v>
      </c>
      <c r="AP8035">
        <v>11</v>
      </c>
      <c r="AQ8035">
        <v>11</v>
      </c>
    </row>
    <row r="8036" spans="1:43">
      <c r="A8036" t="s">
        <v>5036</v>
      </c>
      <c r="B8036" t="s">
        <v>5037</v>
      </c>
      <c r="C8036" t="s">
        <v>4948</v>
      </c>
      <c r="D8036" t="s">
        <v>4949</v>
      </c>
      <c r="E8036" t="s">
        <v>4916</v>
      </c>
      <c r="F8036" t="s">
        <v>4917</v>
      </c>
      <c r="G8036" t="s">
        <v>80</v>
      </c>
      <c r="H8036" t="s">
        <v>81</v>
      </c>
      <c r="I8036" s="2">
        <v>1</v>
      </c>
      <c r="J8036" s="2">
        <v>0</v>
      </c>
      <c r="K8036" s="2">
        <v>0</v>
      </c>
      <c r="L8036" t="s">
        <v>120</v>
      </c>
      <c r="M8036" t="s">
        <v>89</v>
      </c>
      <c r="N8036" t="s">
        <v>90</v>
      </c>
      <c r="O8036" t="s">
        <v>85</v>
      </c>
      <c r="P8036" t="s">
        <v>86</v>
      </c>
      <c r="Q8036">
        <v>11</v>
      </c>
      <c r="R8036">
        <v>12</v>
      </c>
      <c r="S8036">
        <v>12</v>
      </c>
      <c r="T8036">
        <v>12</v>
      </c>
      <c r="U8036">
        <v>12</v>
      </c>
      <c r="V8036">
        <v>12</v>
      </c>
      <c r="W8036">
        <v>12</v>
      </c>
      <c r="X8036">
        <v>13</v>
      </c>
      <c r="Y8036">
        <v>13</v>
      </c>
      <c r="Z8036">
        <v>13</v>
      </c>
      <c r="AA8036">
        <v>13</v>
      </c>
      <c r="AB8036">
        <v>13</v>
      </c>
      <c r="AC8036">
        <v>13</v>
      </c>
      <c r="AD8036">
        <v>13</v>
      </c>
      <c r="AE8036">
        <v>13</v>
      </c>
      <c r="AF8036">
        <v>13</v>
      </c>
      <c r="AG8036">
        <v>13</v>
      </c>
      <c r="AH8036">
        <v>13</v>
      </c>
      <c r="AI8036">
        <v>13</v>
      </c>
      <c r="AJ8036">
        <v>13</v>
      </c>
      <c r="AK8036">
        <v>13</v>
      </c>
      <c r="AL8036">
        <v>13</v>
      </c>
      <c r="AM8036">
        <v>13</v>
      </c>
      <c r="AN8036">
        <v>13</v>
      </c>
      <c r="AO8036">
        <v>13</v>
      </c>
      <c r="AP8036">
        <v>13</v>
      </c>
      <c r="AQ8036">
        <v>12</v>
      </c>
    </row>
    <row r="8037" spans="1:43">
      <c r="A8037" t="s">
        <v>5036</v>
      </c>
      <c r="B8037" t="s">
        <v>5037</v>
      </c>
      <c r="C8037" t="s">
        <v>4948</v>
      </c>
      <c r="D8037" t="s">
        <v>4949</v>
      </c>
      <c r="E8037" t="s">
        <v>4916</v>
      </c>
      <c r="F8037" t="s">
        <v>4917</v>
      </c>
      <c r="G8037" t="s">
        <v>80</v>
      </c>
      <c r="H8037" t="s">
        <v>81</v>
      </c>
      <c r="I8037" s="2">
        <v>1</v>
      </c>
      <c r="J8037" s="2">
        <v>0</v>
      </c>
      <c r="K8037" s="2">
        <v>0</v>
      </c>
      <c r="L8037" t="s">
        <v>120</v>
      </c>
      <c r="M8037" t="s">
        <v>83</v>
      </c>
      <c r="N8037" t="s">
        <v>91</v>
      </c>
      <c r="O8037" t="s">
        <v>85</v>
      </c>
      <c r="P8037" t="s">
        <v>86</v>
      </c>
      <c r="Q8037">
        <v>11</v>
      </c>
      <c r="R8037">
        <v>11</v>
      </c>
      <c r="S8037">
        <v>12</v>
      </c>
      <c r="T8037">
        <v>12</v>
      </c>
      <c r="U8037">
        <v>12</v>
      </c>
      <c r="V8037">
        <v>12</v>
      </c>
      <c r="W8037">
        <v>12</v>
      </c>
      <c r="X8037">
        <v>12</v>
      </c>
      <c r="Y8037">
        <v>12</v>
      </c>
      <c r="Z8037">
        <v>12</v>
      </c>
      <c r="AA8037">
        <v>12</v>
      </c>
      <c r="AB8037">
        <v>12</v>
      </c>
      <c r="AC8037">
        <v>12</v>
      </c>
      <c r="AD8037">
        <v>12</v>
      </c>
      <c r="AE8037">
        <v>12</v>
      </c>
      <c r="AF8037">
        <v>12</v>
      </c>
      <c r="AG8037">
        <v>12</v>
      </c>
      <c r="AH8037">
        <v>12</v>
      </c>
      <c r="AI8037">
        <v>12</v>
      </c>
      <c r="AJ8037">
        <v>13</v>
      </c>
      <c r="AK8037">
        <v>13</v>
      </c>
      <c r="AL8037">
        <v>13</v>
      </c>
      <c r="AM8037">
        <v>13</v>
      </c>
      <c r="AN8037">
        <v>12</v>
      </c>
      <c r="AO8037">
        <v>12</v>
      </c>
      <c r="AP8037">
        <v>12</v>
      </c>
      <c r="AQ8037">
        <v>12</v>
      </c>
    </row>
    <row r="8038" spans="1:43">
      <c r="A8038" t="s">
        <v>5038</v>
      </c>
      <c r="B8038" t="s">
        <v>5039</v>
      </c>
      <c r="C8038" t="s">
        <v>4972</v>
      </c>
      <c r="D8038" t="s">
        <v>4973</v>
      </c>
      <c r="E8038" t="s">
        <v>4916</v>
      </c>
      <c r="F8038" t="s">
        <v>4917</v>
      </c>
      <c r="G8038" t="s">
        <v>80</v>
      </c>
      <c r="H8038" t="s">
        <v>81</v>
      </c>
      <c r="I8038" s="2">
        <v>1</v>
      </c>
      <c r="J8038" s="2">
        <v>0</v>
      </c>
      <c r="K8038" s="2">
        <v>0</v>
      </c>
      <c r="L8038" t="s">
        <v>120</v>
      </c>
      <c r="M8038" t="s">
        <v>83</v>
      </c>
      <c r="N8038" t="s">
        <v>84</v>
      </c>
      <c r="O8038" t="s">
        <v>85</v>
      </c>
      <c r="P8038" t="s">
        <v>86</v>
      </c>
      <c r="Q8038">
        <v>24</v>
      </c>
      <c r="R8038">
        <v>25</v>
      </c>
      <c r="S8038">
        <v>25</v>
      </c>
      <c r="T8038">
        <v>25</v>
      </c>
      <c r="U8038">
        <v>25</v>
      </c>
      <c r="V8038">
        <v>25</v>
      </c>
      <c r="W8038">
        <v>25</v>
      </c>
      <c r="X8038">
        <v>25</v>
      </c>
      <c r="Y8038">
        <v>26</v>
      </c>
      <c r="Z8038">
        <v>26</v>
      </c>
      <c r="AA8038">
        <v>26</v>
      </c>
      <c r="AB8038">
        <v>26</v>
      </c>
      <c r="AC8038">
        <v>26</v>
      </c>
      <c r="AD8038">
        <v>26</v>
      </c>
      <c r="AE8038">
        <v>26</v>
      </c>
      <c r="AF8038">
        <v>26</v>
      </c>
      <c r="AG8038">
        <v>26</v>
      </c>
      <c r="AH8038">
        <v>27</v>
      </c>
      <c r="AI8038">
        <v>27</v>
      </c>
      <c r="AJ8038">
        <v>27</v>
      </c>
      <c r="AK8038">
        <v>27</v>
      </c>
      <c r="AL8038">
        <v>27</v>
      </c>
      <c r="AM8038">
        <v>27</v>
      </c>
      <c r="AN8038">
        <v>26</v>
      </c>
      <c r="AO8038">
        <v>26</v>
      </c>
      <c r="AP8038">
        <v>26</v>
      </c>
      <c r="AQ8038">
        <v>26</v>
      </c>
    </row>
    <row r="8039" spans="1:43">
      <c r="A8039" t="s">
        <v>5038</v>
      </c>
      <c r="B8039" t="s">
        <v>5039</v>
      </c>
      <c r="C8039" t="s">
        <v>4972</v>
      </c>
      <c r="D8039" t="s">
        <v>4973</v>
      </c>
      <c r="E8039" t="s">
        <v>4916</v>
      </c>
      <c r="F8039" t="s">
        <v>4917</v>
      </c>
      <c r="G8039" t="s">
        <v>80</v>
      </c>
      <c r="H8039" t="s">
        <v>81</v>
      </c>
      <c r="I8039" s="2">
        <v>1</v>
      </c>
      <c r="J8039" s="2">
        <v>0</v>
      </c>
      <c r="K8039" s="2">
        <v>0</v>
      </c>
      <c r="L8039" t="s">
        <v>120</v>
      </c>
      <c r="M8039" t="s">
        <v>87</v>
      </c>
      <c r="N8039" t="s">
        <v>88</v>
      </c>
      <c r="O8039" t="s">
        <v>85</v>
      </c>
      <c r="P8039" t="s">
        <v>86</v>
      </c>
      <c r="Q8039">
        <v>24</v>
      </c>
      <c r="R8039">
        <v>24</v>
      </c>
      <c r="S8039">
        <v>24</v>
      </c>
      <c r="T8039">
        <v>24</v>
      </c>
      <c r="U8039">
        <v>24</v>
      </c>
      <c r="V8039">
        <v>24</v>
      </c>
      <c r="W8039">
        <v>24</v>
      </c>
      <c r="X8039">
        <v>24</v>
      </c>
      <c r="Y8039">
        <v>24</v>
      </c>
      <c r="Z8039">
        <v>24</v>
      </c>
      <c r="AA8039">
        <v>24</v>
      </c>
      <c r="AB8039">
        <v>23</v>
      </c>
      <c r="AC8039">
        <v>23</v>
      </c>
      <c r="AD8039">
        <v>23</v>
      </c>
      <c r="AE8039">
        <v>23</v>
      </c>
      <c r="AF8039">
        <v>23</v>
      </c>
      <c r="AG8039">
        <v>23</v>
      </c>
      <c r="AH8039">
        <v>23</v>
      </c>
      <c r="AI8039">
        <v>23</v>
      </c>
      <c r="AJ8039">
        <v>23</v>
      </c>
      <c r="AK8039">
        <v>23</v>
      </c>
      <c r="AL8039">
        <v>23</v>
      </c>
      <c r="AM8039">
        <v>23</v>
      </c>
      <c r="AN8039">
        <v>23</v>
      </c>
      <c r="AO8039">
        <v>23</v>
      </c>
      <c r="AP8039">
        <v>23</v>
      </c>
      <c r="AQ8039">
        <v>23</v>
      </c>
    </row>
    <row r="8040" spans="1:43">
      <c r="A8040" t="s">
        <v>5038</v>
      </c>
      <c r="B8040" t="s">
        <v>5039</v>
      </c>
      <c r="C8040" t="s">
        <v>4972</v>
      </c>
      <c r="D8040" t="s">
        <v>4973</v>
      </c>
      <c r="E8040" t="s">
        <v>4916</v>
      </c>
      <c r="F8040" t="s">
        <v>4917</v>
      </c>
      <c r="G8040" t="s">
        <v>80</v>
      </c>
      <c r="H8040" t="s">
        <v>81</v>
      </c>
      <c r="I8040" s="2">
        <v>1</v>
      </c>
      <c r="J8040" s="2">
        <v>0</v>
      </c>
      <c r="K8040" s="2">
        <v>0</v>
      </c>
      <c r="L8040" t="s">
        <v>120</v>
      </c>
      <c r="M8040" t="s">
        <v>89</v>
      </c>
      <c r="N8040" t="s">
        <v>90</v>
      </c>
      <c r="O8040" t="s">
        <v>85</v>
      </c>
      <c r="P8040" t="s">
        <v>86</v>
      </c>
      <c r="Q8040">
        <v>24</v>
      </c>
      <c r="R8040">
        <v>24</v>
      </c>
      <c r="S8040">
        <v>24</v>
      </c>
      <c r="T8040">
        <v>25</v>
      </c>
      <c r="U8040">
        <v>25</v>
      </c>
      <c r="V8040">
        <v>25</v>
      </c>
      <c r="W8040">
        <v>26</v>
      </c>
      <c r="X8040">
        <v>26</v>
      </c>
      <c r="Y8040">
        <v>26</v>
      </c>
      <c r="Z8040">
        <v>26</v>
      </c>
      <c r="AA8040">
        <v>27</v>
      </c>
      <c r="AB8040">
        <v>27</v>
      </c>
      <c r="AC8040">
        <v>27</v>
      </c>
      <c r="AD8040">
        <v>27</v>
      </c>
      <c r="AE8040">
        <v>27</v>
      </c>
      <c r="AF8040">
        <v>27</v>
      </c>
      <c r="AG8040">
        <v>27</v>
      </c>
      <c r="AH8040">
        <v>27</v>
      </c>
      <c r="AI8040">
        <v>27</v>
      </c>
      <c r="AJ8040">
        <v>26</v>
      </c>
      <c r="AK8040">
        <v>26</v>
      </c>
      <c r="AL8040">
        <v>26</v>
      </c>
      <c r="AM8040">
        <v>26</v>
      </c>
      <c r="AN8040">
        <v>26</v>
      </c>
      <c r="AO8040">
        <v>26</v>
      </c>
      <c r="AP8040">
        <v>26</v>
      </c>
      <c r="AQ8040">
        <v>25</v>
      </c>
    </row>
    <row r="8041" spans="1:43">
      <c r="A8041" t="s">
        <v>5038</v>
      </c>
      <c r="B8041" t="s">
        <v>5039</v>
      </c>
      <c r="C8041" t="s">
        <v>4972</v>
      </c>
      <c r="D8041" t="s">
        <v>4973</v>
      </c>
      <c r="E8041" t="s">
        <v>4916</v>
      </c>
      <c r="F8041" t="s">
        <v>4917</v>
      </c>
      <c r="G8041" t="s">
        <v>80</v>
      </c>
      <c r="H8041" t="s">
        <v>81</v>
      </c>
      <c r="I8041" s="2">
        <v>1</v>
      </c>
      <c r="J8041" s="2">
        <v>0</v>
      </c>
      <c r="K8041" s="2">
        <v>0</v>
      </c>
      <c r="L8041" t="s">
        <v>120</v>
      </c>
      <c r="M8041" t="s">
        <v>83</v>
      </c>
      <c r="N8041" t="s">
        <v>91</v>
      </c>
      <c r="O8041" t="s">
        <v>85</v>
      </c>
      <c r="P8041" t="s">
        <v>86</v>
      </c>
      <c r="Q8041">
        <v>24</v>
      </c>
      <c r="R8041">
        <v>25</v>
      </c>
      <c r="S8041">
        <v>25</v>
      </c>
      <c r="T8041">
        <v>25</v>
      </c>
      <c r="U8041">
        <v>25</v>
      </c>
      <c r="V8041">
        <v>25</v>
      </c>
      <c r="W8041">
        <v>25</v>
      </c>
      <c r="X8041">
        <v>25</v>
      </c>
      <c r="Y8041">
        <v>26</v>
      </c>
      <c r="Z8041">
        <v>26</v>
      </c>
      <c r="AA8041">
        <v>26</v>
      </c>
      <c r="AB8041">
        <v>26</v>
      </c>
      <c r="AC8041">
        <v>26</v>
      </c>
      <c r="AD8041">
        <v>26</v>
      </c>
      <c r="AE8041">
        <v>26</v>
      </c>
      <c r="AF8041">
        <v>26</v>
      </c>
      <c r="AG8041">
        <v>26</v>
      </c>
      <c r="AH8041">
        <v>27</v>
      </c>
      <c r="AI8041">
        <v>27</v>
      </c>
      <c r="AJ8041">
        <v>27</v>
      </c>
      <c r="AK8041">
        <v>27</v>
      </c>
      <c r="AL8041">
        <v>27</v>
      </c>
      <c r="AM8041">
        <v>27</v>
      </c>
      <c r="AN8041">
        <v>26</v>
      </c>
      <c r="AO8041">
        <v>26</v>
      </c>
      <c r="AP8041">
        <v>26</v>
      </c>
      <c r="AQ8041">
        <v>26</v>
      </c>
    </row>
    <row r="8042" spans="1:43">
      <c r="A8042" t="s">
        <v>5040</v>
      </c>
      <c r="B8042" t="s">
        <v>5041</v>
      </c>
      <c r="C8042" t="s">
        <v>5032</v>
      </c>
      <c r="D8042" t="s">
        <v>5033</v>
      </c>
      <c r="E8042" t="s">
        <v>4916</v>
      </c>
      <c r="F8042" t="s">
        <v>4917</v>
      </c>
      <c r="G8042" t="s">
        <v>80</v>
      </c>
      <c r="H8042" t="s">
        <v>81</v>
      </c>
      <c r="I8042" s="2">
        <v>1</v>
      </c>
      <c r="J8042" s="2">
        <v>0</v>
      </c>
      <c r="K8042" s="2">
        <v>0</v>
      </c>
      <c r="L8042" t="s">
        <v>120</v>
      </c>
      <c r="M8042" t="s">
        <v>83</v>
      </c>
      <c r="N8042" t="s">
        <v>84</v>
      </c>
      <c r="O8042" t="s">
        <v>85</v>
      </c>
      <c r="P8042" t="s">
        <v>86</v>
      </c>
      <c r="Q8042">
        <v>17</v>
      </c>
      <c r="R8042">
        <v>17</v>
      </c>
      <c r="S8042">
        <v>17</v>
      </c>
      <c r="T8042">
        <v>18</v>
      </c>
      <c r="U8042">
        <v>18</v>
      </c>
      <c r="V8042">
        <v>18</v>
      </c>
      <c r="W8042">
        <v>18</v>
      </c>
      <c r="X8042">
        <v>18</v>
      </c>
      <c r="Y8042">
        <v>18</v>
      </c>
      <c r="Z8042">
        <v>18</v>
      </c>
      <c r="AA8042">
        <v>18</v>
      </c>
      <c r="AB8042">
        <v>18</v>
      </c>
      <c r="AC8042">
        <v>18</v>
      </c>
      <c r="AD8042">
        <v>18</v>
      </c>
      <c r="AE8042">
        <v>19</v>
      </c>
      <c r="AF8042">
        <v>19</v>
      </c>
      <c r="AG8042">
        <v>19</v>
      </c>
      <c r="AH8042">
        <v>19</v>
      </c>
      <c r="AI8042">
        <v>19</v>
      </c>
      <c r="AJ8042">
        <v>19</v>
      </c>
      <c r="AK8042">
        <v>19</v>
      </c>
      <c r="AL8042">
        <v>19</v>
      </c>
      <c r="AM8042">
        <v>19</v>
      </c>
      <c r="AN8042">
        <v>19</v>
      </c>
      <c r="AO8042">
        <v>19</v>
      </c>
      <c r="AP8042">
        <v>18</v>
      </c>
      <c r="AQ8042">
        <v>18</v>
      </c>
    </row>
    <row r="8043" spans="1:43">
      <c r="A8043" t="s">
        <v>5040</v>
      </c>
      <c r="B8043" t="s">
        <v>5041</v>
      </c>
      <c r="C8043" t="s">
        <v>5032</v>
      </c>
      <c r="D8043" t="s">
        <v>5033</v>
      </c>
      <c r="E8043" t="s">
        <v>4916</v>
      </c>
      <c r="F8043" t="s">
        <v>4917</v>
      </c>
      <c r="G8043" t="s">
        <v>80</v>
      </c>
      <c r="H8043" t="s">
        <v>81</v>
      </c>
      <c r="I8043" s="2">
        <v>1</v>
      </c>
      <c r="J8043" s="2">
        <v>0</v>
      </c>
      <c r="K8043" s="2">
        <v>0</v>
      </c>
      <c r="L8043" t="s">
        <v>120</v>
      </c>
      <c r="M8043" t="s">
        <v>87</v>
      </c>
      <c r="N8043" t="s">
        <v>88</v>
      </c>
      <c r="O8043" t="s">
        <v>85</v>
      </c>
      <c r="P8043" t="s">
        <v>86</v>
      </c>
      <c r="Q8043">
        <v>17</v>
      </c>
      <c r="R8043">
        <v>17</v>
      </c>
      <c r="S8043">
        <v>17</v>
      </c>
      <c r="T8043">
        <v>17</v>
      </c>
      <c r="U8043">
        <v>17</v>
      </c>
      <c r="V8043">
        <v>17</v>
      </c>
      <c r="W8043">
        <v>17</v>
      </c>
      <c r="X8043">
        <v>17</v>
      </c>
      <c r="Y8043">
        <v>17</v>
      </c>
      <c r="Z8043">
        <v>17</v>
      </c>
      <c r="AA8043">
        <v>17</v>
      </c>
      <c r="AB8043">
        <v>17</v>
      </c>
      <c r="AC8043">
        <v>17</v>
      </c>
      <c r="AD8043">
        <v>17</v>
      </c>
      <c r="AE8043">
        <v>16</v>
      </c>
      <c r="AF8043">
        <v>16</v>
      </c>
      <c r="AG8043">
        <v>16</v>
      </c>
      <c r="AH8043">
        <v>16</v>
      </c>
      <c r="AI8043">
        <v>16</v>
      </c>
      <c r="AJ8043">
        <v>16</v>
      </c>
      <c r="AK8043">
        <v>16</v>
      </c>
      <c r="AL8043">
        <v>16</v>
      </c>
      <c r="AM8043">
        <v>16</v>
      </c>
      <c r="AN8043">
        <v>16</v>
      </c>
      <c r="AO8043">
        <v>16</v>
      </c>
      <c r="AP8043">
        <v>16</v>
      </c>
      <c r="AQ8043">
        <v>16</v>
      </c>
    </row>
    <row r="8044" spans="1:43">
      <c r="A8044" t="s">
        <v>5040</v>
      </c>
      <c r="B8044" t="s">
        <v>5041</v>
      </c>
      <c r="C8044" t="s">
        <v>5032</v>
      </c>
      <c r="D8044" t="s">
        <v>5033</v>
      </c>
      <c r="E8044" t="s">
        <v>4916</v>
      </c>
      <c r="F8044" t="s">
        <v>4917</v>
      </c>
      <c r="G8044" t="s">
        <v>80</v>
      </c>
      <c r="H8044" t="s">
        <v>81</v>
      </c>
      <c r="I8044" s="2">
        <v>1</v>
      </c>
      <c r="J8044" s="2">
        <v>0</v>
      </c>
      <c r="K8044" s="2">
        <v>0</v>
      </c>
      <c r="L8044" t="s">
        <v>120</v>
      </c>
      <c r="M8044" t="s">
        <v>89</v>
      </c>
      <c r="N8044" t="s">
        <v>90</v>
      </c>
      <c r="O8044" t="s">
        <v>85</v>
      </c>
      <c r="P8044" t="s">
        <v>86</v>
      </c>
      <c r="Q8044">
        <v>17</v>
      </c>
      <c r="R8044">
        <v>18</v>
      </c>
      <c r="S8044">
        <v>18</v>
      </c>
      <c r="T8044">
        <v>18</v>
      </c>
      <c r="U8044">
        <v>18</v>
      </c>
      <c r="V8044">
        <v>19</v>
      </c>
      <c r="W8044">
        <v>19</v>
      </c>
      <c r="X8044">
        <v>19</v>
      </c>
      <c r="Y8044">
        <v>19</v>
      </c>
      <c r="Z8044">
        <v>19</v>
      </c>
      <c r="AA8044">
        <v>19</v>
      </c>
      <c r="AB8044">
        <v>20</v>
      </c>
      <c r="AC8044">
        <v>20</v>
      </c>
      <c r="AD8044">
        <v>20</v>
      </c>
      <c r="AE8044">
        <v>20</v>
      </c>
      <c r="AF8044">
        <v>20</v>
      </c>
      <c r="AG8044">
        <v>20</v>
      </c>
      <c r="AH8044">
        <v>20</v>
      </c>
      <c r="AI8044">
        <v>19</v>
      </c>
      <c r="AJ8044">
        <v>19</v>
      </c>
      <c r="AK8044">
        <v>19</v>
      </c>
      <c r="AL8044">
        <v>19</v>
      </c>
      <c r="AM8044">
        <v>19</v>
      </c>
      <c r="AN8044">
        <v>19</v>
      </c>
      <c r="AO8044">
        <v>19</v>
      </c>
      <c r="AP8044">
        <v>19</v>
      </c>
      <c r="AQ8044">
        <v>19</v>
      </c>
    </row>
    <row r="8045" spans="1:43">
      <c r="A8045" t="s">
        <v>5040</v>
      </c>
      <c r="B8045" t="s">
        <v>5041</v>
      </c>
      <c r="C8045" t="s">
        <v>5032</v>
      </c>
      <c r="D8045" t="s">
        <v>5033</v>
      </c>
      <c r="E8045" t="s">
        <v>4916</v>
      </c>
      <c r="F8045" t="s">
        <v>4917</v>
      </c>
      <c r="G8045" t="s">
        <v>80</v>
      </c>
      <c r="H8045" t="s">
        <v>81</v>
      </c>
      <c r="I8045" s="2">
        <v>1</v>
      </c>
      <c r="J8045" s="2">
        <v>0</v>
      </c>
      <c r="K8045" s="2">
        <v>0</v>
      </c>
      <c r="L8045" t="s">
        <v>120</v>
      </c>
      <c r="M8045" t="s">
        <v>83</v>
      </c>
      <c r="N8045" t="s">
        <v>91</v>
      </c>
      <c r="O8045" t="s">
        <v>85</v>
      </c>
      <c r="P8045" t="s">
        <v>86</v>
      </c>
      <c r="Q8045">
        <v>17</v>
      </c>
      <c r="R8045">
        <v>17</v>
      </c>
      <c r="S8045">
        <v>17</v>
      </c>
      <c r="T8045">
        <v>18</v>
      </c>
      <c r="U8045">
        <v>18</v>
      </c>
      <c r="V8045">
        <v>18</v>
      </c>
      <c r="W8045">
        <v>18</v>
      </c>
      <c r="X8045">
        <v>18</v>
      </c>
      <c r="Y8045">
        <v>18</v>
      </c>
      <c r="Z8045">
        <v>18</v>
      </c>
      <c r="AA8045">
        <v>18</v>
      </c>
      <c r="AB8045">
        <v>18</v>
      </c>
      <c r="AC8045">
        <v>18</v>
      </c>
      <c r="AD8045">
        <v>18</v>
      </c>
      <c r="AE8045">
        <v>19</v>
      </c>
      <c r="AF8045">
        <v>19</v>
      </c>
      <c r="AG8045">
        <v>19</v>
      </c>
      <c r="AH8045">
        <v>19</v>
      </c>
      <c r="AI8045">
        <v>19</v>
      </c>
      <c r="AJ8045">
        <v>19</v>
      </c>
      <c r="AK8045">
        <v>19</v>
      </c>
      <c r="AL8045">
        <v>19</v>
      </c>
      <c r="AM8045">
        <v>19</v>
      </c>
      <c r="AN8045">
        <v>19</v>
      </c>
      <c r="AO8045">
        <v>19</v>
      </c>
      <c r="AP8045">
        <v>18</v>
      </c>
      <c r="AQ8045">
        <v>18</v>
      </c>
    </row>
    <row r="8046" spans="1:43">
      <c r="A8046" t="s">
        <v>5042</v>
      </c>
      <c r="B8046" t="s">
        <v>5043</v>
      </c>
      <c r="C8046" t="s">
        <v>4948</v>
      </c>
      <c r="D8046" t="s">
        <v>4949</v>
      </c>
      <c r="E8046" t="s">
        <v>4916</v>
      </c>
      <c r="F8046" t="s">
        <v>4917</v>
      </c>
      <c r="G8046" t="s">
        <v>80</v>
      </c>
      <c r="H8046" t="s">
        <v>81</v>
      </c>
      <c r="I8046" s="2">
        <v>1</v>
      </c>
      <c r="J8046" s="2">
        <v>0</v>
      </c>
      <c r="K8046" s="2">
        <v>0</v>
      </c>
      <c r="L8046" t="s">
        <v>120</v>
      </c>
      <c r="M8046" t="s">
        <v>83</v>
      </c>
      <c r="N8046" t="s">
        <v>84</v>
      </c>
      <c r="O8046" t="s">
        <v>85</v>
      </c>
      <c r="P8046" t="s">
        <v>86</v>
      </c>
      <c r="Q8046">
        <v>16</v>
      </c>
      <c r="R8046">
        <v>17</v>
      </c>
      <c r="S8046">
        <v>17</v>
      </c>
      <c r="T8046">
        <v>17</v>
      </c>
      <c r="U8046">
        <v>17</v>
      </c>
      <c r="V8046">
        <v>17</v>
      </c>
      <c r="W8046">
        <v>17</v>
      </c>
      <c r="X8046">
        <v>17</v>
      </c>
      <c r="Y8046">
        <v>17</v>
      </c>
      <c r="Z8046">
        <v>17</v>
      </c>
      <c r="AA8046">
        <v>17</v>
      </c>
      <c r="AB8046">
        <v>17</v>
      </c>
      <c r="AC8046">
        <v>18</v>
      </c>
      <c r="AD8046">
        <v>18</v>
      </c>
      <c r="AE8046">
        <v>18</v>
      </c>
      <c r="AF8046">
        <v>18</v>
      </c>
      <c r="AG8046">
        <v>18</v>
      </c>
      <c r="AH8046">
        <v>18</v>
      </c>
      <c r="AI8046">
        <v>18</v>
      </c>
      <c r="AJ8046">
        <v>18</v>
      </c>
      <c r="AK8046">
        <v>18</v>
      </c>
      <c r="AL8046">
        <v>18</v>
      </c>
      <c r="AM8046">
        <v>18</v>
      </c>
      <c r="AN8046">
        <v>18</v>
      </c>
      <c r="AO8046">
        <v>18</v>
      </c>
      <c r="AP8046">
        <v>18</v>
      </c>
      <c r="AQ8046">
        <v>18</v>
      </c>
    </row>
    <row r="8047" spans="1:43">
      <c r="A8047" t="s">
        <v>5042</v>
      </c>
      <c r="B8047" t="s">
        <v>5043</v>
      </c>
      <c r="C8047" t="s">
        <v>4948</v>
      </c>
      <c r="D8047" t="s">
        <v>4949</v>
      </c>
      <c r="E8047" t="s">
        <v>4916</v>
      </c>
      <c r="F8047" t="s">
        <v>4917</v>
      </c>
      <c r="G8047" t="s">
        <v>80</v>
      </c>
      <c r="H8047" t="s">
        <v>81</v>
      </c>
      <c r="I8047" s="2">
        <v>1</v>
      </c>
      <c r="J8047" s="2">
        <v>0</v>
      </c>
      <c r="K8047" s="2">
        <v>0</v>
      </c>
      <c r="L8047" t="s">
        <v>120</v>
      </c>
      <c r="M8047" t="s">
        <v>87</v>
      </c>
      <c r="N8047" t="s">
        <v>88</v>
      </c>
      <c r="O8047" t="s">
        <v>85</v>
      </c>
      <c r="P8047" t="s">
        <v>86</v>
      </c>
      <c r="Q8047">
        <v>16</v>
      </c>
      <c r="R8047">
        <v>16</v>
      </c>
      <c r="S8047">
        <v>16</v>
      </c>
      <c r="T8047">
        <v>16</v>
      </c>
      <c r="U8047">
        <v>16</v>
      </c>
      <c r="V8047">
        <v>16</v>
      </c>
      <c r="W8047">
        <v>16</v>
      </c>
      <c r="X8047">
        <v>16</v>
      </c>
      <c r="Y8047">
        <v>16</v>
      </c>
      <c r="Z8047">
        <v>16</v>
      </c>
      <c r="AA8047">
        <v>16</v>
      </c>
      <c r="AB8047">
        <v>16</v>
      </c>
      <c r="AC8047">
        <v>16</v>
      </c>
      <c r="AD8047">
        <v>16</v>
      </c>
      <c r="AE8047">
        <v>16</v>
      </c>
      <c r="AF8047">
        <v>16</v>
      </c>
      <c r="AG8047">
        <v>16</v>
      </c>
      <c r="AH8047">
        <v>16</v>
      </c>
      <c r="AI8047">
        <v>16</v>
      </c>
      <c r="AJ8047">
        <v>15</v>
      </c>
      <c r="AK8047">
        <v>15</v>
      </c>
      <c r="AL8047">
        <v>15</v>
      </c>
      <c r="AM8047">
        <v>15</v>
      </c>
      <c r="AN8047">
        <v>15</v>
      </c>
      <c r="AO8047">
        <v>15</v>
      </c>
      <c r="AP8047">
        <v>15</v>
      </c>
      <c r="AQ8047">
        <v>15</v>
      </c>
    </row>
    <row r="8048" spans="1:43">
      <c r="A8048" t="s">
        <v>5042</v>
      </c>
      <c r="B8048" t="s">
        <v>5043</v>
      </c>
      <c r="C8048" t="s">
        <v>4948</v>
      </c>
      <c r="D8048" t="s">
        <v>4949</v>
      </c>
      <c r="E8048" t="s">
        <v>4916</v>
      </c>
      <c r="F8048" t="s">
        <v>4917</v>
      </c>
      <c r="G8048" t="s">
        <v>80</v>
      </c>
      <c r="H8048" t="s">
        <v>81</v>
      </c>
      <c r="I8048" s="2">
        <v>1</v>
      </c>
      <c r="J8048" s="2">
        <v>0</v>
      </c>
      <c r="K8048" s="2">
        <v>0</v>
      </c>
      <c r="L8048" t="s">
        <v>120</v>
      </c>
      <c r="M8048" t="s">
        <v>89</v>
      </c>
      <c r="N8048" t="s">
        <v>90</v>
      </c>
      <c r="O8048" t="s">
        <v>85</v>
      </c>
      <c r="P8048" t="s">
        <v>86</v>
      </c>
      <c r="Q8048">
        <v>16</v>
      </c>
      <c r="R8048">
        <v>16</v>
      </c>
      <c r="S8048">
        <v>16</v>
      </c>
      <c r="T8048">
        <v>16</v>
      </c>
      <c r="U8048">
        <v>16</v>
      </c>
      <c r="V8048">
        <v>17</v>
      </c>
      <c r="W8048">
        <v>17</v>
      </c>
      <c r="X8048">
        <v>17</v>
      </c>
      <c r="Y8048">
        <v>17</v>
      </c>
      <c r="Z8048">
        <v>17</v>
      </c>
      <c r="AA8048">
        <v>17</v>
      </c>
      <c r="AB8048">
        <v>18</v>
      </c>
      <c r="AC8048">
        <v>18</v>
      </c>
      <c r="AD8048">
        <v>18</v>
      </c>
      <c r="AE8048">
        <v>18</v>
      </c>
      <c r="AF8048">
        <v>18</v>
      </c>
      <c r="AG8048">
        <v>18</v>
      </c>
      <c r="AH8048">
        <v>18</v>
      </c>
      <c r="AI8048">
        <v>18</v>
      </c>
      <c r="AJ8048">
        <v>17</v>
      </c>
      <c r="AK8048">
        <v>17</v>
      </c>
      <c r="AL8048">
        <v>17</v>
      </c>
      <c r="AM8048">
        <v>17</v>
      </c>
      <c r="AN8048">
        <v>17</v>
      </c>
      <c r="AO8048">
        <v>17</v>
      </c>
      <c r="AP8048">
        <v>17</v>
      </c>
      <c r="AQ8048">
        <v>17</v>
      </c>
    </row>
    <row r="8049" spans="1:43">
      <c r="A8049" t="s">
        <v>5042</v>
      </c>
      <c r="B8049" t="s">
        <v>5043</v>
      </c>
      <c r="C8049" t="s">
        <v>4948</v>
      </c>
      <c r="D8049" t="s">
        <v>4949</v>
      </c>
      <c r="E8049" t="s">
        <v>4916</v>
      </c>
      <c r="F8049" t="s">
        <v>4917</v>
      </c>
      <c r="G8049" t="s">
        <v>80</v>
      </c>
      <c r="H8049" t="s">
        <v>81</v>
      </c>
      <c r="I8049" s="2">
        <v>1</v>
      </c>
      <c r="J8049" s="2">
        <v>0</v>
      </c>
      <c r="K8049" s="2">
        <v>0</v>
      </c>
      <c r="L8049" t="s">
        <v>120</v>
      </c>
      <c r="M8049" t="s">
        <v>83</v>
      </c>
      <c r="N8049" t="s">
        <v>91</v>
      </c>
      <c r="O8049" t="s">
        <v>85</v>
      </c>
      <c r="P8049" t="s">
        <v>86</v>
      </c>
      <c r="Q8049">
        <v>16</v>
      </c>
      <c r="R8049">
        <v>17</v>
      </c>
      <c r="S8049">
        <v>17</v>
      </c>
      <c r="T8049">
        <v>17</v>
      </c>
      <c r="U8049">
        <v>17</v>
      </c>
      <c r="V8049">
        <v>17</v>
      </c>
      <c r="W8049">
        <v>17</v>
      </c>
      <c r="X8049">
        <v>17</v>
      </c>
      <c r="Y8049">
        <v>17</v>
      </c>
      <c r="Z8049">
        <v>17</v>
      </c>
      <c r="AA8049">
        <v>17</v>
      </c>
      <c r="AB8049">
        <v>17</v>
      </c>
      <c r="AC8049">
        <v>18</v>
      </c>
      <c r="AD8049">
        <v>18</v>
      </c>
      <c r="AE8049">
        <v>18</v>
      </c>
      <c r="AF8049">
        <v>18</v>
      </c>
      <c r="AG8049">
        <v>18</v>
      </c>
      <c r="AH8049">
        <v>18</v>
      </c>
      <c r="AI8049">
        <v>18</v>
      </c>
      <c r="AJ8049">
        <v>18</v>
      </c>
      <c r="AK8049">
        <v>18</v>
      </c>
      <c r="AL8049">
        <v>18</v>
      </c>
      <c r="AM8049">
        <v>18</v>
      </c>
      <c r="AN8049">
        <v>18</v>
      </c>
      <c r="AO8049">
        <v>18</v>
      </c>
      <c r="AP8049">
        <v>18</v>
      </c>
      <c r="AQ8049">
        <v>18</v>
      </c>
    </row>
    <row r="8050" spans="1:43">
      <c r="A8050" t="s">
        <v>5044</v>
      </c>
      <c r="B8050" t="s">
        <v>5045</v>
      </c>
      <c r="C8050" t="s">
        <v>5046</v>
      </c>
      <c r="D8050" t="s">
        <v>5047</v>
      </c>
      <c r="E8050" t="s">
        <v>4916</v>
      </c>
      <c r="F8050" t="s">
        <v>4917</v>
      </c>
      <c r="G8050" t="s">
        <v>80</v>
      </c>
      <c r="H8050" t="s">
        <v>81</v>
      </c>
      <c r="I8050" s="2">
        <v>1</v>
      </c>
      <c r="J8050" s="2">
        <v>0</v>
      </c>
      <c r="K8050" s="2">
        <v>0</v>
      </c>
      <c r="L8050" t="s">
        <v>120</v>
      </c>
      <c r="M8050" t="s">
        <v>83</v>
      </c>
      <c r="N8050" t="s">
        <v>84</v>
      </c>
      <c r="O8050" t="s">
        <v>85</v>
      </c>
      <c r="P8050" t="s">
        <v>86</v>
      </c>
      <c r="Q8050">
        <v>38</v>
      </c>
      <c r="R8050">
        <v>38</v>
      </c>
      <c r="S8050">
        <v>39</v>
      </c>
      <c r="T8050">
        <v>39</v>
      </c>
      <c r="U8050">
        <v>39</v>
      </c>
      <c r="V8050">
        <v>39</v>
      </c>
      <c r="W8050">
        <v>40</v>
      </c>
      <c r="X8050">
        <v>40</v>
      </c>
      <c r="Y8050">
        <v>40</v>
      </c>
      <c r="Z8050">
        <v>40</v>
      </c>
      <c r="AA8050">
        <v>40</v>
      </c>
      <c r="AB8050">
        <v>41</v>
      </c>
      <c r="AC8050">
        <v>41</v>
      </c>
      <c r="AD8050">
        <v>41</v>
      </c>
      <c r="AE8050">
        <v>41</v>
      </c>
      <c r="AF8050">
        <v>41</v>
      </c>
      <c r="AG8050">
        <v>41</v>
      </c>
      <c r="AH8050">
        <v>41</v>
      </c>
      <c r="AI8050">
        <v>42</v>
      </c>
      <c r="AJ8050">
        <v>42</v>
      </c>
      <c r="AK8050">
        <v>42</v>
      </c>
      <c r="AL8050">
        <v>42</v>
      </c>
      <c r="AM8050">
        <v>42</v>
      </c>
      <c r="AN8050">
        <v>41</v>
      </c>
      <c r="AO8050">
        <v>41</v>
      </c>
      <c r="AP8050">
        <v>41</v>
      </c>
      <c r="AQ8050">
        <v>41</v>
      </c>
    </row>
    <row r="8051" spans="1:43">
      <c r="A8051" t="s">
        <v>5044</v>
      </c>
      <c r="B8051" t="s">
        <v>5045</v>
      </c>
      <c r="C8051" t="s">
        <v>5046</v>
      </c>
      <c r="D8051" t="s">
        <v>5047</v>
      </c>
      <c r="E8051" t="s">
        <v>4916</v>
      </c>
      <c r="F8051" t="s">
        <v>4917</v>
      </c>
      <c r="G8051" t="s">
        <v>80</v>
      </c>
      <c r="H8051" t="s">
        <v>81</v>
      </c>
      <c r="I8051" s="2">
        <v>1</v>
      </c>
      <c r="J8051" s="2">
        <v>0</v>
      </c>
      <c r="K8051" s="2">
        <v>0</v>
      </c>
      <c r="L8051" t="s">
        <v>120</v>
      </c>
      <c r="M8051" t="s">
        <v>87</v>
      </c>
      <c r="N8051" t="s">
        <v>88</v>
      </c>
      <c r="O8051" t="s">
        <v>85</v>
      </c>
      <c r="P8051" t="s">
        <v>86</v>
      </c>
      <c r="Q8051">
        <v>38</v>
      </c>
      <c r="R8051">
        <v>38</v>
      </c>
      <c r="S8051">
        <v>38</v>
      </c>
      <c r="T8051">
        <v>37</v>
      </c>
      <c r="U8051">
        <v>37</v>
      </c>
      <c r="V8051">
        <v>37</v>
      </c>
      <c r="W8051">
        <v>37</v>
      </c>
      <c r="X8051">
        <v>37</v>
      </c>
      <c r="Y8051">
        <v>37</v>
      </c>
      <c r="Z8051">
        <v>37</v>
      </c>
      <c r="AA8051">
        <v>37</v>
      </c>
      <c r="AB8051">
        <v>37</v>
      </c>
      <c r="AC8051">
        <v>37</v>
      </c>
      <c r="AD8051">
        <v>37</v>
      </c>
      <c r="AE8051">
        <v>37</v>
      </c>
      <c r="AF8051">
        <v>36</v>
      </c>
      <c r="AG8051">
        <v>36</v>
      </c>
      <c r="AH8051">
        <v>36</v>
      </c>
      <c r="AI8051">
        <v>36</v>
      </c>
      <c r="AJ8051">
        <v>36</v>
      </c>
      <c r="AK8051">
        <v>36</v>
      </c>
      <c r="AL8051">
        <v>36</v>
      </c>
      <c r="AM8051">
        <v>36</v>
      </c>
      <c r="AN8051">
        <v>36</v>
      </c>
      <c r="AO8051">
        <v>36</v>
      </c>
      <c r="AP8051">
        <v>36</v>
      </c>
      <c r="AQ8051">
        <v>36</v>
      </c>
    </row>
    <row r="8052" spans="1:43">
      <c r="A8052" t="s">
        <v>5044</v>
      </c>
      <c r="B8052" t="s">
        <v>5045</v>
      </c>
      <c r="C8052" t="s">
        <v>5046</v>
      </c>
      <c r="D8052" t="s">
        <v>5047</v>
      </c>
      <c r="E8052" t="s">
        <v>4916</v>
      </c>
      <c r="F8052" t="s">
        <v>4917</v>
      </c>
      <c r="G8052" t="s">
        <v>80</v>
      </c>
      <c r="H8052" t="s">
        <v>81</v>
      </c>
      <c r="I8052" s="2">
        <v>1</v>
      </c>
      <c r="J8052" s="2">
        <v>0</v>
      </c>
      <c r="K8052" s="2">
        <v>0</v>
      </c>
      <c r="L8052" t="s">
        <v>120</v>
      </c>
      <c r="M8052" t="s">
        <v>89</v>
      </c>
      <c r="N8052" t="s">
        <v>90</v>
      </c>
      <c r="O8052" t="s">
        <v>85</v>
      </c>
      <c r="P8052" t="s">
        <v>86</v>
      </c>
      <c r="Q8052">
        <v>38</v>
      </c>
      <c r="R8052">
        <v>39</v>
      </c>
      <c r="S8052">
        <v>40</v>
      </c>
      <c r="T8052">
        <v>40</v>
      </c>
      <c r="U8052">
        <v>41</v>
      </c>
      <c r="V8052">
        <v>41</v>
      </c>
      <c r="W8052">
        <v>41</v>
      </c>
      <c r="X8052">
        <v>42</v>
      </c>
      <c r="Y8052">
        <v>42</v>
      </c>
      <c r="Z8052">
        <v>43</v>
      </c>
      <c r="AA8052">
        <v>43</v>
      </c>
      <c r="AB8052">
        <v>43</v>
      </c>
      <c r="AC8052">
        <v>43</v>
      </c>
      <c r="AD8052">
        <v>44</v>
      </c>
      <c r="AE8052">
        <v>44</v>
      </c>
      <c r="AF8052">
        <v>44</v>
      </c>
      <c r="AG8052">
        <v>43</v>
      </c>
      <c r="AH8052">
        <v>43</v>
      </c>
      <c r="AI8052">
        <v>43</v>
      </c>
      <c r="AJ8052">
        <v>43</v>
      </c>
      <c r="AK8052">
        <v>43</v>
      </c>
      <c r="AL8052">
        <v>42</v>
      </c>
      <c r="AM8052">
        <v>42</v>
      </c>
      <c r="AN8052">
        <v>42</v>
      </c>
      <c r="AO8052">
        <v>42</v>
      </c>
      <c r="AP8052">
        <v>41</v>
      </c>
      <c r="AQ8052">
        <v>41</v>
      </c>
    </row>
    <row r="8053" spans="1:43">
      <c r="A8053" t="s">
        <v>5044</v>
      </c>
      <c r="B8053" t="s">
        <v>5045</v>
      </c>
      <c r="C8053" t="s">
        <v>5046</v>
      </c>
      <c r="D8053" t="s">
        <v>5047</v>
      </c>
      <c r="E8053" t="s">
        <v>4916</v>
      </c>
      <c r="F8053" t="s">
        <v>4917</v>
      </c>
      <c r="G8053" t="s">
        <v>80</v>
      </c>
      <c r="H8053" t="s">
        <v>81</v>
      </c>
      <c r="I8053" s="2">
        <v>1</v>
      </c>
      <c r="J8053" s="2">
        <v>0</v>
      </c>
      <c r="K8053" s="2">
        <v>0</v>
      </c>
      <c r="L8053" t="s">
        <v>120</v>
      </c>
      <c r="M8053" t="s">
        <v>83</v>
      </c>
      <c r="N8053" t="s">
        <v>91</v>
      </c>
      <c r="O8053" t="s">
        <v>85</v>
      </c>
      <c r="P8053" t="s">
        <v>86</v>
      </c>
      <c r="Q8053">
        <v>38</v>
      </c>
      <c r="R8053">
        <v>38</v>
      </c>
      <c r="S8053">
        <v>39</v>
      </c>
      <c r="T8053">
        <v>39</v>
      </c>
      <c r="U8053">
        <v>39</v>
      </c>
      <c r="V8053">
        <v>39</v>
      </c>
      <c r="W8053">
        <v>40</v>
      </c>
      <c r="X8053">
        <v>40</v>
      </c>
      <c r="Y8053">
        <v>40</v>
      </c>
      <c r="Z8053">
        <v>40</v>
      </c>
      <c r="AA8053">
        <v>40</v>
      </c>
      <c r="AB8053">
        <v>41</v>
      </c>
      <c r="AC8053">
        <v>41</v>
      </c>
      <c r="AD8053">
        <v>41</v>
      </c>
      <c r="AE8053">
        <v>41</v>
      </c>
      <c r="AF8053">
        <v>41</v>
      </c>
      <c r="AG8053">
        <v>41</v>
      </c>
      <c r="AH8053">
        <v>41</v>
      </c>
      <c r="AI8053">
        <v>42</v>
      </c>
      <c r="AJ8053">
        <v>42</v>
      </c>
      <c r="AK8053">
        <v>42</v>
      </c>
      <c r="AL8053">
        <v>42</v>
      </c>
      <c r="AM8053">
        <v>42</v>
      </c>
      <c r="AN8053">
        <v>41</v>
      </c>
      <c r="AO8053">
        <v>41</v>
      </c>
      <c r="AP8053">
        <v>41</v>
      </c>
      <c r="AQ8053">
        <v>41</v>
      </c>
    </row>
    <row r="8054" spans="1:43">
      <c r="A8054" t="s">
        <v>5048</v>
      </c>
      <c r="B8054" t="s">
        <v>5049</v>
      </c>
      <c r="C8054" t="s">
        <v>4982</v>
      </c>
      <c r="D8054" t="s">
        <v>4983</v>
      </c>
      <c r="E8054" t="s">
        <v>4916</v>
      </c>
      <c r="F8054" t="s">
        <v>4917</v>
      </c>
      <c r="G8054" t="s">
        <v>80</v>
      </c>
      <c r="H8054" t="s">
        <v>81</v>
      </c>
      <c r="I8054" s="2">
        <v>1</v>
      </c>
      <c r="J8054" s="2">
        <v>0</v>
      </c>
      <c r="K8054" s="2">
        <v>0</v>
      </c>
      <c r="L8054" t="s">
        <v>120</v>
      </c>
      <c r="M8054" t="s">
        <v>83</v>
      </c>
      <c r="N8054" t="s">
        <v>84</v>
      </c>
      <c r="O8054" t="s">
        <v>85</v>
      </c>
      <c r="P8054" t="s">
        <v>86</v>
      </c>
      <c r="Q8054">
        <v>14</v>
      </c>
      <c r="R8054">
        <v>14</v>
      </c>
      <c r="S8054">
        <v>14</v>
      </c>
      <c r="T8054">
        <v>14</v>
      </c>
      <c r="U8054">
        <v>14</v>
      </c>
      <c r="V8054">
        <v>14</v>
      </c>
      <c r="W8054">
        <v>14</v>
      </c>
      <c r="X8054">
        <v>14</v>
      </c>
      <c r="Y8054">
        <v>14</v>
      </c>
      <c r="Z8054">
        <v>14</v>
      </c>
      <c r="AA8054">
        <v>15</v>
      </c>
      <c r="AB8054">
        <v>15</v>
      </c>
      <c r="AC8054">
        <v>15</v>
      </c>
      <c r="AD8054">
        <v>15</v>
      </c>
      <c r="AE8054">
        <v>15</v>
      </c>
      <c r="AF8054">
        <v>15</v>
      </c>
      <c r="AG8054">
        <v>15</v>
      </c>
      <c r="AH8054">
        <v>15</v>
      </c>
      <c r="AI8054">
        <v>15</v>
      </c>
      <c r="AJ8054">
        <v>15</v>
      </c>
      <c r="AK8054">
        <v>15</v>
      </c>
      <c r="AL8054">
        <v>15</v>
      </c>
      <c r="AM8054">
        <v>15</v>
      </c>
      <c r="AN8054">
        <v>15</v>
      </c>
      <c r="AO8054">
        <v>15</v>
      </c>
      <c r="AP8054">
        <v>15</v>
      </c>
      <c r="AQ8054">
        <v>15</v>
      </c>
    </row>
    <row r="8055" spans="1:43">
      <c r="A8055" t="s">
        <v>5048</v>
      </c>
      <c r="B8055" t="s">
        <v>5049</v>
      </c>
      <c r="C8055" t="s">
        <v>4982</v>
      </c>
      <c r="D8055" t="s">
        <v>4983</v>
      </c>
      <c r="E8055" t="s">
        <v>4916</v>
      </c>
      <c r="F8055" t="s">
        <v>4917</v>
      </c>
      <c r="G8055" t="s">
        <v>80</v>
      </c>
      <c r="H8055" t="s">
        <v>81</v>
      </c>
      <c r="I8055" s="2">
        <v>1</v>
      </c>
      <c r="J8055" s="2">
        <v>0</v>
      </c>
      <c r="K8055" s="2">
        <v>0</v>
      </c>
      <c r="L8055" t="s">
        <v>120</v>
      </c>
      <c r="M8055" t="s">
        <v>87</v>
      </c>
      <c r="N8055" t="s">
        <v>88</v>
      </c>
      <c r="O8055" t="s">
        <v>85</v>
      </c>
      <c r="P8055" t="s">
        <v>86</v>
      </c>
      <c r="Q8055">
        <v>14</v>
      </c>
      <c r="R8055">
        <v>14</v>
      </c>
      <c r="S8055">
        <v>14</v>
      </c>
      <c r="T8055">
        <v>13</v>
      </c>
      <c r="U8055">
        <v>13</v>
      </c>
      <c r="V8055">
        <v>13</v>
      </c>
      <c r="W8055">
        <v>13</v>
      </c>
      <c r="X8055">
        <v>13</v>
      </c>
      <c r="Y8055">
        <v>13</v>
      </c>
      <c r="Z8055">
        <v>13</v>
      </c>
      <c r="AA8055">
        <v>13</v>
      </c>
      <c r="AB8055">
        <v>13</v>
      </c>
      <c r="AC8055">
        <v>13</v>
      </c>
      <c r="AD8055">
        <v>13</v>
      </c>
      <c r="AE8055">
        <v>13</v>
      </c>
      <c r="AF8055">
        <v>13</v>
      </c>
      <c r="AG8055">
        <v>13</v>
      </c>
      <c r="AH8055">
        <v>13</v>
      </c>
      <c r="AI8055">
        <v>13</v>
      </c>
      <c r="AJ8055">
        <v>13</v>
      </c>
      <c r="AK8055">
        <v>13</v>
      </c>
      <c r="AL8055">
        <v>13</v>
      </c>
      <c r="AM8055">
        <v>13</v>
      </c>
      <c r="AN8055">
        <v>13</v>
      </c>
      <c r="AO8055">
        <v>13</v>
      </c>
      <c r="AP8055">
        <v>13</v>
      </c>
      <c r="AQ8055">
        <v>13</v>
      </c>
    </row>
    <row r="8056" spans="1:43">
      <c r="A8056" t="s">
        <v>5048</v>
      </c>
      <c r="B8056" t="s">
        <v>5049</v>
      </c>
      <c r="C8056" t="s">
        <v>4982</v>
      </c>
      <c r="D8056" t="s">
        <v>4983</v>
      </c>
      <c r="E8056" t="s">
        <v>4916</v>
      </c>
      <c r="F8056" t="s">
        <v>4917</v>
      </c>
      <c r="G8056" t="s">
        <v>80</v>
      </c>
      <c r="H8056" t="s">
        <v>81</v>
      </c>
      <c r="I8056" s="2">
        <v>1</v>
      </c>
      <c r="J8056" s="2">
        <v>0</v>
      </c>
      <c r="K8056" s="2">
        <v>0</v>
      </c>
      <c r="L8056" t="s">
        <v>120</v>
      </c>
      <c r="M8056" t="s">
        <v>89</v>
      </c>
      <c r="N8056" t="s">
        <v>90</v>
      </c>
      <c r="O8056" t="s">
        <v>85</v>
      </c>
      <c r="P8056" t="s">
        <v>86</v>
      </c>
      <c r="Q8056">
        <v>14</v>
      </c>
      <c r="R8056">
        <v>14</v>
      </c>
      <c r="S8056">
        <v>14</v>
      </c>
      <c r="T8056">
        <v>14</v>
      </c>
      <c r="U8056">
        <v>15</v>
      </c>
      <c r="V8056">
        <v>15</v>
      </c>
      <c r="W8056">
        <v>15</v>
      </c>
      <c r="X8056">
        <v>15</v>
      </c>
      <c r="Y8056">
        <v>15</v>
      </c>
      <c r="Z8056">
        <v>15</v>
      </c>
      <c r="AA8056">
        <v>15</v>
      </c>
      <c r="AB8056">
        <v>16</v>
      </c>
      <c r="AC8056">
        <v>16</v>
      </c>
      <c r="AD8056">
        <v>16</v>
      </c>
      <c r="AE8056">
        <v>16</v>
      </c>
      <c r="AF8056">
        <v>16</v>
      </c>
      <c r="AG8056">
        <v>16</v>
      </c>
      <c r="AH8056">
        <v>16</v>
      </c>
      <c r="AI8056">
        <v>15</v>
      </c>
      <c r="AJ8056">
        <v>15</v>
      </c>
      <c r="AK8056">
        <v>15</v>
      </c>
      <c r="AL8056">
        <v>15</v>
      </c>
      <c r="AM8056">
        <v>15</v>
      </c>
      <c r="AN8056">
        <v>15</v>
      </c>
      <c r="AO8056">
        <v>15</v>
      </c>
      <c r="AP8056">
        <v>15</v>
      </c>
      <c r="AQ8056">
        <v>15</v>
      </c>
    </row>
    <row r="8057" spans="1:43">
      <c r="A8057" t="s">
        <v>5048</v>
      </c>
      <c r="B8057" t="s">
        <v>5049</v>
      </c>
      <c r="C8057" t="s">
        <v>4982</v>
      </c>
      <c r="D8057" t="s">
        <v>4983</v>
      </c>
      <c r="E8057" t="s">
        <v>4916</v>
      </c>
      <c r="F8057" t="s">
        <v>4917</v>
      </c>
      <c r="G8057" t="s">
        <v>80</v>
      </c>
      <c r="H8057" t="s">
        <v>81</v>
      </c>
      <c r="I8057" s="2">
        <v>1</v>
      </c>
      <c r="J8057" s="2">
        <v>0</v>
      </c>
      <c r="K8057" s="2">
        <v>0</v>
      </c>
      <c r="L8057" t="s">
        <v>120</v>
      </c>
      <c r="M8057" t="s">
        <v>83</v>
      </c>
      <c r="N8057" t="s">
        <v>91</v>
      </c>
      <c r="O8057" t="s">
        <v>85</v>
      </c>
      <c r="P8057" t="s">
        <v>86</v>
      </c>
      <c r="Q8057">
        <v>14</v>
      </c>
      <c r="R8057">
        <v>14</v>
      </c>
      <c r="S8057">
        <v>14</v>
      </c>
      <c r="T8057">
        <v>14</v>
      </c>
      <c r="U8057">
        <v>14</v>
      </c>
      <c r="V8057">
        <v>14</v>
      </c>
      <c r="W8057">
        <v>14</v>
      </c>
      <c r="X8057">
        <v>14</v>
      </c>
      <c r="Y8057">
        <v>14</v>
      </c>
      <c r="Z8057">
        <v>14</v>
      </c>
      <c r="AA8057">
        <v>15</v>
      </c>
      <c r="AB8057">
        <v>15</v>
      </c>
      <c r="AC8057">
        <v>15</v>
      </c>
      <c r="AD8057">
        <v>15</v>
      </c>
      <c r="AE8057">
        <v>15</v>
      </c>
      <c r="AF8057">
        <v>15</v>
      </c>
      <c r="AG8057">
        <v>15</v>
      </c>
      <c r="AH8057">
        <v>15</v>
      </c>
      <c r="AI8057">
        <v>15</v>
      </c>
      <c r="AJ8057">
        <v>15</v>
      </c>
      <c r="AK8057">
        <v>15</v>
      </c>
      <c r="AL8057">
        <v>15</v>
      </c>
      <c r="AM8057">
        <v>15</v>
      </c>
      <c r="AN8057">
        <v>15</v>
      </c>
      <c r="AO8057">
        <v>15</v>
      </c>
      <c r="AP8057">
        <v>15</v>
      </c>
      <c r="AQ8057">
        <v>15</v>
      </c>
    </row>
    <row r="8058" spans="1:43">
      <c r="A8058" t="s">
        <v>5050</v>
      </c>
      <c r="B8058" t="s">
        <v>5051</v>
      </c>
      <c r="C8058" t="s">
        <v>5046</v>
      </c>
      <c r="D8058" t="s">
        <v>5047</v>
      </c>
      <c r="E8058" t="s">
        <v>4916</v>
      </c>
      <c r="F8058" t="s">
        <v>4917</v>
      </c>
      <c r="G8058" t="s">
        <v>80</v>
      </c>
      <c r="H8058" t="s">
        <v>81</v>
      </c>
      <c r="I8058" s="2">
        <v>1</v>
      </c>
      <c r="J8058" s="2">
        <v>0</v>
      </c>
      <c r="K8058" s="2">
        <v>0</v>
      </c>
      <c r="L8058" t="s">
        <v>120</v>
      </c>
      <c r="M8058" t="s">
        <v>83</v>
      </c>
      <c r="N8058" t="s">
        <v>84</v>
      </c>
      <c r="O8058" t="s">
        <v>85</v>
      </c>
      <c r="P8058" t="s">
        <v>86</v>
      </c>
      <c r="Q8058">
        <v>26</v>
      </c>
      <c r="R8058">
        <v>26</v>
      </c>
      <c r="S8058">
        <v>26</v>
      </c>
      <c r="T8058">
        <v>26</v>
      </c>
      <c r="U8058">
        <v>26</v>
      </c>
      <c r="V8058">
        <v>27</v>
      </c>
      <c r="W8058">
        <v>27</v>
      </c>
      <c r="X8058">
        <v>27</v>
      </c>
      <c r="Y8058">
        <v>27</v>
      </c>
      <c r="Z8058">
        <v>27</v>
      </c>
      <c r="AA8058">
        <v>27</v>
      </c>
      <c r="AB8058">
        <v>27</v>
      </c>
      <c r="AC8058">
        <v>27</v>
      </c>
      <c r="AD8058">
        <v>28</v>
      </c>
      <c r="AE8058">
        <v>28</v>
      </c>
      <c r="AF8058">
        <v>28</v>
      </c>
      <c r="AG8058">
        <v>28</v>
      </c>
      <c r="AH8058">
        <v>28</v>
      </c>
      <c r="AI8058">
        <v>28</v>
      </c>
      <c r="AJ8058">
        <v>28</v>
      </c>
      <c r="AK8058">
        <v>28</v>
      </c>
      <c r="AL8058">
        <v>28</v>
      </c>
      <c r="AM8058">
        <v>28</v>
      </c>
      <c r="AN8058">
        <v>28</v>
      </c>
      <c r="AO8058">
        <v>28</v>
      </c>
      <c r="AP8058">
        <v>28</v>
      </c>
      <c r="AQ8058">
        <v>27</v>
      </c>
    </row>
    <row r="8059" spans="1:43">
      <c r="A8059" t="s">
        <v>5050</v>
      </c>
      <c r="B8059" t="s">
        <v>5051</v>
      </c>
      <c r="C8059" t="s">
        <v>5046</v>
      </c>
      <c r="D8059" t="s">
        <v>5047</v>
      </c>
      <c r="E8059" t="s">
        <v>4916</v>
      </c>
      <c r="F8059" t="s">
        <v>4917</v>
      </c>
      <c r="G8059" t="s">
        <v>80</v>
      </c>
      <c r="H8059" t="s">
        <v>81</v>
      </c>
      <c r="I8059" s="2">
        <v>1</v>
      </c>
      <c r="J8059" s="2">
        <v>0</v>
      </c>
      <c r="K8059" s="2">
        <v>0</v>
      </c>
      <c r="L8059" t="s">
        <v>120</v>
      </c>
      <c r="M8059" t="s">
        <v>87</v>
      </c>
      <c r="N8059" t="s">
        <v>88</v>
      </c>
      <c r="O8059" t="s">
        <v>85</v>
      </c>
      <c r="P8059" t="s">
        <v>86</v>
      </c>
      <c r="Q8059">
        <v>26</v>
      </c>
      <c r="R8059">
        <v>25</v>
      </c>
      <c r="S8059">
        <v>25</v>
      </c>
      <c r="T8059">
        <v>25</v>
      </c>
      <c r="U8059">
        <v>25</v>
      </c>
      <c r="V8059">
        <v>25</v>
      </c>
      <c r="W8059">
        <v>25</v>
      </c>
      <c r="X8059">
        <v>25</v>
      </c>
      <c r="Y8059">
        <v>25</v>
      </c>
      <c r="Z8059">
        <v>25</v>
      </c>
      <c r="AA8059">
        <v>25</v>
      </c>
      <c r="AB8059">
        <v>25</v>
      </c>
      <c r="AC8059">
        <v>25</v>
      </c>
      <c r="AD8059">
        <v>25</v>
      </c>
      <c r="AE8059">
        <v>25</v>
      </c>
      <c r="AF8059">
        <v>25</v>
      </c>
      <c r="AG8059">
        <v>25</v>
      </c>
      <c r="AH8059">
        <v>24</v>
      </c>
      <c r="AI8059">
        <v>24</v>
      </c>
      <c r="AJ8059">
        <v>24</v>
      </c>
      <c r="AK8059">
        <v>24</v>
      </c>
      <c r="AL8059">
        <v>24</v>
      </c>
      <c r="AM8059">
        <v>24</v>
      </c>
      <c r="AN8059">
        <v>24</v>
      </c>
      <c r="AO8059">
        <v>24</v>
      </c>
      <c r="AP8059">
        <v>24</v>
      </c>
      <c r="AQ8059">
        <v>24</v>
      </c>
    </row>
    <row r="8060" spans="1:43">
      <c r="A8060" t="s">
        <v>5050</v>
      </c>
      <c r="B8060" t="s">
        <v>5051</v>
      </c>
      <c r="C8060" t="s">
        <v>5046</v>
      </c>
      <c r="D8060" t="s">
        <v>5047</v>
      </c>
      <c r="E8060" t="s">
        <v>4916</v>
      </c>
      <c r="F8060" t="s">
        <v>4917</v>
      </c>
      <c r="G8060" t="s">
        <v>80</v>
      </c>
      <c r="H8060" t="s">
        <v>81</v>
      </c>
      <c r="I8060" s="2">
        <v>1</v>
      </c>
      <c r="J8060" s="2">
        <v>0</v>
      </c>
      <c r="K8060" s="2">
        <v>0</v>
      </c>
      <c r="L8060" t="s">
        <v>120</v>
      </c>
      <c r="M8060" t="s">
        <v>89</v>
      </c>
      <c r="N8060" t="s">
        <v>90</v>
      </c>
      <c r="O8060" t="s">
        <v>85</v>
      </c>
      <c r="P8060" t="s">
        <v>86</v>
      </c>
      <c r="Q8060">
        <v>26</v>
      </c>
      <c r="R8060">
        <v>26</v>
      </c>
      <c r="S8060">
        <v>27</v>
      </c>
      <c r="T8060">
        <v>27</v>
      </c>
      <c r="U8060">
        <v>27</v>
      </c>
      <c r="V8060">
        <v>28</v>
      </c>
      <c r="W8060">
        <v>28</v>
      </c>
      <c r="X8060">
        <v>28</v>
      </c>
      <c r="Y8060">
        <v>29</v>
      </c>
      <c r="Z8060">
        <v>29</v>
      </c>
      <c r="AA8060">
        <v>29</v>
      </c>
      <c r="AB8060">
        <v>29</v>
      </c>
      <c r="AC8060">
        <v>29</v>
      </c>
      <c r="AD8060">
        <v>30</v>
      </c>
      <c r="AE8060">
        <v>30</v>
      </c>
      <c r="AF8060">
        <v>29</v>
      </c>
      <c r="AG8060">
        <v>29</v>
      </c>
      <c r="AH8060">
        <v>29</v>
      </c>
      <c r="AI8060">
        <v>29</v>
      </c>
      <c r="AJ8060">
        <v>29</v>
      </c>
      <c r="AK8060">
        <v>29</v>
      </c>
      <c r="AL8060">
        <v>28</v>
      </c>
      <c r="AM8060">
        <v>28</v>
      </c>
      <c r="AN8060">
        <v>28</v>
      </c>
      <c r="AO8060">
        <v>28</v>
      </c>
      <c r="AP8060">
        <v>28</v>
      </c>
      <c r="AQ8060">
        <v>28</v>
      </c>
    </row>
    <row r="8061" spans="1:43">
      <c r="A8061" t="s">
        <v>5050</v>
      </c>
      <c r="B8061" t="s">
        <v>5051</v>
      </c>
      <c r="C8061" t="s">
        <v>5046</v>
      </c>
      <c r="D8061" t="s">
        <v>5047</v>
      </c>
      <c r="E8061" t="s">
        <v>4916</v>
      </c>
      <c r="F8061" t="s">
        <v>4917</v>
      </c>
      <c r="G8061" t="s">
        <v>80</v>
      </c>
      <c r="H8061" t="s">
        <v>81</v>
      </c>
      <c r="I8061" s="2">
        <v>1</v>
      </c>
      <c r="J8061" s="2">
        <v>0</v>
      </c>
      <c r="K8061" s="2">
        <v>0</v>
      </c>
      <c r="L8061" t="s">
        <v>120</v>
      </c>
      <c r="M8061" t="s">
        <v>83</v>
      </c>
      <c r="N8061" t="s">
        <v>91</v>
      </c>
      <c r="O8061" t="s">
        <v>85</v>
      </c>
      <c r="P8061" t="s">
        <v>86</v>
      </c>
      <c r="Q8061">
        <v>26</v>
      </c>
      <c r="R8061">
        <v>26</v>
      </c>
      <c r="S8061">
        <v>26</v>
      </c>
      <c r="T8061">
        <v>26</v>
      </c>
      <c r="U8061">
        <v>26</v>
      </c>
      <c r="V8061">
        <v>27</v>
      </c>
      <c r="W8061">
        <v>27</v>
      </c>
      <c r="X8061">
        <v>27</v>
      </c>
      <c r="Y8061">
        <v>27</v>
      </c>
      <c r="Z8061">
        <v>27</v>
      </c>
      <c r="AA8061">
        <v>27</v>
      </c>
      <c r="AB8061">
        <v>27</v>
      </c>
      <c r="AC8061">
        <v>27</v>
      </c>
      <c r="AD8061">
        <v>28</v>
      </c>
      <c r="AE8061">
        <v>28</v>
      </c>
      <c r="AF8061">
        <v>28</v>
      </c>
      <c r="AG8061">
        <v>28</v>
      </c>
      <c r="AH8061">
        <v>28</v>
      </c>
      <c r="AI8061">
        <v>28</v>
      </c>
      <c r="AJ8061">
        <v>28</v>
      </c>
      <c r="AK8061">
        <v>28</v>
      </c>
      <c r="AL8061">
        <v>28</v>
      </c>
      <c r="AM8061">
        <v>28</v>
      </c>
      <c r="AN8061">
        <v>28</v>
      </c>
      <c r="AO8061">
        <v>28</v>
      </c>
      <c r="AP8061">
        <v>28</v>
      </c>
      <c r="AQ8061">
        <v>27</v>
      </c>
    </row>
    <row r="8062" spans="1:43">
      <c r="A8062" t="s">
        <v>5052</v>
      </c>
      <c r="B8062" t="s">
        <v>5053</v>
      </c>
      <c r="C8062" t="s">
        <v>5016</v>
      </c>
      <c r="D8062" t="s">
        <v>5017</v>
      </c>
      <c r="E8062" t="s">
        <v>4916</v>
      </c>
      <c r="F8062" t="s">
        <v>4917</v>
      </c>
      <c r="G8062" t="s">
        <v>80</v>
      </c>
      <c r="H8062" t="s">
        <v>81</v>
      </c>
      <c r="I8062" s="2">
        <v>1</v>
      </c>
      <c r="J8062" s="2">
        <v>0</v>
      </c>
      <c r="K8062" s="2">
        <v>0</v>
      </c>
      <c r="L8062" t="s">
        <v>120</v>
      </c>
      <c r="M8062" t="s">
        <v>83</v>
      </c>
      <c r="N8062" t="s">
        <v>84</v>
      </c>
      <c r="O8062" t="s">
        <v>85</v>
      </c>
      <c r="P8062" t="s">
        <v>86</v>
      </c>
      <c r="Q8062">
        <v>31</v>
      </c>
      <c r="R8062">
        <v>31</v>
      </c>
      <c r="S8062">
        <v>32</v>
      </c>
      <c r="T8062">
        <v>32</v>
      </c>
      <c r="U8062">
        <v>32</v>
      </c>
      <c r="V8062">
        <v>32</v>
      </c>
      <c r="W8062">
        <v>32</v>
      </c>
      <c r="X8062">
        <v>33</v>
      </c>
      <c r="Y8062">
        <v>33</v>
      </c>
      <c r="Z8062">
        <v>33</v>
      </c>
      <c r="AA8062">
        <v>33</v>
      </c>
      <c r="AB8062">
        <v>33</v>
      </c>
      <c r="AC8062">
        <v>33</v>
      </c>
      <c r="AD8062">
        <v>34</v>
      </c>
      <c r="AE8062">
        <v>34</v>
      </c>
      <c r="AF8062">
        <v>34</v>
      </c>
      <c r="AG8062">
        <v>34</v>
      </c>
      <c r="AH8062">
        <v>34</v>
      </c>
      <c r="AI8062">
        <v>34</v>
      </c>
      <c r="AJ8062">
        <v>34</v>
      </c>
      <c r="AK8062">
        <v>34</v>
      </c>
      <c r="AL8062">
        <v>34</v>
      </c>
      <c r="AM8062">
        <v>34</v>
      </c>
      <c r="AN8062">
        <v>34</v>
      </c>
      <c r="AO8062">
        <v>34</v>
      </c>
      <c r="AP8062">
        <v>34</v>
      </c>
      <c r="AQ8062">
        <v>33</v>
      </c>
    </row>
    <row r="8063" spans="1:43">
      <c r="A8063" t="s">
        <v>5052</v>
      </c>
      <c r="B8063" t="s">
        <v>5053</v>
      </c>
      <c r="C8063" t="s">
        <v>5016</v>
      </c>
      <c r="D8063" t="s">
        <v>5017</v>
      </c>
      <c r="E8063" t="s">
        <v>4916</v>
      </c>
      <c r="F8063" t="s">
        <v>4917</v>
      </c>
      <c r="G8063" t="s">
        <v>80</v>
      </c>
      <c r="H8063" t="s">
        <v>81</v>
      </c>
      <c r="I8063" s="2">
        <v>1</v>
      </c>
      <c r="J8063" s="2">
        <v>0</v>
      </c>
      <c r="K8063" s="2">
        <v>0</v>
      </c>
      <c r="L8063" t="s">
        <v>120</v>
      </c>
      <c r="M8063" t="s">
        <v>87</v>
      </c>
      <c r="N8063" t="s">
        <v>88</v>
      </c>
      <c r="O8063" t="s">
        <v>85</v>
      </c>
      <c r="P8063" t="s">
        <v>86</v>
      </c>
      <c r="Q8063">
        <v>31</v>
      </c>
      <c r="R8063">
        <v>31</v>
      </c>
      <c r="S8063">
        <v>31</v>
      </c>
      <c r="T8063">
        <v>31</v>
      </c>
      <c r="U8063">
        <v>31</v>
      </c>
      <c r="V8063">
        <v>31</v>
      </c>
      <c r="W8063">
        <v>30</v>
      </c>
      <c r="X8063">
        <v>30</v>
      </c>
      <c r="Y8063">
        <v>30</v>
      </c>
      <c r="Z8063">
        <v>30</v>
      </c>
      <c r="AA8063">
        <v>30</v>
      </c>
      <c r="AB8063">
        <v>30</v>
      </c>
      <c r="AC8063">
        <v>30</v>
      </c>
      <c r="AD8063">
        <v>30</v>
      </c>
      <c r="AE8063">
        <v>30</v>
      </c>
      <c r="AF8063">
        <v>30</v>
      </c>
      <c r="AG8063">
        <v>30</v>
      </c>
      <c r="AH8063">
        <v>30</v>
      </c>
      <c r="AI8063">
        <v>30</v>
      </c>
      <c r="AJ8063">
        <v>30</v>
      </c>
      <c r="AK8063">
        <v>29</v>
      </c>
      <c r="AL8063">
        <v>29</v>
      </c>
      <c r="AM8063">
        <v>29</v>
      </c>
      <c r="AN8063">
        <v>29</v>
      </c>
      <c r="AO8063">
        <v>29</v>
      </c>
      <c r="AP8063">
        <v>29</v>
      </c>
      <c r="AQ8063">
        <v>29</v>
      </c>
    </row>
    <row r="8064" spans="1:43">
      <c r="A8064" t="s">
        <v>5052</v>
      </c>
      <c r="B8064" t="s">
        <v>5053</v>
      </c>
      <c r="C8064" t="s">
        <v>5016</v>
      </c>
      <c r="D8064" t="s">
        <v>5017</v>
      </c>
      <c r="E8064" t="s">
        <v>4916</v>
      </c>
      <c r="F8064" t="s">
        <v>4917</v>
      </c>
      <c r="G8064" t="s">
        <v>80</v>
      </c>
      <c r="H8064" t="s">
        <v>81</v>
      </c>
      <c r="I8064" s="2">
        <v>1</v>
      </c>
      <c r="J8064" s="2">
        <v>0</v>
      </c>
      <c r="K8064" s="2">
        <v>0</v>
      </c>
      <c r="L8064" t="s">
        <v>120</v>
      </c>
      <c r="M8064" t="s">
        <v>89</v>
      </c>
      <c r="N8064" t="s">
        <v>90</v>
      </c>
      <c r="O8064" t="s">
        <v>85</v>
      </c>
      <c r="P8064" t="s">
        <v>86</v>
      </c>
      <c r="Q8064">
        <v>31</v>
      </c>
      <c r="R8064">
        <v>32</v>
      </c>
      <c r="S8064">
        <v>32</v>
      </c>
      <c r="T8064">
        <v>33</v>
      </c>
      <c r="U8064">
        <v>33</v>
      </c>
      <c r="V8064">
        <v>34</v>
      </c>
      <c r="W8064">
        <v>34</v>
      </c>
      <c r="X8064">
        <v>34</v>
      </c>
      <c r="Y8064">
        <v>35</v>
      </c>
      <c r="Z8064">
        <v>35</v>
      </c>
      <c r="AA8064">
        <v>35</v>
      </c>
      <c r="AB8064">
        <v>35</v>
      </c>
      <c r="AC8064">
        <v>36</v>
      </c>
      <c r="AD8064">
        <v>36</v>
      </c>
      <c r="AE8064">
        <v>36</v>
      </c>
      <c r="AF8064">
        <v>36</v>
      </c>
      <c r="AG8064">
        <v>36</v>
      </c>
      <c r="AH8064">
        <v>35</v>
      </c>
      <c r="AI8064">
        <v>35</v>
      </c>
      <c r="AJ8064">
        <v>35</v>
      </c>
      <c r="AK8064">
        <v>35</v>
      </c>
      <c r="AL8064">
        <v>35</v>
      </c>
      <c r="AM8064">
        <v>35</v>
      </c>
      <c r="AN8064">
        <v>34</v>
      </c>
      <c r="AO8064">
        <v>34</v>
      </c>
      <c r="AP8064">
        <v>34</v>
      </c>
      <c r="AQ8064">
        <v>34</v>
      </c>
    </row>
    <row r="8065" spans="1:43">
      <c r="A8065" t="s">
        <v>5052</v>
      </c>
      <c r="B8065" t="s">
        <v>5053</v>
      </c>
      <c r="C8065" t="s">
        <v>5016</v>
      </c>
      <c r="D8065" t="s">
        <v>5017</v>
      </c>
      <c r="E8065" t="s">
        <v>4916</v>
      </c>
      <c r="F8065" t="s">
        <v>4917</v>
      </c>
      <c r="G8065" t="s">
        <v>80</v>
      </c>
      <c r="H8065" t="s">
        <v>81</v>
      </c>
      <c r="I8065" s="2">
        <v>1</v>
      </c>
      <c r="J8065" s="2">
        <v>0</v>
      </c>
      <c r="K8065" s="2">
        <v>0</v>
      </c>
      <c r="L8065" t="s">
        <v>120</v>
      </c>
      <c r="M8065" t="s">
        <v>83</v>
      </c>
      <c r="N8065" t="s">
        <v>91</v>
      </c>
      <c r="O8065" t="s">
        <v>85</v>
      </c>
      <c r="P8065" t="s">
        <v>86</v>
      </c>
      <c r="Q8065">
        <v>31</v>
      </c>
      <c r="R8065">
        <v>31</v>
      </c>
      <c r="S8065">
        <v>32</v>
      </c>
      <c r="T8065">
        <v>32</v>
      </c>
      <c r="U8065">
        <v>32</v>
      </c>
      <c r="V8065">
        <v>32</v>
      </c>
      <c r="W8065">
        <v>32</v>
      </c>
      <c r="X8065">
        <v>33</v>
      </c>
      <c r="Y8065">
        <v>33</v>
      </c>
      <c r="Z8065">
        <v>33</v>
      </c>
      <c r="AA8065">
        <v>33</v>
      </c>
      <c r="AB8065">
        <v>33</v>
      </c>
      <c r="AC8065">
        <v>33</v>
      </c>
      <c r="AD8065">
        <v>34</v>
      </c>
      <c r="AE8065">
        <v>34</v>
      </c>
      <c r="AF8065">
        <v>34</v>
      </c>
      <c r="AG8065">
        <v>34</v>
      </c>
      <c r="AH8065">
        <v>34</v>
      </c>
      <c r="AI8065">
        <v>34</v>
      </c>
      <c r="AJ8065">
        <v>34</v>
      </c>
      <c r="AK8065">
        <v>34</v>
      </c>
      <c r="AL8065">
        <v>34</v>
      </c>
      <c r="AM8065">
        <v>34</v>
      </c>
      <c r="AN8065">
        <v>34</v>
      </c>
      <c r="AO8065">
        <v>34</v>
      </c>
      <c r="AP8065">
        <v>34</v>
      </c>
      <c r="AQ8065">
        <v>33</v>
      </c>
    </row>
    <row r="8066" spans="1:43">
      <c r="A8066" t="s">
        <v>5054</v>
      </c>
      <c r="B8066" t="s">
        <v>5055</v>
      </c>
      <c r="C8066" t="s">
        <v>5046</v>
      </c>
      <c r="D8066" t="s">
        <v>5047</v>
      </c>
      <c r="E8066" t="s">
        <v>4916</v>
      </c>
      <c r="F8066" t="s">
        <v>4917</v>
      </c>
      <c r="G8066" t="s">
        <v>80</v>
      </c>
      <c r="H8066" t="s">
        <v>81</v>
      </c>
      <c r="I8066" s="2">
        <v>1</v>
      </c>
      <c r="J8066" s="2">
        <v>0</v>
      </c>
      <c r="K8066" s="2">
        <v>0</v>
      </c>
      <c r="L8066" t="s">
        <v>120</v>
      </c>
      <c r="M8066" t="s">
        <v>83</v>
      </c>
      <c r="N8066" t="s">
        <v>84</v>
      </c>
      <c r="O8066" t="s">
        <v>85</v>
      </c>
      <c r="P8066" t="s">
        <v>86</v>
      </c>
      <c r="Q8066">
        <v>38</v>
      </c>
      <c r="R8066">
        <v>38</v>
      </c>
      <c r="S8066">
        <v>38</v>
      </c>
      <c r="T8066">
        <v>39</v>
      </c>
      <c r="U8066">
        <v>39</v>
      </c>
      <c r="V8066">
        <v>39</v>
      </c>
      <c r="W8066">
        <v>39</v>
      </c>
      <c r="X8066">
        <v>40</v>
      </c>
      <c r="Y8066">
        <v>40</v>
      </c>
      <c r="Z8066">
        <v>40</v>
      </c>
      <c r="AA8066">
        <v>40</v>
      </c>
      <c r="AB8066">
        <v>40</v>
      </c>
      <c r="AC8066">
        <v>40</v>
      </c>
      <c r="AD8066">
        <v>41</v>
      </c>
      <c r="AE8066">
        <v>41</v>
      </c>
      <c r="AF8066">
        <v>41</v>
      </c>
      <c r="AG8066">
        <v>41</v>
      </c>
      <c r="AH8066">
        <v>41</v>
      </c>
      <c r="AI8066">
        <v>41</v>
      </c>
      <c r="AJ8066">
        <v>41</v>
      </c>
      <c r="AK8066">
        <v>42</v>
      </c>
      <c r="AL8066">
        <v>41</v>
      </c>
      <c r="AM8066">
        <v>41</v>
      </c>
      <c r="AN8066">
        <v>41</v>
      </c>
      <c r="AO8066">
        <v>41</v>
      </c>
      <c r="AP8066">
        <v>41</v>
      </c>
      <c r="AQ8066">
        <v>40</v>
      </c>
    </row>
    <row r="8067" spans="1:43">
      <c r="A8067" t="s">
        <v>5054</v>
      </c>
      <c r="B8067" t="s">
        <v>5055</v>
      </c>
      <c r="C8067" t="s">
        <v>5046</v>
      </c>
      <c r="D8067" t="s">
        <v>5047</v>
      </c>
      <c r="E8067" t="s">
        <v>4916</v>
      </c>
      <c r="F8067" t="s">
        <v>4917</v>
      </c>
      <c r="G8067" t="s">
        <v>80</v>
      </c>
      <c r="H8067" t="s">
        <v>81</v>
      </c>
      <c r="I8067" s="2">
        <v>1</v>
      </c>
      <c r="J8067" s="2">
        <v>0</v>
      </c>
      <c r="K8067" s="2">
        <v>0</v>
      </c>
      <c r="L8067" t="s">
        <v>120</v>
      </c>
      <c r="M8067" t="s">
        <v>87</v>
      </c>
      <c r="N8067" t="s">
        <v>88</v>
      </c>
      <c r="O8067" t="s">
        <v>85</v>
      </c>
      <c r="P8067" t="s">
        <v>86</v>
      </c>
      <c r="Q8067">
        <v>38</v>
      </c>
      <c r="R8067">
        <v>38</v>
      </c>
      <c r="S8067">
        <v>38</v>
      </c>
      <c r="T8067">
        <v>38</v>
      </c>
      <c r="U8067">
        <v>38</v>
      </c>
      <c r="V8067">
        <v>38</v>
      </c>
      <c r="W8067">
        <v>38</v>
      </c>
      <c r="X8067">
        <v>38</v>
      </c>
      <c r="Y8067">
        <v>38</v>
      </c>
      <c r="Z8067">
        <v>38</v>
      </c>
      <c r="AA8067">
        <v>38</v>
      </c>
      <c r="AB8067">
        <v>38</v>
      </c>
      <c r="AC8067">
        <v>37</v>
      </c>
      <c r="AD8067">
        <v>37</v>
      </c>
      <c r="AE8067">
        <v>37</v>
      </c>
      <c r="AF8067">
        <v>37</v>
      </c>
      <c r="AG8067">
        <v>37</v>
      </c>
      <c r="AH8067">
        <v>37</v>
      </c>
      <c r="AI8067">
        <v>37</v>
      </c>
      <c r="AJ8067">
        <v>37</v>
      </c>
      <c r="AK8067">
        <v>37</v>
      </c>
      <c r="AL8067">
        <v>37</v>
      </c>
      <c r="AM8067">
        <v>37</v>
      </c>
      <c r="AN8067">
        <v>37</v>
      </c>
      <c r="AO8067">
        <v>36</v>
      </c>
      <c r="AP8067">
        <v>36</v>
      </c>
      <c r="AQ8067">
        <v>36</v>
      </c>
    </row>
    <row r="8068" spans="1:43">
      <c r="A8068" t="s">
        <v>5054</v>
      </c>
      <c r="B8068" t="s">
        <v>5055</v>
      </c>
      <c r="C8068" t="s">
        <v>5046</v>
      </c>
      <c r="D8068" t="s">
        <v>5047</v>
      </c>
      <c r="E8068" t="s">
        <v>4916</v>
      </c>
      <c r="F8068" t="s">
        <v>4917</v>
      </c>
      <c r="G8068" t="s">
        <v>80</v>
      </c>
      <c r="H8068" t="s">
        <v>81</v>
      </c>
      <c r="I8068" s="2">
        <v>1</v>
      </c>
      <c r="J8068" s="2">
        <v>0</v>
      </c>
      <c r="K8068" s="2">
        <v>0</v>
      </c>
      <c r="L8068" t="s">
        <v>120</v>
      </c>
      <c r="M8068" t="s">
        <v>89</v>
      </c>
      <c r="N8068" t="s">
        <v>90</v>
      </c>
      <c r="O8068" t="s">
        <v>85</v>
      </c>
      <c r="P8068" t="s">
        <v>86</v>
      </c>
      <c r="Q8068">
        <v>38</v>
      </c>
      <c r="R8068">
        <v>39</v>
      </c>
      <c r="S8068">
        <v>39</v>
      </c>
      <c r="T8068">
        <v>40</v>
      </c>
      <c r="U8068">
        <v>40</v>
      </c>
      <c r="V8068">
        <v>41</v>
      </c>
      <c r="W8068">
        <v>41</v>
      </c>
      <c r="X8068">
        <v>42</v>
      </c>
      <c r="Y8068">
        <v>42</v>
      </c>
      <c r="Z8068">
        <v>42</v>
      </c>
      <c r="AA8068">
        <v>43</v>
      </c>
      <c r="AB8068">
        <v>43</v>
      </c>
      <c r="AC8068">
        <v>43</v>
      </c>
      <c r="AD8068">
        <v>43</v>
      </c>
      <c r="AE8068">
        <v>44</v>
      </c>
      <c r="AF8068">
        <v>43</v>
      </c>
      <c r="AG8068">
        <v>43</v>
      </c>
      <c r="AH8068">
        <v>43</v>
      </c>
      <c r="AI8068">
        <v>43</v>
      </c>
      <c r="AJ8068">
        <v>42</v>
      </c>
      <c r="AK8068">
        <v>42</v>
      </c>
      <c r="AL8068">
        <v>42</v>
      </c>
      <c r="AM8068">
        <v>42</v>
      </c>
      <c r="AN8068">
        <v>42</v>
      </c>
      <c r="AO8068">
        <v>41</v>
      </c>
      <c r="AP8068">
        <v>41</v>
      </c>
      <c r="AQ8068">
        <v>41</v>
      </c>
    </row>
    <row r="8069" spans="1:43">
      <c r="A8069" t="s">
        <v>5054</v>
      </c>
      <c r="B8069" t="s">
        <v>5055</v>
      </c>
      <c r="C8069" t="s">
        <v>5046</v>
      </c>
      <c r="D8069" t="s">
        <v>5047</v>
      </c>
      <c r="E8069" t="s">
        <v>4916</v>
      </c>
      <c r="F8069" t="s">
        <v>4917</v>
      </c>
      <c r="G8069" t="s">
        <v>80</v>
      </c>
      <c r="H8069" t="s">
        <v>81</v>
      </c>
      <c r="I8069" s="2">
        <v>1</v>
      </c>
      <c r="J8069" s="2">
        <v>0</v>
      </c>
      <c r="K8069" s="2">
        <v>0</v>
      </c>
      <c r="L8069" t="s">
        <v>120</v>
      </c>
      <c r="M8069" t="s">
        <v>83</v>
      </c>
      <c r="N8069" t="s">
        <v>91</v>
      </c>
      <c r="O8069" t="s">
        <v>85</v>
      </c>
      <c r="P8069" t="s">
        <v>86</v>
      </c>
      <c r="Q8069">
        <v>38</v>
      </c>
      <c r="R8069">
        <v>38</v>
      </c>
      <c r="S8069">
        <v>38</v>
      </c>
      <c r="T8069">
        <v>39</v>
      </c>
      <c r="U8069">
        <v>39</v>
      </c>
      <c r="V8069">
        <v>39</v>
      </c>
      <c r="W8069">
        <v>39</v>
      </c>
      <c r="X8069">
        <v>40</v>
      </c>
      <c r="Y8069">
        <v>40</v>
      </c>
      <c r="Z8069">
        <v>40</v>
      </c>
      <c r="AA8069">
        <v>40</v>
      </c>
      <c r="AB8069">
        <v>40</v>
      </c>
      <c r="AC8069">
        <v>40</v>
      </c>
      <c r="AD8069">
        <v>41</v>
      </c>
      <c r="AE8069">
        <v>41</v>
      </c>
      <c r="AF8069">
        <v>41</v>
      </c>
      <c r="AG8069">
        <v>41</v>
      </c>
      <c r="AH8069">
        <v>41</v>
      </c>
      <c r="AI8069">
        <v>41</v>
      </c>
      <c r="AJ8069">
        <v>41</v>
      </c>
      <c r="AK8069">
        <v>42</v>
      </c>
      <c r="AL8069">
        <v>41</v>
      </c>
      <c r="AM8069">
        <v>41</v>
      </c>
      <c r="AN8069">
        <v>41</v>
      </c>
      <c r="AO8069">
        <v>41</v>
      </c>
      <c r="AP8069">
        <v>41</v>
      </c>
      <c r="AQ8069">
        <v>40</v>
      </c>
    </row>
    <row r="8070" spans="1:43">
      <c r="A8070" t="s">
        <v>5056</v>
      </c>
      <c r="B8070" t="s">
        <v>5057</v>
      </c>
      <c r="C8070" t="s">
        <v>5008</v>
      </c>
      <c r="D8070" t="s">
        <v>5009</v>
      </c>
      <c r="E8070" t="s">
        <v>4916</v>
      </c>
      <c r="F8070" t="s">
        <v>4917</v>
      </c>
      <c r="G8070" t="s">
        <v>80</v>
      </c>
      <c r="H8070" t="s">
        <v>81</v>
      </c>
      <c r="I8070" s="2">
        <v>1</v>
      </c>
      <c r="J8070" s="2">
        <v>0</v>
      </c>
      <c r="K8070" s="2">
        <v>0</v>
      </c>
      <c r="L8070" t="s">
        <v>120</v>
      </c>
      <c r="M8070" t="s">
        <v>83</v>
      </c>
      <c r="N8070" t="s">
        <v>84</v>
      </c>
      <c r="O8070" t="s">
        <v>85</v>
      </c>
      <c r="P8070" t="s">
        <v>86</v>
      </c>
      <c r="Q8070">
        <v>9</v>
      </c>
      <c r="R8070">
        <v>10</v>
      </c>
      <c r="S8070">
        <v>10</v>
      </c>
      <c r="T8070">
        <v>10</v>
      </c>
      <c r="U8070">
        <v>10</v>
      </c>
      <c r="V8070">
        <v>10</v>
      </c>
      <c r="W8070">
        <v>10</v>
      </c>
      <c r="X8070">
        <v>10</v>
      </c>
      <c r="Y8070">
        <v>10</v>
      </c>
      <c r="Z8070">
        <v>10</v>
      </c>
      <c r="AA8070">
        <v>10</v>
      </c>
      <c r="AB8070">
        <v>10</v>
      </c>
      <c r="AC8070">
        <v>10</v>
      </c>
      <c r="AD8070">
        <v>10</v>
      </c>
      <c r="AE8070">
        <v>10</v>
      </c>
      <c r="AF8070">
        <v>10</v>
      </c>
      <c r="AG8070">
        <v>10</v>
      </c>
      <c r="AH8070">
        <v>10</v>
      </c>
      <c r="AI8070">
        <v>10</v>
      </c>
      <c r="AJ8070">
        <v>10</v>
      </c>
      <c r="AK8070">
        <v>10</v>
      </c>
      <c r="AL8070">
        <v>10</v>
      </c>
      <c r="AM8070">
        <v>10</v>
      </c>
      <c r="AN8070">
        <v>10</v>
      </c>
      <c r="AO8070">
        <v>10</v>
      </c>
      <c r="AP8070">
        <v>10</v>
      </c>
      <c r="AQ8070">
        <v>10</v>
      </c>
    </row>
    <row r="8071" spans="1:43">
      <c r="A8071" t="s">
        <v>5056</v>
      </c>
      <c r="B8071" t="s">
        <v>5057</v>
      </c>
      <c r="C8071" t="s">
        <v>5008</v>
      </c>
      <c r="D8071" t="s">
        <v>5009</v>
      </c>
      <c r="E8071" t="s">
        <v>4916</v>
      </c>
      <c r="F8071" t="s">
        <v>4917</v>
      </c>
      <c r="G8071" t="s">
        <v>80</v>
      </c>
      <c r="H8071" t="s">
        <v>81</v>
      </c>
      <c r="I8071" s="2">
        <v>1</v>
      </c>
      <c r="J8071" s="2">
        <v>0</v>
      </c>
      <c r="K8071" s="2">
        <v>0</v>
      </c>
      <c r="L8071" t="s">
        <v>120</v>
      </c>
      <c r="M8071" t="s">
        <v>87</v>
      </c>
      <c r="N8071" t="s">
        <v>88</v>
      </c>
      <c r="O8071" t="s">
        <v>85</v>
      </c>
      <c r="P8071" t="s">
        <v>86</v>
      </c>
      <c r="Q8071">
        <v>9</v>
      </c>
      <c r="R8071">
        <v>9</v>
      </c>
      <c r="S8071">
        <v>9</v>
      </c>
      <c r="T8071">
        <v>9</v>
      </c>
      <c r="U8071">
        <v>9</v>
      </c>
      <c r="V8071">
        <v>9</v>
      </c>
      <c r="W8071">
        <v>9</v>
      </c>
      <c r="X8071">
        <v>9</v>
      </c>
      <c r="Y8071">
        <v>9</v>
      </c>
      <c r="Z8071">
        <v>9</v>
      </c>
      <c r="AA8071">
        <v>9</v>
      </c>
      <c r="AB8071">
        <v>9</v>
      </c>
      <c r="AC8071">
        <v>9</v>
      </c>
      <c r="AD8071">
        <v>9</v>
      </c>
      <c r="AE8071">
        <v>9</v>
      </c>
      <c r="AF8071">
        <v>9</v>
      </c>
      <c r="AG8071">
        <v>9</v>
      </c>
      <c r="AH8071">
        <v>9</v>
      </c>
      <c r="AI8071">
        <v>9</v>
      </c>
      <c r="AJ8071">
        <v>9</v>
      </c>
      <c r="AK8071">
        <v>9</v>
      </c>
      <c r="AL8071">
        <v>9</v>
      </c>
      <c r="AM8071">
        <v>9</v>
      </c>
      <c r="AN8071">
        <v>9</v>
      </c>
      <c r="AO8071">
        <v>9</v>
      </c>
      <c r="AP8071">
        <v>9</v>
      </c>
      <c r="AQ8071">
        <v>9</v>
      </c>
    </row>
    <row r="8072" spans="1:43">
      <c r="A8072" t="s">
        <v>5056</v>
      </c>
      <c r="B8072" t="s">
        <v>5057</v>
      </c>
      <c r="C8072" t="s">
        <v>5008</v>
      </c>
      <c r="D8072" t="s">
        <v>5009</v>
      </c>
      <c r="E8072" t="s">
        <v>4916</v>
      </c>
      <c r="F8072" t="s">
        <v>4917</v>
      </c>
      <c r="G8072" t="s">
        <v>80</v>
      </c>
      <c r="H8072" t="s">
        <v>81</v>
      </c>
      <c r="I8072" s="2">
        <v>1</v>
      </c>
      <c r="J8072" s="2">
        <v>0</v>
      </c>
      <c r="K8072" s="2">
        <v>0</v>
      </c>
      <c r="L8072" t="s">
        <v>120</v>
      </c>
      <c r="M8072" t="s">
        <v>89</v>
      </c>
      <c r="N8072" t="s">
        <v>90</v>
      </c>
      <c r="O8072" t="s">
        <v>85</v>
      </c>
      <c r="P8072" t="s">
        <v>86</v>
      </c>
      <c r="Q8072">
        <v>9</v>
      </c>
      <c r="R8072">
        <v>9</v>
      </c>
      <c r="S8072">
        <v>9</v>
      </c>
      <c r="T8072">
        <v>9</v>
      </c>
      <c r="U8072">
        <v>9</v>
      </c>
      <c r="V8072">
        <v>9</v>
      </c>
      <c r="W8072">
        <v>9</v>
      </c>
      <c r="X8072">
        <v>9</v>
      </c>
      <c r="Y8072">
        <v>9</v>
      </c>
      <c r="Z8072">
        <v>10</v>
      </c>
      <c r="AA8072">
        <v>10</v>
      </c>
      <c r="AB8072">
        <v>10</v>
      </c>
      <c r="AC8072">
        <v>10</v>
      </c>
      <c r="AD8072">
        <v>10</v>
      </c>
      <c r="AE8072">
        <v>10</v>
      </c>
      <c r="AF8072">
        <v>10</v>
      </c>
      <c r="AG8072">
        <v>10</v>
      </c>
      <c r="AH8072">
        <v>10</v>
      </c>
      <c r="AI8072">
        <v>10</v>
      </c>
      <c r="AJ8072">
        <v>10</v>
      </c>
      <c r="AK8072">
        <v>10</v>
      </c>
      <c r="AL8072">
        <v>9</v>
      </c>
      <c r="AM8072">
        <v>9</v>
      </c>
      <c r="AN8072">
        <v>9</v>
      </c>
      <c r="AO8072">
        <v>9</v>
      </c>
      <c r="AP8072">
        <v>9</v>
      </c>
      <c r="AQ8072">
        <v>9</v>
      </c>
    </row>
    <row r="8073" spans="1:43">
      <c r="A8073" t="s">
        <v>5056</v>
      </c>
      <c r="B8073" t="s">
        <v>5057</v>
      </c>
      <c r="C8073" t="s">
        <v>5008</v>
      </c>
      <c r="D8073" t="s">
        <v>5009</v>
      </c>
      <c r="E8073" t="s">
        <v>4916</v>
      </c>
      <c r="F8073" t="s">
        <v>4917</v>
      </c>
      <c r="G8073" t="s">
        <v>80</v>
      </c>
      <c r="H8073" t="s">
        <v>81</v>
      </c>
      <c r="I8073" s="2">
        <v>1</v>
      </c>
      <c r="J8073" s="2">
        <v>0</v>
      </c>
      <c r="K8073" s="2">
        <v>0</v>
      </c>
      <c r="L8073" t="s">
        <v>120</v>
      </c>
      <c r="M8073" t="s">
        <v>83</v>
      </c>
      <c r="N8073" t="s">
        <v>91</v>
      </c>
      <c r="O8073" t="s">
        <v>85</v>
      </c>
      <c r="P8073" t="s">
        <v>86</v>
      </c>
      <c r="Q8073">
        <v>9</v>
      </c>
      <c r="R8073">
        <v>10</v>
      </c>
      <c r="S8073">
        <v>10</v>
      </c>
      <c r="T8073">
        <v>10</v>
      </c>
      <c r="U8073">
        <v>10</v>
      </c>
      <c r="V8073">
        <v>10</v>
      </c>
      <c r="W8073">
        <v>10</v>
      </c>
      <c r="X8073">
        <v>10</v>
      </c>
      <c r="Y8073">
        <v>10</v>
      </c>
      <c r="Z8073">
        <v>10</v>
      </c>
      <c r="AA8073">
        <v>10</v>
      </c>
      <c r="AB8073">
        <v>10</v>
      </c>
      <c r="AC8073">
        <v>10</v>
      </c>
      <c r="AD8073">
        <v>10</v>
      </c>
      <c r="AE8073">
        <v>10</v>
      </c>
      <c r="AF8073">
        <v>10</v>
      </c>
      <c r="AG8073">
        <v>10</v>
      </c>
      <c r="AH8073">
        <v>10</v>
      </c>
      <c r="AI8073">
        <v>10</v>
      </c>
      <c r="AJ8073">
        <v>10</v>
      </c>
      <c r="AK8073">
        <v>10</v>
      </c>
      <c r="AL8073">
        <v>10</v>
      </c>
      <c r="AM8073">
        <v>10</v>
      </c>
      <c r="AN8073">
        <v>10</v>
      </c>
      <c r="AO8073">
        <v>10</v>
      </c>
      <c r="AP8073">
        <v>10</v>
      </c>
      <c r="AQ8073">
        <v>10</v>
      </c>
    </row>
    <row r="8074" spans="1:43">
      <c r="A8074" t="s">
        <v>5058</v>
      </c>
      <c r="B8074" t="s">
        <v>5059</v>
      </c>
      <c r="C8074" t="s">
        <v>5046</v>
      </c>
      <c r="D8074" t="s">
        <v>5047</v>
      </c>
      <c r="E8074" t="s">
        <v>4916</v>
      </c>
      <c r="F8074" t="s">
        <v>4917</v>
      </c>
      <c r="G8074" t="s">
        <v>80</v>
      </c>
      <c r="H8074" t="s">
        <v>81</v>
      </c>
      <c r="I8074" s="2">
        <v>1</v>
      </c>
      <c r="J8074" s="2">
        <v>0</v>
      </c>
      <c r="K8074" s="2">
        <v>0</v>
      </c>
      <c r="L8074" t="s">
        <v>120</v>
      </c>
      <c r="M8074" t="s">
        <v>83</v>
      </c>
      <c r="N8074" t="s">
        <v>84</v>
      </c>
      <c r="O8074" t="s">
        <v>85</v>
      </c>
      <c r="P8074" t="s">
        <v>86</v>
      </c>
      <c r="Q8074">
        <v>37</v>
      </c>
      <c r="R8074">
        <v>37</v>
      </c>
      <c r="S8074">
        <v>38</v>
      </c>
      <c r="T8074">
        <v>38</v>
      </c>
      <c r="U8074">
        <v>38</v>
      </c>
      <c r="V8074">
        <v>38</v>
      </c>
      <c r="W8074">
        <v>39</v>
      </c>
      <c r="X8074">
        <v>39</v>
      </c>
      <c r="Y8074">
        <v>39</v>
      </c>
      <c r="Z8074">
        <v>39</v>
      </c>
      <c r="AA8074">
        <v>39</v>
      </c>
      <c r="AB8074">
        <v>39</v>
      </c>
      <c r="AC8074">
        <v>40</v>
      </c>
      <c r="AD8074">
        <v>40</v>
      </c>
      <c r="AE8074">
        <v>40</v>
      </c>
      <c r="AF8074">
        <v>40</v>
      </c>
      <c r="AG8074">
        <v>40</v>
      </c>
      <c r="AH8074">
        <v>40</v>
      </c>
      <c r="AI8074">
        <v>40</v>
      </c>
      <c r="AJ8074">
        <v>41</v>
      </c>
      <c r="AK8074">
        <v>41</v>
      </c>
      <c r="AL8074">
        <v>41</v>
      </c>
      <c r="AM8074">
        <v>40</v>
      </c>
      <c r="AN8074">
        <v>40</v>
      </c>
      <c r="AO8074">
        <v>40</v>
      </c>
      <c r="AP8074">
        <v>40</v>
      </c>
      <c r="AQ8074">
        <v>40</v>
      </c>
    </row>
    <row r="8075" spans="1:43">
      <c r="A8075" t="s">
        <v>5058</v>
      </c>
      <c r="B8075" t="s">
        <v>5059</v>
      </c>
      <c r="C8075" t="s">
        <v>5046</v>
      </c>
      <c r="D8075" t="s">
        <v>5047</v>
      </c>
      <c r="E8075" t="s">
        <v>4916</v>
      </c>
      <c r="F8075" t="s">
        <v>4917</v>
      </c>
      <c r="G8075" t="s">
        <v>80</v>
      </c>
      <c r="H8075" t="s">
        <v>81</v>
      </c>
      <c r="I8075" s="2">
        <v>1</v>
      </c>
      <c r="J8075" s="2">
        <v>0</v>
      </c>
      <c r="K8075" s="2">
        <v>0</v>
      </c>
      <c r="L8075" t="s">
        <v>120</v>
      </c>
      <c r="M8075" t="s">
        <v>87</v>
      </c>
      <c r="N8075" t="s">
        <v>88</v>
      </c>
      <c r="O8075" t="s">
        <v>85</v>
      </c>
      <c r="P8075" t="s">
        <v>86</v>
      </c>
      <c r="Q8075">
        <v>37</v>
      </c>
      <c r="R8075">
        <v>37</v>
      </c>
      <c r="S8075">
        <v>36</v>
      </c>
      <c r="T8075">
        <v>36</v>
      </c>
      <c r="U8075">
        <v>36</v>
      </c>
      <c r="V8075">
        <v>36</v>
      </c>
      <c r="W8075">
        <v>36</v>
      </c>
      <c r="X8075">
        <v>36</v>
      </c>
      <c r="Y8075">
        <v>36</v>
      </c>
      <c r="Z8075">
        <v>36</v>
      </c>
      <c r="AA8075">
        <v>36</v>
      </c>
      <c r="AB8075">
        <v>36</v>
      </c>
      <c r="AC8075">
        <v>36</v>
      </c>
      <c r="AD8075">
        <v>36</v>
      </c>
      <c r="AE8075">
        <v>36</v>
      </c>
      <c r="AF8075">
        <v>35</v>
      </c>
      <c r="AG8075">
        <v>35</v>
      </c>
      <c r="AH8075">
        <v>35</v>
      </c>
      <c r="AI8075">
        <v>35</v>
      </c>
      <c r="AJ8075">
        <v>35</v>
      </c>
      <c r="AK8075">
        <v>35</v>
      </c>
      <c r="AL8075">
        <v>35</v>
      </c>
      <c r="AM8075">
        <v>35</v>
      </c>
      <c r="AN8075">
        <v>35</v>
      </c>
      <c r="AO8075">
        <v>35</v>
      </c>
      <c r="AP8075">
        <v>35</v>
      </c>
      <c r="AQ8075">
        <v>35</v>
      </c>
    </row>
    <row r="8076" spans="1:43">
      <c r="A8076" t="s">
        <v>5058</v>
      </c>
      <c r="B8076" t="s">
        <v>5059</v>
      </c>
      <c r="C8076" t="s">
        <v>5046</v>
      </c>
      <c r="D8076" t="s">
        <v>5047</v>
      </c>
      <c r="E8076" t="s">
        <v>4916</v>
      </c>
      <c r="F8076" t="s">
        <v>4917</v>
      </c>
      <c r="G8076" t="s">
        <v>80</v>
      </c>
      <c r="H8076" t="s">
        <v>81</v>
      </c>
      <c r="I8076" s="2">
        <v>1</v>
      </c>
      <c r="J8076" s="2">
        <v>0</v>
      </c>
      <c r="K8076" s="2">
        <v>0</v>
      </c>
      <c r="L8076" t="s">
        <v>120</v>
      </c>
      <c r="M8076" t="s">
        <v>89</v>
      </c>
      <c r="N8076" t="s">
        <v>90</v>
      </c>
      <c r="O8076" t="s">
        <v>85</v>
      </c>
      <c r="P8076" t="s">
        <v>86</v>
      </c>
      <c r="Q8076">
        <v>37</v>
      </c>
      <c r="R8076">
        <v>38</v>
      </c>
      <c r="S8076">
        <v>38</v>
      </c>
      <c r="T8076">
        <v>39</v>
      </c>
      <c r="U8076">
        <v>40</v>
      </c>
      <c r="V8076">
        <v>40</v>
      </c>
      <c r="W8076">
        <v>40</v>
      </c>
      <c r="X8076">
        <v>41</v>
      </c>
      <c r="Y8076">
        <v>41</v>
      </c>
      <c r="Z8076">
        <v>41</v>
      </c>
      <c r="AA8076">
        <v>42</v>
      </c>
      <c r="AB8076">
        <v>42</v>
      </c>
      <c r="AC8076">
        <v>42</v>
      </c>
      <c r="AD8076">
        <v>43</v>
      </c>
      <c r="AE8076">
        <v>43</v>
      </c>
      <c r="AF8076">
        <v>42</v>
      </c>
      <c r="AG8076">
        <v>42</v>
      </c>
      <c r="AH8076">
        <v>42</v>
      </c>
      <c r="AI8076">
        <v>42</v>
      </c>
      <c r="AJ8076">
        <v>42</v>
      </c>
      <c r="AK8076">
        <v>41</v>
      </c>
      <c r="AL8076">
        <v>41</v>
      </c>
      <c r="AM8076">
        <v>41</v>
      </c>
      <c r="AN8076">
        <v>41</v>
      </c>
      <c r="AO8076">
        <v>40</v>
      </c>
      <c r="AP8076">
        <v>40</v>
      </c>
      <c r="AQ8076">
        <v>40</v>
      </c>
    </row>
    <row r="8077" spans="1:43">
      <c r="A8077" t="s">
        <v>5058</v>
      </c>
      <c r="B8077" t="s">
        <v>5059</v>
      </c>
      <c r="C8077" t="s">
        <v>5046</v>
      </c>
      <c r="D8077" t="s">
        <v>5047</v>
      </c>
      <c r="E8077" t="s">
        <v>4916</v>
      </c>
      <c r="F8077" t="s">
        <v>4917</v>
      </c>
      <c r="G8077" t="s">
        <v>80</v>
      </c>
      <c r="H8077" t="s">
        <v>81</v>
      </c>
      <c r="I8077" s="2">
        <v>1</v>
      </c>
      <c r="J8077" s="2">
        <v>0</v>
      </c>
      <c r="K8077" s="2">
        <v>0</v>
      </c>
      <c r="L8077" t="s">
        <v>120</v>
      </c>
      <c r="M8077" t="s">
        <v>83</v>
      </c>
      <c r="N8077" t="s">
        <v>91</v>
      </c>
      <c r="O8077" t="s">
        <v>85</v>
      </c>
      <c r="P8077" t="s">
        <v>86</v>
      </c>
      <c r="Q8077">
        <v>37</v>
      </c>
      <c r="R8077">
        <v>37</v>
      </c>
      <c r="S8077">
        <v>38</v>
      </c>
      <c r="T8077">
        <v>38</v>
      </c>
      <c r="U8077">
        <v>38</v>
      </c>
      <c r="V8077">
        <v>38</v>
      </c>
      <c r="W8077">
        <v>39</v>
      </c>
      <c r="X8077">
        <v>39</v>
      </c>
      <c r="Y8077">
        <v>39</v>
      </c>
      <c r="Z8077">
        <v>39</v>
      </c>
      <c r="AA8077">
        <v>39</v>
      </c>
      <c r="AB8077">
        <v>39</v>
      </c>
      <c r="AC8077">
        <v>40</v>
      </c>
      <c r="AD8077">
        <v>40</v>
      </c>
      <c r="AE8077">
        <v>40</v>
      </c>
      <c r="AF8077">
        <v>40</v>
      </c>
      <c r="AG8077">
        <v>40</v>
      </c>
      <c r="AH8077">
        <v>40</v>
      </c>
      <c r="AI8077">
        <v>40</v>
      </c>
      <c r="AJ8077">
        <v>41</v>
      </c>
      <c r="AK8077">
        <v>41</v>
      </c>
      <c r="AL8077">
        <v>41</v>
      </c>
      <c r="AM8077">
        <v>40</v>
      </c>
      <c r="AN8077">
        <v>40</v>
      </c>
      <c r="AO8077">
        <v>40</v>
      </c>
      <c r="AP8077">
        <v>40</v>
      </c>
      <c r="AQ8077">
        <v>40</v>
      </c>
    </row>
    <row r="8078" spans="1:43">
      <c r="A8078" t="s">
        <v>5060</v>
      </c>
      <c r="B8078" t="s">
        <v>5061</v>
      </c>
      <c r="C8078" t="s">
        <v>5062</v>
      </c>
      <c r="D8078" t="s">
        <v>5063</v>
      </c>
      <c r="E8078" t="s">
        <v>4916</v>
      </c>
      <c r="F8078" t="s">
        <v>4917</v>
      </c>
      <c r="G8078" t="s">
        <v>80</v>
      </c>
      <c r="H8078" t="s">
        <v>81</v>
      </c>
      <c r="I8078" s="2">
        <v>1</v>
      </c>
      <c r="J8078" s="2">
        <v>0</v>
      </c>
      <c r="K8078" s="2">
        <v>0</v>
      </c>
      <c r="L8078" t="s">
        <v>120</v>
      </c>
      <c r="M8078" t="s">
        <v>83</v>
      </c>
      <c r="N8078" t="s">
        <v>84</v>
      </c>
      <c r="O8078" t="s">
        <v>85</v>
      </c>
      <c r="P8078" t="s">
        <v>86</v>
      </c>
      <c r="Q8078">
        <v>12</v>
      </c>
      <c r="R8078">
        <v>12</v>
      </c>
      <c r="S8078">
        <v>12</v>
      </c>
      <c r="T8078">
        <v>12</v>
      </c>
      <c r="U8078">
        <v>12</v>
      </c>
      <c r="V8078">
        <v>12</v>
      </c>
      <c r="W8078">
        <v>13</v>
      </c>
      <c r="X8078">
        <v>13</v>
      </c>
      <c r="Y8078">
        <v>13</v>
      </c>
      <c r="Z8078">
        <v>13</v>
      </c>
      <c r="AA8078">
        <v>13</v>
      </c>
      <c r="AB8078">
        <v>13</v>
      </c>
      <c r="AC8078">
        <v>13</v>
      </c>
      <c r="AD8078">
        <v>13</v>
      </c>
      <c r="AE8078">
        <v>13</v>
      </c>
      <c r="AF8078">
        <v>13</v>
      </c>
      <c r="AG8078">
        <v>13</v>
      </c>
      <c r="AH8078">
        <v>13</v>
      </c>
      <c r="AI8078">
        <v>13</v>
      </c>
      <c r="AJ8078">
        <v>13</v>
      </c>
      <c r="AK8078">
        <v>13</v>
      </c>
      <c r="AL8078">
        <v>13</v>
      </c>
      <c r="AM8078">
        <v>13</v>
      </c>
      <c r="AN8078">
        <v>13</v>
      </c>
      <c r="AO8078">
        <v>13</v>
      </c>
      <c r="AP8078">
        <v>13</v>
      </c>
      <c r="AQ8078">
        <v>13</v>
      </c>
    </row>
    <row r="8079" spans="1:43">
      <c r="A8079" t="s">
        <v>5060</v>
      </c>
      <c r="B8079" t="s">
        <v>5061</v>
      </c>
      <c r="C8079" t="s">
        <v>5062</v>
      </c>
      <c r="D8079" t="s">
        <v>5063</v>
      </c>
      <c r="E8079" t="s">
        <v>4916</v>
      </c>
      <c r="F8079" t="s">
        <v>4917</v>
      </c>
      <c r="G8079" t="s">
        <v>80</v>
      </c>
      <c r="H8079" t="s">
        <v>81</v>
      </c>
      <c r="I8079" s="2">
        <v>1</v>
      </c>
      <c r="J8079" s="2">
        <v>0</v>
      </c>
      <c r="K8079" s="2">
        <v>0</v>
      </c>
      <c r="L8079" t="s">
        <v>120</v>
      </c>
      <c r="M8079" t="s">
        <v>87</v>
      </c>
      <c r="N8079" t="s">
        <v>88</v>
      </c>
      <c r="O8079" t="s">
        <v>85</v>
      </c>
      <c r="P8079" t="s">
        <v>86</v>
      </c>
      <c r="Q8079">
        <v>12</v>
      </c>
      <c r="R8079">
        <v>12</v>
      </c>
      <c r="S8079">
        <v>12</v>
      </c>
      <c r="T8079">
        <v>12</v>
      </c>
      <c r="U8079">
        <v>12</v>
      </c>
      <c r="V8079">
        <v>12</v>
      </c>
      <c r="W8079">
        <v>12</v>
      </c>
      <c r="X8079">
        <v>12</v>
      </c>
      <c r="Y8079">
        <v>12</v>
      </c>
      <c r="Z8079">
        <v>12</v>
      </c>
      <c r="AA8079">
        <v>12</v>
      </c>
      <c r="AB8079">
        <v>12</v>
      </c>
      <c r="AC8079">
        <v>12</v>
      </c>
      <c r="AD8079">
        <v>12</v>
      </c>
      <c r="AE8079">
        <v>12</v>
      </c>
      <c r="AF8079">
        <v>12</v>
      </c>
      <c r="AG8079">
        <v>12</v>
      </c>
      <c r="AH8079">
        <v>12</v>
      </c>
      <c r="AI8079">
        <v>12</v>
      </c>
      <c r="AJ8079">
        <v>12</v>
      </c>
      <c r="AK8079">
        <v>12</v>
      </c>
      <c r="AL8079">
        <v>12</v>
      </c>
      <c r="AM8079">
        <v>11</v>
      </c>
      <c r="AN8079">
        <v>11</v>
      </c>
      <c r="AO8079">
        <v>11</v>
      </c>
      <c r="AP8079">
        <v>11</v>
      </c>
      <c r="AQ8079">
        <v>11</v>
      </c>
    </row>
    <row r="8080" spans="1:43">
      <c r="A8080" t="s">
        <v>5060</v>
      </c>
      <c r="B8080" t="s">
        <v>5061</v>
      </c>
      <c r="C8080" t="s">
        <v>5062</v>
      </c>
      <c r="D8080" t="s">
        <v>5063</v>
      </c>
      <c r="E8080" t="s">
        <v>4916</v>
      </c>
      <c r="F8080" t="s">
        <v>4917</v>
      </c>
      <c r="G8080" t="s">
        <v>80</v>
      </c>
      <c r="H8080" t="s">
        <v>81</v>
      </c>
      <c r="I8080" s="2">
        <v>1</v>
      </c>
      <c r="J8080" s="2">
        <v>0</v>
      </c>
      <c r="K8080" s="2">
        <v>0</v>
      </c>
      <c r="L8080" t="s">
        <v>120</v>
      </c>
      <c r="M8080" t="s">
        <v>89</v>
      </c>
      <c r="N8080" t="s">
        <v>90</v>
      </c>
      <c r="O8080" t="s">
        <v>85</v>
      </c>
      <c r="P8080" t="s">
        <v>86</v>
      </c>
      <c r="Q8080">
        <v>12</v>
      </c>
      <c r="R8080">
        <v>12</v>
      </c>
      <c r="S8080">
        <v>12</v>
      </c>
      <c r="T8080">
        <v>13</v>
      </c>
      <c r="U8080">
        <v>13</v>
      </c>
      <c r="V8080">
        <v>13</v>
      </c>
      <c r="W8080">
        <v>13</v>
      </c>
      <c r="X8080">
        <v>13</v>
      </c>
      <c r="Y8080">
        <v>13</v>
      </c>
      <c r="Z8080">
        <v>14</v>
      </c>
      <c r="AA8080">
        <v>14</v>
      </c>
      <c r="AB8080">
        <v>14</v>
      </c>
      <c r="AC8080">
        <v>14</v>
      </c>
      <c r="AD8080">
        <v>14</v>
      </c>
      <c r="AE8080">
        <v>14</v>
      </c>
      <c r="AF8080">
        <v>14</v>
      </c>
      <c r="AG8080">
        <v>14</v>
      </c>
      <c r="AH8080">
        <v>14</v>
      </c>
      <c r="AI8080">
        <v>14</v>
      </c>
      <c r="AJ8080">
        <v>14</v>
      </c>
      <c r="AK8080">
        <v>14</v>
      </c>
      <c r="AL8080">
        <v>14</v>
      </c>
      <c r="AM8080">
        <v>14</v>
      </c>
      <c r="AN8080">
        <v>14</v>
      </c>
      <c r="AO8080">
        <v>14</v>
      </c>
      <c r="AP8080">
        <v>13</v>
      </c>
      <c r="AQ8080">
        <v>13</v>
      </c>
    </row>
    <row r="8081" spans="1:43">
      <c r="A8081" t="s">
        <v>5060</v>
      </c>
      <c r="B8081" t="s">
        <v>5061</v>
      </c>
      <c r="C8081" t="s">
        <v>5062</v>
      </c>
      <c r="D8081" t="s">
        <v>5063</v>
      </c>
      <c r="E8081" t="s">
        <v>4916</v>
      </c>
      <c r="F8081" t="s">
        <v>4917</v>
      </c>
      <c r="G8081" t="s">
        <v>80</v>
      </c>
      <c r="H8081" t="s">
        <v>81</v>
      </c>
      <c r="I8081" s="2">
        <v>1</v>
      </c>
      <c r="J8081" s="2">
        <v>0</v>
      </c>
      <c r="K8081" s="2">
        <v>0</v>
      </c>
      <c r="L8081" t="s">
        <v>120</v>
      </c>
      <c r="M8081" t="s">
        <v>83</v>
      </c>
      <c r="N8081" t="s">
        <v>91</v>
      </c>
      <c r="O8081" t="s">
        <v>85</v>
      </c>
      <c r="P8081" t="s">
        <v>86</v>
      </c>
      <c r="Q8081">
        <v>12</v>
      </c>
      <c r="R8081">
        <v>12</v>
      </c>
      <c r="S8081">
        <v>12</v>
      </c>
      <c r="T8081">
        <v>12</v>
      </c>
      <c r="U8081">
        <v>12</v>
      </c>
      <c r="V8081">
        <v>12</v>
      </c>
      <c r="W8081">
        <v>13</v>
      </c>
      <c r="X8081">
        <v>13</v>
      </c>
      <c r="Y8081">
        <v>13</v>
      </c>
      <c r="Z8081">
        <v>13</v>
      </c>
      <c r="AA8081">
        <v>13</v>
      </c>
      <c r="AB8081">
        <v>13</v>
      </c>
      <c r="AC8081">
        <v>13</v>
      </c>
      <c r="AD8081">
        <v>13</v>
      </c>
      <c r="AE8081">
        <v>13</v>
      </c>
      <c r="AF8081">
        <v>13</v>
      </c>
      <c r="AG8081">
        <v>13</v>
      </c>
      <c r="AH8081">
        <v>13</v>
      </c>
      <c r="AI8081">
        <v>13</v>
      </c>
      <c r="AJ8081">
        <v>13</v>
      </c>
      <c r="AK8081">
        <v>13</v>
      </c>
      <c r="AL8081">
        <v>13</v>
      </c>
      <c r="AM8081">
        <v>13</v>
      </c>
      <c r="AN8081">
        <v>13</v>
      </c>
      <c r="AO8081">
        <v>13</v>
      </c>
      <c r="AP8081">
        <v>13</v>
      </c>
      <c r="AQ8081">
        <v>13</v>
      </c>
    </row>
    <row r="8082" spans="1:43">
      <c r="A8082" t="s">
        <v>5064</v>
      </c>
      <c r="B8082" t="s">
        <v>5065</v>
      </c>
      <c r="C8082" t="s">
        <v>5066</v>
      </c>
      <c r="D8082" t="s">
        <v>5067</v>
      </c>
      <c r="E8082" t="s">
        <v>4916</v>
      </c>
      <c r="F8082" t="s">
        <v>4917</v>
      </c>
      <c r="G8082" t="s">
        <v>80</v>
      </c>
      <c r="H8082" t="s">
        <v>81</v>
      </c>
      <c r="I8082" s="2">
        <v>1</v>
      </c>
      <c r="J8082" s="2">
        <v>0</v>
      </c>
      <c r="K8082" s="2">
        <v>0</v>
      </c>
      <c r="L8082" t="s">
        <v>120</v>
      </c>
      <c r="M8082" t="s">
        <v>83</v>
      </c>
      <c r="N8082" t="s">
        <v>84</v>
      </c>
      <c r="O8082" t="s">
        <v>85</v>
      </c>
      <c r="P8082" t="s">
        <v>86</v>
      </c>
      <c r="Q8082">
        <v>5</v>
      </c>
      <c r="R8082">
        <v>5</v>
      </c>
      <c r="S8082">
        <v>5</v>
      </c>
      <c r="T8082">
        <v>5</v>
      </c>
      <c r="U8082">
        <v>6</v>
      </c>
      <c r="V8082">
        <v>6</v>
      </c>
      <c r="W8082">
        <v>6</v>
      </c>
      <c r="X8082">
        <v>6</v>
      </c>
      <c r="Y8082">
        <v>6</v>
      </c>
      <c r="Z8082">
        <v>6</v>
      </c>
      <c r="AA8082">
        <v>6</v>
      </c>
      <c r="AB8082">
        <v>6</v>
      </c>
      <c r="AC8082">
        <v>6</v>
      </c>
      <c r="AD8082">
        <v>6</v>
      </c>
      <c r="AE8082">
        <v>6</v>
      </c>
      <c r="AF8082">
        <v>6</v>
      </c>
      <c r="AG8082">
        <v>6</v>
      </c>
      <c r="AH8082">
        <v>6</v>
      </c>
      <c r="AI8082">
        <v>6</v>
      </c>
      <c r="AJ8082">
        <v>6</v>
      </c>
      <c r="AK8082">
        <v>6</v>
      </c>
      <c r="AL8082">
        <v>6</v>
      </c>
      <c r="AM8082">
        <v>6</v>
      </c>
      <c r="AN8082">
        <v>6</v>
      </c>
      <c r="AO8082">
        <v>6</v>
      </c>
      <c r="AP8082">
        <v>6</v>
      </c>
      <c r="AQ8082">
        <v>6</v>
      </c>
    </row>
    <row r="8083" spans="1:43">
      <c r="A8083" t="s">
        <v>5064</v>
      </c>
      <c r="B8083" t="s">
        <v>5065</v>
      </c>
      <c r="C8083" t="s">
        <v>5066</v>
      </c>
      <c r="D8083" t="s">
        <v>5067</v>
      </c>
      <c r="E8083" t="s">
        <v>4916</v>
      </c>
      <c r="F8083" t="s">
        <v>4917</v>
      </c>
      <c r="G8083" t="s">
        <v>80</v>
      </c>
      <c r="H8083" t="s">
        <v>81</v>
      </c>
      <c r="I8083" s="2">
        <v>1</v>
      </c>
      <c r="J8083" s="2">
        <v>0</v>
      </c>
      <c r="K8083" s="2">
        <v>0</v>
      </c>
      <c r="L8083" t="s">
        <v>120</v>
      </c>
      <c r="M8083" t="s">
        <v>87</v>
      </c>
      <c r="N8083" t="s">
        <v>88</v>
      </c>
      <c r="O8083" t="s">
        <v>85</v>
      </c>
      <c r="P8083" t="s">
        <v>86</v>
      </c>
      <c r="Q8083">
        <v>5</v>
      </c>
      <c r="R8083">
        <v>5</v>
      </c>
      <c r="S8083">
        <v>5</v>
      </c>
      <c r="T8083">
        <v>5</v>
      </c>
      <c r="U8083">
        <v>5</v>
      </c>
      <c r="V8083">
        <v>5</v>
      </c>
      <c r="W8083">
        <v>5</v>
      </c>
      <c r="X8083">
        <v>5</v>
      </c>
      <c r="Y8083">
        <v>5</v>
      </c>
      <c r="Z8083">
        <v>5</v>
      </c>
      <c r="AA8083">
        <v>5</v>
      </c>
      <c r="AB8083">
        <v>5</v>
      </c>
      <c r="AC8083">
        <v>5</v>
      </c>
      <c r="AD8083">
        <v>5</v>
      </c>
      <c r="AE8083">
        <v>5</v>
      </c>
      <c r="AF8083">
        <v>5</v>
      </c>
      <c r="AG8083">
        <v>5</v>
      </c>
      <c r="AH8083">
        <v>5</v>
      </c>
      <c r="AI8083">
        <v>5</v>
      </c>
      <c r="AJ8083">
        <v>5</v>
      </c>
      <c r="AK8083">
        <v>5</v>
      </c>
      <c r="AL8083">
        <v>5</v>
      </c>
      <c r="AM8083">
        <v>5</v>
      </c>
      <c r="AN8083">
        <v>5</v>
      </c>
      <c r="AO8083">
        <v>5</v>
      </c>
      <c r="AP8083">
        <v>5</v>
      </c>
      <c r="AQ8083">
        <v>5</v>
      </c>
    </row>
    <row r="8084" spans="1:43">
      <c r="A8084" t="s">
        <v>5064</v>
      </c>
      <c r="B8084" t="s">
        <v>5065</v>
      </c>
      <c r="C8084" t="s">
        <v>5066</v>
      </c>
      <c r="D8084" t="s">
        <v>5067</v>
      </c>
      <c r="E8084" t="s">
        <v>4916</v>
      </c>
      <c r="F8084" t="s">
        <v>4917</v>
      </c>
      <c r="G8084" t="s">
        <v>80</v>
      </c>
      <c r="H8084" t="s">
        <v>81</v>
      </c>
      <c r="I8084" s="2">
        <v>1</v>
      </c>
      <c r="J8084" s="2">
        <v>0</v>
      </c>
      <c r="K8084" s="2">
        <v>0</v>
      </c>
      <c r="L8084" t="s">
        <v>120</v>
      </c>
      <c r="M8084" t="s">
        <v>89</v>
      </c>
      <c r="N8084" t="s">
        <v>90</v>
      </c>
      <c r="O8084" t="s">
        <v>85</v>
      </c>
      <c r="P8084" t="s">
        <v>86</v>
      </c>
      <c r="Q8084">
        <v>5</v>
      </c>
      <c r="R8084">
        <v>5</v>
      </c>
      <c r="S8084">
        <v>6</v>
      </c>
      <c r="T8084">
        <v>6</v>
      </c>
      <c r="U8084">
        <v>6</v>
      </c>
      <c r="V8084">
        <v>6</v>
      </c>
      <c r="W8084">
        <v>6</v>
      </c>
      <c r="X8084">
        <v>6</v>
      </c>
      <c r="Y8084">
        <v>6</v>
      </c>
      <c r="Z8084">
        <v>6</v>
      </c>
      <c r="AA8084">
        <v>6</v>
      </c>
      <c r="AB8084">
        <v>6</v>
      </c>
      <c r="AC8084">
        <v>6</v>
      </c>
      <c r="AD8084">
        <v>6</v>
      </c>
      <c r="AE8084">
        <v>6</v>
      </c>
      <c r="AF8084">
        <v>6</v>
      </c>
      <c r="AG8084">
        <v>6</v>
      </c>
      <c r="AH8084">
        <v>6</v>
      </c>
      <c r="AI8084">
        <v>6</v>
      </c>
      <c r="AJ8084">
        <v>6</v>
      </c>
      <c r="AK8084">
        <v>6</v>
      </c>
      <c r="AL8084">
        <v>6</v>
      </c>
      <c r="AM8084">
        <v>6</v>
      </c>
      <c r="AN8084">
        <v>6</v>
      </c>
      <c r="AO8084">
        <v>6</v>
      </c>
      <c r="AP8084">
        <v>6</v>
      </c>
      <c r="AQ8084">
        <v>6</v>
      </c>
    </row>
    <row r="8085" spans="1:43">
      <c r="A8085" t="s">
        <v>5064</v>
      </c>
      <c r="B8085" t="s">
        <v>5065</v>
      </c>
      <c r="C8085" t="s">
        <v>5066</v>
      </c>
      <c r="D8085" t="s">
        <v>5067</v>
      </c>
      <c r="E8085" t="s">
        <v>4916</v>
      </c>
      <c r="F8085" t="s">
        <v>4917</v>
      </c>
      <c r="G8085" t="s">
        <v>80</v>
      </c>
      <c r="H8085" t="s">
        <v>81</v>
      </c>
      <c r="I8085" s="2">
        <v>1</v>
      </c>
      <c r="J8085" s="2">
        <v>0</v>
      </c>
      <c r="K8085" s="2">
        <v>0</v>
      </c>
      <c r="L8085" t="s">
        <v>120</v>
      </c>
      <c r="M8085" t="s">
        <v>83</v>
      </c>
      <c r="N8085" t="s">
        <v>91</v>
      </c>
      <c r="O8085" t="s">
        <v>85</v>
      </c>
      <c r="P8085" t="s">
        <v>86</v>
      </c>
      <c r="Q8085">
        <v>5</v>
      </c>
      <c r="R8085">
        <v>5</v>
      </c>
      <c r="S8085">
        <v>5</v>
      </c>
      <c r="T8085">
        <v>5</v>
      </c>
      <c r="U8085">
        <v>6</v>
      </c>
      <c r="V8085">
        <v>6</v>
      </c>
      <c r="W8085">
        <v>6</v>
      </c>
      <c r="X8085">
        <v>6</v>
      </c>
      <c r="Y8085">
        <v>6</v>
      </c>
      <c r="Z8085">
        <v>6</v>
      </c>
      <c r="AA8085">
        <v>6</v>
      </c>
      <c r="AB8085">
        <v>6</v>
      </c>
      <c r="AC8085">
        <v>6</v>
      </c>
      <c r="AD8085">
        <v>6</v>
      </c>
      <c r="AE8085">
        <v>6</v>
      </c>
      <c r="AF8085">
        <v>6</v>
      </c>
      <c r="AG8085">
        <v>6</v>
      </c>
      <c r="AH8085">
        <v>6</v>
      </c>
      <c r="AI8085">
        <v>6</v>
      </c>
      <c r="AJ8085">
        <v>6</v>
      </c>
      <c r="AK8085">
        <v>6</v>
      </c>
      <c r="AL8085">
        <v>6</v>
      </c>
      <c r="AM8085">
        <v>6</v>
      </c>
      <c r="AN8085">
        <v>6</v>
      </c>
      <c r="AO8085">
        <v>6</v>
      </c>
      <c r="AP8085">
        <v>6</v>
      </c>
      <c r="AQ8085">
        <v>6</v>
      </c>
    </row>
    <row r="8086" spans="1:43">
      <c r="A8086" t="s">
        <v>5068</v>
      </c>
      <c r="B8086" t="s">
        <v>5069</v>
      </c>
      <c r="C8086" t="s">
        <v>5062</v>
      </c>
      <c r="D8086" t="s">
        <v>5063</v>
      </c>
      <c r="E8086" t="s">
        <v>4916</v>
      </c>
      <c r="F8086" t="s">
        <v>4917</v>
      </c>
      <c r="G8086" t="s">
        <v>80</v>
      </c>
      <c r="H8086" t="s">
        <v>81</v>
      </c>
      <c r="I8086" s="2">
        <v>1</v>
      </c>
      <c r="J8086" s="2">
        <v>0</v>
      </c>
      <c r="K8086" s="2">
        <v>0</v>
      </c>
      <c r="L8086" t="s">
        <v>120</v>
      </c>
      <c r="M8086" t="s">
        <v>83</v>
      </c>
      <c r="N8086" t="s">
        <v>84</v>
      </c>
      <c r="O8086" t="s">
        <v>85</v>
      </c>
      <c r="P8086" t="s">
        <v>86</v>
      </c>
      <c r="Q8086">
        <v>13</v>
      </c>
      <c r="R8086">
        <v>13</v>
      </c>
      <c r="S8086">
        <v>13</v>
      </c>
      <c r="T8086">
        <v>14</v>
      </c>
      <c r="U8086">
        <v>14</v>
      </c>
      <c r="V8086">
        <v>14</v>
      </c>
      <c r="W8086">
        <v>14</v>
      </c>
      <c r="X8086">
        <v>14</v>
      </c>
      <c r="Y8086">
        <v>14</v>
      </c>
      <c r="Z8086">
        <v>14</v>
      </c>
      <c r="AA8086">
        <v>14</v>
      </c>
      <c r="AB8086">
        <v>14</v>
      </c>
      <c r="AC8086">
        <v>14</v>
      </c>
      <c r="AD8086">
        <v>14</v>
      </c>
      <c r="AE8086">
        <v>14</v>
      </c>
      <c r="AF8086">
        <v>14</v>
      </c>
      <c r="AG8086">
        <v>14</v>
      </c>
      <c r="AH8086">
        <v>15</v>
      </c>
      <c r="AI8086">
        <v>15</v>
      </c>
      <c r="AJ8086">
        <v>15</v>
      </c>
      <c r="AK8086">
        <v>15</v>
      </c>
      <c r="AL8086">
        <v>15</v>
      </c>
      <c r="AM8086">
        <v>15</v>
      </c>
      <c r="AN8086">
        <v>15</v>
      </c>
      <c r="AO8086">
        <v>15</v>
      </c>
      <c r="AP8086">
        <v>14</v>
      </c>
      <c r="AQ8086">
        <v>14</v>
      </c>
    </row>
    <row r="8087" spans="1:43">
      <c r="A8087" t="s">
        <v>5068</v>
      </c>
      <c r="B8087" t="s">
        <v>5069</v>
      </c>
      <c r="C8087" t="s">
        <v>5062</v>
      </c>
      <c r="D8087" t="s">
        <v>5063</v>
      </c>
      <c r="E8087" t="s">
        <v>4916</v>
      </c>
      <c r="F8087" t="s">
        <v>4917</v>
      </c>
      <c r="G8087" t="s">
        <v>80</v>
      </c>
      <c r="H8087" t="s">
        <v>81</v>
      </c>
      <c r="I8087" s="2">
        <v>1</v>
      </c>
      <c r="J8087" s="2">
        <v>0</v>
      </c>
      <c r="K8087" s="2">
        <v>0</v>
      </c>
      <c r="L8087" t="s">
        <v>120</v>
      </c>
      <c r="M8087" t="s">
        <v>87</v>
      </c>
      <c r="N8087" t="s">
        <v>88</v>
      </c>
      <c r="O8087" t="s">
        <v>85</v>
      </c>
      <c r="P8087" t="s">
        <v>86</v>
      </c>
      <c r="Q8087">
        <v>13</v>
      </c>
      <c r="R8087">
        <v>13</v>
      </c>
      <c r="S8087">
        <v>13</v>
      </c>
      <c r="T8087">
        <v>13</v>
      </c>
      <c r="U8087">
        <v>13</v>
      </c>
      <c r="V8087">
        <v>13</v>
      </c>
      <c r="W8087">
        <v>13</v>
      </c>
      <c r="X8087">
        <v>13</v>
      </c>
      <c r="Y8087">
        <v>13</v>
      </c>
      <c r="Z8087">
        <v>13</v>
      </c>
      <c r="AA8087">
        <v>13</v>
      </c>
      <c r="AB8087">
        <v>13</v>
      </c>
      <c r="AC8087">
        <v>13</v>
      </c>
      <c r="AD8087">
        <v>13</v>
      </c>
      <c r="AE8087">
        <v>13</v>
      </c>
      <c r="AF8087">
        <v>13</v>
      </c>
      <c r="AG8087">
        <v>13</v>
      </c>
      <c r="AH8087">
        <v>13</v>
      </c>
      <c r="AI8087">
        <v>13</v>
      </c>
      <c r="AJ8087">
        <v>13</v>
      </c>
      <c r="AK8087">
        <v>13</v>
      </c>
      <c r="AL8087">
        <v>13</v>
      </c>
      <c r="AM8087">
        <v>13</v>
      </c>
      <c r="AN8087">
        <v>13</v>
      </c>
      <c r="AO8087">
        <v>13</v>
      </c>
      <c r="AP8087">
        <v>13</v>
      </c>
      <c r="AQ8087">
        <v>13</v>
      </c>
    </row>
    <row r="8088" spans="1:43">
      <c r="A8088" t="s">
        <v>5068</v>
      </c>
      <c r="B8088" t="s">
        <v>5069</v>
      </c>
      <c r="C8088" t="s">
        <v>5062</v>
      </c>
      <c r="D8088" t="s">
        <v>5063</v>
      </c>
      <c r="E8088" t="s">
        <v>4916</v>
      </c>
      <c r="F8088" t="s">
        <v>4917</v>
      </c>
      <c r="G8088" t="s">
        <v>80</v>
      </c>
      <c r="H8088" t="s">
        <v>81</v>
      </c>
      <c r="I8088" s="2">
        <v>1</v>
      </c>
      <c r="J8088" s="2">
        <v>0</v>
      </c>
      <c r="K8088" s="2">
        <v>0</v>
      </c>
      <c r="L8088" t="s">
        <v>120</v>
      </c>
      <c r="M8088" t="s">
        <v>89</v>
      </c>
      <c r="N8088" t="s">
        <v>90</v>
      </c>
      <c r="O8088" t="s">
        <v>85</v>
      </c>
      <c r="P8088" t="s">
        <v>86</v>
      </c>
      <c r="Q8088">
        <v>13</v>
      </c>
      <c r="R8088">
        <v>14</v>
      </c>
      <c r="S8088">
        <v>14</v>
      </c>
      <c r="T8088">
        <v>14</v>
      </c>
      <c r="U8088">
        <v>14</v>
      </c>
      <c r="V8088">
        <v>14</v>
      </c>
      <c r="W8088">
        <v>14</v>
      </c>
      <c r="X8088">
        <v>15</v>
      </c>
      <c r="Y8088">
        <v>15</v>
      </c>
      <c r="Z8088">
        <v>15</v>
      </c>
      <c r="AA8088">
        <v>15</v>
      </c>
      <c r="AB8088">
        <v>15</v>
      </c>
      <c r="AC8088">
        <v>15</v>
      </c>
      <c r="AD8088">
        <v>15</v>
      </c>
      <c r="AE8088">
        <v>15</v>
      </c>
      <c r="AF8088">
        <v>15</v>
      </c>
      <c r="AG8088">
        <v>15</v>
      </c>
      <c r="AH8088">
        <v>15</v>
      </c>
      <c r="AI8088">
        <v>15</v>
      </c>
      <c r="AJ8088">
        <v>15</v>
      </c>
      <c r="AK8088">
        <v>15</v>
      </c>
      <c r="AL8088">
        <v>15</v>
      </c>
      <c r="AM8088">
        <v>15</v>
      </c>
      <c r="AN8088">
        <v>15</v>
      </c>
      <c r="AO8088">
        <v>15</v>
      </c>
      <c r="AP8088">
        <v>15</v>
      </c>
      <c r="AQ8088">
        <v>15</v>
      </c>
    </row>
    <row r="8089" spans="1:43">
      <c r="A8089" t="s">
        <v>5068</v>
      </c>
      <c r="B8089" t="s">
        <v>5069</v>
      </c>
      <c r="C8089" t="s">
        <v>5062</v>
      </c>
      <c r="D8089" t="s">
        <v>5063</v>
      </c>
      <c r="E8089" t="s">
        <v>4916</v>
      </c>
      <c r="F8089" t="s">
        <v>4917</v>
      </c>
      <c r="G8089" t="s">
        <v>80</v>
      </c>
      <c r="H8089" t="s">
        <v>81</v>
      </c>
      <c r="I8089" s="2">
        <v>1</v>
      </c>
      <c r="J8089" s="2">
        <v>0</v>
      </c>
      <c r="K8089" s="2">
        <v>0</v>
      </c>
      <c r="L8089" t="s">
        <v>120</v>
      </c>
      <c r="M8089" t="s">
        <v>83</v>
      </c>
      <c r="N8089" t="s">
        <v>91</v>
      </c>
      <c r="O8089" t="s">
        <v>85</v>
      </c>
      <c r="P8089" t="s">
        <v>86</v>
      </c>
      <c r="Q8089">
        <v>13</v>
      </c>
      <c r="R8089">
        <v>13</v>
      </c>
      <c r="S8089">
        <v>13</v>
      </c>
      <c r="T8089">
        <v>14</v>
      </c>
      <c r="U8089">
        <v>14</v>
      </c>
      <c r="V8089">
        <v>14</v>
      </c>
      <c r="W8089">
        <v>14</v>
      </c>
      <c r="X8089">
        <v>14</v>
      </c>
      <c r="Y8089">
        <v>14</v>
      </c>
      <c r="Z8089">
        <v>14</v>
      </c>
      <c r="AA8089">
        <v>14</v>
      </c>
      <c r="AB8089">
        <v>14</v>
      </c>
      <c r="AC8089">
        <v>14</v>
      </c>
      <c r="AD8089">
        <v>14</v>
      </c>
      <c r="AE8089">
        <v>14</v>
      </c>
      <c r="AF8089">
        <v>14</v>
      </c>
      <c r="AG8089">
        <v>14</v>
      </c>
      <c r="AH8089">
        <v>15</v>
      </c>
      <c r="AI8089">
        <v>15</v>
      </c>
      <c r="AJ8089">
        <v>15</v>
      </c>
      <c r="AK8089">
        <v>15</v>
      </c>
      <c r="AL8089">
        <v>15</v>
      </c>
      <c r="AM8089">
        <v>15</v>
      </c>
      <c r="AN8089">
        <v>15</v>
      </c>
      <c r="AO8089">
        <v>15</v>
      </c>
      <c r="AP8089">
        <v>14</v>
      </c>
      <c r="AQ8089">
        <v>14</v>
      </c>
    </row>
    <row r="8090" spans="1:43">
      <c r="A8090" t="s">
        <v>5070</v>
      </c>
      <c r="B8090" t="s">
        <v>5071</v>
      </c>
      <c r="C8090" t="s">
        <v>5062</v>
      </c>
      <c r="D8090" t="s">
        <v>5063</v>
      </c>
      <c r="E8090" t="s">
        <v>4916</v>
      </c>
      <c r="F8090" t="s">
        <v>4917</v>
      </c>
      <c r="G8090" t="s">
        <v>80</v>
      </c>
      <c r="H8090" t="s">
        <v>81</v>
      </c>
      <c r="I8090" s="2">
        <v>1</v>
      </c>
      <c r="J8090" s="2">
        <v>0</v>
      </c>
      <c r="K8090" s="2">
        <v>0</v>
      </c>
      <c r="L8090" t="s">
        <v>120</v>
      </c>
      <c r="M8090" t="s">
        <v>83</v>
      </c>
      <c r="N8090" t="s">
        <v>84</v>
      </c>
      <c r="O8090" t="s">
        <v>85</v>
      </c>
      <c r="P8090" t="s">
        <v>86</v>
      </c>
      <c r="Q8090">
        <v>31</v>
      </c>
      <c r="R8090">
        <v>31</v>
      </c>
      <c r="S8090">
        <v>31</v>
      </c>
      <c r="T8090">
        <v>31</v>
      </c>
      <c r="U8090">
        <v>31</v>
      </c>
      <c r="V8090">
        <v>31</v>
      </c>
      <c r="W8090">
        <v>32</v>
      </c>
      <c r="X8090">
        <v>32</v>
      </c>
      <c r="Y8090">
        <v>32</v>
      </c>
      <c r="Z8090">
        <v>32</v>
      </c>
      <c r="AA8090">
        <v>32</v>
      </c>
      <c r="AB8090">
        <v>32</v>
      </c>
      <c r="AC8090">
        <v>33</v>
      </c>
      <c r="AD8090">
        <v>33</v>
      </c>
      <c r="AE8090">
        <v>33</v>
      </c>
      <c r="AF8090">
        <v>33</v>
      </c>
      <c r="AG8090">
        <v>33</v>
      </c>
      <c r="AH8090">
        <v>33</v>
      </c>
      <c r="AI8090">
        <v>33</v>
      </c>
      <c r="AJ8090">
        <v>33</v>
      </c>
      <c r="AK8090">
        <v>34</v>
      </c>
      <c r="AL8090">
        <v>33</v>
      </c>
      <c r="AM8090">
        <v>33</v>
      </c>
      <c r="AN8090">
        <v>33</v>
      </c>
      <c r="AO8090">
        <v>33</v>
      </c>
      <c r="AP8090">
        <v>33</v>
      </c>
      <c r="AQ8090">
        <v>33</v>
      </c>
    </row>
    <row r="8091" spans="1:43">
      <c r="A8091" t="s">
        <v>5070</v>
      </c>
      <c r="B8091" t="s">
        <v>5071</v>
      </c>
      <c r="C8091" t="s">
        <v>5062</v>
      </c>
      <c r="D8091" t="s">
        <v>5063</v>
      </c>
      <c r="E8091" t="s">
        <v>4916</v>
      </c>
      <c r="F8091" t="s">
        <v>4917</v>
      </c>
      <c r="G8091" t="s">
        <v>80</v>
      </c>
      <c r="H8091" t="s">
        <v>81</v>
      </c>
      <c r="I8091" s="2">
        <v>1</v>
      </c>
      <c r="J8091" s="2">
        <v>0</v>
      </c>
      <c r="K8091" s="2">
        <v>0</v>
      </c>
      <c r="L8091" t="s">
        <v>120</v>
      </c>
      <c r="M8091" t="s">
        <v>87</v>
      </c>
      <c r="N8091" t="s">
        <v>88</v>
      </c>
      <c r="O8091" t="s">
        <v>85</v>
      </c>
      <c r="P8091" t="s">
        <v>86</v>
      </c>
      <c r="Q8091">
        <v>31</v>
      </c>
      <c r="R8091">
        <v>31</v>
      </c>
      <c r="S8091">
        <v>31</v>
      </c>
      <c r="T8091">
        <v>31</v>
      </c>
      <c r="U8091">
        <v>31</v>
      </c>
      <c r="V8091">
        <v>31</v>
      </c>
      <c r="W8091">
        <v>31</v>
      </c>
      <c r="X8091">
        <v>31</v>
      </c>
      <c r="Y8091">
        <v>31</v>
      </c>
      <c r="Z8091">
        <v>31</v>
      </c>
      <c r="AA8091">
        <v>30</v>
      </c>
      <c r="AB8091">
        <v>30</v>
      </c>
      <c r="AC8091">
        <v>30</v>
      </c>
      <c r="AD8091">
        <v>30</v>
      </c>
      <c r="AE8091">
        <v>30</v>
      </c>
      <c r="AF8091">
        <v>30</v>
      </c>
      <c r="AG8091">
        <v>30</v>
      </c>
      <c r="AH8091">
        <v>30</v>
      </c>
      <c r="AI8091">
        <v>30</v>
      </c>
      <c r="AJ8091">
        <v>30</v>
      </c>
      <c r="AK8091">
        <v>30</v>
      </c>
      <c r="AL8091">
        <v>30</v>
      </c>
      <c r="AM8091">
        <v>29</v>
      </c>
      <c r="AN8091">
        <v>29</v>
      </c>
      <c r="AO8091">
        <v>29</v>
      </c>
      <c r="AP8091">
        <v>29</v>
      </c>
      <c r="AQ8091">
        <v>29</v>
      </c>
    </row>
    <row r="8092" spans="1:43">
      <c r="A8092" t="s">
        <v>5070</v>
      </c>
      <c r="B8092" t="s">
        <v>5071</v>
      </c>
      <c r="C8092" t="s">
        <v>5062</v>
      </c>
      <c r="D8092" t="s">
        <v>5063</v>
      </c>
      <c r="E8092" t="s">
        <v>4916</v>
      </c>
      <c r="F8092" t="s">
        <v>4917</v>
      </c>
      <c r="G8092" t="s">
        <v>80</v>
      </c>
      <c r="H8092" t="s">
        <v>81</v>
      </c>
      <c r="I8092" s="2">
        <v>1</v>
      </c>
      <c r="J8092" s="2">
        <v>0</v>
      </c>
      <c r="K8092" s="2">
        <v>0</v>
      </c>
      <c r="L8092" t="s">
        <v>120</v>
      </c>
      <c r="M8092" t="s">
        <v>89</v>
      </c>
      <c r="N8092" t="s">
        <v>90</v>
      </c>
      <c r="O8092" t="s">
        <v>85</v>
      </c>
      <c r="P8092" t="s">
        <v>86</v>
      </c>
      <c r="Q8092">
        <v>31</v>
      </c>
      <c r="R8092">
        <v>31</v>
      </c>
      <c r="S8092">
        <v>32</v>
      </c>
      <c r="T8092">
        <v>32</v>
      </c>
      <c r="U8092">
        <v>33</v>
      </c>
      <c r="V8092">
        <v>33</v>
      </c>
      <c r="W8092">
        <v>33</v>
      </c>
      <c r="X8092">
        <v>34</v>
      </c>
      <c r="Y8092">
        <v>34</v>
      </c>
      <c r="Z8092">
        <v>34</v>
      </c>
      <c r="AA8092">
        <v>34</v>
      </c>
      <c r="AB8092">
        <v>35</v>
      </c>
      <c r="AC8092">
        <v>35</v>
      </c>
      <c r="AD8092">
        <v>35</v>
      </c>
      <c r="AE8092">
        <v>35</v>
      </c>
      <c r="AF8092">
        <v>35</v>
      </c>
      <c r="AG8092">
        <v>35</v>
      </c>
      <c r="AH8092">
        <v>35</v>
      </c>
      <c r="AI8092">
        <v>35</v>
      </c>
      <c r="AJ8092">
        <v>34</v>
      </c>
      <c r="AK8092">
        <v>34</v>
      </c>
      <c r="AL8092">
        <v>34</v>
      </c>
      <c r="AM8092">
        <v>34</v>
      </c>
      <c r="AN8092">
        <v>34</v>
      </c>
      <c r="AO8092">
        <v>33</v>
      </c>
      <c r="AP8092">
        <v>33</v>
      </c>
      <c r="AQ8092">
        <v>33</v>
      </c>
    </row>
    <row r="8093" spans="1:43">
      <c r="A8093" t="s">
        <v>5070</v>
      </c>
      <c r="B8093" t="s">
        <v>5071</v>
      </c>
      <c r="C8093" t="s">
        <v>5062</v>
      </c>
      <c r="D8093" t="s">
        <v>5063</v>
      </c>
      <c r="E8093" t="s">
        <v>4916</v>
      </c>
      <c r="F8093" t="s">
        <v>4917</v>
      </c>
      <c r="G8093" t="s">
        <v>80</v>
      </c>
      <c r="H8093" t="s">
        <v>81</v>
      </c>
      <c r="I8093" s="2">
        <v>1</v>
      </c>
      <c r="J8093" s="2">
        <v>0</v>
      </c>
      <c r="K8093" s="2">
        <v>0</v>
      </c>
      <c r="L8093" t="s">
        <v>120</v>
      </c>
      <c r="M8093" t="s">
        <v>83</v>
      </c>
      <c r="N8093" t="s">
        <v>91</v>
      </c>
      <c r="O8093" t="s">
        <v>85</v>
      </c>
      <c r="P8093" t="s">
        <v>86</v>
      </c>
      <c r="Q8093">
        <v>31</v>
      </c>
      <c r="R8093">
        <v>31</v>
      </c>
      <c r="S8093">
        <v>31</v>
      </c>
      <c r="T8093">
        <v>31</v>
      </c>
      <c r="U8093">
        <v>31</v>
      </c>
      <c r="V8093">
        <v>31</v>
      </c>
      <c r="W8093">
        <v>32</v>
      </c>
      <c r="X8093">
        <v>32</v>
      </c>
      <c r="Y8093">
        <v>32</v>
      </c>
      <c r="Z8093">
        <v>32</v>
      </c>
      <c r="AA8093">
        <v>32</v>
      </c>
      <c r="AB8093">
        <v>32</v>
      </c>
      <c r="AC8093">
        <v>33</v>
      </c>
      <c r="AD8093">
        <v>33</v>
      </c>
      <c r="AE8093">
        <v>33</v>
      </c>
      <c r="AF8093">
        <v>33</v>
      </c>
      <c r="AG8093">
        <v>33</v>
      </c>
      <c r="AH8093">
        <v>33</v>
      </c>
      <c r="AI8093">
        <v>33</v>
      </c>
      <c r="AJ8093">
        <v>33</v>
      </c>
      <c r="AK8093">
        <v>34</v>
      </c>
      <c r="AL8093">
        <v>33</v>
      </c>
      <c r="AM8093">
        <v>33</v>
      </c>
      <c r="AN8093">
        <v>33</v>
      </c>
      <c r="AO8093">
        <v>33</v>
      </c>
      <c r="AP8093">
        <v>33</v>
      </c>
      <c r="AQ8093">
        <v>33</v>
      </c>
    </row>
    <row r="8094" spans="1:43">
      <c r="A8094" t="s">
        <v>5072</v>
      </c>
      <c r="B8094" t="s">
        <v>5073</v>
      </c>
      <c r="C8094" t="s">
        <v>5066</v>
      </c>
      <c r="D8094" t="s">
        <v>5067</v>
      </c>
      <c r="E8094" t="s">
        <v>4916</v>
      </c>
      <c r="F8094" t="s">
        <v>4917</v>
      </c>
      <c r="G8094" t="s">
        <v>80</v>
      </c>
      <c r="H8094" t="s">
        <v>81</v>
      </c>
      <c r="I8094" s="2">
        <v>1</v>
      </c>
      <c r="J8094" s="2">
        <v>0</v>
      </c>
      <c r="K8094" s="2">
        <v>0</v>
      </c>
      <c r="L8094" t="s">
        <v>120</v>
      </c>
      <c r="M8094" t="s">
        <v>83</v>
      </c>
      <c r="N8094" t="s">
        <v>84</v>
      </c>
      <c r="O8094" t="s">
        <v>85</v>
      </c>
      <c r="P8094" t="s">
        <v>86</v>
      </c>
      <c r="Q8094">
        <v>13</v>
      </c>
      <c r="R8094">
        <v>13</v>
      </c>
      <c r="S8094">
        <v>13</v>
      </c>
      <c r="T8094">
        <v>13</v>
      </c>
      <c r="U8094">
        <v>13</v>
      </c>
      <c r="V8094">
        <v>13</v>
      </c>
      <c r="W8094">
        <v>13</v>
      </c>
      <c r="X8094">
        <v>13</v>
      </c>
      <c r="Y8094">
        <v>13</v>
      </c>
      <c r="Z8094">
        <v>13</v>
      </c>
      <c r="AA8094">
        <v>13</v>
      </c>
      <c r="AB8094">
        <v>13</v>
      </c>
      <c r="AC8094">
        <v>14</v>
      </c>
      <c r="AD8094">
        <v>14</v>
      </c>
      <c r="AE8094">
        <v>14</v>
      </c>
      <c r="AF8094">
        <v>14</v>
      </c>
      <c r="AG8094">
        <v>14</v>
      </c>
      <c r="AH8094">
        <v>14</v>
      </c>
      <c r="AI8094">
        <v>14</v>
      </c>
      <c r="AJ8094">
        <v>14</v>
      </c>
      <c r="AK8094">
        <v>14</v>
      </c>
      <c r="AL8094">
        <v>14</v>
      </c>
      <c r="AM8094">
        <v>14</v>
      </c>
      <c r="AN8094">
        <v>14</v>
      </c>
      <c r="AO8094">
        <v>14</v>
      </c>
      <c r="AP8094">
        <v>14</v>
      </c>
      <c r="AQ8094">
        <v>14</v>
      </c>
    </row>
    <row r="8095" spans="1:43">
      <c r="A8095" t="s">
        <v>5072</v>
      </c>
      <c r="B8095" t="s">
        <v>5073</v>
      </c>
      <c r="C8095" t="s">
        <v>5066</v>
      </c>
      <c r="D8095" t="s">
        <v>5067</v>
      </c>
      <c r="E8095" t="s">
        <v>4916</v>
      </c>
      <c r="F8095" t="s">
        <v>4917</v>
      </c>
      <c r="G8095" t="s">
        <v>80</v>
      </c>
      <c r="H8095" t="s">
        <v>81</v>
      </c>
      <c r="I8095" s="2">
        <v>1</v>
      </c>
      <c r="J8095" s="2">
        <v>0</v>
      </c>
      <c r="K8095" s="2">
        <v>0</v>
      </c>
      <c r="L8095" t="s">
        <v>120</v>
      </c>
      <c r="M8095" t="s">
        <v>87</v>
      </c>
      <c r="N8095" t="s">
        <v>88</v>
      </c>
      <c r="O8095" t="s">
        <v>85</v>
      </c>
      <c r="P8095" t="s">
        <v>86</v>
      </c>
      <c r="Q8095">
        <v>13</v>
      </c>
      <c r="R8095">
        <v>12</v>
      </c>
      <c r="S8095">
        <v>12</v>
      </c>
      <c r="T8095">
        <v>12</v>
      </c>
      <c r="U8095">
        <v>12</v>
      </c>
      <c r="V8095">
        <v>12</v>
      </c>
      <c r="W8095">
        <v>12</v>
      </c>
      <c r="X8095">
        <v>12</v>
      </c>
      <c r="Y8095">
        <v>12</v>
      </c>
      <c r="Z8095">
        <v>12</v>
      </c>
      <c r="AA8095">
        <v>12</v>
      </c>
      <c r="AB8095">
        <v>12</v>
      </c>
      <c r="AC8095">
        <v>12</v>
      </c>
      <c r="AD8095">
        <v>12</v>
      </c>
      <c r="AE8095">
        <v>12</v>
      </c>
      <c r="AF8095">
        <v>12</v>
      </c>
      <c r="AG8095">
        <v>12</v>
      </c>
      <c r="AH8095">
        <v>12</v>
      </c>
      <c r="AI8095">
        <v>12</v>
      </c>
      <c r="AJ8095">
        <v>12</v>
      </c>
      <c r="AK8095">
        <v>12</v>
      </c>
      <c r="AL8095">
        <v>12</v>
      </c>
      <c r="AM8095">
        <v>12</v>
      </c>
      <c r="AN8095">
        <v>12</v>
      </c>
      <c r="AO8095">
        <v>12</v>
      </c>
      <c r="AP8095">
        <v>12</v>
      </c>
      <c r="AQ8095">
        <v>12</v>
      </c>
    </row>
    <row r="8096" spans="1:43">
      <c r="A8096" t="s">
        <v>5072</v>
      </c>
      <c r="B8096" t="s">
        <v>5073</v>
      </c>
      <c r="C8096" t="s">
        <v>5066</v>
      </c>
      <c r="D8096" t="s">
        <v>5067</v>
      </c>
      <c r="E8096" t="s">
        <v>4916</v>
      </c>
      <c r="F8096" t="s">
        <v>4917</v>
      </c>
      <c r="G8096" t="s">
        <v>80</v>
      </c>
      <c r="H8096" t="s">
        <v>81</v>
      </c>
      <c r="I8096" s="2">
        <v>1</v>
      </c>
      <c r="J8096" s="2">
        <v>0</v>
      </c>
      <c r="K8096" s="2">
        <v>0</v>
      </c>
      <c r="L8096" t="s">
        <v>120</v>
      </c>
      <c r="M8096" t="s">
        <v>89</v>
      </c>
      <c r="N8096" t="s">
        <v>90</v>
      </c>
      <c r="O8096" t="s">
        <v>85</v>
      </c>
      <c r="P8096" t="s">
        <v>86</v>
      </c>
      <c r="Q8096">
        <v>13</v>
      </c>
      <c r="R8096">
        <v>13</v>
      </c>
      <c r="S8096">
        <v>13</v>
      </c>
      <c r="T8096">
        <v>13</v>
      </c>
      <c r="U8096">
        <v>13</v>
      </c>
      <c r="V8096">
        <v>14</v>
      </c>
      <c r="W8096">
        <v>14</v>
      </c>
      <c r="X8096">
        <v>14</v>
      </c>
      <c r="Y8096">
        <v>14</v>
      </c>
      <c r="Z8096">
        <v>14</v>
      </c>
      <c r="AA8096">
        <v>14</v>
      </c>
      <c r="AB8096">
        <v>14</v>
      </c>
      <c r="AC8096">
        <v>14</v>
      </c>
      <c r="AD8096">
        <v>15</v>
      </c>
      <c r="AE8096">
        <v>15</v>
      </c>
      <c r="AF8096">
        <v>15</v>
      </c>
      <c r="AG8096">
        <v>14</v>
      </c>
      <c r="AH8096">
        <v>14</v>
      </c>
      <c r="AI8096">
        <v>14</v>
      </c>
      <c r="AJ8096">
        <v>14</v>
      </c>
      <c r="AK8096">
        <v>14</v>
      </c>
      <c r="AL8096">
        <v>14</v>
      </c>
      <c r="AM8096">
        <v>14</v>
      </c>
      <c r="AN8096">
        <v>14</v>
      </c>
      <c r="AO8096">
        <v>14</v>
      </c>
      <c r="AP8096">
        <v>14</v>
      </c>
      <c r="AQ8096">
        <v>14</v>
      </c>
    </row>
    <row r="8097" spans="1:43">
      <c r="A8097" t="s">
        <v>5072</v>
      </c>
      <c r="B8097" t="s">
        <v>5073</v>
      </c>
      <c r="C8097" t="s">
        <v>5066</v>
      </c>
      <c r="D8097" t="s">
        <v>5067</v>
      </c>
      <c r="E8097" t="s">
        <v>4916</v>
      </c>
      <c r="F8097" t="s">
        <v>4917</v>
      </c>
      <c r="G8097" t="s">
        <v>80</v>
      </c>
      <c r="H8097" t="s">
        <v>81</v>
      </c>
      <c r="I8097" s="2">
        <v>1</v>
      </c>
      <c r="J8097" s="2">
        <v>0</v>
      </c>
      <c r="K8097" s="2">
        <v>0</v>
      </c>
      <c r="L8097" t="s">
        <v>120</v>
      </c>
      <c r="M8097" t="s">
        <v>83</v>
      </c>
      <c r="N8097" t="s">
        <v>91</v>
      </c>
      <c r="O8097" t="s">
        <v>85</v>
      </c>
      <c r="P8097" t="s">
        <v>86</v>
      </c>
      <c r="Q8097">
        <v>13</v>
      </c>
      <c r="R8097">
        <v>13</v>
      </c>
      <c r="S8097">
        <v>13</v>
      </c>
      <c r="T8097">
        <v>13</v>
      </c>
      <c r="U8097">
        <v>13</v>
      </c>
      <c r="V8097">
        <v>13</v>
      </c>
      <c r="W8097">
        <v>13</v>
      </c>
      <c r="X8097">
        <v>13</v>
      </c>
      <c r="Y8097">
        <v>13</v>
      </c>
      <c r="Z8097">
        <v>13</v>
      </c>
      <c r="AA8097">
        <v>13</v>
      </c>
      <c r="AB8097">
        <v>13</v>
      </c>
      <c r="AC8097">
        <v>14</v>
      </c>
      <c r="AD8097">
        <v>14</v>
      </c>
      <c r="AE8097">
        <v>14</v>
      </c>
      <c r="AF8097">
        <v>14</v>
      </c>
      <c r="AG8097">
        <v>14</v>
      </c>
      <c r="AH8097">
        <v>14</v>
      </c>
      <c r="AI8097">
        <v>14</v>
      </c>
      <c r="AJ8097">
        <v>14</v>
      </c>
      <c r="AK8097">
        <v>14</v>
      </c>
      <c r="AL8097">
        <v>14</v>
      </c>
      <c r="AM8097">
        <v>14</v>
      </c>
      <c r="AN8097">
        <v>14</v>
      </c>
      <c r="AO8097">
        <v>14</v>
      </c>
      <c r="AP8097">
        <v>14</v>
      </c>
      <c r="AQ8097">
        <v>14</v>
      </c>
    </row>
    <row r="8098" spans="1:43">
      <c r="A8098" t="s">
        <v>5074</v>
      </c>
      <c r="B8098" t="s">
        <v>5075</v>
      </c>
      <c r="C8098" t="s">
        <v>5062</v>
      </c>
      <c r="D8098" t="s">
        <v>5063</v>
      </c>
      <c r="E8098" t="s">
        <v>4916</v>
      </c>
      <c r="F8098" t="s">
        <v>4917</v>
      </c>
      <c r="G8098" t="s">
        <v>80</v>
      </c>
      <c r="H8098" t="s">
        <v>81</v>
      </c>
      <c r="I8098" s="2">
        <v>1</v>
      </c>
      <c r="J8098" s="2">
        <v>0</v>
      </c>
      <c r="K8098" s="2">
        <v>0</v>
      </c>
      <c r="L8098" t="s">
        <v>120</v>
      </c>
      <c r="M8098" t="s">
        <v>83</v>
      </c>
      <c r="N8098" t="s">
        <v>84</v>
      </c>
      <c r="O8098" t="s">
        <v>85</v>
      </c>
      <c r="P8098" t="s">
        <v>86</v>
      </c>
      <c r="Q8098">
        <v>21</v>
      </c>
      <c r="R8098">
        <v>21</v>
      </c>
      <c r="S8098">
        <v>21</v>
      </c>
      <c r="T8098">
        <v>21</v>
      </c>
      <c r="U8098">
        <v>21</v>
      </c>
      <c r="V8098">
        <v>21</v>
      </c>
      <c r="W8098">
        <v>22</v>
      </c>
      <c r="X8098">
        <v>22</v>
      </c>
      <c r="Y8098">
        <v>22</v>
      </c>
      <c r="Z8098">
        <v>22</v>
      </c>
      <c r="AA8098">
        <v>22</v>
      </c>
      <c r="AB8098">
        <v>22</v>
      </c>
      <c r="AC8098">
        <v>22</v>
      </c>
      <c r="AD8098">
        <v>22</v>
      </c>
      <c r="AE8098">
        <v>23</v>
      </c>
      <c r="AF8098">
        <v>23</v>
      </c>
      <c r="AG8098">
        <v>23</v>
      </c>
      <c r="AH8098">
        <v>23</v>
      </c>
      <c r="AI8098">
        <v>23</v>
      </c>
      <c r="AJ8098">
        <v>23</v>
      </c>
      <c r="AK8098">
        <v>23</v>
      </c>
      <c r="AL8098">
        <v>23</v>
      </c>
      <c r="AM8098">
        <v>23</v>
      </c>
      <c r="AN8098">
        <v>23</v>
      </c>
      <c r="AO8098">
        <v>23</v>
      </c>
      <c r="AP8098">
        <v>23</v>
      </c>
      <c r="AQ8098">
        <v>23</v>
      </c>
    </row>
    <row r="8099" spans="1:43">
      <c r="A8099" t="s">
        <v>5074</v>
      </c>
      <c r="B8099" t="s">
        <v>5075</v>
      </c>
      <c r="C8099" t="s">
        <v>5062</v>
      </c>
      <c r="D8099" t="s">
        <v>5063</v>
      </c>
      <c r="E8099" t="s">
        <v>4916</v>
      </c>
      <c r="F8099" t="s">
        <v>4917</v>
      </c>
      <c r="G8099" t="s">
        <v>80</v>
      </c>
      <c r="H8099" t="s">
        <v>81</v>
      </c>
      <c r="I8099" s="2">
        <v>1</v>
      </c>
      <c r="J8099" s="2">
        <v>0</v>
      </c>
      <c r="K8099" s="2">
        <v>0</v>
      </c>
      <c r="L8099" t="s">
        <v>120</v>
      </c>
      <c r="M8099" t="s">
        <v>87</v>
      </c>
      <c r="N8099" t="s">
        <v>88</v>
      </c>
      <c r="O8099" t="s">
        <v>85</v>
      </c>
      <c r="P8099" t="s">
        <v>86</v>
      </c>
      <c r="Q8099">
        <v>21</v>
      </c>
      <c r="R8099">
        <v>21</v>
      </c>
      <c r="S8099">
        <v>21</v>
      </c>
      <c r="T8099">
        <v>21</v>
      </c>
      <c r="U8099">
        <v>21</v>
      </c>
      <c r="V8099">
        <v>21</v>
      </c>
      <c r="W8099">
        <v>21</v>
      </c>
      <c r="X8099">
        <v>21</v>
      </c>
      <c r="Y8099">
        <v>21</v>
      </c>
      <c r="Z8099">
        <v>21</v>
      </c>
      <c r="AA8099">
        <v>21</v>
      </c>
      <c r="AB8099">
        <v>21</v>
      </c>
      <c r="AC8099">
        <v>21</v>
      </c>
      <c r="AD8099">
        <v>21</v>
      </c>
      <c r="AE8099">
        <v>21</v>
      </c>
      <c r="AF8099">
        <v>21</v>
      </c>
      <c r="AG8099">
        <v>21</v>
      </c>
      <c r="AH8099">
        <v>21</v>
      </c>
      <c r="AI8099">
        <v>21</v>
      </c>
      <c r="AJ8099">
        <v>21</v>
      </c>
      <c r="AK8099">
        <v>21</v>
      </c>
      <c r="AL8099">
        <v>21</v>
      </c>
      <c r="AM8099">
        <v>21</v>
      </c>
      <c r="AN8099">
        <v>21</v>
      </c>
      <c r="AO8099">
        <v>21</v>
      </c>
      <c r="AP8099">
        <v>21</v>
      </c>
      <c r="AQ8099">
        <v>21</v>
      </c>
    </row>
    <row r="8100" spans="1:43">
      <c r="A8100" t="s">
        <v>5074</v>
      </c>
      <c r="B8100" t="s">
        <v>5075</v>
      </c>
      <c r="C8100" t="s">
        <v>5062</v>
      </c>
      <c r="D8100" t="s">
        <v>5063</v>
      </c>
      <c r="E8100" t="s">
        <v>4916</v>
      </c>
      <c r="F8100" t="s">
        <v>4917</v>
      </c>
      <c r="G8100" t="s">
        <v>80</v>
      </c>
      <c r="H8100" t="s">
        <v>81</v>
      </c>
      <c r="I8100" s="2">
        <v>1</v>
      </c>
      <c r="J8100" s="2">
        <v>0</v>
      </c>
      <c r="K8100" s="2">
        <v>0</v>
      </c>
      <c r="L8100" t="s">
        <v>120</v>
      </c>
      <c r="M8100" t="s">
        <v>89</v>
      </c>
      <c r="N8100" t="s">
        <v>90</v>
      </c>
      <c r="O8100" t="s">
        <v>85</v>
      </c>
      <c r="P8100" t="s">
        <v>86</v>
      </c>
      <c r="Q8100">
        <v>21</v>
      </c>
      <c r="R8100">
        <v>21</v>
      </c>
      <c r="S8100">
        <v>21</v>
      </c>
      <c r="T8100">
        <v>22</v>
      </c>
      <c r="U8100">
        <v>22</v>
      </c>
      <c r="V8100">
        <v>22</v>
      </c>
      <c r="W8100">
        <v>23</v>
      </c>
      <c r="X8100">
        <v>23</v>
      </c>
      <c r="Y8100">
        <v>23</v>
      </c>
      <c r="Z8100">
        <v>23</v>
      </c>
      <c r="AA8100">
        <v>23</v>
      </c>
      <c r="AB8100">
        <v>24</v>
      </c>
      <c r="AC8100">
        <v>24</v>
      </c>
      <c r="AD8100">
        <v>24</v>
      </c>
      <c r="AE8100">
        <v>24</v>
      </c>
      <c r="AF8100">
        <v>24</v>
      </c>
      <c r="AG8100">
        <v>24</v>
      </c>
      <c r="AH8100">
        <v>24</v>
      </c>
      <c r="AI8100">
        <v>24</v>
      </c>
      <c r="AJ8100">
        <v>24</v>
      </c>
      <c r="AK8100">
        <v>24</v>
      </c>
      <c r="AL8100">
        <v>24</v>
      </c>
      <c r="AM8100">
        <v>23</v>
      </c>
      <c r="AN8100">
        <v>23</v>
      </c>
      <c r="AO8100">
        <v>23</v>
      </c>
      <c r="AP8100">
        <v>23</v>
      </c>
      <c r="AQ8100">
        <v>23</v>
      </c>
    </row>
    <row r="8101" spans="1:43">
      <c r="A8101" t="s">
        <v>5074</v>
      </c>
      <c r="B8101" t="s">
        <v>5075</v>
      </c>
      <c r="C8101" t="s">
        <v>5062</v>
      </c>
      <c r="D8101" t="s">
        <v>5063</v>
      </c>
      <c r="E8101" t="s">
        <v>4916</v>
      </c>
      <c r="F8101" t="s">
        <v>4917</v>
      </c>
      <c r="G8101" t="s">
        <v>80</v>
      </c>
      <c r="H8101" t="s">
        <v>81</v>
      </c>
      <c r="I8101" s="2">
        <v>1</v>
      </c>
      <c r="J8101" s="2">
        <v>0</v>
      </c>
      <c r="K8101" s="2">
        <v>0</v>
      </c>
      <c r="L8101" t="s">
        <v>120</v>
      </c>
      <c r="M8101" t="s">
        <v>83</v>
      </c>
      <c r="N8101" t="s">
        <v>91</v>
      </c>
      <c r="O8101" t="s">
        <v>85</v>
      </c>
      <c r="P8101" t="s">
        <v>86</v>
      </c>
      <c r="Q8101">
        <v>21</v>
      </c>
      <c r="R8101">
        <v>21</v>
      </c>
      <c r="S8101">
        <v>21</v>
      </c>
      <c r="T8101">
        <v>21</v>
      </c>
      <c r="U8101">
        <v>21</v>
      </c>
      <c r="V8101">
        <v>21</v>
      </c>
      <c r="W8101">
        <v>22</v>
      </c>
      <c r="X8101">
        <v>22</v>
      </c>
      <c r="Y8101">
        <v>22</v>
      </c>
      <c r="Z8101">
        <v>22</v>
      </c>
      <c r="AA8101">
        <v>22</v>
      </c>
      <c r="AB8101">
        <v>22</v>
      </c>
      <c r="AC8101">
        <v>22</v>
      </c>
      <c r="AD8101">
        <v>22</v>
      </c>
      <c r="AE8101">
        <v>23</v>
      </c>
      <c r="AF8101">
        <v>23</v>
      </c>
      <c r="AG8101">
        <v>23</v>
      </c>
      <c r="AH8101">
        <v>23</v>
      </c>
      <c r="AI8101">
        <v>23</v>
      </c>
      <c r="AJ8101">
        <v>23</v>
      </c>
      <c r="AK8101">
        <v>23</v>
      </c>
      <c r="AL8101">
        <v>23</v>
      </c>
      <c r="AM8101">
        <v>23</v>
      </c>
      <c r="AN8101">
        <v>23</v>
      </c>
      <c r="AO8101">
        <v>23</v>
      </c>
      <c r="AP8101">
        <v>23</v>
      </c>
      <c r="AQ8101">
        <v>23</v>
      </c>
    </row>
    <row r="8102" spans="1:43">
      <c r="A8102" t="s">
        <v>5076</v>
      </c>
      <c r="B8102" t="s">
        <v>5077</v>
      </c>
      <c r="C8102" t="s">
        <v>5062</v>
      </c>
      <c r="D8102" t="s">
        <v>5063</v>
      </c>
      <c r="E8102" t="s">
        <v>4916</v>
      </c>
      <c r="F8102" t="s">
        <v>4917</v>
      </c>
      <c r="G8102" t="s">
        <v>80</v>
      </c>
      <c r="H8102" t="s">
        <v>81</v>
      </c>
      <c r="I8102" s="2">
        <v>1</v>
      </c>
      <c r="J8102" s="2">
        <v>0</v>
      </c>
      <c r="K8102" s="2">
        <v>0</v>
      </c>
      <c r="L8102" t="s">
        <v>120</v>
      </c>
      <c r="M8102" t="s">
        <v>83</v>
      </c>
      <c r="N8102" t="s">
        <v>84</v>
      </c>
      <c r="O8102" t="s">
        <v>85</v>
      </c>
      <c r="P8102" t="s">
        <v>86</v>
      </c>
      <c r="Q8102">
        <v>19</v>
      </c>
      <c r="R8102">
        <v>19</v>
      </c>
      <c r="S8102">
        <v>19</v>
      </c>
      <c r="T8102">
        <v>20</v>
      </c>
      <c r="U8102">
        <v>20</v>
      </c>
      <c r="V8102">
        <v>20</v>
      </c>
      <c r="W8102">
        <v>20</v>
      </c>
      <c r="X8102">
        <v>20</v>
      </c>
      <c r="Y8102">
        <v>20</v>
      </c>
      <c r="Z8102">
        <v>20</v>
      </c>
      <c r="AA8102">
        <v>20</v>
      </c>
      <c r="AB8102">
        <v>20</v>
      </c>
      <c r="AC8102">
        <v>21</v>
      </c>
      <c r="AD8102">
        <v>21</v>
      </c>
      <c r="AE8102">
        <v>21</v>
      </c>
      <c r="AF8102">
        <v>21</v>
      </c>
      <c r="AG8102">
        <v>21</v>
      </c>
      <c r="AH8102">
        <v>21</v>
      </c>
      <c r="AI8102">
        <v>21</v>
      </c>
      <c r="AJ8102">
        <v>21</v>
      </c>
      <c r="AK8102">
        <v>21</v>
      </c>
      <c r="AL8102">
        <v>21</v>
      </c>
      <c r="AM8102">
        <v>21</v>
      </c>
      <c r="AN8102">
        <v>21</v>
      </c>
      <c r="AO8102">
        <v>21</v>
      </c>
      <c r="AP8102">
        <v>21</v>
      </c>
      <c r="AQ8102">
        <v>21</v>
      </c>
    </row>
    <row r="8103" spans="1:43">
      <c r="A8103" t="s">
        <v>5076</v>
      </c>
      <c r="B8103" t="s">
        <v>5077</v>
      </c>
      <c r="C8103" t="s">
        <v>5062</v>
      </c>
      <c r="D8103" t="s">
        <v>5063</v>
      </c>
      <c r="E8103" t="s">
        <v>4916</v>
      </c>
      <c r="F8103" t="s">
        <v>4917</v>
      </c>
      <c r="G8103" t="s">
        <v>80</v>
      </c>
      <c r="H8103" t="s">
        <v>81</v>
      </c>
      <c r="I8103" s="2">
        <v>1</v>
      </c>
      <c r="J8103" s="2">
        <v>0</v>
      </c>
      <c r="K8103" s="2">
        <v>0</v>
      </c>
      <c r="L8103" t="s">
        <v>120</v>
      </c>
      <c r="M8103" t="s">
        <v>87</v>
      </c>
      <c r="N8103" t="s">
        <v>88</v>
      </c>
      <c r="O8103" t="s">
        <v>85</v>
      </c>
      <c r="P8103" t="s">
        <v>86</v>
      </c>
      <c r="Q8103">
        <v>19</v>
      </c>
      <c r="R8103">
        <v>19</v>
      </c>
      <c r="S8103">
        <v>19</v>
      </c>
      <c r="T8103">
        <v>19</v>
      </c>
      <c r="U8103">
        <v>19</v>
      </c>
      <c r="V8103">
        <v>19</v>
      </c>
      <c r="W8103">
        <v>19</v>
      </c>
      <c r="X8103">
        <v>19</v>
      </c>
      <c r="Y8103">
        <v>19</v>
      </c>
      <c r="Z8103">
        <v>19</v>
      </c>
      <c r="AA8103">
        <v>19</v>
      </c>
      <c r="AB8103">
        <v>19</v>
      </c>
      <c r="AC8103">
        <v>18</v>
      </c>
      <c r="AD8103">
        <v>18</v>
      </c>
      <c r="AE8103">
        <v>18</v>
      </c>
      <c r="AF8103">
        <v>18</v>
      </c>
      <c r="AG8103">
        <v>18</v>
      </c>
      <c r="AH8103">
        <v>18</v>
      </c>
      <c r="AI8103">
        <v>18</v>
      </c>
      <c r="AJ8103">
        <v>18</v>
      </c>
      <c r="AK8103">
        <v>18</v>
      </c>
      <c r="AL8103">
        <v>18</v>
      </c>
      <c r="AM8103">
        <v>18</v>
      </c>
      <c r="AN8103">
        <v>18</v>
      </c>
      <c r="AO8103">
        <v>18</v>
      </c>
      <c r="AP8103">
        <v>18</v>
      </c>
      <c r="AQ8103">
        <v>18</v>
      </c>
    </row>
    <row r="8104" spans="1:43">
      <c r="A8104" t="s">
        <v>5076</v>
      </c>
      <c r="B8104" t="s">
        <v>5077</v>
      </c>
      <c r="C8104" t="s">
        <v>5062</v>
      </c>
      <c r="D8104" t="s">
        <v>5063</v>
      </c>
      <c r="E8104" t="s">
        <v>4916</v>
      </c>
      <c r="F8104" t="s">
        <v>4917</v>
      </c>
      <c r="G8104" t="s">
        <v>80</v>
      </c>
      <c r="H8104" t="s">
        <v>81</v>
      </c>
      <c r="I8104" s="2">
        <v>1</v>
      </c>
      <c r="J8104" s="2">
        <v>0</v>
      </c>
      <c r="K8104" s="2">
        <v>0</v>
      </c>
      <c r="L8104" t="s">
        <v>120</v>
      </c>
      <c r="M8104" t="s">
        <v>89</v>
      </c>
      <c r="N8104" t="s">
        <v>90</v>
      </c>
      <c r="O8104" t="s">
        <v>85</v>
      </c>
      <c r="P8104" t="s">
        <v>86</v>
      </c>
      <c r="Q8104">
        <v>19</v>
      </c>
      <c r="R8104">
        <v>20</v>
      </c>
      <c r="S8104">
        <v>20</v>
      </c>
      <c r="T8104">
        <v>20</v>
      </c>
      <c r="U8104">
        <v>20</v>
      </c>
      <c r="V8104">
        <v>21</v>
      </c>
      <c r="W8104">
        <v>21</v>
      </c>
      <c r="X8104">
        <v>21</v>
      </c>
      <c r="Y8104">
        <v>21</v>
      </c>
      <c r="Z8104">
        <v>21</v>
      </c>
      <c r="AA8104">
        <v>22</v>
      </c>
      <c r="AB8104">
        <v>22</v>
      </c>
      <c r="AC8104">
        <v>22</v>
      </c>
      <c r="AD8104">
        <v>22</v>
      </c>
      <c r="AE8104">
        <v>22</v>
      </c>
      <c r="AF8104">
        <v>22</v>
      </c>
      <c r="AG8104">
        <v>22</v>
      </c>
      <c r="AH8104">
        <v>22</v>
      </c>
      <c r="AI8104">
        <v>22</v>
      </c>
      <c r="AJ8104">
        <v>22</v>
      </c>
      <c r="AK8104">
        <v>22</v>
      </c>
      <c r="AL8104">
        <v>21</v>
      </c>
      <c r="AM8104">
        <v>21</v>
      </c>
      <c r="AN8104">
        <v>21</v>
      </c>
      <c r="AO8104">
        <v>21</v>
      </c>
      <c r="AP8104">
        <v>21</v>
      </c>
      <c r="AQ8104">
        <v>21</v>
      </c>
    </row>
    <row r="8105" spans="1:43">
      <c r="A8105" t="s">
        <v>5076</v>
      </c>
      <c r="B8105" t="s">
        <v>5077</v>
      </c>
      <c r="C8105" t="s">
        <v>5062</v>
      </c>
      <c r="D8105" t="s">
        <v>5063</v>
      </c>
      <c r="E8105" t="s">
        <v>4916</v>
      </c>
      <c r="F8105" t="s">
        <v>4917</v>
      </c>
      <c r="G8105" t="s">
        <v>80</v>
      </c>
      <c r="H8105" t="s">
        <v>81</v>
      </c>
      <c r="I8105" s="2">
        <v>1</v>
      </c>
      <c r="J8105" s="2">
        <v>0</v>
      </c>
      <c r="K8105" s="2">
        <v>0</v>
      </c>
      <c r="L8105" t="s">
        <v>120</v>
      </c>
      <c r="M8105" t="s">
        <v>83</v>
      </c>
      <c r="N8105" t="s">
        <v>91</v>
      </c>
      <c r="O8105" t="s">
        <v>85</v>
      </c>
      <c r="P8105" t="s">
        <v>86</v>
      </c>
      <c r="Q8105">
        <v>19</v>
      </c>
      <c r="R8105">
        <v>19</v>
      </c>
      <c r="S8105">
        <v>19</v>
      </c>
      <c r="T8105">
        <v>20</v>
      </c>
      <c r="U8105">
        <v>20</v>
      </c>
      <c r="V8105">
        <v>20</v>
      </c>
      <c r="W8105">
        <v>20</v>
      </c>
      <c r="X8105">
        <v>20</v>
      </c>
      <c r="Y8105">
        <v>20</v>
      </c>
      <c r="Z8105">
        <v>20</v>
      </c>
      <c r="AA8105">
        <v>20</v>
      </c>
      <c r="AB8105">
        <v>20</v>
      </c>
      <c r="AC8105">
        <v>21</v>
      </c>
      <c r="AD8105">
        <v>21</v>
      </c>
      <c r="AE8105">
        <v>21</v>
      </c>
      <c r="AF8105">
        <v>21</v>
      </c>
      <c r="AG8105">
        <v>21</v>
      </c>
      <c r="AH8105">
        <v>21</v>
      </c>
      <c r="AI8105">
        <v>21</v>
      </c>
      <c r="AJ8105">
        <v>21</v>
      </c>
      <c r="AK8105">
        <v>21</v>
      </c>
      <c r="AL8105">
        <v>21</v>
      </c>
      <c r="AM8105">
        <v>21</v>
      </c>
      <c r="AN8105">
        <v>21</v>
      </c>
      <c r="AO8105">
        <v>21</v>
      </c>
      <c r="AP8105">
        <v>21</v>
      </c>
      <c r="AQ8105">
        <v>21</v>
      </c>
    </row>
    <row r="8106" spans="1:43">
      <c r="A8106" t="s">
        <v>5078</v>
      </c>
      <c r="B8106" t="s">
        <v>5079</v>
      </c>
      <c r="C8106" t="s">
        <v>5066</v>
      </c>
      <c r="D8106" t="s">
        <v>5067</v>
      </c>
      <c r="E8106" t="s">
        <v>4916</v>
      </c>
      <c r="F8106" t="s">
        <v>4917</v>
      </c>
      <c r="G8106" t="s">
        <v>80</v>
      </c>
      <c r="H8106" t="s">
        <v>81</v>
      </c>
      <c r="I8106" s="2">
        <v>1</v>
      </c>
      <c r="J8106" s="2">
        <v>0</v>
      </c>
      <c r="K8106" s="2">
        <v>0</v>
      </c>
      <c r="L8106" t="s">
        <v>120</v>
      </c>
      <c r="M8106" t="s">
        <v>83</v>
      </c>
      <c r="N8106" t="s">
        <v>84</v>
      </c>
      <c r="O8106" t="s">
        <v>85</v>
      </c>
      <c r="P8106" t="s">
        <v>86</v>
      </c>
      <c r="Q8106">
        <v>6</v>
      </c>
      <c r="R8106">
        <v>6</v>
      </c>
      <c r="S8106">
        <v>6</v>
      </c>
      <c r="T8106">
        <v>7</v>
      </c>
      <c r="U8106">
        <v>7</v>
      </c>
      <c r="V8106">
        <v>7</v>
      </c>
      <c r="W8106">
        <v>7</v>
      </c>
      <c r="X8106">
        <v>7</v>
      </c>
      <c r="Y8106">
        <v>7</v>
      </c>
      <c r="Z8106">
        <v>7</v>
      </c>
      <c r="AA8106">
        <v>7</v>
      </c>
      <c r="AB8106">
        <v>7</v>
      </c>
      <c r="AC8106">
        <v>7</v>
      </c>
      <c r="AD8106">
        <v>7</v>
      </c>
      <c r="AE8106">
        <v>7</v>
      </c>
      <c r="AF8106">
        <v>7</v>
      </c>
      <c r="AG8106">
        <v>7</v>
      </c>
      <c r="AH8106">
        <v>7</v>
      </c>
      <c r="AI8106">
        <v>7</v>
      </c>
      <c r="AJ8106">
        <v>7</v>
      </c>
      <c r="AK8106">
        <v>7</v>
      </c>
      <c r="AL8106">
        <v>7</v>
      </c>
      <c r="AM8106">
        <v>7</v>
      </c>
      <c r="AN8106">
        <v>7</v>
      </c>
      <c r="AO8106">
        <v>7</v>
      </c>
      <c r="AP8106">
        <v>7</v>
      </c>
      <c r="AQ8106">
        <v>7</v>
      </c>
    </row>
    <row r="8107" spans="1:43">
      <c r="A8107" t="s">
        <v>5078</v>
      </c>
      <c r="B8107" t="s">
        <v>5079</v>
      </c>
      <c r="C8107" t="s">
        <v>5066</v>
      </c>
      <c r="D8107" t="s">
        <v>5067</v>
      </c>
      <c r="E8107" t="s">
        <v>4916</v>
      </c>
      <c r="F8107" t="s">
        <v>4917</v>
      </c>
      <c r="G8107" t="s">
        <v>80</v>
      </c>
      <c r="H8107" t="s">
        <v>81</v>
      </c>
      <c r="I8107" s="2">
        <v>1</v>
      </c>
      <c r="J8107" s="2">
        <v>0</v>
      </c>
      <c r="K8107" s="2">
        <v>0</v>
      </c>
      <c r="L8107" t="s">
        <v>120</v>
      </c>
      <c r="M8107" t="s">
        <v>87</v>
      </c>
      <c r="N8107" t="s">
        <v>88</v>
      </c>
      <c r="O8107" t="s">
        <v>85</v>
      </c>
      <c r="P8107" t="s">
        <v>86</v>
      </c>
      <c r="Q8107">
        <v>6</v>
      </c>
      <c r="R8107">
        <v>6</v>
      </c>
      <c r="S8107">
        <v>6</v>
      </c>
      <c r="T8107">
        <v>6</v>
      </c>
      <c r="U8107">
        <v>6</v>
      </c>
      <c r="V8107">
        <v>6</v>
      </c>
      <c r="W8107">
        <v>6</v>
      </c>
      <c r="X8107">
        <v>6</v>
      </c>
      <c r="Y8107">
        <v>6</v>
      </c>
      <c r="Z8107">
        <v>6</v>
      </c>
      <c r="AA8107">
        <v>6</v>
      </c>
      <c r="AB8107">
        <v>6</v>
      </c>
      <c r="AC8107">
        <v>6</v>
      </c>
      <c r="AD8107">
        <v>6</v>
      </c>
      <c r="AE8107">
        <v>6</v>
      </c>
      <c r="AF8107">
        <v>6</v>
      </c>
      <c r="AG8107">
        <v>6</v>
      </c>
      <c r="AH8107">
        <v>6</v>
      </c>
      <c r="AI8107">
        <v>6</v>
      </c>
      <c r="AJ8107">
        <v>6</v>
      </c>
      <c r="AK8107">
        <v>6</v>
      </c>
      <c r="AL8107">
        <v>6</v>
      </c>
      <c r="AM8107">
        <v>6</v>
      </c>
      <c r="AN8107">
        <v>6</v>
      </c>
      <c r="AO8107">
        <v>6</v>
      </c>
      <c r="AP8107">
        <v>6</v>
      </c>
      <c r="AQ8107">
        <v>6</v>
      </c>
    </row>
    <row r="8108" spans="1:43">
      <c r="A8108" t="s">
        <v>5078</v>
      </c>
      <c r="B8108" t="s">
        <v>5079</v>
      </c>
      <c r="C8108" t="s">
        <v>5066</v>
      </c>
      <c r="D8108" t="s">
        <v>5067</v>
      </c>
      <c r="E8108" t="s">
        <v>4916</v>
      </c>
      <c r="F8108" t="s">
        <v>4917</v>
      </c>
      <c r="G8108" t="s">
        <v>80</v>
      </c>
      <c r="H8108" t="s">
        <v>81</v>
      </c>
      <c r="I8108" s="2">
        <v>1</v>
      </c>
      <c r="J8108" s="2">
        <v>0</v>
      </c>
      <c r="K8108" s="2">
        <v>0</v>
      </c>
      <c r="L8108" t="s">
        <v>120</v>
      </c>
      <c r="M8108" t="s">
        <v>89</v>
      </c>
      <c r="N8108" t="s">
        <v>90</v>
      </c>
      <c r="O8108" t="s">
        <v>85</v>
      </c>
      <c r="P8108" t="s">
        <v>86</v>
      </c>
      <c r="Q8108">
        <v>6</v>
      </c>
      <c r="R8108">
        <v>7</v>
      </c>
      <c r="S8108">
        <v>7</v>
      </c>
      <c r="T8108">
        <v>7</v>
      </c>
      <c r="U8108">
        <v>7</v>
      </c>
      <c r="V8108">
        <v>7</v>
      </c>
      <c r="W8108">
        <v>7</v>
      </c>
      <c r="X8108">
        <v>7</v>
      </c>
      <c r="Y8108">
        <v>7</v>
      </c>
      <c r="Z8108">
        <v>7</v>
      </c>
      <c r="AA8108">
        <v>7</v>
      </c>
      <c r="AB8108">
        <v>7</v>
      </c>
      <c r="AC8108">
        <v>7</v>
      </c>
      <c r="AD8108">
        <v>7</v>
      </c>
      <c r="AE8108">
        <v>7</v>
      </c>
      <c r="AF8108">
        <v>7</v>
      </c>
      <c r="AG8108">
        <v>7</v>
      </c>
      <c r="AH8108">
        <v>7</v>
      </c>
      <c r="AI8108">
        <v>7</v>
      </c>
      <c r="AJ8108">
        <v>7</v>
      </c>
      <c r="AK8108">
        <v>7</v>
      </c>
      <c r="AL8108">
        <v>7</v>
      </c>
      <c r="AM8108">
        <v>7</v>
      </c>
      <c r="AN8108">
        <v>7</v>
      </c>
      <c r="AO8108">
        <v>7</v>
      </c>
      <c r="AP8108">
        <v>7</v>
      </c>
      <c r="AQ8108">
        <v>7</v>
      </c>
    </row>
    <row r="8109" spans="1:43">
      <c r="A8109" t="s">
        <v>5078</v>
      </c>
      <c r="B8109" t="s">
        <v>5079</v>
      </c>
      <c r="C8109" t="s">
        <v>5066</v>
      </c>
      <c r="D8109" t="s">
        <v>5067</v>
      </c>
      <c r="E8109" t="s">
        <v>4916</v>
      </c>
      <c r="F8109" t="s">
        <v>4917</v>
      </c>
      <c r="G8109" t="s">
        <v>80</v>
      </c>
      <c r="H8109" t="s">
        <v>81</v>
      </c>
      <c r="I8109" s="2">
        <v>1</v>
      </c>
      <c r="J8109" s="2">
        <v>0</v>
      </c>
      <c r="K8109" s="2">
        <v>0</v>
      </c>
      <c r="L8109" t="s">
        <v>120</v>
      </c>
      <c r="M8109" t="s">
        <v>83</v>
      </c>
      <c r="N8109" t="s">
        <v>91</v>
      </c>
      <c r="O8109" t="s">
        <v>85</v>
      </c>
      <c r="P8109" t="s">
        <v>86</v>
      </c>
      <c r="Q8109">
        <v>6</v>
      </c>
      <c r="R8109">
        <v>6</v>
      </c>
      <c r="S8109">
        <v>6</v>
      </c>
      <c r="T8109">
        <v>7</v>
      </c>
      <c r="U8109">
        <v>7</v>
      </c>
      <c r="V8109">
        <v>7</v>
      </c>
      <c r="W8109">
        <v>7</v>
      </c>
      <c r="X8109">
        <v>7</v>
      </c>
      <c r="Y8109">
        <v>7</v>
      </c>
      <c r="Z8109">
        <v>7</v>
      </c>
      <c r="AA8109">
        <v>7</v>
      </c>
      <c r="AB8109">
        <v>7</v>
      </c>
      <c r="AC8109">
        <v>7</v>
      </c>
      <c r="AD8109">
        <v>7</v>
      </c>
      <c r="AE8109">
        <v>7</v>
      </c>
      <c r="AF8109">
        <v>7</v>
      </c>
      <c r="AG8109">
        <v>7</v>
      </c>
      <c r="AH8109">
        <v>7</v>
      </c>
      <c r="AI8109">
        <v>7</v>
      </c>
      <c r="AJ8109">
        <v>7</v>
      </c>
      <c r="AK8109">
        <v>7</v>
      </c>
      <c r="AL8109">
        <v>7</v>
      </c>
      <c r="AM8109">
        <v>7</v>
      </c>
      <c r="AN8109">
        <v>7</v>
      </c>
      <c r="AO8109">
        <v>7</v>
      </c>
      <c r="AP8109">
        <v>7</v>
      </c>
      <c r="AQ8109">
        <v>7</v>
      </c>
    </row>
    <row r="8110" spans="1:43">
      <c r="A8110" t="s">
        <v>5080</v>
      </c>
      <c r="B8110" t="s">
        <v>5081</v>
      </c>
      <c r="C8110" t="s">
        <v>5082</v>
      </c>
      <c r="D8110" t="s">
        <v>5083</v>
      </c>
      <c r="E8110" t="s">
        <v>4916</v>
      </c>
      <c r="F8110" t="s">
        <v>4917</v>
      </c>
      <c r="G8110" t="s">
        <v>80</v>
      </c>
      <c r="H8110" t="s">
        <v>81</v>
      </c>
      <c r="I8110" s="2">
        <v>1</v>
      </c>
      <c r="J8110" s="2">
        <v>0</v>
      </c>
      <c r="K8110" s="2">
        <v>0</v>
      </c>
      <c r="L8110" t="s">
        <v>120</v>
      </c>
      <c r="M8110" t="s">
        <v>83</v>
      </c>
      <c r="N8110" t="s">
        <v>84</v>
      </c>
      <c r="O8110" t="s">
        <v>85</v>
      </c>
      <c r="P8110" t="s">
        <v>86</v>
      </c>
      <c r="Q8110">
        <v>22</v>
      </c>
      <c r="R8110">
        <v>22</v>
      </c>
      <c r="S8110">
        <v>22</v>
      </c>
      <c r="T8110">
        <v>22</v>
      </c>
      <c r="U8110">
        <v>23</v>
      </c>
      <c r="V8110">
        <v>23</v>
      </c>
      <c r="W8110">
        <v>23</v>
      </c>
      <c r="X8110">
        <v>23</v>
      </c>
      <c r="Y8110">
        <v>23</v>
      </c>
      <c r="Z8110">
        <v>23</v>
      </c>
      <c r="AA8110">
        <v>23</v>
      </c>
      <c r="AB8110">
        <v>23</v>
      </c>
      <c r="AC8110">
        <v>23</v>
      </c>
      <c r="AD8110">
        <v>23</v>
      </c>
      <c r="AE8110">
        <v>23</v>
      </c>
      <c r="AF8110">
        <v>23</v>
      </c>
      <c r="AG8110">
        <v>23</v>
      </c>
      <c r="AH8110">
        <v>23</v>
      </c>
      <c r="AI8110">
        <v>24</v>
      </c>
      <c r="AJ8110">
        <v>24</v>
      </c>
      <c r="AK8110">
        <v>24</v>
      </c>
      <c r="AL8110">
        <v>23</v>
      </c>
      <c r="AM8110">
        <v>23</v>
      </c>
      <c r="AN8110">
        <v>23</v>
      </c>
      <c r="AO8110">
        <v>23</v>
      </c>
      <c r="AP8110">
        <v>23</v>
      </c>
      <c r="AQ8110">
        <v>23</v>
      </c>
    </row>
    <row r="8111" spans="1:43">
      <c r="A8111" t="s">
        <v>5080</v>
      </c>
      <c r="B8111" t="s">
        <v>5081</v>
      </c>
      <c r="C8111" t="s">
        <v>5082</v>
      </c>
      <c r="D8111" t="s">
        <v>5083</v>
      </c>
      <c r="E8111" t="s">
        <v>4916</v>
      </c>
      <c r="F8111" t="s">
        <v>4917</v>
      </c>
      <c r="G8111" t="s">
        <v>80</v>
      </c>
      <c r="H8111" t="s">
        <v>81</v>
      </c>
      <c r="I8111" s="2">
        <v>1</v>
      </c>
      <c r="J8111" s="2">
        <v>0</v>
      </c>
      <c r="K8111" s="2">
        <v>0</v>
      </c>
      <c r="L8111" t="s">
        <v>120</v>
      </c>
      <c r="M8111" t="s">
        <v>87</v>
      </c>
      <c r="N8111" t="s">
        <v>88</v>
      </c>
      <c r="O8111" t="s">
        <v>85</v>
      </c>
      <c r="P8111" t="s">
        <v>86</v>
      </c>
      <c r="Q8111">
        <v>22</v>
      </c>
      <c r="R8111">
        <v>22</v>
      </c>
      <c r="S8111">
        <v>22</v>
      </c>
      <c r="T8111">
        <v>22</v>
      </c>
      <c r="U8111">
        <v>22</v>
      </c>
      <c r="V8111">
        <v>21</v>
      </c>
      <c r="W8111">
        <v>21</v>
      </c>
      <c r="X8111">
        <v>21</v>
      </c>
      <c r="Y8111">
        <v>21</v>
      </c>
      <c r="Z8111">
        <v>21</v>
      </c>
      <c r="AA8111">
        <v>21</v>
      </c>
      <c r="AB8111">
        <v>21</v>
      </c>
      <c r="AC8111">
        <v>21</v>
      </c>
      <c r="AD8111">
        <v>21</v>
      </c>
      <c r="AE8111">
        <v>21</v>
      </c>
      <c r="AF8111">
        <v>21</v>
      </c>
      <c r="AG8111">
        <v>21</v>
      </c>
      <c r="AH8111">
        <v>21</v>
      </c>
      <c r="AI8111">
        <v>20</v>
      </c>
      <c r="AJ8111">
        <v>20</v>
      </c>
      <c r="AK8111">
        <v>20</v>
      </c>
      <c r="AL8111">
        <v>20</v>
      </c>
      <c r="AM8111">
        <v>20</v>
      </c>
      <c r="AN8111">
        <v>20</v>
      </c>
      <c r="AO8111">
        <v>20</v>
      </c>
      <c r="AP8111">
        <v>20</v>
      </c>
      <c r="AQ8111">
        <v>20</v>
      </c>
    </row>
    <row r="8112" spans="1:43">
      <c r="A8112" t="s">
        <v>5080</v>
      </c>
      <c r="B8112" t="s">
        <v>5081</v>
      </c>
      <c r="C8112" t="s">
        <v>5082</v>
      </c>
      <c r="D8112" t="s">
        <v>5083</v>
      </c>
      <c r="E8112" t="s">
        <v>4916</v>
      </c>
      <c r="F8112" t="s">
        <v>4917</v>
      </c>
      <c r="G8112" t="s">
        <v>80</v>
      </c>
      <c r="H8112" t="s">
        <v>81</v>
      </c>
      <c r="I8112" s="2">
        <v>1</v>
      </c>
      <c r="J8112" s="2">
        <v>0</v>
      </c>
      <c r="K8112" s="2">
        <v>0</v>
      </c>
      <c r="L8112" t="s">
        <v>120</v>
      </c>
      <c r="M8112" t="s">
        <v>89</v>
      </c>
      <c r="N8112" t="s">
        <v>90</v>
      </c>
      <c r="O8112" t="s">
        <v>85</v>
      </c>
      <c r="P8112" t="s">
        <v>86</v>
      </c>
      <c r="Q8112">
        <v>22</v>
      </c>
      <c r="R8112">
        <v>23</v>
      </c>
      <c r="S8112">
        <v>23</v>
      </c>
      <c r="T8112">
        <v>23</v>
      </c>
      <c r="U8112">
        <v>23</v>
      </c>
      <c r="V8112">
        <v>24</v>
      </c>
      <c r="W8112">
        <v>24</v>
      </c>
      <c r="X8112">
        <v>24</v>
      </c>
      <c r="Y8112">
        <v>24</v>
      </c>
      <c r="Z8112">
        <v>24</v>
      </c>
      <c r="AA8112">
        <v>24</v>
      </c>
      <c r="AB8112">
        <v>25</v>
      </c>
      <c r="AC8112">
        <v>25</v>
      </c>
      <c r="AD8112">
        <v>25</v>
      </c>
      <c r="AE8112">
        <v>25</v>
      </c>
      <c r="AF8112">
        <v>25</v>
      </c>
      <c r="AG8112">
        <v>25</v>
      </c>
      <c r="AH8112">
        <v>24</v>
      </c>
      <c r="AI8112">
        <v>24</v>
      </c>
      <c r="AJ8112">
        <v>24</v>
      </c>
      <c r="AK8112">
        <v>24</v>
      </c>
      <c r="AL8112">
        <v>24</v>
      </c>
      <c r="AM8112">
        <v>24</v>
      </c>
      <c r="AN8112">
        <v>23</v>
      </c>
      <c r="AO8112">
        <v>23</v>
      </c>
      <c r="AP8112">
        <v>23</v>
      </c>
      <c r="AQ8112">
        <v>23</v>
      </c>
    </row>
    <row r="8113" spans="1:43">
      <c r="A8113" t="s">
        <v>5080</v>
      </c>
      <c r="B8113" t="s">
        <v>5081</v>
      </c>
      <c r="C8113" t="s">
        <v>5082</v>
      </c>
      <c r="D8113" t="s">
        <v>5083</v>
      </c>
      <c r="E8113" t="s">
        <v>4916</v>
      </c>
      <c r="F8113" t="s">
        <v>4917</v>
      </c>
      <c r="G8113" t="s">
        <v>80</v>
      </c>
      <c r="H8113" t="s">
        <v>81</v>
      </c>
      <c r="I8113" s="2">
        <v>1</v>
      </c>
      <c r="J8113" s="2">
        <v>0</v>
      </c>
      <c r="K8113" s="2">
        <v>0</v>
      </c>
      <c r="L8113" t="s">
        <v>120</v>
      </c>
      <c r="M8113" t="s">
        <v>83</v>
      </c>
      <c r="N8113" t="s">
        <v>91</v>
      </c>
      <c r="O8113" t="s">
        <v>85</v>
      </c>
      <c r="P8113" t="s">
        <v>86</v>
      </c>
      <c r="Q8113">
        <v>22</v>
      </c>
      <c r="R8113">
        <v>22</v>
      </c>
      <c r="S8113">
        <v>22</v>
      </c>
      <c r="T8113">
        <v>22</v>
      </c>
      <c r="U8113">
        <v>23</v>
      </c>
      <c r="V8113">
        <v>23</v>
      </c>
      <c r="W8113">
        <v>23</v>
      </c>
      <c r="X8113">
        <v>23</v>
      </c>
      <c r="Y8113">
        <v>23</v>
      </c>
      <c r="Z8113">
        <v>23</v>
      </c>
      <c r="AA8113">
        <v>23</v>
      </c>
      <c r="AB8113">
        <v>23</v>
      </c>
      <c r="AC8113">
        <v>23</v>
      </c>
      <c r="AD8113">
        <v>23</v>
      </c>
      <c r="AE8113">
        <v>23</v>
      </c>
      <c r="AF8113">
        <v>23</v>
      </c>
      <c r="AG8113">
        <v>23</v>
      </c>
      <c r="AH8113">
        <v>23</v>
      </c>
      <c r="AI8113">
        <v>24</v>
      </c>
      <c r="AJ8113">
        <v>24</v>
      </c>
      <c r="AK8113">
        <v>24</v>
      </c>
      <c r="AL8113">
        <v>23</v>
      </c>
      <c r="AM8113">
        <v>23</v>
      </c>
      <c r="AN8113">
        <v>23</v>
      </c>
      <c r="AO8113">
        <v>23</v>
      </c>
      <c r="AP8113">
        <v>23</v>
      </c>
      <c r="AQ8113">
        <v>23</v>
      </c>
    </row>
    <row r="8114" spans="1:43">
      <c r="A8114" t="s">
        <v>5084</v>
      </c>
      <c r="B8114" t="s">
        <v>5085</v>
      </c>
      <c r="C8114" t="s">
        <v>5082</v>
      </c>
      <c r="D8114" t="s">
        <v>5083</v>
      </c>
      <c r="E8114" t="s">
        <v>4916</v>
      </c>
      <c r="F8114" t="s">
        <v>4917</v>
      </c>
      <c r="G8114" t="s">
        <v>80</v>
      </c>
      <c r="H8114" t="s">
        <v>81</v>
      </c>
      <c r="I8114" s="2">
        <v>1</v>
      </c>
      <c r="J8114" s="2">
        <v>0</v>
      </c>
      <c r="K8114" s="2">
        <v>0</v>
      </c>
      <c r="L8114" t="s">
        <v>120</v>
      </c>
      <c r="M8114" t="s">
        <v>83</v>
      </c>
      <c r="N8114" t="s">
        <v>84</v>
      </c>
      <c r="O8114" t="s">
        <v>85</v>
      </c>
      <c r="P8114" t="s">
        <v>86</v>
      </c>
      <c r="Q8114">
        <v>35</v>
      </c>
      <c r="R8114">
        <v>35</v>
      </c>
      <c r="S8114">
        <v>35</v>
      </c>
      <c r="T8114">
        <v>35</v>
      </c>
      <c r="U8114">
        <v>36</v>
      </c>
      <c r="V8114">
        <v>36</v>
      </c>
      <c r="W8114">
        <v>36</v>
      </c>
      <c r="X8114">
        <v>36</v>
      </c>
      <c r="Y8114">
        <v>36</v>
      </c>
      <c r="Z8114">
        <v>37</v>
      </c>
      <c r="AA8114">
        <v>37</v>
      </c>
      <c r="AB8114">
        <v>37</v>
      </c>
      <c r="AC8114">
        <v>37</v>
      </c>
      <c r="AD8114">
        <v>37</v>
      </c>
      <c r="AE8114">
        <v>37</v>
      </c>
      <c r="AF8114">
        <v>38</v>
      </c>
      <c r="AG8114">
        <v>38</v>
      </c>
      <c r="AH8114">
        <v>38</v>
      </c>
      <c r="AI8114">
        <v>38</v>
      </c>
      <c r="AJ8114">
        <v>38</v>
      </c>
      <c r="AK8114">
        <v>38</v>
      </c>
      <c r="AL8114">
        <v>38</v>
      </c>
      <c r="AM8114">
        <v>38</v>
      </c>
      <c r="AN8114">
        <v>38</v>
      </c>
      <c r="AO8114">
        <v>37</v>
      </c>
      <c r="AP8114">
        <v>37</v>
      </c>
      <c r="AQ8114">
        <v>37</v>
      </c>
    </row>
    <row r="8115" spans="1:43">
      <c r="A8115" t="s">
        <v>5084</v>
      </c>
      <c r="B8115" t="s">
        <v>5085</v>
      </c>
      <c r="C8115" t="s">
        <v>5082</v>
      </c>
      <c r="D8115" t="s">
        <v>5083</v>
      </c>
      <c r="E8115" t="s">
        <v>4916</v>
      </c>
      <c r="F8115" t="s">
        <v>4917</v>
      </c>
      <c r="G8115" t="s">
        <v>80</v>
      </c>
      <c r="H8115" t="s">
        <v>81</v>
      </c>
      <c r="I8115" s="2">
        <v>1</v>
      </c>
      <c r="J8115" s="2">
        <v>0</v>
      </c>
      <c r="K8115" s="2">
        <v>0</v>
      </c>
      <c r="L8115" t="s">
        <v>120</v>
      </c>
      <c r="M8115" t="s">
        <v>87</v>
      </c>
      <c r="N8115" t="s">
        <v>88</v>
      </c>
      <c r="O8115" t="s">
        <v>85</v>
      </c>
      <c r="P8115" t="s">
        <v>86</v>
      </c>
      <c r="Q8115">
        <v>35</v>
      </c>
      <c r="R8115">
        <v>35</v>
      </c>
      <c r="S8115">
        <v>35</v>
      </c>
      <c r="T8115">
        <v>35</v>
      </c>
      <c r="U8115">
        <v>35</v>
      </c>
      <c r="V8115">
        <v>35</v>
      </c>
      <c r="W8115">
        <v>35</v>
      </c>
      <c r="X8115">
        <v>35</v>
      </c>
      <c r="Y8115">
        <v>35</v>
      </c>
      <c r="Z8115">
        <v>35</v>
      </c>
      <c r="AA8115">
        <v>35</v>
      </c>
      <c r="AB8115">
        <v>35</v>
      </c>
      <c r="AC8115">
        <v>34</v>
      </c>
      <c r="AD8115">
        <v>34</v>
      </c>
      <c r="AE8115">
        <v>34</v>
      </c>
      <c r="AF8115">
        <v>34</v>
      </c>
      <c r="AG8115">
        <v>34</v>
      </c>
      <c r="AH8115">
        <v>34</v>
      </c>
      <c r="AI8115">
        <v>34</v>
      </c>
      <c r="AJ8115">
        <v>34</v>
      </c>
      <c r="AK8115">
        <v>34</v>
      </c>
      <c r="AL8115">
        <v>34</v>
      </c>
      <c r="AM8115">
        <v>34</v>
      </c>
      <c r="AN8115">
        <v>34</v>
      </c>
      <c r="AO8115">
        <v>33</v>
      </c>
      <c r="AP8115">
        <v>33</v>
      </c>
      <c r="AQ8115">
        <v>33</v>
      </c>
    </row>
    <row r="8116" spans="1:43">
      <c r="A8116" t="s">
        <v>5084</v>
      </c>
      <c r="B8116" t="s">
        <v>5085</v>
      </c>
      <c r="C8116" t="s">
        <v>5082</v>
      </c>
      <c r="D8116" t="s">
        <v>5083</v>
      </c>
      <c r="E8116" t="s">
        <v>4916</v>
      </c>
      <c r="F8116" t="s">
        <v>4917</v>
      </c>
      <c r="G8116" t="s">
        <v>80</v>
      </c>
      <c r="H8116" t="s">
        <v>81</v>
      </c>
      <c r="I8116" s="2">
        <v>1</v>
      </c>
      <c r="J8116" s="2">
        <v>0</v>
      </c>
      <c r="K8116" s="2">
        <v>0</v>
      </c>
      <c r="L8116" t="s">
        <v>120</v>
      </c>
      <c r="M8116" t="s">
        <v>89</v>
      </c>
      <c r="N8116" t="s">
        <v>90</v>
      </c>
      <c r="O8116" t="s">
        <v>85</v>
      </c>
      <c r="P8116" t="s">
        <v>86</v>
      </c>
      <c r="Q8116">
        <v>35</v>
      </c>
      <c r="R8116">
        <v>36</v>
      </c>
      <c r="S8116">
        <v>36</v>
      </c>
      <c r="T8116">
        <v>37</v>
      </c>
      <c r="U8116">
        <v>37</v>
      </c>
      <c r="V8116">
        <v>37</v>
      </c>
      <c r="W8116">
        <v>38</v>
      </c>
      <c r="X8116">
        <v>38</v>
      </c>
      <c r="Y8116">
        <v>39</v>
      </c>
      <c r="Z8116">
        <v>39</v>
      </c>
      <c r="AA8116">
        <v>39</v>
      </c>
      <c r="AB8116">
        <v>39</v>
      </c>
      <c r="AC8116">
        <v>40</v>
      </c>
      <c r="AD8116">
        <v>40</v>
      </c>
      <c r="AE8116">
        <v>40</v>
      </c>
      <c r="AF8116">
        <v>40</v>
      </c>
      <c r="AG8116">
        <v>40</v>
      </c>
      <c r="AH8116">
        <v>39</v>
      </c>
      <c r="AI8116">
        <v>39</v>
      </c>
      <c r="AJ8116">
        <v>39</v>
      </c>
      <c r="AK8116">
        <v>39</v>
      </c>
      <c r="AL8116">
        <v>38</v>
      </c>
      <c r="AM8116">
        <v>38</v>
      </c>
      <c r="AN8116">
        <v>38</v>
      </c>
      <c r="AO8116">
        <v>38</v>
      </c>
      <c r="AP8116">
        <v>38</v>
      </c>
      <c r="AQ8116">
        <v>37</v>
      </c>
    </row>
    <row r="8117" spans="1:43">
      <c r="A8117" t="s">
        <v>5084</v>
      </c>
      <c r="B8117" t="s">
        <v>5085</v>
      </c>
      <c r="C8117" t="s">
        <v>5082</v>
      </c>
      <c r="D8117" t="s">
        <v>5083</v>
      </c>
      <c r="E8117" t="s">
        <v>4916</v>
      </c>
      <c r="F8117" t="s">
        <v>4917</v>
      </c>
      <c r="G8117" t="s">
        <v>80</v>
      </c>
      <c r="H8117" t="s">
        <v>81</v>
      </c>
      <c r="I8117" s="2">
        <v>1</v>
      </c>
      <c r="J8117" s="2">
        <v>0</v>
      </c>
      <c r="K8117" s="2">
        <v>0</v>
      </c>
      <c r="L8117" t="s">
        <v>120</v>
      </c>
      <c r="M8117" t="s">
        <v>83</v>
      </c>
      <c r="N8117" t="s">
        <v>91</v>
      </c>
      <c r="O8117" t="s">
        <v>85</v>
      </c>
      <c r="P8117" t="s">
        <v>86</v>
      </c>
      <c r="Q8117">
        <v>35</v>
      </c>
      <c r="R8117">
        <v>35</v>
      </c>
      <c r="S8117">
        <v>35</v>
      </c>
      <c r="T8117">
        <v>35</v>
      </c>
      <c r="U8117">
        <v>36</v>
      </c>
      <c r="V8117">
        <v>36</v>
      </c>
      <c r="W8117">
        <v>36</v>
      </c>
      <c r="X8117">
        <v>36</v>
      </c>
      <c r="Y8117">
        <v>36</v>
      </c>
      <c r="Z8117">
        <v>37</v>
      </c>
      <c r="AA8117">
        <v>37</v>
      </c>
      <c r="AB8117">
        <v>37</v>
      </c>
      <c r="AC8117">
        <v>37</v>
      </c>
      <c r="AD8117">
        <v>37</v>
      </c>
      <c r="AE8117">
        <v>37</v>
      </c>
      <c r="AF8117">
        <v>38</v>
      </c>
      <c r="AG8117">
        <v>38</v>
      </c>
      <c r="AH8117">
        <v>38</v>
      </c>
      <c r="AI8117">
        <v>38</v>
      </c>
      <c r="AJ8117">
        <v>38</v>
      </c>
      <c r="AK8117">
        <v>38</v>
      </c>
      <c r="AL8117">
        <v>38</v>
      </c>
      <c r="AM8117">
        <v>38</v>
      </c>
      <c r="AN8117">
        <v>38</v>
      </c>
      <c r="AO8117">
        <v>37</v>
      </c>
      <c r="AP8117">
        <v>37</v>
      </c>
      <c r="AQ8117">
        <v>37</v>
      </c>
    </row>
    <row r="8118" spans="1:43">
      <c r="A8118" t="s">
        <v>5086</v>
      </c>
      <c r="B8118" t="s">
        <v>5087</v>
      </c>
      <c r="C8118" t="s">
        <v>5082</v>
      </c>
      <c r="D8118" t="s">
        <v>5083</v>
      </c>
      <c r="E8118" t="s">
        <v>4916</v>
      </c>
      <c r="F8118" t="s">
        <v>4917</v>
      </c>
      <c r="G8118" t="s">
        <v>80</v>
      </c>
      <c r="H8118" t="s">
        <v>81</v>
      </c>
      <c r="I8118" s="2">
        <v>1</v>
      </c>
      <c r="J8118" s="2">
        <v>0</v>
      </c>
      <c r="K8118" s="2">
        <v>0</v>
      </c>
      <c r="L8118" t="s">
        <v>120</v>
      </c>
      <c r="M8118" t="s">
        <v>83</v>
      </c>
      <c r="N8118" t="s">
        <v>84</v>
      </c>
      <c r="O8118" t="s">
        <v>85</v>
      </c>
      <c r="P8118" t="s">
        <v>86</v>
      </c>
      <c r="Q8118">
        <v>13</v>
      </c>
      <c r="R8118">
        <v>13</v>
      </c>
      <c r="S8118">
        <v>13</v>
      </c>
      <c r="T8118">
        <v>13</v>
      </c>
      <c r="U8118">
        <v>13</v>
      </c>
      <c r="V8118">
        <v>13</v>
      </c>
      <c r="W8118">
        <v>14</v>
      </c>
      <c r="X8118">
        <v>14</v>
      </c>
      <c r="Y8118">
        <v>14</v>
      </c>
      <c r="Z8118">
        <v>14</v>
      </c>
      <c r="AA8118">
        <v>14</v>
      </c>
      <c r="AB8118">
        <v>14</v>
      </c>
      <c r="AC8118">
        <v>14</v>
      </c>
      <c r="AD8118">
        <v>14</v>
      </c>
      <c r="AE8118">
        <v>14</v>
      </c>
      <c r="AF8118">
        <v>14</v>
      </c>
      <c r="AG8118">
        <v>14</v>
      </c>
      <c r="AH8118">
        <v>14</v>
      </c>
      <c r="AI8118">
        <v>14</v>
      </c>
      <c r="AJ8118">
        <v>14</v>
      </c>
      <c r="AK8118">
        <v>14</v>
      </c>
      <c r="AL8118">
        <v>14</v>
      </c>
      <c r="AM8118">
        <v>14</v>
      </c>
      <c r="AN8118">
        <v>14</v>
      </c>
      <c r="AO8118">
        <v>14</v>
      </c>
      <c r="AP8118">
        <v>14</v>
      </c>
      <c r="AQ8118">
        <v>14</v>
      </c>
    </row>
    <row r="8119" spans="1:43">
      <c r="A8119" t="s">
        <v>5086</v>
      </c>
      <c r="B8119" t="s">
        <v>5087</v>
      </c>
      <c r="C8119" t="s">
        <v>5082</v>
      </c>
      <c r="D8119" t="s">
        <v>5083</v>
      </c>
      <c r="E8119" t="s">
        <v>4916</v>
      </c>
      <c r="F8119" t="s">
        <v>4917</v>
      </c>
      <c r="G8119" t="s">
        <v>80</v>
      </c>
      <c r="H8119" t="s">
        <v>81</v>
      </c>
      <c r="I8119" s="2">
        <v>1</v>
      </c>
      <c r="J8119" s="2">
        <v>0</v>
      </c>
      <c r="K8119" s="2">
        <v>0</v>
      </c>
      <c r="L8119" t="s">
        <v>120</v>
      </c>
      <c r="M8119" t="s">
        <v>87</v>
      </c>
      <c r="N8119" t="s">
        <v>88</v>
      </c>
      <c r="O8119" t="s">
        <v>85</v>
      </c>
      <c r="P8119" t="s">
        <v>86</v>
      </c>
      <c r="Q8119">
        <v>13</v>
      </c>
      <c r="R8119">
        <v>13</v>
      </c>
      <c r="S8119">
        <v>13</v>
      </c>
      <c r="T8119">
        <v>13</v>
      </c>
      <c r="U8119">
        <v>13</v>
      </c>
      <c r="V8119">
        <v>13</v>
      </c>
      <c r="W8119">
        <v>13</v>
      </c>
      <c r="X8119">
        <v>13</v>
      </c>
      <c r="Y8119">
        <v>13</v>
      </c>
      <c r="Z8119">
        <v>13</v>
      </c>
      <c r="AA8119">
        <v>13</v>
      </c>
      <c r="AB8119">
        <v>12</v>
      </c>
      <c r="AC8119">
        <v>12</v>
      </c>
      <c r="AD8119">
        <v>12</v>
      </c>
      <c r="AE8119">
        <v>12</v>
      </c>
      <c r="AF8119">
        <v>12</v>
      </c>
      <c r="AG8119">
        <v>12</v>
      </c>
      <c r="AH8119">
        <v>12</v>
      </c>
      <c r="AI8119">
        <v>12</v>
      </c>
      <c r="AJ8119">
        <v>12</v>
      </c>
      <c r="AK8119">
        <v>12</v>
      </c>
      <c r="AL8119">
        <v>12</v>
      </c>
      <c r="AM8119">
        <v>12</v>
      </c>
      <c r="AN8119">
        <v>12</v>
      </c>
      <c r="AO8119">
        <v>12</v>
      </c>
      <c r="AP8119">
        <v>12</v>
      </c>
      <c r="AQ8119">
        <v>12</v>
      </c>
    </row>
    <row r="8120" spans="1:43">
      <c r="A8120" t="s">
        <v>5086</v>
      </c>
      <c r="B8120" t="s">
        <v>5087</v>
      </c>
      <c r="C8120" t="s">
        <v>5082</v>
      </c>
      <c r="D8120" t="s">
        <v>5083</v>
      </c>
      <c r="E8120" t="s">
        <v>4916</v>
      </c>
      <c r="F8120" t="s">
        <v>4917</v>
      </c>
      <c r="G8120" t="s">
        <v>80</v>
      </c>
      <c r="H8120" t="s">
        <v>81</v>
      </c>
      <c r="I8120" s="2">
        <v>1</v>
      </c>
      <c r="J8120" s="2">
        <v>0</v>
      </c>
      <c r="K8120" s="2">
        <v>0</v>
      </c>
      <c r="L8120" t="s">
        <v>120</v>
      </c>
      <c r="M8120" t="s">
        <v>89</v>
      </c>
      <c r="N8120" t="s">
        <v>90</v>
      </c>
      <c r="O8120" t="s">
        <v>85</v>
      </c>
      <c r="P8120" t="s">
        <v>86</v>
      </c>
      <c r="Q8120">
        <v>13</v>
      </c>
      <c r="R8120">
        <v>13</v>
      </c>
      <c r="S8120">
        <v>14</v>
      </c>
      <c r="T8120">
        <v>14</v>
      </c>
      <c r="U8120">
        <v>14</v>
      </c>
      <c r="V8120">
        <v>14</v>
      </c>
      <c r="W8120">
        <v>14</v>
      </c>
      <c r="X8120">
        <v>14</v>
      </c>
      <c r="Y8120">
        <v>14</v>
      </c>
      <c r="Z8120">
        <v>14</v>
      </c>
      <c r="AA8120">
        <v>15</v>
      </c>
      <c r="AB8120">
        <v>15</v>
      </c>
      <c r="AC8120">
        <v>15</v>
      </c>
      <c r="AD8120">
        <v>15</v>
      </c>
      <c r="AE8120">
        <v>15</v>
      </c>
      <c r="AF8120">
        <v>15</v>
      </c>
      <c r="AG8120">
        <v>15</v>
      </c>
      <c r="AH8120">
        <v>15</v>
      </c>
      <c r="AI8120">
        <v>14</v>
      </c>
      <c r="AJ8120">
        <v>14</v>
      </c>
      <c r="AK8120">
        <v>14</v>
      </c>
      <c r="AL8120">
        <v>14</v>
      </c>
      <c r="AM8120">
        <v>14</v>
      </c>
      <c r="AN8120">
        <v>14</v>
      </c>
      <c r="AO8120">
        <v>14</v>
      </c>
      <c r="AP8120">
        <v>14</v>
      </c>
      <c r="AQ8120">
        <v>14</v>
      </c>
    </row>
    <row r="8121" spans="1:43">
      <c r="A8121" t="s">
        <v>5086</v>
      </c>
      <c r="B8121" t="s">
        <v>5087</v>
      </c>
      <c r="C8121" t="s">
        <v>5082</v>
      </c>
      <c r="D8121" t="s">
        <v>5083</v>
      </c>
      <c r="E8121" t="s">
        <v>4916</v>
      </c>
      <c r="F8121" t="s">
        <v>4917</v>
      </c>
      <c r="G8121" t="s">
        <v>80</v>
      </c>
      <c r="H8121" t="s">
        <v>81</v>
      </c>
      <c r="I8121" s="2">
        <v>1</v>
      </c>
      <c r="J8121" s="2">
        <v>0</v>
      </c>
      <c r="K8121" s="2">
        <v>0</v>
      </c>
      <c r="L8121" t="s">
        <v>120</v>
      </c>
      <c r="M8121" t="s">
        <v>83</v>
      </c>
      <c r="N8121" t="s">
        <v>91</v>
      </c>
      <c r="O8121" t="s">
        <v>85</v>
      </c>
      <c r="P8121" t="s">
        <v>86</v>
      </c>
      <c r="Q8121">
        <v>13</v>
      </c>
      <c r="R8121">
        <v>13</v>
      </c>
      <c r="S8121">
        <v>13</v>
      </c>
      <c r="T8121">
        <v>13</v>
      </c>
      <c r="U8121">
        <v>13</v>
      </c>
      <c r="V8121">
        <v>13</v>
      </c>
      <c r="W8121">
        <v>14</v>
      </c>
      <c r="X8121">
        <v>14</v>
      </c>
      <c r="Y8121">
        <v>14</v>
      </c>
      <c r="Z8121">
        <v>14</v>
      </c>
      <c r="AA8121">
        <v>14</v>
      </c>
      <c r="AB8121">
        <v>14</v>
      </c>
      <c r="AC8121">
        <v>14</v>
      </c>
      <c r="AD8121">
        <v>14</v>
      </c>
      <c r="AE8121">
        <v>14</v>
      </c>
      <c r="AF8121">
        <v>14</v>
      </c>
      <c r="AG8121">
        <v>14</v>
      </c>
      <c r="AH8121">
        <v>14</v>
      </c>
      <c r="AI8121">
        <v>14</v>
      </c>
      <c r="AJ8121">
        <v>14</v>
      </c>
      <c r="AK8121">
        <v>14</v>
      </c>
      <c r="AL8121">
        <v>14</v>
      </c>
      <c r="AM8121">
        <v>14</v>
      </c>
      <c r="AN8121">
        <v>14</v>
      </c>
      <c r="AO8121">
        <v>14</v>
      </c>
      <c r="AP8121">
        <v>14</v>
      </c>
      <c r="AQ8121">
        <v>14</v>
      </c>
    </row>
    <row r="8122" spans="1:43">
      <c r="A8122" t="s">
        <v>5088</v>
      </c>
      <c r="B8122" t="s">
        <v>5089</v>
      </c>
      <c r="C8122" t="s">
        <v>5004</v>
      </c>
      <c r="D8122" t="s">
        <v>5005</v>
      </c>
      <c r="E8122" t="s">
        <v>4916</v>
      </c>
      <c r="F8122" t="s">
        <v>4917</v>
      </c>
      <c r="G8122" t="s">
        <v>80</v>
      </c>
      <c r="H8122" t="s">
        <v>81</v>
      </c>
      <c r="I8122" s="2">
        <v>1</v>
      </c>
      <c r="J8122" s="2">
        <v>0</v>
      </c>
      <c r="K8122" s="2">
        <v>0</v>
      </c>
      <c r="L8122" t="s">
        <v>120</v>
      </c>
      <c r="M8122" t="s">
        <v>83</v>
      </c>
      <c r="N8122" t="s">
        <v>84</v>
      </c>
      <c r="O8122" t="s">
        <v>85</v>
      </c>
      <c r="P8122" t="s">
        <v>86</v>
      </c>
      <c r="Q8122">
        <v>24</v>
      </c>
      <c r="R8122">
        <v>24</v>
      </c>
      <c r="S8122">
        <v>24</v>
      </c>
      <c r="T8122">
        <v>24</v>
      </c>
      <c r="U8122">
        <v>25</v>
      </c>
      <c r="V8122">
        <v>25</v>
      </c>
      <c r="W8122">
        <v>25</v>
      </c>
      <c r="X8122">
        <v>25</v>
      </c>
      <c r="Y8122">
        <v>25</v>
      </c>
      <c r="Z8122">
        <v>25</v>
      </c>
      <c r="AA8122">
        <v>25</v>
      </c>
      <c r="AB8122">
        <v>25</v>
      </c>
      <c r="AC8122">
        <v>25</v>
      </c>
      <c r="AD8122">
        <v>25</v>
      </c>
      <c r="AE8122">
        <v>26</v>
      </c>
      <c r="AF8122">
        <v>26</v>
      </c>
      <c r="AG8122">
        <v>26</v>
      </c>
      <c r="AH8122">
        <v>26</v>
      </c>
      <c r="AI8122">
        <v>26</v>
      </c>
      <c r="AJ8122">
        <v>26</v>
      </c>
      <c r="AK8122">
        <v>26</v>
      </c>
      <c r="AL8122">
        <v>26</v>
      </c>
      <c r="AM8122">
        <v>26</v>
      </c>
      <c r="AN8122">
        <v>26</v>
      </c>
      <c r="AO8122">
        <v>25</v>
      </c>
      <c r="AP8122">
        <v>25</v>
      </c>
      <c r="AQ8122">
        <v>25</v>
      </c>
    </row>
    <row r="8123" spans="1:43">
      <c r="A8123" t="s">
        <v>5088</v>
      </c>
      <c r="B8123" t="s">
        <v>5089</v>
      </c>
      <c r="C8123" t="s">
        <v>5004</v>
      </c>
      <c r="D8123" t="s">
        <v>5005</v>
      </c>
      <c r="E8123" t="s">
        <v>4916</v>
      </c>
      <c r="F8123" t="s">
        <v>4917</v>
      </c>
      <c r="G8123" t="s">
        <v>80</v>
      </c>
      <c r="H8123" t="s">
        <v>81</v>
      </c>
      <c r="I8123" s="2">
        <v>1</v>
      </c>
      <c r="J8123" s="2">
        <v>0</v>
      </c>
      <c r="K8123" s="2">
        <v>0</v>
      </c>
      <c r="L8123" t="s">
        <v>120</v>
      </c>
      <c r="M8123" t="s">
        <v>87</v>
      </c>
      <c r="N8123" t="s">
        <v>88</v>
      </c>
      <c r="O8123" t="s">
        <v>85</v>
      </c>
      <c r="P8123" t="s">
        <v>86</v>
      </c>
      <c r="Q8123">
        <v>24</v>
      </c>
      <c r="R8123">
        <v>24</v>
      </c>
      <c r="S8123">
        <v>24</v>
      </c>
      <c r="T8123">
        <v>24</v>
      </c>
      <c r="U8123">
        <v>23</v>
      </c>
      <c r="V8123">
        <v>23</v>
      </c>
      <c r="W8123">
        <v>23</v>
      </c>
      <c r="X8123">
        <v>23</v>
      </c>
      <c r="Y8123">
        <v>23</v>
      </c>
      <c r="Z8123">
        <v>23</v>
      </c>
      <c r="AA8123">
        <v>23</v>
      </c>
      <c r="AB8123">
        <v>23</v>
      </c>
      <c r="AC8123">
        <v>23</v>
      </c>
      <c r="AD8123">
        <v>23</v>
      </c>
      <c r="AE8123">
        <v>23</v>
      </c>
      <c r="AF8123">
        <v>23</v>
      </c>
      <c r="AG8123">
        <v>23</v>
      </c>
      <c r="AH8123">
        <v>23</v>
      </c>
      <c r="AI8123">
        <v>23</v>
      </c>
      <c r="AJ8123">
        <v>22</v>
      </c>
      <c r="AK8123">
        <v>22</v>
      </c>
      <c r="AL8123">
        <v>22</v>
      </c>
      <c r="AM8123">
        <v>22</v>
      </c>
      <c r="AN8123">
        <v>22</v>
      </c>
      <c r="AO8123">
        <v>22</v>
      </c>
      <c r="AP8123">
        <v>22</v>
      </c>
      <c r="AQ8123">
        <v>22</v>
      </c>
    </row>
    <row r="8124" spans="1:43">
      <c r="A8124" t="s">
        <v>5088</v>
      </c>
      <c r="B8124" t="s">
        <v>5089</v>
      </c>
      <c r="C8124" t="s">
        <v>5004</v>
      </c>
      <c r="D8124" t="s">
        <v>5005</v>
      </c>
      <c r="E8124" t="s">
        <v>4916</v>
      </c>
      <c r="F8124" t="s">
        <v>4917</v>
      </c>
      <c r="G8124" t="s">
        <v>80</v>
      </c>
      <c r="H8124" t="s">
        <v>81</v>
      </c>
      <c r="I8124" s="2">
        <v>1</v>
      </c>
      <c r="J8124" s="2">
        <v>0</v>
      </c>
      <c r="K8124" s="2">
        <v>0</v>
      </c>
      <c r="L8124" t="s">
        <v>120</v>
      </c>
      <c r="M8124" t="s">
        <v>89</v>
      </c>
      <c r="N8124" t="s">
        <v>90</v>
      </c>
      <c r="O8124" t="s">
        <v>85</v>
      </c>
      <c r="P8124" t="s">
        <v>86</v>
      </c>
      <c r="Q8124">
        <v>24</v>
      </c>
      <c r="R8124">
        <v>25</v>
      </c>
      <c r="S8124">
        <v>25</v>
      </c>
      <c r="T8124">
        <v>25</v>
      </c>
      <c r="U8124">
        <v>25</v>
      </c>
      <c r="V8124">
        <v>26</v>
      </c>
      <c r="W8124">
        <v>26</v>
      </c>
      <c r="X8124">
        <v>26</v>
      </c>
      <c r="Y8124">
        <v>26</v>
      </c>
      <c r="Z8124">
        <v>27</v>
      </c>
      <c r="AA8124">
        <v>27</v>
      </c>
      <c r="AB8124">
        <v>27</v>
      </c>
      <c r="AC8124">
        <v>27</v>
      </c>
      <c r="AD8124">
        <v>27</v>
      </c>
      <c r="AE8124">
        <v>27</v>
      </c>
      <c r="AF8124">
        <v>27</v>
      </c>
      <c r="AG8124">
        <v>27</v>
      </c>
      <c r="AH8124">
        <v>27</v>
      </c>
      <c r="AI8124">
        <v>27</v>
      </c>
      <c r="AJ8124">
        <v>26</v>
      </c>
      <c r="AK8124">
        <v>26</v>
      </c>
      <c r="AL8124">
        <v>26</v>
      </c>
      <c r="AM8124">
        <v>26</v>
      </c>
      <c r="AN8124">
        <v>26</v>
      </c>
      <c r="AO8124">
        <v>26</v>
      </c>
      <c r="AP8124">
        <v>25</v>
      </c>
      <c r="AQ8124">
        <v>25</v>
      </c>
    </row>
    <row r="8125" spans="1:43">
      <c r="A8125" t="s">
        <v>5088</v>
      </c>
      <c r="B8125" t="s">
        <v>5089</v>
      </c>
      <c r="C8125" t="s">
        <v>5004</v>
      </c>
      <c r="D8125" t="s">
        <v>5005</v>
      </c>
      <c r="E8125" t="s">
        <v>4916</v>
      </c>
      <c r="F8125" t="s">
        <v>4917</v>
      </c>
      <c r="G8125" t="s">
        <v>80</v>
      </c>
      <c r="H8125" t="s">
        <v>81</v>
      </c>
      <c r="I8125" s="2">
        <v>1</v>
      </c>
      <c r="J8125" s="2">
        <v>0</v>
      </c>
      <c r="K8125" s="2">
        <v>0</v>
      </c>
      <c r="L8125" t="s">
        <v>120</v>
      </c>
      <c r="M8125" t="s">
        <v>83</v>
      </c>
      <c r="N8125" t="s">
        <v>91</v>
      </c>
      <c r="O8125" t="s">
        <v>85</v>
      </c>
      <c r="P8125" t="s">
        <v>86</v>
      </c>
      <c r="Q8125">
        <v>24</v>
      </c>
      <c r="R8125">
        <v>24</v>
      </c>
      <c r="S8125">
        <v>24</v>
      </c>
      <c r="T8125">
        <v>24</v>
      </c>
      <c r="U8125">
        <v>25</v>
      </c>
      <c r="V8125">
        <v>25</v>
      </c>
      <c r="W8125">
        <v>25</v>
      </c>
      <c r="X8125">
        <v>25</v>
      </c>
      <c r="Y8125">
        <v>25</v>
      </c>
      <c r="Z8125">
        <v>25</v>
      </c>
      <c r="AA8125">
        <v>25</v>
      </c>
      <c r="AB8125">
        <v>25</v>
      </c>
      <c r="AC8125">
        <v>25</v>
      </c>
      <c r="AD8125">
        <v>25</v>
      </c>
      <c r="AE8125">
        <v>26</v>
      </c>
      <c r="AF8125">
        <v>26</v>
      </c>
      <c r="AG8125">
        <v>26</v>
      </c>
      <c r="AH8125">
        <v>26</v>
      </c>
      <c r="AI8125">
        <v>26</v>
      </c>
      <c r="AJ8125">
        <v>26</v>
      </c>
      <c r="AK8125">
        <v>26</v>
      </c>
      <c r="AL8125">
        <v>26</v>
      </c>
      <c r="AM8125">
        <v>26</v>
      </c>
      <c r="AN8125">
        <v>26</v>
      </c>
      <c r="AO8125">
        <v>25</v>
      </c>
      <c r="AP8125">
        <v>25</v>
      </c>
      <c r="AQ8125">
        <v>25</v>
      </c>
    </row>
    <row r="8126" spans="1:43">
      <c r="A8126" t="s">
        <v>5090</v>
      </c>
      <c r="B8126" t="s">
        <v>5091</v>
      </c>
      <c r="C8126" t="s">
        <v>5004</v>
      </c>
      <c r="D8126" t="s">
        <v>5005</v>
      </c>
      <c r="E8126" t="s">
        <v>4916</v>
      </c>
      <c r="F8126" t="s">
        <v>4917</v>
      </c>
      <c r="G8126" t="s">
        <v>80</v>
      </c>
      <c r="H8126" t="s">
        <v>81</v>
      </c>
      <c r="I8126" s="2">
        <v>1</v>
      </c>
      <c r="J8126" s="2">
        <v>0</v>
      </c>
      <c r="K8126" s="2">
        <v>0</v>
      </c>
      <c r="L8126" t="s">
        <v>120</v>
      </c>
      <c r="M8126" t="s">
        <v>83</v>
      </c>
      <c r="N8126" t="s">
        <v>84</v>
      </c>
      <c r="O8126" t="s">
        <v>85</v>
      </c>
      <c r="P8126" t="s">
        <v>86</v>
      </c>
      <c r="Q8126">
        <v>20</v>
      </c>
      <c r="R8126">
        <v>20</v>
      </c>
      <c r="S8126">
        <v>20</v>
      </c>
      <c r="T8126">
        <v>21</v>
      </c>
      <c r="U8126">
        <v>21</v>
      </c>
      <c r="V8126">
        <v>21</v>
      </c>
      <c r="W8126">
        <v>21</v>
      </c>
      <c r="X8126">
        <v>21</v>
      </c>
      <c r="Y8126">
        <v>21</v>
      </c>
      <c r="Z8126">
        <v>21</v>
      </c>
      <c r="AA8126">
        <v>21</v>
      </c>
      <c r="AB8126">
        <v>21</v>
      </c>
      <c r="AC8126">
        <v>21</v>
      </c>
      <c r="AD8126">
        <v>21</v>
      </c>
      <c r="AE8126">
        <v>21</v>
      </c>
      <c r="AF8126">
        <v>22</v>
      </c>
      <c r="AG8126">
        <v>22</v>
      </c>
      <c r="AH8126">
        <v>22</v>
      </c>
      <c r="AI8126">
        <v>22</v>
      </c>
      <c r="AJ8126">
        <v>22</v>
      </c>
      <c r="AK8126">
        <v>22</v>
      </c>
      <c r="AL8126">
        <v>22</v>
      </c>
      <c r="AM8126">
        <v>22</v>
      </c>
      <c r="AN8126">
        <v>21</v>
      </c>
      <c r="AO8126">
        <v>21</v>
      </c>
      <c r="AP8126">
        <v>21</v>
      </c>
      <c r="AQ8126">
        <v>21</v>
      </c>
    </row>
    <row r="8127" spans="1:43">
      <c r="A8127" t="s">
        <v>5090</v>
      </c>
      <c r="B8127" t="s">
        <v>5091</v>
      </c>
      <c r="C8127" t="s">
        <v>5004</v>
      </c>
      <c r="D8127" t="s">
        <v>5005</v>
      </c>
      <c r="E8127" t="s">
        <v>4916</v>
      </c>
      <c r="F8127" t="s">
        <v>4917</v>
      </c>
      <c r="G8127" t="s">
        <v>80</v>
      </c>
      <c r="H8127" t="s">
        <v>81</v>
      </c>
      <c r="I8127" s="2">
        <v>1</v>
      </c>
      <c r="J8127" s="2">
        <v>0</v>
      </c>
      <c r="K8127" s="2">
        <v>0</v>
      </c>
      <c r="L8127" t="s">
        <v>120</v>
      </c>
      <c r="M8127" t="s">
        <v>87</v>
      </c>
      <c r="N8127" t="s">
        <v>88</v>
      </c>
      <c r="O8127" t="s">
        <v>85</v>
      </c>
      <c r="P8127" t="s">
        <v>86</v>
      </c>
      <c r="Q8127">
        <v>20</v>
      </c>
      <c r="R8127">
        <v>20</v>
      </c>
      <c r="S8127">
        <v>20</v>
      </c>
      <c r="T8127">
        <v>20</v>
      </c>
      <c r="U8127">
        <v>20</v>
      </c>
      <c r="V8127">
        <v>20</v>
      </c>
      <c r="W8127">
        <v>20</v>
      </c>
      <c r="X8127">
        <v>20</v>
      </c>
      <c r="Y8127">
        <v>19</v>
      </c>
      <c r="Z8127">
        <v>19</v>
      </c>
      <c r="AA8127">
        <v>19</v>
      </c>
      <c r="AB8127">
        <v>19</v>
      </c>
      <c r="AC8127">
        <v>19</v>
      </c>
      <c r="AD8127">
        <v>19</v>
      </c>
      <c r="AE8127">
        <v>19</v>
      </c>
      <c r="AF8127">
        <v>19</v>
      </c>
      <c r="AG8127">
        <v>19</v>
      </c>
      <c r="AH8127">
        <v>19</v>
      </c>
      <c r="AI8127">
        <v>19</v>
      </c>
      <c r="AJ8127">
        <v>19</v>
      </c>
      <c r="AK8127">
        <v>19</v>
      </c>
      <c r="AL8127">
        <v>19</v>
      </c>
      <c r="AM8127">
        <v>19</v>
      </c>
      <c r="AN8127">
        <v>19</v>
      </c>
      <c r="AO8127">
        <v>19</v>
      </c>
      <c r="AP8127">
        <v>19</v>
      </c>
      <c r="AQ8127">
        <v>18</v>
      </c>
    </row>
    <row r="8128" spans="1:43">
      <c r="A8128" t="s">
        <v>5090</v>
      </c>
      <c r="B8128" t="s">
        <v>5091</v>
      </c>
      <c r="C8128" t="s">
        <v>5004</v>
      </c>
      <c r="D8128" t="s">
        <v>5005</v>
      </c>
      <c r="E8128" t="s">
        <v>4916</v>
      </c>
      <c r="F8128" t="s">
        <v>4917</v>
      </c>
      <c r="G8128" t="s">
        <v>80</v>
      </c>
      <c r="H8128" t="s">
        <v>81</v>
      </c>
      <c r="I8128" s="2">
        <v>1</v>
      </c>
      <c r="J8128" s="2">
        <v>0</v>
      </c>
      <c r="K8128" s="2">
        <v>0</v>
      </c>
      <c r="L8128" t="s">
        <v>120</v>
      </c>
      <c r="M8128" t="s">
        <v>89</v>
      </c>
      <c r="N8128" t="s">
        <v>90</v>
      </c>
      <c r="O8128" t="s">
        <v>85</v>
      </c>
      <c r="P8128" t="s">
        <v>86</v>
      </c>
      <c r="Q8128">
        <v>20</v>
      </c>
      <c r="R8128">
        <v>21</v>
      </c>
      <c r="S8128">
        <v>21</v>
      </c>
      <c r="T8128">
        <v>21</v>
      </c>
      <c r="U8128">
        <v>21</v>
      </c>
      <c r="V8128">
        <v>22</v>
      </c>
      <c r="W8128">
        <v>22</v>
      </c>
      <c r="X8128">
        <v>22</v>
      </c>
      <c r="Y8128">
        <v>22</v>
      </c>
      <c r="Z8128">
        <v>22</v>
      </c>
      <c r="AA8128">
        <v>23</v>
      </c>
      <c r="AB8128">
        <v>23</v>
      </c>
      <c r="AC8128">
        <v>23</v>
      </c>
      <c r="AD8128">
        <v>23</v>
      </c>
      <c r="AE8128">
        <v>23</v>
      </c>
      <c r="AF8128">
        <v>23</v>
      </c>
      <c r="AG8128">
        <v>23</v>
      </c>
      <c r="AH8128">
        <v>23</v>
      </c>
      <c r="AI8128">
        <v>22</v>
      </c>
      <c r="AJ8128">
        <v>22</v>
      </c>
      <c r="AK8128">
        <v>22</v>
      </c>
      <c r="AL8128">
        <v>22</v>
      </c>
      <c r="AM8128">
        <v>22</v>
      </c>
      <c r="AN8128">
        <v>22</v>
      </c>
      <c r="AO8128">
        <v>22</v>
      </c>
      <c r="AP8128">
        <v>21</v>
      </c>
      <c r="AQ8128">
        <v>21</v>
      </c>
    </row>
    <row r="8129" spans="1:43">
      <c r="A8129" t="s">
        <v>5090</v>
      </c>
      <c r="B8129" t="s">
        <v>5091</v>
      </c>
      <c r="C8129" t="s">
        <v>5004</v>
      </c>
      <c r="D8129" t="s">
        <v>5005</v>
      </c>
      <c r="E8129" t="s">
        <v>4916</v>
      </c>
      <c r="F8129" t="s">
        <v>4917</v>
      </c>
      <c r="G8129" t="s">
        <v>80</v>
      </c>
      <c r="H8129" t="s">
        <v>81</v>
      </c>
      <c r="I8129" s="2">
        <v>1</v>
      </c>
      <c r="J8129" s="2">
        <v>0</v>
      </c>
      <c r="K8129" s="2">
        <v>0</v>
      </c>
      <c r="L8129" t="s">
        <v>120</v>
      </c>
      <c r="M8129" t="s">
        <v>83</v>
      </c>
      <c r="N8129" t="s">
        <v>91</v>
      </c>
      <c r="O8129" t="s">
        <v>85</v>
      </c>
      <c r="P8129" t="s">
        <v>86</v>
      </c>
      <c r="Q8129">
        <v>20</v>
      </c>
      <c r="R8129">
        <v>20</v>
      </c>
      <c r="S8129">
        <v>20</v>
      </c>
      <c r="T8129">
        <v>21</v>
      </c>
      <c r="U8129">
        <v>21</v>
      </c>
      <c r="V8129">
        <v>21</v>
      </c>
      <c r="W8129">
        <v>21</v>
      </c>
      <c r="X8129">
        <v>21</v>
      </c>
      <c r="Y8129">
        <v>21</v>
      </c>
      <c r="Z8129">
        <v>21</v>
      </c>
      <c r="AA8129">
        <v>21</v>
      </c>
      <c r="AB8129">
        <v>21</v>
      </c>
      <c r="AC8129">
        <v>21</v>
      </c>
      <c r="AD8129">
        <v>21</v>
      </c>
      <c r="AE8129">
        <v>21</v>
      </c>
      <c r="AF8129">
        <v>22</v>
      </c>
      <c r="AG8129">
        <v>22</v>
      </c>
      <c r="AH8129">
        <v>22</v>
      </c>
      <c r="AI8129">
        <v>22</v>
      </c>
      <c r="AJ8129">
        <v>22</v>
      </c>
      <c r="AK8129">
        <v>22</v>
      </c>
      <c r="AL8129">
        <v>22</v>
      </c>
      <c r="AM8129">
        <v>22</v>
      </c>
      <c r="AN8129">
        <v>21</v>
      </c>
      <c r="AO8129">
        <v>21</v>
      </c>
      <c r="AP8129">
        <v>21</v>
      </c>
      <c r="AQ8129">
        <v>21</v>
      </c>
    </row>
    <row r="8130" spans="1:43">
      <c r="A8130" t="s">
        <v>5092</v>
      </c>
      <c r="B8130" t="s">
        <v>5093</v>
      </c>
      <c r="C8130" t="s">
        <v>5016</v>
      </c>
      <c r="D8130" t="s">
        <v>5017</v>
      </c>
      <c r="E8130" t="s">
        <v>4916</v>
      </c>
      <c r="F8130" t="s">
        <v>4917</v>
      </c>
      <c r="G8130" t="s">
        <v>80</v>
      </c>
      <c r="H8130" t="s">
        <v>81</v>
      </c>
      <c r="I8130" s="2">
        <v>1</v>
      </c>
      <c r="J8130" s="2">
        <v>0</v>
      </c>
      <c r="K8130" s="2">
        <v>0</v>
      </c>
      <c r="L8130" t="s">
        <v>120</v>
      </c>
      <c r="M8130" t="s">
        <v>83</v>
      </c>
      <c r="N8130" t="s">
        <v>84</v>
      </c>
      <c r="O8130" t="s">
        <v>85</v>
      </c>
      <c r="P8130" t="s">
        <v>86</v>
      </c>
      <c r="Q8130">
        <v>17</v>
      </c>
      <c r="R8130">
        <v>17</v>
      </c>
      <c r="S8130">
        <v>18</v>
      </c>
      <c r="T8130">
        <v>18</v>
      </c>
      <c r="U8130">
        <v>18</v>
      </c>
      <c r="V8130">
        <v>18</v>
      </c>
      <c r="W8130">
        <v>18</v>
      </c>
      <c r="X8130">
        <v>18</v>
      </c>
      <c r="Y8130">
        <v>18</v>
      </c>
      <c r="Z8130">
        <v>18</v>
      </c>
      <c r="AA8130">
        <v>18</v>
      </c>
      <c r="AB8130">
        <v>18</v>
      </c>
      <c r="AC8130">
        <v>18</v>
      </c>
      <c r="AD8130">
        <v>19</v>
      </c>
      <c r="AE8130">
        <v>19</v>
      </c>
      <c r="AF8130">
        <v>19</v>
      </c>
      <c r="AG8130">
        <v>19</v>
      </c>
      <c r="AH8130">
        <v>19</v>
      </c>
      <c r="AI8130">
        <v>19</v>
      </c>
      <c r="AJ8130">
        <v>19</v>
      </c>
      <c r="AK8130">
        <v>19</v>
      </c>
      <c r="AL8130">
        <v>19</v>
      </c>
      <c r="AM8130">
        <v>19</v>
      </c>
      <c r="AN8130">
        <v>19</v>
      </c>
      <c r="AO8130">
        <v>19</v>
      </c>
      <c r="AP8130">
        <v>19</v>
      </c>
      <c r="AQ8130">
        <v>18</v>
      </c>
    </row>
    <row r="8131" spans="1:43">
      <c r="A8131" t="s">
        <v>5092</v>
      </c>
      <c r="B8131" t="s">
        <v>5093</v>
      </c>
      <c r="C8131" t="s">
        <v>5016</v>
      </c>
      <c r="D8131" t="s">
        <v>5017</v>
      </c>
      <c r="E8131" t="s">
        <v>4916</v>
      </c>
      <c r="F8131" t="s">
        <v>4917</v>
      </c>
      <c r="G8131" t="s">
        <v>80</v>
      </c>
      <c r="H8131" t="s">
        <v>81</v>
      </c>
      <c r="I8131" s="2">
        <v>1</v>
      </c>
      <c r="J8131" s="2">
        <v>0</v>
      </c>
      <c r="K8131" s="2">
        <v>0</v>
      </c>
      <c r="L8131" t="s">
        <v>120</v>
      </c>
      <c r="M8131" t="s">
        <v>87</v>
      </c>
      <c r="N8131" t="s">
        <v>88</v>
      </c>
      <c r="O8131" t="s">
        <v>85</v>
      </c>
      <c r="P8131" t="s">
        <v>86</v>
      </c>
      <c r="Q8131">
        <v>17</v>
      </c>
      <c r="R8131">
        <v>17</v>
      </c>
      <c r="S8131">
        <v>17</v>
      </c>
      <c r="T8131">
        <v>17</v>
      </c>
      <c r="U8131">
        <v>17</v>
      </c>
      <c r="V8131">
        <v>17</v>
      </c>
      <c r="W8131">
        <v>17</v>
      </c>
      <c r="X8131">
        <v>17</v>
      </c>
      <c r="Y8131">
        <v>17</v>
      </c>
      <c r="Z8131">
        <v>17</v>
      </c>
      <c r="AA8131">
        <v>17</v>
      </c>
      <c r="AB8131">
        <v>17</v>
      </c>
      <c r="AC8131">
        <v>17</v>
      </c>
      <c r="AD8131">
        <v>17</v>
      </c>
      <c r="AE8131">
        <v>17</v>
      </c>
      <c r="AF8131">
        <v>17</v>
      </c>
      <c r="AG8131">
        <v>16</v>
      </c>
      <c r="AH8131">
        <v>16</v>
      </c>
      <c r="AI8131">
        <v>16</v>
      </c>
      <c r="AJ8131">
        <v>16</v>
      </c>
      <c r="AK8131">
        <v>16</v>
      </c>
      <c r="AL8131">
        <v>16</v>
      </c>
      <c r="AM8131">
        <v>16</v>
      </c>
      <c r="AN8131">
        <v>16</v>
      </c>
      <c r="AO8131">
        <v>16</v>
      </c>
      <c r="AP8131">
        <v>16</v>
      </c>
      <c r="AQ8131">
        <v>16</v>
      </c>
    </row>
    <row r="8132" spans="1:43">
      <c r="A8132" t="s">
        <v>5092</v>
      </c>
      <c r="B8132" t="s">
        <v>5093</v>
      </c>
      <c r="C8132" t="s">
        <v>5016</v>
      </c>
      <c r="D8132" t="s">
        <v>5017</v>
      </c>
      <c r="E8132" t="s">
        <v>4916</v>
      </c>
      <c r="F8132" t="s">
        <v>4917</v>
      </c>
      <c r="G8132" t="s">
        <v>80</v>
      </c>
      <c r="H8132" t="s">
        <v>81</v>
      </c>
      <c r="I8132" s="2">
        <v>1</v>
      </c>
      <c r="J8132" s="2">
        <v>0</v>
      </c>
      <c r="K8132" s="2">
        <v>0</v>
      </c>
      <c r="L8132" t="s">
        <v>120</v>
      </c>
      <c r="M8132" t="s">
        <v>89</v>
      </c>
      <c r="N8132" t="s">
        <v>90</v>
      </c>
      <c r="O8132" t="s">
        <v>85</v>
      </c>
      <c r="P8132" t="s">
        <v>86</v>
      </c>
      <c r="Q8132">
        <v>17</v>
      </c>
      <c r="R8132">
        <v>18</v>
      </c>
      <c r="S8132">
        <v>18</v>
      </c>
      <c r="T8132">
        <v>18</v>
      </c>
      <c r="U8132">
        <v>18</v>
      </c>
      <c r="V8132">
        <v>19</v>
      </c>
      <c r="W8132">
        <v>19</v>
      </c>
      <c r="X8132">
        <v>19</v>
      </c>
      <c r="Y8132">
        <v>19</v>
      </c>
      <c r="Z8132">
        <v>19</v>
      </c>
      <c r="AA8132">
        <v>19</v>
      </c>
      <c r="AB8132">
        <v>20</v>
      </c>
      <c r="AC8132">
        <v>20</v>
      </c>
      <c r="AD8132">
        <v>20</v>
      </c>
      <c r="AE8132">
        <v>20</v>
      </c>
      <c r="AF8132">
        <v>20</v>
      </c>
      <c r="AG8132">
        <v>20</v>
      </c>
      <c r="AH8132">
        <v>20</v>
      </c>
      <c r="AI8132">
        <v>20</v>
      </c>
      <c r="AJ8132">
        <v>19</v>
      </c>
      <c r="AK8132">
        <v>19</v>
      </c>
      <c r="AL8132">
        <v>19</v>
      </c>
      <c r="AM8132">
        <v>19</v>
      </c>
      <c r="AN8132">
        <v>19</v>
      </c>
      <c r="AO8132">
        <v>19</v>
      </c>
      <c r="AP8132">
        <v>19</v>
      </c>
      <c r="AQ8132">
        <v>19</v>
      </c>
    </row>
    <row r="8133" spans="1:43">
      <c r="A8133" t="s">
        <v>5092</v>
      </c>
      <c r="B8133" t="s">
        <v>5093</v>
      </c>
      <c r="C8133" t="s">
        <v>5016</v>
      </c>
      <c r="D8133" t="s">
        <v>5017</v>
      </c>
      <c r="E8133" t="s">
        <v>4916</v>
      </c>
      <c r="F8133" t="s">
        <v>4917</v>
      </c>
      <c r="G8133" t="s">
        <v>80</v>
      </c>
      <c r="H8133" t="s">
        <v>81</v>
      </c>
      <c r="I8133" s="2">
        <v>1</v>
      </c>
      <c r="J8133" s="2">
        <v>0</v>
      </c>
      <c r="K8133" s="2">
        <v>0</v>
      </c>
      <c r="L8133" t="s">
        <v>120</v>
      </c>
      <c r="M8133" t="s">
        <v>83</v>
      </c>
      <c r="N8133" t="s">
        <v>91</v>
      </c>
      <c r="O8133" t="s">
        <v>85</v>
      </c>
      <c r="P8133" t="s">
        <v>86</v>
      </c>
      <c r="Q8133">
        <v>17</v>
      </c>
      <c r="R8133">
        <v>17</v>
      </c>
      <c r="S8133">
        <v>18</v>
      </c>
      <c r="T8133">
        <v>18</v>
      </c>
      <c r="U8133">
        <v>18</v>
      </c>
      <c r="V8133">
        <v>18</v>
      </c>
      <c r="W8133">
        <v>18</v>
      </c>
      <c r="X8133">
        <v>18</v>
      </c>
      <c r="Y8133">
        <v>18</v>
      </c>
      <c r="Z8133">
        <v>18</v>
      </c>
      <c r="AA8133">
        <v>18</v>
      </c>
      <c r="AB8133">
        <v>18</v>
      </c>
      <c r="AC8133">
        <v>18</v>
      </c>
      <c r="AD8133">
        <v>19</v>
      </c>
      <c r="AE8133">
        <v>19</v>
      </c>
      <c r="AF8133">
        <v>19</v>
      </c>
      <c r="AG8133">
        <v>19</v>
      </c>
      <c r="AH8133">
        <v>19</v>
      </c>
      <c r="AI8133">
        <v>19</v>
      </c>
      <c r="AJ8133">
        <v>19</v>
      </c>
      <c r="AK8133">
        <v>19</v>
      </c>
      <c r="AL8133">
        <v>19</v>
      </c>
      <c r="AM8133">
        <v>19</v>
      </c>
      <c r="AN8133">
        <v>19</v>
      </c>
      <c r="AO8133">
        <v>19</v>
      </c>
      <c r="AP8133">
        <v>19</v>
      </c>
      <c r="AQ8133">
        <v>18</v>
      </c>
    </row>
    <row r="8134" spans="1:43">
      <c r="A8134" t="s">
        <v>5094</v>
      </c>
      <c r="B8134" t="s">
        <v>5095</v>
      </c>
      <c r="C8134" t="s">
        <v>5082</v>
      </c>
      <c r="D8134" t="s">
        <v>5083</v>
      </c>
      <c r="E8134" t="s">
        <v>4916</v>
      </c>
      <c r="F8134" t="s">
        <v>4917</v>
      </c>
      <c r="G8134" t="s">
        <v>80</v>
      </c>
      <c r="H8134" t="s">
        <v>81</v>
      </c>
      <c r="I8134" s="2">
        <v>1</v>
      </c>
      <c r="J8134" s="2">
        <v>0</v>
      </c>
      <c r="K8134" s="2">
        <v>0</v>
      </c>
      <c r="L8134" t="s">
        <v>120</v>
      </c>
      <c r="M8134" t="s">
        <v>83</v>
      </c>
      <c r="N8134" t="s">
        <v>84</v>
      </c>
      <c r="O8134" t="s">
        <v>85</v>
      </c>
      <c r="P8134" t="s">
        <v>86</v>
      </c>
      <c r="Q8134">
        <v>23</v>
      </c>
      <c r="R8134">
        <v>23</v>
      </c>
      <c r="S8134">
        <v>23</v>
      </c>
      <c r="T8134">
        <v>23</v>
      </c>
      <c r="U8134">
        <v>23</v>
      </c>
      <c r="V8134">
        <v>23</v>
      </c>
      <c r="W8134">
        <v>23</v>
      </c>
      <c r="X8134">
        <v>23</v>
      </c>
      <c r="Y8134">
        <v>24</v>
      </c>
      <c r="Z8134">
        <v>24</v>
      </c>
      <c r="AA8134">
        <v>24</v>
      </c>
      <c r="AB8134">
        <v>24</v>
      </c>
      <c r="AC8134">
        <v>24</v>
      </c>
      <c r="AD8134">
        <v>24</v>
      </c>
      <c r="AE8134">
        <v>24</v>
      </c>
      <c r="AF8134">
        <v>24</v>
      </c>
      <c r="AG8134">
        <v>24</v>
      </c>
      <c r="AH8134">
        <v>24</v>
      </c>
      <c r="AI8134">
        <v>24</v>
      </c>
      <c r="AJ8134">
        <v>25</v>
      </c>
      <c r="AK8134">
        <v>25</v>
      </c>
      <c r="AL8134">
        <v>24</v>
      </c>
      <c r="AM8134">
        <v>24</v>
      </c>
      <c r="AN8134">
        <v>24</v>
      </c>
      <c r="AO8134">
        <v>24</v>
      </c>
      <c r="AP8134">
        <v>24</v>
      </c>
      <c r="AQ8134">
        <v>24</v>
      </c>
    </row>
    <row r="8135" spans="1:43">
      <c r="A8135" t="s">
        <v>5094</v>
      </c>
      <c r="B8135" t="s">
        <v>5095</v>
      </c>
      <c r="C8135" t="s">
        <v>5082</v>
      </c>
      <c r="D8135" t="s">
        <v>5083</v>
      </c>
      <c r="E8135" t="s">
        <v>4916</v>
      </c>
      <c r="F8135" t="s">
        <v>4917</v>
      </c>
      <c r="G8135" t="s">
        <v>80</v>
      </c>
      <c r="H8135" t="s">
        <v>81</v>
      </c>
      <c r="I8135" s="2">
        <v>1</v>
      </c>
      <c r="J8135" s="2">
        <v>0</v>
      </c>
      <c r="K8135" s="2">
        <v>0</v>
      </c>
      <c r="L8135" t="s">
        <v>120</v>
      </c>
      <c r="M8135" t="s">
        <v>87</v>
      </c>
      <c r="N8135" t="s">
        <v>88</v>
      </c>
      <c r="O8135" t="s">
        <v>85</v>
      </c>
      <c r="P8135" t="s">
        <v>86</v>
      </c>
      <c r="Q8135">
        <v>23</v>
      </c>
      <c r="R8135">
        <v>23</v>
      </c>
      <c r="S8135">
        <v>23</v>
      </c>
      <c r="T8135">
        <v>23</v>
      </c>
      <c r="U8135">
        <v>23</v>
      </c>
      <c r="V8135">
        <v>23</v>
      </c>
      <c r="W8135">
        <v>23</v>
      </c>
      <c r="X8135">
        <v>23</v>
      </c>
      <c r="Y8135">
        <v>23</v>
      </c>
      <c r="Z8135">
        <v>23</v>
      </c>
      <c r="AA8135">
        <v>23</v>
      </c>
      <c r="AB8135">
        <v>23</v>
      </c>
      <c r="AC8135">
        <v>23</v>
      </c>
      <c r="AD8135">
        <v>23</v>
      </c>
      <c r="AE8135">
        <v>22</v>
      </c>
      <c r="AF8135">
        <v>22</v>
      </c>
      <c r="AG8135">
        <v>22</v>
      </c>
      <c r="AH8135">
        <v>22</v>
      </c>
      <c r="AI8135">
        <v>22</v>
      </c>
      <c r="AJ8135">
        <v>22</v>
      </c>
      <c r="AK8135">
        <v>22</v>
      </c>
      <c r="AL8135">
        <v>22</v>
      </c>
      <c r="AM8135">
        <v>22</v>
      </c>
      <c r="AN8135">
        <v>22</v>
      </c>
      <c r="AO8135">
        <v>22</v>
      </c>
      <c r="AP8135">
        <v>22</v>
      </c>
      <c r="AQ8135">
        <v>22</v>
      </c>
    </row>
    <row r="8136" spans="1:43">
      <c r="A8136" t="s">
        <v>5094</v>
      </c>
      <c r="B8136" t="s">
        <v>5095</v>
      </c>
      <c r="C8136" t="s">
        <v>5082</v>
      </c>
      <c r="D8136" t="s">
        <v>5083</v>
      </c>
      <c r="E8136" t="s">
        <v>4916</v>
      </c>
      <c r="F8136" t="s">
        <v>4917</v>
      </c>
      <c r="G8136" t="s">
        <v>80</v>
      </c>
      <c r="H8136" t="s">
        <v>81</v>
      </c>
      <c r="I8136" s="2">
        <v>1</v>
      </c>
      <c r="J8136" s="2">
        <v>0</v>
      </c>
      <c r="K8136" s="2">
        <v>0</v>
      </c>
      <c r="L8136" t="s">
        <v>120</v>
      </c>
      <c r="M8136" t="s">
        <v>89</v>
      </c>
      <c r="N8136" t="s">
        <v>90</v>
      </c>
      <c r="O8136" t="s">
        <v>85</v>
      </c>
      <c r="P8136" t="s">
        <v>86</v>
      </c>
      <c r="Q8136">
        <v>23</v>
      </c>
      <c r="R8136">
        <v>23</v>
      </c>
      <c r="S8136">
        <v>23</v>
      </c>
      <c r="T8136">
        <v>24</v>
      </c>
      <c r="U8136">
        <v>24</v>
      </c>
      <c r="V8136">
        <v>24</v>
      </c>
      <c r="W8136">
        <v>24</v>
      </c>
      <c r="X8136">
        <v>25</v>
      </c>
      <c r="Y8136">
        <v>25</v>
      </c>
      <c r="Z8136">
        <v>25</v>
      </c>
      <c r="AA8136">
        <v>25</v>
      </c>
      <c r="AB8136">
        <v>25</v>
      </c>
      <c r="AC8136">
        <v>26</v>
      </c>
      <c r="AD8136">
        <v>26</v>
      </c>
      <c r="AE8136">
        <v>26</v>
      </c>
      <c r="AF8136">
        <v>26</v>
      </c>
      <c r="AG8136">
        <v>26</v>
      </c>
      <c r="AH8136">
        <v>25</v>
      </c>
      <c r="AI8136">
        <v>25</v>
      </c>
      <c r="AJ8136">
        <v>25</v>
      </c>
      <c r="AK8136">
        <v>25</v>
      </c>
      <c r="AL8136">
        <v>25</v>
      </c>
      <c r="AM8136">
        <v>25</v>
      </c>
      <c r="AN8136">
        <v>24</v>
      </c>
      <c r="AO8136">
        <v>24</v>
      </c>
      <c r="AP8136">
        <v>24</v>
      </c>
      <c r="AQ8136">
        <v>24</v>
      </c>
    </row>
    <row r="8137" spans="1:43">
      <c r="A8137" t="s">
        <v>5094</v>
      </c>
      <c r="B8137" t="s">
        <v>5095</v>
      </c>
      <c r="C8137" t="s">
        <v>5082</v>
      </c>
      <c r="D8137" t="s">
        <v>5083</v>
      </c>
      <c r="E8137" t="s">
        <v>4916</v>
      </c>
      <c r="F8137" t="s">
        <v>4917</v>
      </c>
      <c r="G8137" t="s">
        <v>80</v>
      </c>
      <c r="H8137" t="s">
        <v>81</v>
      </c>
      <c r="I8137" s="2">
        <v>1</v>
      </c>
      <c r="J8137" s="2">
        <v>0</v>
      </c>
      <c r="K8137" s="2">
        <v>0</v>
      </c>
      <c r="L8137" t="s">
        <v>120</v>
      </c>
      <c r="M8137" t="s">
        <v>83</v>
      </c>
      <c r="N8137" t="s">
        <v>91</v>
      </c>
      <c r="O8137" t="s">
        <v>85</v>
      </c>
      <c r="P8137" t="s">
        <v>86</v>
      </c>
      <c r="Q8137">
        <v>23</v>
      </c>
      <c r="R8137">
        <v>23</v>
      </c>
      <c r="S8137">
        <v>23</v>
      </c>
      <c r="T8137">
        <v>23</v>
      </c>
      <c r="U8137">
        <v>23</v>
      </c>
      <c r="V8137">
        <v>23</v>
      </c>
      <c r="W8137">
        <v>23</v>
      </c>
      <c r="X8137">
        <v>23</v>
      </c>
      <c r="Y8137">
        <v>24</v>
      </c>
      <c r="Z8137">
        <v>24</v>
      </c>
      <c r="AA8137">
        <v>24</v>
      </c>
      <c r="AB8137">
        <v>24</v>
      </c>
      <c r="AC8137">
        <v>24</v>
      </c>
      <c r="AD8137">
        <v>24</v>
      </c>
      <c r="AE8137">
        <v>24</v>
      </c>
      <c r="AF8137">
        <v>24</v>
      </c>
      <c r="AG8137">
        <v>24</v>
      </c>
      <c r="AH8137">
        <v>24</v>
      </c>
      <c r="AI8137">
        <v>24</v>
      </c>
      <c r="AJ8137">
        <v>25</v>
      </c>
      <c r="AK8137">
        <v>25</v>
      </c>
      <c r="AL8137">
        <v>24</v>
      </c>
      <c r="AM8137">
        <v>24</v>
      </c>
      <c r="AN8137">
        <v>24</v>
      </c>
      <c r="AO8137">
        <v>24</v>
      </c>
      <c r="AP8137">
        <v>24</v>
      </c>
      <c r="AQ8137">
        <v>24</v>
      </c>
    </row>
    <row r="8138" spans="1:43">
      <c r="A8138" t="s">
        <v>5096</v>
      </c>
      <c r="B8138" t="s">
        <v>5097</v>
      </c>
      <c r="C8138" t="s">
        <v>5016</v>
      </c>
      <c r="D8138" t="s">
        <v>5017</v>
      </c>
      <c r="E8138" t="s">
        <v>4916</v>
      </c>
      <c r="F8138" t="s">
        <v>4917</v>
      </c>
      <c r="G8138" t="s">
        <v>80</v>
      </c>
      <c r="H8138" t="s">
        <v>81</v>
      </c>
      <c r="I8138" s="2">
        <v>1</v>
      </c>
      <c r="J8138" s="2">
        <v>0</v>
      </c>
      <c r="K8138" s="2">
        <v>0</v>
      </c>
      <c r="L8138" t="s">
        <v>120</v>
      </c>
      <c r="M8138" t="s">
        <v>83</v>
      </c>
      <c r="N8138" t="s">
        <v>84</v>
      </c>
      <c r="O8138" t="s">
        <v>85</v>
      </c>
      <c r="P8138" t="s">
        <v>86</v>
      </c>
      <c r="Q8138">
        <v>46</v>
      </c>
      <c r="R8138">
        <v>47</v>
      </c>
      <c r="S8138">
        <v>47</v>
      </c>
      <c r="T8138">
        <v>47</v>
      </c>
      <c r="U8138">
        <v>48</v>
      </c>
      <c r="V8138">
        <v>48</v>
      </c>
      <c r="W8138">
        <v>48</v>
      </c>
      <c r="X8138">
        <v>49</v>
      </c>
      <c r="Y8138">
        <v>49</v>
      </c>
      <c r="Z8138">
        <v>49</v>
      </c>
      <c r="AA8138">
        <v>49</v>
      </c>
      <c r="AB8138">
        <v>49</v>
      </c>
      <c r="AC8138">
        <v>50</v>
      </c>
      <c r="AD8138">
        <v>50</v>
      </c>
      <c r="AE8138">
        <v>50</v>
      </c>
      <c r="AF8138">
        <v>50</v>
      </c>
      <c r="AG8138">
        <v>50</v>
      </c>
      <c r="AH8138">
        <v>51</v>
      </c>
      <c r="AI8138">
        <v>51</v>
      </c>
      <c r="AJ8138">
        <v>51</v>
      </c>
      <c r="AK8138">
        <v>51</v>
      </c>
      <c r="AL8138">
        <v>51</v>
      </c>
      <c r="AM8138">
        <v>51</v>
      </c>
      <c r="AN8138">
        <v>50</v>
      </c>
      <c r="AO8138">
        <v>50</v>
      </c>
      <c r="AP8138">
        <v>50</v>
      </c>
      <c r="AQ8138">
        <v>50</v>
      </c>
    </row>
    <row r="8139" spans="1:43">
      <c r="A8139" t="s">
        <v>5096</v>
      </c>
      <c r="B8139" t="s">
        <v>5097</v>
      </c>
      <c r="C8139" t="s">
        <v>5016</v>
      </c>
      <c r="D8139" t="s">
        <v>5017</v>
      </c>
      <c r="E8139" t="s">
        <v>4916</v>
      </c>
      <c r="F8139" t="s">
        <v>4917</v>
      </c>
      <c r="G8139" t="s">
        <v>80</v>
      </c>
      <c r="H8139" t="s">
        <v>81</v>
      </c>
      <c r="I8139" s="2">
        <v>1</v>
      </c>
      <c r="J8139" s="2">
        <v>0</v>
      </c>
      <c r="K8139" s="2">
        <v>0</v>
      </c>
      <c r="L8139" t="s">
        <v>120</v>
      </c>
      <c r="M8139" t="s">
        <v>87</v>
      </c>
      <c r="N8139" t="s">
        <v>88</v>
      </c>
      <c r="O8139" t="s">
        <v>85</v>
      </c>
      <c r="P8139" t="s">
        <v>86</v>
      </c>
      <c r="Q8139">
        <v>46</v>
      </c>
      <c r="R8139">
        <v>46</v>
      </c>
      <c r="S8139">
        <v>46</v>
      </c>
      <c r="T8139">
        <v>46</v>
      </c>
      <c r="U8139">
        <v>46</v>
      </c>
      <c r="V8139">
        <v>45</v>
      </c>
      <c r="W8139">
        <v>45</v>
      </c>
      <c r="X8139">
        <v>45</v>
      </c>
      <c r="Y8139">
        <v>45</v>
      </c>
      <c r="Z8139">
        <v>45</v>
      </c>
      <c r="AA8139">
        <v>45</v>
      </c>
      <c r="AB8139">
        <v>45</v>
      </c>
      <c r="AC8139">
        <v>45</v>
      </c>
      <c r="AD8139">
        <v>45</v>
      </c>
      <c r="AE8139">
        <v>45</v>
      </c>
      <c r="AF8139">
        <v>44</v>
      </c>
      <c r="AG8139">
        <v>44</v>
      </c>
      <c r="AH8139">
        <v>44</v>
      </c>
      <c r="AI8139">
        <v>44</v>
      </c>
      <c r="AJ8139">
        <v>44</v>
      </c>
      <c r="AK8139">
        <v>44</v>
      </c>
      <c r="AL8139">
        <v>44</v>
      </c>
      <c r="AM8139">
        <v>44</v>
      </c>
      <c r="AN8139">
        <v>44</v>
      </c>
      <c r="AO8139">
        <v>43</v>
      </c>
      <c r="AP8139">
        <v>43</v>
      </c>
      <c r="AQ8139">
        <v>43</v>
      </c>
    </row>
    <row r="8140" spans="1:43">
      <c r="A8140" t="s">
        <v>5096</v>
      </c>
      <c r="B8140" t="s">
        <v>5097</v>
      </c>
      <c r="C8140" t="s">
        <v>5016</v>
      </c>
      <c r="D8140" t="s">
        <v>5017</v>
      </c>
      <c r="E8140" t="s">
        <v>4916</v>
      </c>
      <c r="F8140" t="s">
        <v>4917</v>
      </c>
      <c r="G8140" t="s">
        <v>80</v>
      </c>
      <c r="H8140" t="s">
        <v>81</v>
      </c>
      <c r="I8140" s="2">
        <v>1</v>
      </c>
      <c r="J8140" s="2">
        <v>0</v>
      </c>
      <c r="K8140" s="2">
        <v>0</v>
      </c>
      <c r="L8140" t="s">
        <v>120</v>
      </c>
      <c r="M8140" t="s">
        <v>89</v>
      </c>
      <c r="N8140" t="s">
        <v>90</v>
      </c>
      <c r="O8140" t="s">
        <v>85</v>
      </c>
      <c r="P8140" t="s">
        <v>86</v>
      </c>
      <c r="Q8140">
        <v>46</v>
      </c>
      <c r="R8140">
        <v>47</v>
      </c>
      <c r="S8140">
        <v>47</v>
      </c>
      <c r="T8140">
        <v>48</v>
      </c>
      <c r="U8140">
        <v>49</v>
      </c>
      <c r="V8140">
        <v>49</v>
      </c>
      <c r="W8140">
        <v>50</v>
      </c>
      <c r="X8140">
        <v>50</v>
      </c>
      <c r="Y8140">
        <v>51</v>
      </c>
      <c r="Z8140">
        <v>51</v>
      </c>
      <c r="AA8140">
        <v>51</v>
      </c>
      <c r="AB8140">
        <v>52</v>
      </c>
      <c r="AC8140">
        <v>52</v>
      </c>
      <c r="AD8140">
        <v>52</v>
      </c>
      <c r="AE8140">
        <v>53</v>
      </c>
      <c r="AF8140">
        <v>52</v>
      </c>
      <c r="AG8140">
        <v>52</v>
      </c>
      <c r="AH8140">
        <v>52</v>
      </c>
      <c r="AI8140">
        <v>51</v>
      </c>
      <c r="AJ8140">
        <v>51</v>
      </c>
      <c r="AK8140">
        <v>51</v>
      </c>
      <c r="AL8140">
        <v>51</v>
      </c>
      <c r="AM8140">
        <v>50</v>
      </c>
      <c r="AN8140">
        <v>50</v>
      </c>
      <c r="AO8140">
        <v>50</v>
      </c>
      <c r="AP8140">
        <v>50</v>
      </c>
      <c r="AQ8140">
        <v>49</v>
      </c>
    </row>
    <row r="8141" spans="1:43">
      <c r="A8141" t="s">
        <v>5096</v>
      </c>
      <c r="B8141" t="s">
        <v>5097</v>
      </c>
      <c r="C8141" t="s">
        <v>5016</v>
      </c>
      <c r="D8141" t="s">
        <v>5017</v>
      </c>
      <c r="E8141" t="s">
        <v>4916</v>
      </c>
      <c r="F8141" t="s">
        <v>4917</v>
      </c>
      <c r="G8141" t="s">
        <v>80</v>
      </c>
      <c r="H8141" t="s">
        <v>81</v>
      </c>
      <c r="I8141" s="2">
        <v>1</v>
      </c>
      <c r="J8141" s="2">
        <v>0</v>
      </c>
      <c r="K8141" s="2">
        <v>0</v>
      </c>
      <c r="L8141" t="s">
        <v>120</v>
      </c>
      <c r="M8141" t="s">
        <v>83</v>
      </c>
      <c r="N8141" t="s">
        <v>91</v>
      </c>
      <c r="O8141" t="s">
        <v>85</v>
      </c>
      <c r="P8141" t="s">
        <v>86</v>
      </c>
      <c r="Q8141">
        <v>46</v>
      </c>
      <c r="R8141">
        <v>47</v>
      </c>
      <c r="S8141">
        <v>47</v>
      </c>
      <c r="T8141">
        <v>47</v>
      </c>
      <c r="U8141">
        <v>48</v>
      </c>
      <c r="V8141">
        <v>48</v>
      </c>
      <c r="W8141">
        <v>48</v>
      </c>
      <c r="X8141">
        <v>49</v>
      </c>
      <c r="Y8141">
        <v>49</v>
      </c>
      <c r="Z8141">
        <v>49</v>
      </c>
      <c r="AA8141">
        <v>49</v>
      </c>
      <c r="AB8141">
        <v>49</v>
      </c>
      <c r="AC8141">
        <v>50</v>
      </c>
      <c r="AD8141">
        <v>50</v>
      </c>
      <c r="AE8141">
        <v>50</v>
      </c>
      <c r="AF8141">
        <v>50</v>
      </c>
      <c r="AG8141">
        <v>50</v>
      </c>
      <c r="AH8141">
        <v>51</v>
      </c>
      <c r="AI8141">
        <v>51</v>
      </c>
      <c r="AJ8141">
        <v>51</v>
      </c>
      <c r="AK8141">
        <v>51</v>
      </c>
      <c r="AL8141">
        <v>51</v>
      </c>
      <c r="AM8141">
        <v>51</v>
      </c>
      <c r="AN8141">
        <v>50</v>
      </c>
      <c r="AO8141">
        <v>50</v>
      </c>
      <c r="AP8141">
        <v>50</v>
      </c>
      <c r="AQ8141">
        <v>50</v>
      </c>
    </row>
    <row r="8142" spans="1:43">
      <c r="A8142" t="s">
        <v>5098</v>
      </c>
      <c r="B8142" t="s">
        <v>5099</v>
      </c>
      <c r="C8142" t="s">
        <v>4994</v>
      </c>
      <c r="D8142" t="s">
        <v>4995</v>
      </c>
      <c r="E8142" t="s">
        <v>4916</v>
      </c>
      <c r="F8142" t="s">
        <v>4917</v>
      </c>
      <c r="G8142" t="s">
        <v>80</v>
      </c>
      <c r="H8142" t="s">
        <v>81</v>
      </c>
      <c r="I8142" s="2">
        <v>1</v>
      </c>
      <c r="J8142" s="2">
        <v>0</v>
      </c>
      <c r="K8142" s="2">
        <v>0</v>
      </c>
      <c r="L8142" t="s">
        <v>120</v>
      </c>
      <c r="M8142" t="s">
        <v>83</v>
      </c>
      <c r="N8142" t="s">
        <v>84</v>
      </c>
      <c r="O8142" t="s">
        <v>85</v>
      </c>
      <c r="P8142" t="s">
        <v>86</v>
      </c>
      <c r="Q8142">
        <v>7</v>
      </c>
      <c r="R8142">
        <v>7</v>
      </c>
      <c r="S8142">
        <v>7</v>
      </c>
      <c r="T8142">
        <v>7</v>
      </c>
      <c r="U8142">
        <v>7</v>
      </c>
      <c r="V8142">
        <v>7</v>
      </c>
      <c r="W8142">
        <v>7</v>
      </c>
      <c r="X8142">
        <v>7</v>
      </c>
      <c r="Y8142">
        <v>7</v>
      </c>
      <c r="Z8142">
        <v>7</v>
      </c>
      <c r="AA8142">
        <v>8</v>
      </c>
      <c r="AB8142">
        <v>8</v>
      </c>
      <c r="AC8142">
        <v>8</v>
      </c>
      <c r="AD8142">
        <v>8</v>
      </c>
      <c r="AE8142">
        <v>8</v>
      </c>
      <c r="AF8142">
        <v>8</v>
      </c>
      <c r="AG8142">
        <v>8</v>
      </c>
      <c r="AH8142">
        <v>8</v>
      </c>
      <c r="AI8142">
        <v>8</v>
      </c>
      <c r="AJ8142">
        <v>8</v>
      </c>
      <c r="AK8142">
        <v>8</v>
      </c>
      <c r="AL8142">
        <v>8</v>
      </c>
      <c r="AM8142">
        <v>8</v>
      </c>
      <c r="AN8142">
        <v>8</v>
      </c>
      <c r="AO8142">
        <v>8</v>
      </c>
      <c r="AP8142">
        <v>8</v>
      </c>
      <c r="AQ8142">
        <v>8</v>
      </c>
    </row>
    <row r="8143" spans="1:43">
      <c r="A8143" t="s">
        <v>5098</v>
      </c>
      <c r="B8143" t="s">
        <v>5099</v>
      </c>
      <c r="C8143" t="s">
        <v>4994</v>
      </c>
      <c r="D8143" t="s">
        <v>4995</v>
      </c>
      <c r="E8143" t="s">
        <v>4916</v>
      </c>
      <c r="F8143" t="s">
        <v>4917</v>
      </c>
      <c r="G8143" t="s">
        <v>80</v>
      </c>
      <c r="H8143" t="s">
        <v>81</v>
      </c>
      <c r="I8143" s="2">
        <v>1</v>
      </c>
      <c r="J8143" s="2">
        <v>0</v>
      </c>
      <c r="K8143" s="2">
        <v>0</v>
      </c>
      <c r="L8143" t="s">
        <v>120</v>
      </c>
      <c r="M8143" t="s">
        <v>87</v>
      </c>
      <c r="N8143" t="s">
        <v>88</v>
      </c>
      <c r="O8143" t="s">
        <v>85</v>
      </c>
      <c r="P8143" t="s">
        <v>86</v>
      </c>
      <c r="Q8143">
        <v>7</v>
      </c>
      <c r="R8143">
        <v>7</v>
      </c>
      <c r="S8143">
        <v>7</v>
      </c>
      <c r="T8143">
        <v>7</v>
      </c>
      <c r="U8143">
        <v>7</v>
      </c>
      <c r="V8143">
        <v>7</v>
      </c>
      <c r="W8143">
        <v>7</v>
      </c>
      <c r="X8143">
        <v>7</v>
      </c>
      <c r="Y8143">
        <v>7</v>
      </c>
      <c r="Z8143">
        <v>7</v>
      </c>
      <c r="AA8143">
        <v>7</v>
      </c>
      <c r="AB8143">
        <v>7</v>
      </c>
      <c r="AC8143">
        <v>7</v>
      </c>
      <c r="AD8143">
        <v>7</v>
      </c>
      <c r="AE8143">
        <v>7</v>
      </c>
      <c r="AF8143">
        <v>7</v>
      </c>
      <c r="AG8143">
        <v>7</v>
      </c>
      <c r="AH8143">
        <v>7</v>
      </c>
      <c r="AI8143">
        <v>7</v>
      </c>
      <c r="AJ8143">
        <v>7</v>
      </c>
      <c r="AK8143">
        <v>7</v>
      </c>
      <c r="AL8143">
        <v>7</v>
      </c>
      <c r="AM8143">
        <v>7</v>
      </c>
      <c r="AN8143">
        <v>7</v>
      </c>
      <c r="AO8143">
        <v>7</v>
      </c>
      <c r="AP8143">
        <v>7</v>
      </c>
      <c r="AQ8143">
        <v>7</v>
      </c>
    </row>
    <row r="8144" spans="1:43">
      <c r="A8144" t="s">
        <v>5098</v>
      </c>
      <c r="B8144" t="s">
        <v>5099</v>
      </c>
      <c r="C8144" t="s">
        <v>4994</v>
      </c>
      <c r="D8144" t="s">
        <v>4995</v>
      </c>
      <c r="E8144" t="s">
        <v>4916</v>
      </c>
      <c r="F8144" t="s">
        <v>4917</v>
      </c>
      <c r="G8144" t="s">
        <v>80</v>
      </c>
      <c r="H8144" t="s">
        <v>81</v>
      </c>
      <c r="I8144" s="2">
        <v>1</v>
      </c>
      <c r="J8144" s="2">
        <v>0</v>
      </c>
      <c r="K8144" s="2">
        <v>0</v>
      </c>
      <c r="L8144" t="s">
        <v>120</v>
      </c>
      <c r="M8144" t="s">
        <v>89</v>
      </c>
      <c r="N8144" t="s">
        <v>90</v>
      </c>
      <c r="O8144" t="s">
        <v>85</v>
      </c>
      <c r="P8144" t="s">
        <v>86</v>
      </c>
      <c r="Q8144">
        <v>7</v>
      </c>
      <c r="R8144">
        <v>7</v>
      </c>
      <c r="S8144">
        <v>7</v>
      </c>
      <c r="T8144">
        <v>7</v>
      </c>
      <c r="U8144">
        <v>8</v>
      </c>
      <c r="V8144">
        <v>8</v>
      </c>
      <c r="W8144">
        <v>8</v>
      </c>
      <c r="X8144">
        <v>8</v>
      </c>
      <c r="Y8144">
        <v>8</v>
      </c>
      <c r="Z8144">
        <v>8</v>
      </c>
      <c r="AA8144">
        <v>8</v>
      </c>
      <c r="AB8144">
        <v>8</v>
      </c>
      <c r="AC8144">
        <v>8</v>
      </c>
      <c r="AD8144">
        <v>8</v>
      </c>
      <c r="AE8144">
        <v>8</v>
      </c>
      <c r="AF8144">
        <v>8</v>
      </c>
      <c r="AG8144">
        <v>8</v>
      </c>
      <c r="AH8144">
        <v>8</v>
      </c>
      <c r="AI8144">
        <v>8</v>
      </c>
      <c r="AJ8144">
        <v>8</v>
      </c>
      <c r="AK8144">
        <v>8</v>
      </c>
      <c r="AL8144">
        <v>8</v>
      </c>
      <c r="AM8144">
        <v>8</v>
      </c>
      <c r="AN8144">
        <v>8</v>
      </c>
      <c r="AO8144">
        <v>8</v>
      </c>
      <c r="AP8144">
        <v>8</v>
      </c>
      <c r="AQ8144">
        <v>8</v>
      </c>
    </row>
    <row r="8145" spans="1:43">
      <c r="A8145" t="s">
        <v>5098</v>
      </c>
      <c r="B8145" t="s">
        <v>5099</v>
      </c>
      <c r="C8145" t="s">
        <v>4994</v>
      </c>
      <c r="D8145" t="s">
        <v>4995</v>
      </c>
      <c r="E8145" t="s">
        <v>4916</v>
      </c>
      <c r="F8145" t="s">
        <v>4917</v>
      </c>
      <c r="G8145" t="s">
        <v>80</v>
      </c>
      <c r="H8145" t="s">
        <v>81</v>
      </c>
      <c r="I8145" s="2">
        <v>1</v>
      </c>
      <c r="J8145" s="2">
        <v>0</v>
      </c>
      <c r="K8145" s="2">
        <v>0</v>
      </c>
      <c r="L8145" t="s">
        <v>120</v>
      </c>
      <c r="M8145" t="s">
        <v>83</v>
      </c>
      <c r="N8145" t="s">
        <v>91</v>
      </c>
      <c r="O8145" t="s">
        <v>85</v>
      </c>
      <c r="P8145" t="s">
        <v>86</v>
      </c>
      <c r="Q8145">
        <v>7</v>
      </c>
      <c r="R8145">
        <v>7</v>
      </c>
      <c r="S8145">
        <v>7</v>
      </c>
      <c r="T8145">
        <v>7</v>
      </c>
      <c r="U8145">
        <v>7</v>
      </c>
      <c r="V8145">
        <v>7</v>
      </c>
      <c r="W8145">
        <v>7</v>
      </c>
      <c r="X8145">
        <v>7</v>
      </c>
      <c r="Y8145">
        <v>7</v>
      </c>
      <c r="Z8145">
        <v>7</v>
      </c>
      <c r="AA8145">
        <v>8</v>
      </c>
      <c r="AB8145">
        <v>8</v>
      </c>
      <c r="AC8145">
        <v>8</v>
      </c>
      <c r="AD8145">
        <v>8</v>
      </c>
      <c r="AE8145">
        <v>8</v>
      </c>
      <c r="AF8145">
        <v>8</v>
      </c>
      <c r="AG8145">
        <v>8</v>
      </c>
      <c r="AH8145">
        <v>8</v>
      </c>
      <c r="AI8145">
        <v>8</v>
      </c>
      <c r="AJ8145">
        <v>8</v>
      </c>
      <c r="AK8145">
        <v>8</v>
      </c>
      <c r="AL8145">
        <v>8</v>
      </c>
      <c r="AM8145">
        <v>8</v>
      </c>
      <c r="AN8145">
        <v>8</v>
      </c>
      <c r="AO8145">
        <v>8</v>
      </c>
      <c r="AP8145">
        <v>8</v>
      </c>
      <c r="AQ8145">
        <v>8</v>
      </c>
    </row>
    <row r="8146" spans="1:43">
      <c r="A8146" t="s">
        <v>5100</v>
      </c>
      <c r="B8146" t="s">
        <v>5101</v>
      </c>
      <c r="C8146" t="s">
        <v>4994</v>
      </c>
      <c r="D8146" t="s">
        <v>4995</v>
      </c>
      <c r="E8146" t="s">
        <v>4916</v>
      </c>
      <c r="F8146" t="s">
        <v>4917</v>
      </c>
      <c r="G8146" t="s">
        <v>80</v>
      </c>
      <c r="H8146" t="s">
        <v>81</v>
      </c>
      <c r="I8146" s="2">
        <v>1</v>
      </c>
      <c r="J8146" s="2">
        <v>0</v>
      </c>
      <c r="K8146" s="2">
        <v>0</v>
      </c>
      <c r="L8146" t="s">
        <v>120</v>
      </c>
      <c r="M8146" t="s">
        <v>83</v>
      </c>
      <c r="N8146" t="s">
        <v>84</v>
      </c>
      <c r="O8146" t="s">
        <v>85</v>
      </c>
      <c r="P8146" t="s">
        <v>86</v>
      </c>
      <c r="Q8146">
        <v>17</v>
      </c>
      <c r="R8146">
        <v>17</v>
      </c>
      <c r="S8146">
        <v>17</v>
      </c>
      <c r="T8146">
        <v>17</v>
      </c>
      <c r="U8146">
        <v>18</v>
      </c>
      <c r="V8146">
        <v>18</v>
      </c>
      <c r="W8146">
        <v>18</v>
      </c>
      <c r="X8146">
        <v>18</v>
      </c>
      <c r="Y8146">
        <v>18</v>
      </c>
      <c r="Z8146">
        <v>18</v>
      </c>
      <c r="AA8146">
        <v>18</v>
      </c>
      <c r="AB8146">
        <v>18</v>
      </c>
      <c r="AC8146">
        <v>18</v>
      </c>
      <c r="AD8146">
        <v>18</v>
      </c>
      <c r="AE8146">
        <v>18</v>
      </c>
      <c r="AF8146">
        <v>19</v>
      </c>
      <c r="AG8146">
        <v>19</v>
      </c>
      <c r="AH8146">
        <v>19</v>
      </c>
      <c r="AI8146">
        <v>19</v>
      </c>
      <c r="AJ8146">
        <v>19</v>
      </c>
      <c r="AK8146">
        <v>19</v>
      </c>
      <c r="AL8146">
        <v>19</v>
      </c>
      <c r="AM8146">
        <v>19</v>
      </c>
      <c r="AN8146">
        <v>19</v>
      </c>
      <c r="AO8146">
        <v>19</v>
      </c>
      <c r="AP8146">
        <v>18</v>
      </c>
      <c r="AQ8146">
        <v>18</v>
      </c>
    </row>
    <row r="8147" spans="1:43">
      <c r="A8147" t="s">
        <v>5100</v>
      </c>
      <c r="B8147" t="s">
        <v>5101</v>
      </c>
      <c r="C8147" t="s">
        <v>4994</v>
      </c>
      <c r="D8147" t="s">
        <v>4995</v>
      </c>
      <c r="E8147" t="s">
        <v>4916</v>
      </c>
      <c r="F8147" t="s">
        <v>4917</v>
      </c>
      <c r="G8147" t="s">
        <v>80</v>
      </c>
      <c r="H8147" t="s">
        <v>81</v>
      </c>
      <c r="I8147" s="2">
        <v>1</v>
      </c>
      <c r="J8147" s="2">
        <v>0</v>
      </c>
      <c r="K8147" s="2">
        <v>0</v>
      </c>
      <c r="L8147" t="s">
        <v>120</v>
      </c>
      <c r="M8147" t="s">
        <v>87</v>
      </c>
      <c r="N8147" t="s">
        <v>88</v>
      </c>
      <c r="O8147" t="s">
        <v>85</v>
      </c>
      <c r="P8147" t="s">
        <v>86</v>
      </c>
      <c r="Q8147">
        <v>17</v>
      </c>
      <c r="R8147">
        <v>17</v>
      </c>
      <c r="S8147">
        <v>17</v>
      </c>
      <c r="T8147">
        <v>17</v>
      </c>
      <c r="U8147">
        <v>17</v>
      </c>
      <c r="V8147">
        <v>17</v>
      </c>
      <c r="W8147">
        <v>17</v>
      </c>
      <c r="X8147">
        <v>17</v>
      </c>
      <c r="Y8147">
        <v>17</v>
      </c>
      <c r="Z8147">
        <v>17</v>
      </c>
      <c r="AA8147">
        <v>17</v>
      </c>
      <c r="AB8147">
        <v>17</v>
      </c>
      <c r="AC8147">
        <v>17</v>
      </c>
      <c r="AD8147">
        <v>17</v>
      </c>
      <c r="AE8147">
        <v>16</v>
      </c>
      <c r="AF8147">
        <v>16</v>
      </c>
      <c r="AG8147">
        <v>16</v>
      </c>
      <c r="AH8147">
        <v>16</v>
      </c>
      <c r="AI8147">
        <v>16</v>
      </c>
      <c r="AJ8147">
        <v>16</v>
      </c>
      <c r="AK8147">
        <v>16</v>
      </c>
      <c r="AL8147">
        <v>16</v>
      </c>
      <c r="AM8147">
        <v>16</v>
      </c>
      <c r="AN8147">
        <v>16</v>
      </c>
      <c r="AO8147">
        <v>16</v>
      </c>
      <c r="AP8147">
        <v>16</v>
      </c>
      <c r="AQ8147">
        <v>16</v>
      </c>
    </row>
    <row r="8148" spans="1:43">
      <c r="A8148" t="s">
        <v>5100</v>
      </c>
      <c r="B8148" t="s">
        <v>5101</v>
      </c>
      <c r="C8148" t="s">
        <v>4994</v>
      </c>
      <c r="D8148" t="s">
        <v>4995</v>
      </c>
      <c r="E8148" t="s">
        <v>4916</v>
      </c>
      <c r="F8148" t="s">
        <v>4917</v>
      </c>
      <c r="G8148" t="s">
        <v>80</v>
      </c>
      <c r="H8148" t="s">
        <v>81</v>
      </c>
      <c r="I8148" s="2">
        <v>1</v>
      </c>
      <c r="J8148" s="2">
        <v>0</v>
      </c>
      <c r="K8148" s="2">
        <v>0</v>
      </c>
      <c r="L8148" t="s">
        <v>120</v>
      </c>
      <c r="M8148" t="s">
        <v>89</v>
      </c>
      <c r="N8148" t="s">
        <v>90</v>
      </c>
      <c r="O8148" t="s">
        <v>85</v>
      </c>
      <c r="P8148" t="s">
        <v>86</v>
      </c>
      <c r="Q8148">
        <v>17</v>
      </c>
      <c r="R8148">
        <v>18</v>
      </c>
      <c r="S8148">
        <v>18</v>
      </c>
      <c r="T8148">
        <v>18</v>
      </c>
      <c r="U8148">
        <v>18</v>
      </c>
      <c r="V8148">
        <v>19</v>
      </c>
      <c r="W8148">
        <v>19</v>
      </c>
      <c r="X8148">
        <v>19</v>
      </c>
      <c r="Y8148">
        <v>19</v>
      </c>
      <c r="Z8148">
        <v>19</v>
      </c>
      <c r="AA8148">
        <v>19</v>
      </c>
      <c r="AB8148">
        <v>19</v>
      </c>
      <c r="AC8148">
        <v>20</v>
      </c>
      <c r="AD8148">
        <v>20</v>
      </c>
      <c r="AE8148">
        <v>20</v>
      </c>
      <c r="AF8148">
        <v>20</v>
      </c>
      <c r="AG8148">
        <v>20</v>
      </c>
      <c r="AH8148">
        <v>19</v>
      </c>
      <c r="AI8148">
        <v>19</v>
      </c>
      <c r="AJ8148">
        <v>19</v>
      </c>
      <c r="AK8148">
        <v>19</v>
      </c>
      <c r="AL8148">
        <v>19</v>
      </c>
      <c r="AM8148">
        <v>19</v>
      </c>
      <c r="AN8148">
        <v>19</v>
      </c>
      <c r="AO8148">
        <v>19</v>
      </c>
      <c r="AP8148">
        <v>19</v>
      </c>
      <c r="AQ8148">
        <v>19</v>
      </c>
    </row>
    <row r="8149" spans="1:43">
      <c r="A8149" t="s">
        <v>5100</v>
      </c>
      <c r="B8149" t="s">
        <v>5101</v>
      </c>
      <c r="C8149" t="s">
        <v>4994</v>
      </c>
      <c r="D8149" t="s">
        <v>4995</v>
      </c>
      <c r="E8149" t="s">
        <v>4916</v>
      </c>
      <c r="F8149" t="s">
        <v>4917</v>
      </c>
      <c r="G8149" t="s">
        <v>80</v>
      </c>
      <c r="H8149" t="s">
        <v>81</v>
      </c>
      <c r="I8149" s="2">
        <v>1</v>
      </c>
      <c r="J8149" s="2">
        <v>0</v>
      </c>
      <c r="K8149" s="2">
        <v>0</v>
      </c>
      <c r="L8149" t="s">
        <v>120</v>
      </c>
      <c r="M8149" t="s">
        <v>83</v>
      </c>
      <c r="N8149" t="s">
        <v>91</v>
      </c>
      <c r="O8149" t="s">
        <v>85</v>
      </c>
      <c r="P8149" t="s">
        <v>86</v>
      </c>
      <c r="Q8149">
        <v>17</v>
      </c>
      <c r="R8149">
        <v>17</v>
      </c>
      <c r="S8149">
        <v>17</v>
      </c>
      <c r="T8149">
        <v>17</v>
      </c>
      <c r="U8149">
        <v>18</v>
      </c>
      <c r="V8149">
        <v>18</v>
      </c>
      <c r="W8149">
        <v>18</v>
      </c>
      <c r="X8149">
        <v>18</v>
      </c>
      <c r="Y8149">
        <v>18</v>
      </c>
      <c r="Z8149">
        <v>18</v>
      </c>
      <c r="AA8149">
        <v>18</v>
      </c>
      <c r="AB8149">
        <v>18</v>
      </c>
      <c r="AC8149">
        <v>18</v>
      </c>
      <c r="AD8149">
        <v>18</v>
      </c>
      <c r="AE8149">
        <v>18</v>
      </c>
      <c r="AF8149">
        <v>19</v>
      </c>
      <c r="AG8149">
        <v>19</v>
      </c>
      <c r="AH8149">
        <v>19</v>
      </c>
      <c r="AI8149">
        <v>19</v>
      </c>
      <c r="AJ8149">
        <v>19</v>
      </c>
      <c r="AK8149">
        <v>19</v>
      </c>
      <c r="AL8149">
        <v>19</v>
      </c>
      <c r="AM8149">
        <v>19</v>
      </c>
      <c r="AN8149">
        <v>19</v>
      </c>
      <c r="AO8149">
        <v>19</v>
      </c>
      <c r="AP8149">
        <v>18</v>
      </c>
      <c r="AQ8149">
        <v>18</v>
      </c>
    </row>
    <row r="8150" spans="1:43">
      <c r="A8150" t="s">
        <v>5102</v>
      </c>
      <c r="B8150" t="s">
        <v>5103</v>
      </c>
      <c r="C8150" t="s">
        <v>5104</v>
      </c>
      <c r="D8150" t="s">
        <v>5105</v>
      </c>
      <c r="E8150" t="s">
        <v>4916</v>
      </c>
      <c r="F8150" t="s">
        <v>4917</v>
      </c>
      <c r="G8150" t="s">
        <v>80</v>
      </c>
      <c r="H8150" t="s">
        <v>81</v>
      </c>
      <c r="I8150" s="2">
        <v>1</v>
      </c>
      <c r="J8150" s="2">
        <v>0</v>
      </c>
      <c r="K8150" s="2">
        <v>0</v>
      </c>
      <c r="L8150" t="s">
        <v>120</v>
      </c>
      <c r="M8150" t="s">
        <v>83</v>
      </c>
      <c r="N8150" t="s">
        <v>84</v>
      </c>
      <c r="O8150" t="s">
        <v>85</v>
      </c>
      <c r="P8150" t="s">
        <v>86</v>
      </c>
      <c r="Q8150">
        <v>21</v>
      </c>
      <c r="R8150">
        <v>21</v>
      </c>
      <c r="S8150">
        <v>21</v>
      </c>
      <c r="T8150">
        <v>22</v>
      </c>
      <c r="U8150">
        <v>22</v>
      </c>
      <c r="V8150">
        <v>22</v>
      </c>
      <c r="W8150">
        <v>22</v>
      </c>
      <c r="X8150">
        <v>22</v>
      </c>
      <c r="Y8150">
        <v>22</v>
      </c>
      <c r="Z8150">
        <v>22</v>
      </c>
      <c r="AA8150">
        <v>22</v>
      </c>
      <c r="AB8150">
        <v>23</v>
      </c>
      <c r="AC8150">
        <v>23</v>
      </c>
      <c r="AD8150">
        <v>23</v>
      </c>
      <c r="AE8150">
        <v>23</v>
      </c>
      <c r="AF8150">
        <v>23</v>
      </c>
      <c r="AG8150">
        <v>23</v>
      </c>
      <c r="AH8150">
        <v>23</v>
      </c>
      <c r="AI8150">
        <v>23</v>
      </c>
      <c r="AJ8150">
        <v>23</v>
      </c>
      <c r="AK8150">
        <v>23</v>
      </c>
      <c r="AL8150">
        <v>23</v>
      </c>
      <c r="AM8150">
        <v>23</v>
      </c>
      <c r="AN8150">
        <v>23</v>
      </c>
      <c r="AO8150">
        <v>23</v>
      </c>
      <c r="AP8150">
        <v>23</v>
      </c>
      <c r="AQ8150">
        <v>23</v>
      </c>
    </row>
    <row r="8151" spans="1:43">
      <c r="A8151" t="s">
        <v>5102</v>
      </c>
      <c r="B8151" t="s">
        <v>5103</v>
      </c>
      <c r="C8151" t="s">
        <v>5104</v>
      </c>
      <c r="D8151" t="s">
        <v>5105</v>
      </c>
      <c r="E8151" t="s">
        <v>4916</v>
      </c>
      <c r="F8151" t="s">
        <v>4917</v>
      </c>
      <c r="G8151" t="s">
        <v>80</v>
      </c>
      <c r="H8151" t="s">
        <v>81</v>
      </c>
      <c r="I8151" s="2">
        <v>1</v>
      </c>
      <c r="J8151" s="2">
        <v>0</v>
      </c>
      <c r="K8151" s="2">
        <v>0</v>
      </c>
      <c r="L8151" t="s">
        <v>120</v>
      </c>
      <c r="M8151" t="s">
        <v>87</v>
      </c>
      <c r="N8151" t="s">
        <v>88</v>
      </c>
      <c r="O8151" t="s">
        <v>85</v>
      </c>
      <c r="P8151" t="s">
        <v>86</v>
      </c>
      <c r="Q8151">
        <v>21</v>
      </c>
      <c r="R8151">
        <v>21</v>
      </c>
      <c r="S8151">
        <v>21</v>
      </c>
      <c r="T8151">
        <v>21</v>
      </c>
      <c r="U8151">
        <v>21</v>
      </c>
      <c r="V8151">
        <v>21</v>
      </c>
      <c r="W8151">
        <v>21</v>
      </c>
      <c r="X8151">
        <v>21</v>
      </c>
      <c r="Y8151">
        <v>21</v>
      </c>
      <c r="Z8151">
        <v>21</v>
      </c>
      <c r="AA8151">
        <v>20</v>
      </c>
      <c r="AB8151">
        <v>20</v>
      </c>
      <c r="AC8151">
        <v>20</v>
      </c>
      <c r="AD8151">
        <v>20</v>
      </c>
      <c r="AE8151">
        <v>20</v>
      </c>
      <c r="AF8151">
        <v>20</v>
      </c>
      <c r="AG8151">
        <v>20</v>
      </c>
      <c r="AH8151">
        <v>20</v>
      </c>
      <c r="AI8151">
        <v>20</v>
      </c>
      <c r="AJ8151">
        <v>20</v>
      </c>
      <c r="AK8151">
        <v>20</v>
      </c>
      <c r="AL8151">
        <v>20</v>
      </c>
      <c r="AM8151">
        <v>20</v>
      </c>
      <c r="AN8151">
        <v>20</v>
      </c>
      <c r="AO8151">
        <v>20</v>
      </c>
      <c r="AP8151">
        <v>20</v>
      </c>
      <c r="AQ8151">
        <v>20</v>
      </c>
    </row>
    <row r="8152" spans="1:43">
      <c r="A8152" t="s">
        <v>5102</v>
      </c>
      <c r="B8152" t="s">
        <v>5103</v>
      </c>
      <c r="C8152" t="s">
        <v>5104</v>
      </c>
      <c r="D8152" t="s">
        <v>5105</v>
      </c>
      <c r="E8152" t="s">
        <v>4916</v>
      </c>
      <c r="F8152" t="s">
        <v>4917</v>
      </c>
      <c r="G8152" t="s">
        <v>80</v>
      </c>
      <c r="H8152" t="s">
        <v>81</v>
      </c>
      <c r="I8152" s="2">
        <v>1</v>
      </c>
      <c r="J8152" s="2">
        <v>0</v>
      </c>
      <c r="K8152" s="2">
        <v>0</v>
      </c>
      <c r="L8152" t="s">
        <v>120</v>
      </c>
      <c r="M8152" t="s">
        <v>89</v>
      </c>
      <c r="N8152" t="s">
        <v>90</v>
      </c>
      <c r="O8152" t="s">
        <v>85</v>
      </c>
      <c r="P8152" t="s">
        <v>86</v>
      </c>
      <c r="Q8152">
        <v>21</v>
      </c>
      <c r="R8152">
        <v>22</v>
      </c>
      <c r="S8152">
        <v>22</v>
      </c>
      <c r="T8152">
        <v>22</v>
      </c>
      <c r="U8152">
        <v>23</v>
      </c>
      <c r="V8152">
        <v>23</v>
      </c>
      <c r="W8152">
        <v>23</v>
      </c>
      <c r="X8152">
        <v>23</v>
      </c>
      <c r="Y8152">
        <v>23</v>
      </c>
      <c r="Z8152">
        <v>24</v>
      </c>
      <c r="AA8152">
        <v>24</v>
      </c>
      <c r="AB8152">
        <v>24</v>
      </c>
      <c r="AC8152">
        <v>24</v>
      </c>
      <c r="AD8152">
        <v>24</v>
      </c>
      <c r="AE8152">
        <v>24</v>
      </c>
      <c r="AF8152">
        <v>24</v>
      </c>
      <c r="AG8152">
        <v>24</v>
      </c>
      <c r="AH8152">
        <v>24</v>
      </c>
      <c r="AI8152">
        <v>24</v>
      </c>
      <c r="AJ8152">
        <v>24</v>
      </c>
      <c r="AK8152">
        <v>24</v>
      </c>
      <c r="AL8152">
        <v>24</v>
      </c>
      <c r="AM8152">
        <v>23</v>
      </c>
      <c r="AN8152">
        <v>23</v>
      </c>
      <c r="AO8152">
        <v>23</v>
      </c>
      <c r="AP8152">
        <v>23</v>
      </c>
      <c r="AQ8152">
        <v>23</v>
      </c>
    </row>
    <row r="8153" spans="1:43">
      <c r="A8153" t="s">
        <v>5102</v>
      </c>
      <c r="B8153" t="s">
        <v>5103</v>
      </c>
      <c r="C8153" t="s">
        <v>5104</v>
      </c>
      <c r="D8153" t="s">
        <v>5105</v>
      </c>
      <c r="E8153" t="s">
        <v>4916</v>
      </c>
      <c r="F8153" t="s">
        <v>4917</v>
      </c>
      <c r="G8153" t="s">
        <v>80</v>
      </c>
      <c r="H8153" t="s">
        <v>81</v>
      </c>
      <c r="I8153" s="2">
        <v>1</v>
      </c>
      <c r="J8153" s="2">
        <v>0</v>
      </c>
      <c r="K8153" s="2">
        <v>0</v>
      </c>
      <c r="L8153" t="s">
        <v>120</v>
      </c>
      <c r="M8153" t="s">
        <v>83</v>
      </c>
      <c r="N8153" t="s">
        <v>91</v>
      </c>
      <c r="O8153" t="s">
        <v>85</v>
      </c>
      <c r="P8153" t="s">
        <v>86</v>
      </c>
      <c r="Q8153">
        <v>21</v>
      </c>
      <c r="R8153">
        <v>21</v>
      </c>
      <c r="S8153">
        <v>21</v>
      </c>
      <c r="T8153">
        <v>22</v>
      </c>
      <c r="U8153">
        <v>22</v>
      </c>
      <c r="V8153">
        <v>22</v>
      </c>
      <c r="W8153">
        <v>22</v>
      </c>
      <c r="X8153">
        <v>22</v>
      </c>
      <c r="Y8153">
        <v>22</v>
      </c>
      <c r="Z8153">
        <v>22</v>
      </c>
      <c r="AA8153">
        <v>22</v>
      </c>
      <c r="AB8153">
        <v>23</v>
      </c>
      <c r="AC8153">
        <v>23</v>
      </c>
      <c r="AD8153">
        <v>23</v>
      </c>
      <c r="AE8153">
        <v>23</v>
      </c>
      <c r="AF8153">
        <v>23</v>
      </c>
      <c r="AG8153">
        <v>23</v>
      </c>
      <c r="AH8153">
        <v>23</v>
      </c>
      <c r="AI8153">
        <v>23</v>
      </c>
      <c r="AJ8153">
        <v>23</v>
      </c>
      <c r="AK8153">
        <v>23</v>
      </c>
      <c r="AL8153">
        <v>23</v>
      </c>
      <c r="AM8153">
        <v>23</v>
      </c>
      <c r="AN8153">
        <v>23</v>
      </c>
      <c r="AO8153">
        <v>23</v>
      </c>
      <c r="AP8153">
        <v>23</v>
      </c>
      <c r="AQ8153">
        <v>23</v>
      </c>
    </row>
    <row r="8154" spans="1:43">
      <c r="A8154" t="s">
        <v>5106</v>
      </c>
      <c r="B8154" t="s">
        <v>5107</v>
      </c>
      <c r="C8154" t="s">
        <v>5108</v>
      </c>
      <c r="D8154" t="s">
        <v>5109</v>
      </c>
      <c r="E8154" t="s">
        <v>4916</v>
      </c>
      <c r="F8154" t="s">
        <v>4917</v>
      </c>
      <c r="G8154" t="s">
        <v>80</v>
      </c>
      <c r="H8154" t="s">
        <v>81</v>
      </c>
      <c r="I8154" s="2">
        <v>1</v>
      </c>
      <c r="J8154" s="2">
        <v>0</v>
      </c>
      <c r="K8154" s="2">
        <v>0</v>
      </c>
      <c r="L8154" t="s">
        <v>120</v>
      </c>
      <c r="M8154" t="s">
        <v>83</v>
      </c>
      <c r="N8154" t="s">
        <v>84</v>
      </c>
      <c r="O8154" t="s">
        <v>85</v>
      </c>
      <c r="P8154" t="s">
        <v>86</v>
      </c>
      <c r="Q8154">
        <v>16</v>
      </c>
      <c r="R8154">
        <v>16</v>
      </c>
      <c r="S8154">
        <v>16</v>
      </c>
      <c r="T8154">
        <v>16</v>
      </c>
      <c r="U8154">
        <v>16</v>
      </c>
      <c r="V8154">
        <v>16</v>
      </c>
      <c r="W8154">
        <v>16</v>
      </c>
      <c r="X8154">
        <v>16</v>
      </c>
      <c r="Y8154">
        <v>16</v>
      </c>
      <c r="Z8154">
        <v>16</v>
      </c>
      <c r="AA8154">
        <v>17</v>
      </c>
      <c r="AB8154">
        <v>17</v>
      </c>
      <c r="AC8154">
        <v>17</v>
      </c>
      <c r="AD8154">
        <v>17</v>
      </c>
      <c r="AE8154">
        <v>17</v>
      </c>
      <c r="AF8154">
        <v>17</v>
      </c>
      <c r="AG8154">
        <v>17</v>
      </c>
      <c r="AH8154">
        <v>17</v>
      </c>
      <c r="AI8154">
        <v>17</v>
      </c>
      <c r="AJ8154">
        <v>17</v>
      </c>
      <c r="AK8154">
        <v>17</v>
      </c>
      <c r="AL8154">
        <v>17</v>
      </c>
      <c r="AM8154">
        <v>17</v>
      </c>
      <c r="AN8154">
        <v>17</v>
      </c>
      <c r="AO8154">
        <v>17</v>
      </c>
      <c r="AP8154">
        <v>17</v>
      </c>
      <c r="AQ8154">
        <v>17</v>
      </c>
    </row>
    <row r="8155" spans="1:43">
      <c r="A8155" t="s">
        <v>5106</v>
      </c>
      <c r="B8155" t="s">
        <v>5107</v>
      </c>
      <c r="C8155" t="s">
        <v>5108</v>
      </c>
      <c r="D8155" t="s">
        <v>5109</v>
      </c>
      <c r="E8155" t="s">
        <v>4916</v>
      </c>
      <c r="F8155" t="s">
        <v>4917</v>
      </c>
      <c r="G8155" t="s">
        <v>80</v>
      </c>
      <c r="H8155" t="s">
        <v>81</v>
      </c>
      <c r="I8155" s="2">
        <v>1</v>
      </c>
      <c r="J8155" s="2">
        <v>0</v>
      </c>
      <c r="K8155" s="2">
        <v>0</v>
      </c>
      <c r="L8155" t="s">
        <v>120</v>
      </c>
      <c r="M8155" t="s">
        <v>87</v>
      </c>
      <c r="N8155" t="s">
        <v>88</v>
      </c>
      <c r="O8155" t="s">
        <v>85</v>
      </c>
      <c r="P8155" t="s">
        <v>86</v>
      </c>
      <c r="Q8155">
        <v>16</v>
      </c>
      <c r="R8155">
        <v>16</v>
      </c>
      <c r="S8155">
        <v>16</v>
      </c>
      <c r="T8155">
        <v>16</v>
      </c>
      <c r="U8155">
        <v>16</v>
      </c>
      <c r="V8155">
        <v>16</v>
      </c>
      <c r="W8155">
        <v>16</v>
      </c>
      <c r="X8155">
        <v>16</v>
      </c>
      <c r="Y8155">
        <v>16</v>
      </c>
      <c r="Z8155">
        <v>16</v>
      </c>
      <c r="AA8155">
        <v>16</v>
      </c>
      <c r="AB8155">
        <v>16</v>
      </c>
      <c r="AC8155">
        <v>16</v>
      </c>
      <c r="AD8155">
        <v>16</v>
      </c>
      <c r="AE8155">
        <v>16</v>
      </c>
      <c r="AF8155">
        <v>16</v>
      </c>
      <c r="AG8155">
        <v>16</v>
      </c>
      <c r="AH8155">
        <v>16</v>
      </c>
      <c r="AI8155">
        <v>16</v>
      </c>
      <c r="AJ8155">
        <v>16</v>
      </c>
      <c r="AK8155">
        <v>16</v>
      </c>
      <c r="AL8155">
        <v>16</v>
      </c>
      <c r="AM8155">
        <v>16</v>
      </c>
      <c r="AN8155">
        <v>16</v>
      </c>
      <c r="AO8155">
        <v>16</v>
      </c>
      <c r="AP8155">
        <v>16</v>
      </c>
      <c r="AQ8155">
        <v>16</v>
      </c>
    </row>
    <row r="8156" spans="1:43">
      <c r="A8156" t="s">
        <v>5106</v>
      </c>
      <c r="B8156" t="s">
        <v>5107</v>
      </c>
      <c r="C8156" t="s">
        <v>5108</v>
      </c>
      <c r="D8156" t="s">
        <v>5109</v>
      </c>
      <c r="E8156" t="s">
        <v>4916</v>
      </c>
      <c r="F8156" t="s">
        <v>4917</v>
      </c>
      <c r="G8156" t="s">
        <v>80</v>
      </c>
      <c r="H8156" t="s">
        <v>81</v>
      </c>
      <c r="I8156" s="2">
        <v>1</v>
      </c>
      <c r="J8156" s="2">
        <v>0</v>
      </c>
      <c r="K8156" s="2">
        <v>0</v>
      </c>
      <c r="L8156" t="s">
        <v>120</v>
      </c>
      <c r="M8156" t="s">
        <v>89</v>
      </c>
      <c r="N8156" t="s">
        <v>90</v>
      </c>
      <c r="O8156" t="s">
        <v>85</v>
      </c>
      <c r="P8156" t="s">
        <v>86</v>
      </c>
      <c r="Q8156">
        <v>16</v>
      </c>
      <c r="R8156">
        <v>16</v>
      </c>
      <c r="S8156">
        <v>16</v>
      </c>
      <c r="T8156">
        <v>16</v>
      </c>
      <c r="U8156">
        <v>17</v>
      </c>
      <c r="V8156">
        <v>17</v>
      </c>
      <c r="W8156">
        <v>17</v>
      </c>
      <c r="X8156">
        <v>17</v>
      </c>
      <c r="Y8156">
        <v>17</v>
      </c>
      <c r="Z8156">
        <v>17</v>
      </c>
      <c r="AA8156">
        <v>18</v>
      </c>
      <c r="AB8156">
        <v>18</v>
      </c>
      <c r="AC8156">
        <v>18</v>
      </c>
      <c r="AD8156">
        <v>18</v>
      </c>
      <c r="AE8156">
        <v>18</v>
      </c>
      <c r="AF8156">
        <v>18</v>
      </c>
      <c r="AG8156">
        <v>18</v>
      </c>
      <c r="AH8156">
        <v>18</v>
      </c>
      <c r="AI8156">
        <v>18</v>
      </c>
      <c r="AJ8156">
        <v>18</v>
      </c>
      <c r="AK8156">
        <v>17</v>
      </c>
      <c r="AL8156">
        <v>17</v>
      </c>
      <c r="AM8156">
        <v>17</v>
      </c>
      <c r="AN8156">
        <v>17</v>
      </c>
      <c r="AO8156">
        <v>17</v>
      </c>
      <c r="AP8156">
        <v>17</v>
      </c>
      <c r="AQ8156">
        <v>17</v>
      </c>
    </row>
    <row r="8157" spans="1:43">
      <c r="A8157" t="s">
        <v>5106</v>
      </c>
      <c r="B8157" t="s">
        <v>5107</v>
      </c>
      <c r="C8157" t="s">
        <v>5108</v>
      </c>
      <c r="D8157" t="s">
        <v>5109</v>
      </c>
      <c r="E8157" t="s">
        <v>4916</v>
      </c>
      <c r="F8157" t="s">
        <v>4917</v>
      </c>
      <c r="G8157" t="s">
        <v>80</v>
      </c>
      <c r="H8157" t="s">
        <v>81</v>
      </c>
      <c r="I8157" s="2">
        <v>1</v>
      </c>
      <c r="J8157" s="2">
        <v>0</v>
      </c>
      <c r="K8157" s="2">
        <v>0</v>
      </c>
      <c r="L8157" t="s">
        <v>120</v>
      </c>
      <c r="M8157" t="s">
        <v>83</v>
      </c>
      <c r="N8157" t="s">
        <v>91</v>
      </c>
      <c r="O8157" t="s">
        <v>85</v>
      </c>
      <c r="P8157" t="s">
        <v>86</v>
      </c>
      <c r="Q8157">
        <v>16</v>
      </c>
      <c r="R8157">
        <v>16</v>
      </c>
      <c r="S8157">
        <v>16</v>
      </c>
      <c r="T8157">
        <v>16</v>
      </c>
      <c r="U8157">
        <v>16</v>
      </c>
      <c r="V8157">
        <v>16</v>
      </c>
      <c r="W8157">
        <v>16</v>
      </c>
      <c r="X8157">
        <v>16</v>
      </c>
      <c r="Y8157">
        <v>16</v>
      </c>
      <c r="Z8157">
        <v>16</v>
      </c>
      <c r="AA8157">
        <v>17</v>
      </c>
      <c r="AB8157">
        <v>17</v>
      </c>
      <c r="AC8157">
        <v>17</v>
      </c>
      <c r="AD8157">
        <v>17</v>
      </c>
      <c r="AE8157">
        <v>17</v>
      </c>
      <c r="AF8157">
        <v>17</v>
      </c>
      <c r="AG8157">
        <v>17</v>
      </c>
      <c r="AH8157">
        <v>17</v>
      </c>
      <c r="AI8157">
        <v>17</v>
      </c>
      <c r="AJ8157">
        <v>17</v>
      </c>
      <c r="AK8157">
        <v>17</v>
      </c>
      <c r="AL8157">
        <v>17</v>
      </c>
      <c r="AM8157">
        <v>17</v>
      </c>
      <c r="AN8157">
        <v>17</v>
      </c>
      <c r="AO8157">
        <v>17</v>
      </c>
      <c r="AP8157">
        <v>17</v>
      </c>
      <c r="AQ8157">
        <v>17</v>
      </c>
    </row>
    <row r="8158" spans="1:43">
      <c r="A8158" t="s">
        <v>5110</v>
      </c>
      <c r="B8158" t="s">
        <v>5111</v>
      </c>
      <c r="C8158" t="s">
        <v>5108</v>
      </c>
      <c r="D8158" t="s">
        <v>5109</v>
      </c>
      <c r="E8158" t="s">
        <v>4916</v>
      </c>
      <c r="F8158" t="s">
        <v>4917</v>
      </c>
      <c r="G8158" t="s">
        <v>80</v>
      </c>
      <c r="H8158" t="s">
        <v>81</v>
      </c>
      <c r="I8158" s="2">
        <v>1</v>
      </c>
      <c r="J8158" s="2">
        <v>0</v>
      </c>
      <c r="K8158" s="2">
        <v>0</v>
      </c>
      <c r="L8158" t="s">
        <v>120</v>
      </c>
      <c r="M8158" t="s">
        <v>83</v>
      </c>
      <c r="N8158" t="s">
        <v>84</v>
      </c>
      <c r="O8158" t="s">
        <v>85</v>
      </c>
      <c r="P8158" t="s">
        <v>86</v>
      </c>
      <c r="Q8158">
        <v>46</v>
      </c>
      <c r="R8158">
        <v>46</v>
      </c>
      <c r="S8158">
        <v>46</v>
      </c>
      <c r="T8158">
        <v>47</v>
      </c>
      <c r="U8158">
        <v>47</v>
      </c>
      <c r="V8158">
        <v>47</v>
      </c>
      <c r="W8158">
        <v>47</v>
      </c>
      <c r="X8158">
        <v>48</v>
      </c>
      <c r="Y8158">
        <v>48</v>
      </c>
      <c r="Z8158">
        <v>48</v>
      </c>
      <c r="AA8158">
        <v>48</v>
      </c>
      <c r="AB8158">
        <v>49</v>
      </c>
      <c r="AC8158">
        <v>49</v>
      </c>
      <c r="AD8158">
        <v>49</v>
      </c>
      <c r="AE8158">
        <v>49</v>
      </c>
      <c r="AF8158">
        <v>49</v>
      </c>
      <c r="AG8158">
        <v>49</v>
      </c>
      <c r="AH8158">
        <v>50</v>
      </c>
      <c r="AI8158">
        <v>50</v>
      </c>
      <c r="AJ8158">
        <v>50</v>
      </c>
      <c r="AK8158">
        <v>50</v>
      </c>
      <c r="AL8158">
        <v>50</v>
      </c>
      <c r="AM8158">
        <v>50</v>
      </c>
      <c r="AN8158">
        <v>50</v>
      </c>
      <c r="AO8158">
        <v>49</v>
      </c>
      <c r="AP8158">
        <v>49</v>
      </c>
      <c r="AQ8158">
        <v>49</v>
      </c>
    </row>
    <row r="8159" spans="1:43">
      <c r="A8159" t="s">
        <v>5110</v>
      </c>
      <c r="B8159" t="s">
        <v>5111</v>
      </c>
      <c r="C8159" t="s">
        <v>5108</v>
      </c>
      <c r="D8159" t="s">
        <v>5109</v>
      </c>
      <c r="E8159" t="s">
        <v>4916</v>
      </c>
      <c r="F8159" t="s">
        <v>4917</v>
      </c>
      <c r="G8159" t="s">
        <v>80</v>
      </c>
      <c r="H8159" t="s">
        <v>81</v>
      </c>
      <c r="I8159" s="2">
        <v>1</v>
      </c>
      <c r="J8159" s="2">
        <v>0</v>
      </c>
      <c r="K8159" s="2">
        <v>0</v>
      </c>
      <c r="L8159" t="s">
        <v>120</v>
      </c>
      <c r="M8159" t="s">
        <v>87</v>
      </c>
      <c r="N8159" t="s">
        <v>88</v>
      </c>
      <c r="O8159" t="s">
        <v>85</v>
      </c>
      <c r="P8159" t="s">
        <v>86</v>
      </c>
      <c r="Q8159">
        <v>46</v>
      </c>
      <c r="R8159">
        <v>46</v>
      </c>
      <c r="S8159">
        <v>46</v>
      </c>
      <c r="T8159">
        <v>46</v>
      </c>
      <c r="U8159">
        <v>46</v>
      </c>
      <c r="V8159">
        <v>46</v>
      </c>
      <c r="W8159">
        <v>46</v>
      </c>
      <c r="X8159">
        <v>45</v>
      </c>
      <c r="Y8159">
        <v>45</v>
      </c>
      <c r="Z8159">
        <v>45</v>
      </c>
      <c r="AA8159">
        <v>45</v>
      </c>
      <c r="AB8159">
        <v>45</v>
      </c>
      <c r="AC8159">
        <v>45</v>
      </c>
      <c r="AD8159">
        <v>45</v>
      </c>
      <c r="AE8159">
        <v>45</v>
      </c>
      <c r="AF8159">
        <v>45</v>
      </c>
      <c r="AG8159">
        <v>45</v>
      </c>
      <c r="AH8159">
        <v>44</v>
      </c>
      <c r="AI8159">
        <v>44</v>
      </c>
      <c r="AJ8159">
        <v>44</v>
      </c>
      <c r="AK8159">
        <v>44</v>
      </c>
      <c r="AL8159">
        <v>44</v>
      </c>
      <c r="AM8159">
        <v>44</v>
      </c>
      <c r="AN8159">
        <v>44</v>
      </c>
      <c r="AO8159">
        <v>44</v>
      </c>
      <c r="AP8159">
        <v>44</v>
      </c>
      <c r="AQ8159">
        <v>43</v>
      </c>
    </row>
    <row r="8160" spans="1:43">
      <c r="A8160" t="s">
        <v>5110</v>
      </c>
      <c r="B8160" t="s">
        <v>5111</v>
      </c>
      <c r="C8160" t="s">
        <v>5108</v>
      </c>
      <c r="D8160" t="s">
        <v>5109</v>
      </c>
      <c r="E8160" t="s">
        <v>4916</v>
      </c>
      <c r="F8160" t="s">
        <v>4917</v>
      </c>
      <c r="G8160" t="s">
        <v>80</v>
      </c>
      <c r="H8160" t="s">
        <v>81</v>
      </c>
      <c r="I8160" s="2">
        <v>1</v>
      </c>
      <c r="J8160" s="2">
        <v>0</v>
      </c>
      <c r="K8160" s="2">
        <v>0</v>
      </c>
      <c r="L8160" t="s">
        <v>120</v>
      </c>
      <c r="M8160" t="s">
        <v>89</v>
      </c>
      <c r="N8160" t="s">
        <v>90</v>
      </c>
      <c r="O8160" t="s">
        <v>85</v>
      </c>
      <c r="P8160" t="s">
        <v>86</v>
      </c>
      <c r="Q8160">
        <v>46</v>
      </c>
      <c r="R8160">
        <v>47</v>
      </c>
      <c r="S8160">
        <v>47</v>
      </c>
      <c r="T8160">
        <v>48</v>
      </c>
      <c r="U8160">
        <v>49</v>
      </c>
      <c r="V8160">
        <v>49</v>
      </c>
      <c r="W8160">
        <v>50</v>
      </c>
      <c r="X8160">
        <v>50</v>
      </c>
      <c r="Y8160">
        <v>51</v>
      </c>
      <c r="Z8160">
        <v>51</v>
      </c>
      <c r="AA8160">
        <v>51</v>
      </c>
      <c r="AB8160">
        <v>52</v>
      </c>
      <c r="AC8160">
        <v>52</v>
      </c>
      <c r="AD8160">
        <v>52</v>
      </c>
      <c r="AE8160">
        <v>53</v>
      </c>
      <c r="AF8160">
        <v>52</v>
      </c>
      <c r="AG8160">
        <v>52</v>
      </c>
      <c r="AH8160">
        <v>52</v>
      </c>
      <c r="AI8160">
        <v>51</v>
      </c>
      <c r="AJ8160">
        <v>51</v>
      </c>
      <c r="AK8160">
        <v>51</v>
      </c>
      <c r="AL8160">
        <v>51</v>
      </c>
      <c r="AM8160">
        <v>50</v>
      </c>
      <c r="AN8160">
        <v>50</v>
      </c>
      <c r="AO8160">
        <v>50</v>
      </c>
      <c r="AP8160">
        <v>50</v>
      </c>
      <c r="AQ8160">
        <v>49</v>
      </c>
    </row>
    <row r="8161" spans="1:43">
      <c r="A8161" t="s">
        <v>5110</v>
      </c>
      <c r="B8161" t="s">
        <v>5111</v>
      </c>
      <c r="C8161" t="s">
        <v>5108</v>
      </c>
      <c r="D8161" t="s">
        <v>5109</v>
      </c>
      <c r="E8161" t="s">
        <v>4916</v>
      </c>
      <c r="F8161" t="s">
        <v>4917</v>
      </c>
      <c r="G8161" t="s">
        <v>80</v>
      </c>
      <c r="H8161" t="s">
        <v>81</v>
      </c>
      <c r="I8161" s="2">
        <v>1</v>
      </c>
      <c r="J8161" s="2">
        <v>0</v>
      </c>
      <c r="K8161" s="2">
        <v>0</v>
      </c>
      <c r="L8161" t="s">
        <v>120</v>
      </c>
      <c r="M8161" t="s">
        <v>83</v>
      </c>
      <c r="N8161" t="s">
        <v>91</v>
      </c>
      <c r="O8161" t="s">
        <v>85</v>
      </c>
      <c r="P8161" t="s">
        <v>86</v>
      </c>
      <c r="Q8161">
        <v>46</v>
      </c>
      <c r="R8161">
        <v>46</v>
      </c>
      <c r="S8161">
        <v>46</v>
      </c>
      <c r="T8161">
        <v>47</v>
      </c>
      <c r="U8161">
        <v>47</v>
      </c>
      <c r="V8161">
        <v>47</v>
      </c>
      <c r="W8161">
        <v>47</v>
      </c>
      <c r="X8161">
        <v>48</v>
      </c>
      <c r="Y8161">
        <v>48</v>
      </c>
      <c r="Z8161">
        <v>48</v>
      </c>
      <c r="AA8161">
        <v>48</v>
      </c>
      <c r="AB8161">
        <v>49</v>
      </c>
      <c r="AC8161">
        <v>49</v>
      </c>
      <c r="AD8161">
        <v>49</v>
      </c>
      <c r="AE8161">
        <v>49</v>
      </c>
      <c r="AF8161">
        <v>49</v>
      </c>
      <c r="AG8161">
        <v>49</v>
      </c>
      <c r="AH8161">
        <v>50</v>
      </c>
      <c r="AI8161">
        <v>50</v>
      </c>
      <c r="AJ8161">
        <v>50</v>
      </c>
      <c r="AK8161">
        <v>50</v>
      </c>
      <c r="AL8161">
        <v>50</v>
      </c>
      <c r="AM8161">
        <v>50</v>
      </c>
      <c r="AN8161">
        <v>50</v>
      </c>
      <c r="AO8161">
        <v>49</v>
      </c>
      <c r="AP8161">
        <v>49</v>
      </c>
      <c r="AQ8161">
        <v>49</v>
      </c>
    </row>
    <row r="8162" spans="1:43">
      <c r="A8162" t="s">
        <v>5112</v>
      </c>
      <c r="B8162" t="s">
        <v>5113</v>
      </c>
      <c r="C8162" t="s">
        <v>5108</v>
      </c>
      <c r="D8162" t="s">
        <v>5109</v>
      </c>
      <c r="E8162" t="s">
        <v>4916</v>
      </c>
      <c r="F8162" t="s">
        <v>4917</v>
      </c>
      <c r="G8162" t="s">
        <v>80</v>
      </c>
      <c r="H8162" t="s">
        <v>81</v>
      </c>
      <c r="I8162" s="2">
        <v>1</v>
      </c>
      <c r="J8162" s="2">
        <v>0</v>
      </c>
      <c r="K8162" s="2">
        <v>0</v>
      </c>
      <c r="L8162" t="s">
        <v>120</v>
      </c>
      <c r="M8162" t="s">
        <v>83</v>
      </c>
      <c r="N8162" t="s">
        <v>84</v>
      </c>
      <c r="O8162" t="s">
        <v>85</v>
      </c>
      <c r="P8162" t="s">
        <v>86</v>
      </c>
      <c r="Q8162">
        <v>13</v>
      </c>
      <c r="R8162">
        <v>13</v>
      </c>
      <c r="S8162">
        <v>13</v>
      </c>
      <c r="T8162">
        <v>13</v>
      </c>
      <c r="U8162">
        <v>13</v>
      </c>
      <c r="V8162">
        <v>13</v>
      </c>
      <c r="W8162">
        <v>13</v>
      </c>
      <c r="X8162">
        <v>13</v>
      </c>
      <c r="Y8162">
        <v>13</v>
      </c>
      <c r="Z8162">
        <v>13</v>
      </c>
      <c r="AA8162">
        <v>13</v>
      </c>
      <c r="AB8162">
        <v>13</v>
      </c>
      <c r="AC8162">
        <v>14</v>
      </c>
      <c r="AD8162">
        <v>14</v>
      </c>
      <c r="AE8162">
        <v>14</v>
      </c>
      <c r="AF8162">
        <v>14</v>
      </c>
      <c r="AG8162">
        <v>14</v>
      </c>
      <c r="AH8162">
        <v>14</v>
      </c>
      <c r="AI8162">
        <v>14</v>
      </c>
      <c r="AJ8162">
        <v>14</v>
      </c>
      <c r="AK8162">
        <v>14</v>
      </c>
      <c r="AL8162">
        <v>14</v>
      </c>
      <c r="AM8162">
        <v>14</v>
      </c>
      <c r="AN8162">
        <v>14</v>
      </c>
      <c r="AO8162">
        <v>14</v>
      </c>
      <c r="AP8162">
        <v>14</v>
      </c>
      <c r="AQ8162">
        <v>14</v>
      </c>
    </row>
    <row r="8163" spans="1:43">
      <c r="A8163" t="s">
        <v>5112</v>
      </c>
      <c r="B8163" t="s">
        <v>5113</v>
      </c>
      <c r="C8163" t="s">
        <v>5108</v>
      </c>
      <c r="D8163" t="s">
        <v>5109</v>
      </c>
      <c r="E8163" t="s">
        <v>4916</v>
      </c>
      <c r="F8163" t="s">
        <v>4917</v>
      </c>
      <c r="G8163" t="s">
        <v>80</v>
      </c>
      <c r="H8163" t="s">
        <v>81</v>
      </c>
      <c r="I8163" s="2">
        <v>1</v>
      </c>
      <c r="J8163" s="2">
        <v>0</v>
      </c>
      <c r="K8163" s="2">
        <v>0</v>
      </c>
      <c r="L8163" t="s">
        <v>120</v>
      </c>
      <c r="M8163" t="s">
        <v>87</v>
      </c>
      <c r="N8163" t="s">
        <v>88</v>
      </c>
      <c r="O8163" t="s">
        <v>85</v>
      </c>
      <c r="P8163" t="s">
        <v>86</v>
      </c>
      <c r="Q8163">
        <v>13</v>
      </c>
      <c r="R8163">
        <v>13</v>
      </c>
      <c r="S8163">
        <v>13</v>
      </c>
      <c r="T8163">
        <v>12</v>
      </c>
      <c r="U8163">
        <v>12</v>
      </c>
      <c r="V8163">
        <v>12</v>
      </c>
      <c r="W8163">
        <v>12</v>
      </c>
      <c r="X8163">
        <v>12</v>
      </c>
      <c r="Y8163">
        <v>12</v>
      </c>
      <c r="Z8163">
        <v>12</v>
      </c>
      <c r="AA8163">
        <v>12</v>
      </c>
      <c r="AB8163">
        <v>12</v>
      </c>
      <c r="AC8163">
        <v>12</v>
      </c>
      <c r="AD8163">
        <v>12</v>
      </c>
      <c r="AE8163">
        <v>12</v>
      </c>
      <c r="AF8163">
        <v>12</v>
      </c>
      <c r="AG8163">
        <v>12</v>
      </c>
      <c r="AH8163">
        <v>12</v>
      </c>
      <c r="AI8163">
        <v>12</v>
      </c>
      <c r="AJ8163">
        <v>12</v>
      </c>
      <c r="AK8163">
        <v>12</v>
      </c>
      <c r="AL8163">
        <v>12</v>
      </c>
      <c r="AM8163">
        <v>12</v>
      </c>
      <c r="AN8163">
        <v>12</v>
      </c>
      <c r="AO8163">
        <v>12</v>
      </c>
      <c r="AP8163">
        <v>12</v>
      </c>
      <c r="AQ8163">
        <v>12</v>
      </c>
    </row>
    <row r="8164" spans="1:43">
      <c r="A8164" t="s">
        <v>5112</v>
      </c>
      <c r="B8164" t="s">
        <v>5113</v>
      </c>
      <c r="C8164" t="s">
        <v>5108</v>
      </c>
      <c r="D8164" t="s">
        <v>5109</v>
      </c>
      <c r="E8164" t="s">
        <v>4916</v>
      </c>
      <c r="F8164" t="s">
        <v>4917</v>
      </c>
      <c r="G8164" t="s">
        <v>80</v>
      </c>
      <c r="H8164" t="s">
        <v>81</v>
      </c>
      <c r="I8164" s="2">
        <v>1</v>
      </c>
      <c r="J8164" s="2">
        <v>0</v>
      </c>
      <c r="K8164" s="2">
        <v>0</v>
      </c>
      <c r="L8164" t="s">
        <v>120</v>
      </c>
      <c r="M8164" t="s">
        <v>89</v>
      </c>
      <c r="N8164" t="s">
        <v>90</v>
      </c>
      <c r="O8164" t="s">
        <v>85</v>
      </c>
      <c r="P8164" t="s">
        <v>86</v>
      </c>
      <c r="Q8164">
        <v>13</v>
      </c>
      <c r="R8164">
        <v>13</v>
      </c>
      <c r="S8164">
        <v>13</v>
      </c>
      <c r="T8164">
        <v>13</v>
      </c>
      <c r="U8164">
        <v>14</v>
      </c>
      <c r="V8164">
        <v>14</v>
      </c>
      <c r="W8164">
        <v>14</v>
      </c>
      <c r="X8164">
        <v>14</v>
      </c>
      <c r="Y8164">
        <v>14</v>
      </c>
      <c r="Z8164">
        <v>14</v>
      </c>
      <c r="AA8164">
        <v>14</v>
      </c>
      <c r="AB8164">
        <v>14</v>
      </c>
      <c r="AC8164">
        <v>14</v>
      </c>
      <c r="AD8164">
        <v>15</v>
      </c>
      <c r="AE8164">
        <v>15</v>
      </c>
      <c r="AF8164">
        <v>15</v>
      </c>
      <c r="AG8164">
        <v>14</v>
      </c>
      <c r="AH8164">
        <v>14</v>
      </c>
      <c r="AI8164">
        <v>14</v>
      </c>
      <c r="AJ8164">
        <v>14</v>
      </c>
      <c r="AK8164">
        <v>14</v>
      </c>
      <c r="AL8164">
        <v>14</v>
      </c>
      <c r="AM8164">
        <v>14</v>
      </c>
      <c r="AN8164">
        <v>14</v>
      </c>
      <c r="AO8164">
        <v>14</v>
      </c>
      <c r="AP8164">
        <v>14</v>
      </c>
      <c r="AQ8164">
        <v>14</v>
      </c>
    </row>
    <row r="8165" spans="1:43">
      <c r="A8165" t="s">
        <v>5112</v>
      </c>
      <c r="B8165" t="s">
        <v>5113</v>
      </c>
      <c r="C8165" t="s">
        <v>5108</v>
      </c>
      <c r="D8165" t="s">
        <v>5109</v>
      </c>
      <c r="E8165" t="s">
        <v>4916</v>
      </c>
      <c r="F8165" t="s">
        <v>4917</v>
      </c>
      <c r="G8165" t="s">
        <v>80</v>
      </c>
      <c r="H8165" t="s">
        <v>81</v>
      </c>
      <c r="I8165" s="2">
        <v>1</v>
      </c>
      <c r="J8165" s="2">
        <v>0</v>
      </c>
      <c r="K8165" s="2">
        <v>0</v>
      </c>
      <c r="L8165" t="s">
        <v>120</v>
      </c>
      <c r="M8165" t="s">
        <v>83</v>
      </c>
      <c r="N8165" t="s">
        <v>91</v>
      </c>
      <c r="O8165" t="s">
        <v>85</v>
      </c>
      <c r="P8165" t="s">
        <v>86</v>
      </c>
      <c r="Q8165">
        <v>13</v>
      </c>
      <c r="R8165">
        <v>13</v>
      </c>
      <c r="S8165">
        <v>13</v>
      </c>
      <c r="T8165">
        <v>13</v>
      </c>
      <c r="U8165">
        <v>13</v>
      </c>
      <c r="V8165">
        <v>13</v>
      </c>
      <c r="W8165">
        <v>13</v>
      </c>
      <c r="X8165">
        <v>13</v>
      </c>
      <c r="Y8165">
        <v>13</v>
      </c>
      <c r="Z8165">
        <v>13</v>
      </c>
      <c r="AA8165">
        <v>13</v>
      </c>
      <c r="AB8165">
        <v>13</v>
      </c>
      <c r="AC8165">
        <v>14</v>
      </c>
      <c r="AD8165">
        <v>14</v>
      </c>
      <c r="AE8165">
        <v>14</v>
      </c>
      <c r="AF8165">
        <v>14</v>
      </c>
      <c r="AG8165">
        <v>14</v>
      </c>
      <c r="AH8165">
        <v>14</v>
      </c>
      <c r="AI8165">
        <v>14</v>
      </c>
      <c r="AJ8165">
        <v>14</v>
      </c>
      <c r="AK8165">
        <v>14</v>
      </c>
      <c r="AL8165">
        <v>14</v>
      </c>
      <c r="AM8165">
        <v>14</v>
      </c>
      <c r="AN8165">
        <v>14</v>
      </c>
      <c r="AO8165">
        <v>14</v>
      </c>
      <c r="AP8165">
        <v>14</v>
      </c>
      <c r="AQ8165">
        <v>14</v>
      </c>
    </row>
    <row r="8166" spans="1:43">
      <c r="A8166" t="s">
        <v>5114</v>
      </c>
      <c r="B8166" t="s">
        <v>5115</v>
      </c>
      <c r="C8166" t="s">
        <v>5108</v>
      </c>
      <c r="D8166" t="s">
        <v>5109</v>
      </c>
      <c r="E8166" t="s">
        <v>4916</v>
      </c>
      <c r="F8166" t="s">
        <v>4917</v>
      </c>
      <c r="G8166" t="s">
        <v>80</v>
      </c>
      <c r="H8166" t="s">
        <v>81</v>
      </c>
      <c r="I8166" s="2">
        <v>1</v>
      </c>
      <c r="J8166" s="2">
        <v>0</v>
      </c>
      <c r="K8166" s="2">
        <v>0</v>
      </c>
      <c r="L8166" t="s">
        <v>120</v>
      </c>
      <c r="M8166" t="s">
        <v>83</v>
      </c>
      <c r="N8166" t="s">
        <v>84</v>
      </c>
      <c r="O8166" t="s">
        <v>85</v>
      </c>
      <c r="P8166" t="s">
        <v>86</v>
      </c>
      <c r="Q8166">
        <v>5</v>
      </c>
      <c r="R8166">
        <v>5</v>
      </c>
      <c r="S8166">
        <v>5</v>
      </c>
      <c r="T8166">
        <v>5</v>
      </c>
      <c r="U8166">
        <v>6</v>
      </c>
      <c r="V8166">
        <v>6</v>
      </c>
      <c r="W8166">
        <v>6</v>
      </c>
      <c r="X8166">
        <v>6</v>
      </c>
      <c r="Y8166">
        <v>6</v>
      </c>
      <c r="Z8166">
        <v>6</v>
      </c>
      <c r="AA8166">
        <v>6</v>
      </c>
      <c r="AB8166">
        <v>6</v>
      </c>
      <c r="AC8166">
        <v>6</v>
      </c>
      <c r="AD8166">
        <v>6</v>
      </c>
      <c r="AE8166">
        <v>6</v>
      </c>
      <c r="AF8166">
        <v>6</v>
      </c>
      <c r="AG8166">
        <v>6</v>
      </c>
      <c r="AH8166">
        <v>6</v>
      </c>
      <c r="AI8166">
        <v>6</v>
      </c>
      <c r="AJ8166">
        <v>6</v>
      </c>
      <c r="AK8166">
        <v>6</v>
      </c>
      <c r="AL8166">
        <v>6</v>
      </c>
      <c r="AM8166">
        <v>6</v>
      </c>
      <c r="AN8166">
        <v>6</v>
      </c>
      <c r="AO8166">
        <v>6</v>
      </c>
      <c r="AP8166">
        <v>6</v>
      </c>
      <c r="AQ8166">
        <v>6</v>
      </c>
    </row>
    <row r="8167" spans="1:43">
      <c r="A8167" t="s">
        <v>5114</v>
      </c>
      <c r="B8167" t="s">
        <v>5115</v>
      </c>
      <c r="C8167" t="s">
        <v>5108</v>
      </c>
      <c r="D8167" t="s">
        <v>5109</v>
      </c>
      <c r="E8167" t="s">
        <v>4916</v>
      </c>
      <c r="F8167" t="s">
        <v>4917</v>
      </c>
      <c r="G8167" t="s">
        <v>80</v>
      </c>
      <c r="H8167" t="s">
        <v>81</v>
      </c>
      <c r="I8167" s="2">
        <v>1</v>
      </c>
      <c r="J8167" s="2">
        <v>0</v>
      </c>
      <c r="K8167" s="2">
        <v>0</v>
      </c>
      <c r="L8167" t="s">
        <v>120</v>
      </c>
      <c r="M8167" t="s">
        <v>87</v>
      </c>
      <c r="N8167" t="s">
        <v>88</v>
      </c>
      <c r="O8167" t="s">
        <v>85</v>
      </c>
      <c r="P8167" t="s">
        <v>86</v>
      </c>
      <c r="Q8167">
        <v>5</v>
      </c>
      <c r="R8167">
        <v>5</v>
      </c>
      <c r="S8167">
        <v>5</v>
      </c>
      <c r="T8167">
        <v>5</v>
      </c>
      <c r="U8167">
        <v>5</v>
      </c>
      <c r="V8167">
        <v>5</v>
      </c>
      <c r="W8167">
        <v>5</v>
      </c>
      <c r="X8167">
        <v>5</v>
      </c>
      <c r="Y8167">
        <v>5</v>
      </c>
      <c r="Z8167">
        <v>5</v>
      </c>
      <c r="AA8167">
        <v>5</v>
      </c>
      <c r="AB8167">
        <v>5</v>
      </c>
      <c r="AC8167">
        <v>5</v>
      </c>
      <c r="AD8167">
        <v>5</v>
      </c>
      <c r="AE8167">
        <v>5</v>
      </c>
      <c r="AF8167">
        <v>5</v>
      </c>
      <c r="AG8167">
        <v>5</v>
      </c>
      <c r="AH8167">
        <v>5</v>
      </c>
      <c r="AI8167">
        <v>5</v>
      </c>
      <c r="AJ8167">
        <v>5</v>
      </c>
      <c r="AK8167">
        <v>5</v>
      </c>
      <c r="AL8167">
        <v>5</v>
      </c>
      <c r="AM8167">
        <v>5</v>
      </c>
      <c r="AN8167">
        <v>5</v>
      </c>
      <c r="AO8167">
        <v>5</v>
      </c>
      <c r="AP8167">
        <v>5</v>
      </c>
      <c r="AQ8167">
        <v>5</v>
      </c>
    </row>
    <row r="8168" spans="1:43">
      <c r="A8168" t="s">
        <v>5114</v>
      </c>
      <c r="B8168" t="s">
        <v>5115</v>
      </c>
      <c r="C8168" t="s">
        <v>5108</v>
      </c>
      <c r="D8168" t="s">
        <v>5109</v>
      </c>
      <c r="E8168" t="s">
        <v>4916</v>
      </c>
      <c r="F8168" t="s">
        <v>4917</v>
      </c>
      <c r="G8168" t="s">
        <v>80</v>
      </c>
      <c r="H8168" t="s">
        <v>81</v>
      </c>
      <c r="I8168" s="2">
        <v>1</v>
      </c>
      <c r="J8168" s="2">
        <v>0</v>
      </c>
      <c r="K8168" s="2">
        <v>0</v>
      </c>
      <c r="L8168" t="s">
        <v>120</v>
      </c>
      <c r="M8168" t="s">
        <v>89</v>
      </c>
      <c r="N8168" t="s">
        <v>90</v>
      </c>
      <c r="O8168" t="s">
        <v>85</v>
      </c>
      <c r="P8168" t="s">
        <v>86</v>
      </c>
      <c r="Q8168">
        <v>5</v>
      </c>
      <c r="R8168">
        <v>5</v>
      </c>
      <c r="S8168">
        <v>6</v>
      </c>
      <c r="T8168">
        <v>6</v>
      </c>
      <c r="U8168">
        <v>6</v>
      </c>
      <c r="V8168">
        <v>6</v>
      </c>
      <c r="W8168">
        <v>6</v>
      </c>
      <c r="X8168">
        <v>6</v>
      </c>
      <c r="Y8168">
        <v>6</v>
      </c>
      <c r="Z8168">
        <v>6</v>
      </c>
      <c r="AA8168">
        <v>6</v>
      </c>
      <c r="AB8168">
        <v>6</v>
      </c>
      <c r="AC8168">
        <v>6</v>
      </c>
      <c r="AD8168">
        <v>6</v>
      </c>
      <c r="AE8168">
        <v>6</v>
      </c>
      <c r="AF8168">
        <v>6</v>
      </c>
      <c r="AG8168">
        <v>6</v>
      </c>
      <c r="AH8168">
        <v>6</v>
      </c>
      <c r="AI8168">
        <v>6</v>
      </c>
      <c r="AJ8168">
        <v>6</v>
      </c>
      <c r="AK8168">
        <v>6</v>
      </c>
      <c r="AL8168">
        <v>6</v>
      </c>
      <c r="AM8168">
        <v>6</v>
      </c>
      <c r="AN8168">
        <v>6</v>
      </c>
      <c r="AO8168">
        <v>6</v>
      </c>
      <c r="AP8168">
        <v>6</v>
      </c>
      <c r="AQ8168">
        <v>6</v>
      </c>
    </row>
    <row r="8169" spans="1:43">
      <c r="A8169" t="s">
        <v>5114</v>
      </c>
      <c r="B8169" t="s">
        <v>5115</v>
      </c>
      <c r="C8169" t="s">
        <v>5108</v>
      </c>
      <c r="D8169" t="s">
        <v>5109</v>
      </c>
      <c r="E8169" t="s">
        <v>4916</v>
      </c>
      <c r="F8169" t="s">
        <v>4917</v>
      </c>
      <c r="G8169" t="s">
        <v>80</v>
      </c>
      <c r="H8169" t="s">
        <v>81</v>
      </c>
      <c r="I8169" s="2">
        <v>1</v>
      </c>
      <c r="J8169" s="2">
        <v>0</v>
      </c>
      <c r="K8169" s="2">
        <v>0</v>
      </c>
      <c r="L8169" t="s">
        <v>120</v>
      </c>
      <c r="M8169" t="s">
        <v>83</v>
      </c>
      <c r="N8169" t="s">
        <v>91</v>
      </c>
      <c r="O8169" t="s">
        <v>85</v>
      </c>
      <c r="P8169" t="s">
        <v>86</v>
      </c>
      <c r="Q8169">
        <v>5</v>
      </c>
      <c r="R8169">
        <v>5</v>
      </c>
      <c r="S8169">
        <v>5</v>
      </c>
      <c r="T8169">
        <v>5</v>
      </c>
      <c r="U8169">
        <v>6</v>
      </c>
      <c r="V8169">
        <v>6</v>
      </c>
      <c r="W8169">
        <v>6</v>
      </c>
      <c r="X8169">
        <v>6</v>
      </c>
      <c r="Y8169">
        <v>6</v>
      </c>
      <c r="Z8169">
        <v>6</v>
      </c>
      <c r="AA8169">
        <v>6</v>
      </c>
      <c r="AB8169">
        <v>6</v>
      </c>
      <c r="AC8169">
        <v>6</v>
      </c>
      <c r="AD8169">
        <v>6</v>
      </c>
      <c r="AE8169">
        <v>6</v>
      </c>
      <c r="AF8169">
        <v>6</v>
      </c>
      <c r="AG8169">
        <v>6</v>
      </c>
      <c r="AH8169">
        <v>6</v>
      </c>
      <c r="AI8169">
        <v>6</v>
      </c>
      <c r="AJ8169">
        <v>6</v>
      </c>
      <c r="AK8169">
        <v>6</v>
      </c>
      <c r="AL8169">
        <v>6</v>
      </c>
      <c r="AM8169">
        <v>6</v>
      </c>
      <c r="AN8169">
        <v>6</v>
      </c>
      <c r="AO8169">
        <v>6</v>
      </c>
      <c r="AP8169">
        <v>6</v>
      </c>
      <c r="AQ8169">
        <v>6</v>
      </c>
    </row>
    <row r="8170" spans="1:43">
      <c r="A8170" t="s">
        <v>5116</v>
      </c>
      <c r="B8170" t="s">
        <v>5117</v>
      </c>
      <c r="C8170" t="s">
        <v>5108</v>
      </c>
      <c r="D8170" t="s">
        <v>5109</v>
      </c>
      <c r="E8170" t="s">
        <v>4916</v>
      </c>
      <c r="F8170" t="s">
        <v>4917</v>
      </c>
      <c r="G8170" t="s">
        <v>80</v>
      </c>
      <c r="H8170" t="s">
        <v>81</v>
      </c>
      <c r="I8170" s="2">
        <v>1</v>
      </c>
      <c r="J8170" s="2">
        <v>0</v>
      </c>
      <c r="K8170" s="2">
        <v>0</v>
      </c>
      <c r="L8170" t="s">
        <v>120</v>
      </c>
      <c r="M8170" t="s">
        <v>83</v>
      </c>
      <c r="N8170" t="s">
        <v>84</v>
      </c>
      <c r="O8170" t="s">
        <v>85</v>
      </c>
      <c r="P8170" t="s">
        <v>86</v>
      </c>
      <c r="Q8170">
        <v>9</v>
      </c>
      <c r="R8170">
        <v>9</v>
      </c>
      <c r="S8170">
        <v>9</v>
      </c>
      <c r="T8170">
        <v>10</v>
      </c>
      <c r="U8170">
        <v>10</v>
      </c>
      <c r="V8170">
        <v>10</v>
      </c>
      <c r="W8170">
        <v>10</v>
      </c>
      <c r="X8170">
        <v>10</v>
      </c>
      <c r="Y8170">
        <v>10</v>
      </c>
      <c r="Z8170">
        <v>10</v>
      </c>
      <c r="AA8170">
        <v>10</v>
      </c>
      <c r="AB8170">
        <v>10</v>
      </c>
      <c r="AC8170">
        <v>10</v>
      </c>
      <c r="AD8170">
        <v>10</v>
      </c>
      <c r="AE8170">
        <v>10</v>
      </c>
      <c r="AF8170">
        <v>10</v>
      </c>
      <c r="AG8170">
        <v>10</v>
      </c>
      <c r="AH8170">
        <v>10</v>
      </c>
      <c r="AI8170">
        <v>10</v>
      </c>
      <c r="AJ8170">
        <v>10</v>
      </c>
      <c r="AK8170">
        <v>10</v>
      </c>
      <c r="AL8170">
        <v>10</v>
      </c>
      <c r="AM8170">
        <v>10</v>
      </c>
      <c r="AN8170">
        <v>10</v>
      </c>
      <c r="AO8170">
        <v>10</v>
      </c>
      <c r="AP8170">
        <v>10</v>
      </c>
      <c r="AQ8170">
        <v>10</v>
      </c>
    </row>
    <row r="8171" spans="1:43">
      <c r="A8171" t="s">
        <v>5116</v>
      </c>
      <c r="B8171" t="s">
        <v>5117</v>
      </c>
      <c r="C8171" t="s">
        <v>5108</v>
      </c>
      <c r="D8171" t="s">
        <v>5109</v>
      </c>
      <c r="E8171" t="s">
        <v>4916</v>
      </c>
      <c r="F8171" t="s">
        <v>4917</v>
      </c>
      <c r="G8171" t="s">
        <v>80</v>
      </c>
      <c r="H8171" t="s">
        <v>81</v>
      </c>
      <c r="I8171" s="2">
        <v>1</v>
      </c>
      <c r="J8171" s="2">
        <v>0</v>
      </c>
      <c r="K8171" s="2">
        <v>0</v>
      </c>
      <c r="L8171" t="s">
        <v>120</v>
      </c>
      <c r="M8171" t="s">
        <v>87</v>
      </c>
      <c r="N8171" t="s">
        <v>88</v>
      </c>
      <c r="O8171" t="s">
        <v>85</v>
      </c>
      <c r="P8171" t="s">
        <v>86</v>
      </c>
      <c r="Q8171">
        <v>9</v>
      </c>
      <c r="R8171">
        <v>9</v>
      </c>
      <c r="S8171">
        <v>9</v>
      </c>
      <c r="T8171">
        <v>9</v>
      </c>
      <c r="U8171">
        <v>9</v>
      </c>
      <c r="V8171">
        <v>9</v>
      </c>
      <c r="W8171">
        <v>9</v>
      </c>
      <c r="X8171">
        <v>9</v>
      </c>
      <c r="Y8171">
        <v>9</v>
      </c>
      <c r="Z8171">
        <v>9</v>
      </c>
      <c r="AA8171">
        <v>9</v>
      </c>
      <c r="AB8171">
        <v>9</v>
      </c>
      <c r="AC8171">
        <v>9</v>
      </c>
      <c r="AD8171">
        <v>9</v>
      </c>
      <c r="AE8171">
        <v>9</v>
      </c>
      <c r="AF8171">
        <v>9</v>
      </c>
      <c r="AG8171">
        <v>9</v>
      </c>
      <c r="AH8171">
        <v>9</v>
      </c>
      <c r="AI8171">
        <v>9</v>
      </c>
      <c r="AJ8171">
        <v>9</v>
      </c>
      <c r="AK8171">
        <v>9</v>
      </c>
      <c r="AL8171">
        <v>9</v>
      </c>
      <c r="AM8171">
        <v>9</v>
      </c>
      <c r="AN8171">
        <v>9</v>
      </c>
      <c r="AO8171">
        <v>9</v>
      </c>
      <c r="AP8171">
        <v>9</v>
      </c>
      <c r="AQ8171">
        <v>9</v>
      </c>
    </row>
    <row r="8172" spans="1:43">
      <c r="A8172" t="s">
        <v>5116</v>
      </c>
      <c r="B8172" t="s">
        <v>5117</v>
      </c>
      <c r="C8172" t="s">
        <v>5108</v>
      </c>
      <c r="D8172" t="s">
        <v>5109</v>
      </c>
      <c r="E8172" t="s">
        <v>4916</v>
      </c>
      <c r="F8172" t="s">
        <v>4917</v>
      </c>
      <c r="G8172" t="s">
        <v>80</v>
      </c>
      <c r="H8172" t="s">
        <v>81</v>
      </c>
      <c r="I8172" s="2">
        <v>1</v>
      </c>
      <c r="J8172" s="2">
        <v>0</v>
      </c>
      <c r="K8172" s="2">
        <v>0</v>
      </c>
      <c r="L8172" t="s">
        <v>120</v>
      </c>
      <c r="M8172" t="s">
        <v>89</v>
      </c>
      <c r="N8172" t="s">
        <v>90</v>
      </c>
      <c r="O8172" t="s">
        <v>85</v>
      </c>
      <c r="P8172" t="s">
        <v>86</v>
      </c>
      <c r="Q8172">
        <v>9</v>
      </c>
      <c r="R8172">
        <v>10</v>
      </c>
      <c r="S8172">
        <v>10</v>
      </c>
      <c r="T8172">
        <v>10</v>
      </c>
      <c r="U8172">
        <v>10</v>
      </c>
      <c r="V8172">
        <v>10</v>
      </c>
      <c r="W8172">
        <v>10</v>
      </c>
      <c r="X8172">
        <v>10</v>
      </c>
      <c r="Y8172">
        <v>10</v>
      </c>
      <c r="Z8172">
        <v>10</v>
      </c>
      <c r="AA8172">
        <v>11</v>
      </c>
      <c r="AB8172">
        <v>11</v>
      </c>
      <c r="AC8172">
        <v>11</v>
      </c>
      <c r="AD8172">
        <v>11</v>
      </c>
      <c r="AE8172">
        <v>11</v>
      </c>
      <c r="AF8172">
        <v>11</v>
      </c>
      <c r="AG8172">
        <v>11</v>
      </c>
      <c r="AH8172">
        <v>11</v>
      </c>
      <c r="AI8172">
        <v>11</v>
      </c>
      <c r="AJ8172">
        <v>11</v>
      </c>
      <c r="AK8172">
        <v>10</v>
      </c>
      <c r="AL8172">
        <v>10</v>
      </c>
      <c r="AM8172">
        <v>10</v>
      </c>
      <c r="AN8172">
        <v>10</v>
      </c>
      <c r="AO8172">
        <v>10</v>
      </c>
      <c r="AP8172">
        <v>10</v>
      </c>
      <c r="AQ8172">
        <v>10</v>
      </c>
    </row>
    <row r="8173" spans="1:43">
      <c r="A8173" t="s">
        <v>5116</v>
      </c>
      <c r="B8173" t="s">
        <v>5117</v>
      </c>
      <c r="C8173" t="s">
        <v>5108</v>
      </c>
      <c r="D8173" t="s">
        <v>5109</v>
      </c>
      <c r="E8173" t="s">
        <v>4916</v>
      </c>
      <c r="F8173" t="s">
        <v>4917</v>
      </c>
      <c r="G8173" t="s">
        <v>80</v>
      </c>
      <c r="H8173" t="s">
        <v>81</v>
      </c>
      <c r="I8173" s="2">
        <v>1</v>
      </c>
      <c r="J8173" s="2">
        <v>0</v>
      </c>
      <c r="K8173" s="2">
        <v>0</v>
      </c>
      <c r="L8173" t="s">
        <v>120</v>
      </c>
      <c r="M8173" t="s">
        <v>83</v>
      </c>
      <c r="N8173" t="s">
        <v>91</v>
      </c>
      <c r="O8173" t="s">
        <v>85</v>
      </c>
      <c r="P8173" t="s">
        <v>86</v>
      </c>
      <c r="Q8173">
        <v>9</v>
      </c>
      <c r="R8173">
        <v>9</v>
      </c>
      <c r="S8173">
        <v>9</v>
      </c>
      <c r="T8173">
        <v>10</v>
      </c>
      <c r="U8173">
        <v>10</v>
      </c>
      <c r="V8173">
        <v>10</v>
      </c>
      <c r="W8173">
        <v>10</v>
      </c>
      <c r="X8173">
        <v>10</v>
      </c>
      <c r="Y8173">
        <v>10</v>
      </c>
      <c r="Z8173">
        <v>10</v>
      </c>
      <c r="AA8173">
        <v>10</v>
      </c>
      <c r="AB8173">
        <v>10</v>
      </c>
      <c r="AC8173">
        <v>10</v>
      </c>
      <c r="AD8173">
        <v>10</v>
      </c>
      <c r="AE8173">
        <v>10</v>
      </c>
      <c r="AF8173">
        <v>10</v>
      </c>
      <c r="AG8173">
        <v>10</v>
      </c>
      <c r="AH8173">
        <v>10</v>
      </c>
      <c r="AI8173">
        <v>10</v>
      </c>
      <c r="AJ8173">
        <v>10</v>
      </c>
      <c r="AK8173">
        <v>10</v>
      </c>
      <c r="AL8173">
        <v>10</v>
      </c>
      <c r="AM8173">
        <v>10</v>
      </c>
      <c r="AN8173">
        <v>10</v>
      </c>
      <c r="AO8173">
        <v>10</v>
      </c>
      <c r="AP8173">
        <v>10</v>
      </c>
      <c r="AQ8173">
        <v>10</v>
      </c>
    </row>
    <row r="8174" spans="1:43">
      <c r="A8174" t="s">
        <v>5118</v>
      </c>
      <c r="B8174" t="s">
        <v>5119</v>
      </c>
      <c r="C8174" t="s">
        <v>4920</v>
      </c>
      <c r="D8174" t="s">
        <v>4921</v>
      </c>
      <c r="E8174" t="s">
        <v>4916</v>
      </c>
      <c r="F8174" t="s">
        <v>4917</v>
      </c>
      <c r="G8174" t="s">
        <v>80</v>
      </c>
      <c r="H8174" t="s">
        <v>81</v>
      </c>
      <c r="I8174" s="2">
        <v>1</v>
      </c>
      <c r="J8174" s="2">
        <v>0</v>
      </c>
      <c r="K8174" s="2">
        <v>0</v>
      </c>
      <c r="L8174" t="s">
        <v>120</v>
      </c>
      <c r="M8174" t="s">
        <v>83</v>
      </c>
      <c r="N8174" t="s">
        <v>84</v>
      </c>
      <c r="O8174" t="s">
        <v>85</v>
      </c>
      <c r="P8174" t="s">
        <v>86</v>
      </c>
      <c r="Q8174">
        <v>24</v>
      </c>
      <c r="R8174">
        <v>25</v>
      </c>
      <c r="S8174">
        <v>25</v>
      </c>
      <c r="T8174">
        <v>25</v>
      </c>
      <c r="U8174">
        <v>25</v>
      </c>
      <c r="V8174">
        <v>25</v>
      </c>
      <c r="W8174">
        <v>25</v>
      </c>
      <c r="X8174">
        <v>25</v>
      </c>
      <c r="Y8174">
        <v>26</v>
      </c>
      <c r="Z8174">
        <v>26</v>
      </c>
      <c r="AA8174">
        <v>26</v>
      </c>
      <c r="AB8174">
        <v>26</v>
      </c>
      <c r="AC8174">
        <v>26</v>
      </c>
      <c r="AD8174">
        <v>26</v>
      </c>
      <c r="AE8174">
        <v>26</v>
      </c>
      <c r="AF8174">
        <v>26</v>
      </c>
      <c r="AG8174">
        <v>26</v>
      </c>
      <c r="AH8174">
        <v>26</v>
      </c>
      <c r="AI8174">
        <v>26</v>
      </c>
      <c r="AJ8174">
        <v>27</v>
      </c>
      <c r="AK8174">
        <v>27</v>
      </c>
      <c r="AL8174">
        <v>27</v>
      </c>
      <c r="AM8174">
        <v>26</v>
      </c>
      <c r="AN8174">
        <v>26</v>
      </c>
      <c r="AO8174">
        <v>26</v>
      </c>
      <c r="AP8174">
        <v>26</v>
      </c>
      <c r="AQ8174">
        <v>26</v>
      </c>
    </row>
    <row r="8175" spans="1:43">
      <c r="A8175" t="s">
        <v>5118</v>
      </c>
      <c r="B8175" t="s">
        <v>5119</v>
      </c>
      <c r="C8175" t="s">
        <v>4920</v>
      </c>
      <c r="D8175" t="s">
        <v>4921</v>
      </c>
      <c r="E8175" t="s">
        <v>4916</v>
      </c>
      <c r="F8175" t="s">
        <v>4917</v>
      </c>
      <c r="G8175" t="s">
        <v>80</v>
      </c>
      <c r="H8175" t="s">
        <v>81</v>
      </c>
      <c r="I8175" s="2">
        <v>1</v>
      </c>
      <c r="J8175" s="2">
        <v>0</v>
      </c>
      <c r="K8175" s="2">
        <v>0</v>
      </c>
      <c r="L8175" t="s">
        <v>120</v>
      </c>
      <c r="M8175" t="s">
        <v>87</v>
      </c>
      <c r="N8175" t="s">
        <v>88</v>
      </c>
      <c r="O8175" t="s">
        <v>85</v>
      </c>
      <c r="P8175" t="s">
        <v>86</v>
      </c>
      <c r="Q8175">
        <v>24</v>
      </c>
      <c r="R8175">
        <v>24</v>
      </c>
      <c r="S8175">
        <v>24</v>
      </c>
      <c r="T8175">
        <v>24</v>
      </c>
      <c r="U8175">
        <v>24</v>
      </c>
      <c r="V8175">
        <v>24</v>
      </c>
      <c r="W8175">
        <v>24</v>
      </c>
      <c r="X8175">
        <v>24</v>
      </c>
      <c r="Y8175">
        <v>24</v>
      </c>
      <c r="Z8175">
        <v>24</v>
      </c>
      <c r="AA8175">
        <v>24</v>
      </c>
      <c r="AB8175">
        <v>23</v>
      </c>
      <c r="AC8175">
        <v>23</v>
      </c>
      <c r="AD8175">
        <v>23</v>
      </c>
      <c r="AE8175">
        <v>23</v>
      </c>
      <c r="AF8175">
        <v>23</v>
      </c>
      <c r="AG8175">
        <v>23</v>
      </c>
      <c r="AH8175">
        <v>23</v>
      </c>
      <c r="AI8175">
        <v>23</v>
      </c>
      <c r="AJ8175">
        <v>23</v>
      </c>
      <c r="AK8175">
        <v>23</v>
      </c>
      <c r="AL8175">
        <v>23</v>
      </c>
      <c r="AM8175">
        <v>23</v>
      </c>
      <c r="AN8175">
        <v>23</v>
      </c>
      <c r="AO8175">
        <v>23</v>
      </c>
      <c r="AP8175">
        <v>23</v>
      </c>
      <c r="AQ8175">
        <v>22</v>
      </c>
    </row>
    <row r="8176" spans="1:43">
      <c r="A8176" t="s">
        <v>5118</v>
      </c>
      <c r="B8176" t="s">
        <v>5119</v>
      </c>
      <c r="C8176" t="s">
        <v>4920</v>
      </c>
      <c r="D8176" t="s">
        <v>4921</v>
      </c>
      <c r="E8176" t="s">
        <v>4916</v>
      </c>
      <c r="F8176" t="s">
        <v>4917</v>
      </c>
      <c r="G8176" t="s">
        <v>80</v>
      </c>
      <c r="H8176" t="s">
        <v>81</v>
      </c>
      <c r="I8176" s="2">
        <v>1</v>
      </c>
      <c r="J8176" s="2">
        <v>0</v>
      </c>
      <c r="K8176" s="2">
        <v>0</v>
      </c>
      <c r="L8176" t="s">
        <v>120</v>
      </c>
      <c r="M8176" t="s">
        <v>89</v>
      </c>
      <c r="N8176" t="s">
        <v>90</v>
      </c>
      <c r="O8176" t="s">
        <v>85</v>
      </c>
      <c r="P8176" t="s">
        <v>86</v>
      </c>
      <c r="Q8176">
        <v>24</v>
      </c>
      <c r="R8176">
        <v>24</v>
      </c>
      <c r="S8176">
        <v>24</v>
      </c>
      <c r="T8176">
        <v>25</v>
      </c>
      <c r="U8176">
        <v>25</v>
      </c>
      <c r="V8176">
        <v>25</v>
      </c>
      <c r="W8176">
        <v>26</v>
      </c>
      <c r="X8176">
        <v>26</v>
      </c>
      <c r="Y8176">
        <v>26</v>
      </c>
      <c r="Z8176">
        <v>26</v>
      </c>
      <c r="AA8176">
        <v>26</v>
      </c>
      <c r="AB8176">
        <v>27</v>
      </c>
      <c r="AC8176">
        <v>27</v>
      </c>
      <c r="AD8176">
        <v>27</v>
      </c>
      <c r="AE8176">
        <v>27</v>
      </c>
      <c r="AF8176">
        <v>27</v>
      </c>
      <c r="AG8176">
        <v>27</v>
      </c>
      <c r="AH8176">
        <v>26</v>
      </c>
      <c r="AI8176">
        <v>26</v>
      </c>
      <c r="AJ8176">
        <v>26</v>
      </c>
      <c r="AK8176">
        <v>26</v>
      </c>
      <c r="AL8176">
        <v>26</v>
      </c>
      <c r="AM8176">
        <v>26</v>
      </c>
      <c r="AN8176">
        <v>25</v>
      </c>
      <c r="AO8176">
        <v>25</v>
      </c>
      <c r="AP8176">
        <v>25</v>
      </c>
      <c r="AQ8176">
        <v>25</v>
      </c>
    </row>
    <row r="8177" spans="1:43">
      <c r="A8177" t="s">
        <v>5118</v>
      </c>
      <c r="B8177" t="s">
        <v>5119</v>
      </c>
      <c r="C8177" t="s">
        <v>4920</v>
      </c>
      <c r="D8177" t="s">
        <v>4921</v>
      </c>
      <c r="E8177" t="s">
        <v>4916</v>
      </c>
      <c r="F8177" t="s">
        <v>4917</v>
      </c>
      <c r="G8177" t="s">
        <v>80</v>
      </c>
      <c r="H8177" t="s">
        <v>81</v>
      </c>
      <c r="I8177" s="2">
        <v>1</v>
      </c>
      <c r="J8177" s="2">
        <v>0</v>
      </c>
      <c r="K8177" s="2">
        <v>0</v>
      </c>
      <c r="L8177" t="s">
        <v>120</v>
      </c>
      <c r="M8177" t="s">
        <v>83</v>
      </c>
      <c r="N8177" t="s">
        <v>91</v>
      </c>
      <c r="O8177" t="s">
        <v>85</v>
      </c>
      <c r="P8177" t="s">
        <v>86</v>
      </c>
      <c r="Q8177">
        <v>24</v>
      </c>
      <c r="R8177">
        <v>25</v>
      </c>
      <c r="S8177">
        <v>25</v>
      </c>
      <c r="T8177">
        <v>25</v>
      </c>
      <c r="U8177">
        <v>25</v>
      </c>
      <c r="V8177">
        <v>25</v>
      </c>
      <c r="W8177">
        <v>25</v>
      </c>
      <c r="X8177">
        <v>25</v>
      </c>
      <c r="Y8177">
        <v>26</v>
      </c>
      <c r="Z8177">
        <v>26</v>
      </c>
      <c r="AA8177">
        <v>26</v>
      </c>
      <c r="AB8177">
        <v>26</v>
      </c>
      <c r="AC8177">
        <v>26</v>
      </c>
      <c r="AD8177">
        <v>26</v>
      </c>
      <c r="AE8177">
        <v>26</v>
      </c>
      <c r="AF8177">
        <v>26</v>
      </c>
      <c r="AG8177">
        <v>26</v>
      </c>
      <c r="AH8177">
        <v>26</v>
      </c>
      <c r="AI8177">
        <v>26</v>
      </c>
      <c r="AJ8177">
        <v>27</v>
      </c>
      <c r="AK8177">
        <v>27</v>
      </c>
      <c r="AL8177">
        <v>27</v>
      </c>
      <c r="AM8177">
        <v>26</v>
      </c>
      <c r="AN8177">
        <v>26</v>
      </c>
      <c r="AO8177">
        <v>26</v>
      </c>
      <c r="AP8177">
        <v>26</v>
      </c>
      <c r="AQ8177">
        <v>26</v>
      </c>
    </row>
    <row r="8178" spans="1:43">
      <c r="A8178" t="s">
        <v>5120</v>
      </c>
      <c r="B8178" t="s">
        <v>5121</v>
      </c>
      <c r="C8178" t="s">
        <v>5066</v>
      </c>
      <c r="D8178" t="s">
        <v>5067</v>
      </c>
      <c r="E8178" t="s">
        <v>4916</v>
      </c>
      <c r="F8178" t="s">
        <v>4917</v>
      </c>
      <c r="G8178" t="s">
        <v>80</v>
      </c>
      <c r="H8178" t="s">
        <v>81</v>
      </c>
      <c r="I8178" s="2">
        <v>1</v>
      </c>
      <c r="J8178" s="2">
        <v>0</v>
      </c>
      <c r="K8178" s="2">
        <v>0</v>
      </c>
      <c r="L8178" t="s">
        <v>120</v>
      </c>
      <c r="M8178" t="s">
        <v>83</v>
      </c>
      <c r="N8178" t="s">
        <v>84</v>
      </c>
      <c r="O8178" t="s">
        <v>85</v>
      </c>
      <c r="P8178" t="s">
        <v>86</v>
      </c>
      <c r="Q8178">
        <v>49</v>
      </c>
      <c r="R8178">
        <v>49</v>
      </c>
      <c r="S8178">
        <v>50</v>
      </c>
      <c r="T8178">
        <v>50</v>
      </c>
      <c r="U8178">
        <v>50</v>
      </c>
      <c r="V8178">
        <v>51</v>
      </c>
      <c r="W8178">
        <v>51</v>
      </c>
      <c r="X8178">
        <v>51</v>
      </c>
      <c r="Y8178">
        <v>52</v>
      </c>
      <c r="Z8178">
        <v>52</v>
      </c>
      <c r="AA8178">
        <v>52</v>
      </c>
      <c r="AB8178">
        <v>52</v>
      </c>
      <c r="AC8178">
        <v>53</v>
      </c>
      <c r="AD8178">
        <v>53</v>
      </c>
      <c r="AE8178">
        <v>53</v>
      </c>
      <c r="AF8178">
        <v>53</v>
      </c>
      <c r="AG8178">
        <v>54</v>
      </c>
      <c r="AH8178">
        <v>54</v>
      </c>
      <c r="AI8178">
        <v>54</v>
      </c>
      <c r="AJ8178">
        <v>54</v>
      </c>
      <c r="AK8178">
        <v>54</v>
      </c>
      <c r="AL8178">
        <v>54</v>
      </c>
      <c r="AM8178">
        <v>54</v>
      </c>
      <c r="AN8178">
        <v>54</v>
      </c>
      <c r="AO8178">
        <v>54</v>
      </c>
      <c r="AP8178">
        <v>53</v>
      </c>
      <c r="AQ8178">
        <v>53</v>
      </c>
    </row>
    <row r="8179" spans="1:43">
      <c r="A8179" t="s">
        <v>5120</v>
      </c>
      <c r="B8179" t="s">
        <v>5121</v>
      </c>
      <c r="C8179" t="s">
        <v>5066</v>
      </c>
      <c r="D8179" t="s">
        <v>5067</v>
      </c>
      <c r="E8179" t="s">
        <v>4916</v>
      </c>
      <c r="F8179" t="s">
        <v>4917</v>
      </c>
      <c r="G8179" t="s">
        <v>80</v>
      </c>
      <c r="H8179" t="s">
        <v>81</v>
      </c>
      <c r="I8179" s="2">
        <v>1</v>
      </c>
      <c r="J8179" s="2">
        <v>0</v>
      </c>
      <c r="K8179" s="2">
        <v>0</v>
      </c>
      <c r="L8179" t="s">
        <v>120</v>
      </c>
      <c r="M8179" t="s">
        <v>87</v>
      </c>
      <c r="N8179" t="s">
        <v>88</v>
      </c>
      <c r="O8179" t="s">
        <v>85</v>
      </c>
      <c r="P8179" t="s">
        <v>86</v>
      </c>
      <c r="Q8179">
        <v>49</v>
      </c>
      <c r="R8179">
        <v>48</v>
      </c>
      <c r="S8179">
        <v>48</v>
      </c>
      <c r="T8179">
        <v>48</v>
      </c>
      <c r="U8179">
        <v>48</v>
      </c>
      <c r="V8179">
        <v>48</v>
      </c>
      <c r="W8179">
        <v>48</v>
      </c>
      <c r="X8179">
        <v>48</v>
      </c>
      <c r="Y8179">
        <v>48</v>
      </c>
      <c r="Z8179">
        <v>48</v>
      </c>
      <c r="AA8179">
        <v>48</v>
      </c>
      <c r="AB8179">
        <v>48</v>
      </c>
      <c r="AC8179">
        <v>47</v>
      </c>
      <c r="AD8179">
        <v>47</v>
      </c>
      <c r="AE8179">
        <v>47</v>
      </c>
      <c r="AF8179">
        <v>47</v>
      </c>
      <c r="AG8179">
        <v>47</v>
      </c>
      <c r="AH8179">
        <v>47</v>
      </c>
      <c r="AI8179">
        <v>47</v>
      </c>
      <c r="AJ8179">
        <v>47</v>
      </c>
      <c r="AK8179">
        <v>47</v>
      </c>
      <c r="AL8179">
        <v>47</v>
      </c>
      <c r="AM8179">
        <v>46</v>
      </c>
      <c r="AN8179">
        <v>46</v>
      </c>
      <c r="AO8179">
        <v>46</v>
      </c>
      <c r="AP8179">
        <v>46</v>
      </c>
      <c r="AQ8179">
        <v>46</v>
      </c>
    </row>
    <row r="8180" spans="1:43">
      <c r="A8180" t="s">
        <v>5120</v>
      </c>
      <c r="B8180" t="s">
        <v>5121</v>
      </c>
      <c r="C8180" t="s">
        <v>5066</v>
      </c>
      <c r="D8180" t="s">
        <v>5067</v>
      </c>
      <c r="E8180" t="s">
        <v>4916</v>
      </c>
      <c r="F8180" t="s">
        <v>4917</v>
      </c>
      <c r="G8180" t="s">
        <v>80</v>
      </c>
      <c r="H8180" t="s">
        <v>81</v>
      </c>
      <c r="I8180" s="2">
        <v>1</v>
      </c>
      <c r="J8180" s="2">
        <v>0</v>
      </c>
      <c r="K8180" s="2">
        <v>0</v>
      </c>
      <c r="L8180" t="s">
        <v>120</v>
      </c>
      <c r="M8180" t="s">
        <v>89</v>
      </c>
      <c r="N8180" t="s">
        <v>90</v>
      </c>
      <c r="O8180" t="s">
        <v>85</v>
      </c>
      <c r="P8180" t="s">
        <v>86</v>
      </c>
      <c r="Q8180">
        <v>49</v>
      </c>
      <c r="R8180">
        <v>50</v>
      </c>
      <c r="S8180">
        <v>51</v>
      </c>
      <c r="T8180">
        <v>52</v>
      </c>
      <c r="U8180">
        <v>52</v>
      </c>
      <c r="V8180">
        <v>53</v>
      </c>
      <c r="W8180">
        <v>54</v>
      </c>
      <c r="X8180">
        <v>54</v>
      </c>
      <c r="Y8180">
        <v>55</v>
      </c>
      <c r="Z8180">
        <v>55</v>
      </c>
      <c r="AA8180">
        <v>55</v>
      </c>
      <c r="AB8180">
        <v>56</v>
      </c>
      <c r="AC8180">
        <v>56</v>
      </c>
      <c r="AD8180">
        <v>57</v>
      </c>
      <c r="AE8180">
        <v>57</v>
      </c>
      <c r="AF8180">
        <v>57</v>
      </c>
      <c r="AG8180">
        <v>56</v>
      </c>
      <c r="AH8180">
        <v>56</v>
      </c>
      <c r="AI8180">
        <v>56</v>
      </c>
      <c r="AJ8180">
        <v>56</v>
      </c>
      <c r="AK8180">
        <v>55</v>
      </c>
      <c r="AL8180">
        <v>55</v>
      </c>
      <c r="AM8180">
        <v>55</v>
      </c>
      <c r="AN8180">
        <v>55</v>
      </c>
      <c r="AO8180">
        <v>54</v>
      </c>
      <c r="AP8180">
        <v>54</v>
      </c>
      <c r="AQ8180">
        <v>54</v>
      </c>
    </row>
    <row r="8181" spans="1:43">
      <c r="A8181" t="s">
        <v>5120</v>
      </c>
      <c r="B8181" t="s">
        <v>5121</v>
      </c>
      <c r="C8181" t="s">
        <v>5066</v>
      </c>
      <c r="D8181" t="s">
        <v>5067</v>
      </c>
      <c r="E8181" t="s">
        <v>4916</v>
      </c>
      <c r="F8181" t="s">
        <v>4917</v>
      </c>
      <c r="G8181" t="s">
        <v>80</v>
      </c>
      <c r="H8181" t="s">
        <v>81</v>
      </c>
      <c r="I8181" s="2">
        <v>1</v>
      </c>
      <c r="J8181" s="2">
        <v>0</v>
      </c>
      <c r="K8181" s="2">
        <v>0</v>
      </c>
      <c r="L8181" t="s">
        <v>120</v>
      </c>
      <c r="M8181" t="s">
        <v>83</v>
      </c>
      <c r="N8181" t="s">
        <v>91</v>
      </c>
      <c r="O8181" t="s">
        <v>85</v>
      </c>
      <c r="P8181" t="s">
        <v>86</v>
      </c>
      <c r="Q8181">
        <v>49</v>
      </c>
      <c r="R8181">
        <v>49</v>
      </c>
      <c r="S8181">
        <v>50</v>
      </c>
      <c r="T8181">
        <v>50</v>
      </c>
      <c r="U8181">
        <v>50</v>
      </c>
      <c r="V8181">
        <v>51</v>
      </c>
      <c r="W8181">
        <v>51</v>
      </c>
      <c r="X8181">
        <v>51</v>
      </c>
      <c r="Y8181">
        <v>52</v>
      </c>
      <c r="Z8181">
        <v>52</v>
      </c>
      <c r="AA8181">
        <v>52</v>
      </c>
      <c r="AB8181">
        <v>52</v>
      </c>
      <c r="AC8181">
        <v>53</v>
      </c>
      <c r="AD8181">
        <v>53</v>
      </c>
      <c r="AE8181">
        <v>53</v>
      </c>
      <c r="AF8181">
        <v>53</v>
      </c>
      <c r="AG8181">
        <v>54</v>
      </c>
      <c r="AH8181">
        <v>54</v>
      </c>
      <c r="AI8181">
        <v>54</v>
      </c>
      <c r="AJ8181">
        <v>54</v>
      </c>
      <c r="AK8181">
        <v>54</v>
      </c>
      <c r="AL8181">
        <v>54</v>
      </c>
      <c r="AM8181">
        <v>54</v>
      </c>
      <c r="AN8181">
        <v>54</v>
      </c>
      <c r="AO8181">
        <v>54</v>
      </c>
      <c r="AP8181">
        <v>53</v>
      </c>
      <c r="AQ8181">
        <v>53</v>
      </c>
    </row>
    <row r="8182" spans="1:43">
      <c r="A8182" t="s">
        <v>5122</v>
      </c>
      <c r="B8182" t="s">
        <v>5123</v>
      </c>
      <c r="C8182" t="s">
        <v>5124</v>
      </c>
      <c r="D8182" t="s">
        <v>5125</v>
      </c>
      <c r="E8182" t="s">
        <v>4916</v>
      </c>
      <c r="F8182" t="s">
        <v>4917</v>
      </c>
      <c r="G8182" t="s">
        <v>80</v>
      </c>
      <c r="H8182" t="s">
        <v>81</v>
      </c>
      <c r="I8182" s="2">
        <v>1</v>
      </c>
      <c r="J8182" s="2">
        <v>0</v>
      </c>
      <c r="K8182" s="2">
        <v>0</v>
      </c>
      <c r="L8182" t="s">
        <v>120</v>
      </c>
      <c r="M8182" t="s">
        <v>83</v>
      </c>
      <c r="N8182" t="s">
        <v>84</v>
      </c>
      <c r="O8182" t="s">
        <v>85</v>
      </c>
      <c r="P8182" t="s">
        <v>86</v>
      </c>
      <c r="Q8182">
        <v>5</v>
      </c>
      <c r="R8182">
        <v>5</v>
      </c>
      <c r="S8182">
        <v>5</v>
      </c>
      <c r="T8182">
        <v>5</v>
      </c>
      <c r="U8182">
        <v>5</v>
      </c>
      <c r="V8182">
        <v>5</v>
      </c>
      <c r="W8182">
        <v>5</v>
      </c>
      <c r="X8182">
        <v>5</v>
      </c>
      <c r="Y8182">
        <v>5</v>
      </c>
      <c r="Z8182">
        <v>5</v>
      </c>
      <c r="AA8182">
        <v>5</v>
      </c>
      <c r="AB8182">
        <v>5</v>
      </c>
      <c r="AC8182">
        <v>5</v>
      </c>
      <c r="AD8182">
        <v>5</v>
      </c>
      <c r="AE8182">
        <v>5</v>
      </c>
      <c r="AF8182">
        <v>5</v>
      </c>
      <c r="AG8182">
        <v>5</v>
      </c>
      <c r="AH8182">
        <v>5</v>
      </c>
      <c r="AI8182">
        <v>5</v>
      </c>
      <c r="AJ8182">
        <v>6</v>
      </c>
      <c r="AK8182">
        <v>6</v>
      </c>
      <c r="AL8182">
        <v>6</v>
      </c>
      <c r="AM8182">
        <v>6</v>
      </c>
      <c r="AN8182">
        <v>5</v>
      </c>
      <c r="AO8182">
        <v>5</v>
      </c>
      <c r="AP8182">
        <v>5</v>
      </c>
      <c r="AQ8182">
        <v>5</v>
      </c>
    </row>
    <row r="8183" spans="1:43">
      <c r="A8183" t="s">
        <v>5122</v>
      </c>
      <c r="B8183" t="s">
        <v>5123</v>
      </c>
      <c r="C8183" t="s">
        <v>5124</v>
      </c>
      <c r="D8183" t="s">
        <v>5125</v>
      </c>
      <c r="E8183" t="s">
        <v>4916</v>
      </c>
      <c r="F8183" t="s">
        <v>4917</v>
      </c>
      <c r="G8183" t="s">
        <v>80</v>
      </c>
      <c r="H8183" t="s">
        <v>81</v>
      </c>
      <c r="I8183" s="2">
        <v>1</v>
      </c>
      <c r="J8183" s="2">
        <v>0</v>
      </c>
      <c r="K8183" s="2">
        <v>0</v>
      </c>
      <c r="L8183" t="s">
        <v>120</v>
      </c>
      <c r="M8183" t="s">
        <v>87</v>
      </c>
      <c r="N8183" t="s">
        <v>88</v>
      </c>
      <c r="O8183" t="s">
        <v>85</v>
      </c>
      <c r="P8183" t="s">
        <v>86</v>
      </c>
      <c r="Q8183">
        <v>5</v>
      </c>
      <c r="R8183">
        <v>5</v>
      </c>
      <c r="S8183">
        <v>5</v>
      </c>
      <c r="T8183">
        <v>5</v>
      </c>
      <c r="U8183">
        <v>5</v>
      </c>
      <c r="V8183">
        <v>5</v>
      </c>
      <c r="W8183">
        <v>5</v>
      </c>
      <c r="X8183">
        <v>5</v>
      </c>
      <c r="Y8183">
        <v>5</v>
      </c>
      <c r="Z8183">
        <v>5</v>
      </c>
      <c r="AA8183">
        <v>5</v>
      </c>
      <c r="AB8183">
        <v>5</v>
      </c>
      <c r="AC8183">
        <v>5</v>
      </c>
      <c r="AD8183">
        <v>5</v>
      </c>
      <c r="AE8183">
        <v>5</v>
      </c>
      <c r="AF8183">
        <v>5</v>
      </c>
      <c r="AG8183">
        <v>5</v>
      </c>
      <c r="AH8183">
        <v>5</v>
      </c>
      <c r="AI8183">
        <v>5</v>
      </c>
      <c r="AJ8183">
        <v>5</v>
      </c>
      <c r="AK8183">
        <v>5</v>
      </c>
      <c r="AL8183">
        <v>5</v>
      </c>
      <c r="AM8183">
        <v>5</v>
      </c>
      <c r="AN8183">
        <v>5</v>
      </c>
      <c r="AO8183">
        <v>5</v>
      </c>
      <c r="AP8183">
        <v>5</v>
      </c>
      <c r="AQ8183">
        <v>5</v>
      </c>
    </row>
    <row r="8184" spans="1:43">
      <c r="A8184" t="s">
        <v>5122</v>
      </c>
      <c r="B8184" t="s">
        <v>5123</v>
      </c>
      <c r="C8184" t="s">
        <v>5124</v>
      </c>
      <c r="D8184" t="s">
        <v>5125</v>
      </c>
      <c r="E8184" t="s">
        <v>4916</v>
      </c>
      <c r="F8184" t="s">
        <v>4917</v>
      </c>
      <c r="G8184" t="s">
        <v>80</v>
      </c>
      <c r="H8184" t="s">
        <v>81</v>
      </c>
      <c r="I8184" s="2">
        <v>1</v>
      </c>
      <c r="J8184" s="2">
        <v>0</v>
      </c>
      <c r="K8184" s="2">
        <v>0</v>
      </c>
      <c r="L8184" t="s">
        <v>120</v>
      </c>
      <c r="M8184" t="s">
        <v>89</v>
      </c>
      <c r="N8184" t="s">
        <v>90</v>
      </c>
      <c r="O8184" t="s">
        <v>85</v>
      </c>
      <c r="P8184" t="s">
        <v>86</v>
      </c>
      <c r="Q8184">
        <v>5</v>
      </c>
      <c r="R8184">
        <v>5</v>
      </c>
      <c r="S8184">
        <v>5</v>
      </c>
      <c r="T8184">
        <v>5</v>
      </c>
      <c r="U8184">
        <v>5</v>
      </c>
      <c r="V8184">
        <v>5</v>
      </c>
      <c r="W8184">
        <v>5</v>
      </c>
      <c r="X8184">
        <v>5</v>
      </c>
      <c r="Y8184">
        <v>6</v>
      </c>
      <c r="Z8184">
        <v>6</v>
      </c>
      <c r="AA8184">
        <v>6</v>
      </c>
      <c r="AB8184">
        <v>6</v>
      </c>
      <c r="AC8184">
        <v>6</v>
      </c>
      <c r="AD8184">
        <v>6</v>
      </c>
      <c r="AE8184">
        <v>6</v>
      </c>
      <c r="AF8184">
        <v>6</v>
      </c>
      <c r="AG8184">
        <v>6</v>
      </c>
      <c r="AH8184">
        <v>6</v>
      </c>
      <c r="AI8184">
        <v>6</v>
      </c>
      <c r="AJ8184">
        <v>6</v>
      </c>
      <c r="AK8184">
        <v>6</v>
      </c>
      <c r="AL8184">
        <v>6</v>
      </c>
      <c r="AM8184">
        <v>6</v>
      </c>
      <c r="AN8184">
        <v>6</v>
      </c>
      <c r="AO8184">
        <v>6</v>
      </c>
      <c r="AP8184">
        <v>6</v>
      </c>
      <c r="AQ8184">
        <v>6</v>
      </c>
    </row>
    <row r="8185" spans="1:43">
      <c r="A8185" t="s">
        <v>5122</v>
      </c>
      <c r="B8185" t="s">
        <v>5123</v>
      </c>
      <c r="C8185" t="s">
        <v>5124</v>
      </c>
      <c r="D8185" t="s">
        <v>5125</v>
      </c>
      <c r="E8185" t="s">
        <v>4916</v>
      </c>
      <c r="F8185" t="s">
        <v>4917</v>
      </c>
      <c r="G8185" t="s">
        <v>80</v>
      </c>
      <c r="H8185" t="s">
        <v>81</v>
      </c>
      <c r="I8185" s="2">
        <v>1</v>
      </c>
      <c r="J8185" s="2">
        <v>0</v>
      </c>
      <c r="K8185" s="2">
        <v>0</v>
      </c>
      <c r="L8185" t="s">
        <v>120</v>
      </c>
      <c r="M8185" t="s">
        <v>83</v>
      </c>
      <c r="N8185" t="s">
        <v>91</v>
      </c>
      <c r="O8185" t="s">
        <v>85</v>
      </c>
      <c r="P8185" t="s">
        <v>86</v>
      </c>
      <c r="Q8185">
        <v>5</v>
      </c>
      <c r="R8185">
        <v>5</v>
      </c>
      <c r="S8185">
        <v>5</v>
      </c>
      <c r="T8185">
        <v>5</v>
      </c>
      <c r="U8185">
        <v>5</v>
      </c>
      <c r="V8185">
        <v>5</v>
      </c>
      <c r="W8185">
        <v>5</v>
      </c>
      <c r="X8185">
        <v>5</v>
      </c>
      <c r="Y8185">
        <v>5</v>
      </c>
      <c r="Z8185">
        <v>5</v>
      </c>
      <c r="AA8185">
        <v>5</v>
      </c>
      <c r="AB8185">
        <v>5</v>
      </c>
      <c r="AC8185">
        <v>5</v>
      </c>
      <c r="AD8185">
        <v>5</v>
      </c>
      <c r="AE8185">
        <v>5</v>
      </c>
      <c r="AF8185">
        <v>5</v>
      </c>
      <c r="AG8185">
        <v>5</v>
      </c>
      <c r="AH8185">
        <v>5</v>
      </c>
      <c r="AI8185">
        <v>5</v>
      </c>
      <c r="AJ8185">
        <v>6</v>
      </c>
      <c r="AK8185">
        <v>6</v>
      </c>
      <c r="AL8185">
        <v>6</v>
      </c>
      <c r="AM8185">
        <v>6</v>
      </c>
      <c r="AN8185">
        <v>5</v>
      </c>
      <c r="AO8185">
        <v>5</v>
      </c>
      <c r="AP8185">
        <v>5</v>
      </c>
      <c r="AQ8185">
        <v>5</v>
      </c>
    </row>
    <row r="8186" spans="1:43">
      <c r="A8186" t="s">
        <v>5126</v>
      </c>
      <c r="B8186" t="s">
        <v>5127</v>
      </c>
      <c r="C8186" t="s">
        <v>5124</v>
      </c>
      <c r="D8186" t="s">
        <v>5125</v>
      </c>
      <c r="E8186" t="s">
        <v>4916</v>
      </c>
      <c r="F8186" t="s">
        <v>4917</v>
      </c>
      <c r="G8186" t="s">
        <v>80</v>
      </c>
      <c r="H8186" t="s">
        <v>81</v>
      </c>
      <c r="I8186" s="2">
        <v>1</v>
      </c>
      <c r="J8186" s="2">
        <v>0</v>
      </c>
      <c r="K8186" s="2">
        <v>0</v>
      </c>
      <c r="L8186" t="s">
        <v>120</v>
      </c>
      <c r="M8186" t="s">
        <v>83</v>
      </c>
      <c r="N8186" t="s">
        <v>84</v>
      </c>
      <c r="O8186" t="s">
        <v>85</v>
      </c>
      <c r="P8186" t="s">
        <v>86</v>
      </c>
      <c r="Q8186">
        <v>29</v>
      </c>
      <c r="R8186">
        <v>30</v>
      </c>
      <c r="S8186">
        <v>30</v>
      </c>
      <c r="T8186">
        <v>30</v>
      </c>
      <c r="U8186">
        <v>30</v>
      </c>
      <c r="V8186">
        <v>30</v>
      </c>
      <c r="W8186">
        <v>31</v>
      </c>
      <c r="X8186">
        <v>31</v>
      </c>
      <c r="Y8186">
        <v>31</v>
      </c>
      <c r="Z8186">
        <v>31</v>
      </c>
      <c r="AA8186">
        <v>31</v>
      </c>
      <c r="AB8186">
        <v>31</v>
      </c>
      <c r="AC8186">
        <v>31</v>
      </c>
      <c r="AD8186">
        <v>32</v>
      </c>
      <c r="AE8186">
        <v>32</v>
      </c>
      <c r="AF8186">
        <v>32</v>
      </c>
      <c r="AG8186">
        <v>32</v>
      </c>
      <c r="AH8186">
        <v>32</v>
      </c>
      <c r="AI8186">
        <v>32</v>
      </c>
      <c r="AJ8186">
        <v>32</v>
      </c>
      <c r="AK8186">
        <v>32</v>
      </c>
      <c r="AL8186">
        <v>32</v>
      </c>
      <c r="AM8186">
        <v>32</v>
      </c>
      <c r="AN8186">
        <v>32</v>
      </c>
      <c r="AO8186">
        <v>32</v>
      </c>
      <c r="AP8186">
        <v>32</v>
      </c>
      <c r="AQ8186">
        <v>31</v>
      </c>
    </row>
    <row r="8187" spans="1:43">
      <c r="A8187" t="s">
        <v>5126</v>
      </c>
      <c r="B8187" t="s">
        <v>5127</v>
      </c>
      <c r="C8187" t="s">
        <v>5124</v>
      </c>
      <c r="D8187" t="s">
        <v>5125</v>
      </c>
      <c r="E8187" t="s">
        <v>4916</v>
      </c>
      <c r="F8187" t="s">
        <v>4917</v>
      </c>
      <c r="G8187" t="s">
        <v>80</v>
      </c>
      <c r="H8187" t="s">
        <v>81</v>
      </c>
      <c r="I8187" s="2">
        <v>1</v>
      </c>
      <c r="J8187" s="2">
        <v>0</v>
      </c>
      <c r="K8187" s="2">
        <v>0</v>
      </c>
      <c r="L8187" t="s">
        <v>120</v>
      </c>
      <c r="M8187" t="s">
        <v>87</v>
      </c>
      <c r="N8187" t="s">
        <v>88</v>
      </c>
      <c r="O8187" t="s">
        <v>85</v>
      </c>
      <c r="P8187" t="s">
        <v>86</v>
      </c>
      <c r="Q8187">
        <v>29</v>
      </c>
      <c r="R8187">
        <v>29</v>
      </c>
      <c r="S8187">
        <v>29</v>
      </c>
      <c r="T8187">
        <v>29</v>
      </c>
      <c r="U8187">
        <v>29</v>
      </c>
      <c r="V8187">
        <v>29</v>
      </c>
      <c r="W8187">
        <v>29</v>
      </c>
      <c r="X8187">
        <v>29</v>
      </c>
      <c r="Y8187">
        <v>29</v>
      </c>
      <c r="Z8187">
        <v>29</v>
      </c>
      <c r="AA8187">
        <v>28</v>
      </c>
      <c r="AB8187">
        <v>28</v>
      </c>
      <c r="AC8187">
        <v>28</v>
      </c>
      <c r="AD8187">
        <v>28</v>
      </c>
      <c r="AE8187">
        <v>28</v>
      </c>
      <c r="AF8187">
        <v>28</v>
      </c>
      <c r="AG8187">
        <v>28</v>
      </c>
      <c r="AH8187">
        <v>28</v>
      </c>
      <c r="AI8187">
        <v>28</v>
      </c>
      <c r="AJ8187">
        <v>28</v>
      </c>
      <c r="AK8187">
        <v>28</v>
      </c>
      <c r="AL8187">
        <v>28</v>
      </c>
      <c r="AM8187">
        <v>28</v>
      </c>
      <c r="AN8187">
        <v>28</v>
      </c>
      <c r="AO8187">
        <v>27</v>
      </c>
      <c r="AP8187">
        <v>27</v>
      </c>
      <c r="AQ8187">
        <v>27</v>
      </c>
    </row>
    <row r="8188" spans="1:43">
      <c r="A8188" t="s">
        <v>5126</v>
      </c>
      <c r="B8188" t="s">
        <v>5127</v>
      </c>
      <c r="C8188" t="s">
        <v>5124</v>
      </c>
      <c r="D8188" t="s">
        <v>5125</v>
      </c>
      <c r="E8188" t="s">
        <v>4916</v>
      </c>
      <c r="F8188" t="s">
        <v>4917</v>
      </c>
      <c r="G8188" t="s">
        <v>80</v>
      </c>
      <c r="H8188" t="s">
        <v>81</v>
      </c>
      <c r="I8188" s="2">
        <v>1</v>
      </c>
      <c r="J8188" s="2">
        <v>0</v>
      </c>
      <c r="K8188" s="2">
        <v>0</v>
      </c>
      <c r="L8188" t="s">
        <v>120</v>
      </c>
      <c r="M8188" t="s">
        <v>89</v>
      </c>
      <c r="N8188" t="s">
        <v>90</v>
      </c>
      <c r="O8188" t="s">
        <v>85</v>
      </c>
      <c r="P8188" t="s">
        <v>86</v>
      </c>
      <c r="Q8188">
        <v>29</v>
      </c>
      <c r="R8188">
        <v>29</v>
      </c>
      <c r="S8188">
        <v>30</v>
      </c>
      <c r="T8188">
        <v>30</v>
      </c>
      <c r="U8188">
        <v>30</v>
      </c>
      <c r="V8188">
        <v>31</v>
      </c>
      <c r="W8188">
        <v>31</v>
      </c>
      <c r="X8188">
        <v>31</v>
      </c>
      <c r="Y8188">
        <v>32</v>
      </c>
      <c r="Z8188">
        <v>32</v>
      </c>
      <c r="AA8188">
        <v>32</v>
      </c>
      <c r="AB8188">
        <v>32</v>
      </c>
      <c r="AC8188">
        <v>33</v>
      </c>
      <c r="AD8188">
        <v>33</v>
      </c>
      <c r="AE8188">
        <v>33</v>
      </c>
      <c r="AF8188">
        <v>33</v>
      </c>
      <c r="AG8188">
        <v>33</v>
      </c>
      <c r="AH8188">
        <v>32</v>
      </c>
      <c r="AI8188">
        <v>32</v>
      </c>
      <c r="AJ8188">
        <v>32</v>
      </c>
      <c r="AK8188">
        <v>32</v>
      </c>
      <c r="AL8188">
        <v>32</v>
      </c>
      <c r="AM8188">
        <v>31</v>
      </c>
      <c r="AN8188">
        <v>31</v>
      </c>
      <c r="AO8188">
        <v>31</v>
      </c>
      <c r="AP8188">
        <v>31</v>
      </c>
      <c r="AQ8188">
        <v>31</v>
      </c>
    </row>
    <row r="8189" spans="1:43">
      <c r="A8189" t="s">
        <v>5126</v>
      </c>
      <c r="B8189" t="s">
        <v>5127</v>
      </c>
      <c r="C8189" t="s">
        <v>5124</v>
      </c>
      <c r="D8189" t="s">
        <v>5125</v>
      </c>
      <c r="E8189" t="s">
        <v>4916</v>
      </c>
      <c r="F8189" t="s">
        <v>4917</v>
      </c>
      <c r="G8189" t="s">
        <v>80</v>
      </c>
      <c r="H8189" t="s">
        <v>81</v>
      </c>
      <c r="I8189" s="2">
        <v>1</v>
      </c>
      <c r="J8189" s="2">
        <v>0</v>
      </c>
      <c r="K8189" s="2">
        <v>0</v>
      </c>
      <c r="L8189" t="s">
        <v>120</v>
      </c>
      <c r="M8189" t="s">
        <v>83</v>
      </c>
      <c r="N8189" t="s">
        <v>91</v>
      </c>
      <c r="O8189" t="s">
        <v>85</v>
      </c>
      <c r="P8189" t="s">
        <v>86</v>
      </c>
      <c r="Q8189">
        <v>29</v>
      </c>
      <c r="R8189">
        <v>30</v>
      </c>
      <c r="S8189">
        <v>30</v>
      </c>
      <c r="T8189">
        <v>30</v>
      </c>
      <c r="U8189">
        <v>30</v>
      </c>
      <c r="V8189">
        <v>30</v>
      </c>
      <c r="W8189">
        <v>31</v>
      </c>
      <c r="X8189">
        <v>31</v>
      </c>
      <c r="Y8189">
        <v>31</v>
      </c>
      <c r="Z8189">
        <v>31</v>
      </c>
      <c r="AA8189">
        <v>31</v>
      </c>
      <c r="AB8189">
        <v>31</v>
      </c>
      <c r="AC8189">
        <v>31</v>
      </c>
      <c r="AD8189">
        <v>32</v>
      </c>
      <c r="AE8189">
        <v>32</v>
      </c>
      <c r="AF8189">
        <v>32</v>
      </c>
      <c r="AG8189">
        <v>32</v>
      </c>
      <c r="AH8189">
        <v>32</v>
      </c>
      <c r="AI8189">
        <v>32</v>
      </c>
      <c r="AJ8189">
        <v>32</v>
      </c>
      <c r="AK8189">
        <v>32</v>
      </c>
      <c r="AL8189">
        <v>32</v>
      </c>
      <c r="AM8189">
        <v>32</v>
      </c>
      <c r="AN8189">
        <v>32</v>
      </c>
      <c r="AO8189">
        <v>32</v>
      </c>
      <c r="AP8189">
        <v>32</v>
      </c>
      <c r="AQ8189">
        <v>31</v>
      </c>
    </row>
    <row r="8190" spans="1:43">
      <c r="A8190" t="s">
        <v>5128</v>
      </c>
      <c r="B8190" t="s">
        <v>5129</v>
      </c>
      <c r="C8190" t="s">
        <v>4920</v>
      </c>
      <c r="D8190" t="s">
        <v>4921</v>
      </c>
      <c r="E8190" t="s">
        <v>4916</v>
      </c>
      <c r="F8190" t="s">
        <v>4917</v>
      </c>
      <c r="G8190" t="s">
        <v>80</v>
      </c>
      <c r="H8190" t="s">
        <v>81</v>
      </c>
      <c r="I8190" s="2">
        <v>1</v>
      </c>
      <c r="J8190" s="2">
        <v>0</v>
      </c>
      <c r="K8190" s="2">
        <v>0</v>
      </c>
      <c r="L8190" t="s">
        <v>120</v>
      </c>
      <c r="M8190" t="s">
        <v>83</v>
      </c>
      <c r="N8190" t="s">
        <v>84</v>
      </c>
      <c r="O8190" t="s">
        <v>85</v>
      </c>
      <c r="P8190" t="s">
        <v>86</v>
      </c>
      <c r="Q8190">
        <v>14</v>
      </c>
      <c r="R8190">
        <v>14</v>
      </c>
      <c r="S8190">
        <v>14</v>
      </c>
      <c r="T8190">
        <v>14</v>
      </c>
      <c r="U8190">
        <v>14</v>
      </c>
      <c r="V8190">
        <v>14</v>
      </c>
      <c r="W8190">
        <v>14</v>
      </c>
      <c r="X8190">
        <v>14</v>
      </c>
      <c r="Y8190">
        <v>14</v>
      </c>
      <c r="Z8190">
        <v>14</v>
      </c>
      <c r="AA8190">
        <v>14</v>
      </c>
      <c r="AB8190">
        <v>14</v>
      </c>
      <c r="AC8190">
        <v>15</v>
      </c>
      <c r="AD8190">
        <v>15</v>
      </c>
      <c r="AE8190">
        <v>15</v>
      </c>
      <c r="AF8190">
        <v>15</v>
      </c>
      <c r="AG8190">
        <v>15</v>
      </c>
      <c r="AH8190">
        <v>15</v>
      </c>
      <c r="AI8190">
        <v>15</v>
      </c>
      <c r="AJ8190">
        <v>15</v>
      </c>
      <c r="AK8190">
        <v>15</v>
      </c>
      <c r="AL8190">
        <v>15</v>
      </c>
      <c r="AM8190">
        <v>15</v>
      </c>
      <c r="AN8190">
        <v>15</v>
      </c>
      <c r="AO8190">
        <v>15</v>
      </c>
      <c r="AP8190">
        <v>14</v>
      </c>
      <c r="AQ8190">
        <v>14</v>
      </c>
    </row>
    <row r="8191" spans="1:43">
      <c r="A8191" t="s">
        <v>5128</v>
      </c>
      <c r="B8191" t="s">
        <v>5129</v>
      </c>
      <c r="C8191" t="s">
        <v>4920</v>
      </c>
      <c r="D8191" t="s">
        <v>4921</v>
      </c>
      <c r="E8191" t="s">
        <v>4916</v>
      </c>
      <c r="F8191" t="s">
        <v>4917</v>
      </c>
      <c r="G8191" t="s">
        <v>80</v>
      </c>
      <c r="H8191" t="s">
        <v>81</v>
      </c>
      <c r="I8191" s="2">
        <v>1</v>
      </c>
      <c r="J8191" s="2">
        <v>0</v>
      </c>
      <c r="K8191" s="2">
        <v>0</v>
      </c>
      <c r="L8191" t="s">
        <v>120</v>
      </c>
      <c r="M8191" t="s">
        <v>87</v>
      </c>
      <c r="N8191" t="s">
        <v>88</v>
      </c>
      <c r="O8191" t="s">
        <v>85</v>
      </c>
      <c r="P8191" t="s">
        <v>86</v>
      </c>
      <c r="Q8191">
        <v>14</v>
      </c>
      <c r="R8191">
        <v>14</v>
      </c>
      <c r="S8191">
        <v>13</v>
      </c>
      <c r="T8191">
        <v>13</v>
      </c>
      <c r="U8191">
        <v>13</v>
      </c>
      <c r="V8191">
        <v>13</v>
      </c>
      <c r="W8191">
        <v>13</v>
      </c>
      <c r="X8191">
        <v>13</v>
      </c>
      <c r="Y8191">
        <v>13</v>
      </c>
      <c r="Z8191">
        <v>13</v>
      </c>
      <c r="AA8191">
        <v>13</v>
      </c>
      <c r="AB8191">
        <v>13</v>
      </c>
      <c r="AC8191">
        <v>13</v>
      </c>
      <c r="AD8191">
        <v>13</v>
      </c>
      <c r="AE8191">
        <v>13</v>
      </c>
      <c r="AF8191">
        <v>13</v>
      </c>
      <c r="AG8191">
        <v>13</v>
      </c>
      <c r="AH8191">
        <v>13</v>
      </c>
      <c r="AI8191">
        <v>13</v>
      </c>
      <c r="AJ8191">
        <v>13</v>
      </c>
      <c r="AK8191">
        <v>13</v>
      </c>
      <c r="AL8191">
        <v>13</v>
      </c>
      <c r="AM8191">
        <v>13</v>
      </c>
      <c r="AN8191">
        <v>13</v>
      </c>
      <c r="AO8191">
        <v>13</v>
      </c>
      <c r="AP8191">
        <v>13</v>
      </c>
      <c r="AQ8191">
        <v>13</v>
      </c>
    </row>
    <row r="8192" spans="1:43">
      <c r="A8192" t="s">
        <v>5128</v>
      </c>
      <c r="B8192" t="s">
        <v>5129</v>
      </c>
      <c r="C8192" t="s">
        <v>4920</v>
      </c>
      <c r="D8192" t="s">
        <v>4921</v>
      </c>
      <c r="E8192" t="s">
        <v>4916</v>
      </c>
      <c r="F8192" t="s">
        <v>4917</v>
      </c>
      <c r="G8192" t="s">
        <v>80</v>
      </c>
      <c r="H8192" t="s">
        <v>81</v>
      </c>
      <c r="I8192" s="2">
        <v>1</v>
      </c>
      <c r="J8192" s="2">
        <v>0</v>
      </c>
      <c r="K8192" s="2">
        <v>0</v>
      </c>
      <c r="L8192" t="s">
        <v>120</v>
      </c>
      <c r="M8192" t="s">
        <v>89</v>
      </c>
      <c r="N8192" t="s">
        <v>90</v>
      </c>
      <c r="O8192" t="s">
        <v>85</v>
      </c>
      <c r="P8192" t="s">
        <v>86</v>
      </c>
      <c r="Q8192">
        <v>14</v>
      </c>
      <c r="R8192">
        <v>14</v>
      </c>
      <c r="S8192">
        <v>14</v>
      </c>
      <c r="T8192">
        <v>14</v>
      </c>
      <c r="U8192">
        <v>15</v>
      </c>
      <c r="V8192">
        <v>15</v>
      </c>
      <c r="W8192">
        <v>15</v>
      </c>
      <c r="X8192">
        <v>15</v>
      </c>
      <c r="Y8192">
        <v>15</v>
      </c>
      <c r="Z8192">
        <v>15</v>
      </c>
      <c r="AA8192">
        <v>15</v>
      </c>
      <c r="AB8192">
        <v>15</v>
      </c>
      <c r="AC8192">
        <v>16</v>
      </c>
      <c r="AD8192">
        <v>16</v>
      </c>
      <c r="AE8192">
        <v>16</v>
      </c>
      <c r="AF8192">
        <v>16</v>
      </c>
      <c r="AG8192">
        <v>15</v>
      </c>
      <c r="AH8192">
        <v>15</v>
      </c>
      <c r="AI8192">
        <v>15</v>
      </c>
      <c r="AJ8192">
        <v>15</v>
      </c>
      <c r="AK8192">
        <v>15</v>
      </c>
      <c r="AL8192">
        <v>15</v>
      </c>
      <c r="AM8192">
        <v>15</v>
      </c>
      <c r="AN8192">
        <v>15</v>
      </c>
      <c r="AO8192">
        <v>15</v>
      </c>
      <c r="AP8192">
        <v>15</v>
      </c>
      <c r="AQ8192">
        <v>14</v>
      </c>
    </row>
    <row r="8193" spans="1:43">
      <c r="A8193" t="s">
        <v>5128</v>
      </c>
      <c r="B8193" t="s">
        <v>5129</v>
      </c>
      <c r="C8193" t="s">
        <v>4920</v>
      </c>
      <c r="D8193" t="s">
        <v>4921</v>
      </c>
      <c r="E8193" t="s">
        <v>4916</v>
      </c>
      <c r="F8193" t="s">
        <v>4917</v>
      </c>
      <c r="G8193" t="s">
        <v>80</v>
      </c>
      <c r="H8193" t="s">
        <v>81</v>
      </c>
      <c r="I8193" s="2">
        <v>1</v>
      </c>
      <c r="J8193" s="2">
        <v>0</v>
      </c>
      <c r="K8193" s="2">
        <v>0</v>
      </c>
      <c r="L8193" t="s">
        <v>120</v>
      </c>
      <c r="M8193" t="s">
        <v>83</v>
      </c>
      <c r="N8193" t="s">
        <v>91</v>
      </c>
      <c r="O8193" t="s">
        <v>85</v>
      </c>
      <c r="P8193" t="s">
        <v>86</v>
      </c>
      <c r="Q8193">
        <v>14</v>
      </c>
      <c r="R8193">
        <v>14</v>
      </c>
      <c r="S8193">
        <v>14</v>
      </c>
      <c r="T8193">
        <v>14</v>
      </c>
      <c r="U8193">
        <v>14</v>
      </c>
      <c r="V8193">
        <v>14</v>
      </c>
      <c r="W8193">
        <v>14</v>
      </c>
      <c r="X8193">
        <v>14</v>
      </c>
      <c r="Y8193">
        <v>14</v>
      </c>
      <c r="Z8193">
        <v>14</v>
      </c>
      <c r="AA8193">
        <v>14</v>
      </c>
      <c r="AB8193">
        <v>14</v>
      </c>
      <c r="AC8193">
        <v>15</v>
      </c>
      <c r="AD8193">
        <v>15</v>
      </c>
      <c r="AE8193">
        <v>15</v>
      </c>
      <c r="AF8193">
        <v>15</v>
      </c>
      <c r="AG8193">
        <v>15</v>
      </c>
      <c r="AH8193">
        <v>15</v>
      </c>
      <c r="AI8193">
        <v>15</v>
      </c>
      <c r="AJ8193">
        <v>15</v>
      </c>
      <c r="AK8193">
        <v>15</v>
      </c>
      <c r="AL8193">
        <v>15</v>
      </c>
      <c r="AM8193">
        <v>15</v>
      </c>
      <c r="AN8193">
        <v>15</v>
      </c>
      <c r="AO8193">
        <v>15</v>
      </c>
      <c r="AP8193">
        <v>14</v>
      </c>
      <c r="AQ8193">
        <v>14</v>
      </c>
    </row>
    <row r="8194" spans="1:43">
      <c r="A8194" t="s">
        <v>5130</v>
      </c>
      <c r="B8194" t="s">
        <v>5131</v>
      </c>
      <c r="C8194" t="s">
        <v>4920</v>
      </c>
      <c r="D8194" t="s">
        <v>4921</v>
      </c>
      <c r="E8194" t="s">
        <v>4916</v>
      </c>
      <c r="F8194" t="s">
        <v>4917</v>
      </c>
      <c r="G8194" t="s">
        <v>80</v>
      </c>
      <c r="H8194" t="s">
        <v>81</v>
      </c>
      <c r="I8194" s="2">
        <v>1</v>
      </c>
      <c r="J8194" s="2">
        <v>0</v>
      </c>
      <c r="K8194" s="2">
        <v>0</v>
      </c>
      <c r="L8194" t="s">
        <v>120</v>
      </c>
      <c r="M8194" t="s">
        <v>83</v>
      </c>
      <c r="N8194" t="s">
        <v>84</v>
      </c>
      <c r="O8194" t="s">
        <v>85</v>
      </c>
      <c r="P8194" t="s">
        <v>86</v>
      </c>
      <c r="Q8194">
        <v>16</v>
      </c>
      <c r="R8194">
        <v>16</v>
      </c>
      <c r="S8194">
        <v>16</v>
      </c>
      <c r="T8194">
        <v>16</v>
      </c>
      <c r="U8194">
        <v>16</v>
      </c>
      <c r="V8194">
        <v>17</v>
      </c>
      <c r="W8194">
        <v>17</v>
      </c>
      <c r="X8194">
        <v>17</v>
      </c>
      <c r="Y8194">
        <v>17</v>
      </c>
      <c r="Z8194">
        <v>17</v>
      </c>
      <c r="AA8194">
        <v>17</v>
      </c>
      <c r="AB8194">
        <v>17</v>
      </c>
      <c r="AC8194">
        <v>17</v>
      </c>
      <c r="AD8194">
        <v>17</v>
      </c>
      <c r="AE8194">
        <v>17</v>
      </c>
      <c r="AF8194">
        <v>17</v>
      </c>
      <c r="AG8194">
        <v>17</v>
      </c>
      <c r="AH8194">
        <v>17</v>
      </c>
      <c r="AI8194">
        <v>17</v>
      </c>
      <c r="AJ8194">
        <v>17</v>
      </c>
      <c r="AK8194">
        <v>17</v>
      </c>
      <c r="AL8194">
        <v>17</v>
      </c>
      <c r="AM8194">
        <v>17</v>
      </c>
      <c r="AN8194">
        <v>17</v>
      </c>
      <c r="AO8194">
        <v>17</v>
      </c>
      <c r="AP8194">
        <v>17</v>
      </c>
      <c r="AQ8194">
        <v>17</v>
      </c>
    </row>
    <row r="8195" spans="1:43">
      <c r="A8195" t="s">
        <v>5130</v>
      </c>
      <c r="B8195" t="s">
        <v>5131</v>
      </c>
      <c r="C8195" t="s">
        <v>4920</v>
      </c>
      <c r="D8195" t="s">
        <v>4921</v>
      </c>
      <c r="E8195" t="s">
        <v>4916</v>
      </c>
      <c r="F8195" t="s">
        <v>4917</v>
      </c>
      <c r="G8195" t="s">
        <v>80</v>
      </c>
      <c r="H8195" t="s">
        <v>81</v>
      </c>
      <c r="I8195" s="2">
        <v>1</v>
      </c>
      <c r="J8195" s="2">
        <v>0</v>
      </c>
      <c r="K8195" s="2">
        <v>0</v>
      </c>
      <c r="L8195" t="s">
        <v>120</v>
      </c>
      <c r="M8195" t="s">
        <v>87</v>
      </c>
      <c r="N8195" t="s">
        <v>88</v>
      </c>
      <c r="O8195" t="s">
        <v>85</v>
      </c>
      <c r="P8195" t="s">
        <v>86</v>
      </c>
      <c r="Q8195">
        <v>16</v>
      </c>
      <c r="R8195">
        <v>16</v>
      </c>
      <c r="S8195">
        <v>16</v>
      </c>
      <c r="T8195">
        <v>16</v>
      </c>
      <c r="U8195">
        <v>16</v>
      </c>
      <c r="V8195">
        <v>16</v>
      </c>
      <c r="W8195">
        <v>16</v>
      </c>
      <c r="X8195">
        <v>16</v>
      </c>
      <c r="Y8195">
        <v>16</v>
      </c>
      <c r="Z8195">
        <v>15</v>
      </c>
      <c r="AA8195">
        <v>15</v>
      </c>
      <c r="AB8195">
        <v>15</v>
      </c>
      <c r="AC8195">
        <v>15</v>
      </c>
      <c r="AD8195">
        <v>15</v>
      </c>
      <c r="AE8195">
        <v>15</v>
      </c>
      <c r="AF8195">
        <v>15</v>
      </c>
      <c r="AG8195">
        <v>15</v>
      </c>
      <c r="AH8195">
        <v>15</v>
      </c>
      <c r="AI8195">
        <v>15</v>
      </c>
      <c r="AJ8195">
        <v>15</v>
      </c>
      <c r="AK8195">
        <v>15</v>
      </c>
      <c r="AL8195">
        <v>15</v>
      </c>
      <c r="AM8195">
        <v>15</v>
      </c>
      <c r="AN8195">
        <v>15</v>
      </c>
      <c r="AO8195">
        <v>15</v>
      </c>
      <c r="AP8195">
        <v>15</v>
      </c>
      <c r="AQ8195">
        <v>15</v>
      </c>
    </row>
    <row r="8196" spans="1:43">
      <c r="A8196" t="s">
        <v>5130</v>
      </c>
      <c r="B8196" t="s">
        <v>5131</v>
      </c>
      <c r="C8196" t="s">
        <v>4920</v>
      </c>
      <c r="D8196" t="s">
        <v>4921</v>
      </c>
      <c r="E8196" t="s">
        <v>4916</v>
      </c>
      <c r="F8196" t="s">
        <v>4917</v>
      </c>
      <c r="G8196" t="s">
        <v>80</v>
      </c>
      <c r="H8196" t="s">
        <v>81</v>
      </c>
      <c r="I8196" s="2">
        <v>1</v>
      </c>
      <c r="J8196" s="2">
        <v>0</v>
      </c>
      <c r="K8196" s="2">
        <v>0</v>
      </c>
      <c r="L8196" t="s">
        <v>120</v>
      </c>
      <c r="M8196" t="s">
        <v>89</v>
      </c>
      <c r="N8196" t="s">
        <v>90</v>
      </c>
      <c r="O8196" t="s">
        <v>85</v>
      </c>
      <c r="P8196" t="s">
        <v>86</v>
      </c>
      <c r="Q8196">
        <v>16</v>
      </c>
      <c r="R8196">
        <v>16</v>
      </c>
      <c r="S8196">
        <v>17</v>
      </c>
      <c r="T8196">
        <v>17</v>
      </c>
      <c r="U8196">
        <v>17</v>
      </c>
      <c r="V8196">
        <v>17</v>
      </c>
      <c r="W8196">
        <v>17</v>
      </c>
      <c r="X8196">
        <v>18</v>
      </c>
      <c r="Y8196">
        <v>18</v>
      </c>
      <c r="Z8196">
        <v>18</v>
      </c>
      <c r="AA8196">
        <v>18</v>
      </c>
      <c r="AB8196">
        <v>18</v>
      </c>
      <c r="AC8196">
        <v>18</v>
      </c>
      <c r="AD8196">
        <v>18</v>
      </c>
      <c r="AE8196">
        <v>18</v>
      </c>
      <c r="AF8196">
        <v>18</v>
      </c>
      <c r="AG8196">
        <v>18</v>
      </c>
      <c r="AH8196">
        <v>18</v>
      </c>
      <c r="AI8196">
        <v>18</v>
      </c>
      <c r="AJ8196">
        <v>18</v>
      </c>
      <c r="AK8196">
        <v>18</v>
      </c>
      <c r="AL8196">
        <v>18</v>
      </c>
      <c r="AM8196">
        <v>17</v>
      </c>
      <c r="AN8196">
        <v>17</v>
      </c>
      <c r="AO8196">
        <v>17</v>
      </c>
      <c r="AP8196">
        <v>17</v>
      </c>
      <c r="AQ8196">
        <v>17</v>
      </c>
    </row>
    <row r="8197" spans="1:43">
      <c r="A8197" t="s">
        <v>5130</v>
      </c>
      <c r="B8197" t="s">
        <v>5131</v>
      </c>
      <c r="C8197" t="s">
        <v>4920</v>
      </c>
      <c r="D8197" t="s">
        <v>4921</v>
      </c>
      <c r="E8197" t="s">
        <v>4916</v>
      </c>
      <c r="F8197" t="s">
        <v>4917</v>
      </c>
      <c r="G8197" t="s">
        <v>80</v>
      </c>
      <c r="H8197" t="s">
        <v>81</v>
      </c>
      <c r="I8197" s="2">
        <v>1</v>
      </c>
      <c r="J8197" s="2">
        <v>0</v>
      </c>
      <c r="K8197" s="2">
        <v>0</v>
      </c>
      <c r="L8197" t="s">
        <v>120</v>
      </c>
      <c r="M8197" t="s">
        <v>83</v>
      </c>
      <c r="N8197" t="s">
        <v>91</v>
      </c>
      <c r="O8197" t="s">
        <v>85</v>
      </c>
      <c r="P8197" t="s">
        <v>86</v>
      </c>
      <c r="Q8197">
        <v>16</v>
      </c>
      <c r="R8197">
        <v>16</v>
      </c>
      <c r="S8197">
        <v>16</v>
      </c>
      <c r="T8197">
        <v>16</v>
      </c>
      <c r="U8197">
        <v>16</v>
      </c>
      <c r="V8197">
        <v>17</v>
      </c>
      <c r="W8197">
        <v>17</v>
      </c>
      <c r="X8197">
        <v>17</v>
      </c>
      <c r="Y8197">
        <v>17</v>
      </c>
      <c r="Z8197">
        <v>17</v>
      </c>
      <c r="AA8197">
        <v>17</v>
      </c>
      <c r="AB8197">
        <v>17</v>
      </c>
      <c r="AC8197">
        <v>17</v>
      </c>
      <c r="AD8197">
        <v>17</v>
      </c>
      <c r="AE8197">
        <v>17</v>
      </c>
      <c r="AF8197">
        <v>17</v>
      </c>
      <c r="AG8197">
        <v>17</v>
      </c>
      <c r="AH8197">
        <v>17</v>
      </c>
      <c r="AI8197">
        <v>17</v>
      </c>
      <c r="AJ8197">
        <v>17</v>
      </c>
      <c r="AK8197">
        <v>17</v>
      </c>
      <c r="AL8197">
        <v>17</v>
      </c>
      <c r="AM8197">
        <v>17</v>
      </c>
      <c r="AN8197">
        <v>17</v>
      </c>
      <c r="AO8197">
        <v>17</v>
      </c>
      <c r="AP8197">
        <v>17</v>
      </c>
      <c r="AQ8197">
        <v>17</v>
      </c>
    </row>
    <row r="8198" spans="1:43">
      <c r="A8198" t="s">
        <v>5132</v>
      </c>
      <c r="B8198" t="s">
        <v>5133</v>
      </c>
      <c r="C8198" t="s">
        <v>5066</v>
      </c>
      <c r="D8198" t="s">
        <v>5067</v>
      </c>
      <c r="E8198" t="s">
        <v>4916</v>
      </c>
      <c r="F8198" t="s">
        <v>4917</v>
      </c>
      <c r="G8198" t="s">
        <v>80</v>
      </c>
      <c r="H8198" t="s">
        <v>81</v>
      </c>
      <c r="I8198" s="2">
        <v>1</v>
      </c>
      <c r="J8198" s="2">
        <v>0</v>
      </c>
      <c r="K8198" s="2">
        <v>0</v>
      </c>
      <c r="L8198" t="s">
        <v>120</v>
      </c>
      <c r="M8198" t="s">
        <v>83</v>
      </c>
      <c r="N8198" t="s">
        <v>84</v>
      </c>
      <c r="O8198" t="s">
        <v>85</v>
      </c>
      <c r="P8198" t="s">
        <v>86</v>
      </c>
      <c r="Q8198">
        <v>4</v>
      </c>
      <c r="R8198">
        <v>4</v>
      </c>
      <c r="S8198">
        <v>4</v>
      </c>
      <c r="T8198">
        <v>4</v>
      </c>
      <c r="U8198">
        <v>4</v>
      </c>
      <c r="V8198">
        <v>4</v>
      </c>
      <c r="W8198">
        <v>4</v>
      </c>
      <c r="X8198">
        <v>4</v>
      </c>
      <c r="Y8198">
        <v>4</v>
      </c>
      <c r="Z8198">
        <v>4</v>
      </c>
      <c r="AA8198">
        <v>4</v>
      </c>
      <c r="AB8198">
        <v>5</v>
      </c>
      <c r="AC8198">
        <v>5</v>
      </c>
      <c r="AD8198">
        <v>5</v>
      </c>
      <c r="AE8198">
        <v>5</v>
      </c>
      <c r="AF8198">
        <v>5</v>
      </c>
      <c r="AG8198">
        <v>5</v>
      </c>
      <c r="AH8198">
        <v>5</v>
      </c>
      <c r="AI8198">
        <v>5</v>
      </c>
      <c r="AJ8198">
        <v>5</v>
      </c>
      <c r="AK8198">
        <v>5</v>
      </c>
      <c r="AL8198">
        <v>5</v>
      </c>
      <c r="AM8198">
        <v>5</v>
      </c>
      <c r="AN8198">
        <v>5</v>
      </c>
      <c r="AO8198">
        <v>5</v>
      </c>
      <c r="AP8198">
        <v>5</v>
      </c>
      <c r="AQ8198">
        <v>5</v>
      </c>
    </row>
    <row r="8199" spans="1:43">
      <c r="A8199" t="s">
        <v>5132</v>
      </c>
      <c r="B8199" t="s">
        <v>5133</v>
      </c>
      <c r="C8199" t="s">
        <v>5066</v>
      </c>
      <c r="D8199" t="s">
        <v>5067</v>
      </c>
      <c r="E8199" t="s">
        <v>4916</v>
      </c>
      <c r="F8199" t="s">
        <v>4917</v>
      </c>
      <c r="G8199" t="s">
        <v>80</v>
      </c>
      <c r="H8199" t="s">
        <v>81</v>
      </c>
      <c r="I8199" s="2">
        <v>1</v>
      </c>
      <c r="J8199" s="2">
        <v>0</v>
      </c>
      <c r="K8199" s="2">
        <v>0</v>
      </c>
      <c r="L8199" t="s">
        <v>120</v>
      </c>
      <c r="M8199" t="s">
        <v>87</v>
      </c>
      <c r="N8199" t="s">
        <v>88</v>
      </c>
      <c r="O8199" t="s">
        <v>85</v>
      </c>
      <c r="P8199" t="s">
        <v>86</v>
      </c>
      <c r="Q8199">
        <v>4</v>
      </c>
      <c r="R8199">
        <v>4</v>
      </c>
      <c r="S8199">
        <v>4</v>
      </c>
      <c r="T8199">
        <v>4</v>
      </c>
      <c r="U8199">
        <v>4</v>
      </c>
      <c r="V8199">
        <v>4</v>
      </c>
      <c r="W8199">
        <v>4</v>
      </c>
      <c r="X8199">
        <v>4</v>
      </c>
      <c r="Y8199">
        <v>4</v>
      </c>
      <c r="Z8199">
        <v>4</v>
      </c>
      <c r="AA8199">
        <v>4</v>
      </c>
      <c r="AB8199">
        <v>4</v>
      </c>
      <c r="AC8199">
        <v>4</v>
      </c>
      <c r="AD8199">
        <v>4</v>
      </c>
      <c r="AE8199">
        <v>4</v>
      </c>
      <c r="AF8199">
        <v>4</v>
      </c>
      <c r="AG8199">
        <v>4</v>
      </c>
      <c r="AH8199">
        <v>4</v>
      </c>
      <c r="AI8199">
        <v>4</v>
      </c>
      <c r="AJ8199">
        <v>4</v>
      </c>
      <c r="AK8199">
        <v>4</v>
      </c>
      <c r="AL8199">
        <v>4</v>
      </c>
      <c r="AM8199">
        <v>4</v>
      </c>
      <c r="AN8199">
        <v>4</v>
      </c>
      <c r="AO8199">
        <v>4</v>
      </c>
      <c r="AP8199">
        <v>4</v>
      </c>
      <c r="AQ8199">
        <v>4</v>
      </c>
    </row>
    <row r="8200" spans="1:43">
      <c r="A8200" t="s">
        <v>5132</v>
      </c>
      <c r="B8200" t="s">
        <v>5133</v>
      </c>
      <c r="C8200" t="s">
        <v>5066</v>
      </c>
      <c r="D8200" t="s">
        <v>5067</v>
      </c>
      <c r="E8200" t="s">
        <v>4916</v>
      </c>
      <c r="F8200" t="s">
        <v>4917</v>
      </c>
      <c r="G8200" t="s">
        <v>80</v>
      </c>
      <c r="H8200" t="s">
        <v>81</v>
      </c>
      <c r="I8200" s="2">
        <v>1</v>
      </c>
      <c r="J8200" s="2">
        <v>0</v>
      </c>
      <c r="K8200" s="2">
        <v>0</v>
      </c>
      <c r="L8200" t="s">
        <v>120</v>
      </c>
      <c r="M8200" t="s">
        <v>89</v>
      </c>
      <c r="N8200" t="s">
        <v>90</v>
      </c>
      <c r="O8200" t="s">
        <v>85</v>
      </c>
      <c r="P8200" t="s">
        <v>86</v>
      </c>
      <c r="Q8200">
        <v>4</v>
      </c>
      <c r="R8200">
        <v>4</v>
      </c>
      <c r="S8200">
        <v>4</v>
      </c>
      <c r="T8200">
        <v>4</v>
      </c>
      <c r="U8200">
        <v>5</v>
      </c>
      <c r="V8200">
        <v>5</v>
      </c>
      <c r="W8200">
        <v>5</v>
      </c>
      <c r="X8200">
        <v>5</v>
      </c>
      <c r="Y8200">
        <v>5</v>
      </c>
      <c r="Z8200">
        <v>5</v>
      </c>
      <c r="AA8200">
        <v>5</v>
      </c>
      <c r="AB8200">
        <v>5</v>
      </c>
      <c r="AC8200">
        <v>5</v>
      </c>
      <c r="AD8200">
        <v>5</v>
      </c>
      <c r="AE8200">
        <v>5</v>
      </c>
      <c r="AF8200">
        <v>5</v>
      </c>
      <c r="AG8200">
        <v>5</v>
      </c>
      <c r="AH8200">
        <v>5</v>
      </c>
      <c r="AI8200">
        <v>5</v>
      </c>
      <c r="AJ8200">
        <v>5</v>
      </c>
      <c r="AK8200">
        <v>5</v>
      </c>
      <c r="AL8200">
        <v>5</v>
      </c>
      <c r="AM8200">
        <v>5</v>
      </c>
      <c r="AN8200">
        <v>5</v>
      </c>
      <c r="AO8200">
        <v>5</v>
      </c>
      <c r="AP8200">
        <v>5</v>
      </c>
      <c r="AQ8200">
        <v>5</v>
      </c>
    </row>
    <row r="8201" spans="1:43">
      <c r="A8201" t="s">
        <v>5132</v>
      </c>
      <c r="B8201" t="s">
        <v>5133</v>
      </c>
      <c r="C8201" t="s">
        <v>5066</v>
      </c>
      <c r="D8201" t="s">
        <v>5067</v>
      </c>
      <c r="E8201" t="s">
        <v>4916</v>
      </c>
      <c r="F8201" t="s">
        <v>4917</v>
      </c>
      <c r="G8201" t="s">
        <v>80</v>
      </c>
      <c r="H8201" t="s">
        <v>81</v>
      </c>
      <c r="I8201" s="2">
        <v>1</v>
      </c>
      <c r="J8201" s="2">
        <v>0</v>
      </c>
      <c r="K8201" s="2">
        <v>0</v>
      </c>
      <c r="L8201" t="s">
        <v>120</v>
      </c>
      <c r="M8201" t="s">
        <v>83</v>
      </c>
      <c r="N8201" t="s">
        <v>91</v>
      </c>
      <c r="O8201" t="s">
        <v>85</v>
      </c>
      <c r="P8201" t="s">
        <v>86</v>
      </c>
      <c r="Q8201">
        <v>4</v>
      </c>
      <c r="R8201">
        <v>4</v>
      </c>
      <c r="S8201">
        <v>4</v>
      </c>
      <c r="T8201">
        <v>4</v>
      </c>
      <c r="U8201">
        <v>4</v>
      </c>
      <c r="V8201">
        <v>4</v>
      </c>
      <c r="W8201">
        <v>4</v>
      </c>
      <c r="X8201">
        <v>4</v>
      </c>
      <c r="Y8201">
        <v>4</v>
      </c>
      <c r="Z8201">
        <v>4</v>
      </c>
      <c r="AA8201">
        <v>4</v>
      </c>
      <c r="AB8201">
        <v>5</v>
      </c>
      <c r="AC8201">
        <v>5</v>
      </c>
      <c r="AD8201">
        <v>5</v>
      </c>
      <c r="AE8201">
        <v>5</v>
      </c>
      <c r="AF8201">
        <v>5</v>
      </c>
      <c r="AG8201">
        <v>5</v>
      </c>
      <c r="AH8201">
        <v>5</v>
      </c>
      <c r="AI8201">
        <v>5</v>
      </c>
      <c r="AJ8201">
        <v>5</v>
      </c>
      <c r="AK8201">
        <v>5</v>
      </c>
      <c r="AL8201">
        <v>5</v>
      </c>
      <c r="AM8201">
        <v>5</v>
      </c>
      <c r="AN8201">
        <v>5</v>
      </c>
      <c r="AO8201">
        <v>5</v>
      </c>
      <c r="AP8201">
        <v>5</v>
      </c>
      <c r="AQ8201">
        <v>5</v>
      </c>
    </row>
    <row r="8202" spans="1:43">
      <c r="A8202" t="s">
        <v>5134</v>
      </c>
      <c r="B8202" t="s">
        <v>5135</v>
      </c>
      <c r="C8202" t="s">
        <v>5124</v>
      </c>
      <c r="D8202" t="s">
        <v>5125</v>
      </c>
      <c r="E8202" t="s">
        <v>4916</v>
      </c>
      <c r="F8202" t="s">
        <v>4917</v>
      </c>
      <c r="G8202" t="s">
        <v>80</v>
      </c>
      <c r="H8202" t="s">
        <v>81</v>
      </c>
      <c r="I8202" s="2">
        <v>1</v>
      </c>
      <c r="J8202" s="2">
        <v>0</v>
      </c>
      <c r="K8202" s="2">
        <v>0</v>
      </c>
      <c r="L8202" t="s">
        <v>120</v>
      </c>
      <c r="M8202" t="s">
        <v>83</v>
      </c>
      <c r="N8202" t="s">
        <v>84</v>
      </c>
      <c r="O8202" t="s">
        <v>85</v>
      </c>
      <c r="P8202" t="s">
        <v>86</v>
      </c>
      <c r="Q8202">
        <v>36</v>
      </c>
      <c r="R8202">
        <v>36</v>
      </c>
      <c r="S8202">
        <v>36</v>
      </c>
      <c r="T8202">
        <v>37</v>
      </c>
      <c r="U8202">
        <v>37</v>
      </c>
      <c r="V8202">
        <v>37</v>
      </c>
      <c r="W8202">
        <v>37</v>
      </c>
      <c r="X8202">
        <v>38</v>
      </c>
      <c r="Y8202">
        <v>38</v>
      </c>
      <c r="Z8202">
        <v>38</v>
      </c>
      <c r="AA8202">
        <v>38</v>
      </c>
      <c r="AB8202">
        <v>39</v>
      </c>
      <c r="AC8202">
        <v>39</v>
      </c>
      <c r="AD8202">
        <v>39</v>
      </c>
      <c r="AE8202">
        <v>39</v>
      </c>
      <c r="AF8202">
        <v>39</v>
      </c>
      <c r="AG8202">
        <v>39</v>
      </c>
      <c r="AH8202">
        <v>40</v>
      </c>
      <c r="AI8202">
        <v>40</v>
      </c>
      <c r="AJ8202">
        <v>40</v>
      </c>
      <c r="AK8202">
        <v>40</v>
      </c>
      <c r="AL8202">
        <v>40</v>
      </c>
      <c r="AM8202">
        <v>40</v>
      </c>
      <c r="AN8202">
        <v>40</v>
      </c>
      <c r="AO8202">
        <v>40</v>
      </c>
      <c r="AP8202">
        <v>40</v>
      </c>
      <c r="AQ8202">
        <v>40</v>
      </c>
    </row>
    <row r="8203" spans="1:43">
      <c r="A8203" t="s">
        <v>5134</v>
      </c>
      <c r="B8203" t="s">
        <v>5135</v>
      </c>
      <c r="C8203" t="s">
        <v>5124</v>
      </c>
      <c r="D8203" t="s">
        <v>5125</v>
      </c>
      <c r="E8203" t="s">
        <v>4916</v>
      </c>
      <c r="F8203" t="s">
        <v>4917</v>
      </c>
      <c r="G8203" t="s">
        <v>80</v>
      </c>
      <c r="H8203" t="s">
        <v>81</v>
      </c>
      <c r="I8203" s="2">
        <v>1</v>
      </c>
      <c r="J8203" s="2">
        <v>0</v>
      </c>
      <c r="K8203" s="2">
        <v>0</v>
      </c>
      <c r="L8203" t="s">
        <v>120</v>
      </c>
      <c r="M8203" t="s">
        <v>87</v>
      </c>
      <c r="N8203" t="s">
        <v>88</v>
      </c>
      <c r="O8203" t="s">
        <v>85</v>
      </c>
      <c r="P8203" t="s">
        <v>86</v>
      </c>
      <c r="Q8203">
        <v>36</v>
      </c>
      <c r="R8203">
        <v>36</v>
      </c>
      <c r="S8203">
        <v>36</v>
      </c>
      <c r="T8203">
        <v>36</v>
      </c>
      <c r="U8203">
        <v>36</v>
      </c>
      <c r="V8203">
        <v>36</v>
      </c>
      <c r="W8203">
        <v>36</v>
      </c>
      <c r="X8203">
        <v>36</v>
      </c>
      <c r="Y8203">
        <v>36</v>
      </c>
      <c r="Z8203">
        <v>36</v>
      </c>
      <c r="AA8203">
        <v>36</v>
      </c>
      <c r="AB8203">
        <v>36</v>
      </c>
      <c r="AC8203">
        <v>36</v>
      </c>
      <c r="AD8203">
        <v>36</v>
      </c>
      <c r="AE8203">
        <v>36</v>
      </c>
      <c r="AF8203">
        <v>36</v>
      </c>
      <c r="AG8203">
        <v>36</v>
      </c>
      <c r="AH8203">
        <v>36</v>
      </c>
      <c r="AI8203">
        <v>36</v>
      </c>
      <c r="AJ8203">
        <v>36</v>
      </c>
      <c r="AK8203">
        <v>36</v>
      </c>
      <c r="AL8203">
        <v>35</v>
      </c>
      <c r="AM8203">
        <v>35</v>
      </c>
      <c r="AN8203">
        <v>35</v>
      </c>
      <c r="AO8203">
        <v>35</v>
      </c>
      <c r="AP8203">
        <v>35</v>
      </c>
      <c r="AQ8203">
        <v>35</v>
      </c>
    </row>
    <row r="8204" spans="1:43">
      <c r="A8204" t="s">
        <v>5134</v>
      </c>
      <c r="B8204" t="s">
        <v>5135</v>
      </c>
      <c r="C8204" t="s">
        <v>5124</v>
      </c>
      <c r="D8204" t="s">
        <v>5125</v>
      </c>
      <c r="E8204" t="s">
        <v>4916</v>
      </c>
      <c r="F8204" t="s">
        <v>4917</v>
      </c>
      <c r="G8204" t="s">
        <v>80</v>
      </c>
      <c r="H8204" t="s">
        <v>81</v>
      </c>
      <c r="I8204" s="2">
        <v>1</v>
      </c>
      <c r="J8204" s="2">
        <v>0</v>
      </c>
      <c r="K8204" s="2">
        <v>0</v>
      </c>
      <c r="L8204" t="s">
        <v>120</v>
      </c>
      <c r="M8204" t="s">
        <v>89</v>
      </c>
      <c r="N8204" t="s">
        <v>90</v>
      </c>
      <c r="O8204" t="s">
        <v>85</v>
      </c>
      <c r="P8204" t="s">
        <v>86</v>
      </c>
      <c r="Q8204">
        <v>36</v>
      </c>
      <c r="R8204">
        <v>37</v>
      </c>
      <c r="S8204">
        <v>37</v>
      </c>
      <c r="T8204">
        <v>38</v>
      </c>
      <c r="U8204">
        <v>38</v>
      </c>
      <c r="V8204">
        <v>39</v>
      </c>
      <c r="W8204">
        <v>39</v>
      </c>
      <c r="X8204">
        <v>40</v>
      </c>
      <c r="Y8204">
        <v>40</v>
      </c>
      <c r="Z8204">
        <v>40</v>
      </c>
      <c r="AA8204">
        <v>41</v>
      </c>
      <c r="AB8204">
        <v>41</v>
      </c>
      <c r="AC8204">
        <v>41</v>
      </c>
      <c r="AD8204">
        <v>42</v>
      </c>
      <c r="AE8204">
        <v>42</v>
      </c>
      <c r="AF8204">
        <v>42</v>
      </c>
      <c r="AG8204">
        <v>42</v>
      </c>
      <c r="AH8204">
        <v>41</v>
      </c>
      <c r="AI8204">
        <v>41</v>
      </c>
      <c r="AJ8204">
        <v>41</v>
      </c>
      <c r="AK8204">
        <v>41</v>
      </c>
      <c r="AL8204">
        <v>41</v>
      </c>
      <c r="AM8204">
        <v>41</v>
      </c>
      <c r="AN8204">
        <v>41</v>
      </c>
      <c r="AO8204">
        <v>40</v>
      </c>
      <c r="AP8204">
        <v>40</v>
      </c>
      <c r="AQ8204">
        <v>40</v>
      </c>
    </row>
    <row r="8205" spans="1:43">
      <c r="A8205" t="s">
        <v>5134</v>
      </c>
      <c r="B8205" t="s">
        <v>5135</v>
      </c>
      <c r="C8205" t="s">
        <v>5124</v>
      </c>
      <c r="D8205" t="s">
        <v>5125</v>
      </c>
      <c r="E8205" t="s">
        <v>4916</v>
      </c>
      <c r="F8205" t="s">
        <v>4917</v>
      </c>
      <c r="G8205" t="s">
        <v>80</v>
      </c>
      <c r="H8205" t="s">
        <v>81</v>
      </c>
      <c r="I8205" s="2">
        <v>1</v>
      </c>
      <c r="J8205" s="2">
        <v>0</v>
      </c>
      <c r="K8205" s="2">
        <v>0</v>
      </c>
      <c r="L8205" t="s">
        <v>120</v>
      </c>
      <c r="M8205" t="s">
        <v>83</v>
      </c>
      <c r="N8205" t="s">
        <v>91</v>
      </c>
      <c r="O8205" t="s">
        <v>85</v>
      </c>
      <c r="P8205" t="s">
        <v>86</v>
      </c>
      <c r="Q8205">
        <v>36</v>
      </c>
      <c r="R8205">
        <v>36</v>
      </c>
      <c r="S8205">
        <v>36</v>
      </c>
      <c r="T8205">
        <v>37</v>
      </c>
      <c r="U8205">
        <v>37</v>
      </c>
      <c r="V8205">
        <v>37</v>
      </c>
      <c r="W8205">
        <v>37</v>
      </c>
      <c r="X8205">
        <v>38</v>
      </c>
      <c r="Y8205">
        <v>38</v>
      </c>
      <c r="Z8205">
        <v>38</v>
      </c>
      <c r="AA8205">
        <v>38</v>
      </c>
      <c r="AB8205">
        <v>39</v>
      </c>
      <c r="AC8205">
        <v>39</v>
      </c>
      <c r="AD8205">
        <v>39</v>
      </c>
      <c r="AE8205">
        <v>39</v>
      </c>
      <c r="AF8205">
        <v>39</v>
      </c>
      <c r="AG8205">
        <v>39</v>
      </c>
      <c r="AH8205">
        <v>40</v>
      </c>
      <c r="AI8205">
        <v>40</v>
      </c>
      <c r="AJ8205">
        <v>40</v>
      </c>
      <c r="AK8205">
        <v>40</v>
      </c>
      <c r="AL8205">
        <v>40</v>
      </c>
      <c r="AM8205">
        <v>40</v>
      </c>
      <c r="AN8205">
        <v>40</v>
      </c>
      <c r="AO8205">
        <v>40</v>
      </c>
      <c r="AP8205">
        <v>40</v>
      </c>
      <c r="AQ8205">
        <v>40</v>
      </c>
    </row>
    <row r="8206" spans="1:43">
      <c r="A8206" t="s">
        <v>5136</v>
      </c>
      <c r="B8206" t="s">
        <v>5137</v>
      </c>
      <c r="C8206" t="s">
        <v>5138</v>
      </c>
      <c r="D8206" t="s">
        <v>5139</v>
      </c>
      <c r="E8206" t="s">
        <v>4916</v>
      </c>
      <c r="F8206" t="s">
        <v>4917</v>
      </c>
      <c r="G8206" t="s">
        <v>80</v>
      </c>
      <c r="H8206" t="s">
        <v>81</v>
      </c>
      <c r="I8206" s="2">
        <v>1</v>
      </c>
      <c r="J8206" s="2">
        <v>0</v>
      </c>
      <c r="K8206" s="2">
        <v>0</v>
      </c>
      <c r="L8206" t="s">
        <v>120</v>
      </c>
      <c r="M8206" t="s">
        <v>83</v>
      </c>
      <c r="N8206" t="s">
        <v>84</v>
      </c>
      <c r="O8206" t="s">
        <v>85</v>
      </c>
      <c r="P8206" t="s">
        <v>86</v>
      </c>
      <c r="Q8206">
        <v>10</v>
      </c>
      <c r="R8206">
        <v>10</v>
      </c>
      <c r="S8206">
        <v>10</v>
      </c>
      <c r="T8206">
        <v>10</v>
      </c>
      <c r="U8206">
        <v>10</v>
      </c>
      <c r="V8206">
        <v>10</v>
      </c>
      <c r="W8206">
        <v>10</v>
      </c>
      <c r="X8206">
        <v>10</v>
      </c>
      <c r="Y8206">
        <v>10</v>
      </c>
      <c r="Z8206">
        <v>10</v>
      </c>
      <c r="AA8206">
        <v>10</v>
      </c>
      <c r="AB8206">
        <v>10</v>
      </c>
      <c r="AC8206">
        <v>10</v>
      </c>
      <c r="AD8206">
        <v>10</v>
      </c>
      <c r="AE8206">
        <v>10</v>
      </c>
      <c r="AF8206">
        <v>10</v>
      </c>
      <c r="AG8206">
        <v>10</v>
      </c>
      <c r="AH8206">
        <v>10</v>
      </c>
      <c r="AI8206">
        <v>10</v>
      </c>
      <c r="AJ8206">
        <v>10</v>
      </c>
      <c r="AK8206">
        <v>10</v>
      </c>
      <c r="AL8206">
        <v>10</v>
      </c>
      <c r="AM8206">
        <v>10</v>
      </c>
      <c r="AN8206">
        <v>10</v>
      </c>
      <c r="AO8206">
        <v>10</v>
      </c>
      <c r="AP8206">
        <v>10</v>
      </c>
      <c r="AQ8206">
        <v>10</v>
      </c>
    </row>
    <row r="8207" spans="1:43">
      <c r="A8207" t="s">
        <v>5136</v>
      </c>
      <c r="B8207" t="s">
        <v>5137</v>
      </c>
      <c r="C8207" t="s">
        <v>5138</v>
      </c>
      <c r="D8207" t="s">
        <v>5139</v>
      </c>
      <c r="E8207" t="s">
        <v>4916</v>
      </c>
      <c r="F8207" t="s">
        <v>4917</v>
      </c>
      <c r="G8207" t="s">
        <v>80</v>
      </c>
      <c r="H8207" t="s">
        <v>81</v>
      </c>
      <c r="I8207" s="2">
        <v>1</v>
      </c>
      <c r="J8207" s="2">
        <v>0</v>
      </c>
      <c r="K8207" s="2">
        <v>0</v>
      </c>
      <c r="L8207" t="s">
        <v>120</v>
      </c>
      <c r="M8207" t="s">
        <v>87</v>
      </c>
      <c r="N8207" t="s">
        <v>88</v>
      </c>
      <c r="O8207" t="s">
        <v>85</v>
      </c>
      <c r="P8207" t="s">
        <v>86</v>
      </c>
      <c r="Q8207">
        <v>10</v>
      </c>
      <c r="R8207">
        <v>10</v>
      </c>
      <c r="S8207">
        <v>10</v>
      </c>
      <c r="T8207">
        <v>10</v>
      </c>
      <c r="U8207">
        <v>10</v>
      </c>
      <c r="V8207">
        <v>10</v>
      </c>
      <c r="W8207">
        <v>10</v>
      </c>
      <c r="X8207">
        <v>10</v>
      </c>
      <c r="Y8207">
        <v>10</v>
      </c>
      <c r="Z8207">
        <v>10</v>
      </c>
      <c r="AA8207">
        <v>10</v>
      </c>
      <c r="AB8207">
        <v>10</v>
      </c>
      <c r="AC8207">
        <v>10</v>
      </c>
      <c r="AD8207">
        <v>10</v>
      </c>
      <c r="AE8207">
        <v>10</v>
      </c>
      <c r="AF8207">
        <v>10</v>
      </c>
      <c r="AG8207">
        <v>10</v>
      </c>
      <c r="AH8207">
        <v>10</v>
      </c>
      <c r="AI8207">
        <v>10</v>
      </c>
      <c r="AJ8207">
        <v>10</v>
      </c>
      <c r="AK8207">
        <v>10</v>
      </c>
      <c r="AL8207">
        <v>10</v>
      </c>
      <c r="AM8207">
        <v>10</v>
      </c>
      <c r="AN8207">
        <v>10</v>
      </c>
      <c r="AO8207">
        <v>10</v>
      </c>
      <c r="AP8207">
        <v>10</v>
      </c>
      <c r="AQ8207">
        <v>10</v>
      </c>
    </row>
    <row r="8208" spans="1:43">
      <c r="A8208" t="s">
        <v>5136</v>
      </c>
      <c r="B8208" t="s">
        <v>5137</v>
      </c>
      <c r="C8208" t="s">
        <v>5138</v>
      </c>
      <c r="D8208" t="s">
        <v>5139</v>
      </c>
      <c r="E8208" t="s">
        <v>4916</v>
      </c>
      <c r="F8208" t="s">
        <v>4917</v>
      </c>
      <c r="G8208" t="s">
        <v>80</v>
      </c>
      <c r="H8208" t="s">
        <v>81</v>
      </c>
      <c r="I8208" s="2">
        <v>1</v>
      </c>
      <c r="J8208" s="2">
        <v>0</v>
      </c>
      <c r="K8208" s="2">
        <v>0</v>
      </c>
      <c r="L8208" t="s">
        <v>120</v>
      </c>
      <c r="M8208" t="s">
        <v>89</v>
      </c>
      <c r="N8208" t="s">
        <v>90</v>
      </c>
      <c r="O8208" t="s">
        <v>85</v>
      </c>
      <c r="P8208" t="s">
        <v>86</v>
      </c>
      <c r="Q8208">
        <v>10</v>
      </c>
      <c r="R8208">
        <v>10</v>
      </c>
      <c r="S8208">
        <v>10</v>
      </c>
      <c r="T8208">
        <v>10</v>
      </c>
      <c r="U8208">
        <v>10</v>
      </c>
      <c r="V8208">
        <v>10</v>
      </c>
      <c r="W8208">
        <v>10</v>
      </c>
      <c r="X8208">
        <v>10</v>
      </c>
      <c r="Y8208">
        <v>10</v>
      </c>
      <c r="Z8208">
        <v>11</v>
      </c>
      <c r="AA8208">
        <v>11</v>
      </c>
      <c r="AB8208">
        <v>11</v>
      </c>
      <c r="AC8208">
        <v>11</v>
      </c>
      <c r="AD8208">
        <v>11</v>
      </c>
      <c r="AE8208">
        <v>11</v>
      </c>
      <c r="AF8208">
        <v>11</v>
      </c>
      <c r="AG8208">
        <v>11</v>
      </c>
      <c r="AH8208">
        <v>11</v>
      </c>
      <c r="AI8208">
        <v>10</v>
      </c>
      <c r="AJ8208">
        <v>10</v>
      </c>
      <c r="AK8208">
        <v>10</v>
      </c>
      <c r="AL8208">
        <v>10</v>
      </c>
      <c r="AM8208">
        <v>10</v>
      </c>
      <c r="AN8208">
        <v>10</v>
      </c>
      <c r="AO8208">
        <v>10</v>
      </c>
      <c r="AP8208">
        <v>10</v>
      </c>
      <c r="AQ8208">
        <v>10</v>
      </c>
    </row>
    <row r="8209" spans="1:43">
      <c r="A8209" t="s">
        <v>5136</v>
      </c>
      <c r="B8209" t="s">
        <v>5137</v>
      </c>
      <c r="C8209" t="s">
        <v>5138</v>
      </c>
      <c r="D8209" t="s">
        <v>5139</v>
      </c>
      <c r="E8209" t="s">
        <v>4916</v>
      </c>
      <c r="F8209" t="s">
        <v>4917</v>
      </c>
      <c r="G8209" t="s">
        <v>80</v>
      </c>
      <c r="H8209" t="s">
        <v>81</v>
      </c>
      <c r="I8209" s="2">
        <v>1</v>
      </c>
      <c r="J8209" s="2">
        <v>0</v>
      </c>
      <c r="K8209" s="2">
        <v>0</v>
      </c>
      <c r="L8209" t="s">
        <v>120</v>
      </c>
      <c r="M8209" t="s">
        <v>83</v>
      </c>
      <c r="N8209" t="s">
        <v>91</v>
      </c>
      <c r="O8209" t="s">
        <v>85</v>
      </c>
      <c r="P8209" t="s">
        <v>86</v>
      </c>
      <c r="Q8209">
        <v>10</v>
      </c>
      <c r="R8209">
        <v>10</v>
      </c>
      <c r="S8209">
        <v>10</v>
      </c>
      <c r="T8209">
        <v>10</v>
      </c>
      <c r="U8209">
        <v>10</v>
      </c>
      <c r="V8209">
        <v>10</v>
      </c>
      <c r="W8209">
        <v>10</v>
      </c>
      <c r="X8209">
        <v>10</v>
      </c>
      <c r="Y8209">
        <v>10</v>
      </c>
      <c r="Z8209">
        <v>10</v>
      </c>
      <c r="AA8209">
        <v>10</v>
      </c>
      <c r="AB8209">
        <v>10</v>
      </c>
      <c r="AC8209">
        <v>10</v>
      </c>
      <c r="AD8209">
        <v>10</v>
      </c>
      <c r="AE8209">
        <v>10</v>
      </c>
      <c r="AF8209">
        <v>10</v>
      </c>
      <c r="AG8209">
        <v>10</v>
      </c>
      <c r="AH8209">
        <v>10</v>
      </c>
      <c r="AI8209">
        <v>10</v>
      </c>
      <c r="AJ8209">
        <v>10</v>
      </c>
      <c r="AK8209">
        <v>10</v>
      </c>
      <c r="AL8209">
        <v>10</v>
      </c>
      <c r="AM8209">
        <v>10</v>
      </c>
      <c r="AN8209">
        <v>10</v>
      </c>
      <c r="AO8209">
        <v>10</v>
      </c>
      <c r="AP8209">
        <v>10</v>
      </c>
      <c r="AQ8209">
        <v>10</v>
      </c>
    </row>
    <row r="8210" spans="1:43">
      <c r="A8210" t="s">
        <v>5140</v>
      </c>
      <c r="B8210" t="s">
        <v>5141</v>
      </c>
      <c r="C8210" t="s">
        <v>5138</v>
      </c>
      <c r="D8210" t="s">
        <v>5139</v>
      </c>
      <c r="E8210" t="s">
        <v>4916</v>
      </c>
      <c r="F8210" t="s">
        <v>4917</v>
      </c>
      <c r="G8210" t="s">
        <v>80</v>
      </c>
      <c r="H8210" t="s">
        <v>81</v>
      </c>
      <c r="I8210" s="2">
        <v>1</v>
      </c>
      <c r="J8210" s="2">
        <v>0</v>
      </c>
      <c r="K8210" s="2">
        <v>0</v>
      </c>
      <c r="L8210" t="s">
        <v>120</v>
      </c>
      <c r="M8210" t="s">
        <v>83</v>
      </c>
      <c r="N8210" t="s">
        <v>84</v>
      </c>
      <c r="O8210" t="s">
        <v>85</v>
      </c>
      <c r="P8210" t="s">
        <v>86</v>
      </c>
      <c r="Q8210">
        <v>7</v>
      </c>
      <c r="R8210">
        <v>7</v>
      </c>
      <c r="S8210">
        <v>7</v>
      </c>
      <c r="T8210">
        <v>7</v>
      </c>
      <c r="U8210">
        <v>7</v>
      </c>
      <c r="V8210">
        <v>7</v>
      </c>
      <c r="W8210">
        <v>7</v>
      </c>
      <c r="X8210">
        <v>7</v>
      </c>
      <c r="Y8210">
        <v>7</v>
      </c>
      <c r="Z8210">
        <v>7</v>
      </c>
      <c r="AA8210">
        <v>7</v>
      </c>
      <c r="AB8210">
        <v>7</v>
      </c>
      <c r="AC8210">
        <v>7</v>
      </c>
      <c r="AD8210">
        <v>7</v>
      </c>
      <c r="AE8210">
        <v>7</v>
      </c>
      <c r="AF8210">
        <v>7</v>
      </c>
      <c r="AG8210">
        <v>7</v>
      </c>
      <c r="AH8210">
        <v>7</v>
      </c>
      <c r="AI8210">
        <v>7</v>
      </c>
      <c r="AJ8210">
        <v>7</v>
      </c>
      <c r="AK8210">
        <v>7</v>
      </c>
      <c r="AL8210">
        <v>7</v>
      </c>
      <c r="AM8210">
        <v>7</v>
      </c>
      <c r="AN8210">
        <v>7</v>
      </c>
      <c r="AO8210">
        <v>7</v>
      </c>
      <c r="AP8210">
        <v>7</v>
      </c>
      <c r="AQ8210">
        <v>7</v>
      </c>
    </row>
    <row r="8211" spans="1:43">
      <c r="A8211" t="s">
        <v>5140</v>
      </c>
      <c r="B8211" t="s">
        <v>5141</v>
      </c>
      <c r="C8211" t="s">
        <v>5138</v>
      </c>
      <c r="D8211" t="s">
        <v>5139</v>
      </c>
      <c r="E8211" t="s">
        <v>4916</v>
      </c>
      <c r="F8211" t="s">
        <v>4917</v>
      </c>
      <c r="G8211" t="s">
        <v>80</v>
      </c>
      <c r="H8211" t="s">
        <v>81</v>
      </c>
      <c r="I8211" s="2">
        <v>1</v>
      </c>
      <c r="J8211" s="2">
        <v>0</v>
      </c>
      <c r="K8211" s="2">
        <v>0</v>
      </c>
      <c r="L8211" t="s">
        <v>120</v>
      </c>
      <c r="M8211" t="s">
        <v>87</v>
      </c>
      <c r="N8211" t="s">
        <v>88</v>
      </c>
      <c r="O8211" t="s">
        <v>85</v>
      </c>
      <c r="P8211" t="s">
        <v>86</v>
      </c>
      <c r="Q8211">
        <v>7</v>
      </c>
      <c r="R8211">
        <v>7</v>
      </c>
      <c r="S8211">
        <v>7</v>
      </c>
      <c r="T8211">
        <v>7</v>
      </c>
      <c r="U8211">
        <v>7</v>
      </c>
      <c r="V8211">
        <v>7</v>
      </c>
      <c r="W8211">
        <v>7</v>
      </c>
      <c r="X8211">
        <v>7</v>
      </c>
      <c r="Y8211">
        <v>7</v>
      </c>
      <c r="Z8211">
        <v>7</v>
      </c>
      <c r="AA8211">
        <v>7</v>
      </c>
      <c r="AB8211">
        <v>7</v>
      </c>
      <c r="AC8211">
        <v>7</v>
      </c>
      <c r="AD8211">
        <v>7</v>
      </c>
      <c r="AE8211">
        <v>7</v>
      </c>
      <c r="AF8211">
        <v>7</v>
      </c>
      <c r="AG8211">
        <v>7</v>
      </c>
      <c r="AH8211">
        <v>7</v>
      </c>
      <c r="AI8211">
        <v>7</v>
      </c>
      <c r="AJ8211">
        <v>7</v>
      </c>
      <c r="AK8211">
        <v>7</v>
      </c>
      <c r="AL8211">
        <v>7</v>
      </c>
      <c r="AM8211">
        <v>7</v>
      </c>
      <c r="AN8211">
        <v>7</v>
      </c>
      <c r="AO8211">
        <v>7</v>
      </c>
      <c r="AP8211">
        <v>7</v>
      </c>
      <c r="AQ8211">
        <v>7</v>
      </c>
    </row>
    <row r="8212" spans="1:43">
      <c r="A8212" t="s">
        <v>5140</v>
      </c>
      <c r="B8212" t="s">
        <v>5141</v>
      </c>
      <c r="C8212" t="s">
        <v>5138</v>
      </c>
      <c r="D8212" t="s">
        <v>5139</v>
      </c>
      <c r="E8212" t="s">
        <v>4916</v>
      </c>
      <c r="F8212" t="s">
        <v>4917</v>
      </c>
      <c r="G8212" t="s">
        <v>80</v>
      </c>
      <c r="H8212" t="s">
        <v>81</v>
      </c>
      <c r="I8212" s="2">
        <v>1</v>
      </c>
      <c r="J8212" s="2">
        <v>0</v>
      </c>
      <c r="K8212" s="2">
        <v>0</v>
      </c>
      <c r="L8212" t="s">
        <v>120</v>
      </c>
      <c r="M8212" t="s">
        <v>89</v>
      </c>
      <c r="N8212" t="s">
        <v>90</v>
      </c>
      <c r="O8212" t="s">
        <v>85</v>
      </c>
      <c r="P8212" t="s">
        <v>86</v>
      </c>
      <c r="Q8212">
        <v>7</v>
      </c>
      <c r="R8212">
        <v>7</v>
      </c>
      <c r="S8212">
        <v>7</v>
      </c>
      <c r="T8212">
        <v>7</v>
      </c>
      <c r="U8212">
        <v>7</v>
      </c>
      <c r="V8212">
        <v>7</v>
      </c>
      <c r="W8212">
        <v>7</v>
      </c>
      <c r="X8212">
        <v>7</v>
      </c>
      <c r="Y8212">
        <v>7</v>
      </c>
      <c r="Z8212">
        <v>7</v>
      </c>
      <c r="AA8212">
        <v>7</v>
      </c>
      <c r="AB8212">
        <v>7</v>
      </c>
      <c r="AC8212">
        <v>7</v>
      </c>
      <c r="AD8212">
        <v>7</v>
      </c>
      <c r="AE8212">
        <v>7</v>
      </c>
      <c r="AF8212">
        <v>7</v>
      </c>
      <c r="AG8212">
        <v>7</v>
      </c>
      <c r="AH8212">
        <v>7</v>
      </c>
      <c r="AI8212">
        <v>7</v>
      </c>
      <c r="AJ8212">
        <v>7</v>
      </c>
      <c r="AK8212">
        <v>7</v>
      </c>
      <c r="AL8212">
        <v>7</v>
      </c>
      <c r="AM8212">
        <v>7</v>
      </c>
      <c r="AN8212">
        <v>7</v>
      </c>
      <c r="AO8212">
        <v>7</v>
      </c>
      <c r="AP8212">
        <v>7</v>
      </c>
      <c r="AQ8212">
        <v>7</v>
      </c>
    </row>
    <row r="8213" spans="1:43">
      <c r="A8213" t="s">
        <v>5140</v>
      </c>
      <c r="B8213" t="s">
        <v>5141</v>
      </c>
      <c r="C8213" t="s">
        <v>5138</v>
      </c>
      <c r="D8213" t="s">
        <v>5139</v>
      </c>
      <c r="E8213" t="s">
        <v>4916</v>
      </c>
      <c r="F8213" t="s">
        <v>4917</v>
      </c>
      <c r="G8213" t="s">
        <v>80</v>
      </c>
      <c r="H8213" t="s">
        <v>81</v>
      </c>
      <c r="I8213" s="2">
        <v>1</v>
      </c>
      <c r="J8213" s="2">
        <v>0</v>
      </c>
      <c r="K8213" s="2">
        <v>0</v>
      </c>
      <c r="L8213" t="s">
        <v>120</v>
      </c>
      <c r="M8213" t="s">
        <v>83</v>
      </c>
      <c r="N8213" t="s">
        <v>91</v>
      </c>
      <c r="O8213" t="s">
        <v>85</v>
      </c>
      <c r="P8213" t="s">
        <v>86</v>
      </c>
      <c r="Q8213">
        <v>7</v>
      </c>
      <c r="R8213">
        <v>7</v>
      </c>
      <c r="S8213">
        <v>7</v>
      </c>
      <c r="T8213">
        <v>7</v>
      </c>
      <c r="U8213">
        <v>7</v>
      </c>
      <c r="V8213">
        <v>7</v>
      </c>
      <c r="W8213">
        <v>7</v>
      </c>
      <c r="X8213">
        <v>7</v>
      </c>
      <c r="Y8213">
        <v>7</v>
      </c>
      <c r="Z8213">
        <v>7</v>
      </c>
      <c r="AA8213">
        <v>7</v>
      </c>
      <c r="AB8213">
        <v>7</v>
      </c>
      <c r="AC8213">
        <v>7</v>
      </c>
      <c r="AD8213">
        <v>7</v>
      </c>
      <c r="AE8213">
        <v>7</v>
      </c>
      <c r="AF8213">
        <v>7</v>
      </c>
      <c r="AG8213">
        <v>7</v>
      </c>
      <c r="AH8213">
        <v>7</v>
      </c>
      <c r="AI8213">
        <v>7</v>
      </c>
      <c r="AJ8213">
        <v>7</v>
      </c>
      <c r="AK8213">
        <v>7</v>
      </c>
      <c r="AL8213">
        <v>7</v>
      </c>
      <c r="AM8213">
        <v>7</v>
      </c>
      <c r="AN8213">
        <v>7</v>
      </c>
      <c r="AO8213">
        <v>7</v>
      </c>
      <c r="AP8213">
        <v>7</v>
      </c>
      <c r="AQ8213">
        <v>7</v>
      </c>
    </row>
    <row r="8214" spans="1:43">
      <c r="A8214" t="s">
        <v>5142</v>
      </c>
      <c r="B8214" t="s">
        <v>5143</v>
      </c>
      <c r="C8214" t="s">
        <v>5124</v>
      </c>
      <c r="D8214" t="s">
        <v>5125</v>
      </c>
      <c r="E8214" t="s">
        <v>4916</v>
      </c>
      <c r="F8214" t="s">
        <v>4917</v>
      </c>
      <c r="G8214" t="s">
        <v>80</v>
      </c>
      <c r="H8214" t="s">
        <v>81</v>
      </c>
      <c r="I8214" s="2">
        <v>1</v>
      </c>
      <c r="J8214" s="2">
        <v>0</v>
      </c>
      <c r="K8214" s="2">
        <v>0</v>
      </c>
      <c r="L8214" t="s">
        <v>120</v>
      </c>
      <c r="M8214" t="s">
        <v>83</v>
      </c>
      <c r="N8214" t="s">
        <v>84</v>
      </c>
      <c r="O8214" t="s">
        <v>85</v>
      </c>
      <c r="P8214" t="s">
        <v>86</v>
      </c>
      <c r="Q8214">
        <v>15</v>
      </c>
      <c r="R8214">
        <v>15</v>
      </c>
      <c r="S8214">
        <v>16</v>
      </c>
      <c r="T8214">
        <v>16</v>
      </c>
      <c r="U8214">
        <v>16</v>
      </c>
      <c r="V8214">
        <v>16</v>
      </c>
      <c r="W8214">
        <v>16</v>
      </c>
      <c r="X8214">
        <v>16</v>
      </c>
      <c r="Y8214">
        <v>16</v>
      </c>
      <c r="Z8214">
        <v>16</v>
      </c>
      <c r="AA8214">
        <v>16</v>
      </c>
      <c r="AB8214">
        <v>16</v>
      </c>
      <c r="AC8214">
        <v>16</v>
      </c>
      <c r="AD8214">
        <v>17</v>
      </c>
      <c r="AE8214">
        <v>17</v>
      </c>
      <c r="AF8214">
        <v>17</v>
      </c>
      <c r="AG8214">
        <v>17</v>
      </c>
      <c r="AH8214">
        <v>17</v>
      </c>
      <c r="AI8214">
        <v>17</v>
      </c>
      <c r="AJ8214">
        <v>17</v>
      </c>
      <c r="AK8214">
        <v>17</v>
      </c>
      <c r="AL8214">
        <v>17</v>
      </c>
      <c r="AM8214">
        <v>17</v>
      </c>
      <c r="AN8214">
        <v>17</v>
      </c>
      <c r="AO8214">
        <v>17</v>
      </c>
      <c r="AP8214">
        <v>17</v>
      </c>
      <c r="AQ8214">
        <v>17</v>
      </c>
    </row>
    <row r="8215" spans="1:43">
      <c r="A8215" t="s">
        <v>5142</v>
      </c>
      <c r="B8215" t="s">
        <v>5143</v>
      </c>
      <c r="C8215" t="s">
        <v>5124</v>
      </c>
      <c r="D8215" t="s">
        <v>5125</v>
      </c>
      <c r="E8215" t="s">
        <v>4916</v>
      </c>
      <c r="F8215" t="s">
        <v>4917</v>
      </c>
      <c r="G8215" t="s">
        <v>80</v>
      </c>
      <c r="H8215" t="s">
        <v>81</v>
      </c>
      <c r="I8215" s="2">
        <v>1</v>
      </c>
      <c r="J8215" s="2">
        <v>0</v>
      </c>
      <c r="K8215" s="2">
        <v>0</v>
      </c>
      <c r="L8215" t="s">
        <v>120</v>
      </c>
      <c r="M8215" t="s">
        <v>87</v>
      </c>
      <c r="N8215" t="s">
        <v>88</v>
      </c>
      <c r="O8215" t="s">
        <v>85</v>
      </c>
      <c r="P8215" t="s">
        <v>86</v>
      </c>
      <c r="Q8215">
        <v>15</v>
      </c>
      <c r="R8215">
        <v>15</v>
      </c>
      <c r="S8215">
        <v>15</v>
      </c>
      <c r="T8215">
        <v>15</v>
      </c>
      <c r="U8215">
        <v>15</v>
      </c>
      <c r="V8215">
        <v>15</v>
      </c>
      <c r="W8215">
        <v>15</v>
      </c>
      <c r="X8215">
        <v>15</v>
      </c>
      <c r="Y8215">
        <v>15</v>
      </c>
      <c r="Z8215">
        <v>15</v>
      </c>
      <c r="AA8215">
        <v>15</v>
      </c>
      <c r="AB8215">
        <v>15</v>
      </c>
      <c r="AC8215">
        <v>15</v>
      </c>
      <c r="AD8215">
        <v>15</v>
      </c>
      <c r="AE8215">
        <v>15</v>
      </c>
      <c r="AF8215">
        <v>15</v>
      </c>
      <c r="AG8215">
        <v>15</v>
      </c>
      <c r="AH8215">
        <v>15</v>
      </c>
      <c r="AI8215">
        <v>15</v>
      </c>
      <c r="AJ8215">
        <v>15</v>
      </c>
      <c r="AK8215">
        <v>15</v>
      </c>
      <c r="AL8215">
        <v>15</v>
      </c>
      <c r="AM8215">
        <v>15</v>
      </c>
      <c r="AN8215">
        <v>15</v>
      </c>
      <c r="AO8215">
        <v>15</v>
      </c>
      <c r="AP8215">
        <v>15</v>
      </c>
      <c r="AQ8215">
        <v>15</v>
      </c>
    </row>
    <row r="8216" spans="1:43">
      <c r="A8216" t="s">
        <v>5142</v>
      </c>
      <c r="B8216" t="s">
        <v>5143</v>
      </c>
      <c r="C8216" t="s">
        <v>5124</v>
      </c>
      <c r="D8216" t="s">
        <v>5125</v>
      </c>
      <c r="E8216" t="s">
        <v>4916</v>
      </c>
      <c r="F8216" t="s">
        <v>4917</v>
      </c>
      <c r="G8216" t="s">
        <v>80</v>
      </c>
      <c r="H8216" t="s">
        <v>81</v>
      </c>
      <c r="I8216" s="2">
        <v>1</v>
      </c>
      <c r="J8216" s="2">
        <v>0</v>
      </c>
      <c r="K8216" s="2">
        <v>0</v>
      </c>
      <c r="L8216" t="s">
        <v>120</v>
      </c>
      <c r="M8216" t="s">
        <v>89</v>
      </c>
      <c r="N8216" t="s">
        <v>90</v>
      </c>
      <c r="O8216" t="s">
        <v>85</v>
      </c>
      <c r="P8216" t="s">
        <v>86</v>
      </c>
      <c r="Q8216">
        <v>15</v>
      </c>
      <c r="R8216">
        <v>16</v>
      </c>
      <c r="S8216">
        <v>16</v>
      </c>
      <c r="T8216">
        <v>16</v>
      </c>
      <c r="U8216">
        <v>16</v>
      </c>
      <c r="V8216">
        <v>17</v>
      </c>
      <c r="W8216">
        <v>17</v>
      </c>
      <c r="X8216">
        <v>17</v>
      </c>
      <c r="Y8216">
        <v>17</v>
      </c>
      <c r="Z8216">
        <v>17</v>
      </c>
      <c r="AA8216">
        <v>17</v>
      </c>
      <c r="AB8216">
        <v>17</v>
      </c>
      <c r="AC8216">
        <v>18</v>
      </c>
      <c r="AD8216">
        <v>18</v>
      </c>
      <c r="AE8216">
        <v>18</v>
      </c>
      <c r="AF8216">
        <v>18</v>
      </c>
      <c r="AG8216">
        <v>18</v>
      </c>
      <c r="AH8216">
        <v>18</v>
      </c>
      <c r="AI8216">
        <v>18</v>
      </c>
      <c r="AJ8216">
        <v>17</v>
      </c>
      <c r="AK8216">
        <v>17</v>
      </c>
      <c r="AL8216">
        <v>17</v>
      </c>
      <c r="AM8216">
        <v>17</v>
      </c>
      <c r="AN8216">
        <v>17</v>
      </c>
      <c r="AO8216">
        <v>17</v>
      </c>
      <c r="AP8216">
        <v>17</v>
      </c>
      <c r="AQ8216">
        <v>17</v>
      </c>
    </row>
    <row r="8217" spans="1:43">
      <c r="A8217" t="s">
        <v>5142</v>
      </c>
      <c r="B8217" t="s">
        <v>5143</v>
      </c>
      <c r="C8217" t="s">
        <v>5124</v>
      </c>
      <c r="D8217" t="s">
        <v>5125</v>
      </c>
      <c r="E8217" t="s">
        <v>4916</v>
      </c>
      <c r="F8217" t="s">
        <v>4917</v>
      </c>
      <c r="G8217" t="s">
        <v>80</v>
      </c>
      <c r="H8217" t="s">
        <v>81</v>
      </c>
      <c r="I8217" s="2">
        <v>1</v>
      </c>
      <c r="J8217" s="2">
        <v>0</v>
      </c>
      <c r="K8217" s="2">
        <v>0</v>
      </c>
      <c r="L8217" t="s">
        <v>120</v>
      </c>
      <c r="M8217" t="s">
        <v>83</v>
      </c>
      <c r="N8217" t="s">
        <v>91</v>
      </c>
      <c r="O8217" t="s">
        <v>85</v>
      </c>
      <c r="P8217" t="s">
        <v>86</v>
      </c>
      <c r="Q8217">
        <v>15</v>
      </c>
      <c r="R8217">
        <v>15</v>
      </c>
      <c r="S8217">
        <v>16</v>
      </c>
      <c r="T8217">
        <v>16</v>
      </c>
      <c r="U8217">
        <v>16</v>
      </c>
      <c r="V8217">
        <v>16</v>
      </c>
      <c r="W8217">
        <v>16</v>
      </c>
      <c r="X8217">
        <v>16</v>
      </c>
      <c r="Y8217">
        <v>16</v>
      </c>
      <c r="Z8217">
        <v>16</v>
      </c>
      <c r="AA8217">
        <v>16</v>
      </c>
      <c r="AB8217">
        <v>16</v>
      </c>
      <c r="AC8217">
        <v>16</v>
      </c>
      <c r="AD8217">
        <v>17</v>
      </c>
      <c r="AE8217">
        <v>17</v>
      </c>
      <c r="AF8217">
        <v>17</v>
      </c>
      <c r="AG8217">
        <v>17</v>
      </c>
      <c r="AH8217">
        <v>17</v>
      </c>
      <c r="AI8217">
        <v>17</v>
      </c>
      <c r="AJ8217">
        <v>17</v>
      </c>
      <c r="AK8217">
        <v>17</v>
      </c>
      <c r="AL8217">
        <v>17</v>
      </c>
      <c r="AM8217">
        <v>17</v>
      </c>
      <c r="AN8217">
        <v>17</v>
      </c>
      <c r="AO8217">
        <v>17</v>
      </c>
      <c r="AP8217">
        <v>17</v>
      </c>
      <c r="AQ8217">
        <v>17</v>
      </c>
    </row>
    <row r="8218" spans="1:43">
      <c r="A8218" t="s">
        <v>5144</v>
      </c>
      <c r="B8218" t="s">
        <v>5145</v>
      </c>
      <c r="C8218" t="s">
        <v>5138</v>
      </c>
      <c r="D8218" t="s">
        <v>5139</v>
      </c>
      <c r="E8218" t="s">
        <v>4916</v>
      </c>
      <c r="F8218" t="s">
        <v>4917</v>
      </c>
      <c r="G8218" t="s">
        <v>80</v>
      </c>
      <c r="H8218" t="s">
        <v>81</v>
      </c>
      <c r="I8218" s="2">
        <v>1</v>
      </c>
      <c r="J8218" s="2">
        <v>0</v>
      </c>
      <c r="K8218" s="2">
        <v>0</v>
      </c>
      <c r="L8218" t="s">
        <v>120</v>
      </c>
      <c r="M8218" t="s">
        <v>83</v>
      </c>
      <c r="N8218" t="s">
        <v>84</v>
      </c>
      <c r="O8218" t="s">
        <v>85</v>
      </c>
      <c r="P8218" t="s">
        <v>86</v>
      </c>
      <c r="Q8218">
        <v>20</v>
      </c>
      <c r="R8218">
        <v>20</v>
      </c>
      <c r="S8218">
        <v>20</v>
      </c>
      <c r="T8218">
        <v>20</v>
      </c>
      <c r="U8218">
        <v>21</v>
      </c>
      <c r="V8218">
        <v>21</v>
      </c>
      <c r="W8218">
        <v>21</v>
      </c>
      <c r="X8218">
        <v>21</v>
      </c>
      <c r="Y8218">
        <v>21</v>
      </c>
      <c r="Z8218">
        <v>21</v>
      </c>
      <c r="AA8218">
        <v>21</v>
      </c>
      <c r="AB8218">
        <v>21</v>
      </c>
      <c r="AC8218">
        <v>21</v>
      </c>
      <c r="AD8218">
        <v>21</v>
      </c>
      <c r="AE8218">
        <v>21</v>
      </c>
      <c r="AF8218">
        <v>21</v>
      </c>
      <c r="AG8218">
        <v>21</v>
      </c>
      <c r="AH8218">
        <v>21</v>
      </c>
      <c r="AI8218">
        <v>21</v>
      </c>
      <c r="AJ8218">
        <v>22</v>
      </c>
      <c r="AK8218">
        <v>22</v>
      </c>
      <c r="AL8218">
        <v>21</v>
      </c>
      <c r="AM8218">
        <v>21</v>
      </c>
      <c r="AN8218">
        <v>21</v>
      </c>
      <c r="AO8218">
        <v>21</v>
      </c>
      <c r="AP8218">
        <v>21</v>
      </c>
      <c r="AQ8218">
        <v>21</v>
      </c>
    </row>
    <row r="8219" spans="1:43">
      <c r="A8219" t="s">
        <v>5144</v>
      </c>
      <c r="B8219" t="s">
        <v>5145</v>
      </c>
      <c r="C8219" t="s">
        <v>5138</v>
      </c>
      <c r="D8219" t="s">
        <v>5139</v>
      </c>
      <c r="E8219" t="s">
        <v>4916</v>
      </c>
      <c r="F8219" t="s">
        <v>4917</v>
      </c>
      <c r="G8219" t="s">
        <v>80</v>
      </c>
      <c r="H8219" t="s">
        <v>81</v>
      </c>
      <c r="I8219" s="2">
        <v>1</v>
      </c>
      <c r="J8219" s="2">
        <v>0</v>
      </c>
      <c r="K8219" s="2">
        <v>0</v>
      </c>
      <c r="L8219" t="s">
        <v>120</v>
      </c>
      <c r="M8219" t="s">
        <v>87</v>
      </c>
      <c r="N8219" t="s">
        <v>88</v>
      </c>
      <c r="O8219" t="s">
        <v>85</v>
      </c>
      <c r="P8219" t="s">
        <v>86</v>
      </c>
      <c r="Q8219">
        <v>20</v>
      </c>
      <c r="R8219">
        <v>20</v>
      </c>
      <c r="S8219">
        <v>20</v>
      </c>
      <c r="T8219">
        <v>20</v>
      </c>
      <c r="U8219">
        <v>20</v>
      </c>
      <c r="V8219">
        <v>20</v>
      </c>
      <c r="W8219">
        <v>19</v>
      </c>
      <c r="X8219">
        <v>19</v>
      </c>
      <c r="Y8219">
        <v>19</v>
      </c>
      <c r="Z8219">
        <v>19</v>
      </c>
      <c r="AA8219">
        <v>19</v>
      </c>
      <c r="AB8219">
        <v>19</v>
      </c>
      <c r="AC8219">
        <v>19</v>
      </c>
      <c r="AD8219">
        <v>19</v>
      </c>
      <c r="AE8219">
        <v>19</v>
      </c>
      <c r="AF8219">
        <v>19</v>
      </c>
      <c r="AG8219">
        <v>19</v>
      </c>
      <c r="AH8219">
        <v>19</v>
      </c>
      <c r="AI8219">
        <v>19</v>
      </c>
      <c r="AJ8219">
        <v>19</v>
      </c>
      <c r="AK8219">
        <v>19</v>
      </c>
      <c r="AL8219">
        <v>18</v>
      </c>
      <c r="AM8219">
        <v>18</v>
      </c>
      <c r="AN8219">
        <v>18</v>
      </c>
      <c r="AO8219">
        <v>18</v>
      </c>
      <c r="AP8219">
        <v>18</v>
      </c>
      <c r="AQ8219">
        <v>18</v>
      </c>
    </row>
    <row r="8220" spans="1:43">
      <c r="A8220" t="s">
        <v>5144</v>
      </c>
      <c r="B8220" t="s">
        <v>5145</v>
      </c>
      <c r="C8220" t="s">
        <v>5138</v>
      </c>
      <c r="D8220" t="s">
        <v>5139</v>
      </c>
      <c r="E8220" t="s">
        <v>4916</v>
      </c>
      <c r="F8220" t="s">
        <v>4917</v>
      </c>
      <c r="G8220" t="s">
        <v>80</v>
      </c>
      <c r="H8220" t="s">
        <v>81</v>
      </c>
      <c r="I8220" s="2">
        <v>1</v>
      </c>
      <c r="J8220" s="2">
        <v>0</v>
      </c>
      <c r="K8220" s="2">
        <v>0</v>
      </c>
      <c r="L8220" t="s">
        <v>120</v>
      </c>
      <c r="M8220" t="s">
        <v>89</v>
      </c>
      <c r="N8220" t="s">
        <v>90</v>
      </c>
      <c r="O8220" t="s">
        <v>85</v>
      </c>
      <c r="P8220" t="s">
        <v>86</v>
      </c>
      <c r="Q8220">
        <v>20</v>
      </c>
      <c r="R8220">
        <v>21</v>
      </c>
      <c r="S8220">
        <v>21</v>
      </c>
      <c r="T8220">
        <v>21</v>
      </c>
      <c r="U8220">
        <v>21</v>
      </c>
      <c r="V8220">
        <v>22</v>
      </c>
      <c r="W8220">
        <v>22</v>
      </c>
      <c r="X8220">
        <v>22</v>
      </c>
      <c r="Y8220">
        <v>22</v>
      </c>
      <c r="Z8220">
        <v>22</v>
      </c>
      <c r="AA8220">
        <v>22</v>
      </c>
      <c r="AB8220">
        <v>22</v>
      </c>
      <c r="AC8220">
        <v>23</v>
      </c>
      <c r="AD8220">
        <v>23</v>
      </c>
      <c r="AE8220">
        <v>23</v>
      </c>
      <c r="AF8220">
        <v>23</v>
      </c>
      <c r="AG8220">
        <v>22</v>
      </c>
      <c r="AH8220">
        <v>22</v>
      </c>
      <c r="AI8220">
        <v>22</v>
      </c>
      <c r="AJ8220">
        <v>22</v>
      </c>
      <c r="AK8220">
        <v>22</v>
      </c>
      <c r="AL8220">
        <v>22</v>
      </c>
      <c r="AM8220">
        <v>21</v>
      </c>
      <c r="AN8220">
        <v>21</v>
      </c>
      <c r="AO8220">
        <v>21</v>
      </c>
      <c r="AP8220">
        <v>21</v>
      </c>
      <c r="AQ8220">
        <v>21</v>
      </c>
    </row>
    <row r="8221" spans="1:43">
      <c r="A8221" t="s">
        <v>5144</v>
      </c>
      <c r="B8221" t="s">
        <v>5145</v>
      </c>
      <c r="C8221" t="s">
        <v>5138</v>
      </c>
      <c r="D8221" t="s">
        <v>5139</v>
      </c>
      <c r="E8221" t="s">
        <v>4916</v>
      </c>
      <c r="F8221" t="s">
        <v>4917</v>
      </c>
      <c r="G8221" t="s">
        <v>80</v>
      </c>
      <c r="H8221" t="s">
        <v>81</v>
      </c>
      <c r="I8221" s="2">
        <v>1</v>
      </c>
      <c r="J8221" s="2">
        <v>0</v>
      </c>
      <c r="K8221" s="2">
        <v>0</v>
      </c>
      <c r="L8221" t="s">
        <v>120</v>
      </c>
      <c r="M8221" t="s">
        <v>83</v>
      </c>
      <c r="N8221" t="s">
        <v>91</v>
      </c>
      <c r="O8221" t="s">
        <v>85</v>
      </c>
      <c r="P8221" t="s">
        <v>86</v>
      </c>
      <c r="Q8221">
        <v>20</v>
      </c>
      <c r="R8221">
        <v>20</v>
      </c>
      <c r="S8221">
        <v>20</v>
      </c>
      <c r="T8221">
        <v>20</v>
      </c>
      <c r="U8221">
        <v>21</v>
      </c>
      <c r="V8221">
        <v>21</v>
      </c>
      <c r="W8221">
        <v>21</v>
      </c>
      <c r="X8221">
        <v>21</v>
      </c>
      <c r="Y8221">
        <v>21</v>
      </c>
      <c r="Z8221">
        <v>21</v>
      </c>
      <c r="AA8221">
        <v>21</v>
      </c>
      <c r="AB8221">
        <v>21</v>
      </c>
      <c r="AC8221">
        <v>21</v>
      </c>
      <c r="AD8221">
        <v>21</v>
      </c>
      <c r="AE8221">
        <v>21</v>
      </c>
      <c r="AF8221">
        <v>21</v>
      </c>
      <c r="AG8221">
        <v>21</v>
      </c>
      <c r="AH8221">
        <v>21</v>
      </c>
      <c r="AI8221">
        <v>21</v>
      </c>
      <c r="AJ8221">
        <v>22</v>
      </c>
      <c r="AK8221">
        <v>22</v>
      </c>
      <c r="AL8221">
        <v>21</v>
      </c>
      <c r="AM8221">
        <v>21</v>
      </c>
      <c r="AN8221">
        <v>21</v>
      </c>
      <c r="AO8221">
        <v>21</v>
      </c>
      <c r="AP8221">
        <v>21</v>
      </c>
      <c r="AQ8221">
        <v>21</v>
      </c>
    </row>
    <row r="8222" spans="1:43">
      <c r="A8222" t="s">
        <v>5146</v>
      </c>
      <c r="B8222" t="s">
        <v>5147</v>
      </c>
      <c r="C8222" t="s">
        <v>5148</v>
      </c>
      <c r="D8222" t="s">
        <v>5149</v>
      </c>
      <c r="E8222" t="s">
        <v>4916</v>
      </c>
      <c r="F8222" t="s">
        <v>4917</v>
      </c>
      <c r="G8222" t="s">
        <v>80</v>
      </c>
      <c r="H8222" t="s">
        <v>81</v>
      </c>
      <c r="I8222" s="2">
        <v>1</v>
      </c>
      <c r="J8222" s="2">
        <v>0</v>
      </c>
      <c r="K8222" s="2">
        <v>0</v>
      </c>
      <c r="L8222" t="s">
        <v>120</v>
      </c>
      <c r="M8222" t="s">
        <v>83</v>
      </c>
      <c r="N8222" t="s">
        <v>84</v>
      </c>
      <c r="O8222" t="s">
        <v>85</v>
      </c>
      <c r="P8222" t="s">
        <v>86</v>
      </c>
      <c r="Q8222">
        <v>9</v>
      </c>
      <c r="R8222">
        <v>9</v>
      </c>
      <c r="S8222">
        <v>9</v>
      </c>
      <c r="T8222">
        <v>9</v>
      </c>
      <c r="U8222">
        <v>10</v>
      </c>
      <c r="V8222">
        <v>10</v>
      </c>
      <c r="W8222">
        <v>10</v>
      </c>
      <c r="X8222">
        <v>10</v>
      </c>
      <c r="Y8222">
        <v>10</v>
      </c>
      <c r="Z8222">
        <v>10</v>
      </c>
      <c r="AA8222">
        <v>10</v>
      </c>
      <c r="AB8222">
        <v>10</v>
      </c>
      <c r="AC8222">
        <v>10</v>
      </c>
      <c r="AD8222">
        <v>10</v>
      </c>
      <c r="AE8222">
        <v>10</v>
      </c>
      <c r="AF8222">
        <v>10</v>
      </c>
      <c r="AG8222">
        <v>10</v>
      </c>
      <c r="AH8222">
        <v>10</v>
      </c>
      <c r="AI8222">
        <v>10</v>
      </c>
      <c r="AJ8222">
        <v>10</v>
      </c>
      <c r="AK8222">
        <v>10</v>
      </c>
      <c r="AL8222">
        <v>10</v>
      </c>
      <c r="AM8222">
        <v>10</v>
      </c>
      <c r="AN8222">
        <v>10</v>
      </c>
      <c r="AO8222">
        <v>10</v>
      </c>
      <c r="AP8222">
        <v>10</v>
      </c>
      <c r="AQ8222">
        <v>10</v>
      </c>
    </row>
    <row r="8223" spans="1:43">
      <c r="A8223" t="s">
        <v>5146</v>
      </c>
      <c r="B8223" t="s">
        <v>5147</v>
      </c>
      <c r="C8223" t="s">
        <v>5148</v>
      </c>
      <c r="D8223" t="s">
        <v>5149</v>
      </c>
      <c r="E8223" t="s">
        <v>4916</v>
      </c>
      <c r="F8223" t="s">
        <v>4917</v>
      </c>
      <c r="G8223" t="s">
        <v>80</v>
      </c>
      <c r="H8223" t="s">
        <v>81</v>
      </c>
      <c r="I8223" s="2">
        <v>1</v>
      </c>
      <c r="J8223" s="2">
        <v>0</v>
      </c>
      <c r="K8223" s="2">
        <v>0</v>
      </c>
      <c r="L8223" t="s">
        <v>120</v>
      </c>
      <c r="M8223" t="s">
        <v>87</v>
      </c>
      <c r="N8223" t="s">
        <v>88</v>
      </c>
      <c r="O8223" t="s">
        <v>85</v>
      </c>
      <c r="P8223" t="s">
        <v>86</v>
      </c>
      <c r="Q8223">
        <v>9</v>
      </c>
      <c r="R8223">
        <v>9</v>
      </c>
      <c r="S8223">
        <v>9</v>
      </c>
      <c r="T8223">
        <v>9</v>
      </c>
      <c r="U8223">
        <v>9</v>
      </c>
      <c r="V8223">
        <v>9</v>
      </c>
      <c r="W8223">
        <v>9</v>
      </c>
      <c r="X8223">
        <v>9</v>
      </c>
      <c r="Y8223">
        <v>9</v>
      </c>
      <c r="Z8223">
        <v>9</v>
      </c>
      <c r="AA8223">
        <v>9</v>
      </c>
      <c r="AB8223">
        <v>9</v>
      </c>
      <c r="AC8223">
        <v>9</v>
      </c>
      <c r="AD8223">
        <v>9</v>
      </c>
      <c r="AE8223">
        <v>9</v>
      </c>
      <c r="AF8223">
        <v>9</v>
      </c>
      <c r="AG8223">
        <v>9</v>
      </c>
      <c r="AH8223">
        <v>9</v>
      </c>
      <c r="AI8223">
        <v>9</v>
      </c>
      <c r="AJ8223">
        <v>9</v>
      </c>
      <c r="AK8223">
        <v>9</v>
      </c>
      <c r="AL8223">
        <v>9</v>
      </c>
      <c r="AM8223">
        <v>9</v>
      </c>
      <c r="AN8223">
        <v>9</v>
      </c>
      <c r="AO8223">
        <v>9</v>
      </c>
      <c r="AP8223">
        <v>9</v>
      </c>
      <c r="AQ8223">
        <v>9</v>
      </c>
    </row>
    <row r="8224" spans="1:43">
      <c r="A8224" t="s">
        <v>5146</v>
      </c>
      <c r="B8224" t="s">
        <v>5147</v>
      </c>
      <c r="C8224" t="s">
        <v>5148</v>
      </c>
      <c r="D8224" t="s">
        <v>5149</v>
      </c>
      <c r="E8224" t="s">
        <v>4916</v>
      </c>
      <c r="F8224" t="s">
        <v>4917</v>
      </c>
      <c r="G8224" t="s">
        <v>80</v>
      </c>
      <c r="H8224" t="s">
        <v>81</v>
      </c>
      <c r="I8224" s="2">
        <v>1</v>
      </c>
      <c r="J8224" s="2">
        <v>0</v>
      </c>
      <c r="K8224" s="2">
        <v>0</v>
      </c>
      <c r="L8224" t="s">
        <v>120</v>
      </c>
      <c r="M8224" t="s">
        <v>89</v>
      </c>
      <c r="N8224" t="s">
        <v>90</v>
      </c>
      <c r="O8224" t="s">
        <v>85</v>
      </c>
      <c r="P8224" t="s">
        <v>86</v>
      </c>
      <c r="Q8224">
        <v>9</v>
      </c>
      <c r="R8224">
        <v>9</v>
      </c>
      <c r="S8224">
        <v>10</v>
      </c>
      <c r="T8224">
        <v>10</v>
      </c>
      <c r="U8224">
        <v>10</v>
      </c>
      <c r="V8224">
        <v>10</v>
      </c>
      <c r="W8224">
        <v>10</v>
      </c>
      <c r="X8224">
        <v>10</v>
      </c>
      <c r="Y8224">
        <v>10</v>
      </c>
      <c r="Z8224">
        <v>10</v>
      </c>
      <c r="AA8224">
        <v>10</v>
      </c>
      <c r="AB8224">
        <v>10</v>
      </c>
      <c r="AC8224">
        <v>11</v>
      </c>
      <c r="AD8224">
        <v>11</v>
      </c>
      <c r="AE8224">
        <v>11</v>
      </c>
      <c r="AF8224">
        <v>11</v>
      </c>
      <c r="AG8224">
        <v>11</v>
      </c>
      <c r="AH8224">
        <v>10</v>
      </c>
      <c r="AI8224">
        <v>10</v>
      </c>
      <c r="AJ8224">
        <v>10</v>
      </c>
      <c r="AK8224">
        <v>10</v>
      </c>
      <c r="AL8224">
        <v>10</v>
      </c>
      <c r="AM8224">
        <v>10</v>
      </c>
      <c r="AN8224">
        <v>10</v>
      </c>
      <c r="AO8224">
        <v>10</v>
      </c>
      <c r="AP8224">
        <v>10</v>
      </c>
      <c r="AQ8224">
        <v>10</v>
      </c>
    </row>
    <row r="8225" spans="1:43">
      <c r="A8225" t="s">
        <v>5146</v>
      </c>
      <c r="B8225" t="s">
        <v>5147</v>
      </c>
      <c r="C8225" t="s">
        <v>5148</v>
      </c>
      <c r="D8225" t="s">
        <v>5149</v>
      </c>
      <c r="E8225" t="s">
        <v>4916</v>
      </c>
      <c r="F8225" t="s">
        <v>4917</v>
      </c>
      <c r="G8225" t="s">
        <v>80</v>
      </c>
      <c r="H8225" t="s">
        <v>81</v>
      </c>
      <c r="I8225" s="2">
        <v>1</v>
      </c>
      <c r="J8225" s="2">
        <v>0</v>
      </c>
      <c r="K8225" s="2">
        <v>0</v>
      </c>
      <c r="L8225" t="s">
        <v>120</v>
      </c>
      <c r="M8225" t="s">
        <v>83</v>
      </c>
      <c r="N8225" t="s">
        <v>91</v>
      </c>
      <c r="O8225" t="s">
        <v>85</v>
      </c>
      <c r="P8225" t="s">
        <v>86</v>
      </c>
      <c r="Q8225">
        <v>9</v>
      </c>
      <c r="R8225">
        <v>9</v>
      </c>
      <c r="S8225">
        <v>9</v>
      </c>
      <c r="T8225">
        <v>9</v>
      </c>
      <c r="U8225">
        <v>10</v>
      </c>
      <c r="V8225">
        <v>10</v>
      </c>
      <c r="W8225">
        <v>10</v>
      </c>
      <c r="X8225">
        <v>10</v>
      </c>
      <c r="Y8225">
        <v>10</v>
      </c>
      <c r="Z8225">
        <v>10</v>
      </c>
      <c r="AA8225">
        <v>10</v>
      </c>
      <c r="AB8225">
        <v>10</v>
      </c>
      <c r="AC8225">
        <v>10</v>
      </c>
      <c r="AD8225">
        <v>10</v>
      </c>
      <c r="AE8225">
        <v>10</v>
      </c>
      <c r="AF8225">
        <v>10</v>
      </c>
      <c r="AG8225">
        <v>10</v>
      </c>
      <c r="AH8225">
        <v>10</v>
      </c>
      <c r="AI8225">
        <v>10</v>
      </c>
      <c r="AJ8225">
        <v>10</v>
      </c>
      <c r="AK8225">
        <v>10</v>
      </c>
      <c r="AL8225">
        <v>10</v>
      </c>
      <c r="AM8225">
        <v>10</v>
      </c>
      <c r="AN8225">
        <v>10</v>
      </c>
      <c r="AO8225">
        <v>10</v>
      </c>
      <c r="AP8225">
        <v>10</v>
      </c>
      <c r="AQ8225">
        <v>10</v>
      </c>
    </row>
    <row r="8226" spans="1:43">
      <c r="A8226" t="s">
        <v>5150</v>
      </c>
      <c r="B8226" t="s">
        <v>5151</v>
      </c>
      <c r="C8226" t="s">
        <v>5124</v>
      </c>
      <c r="D8226" t="s">
        <v>5125</v>
      </c>
      <c r="E8226" t="s">
        <v>4916</v>
      </c>
      <c r="F8226" t="s">
        <v>4917</v>
      </c>
      <c r="G8226" t="s">
        <v>80</v>
      </c>
      <c r="H8226" t="s">
        <v>81</v>
      </c>
      <c r="I8226" s="2">
        <v>1</v>
      </c>
      <c r="J8226" s="2">
        <v>0</v>
      </c>
      <c r="K8226" s="2">
        <v>0</v>
      </c>
      <c r="L8226" t="s">
        <v>120</v>
      </c>
      <c r="M8226" t="s">
        <v>83</v>
      </c>
      <c r="N8226" t="s">
        <v>84</v>
      </c>
      <c r="O8226" t="s">
        <v>85</v>
      </c>
      <c r="P8226" t="s">
        <v>86</v>
      </c>
      <c r="Q8226">
        <v>10</v>
      </c>
      <c r="R8226">
        <v>10</v>
      </c>
      <c r="S8226">
        <v>10</v>
      </c>
      <c r="T8226">
        <v>10</v>
      </c>
      <c r="U8226">
        <v>10</v>
      </c>
      <c r="V8226">
        <v>11</v>
      </c>
      <c r="W8226">
        <v>11</v>
      </c>
      <c r="X8226">
        <v>11</v>
      </c>
      <c r="Y8226">
        <v>11</v>
      </c>
      <c r="Z8226">
        <v>11</v>
      </c>
      <c r="AA8226">
        <v>11</v>
      </c>
      <c r="AB8226">
        <v>11</v>
      </c>
      <c r="AC8226">
        <v>11</v>
      </c>
      <c r="AD8226">
        <v>11</v>
      </c>
      <c r="AE8226">
        <v>11</v>
      </c>
      <c r="AF8226">
        <v>11</v>
      </c>
      <c r="AG8226">
        <v>11</v>
      </c>
      <c r="AH8226">
        <v>11</v>
      </c>
      <c r="AI8226">
        <v>11</v>
      </c>
      <c r="AJ8226">
        <v>11</v>
      </c>
      <c r="AK8226">
        <v>11</v>
      </c>
      <c r="AL8226">
        <v>11</v>
      </c>
      <c r="AM8226">
        <v>11</v>
      </c>
      <c r="AN8226">
        <v>11</v>
      </c>
      <c r="AO8226">
        <v>11</v>
      </c>
      <c r="AP8226">
        <v>11</v>
      </c>
      <c r="AQ8226">
        <v>11</v>
      </c>
    </row>
    <row r="8227" spans="1:43">
      <c r="A8227" t="s">
        <v>5150</v>
      </c>
      <c r="B8227" t="s">
        <v>5151</v>
      </c>
      <c r="C8227" t="s">
        <v>5124</v>
      </c>
      <c r="D8227" t="s">
        <v>5125</v>
      </c>
      <c r="E8227" t="s">
        <v>4916</v>
      </c>
      <c r="F8227" t="s">
        <v>4917</v>
      </c>
      <c r="G8227" t="s">
        <v>80</v>
      </c>
      <c r="H8227" t="s">
        <v>81</v>
      </c>
      <c r="I8227" s="2">
        <v>1</v>
      </c>
      <c r="J8227" s="2">
        <v>0</v>
      </c>
      <c r="K8227" s="2">
        <v>0</v>
      </c>
      <c r="L8227" t="s">
        <v>120</v>
      </c>
      <c r="M8227" t="s">
        <v>87</v>
      </c>
      <c r="N8227" t="s">
        <v>88</v>
      </c>
      <c r="O8227" t="s">
        <v>85</v>
      </c>
      <c r="P8227" t="s">
        <v>86</v>
      </c>
      <c r="Q8227">
        <v>10</v>
      </c>
      <c r="R8227">
        <v>10</v>
      </c>
      <c r="S8227">
        <v>10</v>
      </c>
      <c r="T8227">
        <v>10</v>
      </c>
      <c r="U8227">
        <v>10</v>
      </c>
      <c r="V8227">
        <v>10</v>
      </c>
      <c r="W8227">
        <v>10</v>
      </c>
      <c r="X8227">
        <v>10</v>
      </c>
      <c r="Y8227">
        <v>10</v>
      </c>
      <c r="Z8227">
        <v>10</v>
      </c>
      <c r="AA8227">
        <v>10</v>
      </c>
      <c r="AB8227">
        <v>10</v>
      </c>
      <c r="AC8227">
        <v>10</v>
      </c>
      <c r="AD8227">
        <v>10</v>
      </c>
      <c r="AE8227">
        <v>10</v>
      </c>
      <c r="AF8227">
        <v>10</v>
      </c>
      <c r="AG8227">
        <v>10</v>
      </c>
      <c r="AH8227">
        <v>10</v>
      </c>
      <c r="AI8227">
        <v>10</v>
      </c>
      <c r="AJ8227">
        <v>10</v>
      </c>
      <c r="AK8227">
        <v>10</v>
      </c>
      <c r="AL8227">
        <v>10</v>
      </c>
      <c r="AM8227">
        <v>10</v>
      </c>
      <c r="AN8227">
        <v>10</v>
      </c>
      <c r="AO8227">
        <v>9</v>
      </c>
      <c r="AP8227">
        <v>9</v>
      </c>
      <c r="AQ8227">
        <v>9</v>
      </c>
    </row>
    <row r="8228" spans="1:43">
      <c r="A8228" t="s">
        <v>5150</v>
      </c>
      <c r="B8228" t="s">
        <v>5151</v>
      </c>
      <c r="C8228" t="s">
        <v>5124</v>
      </c>
      <c r="D8228" t="s">
        <v>5125</v>
      </c>
      <c r="E8228" t="s">
        <v>4916</v>
      </c>
      <c r="F8228" t="s">
        <v>4917</v>
      </c>
      <c r="G8228" t="s">
        <v>80</v>
      </c>
      <c r="H8228" t="s">
        <v>81</v>
      </c>
      <c r="I8228" s="2">
        <v>1</v>
      </c>
      <c r="J8228" s="2">
        <v>0</v>
      </c>
      <c r="K8228" s="2">
        <v>0</v>
      </c>
      <c r="L8228" t="s">
        <v>120</v>
      </c>
      <c r="M8228" t="s">
        <v>89</v>
      </c>
      <c r="N8228" t="s">
        <v>90</v>
      </c>
      <c r="O8228" t="s">
        <v>85</v>
      </c>
      <c r="P8228" t="s">
        <v>86</v>
      </c>
      <c r="Q8228">
        <v>10</v>
      </c>
      <c r="R8228">
        <v>10</v>
      </c>
      <c r="S8228">
        <v>11</v>
      </c>
      <c r="T8228">
        <v>11</v>
      </c>
      <c r="U8228">
        <v>11</v>
      </c>
      <c r="V8228">
        <v>11</v>
      </c>
      <c r="W8228">
        <v>11</v>
      </c>
      <c r="X8228">
        <v>11</v>
      </c>
      <c r="Y8228">
        <v>11</v>
      </c>
      <c r="Z8228">
        <v>11</v>
      </c>
      <c r="AA8228">
        <v>11</v>
      </c>
      <c r="AB8228">
        <v>12</v>
      </c>
      <c r="AC8228">
        <v>12</v>
      </c>
      <c r="AD8228">
        <v>12</v>
      </c>
      <c r="AE8228">
        <v>12</v>
      </c>
      <c r="AF8228">
        <v>12</v>
      </c>
      <c r="AG8228">
        <v>12</v>
      </c>
      <c r="AH8228">
        <v>12</v>
      </c>
      <c r="AI8228">
        <v>11</v>
      </c>
      <c r="AJ8228">
        <v>11</v>
      </c>
      <c r="AK8228">
        <v>11</v>
      </c>
      <c r="AL8228">
        <v>11</v>
      </c>
      <c r="AM8228">
        <v>11</v>
      </c>
      <c r="AN8228">
        <v>11</v>
      </c>
      <c r="AO8228">
        <v>11</v>
      </c>
      <c r="AP8228">
        <v>11</v>
      </c>
      <c r="AQ8228">
        <v>11</v>
      </c>
    </row>
    <row r="8229" spans="1:43">
      <c r="A8229" t="s">
        <v>5150</v>
      </c>
      <c r="B8229" t="s">
        <v>5151</v>
      </c>
      <c r="C8229" t="s">
        <v>5124</v>
      </c>
      <c r="D8229" t="s">
        <v>5125</v>
      </c>
      <c r="E8229" t="s">
        <v>4916</v>
      </c>
      <c r="F8229" t="s">
        <v>4917</v>
      </c>
      <c r="G8229" t="s">
        <v>80</v>
      </c>
      <c r="H8229" t="s">
        <v>81</v>
      </c>
      <c r="I8229" s="2">
        <v>1</v>
      </c>
      <c r="J8229" s="2">
        <v>0</v>
      </c>
      <c r="K8229" s="2">
        <v>0</v>
      </c>
      <c r="L8229" t="s">
        <v>120</v>
      </c>
      <c r="M8229" t="s">
        <v>83</v>
      </c>
      <c r="N8229" t="s">
        <v>91</v>
      </c>
      <c r="O8229" t="s">
        <v>85</v>
      </c>
      <c r="P8229" t="s">
        <v>86</v>
      </c>
      <c r="Q8229">
        <v>10</v>
      </c>
      <c r="R8229">
        <v>10</v>
      </c>
      <c r="S8229">
        <v>10</v>
      </c>
      <c r="T8229">
        <v>10</v>
      </c>
      <c r="U8229">
        <v>10</v>
      </c>
      <c r="V8229">
        <v>11</v>
      </c>
      <c r="W8229">
        <v>11</v>
      </c>
      <c r="X8229">
        <v>11</v>
      </c>
      <c r="Y8229">
        <v>11</v>
      </c>
      <c r="Z8229">
        <v>11</v>
      </c>
      <c r="AA8229">
        <v>11</v>
      </c>
      <c r="AB8229">
        <v>11</v>
      </c>
      <c r="AC8229">
        <v>11</v>
      </c>
      <c r="AD8229">
        <v>11</v>
      </c>
      <c r="AE8229">
        <v>11</v>
      </c>
      <c r="AF8229">
        <v>11</v>
      </c>
      <c r="AG8229">
        <v>11</v>
      </c>
      <c r="AH8229">
        <v>11</v>
      </c>
      <c r="AI8229">
        <v>11</v>
      </c>
      <c r="AJ8229">
        <v>11</v>
      </c>
      <c r="AK8229">
        <v>11</v>
      </c>
      <c r="AL8229">
        <v>11</v>
      </c>
      <c r="AM8229">
        <v>11</v>
      </c>
      <c r="AN8229">
        <v>11</v>
      </c>
      <c r="AO8229">
        <v>11</v>
      </c>
      <c r="AP8229">
        <v>11</v>
      </c>
      <c r="AQ8229">
        <v>11</v>
      </c>
    </row>
    <row r="8230" spans="1:43">
      <c r="A8230" t="s">
        <v>5152</v>
      </c>
      <c r="B8230" t="s">
        <v>5153</v>
      </c>
      <c r="C8230" t="s">
        <v>5138</v>
      </c>
      <c r="D8230" t="s">
        <v>5139</v>
      </c>
      <c r="E8230" t="s">
        <v>4916</v>
      </c>
      <c r="F8230" t="s">
        <v>4917</v>
      </c>
      <c r="G8230" t="s">
        <v>80</v>
      </c>
      <c r="H8230" t="s">
        <v>81</v>
      </c>
      <c r="I8230" s="2">
        <v>1</v>
      </c>
      <c r="J8230" s="2">
        <v>0</v>
      </c>
      <c r="K8230" s="2">
        <v>0</v>
      </c>
      <c r="L8230" t="s">
        <v>120</v>
      </c>
      <c r="M8230" t="s">
        <v>83</v>
      </c>
      <c r="N8230" t="s">
        <v>84</v>
      </c>
      <c r="O8230" t="s">
        <v>85</v>
      </c>
      <c r="P8230" t="s">
        <v>86</v>
      </c>
      <c r="Q8230">
        <v>10</v>
      </c>
      <c r="R8230">
        <v>10</v>
      </c>
      <c r="S8230">
        <v>10</v>
      </c>
      <c r="T8230">
        <v>10</v>
      </c>
      <c r="U8230">
        <v>10</v>
      </c>
      <c r="V8230">
        <v>10</v>
      </c>
      <c r="W8230">
        <v>10</v>
      </c>
      <c r="X8230">
        <v>10</v>
      </c>
      <c r="Y8230">
        <v>10</v>
      </c>
      <c r="Z8230">
        <v>10</v>
      </c>
      <c r="AA8230">
        <v>10</v>
      </c>
      <c r="AB8230">
        <v>10</v>
      </c>
      <c r="AC8230">
        <v>10</v>
      </c>
      <c r="AD8230">
        <v>10</v>
      </c>
      <c r="AE8230">
        <v>10</v>
      </c>
      <c r="AF8230">
        <v>10</v>
      </c>
      <c r="AG8230">
        <v>10</v>
      </c>
      <c r="AH8230">
        <v>10</v>
      </c>
      <c r="AI8230">
        <v>10</v>
      </c>
      <c r="AJ8230">
        <v>10</v>
      </c>
      <c r="AK8230">
        <v>10</v>
      </c>
      <c r="AL8230">
        <v>10</v>
      </c>
      <c r="AM8230">
        <v>10</v>
      </c>
      <c r="AN8230">
        <v>10</v>
      </c>
      <c r="AO8230">
        <v>10</v>
      </c>
      <c r="AP8230">
        <v>10</v>
      </c>
      <c r="AQ8230">
        <v>10</v>
      </c>
    </row>
    <row r="8231" spans="1:43">
      <c r="A8231" t="s">
        <v>5152</v>
      </c>
      <c r="B8231" t="s">
        <v>5153</v>
      </c>
      <c r="C8231" t="s">
        <v>5138</v>
      </c>
      <c r="D8231" t="s">
        <v>5139</v>
      </c>
      <c r="E8231" t="s">
        <v>4916</v>
      </c>
      <c r="F8231" t="s">
        <v>4917</v>
      </c>
      <c r="G8231" t="s">
        <v>80</v>
      </c>
      <c r="H8231" t="s">
        <v>81</v>
      </c>
      <c r="I8231" s="2">
        <v>1</v>
      </c>
      <c r="J8231" s="2">
        <v>0</v>
      </c>
      <c r="K8231" s="2">
        <v>0</v>
      </c>
      <c r="L8231" t="s">
        <v>120</v>
      </c>
      <c r="M8231" t="s">
        <v>87</v>
      </c>
      <c r="N8231" t="s">
        <v>88</v>
      </c>
      <c r="O8231" t="s">
        <v>85</v>
      </c>
      <c r="P8231" t="s">
        <v>86</v>
      </c>
      <c r="Q8231">
        <v>10</v>
      </c>
      <c r="R8231">
        <v>10</v>
      </c>
      <c r="S8231">
        <v>10</v>
      </c>
      <c r="T8231">
        <v>10</v>
      </c>
      <c r="U8231">
        <v>10</v>
      </c>
      <c r="V8231">
        <v>10</v>
      </c>
      <c r="W8231">
        <v>9</v>
      </c>
      <c r="X8231">
        <v>9</v>
      </c>
      <c r="Y8231">
        <v>9</v>
      </c>
      <c r="Z8231">
        <v>9</v>
      </c>
      <c r="AA8231">
        <v>9</v>
      </c>
      <c r="AB8231">
        <v>9</v>
      </c>
      <c r="AC8231">
        <v>9</v>
      </c>
      <c r="AD8231">
        <v>9</v>
      </c>
      <c r="AE8231">
        <v>9</v>
      </c>
      <c r="AF8231">
        <v>9</v>
      </c>
      <c r="AG8231">
        <v>9</v>
      </c>
      <c r="AH8231">
        <v>9</v>
      </c>
      <c r="AI8231">
        <v>9</v>
      </c>
      <c r="AJ8231">
        <v>9</v>
      </c>
      <c r="AK8231">
        <v>9</v>
      </c>
      <c r="AL8231">
        <v>9</v>
      </c>
      <c r="AM8231">
        <v>9</v>
      </c>
      <c r="AN8231">
        <v>9</v>
      </c>
      <c r="AO8231">
        <v>9</v>
      </c>
      <c r="AP8231">
        <v>9</v>
      </c>
      <c r="AQ8231">
        <v>9</v>
      </c>
    </row>
    <row r="8232" spans="1:43">
      <c r="A8232" t="s">
        <v>5152</v>
      </c>
      <c r="B8232" t="s">
        <v>5153</v>
      </c>
      <c r="C8232" t="s">
        <v>5138</v>
      </c>
      <c r="D8232" t="s">
        <v>5139</v>
      </c>
      <c r="E8232" t="s">
        <v>4916</v>
      </c>
      <c r="F8232" t="s">
        <v>4917</v>
      </c>
      <c r="G8232" t="s">
        <v>80</v>
      </c>
      <c r="H8232" t="s">
        <v>81</v>
      </c>
      <c r="I8232" s="2">
        <v>1</v>
      </c>
      <c r="J8232" s="2">
        <v>0</v>
      </c>
      <c r="K8232" s="2">
        <v>0</v>
      </c>
      <c r="L8232" t="s">
        <v>120</v>
      </c>
      <c r="M8232" t="s">
        <v>89</v>
      </c>
      <c r="N8232" t="s">
        <v>90</v>
      </c>
      <c r="O8232" t="s">
        <v>85</v>
      </c>
      <c r="P8232" t="s">
        <v>86</v>
      </c>
      <c r="Q8232">
        <v>10</v>
      </c>
      <c r="R8232">
        <v>10</v>
      </c>
      <c r="S8232">
        <v>10</v>
      </c>
      <c r="T8232">
        <v>10</v>
      </c>
      <c r="U8232">
        <v>10</v>
      </c>
      <c r="V8232">
        <v>10</v>
      </c>
      <c r="W8232">
        <v>11</v>
      </c>
      <c r="X8232">
        <v>11</v>
      </c>
      <c r="Y8232">
        <v>11</v>
      </c>
      <c r="Z8232">
        <v>11</v>
      </c>
      <c r="AA8232">
        <v>11</v>
      </c>
      <c r="AB8232">
        <v>11</v>
      </c>
      <c r="AC8232">
        <v>11</v>
      </c>
      <c r="AD8232">
        <v>11</v>
      </c>
      <c r="AE8232">
        <v>11</v>
      </c>
      <c r="AF8232">
        <v>11</v>
      </c>
      <c r="AG8232">
        <v>11</v>
      </c>
      <c r="AH8232">
        <v>11</v>
      </c>
      <c r="AI8232">
        <v>11</v>
      </c>
      <c r="AJ8232">
        <v>11</v>
      </c>
      <c r="AK8232">
        <v>11</v>
      </c>
      <c r="AL8232">
        <v>11</v>
      </c>
      <c r="AM8232">
        <v>10</v>
      </c>
      <c r="AN8232">
        <v>10</v>
      </c>
      <c r="AO8232">
        <v>10</v>
      </c>
      <c r="AP8232">
        <v>10</v>
      </c>
      <c r="AQ8232">
        <v>10</v>
      </c>
    </row>
    <row r="8233" spans="1:43">
      <c r="A8233" t="s">
        <v>5152</v>
      </c>
      <c r="B8233" t="s">
        <v>5153</v>
      </c>
      <c r="C8233" t="s">
        <v>5138</v>
      </c>
      <c r="D8233" t="s">
        <v>5139</v>
      </c>
      <c r="E8233" t="s">
        <v>4916</v>
      </c>
      <c r="F8233" t="s">
        <v>4917</v>
      </c>
      <c r="G8233" t="s">
        <v>80</v>
      </c>
      <c r="H8233" t="s">
        <v>81</v>
      </c>
      <c r="I8233" s="2">
        <v>1</v>
      </c>
      <c r="J8233" s="2">
        <v>0</v>
      </c>
      <c r="K8233" s="2">
        <v>0</v>
      </c>
      <c r="L8233" t="s">
        <v>120</v>
      </c>
      <c r="M8233" t="s">
        <v>83</v>
      </c>
      <c r="N8233" t="s">
        <v>91</v>
      </c>
      <c r="O8233" t="s">
        <v>85</v>
      </c>
      <c r="P8233" t="s">
        <v>86</v>
      </c>
      <c r="Q8233">
        <v>10</v>
      </c>
      <c r="R8233">
        <v>10</v>
      </c>
      <c r="S8233">
        <v>10</v>
      </c>
      <c r="T8233">
        <v>10</v>
      </c>
      <c r="U8233">
        <v>10</v>
      </c>
      <c r="V8233">
        <v>10</v>
      </c>
      <c r="W8233">
        <v>10</v>
      </c>
      <c r="X8233">
        <v>10</v>
      </c>
      <c r="Y8233">
        <v>10</v>
      </c>
      <c r="Z8233">
        <v>10</v>
      </c>
      <c r="AA8233">
        <v>10</v>
      </c>
      <c r="AB8233">
        <v>10</v>
      </c>
      <c r="AC8233">
        <v>10</v>
      </c>
      <c r="AD8233">
        <v>10</v>
      </c>
      <c r="AE8233">
        <v>10</v>
      </c>
      <c r="AF8233">
        <v>10</v>
      </c>
      <c r="AG8233">
        <v>10</v>
      </c>
      <c r="AH8233">
        <v>10</v>
      </c>
      <c r="AI8233">
        <v>10</v>
      </c>
      <c r="AJ8233">
        <v>10</v>
      </c>
      <c r="AK8233">
        <v>10</v>
      </c>
      <c r="AL8233">
        <v>10</v>
      </c>
      <c r="AM8233">
        <v>10</v>
      </c>
      <c r="AN8233">
        <v>10</v>
      </c>
      <c r="AO8233">
        <v>10</v>
      </c>
      <c r="AP8233">
        <v>10</v>
      </c>
      <c r="AQ8233">
        <v>10</v>
      </c>
    </row>
    <row r="8234" spans="1:43">
      <c r="A8234" t="s">
        <v>5154</v>
      </c>
      <c r="B8234" t="s">
        <v>5155</v>
      </c>
      <c r="C8234" t="s">
        <v>5124</v>
      </c>
      <c r="D8234" t="s">
        <v>5125</v>
      </c>
      <c r="E8234" t="s">
        <v>4916</v>
      </c>
      <c r="F8234" t="s">
        <v>4917</v>
      </c>
      <c r="G8234" t="s">
        <v>80</v>
      </c>
      <c r="H8234" t="s">
        <v>81</v>
      </c>
      <c r="I8234" s="2">
        <v>1</v>
      </c>
      <c r="J8234" s="2">
        <v>0</v>
      </c>
      <c r="K8234" s="2">
        <v>0</v>
      </c>
      <c r="L8234" t="s">
        <v>120</v>
      </c>
      <c r="M8234" t="s">
        <v>83</v>
      </c>
      <c r="N8234" t="s">
        <v>84</v>
      </c>
      <c r="O8234" t="s">
        <v>85</v>
      </c>
      <c r="P8234" t="s">
        <v>86</v>
      </c>
      <c r="Q8234">
        <v>7</v>
      </c>
      <c r="R8234">
        <v>7</v>
      </c>
      <c r="S8234">
        <v>7</v>
      </c>
      <c r="T8234">
        <v>7</v>
      </c>
      <c r="U8234">
        <v>7</v>
      </c>
      <c r="V8234">
        <v>7</v>
      </c>
      <c r="W8234">
        <v>7</v>
      </c>
      <c r="X8234">
        <v>7</v>
      </c>
      <c r="Y8234">
        <v>7</v>
      </c>
      <c r="Z8234">
        <v>7</v>
      </c>
      <c r="AA8234">
        <v>7</v>
      </c>
      <c r="AB8234">
        <v>7</v>
      </c>
      <c r="AC8234">
        <v>7</v>
      </c>
      <c r="AD8234">
        <v>7</v>
      </c>
      <c r="AE8234">
        <v>7</v>
      </c>
      <c r="AF8234">
        <v>7</v>
      </c>
      <c r="AG8234">
        <v>7</v>
      </c>
      <c r="AH8234">
        <v>7</v>
      </c>
      <c r="AI8234">
        <v>7</v>
      </c>
      <c r="AJ8234">
        <v>7</v>
      </c>
      <c r="AK8234">
        <v>8</v>
      </c>
      <c r="AL8234">
        <v>7</v>
      </c>
      <c r="AM8234">
        <v>7</v>
      </c>
      <c r="AN8234">
        <v>7</v>
      </c>
      <c r="AO8234">
        <v>7</v>
      </c>
      <c r="AP8234">
        <v>7</v>
      </c>
      <c r="AQ8234">
        <v>7</v>
      </c>
    </row>
    <row r="8235" spans="1:43">
      <c r="A8235" t="s">
        <v>5154</v>
      </c>
      <c r="B8235" t="s">
        <v>5155</v>
      </c>
      <c r="C8235" t="s">
        <v>5124</v>
      </c>
      <c r="D8235" t="s">
        <v>5125</v>
      </c>
      <c r="E8235" t="s">
        <v>4916</v>
      </c>
      <c r="F8235" t="s">
        <v>4917</v>
      </c>
      <c r="G8235" t="s">
        <v>80</v>
      </c>
      <c r="H8235" t="s">
        <v>81</v>
      </c>
      <c r="I8235" s="2">
        <v>1</v>
      </c>
      <c r="J8235" s="2">
        <v>0</v>
      </c>
      <c r="K8235" s="2">
        <v>0</v>
      </c>
      <c r="L8235" t="s">
        <v>120</v>
      </c>
      <c r="M8235" t="s">
        <v>87</v>
      </c>
      <c r="N8235" t="s">
        <v>88</v>
      </c>
      <c r="O8235" t="s">
        <v>85</v>
      </c>
      <c r="P8235" t="s">
        <v>86</v>
      </c>
      <c r="Q8235">
        <v>7</v>
      </c>
      <c r="R8235">
        <v>7</v>
      </c>
      <c r="S8235">
        <v>7</v>
      </c>
      <c r="T8235">
        <v>7</v>
      </c>
      <c r="U8235">
        <v>7</v>
      </c>
      <c r="V8235">
        <v>7</v>
      </c>
      <c r="W8235">
        <v>7</v>
      </c>
      <c r="X8235">
        <v>7</v>
      </c>
      <c r="Y8235">
        <v>7</v>
      </c>
      <c r="Z8235">
        <v>7</v>
      </c>
      <c r="AA8235">
        <v>7</v>
      </c>
      <c r="AB8235">
        <v>7</v>
      </c>
      <c r="AC8235">
        <v>7</v>
      </c>
      <c r="AD8235">
        <v>7</v>
      </c>
      <c r="AE8235">
        <v>7</v>
      </c>
      <c r="AF8235">
        <v>7</v>
      </c>
      <c r="AG8235">
        <v>7</v>
      </c>
      <c r="AH8235">
        <v>7</v>
      </c>
      <c r="AI8235">
        <v>6</v>
      </c>
      <c r="AJ8235">
        <v>6</v>
      </c>
      <c r="AK8235">
        <v>6</v>
      </c>
      <c r="AL8235">
        <v>6</v>
      </c>
      <c r="AM8235">
        <v>6</v>
      </c>
      <c r="AN8235">
        <v>6</v>
      </c>
      <c r="AO8235">
        <v>6</v>
      </c>
      <c r="AP8235">
        <v>6</v>
      </c>
      <c r="AQ8235">
        <v>6</v>
      </c>
    </row>
    <row r="8236" spans="1:43">
      <c r="A8236" t="s">
        <v>5154</v>
      </c>
      <c r="B8236" t="s">
        <v>5155</v>
      </c>
      <c r="C8236" t="s">
        <v>5124</v>
      </c>
      <c r="D8236" t="s">
        <v>5125</v>
      </c>
      <c r="E8236" t="s">
        <v>4916</v>
      </c>
      <c r="F8236" t="s">
        <v>4917</v>
      </c>
      <c r="G8236" t="s">
        <v>80</v>
      </c>
      <c r="H8236" t="s">
        <v>81</v>
      </c>
      <c r="I8236" s="2">
        <v>1</v>
      </c>
      <c r="J8236" s="2">
        <v>0</v>
      </c>
      <c r="K8236" s="2">
        <v>0</v>
      </c>
      <c r="L8236" t="s">
        <v>120</v>
      </c>
      <c r="M8236" t="s">
        <v>89</v>
      </c>
      <c r="N8236" t="s">
        <v>90</v>
      </c>
      <c r="O8236" t="s">
        <v>85</v>
      </c>
      <c r="P8236" t="s">
        <v>86</v>
      </c>
      <c r="Q8236">
        <v>7</v>
      </c>
      <c r="R8236">
        <v>7</v>
      </c>
      <c r="S8236">
        <v>7</v>
      </c>
      <c r="T8236">
        <v>7</v>
      </c>
      <c r="U8236">
        <v>7</v>
      </c>
      <c r="V8236">
        <v>7</v>
      </c>
      <c r="W8236">
        <v>8</v>
      </c>
      <c r="X8236">
        <v>8</v>
      </c>
      <c r="Y8236">
        <v>8</v>
      </c>
      <c r="Z8236">
        <v>8</v>
      </c>
      <c r="AA8236">
        <v>8</v>
      </c>
      <c r="AB8236">
        <v>8</v>
      </c>
      <c r="AC8236">
        <v>8</v>
      </c>
      <c r="AD8236">
        <v>8</v>
      </c>
      <c r="AE8236">
        <v>8</v>
      </c>
      <c r="AF8236">
        <v>8</v>
      </c>
      <c r="AG8236">
        <v>8</v>
      </c>
      <c r="AH8236">
        <v>8</v>
      </c>
      <c r="AI8236">
        <v>8</v>
      </c>
      <c r="AJ8236">
        <v>8</v>
      </c>
      <c r="AK8236">
        <v>8</v>
      </c>
      <c r="AL8236">
        <v>8</v>
      </c>
      <c r="AM8236">
        <v>7</v>
      </c>
      <c r="AN8236">
        <v>7</v>
      </c>
      <c r="AO8236">
        <v>7</v>
      </c>
      <c r="AP8236">
        <v>7</v>
      </c>
      <c r="AQ8236">
        <v>7</v>
      </c>
    </row>
    <row r="8237" spans="1:43">
      <c r="A8237" t="s">
        <v>5154</v>
      </c>
      <c r="B8237" t="s">
        <v>5155</v>
      </c>
      <c r="C8237" t="s">
        <v>5124</v>
      </c>
      <c r="D8237" t="s">
        <v>5125</v>
      </c>
      <c r="E8237" t="s">
        <v>4916</v>
      </c>
      <c r="F8237" t="s">
        <v>4917</v>
      </c>
      <c r="G8237" t="s">
        <v>80</v>
      </c>
      <c r="H8237" t="s">
        <v>81</v>
      </c>
      <c r="I8237" s="2">
        <v>1</v>
      </c>
      <c r="J8237" s="2">
        <v>0</v>
      </c>
      <c r="K8237" s="2">
        <v>0</v>
      </c>
      <c r="L8237" t="s">
        <v>120</v>
      </c>
      <c r="M8237" t="s">
        <v>83</v>
      </c>
      <c r="N8237" t="s">
        <v>91</v>
      </c>
      <c r="O8237" t="s">
        <v>85</v>
      </c>
      <c r="P8237" t="s">
        <v>86</v>
      </c>
      <c r="Q8237">
        <v>7</v>
      </c>
      <c r="R8237">
        <v>7</v>
      </c>
      <c r="S8237">
        <v>7</v>
      </c>
      <c r="T8237">
        <v>7</v>
      </c>
      <c r="U8237">
        <v>7</v>
      </c>
      <c r="V8237">
        <v>7</v>
      </c>
      <c r="W8237">
        <v>7</v>
      </c>
      <c r="X8237">
        <v>7</v>
      </c>
      <c r="Y8237">
        <v>7</v>
      </c>
      <c r="Z8237">
        <v>7</v>
      </c>
      <c r="AA8237">
        <v>7</v>
      </c>
      <c r="AB8237">
        <v>7</v>
      </c>
      <c r="AC8237">
        <v>7</v>
      </c>
      <c r="AD8237">
        <v>7</v>
      </c>
      <c r="AE8237">
        <v>7</v>
      </c>
      <c r="AF8237">
        <v>7</v>
      </c>
      <c r="AG8237">
        <v>7</v>
      </c>
      <c r="AH8237">
        <v>7</v>
      </c>
      <c r="AI8237">
        <v>7</v>
      </c>
      <c r="AJ8237">
        <v>7</v>
      </c>
      <c r="AK8237">
        <v>8</v>
      </c>
      <c r="AL8237">
        <v>7</v>
      </c>
      <c r="AM8237">
        <v>7</v>
      </c>
      <c r="AN8237">
        <v>7</v>
      </c>
      <c r="AO8237">
        <v>7</v>
      </c>
      <c r="AP8237">
        <v>7</v>
      </c>
      <c r="AQ8237">
        <v>7</v>
      </c>
    </row>
    <row r="8238" spans="1:43">
      <c r="A8238" t="s">
        <v>5156</v>
      </c>
      <c r="B8238" t="s">
        <v>5157</v>
      </c>
      <c r="C8238" t="s">
        <v>5138</v>
      </c>
      <c r="D8238" t="s">
        <v>5139</v>
      </c>
      <c r="E8238" t="s">
        <v>4916</v>
      </c>
      <c r="F8238" t="s">
        <v>4917</v>
      </c>
      <c r="G8238" t="s">
        <v>80</v>
      </c>
      <c r="H8238" t="s">
        <v>81</v>
      </c>
      <c r="I8238" s="2">
        <v>1</v>
      </c>
      <c r="J8238" s="2">
        <v>0</v>
      </c>
      <c r="K8238" s="2">
        <v>0</v>
      </c>
      <c r="L8238" t="s">
        <v>120</v>
      </c>
      <c r="M8238" t="s">
        <v>83</v>
      </c>
      <c r="N8238" t="s">
        <v>84</v>
      </c>
      <c r="O8238" t="s">
        <v>85</v>
      </c>
      <c r="P8238" t="s">
        <v>86</v>
      </c>
      <c r="Q8238">
        <v>4</v>
      </c>
      <c r="R8238">
        <v>4</v>
      </c>
      <c r="S8238">
        <v>4</v>
      </c>
      <c r="T8238">
        <v>4</v>
      </c>
      <c r="U8238">
        <v>4</v>
      </c>
      <c r="V8238">
        <v>4</v>
      </c>
      <c r="W8238">
        <v>4</v>
      </c>
      <c r="X8238">
        <v>4</v>
      </c>
      <c r="Y8238">
        <v>4</v>
      </c>
      <c r="Z8238">
        <v>4</v>
      </c>
      <c r="AA8238">
        <v>4</v>
      </c>
      <c r="AB8238">
        <v>4</v>
      </c>
      <c r="AC8238">
        <v>4</v>
      </c>
      <c r="AD8238">
        <v>4</v>
      </c>
      <c r="AE8238">
        <v>4</v>
      </c>
      <c r="AF8238">
        <v>4</v>
      </c>
      <c r="AG8238">
        <v>4</v>
      </c>
      <c r="AH8238">
        <v>4</v>
      </c>
      <c r="AI8238">
        <v>4</v>
      </c>
      <c r="AJ8238">
        <v>4</v>
      </c>
      <c r="AK8238">
        <v>4</v>
      </c>
      <c r="AL8238">
        <v>4</v>
      </c>
      <c r="AM8238">
        <v>4</v>
      </c>
      <c r="AN8238">
        <v>4</v>
      </c>
      <c r="AO8238">
        <v>4</v>
      </c>
      <c r="AP8238">
        <v>4</v>
      </c>
      <c r="AQ8238">
        <v>4</v>
      </c>
    </row>
    <row r="8239" spans="1:43">
      <c r="A8239" t="s">
        <v>5156</v>
      </c>
      <c r="B8239" t="s">
        <v>5157</v>
      </c>
      <c r="C8239" t="s">
        <v>5138</v>
      </c>
      <c r="D8239" t="s">
        <v>5139</v>
      </c>
      <c r="E8239" t="s">
        <v>4916</v>
      </c>
      <c r="F8239" t="s">
        <v>4917</v>
      </c>
      <c r="G8239" t="s">
        <v>80</v>
      </c>
      <c r="H8239" t="s">
        <v>81</v>
      </c>
      <c r="I8239" s="2">
        <v>1</v>
      </c>
      <c r="J8239" s="2">
        <v>0</v>
      </c>
      <c r="K8239" s="2">
        <v>0</v>
      </c>
      <c r="L8239" t="s">
        <v>120</v>
      </c>
      <c r="M8239" t="s">
        <v>87</v>
      </c>
      <c r="N8239" t="s">
        <v>88</v>
      </c>
      <c r="O8239" t="s">
        <v>85</v>
      </c>
      <c r="P8239" t="s">
        <v>86</v>
      </c>
      <c r="Q8239">
        <v>4</v>
      </c>
      <c r="R8239">
        <v>4</v>
      </c>
      <c r="S8239">
        <v>4</v>
      </c>
      <c r="T8239">
        <v>4</v>
      </c>
      <c r="U8239">
        <v>4</v>
      </c>
      <c r="V8239">
        <v>4</v>
      </c>
      <c r="W8239">
        <v>4</v>
      </c>
      <c r="X8239">
        <v>4</v>
      </c>
      <c r="Y8239">
        <v>4</v>
      </c>
      <c r="Z8239">
        <v>4</v>
      </c>
      <c r="AA8239">
        <v>4</v>
      </c>
      <c r="AB8239">
        <v>4</v>
      </c>
      <c r="AC8239">
        <v>4</v>
      </c>
      <c r="AD8239">
        <v>4</v>
      </c>
      <c r="AE8239">
        <v>4</v>
      </c>
      <c r="AF8239">
        <v>4</v>
      </c>
      <c r="AG8239">
        <v>4</v>
      </c>
      <c r="AH8239">
        <v>4</v>
      </c>
      <c r="AI8239">
        <v>4</v>
      </c>
      <c r="AJ8239">
        <v>4</v>
      </c>
      <c r="AK8239">
        <v>4</v>
      </c>
      <c r="AL8239">
        <v>4</v>
      </c>
      <c r="AM8239">
        <v>4</v>
      </c>
      <c r="AN8239">
        <v>3</v>
      </c>
      <c r="AO8239">
        <v>3</v>
      </c>
      <c r="AP8239">
        <v>3</v>
      </c>
      <c r="AQ8239">
        <v>3</v>
      </c>
    </row>
    <row r="8240" spans="1:43">
      <c r="A8240" t="s">
        <v>5156</v>
      </c>
      <c r="B8240" t="s">
        <v>5157</v>
      </c>
      <c r="C8240" t="s">
        <v>5138</v>
      </c>
      <c r="D8240" t="s">
        <v>5139</v>
      </c>
      <c r="E8240" t="s">
        <v>4916</v>
      </c>
      <c r="F8240" t="s">
        <v>4917</v>
      </c>
      <c r="G8240" t="s">
        <v>80</v>
      </c>
      <c r="H8240" t="s">
        <v>81</v>
      </c>
      <c r="I8240" s="2">
        <v>1</v>
      </c>
      <c r="J8240" s="2">
        <v>0</v>
      </c>
      <c r="K8240" s="2">
        <v>0</v>
      </c>
      <c r="L8240" t="s">
        <v>120</v>
      </c>
      <c r="M8240" t="s">
        <v>89</v>
      </c>
      <c r="N8240" t="s">
        <v>90</v>
      </c>
      <c r="O8240" t="s">
        <v>85</v>
      </c>
      <c r="P8240" t="s">
        <v>86</v>
      </c>
      <c r="Q8240">
        <v>4</v>
      </c>
      <c r="R8240">
        <v>4</v>
      </c>
      <c r="S8240">
        <v>4</v>
      </c>
      <c r="T8240">
        <v>4</v>
      </c>
      <c r="U8240">
        <v>4</v>
      </c>
      <c r="V8240">
        <v>4</v>
      </c>
      <c r="W8240">
        <v>4</v>
      </c>
      <c r="X8240">
        <v>4</v>
      </c>
      <c r="Y8240">
        <v>4</v>
      </c>
      <c r="Z8240">
        <v>4</v>
      </c>
      <c r="AA8240">
        <v>4</v>
      </c>
      <c r="AB8240">
        <v>4</v>
      </c>
      <c r="AC8240">
        <v>4</v>
      </c>
      <c r="AD8240">
        <v>4</v>
      </c>
      <c r="AE8240">
        <v>4</v>
      </c>
      <c r="AF8240">
        <v>4</v>
      </c>
      <c r="AG8240">
        <v>4</v>
      </c>
      <c r="AH8240">
        <v>4</v>
      </c>
      <c r="AI8240">
        <v>4</v>
      </c>
      <c r="AJ8240">
        <v>4</v>
      </c>
      <c r="AK8240">
        <v>4</v>
      </c>
      <c r="AL8240">
        <v>4</v>
      </c>
      <c r="AM8240">
        <v>4</v>
      </c>
      <c r="AN8240">
        <v>4</v>
      </c>
      <c r="AO8240">
        <v>4</v>
      </c>
      <c r="AP8240">
        <v>4</v>
      </c>
      <c r="AQ8240">
        <v>4</v>
      </c>
    </row>
    <row r="8241" spans="1:43">
      <c r="A8241" t="s">
        <v>5156</v>
      </c>
      <c r="B8241" t="s">
        <v>5157</v>
      </c>
      <c r="C8241" t="s">
        <v>5138</v>
      </c>
      <c r="D8241" t="s">
        <v>5139</v>
      </c>
      <c r="E8241" t="s">
        <v>4916</v>
      </c>
      <c r="F8241" t="s">
        <v>4917</v>
      </c>
      <c r="G8241" t="s">
        <v>80</v>
      </c>
      <c r="H8241" t="s">
        <v>81</v>
      </c>
      <c r="I8241" s="2">
        <v>1</v>
      </c>
      <c r="J8241" s="2">
        <v>0</v>
      </c>
      <c r="K8241" s="2">
        <v>0</v>
      </c>
      <c r="L8241" t="s">
        <v>120</v>
      </c>
      <c r="M8241" t="s">
        <v>83</v>
      </c>
      <c r="N8241" t="s">
        <v>91</v>
      </c>
      <c r="O8241" t="s">
        <v>85</v>
      </c>
      <c r="P8241" t="s">
        <v>86</v>
      </c>
      <c r="Q8241">
        <v>4</v>
      </c>
      <c r="R8241">
        <v>4</v>
      </c>
      <c r="S8241">
        <v>4</v>
      </c>
      <c r="T8241">
        <v>4</v>
      </c>
      <c r="U8241">
        <v>4</v>
      </c>
      <c r="V8241">
        <v>4</v>
      </c>
      <c r="W8241">
        <v>4</v>
      </c>
      <c r="X8241">
        <v>4</v>
      </c>
      <c r="Y8241">
        <v>4</v>
      </c>
      <c r="Z8241">
        <v>4</v>
      </c>
      <c r="AA8241">
        <v>4</v>
      </c>
      <c r="AB8241">
        <v>4</v>
      </c>
      <c r="AC8241">
        <v>4</v>
      </c>
      <c r="AD8241">
        <v>4</v>
      </c>
      <c r="AE8241">
        <v>4</v>
      </c>
      <c r="AF8241">
        <v>4</v>
      </c>
      <c r="AG8241">
        <v>4</v>
      </c>
      <c r="AH8241">
        <v>4</v>
      </c>
      <c r="AI8241">
        <v>4</v>
      </c>
      <c r="AJ8241">
        <v>4</v>
      </c>
      <c r="AK8241">
        <v>4</v>
      </c>
      <c r="AL8241">
        <v>4</v>
      </c>
      <c r="AM8241">
        <v>4</v>
      </c>
      <c r="AN8241">
        <v>4</v>
      </c>
      <c r="AO8241">
        <v>4</v>
      </c>
      <c r="AP8241">
        <v>4</v>
      </c>
      <c r="AQ8241">
        <v>4</v>
      </c>
    </row>
    <row r="8242" spans="1:43">
      <c r="A8242" t="s">
        <v>5158</v>
      </c>
      <c r="B8242" t="s">
        <v>5159</v>
      </c>
      <c r="C8242" t="s">
        <v>5160</v>
      </c>
      <c r="D8242" t="s">
        <v>5161</v>
      </c>
      <c r="E8242" t="s">
        <v>4916</v>
      </c>
      <c r="F8242" t="s">
        <v>4917</v>
      </c>
      <c r="G8242" t="s">
        <v>80</v>
      </c>
      <c r="H8242" t="s">
        <v>81</v>
      </c>
      <c r="I8242" s="2">
        <v>1</v>
      </c>
      <c r="J8242" s="2">
        <v>0</v>
      </c>
      <c r="K8242" s="2">
        <v>0</v>
      </c>
      <c r="L8242" t="s">
        <v>120</v>
      </c>
      <c r="M8242" t="s">
        <v>83</v>
      </c>
      <c r="N8242" t="s">
        <v>84</v>
      </c>
      <c r="O8242" t="s">
        <v>85</v>
      </c>
      <c r="P8242" t="s">
        <v>86</v>
      </c>
      <c r="Q8242">
        <v>21</v>
      </c>
      <c r="R8242">
        <v>21</v>
      </c>
      <c r="S8242">
        <v>22</v>
      </c>
      <c r="T8242">
        <v>22</v>
      </c>
      <c r="U8242">
        <v>22</v>
      </c>
      <c r="V8242">
        <v>22</v>
      </c>
      <c r="W8242">
        <v>22</v>
      </c>
      <c r="X8242">
        <v>22</v>
      </c>
      <c r="Y8242">
        <v>22</v>
      </c>
      <c r="Z8242">
        <v>22</v>
      </c>
      <c r="AA8242">
        <v>22</v>
      </c>
      <c r="AB8242">
        <v>23</v>
      </c>
      <c r="AC8242">
        <v>23</v>
      </c>
      <c r="AD8242">
        <v>23</v>
      </c>
      <c r="AE8242">
        <v>23</v>
      </c>
      <c r="AF8242">
        <v>23</v>
      </c>
      <c r="AG8242">
        <v>23</v>
      </c>
      <c r="AH8242">
        <v>23</v>
      </c>
      <c r="AI8242">
        <v>23</v>
      </c>
      <c r="AJ8242">
        <v>23</v>
      </c>
      <c r="AK8242">
        <v>23</v>
      </c>
      <c r="AL8242">
        <v>23</v>
      </c>
      <c r="AM8242">
        <v>23</v>
      </c>
      <c r="AN8242">
        <v>23</v>
      </c>
      <c r="AO8242">
        <v>23</v>
      </c>
      <c r="AP8242">
        <v>23</v>
      </c>
      <c r="AQ8242">
        <v>22</v>
      </c>
    </row>
    <row r="8243" spans="1:43">
      <c r="A8243" t="s">
        <v>5158</v>
      </c>
      <c r="B8243" t="s">
        <v>5159</v>
      </c>
      <c r="C8243" t="s">
        <v>5160</v>
      </c>
      <c r="D8243" t="s">
        <v>5161</v>
      </c>
      <c r="E8243" t="s">
        <v>4916</v>
      </c>
      <c r="F8243" t="s">
        <v>4917</v>
      </c>
      <c r="G8243" t="s">
        <v>80</v>
      </c>
      <c r="H8243" t="s">
        <v>81</v>
      </c>
      <c r="I8243" s="2">
        <v>1</v>
      </c>
      <c r="J8243" s="2">
        <v>0</v>
      </c>
      <c r="K8243" s="2">
        <v>0</v>
      </c>
      <c r="L8243" t="s">
        <v>120</v>
      </c>
      <c r="M8243" t="s">
        <v>87</v>
      </c>
      <c r="N8243" t="s">
        <v>88</v>
      </c>
      <c r="O8243" t="s">
        <v>85</v>
      </c>
      <c r="P8243" t="s">
        <v>86</v>
      </c>
      <c r="Q8243">
        <v>21</v>
      </c>
      <c r="R8243">
        <v>21</v>
      </c>
      <c r="S8243">
        <v>21</v>
      </c>
      <c r="T8243">
        <v>21</v>
      </c>
      <c r="U8243">
        <v>21</v>
      </c>
      <c r="V8243">
        <v>21</v>
      </c>
      <c r="W8243">
        <v>21</v>
      </c>
      <c r="X8243">
        <v>21</v>
      </c>
      <c r="Y8243">
        <v>21</v>
      </c>
      <c r="Z8243">
        <v>21</v>
      </c>
      <c r="AA8243">
        <v>20</v>
      </c>
      <c r="AB8243">
        <v>20</v>
      </c>
      <c r="AC8243">
        <v>20</v>
      </c>
      <c r="AD8243">
        <v>20</v>
      </c>
      <c r="AE8243">
        <v>20</v>
      </c>
      <c r="AF8243">
        <v>20</v>
      </c>
      <c r="AG8243">
        <v>20</v>
      </c>
      <c r="AH8243">
        <v>20</v>
      </c>
      <c r="AI8243">
        <v>20</v>
      </c>
      <c r="AJ8243">
        <v>20</v>
      </c>
      <c r="AK8243">
        <v>20</v>
      </c>
      <c r="AL8243">
        <v>20</v>
      </c>
      <c r="AM8243">
        <v>20</v>
      </c>
      <c r="AN8243">
        <v>20</v>
      </c>
      <c r="AO8243">
        <v>20</v>
      </c>
      <c r="AP8243">
        <v>19</v>
      </c>
      <c r="AQ8243">
        <v>19</v>
      </c>
    </row>
    <row r="8244" spans="1:43">
      <c r="A8244" t="s">
        <v>5158</v>
      </c>
      <c r="B8244" t="s">
        <v>5159</v>
      </c>
      <c r="C8244" t="s">
        <v>5160</v>
      </c>
      <c r="D8244" t="s">
        <v>5161</v>
      </c>
      <c r="E8244" t="s">
        <v>4916</v>
      </c>
      <c r="F8244" t="s">
        <v>4917</v>
      </c>
      <c r="G8244" t="s">
        <v>80</v>
      </c>
      <c r="H8244" t="s">
        <v>81</v>
      </c>
      <c r="I8244" s="2">
        <v>1</v>
      </c>
      <c r="J8244" s="2">
        <v>0</v>
      </c>
      <c r="K8244" s="2">
        <v>0</v>
      </c>
      <c r="L8244" t="s">
        <v>120</v>
      </c>
      <c r="M8244" t="s">
        <v>89</v>
      </c>
      <c r="N8244" t="s">
        <v>90</v>
      </c>
      <c r="O8244" t="s">
        <v>85</v>
      </c>
      <c r="P8244" t="s">
        <v>86</v>
      </c>
      <c r="Q8244">
        <v>21</v>
      </c>
      <c r="R8244">
        <v>21</v>
      </c>
      <c r="S8244">
        <v>21</v>
      </c>
      <c r="T8244">
        <v>21</v>
      </c>
      <c r="U8244">
        <v>22</v>
      </c>
      <c r="V8244">
        <v>22</v>
      </c>
      <c r="W8244">
        <v>22</v>
      </c>
      <c r="X8244">
        <v>22</v>
      </c>
      <c r="Y8244">
        <v>23</v>
      </c>
      <c r="Z8244">
        <v>23</v>
      </c>
      <c r="AA8244">
        <v>23</v>
      </c>
      <c r="AB8244">
        <v>23</v>
      </c>
      <c r="AC8244">
        <v>23</v>
      </c>
      <c r="AD8244">
        <v>23</v>
      </c>
      <c r="AE8244">
        <v>23</v>
      </c>
      <c r="AF8244">
        <v>23</v>
      </c>
      <c r="AG8244">
        <v>23</v>
      </c>
      <c r="AH8244">
        <v>23</v>
      </c>
      <c r="AI8244">
        <v>23</v>
      </c>
      <c r="AJ8244">
        <v>23</v>
      </c>
      <c r="AK8244">
        <v>23</v>
      </c>
      <c r="AL8244">
        <v>22</v>
      </c>
      <c r="AM8244">
        <v>22</v>
      </c>
      <c r="AN8244">
        <v>22</v>
      </c>
      <c r="AO8244">
        <v>22</v>
      </c>
      <c r="AP8244">
        <v>22</v>
      </c>
      <c r="AQ8244">
        <v>22</v>
      </c>
    </row>
    <row r="8245" spans="1:43">
      <c r="A8245" t="s">
        <v>5158</v>
      </c>
      <c r="B8245" t="s">
        <v>5159</v>
      </c>
      <c r="C8245" t="s">
        <v>5160</v>
      </c>
      <c r="D8245" t="s">
        <v>5161</v>
      </c>
      <c r="E8245" t="s">
        <v>4916</v>
      </c>
      <c r="F8245" t="s">
        <v>4917</v>
      </c>
      <c r="G8245" t="s">
        <v>80</v>
      </c>
      <c r="H8245" t="s">
        <v>81</v>
      </c>
      <c r="I8245" s="2">
        <v>1</v>
      </c>
      <c r="J8245" s="2">
        <v>0</v>
      </c>
      <c r="K8245" s="2">
        <v>0</v>
      </c>
      <c r="L8245" t="s">
        <v>120</v>
      </c>
      <c r="M8245" t="s">
        <v>83</v>
      </c>
      <c r="N8245" t="s">
        <v>91</v>
      </c>
      <c r="O8245" t="s">
        <v>85</v>
      </c>
      <c r="P8245" t="s">
        <v>86</v>
      </c>
      <c r="Q8245">
        <v>21</v>
      </c>
      <c r="R8245">
        <v>21</v>
      </c>
      <c r="S8245">
        <v>22</v>
      </c>
      <c r="T8245">
        <v>22</v>
      </c>
      <c r="U8245">
        <v>22</v>
      </c>
      <c r="V8245">
        <v>22</v>
      </c>
      <c r="W8245">
        <v>22</v>
      </c>
      <c r="X8245">
        <v>22</v>
      </c>
      <c r="Y8245">
        <v>22</v>
      </c>
      <c r="Z8245">
        <v>22</v>
      </c>
      <c r="AA8245">
        <v>22</v>
      </c>
      <c r="AB8245">
        <v>23</v>
      </c>
      <c r="AC8245">
        <v>23</v>
      </c>
      <c r="AD8245">
        <v>23</v>
      </c>
      <c r="AE8245">
        <v>23</v>
      </c>
      <c r="AF8245">
        <v>23</v>
      </c>
      <c r="AG8245">
        <v>23</v>
      </c>
      <c r="AH8245">
        <v>23</v>
      </c>
      <c r="AI8245">
        <v>23</v>
      </c>
      <c r="AJ8245">
        <v>23</v>
      </c>
      <c r="AK8245">
        <v>23</v>
      </c>
      <c r="AL8245">
        <v>23</v>
      </c>
      <c r="AM8245">
        <v>23</v>
      </c>
      <c r="AN8245">
        <v>23</v>
      </c>
      <c r="AO8245">
        <v>23</v>
      </c>
      <c r="AP8245">
        <v>23</v>
      </c>
      <c r="AQ8245">
        <v>22</v>
      </c>
    </row>
    <row r="8246" spans="1:43">
      <c r="A8246" t="s">
        <v>5162</v>
      </c>
      <c r="B8246" t="s">
        <v>5163</v>
      </c>
      <c r="C8246" t="s">
        <v>5164</v>
      </c>
      <c r="D8246" t="s">
        <v>5165</v>
      </c>
      <c r="E8246" t="s">
        <v>4916</v>
      </c>
      <c r="F8246" t="s">
        <v>4917</v>
      </c>
      <c r="G8246" t="s">
        <v>80</v>
      </c>
      <c r="H8246" t="s">
        <v>81</v>
      </c>
      <c r="I8246" s="2">
        <v>1</v>
      </c>
      <c r="J8246" s="2">
        <v>0</v>
      </c>
      <c r="K8246" s="2">
        <v>0</v>
      </c>
      <c r="L8246" t="s">
        <v>120</v>
      </c>
      <c r="M8246" t="s">
        <v>83</v>
      </c>
      <c r="N8246" t="s">
        <v>84</v>
      </c>
      <c r="O8246" t="s">
        <v>85</v>
      </c>
      <c r="P8246" t="s">
        <v>86</v>
      </c>
      <c r="Q8246">
        <v>18</v>
      </c>
      <c r="R8246">
        <v>18</v>
      </c>
      <c r="S8246">
        <v>18</v>
      </c>
      <c r="T8246">
        <v>18</v>
      </c>
      <c r="U8246">
        <v>18</v>
      </c>
      <c r="V8246">
        <v>18</v>
      </c>
      <c r="W8246">
        <v>18</v>
      </c>
      <c r="X8246">
        <v>18</v>
      </c>
      <c r="Y8246">
        <v>19</v>
      </c>
      <c r="Z8246">
        <v>19</v>
      </c>
      <c r="AA8246">
        <v>19</v>
      </c>
      <c r="AB8246">
        <v>19</v>
      </c>
      <c r="AC8246">
        <v>19</v>
      </c>
      <c r="AD8246">
        <v>19</v>
      </c>
      <c r="AE8246">
        <v>19</v>
      </c>
      <c r="AF8246">
        <v>19</v>
      </c>
      <c r="AG8246">
        <v>19</v>
      </c>
      <c r="AH8246">
        <v>19</v>
      </c>
      <c r="AI8246">
        <v>19</v>
      </c>
      <c r="AJ8246">
        <v>19</v>
      </c>
      <c r="AK8246">
        <v>19</v>
      </c>
      <c r="AL8246">
        <v>19</v>
      </c>
      <c r="AM8246">
        <v>19</v>
      </c>
      <c r="AN8246">
        <v>19</v>
      </c>
      <c r="AO8246">
        <v>19</v>
      </c>
      <c r="AP8246">
        <v>19</v>
      </c>
      <c r="AQ8246">
        <v>19</v>
      </c>
    </row>
    <row r="8247" spans="1:43">
      <c r="A8247" t="s">
        <v>5162</v>
      </c>
      <c r="B8247" t="s">
        <v>5163</v>
      </c>
      <c r="C8247" t="s">
        <v>5164</v>
      </c>
      <c r="D8247" t="s">
        <v>5165</v>
      </c>
      <c r="E8247" t="s">
        <v>4916</v>
      </c>
      <c r="F8247" t="s">
        <v>4917</v>
      </c>
      <c r="G8247" t="s">
        <v>80</v>
      </c>
      <c r="H8247" t="s">
        <v>81</v>
      </c>
      <c r="I8247" s="2">
        <v>1</v>
      </c>
      <c r="J8247" s="2">
        <v>0</v>
      </c>
      <c r="K8247" s="2">
        <v>0</v>
      </c>
      <c r="L8247" t="s">
        <v>120</v>
      </c>
      <c r="M8247" t="s">
        <v>87</v>
      </c>
      <c r="N8247" t="s">
        <v>88</v>
      </c>
      <c r="O8247" t="s">
        <v>85</v>
      </c>
      <c r="P8247" t="s">
        <v>86</v>
      </c>
      <c r="Q8247">
        <v>18</v>
      </c>
      <c r="R8247">
        <v>18</v>
      </c>
      <c r="S8247">
        <v>17</v>
      </c>
      <c r="T8247">
        <v>17</v>
      </c>
      <c r="U8247">
        <v>17</v>
      </c>
      <c r="V8247">
        <v>17</v>
      </c>
      <c r="W8247">
        <v>17</v>
      </c>
      <c r="X8247">
        <v>17</v>
      </c>
      <c r="Y8247">
        <v>17</v>
      </c>
      <c r="Z8247">
        <v>17</v>
      </c>
      <c r="AA8247">
        <v>17</v>
      </c>
      <c r="AB8247">
        <v>17</v>
      </c>
      <c r="AC8247">
        <v>17</v>
      </c>
      <c r="AD8247">
        <v>17</v>
      </c>
      <c r="AE8247">
        <v>17</v>
      </c>
      <c r="AF8247">
        <v>17</v>
      </c>
      <c r="AG8247">
        <v>17</v>
      </c>
      <c r="AH8247">
        <v>17</v>
      </c>
      <c r="AI8247">
        <v>17</v>
      </c>
      <c r="AJ8247">
        <v>17</v>
      </c>
      <c r="AK8247">
        <v>16</v>
      </c>
      <c r="AL8247">
        <v>16</v>
      </c>
      <c r="AM8247">
        <v>16</v>
      </c>
      <c r="AN8247">
        <v>16</v>
      </c>
      <c r="AO8247">
        <v>16</v>
      </c>
      <c r="AP8247">
        <v>16</v>
      </c>
      <c r="AQ8247">
        <v>16</v>
      </c>
    </row>
    <row r="8248" spans="1:43">
      <c r="A8248" t="s">
        <v>5162</v>
      </c>
      <c r="B8248" t="s">
        <v>5163</v>
      </c>
      <c r="C8248" t="s">
        <v>5164</v>
      </c>
      <c r="D8248" t="s">
        <v>5165</v>
      </c>
      <c r="E8248" t="s">
        <v>4916</v>
      </c>
      <c r="F8248" t="s">
        <v>4917</v>
      </c>
      <c r="G8248" t="s">
        <v>80</v>
      </c>
      <c r="H8248" t="s">
        <v>81</v>
      </c>
      <c r="I8248" s="2">
        <v>1</v>
      </c>
      <c r="J8248" s="2">
        <v>0</v>
      </c>
      <c r="K8248" s="2">
        <v>0</v>
      </c>
      <c r="L8248" t="s">
        <v>120</v>
      </c>
      <c r="M8248" t="s">
        <v>89</v>
      </c>
      <c r="N8248" t="s">
        <v>90</v>
      </c>
      <c r="O8248" t="s">
        <v>85</v>
      </c>
      <c r="P8248" t="s">
        <v>86</v>
      </c>
      <c r="Q8248">
        <v>18</v>
      </c>
      <c r="R8248">
        <v>18</v>
      </c>
      <c r="S8248">
        <v>18</v>
      </c>
      <c r="T8248">
        <v>19</v>
      </c>
      <c r="U8248">
        <v>19</v>
      </c>
      <c r="V8248">
        <v>19</v>
      </c>
      <c r="W8248">
        <v>19</v>
      </c>
      <c r="X8248">
        <v>19</v>
      </c>
      <c r="Y8248">
        <v>20</v>
      </c>
      <c r="Z8248">
        <v>20</v>
      </c>
      <c r="AA8248">
        <v>20</v>
      </c>
      <c r="AB8248">
        <v>20</v>
      </c>
      <c r="AC8248">
        <v>20</v>
      </c>
      <c r="AD8248">
        <v>20</v>
      </c>
      <c r="AE8248">
        <v>20</v>
      </c>
      <c r="AF8248">
        <v>20</v>
      </c>
      <c r="AG8248">
        <v>20</v>
      </c>
      <c r="AH8248">
        <v>20</v>
      </c>
      <c r="AI8248">
        <v>20</v>
      </c>
      <c r="AJ8248">
        <v>20</v>
      </c>
      <c r="AK8248">
        <v>20</v>
      </c>
      <c r="AL8248">
        <v>19</v>
      </c>
      <c r="AM8248">
        <v>19</v>
      </c>
      <c r="AN8248">
        <v>19</v>
      </c>
      <c r="AO8248">
        <v>19</v>
      </c>
      <c r="AP8248">
        <v>19</v>
      </c>
      <c r="AQ8248">
        <v>19</v>
      </c>
    </row>
    <row r="8249" spans="1:43">
      <c r="A8249" t="s">
        <v>5162</v>
      </c>
      <c r="B8249" t="s">
        <v>5163</v>
      </c>
      <c r="C8249" t="s">
        <v>5164</v>
      </c>
      <c r="D8249" t="s">
        <v>5165</v>
      </c>
      <c r="E8249" t="s">
        <v>4916</v>
      </c>
      <c r="F8249" t="s">
        <v>4917</v>
      </c>
      <c r="G8249" t="s">
        <v>80</v>
      </c>
      <c r="H8249" t="s">
        <v>81</v>
      </c>
      <c r="I8249" s="2">
        <v>1</v>
      </c>
      <c r="J8249" s="2">
        <v>0</v>
      </c>
      <c r="K8249" s="2">
        <v>0</v>
      </c>
      <c r="L8249" t="s">
        <v>120</v>
      </c>
      <c r="M8249" t="s">
        <v>83</v>
      </c>
      <c r="N8249" t="s">
        <v>91</v>
      </c>
      <c r="O8249" t="s">
        <v>85</v>
      </c>
      <c r="P8249" t="s">
        <v>86</v>
      </c>
      <c r="Q8249">
        <v>18</v>
      </c>
      <c r="R8249">
        <v>18</v>
      </c>
      <c r="S8249">
        <v>18</v>
      </c>
      <c r="T8249">
        <v>18</v>
      </c>
      <c r="U8249">
        <v>18</v>
      </c>
      <c r="V8249">
        <v>18</v>
      </c>
      <c r="W8249">
        <v>18</v>
      </c>
      <c r="X8249">
        <v>18</v>
      </c>
      <c r="Y8249">
        <v>19</v>
      </c>
      <c r="Z8249">
        <v>19</v>
      </c>
      <c r="AA8249">
        <v>19</v>
      </c>
      <c r="AB8249">
        <v>19</v>
      </c>
      <c r="AC8249">
        <v>19</v>
      </c>
      <c r="AD8249">
        <v>19</v>
      </c>
      <c r="AE8249">
        <v>19</v>
      </c>
      <c r="AF8249">
        <v>19</v>
      </c>
      <c r="AG8249">
        <v>19</v>
      </c>
      <c r="AH8249">
        <v>19</v>
      </c>
      <c r="AI8249">
        <v>19</v>
      </c>
      <c r="AJ8249">
        <v>19</v>
      </c>
      <c r="AK8249">
        <v>19</v>
      </c>
      <c r="AL8249">
        <v>19</v>
      </c>
      <c r="AM8249">
        <v>19</v>
      </c>
      <c r="AN8249">
        <v>19</v>
      </c>
      <c r="AO8249">
        <v>19</v>
      </c>
      <c r="AP8249">
        <v>19</v>
      </c>
      <c r="AQ8249">
        <v>19</v>
      </c>
    </row>
    <row r="8250" spans="1:43">
      <c r="A8250" t="s">
        <v>5166</v>
      </c>
      <c r="B8250" t="s">
        <v>5167</v>
      </c>
      <c r="C8250" t="s">
        <v>5164</v>
      </c>
      <c r="D8250" t="s">
        <v>5165</v>
      </c>
      <c r="E8250" t="s">
        <v>4916</v>
      </c>
      <c r="F8250" t="s">
        <v>4917</v>
      </c>
      <c r="G8250" t="s">
        <v>80</v>
      </c>
      <c r="H8250" t="s">
        <v>81</v>
      </c>
      <c r="I8250" s="2">
        <v>1</v>
      </c>
      <c r="J8250" s="2">
        <v>0</v>
      </c>
      <c r="K8250" s="2">
        <v>0</v>
      </c>
      <c r="L8250" t="s">
        <v>120</v>
      </c>
      <c r="M8250" t="s">
        <v>83</v>
      </c>
      <c r="N8250" t="s">
        <v>84</v>
      </c>
      <c r="O8250" t="s">
        <v>85</v>
      </c>
      <c r="P8250" t="s">
        <v>86</v>
      </c>
      <c r="Q8250">
        <v>88</v>
      </c>
      <c r="R8250">
        <v>89</v>
      </c>
      <c r="S8250">
        <v>89</v>
      </c>
      <c r="T8250">
        <v>90</v>
      </c>
      <c r="U8250">
        <v>90</v>
      </c>
      <c r="V8250">
        <v>91</v>
      </c>
      <c r="W8250">
        <v>91</v>
      </c>
      <c r="X8250">
        <v>92</v>
      </c>
      <c r="Y8250">
        <v>92</v>
      </c>
      <c r="Z8250">
        <v>92</v>
      </c>
      <c r="AA8250">
        <v>93</v>
      </c>
      <c r="AB8250">
        <v>93</v>
      </c>
      <c r="AC8250">
        <v>94</v>
      </c>
      <c r="AD8250">
        <v>94</v>
      </c>
      <c r="AE8250">
        <v>94</v>
      </c>
      <c r="AF8250">
        <v>94</v>
      </c>
      <c r="AG8250">
        <v>95</v>
      </c>
      <c r="AH8250">
        <v>95</v>
      </c>
      <c r="AI8250">
        <v>95</v>
      </c>
      <c r="AJ8250">
        <v>96</v>
      </c>
      <c r="AK8250">
        <v>96</v>
      </c>
      <c r="AL8250">
        <v>96</v>
      </c>
      <c r="AM8250">
        <v>95</v>
      </c>
      <c r="AN8250">
        <v>94</v>
      </c>
      <c r="AO8250">
        <v>94</v>
      </c>
      <c r="AP8250">
        <v>93</v>
      </c>
      <c r="AQ8250">
        <v>93</v>
      </c>
    </row>
    <row r="8251" spans="1:43">
      <c r="A8251" t="s">
        <v>5166</v>
      </c>
      <c r="B8251" t="s">
        <v>5167</v>
      </c>
      <c r="C8251" t="s">
        <v>5164</v>
      </c>
      <c r="D8251" t="s">
        <v>5165</v>
      </c>
      <c r="E8251" t="s">
        <v>4916</v>
      </c>
      <c r="F8251" t="s">
        <v>4917</v>
      </c>
      <c r="G8251" t="s">
        <v>80</v>
      </c>
      <c r="H8251" t="s">
        <v>81</v>
      </c>
      <c r="I8251" s="2">
        <v>1</v>
      </c>
      <c r="J8251" s="2">
        <v>0</v>
      </c>
      <c r="K8251" s="2">
        <v>0</v>
      </c>
      <c r="L8251" t="s">
        <v>120</v>
      </c>
      <c r="M8251" t="s">
        <v>87</v>
      </c>
      <c r="N8251" t="s">
        <v>88</v>
      </c>
      <c r="O8251" t="s">
        <v>85</v>
      </c>
      <c r="P8251" t="s">
        <v>86</v>
      </c>
      <c r="Q8251">
        <v>88</v>
      </c>
      <c r="R8251">
        <v>88</v>
      </c>
      <c r="S8251">
        <v>88</v>
      </c>
      <c r="T8251">
        <v>88</v>
      </c>
      <c r="U8251">
        <v>87</v>
      </c>
      <c r="V8251">
        <v>87</v>
      </c>
      <c r="W8251">
        <v>87</v>
      </c>
      <c r="X8251">
        <v>86</v>
      </c>
      <c r="Y8251">
        <v>86</v>
      </c>
      <c r="Z8251">
        <v>86</v>
      </c>
      <c r="AA8251">
        <v>86</v>
      </c>
      <c r="AB8251">
        <v>85</v>
      </c>
      <c r="AC8251">
        <v>85</v>
      </c>
      <c r="AD8251">
        <v>85</v>
      </c>
      <c r="AE8251">
        <v>85</v>
      </c>
      <c r="AF8251">
        <v>84</v>
      </c>
      <c r="AG8251">
        <v>84</v>
      </c>
      <c r="AH8251">
        <v>84</v>
      </c>
      <c r="AI8251">
        <v>83</v>
      </c>
      <c r="AJ8251">
        <v>83</v>
      </c>
      <c r="AK8251">
        <v>83</v>
      </c>
      <c r="AL8251">
        <v>83</v>
      </c>
      <c r="AM8251">
        <v>82</v>
      </c>
      <c r="AN8251">
        <v>82</v>
      </c>
      <c r="AO8251">
        <v>82</v>
      </c>
      <c r="AP8251">
        <v>81</v>
      </c>
      <c r="AQ8251">
        <v>81</v>
      </c>
    </row>
    <row r="8252" spans="1:43">
      <c r="A8252" t="s">
        <v>5166</v>
      </c>
      <c r="B8252" t="s">
        <v>5167</v>
      </c>
      <c r="C8252" t="s">
        <v>5164</v>
      </c>
      <c r="D8252" t="s">
        <v>5165</v>
      </c>
      <c r="E8252" t="s">
        <v>4916</v>
      </c>
      <c r="F8252" t="s">
        <v>4917</v>
      </c>
      <c r="G8252" t="s">
        <v>80</v>
      </c>
      <c r="H8252" t="s">
        <v>81</v>
      </c>
      <c r="I8252" s="2">
        <v>1</v>
      </c>
      <c r="J8252" s="2">
        <v>0</v>
      </c>
      <c r="K8252" s="2">
        <v>0</v>
      </c>
      <c r="L8252" t="s">
        <v>120</v>
      </c>
      <c r="M8252" t="s">
        <v>89</v>
      </c>
      <c r="N8252" t="s">
        <v>90</v>
      </c>
      <c r="O8252" t="s">
        <v>85</v>
      </c>
      <c r="P8252" t="s">
        <v>86</v>
      </c>
      <c r="Q8252">
        <v>88</v>
      </c>
      <c r="R8252">
        <v>89</v>
      </c>
      <c r="S8252">
        <v>91</v>
      </c>
      <c r="T8252">
        <v>92</v>
      </c>
      <c r="U8252">
        <v>93</v>
      </c>
      <c r="V8252">
        <v>94</v>
      </c>
      <c r="W8252">
        <v>95</v>
      </c>
      <c r="X8252">
        <v>96</v>
      </c>
      <c r="Y8252">
        <v>96</v>
      </c>
      <c r="Z8252">
        <v>97</v>
      </c>
      <c r="AA8252">
        <v>98</v>
      </c>
      <c r="AB8252">
        <v>99</v>
      </c>
      <c r="AC8252">
        <v>99</v>
      </c>
      <c r="AD8252">
        <v>100</v>
      </c>
      <c r="AE8252">
        <v>100</v>
      </c>
      <c r="AF8252">
        <v>99</v>
      </c>
      <c r="AG8252">
        <v>99</v>
      </c>
      <c r="AH8252">
        <v>98</v>
      </c>
      <c r="AI8252">
        <v>98</v>
      </c>
      <c r="AJ8252">
        <v>97</v>
      </c>
      <c r="AK8252">
        <v>96</v>
      </c>
      <c r="AL8252">
        <v>96</v>
      </c>
      <c r="AM8252">
        <v>95</v>
      </c>
      <c r="AN8252">
        <v>95</v>
      </c>
      <c r="AO8252">
        <v>94</v>
      </c>
      <c r="AP8252">
        <v>93</v>
      </c>
      <c r="AQ8252">
        <v>93</v>
      </c>
    </row>
    <row r="8253" spans="1:43">
      <c r="A8253" t="s">
        <v>5166</v>
      </c>
      <c r="B8253" t="s">
        <v>5167</v>
      </c>
      <c r="C8253" t="s">
        <v>5164</v>
      </c>
      <c r="D8253" t="s">
        <v>5165</v>
      </c>
      <c r="E8253" t="s">
        <v>4916</v>
      </c>
      <c r="F8253" t="s">
        <v>4917</v>
      </c>
      <c r="G8253" t="s">
        <v>80</v>
      </c>
      <c r="H8253" t="s">
        <v>81</v>
      </c>
      <c r="I8253" s="2">
        <v>1</v>
      </c>
      <c r="J8253" s="2">
        <v>0</v>
      </c>
      <c r="K8253" s="2">
        <v>0</v>
      </c>
      <c r="L8253" t="s">
        <v>120</v>
      </c>
      <c r="M8253" t="s">
        <v>83</v>
      </c>
      <c r="N8253" t="s">
        <v>91</v>
      </c>
      <c r="O8253" t="s">
        <v>85</v>
      </c>
      <c r="P8253" t="s">
        <v>86</v>
      </c>
      <c r="Q8253">
        <v>88</v>
      </c>
      <c r="R8253">
        <v>89</v>
      </c>
      <c r="S8253">
        <v>89</v>
      </c>
      <c r="T8253">
        <v>90</v>
      </c>
      <c r="U8253">
        <v>90</v>
      </c>
      <c r="V8253">
        <v>91</v>
      </c>
      <c r="W8253">
        <v>91</v>
      </c>
      <c r="X8253">
        <v>92</v>
      </c>
      <c r="Y8253">
        <v>92</v>
      </c>
      <c r="Z8253">
        <v>92</v>
      </c>
      <c r="AA8253">
        <v>93</v>
      </c>
      <c r="AB8253">
        <v>93</v>
      </c>
      <c r="AC8253">
        <v>94</v>
      </c>
      <c r="AD8253">
        <v>94</v>
      </c>
      <c r="AE8253">
        <v>94</v>
      </c>
      <c r="AF8253">
        <v>94</v>
      </c>
      <c r="AG8253">
        <v>95</v>
      </c>
      <c r="AH8253">
        <v>95</v>
      </c>
      <c r="AI8253">
        <v>95</v>
      </c>
      <c r="AJ8253">
        <v>96</v>
      </c>
      <c r="AK8253">
        <v>96</v>
      </c>
      <c r="AL8253">
        <v>96</v>
      </c>
      <c r="AM8253">
        <v>95</v>
      </c>
      <c r="AN8253">
        <v>94</v>
      </c>
      <c r="AO8253">
        <v>94</v>
      </c>
      <c r="AP8253">
        <v>93</v>
      </c>
      <c r="AQ8253">
        <v>93</v>
      </c>
    </row>
    <row r="8254" spans="1:43">
      <c r="A8254" t="s">
        <v>5168</v>
      </c>
      <c r="B8254" t="s">
        <v>5169</v>
      </c>
      <c r="C8254" t="s">
        <v>5160</v>
      </c>
      <c r="D8254" t="s">
        <v>5161</v>
      </c>
      <c r="E8254" t="s">
        <v>4916</v>
      </c>
      <c r="F8254" t="s">
        <v>4917</v>
      </c>
      <c r="G8254" t="s">
        <v>80</v>
      </c>
      <c r="H8254" t="s">
        <v>81</v>
      </c>
      <c r="I8254" s="2">
        <v>1</v>
      </c>
      <c r="J8254" s="2">
        <v>0</v>
      </c>
      <c r="K8254" s="2">
        <v>0</v>
      </c>
      <c r="L8254" t="s">
        <v>120</v>
      </c>
      <c r="M8254" t="s">
        <v>83</v>
      </c>
      <c r="N8254" t="s">
        <v>84</v>
      </c>
      <c r="O8254" t="s">
        <v>85</v>
      </c>
      <c r="P8254" t="s">
        <v>86</v>
      </c>
      <c r="Q8254">
        <v>73</v>
      </c>
      <c r="R8254">
        <v>73</v>
      </c>
      <c r="S8254">
        <v>73</v>
      </c>
      <c r="T8254">
        <v>74</v>
      </c>
      <c r="U8254">
        <v>74</v>
      </c>
      <c r="V8254">
        <v>75</v>
      </c>
      <c r="W8254">
        <v>75</v>
      </c>
      <c r="X8254">
        <v>75</v>
      </c>
      <c r="Y8254">
        <v>76</v>
      </c>
      <c r="Z8254">
        <v>76</v>
      </c>
      <c r="AA8254">
        <v>76</v>
      </c>
      <c r="AB8254">
        <v>77</v>
      </c>
      <c r="AC8254">
        <v>77</v>
      </c>
      <c r="AD8254">
        <v>77</v>
      </c>
      <c r="AE8254">
        <v>78</v>
      </c>
      <c r="AF8254">
        <v>78</v>
      </c>
      <c r="AG8254">
        <v>78</v>
      </c>
      <c r="AH8254">
        <v>78</v>
      </c>
      <c r="AI8254">
        <v>79</v>
      </c>
      <c r="AJ8254">
        <v>79</v>
      </c>
      <c r="AK8254">
        <v>79</v>
      </c>
      <c r="AL8254">
        <v>79</v>
      </c>
      <c r="AM8254">
        <v>78</v>
      </c>
      <c r="AN8254">
        <v>78</v>
      </c>
      <c r="AO8254">
        <v>77</v>
      </c>
      <c r="AP8254">
        <v>77</v>
      </c>
      <c r="AQ8254">
        <v>76</v>
      </c>
    </row>
    <row r="8255" spans="1:43">
      <c r="A8255" t="s">
        <v>5168</v>
      </c>
      <c r="B8255" t="s">
        <v>5169</v>
      </c>
      <c r="C8255" t="s">
        <v>5160</v>
      </c>
      <c r="D8255" t="s">
        <v>5161</v>
      </c>
      <c r="E8255" t="s">
        <v>4916</v>
      </c>
      <c r="F8255" t="s">
        <v>4917</v>
      </c>
      <c r="G8255" t="s">
        <v>80</v>
      </c>
      <c r="H8255" t="s">
        <v>81</v>
      </c>
      <c r="I8255" s="2">
        <v>1</v>
      </c>
      <c r="J8255" s="2">
        <v>0</v>
      </c>
      <c r="K8255" s="2">
        <v>0</v>
      </c>
      <c r="L8255" t="s">
        <v>120</v>
      </c>
      <c r="M8255" t="s">
        <v>87</v>
      </c>
      <c r="N8255" t="s">
        <v>88</v>
      </c>
      <c r="O8255" t="s">
        <v>85</v>
      </c>
      <c r="P8255" t="s">
        <v>86</v>
      </c>
      <c r="Q8255">
        <v>73</v>
      </c>
      <c r="R8255">
        <v>73</v>
      </c>
      <c r="S8255">
        <v>72</v>
      </c>
      <c r="T8255">
        <v>72</v>
      </c>
      <c r="U8255">
        <v>72</v>
      </c>
      <c r="V8255">
        <v>72</v>
      </c>
      <c r="W8255">
        <v>72</v>
      </c>
      <c r="X8255">
        <v>71</v>
      </c>
      <c r="Y8255">
        <v>71</v>
      </c>
      <c r="Z8255">
        <v>71</v>
      </c>
      <c r="AA8255">
        <v>71</v>
      </c>
      <c r="AB8255">
        <v>70</v>
      </c>
      <c r="AC8255">
        <v>70</v>
      </c>
      <c r="AD8255">
        <v>70</v>
      </c>
      <c r="AE8255">
        <v>70</v>
      </c>
      <c r="AF8255">
        <v>70</v>
      </c>
      <c r="AG8255">
        <v>69</v>
      </c>
      <c r="AH8255">
        <v>69</v>
      </c>
      <c r="AI8255">
        <v>69</v>
      </c>
      <c r="AJ8255">
        <v>69</v>
      </c>
      <c r="AK8255">
        <v>68</v>
      </c>
      <c r="AL8255">
        <v>68</v>
      </c>
      <c r="AM8255">
        <v>68</v>
      </c>
      <c r="AN8255">
        <v>68</v>
      </c>
      <c r="AO8255">
        <v>67</v>
      </c>
      <c r="AP8255">
        <v>67</v>
      </c>
      <c r="AQ8255">
        <v>67</v>
      </c>
    </row>
    <row r="8256" spans="1:43">
      <c r="A8256" t="s">
        <v>5168</v>
      </c>
      <c r="B8256" t="s">
        <v>5169</v>
      </c>
      <c r="C8256" t="s">
        <v>5160</v>
      </c>
      <c r="D8256" t="s">
        <v>5161</v>
      </c>
      <c r="E8256" t="s">
        <v>4916</v>
      </c>
      <c r="F8256" t="s">
        <v>4917</v>
      </c>
      <c r="G8256" t="s">
        <v>80</v>
      </c>
      <c r="H8256" t="s">
        <v>81</v>
      </c>
      <c r="I8256" s="2">
        <v>1</v>
      </c>
      <c r="J8256" s="2">
        <v>0</v>
      </c>
      <c r="K8256" s="2">
        <v>0</v>
      </c>
      <c r="L8256" t="s">
        <v>120</v>
      </c>
      <c r="M8256" t="s">
        <v>89</v>
      </c>
      <c r="N8256" t="s">
        <v>90</v>
      </c>
      <c r="O8256" t="s">
        <v>85</v>
      </c>
      <c r="P8256" t="s">
        <v>86</v>
      </c>
      <c r="Q8256">
        <v>73</v>
      </c>
      <c r="R8256">
        <v>74</v>
      </c>
      <c r="S8256">
        <v>75</v>
      </c>
      <c r="T8256">
        <v>76</v>
      </c>
      <c r="U8256">
        <v>77</v>
      </c>
      <c r="V8256">
        <v>78</v>
      </c>
      <c r="W8256">
        <v>79</v>
      </c>
      <c r="X8256">
        <v>80</v>
      </c>
      <c r="Y8256">
        <v>80</v>
      </c>
      <c r="Z8256">
        <v>81</v>
      </c>
      <c r="AA8256">
        <v>81</v>
      </c>
      <c r="AB8256">
        <v>82</v>
      </c>
      <c r="AC8256">
        <v>83</v>
      </c>
      <c r="AD8256">
        <v>83</v>
      </c>
      <c r="AE8256">
        <v>83</v>
      </c>
      <c r="AF8256">
        <v>83</v>
      </c>
      <c r="AG8256">
        <v>82</v>
      </c>
      <c r="AH8256">
        <v>82</v>
      </c>
      <c r="AI8256">
        <v>81</v>
      </c>
      <c r="AJ8256">
        <v>81</v>
      </c>
      <c r="AK8256">
        <v>80</v>
      </c>
      <c r="AL8256">
        <v>80</v>
      </c>
      <c r="AM8256">
        <v>79</v>
      </c>
      <c r="AN8256">
        <v>79</v>
      </c>
      <c r="AO8256">
        <v>78</v>
      </c>
      <c r="AP8256">
        <v>78</v>
      </c>
      <c r="AQ8256">
        <v>77</v>
      </c>
    </row>
    <row r="8257" spans="1:43">
      <c r="A8257" t="s">
        <v>5168</v>
      </c>
      <c r="B8257" t="s">
        <v>5169</v>
      </c>
      <c r="C8257" t="s">
        <v>5160</v>
      </c>
      <c r="D8257" t="s">
        <v>5161</v>
      </c>
      <c r="E8257" t="s">
        <v>4916</v>
      </c>
      <c r="F8257" t="s">
        <v>4917</v>
      </c>
      <c r="G8257" t="s">
        <v>80</v>
      </c>
      <c r="H8257" t="s">
        <v>81</v>
      </c>
      <c r="I8257" s="2">
        <v>1</v>
      </c>
      <c r="J8257" s="2">
        <v>0</v>
      </c>
      <c r="K8257" s="2">
        <v>0</v>
      </c>
      <c r="L8257" t="s">
        <v>120</v>
      </c>
      <c r="M8257" t="s">
        <v>83</v>
      </c>
      <c r="N8257" t="s">
        <v>91</v>
      </c>
      <c r="O8257" t="s">
        <v>85</v>
      </c>
      <c r="P8257" t="s">
        <v>86</v>
      </c>
      <c r="Q8257">
        <v>73</v>
      </c>
      <c r="R8257">
        <v>73</v>
      </c>
      <c r="S8257">
        <v>73</v>
      </c>
      <c r="T8257">
        <v>74</v>
      </c>
      <c r="U8257">
        <v>74</v>
      </c>
      <c r="V8257">
        <v>75</v>
      </c>
      <c r="W8257">
        <v>75</v>
      </c>
      <c r="X8257">
        <v>75</v>
      </c>
      <c r="Y8257">
        <v>76</v>
      </c>
      <c r="Z8257">
        <v>76</v>
      </c>
      <c r="AA8257">
        <v>76</v>
      </c>
      <c r="AB8257">
        <v>77</v>
      </c>
      <c r="AC8257">
        <v>77</v>
      </c>
      <c r="AD8257">
        <v>77</v>
      </c>
      <c r="AE8257">
        <v>78</v>
      </c>
      <c r="AF8257">
        <v>78</v>
      </c>
      <c r="AG8257">
        <v>78</v>
      </c>
      <c r="AH8257">
        <v>78</v>
      </c>
      <c r="AI8257">
        <v>79</v>
      </c>
      <c r="AJ8257">
        <v>79</v>
      </c>
      <c r="AK8257">
        <v>79</v>
      </c>
      <c r="AL8257">
        <v>79</v>
      </c>
      <c r="AM8257">
        <v>78</v>
      </c>
      <c r="AN8257">
        <v>78</v>
      </c>
      <c r="AO8257">
        <v>77</v>
      </c>
      <c r="AP8257">
        <v>77</v>
      </c>
      <c r="AQ8257">
        <v>76</v>
      </c>
    </row>
    <row r="8258" spans="1:43">
      <c r="A8258" t="s">
        <v>5170</v>
      </c>
      <c r="B8258" t="s">
        <v>5171</v>
      </c>
      <c r="C8258" t="s">
        <v>5160</v>
      </c>
      <c r="D8258" t="s">
        <v>5161</v>
      </c>
      <c r="E8258" t="s">
        <v>4916</v>
      </c>
      <c r="F8258" t="s">
        <v>4917</v>
      </c>
      <c r="G8258" t="s">
        <v>80</v>
      </c>
      <c r="H8258" t="s">
        <v>81</v>
      </c>
      <c r="I8258" s="2">
        <v>1</v>
      </c>
      <c r="J8258" s="2">
        <v>0</v>
      </c>
      <c r="K8258" s="2">
        <v>0</v>
      </c>
      <c r="L8258" t="s">
        <v>120</v>
      </c>
      <c r="M8258" t="s">
        <v>83</v>
      </c>
      <c r="N8258" t="s">
        <v>84</v>
      </c>
      <c r="O8258" t="s">
        <v>85</v>
      </c>
      <c r="P8258" t="s">
        <v>86</v>
      </c>
      <c r="Q8258">
        <v>4</v>
      </c>
      <c r="R8258">
        <v>4</v>
      </c>
      <c r="S8258">
        <v>4</v>
      </c>
      <c r="T8258">
        <v>4</v>
      </c>
      <c r="U8258">
        <v>4</v>
      </c>
      <c r="V8258">
        <v>4</v>
      </c>
      <c r="W8258">
        <v>4</v>
      </c>
      <c r="X8258">
        <v>4</v>
      </c>
      <c r="Y8258">
        <v>4</v>
      </c>
      <c r="Z8258">
        <v>4</v>
      </c>
      <c r="AA8258">
        <v>4</v>
      </c>
      <c r="AB8258">
        <v>4</v>
      </c>
      <c r="AC8258">
        <v>4</v>
      </c>
      <c r="AD8258">
        <v>4</v>
      </c>
      <c r="AE8258">
        <v>5</v>
      </c>
      <c r="AF8258">
        <v>5</v>
      </c>
      <c r="AG8258">
        <v>5</v>
      </c>
      <c r="AH8258">
        <v>5</v>
      </c>
      <c r="AI8258">
        <v>5</v>
      </c>
      <c r="AJ8258">
        <v>5</v>
      </c>
      <c r="AK8258">
        <v>5</v>
      </c>
      <c r="AL8258">
        <v>5</v>
      </c>
      <c r="AM8258">
        <v>5</v>
      </c>
      <c r="AN8258">
        <v>5</v>
      </c>
      <c r="AO8258">
        <v>4</v>
      </c>
      <c r="AP8258">
        <v>4</v>
      </c>
      <c r="AQ8258">
        <v>4</v>
      </c>
    </row>
    <row r="8259" spans="1:43">
      <c r="A8259" t="s">
        <v>5170</v>
      </c>
      <c r="B8259" t="s">
        <v>5171</v>
      </c>
      <c r="C8259" t="s">
        <v>5160</v>
      </c>
      <c r="D8259" t="s">
        <v>5161</v>
      </c>
      <c r="E8259" t="s">
        <v>4916</v>
      </c>
      <c r="F8259" t="s">
        <v>4917</v>
      </c>
      <c r="G8259" t="s">
        <v>80</v>
      </c>
      <c r="H8259" t="s">
        <v>81</v>
      </c>
      <c r="I8259" s="2">
        <v>1</v>
      </c>
      <c r="J8259" s="2">
        <v>0</v>
      </c>
      <c r="K8259" s="2">
        <v>0</v>
      </c>
      <c r="L8259" t="s">
        <v>120</v>
      </c>
      <c r="M8259" t="s">
        <v>87</v>
      </c>
      <c r="N8259" t="s">
        <v>88</v>
      </c>
      <c r="O8259" t="s">
        <v>85</v>
      </c>
      <c r="P8259" t="s">
        <v>86</v>
      </c>
      <c r="Q8259">
        <v>4</v>
      </c>
      <c r="R8259">
        <v>4</v>
      </c>
      <c r="S8259">
        <v>4</v>
      </c>
      <c r="T8259">
        <v>4</v>
      </c>
      <c r="U8259">
        <v>4</v>
      </c>
      <c r="V8259">
        <v>4</v>
      </c>
      <c r="W8259">
        <v>4</v>
      </c>
      <c r="X8259">
        <v>4</v>
      </c>
      <c r="Y8259">
        <v>4</v>
      </c>
      <c r="Z8259">
        <v>4</v>
      </c>
      <c r="AA8259">
        <v>4</v>
      </c>
      <c r="AB8259">
        <v>4</v>
      </c>
      <c r="AC8259">
        <v>4</v>
      </c>
      <c r="AD8259">
        <v>4</v>
      </c>
      <c r="AE8259">
        <v>4</v>
      </c>
      <c r="AF8259">
        <v>4</v>
      </c>
      <c r="AG8259">
        <v>4</v>
      </c>
      <c r="AH8259">
        <v>4</v>
      </c>
      <c r="AI8259">
        <v>4</v>
      </c>
      <c r="AJ8259">
        <v>4</v>
      </c>
      <c r="AK8259">
        <v>4</v>
      </c>
      <c r="AL8259">
        <v>4</v>
      </c>
      <c r="AM8259">
        <v>4</v>
      </c>
      <c r="AN8259">
        <v>4</v>
      </c>
      <c r="AO8259">
        <v>4</v>
      </c>
      <c r="AP8259">
        <v>4</v>
      </c>
      <c r="AQ8259">
        <v>4</v>
      </c>
    </row>
    <row r="8260" spans="1:43">
      <c r="A8260" t="s">
        <v>5170</v>
      </c>
      <c r="B8260" t="s">
        <v>5171</v>
      </c>
      <c r="C8260" t="s">
        <v>5160</v>
      </c>
      <c r="D8260" t="s">
        <v>5161</v>
      </c>
      <c r="E8260" t="s">
        <v>4916</v>
      </c>
      <c r="F8260" t="s">
        <v>4917</v>
      </c>
      <c r="G8260" t="s">
        <v>80</v>
      </c>
      <c r="H8260" t="s">
        <v>81</v>
      </c>
      <c r="I8260" s="2">
        <v>1</v>
      </c>
      <c r="J8260" s="2">
        <v>0</v>
      </c>
      <c r="K8260" s="2">
        <v>0</v>
      </c>
      <c r="L8260" t="s">
        <v>120</v>
      </c>
      <c r="M8260" t="s">
        <v>89</v>
      </c>
      <c r="N8260" t="s">
        <v>90</v>
      </c>
      <c r="O8260" t="s">
        <v>85</v>
      </c>
      <c r="P8260" t="s">
        <v>86</v>
      </c>
      <c r="Q8260">
        <v>4</v>
      </c>
      <c r="R8260">
        <v>4</v>
      </c>
      <c r="S8260">
        <v>4</v>
      </c>
      <c r="T8260">
        <v>4</v>
      </c>
      <c r="U8260">
        <v>4</v>
      </c>
      <c r="V8260">
        <v>5</v>
      </c>
      <c r="W8260">
        <v>5</v>
      </c>
      <c r="X8260">
        <v>5</v>
      </c>
      <c r="Y8260">
        <v>5</v>
      </c>
      <c r="Z8260">
        <v>5</v>
      </c>
      <c r="AA8260">
        <v>5</v>
      </c>
      <c r="AB8260">
        <v>5</v>
      </c>
      <c r="AC8260">
        <v>5</v>
      </c>
      <c r="AD8260">
        <v>5</v>
      </c>
      <c r="AE8260">
        <v>5</v>
      </c>
      <c r="AF8260">
        <v>5</v>
      </c>
      <c r="AG8260">
        <v>5</v>
      </c>
      <c r="AH8260">
        <v>5</v>
      </c>
      <c r="AI8260">
        <v>5</v>
      </c>
      <c r="AJ8260">
        <v>5</v>
      </c>
      <c r="AK8260">
        <v>5</v>
      </c>
      <c r="AL8260">
        <v>5</v>
      </c>
      <c r="AM8260">
        <v>5</v>
      </c>
      <c r="AN8260">
        <v>5</v>
      </c>
      <c r="AO8260">
        <v>5</v>
      </c>
      <c r="AP8260">
        <v>5</v>
      </c>
      <c r="AQ8260">
        <v>4</v>
      </c>
    </row>
    <row r="8261" spans="1:43">
      <c r="A8261" t="s">
        <v>5170</v>
      </c>
      <c r="B8261" t="s">
        <v>5171</v>
      </c>
      <c r="C8261" t="s">
        <v>5160</v>
      </c>
      <c r="D8261" t="s">
        <v>5161</v>
      </c>
      <c r="E8261" t="s">
        <v>4916</v>
      </c>
      <c r="F8261" t="s">
        <v>4917</v>
      </c>
      <c r="G8261" t="s">
        <v>80</v>
      </c>
      <c r="H8261" t="s">
        <v>81</v>
      </c>
      <c r="I8261" s="2">
        <v>1</v>
      </c>
      <c r="J8261" s="2">
        <v>0</v>
      </c>
      <c r="K8261" s="2">
        <v>0</v>
      </c>
      <c r="L8261" t="s">
        <v>120</v>
      </c>
      <c r="M8261" t="s">
        <v>83</v>
      </c>
      <c r="N8261" t="s">
        <v>91</v>
      </c>
      <c r="O8261" t="s">
        <v>85</v>
      </c>
      <c r="P8261" t="s">
        <v>86</v>
      </c>
      <c r="Q8261">
        <v>4</v>
      </c>
      <c r="R8261">
        <v>4</v>
      </c>
      <c r="S8261">
        <v>4</v>
      </c>
      <c r="T8261">
        <v>4</v>
      </c>
      <c r="U8261">
        <v>4</v>
      </c>
      <c r="V8261">
        <v>4</v>
      </c>
      <c r="W8261">
        <v>4</v>
      </c>
      <c r="X8261">
        <v>4</v>
      </c>
      <c r="Y8261">
        <v>4</v>
      </c>
      <c r="Z8261">
        <v>4</v>
      </c>
      <c r="AA8261">
        <v>4</v>
      </c>
      <c r="AB8261">
        <v>4</v>
      </c>
      <c r="AC8261">
        <v>4</v>
      </c>
      <c r="AD8261">
        <v>4</v>
      </c>
      <c r="AE8261">
        <v>5</v>
      </c>
      <c r="AF8261">
        <v>5</v>
      </c>
      <c r="AG8261">
        <v>5</v>
      </c>
      <c r="AH8261">
        <v>5</v>
      </c>
      <c r="AI8261">
        <v>5</v>
      </c>
      <c r="AJ8261">
        <v>5</v>
      </c>
      <c r="AK8261">
        <v>5</v>
      </c>
      <c r="AL8261">
        <v>5</v>
      </c>
      <c r="AM8261">
        <v>5</v>
      </c>
      <c r="AN8261">
        <v>5</v>
      </c>
      <c r="AO8261">
        <v>4</v>
      </c>
      <c r="AP8261">
        <v>4</v>
      </c>
      <c r="AQ8261">
        <v>4</v>
      </c>
    </row>
    <row r="8262" spans="1:43">
      <c r="A8262" t="s">
        <v>5172</v>
      </c>
      <c r="B8262" t="s">
        <v>5173</v>
      </c>
      <c r="C8262" t="s">
        <v>5160</v>
      </c>
      <c r="D8262" t="s">
        <v>5161</v>
      </c>
      <c r="E8262" t="s">
        <v>4916</v>
      </c>
      <c r="F8262" t="s">
        <v>4917</v>
      </c>
      <c r="G8262" t="s">
        <v>80</v>
      </c>
      <c r="H8262" t="s">
        <v>81</v>
      </c>
      <c r="I8262" s="2">
        <v>1</v>
      </c>
      <c r="J8262" s="2">
        <v>0</v>
      </c>
      <c r="K8262" s="2">
        <v>0</v>
      </c>
      <c r="L8262" t="s">
        <v>120</v>
      </c>
      <c r="M8262" t="s">
        <v>83</v>
      </c>
      <c r="N8262" t="s">
        <v>84</v>
      </c>
      <c r="O8262" t="s">
        <v>85</v>
      </c>
      <c r="P8262" t="s">
        <v>86</v>
      </c>
      <c r="Q8262">
        <v>7</v>
      </c>
      <c r="R8262">
        <v>7</v>
      </c>
      <c r="S8262">
        <v>7</v>
      </c>
      <c r="T8262">
        <v>7</v>
      </c>
      <c r="U8262">
        <v>7</v>
      </c>
      <c r="V8262">
        <v>7</v>
      </c>
      <c r="W8262">
        <v>7</v>
      </c>
      <c r="X8262">
        <v>7</v>
      </c>
      <c r="Y8262">
        <v>7</v>
      </c>
      <c r="Z8262">
        <v>7</v>
      </c>
      <c r="AA8262">
        <v>7</v>
      </c>
      <c r="AB8262">
        <v>7</v>
      </c>
      <c r="AC8262">
        <v>7</v>
      </c>
      <c r="AD8262">
        <v>7</v>
      </c>
      <c r="AE8262">
        <v>8</v>
      </c>
      <c r="AF8262">
        <v>8</v>
      </c>
      <c r="AG8262">
        <v>8</v>
      </c>
      <c r="AH8262">
        <v>8</v>
      </c>
      <c r="AI8262">
        <v>8</v>
      </c>
      <c r="AJ8262">
        <v>8</v>
      </c>
      <c r="AK8262">
        <v>8</v>
      </c>
      <c r="AL8262">
        <v>8</v>
      </c>
      <c r="AM8262">
        <v>8</v>
      </c>
      <c r="AN8262">
        <v>8</v>
      </c>
      <c r="AO8262">
        <v>7</v>
      </c>
      <c r="AP8262">
        <v>7</v>
      </c>
      <c r="AQ8262">
        <v>7</v>
      </c>
    </row>
    <row r="8263" spans="1:43">
      <c r="A8263" t="s">
        <v>5172</v>
      </c>
      <c r="B8263" t="s">
        <v>5173</v>
      </c>
      <c r="C8263" t="s">
        <v>5160</v>
      </c>
      <c r="D8263" t="s">
        <v>5161</v>
      </c>
      <c r="E8263" t="s">
        <v>4916</v>
      </c>
      <c r="F8263" t="s">
        <v>4917</v>
      </c>
      <c r="G8263" t="s">
        <v>80</v>
      </c>
      <c r="H8263" t="s">
        <v>81</v>
      </c>
      <c r="I8263" s="2">
        <v>1</v>
      </c>
      <c r="J8263" s="2">
        <v>0</v>
      </c>
      <c r="K8263" s="2">
        <v>0</v>
      </c>
      <c r="L8263" t="s">
        <v>120</v>
      </c>
      <c r="M8263" t="s">
        <v>87</v>
      </c>
      <c r="N8263" t="s">
        <v>88</v>
      </c>
      <c r="O8263" t="s">
        <v>85</v>
      </c>
      <c r="P8263" t="s">
        <v>86</v>
      </c>
      <c r="Q8263">
        <v>7</v>
      </c>
      <c r="R8263">
        <v>7</v>
      </c>
      <c r="S8263">
        <v>7</v>
      </c>
      <c r="T8263">
        <v>7</v>
      </c>
      <c r="U8263">
        <v>7</v>
      </c>
      <c r="V8263">
        <v>7</v>
      </c>
      <c r="W8263">
        <v>7</v>
      </c>
      <c r="X8263">
        <v>7</v>
      </c>
      <c r="Y8263">
        <v>7</v>
      </c>
      <c r="Z8263">
        <v>7</v>
      </c>
      <c r="AA8263">
        <v>7</v>
      </c>
      <c r="AB8263">
        <v>7</v>
      </c>
      <c r="AC8263">
        <v>7</v>
      </c>
      <c r="AD8263">
        <v>7</v>
      </c>
      <c r="AE8263">
        <v>7</v>
      </c>
      <c r="AF8263">
        <v>7</v>
      </c>
      <c r="AG8263">
        <v>7</v>
      </c>
      <c r="AH8263">
        <v>7</v>
      </c>
      <c r="AI8263">
        <v>7</v>
      </c>
      <c r="AJ8263">
        <v>7</v>
      </c>
      <c r="AK8263">
        <v>7</v>
      </c>
      <c r="AL8263">
        <v>7</v>
      </c>
      <c r="AM8263">
        <v>6</v>
      </c>
      <c r="AN8263">
        <v>6</v>
      </c>
      <c r="AO8263">
        <v>6</v>
      </c>
      <c r="AP8263">
        <v>6</v>
      </c>
      <c r="AQ8263">
        <v>6</v>
      </c>
    </row>
    <row r="8264" spans="1:43">
      <c r="A8264" t="s">
        <v>5172</v>
      </c>
      <c r="B8264" t="s">
        <v>5173</v>
      </c>
      <c r="C8264" t="s">
        <v>5160</v>
      </c>
      <c r="D8264" t="s">
        <v>5161</v>
      </c>
      <c r="E8264" t="s">
        <v>4916</v>
      </c>
      <c r="F8264" t="s">
        <v>4917</v>
      </c>
      <c r="G8264" t="s">
        <v>80</v>
      </c>
      <c r="H8264" t="s">
        <v>81</v>
      </c>
      <c r="I8264" s="2">
        <v>1</v>
      </c>
      <c r="J8264" s="2">
        <v>0</v>
      </c>
      <c r="K8264" s="2">
        <v>0</v>
      </c>
      <c r="L8264" t="s">
        <v>120</v>
      </c>
      <c r="M8264" t="s">
        <v>89</v>
      </c>
      <c r="N8264" t="s">
        <v>90</v>
      </c>
      <c r="O8264" t="s">
        <v>85</v>
      </c>
      <c r="P8264" t="s">
        <v>86</v>
      </c>
      <c r="Q8264">
        <v>7</v>
      </c>
      <c r="R8264">
        <v>7</v>
      </c>
      <c r="S8264">
        <v>7</v>
      </c>
      <c r="T8264">
        <v>7</v>
      </c>
      <c r="U8264">
        <v>7</v>
      </c>
      <c r="V8264">
        <v>8</v>
      </c>
      <c r="W8264">
        <v>8</v>
      </c>
      <c r="X8264">
        <v>8</v>
      </c>
      <c r="Y8264">
        <v>8</v>
      </c>
      <c r="Z8264">
        <v>8</v>
      </c>
      <c r="AA8264">
        <v>8</v>
      </c>
      <c r="AB8264">
        <v>8</v>
      </c>
      <c r="AC8264">
        <v>8</v>
      </c>
      <c r="AD8264">
        <v>8</v>
      </c>
      <c r="AE8264">
        <v>8</v>
      </c>
      <c r="AF8264">
        <v>8</v>
      </c>
      <c r="AG8264">
        <v>8</v>
      </c>
      <c r="AH8264">
        <v>8</v>
      </c>
      <c r="AI8264">
        <v>8</v>
      </c>
      <c r="AJ8264">
        <v>8</v>
      </c>
      <c r="AK8264">
        <v>8</v>
      </c>
      <c r="AL8264">
        <v>8</v>
      </c>
      <c r="AM8264">
        <v>8</v>
      </c>
      <c r="AN8264">
        <v>8</v>
      </c>
      <c r="AO8264">
        <v>8</v>
      </c>
      <c r="AP8264">
        <v>8</v>
      </c>
      <c r="AQ8264">
        <v>7</v>
      </c>
    </row>
    <row r="8265" spans="1:43">
      <c r="A8265" t="s">
        <v>5172</v>
      </c>
      <c r="B8265" t="s">
        <v>5173</v>
      </c>
      <c r="C8265" t="s">
        <v>5160</v>
      </c>
      <c r="D8265" t="s">
        <v>5161</v>
      </c>
      <c r="E8265" t="s">
        <v>4916</v>
      </c>
      <c r="F8265" t="s">
        <v>4917</v>
      </c>
      <c r="G8265" t="s">
        <v>80</v>
      </c>
      <c r="H8265" t="s">
        <v>81</v>
      </c>
      <c r="I8265" s="2">
        <v>1</v>
      </c>
      <c r="J8265" s="2">
        <v>0</v>
      </c>
      <c r="K8265" s="2">
        <v>0</v>
      </c>
      <c r="L8265" t="s">
        <v>120</v>
      </c>
      <c r="M8265" t="s">
        <v>83</v>
      </c>
      <c r="N8265" t="s">
        <v>91</v>
      </c>
      <c r="O8265" t="s">
        <v>85</v>
      </c>
      <c r="P8265" t="s">
        <v>86</v>
      </c>
      <c r="Q8265">
        <v>7</v>
      </c>
      <c r="R8265">
        <v>7</v>
      </c>
      <c r="S8265">
        <v>7</v>
      </c>
      <c r="T8265">
        <v>7</v>
      </c>
      <c r="U8265">
        <v>7</v>
      </c>
      <c r="V8265">
        <v>7</v>
      </c>
      <c r="W8265">
        <v>7</v>
      </c>
      <c r="X8265">
        <v>7</v>
      </c>
      <c r="Y8265">
        <v>7</v>
      </c>
      <c r="Z8265">
        <v>7</v>
      </c>
      <c r="AA8265">
        <v>7</v>
      </c>
      <c r="AB8265">
        <v>7</v>
      </c>
      <c r="AC8265">
        <v>7</v>
      </c>
      <c r="AD8265">
        <v>7</v>
      </c>
      <c r="AE8265">
        <v>8</v>
      </c>
      <c r="AF8265">
        <v>8</v>
      </c>
      <c r="AG8265">
        <v>8</v>
      </c>
      <c r="AH8265">
        <v>8</v>
      </c>
      <c r="AI8265">
        <v>8</v>
      </c>
      <c r="AJ8265">
        <v>8</v>
      </c>
      <c r="AK8265">
        <v>8</v>
      </c>
      <c r="AL8265">
        <v>8</v>
      </c>
      <c r="AM8265">
        <v>8</v>
      </c>
      <c r="AN8265">
        <v>8</v>
      </c>
      <c r="AO8265">
        <v>7</v>
      </c>
      <c r="AP8265">
        <v>7</v>
      </c>
      <c r="AQ8265">
        <v>7</v>
      </c>
    </row>
    <row r="8266" spans="1:43">
      <c r="A8266" t="s">
        <v>5174</v>
      </c>
      <c r="B8266" t="s">
        <v>5175</v>
      </c>
      <c r="C8266" t="s">
        <v>5164</v>
      </c>
      <c r="D8266" t="s">
        <v>5165</v>
      </c>
      <c r="E8266" t="s">
        <v>4916</v>
      </c>
      <c r="F8266" t="s">
        <v>4917</v>
      </c>
      <c r="G8266" t="s">
        <v>80</v>
      </c>
      <c r="H8266" t="s">
        <v>81</v>
      </c>
      <c r="I8266" s="2">
        <v>1</v>
      </c>
      <c r="J8266" s="2">
        <v>0</v>
      </c>
      <c r="K8266" s="2">
        <v>0</v>
      </c>
      <c r="L8266" t="s">
        <v>120</v>
      </c>
      <c r="M8266" t="s">
        <v>83</v>
      </c>
      <c r="N8266" t="s">
        <v>84</v>
      </c>
      <c r="O8266" t="s">
        <v>85</v>
      </c>
      <c r="P8266" t="s">
        <v>86</v>
      </c>
      <c r="Q8266">
        <v>13</v>
      </c>
      <c r="R8266">
        <v>13</v>
      </c>
      <c r="S8266">
        <v>13</v>
      </c>
      <c r="T8266">
        <v>13</v>
      </c>
      <c r="U8266">
        <v>13</v>
      </c>
      <c r="V8266">
        <v>13</v>
      </c>
      <c r="W8266">
        <v>13</v>
      </c>
      <c r="X8266">
        <v>13</v>
      </c>
      <c r="Y8266">
        <v>13</v>
      </c>
      <c r="Z8266">
        <v>13</v>
      </c>
      <c r="AA8266">
        <v>13</v>
      </c>
      <c r="AB8266">
        <v>13</v>
      </c>
      <c r="AC8266">
        <v>14</v>
      </c>
      <c r="AD8266">
        <v>14</v>
      </c>
      <c r="AE8266">
        <v>14</v>
      </c>
      <c r="AF8266">
        <v>14</v>
      </c>
      <c r="AG8266">
        <v>14</v>
      </c>
      <c r="AH8266">
        <v>14</v>
      </c>
      <c r="AI8266">
        <v>14</v>
      </c>
      <c r="AJ8266">
        <v>14</v>
      </c>
      <c r="AK8266">
        <v>14</v>
      </c>
      <c r="AL8266">
        <v>14</v>
      </c>
      <c r="AM8266">
        <v>14</v>
      </c>
      <c r="AN8266">
        <v>14</v>
      </c>
      <c r="AO8266">
        <v>14</v>
      </c>
      <c r="AP8266">
        <v>13</v>
      </c>
      <c r="AQ8266">
        <v>13</v>
      </c>
    </row>
    <row r="8267" spans="1:43">
      <c r="A8267" t="s">
        <v>5174</v>
      </c>
      <c r="B8267" t="s">
        <v>5175</v>
      </c>
      <c r="C8267" t="s">
        <v>5164</v>
      </c>
      <c r="D8267" t="s">
        <v>5165</v>
      </c>
      <c r="E8267" t="s">
        <v>4916</v>
      </c>
      <c r="F8267" t="s">
        <v>4917</v>
      </c>
      <c r="G8267" t="s">
        <v>80</v>
      </c>
      <c r="H8267" t="s">
        <v>81</v>
      </c>
      <c r="I8267" s="2">
        <v>1</v>
      </c>
      <c r="J8267" s="2">
        <v>0</v>
      </c>
      <c r="K8267" s="2">
        <v>0</v>
      </c>
      <c r="L8267" t="s">
        <v>120</v>
      </c>
      <c r="M8267" t="s">
        <v>87</v>
      </c>
      <c r="N8267" t="s">
        <v>88</v>
      </c>
      <c r="O8267" t="s">
        <v>85</v>
      </c>
      <c r="P8267" t="s">
        <v>86</v>
      </c>
      <c r="Q8267">
        <v>13</v>
      </c>
      <c r="R8267">
        <v>13</v>
      </c>
      <c r="S8267">
        <v>13</v>
      </c>
      <c r="T8267">
        <v>12</v>
      </c>
      <c r="U8267">
        <v>12</v>
      </c>
      <c r="V8267">
        <v>12</v>
      </c>
      <c r="W8267">
        <v>12</v>
      </c>
      <c r="X8267">
        <v>12</v>
      </c>
      <c r="Y8267">
        <v>12</v>
      </c>
      <c r="Z8267">
        <v>12</v>
      </c>
      <c r="AA8267">
        <v>12</v>
      </c>
      <c r="AB8267">
        <v>12</v>
      </c>
      <c r="AC8267">
        <v>12</v>
      </c>
      <c r="AD8267">
        <v>12</v>
      </c>
      <c r="AE8267">
        <v>12</v>
      </c>
      <c r="AF8267">
        <v>12</v>
      </c>
      <c r="AG8267">
        <v>12</v>
      </c>
      <c r="AH8267">
        <v>12</v>
      </c>
      <c r="AI8267">
        <v>12</v>
      </c>
      <c r="AJ8267">
        <v>12</v>
      </c>
      <c r="AK8267">
        <v>12</v>
      </c>
      <c r="AL8267">
        <v>12</v>
      </c>
      <c r="AM8267">
        <v>12</v>
      </c>
      <c r="AN8267">
        <v>12</v>
      </c>
      <c r="AO8267">
        <v>12</v>
      </c>
      <c r="AP8267">
        <v>12</v>
      </c>
      <c r="AQ8267">
        <v>12</v>
      </c>
    </row>
    <row r="8268" spans="1:43">
      <c r="A8268" t="s">
        <v>5174</v>
      </c>
      <c r="B8268" t="s">
        <v>5175</v>
      </c>
      <c r="C8268" t="s">
        <v>5164</v>
      </c>
      <c r="D8268" t="s">
        <v>5165</v>
      </c>
      <c r="E8268" t="s">
        <v>4916</v>
      </c>
      <c r="F8268" t="s">
        <v>4917</v>
      </c>
      <c r="G8268" t="s">
        <v>80</v>
      </c>
      <c r="H8268" t="s">
        <v>81</v>
      </c>
      <c r="I8268" s="2">
        <v>1</v>
      </c>
      <c r="J8268" s="2">
        <v>0</v>
      </c>
      <c r="K8268" s="2">
        <v>0</v>
      </c>
      <c r="L8268" t="s">
        <v>120</v>
      </c>
      <c r="M8268" t="s">
        <v>89</v>
      </c>
      <c r="N8268" t="s">
        <v>90</v>
      </c>
      <c r="O8268" t="s">
        <v>85</v>
      </c>
      <c r="P8268" t="s">
        <v>86</v>
      </c>
      <c r="Q8268">
        <v>13</v>
      </c>
      <c r="R8268">
        <v>13</v>
      </c>
      <c r="S8268">
        <v>13</v>
      </c>
      <c r="T8268">
        <v>13</v>
      </c>
      <c r="U8268">
        <v>14</v>
      </c>
      <c r="V8268">
        <v>14</v>
      </c>
      <c r="W8268">
        <v>14</v>
      </c>
      <c r="X8268">
        <v>14</v>
      </c>
      <c r="Y8268">
        <v>14</v>
      </c>
      <c r="Z8268">
        <v>14</v>
      </c>
      <c r="AA8268">
        <v>14</v>
      </c>
      <c r="AB8268">
        <v>14</v>
      </c>
      <c r="AC8268">
        <v>14</v>
      </c>
      <c r="AD8268">
        <v>15</v>
      </c>
      <c r="AE8268">
        <v>15</v>
      </c>
      <c r="AF8268">
        <v>15</v>
      </c>
      <c r="AG8268">
        <v>14</v>
      </c>
      <c r="AH8268">
        <v>14</v>
      </c>
      <c r="AI8268">
        <v>14</v>
      </c>
      <c r="AJ8268">
        <v>14</v>
      </c>
      <c r="AK8268">
        <v>14</v>
      </c>
      <c r="AL8268">
        <v>14</v>
      </c>
      <c r="AM8268">
        <v>14</v>
      </c>
      <c r="AN8268">
        <v>14</v>
      </c>
      <c r="AO8268">
        <v>14</v>
      </c>
      <c r="AP8268">
        <v>14</v>
      </c>
      <c r="AQ8268">
        <v>14</v>
      </c>
    </row>
    <row r="8269" spans="1:43">
      <c r="A8269" t="s">
        <v>5174</v>
      </c>
      <c r="B8269" t="s">
        <v>5175</v>
      </c>
      <c r="C8269" t="s">
        <v>5164</v>
      </c>
      <c r="D8269" t="s">
        <v>5165</v>
      </c>
      <c r="E8269" t="s">
        <v>4916</v>
      </c>
      <c r="F8269" t="s">
        <v>4917</v>
      </c>
      <c r="G8269" t="s">
        <v>80</v>
      </c>
      <c r="H8269" t="s">
        <v>81</v>
      </c>
      <c r="I8269" s="2">
        <v>1</v>
      </c>
      <c r="J8269" s="2">
        <v>0</v>
      </c>
      <c r="K8269" s="2">
        <v>0</v>
      </c>
      <c r="L8269" t="s">
        <v>120</v>
      </c>
      <c r="M8269" t="s">
        <v>83</v>
      </c>
      <c r="N8269" t="s">
        <v>91</v>
      </c>
      <c r="O8269" t="s">
        <v>85</v>
      </c>
      <c r="P8269" t="s">
        <v>86</v>
      </c>
      <c r="Q8269">
        <v>13</v>
      </c>
      <c r="R8269">
        <v>13</v>
      </c>
      <c r="S8269">
        <v>13</v>
      </c>
      <c r="T8269">
        <v>13</v>
      </c>
      <c r="U8269">
        <v>13</v>
      </c>
      <c r="V8269">
        <v>13</v>
      </c>
      <c r="W8269">
        <v>13</v>
      </c>
      <c r="X8269">
        <v>13</v>
      </c>
      <c r="Y8269">
        <v>13</v>
      </c>
      <c r="Z8269">
        <v>13</v>
      </c>
      <c r="AA8269">
        <v>13</v>
      </c>
      <c r="AB8269">
        <v>13</v>
      </c>
      <c r="AC8269">
        <v>14</v>
      </c>
      <c r="AD8269">
        <v>14</v>
      </c>
      <c r="AE8269">
        <v>14</v>
      </c>
      <c r="AF8269">
        <v>14</v>
      </c>
      <c r="AG8269">
        <v>14</v>
      </c>
      <c r="AH8269">
        <v>14</v>
      </c>
      <c r="AI8269">
        <v>14</v>
      </c>
      <c r="AJ8269">
        <v>14</v>
      </c>
      <c r="AK8269">
        <v>14</v>
      </c>
      <c r="AL8269">
        <v>14</v>
      </c>
      <c r="AM8269">
        <v>14</v>
      </c>
      <c r="AN8269">
        <v>14</v>
      </c>
      <c r="AO8269">
        <v>14</v>
      </c>
      <c r="AP8269">
        <v>13</v>
      </c>
      <c r="AQ8269">
        <v>13</v>
      </c>
    </row>
    <row r="8270" spans="1:43">
      <c r="A8270" t="s">
        <v>5176</v>
      </c>
      <c r="B8270" t="s">
        <v>5177</v>
      </c>
      <c r="C8270" t="s">
        <v>5164</v>
      </c>
      <c r="D8270" t="s">
        <v>5165</v>
      </c>
      <c r="E8270" t="s">
        <v>4916</v>
      </c>
      <c r="F8270" t="s">
        <v>4917</v>
      </c>
      <c r="G8270" t="s">
        <v>80</v>
      </c>
      <c r="H8270" t="s">
        <v>81</v>
      </c>
      <c r="I8270" s="2">
        <v>1</v>
      </c>
      <c r="J8270" s="2">
        <v>0</v>
      </c>
      <c r="K8270" s="2">
        <v>0</v>
      </c>
      <c r="L8270" t="s">
        <v>120</v>
      </c>
      <c r="M8270" t="s">
        <v>83</v>
      </c>
      <c r="N8270" t="s">
        <v>84</v>
      </c>
      <c r="O8270" t="s">
        <v>85</v>
      </c>
      <c r="P8270" t="s">
        <v>86</v>
      </c>
      <c r="Q8270">
        <v>8</v>
      </c>
      <c r="R8270">
        <v>8</v>
      </c>
      <c r="S8270">
        <v>8</v>
      </c>
      <c r="T8270">
        <v>8</v>
      </c>
      <c r="U8270">
        <v>8</v>
      </c>
      <c r="V8270">
        <v>8</v>
      </c>
      <c r="W8270">
        <v>8</v>
      </c>
      <c r="X8270">
        <v>8</v>
      </c>
      <c r="Y8270">
        <v>8</v>
      </c>
      <c r="Z8270">
        <v>8</v>
      </c>
      <c r="AA8270">
        <v>8</v>
      </c>
      <c r="AB8270">
        <v>8</v>
      </c>
      <c r="AC8270">
        <v>8</v>
      </c>
      <c r="AD8270">
        <v>8</v>
      </c>
      <c r="AE8270">
        <v>8</v>
      </c>
      <c r="AF8270">
        <v>8</v>
      </c>
      <c r="AG8270">
        <v>8</v>
      </c>
      <c r="AH8270">
        <v>8</v>
      </c>
      <c r="AI8270">
        <v>8</v>
      </c>
      <c r="AJ8270">
        <v>9</v>
      </c>
      <c r="AK8270">
        <v>9</v>
      </c>
      <c r="AL8270">
        <v>9</v>
      </c>
      <c r="AM8270">
        <v>8</v>
      </c>
      <c r="AN8270">
        <v>8</v>
      </c>
      <c r="AO8270">
        <v>8</v>
      </c>
      <c r="AP8270">
        <v>8</v>
      </c>
      <c r="AQ8270">
        <v>8</v>
      </c>
    </row>
    <row r="8271" spans="1:43">
      <c r="A8271" t="s">
        <v>5176</v>
      </c>
      <c r="B8271" t="s">
        <v>5177</v>
      </c>
      <c r="C8271" t="s">
        <v>5164</v>
      </c>
      <c r="D8271" t="s">
        <v>5165</v>
      </c>
      <c r="E8271" t="s">
        <v>4916</v>
      </c>
      <c r="F8271" t="s">
        <v>4917</v>
      </c>
      <c r="G8271" t="s">
        <v>80</v>
      </c>
      <c r="H8271" t="s">
        <v>81</v>
      </c>
      <c r="I8271" s="2">
        <v>1</v>
      </c>
      <c r="J8271" s="2">
        <v>0</v>
      </c>
      <c r="K8271" s="2">
        <v>0</v>
      </c>
      <c r="L8271" t="s">
        <v>120</v>
      </c>
      <c r="M8271" t="s">
        <v>87</v>
      </c>
      <c r="N8271" t="s">
        <v>88</v>
      </c>
      <c r="O8271" t="s">
        <v>85</v>
      </c>
      <c r="P8271" t="s">
        <v>86</v>
      </c>
      <c r="Q8271">
        <v>8</v>
      </c>
      <c r="R8271">
        <v>8</v>
      </c>
      <c r="S8271">
        <v>8</v>
      </c>
      <c r="T8271">
        <v>8</v>
      </c>
      <c r="U8271">
        <v>8</v>
      </c>
      <c r="V8271">
        <v>8</v>
      </c>
      <c r="W8271">
        <v>8</v>
      </c>
      <c r="X8271">
        <v>8</v>
      </c>
      <c r="Y8271">
        <v>8</v>
      </c>
      <c r="Z8271">
        <v>8</v>
      </c>
      <c r="AA8271">
        <v>8</v>
      </c>
      <c r="AB8271">
        <v>8</v>
      </c>
      <c r="AC8271">
        <v>7</v>
      </c>
      <c r="AD8271">
        <v>7</v>
      </c>
      <c r="AE8271">
        <v>7</v>
      </c>
      <c r="AF8271">
        <v>7</v>
      </c>
      <c r="AG8271">
        <v>7</v>
      </c>
      <c r="AH8271">
        <v>7</v>
      </c>
      <c r="AI8271">
        <v>7</v>
      </c>
      <c r="AJ8271">
        <v>7</v>
      </c>
      <c r="AK8271">
        <v>7</v>
      </c>
      <c r="AL8271">
        <v>7</v>
      </c>
      <c r="AM8271">
        <v>7</v>
      </c>
      <c r="AN8271">
        <v>7</v>
      </c>
      <c r="AO8271">
        <v>7</v>
      </c>
      <c r="AP8271">
        <v>7</v>
      </c>
      <c r="AQ8271">
        <v>7</v>
      </c>
    </row>
    <row r="8272" spans="1:43">
      <c r="A8272" t="s">
        <v>5176</v>
      </c>
      <c r="B8272" t="s">
        <v>5177</v>
      </c>
      <c r="C8272" t="s">
        <v>5164</v>
      </c>
      <c r="D8272" t="s">
        <v>5165</v>
      </c>
      <c r="E8272" t="s">
        <v>4916</v>
      </c>
      <c r="F8272" t="s">
        <v>4917</v>
      </c>
      <c r="G8272" t="s">
        <v>80</v>
      </c>
      <c r="H8272" t="s">
        <v>81</v>
      </c>
      <c r="I8272" s="2">
        <v>1</v>
      </c>
      <c r="J8272" s="2">
        <v>0</v>
      </c>
      <c r="K8272" s="2">
        <v>0</v>
      </c>
      <c r="L8272" t="s">
        <v>120</v>
      </c>
      <c r="M8272" t="s">
        <v>89</v>
      </c>
      <c r="N8272" t="s">
        <v>90</v>
      </c>
      <c r="O8272" t="s">
        <v>85</v>
      </c>
      <c r="P8272" t="s">
        <v>86</v>
      </c>
      <c r="Q8272">
        <v>8</v>
      </c>
      <c r="R8272">
        <v>8</v>
      </c>
      <c r="S8272">
        <v>8</v>
      </c>
      <c r="T8272">
        <v>8</v>
      </c>
      <c r="U8272">
        <v>8</v>
      </c>
      <c r="V8272">
        <v>8</v>
      </c>
      <c r="W8272">
        <v>9</v>
      </c>
      <c r="X8272">
        <v>9</v>
      </c>
      <c r="Y8272">
        <v>9</v>
      </c>
      <c r="Z8272">
        <v>9</v>
      </c>
      <c r="AA8272">
        <v>9</v>
      </c>
      <c r="AB8272">
        <v>9</v>
      </c>
      <c r="AC8272">
        <v>9</v>
      </c>
      <c r="AD8272">
        <v>9</v>
      </c>
      <c r="AE8272">
        <v>9</v>
      </c>
      <c r="AF8272">
        <v>9</v>
      </c>
      <c r="AG8272">
        <v>9</v>
      </c>
      <c r="AH8272">
        <v>9</v>
      </c>
      <c r="AI8272">
        <v>9</v>
      </c>
      <c r="AJ8272">
        <v>9</v>
      </c>
      <c r="AK8272">
        <v>9</v>
      </c>
      <c r="AL8272">
        <v>9</v>
      </c>
      <c r="AM8272">
        <v>9</v>
      </c>
      <c r="AN8272">
        <v>9</v>
      </c>
      <c r="AO8272">
        <v>8</v>
      </c>
      <c r="AP8272">
        <v>8</v>
      </c>
      <c r="AQ8272">
        <v>8</v>
      </c>
    </row>
    <row r="8273" spans="1:43">
      <c r="A8273" t="s">
        <v>5176</v>
      </c>
      <c r="B8273" t="s">
        <v>5177</v>
      </c>
      <c r="C8273" t="s">
        <v>5164</v>
      </c>
      <c r="D8273" t="s">
        <v>5165</v>
      </c>
      <c r="E8273" t="s">
        <v>4916</v>
      </c>
      <c r="F8273" t="s">
        <v>4917</v>
      </c>
      <c r="G8273" t="s">
        <v>80</v>
      </c>
      <c r="H8273" t="s">
        <v>81</v>
      </c>
      <c r="I8273" s="2">
        <v>1</v>
      </c>
      <c r="J8273" s="2">
        <v>0</v>
      </c>
      <c r="K8273" s="2">
        <v>0</v>
      </c>
      <c r="L8273" t="s">
        <v>120</v>
      </c>
      <c r="M8273" t="s">
        <v>83</v>
      </c>
      <c r="N8273" t="s">
        <v>91</v>
      </c>
      <c r="O8273" t="s">
        <v>85</v>
      </c>
      <c r="P8273" t="s">
        <v>86</v>
      </c>
      <c r="Q8273">
        <v>8</v>
      </c>
      <c r="R8273">
        <v>8</v>
      </c>
      <c r="S8273">
        <v>8</v>
      </c>
      <c r="T8273">
        <v>8</v>
      </c>
      <c r="U8273">
        <v>8</v>
      </c>
      <c r="V8273">
        <v>8</v>
      </c>
      <c r="W8273">
        <v>8</v>
      </c>
      <c r="X8273">
        <v>8</v>
      </c>
      <c r="Y8273">
        <v>8</v>
      </c>
      <c r="Z8273">
        <v>8</v>
      </c>
      <c r="AA8273">
        <v>8</v>
      </c>
      <c r="AB8273">
        <v>8</v>
      </c>
      <c r="AC8273">
        <v>8</v>
      </c>
      <c r="AD8273">
        <v>8</v>
      </c>
      <c r="AE8273">
        <v>8</v>
      </c>
      <c r="AF8273">
        <v>8</v>
      </c>
      <c r="AG8273">
        <v>8</v>
      </c>
      <c r="AH8273">
        <v>8</v>
      </c>
      <c r="AI8273">
        <v>8</v>
      </c>
      <c r="AJ8273">
        <v>9</v>
      </c>
      <c r="AK8273">
        <v>9</v>
      </c>
      <c r="AL8273">
        <v>9</v>
      </c>
      <c r="AM8273">
        <v>8</v>
      </c>
      <c r="AN8273">
        <v>8</v>
      </c>
      <c r="AO8273">
        <v>8</v>
      </c>
      <c r="AP8273">
        <v>8</v>
      </c>
      <c r="AQ8273">
        <v>8</v>
      </c>
    </row>
    <row r="8274" spans="1:43">
      <c r="A8274" t="s">
        <v>5178</v>
      </c>
      <c r="B8274" t="s">
        <v>5179</v>
      </c>
      <c r="C8274" t="s">
        <v>5104</v>
      </c>
      <c r="D8274" t="s">
        <v>5105</v>
      </c>
      <c r="E8274" t="s">
        <v>4916</v>
      </c>
      <c r="F8274" t="s">
        <v>4917</v>
      </c>
      <c r="G8274" t="s">
        <v>80</v>
      </c>
      <c r="H8274" t="s">
        <v>81</v>
      </c>
      <c r="I8274" s="2">
        <v>1</v>
      </c>
      <c r="J8274" s="2">
        <v>0</v>
      </c>
      <c r="K8274" s="2">
        <v>0</v>
      </c>
      <c r="L8274" t="s">
        <v>120</v>
      </c>
      <c r="M8274" t="s">
        <v>83</v>
      </c>
      <c r="N8274" t="s">
        <v>84</v>
      </c>
      <c r="O8274" t="s">
        <v>85</v>
      </c>
      <c r="P8274" t="s">
        <v>86</v>
      </c>
      <c r="Q8274">
        <v>95</v>
      </c>
      <c r="R8274">
        <v>95</v>
      </c>
      <c r="S8274">
        <v>96</v>
      </c>
      <c r="T8274">
        <v>96</v>
      </c>
      <c r="U8274">
        <v>97</v>
      </c>
      <c r="V8274">
        <v>98</v>
      </c>
      <c r="W8274">
        <v>98</v>
      </c>
      <c r="X8274">
        <v>99</v>
      </c>
      <c r="Y8274">
        <v>99</v>
      </c>
      <c r="Z8274">
        <v>99</v>
      </c>
      <c r="AA8274">
        <v>100</v>
      </c>
      <c r="AB8274">
        <v>100</v>
      </c>
      <c r="AC8274">
        <v>100</v>
      </c>
      <c r="AD8274">
        <v>101</v>
      </c>
      <c r="AE8274">
        <v>101</v>
      </c>
      <c r="AF8274">
        <v>101</v>
      </c>
      <c r="AG8274">
        <v>102</v>
      </c>
      <c r="AH8274">
        <v>102</v>
      </c>
      <c r="AI8274">
        <v>102</v>
      </c>
      <c r="AJ8274">
        <v>103</v>
      </c>
      <c r="AK8274">
        <v>103</v>
      </c>
      <c r="AL8274">
        <v>102</v>
      </c>
      <c r="AM8274">
        <v>102</v>
      </c>
      <c r="AN8274">
        <v>101</v>
      </c>
      <c r="AO8274">
        <v>101</v>
      </c>
      <c r="AP8274">
        <v>100</v>
      </c>
      <c r="AQ8274">
        <v>99</v>
      </c>
    </row>
    <row r="8275" spans="1:43">
      <c r="A8275" t="s">
        <v>5178</v>
      </c>
      <c r="B8275" t="s">
        <v>5179</v>
      </c>
      <c r="C8275" t="s">
        <v>5104</v>
      </c>
      <c r="D8275" t="s">
        <v>5105</v>
      </c>
      <c r="E8275" t="s">
        <v>4916</v>
      </c>
      <c r="F8275" t="s">
        <v>4917</v>
      </c>
      <c r="G8275" t="s">
        <v>80</v>
      </c>
      <c r="H8275" t="s">
        <v>81</v>
      </c>
      <c r="I8275" s="2">
        <v>1</v>
      </c>
      <c r="J8275" s="2">
        <v>0</v>
      </c>
      <c r="K8275" s="2">
        <v>0</v>
      </c>
      <c r="L8275" t="s">
        <v>120</v>
      </c>
      <c r="M8275" t="s">
        <v>87</v>
      </c>
      <c r="N8275" t="s">
        <v>88</v>
      </c>
      <c r="O8275" t="s">
        <v>85</v>
      </c>
      <c r="P8275" t="s">
        <v>86</v>
      </c>
      <c r="Q8275">
        <v>95</v>
      </c>
      <c r="R8275">
        <v>95</v>
      </c>
      <c r="S8275">
        <v>94</v>
      </c>
      <c r="T8275">
        <v>94</v>
      </c>
      <c r="U8275">
        <v>94</v>
      </c>
      <c r="V8275">
        <v>93</v>
      </c>
      <c r="W8275">
        <v>93</v>
      </c>
      <c r="X8275">
        <v>93</v>
      </c>
      <c r="Y8275">
        <v>93</v>
      </c>
      <c r="Z8275">
        <v>92</v>
      </c>
      <c r="AA8275">
        <v>92</v>
      </c>
      <c r="AB8275">
        <v>92</v>
      </c>
      <c r="AC8275">
        <v>91</v>
      </c>
      <c r="AD8275">
        <v>91</v>
      </c>
      <c r="AE8275">
        <v>91</v>
      </c>
      <c r="AF8275">
        <v>91</v>
      </c>
      <c r="AG8275">
        <v>90</v>
      </c>
      <c r="AH8275">
        <v>90</v>
      </c>
      <c r="AI8275">
        <v>90</v>
      </c>
      <c r="AJ8275">
        <v>89</v>
      </c>
      <c r="AK8275">
        <v>89</v>
      </c>
      <c r="AL8275">
        <v>89</v>
      </c>
      <c r="AM8275">
        <v>88</v>
      </c>
      <c r="AN8275">
        <v>88</v>
      </c>
      <c r="AO8275">
        <v>88</v>
      </c>
      <c r="AP8275">
        <v>88</v>
      </c>
      <c r="AQ8275">
        <v>87</v>
      </c>
    </row>
    <row r="8276" spans="1:43">
      <c r="A8276" t="s">
        <v>5178</v>
      </c>
      <c r="B8276" t="s">
        <v>5179</v>
      </c>
      <c r="C8276" t="s">
        <v>5104</v>
      </c>
      <c r="D8276" t="s">
        <v>5105</v>
      </c>
      <c r="E8276" t="s">
        <v>4916</v>
      </c>
      <c r="F8276" t="s">
        <v>4917</v>
      </c>
      <c r="G8276" t="s">
        <v>80</v>
      </c>
      <c r="H8276" t="s">
        <v>81</v>
      </c>
      <c r="I8276" s="2">
        <v>1</v>
      </c>
      <c r="J8276" s="2">
        <v>0</v>
      </c>
      <c r="K8276" s="2">
        <v>0</v>
      </c>
      <c r="L8276" t="s">
        <v>120</v>
      </c>
      <c r="M8276" t="s">
        <v>89</v>
      </c>
      <c r="N8276" t="s">
        <v>90</v>
      </c>
      <c r="O8276" t="s">
        <v>85</v>
      </c>
      <c r="P8276" t="s">
        <v>86</v>
      </c>
      <c r="Q8276">
        <v>95</v>
      </c>
      <c r="R8276">
        <v>96</v>
      </c>
      <c r="S8276">
        <v>97</v>
      </c>
      <c r="T8276">
        <v>99</v>
      </c>
      <c r="U8276">
        <v>100</v>
      </c>
      <c r="V8276">
        <v>101</v>
      </c>
      <c r="W8276">
        <v>102</v>
      </c>
      <c r="X8276">
        <v>103</v>
      </c>
      <c r="Y8276">
        <v>104</v>
      </c>
      <c r="Z8276">
        <v>104</v>
      </c>
      <c r="AA8276">
        <v>105</v>
      </c>
      <c r="AB8276">
        <v>106</v>
      </c>
      <c r="AC8276">
        <v>107</v>
      </c>
      <c r="AD8276">
        <v>107</v>
      </c>
      <c r="AE8276">
        <v>107</v>
      </c>
      <c r="AF8276">
        <v>107</v>
      </c>
      <c r="AG8276">
        <v>106</v>
      </c>
      <c r="AH8276">
        <v>105</v>
      </c>
      <c r="AI8276">
        <v>105</v>
      </c>
      <c r="AJ8276">
        <v>104</v>
      </c>
      <c r="AK8276">
        <v>103</v>
      </c>
      <c r="AL8276">
        <v>103</v>
      </c>
      <c r="AM8276">
        <v>102</v>
      </c>
      <c r="AN8276">
        <v>101</v>
      </c>
      <c r="AO8276">
        <v>101</v>
      </c>
      <c r="AP8276">
        <v>100</v>
      </c>
      <c r="AQ8276">
        <v>99</v>
      </c>
    </row>
    <row r="8277" spans="1:43">
      <c r="A8277" t="s">
        <v>5178</v>
      </c>
      <c r="B8277" t="s">
        <v>5179</v>
      </c>
      <c r="C8277" t="s">
        <v>5104</v>
      </c>
      <c r="D8277" t="s">
        <v>5105</v>
      </c>
      <c r="E8277" t="s">
        <v>4916</v>
      </c>
      <c r="F8277" t="s">
        <v>4917</v>
      </c>
      <c r="G8277" t="s">
        <v>80</v>
      </c>
      <c r="H8277" t="s">
        <v>81</v>
      </c>
      <c r="I8277" s="2">
        <v>1</v>
      </c>
      <c r="J8277" s="2">
        <v>0</v>
      </c>
      <c r="K8277" s="2">
        <v>0</v>
      </c>
      <c r="L8277" t="s">
        <v>120</v>
      </c>
      <c r="M8277" t="s">
        <v>83</v>
      </c>
      <c r="N8277" t="s">
        <v>91</v>
      </c>
      <c r="O8277" t="s">
        <v>85</v>
      </c>
      <c r="P8277" t="s">
        <v>86</v>
      </c>
      <c r="Q8277">
        <v>95</v>
      </c>
      <c r="R8277">
        <v>95</v>
      </c>
      <c r="S8277">
        <v>96</v>
      </c>
      <c r="T8277">
        <v>96</v>
      </c>
      <c r="U8277">
        <v>97</v>
      </c>
      <c r="V8277">
        <v>98</v>
      </c>
      <c r="W8277">
        <v>98</v>
      </c>
      <c r="X8277">
        <v>99</v>
      </c>
      <c r="Y8277">
        <v>99</v>
      </c>
      <c r="Z8277">
        <v>99</v>
      </c>
      <c r="AA8277">
        <v>100</v>
      </c>
      <c r="AB8277">
        <v>100</v>
      </c>
      <c r="AC8277">
        <v>100</v>
      </c>
      <c r="AD8277">
        <v>101</v>
      </c>
      <c r="AE8277">
        <v>101</v>
      </c>
      <c r="AF8277">
        <v>101</v>
      </c>
      <c r="AG8277">
        <v>102</v>
      </c>
      <c r="AH8277">
        <v>102</v>
      </c>
      <c r="AI8277">
        <v>102</v>
      </c>
      <c r="AJ8277">
        <v>103</v>
      </c>
      <c r="AK8277">
        <v>103</v>
      </c>
      <c r="AL8277">
        <v>102</v>
      </c>
      <c r="AM8277">
        <v>102</v>
      </c>
      <c r="AN8277">
        <v>101</v>
      </c>
      <c r="AO8277">
        <v>101</v>
      </c>
      <c r="AP8277">
        <v>100</v>
      </c>
      <c r="AQ8277">
        <v>99</v>
      </c>
    </row>
    <row r="8278" spans="1:43">
      <c r="A8278" t="s">
        <v>5180</v>
      </c>
      <c r="B8278" t="s">
        <v>5181</v>
      </c>
      <c r="C8278" t="s">
        <v>5104</v>
      </c>
      <c r="D8278" t="s">
        <v>5105</v>
      </c>
      <c r="E8278" t="s">
        <v>4916</v>
      </c>
      <c r="F8278" t="s">
        <v>4917</v>
      </c>
      <c r="G8278" t="s">
        <v>80</v>
      </c>
      <c r="H8278" t="s">
        <v>81</v>
      </c>
      <c r="I8278" s="2">
        <v>1</v>
      </c>
      <c r="J8278" s="2">
        <v>0</v>
      </c>
      <c r="K8278" s="2">
        <v>0</v>
      </c>
      <c r="L8278" t="s">
        <v>120</v>
      </c>
      <c r="M8278" t="s">
        <v>83</v>
      </c>
      <c r="N8278" t="s">
        <v>84</v>
      </c>
      <c r="O8278" t="s">
        <v>85</v>
      </c>
      <c r="P8278" t="s">
        <v>86</v>
      </c>
      <c r="Q8278">
        <v>15</v>
      </c>
      <c r="R8278">
        <v>15</v>
      </c>
      <c r="S8278">
        <v>15</v>
      </c>
      <c r="T8278">
        <v>15</v>
      </c>
      <c r="U8278">
        <v>15</v>
      </c>
      <c r="V8278">
        <v>15</v>
      </c>
      <c r="W8278">
        <v>15</v>
      </c>
      <c r="X8278">
        <v>16</v>
      </c>
      <c r="Y8278">
        <v>16</v>
      </c>
      <c r="Z8278">
        <v>16</v>
      </c>
      <c r="AA8278">
        <v>16</v>
      </c>
      <c r="AB8278">
        <v>16</v>
      </c>
      <c r="AC8278">
        <v>16</v>
      </c>
      <c r="AD8278">
        <v>16</v>
      </c>
      <c r="AE8278">
        <v>16</v>
      </c>
      <c r="AF8278">
        <v>16</v>
      </c>
      <c r="AG8278">
        <v>16</v>
      </c>
      <c r="AH8278">
        <v>16</v>
      </c>
      <c r="AI8278">
        <v>16</v>
      </c>
      <c r="AJ8278">
        <v>16</v>
      </c>
      <c r="AK8278">
        <v>16</v>
      </c>
      <c r="AL8278">
        <v>16</v>
      </c>
      <c r="AM8278">
        <v>16</v>
      </c>
      <c r="AN8278">
        <v>16</v>
      </c>
      <c r="AO8278">
        <v>16</v>
      </c>
      <c r="AP8278">
        <v>16</v>
      </c>
      <c r="AQ8278">
        <v>16</v>
      </c>
    </row>
    <row r="8279" spans="1:43">
      <c r="A8279" t="s">
        <v>5180</v>
      </c>
      <c r="B8279" t="s">
        <v>5181</v>
      </c>
      <c r="C8279" t="s">
        <v>5104</v>
      </c>
      <c r="D8279" t="s">
        <v>5105</v>
      </c>
      <c r="E8279" t="s">
        <v>4916</v>
      </c>
      <c r="F8279" t="s">
        <v>4917</v>
      </c>
      <c r="G8279" t="s">
        <v>80</v>
      </c>
      <c r="H8279" t="s">
        <v>81</v>
      </c>
      <c r="I8279" s="2">
        <v>1</v>
      </c>
      <c r="J8279" s="2">
        <v>0</v>
      </c>
      <c r="K8279" s="2">
        <v>0</v>
      </c>
      <c r="L8279" t="s">
        <v>120</v>
      </c>
      <c r="M8279" t="s">
        <v>87</v>
      </c>
      <c r="N8279" t="s">
        <v>88</v>
      </c>
      <c r="O8279" t="s">
        <v>85</v>
      </c>
      <c r="P8279" t="s">
        <v>86</v>
      </c>
      <c r="Q8279">
        <v>15</v>
      </c>
      <c r="R8279">
        <v>15</v>
      </c>
      <c r="S8279">
        <v>15</v>
      </c>
      <c r="T8279">
        <v>15</v>
      </c>
      <c r="U8279">
        <v>15</v>
      </c>
      <c r="V8279">
        <v>15</v>
      </c>
      <c r="W8279">
        <v>15</v>
      </c>
      <c r="X8279">
        <v>15</v>
      </c>
      <c r="Y8279">
        <v>14</v>
      </c>
      <c r="Z8279">
        <v>14</v>
      </c>
      <c r="AA8279">
        <v>14</v>
      </c>
      <c r="AB8279">
        <v>14</v>
      </c>
      <c r="AC8279">
        <v>14</v>
      </c>
      <c r="AD8279">
        <v>14</v>
      </c>
      <c r="AE8279">
        <v>14</v>
      </c>
      <c r="AF8279">
        <v>14</v>
      </c>
      <c r="AG8279">
        <v>14</v>
      </c>
      <c r="AH8279">
        <v>14</v>
      </c>
      <c r="AI8279">
        <v>14</v>
      </c>
      <c r="AJ8279">
        <v>14</v>
      </c>
      <c r="AK8279">
        <v>14</v>
      </c>
      <c r="AL8279">
        <v>14</v>
      </c>
      <c r="AM8279">
        <v>14</v>
      </c>
      <c r="AN8279">
        <v>14</v>
      </c>
      <c r="AO8279">
        <v>14</v>
      </c>
      <c r="AP8279">
        <v>14</v>
      </c>
      <c r="AQ8279">
        <v>14</v>
      </c>
    </row>
    <row r="8280" spans="1:43">
      <c r="A8280" t="s">
        <v>5180</v>
      </c>
      <c r="B8280" t="s">
        <v>5181</v>
      </c>
      <c r="C8280" t="s">
        <v>5104</v>
      </c>
      <c r="D8280" t="s">
        <v>5105</v>
      </c>
      <c r="E8280" t="s">
        <v>4916</v>
      </c>
      <c r="F8280" t="s">
        <v>4917</v>
      </c>
      <c r="G8280" t="s">
        <v>80</v>
      </c>
      <c r="H8280" t="s">
        <v>81</v>
      </c>
      <c r="I8280" s="2">
        <v>1</v>
      </c>
      <c r="J8280" s="2">
        <v>0</v>
      </c>
      <c r="K8280" s="2">
        <v>0</v>
      </c>
      <c r="L8280" t="s">
        <v>120</v>
      </c>
      <c r="M8280" t="s">
        <v>89</v>
      </c>
      <c r="N8280" t="s">
        <v>90</v>
      </c>
      <c r="O8280" t="s">
        <v>85</v>
      </c>
      <c r="P8280" t="s">
        <v>86</v>
      </c>
      <c r="Q8280">
        <v>15</v>
      </c>
      <c r="R8280">
        <v>15</v>
      </c>
      <c r="S8280">
        <v>15</v>
      </c>
      <c r="T8280">
        <v>16</v>
      </c>
      <c r="U8280">
        <v>16</v>
      </c>
      <c r="V8280">
        <v>16</v>
      </c>
      <c r="W8280">
        <v>16</v>
      </c>
      <c r="X8280">
        <v>16</v>
      </c>
      <c r="Y8280">
        <v>17</v>
      </c>
      <c r="Z8280">
        <v>17</v>
      </c>
      <c r="AA8280">
        <v>17</v>
      </c>
      <c r="AB8280">
        <v>17</v>
      </c>
      <c r="AC8280">
        <v>17</v>
      </c>
      <c r="AD8280">
        <v>17</v>
      </c>
      <c r="AE8280">
        <v>17</v>
      </c>
      <c r="AF8280">
        <v>17</v>
      </c>
      <c r="AG8280">
        <v>17</v>
      </c>
      <c r="AH8280">
        <v>17</v>
      </c>
      <c r="AI8280">
        <v>17</v>
      </c>
      <c r="AJ8280">
        <v>17</v>
      </c>
      <c r="AK8280">
        <v>17</v>
      </c>
      <c r="AL8280">
        <v>17</v>
      </c>
      <c r="AM8280">
        <v>16</v>
      </c>
      <c r="AN8280">
        <v>16</v>
      </c>
      <c r="AO8280">
        <v>16</v>
      </c>
      <c r="AP8280">
        <v>16</v>
      </c>
      <c r="AQ8280">
        <v>16</v>
      </c>
    </row>
    <row r="8281" spans="1:43">
      <c r="A8281" t="s">
        <v>5180</v>
      </c>
      <c r="B8281" t="s">
        <v>5181</v>
      </c>
      <c r="C8281" t="s">
        <v>5104</v>
      </c>
      <c r="D8281" t="s">
        <v>5105</v>
      </c>
      <c r="E8281" t="s">
        <v>4916</v>
      </c>
      <c r="F8281" t="s">
        <v>4917</v>
      </c>
      <c r="G8281" t="s">
        <v>80</v>
      </c>
      <c r="H8281" t="s">
        <v>81</v>
      </c>
      <c r="I8281" s="2">
        <v>1</v>
      </c>
      <c r="J8281" s="2">
        <v>0</v>
      </c>
      <c r="K8281" s="2">
        <v>0</v>
      </c>
      <c r="L8281" t="s">
        <v>120</v>
      </c>
      <c r="M8281" t="s">
        <v>83</v>
      </c>
      <c r="N8281" t="s">
        <v>91</v>
      </c>
      <c r="O8281" t="s">
        <v>85</v>
      </c>
      <c r="P8281" t="s">
        <v>86</v>
      </c>
      <c r="Q8281">
        <v>15</v>
      </c>
      <c r="R8281">
        <v>15</v>
      </c>
      <c r="S8281">
        <v>15</v>
      </c>
      <c r="T8281">
        <v>15</v>
      </c>
      <c r="U8281">
        <v>15</v>
      </c>
      <c r="V8281">
        <v>15</v>
      </c>
      <c r="W8281">
        <v>15</v>
      </c>
      <c r="X8281">
        <v>16</v>
      </c>
      <c r="Y8281">
        <v>16</v>
      </c>
      <c r="Z8281">
        <v>16</v>
      </c>
      <c r="AA8281">
        <v>16</v>
      </c>
      <c r="AB8281">
        <v>16</v>
      </c>
      <c r="AC8281">
        <v>16</v>
      </c>
      <c r="AD8281">
        <v>16</v>
      </c>
      <c r="AE8281">
        <v>16</v>
      </c>
      <c r="AF8281">
        <v>16</v>
      </c>
      <c r="AG8281">
        <v>16</v>
      </c>
      <c r="AH8281">
        <v>16</v>
      </c>
      <c r="AI8281">
        <v>16</v>
      </c>
      <c r="AJ8281">
        <v>16</v>
      </c>
      <c r="AK8281">
        <v>16</v>
      </c>
      <c r="AL8281">
        <v>16</v>
      </c>
      <c r="AM8281">
        <v>16</v>
      </c>
      <c r="AN8281">
        <v>16</v>
      </c>
      <c r="AO8281">
        <v>16</v>
      </c>
      <c r="AP8281">
        <v>16</v>
      </c>
      <c r="AQ8281">
        <v>16</v>
      </c>
    </row>
    <row r="8282" spans="1:43">
      <c r="A8282" t="s">
        <v>5182</v>
      </c>
      <c r="B8282" t="s">
        <v>5183</v>
      </c>
      <c r="C8282" t="s">
        <v>5104</v>
      </c>
      <c r="D8282" t="s">
        <v>5105</v>
      </c>
      <c r="E8282" t="s">
        <v>4916</v>
      </c>
      <c r="F8282" t="s">
        <v>4917</v>
      </c>
      <c r="G8282" t="s">
        <v>80</v>
      </c>
      <c r="H8282" t="s">
        <v>81</v>
      </c>
      <c r="I8282" s="2">
        <v>1</v>
      </c>
      <c r="J8282" s="2">
        <v>0</v>
      </c>
      <c r="K8282" s="2">
        <v>0</v>
      </c>
      <c r="L8282" t="s">
        <v>120</v>
      </c>
      <c r="M8282" t="s">
        <v>83</v>
      </c>
      <c r="N8282" t="s">
        <v>84</v>
      </c>
      <c r="O8282" t="s">
        <v>85</v>
      </c>
      <c r="P8282" t="s">
        <v>86</v>
      </c>
      <c r="Q8282">
        <v>23</v>
      </c>
      <c r="R8282">
        <v>23</v>
      </c>
      <c r="S8282">
        <v>23</v>
      </c>
      <c r="T8282">
        <v>24</v>
      </c>
      <c r="U8282">
        <v>24</v>
      </c>
      <c r="V8282">
        <v>24</v>
      </c>
      <c r="W8282">
        <v>24</v>
      </c>
      <c r="X8282">
        <v>24</v>
      </c>
      <c r="Y8282">
        <v>24</v>
      </c>
      <c r="Z8282">
        <v>24</v>
      </c>
      <c r="AA8282">
        <v>24</v>
      </c>
      <c r="AB8282">
        <v>24</v>
      </c>
      <c r="AC8282">
        <v>24</v>
      </c>
      <c r="AD8282">
        <v>24</v>
      </c>
      <c r="AE8282">
        <v>25</v>
      </c>
      <c r="AF8282">
        <v>25</v>
      </c>
      <c r="AG8282">
        <v>25</v>
      </c>
      <c r="AH8282">
        <v>25</v>
      </c>
      <c r="AI8282">
        <v>25</v>
      </c>
      <c r="AJ8282">
        <v>25</v>
      </c>
      <c r="AK8282">
        <v>25</v>
      </c>
      <c r="AL8282">
        <v>25</v>
      </c>
      <c r="AM8282">
        <v>25</v>
      </c>
      <c r="AN8282">
        <v>24</v>
      </c>
      <c r="AO8282">
        <v>24</v>
      </c>
      <c r="AP8282">
        <v>24</v>
      </c>
      <c r="AQ8282">
        <v>24</v>
      </c>
    </row>
    <row r="8283" spans="1:43">
      <c r="A8283" t="s">
        <v>5182</v>
      </c>
      <c r="B8283" t="s">
        <v>5183</v>
      </c>
      <c r="C8283" t="s">
        <v>5104</v>
      </c>
      <c r="D8283" t="s">
        <v>5105</v>
      </c>
      <c r="E8283" t="s">
        <v>4916</v>
      </c>
      <c r="F8283" t="s">
        <v>4917</v>
      </c>
      <c r="G8283" t="s">
        <v>80</v>
      </c>
      <c r="H8283" t="s">
        <v>81</v>
      </c>
      <c r="I8283" s="2">
        <v>1</v>
      </c>
      <c r="J8283" s="2">
        <v>0</v>
      </c>
      <c r="K8283" s="2">
        <v>0</v>
      </c>
      <c r="L8283" t="s">
        <v>120</v>
      </c>
      <c r="M8283" t="s">
        <v>87</v>
      </c>
      <c r="N8283" t="s">
        <v>88</v>
      </c>
      <c r="O8283" t="s">
        <v>85</v>
      </c>
      <c r="P8283" t="s">
        <v>86</v>
      </c>
      <c r="Q8283">
        <v>23</v>
      </c>
      <c r="R8283">
        <v>23</v>
      </c>
      <c r="S8283">
        <v>23</v>
      </c>
      <c r="T8283">
        <v>23</v>
      </c>
      <c r="U8283">
        <v>23</v>
      </c>
      <c r="V8283">
        <v>23</v>
      </c>
      <c r="W8283">
        <v>22</v>
      </c>
      <c r="X8283">
        <v>22</v>
      </c>
      <c r="Y8283">
        <v>22</v>
      </c>
      <c r="Z8283">
        <v>22</v>
      </c>
      <c r="AA8283">
        <v>22</v>
      </c>
      <c r="AB8283">
        <v>22</v>
      </c>
      <c r="AC8283">
        <v>22</v>
      </c>
      <c r="AD8283">
        <v>22</v>
      </c>
      <c r="AE8283">
        <v>22</v>
      </c>
      <c r="AF8283">
        <v>22</v>
      </c>
      <c r="AG8283">
        <v>22</v>
      </c>
      <c r="AH8283">
        <v>22</v>
      </c>
      <c r="AI8283">
        <v>21</v>
      </c>
      <c r="AJ8283">
        <v>21</v>
      </c>
      <c r="AK8283">
        <v>21</v>
      </c>
      <c r="AL8283">
        <v>21</v>
      </c>
      <c r="AM8283">
        <v>21</v>
      </c>
      <c r="AN8283">
        <v>21</v>
      </c>
      <c r="AO8283">
        <v>21</v>
      </c>
      <c r="AP8283">
        <v>21</v>
      </c>
      <c r="AQ8283">
        <v>21</v>
      </c>
    </row>
    <row r="8284" spans="1:43">
      <c r="A8284" t="s">
        <v>5182</v>
      </c>
      <c r="B8284" t="s">
        <v>5183</v>
      </c>
      <c r="C8284" t="s">
        <v>5104</v>
      </c>
      <c r="D8284" t="s">
        <v>5105</v>
      </c>
      <c r="E8284" t="s">
        <v>4916</v>
      </c>
      <c r="F8284" t="s">
        <v>4917</v>
      </c>
      <c r="G8284" t="s">
        <v>80</v>
      </c>
      <c r="H8284" t="s">
        <v>81</v>
      </c>
      <c r="I8284" s="2">
        <v>1</v>
      </c>
      <c r="J8284" s="2">
        <v>0</v>
      </c>
      <c r="K8284" s="2">
        <v>0</v>
      </c>
      <c r="L8284" t="s">
        <v>120</v>
      </c>
      <c r="M8284" t="s">
        <v>89</v>
      </c>
      <c r="N8284" t="s">
        <v>90</v>
      </c>
      <c r="O8284" t="s">
        <v>85</v>
      </c>
      <c r="P8284" t="s">
        <v>86</v>
      </c>
      <c r="Q8284">
        <v>23</v>
      </c>
      <c r="R8284">
        <v>24</v>
      </c>
      <c r="S8284">
        <v>24</v>
      </c>
      <c r="T8284">
        <v>24</v>
      </c>
      <c r="U8284">
        <v>25</v>
      </c>
      <c r="V8284">
        <v>25</v>
      </c>
      <c r="W8284">
        <v>25</v>
      </c>
      <c r="X8284">
        <v>25</v>
      </c>
      <c r="Y8284">
        <v>25</v>
      </c>
      <c r="Z8284">
        <v>26</v>
      </c>
      <c r="AA8284">
        <v>26</v>
      </c>
      <c r="AB8284">
        <v>26</v>
      </c>
      <c r="AC8284">
        <v>26</v>
      </c>
      <c r="AD8284">
        <v>26</v>
      </c>
      <c r="AE8284">
        <v>26</v>
      </c>
      <c r="AF8284">
        <v>26</v>
      </c>
      <c r="AG8284">
        <v>26</v>
      </c>
      <c r="AH8284">
        <v>26</v>
      </c>
      <c r="AI8284">
        <v>26</v>
      </c>
      <c r="AJ8284">
        <v>25</v>
      </c>
      <c r="AK8284">
        <v>25</v>
      </c>
      <c r="AL8284">
        <v>25</v>
      </c>
      <c r="AM8284">
        <v>25</v>
      </c>
      <c r="AN8284">
        <v>25</v>
      </c>
      <c r="AO8284">
        <v>24</v>
      </c>
      <c r="AP8284">
        <v>24</v>
      </c>
      <c r="AQ8284">
        <v>24</v>
      </c>
    </row>
    <row r="8285" spans="1:43">
      <c r="A8285" t="s">
        <v>5182</v>
      </c>
      <c r="B8285" t="s">
        <v>5183</v>
      </c>
      <c r="C8285" t="s">
        <v>5104</v>
      </c>
      <c r="D8285" t="s">
        <v>5105</v>
      </c>
      <c r="E8285" t="s">
        <v>4916</v>
      </c>
      <c r="F8285" t="s">
        <v>4917</v>
      </c>
      <c r="G8285" t="s">
        <v>80</v>
      </c>
      <c r="H8285" t="s">
        <v>81</v>
      </c>
      <c r="I8285" s="2">
        <v>1</v>
      </c>
      <c r="J8285" s="2">
        <v>0</v>
      </c>
      <c r="K8285" s="2">
        <v>0</v>
      </c>
      <c r="L8285" t="s">
        <v>120</v>
      </c>
      <c r="M8285" t="s">
        <v>83</v>
      </c>
      <c r="N8285" t="s">
        <v>91</v>
      </c>
      <c r="O8285" t="s">
        <v>85</v>
      </c>
      <c r="P8285" t="s">
        <v>86</v>
      </c>
      <c r="Q8285">
        <v>23</v>
      </c>
      <c r="R8285">
        <v>23</v>
      </c>
      <c r="S8285">
        <v>23</v>
      </c>
      <c r="T8285">
        <v>24</v>
      </c>
      <c r="U8285">
        <v>24</v>
      </c>
      <c r="V8285">
        <v>24</v>
      </c>
      <c r="W8285">
        <v>24</v>
      </c>
      <c r="X8285">
        <v>24</v>
      </c>
      <c r="Y8285">
        <v>24</v>
      </c>
      <c r="Z8285">
        <v>24</v>
      </c>
      <c r="AA8285">
        <v>24</v>
      </c>
      <c r="AB8285">
        <v>24</v>
      </c>
      <c r="AC8285">
        <v>24</v>
      </c>
      <c r="AD8285">
        <v>24</v>
      </c>
      <c r="AE8285">
        <v>25</v>
      </c>
      <c r="AF8285">
        <v>25</v>
      </c>
      <c r="AG8285">
        <v>25</v>
      </c>
      <c r="AH8285">
        <v>25</v>
      </c>
      <c r="AI8285">
        <v>25</v>
      </c>
      <c r="AJ8285">
        <v>25</v>
      </c>
      <c r="AK8285">
        <v>25</v>
      </c>
      <c r="AL8285">
        <v>25</v>
      </c>
      <c r="AM8285">
        <v>25</v>
      </c>
      <c r="AN8285">
        <v>24</v>
      </c>
      <c r="AO8285">
        <v>24</v>
      </c>
      <c r="AP8285">
        <v>24</v>
      </c>
      <c r="AQ8285">
        <v>24</v>
      </c>
    </row>
    <row r="8286" spans="1:43">
      <c r="A8286" t="s">
        <v>5184</v>
      </c>
      <c r="B8286" t="s">
        <v>5185</v>
      </c>
      <c r="C8286" t="s">
        <v>4914</v>
      </c>
      <c r="D8286" t="s">
        <v>4915</v>
      </c>
      <c r="E8286" t="s">
        <v>4916</v>
      </c>
      <c r="F8286" t="s">
        <v>4917</v>
      </c>
      <c r="G8286" t="s">
        <v>80</v>
      </c>
      <c r="H8286" t="s">
        <v>81</v>
      </c>
      <c r="I8286" s="2">
        <v>1</v>
      </c>
      <c r="J8286" s="2">
        <v>0</v>
      </c>
      <c r="K8286" s="2">
        <v>0</v>
      </c>
      <c r="L8286" t="s">
        <v>120</v>
      </c>
      <c r="M8286" t="s">
        <v>83</v>
      </c>
      <c r="N8286" t="s">
        <v>84</v>
      </c>
      <c r="O8286" t="s">
        <v>85</v>
      </c>
      <c r="P8286" t="s">
        <v>86</v>
      </c>
      <c r="Q8286">
        <v>107</v>
      </c>
      <c r="R8286">
        <v>108</v>
      </c>
      <c r="S8286">
        <v>109</v>
      </c>
      <c r="T8286">
        <v>109</v>
      </c>
      <c r="U8286">
        <v>110</v>
      </c>
      <c r="V8286">
        <v>111</v>
      </c>
      <c r="W8286">
        <v>111</v>
      </c>
      <c r="X8286">
        <v>112</v>
      </c>
      <c r="Y8286">
        <v>113</v>
      </c>
      <c r="Z8286">
        <v>113</v>
      </c>
      <c r="AA8286">
        <v>114</v>
      </c>
      <c r="AB8286">
        <v>114</v>
      </c>
      <c r="AC8286">
        <v>115</v>
      </c>
      <c r="AD8286">
        <v>115</v>
      </c>
      <c r="AE8286">
        <v>116</v>
      </c>
      <c r="AF8286">
        <v>116</v>
      </c>
      <c r="AG8286">
        <v>116</v>
      </c>
      <c r="AH8286">
        <v>117</v>
      </c>
      <c r="AI8286">
        <v>117</v>
      </c>
      <c r="AJ8286">
        <v>118</v>
      </c>
      <c r="AK8286">
        <v>118</v>
      </c>
      <c r="AL8286">
        <v>118</v>
      </c>
      <c r="AM8286">
        <v>117</v>
      </c>
      <c r="AN8286">
        <v>116</v>
      </c>
      <c r="AO8286">
        <v>116</v>
      </c>
      <c r="AP8286">
        <v>115</v>
      </c>
      <c r="AQ8286">
        <v>115</v>
      </c>
    </row>
    <row r="8287" spans="1:43">
      <c r="A8287" t="s">
        <v>5184</v>
      </c>
      <c r="B8287" t="s">
        <v>5185</v>
      </c>
      <c r="C8287" t="s">
        <v>4914</v>
      </c>
      <c r="D8287" t="s">
        <v>4915</v>
      </c>
      <c r="E8287" t="s">
        <v>4916</v>
      </c>
      <c r="F8287" t="s">
        <v>4917</v>
      </c>
      <c r="G8287" t="s">
        <v>80</v>
      </c>
      <c r="H8287" t="s">
        <v>81</v>
      </c>
      <c r="I8287" s="2">
        <v>1</v>
      </c>
      <c r="J8287" s="2">
        <v>0</v>
      </c>
      <c r="K8287" s="2">
        <v>0</v>
      </c>
      <c r="L8287" t="s">
        <v>120</v>
      </c>
      <c r="M8287" t="s">
        <v>87</v>
      </c>
      <c r="N8287" t="s">
        <v>88</v>
      </c>
      <c r="O8287" t="s">
        <v>85</v>
      </c>
      <c r="P8287" t="s">
        <v>86</v>
      </c>
      <c r="Q8287">
        <v>107</v>
      </c>
      <c r="R8287">
        <v>107</v>
      </c>
      <c r="S8287">
        <v>107</v>
      </c>
      <c r="T8287">
        <v>107</v>
      </c>
      <c r="U8287">
        <v>106</v>
      </c>
      <c r="V8287">
        <v>106</v>
      </c>
      <c r="W8287">
        <v>106</v>
      </c>
      <c r="X8287">
        <v>105</v>
      </c>
      <c r="Y8287">
        <v>105</v>
      </c>
      <c r="Z8287">
        <v>105</v>
      </c>
      <c r="AA8287">
        <v>105</v>
      </c>
      <c r="AB8287">
        <v>104</v>
      </c>
      <c r="AC8287">
        <v>104</v>
      </c>
      <c r="AD8287">
        <v>104</v>
      </c>
      <c r="AE8287">
        <v>104</v>
      </c>
      <c r="AF8287">
        <v>103</v>
      </c>
      <c r="AG8287">
        <v>103</v>
      </c>
      <c r="AH8287">
        <v>103</v>
      </c>
      <c r="AI8287">
        <v>102</v>
      </c>
      <c r="AJ8287">
        <v>102</v>
      </c>
      <c r="AK8287">
        <v>102</v>
      </c>
      <c r="AL8287">
        <v>102</v>
      </c>
      <c r="AM8287">
        <v>101</v>
      </c>
      <c r="AN8287">
        <v>101</v>
      </c>
      <c r="AO8287">
        <v>101</v>
      </c>
      <c r="AP8287">
        <v>100</v>
      </c>
      <c r="AQ8287">
        <v>100</v>
      </c>
    </row>
    <row r="8288" spans="1:43">
      <c r="A8288" t="s">
        <v>5184</v>
      </c>
      <c r="B8288" t="s">
        <v>5185</v>
      </c>
      <c r="C8288" t="s">
        <v>4914</v>
      </c>
      <c r="D8288" t="s">
        <v>4915</v>
      </c>
      <c r="E8288" t="s">
        <v>4916</v>
      </c>
      <c r="F8288" t="s">
        <v>4917</v>
      </c>
      <c r="G8288" t="s">
        <v>80</v>
      </c>
      <c r="H8288" t="s">
        <v>81</v>
      </c>
      <c r="I8288" s="2">
        <v>1</v>
      </c>
      <c r="J8288" s="2">
        <v>0</v>
      </c>
      <c r="K8288" s="2">
        <v>0</v>
      </c>
      <c r="L8288" t="s">
        <v>120</v>
      </c>
      <c r="M8288" t="s">
        <v>89</v>
      </c>
      <c r="N8288" t="s">
        <v>90</v>
      </c>
      <c r="O8288" t="s">
        <v>85</v>
      </c>
      <c r="P8288" t="s">
        <v>86</v>
      </c>
      <c r="Q8288">
        <v>107</v>
      </c>
      <c r="R8288">
        <v>109</v>
      </c>
      <c r="S8288">
        <v>111</v>
      </c>
      <c r="T8288">
        <v>112</v>
      </c>
      <c r="U8288">
        <v>114</v>
      </c>
      <c r="V8288">
        <v>115</v>
      </c>
      <c r="W8288">
        <v>116</v>
      </c>
      <c r="X8288">
        <v>117</v>
      </c>
      <c r="Y8288">
        <v>118</v>
      </c>
      <c r="Z8288">
        <v>119</v>
      </c>
      <c r="AA8288">
        <v>120</v>
      </c>
      <c r="AB8288">
        <v>121</v>
      </c>
      <c r="AC8288">
        <v>122</v>
      </c>
      <c r="AD8288">
        <v>123</v>
      </c>
      <c r="AE8288">
        <v>123</v>
      </c>
      <c r="AF8288">
        <v>122</v>
      </c>
      <c r="AG8288">
        <v>122</v>
      </c>
      <c r="AH8288">
        <v>121</v>
      </c>
      <c r="AI8288">
        <v>120</v>
      </c>
      <c r="AJ8288">
        <v>120</v>
      </c>
      <c r="AK8288">
        <v>119</v>
      </c>
      <c r="AL8288">
        <v>118</v>
      </c>
      <c r="AM8288">
        <v>118</v>
      </c>
      <c r="AN8288">
        <v>117</v>
      </c>
      <c r="AO8288">
        <v>116</v>
      </c>
      <c r="AP8288">
        <v>116</v>
      </c>
      <c r="AQ8288">
        <v>115</v>
      </c>
    </row>
    <row r="8289" spans="1:43">
      <c r="A8289" t="s">
        <v>5184</v>
      </c>
      <c r="B8289" t="s">
        <v>5185</v>
      </c>
      <c r="C8289" t="s">
        <v>4914</v>
      </c>
      <c r="D8289" t="s">
        <v>4915</v>
      </c>
      <c r="E8289" t="s">
        <v>4916</v>
      </c>
      <c r="F8289" t="s">
        <v>4917</v>
      </c>
      <c r="G8289" t="s">
        <v>80</v>
      </c>
      <c r="H8289" t="s">
        <v>81</v>
      </c>
      <c r="I8289" s="2">
        <v>1</v>
      </c>
      <c r="J8289" s="2">
        <v>0</v>
      </c>
      <c r="K8289" s="2">
        <v>0</v>
      </c>
      <c r="L8289" t="s">
        <v>120</v>
      </c>
      <c r="M8289" t="s">
        <v>83</v>
      </c>
      <c r="N8289" t="s">
        <v>91</v>
      </c>
      <c r="O8289" t="s">
        <v>85</v>
      </c>
      <c r="P8289" t="s">
        <v>86</v>
      </c>
      <c r="Q8289">
        <v>107</v>
      </c>
      <c r="R8289">
        <v>108</v>
      </c>
      <c r="S8289">
        <v>109</v>
      </c>
      <c r="T8289">
        <v>109</v>
      </c>
      <c r="U8289">
        <v>110</v>
      </c>
      <c r="V8289">
        <v>111</v>
      </c>
      <c r="W8289">
        <v>111</v>
      </c>
      <c r="X8289">
        <v>112</v>
      </c>
      <c r="Y8289">
        <v>113</v>
      </c>
      <c r="Z8289">
        <v>113</v>
      </c>
      <c r="AA8289">
        <v>114</v>
      </c>
      <c r="AB8289">
        <v>114</v>
      </c>
      <c r="AC8289">
        <v>115</v>
      </c>
      <c r="AD8289">
        <v>115</v>
      </c>
      <c r="AE8289">
        <v>116</v>
      </c>
      <c r="AF8289">
        <v>116</v>
      </c>
      <c r="AG8289">
        <v>116</v>
      </c>
      <c r="AH8289">
        <v>117</v>
      </c>
      <c r="AI8289">
        <v>117</v>
      </c>
      <c r="AJ8289">
        <v>118</v>
      </c>
      <c r="AK8289">
        <v>118</v>
      </c>
      <c r="AL8289">
        <v>118</v>
      </c>
      <c r="AM8289">
        <v>117</v>
      </c>
      <c r="AN8289">
        <v>116</v>
      </c>
      <c r="AO8289">
        <v>116</v>
      </c>
      <c r="AP8289">
        <v>115</v>
      </c>
      <c r="AQ8289">
        <v>115</v>
      </c>
    </row>
    <row r="8290" spans="1:43">
      <c r="A8290" t="s">
        <v>5186</v>
      </c>
      <c r="B8290" t="s">
        <v>5187</v>
      </c>
      <c r="C8290" t="s">
        <v>5148</v>
      </c>
      <c r="D8290" t="s">
        <v>5149</v>
      </c>
      <c r="E8290" t="s">
        <v>4916</v>
      </c>
      <c r="F8290" t="s">
        <v>4917</v>
      </c>
      <c r="G8290" t="s">
        <v>80</v>
      </c>
      <c r="H8290" t="s">
        <v>81</v>
      </c>
      <c r="I8290" s="2">
        <v>1</v>
      </c>
      <c r="J8290" s="2">
        <v>0</v>
      </c>
      <c r="K8290" s="2">
        <v>0</v>
      </c>
      <c r="L8290" t="s">
        <v>120</v>
      </c>
      <c r="M8290" t="s">
        <v>83</v>
      </c>
      <c r="N8290" t="s">
        <v>84</v>
      </c>
      <c r="O8290" t="s">
        <v>85</v>
      </c>
      <c r="P8290" t="s">
        <v>86</v>
      </c>
      <c r="Q8290">
        <v>31</v>
      </c>
      <c r="R8290">
        <v>31</v>
      </c>
      <c r="S8290">
        <v>31</v>
      </c>
      <c r="T8290">
        <v>31</v>
      </c>
      <c r="U8290">
        <v>32</v>
      </c>
      <c r="V8290">
        <v>32</v>
      </c>
      <c r="W8290">
        <v>32</v>
      </c>
      <c r="X8290">
        <v>32</v>
      </c>
      <c r="Y8290">
        <v>32</v>
      </c>
      <c r="Z8290">
        <v>33</v>
      </c>
      <c r="AA8290">
        <v>33</v>
      </c>
      <c r="AB8290">
        <v>33</v>
      </c>
      <c r="AC8290">
        <v>33</v>
      </c>
      <c r="AD8290">
        <v>33</v>
      </c>
      <c r="AE8290">
        <v>33</v>
      </c>
      <c r="AF8290">
        <v>33</v>
      </c>
      <c r="AG8290">
        <v>34</v>
      </c>
      <c r="AH8290">
        <v>34</v>
      </c>
      <c r="AI8290">
        <v>34</v>
      </c>
      <c r="AJ8290">
        <v>34</v>
      </c>
      <c r="AK8290">
        <v>34</v>
      </c>
      <c r="AL8290">
        <v>34</v>
      </c>
      <c r="AM8290">
        <v>34</v>
      </c>
      <c r="AN8290">
        <v>34</v>
      </c>
      <c r="AO8290">
        <v>34</v>
      </c>
      <c r="AP8290">
        <v>33</v>
      </c>
      <c r="AQ8290">
        <v>33</v>
      </c>
    </row>
    <row r="8291" spans="1:43">
      <c r="A8291" t="s">
        <v>5186</v>
      </c>
      <c r="B8291" t="s">
        <v>5187</v>
      </c>
      <c r="C8291" t="s">
        <v>5148</v>
      </c>
      <c r="D8291" t="s">
        <v>5149</v>
      </c>
      <c r="E8291" t="s">
        <v>4916</v>
      </c>
      <c r="F8291" t="s">
        <v>4917</v>
      </c>
      <c r="G8291" t="s">
        <v>80</v>
      </c>
      <c r="H8291" t="s">
        <v>81</v>
      </c>
      <c r="I8291" s="2">
        <v>1</v>
      </c>
      <c r="J8291" s="2">
        <v>0</v>
      </c>
      <c r="K8291" s="2">
        <v>0</v>
      </c>
      <c r="L8291" t="s">
        <v>120</v>
      </c>
      <c r="M8291" t="s">
        <v>87</v>
      </c>
      <c r="N8291" t="s">
        <v>88</v>
      </c>
      <c r="O8291" t="s">
        <v>85</v>
      </c>
      <c r="P8291" t="s">
        <v>86</v>
      </c>
      <c r="Q8291">
        <v>31</v>
      </c>
      <c r="R8291">
        <v>30</v>
      </c>
      <c r="S8291">
        <v>30</v>
      </c>
      <c r="T8291">
        <v>30</v>
      </c>
      <c r="U8291">
        <v>30</v>
      </c>
      <c r="V8291">
        <v>30</v>
      </c>
      <c r="W8291">
        <v>30</v>
      </c>
      <c r="X8291">
        <v>30</v>
      </c>
      <c r="Y8291">
        <v>30</v>
      </c>
      <c r="Z8291">
        <v>30</v>
      </c>
      <c r="AA8291">
        <v>30</v>
      </c>
      <c r="AB8291">
        <v>30</v>
      </c>
      <c r="AC8291">
        <v>30</v>
      </c>
      <c r="AD8291">
        <v>30</v>
      </c>
      <c r="AE8291">
        <v>30</v>
      </c>
      <c r="AF8291">
        <v>30</v>
      </c>
      <c r="AG8291">
        <v>29</v>
      </c>
      <c r="AH8291">
        <v>29</v>
      </c>
      <c r="AI8291">
        <v>29</v>
      </c>
      <c r="AJ8291">
        <v>29</v>
      </c>
      <c r="AK8291">
        <v>29</v>
      </c>
      <c r="AL8291">
        <v>29</v>
      </c>
      <c r="AM8291">
        <v>29</v>
      </c>
      <c r="AN8291">
        <v>29</v>
      </c>
      <c r="AO8291">
        <v>29</v>
      </c>
      <c r="AP8291">
        <v>29</v>
      </c>
      <c r="AQ8291">
        <v>29</v>
      </c>
    </row>
    <row r="8292" spans="1:43">
      <c r="A8292" t="s">
        <v>5186</v>
      </c>
      <c r="B8292" t="s">
        <v>5187</v>
      </c>
      <c r="C8292" t="s">
        <v>5148</v>
      </c>
      <c r="D8292" t="s">
        <v>5149</v>
      </c>
      <c r="E8292" t="s">
        <v>4916</v>
      </c>
      <c r="F8292" t="s">
        <v>4917</v>
      </c>
      <c r="G8292" t="s">
        <v>80</v>
      </c>
      <c r="H8292" t="s">
        <v>81</v>
      </c>
      <c r="I8292" s="2">
        <v>1</v>
      </c>
      <c r="J8292" s="2">
        <v>0</v>
      </c>
      <c r="K8292" s="2">
        <v>0</v>
      </c>
      <c r="L8292" t="s">
        <v>120</v>
      </c>
      <c r="M8292" t="s">
        <v>89</v>
      </c>
      <c r="N8292" t="s">
        <v>90</v>
      </c>
      <c r="O8292" t="s">
        <v>85</v>
      </c>
      <c r="P8292" t="s">
        <v>86</v>
      </c>
      <c r="Q8292">
        <v>31</v>
      </c>
      <c r="R8292">
        <v>32</v>
      </c>
      <c r="S8292">
        <v>32</v>
      </c>
      <c r="T8292">
        <v>33</v>
      </c>
      <c r="U8292">
        <v>33</v>
      </c>
      <c r="V8292">
        <v>33</v>
      </c>
      <c r="W8292">
        <v>34</v>
      </c>
      <c r="X8292">
        <v>34</v>
      </c>
      <c r="Y8292">
        <v>34</v>
      </c>
      <c r="Z8292">
        <v>35</v>
      </c>
      <c r="AA8292">
        <v>35</v>
      </c>
      <c r="AB8292">
        <v>35</v>
      </c>
      <c r="AC8292">
        <v>35</v>
      </c>
      <c r="AD8292">
        <v>36</v>
      </c>
      <c r="AE8292">
        <v>36</v>
      </c>
      <c r="AF8292">
        <v>35</v>
      </c>
      <c r="AG8292">
        <v>35</v>
      </c>
      <c r="AH8292">
        <v>35</v>
      </c>
      <c r="AI8292">
        <v>35</v>
      </c>
      <c r="AJ8292">
        <v>35</v>
      </c>
      <c r="AK8292">
        <v>35</v>
      </c>
      <c r="AL8292">
        <v>35</v>
      </c>
      <c r="AM8292">
        <v>34</v>
      </c>
      <c r="AN8292">
        <v>34</v>
      </c>
      <c r="AO8292">
        <v>34</v>
      </c>
      <c r="AP8292">
        <v>34</v>
      </c>
      <c r="AQ8292">
        <v>34</v>
      </c>
    </row>
    <row r="8293" spans="1:43">
      <c r="A8293" t="s">
        <v>5186</v>
      </c>
      <c r="B8293" t="s">
        <v>5187</v>
      </c>
      <c r="C8293" t="s">
        <v>5148</v>
      </c>
      <c r="D8293" t="s">
        <v>5149</v>
      </c>
      <c r="E8293" t="s">
        <v>4916</v>
      </c>
      <c r="F8293" t="s">
        <v>4917</v>
      </c>
      <c r="G8293" t="s">
        <v>80</v>
      </c>
      <c r="H8293" t="s">
        <v>81</v>
      </c>
      <c r="I8293" s="2">
        <v>1</v>
      </c>
      <c r="J8293" s="2">
        <v>0</v>
      </c>
      <c r="K8293" s="2">
        <v>0</v>
      </c>
      <c r="L8293" t="s">
        <v>120</v>
      </c>
      <c r="M8293" t="s">
        <v>83</v>
      </c>
      <c r="N8293" t="s">
        <v>91</v>
      </c>
      <c r="O8293" t="s">
        <v>85</v>
      </c>
      <c r="P8293" t="s">
        <v>86</v>
      </c>
      <c r="Q8293">
        <v>31</v>
      </c>
      <c r="R8293">
        <v>31</v>
      </c>
      <c r="S8293">
        <v>31</v>
      </c>
      <c r="T8293">
        <v>31</v>
      </c>
      <c r="U8293">
        <v>32</v>
      </c>
      <c r="V8293">
        <v>32</v>
      </c>
      <c r="W8293">
        <v>32</v>
      </c>
      <c r="X8293">
        <v>32</v>
      </c>
      <c r="Y8293">
        <v>32</v>
      </c>
      <c r="Z8293">
        <v>33</v>
      </c>
      <c r="AA8293">
        <v>33</v>
      </c>
      <c r="AB8293">
        <v>33</v>
      </c>
      <c r="AC8293">
        <v>33</v>
      </c>
      <c r="AD8293">
        <v>33</v>
      </c>
      <c r="AE8293">
        <v>33</v>
      </c>
      <c r="AF8293">
        <v>33</v>
      </c>
      <c r="AG8293">
        <v>34</v>
      </c>
      <c r="AH8293">
        <v>34</v>
      </c>
      <c r="AI8293">
        <v>34</v>
      </c>
      <c r="AJ8293">
        <v>34</v>
      </c>
      <c r="AK8293">
        <v>34</v>
      </c>
      <c r="AL8293">
        <v>34</v>
      </c>
      <c r="AM8293">
        <v>34</v>
      </c>
      <c r="AN8293">
        <v>34</v>
      </c>
      <c r="AO8293">
        <v>34</v>
      </c>
      <c r="AP8293">
        <v>33</v>
      </c>
      <c r="AQ8293">
        <v>33</v>
      </c>
    </row>
    <row r="8294" spans="1:43">
      <c r="A8294" t="s">
        <v>5188</v>
      </c>
      <c r="B8294" t="s">
        <v>5189</v>
      </c>
      <c r="C8294" t="s">
        <v>4994</v>
      </c>
      <c r="D8294" t="s">
        <v>4995</v>
      </c>
      <c r="E8294" t="s">
        <v>4916</v>
      </c>
      <c r="F8294" t="s">
        <v>4917</v>
      </c>
      <c r="G8294" t="s">
        <v>80</v>
      </c>
      <c r="H8294" t="s">
        <v>81</v>
      </c>
      <c r="I8294" s="2">
        <v>1</v>
      </c>
      <c r="J8294" s="2">
        <v>0</v>
      </c>
      <c r="K8294" s="2">
        <v>0</v>
      </c>
      <c r="L8294" t="s">
        <v>120</v>
      </c>
      <c r="M8294" t="s">
        <v>83</v>
      </c>
      <c r="N8294" t="s">
        <v>84</v>
      </c>
      <c r="O8294" t="s">
        <v>85</v>
      </c>
      <c r="P8294" t="s">
        <v>86</v>
      </c>
      <c r="Q8294">
        <v>26</v>
      </c>
      <c r="R8294">
        <v>26</v>
      </c>
      <c r="S8294">
        <v>26</v>
      </c>
      <c r="T8294">
        <v>26</v>
      </c>
      <c r="U8294">
        <v>26</v>
      </c>
      <c r="V8294">
        <v>26</v>
      </c>
      <c r="W8294">
        <v>27</v>
      </c>
      <c r="X8294">
        <v>27</v>
      </c>
      <c r="Y8294">
        <v>27</v>
      </c>
      <c r="Z8294">
        <v>27</v>
      </c>
      <c r="AA8294">
        <v>27</v>
      </c>
      <c r="AB8294">
        <v>27</v>
      </c>
      <c r="AC8294">
        <v>27</v>
      </c>
      <c r="AD8294">
        <v>27</v>
      </c>
      <c r="AE8294">
        <v>28</v>
      </c>
      <c r="AF8294">
        <v>28</v>
      </c>
      <c r="AG8294">
        <v>28</v>
      </c>
      <c r="AH8294">
        <v>28</v>
      </c>
      <c r="AI8294">
        <v>28</v>
      </c>
      <c r="AJ8294">
        <v>28</v>
      </c>
      <c r="AK8294">
        <v>28</v>
      </c>
      <c r="AL8294">
        <v>28</v>
      </c>
      <c r="AM8294">
        <v>28</v>
      </c>
      <c r="AN8294">
        <v>28</v>
      </c>
      <c r="AO8294">
        <v>28</v>
      </c>
      <c r="AP8294">
        <v>27</v>
      </c>
      <c r="AQ8294">
        <v>27</v>
      </c>
    </row>
    <row r="8295" spans="1:43">
      <c r="A8295" t="s">
        <v>5188</v>
      </c>
      <c r="B8295" t="s">
        <v>5189</v>
      </c>
      <c r="C8295" t="s">
        <v>4994</v>
      </c>
      <c r="D8295" t="s">
        <v>4995</v>
      </c>
      <c r="E8295" t="s">
        <v>4916</v>
      </c>
      <c r="F8295" t="s">
        <v>4917</v>
      </c>
      <c r="G8295" t="s">
        <v>80</v>
      </c>
      <c r="H8295" t="s">
        <v>81</v>
      </c>
      <c r="I8295" s="2">
        <v>1</v>
      </c>
      <c r="J8295" s="2">
        <v>0</v>
      </c>
      <c r="K8295" s="2">
        <v>0</v>
      </c>
      <c r="L8295" t="s">
        <v>120</v>
      </c>
      <c r="M8295" t="s">
        <v>87</v>
      </c>
      <c r="N8295" t="s">
        <v>88</v>
      </c>
      <c r="O8295" t="s">
        <v>85</v>
      </c>
      <c r="P8295" t="s">
        <v>86</v>
      </c>
      <c r="Q8295">
        <v>26</v>
      </c>
      <c r="R8295">
        <v>26</v>
      </c>
      <c r="S8295">
        <v>26</v>
      </c>
      <c r="T8295">
        <v>26</v>
      </c>
      <c r="U8295">
        <v>26</v>
      </c>
      <c r="V8295">
        <v>26</v>
      </c>
      <c r="W8295">
        <v>26</v>
      </c>
      <c r="X8295">
        <v>26</v>
      </c>
      <c r="Y8295">
        <v>26</v>
      </c>
      <c r="Z8295">
        <v>26</v>
      </c>
      <c r="AA8295">
        <v>26</v>
      </c>
      <c r="AB8295">
        <v>26</v>
      </c>
      <c r="AC8295">
        <v>26</v>
      </c>
      <c r="AD8295">
        <v>26</v>
      </c>
      <c r="AE8295">
        <v>25</v>
      </c>
      <c r="AF8295">
        <v>25</v>
      </c>
      <c r="AG8295">
        <v>25</v>
      </c>
      <c r="AH8295">
        <v>25</v>
      </c>
      <c r="AI8295">
        <v>25</v>
      </c>
      <c r="AJ8295">
        <v>25</v>
      </c>
      <c r="AK8295">
        <v>25</v>
      </c>
      <c r="AL8295">
        <v>25</v>
      </c>
      <c r="AM8295">
        <v>25</v>
      </c>
      <c r="AN8295">
        <v>25</v>
      </c>
      <c r="AO8295">
        <v>25</v>
      </c>
      <c r="AP8295">
        <v>25</v>
      </c>
      <c r="AQ8295">
        <v>25</v>
      </c>
    </row>
    <row r="8296" spans="1:43">
      <c r="A8296" t="s">
        <v>5188</v>
      </c>
      <c r="B8296" t="s">
        <v>5189</v>
      </c>
      <c r="C8296" t="s">
        <v>4994</v>
      </c>
      <c r="D8296" t="s">
        <v>4995</v>
      </c>
      <c r="E8296" t="s">
        <v>4916</v>
      </c>
      <c r="F8296" t="s">
        <v>4917</v>
      </c>
      <c r="G8296" t="s">
        <v>80</v>
      </c>
      <c r="H8296" t="s">
        <v>81</v>
      </c>
      <c r="I8296" s="2">
        <v>1</v>
      </c>
      <c r="J8296" s="2">
        <v>0</v>
      </c>
      <c r="K8296" s="2">
        <v>0</v>
      </c>
      <c r="L8296" t="s">
        <v>120</v>
      </c>
      <c r="M8296" t="s">
        <v>89</v>
      </c>
      <c r="N8296" t="s">
        <v>90</v>
      </c>
      <c r="O8296" t="s">
        <v>85</v>
      </c>
      <c r="P8296" t="s">
        <v>86</v>
      </c>
      <c r="Q8296">
        <v>26</v>
      </c>
      <c r="R8296">
        <v>26</v>
      </c>
      <c r="S8296">
        <v>27</v>
      </c>
      <c r="T8296">
        <v>27</v>
      </c>
      <c r="U8296">
        <v>27</v>
      </c>
      <c r="V8296">
        <v>28</v>
      </c>
      <c r="W8296">
        <v>28</v>
      </c>
      <c r="X8296">
        <v>28</v>
      </c>
      <c r="Y8296">
        <v>28</v>
      </c>
      <c r="Z8296">
        <v>29</v>
      </c>
      <c r="AA8296">
        <v>29</v>
      </c>
      <c r="AB8296">
        <v>29</v>
      </c>
      <c r="AC8296">
        <v>29</v>
      </c>
      <c r="AD8296">
        <v>29</v>
      </c>
      <c r="AE8296">
        <v>29</v>
      </c>
      <c r="AF8296">
        <v>29</v>
      </c>
      <c r="AG8296">
        <v>29</v>
      </c>
      <c r="AH8296">
        <v>29</v>
      </c>
      <c r="AI8296">
        <v>29</v>
      </c>
      <c r="AJ8296">
        <v>29</v>
      </c>
      <c r="AK8296">
        <v>29</v>
      </c>
      <c r="AL8296">
        <v>28</v>
      </c>
      <c r="AM8296">
        <v>28</v>
      </c>
      <c r="AN8296">
        <v>28</v>
      </c>
      <c r="AO8296">
        <v>28</v>
      </c>
      <c r="AP8296">
        <v>28</v>
      </c>
      <c r="AQ8296">
        <v>28</v>
      </c>
    </row>
    <row r="8297" spans="1:43">
      <c r="A8297" t="s">
        <v>5188</v>
      </c>
      <c r="B8297" t="s">
        <v>5189</v>
      </c>
      <c r="C8297" t="s">
        <v>4994</v>
      </c>
      <c r="D8297" t="s">
        <v>4995</v>
      </c>
      <c r="E8297" t="s">
        <v>4916</v>
      </c>
      <c r="F8297" t="s">
        <v>4917</v>
      </c>
      <c r="G8297" t="s">
        <v>80</v>
      </c>
      <c r="H8297" t="s">
        <v>81</v>
      </c>
      <c r="I8297" s="2">
        <v>1</v>
      </c>
      <c r="J8297" s="2">
        <v>0</v>
      </c>
      <c r="K8297" s="2">
        <v>0</v>
      </c>
      <c r="L8297" t="s">
        <v>120</v>
      </c>
      <c r="M8297" t="s">
        <v>83</v>
      </c>
      <c r="N8297" t="s">
        <v>91</v>
      </c>
      <c r="O8297" t="s">
        <v>85</v>
      </c>
      <c r="P8297" t="s">
        <v>86</v>
      </c>
      <c r="Q8297">
        <v>26</v>
      </c>
      <c r="R8297">
        <v>26</v>
      </c>
      <c r="S8297">
        <v>26</v>
      </c>
      <c r="T8297">
        <v>26</v>
      </c>
      <c r="U8297">
        <v>26</v>
      </c>
      <c r="V8297">
        <v>26</v>
      </c>
      <c r="W8297">
        <v>27</v>
      </c>
      <c r="X8297">
        <v>27</v>
      </c>
      <c r="Y8297">
        <v>27</v>
      </c>
      <c r="Z8297">
        <v>27</v>
      </c>
      <c r="AA8297">
        <v>27</v>
      </c>
      <c r="AB8297">
        <v>27</v>
      </c>
      <c r="AC8297">
        <v>27</v>
      </c>
      <c r="AD8297">
        <v>27</v>
      </c>
      <c r="AE8297">
        <v>28</v>
      </c>
      <c r="AF8297">
        <v>28</v>
      </c>
      <c r="AG8297">
        <v>28</v>
      </c>
      <c r="AH8297">
        <v>28</v>
      </c>
      <c r="AI8297">
        <v>28</v>
      </c>
      <c r="AJ8297">
        <v>28</v>
      </c>
      <c r="AK8297">
        <v>28</v>
      </c>
      <c r="AL8297">
        <v>28</v>
      </c>
      <c r="AM8297">
        <v>28</v>
      </c>
      <c r="AN8297">
        <v>28</v>
      </c>
      <c r="AO8297">
        <v>28</v>
      </c>
      <c r="AP8297">
        <v>27</v>
      </c>
      <c r="AQ8297">
        <v>27</v>
      </c>
    </row>
    <row r="8298" spans="1:43">
      <c r="A8298" t="s">
        <v>5190</v>
      </c>
      <c r="B8298" t="s">
        <v>5191</v>
      </c>
      <c r="C8298" t="s">
        <v>4914</v>
      </c>
      <c r="D8298" t="s">
        <v>4915</v>
      </c>
      <c r="E8298" t="s">
        <v>4916</v>
      </c>
      <c r="F8298" t="s">
        <v>4917</v>
      </c>
      <c r="G8298" t="s">
        <v>80</v>
      </c>
      <c r="H8298" t="s">
        <v>81</v>
      </c>
      <c r="I8298" s="2">
        <v>1</v>
      </c>
      <c r="J8298" s="2">
        <v>0</v>
      </c>
      <c r="K8298" s="2">
        <v>0</v>
      </c>
      <c r="L8298" t="s">
        <v>120</v>
      </c>
      <c r="M8298" t="s">
        <v>83</v>
      </c>
      <c r="N8298" t="s">
        <v>84</v>
      </c>
      <c r="O8298" t="s">
        <v>85</v>
      </c>
      <c r="P8298" t="s">
        <v>86</v>
      </c>
      <c r="Q8298">
        <v>143</v>
      </c>
      <c r="R8298">
        <v>144</v>
      </c>
      <c r="S8298">
        <v>145</v>
      </c>
      <c r="T8298">
        <v>146</v>
      </c>
      <c r="U8298">
        <v>147</v>
      </c>
      <c r="V8298">
        <v>148</v>
      </c>
      <c r="W8298">
        <v>149</v>
      </c>
      <c r="X8298">
        <v>150</v>
      </c>
      <c r="Y8298">
        <v>151</v>
      </c>
      <c r="Z8298">
        <v>151</v>
      </c>
      <c r="AA8298">
        <v>152</v>
      </c>
      <c r="AB8298">
        <v>153</v>
      </c>
      <c r="AC8298">
        <v>154</v>
      </c>
      <c r="AD8298">
        <v>154</v>
      </c>
      <c r="AE8298">
        <v>155</v>
      </c>
      <c r="AF8298">
        <v>155</v>
      </c>
      <c r="AG8298">
        <v>156</v>
      </c>
      <c r="AH8298">
        <v>157</v>
      </c>
      <c r="AI8298">
        <v>157</v>
      </c>
      <c r="AJ8298">
        <v>158</v>
      </c>
      <c r="AK8298">
        <v>158</v>
      </c>
      <c r="AL8298">
        <v>158</v>
      </c>
      <c r="AM8298">
        <v>157</v>
      </c>
      <c r="AN8298">
        <v>157</v>
      </c>
      <c r="AO8298">
        <v>156</v>
      </c>
      <c r="AP8298">
        <v>155</v>
      </c>
      <c r="AQ8298">
        <v>155</v>
      </c>
    </row>
    <row r="8299" spans="1:43">
      <c r="A8299" t="s">
        <v>5190</v>
      </c>
      <c r="B8299" t="s">
        <v>5191</v>
      </c>
      <c r="C8299" t="s">
        <v>4914</v>
      </c>
      <c r="D8299" t="s">
        <v>4915</v>
      </c>
      <c r="E8299" t="s">
        <v>4916</v>
      </c>
      <c r="F8299" t="s">
        <v>4917</v>
      </c>
      <c r="G8299" t="s">
        <v>80</v>
      </c>
      <c r="H8299" t="s">
        <v>81</v>
      </c>
      <c r="I8299" s="2">
        <v>1</v>
      </c>
      <c r="J8299" s="2">
        <v>0</v>
      </c>
      <c r="K8299" s="2">
        <v>0</v>
      </c>
      <c r="L8299" t="s">
        <v>120</v>
      </c>
      <c r="M8299" t="s">
        <v>87</v>
      </c>
      <c r="N8299" t="s">
        <v>88</v>
      </c>
      <c r="O8299" t="s">
        <v>85</v>
      </c>
      <c r="P8299" t="s">
        <v>86</v>
      </c>
      <c r="Q8299">
        <v>143</v>
      </c>
      <c r="R8299">
        <v>143</v>
      </c>
      <c r="S8299">
        <v>142</v>
      </c>
      <c r="T8299">
        <v>142</v>
      </c>
      <c r="U8299">
        <v>142</v>
      </c>
      <c r="V8299">
        <v>141</v>
      </c>
      <c r="W8299">
        <v>141</v>
      </c>
      <c r="X8299">
        <v>141</v>
      </c>
      <c r="Y8299">
        <v>140</v>
      </c>
      <c r="Z8299">
        <v>140</v>
      </c>
      <c r="AA8299">
        <v>140</v>
      </c>
      <c r="AB8299">
        <v>139</v>
      </c>
      <c r="AC8299">
        <v>139</v>
      </c>
      <c r="AD8299">
        <v>139</v>
      </c>
      <c r="AE8299">
        <v>138</v>
      </c>
      <c r="AF8299">
        <v>138</v>
      </c>
      <c r="AG8299">
        <v>138</v>
      </c>
      <c r="AH8299">
        <v>137</v>
      </c>
      <c r="AI8299">
        <v>137</v>
      </c>
      <c r="AJ8299">
        <v>137</v>
      </c>
      <c r="AK8299">
        <v>136</v>
      </c>
      <c r="AL8299">
        <v>136</v>
      </c>
      <c r="AM8299">
        <v>136</v>
      </c>
      <c r="AN8299">
        <v>135</v>
      </c>
      <c r="AO8299">
        <v>135</v>
      </c>
      <c r="AP8299">
        <v>135</v>
      </c>
      <c r="AQ8299">
        <v>134</v>
      </c>
    </row>
    <row r="8300" spans="1:43">
      <c r="A8300" t="s">
        <v>5190</v>
      </c>
      <c r="B8300" t="s">
        <v>5191</v>
      </c>
      <c r="C8300" t="s">
        <v>4914</v>
      </c>
      <c r="D8300" t="s">
        <v>4915</v>
      </c>
      <c r="E8300" t="s">
        <v>4916</v>
      </c>
      <c r="F8300" t="s">
        <v>4917</v>
      </c>
      <c r="G8300" t="s">
        <v>80</v>
      </c>
      <c r="H8300" t="s">
        <v>81</v>
      </c>
      <c r="I8300" s="2">
        <v>1</v>
      </c>
      <c r="J8300" s="2">
        <v>0</v>
      </c>
      <c r="K8300" s="2">
        <v>0</v>
      </c>
      <c r="L8300" t="s">
        <v>120</v>
      </c>
      <c r="M8300" t="s">
        <v>89</v>
      </c>
      <c r="N8300" t="s">
        <v>90</v>
      </c>
      <c r="O8300" t="s">
        <v>85</v>
      </c>
      <c r="P8300" t="s">
        <v>86</v>
      </c>
      <c r="Q8300">
        <v>143</v>
      </c>
      <c r="R8300">
        <v>145</v>
      </c>
      <c r="S8300">
        <v>147</v>
      </c>
      <c r="T8300">
        <v>149</v>
      </c>
      <c r="U8300">
        <v>151</v>
      </c>
      <c r="V8300">
        <v>153</v>
      </c>
      <c r="W8300">
        <v>154</v>
      </c>
      <c r="X8300">
        <v>156</v>
      </c>
      <c r="Y8300">
        <v>157</v>
      </c>
      <c r="Z8300">
        <v>159</v>
      </c>
      <c r="AA8300">
        <v>160</v>
      </c>
      <c r="AB8300">
        <v>161</v>
      </c>
      <c r="AC8300">
        <v>162</v>
      </c>
      <c r="AD8300">
        <v>164</v>
      </c>
      <c r="AE8300">
        <v>164</v>
      </c>
      <c r="AF8300">
        <v>163</v>
      </c>
      <c r="AG8300">
        <v>163</v>
      </c>
      <c r="AH8300">
        <v>162</v>
      </c>
      <c r="AI8300">
        <v>161</v>
      </c>
      <c r="AJ8300">
        <v>160</v>
      </c>
      <c r="AK8300">
        <v>159</v>
      </c>
      <c r="AL8300">
        <v>159</v>
      </c>
      <c r="AM8300">
        <v>158</v>
      </c>
      <c r="AN8300">
        <v>157</v>
      </c>
      <c r="AO8300">
        <v>156</v>
      </c>
      <c r="AP8300">
        <v>156</v>
      </c>
      <c r="AQ8300">
        <v>155</v>
      </c>
    </row>
    <row r="8301" spans="1:43">
      <c r="A8301" t="s">
        <v>5190</v>
      </c>
      <c r="B8301" t="s">
        <v>5191</v>
      </c>
      <c r="C8301" t="s">
        <v>4914</v>
      </c>
      <c r="D8301" t="s">
        <v>4915</v>
      </c>
      <c r="E8301" t="s">
        <v>4916</v>
      </c>
      <c r="F8301" t="s">
        <v>4917</v>
      </c>
      <c r="G8301" t="s">
        <v>80</v>
      </c>
      <c r="H8301" t="s">
        <v>81</v>
      </c>
      <c r="I8301" s="2">
        <v>1</v>
      </c>
      <c r="J8301" s="2">
        <v>0</v>
      </c>
      <c r="K8301" s="2">
        <v>0</v>
      </c>
      <c r="L8301" t="s">
        <v>120</v>
      </c>
      <c r="M8301" t="s">
        <v>83</v>
      </c>
      <c r="N8301" t="s">
        <v>91</v>
      </c>
      <c r="O8301" t="s">
        <v>85</v>
      </c>
      <c r="P8301" t="s">
        <v>86</v>
      </c>
      <c r="Q8301">
        <v>143</v>
      </c>
      <c r="R8301">
        <v>144</v>
      </c>
      <c r="S8301">
        <v>145</v>
      </c>
      <c r="T8301">
        <v>146</v>
      </c>
      <c r="U8301">
        <v>147</v>
      </c>
      <c r="V8301">
        <v>148</v>
      </c>
      <c r="W8301">
        <v>149</v>
      </c>
      <c r="X8301">
        <v>150</v>
      </c>
      <c r="Y8301">
        <v>151</v>
      </c>
      <c r="Z8301">
        <v>151</v>
      </c>
      <c r="AA8301">
        <v>152</v>
      </c>
      <c r="AB8301">
        <v>153</v>
      </c>
      <c r="AC8301">
        <v>154</v>
      </c>
      <c r="AD8301">
        <v>154</v>
      </c>
      <c r="AE8301">
        <v>155</v>
      </c>
      <c r="AF8301">
        <v>155</v>
      </c>
      <c r="AG8301">
        <v>156</v>
      </c>
      <c r="AH8301">
        <v>157</v>
      </c>
      <c r="AI8301">
        <v>157</v>
      </c>
      <c r="AJ8301">
        <v>158</v>
      </c>
      <c r="AK8301">
        <v>158</v>
      </c>
      <c r="AL8301">
        <v>158</v>
      </c>
      <c r="AM8301">
        <v>157</v>
      </c>
      <c r="AN8301">
        <v>157</v>
      </c>
      <c r="AO8301">
        <v>156</v>
      </c>
      <c r="AP8301">
        <v>155</v>
      </c>
      <c r="AQ8301">
        <v>155</v>
      </c>
    </row>
    <row r="8302" spans="1:43">
      <c r="A8302" t="s">
        <v>5192</v>
      </c>
      <c r="B8302" t="s">
        <v>5193</v>
      </c>
      <c r="C8302" t="s">
        <v>5104</v>
      </c>
      <c r="D8302" t="s">
        <v>5105</v>
      </c>
      <c r="E8302" t="s">
        <v>4916</v>
      </c>
      <c r="F8302" t="s">
        <v>4917</v>
      </c>
      <c r="G8302" t="s">
        <v>80</v>
      </c>
      <c r="H8302" t="s">
        <v>81</v>
      </c>
      <c r="I8302" s="2">
        <v>1</v>
      </c>
      <c r="J8302" s="2">
        <v>0</v>
      </c>
      <c r="K8302" s="2">
        <v>0</v>
      </c>
      <c r="L8302" t="s">
        <v>120</v>
      </c>
      <c r="M8302" t="s">
        <v>83</v>
      </c>
      <c r="N8302" t="s">
        <v>84</v>
      </c>
      <c r="O8302" t="s">
        <v>85</v>
      </c>
      <c r="P8302" t="s">
        <v>86</v>
      </c>
      <c r="Q8302">
        <v>73</v>
      </c>
      <c r="R8302">
        <v>73</v>
      </c>
      <c r="S8302">
        <v>73</v>
      </c>
      <c r="T8302">
        <v>74</v>
      </c>
      <c r="U8302">
        <v>74</v>
      </c>
      <c r="V8302">
        <v>74</v>
      </c>
      <c r="W8302">
        <v>75</v>
      </c>
      <c r="X8302">
        <v>75</v>
      </c>
      <c r="Y8302">
        <v>75</v>
      </c>
      <c r="Z8302">
        <v>76</v>
      </c>
      <c r="AA8302">
        <v>76</v>
      </c>
      <c r="AB8302">
        <v>76</v>
      </c>
      <c r="AC8302">
        <v>76</v>
      </c>
      <c r="AD8302">
        <v>77</v>
      </c>
      <c r="AE8302">
        <v>77</v>
      </c>
      <c r="AF8302">
        <v>77</v>
      </c>
      <c r="AG8302">
        <v>77</v>
      </c>
      <c r="AH8302">
        <v>77</v>
      </c>
      <c r="AI8302">
        <v>78</v>
      </c>
      <c r="AJ8302">
        <v>78</v>
      </c>
      <c r="AK8302">
        <v>78</v>
      </c>
      <c r="AL8302">
        <v>78</v>
      </c>
      <c r="AM8302">
        <v>77</v>
      </c>
      <c r="AN8302">
        <v>77</v>
      </c>
      <c r="AO8302">
        <v>76</v>
      </c>
      <c r="AP8302">
        <v>75</v>
      </c>
      <c r="AQ8302">
        <v>75</v>
      </c>
    </row>
    <row r="8303" spans="1:43">
      <c r="A8303" t="s">
        <v>5192</v>
      </c>
      <c r="B8303" t="s">
        <v>5193</v>
      </c>
      <c r="C8303" t="s">
        <v>5104</v>
      </c>
      <c r="D8303" t="s">
        <v>5105</v>
      </c>
      <c r="E8303" t="s">
        <v>4916</v>
      </c>
      <c r="F8303" t="s">
        <v>4917</v>
      </c>
      <c r="G8303" t="s">
        <v>80</v>
      </c>
      <c r="H8303" t="s">
        <v>81</v>
      </c>
      <c r="I8303" s="2">
        <v>1</v>
      </c>
      <c r="J8303" s="2">
        <v>0</v>
      </c>
      <c r="K8303" s="2">
        <v>0</v>
      </c>
      <c r="L8303" t="s">
        <v>120</v>
      </c>
      <c r="M8303" t="s">
        <v>87</v>
      </c>
      <c r="N8303" t="s">
        <v>88</v>
      </c>
      <c r="O8303" t="s">
        <v>85</v>
      </c>
      <c r="P8303" t="s">
        <v>86</v>
      </c>
      <c r="Q8303">
        <v>73</v>
      </c>
      <c r="R8303">
        <v>73</v>
      </c>
      <c r="S8303">
        <v>72</v>
      </c>
      <c r="T8303">
        <v>72</v>
      </c>
      <c r="U8303">
        <v>72</v>
      </c>
      <c r="V8303">
        <v>72</v>
      </c>
      <c r="W8303">
        <v>71</v>
      </c>
      <c r="X8303">
        <v>71</v>
      </c>
      <c r="Y8303">
        <v>71</v>
      </c>
      <c r="Z8303">
        <v>71</v>
      </c>
      <c r="AA8303">
        <v>70</v>
      </c>
      <c r="AB8303">
        <v>70</v>
      </c>
      <c r="AC8303">
        <v>70</v>
      </c>
      <c r="AD8303">
        <v>69</v>
      </c>
      <c r="AE8303">
        <v>69</v>
      </c>
      <c r="AF8303">
        <v>69</v>
      </c>
      <c r="AG8303">
        <v>69</v>
      </c>
      <c r="AH8303">
        <v>68</v>
      </c>
      <c r="AI8303">
        <v>68</v>
      </c>
      <c r="AJ8303">
        <v>68</v>
      </c>
      <c r="AK8303">
        <v>68</v>
      </c>
      <c r="AL8303">
        <v>67</v>
      </c>
      <c r="AM8303">
        <v>67</v>
      </c>
      <c r="AN8303">
        <v>67</v>
      </c>
      <c r="AO8303">
        <v>66</v>
      </c>
      <c r="AP8303">
        <v>66</v>
      </c>
      <c r="AQ8303">
        <v>66</v>
      </c>
    </row>
    <row r="8304" spans="1:43">
      <c r="A8304" t="s">
        <v>5192</v>
      </c>
      <c r="B8304" t="s">
        <v>5193</v>
      </c>
      <c r="C8304" t="s">
        <v>5104</v>
      </c>
      <c r="D8304" t="s">
        <v>5105</v>
      </c>
      <c r="E8304" t="s">
        <v>4916</v>
      </c>
      <c r="F8304" t="s">
        <v>4917</v>
      </c>
      <c r="G8304" t="s">
        <v>80</v>
      </c>
      <c r="H8304" t="s">
        <v>81</v>
      </c>
      <c r="I8304" s="2">
        <v>1</v>
      </c>
      <c r="J8304" s="2">
        <v>0</v>
      </c>
      <c r="K8304" s="2">
        <v>0</v>
      </c>
      <c r="L8304" t="s">
        <v>120</v>
      </c>
      <c r="M8304" t="s">
        <v>89</v>
      </c>
      <c r="N8304" t="s">
        <v>90</v>
      </c>
      <c r="O8304" t="s">
        <v>85</v>
      </c>
      <c r="P8304" t="s">
        <v>86</v>
      </c>
      <c r="Q8304">
        <v>73</v>
      </c>
      <c r="R8304">
        <v>74</v>
      </c>
      <c r="S8304">
        <v>75</v>
      </c>
      <c r="T8304">
        <v>76</v>
      </c>
      <c r="U8304">
        <v>77</v>
      </c>
      <c r="V8304">
        <v>78</v>
      </c>
      <c r="W8304">
        <v>79</v>
      </c>
      <c r="X8304">
        <v>79</v>
      </c>
      <c r="Y8304">
        <v>80</v>
      </c>
      <c r="Z8304">
        <v>80</v>
      </c>
      <c r="AA8304">
        <v>81</v>
      </c>
      <c r="AB8304">
        <v>81</v>
      </c>
      <c r="AC8304">
        <v>82</v>
      </c>
      <c r="AD8304">
        <v>82</v>
      </c>
      <c r="AE8304">
        <v>82</v>
      </c>
      <c r="AF8304">
        <v>82</v>
      </c>
      <c r="AG8304">
        <v>81</v>
      </c>
      <c r="AH8304">
        <v>81</v>
      </c>
      <c r="AI8304">
        <v>80</v>
      </c>
      <c r="AJ8304">
        <v>80</v>
      </c>
      <c r="AK8304">
        <v>79</v>
      </c>
      <c r="AL8304">
        <v>78</v>
      </c>
      <c r="AM8304">
        <v>78</v>
      </c>
      <c r="AN8304">
        <v>77</v>
      </c>
      <c r="AO8304">
        <v>77</v>
      </c>
      <c r="AP8304">
        <v>76</v>
      </c>
      <c r="AQ8304">
        <v>76</v>
      </c>
    </row>
    <row r="8305" spans="1:43">
      <c r="A8305" t="s">
        <v>5192</v>
      </c>
      <c r="B8305" t="s">
        <v>5193</v>
      </c>
      <c r="C8305" t="s">
        <v>5104</v>
      </c>
      <c r="D8305" t="s">
        <v>5105</v>
      </c>
      <c r="E8305" t="s">
        <v>4916</v>
      </c>
      <c r="F8305" t="s">
        <v>4917</v>
      </c>
      <c r="G8305" t="s">
        <v>80</v>
      </c>
      <c r="H8305" t="s">
        <v>81</v>
      </c>
      <c r="I8305" s="2">
        <v>1</v>
      </c>
      <c r="J8305" s="2">
        <v>0</v>
      </c>
      <c r="K8305" s="2">
        <v>0</v>
      </c>
      <c r="L8305" t="s">
        <v>120</v>
      </c>
      <c r="M8305" t="s">
        <v>83</v>
      </c>
      <c r="N8305" t="s">
        <v>91</v>
      </c>
      <c r="O8305" t="s">
        <v>85</v>
      </c>
      <c r="P8305" t="s">
        <v>86</v>
      </c>
      <c r="Q8305">
        <v>73</v>
      </c>
      <c r="R8305">
        <v>73</v>
      </c>
      <c r="S8305">
        <v>73</v>
      </c>
      <c r="T8305">
        <v>74</v>
      </c>
      <c r="U8305">
        <v>74</v>
      </c>
      <c r="V8305">
        <v>74</v>
      </c>
      <c r="W8305">
        <v>75</v>
      </c>
      <c r="X8305">
        <v>75</v>
      </c>
      <c r="Y8305">
        <v>75</v>
      </c>
      <c r="Z8305">
        <v>76</v>
      </c>
      <c r="AA8305">
        <v>76</v>
      </c>
      <c r="AB8305">
        <v>76</v>
      </c>
      <c r="AC8305">
        <v>76</v>
      </c>
      <c r="AD8305">
        <v>77</v>
      </c>
      <c r="AE8305">
        <v>77</v>
      </c>
      <c r="AF8305">
        <v>77</v>
      </c>
      <c r="AG8305">
        <v>77</v>
      </c>
      <c r="AH8305">
        <v>77</v>
      </c>
      <c r="AI8305">
        <v>78</v>
      </c>
      <c r="AJ8305">
        <v>78</v>
      </c>
      <c r="AK8305">
        <v>78</v>
      </c>
      <c r="AL8305">
        <v>78</v>
      </c>
      <c r="AM8305">
        <v>77</v>
      </c>
      <c r="AN8305">
        <v>77</v>
      </c>
      <c r="AO8305">
        <v>76</v>
      </c>
      <c r="AP8305">
        <v>75</v>
      </c>
      <c r="AQ8305">
        <v>75</v>
      </c>
    </row>
    <row r="8306" spans="1:43">
      <c r="A8306" t="s">
        <v>5194</v>
      </c>
      <c r="B8306" t="s">
        <v>5195</v>
      </c>
      <c r="C8306" t="s">
        <v>5196</v>
      </c>
      <c r="D8306" t="s">
        <v>5197</v>
      </c>
      <c r="E8306" t="s">
        <v>4916</v>
      </c>
      <c r="F8306" t="s">
        <v>4917</v>
      </c>
      <c r="G8306" t="s">
        <v>80</v>
      </c>
      <c r="H8306" t="s">
        <v>81</v>
      </c>
      <c r="I8306" s="2">
        <v>1</v>
      </c>
      <c r="J8306" s="2">
        <v>0</v>
      </c>
      <c r="K8306" s="2">
        <v>0</v>
      </c>
      <c r="L8306" t="s">
        <v>120</v>
      </c>
      <c r="M8306" t="s">
        <v>83</v>
      </c>
      <c r="N8306" t="s">
        <v>84</v>
      </c>
      <c r="O8306" t="s">
        <v>85</v>
      </c>
      <c r="P8306" t="s">
        <v>86</v>
      </c>
      <c r="Q8306">
        <v>6</v>
      </c>
      <c r="R8306">
        <v>6</v>
      </c>
      <c r="S8306">
        <v>6</v>
      </c>
      <c r="T8306">
        <v>6</v>
      </c>
      <c r="U8306">
        <v>6</v>
      </c>
      <c r="V8306">
        <v>6</v>
      </c>
      <c r="W8306">
        <v>7</v>
      </c>
      <c r="X8306">
        <v>7</v>
      </c>
      <c r="Y8306">
        <v>7</v>
      </c>
      <c r="Z8306">
        <v>7</v>
      </c>
      <c r="AA8306">
        <v>7</v>
      </c>
      <c r="AB8306">
        <v>7</v>
      </c>
      <c r="AC8306">
        <v>7</v>
      </c>
      <c r="AD8306">
        <v>7</v>
      </c>
      <c r="AE8306">
        <v>7</v>
      </c>
      <c r="AF8306">
        <v>7</v>
      </c>
      <c r="AG8306">
        <v>7</v>
      </c>
      <c r="AH8306">
        <v>7</v>
      </c>
      <c r="AI8306">
        <v>7</v>
      </c>
      <c r="AJ8306">
        <v>7</v>
      </c>
      <c r="AK8306">
        <v>7</v>
      </c>
      <c r="AL8306">
        <v>7</v>
      </c>
      <c r="AM8306">
        <v>7</v>
      </c>
      <c r="AN8306">
        <v>7</v>
      </c>
      <c r="AO8306">
        <v>7</v>
      </c>
      <c r="AP8306">
        <v>7</v>
      </c>
      <c r="AQ8306">
        <v>7</v>
      </c>
    </row>
    <row r="8307" spans="1:43">
      <c r="A8307" t="s">
        <v>5194</v>
      </c>
      <c r="B8307" t="s">
        <v>5195</v>
      </c>
      <c r="C8307" t="s">
        <v>5196</v>
      </c>
      <c r="D8307" t="s">
        <v>5197</v>
      </c>
      <c r="E8307" t="s">
        <v>4916</v>
      </c>
      <c r="F8307" t="s">
        <v>4917</v>
      </c>
      <c r="G8307" t="s">
        <v>80</v>
      </c>
      <c r="H8307" t="s">
        <v>81</v>
      </c>
      <c r="I8307" s="2">
        <v>1</v>
      </c>
      <c r="J8307" s="2">
        <v>0</v>
      </c>
      <c r="K8307" s="2">
        <v>0</v>
      </c>
      <c r="L8307" t="s">
        <v>120</v>
      </c>
      <c r="M8307" t="s">
        <v>87</v>
      </c>
      <c r="N8307" t="s">
        <v>88</v>
      </c>
      <c r="O8307" t="s">
        <v>85</v>
      </c>
      <c r="P8307" t="s">
        <v>86</v>
      </c>
      <c r="Q8307">
        <v>6</v>
      </c>
      <c r="R8307">
        <v>6</v>
      </c>
      <c r="S8307">
        <v>6</v>
      </c>
      <c r="T8307">
        <v>6</v>
      </c>
      <c r="U8307">
        <v>6</v>
      </c>
      <c r="V8307">
        <v>6</v>
      </c>
      <c r="W8307">
        <v>6</v>
      </c>
      <c r="X8307">
        <v>6</v>
      </c>
      <c r="Y8307">
        <v>6</v>
      </c>
      <c r="Z8307">
        <v>6</v>
      </c>
      <c r="AA8307">
        <v>6</v>
      </c>
      <c r="AB8307">
        <v>6</v>
      </c>
      <c r="AC8307">
        <v>6</v>
      </c>
      <c r="AD8307">
        <v>6</v>
      </c>
      <c r="AE8307">
        <v>6</v>
      </c>
      <c r="AF8307">
        <v>6</v>
      </c>
      <c r="AG8307">
        <v>6</v>
      </c>
      <c r="AH8307">
        <v>6</v>
      </c>
      <c r="AI8307">
        <v>6</v>
      </c>
      <c r="AJ8307">
        <v>6</v>
      </c>
      <c r="AK8307">
        <v>6</v>
      </c>
      <c r="AL8307">
        <v>6</v>
      </c>
      <c r="AM8307">
        <v>6</v>
      </c>
      <c r="AN8307">
        <v>6</v>
      </c>
      <c r="AO8307">
        <v>6</v>
      </c>
      <c r="AP8307">
        <v>6</v>
      </c>
      <c r="AQ8307">
        <v>6</v>
      </c>
    </row>
    <row r="8308" spans="1:43">
      <c r="A8308" t="s">
        <v>5194</v>
      </c>
      <c r="B8308" t="s">
        <v>5195</v>
      </c>
      <c r="C8308" t="s">
        <v>5196</v>
      </c>
      <c r="D8308" t="s">
        <v>5197</v>
      </c>
      <c r="E8308" t="s">
        <v>4916</v>
      </c>
      <c r="F8308" t="s">
        <v>4917</v>
      </c>
      <c r="G8308" t="s">
        <v>80</v>
      </c>
      <c r="H8308" t="s">
        <v>81</v>
      </c>
      <c r="I8308" s="2">
        <v>1</v>
      </c>
      <c r="J8308" s="2">
        <v>0</v>
      </c>
      <c r="K8308" s="2">
        <v>0</v>
      </c>
      <c r="L8308" t="s">
        <v>120</v>
      </c>
      <c r="M8308" t="s">
        <v>89</v>
      </c>
      <c r="N8308" t="s">
        <v>90</v>
      </c>
      <c r="O8308" t="s">
        <v>85</v>
      </c>
      <c r="P8308" t="s">
        <v>86</v>
      </c>
      <c r="Q8308">
        <v>6</v>
      </c>
      <c r="R8308">
        <v>6</v>
      </c>
      <c r="S8308">
        <v>7</v>
      </c>
      <c r="T8308">
        <v>7</v>
      </c>
      <c r="U8308">
        <v>7</v>
      </c>
      <c r="V8308">
        <v>7</v>
      </c>
      <c r="W8308">
        <v>7</v>
      </c>
      <c r="X8308">
        <v>7</v>
      </c>
      <c r="Y8308">
        <v>7</v>
      </c>
      <c r="Z8308">
        <v>7</v>
      </c>
      <c r="AA8308">
        <v>7</v>
      </c>
      <c r="AB8308">
        <v>7</v>
      </c>
      <c r="AC8308">
        <v>7</v>
      </c>
      <c r="AD8308">
        <v>7</v>
      </c>
      <c r="AE8308">
        <v>7</v>
      </c>
      <c r="AF8308">
        <v>7</v>
      </c>
      <c r="AG8308">
        <v>7</v>
      </c>
      <c r="AH8308">
        <v>7</v>
      </c>
      <c r="AI8308">
        <v>7</v>
      </c>
      <c r="AJ8308">
        <v>7</v>
      </c>
      <c r="AK8308">
        <v>7</v>
      </c>
      <c r="AL8308">
        <v>7</v>
      </c>
      <c r="AM8308">
        <v>7</v>
      </c>
      <c r="AN8308">
        <v>7</v>
      </c>
      <c r="AO8308">
        <v>7</v>
      </c>
      <c r="AP8308">
        <v>7</v>
      </c>
      <c r="AQ8308">
        <v>7</v>
      </c>
    </row>
    <row r="8309" spans="1:43">
      <c r="A8309" t="s">
        <v>5194</v>
      </c>
      <c r="B8309" t="s">
        <v>5195</v>
      </c>
      <c r="C8309" t="s">
        <v>5196</v>
      </c>
      <c r="D8309" t="s">
        <v>5197</v>
      </c>
      <c r="E8309" t="s">
        <v>4916</v>
      </c>
      <c r="F8309" t="s">
        <v>4917</v>
      </c>
      <c r="G8309" t="s">
        <v>80</v>
      </c>
      <c r="H8309" t="s">
        <v>81</v>
      </c>
      <c r="I8309" s="2">
        <v>1</v>
      </c>
      <c r="J8309" s="2">
        <v>0</v>
      </c>
      <c r="K8309" s="2">
        <v>0</v>
      </c>
      <c r="L8309" t="s">
        <v>120</v>
      </c>
      <c r="M8309" t="s">
        <v>83</v>
      </c>
      <c r="N8309" t="s">
        <v>91</v>
      </c>
      <c r="O8309" t="s">
        <v>85</v>
      </c>
      <c r="P8309" t="s">
        <v>86</v>
      </c>
      <c r="Q8309">
        <v>6</v>
      </c>
      <c r="R8309">
        <v>6</v>
      </c>
      <c r="S8309">
        <v>6</v>
      </c>
      <c r="T8309">
        <v>6</v>
      </c>
      <c r="U8309">
        <v>6</v>
      </c>
      <c r="V8309">
        <v>6</v>
      </c>
      <c r="W8309">
        <v>7</v>
      </c>
      <c r="X8309">
        <v>7</v>
      </c>
      <c r="Y8309">
        <v>7</v>
      </c>
      <c r="Z8309">
        <v>7</v>
      </c>
      <c r="AA8309">
        <v>7</v>
      </c>
      <c r="AB8309">
        <v>7</v>
      </c>
      <c r="AC8309">
        <v>7</v>
      </c>
      <c r="AD8309">
        <v>7</v>
      </c>
      <c r="AE8309">
        <v>7</v>
      </c>
      <c r="AF8309">
        <v>7</v>
      </c>
      <c r="AG8309">
        <v>7</v>
      </c>
      <c r="AH8309">
        <v>7</v>
      </c>
      <c r="AI8309">
        <v>7</v>
      </c>
      <c r="AJ8309">
        <v>7</v>
      </c>
      <c r="AK8309">
        <v>7</v>
      </c>
      <c r="AL8309">
        <v>7</v>
      </c>
      <c r="AM8309">
        <v>7</v>
      </c>
      <c r="AN8309">
        <v>7</v>
      </c>
      <c r="AO8309">
        <v>7</v>
      </c>
      <c r="AP8309">
        <v>7</v>
      </c>
      <c r="AQ8309">
        <v>7</v>
      </c>
    </row>
    <row r="8310" spans="1:43">
      <c r="A8310" t="s">
        <v>5198</v>
      </c>
      <c r="B8310" t="s">
        <v>5199</v>
      </c>
      <c r="C8310" t="s">
        <v>5196</v>
      </c>
      <c r="D8310" t="s">
        <v>5197</v>
      </c>
      <c r="E8310" t="s">
        <v>4916</v>
      </c>
      <c r="F8310" t="s">
        <v>4917</v>
      </c>
      <c r="G8310" t="s">
        <v>80</v>
      </c>
      <c r="H8310" t="s">
        <v>81</v>
      </c>
      <c r="I8310" s="2">
        <v>1</v>
      </c>
      <c r="J8310" s="2">
        <v>0</v>
      </c>
      <c r="K8310" s="2">
        <v>0</v>
      </c>
      <c r="L8310" t="s">
        <v>120</v>
      </c>
      <c r="M8310" t="s">
        <v>83</v>
      </c>
      <c r="N8310" t="s">
        <v>84</v>
      </c>
      <c r="O8310" t="s">
        <v>85</v>
      </c>
      <c r="P8310" t="s">
        <v>86</v>
      </c>
      <c r="Q8310">
        <v>21</v>
      </c>
      <c r="R8310">
        <v>21</v>
      </c>
      <c r="S8310">
        <v>21</v>
      </c>
      <c r="T8310">
        <v>21</v>
      </c>
      <c r="U8310">
        <v>21</v>
      </c>
      <c r="V8310">
        <v>22</v>
      </c>
      <c r="W8310">
        <v>22</v>
      </c>
      <c r="X8310">
        <v>22</v>
      </c>
      <c r="Y8310">
        <v>22</v>
      </c>
      <c r="Z8310">
        <v>22</v>
      </c>
      <c r="AA8310">
        <v>22</v>
      </c>
      <c r="AB8310">
        <v>22</v>
      </c>
      <c r="AC8310">
        <v>22</v>
      </c>
      <c r="AD8310">
        <v>22</v>
      </c>
      <c r="AE8310">
        <v>22</v>
      </c>
      <c r="AF8310">
        <v>22</v>
      </c>
      <c r="AG8310">
        <v>23</v>
      </c>
      <c r="AH8310">
        <v>23</v>
      </c>
      <c r="AI8310">
        <v>23</v>
      </c>
      <c r="AJ8310">
        <v>23</v>
      </c>
      <c r="AK8310">
        <v>23</v>
      </c>
      <c r="AL8310">
        <v>23</v>
      </c>
      <c r="AM8310">
        <v>23</v>
      </c>
      <c r="AN8310">
        <v>22</v>
      </c>
      <c r="AO8310">
        <v>22</v>
      </c>
      <c r="AP8310">
        <v>22</v>
      </c>
      <c r="AQ8310">
        <v>22</v>
      </c>
    </row>
    <row r="8311" spans="1:43">
      <c r="A8311" t="s">
        <v>5198</v>
      </c>
      <c r="B8311" t="s">
        <v>5199</v>
      </c>
      <c r="C8311" t="s">
        <v>5196</v>
      </c>
      <c r="D8311" t="s">
        <v>5197</v>
      </c>
      <c r="E8311" t="s">
        <v>4916</v>
      </c>
      <c r="F8311" t="s">
        <v>4917</v>
      </c>
      <c r="G8311" t="s">
        <v>80</v>
      </c>
      <c r="H8311" t="s">
        <v>81</v>
      </c>
      <c r="I8311" s="2">
        <v>1</v>
      </c>
      <c r="J8311" s="2">
        <v>0</v>
      </c>
      <c r="K8311" s="2">
        <v>0</v>
      </c>
      <c r="L8311" t="s">
        <v>120</v>
      </c>
      <c r="M8311" t="s">
        <v>87</v>
      </c>
      <c r="N8311" t="s">
        <v>88</v>
      </c>
      <c r="O8311" t="s">
        <v>85</v>
      </c>
      <c r="P8311" t="s">
        <v>86</v>
      </c>
      <c r="Q8311">
        <v>21</v>
      </c>
      <c r="R8311">
        <v>21</v>
      </c>
      <c r="S8311">
        <v>21</v>
      </c>
      <c r="T8311">
        <v>21</v>
      </c>
      <c r="U8311">
        <v>21</v>
      </c>
      <c r="V8311">
        <v>20</v>
      </c>
      <c r="W8311">
        <v>20</v>
      </c>
      <c r="X8311">
        <v>20</v>
      </c>
      <c r="Y8311">
        <v>20</v>
      </c>
      <c r="Z8311">
        <v>20</v>
      </c>
      <c r="AA8311">
        <v>20</v>
      </c>
      <c r="AB8311">
        <v>20</v>
      </c>
      <c r="AC8311">
        <v>20</v>
      </c>
      <c r="AD8311">
        <v>20</v>
      </c>
      <c r="AE8311">
        <v>20</v>
      </c>
      <c r="AF8311">
        <v>20</v>
      </c>
      <c r="AG8311">
        <v>20</v>
      </c>
      <c r="AH8311">
        <v>20</v>
      </c>
      <c r="AI8311">
        <v>20</v>
      </c>
      <c r="AJ8311">
        <v>20</v>
      </c>
      <c r="AK8311">
        <v>20</v>
      </c>
      <c r="AL8311">
        <v>20</v>
      </c>
      <c r="AM8311">
        <v>19</v>
      </c>
      <c r="AN8311">
        <v>19</v>
      </c>
      <c r="AO8311">
        <v>19</v>
      </c>
      <c r="AP8311">
        <v>19</v>
      </c>
      <c r="AQ8311">
        <v>19</v>
      </c>
    </row>
    <row r="8312" spans="1:43">
      <c r="A8312" t="s">
        <v>5198</v>
      </c>
      <c r="B8312" t="s">
        <v>5199</v>
      </c>
      <c r="C8312" t="s">
        <v>5196</v>
      </c>
      <c r="D8312" t="s">
        <v>5197</v>
      </c>
      <c r="E8312" t="s">
        <v>4916</v>
      </c>
      <c r="F8312" t="s">
        <v>4917</v>
      </c>
      <c r="G8312" t="s">
        <v>80</v>
      </c>
      <c r="H8312" t="s">
        <v>81</v>
      </c>
      <c r="I8312" s="2">
        <v>1</v>
      </c>
      <c r="J8312" s="2">
        <v>0</v>
      </c>
      <c r="K8312" s="2">
        <v>0</v>
      </c>
      <c r="L8312" t="s">
        <v>120</v>
      </c>
      <c r="M8312" t="s">
        <v>89</v>
      </c>
      <c r="N8312" t="s">
        <v>90</v>
      </c>
      <c r="O8312" t="s">
        <v>85</v>
      </c>
      <c r="P8312" t="s">
        <v>86</v>
      </c>
      <c r="Q8312">
        <v>21</v>
      </c>
      <c r="R8312">
        <v>21</v>
      </c>
      <c r="S8312">
        <v>22</v>
      </c>
      <c r="T8312">
        <v>22</v>
      </c>
      <c r="U8312">
        <v>22</v>
      </c>
      <c r="V8312">
        <v>23</v>
      </c>
      <c r="W8312">
        <v>23</v>
      </c>
      <c r="X8312">
        <v>23</v>
      </c>
      <c r="Y8312">
        <v>23</v>
      </c>
      <c r="Z8312">
        <v>23</v>
      </c>
      <c r="AA8312">
        <v>23</v>
      </c>
      <c r="AB8312">
        <v>24</v>
      </c>
      <c r="AC8312">
        <v>24</v>
      </c>
      <c r="AD8312">
        <v>24</v>
      </c>
      <c r="AE8312">
        <v>24</v>
      </c>
      <c r="AF8312">
        <v>24</v>
      </c>
      <c r="AG8312">
        <v>24</v>
      </c>
      <c r="AH8312">
        <v>24</v>
      </c>
      <c r="AI8312">
        <v>23</v>
      </c>
      <c r="AJ8312">
        <v>23</v>
      </c>
      <c r="AK8312">
        <v>23</v>
      </c>
      <c r="AL8312">
        <v>23</v>
      </c>
      <c r="AM8312">
        <v>23</v>
      </c>
      <c r="AN8312">
        <v>23</v>
      </c>
      <c r="AO8312">
        <v>23</v>
      </c>
      <c r="AP8312">
        <v>23</v>
      </c>
      <c r="AQ8312">
        <v>22</v>
      </c>
    </row>
    <row r="8313" spans="1:43">
      <c r="A8313" t="s">
        <v>5198</v>
      </c>
      <c r="B8313" t="s">
        <v>5199</v>
      </c>
      <c r="C8313" t="s">
        <v>5196</v>
      </c>
      <c r="D8313" t="s">
        <v>5197</v>
      </c>
      <c r="E8313" t="s">
        <v>4916</v>
      </c>
      <c r="F8313" t="s">
        <v>4917</v>
      </c>
      <c r="G8313" t="s">
        <v>80</v>
      </c>
      <c r="H8313" t="s">
        <v>81</v>
      </c>
      <c r="I8313" s="2">
        <v>1</v>
      </c>
      <c r="J8313" s="2">
        <v>0</v>
      </c>
      <c r="K8313" s="2">
        <v>0</v>
      </c>
      <c r="L8313" t="s">
        <v>120</v>
      </c>
      <c r="M8313" t="s">
        <v>83</v>
      </c>
      <c r="N8313" t="s">
        <v>91</v>
      </c>
      <c r="O8313" t="s">
        <v>85</v>
      </c>
      <c r="P8313" t="s">
        <v>86</v>
      </c>
      <c r="Q8313">
        <v>21</v>
      </c>
      <c r="R8313">
        <v>21</v>
      </c>
      <c r="S8313">
        <v>21</v>
      </c>
      <c r="T8313">
        <v>21</v>
      </c>
      <c r="U8313">
        <v>21</v>
      </c>
      <c r="V8313">
        <v>22</v>
      </c>
      <c r="W8313">
        <v>22</v>
      </c>
      <c r="X8313">
        <v>22</v>
      </c>
      <c r="Y8313">
        <v>22</v>
      </c>
      <c r="Z8313">
        <v>22</v>
      </c>
      <c r="AA8313">
        <v>22</v>
      </c>
      <c r="AB8313">
        <v>22</v>
      </c>
      <c r="AC8313">
        <v>22</v>
      </c>
      <c r="AD8313">
        <v>22</v>
      </c>
      <c r="AE8313">
        <v>22</v>
      </c>
      <c r="AF8313">
        <v>22</v>
      </c>
      <c r="AG8313">
        <v>23</v>
      </c>
      <c r="AH8313">
        <v>23</v>
      </c>
      <c r="AI8313">
        <v>23</v>
      </c>
      <c r="AJ8313">
        <v>23</v>
      </c>
      <c r="AK8313">
        <v>23</v>
      </c>
      <c r="AL8313">
        <v>23</v>
      </c>
      <c r="AM8313">
        <v>23</v>
      </c>
      <c r="AN8313">
        <v>22</v>
      </c>
      <c r="AO8313">
        <v>22</v>
      </c>
      <c r="AP8313">
        <v>22</v>
      </c>
      <c r="AQ8313">
        <v>22</v>
      </c>
    </row>
    <row r="8314" spans="1:43">
      <c r="A8314" t="s">
        <v>5200</v>
      </c>
      <c r="B8314" t="s">
        <v>5201</v>
      </c>
      <c r="C8314" t="s">
        <v>5196</v>
      </c>
      <c r="D8314" t="s">
        <v>5197</v>
      </c>
      <c r="E8314" t="s">
        <v>4916</v>
      </c>
      <c r="F8314" t="s">
        <v>4917</v>
      </c>
      <c r="G8314" t="s">
        <v>80</v>
      </c>
      <c r="H8314" t="s">
        <v>81</v>
      </c>
      <c r="I8314" s="2">
        <v>1</v>
      </c>
      <c r="J8314" s="2">
        <v>0</v>
      </c>
      <c r="K8314" s="2">
        <v>0</v>
      </c>
      <c r="L8314" t="s">
        <v>120</v>
      </c>
      <c r="M8314" t="s">
        <v>83</v>
      </c>
      <c r="N8314" t="s">
        <v>84</v>
      </c>
      <c r="O8314" t="s">
        <v>85</v>
      </c>
      <c r="P8314" t="s">
        <v>86</v>
      </c>
      <c r="Q8314">
        <v>146</v>
      </c>
      <c r="R8314">
        <v>147</v>
      </c>
      <c r="S8314">
        <v>148</v>
      </c>
      <c r="T8314">
        <v>149</v>
      </c>
      <c r="U8314">
        <v>150</v>
      </c>
      <c r="V8314">
        <v>151</v>
      </c>
      <c r="W8314">
        <v>152</v>
      </c>
      <c r="X8314">
        <v>153</v>
      </c>
      <c r="Y8314">
        <v>153</v>
      </c>
      <c r="Z8314">
        <v>154</v>
      </c>
      <c r="AA8314">
        <v>155</v>
      </c>
      <c r="AB8314">
        <v>155</v>
      </c>
      <c r="AC8314">
        <v>156</v>
      </c>
      <c r="AD8314">
        <v>157</v>
      </c>
      <c r="AE8314">
        <v>157</v>
      </c>
      <c r="AF8314">
        <v>158</v>
      </c>
      <c r="AG8314">
        <v>158</v>
      </c>
      <c r="AH8314">
        <v>159</v>
      </c>
      <c r="AI8314">
        <v>159</v>
      </c>
      <c r="AJ8314">
        <v>160</v>
      </c>
      <c r="AK8314">
        <v>160</v>
      </c>
      <c r="AL8314">
        <v>160</v>
      </c>
      <c r="AM8314">
        <v>159</v>
      </c>
      <c r="AN8314">
        <v>158</v>
      </c>
      <c r="AO8314">
        <v>157</v>
      </c>
      <c r="AP8314">
        <v>157</v>
      </c>
      <c r="AQ8314">
        <v>156</v>
      </c>
    </row>
    <row r="8315" spans="1:43">
      <c r="A8315" t="s">
        <v>5200</v>
      </c>
      <c r="B8315" t="s">
        <v>5201</v>
      </c>
      <c r="C8315" t="s">
        <v>5196</v>
      </c>
      <c r="D8315" t="s">
        <v>5197</v>
      </c>
      <c r="E8315" t="s">
        <v>4916</v>
      </c>
      <c r="F8315" t="s">
        <v>4917</v>
      </c>
      <c r="G8315" t="s">
        <v>80</v>
      </c>
      <c r="H8315" t="s">
        <v>81</v>
      </c>
      <c r="I8315" s="2">
        <v>1</v>
      </c>
      <c r="J8315" s="2">
        <v>0</v>
      </c>
      <c r="K8315" s="2">
        <v>0</v>
      </c>
      <c r="L8315" t="s">
        <v>120</v>
      </c>
      <c r="M8315" t="s">
        <v>87</v>
      </c>
      <c r="N8315" t="s">
        <v>88</v>
      </c>
      <c r="O8315" t="s">
        <v>85</v>
      </c>
      <c r="P8315" t="s">
        <v>86</v>
      </c>
      <c r="Q8315">
        <v>146</v>
      </c>
      <c r="R8315">
        <v>145</v>
      </c>
      <c r="S8315">
        <v>145</v>
      </c>
      <c r="T8315">
        <v>145</v>
      </c>
      <c r="U8315">
        <v>144</v>
      </c>
      <c r="V8315">
        <v>144</v>
      </c>
      <c r="W8315">
        <v>144</v>
      </c>
      <c r="X8315">
        <v>143</v>
      </c>
      <c r="Y8315">
        <v>143</v>
      </c>
      <c r="Z8315">
        <v>143</v>
      </c>
      <c r="AA8315">
        <v>142</v>
      </c>
      <c r="AB8315">
        <v>142</v>
      </c>
      <c r="AC8315">
        <v>141</v>
      </c>
      <c r="AD8315">
        <v>141</v>
      </c>
      <c r="AE8315">
        <v>141</v>
      </c>
      <c r="AF8315">
        <v>140</v>
      </c>
      <c r="AG8315">
        <v>140</v>
      </c>
      <c r="AH8315">
        <v>140</v>
      </c>
      <c r="AI8315">
        <v>139</v>
      </c>
      <c r="AJ8315">
        <v>139</v>
      </c>
      <c r="AK8315">
        <v>139</v>
      </c>
      <c r="AL8315">
        <v>138</v>
      </c>
      <c r="AM8315">
        <v>138</v>
      </c>
      <c r="AN8315">
        <v>137</v>
      </c>
      <c r="AO8315">
        <v>137</v>
      </c>
      <c r="AP8315">
        <v>137</v>
      </c>
      <c r="AQ8315">
        <v>136</v>
      </c>
    </row>
    <row r="8316" spans="1:43">
      <c r="A8316" t="s">
        <v>5200</v>
      </c>
      <c r="B8316" t="s">
        <v>5201</v>
      </c>
      <c r="C8316" t="s">
        <v>5196</v>
      </c>
      <c r="D8316" t="s">
        <v>5197</v>
      </c>
      <c r="E8316" t="s">
        <v>4916</v>
      </c>
      <c r="F8316" t="s">
        <v>4917</v>
      </c>
      <c r="G8316" t="s">
        <v>80</v>
      </c>
      <c r="H8316" t="s">
        <v>81</v>
      </c>
      <c r="I8316" s="2">
        <v>1</v>
      </c>
      <c r="J8316" s="2">
        <v>0</v>
      </c>
      <c r="K8316" s="2">
        <v>0</v>
      </c>
      <c r="L8316" t="s">
        <v>120</v>
      </c>
      <c r="M8316" t="s">
        <v>89</v>
      </c>
      <c r="N8316" t="s">
        <v>90</v>
      </c>
      <c r="O8316" t="s">
        <v>85</v>
      </c>
      <c r="P8316" t="s">
        <v>86</v>
      </c>
      <c r="Q8316">
        <v>146</v>
      </c>
      <c r="R8316">
        <v>149</v>
      </c>
      <c r="S8316">
        <v>151</v>
      </c>
      <c r="T8316">
        <v>153</v>
      </c>
      <c r="U8316">
        <v>155</v>
      </c>
      <c r="V8316">
        <v>157</v>
      </c>
      <c r="W8316">
        <v>158</v>
      </c>
      <c r="X8316">
        <v>160</v>
      </c>
      <c r="Y8316">
        <v>161</v>
      </c>
      <c r="Z8316">
        <v>162</v>
      </c>
      <c r="AA8316">
        <v>163</v>
      </c>
      <c r="AB8316">
        <v>165</v>
      </c>
      <c r="AC8316">
        <v>166</v>
      </c>
      <c r="AD8316">
        <v>167</v>
      </c>
      <c r="AE8316">
        <v>167</v>
      </c>
      <c r="AF8316">
        <v>166</v>
      </c>
      <c r="AG8316">
        <v>165</v>
      </c>
      <c r="AH8316">
        <v>165</v>
      </c>
      <c r="AI8316">
        <v>164</v>
      </c>
      <c r="AJ8316">
        <v>163</v>
      </c>
      <c r="AK8316">
        <v>162</v>
      </c>
      <c r="AL8316">
        <v>161</v>
      </c>
      <c r="AM8316">
        <v>160</v>
      </c>
      <c r="AN8316">
        <v>159</v>
      </c>
      <c r="AO8316">
        <v>158</v>
      </c>
      <c r="AP8316">
        <v>158</v>
      </c>
      <c r="AQ8316">
        <v>157</v>
      </c>
    </row>
    <row r="8317" spans="1:43">
      <c r="A8317" t="s">
        <v>5200</v>
      </c>
      <c r="B8317" t="s">
        <v>5201</v>
      </c>
      <c r="C8317" t="s">
        <v>5196</v>
      </c>
      <c r="D8317" t="s">
        <v>5197</v>
      </c>
      <c r="E8317" t="s">
        <v>4916</v>
      </c>
      <c r="F8317" t="s">
        <v>4917</v>
      </c>
      <c r="G8317" t="s">
        <v>80</v>
      </c>
      <c r="H8317" t="s">
        <v>81</v>
      </c>
      <c r="I8317" s="2">
        <v>1</v>
      </c>
      <c r="J8317" s="2">
        <v>0</v>
      </c>
      <c r="K8317" s="2">
        <v>0</v>
      </c>
      <c r="L8317" t="s">
        <v>120</v>
      </c>
      <c r="M8317" t="s">
        <v>83</v>
      </c>
      <c r="N8317" t="s">
        <v>91</v>
      </c>
      <c r="O8317" t="s">
        <v>85</v>
      </c>
      <c r="P8317" t="s">
        <v>86</v>
      </c>
      <c r="Q8317">
        <v>146</v>
      </c>
      <c r="R8317">
        <v>147</v>
      </c>
      <c r="S8317">
        <v>148</v>
      </c>
      <c r="T8317">
        <v>149</v>
      </c>
      <c r="U8317">
        <v>150</v>
      </c>
      <c r="V8317">
        <v>151</v>
      </c>
      <c r="W8317">
        <v>152</v>
      </c>
      <c r="X8317">
        <v>153</v>
      </c>
      <c r="Y8317">
        <v>153</v>
      </c>
      <c r="Z8317">
        <v>154</v>
      </c>
      <c r="AA8317">
        <v>155</v>
      </c>
      <c r="AB8317">
        <v>155</v>
      </c>
      <c r="AC8317">
        <v>156</v>
      </c>
      <c r="AD8317">
        <v>157</v>
      </c>
      <c r="AE8317">
        <v>157</v>
      </c>
      <c r="AF8317">
        <v>158</v>
      </c>
      <c r="AG8317">
        <v>158</v>
      </c>
      <c r="AH8317">
        <v>159</v>
      </c>
      <c r="AI8317">
        <v>159</v>
      </c>
      <c r="AJ8317">
        <v>160</v>
      </c>
      <c r="AK8317">
        <v>160</v>
      </c>
      <c r="AL8317">
        <v>160</v>
      </c>
      <c r="AM8317">
        <v>159</v>
      </c>
      <c r="AN8317">
        <v>158</v>
      </c>
      <c r="AO8317">
        <v>157</v>
      </c>
      <c r="AP8317">
        <v>157</v>
      </c>
      <c r="AQ8317">
        <v>156</v>
      </c>
    </row>
    <row r="8318" spans="1:43">
      <c r="A8318" t="s">
        <v>5202</v>
      </c>
      <c r="B8318" t="s">
        <v>5203</v>
      </c>
      <c r="C8318" t="s">
        <v>4948</v>
      </c>
      <c r="D8318" t="s">
        <v>4949</v>
      </c>
      <c r="E8318" t="s">
        <v>4916</v>
      </c>
      <c r="F8318" t="s">
        <v>4917</v>
      </c>
      <c r="G8318" t="s">
        <v>80</v>
      </c>
      <c r="H8318" t="s">
        <v>81</v>
      </c>
      <c r="I8318" s="2">
        <v>1</v>
      </c>
      <c r="J8318" s="2">
        <v>0</v>
      </c>
      <c r="K8318" s="2">
        <v>0</v>
      </c>
      <c r="L8318" t="s">
        <v>120</v>
      </c>
      <c r="M8318" t="s">
        <v>83</v>
      </c>
      <c r="N8318" t="s">
        <v>84</v>
      </c>
      <c r="O8318" t="s">
        <v>85</v>
      </c>
      <c r="P8318" t="s">
        <v>86</v>
      </c>
      <c r="Q8318">
        <v>21</v>
      </c>
      <c r="R8318">
        <v>21</v>
      </c>
      <c r="S8318">
        <v>21</v>
      </c>
      <c r="T8318">
        <v>21</v>
      </c>
      <c r="U8318">
        <v>21</v>
      </c>
      <c r="V8318">
        <v>21</v>
      </c>
      <c r="W8318">
        <v>21</v>
      </c>
      <c r="X8318">
        <v>22</v>
      </c>
      <c r="Y8318">
        <v>22</v>
      </c>
      <c r="Z8318">
        <v>22</v>
      </c>
      <c r="AA8318">
        <v>22</v>
      </c>
      <c r="AB8318">
        <v>22</v>
      </c>
      <c r="AC8318">
        <v>22</v>
      </c>
      <c r="AD8318">
        <v>22</v>
      </c>
      <c r="AE8318">
        <v>22</v>
      </c>
      <c r="AF8318">
        <v>22</v>
      </c>
      <c r="AG8318">
        <v>22</v>
      </c>
      <c r="AH8318">
        <v>22</v>
      </c>
      <c r="AI8318">
        <v>22</v>
      </c>
      <c r="AJ8318">
        <v>22</v>
      </c>
      <c r="AK8318">
        <v>22</v>
      </c>
      <c r="AL8318">
        <v>22</v>
      </c>
      <c r="AM8318">
        <v>22</v>
      </c>
      <c r="AN8318">
        <v>22</v>
      </c>
      <c r="AO8318">
        <v>22</v>
      </c>
      <c r="AP8318">
        <v>22</v>
      </c>
      <c r="AQ8318">
        <v>22</v>
      </c>
    </row>
    <row r="8319" spans="1:43">
      <c r="A8319" t="s">
        <v>5202</v>
      </c>
      <c r="B8319" t="s">
        <v>5203</v>
      </c>
      <c r="C8319" t="s">
        <v>4948</v>
      </c>
      <c r="D8319" t="s">
        <v>4949</v>
      </c>
      <c r="E8319" t="s">
        <v>4916</v>
      </c>
      <c r="F8319" t="s">
        <v>4917</v>
      </c>
      <c r="G8319" t="s">
        <v>80</v>
      </c>
      <c r="H8319" t="s">
        <v>81</v>
      </c>
      <c r="I8319" s="2">
        <v>1</v>
      </c>
      <c r="J8319" s="2">
        <v>0</v>
      </c>
      <c r="K8319" s="2">
        <v>0</v>
      </c>
      <c r="L8319" t="s">
        <v>120</v>
      </c>
      <c r="M8319" t="s">
        <v>87</v>
      </c>
      <c r="N8319" t="s">
        <v>88</v>
      </c>
      <c r="O8319" t="s">
        <v>85</v>
      </c>
      <c r="P8319" t="s">
        <v>86</v>
      </c>
      <c r="Q8319">
        <v>21</v>
      </c>
      <c r="R8319">
        <v>21</v>
      </c>
      <c r="S8319">
        <v>21</v>
      </c>
      <c r="T8319">
        <v>21</v>
      </c>
      <c r="U8319">
        <v>21</v>
      </c>
      <c r="V8319">
        <v>21</v>
      </c>
      <c r="W8319">
        <v>21</v>
      </c>
      <c r="X8319">
        <v>21</v>
      </c>
      <c r="Y8319">
        <v>21</v>
      </c>
      <c r="Z8319">
        <v>21</v>
      </c>
      <c r="AA8319">
        <v>21</v>
      </c>
      <c r="AB8319">
        <v>21</v>
      </c>
      <c r="AC8319">
        <v>21</v>
      </c>
      <c r="AD8319">
        <v>21</v>
      </c>
      <c r="AE8319">
        <v>21</v>
      </c>
      <c r="AF8319">
        <v>21</v>
      </c>
      <c r="AG8319">
        <v>21</v>
      </c>
      <c r="AH8319">
        <v>20</v>
      </c>
      <c r="AI8319">
        <v>20</v>
      </c>
      <c r="AJ8319">
        <v>20</v>
      </c>
      <c r="AK8319">
        <v>20</v>
      </c>
      <c r="AL8319">
        <v>20</v>
      </c>
      <c r="AM8319">
        <v>20</v>
      </c>
      <c r="AN8319">
        <v>20</v>
      </c>
      <c r="AO8319">
        <v>20</v>
      </c>
      <c r="AP8319">
        <v>20</v>
      </c>
      <c r="AQ8319">
        <v>20</v>
      </c>
    </row>
    <row r="8320" spans="1:43">
      <c r="A8320" t="s">
        <v>5202</v>
      </c>
      <c r="B8320" t="s">
        <v>5203</v>
      </c>
      <c r="C8320" t="s">
        <v>4948</v>
      </c>
      <c r="D8320" t="s">
        <v>4949</v>
      </c>
      <c r="E8320" t="s">
        <v>4916</v>
      </c>
      <c r="F8320" t="s">
        <v>4917</v>
      </c>
      <c r="G8320" t="s">
        <v>80</v>
      </c>
      <c r="H8320" t="s">
        <v>81</v>
      </c>
      <c r="I8320" s="2">
        <v>1</v>
      </c>
      <c r="J8320" s="2">
        <v>0</v>
      </c>
      <c r="K8320" s="2">
        <v>0</v>
      </c>
      <c r="L8320" t="s">
        <v>120</v>
      </c>
      <c r="M8320" t="s">
        <v>89</v>
      </c>
      <c r="N8320" t="s">
        <v>90</v>
      </c>
      <c r="O8320" t="s">
        <v>85</v>
      </c>
      <c r="P8320" t="s">
        <v>86</v>
      </c>
      <c r="Q8320">
        <v>21</v>
      </c>
      <c r="R8320">
        <v>21</v>
      </c>
      <c r="S8320">
        <v>21</v>
      </c>
      <c r="T8320">
        <v>22</v>
      </c>
      <c r="U8320">
        <v>22</v>
      </c>
      <c r="V8320">
        <v>22</v>
      </c>
      <c r="W8320">
        <v>22</v>
      </c>
      <c r="X8320">
        <v>23</v>
      </c>
      <c r="Y8320">
        <v>23</v>
      </c>
      <c r="Z8320">
        <v>23</v>
      </c>
      <c r="AA8320">
        <v>23</v>
      </c>
      <c r="AB8320">
        <v>23</v>
      </c>
      <c r="AC8320">
        <v>23</v>
      </c>
      <c r="AD8320">
        <v>24</v>
      </c>
      <c r="AE8320">
        <v>24</v>
      </c>
      <c r="AF8320">
        <v>24</v>
      </c>
      <c r="AG8320">
        <v>23</v>
      </c>
      <c r="AH8320">
        <v>23</v>
      </c>
      <c r="AI8320">
        <v>23</v>
      </c>
      <c r="AJ8320">
        <v>23</v>
      </c>
      <c r="AK8320">
        <v>23</v>
      </c>
      <c r="AL8320">
        <v>23</v>
      </c>
      <c r="AM8320">
        <v>23</v>
      </c>
      <c r="AN8320">
        <v>22</v>
      </c>
      <c r="AO8320">
        <v>22</v>
      </c>
      <c r="AP8320">
        <v>22</v>
      </c>
      <c r="AQ8320">
        <v>22</v>
      </c>
    </row>
    <row r="8321" spans="1:43">
      <c r="A8321" t="s">
        <v>5202</v>
      </c>
      <c r="B8321" t="s">
        <v>5203</v>
      </c>
      <c r="C8321" t="s">
        <v>4948</v>
      </c>
      <c r="D8321" t="s">
        <v>4949</v>
      </c>
      <c r="E8321" t="s">
        <v>4916</v>
      </c>
      <c r="F8321" t="s">
        <v>4917</v>
      </c>
      <c r="G8321" t="s">
        <v>80</v>
      </c>
      <c r="H8321" t="s">
        <v>81</v>
      </c>
      <c r="I8321" s="2">
        <v>1</v>
      </c>
      <c r="J8321" s="2">
        <v>0</v>
      </c>
      <c r="K8321" s="2">
        <v>0</v>
      </c>
      <c r="L8321" t="s">
        <v>120</v>
      </c>
      <c r="M8321" t="s">
        <v>83</v>
      </c>
      <c r="N8321" t="s">
        <v>91</v>
      </c>
      <c r="O8321" t="s">
        <v>85</v>
      </c>
      <c r="P8321" t="s">
        <v>86</v>
      </c>
      <c r="Q8321">
        <v>21</v>
      </c>
      <c r="R8321">
        <v>21</v>
      </c>
      <c r="S8321">
        <v>21</v>
      </c>
      <c r="T8321">
        <v>21</v>
      </c>
      <c r="U8321">
        <v>21</v>
      </c>
      <c r="V8321">
        <v>21</v>
      </c>
      <c r="W8321">
        <v>21</v>
      </c>
      <c r="X8321">
        <v>22</v>
      </c>
      <c r="Y8321">
        <v>22</v>
      </c>
      <c r="Z8321">
        <v>22</v>
      </c>
      <c r="AA8321">
        <v>22</v>
      </c>
      <c r="AB8321">
        <v>22</v>
      </c>
      <c r="AC8321">
        <v>22</v>
      </c>
      <c r="AD8321">
        <v>22</v>
      </c>
      <c r="AE8321">
        <v>22</v>
      </c>
      <c r="AF8321">
        <v>22</v>
      </c>
      <c r="AG8321">
        <v>22</v>
      </c>
      <c r="AH8321">
        <v>22</v>
      </c>
      <c r="AI8321">
        <v>22</v>
      </c>
      <c r="AJ8321">
        <v>22</v>
      </c>
      <c r="AK8321">
        <v>22</v>
      </c>
      <c r="AL8321">
        <v>22</v>
      </c>
      <c r="AM8321">
        <v>22</v>
      </c>
      <c r="AN8321">
        <v>22</v>
      </c>
      <c r="AO8321">
        <v>22</v>
      </c>
      <c r="AP8321">
        <v>22</v>
      </c>
      <c r="AQ8321">
        <v>22</v>
      </c>
    </row>
    <row r="8322" spans="1:43">
      <c r="A8322" t="s">
        <v>5204</v>
      </c>
      <c r="B8322" t="s">
        <v>5205</v>
      </c>
      <c r="C8322" t="s">
        <v>5196</v>
      </c>
      <c r="D8322" t="s">
        <v>5197</v>
      </c>
      <c r="E8322" t="s">
        <v>4916</v>
      </c>
      <c r="F8322" t="s">
        <v>4917</v>
      </c>
      <c r="G8322" t="s">
        <v>80</v>
      </c>
      <c r="H8322" t="s">
        <v>81</v>
      </c>
      <c r="I8322" s="2">
        <v>1</v>
      </c>
      <c r="J8322" s="2">
        <v>0</v>
      </c>
      <c r="K8322" s="2">
        <v>0</v>
      </c>
      <c r="L8322" t="s">
        <v>120</v>
      </c>
      <c r="M8322" t="s">
        <v>83</v>
      </c>
      <c r="N8322" t="s">
        <v>84</v>
      </c>
      <c r="O8322" t="s">
        <v>85</v>
      </c>
      <c r="P8322" t="s">
        <v>86</v>
      </c>
      <c r="Q8322">
        <v>23</v>
      </c>
      <c r="R8322">
        <v>23</v>
      </c>
      <c r="S8322">
        <v>23</v>
      </c>
      <c r="T8322">
        <v>24</v>
      </c>
      <c r="U8322">
        <v>24</v>
      </c>
      <c r="V8322">
        <v>24</v>
      </c>
      <c r="W8322">
        <v>24</v>
      </c>
      <c r="X8322">
        <v>24</v>
      </c>
      <c r="Y8322">
        <v>24</v>
      </c>
      <c r="Z8322">
        <v>24</v>
      </c>
      <c r="AA8322">
        <v>25</v>
      </c>
      <c r="AB8322">
        <v>25</v>
      </c>
      <c r="AC8322">
        <v>25</v>
      </c>
      <c r="AD8322">
        <v>25</v>
      </c>
      <c r="AE8322">
        <v>25</v>
      </c>
      <c r="AF8322">
        <v>25</v>
      </c>
      <c r="AG8322">
        <v>25</v>
      </c>
      <c r="AH8322">
        <v>25</v>
      </c>
      <c r="AI8322">
        <v>25</v>
      </c>
      <c r="AJ8322">
        <v>25</v>
      </c>
      <c r="AK8322">
        <v>25</v>
      </c>
      <c r="AL8322">
        <v>25</v>
      </c>
      <c r="AM8322">
        <v>25</v>
      </c>
      <c r="AN8322">
        <v>25</v>
      </c>
      <c r="AO8322">
        <v>25</v>
      </c>
      <c r="AP8322">
        <v>25</v>
      </c>
      <c r="AQ8322">
        <v>25</v>
      </c>
    </row>
    <row r="8323" spans="1:43">
      <c r="A8323" t="s">
        <v>5204</v>
      </c>
      <c r="B8323" t="s">
        <v>5205</v>
      </c>
      <c r="C8323" t="s">
        <v>5196</v>
      </c>
      <c r="D8323" t="s">
        <v>5197</v>
      </c>
      <c r="E8323" t="s">
        <v>4916</v>
      </c>
      <c r="F8323" t="s">
        <v>4917</v>
      </c>
      <c r="G8323" t="s">
        <v>80</v>
      </c>
      <c r="H8323" t="s">
        <v>81</v>
      </c>
      <c r="I8323" s="2">
        <v>1</v>
      </c>
      <c r="J8323" s="2">
        <v>0</v>
      </c>
      <c r="K8323" s="2">
        <v>0</v>
      </c>
      <c r="L8323" t="s">
        <v>120</v>
      </c>
      <c r="M8323" t="s">
        <v>87</v>
      </c>
      <c r="N8323" t="s">
        <v>88</v>
      </c>
      <c r="O8323" t="s">
        <v>85</v>
      </c>
      <c r="P8323" t="s">
        <v>86</v>
      </c>
      <c r="Q8323">
        <v>23</v>
      </c>
      <c r="R8323">
        <v>23</v>
      </c>
      <c r="S8323">
        <v>23</v>
      </c>
      <c r="T8323">
        <v>23</v>
      </c>
      <c r="U8323">
        <v>23</v>
      </c>
      <c r="V8323">
        <v>23</v>
      </c>
      <c r="W8323">
        <v>23</v>
      </c>
      <c r="X8323">
        <v>23</v>
      </c>
      <c r="Y8323">
        <v>23</v>
      </c>
      <c r="Z8323">
        <v>22</v>
      </c>
      <c r="AA8323">
        <v>22</v>
      </c>
      <c r="AB8323">
        <v>22</v>
      </c>
      <c r="AC8323">
        <v>22</v>
      </c>
      <c r="AD8323">
        <v>22</v>
      </c>
      <c r="AE8323">
        <v>22</v>
      </c>
      <c r="AF8323">
        <v>22</v>
      </c>
      <c r="AG8323">
        <v>22</v>
      </c>
      <c r="AH8323">
        <v>22</v>
      </c>
      <c r="AI8323">
        <v>22</v>
      </c>
      <c r="AJ8323">
        <v>22</v>
      </c>
      <c r="AK8323">
        <v>22</v>
      </c>
      <c r="AL8323">
        <v>22</v>
      </c>
      <c r="AM8323">
        <v>22</v>
      </c>
      <c r="AN8323">
        <v>22</v>
      </c>
      <c r="AO8323">
        <v>22</v>
      </c>
      <c r="AP8323">
        <v>22</v>
      </c>
      <c r="AQ8323">
        <v>21</v>
      </c>
    </row>
    <row r="8324" spans="1:43">
      <c r="A8324" t="s">
        <v>5204</v>
      </c>
      <c r="B8324" t="s">
        <v>5205</v>
      </c>
      <c r="C8324" t="s">
        <v>5196</v>
      </c>
      <c r="D8324" t="s">
        <v>5197</v>
      </c>
      <c r="E8324" t="s">
        <v>4916</v>
      </c>
      <c r="F8324" t="s">
        <v>4917</v>
      </c>
      <c r="G8324" t="s">
        <v>80</v>
      </c>
      <c r="H8324" t="s">
        <v>81</v>
      </c>
      <c r="I8324" s="2">
        <v>1</v>
      </c>
      <c r="J8324" s="2">
        <v>0</v>
      </c>
      <c r="K8324" s="2">
        <v>0</v>
      </c>
      <c r="L8324" t="s">
        <v>120</v>
      </c>
      <c r="M8324" t="s">
        <v>89</v>
      </c>
      <c r="N8324" t="s">
        <v>90</v>
      </c>
      <c r="O8324" t="s">
        <v>85</v>
      </c>
      <c r="P8324" t="s">
        <v>86</v>
      </c>
      <c r="Q8324">
        <v>23</v>
      </c>
      <c r="R8324">
        <v>24</v>
      </c>
      <c r="S8324">
        <v>24</v>
      </c>
      <c r="T8324">
        <v>24</v>
      </c>
      <c r="U8324">
        <v>25</v>
      </c>
      <c r="V8324">
        <v>25</v>
      </c>
      <c r="W8324">
        <v>25</v>
      </c>
      <c r="X8324">
        <v>25</v>
      </c>
      <c r="Y8324">
        <v>26</v>
      </c>
      <c r="Z8324">
        <v>26</v>
      </c>
      <c r="AA8324">
        <v>26</v>
      </c>
      <c r="AB8324">
        <v>26</v>
      </c>
      <c r="AC8324">
        <v>26</v>
      </c>
      <c r="AD8324">
        <v>27</v>
      </c>
      <c r="AE8324">
        <v>27</v>
      </c>
      <c r="AF8324">
        <v>27</v>
      </c>
      <c r="AG8324">
        <v>26</v>
      </c>
      <c r="AH8324">
        <v>26</v>
      </c>
      <c r="AI8324">
        <v>26</v>
      </c>
      <c r="AJ8324">
        <v>26</v>
      </c>
      <c r="AK8324">
        <v>26</v>
      </c>
      <c r="AL8324">
        <v>26</v>
      </c>
      <c r="AM8324">
        <v>26</v>
      </c>
      <c r="AN8324">
        <v>25</v>
      </c>
      <c r="AO8324">
        <v>25</v>
      </c>
      <c r="AP8324">
        <v>25</v>
      </c>
      <c r="AQ8324">
        <v>25</v>
      </c>
    </row>
    <row r="8325" spans="1:43">
      <c r="A8325" t="s">
        <v>5204</v>
      </c>
      <c r="B8325" t="s">
        <v>5205</v>
      </c>
      <c r="C8325" t="s">
        <v>5196</v>
      </c>
      <c r="D8325" t="s">
        <v>5197</v>
      </c>
      <c r="E8325" t="s">
        <v>4916</v>
      </c>
      <c r="F8325" t="s">
        <v>4917</v>
      </c>
      <c r="G8325" t="s">
        <v>80</v>
      </c>
      <c r="H8325" t="s">
        <v>81</v>
      </c>
      <c r="I8325" s="2">
        <v>1</v>
      </c>
      <c r="J8325" s="2">
        <v>0</v>
      </c>
      <c r="K8325" s="2">
        <v>0</v>
      </c>
      <c r="L8325" t="s">
        <v>120</v>
      </c>
      <c r="M8325" t="s">
        <v>83</v>
      </c>
      <c r="N8325" t="s">
        <v>91</v>
      </c>
      <c r="O8325" t="s">
        <v>85</v>
      </c>
      <c r="P8325" t="s">
        <v>86</v>
      </c>
      <c r="Q8325">
        <v>23</v>
      </c>
      <c r="R8325">
        <v>23</v>
      </c>
      <c r="S8325">
        <v>23</v>
      </c>
      <c r="T8325">
        <v>24</v>
      </c>
      <c r="U8325">
        <v>24</v>
      </c>
      <c r="V8325">
        <v>24</v>
      </c>
      <c r="W8325">
        <v>24</v>
      </c>
      <c r="X8325">
        <v>24</v>
      </c>
      <c r="Y8325">
        <v>24</v>
      </c>
      <c r="Z8325">
        <v>24</v>
      </c>
      <c r="AA8325">
        <v>25</v>
      </c>
      <c r="AB8325">
        <v>25</v>
      </c>
      <c r="AC8325">
        <v>25</v>
      </c>
      <c r="AD8325">
        <v>25</v>
      </c>
      <c r="AE8325">
        <v>25</v>
      </c>
      <c r="AF8325">
        <v>25</v>
      </c>
      <c r="AG8325">
        <v>25</v>
      </c>
      <c r="AH8325">
        <v>25</v>
      </c>
      <c r="AI8325">
        <v>25</v>
      </c>
      <c r="AJ8325">
        <v>25</v>
      </c>
      <c r="AK8325">
        <v>25</v>
      </c>
      <c r="AL8325">
        <v>25</v>
      </c>
      <c r="AM8325">
        <v>25</v>
      </c>
      <c r="AN8325">
        <v>25</v>
      </c>
      <c r="AO8325">
        <v>25</v>
      </c>
      <c r="AP8325">
        <v>25</v>
      </c>
      <c r="AQ8325">
        <v>25</v>
      </c>
    </row>
    <row r="8326" spans="1:43">
      <c r="A8326" t="s">
        <v>5206</v>
      </c>
      <c r="B8326" t="s">
        <v>5207</v>
      </c>
      <c r="C8326" t="s">
        <v>5032</v>
      </c>
      <c r="D8326" t="s">
        <v>5033</v>
      </c>
      <c r="E8326" t="s">
        <v>4916</v>
      </c>
      <c r="F8326" t="s">
        <v>4917</v>
      </c>
      <c r="G8326" t="s">
        <v>80</v>
      </c>
      <c r="H8326" t="s">
        <v>81</v>
      </c>
      <c r="I8326" s="2">
        <v>1</v>
      </c>
      <c r="J8326" s="2">
        <v>0</v>
      </c>
      <c r="K8326" s="2">
        <v>0</v>
      </c>
      <c r="L8326" t="s">
        <v>120</v>
      </c>
      <c r="M8326" t="s">
        <v>83</v>
      </c>
      <c r="N8326" t="s">
        <v>84</v>
      </c>
      <c r="O8326" t="s">
        <v>85</v>
      </c>
      <c r="P8326" t="s">
        <v>86</v>
      </c>
      <c r="Q8326">
        <v>3</v>
      </c>
      <c r="R8326">
        <v>3</v>
      </c>
      <c r="S8326">
        <v>3</v>
      </c>
      <c r="T8326">
        <v>3</v>
      </c>
      <c r="U8326">
        <v>3</v>
      </c>
      <c r="V8326">
        <v>3</v>
      </c>
      <c r="W8326">
        <v>3</v>
      </c>
      <c r="X8326">
        <v>4</v>
      </c>
      <c r="Y8326">
        <v>4</v>
      </c>
      <c r="Z8326">
        <v>4</v>
      </c>
      <c r="AA8326">
        <v>4</v>
      </c>
      <c r="AB8326">
        <v>4</v>
      </c>
      <c r="AC8326">
        <v>4</v>
      </c>
      <c r="AD8326">
        <v>4</v>
      </c>
      <c r="AE8326">
        <v>4</v>
      </c>
      <c r="AF8326">
        <v>4</v>
      </c>
      <c r="AG8326">
        <v>4</v>
      </c>
      <c r="AH8326">
        <v>4</v>
      </c>
      <c r="AI8326">
        <v>4</v>
      </c>
      <c r="AJ8326">
        <v>4</v>
      </c>
      <c r="AK8326">
        <v>4</v>
      </c>
      <c r="AL8326">
        <v>4</v>
      </c>
      <c r="AM8326">
        <v>4</v>
      </c>
      <c r="AN8326">
        <v>4</v>
      </c>
      <c r="AO8326">
        <v>4</v>
      </c>
      <c r="AP8326">
        <v>4</v>
      </c>
      <c r="AQ8326">
        <v>4</v>
      </c>
    </row>
    <row r="8327" spans="1:43">
      <c r="A8327" t="s">
        <v>5206</v>
      </c>
      <c r="B8327" t="s">
        <v>5207</v>
      </c>
      <c r="C8327" t="s">
        <v>5032</v>
      </c>
      <c r="D8327" t="s">
        <v>5033</v>
      </c>
      <c r="E8327" t="s">
        <v>4916</v>
      </c>
      <c r="F8327" t="s">
        <v>4917</v>
      </c>
      <c r="G8327" t="s">
        <v>80</v>
      </c>
      <c r="H8327" t="s">
        <v>81</v>
      </c>
      <c r="I8327" s="2">
        <v>1</v>
      </c>
      <c r="J8327" s="2">
        <v>0</v>
      </c>
      <c r="K8327" s="2">
        <v>0</v>
      </c>
      <c r="L8327" t="s">
        <v>120</v>
      </c>
      <c r="M8327" t="s">
        <v>87</v>
      </c>
      <c r="N8327" t="s">
        <v>88</v>
      </c>
      <c r="O8327" t="s">
        <v>85</v>
      </c>
      <c r="P8327" t="s">
        <v>86</v>
      </c>
      <c r="Q8327">
        <v>3</v>
      </c>
      <c r="R8327">
        <v>3</v>
      </c>
      <c r="S8327">
        <v>3</v>
      </c>
      <c r="T8327">
        <v>3</v>
      </c>
      <c r="U8327">
        <v>3</v>
      </c>
      <c r="V8327">
        <v>3</v>
      </c>
      <c r="W8327">
        <v>3</v>
      </c>
      <c r="X8327">
        <v>3</v>
      </c>
      <c r="Y8327">
        <v>3</v>
      </c>
      <c r="Z8327">
        <v>3</v>
      </c>
      <c r="AA8327">
        <v>3</v>
      </c>
      <c r="AB8327">
        <v>3</v>
      </c>
      <c r="AC8327">
        <v>3</v>
      </c>
      <c r="AD8327">
        <v>3</v>
      </c>
      <c r="AE8327">
        <v>3</v>
      </c>
      <c r="AF8327">
        <v>3</v>
      </c>
      <c r="AG8327">
        <v>3</v>
      </c>
      <c r="AH8327">
        <v>3</v>
      </c>
      <c r="AI8327">
        <v>3</v>
      </c>
      <c r="AJ8327">
        <v>3</v>
      </c>
      <c r="AK8327">
        <v>3</v>
      </c>
      <c r="AL8327">
        <v>3</v>
      </c>
      <c r="AM8327">
        <v>3</v>
      </c>
      <c r="AN8327">
        <v>3</v>
      </c>
      <c r="AO8327">
        <v>3</v>
      </c>
      <c r="AP8327">
        <v>3</v>
      </c>
      <c r="AQ8327">
        <v>3</v>
      </c>
    </row>
    <row r="8328" spans="1:43">
      <c r="A8328" t="s">
        <v>5206</v>
      </c>
      <c r="B8328" t="s">
        <v>5207</v>
      </c>
      <c r="C8328" t="s">
        <v>5032</v>
      </c>
      <c r="D8328" t="s">
        <v>5033</v>
      </c>
      <c r="E8328" t="s">
        <v>4916</v>
      </c>
      <c r="F8328" t="s">
        <v>4917</v>
      </c>
      <c r="G8328" t="s">
        <v>80</v>
      </c>
      <c r="H8328" t="s">
        <v>81</v>
      </c>
      <c r="I8328" s="2">
        <v>1</v>
      </c>
      <c r="J8328" s="2">
        <v>0</v>
      </c>
      <c r="K8328" s="2">
        <v>0</v>
      </c>
      <c r="L8328" t="s">
        <v>120</v>
      </c>
      <c r="M8328" t="s">
        <v>89</v>
      </c>
      <c r="N8328" t="s">
        <v>90</v>
      </c>
      <c r="O8328" t="s">
        <v>85</v>
      </c>
      <c r="P8328" t="s">
        <v>86</v>
      </c>
      <c r="Q8328">
        <v>3</v>
      </c>
      <c r="R8328">
        <v>3</v>
      </c>
      <c r="S8328">
        <v>3</v>
      </c>
      <c r="T8328">
        <v>4</v>
      </c>
      <c r="U8328">
        <v>4</v>
      </c>
      <c r="V8328">
        <v>4</v>
      </c>
      <c r="W8328">
        <v>4</v>
      </c>
      <c r="X8328">
        <v>4</v>
      </c>
      <c r="Y8328">
        <v>4</v>
      </c>
      <c r="Z8328">
        <v>4</v>
      </c>
      <c r="AA8328">
        <v>4</v>
      </c>
      <c r="AB8328">
        <v>4</v>
      </c>
      <c r="AC8328">
        <v>4</v>
      </c>
      <c r="AD8328">
        <v>4</v>
      </c>
      <c r="AE8328">
        <v>4</v>
      </c>
      <c r="AF8328">
        <v>4</v>
      </c>
      <c r="AG8328">
        <v>4</v>
      </c>
      <c r="AH8328">
        <v>4</v>
      </c>
      <c r="AI8328">
        <v>4</v>
      </c>
      <c r="AJ8328">
        <v>4</v>
      </c>
      <c r="AK8328">
        <v>4</v>
      </c>
      <c r="AL8328">
        <v>4</v>
      </c>
      <c r="AM8328">
        <v>4</v>
      </c>
      <c r="AN8328">
        <v>4</v>
      </c>
      <c r="AO8328">
        <v>4</v>
      </c>
      <c r="AP8328">
        <v>4</v>
      </c>
      <c r="AQ8328">
        <v>4</v>
      </c>
    </row>
    <row r="8329" spans="1:43">
      <c r="A8329" t="s">
        <v>5206</v>
      </c>
      <c r="B8329" t="s">
        <v>5207</v>
      </c>
      <c r="C8329" t="s">
        <v>5032</v>
      </c>
      <c r="D8329" t="s">
        <v>5033</v>
      </c>
      <c r="E8329" t="s">
        <v>4916</v>
      </c>
      <c r="F8329" t="s">
        <v>4917</v>
      </c>
      <c r="G8329" t="s">
        <v>80</v>
      </c>
      <c r="H8329" t="s">
        <v>81</v>
      </c>
      <c r="I8329" s="2">
        <v>1</v>
      </c>
      <c r="J8329" s="2">
        <v>0</v>
      </c>
      <c r="K8329" s="2">
        <v>0</v>
      </c>
      <c r="L8329" t="s">
        <v>120</v>
      </c>
      <c r="M8329" t="s">
        <v>83</v>
      </c>
      <c r="N8329" t="s">
        <v>91</v>
      </c>
      <c r="O8329" t="s">
        <v>85</v>
      </c>
      <c r="P8329" t="s">
        <v>86</v>
      </c>
      <c r="Q8329">
        <v>3</v>
      </c>
      <c r="R8329">
        <v>3</v>
      </c>
      <c r="S8329">
        <v>3</v>
      </c>
      <c r="T8329">
        <v>3</v>
      </c>
      <c r="U8329">
        <v>3</v>
      </c>
      <c r="V8329">
        <v>3</v>
      </c>
      <c r="W8329">
        <v>3</v>
      </c>
      <c r="X8329">
        <v>4</v>
      </c>
      <c r="Y8329">
        <v>4</v>
      </c>
      <c r="Z8329">
        <v>4</v>
      </c>
      <c r="AA8329">
        <v>4</v>
      </c>
      <c r="AB8329">
        <v>4</v>
      </c>
      <c r="AC8329">
        <v>4</v>
      </c>
      <c r="AD8329">
        <v>4</v>
      </c>
      <c r="AE8329">
        <v>4</v>
      </c>
      <c r="AF8329">
        <v>4</v>
      </c>
      <c r="AG8329">
        <v>4</v>
      </c>
      <c r="AH8329">
        <v>4</v>
      </c>
      <c r="AI8329">
        <v>4</v>
      </c>
      <c r="AJ8329">
        <v>4</v>
      </c>
      <c r="AK8329">
        <v>4</v>
      </c>
      <c r="AL8329">
        <v>4</v>
      </c>
      <c r="AM8329">
        <v>4</v>
      </c>
      <c r="AN8329">
        <v>4</v>
      </c>
      <c r="AO8329">
        <v>4</v>
      </c>
      <c r="AP8329">
        <v>4</v>
      </c>
      <c r="AQ8329">
        <v>4</v>
      </c>
    </row>
    <row r="8330" spans="1:43">
      <c r="A8330" t="s">
        <v>5208</v>
      </c>
      <c r="B8330" t="s">
        <v>5209</v>
      </c>
      <c r="C8330" t="s">
        <v>5032</v>
      </c>
      <c r="D8330" t="s">
        <v>5033</v>
      </c>
      <c r="E8330" t="s">
        <v>4916</v>
      </c>
      <c r="F8330" t="s">
        <v>4917</v>
      </c>
      <c r="G8330" t="s">
        <v>80</v>
      </c>
      <c r="H8330" t="s">
        <v>81</v>
      </c>
      <c r="I8330" s="2">
        <v>1</v>
      </c>
      <c r="J8330" s="2">
        <v>0</v>
      </c>
      <c r="K8330" s="2">
        <v>0</v>
      </c>
      <c r="L8330" t="s">
        <v>120</v>
      </c>
      <c r="M8330" t="s">
        <v>83</v>
      </c>
      <c r="N8330" t="s">
        <v>84</v>
      </c>
      <c r="O8330" t="s">
        <v>85</v>
      </c>
      <c r="P8330" t="s">
        <v>86</v>
      </c>
      <c r="Q8330">
        <v>20</v>
      </c>
      <c r="R8330">
        <v>21</v>
      </c>
      <c r="S8330">
        <v>21</v>
      </c>
      <c r="T8330">
        <v>21</v>
      </c>
      <c r="U8330">
        <v>21</v>
      </c>
      <c r="V8330">
        <v>21</v>
      </c>
      <c r="W8330">
        <v>21</v>
      </c>
      <c r="X8330">
        <v>21</v>
      </c>
      <c r="Y8330">
        <v>22</v>
      </c>
      <c r="Z8330">
        <v>22</v>
      </c>
      <c r="AA8330">
        <v>22</v>
      </c>
      <c r="AB8330">
        <v>22</v>
      </c>
      <c r="AC8330">
        <v>22</v>
      </c>
      <c r="AD8330">
        <v>22</v>
      </c>
      <c r="AE8330">
        <v>22</v>
      </c>
      <c r="AF8330">
        <v>22</v>
      </c>
      <c r="AG8330">
        <v>22</v>
      </c>
      <c r="AH8330">
        <v>22</v>
      </c>
      <c r="AI8330">
        <v>22</v>
      </c>
      <c r="AJ8330">
        <v>22</v>
      </c>
      <c r="AK8330">
        <v>22</v>
      </c>
      <c r="AL8330">
        <v>22</v>
      </c>
      <c r="AM8330">
        <v>22</v>
      </c>
      <c r="AN8330">
        <v>22</v>
      </c>
      <c r="AO8330">
        <v>22</v>
      </c>
      <c r="AP8330">
        <v>22</v>
      </c>
      <c r="AQ8330">
        <v>22</v>
      </c>
    </row>
    <row r="8331" spans="1:43">
      <c r="A8331" t="s">
        <v>5208</v>
      </c>
      <c r="B8331" t="s">
        <v>5209</v>
      </c>
      <c r="C8331" t="s">
        <v>5032</v>
      </c>
      <c r="D8331" t="s">
        <v>5033</v>
      </c>
      <c r="E8331" t="s">
        <v>4916</v>
      </c>
      <c r="F8331" t="s">
        <v>4917</v>
      </c>
      <c r="G8331" t="s">
        <v>80</v>
      </c>
      <c r="H8331" t="s">
        <v>81</v>
      </c>
      <c r="I8331" s="2">
        <v>1</v>
      </c>
      <c r="J8331" s="2">
        <v>0</v>
      </c>
      <c r="K8331" s="2">
        <v>0</v>
      </c>
      <c r="L8331" t="s">
        <v>120</v>
      </c>
      <c r="M8331" t="s">
        <v>87</v>
      </c>
      <c r="N8331" t="s">
        <v>88</v>
      </c>
      <c r="O8331" t="s">
        <v>85</v>
      </c>
      <c r="P8331" t="s">
        <v>86</v>
      </c>
      <c r="Q8331">
        <v>20</v>
      </c>
      <c r="R8331">
        <v>20</v>
      </c>
      <c r="S8331">
        <v>20</v>
      </c>
      <c r="T8331">
        <v>20</v>
      </c>
      <c r="U8331">
        <v>20</v>
      </c>
      <c r="V8331">
        <v>20</v>
      </c>
      <c r="W8331">
        <v>20</v>
      </c>
      <c r="X8331">
        <v>20</v>
      </c>
      <c r="Y8331">
        <v>20</v>
      </c>
      <c r="Z8331">
        <v>20</v>
      </c>
      <c r="AA8331">
        <v>20</v>
      </c>
      <c r="AB8331">
        <v>20</v>
      </c>
      <c r="AC8331">
        <v>20</v>
      </c>
      <c r="AD8331">
        <v>20</v>
      </c>
      <c r="AE8331">
        <v>20</v>
      </c>
      <c r="AF8331">
        <v>20</v>
      </c>
      <c r="AG8331">
        <v>19</v>
      </c>
      <c r="AH8331">
        <v>19</v>
      </c>
      <c r="AI8331">
        <v>19</v>
      </c>
      <c r="AJ8331">
        <v>19</v>
      </c>
      <c r="AK8331">
        <v>19</v>
      </c>
      <c r="AL8331">
        <v>19</v>
      </c>
      <c r="AM8331">
        <v>19</v>
      </c>
      <c r="AN8331">
        <v>19</v>
      </c>
      <c r="AO8331">
        <v>19</v>
      </c>
      <c r="AP8331">
        <v>19</v>
      </c>
      <c r="AQ8331">
        <v>19</v>
      </c>
    </row>
    <row r="8332" spans="1:43">
      <c r="A8332" t="s">
        <v>5208</v>
      </c>
      <c r="B8332" t="s">
        <v>5209</v>
      </c>
      <c r="C8332" t="s">
        <v>5032</v>
      </c>
      <c r="D8332" t="s">
        <v>5033</v>
      </c>
      <c r="E8332" t="s">
        <v>4916</v>
      </c>
      <c r="F8332" t="s">
        <v>4917</v>
      </c>
      <c r="G8332" t="s">
        <v>80</v>
      </c>
      <c r="H8332" t="s">
        <v>81</v>
      </c>
      <c r="I8332" s="2">
        <v>1</v>
      </c>
      <c r="J8332" s="2">
        <v>0</v>
      </c>
      <c r="K8332" s="2">
        <v>0</v>
      </c>
      <c r="L8332" t="s">
        <v>120</v>
      </c>
      <c r="M8332" t="s">
        <v>89</v>
      </c>
      <c r="N8332" t="s">
        <v>90</v>
      </c>
      <c r="O8332" t="s">
        <v>85</v>
      </c>
      <c r="P8332" t="s">
        <v>86</v>
      </c>
      <c r="Q8332">
        <v>20</v>
      </c>
      <c r="R8332">
        <v>20</v>
      </c>
      <c r="S8332">
        <v>20</v>
      </c>
      <c r="T8332">
        <v>21</v>
      </c>
      <c r="U8332">
        <v>21</v>
      </c>
      <c r="V8332">
        <v>21</v>
      </c>
      <c r="W8332">
        <v>21</v>
      </c>
      <c r="X8332">
        <v>22</v>
      </c>
      <c r="Y8332">
        <v>22</v>
      </c>
      <c r="Z8332">
        <v>22</v>
      </c>
      <c r="AA8332">
        <v>22</v>
      </c>
      <c r="AB8332">
        <v>22</v>
      </c>
      <c r="AC8332">
        <v>22</v>
      </c>
      <c r="AD8332">
        <v>23</v>
      </c>
      <c r="AE8332">
        <v>23</v>
      </c>
      <c r="AF8332">
        <v>22</v>
      </c>
      <c r="AG8332">
        <v>22</v>
      </c>
      <c r="AH8332">
        <v>22</v>
      </c>
      <c r="AI8332">
        <v>22</v>
      </c>
      <c r="AJ8332">
        <v>22</v>
      </c>
      <c r="AK8332">
        <v>22</v>
      </c>
      <c r="AL8332">
        <v>22</v>
      </c>
      <c r="AM8332">
        <v>22</v>
      </c>
      <c r="AN8332">
        <v>21</v>
      </c>
      <c r="AO8332">
        <v>21</v>
      </c>
      <c r="AP8332">
        <v>21</v>
      </c>
      <c r="AQ8332">
        <v>21</v>
      </c>
    </row>
    <row r="8333" spans="1:43">
      <c r="A8333" t="s">
        <v>5208</v>
      </c>
      <c r="B8333" t="s">
        <v>5209</v>
      </c>
      <c r="C8333" t="s">
        <v>5032</v>
      </c>
      <c r="D8333" t="s">
        <v>5033</v>
      </c>
      <c r="E8333" t="s">
        <v>4916</v>
      </c>
      <c r="F8333" t="s">
        <v>4917</v>
      </c>
      <c r="G8333" t="s">
        <v>80</v>
      </c>
      <c r="H8333" t="s">
        <v>81</v>
      </c>
      <c r="I8333" s="2">
        <v>1</v>
      </c>
      <c r="J8333" s="2">
        <v>0</v>
      </c>
      <c r="K8333" s="2">
        <v>0</v>
      </c>
      <c r="L8333" t="s">
        <v>120</v>
      </c>
      <c r="M8333" t="s">
        <v>83</v>
      </c>
      <c r="N8333" t="s">
        <v>91</v>
      </c>
      <c r="O8333" t="s">
        <v>85</v>
      </c>
      <c r="P8333" t="s">
        <v>86</v>
      </c>
      <c r="Q8333">
        <v>20</v>
      </c>
      <c r="R8333">
        <v>21</v>
      </c>
      <c r="S8333">
        <v>21</v>
      </c>
      <c r="T8333">
        <v>21</v>
      </c>
      <c r="U8333">
        <v>21</v>
      </c>
      <c r="V8333">
        <v>21</v>
      </c>
      <c r="W8333">
        <v>21</v>
      </c>
      <c r="X8333">
        <v>21</v>
      </c>
      <c r="Y8333">
        <v>22</v>
      </c>
      <c r="Z8333">
        <v>22</v>
      </c>
      <c r="AA8333">
        <v>22</v>
      </c>
      <c r="AB8333">
        <v>22</v>
      </c>
      <c r="AC8333">
        <v>22</v>
      </c>
      <c r="AD8333">
        <v>22</v>
      </c>
      <c r="AE8333">
        <v>22</v>
      </c>
      <c r="AF8333">
        <v>22</v>
      </c>
      <c r="AG8333">
        <v>22</v>
      </c>
      <c r="AH8333">
        <v>22</v>
      </c>
      <c r="AI8333">
        <v>22</v>
      </c>
      <c r="AJ8333">
        <v>22</v>
      </c>
      <c r="AK8333">
        <v>22</v>
      </c>
      <c r="AL8333">
        <v>22</v>
      </c>
      <c r="AM8333">
        <v>22</v>
      </c>
      <c r="AN8333">
        <v>22</v>
      </c>
      <c r="AO8333">
        <v>22</v>
      </c>
      <c r="AP8333">
        <v>22</v>
      </c>
      <c r="AQ8333">
        <v>22</v>
      </c>
    </row>
    <row r="8334" spans="1:43">
      <c r="A8334" t="s">
        <v>5210</v>
      </c>
      <c r="B8334" t="s">
        <v>5211</v>
      </c>
      <c r="C8334" t="s">
        <v>5032</v>
      </c>
      <c r="D8334" t="s">
        <v>5033</v>
      </c>
      <c r="E8334" t="s">
        <v>4916</v>
      </c>
      <c r="F8334" t="s">
        <v>4917</v>
      </c>
      <c r="G8334" t="s">
        <v>80</v>
      </c>
      <c r="H8334" t="s">
        <v>81</v>
      </c>
      <c r="I8334" s="2">
        <v>1</v>
      </c>
      <c r="J8334" s="2">
        <v>0</v>
      </c>
      <c r="K8334" s="2">
        <v>0</v>
      </c>
      <c r="L8334" t="s">
        <v>120</v>
      </c>
      <c r="M8334" t="s">
        <v>83</v>
      </c>
      <c r="N8334" t="s">
        <v>84</v>
      </c>
      <c r="O8334" t="s">
        <v>85</v>
      </c>
      <c r="P8334" t="s">
        <v>86</v>
      </c>
      <c r="Q8334">
        <v>7</v>
      </c>
      <c r="R8334">
        <v>7</v>
      </c>
      <c r="S8334">
        <v>7</v>
      </c>
      <c r="T8334">
        <v>7</v>
      </c>
      <c r="U8334">
        <v>7</v>
      </c>
      <c r="V8334">
        <v>7</v>
      </c>
      <c r="W8334">
        <v>7</v>
      </c>
      <c r="X8334">
        <v>7</v>
      </c>
      <c r="Y8334">
        <v>7</v>
      </c>
      <c r="Z8334">
        <v>8</v>
      </c>
      <c r="AA8334">
        <v>8</v>
      </c>
      <c r="AB8334">
        <v>8</v>
      </c>
      <c r="AC8334">
        <v>8</v>
      </c>
      <c r="AD8334">
        <v>8</v>
      </c>
      <c r="AE8334">
        <v>8</v>
      </c>
      <c r="AF8334">
        <v>8</v>
      </c>
      <c r="AG8334">
        <v>8</v>
      </c>
      <c r="AH8334">
        <v>8</v>
      </c>
      <c r="AI8334">
        <v>8</v>
      </c>
      <c r="AJ8334">
        <v>8</v>
      </c>
      <c r="AK8334">
        <v>8</v>
      </c>
      <c r="AL8334">
        <v>8</v>
      </c>
      <c r="AM8334">
        <v>8</v>
      </c>
      <c r="AN8334">
        <v>8</v>
      </c>
      <c r="AO8334">
        <v>8</v>
      </c>
      <c r="AP8334">
        <v>8</v>
      </c>
      <c r="AQ8334">
        <v>8</v>
      </c>
    </row>
    <row r="8335" spans="1:43">
      <c r="A8335" t="s">
        <v>5210</v>
      </c>
      <c r="B8335" t="s">
        <v>5211</v>
      </c>
      <c r="C8335" t="s">
        <v>5032</v>
      </c>
      <c r="D8335" t="s">
        <v>5033</v>
      </c>
      <c r="E8335" t="s">
        <v>4916</v>
      </c>
      <c r="F8335" t="s">
        <v>4917</v>
      </c>
      <c r="G8335" t="s">
        <v>80</v>
      </c>
      <c r="H8335" t="s">
        <v>81</v>
      </c>
      <c r="I8335" s="2">
        <v>1</v>
      </c>
      <c r="J8335" s="2">
        <v>0</v>
      </c>
      <c r="K8335" s="2">
        <v>0</v>
      </c>
      <c r="L8335" t="s">
        <v>120</v>
      </c>
      <c r="M8335" t="s">
        <v>87</v>
      </c>
      <c r="N8335" t="s">
        <v>88</v>
      </c>
      <c r="O8335" t="s">
        <v>85</v>
      </c>
      <c r="P8335" t="s">
        <v>86</v>
      </c>
      <c r="Q8335">
        <v>7</v>
      </c>
      <c r="R8335">
        <v>7</v>
      </c>
      <c r="S8335">
        <v>7</v>
      </c>
      <c r="T8335">
        <v>7</v>
      </c>
      <c r="U8335">
        <v>7</v>
      </c>
      <c r="V8335">
        <v>7</v>
      </c>
      <c r="W8335">
        <v>7</v>
      </c>
      <c r="X8335">
        <v>7</v>
      </c>
      <c r="Y8335">
        <v>7</v>
      </c>
      <c r="Z8335">
        <v>7</v>
      </c>
      <c r="AA8335">
        <v>7</v>
      </c>
      <c r="AB8335">
        <v>7</v>
      </c>
      <c r="AC8335">
        <v>7</v>
      </c>
      <c r="AD8335">
        <v>7</v>
      </c>
      <c r="AE8335">
        <v>7</v>
      </c>
      <c r="AF8335">
        <v>7</v>
      </c>
      <c r="AG8335">
        <v>7</v>
      </c>
      <c r="AH8335">
        <v>7</v>
      </c>
      <c r="AI8335">
        <v>7</v>
      </c>
      <c r="AJ8335">
        <v>7</v>
      </c>
      <c r="AK8335">
        <v>7</v>
      </c>
      <c r="AL8335">
        <v>7</v>
      </c>
      <c r="AM8335">
        <v>7</v>
      </c>
      <c r="AN8335">
        <v>7</v>
      </c>
      <c r="AO8335">
        <v>7</v>
      </c>
      <c r="AP8335">
        <v>7</v>
      </c>
      <c r="AQ8335">
        <v>7</v>
      </c>
    </row>
    <row r="8336" spans="1:43">
      <c r="A8336" t="s">
        <v>5210</v>
      </c>
      <c r="B8336" t="s">
        <v>5211</v>
      </c>
      <c r="C8336" t="s">
        <v>5032</v>
      </c>
      <c r="D8336" t="s">
        <v>5033</v>
      </c>
      <c r="E8336" t="s">
        <v>4916</v>
      </c>
      <c r="F8336" t="s">
        <v>4917</v>
      </c>
      <c r="G8336" t="s">
        <v>80</v>
      </c>
      <c r="H8336" t="s">
        <v>81</v>
      </c>
      <c r="I8336" s="2">
        <v>1</v>
      </c>
      <c r="J8336" s="2">
        <v>0</v>
      </c>
      <c r="K8336" s="2">
        <v>0</v>
      </c>
      <c r="L8336" t="s">
        <v>120</v>
      </c>
      <c r="M8336" t="s">
        <v>89</v>
      </c>
      <c r="N8336" t="s">
        <v>90</v>
      </c>
      <c r="O8336" t="s">
        <v>85</v>
      </c>
      <c r="P8336" t="s">
        <v>86</v>
      </c>
      <c r="Q8336">
        <v>7</v>
      </c>
      <c r="R8336">
        <v>7</v>
      </c>
      <c r="S8336">
        <v>7</v>
      </c>
      <c r="T8336">
        <v>8</v>
      </c>
      <c r="U8336">
        <v>8</v>
      </c>
      <c r="V8336">
        <v>8</v>
      </c>
      <c r="W8336">
        <v>8</v>
      </c>
      <c r="X8336">
        <v>8</v>
      </c>
      <c r="Y8336">
        <v>8</v>
      </c>
      <c r="Z8336">
        <v>8</v>
      </c>
      <c r="AA8336">
        <v>8</v>
      </c>
      <c r="AB8336">
        <v>8</v>
      </c>
      <c r="AC8336">
        <v>8</v>
      </c>
      <c r="AD8336">
        <v>8</v>
      </c>
      <c r="AE8336">
        <v>8</v>
      </c>
      <c r="AF8336">
        <v>8</v>
      </c>
      <c r="AG8336">
        <v>8</v>
      </c>
      <c r="AH8336">
        <v>8</v>
      </c>
      <c r="AI8336">
        <v>8</v>
      </c>
      <c r="AJ8336">
        <v>8</v>
      </c>
      <c r="AK8336">
        <v>8</v>
      </c>
      <c r="AL8336">
        <v>8</v>
      </c>
      <c r="AM8336">
        <v>8</v>
      </c>
      <c r="AN8336">
        <v>8</v>
      </c>
      <c r="AO8336">
        <v>8</v>
      </c>
      <c r="AP8336">
        <v>8</v>
      </c>
      <c r="AQ8336">
        <v>8</v>
      </c>
    </row>
    <row r="8337" spans="1:43">
      <c r="A8337" t="s">
        <v>5210</v>
      </c>
      <c r="B8337" t="s">
        <v>5211</v>
      </c>
      <c r="C8337" t="s">
        <v>5032</v>
      </c>
      <c r="D8337" t="s">
        <v>5033</v>
      </c>
      <c r="E8337" t="s">
        <v>4916</v>
      </c>
      <c r="F8337" t="s">
        <v>4917</v>
      </c>
      <c r="G8337" t="s">
        <v>80</v>
      </c>
      <c r="H8337" t="s">
        <v>81</v>
      </c>
      <c r="I8337" s="2">
        <v>1</v>
      </c>
      <c r="J8337" s="2">
        <v>0</v>
      </c>
      <c r="K8337" s="2">
        <v>0</v>
      </c>
      <c r="L8337" t="s">
        <v>120</v>
      </c>
      <c r="M8337" t="s">
        <v>83</v>
      </c>
      <c r="N8337" t="s">
        <v>91</v>
      </c>
      <c r="O8337" t="s">
        <v>85</v>
      </c>
      <c r="P8337" t="s">
        <v>86</v>
      </c>
      <c r="Q8337">
        <v>7</v>
      </c>
      <c r="R8337">
        <v>7</v>
      </c>
      <c r="S8337">
        <v>7</v>
      </c>
      <c r="T8337">
        <v>7</v>
      </c>
      <c r="U8337">
        <v>7</v>
      </c>
      <c r="V8337">
        <v>7</v>
      </c>
      <c r="W8337">
        <v>7</v>
      </c>
      <c r="X8337">
        <v>7</v>
      </c>
      <c r="Y8337">
        <v>7</v>
      </c>
      <c r="Z8337">
        <v>8</v>
      </c>
      <c r="AA8337">
        <v>8</v>
      </c>
      <c r="AB8337">
        <v>8</v>
      </c>
      <c r="AC8337">
        <v>8</v>
      </c>
      <c r="AD8337">
        <v>8</v>
      </c>
      <c r="AE8337">
        <v>8</v>
      </c>
      <c r="AF8337">
        <v>8</v>
      </c>
      <c r="AG8337">
        <v>8</v>
      </c>
      <c r="AH8337">
        <v>8</v>
      </c>
      <c r="AI8337">
        <v>8</v>
      </c>
      <c r="AJ8337">
        <v>8</v>
      </c>
      <c r="AK8337">
        <v>8</v>
      </c>
      <c r="AL8337">
        <v>8</v>
      </c>
      <c r="AM8337">
        <v>8</v>
      </c>
      <c r="AN8337">
        <v>8</v>
      </c>
      <c r="AO8337">
        <v>8</v>
      </c>
      <c r="AP8337">
        <v>8</v>
      </c>
      <c r="AQ8337">
        <v>8</v>
      </c>
    </row>
    <row r="8338" spans="1:43">
      <c r="A8338" t="s">
        <v>5212</v>
      </c>
      <c r="B8338" t="s">
        <v>5213</v>
      </c>
      <c r="C8338" t="s">
        <v>5196</v>
      </c>
      <c r="D8338" t="s">
        <v>5197</v>
      </c>
      <c r="E8338" t="s">
        <v>4916</v>
      </c>
      <c r="F8338" t="s">
        <v>4917</v>
      </c>
      <c r="G8338" t="s">
        <v>80</v>
      </c>
      <c r="H8338" t="s">
        <v>81</v>
      </c>
      <c r="I8338" s="2">
        <v>1</v>
      </c>
      <c r="J8338" s="2">
        <v>0</v>
      </c>
      <c r="K8338" s="2">
        <v>0</v>
      </c>
      <c r="L8338" t="s">
        <v>120</v>
      </c>
      <c r="M8338" t="s">
        <v>83</v>
      </c>
      <c r="N8338" t="s">
        <v>84</v>
      </c>
      <c r="O8338" t="s">
        <v>85</v>
      </c>
      <c r="P8338" t="s">
        <v>86</v>
      </c>
      <c r="Q8338">
        <v>38</v>
      </c>
      <c r="R8338">
        <v>38</v>
      </c>
      <c r="S8338">
        <v>38</v>
      </c>
      <c r="T8338">
        <v>38</v>
      </c>
      <c r="U8338">
        <v>39</v>
      </c>
      <c r="V8338">
        <v>39</v>
      </c>
      <c r="W8338">
        <v>39</v>
      </c>
      <c r="X8338">
        <v>39</v>
      </c>
      <c r="Y8338">
        <v>40</v>
      </c>
      <c r="Z8338">
        <v>40</v>
      </c>
      <c r="AA8338">
        <v>40</v>
      </c>
      <c r="AB8338">
        <v>40</v>
      </c>
      <c r="AC8338">
        <v>40</v>
      </c>
      <c r="AD8338">
        <v>40</v>
      </c>
      <c r="AE8338">
        <v>41</v>
      </c>
      <c r="AF8338">
        <v>41</v>
      </c>
      <c r="AG8338">
        <v>41</v>
      </c>
      <c r="AH8338">
        <v>41</v>
      </c>
      <c r="AI8338">
        <v>41</v>
      </c>
      <c r="AJ8338">
        <v>41</v>
      </c>
      <c r="AK8338">
        <v>41</v>
      </c>
      <c r="AL8338">
        <v>41</v>
      </c>
      <c r="AM8338">
        <v>41</v>
      </c>
      <c r="AN8338">
        <v>41</v>
      </c>
      <c r="AO8338">
        <v>41</v>
      </c>
      <c r="AP8338">
        <v>41</v>
      </c>
      <c r="AQ8338">
        <v>40</v>
      </c>
    </row>
    <row r="8339" spans="1:43">
      <c r="A8339" t="s">
        <v>5212</v>
      </c>
      <c r="B8339" t="s">
        <v>5213</v>
      </c>
      <c r="C8339" t="s">
        <v>5196</v>
      </c>
      <c r="D8339" t="s">
        <v>5197</v>
      </c>
      <c r="E8339" t="s">
        <v>4916</v>
      </c>
      <c r="F8339" t="s">
        <v>4917</v>
      </c>
      <c r="G8339" t="s">
        <v>80</v>
      </c>
      <c r="H8339" t="s">
        <v>81</v>
      </c>
      <c r="I8339" s="2">
        <v>1</v>
      </c>
      <c r="J8339" s="2">
        <v>0</v>
      </c>
      <c r="K8339" s="2">
        <v>0</v>
      </c>
      <c r="L8339" t="s">
        <v>120</v>
      </c>
      <c r="M8339" t="s">
        <v>87</v>
      </c>
      <c r="N8339" t="s">
        <v>88</v>
      </c>
      <c r="O8339" t="s">
        <v>85</v>
      </c>
      <c r="P8339" t="s">
        <v>86</v>
      </c>
      <c r="Q8339">
        <v>38</v>
      </c>
      <c r="R8339">
        <v>38</v>
      </c>
      <c r="S8339">
        <v>38</v>
      </c>
      <c r="T8339">
        <v>38</v>
      </c>
      <c r="U8339">
        <v>38</v>
      </c>
      <c r="V8339">
        <v>38</v>
      </c>
      <c r="W8339">
        <v>38</v>
      </c>
      <c r="X8339">
        <v>38</v>
      </c>
      <c r="Y8339">
        <v>38</v>
      </c>
      <c r="Z8339">
        <v>38</v>
      </c>
      <c r="AA8339">
        <v>37</v>
      </c>
      <c r="AB8339">
        <v>37</v>
      </c>
      <c r="AC8339">
        <v>37</v>
      </c>
      <c r="AD8339">
        <v>37</v>
      </c>
      <c r="AE8339">
        <v>37</v>
      </c>
      <c r="AF8339">
        <v>37</v>
      </c>
      <c r="AG8339">
        <v>37</v>
      </c>
      <c r="AH8339">
        <v>37</v>
      </c>
      <c r="AI8339">
        <v>37</v>
      </c>
      <c r="AJ8339">
        <v>37</v>
      </c>
      <c r="AK8339">
        <v>37</v>
      </c>
      <c r="AL8339">
        <v>37</v>
      </c>
      <c r="AM8339">
        <v>37</v>
      </c>
      <c r="AN8339">
        <v>36</v>
      </c>
      <c r="AO8339">
        <v>36</v>
      </c>
      <c r="AP8339">
        <v>36</v>
      </c>
      <c r="AQ8339">
        <v>36</v>
      </c>
    </row>
    <row r="8340" spans="1:43">
      <c r="A8340" t="s">
        <v>5212</v>
      </c>
      <c r="B8340" t="s">
        <v>5213</v>
      </c>
      <c r="C8340" t="s">
        <v>5196</v>
      </c>
      <c r="D8340" t="s">
        <v>5197</v>
      </c>
      <c r="E8340" t="s">
        <v>4916</v>
      </c>
      <c r="F8340" t="s">
        <v>4917</v>
      </c>
      <c r="G8340" t="s">
        <v>80</v>
      </c>
      <c r="H8340" t="s">
        <v>81</v>
      </c>
      <c r="I8340" s="2">
        <v>1</v>
      </c>
      <c r="J8340" s="2">
        <v>0</v>
      </c>
      <c r="K8340" s="2">
        <v>0</v>
      </c>
      <c r="L8340" t="s">
        <v>120</v>
      </c>
      <c r="M8340" t="s">
        <v>89</v>
      </c>
      <c r="N8340" t="s">
        <v>90</v>
      </c>
      <c r="O8340" t="s">
        <v>85</v>
      </c>
      <c r="P8340" t="s">
        <v>86</v>
      </c>
      <c r="Q8340">
        <v>38</v>
      </c>
      <c r="R8340">
        <v>39</v>
      </c>
      <c r="S8340">
        <v>39</v>
      </c>
      <c r="T8340">
        <v>40</v>
      </c>
      <c r="U8340">
        <v>40</v>
      </c>
      <c r="V8340">
        <v>41</v>
      </c>
      <c r="W8340">
        <v>41</v>
      </c>
      <c r="X8340">
        <v>41</v>
      </c>
      <c r="Y8340">
        <v>42</v>
      </c>
      <c r="Z8340">
        <v>42</v>
      </c>
      <c r="AA8340">
        <v>42</v>
      </c>
      <c r="AB8340">
        <v>43</v>
      </c>
      <c r="AC8340">
        <v>43</v>
      </c>
      <c r="AD8340">
        <v>43</v>
      </c>
      <c r="AE8340">
        <v>43</v>
      </c>
      <c r="AF8340">
        <v>43</v>
      </c>
      <c r="AG8340">
        <v>43</v>
      </c>
      <c r="AH8340">
        <v>43</v>
      </c>
      <c r="AI8340">
        <v>43</v>
      </c>
      <c r="AJ8340">
        <v>42</v>
      </c>
      <c r="AK8340">
        <v>42</v>
      </c>
      <c r="AL8340">
        <v>42</v>
      </c>
      <c r="AM8340">
        <v>42</v>
      </c>
      <c r="AN8340">
        <v>42</v>
      </c>
      <c r="AO8340">
        <v>41</v>
      </c>
      <c r="AP8340">
        <v>41</v>
      </c>
      <c r="AQ8340">
        <v>41</v>
      </c>
    </row>
    <row r="8341" spans="1:43">
      <c r="A8341" t="s">
        <v>5212</v>
      </c>
      <c r="B8341" t="s">
        <v>5213</v>
      </c>
      <c r="C8341" t="s">
        <v>5196</v>
      </c>
      <c r="D8341" t="s">
        <v>5197</v>
      </c>
      <c r="E8341" t="s">
        <v>4916</v>
      </c>
      <c r="F8341" t="s">
        <v>4917</v>
      </c>
      <c r="G8341" t="s">
        <v>80</v>
      </c>
      <c r="H8341" t="s">
        <v>81</v>
      </c>
      <c r="I8341" s="2">
        <v>1</v>
      </c>
      <c r="J8341" s="2">
        <v>0</v>
      </c>
      <c r="K8341" s="2">
        <v>0</v>
      </c>
      <c r="L8341" t="s">
        <v>120</v>
      </c>
      <c r="M8341" t="s">
        <v>83</v>
      </c>
      <c r="N8341" t="s">
        <v>91</v>
      </c>
      <c r="O8341" t="s">
        <v>85</v>
      </c>
      <c r="P8341" t="s">
        <v>86</v>
      </c>
      <c r="Q8341">
        <v>38</v>
      </c>
      <c r="R8341">
        <v>38</v>
      </c>
      <c r="S8341">
        <v>38</v>
      </c>
      <c r="T8341">
        <v>38</v>
      </c>
      <c r="U8341">
        <v>39</v>
      </c>
      <c r="V8341">
        <v>39</v>
      </c>
      <c r="W8341">
        <v>39</v>
      </c>
      <c r="X8341">
        <v>39</v>
      </c>
      <c r="Y8341">
        <v>40</v>
      </c>
      <c r="Z8341">
        <v>40</v>
      </c>
      <c r="AA8341">
        <v>40</v>
      </c>
      <c r="AB8341">
        <v>40</v>
      </c>
      <c r="AC8341">
        <v>40</v>
      </c>
      <c r="AD8341">
        <v>40</v>
      </c>
      <c r="AE8341">
        <v>41</v>
      </c>
      <c r="AF8341">
        <v>41</v>
      </c>
      <c r="AG8341">
        <v>41</v>
      </c>
      <c r="AH8341">
        <v>41</v>
      </c>
      <c r="AI8341">
        <v>41</v>
      </c>
      <c r="AJ8341">
        <v>41</v>
      </c>
      <c r="AK8341">
        <v>41</v>
      </c>
      <c r="AL8341">
        <v>41</v>
      </c>
      <c r="AM8341">
        <v>41</v>
      </c>
      <c r="AN8341">
        <v>41</v>
      </c>
      <c r="AO8341">
        <v>41</v>
      </c>
      <c r="AP8341">
        <v>41</v>
      </c>
      <c r="AQ8341">
        <v>40</v>
      </c>
    </row>
    <row r="8342" spans="1:43">
      <c r="A8342" t="s">
        <v>5214</v>
      </c>
      <c r="B8342" t="s">
        <v>5215</v>
      </c>
      <c r="C8342" t="s">
        <v>5216</v>
      </c>
      <c r="D8342" t="s">
        <v>5217</v>
      </c>
      <c r="E8342" t="s">
        <v>4916</v>
      </c>
      <c r="F8342" t="s">
        <v>4917</v>
      </c>
      <c r="G8342" t="s">
        <v>80</v>
      </c>
      <c r="H8342" t="s">
        <v>81</v>
      </c>
      <c r="I8342" s="2">
        <v>1</v>
      </c>
      <c r="J8342" s="2">
        <v>0</v>
      </c>
      <c r="K8342" s="2">
        <v>0</v>
      </c>
      <c r="L8342" t="s">
        <v>120</v>
      </c>
      <c r="M8342" t="s">
        <v>83</v>
      </c>
      <c r="N8342" t="s">
        <v>84</v>
      </c>
      <c r="O8342" t="s">
        <v>85</v>
      </c>
      <c r="P8342" t="s">
        <v>86</v>
      </c>
      <c r="Q8342">
        <v>58</v>
      </c>
      <c r="R8342">
        <v>58</v>
      </c>
      <c r="S8342">
        <v>58</v>
      </c>
      <c r="T8342">
        <v>59</v>
      </c>
      <c r="U8342">
        <v>59</v>
      </c>
      <c r="V8342">
        <v>59</v>
      </c>
      <c r="W8342">
        <v>60</v>
      </c>
      <c r="X8342">
        <v>60</v>
      </c>
      <c r="Y8342">
        <v>60</v>
      </c>
      <c r="Z8342">
        <v>60</v>
      </c>
      <c r="AA8342">
        <v>61</v>
      </c>
      <c r="AB8342">
        <v>61</v>
      </c>
      <c r="AC8342">
        <v>61</v>
      </c>
      <c r="AD8342">
        <v>61</v>
      </c>
      <c r="AE8342">
        <v>61</v>
      </c>
      <c r="AF8342">
        <v>62</v>
      </c>
      <c r="AG8342">
        <v>62</v>
      </c>
      <c r="AH8342">
        <v>62</v>
      </c>
      <c r="AI8342">
        <v>62</v>
      </c>
      <c r="AJ8342">
        <v>62</v>
      </c>
      <c r="AK8342">
        <v>62</v>
      </c>
      <c r="AL8342">
        <v>62</v>
      </c>
      <c r="AM8342">
        <v>62</v>
      </c>
      <c r="AN8342">
        <v>61</v>
      </c>
      <c r="AO8342">
        <v>61</v>
      </c>
      <c r="AP8342">
        <v>60</v>
      </c>
      <c r="AQ8342">
        <v>60</v>
      </c>
    </row>
    <row r="8343" spans="1:43">
      <c r="A8343" t="s">
        <v>5214</v>
      </c>
      <c r="B8343" t="s">
        <v>5215</v>
      </c>
      <c r="C8343" t="s">
        <v>5216</v>
      </c>
      <c r="D8343" t="s">
        <v>5217</v>
      </c>
      <c r="E8343" t="s">
        <v>4916</v>
      </c>
      <c r="F8343" t="s">
        <v>4917</v>
      </c>
      <c r="G8343" t="s">
        <v>80</v>
      </c>
      <c r="H8343" t="s">
        <v>81</v>
      </c>
      <c r="I8343" s="2">
        <v>1</v>
      </c>
      <c r="J8343" s="2">
        <v>0</v>
      </c>
      <c r="K8343" s="2">
        <v>0</v>
      </c>
      <c r="L8343" t="s">
        <v>120</v>
      </c>
      <c r="M8343" t="s">
        <v>87</v>
      </c>
      <c r="N8343" t="s">
        <v>88</v>
      </c>
      <c r="O8343" t="s">
        <v>85</v>
      </c>
      <c r="P8343" t="s">
        <v>86</v>
      </c>
      <c r="Q8343">
        <v>58</v>
      </c>
      <c r="R8343">
        <v>58</v>
      </c>
      <c r="S8343">
        <v>58</v>
      </c>
      <c r="T8343">
        <v>58</v>
      </c>
      <c r="U8343">
        <v>57</v>
      </c>
      <c r="V8343">
        <v>57</v>
      </c>
      <c r="W8343">
        <v>57</v>
      </c>
      <c r="X8343">
        <v>57</v>
      </c>
      <c r="Y8343">
        <v>57</v>
      </c>
      <c r="Z8343">
        <v>56</v>
      </c>
      <c r="AA8343">
        <v>56</v>
      </c>
      <c r="AB8343">
        <v>56</v>
      </c>
      <c r="AC8343">
        <v>56</v>
      </c>
      <c r="AD8343">
        <v>56</v>
      </c>
      <c r="AE8343">
        <v>55</v>
      </c>
      <c r="AF8343">
        <v>55</v>
      </c>
      <c r="AG8343">
        <v>55</v>
      </c>
      <c r="AH8343">
        <v>55</v>
      </c>
      <c r="AI8343">
        <v>55</v>
      </c>
      <c r="AJ8343">
        <v>54</v>
      </c>
      <c r="AK8343">
        <v>54</v>
      </c>
      <c r="AL8343">
        <v>54</v>
      </c>
      <c r="AM8343">
        <v>54</v>
      </c>
      <c r="AN8343">
        <v>54</v>
      </c>
      <c r="AO8343">
        <v>53</v>
      </c>
      <c r="AP8343">
        <v>53</v>
      </c>
      <c r="AQ8343">
        <v>53</v>
      </c>
    </row>
    <row r="8344" spans="1:43">
      <c r="A8344" t="s">
        <v>5214</v>
      </c>
      <c r="B8344" t="s">
        <v>5215</v>
      </c>
      <c r="C8344" t="s">
        <v>5216</v>
      </c>
      <c r="D8344" t="s">
        <v>5217</v>
      </c>
      <c r="E8344" t="s">
        <v>4916</v>
      </c>
      <c r="F8344" t="s">
        <v>4917</v>
      </c>
      <c r="G8344" t="s">
        <v>80</v>
      </c>
      <c r="H8344" t="s">
        <v>81</v>
      </c>
      <c r="I8344" s="2">
        <v>1</v>
      </c>
      <c r="J8344" s="2">
        <v>0</v>
      </c>
      <c r="K8344" s="2">
        <v>0</v>
      </c>
      <c r="L8344" t="s">
        <v>120</v>
      </c>
      <c r="M8344" t="s">
        <v>89</v>
      </c>
      <c r="N8344" t="s">
        <v>90</v>
      </c>
      <c r="O8344" t="s">
        <v>85</v>
      </c>
      <c r="P8344" t="s">
        <v>86</v>
      </c>
      <c r="Q8344">
        <v>58</v>
      </c>
      <c r="R8344">
        <v>59</v>
      </c>
      <c r="S8344">
        <v>60</v>
      </c>
      <c r="T8344">
        <v>61</v>
      </c>
      <c r="U8344">
        <v>61</v>
      </c>
      <c r="V8344">
        <v>62</v>
      </c>
      <c r="W8344">
        <v>63</v>
      </c>
      <c r="X8344">
        <v>63</v>
      </c>
      <c r="Y8344">
        <v>64</v>
      </c>
      <c r="Z8344">
        <v>64</v>
      </c>
      <c r="AA8344">
        <v>64</v>
      </c>
      <c r="AB8344">
        <v>65</v>
      </c>
      <c r="AC8344">
        <v>65</v>
      </c>
      <c r="AD8344">
        <v>66</v>
      </c>
      <c r="AE8344">
        <v>66</v>
      </c>
      <c r="AF8344">
        <v>65</v>
      </c>
      <c r="AG8344">
        <v>65</v>
      </c>
      <c r="AH8344">
        <v>65</v>
      </c>
      <c r="AI8344">
        <v>64</v>
      </c>
      <c r="AJ8344">
        <v>64</v>
      </c>
      <c r="AK8344">
        <v>63</v>
      </c>
      <c r="AL8344">
        <v>63</v>
      </c>
      <c r="AM8344">
        <v>62</v>
      </c>
      <c r="AN8344">
        <v>62</v>
      </c>
      <c r="AO8344">
        <v>62</v>
      </c>
      <c r="AP8344">
        <v>61</v>
      </c>
      <c r="AQ8344">
        <v>61</v>
      </c>
    </row>
    <row r="8345" spans="1:43">
      <c r="A8345" t="s">
        <v>5214</v>
      </c>
      <c r="B8345" t="s">
        <v>5215</v>
      </c>
      <c r="C8345" t="s">
        <v>5216</v>
      </c>
      <c r="D8345" t="s">
        <v>5217</v>
      </c>
      <c r="E8345" t="s">
        <v>4916</v>
      </c>
      <c r="F8345" t="s">
        <v>4917</v>
      </c>
      <c r="G8345" t="s">
        <v>80</v>
      </c>
      <c r="H8345" t="s">
        <v>81</v>
      </c>
      <c r="I8345" s="2">
        <v>1</v>
      </c>
      <c r="J8345" s="2">
        <v>0</v>
      </c>
      <c r="K8345" s="2">
        <v>0</v>
      </c>
      <c r="L8345" t="s">
        <v>120</v>
      </c>
      <c r="M8345" t="s">
        <v>83</v>
      </c>
      <c r="N8345" t="s">
        <v>91</v>
      </c>
      <c r="O8345" t="s">
        <v>85</v>
      </c>
      <c r="P8345" t="s">
        <v>86</v>
      </c>
      <c r="Q8345">
        <v>58</v>
      </c>
      <c r="R8345">
        <v>58</v>
      </c>
      <c r="S8345">
        <v>58</v>
      </c>
      <c r="T8345">
        <v>59</v>
      </c>
      <c r="U8345">
        <v>59</v>
      </c>
      <c r="V8345">
        <v>59</v>
      </c>
      <c r="W8345">
        <v>60</v>
      </c>
      <c r="X8345">
        <v>60</v>
      </c>
      <c r="Y8345">
        <v>60</v>
      </c>
      <c r="Z8345">
        <v>60</v>
      </c>
      <c r="AA8345">
        <v>61</v>
      </c>
      <c r="AB8345">
        <v>61</v>
      </c>
      <c r="AC8345">
        <v>61</v>
      </c>
      <c r="AD8345">
        <v>61</v>
      </c>
      <c r="AE8345">
        <v>61</v>
      </c>
      <c r="AF8345">
        <v>62</v>
      </c>
      <c r="AG8345">
        <v>62</v>
      </c>
      <c r="AH8345">
        <v>62</v>
      </c>
      <c r="AI8345">
        <v>62</v>
      </c>
      <c r="AJ8345">
        <v>62</v>
      </c>
      <c r="AK8345">
        <v>62</v>
      </c>
      <c r="AL8345">
        <v>62</v>
      </c>
      <c r="AM8345">
        <v>62</v>
      </c>
      <c r="AN8345">
        <v>61</v>
      </c>
      <c r="AO8345">
        <v>61</v>
      </c>
      <c r="AP8345">
        <v>60</v>
      </c>
      <c r="AQ8345">
        <v>60</v>
      </c>
    </row>
    <row r="8346" spans="1:43">
      <c r="A8346" t="s">
        <v>5218</v>
      </c>
      <c r="B8346" t="s">
        <v>5219</v>
      </c>
      <c r="C8346" t="s">
        <v>5216</v>
      </c>
      <c r="D8346" t="s">
        <v>5217</v>
      </c>
      <c r="E8346" t="s">
        <v>4916</v>
      </c>
      <c r="F8346" t="s">
        <v>4917</v>
      </c>
      <c r="G8346" t="s">
        <v>80</v>
      </c>
      <c r="H8346" t="s">
        <v>81</v>
      </c>
      <c r="I8346" s="2">
        <v>1</v>
      </c>
      <c r="J8346" s="2">
        <v>0</v>
      </c>
      <c r="K8346" s="2">
        <v>0</v>
      </c>
      <c r="L8346" t="s">
        <v>120</v>
      </c>
      <c r="M8346" t="s">
        <v>83</v>
      </c>
      <c r="N8346" t="s">
        <v>84</v>
      </c>
      <c r="O8346" t="s">
        <v>85</v>
      </c>
      <c r="P8346" t="s">
        <v>86</v>
      </c>
      <c r="Q8346">
        <v>19</v>
      </c>
      <c r="R8346">
        <v>19</v>
      </c>
      <c r="S8346">
        <v>19</v>
      </c>
      <c r="T8346">
        <v>19</v>
      </c>
      <c r="U8346">
        <v>19</v>
      </c>
      <c r="V8346">
        <v>19</v>
      </c>
      <c r="W8346">
        <v>19</v>
      </c>
      <c r="X8346">
        <v>20</v>
      </c>
      <c r="Y8346">
        <v>20</v>
      </c>
      <c r="Z8346">
        <v>20</v>
      </c>
      <c r="AA8346">
        <v>20</v>
      </c>
      <c r="AB8346">
        <v>20</v>
      </c>
      <c r="AC8346">
        <v>20</v>
      </c>
      <c r="AD8346">
        <v>20</v>
      </c>
      <c r="AE8346">
        <v>20</v>
      </c>
      <c r="AF8346">
        <v>20</v>
      </c>
      <c r="AG8346">
        <v>20</v>
      </c>
      <c r="AH8346">
        <v>20</v>
      </c>
      <c r="AI8346">
        <v>20</v>
      </c>
      <c r="AJ8346">
        <v>20</v>
      </c>
      <c r="AK8346">
        <v>20</v>
      </c>
      <c r="AL8346">
        <v>20</v>
      </c>
      <c r="AM8346">
        <v>20</v>
      </c>
      <c r="AN8346">
        <v>20</v>
      </c>
      <c r="AO8346">
        <v>20</v>
      </c>
      <c r="AP8346">
        <v>20</v>
      </c>
      <c r="AQ8346">
        <v>20</v>
      </c>
    </row>
    <row r="8347" spans="1:43">
      <c r="A8347" t="s">
        <v>5218</v>
      </c>
      <c r="B8347" t="s">
        <v>5219</v>
      </c>
      <c r="C8347" t="s">
        <v>5216</v>
      </c>
      <c r="D8347" t="s">
        <v>5217</v>
      </c>
      <c r="E8347" t="s">
        <v>4916</v>
      </c>
      <c r="F8347" t="s">
        <v>4917</v>
      </c>
      <c r="G8347" t="s">
        <v>80</v>
      </c>
      <c r="H8347" t="s">
        <v>81</v>
      </c>
      <c r="I8347" s="2">
        <v>1</v>
      </c>
      <c r="J8347" s="2">
        <v>0</v>
      </c>
      <c r="K8347" s="2">
        <v>0</v>
      </c>
      <c r="L8347" t="s">
        <v>120</v>
      </c>
      <c r="M8347" t="s">
        <v>87</v>
      </c>
      <c r="N8347" t="s">
        <v>88</v>
      </c>
      <c r="O8347" t="s">
        <v>85</v>
      </c>
      <c r="P8347" t="s">
        <v>86</v>
      </c>
      <c r="Q8347">
        <v>19</v>
      </c>
      <c r="R8347">
        <v>19</v>
      </c>
      <c r="S8347">
        <v>19</v>
      </c>
      <c r="T8347">
        <v>18</v>
      </c>
      <c r="U8347">
        <v>18</v>
      </c>
      <c r="V8347">
        <v>18</v>
      </c>
      <c r="W8347">
        <v>18</v>
      </c>
      <c r="X8347">
        <v>18</v>
      </c>
      <c r="Y8347">
        <v>18</v>
      </c>
      <c r="Z8347">
        <v>18</v>
      </c>
      <c r="AA8347">
        <v>18</v>
      </c>
      <c r="AB8347">
        <v>18</v>
      </c>
      <c r="AC8347">
        <v>18</v>
      </c>
      <c r="AD8347">
        <v>18</v>
      </c>
      <c r="AE8347">
        <v>18</v>
      </c>
      <c r="AF8347">
        <v>18</v>
      </c>
      <c r="AG8347">
        <v>18</v>
      </c>
      <c r="AH8347">
        <v>18</v>
      </c>
      <c r="AI8347">
        <v>18</v>
      </c>
      <c r="AJ8347">
        <v>17</v>
      </c>
      <c r="AK8347">
        <v>17</v>
      </c>
      <c r="AL8347">
        <v>17</v>
      </c>
      <c r="AM8347">
        <v>17</v>
      </c>
      <c r="AN8347">
        <v>17</v>
      </c>
      <c r="AO8347">
        <v>17</v>
      </c>
      <c r="AP8347">
        <v>17</v>
      </c>
      <c r="AQ8347">
        <v>17</v>
      </c>
    </row>
    <row r="8348" spans="1:43">
      <c r="A8348" t="s">
        <v>5218</v>
      </c>
      <c r="B8348" t="s">
        <v>5219</v>
      </c>
      <c r="C8348" t="s">
        <v>5216</v>
      </c>
      <c r="D8348" t="s">
        <v>5217</v>
      </c>
      <c r="E8348" t="s">
        <v>4916</v>
      </c>
      <c r="F8348" t="s">
        <v>4917</v>
      </c>
      <c r="G8348" t="s">
        <v>80</v>
      </c>
      <c r="H8348" t="s">
        <v>81</v>
      </c>
      <c r="I8348" s="2">
        <v>1</v>
      </c>
      <c r="J8348" s="2">
        <v>0</v>
      </c>
      <c r="K8348" s="2">
        <v>0</v>
      </c>
      <c r="L8348" t="s">
        <v>120</v>
      </c>
      <c r="M8348" t="s">
        <v>89</v>
      </c>
      <c r="N8348" t="s">
        <v>90</v>
      </c>
      <c r="O8348" t="s">
        <v>85</v>
      </c>
      <c r="P8348" t="s">
        <v>86</v>
      </c>
      <c r="Q8348">
        <v>19</v>
      </c>
      <c r="R8348">
        <v>19</v>
      </c>
      <c r="S8348">
        <v>20</v>
      </c>
      <c r="T8348">
        <v>20</v>
      </c>
      <c r="U8348">
        <v>20</v>
      </c>
      <c r="V8348">
        <v>20</v>
      </c>
      <c r="W8348">
        <v>20</v>
      </c>
      <c r="X8348">
        <v>21</v>
      </c>
      <c r="Y8348">
        <v>21</v>
      </c>
      <c r="Z8348">
        <v>21</v>
      </c>
      <c r="AA8348">
        <v>21</v>
      </c>
      <c r="AB8348">
        <v>21</v>
      </c>
      <c r="AC8348">
        <v>21</v>
      </c>
      <c r="AD8348">
        <v>21</v>
      </c>
      <c r="AE8348">
        <v>22</v>
      </c>
      <c r="AF8348">
        <v>21</v>
      </c>
      <c r="AG8348">
        <v>21</v>
      </c>
      <c r="AH8348">
        <v>21</v>
      </c>
      <c r="AI8348">
        <v>21</v>
      </c>
      <c r="AJ8348">
        <v>21</v>
      </c>
      <c r="AK8348">
        <v>21</v>
      </c>
      <c r="AL8348">
        <v>21</v>
      </c>
      <c r="AM8348">
        <v>20</v>
      </c>
      <c r="AN8348">
        <v>20</v>
      </c>
      <c r="AO8348">
        <v>20</v>
      </c>
      <c r="AP8348">
        <v>20</v>
      </c>
      <c r="AQ8348">
        <v>20</v>
      </c>
    </row>
    <row r="8349" spans="1:43">
      <c r="A8349" t="s">
        <v>5218</v>
      </c>
      <c r="B8349" t="s">
        <v>5219</v>
      </c>
      <c r="C8349" t="s">
        <v>5216</v>
      </c>
      <c r="D8349" t="s">
        <v>5217</v>
      </c>
      <c r="E8349" t="s">
        <v>4916</v>
      </c>
      <c r="F8349" t="s">
        <v>4917</v>
      </c>
      <c r="G8349" t="s">
        <v>80</v>
      </c>
      <c r="H8349" t="s">
        <v>81</v>
      </c>
      <c r="I8349" s="2">
        <v>1</v>
      </c>
      <c r="J8349" s="2">
        <v>0</v>
      </c>
      <c r="K8349" s="2">
        <v>0</v>
      </c>
      <c r="L8349" t="s">
        <v>120</v>
      </c>
      <c r="M8349" t="s">
        <v>83</v>
      </c>
      <c r="N8349" t="s">
        <v>91</v>
      </c>
      <c r="O8349" t="s">
        <v>85</v>
      </c>
      <c r="P8349" t="s">
        <v>86</v>
      </c>
      <c r="Q8349">
        <v>19</v>
      </c>
      <c r="R8349">
        <v>19</v>
      </c>
      <c r="S8349">
        <v>19</v>
      </c>
      <c r="T8349">
        <v>19</v>
      </c>
      <c r="U8349">
        <v>19</v>
      </c>
      <c r="V8349">
        <v>19</v>
      </c>
      <c r="W8349">
        <v>19</v>
      </c>
      <c r="X8349">
        <v>20</v>
      </c>
      <c r="Y8349">
        <v>20</v>
      </c>
      <c r="Z8349">
        <v>20</v>
      </c>
      <c r="AA8349">
        <v>20</v>
      </c>
      <c r="AB8349">
        <v>20</v>
      </c>
      <c r="AC8349">
        <v>20</v>
      </c>
      <c r="AD8349">
        <v>20</v>
      </c>
      <c r="AE8349">
        <v>20</v>
      </c>
      <c r="AF8349">
        <v>20</v>
      </c>
      <c r="AG8349">
        <v>20</v>
      </c>
      <c r="AH8349">
        <v>20</v>
      </c>
      <c r="AI8349">
        <v>20</v>
      </c>
      <c r="AJ8349">
        <v>20</v>
      </c>
      <c r="AK8349">
        <v>20</v>
      </c>
      <c r="AL8349">
        <v>20</v>
      </c>
      <c r="AM8349">
        <v>20</v>
      </c>
      <c r="AN8349">
        <v>20</v>
      </c>
      <c r="AO8349">
        <v>20</v>
      </c>
      <c r="AP8349">
        <v>20</v>
      </c>
      <c r="AQ8349">
        <v>20</v>
      </c>
    </row>
    <row r="8350" spans="1:43">
      <c r="A8350" t="s">
        <v>5220</v>
      </c>
      <c r="B8350" t="s">
        <v>5221</v>
      </c>
      <c r="C8350" t="s">
        <v>5216</v>
      </c>
      <c r="D8350" t="s">
        <v>5217</v>
      </c>
      <c r="E8350" t="s">
        <v>4916</v>
      </c>
      <c r="F8350" t="s">
        <v>4917</v>
      </c>
      <c r="G8350" t="s">
        <v>80</v>
      </c>
      <c r="H8350" t="s">
        <v>81</v>
      </c>
      <c r="I8350" s="2">
        <v>1</v>
      </c>
      <c r="J8350" s="2">
        <v>0</v>
      </c>
      <c r="K8350" s="2">
        <v>0</v>
      </c>
      <c r="L8350" t="s">
        <v>120</v>
      </c>
      <c r="M8350" t="s">
        <v>83</v>
      </c>
      <c r="N8350" t="s">
        <v>84</v>
      </c>
      <c r="O8350" t="s">
        <v>85</v>
      </c>
      <c r="P8350" t="s">
        <v>86</v>
      </c>
      <c r="Q8350">
        <v>103</v>
      </c>
      <c r="R8350">
        <v>104</v>
      </c>
      <c r="S8350">
        <v>104</v>
      </c>
      <c r="T8350">
        <v>105</v>
      </c>
      <c r="U8350">
        <v>105</v>
      </c>
      <c r="V8350">
        <v>106</v>
      </c>
      <c r="W8350">
        <v>107</v>
      </c>
      <c r="X8350">
        <v>107</v>
      </c>
      <c r="Y8350">
        <v>107</v>
      </c>
      <c r="Z8350">
        <v>108</v>
      </c>
      <c r="AA8350">
        <v>108</v>
      </c>
      <c r="AB8350">
        <v>109</v>
      </c>
      <c r="AC8350">
        <v>109</v>
      </c>
      <c r="AD8350">
        <v>109</v>
      </c>
      <c r="AE8350">
        <v>110</v>
      </c>
      <c r="AF8350">
        <v>110</v>
      </c>
      <c r="AG8350">
        <v>110</v>
      </c>
      <c r="AH8350">
        <v>111</v>
      </c>
      <c r="AI8350">
        <v>111</v>
      </c>
      <c r="AJ8350">
        <v>111</v>
      </c>
      <c r="AK8350">
        <v>111</v>
      </c>
      <c r="AL8350">
        <v>111</v>
      </c>
      <c r="AM8350">
        <v>110</v>
      </c>
      <c r="AN8350">
        <v>110</v>
      </c>
      <c r="AO8350">
        <v>109</v>
      </c>
      <c r="AP8350">
        <v>108</v>
      </c>
      <c r="AQ8350">
        <v>108</v>
      </c>
    </row>
    <row r="8351" spans="1:43">
      <c r="A8351" t="s">
        <v>5220</v>
      </c>
      <c r="B8351" t="s">
        <v>5221</v>
      </c>
      <c r="C8351" t="s">
        <v>5216</v>
      </c>
      <c r="D8351" t="s">
        <v>5217</v>
      </c>
      <c r="E8351" t="s">
        <v>4916</v>
      </c>
      <c r="F8351" t="s">
        <v>4917</v>
      </c>
      <c r="G8351" t="s">
        <v>80</v>
      </c>
      <c r="H8351" t="s">
        <v>81</v>
      </c>
      <c r="I8351" s="2">
        <v>1</v>
      </c>
      <c r="J8351" s="2">
        <v>0</v>
      </c>
      <c r="K8351" s="2">
        <v>0</v>
      </c>
      <c r="L8351" t="s">
        <v>120</v>
      </c>
      <c r="M8351" t="s">
        <v>87</v>
      </c>
      <c r="N8351" t="s">
        <v>88</v>
      </c>
      <c r="O8351" t="s">
        <v>85</v>
      </c>
      <c r="P8351" t="s">
        <v>86</v>
      </c>
      <c r="Q8351">
        <v>103</v>
      </c>
      <c r="R8351">
        <v>103</v>
      </c>
      <c r="S8351">
        <v>102</v>
      </c>
      <c r="T8351">
        <v>102</v>
      </c>
      <c r="U8351">
        <v>102</v>
      </c>
      <c r="V8351">
        <v>101</v>
      </c>
      <c r="W8351">
        <v>101</v>
      </c>
      <c r="X8351">
        <v>101</v>
      </c>
      <c r="Y8351">
        <v>100</v>
      </c>
      <c r="Z8351">
        <v>100</v>
      </c>
      <c r="AA8351">
        <v>100</v>
      </c>
      <c r="AB8351">
        <v>99</v>
      </c>
      <c r="AC8351">
        <v>99</v>
      </c>
      <c r="AD8351">
        <v>99</v>
      </c>
      <c r="AE8351">
        <v>98</v>
      </c>
      <c r="AF8351">
        <v>98</v>
      </c>
      <c r="AG8351">
        <v>98</v>
      </c>
      <c r="AH8351">
        <v>97</v>
      </c>
      <c r="AI8351">
        <v>97</v>
      </c>
      <c r="AJ8351">
        <v>97</v>
      </c>
      <c r="AK8351">
        <v>96</v>
      </c>
      <c r="AL8351">
        <v>96</v>
      </c>
      <c r="AM8351">
        <v>95</v>
      </c>
      <c r="AN8351">
        <v>95</v>
      </c>
      <c r="AO8351">
        <v>95</v>
      </c>
      <c r="AP8351">
        <v>94</v>
      </c>
      <c r="AQ8351">
        <v>94</v>
      </c>
    </row>
    <row r="8352" spans="1:43">
      <c r="A8352" t="s">
        <v>5220</v>
      </c>
      <c r="B8352" t="s">
        <v>5221</v>
      </c>
      <c r="C8352" t="s">
        <v>5216</v>
      </c>
      <c r="D8352" t="s">
        <v>5217</v>
      </c>
      <c r="E8352" t="s">
        <v>4916</v>
      </c>
      <c r="F8352" t="s">
        <v>4917</v>
      </c>
      <c r="G8352" t="s">
        <v>80</v>
      </c>
      <c r="H8352" t="s">
        <v>81</v>
      </c>
      <c r="I8352" s="2">
        <v>1</v>
      </c>
      <c r="J8352" s="2">
        <v>0</v>
      </c>
      <c r="K8352" s="2">
        <v>0</v>
      </c>
      <c r="L8352" t="s">
        <v>120</v>
      </c>
      <c r="M8352" t="s">
        <v>89</v>
      </c>
      <c r="N8352" t="s">
        <v>90</v>
      </c>
      <c r="O8352" t="s">
        <v>85</v>
      </c>
      <c r="P8352" t="s">
        <v>86</v>
      </c>
      <c r="Q8352">
        <v>103</v>
      </c>
      <c r="R8352">
        <v>105</v>
      </c>
      <c r="S8352">
        <v>106</v>
      </c>
      <c r="T8352">
        <v>107</v>
      </c>
      <c r="U8352">
        <v>109</v>
      </c>
      <c r="V8352">
        <v>110</v>
      </c>
      <c r="W8352">
        <v>111</v>
      </c>
      <c r="X8352">
        <v>112</v>
      </c>
      <c r="Y8352">
        <v>113</v>
      </c>
      <c r="Z8352">
        <v>114</v>
      </c>
      <c r="AA8352">
        <v>114</v>
      </c>
      <c r="AB8352">
        <v>115</v>
      </c>
      <c r="AC8352">
        <v>116</v>
      </c>
      <c r="AD8352">
        <v>117</v>
      </c>
      <c r="AE8352">
        <v>117</v>
      </c>
      <c r="AF8352">
        <v>116</v>
      </c>
      <c r="AG8352">
        <v>115</v>
      </c>
      <c r="AH8352">
        <v>114</v>
      </c>
      <c r="AI8352">
        <v>114</v>
      </c>
      <c r="AJ8352">
        <v>113</v>
      </c>
      <c r="AK8352">
        <v>112</v>
      </c>
      <c r="AL8352">
        <v>111</v>
      </c>
      <c r="AM8352">
        <v>111</v>
      </c>
      <c r="AN8352">
        <v>110</v>
      </c>
      <c r="AO8352">
        <v>109</v>
      </c>
      <c r="AP8352">
        <v>108</v>
      </c>
      <c r="AQ8352">
        <v>108</v>
      </c>
    </row>
    <row r="8353" spans="1:43">
      <c r="A8353" t="s">
        <v>5220</v>
      </c>
      <c r="B8353" t="s">
        <v>5221</v>
      </c>
      <c r="C8353" t="s">
        <v>5216</v>
      </c>
      <c r="D8353" t="s">
        <v>5217</v>
      </c>
      <c r="E8353" t="s">
        <v>4916</v>
      </c>
      <c r="F8353" t="s">
        <v>4917</v>
      </c>
      <c r="G8353" t="s">
        <v>80</v>
      </c>
      <c r="H8353" t="s">
        <v>81</v>
      </c>
      <c r="I8353" s="2">
        <v>1</v>
      </c>
      <c r="J8353" s="2">
        <v>0</v>
      </c>
      <c r="K8353" s="2">
        <v>0</v>
      </c>
      <c r="L8353" t="s">
        <v>120</v>
      </c>
      <c r="M8353" t="s">
        <v>83</v>
      </c>
      <c r="N8353" t="s">
        <v>91</v>
      </c>
      <c r="O8353" t="s">
        <v>85</v>
      </c>
      <c r="P8353" t="s">
        <v>86</v>
      </c>
      <c r="Q8353">
        <v>103</v>
      </c>
      <c r="R8353">
        <v>104</v>
      </c>
      <c r="S8353">
        <v>104</v>
      </c>
      <c r="T8353">
        <v>105</v>
      </c>
      <c r="U8353">
        <v>105</v>
      </c>
      <c r="V8353">
        <v>106</v>
      </c>
      <c r="W8353">
        <v>107</v>
      </c>
      <c r="X8353">
        <v>107</v>
      </c>
      <c r="Y8353">
        <v>107</v>
      </c>
      <c r="Z8353">
        <v>108</v>
      </c>
      <c r="AA8353">
        <v>108</v>
      </c>
      <c r="AB8353">
        <v>109</v>
      </c>
      <c r="AC8353">
        <v>109</v>
      </c>
      <c r="AD8353">
        <v>109</v>
      </c>
      <c r="AE8353">
        <v>110</v>
      </c>
      <c r="AF8353">
        <v>110</v>
      </c>
      <c r="AG8353">
        <v>110</v>
      </c>
      <c r="AH8353">
        <v>111</v>
      </c>
      <c r="AI8353">
        <v>111</v>
      </c>
      <c r="AJ8353">
        <v>111</v>
      </c>
      <c r="AK8353">
        <v>111</v>
      </c>
      <c r="AL8353">
        <v>111</v>
      </c>
      <c r="AM8353">
        <v>110</v>
      </c>
      <c r="AN8353">
        <v>110</v>
      </c>
      <c r="AO8353">
        <v>109</v>
      </c>
      <c r="AP8353">
        <v>108</v>
      </c>
      <c r="AQ8353">
        <v>108</v>
      </c>
    </row>
    <row r="8354" spans="1:43">
      <c r="A8354" t="s">
        <v>5222</v>
      </c>
      <c r="B8354" t="s">
        <v>5223</v>
      </c>
      <c r="C8354" t="s">
        <v>5216</v>
      </c>
      <c r="D8354" t="s">
        <v>5217</v>
      </c>
      <c r="E8354" t="s">
        <v>4916</v>
      </c>
      <c r="F8354" t="s">
        <v>4917</v>
      </c>
      <c r="G8354" t="s">
        <v>80</v>
      </c>
      <c r="H8354" t="s">
        <v>81</v>
      </c>
      <c r="I8354" s="2">
        <v>1</v>
      </c>
      <c r="J8354" s="2">
        <v>0</v>
      </c>
      <c r="K8354" s="2">
        <v>0</v>
      </c>
      <c r="L8354" t="s">
        <v>120</v>
      </c>
      <c r="M8354" t="s">
        <v>83</v>
      </c>
      <c r="N8354" t="s">
        <v>84</v>
      </c>
      <c r="O8354" t="s">
        <v>85</v>
      </c>
      <c r="P8354" t="s">
        <v>86</v>
      </c>
      <c r="Q8354">
        <v>27</v>
      </c>
      <c r="R8354">
        <v>27</v>
      </c>
      <c r="S8354">
        <v>27</v>
      </c>
      <c r="T8354">
        <v>27</v>
      </c>
      <c r="U8354">
        <v>27</v>
      </c>
      <c r="V8354">
        <v>28</v>
      </c>
      <c r="W8354">
        <v>28</v>
      </c>
      <c r="X8354">
        <v>28</v>
      </c>
      <c r="Y8354">
        <v>28</v>
      </c>
      <c r="Z8354">
        <v>28</v>
      </c>
      <c r="AA8354">
        <v>28</v>
      </c>
      <c r="AB8354">
        <v>28</v>
      </c>
      <c r="AC8354">
        <v>28</v>
      </c>
      <c r="AD8354">
        <v>28</v>
      </c>
      <c r="AE8354">
        <v>29</v>
      </c>
      <c r="AF8354">
        <v>29</v>
      </c>
      <c r="AG8354">
        <v>29</v>
      </c>
      <c r="AH8354">
        <v>29</v>
      </c>
      <c r="AI8354">
        <v>29</v>
      </c>
      <c r="AJ8354">
        <v>29</v>
      </c>
      <c r="AK8354">
        <v>29</v>
      </c>
      <c r="AL8354">
        <v>29</v>
      </c>
      <c r="AM8354">
        <v>29</v>
      </c>
      <c r="AN8354">
        <v>29</v>
      </c>
      <c r="AO8354">
        <v>28</v>
      </c>
      <c r="AP8354">
        <v>28</v>
      </c>
      <c r="AQ8354">
        <v>28</v>
      </c>
    </row>
    <row r="8355" spans="1:43">
      <c r="A8355" t="s">
        <v>5222</v>
      </c>
      <c r="B8355" t="s">
        <v>5223</v>
      </c>
      <c r="C8355" t="s">
        <v>5216</v>
      </c>
      <c r="D8355" t="s">
        <v>5217</v>
      </c>
      <c r="E8355" t="s">
        <v>4916</v>
      </c>
      <c r="F8355" t="s">
        <v>4917</v>
      </c>
      <c r="G8355" t="s">
        <v>80</v>
      </c>
      <c r="H8355" t="s">
        <v>81</v>
      </c>
      <c r="I8355" s="2">
        <v>1</v>
      </c>
      <c r="J8355" s="2">
        <v>0</v>
      </c>
      <c r="K8355" s="2">
        <v>0</v>
      </c>
      <c r="L8355" t="s">
        <v>120</v>
      </c>
      <c r="M8355" t="s">
        <v>87</v>
      </c>
      <c r="N8355" t="s">
        <v>88</v>
      </c>
      <c r="O8355" t="s">
        <v>85</v>
      </c>
      <c r="P8355" t="s">
        <v>86</v>
      </c>
      <c r="Q8355">
        <v>27</v>
      </c>
      <c r="R8355">
        <v>26</v>
      </c>
      <c r="S8355">
        <v>26</v>
      </c>
      <c r="T8355">
        <v>26</v>
      </c>
      <c r="U8355">
        <v>26</v>
      </c>
      <c r="V8355">
        <v>26</v>
      </c>
      <c r="W8355">
        <v>26</v>
      </c>
      <c r="X8355">
        <v>26</v>
      </c>
      <c r="Y8355">
        <v>26</v>
      </c>
      <c r="Z8355">
        <v>26</v>
      </c>
      <c r="AA8355">
        <v>26</v>
      </c>
      <c r="AB8355">
        <v>26</v>
      </c>
      <c r="AC8355">
        <v>25</v>
      </c>
      <c r="AD8355">
        <v>25</v>
      </c>
      <c r="AE8355">
        <v>25</v>
      </c>
      <c r="AF8355">
        <v>25</v>
      </c>
      <c r="AG8355">
        <v>25</v>
      </c>
      <c r="AH8355">
        <v>25</v>
      </c>
      <c r="AI8355">
        <v>25</v>
      </c>
      <c r="AJ8355">
        <v>25</v>
      </c>
      <c r="AK8355">
        <v>25</v>
      </c>
      <c r="AL8355">
        <v>25</v>
      </c>
      <c r="AM8355">
        <v>25</v>
      </c>
      <c r="AN8355">
        <v>25</v>
      </c>
      <c r="AO8355">
        <v>24</v>
      </c>
      <c r="AP8355">
        <v>24</v>
      </c>
      <c r="AQ8355">
        <v>24</v>
      </c>
    </row>
    <row r="8356" spans="1:43">
      <c r="A8356" t="s">
        <v>5222</v>
      </c>
      <c r="B8356" t="s">
        <v>5223</v>
      </c>
      <c r="C8356" t="s">
        <v>5216</v>
      </c>
      <c r="D8356" t="s">
        <v>5217</v>
      </c>
      <c r="E8356" t="s">
        <v>4916</v>
      </c>
      <c r="F8356" t="s">
        <v>4917</v>
      </c>
      <c r="G8356" t="s">
        <v>80</v>
      </c>
      <c r="H8356" t="s">
        <v>81</v>
      </c>
      <c r="I8356" s="2">
        <v>1</v>
      </c>
      <c r="J8356" s="2">
        <v>0</v>
      </c>
      <c r="K8356" s="2">
        <v>0</v>
      </c>
      <c r="L8356" t="s">
        <v>120</v>
      </c>
      <c r="M8356" t="s">
        <v>89</v>
      </c>
      <c r="N8356" t="s">
        <v>90</v>
      </c>
      <c r="O8356" t="s">
        <v>85</v>
      </c>
      <c r="P8356" t="s">
        <v>86</v>
      </c>
      <c r="Q8356">
        <v>27</v>
      </c>
      <c r="R8356">
        <v>27</v>
      </c>
      <c r="S8356">
        <v>28</v>
      </c>
      <c r="T8356">
        <v>28</v>
      </c>
      <c r="U8356">
        <v>28</v>
      </c>
      <c r="V8356">
        <v>29</v>
      </c>
      <c r="W8356">
        <v>29</v>
      </c>
      <c r="X8356">
        <v>29</v>
      </c>
      <c r="Y8356">
        <v>30</v>
      </c>
      <c r="Z8356">
        <v>30</v>
      </c>
      <c r="AA8356">
        <v>30</v>
      </c>
      <c r="AB8356">
        <v>30</v>
      </c>
      <c r="AC8356">
        <v>30</v>
      </c>
      <c r="AD8356">
        <v>31</v>
      </c>
      <c r="AE8356">
        <v>31</v>
      </c>
      <c r="AF8356">
        <v>30</v>
      </c>
      <c r="AG8356">
        <v>30</v>
      </c>
      <c r="AH8356">
        <v>30</v>
      </c>
      <c r="AI8356">
        <v>30</v>
      </c>
      <c r="AJ8356">
        <v>30</v>
      </c>
      <c r="AK8356">
        <v>29</v>
      </c>
      <c r="AL8356">
        <v>29</v>
      </c>
      <c r="AM8356">
        <v>29</v>
      </c>
      <c r="AN8356">
        <v>29</v>
      </c>
      <c r="AO8356">
        <v>29</v>
      </c>
      <c r="AP8356">
        <v>28</v>
      </c>
      <c r="AQ8356">
        <v>28</v>
      </c>
    </row>
    <row r="8357" spans="1:43">
      <c r="A8357" t="s">
        <v>5222</v>
      </c>
      <c r="B8357" t="s">
        <v>5223</v>
      </c>
      <c r="C8357" t="s">
        <v>5216</v>
      </c>
      <c r="D8357" t="s">
        <v>5217</v>
      </c>
      <c r="E8357" t="s">
        <v>4916</v>
      </c>
      <c r="F8357" t="s">
        <v>4917</v>
      </c>
      <c r="G8357" t="s">
        <v>80</v>
      </c>
      <c r="H8357" t="s">
        <v>81</v>
      </c>
      <c r="I8357" s="2">
        <v>1</v>
      </c>
      <c r="J8357" s="2">
        <v>0</v>
      </c>
      <c r="K8357" s="2">
        <v>0</v>
      </c>
      <c r="L8357" t="s">
        <v>120</v>
      </c>
      <c r="M8357" t="s">
        <v>83</v>
      </c>
      <c r="N8357" t="s">
        <v>91</v>
      </c>
      <c r="O8357" t="s">
        <v>85</v>
      </c>
      <c r="P8357" t="s">
        <v>86</v>
      </c>
      <c r="Q8357">
        <v>27</v>
      </c>
      <c r="R8357">
        <v>27</v>
      </c>
      <c r="S8357">
        <v>27</v>
      </c>
      <c r="T8357">
        <v>27</v>
      </c>
      <c r="U8357">
        <v>27</v>
      </c>
      <c r="V8357">
        <v>28</v>
      </c>
      <c r="W8357">
        <v>28</v>
      </c>
      <c r="X8357">
        <v>28</v>
      </c>
      <c r="Y8357">
        <v>28</v>
      </c>
      <c r="Z8357">
        <v>28</v>
      </c>
      <c r="AA8357">
        <v>28</v>
      </c>
      <c r="AB8357">
        <v>28</v>
      </c>
      <c r="AC8357">
        <v>28</v>
      </c>
      <c r="AD8357">
        <v>28</v>
      </c>
      <c r="AE8357">
        <v>29</v>
      </c>
      <c r="AF8357">
        <v>29</v>
      </c>
      <c r="AG8357">
        <v>29</v>
      </c>
      <c r="AH8357">
        <v>29</v>
      </c>
      <c r="AI8357">
        <v>29</v>
      </c>
      <c r="AJ8357">
        <v>29</v>
      </c>
      <c r="AK8357">
        <v>29</v>
      </c>
      <c r="AL8357">
        <v>29</v>
      </c>
      <c r="AM8357">
        <v>29</v>
      </c>
      <c r="AN8357">
        <v>29</v>
      </c>
      <c r="AO8357">
        <v>28</v>
      </c>
      <c r="AP8357">
        <v>28</v>
      </c>
      <c r="AQ8357">
        <v>28</v>
      </c>
    </row>
    <row r="8358" spans="1:43">
      <c r="A8358" t="s">
        <v>5224</v>
      </c>
      <c r="B8358" t="s">
        <v>5225</v>
      </c>
      <c r="C8358" t="s">
        <v>4976</v>
      </c>
      <c r="D8358" t="s">
        <v>4977</v>
      </c>
      <c r="E8358" t="s">
        <v>4916</v>
      </c>
      <c r="F8358" t="s">
        <v>4917</v>
      </c>
      <c r="G8358" t="s">
        <v>80</v>
      </c>
      <c r="H8358" t="s">
        <v>81</v>
      </c>
      <c r="I8358" s="2">
        <v>1</v>
      </c>
      <c r="J8358" s="2">
        <v>0</v>
      </c>
      <c r="K8358" s="2">
        <v>0</v>
      </c>
      <c r="L8358" t="s">
        <v>120</v>
      </c>
      <c r="M8358" t="s">
        <v>83</v>
      </c>
      <c r="N8358" t="s">
        <v>84</v>
      </c>
      <c r="O8358" t="s">
        <v>85</v>
      </c>
      <c r="P8358" t="s">
        <v>86</v>
      </c>
      <c r="Q8358">
        <v>22</v>
      </c>
      <c r="R8358">
        <v>22</v>
      </c>
      <c r="S8358">
        <v>22</v>
      </c>
      <c r="T8358">
        <v>22</v>
      </c>
      <c r="U8358">
        <v>22</v>
      </c>
      <c r="V8358">
        <v>22</v>
      </c>
      <c r="W8358">
        <v>22</v>
      </c>
      <c r="X8358">
        <v>23</v>
      </c>
      <c r="Y8358">
        <v>23</v>
      </c>
      <c r="Z8358">
        <v>23</v>
      </c>
      <c r="AA8358">
        <v>23</v>
      </c>
      <c r="AB8358">
        <v>23</v>
      </c>
      <c r="AC8358">
        <v>23</v>
      </c>
      <c r="AD8358">
        <v>23</v>
      </c>
      <c r="AE8358">
        <v>23</v>
      </c>
      <c r="AF8358">
        <v>23</v>
      </c>
      <c r="AG8358">
        <v>23</v>
      </c>
      <c r="AH8358">
        <v>23</v>
      </c>
      <c r="AI8358">
        <v>23</v>
      </c>
      <c r="AJ8358">
        <v>24</v>
      </c>
      <c r="AK8358">
        <v>24</v>
      </c>
      <c r="AL8358">
        <v>24</v>
      </c>
      <c r="AM8358">
        <v>23</v>
      </c>
      <c r="AN8358">
        <v>23</v>
      </c>
      <c r="AO8358">
        <v>23</v>
      </c>
      <c r="AP8358">
        <v>23</v>
      </c>
      <c r="AQ8358">
        <v>23</v>
      </c>
    </row>
    <row r="8359" spans="1:43">
      <c r="A8359" t="s">
        <v>5224</v>
      </c>
      <c r="B8359" t="s">
        <v>5225</v>
      </c>
      <c r="C8359" t="s">
        <v>4976</v>
      </c>
      <c r="D8359" t="s">
        <v>4977</v>
      </c>
      <c r="E8359" t="s">
        <v>4916</v>
      </c>
      <c r="F8359" t="s">
        <v>4917</v>
      </c>
      <c r="G8359" t="s">
        <v>80</v>
      </c>
      <c r="H8359" t="s">
        <v>81</v>
      </c>
      <c r="I8359" s="2">
        <v>1</v>
      </c>
      <c r="J8359" s="2">
        <v>0</v>
      </c>
      <c r="K8359" s="2">
        <v>0</v>
      </c>
      <c r="L8359" t="s">
        <v>120</v>
      </c>
      <c r="M8359" t="s">
        <v>87</v>
      </c>
      <c r="N8359" t="s">
        <v>88</v>
      </c>
      <c r="O8359" t="s">
        <v>85</v>
      </c>
      <c r="P8359" t="s">
        <v>86</v>
      </c>
      <c r="Q8359">
        <v>22</v>
      </c>
      <c r="R8359">
        <v>22</v>
      </c>
      <c r="S8359">
        <v>22</v>
      </c>
      <c r="T8359">
        <v>22</v>
      </c>
      <c r="U8359">
        <v>22</v>
      </c>
      <c r="V8359">
        <v>22</v>
      </c>
      <c r="W8359">
        <v>22</v>
      </c>
      <c r="X8359">
        <v>22</v>
      </c>
      <c r="Y8359">
        <v>22</v>
      </c>
      <c r="Z8359">
        <v>22</v>
      </c>
      <c r="AA8359">
        <v>22</v>
      </c>
      <c r="AB8359">
        <v>22</v>
      </c>
      <c r="AC8359">
        <v>22</v>
      </c>
      <c r="AD8359">
        <v>22</v>
      </c>
      <c r="AE8359">
        <v>22</v>
      </c>
      <c r="AF8359">
        <v>22</v>
      </c>
      <c r="AG8359">
        <v>21</v>
      </c>
      <c r="AH8359">
        <v>21</v>
      </c>
      <c r="AI8359">
        <v>21</v>
      </c>
      <c r="AJ8359">
        <v>21</v>
      </c>
      <c r="AK8359">
        <v>21</v>
      </c>
      <c r="AL8359">
        <v>21</v>
      </c>
      <c r="AM8359">
        <v>21</v>
      </c>
      <c r="AN8359">
        <v>21</v>
      </c>
      <c r="AO8359">
        <v>21</v>
      </c>
      <c r="AP8359">
        <v>21</v>
      </c>
      <c r="AQ8359">
        <v>21</v>
      </c>
    </row>
    <row r="8360" spans="1:43">
      <c r="A8360" t="s">
        <v>5224</v>
      </c>
      <c r="B8360" t="s">
        <v>5225</v>
      </c>
      <c r="C8360" t="s">
        <v>4976</v>
      </c>
      <c r="D8360" t="s">
        <v>4977</v>
      </c>
      <c r="E8360" t="s">
        <v>4916</v>
      </c>
      <c r="F8360" t="s">
        <v>4917</v>
      </c>
      <c r="G8360" t="s">
        <v>80</v>
      </c>
      <c r="H8360" t="s">
        <v>81</v>
      </c>
      <c r="I8360" s="2">
        <v>1</v>
      </c>
      <c r="J8360" s="2">
        <v>0</v>
      </c>
      <c r="K8360" s="2">
        <v>0</v>
      </c>
      <c r="L8360" t="s">
        <v>120</v>
      </c>
      <c r="M8360" t="s">
        <v>89</v>
      </c>
      <c r="N8360" t="s">
        <v>90</v>
      </c>
      <c r="O8360" t="s">
        <v>85</v>
      </c>
      <c r="P8360" t="s">
        <v>86</v>
      </c>
      <c r="Q8360">
        <v>22</v>
      </c>
      <c r="R8360">
        <v>22</v>
      </c>
      <c r="S8360">
        <v>22</v>
      </c>
      <c r="T8360">
        <v>23</v>
      </c>
      <c r="U8360">
        <v>23</v>
      </c>
      <c r="V8360">
        <v>23</v>
      </c>
      <c r="W8360">
        <v>24</v>
      </c>
      <c r="X8360">
        <v>24</v>
      </c>
      <c r="Y8360">
        <v>24</v>
      </c>
      <c r="Z8360">
        <v>24</v>
      </c>
      <c r="AA8360">
        <v>24</v>
      </c>
      <c r="AB8360">
        <v>24</v>
      </c>
      <c r="AC8360">
        <v>25</v>
      </c>
      <c r="AD8360">
        <v>25</v>
      </c>
      <c r="AE8360">
        <v>25</v>
      </c>
      <c r="AF8360">
        <v>25</v>
      </c>
      <c r="AG8360">
        <v>24</v>
      </c>
      <c r="AH8360">
        <v>24</v>
      </c>
      <c r="AI8360">
        <v>24</v>
      </c>
      <c r="AJ8360">
        <v>24</v>
      </c>
      <c r="AK8360">
        <v>24</v>
      </c>
      <c r="AL8360">
        <v>24</v>
      </c>
      <c r="AM8360">
        <v>24</v>
      </c>
      <c r="AN8360">
        <v>23</v>
      </c>
      <c r="AO8360">
        <v>23</v>
      </c>
      <c r="AP8360">
        <v>23</v>
      </c>
      <c r="AQ8360">
        <v>23</v>
      </c>
    </row>
    <row r="8361" spans="1:43">
      <c r="A8361" t="s">
        <v>5224</v>
      </c>
      <c r="B8361" t="s">
        <v>5225</v>
      </c>
      <c r="C8361" t="s">
        <v>4976</v>
      </c>
      <c r="D8361" t="s">
        <v>4977</v>
      </c>
      <c r="E8361" t="s">
        <v>4916</v>
      </c>
      <c r="F8361" t="s">
        <v>4917</v>
      </c>
      <c r="G8361" t="s">
        <v>80</v>
      </c>
      <c r="H8361" t="s">
        <v>81</v>
      </c>
      <c r="I8361" s="2">
        <v>1</v>
      </c>
      <c r="J8361" s="2">
        <v>0</v>
      </c>
      <c r="K8361" s="2">
        <v>0</v>
      </c>
      <c r="L8361" t="s">
        <v>120</v>
      </c>
      <c r="M8361" t="s">
        <v>83</v>
      </c>
      <c r="N8361" t="s">
        <v>91</v>
      </c>
      <c r="O8361" t="s">
        <v>85</v>
      </c>
      <c r="P8361" t="s">
        <v>86</v>
      </c>
      <c r="Q8361">
        <v>22</v>
      </c>
      <c r="R8361">
        <v>22</v>
      </c>
      <c r="S8361">
        <v>22</v>
      </c>
      <c r="T8361">
        <v>22</v>
      </c>
      <c r="U8361">
        <v>22</v>
      </c>
      <c r="V8361">
        <v>22</v>
      </c>
      <c r="W8361">
        <v>22</v>
      </c>
      <c r="X8361">
        <v>23</v>
      </c>
      <c r="Y8361">
        <v>23</v>
      </c>
      <c r="Z8361">
        <v>23</v>
      </c>
      <c r="AA8361">
        <v>23</v>
      </c>
      <c r="AB8361">
        <v>23</v>
      </c>
      <c r="AC8361">
        <v>23</v>
      </c>
      <c r="AD8361">
        <v>23</v>
      </c>
      <c r="AE8361">
        <v>23</v>
      </c>
      <c r="AF8361">
        <v>23</v>
      </c>
      <c r="AG8361">
        <v>23</v>
      </c>
      <c r="AH8361">
        <v>23</v>
      </c>
      <c r="AI8361">
        <v>23</v>
      </c>
      <c r="AJ8361">
        <v>24</v>
      </c>
      <c r="AK8361">
        <v>24</v>
      </c>
      <c r="AL8361">
        <v>24</v>
      </c>
      <c r="AM8361">
        <v>23</v>
      </c>
      <c r="AN8361">
        <v>23</v>
      </c>
      <c r="AO8361">
        <v>23</v>
      </c>
      <c r="AP8361">
        <v>23</v>
      </c>
      <c r="AQ8361">
        <v>23</v>
      </c>
    </row>
    <row r="8362" spans="1:43">
      <c r="A8362" t="s">
        <v>5226</v>
      </c>
      <c r="B8362" t="s">
        <v>5227</v>
      </c>
      <c r="C8362" t="s">
        <v>4976</v>
      </c>
      <c r="D8362" t="s">
        <v>4977</v>
      </c>
      <c r="E8362" t="s">
        <v>4916</v>
      </c>
      <c r="F8362" t="s">
        <v>4917</v>
      </c>
      <c r="G8362" t="s">
        <v>80</v>
      </c>
      <c r="H8362" t="s">
        <v>81</v>
      </c>
      <c r="I8362" s="2">
        <v>1</v>
      </c>
      <c r="J8362" s="2">
        <v>0</v>
      </c>
      <c r="K8362" s="2">
        <v>0</v>
      </c>
      <c r="L8362" t="s">
        <v>120</v>
      </c>
      <c r="M8362" t="s">
        <v>83</v>
      </c>
      <c r="N8362" t="s">
        <v>84</v>
      </c>
      <c r="O8362" t="s">
        <v>85</v>
      </c>
      <c r="P8362" t="s">
        <v>86</v>
      </c>
      <c r="Q8362">
        <v>4</v>
      </c>
      <c r="R8362">
        <v>4</v>
      </c>
      <c r="S8362">
        <v>4</v>
      </c>
      <c r="T8362">
        <v>4</v>
      </c>
      <c r="U8362">
        <v>4</v>
      </c>
      <c r="V8362">
        <v>4</v>
      </c>
      <c r="W8362">
        <v>4</v>
      </c>
      <c r="X8362">
        <v>4</v>
      </c>
      <c r="Y8362">
        <v>4</v>
      </c>
      <c r="Z8362">
        <v>4</v>
      </c>
      <c r="AA8362">
        <v>4</v>
      </c>
      <c r="AB8362">
        <v>4</v>
      </c>
      <c r="AC8362">
        <v>4</v>
      </c>
      <c r="AD8362">
        <v>4</v>
      </c>
      <c r="AE8362">
        <v>4</v>
      </c>
      <c r="AF8362">
        <v>4</v>
      </c>
      <c r="AG8362">
        <v>4</v>
      </c>
      <c r="AH8362">
        <v>4</v>
      </c>
      <c r="AI8362">
        <v>4</v>
      </c>
      <c r="AJ8362">
        <v>4</v>
      </c>
      <c r="AK8362">
        <v>4</v>
      </c>
      <c r="AL8362">
        <v>4</v>
      </c>
      <c r="AM8362">
        <v>4</v>
      </c>
      <c r="AN8362">
        <v>4</v>
      </c>
      <c r="AO8362">
        <v>4</v>
      </c>
      <c r="AP8362">
        <v>4</v>
      </c>
      <c r="AQ8362">
        <v>4</v>
      </c>
    </row>
    <row r="8363" spans="1:43">
      <c r="A8363" t="s">
        <v>5226</v>
      </c>
      <c r="B8363" t="s">
        <v>5227</v>
      </c>
      <c r="C8363" t="s">
        <v>4976</v>
      </c>
      <c r="D8363" t="s">
        <v>4977</v>
      </c>
      <c r="E8363" t="s">
        <v>4916</v>
      </c>
      <c r="F8363" t="s">
        <v>4917</v>
      </c>
      <c r="G8363" t="s">
        <v>80</v>
      </c>
      <c r="H8363" t="s">
        <v>81</v>
      </c>
      <c r="I8363" s="2">
        <v>1</v>
      </c>
      <c r="J8363" s="2">
        <v>0</v>
      </c>
      <c r="K8363" s="2">
        <v>0</v>
      </c>
      <c r="L8363" t="s">
        <v>120</v>
      </c>
      <c r="M8363" t="s">
        <v>87</v>
      </c>
      <c r="N8363" t="s">
        <v>88</v>
      </c>
      <c r="O8363" t="s">
        <v>85</v>
      </c>
      <c r="P8363" t="s">
        <v>86</v>
      </c>
      <c r="Q8363">
        <v>4</v>
      </c>
      <c r="R8363">
        <v>4</v>
      </c>
      <c r="S8363">
        <v>4</v>
      </c>
      <c r="T8363">
        <v>4</v>
      </c>
      <c r="U8363">
        <v>4</v>
      </c>
      <c r="V8363">
        <v>4</v>
      </c>
      <c r="W8363">
        <v>4</v>
      </c>
      <c r="X8363">
        <v>4</v>
      </c>
      <c r="Y8363">
        <v>4</v>
      </c>
      <c r="Z8363">
        <v>4</v>
      </c>
      <c r="AA8363">
        <v>4</v>
      </c>
      <c r="AB8363">
        <v>4</v>
      </c>
      <c r="AC8363">
        <v>4</v>
      </c>
      <c r="AD8363">
        <v>4</v>
      </c>
      <c r="AE8363">
        <v>4</v>
      </c>
      <c r="AF8363">
        <v>4</v>
      </c>
      <c r="AG8363">
        <v>4</v>
      </c>
      <c r="AH8363">
        <v>4</v>
      </c>
      <c r="AI8363">
        <v>4</v>
      </c>
      <c r="AJ8363">
        <v>4</v>
      </c>
      <c r="AK8363">
        <v>4</v>
      </c>
      <c r="AL8363">
        <v>4</v>
      </c>
      <c r="AM8363">
        <v>4</v>
      </c>
      <c r="AN8363">
        <v>4</v>
      </c>
      <c r="AO8363">
        <v>4</v>
      </c>
      <c r="AP8363">
        <v>4</v>
      </c>
      <c r="AQ8363">
        <v>4</v>
      </c>
    </row>
    <row r="8364" spans="1:43">
      <c r="A8364" t="s">
        <v>5226</v>
      </c>
      <c r="B8364" t="s">
        <v>5227</v>
      </c>
      <c r="C8364" t="s">
        <v>4976</v>
      </c>
      <c r="D8364" t="s">
        <v>4977</v>
      </c>
      <c r="E8364" t="s">
        <v>4916</v>
      </c>
      <c r="F8364" t="s">
        <v>4917</v>
      </c>
      <c r="G8364" t="s">
        <v>80</v>
      </c>
      <c r="H8364" t="s">
        <v>81</v>
      </c>
      <c r="I8364" s="2">
        <v>1</v>
      </c>
      <c r="J8364" s="2">
        <v>0</v>
      </c>
      <c r="K8364" s="2">
        <v>0</v>
      </c>
      <c r="L8364" t="s">
        <v>120</v>
      </c>
      <c r="M8364" t="s">
        <v>89</v>
      </c>
      <c r="N8364" t="s">
        <v>90</v>
      </c>
      <c r="O8364" t="s">
        <v>85</v>
      </c>
      <c r="P8364" t="s">
        <v>86</v>
      </c>
      <c r="Q8364">
        <v>4</v>
      </c>
      <c r="R8364">
        <v>4</v>
      </c>
      <c r="S8364">
        <v>4</v>
      </c>
      <c r="T8364">
        <v>4</v>
      </c>
      <c r="U8364">
        <v>4</v>
      </c>
      <c r="V8364">
        <v>4</v>
      </c>
      <c r="W8364">
        <v>4</v>
      </c>
      <c r="X8364">
        <v>4</v>
      </c>
      <c r="Y8364">
        <v>4</v>
      </c>
      <c r="Z8364">
        <v>4</v>
      </c>
      <c r="AA8364">
        <v>5</v>
      </c>
      <c r="AB8364">
        <v>5</v>
      </c>
      <c r="AC8364">
        <v>5</v>
      </c>
      <c r="AD8364">
        <v>5</v>
      </c>
      <c r="AE8364">
        <v>5</v>
      </c>
      <c r="AF8364">
        <v>5</v>
      </c>
      <c r="AG8364">
        <v>5</v>
      </c>
      <c r="AH8364">
        <v>5</v>
      </c>
      <c r="AI8364">
        <v>5</v>
      </c>
      <c r="AJ8364">
        <v>4</v>
      </c>
      <c r="AK8364">
        <v>4</v>
      </c>
      <c r="AL8364">
        <v>4</v>
      </c>
      <c r="AM8364">
        <v>4</v>
      </c>
      <c r="AN8364">
        <v>4</v>
      </c>
      <c r="AO8364">
        <v>4</v>
      </c>
      <c r="AP8364">
        <v>4</v>
      </c>
      <c r="AQ8364">
        <v>4</v>
      </c>
    </row>
    <row r="8365" spans="1:43">
      <c r="A8365" t="s">
        <v>5226</v>
      </c>
      <c r="B8365" t="s">
        <v>5227</v>
      </c>
      <c r="C8365" t="s">
        <v>4976</v>
      </c>
      <c r="D8365" t="s">
        <v>4977</v>
      </c>
      <c r="E8365" t="s">
        <v>4916</v>
      </c>
      <c r="F8365" t="s">
        <v>4917</v>
      </c>
      <c r="G8365" t="s">
        <v>80</v>
      </c>
      <c r="H8365" t="s">
        <v>81</v>
      </c>
      <c r="I8365" s="2">
        <v>1</v>
      </c>
      <c r="J8365" s="2">
        <v>0</v>
      </c>
      <c r="K8365" s="2">
        <v>0</v>
      </c>
      <c r="L8365" t="s">
        <v>120</v>
      </c>
      <c r="M8365" t="s">
        <v>83</v>
      </c>
      <c r="N8365" t="s">
        <v>91</v>
      </c>
      <c r="O8365" t="s">
        <v>85</v>
      </c>
      <c r="P8365" t="s">
        <v>86</v>
      </c>
      <c r="Q8365">
        <v>4</v>
      </c>
      <c r="R8365">
        <v>4</v>
      </c>
      <c r="S8365">
        <v>4</v>
      </c>
      <c r="T8365">
        <v>4</v>
      </c>
      <c r="U8365">
        <v>4</v>
      </c>
      <c r="V8365">
        <v>4</v>
      </c>
      <c r="W8365">
        <v>4</v>
      </c>
      <c r="X8365">
        <v>4</v>
      </c>
      <c r="Y8365">
        <v>4</v>
      </c>
      <c r="Z8365">
        <v>4</v>
      </c>
      <c r="AA8365">
        <v>4</v>
      </c>
      <c r="AB8365">
        <v>4</v>
      </c>
      <c r="AC8365">
        <v>4</v>
      </c>
      <c r="AD8365">
        <v>4</v>
      </c>
      <c r="AE8365">
        <v>4</v>
      </c>
      <c r="AF8365">
        <v>4</v>
      </c>
      <c r="AG8365">
        <v>4</v>
      </c>
      <c r="AH8365">
        <v>4</v>
      </c>
      <c r="AI8365">
        <v>4</v>
      </c>
      <c r="AJ8365">
        <v>4</v>
      </c>
      <c r="AK8365">
        <v>4</v>
      </c>
      <c r="AL8365">
        <v>4</v>
      </c>
      <c r="AM8365">
        <v>4</v>
      </c>
      <c r="AN8365">
        <v>4</v>
      </c>
      <c r="AO8365">
        <v>4</v>
      </c>
      <c r="AP8365">
        <v>4</v>
      </c>
      <c r="AQ8365">
        <v>4</v>
      </c>
    </row>
    <row r="8366" spans="1:43">
      <c r="A8366" t="s">
        <v>5228</v>
      </c>
      <c r="B8366" t="s">
        <v>5229</v>
      </c>
      <c r="C8366" t="s">
        <v>4976</v>
      </c>
      <c r="D8366" t="s">
        <v>4977</v>
      </c>
      <c r="E8366" t="s">
        <v>4916</v>
      </c>
      <c r="F8366" t="s">
        <v>4917</v>
      </c>
      <c r="G8366" t="s">
        <v>80</v>
      </c>
      <c r="H8366" t="s">
        <v>81</v>
      </c>
      <c r="I8366" s="2">
        <v>1</v>
      </c>
      <c r="J8366" s="2">
        <v>0</v>
      </c>
      <c r="K8366" s="2">
        <v>0</v>
      </c>
      <c r="L8366" t="s">
        <v>120</v>
      </c>
      <c r="M8366" t="s">
        <v>83</v>
      </c>
      <c r="N8366" t="s">
        <v>84</v>
      </c>
      <c r="O8366" t="s">
        <v>85</v>
      </c>
      <c r="P8366" t="s">
        <v>86</v>
      </c>
      <c r="Q8366">
        <v>8</v>
      </c>
      <c r="R8366">
        <v>8</v>
      </c>
      <c r="S8366">
        <v>9</v>
      </c>
      <c r="T8366">
        <v>9</v>
      </c>
      <c r="U8366">
        <v>9</v>
      </c>
      <c r="V8366">
        <v>9</v>
      </c>
      <c r="W8366">
        <v>9</v>
      </c>
      <c r="X8366">
        <v>9</v>
      </c>
      <c r="Y8366">
        <v>9</v>
      </c>
      <c r="Z8366">
        <v>9</v>
      </c>
      <c r="AA8366">
        <v>9</v>
      </c>
      <c r="AB8366">
        <v>9</v>
      </c>
      <c r="AC8366">
        <v>9</v>
      </c>
      <c r="AD8366">
        <v>9</v>
      </c>
      <c r="AE8366">
        <v>9</v>
      </c>
      <c r="AF8366">
        <v>9</v>
      </c>
      <c r="AG8366">
        <v>9</v>
      </c>
      <c r="AH8366">
        <v>9</v>
      </c>
      <c r="AI8366">
        <v>9</v>
      </c>
      <c r="AJ8366">
        <v>9</v>
      </c>
      <c r="AK8366">
        <v>9</v>
      </c>
      <c r="AL8366">
        <v>9</v>
      </c>
      <c r="AM8366">
        <v>9</v>
      </c>
      <c r="AN8366">
        <v>9</v>
      </c>
      <c r="AO8366">
        <v>9</v>
      </c>
      <c r="AP8366">
        <v>9</v>
      </c>
      <c r="AQ8366">
        <v>9</v>
      </c>
    </row>
    <row r="8367" spans="1:43">
      <c r="A8367" t="s">
        <v>5228</v>
      </c>
      <c r="B8367" t="s">
        <v>5229</v>
      </c>
      <c r="C8367" t="s">
        <v>4976</v>
      </c>
      <c r="D8367" t="s">
        <v>4977</v>
      </c>
      <c r="E8367" t="s">
        <v>4916</v>
      </c>
      <c r="F8367" t="s">
        <v>4917</v>
      </c>
      <c r="G8367" t="s">
        <v>80</v>
      </c>
      <c r="H8367" t="s">
        <v>81</v>
      </c>
      <c r="I8367" s="2">
        <v>1</v>
      </c>
      <c r="J8367" s="2">
        <v>0</v>
      </c>
      <c r="K8367" s="2">
        <v>0</v>
      </c>
      <c r="L8367" t="s">
        <v>120</v>
      </c>
      <c r="M8367" t="s">
        <v>87</v>
      </c>
      <c r="N8367" t="s">
        <v>88</v>
      </c>
      <c r="O8367" t="s">
        <v>85</v>
      </c>
      <c r="P8367" t="s">
        <v>86</v>
      </c>
      <c r="Q8367">
        <v>8</v>
      </c>
      <c r="R8367">
        <v>8</v>
      </c>
      <c r="S8367">
        <v>8</v>
      </c>
      <c r="T8367">
        <v>8</v>
      </c>
      <c r="U8367">
        <v>8</v>
      </c>
      <c r="V8367">
        <v>8</v>
      </c>
      <c r="W8367">
        <v>8</v>
      </c>
      <c r="X8367">
        <v>8</v>
      </c>
      <c r="Y8367">
        <v>8</v>
      </c>
      <c r="Z8367">
        <v>8</v>
      </c>
      <c r="AA8367">
        <v>8</v>
      </c>
      <c r="AB8367">
        <v>8</v>
      </c>
      <c r="AC8367">
        <v>8</v>
      </c>
      <c r="AD8367">
        <v>8</v>
      </c>
      <c r="AE8367">
        <v>8</v>
      </c>
      <c r="AF8367">
        <v>8</v>
      </c>
      <c r="AG8367">
        <v>8</v>
      </c>
      <c r="AH8367">
        <v>8</v>
      </c>
      <c r="AI8367">
        <v>8</v>
      </c>
      <c r="AJ8367">
        <v>8</v>
      </c>
      <c r="AK8367">
        <v>8</v>
      </c>
      <c r="AL8367">
        <v>8</v>
      </c>
      <c r="AM8367">
        <v>8</v>
      </c>
      <c r="AN8367">
        <v>8</v>
      </c>
      <c r="AO8367">
        <v>8</v>
      </c>
      <c r="AP8367">
        <v>8</v>
      </c>
      <c r="AQ8367">
        <v>8</v>
      </c>
    </row>
    <row r="8368" spans="1:43">
      <c r="A8368" t="s">
        <v>5228</v>
      </c>
      <c r="B8368" t="s">
        <v>5229</v>
      </c>
      <c r="C8368" t="s">
        <v>4976</v>
      </c>
      <c r="D8368" t="s">
        <v>4977</v>
      </c>
      <c r="E8368" t="s">
        <v>4916</v>
      </c>
      <c r="F8368" t="s">
        <v>4917</v>
      </c>
      <c r="G8368" t="s">
        <v>80</v>
      </c>
      <c r="H8368" t="s">
        <v>81</v>
      </c>
      <c r="I8368" s="2">
        <v>1</v>
      </c>
      <c r="J8368" s="2">
        <v>0</v>
      </c>
      <c r="K8368" s="2">
        <v>0</v>
      </c>
      <c r="L8368" t="s">
        <v>120</v>
      </c>
      <c r="M8368" t="s">
        <v>89</v>
      </c>
      <c r="N8368" t="s">
        <v>90</v>
      </c>
      <c r="O8368" t="s">
        <v>85</v>
      </c>
      <c r="P8368" t="s">
        <v>86</v>
      </c>
      <c r="Q8368">
        <v>8</v>
      </c>
      <c r="R8368">
        <v>9</v>
      </c>
      <c r="S8368">
        <v>9</v>
      </c>
      <c r="T8368">
        <v>9</v>
      </c>
      <c r="U8368">
        <v>9</v>
      </c>
      <c r="V8368">
        <v>9</v>
      </c>
      <c r="W8368">
        <v>9</v>
      </c>
      <c r="X8368">
        <v>9</v>
      </c>
      <c r="Y8368">
        <v>9</v>
      </c>
      <c r="Z8368">
        <v>9</v>
      </c>
      <c r="AA8368">
        <v>9</v>
      </c>
      <c r="AB8368">
        <v>9</v>
      </c>
      <c r="AC8368">
        <v>10</v>
      </c>
      <c r="AD8368">
        <v>10</v>
      </c>
      <c r="AE8368">
        <v>10</v>
      </c>
      <c r="AF8368">
        <v>10</v>
      </c>
      <c r="AG8368">
        <v>10</v>
      </c>
      <c r="AH8368">
        <v>9</v>
      </c>
      <c r="AI8368">
        <v>9</v>
      </c>
      <c r="AJ8368">
        <v>9</v>
      </c>
      <c r="AK8368">
        <v>9</v>
      </c>
      <c r="AL8368">
        <v>9</v>
      </c>
      <c r="AM8368">
        <v>9</v>
      </c>
      <c r="AN8368">
        <v>9</v>
      </c>
      <c r="AO8368">
        <v>9</v>
      </c>
      <c r="AP8368">
        <v>9</v>
      </c>
      <c r="AQ8368">
        <v>9</v>
      </c>
    </row>
    <row r="8369" spans="1:43">
      <c r="A8369" t="s">
        <v>5228</v>
      </c>
      <c r="B8369" t="s">
        <v>5229</v>
      </c>
      <c r="C8369" t="s">
        <v>4976</v>
      </c>
      <c r="D8369" t="s">
        <v>4977</v>
      </c>
      <c r="E8369" t="s">
        <v>4916</v>
      </c>
      <c r="F8369" t="s">
        <v>4917</v>
      </c>
      <c r="G8369" t="s">
        <v>80</v>
      </c>
      <c r="H8369" t="s">
        <v>81</v>
      </c>
      <c r="I8369" s="2">
        <v>1</v>
      </c>
      <c r="J8369" s="2">
        <v>0</v>
      </c>
      <c r="K8369" s="2">
        <v>0</v>
      </c>
      <c r="L8369" t="s">
        <v>120</v>
      </c>
      <c r="M8369" t="s">
        <v>83</v>
      </c>
      <c r="N8369" t="s">
        <v>91</v>
      </c>
      <c r="O8369" t="s">
        <v>85</v>
      </c>
      <c r="P8369" t="s">
        <v>86</v>
      </c>
      <c r="Q8369">
        <v>8</v>
      </c>
      <c r="R8369">
        <v>8</v>
      </c>
      <c r="S8369">
        <v>9</v>
      </c>
      <c r="T8369">
        <v>9</v>
      </c>
      <c r="U8369">
        <v>9</v>
      </c>
      <c r="V8369">
        <v>9</v>
      </c>
      <c r="W8369">
        <v>9</v>
      </c>
      <c r="X8369">
        <v>9</v>
      </c>
      <c r="Y8369">
        <v>9</v>
      </c>
      <c r="Z8369">
        <v>9</v>
      </c>
      <c r="AA8369">
        <v>9</v>
      </c>
      <c r="AB8369">
        <v>9</v>
      </c>
      <c r="AC8369">
        <v>9</v>
      </c>
      <c r="AD8369">
        <v>9</v>
      </c>
      <c r="AE8369">
        <v>9</v>
      </c>
      <c r="AF8369">
        <v>9</v>
      </c>
      <c r="AG8369">
        <v>9</v>
      </c>
      <c r="AH8369">
        <v>9</v>
      </c>
      <c r="AI8369">
        <v>9</v>
      </c>
      <c r="AJ8369">
        <v>9</v>
      </c>
      <c r="AK8369">
        <v>9</v>
      </c>
      <c r="AL8369">
        <v>9</v>
      </c>
      <c r="AM8369">
        <v>9</v>
      </c>
      <c r="AN8369">
        <v>9</v>
      </c>
      <c r="AO8369">
        <v>9</v>
      </c>
      <c r="AP8369">
        <v>9</v>
      </c>
      <c r="AQ8369">
        <v>9</v>
      </c>
    </row>
    <row r="8370" spans="1:43">
      <c r="A8370" t="s">
        <v>5230</v>
      </c>
      <c r="B8370" t="s">
        <v>5231</v>
      </c>
      <c r="C8370" t="s">
        <v>5216</v>
      </c>
      <c r="D8370" t="s">
        <v>5217</v>
      </c>
      <c r="E8370" t="s">
        <v>4916</v>
      </c>
      <c r="F8370" t="s">
        <v>4917</v>
      </c>
      <c r="G8370" t="s">
        <v>80</v>
      </c>
      <c r="H8370" t="s">
        <v>81</v>
      </c>
      <c r="I8370" s="2">
        <v>1</v>
      </c>
      <c r="J8370" s="2">
        <v>0</v>
      </c>
      <c r="K8370" s="2">
        <v>0</v>
      </c>
      <c r="L8370" t="s">
        <v>120</v>
      </c>
      <c r="M8370" t="s">
        <v>83</v>
      </c>
      <c r="N8370" t="s">
        <v>84</v>
      </c>
      <c r="O8370" t="s">
        <v>85</v>
      </c>
      <c r="P8370" t="s">
        <v>86</v>
      </c>
      <c r="Q8370">
        <v>27</v>
      </c>
      <c r="R8370">
        <v>27</v>
      </c>
      <c r="S8370">
        <v>27</v>
      </c>
      <c r="T8370">
        <v>27</v>
      </c>
      <c r="U8370">
        <v>28</v>
      </c>
      <c r="V8370">
        <v>28</v>
      </c>
      <c r="W8370">
        <v>28</v>
      </c>
      <c r="X8370">
        <v>28</v>
      </c>
      <c r="Y8370">
        <v>28</v>
      </c>
      <c r="Z8370">
        <v>28</v>
      </c>
      <c r="AA8370">
        <v>28</v>
      </c>
      <c r="AB8370">
        <v>28</v>
      </c>
      <c r="AC8370">
        <v>29</v>
      </c>
      <c r="AD8370">
        <v>29</v>
      </c>
      <c r="AE8370">
        <v>29</v>
      </c>
      <c r="AF8370">
        <v>29</v>
      </c>
      <c r="AG8370">
        <v>29</v>
      </c>
      <c r="AH8370">
        <v>29</v>
      </c>
      <c r="AI8370">
        <v>29</v>
      </c>
      <c r="AJ8370">
        <v>29</v>
      </c>
      <c r="AK8370">
        <v>29</v>
      </c>
      <c r="AL8370">
        <v>29</v>
      </c>
      <c r="AM8370">
        <v>29</v>
      </c>
      <c r="AN8370">
        <v>29</v>
      </c>
      <c r="AO8370">
        <v>29</v>
      </c>
      <c r="AP8370">
        <v>29</v>
      </c>
      <c r="AQ8370">
        <v>28</v>
      </c>
    </row>
    <row r="8371" spans="1:43">
      <c r="A8371" t="s">
        <v>5230</v>
      </c>
      <c r="B8371" t="s">
        <v>5231</v>
      </c>
      <c r="C8371" t="s">
        <v>5216</v>
      </c>
      <c r="D8371" t="s">
        <v>5217</v>
      </c>
      <c r="E8371" t="s">
        <v>4916</v>
      </c>
      <c r="F8371" t="s">
        <v>4917</v>
      </c>
      <c r="G8371" t="s">
        <v>80</v>
      </c>
      <c r="H8371" t="s">
        <v>81</v>
      </c>
      <c r="I8371" s="2">
        <v>1</v>
      </c>
      <c r="J8371" s="2">
        <v>0</v>
      </c>
      <c r="K8371" s="2">
        <v>0</v>
      </c>
      <c r="L8371" t="s">
        <v>120</v>
      </c>
      <c r="M8371" t="s">
        <v>87</v>
      </c>
      <c r="N8371" t="s">
        <v>88</v>
      </c>
      <c r="O8371" t="s">
        <v>85</v>
      </c>
      <c r="P8371" t="s">
        <v>86</v>
      </c>
      <c r="Q8371">
        <v>27</v>
      </c>
      <c r="R8371">
        <v>27</v>
      </c>
      <c r="S8371">
        <v>26</v>
      </c>
      <c r="T8371">
        <v>26</v>
      </c>
      <c r="U8371">
        <v>26</v>
      </c>
      <c r="V8371">
        <v>26</v>
      </c>
      <c r="W8371">
        <v>26</v>
      </c>
      <c r="X8371">
        <v>26</v>
      </c>
      <c r="Y8371">
        <v>26</v>
      </c>
      <c r="Z8371">
        <v>26</v>
      </c>
      <c r="AA8371">
        <v>26</v>
      </c>
      <c r="AB8371">
        <v>26</v>
      </c>
      <c r="AC8371">
        <v>26</v>
      </c>
      <c r="AD8371">
        <v>26</v>
      </c>
      <c r="AE8371">
        <v>26</v>
      </c>
      <c r="AF8371">
        <v>26</v>
      </c>
      <c r="AG8371">
        <v>25</v>
      </c>
      <c r="AH8371">
        <v>25</v>
      </c>
      <c r="AI8371">
        <v>25</v>
      </c>
      <c r="AJ8371">
        <v>25</v>
      </c>
      <c r="AK8371">
        <v>25</v>
      </c>
      <c r="AL8371">
        <v>25</v>
      </c>
      <c r="AM8371">
        <v>25</v>
      </c>
      <c r="AN8371">
        <v>25</v>
      </c>
      <c r="AO8371">
        <v>25</v>
      </c>
      <c r="AP8371">
        <v>25</v>
      </c>
      <c r="AQ8371">
        <v>25</v>
      </c>
    </row>
    <row r="8372" spans="1:43">
      <c r="A8372" t="s">
        <v>5230</v>
      </c>
      <c r="B8372" t="s">
        <v>5231</v>
      </c>
      <c r="C8372" t="s">
        <v>5216</v>
      </c>
      <c r="D8372" t="s">
        <v>5217</v>
      </c>
      <c r="E8372" t="s">
        <v>4916</v>
      </c>
      <c r="F8372" t="s">
        <v>4917</v>
      </c>
      <c r="G8372" t="s">
        <v>80</v>
      </c>
      <c r="H8372" t="s">
        <v>81</v>
      </c>
      <c r="I8372" s="2">
        <v>1</v>
      </c>
      <c r="J8372" s="2">
        <v>0</v>
      </c>
      <c r="K8372" s="2">
        <v>0</v>
      </c>
      <c r="L8372" t="s">
        <v>120</v>
      </c>
      <c r="M8372" t="s">
        <v>89</v>
      </c>
      <c r="N8372" t="s">
        <v>90</v>
      </c>
      <c r="O8372" t="s">
        <v>85</v>
      </c>
      <c r="P8372" t="s">
        <v>86</v>
      </c>
      <c r="Q8372">
        <v>27</v>
      </c>
      <c r="R8372">
        <v>28</v>
      </c>
      <c r="S8372">
        <v>28</v>
      </c>
      <c r="T8372">
        <v>28</v>
      </c>
      <c r="U8372">
        <v>29</v>
      </c>
      <c r="V8372">
        <v>29</v>
      </c>
      <c r="W8372">
        <v>29</v>
      </c>
      <c r="X8372">
        <v>29</v>
      </c>
      <c r="Y8372">
        <v>30</v>
      </c>
      <c r="Z8372">
        <v>30</v>
      </c>
      <c r="AA8372">
        <v>30</v>
      </c>
      <c r="AB8372">
        <v>30</v>
      </c>
      <c r="AC8372">
        <v>31</v>
      </c>
      <c r="AD8372">
        <v>31</v>
      </c>
      <c r="AE8372">
        <v>31</v>
      </c>
      <c r="AF8372">
        <v>31</v>
      </c>
      <c r="AG8372">
        <v>30</v>
      </c>
      <c r="AH8372">
        <v>30</v>
      </c>
      <c r="AI8372">
        <v>30</v>
      </c>
      <c r="AJ8372">
        <v>30</v>
      </c>
      <c r="AK8372">
        <v>30</v>
      </c>
      <c r="AL8372">
        <v>30</v>
      </c>
      <c r="AM8372">
        <v>29</v>
      </c>
      <c r="AN8372">
        <v>29</v>
      </c>
      <c r="AO8372">
        <v>29</v>
      </c>
      <c r="AP8372">
        <v>29</v>
      </c>
      <c r="AQ8372">
        <v>29</v>
      </c>
    </row>
    <row r="8373" spans="1:43">
      <c r="A8373" t="s">
        <v>5230</v>
      </c>
      <c r="B8373" t="s">
        <v>5231</v>
      </c>
      <c r="C8373" t="s">
        <v>5216</v>
      </c>
      <c r="D8373" t="s">
        <v>5217</v>
      </c>
      <c r="E8373" t="s">
        <v>4916</v>
      </c>
      <c r="F8373" t="s">
        <v>4917</v>
      </c>
      <c r="G8373" t="s">
        <v>80</v>
      </c>
      <c r="H8373" t="s">
        <v>81</v>
      </c>
      <c r="I8373" s="2">
        <v>1</v>
      </c>
      <c r="J8373" s="2">
        <v>0</v>
      </c>
      <c r="K8373" s="2">
        <v>0</v>
      </c>
      <c r="L8373" t="s">
        <v>120</v>
      </c>
      <c r="M8373" t="s">
        <v>83</v>
      </c>
      <c r="N8373" t="s">
        <v>91</v>
      </c>
      <c r="O8373" t="s">
        <v>85</v>
      </c>
      <c r="P8373" t="s">
        <v>86</v>
      </c>
      <c r="Q8373">
        <v>27</v>
      </c>
      <c r="R8373">
        <v>27</v>
      </c>
      <c r="S8373">
        <v>27</v>
      </c>
      <c r="T8373">
        <v>27</v>
      </c>
      <c r="U8373">
        <v>28</v>
      </c>
      <c r="V8373">
        <v>28</v>
      </c>
      <c r="W8373">
        <v>28</v>
      </c>
      <c r="X8373">
        <v>28</v>
      </c>
      <c r="Y8373">
        <v>28</v>
      </c>
      <c r="Z8373">
        <v>28</v>
      </c>
      <c r="AA8373">
        <v>28</v>
      </c>
      <c r="AB8373">
        <v>28</v>
      </c>
      <c r="AC8373">
        <v>29</v>
      </c>
      <c r="AD8373">
        <v>29</v>
      </c>
      <c r="AE8373">
        <v>29</v>
      </c>
      <c r="AF8373">
        <v>29</v>
      </c>
      <c r="AG8373">
        <v>29</v>
      </c>
      <c r="AH8373">
        <v>29</v>
      </c>
      <c r="AI8373">
        <v>29</v>
      </c>
      <c r="AJ8373">
        <v>29</v>
      </c>
      <c r="AK8373">
        <v>29</v>
      </c>
      <c r="AL8373">
        <v>29</v>
      </c>
      <c r="AM8373">
        <v>29</v>
      </c>
      <c r="AN8373">
        <v>29</v>
      </c>
      <c r="AO8373">
        <v>29</v>
      </c>
      <c r="AP8373">
        <v>29</v>
      </c>
      <c r="AQ8373">
        <v>28</v>
      </c>
    </row>
    <row r="8374" spans="1:43">
      <c r="A8374" t="s">
        <v>5232</v>
      </c>
      <c r="B8374" t="s">
        <v>5233</v>
      </c>
      <c r="C8374" t="s">
        <v>5148</v>
      </c>
      <c r="D8374" t="s">
        <v>5149</v>
      </c>
      <c r="E8374" t="s">
        <v>4916</v>
      </c>
      <c r="F8374" t="s">
        <v>4917</v>
      </c>
      <c r="G8374" t="s">
        <v>80</v>
      </c>
      <c r="H8374" t="s">
        <v>81</v>
      </c>
      <c r="I8374" s="2">
        <v>1</v>
      </c>
      <c r="J8374" s="2">
        <v>0</v>
      </c>
      <c r="K8374" s="2">
        <v>0</v>
      </c>
      <c r="L8374" t="s">
        <v>120</v>
      </c>
      <c r="M8374" t="s">
        <v>83</v>
      </c>
      <c r="N8374" t="s">
        <v>84</v>
      </c>
      <c r="O8374" t="s">
        <v>85</v>
      </c>
      <c r="P8374" t="s">
        <v>86</v>
      </c>
      <c r="Q8374">
        <v>14</v>
      </c>
      <c r="R8374">
        <v>14</v>
      </c>
      <c r="S8374">
        <v>14</v>
      </c>
      <c r="T8374">
        <v>15</v>
      </c>
      <c r="U8374">
        <v>15</v>
      </c>
      <c r="V8374">
        <v>15</v>
      </c>
      <c r="W8374">
        <v>15</v>
      </c>
      <c r="X8374">
        <v>15</v>
      </c>
      <c r="Y8374">
        <v>15</v>
      </c>
      <c r="Z8374">
        <v>15</v>
      </c>
      <c r="AA8374">
        <v>15</v>
      </c>
      <c r="AB8374">
        <v>15</v>
      </c>
      <c r="AC8374">
        <v>15</v>
      </c>
      <c r="AD8374">
        <v>15</v>
      </c>
      <c r="AE8374">
        <v>15</v>
      </c>
      <c r="AF8374">
        <v>15</v>
      </c>
      <c r="AG8374">
        <v>15</v>
      </c>
      <c r="AH8374">
        <v>15</v>
      </c>
      <c r="AI8374">
        <v>15</v>
      </c>
      <c r="AJ8374">
        <v>15</v>
      </c>
      <c r="AK8374">
        <v>15</v>
      </c>
      <c r="AL8374">
        <v>15</v>
      </c>
      <c r="AM8374">
        <v>15</v>
      </c>
      <c r="AN8374">
        <v>15</v>
      </c>
      <c r="AO8374">
        <v>15</v>
      </c>
      <c r="AP8374">
        <v>15</v>
      </c>
      <c r="AQ8374">
        <v>15</v>
      </c>
    </row>
    <row r="8375" spans="1:43">
      <c r="A8375" t="s">
        <v>5232</v>
      </c>
      <c r="B8375" t="s">
        <v>5233</v>
      </c>
      <c r="C8375" t="s">
        <v>5148</v>
      </c>
      <c r="D8375" t="s">
        <v>5149</v>
      </c>
      <c r="E8375" t="s">
        <v>4916</v>
      </c>
      <c r="F8375" t="s">
        <v>4917</v>
      </c>
      <c r="G8375" t="s">
        <v>80</v>
      </c>
      <c r="H8375" t="s">
        <v>81</v>
      </c>
      <c r="I8375" s="2">
        <v>1</v>
      </c>
      <c r="J8375" s="2">
        <v>0</v>
      </c>
      <c r="K8375" s="2">
        <v>0</v>
      </c>
      <c r="L8375" t="s">
        <v>120</v>
      </c>
      <c r="M8375" t="s">
        <v>87</v>
      </c>
      <c r="N8375" t="s">
        <v>88</v>
      </c>
      <c r="O8375" t="s">
        <v>85</v>
      </c>
      <c r="P8375" t="s">
        <v>86</v>
      </c>
      <c r="Q8375">
        <v>14</v>
      </c>
      <c r="R8375">
        <v>14</v>
      </c>
      <c r="S8375">
        <v>14</v>
      </c>
      <c r="T8375">
        <v>14</v>
      </c>
      <c r="U8375">
        <v>14</v>
      </c>
      <c r="V8375">
        <v>14</v>
      </c>
      <c r="W8375">
        <v>14</v>
      </c>
      <c r="X8375">
        <v>14</v>
      </c>
      <c r="Y8375">
        <v>14</v>
      </c>
      <c r="Z8375">
        <v>14</v>
      </c>
      <c r="AA8375">
        <v>14</v>
      </c>
      <c r="AB8375">
        <v>14</v>
      </c>
      <c r="AC8375">
        <v>14</v>
      </c>
      <c r="AD8375">
        <v>14</v>
      </c>
      <c r="AE8375">
        <v>14</v>
      </c>
      <c r="AF8375">
        <v>13</v>
      </c>
      <c r="AG8375">
        <v>13</v>
      </c>
      <c r="AH8375">
        <v>13</v>
      </c>
      <c r="AI8375">
        <v>13</v>
      </c>
      <c r="AJ8375">
        <v>13</v>
      </c>
      <c r="AK8375">
        <v>13</v>
      </c>
      <c r="AL8375">
        <v>13</v>
      </c>
      <c r="AM8375">
        <v>13</v>
      </c>
      <c r="AN8375">
        <v>13</v>
      </c>
      <c r="AO8375">
        <v>13</v>
      </c>
      <c r="AP8375">
        <v>13</v>
      </c>
      <c r="AQ8375">
        <v>13</v>
      </c>
    </row>
    <row r="8376" spans="1:43">
      <c r="A8376" t="s">
        <v>5232</v>
      </c>
      <c r="B8376" t="s">
        <v>5233</v>
      </c>
      <c r="C8376" t="s">
        <v>5148</v>
      </c>
      <c r="D8376" t="s">
        <v>5149</v>
      </c>
      <c r="E8376" t="s">
        <v>4916</v>
      </c>
      <c r="F8376" t="s">
        <v>4917</v>
      </c>
      <c r="G8376" t="s">
        <v>80</v>
      </c>
      <c r="H8376" t="s">
        <v>81</v>
      </c>
      <c r="I8376" s="2">
        <v>1</v>
      </c>
      <c r="J8376" s="2">
        <v>0</v>
      </c>
      <c r="K8376" s="2">
        <v>0</v>
      </c>
      <c r="L8376" t="s">
        <v>120</v>
      </c>
      <c r="M8376" t="s">
        <v>89</v>
      </c>
      <c r="N8376" t="s">
        <v>90</v>
      </c>
      <c r="O8376" t="s">
        <v>85</v>
      </c>
      <c r="P8376" t="s">
        <v>86</v>
      </c>
      <c r="Q8376">
        <v>14</v>
      </c>
      <c r="R8376">
        <v>15</v>
      </c>
      <c r="S8376">
        <v>15</v>
      </c>
      <c r="T8376">
        <v>15</v>
      </c>
      <c r="U8376">
        <v>15</v>
      </c>
      <c r="V8376">
        <v>15</v>
      </c>
      <c r="W8376">
        <v>16</v>
      </c>
      <c r="X8376">
        <v>16</v>
      </c>
      <c r="Y8376">
        <v>16</v>
      </c>
      <c r="Z8376">
        <v>16</v>
      </c>
      <c r="AA8376">
        <v>16</v>
      </c>
      <c r="AB8376">
        <v>16</v>
      </c>
      <c r="AC8376">
        <v>16</v>
      </c>
      <c r="AD8376">
        <v>16</v>
      </c>
      <c r="AE8376">
        <v>16</v>
      </c>
      <c r="AF8376">
        <v>16</v>
      </c>
      <c r="AG8376">
        <v>16</v>
      </c>
      <c r="AH8376">
        <v>16</v>
      </c>
      <c r="AI8376">
        <v>16</v>
      </c>
      <c r="AJ8376">
        <v>16</v>
      </c>
      <c r="AK8376">
        <v>16</v>
      </c>
      <c r="AL8376">
        <v>16</v>
      </c>
      <c r="AM8376">
        <v>15</v>
      </c>
      <c r="AN8376">
        <v>15</v>
      </c>
      <c r="AO8376">
        <v>15</v>
      </c>
      <c r="AP8376">
        <v>15</v>
      </c>
      <c r="AQ8376">
        <v>15</v>
      </c>
    </row>
    <row r="8377" spans="1:43">
      <c r="A8377" t="s">
        <v>5232</v>
      </c>
      <c r="B8377" t="s">
        <v>5233</v>
      </c>
      <c r="C8377" t="s">
        <v>5148</v>
      </c>
      <c r="D8377" t="s">
        <v>5149</v>
      </c>
      <c r="E8377" t="s">
        <v>4916</v>
      </c>
      <c r="F8377" t="s">
        <v>4917</v>
      </c>
      <c r="G8377" t="s">
        <v>80</v>
      </c>
      <c r="H8377" t="s">
        <v>81</v>
      </c>
      <c r="I8377" s="2">
        <v>1</v>
      </c>
      <c r="J8377" s="2">
        <v>0</v>
      </c>
      <c r="K8377" s="2">
        <v>0</v>
      </c>
      <c r="L8377" t="s">
        <v>120</v>
      </c>
      <c r="M8377" t="s">
        <v>83</v>
      </c>
      <c r="N8377" t="s">
        <v>91</v>
      </c>
      <c r="O8377" t="s">
        <v>85</v>
      </c>
      <c r="P8377" t="s">
        <v>86</v>
      </c>
      <c r="Q8377">
        <v>14</v>
      </c>
      <c r="R8377">
        <v>14</v>
      </c>
      <c r="S8377">
        <v>14</v>
      </c>
      <c r="T8377">
        <v>15</v>
      </c>
      <c r="U8377">
        <v>15</v>
      </c>
      <c r="V8377">
        <v>15</v>
      </c>
      <c r="W8377">
        <v>15</v>
      </c>
      <c r="X8377">
        <v>15</v>
      </c>
      <c r="Y8377">
        <v>15</v>
      </c>
      <c r="Z8377">
        <v>15</v>
      </c>
      <c r="AA8377">
        <v>15</v>
      </c>
      <c r="AB8377">
        <v>15</v>
      </c>
      <c r="AC8377">
        <v>15</v>
      </c>
      <c r="AD8377">
        <v>15</v>
      </c>
      <c r="AE8377">
        <v>15</v>
      </c>
      <c r="AF8377">
        <v>15</v>
      </c>
      <c r="AG8377">
        <v>15</v>
      </c>
      <c r="AH8377">
        <v>15</v>
      </c>
      <c r="AI8377">
        <v>15</v>
      </c>
      <c r="AJ8377">
        <v>15</v>
      </c>
      <c r="AK8377">
        <v>15</v>
      </c>
      <c r="AL8377">
        <v>15</v>
      </c>
      <c r="AM8377">
        <v>15</v>
      </c>
      <c r="AN8377">
        <v>15</v>
      </c>
      <c r="AO8377">
        <v>15</v>
      </c>
      <c r="AP8377">
        <v>15</v>
      </c>
      <c r="AQ8377">
        <v>15</v>
      </c>
    </row>
    <row r="8378" spans="1:43">
      <c r="A8378" t="s">
        <v>5234</v>
      </c>
      <c r="B8378" t="s">
        <v>5235</v>
      </c>
      <c r="C8378" t="s">
        <v>4982</v>
      </c>
      <c r="D8378" t="s">
        <v>4983</v>
      </c>
      <c r="E8378" t="s">
        <v>4916</v>
      </c>
      <c r="F8378" t="s">
        <v>4917</v>
      </c>
      <c r="G8378" t="s">
        <v>80</v>
      </c>
      <c r="H8378" t="s">
        <v>81</v>
      </c>
      <c r="I8378" s="2">
        <v>1</v>
      </c>
      <c r="J8378" s="2">
        <v>0</v>
      </c>
      <c r="K8378" s="2">
        <v>0</v>
      </c>
      <c r="L8378" t="s">
        <v>120</v>
      </c>
      <c r="M8378" t="s">
        <v>83</v>
      </c>
      <c r="N8378" t="s">
        <v>84</v>
      </c>
      <c r="O8378" t="s">
        <v>85</v>
      </c>
      <c r="P8378" t="s">
        <v>86</v>
      </c>
      <c r="Q8378">
        <v>25</v>
      </c>
      <c r="R8378">
        <v>25</v>
      </c>
      <c r="S8378">
        <v>26</v>
      </c>
      <c r="T8378">
        <v>26</v>
      </c>
      <c r="U8378">
        <v>26</v>
      </c>
      <c r="V8378">
        <v>26</v>
      </c>
      <c r="W8378">
        <v>26</v>
      </c>
      <c r="X8378">
        <v>26</v>
      </c>
      <c r="Y8378">
        <v>26</v>
      </c>
      <c r="Z8378">
        <v>27</v>
      </c>
      <c r="AA8378">
        <v>27</v>
      </c>
      <c r="AB8378">
        <v>27</v>
      </c>
      <c r="AC8378">
        <v>27</v>
      </c>
      <c r="AD8378">
        <v>27</v>
      </c>
      <c r="AE8378">
        <v>27</v>
      </c>
      <c r="AF8378">
        <v>27</v>
      </c>
      <c r="AG8378">
        <v>27</v>
      </c>
      <c r="AH8378">
        <v>27</v>
      </c>
      <c r="AI8378">
        <v>27</v>
      </c>
      <c r="AJ8378">
        <v>27</v>
      </c>
      <c r="AK8378">
        <v>27</v>
      </c>
      <c r="AL8378">
        <v>27</v>
      </c>
      <c r="AM8378">
        <v>27</v>
      </c>
      <c r="AN8378">
        <v>27</v>
      </c>
      <c r="AO8378">
        <v>27</v>
      </c>
      <c r="AP8378">
        <v>27</v>
      </c>
      <c r="AQ8378">
        <v>27</v>
      </c>
    </row>
    <row r="8379" spans="1:43">
      <c r="A8379" t="s">
        <v>5234</v>
      </c>
      <c r="B8379" t="s">
        <v>5235</v>
      </c>
      <c r="C8379" t="s">
        <v>4982</v>
      </c>
      <c r="D8379" t="s">
        <v>4983</v>
      </c>
      <c r="E8379" t="s">
        <v>4916</v>
      </c>
      <c r="F8379" t="s">
        <v>4917</v>
      </c>
      <c r="G8379" t="s">
        <v>80</v>
      </c>
      <c r="H8379" t="s">
        <v>81</v>
      </c>
      <c r="I8379" s="2">
        <v>1</v>
      </c>
      <c r="J8379" s="2">
        <v>0</v>
      </c>
      <c r="K8379" s="2">
        <v>0</v>
      </c>
      <c r="L8379" t="s">
        <v>120</v>
      </c>
      <c r="M8379" t="s">
        <v>87</v>
      </c>
      <c r="N8379" t="s">
        <v>88</v>
      </c>
      <c r="O8379" t="s">
        <v>85</v>
      </c>
      <c r="P8379" t="s">
        <v>86</v>
      </c>
      <c r="Q8379">
        <v>25</v>
      </c>
      <c r="R8379">
        <v>25</v>
      </c>
      <c r="S8379">
        <v>25</v>
      </c>
      <c r="T8379">
        <v>25</v>
      </c>
      <c r="U8379">
        <v>25</v>
      </c>
      <c r="V8379">
        <v>25</v>
      </c>
      <c r="W8379">
        <v>25</v>
      </c>
      <c r="X8379">
        <v>25</v>
      </c>
      <c r="Y8379">
        <v>25</v>
      </c>
      <c r="Z8379">
        <v>24</v>
      </c>
      <c r="AA8379">
        <v>24</v>
      </c>
      <c r="AB8379">
        <v>24</v>
      </c>
      <c r="AC8379">
        <v>24</v>
      </c>
      <c r="AD8379">
        <v>24</v>
      </c>
      <c r="AE8379">
        <v>24</v>
      </c>
      <c r="AF8379">
        <v>24</v>
      </c>
      <c r="AG8379">
        <v>24</v>
      </c>
      <c r="AH8379">
        <v>24</v>
      </c>
      <c r="AI8379">
        <v>24</v>
      </c>
      <c r="AJ8379">
        <v>24</v>
      </c>
      <c r="AK8379">
        <v>24</v>
      </c>
      <c r="AL8379">
        <v>24</v>
      </c>
      <c r="AM8379">
        <v>24</v>
      </c>
      <c r="AN8379">
        <v>23</v>
      </c>
      <c r="AO8379">
        <v>23</v>
      </c>
      <c r="AP8379">
        <v>23</v>
      </c>
      <c r="AQ8379">
        <v>23</v>
      </c>
    </row>
    <row r="8380" spans="1:43">
      <c r="A8380" t="s">
        <v>5234</v>
      </c>
      <c r="B8380" t="s">
        <v>5235</v>
      </c>
      <c r="C8380" t="s">
        <v>4982</v>
      </c>
      <c r="D8380" t="s">
        <v>4983</v>
      </c>
      <c r="E8380" t="s">
        <v>4916</v>
      </c>
      <c r="F8380" t="s">
        <v>4917</v>
      </c>
      <c r="G8380" t="s">
        <v>80</v>
      </c>
      <c r="H8380" t="s">
        <v>81</v>
      </c>
      <c r="I8380" s="2">
        <v>1</v>
      </c>
      <c r="J8380" s="2">
        <v>0</v>
      </c>
      <c r="K8380" s="2">
        <v>0</v>
      </c>
      <c r="L8380" t="s">
        <v>120</v>
      </c>
      <c r="M8380" t="s">
        <v>89</v>
      </c>
      <c r="N8380" t="s">
        <v>90</v>
      </c>
      <c r="O8380" t="s">
        <v>85</v>
      </c>
      <c r="P8380" t="s">
        <v>86</v>
      </c>
      <c r="Q8380">
        <v>25</v>
      </c>
      <c r="R8380">
        <v>25</v>
      </c>
      <c r="S8380">
        <v>25</v>
      </c>
      <c r="T8380">
        <v>26</v>
      </c>
      <c r="U8380">
        <v>26</v>
      </c>
      <c r="V8380">
        <v>26</v>
      </c>
      <c r="W8380">
        <v>26</v>
      </c>
      <c r="X8380">
        <v>27</v>
      </c>
      <c r="Y8380">
        <v>27</v>
      </c>
      <c r="Z8380">
        <v>27</v>
      </c>
      <c r="AA8380">
        <v>27</v>
      </c>
      <c r="AB8380">
        <v>27</v>
      </c>
      <c r="AC8380">
        <v>28</v>
      </c>
      <c r="AD8380">
        <v>28</v>
      </c>
      <c r="AE8380">
        <v>28</v>
      </c>
      <c r="AF8380">
        <v>28</v>
      </c>
      <c r="AG8380">
        <v>28</v>
      </c>
      <c r="AH8380">
        <v>27</v>
      </c>
      <c r="AI8380">
        <v>27</v>
      </c>
      <c r="AJ8380">
        <v>27</v>
      </c>
      <c r="AK8380">
        <v>27</v>
      </c>
      <c r="AL8380">
        <v>27</v>
      </c>
      <c r="AM8380">
        <v>26</v>
      </c>
      <c r="AN8380">
        <v>26</v>
      </c>
      <c r="AO8380">
        <v>26</v>
      </c>
      <c r="AP8380">
        <v>26</v>
      </c>
      <c r="AQ8380">
        <v>26</v>
      </c>
    </row>
    <row r="8381" spans="1:43">
      <c r="A8381" t="s">
        <v>5234</v>
      </c>
      <c r="B8381" t="s">
        <v>5235</v>
      </c>
      <c r="C8381" t="s">
        <v>4982</v>
      </c>
      <c r="D8381" t="s">
        <v>4983</v>
      </c>
      <c r="E8381" t="s">
        <v>4916</v>
      </c>
      <c r="F8381" t="s">
        <v>4917</v>
      </c>
      <c r="G8381" t="s">
        <v>80</v>
      </c>
      <c r="H8381" t="s">
        <v>81</v>
      </c>
      <c r="I8381" s="2">
        <v>1</v>
      </c>
      <c r="J8381" s="2">
        <v>0</v>
      </c>
      <c r="K8381" s="2">
        <v>0</v>
      </c>
      <c r="L8381" t="s">
        <v>120</v>
      </c>
      <c r="M8381" t="s">
        <v>83</v>
      </c>
      <c r="N8381" t="s">
        <v>91</v>
      </c>
      <c r="O8381" t="s">
        <v>85</v>
      </c>
      <c r="P8381" t="s">
        <v>86</v>
      </c>
      <c r="Q8381">
        <v>25</v>
      </c>
      <c r="R8381">
        <v>25</v>
      </c>
      <c r="S8381">
        <v>26</v>
      </c>
      <c r="T8381">
        <v>26</v>
      </c>
      <c r="U8381">
        <v>26</v>
      </c>
      <c r="V8381">
        <v>26</v>
      </c>
      <c r="W8381">
        <v>26</v>
      </c>
      <c r="X8381">
        <v>26</v>
      </c>
      <c r="Y8381">
        <v>26</v>
      </c>
      <c r="Z8381">
        <v>27</v>
      </c>
      <c r="AA8381">
        <v>27</v>
      </c>
      <c r="AB8381">
        <v>27</v>
      </c>
      <c r="AC8381">
        <v>27</v>
      </c>
      <c r="AD8381">
        <v>27</v>
      </c>
      <c r="AE8381">
        <v>27</v>
      </c>
      <c r="AF8381">
        <v>27</v>
      </c>
      <c r="AG8381">
        <v>27</v>
      </c>
      <c r="AH8381">
        <v>27</v>
      </c>
      <c r="AI8381">
        <v>27</v>
      </c>
      <c r="AJ8381">
        <v>27</v>
      </c>
      <c r="AK8381">
        <v>27</v>
      </c>
      <c r="AL8381">
        <v>27</v>
      </c>
      <c r="AM8381">
        <v>27</v>
      </c>
      <c r="AN8381">
        <v>27</v>
      </c>
      <c r="AO8381">
        <v>27</v>
      </c>
      <c r="AP8381">
        <v>27</v>
      </c>
      <c r="AQ8381">
        <v>27</v>
      </c>
    </row>
    <row r="8382" spans="1:43">
      <c r="A8382" t="s">
        <v>5236</v>
      </c>
      <c r="B8382" t="s">
        <v>5237</v>
      </c>
      <c r="C8382" t="s">
        <v>4982</v>
      </c>
      <c r="D8382" t="s">
        <v>4983</v>
      </c>
      <c r="E8382" t="s">
        <v>4916</v>
      </c>
      <c r="F8382" t="s">
        <v>4917</v>
      </c>
      <c r="G8382" t="s">
        <v>80</v>
      </c>
      <c r="H8382" t="s">
        <v>81</v>
      </c>
      <c r="I8382" s="2">
        <v>1</v>
      </c>
      <c r="J8382" s="2">
        <v>0</v>
      </c>
      <c r="K8382" s="2">
        <v>0</v>
      </c>
      <c r="L8382" t="s">
        <v>120</v>
      </c>
      <c r="M8382" t="s">
        <v>83</v>
      </c>
      <c r="N8382" t="s">
        <v>84</v>
      </c>
      <c r="O8382" t="s">
        <v>85</v>
      </c>
      <c r="P8382" t="s">
        <v>86</v>
      </c>
      <c r="Q8382">
        <v>18</v>
      </c>
      <c r="R8382">
        <v>18</v>
      </c>
      <c r="S8382">
        <v>19</v>
      </c>
      <c r="T8382">
        <v>19</v>
      </c>
      <c r="U8382">
        <v>19</v>
      </c>
      <c r="V8382">
        <v>19</v>
      </c>
      <c r="W8382">
        <v>19</v>
      </c>
      <c r="X8382">
        <v>19</v>
      </c>
      <c r="Y8382">
        <v>19</v>
      </c>
      <c r="Z8382">
        <v>19</v>
      </c>
      <c r="AA8382">
        <v>19</v>
      </c>
      <c r="AB8382">
        <v>19</v>
      </c>
      <c r="AC8382">
        <v>19</v>
      </c>
      <c r="AD8382">
        <v>20</v>
      </c>
      <c r="AE8382">
        <v>20</v>
      </c>
      <c r="AF8382">
        <v>20</v>
      </c>
      <c r="AG8382">
        <v>20</v>
      </c>
      <c r="AH8382">
        <v>20</v>
      </c>
      <c r="AI8382">
        <v>20</v>
      </c>
      <c r="AJ8382">
        <v>20</v>
      </c>
      <c r="AK8382">
        <v>20</v>
      </c>
      <c r="AL8382">
        <v>20</v>
      </c>
      <c r="AM8382">
        <v>20</v>
      </c>
      <c r="AN8382">
        <v>20</v>
      </c>
      <c r="AO8382">
        <v>19</v>
      </c>
      <c r="AP8382">
        <v>19</v>
      </c>
      <c r="AQ8382">
        <v>19</v>
      </c>
    </row>
    <row r="8383" spans="1:43">
      <c r="A8383" t="s">
        <v>5236</v>
      </c>
      <c r="B8383" t="s">
        <v>5237</v>
      </c>
      <c r="C8383" t="s">
        <v>4982</v>
      </c>
      <c r="D8383" t="s">
        <v>4983</v>
      </c>
      <c r="E8383" t="s">
        <v>4916</v>
      </c>
      <c r="F8383" t="s">
        <v>4917</v>
      </c>
      <c r="G8383" t="s">
        <v>80</v>
      </c>
      <c r="H8383" t="s">
        <v>81</v>
      </c>
      <c r="I8383" s="2">
        <v>1</v>
      </c>
      <c r="J8383" s="2">
        <v>0</v>
      </c>
      <c r="K8383" s="2">
        <v>0</v>
      </c>
      <c r="L8383" t="s">
        <v>120</v>
      </c>
      <c r="M8383" t="s">
        <v>87</v>
      </c>
      <c r="N8383" t="s">
        <v>88</v>
      </c>
      <c r="O8383" t="s">
        <v>85</v>
      </c>
      <c r="P8383" t="s">
        <v>86</v>
      </c>
      <c r="Q8383">
        <v>18</v>
      </c>
      <c r="R8383">
        <v>18</v>
      </c>
      <c r="S8383">
        <v>18</v>
      </c>
      <c r="T8383">
        <v>18</v>
      </c>
      <c r="U8383">
        <v>18</v>
      </c>
      <c r="V8383">
        <v>18</v>
      </c>
      <c r="W8383">
        <v>18</v>
      </c>
      <c r="X8383">
        <v>18</v>
      </c>
      <c r="Y8383">
        <v>18</v>
      </c>
      <c r="Z8383">
        <v>18</v>
      </c>
      <c r="AA8383">
        <v>18</v>
      </c>
      <c r="AB8383">
        <v>18</v>
      </c>
      <c r="AC8383">
        <v>18</v>
      </c>
      <c r="AD8383">
        <v>17</v>
      </c>
      <c r="AE8383">
        <v>17</v>
      </c>
      <c r="AF8383">
        <v>17</v>
      </c>
      <c r="AG8383">
        <v>17</v>
      </c>
      <c r="AH8383">
        <v>17</v>
      </c>
      <c r="AI8383">
        <v>17</v>
      </c>
      <c r="AJ8383">
        <v>17</v>
      </c>
      <c r="AK8383">
        <v>17</v>
      </c>
      <c r="AL8383">
        <v>17</v>
      </c>
      <c r="AM8383">
        <v>17</v>
      </c>
      <c r="AN8383">
        <v>17</v>
      </c>
      <c r="AO8383">
        <v>17</v>
      </c>
      <c r="AP8383">
        <v>17</v>
      </c>
      <c r="AQ8383">
        <v>17</v>
      </c>
    </row>
    <row r="8384" spans="1:43">
      <c r="A8384" t="s">
        <v>5236</v>
      </c>
      <c r="B8384" t="s">
        <v>5237</v>
      </c>
      <c r="C8384" t="s">
        <v>4982</v>
      </c>
      <c r="D8384" t="s">
        <v>4983</v>
      </c>
      <c r="E8384" t="s">
        <v>4916</v>
      </c>
      <c r="F8384" t="s">
        <v>4917</v>
      </c>
      <c r="G8384" t="s">
        <v>80</v>
      </c>
      <c r="H8384" t="s">
        <v>81</v>
      </c>
      <c r="I8384" s="2">
        <v>1</v>
      </c>
      <c r="J8384" s="2">
        <v>0</v>
      </c>
      <c r="K8384" s="2">
        <v>0</v>
      </c>
      <c r="L8384" t="s">
        <v>120</v>
      </c>
      <c r="M8384" t="s">
        <v>89</v>
      </c>
      <c r="N8384" t="s">
        <v>90</v>
      </c>
      <c r="O8384" t="s">
        <v>85</v>
      </c>
      <c r="P8384" t="s">
        <v>86</v>
      </c>
      <c r="Q8384">
        <v>18</v>
      </c>
      <c r="R8384">
        <v>19</v>
      </c>
      <c r="S8384">
        <v>19</v>
      </c>
      <c r="T8384">
        <v>19</v>
      </c>
      <c r="U8384">
        <v>19</v>
      </c>
      <c r="V8384">
        <v>20</v>
      </c>
      <c r="W8384">
        <v>20</v>
      </c>
      <c r="X8384">
        <v>20</v>
      </c>
      <c r="Y8384">
        <v>20</v>
      </c>
      <c r="Z8384">
        <v>20</v>
      </c>
      <c r="AA8384">
        <v>20</v>
      </c>
      <c r="AB8384">
        <v>21</v>
      </c>
      <c r="AC8384">
        <v>21</v>
      </c>
      <c r="AD8384">
        <v>21</v>
      </c>
      <c r="AE8384">
        <v>21</v>
      </c>
      <c r="AF8384">
        <v>21</v>
      </c>
      <c r="AG8384">
        <v>21</v>
      </c>
      <c r="AH8384">
        <v>21</v>
      </c>
      <c r="AI8384">
        <v>20</v>
      </c>
      <c r="AJ8384">
        <v>20</v>
      </c>
      <c r="AK8384">
        <v>20</v>
      </c>
      <c r="AL8384">
        <v>20</v>
      </c>
      <c r="AM8384">
        <v>20</v>
      </c>
      <c r="AN8384">
        <v>20</v>
      </c>
      <c r="AO8384">
        <v>20</v>
      </c>
      <c r="AP8384">
        <v>20</v>
      </c>
      <c r="AQ8384">
        <v>19</v>
      </c>
    </row>
    <row r="8385" spans="1:43">
      <c r="A8385" t="s">
        <v>5236</v>
      </c>
      <c r="B8385" t="s">
        <v>5237</v>
      </c>
      <c r="C8385" t="s">
        <v>4982</v>
      </c>
      <c r="D8385" t="s">
        <v>4983</v>
      </c>
      <c r="E8385" t="s">
        <v>4916</v>
      </c>
      <c r="F8385" t="s">
        <v>4917</v>
      </c>
      <c r="G8385" t="s">
        <v>80</v>
      </c>
      <c r="H8385" t="s">
        <v>81</v>
      </c>
      <c r="I8385" s="2">
        <v>1</v>
      </c>
      <c r="J8385" s="2">
        <v>0</v>
      </c>
      <c r="K8385" s="2">
        <v>0</v>
      </c>
      <c r="L8385" t="s">
        <v>120</v>
      </c>
      <c r="M8385" t="s">
        <v>83</v>
      </c>
      <c r="N8385" t="s">
        <v>91</v>
      </c>
      <c r="O8385" t="s">
        <v>85</v>
      </c>
      <c r="P8385" t="s">
        <v>86</v>
      </c>
      <c r="Q8385">
        <v>18</v>
      </c>
      <c r="R8385">
        <v>18</v>
      </c>
      <c r="S8385">
        <v>19</v>
      </c>
      <c r="T8385">
        <v>19</v>
      </c>
      <c r="U8385">
        <v>19</v>
      </c>
      <c r="V8385">
        <v>19</v>
      </c>
      <c r="W8385">
        <v>19</v>
      </c>
      <c r="X8385">
        <v>19</v>
      </c>
      <c r="Y8385">
        <v>19</v>
      </c>
      <c r="Z8385">
        <v>19</v>
      </c>
      <c r="AA8385">
        <v>19</v>
      </c>
      <c r="AB8385">
        <v>19</v>
      </c>
      <c r="AC8385">
        <v>19</v>
      </c>
      <c r="AD8385">
        <v>20</v>
      </c>
      <c r="AE8385">
        <v>20</v>
      </c>
      <c r="AF8385">
        <v>20</v>
      </c>
      <c r="AG8385">
        <v>20</v>
      </c>
      <c r="AH8385">
        <v>20</v>
      </c>
      <c r="AI8385">
        <v>20</v>
      </c>
      <c r="AJ8385">
        <v>20</v>
      </c>
      <c r="AK8385">
        <v>20</v>
      </c>
      <c r="AL8385">
        <v>20</v>
      </c>
      <c r="AM8385">
        <v>20</v>
      </c>
      <c r="AN8385">
        <v>20</v>
      </c>
      <c r="AO8385">
        <v>19</v>
      </c>
      <c r="AP8385">
        <v>19</v>
      </c>
      <c r="AQ8385">
        <v>19</v>
      </c>
    </row>
    <row r="8386" spans="1:43">
      <c r="A8386" t="s">
        <v>5238</v>
      </c>
      <c r="B8386" t="s">
        <v>5239</v>
      </c>
      <c r="C8386" t="s">
        <v>5148</v>
      </c>
      <c r="D8386" t="s">
        <v>5149</v>
      </c>
      <c r="E8386" t="s">
        <v>4916</v>
      </c>
      <c r="F8386" t="s">
        <v>4917</v>
      </c>
      <c r="G8386" t="s">
        <v>80</v>
      </c>
      <c r="H8386" t="s">
        <v>81</v>
      </c>
      <c r="I8386" s="2">
        <v>1</v>
      </c>
      <c r="J8386" s="2">
        <v>0</v>
      </c>
      <c r="K8386" s="2">
        <v>0</v>
      </c>
      <c r="L8386" t="s">
        <v>120</v>
      </c>
      <c r="M8386" t="s">
        <v>83</v>
      </c>
      <c r="N8386" t="s">
        <v>84</v>
      </c>
      <c r="O8386" t="s">
        <v>85</v>
      </c>
      <c r="P8386" t="s">
        <v>86</v>
      </c>
      <c r="Q8386">
        <v>59</v>
      </c>
      <c r="R8386">
        <v>60</v>
      </c>
      <c r="S8386">
        <v>60</v>
      </c>
      <c r="T8386">
        <v>61</v>
      </c>
      <c r="U8386">
        <v>61</v>
      </c>
      <c r="V8386">
        <v>61</v>
      </c>
      <c r="W8386">
        <v>62</v>
      </c>
      <c r="X8386">
        <v>62</v>
      </c>
      <c r="Y8386">
        <v>62</v>
      </c>
      <c r="Z8386">
        <v>62</v>
      </c>
      <c r="AA8386">
        <v>63</v>
      </c>
      <c r="AB8386">
        <v>63</v>
      </c>
      <c r="AC8386">
        <v>63</v>
      </c>
      <c r="AD8386">
        <v>63</v>
      </c>
      <c r="AE8386">
        <v>64</v>
      </c>
      <c r="AF8386">
        <v>64</v>
      </c>
      <c r="AG8386">
        <v>64</v>
      </c>
      <c r="AH8386">
        <v>64</v>
      </c>
      <c r="AI8386">
        <v>64</v>
      </c>
      <c r="AJ8386">
        <v>64</v>
      </c>
      <c r="AK8386">
        <v>65</v>
      </c>
      <c r="AL8386">
        <v>64</v>
      </c>
      <c r="AM8386">
        <v>64</v>
      </c>
      <c r="AN8386">
        <v>64</v>
      </c>
      <c r="AO8386">
        <v>63</v>
      </c>
      <c r="AP8386">
        <v>63</v>
      </c>
      <c r="AQ8386">
        <v>62</v>
      </c>
    </row>
    <row r="8387" spans="1:43">
      <c r="A8387" t="s">
        <v>5238</v>
      </c>
      <c r="B8387" t="s">
        <v>5239</v>
      </c>
      <c r="C8387" t="s">
        <v>5148</v>
      </c>
      <c r="D8387" t="s">
        <v>5149</v>
      </c>
      <c r="E8387" t="s">
        <v>4916</v>
      </c>
      <c r="F8387" t="s">
        <v>4917</v>
      </c>
      <c r="G8387" t="s">
        <v>80</v>
      </c>
      <c r="H8387" t="s">
        <v>81</v>
      </c>
      <c r="I8387" s="2">
        <v>1</v>
      </c>
      <c r="J8387" s="2">
        <v>0</v>
      </c>
      <c r="K8387" s="2">
        <v>0</v>
      </c>
      <c r="L8387" t="s">
        <v>120</v>
      </c>
      <c r="M8387" t="s">
        <v>87</v>
      </c>
      <c r="N8387" t="s">
        <v>88</v>
      </c>
      <c r="O8387" t="s">
        <v>85</v>
      </c>
      <c r="P8387" t="s">
        <v>86</v>
      </c>
      <c r="Q8387">
        <v>59</v>
      </c>
      <c r="R8387">
        <v>59</v>
      </c>
      <c r="S8387">
        <v>59</v>
      </c>
      <c r="T8387">
        <v>58</v>
      </c>
      <c r="U8387">
        <v>58</v>
      </c>
      <c r="V8387">
        <v>58</v>
      </c>
      <c r="W8387">
        <v>58</v>
      </c>
      <c r="X8387">
        <v>58</v>
      </c>
      <c r="Y8387">
        <v>57</v>
      </c>
      <c r="Z8387">
        <v>57</v>
      </c>
      <c r="AA8387">
        <v>57</v>
      </c>
      <c r="AB8387">
        <v>57</v>
      </c>
      <c r="AC8387">
        <v>57</v>
      </c>
      <c r="AD8387">
        <v>57</v>
      </c>
      <c r="AE8387">
        <v>56</v>
      </c>
      <c r="AF8387">
        <v>56</v>
      </c>
      <c r="AG8387">
        <v>56</v>
      </c>
      <c r="AH8387">
        <v>56</v>
      </c>
      <c r="AI8387">
        <v>56</v>
      </c>
      <c r="AJ8387">
        <v>56</v>
      </c>
      <c r="AK8387">
        <v>55</v>
      </c>
      <c r="AL8387">
        <v>55</v>
      </c>
      <c r="AM8387">
        <v>55</v>
      </c>
      <c r="AN8387">
        <v>55</v>
      </c>
      <c r="AO8387">
        <v>55</v>
      </c>
      <c r="AP8387">
        <v>55</v>
      </c>
      <c r="AQ8387">
        <v>54</v>
      </c>
    </row>
    <row r="8388" spans="1:43">
      <c r="A8388" t="s">
        <v>5238</v>
      </c>
      <c r="B8388" t="s">
        <v>5239</v>
      </c>
      <c r="C8388" t="s">
        <v>5148</v>
      </c>
      <c r="D8388" t="s">
        <v>5149</v>
      </c>
      <c r="E8388" t="s">
        <v>4916</v>
      </c>
      <c r="F8388" t="s">
        <v>4917</v>
      </c>
      <c r="G8388" t="s">
        <v>80</v>
      </c>
      <c r="H8388" t="s">
        <v>81</v>
      </c>
      <c r="I8388" s="2">
        <v>1</v>
      </c>
      <c r="J8388" s="2">
        <v>0</v>
      </c>
      <c r="K8388" s="2">
        <v>0</v>
      </c>
      <c r="L8388" t="s">
        <v>120</v>
      </c>
      <c r="M8388" t="s">
        <v>89</v>
      </c>
      <c r="N8388" t="s">
        <v>90</v>
      </c>
      <c r="O8388" t="s">
        <v>85</v>
      </c>
      <c r="P8388" t="s">
        <v>86</v>
      </c>
      <c r="Q8388">
        <v>59</v>
      </c>
      <c r="R8388">
        <v>60</v>
      </c>
      <c r="S8388">
        <v>61</v>
      </c>
      <c r="T8388">
        <v>62</v>
      </c>
      <c r="U8388">
        <v>62</v>
      </c>
      <c r="V8388">
        <v>63</v>
      </c>
      <c r="W8388">
        <v>64</v>
      </c>
      <c r="X8388">
        <v>64</v>
      </c>
      <c r="Y8388">
        <v>65</v>
      </c>
      <c r="Z8388">
        <v>65</v>
      </c>
      <c r="AA8388">
        <v>66</v>
      </c>
      <c r="AB8388">
        <v>66</v>
      </c>
      <c r="AC8388">
        <v>66</v>
      </c>
      <c r="AD8388">
        <v>67</v>
      </c>
      <c r="AE8388">
        <v>67</v>
      </c>
      <c r="AF8388">
        <v>67</v>
      </c>
      <c r="AG8388">
        <v>66</v>
      </c>
      <c r="AH8388">
        <v>66</v>
      </c>
      <c r="AI8388">
        <v>65</v>
      </c>
      <c r="AJ8388">
        <v>65</v>
      </c>
      <c r="AK8388">
        <v>64</v>
      </c>
      <c r="AL8388">
        <v>64</v>
      </c>
      <c r="AM8388">
        <v>64</v>
      </c>
      <c r="AN8388">
        <v>63</v>
      </c>
      <c r="AO8388">
        <v>63</v>
      </c>
      <c r="AP8388">
        <v>62</v>
      </c>
      <c r="AQ8388">
        <v>62</v>
      </c>
    </row>
    <row r="8389" spans="1:43">
      <c r="A8389" t="s">
        <v>5238</v>
      </c>
      <c r="B8389" t="s">
        <v>5239</v>
      </c>
      <c r="C8389" t="s">
        <v>5148</v>
      </c>
      <c r="D8389" t="s">
        <v>5149</v>
      </c>
      <c r="E8389" t="s">
        <v>4916</v>
      </c>
      <c r="F8389" t="s">
        <v>4917</v>
      </c>
      <c r="G8389" t="s">
        <v>80</v>
      </c>
      <c r="H8389" t="s">
        <v>81</v>
      </c>
      <c r="I8389" s="2">
        <v>1</v>
      </c>
      <c r="J8389" s="2">
        <v>0</v>
      </c>
      <c r="K8389" s="2">
        <v>0</v>
      </c>
      <c r="L8389" t="s">
        <v>120</v>
      </c>
      <c r="M8389" t="s">
        <v>83</v>
      </c>
      <c r="N8389" t="s">
        <v>91</v>
      </c>
      <c r="O8389" t="s">
        <v>85</v>
      </c>
      <c r="P8389" t="s">
        <v>86</v>
      </c>
      <c r="Q8389">
        <v>59</v>
      </c>
      <c r="R8389">
        <v>60</v>
      </c>
      <c r="S8389">
        <v>60</v>
      </c>
      <c r="T8389">
        <v>61</v>
      </c>
      <c r="U8389">
        <v>61</v>
      </c>
      <c r="V8389">
        <v>61</v>
      </c>
      <c r="W8389">
        <v>62</v>
      </c>
      <c r="X8389">
        <v>62</v>
      </c>
      <c r="Y8389">
        <v>62</v>
      </c>
      <c r="Z8389">
        <v>62</v>
      </c>
      <c r="AA8389">
        <v>63</v>
      </c>
      <c r="AB8389">
        <v>63</v>
      </c>
      <c r="AC8389">
        <v>63</v>
      </c>
      <c r="AD8389">
        <v>63</v>
      </c>
      <c r="AE8389">
        <v>64</v>
      </c>
      <c r="AF8389">
        <v>64</v>
      </c>
      <c r="AG8389">
        <v>64</v>
      </c>
      <c r="AH8389">
        <v>64</v>
      </c>
      <c r="AI8389">
        <v>64</v>
      </c>
      <c r="AJ8389">
        <v>64</v>
      </c>
      <c r="AK8389">
        <v>65</v>
      </c>
      <c r="AL8389">
        <v>64</v>
      </c>
      <c r="AM8389">
        <v>64</v>
      </c>
      <c r="AN8389">
        <v>64</v>
      </c>
      <c r="AO8389">
        <v>63</v>
      </c>
      <c r="AP8389">
        <v>63</v>
      </c>
      <c r="AQ8389">
        <v>62</v>
      </c>
    </row>
    <row r="8390" spans="1:43">
      <c r="A8390" t="s">
        <v>5240</v>
      </c>
      <c r="B8390" t="s">
        <v>5241</v>
      </c>
      <c r="C8390" t="s">
        <v>5148</v>
      </c>
      <c r="D8390" t="s">
        <v>5149</v>
      </c>
      <c r="E8390" t="s">
        <v>4916</v>
      </c>
      <c r="F8390" t="s">
        <v>4917</v>
      </c>
      <c r="G8390" t="s">
        <v>80</v>
      </c>
      <c r="H8390" t="s">
        <v>81</v>
      </c>
      <c r="I8390" s="2">
        <v>1</v>
      </c>
      <c r="J8390" s="2">
        <v>0</v>
      </c>
      <c r="K8390" s="2">
        <v>0</v>
      </c>
      <c r="L8390" t="s">
        <v>120</v>
      </c>
      <c r="M8390" t="s">
        <v>83</v>
      </c>
      <c r="N8390" t="s">
        <v>84</v>
      </c>
      <c r="O8390" t="s">
        <v>85</v>
      </c>
      <c r="P8390" t="s">
        <v>86</v>
      </c>
      <c r="Q8390">
        <v>23</v>
      </c>
      <c r="R8390">
        <v>23</v>
      </c>
      <c r="S8390">
        <v>23</v>
      </c>
      <c r="T8390">
        <v>23</v>
      </c>
      <c r="U8390">
        <v>24</v>
      </c>
      <c r="V8390">
        <v>24</v>
      </c>
      <c r="W8390">
        <v>24</v>
      </c>
      <c r="X8390">
        <v>24</v>
      </c>
      <c r="Y8390">
        <v>24</v>
      </c>
      <c r="Z8390">
        <v>24</v>
      </c>
      <c r="AA8390">
        <v>24</v>
      </c>
      <c r="AB8390">
        <v>24</v>
      </c>
      <c r="AC8390">
        <v>24</v>
      </c>
      <c r="AD8390">
        <v>24</v>
      </c>
      <c r="AE8390">
        <v>24</v>
      </c>
      <c r="AF8390">
        <v>25</v>
      </c>
      <c r="AG8390">
        <v>25</v>
      </c>
      <c r="AH8390">
        <v>25</v>
      </c>
      <c r="AI8390">
        <v>25</v>
      </c>
      <c r="AJ8390">
        <v>25</v>
      </c>
      <c r="AK8390">
        <v>25</v>
      </c>
      <c r="AL8390">
        <v>25</v>
      </c>
      <c r="AM8390">
        <v>25</v>
      </c>
      <c r="AN8390">
        <v>24</v>
      </c>
      <c r="AO8390">
        <v>24</v>
      </c>
      <c r="AP8390">
        <v>24</v>
      </c>
      <c r="AQ8390">
        <v>24</v>
      </c>
    </row>
    <row r="8391" spans="1:43">
      <c r="A8391" t="s">
        <v>5240</v>
      </c>
      <c r="B8391" t="s">
        <v>5241</v>
      </c>
      <c r="C8391" t="s">
        <v>5148</v>
      </c>
      <c r="D8391" t="s">
        <v>5149</v>
      </c>
      <c r="E8391" t="s">
        <v>4916</v>
      </c>
      <c r="F8391" t="s">
        <v>4917</v>
      </c>
      <c r="G8391" t="s">
        <v>80</v>
      </c>
      <c r="H8391" t="s">
        <v>81</v>
      </c>
      <c r="I8391" s="2">
        <v>1</v>
      </c>
      <c r="J8391" s="2">
        <v>0</v>
      </c>
      <c r="K8391" s="2">
        <v>0</v>
      </c>
      <c r="L8391" t="s">
        <v>120</v>
      </c>
      <c r="M8391" t="s">
        <v>87</v>
      </c>
      <c r="N8391" t="s">
        <v>88</v>
      </c>
      <c r="O8391" t="s">
        <v>85</v>
      </c>
      <c r="P8391" t="s">
        <v>86</v>
      </c>
      <c r="Q8391">
        <v>23</v>
      </c>
      <c r="R8391">
        <v>23</v>
      </c>
      <c r="S8391">
        <v>23</v>
      </c>
      <c r="T8391">
        <v>23</v>
      </c>
      <c r="U8391">
        <v>22</v>
      </c>
      <c r="V8391">
        <v>22</v>
      </c>
      <c r="W8391">
        <v>22</v>
      </c>
      <c r="X8391">
        <v>22</v>
      </c>
      <c r="Y8391">
        <v>22</v>
      </c>
      <c r="Z8391">
        <v>22</v>
      </c>
      <c r="AA8391">
        <v>22</v>
      </c>
      <c r="AB8391">
        <v>22</v>
      </c>
      <c r="AC8391">
        <v>22</v>
      </c>
      <c r="AD8391">
        <v>22</v>
      </c>
      <c r="AE8391">
        <v>22</v>
      </c>
      <c r="AF8391">
        <v>22</v>
      </c>
      <c r="AG8391">
        <v>22</v>
      </c>
      <c r="AH8391">
        <v>22</v>
      </c>
      <c r="AI8391">
        <v>22</v>
      </c>
      <c r="AJ8391">
        <v>21</v>
      </c>
      <c r="AK8391">
        <v>21</v>
      </c>
      <c r="AL8391">
        <v>21</v>
      </c>
      <c r="AM8391">
        <v>21</v>
      </c>
      <c r="AN8391">
        <v>21</v>
      </c>
      <c r="AO8391">
        <v>21</v>
      </c>
      <c r="AP8391">
        <v>21</v>
      </c>
      <c r="AQ8391">
        <v>21</v>
      </c>
    </row>
    <row r="8392" spans="1:43">
      <c r="A8392" t="s">
        <v>5240</v>
      </c>
      <c r="B8392" t="s">
        <v>5241</v>
      </c>
      <c r="C8392" t="s">
        <v>5148</v>
      </c>
      <c r="D8392" t="s">
        <v>5149</v>
      </c>
      <c r="E8392" t="s">
        <v>4916</v>
      </c>
      <c r="F8392" t="s">
        <v>4917</v>
      </c>
      <c r="G8392" t="s">
        <v>80</v>
      </c>
      <c r="H8392" t="s">
        <v>81</v>
      </c>
      <c r="I8392" s="2">
        <v>1</v>
      </c>
      <c r="J8392" s="2">
        <v>0</v>
      </c>
      <c r="K8392" s="2">
        <v>0</v>
      </c>
      <c r="L8392" t="s">
        <v>120</v>
      </c>
      <c r="M8392" t="s">
        <v>89</v>
      </c>
      <c r="N8392" t="s">
        <v>90</v>
      </c>
      <c r="O8392" t="s">
        <v>85</v>
      </c>
      <c r="P8392" t="s">
        <v>86</v>
      </c>
      <c r="Q8392">
        <v>23</v>
      </c>
      <c r="R8392">
        <v>24</v>
      </c>
      <c r="S8392">
        <v>24</v>
      </c>
      <c r="T8392">
        <v>24</v>
      </c>
      <c r="U8392">
        <v>24</v>
      </c>
      <c r="V8392">
        <v>25</v>
      </c>
      <c r="W8392">
        <v>25</v>
      </c>
      <c r="X8392">
        <v>25</v>
      </c>
      <c r="Y8392">
        <v>25</v>
      </c>
      <c r="Z8392">
        <v>26</v>
      </c>
      <c r="AA8392">
        <v>26</v>
      </c>
      <c r="AB8392">
        <v>26</v>
      </c>
      <c r="AC8392">
        <v>26</v>
      </c>
      <c r="AD8392">
        <v>26</v>
      </c>
      <c r="AE8392">
        <v>26</v>
      </c>
      <c r="AF8392">
        <v>26</v>
      </c>
      <c r="AG8392">
        <v>26</v>
      </c>
      <c r="AH8392">
        <v>26</v>
      </c>
      <c r="AI8392">
        <v>26</v>
      </c>
      <c r="AJ8392">
        <v>25</v>
      </c>
      <c r="AK8392">
        <v>25</v>
      </c>
      <c r="AL8392">
        <v>25</v>
      </c>
      <c r="AM8392">
        <v>25</v>
      </c>
      <c r="AN8392">
        <v>25</v>
      </c>
      <c r="AO8392">
        <v>25</v>
      </c>
      <c r="AP8392">
        <v>24</v>
      </c>
      <c r="AQ8392">
        <v>24</v>
      </c>
    </row>
    <row r="8393" spans="1:43">
      <c r="A8393" t="s">
        <v>5240</v>
      </c>
      <c r="B8393" t="s">
        <v>5241</v>
      </c>
      <c r="C8393" t="s">
        <v>5148</v>
      </c>
      <c r="D8393" t="s">
        <v>5149</v>
      </c>
      <c r="E8393" t="s">
        <v>4916</v>
      </c>
      <c r="F8393" t="s">
        <v>4917</v>
      </c>
      <c r="G8393" t="s">
        <v>80</v>
      </c>
      <c r="H8393" t="s">
        <v>81</v>
      </c>
      <c r="I8393" s="2">
        <v>1</v>
      </c>
      <c r="J8393" s="2">
        <v>0</v>
      </c>
      <c r="K8393" s="2">
        <v>0</v>
      </c>
      <c r="L8393" t="s">
        <v>120</v>
      </c>
      <c r="M8393" t="s">
        <v>83</v>
      </c>
      <c r="N8393" t="s">
        <v>91</v>
      </c>
      <c r="O8393" t="s">
        <v>85</v>
      </c>
      <c r="P8393" t="s">
        <v>86</v>
      </c>
      <c r="Q8393">
        <v>23</v>
      </c>
      <c r="R8393">
        <v>23</v>
      </c>
      <c r="S8393">
        <v>23</v>
      </c>
      <c r="T8393">
        <v>23</v>
      </c>
      <c r="U8393">
        <v>24</v>
      </c>
      <c r="V8393">
        <v>24</v>
      </c>
      <c r="W8393">
        <v>24</v>
      </c>
      <c r="X8393">
        <v>24</v>
      </c>
      <c r="Y8393">
        <v>24</v>
      </c>
      <c r="Z8393">
        <v>24</v>
      </c>
      <c r="AA8393">
        <v>24</v>
      </c>
      <c r="AB8393">
        <v>24</v>
      </c>
      <c r="AC8393">
        <v>24</v>
      </c>
      <c r="AD8393">
        <v>24</v>
      </c>
      <c r="AE8393">
        <v>24</v>
      </c>
      <c r="AF8393">
        <v>25</v>
      </c>
      <c r="AG8393">
        <v>25</v>
      </c>
      <c r="AH8393">
        <v>25</v>
      </c>
      <c r="AI8393">
        <v>25</v>
      </c>
      <c r="AJ8393">
        <v>25</v>
      </c>
      <c r="AK8393">
        <v>25</v>
      </c>
      <c r="AL8393">
        <v>25</v>
      </c>
      <c r="AM8393">
        <v>25</v>
      </c>
      <c r="AN8393">
        <v>24</v>
      </c>
      <c r="AO8393">
        <v>24</v>
      </c>
      <c r="AP8393">
        <v>24</v>
      </c>
      <c r="AQ8393">
        <v>24</v>
      </c>
    </row>
    <row r="8394" spans="1:43">
      <c r="A8394" t="s">
        <v>5242</v>
      </c>
      <c r="B8394" t="s">
        <v>5243</v>
      </c>
      <c r="C8394" t="s">
        <v>5148</v>
      </c>
      <c r="D8394" t="s">
        <v>5149</v>
      </c>
      <c r="E8394" t="s">
        <v>4916</v>
      </c>
      <c r="F8394" t="s">
        <v>4917</v>
      </c>
      <c r="G8394" t="s">
        <v>80</v>
      </c>
      <c r="H8394" t="s">
        <v>81</v>
      </c>
      <c r="I8394" s="2">
        <v>1</v>
      </c>
      <c r="J8394" s="2">
        <v>0</v>
      </c>
      <c r="K8394" s="2">
        <v>0</v>
      </c>
      <c r="L8394" t="s">
        <v>120</v>
      </c>
      <c r="M8394" t="s">
        <v>83</v>
      </c>
      <c r="N8394" t="s">
        <v>84</v>
      </c>
      <c r="O8394" t="s">
        <v>85</v>
      </c>
      <c r="P8394" t="s">
        <v>86</v>
      </c>
      <c r="Q8394">
        <v>16</v>
      </c>
      <c r="R8394">
        <v>16</v>
      </c>
      <c r="S8394">
        <v>16</v>
      </c>
      <c r="T8394">
        <v>16</v>
      </c>
      <c r="U8394">
        <v>16</v>
      </c>
      <c r="V8394">
        <v>16</v>
      </c>
      <c r="W8394">
        <v>16</v>
      </c>
      <c r="X8394">
        <v>16</v>
      </c>
      <c r="Y8394">
        <v>16</v>
      </c>
      <c r="Z8394">
        <v>16</v>
      </c>
      <c r="AA8394">
        <v>17</v>
      </c>
      <c r="AB8394">
        <v>17</v>
      </c>
      <c r="AC8394">
        <v>17</v>
      </c>
      <c r="AD8394">
        <v>17</v>
      </c>
      <c r="AE8394">
        <v>17</v>
      </c>
      <c r="AF8394">
        <v>17</v>
      </c>
      <c r="AG8394">
        <v>17</v>
      </c>
      <c r="AH8394">
        <v>17</v>
      </c>
      <c r="AI8394">
        <v>17</v>
      </c>
      <c r="AJ8394">
        <v>17</v>
      </c>
      <c r="AK8394">
        <v>17</v>
      </c>
      <c r="AL8394">
        <v>17</v>
      </c>
      <c r="AM8394">
        <v>17</v>
      </c>
      <c r="AN8394">
        <v>17</v>
      </c>
      <c r="AO8394">
        <v>17</v>
      </c>
      <c r="AP8394">
        <v>17</v>
      </c>
      <c r="AQ8394">
        <v>16</v>
      </c>
    </row>
    <row r="8395" spans="1:43">
      <c r="A8395" t="s">
        <v>5242</v>
      </c>
      <c r="B8395" t="s">
        <v>5243</v>
      </c>
      <c r="C8395" t="s">
        <v>5148</v>
      </c>
      <c r="D8395" t="s">
        <v>5149</v>
      </c>
      <c r="E8395" t="s">
        <v>4916</v>
      </c>
      <c r="F8395" t="s">
        <v>4917</v>
      </c>
      <c r="G8395" t="s">
        <v>80</v>
      </c>
      <c r="H8395" t="s">
        <v>81</v>
      </c>
      <c r="I8395" s="2">
        <v>1</v>
      </c>
      <c r="J8395" s="2">
        <v>0</v>
      </c>
      <c r="K8395" s="2">
        <v>0</v>
      </c>
      <c r="L8395" t="s">
        <v>120</v>
      </c>
      <c r="M8395" t="s">
        <v>87</v>
      </c>
      <c r="N8395" t="s">
        <v>88</v>
      </c>
      <c r="O8395" t="s">
        <v>85</v>
      </c>
      <c r="P8395" t="s">
        <v>86</v>
      </c>
      <c r="Q8395">
        <v>16</v>
      </c>
      <c r="R8395">
        <v>15</v>
      </c>
      <c r="S8395">
        <v>15</v>
      </c>
      <c r="T8395">
        <v>15</v>
      </c>
      <c r="U8395">
        <v>15</v>
      </c>
      <c r="V8395">
        <v>15</v>
      </c>
      <c r="W8395">
        <v>15</v>
      </c>
      <c r="X8395">
        <v>15</v>
      </c>
      <c r="Y8395">
        <v>15</v>
      </c>
      <c r="Z8395">
        <v>15</v>
      </c>
      <c r="AA8395">
        <v>15</v>
      </c>
      <c r="AB8395">
        <v>15</v>
      </c>
      <c r="AC8395">
        <v>15</v>
      </c>
      <c r="AD8395">
        <v>15</v>
      </c>
      <c r="AE8395">
        <v>15</v>
      </c>
      <c r="AF8395">
        <v>15</v>
      </c>
      <c r="AG8395">
        <v>15</v>
      </c>
      <c r="AH8395">
        <v>15</v>
      </c>
      <c r="AI8395">
        <v>15</v>
      </c>
      <c r="AJ8395">
        <v>15</v>
      </c>
      <c r="AK8395">
        <v>15</v>
      </c>
      <c r="AL8395">
        <v>15</v>
      </c>
      <c r="AM8395">
        <v>15</v>
      </c>
      <c r="AN8395">
        <v>15</v>
      </c>
      <c r="AO8395">
        <v>15</v>
      </c>
      <c r="AP8395">
        <v>15</v>
      </c>
      <c r="AQ8395">
        <v>14</v>
      </c>
    </row>
    <row r="8396" spans="1:43">
      <c r="A8396" t="s">
        <v>5242</v>
      </c>
      <c r="B8396" t="s">
        <v>5243</v>
      </c>
      <c r="C8396" t="s">
        <v>5148</v>
      </c>
      <c r="D8396" t="s">
        <v>5149</v>
      </c>
      <c r="E8396" t="s">
        <v>4916</v>
      </c>
      <c r="F8396" t="s">
        <v>4917</v>
      </c>
      <c r="G8396" t="s">
        <v>80</v>
      </c>
      <c r="H8396" t="s">
        <v>81</v>
      </c>
      <c r="I8396" s="2">
        <v>1</v>
      </c>
      <c r="J8396" s="2">
        <v>0</v>
      </c>
      <c r="K8396" s="2">
        <v>0</v>
      </c>
      <c r="L8396" t="s">
        <v>120</v>
      </c>
      <c r="M8396" t="s">
        <v>89</v>
      </c>
      <c r="N8396" t="s">
        <v>90</v>
      </c>
      <c r="O8396" t="s">
        <v>85</v>
      </c>
      <c r="P8396" t="s">
        <v>86</v>
      </c>
      <c r="Q8396">
        <v>16</v>
      </c>
      <c r="R8396">
        <v>16</v>
      </c>
      <c r="S8396">
        <v>16</v>
      </c>
      <c r="T8396">
        <v>17</v>
      </c>
      <c r="U8396">
        <v>17</v>
      </c>
      <c r="V8396">
        <v>17</v>
      </c>
      <c r="W8396">
        <v>17</v>
      </c>
      <c r="X8396">
        <v>17</v>
      </c>
      <c r="Y8396">
        <v>17</v>
      </c>
      <c r="Z8396">
        <v>17</v>
      </c>
      <c r="AA8396">
        <v>18</v>
      </c>
      <c r="AB8396">
        <v>18</v>
      </c>
      <c r="AC8396">
        <v>18</v>
      </c>
      <c r="AD8396">
        <v>18</v>
      </c>
      <c r="AE8396">
        <v>18</v>
      </c>
      <c r="AF8396">
        <v>18</v>
      </c>
      <c r="AG8396">
        <v>18</v>
      </c>
      <c r="AH8396">
        <v>18</v>
      </c>
      <c r="AI8396">
        <v>17</v>
      </c>
      <c r="AJ8396">
        <v>17</v>
      </c>
      <c r="AK8396">
        <v>17</v>
      </c>
      <c r="AL8396">
        <v>17</v>
      </c>
      <c r="AM8396">
        <v>17</v>
      </c>
      <c r="AN8396">
        <v>17</v>
      </c>
      <c r="AO8396">
        <v>17</v>
      </c>
      <c r="AP8396">
        <v>17</v>
      </c>
      <c r="AQ8396">
        <v>17</v>
      </c>
    </row>
    <row r="8397" spans="1:43">
      <c r="A8397" t="s">
        <v>5242</v>
      </c>
      <c r="B8397" t="s">
        <v>5243</v>
      </c>
      <c r="C8397" t="s">
        <v>5148</v>
      </c>
      <c r="D8397" t="s">
        <v>5149</v>
      </c>
      <c r="E8397" t="s">
        <v>4916</v>
      </c>
      <c r="F8397" t="s">
        <v>4917</v>
      </c>
      <c r="G8397" t="s">
        <v>80</v>
      </c>
      <c r="H8397" t="s">
        <v>81</v>
      </c>
      <c r="I8397" s="2">
        <v>1</v>
      </c>
      <c r="J8397" s="2">
        <v>0</v>
      </c>
      <c r="K8397" s="2">
        <v>0</v>
      </c>
      <c r="L8397" t="s">
        <v>120</v>
      </c>
      <c r="M8397" t="s">
        <v>83</v>
      </c>
      <c r="N8397" t="s">
        <v>91</v>
      </c>
      <c r="O8397" t="s">
        <v>85</v>
      </c>
      <c r="P8397" t="s">
        <v>86</v>
      </c>
      <c r="Q8397">
        <v>16</v>
      </c>
      <c r="R8397">
        <v>16</v>
      </c>
      <c r="S8397">
        <v>16</v>
      </c>
      <c r="T8397">
        <v>16</v>
      </c>
      <c r="U8397">
        <v>16</v>
      </c>
      <c r="V8397">
        <v>16</v>
      </c>
      <c r="W8397">
        <v>16</v>
      </c>
      <c r="X8397">
        <v>16</v>
      </c>
      <c r="Y8397">
        <v>16</v>
      </c>
      <c r="Z8397">
        <v>16</v>
      </c>
      <c r="AA8397">
        <v>17</v>
      </c>
      <c r="AB8397">
        <v>17</v>
      </c>
      <c r="AC8397">
        <v>17</v>
      </c>
      <c r="AD8397">
        <v>17</v>
      </c>
      <c r="AE8397">
        <v>17</v>
      </c>
      <c r="AF8397">
        <v>17</v>
      </c>
      <c r="AG8397">
        <v>17</v>
      </c>
      <c r="AH8397">
        <v>17</v>
      </c>
      <c r="AI8397">
        <v>17</v>
      </c>
      <c r="AJ8397">
        <v>17</v>
      </c>
      <c r="AK8397">
        <v>17</v>
      </c>
      <c r="AL8397">
        <v>17</v>
      </c>
      <c r="AM8397">
        <v>17</v>
      </c>
      <c r="AN8397">
        <v>17</v>
      </c>
      <c r="AO8397">
        <v>17</v>
      </c>
      <c r="AP8397">
        <v>17</v>
      </c>
      <c r="AQ8397">
        <v>16</v>
      </c>
    </row>
    <row r="8398" spans="1:43">
      <c r="A8398" t="s">
        <v>5244</v>
      </c>
      <c r="B8398" t="s">
        <v>5245</v>
      </c>
      <c r="C8398" t="s">
        <v>4994</v>
      </c>
      <c r="D8398" t="s">
        <v>4995</v>
      </c>
      <c r="E8398" t="s">
        <v>4916</v>
      </c>
      <c r="F8398" t="s">
        <v>4917</v>
      </c>
      <c r="G8398" t="s">
        <v>80</v>
      </c>
      <c r="H8398" t="s">
        <v>81</v>
      </c>
      <c r="I8398" s="2">
        <v>1</v>
      </c>
      <c r="J8398" s="2">
        <v>0</v>
      </c>
      <c r="K8398" s="2">
        <v>0</v>
      </c>
      <c r="L8398" t="s">
        <v>120</v>
      </c>
      <c r="M8398" t="s">
        <v>83</v>
      </c>
      <c r="N8398" t="s">
        <v>84</v>
      </c>
      <c r="O8398" t="s">
        <v>85</v>
      </c>
      <c r="P8398" t="s">
        <v>86</v>
      </c>
      <c r="Q8398">
        <v>33</v>
      </c>
      <c r="R8398">
        <v>34</v>
      </c>
      <c r="S8398">
        <v>34</v>
      </c>
      <c r="T8398">
        <v>34</v>
      </c>
      <c r="U8398">
        <v>34</v>
      </c>
      <c r="V8398">
        <v>34</v>
      </c>
      <c r="W8398">
        <v>35</v>
      </c>
      <c r="X8398">
        <v>35</v>
      </c>
      <c r="Y8398">
        <v>35</v>
      </c>
      <c r="Z8398">
        <v>35</v>
      </c>
      <c r="AA8398">
        <v>35</v>
      </c>
      <c r="AB8398">
        <v>36</v>
      </c>
      <c r="AC8398">
        <v>36</v>
      </c>
      <c r="AD8398">
        <v>36</v>
      </c>
      <c r="AE8398">
        <v>36</v>
      </c>
      <c r="AF8398">
        <v>36</v>
      </c>
      <c r="AG8398">
        <v>36</v>
      </c>
      <c r="AH8398">
        <v>36</v>
      </c>
      <c r="AI8398">
        <v>36</v>
      </c>
      <c r="AJ8398">
        <v>37</v>
      </c>
      <c r="AK8398">
        <v>37</v>
      </c>
      <c r="AL8398">
        <v>37</v>
      </c>
      <c r="AM8398">
        <v>36</v>
      </c>
      <c r="AN8398">
        <v>36</v>
      </c>
      <c r="AO8398">
        <v>36</v>
      </c>
      <c r="AP8398">
        <v>36</v>
      </c>
      <c r="AQ8398">
        <v>36</v>
      </c>
    </row>
    <row r="8399" spans="1:43">
      <c r="A8399" t="s">
        <v>5244</v>
      </c>
      <c r="B8399" t="s">
        <v>5245</v>
      </c>
      <c r="C8399" t="s">
        <v>4994</v>
      </c>
      <c r="D8399" t="s">
        <v>4995</v>
      </c>
      <c r="E8399" t="s">
        <v>4916</v>
      </c>
      <c r="F8399" t="s">
        <v>4917</v>
      </c>
      <c r="G8399" t="s">
        <v>80</v>
      </c>
      <c r="H8399" t="s">
        <v>81</v>
      </c>
      <c r="I8399" s="2">
        <v>1</v>
      </c>
      <c r="J8399" s="2">
        <v>0</v>
      </c>
      <c r="K8399" s="2">
        <v>0</v>
      </c>
      <c r="L8399" t="s">
        <v>120</v>
      </c>
      <c r="M8399" t="s">
        <v>87</v>
      </c>
      <c r="N8399" t="s">
        <v>88</v>
      </c>
      <c r="O8399" t="s">
        <v>85</v>
      </c>
      <c r="P8399" t="s">
        <v>86</v>
      </c>
      <c r="Q8399">
        <v>33</v>
      </c>
      <c r="R8399">
        <v>33</v>
      </c>
      <c r="S8399">
        <v>33</v>
      </c>
      <c r="T8399">
        <v>33</v>
      </c>
      <c r="U8399">
        <v>33</v>
      </c>
      <c r="V8399">
        <v>33</v>
      </c>
      <c r="W8399">
        <v>33</v>
      </c>
      <c r="X8399">
        <v>32</v>
      </c>
      <c r="Y8399">
        <v>32</v>
      </c>
      <c r="Z8399">
        <v>32</v>
      </c>
      <c r="AA8399">
        <v>32</v>
      </c>
      <c r="AB8399">
        <v>32</v>
      </c>
      <c r="AC8399">
        <v>32</v>
      </c>
      <c r="AD8399">
        <v>32</v>
      </c>
      <c r="AE8399">
        <v>32</v>
      </c>
      <c r="AF8399">
        <v>32</v>
      </c>
      <c r="AG8399">
        <v>32</v>
      </c>
      <c r="AH8399">
        <v>32</v>
      </c>
      <c r="AI8399">
        <v>32</v>
      </c>
      <c r="AJ8399">
        <v>32</v>
      </c>
      <c r="AK8399">
        <v>31</v>
      </c>
      <c r="AL8399">
        <v>31</v>
      </c>
      <c r="AM8399">
        <v>31</v>
      </c>
      <c r="AN8399">
        <v>31</v>
      </c>
      <c r="AO8399">
        <v>31</v>
      </c>
      <c r="AP8399">
        <v>31</v>
      </c>
      <c r="AQ8399">
        <v>31</v>
      </c>
    </row>
    <row r="8400" spans="1:43">
      <c r="A8400" t="s">
        <v>5244</v>
      </c>
      <c r="B8400" t="s">
        <v>5245</v>
      </c>
      <c r="C8400" t="s">
        <v>4994</v>
      </c>
      <c r="D8400" t="s">
        <v>4995</v>
      </c>
      <c r="E8400" t="s">
        <v>4916</v>
      </c>
      <c r="F8400" t="s">
        <v>4917</v>
      </c>
      <c r="G8400" t="s">
        <v>80</v>
      </c>
      <c r="H8400" t="s">
        <v>81</v>
      </c>
      <c r="I8400" s="2">
        <v>1</v>
      </c>
      <c r="J8400" s="2">
        <v>0</v>
      </c>
      <c r="K8400" s="2">
        <v>0</v>
      </c>
      <c r="L8400" t="s">
        <v>120</v>
      </c>
      <c r="M8400" t="s">
        <v>89</v>
      </c>
      <c r="N8400" t="s">
        <v>90</v>
      </c>
      <c r="O8400" t="s">
        <v>85</v>
      </c>
      <c r="P8400" t="s">
        <v>86</v>
      </c>
      <c r="Q8400">
        <v>33</v>
      </c>
      <c r="R8400">
        <v>33</v>
      </c>
      <c r="S8400">
        <v>34</v>
      </c>
      <c r="T8400">
        <v>34</v>
      </c>
      <c r="U8400">
        <v>35</v>
      </c>
      <c r="V8400">
        <v>35</v>
      </c>
      <c r="W8400">
        <v>35</v>
      </c>
      <c r="X8400">
        <v>36</v>
      </c>
      <c r="Y8400">
        <v>36</v>
      </c>
      <c r="Z8400">
        <v>36</v>
      </c>
      <c r="AA8400">
        <v>37</v>
      </c>
      <c r="AB8400">
        <v>37</v>
      </c>
      <c r="AC8400">
        <v>37</v>
      </c>
      <c r="AD8400">
        <v>37</v>
      </c>
      <c r="AE8400">
        <v>37</v>
      </c>
      <c r="AF8400">
        <v>37</v>
      </c>
      <c r="AG8400">
        <v>37</v>
      </c>
      <c r="AH8400">
        <v>37</v>
      </c>
      <c r="AI8400">
        <v>37</v>
      </c>
      <c r="AJ8400">
        <v>36</v>
      </c>
      <c r="AK8400">
        <v>36</v>
      </c>
      <c r="AL8400">
        <v>36</v>
      </c>
      <c r="AM8400">
        <v>36</v>
      </c>
      <c r="AN8400">
        <v>36</v>
      </c>
      <c r="AO8400">
        <v>36</v>
      </c>
      <c r="AP8400">
        <v>35</v>
      </c>
      <c r="AQ8400">
        <v>35</v>
      </c>
    </row>
    <row r="8401" spans="1:43">
      <c r="A8401" t="s">
        <v>5244</v>
      </c>
      <c r="B8401" t="s">
        <v>5245</v>
      </c>
      <c r="C8401" t="s">
        <v>4994</v>
      </c>
      <c r="D8401" t="s">
        <v>4995</v>
      </c>
      <c r="E8401" t="s">
        <v>4916</v>
      </c>
      <c r="F8401" t="s">
        <v>4917</v>
      </c>
      <c r="G8401" t="s">
        <v>80</v>
      </c>
      <c r="H8401" t="s">
        <v>81</v>
      </c>
      <c r="I8401" s="2">
        <v>1</v>
      </c>
      <c r="J8401" s="2">
        <v>0</v>
      </c>
      <c r="K8401" s="2">
        <v>0</v>
      </c>
      <c r="L8401" t="s">
        <v>120</v>
      </c>
      <c r="M8401" t="s">
        <v>83</v>
      </c>
      <c r="N8401" t="s">
        <v>91</v>
      </c>
      <c r="O8401" t="s">
        <v>85</v>
      </c>
      <c r="P8401" t="s">
        <v>86</v>
      </c>
      <c r="Q8401">
        <v>33</v>
      </c>
      <c r="R8401">
        <v>34</v>
      </c>
      <c r="S8401">
        <v>34</v>
      </c>
      <c r="T8401">
        <v>34</v>
      </c>
      <c r="U8401">
        <v>34</v>
      </c>
      <c r="V8401">
        <v>34</v>
      </c>
      <c r="W8401">
        <v>35</v>
      </c>
      <c r="X8401">
        <v>35</v>
      </c>
      <c r="Y8401">
        <v>35</v>
      </c>
      <c r="Z8401">
        <v>35</v>
      </c>
      <c r="AA8401">
        <v>35</v>
      </c>
      <c r="AB8401">
        <v>36</v>
      </c>
      <c r="AC8401">
        <v>36</v>
      </c>
      <c r="AD8401">
        <v>36</v>
      </c>
      <c r="AE8401">
        <v>36</v>
      </c>
      <c r="AF8401">
        <v>36</v>
      </c>
      <c r="AG8401">
        <v>36</v>
      </c>
      <c r="AH8401">
        <v>36</v>
      </c>
      <c r="AI8401">
        <v>36</v>
      </c>
      <c r="AJ8401">
        <v>37</v>
      </c>
      <c r="AK8401">
        <v>37</v>
      </c>
      <c r="AL8401">
        <v>37</v>
      </c>
      <c r="AM8401">
        <v>36</v>
      </c>
      <c r="AN8401">
        <v>36</v>
      </c>
      <c r="AO8401">
        <v>36</v>
      </c>
      <c r="AP8401">
        <v>36</v>
      </c>
      <c r="AQ8401">
        <v>36</v>
      </c>
    </row>
    <row r="8402" spans="1:43">
      <c r="A8402" t="s">
        <v>5246</v>
      </c>
      <c r="B8402" t="s">
        <v>5247</v>
      </c>
      <c r="C8402" t="s">
        <v>4982</v>
      </c>
      <c r="D8402" t="s">
        <v>4983</v>
      </c>
      <c r="E8402" t="s">
        <v>4916</v>
      </c>
      <c r="F8402" t="s">
        <v>4917</v>
      </c>
      <c r="G8402" t="s">
        <v>80</v>
      </c>
      <c r="H8402" t="s">
        <v>81</v>
      </c>
      <c r="I8402" s="2">
        <v>1</v>
      </c>
      <c r="J8402" s="2">
        <v>0</v>
      </c>
      <c r="K8402" s="2">
        <v>0</v>
      </c>
      <c r="L8402" t="s">
        <v>120</v>
      </c>
      <c r="M8402" t="s">
        <v>83</v>
      </c>
      <c r="N8402" t="s">
        <v>84</v>
      </c>
      <c r="O8402" t="s">
        <v>85</v>
      </c>
      <c r="P8402" t="s">
        <v>86</v>
      </c>
      <c r="Q8402">
        <v>25</v>
      </c>
      <c r="R8402">
        <v>25</v>
      </c>
      <c r="S8402">
        <v>25</v>
      </c>
      <c r="T8402">
        <v>25</v>
      </c>
      <c r="U8402">
        <v>26</v>
      </c>
      <c r="V8402">
        <v>26</v>
      </c>
      <c r="W8402">
        <v>26</v>
      </c>
      <c r="X8402">
        <v>26</v>
      </c>
      <c r="Y8402">
        <v>26</v>
      </c>
      <c r="Z8402">
        <v>26</v>
      </c>
      <c r="AA8402">
        <v>26</v>
      </c>
      <c r="AB8402">
        <v>26</v>
      </c>
      <c r="AC8402">
        <v>26</v>
      </c>
      <c r="AD8402">
        <v>26</v>
      </c>
      <c r="AE8402">
        <v>27</v>
      </c>
      <c r="AF8402">
        <v>27</v>
      </c>
      <c r="AG8402">
        <v>27</v>
      </c>
      <c r="AH8402">
        <v>27</v>
      </c>
      <c r="AI8402">
        <v>27</v>
      </c>
      <c r="AJ8402">
        <v>27</v>
      </c>
      <c r="AK8402">
        <v>27</v>
      </c>
      <c r="AL8402">
        <v>27</v>
      </c>
      <c r="AM8402">
        <v>27</v>
      </c>
      <c r="AN8402">
        <v>26</v>
      </c>
      <c r="AO8402">
        <v>26</v>
      </c>
      <c r="AP8402">
        <v>26</v>
      </c>
      <c r="AQ8402">
        <v>26</v>
      </c>
    </row>
    <row r="8403" spans="1:43">
      <c r="A8403" t="s">
        <v>5246</v>
      </c>
      <c r="B8403" t="s">
        <v>5247</v>
      </c>
      <c r="C8403" t="s">
        <v>4982</v>
      </c>
      <c r="D8403" t="s">
        <v>4983</v>
      </c>
      <c r="E8403" t="s">
        <v>4916</v>
      </c>
      <c r="F8403" t="s">
        <v>4917</v>
      </c>
      <c r="G8403" t="s">
        <v>80</v>
      </c>
      <c r="H8403" t="s">
        <v>81</v>
      </c>
      <c r="I8403" s="2">
        <v>1</v>
      </c>
      <c r="J8403" s="2">
        <v>0</v>
      </c>
      <c r="K8403" s="2">
        <v>0</v>
      </c>
      <c r="L8403" t="s">
        <v>120</v>
      </c>
      <c r="M8403" t="s">
        <v>87</v>
      </c>
      <c r="N8403" t="s">
        <v>88</v>
      </c>
      <c r="O8403" t="s">
        <v>85</v>
      </c>
      <c r="P8403" t="s">
        <v>86</v>
      </c>
      <c r="Q8403">
        <v>25</v>
      </c>
      <c r="R8403">
        <v>25</v>
      </c>
      <c r="S8403">
        <v>25</v>
      </c>
      <c r="T8403">
        <v>24</v>
      </c>
      <c r="U8403">
        <v>24</v>
      </c>
      <c r="V8403">
        <v>24</v>
      </c>
      <c r="W8403">
        <v>24</v>
      </c>
      <c r="X8403">
        <v>24</v>
      </c>
      <c r="Y8403">
        <v>24</v>
      </c>
      <c r="Z8403">
        <v>24</v>
      </c>
      <c r="AA8403">
        <v>24</v>
      </c>
      <c r="AB8403">
        <v>24</v>
      </c>
      <c r="AC8403">
        <v>24</v>
      </c>
      <c r="AD8403">
        <v>24</v>
      </c>
      <c r="AE8403">
        <v>24</v>
      </c>
      <c r="AF8403">
        <v>24</v>
      </c>
      <c r="AG8403">
        <v>23</v>
      </c>
      <c r="AH8403">
        <v>23</v>
      </c>
      <c r="AI8403">
        <v>23</v>
      </c>
      <c r="AJ8403">
        <v>23</v>
      </c>
      <c r="AK8403">
        <v>23</v>
      </c>
      <c r="AL8403">
        <v>23</v>
      </c>
      <c r="AM8403">
        <v>23</v>
      </c>
      <c r="AN8403">
        <v>23</v>
      </c>
      <c r="AO8403">
        <v>23</v>
      </c>
      <c r="AP8403">
        <v>23</v>
      </c>
      <c r="AQ8403">
        <v>23</v>
      </c>
    </row>
    <row r="8404" spans="1:43">
      <c r="A8404" t="s">
        <v>5246</v>
      </c>
      <c r="B8404" t="s">
        <v>5247</v>
      </c>
      <c r="C8404" t="s">
        <v>4982</v>
      </c>
      <c r="D8404" t="s">
        <v>4983</v>
      </c>
      <c r="E8404" t="s">
        <v>4916</v>
      </c>
      <c r="F8404" t="s">
        <v>4917</v>
      </c>
      <c r="G8404" t="s">
        <v>80</v>
      </c>
      <c r="H8404" t="s">
        <v>81</v>
      </c>
      <c r="I8404" s="2">
        <v>1</v>
      </c>
      <c r="J8404" s="2">
        <v>0</v>
      </c>
      <c r="K8404" s="2">
        <v>0</v>
      </c>
      <c r="L8404" t="s">
        <v>120</v>
      </c>
      <c r="M8404" t="s">
        <v>89</v>
      </c>
      <c r="N8404" t="s">
        <v>90</v>
      </c>
      <c r="O8404" t="s">
        <v>85</v>
      </c>
      <c r="P8404" t="s">
        <v>86</v>
      </c>
      <c r="Q8404">
        <v>25</v>
      </c>
      <c r="R8404">
        <v>26</v>
      </c>
      <c r="S8404">
        <v>26</v>
      </c>
      <c r="T8404">
        <v>26</v>
      </c>
      <c r="U8404">
        <v>27</v>
      </c>
      <c r="V8404">
        <v>27</v>
      </c>
      <c r="W8404">
        <v>27</v>
      </c>
      <c r="X8404">
        <v>27</v>
      </c>
      <c r="Y8404">
        <v>27</v>
      </c>
      <c r="Z8404">
        <v>28</v>
      </c>
      <c r="AA8404">
        <v>28</v>
      </c>
      <c r="AB8404">
        <v>28</v>
      </c>
      <c r="AC8404">
        <v>28</v>
      </c>
      <c r="AD8404">
        <v>28</v>
      </c>
      <c r="AE8404">
        <v>28</v>
      </c>
      <c r="AF8404">
        <v>28</v>
      </c>
      <c r="AG8404">
        <v>28</v>
      </c>
      <c r="AH8404">
        <v>28</v>
      </c>
      <c r="AI8404">
        <v>28</v>
      </c>
      <c r="AJ8404">
        <v>27</v>
      </c>
      <c r="AK8404">
        <v>27</v>
      </c>
      <c r="AL8404">
        <v>27</v>
      </c>
      <c r="AM8404">
        <v>27</v>
      </c>
      <c r="AN8404">
        <v>27</v>
      </c>
      <c r="AO8404">
        <v>27</v>
      </c>
      <c r="AP8404">
        <v>26</v>
      </c>
      <c r="AQ8404">
        <v>26</v>
      </c>
    </row>
    <row r="8405" spans="1:43">
      <c r="A8405" t="s">
        <v>5246</v>
      </c>
      <c r="B8405" t="s">
        <v>5247</v>
      </c>
      <c r="C8405" t="s">
        <v>4982</v>
      </c>
      <c r="D8405" t="s">
        <v>4983</v>
      </c>
      <c r="E8405" t="s">
        <v>4916</v>
      </c>
      <c r="F8405" t="s">
        <v>4917</v>
      </c>
      <c r="G8405" t="s">
        <v>80</v>
      </c>
      <c r="H8405" t="s">
        <v>81</v>
      </c>
      <c r="I8405" s="2">
        <v>1</v>
      </c>
      <c r="J8405" s="2">
        <v>0</v>
      </c>
      <c r="K8405" s="2">
        <v>0</v>
      </c>
      <c r="L8405" t="s">
        <v>120</v>
      </c>
      <c r="M8405" t="s">
        <v>83</v>
      </c>
      <c r="N8405" t="s">
        <v>91</v>
      </c>
      <c r="O8405" t="s">
        <v>85</v>
      </c>
      <c r="P8405" t="s">
        <v>86</v>
      </c>
      <c r="Q8405">
        <v>25</v>
      </c>
      <c r="R8405">
        <v>25</v>
      </c>
      <c r="S8405">
        <v>25</v>
      </c>
      <c r="T8405">
        <v>25</v>
      </c>
      <c r="U8405">
        <v>26</v>
      </c>
      <c r="V8405">
        <v>26</v>
      </c>
      <c r="W8405">
        <v>26</v>
      </c>
      <c r="X8405">
        <v>26</v>
      </c>
      <c r="Y8405">
        <v>26</v>
      </c>
      <c r="Z8405">
        <v>26</v>
      </c>
      <c r="AA8405">
        <v>26</v>
      </c>
      <c r="AB8405">
        <v>26</v>
      </c>
      <c r="AC8405">
        <v>26</v>
      </c>
      <c r="AD8405">
        <v>26</v>
      </c>
      <c r="AE8405">
        <v>27</v>
      </c>
      <c r="AF8405">
        <v>27</v>
      </c>
      <c r="AG8405">
        <v>27</v>
      </c>
      <c r="AH8405">
        <v>27</v>
      </c>
      <c r="AI8405">
        <v>27</v>
      </c>
      <c r="AJ8405">
        <v>27</v>
      </c>
      <c r="AK8405">
        <v>27</v>
      </c>
      <c r="AL8405">
        <v>27</v>
      </c>
      <c r="AM8405">
        <v>27</v>
      </c>
      <c r="AN8405">
        <v>26</v>
      </c>
      <c r="AO8405">
        <v>26</v>
      </c>
      <c r="AP8405">
        <v>26</v>
      </c>
      <c r="AQ8405">
        <v>26</v>
      </c>
    </row>
    <row r="8406" spans="1:43">
      <c r="A8406" t="s">
        <v>5248</v>
      </c>
      <c r="B8406" t="s">
        <v>5249</v>
      </c>
      <c r="C8406" t="s">
        <v>4942</v>
      </c>
      <c r="D8406" t="s">
        <v>4943</v>
      </c>
      <c r="E8406" t="s">
        <v>4916</v>
      </c>
      <c r="F8406" t="s">
        <v>4917</v>
      </c>
      <c r="G8406" t="s">
        <v>80</v>
      </c>
      <c r="H8406" t="s">
        <v>81</v>
      </c>
      <c r="I8406" s="2">
        <v>1</v>
      </c>
      <c r="J8406" s="2">
        <v>0</v>
      </c>
      <c r="K8406" s="2">
        <v>0</v>
      </c>
      <c r="L8406" t="s">
        <v>120</v>
      </c>
      <c r="M8406" t="s">
        <v>83</v>
      </c>
      <c r="N8406" t="s">
        <v>84</v>
      </c>
      <c r="O8406" t="s">
        <v>85</v>
      </c>
      <c r="P8406" t="s">
        <v>86</v>
      </c>
      <c r="Q8406">
        <v>41</v>
      </c>
      <c r="R8406">
        <v>41</v>
      </c>
      <c r="S8406">
        <v>41</v>
      </c>
      <c r="T8406">
        <v>41</v>
      </c>
      <c r="U8406">
        <v>42</v>
      </c>
      <c r="V8406">
        <v>42</v>
      </c>
      <c r="W8406">
        <v>42</v>
      </c>
      <c r="X8406">
        <v>42</v>
      </c>
      <c r="Y8406">
        <v>43</v>
      </c>
      <c r="Z8406">
        <v>43</v>
      </c>
      <c r="AA8406">
        <v>43</v>
      </c>
      <c r="AB8406">
        <v>43</v>
      </c>
      <c r="AC8406">
        <v>44</v>
      </c>
      <c r="AD8406">
        <v>44</v>
      </c>
      <c r="AE8406">
        <v>44</v>
      </c>
      <c r="AF8406">
        <v>44</v>
      </c>
      <c r="AG8406">
        <v>44</v>
      </c>
      <c r="AH8406">
        <v>44</v>
      </c>
      <c r="AI8406">
        <v>45</v>
      </c>
      <c r="AJ8406">
        <v>45</v>
      </c>
      <c r="AK8406">
        <v>45</v>
      </c>
      <c r="AL8406">
        <v>45</v>
      </c>
      <c r="AM8406">
        <v>45</v>
      </c>
      <c r="AN8406">
        <v>44</v>
      </c>
      <c r="AO8406">
        <v>44</v>
      </c>
      <c r="AP8406">
        <v>44</v>
      </c>
      <c r="AQ8406">
        <v>44</v>
      </c>
    </row>
    <row r="8407" spans="1:43">
      <c r="A8407" t="s">
        <v>5248</v>
      </c>
      <c r="B8407" t="s">
        <v>5249</v>
      </c>
      <c r="C8407" t="s">
        <v>4942</v>
      </c>
      <c r="D8407" t="s">
        <v>4943</v>
      </c>
      <c r="E8407" t="s">
        <v>4916</v>
      </c>
      <c r="F8407" t="s">
        <v>4917</v>
      </c>
      <c r="G8407" t="s">
        <v>80</v>
      </c>
      <c r="H8407" t="s">
        <v>81</v>
      </c>
      <c r="I8407" s="2">
        <v>1</v>
      </c>
      <c r="J8407" s="2">
        <v>0</v>
      </c>
      <c r="K8407" s="2">
        <v>0</v>
      </c>
      <c r="L8407" t="s">
        <v>120</v>
      </c>
      <c r="M8407" t="s">
        <v>87</v>
      </c>
      <c r="N8407" t="s">
        <v>88</v>
      </c>
      <c r="O8407" t="s">
        <v>85</v>
      </c>
      <c r="P8407" t="s">
        <v>86</v>
      </c>
      <c r="Q8407">
        <v>41</v>
      </c>
      <c r="R8407">
        <v>41</v>
      </c>
      <c r="S8407">
        <v>41</v>
      </c>
      <c r="T8407">
        <v>41</v>
      </c>
      <c r="U8407">
        <v>41</v>
      </c>
      <c r="V8407">
        <v>41</v>
      </c>
      <c r="W8407">
        <v>41</v>
      </c>
      <c r="X8407">
        <v>41</v>
      </c>
      <c r="Y8407">
        <v>40</v>
      </c>
      <c r="Z8407">
        <v>40</v>
      </c>
      <c r="AA8407">
        <v>40</v>
      </c>
      <c r="AB8407">
        <v>40</v>
      </c>
      <c r="AC8407">
        <v>40</v>
      </c>
      <c r="AD8407">
        <v>40</v>
      </c>
      <c r="AE8407">
        <v>40</v>
      </c>
      <c r="AF8407">
        <v>40</v>
      </c>
      <c r="AG8407">
        <v>40</v>
      </c>
      <c r="AH8407">
        <v>40</v>
      </c>
      <c r="AI8407">
        <v>40</v>
      </c>
      <c r="AJ8407">
        <v>40</v>
      </c>
      <c r="AK8407">
        <v>39</v>
      </c>
      <c r="AL8407">
        <v>39</v>
      </c>
      <c r="AM8407">
        <v>39</v>
      </c>
      <c r="AN8407">
        <v>39</v>
      </c>
      <c r="AO8407">
        <v>39</v>
      </c>
      <c r="AP8407">
        <v>39</v>
      </c>
      <c r="AQ8407">
        <v>39</v>
      </c>
    </row>
    <row r="8408" spans="1:43">
      <c r="A8408" t="s">
        <v>5248</v>
      </c>
      <c r="B8408" t="s">
        <v>5249</v>
      </c>
      <c r="C8408" t="s">
        <v>4942</v>
      </c>
      <c r="D8408" t="s">
        <v>4943</v>
      </c>
      <c r="E8408" t="s">
        <v>4916</v>
      </c>
      <c r="F8408" t="s">
        <v>4917</v>
      </c>
      <c r="G8408" t="s">
        <v>80</v>
      </c>
      <c r="H8408" t="s">
        <v>81</v>
      </c>
      <c r="I8408" s="2">
        <v>1</v>
      </c>
      <c r="J8408" s="2">
        <v>0</v>
      </c>
      <c r="K8408" s="2">
        <v>0</v>
      </c>
      <c r="L8408" t="s">
        <v>120</v>
      </c>
      <c r="M8408" t="s">
        <v>89</v>
      </c>
      <c r="N8408" t="s">
        <v>90</v>
      </c>
      <c r="O8408" t="s">
        <v>85</v>
      </c>
      <c r="P8408" t="s">
        <v>86</v>
      </c>
      <c r="Q8408">
        <v>41</v>
      </c>
      <c r="R8408">
        <v>42</v>
      </c>
      <c r="S8408">
        <v>42</v>
      </c>
      <c r="T8408">
        <v>43</v>
      </c>
      <c r="U8408">
        <v>43</v>
      </c>
      <c r="V8408">
        <v>44</v>
      </c>
      <c r="W8408">
        <v>44</v>
      </c>
      <c r="X8408">
        <v>45</v>
      </c>
      <c r="Y8408">
        <v>45</v>
      </c>
      <c r="Z8408">
        <v>46</v>
      </c>
      <c r="AA8408">
        <v>46</v>
      </c>
      <c r="AB8408">
        <v>46</v>
      </c>
      <c r="AC8408">
        <v>47</v>
      </c>
      <c r="AD8408">
        <v>47</v>
      </c>
      <c r="AE8408">
        <v>47</v>
      </c>
      <c r="AF8408">
        <v>47</v>
      </c>
      <c r="AG8408">
        <v>47</v>
      </c>
      <c r="AH8408">
        <v>46</v>
      </c>
      <c r="AI8408">
        <v>46</v>
      </c>
      <c r="AJ8408">
        <v>46</v>
      </c>
      <c r="AK8408">
        <v>46</v>
      </c>
      <c r="AL8408">
        <v>46</v>
      </c>
      <c r="AM8408">
        <v>45</v>
      </c>
      <c r="AN8408">
        <v>45</v>
      </c>
      <c r="AO8408">
        <v>45</v>
      </c>
      <c r="AP8408">
        <v>45</v>
      </c>
      <c r="AQ8408">
        <v>45</v>
      </c>
    </row>
    <row r="8409" spans="1:43">
      <c r="A8409" t="s">
        <v>5248</v>
      </c>
      <c r="B8409" t="s">
        <v>5249</v>
      </c>
      <c r="C8409" t="s">
        <v>4942</v>
      </c>
      <c r="D8409" t="s">
        <v>4943</v>
      </c>
      <c r="E8409" t="s">
        <v>4916</v>
      </c>
      <c r="F8409" t="s">
        <v>4917</v>
      </c>
      <c r="G8409" t="s">
        <v>80</v>
      </c>
      <c r="H8409" t="s">
        <v>81</v>
      </c>
      <c r="I8409" s="2">
        <v>1</v>
      </c>
      <c r="J8409" s="2">
        <v>0</v>
      </c>
      <c r="K8409" s="2">
        <v>0</v>
      </c>
      <c r="L8409" t="s">
        <v>120</v>
      </c>
      <c r="M8409" t="s">
        <v>83</v>
      </c>
      <c r="N8409" t="s">
        <v>91</v>
      </c>
      <c r="O8409" t="s">
        <v>85</v>
      </c>
      <c r="P8409" t="s">
        <v>86</v>
      </c>
      <c r="Q8409">
        <v>41</v>
      </c>
      <c r="R8409">
        <v>41</v>
      </c>
      <c r="S8409">
        <v>41</v>
      </c>
      <c r="T8409">
        <v>41</v>
      </c>
      <c r="U8409">
        <v>42</v>
      </c>
      <c r="V8409">
        <v>42</v>
      </c>
      <c r="W8409">
        <v>42</v>
      </c>
      <c r="X8409">
        <v>42</v>
      </c>
      <c r="Y8409">
        <v>43</v>
      </c>
      <c r="Z8409">
        <v>43</v>
      </c>
      <c r="AA8409">
        <v>43</v>
      </c>
      <c r="AB8409">
        <v>43</v>
      </c>
      <c r="AC8409">
        <v>44</v>
      </c>
      <c r="AD8409">
        <v>44</v>
      </c>
      <c r="AE8409">
        <v>44</v>
      </c>
      <c r="AF8409">
        <v>44</v>
      </c>
      <c r="AG8409">
        <v>44</v>
      </c>
      <c r="AH8409">
        <v>44</v>
      </c>
      <c r="AI8409">
        <v>45</v>
      </c>
      <c r="AJ8409">
        <v>45</v>
      </c>
      <c r="AK8409">
        <v>45</v>
      </c>
      <c r="AL8409">
        <v>45</v>
      </c>
      <c r="AM8409">
        <v>45</v>
      </c>
      <c r="AN8409">
        <v>44</v>
      </c>
      <c r="AO8409">
        <v>44</v>
      </c>
      <c r="AP8409">
        <v>44</v>
      </c>
      <c r="AQ8409">
        <v>44</v>
      </c>
    </row>
    <row r="8410" spans="1:43">
      <c r="A8410" t="s">
        <v>5250</v>
      </c>
      <c r="B8410" t="s">
        <v>5251</v>
      </c>
      <c r="C8410" t="s">
        <v>5252</v>
      </c>
      <c r="D8410" t="s">
        <v>5253</v>
      </c>
      <c r="E8410" t="s">
        <v>4916</v>
      </c>
      <c r="F8410" t="s">
        <v>4917</v>
      </c>
      <c r="G8410" t="s">
        <v>80</v>
      </c>
      <c r="H8410" t="s">
        <v>81</v>
      </c>
      <c r="I8410" s="2">
        <v>1</v>
      </c>
      <c r="J8410" s="2">
        <v>0</v>
      </c>
      <c r="K8410" s="2">
        <v>0</v>
      </c>
      <c r="L8410" t="s">
        <v>120</v>
      </c>
      <c r="M8410" t="s">
        <v>83</v>
      </c>
      <c r="N8410" t="s">
        <v>84</v>
      </c>
      <c r="O8410" t="s">
        <v>85</v>
      </c>
      <c r="P8410" t="s">
        <v>86</v>
      </c>
      <c r="Q8410">
        <v>30</v>
      </c>
      <c r="R8410">
        <v>30</v>
      </c>
      <c r="S8410">
        <v>30</v>
      </c>
      <c r="T8410">
        <v>30</v>
      </c>
      <c r="U8410">
        <v>31</v>
      </c>
      <c r="V8410">
        <v>31</v>
      </c>
      <c r="W8410">
        <v>31</v>
      </c>
      <c r="X8410">
        <v>31</v>
      </c>
      <c r="Y8410">
        <v>31</v>
      </c>
      <c r="Z8410">
        <v>32</v>
      </c>
      <c r="AA8410">
        <v>32</v>
      </c>
      <c r="AB8410">
        <v>32</v>
      </c>
      <c r="AC8410">
        <v>32</v>
      </c>
      <c r="AD8410">
        <v>32</v>
      </c>
      <c r="AE8410">
        <v>32</v>
      </c>
      <c r="AF8410">
        <v>32</v>
      </c>
      <c r="AG8410">
        <v>33</v>
      </c>
      <c r="AH8410">
        <v>33</v>
      </c>
      <c r="AI8410">
        <v>33</v>
      </c>
      <c r="AJ8410">
        <v>33</v>
      </c>
      <c r="AK8410">
        <v>33</v>
      </c>
      <c r="AL8410">
        <v>33</v>
      </c>
      <c r="AM8410">
        <v>33</v>
      </c>
      <c r="AN8410">
        <v>33</v>
      </c>
      <c r="AO8410">
        <v>33</v>
      </c>
      <c r="AP8410">
        <v>33</v>
      </c>
      <c r="AQ8410">
        <v>32</v>
      </c>
    </row>
    <row r="8411" spans="1:43">
      <c r="A8411" t="s">
        <v>5250</v>
      </c>
      <c r="B8411" t="s">
        <v>5251</v>
      </c>
      <c r="C8411" t="s">
        <v>5252</v>
      </c>
      <c r="D8411" t="s">
        <v>5253</v>
      </c>
      <c r="E8411" t="s">
        <v>4916</v>
      </c>
      <c r="F8411" t="s">
        <v>4917</v>
      </c>
      <c r="G8411" t="s">
        <v>80</v>
      </c>
      <c r="H8411" t="s">
        <v>81</v>
      </c>
      <c r="I8411" s="2">
        <v>1</v>
      </c>
      <c r="J8411" s="2">
        <v>0</v>
      </c>
      <c r="K8411" s="2">
        <v>0</v>
      </c>
      <c r="L8411" t="s">
        <v>120</v>
      </c>
      <c r="M8411" t="s">
        <v>87</v>
      </c>
      <c r="N8411" t="s">
        <v>88</v>
      </c>
      <c r="O8411" t="s">
        <v>85</v>
      </c>
      <c r="P8411" t="s">
        <v>86</v>
      </c>
      <c r="Q8411">
        <v>30</v>
      </c>
      <c r="R8411">
        <v>29</v>
      </c>
      <c r="S8411">
        <v>29</v>
      </c>
      <c r="T8411">
        <v>29</v>
      </c>
      <c r="U8411">
        <v>29</v>
      </c>
      <c r="V8411">
        <v>29</v>
      </c>
      <c r="W8411">
        <v>29</v>
      </c>
      <c r="X8411">
        <v>29</v>
      </c>
      <c r="Y8411">
        <v>29</v>
      </c>
      <c r="Z8411">
        <v>29</v>
      </c>
      <c r="AA8411">
        <v>29</v>
      </c>
      <c r="AB8411">
        <v>29</v>
      </c>
      <c r="AC8411">
        <v>29</v>
      </c>
      <c r="AD8411">
        <v>29</v>
      </c>
      <c r="AE8411">
        <v>29</v>
      </c>
      <c r="AF8411">
        <v>29</v>
      </c>
      <c r="AG8411">
        <v>29</v>
      </c>
      <c r="AH8411">
        <v>29</v>
      </c>
      <c r="AI8411">
        <v>28</v>
      </c>
      <c r="AJ8411">
        <v>28</v>
      </c>
      <c r="AK8411">
        <v>28</v>
      </c>
      <c r="AL8411">
        <v>28</v>
      </c>
      <c r="AM8411">
        <v>28</v>
      </c>
      <c r="AN8411">
        <v>28</v>
      </c>
      <c r="AO8411">
        <v>28</v>
      </c>
      <c r="AP8411">
        <v>28</v>
      </c>
      <c r="AQ8411">
        <v>28</v>
      </c>
    </row>
    <row r="8412" spans="1:43">
      <c r="A8412" t="s">
        <v>5250</v>
      </c>
      <c r="B8412" t="s">
        <v>5251</v>
      </c>
      <c r="C8412" t="s">
        <v>5252</v>
      </c>
      <c r="D8412" t="s">
        <v>5253</v>
      </c>
      <c r="E8412" t="s">
        <v>4916</v>
      </c>
      <c r="F8412" t="s">
        <v>4917</v>
      </c>
      <c r="G8412" t="s">
        <v>80</v>
      </c>
      <c r="H8412" t="s">
        <v>81</v>
      </c>
      <c r="I8412" s="2">
        <v>1</v>
      </c>
      <c r="J8412" s="2">
        <v>0</v>
      </c>
      <c r="K8412" s="2">
        <v>0</v>
      </c>
      <c r="L8412" t="s">
        <v>120</v>
      </c>
      <c r="M8412" t="s">
        <v>89</v>
      </c>
      <c r="N8412" t="s">
        <v>90</v>
      </c>
      <c r="O8412" t="s">
        <v>85</v>
      </c>
      <c r="P8412" t="s">
        <v>86</v>
      </c>
      <c r="Q8412">
        <v>30</v>
      </c>
      <c r="R8412">
        <v>31</v>
      </c>
      <c r="S8412">
        <v>31</v>
      </c>
      <c r="T8412">
        <v>31</v>
      </c>
      <c r="U8412">
        <v>32</v>
      </c>
      <c r="V8412">
        <v>32</v>
      </c>
      <c r="W8412">
        <v>33</v>
      </c>
      <c r="X8412">
        <v>33</v>
      </c>
      <c r="Y8412">
        <v>33</v>
      </c>
      <c r="Z8412">
        <v>33</v>
      </c>
      <c r="AA8412">
        <v>34</v>
      </c>
      <c r="AB8412">
        <v>34</v>
      </c>
      <c r="AC8412">
        <v>34</v>
      </c>
      <c r="AD8412">
        <v>35</v>
      </c>
      <c r="AE8412">
        <v>35</v>
      </c>
      <c r="AF8412">
        <v>34</v>
      </c>
      <c r="AG8412">
        <v>34</v>
      </c>
      <c r="AH8412">
        <v>34</v>
      </c>
      <c r="AI8412">
        <v>34</v>
      </c>
      <c r="AJ8412">
        <v>34</v>
      </c>
      <c r="AK8412">
        <v>34</v>
      </c>
      <c r="AL8412">
        <v>34</v>
      </c>
      <c r="AM8412">
        <v>33</v>
      </c>
      <c r="AN8412">
        <v>33</v>
      </c>
      <c r="AO8412">
        <v>33</v>
      </c>
      <c r="AP8412">
        <v>33</v>
      </c>
      <c r="AQ8412">
        <v>33</v>
      </c>
    </row>
    <row r="8413" spans="1:43">
      <c r="A8413" t="s">
        <v>5250</v>
      </c>
      <c r="B8413" t="s">
        <v>5251</v>
      </c>
      <c r="C8413" t="s">
        <v>5252</v>
      </c>
      <c r="D8413" t="s">
        <v>5253</v>
      </c>
      <c r="E8413" t="s">
        <v>4916</v>
      </c>
      <c r="F8413" t="s">
        <v>4917</v>
      </c>
      <c r="G8413" t="s">
        <v>80</v>
      </c>
      <c r="H8413" t="s">
        <v>81</v>
      </c>
      <c r="I8413" s="2">
        <v>1</v>
      </c>
      <c r="J8413" s="2">
        <v>0</v>
      </c>
      <c r="K8413" s="2">
        <v>0</v>
      </c>
      <c r="L8413" t="s">
        <v>120</v>
      </c>
      <c r="M8413" t="s">
        <v>83</v>
      </c>
      <c r="N8413" t="s">
        <v>91</v>
      </c>
      <c r="O8413" t="s">
        <v>85</v>
      </c>
      <c r="P8413" t="s">
        <v>86</v>
      </c>
      <c r="Q8413">
        <v>30</v>
      </c>
      <c r="R8413">
        <v>30</v>
      </c>
      <c r="S8413">
        <v>30</v>
      </c>
      <c r="T8413">
        <v>30</v>
      </c>
      <c r="U8413">
        <v>31</v>
      </c>
      <c r="V8413">
        <v>31</v>
      </c>
      <c r="W8413">
        <v>31</v>
      </c>
      <c r="X8413">
        <v>31</v>
      </c>
      <c r="Y8413">
        <v>31</v>
      </c>
      <c r="Z8413">
        <v>32</v>
      </c>
      <c r="AA8413">
        <v>32</v>
      </c>
      <c r="AB8413">
        <v>32</v>
      </c>
      <c r="AC8413">
        <v>32</v>
      </c>
      <c r="AD8413">
        <v>32</v>
      </c>
      <c r="AE8413">
        <v>32</v>
      </c>
      <c r="AF8413">
        <v>32</v>
      </c>
      <c r="AG8413">
        <v>33</v>
      </c>
      <c r="AH8413">
        <v>33</v>
      </c>
      <c r="AI8413">
        <v>33</v>
      </c>
      <c r="AJ8413">
        <v>33</v>
      </c>
      <c r="AK8413">
        <v>33</v>
      </c>
      <c r="AL8413">
        <v>33</v>
      </c>
      <c r="AM8413">
        <v>33</v>
      </c>
      <c r="AN8413">
        <v>33</v>
      </c>
      <c r="AO8413">
        <v>33</v>
      </c>
      <c r="AP8413">
        <v>33</v>
      </c>
      <c r="AQ8413">
        <v>32</v>
      </c>
    </row>
    <row r="8414" spans="1:43">
      <c r="A8414" t="s">
        <v>5254</v>
      </c>
      <c r="B8414" t="s">
        <v>5255</v>
      </c>
      <c r="C8414" t="s">
        <v>4948</v>
      </c>
      <c r="D8414" t="s">
        <v>4949</v>
      </c>
      <c r="E8414" t="s">
        <v>4916</v>
      </c>
      <c r="F8414" t="s">
        <v>4917</v>
      </c>
      <c r="G8414" t="s">
        <v>80</v>
      </c>
      <c r="H8414" t="s">
        <v>81</v>
      </c>
      <c r="I8414" s="2">
        <v>1</v>
      </c>
      <c r="J8414" s="2">
        <v>0</v>
      </c>
      <c r="K8414" s="2">
        <v>0</v>
      </c>
      <c r="L8414" t="s">
        <v>120</v>
      </c>
      <c r="M8414" t="s">
        <v>83</v>
      </c>
      <c r="N8414" t="s">
        <v>84</v>
      </c>
      <c r="O8414" t="s">
        <v>85</v>
      </c>
      <c r="P8414" t="s">
        <v>86</v>
      </c>
      <c r="Q8414">
        <v>97</v>
      </c>
      <c r="R8414">
        <v>98</v>
      </c>
      <c r="S8414">
        <v>98</v>
      </c>
      <c r="T8414">
        <v>99</v>
      </c>
      <c r="U8414">
        <v>100</v>
      </c>
      <c r="V8414">
        <v>101</v>
      </c>
      <c r="W8414">
        <v>101</v>
      </c>
      <c r="X8414">
        <v>102</v>
      </c>
      <c r="Y8414">
        <v>102</v>
      </c>
      <c r="Z8414">
        <v>103</v>
      </c>
      <c r="AA8414">
        <v>103</v>
      </c>
      <c r="AB8414">
        <v>104</v>
      </c>
      <c r="AC8414">
        <v>104</v>
      </c>
      <c r="AD8414">
        <v>105</v>
      </c>
      <c r="AE8414">
        <v>105</v>
      </c>
      <c r="AF8414">
        <v>106</v>
      </c>
      <c r="AG8414">
        <v>106</v>
      </c>
      <c r="AH8414">
        <v>107</v>
      </c>
      <c r="AI8414">
        <v>107</v>
      </c>
      <c r="AJ8414">
        <v>108</v>
      </c>
      <c r="AK8414">
        <v>108</v>
      </c>
      <c r="AL8414">
        <v>108</v>
      </c>
      <c r="AM8414">
        <v>108</v>
      </c>
      <c r="AN8414">
        <v>107</v>
      </c>
      <c r="AO8414">
        <v>107</v>
      </c>
      <c r="AP8414">
        <v>106</v>
      </c>
      <c r="AQ8414">
        <v>106</v>
      </c>
    </row>
    <row r="8415" spans="1:43">
      <c r="A8415" t="s">
        <v>5254</v>
      </c>
      <c r="B8415" t="s">
        <v>5255</v>
      </c>
      <c r="C8415" t="s">
        <v>4948</v>
      </c>
      <c r="D8415" t="s">
        <v>4949</v>
      </c>
      <c r="E8415" t="s">
        <v>4916</v>
      </c>
      <c r="F8415" t="s">
        <v>4917</v>
      </c>
      <c r="G8415" t="s">
        <v>80</v>
      </c>
      <c r="H8415" t="s">
        <v>81</v>
      </c>
      <c r="I8415" s="2">
        <v>1</v>
      </c>
      <c r="J8415" s="2">
        <v>0</v>
      </c>
      <c r="K8415" s="2">
        <v>0</v>
      </c>
      <c r="L8415" t="s">
        <v>120</v>
      </c>
      <c r="M8415" t="s">
        <v>87</v>
      </c>
      <c r="N8415" t="s">
        <v>88</v>
      </c>
      <c r="O8415" t="s">
        <v>85</v>
      </c>
      <c r="P8415" t="s">
        <v>86</v>
      </c>
      <c r="Q8415">
        <v>97</v>
      </c>
      <c r="R8415">
        <v>97</v>
      </c>
      <c r="S8415">
        <v>97</v>
      </c>
      <c r="T8415">
        <v>97</v>
      </c>
      <c r="U8415">
        <v>96</v>
      </c>
      <c r="V8415">
        <v>96</v>
      </c>
      <c r="W8415">
        <v>96</v>
      </c>
      <c r="X8415">
        <v>96</v>
      </c>
      <c r="Y8415">
        <v>96</v>
      </c>
      <c r="Z8415">
        <v>96</v>
      </c>
      <c r="AA8415">
        <v>95</v>
      </c>
      <c r="AB8415">
        <v>95</v>
      </c>
      <c r="AC8415">
        <v>95</v>
      </c>
      <c r="AD8415">
        <v>95</v>
      </c>
      <c r="AE8415">
        <v>95</v>
      </c>
      <c r="AF8415">
        <v>94</v>
      </c>
      <c r="AG8415">
        <v>94</v>
      </c>
      <c r="AH8415">
        <v>94</v>
      </c>
      <c r="AI8415">
        <v>94</v>
      </c>
      <c r="AJ8415">
        <v>94</v>
      </c>
      <c r="AK8415">
        <v>94</v>
      </c>
      <c r="AL8415">
        <v>93</v>
      </c>
      <c r="AM8415">
        <v>93</v>
      </c>
      <c r="AN8415">
        <v>93</v>
      </c>
      <c r="AO8415">
        <v>93</v>
      </c>
      <c r="AP8415">
        <v>93</v>
      </c>
      <c r="AQ8415">
        <v>93</v>
      </c>
    </row>
    <row r="8416" spans="1:43">
      <c r="A8416" t="s">
        <v>5254</v>
      </c>
      <c r="B8416" t="s">
        <v>5255</v>
      </c>
      <c r="C8416" t="s">
        <v>4948</v>
      </c>
      <c r="D8416" t="s">
        <v>4949</v>
      </c>
      <c r="E8416" t="s">
        <v>4916</v>
      </c>
      <c r="F8416" t="s">
        <v>4917</v>
      </c>
      <c r="G8416" t="s">
        <v>80</v>
      </c>
      <c r="H8416" t="s">
        <v>81</v>
      </c>
      <c r="I8416" s="2">
        <v>1</v>
      </c>
      <c r="J8416" s="2">
        <v>0</v>
      </c>
      <c r="K8416" s="2">
        <v>0</v>
      </c>
      <c r="L8416" t="s">
        <v>120</v>
      </c>
      <c r="M8416" t="s">
        <v>89</v>
      </c>
      <c r="N8416" t="s">
        <v>90</v>
      </c>
      <c r="O8416" t="s">
        <v>85</v>
      </c>
      <c r="P8416" t="s">
        <v>86</v>
      </c>
      <c r="Q8416">
        <v>97</v>
      </c>
      <c r="R8416">
        <v>98</v>
      </c>
      <c r="S8416">
        <v>100</v>
      </c>
      <c r="T8416">
        <v>101</v>
      </c>
      <c r="U8416">
        <v>103</v>
      </c>
      <c r="V8416">
        <v>104</v>
      </c>
      <c r="W8416">
        <v>105</v>
      </c>
      <c r="X8416">
        <v>106</v>
      </c>
      <c r="Y8416">
        <v>107</v>
      </c>
      <c r="Z8416">
        <v>108</v>
      </c>
      <c r="AA8416">
        <v>109</v>
      </c>
      <c r="AB8416">
        <v>110</v>
      </c>
      <c r="AC8416">
        <v>111</v>
      </c>
      <c r="AD8416">
        <v>112</v>
      </c>
      <c r="AE8416">
        <v>112</v>
      </c>
      <c r="AF8416">
        <v>112</v>
      </c>
      <c r="AG8416">
        <v>111</v>
      </c>
      <c r="AH8416">
        <v>111</v>
      </c>
      <c r="AI8416">
        <v>110</v>
      </c>
      <c r="AJ8416">
        <v>110</v>
      </c>
      <c r="AK8416">
        <v>109</v>
      </c>
      <c r="AL8416">
        <v>109</v>
      </c>
      <c r="AM8416">
        <v>109</v>
      </c>
      <c r="AN8416">
        <v>108</v>
      </c>
      <c r="AO8416">
        <v>108</v>
      </c>
      <c r="AP8416">
        <v>107</v>
      </c>
      <c r="AQ8416">
        <v>107</v>
      </c>
    </row>
    <row r="8417" spans="1:43">
      <c r="A8417" t="s">
        <v>5254</v>
      </c>
      <c r="B8417" t="s">
        <v>5255</v>
      </c>
      <c r="C8417" t="s">
        <v>4948</v>
      </c>
      <c r="D8417" t="s">
        <v>4949</v>
      </c>
      <c r="E8417" t="s">
        <v>4916</v>
      </c>
      <c r="F8417" t="s">
        <v>4917</v>
      </c>
      <c r="G8417" t="s">
        <v>80</v>
      </c>
      <c r="H8417" t="s">
        <v>81</v>
      </c>
      <c r="I8417" s="2">
        <v>1</v>
      </c>
      <c r="J8417" s="2">
        <v>0</v>
      </c>
      <c r="K8417" s="2">
        <v>0</v>
      </c>
      <c r="L8417" t="s">
        <v>120</v>
      </c>
      <c r="M8417" t="s">
        <v>83</v>
      </c>
      <c r="N8417" t="s">
        <v>91</v>
      </c>
      <c r="O8417" t="s">
        <v>85</v>
      </c>
      <c r="P8417" t="s">
        <v>86</v>
      </c>
      <c r="Q8417">
        <v>97</v>
      </c>
      <c r="R8417">
        <v>98</v>
      </c>
      <c r="S8417">
        <v>98</v>
      </c>
      <c r="T8417">
        <v>99</v>
      </c>
      <c r="U8417">
        <v>100</v>
      </c>
      <c r="V8417">
        <v>101</v>
      </c>
      <c r="W8417">
        <v>101</v>
      </c>
      <c r="X8417">
        <v>102</v>
      </c>
      <c r="Y8417">
        <v>102</v>
      </c>
      <c r="Z8417">
        <v>103</v>
      </c>
      <c r="AA8417">
        <v>103</v>
      </c>
      <c r="AB8417">
        <v>104</v>
      </c>
      <c r="AC8417">
        <v>104</v>
      </c>
      <c r="AD8417">
        <v>105</v>
      </c>
      <c r="AE8417">
        <v>105</v>
      </c>
      <c r="AF8417">
        <v>106</v>
      </c>
      <c r="AG8417">
        <v>106</v>
      </c>
      <c r="AH8417">
        <v>107</v>
      </c>
      <c r="AI8417">
        <v>107</v>
      </c>
      <c r="AJ8417">
        <v>108</v>
      </c>
      <c r="AK8417">
        <v>108</v>
      </c>
      <c r="AL8417">
        <v>108</v>
      </c>
      <c r="AM8417">
        <v>108</v>
      </c>
      <c r="AN8417">
        <v>107</v>
      </c>
      <c r="AO8417">
        <v>107</v>
      </c>
      <c r="AP8417">
        <v>106</v>
      </c>
      <c r="AQ8417">
        <v>106</v>
      </c>
    </row>
    <row r="8418" spans="1:43">
      <c r="A8418" t="s">
        <v>5256</v>
      </c>
      <c r="B8418" t="s">
        <v>5257</v>
      </c>
      <c r="C8418" t="s">
        <v>5252</v>
      </c>
      <c r="D8418" t="s">
        <v>5253</v>
      </c>
      <c r="E8418" t="s">
        <v>4916</v>
      </c>
      <c r="F8418" t="s">
        <v>4917</v>
      </c>
      <c r="G8418" t="s">
        <v>80</v>
      </c>
      <c r="H8418" t="s">
        <v>81</v>
      </c>
      <c r="I8418" s="2">
        <v>1</v>
      </c>
      <c r="J8418" s="2">
        <v>0</v>
      </c>
      <c r="K8418" s="2">
        <v>0</v>
      </c>
      <c r="L8418" t="s">
        <v>120</v>
      </c>
      <c r="M8418" t="s">
        <v>83</v>
      </c>
      <c r="N8418" t="s">
        <v>84</v>
      </c>
      <c r="O8418" t="s">
        <v>85</v>
      </c>
      <c r="P8418" t="s">
        <v>86</v>
      </c>
      <c r="Q8418">
        <v>6</v>
      </c>
      <c r="R8418">
        <v>6</v>
      </c>
      <c r="S8418">
        <v>6</v>
      </c>
      <c r="T8418">
        <v>6</v>
      </c>
      <c r="U8418">
        <v>6</v>
      </c>
      <c r="V8418">
        <v>6</v>
      </c>
      <c r="W8418">
        <v>6</v>
      </c>
      <c r="X8418">
        <v>6</v>
      </c>
      <c r="Y8418">
        <v>6</v>
      </c>
      <c r="Z8418">
        <v>6</v>
      </c>
      <c r="AA8418">
        <v>6</v>
      </c>
      <c r="AB8418">
        <v>6</v>
      </c>
      <c r="AC8418">
        <v>6</v>
      </c>
      <c r="AD8418">
        <v>6</v>
      </c>
      <c r="AE8418">
        <v>6</v>
      </c>
      <c r="AF8418">
        <v>6</v>
      </c>
      <c r="AG8418">
        <v>6</v>
      </c>
      <c r="AH8418">
        <v>6</v>
      </c>
      <c r="AI8418">
        <v>6</v>
      </c>
      <c r="AJ8418">
        <v>6</v>
      </c>
      <c r="AK8418">
        <v>6</v>
      </c>
      <c r="AL8418">
        <v>6</v>
      </c>
      <c r="AM8418">
        <v>6</v>
      </c>
      <c r="AN8418">
        <v>6</v>
      </c>
      <c r="AO8418">
        <v>6</v>
      </c>
      <c r="AP8418">
        <v>6</v>
      </c>
      <c r="AQ8418">
        <v>6</v>
      </c>
    </row>
    <row r="8419" spans="1:43">
      <c r="A8419" t="s">
        <v>5256</v>
      </c>
      <c r="B8419" t="s">
        <v>5257</v>
      </c>
      <c r="C8419" t="s">
        <v>5252</v>
      </c>
      <c r="D8419" t="s">
        <v>5253</v>
      </c>
      <c r="E8419" t="s">
        <v>4916</v>
      </c>
      <c r="F8419" t="s">
        <v>4917</v>
      </c>
      <c r="G8419" t="s">
        <v>80</v>
      </c>
      <c r="H8419" t="s">
        <v>81</v>
      </c>
      <c r="I8419" s="2">
        <v>1</v>
      </c>
      <c r="J8419" s="2">
        <v>0</v>
      </c>
      <c r="K8419" s="2">
        <v>0</v>
      </c>
      <c r="L8419" t="s">
        <v>120</v>
      </c>
      <c r="M8419" t="s">
        <v>87</v>
      </c>
      <c r="N8419" t="s">
        <v>88</v>
      </c>
      <c r="O8419" t="s">
        <v>85</v>
      </c>
      <c r="P8419" t="s">
        <v>86</v>
      </c>
      <c r="Q8419">
        <v>6</v>
      </c>
      <c r="R8419">
        <v>6</v>
      </c>
      <c r="S8419">
        <v>6</v>
      </c>
      <c r="T8419">
        <v>6</v>
      </c>
      <c r="U8419">
        <v>6</v>
      </c>
      <c r="V8419">
        <v>6</v>
      </c>
      <c r="W8419">
        <v>6</v>
      </c>
      <c r="X8419">
        <v>6</v>
      </c>
      <c r="Y8419">
        <v>6</v>
      </c>
      <c r="Z8419">
        <v>6</v>
      </c>
      <c r="AA8419">
        <v>5</v>
      </c>
      <c r="AB8419">
        <v>5</v>
      </c>
      <c r="AC8419">
        <v>5</v>
      </c>
      <c r="AD8419">
        <v>5</v>
      </c>
      <c r="AE8419">
        <v>5</v>
      </c>
      <c r="AF8419">
        <v>5</v>
      </c>
      <c r="AG8419">
        <v>5</v>
      </c>
      <c r="AH8419">
        <v>5</v>
      </c>
      <c r="AI8419">
        <v>5</v>
      </c>
      <c r="AJ8419">
        <v>5</v>
      </c>
      <c r="AK8419">
        <v>5</v>
      </c>
      <c r="AL8419">
        <v>5</v>
      </c>
      <c r="AM8419">
        <v>5</v>
      </c>
      <c r="AN8419">
        <v>5</v>
      </c>
      <c r="AO8419">
        <v>5</v>
      </c>
      <c r="AP8419">
        <v>5</v>
      </c>
      <c r="AQ8419">
        <v>5</v>
      </c>
    </row>
    <row r="8420" spans="1:43">
      <c r="A8420" t="s">
        <v>5256</v>
      </c>
      <c r="B8420" t="s">
        <v>5257</v>
      </c>
      <c r="C8420" t="s">
        <v>5252</v>
      </c>
      <c r="D8420" t="s">
        <v>5253</v>
      </c>
      <c r="E8420" t="s">
        <v>4916</v>
      </c>
      <c r="F8420" t="s">
        <v>4917</v>
      </c>
      <c r="G8420" t="s">
        <v>80</v>
      </c>
      <c r="H8420" t="s">
        <v>81</v>
      </c>
      <c r="I8420" s="2">
        <v>1</v>
      </c>
      <c r="J8420" s="2">
        <v>0</v>
      </c>
      <c r="K8420" s="2">
        <v>0</v>
      </c>
      <c r="L8420" t="s">
        <v>120</v>
      </c>
      <c r="M8420" t="s">
        <v>89</v>
      </c>
      <c r="N8420" t="s">
        <v>90</v>
      </c>
      <c r="O8420" t="s">
        <v>85</v>
      </c>
      <c r="P8420" t="s">
        <v>86</v>
      </c>
      <c r="Q8420">
        <v>6</v>
      </c>
      <c r="R8420">
        <v>6</v>
      </c>
      <c r="S8420">
        <v>6</v>
      </c>
      <c r="T8420">
        <v>6</v>
      </c>
      <c r="U8420">
        <v>6</v>
      </c>
      <c r="V8420">
        <v>6</v>
      </c>
      <c r="W8420">
        <v>6</v>
      </c>
      <c r="X8420">
        <v>6</v>
      </c>
      <c r="Y8420">
        <v>6</v>
      </c>
      <c r="Z8420">
        <v>6</v>
      </c>
      <c r="AA8420">
        <v>6</v>
      </c>
      <c r="AB8420">
        <v>6</v>
      </c>
      <c r="AC8420">
        <v>6</v>
      </c>
      <c r="AD8420">
        <v>7</v>
      </c>
      <c r="AE8420">
        <v>7</v>
      </c>
      <c r="AF8420">
        <v>7</v>
      </c>
      <c r="AG8420">
        <v>6</v>
      </c>
      <c r="AH8420">
        <v>6</v>
      </c>
      <c r="AI8420">
        <v>6</v>
      </c>
      <c r="AJ8420">
        <v>6</v>
      </c>
      <c r="AK8420">
        <v>6</v>
      </c>
      <c r="AL8420">
        <v>6</v>
      </c>
      <c r="AM8420">
        <v>6</v>
      </c>
      <c r="AN8420">
        <v>6</v>
      </c>
      <c r="AO8420">
        <v>6</v>
      </c>
      <c r="AP8420">
        <v>6</v>
      </c>
      <c r="AQ8420">
        <v>6</v>
      </c>
    </row>
    <row r="8421" spans="1:43">
      <c r="A8421" t="s">
        <v>5256</v>
      </c>
      <c r="B8421" t="s">
        <v>5257</v>
      </c>
      <c r="C8421" t="s">
        <v>5252</v>
      </c>
      <c r="D8421" t="s">
        <v>5253</v>
      </c>
      <c r="E8421" t="s">
        <v>4916</v>
      </c>
      <c r="F8421" t="s">
        <v>4917</v>
      </c>
      <c r="G8421" t="s">
        <v>80</v>
      </c>
      <c r="H8421" t="s">
        <v>81</v>
      </c>
      <c r="I8421" s="2">
        <v>1</v>
      </c>
      <c r="J8421" s="2">
        <v>0</v>
      </c>
      <c r="K8421" s="2">
        <v>0</v>
      </c>
      <c r="L8421" t="s">
        <v>120</v>
      </c>
      <c r="M8421" t="s">
        <v>83</v>
      </c>
      <c r="N8421" t="s">
        <v>91</v>
      </c>
      <c r="O8421" t="s">
        <v>85</v>
      </c>
      <c r="P8421" t="s">
        <v>86</v>
      </c>
      <c r="Q8421">
        <v>6</v>
      </c>
      <c r="R8421">
        <v>6</v>
      </c>
      <c r="S8421">
        <v>6</v>
      </c>
      <c r="T8421">
        <v>6</v>
      </c>
      <c r="U8421">
        <v>6</v>
      </c>
      <c r="V8421">
        <v>6</v>
      </c>
      <c r="W8421">
        <v>6</v>
      </c>
      <c r="X8421">
        <v>6</v>
      </c>
      <c r="Y8421">
        <v>6</v>
      </c>
      <c r="Z8421">
        <v>6</v>
      </c>
      <c r="AA8421">
        <v>6</v>
      </c>
      <c r="AB8421">
        <v>6</v>
      </c>
      <c r="AC8421">
        <v>6</v>
      </c>
      <c r="AD8421">
        <v>6</v>
      </c>
      <c r="AE8421">
        <v>6</v>
      </c>
      <c r="AF8421">
        <v>6</v>
      </c>
      <c r="AG8421">
        <v>6</v>
      </c>
      <c r="AH8421">
        <v>6</v>
      </c>
      <c r="AI8421">
        <v>6</v>
      </c>
      <c r="AJ8421">
        <v>6</v>
      </c>
      <c r="AK8421">
        <v>6</v>
      </c>
      <c r="AL8421">
        <v>6</v>
      </c>
      <c r="AM8421">
        <v>6</v>
      </c>
      <c r="AN8421">
        <v>6</v>
      </c>
      <c r="AO8421">
        <v>6</v>
      </c>
      <c r="AP8421">
        <v>6</v>
      </c>
      <c r="AQ8421">
        <v>6</v>
      </c>
    </row>
    <row r="8422" spans="1:43">
      <c r="A8422" t="s">
        <v>5258</v>
      </c>
      <c r="B8422" t="s">
        <v>5259</v>
      </c>
      <c r="C8422" t="s">
        <v>5252</v>
      </c>
      <c r="D8422" t="s">
        <v>5253</v>
      </c>
      <c r="E8422" t="s">
        <v>4916</v>
      </c>
      <c r="F8422" t="s">
        <v>4917</v>
      </c>
      <c r="G8422" t="s">
        <v>80</v>
      </c>
      <c r="H8422" t="s">
        <v>81</v>
      </c>
      <c r="I8422" s="2">
        <v>1</v>
      </c>
      <c r="J8422" s="2">
        <v>0</v>
      </c>
      <c r="K8422" s="2">
        <v>0</v>
      </c>
      <c r="L8422" t="s">
        <v>120</v>
      </c>
      <c r="M8422" t="s">
        <v>83</v>
      </c>
      <c r="N8422" t="s">
        <v>84</v>
      </c>
      <c r="O8422" t="s">
        <v>85</v>
      </c>
      <c r="P8422" t="s">
        <v>86</v>
      </c>
      <c r="Q8422">
        <v>12</v>
      </c>
      <c r="R8422">
        <v>12</v>
      </c>
      <c r="S8422">
        <v>12</v>
      </c>
      <c r="T8422">
        <v>12</v>
      </c>
      <c r="U8422">
        <v>12</v>
      </c>
      <c r="V8422">
        <v>12</v>
      </c>
      <c r="W8422">
        <v>12</v>
      </c>
      <c r="X8422">
        <v>12</v>
      </c>
      <c r="Y8422">
        <v>12</v>
      </c>
      <c r="Z8422">
        <v>12</v>
      </c>
      <c r="AA8422">
        <v>12</v>
      </c>
      <c r="AB8422">
        <v>12</v>
      </c>
      <c r="AC8422">
        <v>12</v>
      </c>
      <c r="AD8422">
        <v>12</v>
      </c>
      <c r="AE8422">
        <v>13</v>
      </c>
      <c r="AF8422">
        <v>13</v>
      </c>
      <c r="AG8422">
        <v>13</v>
      </c>
      <c r="AH8422">
        <v>13</v>
      </c>
      <c r="AI8422">
        <v>13</v>
      </c>
      <c r="AJ8422">
        <v>13</v>
      </c>
      <c r="AK8422">
        <v>13</v>
      </c>
      <c r="AL8422">
        <v>13</v>
      </c>
      <c r="AM8422">
        <v>13</v>
      </c>
      <c r="AN8422">
        <v>13</v>
      </c>
      <c r="AO8422">
        <v>13</v>
      </c>
      <c r="AP8422">
        <v>13</v>
      </c>
      <c r="AQ8422">
        <v>12</v>
      </c>
    </row>
    <row r="8423" spans="1:43">
      <c r="A8423" t="s">
        <v>5258</v>
      </c>
      <c r="B8423" t="s">
        <v>5259</v>
      </c>
      <c r="C8423" t="s">
        <v>5252</v>
      </c>
      <c r="D8423" t="s">
        <v>5253</v>
      </c>
      <c r="E8423" t="s">
        <v>4916</v>
      </c>
      <c r="F8423" t="s">
        <v>4917</v>
      </c>
      <c r="G8423" t="s">
        <v>80</v>
      </c>
      <c r="H8423" t="s">
        <v>81</v>
      </c>
      <c r="I8423" s="2">
        <v>1</v>
      </c>
      <c r="J8423" s="2">
        <v>0</v>
      </c>
      <c r="K8423" s="2">
        <v>0</v>
      </c>
      <c r="L8423" t="s">
        <v>120</v>
      </c>
      <c r="M8423" t="s">
        <v>87</v>
      </c>
      <c r="N8423" t="s">
        <v>88</v>
      </c>
      <c r="O8423" t="s">
        <v>85</v>
      </c>
      <c r="P8423" t="s">
        <v>86</v>
      </c>
      <c r="Q8423">
        <v>12</v>
      </c>
      <c r="R8423">
        <v>12</v>
      </c>
      <c r="S8423">
        <v>12</v>
      </c>
      <c r="T8423">
        <v>12</v>
      </c>
      <c r="U8423">
        <v>12</v>
      </c>
      <c r="V8423">
        <v>12</v>
      </c>
      <c r="W8423">
        <v>12</v>
      </c>
      <c r="X8423">
        <v>12</v>
      </c>
      <c r="Y8423">
        <v>12</v>
      </c>
      <c r="Z8423">
        <v>12</v>
      </c>
      <c r="AA8423">
        <v>12</v>
      </c>
      <c r="AB8423">
        <v>12</v>
      </c>
      <c r="AC8423">
        <v>12</v>
      </c>
      <c r="AD8423">
        <v>12</v>
      </c>
      <c r="AE8423">
        <v>12</v>
      </c>
      <c r="AF8423">
        <v>12</v>
      </c>
      <c r="AG8423">
        <v>12</v>
      </c>
      <c r="AH8423">
        <v>12</v>
      </c>
      <c r="AI8423">
        <v>12</v>
      </c>
      <c r="AJ8423">
        <v>12</v>
      </c>
      <c r="AK8423">
        <v>12</v>
      </c>
      <c r="AL8423">
        <v>12</v>
      </c>
      <c r="AM8423">
        <v>12</v>
      </c>
      <c r="AN8423">
        <v>12</v>
      </c>
      <c r="AO8423">
        <v>12</v>
      </c>
      <c r="AP8423">
        <v>12</v>
      </c>
      <c r="AQ8423">
        <v>12</v>
      </c>
    </row>
    <row r="8424" spans="1:43">
      <c r="A8424" t="s">
        <v>5258</v>
      </c>
      <c r="B8424" t="s">
        <v>5259</v>
      </c>
      <c r="C8424" t="s">
        <v>5252</v>
      </c>
      <c r="D8424" t="s">
        <v>5253</v>
      </c>
      <c r="E8424" t="s">
        <v>4916</v>
      </c>
      <c r="F8424" t="s">
        <v>4917</v>
      </c>
      <c r="G8424" t="s">
        <v>80</v>
      </c>
      <c r="H8424" t="s">
        <v>81</v>
      </c>
      <c r="I8424" s="2">
        <v>1</v>
      </c>
      <c r="J8424" s="2">
        <v>0</v>
      </c>
      <c r="K8424" s="2">
        <v>0</v>
      </c>
      <c r="L8424" t="s">
        <v>120</v>
      </c>
      <c r="M8424" t="s">
        <v>89</v>
      </c>
      <c r="N8424" t="s">
        <v>90</v>
      </c>
      <c r="O8424" t="s">
        <v>85</v>
      </c>
      <c r="P8424" t="s">
        <v>86</v>
      </c>
      <c r="Q8424">
        <v>12</v>
      </c>
      <c r="R8424">
        <v>12</v>
      </c>
      <c r="S8424">
        <v>12</v>
      </c>
      <c r="T8424">
        <v>12</v>
      </c>
      <c r="U8424">
        <v>12</v>
      </c>
      <c r="V8424">
        <v>13</v>
      </c>
      <c r="W8424">
        <v>13</v>
      </c>
      <c r="X8424">
        <v>13</v>
      </c>
      <c r="Y8424">
        <v>13</v>
      </c>
      <c r="Z8424">
        <v>13</v>
      </c>
      <c r="AA8424">
        <v>13</v>
      </c>
      <c r="AB8424">
        <v>13</v>
      </c>
      <c r="AC8424">
        <v>13</v>
      </c>
      <c r="AD8424">
        <v>13</v>
      </c>
      <c r="AE8424">
        <v>13</v>
      </c>
      <c r="AF8424">
        <v>13</v>
      </c>
      <c r="AG8424">
        <v>13</v>
      </c>
      <c r="AH8424">
        <v>13</v>
      </c>
      <c r="AI8424">
        <v>13</v>
      </c>
      <c r="AJ8424">
        <v>13</v>
      </c>
      <c r="AK8424">
        <v>13</v>
      </c>
      <c r="AL8424">
        <v>13</v>
      </c>
      <c r="AM8424">
        <v>13</v>
      </c>
      <c r="AN8424">
        <v>13</v>
      </c>
      <c r="AO8424">
        <v>13</v>
      </c>
      <c r="AP8424">
        <v>13</v>
      </c>
      <c r="AQ8424">
        <v>13</v>
      </c>
    </row>
    <row r="8425" spans="1:43">
      <c r="A8425" t="s">
        <v>5258</v>
      </c>
      <c r="B8425" t="s">
        <v>5259</v>
      </c>
      <c r="C8425" t="s">
        <v>5252</v>
      </c>
      <c r="D8425" t="s">
        <v>5253</v>
      </c>
      <c r="E8425" t="s">
        <v>4916</v>
      </c>
      <c r="F8425" t="s">
        <v>4917</v>
      </c>
      <c r="G8425" t="s">
        <v>80</v>
      </c>
      <c r="H8425" t="s">
        <v>81</v>
      </c>
      <c r="I8425" s="2">
        <v>1</v>
      </c>
      <c r="J8425" s="2">
        <v>0</v>
      </c>
      <c r="K8425" s="2">
        <v>0</v>
      </c>
      <c r="L8425" t="s">
        <v>120</v>
      </c>
      <c r="M8425" t="s">
        <v>83</v>
      </c>
      <c r="N8425" t="s">
        <v>91</v>
      </c>
      <c r="O8425" t="s">
        <v>85</v>
      </c>
      <c r="P8425" t="s">
        <v>86</v>
      </c>
      <c r="Q8425">
        <v>12</v>
      </c>
      <c r="R8425">
        <v>12</v>
      </c>
      <c r="S8425">
        <v>12</v>
      </c>
      <c r="T8425">
        <v>12</v>
      </c>
      <c r="U8425">
        <v>12</v>
      </c>
      <c r="V8425">
        <v>12</v>
      </c>
      <c r="W8425">
        <v>12</v>
      </c>
      <c r="X8425">
        <v>12</v>
      </c>
      <c r="Y8425">
        <v>12</v>
      </c>
      <c r="Z8425">
        <v>12</v>
      </c>
      <c r="AA8425">
        <v>12</v>
      </c>
      <c r="AB8425">
        <v>12</v>
      </c>
      <c r="AC8425">
        <v>12</v>
      </c>
      <c r="AD8425">
        <v>12</v>
      </c>
      <c r="AE8425">
        <v>13</v>
      </c>
      <c r="AF8425">
        <v>13</v>
      </c>
      <c r="AG8425">
        <v>13</v>
      </c>
      <c r="AH8425">
        <v>13</v>
      </c>
      <c r="AI8425">
        <v>13</v>
      </c>
      <c r="AJ8425">
        <v>13</v>
      </c>
      <c r="AK8425">
        <v>13</v>
      </c>
      <c r="AL8425">
        <v>13</v>
      </c>
      <c r="AM8425">
        <v>13</v>
      </c>
      <c r="AN8425">
        <v>13</v>
      </c>
      <c r="AO8425">
        <v>13</v>
      </c>
      <c r="AP8425">
        <v>13</v>
      </c>
      <c r="AQ8425">
        <v>12</v>
      </c>
    </row>
    <row r="8426" spans="1:43">
      <c r="A8426" t="s">
        <v>5260</v>
      </c>
      <c r="B8426" t="s">
        <v>5261</v>
      </c>
      <c r="C8426" t="s">
        <v>5252</v>
      </c>
      <c r="D8426" t="s">
        <v>5253</v>
      </c>
      <c r="E8426" t="s">
        <v>4916</v>
      </c>
      <c r="F8426" t="s">
        <v>4917</v>
      </c>
      <c r="G8426" t="s">
        <v>80</v>
      </c>
      <c r="H8426" t="s">
        <v>81</v>
      </c>
      <c r="I8426" s="2">
        <v>1</v>
      </c>
      <c r="J8426" s="2">
        <v>0</v>
      </c>
      <c r="K8426" s="2">
        <v>0</v>
      </c>
      <c r="L8426" t="s">
        <v>120</v>
      </c>
      <c r="M8426" t="s">
        <v>83</v>
      </c>
      <c r="N8426" t="s">
        <v>84</v>
      </c>
      <c r="O8426" t="s">
        <v>85</v>
      </c>
      <c r="P8426" t="s">
        <v>86</v>
      </c>
      <c r="Q8426">
        <v>4</v>
      </c>
      <c r="R8426">
        <v>4</v>
      </c>
      <c r="S8426">
        <v>4</v>
      </c>
      <c r="T8426">
        <v>4</v>
      </c>
      <c r="U8426">
        <v>4</v>
      </c>
      <c r="V8426">
        <v>4</v>
      </c>
      <c r="W8426">
        <v>4</v>
      </c>
      <c r="X8426">
        <v>4</v>
      </c>
      <c r="Y8426">
        <v>4</v>
      </c>
      <c r="Z8426">
        <v>4</v>
      </c>
      <c r="AA8426">
        <v>4</v>
      </c>
      <c r="AB8426">
        <v>4</v>
      </c>
      <c r="AC8426">
        <v>4</v>
      </c>
      <c r="AD8426">
        <v>4</v>
      </c>
      <c r="AE8426">
        <v>4</v>
      </c>
      <c r="AF8426">
        <v>4</v>
      </c>
      <c r="AG8426">
        <v>4</v>
      </c>
      <c r="AH8426">
        <v>4</v>
      </c>
      <c r="AI8426">
        <v>4</v>
      </c>
      <c r="AJ8426">
        <v>4</v>
      </c>
      <c r="AK8426">
        <v>4</v>
      </c>
      <c r="AL8426">
        <v>4</v>
      </c>
      <c r="AM8426">
        <v>4</v>
      </c>
      <c r="AN8426">
        <v>4</v>
      </c>
      <c r="AO8426">
        <v>4</v>
      </c>
      <c r="AP8426">
        <v>4</v>
      </c>
      <c r="AQ8426">
        <v>4</v>
      </c>
    </row>
    <row r="8427" spans="1:43">
      <c r="A8427" t="s">
        <v>5260</v>
      </c>
      <c r="B8427" t="s">
        <v>5261</v>
      </c>
      <c r="C8427" t="s">
        <v>5252</v>
      </c>
      <c r="D8427" t="s">
        <v>5253</v>
      </c>
      <c r="E8427" t="s">
        <v>4916</v>
      </c>
      <c r="F8427" t="s">
        <v>4917</v>
      </c>
      <c r="G8427" t="s">
        <v>80</v>
      </c>
      <c r="H8427" t="s">
        <v>81</v>
      </c>
      <c r="I8427" s="2">
        <v>1</v>
      </c>
      <c r="J8427" s="2">
        <v>0</v>
      </c>
      <c r="K8427" s="2">
        <v>0</v>
      </c>
      <c r="L8427" t="s">
        <v>120</v>
      </c>
      <c r="M8427" t="s">
        <v>87</v>
      </c>
      <c r="N8427" t="s">
        <v>88</v>
      </c>
      <c r="O8427" t="s">
        <v>85</v>
      </c>
      <c r="P8427" t="s">
        <v>86</v>
      </c>
      <c r="Q8427">
        <v>4</v>
      </c>
      <c r="R8427">
        <v>4</v>
      </c>
      <c r="S8427">
        <v>4</v>
      </c>
      <c r="T8427">
        <v>4</v>
      </c>
      <c r="U8427">
        <v>4</v>
      </c>
      <c r="V8427">
        <v>4</v>
      </c>
      <c r="W8427">
        <v>4</v>
      </c>
      <c r="X8427">
        <v>4</v>
      </c>
      <c r="Y8427">
        <v>4</v>
      </c>
      <c r="Z8427">
        <v>4</v>
      </c>
      <c r="AA8427">
        <v>4</v>
      </c>
      <c r="AB8427">
        <v>4</v>
      </c>
      <c r="AC8427">
        <v>4</v>
      </c>
      <c r="AD8427">
        <v>4</v>
      </c>
      <c r="AE8427">
        <v>4</v>
      </c>
      <c r="AF8427">
        <v>4</v>
      </c>
      <c r="AG8427">
        <v>4</v>
      </c>
      <c r="AH8427">
        <v>4</v>
      </c>
      <c r="AI8427">
        <v>4</v>
      </c>
      <c r="AJ8427">
        <v>4</v>
      </c>
      <c r="AK8427">
        <v>4</v>
      </c>
      <c r="AL8427">
        <v>4</v>
      </c>
      <c r="AM8427">
        <v>4</v>
      </c>
      <c r="AN8427">
        <v>4</v>
      </c>
      <c r="AO8427">
        <v>4</v>
      </c>
      <c r="AP8427">
        <v>4</v>
      </c>
      <c r="AQ8427">
        <v>4</v>
      </c>
    </row>
    <row r="8428" spans="1:43">
      <c r="A8428" t="s">
        <v>5260</v>
      </c>
      <c r="B8428" t="s">
        <v>5261</v>
      </c>
      <c r="C8428" t="s">
        <v>5252</v>
      </c>
      <c r="D8428" t="s">
        <v>5253</v>
      </c>
      <c r="E8428" t="s">
        <v>4916</v>
      </c>
      <c r="F8428" t="s">
        <v>4917</v>
      </c>
      <c r="G8428" t="s">
        <v>80</v>
      </c>
      <c r="H8428" t="s">
        <v>81</v>
      </c>
      <c r="I8428" s="2">
        <v>1</v>
      </c>
      <c r="J8428" s="2">
        <v>0</v>
      </c>
      <c r="K8428" s="2">
        <v>0</v>
      </c>
      <c r="L8428" t="s">
        <v>120</v>
      </c>
      <c r="M8428" t="s">
        <v>89</v>
      </c>
      <c r="N8428" t="s">
        <v>90</v>
      </c>
      <c r="O8428" t="s">
        <v>85</v>
      </c>
      <c r="P8428" t="s">
        <v>86</v>
      </c>
      <c r="Q8428">
        <v>4</v>
      </c>
      <c r="R8428">
        <v>4</v>
      </c>
      <c r="S8428">
        <v>4</v>
      </c>
      <c r="T8428">
        <v>4</v>
      </c>
      <c r="U8428">
        <v>4</v>
      </c>
      <c r="V8428">
        <v>4</v>
      </c>
      <c r="W8428">
        <v>4</v>
      </c>
      <c r="X8428">
        <v>4</v>
      </c>
      <c r="Y8428">
        <v>4</v>
      </c>
      <c r="Z8428">
        <v>4</v>
      </c>
      <c r="AA8428">
        <v>4</v>
      </c>
      <c r="AB8428">
        <v>5</v>
      </c>
      <c r="AC8428">
        <v>5</v>
      </c>
      <c r="AD8428">
        <v>5</v>
      </c>
      <c r="AE8428">
        <v>5</v>
      </c>
      <c r="AF8428">
        <v>5</v>
      </c>
      <c r="AG8428">
        <v>5</v>
      </c>
      <c r="AH8428">
        <v>5</v>
      </c>
      <c r="AI8428">
        <v>5</v>
      </c>
      <c r="AJ8428">
        <v>5</v>
      </c>
      <c r="AK8428">
        <v>5</v>
      </c>
      <c r="AL8428">
        <v>4</v>
      </c>
      <c r="AM8428">
        <v>4</v>
      </c>
      <c r="AN8428">
        <v>4</v>
      </c>
      <c r="AO8428">
        <v>4</v>
      </c>
      <c r="AP8428">
        <v>4</v>
      </c>
      <c r="AQ8428">
        <v>4</v>
      </c>
    </row>
    <row r="8429" spans="1:43">
      <c r="A8429" t="s">
        <v>5260</v>
      </c>
      <c r="B8429" t="s">
        <v>5261</v>
      </c>
      <c r="C8429" t="s">
        <v>5252</v>
      </c>
      <c r="D8429" t="s">
        <v>5253</v>
      </c>
      <c r="E8429" t="s">
        <v>4916</v>
      </c>
      <c r="F8429" t="s">
        <v>4917</v>
      </c>
      <c r="G8429" t="s">
        <v>80</v>
      </c>
      <c r="H8429" t="s">
        <v>81</v>
      </c>
      <c r="I8429" s="2">
        <v>1</v>
      </c>
      <c r="J8429" s="2">
        <v>0</v>
      </c>
      <c r="K8429" s="2">
        <v>0</v>
      </c>
      <c r="L8429" t="s">
        <v>120</v>
      </c>
      <c r="M8429" t="s">
        <v>83</v>
      </c>
      <c r="N8429" t="s">
        <v>91</v>
      </c>
      <c r="O8429" t="s">
        <v>85</v>
      </c>
      <c r="P8429" t="s">
        <v>86</v>
      </c>
      <c r="Q8429">
        <v>4</v>
      </c>
      <c r="R8429">
        <v>4</v>
      </c>
      <c r="S8429">
        <v>4</v>
      </c>
      <c r="T8429">
        <v>4</v>
      </c>
      <c r="U8429">
        <v>4</v>
      </c>
      <c r="V8429">
        <v>4</v>
      </c>
      <c r="W8429">
        <v>4</v>
      </c>
      <c r="X8429">
        <v>4</v>
      </c>
      <c r="Y8429">
        <v>4</v>
      </c>
      <c r="Z8429">
        <v>4</v>
      </c>
      <c r="AA8429">
        <v>4</v>
      </c>
      <c r="AB8429">
        <v>4</v>
      </c>
      <c r="AC8429">
        <v>4</v>
      </c>
      <c r="AD8429">
        <v>4</v>
      </c>
      <c r="AE8429">
        <v>4</v>
      </c>
      <c r="AF8429">
        <v>4</v>
      </c>
      <c r="AG8429">
        <v>4</v>
      </c>
      <c r="AH8429">
        <v>4</v>
      </c>
      <c r="AI8429">
        <v>4</v>
      </c>
      <c r="AJ8429">
        <v>4</v>
      </c>
      <c r="AK8429">
        <v>4</v>
      </c>
      <c r="AL8429">
        <v>4</v>
      </c>
      <c r="AM8429">
        <v>4</v>
      </c>
      <c r="AN8429">
        <v>4</v>
      </c>
      <c r="AO8429">
        <v>4</v>
      </c>
      <c r="AP8429">
        <v>4</v>
      </c>
      <c r="AQ8429">
        <v>4</v>
      </c>
    </row>
    <row r="8430" spans="1:43">
      <c r="A8430" t="s">
        <v>5262</v>
      </c>
      <c r="B8430" t="s">
        <v>5263</v>
      </c>
      <c r="C8430" t="s">
        <v>5252</v>
      </c>
      <c r="D8430" t="s">
        <v>5253</v>
      </c>
      <c r="E8430" t="s">
        <v>4916</v>
      </c>
      <c r="F8430" t="s">
        <v>4917</v>
      </c>
      <c r="G8430" t="s">
        <v>80</v>
      </c>
      <c r="H8430" t="s">
        <v>81</v>
      </c>
      <c r="I8430" s="2">
        <v>1</v>
      </c>
      <c r="J8430" s="2">
        <v>0</v>
      </c>
      <c r="K8430" s="2">
        <v>0</v>
      </c>
      <c r="L8430" t="s">
        <v>120</v>
      </c>
      <c r="M8430" t="s">
        <v>83</v>
      </c>
      <c r="N8430" t="s">
        <v>84</v>
      </c>
      <c r="O8430" t="s">
        <v>85</v>
      </c>
      <c r="P8430" t="s">
        <v>86</v>
      </c>
      <c r="Q8430">
        <v>26</v>
      </c>
      <c r="R8430">
        <v>26</v>
      </c>
      <c r="S8430">
        <v>26</v>
      </c>
      <c r="T8430">
        <v>26</v>
      </c>
      <c r="U8430">
        <v>26</v>
      </c>
      <c r="V8430">
        <v>27</v>
      </c>
      <c r="W8430">
        <v>27</v>
      </c>
      <c r="X8430">
        <v>27</v>
      </c>
      <c r="Y8430">
        <v>27</v>
      </c>
      <c r="Z8430">
        <v>27</v>
      </c>
      <c r="AA8430">
        <v>27</v>
      </c>
      <c r="AB8430">
        <v>28</v>
      </c>
      <c r="AC8430">
        <v>28</v>
      </c>
      <c r="AD8430">
        <v>28</v>
      </c>
      <c r="AE8430">
        <v>28</v>
      </c>
      <c r="AF8430">
        <v>28</v>
      </c>
      <c r="AG8430">
        <v>28</v>
      </c>
      <c r="AH8430">
        <v>28</v>
      </c>
      <c r="AI8430">
        <v>29</v>
      </c>
      <c r="AJ8430">
        <v>29</v>
      </c>
      <c r="AK8430">
        <v>29</v>
      </c>
      <c r="AL8430">
        <v>29</v>
      </c>
      <c r="AM8430">
        <v>29</v>
      </c>
      <c r="AN8430">
        <v>28</v>
      </c>
      <c r="AO8430">
        <v>28</v>
      </c>
      <c r="AP8430">
        <v>28</v>
      </c>
      <c r="AQ8430">
        <v>28</v>
      </c>
    </row>
    <row r="8431" spans="1:43">
      <c r="A8431" t="s">
        <v>5262</v>
      </c>
      <c r="B8431" t="s">
        <v>5263</v>
      </c>
      <c r="C8431" t="s">
        <v>5252</v>
      </c>
      <c r="D8431" t="s">
        <v>5253</v>
      </c>
      <c r="E8431" t="s">
        <v>4916</v>
      </c>
      <c r="F8431" t="s">
        <v>4917</v>
      </c>
      <c r="G8431" t="s">
        <v>80</v>
      </c>
      <c r="H8431" t="s">
        <v>81</v>
      </c>
      <c r="I8431" s="2">
        <v>1</v>
      </c>
      <c r="J8431" s="2">
        <v>0</v>
      </c>
      <c r="K8431" s="2">
        <v>0</v>
      </c>
      <c r="L8431" t="s">
        <v>120</v>
      </c>
      <c r="M8431" t="s">
        <v>87</v>
      </c>
      <c r="N8431" t="s">
        <v>88</v>
      </c>
      <c r="O8431" t="s">
        <v>85</v>
      </c>
      <c r="P8431" t="s">
        <v>86</v>
      </c>
      <c r="Q8431">
        <v>26</v>
      </c>
      <c r="R8431">
        <v>26</v>
      </c>
      <c r="S8431">
        <v>26</v>
      </c>
      <c r="T8431">
        <v>26</v>
      </c>
      <c r="U8431">
        <v>26</v>
      </c>
      <c r="V8431">
        <v>26</v>
      </c>
      <c r="W8431">
        <v>26</v>
      </c>
      <c r="X8431">
        <v>26</v>
      </c>
      <c r="Y8431">
        <v>26</v>
      </c>
      <c r="Z8431">
        <v>26</v>
      </c>
      <c r="AA8431">
        <v>26</v>
      </c>
      <c r="AB8431">
        <v>26</v>
      </c>
      <c r="AC8431">
        <v>26</v>
      </c>
      <c r="AD8431">
        <v>26</v>
      </c>
      <c r="AE8431">
        <v>26</v>
      </c>
      <c r="AF8431">
        <v>26</v>
      </c>
      <c r="AG8431">
        <v>26</v>
      </c>
      <c r="AH8431">
        <v>26</v>
      </c>
      <c r="AI8431">
        <v>26</v>
      </c>
      <c r="AJ8431">
        <v>26</v>
      </c>
      <c r="AK8431">
        <v>26</v>
      </c>
      <c r="AL8431">
        <v>26</v>
      </c>
      <c r="AM8431">
        <v>26</v>
      </c>
      <c r="AN8431">
        <v>25</v>
      </c>
      <c r="AO8431">
        <v>25</v>
      </c>
      <c r="AP8431">
        <v>25</v>
      </c>
      <c r="AQ8431">
        <v>25</v>
      </c>
    </row>
    <row r="8432" spans="1:43">
      <c r="A8432" t="s">
        <v>5262</v>
      </c>
      <c r="B8432" t="s">
        <v>5263</v>
      </c>
      <c r="C8432" t="s">
        <v>5252</v>
      </c>
      <c r="D8432" t="s">
        <v>5253</v>
      </c>
      <c r="E8432" t="s">
        <v>4916</v>
      </c>
      <c r="F8432" t="s">
        <v>4917</v>
      </c>
      <c r="G8432" t="s">
        <v>80</v>
      </c>
      <c r="H8432" t="s">
        <v>81</v>
      </c>
      <c r="I8432" s="2">
        <v>1</v>
      </c>
      <c r="J8432" s="2">
        <v>0</v>
      </c>
      <c r="K8432" s="2">
        <v>0</v>
      </c>
      <c r="L8432" t="s">
        <v>120</v>
      </c>
      <c r="M8432" t="s">
        <v>89</v>
      </c>
      <c r="N8432" t="s">
        <v>90</v>
      </c>
      <c r="O8432" t="s">
        <v>85</v>
      </c>
      <c r="P8432" t="s">
        <v>86</v>
      </c>
      <c r="Q8432">
        <v>26</v>
      </c>
      <c r="R8432">
        <v>26</v>
      </c>
      <c r="S8432">
        <v>27</v>
      </c>
      <c r="T8432">
        <v>27</v>
      </c>
      <c r="U8432">
        <v>28</v>
      </c>
      <c r="V8432">
        <v>28</v>
      </c>
      <c r="W8432">
        <v>28</v>
      </c>
      <c r="X8432">
        <v>28</v>
      </c>
      <c r="Y8432">
        <v>29</v>
      </c>
      <c r="Z8432">
        <v>29</v>
      </c>
      <c r="AA8432">
        <v>29</v>
      </c>
      <c r="AB8432">
        <v>29</v>
      </c>
      <c r="AC8432">
        <v>30</v>
      </c>
      <c r="AD8432">
        <v>30</v>
      </c>
      <c r="AE8432">
        <v>30</v>
      </c>
      <c r="AF8432">
        <v>30</v>
      </c>
      <c r="AG8432">
        <v>30</v>
      </c>
      <c r="AH8432">
        <v>30</v>
      </c>
      <c r="AI8432">
        <v>30</v>
      </c>
      <c r="AJ8432">
        <v>29</v>
      </c>
      <c r="AK8432">
        <v>29</v>
      </c>
      <c r="AL8432">
        <v>29</v>
      </c>
      <c r="AM8432">
        <v>29</v>
      </c>
      <c r="AN8432">
        <v>29</v>
      </c>
      <c r="AO8432">
        <v>29</v>
      </c>
      <c r="AP8432">
        <v>29</v>
      </c>
      <c r="AQ8432">
        <v>29</v>
      </c>
    </row>
    <row r="8433" spans="1:43">
      <c r="A8433" t="s">
        <v>5262</v>
      </c>
      <c r="B8433" t="s">
        <v>5263</v>
      </c>
      <c r="C8433" t="s">
        <v>5252</v>
      </c>
      <c r="D8433" t="s">
        <v>5253</v>
      </c>
      <c r="E8433" t="s">
        <v>4916</v>
      </c>
      <c r="F8433" t="s">
        <v>4917</v>
      </c>
      <c r="G8433" t="s">
        <v>80</v>
      </c>
      <c r="H8433" t="s">
        <v>81</v>
      </c>
      <c r="I8433" s="2">
        <v>1</v>
      </c>
      <c r="J8433" s="2">
        <v>0</v>
      </c>
      <c r="K8433" s="2">
        <v>0</v>
      </c>
      <c r="L8433" t="s">
        <v>120</v>
      </c>
      <c r="M8433" t="s">
        <v>83</v>
      </c>
      <c r="N8433" t="s">
        <v>91</v>
      </c>
      <c r="O8433" t="s">
        <v>85</v>
      </c>
      <c r="P8433" t="s">
        <v>86</v>
      </c>
      <c r="Q8433">
        <v>26</v>
      </c>
      <c r="R8433">
        <v>26</v>
      </c>
      <c r="S8433">
        <v>26</v>
      </c>
      <c r="T8433">
        <v>26</v>
      </c>
      <c r="U8433">
        <v>26</v>
      </c>
      <c r="V8433">
        <v>27</v>
      </c>
      <c r="W8433">
        <v>27</v>
      </c>
      <c r="X8433">
        <v>27</v>
      </c>
      <c r="Y8433">
        <v>27</v>
      </c>
      <c r="Z8433">
        <v>27</v>
      </c>
      <c r="AA8433">
        <v>27</v>
      </c>
      <c r="AB8433">
        <v>28</v>
      </c>
      <c r="AC8433">
        <v>28</v>
      </c>
      <c r="AD8433">
        <v>28</v>
      </c>
      <c r="AE8433">
        <v>28</v>
      </c>
      <c r="AF8433">
        <v>28</v>
      </c>
      <c r="AG8433">
        <v>28</v>
      </c>
      <c r="AH8433">
        <v>28</v>
      </c>
      <c r="AI8433">
        <v>29</v>
      </c>
      <c r="AJ8433">
        <v>29</v>
      </c>
      <c r="AK8433">
        <v>29</v>
      </c>
      <c r="AL8433">
        <v>29</v>
      </c>
      <c r="AM8433">
        <v>29</v>
      </c>
      <c r="AN8433">
        <v>28</v>
      </c>
      <c r="AO8433">
        <v>28</v>
      </c>
      <c r="AP8433">
        <v>28</v>
      </c>
      <c r="AQ8433">
        <v>28</v>
      </c>
    </row>
    <row r="8434" spans="1:43">
      <c r="A8434" t="s">
        <v>5264</v>
      </c>
      <c r="B8434" t="s">
        <v>5265</v>
      </c>
      <c r="C8434" t="s">
        <v>4938</v>
      </c>
      <c r="D8434" t="s">
        <v>4939</v>
      </c>
      <c r="E8434" t="s">
        <v>4916</v>
      </c>
      <c r="F8434" t="s">
        <v>4917</v>
      </c>
      <c r="G8434" t="s">
        <v>80</v>
      </c>
      <c r="H8434" t="s">
        <v>81</v>
      </c>
      <c r="I8434" s="2">
        <v>1</v>
      </c>
      <c r="J8434" s="2">
        <v>0</v>
      </c>
      <c r="K8434" s="2">
        <v>0</v>
      </c>
      <c r="L8434" t="s">
        <v>120</v>
      </c>
      <c r="M8434" t="s">
        <v>83</v>
      </c>
      <c r="N8434" t="s">
        <v>84</v>
      </c>
      <c r="O8434" t="s">
        <v>85</v>
      </c>
      <c r="P8434" t="s">
        <v>86</v>
      </c>
      <c r="Q8434">
        <v>31</v>
      </c>
      <c r="R8434">
        <v>31</v>
      </c>
      <c r="S8434">
        <v>31</v>
      </c>
      <c r="T8434">
        <v>31</v>
      </c>
      <c r="U8434">
        <v>32</v>
      </c>
      <c r="V8434">
        <v>32</v>
      </c>
      <c r="W8434">
        <v>32</v>
      </c>
      <c r="X8434">
        <v>32</v>
      </c>
      <c r="Y8434">
        <v>32</v>
      </c>
      <c r="Z8434">
        <v>32</v>
      </c>
      <c r="AA8434">
        <v>32</v>
      </c>
      <c r="AB8434">
        <v>33</v>
      </c>
      <c r="AC8434">
        <v>33</v>
      </c>
      <c r="AD8434">
        <v>33</v>
      </c>
      <c r="AE8434">
        <v>33</v>
      </c>
      <c r="AF8434">
        <v>33</v>
      </c>
      <c r="AG8434">
        <v>33</v>
      </c>
      <c r="AH8434">
        <v>33</v>
      </c>
      <c r="AI8434">
        <v>33</v>
      </c>
      <c r="AJ8434">
        <v>33</v>
      </c>
      <c r="AK8434">
        <v>34</v>
      </c>
      <c r="AL8434">
        <v>33</v>
      </c>
      <c r="AM8434">
        <v>33</v>
      </c>
      <c r="AN8434">
        <v>33</v>
      </c>
      <c r="AO8434">
        <v>33</v>
      </c>
      <c r="AP8434">
        <v>33</v>
      </c>
      <c r="AQ8434">
        <v>33</v>
      </c>
    </row>
    <row r="8435" spans="1:43">
      <c r="A8435" t="s">
        <v>5264</v>
      </c>
      <c r="B8435" t="s">
        <v>5265</v>
      </c>
      <c r="C8435" t="s">
        <v>4938</v>
      </c>
      <c r="D8435" t="s">
        <v>4939</v>
      </c>
      <c r="E8435" t="s">
        <v>4916</v>
      </c>
      <c r="F8435" t="s">
        <v>4917</v>
      </c>
      <c r="G8435" t="s">
        <v>80</v>
      </c>
      <c r="H8435" t="s">
        <v>81</v>
      </c>
      <c r="I8435" s="2">
        <v>1</v>
      </c>
      <c r="J8435" s="2">
        <v>0</v>
      </c>
      <c r="K8435" s="2">
        <v>0</v>
      </c>
      <c r="L8435" t="s">
        <v>120</v>
      </c>
      <c r="M8435" t="s">
        <v>87</v>
      </c>
      <c r="N8435" t="s">
        <v>88</v>
      </c>
      <c r="O8435" t="s">
        <v>85</v>
      </c>
      <c r="P8435" t="s">
        <v>86</v>
      </c>
      <c r="Q8435">
        <v>31</v>
      </c>
      <c r="R8435">
        <v>31</v>
      </c>
      <c r="S8435">
        <v>31</v>
      </c>
      <c r="T8435">
        <v>31</v>
      </c>
      <c r="U8435">
        <v>31</v>
      </c>
      <c r="V8435">
        <v>31</v>
      </c>
      <c r="W8435">
        <v>31</v>
      </c>
      <c r="X8435">
        <v>31</v>
      </c>
      <c r="Y8435">
        <v>31</v>
      </c>
      <c r="Z8435">
        <v>31</v>
      </c>
      <c r="AA8435">
        <v>31</v>
      </c>
      <c r="AB8435">
        <v>30</v>
      </c>
      <c r="AC8435">
        <v>30</v>
      </c>
      <c r="AD8435">
        <v>30</v>
      </c>
      <c r="AE8435">
        <v>30</v>
      </c>
      <c r="AF8435">
        <v>30</v>
      </c>
      <c r="AG8435">
        <v>30</v>
      </c>
      <c r="AH8435">
        <v>30</v>
      </c>
      <c r="AI8435">
        <v>30</v>
      </c>
      <c r="AJ8435">
        <v>30</v>
      </c>
      <c r="AK8435">
        <v>30</v>
      </c>
      <c r="AL8435">
        <v>30</v>
      </c>
      <c r="AM8435">
        <v>30</v>
      </c>
      <c r="AN8435">
        <v>29</v>
      </c>
      <c r="AO8435">
        <v>29</v>
      </c>
      <c r="AP8435">
        <v>29</v>
      </c>
      <c r="AQ8435">
        <v>29</v>
      </c>
    </row>
    <row r="8436" spans="1:43">
      <c r="A8436" t="s">
        <v>5264</v>
      </c>
      <c r="B8436" t="s">
        <v>5265</v>
      </c>
      <c r="C8436" t="s">
        <v>4938</v>
      </c>
      <c r="D8436" t="s">
        <v>4939</v>
      </c>
      <c r="E8436" t="s">
        <v>4916</v>
      </c>
      <c r="F8436" t="s">
        <v>4917</v>
      </c>
      <c r="G8436" t="s">
        <v>80</v>
      </c>
      <c r="H8436" t="s">
        <v>81</v>
      </c>
      <c r="I8436" s="2">
        <v>1</v>
      </c>
      <c r="J8436" s="2">
        <v>0</v>
      </c>
      <c r="K8436" s="2">
        <v>0</v>
      </c>
      <c r="L8436" t="s">
        <v>120</v>
      </c>
      <c r="M8436" t="s">
        <v>89</v>
      </c>
      <c r="N8436" t="s">
        <v>90</v>
      </c>
      <c r="O8436" t="s">
        <v>85</v>
      </c>
      <c r="P8436" t="s">
        <v>86</v>
      </c>
      <c r="Q8436">
        <v>31</v>
      </c>
      <c r="R8436">
        <v>31</v>
      </c>
      <c r="S8436">
        <v>32</v>
      </c>
      <c r="T8436">
        <v>32</v>
      </c>
      <c r="U8436">
        <v>33</v>
      </c>
      <c r="V8436">
        <v>33</v>
      </c>
      <c r="W8436">
        <v>33</v>
      </c>
      <c r="X8436">
        <v>34</v>
      </c>
      <c r="Y8436">
        <v>34</v>
      </c>
      <c r="Z8436">
        <v>34</v>
      </c>
      <c r="AA8436">
        <v>35</v>
      </c>
      <c r="AB8436">
        <v>35</v>
      </c>
      <c r="AC8436">
        <v>35</v>
      </c>
      <c r="AD8436">
        <v>35</v>
      </c>
      <c r="AE8436">
        <v>35</v>
      </c>
      <c r="AF8436">
        <v>35</v>
      </c>
      <c r="AG8436">
        <v>35</v>
      </c>
      <c r="AH8436">
        <v>35</v>
      </c>
      <c r="AI8436">
        <v>35</v>
      </c>
      <c r="AJ8436">
        <v>34</v>
      </c>
      <c r="AK8436">
        <v>34</v>
      </c>
      <c r="AL8436">
        <v>34</v>
      </c>
      <c r="AM8436">
        <v>34</v>
      </c>
      <c r="AN8436">
        <v>34</v>
      </c>
      <c r="AO8436">
        <v>33</v>
      </c>
      <c r="AP8436">
        <v>33</v>
      </c>
      <c r="AQ8436">
        <v>33</v>
      </c>
    </row>
    <row r="8437" spans="1:43">
      <c r="A8437" t="s">
        <v>5264</v>
      </c>
      <c r="B8437" t="s">
        <v>5265</v>
      </c>
      <c r="C8437" t="s">
        <v>4938</v>
      </c>
      <c r="D8437" t="s">
        <v>4939</v>
      </c>
      <c r="E8437" t="s">
        <v>4916</v>
      </c>
      <c r="F8437" t="s">
        <v>4917</v>
      </c>
      <c r="G8437" t="s">
        <v>80</v>
      </c>
      <c r="H8437" t="s">
        <v>81</v>
      </c>
      <c r="I8437" s="2">
        <v>1</v>
      </c>
      <c r="J8437" s="2">
        <v>0</v>
      </c>
      <c r="K8437" s="2">
        <v>0</v>
      </c>
      <c r="L8437" t="s">
        <v>120</v>
      </c>
      <c r="M8437" t="s">
        <v>83</v>
      </c>
      <c r="N8437" t="s">
        <v>91</v>
      </c>
      <c r="O8437" t="s">
        <v>85</v>
      </c>
      <c r="P8437" t="s">
        <v>86</v>
      </c>
      <c r="Q8437">
        <v>31</v>
      </c>
      <c r="R8437">
        <v>31</v>
      </c>
      <c r="S8437">
        <v>31</v>
      </c>
      <c r="T8437">
        <v>31</v>
      </c>
      <c r="U8437">
        <v>32</v>
      </c>
      <c r="V8437">
        <v>32</v>
      </c>
      <c r="W8437">
        <v>32</v>
      </c>
      <c r="X8437">
        <v>32</v>
      </c>
      <c r="Y8437">
        <v>32</v>
      </c>
      <c r="Z8437">
        <v>32</v>
      </c>
      <c r="AA8437">
        <v>32</v>
      </c>
      <c r="AB8437">
        <v>33</v>
      </c>
      <c r="AC8437">
        <v>33</v>
      </c>
      <c r="AD8437">
        <v>33</v>
      </c>
      <c r="AE8437">
        <v>33</v>
      </c>
      <c r="AF8437">
        <v>33</v>
      </c>
      <c r="AG8437">
        <v>33</v>
      </c>
      <c r="AH8437">
        <v>33</v>
      </c>
      <c r="AI8437">
        <v>33</v>
      </c>
      <c r="AJ8437">
        <v>33</v>
      </c>
      <c r="AK8437">
        <v>34</v>
      </c>
      <c r="AL8437">
        <v>33</v>
      </c>
      <c r="AM8437">
        <v>33</v>
      </c>
      <c r="AN8437">
        <v>33</v>
      </c>
      <c r="AO8437">
        <v>33</v>
      </c>
      <c r="AP8437">
        <v>33</v>
      </c>
      <c r="AQ8437">
        <v>33</v>
      </c>
    </row>
    <row r="8438" spans="1:43">
      <c r="A8438" t="s">
        <v>5266</v>
      </c>
      <c r="B8438" t="s">
        <v>5267</v>
      </c>
      <c r="C8438" t="s">
        <v>5268</v>
      </c>
      <c r="D8438" t="s">
        <v>5269</v>
      </c>
      <c r="E8438" t="s">
        <v>5270</v>
      </c>
      <c r="F8438" t="s">
        <v>5271</v>
      </c>
      <c r="G8438" t="s">
        <v>80</v>
      </c>
      <c r="H8438" t="s">
        <v>81</v>
      </c>
      <c r="I8438" s="2">
        <v>1</v>
      </c>
      <c r="J8438" s="2">
        <v>0</v>
      </c>
      <c r="K8438" s="2">
        <v>0</v>
      </c>
      <c r="L8438" t="s">
        <v>120</v>
      </c>
      <c r="M8438" t="s">
        <v>83</v>
      </c>
      <c r="N8438" t="s">
        <v>84</v>
      </c>
      <c r="O8438" t="s">
        <v>85</v>
      </c>
      <c r="P8438" t="s">
        <v>86</v>
      </c>
      <c r="Q8438">
        <v>3</v>
      </c>
      <c r="R8438">
        <v>3</v>
      </c>
      <c r="S8438">
        <v>3</v>
      </c>
      <c r="T8438">
        <v>3</v>
      </c>
      <c r="U8438">
        <v>3</v>
      </c>
      <c r="V8438">
        <v>3</v>
      </c>
      <c r="W8438">
        <v>4</v>
      </c>
      <c r="X8438">
        <v>4</v>
      </c>
      <c r="Y8438">
        <v>4</v>
      </c>
      <c r="Z8438">
        <v>4</v>
      </c>
      <c r="AA8438">
        <v>4</v>
      </c>
      <c r="AB8438">
        <v>4</v>
      </c>
      <c r="AC8438">
        <v>4</v>
      </c>
      <c r="AD8438">
        <v>4</v>
      </c>
      <c r="AE8438">
        <v>4</v>
      </c>
      <c r="AF8438">
        <v>4</v>
      </c>
      <c r="AG8438">
        <v>4</v>
      </c>
      <c r="AH8438">
        <v>4</v>
      </c>
      <c r="AI8438">
        <v>4</v>
      </c>
      <c r="AJ8438">
        <v>4</v>
      </c>
      <c r="AK8438">
        <v>4</v>
      </c>
      <c r="AL8438">
        <v>4</v>
      </c>
      <c r="AM8438">
        <v>4</v>
      </c>
      <c r="AN8438">
        <v>4</v>
      </c>
      <c r="AO8438">
        <v>4</v>
      </c>
      <c r="AP8438">
        <v>4</v>
      </c>
      <c r="AQ8438">
        <v>4</v>
      </c>
    </row>
    <row r="8439" spans="1:43">
      <c r="A8439" t="s">
        <v>5266</v>
      </c>
      <c r="B8439" t="s">
        <v>5267</v>
      </c>
      <c r="C8439" t="s">
        <v>5268</v>
      </c>
      <c r="D8439" t="s">
        <v>5269</v>
      </c>
      <c r="E8439" t="s">
        <v>5270</v>
      </c>
      <c r="F8439" t="s">
        <v>5271</v>
      </c>
      <c r="G8439" t="s">
        <v>80</v>
      </c>
      <c r="H8439" t="s">
        <v>81</v>
      </c>
      <c r="I8439" s="2">
        <v>1</v>
      </c>
      <c r="J8439" s="2">
        <v>0</v>
      </c>
      <c r="K8439" s="2">
        <v>0</v>
      </c>
      <c r="L8439" t="s">
        <v>120</v>
      </c>
      <c r="M8439" t="s">
        <v>87</v>
      </c>
      <c r="N8439" t="s">
        <v>88</v>
      </c>
      <c r="O8439" t="s">
        <v>85</v>
      </c>
      <c r="P8439" t="s">
        <v>86</v>
      </c>
      <c r="Q8439">
        <v>3</v>
      </c>
      <c r="R8439">
        <v>3</v>
      </c>
      <c r="S8439">
        <v>3</v>
      </c>
      <c r="T8439">
        <v>3</v>
      </c>
      <c r="U8439">
        <v>3</v>
      </c>
      <c r="V8439">
        <v>3</v>
      </c>
      <c r="W8439">
        <v>3</v>
      </c>
      <c r="X8439">
        <v>3</v>
      </c>
      <c r="Y8439">
        <v>3</v>
      </c>
      <c r="Z8439">
        <v>3</v>
      </c>
      <c r="AA8439">
        <v>3</v>
      </c>
      <c r="AB8439">
        <v>3</v>
      </c>
      <c r="AC8439">
        <v>3</v>
      </c>
      <c r="AD8439">
        <v>3</v>
      </c>
      <c r="AE8439">
        <v>3</v>
      </c>
      <c r="AF8439">
        <v>3</v>
      </c>
      <c r="AG8439">
        <v>3</v>
      </c>
      <c r="AH8439">
        <v>3</v>
      </c>
      <c r="AI8439">
        <v>3</v>
      </c>
      <c r="AJ8439">
        <v>3</v>
      </c>
      <c r="AK8439">
        <v>4</v>
      </c>
      <c r="AL8439">
        <v>4</v>
      </c>
      <c r="AM8439">
        <v>4</v>
      </c>
      <c r="AN8439">
        <v>4</v>
      </c>
      <c r="AO8439">
        <v>4</v>
      </c>
      <c r="AP8439">
        <v>4</v>
      </c>
      <c r="AQ8439">
        <v>4</v>
      </c>
    </row>
    <row r="8440" spans="1:43">
      <c r="A8440" t="s">
        <v>5266</v>
      </c>
      <c r="B8440" t="s">
        <v>5267</v>
      </c>
      <c r="C8440" t="s">
        <v>5268</v>
      </c>
      <c r="D8440" t="s">
        <v>5269</v>
      </c>
      <c r="E8440" t="s">
        <v>5270</v>
      </c>
      <c r="F8440" t="s">
        <v>5271</v>
      </c>
      <c r="G8440" t="s">
        <v>80</v>
      </c>
      <c r="H8440" t="s">
        <v>81</v>
      </c>
      <c r="I8440" s="2">
        <v>1</v>
      </c>
      <c r="J8440" s="2">
        <v>0</v>
      </c>
      <c r="K8440" s="2">
        <v>0</v>
      </c>
      <c r="L8440" t="s">
        <v>120</v>
      </c>
      <c r="M8440" t="s">
        <v>89</v>
      </c>
      <c r="N8440" t="s">
        <v>90</v>
      </c>
      <c r="O8440" t="s">
        <v>85</v>
      </c>
      <c r="P8440" t="s">
        <v>86</v>
      </c>
      <c r="Q8440">
        <v>3</v>
      </c>
      <c r="R8440">
        <v>3</v>
      </c>
      <c r="S8440">
        <v>3</v>
      </c>
      <c r="T8440">
        <v>3</v>
      </c>
      <c r="U8440">
        <v>4</v>
      </c>
      <c r="V8440">
        <v>4</v>
      </c>
      <c r="W8440">
        <v>4</v>
      </c>
      <c r="X8440">
        <v>4</v>
      </c>
      <c r="Y8440">
        <v>4</v>
      </c>
      <c r="Z8440">
        <v>4</v>
      </c>
      <c r="AA8440">
        <v>4</v>
      </c>
      <c r="AB8440">
        <v>4</v>
      </c>
      <c r="AC8440">
        <v>4</v>
      </c>
      <c r="AD8440">
        <v>4</v>
      </c>
      <c r="AE8440">
        <v>4</v>
      </c>
      <c r="AF8440">
        <v>4</v>
      </c>
      <c r="AG8440">
        <v>4</v>
      </c>
      <c r="AH8440">
        <v>4</v>
      </c>
      <c r="AI8440">
        <v>4</v>
      </c>
      <c r="AJ8440">
        <v>4</v>
      </c>
      <c r="AK8440">
        <v>4</v>
      </c>
      <c r="AL8440">
        <v>4</v>
      </c>
      <c r="AM8440">
        <v>4</v>
      </c>
      <c r="AN8440">
        <v>4</v>
      </c>
      <c r="AO8440">
        <v>4</v>
      </c>
      <c r="AP8440">
        <v>4</v>
      </c>
      <c r="AQ8440">
        <v>4</v>
      </c>
    </row>
    <row r="8441" spans="1:43">
      <c r="A8441" t="s">
        <v>5266</v>
      </c>
      <c r="B8441" t="s">
        <v>5267</v>
      </c>
      <c r="C8441" t="s">
        <v>5268</v>
      </c>
      <c r="D8441" t="s">
        <v>5269</v>
      </c>
      <c r="E8441" t="s">
        <v>5270</v>
      </c>
      <c r="F8441" t="s">
        <v>5271</v>
      </c>
      <c r="G8441" t="s">
        <v>80</v>
      </c>
      <c r="H8441" t="s">
        <v>81</v>
      </c>
      <c r="I8441" s="2">
        <v>1</v>
      </c>
      <c r="J8441" s="2">
        <v>0</v>
      </c>
      <c r="K8441" s="2">
        <v>0</v>
      </c>
      <c r="L8441" t="s">
        <v>120</v>
      </c>
      <c r="M8441" t="s">
        <v>83</v>
      </c>
      <c r="N8441" t="s">
        <v>91</v>
      </c>
      <c r="O8441" t="s">
        <v>85</v>
      </c>
      <c r="P8441" t="s">
        <v>86</v>
      </c>
      <c r="Q8441">
        <v>3</v>
      </c>
      <c r="R8441">
        <v>3</v>
      </c>
      <c r="S8441">
        <v>3</v>
      </c>
      <c r="T8441">
        <v>3</v>
      </c>
      <c r="U8441">
        <v>3</v>
      </c>
      <c r="V8441">
        <v>3</v>
      </c>
      <c r="W8441">
        <v>4</v>
      </c>
      <c r="X8441">
        <v>4</v>
      </c>
      <c r="Y8441">
        <v>4</v>
      </c>
      <c r="Z8441">
        <v>4</v>
      </c>
      <c r="AA8441">
        <v>4</v>
      </c>
      <c r="AB8441">
        <v>4</v>
      </c>
      <c r="AC8441">
        <v>4</v>
      </c>
      <c r="AD8441">
        <v>4</v>
      </c>
      <c r="AE8441">
        <v>4</v>
      </c>
      <c r="AF8441">
        <v>4</v>
      </c>
      <c r="AG8441">
        <v>4</v>
      </c>
      <c r="AH8441">
        <v>4</v>
      </c>
      <c r="AI8441">
        <v>4</v>
      </c>
      <c r="AJ8441">
        <v>4</v>
      </c>
      <c r="AK8441">
        <v>4</v>
      </c>
      <c r="AL8441">
        <v>4</v>
      </c>
      <c r="AM8441">
        <v>4</v>
      </c>
      <c r="AN8441">
        <v>4</v>
      </c>
      <c r="AO8441">
        <v>4</v>
      </c>
      <c r="AP8441">
        <v>4</v>
      </c>
      <c r="AQ8441">
        <v>4</v>
      </c>
    </row>
    <row r="8442" spans="1:43">
      <c r="A8442" t="s">
        <v>5272</v>
      </c>
      <c r="B8442" t="s">
        <v>5273</v>
      </c>
      <c r="C8442" t="s">
        <v>5274</v>
      </c>
      <c r="D8442" t="s">
        <v>5275</v>
      </c>
      <c r="E8442" t="s">
        <v>5270</v>
      </c>
      <c r="F8442" t="s">
        <v>5271</v>
      </c>
      <c r="G8442" t="s">
        <v>80</v>
      </c>
      <c r="H8442" t="s">
        <v>81</v>
      </c>
      <c r="I8442" s="2">
        <v>1</v>
      </c>
      <c r="J8442" s="2">
        <v>0</v>
      </c>
      <c r="K8442" s="2">
        <v>0</v>
      </c>
      <c r="L8442" t="s">
        <v>120</v>
      </c>
      <c r="M8442" t="s">
        <v>83</v>
      </c>
      <c r="N8442" t="s">
        <v>84</v>
      </c>
      <c r="O8442" t="s">
        <v>85</v>
      </c>
      <c r="P8442" t="s">
        <v>86</v>
      </c>
      <c r="Q8442">
        <v>6</v>
      </c>
      <c r="R8442">
        <v>6</v>
      </c>
      <c r="S8442">
        <v>6</v>
      </c>
      <c r="T8442">
        <v>6</v>
      </c>
      <c r="U8442">
        <v>6</v>
      </c>
      <c r="V8442">
        <v>6</v>
      </c>
      <c r="W8442">
        <v>6</v>
      </c>
      <c r="X8442">
        <v>6</v>
      </c>
      <c r="Y8442">
        <v>6</v>
      </c>
      <c r="Z8442">
        <v>6</v>
      </c>
      <c r="AA8442">
        <v>6</v>
      </c>
      <c r="AB8442">
        <v>7</v>
      </c>
      <c r="AC8442">
        <v>7</v>
      </c>
      <c r="AD8442">
        <v>7</v>
      </c>
      <c r="AE8442">
        <v>7</v>
      </c>
      <c r="AF8442">
        <v>7</v>
      </c>
      <c r="AG8442">
        <v>7</v>
      </c>
      <c r="AH8442">
        <v>7</v>
      </c>
      <c r="AI8442">
        <v>7</v>
      </c>
      <c r="AJ8442">
        <v>7</v>
      </c>
      <c r="AK8442">
        <v>7</v>
      </c>
      <c r="AL8442">
        <v>7</v>
      </c>
      <c r="AM8442">
        <v>7</v>
      </c>
      <c r="AN8442">
        <v>7</v>
      </c>
      <c r="AO8442">
        <v>7</v>
      </c>
      <c r="AP8442">
        <v>7</v>
      </c>
      <c r="AQ8442">
        <v>7</v>
      </c>
    </row>
    <row r="8443" spans="1:43">
      <c r="A8443" t="s">
        <v>5272</v>
      </c>
      <c r="B8443" t="s">
        <v>5273</v>
      </c>
      <c r="C8443" t="s">
        <v>5274</v>
      </c>
      <c r="D8443" t="s">
        <v>5275</v>
      </c>
      <c r="E8443" t="s">
        <v>5270</v>
      </c>
      <c r="F8443" t="s">
        <v>5271</v>
      </c>
      <c r="G8443" t="s">
        <v>80</v>
      </c>
      <c r="H8443" t="s">
        <v>81</v>
      </c>
      <c r="I8443" s="2">
        <v>1</v>
      </c>
      <c r="J8443" s="2">
        <v>0</v>
      </c>
      <c r="K8443" s="2">
        <v>0</v>
      </c>
      <c r="L8443" t="s">
        <v>120</v>
      </c>
      <c r="M8443" t="s">
        <v>87</v>
      </c>
      <c r="N8443" t="s">
        <v>88</v>
      </c>
      <c r="O8443" t="s">
        <v>85</v>
      </c>
      <c r="P8443" t="s">
        <v>86</v>
      </c>
      <c r="Q8443">
        <v>6</v>
      </c>
      <c r="R8443">
        <v>6</v>
      </c>
      <c r="S8443">
        <v>6</v>
      </c>
      <c r="T8443">
        <v>6</v>
      </c>
      <c r="U8443">
        <v>6</v>
      </c>
      <c r="V8443">
        <v>6</v>
      </c>
      <c r="W8443">
        <v>6</v>
      </c>
      <c r="X8443">
        <v>6</v>
      </c>
      <c r="Y8443">
        <v>6</v>
      </c>
      <c r="Z8443">
        <v>6</v>
      </c>
      <c r="AA8443">
        <v>6</v>
      </c>
      <c r="AB8443">
        <v>6</v>
      </c>
      <c r="AC8443">
        <v>6</v>
      </c>
      <c r="AD8443">
        <v>6</v>
      </c>
      <c r="AE8443">
        <v>6</v>
      </c>
      <c r="AF8443">
        <v>6</v>
      </c>
      <c r="AG8443">
        <v>6</v>
      </c>
      <c r="AH8443">
        <v>6</v>
      </c>
      <c r="AI8443">
        <v>6</v>
      </c>
      <c r="AJ8443">
        <v>6</v>
      </c>
      <c r="AK8443">
        <v>6</v>
      </c>
      <c r="AL8443">
        <v>6</v>
      </c>
      <c r="AM8443">
        <v>6</v>
      </c>
      <c r="AN8443">
        <v>6</v>
      </c>
      <c r="AO8443">
        <v>6</v>
      </c>
      <c r="AP8443">
        <v>6</v>
      </c>
      <c r="AQ8443">
        <v>6</v>
      </c>
    </row>
    <row r="8444" spans="1:43">
      <c r="A8444" t="s">
        <v>5272</v>
      </c>
      <c r="B8444" t="s">
        <v>5273</v>
      </c>
      <c r="C8444" t="s">
        <v>5274</v>
      </c>
      <c r="D8444" t="s">
        <v>5275</v>
      </c>
      <c r="E8444" t="s">
        <v>5270</v>
      </c>
      <c r="F8444" t="s">
        <v>5271</v>
      </c>
      <c r="G8444" t="s">
        <v>80</v>
      </c>
      <c r="H8444" t="s">
        <v>81</v>
      </c>
      <c r="I8444" s="2">
        <v>1</v>
      </c>
      <c r="J8444" s="2">
        <v>0</v>
      </c>
      <c r="K8444" s="2">
        <v>0</v>
      </c>
      <c r="L8444" t="s">
        <v>120</v>
      </c>
      <c r="M8444" t="s">
        <v>89</v>
      </c>
      <c r="N8444" t="s">
        <v>90</v>
      </c>
      <c r="O8444" t="s">
        <v>85</v>
      </c>
      <c r="P8444" t="s">
        <v>86</v>
      </c>
      <c r="Q8444">
        <v>6</v>
      </c>
      <c r="R8444">
        <v>6</v>
      </c>
      <c r="S8444">
        <v>6</v>
      </c>
      <c r="T8444">
        <v>6</v>
      </c>
      <c r="U8444">
        <v>6</v>
      </c>
      <c r="V8444">
        <v>6</v>
      </c>
      <c r="W8444">
        <v>6</v>
      </c>
      <c r="X8444">
        <v>7</v>
      </c>
      <c r="Y8444">
        <v>7</v>
      </c>
      <c r="Z8444">
        <v>7</v>
      </c>
      <c r="AA8444">
        <v>7</v>
      </c>
      <c r="AB8444">
        <v>7</v>
      </c>
      <c r="AC8444">
        <v>7</v>
      </c>
      <c r="AD8444">
        <v>7</v>
      </c>
      <c r="AE8444">
        <v>7</v>
      </c>
      <c r="AF8444">
        <v>7</v>
      </c>
      <c r="AG8444">
        <v>7</v>
      </c>
      <c r="AH8444">
        <v>7</v>
      </c>
      <c r="AI8444">
        <v>7</v>
      </c>
      <c r="AJ8444">
        <v>7</v>
      </c>
      <c r="AK8444">
        <v>7</v>
      </c>
      <c r="AL8444">
        <v>7</v>
      </c>
      <c r="AM8444">
        <v>7</v>
      </c>
      <c r="AN8444">
        <v>7</v>
      </c>
      <c r="AO8444">
        <v>7</v>
      </c>
      <c r="AP8444">
        <v>7</v>
      </c>
      <c r="AQ8444">
        <v>7</v>
      </c>
    </row>
    <row r="8445" spans="1:43">
      <c r="A8445" t="s">
        <v>5272</v>
      </c>
      <c r="B8445" t="s">
        <v>5273</v>
      </c>
      <c r="C8445" t="s">
        <v>5274</v>
      </c>
      <c r="D8445" t="s">
        <v>5275</v>
      </c>
      <c r="E8445" t="s">
        <v>5270</v>
      </c>
      <c r="F8445" t="s">
        <v>5271</v>
      </c>
      <c r="G8445" t="s">
        <v>80</v>
      </c>
      <c r="H8445" t="s">
        <v>81</v>
      </c>
      <c r="I8445" s="2">
        <v>1</v>
      </c>
      <c r="J8445" s="2">
        <v>0</v>
      </c>
      <c r="K8445" s="2">
        <v>0</v>
      </c>
      <c r="L8445" t="s">
        <v>120</v>
      </c>
      <c r="M8445" t="s">
        <v>83</v>
      </c>
      <c r="N8445" t="s">
        <v>91</v>
      </c>
      <c r="O8445" t="s">
        <v>85</v>
      </c>
      <c r="P8445" t="s">
        <v>86</v>
      </c>
      <c r="Q8445">
        <v>6</v>
      </c>
      <c r="R8445">
        <v>6</v>
      </c>
      <c r="S8445">
        <v>6</v>
      </c>
      <c r="T8445">
        <v>6</v>
      </c>
      <c r="U8445">
        <v>6</v>
      </c>
      <c r="V8445">
        <v>6</v>
      </c>
      <c r="W8445">
        <v>6</v>
      </c>
      <c r="X8445">
        <v>6</v>
      </c>
      <c r="Y8445">
        <v>6</v>
      </c>
      <c r="Z8445">
        <v>6</v>
      </c>
      <c r="AA8445">
        <v>6</v>
      </c>
      <c r="AB8445">
        <v>7</v>
      </c>
      <c r="AC8445">
        <v>7</v>
      </c>
      <c r="AD8445">
        <v>7</v>
      </c>
      <c r="AE8445">
        <v>7</v>
      </c>
      <c r="AF8445">
        <v>7</v>
      </c>
      <c r="AG8445">
        <v>7</v>
      </c>
      <c r="AH8445">
        <v>7</v>
      </c>
      <c r="AI8445">
        <v>7</v>
      </c>
      <c r="AJ8445">
        <v>7</v>
      </c>
      <c r="AK8445">
        <v>7</v>
      </c>
      <c r="AL8445">
        <v>7</v>
      </c>
      <c r="AM8445">
        <v>7</v>
      </c>
      <c r="AN8445">
        <v>7</v>
      </c>
      <c r="AO8445">
        <v>7</v>
      </c>
      <c r="AP8445">
        <v>7</v>
      </c>
      <c r="AQ8445">
        <v>7</v>
      </c>
    </row>
    <row r="8446" spans="1:43">
      <c r="A8446" t="s">
        <v>5276</v>
      </c>
      <c r="B8446" t="s">
        <v>5277</v>
      </c>
      <c r="C8446" t="s">
        <v>5274</v>
      </c>
      <c r="D8446" t="s">
        <v>5275</v>
      </c>
      <c r="E8446" t="s">
        <v>5270</v>
      </c>
      <c r="F8446" t="s">
        <v>5271</v>
      </c>
      <c r="G8446" t="s">
        <v>80</v>
      </c>
      <c r="H8446" t="s">
        <v>81</v>
      </c>
      <c r="I8446" s="2">
        <v>1</v>
      </c>
      <c r="J8446" s="2">
        <v>0</v>
      </c>
      <c r="K8446" s="2">
        <v>0</v>
      </c>
      <c r="L8446" t="s">
        <v>120</v>
      </c>
      <c r="M8446" t="s">
        <v>83</v>
      </c>
      <c r="N8446" t="s">
        <v>84</v>
      </c>
      <c r="O8446" t="s">
        <v>85</v>
      </c>
      <c r="P8446" t="s">
        <v>86</v>
      </c>
      <c r="Q8446">
        <v>35</v>
      </c>
      <c r="R8446">
        <v>36</v>
      </c>
      <c r="S8446">
        <v>36</v>
      </c>
      <c r="T8446">
        <v>37</v>
      </c>
      <c r="U8446">
        <v>38</v>
      </c>
      <c r="V8446">
        <v>38</v>
      </c>
      <c r="W8446">
        <v>39</v>
      </c>
      <c r="X8446">
        <v>39</v>
      </c>
      <c r="Y8446">
        <v>39</v>
      </c>
      <c r="Z8446">
        <v>40</v>
      </c>
      <c r="AA8446">
        <v>40</v>
      </c>
      <c r="AB8446">
        <v>41</v>
      </c>
      <c r="AC8446">
        <v>41</v>
      </c>
      <c r="AD8446">
        <v>42</v>
      </c>
      <c r="AE8446">
        <v>42</v>
      </c>
      <c r="AF8446">
        <v>43</v>
      </c>
      <c r="AG8446">
        <v>43</v>
      </c>
      <c r="AH8446">
        <v>44</v>
      </c>
      <c r="AI8446">
        <v>44</v>
      </c>
      <c r="AJ8446">
        <v>44</v>
      </c>
      <c r="AK8446">
        <v>45</v>
      </c>
      <c r="AL8446">
        <v>45</v>
      </c>
      <c r="AM8446">
        <v>45</v>
      </c>
      <c r="AN8446">
        <v>45</v>
      </c>
      <c r="AO8446">
        <v>45</v>
      </c>
      <c r="AP8446">
        <v>45</v>
      </c>
      <c r="AQ8446">
        <v>45</v>
      </c>
    </row>
    <row r="8447" spans="1:43">
      <c r="A8447" t="s">
        <v>5276</v>
      </c>
      <c r="B8447" t="s">
        <v>5277</v>
      </c>
      <c r="C8447" t="s">
        <v>5274</v>
      </c>
      <c r="D8447" t="s">
        <v>5275</v>
      </c>
      <c r="E8447" t="s">
        <v>5270</v>
      </c>
      <c r="F8447" t="s">
        <v>5271</v>
      </c>
      <c r="G8447" t="s">
        <v>80</v>
      </c>
      <c r="H8447" t="s">
        <v>81</v>
      </c>
      <c r="I8447" s="2">
        <v>1</v>
      </c>
      <c r="J8447" s="2">
        <v>0</v>
      </c>
      <c r="K8447" s="2">
        <v>0</v>
      </c>
      <c r="L8447" t="s">
        <v>120</v>
      </c>
      <c r="M8447" t="s">
        <v>87</v>
      </c>
      <c r="N8447" t="s">
        <v>88</v>
      </c>
      <c r="O8447" t="s">
        <v>85</v>
      </c>
      <c r="P8447" t="s">
        <v>86</v>
      </c>
      <c r="Q8447">
        <v>35</v>
      </c>
      <c r="R8447">
        <v>35</v>
      </c>
      <c r="S8447">
        <v>35</v>
      </c>
      <c r="T8447">
        <v>36</v>
      </c>
      <c r="U8447">
        <v>36</v>
      </c>
      <c r="V8447">
        <v>36</v>
      </c>
      <c r="W8447">
        <v>36</v>
      </c>
      <c r="X8447">
        <v>36</v>
      </c>
      <c r="Y8447">
        <v>37</v>
      </c>
      <c r="Z8447">
        <v>37</v>
      </c>
      <c r="AA8447">
        <v>37</v>
      </c>
      <c r="AB8447">
        <v>37</v>
      </c>
      <c r="AC8447">
        <v>37</v>
      </c>
      <c r="AD8447">
        <v>37</v>
      </c>
      <c r="AE8447">
        <v>38</v>
      </c>
      <c r="AF8447">
        <v>38</v>
      </c>
      <c r="AG8447">
        <v>38</v>
      </c>
      <c r="AH8447">
        <v>38</v>
      </c>
      <c r="AI8447">
        <v>38</v>
      </c>
      <c r="AJ8447">
        <v>38</v>
      </c>
      <c r="AK8447">
        <v>38</v>
      </c>
      <c r="AL8447">
        <v>39</v>
      </c>
      <c r="AM8447">
        <v>39</v>
      </c>
      <c r="AN8447">
        <v>39</v>
      </c>
      <c r="AO8447">
        <v>39</v>
      </c>
      <c r="AP8447">
        <v>39</v>
      </c>
      <c r="AQ8447">
        <v>39</v>
      </c>
    </row>
    <row r="8448" spans="1:43">
      <c r="A8448" t="s">
        <v>5276</v>
      </c>
      <c r="B8448" t="s">
        <v>5277</v>
      </c>
      <c r="C8448" t="s">
        <v>5274</v>
      </c>
      <c r="D8448" t="s">
        <v>5275</v>
      </c>
      <c r="E8448" t="s">
        <v>5270</v>
      </c>
      <c r="F8448" t="s">
        <v>5271</v>
      </c>
      <c r="G8448" t="s">
        <v>80</v>
      </c>
      <c r="H8448" t="s">
        <v>81</v>
      </c>
      <c r="I8448" s="2">
        <v>1</v>
      </c>
      <c r="J8448" s="2">
        <v>0</v>
      </c>
      <c r="K8448" s="2">
        <v>0</v>
      </c>
      <c r="L8448" t="s">
        <v>120</v>
      </c>
      <c r="M8448" t="s">
        <v>89</v>
      </c>
      <c r="N8448" t="s">
        <v>90</v>
      </c>
      <c r="O8448" t="s">
        <v>85</v>
      </c>
      <c r="P8448" t="s">
        <v>86</v>
      </c>
      <c r="Q8448">
        <v>35</v>
      </c>
      <c r="R8448">
        <v>36</v>
      </c>
      <c r="S8448">
        <v>36</v>
      </c>
      <c r="T8448">
        <v>37</v>
      </c>
      <c r="U8448">
        <v>38</v>
      </c>
      <c r="V8448">
        <v>39</v>
      </c>
      <c r="W8448">
        <v>39</v>
      </c>
      <c r="X8448">
        <v>40</v>
      </c>
      <c r="Y8448">
        <v>41</v>
      </c>
      <c r="Z8448">
        <v>41</v>
      </c>
      <c r="AA8448">
        <v>42</v>
      </c>
      <c r="AB8448">
        <v>43</v>
      </c>
      <c r="AC8448">
        <v>43</v>
      </c>
      <c r="AD8448">
        <v>44</v>
      </c>
      <c r="AE8448">
        <v>44</v>
      </c>
      <c r="AF8448">
        <v>44</v>
      </c>
      <c r="AG8448">
        <v>44</v>
      </c>
      <c r="AH8448">
        <v>44</v>
      </c>
      <c r="AI8448">
        <v>44</v>
      </c>
      <c r="AJ8448">
        <v>44</v>
      </c>
      <c r="AK8448">
        <v>45</v>
      </c>
      <c r="AL8448">
        <v>45</v>
      </c>
      <c r="AM8448">
        <v>45</v>
      </c>
      <c r="AN8448">
        <v>45</v>
      </c>
      <c r="AO8448">
        <v>45</v>
      </c>
      <c r="AP8448">
        <v>45</v>
      </c>
      <c r="AQ8448">
        <v>45</v>
      </c>
    </row>
    <row r="8449" spans="1:43">
      <c r="A8449" t="s">
        <v>5276</v>
      </c>
      <c r="B8449" t="s">
        <v>5277</v>
      </c>
      <c r="C8449" t="s">
        <v>5274</v>
      </c>
      <c r="D8449" t="s">
        <v>5275</v>
      </c>
      <c r="E8449" t="s">
        <v>5270</v>
      </c>
      <c r="F8449" t="s">
        <v>5271</v>
      </c>
      <c r="G8449" t="s">
        <v>80</v>
      </c>
      <c r="H8449" t="s">
        <v>81</v>
      </c>
      <c r="I8449" s="2">
        <v>1</v>
      </c>
      <c r="J8449" s="2">
        <v>0</v>
      </c>
      <c r="K8449" s="2">
        <v>0</v>
      </c>
      <c r="L8449" t="s">
        <v>120</v>
      </c>
      <c r="M8449" t="s">
        <v>83</v>
      </c>
      <c r="N8449" t="s">
        <v>91</v>
      </c>
      <c r="O8449" t="s">
        <v>85</v>
      </c>
      <c r="P8449" t="s">
        <v>86</v>
      </c>
      <c r="Q8449">
        <v>35</v>
      </c>
      <c r="R8449">
        <v>36</v>
      </c>
      <c r="S8449">
        <v>36</v>
      </c>
      <c r="T8449">
        <v>37</v>
      </c>
      <c r="U8449">
        <v>38</v>
      </c>
      <c r="V8449">
        <v>38</v>
      </c>
      <c r="W8449">
        <v>39</v>
      </c>
      <c r="X8449">
        <v>39</v>
      </c>
      <c r="Y8449">
        <v>39</v>
      </c>
      <c r="Z8449">
        <v>40</v>
      </c>
      <c r="AA8449">
        <v>40</v>
      </c>
      <c r="AB8449">
        <v>41</v>
      </c>
      <c r="AC8449">
        <v>41</v>
      </c>
      <c r="AD8449">
        <v>42</v>
      </c>
      <c r="AE8449">
        <v>42</v>
      </c>
      <c r="AF8449">
        <v>43</v>
      </c>
      <c r="AG8449">
        <v>43</v>
      </c>
      <c r="AH8449">
        <v>44</v>
      </c>
      <c r="AI8449">
        <v>44</v>
      </c>
      <c r="AJ8449">
        <v>44</v>
      </c>
      <c r="AK8449">
        <v>45</v>
      </c>
      <c r="AL8449">
        <v>45</v>
      </c>
      <c r="AM8449">
        <v>45</v>
      </c>
      <c r="AN8449">
        <v>45</v>
      </c>
      <c r="AO8449">
        <v>45</v>
      </c>
      <c r="AP8449">
        <v>45</v>
      </c>
      <c r="AQ8449">
        <v>45</v>
      </c>
    </row>
    <row r="8450" spans="1:43">
      <c r="A8450" t="s">
        <v>5278</v>
      </c>
      <c r="B8450" t="s">
        <v>5279</v>
      </c>
      <c r="C8450" t="s">
        <v>5280</v>
      </c>
      <c r="D8450" t="s">
        <v>5281</v>
      </c>
      <c r="E8450" t="s">
        <v>5270</v>
      </c>
      <c r="F8450" t="s">
        <v>5271</v>
      </c>
      <c r="G8450" t="s">
        <v>80</v>
      </c>
      <c r="H8450" t="s">
        <v>81</v>
      </c>
      <c r="I8450" s="2">
        <v>1</v>
      </c>
      <c r="J8450" s="2">
        <v>0</v>
      </c>
      <c r="K8450" s="2">
        <v>0</v>
      </c>
      <c r="L8450" t="s">
        <v>120</v>
      </c>
      <c r="M8450" t="s">
        <v>83</v>
      </c>
      <c r="N8450" t="s">
        <v>84</v>
      </c>
      <c r="O8450" t="s">
        <v>85</v>
      </c>
      <c r="P8450" t="s">
        <v>86</v>
      </c>
      <c r="Q8450">
        <v>9</v>
      </c>
      <c r="R8450">
        <v>9</v>
      </c>
      <c r="S8450">
        <v>9</v>
      </c>
      <c r="T8450">
        <v>9</v>
      </c>
      <c r="U8450">
        <v>9</v>
      </c>
      <c r="V8450">
        <v>9</v>
      </c>
      <c r="W8450">
        <v>9</v>
      </c>
      <c r="X8450">
        <v>9</v>
      </c>
      <c r="Y8450">
        <v>10</v>
      </c>
      <c r="Z8450">
        <v>10</v>
      </c>
      <c r="AA8450">
        <v>10</v>
      </c>
      <c r="AB8450">
        <v>10</v>
      </c>
      <c r="AC8450">
        <v>10</v>
      </c>
      <c r="AD8450">
        <v>10</v>
      </c>
      <c r="AE8450">
        <v>10</v>
      </c>
      <c r="AF8450">
        <v>10</v>
      </c>
      <c r="AG8450">
        <v>10</v>
      </c>
      <c r="AH8450">
        <v>11</v>
      </c>
      <c r="AI8450">
        <v>11</v>
      </c>
      <c r="AJ8450">
        <v>11</v>
      </c>
      <c r="AK8450">
        <v>11</v>
      </c>
      <c r="AL8450">
        <v>11</v>
      </c>
      <c r="AM8450">
        <v>11</v>
      </c>
      <c r="AN8450">
        <v>11</v>
      </c>
      <c r="AO8450">
        <v>11</v>
      </c>
      <c r="AP8450">
        <v>11</v>
      </c>
      <c r="AQ8450">
        <v>11</v>
      </c>
    </row>
    <row r="8451" spans="1:43">
      <c r="A8451" t="s">
        <v>5278</v>
      </c>
      <c r="B8451" t="s">
        <v>5279</v>
      </c>
      <c r="C8451" t="s">
        <v>5280</v>
      </c>
      <c r="D8451" t="s">
        <v>5281</v>
      </c>
      <c r="E8451" t="s">
        <v>5270</v>
      </c>
      <c r="F8451" t="s">
        <v>5271</v>
      </c>
      <c r="G8451" t="s">
        <v>80</v>
      </c>
      <c r="H8451" t="s">
        <v>81</v>
      </c>
      <c r="I8451" s="2">
        <v>1</v>
      </c>
      <c r="J8451" s="2">
        <v>0</v>
      </c>
      <c r="K8451" s="2">
        <v>0</v>
      </c>
      <c r="L8451" t="s">
        <v>120</v>
      </c>
      <c r="M8451" t="s">
        <v>87</v>
      </c>
      <c r="N8451" t="s">
        <v>88</v>
      </c>
      <c r="O8451" t="s">
        <v>85</v>
      </c>
      <c r="P8451" t="s">
        <v>86</v>
      </c>
      <c r="Q8451">
        <v>9</v>
      </c>
      <c r="R8451">
        <v>10</v>
      </c>
      <c r="S8451">
        <v>10</v>
      </c>
      <c r="T8451">
        <v>10</v>
      </c>
      <c r="U8451">
        <v>10</v>
      </c>
      <c r="V8451">
        <v>10</v>
      </c>
      <c r="W8451">
        <v>10</v>
      </c>
      <c r="X8451">
        <v>10</v>
      </c>
      <c r="Y8451">
        <v>10</v>
      </c>
      <c r="Z8451">
        <v>10</v>
      </c>
      <c r="AA8451">
        <v>10</v>
      </c>
      <c r="AB8451">
        <v>10</v>
      </c>
      <c r="AC8451">
        <v>10</v>
      </c>
      <c r="AD8451">
        <v>10</v>
      </c>
      <c r="AE8451">
        <v>10</v>
      </c>
      <c r="AF8451">
        <v>10</v>
      </c>
      <c r="AG8451">
        <v>10</v>
      </c>
      <c r="AH8451">
        <v>10</v>
      </c>
      <c r="AI8451">
        <v>10</v>
      </c>
      <c r="AJ8451">
        <v>10</v>
      </c>
      <c r="AK8451">
        <v>10</v>
      </c>
      <c r="AL8451">
        <v>10</v>
      </c>
      <c r="AM8451">
        <v>10</v>
      </c>
      <c r="AN8451">
        <v>10</v>
      </c>
      <c r="AO8451">
        <v>10</v>
      </c>
      <c r="AP8451">
        <v>10</v>
      </c>
      <c r="AQ8451">
        <v>10</v>
      </c>
    </row>
    <row r="8452" spans="1:43">
      <c r="A8452" t="s">
        <v>5278</v>
      </c>
      <c r="B8452" t="s">
        <v>5279</v>
      </c>
      <c r="C8452" t="s">
        <v>5280</v>
      </c>
      <c r="D8452" t="s">
        <v>5281</v>
      </c>
      <c r="E8452" t="s">
        <v>5270</v>
      </c>
      <c r="F8452" t="s">
        <v>5271</v>
      </c>
      <c r="G8452" t="s">
        <v>80</v>
      </c>
      <c r="H8452" t="s">
        <v>81</v>
      </c>
      <c r="I8452" s="2">
        <v>1</v>
      </c>
      <c r="J8452" s="2">
        <v>0</v>
      </c>
      <c r="K8452" s="2">
        <v>0</v>
      </c>
      <c r="L8452" t="s">
        <v>120</v>
      </c>
      <c r="M8452" t="s">
        <v>89</v>
      </c>
      <c r="N8452" t="s">
        <v>90</v>
      </c>
      <c r="O8452" t="s">
        <v>85</v>
      </c>
      <c r="P8452" t="s">
        <v>86</v>
      </c>
      <c r="Q8452">
        <v>9</v>
      </c>
      <c r="R8452">
        <v>9</v>
      </c>
      <c r="S8452">
        <v>9</v>
      </c>
      <c r="T8452">
        <v>9</v>
      </c>
      <c r="U8452">
        <v>9</v>
      </c>
      <c r="V8452">
        <v>10</v>
      </c>
      <c r="W8452">
        <v>10</v>
      </c>
      <c r="X8452">
        <v>10</v>
      </c>
      <c r="Y8452">
        <v>10</v>
      </c>
      <c r="Z8452">
        <v>10</v>
      </c>
      <c r="AA8452">
        <v>10</v>
      </c>
      <c r="AB8452">
        <v>11</v>
      </c>
      <c r="AC8452">
        <v>11</v>
      </c>
      <c r="AD8452">
        <v>11</v>
      </c>
      <c r="AE8452">
        <v>11</v>
      </c>
      <c r="AF8452">
        <v>11</v>
      </c>
      <c r="AG8452">
        <v>11</v>
      </c>
      <c r="AH8452">
        <v>11</v>
      </c>
      <c r="AI8452">
        <v>11</v>
      </c>
      <c r="AJ8452">
        <v>11</v>
      </c>
      <c r="AK8452">
        <v>11</v>
      </c>
      <c r="AL8452">
        <v>11</v>
      </c>
      <c r="AM8452">
        <v>11</v>
      </c>
      <c r="AN8452">
        <v>11</v>
      </c>
      <c r="AO8452">
        <v>11</v>
      </c>
      <c r="AP8452">
        <v>11</v>
      </c>
      <c r="AQ8452">
        <v>11</v>
      </c>
    </row>
    <row r="8453" spans="1:43">
      <c r="A8453" t="s">
        <v>5278</v>
      </c>
      <c r="B8453" t="s">
        <v>5279</v>
      </c>
      <c r="C8453" t="s">
        <v>5280</v>
      </c>
      <c r="D8453" t="s">
        <v>5281</v>
      </c>
      <c r="E8453" t="s">
        <v>5270</v>
      </c>
      <c r="F8453" t="s">
        <v>5271</v>
      </c>
      <c r="G8453" t="s">
        <v>80</v>
      </c>
      <c r="H8453" t="s">
        <v>81</v>
      </c>
      <c r="I8453" s="2">
        <v>1</v>
      </c>
      <c r="J8453" s="2">
        <v>0</v>
      </c>
      <c r="K8453" s="2">
        <v>0</v>
      </c>
      <c r="L8453" t="s">
        <v>120</v>
      </c>
      <c r="M8453" t="s">
        <v>83</v>
      </c>
      <c r="N8453" t="s">
        <v>91</v>
      </c>
      <c r="O8453" t="s">
        <v>85</v>
      </c>
      <c r="P8453" t="s">
        <v>86</v>
      </c>
      <c r="Q8453">
        <v>9</v>
      </c>
      <c r="R8453">
        <v>9</v>
      </c>
      <c r="S8453">
        <v>9</v>
      </c>
      <c r="T8453">
        <v>9</v>
      </c>
      <c r="U8453">
        <v>9</v>
      </c>
      <c r="V8453">
        <v>9</v>
      </c>
      <c r="W8453">
        <v>9</v>
      </c>
      <c r="X8453">
        <v>9</v>
      </c>
      <c r="Y8453">
        <v>10</v>
      </c>
      <c r="Z8453">
        <v>10</v>
      </c>
      <c r="AA8453">
        <v>10</v>
      </c>
      <c r="AB8453">
        <v>10</v>
      </c>
      <c r="AC8453">
        <v>10</v>
      </c>
      <c r="AD8453">
        <v>10</v>
      </c>
      <c r="AE8453">
        <v>10</v>
      </c>
      <c r="AF8453">
        <v>10</v>
      </c>
      <c r="AG8453">
        <v>10</v>
      </c>
      <c r="AH8453">
        <v>11</v>
      </c>
      <c r="AI8453">
        <v>11</v>
      </c>
      <c r="AJ8453">
        <v>11</v>
      </c>
      <c r="AK8453">
        <v>11</v>
      </c>
      <c r="AL8453">
        <v>11</v>
      </c>
      <c r="AM8453">
        <v>11</v>
      </c>
      <c r="AN8453">
        <v>11</v>
      </c>
      <c r="AO8453">
        <v>11</v>
      </c>
      <c r="AP8453">
        <v>11</v>
      </c>
      <c r="AQ8453">
        <v>11</v>
      </c>
    </row>
    <row r="8454" spans="1:43">
      <c r="A8454" t="s">
        <v>5282</v>
      </c>
      <c r="B8454" t="s">
        <v>5283</v>
      </c>
      <c r="C8454" t="s">
        <v>5280</v>
      </c>
      <c r="D8454" t="s">
        <v>5281</v>
      </c>
      <c r="E8454" t="s">
        <v>5270</v>
      </c>
      <c r="F8454" t="s">
        <v>5271</v>
      </c>
      <c r="G8454" t="s">
        <v>80</v>
      </c>
      <c r="H8454" t="s">
        <v>81</v>
      </c>
      <c r="I8454" s="2">
        <v>1</v>
      </c>
      <c r="J8454" s="2">
        <v>0</v>
      </c>
      <c r="K8454" s="2">
        <v>0</v>
      </c>
      <c r="L8454" t="s">
        <v>120</v>
      </c>
      <c r="M8454" t="s">
        <v>83</v>
      </c>
      <c r="N8454" t="s">
        <v>84</v>
      </c>
      <c r="O8454" t="s">
        <v>85</v>
      </c>
      <c r="P8454" t="s">
        <v>86</v>
      </c>
      <c r="Q8454">
        <v>35</v>
      </c>
      <c r="R8454">
        <v>36</v>
      </c>
      <c r="S8454">
        <v>36</v>
      </c>
      <c r="T8454">
        <v>37</v>
      </c>
      <c r="U8454">
        <v>37</v>
      </c>
      <c r="V8454">
        <v>38</v>
      </c>
      <c r="W8454">
        <v>38</v>
      </c>
      <c r="X8454">
        <v>39</v>
      </c>
      <c r="Y8454">
        <v>39</v>
      </c>
      <c r="Z8454">
        <v>40</v>
      </c>
      <c r="AA8454">
        <v>40</v>
      </c>
      <c r="AB8454">
        <v>41</v>
      </c>
      <c r="AC8454">
        <v>41</v>
      </c>
      <c r="AD8454">
        <v>41</v>
      </c>
      <c r="AE8454">
        <v>42</v>
      </c>
      <c r="AF8454">
        <v>42</v>
      </c>
      <c r="AG8454">
        <v>43</v>
      </c>
      <c r="AH8454">
        <v>43</v>
      </c>
      <c r="AI8454">
        <v>44</v>
      </c>
      <c r="AJ8454">
        <v>44</v>
      </c>
      <c r="AK8454">
        <v>45</v>
      </c>
      <c r="AL8454">
        <v>45</v>
      </c>
      <c r="AM8454">
        <v>45</v>
      </c>
      <c r="AN8454">
        <v>45</v>
      </c>
      <c r="AO8454">
        <v>45</v>
      </c>
      <c r="AP8454">
        <v>45</v>
      </c>
      <c r="AQ8454">
        <v>45</v>
      </c>
    </row>
    <row r="8455" spans="1:43">
      <c r="A8455" t="s">
        <v>5282</v>
      </c>
      <c r="B8455" t="s">
        <v>5283</v>
      </c>
      <c r="C8455" t="s">
        <v>5280</v>
      </c>
      <c r="D8455" t="s">
        <v>5281</v>
      </c>
      <c r="E8455" t="s">
        <v>5270</v>
      </c>
      <c r="F8455" t="s">
        <v>5271</v>
      </c>
      <c r="G8455" t="s">
        <v>80</v>
      </c>
      <c r="H8455" t="s">
        <v>81</v>
      </c>
      <c r="I8455" s="2">
        <v>1</v>
      </c>
      <c r="J8455" s="2">
        <v>0</v>
      </c>
      <c r="K8455" s="2">
        <v>0</v>
      </c>
      <c r="L8455" t="s">
        <v>120</v>
      </c>
      <c r="M8455" t="s">
        <v>87</v>
      </c>
      <c r="N8455" t="s">
        <v>88</v>
      </c>
      <c r="O8455" t="s">
        <v>85</v>
      </c>
      <c r="P8455" t="s">
        <v>86</v>
      </c>
      <c r="Q8455">
        <v>35</v>
      </c>
      <c r="R8455">
        <v>35</v>
      </c>
      <c r="S8455">
        <v>35</v>
      </c>
      <c r="T8455">
        <v>35</v>
      </c>
      <c r="U8455">
        <v>36</v>
      </c>
      <c r="V8455">
        <v>36</v>
      </c>
      <c r="W8455">
        <v>36</v>
      </c>
      <c r="X8455">
        <v>36</v>
      </c>
      <c r="Y8455">
        <v>36</v>
      </c>
      <c r="Z8455">
        <v>36</v>
      </c>
      <c r="AA8455">
        <v>37</v>
      </c>
      <c r="AB8455">
        <v>37</v>
      </c>
      <c r="AC8455">
        <v>37</v>
      </c>
      <c r="AD8455">
        <v>37</v>
      </c>
      <c r="AE8455">
        <v>37</v>
      </c>
      <c r="AF8455">
        <v>37</v>
      </c>
      <c r="AG8455">
        <v>37</v>
      </c>
      <c r="AH8455">
        <v>38</v>
      </c>
      <c r="AI8455">
        <v>38</v>
      </c>
      <c r="AJ8455">
        <v>38</v>
      </c>
      <c r="AK8455">
        <v>38</v>
      </c>
      <c r="AL8455">
        <v>38</v>
      </c>
      <c r="AM8455">
        <v>38</v>
      </c>
      <c r="AN8455">
        <v>38</v>
      </c>
      <c r="AO8455">
        <v>39</v>
      </c>
      <c r="AP8455">
        <v>39</v>
      </c>
      <c r="AQ8455">
        <v>39</v>
      </c>
    </row>
    <row r="8456" spans="1:43">
      <c r="A8456" t="s">
        <v>5282</v>
      </c>
      <c r="B8456" t="s">
        <v>5283</v>
      </c>
      <c r="C8456" t="s">
        <v>5280</v>
      </c>
      <c r="D8456" t="s">
        <v>5281</v>
      </c>
      <c r="E8456" t="s">
        <v>5270</v>
      </c>
      <c r="F8456" t="s">
        <v>5271</v>
      </c>
      <c r="G8456" t="s">
        <v>80</v>
      </c>
      <c r="H8456" t="s">
        <v>81</v>
      </c>
      <c r="I8456" s="2">
        <v>1</v>
      </c>
      <c r="J8456" s="2">
        <v>0</v>
      </c>
      <c r="K8456" s="2">
        <v>0</v>
      </c>
      <c r="L8456" t="s">
        <v>120</v>
      </c>
      <c r="M8456" t="s">
        <v>89</v>
      </c>
      <c r="N8456" t="s">
        <v>90</v>
      </c>
      <c r="O8456" t="s">
        <v>85</v>
      </c>
      <c r="P8456" t="s">
        <v>86</v>
      </c>
      <c r="Q8456">
        <v>35</v>
      </c>
      <c r="R8456">
        <v>35</v>
      </c>
      <c r="S8456">
        <v>36</v>
      </c>
      <c r="T8456">
        <v>37</v>
      </c>
      <c r="U8456">
        <v>38</v>
      </c>
      <c r="V8456">
        <v>38</v>
      </c>
      <c r="W8456">
        <v>39</v>
      </c>
      <c r="X8456">
        <v>40</v>
      </c>
      <c r="Y8456">
        <v>40</v>
      </c>
      <c r="Z8456">
        <v>41</v>
      </c>
      <c r="AA8456">
        <v>42</v>
      </c>
      <c r="AB8456">
        <v>42</v>
      </c>
      <c r="AC8456">
        <v>43</v>
      </c>
      <c r="AD8456">
        <v>44</v>
      </c>
      <c r="AE8456">
        <v>44</v>
      </c>
      <c r="AF8456">
        <v>44</v>
      </c>
      <c r="AG8456">
        <v>44</v>
      </c>
      <c r="AH8456">
        <v>44</v>
      </c>
      <c r="AI8456">
        <v>44</v>
      </c>
      <c r="AJ8456">
        <v>44</v>
      </c>
      <c r="AK8456">
        <v>44</v>
      </c>
      <c r="AL8456">
        <v>44</v>
      </c>
      <c r="AM8456">
        <v>44</v>
      </c>
      <c r="AN8456">
        <v>44</v>
      </c>
      <c r="AO8456">
        <v>44</v>
      </c>
      <c r="AP8456">
        <v>44</v>
      </c>
      <c r="AQ8456">
        <v>44</v>
      </c>
    </row>
    <row r="8457" spans="1:43">
      <c r="A8457" t="s">
        <v>5282</v>
      </c>
      <c r="B8457" t="s">
        <v>5283</v>
      </c>
      <c r="C8457" t="s">
        <v>5280</v>
      </c>
      <c r="D8457" t="s">
        <v>5281</v>
      </c>
      <c r="E8457" t="s">
        <v>5270</v>
      </c>
      <c r="F8457" t="s">
        <v>5271</v>
      </c>
      <c r="G8457" t="s">
        <v>80</v>
      </c>
      <c r="H8457" t="s">
        <v>81</v>
      </c>
      <c r="I8457" s="2">
        <v>1</v>
      </c>
      <c r="J8457" s="2">
        <v>0</v>
      </c>
      <c r="K8457" s="2">
        <v>0</v>
      </c>
      <c r="L8457" t="s">
        <v>120</v>
      </c>
      <c r="M8457" t="s">
        <v>83</v>
      </c>
      <c r="N8457" t="s">
        <v>91</v>
      </c>
      <c r="O8457" t="s">
        <v>85</v>
      </c>
      <c r="P8457" t="s">
        <v>86</v>
      </c>
      <c r="Q8457">
        <v>35</v>
      </c>
      <c r="R8457">
        <v>36</v>
      </c>
      <c r="S8457">
        <v>36</v>
      </c>
      <c r="T8457">
        <v>37</v>
      </c>
      <c r="U8457">
        <v>37</v>
      </c>
      <c r="V8457">
        <v>38</v>
      </c>
      <c r="W8457">
        <v>38</v>
      </c>
      <c r="X8457">
        <v>39</v>
      </c>
      <c r="Y8457">
        <v>39</v>
      </c>
      <c r="Z8457">
        <v>40</v>
      </c>
      <c r="AA8457">
        <v>40</v>
      </c>
      <c r="AB8457">
        <v>41</v>
      </c>
      <c r="AC8457">
        <v>41</v>
      </c>
      <c r="AD8457">
        <v>41</v>
      </c>
      <c r="AE8457">
        <v>42</v>
      </c>
      <c r="AF8457">
        <v>42</v>
      </c>
      <c r="AG8457">
        <v>43</v>
      </c>
      <c r="AH8457">
        <v>43</v>
      </c>
      <c r="AI8457">
        <v>44</v>
      </c>
      <c r="AJ8457">
        <v>44</v>
      </c>
      <c r="AK8457">
        <v>45</v>
      </c>
      <c r="AL8457">
        <v>45</v>
      </c>
      <c r="AM8457">
        <v>45</v>
      </c>
      <c r="AN8457">
        <v>45</v>
      </c>
      <c r="AO8457">
        <v>45</v>
      </c>
      <c r="AP8457">
        <v>45</v>
      </c>
      <c r="AQ8457">
        <v>45</v>
      </c>
    </row>
    <row r="8458" spans="1:43">
      <c r="A8458" t="s">
        <v>5284</v>
      </c>
      <c r="B8458" t="s">
        <v>5285</v>
      </c>
      <c r="C8458" t="s">
        <v>5274</v>
      </c>
      <c r="D8458" t="s">
        <v>5275</v>
      </c>
      <c r="E8458" t="s">
        <v>5270</v>
      </c>
      <c r="F8458" t="s">
        <v>5271</v>
      </c>
      <c r="G8458" t="s">
        <v>80</v>
      </c>
      <c r="H8458" t="s">
        <v>81</v>
      </c>
      <c r="I8458" s="2">
        <v>1</v>
      </c>
      <c r="J8458" s="2">
        <v>0</v>
      </c>
      <c r="K8458" s="2">
        <v>0</v>
      </c>
      <c r="L8458" t="s">
        <v>120</v>
      </c>
      <c r="M8458" t="s">
        <v>83</v>
      </c>
      <c r="N8458" t="s">
        <v>84</v>
      </c>
      <c r="O8458" t="s">
        <v>85</v>
      </c>
      <c r="P8458" t="s">
        <v>86</v>
      </c>
      <c r="Q8458">
        <v>13</v>
      </c>
      <c r="R8458">
        <v>13</v>
      </c>
      <c r="S8458">
        <v>13</v>
      </c>
      <c r="T8458">
        <v>13</v>
      </c>
      <c r="U8458">
        <v>14</v>
      </c>
      <c r="V8458">
        <v>14</v>
      </c>
      <c r="W8458">
        <v>14</v>
      </c>
      <c r="X8458">
        <v>14</v>
      </c>
      <c r="Y8458">
        <v>14</v>
      </c>
      <c r="Z8458">
        <v>15</v>
      </c>
      <c r="AA8458">
        <v>15</v>
      </c>
      <c r="AB8458">
        <v>15</v>
      </c>
      <c r="AC8458">
        <v>15</v>
      </c>
      <c r="AD8458">
        <v>15</v>
      </c>
      <c r="AE8458">
        <v>15</v>
      </c>
      <c r="AF8458">
        <v>16</v>
      </c>
      <c r="AG8458">
        <v>16</v>
      </c>
      <c r="AH8458">
        <v>16</v>
      </c>
      <c r="AI8458">
        <v>16</v>
      </c>
      <c r="AJ8458">
        <v>16</v>
      </c>
      <c r="AK8458">
        <v>16</v>
      </c>
      <c r="AL8458">
        <v>16</v>
      </c>
      <c r="AM8458">
        <v>16</v>
      </c>
      <c r="AN8458">
        <v>16</v>
      </c>
      <c r="AO8458">
        <v>16</v>
      </c>
      <c r="AP8458">
        <v>16</v>
      </c>
      <c r="AQ8458">
        <v>16</v>
      </c>
    </row>
    <row r="8459" spans="1:43">
      <c r="A8459" t="s">
        <v>5284</v>
      </c>
      <c r="B8459" t="s">
        <v>5285</v>
      </c>
      <c r="C8459" t="s">
        <v>5274</v>
      </c>
      <c r="D8459" t="s">
        <v>5275</v>
      </c>
      <c r="E8459" t="s">
        <v>5270</v>
      </c>
      <c r="F8459" t="s">
        <v>5271</v>
      </c>
      <c r="G8459" t="s">
        <v>80</v>
      </c>
      <c r="H8459" t="s">
        <v>81</v>
      </c>
      <c r="I8459" s="2">
        <v>1</v>
      </c>
      <c r="J8459" s="2">
        <v>0</v>
      </c>
      <c r="K8459" s="2">
        <v>0</v>
      </c>
      <c r="L8459" t="s">
        <v>120</v>
      </c>
      <c r="M8459" t="s">
        <v>87</v>
      </c>
      <c r="N8459" t="s">
        <v>88</v>
      </c>
      <c r="O8459" t="s">
        <v>85</v>
      </c>
      <c r="P8459" t="s">
        <v>86</v>
      </c>
      <c r="Q8459">
        <v>13</v>
      </c>
      <c r="R8459">
        <v>13</v>
      </c>
      <c r="S8459">
        <v>13</v>
      </c>
      <c r="T8459">
        <v>13</v>
      </c>
      <c r="U8459">
        <v>13</v>
      </c>
      <c r="V8459">
        <v>13</v>
      </c>
      <c r="W8459">
        <v>13</v>
      </c>
      <c r="X8459">
        <v>13</v>
      </c>
      <c r="Y8459">
        <v>13</v>
      </c>
      <c r="Z8459">
        <v>13</v>
      </c>
      <c r="AA8459">
        <v>13</v>
      </c>
      <c r="AB8459">
        <v>13</v>
      </c>
      <c r="AC8459">
        <v>14</v>
      </c>
      <c r="AD8459">
        <v>14</v>
      </c>
      <c r="AE8459">
        <v>14</v>
      </c>
      <c r="AF8459">
        <v>14</v>
      </c>
      <c r="AG8459">
        <v>14</v>
      </c>
      <c r="AH8459">
        <v>14</v>
      </c>
      <c r="AI8459">
        <v>14</v>
      </c>
      <c r="AJ8459">
        <v>14</v>
      </c>
      <c r="AK8459">
        <v>14</v>
      </c>
      <c r="AL8459">
        <v>14</v>
      </c>
      <c r="AM8459">
        <v>14</v>
      </c>
      <c r="AN8459">
        <v>14</v>
      </c>
      <c r="AO8459">
        <v>14</v>
      </c>
      <c r="AP8459">
        <v>14</v>
      </c>
      <c r="AQ8459">
        <v>14</v>
      </c>
    </row>
    <row r="8460" spans="1:43">
      <c r="A8460" t="s">
        <v>5284</v>
      </c>
      <c r="B8460" t="s">
        <v>5285</v>
      </c>
      <c r="C8460" t="s">
        <v>5274</v>
      </c>
      <c r="D8460" t="s">
        <v>5275</v>
      </c>
      <c r="E8460" t="s">
        <v>5270</v>
      </c>
      <c r="F8460" t="s">
        <v>5271</v>
      </c>
      <c r="G8460" t="s">
        <v>80</v>
      </c>
      <c r="H8460" t="s">
        <v>81</v>
      </c>
      <c r="I8460" s="2">
        <v>1</v>
      </c>
      <c r="J8460" s="2">
        <v>0</v>
      </c>
      <c r="K8460" s="2">
        <v>0</v>
      </c>
      <c r="L8460" t="s">
        <v>120</v>
      </c>
      <c r="M8460" t="s">
        <v>89</v>
      </c>
      <c r="N8460" t="s">
        <v>90</v>
      </c>
      <c r="O8460" t="s">
        <v>85</v>
      </c>
      <c r="P8460" t="s">
        <v>86</v>
      </c>
      <c r="Q8460">
        <v>13</v>
      </c>
      <c r="R8460">
        <v>13</v>
      </c>
      <c r="S8460">
        <v>14</v>
      </c>
      <c r="T8460">
        <v>14</v>
      </c>
      <c r="U8460">
        <v>14</v>
      </c>
      <c r="V8460">
        <v>14</v>
      </c>
      <c r="W8460">
        <v>15</v>
      </c>
      <c r="X8460">
        <v>15</v>
      </c>
      <c r="Y8460">
        <v>15</v>
      </c>
      <c r="Z8460">
        <v>15</v>
      </c>
      <c r="AA8460">
        <v>16</v>
      </c>
      <c r="AB8460">
        <v>16</v>
      </c>
      <c r="AC8460">
        <v>16</v>
      </c>
      <c r="AD8460">
        <v>16</v>
      </c>
      <c r="AE8460">
        <v>16</v>
      </c>
      <c r="AF8460">
        <v>16</v>
      </c>
      <c r="AG8460">
        <v>16</v>
      </c>
      <c r="AH8460">
        <v>17</v>
      </c>
      <c r="AI8460">
        <v>17</v>
      </c>
      <c r="AJ8460">
        <v>17</v>
      </c>
      <c r="AK8460">
        <v>17</v>
      </c>
      <c r="AL8460">
        <v>17</v>
      </c>
      <c r="AM8460">
        <v>17</v>
      </c>
      <c r="AN8460">
        <v>17</v>
      </c>
      <c r="AO8460">
        <v>17</v>
      </c>
      <c r="AP8460">
        <v>17</v>
      </c>
      <c r="AQ8460">
        <v>17</v>
      </c>
    </row>
    <row r="8461" spans="1:43">
      <c r="A8461" t="s">
        <v>5284</v>
      </c>
      <c r="B8461" t="s">
        <v>5285</v>
      </c>
      <c r="C8461" t="s">
        <v>5274</v>
      </c>
      <c r="D8461" t="s">
        <v>5275</v>
      </c>
      <c r="E8461" t="s">
        <v>5270</v>
      </c>
      <c r="F8461" t="s">
        <v>5271</v>
      </c>
      <c r="G8461" t="s">
        <v>80</v>
      </c>
      <c r="H8461" t="s">
        <v>81</v>
      </c>
      <c r="I8461" s="2">
        <v>1</v>
      </c>
      <c r="J8461" s="2">
        <v>0</v>
      </c>
      <c r="K8461" s="2">
        <v>0</v>
      </c>
      <c r="L8461" t="s">
        <v>120</v>
      </c>
      <c r="M8461" t="s">
        <v>83</v>
      </c>
      <c r="N8461" t="s">
        <v>91</v>
      </c>
      <c r="O8461" t="s">
        <v>85</v>
      </c>
      <c r="P8461" t="s">
        <v>86</v>
      </c>
      <c r="Q8461">
        <v>13</v>
      </c>
      <c r="R8461">
        <v>13</v>
      </c>
      <c r="S8461">
        <v>13</v>
      </c>
      <c r="T8461">
        <v>13</v>
      </c>
      <c r="U8461">
        <v>14</v>
      </c>
      <c r="V8461">
        <v>14</v>
      </c>
      <c r="W8461">
        <v>14</v>
      </c>
      <c r="X8461">
        <v>14</v>
      </c>
      <c r="Y8461">
        <v>14</v>
      </c>
      <c r="Z8461">
        <v>15</v>
      </c>
      <c r="AA8461">
        <v>15</v>
      </c>
      <c r="AB8461">
        <v>15</v>
      </c>
      <c r="AC8461">
        <v>15</v>
      </c>
      <c r="AD8461">
        <v>15</v>
      </c>
      <c r="AE8461">
        <v>15</v>
      </c>
      <c r="AF8461">
        <v>16</v>
      </c>
      <c r="AG8461">
        <v>16</v>
      </c>
      <c r="AH8461">
        <v>16</v>
      </c>
      <c r="AI8461">
        <v>16</v>
      </c>
      <c r="AJ8461">
        <v>16</v>
      </c>
      <c r="AK8461">
        <v>16</v>
      </c>
      <c r="AL8461">
        <v>16</v>
      </c>
      <c r="AM8461">
        <v>16</v>
      </c>
      <c r="AN8461">
        <v>16</v>
      </c>
      <c r="AO8461">
        <v>16</v>
      </c>
      <c r="AP8461">
        <v>16</v>
      </c>
      <c r="AQ8461">
        <v>16</v>
      </c>
    </row>
    <row r="8462" spans="1:43">
      <c r="A8462" t="s">
        <v>5286</v>
      </c>
      <c r="B8462" t="s">
        <v>5287</v>
      </c>
      <c r="C8462" t="s">
        <v>5274</v>
      </c>
      <c r="D8462" t="s">
        <v>5275</v>
      </c>
      <c r="E8462" t="s">
        <v>5270</v>
      </c>
      <c r="F8462" t="s">
        <v>5271</v>
      </c>
      <c r="G8462" t="s">
        <v>80</v>
      </c>
      <c r="H8462" t="s">
        <v>81</v>
      </c>
      <c r="I8462" s="2">
        <v>1</v>
      </c>
      <c r="J8462" s="2">
        <v>0</v>
      </c>
      <c r="K8462" s="2">
        <v>0</v>
      </c>
      <c r="L8462" t="s">
        <v>120</v>
      </c>
      <c r="M8462" t="s">
        <v>83</v>
      </c>
      <c r="N8462" t="s">
        <v>84</v>
      </c>
      <c r="O8462" t="s">
        <v>85</v>
      </c>
      <c r="P8462" t="s">
        <v>86</v>
      </c>
      <c r="Q8462">
        <v>21</v>
      </c>
      <c r="R8462">
        <v>22</v>
      </c>
      <c r="S8462">
        <v>22</v>
      </c>
      <c r="T8462">
        <v>22</v>
      </c>
      <c r="U8462">
        <v>23</v>
      </c>
      <c r="V8462">
        <v>23</v>
      </c>
      <c r="W8462">
        <v>23</v>
      </c>
      <c r="X8462">
        <v>24</v>
      </c>
      <c r="Y8462">
        <v>24</v>
      </c>
      <c r="Z8462">
        <v>24</v>
      </c>
      <c r="AA8462">
        <v>24</v>
      </c>
      <c r="AB8462">
        <v>25</v>
      </c>
      <c r="AC8462">
        <v>25</v>
      </c>
      <c r="AD8462">
        <v>25</v>
      </c>
      <c r="AE8462">
        <v>26</v>
      </c>
      <c r="AF8462">
        <v>26</v>
      </c>
      <c r="AG8462">
        <v>26</v>
      </c>
      <c r="AH8462">
        <v>26</v>
      </c>
      <c r="AI8462">
        <v>27</v>
      </c>
      <c r="AJ8462">
        <v>27</v>
      </c>
      <c r="AK8462">
        <v>27</v>
      </c>
      <c r="AL8462">
        <v>27</v>
      </c>
      <c r="AM8462">
        <v>27</v>
      </c>
      <c r="AN8462">
        <v>27</v>
      </c>
      <c r="AO8462">
        <v>27</v>
      </c>
      <c r="AP8462">
        <v>27</v>
      </c>
      <c r="AQ8462">
        <v>27</v>
      </c>
    </row>
    <row r="8463" spans="1:43">
      <c r="A8463" t="s">
        <v>5286</v>
      </c>
      <c r="B8463" t="s">
        <v>5287</v>
      </c>
      <c r="C8463" t="s">
        <v>5274</v>
      </c>
      <c r="D8463" t="s">
        <v>5275</v>
      </c>
      <c r="E8463" t="s">
        <v>5270</v>
      </c>
      <c r="F8463" t="s">
        <v>5271</v>
      </c>
      <c r="G8463" t="s">
        <v>80</v>
      </c>
      <c r="H8463" t="s">
        <v>81</v>
      </c>
      <c r="I8463" s="2">
        <v>1</v>
      </c>
      <c r="J8463" s="2">
        <v>0</v>
      </c>
      <c r="K8463" s="2">
        <v>0</v>
      </c>
      <c r="L8463" t="s">
        <v>120</v>
      </c>
      <c r="M8463" t="s">
        <v>87</v>
      </c>
      <c r="N8463" t="s">
        <v>88</v>
      </c>
      <c r="O8463" t="s">
        <v>85</v>
      </c>
      <c r="P8463" t="s">
        <v>86</v>
      </c>
      <c r="Q8463">
        <v>21</v>
      </c>
      <c r="R8463">
        <v>21</v>
      </c>
      <c r="S8463">
        <v>21</v>
      </c>
      <c r="T8463">
        <v>22</v>
      </c>
      <c r="U8463">
        <v>22</v>
      </c>
      <c r="V8463">
        <v>22</v>
      </c>
      <c r="W8463">
        <v>22</v>
      </c>
      <c r="X8463">
        <v>22</v>
      </c>
      <c r="Y8463">
        <v>22</v>
      </c>
      <c r="Z8463">
        <v>22</v>
      </c>
      <c r="AA8463">
        <v>22</v>
      </c>
      <c r="AB8463">
        <v>22</v>
      </c>
      <c r="AC8463">
        <v>22</v>
      </c>
      <c r="AD8463">
        <v>23</v>
      </c>
      <c r="AE8463">
        <v>23</v>
      </c>
      <c r="AF8463">
        <v>23</v>
      </c>
      <c r="AG8463">
        <v>23</v>
      </c>
      <c r="AH8463">
        <v>23</v>
      </c>
      <c r="AI8463">
        <v>23</v>
      </c>
      <c r="AJ8463">
        <v>23</v>
      </c>
      <c r="AK8463">
        <v>23</v>
      </c>
      <c r="AL8463">
        <v>23</v>
      </c>
      <c r="AM8463">
        <v>23</v>
      </c>
      <c r="AN8463">
        <v>23</v>
      </c>
      <c r="AO8463">
        <v>24</v>
      </c>
      <c r="AP8463">
        <v>24</v>
      </c>
      <c r="AQ8463">
        <v>24</v>
      </c>
    </row>
    <row r="8464" spans="1:43">
      <c r="A8464" t="s">
        <v>5286</v>
      </c>
      <c r="B8464" t="s">
        <v>5287</v>
      </c>
      <c r="C8464" t="s">
        <v>5274</v>
      </c>
      <c r="D8464" t="s">
        <v>5275</v>
      </c>
      <c r="E8464" t="s">
        <v>5270</v>
      </c>
      <c r="F8464" t="s">
        <v>5271</v>
      </c>
      <c r="G8464" t="s">
        <v>80</v>
      </c>
      <c r="H8464" t="s">
        <v>81</v>
      </c>
      <c r="I8464" s="2">
        <v>1</v>
      </c>
      <c r="J8464" s="2">
        <v>0</v>
      </c>
      <c r="K8464" s="2">
        <v>0</v>
      </c>
      <c r="L8464" t="s">
        <v>120</v>
      </c>
      <c r="M8464" t="s">
        <v>89</v>
      </c>
      <c r="N8464" t="s">
        <v>90</v>
      </c>
      <c r="O8464" t="s">
        <v>85</v>
      </c>
      <c r="P8464" t="s">
        <v>86</v>
      </c>
      <c r="Q8464">
        <v>21</v>
      </c>
      <c r="R8464">
        <v>21</v>
      </c>
      <c r="S8464">
        <v>22</v>
      </c>
      <c r="T8464">
        <v>22</v>
      </c>
      <c r="U8464">
        <v>23</v>
      </c>
      <c r="V8464">
        <v>23</v>
      </c>
      <c r="W8464">
        <v>23</v>
      </c>
      <c r="X8464">
        <v>24</v>
      </c>
      <c r="Y8464">
        <v>24</v>
      </c>
      <c r="Z8464">
        <v>25</v>
      </c>
      <c r="AA8464">
        <v>25</v>
      </c>
      <c r="AB8464">
        <v>25</v>
      </c>
      <c r="AC8464">
        <v>26</v>
      </c>
      <c r="AD8464">
        <v>26</v>
      </c>
      <c r="AE8464">
        <v>26</v>
      </c>
      <c r="AF8464">
        <v>26</v>
      </c>
      <c r="AG8464">
        <v>26</v>
      </c>
      <c r="AH8464">
        <v>26</v>
      </c>
      <c r="AI8464">
        <v>26</v>
      </c>
      <c r="AJ8464">
        <v>26</v>
      </c>
      <c r="AK8464">
        <v>27</v>
      </c>
      <c r="AL8464">
        <v>27</v>
      </c>
      <c r="AM8464">
        <v>27</v>
      </c>
      <c r="AN8464">
        <v>27</v>
      </c>
      <c r="AO8464">
        <v>27</v>
      </c>
      <c r="AP8464">
        <v>27</v>
      </c>
      <c r="AQ8464">
        <v>27</v>
      </c>
    </row>
    <row r="8465" spans="1:43">
      <c r="A8465" t="s">
        <v>5286</v>
      </c>
      <c r="B8465" t="s">
        <v>5287</v>
      </c>
      <c r="C8465" t="s">
        <v>5274</v>
      </c>
      <c r="D8465" t="s">
        <v>5275</v>
      </c>
      <c r="E8465" t="s">
        <v>5270</v>
      </c>
      <c r="F8465" t="s">
        <v>5271</v>
      </c>
      <c r="G8465" t="s">
        <v>80</v>
      </c>
      <c r="H8465" t="s">
        <v>81</v>
      </c>
      <c r="I8465" s="2">
        <v>1</v>
      </c>
      <c r="J8465" s="2">
        <v>0</v>
      </c>
      <c r="K8465" s="2">
        <v>0</v>
      </c>
      <c r="L8465" t="s">
        <v>120</v>
      </c>
      <c r="M8465" t="s">
        <v>83</v>
      </c>
      <c r="N8465" t="s">
        <v>91</v>
      </c>
      <c r="O8465" t="s">
        <v>85</v>
      </c>
      <c r="P8465" t="s">
        <v>86</v>
      </c>
      <c r="Q8465">
        <v>21</v>
      </c>
      <c r="R8465">
        <v>22</v>
      </c>
      <c r="S8465">
        <v>22</v>
      </c>
      <c r="T8465">
        <v>22</v>
      </c>
      <c r="U8465">
        <v>23</v>
      </c>
      <c r="V8465">
        <v>23</v>
      </c>
      <c r="W8465">
        <v>23</v>
      </c>
      <c r="X8465">
        <v>24</v>
      </c>
      <c r="Y8465">
        <v>24</v>
      </c>
      <c r="Z8465">
        <v>24</v>
      </c>
      <c r="AA8465">
        <v>24</v>
      </c>
      <c r="AB8465">
        <v>25</v>
      </c>
      <c r="AC8465">
        <v>25</v>
      </c>
      <c r="AD8465">
        <v>25</v>
      </c>
      <c r="AE8465">
        <v>26</v>
      </c>
      <c r="AF8465">
        <v>26</v>
      </c>
      <c r="AG8465">
        <v>26</v>
      </c>
      <c r="AH8465">
        <v>26</v>
      </c>
      <c r="AI8465">
        <v>27</v>
      </c>
      <c r="AJ8465">
        <v>27</v>
      </c>
      <c r="AK8465">
        <v>27</v>
      </c>
      <c r="AL8465">
        <v>27</v>
      </c>
      <c r="AM8465">
        <v>27</v>
      </c>
      <c r="AN8465">
        <v>27</v>
      </c>
      <c r="AO8465">
        <v>27</v>
      </c>
      <c r="AP8465">
        <v>27</v>
      </c>
      <c r="AQ8465">
        <v>27</v>
      </c>
    </row>
    <row r="8466" spans="1:43">
      <c r="A8466" t="s">
        <v>5288</v>
      </c>
      <c r="B8466" t="s">
        <v>5289</v>
      </c>
      <c r="C8466" t="s">
        <v>5290</v>
      </c>
      <c r="D8466" t="s">
        <v>5291</v>
      </c>
      <c r="E8466" t="s">
        <v>5270</v>
      </c>
      <c r="F8466" t="s">
        <v>5271</v>
      </c>
      <c r="G8466" t="s">
        <v>80</v>
      </c>
      <c r="H8466" t="s">
        <v>81</v>
      </c>
      <c r="I8466" s="2">
        <v>1</v>
      </c>
      <c r="J8466" s="2">
        <v>0</v>
      </c>
      <c r="K8466" s="2">
        <v>0</v>
      </c>
      <c r="L8466" t="s">
        <v>120</v>
      </c>
      <c r="M8466" t="s">
        <v>83</v>
      </c>
      <c r="N8466" t="s">
        <v>84</v>
      </c>
      <c r="O8466" t="s">
        <v>85</v>
      </c>
      <c r="P8466" t="s">
        <v>86</v>
      </c>
      <c r="Q8466">
        <v>7</v>
      </c>
      <c r="R8466">
        <v>7</v>
      </c>
      <c r="S8466">
        <v>7</v>
      </c>
      <c r="T8466">
        <v>7</v>
      </c>
      <c r="U8466">
        <v>7</v>
      </c>
      <c r="V8466">
        <v>8</v>
      </c>
      <c r="W8466">
        <v>8</v>
      </c>
      <c r="X8466">
        <v>8</v>
      </c>
      <c r="Y8466">
        <v>8</v>
      </c>
      <c r="Z8466">
        <v>8</v>
      </c>
      <c r="AA8466">
        <v>8</v>
      </c>
      <c r="AB8466">
        <v>8</v>
      </c>
      <c r="AC8466">
        <v>8</v>
      </c>
      <c r="AD8466">
        <v>8</v>
      </c>
      <c r="AE8466">
        <v>8</v>
      </c>
      <c r="AF8466">
        <v>8</v>
      </c>
      <c r="AG8466">
        <v>9</v>
      </c>
      <c r="AH8466">
        <v>9</v>
      </c>
      <c r="AI8466">
        <v>9</v>
      </c>
      <c r="AJ8466">
        <v>9</v>
      </c>
      <c r="AK8466">
        <v>9</v>
      </c>
      <c r="AL8466">
        <v>9</v>
      </c>
      <c r="AM8466">
        <v>9</v>
      </c>
      <c r="AN8466">
        <v>9</v>
      </c>
      <c r="AO8466">
        <v>9</v>
      </c>
      <c r="AP8466">
        <v>9</v>
      </c>
      <c r="AQ8466">
        <v>9</v>
      </c>
    </row>
    <row r="8467" spans="1:43">
      <c r="A8467" t="s">
        <v>5288</v>
      </c>
      <c r="B8467" t="s">
        <v>5289</v>
      </c>
      <c r="C8467" t="s">
        <v>5290</v>
      </c>
      <c r="D8467" t="s">
        <v>5291</v>
      </c>
      <c r="E8467" t="s">
        <v>5270</v>
      </c>
      <c r="F8467" t="s">
        <v>5271</v>
      </c>
      <c r="G8467" t="s">
        <v>80</v>
      </c>
      <c r="H8467" t="s">
        <v>81</v>
      </c>
      <c r="I8467" s="2">
        <v>1</v>
      </c>
      <c r="J8467" s="2">
        <v>0</v>
      </c>
      <c r="K8467" s="2">
        <v>0</v>
      </c>
      <c r="L8467" t="s">
        <v>120</v>
      </c>
      <c r="M8467" t="s">
        <v>87</v>
      </c>
      <c r="N8467" t="s">
        <v>88</v>
      </c>
      <c r="O8467" t="s">
        <v>85</v>
      </c>
      <c r="P8467" t="s">
        <v>86</v>
      </c>
      <c r="Q8467">
        <v>7</v>
      </c>
      <c r="R8467">
        <v>7</v>
      </c>
      <c r="S8467">
        <v>7</v>
      </c>
      <c r="T8467">
        <v>7</v>
      </c>
      <c r="U8467">
        <v>7</v>
      </c>
      <c r="V8467">
        <v>7</v>
      </c>
      <c r="W8467">
        <v>7</v>
      </c>
      <c r="X8467">
        <v>7</v>
      </c>
      <c r="Y8467">
        <v>7</v>
      </c>
      <c r="Z8467">
        <v>7</v>
      </c>
      <c r="AA8467">
        <v>7</v>
      </c>
      <c r="AB8467">
        <v>7</v>
      </c>
      <c r="AC8467">
        <v>7</v>
      </c>
      <c r="AD8467">
        <v>7</v>
      </c>
      <c r="AE8467">
        <v>7</v>
      </c>
      <c r="AF8467">
        <v>7</v>
      </c>
      <c r="AG8467">
        <v>8</v>
      </c>
      <c r="AH8467">
        <v>8</v>
      </c>
      <c r="AI8467">
        <v>8</v>
      </c>
      <c r="AJ8467">
        <v>8</v>
      </c>
      <c r="AK8467">
        <v>8</v>
      </c>
      <c r="AL8467">
        <v>8</v>
      </c>
      <c r="AM8467">
        <v>8</v>
      </c>
      <c r="AN8467">
        <v>8</v>
      </c>
      <c r="AO8467">
        <v>8</v>
      </c>
      <c r="AP8467">
        <v>8</v>
      </c>
      <c r="AQ8467">
        <v>8</v>
      </c>
    </row>
    <row r="8468" spans="1:43">
      <c r="A8468" t="s">
        <v>5288</v>
      </c>
      <c r="B8468" t="s">
        <v>5289</v>
      </c>
      <c r="C8468" t="s">
        <v>5290</v>
      </c>
      <c r="D8468" t="s">
        <v>5291</v>
      </c>
      <c r="E8468" t="s">
        <v>5270</v>
      </c>
      <c r="F8468" t="s">
        <v>5271</v>
      </c>
      <c r="G8468" t="s">
        <v>80</v>
      </c>
      <c r="H8468" t="s">
        <v>81</v>
      </c>
      <c r="I8468" s="2">
        <v>1</v>
      </c>
      <c r="J8468" s="2">
        <v>0</v>
      </c>
      <c r="K8468" s="2">
        <v>0</v>
      </c>
      <c r="L8468" t="s">
        <v>120</v>
      </c>
      <c r="M8468" t="s">
        <v>89</v>
      </c>
      <c r="N8468" t="s">
        <v>90</v>
      </c>
      <c r="O8468" t="s">
        <v>85</v>
      </c>
      <c r="P8468" t="s">
        <v>86</v>
      </c>
      <c r="Q8468">
        <v>7</v>
      </c>
      <c r="R8468">
        <v>7</v>
      </c>
      <c r="S8468">
        <v>7</v>
      </c>
      <c r="T8468">
        <v>8</v>
      </c>
      <c r="U8468">
        <v>8</v>
      </c>
      <c r="V8468">
        <v>8</v>
      </c>
      <c r="W8468">
        <v>8</v>
      </c>
      <c r="X8468">
        <v>8</v>
      </c>
      <c r="Y8468">
        <v>8</v>
      </c>
      <c r="Z8468">
        <v>8</v>
      </c>
      <c r="AA8468">
        <v>9</v>
      </c>
      <c r="AB8468">
        <v>9</v>
      </c>
      <c r="AC8468">
        <v>9</v>
      </c>
      <c r="AD8468">
        <v>9</v>
      </c>
      <c r="AE8468">
        <v>9</v>
      </c>
      <c r="AF8468">
        <v>9</v>
      </c>
      <c r="AG8468">
        <v>9</v>
      </c>
      <c r="AH8468">
        <v>9</v>
      </c>
      <c r="AI8468">
        <v>9</v>
      </c>
      <c r="AJ8468">
        <v>9</v>
      </c>
      <c r="AK8468">
        <v>9</v>
      </c>
      <c r="AL8468">
        <v>9</v>
      </c>
      <c r="AM8468">
        <v>9</v>
      </c>
      <c r="AN8468">
        <v>9</v>
      </c>
      <c r="AO8468">
        <v>9</v>
      </c>
      <c r="AP8468">
        <v>9</v>
      </c>
      <c r="AQ8468">
        <v>9</v>
      </c>
    </row>
    <row r="8469" spans="1:43">
      <c r="A8469" t="s">
        <v>5288</v>
      </c>
      <c r="B8469" t="s">
        <v>5289</v>
      </c>
      <c r="C8469" t="s">
        <v>5290</v>
      </c>
      <c r="D8469" t="s">
        <v>5291</v>
      </c>
      <c r="E8469" t="s">
        <v>5270</v>
      </c>
      <c r="F8469" t="s">
        <v>5271</v>
      </c>
      <c r="G8469" t="s">
        <v>80</v>
      </c>
      <c r="H8469" t="s">
        <v>81</v>
      </c>
      <c r="I8469" s="2">
        <v>1</v>
      </c>
      <c r="J8469" s="2">
        <v>0</v>
      </c>
      <c r="K8469" s="2">
        <v>0</v>
      </c>
      <c r="L8469" t="s">
        <v>120</v>
      </c>
      <c r="M8469" t="s">
        <v>83</v>
      </c>
      <c r="N8469" t="s">
        <v>91</v>
      </c>
      <c r="O8469" t="s">
        <v>85</v>
      </c>
      <c r="P8469" t="s">
        <v>86</v>
      </c>
      <c r="Q8469">
        <v>7</v>
      </c>
      <c r="R8469">
        <v>7</v>
      </c>
      <c r="S8469">
        <v>7</v>
      </c>
      <c r="T8469">
        <v>7</v>
      </c>
      <c r="U8469">
        <v>7</v>
      </c>
      <c r="V8469">
        <v>8</v>
      </c>
      <c r="W8469">
        <v>8</v>
      </c>
      <c r="X8469">
        <v>8</v>
      </c>
      <c r="Y8469">
        <v>8</v>
      </c>
      <c r="Z8469">
        <v>8</v>
      </c>
      <c r="AA8469">
        <v>8</v>
      </c>
      <c r="AB8469">
        <v>8</v>
      </c>
      <c r="AC8469">
        <v>8</v>
      </c>
      <c r="AD8469">
        <v>8</v>
      </c>
      <c r="AE8469">
        <v>8</v>
      </c>
      <c r="AF8469">
        <v>8</v>
      </c>
      <c r="AG8469">
        <v>9</v>
      </c>
      <c r="AH8469">
        <v>9</v>
      </c>
      <c r="AI8469">
        <v>9</v>
      </c>
      <c r="AJ8469">
        <v>9</v>
      </c>
      <c r="AK8469">
        <v>9</v>
      </c>
      <c r="AL8469">
        <v>9</v>
      </c>
      <c r="AM8469">
        <v>9</v>
      </c>
      <c r="AN8469">
        <v>9</v>
      </c>
      <c r="AO8469">
        <v>9</v>
      </c>
      <c r="AP8469">
        <v>9</v>
      </c>
      <c r="AQ8469">
        <v>9</v>
      </c>
    </row>
    <row r="8470" spans="1:43">
      <c r="A8470" t="s">
        <v>5292</v>
      </c>
      <c r="B8470" t="s">
        <v>5293</v>
      </c>
      <c r="C8470" t="s">
        <v>5280</v>
      </c>
      <c r="D8470" t="s">
        <v>5281</v>
      </c>
      <c r="E8470" t="s">
        <v>5270</v>
      </c>
      <c r="F8470" t="s">
        <v>5271</v>
      </c>
      <c r="G8470" t="s">
        <v>80</v>
      </c>
      <c r="H8470" t="s">
        <v>81</v>
      </c>
      <c r="I8470" s="2">
        <v>1</v>
      </c>
      <c r="J8470" s="2">
        <v>0</v>
      </c>
      <c r="K8470" s="2">
        <v>0</v>
      </c>
      <c r="L8470" t="s">
        <v>120</v>
      </c>
      <c r="M8470" t="s">
        <v>83</v>
      </c>
      <c r="N8470" t="s">
        <v>84</v>
      </c>
      <c r="O8470" t="s">
        <v>85</v>
      </c>
      <c r="P8470" t="s">
        <v>86</v>
      </c>
      <c r="Q8470">
        <v>6</v>
      </c>
      <c r="R8470">
        <v>6</v>
      </c>
      <c r="S8470">
        <v>6</v>
      </c>
      <c r="T8470">
        <v>6</v>
      </c>
      <c r="U8470">
        <v>6</v>
      </c>
      <c r="V8470">
        <v>6</v>
      </c>
      <c r="W8470">
        <v>6</v>
      </c>
      <c r="X8470">
        <v>7</v>
      </c>
      <c r="Y8470">
        <v>7</v>
      </c>
      <c r="Z8470">
        <v>7</v>
      </c>
      <c r="AA8470">
        <v>7</v>
      </c>
      <c r="AB8470">
        <v>7</v>
      </c>
      <c r="AC8470">
        <v>7</v>
      </c>
      <c r="AD8470">
        <v>7</v>
      </c>
      <c r="AE8470">
        <v>7</v>
      </c>
      <c r="AF8470">
        <v>7</v>
      </c>
      <c r="AG8470">
        <v>7</v>
      </c>
      <c r="AH8470">
        <v>7</v>
      </c>
      <c r="AI8470">
        <v>7</v>
      </c>
      <c r="AJ8470">
        <v>7</v>
      </c>
      <c r="AK8470">
        <v>8</v>
      </c>
      <c r="AL8470">
        <v>8</v>
      </c>
      <c r="AM8470">
        <v>8</v>
      </c>
      <c r="AN8470">
        <v>8</v>
      </c>
      <c r="AO8470">
        <v>8</v>
      </c>
      <c r="AP8470">
        <v>8</v>
      </c>
      <c r="AQ8470">
        <v>8</v>
      </c>
    </row>
    <row r="8471" spans="1:43">
      <c r="A8471" t="s">
        <v>5292</v>
      </c>
      <c r="B8471" t="s">
        <v>5293</v>
      </c>
      <c r="C8471" t="s">
        <v>5280</v>
      </c>
      <c r="D8471" t="s">
        <v>5281</v>
      </c>
      <c r="E8471" t="s">
        <v>5270</v>
      </c>
      <c r="F8471" t="s">
        <v>5271</v>
      </c>
      <c r="G8471" t="s">
        <v>80</v>
      </c>
      <c r="H8471" t="s">
        <v>81</v>
      </c>
      <c r="I8471" s="2">
        <v>1</v>
      </c>
      <c r="J8471" s="2">
        <v>0</v>
      </c>
      <c r="K8471" s="2">
        <v>0</v>
      </c>
      <c r="L8471" t="s">
        <v>120</v>
      </c>
      <c r="M8471" t="s">
        <v>87</v>
      </c>
      <c r="N8471" t="s">
        <v>88</v>
      </c>
      <c r="O8471" t="s">
        <v>85</v>
      </c>
      <c r="P8471" t="s">
        <v>86</v>
      </c>
      <c r="Q8471">
        <v>6</v>
      </c>
      <c r="R8471">
        <v>6</v>
      </c>
      <c r="S8471">
        <v>6</v>
      </c>
      <c r="T8471">
        <v>6</v>
      </c>
      <c r="U8471">
        <v>6</v>
      </c>
      <c r="V8471">
        <v>6</v>
      </c>
      <c r="W8471">
        <v>6</v>
      </c>
      <c r="X8471">
        <v>6</v>
      </c>
      <c r="Y8471">
        <v>6</v>
      </c>
      <c r="Z8471">
        <v>6</v>
      </c>
      <c r="AA8471">
        <v>6</v>
      </c>
      <c r="AB8471">
        <v>6</v>
      </c>
      <c r="AC8471">
        <v>6</v>
      </c>
      <c r="AD8471">
        <v>6</v>
      </c>
      <c r="AE8471">
        <v>6</v>
      </c>
      <c r="AF8471">
        <v>6</v>
      </c>
      <c r="AG8471">
        <v>6</v>
      </c>
      <c r="AH8471">
        <v>6</v>
      </c>
      <c r="AI8471">
        <v>6</v>
      </c>
      <c r="AJ8471">
        <v>6</v>
      </c>
      <c r="AK8471">
        <v>6</v>
      </c>
      <c r="AL8471">
        <v>6</v>
      </c>
      <c r="AM8471">
        <v>7</v>
      </c>
      <c r="AN8471">
        <v>7</v>
      </c>
      <c r="AO8471">
        <v>7</v>
      </c>
      <c r="AP8471">
        <v>7</v>
      </c>
      <c r="AQ8471">
        <v>7</v>
      </c>
    </row>
    <row r="8472" spans="1:43">
      <c r="A8472" t="s">
        <v>5292</v>
      </c>
      <c r="B8472" t="s">
        <v>5293</v>
      </c>
      <c r="C8472" t="s">
        <v>5280</v>
      </c>
      <c r="D8472" t="s">
        <v>5281</v>
      </c>
      <c r="E8472" t="s">
        <v>5270</v>
      </c>
      <c r="F8472" t="s">
        <v>5271</v>
      </c>
      <c r="G8472" t="s">
        <v>80</v>
      </c>
      <c r="H8472" t="s">
        <v>81</v>
      </c>
      <c r="I8472" s="2">
        <v>1</v>
      </c>
      <c r="J8472" s="2">
        <v>0</v>
      </c>
      <c r="K8472" s="2">
        <v>0</v>
      </c>
      <c r="L8472" t="s">
        <v>120</v>
      </c>
      <c r="M8472" t="s">
        <v>89</v>
      </c>
      <c r="N8472" t="s">
        <v>90</v>
      </c>
      <c r="O8472" t="s">
        <v>85</v>
      </c>
      <c r="P8472" t="s">
        <v>86</v>
      </c>
      <c r="Q8472">
        <v>6</v>
      </c>
      <c r="R8472">
        <v>6</v>
      </c>
      <c r="S8472">
        <v>6</v>
      </c>
      <c r="T8472">
        <v>6</v>
      </c>
      <c r="U8472">
        <v>7</v>
      </c>
      <c r="V8472">
        <v>7</v>
      </c>
      <c r="W8472">
        <v>7</v>
      </c>
      <c r="X8472">
        <v>7</v>
      </c>
      <c r="Y8472">
        <v>7</v>
      </c>
      <c r="Z8472">
        <v>7</v>
      </c>
      <c r="AA8472">
        <v>7</v>
      </c>
      <c r="AB8472">
        <v>7</v>
      </c>
      <c r="AC8472">
        <v>7</v>
      </c>
      <c r="AD8472">
        <v>8</v>
      </c>
      <c r="AE8472">
        <v>8</v>
      </c>
      <c r="AF8472">
        <v>8</v>
      </c>
      <c r="AG8472">
        <v>8</v>
      </c>
      <c r="AH8472">
        <v>8</v>
      </c>
      <c r="AI8472">
        <v>8</v>
      </c>
      <c r="AJ8472">
        <v>8</v>
      </c>
      <c r="AK8472">
        <v>8</v>
      </c>
      <c r="AL8472">
        <v>8</v>
      </c>
      <c r="AM8472">
        <v>8</v>
      </c>
      <c r="AN8472">
        <v>8</v>
      </c>
      <c r="AO8472">
        <v>8</v>
      </c>
      <c r="AP8472">
        <v>8</v>
      </c>
      <c r="AQ8472">
        <v>8</v>
      </c>
    </row>
    <row r="8473" spans="1:43">
      <c r="A8473" t="s">
        <v>5292</v>
      </c>
      <c r="B8473" t="s">
        <v>5293</v>
      </c>
      <c r="C8473" t="s">
        <v>5280</v>
      </c>
      <c r="D8473" t="s">
        <v>5281</v>
      </c>
      <c r="E8473" t="s">
        <v>5270</v>
      </c>
      <c r="F8473" t="s">
        <v>5271</v>
      </c>
      <c r="G8473" t="s">
        <v>80</v>
      </c>
      <c r="H8473" t="s">
        <v>81</v>
      </c>
      <c r="I8473" s="2">
        <v>1</v>
      </c>
      <c r="J8473" s="2">
        <v>0</v>
      </c>
      <c r="K8473" s="2">
        <v>0</v>
      </c>
      <c r="L8473" t="s">
        <v>120</v>
      </c>
      <c r="M8473" t="s">
        <v>83</v>
      </c>
      <c r="N8473" t="s">
        <v>91</v>
      </c>
      <c r="O8473" t="s">
        <v>85</v>
      </c>
      <c r="P8473" t="s">
        <v>86</v>
      </c>
      <c r="Q8473">
        <v>6</v>
      </c>
      <c r="R8473">
        <v>6</v>
      </c>
      <c r="S8473">
        <v>6</v>
      </c>
      <c r="T8473">
        <v>6</v>
      </c>
      <c r="U8473">
        <v>6</v>
      </c>
      <c r="V8473">
        <v>6</v>
      </c>
      <c r="W8473">
        <v>6</v>
      </c>
      <c r="X8473">
        <v>7</v>
      </c>
      <c r="Y8473">
        <v>7</v>
      </c>
      <c r="Z8473">
        <v>7</v>
      </c>
      <c r="AA8473">
        <v>7</v>
      </c>
      <c r="AB8473">
        <v>7</v>
      </c>
      <c r="AC8473">
        <v>7</v>
      </c>
      <c r="AD8473">
        <v>7</v>
      </c>
      <c r="AE8473">
        <v>7</v>
      </c>
      <c r="AF8473">
        <v>7</v>
      </c>
      <c r="AG8473">
        <v>7</v>
      </c>
      <c r="AH8473">
        <v>7</v>
      </c>
      <c r="AI8473">
        <v>7</v>
      </c>
      <c r="AJ8473">
        <v>7</v>
      </c>
      <c r="AK8473">
        <v>8</v>
      </c>
      <c r="AL8473">
        <v>8</v>
      </c>
      <c r="AM8473">
        <v>8</v>
      </c>
      <c r="AN8473">
        <v>8</v>
      </c>
      <c r="AO8473">
        <v>8</v>
      </c>
      <c r="AP8473">
        <v>8</v>
      </c>
      <c r="AQ8473">
        <v>8</v>
      </c>
    </row>
    <row r="8474" spans="1:43">
      <c r="A8474" t="s">
        <v>5294</v>
      </c>
      <c r="B8474" t="s">
        <v>5295</v>
      </c>
      <c r="C8474" t="s">
        <v>5280</v>
      </c>
      <c r="D8474" t="s">
        <v>5281</v>
      </c>
      <c r="E8474" t="s">
        <v>5270</v>
      </c>
      <c r="F8474" t="s">
        <v>5271</v>
      </c>
      <c r="G8474" t="s">
        <v>80</v>
      </c>
      <c r="H8474" t="s">
        <v>81</v>
      </c>
      <c r="I8474" s="2">
        <v>1</v>
      </c>
      <c r="J8474" s="2">
        <v>0</v>
      </c>
      <c r="K8474" s="2">
        <v>0</v>
      </c>
      <c r="L8474" t="s">
        <v>120</v>
      </c>
      <c r="M8474" t="s">
        <v>83</v>
      </c>
      <c r="N8474" t="s">
        <v>84</v>
      </c>
      <c r="O8474" t="s">
        <v>85</v>
      </c>
      <c r="P8474" t="s">
        <v>86</v>
      </c>
      <c r="Q8474">
        <v>70</v>
      </c>
      <c r="R8474">
        <v>71</v>
      </c>
      <c r="S8474">
        <v>72</v>
      </c>
      <c r="T8474">
        <v>73</v>
      </c>
      <c r="U8474">
        <v>74</v>
      </c>
      <c r="V8474">
        <v>75</v>
      </c>
      <c r="W8474">
        <v>76</v>
      </c>
      <c r="X8474">
        <v>77</v>
      </c>
      <c r="Y8474">
        <v>78</v>
      </c>
      <c r="Z8474">
        <v>79</v>
      </c>
      <c r="AA8474">
        <v>80</v>
      </c>
      <c r="AB8474">
        <v>81</v>
      </c>
      <c r="AC8474">
        <v>82</v>
      </c>
      <c r="AD8474">
        <v>83</v>
      </c>
      <c r="AE8474">
        <v>84</v>
      </c>
      <c r="AF8474">
        <v>84</v>
      </c>
      <c r="AG8474">
        <v>85</v>
      </c>
      <c r="AH8474">
        <v>86</v>
      </c>
      <c r="AI8474">
        <v>87</v>
      </c>
      <c r="AJ8474">
        <v>88</v>
      </c>
      <c r="AK8474">
        <v>89</v>
      </c>
      <c r="AL8474">
        <v>89</v>
      </c>
      <c r="AM8474">
        <v>89</v>
      </c>
      <c r="AN8474">
        <v>89</v>
      </c>
      <c r="AO8474">
        <v>89</v>
      </c>
      <c r="AP8474">
        <v>89</v>
      </c>
      <c r="AQ8474">
        <v>89</v>
      </c>
    </row>
    <row r="8475" spans="1:43">
      <c r="A8475" t="s">
        <v>5294</v>
      </c>
      <c r="B8475" t="s">
        <v>5295</v>
      </c>
      <c r="C8475" t="s">
        <v>5280</v>
      </c>
      <c r="D8475" t="s">
        <v>5281</v>
      </c>
      <c r="E8475" t="s">
        <v>5270</v>
      </c>
      <c r="F8475" t="s">
        <v>5271</v>
      </c>
      <c r="G8475" t="s">
        <v>80</v>
      </c>
      <c r="H8475" t="s">
        <v>81</v>
      </c>
      <c r="I8475" s="2">
        <v>1</v>
      </c>
      <c r="J8475" s="2">
        <v>0</v>
      </c>
      <c r="K8475" s="2">
        <v>0</v>
      </c>
      <c r="L8475" t="s">
        <v>120</v>
      </c>
      <c r="M8475" t="s">
        <v>87</v>
      </c>
      <c r="N8475" t="s">
        <v>88</v>
      </c>
      <c r="O8475" t="s">
        <v>85</v>
      </c>
      <c r="P8475" t="s">
        <v>86</v>
      </c>
      <c r="Q8475">
        <v>70</v>
      </c>
      <c r="R8475">
        <v>71</v>
      </c>
      <c r="S8475">
        <v>71</v>
      </c>
      <c r="T8475">
        <v>72</v>
      </c>
      <c r="U8475">
        <v>72</v>
      </c>
      <c r="V8475">
        <v>72</v>
      </c>
      <c r="W8475">
        <v>73</v>
      </c>
      <c r="X8475">
        <v>73</v>
      </c>
      <c r="Y8475">
        <v>73</v>
      </c>
      <c r="Z8475">
        <v>74</v>
      </c>
      <c r="AA8475">
        <v>74</v>
      </c>
      <c r="AB8475">
        <v>74</v>
      </c>
      <c r="AC8475">
        <v>75</v>
      </c>
      <c r="AD8475">
        <v>75</v>
      </c>
      <c r="AE8475">
        <v>75</v>
      </c>
      <c r="AF8475">
        <v>75</v>
      </c>
      <c r="AG8475">
        <v>76</v>
      </c>
      <c r="AH8475">
        <v>76</v>
      </c>
      <c r="AI8475">
        <v>76</v>
      </c>
      <c r="AJ8475">
        <v>77</v>
      </c>
      <c r="AK8475">
        <v>77</v>
      </c>
      <c r="AL8475">
        <v>77</v>
      </c>
      <c r="AM8475">
        <v>78</v>
      </c>
      <c r="AN8475">
        <v>78</v>
      </c>
      <c r="AO8475">
        <v>78</v>
      </c>
      <c r="AP8475">
        <v>78</v>
      </c>
      <c r="AQ8475">
        <v>79</v>
      </c>
    </row>
    <row r="8476" spans="1:43">
      <c r="A8476" t="s">
        <v>5294</v>
      </c>
      <c r="B8476" t="s">
        <v>5295</v>
      </c>
      <c r="C8476" t="s">
        <v>5280</v>
      </c>
      <c r="D8476" t="s">
        <v>5281</v>
      </c>
      <c r="E8476" t="s">
        <v>5270</v>
      </c>
      <c r="F8476" t="s">
        <v>5271</v>
      </c>
      <c r="G8476" t="s">
        <v>80</v>
      </c>
      <c r="H8476" t="s">
        <v>81</v>
      </c>
      <c r="I8476" s="2">
        <v>1</v>
      </c>
      <c r="J8476" s="2">
        <v>0</v>
      </c>
      <c r="K8476" s="2">
        <v>0</v>
      </c>
      <c r="L8476" t="s">
        <v>120</v>
      </c>
      <c r="M8476" t="s">
        <v>89</v>
      </c>
      <c r="N8476" t="s">
        <v>90</v>
      </c>
      <c r="O8476" t="s">
        <v>85</v>
      </c>
      <c r="P8476" t="s">
        <v>86</v>
      </c>
      <c r="Q8476">
        <v>70</v>
      </c>
      <c r="R8476">
        <v>71</v>
      </c>
      <c r="S8476">
        <v>73</v>
      </c>
      <c r="T8476">
        <v>75</v>
      </c>
      <c r="U8476">
        <v>76</v>
      </c>
      <c r="V8476">
        <v>78</v>
      </c>
      <c r="W8476">
        <v>79</v>
      </c>
      <c r="X8476">
        <v>80</v>
      </c>
      <c r="Y8476">
        <v>82</v>
      </c>
      <c r="Z8476">
        <v>83</v>
      </c>
      <c r="AA8476">
        <v>84</v>
      </c>
      <c r="AB8476">
        <v>85</v>
      </c>
      <c r="AC8476">
        <v>87</v>
      </c>
      <c r="AD8476">
        <v>88</v>
      </c>
      <c r="AE8476">
        <v>89</v>
      </c>
      <c r="AF8476">
        <v>89</v>
      </c>
      <c r="AG8476">
        <v>89</v>
      </c>
      <c r="AH8476">
        <v>89</v>
      </c>
      <c r="AI8476">
        <v>89</v>
      </c>
      <c r="AJ8476">
        <v>89</v>
      </c>
      <c r="AK8476">
        <v>89</v>
      </c>
      <c r="AL8476">
        <v>89</v>
      </c>
      <c r="AM8476">
        <v>89</v>
      </c>
      <c r="AN8476">
        <v>89</v>
      </c>
      <c r="AO8476">
        <v>89</v>
      </c>
      <c r="AP8476">
        <v>89</v>
      </c>
      <c r="AQ8476">
        <v>89</v>
      </c>
    </row>
    <row r="8477" spans="1:43">
      <c r="A8477" t="s">
        <v>5294</v>
      </c>
      <c r="B8477" t="s">
        <v>5295</v>
      </c>
      <c r="C8477" t="s">
        <v>5280</v>
      </c>
      <c r="D8477" t="s">
        <v>5281</v>
      </c>
      <c r="E8477" t="s">
        <v>5270</v>
      </c>
      <c r="F8477" t="s">
        <v>5271</v>
      </c>
      <c r="G8477" t="s">
        <v>80</v>
      </c>
      <c r="H8477" t="s">
        <v>81</v>
      </c>
      <c r="I8477" s="2">
        <v>1</v>
      </c>
      <c r="J8477" s="2">
        <v>0</v>
      </c>
      <c r="K8477" s="2">
        <v>0</v>
      </c>
      <c r="L8477" t="s">
        <v>120</v>
      </c>
      <c r="M8477" t="s">
        <v>83</v>
      </c>
      <c r="N8477" t="s">
        <v>91</v>
      </c>
      <c r="O8477" t="s">
        <v>85</v>
      </c>
      <c r="P8477" t="s">
        <v>86</v>
      </c>
      <c r="Q8477">
        <v>70</v>
      </c>
      <c r="R8477">
        <v>71</v>
      </c>
      <c r="S8477">
        <v>72</v>
      </c>
      <c r="T8477">
        <v>73</v>
      </c>
      <c r="U8477">
        <v>74</v>
      </c>
      <c r="V8477">
        <v>75</v>
      </c>
      <c r="W8477">
        <v>76</v>
      </c>
      <c r="X8477">
        <v>77</v>
      </c>
      <c r="Y8477">
        <v>78</v>
      </c>
      <c r="Z8477">
        <v>79</v>
      </c>
      <c r="AA8477">
        <v>80</v>
      </c>
      <c r="AB8477">
        <v>81</v>
      </c>
      <c r="AC8477">
        <v>82</v>
      </c>
      <c r="AD8477">
        <v>83</v>
      </c>
      <c r="AE8477">
        <v>84</v>
      </c>
      <c r="AF8477">
        <v>84</v>
      </c>
      <c r="AG8477">
        <v>85</v>
      </c>
      <c r="AH8477">
        <v>86</v>
      </c>
      <c r="AI8477">
        <v>87</v>
      </c>
      <c r="AJ8477">
        <v>88</v>
      </c>
      <c r="AK8477">
        <v>89</v>
      </c>
      <c r="AL8477">
        <v>89</v>
      </c>
      <c r="AM8477">
        <v>89</v>
      </c>
      <c r="AN8477">
        <v>89</v>
      </c>
      <c r="AO8477">
        <v>89</v>
      </c>
      <c r="AP8477">
        <v>89</v>
      </c>
      <c r="AQ8477">
        <v>89</v>
      </c>
    </row>
    <row r="8478" spans="1:43">
      <c r="A8478" t="s">
        <v>5296</v>
      </c>
      <c r="B8478" t="s">
        <v>5297</v>
      </c>
      <c r="C8478" t="s">
        <v>5298</v>
      </c>
      <c r="D8478" t="s">
        <v>5299</v>
      </c>
      <c r="E8478" t="s">
        <v>5270</v>
      </c>
      <c r="F8478" t="s">
        <v>5271</v>
      </c>
      <c r="G8478" t="s">
        <v>80</v>
      </c>
      <c r="H8478" t="s">
        <v>81</v>
      </c>
      <c r="I8478" s="2">
        <v>1</v>
      </c>
      <c r="J8478" s="2">
        <v>0</v>
      </c>
      <c r="K8478" s="2">
        <v>0</v>
      </c>
      <c r="L8478" t="s">
        <v>120</v>
      </c>
      <c r="M8478" t="s">
        <v>83</v>
      </c>
      <c r="N8478" t="s">
        <v>84</v>
      </c>
      <c r="O8478" t="s">
        <v>85</v>
      </c>
      <c r="P8478" t="s">
        <v>86</v>
      </c>
      <c r="Q8478">
        <v>37</v>
      </c>
      <c r="R8478">
        <v>38</v>
      </c>
      <c r="S8478">
        <v>38</v>
      </c>
      <c r="T8478">
        <v>39</v>
      </c>
      <c r="U8478">
        <v>39</v>
      </c>
      <c r="V8478">
        <v>40</v>
      </c>
      <c r="W8478">
        <v>40</v>
      </c>
      <c r="X8478">
        <v>41</v>
      </c>
      <c r="Y8478">
        <v>41</v>
      </c>
      <c r="Z8478">
        <v>42</v>
      </c>
      <c r="AA8478">
        <v>42</v>
      </c>
      <c r="AB8478">
        <v>43</v>
      </c>
      <c r="AC8478">
        <v>43</v>
      </c>
      <c r="AD8478">
        <v>44</v>
      </c>
      <c r="AE8478">
        <v>44</v>
      </c>
      <c r="AF8478">
        <v>45</v>
      </c>
      <c r="AG8478">
        <v>45</v>
      </c>
      <c r="AH8478">
        <v>46</v>
      </c>
      <c r="AI8478">
        <v>46</v>
      </c>
      <c r="AJ8478">
        <v>47</v>
      </c>
      <c r="AK8478">
        <v>47</v>
      </c>
      <c r="AL8478">
        <v>47</v>
      </c>
      <c r="AM8478">
        <v>47</v>
      </c>
      <c r="AN8478">
        <v>47</v>
      </c>
      <c r="AO8478">
        <v>47</v>
      </c>
      <c r="AP8478">
        <v>47</v>
      </c>
      <c r="AQ8478">
        <v>47</v>
      </c>
    </row>
    <row r="8479" spans="1:43">
      <c r="A8479" t="s">
        <v>5296</v>
      </c>
      <c r="B8479" t="s">
        <v>5297</v>
      </c>
      <c r="C8479" t="s">
        <v>5298</v>
      </c>
      <c r="D8479" t="s">
        <v>5299</v>
      </c>
      <c r="E8479" t="s">
        <v>5270</v>
      </c>
      <c r="F8479" t="s">
        <v>5271</v>
      </c>
      <c r="G8479" t="s">
        <v>80</v>
      </c>
      <c r="H8479" t="s">
        <v>81</v>
      </c>
      <c r="I8479" s="2">
        <v>1</v>
      </c>
      <c r="J8479" s="2">
        <v>0</v>
      </c>
      <c r="K8479" s="2">
        <v>0</v>
      </c>
      <c r="L8479" t="s">
        <v>120</v>
      </c>
      <c r="M8479" t="s">
        <v>87</v>
      </c>
      <c r="N8479" t="s">
        <v>88</v>
      </c>
      <c r="O8479" t="s">
        <v>85</v>
      </c>
      <c r="P8479" t="s">
        <v>86</v>
      </c>
      <c r="Q8479">
        <v>37</v>
      </c>
      <c r="R8479">
        <v>37</v>
      </c>
      <c r="S8479">
        <v>37</v>
      </c>
      <c r="T8479">
        <v>37</v>
      </c>
      <c r="U8479">
        <v>38</v>
      </c>
      <c r="V8479">
        <v>38</v>
      </c>
      <c r="W8479">
        <v>38</v>
      </c>
      <c r="X8479">
        <v>38</v>
      </c>
      <c r="Y8479">
        <v>38</v>
      </c>
      <c r="Z8479">
        <v>38</v>
      </c>
      <c r="AA8479">
        <v>39</v>
      </c>
      <c r="AB8479">
        <v>39</v>
      </c>
      <c r="AC8479">
        <v>39</v>
      </c>
      <c r="AD8479">
        <v>39</v>
      </c>
      <c r="AE8479">
        <v>39</v>
      </c>
      <c r="AF8479">
        <v>40</v>
      </c>
      <c r="AG8479">
        <v>40</v>
      </c>
      <c r="AH8479">
        <v>40</v>
      </c>
      <c r="AI8479">
        <v>40</v>
      </c>
      <c r="AJ8479">
        <v>40</v>
      </c>
      <c r="AK8479">
        <v>40</v>
      </c>
      <c r="AL8479">
        <v>41</v>
      </c>
      <c r="AM8479">
        <v>41</v>
      </c>
      <c r="AN8479">
        <v>41</v>
      </c>
      <c r="AO8479">
        <v>41</v>
      </c>
      <c r="AP8479">
        <v>41</v>
      </c>
      <c r="AQ8479">
        <v>41</v>
      </c>
    </row>
    <row r="8480" spans="1:43">
      <c r="A8480" t="s">
        <v>5296</v>
      </c>
      <c r="B8480" t="s">
        <v>5297</v>
      </c>
      <c r="C8480" t="s">
        <v>5298</v>
      </c>
      <c r="D8480" t="s">
        <v>5299</v>
      </c>
      <c r="E8480" t="s">
        <v>5270</v>
      </c>
      <c r="F8480" t="s">
        <v>5271</v>
      </c>
      <c r="G8480" t="s">
        <v>80</v>
      </c>
      <c r="H8480" t="s">
        <v>81</v>
      </c>
      <c r="I8480" s="2">
        <v>1</v>
      </c>
      <c r="J8480" s="2">
        <v>0</v>
      </c>
      <c r="K8480" s="2">
        <v>0</v>
      </c>
      <c r="L8480" t="s">
        <v>120</v>
      </c>
      <c r="M8480" t="s">
        <v>89</v>
      </c>
      <c r="N8480" t="s">
        <v>90</v>
      </c>
      <c r="O8480" t="s">
        <v>85</v>
      </c>
      <c r="P8480" t="s">
        <v>86</v>
      </c>
      <c r="Q8480">
        <v>37</v>
      </c>
      <c r="R8480">
        <v>38</v>
      </c>
      <c r="S8480">
        <v>39</v>
      </c>
      <c r="T8480">
        <v>40</v>
      </c>
      <c r="U8480">
        <v>41</v>
      </c>
      <c r="V8480">
        <v>42</v>
      </c>
      <c r="W8480">
        <v>42</v>
      </c>
      <c r="X8480">
        <v>43</v>
      </c>
      <c r="Y8480">
        <v>44</v>
      </c>
      <c r="Z8480">
        <v>44</v>
      </c>
      <c r="AA8480">
        <v>45</v>
      </c>
      <c r="AB8480">
        <v>46</v>
      </c>
      <c r="AC8480">
        <v>46</v>
      </c>
      <c r="AD8480">
        <v>47</v>
      </c>
      <c r="AE8480">
        <v>47</v>
      </c>
      <c r="AF8480">
        <v>47</v>
      </c>
      <c r="AG8480">
        <v>47</v>
      </c>
      <c r="AH8480">
        <v>48</v>
      </c>
      <c r="AI8480">
        <v>48</v>
      </c>
      <c r="AJ8480">
        <v>48</v>
      </c>
      <c r="AK8480">
        <v>48</v>
      </c>
      <c r="AL8480">
        <v>48</v>
      </c>
      <c r="AM8480">
        <v>48</v>
      </c>
      <c r="AN8480">
        <v>48</v>
      </c>
      <c r="AO8480">
        <v>48</v>
      </c>
      <c r="AP8480">
        <v>48</v>
      </c>
      <c r="AQ8480">
        <v>48</v>
      </c>
    </row>
    <row r="8481" spans="1:43">
      <c r="A8481" t="s">
        <v>5296</v>
      </c>
      <c r="B8481" t="s">
        <v>5297</v>
      </c>
      <c r="C8481" t="s">
        <v>5298</v>
      </c>
      <c r="D8481" t="s">
        <v>5299</v>
      </c>
      <c r="E8481" t="s">
        <v>5270</v>
      </c>
      <c r="F8481" t="s">
        <v>5271</v>
      </c>
      <c r="G8481" t="s">
        <v>80</v>
      </c>
      <c r="H8481" t="s">
        <v>81</v>
      </c>
      <c r="I8481" s="2">
        <v>1</v>
      </c>
      <c r="J8481" s="2">
        <v>0</v>
      </c>
      <c r="K8481" s="2">
        <v>0</v>
      </c>
      <c r="L8481" t="s">
        <v>120</v>
      </c>
      <c r="M8481" t="s">
        <v>83</v>
      </c>
      <c r="N8481" t="s">
        <v>91</v>
      </c>
      <c r="O8481" t="s">
        <v>85</v>
      </c>
      <c r="P8481" t="s">
        <v>86</v>
      </c>
      <c r="Q8481">
        <v>37</v>
      </c>
      <c r="R8481">
        <v>38</v>
      </c>
      <c r="S8481">
        <v>38</v>
      </c>
      <c r="T8481">
        <v>39</v>
      </c>
      <c r="U8481">
        <v>39</v>
      </c>
      <c r="V8481">
        <v>40</v>
      </c>
      <c r="W8481">
        <v>40</v>
      </c>
      <c r="X8481">
        <v>41</v>
      </c>
      <c r="Y8481">
        <v>41</v>
      </c>
      <c r="Z8481">
        <v>42</v>
      </c>
      <c r="AA8481">
        <v>42</v>
      </c>
      <c r="AB8481">
        <v>43</v>
      </c>
      <c r="AC8481">
        <v>43</v>
      </c>
      <c r="AD8481">
        <v>44</v>
      </c>
      <c r="AE8481">
        <v>44</v>
      </c>
      <c r="AF8481">
        <v>45</v>
      </c>
      <c r="AG8481">
        <v>45</v>
      </c>
      <c r="AH8481">
        <v>46</v>
      </c>
      <c r="AI8481">
        <v>46</v>
      </c>
      <c r="AJ8481">
        <v>47</v>
      </c>
      <c r="AK8481">
        <v>47</v>
      </c>
      <c r="AL8481">
        <v>47</v>
      </c>
      <c r="AM8481">
        <v>47</v>
      </c>
      <c r="AN8481">
        <v>47</v>
      </c>
      <c r="AO8481">
        <v>47</v>
      </c>
      <c r="AP8481">
        <v>47</v>
      </c>
      <c r="AQ8481">
        <v>47</v>
      </c>
    </row>
    <row r="8482" spans="1:43">
      <c r="A8482" t="s">
        <v>5300</v>
      </c>
      <c r="B8482" t="s">
        <v>5301</v>
      </c>
      <c r="C8482" t="s">
        <v>5290</v>
      </c>
      <c r="D8482" t="s">
        <v>5291</v>
      </c>
      <c r="E8482" t="s">
        <v>5270</v>
      </c>
      <c r="F8482" t="s">
        <v>5271</v>
      </c>
      <c r="G8482" t="s">
        <v>80</v>
      </c>
      <c r="H8482" t="s">
        <v>81</v>
      </c>
      <c r="I8482" s="2">
        <v>1</v>
      </c>
      <c r="J8482" s="2">
        <v>0</v>
      </c>
      <c r="K8482" s="2">
        <v>0</v>
      </c>
      <c r="L8482" t="s">
        <v>120</v>
      </c>
      <c r="M8482" t="s">
        <v>83</v>
      </c>
      <c r="N8482" t="s">
        <v>84</v>
      </c>
      <c r="O8482" t="s">
        <v>85</v>
      </c>
      <c r="P8482" t="s">
        <v>86</v>
      </c>
      <c r="Q8482">
        <v>29</v>
      </c>
      <c r="R8482">
        <v>29</v>
      </c>
      <c r="S8482">
        <v>29</v>
      </c>
      <c r="T8482">
        <v>30</v>
      </c>
      <c r="U8482">
        <v>30</v>
      </c>
      <c r="V8482">
        <v>31</v>
      </c>
      <c r="W8482">
        <v>31</v>
      </c>
      <c r="X8482">
        <v>31</v>
      </c>
      <c r="Y8482">
        <v>32</v>
      </c>
      <c r="Z8482">
        <v>32</v>
      </c>
      <c r="AA8482">
        <v>33</v>
      </c>
      <c r="AB8482">
        <v>33</v>
      </c>
      <c r="AC8482">
        <v>33</v>
      </c>
      <c r="AD8482">
        <v>34</v>
      </c>
      <c r="AE8482">
        <v>34</v>
      </c>
      <c r="AF8482">
        <v>34</v>
      </c>
      <c r="AG8482">
        <v>35</v>
      </c>
      <c r="AH8482">
        <v>35</v>
      </c>
      <c r="AI8482">
        <v>36</v>
      </c>
      <c r="AJ8482">
        <v>36</v>
      </c>
      <c r="AK8482">
        <v>36</v>
      </c>
      <c r="AL8482">
        <v>36</v>
      </c>
      <c r="AM8482">
        <v>36</v>
      </c>
      <c r="AN8482">
        <v>36</v>
      </c>
      <c r="AO8482">
        <v>36</v>
      </c>
      <c r="AP8482">
        <v>37</v>
      </c>
      <c r="AQ8482">
        <v>37</v>
      </c>
    </row>
    <row r="8483" spans="1:43">
      <c r="A8483" t="s">
        <v>5300</v>
      </c>
      <c r="B8483" t="s">
        <v>5301</v>
      </c>
      <c r="C8483" t="s">
        <v>5290</v>
      </c>
      <c r="D8483" t="s">
        <v>5291</v>
      </c>
      <c r="E8483" t="s">
        <v>5270</v>
      </c>
      <c r="F8483" t="s">
        <v>5271</v>
      </c>
      <c r="G8483" t="s">
        <v>80</v>
      </c>
      <c r="H8483" t="s">
        <v>81</v>
      </c>
      <c r="I8483" s="2">
        <v>1</v>
      </c>
      <c r="J8483" s="2">
        <v>0</v>
      </c>
      <c r="K8483" s="2">
        <v>0</v>
      </c>
      <c r="L8483" t="s">
        <v>120</v>
      </c>
      <c r="M8483" t="s">
        <v>87</v>
      </c>
      <c r="N8483" t="s">
        <v>88</v>
      </c>
      <c r="O8483" t="s">
        <v>85</v>
      </c>
      <c r="P8483" t="s">
        <v>86</v>
      </c>
      <c r="Q8483">
        <v>29</v>
      </c>
      <c r="R8483">
        <v>29</v>
      </c>
      <c r="S8483">
        <v>30</v>
      </c>
      <c r="T8483">
        <v>30</v>
      </c>
      <c r="U8483">
        <v>30</v>
      </c>
      <c r="V8483">
        <v>30</v>
      </c>
      <c r="W8483">
        <v>30</v>
      </c>
      <c r="X8483">
        <v>30</v>
      </c>
      <c r="Y8483">
        <v>30</v>
      </c>
      <c r="Z8483">
        <v>31</v>
      </c>
      <c r="AA8483">
        <v>31</v>
      </c>
      <c r="AB8483">
        <v>31</v>
      </c>
      <c r="AC8483">
        <v>31</v>
      </c>
      <c r="AD8483">
        <v>31</v>
      </c>
      <c r="AE8483">
        <v>31</v>
      </c>
      <c r="AF8483">
        <v>31</v>
      </c>
      <c r="AG8483">
        <v>32</v>
      </c>
      <c r="AH8483">
        <v>32</v>
      </c>
      <c r="AI8483">
        <v>32</v>
      </c>
      <c r="AJ8483">
        <v>32</v>
      </c>
      <c r="AK8483">
        <v>32</v>
      </c>
      <c r="AL8483">
        <v>32</v>
      </c>
      <c r="AM8483">
        <v>32</v>
      </c>
      <c r="AN8483">
        <v>32</v>
      </c>
      <c r="AO8483">
        <v>33</v>
      </c>
      <c r="AP8483">
        <v>33</v>
      </c>
      <c r="AQ8483">
        <v>33</v>
      </c>
    </row>
    <row r="8484" spans="1:43">
      <c r="A8484" t="s">
        <v>5300</v>
      </c>
      <c r="B8484" t="s">
        <v>5301</v>
      </c>
      <c r="C8484" t="s">
        <v>5290</v>
      </c>
      <c r="D8484" t="s">
        <v>5291</v>
      </c>
      <c r="E8484" t="s">
        <v>5270</v>
      </c>
      <c r="F8484" t="s">
        <v>5271</v>
      </c>
      <c r="G8484" t="s">
        <v>80</v>
      </c>
      <c r="H8484" t="s">
        <v>81</v>
      </c>
      <c r="I8484" s="2">
        <v>1</v>
      </c>
      <c r="J8484" s="2">
        <v>0</v>
      </c>
      <c r="K8484" s="2">
        <v>0</v>
      </c>
      <c r="L8484" t="s">
        <v>120</v>
      </c>
      <c r="M8484" t="s">
        <v>89</v>
      </c>
      <c r="N8484" t="s">
        <v>90</v>
      </c>
      <c r="O8484" t="s">
        <v>85</v>
      </c>
      <c r="P8484" t="s">
        <v>86</v>
      </c>
      <c r="Q8484">
        <v>29</v>
      </c>
      <c r="R8484">
        <v>29</v>
      </c>
      <c r="S8484">
        <v>30</v>
      </c>
      <c r="T8484">
        <v>31</v>
      </c>
      <c r="U8484">
        <v>31</v>
      </c>
      <c r="V8484">
        <v>32</v>
      </c>
      <c r="W8484">
        <v>33</v>
      </c>
      <c r="X8484">
        <v>33</v>
      </c>
      <c r="Y8484">
        <v>34</v>
      </c>
      <c r="Z8484">
        <v>34</v>
      </c>
      <c r="AA8484">
        <v>35</v>
      </c>
      <c r="AB8484">
        <v>35</v>
      </c>
      <c r="AC8484">
        <v>36</v>
      </c>
      <c r="AD8484">
        <v>36</v>
      </c>
      <c r="AE8484">
        <v>36</v>
      </c>
      <c r="AF8484">
        <v>37</v>
      </c>
      <c r="AG8484">
        <v>37</v>
      </c>
      <c r="AH8484">
        <v>37</v>
      </c>
      <c r="AI8484">
        <v>37</v>
      </c>
      <c r="AJ8484">
        <v>37</v>
      </c>
      <c r="AK8484">
        <v>37</v>
      </c>
      <c r="AL8484">
        <v>37</v>
      </c>
      <c r="AM8484">
        <v>37</v>
      </c>
      <c r="AN8484">
        <v>37</v>
      </c>
      <c r="AO8484">
        <v>37</v>
      </c>
      <c r="AP8484">
        <v>37</v>
      </c>
      <c r="AQ8484">
        <v>37</v>
      </c>
    </row>
    <row r="8485" spans="1:43">
      <c r="A8485" t="s">
        <v>5300</v>
      </c>
      <c r="B8485" t="s">
        <v>5301</v>
      </c>
      <c r="C8485" t="s">
        <v>5290</v>
      </c>
      <c r="D8485" t="s">
        <v>5291</v>
      </c>
      <c r="E8485" t="s">
        <v>5270</v>
      </c>
      <c r="F8485" t="s">
        <v>5271</v>
      </c>
      <c r="G8485" t="s">
        <v>80</v>
      </c>
      <c r="H8485" t="s">
        <v>81</v>
      </c>
      <c r="I8485" s="2">
        <v>1</v>
      </c>
      <c r="J8485" s="2">
        <v>0</v>
      </c>
      <c r="K8485" s="2">
        <v>0</v>
      </c>
      <c r="L8485" t="s">
        <v>120</v>
      </c>
      <c r="M8485" t="s">
        <v>83</v>
      </c>
      <c r="N8485" t="s">
        <v>91</v>
      </c>
      <c r="O8485" t="s">
        <v>85</v>
      </c>
      <c r="P8485" t="s">
        <v>86</v>
      </c>
      <c r="Q8485">
        <v>29</v>
      </c>
      <c r="R8485">
        <v>29</v>
      </c>
      <c r="S8485">
        <v>29</v>
      </c>
      <c r="T8485">
        <v>30</v>
      </c>
      <c r="U8485">
        <v>30</v>
      </c>
      <c r="V8485">
        <v>31</v>
      </c>
      <c r="W8485">
        <v>31</v>
      </c>
      <c r="X8485">
        <v>31</v>
      </c>
      <c r="Y8485">
        <v>32</v>
      </c>
      <c r="Z8485">
        <v>32</v>
      </c>
      <c r="AA8485">
        <v>33</v>
      </c>
      <c r="AB8485">
        <v>33</v>
      </c>
      <c r="AC8485">
        <v>33</v>
      </c>
      <c r="AD8485">
        <v>34</v>
      </c>
      <c r="AE8485">
        <v>34</v>
      </c>
      <c r="AF8485">
        <v>34</v>
      </c>
      <c r="AG8485">
        <v>35</v>
      </c>
      <c r="AH8485">
        <v>35</v>
      </c>
      <c r="AI8485">
        <v>36</v>
      </c>
      <c r="AJ8485">
        <v>36</v>
      </c>
      <c r="AK8485">
        <v>36</v>
      </c>
      <c r="AL8485">
        <v>36</v>
      </c>
      <c r="AM8485">
        <v>36</v>
      </c>
      <c r="AN8485">
        <v>36</v>
      </c>
      <c r="AO8485">
        <v>36</v>
      </c>
      <c r="AP8485">
        <v>37</v>
      </c>
      <c r="AQ8485">
        <v>37</v>
      </c>
    </row>
    <row r="8486" spans="1:43">
      <c r="A8486" t="s">
        <v>5302</v>
      </c>
      <c r="B8486" t="s">
        <v>5303</v>
      </c>
      <c r="C8486" t="s">
        <v>5290</v>
      </c>
      <c r="D8486" t="s">
        <v>5291</v>
      </c>
      <c r="E8486" t="s">
        <v>5270</v>
      </c>
      <c r="F8486" t="s">
        <v>5271</v>
      </c>
      <c r="G8486" t="s">
        <v>80</v>
      </c>
      <c r="H8486" t="s">
        <v>81</v>
      </c>
      <c r="I8486" s="2">
        <v>1</v>
      </c>
      <c r="J8486" s="2">
        <v>0</v>
      </c>
      <c r="K8486" s="2">
        <v>0</v>
      </c>
      <c r="L8486" t="s">
        <v>120</v>
      </c>
      <c r="M8486" t="s">
        <v>83</v>
      </c>
      <c r="N8486" t="s">
        <v>84</v>
      </c>
      <c r="O8486" t="s">
        <v>85</v>
      </c>
      <c r="P8486" t="s">
        <v>86</v>
      </c>
      <c r="Q8486">
        <v>13</v>
      </c>
      <c r="R8486">
        <v>13</v>
      </c>
      <c r="S8486">
        <v>14</v>
      </c>
      <c r="T8486">
        <v>14</v>
      </c>
      <c r="U8486">
        <v>14</v>
      </c>
      <c r="V8486">
        <v>14</v>
      </c>
      <c r="W8486">
        <v>14</v>
      </c>
      <c r="X8486">
        <v>15</v>
      </c>
      <c r="Y8486">
        <v>15</v>
      </c>
      <c r="Z8486">
        <v>15</v>
      </c>
      <c r="AA8486">
        <v>15</v>
      </c>
      <c r="AB8486">
        <v>15</v>
      </c>
      <c r="AC8486">
        <v>15</v>
      </c>
      <c r="AD8486">
        <v>16</v>
      </c>
      <c r="AE8486">
        <v>16</v>
      </c>
      <c r="AF8486">
        <v>16</v>
      </c>
      <c r="AG8486">
        <v>16</v>
      </c>
      <c r="AH8486">
        <v>16</v>
      </c>
      <c r="AI8486">
        <v>16</v>
      </c>
      <c r="AJ8486">
        <v>17</v>
      </c>
      <c r="AK8486">
        <v>17</v>
      </c>
      <c r="AL8486">
        <v>17</v>
      </c>
      <c r="AM8486">
        <v>17</v>
      </c>
      <c r="AN8486">
        <v>17</v>
      </c>
      <c r="AO8486">
        <v>17</v>
      </c>
      <c r="AP8486">
        <v>17</v>
      </c>
      <c r="AQ8486">
        <v>17</v>
      </c>
    </row>
    <row r="8487" spans="1:43">
      <c r="A8487" t="s">
        <v>5302</v>
      </c>
      <c r="B8487" t="s">
        <v>5303</v>
      </c>
      <c r="C8487" t="s">
        <v>5290</v>
      </c>
      <c r="D8487" t="s">
        <v>5291</v>
      </c>
      <c r="E8487" t="s">
        <v>5270</v>
      </c>
      <c r="F8487" t="s">
        <v>5271</v>
      </c>
      <c r="G8487" t="s">
        <v>80</v>
      </c>
      <c r="H8487" t="s">
        <v>81</v>
      </c>
      <c r="I8487" s="2">
        <v>1</v>
      </c>
      <c r="J8487" s="2">
        <v>0</v>
      </c>
      <c r="K8487" s="2">
        <v>0</v>
      </c>
      <c r="L8487" t="s">
        <v>120</v>
      </c>
      <c r="M8487" t="s">
        <v>87</v>
      </c>
      <c r="N8487" t="s">
        <v>88</v>
      </c>
      <c r="O8487" t="s">
        <v>85</v>
      </c>
      <c r="P8487" t="s">
        <v>86</v>
      </c>
      <c r="Q8487">
        <v>13</v>
      </c>
      <c r="R8487">
        <v>13</v>
      </c>
      <c r="S8487">
        <v>13</v>
      </c>
      <c r="T8487">
        <v>13</v>
      </c>
      <c r="U8487">
        <v>13</v>
      </c>
      <c r="V8487">
        <v>13</v>
      </c>
      <c r="W8487">
        <v>13</v>
      </c>
      <c r="X8487">
        <v>14</v>
      </c>
      <c r="Y8487">
        <v>14</v>
      </c>
      <c r="Z8487">
        <v>14</v>
      </c>
      <c r="AA8487">
        <v>14</v>
      </c>
      <c r="AB8487">
        <v>14</v>
      </c>
      <c r="AC8487">
        <v>14</v>
      </c>
      <c r="AD8487">
        <v>14</v>
      </c>
      <c r="AE8487">
        <v>14</v>
      </c>
      <c r="AF8487">
        <v>14</v>
      </c>
      <c r="AG8487">
        <v>14</v>
      </c>
      <c r="AH8487">
        <v>14</v>
      </c>
      <c r="AI8487">
        <v>14</v>
      </c>
      <c r="AJ8487">
        <v>14</v>
      </c>
      <c r="AK8487">
        <v>14</v>
      </c>
      <c r="AL8487">
        <v>14</v>
      </c>
      <c r="AM8487">
        <v>15</v>
      </c>
      <c r="AN8487">
        <v>15</v>
      </c>
      <c r="AO8487">
        <v>15</v>
      </c>
      <c r="AP8487">
        <v>15</v>
      </c>
      <c r="AQ8487">
        <v>15</v>
      </c>
    </row>
    <row r="8488" spans="1:43">
      <c r="A8488" t="s">
        <v>5302</v>
      </c>
      <c r="B8488" t="s">
        <v>5303</v>
      </c>
      <c r="C8488" t="s">
        <v>5290</v>
      </c>
      <c r="D8488" t="s">
        <v>5291</v>
      </c>
      <c r="E8488" t="s">
        <v>5270</v>
      </c>
      <c r="F8488" t="s">
        <v>5271</v>
      </c>
      <c r="G8488" t="s">
        <v>80</v>
      </c>
      <c r="H8488" t="s">
        <v>81</v>
      </c>
      <c r="I8488" s="2">
        <v>1</v>
      </c>
      <c r="J8488" s="2">
        <v>0</v>
      </c>
      <c r="K8488" s="2">
        <v>0</v>
      </c>
      <c r="L8488" t="s">
        <v>120</v>
      </c>
      <c r="M8488" t="s">
        <v>89</v>
      </c>
      <c r="N8488" t="s">
        <v>90</v>
      </c>
      <c r="O8488" t="s">
        <v>85</v>
      </c>
      <c r="P8488" t="s">
        <v>86</v>
      </c>
      <c r="Q8488">
        <v>13</v>
      </c>
      <c r="R8488">
        <v>14</v>
      </c>
      <c r="S8488">
        <v>14</v>
      </c>
      <c r="T8488">
        <v>14</v>
      </c>
      <c r="U8488">
        <v>15</v>
      </c>
      <c r="V8488">
        <v>15</v>
      </c>
      <c r="W8488">
        <v>15</v>
      </c>
      <c r="X8488">
        <v>15</v>
      </c>
      <c r="Y8488">
        <v>16</v>
      </c>
      <c r="Z8488">
        <v>16</v>
      </c>
      <c r="AA8488">
        <v>16</v>
      </c>
      <c r="AB8488">
        <v>16</v>
      </c>
      <c r="AC8488">
        <v>17</v>
      </c>
      <c r="AD8488">
        <v>17</v>
      </c>
      <c r="AE8488">
        <v>17</v>
      </c>
      <c r="AF8488">
        <v>17</v>
      </c>
      <c r="AG8488">
        <v>17</v>
      </c>
      <c r="AH8488">
        <v>17</v>
      </c>
      <c r="AI8488">
        <v>17</v>
      </c>
      <c r="AJ8488">
        <v>17</v>
      </c>
      <c r="AK8488">
        <v>17</v>
      </c>
      <c r="AL8488">
        <v>17</v>
      </c>
      <c r="AM8488">
        <v>17</v>
      </c>
      <c r="AN8488">
        <v>17</v>
      </c>
      <c r="AO8488">
        <v>17</v>
      </c>
      <c r="AP8488">
        <v>17</v>
      </c>
      <c r="AQ8488">
        <v>17</v>
      </c>
    </row>
    <row r="8489" spans="1:43">
      <c r="A8489" t="s">
        <v>5302</v>
      </c>
      <c r="B8489" t="s">
        <v>5303</v>
      </c>
      <c r="C8489" t="s">
        <v>5290</v>
      </c>
      <c r="D8489" t="s">
        <v>5291</v>
      </c>
      <c r="E8489" t="s">
        <v>5270</v>
      </c>
      <c r="F8489" t="s">
        <v>5271</v>
      </c>
      <c r="G8489" t="s">
        <v>80</v>
      </c>
      <c r="H8489" t="s">
        <v>81</v>
      </c>
      <c r="I8489" s="2">
        <v>1</v>
      </c>
      <c r="J8489" s="2">
        <v>0</v>
      </c>
      <c r="K8489" s="2">
        <v>0</v>
      </c>
      <c r="L8489" t="s">
        <v>120</v>
      </c>
      <c r="M8489" t="s">
        <v>83</v>
      </c>
      <c r="N8489" t="s">
        <v>91</v>
      </c>
      <c r="O8489" t="s">
        <v>85</v>
      </c>
      <c r="P8489" t="s">
        <v>86</v>
      </c>
      <c r="Q8489">
        <v>13</v>
      </c>
      <c r="R8489">
        <v>13</v>
      </c>
      <c r="S8489">
        <v>14</v>
      </c>
      <c r="T8489">
        <v>14</v>
      </c>
      <c r="U8489">
        <v>14</v>
      </c>
      <c r="V8489">
        <v>14</v>
      </c>
      <c r="W8489">
        <v>14</v>
      </c>
      <c r="X8489">
        <v>15</v>
      </c>
      <c r="Y8489">
        <v>15</v>
      </c>
      <c r="Z8489">
        <v>15</v>
      </c>
      <c r="AA8489">
        <v>15</v>
      </c>
      <c r="AB8489">
        <v>15</v>
      </c>
      <c r="AC8489">
        <v>15</v>
      </c>
      <c r="AD8489">
        <v>16</v>
      </c>
      <c r="AE8489">
        <v>16</v>
      </c>
      <c r="AF8489">
        <v>16</v>
      </c>
      <c r="AG8489">
        <v>16</v>
      </c>
      <c r="AH8489">
        <v>16</v>
      </c>
      <c r="AI8489">
        <v>16</v>
      </c>
      <c r="AJ8489">
        <v>17</v>
      </c>
      <c r="AK8489">
        <v>17</v>
      </c>
      <c r="AL8489">
        <v>17</v>
      </c>
      <c r="AM8489">
        <v>17</v>
      </c>
      <c r="AN8489">
        <v>17</v>
      </c>
      <c r="AO8489">
        <v>17</v>
      </c>
      <c r="AP8489">
        <v>17</v>
      </c>
      <c r="AQ8489">
        <v>17</v>
      </c>
    </row>
    <row r="8490" spans="1:43">
      <c r="A8490" t="s">
        <v>5304</v>
      </c>
      <c r="B8490" t="s">
        <v>5305</v>
      </c>
      <c r="C8490" t="s">
        <v>5298</v>
      </c>
      <c r="D8490" t="s">
        <v>5299</v>
      </c>
      <c r="E8490" t="s">
        <v>5270</v>
      </c>
      <c r="F8490" t="s">
        <v>5271</v>
      </c>
      <c r="G8490" t="s">
        <v>80</v>
      </c>
      <c r="H8490" t="s">
        <v>81</v>
      </c>
      <c r="I8490" s="2">
        <v>1</v>
      </c>
      <c r="J8490" s="2">
        <v>0</v>
      </c>
      <c r="K8490" s="2">
        <v>0</v>
      </c>
      <c r="L8490" t="s">
        <v>120</v>
      </c>
      <c r="M8490" t="s">
        <v>83</v>
      </c>
      <c r="N8490" t="s">
        <v>84</v>
      </c>
      <c r="O8490" t="s">
        <v>85</v>
      </c>
      <c r="P8490" t="s">
        <v>86</v>
      </c>
      <c r="Q8490">
        <v>13</v>
      </c>
      <c r="R8490">
        <v>14</v>
      </c>
      <c r="S8490">
        <v>14</v>
      </c>
      <c r="T8490">
        <v>14</v>
      </c>
      <c r="U8490">
        <v>14</v>
      </c>
      <c r="V8490">
        <v>14</v>
      </c>
      <c r="W8490">
        <v>14</v>
      </c>
      <c r="X8490">
        <v>15</v>
      </c>
      <c r="Y8490">
        <v>15</v>
      </c>
      <c r="Z8490">
        <v>15</v>
      </c>
      <c r="AA8490">
        <v>15</v>
      </c>
      <c r="AB8490">
        <v>15</v>
      </c>
      <c r="AC8490">
        <v>15</v>
      </c>
      <c r="AD8490">
        <v>16</v>
      </c>
      <c r="AE8490">
        <v>16</v>
      </c>
      <c r="AF8490">
        <v>16</v>
      </c>
      <c r="AG8490">
        <v>16</v>
      </c>
      <c r="AH8490">
        <v>16</v>
      </c>
      <c r="AI8490">
        <v>16</v>
      </c>
      <c r="AJ8490">
        <v>17</v>
      </c>
      <c r="AK8490">
        <v>17</v>
      </c>
      <c r="AL8490">
        <v>17</v>
      </c>
      <c r="AM8490">
        <v>17</v>
      </c>
      <c r="AN8490">
        <v>17</v>
      </c>
      <c r="AO8490">
        <v>17</v>
      </c>
      <c r="AP8490">
        <v>17</v>
      </c>
      <c r="AQ8490">
        <v>17</v>
      </c>
    </row>
    <row r="8491" spans="1:43">
      <c r="A8491" t="s">
        <v>5304</v>
      </c>
      <c r="B8491" t="s">
        <v>5305</v>
      </c>
      <c r="C8491" t="s">
        <v>5298</v>
      </c>
      <c r="D8491" t="s">
        <v>5299</v>
      </c>
      <c r="E8491" t="s">
        <v>5270</v>
      </c>
      <c r="F8491" t="s">
        <v>5271</v>
      </c>
      <c r="G8491" t="s">
        <v>80</v>
      </c>
      <c r="H8491" t="s">
        <v>81</v>
      </c>
      <c r="I8491" s="2">
        <v>1</v>
      </c>
      <c r="J8491" s="2">
        <v>0</v>
      </c>
      <c r="K8491" s="2">
        <v>0</v>
      </c>
      <c r="L8491" t="s">
        <v>120</v>
      </c>
      <c r="M8491" t="s">
        <v>87</v>
      </c>
      <c r="N8491" t="s">
        <v>88</v>
      </c>
      <c r="O8491" t="s">
        <v>85</v>
      </c>
      <c r="P8491" t="s">
        <v>86</v>
      </c>
      <c r="Q8491">
        <v>13</v>
      </c>
      <c r="R8491">
        <v>13</v>
      </c>
      <c r="S8491">
        <v>13</v>
      </c>
      <c r="T8491">
        <v>13</v>
      </c>
      <c r="U8491">
        <v>13</v>
      </c>
      <c r="V8491">
        <v>14</v>
      </c>
      <c r="W8491">
        <v>14</v>
      </c>
      <c r="X8491">
        <v>14</v>
      </c>
      <c r="Y8491">
        <v>14</v>
      </c>
      <c r="Z8491">
        <v>14</v>
      </c>
      <c r="AA8491">
        <v>14</v>
      </c>
      <c r="AB8491">
        <v>14</v>
      </c>
      <c r="AC8491">
        <v>14</v>
      </c>
      <c r="AD8491">
        <v>14</v>
      </c>
      <c r="AE8491">
        <v>14</v>
      </c>
      <c r="AF8491">
        <v>14</v>
      </c>
      <c r="AG8491">
        <v>14</v>
      </c>
      <c r="AH8491">
        <v>14</v>
      </c>
      <c r="AI8491">
        <v>14</v>
      </c>
      <c r="AJ8491">
        <v>14</v>
      </c>
      <c r="AK8491">
        <v>14</v>
      </c>
      <c r="AL8491">
        <v>14</v>
      </c>
      <c r="AM8491">
        <v>14</v>
      </c>
      <c r="AN8491">
        <v>15</v>
      </c>
      <c r="AO8491">
        <v>15</v>
      </c>
      <c r="AP8491">
        <v>15</v>
      </c>
      <c r="AQ8491">
        <v>15</v>
      </c>
    </row>
    <row r="8492" spans="1:43">
      <c r="A8492" t="s">
        <v>5304</v>
      </c>
      <c r="B8492" t="s">
        <v>5305</v>
      </c>
      <c r="C8492" t="s">
        <v>5298</v>
      </c>
      <c r="D8492" t="s">
        <v>5299</v>
      </c>
      <c r="E8492" t="s">
        <v>5270</v>
      </c>
      <c r="F8492" t="s">
        <v>5271</v>
      </c>
      <c r="G8492" t="s">
        <v>80</v>
      </c>
      <c r="H8492" t="s">
        <v>81</v>
      </c>
      <c r="I8492" s="2">
        <v>1</v>
      </c>
      <c r="J8492" s="2">
        <v>0</v>
      </c>
      <c r="K8492" s="2">
        <v>0</v>
      </c>
      <c r="L8492" t="s">
        <v>120</v>
      </c>
      <c r="M8492" t="s">
        <v>89</v>
      </c>
      <c r="N8492" t="s">
        <v>90</v>
      </c>
      <c r="O8492" t="s">
        <v>85</v>
      </c>
      <c r="P8492" t="s">
        <v>86</v>
      </c>
      <c r="Q8492">
        <v>13</v>
      </c>
      <c r="R8492">
        <v>14</v>
      </c>
      <c r="S8492">
        <v>14</v>
      </c>
      <c r="T8492">
        <v>14</v>
      </c>
      <c r="U8492">
        <v>15</v>
      </c>
      <c r="V8492">
        <v>15</v>
      </c>
      <c r="W8492">
        <v>15</v>
      </c>
      <c r="X8492">
        <v>15</v>
      </c>
      <c r="Y8492">
        <v>16</v>
      </c>
      <c r="Z8492">
        <v>16</v>
      </c>
      <c r="AA8492">
        <v>16</v>
      </c>
      <c r="AB8492">
        <v>16</v>
      </c>
      <c r="AC8492">
        <v>17</v>
      </c>
      <c r="AD8492">
        <v>17</v>
      </c>
      <c r="AE8492">
        <v>17</v>
      </c>
      <c r="AF8492">
        <v>17</v>
      </c>
      <c r="AG8492">
        <v>17</v>
      </c>
      <c r="AH8492">
        <v>17</v>
      </c>
      <c r="AI8492">
        <v>17</v>
      </c>
      <c r="AJ8492">
        <v>17</v>
      </c>
      <c r="AK8492">
        <v>17</v>
      </c>
      <c r="AL8492">
        <v>17</v>
      </c>
      <c r="AM8492">
        <v>17</v>
      </c>
      <c r="AN8492">
        <v>17</v>
      </c>
      <c r="AO8492">
        <v>17</v>
      </c>
      <c r="AP8492">
        <v>17</v>
      </c>
      <c r="AQ8492">
        <v>17</v>
      </c>
    </row>
    <row r="8493" spans="1:43">
      <c r="A8493" t="s">
        <v>5304</v>
      </c>
      <c r="B8493" t="s">
        <v>5305</v>
      </c>
      <c r="C8493" t="s">
        <v>5298</v>
      </c>
      <c r="D8493" t="s">
        <v>5299</v>
      </c>
      <c r="E8493" t="s">
        <v>5270</v>
      </c>
      <c r="F8493" t="s">
        <v>5271</v>
      </c>
      <c r="G8493" t="s">
        <v>80</v>
      </c>
      <c r="H8493" t="s">
        <v>81</v>
      </c>
      <c r="I8493" s="2">
        <v>1</v>
      </c>
      <c r="J8493" s="2">
        <v>0</v>
      </c>
      <c r="K8493" s="2">
        <v>0</v>
      </c>
      <c r="L8493" t="s">
        <v>120</v>
      </c>
      <c r="M8493" t="s">
        <v>83</v>
      </c>
      <c r="N8493" t="s">
        <v>91</v>
      </c>
      <c r="O8493" t="s">
        <v>85</v>
      </c>
      <c r="P8493" t="s">
        <v>86</v>
      </c>
      <c r="Q8493">
        <v>13</v>
      </c>
      <c r="R8493">
        <v>14</v>
      </c>
      <c r="S8493">
        <v>14</v>
      </c>
      <c r="T8493">
        <v>14</v>
      </c>
      <c r="U8493">
        <v>14</v>
      </c>
      <c r="V8493">
        <v>14</v>
      </c>
      <c r="W8493">
        <v>14</v>
      </c>
      <c r="X8493">
        <v>15</v>
      </c>
      <c r="Y8493">
        <v>15</v>
      </c>
      <c r="Z8493">
        <v>15</v>
      </c>
      <c r="AA8493">
        <v>15</v>
      </c>
      <c r="AB8493">
        <v>15</v>
      </c>
      <c r="AC8493">
        <v>15</v>
      </c>
      <c r="AD8493">
        <v>16</v>
      </c>
      <c r="AE8493">
        <v>16</v>
      </c>
      <c r="AF8493">
        <v>16</v>
      </c>
      <c r="AG8493">
        <v>16</v>
      </c>
      <c r="AH8493">
        <v>16</v>
      </c>
      <c r="AI8493">
        <v>16</v>
      </c>
      <c r="AJ8493">
        <v>17</v>
      </c>
      <c r="AK8493">
        <v>17</v>
      </c>
      <c r="AL8493">
        <v>17</v>
      </c>
      <c r="AM8493">
        <v>17</v>
      </c>
      <c r="AN8493">
        <v>17</v>
      </c>
      <c r="AO8493">
        <v>17</v>
      </c>
      <c r="AP8493">
        <v>17</v>
      </c>
      <c r="AQ8493">
        <v>17</v>
      </c>
    </row>
    <row r="8494" spans="1:43">
      <c r="A8494" t="s">
        <v>5306</v>
      </c>
      <c r="B8494" t="s">
        <v>5307</v>
      </c>
      <c r="C8494" t="s">
        <v>5280</v>
      </c>
      <c r="D8494" t="s">
        <v>5281</v>
      </c>
      <c r="E8494" t="s">
        <v>5270</v>
      </c>
      <c r="F8494" t="s">
        <v>5271</v>
      </c>
      <c r="G8494" t="s">
        <v>80</v>
      </c>
      <c r="H8494" t="s">
        <v>81</v>
      </c>
      <c r="I8494" s="2">
        <v>1</v>
      </c>
      <c r="J8494" s="2">
        <v>0</v>
      </c>
      <c r="K8494" s="2">
        <v>0</v>
      </c>
      <c r="L8494" t="s">
        <v>120</v>
      </c>
      <c r="M8494" t="s">
        <v>83</v>
      </c>
      <c r="N8494" t="s">
        <v>84</v>
      </c>
      <c r="O8494" t="s">
        <v>85</v>
      </c>
      <c r="P8494" t="s">
        <v>86</v>
      </c>
      <c r="Q8494">
        <v>13</v>
      </c>
      <c r="R8494">
        <v>14</v>
      </c>
      <c r="S8494">
        <v>14</v>
      </c>
      <c r="T8494">
        <v>14</v>
      </c>
      <c r="U8494">
        <v>14</v>
      </c>
      <c r="V8494">
        <v>14</v>
      </c>
      <c r="W8494">
        <v>14</v>
      </c>
      <c r="X8494">
        <v>15</v>
      </c>
      <c r="Y8494">
        <v>15</v>
      </c>
      <c r="Z8494">
        <v>15</v>
      </c>
      <c r="AA8494">
        <v>15</v>
      </c>
      <c r="AB8494">
        <v>15</v>
      </c>
      <c r="AC8494">
        <v>16</v>
      </c>
      <c r="AD8494">
        <v>16</v>
      </c>
      <c r="AE8494">
        <v>16</v>
      </c>
      <c r="AF8494">
        <v>16</v>
      </c>
      <c r="AG8494">
        <v>16</v>
      </c>
      <c r="AH8494">
        <v>16</v>
      </c>
      <c r="AI8494">
        <v>16</v>
      </c>
      <c r="AJ8494">
        <v>17</v>
      </c>
      <c r="AK8494">
        <v>17</v>
      </c>
      <c r="AL8494">
        <v>17</v>
      </c>
      <c r="AM8494">
        <v>17</v>
      </c>
      <c r="AN8494">
        <v>17</v>
      </c>
      <c r="AO8494">
        <v>17</v>
      </c>
      <c r="AP8494">
        <v>17</v>
      </c>
      <c r="AQ8494">
        <v>17</v>
      </c>
    </row>
    <row r="8495" spans="1:43">
      <c r="A8495" t="s">
        <v>5306</v>
      </c>
      <c r="B8495" t="s">
        <v>5307</v>
      </c>
      <c r="C8495" t="s">
        <v>5280</v>
      </c>
      <c r="D8495" t="s">
        <v>5281</v>
      </c>
      <c r="E8495" t="s">
        <v>5270</v>
      </c>
      <c r="F8495" t="s">
        <v>5271</v>
      </c>
      <c r="G8495" t="s">
        <v>80</v>
      </c>
      <c r="H8495" t="s">
        <v>81</v>
      </c>
      <c r="I8495" s="2">
        <v>1</v>
      </c>
      <c r="J8495" s="2">
        <v>0</v>
      </c>
      <c r="K8495" s="2">
        <v>0</v>
      </c>
      <c r="L8495" t="s">
        <v>120</v>
      </c>
      <c r="M8495" t="s">
        <v>87</v>
      </c>
      <c r="N8495" t="s">
        <v>88</v>
      </c>
      <c r="O8495" t="s">
        <v>85</v>
      </c>
      <c r="P8495" t="s">
        <v>86</v>
      </c>
      <c r="Q8495">
        <v>13</v>
      </c>
      <c r="R8495">
        <v>13</v>
      </c>
      <c r="S8495">
        <v>13</v>
      </c>
      <c r="T8495">
        <v>13</v>
      </c>
      <c r="U8495">
        <v>13</v>
      </c>
      <c r="V8495">
        <v>14</v>
      </c>
      <c r="W8495">
        <v>14</v>
      </c>
      <c r="X8495">
        <v>14</v>
      </c>
      <c r="Y8495">
        <v>14</v>
      </c>
      <c r="Z8495">
        <v>14</v>
      </c>
      <c r="AA8495">
        <v>14</v>
      </c>
      <c r="AB8495">
        <v>14</v>
      </c>
      <c r="AC8495">
        <v>14</v>
      </c>
      <c r="AD8495">
        <v>14</v>
      </c>
      <c r="AE8495">
        <v>14</v>
      </c>
      <c r="AF8495">
        <v>14</v>
      </c>
      <c r="AG8495">
        <v>14</v>
      </c>
      <c r="AH8495">
        <v>14</v>
      </c>
      <c r="AI8495">
        <v>14</v>
      </c>
      <c r="AJ8495">
        <v>14</v>
      </c>
      <c r="AK8495">
        <v>14</v>
      </c>
      <c r="AL8495">
        <v>14</v>
      </c>
      <c r="AM8495">
        <v>15</v>
      </c>
      <c r="AN8495">
        <v>15</v>
      </c>
      <c r="AO8495">
        <v>15</v>
      </c>
      <c r="AP8495">
        <v>15</v>
      </c>
      <c r="AQ8495">
        <v>15</v>
      </c>
    </row>
    <row r="8496" spans="1:43">
      <c r="A8496" t="s">
        <v>5306</v>
      </c>
      <c r="B8496" t="s">
        <v>5307</v>
      </c>
      <c r="C8496" t="s">
        <v>5280</v>
      </c>
      <c r="D8496" t="s">
        <v>5281</v>
      </c>
      <c r="E8496" t="s">
        <v>5270</v>
      </c>
      <c r="F8496" t="s">
        <v>5271</v>
      </c>
      <c r="G8496" t="s">
        <v>80</v>
      </c>
      <c r="H8496" t="s">
        <v>81</v>
      </c>
      <c r="I8496" s="2">
        <v>1</v>
      </c>
      <c r="J8496" s="2">
        <v>0</v>
      </c>
      <c r="K8496" s="2">
        <v>0</v>
      </c>
      <c r="L8496" t="s">
        <v>120</v>
      </c>
      <c r="M8496" t="s">
        <v>89</v>
      </c>
      <c r="N8496" t="s">
        <v>90</v>
      </c>
      <c r="O8496" t="s">
        <v>85</v>
      </c>
      <c r="P8496" t="s">
        <v>86</v>
      </c>
      <c r="Q8496">
        <v>13</v>
      </c>
      <c r="R8496">
        <v>14</v>
      </c>
      <c r="S8496">
        <v>14</v>
      </c>
      <c r="T8496">
        <v>14</v>
      </c>
      <c r="U8496">
        <v>15</v>
      </c>
      <c r="V8496">
        <v>15</v>
      </c>
      <c r="W8496">
        <v>15</v>
      </c>
      <c r="X8496">
        <v>15</v>
      </c>
      <c r="Y8496">
        <v>16</v>
      </c>
      <c r="Z8496">
        <v>16</v>
      </c>
      <c r="AA8496">
        <v>16</v>
      </c>
      <c r="AB8496">
        <v>16</v>
      </c>
      <c r="AC8496">
        <v>17</v>
      </c>
      <c r="AD8496">
        <v>17</v>
      </c>
      <c r="AE8496">
        <v>17</v>
      </c>
      <c r="AF8496">
        <v>17</v>
      </c>
      <c r="AG8496">
        <v>17</v>
      </c>
      <c r="AH8496">
        <v>17</v>
      </c>
      <c r="AI8496">
        <v>17</v>
      </c>
      <c r="AJ8496">
        <v>17</v>
      </c>
      <c r="AK8496">
        <v>17</v>
      </c>
      <c r="AL8496">
        <v>17</v>
      </c>
      <c r="AM8496">
        <v>17</v>
      </c>
      <c r="AN8496">
        <v>17</v>
      </c>
      <c r="AO8496">
        <v>17</v>
      </c>
      <c r="AP8496">
        <v>17</v>
      </c>
      <c r="AQ8496">
        <v>17</v>
      </c>
    </row>
    <row r="8497" spans="1:43">
      <c r="A8497" t="s">
        <v>5306</v>
      </c>
      <c r="B8497" t="s">
        <v>5307</v>
      </c>
      <c r="C8497" t="s">
        <v>5280</v>
      </c>
      <c r="D8497" t="s">
        <v>5281</v>
      </c>
      <c r="E8497" t="s">
        <v>5270</v>
      </c>
      <c r="F8497" t="s">
        <v>5271</v>
      </c>
      <c r="G8497" t="s">
        <v>80</v>
      </c>
      <c r="H8497" t="s">
        <v>81</v>
      </c>
      <c r="I8497" s="2">
        <v>1</v>
      </c>
      <c r="J8497" s="2">
        <v>0</v>
      </c>
      <c r="K8497" s="2">
        <v>0</v>
      </c>
      <c r="L8497" t="s">
        <v>120</v>
      </c>
      <c r="M8497" t="s">
        <v>83</v>
      </c>
      <c r="N8497" t="s">
        <v>91</v>
      </c>
      <c r="O8497" t="s">
        <v>85</v>
      </c>
      <c r="P8497" t="s">
        <v>86</v>
      </c>
      <c r="Q8497">
        <v>13</v>
      </c>
      <c r="R8497">
        <v>14</v>
      </c>
      <c r="S8497">
        <v>14</v>
      </c>
      <c r="T8497">
        <v>14</v>
      </c>
      <c r="U8497">
        <v>14</v>
      </c>
      <c r="V8497">
        <v>14</v>
      </c>
      <c r="W8497">
        <v>14</v>
      </c>
      <c r="X8497">
        <v>15</v>
      </c>
      <c r="Y8497">
        <v>15</v>
      </c>
      <c r="Z8497">
        <v>15</v>
      </c>
      <c r="AA8497">
        <v>15</v>
      </c>
      <c r="AB8497">
        <v>15</v>
      </c>
      <c r="AC8497">
        <v>16</v>
      </c>
      <c r="AD8497">
        <v>16</v>
      </c>
      <c r="AE8497">
        <v>16</v>
      </c>
      <c r="AF8497">
        <v>16</v>
      </c>
      <c r="AG8497">
        <v>16</v>
      </c>
      <c r="AH8497">
        <v>16</v>
      </c>
      <c r="AI8497">
        <v>16</v>
      </c>
      <c r="AJ8497">
        <v>17</v>
      </c>
      <c r="AK8497">
        <v>17</v>
      </c>
      <c r="AL8497">
        <v>17</v>
      </c>
      <c r="AM8497">
        <v>17</v>
      </c>
      <c r="AN8497">
        <v>17</v>
      </c>
      <c r="AO8497">
        <v>17</v>
      </c>
      <c r="AP8497">
        <v>17</v>
      </c>
      <c r="AQ8497">
        <v>17</v>
      </c>
    </row>
    <row r="8498" spans="1:43">
      <c r="A8498" t="s">
        <v>5308</v>
      </c>
      <c r="B8498" t="s">
        <v>5309</v>
      </c>
      <c r="C8498" t="s">
        <v>5310</v>
      </c>
      <c r="D8498" t="s">
        <v>5311</v>
      </c>
      <c r="E8498" t="s">
        <v>5270</v>
      </c>
      <c r="F8498" t="s">
        <v>5271</v>
      </c>
      <c r="G8498" t="s">
        <v>80</v>
      </c>
      <c r="H8498" t="s">
        <v>81</v>
      </c>
      <c r="I8498" s="2">
        <v>0.05</v>
      </c>
      <c r="J8498" s="2">
        <v>0</v>
      </c>
      <c r="K8498" s="2">
        <v>0</v>
      </c>
      <c r="L8498" t="s">
        <v>120</v>
      </c>
      <c r="M8498" t="s">
        <v>83</v>
      </c>
      <c r="N8498" t="s">
        <v>84</v>
      </c>
      <c r="O8498" t="s">
        <v>85</v>
      </c>
      <c r="P8498" t="s">
        <v>86</v>
      </c>
      <c r="Q8498">
        <v>2</v>
      </c>
      <c r="R8498">
        <v>2</v>
      </c>
      <c r="S8498">
        <v>2</v>
      </c>
      <c r="T8498">
        <v>2</v>
      </c>
      <c r="U8498">
        <v>2</v>
      </c>
      <c r="V8498">
        <v>2</v>
      </c>
      <c r="W8498">
        <v>2</v>
      </c>
      <c r="X8498">
        <v>2</v>
      </c>
      <c r="Y8498">
        <v>2</v>
      </c>
      <c r="Z8498">
        <v>2</v>
      </c>
      <c r="AA8498">
        <v>2</v>
      </c>
      <c r="AB8498">
        <v>2</v>
      </c>
      <c r="AC8498">
        <v>2</v>
      </c>
      <c r="AD8498">
        <v>2</v>
      </c>
      <c r="AE8498">
        <v>2</v>
      </c>
      <c r="AF8498">
        <v>2</v>
      </c>
      <c r="AG8498">
        <v>2</v>
      </c>
      <c r="AH8498">
        <v>2</v>
      </c>
      <c r="AI8498">
        <v>2</v>
      </c>
      <c r="AJ8498">
        <v>2</v>
      </c>
      <c r="AK8498">
        <v>2</v>
      </c>
      <c r="AL8498">
        <v>2</v>
      </c>
      <c r="AM8498">
        <v>2</v>
      </c>
      <c r="AN8498">
        <v>2</v>
      </c>
      <c r="AO8498">
        <v>2</v>
      </c>
      <c r="AP8498">
        <v>2</v>
      </c>
      <c r="AQ8498">
        <v>2</v>
      </c>
    </row>
    <row r="8499" spans="1:43">
      <c r="A8499" t="s">
        <v>5308</v>
      </c>
      <c r="B8499" t="s">
        <v>5309</v>
      </c>
      <c r="C8499" t="s">
        <v>5310</v>
      </c>
      <c r="D8499" t="s">
        <v>5311</v>
      </c>
      <c r="E8499" t="s">
        <v>5270</v>
      </c>
      <c r="F8499" t="s">
        <v>5271</v>
      </c>
      <c r="G8499" t="s">
        <v>80</v>
      </c>
      <c r="H8499" t="s">
        <v>81</v>
      </c>
      <c r="I8499" s="2">
        <v>0.05</v>
      </c>
      <c r="J8499" s="2">
        <v>0</v>
      </c>
      <c r="K8499" s="2">
        <v>0</v>
      </c>
      <c r="L8499" t="s">
        <v>120</v>
      </c>
      <c r="M8499" t="s">
        <v>87</v>
      </c>
      <c r="N8499" t="s">
        <v>88</v>
      </c>
      <c r="O8499" t="s">
        <v>85</v>
      </c>
      <c r="P8499" t="s">
        <v>86</v>
      </c>
      <c r="Q8499">
        <v>2</v>
      </c>
      <c r="R8499">
        <v>2</v>
      </c>
      <c r="S8499">
        <v>2</v>
      </c>
      <c r="T8499">
        <v>2</v>
      </c>
      <c r="U8499">
        <v>2</v>
      </c>
      <c r="V8499">
        <v>2</v>
      </c>
      <c r="W8499">
        <v>2</v>
      </c>
      <c r="X8499">
        <v>2</v>
      </c>
      <c r="Y8499">
        <v>2</v>
      </c>
      <c r="Z8499">
        <v>2</v>
      </c>
      <c r="AA8499">
        <v>2</v>
      </c>
      <c r="AB8499">
        <v>2</v>
      </c>
      <c r="AC8499">
        <v>2</v>
      </c>
      <c r="AD8499">
        <v>2</v>
      </c>
      <c r="AE8499">
        <v>2</v>
      </c>
      <c r="AF8499">
        <v>2</v>
      </c>
      <c r="AG8499">
        <v>2</v>
      </c>
      <c r="AH8499">
        <v>2</v>
      </c>
      <c r="AI8499">
        <v>2</v>
      </c>
      <c r="AJ8499">
        <v>2</v>
      </c>
      <c r="AK8499">
        <v>2</v>
      </c>
      <c r="AL8499">
        <v>2</v>
      </c>
      <c r="AM8499">
        <v>2</v>
      </c>
      <c r="AN8499">
        <v>2</v>
      </c>
      <c r="AO8499">
        <v>2</v>
      </c>
      <c r="AP8499">
        <v>2</v>
      </c>
      <c r="AQ8499">
        <v>2</v>
      </c>
    </row>
    <row r="8500" spans="1:43">
      <c r="A8500" t="s">
        <v>5308</v>
      </c>
      <c r="B8500" t="s">
        <v>5309</v>
      </c>
      <c r="C8500" t="s">
        <v>5310</v>
      </c>
      <c r="D8500" t="s">
        <v>5311</v>
      </c>
      <c r="E8500" t="s">
        <v>5270</v>
      </c>
      <c r="F8500" t="s">
        <v>5271</v>
      </c>
      <c r="G8500" t="s">
        <v>80</v>
      </c>
      <c r="H8500" t="s">
        <v>81</v>
      </c>
      <c r="I8500" s="2">
        <v>0.05</v>
      </c>
      <c r="J8500" s="2">
        <v>0</v>
      </c>
      <c r="K8500" s="2">
        <v>0</v>
      </c>
      <c r="L8500" t="s">
        <v>120</v>
      </c>
      <c r="M8500" t="s">
        <v>89</v>
      </c>
      <c r="N8500" t="s">
        <v>90</v>
      </c>
      <c r="O8500" t="s">
        <v>85</v>
      </c>
      <c r="P8500" t="s">
        <v>86</v>
      </c>
      <c r="Q8500">
        <v>2</v>
      </c>
      <c r="R8500">
        <v>2</v>
      </c>
      <c r="S8500">
        <v>2</v>
      </c>
      <c r="T8500">
        <v>2</v>
      </c>
      <c r="U8500">
        <v>2</v>
      </c>
      <c r="V8500">
        <v>2</v>
      </c>
      <c r="W8500">
        <v>2</v>
      </c>
      <c r="X8500">
        <v>2</v>
      </c>
      <c r="Y8500">
        <v>2</v>
      </c>
      <c r="Z8500">
        <v>2</v>
      </c>
      <c r="AA8500">
        <v>2</v>
      </c>
      <c r="AB8500">
        <v>2</v>
      </c>
      <c r="AC8500">
        <v>2</v>
      </c>
      <c r="AD8500">
        <v>2</v>
      </c>
      <c r="AE8500">
        <v>2</v>
      </c>
      <c r="AF8500">
        <v>2</v>
      </c>
      <c r="AG8500">
        <v>2</v>
      </c>
      <c r="AH8500">
        <v>2</v>
      </c>
      <c r="AI8500">
        <v>2</v>
      </c>
      <c r="AJ8500">
        <v>2</v>
      </c>
      <c r="AK8500">
        <v>2</v>
      </c>
      <c r="AL8500">
        <v>2</v>
      </c>
      <c r="AM8500">
        <v>2</v>
      </c>
      <c r="AN8500">
        <v>2</v>
      </c>
      <c r="AO8500">
        <v>2</v>
      </c>
      <c r="AP8500">
        <v>2</v>
      </c>
      <c r="AQ8500">
        <v>2</v>
      </c>
    </row>
    <row r="8501" spans="1:43">
      <c r="A8501" t="s">
        <v>5308</v>
      </c>
      <c r="B8501" t="s">
        <v>5309</v>
      </c>
      <c r="C8501" t="s">
        <v>5310</v>
      </c>
      <c r="D8501" t="s">
        <v>5311</v>
      </c>
      <c r="E8501" t="s">
        <v>5270</v>
      </c>
      <c r="F8501" t="s">
        <v>5271</v>
      </c>
      <c r="G8501" t="s">
        <v>80</v>
      </c>
      <c r="H8501" t="s">
        <v>81</v>
      </c>
      <c r="I8501" s="2">
        <v>0.05</v>
      </c>
      <c r="J8501" s="2">
        <v>0</v>
      </c>
      <c r="K8501" s="2">
        <v>0</v>
      </c>
      <c r="L8501" t="s">
        <v>120</v>
      </c>
      <c r="M8501" t="s">
        <v>83</v>
      </c>
      <c r="N8501" t="s">
        <v>91</v>
      </c>
      <c r="O8501" t="s">
        <v>85</v>
      </c>
      <c r="P8501" t="s">
        <v>86</v>
      </c>
      <c r="Q8501">
        <v>2</v>
      </c>
      <c r="R8501">
        <v>2</v>
      </c>
      <c r="S8501">
        <v>2</v>
      </c>
      <c r="T8501">
        <v>2</v>
      </c>
      <c r="U8501">
        <v>2</v>
      </c>
      <c r="V8501">
        <v>2</v>
      </c>
      <c r="W8501">
        <v>2</v>
      </c>
      <c r="X8501">
        <v>2</v>
      </c>
      <c r="Y8501">
        <v>2</v>
      </c>
      <c r="Z8501">
        <v>2</v>
      </c>
      <c r="AA8501">
        <v>2</v>
      </c>
      <c r="AB8501">
        <v>2</v>
      </c>
      <c r="AC8501">
        <v>2</v>
      </c>
      <c r="AD8501">
        <v>2</v>
      </c>
      <c r="AE8501">
        <v>2</v>
      </c>
      <c r="AF8501">
        <v>2</v>
      </c>
      <c r="AG8501">
        <v>2</v>
      </c>
      <c r="AH8501">
        <v>2</v>
      </c>
      <c r="AI8501">
        <v>2</v>
      </c>
      <c r="AJ8501">
        <v>2</v>
      </c>
      <c r="AK8501">
        <v>2</v>
      </c>
      <c r="AL8501">
        <v>2</v>
      </c>
      <c r="AM8501">
        <v>2</v>
      </c>
      <c r="AN8501">
        <v>2</v>
      </c>
      <c r="AO8501">
        <v>2</v>
      </c>
      <c r="AP8501">
        <v>2</v>
      </c>
      <c r="AQ8501">
        <v>2</v>
      </c>
    </row>
    <row r="8502" spans="1:43">
      <c r="A8502" t="s">
        <v>5312</v>
      </c>
      <c r="B8502" t="s">
        <v>5313</v>
      </c>
      <c r="C8502" t="s">
        <v>5310</v>
      </c>
      <c r="D8502" t="s">
        <v>5311</v>
      </c>
      <c r="E8502" t="s">
        <v>5270</v>
      </c>
      <c r="F8502" t="s">
        <v>5271</v>
      </c>
      <c r="G8502" t="s">
        <v>80</v>
      </c>
      <c r="H8502" t="s">
        <v>81</v>
      </c>
      <c r="I8502" s="2">
        <v>0.02</v>
      </c>
      <c r="J8502" s="2">
        <v>0</v>
      </c>
      <c r="K8502" s="2">
        <v>0</v>
      </c>
      <c r="L8502" t="s">
        <v>120</v>
      </c>
      <c r="M8502" t="s">
        <v>83</v>
      </c>
      <c r="N8502" t="s">
        <v>84</v>
      </c>
      <c r="O8502" t="s">
        <v>85</v>
      </c>
      <c r="P8502" t="s">
        <v>86</v>
      </c>
      <c r="Q8502">
        <v>0</v>
      </c>
      <c r="R8502">
        <v>0</v>
      </c>
      <c r="S8502">
        <v>0</v>
      </c>
      <c r="T8502">
        <v>0</v>
      </c>
      <c r="U8502">
        <v>0</v>
      </c>
      <c r="V8502">
        <v>0</v>
      </c>
      <c r="W8502">
        <v>0</v>
      </c>
      <c r="X8502">
        <v>0</v>
      </c>
      <c r="Y8502">
        <v>0</v>
      </c>
      <c r="Z8502">
        <v>0</v>
      </c>
      <c r="AA8502">
        <v>0</v>
      </c>
      <c r="AB8502">
        <v>0</v>
      </c>
      <c r="AC8502">
        <v>0</v>
      </c>
      <c r="AD8502">
        <v>0</v>
      </c>
      <c r="AE8502">
        <v>0</v>
      </c>
      <c r="AF8502">
        <v>0</v>
      </c>
      <c r="AG8502">
        <v>0</v>
      </c>
      <c r="AH8502">
        <v>0</v>
      </c>
      <c r="AI8502">
        <v>0</v>
      </c>
      <c r="AJ8502">
        <v>0</v>
      </c>
      <c r="AK8502">
        <v>0</v>
      </c>
      <c r="AL8502">
        <v>0</v>
      </c>
      <c r="AM8502">
        <v>0</v>
      </c>
      <c r="AN8502">
        <v>0</v>
      </c>
      <c r="AO8502">
        <v>0</v>
      </c>
      <c r="AP8502">
        <v>0</v>
      </c>
      <c r="AQ8502">
        <v>0</v>
      </c>
    </row>
    <row r="8503" spans="1:43">
      <c r="A8503" t="s">
        <v>5312</v>
      </c>
      <c r="B8503" t="s">
        <v>5313</v>
      </c>
      <c r="C8503" t="s">
        <v>5310</v>
      </c>
      <c r="D8503" t="s">
        <v>5311</v>
      </c>
      <c r="E8503" t="s">
        <v>5270</v>
      </c>
      <c r="F8503" t="s">
        <v>5271</v>
      </c>
      <c r="G8503" t="s">
        <v>80</v>
      </c>
      <c r="H8503" t="s">
        <v>81</v>
      </c>
      <c r="I8503" s="2">
        <v>0.02</v>
      </c>
      <c r="J8503" s="2">
        <v>0</v>
      </c>
      <c r="K8503" s="2">
        <v>0</v>
      </c>
      <c r="L8503" t="s">
        <v>120</v>
      </c>
      <c r="M8503" t="s">
        <v>87</v>
      </c>
      <c r="N8503" t="s">
        <v>88</v>
      </c>
      <c r="O8503" t="s">
        <v>85</v>
      </c>
      <c r="P8503" t="s">
        <v>86</v>
      </c>
      <c r="Q8503">
        <v>0</v>
      </c>
      <c r="R8503">
        <v>0</v>
      </c>
      <c r="S8503">
        <v>0</v>
      </c>
      <c r="T8503">
        <v>0</v>
      </c>
      <c r="U8503">
        <v>0</v>
      </c>
      <c r="V8503">
        <v>0</v>
      </c>
      <c r="W8503">
        <v>0</v>
      </c>
      <c r="X8503">
        <v>0</v>
      </c>
      <c r="Y8503">
        <v>0</v>
      </c>
      <c r="Z8503">
        <v>0</v>
      </c>
      <c r="AA8503">
        <v>0</v>
      </c>
      <c r="AB8503">
        <v>0</v>
      </c>
      <c r="AC8503">
        <v>0</v>
      </c>
      <c r="AD8503">
        <v>0</v>
      </c>
      <c r="AE8503">
        <v>0</v>
      </c>
      <c r="AF8503">
        <v>0</v>
      </c>
      <c r="AG8503">
        <v>0</v>
      </c>
      <c r="AH8503">
        <v>0</v>
      </c>
      <c r="AI8503">
        <v>0</v>
      </c>
      <c r="AJ8503">
        <v>0</v>
      </c>
      <c r="AK8503">
        <v>0</v>
      </c>
      <c r="AL8503">
        <v>0</v>
      </c>
      <c r="AM8503">
        <v>0</v>
      </c>
      <c r="AN8503">
        <v>0</v>
      </c>
      <c r="AO8503">
        <v>0</v>
      </c>
      <c r="AP8503">
        <v>0</v>
      </c>
      <c r="AQ8503">
        <v>0</v>
      </c>
    </row>
    <row r="8504" spans="1:43">
      <c r="A8504" t="s">
        <v>5312</v>
      </c>
      <c r="B8504" t="s">
        <v>5313</v>
      </c>
      <c r="C8504" t="s">
        <v>5310</v>
      </c>
      <c r="D8504" t="s">
        <v>5311</v>
      </c>
      <c r="E8504" t="s">
        <v>5270</v>
      </c>
      <c r="F8504" t="s">
        <v>5271</v>
      </c>
      <c r="G8504" t="s">
        <v>80</v>
      </c>
      <c r="H8504" t="s">
        <v>81</v>
      </c>
      <c r="I8504" s="2">
        <v>0.02</v>
      </c>
      <c r="J8504" s="2">
        <v>0</v>
      </c>
      <c r="K8504" s="2">
        <v>0</v>
      </c>
      <c r="L8504" t="s">
        <v>120</v>
      </c>
      <c r="M8504" t="s">
        <v>89</v>
      </c>
      <c r="N8504" t="s">
        <v>90</v>
      </c>
      <c r="O8504" t="s">
        <v>85</v>
      </c>
      <c r="P8504" t="s">
        <v>86</v>
      </c>
      <c r="Q8504">
        <v>0</v>
      </c>
      <c r="R8504">
        <v>0</v>
      </c>
      <c r="S8504">
        <v>0</v>
      </c>
      <c r="T8504">
        <v>0</v>
      </c>
      <c r="U8504">
        <v>0</v>
      </c>
      <c r="V8504">
        <v>0</v>
      </c>
      <c r="W8504">
        <v>0</v>
      </c>
      <c r="X8504">
        <v>0</v>
      </c>
      <c r="Y8504">
        <v>0</v>
      </c>
      <c r="Z8504">
        <v>0</v>
      </c>
      <c r="AA8504">
        <v>0</v>
      </c>
      <c r="AB8504">
        <v>0</v>
      </c>
      <c r="AC8504">
        <v>0</v>
      </c>
      <c r="AD8504">
        <v>0</v>
      </c>
      <c r="AE8504">
        <v>0</v>
      </c>
      <c r="AF8504">
        <v>0</v>
      </c>
      <c r="AG8504">
        <v>0</v>
      </c>
      <c r="AH8504">
        <v>0</v>
      </c>
      <c r="AI8504">
        <v>0</v>
      </c>
      <c r="AJ8504">
        <v>0</v>
      </c>
      <c r="AK8504">
        <v>0</v>
      </c>
      <c r="AL8504">
        <v>0</v>
      </c>
      <c r="AM8504">
        <v>0</v>
      </c>
      <c r="AN8504">
        <v>0</v>
      </c>
      <c r="AO8504">
        <v>0</v>
      </c>
      <c r="AP8504">
        <v>0</v>
      </c>
      <c r="AQ8504">
        <v>0</v>
      </c>
    </row>
    <row r="8505" spans="1:43">
      <c r="A8505" t="s">
        <v>5312</v>
      </c>
      <c r="B8505" t="s">
        <v>5313</v>
      </c>
      <c r="C8505" t="s">
        <v>5310</v>
      </c>
      <c r="D8505" t="s">
        <v>5311</v>
      </c>
      <c r="E8505" t="s">
        <v>5270</v>
      </c>
      <c r="F8505" t="s">
        <v>5271</v>
      </c>
      <c r="G8505" t="s">
        <v>80</v>
      </c>
      <c r="H8505" t="s">
        <v>81</v>
      </c>
      <c r="I8505" s="2">
        <v>0.02</v>
      </c>
      <c r="J8505" s="2">
        <v>0</v>
      </c>
      <c r="K8505" s="2">
        <v>0</v>
      </c>
      <c r="L8505" t="s">
        <v>120</v>
      </c>
      <c r="M8505" t="s">
        <v>83</v>
      </c>
      <c r="N8505" t="s">
        <v>91</v>
      </c>
      <c r="O8505" t="s">
        <v>85</v>
      </c>
      <c r="P8505" t="s">
        <v>86</v>
      </c>
      <c r="Q8505">
        <v>0</v>
      </c>
      <c r="R8505">
        <v>0</v>
      </c>
      <c r="S8505">
        <v>0</v>
      </c>
      <c r="T8505">
        <v>0</v>
      </c>
      <c r="U8505">
        <v>0</v>
      </c>
      <c r="V8505">
        <v>0</v>
      </c>
      <c r="W8505">
        <v>0</v>
      </c>
      <c r="X8505">
        <v>0</v>
      </c>
      <c r="Y8505">
        <v>0</v>
      </c>
      <c r="Z8505">
        <v>0</v>
      </c>
      <c r="AA8505">
        <v>0</v>
      </c>
      <c r="AB8505">
        <v>0</v>
      </c>
      <c r="AC8505">
        <v>0</v>
      </c>
      <c r="AD8505">
        <v>0</v>
      </c>
      <c r="AE8505">
        <v>0</v>
      </c>
      <c r="AF8505">
        <v>0</v>
      </c>
      <c r="AG8505">
        <v>0</v>
      </c>
      <c r="AH8505">
        <v>0</v>
      </c>
      <c r="AI8505">
        <v>0</v>
      </c>
      <c r="AJ8505">
        <v>0</v>
      </c>
      <c r="AK8505">
        <v>0</v>
      </c>
      <c r="AL8505">
        <v>0</v>
      </c>
      <c r="AM8505">
        <v>0</v>
      </c>
      <c r="AN8505">
        <v>0</v>
      </c>
      <c r="AO8505">
        <v>0</v>
      </c>
      <c r="AP8505">
        <v>0</v>
      </c>
      <c r="AQ8505">
        <v>0</v>
      </c>
    </row>
    <row r="8506" spans="1:43">
      <c r="A8506" t="s">
        <v>5314</v>
      </c>
      <c r="B8506" t="s">
        <v>5315</v>
      </c>
      <c r="C8506" t="s">
        <v>5316</v>
      </c>
      <c r="D8506" t="s">
        <v>5317</v>
      </c>
      <c r="E8506" t="s">
        <v>5270</v>
      </c>
      <c r="F8506" t="s">
        <v>5271</v>
      </c>
      <c r="G8506" t="s">
        <v>80</v>
      </c>
      <c r="H8506" t="s">
        <v>81</v>
      </c>
      <c r="I8506" s="2">
        <v>1</v>
      </c>
      <c r="J8506" s="2">
        <v>0</v>
      </c>
      <c r="K8506" s="2">
        <v>0</v>
      </c>
      <c r="L8506" t="s">
        <v>120</v>
      </c>
      <c r="M8506" t="s">
        <v>83</v>
      </c>
      <c r="N8506" t="s">
        <v>84</v>
      </c>
      <c r="O8506" t="s">
        <v>85</v>
      </c>
      <c r="P8506" t="s">
        <v>86</v>
      </c>
      <c r="Q8506">
        <v>32</v>
      </c>
      <c r="R8506">
        <v>33</v>
      </c>
      <c r="S8506">
        <v>33</v>
      </c>
      <c r="T8506">
        <v>34</v>
      </c>
      <c r="U8506">
        <v>34</v>
      </c>
      <c r="V8506">
        <v>35</v>
      </c>
      <c r="W8506">
        <v>35</v>
      </c>
      <c r="X8506">
        <v>36</v>
      </c>
      <c r="Y8506">
        <v>36</v>
      </c>
      <c r="Z8506">
        <v>36</v>
      </c>
      <c r="AA8506">
        <v>37</v>
      </c>
      <c r="AB8506">
        <v>37</v>
      </c>
      <c r="AC8506">
        <v>38</v>
      </c>
      <c r="AD8506">
        <v>38</v>
      </c>
      <c r="AE8506">
        <v>38</v>
      </c>
      <c r="AF8506">
        <v>39</v>
      </c>
      <c r="AG8506">
        <v>39</v>
      </c>
      <c r="AH8506">
        <v>40</v>
      </c>
      <c r="AI8506">
        <v>40</v>
      </c>
      <c r="AJ8506">
        <v>40</v>
      </c>
      <c r="AK8506">
        <v>41</v>
      </c>
      <c r="AL8506">
        <v>41</v>
      </c>
      <c r="AM8506">
        <v>41</v>
      </c>
      <c r="AN8506">
        <v>41</v>
      </c>
      <c r="AO8506">
        <v>41</v>
      </c>
      <c r="AP8506">
        <v>41</v>
      </c>
      <c r="AQ8506">
        <v>41</v>
      </c>
    </row>
    <row r="8507" spans="1:43">
      <c r="A8507" t="s">
        <v>5314</v>
      </c>
      <c r="B8507" t="s">
        <v>5315</v>
      </c>
      <c r="C8507" t="s">
        <v>5316</v>
      </c>
      <c r="D8507" t="s">
        <v>5317</v>
      </c>
      <c r="E8507" t="s">
        <v>5270</v>
      </c>
      <c r="F8507" t="s">
        <v>5271</v>
      </c>
      <c r="G8507" t="s">
        <v>80</v>
      </c>
      <c r="H8507" t="s">
        <v>81</v>
      </c>
      <c r="I8507" s="2">
        <v>1</v>
      </c>
      <c r="J8507" s="2">
        <v>0</v>
      </c>
      <c r="K8507" s="2">
        <v>0</v>
      </c>
      <c r="L8507" t="s">
        <v>120</v>
      </c>
      <c r="M8507" t="s">
        <v>87</v>
      </c>
      <c r="N8507" t="s">
        <v>88</v>
      </c>
      <c r="O8507" t="s">
        <v>85</v>
      </c>
      <c r="P8507" t="s">
        <v>86</v>
      </c>
      <c r="Q8507">
        <v>32</v>
      </c>
      <c r="R8507">
        <v>32</v>
      </c>
      <c r="S8507">
        <v>32</v>
      </c>
      <c r="T8507">
        <v>33</v>
      </c>
      <c r="U8507">
        <v>33</v>
      </c>
      <c r="V8507">
        <v>33</v>
      </c>
      <c r="W8507">
        <v>33</v>
      </c>
      <c r="X8507">
        <v>33</v>
      </c>
      <c r="Y8507">
        <v>33</v>
      </c>
      <c r="Z8507">
        <v>33</v>
      </c>
      <c r="AA8507">
        <v>34</v>
      </c>
      <c r="AB8507">
        <v>34</v>
      </c>
      <c r="AC8507">
        <v>34</v>
      </c>
      <c r="AD8507">
        <v>34</v>
      </c>
      <c r="AE8507">
        <v>34</v>
      </c>
      <c r="AF8507">
        <v>34</v>
      </c>
      <c r="AG8507">
        <v>34</v>
      </c>
      <c r="AH8507">
        <v>34</v>
      </c>
      <c r="AI8507">
        <v>35</v>
      </c>
      <c r="AJ8507">
        <v>35</v>
      </c>
      <c r="AK8507">
        <v>35</v>
      </c>
      <c r="AL8507">
        <v>35</v>
      </c>
      <c r="AM8507">
        <v>35</v>
      </c>
      <c r="AN8507">
        <v>35</v>
      </c>
      <c r="AO8507">
        <v>35</v>
      </c>
      <c r="AP8507">
        <v>35</v>
      </c>
      <c r="AQ8507">
        <v>36</v>
      </c>
    </row>
    <row r="8508" spans="1:43">
      <c r="A8508" t="s">
        <v>5314</v>
      </c>
      <c r="B8508" t="s">
        <v>5315</v>
      </c>
      <c r="C8508" t="s">
        <v>5316</v>
      </c>
      <c r="D8508" t="s">
        <v>5317</v>
      </c>
      <c r="E8508" t="s">
        <v>5270</v>
      </c>
      <c r="F8508" t="s">
        <v>5271</v>
      </c>
      <c r="G8508" t="s">
        <v>80</v>
      </c>
      <c r="H8508" t="s">
        <v>81</v>
      </c>
      <c r="I8508" s="2">
        <v>1</v>
      </c>
      <c r="J8508" s="2">
        <v>0</v>
      </c>
      <c r="K8508" s="2">
        <v>0</v>
      </c>
      <c r="L8508" t="s">
        <v>120</v>
      </c>
      <c r="M8508" t="s">
        <v>89</v>
      </c>
      <c r="N8508" t="s">
        <v>90</v>
      </c>
      <c r="O8508" t="s">
        <v>85</v>
      </c>
      <c r="P8508" t="s">
        <v>86</v>
      </c>
      <c r="Q8508">
        <v>32</v>
      </c>
      <c r="R8508">
        <v>32</v>
      </c>
      <c r="S8508">
        <v>33</v>
      </c>
      <c r="T8508">
        <v>34</v>
      </c>
      <c r="U8508">
        <v>35</v>
      </c>
      <c r="V8508">
        <v>35</v>
      </c>
      <c r="W8508">
        <v>36</v>
      </c>
      <c r="X8508">
        <v>37</v>
      </c>
      <c r="Y8508">
        <v>37</v>
      </c>
      <c r="Z8508">
        <v>38</v>
      </c>
      <c r="AA8508">
        <v>38</v>
      </c>
      <c r="AB8508">
        <v>39</v>
      </c>
      <c r="AC8508">
        <v>39</v>
      </c>
      <c r="AD8508">
        <v>40</v>
      </c>
      <c r="AE8508">
        <v>40</v>
      </c>
      <c r="AF8508">
        <v>40</v>
      </c>
      <c r="AG8508">
        <v>40</v>
      </c>
      <c r="AH8508">
        <v>40</v>
      </c>
      <c r="AI8508">
        <v>40</v>
      </c>
      <c r="AJ8508">
        <v>40</v>
      </c>
      <c r="AK8508">
        <v>40</v>
      </c>
      <c r="AL8508">
        <v>40</v>
      </c>
      <c r="AM8508">
        <v>40</v>
      </c>
      <c r="AN8508">
        <v>40</v>
      </c>
      <c r="AO8508">
        <v>40</v>
      </c>
      <c r="AP8508">
        <v>40</v>
      </c>
      <c r="AQ8508">
        <v>40</v>
      </c>
    </row>
    <row r="8509" spans="1:43">
      <c r="A8509" t="s">
        <v>5314</v>
      </c>
      <c r="B8509" t="s">
        <v>5315</v>
      </c>
      <c r="C8509" t="s">
        <v>5316</v>
      </c>
      <c r="D8509" t="s">
        <v>5317</v>
      </c>
      <c r="E8509" t="s">
        <v>5270</v>
      </c>
      <c r="F8509" t="s">
        <v>5271</v>
      </c>
      <c r="G8509" t="s">
        <v>80</v>
      </c>
      <c r="H8509" t="s">
        <v>81</v>
      </c>
      <c r="I8509" s="2">
        <v>1</v>
      </c>
      <c r="J8509" s="2">
        <v>0</v>
      </c>
      <c r="K8509" s="2">
        <v>0</v>
      </c>
      <c r="L8509" t="s">
        <v>120</v>
      </c>
      <c r="M8509" t="s">
        <v>83</v>
      </c>
      <c r="N8509" t="s">
        <v>91</v>
      </c>
      <c r="O8509" t="s">
        <v>85</v>
      </c>
      <c r="P8509" t="s">
        <v>86</v>
      </c>
      <c r="Q8509">
        <v>32</v>
      </c>
      <c r="R8509">
        <v>33</v>
      </c>
      <c r="S8509">
        <v>33</v>
      </c>
      <c r="T8509">
        <v>34</v>
      </c>
      <c r="U8509">
        <v>34</v>
      </c>
      <c r="V8509">
        <v>35</v>
      </c>
      <c r="W8509">
        <v>35</v>
      </c>
      <c r="X8509">
        <v>36</v>
      </c>
      <c r="Y8509">
        <v>36</v>
      </c>
      <c r="Z8509">
        <v>36</v>
      </c>
      <c r="AA8509">
        <v>37</v>
      </c>
      <c r="AB8509">
        <v>37</v>
      </c>
      <c r="AC8509">
        <v>38</v>
      </c>
      <c r="AD8509">
        <v>38</v>
      </c>
      <c r="AE8509">
        <v>38</v>
      </c>
      <c r="AF8509">
        <v>39</v>
      </c>
      <c r="AG8509">
        <v>39</v>
      </c>
      <c r="AH8509">
        <v>40</v>
      </c>
      <c r="AI8509">
        <v>40</v>
      </c>
      <c r="AJ8509">
        <v>40</v>
      </c>
      <c r="AK8509">
        <v>41</v>
      </c>
      <c r="AL8509">
        <v>41</v>
      </c>
      <c r="AM8509">
        <v>41</v>
      </c>
      <c r="AN8509">
        <v>41</v>
      </c>
      <c r="AO8509">
        <v>41</v>
      </c>
      <c r="AP8509">
        <v>41</v>
      </c>
      <c r="AQ8509">
        <v>41</v>
      </c>
    </row>
    <row r="8510" spans="1:43">
      <c r="A8510" t="s">
        <v>5318</v>
      </c>
      <c r="B8510" t="s">
        <v>5319</v>
      </c>
      <c r="C8510" t="s">
        <v>5268</v>
      </c>
      <c r="D8510" t="s">
        <v>5269</v>
      </c>
      <c r="E8510" t="s">
        <v>5270</v>
      </c>
      <c r="F8510" t="s">
        <v>5271</v>
      </c>
      <c r="G8510" t="s">
        <v>80</v>
      </c>
      <c r="H8510" t="s">
        <v>81</v>
      </c>
      <c r="I8510" s="2">
        <v>1</v>
      </c>
      <c r="J8510" s="2">
        <v>0</v>
      </c>
      <c r="K8510" s="2">
        <v>0</v>
      </c>
      <c r="L8510" t="s">
        <v>120</v>
      </c>
      <c r="M8510" t="s">
        <v>83</v>
      </c>
      <c r="N8510" t="s">
        <v>84</v>
      </c>
      <c r="O8510" t="s">
        <v>85</v>
      </c>
      <c r="P8510" t="s">
        <v>86</v>
      </c>
      <c r="Q8510">
        <v>7</v>
      </c>
      <c r="R8510">
        <v>7</v>
      </c>
      <c r="S8510">
        <v>7</v>
      </c>
      <c r="T8510">
        <v>7</v>
      </c>
      <c r="U8510">
        <v>7</v>
      </c>
      <c r="V8510">
        <v>7</v>
      </c>
      <c r="W8510">
        <v>7</v>
      </c>
      <c r="X8510">
        <v>7</v>
      </c>
      <c r="Y8510">
        <v>7</v>
      </c>
      <c r="Z8510">
        <v>8</v>
      </c>
      <c r="AA8510">
        <v>8</v>
      </c>
      <c r="AB8510">
        <v>8</v>
      </c>
      <c r="AC8510">
        <v>8</v>
      </c>
      <c r="AD8510">
        <v>8</v>
      </c>
      <c r="AE8510">
        <v>8</v>
      </c>
      <c r="AF8510">
        <v>8</v>
      </c>
      <c r="AG8510">
        <v>8</v>
      </c>
      <c r="AH8510">
        <v>8</v>
      </c>
      <c r="AI8510">
        <v>8</v>
      </c>
      <c r="AJ8510">
        <v>8</v>
      </c>
      <c r="AK8510">
        <v>9</v>
      </c>
      <c r="AL8510">
        <v>9</v>
      </c>
      <c r="AM8510">
        <v>9</v>
      </c>
      <c r="AN8510">
        <v>9</v>
      </c>
      <c r="AO8510">
        <v>9</v>
      </c>
      <c r="AP8510">
        <v>9</v>
      </c>
      <c r="AQ8510">
        <v>9</v>
      </c>
    </row>
    <row r="8511" spans="1:43">
      <c r="A8511" t="s">
        <v>5318</v>
      </c>
      <c r="B8511" t="s">
        <v>5319</v>
      </c>
      <c r="C8511" t="s">
        <v>5268</v>
      </c>
      <c r="D8511" t="s">
        <v>5269</v>
      </c>
      <c r="E8511" t="s">
        <v>5270</v>
      </c>
      <c r="F8511" t="s">
        <v>5271</v>
      </c>
      <c r="G8511" t="s">
        <v>80</v>
      </c>
      <c r="H8511" t="s">
        <v>81</v>
      </c>
      <c r="I8511" s="2">
        <v>1</v>
      </c>
      <c r="J8511" s="2">
        <v>0</v>
      </c>
      <c r="K8511" s="2">
        <v>0</v>
      </c>
      <c r="L8511" t="s">
        <v>120</v>
      </c>
      <c r="M8511" t="s">
        <v>87</v>
      </c>
      <c r="N8511" t="s">
        <v>88</v>
      </c>
      <c r="O8511" t="s">
        <v>85</v>
      </c>
      <c r="P8511" t="s">
        <v>86</v>
      </c>
      <c r="Q8511">
        <v>7</v>
      </c>
      <c r="R8511">
        <v>7</v>
      </c>
      <c r="S8511">
        <v>7</v>
      </c>
      <c r="T8511">
        <v>7</v>
      </c>
      <c r="U8511">
        <v>7</v>
      </c>
      <c r="V8511">
        <v>7</v>
      </c>
      <c r="W8511">
        <v>7</v>
      </c>
      <c r="X8511">
        <v>7</v>
      </c>
      <c r="Y8511">
        <v>7</v>
      </c>
      <c r="Z8511">
        <v>7</v>
      </c>
      <c r="AA8511">
        <v>7</v>
      </c>
      <c r="AB8511">
        <v>7</v>
      </c>
      <c r="AC8511">
        <v>7</v>
      </c>
      <c r="AD8511">
        <v>7</v>
      </c>
      <c r="AE8511">
        <v>7</v>
      </c>
      <c r="AF8511">
        <v>7</v>
      </c>
      <c r="AG8511">
        <v>7</v>
      </c>
      <c r="AH8511">
        <v>7</v>
      </c>
      <c r="AI8511">
        <v>7</v>
      </c>
      <c r="AJ8511">
        <v>7</v>
      </c>
      <c r="AK8511">
        <v>7</v>
      </c>
      <c r="AL8511">
        <v>7</v>
      </c>
      <c r="AM8511">
        <v>7</v>
      </c>
      <c r="AN8511">
        <v>7</v>
      </c>
      <c r="AO8511">
        <v>7</v>
      </c>
      <c r="AP8511">
        <v>7</v>
      </c>
      <c r="AQ8511">
        <v>7</v>
      </c>
    </row>
    <row r="8512" spans="1:43">
      <c r="A8512" t="s">
        <v>5318</v>
      </c>
      <c r="B8512" t="s">
        <v>5319</v>
      </c>
      <c r="C8512" t="s">
        <v>5268</v>
      </c>
      <c r="D8512" t="s">
        <v>5269</v>
      </c>
      <c r="E8512" t="s">
        <v>5270</v>
      </c>
      <c r="F8512" t="s">
        <v>5271</v>
      </c>
      <c r="G8512" t="s">
        <v>80</v>
      </c>
      <c r="H8512" t="s">
        <v>81</v>
      </c>
      <c r="I8512" s="2">
        <v>1</v>
      </c>
      <c r="J8512" s="2">
        <v>0</v>
      </c>
      <c r="K8512" s="2">
        <v>0</v>
      </c>
      <c r="L8512" t="s">
        <v>120</v>
      </c>
      <c r="M8512" t="s">
        <v>89</v>
      </c>
      <c r="N8512" t="s">
        <v>90</v>
      </c>
      <c r="O8512" t="s">
        <v>85</v>
      </c>
      <c r="P8512" t="s">
        <v>86</v>
      </c>
      <c r="Q8512">
        <v>7</v>
      </c>
      <c r="R8512">
        <v>7</v>
      </c>
      <c r="S8512">
        <v>7</v>
      </c>
      <c r="T8512">
        <v>7</v>
      </c>
      <c r="U8512">
        <v>7</v>
      </c>
      <c r="V8512">
        <v>7</v>
      </c>
      <c r="W8512">
        <v>8</v>
      </c>
      <c r="X8512">
        <v>8</v>
      </c>
      <c r="Y8512">
        <v>8</v>
      </c>
      <c r="Z8512">
        <v>8</v>
      </c>
      <c r="AA8512">
        <v>8</v>
      </c>
      <c r="AB8512">
        <v>8</v>
      </c>
      <c r="AC8512">
        <v>8</v>
      </c>
      <c r="AD8512">
        <v>8</v>
      </c>
      <c r="AE8512">
        <v>9</v>
      </c>
      <c r="AF8512">
        <v>9</v>
      </c>
      <c r="AG8512">
        <v>9</v>
      </c>
      <c r="AH8512">
        <v>9</v>
      </c>
      <c r="AI8512">
        <v>9</v>
      </c>
      <c r="AJ8512">
        <v>9</v>
      </c>
      <c r="AK8512">
        <v>9</v>
      </c>
      <c r="AL8512">
        <v>9</v>
      </c>
      <c r="AM8512">
        <v>9</v>
      </c>
      <c r="AN8512">
        <v>9</v>
      </c>
      <c r="AO8512">
        <v>9</v>
      </c>
      <c r="AP8512">
        <v>9</v>
      </c>
      <c r="AQ8512">
        <v>9</v>
      </c>
    </row>
    <row r="8513" spans="1:43">
      <c r="A8513" t="s">
        <v>5318</v>
      </c>
      <c r="B8513" t="s">
        <v>5319</v>
      </c>
      <c r="C8513" t="s">
        <v>5268</v>
      </c>
      <c r="D8513" t="s">
        <v>5269</v>
      </c>
      <c r="E8513" t="s">
        <v>5270</v>
      </c>
      <c r="F8513" t="s">
        <v>5271</v>
      </c>
      <c r="G8513" t="s">
        <v>80</v>
      </c>
      <c r="H8513" t="s">
        <v>81</v>
      </c>
      <c r="I8513" s="2">
        <v>1</v>
      </c>
      <c r="J8513" s="2">
        <v>0</v>
      </c>
      <c r="K8513" s="2">
        <v>0</v>
      </c>
      <c r="L8513" t="s">
        <v>120</v>
      </c>
      <c r="M8513" t="s">
        <v>83</v>
      </c>
      <c r="N8513" t="s">
        <v>91</v>
      </c>
      <c r="O8513" t="s">
        <v>85</v>
      </c>
      <c r="P8513" t="s">
        <v>86</v>
      </c>
      <c r="Q8513">
        <v>7</v>
      </c>
      <c r="R8513">
        <v>7</v>
      </c>
      <c r="S8513">
        <v>7</v>
      </c>
      <c r="T8513">
        <v>7</v>
      </c>
      <c r="U8513">
        <v>7</v>
      </c>
      <c r="V8513">
        <v>7</v>
      </c>
      <c r="W8513">
        <v>7</v>
      </c>
      <c r="X8513">
        <v>7</v>
      </c>
      <c r="Y8513">
        <v>7</v>
      </c>
      <c r="Z8513">
        <v>8</v>
      </c>
      <c r="AA8513">
        <v>8</v>
      </c>
      <c r="AB8513">
        <v>8</v>
      </c>
      <c r="AC8513">
        <v>8</v>
      </c>
      <c r="AD8513">
        <v>8</v>
      </c>
      <c r="AE8513">
        <v>8</v>
      </c>
      <c r="AF8513">
        <v>8</v>
      </c>
      <c r="AG8513">
        <v>8</v>
      </c>
      <c r="AH8513">
        <v>8</v>
      </c>
      <c r="AI8513">
        <v>8</v>
      </c>
      <c r="AJ8513">
        <v>8</v>
      </c>
      <c r="AK8513">
        <v>9</v>
      </c>
      <c r="AL8513">
        <v>9</v>
      </c>
      <c r="AM8513">
        <v>9</v>
      </c>
      <c r="AN8513">
        <v>9</v>
      </c>
      <c r="AO8513">
        <v>9</v>
      </c>
      <c r="AP8513">
        <v>9</v>
      </c>
      <c r="AQ8513">
        <v>9</v>
      </c>
    </row>
    <row r="8514" spans="1:43">
      <c r="A8514" t="s">
        <v>5320</v>
      </c>
      <c r="B8514" t="s">
        <v>5321</v>
      </c>
      <c r="C8514" t="s">
        <v>5316</v>
      </c>
      <c r="D8514" t="s">
        <v>5317</v>
      </c>
      <c r="E8514" t="s">
        <v>5270</v>
      </c>
      <c r="F8514" t="s">
        <v>5271</v>
      </c>
      <c r="G8514" t="s">
        <v>80</v>
      </c>
      <c r="H8514" t="s">
        <v>81</v>
      </c>
      <c r="I8514" s="2">
        <v>1</v>
      </c>
      <c r="J8514" s="2">
        <v>0</v>
      </c>
      <c r="K8514" s="2">
        <v>0</v>
      </c>
      <c r="L8514" t="s">
        <v>120</v>
      </c>
      <c r="M8514" t="s">
        <v>83</v>
      </c>
      <c r="N8514" t="s">
        <v>84</v>
      </c>
      <c r="O8514" t="s">
        <v>85</v>
      </c>
      <c r="P8514" t="s">
        <v>86</v>
      </c>
      <c r="Q8514">
        <v>12</v>
      </c>
      <c r="R8514">
        <v>12</v>
      </c>
      <c r="S8514">
        <v>12</v>
      </c>
      <c r="T8514">
        <v>12</v>
      </c>
      <c r="U8514">
        <v>13</v>
      </c>
      <c r="V8514">
        <v>13</v>
      </c>
      <c r="W8514">
        <v>13</v>
      </c>
      <c r="X8514">
        <v>13</v>
      </c>
      <c r="Y8514">
        <v>13</v>
      </c>
      <c r="Z8514">
        <v>13</v>
      </c>
      <c r="AA8514">
        <v>13</v>
      </c>
      <c r="AB8514">
        <v>14</v>
      </c>
      <c r="AC8514">
        <v>14</v>
      </c>
      <c r="AD8514">
        <v>14</v>
      </c>
      <c r="AE8514">
        <v>14</v>
      </c>
      <c r="AF8514">
        <v>14</v>
      </c>
      <c r="AG8514">
        <v>14</v>
      </c>
      <c r="AH8514">
        <v>15</v>
      </c>
      <c r="AI8514">
        <v>15</v>
      </c>
      <c r="AJ8514">
        <v>15</v>
      </c>
      <c r="AK8514">
        <v>15</v>
      </c>
      <c r="AL8514">
        <v>15</v>
      </c>
      <c r="AM8514">
        <v>15</v>
      </c>
      <c r="AN8514">
        <v>15</v>
      </c>
      <c r="AO8514">
        <v>15</v>
      </c>
      <c r="AP8514">
        <v>15</v>
      </c>
      <c r="AQ8514">
        <v>15</v>
      </c>
    </row>
    <row r="8515" spans="1:43">
      <c r="A8515" t="s">
        <v>5320</v>
      </c>
      <c r="B8515" t="s">
        <v>5321</v>
      </c>
      <c r="C8515" t="s">
        <v>5316</v>
      </c>
      <c r="D8515" t="s">
        <v>5317</v>
      </c>
      <c r="E8515" t="s">
        <v>5270</v>
      </c>
      <c r="F8515" t="s">
        <v>5271</v>
      </c>
      <c r="G8515" t="s">
        <v>80</v>
      </c>
      <c r="H8515" t="s">
        <v>81</v>
      </c>
      <c r="I8515" s="2">
        <v>1</v>
      </c>
      <c r="J8515" s="2">
        <v>0</v>
      </c>
      <c r="K8515" s="2">
        <v>0</v>
      </c>
      <c r="L8515" t="s">
        <v>120</v>
      </c>
      <c r="M8515" t="s">
        <v>87</v>
      </c>
      <c r="N8515" t="s">
        <v>88</v>
      </c>
      <c r="O8515" t="s">
        <v>85</v>
      </c>
      <c r="P8515" t="s">
        <v>86</v>
      </c>
      <c r="Q8515">
        <v>12</v>
      </c>
      <c r="R8515">
        <v>12</v>
      </c>
      <c r="S8515">
        <v>12</v>
      </c>
      <c r="T8515">
        <v>12</v>
      </c>
      <c r="U8515">
        <v>12</v>
      </c>
      <c r="V8515">
        <v>12</v>
      </c>
      <c r="W8515">
        <v>12</v>
      </c>
      <c r="X8515">
        <v>12</v>
      </c>
      <c r="Y8515">
        <v>12</v>
      </c>
      <c r="Z8515">
        <v>12</v>
      </c>
      <c r="AA8515">
        <v>12</v>
      </c>
      <c r="AB8515">
        <v>12</v>
      </c>
      <c r="AC8515">
        <v>12</v>
      </c>
      <c r="AD8515">
        <v>12</v>
      </c>
      <c r="AE8515">
        <v>12</v>
      </c>
      <c r="AF8515">
        <v>13</v>
      </c>
      <c r="AG8515">
        <v>13</v>
      </c>
      <c r="AH8515">
        <v>13</v>
      </c>
      <c r="AI8515">
        <v>13</v>
      </c>
      <c r="AJ8515">
        <v>13</v>
      </c>
      <c r="AK8515">
        <v>13</v>
      </c>
      <c r="AL8515">
        <v>13</v>
      </c>
      <c r="AM8515">
        <v>13</v>
      </c>
      <c r="AN8515">
        <v>13</v>
      </c>
      <c r="AO8515">
        <v>13</v>
      </c>
      <c r="AP8515">
        <v>13</v>
      </c>
      <c r="AQ8515">
        <v>13</v>
      </c>
    </row>
    <row r="8516" spans="1:43">
      <c r="A8516" t="s">
        <v>5320</v>
      </c>
      <c r="B8516" t="s">
        <v>5321</v>
      </c>
      <c r="C8516" t="s">
        <v>5316</v>
      </c>
      <c r="D8516" t="s">
        <v>5317</v>
      </c>
      <c r="E8516" t="s">
        <v>5270</v>
      </c>
      <c r="F8516" t="s">
        <v>5271</v>
      </c>
      <c r="G8516" t="s">
        <v>80</v>
      </c>
      <c r="H8516" t="s">
        <v>81</v>
      </c>
      <c r="I8516" s="2">
        <v>1</v>
      </c>
      <c r="J8516" s="2">
        <v>0</v>
      </c>
      <c r="K8516" s="2">
        <v>0</v>
      </c>
      <c r="L8516" t="s">
        <v>120</v>
      </c>
      <c r="M8516" t="s">
        <v>89</v>
      </c>
      <c r="N8516" t="s">
        <v>90</v>
      </c>
      <c r="O8516" t="s">
        <v>85</v>
      </c>
      <c r="P8516" t="s">
        <v>86</v>
      </c>
      <c r="Q8516">
        <v>12</v>
      </c>
      <c r="R8516">
        <v>12</v>
      </c>
      <c r="S8516">
        <v>13</v>
      </c>
      <c r="T8516">
        <v>13</v>
      </c>
      <c r="U8516">
        <v>13</v>
      </c>
      <c r="V8516">
        <v>13</v>
      </c>
      <c r="W8516">
        <v>13</v>
      </c>
      <c r="X8516">
        <v>14</v>
      </c>
      <c r="Y8516">
        <v>14</v>
      </c>
      <c r="Z8516">
        <v>14</v>
      </c>
      <c r="AA8516">
        <v>14</v>
      </c>
      <c r="AB8516">
        <v>15</v>
      </c>
      <c r="AC8516">
        <v>15</v>
      </c>
      <c r="AD8516">
        <v>15</v>
      </c>
      <c r="AE8516">
        <v>15</v>
      </c>
      <c r="AF8516">
        <v>15</v>
      </c>
      <c r="AG8516">
        <v>15</v>
      </c>
      <c r="AH8516">
        <v>15</v>
      </c>
      <c r="AI8516">
        <v>15</v>
      </c>
      <c r="AJ8516">
        <v>15</v>
      </c>
      <c r="AK8516">
        <v>15</v>
      </c>
      <c r="AL8516">
        <v>15</v>
      </c>
      <c r="AM8516">
        <v>15</v>
      </c>
      <c r="AN8516">
        <v>15</v>
      </c>
      <c r="AO8516">
        <v>15</v>
      </c>
      <c r="AP8516">
        <v>15</v>
      </c>
      <c r="AQ8516">
        <v>15</v>
      </c>
    </row>
    <row r="8517" spans="1:43">
      <c r="A8517" t="s">
        <v>5320</v>
      </c>
      <c r="B8517" t="s">
        <v>5321</v>
      </c>
      <c r="C8517" t="s">
        <v>5316</v>
      </c>
      <c r="D8517" t="s">
        <v>5317</v>
      </c>
      <c r="E8517" t="s">
        <v>5270</v>
      </c>
      <c r="F8517" t="s">
        <v>5271</v>
      </c>
      <c r="G8517" t="s">
        <v>80</v>
      </c>
      <c r="H8517" t="s">
        <v>81</v>
      </c>
      <c r="I8517" s="2">
        <v>1</v>
      </c>
      <c r="J8517" s="2">
        <v>0</v>
      </c>
      <c r="K8517" s="2">
        <v>0</v>
      </c>
      <c r="L8517" t="s">
        <v>120</v>
      </c>
      <c r="M8517" t="s">
        <v>83</v>
      </c>
      <c r="N8517" t="s">
        <v>91</v>
      </c>
      <c r="O8517" t="s">
        <v>85</v>
      </c>
      <c r="P8517" t="s">
        <v>86</v>
      </c>
      <c r="Q8517">
        <v>12</v>
      </c>
      <c r="R8517">
        <v>12</v>
      </c>
      <c r="S8517">
        <v>12</v>
      </c>
      <c r="T8517">
        <v>12</v>
      </c>
      <c r="U8517">
        <v>13</v>
      </c>
      <c r="V8517">
        <v>13</v>
      </c>
      <c r="W8517">
        <v>13</v>
      </c>
      <c r="X8517">
        <v>13</v>
      </c>
      <c r="Y8517">
        <v>13</v>
      </c>
      <c r="Z8517">
        <v>13</v>
      </c>
      <c r="AA8517">
        <v>13</v>
      </c>
      <c r="AB8517">
        <v>14</v>
      </c>
      <c r="AC8517">
        <v>14</v>
      </c>
      <c r="AD8517">
        <v>14</v>
      </c>
      <c r="AE8517">
        <v>14</v>
      </c>
      <c r="AF8517">
        <v>14</v>
      </c>
      <c r="AG8517">
        <v>14</v>
      </c>
      <c r="AH8517">
        <v>15</v>
      </c>
      <c r="AI8517">
        <v>15</v>
      </c>
      <c r="AJ8517">
        <v>15</v>
      </c>
      <c r="AK8517">
        <v>15</v>
      </c>
      <c r="AL8517">
        <v>15</v>
      </c>
      <c r="AM8517">
        <v>15</v>
      </c>
      <c r="AN8517">
        <v>15</v>
      </c>
      <c r="AO8517">
        <v>15</v>
      </c>
      <c r="AP8517">
        <v>15</v>
      </c>
      <c r="AQ8517">
        <v>15</v>
      </c>
    </row>
    <row r="8518" spans="1:43">
      <c r="A8518" t="s">
        <v>5322</v>
      </c>
      <c r="B8518" t="s">
        <v>5323</v>
      </c>
      <c r="C8518" t="s">
        <v>5268</v>
      </c>
      <c r="D8518" t="s">
        <v>5269</v>
      </c>
      <c r="E8518" t="s">
        <v>5270</v>
      </c>
      <c r="F8518" t="s">
        <v>5271</v>
      </c>
      <c r="G8518" t="s">
        <v>80</v>
      </c>
      <c r="H8518" t="s">
        <v>81</v>
      </c>
      <c r="I8518" s="2">
        <v>1</v>
      </c>
      <c r="J8518" s="2">
        <v>0</v>
      </c>
      <c r="K8518" s="2">
        <v>0</v>
      </c>
      <c r="L8518" t="s">
        <v>120</v>
      </c>
      <c r="M8518" t="s">
        <v>83</v>
      </c>
      <c r="N8518" t="s">
        <v>84</v>
      </c>
      <c r="O8518" t="s">
        <v>85</v>
      </c>
      <c r="P8518" t="s">
        <v>86</v>
      </c>
      <c r="Q8518">
        <v>8</v>
      </c>
      <c r="R8518">
        <v>8</v>
      </c>
      <c r="S8518">
        <v>8</v>
      </c>
      <c r="T8518">
        <v>8</v>
      </c>
      <c r="U8518">
        <v>8</v>
      </c>
      <c r="V8518">
        <v>8</v>
      </c>
      <c r="W8518">
        <v>8</v>
      </c>
      <c r="X8518">
        <v>8</v>
      </c>
      <c r="Y8518">
        <v>9</v>
      </c>
      <c r="Z8518">
        <v>9</v>
      </c>
      <c r="AA8518">
        <v>9</v>
      </c>
      <c r="AB8518">
        <v>9</v>
      </c>
      <c r="AC8518">
        <v>9</v>
      </c>
      <c r="AD8518">
        <v>9</v>
      </c>
      <c r="AE8518">
        <v>9</v>
      </c>
      <c r="AF8518">
        <v>9</v>
      </c>
      <c r="AG8518">
        <v>9</v>
      </c>
      <c r="AH8518">
        <v>9</v>
      </c>
      <c r="AI8518">
        <v>10</v>
      </c>
      <c r="AJ8518">
        <v>10</v>
      </c>
      <c r="AK8518">
        <v>10</v>
      </c>
      <c r="AL8518">
        <v>10</v>
      </c>
      <c r="AM8518">
        <v>10</v>
      </c>
      <c r="AN8518">
        <v>10</v>
      </c>
      <c r="AO8518">
        <v>10</v>
      </c>
      <c r="AP8518">
        <v>10</v>
      </c>
      <c r="AQ8518">
        <v>10</v>
      </c>
    </row>
    <row r="8519" spans="1:43">
      <c r="A8519" t="s">
        <v>5322</v>
      </c>
      <c r="B8519" t="s">
        <v>5323</v>
      </c>
      <c r="C8519" t="s">
        <v>5268</v>
      </c>
      <c r="D8519" t="s">
        <v>5269</v>
      </c>
      <c r="E8519" t="s">
        <v>5270</v>
      </c>
      <c r="F8519" t="s">
        <v>5271</v>
      </c>
      <c r="G8519" t="s">
        <v>80</v>
      </c>
      <c r="H8519" t="s">
        <v>81</v>
      </c>
      <c r="I8519" s="2">
        <v>1</v>
      </c>
      <c r="J8519" s="2">
        <v>0</v>
      </c>
      <c r="K8519" s="2">
        <v>0</v>
      </c>
      <c r="L8519" t="s">
        <v>120</v>
      </c>
      <c r="M8519" t="s">
        <v>87</v>
      </c>
      <c r="N8519" t="s">
        <v>88</v>
      </c>
      <c r="O8519" t="s">
        <v>85</v>
      </c>
      <c r="P8519" t="s">
        <v>86</v>
      </c>
      <c r="Q8519">
        <v>8</v>
      </c>
      <c r="R8519">
        <v>8</v>
      </c>
      <c r="S8519">
        <v>8</v>
      </c>
      <c r="T8519">
        <v>8</v>
      </c>
      <c r="U8519">
        <v>8</v>
      </c>
      <c r="V8519">
        <v>8</v>
      </c>
      <c r="W8519">
        <v>8</v>
      </c>
      <c r="X8519">
        <v>8</v>
      </c>
      <c r="Y8519">
        <v>8</v>
      </c>
      <c r="Z8519">
        <v>8</v>
      </c>
      <c r="AA8519">
        <v>8</v>
      </c>
      <c r="AB8519">
        <v>8</v>
      </c>
      <c r="AC8519">
        <v>8</v>
      </c>
      <c r="AD8519">
        <v>8</v>
      </c>
      <c r="AE8519">
        <v>8</v>
      </c>
      <c r="AF8519">
        <v>8</v>
      </c>
      <c r="AG8519">
        <v>8</v>
      </c>
      <c r="AH8519">
        <v>8</v>
      </c>
      <c r="AI8519">
        <v>8</v>
      </c>
      <c r="AJ8519">
        <v>8</v>
      </c>
      <c r="AK8519">
        <v>8</v>
      </c>
      <c r="AL8519">
        <v>8</v>
      </c>
      <c r="AM8519">
        <v>8</v>
      </c>
      <c r="AN8519">
        <v>8</v>
      </c>
      <c r="AO8519">
        <v>8</v>
      </c>
      <c r="AP8519">
        <v>8</v>
      </c>
      <c r="AQ8519">
        <v>8</v>
      </c>
    </row>
    <row r="8520" spans="1:43">
      <c r="A8520" t="s">
        <v>5322</v>
      </c>
      <c r="B8520" t="s">
        <v>5323</v>
      </c>
      <c r="C8520" t="s">
        <v>5268</v>
      </c>
      <c r="D8520" t="s">
        <v>5269</v>
      </c>
      <c r="E8520" t="s">
        <v>5270</v>
      </c>
      <c r="F8520" t="s">
        <v>5271</v>
      </c>
      <c r="G8520" t="s">
        <v>80</v>
      </c>
      <c r="H8520" t="s">
        <v>81</v>
      </c>
      <c r="I8520" s="2">
        <v>1</v>
      </c>
      <c r="J8520" s="2">
        <v>0</v>
      </c>
      <c r="K8520" s="2">
        <v>0</v>
      </c>
      <c r="L8520" t="s">
        <v>120</v>
      </c>
      <c r="M8520" t="s">
        <v>89</v>
      </c>
      <c r="N8520" t="s">
        <v>90</v>
      </c>
      <c r="O8520" t="s">
        <v>85</v>
      </c>
      <c r="P8520" t="s">
        <v>86</v>
      </c>
      <c r="Q8520">
        <v>8</v>
      </c>
      <c r="R8520">
        <v>8</v>
      </c>
      <c r="S8520">
        <v>8</v>
      </c>
      <c r="T8520">
        <v>8</v>
      </c>
      <c r="U8520">
        <v>8</v>
      </c>
      <c r="V8520">
        <v>9</v>
      </c>
      <c r="W8520">
        <v>9</v>
      </c>
      <c r="X8520">
        <v>9</v>
      </c>
      <c r="Y8520">
        <v>9</v>
      </c>
      <c r="Z8520">
        <v>9</v>
      </c>
      <c r="AA8520">
        <v>9</v>
      </c>
      <c r="AB8520">
        <v>9</v>
      </c>
      <c r="AC8520">
        <v>10</v>
      </c>
      <c r="AD8520">
        <v>10</v>
      </c>
      <c r="AE8520">
        <v>10</v>
      </c>
      <c r="AF8520">
        <v>10</v>
      </c>
      <c r="AG8520">
        <v>10</v>
      </c>
      <c r="AH8520">
        <v>10</v>
      </c>
      <c r="AI8520">
        <v>10</v>
      </c>
      <c r="AJ8520">
        <v>10</v>
      </c>
      <c r="AK8520">
        <v>10</v>
      </c>
      <c r="AL8520">
        <v>10</v>
      </c>
      <c r="AM8520">
        <v>10</v>
      </c>
      <c r="AN8520">
        <v>10</v>
      </c>
      <c r="AO8520">
        <v>10</v>
      </c>
      <c r="AP8520">
        <v>10</v>
      </c>
      <c r="AQ8520">
        <v>10</v>
      </c>
    </row>
    <row r="8521" spans="1:43">
      <c r="A8521" t="s">
        <v>5322</v>
      </c>
      <c r="B8521" t="s">
        <v>5323</v>
      </c>
      <c r="C8521" t="s">
        <v>5268</v>
      </c>
      <c r="D8521" t="s">
        <v>5269</v>
      </c>
      <c r="E8521" t="s">
        <v>5270</v>
      </c>
      <c r="F8521" t="s">
        <v>5271</v>
      </c>
      <c r="G8521" t="s">
        <v>80</v>
      </c>
      <c r="H8521" t="s">
        <v>81</v>
      </c>
      <c r="I8521" s="2">
        <v>1</v>
      </c>
      <c r="J8521" s="2">
        <v>0</v>
      </c>
      <c r="K8521" s="2">
        <v>0</v>
      </c>
      <c r="L8521" t="s">
        <v>120</v>
      </c>
      <c r="M8521" t="s">
        <v>83</v>
      </c>
      <c r="N8521" t="s">
        <v>91</v>
      </c>
      <c r="O8521" t="s">
        <v>85</v>
      </c>
      <c r="P8521" t="s">
        <v>86</v>
      </c>
      <c r="Q8521">
        <v>8</v>
      </c>
      <c r="R8521">
        <v>8</v>
      </c>
      <c r="S8521">
        <v>8</v>
      </c>
      <c r="T8521">
        <v>8</v>
      </c>
      <c r="U8521">
        <v>8</v>
      </c>
      <c r="V8521">
        <v>8</v>
      </c>
      <c r="W8521">
        <v>8</v>
      </c>
      <c r="X8521">
        <v>8</v>
      </c>
      <c r="Y8521">
        <v>9</v>
      </c>
      <c r="Z8521">
        <v>9</v>
      </c>
      <c r="AA8521">
        <v>9</v>
      </c>
      <c r="AB8521">
        <v>9</v>
      </c>
      <c r="AC8521">
        <v>9</v>
      </c>
      <c r="AD8521">
        <v>9</v>
      </c>
      <c r="AE8521">
        <v>9</v>
      </c>
      <c r="AF8521">
        <v>9</v>
      </c>
      <c r="AG8521">
        <v>9</v>
      </c>
      <c r="AH8521">
        <v>9</v>
      </c>
      <c r="AI8521">
        <v>10</v>
      </c>
      <c r="AJ8521">
        <v>10</v>
      </c>
      <c r="AK8521">
        <v>10</v>
      </c>
      <c r="AL8521">
        <v>10</v>
      </c>
      <c r="AM8521">
        <v>10</v>
      </c>
      <c r="AN8521">
        <v>10</v>
      </c>
      <c r="AO8521">
        <v>10</v>
      </c>
      <c r="AP8521">
        <v>10</v>
      </c>
      <c r="AQ8521">
        <v>10</v>
      </c>
    </row>
    <row r="8522" spans="1:43">
      <c r="A8522" t="s">
        <v>5324</v>
      </c>
      <c r="B8522" t="s">
        <v>5325</v>
      </c>
      <c r="C8522" t="s">
        <v>5268</v>
      </c>
      <c r="D8522" t="s">
        <v>5269</v>
      </c>
      <c r="E8522" t="s">
        <v>5270</v>
      </c>
      <c r="F8522" t="s">
        <v>5271</v>
      </c>
      <c r="G8522" t="s">
        <v>80</v>
      </c>
      <c r="H8522" t="s">
        <v>81</v>
      </c>
      <c r="I8522" s="2">
        <v>1</v>
      </c>
      <c r="J8522" s="2">
        <v>0</v>
      </c>
      <c r="K8522" s="2">
        <v>0</v>
      </c>
      <c r="L8522" t="s">
        <v>120</v>
      </c>
      <c r="M8522" t="s">
        <v>83</v>
      </c>
      <c r="N8522" t="s">
        <v>84</v>
      </c>
      <c r="O8522" t="s">
        <v>85</v>
      </c>
      <c r="P8522" t="s">
        <v>86</v>
      </c>
      <c r="Q8522">
        <v>6</v>
      </c>
      <c r="R8522">
        <v>6</v>
      </c>
      <c r="S8522">
        <v>6</v>
      </c>
      <c r="T8522">
        <v>6</v>
      </c>
      <c r="U8522">
        <v>6</v>
      </c>
      <c r="V8522">
        <v>6</v>
      </c>
      <c r="W8522">
        <v>7</v>
      </c>
      <c r="X8522">
        <v>7</v>
      </c>
      <c r="Y8522">
        <v>7</v>
      </c>
      <c r="Z8522">
        <v>7</v>
      </c>
      <c r="AA8522">
        <v>7</v>
      </c>
      <c r="AB8522">
        <v>7</v>
      </c>
      <c r="AC8522">
        <v>7</v>
      </c>
      <c r="AD8522">
        <v>7</v>
      </c>
      <c r="AE8522">
        <v>7</v>
      </c>
      <c r="AF8522">
        <v>7</v>
      </c>
      <c r="AG8522">
        <v>7</v>
      </c>
      <c r="AH8522">
        <v>7</v>
      </c>
      <c r="AI8522">
        <v>8</v>
      </c>
      <c r="AJ8522">
        <v>8</v>
      </c>
      <c r="AK8522">
        <v>8</v>
      </c>
      <c r="AL8522">
        <v>8</v>
      </c>
      <c r="AM8522">
        <v>8</v>
      </c>
      <c r="AN8522">
        <v>8</v>
      </c>
      <c r="AO8522">
        <v>8</v>
      </c>
      <c r="AP8522">
        <v>8</v>
      </c>
      <c r="AQ8522">
        <v>8</v>
      </c>
    </row>
    <row r="8523" spans="1:43">
      <c r="A8523" t="s">
        <v>5324</v>
      </c>
      <c r="B8523" t="s">
        <v>5325</v>
      </c>
      <c r="C8523" t="s">
        <v>5268</v>
      </c>
      <c r="D8523" t="s">
        <v>5269</v>
      </c>
      <c r="E8523" t="s">
        <v>5270</v>
      </c>
      <c r="F8523" t="s">
        <v>5271</v>
      </c>
      <c r="G8523" t="s">
        <v>80</v>
      </c>
      <c r="H8523" t="s">
        <v>81</v>
      </c>
      <c r="I8523" s="2">
        <v>1</v>
      </c>
      <c r="J8523" s="2">
        <v>0</v>
      </c>
      <c r="K8523" s="2">
        <v>0</v>
      </c>
      <c r="L8523" t="s">
        <v>120</v>
      </c>
      <c r="M8523" t="s">
        <v>87</v>
      </c>
      <c r="N8523" t="s">
        <v>88</v>
      </c>
      <c r="O8523" t="s">
        <v>85</v>
      </c>
      <c r="P8523" t="s">
        <v>86</v>
      </c>
      <c r="Q8523">
        <v>6</v>
      </c>
      <c r="R8523">
        <v>6</v>
      </c>
      <c r="S8523">
        <v>6</v>
      </c>
      <c r="T8523">
        <v>6</v>
      </c>
      <c r="U8523">
        <v>6</v>
      </c>
      <c r="V8523">
        <v>6</v>
      </c>
      <c r="W8523">
        <v>6</v>
      </c>
      <c r="X8523">
        <v>6</v>
      </c>
      <c r="Y8523">
        <v>6</v>
      </c>
      <c r="Z8523">
        <v>6</v>
      </c>
      <c r="AA8523">
        <v>6</v>
      </c>
      <c r="AB8523">
        <v>6</v>
      </c>
      <c r="AC8523">
        <v>6</v>
      </c>
      <c r="AD8523">
        <v>6</v>
      </c>
      <c r="AE8523">
        <v>6</v>
      </c>
      <c r="AF8523">
        <v>6</v>
      </c>
      <c r="AG8523">
        <v>6</v>
      </c>
      <c r="AH8523">
        <v>6</v>
      </c>
      <c r="AI8523">
        <v>6</v>
      </c>
      <c r="AJ8523">
        <v>7</v>
      </c>
      <c r="AK8523">
        <v>7</v>
      </c>
      <c r="AL8523">
        <v>7</v>
      </c>
      <c r="AM8523">
        <v>7</v>
      </c>
      <c r="AN8523">
        <v>7</v>
      </c>
      <c r="AO8523">
        <v>7</v>
      </c>
      <c r="AP8523">
        <v>7</v>
      </c>
      <c r="AQ8523">
        <v>7</v>
      </c>
    </row>
    <row r="8524" spans="1:43">
      <c r="A8524" t="s">
        <v>5324</v>
      </c>
      <c r="B8524" t="s">
        <v>5325</v>
      </c>
      <c r="C8524" t="s">
        <v>5268</v>
      </c>
      <c r="D8524" t="s">
        <v>5269</v>
      </c>
      <c r="E8524" t="s">
        <v>5270</v>
      </c>
      <c r="F8524" t="s">
        <v>5271</v>
      </c>
      <c r="G8524" t="s">
        <v>80</v>
      </c>
      <c r="H8524" t="s">
        <v>81</v>
      </c>
      <c r="I8524" s="2">
        <v>1</v>
      </c>
      <c r="J8524" s="2">
        <v>0</v>
      </c>
      <c r="K8524" s="2">
        <v>0</v>
      </c>
      <c r="L8524" t="s">
        <v>120</v>
      </c>
      <c r="M8524" t="s">
        <v>89</v>
      </c>
      <c r="N8524" t="s">
        <v>90</v>
      </c>
      <c r="O8524" t="s">
        <v>85</v>
      </c>
      <c r="P8524" t="s">
        <v>86</v>
      </c>
      <c r="Q8524">
        <v>6</v>
      </c>
      <c r="R8524">
        <v>6</v>
      </c>
      <c r="S8524">
        <v>6</v>
      </c>
      <c r="T8524">
        <v>7</v>
      </c>
      <c r="U8524">
        <v>7</v>
      </c>
      <c r="V8524">
        <v>7</v>
      </c>
      <c r="W8524">
        <v>7</v>
      </c>
      <c r="X8524">
        <v>7</v>
      </c>
      <c r="Y8524">
        <v>7</v>
      </c>
      <c r="Z8524">
        <v>7</v>
      </c>
      <c r="AA8524">
        <v>7</v>
      </c>
      <c r="AB8524">
        <v>7</v>
      </c>
      <c r="AC8524">
        <v>8</v>
      </c>
      <c r="AD8524">
        <v>8</v>
      </c>
      <c r="AE8524">
        <v>8</v>
      </c>
      <c r="AF8524">
        <v>8</v>
      </c>
      <c r="AG8524">
        <v>8</v>
      </c>
      <c r="AH8524">
        <v>8</v>
      </c>
      <c r="AI8524">
        <v>8</v>
      </c>
      <c r="AJ8524">
        <v>8</v>
      </c>
      <c r="AK8524">
        <v>8</v>
      </c>
      <c r="AL8524">
        <v>8</v>
      </c>
      <c r="AM8524">
        <v>8</v>
      </c>
      <c r="AN8524">
        <v>8</v>
      </c>
      <c r="AO8524">
        <v>8</v>
      </c>
      <c r="AP8524">
        <v>8</v>
      </c>
      <c r="AQ8524">
        <v>8</v>
      </c>
    </row>
    <row r="8525" spans="1:43">
      <c r="A8525" t="s">
        <v>5324</v>
      </c>
      <c r="B8525" t="s">
        <v>5325</v>
      </c>
      <c r="C8525" t="s">
        <v>5268</v>
      </c>
      <c r="D8525" t="s">
        <v>5269</v>
      </c>
      <c r="E8525" t="s">
        <v>5270</v>
      </c>
      <c r="F8525" t="s">
        <v>5271</v>
      </c>
      <c r="G8525" t="s">
        <v>80</v>
      </c>
      <c r="H8525" t="s">
        <v>81</v>
      </c>
      <c r="I8525" s="2">
        <v>1</v>
      </c>
      <c r="J8525" s="2">
        <v>0</v>
      </c>
      <c r="K8525" s="2">
        <v>0</v>
      </c>
      <c r="L8525" t="s">
        <v>120</v>
      </c>
      <c r="M8525" t="s">
        <v>83</v>
      </c>
      <c r="N8525" t="s">
        <v>91</v>
      </c>
      <c r="O8525" t="s">
        <v>85</v>
      </c>
      <c r="P8525" t="s">
        <v>86</v>
      </c>
      <c r="Q8525">
        <v>6</v>
      </c>
      <c r="R8525">
        <v>6</v>
      </c>
      <c r="S8525">
        <v>6</v>
      </c>
      <c r="T8525">
        <v>6</v>
      </c>
      <c r="U8525">
        <v>6</v>
      </c>
      <c r="V8525">
        <v>6</v>
      </c>
      <c r="W8525">
        <v>7</v>
      </c>
      <c r="X8525">
        <v>7</v>
      </c>
      <c r="Y8525">
        <v>7</v>
      </c>
      <c r="Z8525">
        <v>7</v>
      </c>
      <c r="AA8525">
        <v>7</v>
      </c>
      <c r="AB8525">
        <v>7</v>
      </c>
      <c r="AC8525">
        <v>7</v>
      </c>
      <c r="AD8525">
        <v>7</v>
      </c>
      <c r="AE8525">
        <v>7</v>
      </c>
      <c r="AF8525">
        <v>7</v>
      </c>
      <c r="AG8525">
        <v>7</v>
      </c>
      <c r="AH8525">
        <v>7</v>
      </c>
      <c r="AI8525">
        <v>8</v>
      </c>
      <c r="AJ8525">
        <v>8</v>
      </c>
      <c r="AK8525">
        <v>8</v>
      </c>
      <c r="AL8525">
        <v>8</v>
      </c>
      <c r="AM8525">
        <v>8</v>
      </c>
      <c r="AN8525">
        <v>8</v>
      </c>
      <c r="AO8525">
        <v>8</v>
      </c>
      <c r="AP8525">
        <v>8</v>
      </c>
      <c r="AQ8525">
        <v>8</v>
      </c>
    </row>
    <row r="8526" spans="1:43">
      <c r="A8526" t="s">
        <v>5326</v>
      </c>
      <c r="B8526" t="s">
        <v>5327</v>
      </c>
      <c r="C8526" t="s">
        <v>5290</v>
      </c>
      <c r="D8526" t="s">
        <v>5291</v>
      </c>
      <c r="E8526" t="s">
        <v>5270</v>
      </c>
      <c r="F8526" t="s">
        <v>5271</v>
      </c>
      <c r="G8526" t="s">
        <v>80</v>
      </c>
      <c r="H8526" t="s">
        <v>81</v>
      </c>
      <c r="I8526" s="2">
        <v>1</v>
      </c>
      <c r="J8526" s="2">
        <v>0</v>
      </c>
      <c r="K8526" s="2">
        <v>0</v>
      </c>
      <c r="L8526" t="s">
        <v>120</v>
      </c>
      <c r="M8526" t="s">
        <v>83</v>
      </c>
      <c r="N8526" t="s">
        <v>84</v>
      </c>
      <c r="O8526" t="s">
        <v>85</v>
      </c>
      <c r="P8526" t="s">
        <v>86</v>
      </c>
      <c r="Q8526">
        <v>101</v>
      </c>
      <c r="R8526">
        <v>102</v>
      </c>
      <c r="S8526">
        <v>104</v>
      </c>
      <c r="T8526">
        <v>105</v>
      </c>
      <c r="U8526">
        <v>107</v>
      </c>
      <c r="V8526">
        <v>108</v>
      </c>
      <c r="W8526">
        <v>109</v>
      </c>
      <c r="X8526">
        <v>111</v>
      </c>
      <c r="Y8526">
        <v>112</v>
      </c>
      <c r="Z8526">
        <v>114</v>
      </c>
      <c r="AA8526">
        <v>115</v>
      </c>
      <c r="AB8526">
        <v>116</v>
      </c>
      <c r="AC8526">
        <v>118</v>
      </c>
      <c r="AD8526">
        <v>119</v>
      </c>
      <c r="AE8526">
        <v>120</v>
      </c>
      <c r="AF8526">
        <v>122</v>
      </c>
      <c r="AG8526">
        <v>123</v>
      </c>
      <c r="AH8526">
        <v>124</v>
      </c>
      <c r="AI8526">
        <v>125</v>
      </c>
      <c r="AJ8526">
        <v>127</v>
      </c>
      <c r="AK8526">
        <v>128</v>
      </c>
      <c r="AL8526">
        <v>128</v>
      </c>
      <c r="AM8526">
        <v>129</v>
      </c>
      <c r="AN8526">
        <v>129</v>
      </c>
      <c r="AO8526">
        <v>129</v>
      </c>
      <c r="AP8526">
        <v>129</v>
      </c>
      <c r="AQ8526">
        <v>129</v>
      </c>
    </row>
    <row r="8527" spans="1:43">
      <c r="A8527" t="s">
        <v>5326</v>
      </c>
      <c r="B8527" t="s">
        <v>5327</v>
      </c>
      <c r="C8527" t="s">
        <v>5290</v>
      </c>
      <c r="D8527" t="s">
        <v>5291</v>
      </c>
      <c r="E8527" t="s">
        <v>5270</v>
      </c>
      <c r="F8527" t="s">
        <v>5271</v>
      </c>
      <c r="G8527" t="s">
        <v>80</v>
      </c>
      <c r="H8527" t="s">
        <v>81</v>
      </c>
      <c r="I8527" s="2">
        <v>1</v>
      </c>
      <c r="J8527" s="2">
        <v>0</v>
      </c>
      <c r="K8527" s="2">
        <v>0</v>
      </c>
      <c r="L8527" t="s">
        <v>120</v>
      </c>
      <c r="M8527" t="s">
        <v>87</v>
      </c>
      <c r="N8527" t="s">
        <v>88</v>
      </c>
      <c r="O8527" t="s">
        <v>85</v>
      </c>
      <c r="P8527" t="s">
        <v>86</v>
      </c>
      <c r="Q8527">
        <v>101</v>
      </c>
      <c r="R8527">
        <v>101</v>
      </c>
      <c r="S8527">
        <v>102</v>
      </c>
      <c r="T8527">
        <v>102</v>
      </c>
      <c r="U8527">
        <v>103</v>
      </c>
      <c r="V8527">
        <v>103</v>
      </c>
      <c r="W8527">
        <v>104</v>
      </c>
      <c r="X8527">
        <v>104</v>
      </c>
      <c r="Y8527">
        <v>105</v>
      </c>
      <c r="Z8527">
        <v>105</v>
      </c>
      <c r="AA8527">
        <v>106</v>
      </c>
      <c r="AB8527">
        <v>106</v>
      </c>
      <c r="AC8527">
        <v>107</v>
      </c>
      <c r="AD8527">
        <v>107</v>
      </c>
      <c r="AE8527">
        <v>108</v>
      </c>
      <c r="AF8527">
        <v>108</v>
      </c>
      <c r="AG8527">
        <v>109</v>
      </c>
      <c r="AH8527">
        <v>109</v>
      </c>
      <c r="AI8527">
        <v>110</v>
      </c>
      <c r="AJ8527">
        <v>110</v>
      </c>
      <c r="AK8527">
        <v>110</v>
      </c>
      <c r="AL8527">
        <v>111</v>
      </c>
      <c r="AM8527">
        <v>111</v>
      </c>
      <c r="AN8527">
        <v>112</v>
      </c>
      <c r="AO8527">
        <v>112</v>
      </c>
      <c r="AP8527">
        <v>113</v>
      </c>
      <c r="AQ8527">
        <v>113</v>
      </c>
    </row>
    <row r="8528" spans="1:43">
      <c r="A8528" t="s">
        <v>5326</v>
      </c>
      <c r="B8528" t="s">
        <v>5327</v>
      </c>
      <c r="C8528" t="s">
        <v>5290</v>
      </c>
      <c r="D8528" t="s">
        <v>5291</v>
      </c>
      <c r="E8528" t="s">
        <v>5270</v>
      </c>
      <c r="F8528" t="s">
        <v>5271</v>
      </c>
      <c r="G8528" t="s">
        <v>80</v>
      </c>
      <c r="H8528" t="s">
        <v>81</v>
      </c>
      <c r="I8528" s="2">
        <v>1</v>
      </c>
      <c r="J8528" s="2">
        <v>0</v>
      </c>
      <c r="K8528" s="2">
        <v>0</v>
      </c>
      <c r="L8528" t="s">
        <v>120</v>
      </c>
      <c r="M8528" t="s">
        <v>89</v>
      </c>
      <c r="N8528" t="s">
        <v>90</v>
      </c>
      <c r="O8528" t="s">
        <v>85</v>
      </c>
      <c r="P8528" t="s">
        <v>86</v>
      </c>
      <c r="Q8528">
        <v>101</v>
      </c>
      <c r="R8528">
        <v>103</v>
      </c>
      <c r="S8528">
        <v>105</v>
      </c>
      <c r="T8528">
        <v>107</v>
      </c>
      <c r="U8528">
        <v>110</v>
      </c>
      <c r="V8528">
        <v>112</v>
      </c>
      <c r="W8528">
        <v>114</v>
      </c>
      <c r="X8528">
        <v>116</v>
      </c>
      <c r="Y8528">
        <v>118</v>
      </c>
      <c r="Z8528">
        <v>120</v>
      </c>
      <c r="AA8528">
        <v>121</v>
      </c>
      <c r="AB8528">
        <v>123</v>
      </c>
      <c r="AC8528">
        <v>125</v>
      </c>
      <c r="AD8528">
        <v>127</v>
      </c>
      <c r="AE8528">
        <v>128</v>
      </c>
      <c r="AF8528">
        <v>128</v>
      </c>
      <c r="AG8528">
        <v>128</v>
      </c>
      <c r="AH8528">
        <v>128</v>
      </c>
      <c r="AI8528">
        <v>129</v>
      </c>
      <c r="AJ8528">
        <v>129</v>
      </c>
      <c r="AK8528">
        <v>129</v>
      </c>
      <c r="AL8528">
        <v>129</v>
      </c>
      <c r="AM8528">
        <v>129</v>
      </c>
      <c r="AN8528">
        <v>129</v>
      </c>
      <c r="AO8528">
        <v>129</v>
      </c>
      <c r="AP8528">
        <v>129</v>
      </c>
      <c r="AQ8528">
        <v>129</v>
      </c>
    </row>
    <row r="8529" spans="1:43">
      <c r="A8529" t="s">
        <v>5326</v>
      </c>
      <c r="B8529" t="s">
        <v>5327</v>
      </c>
      <c r="C8529" t="s">
        <v>5290</v>
      </c>
      <c r="D8529" t="s">
        <v>5291</v>
      </c>
      <c r="E8529" t="s">
        <v>5270</v>
      </c>
      <c r="F8529" t="s">
        <v>5271</v>
      </c>
      <c r="G8529" t="s">
        <v>80</v>
      </c>
      <c r="H8529" t="s">
        <v>81</v>
      </c>
      <c r="I8529" s="2">
        <v>1</v>
      </c>
      <c r="J8529" s="2">
        <v>0</v>
      </c>
      <c r="K8529" s="2">
        <v>0</v>
      </c>
      <c r="L8529" t="s">
        <v>120</v>
      </c>
      <c r="M8529" t="s">
        <v>83</v>
      </c>
      <c r="N8529" t="s">
        <v>91</v>
      </c>
      <c r="O8529" t="s">
        <v>85</v>
      </c>
      <c r="P8529" t="s">
        <v>86</v>
      </c>
      <c r="Q8529">
        <v>101</v>
      </c>
      <c r="R8529">
        <v>102</v>
      </c>
      <c r="S8529">
        <v>104</v>
      </c>
      <c r="T8529">
        <v>105</v>
      </c>
      <c r="U8529">
        <v>107</v>
      </c>
      <c r="V8529">
        <v>108</v>
      </c>
      <c r="W8529">
        <v>109</v>
      </c>
      <c r="X8529">
        <v>111</v>
      </c>
      <c r="Y8529">
        <v>112</v>
      </c>
      <c r="Z8529">
        <v>114</v>
      </c>
      <c r="AA8529">
        <v>115</v>
      </c>
      <c r="AB8529">
        <v>116</v>
      </c>
      <c r="AC8529">
        <v>118</v>
      </c>
      <c r="AD8529">
        <v>119</v>
      </c>
      <c r="AE8529">
        <v>120</v>
      </c>
      <c r="AF8529">
        <v>122</v>
      </c>
      <c r="AG8529">
        <v>123</v>
      </c>
      <c r="AH8529">
        <v>124</v>
      </c>
      <c r="AI8529">
        <v>125</v>
      </c>
      <c r="AJ8529">
        <v>127</v>
      </c>
      <c r="AK8529">
        <v>128</v>
      </c>
      <c r="AL8529">
        <v>128</v>
      </c>
      <c r="AM8529">
        <v>129</v>
      </c>
      <c r="AN8529">
        <v>129</v>
      </c>
      <c r="AO8529">
        <v>129</v>
      </c>
      <c r="AP8529">
        <v>129</v>
      </c>
      <c r="AQ8529">
        <v>129</v>
      </c>
    </row>
    <row r="8530" spans="1:43">
      <c r="A8530" t="s">
        <v>5328</v>
      </c>
      <c r="B8530" t="s">
        <v>5329</v>
      </c>
      <c r="C8530" t="s">
        <v>5274</v>
      </c>
      <c r="D8530" t="s">
        <v>5275</v>
      </c>
      <c r="E8530" t="s">
        <v>5270</v>
      </c>
      <c r="F8530" t="s">
        <v>5271</v>
      </c>
      <c r="G8530" t="s">
        <v>80</v>
      </c>
      <c r="H8530" t="s">
        <v>81</v>
      </c>
      <c r="I8530" s="2">
        <v>1</v>
      </c>
      <c r="J8530" s="2">
        <v>0</v>
      </c>
      <c r="K8530" s="2">
        <v>0</v>
      </c>
      <c r="L8530" t="s">
        <v>120</v>
      </c>
      <c r="M8530" t="s">
        <v>83</v>
      </c>
      <c r="N8530" t="s">
        <v>84</v>
      </c>
      <c r="O8530" t="s">
        <v>85</v>
      </c>
      <c r="P8530" t="s">
        <v>86</v>
      </c>
      <c r="Q8530">
        <v>16</v>
      </c>
      <c r="R8530">
        <v>16</v>
      </c>
      <c r="S8530">
        <v>17</v>
      </c>
      <c r="T8530">
        <v>17</v>
      </c>
      <c r="U8530">
        <v>17</v>
      </c>
      <c r="V8530">
        <v>17</v>
      </c>
      <c r="W8530">
        <v>18</v>
      </c>
      <c r="X8530">
        <v>18</v>
      </c>
      <c r="Y8530">
        <v>18</v>
      </c>
      <c r="Z8530">
        <v>18</v>
      </c>
      <c r="AA8530">
        <v>18</v>
      </c>
      <c r="AB8530">
        <v>19</v>
      </c>
      <c r="AC8530">
        <v>19</v>
      </c>
      <c r="AD8530">
        <v>19</v>
      </c>
      <c r="AE8530">
        <v>19</v>
      </c>
      <c r="AF8530">
        <v>19</v>
      </c>
      <c r="AG8530">
        <v>20</v>
      </c>
      <c r="AH8530">
        <v>20</v>
      </c>
      <c r="AI8530">
        <v>20</v>
      </c>
      <c r="AJ8530">
        <v>20</v>
      </c>
      <c r="AK8530">
        <v>20</v>
      </c>
      <c r="AL8530">
        <v>21</v>
      </c>
      <c r="AM8530">
        <v>21</v>
      </c>
      <c r="AN8530">
        <v>21</v>
      </c>
      <c r="AO8530">
        <v>21</v>
      </c>
      <c r="AP8530">
        <v>21</v>
      </c>
      <c r="AQ8530">
        <v>21</v>
      </c>
    </row>
    <row r="8531" spans="1:43">
      <c r="A8531" t="s">
        <v>5328</v>
      </c>
      <c r="B8531" t="s">
        <v>5329</v>
      </c>
      <c r="C8531" t="s">
        <v>5274</v>
      </c>
      <c r="D8531" t="s">
        <v>5275</v>
      </c>
      <c r="E8531" t="s">
        <v>5270</v>
      </c>
      <c r="F8531" t="s">
        <v>5271</v>
      </c>
      <c r="G8531" t="s">
        <v>80</v>
      </c>
      <c r="H8531" t="s">
        <v>81</v>
      </c>
      <c r="I8531" s="2">
        <v>1</v>
      </c>
      <c r="J8531" s="2">
        <v>0</v>
      </c>
      <c r="K8531" s="2">
        <v>0</v>
      </c>
      <c r="L8531" t="s">
        <v>120</v>
      </c>
      <c r="M8531" t="s">
        <v>87</v>
      </c>
      <c r="N8531" t="s">
        <v>88</v>
      </c>
      <c r="O8531" t="s">
        <v>85</v>
      </c>
      <c r="P8531" t="s">
        <v>86</v>
      </c>
      <c r="Q8531">
        <v>16</v>
      </c>
      <c r="R8531">
        <v>16</v>
      </c>
      <c r="S8531">
        <v>16</v>
      </c>
      <c r="T8531">
        <v>16</v>
      </c>
      <c r="U8531">
        <v>16</v>
      </c>
      <c r="V8531">
        <v>16</v>
      </c>
      <c r="W8531">
        <v>16</v>
      </c>
      <c r="X8531">
        <v>17</v>
      </c>
      <c r="Y8531">
        <v>17</v>
      </c>
      <c r="Z8531">
        <v>17</v>
      </c>
      <c r="AA8531">
        <v>17</v>
      </c>
      <c r="AB8531">
        <v>17</v>
      </c>
      <c r="AC8531">
        <v>17</v>
      </c>
      <c r="AD8531">
        <v>17</v>
      </c>
      <c r="AE8531">
        <v>17</v>
      </c>
      <c r="AF8531">
        <v>17</v>
      </c>
      <c r="AG8531">
        <v>17</v>
      </c>
      <c r="AH8531">
        <v>17</v>
      </c>
      <c r="AI8531">
        <v>17</v>
      </c>
      <c r="AJ8531">
        <v>17</v>
      </c>
      <c r="AK8531">
        <v>18</v>
      </c>
      <c r="AL8531">
        <v>18</v>
      </c>
      <c r="AM8531">
        <v>18</v>
      </c>
      <c r="AN8531">
        <v>18</v>
      </c>
      <c r="AO8531">
        <v>18</v>
      </c>
      <c r="AP8531">
        <v>18</v>
      </c>
      <c r="AQ8531">
        <v>18</v>
      </c>
    </row>
    <row r="8532" spans="1:43">
      <c r="A8532" t="s">
        <v>5328</v>
      </c>
      <c r="B8532" t="s">
        <v>5329</v>
      </c>
      <c r="C8532" t="s">
        <v>5274</v>
      </c>
      <c r="D8532" t="s">
        <v>5275</v>
      </c>
      <c r="E8532" t="s">
        <v>5270</v>
      </c>
      <c r="F8532" t="s">
        <v>5271</v>
      </c>
      <c r="G8532" t="s">
        <v>80</v>
      </c>
      <c r="H8532" t="s">
        <v>81</v>
      </c>
      <c r="I8532" s="2">
        <v>1</v>
      </c>
      <c r="J8532" s="2">
        <v>0</v>
      </c>
      <c r="K8532" s="2">
        <v>0</v>
      </c>
      <c r="L8532" t="s">
        <v>120</v>
      </c>
      <c r="M8532" t="s">
        <v>89</v>
      </c>
      <c r="N8532" t="s">
        <v>90</v>
      </c>
      <c r="O8532" t="s">
        <v>85</v>
      </c>
      <c r="P8532" t="s">
        <v>86</v>
      </c>
      <c r="Q8532">
        <v>16</v>
      </c>
      <c r="R8532">
        <v>17</v>
      </c>
      <c r="S8532">
        <v>17</v>
      </c>
      <c r="T8532">
        <v>17</v>
      </c>
      <c r="U8532">
        <v>18</v>
      </c>
      <c r="V8532">
        <v>18</v>
      </c>
      <c r="W8532">
        <v>18</v>
      </c>
      <c r="X8532">
        <v>19</v>
      </c>
      <c r="Y8532">
        <v>19</v>
      </c>
      <c r="Z8532">
        <v>19</v>
      </c>
      <c r="AA8532">
        <v>20</v>
      </c>
      <c r="AB8532">
        <v>20</v>
      </c>
      <c r="AC8532">
        <v>20</v>
      </c>
      <c r="AD8532">
        <v>20</v>
      </c>
      <c r="AE8532">
        <v>21</v>
      </c>
      <c r="AF8532">
        <v>21</v>
      </c>
      <c r="AG8532">
        <v>21</v>
      </c>
      <c r="AH8532">
        <v>21</v>
      </c>
      <c r="AI8532">
        <v>21</v>
      </c>
      <c r="AJ8532">
        <v>21</v>
      </c>
      <c r="AK8532">
        <v>21</v>
      </c>
      <c r="AL8532">
        <v>21</v>
      </c>
      <c r="AM8532">
        <v>21</v>
      </c>
      <c r="AN8532">
        <v>21</v>
      </c>
      <c r="AO8532">
        <v>21</v>
      </c>
      <c r="AP8532">
        <v>21</v>
      </c>
      <c r="AQ8532">
        <v>21</v>
      </c>
    </row>
    <row r="8533" spans="1:43">
      <c r="A8533" t="s">
        <v>5328</v>
      </c>
      <c r="B8533" t="s">
        <v>5329</v>
      </c>
      <c r="C8533" t="s">
        <v>5274</v>
      </c>
      <c r="D8533" t="s">
        <v>5275</v>
      </c>
      <c r="E8533" t="s">
        <v>5270</v>
      </c>
      <c r="F8533" t="s">
        <v>5271</v>
      </c>
      <c r="G8533" t="s">
        <v>80</v>
      </c>
      <c r="H8533" t="s">
        <v>81</v>
      </c>
      <c r="I8533" s="2">
        <v>1</v>
      </c>
      <c r="J8533" s="2">
        <v>0</v>
      </c>
      <c r="K8533" s="2">
        <v>0</v>
      </c>
      <c r="L8533" t="s">
        <v>120</v>
      </c>
      <c r="M8533" t="s">
        <v>83</v>
      </c>
      <c r="N8533" t="s">
        <v>91</v>
      </c>
      <c r="O8533" t="s">
        <v>85</v>
      </c>
      <c r="P8533" t="s">
        <v>86</v>
      </c>
      <c r="Q8533">
        <v>16</v>
      </c>
      <c r="R8533">
        <v>16</v>
      </c>
      <c r="S8533">
        <v>17</v>
      </c>
      <c r="T8533">
        <v>17</v>
      </c>
      <c r="U8533">
        <v>17</v>
      </c>
      <c r="V8533">
        <v>17</v>
      </c>
      <c r="W8533">
        <v>18</v>
      </c>
      <c r="X8533">
        <v>18</v>
      </c>
      <c r="Y8533">
        <v>18</v>
      </c>
      <c r="Z8533">
        <v>18</v>
      </c>
      <c r="AA8533">
        <v>18</v>
      </c>
      <c r="AB8533">
        <v>19</v>
      </c>
      <c r="AC8533">
        <v>19</v>
      </c>
      <c r="AD8533">
        <v>19</v>
      </c>
      <c r="AE8533">
        <v>19</v>
      </c>
      <c r="AF8533">
        <v>19</v>
      </c>
      <c r="AG8533">
        <v>20</v>
      </c>
      <c r="AH8533">
        <v>20</v>
      </c>
      <c r="AI8533">
        <v>20</v>
      </c>
      <c r="AJ8533">
        <v>20</v>
      </c>
      <c r="AK8533">
        <v>20</v>
      </c>
      <c r="AL8533">
        <v>21</v>
      </c>
      <c r="AM8533">
        <v>21</v>
      </c>
      <c r="AN8533">
        <v>21</v>
      </c>
      <c r="AO8533">
        <v>21</v>
      </c>
      <c r="AP8533">
        <v>21</v>
      </c>
      <c r="AQ8533">
        <v>21</v>
      </c>
    </row>
    <row r="8534" spans="1:43">
      <c r="A8534" t="s">
        <v>5330</v>
      </c>
      <c r="B8534" t="s">
        <v>5331</v>
      </c>
      <c r="C8534" t="s">
        <v>5332</v>
      </c>
      <c r="D8534" t="s">
        <v>5333</v>
      </c>
      <c r="E8534" t="s">
        <v>5270</v>
      </c>
      <c r="F8534" t="s">
        <v>5271</v>
      </c>
      <c r="G8534" t="s">
        <v>80</v>
      </c>
      <c r="H8534" t="s">
        <v>81</v>
      </c>
      <c r="I8534" s="2">
        <v>1</v>
      </c>
      <c r="J8534" s="2">
        <v>0</v>
      </c>
      <c r="K8534" s="2">
        <v>0</v>
      </c>
      <c r="L8534" t="s">
        <v>120</v>
      </c>
      <c r="M8534" t="s">
        <v>83</v>
      </c>
      <c r="N8534" t="s">
        <v>84</v>
      </c>
      <c r="O8534" t="s">
        <v>85</v>
      </c>
      <c r="P8534" t="s">
        <v>86</v>
      </c>
      <c r="Q8534">
        <v>99</v>
      </c>
      <c r="R8534">
        <v>101</v>
      </c>
      <c r="S8534">
        <v>102</v>
      </c>
      <c r="T8534">
        <v>104</v>
      </c>
      <c r="U8534">
        <v>105</v>
      </c>
      <c r="V8534">
        <v>106</v>
      </c>
      <c r="W8534">
        <v>108</v>
      </c>
      <c r="X8534">
        <v>109</v>
      </c>
      <c r="Y8534">
        <v>110</v>
      </c>
      <c r="Z8534">
        <v>112</v>
      </c>
      <c r="AA8534">
        <v>113</v>
      </c>
      <c r="AB8534">
        <v>114</v>
      </c>
      <c r="AC8534">
        <v>116</v>
      </c>
      <c r="AD8534">
        <v>117</v>
      </c>
      <c r="AE8534">
        <v>118</v>
      </c>
      <c r="AF8534">
        <v>119</v>
      </c>
      <c r="AG8534">
        <v>121</v>
      </c>
      <c r="AH8534">
        <v>122</v>
      </c>
      <c r="AI8534">
        <v>123</v>
      </c>
      <c r="AJ8534">
        <v>124</v>
      </c>
      <c r="AK8534">
        <v>125</v>
      </c>
      <c r="AL8534">
        <v>126</v>
      </c>
      <c r="AM8534">
        <v>126</v>
      </c>
      <c r="AN8534">
        <v>126</v>
      </c>
      <c r="AO8534">
        <v>126</v>
      </c>
      <c r="AP8534">
        <v>126</v>
      </c>
      <c r="AQ8534">
        <v>126</v>
      </c>
    </row>
    <row r="8535" spans="1:43">
      <c r="A8535" t="s">
        <v>5330</v>
      </c>
      <c r="B8535" t="s">
        <v>5331</v>
      </c>
      <c r="C8535" t="s">
        <v>5332</v>
      </c>
      <c r="D8535" t="s">
        <v>5333</v>
      </c>
      <c r="E8535" t="s">
        <v>5270</v>
      </c>
      <c r="F8535" t="s">
        <v>5271</v>
      </c>
      <c r="G8535" t="s">
        <v>80</v>
      </c>
      <c r="H8535" t="s">
        <v>81</v>
      </c>
      <c r="I8535" s="2">
        <v>1</v>
      </c>
      <c r="J8535" s="2">
        <v>0</v>
      </c>
      <c r="K8535" s="2">
        <v>0</v>
      </c>
      <c r="L8535" t="s">
        <v>120</v>
      </c>
      <c r="M8535" t="s">
        <v>87</v>
      </c>
      <c r="N8535" t="s">
        <v>88</v>
      </c>
      <c r="O8535" t="s">
        <v>85</v>
      </c>
      <c r="P8535" t="s">
        <v>86</v>
      </c>
      <c r="Q8535">
        <v>99</v>
      </c>
      <c r="R8535">
        <v>100</v>
      </c>
      <c r="S8535">
        <v>100</v>
      </c>
      <c r="T8535">
        <v>101</v>
      </c>
      <c r="U8535">
        <v>101</v>
      </c>
      <c r="V8535">
        <v>102</v>
      </c>
      <c r="W8535">
        <v>102</v>
      </c>
      <c r="X8535">
        <v>103</v>
      </c>
      <c r="Y8535">
        <v>103</v>
      </c>
      <c r="Z8535">
        <v>104</v>
      </c>
      <c r="AA8535">
        <v>104</v>
      </c>
      <c r="AB8535">
        <v>105</v>
      </c>
      <c r="AC8535">
        <v>105</v>
      </c>
      <c r="AD8535">
        <v>106</v>
      </c>
      <c r="AE8535">
        <v>106</v>
      </c>
      <c r="AF8535">
        <v>106</v>
      </c>
      <c r="AG8535">
        <v>107</v>
      </c>
      <c r="AH8535">
        <v>107</v>
      </c>
      <c r="AI8535">
        <v>108</v>
      </c>
      <c r="AJ8535">
        <v>108</v>
      </c>
      <c r="AK8535">
        <v>109</v>
      </c>
      <c r="AL8535">
        <v>109</v>
      </c>
      <c r="AM8535">
        <v>109</v>
      </c>
      <c r="AN8535">
        <v>110</v>
      </c>
      <c r="AO8535">
        <v>110</v>
      </c>
      <c r="AP8535">
        <v>111</v>
      </c>
      <c r="AQ8535">
        <v>111</v>
      </c>
    </row>
    <row r="8536" spans="1:43">
      <c r="A8536" t="s">
        <v>5330</v>
      </c>
      <c r="B8536" t="s">
        <v>5331</v>
      </c>
      <c r="C8536" t="s">
        <v>5332</v>
      </c>
      <c r="D8536" t="s">
        <v>5333</v>
      </c>
      <c r="E8536" t="s">
        <v>5270</v>
      </c>
      <c r="F8536" t="s">
        <v>5271</v>
      </c>
      <c r="G8536" t="s">
        <v>80</v>
      </c>
      <c r="H8536" t="s">
        <v>81</v>
      </c>
      <c r="I8536" s="2">
        <v>1</v>
      </c>
      <c r="J8536" s="2">
        <v>0</v>
      </c>
      <c r="K8536" s="2">
        <v>0</v>
      </c>
      <c r="L8536" t="s">
        <v>120</v>
      </c>
      <c r="M8536" t="s">
        <v>89</v>
      </c>
      <c r="N8536" t="s">
        <v>90</v>
      </c>
      <c r="O8536" t="s">
        <v>85</v>
      </c>
      <c r="P8536" t="s">
        <v>86</v>
      </c>
      <c r="Q8536">
        <v>99</v>
      </c>
      <c r="R8536">
        <v>101</v>
      </c>
      <c r="S8536">
        <v>104</v>
      </c>
      <c r="T8536">
        <v>106</v>
      </c>
      <c r="U8536">
        <v>108</v>
      </c>
      <c r="V8536">
        <v>110</v>
      </c>
      <c r="W8536">
        <v>112</v>
      </c>
      <c r="X8536">
        <v>114</v>
      </c>
      <c r="Y8536">
        <v>116</v>
      </c>
      <c r="Z8536">
        <v>117</v>
      </c>
      <c r="AA8536">
        <v>119</v>
      </c>
      <c r="AB8536">
        <v>121</v>
      </c>
      <c r="AC8536">
        <v>123</v>
      </c>
      <c r="AD8536">
        <v>124</v>
      </c>
      <c r="AE8536">
        <v>125</v>
      </c>
      <c r="AF8536">
        <v>125</v>
      </c>
      <c r="AG8536">
        <v>125</v>
      </c>
      <c r="AH8536">
        <v>125</v>
      </c>
      <c r="AI8536">
        <v>126</v>
      </c>
      <c r="AJ8536">
        <v>126</v>
      </c>
      <c r="AK8536">
        <v>126</v>
      </c>
      <c r="AL8536">
        <v>126</v>
      </c>
      <c r="AM8536">
        <v>126</v>
      </c>
      <c r="AN8536">
        <v>126</v>
      </c>
      <c r="AO8536">
        <v>126</v>
      </c>
      <c r="AP8536">
        <v>126</v>
      </c>
      <c r="AQ8536">
        <v>126</v>
      </c>
    </row>
    <row r="8537" spans="1:43">
      <c r="A8537" t="s">
        <v>5330</v>
      </c>
      <c r="B8537" t="s">
        <v>5331</v>
      </c>
      <c r="C8537" t="s">
        <v>5332</v>
      </c>
      <c r="D8537" t="s">
        <v>5333</v>
      </c>
      <c r="E8537" t="s">
        <v>5270</v>
      </c>
      <c r="F8537" t="s">
        <v>5271</v>
      </c>
      <c r="G8537" t="s">
        <v>80</v>
      </c>
      <c r="H8537" t="s">
        <v>81</v>
      </c>
      <c r="I8537" s="2">
        <v>1</v>
      </c>
      <c r="J8537" s="2">
        <v>0</v>
      </c>
      <c r="K8537" s="2">
        <v>0</v>
      </c>
      <c r="L8537" t="s">
        <v>120</v>
      </c>
      <c r="M8537" t="s">
        <v>83</v>
      </c>
      <c r="N8537" t="s">
        <v>91</v>
      </c>
      <c r="O8537" t="s">
        <v>85</v>
      </c>
      <c r="P8537" t="s">
        <v>86</v>
      </c>
      <c r="Q8537">
        <v>99</v>
      </c>
      <c r="R8537">
        <v>101</v>
      </c>
      <c r="S8537">
        <v>102</v>
      </c>
      <c r="T8537">
        <v>104</v>
      </c>
      <c r="U8537">
        <v>105</v>
      </c>
      <c r="V8537">
        <v>106</v>
      </c>
      <c r="W8537">
        <v>108</v>
      </c>
      <c r="X8537">
        <v>109</v>
      </c>
      <c r="Y8537">
        <v>110</v>
      </c>
      <c r="Z8537">
        <v>112</v>
      </c>
      <c r="AA8537">
        <v>113</v>
      </c>
      <c r="AB8537">
        <v>114</v>
      </c>
      <c r="AC8537">
        <v>116</v>
      </c>
      <c r="AD8537">
        <v>117</v>
      </c>
      <c r="AE8537">
        <v>118</v>
      </c>
      <c r="AF8537">
        <v>119</v>
      </c>
      <c r="AG8537">
        <v>121</v>
      </c>
      <c r="AH8537">
        <v>122</v>
      </c>
      <c r="AI8537">
        <v>123</v>
      </c>
      <c r="AJ8537">
        <v>124</v>
      </c>
      <c r="AK8537">
        <v>125</v>
      </c>
      <c r="AL8537">
        <v>126</v>
      </c>
      <c r="AM8537">
        <v>126</v>
      </c>
      <c r="AN8537">
        <v>126</v>
      </c>
      <c r="AO8537">
        <v>126</v>
      </c>
      <c r="AP8537">
        <v>126</v>
      </c>
      <c r="AQ8537">
        <v>126</v>
      </c>
    </row>
    <row r="8538" spans="1:43">
      <c r="A8538" t="s">
        <v>5334</v>
      </c>
      <c r="B8538" t="s">
        <v>5335</v>
      </c>
      <c r="C8538" t="s">
        <v>5336</v>
      </c>
      <c r="D8538" t="s">
        <v>5337</v>
      </c>
      <c r="E8538" t="s">
        <v>5270</v>
      </c>
      <c r="F8538" t="s">
        <v>5271</v>
      </c>
      <c r="G8538" t="s">
        <v>80</v>
      </c>
      <c r="H8538" t="s">
        <v>81</v>
      </c>
      <c r="I8538" s="2">
        <v>0.82</v>
      </c>
      <c r="J8538" s="2">
        <v>0</v>
      </c>
      <c r="K8538" s="2">
        <v>0</v>
      </c>
      <c r="L8538" t="s">
        <v>120</v>
      </c>
      <c r="M8538" t="s">
        <v>83</v>
      </c>
      <c r="N8538" t="s">
        <v>84</v>
      </c>
      <c r="O8538" t="s">
        <v>85</v>
      </c>
      <c r="P8538" t="s">
        <v>86</v>
      </c>
      <c r="Q8538">
        <v>22</v>
      </c>
      <c r="R8538">
        <v>22</v>
      </c>
      <c r="S8538">
        <v>23</v>
      </c>
      <c r="T8538">
        <v>23</v>
      </c>
      <c r="U8538">
        <v>23</v>
      </c>
      <c r="V8538">
        <v>24</v>
      </c>
      <c r="W8538">
        <v>24</v>
      </c>
      <c r="X8538">
        <v>24</v>
      </c>
      <c r="Y8538">
        <v>25</v>
      </c>
      <c r="Z8538">
        <v>25</v>
      </c>
      <c r="AA8538">
        <v>25</v>
      </c>
      <c r="AB8538">
        <v>25</v>
      </c>
      <c r="AC8538">
        <v>26</v>
      </c>
      <c r="AD8538">
        <v>26</v>
      </c>
      <c r="AE8538">
        <v>26</v>
      </c>
      <c r="AF8538">
        <v>26</v>
      </c>
      <c r="AG8538">
        <v>27</v>
      </c>
      <c r="AH8538">
        <v>27</v>
      </c>
      <c r="AI8538">
        <v>27</v>
      </c>
      <c r="AJ8538">
        <v>28</v>
      </c>
      <c r="AK8538">
        <v>28</v>
      </c>
      <c r="AL8538">
        <v>28</v>
      </c>
      <c r="AM8538">
        <v>28</v>
      </c>
      <c r="AN8538">
        <v>28</v>
      </c>
      <c r="AO8538">
        <v>28</v>
      </c>
      <c r="AP8538">
        <v>28</v>
      </c>
      <c r="AQ8538">
        <v>28</v>
      </c>
    </row>
    <row r="8539" spans="1:43">
      <c r="A8539" t="s">
        <v>5334</v>
      </c>
      <c r="B8539" t="s">
        <v>5335</v>
      </c>
      <c r="C8539" t="s">
        <v>5336</v>
      </c>
      <c r="D8539" t="s">
        <v>5337</v>
      </c>
      <c r="E8539" t="s">
        <v>5270</v>
      </c>
      <c r="F8539" t="s">
        <v>5271</v>
      </c>
      <c r="G8539" t="s">
        <v>80</v>
      </c>
      <c r="H8539" t="s">
        <v>81</v>
      </c>
      <c r="I8539" s="2">
        <v>0.82</v>
      </c>
      <c r="J8539" s="2">
        <v>0</v>
      </c>
      <c r="K8539" s="2">
        <v>0</v>
      </c>
      <c r="L8539" t="s">
        <v>120</v>
      </c>
      <c r="M8539" t="s">
        <v>87</v>
      </c>
      <c r="N8539" t="s">
        <v>88</v>
      </c>
      <c r="O8539" t="s">
        <v>85</v>
      </c>
      <c r="P8539" t="s">
        <v>86</v>
      </c>
      <c r="Q8539">
        <v>22</v>
      </c>
      <c r="R8539">
        <v>22</v>
      </c>
      <c r="S8539">
        <v>22</v>
      </c>
      <c r="T8539">
        <v>22</v>
      </c>
      <c r="U8539">
        <v>22</v>
      </c>
      <c r="V8539">
        <v>22</v>
      </c>
      <c r="W8539">
        <v>22</v>
      </c>
      <c r="X8539">
        <v>23</v>
      </c>
      <c r="Y8539">
        <v>23</v>
      </c>
      <c r="Z8539">
        <v>23</v>
      </c>
      <c r="AA8539">
        <v>23</v>
      </c>
      <c r="AB8539">
        <v>23</v>
      </c>
      <c r="AC8539">
        <v>23</v>
      </c>
      <c r="AD8539">
        <v>23</v>
      </c>
      <c r="AE8539">
        <v>23</v>
      </c>
      <c r="AF8539">
        <v>23</v>
      </c>
      <c r="AG8539">
        <v>23</v>
      </c>
      <c r="AH8539">
        <v>24</v>
      </c>
      <c r="AI8539">
        <v>24</v>
      </c>
      <c r="AJ8539">
        <v>24</v>
      </c>
      <c r="AK8539">
        <v>24</v>
      </c>
      <c r="AL8539">
        <v>24</v>
      </c>
      <c r="AM8539">
        <v>24</v>
      </c>
      <c r="AN8539">
        <v>24</v>
      </c>
      <c r="AO8539">
        <v>24</v>
      </c>
      <c r="AP8539">
        <v>24</v>
      </c>
      <c r="AQ8539">
        <v>24</v>
      </c>
    </row>
    <row r="8540" spans="1:43">
      <c r="A8540" t="s">
        <v>5334</v>
      </c>
      <c r="B8540" t="s">
        <v>5335</v>
      </c>
      <c r="C8540" t="s">
        <v>5336</v>
      </c>
      <c r="D8540" t="s">
        <v>5337</v>
      </c>
      <c r="E8540" t="s">
        <v>5270</v>
      </c>
      <c r="F8540" t="s">
        <v>5271</v>
      </c>
      <c r="G8540" t="s">
        <v>80</v>
      </c>
      <c r="H8540" t="s">
        <v>81</v>
      </c>
      <c r="I8540" s="2">
        <v>0.82</v>
      </c>
      <c r="J8540" s="2">
        <v>0</v>
      </c>
      <c r="K8540" s="2">
        <v>0</v>
      </c>
      <c r="L8540" t="s">
        <v>120</v>
      </c>
      <c r="M8540" t="s">
        <v>89</v>
      </c>
      <c r="N8540" t="s">
        <v>90</v>
      </c>
      <c r="O8540" t="s">
        <v>85</v>
      </c>
      <c r="P8540" t="s">
        <v>86</v>
      </c>
      <c r="Q8540">
        <v>22</v>
      </c>
      <c r="R8540">
        <v>23</v>
      </c>
      <c r="S8540">
        <v>23</v>
      </c>
      <c r="T8540">
        <v>24</v>
      </c>
      <c r="U8540">
        <v>24</v>
      </c>
      <c r="V8540">
        <v>25</v>
      </c>
      <c r="W8540">
        <v>25</v>
      </c>
      <c r="X8540">
        <v>25</v>
      </c>
      <c r="Y8540">
        <v>26</v>
      </c>
      <c r="Z8540">
        <v>26</v>
      </c>
      <c r="AA8540">
        <v>27</v>
      </c>
      <c r="AB8540">
        <v>27</v>
      </c>
      <c r="AC8540">
        <v>27</v>
      </c>
      <c r="AD8540">
        <v>28</v>
      </c>
      <c r="AE8540">
        <v>28</v>
      </c>
      <c r="AF8540">
        <v>28</v>
      </c>
      <c r="AG8540">
        <v>28</v>
      </c>
      <c r="AH8540">
        <v>28</v>
      </c>
      <c r="AI8540">
        <v>28</v>
      </c>
      <c r="AJ8540">
        <v>28</v>
      </c>
      <c r="AK8540">
        <v>28</v>
      </c>
      <c r="AL8540">
        <v>28</v>
      </c>
      <c r="AM8540">
        <v>28</v>
      </c>
      <c r="AN8540">
        <v>28</v>
      </c>
      <c r="AO8540">
        <v>28</v>
      </c>
      <c r="AP8540">
        <v>28</v>
      </c>
      <c r="AQ8540">
        <v>28</v>
      </c>
    </row>
    <row r="8541" spans="1:43">
      <c r="A8541" t="s">
        <v>5334</v>
      </c>
      <c r="B8541" t="s">
        <v>5335</v>
      </c>
      <c r="C8541" t="s">
        <v>5336</v>
      </c>
      <c r="D8541" t="s">
        <v>5337</v>
      </c>
      <c r="E8541" t="s">
        <v>5270</v>
      </c>
      <c r="F8541" t="s">
        <v>5271</v>
      </c>
      <c r="G8541" t="s">
        <v>80</v>
      </c>
      <c r="H8541" t="s">
        <v>81</v>
      </c>
      <c r="I8541" s="2">
        <v>0.82</v>
      </c>
      <c r="J8541" s="2">
        <v>0</v>
      </c>
      <c r="K8541" s="2">
        <v>0</v>
      </c>
      <c r="L8541" t="s">
        <v>120</v>
      </c>
      <c r="M8541" t="s">
        <v>83</v>
      </c>
      <c r="N8541" t="s">
        <v>91</v>
      </c>
      <c r="O8541" t="s">
        <v>85</v>
      </c>
      <c r="P8541" t="s">
        <v>86</v>
      </c>
      <c r="Q8541">
        <v>22</v>
      </c>
      <c r="R8541">
        <v>22</v>
      </c>
      <c r="S8541">
        <v>23</v>
      </c>
      <c r="T8541">
        <v>23</v>
      </c>
      <c r="U8541">
        <v>23</v>
      </c>
      <c r="V8541">
        <v>24</v>
      </c>
      <c r="W8541">
        <v>24</v>
      </c>
      <c r="X8541">
        <v>24</v>
      </c>
      <c r="Y8541">
        <v>25</v>
      </c>
      <c r="Z8541">
        <v>25</v>
      </c>
      <c r="AA8541">
        <v>25</v>
      </c>
      <c r="AB8541">
        <v>25</v>
      </c>
      <c r="AC8541">
        <v>26</v>
      </c>
      <c r="AD8541">
        <v>26</v>
      </c>
      <c r="AE8541">
        <v>26</v>
      </c>
      <c r="AF8541">
        <v>26</v>
      </c>
      <c r="AG8541">
        <v>27</v>
      </c>
      <c r="AH8541">
        <v>27</v>
      </c>
      <c r="AI8541">
        <v>27</v>
      </c>
      <c r="AJ8541">
        <v>28</v>
      </c>
      <c r="AK8541">
        <v>28</v>
      </c>
      <c r="AL8541">
        <v>28</v>
      </c>
      <c r="AM8541">
        <v>28</v>
      </c>
      <c r="AN8541">
        <v>28</v>
      </c>
      <c r="AO8541">
        <v>28</v>
      </c>
      <c r="AP8541">
        <v>28</v>
      </c>
      <c r="AQ8541">
        <v>28</v>
      </c>
    </row>
    <row r="8542" spans="1:43">
      <c r="A8542" t="s">
        <v>5338</v>
      </c>
      <c r="B8542" t="s">
        <v>5339</v>
      </c>
      <c r="C8542" t="s">
        <v>5332</v>
      </c>
      <c r="D8542" t="s">
        <v>5333</v>
      </c>
      <c r="E8542" t="s">
        <v>5270</v>
      </c>
      <c r="F8542" t="s">
        <v>5271</v>
      </c>
      <c r="G8542" t="s">
        <v>80</v>
      </c>
      <c r="H8542" t="s">
        <v>81</v>
      </c>
      <c r="I8542" s="2">
        <v>1</v>
      </c>
      <c r="J8542" s="2">
        <v>0</v>
      </c>
      <c r="K8542" s="2">
        <v>0</v>
      </c>
      <c r="L8542" t="s">
        <v>120</v>
      </c>
      <c r="M8542" t="s">
        <v>83</v>
      </c>
      <c r="N8542" t="s">
        <v>84</v>
      </c>
      <c r="O8542" t="s">
        <v>85</v>
      </c>
      <c r="P8542" t="s">
        <v>86</v>
      </c>
      <c r="Q8542">
        <v>19</v>
      </c>
      <c r="R8542">
        <v>19</v>
      </c>
      <c r="S8542">
        <v>19</v>
      </c>
      <c r="T8542">
        <v>19</v>
      </c>
      <c r="U8542">
        <v>20</v>
      </c>
      <c r="V8542">
        <v>20</v>
      </c>
      <c r="W8542">
        <v>20</v>
      </c>
      <c r="X8542">
        <v>20</v>
      </c>
      <c r="Y8542">
        <v>21</v>
      </c>
      <c r="Z8542">
        <v>21</v>
      </c>
      <c r="AA8542">
        <v>21</v>
      </c>
      <c r="AB8542">
        <v>21</v>
      </c>
      <c r="AC8542">
        <v>22</v>
      </c>
      <c r="AD8542">
        <v>22</v>
      </c>
      <c r="AE8542">
        <v>22</v>
      </c>
      <c r="AF8542">
        <v>22</v>
      </c>
      <c r="AG8542">
        <v>23</v>
      </c>
      <c r="AH8542">
        <v>23</v>
      </c>
      <c r="AI8542">
        <v>23</v>
      </c>
      <c r="AJ8542">
        <v>23</v>
      </c>
      <c r="AK8542">
        <v>24</v>
      </c>
      <c r="AL8542">
        <v>24</v>
      </c>
      <c r="AM8542">
        <v>24</v>
      </c>
      <c r="AN8542">
        <v>24</v>
      </c>
      <c r="AO8542">
        <v>24</v>
      </c>
      <c r="AP8542">
        <v>24</v>
      </c>
      <c r="AQ8542">
        <v>24</v>
      </c>
    </row>
    <row r="8543" spans="1:43">
      <c r="A8543" t="s">
        <v>5338</v>
      </c>
      <c r="B8543" t="s">
        <v>5339</v>
      </c>
      <c r="C8543" t="s">
        <v>5332</v>
      </c>
      <c r="D8543" t="s">
        <v>5333</v>
      </c>
      <c r="E8543" t="s">
        <v>5270</v>
      </c>
      <c r="F8543" t="s">
        <v>5271</v>
      </c>
      <c r="G8543" t="s">
        <v>80</v>
      </c>
      <c r="H8543" t="s">
        <v>81</v>
      </c>
      <c r="I8543" s="2">
        <v>1</v>
      </c>
      <c r="J8543" s="2">
        <v>0</v>
      </c>
      <c r="K8543" s="2">
        <v>0</v>
      </c>
      <c r="L8543" t="s">
        <v>120</v>
      </c>
      <c r="M8543" t="s">
        <v>87</v>
      </c>
      <c r="N8543" t="s">
        <v>88</v>
      </c>
      <c r="O8543" t="s">
        <v>85</v>
      </c>
      <c r="P8543" t="s">
        <v>86</v>
      </c>
      <c r="Q8543">
        <v>19</v>
      </c>
      <c r="R8543">
        <v>19</v>
      </c>
      <c r="S8543">
        <v>20</v>
      </c>
      <c r="T8543">
        <v>20</v>
      </c>
      <c r="U8543">
        <v>20</v>
      </c>
      <c r="V8543">
        <v>20</v>
      </c>
      <c r="W8543">
        <v>20</v>
      </c>
      <c r="X8543">
        <v>20</v>
      </c>
      <c r="Y8543">
        <v>20</v>
      </c>
      <c r="Z8543">
        <v>20</v>
      </c>
      <c r="AA8543">
        <v>20</v>
      </c>
      <c r="AB8543">
        <v>20</v>
      </c>
      <c r="AC8543">
        <v>20</v>
      </c>
      <c r="AD8543">
        <v>21</v>
      </c>
      <c r="AE8543">
        <v>21</v>
      </c>
      <c r="AF8543">
        <v>21</v>
      </c>
      <c r="AG8543">
        <v>21</v>
      </c>
      <c r="AH8543">
        <v>21</v>
      </c>
      <c r="AI8543">
        <v>21</v>
      </c>
      <c r="AJ8543">
        <v>21</v>
      </c>
      <c r="AK8543">
        <v>21</v>
      </c>
      <c r="AL8543">
        <v>21</v>
      </c>
      <c r="AM8543">
        <v>21</v>
      </c>
      <c r="AN8543">
        <v>21</v>
      </c>
      <c r="AO8543">
        <v>22</v>
      </c>
      <c r="AP8543">
        <v>22</v>
      </c>
      <c r="AQ8543">
        <v>22</v>
      </c>
    </row>
    <row r="8544" spans="1:43">
      <c r="A8544" t="s">
        <v>5338</v>
      </c>
      <c r="B8544" t="s">
        <v>5339</v>
      </c>
      <c r="C8544" t="s">
        <v>5332</v>
      </c>
      <c r="D8544" t="s">
        <v>5333</v>
      </c>
      <c r="E8544" t="s">
        <v>5270</v>
      </c>
      <c r="F8544" t="s">
        <v>5271</v>
      </c>
      <c r="G8544" t="s">
        <v>80</v>
      </c>
      <c r="H8544" t="s">
        <v>81</v>
      </c>
      <c r="I8544" s="2">
        <v>1</v>
      </c>
      <c r="J8544" s="2">
        <v>0</v>
      </c>
      <c r="K8544" s="2">
        <v>0</v>
      </c>
      <c r="L8544" t="s">
        <v>120</v>
      </c>
      <c r="M8544" t="s">
        <v>89</v>
      </c>
      <c r="N8544" t="s">
        <v>90</v>
      </c>
      <c r="O8544" t="s">
        <v>85</v>
      </c>
      <c r="P8544" t="s">
        <v>86</v>
      </c>
      <c r="Q8544">
        <v>19</v>
      </c>
      <c r="R8544">
        <v>19</v>
      </c>
      <c r="S8544">
        <v>20</v>
      </c>
      <c r="T8544">
        <v>20</v>
      </c>
      <c r="U8544">
        <v>20</v>
      </c>
      <c r="V8544">
        <v>21</v>
      </c>
      <c r="W8544">
        <v>21</v>
      </c>
      <c r="X8544">
        <v>21</v>
      </c>
      <c r="Y8544">
        <v>22</v>
      </c>
      <c r="Z8544">
        <v>22</v>
      </c>
      <c r="AA8544">
        <v>22</v>
      </c>
      <c r="AB8544">
        <v>23</v>
      </c>
      <c r="AC8544">
        <v>23</v>
      </c>
      <c r="AD8544">
        <v>23</v>
      </c>
      <c r="AE8544">
        <v>24</v>
      </c>
      <c r="AF8544">
        <v>24</v>
      </c>
      <c r="AG8544">
        <v>24</v>
      </c>
      <c r="AH8544">
        <v>24</v>
      </c>
      <c r="AI8544">
        <v>24</v>
      </c>
      <c r="AJ8544">
        <v>24</v>
      </c>
      <c r="AK8544">
        <v>24</v>
      </c>
      <c r="AL8544">
        <v>24</v>
      </c>
      <c r="AM8544">
        <v>24</v>
      </c>
      <c r="AN8544">
        <v>24</v>
      </c>
      <c r="AO8544">
        <v>24</v>
      </c>
      <c r="AP8544">
        <v>24</v>
      </c>
      <c r="AQ8544">
        <v>24</v>
      </c>
    </row>
    <row r="8545" spans="1:43">
      <c r="A8545" t="s">
        <v>5338</v>
      </c>
      <c r="B8545" t="s">
        <v>5339</v>
      </c>
      <c r="C8545" t="s">
        <v>5332</v>
      </c>
      <c r="D8545" t="s">
        <v>5333</v>
      </c>
      <c r="E8545" t="s">
        <v>5270</v>
      </c>
      <c r="F8545" t="s">
        <v>5271</v>
      </c>
      <c r="G8545" t="s">
        <v>80</v>
      </c>
      <c r="H8545" t="s">
        <v>81</v>
      </c>
      <c r="I8545" s="2">
        <v>1</v>
      </c>
      <c r="J8545" s="2">
        <v>0</v>
      </c>
      <c r="K8545" s="2">
        <v>0</v>
      </c>
      <c r="L8545" t="s">
        <v>120</v>
      </c>
      <c r="M8545" t="s">
        <v>83</v>
      </c>
      <c r="N8545" t="s">
        <v>91</v>
      </c>
      <c r="O8545" t="s">
        <v>85</v>
      </c>
      <c r="P8545" t="s">
        <v>86</v>
      </c>
      <c r="Q8545">
        <v>19</v>
      </c>
      <c r="R8545">
        <v>19</v>
      </c>
      <c r="S8545">
        <v>19</v>
      </c>
      <c r="T8545">
        <v>19</v>
      </c>
      <c r="U8545">
        <v>20</v>
      </c>
      <c r="V8545">
        <v>20</v>
      </c>
      <c r="W8545">
        <v>20</v>
      </c>
      <c r="X8545">
        <v>20</v>
      </c>
      <c r="Y8545">
        <v>21</v>
      </c>
      <c r="Z8545">
        <v>21</v>
      </c>
      <c r="AA8545">
        <v>21</v>
      </c>
      <c r="AB8545">
        <v>21</v>
      </c>
      <c r="AC8545">
        <v>22</v>
      </c>
      <c r="AD8545">
        <v>22</v>
      </c>
      <c r="AE8545">
        <v>22</v>
      </c>
      <c r="AF8545">
        <v>22</v>
      </c>
      <c r="AG8545">
        <v>23</v>
      </c>
      <c r="AH8545">
        <v>23</v>
      </c>
      <c r="AI8545">
        <v>23</v>
      </c>
      <c r="AJ8545">
        <v>23</v>
      </c>
      <c r="AK8545">
        <v>24</v>
      </c>
      <c r="AL8545">
        <v>24</v>
      </c>
      <c r="AM8545">
        <v>24</v>
      </c>
      <c r="AN8545">
        <v>24</v>
      </c>
      <c r="AO8545">
        <v>24</v>
      </c>
      <c r="AP8545">
        <v>24</v>
      </c>
      <c r="AQ8545">
        <v>24</v>
      </c>
    </row>
    <row r="8546" spans="1:43">
      <c r="A8546" t="s">
        <v>5340</v>
      </c>
      <c r="B8546" t="s">
        <v>5341</v>
      </c>
      <c r="C8546" t="s">
        <v>5336</v>
      </c>
      <c r="D8546" t="s">
        <v>5337</v>
      </c>
      <c r="E8546" t="s">
        <v>5270</v>
      </c>
      <c r="F8546" t="s">
        <v>5271</v>
      </c>
      <c r="G8546" t="s">
        <v>80</v>
      </c>
      <c r="H8546" t="s">
        <v>81</v>
      </c>
      <c r="I8546" s="2">
        <v>1</v>
      </c>
      <c r="J8546" s="2">
        <v>0</v>
      </c>
      <c r="K8546" s="2">
        <v>0</v>
      </c>
      <c r="L8546" t="s">
        <v>120</v>
      </c>
      <c r="M8546" t="s">
        <v>83</v>
      </c>
      <c r="N8546" t="s">
        <v>84</v>
      </c>
      <c r="O8546" t="s">
        <v>85</v>
      </c>
      <c r="P8546" t="s">
        <v>86</v>
      </c>
      <c r="Q8546">
        <v>43</v>
      </c>
      <c r="R8546">
        <v>44</v>
      </c>
      <c r="S8546">
        <v>44</v>
      </c>
      <c r="T8546">
        <v>45</v>
      </c>
      <c r="U8546">
        <v>45</v>
      </c>
      <c r="V8546">
        <v>46</v>
      </c>
      <c r="W8546">
        <v>47</v>
      </c>
      <c r="X8546">
        <v>47</v>
      </c>
      <c r="Y8546">
        <v>48</v>
      </c>
      <c r="Z8546">
        <v>48</v>
      </c>
      <c r="AA8546">
        <v>49</v>
      </c>
      <c r="AB8546">
        <v>50</v>
      </c>
      <c r="AC8546">
        <v>50</v>
      </c>
      <c r="AD8546">
        <v>51</v>
      </c>
      <c r="AE8546">
        <v>51</v>
      </c>
      <c r="AF8546">
        <v>52</v>
      </c>
      <c r="AG8546">
        <v>52</v>
      </c>
      <c r="AH8546">
        <v>53</v>
      </c>
      <c r="AI8546">
        <v>53</v>
      </c>
      <c r="AJ8546">
        <v>54</v>
      </c>
      <c r="AK8546">
        <v>54</v>
      </c>
      <c r="AL8546">
        <v>54</v>
      </c>
      <c r="AM8546">
        <v>54</v>
      </c>
      <c r="AN8546">
        <v>54</v>
      </c>
      <c r="AO8546">
        <v>54</v>
      </c>
      <c r="AP8546">
        <v>54</v>
      </c>
      <c r="AQ8546">
        <v>55</v>
      </c>
    </row>
    <row r="8547" spans="1:43">
      <c r="A8547" t="s">
        <v>5340</v>
      </c>
      <c r="B8547" t="s">
        <v>5341</v>
      </c>
      <c r="C8547" t="s">
        <v>5336</v>
      </c>
      <c r="D8547" t="s">
        <v>5337</v>
      </c>
      <c r="E8547" t="s">
        <v>5270</v>
      </c>
      <c r="F8547" t="s">
        <v>5271</v>
      </c>
      <c r="G8547" t="s">
        <v>80</v>
      </c>
      <c r="H8547" t="s">
        <v>81</v>
      </c>
      <c r="I8547" s="2">
        <v>1</v>
      </c>
      <c r="J8547" s="2">
        <v>0</v>
      </c>
      <c r="K8547" s="2">
        <v>0</v>
      </c>
      <c r="L8547" t="s">
        <v>120</v>
      </c>
      <c r="M8547" t="s">
        <v>87</v>
      </c>
      <c r="N8547" t="s">
        <v>88</v>
      </c>
      <c r="O8547" t="s">
        <v>85</v>
      </c>
      <c r="P8547" t="s">
        <v>86</v>
      </c>
      <c r="Q8547">
        <v>43</v>
      </c>
      <c r="R8547">
        <v>43</v>
      </c>
      <c r="S8547">
        <v>43</v>
      </c>
      <c r="T8547">
        <v>43</v>
      </c>
      <c r="U8547">
        <v>43</v>
      </c>
      <c r="V8547">
        <v>44</v>
      </c>
      <c r="W8547">
        <v>44</v>
      </c>
      <c r="X8547">
        <v>44</v>
      </c>
      <c r="Y8547">
        <v>44</v>
      </c>
      <c r="Z8547">
        <v>44</v>
      </c>
      <c r="AA8547">
        <v>45</v>
      </c>
      <c r="AB8547">
        <v>45</v>
      </c>
      <c r="AC8547">
        <v>45</v>
      </c>
      <c r="AD8547">
        <v>45</v>
      </c>
      <c r="AE8547">
        <v>45</v>
      </c>
      <c r="AF8547">
        <v>46</v>
      </c>
      <c r="AG8547">
        <v>46</v>
      </c>
      <c r="AH8547">
        <v>46</v>
      </c>
      <c r="AI8547">
        <v>46</v>
      </c>
      <c r="AJ8547">
        <v>46</v>
      </c>
      <c r="AK8547">
        <v>47</v>
      </c>
      <c r="AL8547">
        <v>47</v>
      </c>
      <c r="AM8547">
        <v>47</v>
      </c>
      <c r="AN8547">
        <v>47</v>
      </c>
      <c r="AO8547">
        <v>47</v>
      </c>
      <c r="AP8547">
        <v>48</v>
      </c>
      <c r="AQ8547">
        <v>48</v>
      </c>
    </row>
    <row r="8548" spans="1:43">
      <c r="A8548" t="s">
        <v>5340</v>
      </c>
      <c r="B8548" t="s">
        <v>5341</v>
      </c>
      <c r="C8548" t="s">
        <v>5336</v>
      </c>
      <c r="D8548" t="s">
        <v>5337</v>
      </c>
      <c r="E8548" t="s">
        <v>5270</v>
      </c>
      <c r="F8548" t="s">
        <v>5271</v>
      </c>
      <c r="G8548" t="s">
        <v>80</v>
      </c>
      <c r="H8548" t="s">
        <v>81</v>
      </c>
      <c r="I8548" s="2">
        <v>1</v>
      </c>
      <c r="J8548" s="2">
        <v>0</v>
      </c>
      <c r="K8548" s="2">
        <v>0</v>
      </c>
      <c r="L8548" t="s">
        <v>120</v>
      </c>
      <c r="M8548" t="s">
        <v>89</v>
      </c>
      <c r="N8548" t="s">
        <v>90</v>
      </c>
      <c r="O8548" t="s">
        <v>85</v>
      </c>
      <c r="P8548" t="s">
        <v>86</v>
      </c>
      <c r="Q8548">
        <v>43</v>
      </c>
      <c r="R8548">
        <v>44</v>
      </c>
      <c r="S8548">
        <v>45</v>
      </c>
      <c r="T8548">
        <v>46</v>
      </c>
      <c r="U8548">
        <v>47</v>
      </c>
      <c r="V8548">
        <v>48</v>
      </c>
      <c r="W8548">
        <v>49</v>
      </c>
      <c r="X8548">
        <v>50</v>
      </c>
      <c r="Y8548">
        <v>51</v>
      </c>
      <c r="Z8548">
        <v>51</v>
      </c>
      <c r="AA8548">
        <v>52</v>
      </c>
      <c r="AB8548">
        <v>53</v>
      </c>
      <c r="AC8548">
        <v>54</v>
      </c>
      <c r="AD8548">
        <v>54</v>
      </c>
      <c r="AE8548">
        <v>55</v>
      </c>
      <c r="AF8548">
        <v>55</v>
      </c>
      <c r="AG8548">
        <v>55</v>
      </c>
      <c r="AH8548">
        <v>55</v>
      </c>
      <c r="AI8548">
        <v>55</v>
      </c>
      <c r="AJ8548">
        <v>55</v>
      </c>
      <c r="AK8548">
        <v>55</v>
      </c>
      <c r="AL8548">
        <v>55</v>
      </c>
      <c r="AM8548">
        <v>55</v>
      </c>
      <c r="AN8548">
        <v>55</v>
      </c>
      <c r="AO8548">
        <v>55</v>
      </c>
      <c r="AP8548">
        <v>55</v>
      </c>
      <c r="AQ8548">
        <v>55</v>
      </c>
    </row>
    <row r="8549" spans="1:43">
      <c r="A8549" t="s">
        <v>5340</v>
      </c>
      <c r="B8549" t="s">
        <v>5341</v>
      </c>
      <c r="C8549" t="s">
        <v>5336</v>
      </c>
      <c r="D8549" t="s">
        <v>5337</v>
      </c>
      <c r="E8549" t="s">
        <v>5270</v>
      </c>
      <c r="F8549" t="s">
        <v>5271</v>
      </c>
      <c r="G8549" t="s">
        <v>80</v>
      </c>
      <c r="H8549" t="s">
        <v>81</v>
      </c>
      <c r="I8549" s="2">
        <v>1</v>
      </c>
      <c r="J8549" s="2">
        <v>0</v>
      </c>
      <c r="K8549" s="2">
        <v>0</v>
      </c>
      <c r="L8549" t="s">
        <v>120</v>
      </c>
      <c r="M8549" t="s">
        <v>83</v>
      </c>
      <c r="N8549" t="s">
        <v>91</v>
      </c>
      <c r="O8549" t="s">
        <v>85</v>
      </c>
      <c r="P8549" t="s">
        <v>86</v>
      </c>
      <c r="Q8549">
        <v>43</v>
      </c>
      <c r="R8549">
        <v>44</v>
      </c>
      <c r="S8549">
        <v>44</v>
      </c>
      <c r="T8549">
        <v>45</v>
      </c>
      <c r="U8549">
        <v>45</v>
      </c>
      <c r="V8549">
        <v>46</v>
      </c>
      <c r="W8549">
        <v>47</v>
      </c>
      <c r="X8549">
        <v>47</v>
      </c>
      <c r="Y8549">
        <v>48</v>
      </c>
      <c r="Z8549">
        <v>48</v>
      </c>
      <c r="AA8549">
        <v>49</v>
      </c>
      <c r="AB8549">
        <v>50</v>
      </c>
      <c r="AC8549">
        <v>50</v>
      </c>
      <c r="AD8549">
        <v>51</v>
      </c>
      <c r="AE8549">
        <v>51</v>
      </c>
      <c r="AF8549">
        <v>52</v>
      </c>
      <c r="AG8549">
        <v>52</v>
      </c>
      <c r="AH8549">
        <v>53</v>
      </c>
      <c r="AI8549">
        <v>53</v>
      </c>
      <c r="AJ8549">
        <v>54</v>
      </c>
      <c r="AK8549">
        <v>54</v>
      </c>
      <c r="AL8549">
        <v>54</v>
      </c>
      <c r="AM8549">
        <v>54</v>
      </c>
      <c r="AN8549">
        <v>54</v>
      </c>
      <c r="AO8549">
        <v>54</v>
      </c>
      <c r="AP8549">
        <v>54</v>
      </c>
      <c r="AQ8549">
        <v>55</v>
      </c>
    </row>
    <row r="8550" spans="1:43">
      <c r="A8550" t="s">
        <v>5342</v>
      </c>
      <c r="B8550" t="s">
        <v>5343</v>
      </c>
      <c r="C8550" t="s">
        <v>5336</v>
      </c>
      <c r="D8550" t="s">
        <v>5337</v>
      </c>
      <c r="E8550" t="s">
        <v>5270</v>
      </c>
      <c r="F8550" t="s">
        <v>5271</v>
      </c>
      <c r="G8550" t="s">
        <v>80</v>
      </c>
      <c r="H8550" t="s">
        <v>81</v>
      </c>
      <c r="I8550" s="2">
        <v>1</v>
      </c>
      <c r="J8550" s="2">
        <v>0</v>
      </c>
      <c r="K8550" s="2">
        <v>0</v>
      </c>
      <c r="L8550" t="s">
        <v>120</v>
      </c>
      <c r="M8550" t="s">
        <v>83</v>
      </c>
      <c r="N8550" t="s">
        <v>84</v>
      </c>
      <c r="O8550" t="s">
        <v>85</v>
      </c>
      <c r="P8550" t="s">
        <v>86</v>
      </c>
      <c r="Q8550">
        <v>29</v>
      </c>
      <c r="R8550">
        <v>30</v>
      </c>
      <c r="S8550">
        <v>30</v>
      </c>
      <c r="T8550">
        <v>30</v>
      </c>
      <c r="U8550">
        <v>31</v>
      </c>
      <c r="V8550">
        <v>31</v>
      </c>
      <c r="W8550">
        <v>32</v>
      </c>
      <c r="X8550">
        <v>32</v>
      </c>
      <c r="Y8550">
        <v>33</v>
      </c>
      <c r="Z8550">
        <v>33</v>
      </c>
      <c r="AA8550">
        <v>33</v>
      </c>
      <c r="AB8550">
        <v>34</v>
      </c>
      <c r="AC8550">
        <v>34</v>
      </c>
      <c r="AD8550">
        <v>34</v>
      </c>
      <c r="AE8550">
        <v>35</v>
      </c>
      <c r="AF8550">
        <v>35</v>
      </c>
      <c r="AG8550">
        <v>35</v>
      </c>
      <c r="AH8550">
        <v>36</v>
      </c>
      <c r="AI8550">
        <v>36</v>
      </c>
      <c r="AJ8550">
        <v>37</v>
      </c>
      <c r="AK8550">
        <v>37</v>
      </c>
      <c r="AL8550">
        <v>37</v>
      </c>
      <c r="AM8550">
        <v>37</v>
      </c>
      <c r="AN8550">
        <v>37</v>
      </c>
      <c r="AO8550">
        <v>37</v>
      </c>
      <c r="AP8550">
        <v>37</v>
      </c>
      <c r="AQ8550">
        <v>37</v>
      </c>
    </row>
    <row r="8551" spans="1:43">
      <c r="A8551" t="s">
        <v>5342</v>
      </c>
      <c r="B8551" t="s">
        <v>5343</v>
      </c>
      <c r="C8551" t="s">
        <v>5336</v>
      </c>
      <c r="D8551" t="s">
        <v>5337</v>
      </c>
      <c r="E8551" t="s">
        <v>5270</v>
      </c>
      <c r="F8551" t="s">
        <v>5271</v>
      </c>
      <c r="G8551" t="s">
        <v>80</v>
      </c>
      <c r="H8551" t="s">
        <v>81</v>
      </c>
      <c r="I8551" s="2">
        <v>1</v>
      </c>
      <c r="J8551" s="2">
        <v>0</v>
      </c>
      <c r="K8551" s="2">
        <v>0</v>
      </c>
      <c r="L8551" t="s">
        <v>120</v>
      </c>
      <c r="M8551" t="s">
        <v>87</v>
      </c>
      <c r="N8551" t="s">
        <v>88</v>
      </c>
      <c r="O8551" t="s">
        <v>85</v>
      </c>
      <c r="P8551" t="s">
        <v>86</v>
      </c>
      <c r="Q8551">
        <v>29</v>
      </c>
      <c r="R8551">
        <v>29</v>
      </c>
      <c r="S8551">
        <v>29</v>
      </c>
      <c r="T8551">
        <v>29</v>
      </c>
      <c r="U8551">
        <v>30</v>
      </c>
      <c r="V8551">
        <v>30</v>
      </c>
      <c r="W8551">
        <v>30</v>
      </c>
      <c r="X8551">
        <v>30</v>
      </c>
      <c r="Y8551">
        <v>30</v>
      </c>
      <c r="Z8551">
        <v>30</v>
      </c>
      <c r="AA8551">
        <v>30</v>
      </c>
      <c r="AB8551">
        <v>30</v>
      </c>
      <c r="AC8551">
        <v>31</v>
      </c>
      <c r="AD8551">
        <v>31</v>
      </c>
      <c r="AE8551">
        <v>31</v>
      </c>
      <c r="AF8551">
        <v>31</v>
      </c>
      <c r="AG8551">
        <v>31</v>
      </c>
      <c r="AH8551">
        <v>31</v>
      </c>
      <c r="AI8551">
        <v>31</v>
      </c>
      <c r="AJ8551">
        <v>32</v>
      </c>
      <c r="AK8551">
        <v>32</v>
      </c>
      <c r="AL8551">
        <v>32</v>
      </c>
      <c r="AM8551">
        <v>32</v>
      </c>
      <c r="AN8551">
        <v>32</v>
      </c>
      <c r="AO8551">
        <v>32</v>
      </c>
      <c r="AP8551">
        <v>32</v>
      </c>
      <c r="AQ8551">
        <v>32</v>
      </c>
    </row>
    <row r="8552" spans="1:43">
      <c r="A8552" t="s">
        <v>5342</v>
      </c>
      <c r="B8552" t="s">
        <v>5343</v>
      </c>
      <c r="C8552" t="s">
        <v>5336</v>
      </c>
      <c r="D8552" t="s">
        <v>5337</v>
      </c>
      <c r="E8552" t="s">
        <v>5270</v>
      </c>
      <c r="F8552" t="s">
        <v>5271</v>
      </c>
      <c r="G8552" t="s">
        <v>80</v>
      </c>
      <c r="H8552" t="s">
        <v>81</v>
      </c>
      <c r="I8552" s="2">
        <v>1</v>
      </c>
      <c r="J8552" s="2">
        <v>0</v>
      </c>
      <c r="K8552" s="2">
        <v>0</v>
      </c>
      <c r="L8552" t="s">
        <v>120</v>
      </c>
      <c r="M8552" t="s">
        <v>89</v>
      </c>
      <c r="N8552" t="s">
        <v>90</v>
      </c>
      <c r="O8552" t="s">
        <v>85</v>
      </c>
      <c r="P8552" t="s">
        <v>86</v>
      </c>
      <c r="Q8552">
        <v>29</v>
      </c>
      <c r="R8552">
        <v>30</v>
      </c>
      <c r="S8552">
        <v>31</v>
      </c>
      <c r="T8552">
        <v>31</v>
      </c>
      <c r="U8552">
        <v>32</v>
      </c>
      <c r="V8552">
        <v>33</v>
      </c>
      <c r="W8552">
        <v>33</v>
      </c>
      <c r="X8552">
        <v>34</v>
      </c>
      <c r="Y8552">
        <v>34</v>
      </c>
      <c r="Z8552">
        <v>35</v>
      </c>
      <c r="AA8552">
        <v>35</v>
      </c>
      <c r="AB8552">
        <v>36</v>
      </c>
      <c r="AC8552">
        <v>36</v>
      </c>
      <c r="AD8552">
        <v>37</v>
      </c>
      <c r="AE8552">
        <v>37</v>
      </c>
      <c r="AF8552">
        <v>37</v>
      </c>
      <c r="AG8552">
        <v>37</v>
      </c>
      <c r="AH8552">
        <v>37</v>
      </c>
      <c r="AI8552">
        <v>37</v>
      </c>
      <c r="AJ8552">
        <v>37</v>
      </c>
      <c r="AK8552">
        <v>37</v>
      </c>
      <c r="AL8552">
        <v>37</v>
      </c>
      <c r="AM8552">
        <v>37</v>
      </c>
      <c r="AN8552">
        <v>37</v>
      </c>
      <c r="AO8552">
        <v>37</v>
      </c>
      <c r="AP8552">
        <v>37</v>
      </c>
      <c r="AQ8552">
        <v>37</v>
      </c>
    </row>
    <row r="8553" spans="1:43">
      <c r="A8553" t="s">
        <v>5342</v>
      </c>
      <c r="B8553" t="s">
        <v>5343</v>
      </c>
      <c r="C8553" t="s">
        <v>5336</v>
      </c>
      <c r="D8553" t="s">
        <v>5337</v>
      </c>
      <c r="E8553" t="s">
        <v>5270</v>
      </c>
      <c r="F8553" t="s">
        <v>5271</v>
      </c>
      <c r="G8553" t="s">
        <v>80</v>
      </c>
      <c r="H8553" t="s">
        <v>81</v>
      </c>
      <c r="I8553" s="2">
        <v>1</v>
      </c>
      <c r="J8553" s="2">
        <v>0</v>
      </c>
      <c r="K8553" s="2">
        <v>0</v>
      </c>
      <c r="L8553" t="s">
        <v>120</v>
      </c>
      <c r="M8553" t="s">
        <v>83</v>
      </c>
      <c r="N8553" t="s">
        <v>91</v>
      </c>
      <c r="O8553" t="s">
        <v>85</v>
      </c>
      <c r="P8553" t="s">
        <v>86</v>
      </c>
      <c r="Q8553">
        <v>29</v>
      </c>
      <c r="R8553">
        <v>30</v>
      </c>
      <c r="S8553">
        <v>30</v>
      </c>
      <c r="T8553">
        <v>30</v>
      </c>
      <c r="U8553">
        <v>31</v>
      </c>
      <c r="V8553">
        <v>31</v>
      </c>
      <c r="W8553">
        <v>32</v>
      </c>
      <c r="X8553">
        <v>32</v>
      </c>
      <c r="Y8553">
        <v>33</v>
      </c>
      <c r="Z8553">
        <v>33</v>
      </c>
      <c r="AA8553">
        <v>33</v>
      </c>
      <c r="AB8553">
        <v>34</v>
      </c>
      <c r="AC8553">
        <v>34</v>
      </c>
      <c r="AD8553">
        <v>34</v>
      </c>
      <c r="AE8553">
        <v>35</v>
      </c>
      <c r="AF8553">
        <v>35</v>
      </c>
      <c r="AG8553">
        <v>35</v>
      </c>
      <c r="AH8553">
        <v>36</v>
      </c>
      <c r="AI8553">
        <v>36</v>
      </c>
      <c r="AJ8553">
        <v>37</v>
      </c>
      <c r="AK8553">
        <v>37</v>
      </c>
      <c r="AL8553">
        <v>37</v>
      </c>
      <c r="AM8553">
        <v>37</v>
      </c>
      <c r="AN8553">
        <v>37</v>
      </c>
      <c r="AO8553">
        <v>37</v>
      </c>
      <c r="AP8553">
        <v>37</v>
      </c>
      <c r="AQ8553">
        <v>37</v>
      </c>
    </row>
    <row r="8554" spans="1:43">
      <c r="A8554" t="s">
        <v>5344</v>
      </c>
      <c r="B8554" t="s">
        <v>5345</v>
      </c>
      <c r="C8554" t="s">
        <v>5336</v>
      </c>
      <c r="D8554" t="s">
        <v>5337</v>
      </c>
      <c r="E8554" t="s">
        <v>5270</v>
      </c>
      <c r="F8554" t="s">
        <v>5271</v>
      </c>
      <c r="G8554" t="s">
        <v>80</v>
      </c>
      <c r="H8554" t="s">
        <v>81</v>
      </c>
      <c r="I8554" s="2">
        <v>1</v>
      </c>
      <c r="J8554" s="2">
        <v>0</v>
      </c>
      <c r="K8554" s="2">
        <v>0</v>
      </c>
      <c r="L8554" t="s">
        <v>120</v>
      </c>
      <c r="M8554" t="s">
        <v>83</v>
      </c>
      <c r="N8554" t="s">
        <v>84</v>
      </c>
      <c r="O8554" t="s">
        <v>85</v>
      </c>
      <c r="P8554" t="s">
        <v>86</v>
      </c>
      <c r="Q8554">
        <v>22</v>
      </c>
      <c r="R8554">
        <v>23</v>
      </c>
      <c r="S8554">
        <v>23</v>
      </c>
      <c r="T8554">
        <v>23</v>
      </c>
      <c r="U8554">
        <v>24</v>
      </c>
      <c r="V8554">
        <v>24</v>
      </c>
      <c r="W8554">
        <v>24</v>
      </c>
      <c r="X8554">
        <v>25</v>
      </c>
      <c r="Y8554">
        <v>25</v>
      </c>
      <c r="Z8554">
        <v>25</v>
      </c>
      <c r="AA8554">
        <v>26</v>
      </c>
      <c r="AB8554">
        <v>26</v>
      </c>
      <c r="AC8554">
        <v>26</v>
      </c>
      <c r="AD8554">
        <v>26</v>
      </c>
      <c r="AE8554">
        <v>27</v>
      </c>
      <c r="AF8554">
        <v>27</v>
      </c>
      <c r="AG8554">
        <v>27</v>
      </c>
      <c r="AH8554">
        <v>27</v>
      </c>
      <c r="AI8554">
        <v>28</v>
      </c>
      <c r="AJ8554">
        <v>28</v>
      </c>
      <c r="AK8554">
        <v>28</v>
      </c>
      <c r="AL8554">
        <v>28</v>
      </c>
      <c r="AM8554">
        <v>28</v>
      </c>
      <c r="AN8554">
        <v>28</v>
      </c>
      <c r="AO8554">
        <v>28</v>
      </c>
      <c r="AP8554">
        <v>28</v>
      </c>
      <c r="AQ8554">
        <v>28</v>
      </c>
    </row>
    <row r="8555" spans="1:43">
      <c r="A8555" t="s">
        <v>5344</v>
      </c>
      <c r="B8555" t="s">
        <v>5345</v>
      </c>
      <c r="C8555" t="s">
        <v>5336</v>
      </c>
      <c r="D8555" t="s">
        <v>5337</v>
      </c>
      <c r="E8555" t="s">
        <v>5270</v>
      </c>
      <c r="F8555" t="s">
        <v>5271</v>
      </c>
      <c r="G8555" t="s">
        <v>80</v>
      </c>
      <c r="H8555" t="s">
        <v>81</v>
      </c>
      <c r="I8555" s="2">
        <v>1</v>
      </c>
      <c r="J8555" s="2">
        <v>0</v>
      </c>
      <c r="K8555" s="2">
        <v>0</v>
      </c>
      <c r="L8555" t="s">
        <v>120</v>
      </c>
      <c r="M8555" t="s">
        <v>87</v>
      </c>
      <c r="N8555" t="s">
        <v>88</v>
      </c>
      <c r="O8555" t="s">
        <v>85</v>
      </c>
      <c r="P8555" t="s">
        <v>86</v>
      </c>
      <c r="Q8555">
        <v>22</v>
      </c>
      <c r="R8555">
        <v>22</v>
      </c>
      <c r="S8555">
        <v>22</v>
      </c>
      <c r="T8555">
        <v>23</v>
      </c>
      <c r="U8555">
        <v>23</v>
      </c>
      <c r="V8555">
        <v>23</v>
      </c>
      <c r="W8555">
        <v>23</v>
      </c>
      <c r="X8555">
        <v>23</v>
      </c>
      <c r="Y8555">
        <v>23</v>
      </c>
      <c r="Z8555">
        <v>23</v>
      </c>
      <c r="AA8555">
        <v>23</v>
      </c>
      <c r="AB8555">
        <v>23</v>
      </c>
      <c r="AC8555">
        <v>24</v>
      </c>
      <c r="AD8555">
        <v>24</v>
      </c>
      <c r="AE8555">
        <v>24</v>
      </c>
      <c r="AF8555">
        <v>24</v>
      </c>
      <c r="AG8555">
        <v>24</v>
      </c>
      <c r="AH8555">
        <v>24</v>
      </c>
      <c r="AI8555">
        <v>24</v>
      </c>
      <c r="AJ8555">
        <v>24</v>
      </c>
      <c r="AK8555">
        <v>24</v>
      </c>
      <c r="AL8555">
        <v>24</v>
      </c>
      <c r="AM8555">
        <v>24</v>
      </c>
      <c r="AN8555">
        <v>25</v>
      </c>
      <c r="AO8555">
        <v>25</v>
      </c>
      <c r="AP8555">
        <v>25</v>
      </c>
      <c r="AQ8555">
        <v>25</v>
      </c>
    </row>
    <row r="8556" spans="1:43">
      <c r="A8556" t="s">
        <v>5344</v>
      </c>
      <c r="B8556" t="s">
        <v>5345</v>
      </c>
      <c r="C8556" t="s">
        <v>5336</v>
      </c>
      <c r="D8556" t="s">
        <v>5337</v>
      </c>
      <c r="E8556" t="s">
        <v>5270</v>
      </c>
      <c r="F8556" t="s">
        <v>5271</v>
      </c>
      <c r="G8556" t="s">
        <v>80</v>
      </c>
      <c r="H8556" t="s">
        <v>81</v>
      </c>
      <c r="I8556" s="2">
        <v>1</v>
      </c>
      <c r="J8556" s="2">
        <v>0</v>
      </c>
      <c r="K8556" s="2">
        <v>0</v>
      </c>
      <c r="L8556" t="s">
        <v>120</v>
      </c>
      <c r="M8556" t="s">
        <v>89</v>
      </c>
      <c r="N8556" t="s">
        <v>90</v>
      </c>
      <c r="O8556" t="s">
        <v>85</v>
      </c>
      <c r="P8556" t="s">
        <v>86</v>
      </c>
      <c r="Q8556">
        <v>22</v>
      </c>
      <c r="R8556">
        <v>22</v>
      </c>
      <c r="S8556">
        <v>23</v>
      </c>
      <c r="T8556">
        <v>23</v>
      </c>
      <c r="U8556">
        <v>24</v>
      </c>
      <c r="V8556">
        <v>24</v>
      </c>
      <c r="W8556">
        <v>25</v>
      </c>
      <c r="X8556">
        <v>25</v>
      </c>
      <c r="Y8556">
        <v>25</v>
      </c>
      <c r="Z8556">
        <v>26</v>
      </c>
      <c r="AA8556">
        <v>26</v>
      </c>
      <c r="AB8556">
        <v>26</v>
      </c>
      <c r="AC8556">
        <v>27</v>
      </c>
      <c r="AD8556">
        <v>27</v>
      </c>
      <c r="AE8556">
        <v>27</v>
      </c>
      <c r="AF8556">
        <v>27</v>
      </c>
      <c r="AG8556">
        <v>27</v>
      </c>
      <c r="AH8556">
        <v>27</v>
      </c>
      <c r="AI8556">
        <v>27</v>
      </c>
      <c r="AJ8556">
        <v>27</v>
      </c>
      <c r="AK8556">
        <v>27</v>
      </c>
      <c r="AL8556">
        <v>27</v>
      </c>
      <c r="AM8556">
        <v>27</v>
      </c>
      <c r="AN8556">
        <v>27</v>
      </c>
      <c r="AO8556">
        <v>27</v>
      </c>
      <c r="AP8556">
        <v>27</v>
      </c>
      <c r="AQ8556">
        <v>27</v>
      </c>
    </row>
    <row r="8557" spans="1:43">
      <c r="A8557" t="s">
        <v>5344</v>
      </c>
      <c r="B8557" t="s">
        <v>5345</v>
      </c>
      <c r="C8557" t="s">
        <v>5336</v>
      </c>
      <c r="D8557" t="s">
        <v>5337</v>
      </c>
      <c r="E8557" t="s">
        <v>5270</v>
      </c>
      <c r="F8557" t="s">
        <v>5271</v>
      </c>
      <c r="G8557" t="s">
        <v>80</v>
      </c>
      <c r="H8557" t="s">
        <v>81</v>
      </c>
      <c r="I8557" s="2">
        <v>1</v>
      </c>
      <c r="J8557" s="2">
        <v>0</v>
      </c>
      <c r="K8557" s="2">
        <v>0</v>
      </c>
      <c r="L8557" t="s">
        <v>120</v>
      </c>
      <c r="M8557" t="s">
        <v>83</v>
      </c>
      <c r="N8557" t="s">
        <v>91</v>
      </c>
      <c r="O8557" t="s">
        <v>85</v>
      </c>
      <c r="P8557" t="s">
        <v>86</v>
      </c>
      <c r="Q8557">
        <v>22</v>
      </c>
      <c r="R8557">
        <v>23</v>
      </c>
      <c r="S8557">
        <v>23</v>
      </c>
      <c r="T8557">
        <v>23</v>
      </c>
      <c r="U8557">
        <v>24</v>
      </c>
      <c r="V8557">
        <v>24</v>
      </c>
      <c r="W8557">
        <v>24</v>
      </c>
      <c r="X8557">
        <v>25</v>
      </c>
      <c r="Y8557">
        <v>25</v>
      </c>
      <c r="Z8557">
        <v>25</v>
      </c>
      <c r="AA8557">
        <v>26</v>
      </c>
      <c r="AB8557">
        <v>26</v>
      </c>
      <c r="AC8557">
        <v>26</v>
      </c>
      <c r="AD8557">
        <v>26</v>
      </c>
      <c r="AE8557">
        <v>27</v>
      </c>
      <c r="AF8557">
        <v>27</v>
      </c>
      <c r="AG8557">
        <v>27</v>
      </c>
      <c r="AH8557">
        <v>27</v>
      </c>
      <c r="AI8557">
        <v>28</v>
      </c>
      <c r="AJ8557">
        <v>28</v>
      </c>
      <c r="AK8557">
        <v>28</v>
      </c>
      <c r="AL8557">
        <v>28</v>
      </c>
      <c r="AM8557">
        <v>28</v>
      </c>
      <c r="AN8557">
        <v>28</v>
      </c>
      <c r="AO8557">
        <v>28</v>
      </c>
      <c r="AP8557">
        <v>28</v>
      </c>
      <c r="AQ8557">
        <v>28</v>
      </c>
    </row>
    <row r="8558" spans="1:43">
      <c r="A8558" t="s">
        <v>5346</v>
      </c>
      <c r="B8558" t="s">
        <v>5347</v>
      </c>
      <c r="C8558" t="s">
        <v>5332</v>
      </c>
      <c r="D8558" t="s">
        <v>5333</v>
      </c>
      <c r="E8558" t="s">
        <v>5270</v>
      </c>
      <c r="F8558" t="s">
        <v>5271</v>
      </c>
      <c r="G8558" t="s">
        <v>80</v>
      </c>
      <c r="H8558" t="s">
        <v>81</v>
      </c>
      <c r="I8558" s="2">
        <v>1</v>
      </c>
      <c r="J8558" s="2">
        <v>0</v>
      </c>
      <c r="K8558" s="2">
        <v>0</v>
      </c>
      <c r="L8558" t="s">
        <v>120</v>
      </c>
      <c r="M8558" t="s">
        <v>83</v>
      </c>
      <c r="N8558" t="s">
        <v>84</v>
      </c>
      <c r="O8558" t="s">
        <v>85</v>
      </c>
      <c r="P8558" t="s">
        <v>86</v>
      </c>
      <c r="Q8558">
        <v>85</v>
      </c>
      <c r="R8558">
        <v>86</v>
      </c>
      <c r="S8558">
        <v>88</v>
      </c>
      <c r="T8558">
        <v>89</v>
      </c>
      <c r="U8558">
        <v>90</v>
      </c>
      <c r="V8558">
        <v>91</v>
      </c>
      <c r="W8558">
        <v>93</v>
      </c>
      <c r="X8558">
        <v>94</v>
      </c>
      <c r="Y8558">
        <v>95</v>
      </c>
      <c r="Z8558">
        <v>96</v>
      </c>
      <c r="AA8558">
        <v>97</v>
      </c>
      <c r="AB8558">
        <v>98</v>
      </c>
      <c r="AC8558">
        <v>100</v>
      </c>
      <c r="AD8558">
        <v>101</v>
      </c>
      <c r="AE8558">
        <v>102</v>
      </c>
      <c r="AF8558">
        <v>103</v>
      </c>
      <c r="AG8558">
        <v>104</v>
      </c>
      <c r="AH8558">
        <v>105</v>
      </c>
      <c r="AI8558">
        <v>106</v>
      </c>
      <c r="AJ8558">
        <v>107</v>
      </c>
      <c r="AK8558">
        <v>108</v>
      </c>
      <c r="AL8558">
        <v>108</v>
      </c>
      <c r="AM8558">
        <v>109</v>
      </c>
      <c r="AN8558">
        <v>109</v>
      </c>
      <c r="AO8558">
        <v>109</v>
      </c>
      <c r="AP8558">
        <v>109</v>
      </c>
      <c r="AQ8558">
        <v>109</v>
      </c>
    </row>
    <row r="8559" spans="1:43">
      <c r="A8559" t="s">
        <v>5346</v>
      </c>
      <c r="B8559" t="s">
        <v>5347</v>
      </c>
      <c r="C8559" t="s">
        <v>5332</v>
      </c>
      <c r="D8559" t="s">
        <v>5333</v>
      </c>
      <c r="E8559" t="s">
        <v>5270</v>
      </c>
      <c r="F8559" t="s">
        <v>5271</v>
      </c>
      <c r="G8559" t="s">
        <v>80</v>
      </c>
      <c r="H8559" t="s">
        <v>81</v>
      </c>
      <c r="I8559" s="2">
        <v>1</v>
      </c>
      <c r="J8559" s="2">
        <v>0</v>
      </c>
      <c r="K8559" s="2">
        <v>0</v>
      </c>
      <c r="L8559" t="s">
        <v>120</v>
      </c>
      <c r="M8559" t="s">
        <v>87</v>
      </c>
      <c r="N8559" t="s">
        <v>88</v>
      </c>
      <c r="O8559" t="s">
        <v>85</v>
      </c>
      <c r="P8559" t="s">
        <v>86</v>
      </c>
      <c r="Q8559">
        <v>85</v>
      </c>
      <c r="R8559">
        <v>86</v>
      </c>
      <c r="S8559">
        <v>86</v>
      </c>
      <c r="T8559">
        <v>87</v>
      </c>
      <c r="U8559">
        <v>87</v>
      </c>
      <c r="V8559">
        <v>88</v>
      </c>
      <c r="W8559">
        <v>88</v>
      </c>
      <c r="X8559">
        <v>89</v>
      </c>
      <c r="Y8559">
        <v>89</v>
      </c>
      <c r="Z8559">
        <v>89</v>
      </c>
      <c r="AA8559">
        <v>90</v>
      </c>
      <c r="AB8559">
        <v>90</v>
      </c>
      <c r="AC8559">
        <v>91</v>
      </c>
      <c r="AD8559">
        <v>91</v>
      </c>
      <c r="AE8559">
        <v>91</v>
      </c>
      <c r="AF8559">
        <v>92</v>
      </c>
      <c r="AG8559">
        <v>92</v>
      </c>
      <c r="AH8559">
        <v>93</v>
      </c>
      <c r="AI8559">
        <v>93</v>
      </c>
      <c r="AJ8559">
        <v>94</v>
      </c>
      <c r="AK8559">
        <v>94</v>
      </c>
      <c r="AL8559">
        <v>94</v>
      </c>
      <c r="AM8559">
        <v>95</v>
      </c>
      <c r="AN8559">
        <v>95</v>
      </c>
      <c r="AO8559">
        <v>95</v>
      </c>
      <c r="AP8559">
        <v>96</v>
      </c>
      <c r="AQ8559">
        <v>96</v>
      </c>
    </row>
    <row r="8560" spans="1:43">
      <c r="A8560" t="s">
        <v>5346</v>
      </c>
      <c r="B8560" t="s">
        <v>5347</v>
      </c>
      <c r="C8560" t="s">
        <v>5332</v>
      </c>
      <c r="D8560" t="s">
        <v>5333</v>
      </c>
      <c r="E8560" t="s">
        <v>5270</v>
      </c>
      <c r="F8560" t="s">
        <v>5271</v>
      </c>
      <c r="G8560" t="s">
        <v>80</v>
      </c>
      <c r="H8560" t="s">
        <v>81</v>
      </c>
      <c r="I8560" s="2">
        <v>1</v>
      </c>
      <c r="J8560" s="2">
        <v>0</v>
      </c>
      <c r="K8560" s="2">
        <v>0</v>
      </c>
      <c r="L8560" t="s">
        <v>120</v>
      </c>
      <c r="M8560" t="s">
        <v>89</v>
      </c>
      <c r="N8560" t="s">
        <v>90</v>
      </c>
      <c r="O8560" t="s">
        <v>85</v>
      </c>
      <c r="P8560" t="s">
        <v>86</v>
      </c>
      <c r="Q8560">
        <v>85</v>
      </c>
      <c r="R8560">
        <v>87</v>
      </c>
      <c r="S8560">
        <v>89</v>
      </c>
      <c r="T8560">
        <v>91</v>
      </c>
      <c r="U8560">
        <v>93</v>
      </c>
      <c r="V8560">
        <v>94</v>
      </c>
      <c r="W8560">
        <v>96</v>
      </c>
      <c r="X8560">
        <v>98</v>
      </c>
      <c r="Y8560">
        <v>99</v>
      </c>
      <c r="Z8560">
        <v>101</v>
      </c>
      <c r="AA8560">
        <v>102</v>
      </c>
      <c r="AB8560">
        <v>104</v>
      </c>
      <c r="AC8560">
        <v>105</v>
      </c>
      <c r="AD8560">
        <v>107</v>
      </c>
      <c r="AE8560">
        <v>108</v>
      </c>
      <c r="AF8560">
        <v>108</v>
      </c>
      <c r="AG8560">
        <v>108</v>
      </c>
      <c r="AH8560">
        <v>108</v>
      </c>
      <c r="AI8560">
        <v>108</v>
      </c>
      <c r="AJ8560">
        <v>108</v>
      </c>
      <c r="AK8560">
        <v>108</v>
      </c>
      <c r="AL8560">
        <v>108</v>
      </c>
      <c r="AM8560">
        <v>108</v>
      </c>
      <c r="AN8560">
        <v>108</v>
      </c>
      <c r="AO8560">
        <v>109</v>
      </c>
      <c r="AP8560">
        <v>109</v>
      </c>
      <c r="AQ8560">
        <v>109</v>
      </c>
    </row>
    <row r="8561" spans="1:43">
      <c r="A8561" t="s">
        <v>5346</v>
      </c>
      <c r="B8561" t="s">
        <v>5347</v>
      </c>
      <c r="C8561" t="s">
        <v>5332</v>
      </c>
      <c r="D8561" t="s">
        <v>5333</v>
      </c>
      <c r="E8561" t="s">
        <v>5270</v>
      </c>
      <c r="F8561" t="s">
        <v>5271</v>
      </c>
      <c r="G8561" t="s">
        <v>80</v>
      </c>
      <c r="H8561" t="s">
        <v>81</v>
      </c>
      <c r="I8561" s="2">
        <v>1</v>
      </c>
      <c r="J8561" s="2">
        <v>0</v>
      </c>
      <c r="K8561" s="2">
        <v>0</v>
      </c>
      <c r="L8561" t="s">
        <v>120</v>
      </c>
      <c r="M8561" t="s">
        <v>83</v>
      </c>
      <c r="N8561" t="s">
        <v>91</v>
      </c>
      <c r="O8561" t="s">
        <v>85</v>
      </c>
      <c r="P8561" t="s">
        <v>86</v>
      </c>
      <c r="Q8561">
        <v>85</v>
      </c>
      <c r="R8561">
        <v>86</v>
      </c>
      <c r="S8561">
        <v>88</v>
      </c>
      <c r="T8561">
        <v>89</v>
      </c>
      <c r="U8561">
        <v>90</v>
      </c>
      <c r="V8561">
        <v>91</v>
      </c>
      <c r="W8561">
        <v>93</v>
      </c>
      <c r="X8561">
        <v>94</v>
      </c>
      <c r="Y8561">
        <v>95</v>
      </c>
      <c r="Z8561">
        <v>96</v>
      </c>
      <c r="AA8561">
        <v>97</v>
      </c>
      <c r="AB8561">
        <v>98</v>
      </c>
      <c r="AC8561">
        <v>100</v>
      </c>
      <c r="AD8561">
        <v>101</v>
      </c>
      <c r="AE8561">
        <v>102</v>
      </c>
      <c r="AF8561">
        <v>103</v>
      </c>
      <c r="AG8561">
        <v>104</v>
      </c>
      <c r="AH8561">
        <v>105</v>
      </c>
      <c r="AI8561">
        <v>106</v>
      </c>
      <c r="AJ8561">
        <v>107</v>
      </c>
      <c r="AK8561">
        <v>108</v>
      </c>
      <c r="AL8561">
        <v>108</v>
      </c>
      <c r="AM8561">
        <v>109</v>
      </c>
      <c r="AN8561">
        <v>109</v>
      </c>
      <c r="AO8561">
        <v>109</v>
      </c>
      <c r="AP8561">
        <v>109</v>
      </c>
      <c r="AQ8561">
        <v>109</v>
      </c>
    </row>
    <row r="8562" spans="1:43">
      <c r="A8562" t="s">
        <v>5348</v>
      </c>
      <c r="B8562" t="s">
        <v>5349</v>
      </c>
      <c r="C8562" t="s">
        <v>5298</v>
      </c>
      <c r="D8562" t="s">
        <v>5299</v>
      </c>
      <c r="E8562" t="s">
        <v>5270</v>
      </c>
      <c r="F8562" t="s">
        <v>5271</v>
      </c>
      <c r="G8562" t="s">
        <v>80</v>
      </c>
      <c r="H8562" t="s">
        <v>81</v>
      </c>
      <c r="I8562" s="2">
        <v>1</v>
      </c>
      <c r="J8562" s="2">
        <v>0</v>
      </c>
      <c r="K8562" s="2">
        <v>0</v>
      </c>
      <c r="L8562" t="s">
        <v>120</v>
      </c>
      <c r="M8562" t="s">
        <v>83</v>
      </c>
      <c r="N8562" t="s">
        <v>84</v>
      </c>
      <c r="O8562" t="s">
        <v>85</v>
      </c>
      <c r="P8562" t="s">
        <v>86</v>
      </c>
      <c r="Q8562">
        <v>25</v>
      </c>
      <c r="R8562">
        <v>25</v>
      </c>
      <c r="S8562">
        <v>26</v>
      </c>
      <c r="T8562">
        <v>26</v>
      </c>
      <c r="U8562">
        <v>27</v>
      </c>
      <c r="V8562">
        <v>27</v>
      </c>
      <c r="W8562">
        <v>27</v>
      </c>
      <c r="X8562">
        <v>28</v>
      </c>
      <c r="Y8562">
        <v>28</v>
      </c>
      <c r="Z8562">
        <v>28</v>
      </c>
      <c r="AA8562">
        <v>29</v>
      </c>
      <c r="AB8562">
        <v>29</v>
      </c>
      <c r="AC8562">
        <v>29</v>
      </c>
      <c r="AD8562">
        <v>29</v>
      </c>
      <c r="AE8562">
        <v>30</v>
      </c>
      <c r="AF8562">
        <v>30</v>
      </c>
      <c r="AG8562">
        <v>30</v>
      </c>
      <c r="AH8562">
        <v>31</v>
      </c>
      <c r="AI8562">
        <v>31</v>
      </c>
      <c r="AJ8562">
        <v>31</v>
      </c>
      <c r="AK8562">
        <v>32</v>
      </c>
      <c r="AL8562">
        <v>32</v>
      </c>
      <c r="AM8562">
        <v>32</v>
      </c>
      <c r="AN8562">
        <v>32</v>
      </c>
      <c r="AO8562">
        <v>32</v>
      </c>
      <c r="AP8562">
        <v>32</v>
      </c>
      <c r="AQ8562">
        <v>32</v>
      </c>
    </row>
    <row r="8563" spans="1:43">
      <c r="A8563" t="s">
        <v>5348</v>
      </c>
      <c r="B8563" t="s">
        <v>5349</v>
      </c>
      <c r="C8563" t="s">
        <v>5298</v>
      </c>
      <c r="D8563" t="s">
        <v>5299</v>
      </c>
      <c r="E8563" t="s">
        <v>5270</v>
      </c>
      <c r="F8563" t="s">
        <v>5271</v>
      </c>
      <c r="G8563" t="s">
        <v>80</v>
      </c>
      <c r="H8563" t="s">
        <v>81</v>
      </c>
      <c r="I8563" s="2">
        <v>1</v>
      </c>
      <c r="J8563" s="2">
        <v>0</v>
      </c>
      <c r="K8563" s="2">
        <v>0</v>
      </c>
      <c r="L8563" t="s">
        <v>120</v>
      </c>
      <c r="M8563" t="s">
        <v>87</v>
      </c>
      <c r="N8563" t="s">
        <v>88</v>
      </c>
      <c r="O8563" t="s">
        <v>85</v>
      </c>
      <c r="P8563" t="s">
        <v>86</v>
      </c>
      <c r="Q8563">
        <v>25</v>
      </c>
      <c r="R8563">
        <v>25</v>
      </c>
      <c r="S8563">
        <v>25</v>
      </c>
      <c r="T8563">
        <v>25</v>
      </c>
      <c r="U8563">
        <v>25</v>
      </c>
      <c r="V8563">
        <v>25</v>
      </c>
      <c r="W8563">
        <v>26</v>
      </c>
      <c r="X8563">
        <v>26</v>
      </c>
      <c r="Y8563">
        <v>26</v>
      </c>
      <c r="Z8563">
        <v>26</v>
      </c>
      <c r="AA8563">
        <v>26</v>
      </c>
      <c r="AB8563">
        <v>26</v>
      </c>
      <c r="AC8563">
        <v>26</v>
      </c>
      <c r="AD8563">
        <v>26</v>
      </c>
      <c r="AE8563">
        <v>26</v>
      </c>
      <c r="AF8563">
        <v>27</v>
      </c>
      <c r="AG8563">
        <v>27</v>
      </c>
      <c r="AH8563">
        <v>27</v>
      </c>
      <c r="AI8563">
        <v>27</v>
      </c>
      <c r="AJ8563">
        <v>27</v>
      </c>
      <c r="AK8563">
        <v>27</v>
      </c>
      <c r="AL8563">
        <v>27</v>
      </c>
      <c r="AM8563">
        <v>27</v>
      </c>
      <c r="AN8563">
        <v>27</v>
      </c>
      <c r="AO8563">
        <v>28</v>
      </c>
      <c r="AP8563">
        <v>28</v>
      </c>
      <c r="AQ8563">
        <v>28</v>
      </c>
    </row>
    <row r="8564" spans="1:43">
      <c r="A8564" t="s">
        <v>5348</v>
      </c>
      <c r="B8564" t="s">
        <v>5349</v>
      </c>
      <c r="C8564" t="s">
        <v>5298</v>
      </c>
      <c r="D8564" t="s">
        <v>5299</v>
      </c>
      <c r="E8564" t="s">
        <v>5270</v>
      </c>
      <c r="F8564" t="s">
        <v>5271</v>
      </c>
      <c r="G8564" t="s">
        <v>80</v>
      </c>
      <c r="H8564" t="s">
        <v>81</v>
      </c>
      <c r="I8564" s="2">
        <v>1</v>
      </c>
      <c r="J8564" s="2">
        <v>0</v>
      </c>
      <c r="K8564" s="2">
        <v>0</v>
      </c>
      <c r="L8564" t="s">
        <v>120</v>
      </c>
      <c r="M8564" t="s">
        <v>89</v>
      </c>
      <c r="N8564" t="s">
        <v>90</v>
      </c>
      <c r="O8564" t="s">
        <v>85</v>
      </c>
      <c r="P8564" t="s">
        <v>86</v>
      </c>
      <c r="Q8564">
        <v>25</v>
      </c>
      <c r="R8564">
        <v>26</v>
      </c>
      <c r="S8564">
        <v>26</v>
      </c>
      <c r="T8564">
        <v>27</v>
      </c>
      <c r="U8564">
        <v>28</v>
      </c>
      <c r="V8564">
        <v>28</v>
      </c>
      <c r="W8564">
        <v>29</v>
      </c>
      <c r="X8564">
        <v>29</v>
      </c>
      <c r="Y8564">
        <v>29</v>
      </c>
      <c r="Z8564">
        <v>30</v>
      </c>
      <c r="AA8564">
        <v>30</v>
      </c>
      <c r="AB8564">
        <v>31</v>
      </c>
      <c r="AC8564">
        <v>31</v>
      </c>
      <c r="AD8564">
        <v>32</v>
      </c>
      <c r="AE8564">
        <v>32</v>
      </c>
      <c r="AF8564">
        <v>32</v>
      </c>
      <c r="AG8564">
        <v>32</v>
      </c>
      <c r="AH8564">
        <v>32</v>
      </c>
      <c r="AI8564">
        <v>32</v>
      </c>
      <c r="AJ8564">
        <v>32</v>
      </c>
      <c r="AK8564">
        <v>32</v>
      </c>
      <c r="AL8564">
        <v>32</v>
      </c>
      <c r="AM8564">
        <v>32</v>
      </c>
      <c r="AN8564">
        <v>32</v>
      </c>
      <c r="AO8564">
        <v>32</v>
      </c>
      <c r="AP8564">
        <v>32</v>
      </c>
      <c r="AQ8564">
        <v>32</v>
      </c>
    </row>
    <row r="8565" spans="1:43">
      <c r="A8565" t="s">
        <v>5348</v>
      </c>
      <c r="B8565" t="s">
        <v>5349</v>
      </c>
      <c r="C8565" t="s">
        <v>5298</v>
      </c>
      <c r="D8565" t="s">
        <v>5299</v>
      </c>
      <c r="E8565" t="s">
        <v>5270</v>
      </c>
      <c r="F8565" t="s">
        <v>5271</v>
      </c>
      <c r="G8565" t="s">
        <v>80</v>
      </c>
      <c r="H8565" t="s">
        <v>81</v>
      </c>
      <c r="I8565" s="2">
        <v>1</v>
      </c>
      <c r="J8565" s="2">
        <v>0</v>
      </c>
      <c r="K8565" s="2">
        <v>0</v>
      </c>
      <c r="L8565" t="s">
        <v>120</v>
      </c>
      <c r="M8565" t="s">
        <v>83</v>
      </c>
      <c r="N8565" t="s">
        <v>91</v>
      </c>
      <c r="O8565" t="s">
        <v>85</v>
      </c>
      <c r="P8565" t="s">
        <v>86</v>
      </c>
      <c r="Q8565">
        <v>25</v>
      </c>
      <c r="R8565">
        <v>25</v>
      </c>
      <c r="S8565">
        <v>26</v>
      </c>
      <c r="T8565">
        <v>26</v>
      </c>
      <c r="U8565">
        <v>27</v>
      </c>
      <c r="V8565">
        <v>27</v>
      </c>
      <c r="W8565">
        <v>27</v>
      </c>
      <c r="X8565">
        <v>28</v>
      </c>
      <c r="Y8565">
        <v>28</v>
      </c>
      <c r="Z8565">
        <v>28</v>
      </c>
      <c r="AA8565">
        <v>29</v>
      </c>
      <c r="AB8565">
        <v>29</v>
      </c>
      <c r="AC8565">
        <v>29</v>
      </c>
      <c r="AD8565">
        <v>29</v>
      </c>
      <c r="AE8565">
        <v>30</v>
      </c>
      <c r="AF8565">
        <v>30</v>
      </c>
      <c r="AG8565">
        <v>30</v>
      </c>
      <c r="AH8565">
        <v>31</v>
      </c>
      <c r="AI8565">
        <v>31</v>
      </c>
      <c r="AJ8565">
        <v>31</v>
      </c>
      <c r="AK8565">
        <v>32</v>
      </c>
      <c r="AL8565">
        <v>32</v>
      </c>
      <c r="AM8565">
        <v>32</v>
      </c>
      <c r="AN8565">
        <v>32</v>
      </c>
      <c r="AO8565">
        <v>32</v>
      </c>
      <c r="AP8565">
        <v>32</v>
      </c>
      <c r="AQ8565">
        <v>32</v>
      </c>
    </row>
    <row r="8566" spans="1:43">
      <c r="A8566" t="s">
        <v>5350</v>
      </c>
      <c r="B8566" t="s">
        <v>5351</v>
      </c>
      <c r="C8566" t="s">
        <v>5298</v>
      </c>
      <c r="D8566" t="s">
        <v>5299</v>
      </c>
      <c r="E8566" t="s">
        <v>5270</v>
      </c>
      <c r="F8566" t="s">
        <v>5271</v>
      </c>
      <c r="G8566" t="s">
        <v>80</v>
      </c>
      <c r="H8566" t="s">
        <v>81</v>
      </c>
      <c r="I8566" s="2">
        <v>1</v>
      </c>
      <c r="J8566" s="2">
        <v>0</v>
      </c>
      <c r="K8566" s="2">
        <v>0</v>
      </c>
      <c r="L8566" t="s">
        <v>120</v>
      </c>
      <c r="M8566" t="s">
        <v>83</v>
      </c>
      <c r="N8566" t="s">
        <v>84</v>
      </c>
      <c r="O8566" t="s">
        <v>85</v>
      </c>
      <c r="P8566" t="s">
        <v>86</v>
      </c>
      <c r="Q8566">
        <v>13</v>
      </c>
      <c r="R8566">
        <v>13</v>
      </c>
      <c r="S8566">
        <v>13</v>
      </c>
      <c r="T8566">
        <v>13</v>
      </c>
      <c r="U8566">
        <v>14</v>
      </c>
      <c r="V8566">
        <v>14</v>
      </c>
      <c r="W8566">
        <v>14</v>
      </c>
      <c r="X8566">
        <v>14</v>
      </c>
      <c r="Y8566">
        <v>14</v>
      </c>
      <c r="Z8566">
        <v>15</v>
      </c>
      <c r="AA8566">
        <v>15</v>
      </c>
      <c r="AB8566">
        <v>15</v>
      </c>
      <c r="AC8566">
        <v>15</v>
      </c>
      <c r="AD8566">
        <v>15</v>
      </c>
      <c r="AE8566">
        <v>15</v>
      </c>
      <c r="AF8566">
        <v>15</v>
      </c>
      <c r="AG8566">
        <v>16</v>
      </c>
      <c r="AH8566">
        <v>16</v>
      </c>
      <c r="AI8566">
        <v>16</v>
      </c>
      <c r="AJ8566">
        <v>16</v>
      </c>
      <c r="AK8566">
        <v>16</v>
      </c>
      <c r="AL8566">
        <v>16</v>
      </c>
      <c r="AM8566">
        <v>16</v>
      </c>
      <c r="AN8566">
        <v>16</v>
      </c>
      <c r="AO8566">
        <v>16</v>
      </c>
      <c r="AP8566">
        <v>16</v>
      </c>
      <c r="AQ8566">
        <v>16</v>
      </c>
    </row>
    <row r="8567" spans="1:43">
      <c r="A8567" t="s">
        <v>5350</v>
      </c>
      <c r="B8567" t="s">
        <v>5351</v>
      </c>
      <c r="C8567" t="s">
        <v>5298</v>
      </c>
      <c r="D8567" t="s">
        <v>5299</v>
      </c>
      <c r="E8567" t="s">
        <v>5270</v>
      </c>
      <c r="F8567" t="s">
        <v>5271</v>
      </c>
      <c r="G8567" t="s">
        <v>80</v>
      </c>
      <c r="H8567" t="s">
        <v>81</v>
      </c>
      <c r="I8567" s="2">
        <v>1</v>
      </c>
      <c r="J8567" s="2">
        <v>0</v>
      </c>
      <c r="K8567" s="2">
        <v>0</v>
      </c>
      <c r="L8567" t="s">
        <v>120</v>
      </c>
      <c r="M8567" t="s">
        <v>87</v>
      </c>
      <c r="N8567" t="s">
        <v>88</v>
      </c>
      <c r="O8567" t="s">
        <v>85</v>
      </c>
      <c r="P8567" t="s">
        <v>86</v>
      </c>
      <c r="Q8567">
        <v>13</v>
      </c>
      <c r="R8567">
        <v>13</v>
      </c>
      <c r="S8567">
        <v>13</v>
      </c>
      <c r="T8567">
        <v>13</v>
      </c>
      <c r="U8567">
        <v>13</v>
      </c>
      <c r="V8567">
        <v>13</v>
      </c>
      <c r="W8567">
        <v>13</v>
      </c>
      <c r="X8567">
        <v>13</v>
      </c>
      <c r="Y8567">
        <v>13</v>
      </c>
      <c r="Z8567">
        <v>13</v>
      </c>
      <c r="AA8567">
        <v>13</v>
      </c>
      <c r="AB8567">
        <v>13</v>
      </c>
      <c r="AC8567">
        <v>13</v>
      </c>
      <c r="AD8567">
        <v>14</v>
      </c>
      <c r="AE8567">
        <v>14</v>
      </c>
      <c r="AF8567">
        <v>14</v>
      </c>
      <c r="AG8567">
        <v>14</v>
      </c>
      <c r="AH8567">
        <v>14</v>
      </c>
      <c r="AI8567">
        <v>14</v>
      </c>
      <c r="AJ8567">
        <v>14</v>
      </c>
      <c r="AK8567">
        <v>14</v>
      </c>
      <c r="AL8567">
        <v>14</v>
      </c>
      <c r="AM8567">
        <v>14</v>
      </c>
      <c r="AN8567">
        <v>14</v>
      </c>
      <c r="AO8567">
        <v>14</v>
      </c>
      <c r="AP8567">
        <v>14</v>
      </c>
      <c r="AQ8567">
        <v>14</v>
      </c>
    </row>
    <row r="8568" spans="1:43">
      <c r="A8568" t="s">
        <v>5350</v>
      </c>
      <c r="B8568" t="s">
        <v>5351</v>
      </c>
      <c r="C8568" t="s">
        <v>5298</v>
      </c>
      <c r="D8568" t="s">
        <v>5299</v>
      </c>
      <c r="E8568" t="s">
        <v>5270</v>
      </c>
      <c r="F8568" t="s">
        <v>5271</v>
      </c>
      <c r="G8568" t="s">
        <v>80</v>
      </c>
      <c r="H8568" t="s">
        <v>81</v>
      </c>
      <c r="I8568" s="2">
        <v>1</v>
      </c>
      <c r="J8568" s="2">
        <v>0</v>
      </c>
      <c r="K8568" s="2">
        <v>0</v>
      </c>
      <c r="L8568" t="s">
        <v>120</v>
      </c>
      <c r="M8568" t="s">
        <v>89</v>
      </c>
      <c r="N8568" t="s">
        <v>90</v>
      </c>
      <c r="O8568" t="s">
        <v>85</v>
      </c>
      <c r="P8568" t="s">
        <v>86</v>
      </c>
      <c r="Q8568">
        <v>13</v>
      </c>
      <c r="R8568">
        <v>13</v>
      </c>
      <c r="S8568">
        <v>14</v>
      </c>
      <c r="T8568">
        <v>14</v>
      </c>
      <c r="U8568">
        <v>14</v>
      </c>
      <c r="V8568">
        <v>14</v>
      </c>
      <c r="W8568">
        <v>15</v>
      </c>
      <c r="X8568">
        <v>15</v>
      </c>
      <c r="Y8568">
        <v>15</v>
      </c>
      <c r="Z8568">
        <v>15</v>
      </c>
      <c r="AA8568">
        <v>16</v>
      </c>
      <c r="AB8568">
        <v>16</v>
      </c>
      <c r="AC8568">
        <v>16</v>
      </c>
      <c r="AD8568">
        <v>16</v>
      </c>
      <c r="AE8568">
        <v>16</v>
      </c>
      <c r="AF8568">
        <v>16</v>
      </c>
      <c r="AG8568">
        <v>16</v>
      </c>
      <c r="AH8568">
        <v>16</v>
      </c>
      <c r="AI8568">
        <v>16</v>
      </c>
      <c r="AJ8568">
        <v>16</v>
      </c>
      <c r="AK8568">
        <v>16</v>
      </c>
      <c r="AL8568">
        <v>16</v>
      </c>
      <c r="AM8568">
        <v>16</v>
      </c>
      <c r="AN8568">
        <v>16</v>
      </c>
      <c r="AO8568">
        <v>16</v>
      </c>
      <c r="AP8568">
        <v>16</v>
      </c>
      <c r="AQ8568">
        <v>16</v>
      </c>
    </row>
    <row r="8569" spans="1:43">
      <c r="A8569" t="s">
        <v>5350</v>
      </c>
      <c r="B8569" t="s">
        <v>5351</v>
      </c>
      <c r="C8569" t="s">
        <v>5298</v>
      </c>
      <c r="D8569" t="s">
        <v>5299</v>
      </c>
      <c r="E8569" t="s">
        <v>5270</v>
      </c>
      <c r="F8569" t="s">
        <v>5271</v>
      </c>
      <c r="G8569" t="s">
        <v>80</v>
      </c>
      <c r="H8569" t="s">
        <v>81</v>
      </c>
      <c r="I8569" s="2">
        <v>1</v>
      </c>
      <c r="J8569" s="2">
        <v>0</v>
      </c>
      <c r="K8569" s="2">
        <v>0</v>
      </c>
      <c r="L8569" t="s">
        <v>120</v>
      </c>
      <c r="M8569" t="s">
        <v>83</v>
      </c>
      <c r="N8569" t="s">
        <v>91</v>
      </c>
      <c r="O8569" t="s">
        <v>85</v>
      </c>
      <c r="P8569" t="s">
        <v>86</v>
      </c>
      <c r="Q8569">
        <v>13</v>
      </c>
      <c r="R8569">
        <v>13</v>
      </c>
      <c r="S8569">
        <v>13</v>
      </c>
      <c r="T8569">
        <v>13</v>
      </c>
      <c r="U8569">
        <v>14</v>
      </c>
      <c r="V8569">
        <v>14</v>
      </c>
      <c r="W8569">
        <v>14</v>
      </c>
      <c r="X8569">
        <v>14</v>
      </c>
      <c r="Y8569">
        <v>14</v>
      </c>
      <c r="Z8569">
        <v>15</v>
      </c>
      <c r="AA8569">
        <v>15</v>
      </c>
      <c r="AB8569">
        <v>15</v>
      </c>
      <c r="AC8569">
        <v>15</v>
      </c>
      <c r="AD8569">
        <v>15</v>
      </c>
      <c r="AE8569">
        <v>15</v>
      </c>
      <c r="AF8569">
        <v>15</v>
      </c>
      <c r="AG8569">
        <v>16</v>
      </c>
      <c r="AH8569">
        <v>16</v>
      </c>
      <c r="AI8569">
        <v>16</v>
      </c>
      <c r="AJ8569">
        <v>16</v>
      </c>
      <c r="AK8569">
        <v>16</v>
      </c>
      <c r="AL8569">
        <v>16</v>
      </c>
      <c r="AM8569">
        <v>16</v>
      </c>
      <c r="AN8569">
        <v>16</v>
      </c>
      <c r="AO8569">
        <v>16</v>
      </c>
      <c r="AP8569">
        <v>16</v>
      </c>
      <c r="AQ8569">
        <v>16</v>
      </c>
    </row>
    <row r="8570" spans="1:43">
      <c r="A8570" t="s">
        <v>5352</v>
      </c>
      <c r="B8570" t="s">
        <v>5353</v>
      </c>
      <c r="C8570" t="s">
        <v>5298</v>
      </c>
      <c r="D8570" t="s">
        <v>5299</v>
      </c>
      <c r="E8570" t="s">
        <v>5270</v>
      </c>
      <c r="F8570" t="s">
        <v>5271</v>
      </c>
      <c r="G8570" t="s">
        <v>80</v>
      </c>
      <c r="H8570" t="s">
        <v>81</v>
      </c>
      <c r="I8570" s="2">
        <v>1</v>
      </c>
      <c r="J8570" s="2">
        <v>0</v>
      </c>
      <c r="K8570" s="2">
        <v>0</v>
      </c>
      <c r="L8570" t="s">
        <v>120</v>
      </c>
      <c r="M8570" t="s">
        <v>83</v>
      </c>
      <c r="N8570" t="s">
        <v>84</v>
      </c>
      <c r="O8570" t="s">
        <v>85</v>
      </c>
      <c r="P8570" t="s">
        <v>86</v>
      </c>
      <c r="Q8570">
        <v>16</v>
      </c>
      <c r="R8570">
        <v>16</v>
      </c>
      <c r="S8570">
        <v>16</v>
      </c>
      <c r="T8570">
        <v>17</v>
      </c>
      <c r="U8570">
        <v>17</v>
      </c>
      <c r="V8570">
        <v>17</v>
      </c>
      <c r="W8570">
        <v>17</v>
      </c>
      <c r="X8570">
        <v>17</v>
      </c>
      <c r="Y8570">
        <v>18</v>
      </c>
      <c r="Z8570">
        <v>18</v>
      </c>
      <c r="AA8570">
        <v>18</v>
      </c>
      <c r="AB8570">
        <v>18</v>
      </c>
      <c r="AC8570">
        <v>18</v>
      </c>
      <c r="AD8570">
        <v>19</v>
      </c>
      <c r="AE8570">
        <v>19</v>
      </c>
      <c r="AF8570">
        <v>19</v>
      </c>
      <c r="AG8570">
        <v>19</v>
      </c>
      <c r="AH8570">
        <v>19</v>
      </c>
      <c r="AI8570">
        <v>20</v>
      </c>
      <c r="AJ8570">
        <v>20</v>
      </c>
      <c r="AK8570">
        <v>20</v>
      </c>
      <c r="AL8570">
        <v>20</v>
      </c>
      <c r="AM8570">
        <v>20</v>
      </c>
      <c r="AN8570">
        <v>20</v>
      </c>
      <c r="AO8570">
        <v>20</v>
      </c>
      <c r="AP8570">
        <v>20</v>
      </c>
      <c r="AQ8570">
        <v>20</v>
      </c>
    </row>
    <row r="8571" spans="1:43">
      <c r="A8571" t="s">
        <v>5352</v>
      </c>
      <c r="B8571" t="s">
        <v>5353</v>
      </c>
      <c r="C8571" t="s">
        <v>5298</v>
      </c>
      <c r="D8571" t="s">
        <v>5299</v>
      </c>
      <c r="E8571" t="s">
        <v>5270</v>
      </c>
      <c r="F8571" t="s">
        <v>5271</v>
      </c>
      <c r="G8571" t="s">
        <v>80</v>
      </c>
      <c r="H8571" t="s">
        <v>81</v>
      </c>
      <c r="I8571" s="2">
        <v>1</v>
      </c>
      <c r="J8571" s="2">
        <v>0</v>
      </c>
      <c r="K8571" s="2">
        <v>0</v>
      </c>
      <c r="L8571" t="s">
        <v>120</v>
      </c>
      <c r="M8571" t="s">
        <v>87</v>
      </c>
      <c r="N8571" t="s">
        <v>88</v>
      </c>
      <c r="O8571" t="s">
        <v>85</v>
      </c>
      <c r="P8571" t="s">
        <v>86</v>
      </c>
      <c r="Q8571">
        <v>16</v>
      </c>
      <c r="R8571">
        <v>16</v>
      </c>
      <c r="S8571">
        <v>16</v>
      </c>
      <c r="T8571">
        <v>16</v>
      </c>
      <c r="U8571">
        <v>16</v>
      </c>
      <c r="V8571">
        <v>16</v>
      </c>
      <c r="W8571">
        <v>16</v>
      </c>
      <c r="X8571">
        <v>16</v>
      </c>
      <c r="Y8571">
        <v>16</v>
      </c>
      <c r="Z8571">
        <v>16</v>
      </c>
      <c r="AA8571">
        <v>16</v>
      </c>
      <c r="AB8571">
        <v>16</v>
      </c>
      <c r="AC8571">
        <v>17</v>
      </c>
      <c r="AD8571">
        <v>17</v>
      </c>
      <c r="AE8571">
        <v>17</v>
      </c>
      <c r="AF8571">
        <v>17</v>
      </c>
      <c r="AG8571">
        <v>17</v>
      </c>
      <c r="AH8571">
        <v>17</v>
      </c>
      <c r="AI8571">
        <v>17</v>
      </c>
      <c r="AJ8571">
        <v>17</v>
      </c>
      <c r="AK8571">
        <v>17</v>
      </c>
      <c r="AL8571">
        <v>17</v>
      </c>
      <c r="AM8571">
        <v>17</v>
      </c>
      <c r="AN8571">
        <v>17</v>
      </c>
      <c r="AO8571">
        <v>17</v>
      </c>
      <c r="AP8571">
        <v>17</v>
      </c>
      <c r="AQ8571">
        <v>17</v>
      </c>
    </row>
    <row r="8572" spans="1:43">
      <c r="A8572" t="s">
        <v>5352</v>
      </c>
      <c r="B8572" t="s">
        <v>5353</v>
      </c>
      <c r="C8572" t="s">
        <v>5298</v>
      </c>
      <c r="D8572" t="s">
        <v>5299</v>
      </c>
      <c r="E8572" t="s">
        <v>5270</v>
      </c>
      <c r="F8572" t="s">
        <v>5271</v>
      </c>
      <c r="G8572" t="s">
        <v>80</v>
      </c>
      <c r="H8572" t="s">
        <v>81</v>
      </c>
      <c r="I8572" s="2">
        <v>1</v>
      </c>
      <c r="J8572" s="2">
        <v>0</v>
      </c>
      <c r="K8572" s="2">
        <v>0</v>
      </c>
      <c r="L8572" t="s">
        <v>120</v>
      </c>
      <c r="M8572" t="s">
        <v>89</v>
      </c>
      <c r="N8572" t="s">
        <v>90</v>
      </c>
      <c r="O8572" t="s">
        <v>85</v>
      </c>
      <c r="P8572" t="s">
        <v>86</v>
      </c>
      <c r="Q8572">
        <v>16</v>
      </c>
      <c r="R8572">
        <v>16</v>
      </c>
      <c r="S8572">
        <v>17</v>
      </c>
      <c r="T8572">
        <v>17</v>
      </c>
      <c r="U8572">
        <v>17</v>
      </c>
      <c r="V8572">
        <v>18</v>
      </c>
      <c r="W8572">
        <v>18</v>
      </c>
      <c r="X8572">
        <v>18</v>
      </c>
      <c r="Y8572">
        <v>19</v>
      </c>
      <c r="Z8572">
        <v>19</v>
      </c>
      <c r="AA8572">
        <v>19</v>
      </c>
      <c r="AB8572">
        <v>19</v>
      </c>
      <c r="AC8572">
        <v>20</v>
      </c>
      <c r="AD8572">
        <v>20</v>
      </c>
      <c r="AE8572">
        <v>20</v>
      </c>
      <c r="AF8572">
        <v>20</v>
      </c>
      <c r="AG8572">
        <v>20</v>
      </c>
      <c r="AH8572">
        <v>20</v>
      </c>
      <c r="AI8572">
        <v>20</v>
      </c>
      <c r="AJ8572">
        <v>20</v>
      </c>
      <c r="AK8572">
        <v>20</v>
      </c>
      <c r="AL8572">
        <v>20</v>
      </c>
      <c r="AM8572">
        <v>20</v>
      </c>
      <c r="AN8572">
        <v>20</v>
      </c>
      <c r="AO8572">
        <v>20</v>
      </c>
      <c r="AP8572">
        <v>20</v>
      </c>
      <c r="AQ8572">
        <v>20</v>
      </c>
    </row>
    <row r="8573" spans="1:43">
      <c r="A8573" t="s">
        <v>5352</v>
      </c>
      <c r="B8573" t="s">
        <v>5353</v>
      </c>
      <c r="C8573" t="s">
        <v>5298</v>
      </c>
      <c r="D8573" t="s">
        <v>5299</v>
      </c>
      <c r="E8573" t="s">
        <v>5270</v>
      </c>
      <c r="F8573" t="s">
        <v>5271</v>
      </c>
      <c r="G8573" t="s">
        <v>80</v>
      </c>
      <c r="H8573" t="s">
        <v>81</v>
      </c>
      <c r="I8573" s="2">
        <v>1</v>
      </c>
      <c r="J8573" s="2">
        <v>0</v>
      </c>
      <c r="K8573" s="2">
        <v>0</v>
      </c>
      <c r="L8573" t="s">
        <v>120</v>
      </c>
      <c r="M8573" t="s">
        <v>83</v>
      </c>
      <c r="N8573" t="s">
        <v>91</v>
      </c>
      <c r="O8573" t="s">
        <v>85</v>
      </c>
      <c r="P8573" t="s">
        <v>86</v>
      </c>
      <c r="Q8573">
        <v>16</v>
      </c>
      <c r="R8573">
        <v>16</v>
      </c>
      <c r="S8573">
        <v>16</v>
      </c>
      <c r="T8573">
        <v>17</v>
      </c>
      <c r="U8573">
        <v>17</v>
      </c>
      <c r="V8573">
        <v>17</v>
      </c>
      <c r="W8573">
        <v>17</v>
      </c>
      <c r="X8573">
        <v>17</v>
      </c>
      <c r="Y8573">
        <v>18</v>
      </c>
      <c r="Z8573">
        <v>18</v>
      </c>
      <c r="AA8573">
        <v>18</v>
      </c>
      <c r="AB8573">
        <v>18</v>
      </c>
      <c r="AC8573">
        <v>18</v>
      </c>
      <c r="AD8573">
        <v>19</v>
      </c>
      <c r="AE8573">
        <v>19</v>
      </c>
      <c r="AF8573">
        <v>19</v>
      </c>
      <c r="AG8573">
        <v>19</v>
      </c>
      <c r="AH8573">
        <v>19</v>
      </c>
      <c r="AI8573">
        <v>20</v>
      </c>
      <c r="AJ8573">
        <v>20</v>
      </c>
      <c r="AK8573">
        <v>20</v>
      </c>
      <c r="AL8573">
        <v>20</v>
      </c>
      <c r="AM8573">
        <v>20</v>
      </c>
      <c r="AN8573">
        <v>20</v>
      </c>
      <c r="AO8573">
        <v>20</v>
      </c>
      <c r="AP8573">
        <v>20</v>
      </c>
      <c r="AQ8573">
        <v>20</v>
      </c>
    </row>
    <row r="8574" spans="1:43">
      <c r="A8574" t="s">
        <v>5354</v>
      </c>
      <c r="B8574" t="s">
        <v>5355</v>
      </c>
      <c r="C8574" t="s">
        <v>5336</v>
      </c>
      <c r="D8574" t="s">
        <v>5337</v>
      </c>
      <c r="E8574" t="s">
        <v>5270</v>
      </c>
      <c r="F8574" t="s">
        <v>5271</v>
      </c>
      <c r="G8574" t="s">
        <v>80</v>
      </c>
      <c r="H8574" t="s">
        <v>81</v>
      </c>
      <c r="I8574" s="2">
        <v>1</v>
      </c>
      <c r="J8574" s="2">
        <v>0</v>
      </c>
      <c r="K8574" s="2">
        <v>0</v>
      </c>
      <c r="L8574" t="s">
        <v>120</v>
      </c>
      <c r="M8574" t="s">
        <v>83</v>
      </c>
      <c r="N8574" t="s">
        <v>84</v>
      </c>
      <c r="O8574" t="s">
        <v>85</v>
      </c>
      <c r="P8574" t="s">
        <v>86</v>
      </c>
      <c r="Q8574">
        <v>24</v>
      </c>
      <c r="R8574">
        <v>24</v>
      </c>
      <c r="S8574">
        <v>24</v>
      </c>
      <c r="T8574">
        <v>25</v>
      </c>
      <c r="U8574">
        <v>25</v>
      </c>
      <c r="V8574">
        <v>25</v>
      </c>
      <c r="W8574">
        <v>26</v>
      </c>
      <c r="X8574">
        <v>26</v>
      </c>
      <c r="Y8574">
        <v>26</v>
      </c>
      <c r="Z8574">
        <v>27</v>
      </c>
      <c r="AA8574">
        <v>27</v>
      </c>
      <c r="AB8574">
        <v>27</v>
      </c>
      <c r="AC8574">
        <v>27</v>
      </c>
      <c r="AD8574">
        <v>28</v>
      </c>
      <c r="AE8574">
        <v>28</v>
      </c>
      <c r="AF8574">
        <v>28</v>
      </c>
      <c r="AG8574">
        <v>29</v>
      </c>
      <c r="AH8574">
        <v>29</v>
      </c>
      <c r="AI8574">
        <v>29</v>
      </c>
      <c r="AJ8574">
        <v>29</v>
      </c>
      <c r="AK8574">
        <v>30</v>
      </c>
      <c r="AL8574">
        <v>30</v>
      </c>
      <c r="AM8574">
        <v>30</v>
      </c>
      <c r="AN8574">
        <v>30</v>
      </c>
      <c r="AO8574">
        <v>30</v>
      </c>
      <c r="AP8574">
        <v>30</v>
      </c>
      <c r="AQ8574">
        <v>30</v>
      </c>
    </row>
    <row r="8575" spans="1:43">
      <c r="A8575" t="s">
        <v>5354</v>
      </c>
      <c r="B8575" t="s">
        <v>5355</v>
      </c>
      <c r="C8575" t="s">
        <v>5336</v>
      </c>
      <c r="D8575" t="s">
        <v>5337</v>
      </c>
      <c r="E8575" t="s">
        <v>5270</v>
      </c>
      <c r="F8575" t="s">
        <v>5271</v>
      </c>
      <c r="G8575" t="s">
        <v>80</v>
      </c>
      <c r="H8575" t="s">
        <v>81</v>
      </c>
      <c r="I8575" s="2">
        <v>1</v>
      </c>
      <c r="J8575" s="2">
        <v>0</v>
      </c>
      <c r="K8575" s="2">
        <v>0</v>
      </c>
      <c r="L8575" t="s">
        <v>120</v>
      </c>
      <c r="M8575" t="s">
        <v>87</v>
      </c>
      <c r="N8575" t="s">
        <v>88</v>
      </c>
      <c r="O8575" t="s">
        <v>85</v>
      </c>
      <c r="P8575" t="s">
        <v>86</v>
      </c>
      <c r="Q8575">
        <v>24</v>
      </c>
      <c r="R8575">
        <v>24</v>
      </c>
      <c r="S8575">
        <v>25</v>
      </c>
      <c r="T8575">
        <v>25</v>
      </c>
      <c r="U8575">
        <v>25</v>
      </c>
      <c r="V8575">
        <v>25</v>
      </c>
      <c r="W8575">
        <v>25</v>
      </c>
      <c r="X8575">
        <v>25</v>
      </c>
      <c r="Y8575">
        <v>25</v>
      </c>
      <c r="Z8575">
        <v>25</v>
      </c>
      <c r="AA8575">
        <v>25</v>
      </c>
      <c r="AB8575">
        <v>26</v>
      </c>
      <c r="AC8575">
        <v>26</v>
      </c>
      <c r="AD8575">
        <v>26</v>
      </c>
      <c r="AE8575">
        <v>26</v>
      </c>
      <c r="AF8575">
        <v>26</v>
      </c>
      <c r="AG8575">
        <v>26</v>
      </c>
      <c r="AH8575">
        <v>26</v>
      </c>
      <c r="AI8575">
        <v>26</v>
      </c>
      <c r="AJ8575">
        <v>26</v>
      </c>
      <c r="AK8575">
        <v>27</v>
      </c>
      <c r="AL8575">
        <v>27</v>
      </c>
      <c r="AM8575">
        <v>27</v>
      </c>
      <c r="AN8575">
        <v>27</v>
      </c>
      <c r="AO8575">
        <v>27</v>
      </c>
      <c r="AP8575">
        <v>27</v>
      </c>
      <c r="AQ8575">
        <v>27</v>
      </c>
    </row>
    <row r="8576" spans="1:43">
      <c r="A8576" t="s">
        <v>5354</v>
      </c>
      <c r="B8576" t="s">
        <v>5355</v>
      </c>
      <c r="C8576" t="s">
        <v>5336</v>
      </c>
      <c r="D8576" t="s">
        <v>5337</v>
      </c>
      <c r="E8576" t="s">
        <v>5270</v>
      </c>
      <c r="F8576" t="s">
        <v>5271</v>
      </c>
      <c r="G8576" t="s">
        <v>80</v>
      </c>
      <c r="H8576" t="s">
        <v>81</v>
      </c>
      <c r="I8576" s="2">
        <v>1</v>
      </c>
      <c r="J8576" s="2">
        <v>0</v>
      </c>
      <c r="K8576" s="2">
        <v>0</v>
      </c>
      <c r="L8576" t="s">
        <v>120</v>
      </c>
      <c r="M8576" t="s">
        <v>89</v>
      </c>
      <c r="N8576" t="s">
        <v>90</v>
      </c>
      <c r="O8576" t="s">
        <v>85</v>
      </c>
      <c r="P8576" t="s">
        <v>86</v>
      </c>
      <c r="Q8576">
        <v>24</v>
      </c>
      <c r="R8576">
        <v>24</v>
      </c>
      <c r="S8576">
        <v>25</v>
      </c>
      <c r="T8576">
        <v>25</v>
      </c>
      <c r="U8576">
        <v>26</v>
      </c>
      <c r="V8576">
        <v>26</v>
      </c>
      <c r="W8576">
        <v>27</v>
      </c>
      <c r="X8576">
        <v>27</v>
      </c>
      <c r="Y8576">
        <v>28</v>
      </c>
      <c r="Z8576">
        <v>28</v>
      </c>
      <c r="AA8576">
        <v>28</v>
      </c>
      <c r="AB8576">
        <v>29</v>
      </c>
      <c r="AC8576">
        <v>29</v>
      </c>
      <c r="AD8576">
        <v>30</v>
      </c>
      <c r="AE8576">
        <v>30</v>
      </c>
      <c r="AF8576">
        <v>30</v>
      </c>
      <c r="AG8576">
        <v>30</v>
      </c>
      <c r="AH8576">
        <v>30</v>
      </c>
      <c r="AI8576">
        <v>30</v>
      </c>
      <c r="AJ8576">
        <v>30</v>
      </c>
      <c r="AK8576">
        <v>30</v>
      </c>
      <c r="AL8576">
        <v>30</v>
      </c>
      <c r="AM8576">
        <v>30</v>
      </c>
      <c r="AN8576">
        <v>30</v>
      </c>
      <c r="AO8576">
        <v>30</v>
      </c>
      <c r="AP8576">
        <v>30</v>
      </c>
      <c r="AQ8576">
        <v>30</v>
      </c>
    </row>
    <row r="8577" spans="1:43">
      <c r="A8577" t="s">
        <v>5354</v>
      </c>
      <c r="B8577" t="s">
        <v>5355</v>
      </c>
      <c r="C8577" t="s">
        <v>5336</v>
      </c>
      <c r="D8577" t="s">
        <v>5337</v>
      </c>
      <c r="E8577" t="s">
        <v>5270</v>
      </c>
      <c r="F8577" t="s">
        <v>5271</v>
      </c>
      <c r="G8577" t="s">
        <v>80</v>
      </c>
      <c r="H8577" t="s">
        <v>81</v>
      </c>
      <c r="I8577" s="2">
        <v>1</v>
      </c>
      <c r="J8577" s="2">
        <v>0</v>
      </c>
      <c r="K8577" s="2">
        <v>0</v>
      </c>
      <c r="L8577" t="s">
        <v>120</v>
      </c>
      <c r="M8577" t="s">
        <v>83</v>
      </c>
      <c r="N8577" t="s">
        <v>91</v>
      </c>
      <c r="O8577" t="s">
        <v>85</v>
      </c>
      <c r="P8577" t="s">
        <v>86</v>
      </c>
      <c r="Q8577">
        <v>24</v>
      </c>
      <c r="R8577">
        <v>24</v>
      </c>
      <c r="S8577">
        <v>24</v>
      </c>
      <c r="T8577">
        <v>25</v>
      </c>
      <c r="U8577">
        <v>25</v>
      </c>
      <c r="V8577">
        <v>25</v>
      </c>
      <c r="W8577">
        <v>26</v>
      </c>
      <c r="X8577">
        <v>26</v>
      </c>
      <c r="Y8577">
        <v>26</v>
      </c>
      <c r="Z8577">
        <v>27</v>
      </c>
      <c r="AA8577">
        <v>27</v>
      </c>
      <c r="AB8577">
        <v>27</v>
      </c>
      <c r="AC8577">
        <v>27</v>
      </c>
      <c r="AD8577">
        <v>28</v>
      </c>
      <c r="AE8577">
        <v>28</v>
      </c>
      <c r="AF8577">
        <v>28</v>
      </c>
      <c r="AG8577">
        <v>29</v>
      </c>
      <c r="AH8577">
        <v>29</v>
      </c>
      <c r="AI8577">
        <v>29</v>
      </c>
      <c r="AJ8577">
        <v>29</v>
      </c>
      <c r="AK8577">
        <v>30</v>
      </c>
      <c r="AL8577">
        <v>30</v>
      </c>
      <c r="AM8577">
        <v>30</v>
      </c>
      <c r="AN8577">
        <v>30</v>
      </c>
      <c r="AO8577">
        <v>30</v>
      </c>
      <c r="AP8577">
        <v>30</v>
      </c>
      <c r="AQ8577">
        <v>30</v>
      </c>
    </row>
    <row r="8578" spans="1:43">
      <c r="A8578" t="s">
        <v>5356</v>
      </c>
      <c r="B8578" t="s">
        <v>5357</v>
      </c>
      <c r="C8578" t="s">
        <v>5332</v>
      </c>
      <c r="D8578" t="s">
        <v>5333</v>
      </c>
      <c r="E8578" t="s">
        <v>5270</v>
      </c>
      <c r="F8578" t="s">
        <v>5271</v>
      </c>
      <c r="G8578" t="s">
        <v>80</v>
      </c>
      <c r="H8578" t="s">
        <v>81</v>
      </c>
      <c r="I8578" s="2">
        <v>1</v>
      </c>
      <c r="J8578" s="2">
        <v>0</v>
      </c>
      <c r="K8578" s="2">
        <v>0</v>
      </c>
      <c r="L8578" t="s">
        <v>120</v>
      </c>
      <c r="M8578" t="s">
        <v>83</v>
      </c>
      <c r="N8578" t="s">
        <v>84</v>
      </c>
      <c r="O8578" t="s">
        <v>85</v>
      </c>
      <c r="P8578" t="s">
        <v>86</v>
      </c>
      <c r="Q8578">
        <v>21</v>
      </c>
      <c r="R8578">
        <v>21</v>
      </c>
      <c r="S8578">
        <v>21</v>
      </c>
      <c r="T8578">
        <v>22</v>
      </c>
      <c r="U8578">
        <v>22</v>
      </c>
      <c r="V8578">
        <v>22</v>
      </c>
      <c r="W8578">
        <v>22</v>
      </c>
      <c r="X8578">
        <v>23</v>
      </c>
      <c r="Y8578">
        <v>23</v>
      </c>
      <c r="Z8578">
        <v>23</v>
      </c>
      <c r="AA8578">
        <v>24</v>
      </c>
      <c r="AB8578">
        <v>24</v>
      </c>
      <c r="AC8578">
        <v>24</v>
      </c>
      <c r="AD8578">
        <v>24</v>
      </c>
      <c r="AE8578">
        <v>25</v>
      </c>
      <c r="AF8578">
        <v>25</v>
      </c>
      <c r="AG8578">
        <v>25</v>
      </c>
      <c r="AH8578">
        <v>25</v>
      </c>
      <c r="AI8578">
        <v>26</v>
      </c>
      <c r="AJ8578">
        <v>26</v>
      </c>
      <c r="AK8578">
        <v>26</v>
      </c>
      <c r="AL8578">
        <v>26</v>
      </c>
      <c r="AM8578">
        <v>26</v>
      </c>
      <c r="AN8578">
        <v>26</v>
      </c>
      <c r="AO8578">
        <v>26</v>
      </c>
      <c r="AP8578">
        <v>26</v>
      </c>
      <c r="AQ8578">
        <v>26</v>
      </c>
    </row>
    <row r="8579" spans="1:43">
      <c r="A8579" t="s">
        <v>5356</v>
      </c>
      <c r="B8579" t="s">
        <v>5357</v>
      </c>
      <c r="C8579" t="s">
        <v>5332</v>
      </c>
      <c r="D8579" t="s">
        <v>5333</v>
      </c>
      <c r="E8579" t="s">
        <v>5270</v>
      </c>
      <c r="F8579" t="s">
        <v>5271</v>
      </c>
      <c r="G8579" t="s">
        <v>80</v>
      </c>
      <c r="H8579" t="s">
        <v>81</v>
      </c>
      <c r="I8579" s="2">
        <v>1</v>
      </c>
      <c r="J8579" s="2">
        <v>0</v>
      </c>
      <c r="K8579" s="2">
        <v>0</v>
      </c>
      <c r="L8579" t="s">
        <v>120</v>
      </c>
      <c r="M8579" t="s">
        <v>87</v>
      </c>
      <c r="N8579" t="s">
        <v>88</v>
      </c>
      <c r="O8579" t="s">
        <v>85</v>
      </c>
      <c r="P8579" t="s">
        <v>86</v>
      </c>
      <c r="Q8579">
        <v>21</v>
      </c>
      <c r="R8579">
        <v>22</v>
      </c>
      <c r="S8579">
        <v>22</v>
      </c>
      <c r="T8579">
        <v>22</v>
      </c>
      <c r="U8579">
        <v>22</v>
      </c>
      <c r="V8579">
        <v>22</v>
      </c>
      <c r="W8579">
        <v>22</v>
      </c>
      <c r="X8579">
        <v>22</v>
      </c>
      <c r="Y8579">
        <v>22</v>
      </c>
      <c r="Z8579">
        <v>22</v>
      </c>
      <c r="AA8579">
        <v>22</v>
      </c>
      <c r="AB8579">
        <v>23</v>
      </c>
      <c r="AC8579">
        <v>23</v>
      </c>
      <c r="AD8579">
        <v>23</v>
      </c>
      <c r="AE8579">
        <v>23</v>
      </c>
      <c r="AF8579">
        <v>23</v>
      </c>
      <c r="AG8579">
        <v>23</v>
      </c>
      <c r="AH8579">
        <v>23</v>
      </c>
      <c r="AI8579">
        <v>23</v>
      </c>
      <c r="AJ8579">
        <v>23</v>
      </c>
      <c r="AK8579">
        <v>23</v>
      </c>
      <c r="AL8579">
        <v>24</v>
      </c>
      <c r="AM8579">
        <v>24</v>
      </c>
      <c r="AN8579">
        <v>24</v>
      </c>
      <c r="AO8579">
        <v>24</v>
      </c>
      <c r="AP8579">
        <v>24</v>
      </c>
      <c r="AQ8579">
        <v>24</v>
      </c>
    </row>
    <row r="8580" spans="1:43">
      <c r="A8580" t="s">
        <v>5356</v>
      </c>
      <c r="B8580" t="s">
        <v>5357</v>
      </c>
      <c r="C8580" t="s">
        <v>5332</v>
      </c>
      <c r="D8580" t="s">
        <v>5333</v>
      </c>
      <c r="E8580" t="s">
        <v>5270</v>
      </c>
      <c r="F8580" t="s">
        <v>5271</v>
      </c>
      <c r="G8580" t="s">
        <v>80</v>
      </c>
      <c r="H8580" t="s">
        <v>81</v>
      </c>
      <c r="I8580" s="2">
        <v>1</v>
      </c>
      <c r="J8580" s="2">
        <v>0</v>
      </c>
      <c r="K8580" s="2">
        <v>0</v>
      </c>
      <c r="L8580" t="s">
        <v>120</v>
      </c>
      <c r="M8580" t="s">
        <v>89</v>
      </c>
      <c r="N8580" t="s">
        <v>90</v>
      </c>
      <c r="O8580" t="s">
        <v>85</v>
      </c>
      <c r="P8580" t="s">
        <v>86</v>
      </c>
      <c r="Q8580">
        <v>21</v>
      </c>
      <c r="R8580">
        <v>21</v>
      </c>
      <c r="S8580">
        <v>22</v>
      </c>
      <c r="T8580">
        <v>22</v>
      </c>
      <c r="U8580">
        <v>23</v>
      </c>
      <c r="V8580">
        <v>23</v>
      </c>
      <c r="W8580">
        <v>23</v>
      </c>
      <c r="X8580">
        <v>24</v>
      </c>
      <c r="Y8580">
        <v>24</v>
      </c>
      <c r="Z8580">
        <v>25</v>
      </c>
      <c r="AA8580">
        <v>25</v>
      </c>
      <c r="AB8580">
        <v>25</v>
      </c>
      <c r="AC8580">
        <v>26</v>
      </c>
      <c r="AD8580">
        <v>26</v>
      </c>
      <c r="AE8580">
        <v>26</v>
      </c>
      <c r="AF8580">
        <v>26</v>
      </c>
      <c r="AG8580">
        <v>26</v>
      </c>
      <c r="AH8580">
        <v>26</v>
      </c>
      <c r="AI8580">
        <v>26</v>
      </c>
      <c r="AJ8580">
        <v>26</v>
      </c>
      <c r="AK8580">
        <v>26</v>
      </c>
      <c r="AL8580">
        <v>26</v>
      </c>
      <c r="AM8580">
        <v>27</v>
      </c>
      <c r="AN8580">
        <v>27</v>
      </c>
      <c r="AO8580">
        <v>27</v>
      </c>
      <c r="AP8580">
        <v>27</v>
      </c>
      <c r="AQ8580">
        <v>27</v>
      </c>
    </row>
    <row r="8581" spans="1:43">
      <c r="A8581" t="s">
        <v>5356</v>
      </c>
      <c r="B8581" t="s">
        <v>5357</v>
      </c>
      <c r="C8581" t="s">
        <v>5332</v>
      </c>
      <c r="D8581" t="s">
        <v>5333</v>
      </c>
      <c r="E8581" t="s">
        <v>5270</v>
      </c>
      <c r="F8581" t="s">
        <v>5271</v>
      </c>
      <c r="G8581" t="s">
        <v>80</v>
      </c>
      <c r="H8581" t="s">
        <v>81</v>
      </c>
      <c r="I8581" s="2">
        <v>1</v>
      </c>
      <c r="J8581" s="2">
        <v>0</v>
      </c>
      <c r="K8581" s="2">
        <v>0</v>
      </c>
      <c r="L8581" t="s">
        <v>120</v>
      </c>
      <c r="M8581" t="s">
        <v>83</v>
      </c>
      <c r="N8581" t="s">
        <v>91</v>
      </c>
      <c r="O8581" t="s">
        <v>85</v>
      </c>
      <c r="P8581" t="s">
        <v>86</v>
      </c>
      <c r="Q8581">
        <v>21</v>
      </c>
      <c r="R8581">
        <v>21</v>
      </c>
      <c r="S8581">
        <v>21</v>
      </c>
      <c r="T8581">
        <v>22</v>
      </c>
      <c r="U8581">
        <v>22</v>
      </c>
      <c r="V8581">
        <v>22</v>
      </c>
      <c r="W8581">
        <v>22</v>
      </c>
      <c r="X8581">
        <v>23</v>
      </c>
      <c r="Y8581">
        <v>23</v>
      </c>
      <c r="Z8581">
        <v>23</v>
      </c>
      <c r="AA8581">
        <v>24</v>
      </c>
      <c r="AB8581">
        <v>24</v>
      </c>
      <c r="AC8581">
        <v>24</v>
      </c>
      <c r="AD8581">
        <v>24</v>
      </c>
      <c r="AE8581">
        <v>25</v>
      </c>
      <c r="AF8581">
        <v>25</v>
      </c>
      <c r="AG8581">
        <v>25</v>
      </c>
      <c r="AH8581">
        <v>25</v>
      </c>
      <c r="AI8581">
        <v>26</v>
      </c>
      <c r="AJ8581">
        <v>26</v>
      </c>
      <c r="AK8581">
        <v>26</v>
      </c>
      <c r="AL8581">
        <v>26</v>
      </c>
      <c r="AM8581">
        <v>26</v>
      </c>
      <c r="AN8581">
        <v>26</v>
      </c>
      <c r="AO8581">
        <v>26</v>
      </c>
      <c r="AP8581">
        <v>26</v>
      </c>
      <c r="AQ8581">
        <v>26</v>
      </c>
    </row>
    <row r="8582" spans="1:43">
      <c r="A8582" t="s">
        <v>5358</v>
      </c>
      <c r="B8582" t="s">
        <v>5359</v>
      </c>
      <c r="C8582" t="s">
        <v>5332</v>
      </c>
      <c r="D8582" t="s">
        <v>5333</v>
      </c>
      <c r="E8582" t="s">
        <v>5270</v>
      </c>
      <c r="F8582" t="s">
        <v>5271</v>
      </c>
      <c r="G8582" t="s">
        <v>80</v>
      </c>
      <c r="H8582" t="s">
        <v>81</v>
      </c>
      <c r="I8582" s="2">
        <v>1</v>
      </c>
      <c r="J8582" s="2">
        <v>0</v>
      </c>
      <c r="K8582" s="2">
        <v>0</v>
      </c>
      <c r="L8582" t="s">
        <v>120</v>
      </c>
      <c r="M8582" t="s">
        <v>83</v>
      </c>
      <c r="N8582" t="s">
        <v>84</v>
      </c>
      <c r="O8582" t="s">
        <v>85</v>
      </c>
      <c r="P8582" t="s">
        <v>86</v>
      </c>
      <c r="Q8582">
        <v>5</v>
      </c>
      <c r="R8582">
        <v>5</v>
      </c>
      <c r="S8582">
        <v>5</v>
      </c>
      <c r="T8582">
        <v>5</v>
      </c>
      <c r="U8582">
        <v>5</v>
      </c>
      <c r="V8582">
        <v>6</v>
      </c>
      <c r="W8582">
        <v>6</v>
      </c>
      <c r="X8582">
        <v>6</v>
      </c>
      <c r="Y8582">
        <v>6</v>
      </c>
      <c r="Z8582">
        <v>6</v>
      </c>
      <c r="AA8582">
        <v>6</v>
      </c>
      <c r="AB8582">
        <v>6</v>
      </c>
      <c r="AC8582">
        <v>6</v>
      </c>
      <c r="AD8582">
        <v>6</v>
      </c>
      <c r="AE8582">
        <v>6</v>
      </c>
      <c r="AF8582">
        <v>6</v>
      </c>
      <c r="AG8582">
        <v>6</v>
      </c>
      <c r="AH8582">
        <v>6</v>
      </c>
      <c r="AI8582">
        <v>6</v>
      </c>
      <c r="AJ8582">
        <v>7</v>
      </c>
      <c r="AK8582">
        <v>7</v>
      </c>
      <c r="AL8582">
        <v>7</v>
      </c>
      <c r="AM8582">
        <v>7</v>
      </c>
      <c r="AN8582">
        <v>7</v>
      </c>
      <c r="AO8582">
        <v>7</v>
      </c>
      <c r="AP8582">
        <v>7</v>
      </c>
      <c r="AQ8582">
        <v>7</v>
      </c>
    </row>
    <row r="8583" spans="1:43">
      <c r="A8583" t="s">
        <v>5358</v>
      </c>
      <c r="B8583" t="s">
        <v>5359</v>
      </c>
      <c r="C8583" t="s">
        <v>5332</v>
      </c>
      <c r="D8583" t="s">
        <v>5333</v>
      </c>
      <c r="E8583" t="s">
        <v>5270</v>
      </c>
      <c r="F8583" t="s">
        <v>5271</v>
      </c>
      <c r="G8583" t="s">
        <v>80</v>
      </c>
      <c r="H8583" t="s">
        <v>81</v>
      </c>
      <c r="I8583" s="2">
        <v>1</v>
      </c>
      <c r="J8583" s="2">
        <v>0</v>
      </c>
      <c r="K8583" s="2">
        <v>0</v>
      </c>
      <c r="L8583" t="s">
        <v>120</v>
      </c>
      <c r="M8583" t="s">
        <v>87</v>
      </c>
      <c r="N8583" t="s">
        <v>88</v>
      </c>
      <c r="O8583" t="s">
        <v>85</v>
      </c>
      <c r="P8583" t="s">
        <v>86</v>
      </c>
      <c r="Q8583">
        <v>5</v>
      </c>
      <c r="R8583">
        <v>5</v>
      </c>
      <c r="S8583">
        <v>5</v>
      </c>
      <c r="T8583">
        <v>5</v>
      </c>
      <c r="U8583">
        <v>5</v>
      </c>
      <c r="V8583">
        <v>5</v>
      </c>
      <c r="W8583">
        <v>5</v>
      </c>
      <c r="X8583">
        <v>5</v>
      </c>
      <c r="Y8583">
        <v>5</v>
      </c>
      <c r="Z8583">
        <v>5</v>
      </c>
      <c r="AA8583">
        <v>5</v>
      </c>
      <c r="AB8583">
        <v>5</v>
      </c>
      <c r="AC8583">
        <v>5</v>
      </c>
      <c r="AD8583">
        <v>5</v>
      </c>
      <c r="AE8583">
        <v>6</v>
      </c>
      <c r="AF8583">
        <v>6</v>
      </c>
      <c r="AG8583">
        <v>6</v>
      </c>
      <c r="AH8583">
        <v>6</v>
      </c>
      <c r="AI8583">
        <v>6</v>
      </c>
      <c r="AJ8583">
        <v>6</v>
      </c>
      <c r="AK8583">
        <v>6</v>
      </c>
      <c r="AL8583">
        <v>6</v>
      </c>
      <c r="AM8583">
        <v>6</v>
      </c>
      <c r="AN8583">
        <v>6</v>
      </c>
      <c r="AO8583">
        <v>6</v>
      </c>
      <c r="AP8583">
        <v>6</v>
      </c>
      <c r="AQ8583">
        <v>6</v>
      </c>
    </row>
    <row r="8584" spans="1:43">
      <c r="A8584" t="s">
        <v>5358</v>
      </c>
      <c r="B8584" t="s">
        <v>5359</v>
      </c>
      <c r="C8584" t="s">
        <v>5332</v>
      </c>
      <c r="D8584" t="s">
        <v>5333</v>
      </c>
      <c r="E8584" t="s">
        <v>5270</v>
      </c>
      <c r="F8584" t="s">
        <v>5271</v>
      </c>
      <c r="G8584" t="s">
        <v>80</v>
      </c>
      <c r="H8584" t="s">
        <v>81</v>
      </c>
      <c r="I8584" s="2">
        <v>1</v>
      </c>
      <c r="J8584" s="2">
        <v>0</v>
      </c>
      <c r="K8584" s="2">
        <v>0</v>
      </c>
      <c r="L8584" t="s">
        <v>120</v>
      </c>
      <c r="M8584" t="s">
        <v>89</v>
      </c>
      <c r="N8584" t="s">
        <v>90</v>
      </c>
      <c r="O8584" t="s">
        <v>85</v>
      </c>
      <c r="P8584" t="s">
        <v>86</v>
      </c>
      <c r="Q8584">
        <v>5</v>
      </c>
      <c r="R8584">
        <v>5</v>
      </c>
      <c r="S8584">
        <v>5</v>
      </c>
      <c r="T8584">
        <v>6</v>
      </c>
      <c r="U8584">
        <v>6</v>
      </c>
      <c r="V8584">
        <v>6</v>
      </c>
      <c r="W8584">
        <v>6</v>
      </c>
      <c r="X8584">
        <v>6</v>
      </c>
      <c r="Y8584">
        <v>6</v>
      </c>
      <c r="Z8584">
        <v>6</v>
      </c>
      <c r="AA8584">
        <v>6</v>
      </c>
      <c r="AB8584">
        <v>6</v>
      </c>
      <c r="AC8584">
        <v>6</v>
      </c>
      <c r="AD8584">
        <v>7</v>
      </c>
      <c r="AE8584">
        <v>7</v>
      </c>
      <c r="AF8584">
        <v>7</v>
      </c>
      <c r="AG8584">
        <v>7</v>
      </c>
      <c r="AH8584">
        <v>7</v>
      </c>
      <c r="AI8584">
        <v>7</v>
      </c>
      <c r="AJ8584">
        <v>7</v>
      </c>
      <c r="AK8584">
        <v>7</v>
      </c>
      <c r="AL8584">
        <v>7</v>
      </c>
      <c r="AM8584">
        <v>7</v>
      </c>
      <c r="AN8584">
        <v>7</v>
      </c>
      <c r="AO8584">
        <v>7</v>
      </c>
      <c r="AP8584">
        <v>7</v>
      </c>
      <c r="AQ8584">
        <v>7</v>
      </c>
    </row>
    <row r="8585" spans="1:43">
      <c r="A8585" t="s">
        <v>5358</v>
      </c>
      <c r="B8585" t="s">
        <v>5359</v>
      </c>
      <c r="C8585" t="s">
        <v>5332</v>
      </c>
      <c r="D8585" t="s">
        <v>5333</v>
      </c>
      <c r="E8585" t="s">
        <v>5270</v>
      </c>
      <c r="F8585" t="s">
        <v>5271</v>
      </c>
      <c r="G8585" t="s">
        <v>80</v>
      </c>
      <c r="H8585" t="s">
        <v>81</v>
      </c>
      <c r="I8585" s="2">
        <v>1</v>
      </c>
      <c r="J8585" s="2">
        <v>0</v>
      </c>
      <c r="K8585" s="2">
        <v>0</v>
      </c>
      <c r="L8585" t="s">
        <v>120</v>
      </c>
      <c r="M8585" t="s">
        <v>83</v>
      </c>
      <c r="N8585" t="s">
        <v>91</v>
      </c>
      <c r="O8585" t="s">
        <v>85</v>
      </c>
      <c r="P8585" t="s">
        <v>86</v>
      </c>
      <c r="Q8585">
        <v>5</v>
      </c>
      <c r="R8585">
        <v>5</v>
      </c>
      <c r="S8585">
        <v>5</v>
      </c>
      <c r="T8585">
        <v>5</v>
      </c>
      <c r="U8585">
        <v>5</v>
      </c>
      <c r="V8585">
        <v>6</v>
      </c>
      <c r="W8585">
        <v>6</v>
      </c>
      <c r="X8585">
        <v>6</v>
      </c>
      <c r="Y8585">
        <v>6</v>
      </c>
      <c r="Z8585">
        <v>6</v>
      </c>
      <c r="AA8585">
        <v>6</v>
      </c>
      <c r="AB8585">
        <v>6</v>
      </c>
      <c r="AC8585">
        <v>6</v>
      </c>
      <c r="AD8585">
        <v>6</v>
      </c>
      <c r="AE8585">
        <v>6</v>
      </c>
      <c r="AF8585">
        <v>6</v>
      </c>
      <c r="AG8585">
        <v>6</v>
      </c>
      <c r="AH8585">
        <v>6</v>
      </c>
      <c r="AI8585">
        <v>6</v>
      </c>
      <c r="AJ8585">
        <v>7</v>
      </c>
      <c r="AK8585">
        <v>7</v>
      </c>
      <c r="AL8585">
        <v>7</v>
      </c>
      <c r="AM8585">
        <v>7</v>
      </c>
      <c r="AN8585">
        <v>7</v>
      </c>
      <c r="AO8585">
        <v>7</v>
      </c>
      <c r="AP8585">
        <v>7</v>
      </c>
      <c r="AQ8585">
        <v>7</v>
      </c>
    </row>
    <row r="8586" spans="1:43">
      <c r="A8586" t="s">
        <v>5360</v>
      </c>
      <c r="B8586" t="s">
        <v>5361</v>
      </c>
      <c r="C8586" t="s">
        <v>5332</v>
      </c>
      <c r="D8586" t="s">
        <v>5333</v>
      </c>
      <c r="E8586" t="s">
        <v>5270</v>
      </c>
      <c r="F8586" t="s">
        <v>5271</v>
      </c>
      <c r="G8586" t="s">
        <v>80</v>
      </c>
      <c r="H8586" t="s">
        <v>81</v>
      </c>
      <c r="I8586" s="2">
        <v>1</v>
      </c>
      <c r="J8586" s="2">
        <v>0</v>
      </c>
      <c r="K8586" s="2">
        <v>0</v>
      </c>
      <c r="L8586" t="s">
        <v>120</v>
      </c>
      <c r="M8586" t="s">
        <v>83</v>
      </c>
      <c r="N8586" t="s">
        <v>84</v>
      </c>
      <c r="O8586" t="s">
        <v>85</v>
      </c>
      <c r="P8586" t="s">
        <v>86</v>
      </c>
      <c r="Q8586">
        <v>96</v>
      </c>
      <c r="R8586">
        <v>98</v>
      </c>
      <c r="S8586">
        <v>99</v>
      </c>
      <c r="T8586">
        <v>101</v>
      </c>
      <c r="U8586">
        <v>102</v>
      </c>
      <c r="V8586">
        <v>104</v>
      </c>
      <c r="W8586">
        <v>105</v>
      </c>
      <c r="X8586">
        <v>106</v>
      </c>
      <c r="Y8586">
        <v>108</v>
      </c>
      <c r="Z8586">
        <v>109</v>
      </c>
      <c r="AA8586">
        <v>110</v>
      </c>
      <c r="AB8586">
        <v>111</v>
      </c>
      <c r="AC8586">
        <v>113</v>
      </c>
      <c r="AD8586">
        <v>114</v>
      </c>
      <c r="AE8586">
        <v>115</v>
      </c>
      <c r="AF8586">
        <v>116</v>
      </c>
      <c r="AG8586">
        <v>118</v>
      </c>
      <c r="AH8586">
        <v>119</v>
      </c>
      <c r="AI8586">
        <v>120</v>
      </c>
      <c r="AJ8586">
        <v>121</v>
      </c>
      <c r="AK8586">
        <v>123</v>
      </c>
      <c r="AL8586">
        <v>123</v>
      </c>
      <c r="AM8586">
        <v>123</v>
      </c>
      <c r="AN8586">
        <v>123</v>
      </c>
      <c r="AO8586">
        <v>123</v>
      </c>
      <c r="AP8586">
        <v>123</v>
      </c>
      <c r="AQ8586">
        <v>123</v>
      </c>
    </row>
    <row r="8587" spans="1:43">
      <c r="A8587" t="s">
        <v>5360</v>
      </c>
      <c r="B8587" t="s">
        <v>5361</v>
      </c>
      <c r="C8587" t="s">
        <v>5332</v>
      </c>
      <c r="D8587" t="s">
        <v>5333</v>
      </c>
      <c r="E8587" t="s">
        <v>5270</v>
      </c>
      <c r="F8587" t="s">
        <v>5271</v>
      </c>
      <c r="G8587" t="s">
        <v>80</v>
      </c>
      <c r="H8587" t="s">
        <v>81</v>
      </c>
      <c r="I8587" s="2">
        <v>1</v>
      </c>
      <c r="J8587" s="2">
        <v>0</v>
      </c>
      <c r="K8587" s="2">
        <v>0</v>
      </c>
      <c r="L8587" t="s">
        <v>120</v>
      </c>
      <c r="M8587" t="s">
        <v>87</v>
      </c>
      <c r="N8587" t="s">
        <v>88</v>
      </c>
      <c r="O8587" t="s">
        <v>85</v>
      </c>
      <c r="P8587" t="s">
        <v>86</v>
      </c>
      <c r="Q8587">
        <v>96</v>
      </c>
      <c r="R8587">
        <v>96</v>
      </c>
      <c r="S8587">
        <v>97</v>
      </c>
      <c r="T8587">
        <v>97</v>
      </c>
      <c r="U8587">
        <v>98</v>
      </c>
      <c r="V8587">
        <v>98</v>
      </c>
      <c r="W8587">
        <v>99</v>
      </c>
      <c r="X8587">
        <v>99</v>
      </c>
      <c r="Y8587">
        <v>100</v>
      </c>
      <c r="Z8587">
        <v>100</v>
      </c>
      <c r="AA8587">
        <v>101</v>
      </c>
      <c r="AB8587">
        <v>101</v>
      </c>
      <c r="AC8587">
        <v>102</v>
      </c>
      <c r="AD8587">
        <v>102</v>
      </c>
      <c r="AE8587">
        <v>103</v>
      </c>
      <c r="AF8587">
        <v>103</v>
      </c>
      <c r="AG8587">
        <v>103</v>
      </c>
      <c r="AH8587">
        <v>104</v>
      </c>
      <c r="AI8587">
        <v>104</v>
      </c>
      <c r="AJ8587">
        <v>105</v>
      </c>
      <c r="AK8587">
        <v>105</v>
      </c>
      <c r="AL8587">
        <v>106</v>
      </c>
      <c r="AM8587">
        <v>106</v>
      </c>
      <c r="AN8587">
        <v>107</v>
      </c>
      <c r="AO8587">
        <v>107</v>
      </c>
      <c r="AP8587">
        <v>107</v>
      </c>
      <c r="AQ8587">
        <v>108</v>
      </c>
    </row>
    <row r="8588" spans="1:43">
      <c r="A8588" t="s">
        <v>5360</v>
      </c>
      <c r="B8588" t="s">
        <v>5361</v>
      </c>
      <c r="C8588" t="s">
        <v>5332</v>
      </c>
      <c r="D8588" t="s">
        <v>5333</v>
      </c>
      <c r="E8588" t="s">
        <v>5270</v>
      </c>
      <c r="F8588" t="s">
        <v>5271</v>
      </c>
      <c r="G8588" t="s">
        <v>80</v>
      </c>
      <c r="H8588" t="s">
        <v>81</v>
      </c>
      <c r="I8588" s="2">
        <v>1</v>
      </c>
      <c r="J8588" s="2">
        <v>0</v>
      </c>
      <c r="K8588" s="2">
        <v>0</v>
      </c>
      <c r="L8588" t="s">
        <v>120</v>
      </c>
      <c r="M8588" t="s">
        <v>89</v>
      </c>
      <c r="N8588" t="s">
        <v>90</v>
      </c>
      <c r="O8588" t="s">
        <v>85</v>
      </c>
      <c r="P8588" t="s">
        <v>86</v>
      </c>
      <c r="Q8588">
        <v>96</v>
      </c>
      <c r="R8588">
        <v>99</v>
      </c>
      <c r="S8588">
        <v>101</v>
      </c>
      <c r="T8588">
        <v>103</v>
      </c>
      <c r="U8588">
        <v>105</v>
      </c>
      <c r="V8588">
        <v>107</v>
      </c>
      <c r="W8588">
        <v>109</v>
      </c>
      <c r="X8588">
        <v>111</v>
      </c>
      <c r="Y8588">
        <v>113</v>
      </c>
      <c r="Z8588">
        <v>114</v>
      </c>
      <c r="AA8588">
        <v>116</v>
      </c>
      <c r="AB8588">
        <v>118</v>
      </c>
      <c r="AC8588">
        <v>120</v>
      </c>
      <c r="AD8588">
        <v>121</v>
      </c>
      <c r="AE8588">
        <v>122</v>
      </c>
      <c r="AF8588">
        <v>122</v>
      </c>
      <c r="AG8588">
        <v>123</v>
      </c>
      <c r="AH8588">
        <v>123</v>
      </c>
      <c r="AI8588">
        <v>123</v>
      </c>
      <c r="AJ8588">
        <v>123</v>
      </c>
      <c r="AK8588">
        <v>123</v>
      </c>
      <c r="AL8588">
        <v>123</v>
      </c>
      <c r="AM8588">
        <v>123</v>
      </c>
      <c r="AN8588">
        <v>123</v>
      </c>
      <c r="AO8588">
        <v>123</v>
      </c>
      <c r="AP8588">
        <v>123</v>
      </c>
      <c r="AQ8588">
        <v>123</v>
      </c>
    </row>
    <row r="8589" spans="1:43">
      <c r="A8589" t="s">
        <v>5360</v>
      </c>
      <c r="B8589" t="s">
        <v>5361</v>
      </c>
      <c r="C8589" t="s">
        <v>5332</v>
      </c>
      <c r="D8589" t="s">
        <v>5333</v>
      </c>
      <c r="E8589" t="s">
        <v>5270</v>
      </c>
      <c r="F8589" t="s">
        <v>5271</v>
      </c>
      <c r="G8589" t="s">
        <v>80</v>
      </c>
      <c r="H8589" t="s">
        <v>81</v>
      </c>
      <c r="I8589" s="2">
        <v>1</v>
      </c>
      <c r="J8589" s="2">
        <v>0</v>
      </c>
      <c r="K8589" s="2">
        <v>0</v>
      </c>
      <c r="L8589" t="s">
        <v>120</v>
      </c>
      <c r="M8589" t="s">
        <v>83</v>
      </c>
      <c r="N8589" t="s">
        <v>91</v>
      </c>
      <c r="O8589" t="s">
        <v>85</v>
      </c>
      <c r="P8589" t="s">
        <v>86</v>
      </c>
      <c r="Q8589">
        <v>96</v>
      </c>
      <c r="R8589">
        <v>98</v>
      </c>
      <c r="S8589">
        <v>99</v>
      </c>
      <c r="T8589">
        <v>101</v>
      </c>
      <c r="U8589">
        <v>102</v>
      </c>
      <c r="V8589">
        <v>104</v>
      </c>
      <c r="W8589">
        <v>105</v>
      </c>
      <c r="X8589">
        <v>106</v>
      </c>
      <c r="Y8589">
        <v>108</v>
      </c>
      <c r="Z8589">
        <v>109</v>
      </c>
      <c r="AA8589">
        <v>110</v>
      </c>
      <c r="AB8589">
        <v>111</v>
      </c>
      <c r="AC8589">
        <v>113</v>
      </c>
      <c r="AD8589">
        <v>114</v>
      </c>
      <c r="AE8589">
        <v>115</v>
      </c>
      <c r="AF8589">
        <v>116</v>
      </c>
      <c r="AG8589">
        <v>118</v>
      </c>
      <c r="AH8589">
        <v>119</v>
      </c>
      <c r="AI8589">
        <v>120</v>
      </c>
      <c r="AJ8589">
        <v>121</v>
      </c>
      <c r="AK8589">
        <v>123</v>
      </c>
      <c r="AL8589">
        <v>123</v>
      </c>
      <c r="AM8589">
        <v>123</v>
      </c>
      <c r="AN8589">
        <v>123</v>
      </c>
      <c r="AO8589">
        <v>123</v>
      </c>
      <c r="AP8589">
        <v>123</v>
      </c>
      <c r="AQ8589">
        <v>123</v>
      </c>
    </row>
    <row r="8590" spans="1:43">
      <c r="A8590" t="s">
        <v>5362</v>
      </c>
      <c r="B8590" t="s">
        <v>5363</v>
      </c>
      <c r="C8590" t="s">
        <v>5316</v>
      </c>
      <c r="D8590" t="s">
        <v>5317</v>
      </c>
      <c r="E8590" t="s">
        <v>5270</v>
      </c>
      <c r="F8590" t="s">
        <v>5271</v>
      </c>
      <c r="G8590" t="s">
        <v>80</v>
      </c>
      <c r="H8590" t="s">
        <v>81</v>
      </c>
      <c r="I8590" s="2">
        <v>1</v>
      </c>
      <c r="J8590" s="2">
        <v>0</v>
      </c>
      <c r="K8590" s="2">
        <v>0</v>
      </c>
      <c r="L8590" t="s">
        <v>120</v>
      </c>
      <c r="M8590" t="s">
        <v>83</v>
      </c>
      <c r="N8590" t="s">
        <v>84</v>
      </c>
      <c r="O8590" t="s">
        <v>85</v>
      </c>
      <c r="P8590" t="s">
        <v>86</v>
      </c>
      <c r="Q8590">
        <v>8</v>
      </c>
      <c r="R8590">
        <v>8</v>
      </c>
      <c r="S8590">
        <v>8</v>
      </c>
      <c r="T8590">
        <v>8</v>
      </c>
      <c r="U8590">
        <v>8</v>
      </c>
      <c r="V8590">
        <v>8</v>
      </c>
      <c r="W8590">
        <v>8</v>
      </c>
      <c r="X8590">
        <v>8</v>
      </c>
      <c r="Y8590">
        <v>9</v>
      </c>
      <c r="Z8590">
        <v>9</v>
      </c>
      <c r="AA8590">
        <v>9</v>
      </c>
      <c r="AB8590">
        <v>9</v>
      </c>
      <c r="AC8590">
        <v>9</v>
      </c>
      <c r="AD8590">
        <v>9</v>
      </c>
      <c r="AE8590">
        <v>9</v>
      </c>
      <c r="AF8590">
        <v>9</v>
      </c>
      <c r="AG8590">
        <v>9</v>
      </c>
      <c r="AH8590">
        <v>9</v>
      </c>
      <c r="AI8590">
        <v>10</v>
      </c>
      <c r="AJ8590">
        <v>10</v>
      </c>
      <c r="AK8590">
        <v>10</v>
      </c>
      <c r="AL8590">
        <v>10</v>
      </c>
      <c r="AM8590">
        <v>10</v>
      </c>
      <c r="AN8590">
        <v>10</v>
      </c>
      <c r="AO8590">
        <v>10</v>
      </c>
      <c r="AP8590">
        <v>10</v>
      </c>
      <c r="AQ8590">
        <v>10</v>
      </c>
    </row>
    <row r="8591" spans="1:43">
      <c r="A8591" t="s">
        <v>5362</v>
      </c>
      <c r="B8591" t="s">
        <v>5363</v>
      </c>
      <c r="C8591" t="s">
        <v>5316</v>
      </c>
      <c r="D8591" t="s">
        <v>5317</v>
      </c>
      <c r="E8591" t="s">
        <v>5270</v>
      </c>
      <c r="F8591" t="s">
        <v>5271</v>
      </c>
      <c r="G8591" t="s">
        <v>80</v>
      </c>
      <c r="H8591" t="s">
        <v>81</v>
      </c>
      <c r="I8591" s="2">
        <v>1</v>
      </c>
      <c r="J8591" s="2">
        <v>0</v>
      </c>
      <c r="K8591" s="2">
        <v>0</v>
      </c>
      <c r="L8591" t="s">
        <v>120</v>
      </c>
      <c r="M8591" t="s">
        <v>87</v>
      </c>
      <c r="N8591" t="s">
        <v>88</v>
      </c>
      <c r="O8591" t="s">
        <v>85</v>
      </c>
      <c r="P8591" t="s">
        <v>86</v>
      </c>
      <c r="Q8591">
        <v>8</v>
      </c>
      <c r="R8591">
        <v>8</v>
      </c>
      <c r="S8591">
        <v>8</v>
      </c>
      <c r="T8591">
        <v>8</v>
      </c>
      <c r="U8591">
        <v>8</v>
      </c>
      <c r="V8591">
        <v>8</v>
      </c>
      <c r="W8591">
        <v>8</v>
      </c>
      <c r="X8591">
        <v>8</v>
      </c>
      <c r="Y8591">
        <v>8</v>
      </c>
      <c r="Z8591">
        <v>8</v>
      </c>
      <c r="AA8591">
        <v>8</v>
      </c>
      <c r="AB8591">
        <v>8</v>
      </c>
      <c r="AC8591">
        <v>8</v>
      </c>
      <c r="AD8591">
        <v>8</v>
      </c>
      <c r="AE8591">
        <v>8</v>
      </c>
      <c r="AF8591">
        <v>8</v>
      </c>
      <c r="AG8591">
        <v>8</v>
      </c>
      <c r="AH8591">
        <v>8</v>
      </c>
      <c r="AI8591">
        <v>8</v>
      </c>
      <c r="AJ8591">
        <v>8</v>
      </c>
      <c r="AK8591">
        <v>8</v>
      </c>
      <c r="AL8591">
        <v>8</v>
      </c>
      <c r="AM8591">
        <v>8</v>
      </c>
      <c r="AN8591">
        <v>8</v>
      </c>
      <c r="AO8591">
        <v>8</v>
      </c>
      <c r="AP8591">
        <v>8</v>
      </c>
      <c r="AQ8591">
        <v>8</v>
      </c>
    </row>
    <row r="8592" spans="1:43">
      <c r="A8592" t="s">
        <v>5362</v>
      </c>
      <c r="B8592" t="s">
        <v>5363</v>
      </c>
      <c r="C8592" t="s">
        <v>5316</v>
      </c>
      <c r="D8592" t="s">
        <v>5317</v>
      </c>
      <c r="E8592" t="s">
        <v>5270</v>
      </c>
      <c r="F8592" t="s">
        <v>5271</v>
      </c>
      <c r="G8592" t="s">
        <v>80</v>
      </c>
      <c r="H8592" t="s">
        <v>81</v>
      </c>
      <c r="I8592" s="2">
        <v>1</v>
      </c>
      <c r="J8592" s="2">
        <v>0</v>
      </c>
      <c r="K8592" s="2">
        <v>0</v>
      </c>
      <c r="L8592" t="s">
        <v>120</v>
      </c>
      <c r="M8592" t="s">
        <v>89</v>
      </c>
      <c r="N8592" t="s">
        <v>90</v>
      </c>
      <c r="O8592" t="s">
        <v>85</v>
      </c>
      <c r="P8592" t="s">
        <v>86</v>
      </c>
      <c r="Q8592">
        <v>8</v>
      </c>
      <c r="R8592">
        <v>8</v>
      </c>
      <c r="S8592">
        <v>8</v>
      </c>
      <c r="T8592">
        <v>8</v>
      </c>
      <c r="U8592">
        <v>9</v>
      </c>
      <c r="V8592">
        <v>9</v>
      </c>
      <c r="W8592">
        <v>9</v>
      </c>
      <c r="X8592">
        <v>9</v>
      </c>
      <c r="Y8592">
        <v>9</v>
      </c>
      <c r="Z8592">
        <v>9</v>
      </c>
      <c r="AA8592">
        <v>9</v>
      </c>
      <c r="AB8592">
        <v>9</v>
      </c>
      <c r="AC8592">
        <v>10</v>
      </c>
      <c r="AD8592">
        <v>10</v>
      </c>
      <c r="AE8592">
        <v>10</v>
      </c>
      <c r="AF8592">
        <v>10</v>
      </c>
      <c r="AG8592">
        <v>10</v>
      </c>
      <c r="AH8592">
        <v>10</v>
      </c>
      <c r="AI8592">
        <v>10</v>
      </c>
      <c r="AJ8592">
        <v>10</v>
      </c>
      <c r="AK8592">
        <v>10</v>
      </c>
      <c r="AL8592">
        <v>10</v>
      </c>
      <c r="AM8592">
        <v>10</v>
      </c>
      <c r="AN8592">
        <v>10</v>
      </c>
      <c r="AO8592">
        <v>10</v>
      </c>
      <c r="AP8592">
        <v>10</v>
      </c>
      <c r="AQ8592">
        <v>10</v>
      </c>
    </row>
    <row r="8593" spans="1:43">
      <c r="A8593" t="s">
        <v>5362</v>
      </c>
      <c r="B8593" t="s">
        <v>5363</v>
      </c>
      <c r="C8593" t="s">
        <v>5316</v>
      </c>
      <c r="D8593" t="s">
        <v>5317</v>
      </c>
      <c r="E8593" t="s">
        <v>5270</v>
      </c>
      <c r="F8593" t="s">
        <v>5271</v>
      </c>
      <c r="G8593" t="s">
        <v>80</v>
      </c>
      <c r="H8593" t="s">
        <v>81</v>
      </c>
      <c r="I8593" s="2">
        <v>1</v>
      </c>
      <c r="J8593" s="2">
        <v>0</v>
      </c>
      <c r="K8593" s="2">
        <v>0</v>
      </c>
      <c r="L8593" t="s">
        <v>120</v>
      </c>
      <c r="M8593" t="s">
        <v>83</v>
      </c>
      <c r="N8593" t="s">
        <v>91</v>
      </c>
      <c r="O8593" t="s">
        <v>85</v>
      </c>
      <c r="P8593" t="s">
        <v>86</v>
      </c>
      <c r="Q8593">
        <v>8</v>
      </c>
      <c r="R8593">
        <v>8</v>
      </c>
      <c r="S8593">
        <v>8</v>
      </c>
      <c r="T8593">
        <v>8</v>
      </c>
      <c r="U8593">
        <v>8</v>
      </c>
      <c r="V8593">
        <v>8</v>
      </c>
      <c r="W8593">
        <v>8</v>
      </c>
      <c r="X8593">
        <v>8</v>
      </c>
      <c r="Y8593">
        <v>9</v>
      </c>
      <c r="Z8593">
        <v>9</v>
      </c>
      <c r="AA8593">
        <v>9</v>
      </c>
      <c r="AB8593">
        <v>9</v>
      </c>
      <c r="AC8593">
        <v>9</v>
      </c>
      <c r="AD8593">
        <v>9</v>
      </c>
      <c r="AE8593">
        <v>9</v>
      </c>
      <c r="AF8593">
        <v>9</v>
      </c>
      <c r="AG8593">
        <v>9</v>
      </c>
      <c r="AH8593">
        <v>9</v>
      </c>
      <c r="AI8593">
        <v>10</v>
      </c>
      <c r="AJ8593">
        <v>10</v>
      </c>
      <c r="AK8593">
        <v>10</v>
      </c>
      <c r="AL8593">
        <v>10</v>
      </c>
      <c r="AM8593">
        <v>10</v>
      </c>
      <c r="AN8593">
        <v>10</v>
      </c>
      <c r="AO8593">
        <v>10</v>
      </c>
      <c r="AP8593">
        <v>10</v>
      </c>
      <c r="AQ8593">
        <v>10</v>
      </c>
    </row>
    <row r="8594" spans="1:43">
      <c r="A8594" t="s">
        <v>5364</v>
      </c>
      <c r="B8594" t="s">
        <v>5365</v>
      </c>
      <c r="C8594" t="s">
        <v>5268</v>
      </c>
      <c r="D8594" t="s">
        <v>5269</v>
      </c>
      <c r="E8594" t="s">
        <v>5270</v>
      </c>
      <c r="F8594" t="s">
        <v>5271</v>
      </c>
      <c r="G8594" t="s">
        <v>80</v>
      </c>
      <c r="H8594" t="s">
        <v>81</v>
      </c>
      <c r="I8594" s="2">
        <v>1</v>
      </c>
      <c r="J8594" s="2">
        <v>0</v>
      </c>
      <c r="K8594" s="2">
        <v>0</v>
      </c>
      <c r="L8594" t="s">
        <v>120</v>
      </c>
      <c r="M8594" t="s">
        <v>83</v>
      </c>
      <c r="N8594" t="s">
        <v>84</v>
      </c>
      <c r="O8594" t="s">
        <v>85</v>
      </c>
      <c r="P8594" t="s">
        <v>86</v>
      </c>
      <c r="Q8594">
        <v>7</v>
      </c>
      <c r="R8594">
        <v>7</v>
      </c>
      <c r="S8594">
        <v>7</v>
      </c>
      <c r="T8594">
        <v>8</v>
      </c>
      <c r="U8594">
        <v>8</v>
      </c>
      <c r="V8594">
        <v>8</v>
      </c>
      <c r="W8594">
        <v>8</v>
      </c>
      <c r="X8594">
        <v>8</v>
      </c>
      <c r="Y8594">
        <v>8</v>
      </c>
      <c r="Z8594">
        <v>8</v>
      </c>
      <c r="AA8594">
        <v>8</v>
      </c>
      <c r="AB8594">
        <v>8</v>
      </c>
      <c r="AC8594">
        <v>8</v>
      </c>
      <c r="AD8594">
        <v>9</v>
      </c>
      <c r="AE8594">
        <v>9</v>
      </c>
      <c r="AF8594">
        <v>9</v>
      </c>
      <c r="AG8594">
        <v>9</v>
      </c>
      <c r="AH8594">
        <v>9</v>
      </c>
      <c r="AI8594">
        <v>9</v>
      </c>
      <c r="AJ8594">
        <v>9</v>
      </c>
      <c r="AK8594">
        <v>9</v>
      </c>
      <c r="AL8594">
        <v>9</v>
      </c>
      <c r="AM8594">
        <v>9</v>
      </c>
      <c r="AN8594">
        <v>9</v>
      </c>
      <c r="AO8594">
        <v>9</v>
      </c>
      <c r="AP8594">
        <v>9</v>
      </c>
      <c r="AQ8594">
        <v>9</v>
      </c>
    </row>
    <row r="8595" spans="1:43">
      <c r="A8595" t="s">
        <v>5364</v>
      </c>
      <c r="B8595" t="s">
        <v>5365</v>
      </c>
      <c r="C8595" t="s">
        <v>5268</v>
      </c>
      <c r="D8595" t="s">
        <v>5269</v>
      </c>
      <c r="E8595" t="s">
        <v>5270</v>
      </c>
      <c r="F8595" t="s">
        <v>5271</v>
      </c>
      <c r="G8595" t="s">
        <v>80</v>
      </c>
      <c r="H8595" t="s">
        <v>81</v>
      </c>
      <c r="I8595" s="2">
        <v>1</v>
      </c>
      <c r="J8595" s="2">
        <v>0</v>
      </c>
      <c r="K8595" s="2">
        <v>0</v>
      </c>
      <c r="L8595" t="s">
        <v>120</v>
      </c>
      <c r="M8595" t="s">
        <v>87</v>
      </c>
      <c r="N8595" t="s">
        <v>88</v>
      </c>
      <c r="O8595" t="s">
        <v>85</v>
      </c>
      <c r="P8595" t="s">
        <v>86</v>
      </c>
      <c r="Q8595">
        <v>7</v>
      </c>
      <c r="R8595">
        <v>7</v>
      </c>
      <c r="S8595">
        <v>7</v>
      </c>
      <c r="T8595">
        <v>7</v>
      </c>
      <c r="U8595">
        <v>7</v>
      </c>
      <c r="V8595">
        <v>7</v>
      </c>
      <c r="W8595">
        <v>7</v>
      </c>
      <c r="X8595">
        <v>7</v>
      </c>
      <c r="Y8595">
        <v>7</v>
      </c>
      <c r="Z8595">
        <v>8</v>
      </c>
      <c r="AA8595">
        <v>8</v>
      </c>
      <c r="AB8595">
        <v>8</v>
      </c>
      <c r="AC8595">
        <v>8</v>
      </c>
      <c r="AD8595">
        <v>8</v>
      </c>
      <c r="AE8595">
        <v>8</v>
      </c>
      <c r="AF8595">
        <v>8</v>
      </c>
      <c r="AG8595">
        <v>8</v>
      </c>
      <c r="AH8595">
        <v>8</v>
      </c>
      <c r="AI8595">
        <v>8</v>
      </c>
      <c r="AJ8595">
        <v>8</v>
      </c>
      <c r="AK8595">
        <v>8</v>
      </c>
      <c r="AL8595">
        <v>8</v>
      </c>
      <c r="AM8595">
        <v>8</v>
      </c>
      <c r="AN8595">
        <v>8</v>
      </c>
      <c r="AO8595">
        <v>8</v>
      </c>
      <c r="AP8595">
        <v>8</v>
      </c>
      <c r="AQ8595">
        <v>8</v>
      </c>
    </row>
    <row r="8596" spans="1:43">
      <c r="A8596" t="s">
        <v>5364</v>
      </c>
      <c r="B8596" t="s">
        <v>5365</v>
      </c>
      <c r="C8596" t="s">
        <v>5268</v>
      </c>
      <c r="D8596" t="s">
        <v>5269</v>
      </c>
      <c r="E8596" t="s">
        <v>5270</v>
      </c>
      <c r="F8596" t="s">
        <v>5271</v>
      </c>
      <c r="G8596" t="s">
        <v>80</v>
      </c>
      <c r="H8596" t="s">
        <v>81</v>
      </c>
      <c r="I8596" s="2">
        <v>1</v>
      </c>
      <c r="J8596" s="2">
        <v>0</v>
      </c>
      <c r="K8596" s="2">
        <v>0</v>
      </c>
      <c r="L8596" t="s">
        <v>120</v>
      </c>
      <c r="M8596" t="s">
        <v>89</v>
      </c>
      <c r="N8596" t="s">
        <v>90</v>
      </c>
      <c r="O8596" t="s">
        <v>85</v>
      </c>
      <c r="P8596" t="s">
        <v>86</v>
      </c>
      <c r="Q8596">
        <v>7</v>
      </c>
      <c r="R8596">
        <v>7</v>
      </c>
      <c r="S8596">
        <v>8</v>
      </c>
      <c r="T8596">
        <v>8</v>
      </c>
      <c r="U8596">
        <v>8</v>
      </c>
      <c r="V8596">
        <v>8</v>
      </c>
      <c r="W8596">
        <v>8</v>
      </c>
      <c r="X8596">
        <v>8</v>
      </c>
      <c r="Y8596">
        <v>9</v>
      </c>
      <c r="Z8596">
        <v>9</v>
      </c>
      <c r="AA8596">
        <v>9</v>
      </c>
      <c r="AB8596">
        <v>9</v>
      </c>
      <c r="AC8596">
        <v>9</v>
      </c>
      <c r="AD8596">
        <v>9</v>
      </c>
      <c r="AE8596">
        <v>9</v>
      </c>
      <c r="AF8596">
        <v>9</v>
      </c>
      <c r="AG8596">
        <v>9</v>
      </c>
      <c r="AH8596">
        <v>9</v>
      </c>
      <c r="AI8596">
        <v>9</v>
      </c>
      <c r="AJ8596">
        <v>9</v>
      </c>
      <c r="AK8596">
        <v>9</v>
      </c>
      <c r="AL8596">
        <v>9</v>
      </c>
      <c r="AM8596">
        <v>9</v>
      </c>
      <c r="AN8596">
        <v>9</v>
      </c>
      <c r="AO8596">
        <v>9</v>
      </c>
      <c r="AP8596">
        <v>9</v>
      </c>
      <c r="AQ8596">
        <v>9</v>
      </c>
    </row>
    <row r="8597" spans="1:43">
      <c r="A8597" t="s">
        <v>5364</v>
      </c>
      <c r="B8597" t="s">
        <v>5365</v>
      </c>
      <c r="C8597" t="s">
        <v>5268</v>
      </c>
      <c r="D8597" t="s">
        <v>5269</v>
      </c>
      <c r="E8597" t="s">
        <v>5270</v>
      </c>
      <c r="F8597" t="s">
        <v>5271</v>
      </c>
      <c r="G8597" t="s">
        <v>80</v>
      </c>
      <c r="H8597" t="s">
        <v>81</v>
      </c>
      <c r="I8597" s="2">
        <v>1</v>
      </c>
      <c r="J8597" s="2">
        <v>0</v>
      </c>
      <c r="K8597" s="2">
        <v>0</v>
      </c>
      <c r="L8597" t="s">
        <v>120</v>
      </c>
      <c r="M8597" t="s">
        <v>83</v>
      </c>
      <c r="N8597" t="s">
        <v>91</v>
      </c>
      <c r="O8597" t="s">
        <v>85</v>
      </c>
      <c r="P8597" t="s">
        <v>86</v>
      </c>
      <c r="Q8597">
        <v>7</v>
      </c>
      <c r="R8597">
        <v>7</v>
      </c>
      <c r="S8597">
        <v>7</v>
      </c>
      <c r="T8597">
        <v>8</v>
      </c>
      <c r="U8597">
        <v>8</v>
      </c>
      <c r="V8597">
        <v>8</v>
      </c>
      <c r="W8597">
        <v>8</v>
      </c>
      <c r="X8597">
        <v>8</v>
      </c>
      <c r="Y8597">
        <v>8</v>
      </c>
      <c r="Z8597">
        <v>8</v>
      </c>
      <c r="AA8597">
        <v>8</v>
      </c>
      <c r="AB8597">
        <v>8</v>
      </c>
      <c r="AC8597">
        <v>8</v>
      </c>
      <c r="AD8597">
        <v>9</v>
      </c>
      <c r="AE8597">
        <v>9</v>
      </c>
      <c r="AF8597">
        <v>9</v>
      </c>
      <c r="AG8597">
        <v>9</v>
      </c>
      <c r="AH8597">
        <v>9</v>
      </c>
      <c r="AI8597">
        <v>9</v>
      </c>
      <c r="AJ8597">
        <v>9</v>
      </c>
      <c r="AK8597">
        <v>9</v>
      </c>
      <c r="AL8597">
        <v>9</v>
      </c>
      <c r="AM8597">
        <v>9</v>
      </c>
      <c r="AN8597">
        <v>9</v>
      </c>
      <c r="AO8597">
        <v>9</v>
      </c>
      <c r="AP8597">
        <v>9</v>
      </c>
      <c r="AQ8597">
        <v>9</v>
      </c>
    </row>
    <row r="8598" spans="1:43">
      <c r="A8598" t="s">
        <v>5366</v>
      </c>
      <c r="B8598" t="s">
        <v>5367</v>
      </c>
      <c r="C8598" t="s">
        <v>5368</v>
      </c>
      <c r="D8598" t="s">
        <v>5369</v>
      </c>
      <c r="E8598" t="s">
        <v>5270</v>
      </c>
      <c r="F8598" t="s">
        <v>5271</v>
      </c>
      <c r="G8598" t="s">
        <v>80</v>
      </c>
      <c r="H8598" t="s">
        <v>81</v>
      </c>
      <c r="I8598" s="2">
        <v>1</v>
      </c>
      <c r="J8598" s="2">
        <v>0</v>
      </c>
      <c r="K8598" s="2">
        <v>0</v>
      </c>
      <c r="L8598" t="s">
        <v>120</v>
      </c>
      <c r="M8598" t="s">
        <v>83</v>
      </c>
      <c r="N8598" t="s">
        <v>84</v>
      </c>
      <c r="O8598" t="s">
        <v>85</v>
      </c>
      <c r="P8598" t="s">
        <v>86</v>
      </c>
      <c r="Q8598">
        <v>53</v>
      </c>
      <c r="R8598">
        <v>54</v>
      </c>
      <c r="S8598">
        <v>54</v>
      </c>
      <c r="T8598">
        <v>55</v>
      </c>
      <c r="U8598">
        <v>56</v>
      </c>
      <c r="V8598">
        <v>57</v>
      </c>
      <c r="W8598">
        <v>58</v>
      </c>
      <c r="X8598">
        <v>58</v>
      </c>
      <c r="Y8598">
        <v>59</v>
      </c>
      <c r="Z8598">
        <v>60</v>
      </c>
      <c r="AA8598">
        <v>61</v>
      </c>
      <c r="AB8598">
        <v>61</v>
      </c>
      <c r="AC8598">
        <v>62</v>
      </c>
      <c r="AD8598">
        <v>63</v>
      </c>
      <c r="AE8598">
        <v>63</v>
      </c>
      <c r="AF8598">
        <v>64</v>
      </c>
      <c r="AG8598">
        <v>65</v>
      </c>
      <c r="AH8598">
        <v>66</v>
      </c>
      <c r="AI8598">
        <v>66</v>
      </c>
      <c r="AJ8598">
        <v>67</v>
      </c>
      <c r="AK8598">
        <v>68</v>
      </c>
      <c r="AL8598">
        <v>68</v>
      </c>
      <c r="AM8598">
        <v>68</v>
      </c>
      <c r="AN8598">
        <v>68</v>
      </c>
      <c r="AO8598">
        <v>68</v>
      </c>
      <c r="AP8598">
        <v>68</v>
      </c>
      <c r="AQ8598">
        <v>68</v>
      </c>
    </row>
    <row r="8599" spans="1:43">
      <c r="A8599" t="s">
        <v>5366</v>
      </c>
      <c r="B8599" t="s">
        <v>5367</v>
      </c>
      <c r="C8599" t="s">
        <v>5368</v>
      </c>
      <c r="D8599" t="s">
        <v>5369</v>
      </c>
      <c r="E8599" t="s">
        <v>5270</v>
      </c>
      <c r="F8599" t="s">
        <v>5271</v>
      </c>
      <c r="G8599" t="s">
        <v>80</v>
      </c>
      <c r="H8599" t="s">
        <v>81</v>
      </c>
      <c r="I8599" s="2">
        <v>1</v>
      </c>
      <c r="J8599" s="2">
        <v>0</v>
      </c>
      <c r="K8599" s="2">
        <v>0</v>
      </c>
      <c r="L8599" t="s">
        <v>120</v>
      </c>
      <c r="M8599" t="s">
        <v>87</v>
      </c>
      <c r="N8599" t="s">
        <v>88</v>
      </c>
      <c r="O8599" t="s">
        <v>85</v>
      </c>
      <c r="P8599" t="s">
        <v>86</v>
      </c>
      <c r="Q8599">
        <v>53</v>
      </c>
      <c r="R8599">
        <v>54</v>
      </c>
      <c r="S8599">
        <v>54</v>
      </c>
      <c r="T8599">
        <v>54</v>
      </c>
      <c r="U8599">
        <v>55</v>
      </c>
      <c r="V8599">
        <v>55</v>
      </c>
      <c r="W8599">
        <v>55</v>
      </c>
      <c r="X8599">
        <v>55</v>
      </c>
      <c r="Y8599">
        <v>56</v>
      </c>
      <c r="Z8599">
        <v>56</v>
      </c>
      <c r="AA8599">
        <v>56</v>
      </c>
      <c r="AB8599">
        <v>56</v>
      </c>
      <c r="AC8599">
        <v>57</v>
      </c>
      <c r="AD8599">
        <v>57</v>
      </c>
      <c r="AE8599">
        <v>57</v>
      </c>
      <c r="AF8599">
        <v>57</v>
      </c>
      <c r="AG8599">
        <v>58</v>
      </c>
      <c r="AH8599">
        <v>58</v>
      </c>
      <c r="AI8599">
        <v>58</v>
      </c>
      <c r="AJ8599">
        <v>58</v>
      </c>
      <c r="AK8599">
        <v>59</v>
      </c>
      <c r="AL8599">
        <v>59</v>
      </c>
      <c r="AM8599">
        <v>59</v>
      </c>
      <c r="AN8599">
        <v>59</v>
      </c>
      <c r="AO8599">
        <v>60</v>
      </c>
      <c r="AP8599">
        <v>60</v>
      </c>
      <c r="AQ8599">
        <v>60</v>
      </c>
    </row>
    <row r="8600" spans="1:43">
      <c r="A8600" t="s">
        <v>5366</v>
      </c>
      <c r="B8600" t="s">
        <v>5367</v>
      </c>
      <c r="C8600" t="s">
        <v>5368</v>
      </c>
      <c r="D8600" t="s">
        <v>5369</v>
      </c>
      <c r="E8600" t="s">
        <v>5270</v>
      </c>
      <c r="F8600" t="s">
        <v>5271</v>
      </c>
      <c r="G8600" t="s">
        <v>80</v>
      </c>
      <c r="H8600" t="s">
        <v>81</v>
      </c>
      <c r="I8600" s="2">
        <v>1</v>
      </c>
      <c r="J8600" s="2">
        <v>0</v>
      </c>
      <c r="K8600" s="2">
        <v>0</v>
      </c>
      <c r="L8600" t="s">
        <v>120</v>
      </c>
      <c r="M8600" t="s">
        <v>89</v>
      </c>
      <c r="N8600" t="s">
        <v>90</v>
      </c>
      <c r="O8600" t="s">
        <v>85</v>
      </c>
      <c r="P8600" t="s">
        <v>86</v>
      </c>
      <c r="Q8600">
        <v>53</v>
      </c>
      <c r="R8600">
        <v>55</v>
      </c>
      <c r="S8600">
        <v>56</v>
      </c>
      <c r="T8600">
        <v>57</v>
      </c>
      <c r="U8600">
        <v>58</v>
      </c>
      <c r="V8600">
        <v>59</v>
      </c>
      <c r="W8600">
        <v>60</v>
      </c>
      <c r="X8600">
        <v>62</v>
      </c>
      <c r="Y8600">
        <v>63</v>
      </c>
      <c r="Z8600">
        <v>64</v>
      </c>
      <c r="AA8600">
        <v>65</v>
      </c>
      <c r="AB8600">
        <v>65</v>
      </c>
      <c r="AC8600">
        <v>66</v>
      </c>
      <c r="AD8600">
        <v>67</v>
      </c>
      <c r="AE8600">
        <v>68</v>
      </c>
      <c r="AF8600">
        <v>68</v>
      </c>
      <c r="AG8600">
        <v>68</v>
      </c>
      <c r="AH8600">
        <v>68</v>
      </c>
      <c r="AI8600">
        <v>69</v>
      </c>
      <c r="AJ8600">
        <v>69</v>
      </c>
      <c r="AK8600">
        <v>69</v>
      </c>
      <c r="AL8600">
        <v>69</v>
      </c>
      <c r="AM8600">
        <v>69</v>
      </c>
      <c r="AN8600">
        <v>69</v>
      </c>
      <c r="AO8600">
        <v>69</v>
      </c>
      <c r="AP8600">
        <v>69</v>
      </c>
      <c r="AQ8600">
        <v>69</v>
      </c>
    </row>
    <row r="8601" spans="1:43">
      <c r="A8601" t="s">
        <v>5366</v>
      </c>
      <c r="B8601" t="s">
        <v>5367</v>
      </c>
      <c r="C8601" t="s">
        <v>5368</v>
      </c>
      <c r="D8601" t="s">
        <v>5369</v>
      </c>
      <c r="E8601" t="s">
        <v>5270</v>
      </c>
      <c r="F8601" t="s">
        <v>5271</v>
      </c>
      <c r="G8601" t="s">
        <v>80</v>
      </c>
      <c r="H8601" t="s">
        <v>81</v>
      </c>
      <c r="I8601" s="2">
        <v>1</v>
      </c>
      <c r="J8601" s="2">
        <v>0</v>
      </c>
      <c r="K8601" s="2">
        <v>0</v>
      </c>
      <c r="L8601" t="s">
        <v>120</v>
      </c>
      <c r="M8601" t="s">
        <v>83</v>
      </c>
      <c r="N8601" t="s">
        <v>91</v>
      </c>
      <c r="O8601" t="s">
        <v>85</v>
      </c>
      <c r="P8601" t="s">
        <v>86</v>
      </c>
      <c r="Q8601">
        <v>53</v>
      </c>
      <c r="R8601">
        <v>54</v>
      </c>
      <c r="S8601">
        <v>54</v>
      </c>
      <c r="T8601">
        <v>55</v>
      </c>
      <c r="U8601">
        <v>56</v>
      </c>
      <c r="V8601">
        <v>57</v>
      </c>
      <c r="W8601">
        <v>58</v>
      </c>
      <c r="X8601">
        <v>58</v>
      </c>
      <c r="Y8601">
        <v>59</v>
      </c>
      <c r="Z8601">
        <v>60</v>
      </c>
      <c r="AA8601">
        <v>61</v>
      </c>
      <c r="AB8601">
        <v>61</v>
      </c>
      <c r="AC8601">
        <v>62</v>
      </c>
      <c r="AD8601">
        <v>63</v>
      </c>
      <c r="AE8601">
        <v>63</v>
      </c>
      <c r="AF8601">
        <v>64</v>
      </c>
      <c r="AG8601">
        <v>65</v>
      </c>
      <c r="AH8601">
        <v>66</v>
      </c>
      <c r="AI8601">
        <v>66</v>
      </c>
      <c r="AJ8601">
        <v>67</v>
      </c>
      <c r="AK8601">
        <v>68</v>
      </c>
      <c r="AL8601">
        <v>68</v>
      </c>
      <c r="AM8601">
        <v>68</v>
      </c>
      <c r="AN8601">
        <v>68</v>
      </c>
      <c r="AO8601">
        <v>68</v>
      </c>
      <c r="AP8601">
        <v>68</v>
      </c>
      <c r="AQ8601">
        <v>68</v>
      </c>
    </row>
    <row r="8602" spans="1:43">
      <c r="A8602" t="s">
        <v>5370</v>
      </c>
      <c r="B8602" t="s">
        <v>5371</v>
      </c>
      <c r="C8602" t="s">
        <v>5368</v>
      </c>
      <c r="D8602" t="s">
        <v>5369</v>
      </c>
      <c r="E8602" t="s">
        <v>5270</v>
      </c>
      <c r="F8602" t="s">
        <v>5271</v>
      </c>
      <c r="G8602" t="s">
        <v>80</v>
      </c>
      <c r="H8602" t="s">
        <v>81</v>
      </c>
      <c r="I8602" s="2">
        <v>1</v>
      </c>
      <c r="J8602" s="2">
        <v>0</v>
      </c>
      <c r="K8602" s="2">
        <v>0</v>
      </c>
      <c r="L8602" t="s">
        <v>120</v>
      </c>
      <c r="M8602" t="s">
        <v>83</v>
      </c>
      <c r="N8602" t="s">
        <v>84</v>
      </c>
      <c r="O8602" t="s">
        <v>85</v>
      </c>
      <c r="P8602" t="s">
        <v>86</v>
      </c>
      <c r="Q8602">
        <v>85</v>
      </c>
      <c r="R8602">
        <v>86</v>
      </c>
      <c r="S8602">
        <v>87</v>
      </c>
      <c r="T8602">
        <v>88</v>
      </c>
      <c r="U8602">
        <v>89</v>
      </c>
      <c r="V8602">
        <v>91</v>
      </c>
      <c r="W8602">
        <v>92</v>
      </c>
      <c r="X8602">
        <v>93</v>
      </c>
      <c r="Y8602">
        <v>94</v>
      </c>
      <c r="Z8602">
        <v>95</v>
      </c>
      <c r="AA8602">
        <v>96</v>
      </c>
      <c r="AB8602">
        <v>97</v>
      </c>
      <c r="AC8602">
        <v>99</v>
      </c>
      <c r="AD8602">
        <v>100</v>
      </c>
      <c r="AE8602">
        <v>101</v>
      </c>
      <c r="AF8602">
        <v>102</v>
      </c>
      <c r="AG8602">
        <v>103</v>
      </c>
      <c r="AH8602">
        <v>104</v>
      </c>
      <c r="AI8602">
        <v>105</v>
      </c>
      <c r="AJ8602">
        <v>106</v>
      </c>
      <c r="AK8602">
        <v>107</v>
      </c>
      <c r="AL8602">
        <v>108</v>
      </c>
      <c r="AM8602">
        <v>108</v>
      </c>
      <c r="AN8602">
        <v>108</v>
      </c>
      <c r="AO8602">
        <v>108</v>
      </c>
      <c r="AP8602">
        <v>108</v>
      </c>
      <c r="AQ8602">
        <v>108</v>
      </c>
    </row>
    <row r="8603" spans="1:43">
      <c r="A8603" t="s">
        <v>5370</v>
      </c>
      <c r="B8603" t="s">
        <v>5371</v>
      </c>
      <c r="C8603" t="s">
        <v>5368</v>
      </c>
      <c r="D8603" t="s">
        <v>5369</v>
      </c>
      <c r="E8603" t="s">
        <v>5270</v>
      </c>
      <c r="F8603" t="s">
        <v>5271</v>
      </c>
      <c r="G8603" t="s">
        <v>80</v>
      </c>
      <c r="H8603" t="s">
        <v>81</v>
      </c>
      <c r="I8603" s="2">
        <v>1</v>
      </c>
      <c r="J8603" s="2">
        <v>0</v>
      </c>
      <c r="K8603" s="2">
        <v>0</v>
      </c>
      <c r="L8603" t="s">
        <v>120</v>
      </c>
      <c r="M8603" t="s">
        <v>87</v>
      </c>
      <c r="N8603" t="s">
        <v>88</v>
      </c>
      <c r="O8603" t="s">
        <v>85</v>
      </c>
      <c r="P8603" t="s">
        <v>86</v>
      </c>
      <c r="Q8603">
        <v>85</v>
      </c>
      <c r="R8603">
        <v>85</v>
      </c>
      <c r="S8603">
        <v>86</v>
      </c>
      <c r="T8603">
        <v>86</v>
      </c>
      <c r="U8603">
        <v>86</v>
      </c>
      <c r="V8603">
        <v>87</v>
      </c>
      <c r="W8603">
        <v>87</v>
      </c>
      <c r="X8603">
        <v>88</v>
      </c>
      <c r="Y8603">
        <v>88</v>
      </c>
      <c r="Z8603">
        <v>88</v>
      </c>
      <c r="AA8603">
        <v>89</v>
      </c>
      <c r="AB8603">
        <v>89</v>
      </c>
      <c r="AC8603">
        <v>90</v>
      </c>
      <c r="AD8603">
        <v>90</v>
      </c>
      <c r="AE8603">
        <v>90</v>
      </c>
      <c r="AF8603">
        <v>91</v>
      </c>
      <c r="AG8603">
        <v>91</v>
      </c>
      <c r="AH8603">
        <v>91</v>
      </c>
      <c r="AI8603">
        <v>92</v>
      </c>
      <c r="AJ8603">
        <v>92</v>
      </c>
      <c r="AK8603">
        <v>92</v>
      </c>
      <c r="AL8603">
        <v>93</v>
      </c>
      <c r="AM8603">
        <v>93</v>
      </c>
      <c r="AN8603">
        <v>93</v>
      </c>
      <c r="AO8603">
        <v>94</v>
      </c>
      <c r="AP8603">
        <v>94</v>
      </c>
      <c r="AQ8603">
        <v>94</v>
      </c>
    </row>
    <row r="8604" spans="1:43">
      <c r="A8604" t="s">
        <v>5370</v>
      </c>
      <c r="B8604" t="s">
        <v>5371</v>
      </c>
      <c r="C8604" t="s">
        <v>5368</v>
      </c>
      <c r="D8604" t="s">
        <v>5369</v>
      </c>
      <c r="E8604" t="s">
        <v>5270</v>
      </c>
      <c r="F8604" t="s">
        <v>5271</v>
      </c>
      <c r="G8604" t="s">
        <v>80</v>
      </c>
      <c r="H8604" t="s">
        <v>81</v>
      </c>
      <c r="I8604" s="2">
        <v>1</v>
      </c>
      <c r="J8604" s="2">
        <v>0</v>
      </c>
      <c r="K8604" s="2">
        <v>0</v>
      </c>
      <c r="L8604" t="s">
        <v>120</v>
      </c>
      <c r="M8604" t="s">
        <v>89</v>
      </c>
      <c r="N8604" t="s">
        <v>90</v>
      </c>
      <c r="O8604" t="s">
        <v>85</v>
      </c>
      <c r="P8604" t="s">
        <v>86</v>
      </c>
      <c r="Q8604">
        <v>85</v>
      </c>
      <c r="R8604">
        <v>87</v>
      </c>
      <c r="S8604">
        <v>89</v>
      </c>
      <c r="T8604">
        <v>91</v>
      </c>
      <c r="U8604">
        <v>93</v>
      </c>
      <c r="V8604">
        <v>95</v>
      </c>
      <c r="W8604">
        <v>96</v>
      </c>
      <c r="X8604">
        <v>98</v>
      </c>
      <c r="Y8604">
        <v>100</v>
      </c>
      <c r="Z8604">
        <v>101</v>
      </c>
      <c r="AA8604">
        <v>103</v>
      </c>
      <c r="AB8604">
        <v>104</v>
      </c>
      <c r="AC8604">
        <v>106</v>
      </c>
      <c r="AD8604">
        <v>107</v>
      </c>
      <c r="AE8604">
        <v>108</v>
      </c>
      <c r="AF8604">
        <v>108</v>
      </c>
      <c r="AG8604">
        <v>108</v>
      </c>
      <c r="AH8604">
        <v>109</v>
      </c>
      <c r="AI8604">
        <v>109</v>
      </c>
      <c r="AJ8604">
        <v>109</v>
      </c>
      <c r="AK8604">
        <v>109</v>
      </c>
      <c r="AL8604">
        <v>109</v>
      </c>
      <c r="AM8604">
        <v>109</v>
      </c>
      <c r="AN8604">
        <v>109</v>
      </c>
      <c r="AO8604">
        <v>109</v>
      </c>
      <c r="AP8604">
        <v>109</v>
      </c>
      <c r="AQ8604">
        <v>109</v>
      </c>
    </row>
    <row r="8605" spans="1:43">
      <c r="A8605" t="s">
        <v>5370</v>
      </c>
      <c r="B8605" t="s">
        <v>5371</v>
      </c>
      <c r="C8605" t="s">
        <v>5368</v>
      </c>
      <c r="D8605" t="s">
        <v>5369</v>
      </c>
      <c r="E8605" t="s">
        <v>5270</v>
      </c>
      <c r="F8605" t="s">
        <v>5271</v>
      </c>
      <c r="G8605" t="s">
        <v>80</v>
      </c>
      <c r="H8605" t="s">
        <v>81</v>
      </c>
      <c r="I8605" s="2">
        <v>1</v>
      </c>
      <c r="J8605" s="2">
        <v>0</v>
      </c>
      <c r="K8605" s="2">
        <v>0</v>
      </c>
      <c r="L8605" t="s">
        <v>120</v>
      </c>
      <c r="M8605" t="s">
        <v>83</v>
      </c>
      <c r="N8605" t="s">
        <v>91</v>
      </c>
      <c r="O8605" t="s">
        <v>85</v>
      </c>
      <c r="P8605" t="s">
        <v>86</v>
      </c>
      <c r="Q8605">
        <v>85</v>
      </c>
      <c r="R8605">
        <v>86</v>
      </c>
      <c r="S8605">
        <v>87</v>
      </c>
      <c r="T8605">
        <v>88</v>
      </c>
      <c r="U8605">
        <v>89</v>
      </c>
      <c r="V8605">
        <v>91</v>
      </c>
      <c r="W8605">
        <v>92</v>
      </c>
      <c r="X8605">
        <v>93</v>
      </c>
      <c r="Y8605">
        <v>94</v>
      </c>
      <c r="Z8605">
        <v>95</v>
      </c>
      <c r="AA8605">
        <v>96</v>
      </c>
      <c r="AB8605">
        <v>97</v>
      </c>
      <c r="AC8605">
        <v>99</v>
      </c>
      <c r="AD8605">
        <v>100</v>
      </c>
      <c r="AE8605">
        <v>101</v>
      </c>
      <c r="AF8605">
        <v>102</v>
      </c>
      <c r="AG8605">
        <v>103</v>
      </c>
      <c r="AH8605">
        <v>104</v>
      </c>
      <c r="AI8605">
        <v>105</v>
      </c>
      <c r="AJ8605">
        <v>106</v>
      </c>
      <c r="AK8605">
        <v>107</v>
      </c>
      <c r="AL8605">
        <v>108</v>
      </c>
      <c r="AM8605">
        <v>108</v>
      </c>
      <c r="AN8605">
        <v>108</v>
      </c>
      <c r="AO8605">
        <v>108</v>
      </c>
      <c r="AP8605">
        <v>108</v>
      </c>
      <c r="AQ8605">
        <v>108</v>
      </c>
    </row>
    <row r="8606" spans="1:43">
      <c r="A8606" t="s">
        <v>5372</v>
      </c>
      <c r="B8606" t="s">
        <v>5373</v>
      </c>
      <c r="C8606" t="s">
        <v>5368</v>
      </c>
      <c r="D8606" t="s">
        <v>5369</v>
      </c>
      <c r="E8606" t="s">
        <v>5270</v>
      </c>
      <c r="F8606" t="s">
        <v>5271</v>
      </c>
      <c r="G8606" t="s">
        <v>80</v>
      </c>
      <c r="H8606" t="s">
        <v>81</v>
      </c>
      <c r="I8606" s="2">
        <v>1</v>
      </c>
      <c r="J8606" s="2">
        <v>0</v>
      </c>
      <c r="K8606" s="2">
        <v>0</v>
      </c>
      <c r="L8606" t="s">
        <v>120</v>
      </c>
      <c r="M8606" t="s">
        <v>83</v>
      </c>
      <c r="N8606" t="s">
        <v>84</v>
      </c>
      <c r="O8606" t="s">
        <v>85</v>
      </c>
      <c r="P8606" t="s">
        <v>86</v>
      </c>
      <c r="Q8606">
        <v>8</v>
      </c>
      <c r="R8606">
        <v>8</v>
      </c>
      <c r="S8606">
        <v>8</v>
      </c>
      <c r="T8606">
        <v>8</v>
      </c>
      <c r="U8606">
        <v>8</v>
      </c>
      <c r="V8606">
        <v>8</v>
      </c>
      <c r="W8606">
        <v>8</v>
      </c>
      <c r="X8606">
        <v>8</v>
      </c>
      <c r="Y8606">
        <v>9</v>
      </c>
      <c r="Z8606">
        <v>9</v>
      </c>
      <c r="AA8606">
        <v>9</v>
      </c>
      <c r="AB8606">
        <v>9</v>
      </c>
      <c r="AC8606">
        <v>9</v>
      </c>
      <c r="AD8606">
        <v>9</v>
      </c>
      <c r="AE8606">
        <v>9</v>
      </c>
      <c r="AF8606">
        <v>9</v>
      </c>
      <c r="AG8606">
        <v>9</v>
      </c>
      <c r="AH8606">
        <v>9</v>
      </c>
      <c r="AI8606">
        <v>10</v>
      </c>
      <c r="AJ8606">
        <v>10</v>
      </c>
      <c r="AK8606">
        <v>10</v>
      </c>
      <c r="AL8606">
        <v>10</v>
      </c>
      <c r="AM8606">
        <v>10</v>
      </c>
      <c r="AN8606">
        <v>10</v>
      </c>
      <c r="AO8606">
        <v>10</v>
      </c>
      <c r="AP8606">
        <v>10</v>
      </c>
      <c r="AQ8606">
        <v>10</v>
      </c>
    </row>
    <row r="8607" spans="1:43">
      <c r="A8607" t="s">
        <v>5372</v>
      </c>
      <c r="B8607" t="s">
        <v>5373</v>
      </c>
      <c r="C8607" t="s">
        <v>5368</v>
      </c>
      <c r="D8607" t="s">
        <v>5369</v>
      </c>
      <c r="E8607" t="s">
        <v>5270</v>
      </c>
      <c r="F8607" t="s">
        <v>5271</v>
      </c>
      <c r="G8607" t="s">
        <v>80</v>
      </c>
      <c r="H8607" t="s">
        <v>81</v>
      </c>
      <c r="I8607" s="2">
        <v>1</v>
      </c>
      <c r="J8607" s="2">
        <v>0</v>
      </c>
      <c r="K8607" s="2">
        <v>0</v>
      </c>
      <c r="L8607" t="s">
        <v>120</v>
      </c>
      <c r="M8607" t="s">
        <v>87</v>
      </c>
      <c r="N8607" t="s">
        <v>88</v>
      </c>
      <c r="O8607" t="s">
        <v>85</v>
      </c>
      <c r="P8607" t="s">
        <v>86</v>
      </c>
      <c r="Q8607">
        <v>8</v>
      </c>
      <c r="R8607">
        <v>8</v>
      </c>
      <c r="S8607">
        <v>8</v>
      </c>
      <c r="T8607">
        <v>8</v>
      </c>
      <c r="U8607">
        <v>8</v>
      </c>
      <c r="V8607">
        <v>8</v>
      </c>
      <c r="W8607">
        <v>8</v>
      </c>
      <c r="X8607">
        <v>8</v>
      </c>
      <c r="Y8607">
        <v>8</v>
      </c>
      <c r="Z8607">
        <v>8</v>
      </c>
      <c r="AA8607">
        <v>8</v>
      </c>
      <c r="AB8607">
        <v>8</v>
      </c>
      <c r="AC8607">
        <v>8</v>
      </c>
      <c r="AD8607">
        <v>8</v>
      </c>
      <c r="AE8607">
        <v>8</v>
      </c>
      <c r="AF8607">
        <v>8</v>
      </c>
      <c r="AG8607">
        <v>8</v>
      </c>
      <c r="AH8607">
        <v>8</v>
      </c>
      <c r="AI8607">
        <v>8</v>
      </c>
      <c r="AJ8607">
        <v>8</v>
      </c>
      <c r="AK8607">
        <v>8</v>
      </c>
      <c r="AL8607">
        <v>8</v>
      </c>
      <c r="AM8607">
        <v>8</v>
      </c>
      <c r="AN8607">
        <v>8</v>
      </c>
      <c r="AO8607">
        <v>8</v>
      </c>
      <c r="AP8607">
        <v>8</v>
      </c>
      <c r="AQ8607">
        <v>9</v>
      </c>
    </row>
    <row r="8608" spans="1:43">
      <c r="A8608" t="s">
        <v>5372</v>
      </c>
      <c r="B8608" t="s">
        <v>5373</v>
      </c>
      <c r="C8608" t="s">
        <v>5368</v>
      </c>
      <c r="D8608" t="s">
        <v>5369</v>
      </c>
      <c r="E8608" t="s">
        <v>5270</v>
      </c>
      <c r="F8608" t="s">
        <v>5271</v>
      </c>
      <c r="G8608" t="s">
        <v>80</v>
      </c>
      <c r="H8608" t="s">
        <v>81</v>
      </c>
      <c r="I8608" s="2">
        <v>1</v>
      </c>
      <c r="J8608" s="2">
        <v>0</v>
      </c>
      <c r="K8608" s="2">
        <v>0</v>
      </c>
      <c r="L8608" t="s">
        <v>120</v>
      </c>
      <c r="M8608" t="s">
        <v>89</v>
      </c>
      <c r="N8608" t="s">
        <v>90</v>
      </c>
      <c r="O8608" t="s">
        <v>85</v>
      </c>
      <c r="P8608" t="s">
        <v>86</v>
      </c>
      <c r="Q8608">
        <v>8</v>
      </c>
      <c r="R8608">
        <v>8</v>
      </c>
      <c r="S8608">
        <v>8</v>
      </c>
      <c r="T8608">
        <v>8</v>
      </c>
      <c r="U8608">
        <v>8</v>
      </c>
      <c r="V8608">
        <v>9</v>
      </c>
      <c r="W8608">
        <v>9</v>
      </c>
      <c r="X8608">
        <v>9</v>
      </c>
      <c r="Y8608">
        <v>9</v>
      </c>
      <c r="Z8608">
        <v>9</v>
      </c>
      <c r="AA8608">
        <v>9</v>
      </c>
      <c r="AB8608">
        <v>9</v>
      </c>
      <c r="AC8608">
        <v>10</v>
      </c>
      <c r="AD8608">
        <v>10</v>
      </c>
      <c r="AE8608">
        <v>10</v>
      </c>
      <c r="AF8608">
        <v>10</v>
      </c>
      <c r="AG8608">
        <v>10</v>
      </c>
      <c r="AH8608">
        <v>10</v>
      </c>
      <c r="AI8608">
        <v>10</v>
      </c>
      <c r="AJ8608">
        <v>10</v>
      </c>
      <c r="AK8608">
        <v>10</v>
      </c>
      <c r="AL8608">
        <v>10</v>
      </c>
      <c r="AM8608">
        <v>10</v>
      </c>
      <c r="AN8608">
        <v>10</v>
      </c>
      <c r="AO8608">
        <v>10</v>
      </c>
      <c r="AP8608">
        <v>10</v>
      </c>
      <c r="AQ8608">
        <v>10</v>
      </c>
    </row>
    <row r="8609" spans="1:43">
      <c r="A8609" t="s">
        <v>5372</v>
      </c>
      <c r="B8609" t="s">
        <v>5373</v>
      </c>
      <c r="C8609" t="s">
        <v>5368</v>
      </c>
      <c r="D8609" t="s">
        <v>5369</v>
      </c>
      <c r="E8609" t="s">
        <v>5270</v>
      </c>
      <c r="F8609" t="s">
        <v>5271</v>
      </c>
      <c r="G8609" t="s">
        <v>80</v>
      </c>
      <c r="H8609" t="s">
        <v>81</v>
      </c>
      <c r="I8609" s="2">
        <v>1</v>
      </c>
      <c r="J8609" s="2">
        <v>0</v>
      </c>
      <c r="K8609" s="2">
        <v>0</v>
      </c>
      <c r="L8609" t="s">
        <v>120</v>
      </c>
      <c r="M8609" t="s">
        <v>83</v>
      </c>
      <c r="N8609" t="s">
        <v>91</v>
      </c>
      <c r="O8609" t="s">
        <v>85</v>
      </c>
      <c r="P8609" t="s">
        <v>86</v>
      </c>
      <c r="Q8609">
        <v>8</v>
      </c>
      <c r="R8609">
        <v>8</v>
      </c>
      <c r="S8609">
        <v>8</v>
      </c>
      <c r="T8609">
        <v>8</v>
      </c>
      <c r="U8609">
        <v>8</v>
      </c>
      <c r="V8609">
        <v>8</v>
      </c>
      <c r="W8609">
        <v>8</v>
      </c>
      <c r="X8609">
        <v>8</v>
      </c>
      <c r="Y8609">
        <v>9</v>
      </c>
      <c r="Z8609">
        <v>9</v>
      </c>
      <c r="AA8609">
        <v>9</v>
      </c>
      <c r="AB8609">
        <v>9</v>
      </c>
      <c r="AC8609">
        <v>9</v>
      </c>
      <c r="AD8609">
        <v>9</v>
      </c>
      <c r="AE8609">
        <v>9</v>
      </c>
      <c r="AF8609">
        <v>9</v>
      </c>
      <c r="AG8609">
        <v>9</v>
      </c>
      <c r="AH8609">
        <v>9</v>
      </c>
      <c r="AI8609">
        <v>10</v>
      </c>
      <c r="AJ8609">
        <v>10</v>
      </c>
      <c r="AK8609">
        <v>10</v>
      </c>
      <c r="AL8609">
        <v>10</v>
      </c>
      <c r="AM8609">
        <v>10</v>
      </c>
      <c r="AN8609">
        <v>10</v>
      </c>
      <c r="AO8609">
        <v>10</v>
      </c>
      <c r="AP8609">
        <v>10</v>
      </c>
      <c r="AQ8609">
        <v>10</v>
      </c>
    </row>
    <row r="8610" spans="1:43">
      <c r="A8610" t="s">
        <v>5374</v>
      </c>
      <c r="B8610" t="s">
        <v>5375</v>
      </c>
      <c r="C8610" t="s">
        <v>5368</v>
      </c>
      <c r="D8610" t="s">
        <v>5369</v>
      </c>
      <c r="E8610" t="s">
        <v>5270</v>
      </c>
      <c r="F8610" t="s">
        <v>5271</v>
      </c>
      <c r="G8610" t="s">
        <v>80</v>
      </c>
      <c r="H8610" t="s">
        <v>81</v>
      </c>
      <c r="I8610" s="2">
        <v>0.68</v>
      </c>
      <c r="J8610" s="2">
        <v>0</v>
      </c>
      <c r="K8610" s="2">
        <v>0</v>
      </c>
      <c r="L8610" t="s">
        <v>120</v>
      </c>
      <c r="M8610" t="s">
        <v>83</v>
      </c>
      <c r="N8610" t="s">
        <v>84</v>
      </c>
      <c r="O8610" t="s">
        <v>85</v>
      </c>
      <c r="P8610" t="s">
        <v>86</v>
      </c>
      <c r="Q8610">
        <v>6</v>
      </c>
      <c r="R8610">
        <v>6</v>
      </c>
      <c r="S8610">
        <v>6</v>
      </c>
      <c r="T8610">
        <v>6</v>
      </c>
      <c r="U8610">
        <v>6</v>
      </c>
      <c r="V8610">
        <v>6</v>
      </c>
      <c r="W8610">
        <v>6</v>
      </c>
      <c r="X8610">
        <v>6</v>
      </c>
      <c r="Y8610">
        <v>6</v>
      </c>
      <c r="Z8610">
        <v>7</v>
      </c>
      <c r="AA8610">
        <v>7</v>
      </c>
      <c r="AB8610">
        <v>7</v>
      </c>
      <c r="AC8610">
        <v>7</v>
      </c>
      <c r="AD8610">
        <v>7</v>
      </c>
      <c r="AE8610">
        <v>7</v>
      </c>
      <c r="AF8610">
        <v>7</v>
      </c>
      <c r="AG8610">
        <v>7</v>
      </c>
      <c r="AH8610">
        <v>7</v>
      </c>
      <c r="AI8610">
        <v>7</v>
      </c>
      <c r="AJ8610">
        <v>7</v>
      </c>
      <c r="AK8610">
        <v>7</v>
      </c>
      <c r="AL8610">
        <v>7</v>
      </c>
      <c r="AM8610">
        <v>7</v>
      </c>
      <c r="AN8610">
        <v>7</v>
      </c>
      <c r="AO8610">
        <v>7</v>
      </c>
      <c r="AP8610">
        <v>7</v>
      </c>
      <c r="AQ8610">
        <v>7</v>
      </c>
    </row>
    <row r="8611" spans="1:43">
      <c r="A8611" t="s">
        <v>5374</v>
      </c>
      <c r="B8611" t="s">
        <v>5375</v>
      </c>
      <c r="C8611" t="s">
        <v>5368</v>
      </c>
      <c r="D8611" t="s">
        <v>5369</v>
      </c>
      <c r="E8611" t="s">
        <v>5270</v>
      </c>
      <c r="F8611" t="s">
        <v>5271</v>
      </c>
      <c r="G8611" t="s">
        <v>80</v>
      </c>
      <c r="H8611" t="s">
        <v>81</v>
      </c>
      <c r="I8611" s="2">
        <v>0.68</v>
      </c>
      <c r="J8611" s="2">
        <v>0</v>
      </c>
      <c r="K8611" s="2">
        <v>0</v>
      </c>
      <c r="L8611" t="s">
        <v>120</v>
      </c>
      <c r="M8611" t="s">
        <v>87</v>
      </c>
      <c r="N8611" t="s">
        <v>88</v>
      </c>
      <c r="O8611" t="s">
        <v>85</v>
      </c>
      <c r="P8611" t="s">
        <v>86</v>
      </c>
      <c r="Q8611">
        <v>6</v>
      </c>
      <c r="R8611">
        <v>6</v>
      </c>
      <c r="S8611">
        <v>6</v>
      </c>
      <c r="T8611">
        <v>6</v>
      </c>
      <c r="U8611">
        <v>6</v>
      </c>
      <c r="V8611">
        <v>6</v>
      </c>
      <c r="W8611">
        <v>6</v>
      </c>
      <c r="X8611">
        <v>6</v>
      </c>
      <c r="Y8611">
        <v>6</v>
      </c>
      <c r="Z8611">
        <v>6</v>
      </c>
      <c r="AA8611">
        <v>6</v>
      </c>
      <c r="AB8611">
        <v>6</v>
      </c>
      <c r="AC8611">
        <v>6</v>
      </c>
      <c r="AD8611">
        <v>6</v>
      </c>
      <c r="AE8611">
        <v>6</v>
      </c>
      <c r="AF8611">
        <v>6</v>
      </c>
      <c r="AG8611">
        <v>6</v>
      </c>
      <c r="AH8611">
        <v>6</v>
      </c>
      <c r="AI8611">
        <v>6</v>
      </c>
      <c r="AJ8611">
        <v>6</v>
      </c>
      <c r="AK8611">
        <v>6</v>
      </c>
      <c r="AL8611">
        <v>6</v>
      </c>
      <c r="AM8611">
        <v>6</v>
      </c>
      <c r="AN8611">
        <v>6</v>
      </c>
      <c r="AO8611">
        <v>6</v>
      </c>
      <c r="AP8611">
        <v>6</v>
      </c>
      <c r="AQ8611">
        <v>6</v>
      </c>
    </row>
    <row r="8612" spans="1:43">
      <c r="A8612" t="s">
        <v>5374</v>
      </c>
      <c r="B8612" t="s">
        <v>5375</v>
      </c>
      <c r="C8612" t="s">
        <v>5368</v>
      </c>
      <c r="D8612" t="s">
        <v>5369</v>
      </c>
      <c r="E8612" t="s">
        <v>5270</v>
      </c>
      <c r="F8612" t="s">
        <v>5271</v>
      </c>
      <c r="G8612" t="s">
        <v>80</v>
      </c>
      <c r="H8612" t="s">
        <v>81</v>
      </c>
      <c r="I8612" s="2">
        <v>0.68</v>
      </c>
      <c r="J8612" s="2">
        <v>0</v>
      </c>
      <c r="K8612" s="2">
        <v>0</v>
      </c>
      <c r="L8612" t="s">
        <v>120</v>
      </c>
      <c r="M8612" t="s">
        <v>89</v>
      </c>
      <c r="N8612" t="s">
        <v>90</v>
      </c>
      <c r="O8612" t="s">
        <v>85</v>
      </c>
      <c r="P8612" t="s">
        <v>86</v>
      </c>
      <c r="Q8612">
        <v>6</v>
      </c>
      <c r="R8612">
        <v>6</v>
      </c>
      <c r="S8612">
        <v>6</v>
      </c>
      <c r="T8612">
        <v>6</v>
      </c>
      <c r="U8612">
        <v>6</v>
      </c>
      <c r="V8612">
        <v>7</v>
      </c>
      <c r="W8612">
        <v>7</v>
      </c>
      <c r="X8612">
        <v>7</v>
      </c>
      <c r="Y8612">
        <v>7</v>
      </c>
      <c r="Z8612">
        <v>7</v>
      </c>
      <c r="AA8612">
        <v>7</v>
      </c>
      <c r="AB8612">
        <v>7</v>
      </c>
      <c r="AC8612">
        <v>7</v>
      </c>
      <c r="AD8612">
        <v>7</v>
      </c>
      <c r="AE8612">
        <v>7</v>
      </c>
      <c r="AF8612">
        <v>7</v>
      </c>
      <c r="AG8612">
        <v>7</v>
      </c>
      <c r="AH8612">
        <v>7</v>
      </c>
      <c r="AI8612">
        <v>7</v>
      </c>
      <c r="AJ8612">
        <v>7</v>
      </c>
      <c r="AK8612">
        <v>7</v>
      </c>
      <c r="AL8612">
        <v>7</v>
      </c>
      <c r="AM8612">
        <v>7</v>
      </c>
      <c r="AN8612">
        <v>7</v>
      </c>
      <c r="AO8612">
        <v>7</v>
      </c>
      <c r="AP8612">
        <v>7</v>
      </c>
      <c r="AQ8612">
        <v>7</v>
      </c>
    </row>
    <row r="8613" spans="1:43">
      <c r="A8613" t="s">
        <v>5374</v>
      </c>
      <c r="B8613" t="s">
        <v>5375</v>
      </c>
      <c r="C8613" t="s">
        <v>5368</v>
      </c>
      <c r="D8613" t="s">
        <v>5369</v>
      </c>
      <c r="E8613" t="s">
        <v>5270</v>
      </c>
      <c r="F8613" t="s">
        <v>5271</v>
      </c>
      <c r="G8613" t="s">
        <v>80</v>
      </c>
      <c r="H8613" t="s">
        <v>81</v>
      </c>
      <c r="I8613" s="2">
        <v>0.68</v>
      </c>
      <c r="J8613" s="2">
        <v>0</v>
      </c>
      <c r="K8613" s="2">
        <v>0</v>
      </c>
      <c r="L8613" t="s">
        <v>120</v>
      </c>
      <c r="M8613" t="s">
        <v>83</v>
      </c>
      <c r="N8613" t="s">
        <v>91</v>
      </c>
      <c r="O8613" t="s">
        <v>85</v>
      </c>
      <c r="P8613" t="s">
        <v>86</v>
      </c>
      <c r="Q8613">
        <v>6</v>
      </c>
      <c r="R8613">
        <v>6</v>
      </c>
      <c r="S8613">
        <v>6</v>
      </c>
      <c r="T8613">
        <v>6</v>
      </c>
      <c r="U8613">
        <v>6</v>
      </c>
      <c r="V8613">
        <v>6</v>
      </c>
      <c r="W8613">
        <v>6</v>
      </c>
      <c r="X8613">
        <v>6</v>
      </c>
      <c r="Y8613">
        <v>6</v>
      </c>
      <c r="Z8613">
        <v>7</v>
      </c>
      <c r="AA8613">
        <v>7</v>
      </c>
      <c r="AB8613">
        <v>7</v>
      </c>
      <c r="AC8613">
        <v>7</v>
      </c>
      <c r="AD8613">
        <v>7</v>
      </c>
      <c r="AE8613">
        <v>7</v>
      </c>
      <c r="AF8613">
        <v>7</v>
      </c>
      <c r="AG8613">
        <v>7</v>
      </c>
      <c r="AH8613">
        <v>7</v>
      </c>
      <c r="AI8613">
        <v>7</v>
      </c>
      <c r="AJ8613">
        <v>7</v>
      </c>
      <c r="AK8613">
        <v>7</v>
      </c>
      <c r="AL8613">
        <v>7</v>
      </c>
      <c r="AM8613">
        <v>7</v>
      </c>
      <c r="AN8613">
        <v>7</v>
      </c>
      <c r="AO8613">
        <v>7</v>
      </c>
      <c r="AP8613">
        <v>7</v>
      </c>
      <c r="AQ8613">
        <v>7</v>
      </c>
    </row>
    <row r="8614" spans="1:43">
      <c r="A8614" t="s">
        <v>5376</v>
      </c>
      <c r="B8614" t="s">
        <v>5377</v>
      </c>
      <c r="C8614" t="s">
        <v>5378</v>
      </c>
      <c r="D8614" t="s">
        <v>5379</v>
      </c>
      <c r="E8614" t="s">
        <v>5270</v>
      </c>
      <c r="F8614" t="s">
        <v>5271</v>
      </c>
      <c r="G8614" t="s">
        <v>80</v>
      </c>
      <c r="H8614" t="s">
        <v>81</v>
      </c>
      <c r="I8614" s="2">
        <v>0.83</v>
      </c>
      <c r="J8614" s="2">
        <v>0</v>
      </c>
      <c r="K8614" s="2">
        <v>0</v>
      </c>
      <c r="L8614" t="s">
        <v>120</v>
      </c>
      <c r="M8614" t="s">
        <v>83</v>
      </c>
      <c r="N8614" t="s">
        <v>84</v>
      </c>
      <c r="O8614" t="s">
        <v>85</v>
      </c>
      <c r="P8614" t="s">
        <v>86</v>
      </c>
      <c r="Q8614">
        <v>10</v>
      </c>
      <c r="R8614">
        <v>10</v>
      </c>
      <c r="S8614">
        <v>11</v>
      </c>
      <c r="T8614">
        <v>11</v>
      </c>
      <c r="U8614">
        <v>11</v>
      </c>
      <c r="V8614">
        <v>11</v>
      </c>
      <c r="W8614">
        <v>11</v>
      </c>
      <c r="X8614">
        <v>11</v>
      </c>
      <c r="Y8614">
        <v>12</v>
      </c>
      <c r="Z8614">
        <v>12</v>
      </c>
      <c r="AA8614">
        <v>12</v>
      </c>
      <c r="AB8614">
        <v>12</v>
      </c>
      <c r="AC8614">
        <v>12</v>
      </c>
      <c r="AD8614">
        <v>12</v>
      </c>
      <c r="AE8614">
        <v>12</v>
      </c>
      <c r="AF8614">
        <v>12</v>
      </c>
      <c r="AG8614">
        <v>13</v>
      </c>
      <c r="AH8614">
        <v>13</v>
      </c>
      <c r="AI8614">
        <v>13</v>
      </c>
      <c r="AJ8614">
        <v>13</v>
      </c>
      <c r="AK8614">
        <v>13</v>
      </c>
      <c r="AL8614">
        <v>13</v>
      </c>
      <c r="AM8614">
        <v>13</v>
      </c>
      <c r="AN8614">
        <v>13</v>
      </c>
      <c r="AO8614">
        <v>13</v>
      </c>
      <c r="AP8614">
        <v>13</v>
      </c>
      <c r="AQ8614">
        <v>13</v>
      </c>
    </row>
    <row r="8615" spans="1:43">
      <c r="A8615" t="s">
        <v>5376</v>
      </c>
      <c r="B8615" t="s">
        <v>5377</v>
      </c>
      <c r="C8615" t="s">
        <v>5378</v>
      </c>
      <c r="D8615" t="s">
        <v>5379</v>
      </c>
      <c r="E8615" t="s">
        <v>5270</v>
      </c>
      <c r="F8615" t="s">
        <v>5271</v>
      </c>
      <c r="G8615" t="s">
        <v>80</v>
      </c>
      <c r="H8615" t="s">
        <v>81</v>
      </c>
      <c r="I8615" s="2">
        <v>0.83</v>
      </c>
      <c r="J8615" s="2">
        <v>0</v>
      </c>
      <c r="K8615" s="2">
        <v>0</v>
      </c>
      <c r="L8615" t="s">
        <v>120</v>
      </c>
      <c r="M8615" t="s">
        <v>87</v>
      </c>
      <c r="N8615" t="s">
        <v>88</v>
      </c>
      <c r="O8615" t="s">
        <v>85</v>
      </c>
      <c r="P8615" t="s">
        <v>86</v>
      </c>
      <c r="Q8615">
        <v>10</v>
      </c>
      <c r="R8615">
        <v>10</v>
      </c>
      <c r="S8615">
        <v>10</v>
      </c>
      <c r="T8615">
        <v>10</v>
      </c>
      <c r="U8615">
        <v>10</v>
      </c>
      <c r="V8615">
        <v>11</v>
      </c>
      <c r="W8615">
        <v>11</v>
      </c>
      <c r="X8615">
        <v>11</v>
      </c>
      <c r="Y8615">
        <v>11</v>
      </c>
      <c r="Z8615">
        <v>11</v>
      </c>
      <c r="AA8615">
        <v>11</v>
      </c>
      <c r="AB8615">
        <v>11</v>
      </c>
      <c r="AC8615">
        <v>11</v>
      </c>
      <c r="AD8615">
        <v>11</v>
      </c>
      <c r="AE8615">
        <v>11</v>
      </c>
      <c r="AF8615">
        <v>11</v>
      </c>
      <c r="AG8615">
        <v>11</v>
      </c>
      <c r="AH8615">
        <v>11</v>
      </c>
      <c r="AI8615">
        <v>11</v>
      </c>
      <c r="AJ8615">
        <v>11</v>
      </c>
      <c r="AK8615">
        <v>11</v>
      </c>
      <c r="AL8615">
        <v>11</v>
      </c>
      <c r="AM8615">
        <v>11</v>
      </c>
      <c r="AN8615">
        <v>11</v>
      </c>
      <c r="AO8615">
        <v>11</v>
      </c>
      <c r="AP8615">
        <v>11</v>
      </c>
      <c r="AQ8615">
        <v>12</v>
      </c>
    </row>
    <row r="8616" spans="1:43">
      <c r="A8616" t="s">
        <v>5376</v>
      </c>
      <c r="B8616" t="s">
        <v>5377</v>
      </c>
      <c r="C8616" t="s">
        <v>5378</v>
      </c>
      <c r="D8616" t="s">
        <v>5379</v>
      </c>
      <c r="E8616" t="s">
        <v>5270</v>
      </c>
      <c r="F8616" t="s">
        <v>5271</v>
      </c>
      <c r="G8616" t="s">
        <v>80</v>
      </c>
      <c r="H8616" t="s">
        <v>81</v>
      </c>
      <c r="I8616" s="2">
        <v>0.83</v>
      </c>
      <c r="J8616" s="2">
        <v>0</v>
      </c>
      <c r="K8616" s="2">
        <v>0</v>
      </c>
      <c r="L8616" t="s">
        <v>120</v>
      </c>
      <c r="M8616" t="s">
        <v>89</v>
      </c>
      <c r="N8616" t="s">
        <v>90</v>
      </c>
      <c r="O8616" t="s">
        <v>85</v>
      </c>
      <c r="P8616" t="s">
        <v>86</v>
      </c>
      <c r="Q8616">
        <v>10</v>
      </c>
      <c r="R8616">
        <v>11</v>
      </c>
      <c r="S8616">
        <v>11</v>
      </c>
      <c r="T8616">
        <v>11</v>
      </c>
      <c r="U8616">
        <v>11</v>
      </c>
      <c r="V8616">
        <v>12</v>
      </c>
      <c r="W8616">
        <v>12</v>
      </c>
      <c r="X8616">
        <v>12</v>
      </c>
      <c r="Y8616">
        <v>12</v>
      </c>
      <c r="Z8616">
        <v>12</v>
      </c>
      <c r="AA8616">
        <v>13</v>
      </c>
      <c r="AB8616">
        <v>13</v>
      </c>
      <c r="AC8616">
        <v>13</v>
      </c>
      <c r="AD8616">
        <v>13</v>
      </c>
      <c r="AE8616">
        <v>13</v>
      </c>
      <c r="AF8616">
        <v>13</v>
      </c>
      <c r="AG8616">
        <v>13</v>
      </c>
      <c r="AH8616">
        <v>13</v>
      </c>
      <c r="AI8616">
        <v>13</v>
      </c>
      <c r="AJ8616">
        <v>13</v>
      </c>
      <c r="AK8616">
        <v>13</v>
      </c>
      <c r="AL8616">
        <v>13</v>
      </c>
      <c r="AM8616">
        <v>13</v>
      </c>
      <c r="AN8616">
        <v>13</v>
      </c>
      <c r="AO8616">
        <v>13</v>
      </c>
      <c r="AP8616">
        <v>13</v>
      </c>
      <c r="AQ8616">
        <v>13</v>
      </c>
    </row>
    <row r="8617" spans="1:43">
      <c r="A8617" t="s">
        <v>5376</v>
      </c>
      <c r="B8617" t="s">
        <v>5377</v>
      </c>
      <c r="C8617" t="s">
        <v>5378</v>
      </c>
      <c r="D8617" t="s">
        <v>5379</v>
      </c>
      <c r="E8617" t="s">
        <v>5270</v>
      </c>
      <c r="F8617" t="s">
        <v>5271</v>
      </c>
      <c r="G8617" t="s">
        <v>80</v>
      </c>
      <c r="H8617" t="s">
        <v>81</v>
      </c>
      <c r="I8617" s="2">
        <v>0.83</v>
      </c>
      <c r="J8617" s="2">
        <v>0</v>
      </c>
      <c r="K8617" s="2">
        <v>0</v>
      </c>
      <c r="L8617" t="s">
        <v>120</v>
      </c>
      <c r="M8617" t="s">
        <v>83</v>
      </c>
      <c r="N8617" t="s">
        <v>91</v>
      </c>
      <c r="O8617" t="s">
        <v>85</v>
      </c>
      <c r="P8617" t="s">
        <v>86</v>
      </c>
      <c r="Q8617">
        <v>10</v>
      </c>
      <c r="R8617">
        <v>10</v>
      </c>
      <c r="S8617">
        <v>11</v>
      </c>
      <c r="T8617">
        <v>11</v>
      </c>
      <c r="U8617">
        <v>11</v>
      </c>
      <c r="V8617">
        <v>11</v>
      </c>
      <c r="W8617">
        <v>11</v>
      </c>
      <c r="X8617">
        <v>11</v>
      </c>
      <c r="Y8617">
        <v>12</v>
      </c>
      <c r="Z8617">
        <v>12</v>
      </c>
      <c r="AA8617">
        <v>12</v>
      </c>
      <c r="AB8617">
        <v>12</v>
      </c>
      <c r="AC8617">
        <v>12</v>
      </c>
      <c r="AD8617">
        <v>12</v>
      </c>
      <c r="AE8617">
        <v>12</v>
      </c>
      <c r="AF8617">
        <v>12</v>
      </c>
      <c r="AG8617">
        <v>13</v>
      </c>
      <c r="AH8617">
        <v>13</v>
      </c>
      <c r="AI8617">
        <v>13</v>
      </c>
      <c r="AJ8617">
        <v>13</v>
      </c>
      <c r="AK8617">
        <v>13</v>
      </c>
      <c r="AL8617">
        <v>13</v>
      </c>
      <c r="AM8617">
        <v>13</v>
      </c>
      <c r="AN8617">
        <v>13</v>
      </c>
      <c r="AO8617">
        <v>13</v>
      </c>
      <c r="AP8617">
        <v>13</v>
      </c>
      <c r="AQ8617">
        <v>13</v>
      </c>
    </row>
    <row r="8618" spans="1:43">
      <c r="A8618" t="s">
        <v>5380</v>
      </c>
      <c r="B8618" t="s">
        <v>5381</v>
      </c>
      <c r="C8618" t="s">
        <v>5378</v>
      </c>
      <c r="D8618" t="s">
        <v>5379</v>
      </c>
      <c r="E8618" t="s">
        <v>5270</v>
      </c>
      <c r="F8618" t="s">
        <v>5271</v>
      </c>
      <c r="G8618" t="s">
        <v>80</v>
      </c>
      <c r="H8618" t="s">
        <v>81</v>
      </c>
      <c r="I8618" s="2">
        <v>1</v>
      </c>
      <c r="J8618" s="2">
        <v>0</v>
      </c>
      <c r="K8618" s="2">
        <v>0</v>
      </c>
      <c r="L8618" t="s">
        <v>120</v>
      </c>
      <c r="M8618" t="s">
        <v>83</v>
      </c>
      <c r="N8618" t="s">
        <v>84</v>
      </c>
      <c r="O8618" t="s">
        <v>85</v>
      </c>
      <c r="P8618" t="s">
        <v>86</v>
      </c>
      <c r="Q8618">
        <v>3</v>
      </c>
      <c r="R8618">
        <v>3</v>
      </c>
      <c r="S8618">
        <v>4</v>
      </c>
      <c r="T8618">
        <v>4</v>
      </c>
      <c r="U8618">
        <v>4</v>
      </c>
      <c r="V8618">
        <v>4</v>
      </c>
      <c r="W8618">
        <v>4</v>
      </c>
      <c r="X8618">
        <v>4</v>
      </c>
      <c r="Y8618">
        <v>4</v>
      </c>
      <c r="Z8618">
        <v>4</v>
      </c>
      <c r="AA8618">
        <v>4</v>
      </c>
      <c r="AB8618">
        <v>4</v>
      </c>
      <c r="AC8618">
        <v>4</v>
      </c>
      <c r="AD8618">
        <v>4</v>
      </c>
      <c r="AE8618">
        <v>4</v>
      </c>
      <c r="AF8618">
        <v>4</v>
      </c>
      <c r="AG8618">
        <v>4</v>
      </c>
      <c r="AH8618">
        <v>4</v>
      </c>
      <c r="AI8618">
        <v>4</v>
      </c>
      <c r="AJ8618">
        <v>4</v>
      </c>
      <c r="AK8618">
        <v>4</v>
      </c>
      <c r="AL8618">
        <v>4</v>
      </c>
      <c r="AM8618">
        <v>4</v>
      </c>
      <c r="AN8618">
        <v>4</v>
      </c>
      <c r="AO8618">
        <v>4</v>
      </c>
      <c r="AP8618">
        <v>4</v>
      </c>
      <c r="AQ8618">
        <v>4</v>
      </c>
    </row>
    <row r="8619" spans="1:43">
      <c r="A8619" t="s">
        <v>5380</v>
      </c>
      <c r="B8619" t="s">
        <v>5381</v>
      </c>
      <c r="C8619" t="s">
        <v>5378</v>
      </c>
      <c r="D8619" t="s">
        <v>5379</v>
      </c>
      <c r="E8619" t="s">
        <v>5270</v>
      </c>
      <c r="F8619" t="s">
        <v>5271</v>
      </c>
      <c r="G8619" t="s">
        <v>80</v>
      </c>
      <c r="H8619" t="s">
        <v>81</v>
      </c>
      <c r="I8619" s="2">
        <v>1</v>
      </c>
      <c r="J8619" s="2">
        <v>0</v>
      </c>
      <c r="K8619" s="2">
        <v>0</v>
      </c>
      <c r="L8619" t="s">
        <v>120</v>
      </c>
      <c r="M8619" t="s">
        <v>87</v>
      </c>
      <c r="N8619" t="s">
        <v>88</v>
      </c>
      <c r="O8619" t="s">
        <v>85</v>
      </c>
      <c r="P8619" t="s">
        <v>86</v>
      </c>
      <c r="Q8619">
        <v>3</v>
      </c>
      <c r="R8619">
        <v>3</v>
      </c>
      <c r="S8619">
        <v>3</v>
      </c>
      <c r="T8619">
        <v>3</v>
      </c>
      <c r="U8619">
        <v>3</v>
      </c>
      <c r="V8619">
        <v>3</v>
      </c>
      <c r="W8619">
        <v>3</v>
      </c>
      <c r="X8619">
        <v>4</v>
      </c>
      <c r="Y8619">
        <v>4</v>
      </c>
      <c r="Z8619">
        <v>4</v>
      </c>
      <c r="AA8619">
        <v>4</v>
      </c>
      <c r="AB8619">
        <v>4</v>
      </c>
      <c r="AC8619">
        <v>4</v>
      </c>
      <c r="AD8619">
        <v>4</v>
      </c>
      <c r="AE8619">
        <v>4</v>
      </c>
      <c r="AF8619">
        <v>4</v>
      </c>
      <c r="AG8619">
        <v>4</v>
      </c>
      <c r="AH8619">
        <v>4</v>
      </c>
      <c r="AI8619">
        <v>4</v>
      </c>
      <c r="AJ8619">
        <v>4</v>
      </c>
      <c r="AK8619">
        <v>4</v>
      </c>
      <c r="AL8619">
        <v>4</v>
      </c>
      <c r="AM8619">
        <v>4</v>
      </c>
      <c r="AN8619">
        <v>4</v>
      </c>
      <c r="AO8619">
        <v>4</v>
      </c>
      <c r="AP8619">
        <v>4</v>
      </c>
      <c r="AQ8619">
        <v>4</v>
      </c>
    </row>
    <row r="8620" spans="1:43">
      <c r="A8620" t="s">
        <v>5380</v>
      </c>
      <c r="B8620" t="s">
        <v>5381</v>
      </c>
      <c r="C8620" t="s">
        <v>5378</v>
      </c>
      <c r="D8620" t="s">
        <v>5379</v>
      </c>
      <c r="E8620" t="s">
        <v>5270</v>
      </c>
      <c r="F8620" t="s">
        <v>5271</v>
      </c>
      <c r="G8620" t="s">
        <v>80</v>
      </c>
      <c r="H8620" t="s">
        <v>81</v>
      </c>
      <c r="I8620" s="2">
        <v>1</v>
      </c>
      <c r="J8620" s="2">
        <v>0</v>
      </c>
      <c r="K8620" s="2">
        <v>0</v>
      </c>
      <c r="L8620" t="s">
        <v>120</v>
      </c>
      <c r="M8620" t="s">
        <v>89</v>
      </c>
      <c r="N8620" t="s">
        <v>90</v>
      </c>
      <c r="O8620" t="s">
        <v>85</v>
      </c>
      <c r="P8620" t="s">
        <v>86</v>
      </c>
      <c r="Q8620">
        <v>3</v>
      </c>
      <c r="R8620">
        <v>4</v>
      </c>
      <c r="S8620">
        <v>4</v>
      </c>
      <c r="T8620">
        <v>4</v>
      </c>
      <c r="U8620">
        <v>4</v>
      </c>
      <c r="V8620">
        <v>4</v>
      </c>
      <c r="W8620">
        <v>4</v>
      </c>
      <c r="X8620">
        <v>4</v>
      </c>
      <c r="Y8620">
        <v>4</v>
      </c>
      <c r="Z8620">
        <v>4</v>
      </c>
      <c r="AA8620">
        <v>4</v>
      </c>
      <c r="AB8620">
        <v>4</v>
      </c>
      <c r="AC8620">
        <v>4</v>
      </c>
      <c r="AD8620">
        <v>4</v>
      </c>
      <c r="AE8620">
        <v>4</v>
      </c>
      <c r="AF8620">
        <v>4</v>
      </c>
      <c r="AG8620">
        <v>4</v>
      </c>
      <c r="AH8620">
        <v>4</v>
      </c>
      <c r="AI8620">
        <v>4</v>
      </c>
      <c r="AJ8620">
        <v>4</v>
      </c>
      <c r="AK8620">
        <v>4</v>
      </c>
      <c r="AL8620">
        <v>4</v>
      </c>
      <c r="AM8620">
        <v>4</v>
      </c>
      <c r="AN8620">
        <v>4</v>
      </c>
      <c r="AO8620">
        <v>4</v>
      </c>
      <c r="AP8620">
        <v>4</v>
      </c>
      <c r="AQ8620">
        <v>4</v>
      </c>
    </row>
    <row r="8621" spans="1:43">
      <c r="A8621" t="s">
        <v>5380</v>
      </c>
      <c r="B8621" t="s">
        <v>5381</v>
      </c>
      <c r="C8621" t="s">
        <v>5378</v>
      </c>
      <c r="D8621" t="s">
        <v>5379</v>
      </c>
      <c r="E8621" t="s">
        <v>5270</v>
      </c>
      <c r="F8621" t="s">
        <v>5271</v>
      </c>
      <c r="G8621" t="s">
        <v>80</v>
      </c>
      <c r="H8621" t="s">
        <v>81</v>
      </c>
      <c r="I8621" s="2">
        <v>1</v>
      </c>
      <c r="J8621" s="2">
        <v>0</v>
      </c>
      <c r="K8621" s="2">
        <v>0</v>
      </c>
      <c r="L8621" t="s">
        <v>120</v>
      </c>
      <c r="M8621" t="s">
        <v>83</v>
      </c>
      <c r="N8621" t="s">
        <v>91</v>
      </c>
      <c r="O8621" t="s">
        <v>85</v>
      </c>
      <c r="P8621" t="s">
        <v>86</v>
      </c>
      <c r="Q8621">
        <v>3</v>
      </c>
      <c r="R8621">
        <v>3</v>
      </c>
      <c r="S8621">
        <v>4</v>
      </c>
      <c r="T8621">
        <v>4</v>
      </c>
      <c r="U8621">
        <v>4</v>
      </c>
      <c r="V8621">
        <v>4</v>
      </c>
      <c r="W8621">
        <v>4</v>
      </c>
      <c r="X8621">
        <v>4</v>
      </c>
      <c r="Y8621">
        <v>4</v>
      </c>
      <c r="Z8621">
        <v>4</v>
      </c>
      <c r="AA8621">
        <v>4</v>
      </c>
      <c r="AB8621">
        <v>4</v>
      </c>
      <c r="AC8621">
        <v>4</v>
      </c>
      <c r="AD8621">
        <v>4</v>
      </c>
      <c r="AE8621">
        <v>4</v>
      </c>
      <c r="AF8621">
        <v>4</v>
      </c>
      <c r="AG8621">
        <v>4</v>
      </c>
      <c r="AH8621">
        <v>4</v>
      </c>
      <c r="AI8621">
        <v>4</v>
      </c>
      <c r="AJ8621">
        <v>4</v>
      </c>
      <c r="AK8621">
        <v>4</v>
      </c>
      <c r="AL8621">
        <v>4</v>
      </c>
      <c r="AM8621">
        <v>4</v>
      </c>
      <c r="AN8621">
        <v>4</v>
      </c>
      <c r="AO8621">
        <v>4</v>
      </c>
      <c r="AP8621">
        <v>4</v>
      </c>
      <c r="AQ8621">
        <v>4</v>
      </c>
    </row>
    <row r="8622" spans="1:43">
      <c r="A8622" t="s">
        <v>5382</v>
      </c>
      <c r="B8622" t="s">
        <v>5383</v>
      </c>
      <c r="C8622" t="s">
        <v>5290</v>
      </c>
      <c r="D8622" t="s">
        <v>5291</v>
      </c>
      <c r="E8622" t="s">
        <v>5270</v>
      </c>
      <c r="F8622" t="s">
        <v>5271</v>
      </c>
      <c r="G8622" t="s">
        <v>80</v>
      </c>
      <c r="H8622" t="s">
        <v>81</v>
      </c>
      <c r="I8622" s="2">
        <v>1</v>
      </c>
      <c r="J8622" s="2">
        <v>0</v>
      </c>
      <c r="K8622" s="2">
        <v>0</v>
      </c>
      <c r="L8622" t="s">
        <v>120</v>
      </c>
      <c r="M8622" t="s">
        <v>83</v>
      </c>
      <c r="N8622" t="s">
        <v>84</v>
      </c>
      <c r="O8622" t="s">
        <v>85</v>
      </c>
      <c r="P8622" t="s">
        <v>86</v>
      </c>
      <c r="Q8622">
        <v>134</v>
      </c>
      <c r="R8622">
        <v>136</v>
      </c>
      <c r="S8622">
        <v>138</v>
      </c>
      <c r="T8622">
        <v>140</v>
      </c>
      <c r="U8622">
        <v>142</v>
      </c>
      <c r="V8622">
        <v>144</v>
      </c>
      <c r="W8622">
        <v>146</v>
      </c>
      <c r="X8622">
        <v>148</v>
      </c>
      <c r="Y8622">
        <v>150</v>
      </c>
      <c r="Z8622">
        <v>151</v>
      </c>
      <c r="AA8622">
        <v>153</v>
      </c>
      <c r="AB8622">
        <v>155</v>
      </c>
      <c r="AC8622">
        <v>157</v>
      </c>
      <c r="AD8622">
        <v>159</v>
      </c>
      <c r="AE8622">
        <v>160</v>
      </c>
      <c r="AF8622">
        <v>162</v>
      </c>
      <c r="AG8622">
        <v>164</v>
      </c>
      <c r="AH8622">
        <v>165</v>
      </c>
      <c r="AI8622">
        <v>167</v>
      </c>
      <c r="AJ8622">
        <v>169</v>
      </c>
      <c r="AK8622">
        <v>170</v>
      </c>
      <c r="AL8622">
        <v>171</v>
      </c>
      <c r="AM8622">
        <v>171</v>
      </c>
      <c r="AN8622">
        <v>171</v>
      </c>
      <c r="AO8622">
        <v>172</v>
      </c>
      <c r="AP8622">
        <v>172</v>
      </c>
      <c r="AQ8622">
        <v>172</v>
      </c>
    </row>
    <row r="8623" spans="1:43">
      <c r="A8623" t="s">
        <v>5382</v>
      </c>
      <c r="B8623" t="s">
        <v>5383</v>
      </c>
      <c r="C8623" t="s">
        <v>5290</v>
      </c>
      <c r="D8623" t="s">
        <v>5291</v>
      </c>
      <c r="E8623" t="s">
        <v>5270</v>
      </c>
      <c r="F8623" t="s">
        <v>5271</v>
      </c>
      <c r="G8623" t="s">
        <v>80</v>
      </c>
      <c r="H8623" t="s">
        <v>81</v>
      </c>
      <c r="I8623" s="2">
        <v>1</v>
      </c>
      <c r="J8623" s="2">
        <v>0</v>
      </c>
      <c r="K8623" s="2">
        <v>0</v>
      </c>
      <c r="L8623" t="s">
        <v>120</v>
      </c>
      <c r="M8623" t="s">
        <v>87</v>
      </c>
      <c r="N8623" t="s">
        <v>88</v>
      </c>
      <c r="O8623" t="s">
        <v>85</v>
      </c>
      <c r="P8623" t="s">
        <v>86</v>
      </c>
      <c r="Q8623">
        <v>134</v>
      </c>
      <c r="R8623">
        <v>135</v>
      </c>
      <c r="S8623">
        <v>135</v>
      </c>
      <c r="T8623">
        <v>136</v>
      </c>
      <c r="U8623">
        <v>137</v>
      </c>
      <c r="V8623">
        <v>137</v>
      </c>
      <c r="W8623">
        <v>138</v>
      </c>
      <c r="X8623">
        <v>139</v>
      </c>
      <c r="Y8623">
        <v>139</v>
      </c>
      <c r="Z8623">
        <v>140</v>
      </c>
      <c r="AA8623">
        <v>141</v>
      </c>
      <c r="AB8623">
        <v>141</v>
      </c>
      <c r="AC8623">
        <v>142</v>
      </c>
      <c r="AD8623">
        <v>143</v>
      </c>
      <c r="AE8623">
        <v>143</v>
      </c>
      <c r="AF8623">
        <v>144</v>
      </c>
      <c r="AG8623">
        <v>145</v>
      </c>
      <c r="AH8623">
        <v>145</v>
      </c>
      <c r="AI8623">
        <v>146</v>
      </c>
      <c r="AJ8623">
        <v>147</v>
      </c>
      <c r="AK8623">
        <v>147</v>
      </c>
      <c r="AL8623">
        <v>148</v>
      </c>
      <c r="AM8623">
        <v>148</v>
      </c>
      <c r="AN8623">
        <v>149</v>
      </c>
      <c r="AO8623">
        <v>150</v>
      </c>
      <c r="AP8623">
        <v>150</v>
      </c>
      <c r="AQ8623">
        <v>151</v>
      </c>
    </row>
    <row r="8624" spans="1:43">
      <c r="A8624" t="s">
        <v>5382</v>
      </c>
      <c r="B8624" t="s">
        <v>5383</v>
      </c>
      <c r="C8624" t="s">
        <v>5290</v>
      </c>
      <c r="D8624" t="s">
        <v>5291</v>
      </c>
      <c r="E8624" t="s">
        <v>5270</v>
      </c>
      <c r="F8624" t="s">
        <v>5271</v>
      </c>
      <c r="G8624" t="s">
        <v>80</v>
      </c>
      <c r="H8624" t="s">
        <v>81</v>
      </c>
      <c r="I8624" s="2">
        <v>1</v>
      </c>
      <c r="J8624" s="2">
        <v>0</v>
      </c>
      <c r="K8624" s="2">
        <v>0</v>
      </c>
      <c r="L8624" t="s">
        <v>120</v>
      </c>
      <c r="M8624" t="s">
        <v>89</v>
      </c>
      <c r="N8624" t="s">
        <v>90</v>
      </c>
      <c r="O8624" t="s">
        <v>85</v>
      </c>
      <c r="P8624" t="s">
        <v>86</v>
      </c>
      <c r="Q8624">
        <v>134</v>
      </c>
      <c r="R8624">
        <v>138</v>
      </c>
      <c r="S8624">
        <v>141</v>
      </c>
      <c r="T8624">
        <v>144</v>
      </c>
      <c r="U8624">
        <v>147</v>
      </c>
      <c r="V8624">
        <v>149</v>
      </c>
      <c r="W8624">
        <v>152</v>
      </c>
      <c r="X8624">
        <v>155</v>
      </c>
      <c r="Y8624">
        <v>157</v>
      </c>
      <c r="Z8624">
        <v>160</v>
      </c>
      <c r="AA8624">
        <v>162</v>
      </c>
      <c r="AB8624">
        <v>164</v>
      </c>
      <c r="AC8624">
        <v>167</v>
      </c>
      <c r="AD8624">
        <v>169</v>
      </c>
      <c r="AE8624">
        <v>171</v>
      </c>
      <c r="AF8624">
        <v>171</v>
      </c>
      <c r="AG8624">
        <v>171</v>
      </c>
      <c r="AH8624">
        <v>171</v>
      </c>
      <c r="AI8624">
        <v>171</v>
      </c>
      <c r="AJ8624">
        <v>172</v>
      </c>
      <c r="AK8624">
        <v>172</v>
      </c>
      <c r="AL8624">
        <v>172</v>
      </c>
      <c r="AM8624">
        <v>172</v>
      </c>
      <c r="AN8624">
        <v>172</v>
      </c>
      <c r="AO8624">
        <v>172</v>
      </c>
      <c r="AP8624">
        <v>172</v>
      </c>
      <c r="AQ8624">
        <v>172</v>
      </c>
    </row>
    <row r="8625" spans="1:43">
      <c r="A8625" t="s">
        <v>5382</v>
      </c>
      <c r="B8625" t="s">
        <v>5383</v>
      </c>
      <c r="C8625" t="s">
        <v>5290</v>
      </c>
      <c r="D8625" t="s">
        <v>5291</v>
      </c>
      <c r="E8625" t="s">
        <v>5270</v>
      </c>
      <c r="F8625" t="s">
        <v>5271</v>
      </c>
      <c r="G8625" t="s">
        <v>80</v>
      </c>
      <c r="H8625" t="s">
        <v>81</v>
      </c>
      <c r="I8625" s="2">
        <v>1</v>
      </c>
      <c r="J8625" s="2">
        <v>0</v>
      </c>
      <c r="K8625" s="2">
        <v>0</v>
      </c>
      <c r="L8625" t="s">
        <v>120</v>
      </c>
      <c r="M8625" t="s">
        <v>83</v>
      </c>
      <c r="N8625" t="s">
        <v>91</v>
      </c>
      <c r="O8625" t="s">
        <v>85</v>
      </c>
      <c r="P8625" t="s">
        <v>86</v>
      </c>
      <c r="Q8625">
        <v>134</v>
      </c>
      <c r="R8625">
        <v>136</v>
      </c>
      <c r="S8625">
        <v>138</v>
      </c>
      <c r="T8625">
        <v>140</v>
      </c>
      <c r="U8625">
        <v>142</v>
      </c>
      <c r="V8625">
        <v>144</v>
      </c>
      <c r="W8625">
        <v>146</v>
      </c>
      <c r="X8625">
        <v>148</v>
      </c>
      <c r="Y8625">
        <v>150</v>
      </c>
      <c r="Z8625">
        <v>151</v>
      </c>
      <c r="AA8625">
        <v>153</v>
      </c>
      <c r="AB8625">
        <v>155</v>
      </c>
      <c r="AC8625">
        <v>157</v>
      </c>
      <c r="AD8625">
        <v>159</v>
      </c>
      <c r="AE8625">
        <v>160</v>
      </c>
      <c r="AF8625">
        <v>162</v>
      </c>
      <c r="AG8625">
        <v>164</v>
      </c>
      <c r="AH8625">
        <v>165</v>
      </c>
      <c r="AI8625">
        <v>167</v>
      </c>
      <c r="AJ8625">
        <v>169</v>
      </c>
      <c r="AK8625">
        <v>170</v>
      </c>
      <c r="AL8625">
        <v>171</v>
      </c>
      <c r="AM8625">
        <v>171</v>
      </c>
      <c r="AN8625">
        <v>171</v>
      </c>
      <c r="AO8625">
        <v>172</v>
      </c>
      <c r="AP8625">
        <v>172</v>
      </c>
      <c r="AQ8625">
        <v>172</v>
      </c>
    </row>
    <row r="8626" spans="1:43">
      <c r="A8626" t="s">
        <v>5384</v>
      </c>
      <c r="B8626" t="s">
        <v>5385</v>
      </c>
      <c r="C8626" t="s">
        <v>5316</v>
      </c>
      <c r="D8626" t="s">
        <v>5317</v>
      </c>
      <c r="E8626" t="s">
        <v>5270</v>
      </c>
      <c r="F8626" t="s">
        <v>5271</v>
      </c>
      <c r="G8626" t="s">
        <v>80</v>
      </c>
      <c r="H8626" t="s">
        <v>81</v>
      </c>
      <c r="I8626" s="2">
        <v>0.8</v>
      </c>
      <c r="J8626" s="2">
        <v>0</v>
      </c>
      <c r="K8626" s="2">
        <v>0</v>
      </c>
      <c r="L8626" t="s">
        <v>120</v>
      </c>
      <c r="M8626" t="s">
        <v>83</v>
      </c>
      <c r="N8626" t="s">
        <v>84</v>
      </c>
      <c r="O8626" t="s">
        <v>85</v>
      </c>
      <c r="P8626" t="s">
        <v>86</v>
      </c>
      <c r="Q8626">
        <v>19</v>
      </c>
      <c r="R8626">
        <v>20</v>
      </c>
      <c r="S8626">
        <v>20</v>
      </c>
      <c r="T8626">
        <v>20</v>
      </c>
      <c r="U8626">
        <v>21</v>
      </c>
      <c r="V8626">
        <v>21</v>
      </c>
      <c r="W8626">
        <v>21</v>
      </c>
      <c r="X8626">
        <v>21</v>
      </c>
      <c r="Y8626">
        <v>22</v>
      </c>
      <c r="Z8626">
        <v>22</v>
      </c>
      <c r="AA8626">
        <v>22</v>
      </c>
      <c r="AB8626">
        <v>23</v>
      </c>
      <c r="AC8626">
        <v>23</v>
      </c>
      <c r="AD8626">
        <v>23</v>
      </c>
      <c r="AE8626">
        <v>23</v>
      </c>
      <c r="AF8626">
        <v>24</v>
      </c>
      <c r="AG8626">
        <v>24</v>
      </c>
      <c r="AH8626">
        <v>24</v>
      </c>
      <c r="AI8626">
        <v>24</v>
      </c>
      <c r="AJ8626">
        <v>25</v>
      </c>
      <c r="AK8626">
        <v>25</v>
      </c>
      <c r="AL8626">
        <v>25</v>
      </c>
      <c r="AM8626">
        <v>25</v>
      </c>
      <c r="AN8626">
        <v>25</v>
      </c>
      <c r="AO8626">
        <v>25</v>
      </c>
      <c r="AP8626">
        <v>25</v>
      </c>
      <c r="AQ8626">
        <v>25</v>
      </c>
    </row>
    <row r="8627" spans="1:43">
      <c r="A8627" t="s">
        <v>5384</v>
      </c>
      <c r="B8627" t="s">
        <v>5385</v>
      </c>
      <c r="C8627" t="s">
        <v>5316</v>
      </c>
      <c r="D8627" t="s">
        <v>5317</v>
      </c>
      <c r="E8627" t="s">
        <v>5270</v>
      </c>
      <c r="F8627" t="s">
        <v>5271</v>
      </c>
      <c r="G8627" t="s">
        <v>80</v>
      </c>
      <c r="H8627" t="s">
        <v>81</v>
      </c>
      <c r="I8627" s="2">
        <v>0.8</v>
      </c>
      <c r="J8627" s="2">
        <v>0</v>
      </c>
      <c r="K8627" s="2">
        <v>0</v>
      </c>
      <c r="L8627" t="s">
        <v>120</v>
      </c>
      <c r="M8627" t="s">
        <v>87</v>
      </c>
      <c r="N8627" t="s">
        <v>88</v>
      </c>
      <c r="O8627" t="s">
        <v>85</v>
      </c>
      <c r="P8627" t="s">
        <v>86</v>
      </c>
      <c r="Q8627">
        <v>19</v>
      </c>
      <c r="R8627">
        <v>19</v>
      </c>
      <c r="S8627">
        <v>20</v>
      </c>
      <c r="T8627">
        <v>20</v>
      </c>
      <c r="U8627">
        <v>20</v>
      </c>
      <c r="V8627">
        <v>20</v>
      </c>
      <c r="W8627">
        <v>20</v>
      </c>
      <c r="X8627">
        <v>20</v>
      </c>
      <c r="Y8627">
        <v>20</v>
      </c>
      <c r="Z8627">
        <v>20</v>
      </c>
      <c r="AA8627">
        <v>20</v>
      </c>
      <c r="AB8627">
        <v>20</v>
      </c>
      <c r="AC8627">
        <v>20</v>
      </c>
      <c r="AD8627">
        <v>21</v>
      </c>
      <c r="AE8627">
        <v>21</v>
      </c>
      <c r="AF8627">
        <v>21</v>
      </c>
      <c r="AG8627">
        <v>21</v>
      </c>
      <c r="AH8627">
        <v>21</v>
      </c>
      <c r="AI8627">
        <v>21</v>
      </c>
      <c r="AJ8627">
        <v>21</v>
      </c>
      <c r="AK8627">
        <v>21</v>
      </c>
      <c r="AL8627">
        <v>21</v>
      </c>
      <c r="AM8627">
        <v>21</v>
      </c>
      <c r="AN8627">
        <v>21</v>
      </c>
      <c r="AO8627">
        <v>22</v>
      </c>
      <c r="AP8627">
        <v>22</v>
      </c>
      <c r="AQ8627">
        <v>22</v>
      </c>
    </row>
    <row r="8628" spans="1:43">
      <c r="A8628" t="s">
        <v>5384</v>
      </c>
      <c r="B8628" t="s">
        <v>5385</v>
      </c>
      <c r="C8628" t="s">
        <v>5316</v>
      </c>
      <c r="D8628" t="s">
        <v>5317</v>
      </c>
      <c r="E8628" t="s">
        <v>5270</v>
      </c>
      <c r="F8628" t="s">
        <v>5271</v>
      </c>
      <c r="G8628" t="s">
        <v>80</v>
      </c>
      <c r="H8628" t="s">
        <v>81</v>
      </c>
      <c r="I8628" s="2">
        <v>0.8</v>
      </c>
      <c r="J8628" s="2">
        <v>0</v>
      </c>
      <c r="K8628" s="2">
        <v>0</v>
      </c>
      <c r="L8628" t="s">
        <v>120</v>
      </c>
      <c r="M8628" t="s">
        <v>89</v>
      </c>
      <c r="N8628" t="s">
        <v>90</v>
      </c>
      <c r="O8628" t="s">
        <v>85</v>
      </c>
      <c r="P8628" t="s">
        <v>86</v>
      </c>
      <c r="Q8628">
        <v>19</v>
      </c>
      <c r="R8628">
        <v>19</v>
      </c>
      <c r="S8628">
        <v>20</v>
      </c>
      <c r="T8628">
        <v>20</v>
      </c>
      <c r="U8628">
        <v>20</v>
      </c>
      <c r="V8628">
        <v>21</v>
      </c>
      <c r="W8628">
        <v>21</v>
      </c>
      <c r="X8628">
        <v>22</v>
      </c>
      <c r="Y8628">
        <v>22</v>
      </c>
      <c r="Z8628">
        <v>22</v>
      </c>
      <c r="AA8628">
        <v>23</v>
      </c>
      <c r="AB8628">
        <v>23</v>
      </c>
      <c r="AC8628">
        <v>23</v>
      </c>
      <c r="AD8628">
        <v>24</v>
      </c>
      <c r="AE8628">
        <v>24</v>
      </c>
      <c r="AF8628">
        <v>24</v>
      </c>
      <c r="AG8628">
        <v>24</v>
      </c>
      <c r="AH8628">
        <v>24</v>
      </c>
      <c r="AI8628">
        <v>24</v>
      </c>
      <c r="AJ8628">
        <v>24</v>
      </c>
      <c r="AK8628">
        <v>24</v>
      </c>
      <c r="AL8628">
        <v>24</v>
      </c>
      <c r="AM8628">
        <v>24</v>
      </c>
      <c r="AN8628">
        <v>24</v>
      </c>
      <c r="AO8628">
        <v>24</v>
      </c>
      <c r="AP8628">
        <v>24</v>
      </c>
      <c r="AQ8628">
        <v>24</v>
      </c>
    </row>
    <row r="8629" spans="1:43">
      <c r="A8629" t="s">
        <v>5384</v>
      </c>
      <c r="B8629" t="s">
        <v>5385</v>
      </c>
      <c r="C8629" t="s">
        <v>5316</v>
      </c>
      <c r="D8629" t="s">
        <v>5317</v>
      </c>
      <c r="E8629" t="s">
        <v>5270</v>
      </c>
      <c r="F8629" t="s">
        <v>5271</v>
      </c>
      <c r="G8629" t="s">
        <v>80</v>
      </c>
      <c r="H8629" t="s">
        <v>81</v>
      </c>
      <c r="I8629" s="2">
        <v>0.8</v>
      </c>
      <c r="J8629" s="2">
        <v>0</v>
      </c>
      <c r="K8629" s="2">
        <v>0</v>
      </c>
      <c r="L8629" t="s">
        <v>120</v>
      </c>
      <c r="M8629" t="s">
        <v>83</v>
      </c>
      <c r="N8629" t="s">
        <v>91</v>
      </c>
      <c r="O8629" t="s">
        <v>85</v>
      </c>
      <c r="P8629" t="s">
        <v>86</v>
      </c>
      <c r="Q8629">
        <v>19</v>
      </c>
      <c r="R8629">
        <v>20</v>
      </c>
      <c r="S8629">
        <v>20</v>
      </c>
      <c r="T8629">
        <v>20</v>
      </c>
      <c r="U8629">
        <v>21</v>
      </c>
      <c r="V8629">
        <v>21</v>
      </c>
      <c r="W8629">
        <v>21</v>
      </c>
      <c r="X8629">
        <v>21</v>
      </c>
      <c r="Y8629">
        <v>22</v>
      </c>
      <c r="Z8629">
        <v>22</v>
      </c>
      <c r="AA8629">
        <v>22</v>
      </c>
      <c r="AB8629">
        <v>23</v>
      </c>
      <c r="AC8629">
        <v>23</v>
      </c>
      <c r="AD8629">
        <v>23</v>
      </c>
      <c r="AE8629">
        <v>23</v>
      </c>
      <c r="AF8629">
        <v>24</v>
      </c>
      <c r="AG8629">
        <v>24</v>
      </c>
      <c r="AH8629">
        <v>24</v>
      </c>
      <c r="AI8629">
        <v>24</v>
      </c>
      <c r="AJ8629">
        <v>25</v>
      </c>
      <c r="AK8629">
        <v>25</v>
      </c>
      <c r="AL8629">
        <v>25</v>
      </c>
      <c r="AM8629">
        <v>25</v>
      </c>
      <c r="AN8629">
        <v>25</v>
      </c>
      <c r="AO8629">
        <v>25</v>
      </c>
      <c r="AP8629">
        <v>25</v>
      </c>
      <c r="AQ8629">
        <v>25</v>
      </c>
    </row>
    <row r="8630" spans="1:43">
      <c r="A8630" t="s">
        <v>5386</v>
      </c>
      <c r="B8630" t="s">
        <v>5387</v>
      </c>
      <c r="C8630" t="s">
        <v>5316</v>
      </c>
      <c r="D8630" t="s">
        <v>5317</v>
      </c>
      <c r="E8630" t="s">
        <v>5270</v>
      </c>
      <c r="F8630" t="s">
        <v>5271</v>
      </c>
      <c r="G8630" t="s">
        <v>80</v>
      </c>
      <c r="H8630" t="s">
        <v>81</v>
      </c>
      <c r="I8630" s="2">
        <v>0</v>
      </c>
      <c r="J8630" s="2">
        <v>0</v>
      </c>
      <c r="K8630" s="2">
        <v>0</v>
      </c>
      <c r="L8630" t="s">
        <v>120</v>
      </c>
      <c r="M8630" t="s">
        <v>83</v>
      </c>
      <c r="N8630" t="s">
        <v>84</v>
      </c>
      <c r="O8630" t="s">
        <v>85</v>
      </c>
      <c r="P8630" t="s">
        <v>86</v>
      </c>
      <c r="Q8630">
        <v>0</v>
      </c>
      <c r="R8630">
        <v>0</v>
      </c>
      <c r="S8630">
        <v>0</v>
      </c>
      <c r="T8630">
        <v>0</v>
      </c>
      <c r="U8630">
        <v>0</v>
      </c>
      <c r="V8630">
        <v>0</v>
      </c>
      <c r="W8630">
        <v>0</v>
      </c>
      <c r="X8630">
        <v>0</v>
      </c>
      <c r="Y8630">
        <v>0</v>
      </c>
      <c r="Z8630">
        <v>0</v>
      </c>
      <c r="AA8630">
        <v>0</v>
      </c>
      <c r="AB8630">
        <v>0</v>
      </c>
      <c r="AC8630">
        <v>0</v>
      </c>
      <c r="AD8630">
        <v>0</v>
      </c>
      <c r="AE8630">
        <v>0</v>
      </c>
      <c r="AF8630">
        <v>0</v>
      </c>
      <c r="AG8630">
        <v>0</v>
      </c>
      <c r="AH8630">
        <v>0</v>
      </c>
      <c r="AI8630">
        <v>0</v>
      </c>
      <c r="AJ8630">
        <v>0</v>
      </c>
      <c r="AK8630">
        <v>0</v>
      </c>
      <c r="AL8630">
        <v>0</v>
      </c>
      <c r="AM8630">
        <v>0</v>
      </c>
      <c r="AN8630">
        <v>0</v>
      </c>
      <c r="AO8630">
        <v>0</v>
      </c>
      <c r="AP8630">
        <v>0</v>
      </c>
      <c r="AQ8630">
        <v>0</v>
      </c>
    </row>
    <row r="8631" spans="1:43">
      <c r="A8631" t="s">
        <v>5386</v>
      </c>
      <c r="B8631" t="s">
        <v>5387</v>
      </c>
      <c r="C8631" t="s">
        <v>5316</v>
      </c>
      <c r="D8631" t="s">
        <v>5317</v>
      </c>
      <c r="E8631" t="s">
        <v>5270</v>
      </c>
      <c r="F8631" t="s">
        <v>5271</v>
      </c>
      <c r="G8631" t="s">
        <v>80</v>
      </c>
      <c r="H8631" t="s">
        <v>81</v>
      </c>
      <c r="I8631" s="2">
        <v>0</v>
      </c>
      <c r="J8631" s="2">
        <v>0</v>
      </c>
      <c r="K8631" s="2">
        <v>0</v>
      </c>
      <c r="L8631" t="s">
        <v>120</v>
      </c>
      <c r="M8631" t="s">
        <v>87</v>
      </c>
      <c r="N8631" t="s">
        <v>88</v>
      </c>
      <c r="O8631" t="s">
        <v>85</v>
      </c>
      <c r="P8631" t="s">
        <v>86</v>
      </c>
      <c r="Q8631">
        <v>0</v>
      </c>
      <c r="R8631">
        <v>0</v>
      </c>
      <c r="S8631">
        <v>0</v>
      </c>
      <c r="T8631">
        <v>0</v>
      </c>
      <c r="U8631">
        <v>0</v>
      </c>
      <c r="V8631">
        <v>0</v>
      </c>
      <c r="W8631">
        <v>0</v>
      </c>
      <c r="X8631">
        <v>0</v>
      </c>
      <c r="Y8631">
        <v>0</v>
      </c>
      <c r="Z8631">
        <v>0</v>
      </c>
      <c r="AA8631">
        <v>0</v>
      </c>
      <c r="AB8631">
        <v>0</v>
      </c>
      <c r="AC8631">
        <v>0</v>
      </c>
      <c r="AD8631">
        <v>0</v>
      </c>
      <c r="AE8631">
        <v>0</v>
      </c>
      <c r="AF8631">
        <v>0</v>
      </c>
      <c r="AG8631">
        <v>0</v>
      </c>
      <c r="AH8631">
        <v>0</v>
      </c>
      <c r="AI8631">
        <v>0</v>
      </c>
      <c r="AJ8631">
        <v>0</v>
      </c>
      <c r="AK8631">
        <v>0</v>
      </c>
      <c r="AL8631">
        <v>0</v>
      </c>
      <c r="AM8631">
        <v>0</v>
      </c>
      <c r="AN8631">
        <v>0</v>
      </c>
      <c r="AO8631">
        <v>0</v>
      </c>
      <c r="AP8631">
        <v>0</v>
      </c>
      <c r="AQ8631">
        <v>0</v>
      </c>
    </row>
    <row r="8632" spans="1:43">
      <c r="A8632" t="s">
        <v>5386</v>
      </c>
      <c r="B8632" t="s">
        <v>5387</v>
      </c>
      <c r="C8632" t="s">
        <v>5316</v>
      </c>
      <c r="D8632" t="s">
        <v>5317</v>
      </c>
      <c r="E8632" t="s">
        <v>5270</v>
      </c>
      <c r="F8632" t="s">
        <v>5271</v>
      </c>
      <c r="G8632" t="s">
        <v>80</v>
      </c>
      <c r="H8632" t="s">
        <v>81</v>
      </c>
      <c r="I8632" s="2">
        <v>0</v>
      </c>
      <c r="J8632" s="2">
        <v>0</v>
      </c>
      <c r="K8632" s="2">
        <v>0</v>
      </c>
      <c r="L8632" t="s">
        <v>120</v>
      </c>
      <c r="M8632" t="s">
        <v>89</v>
      </c>
      <c r="N8632" t="s">
        <v>90</v>
      </c>
      <c r="O8632" t="s">
        <v>85</v>
      </c>
      <c r="P8632" t="s">
        <v>86</v>
      </c>
      <c r="Q8632">
        <v>0</v>
      </c>
      <c r="R8632">
        <v>0</v>
      </c>
      <c r="S8632">
        <v>0</v>
      </c>
      <c r="T8632">
        <v>0</v>
      </c>
      <c r="U8632">
        <v>0</v>
      </c>
      <c r="V8632">
        <v>0</v>
      </c>
      <c r="W8632">
        <v>0</v>
      </c>
      <c r="X8632">
        <v>0</v>
      </c>
      <c r="Y8632">
        <v>0</v>
      </c>
      <c r="Z8632">
        <v>0</v>
      </c>
      <c r="AA8632">
        <v>0</v>
      </c>
      <c r="AB8632">
        <v>0</v>
      </c>
      <c r="AC8632">
        <v>0</v>
      </c>
      <c r="AD8632">
        <v>0</v>
      </c>
      <c r="AE8632">
        <v>0</v>
      </c>
      <c r="AF8632">
        <v>0</v>
      </c>
      <c r="AG8632">
        <v>0</v>
      </c>
      <c r="AH8632">
        <v>0</v>
      </c>
      <c r="AI8632">
        <v>0</v>
      </c>
      <c r="AJ8632">
        <v>0</v>
      </c>
      <c r="AK8632">
        <v>0</v>
      </c>
      <c r="AL8632">
        <v>0</v>
      </c>
      <c r="AM8632">
        <v>0</v>
      </c>
      <c r="AN8632">
        <v>0</v>
      </c>
      <c r="AO8632">
        <v>0</v>
      </c>
      <c r="AP8632">
        <v>0</v>
      </c>
      <c r="AQ8632">
        <v>0</v>
      </c>
    </row>
    <row r="8633" spans="1:43">
      <c r="A8633" t="s">
        <v>5386</v>
      </c>
      <c r="B8633" t="s">
        <v>5387</v>
      </c>
      <c r="C8633" t="s">
        <v>5316</v>
      </c>
      <c r="D8633" t="s">
        <v>5317</v>
      </c>
      <c r="E8633" t="s">
        <v>5270</v>
      </c>
      <c r="F8633" t="s">
        <v>5271</v>
      </c>
      <c r="G8633" t="s">
        <v>80</v>
      </c>
      <c r="H8633" t="s">
        <v>81</v>
      </c>
      <c r="I8633" s="2">
        <v>0</v>
      </c>
      <c r="J8633" s="2">
        <v>0</v>
      </c>
      <c r="K8633" s="2">
        <v>0</v>
      </c>
      <c r="L8633" t="s">
        <v>120</v>
      </c>
      <c r="M8633" t="s">
        <v>83</v>
      </c>
      <c r="N8633" t="s">
        <v>91</v>
      </c>
      <c r="O8633" t="s">
        <v>85</v>
      </c>
      <c r="P8633" t="s">
        <v>86</v>
      </c>
      <c r="Q8633">
        <v>0</v>
      </c>
      <c r="R8633">
        <v>0</v>
      </c>
      <c r="S8633">
        <v>0</v>
      </c>
      <c r="T8633">
        <v>0</v>
      </c>
      <c r="U8633">
        <v>0</v>
      </c>
      <c r="V8633">
        <v>0</v>
      </c>
      <c r="W8633">
        <v>0</v>
      </c>
      <c r="X8633">
        <v>0</v>
      </c>
      <c r="Y8633">
        <v>0</v>
      </c>
      <c r="Z8633">
        <v>0</v>
      </c>
      <c r="AA8633">
        <v>0</v>
      </c>
      <c r="AB8633">
        <v>0</v>
      </c>
      <c r="AC8633">
        <v>0</v>
      </c>
      <c r="AD8633">
        <v>0</v>
      </c>
      <c r="AE8633">
        <v>0</v>
      </c>
      <c r="AF8633">
        <v>0</v>
      </c>
      <c r="AG8633">
        <v>0</v>
      </c>
      <c r="AH8633">
        <v>0</v>
      </c>
      <c r="AI8633">
        <v>0</v>
      </c>
      <c r="AJ8633">
        <v>0</v>
      </c>
      <c r="AK8633">
        <v>0</v>
      </c>
      <c r="AL8633">
        <v>0</v>
      </c>
      <c r="AM8633">
        <v>0</v>
      </c>
      <c r="AN8633">
        <v>0</v>
      </c>
      <c r="AO8633">
        <v>0</v>
      </c>
      <c r="AP8633">
        <v>0</v>
      </c>
      <c r="AQ8633">
        <v>0</v>
      </c>
    </row>
    <row r="8634" spans="1:43">
      <c r="A8634" t="s">
        <v>5388</v>
      </c>
      <c r="B8634" t="s">
        <v>5389</v>
      </c>
      <c r="C8634" t="s">
        <v>5378</v>
      </c>
      <c r="D8634" t="s">
        <v>5379</v>
      </c>
      <c r="E8634" t="s">
        <v>5270</v>
      </c>
      <c r="F8634" t="s">
        <v>5271</v>
      </c>
      <c r="G8634" t="s">
        <v>80</v>
      </c>
      <c r="H8634" t="s">
        <v>81</v>
      </c>
      <c r="I8634" s="2">
        <v>1</v>
      </c>
      <c r="J8634" s="2">
        <v>0</v>
      </c>
      <c r="K8634" s="2">
        <v>0</v>
      </c>
      <c r="L8634" t="s">
        <v>120</v>
      </c>
      <c r="M8634" t="s">
        <v>83</v>
      </c>
      <c r="N8634" t="s">
        <v>84</v>
      </c>
      <c r="O8634" t="s">
        <v>85</v>
      </c>
      <c r="P8634" t="s">
        <v>86</v>
      </c>
      <c r="Q8634">
        <v>28</v>
      </c>
      <c r="R8634">
        <v>28</v>
      </c>
      <c r="S8634">
        <v>28</v>
      </c>
      <c r="T8634">
        <v>29</v>
      </c>
      <c r="U8634">
        <v>29</v>
      </c>
      <c r="V8634">
        <v>30</v>
      </c>
      <c r="W8634">
        <v>30</v>
      </c>
      <c r="X8634">
        <v>30</v>
      </c>
      <c r="Y8634">
        <v>31</v>
      </c>
      <c r="Z8634">
        <v>31</v>
      </c>
      <c r="AA8634">
        <v>32</v>
      </c>
      <c r="AB8634">
        <v>32</v>
      </c>
      <c r="AC8634">
        <v>32</v>
      </c>
      <c r="AD8634">
        <v>33</v>
      </c>
      <c r="AE8634">
        <v>33</v>
      </c>
      <c r="AF8634">
        <v>33</v>
      </c>
      <c r="AG8634">
        <v>34</v>
      </c>
      <c r="AH8634">
        <v>34</v>
      </c>
      <c r="AI8634">
        <v>34</v>
      </c>
      <c r="AJ8634">
        <v>35</v>
      </c>
      <c r="AK8634">
        <v>35</v>
      </c>
      <c r="AL8634">
        <v>35</v>
      </c>
      <c r="AM8634">
        <v>35</v>
      </c>
      <c r="AN8634">
        <v>35</v>
      </c>
      <c r="AO8634">
        <v>35</v>
      </c>
      <c r="AP8634">
        <v>35</v>
      </c>
      <c r="AQ8634">
        <v>35</v>
      </c>
    </row>
    <row r="8635" spans="1:43">
      <c r="A8635" t="s">
        <v>5388</v>
      </c>
      <c r="B8635" t="s">
        <v>5389</v>
      </c>
      <c r="C8635" t="s">
        <v>5378</v>
      </c>
      <c r="D8635" t="s">
        <v>5379</v>
      </c>
      <c r="E8635" t="s">
        <v>5270</v>
      </c>
      <c r="F8635" t="s">
        <v>5271</v>
      </c>
      <c r="G8635" t="s">
        <v>80</v>
      </c>
      <c r="H8635" t="s">
        <v>81</v>
      </c>
      <c r="I8635" s="2">
        <v>1</v>
      </c>
      <c r="J8635" s="2">
        <v>0</v>
      </c>
      <c r="K8635" s="2">
        <v>0</v>
      </c>
      <c r="L8635" t="s">
        <v>120</v>
      </c>
      <c r="M8635" t="s">
        <v>87</v>
      </c>
      <c r="N8635" t="s">
        <v>88</v>
      </c>
      <c r="O8635" t="s">
        <v>85</v>
      </c>
      <c r="P8635" t="s">
        <v>86</v>
      </c>
      <c r="Q8635">
        <v>28</v>
      </c>
      <c r="R8635">
        <v>29</v>
      </c>
      <c r="S8635">
        <v>29</v>
      </c>
      <c r="T8635">
        <v>29</v>
      </c>
      <c r="U8635">
        <v>29</v>
      </c>
      <c r="V8635">
        <v>29</v>
      </c>
      <c r="W8635">
        <v>29</v>
      </c>
      <c r="X8635">
        <v>29</v>
      </c>
      <c r="Y8635">
        <v>29</v>
      </c>
      <c r="Z8635">
        <v>30</v>
      </c>
      <c r="AA8635">
        <v>30</v>
      </c>
      <c r="AB8635">
        <v>30</v>
      </c>
      <c r="AC8635">
        <v>30</v>
      </c>
      <c r="AD8635">
        <v>30</v>
      </c>
      <c r="AE8635">
        <v>30</v>
      </c>
      <c r="AF8635">
        <v>30</v>
      </c>
      <c r="AG8635">
        <v>31</v>
      </c>
      <c r="AH8635">
        <v>31</v>
      </c>
      <c r="AI8635">
        <v>31</v>
      </c>
      <c r="AJ8635">
        <v>31</v>
      </c>
      <c r="AK8635">
        <v>31</v>
      </c>
      <c r="AL8635">
        <v>31</v>
      </c>
      <c r="AM8635">
        <v>31</v>
      </c>
      <c r="AN8635">
        <v>31</v>
      </c>
      <c r="AO8635">
        <v>31</v>
      </c>
      <c r="AP8635">
        <v>32</v>
      </c>
      <c r="AQ8635">
        <v>32</v>
      </c>
    </row>
    <row r="8636" spans="1:43">
      <c r="A8636" t="s">
        <v>5388</v>
      </c>
      <c r="B8636" t="s">
        <v>5389</v>
      </c>
      <c r="C8636" t="s">
        <v>5378</v>
      </c>
      <c r="D8636" t="s">
        <v>5379</v>
      </c>
      <c r="E8636" t="s">
        <v>5270</v>
      </c>
      <c r="F8636" t="s">
        <v>5271</v>
      </c>
      <c r="G8636" t="s">
        <v>80</v>
      </c>
      <c r="H8636" t="s">
        <v>81</v>
      </c>
      <c r="I8636" s="2">
        <v>1</v>
      </c>
      <c r="J8636" s="2">
        <v>0</v>
      </c>
      <c r="K8636" s="2">
        <v>0</v>
      </c>
      <c r="L8636" t="s">
        <v>120</v>
      </c>
      <c r="M8636" t="s">
        <v>89</v>
      </c>
      <c r="N8636" t="s">
        <v>90</v>
      </c>
      <c r="O8636" t="s">
        <v>85</v>
      </c>
      <c r="P8636" t="s">
        <v>86</v>
      </c>
      <c r="Q8636">
        <v>28</v>
      </c>
      <c r="R8636">
        <v>29</v>
      </c>
      <c r="S8636">
        <v>29</v>
      </c>
      <c r="T8636">
        <v>30</v>
      </c>
      <c r="U8636">
        <v>30</v>
      </c>
      <c r="V8636">
        <v>31</v>
      </c>
      <c r="W8636">
        <v>31</v>
      </c>
      <c r="X8636">
        <v>32</v>
      </c>
      <c r="Y8636">
        <v>33</v>
      </c>
      <c r="Z8636">
        <v>33</v>
      </c>
      <c r="AA8636">
        <v>34</v>
      </c>
      <c r="AB8636">
        <v>34</v>
      </c>
      <c r="AC8636">
        <v>35</v>
      </c>
      <c r="AD8636">
        <v>35</v>
      </c>
      <c r="AE8636">
        <v>35</v>
      </c>
      <c r="AF8636">
        <v>35</v>
      </c>
      <c r="AG8636">
        <v>35</v>
      </c>
      <c r="AH8636">
        <v>35</v>
      </c>
      <c r="AI8636">
        <v>35</v>
      </c>
      <c r="AJ8636">
        <v>35</v>
      </c>
      <c r="AK8636">
        <v>36</v>
      </c>
      <c r="AL8636">
        <v>36</v>
      </c>
      <c r="AM8636">
        <v>36</v>
      </c>
      <c r="AN8636">
        <v>36</v>
      </c>
      <c r="AO8636">
        <v>36</v>
      </c>
      <c r="AP8636">
        <v>36</v>
      </c>
      <c r="AQ8636">
        <v>36</v>
      </c>
    </row>
    <row r="8637" spans="1:43">
      <c r="A8637" t="s">
        <v>5388</v>
      </c>
      <c r="B8637" t="s">
        <v>5389</v>
      </c>
      <c r="C8637" t="s">
        <v>5378</v>
      </c>
      <c r="D8637" t="s">
        <v>5379</v>
      </c>
      <c r="E8637" t="s">
        <v>5270</v>
      </c>
      <c r="F8637" t="s">
        <v>5271</v>
      </c>
      <c r="G8637" t="s">
        <v>80</v>
      </c>
      <c r="H8637" t="s">
        <v>81</v>
      </c>
      <c r="I8637" s="2">
        <v>1</v>
      </c>
      <c r="J8637" s="2">
        <v>0</v>
      </c>
      <c r="K8637" s="2">
        <v>0</v>
      </c>
      <c r="L8637" t="s">
        <v>120</v>
      </c>
      <c r="M8637" t="s">
        <v>83</v>
      </c>
      <c r="N8637" t="s">
        <v>91</v>
      </c>
      <c r="O8637" t="s">
        <v>85</v>
      </c>
      <c r="P8637" t="s">
        <v>86</v>
      </c>
      <c r="Q8637">
        <v>28</v>
      </c>
      <c r="R8637">
        <v>28</v>
      </c>
      <c r="S8637">
        <v>28</v>
      </c>
      <c r="T8637">
        <v>29</v>
      </c>
      <c r="U8637">
        <v>29</v>
      </c>
      <c r="V8637">
        <v>30</v>
      </c>
      <c r="W8637">
        <v>30</v>
      </c>
      <c r="X8637">
        <v>30</v>
      </c>
      <c r="Y8637">
        <v>31</v>
      </c>
      <c r="Z8637">
        <v>31</v>
      </c>
      <c r="AA8637">
        <v>32</v>
      </c>
      <c r="AB8637">
        <v>32</v>
      </c>
      <c r="AC8637">
        <v>32</v>
      </c>
      <c r="AD8637">
        <v>33</v>
      </c>
      <c r="AE8637">
        <v>33</v>
      </c>
      <c r="AF8637">
        <v>33</v>
      </c>
      <c r="AG8637">
        <v>34</v>
      </c>
      <c r="AH8637">
        <v>34</v>
      </c>
      <c r="AI8637">
        <v>34</v>
      </c>
      <c r="AJ8637">
        <v>35</v>
      </c>
      <c r="AK8637">
        <v>35</v>
      </c>
      <c r="AL8637">
        <v>35</v>
      </c>
      <c r="AM8637">
        <v>35</v>
      </c>
      <c r="AN8637">
        <v>35</v>
      </c>
      <c r="AO8637">
        <v>35</v>
      </c>
      <c r="AP8637">
        <v>35</v>
      </c>
      <c r="AQ8637">
        <v>35</v>
      </c>
    </row>
    <row r="8638" spans="1:43">
      <c r="A8638" t="s">
        <v>5390</v>
      </c>
      <c r="B8638" t="s">
        <v>5391</v>
      </c>
      <c r="C8638" t="s">
        <v>5378</v>
      </c>
      <c r="D8638" t="s">
        <v>5379</v>
      </c>
      <c r="E8638" t="s">
        <v>5270</v>
      </c>
      <c r="F8638" t="s">
        <v>5271</v>
      </c>
      <c r="G8638" t="s">
        <v>80</v>
      </c>
      <c r="H8638" t="s">
        <v>81</v>
      </c>
      <c r="I8638" s="2">
        <v>1</v>
      </c>
      <c r="J8638" s="2">
        <v>0</v>
      </c>
      <c r="K8638" s="2">
        <v>0</v>
      </c>
      <c r="L8638" t="s">
        <v>120</v>
      </c>
      <c r="M8638" t="s">
        <v>83</v>
      </c>
      <c r="N8638" t="s">
        <v>84</v>
      </c>
      <c r="O8638" t="s">
        <v>85</v>
      </c>
      <c r="P8638" t="s">
        <v>86</v>
      </c>
      <c r="Q8638">
        <v>16</v>
      </c>
      <c r="R8638">
        <v>16</v>
      </c>
      <c r="S8638">
        <v>16</v>
      </c>
      <c r="T8638">
        <v>17</v>
      </c>
      <c r="U8638">
        <v>17</v>
      </c>
      <c r="V8638">
        <v>17</v>
      </c>
      <c r="W8638">
        <v>17</v>
      </c>
      <c r="X8638">
        <v>18</v>
      </c>
      <c r="Y8638">
        <v>18</v>
      </c>
      <c r="Z8638">
        <v>18</v>
      </c>
      <c r="AA8638">
        <v>18</v>
      </c>
      <c r="AB8638">
        <v>19</v>
      </c>
      <c r="AC8638">
        <v>19</v>
      </c>
      <c r="AD8638">
        <v>19</v>
      </c>
      <c r="AE8638">
        <v>19</v>
      </c>
      <c r="AF8638">
        <v>19</v>
      </c>
      <c r="AG8638">
        <v>20</v>
      </c>
      <c r="AH8638">
        <v>20</v>
      </c>
      <c r="AI8638">
        <v>20</v>
      </c>
      <c r="AJ8638">
        <v>20</v>
      </c>
      <c r="AK8638">
        <v>20</v>
      </c>
      <c r="AL8638">
        <v>20</v>
      </c>
      <c r="AM8638">
        <v>20</v>
      </c>
      <c r="AN8638">
        <v>20</v>
      </c>
      <c r="AO8638">
        <v>20</v>
      </c>
      <c r="AP8638">
        <v>20</v>
      </c>
      <c r="AQ8638">
        <v>20</v>
      </c>
    </row>
    <row r="8639" spans="1:43">
      <c r="A8639" t="s">
        <v>5390</v>
      </c>
      <c r="B8639" t="s">
        <v>5391</v>
      </c>
      <c r="C8639" t="s">
        <v>5378</v>
      </c>
      <c r="D8639" t="s">
        <v>5379</v>
      </c>
      <c r="E8639" t="s">
        <v>5270</v>
      </c>
      <c r="F8639" t="s">
        <v>5271</v>
      </c>
      <c r="G8639" t="s">
        <v>80</v>
      </c>
      <c r="H8639" t="s">
        <v>81</v>
      </c>
      <c r="I8639" s="2">
        <v>1</v>
      </c>
      <c r="J8639" s="2">
        <v>0</v>
      </c>
      <c r="K8639" s="2">
        <v>0</v>
      </c>
      <c r="L8639" t="s">
        <v>120</v>
      </c>
      <c r="M8639" t="s">
        <v>87</v>
      </c>
      <c r="N8639" t="s">
        <v>88</v>
      </c>
      <c r="O8639" t="s">
        <v>85</v>
      </c>
      <c r="P8639" t="s">
        <v>86</v>
      </c>
      <c r="Q8639">
        <v>16</v>
      </c>
      <c r="R8639">
        <v>16</v>
      </c>
      <c r="S8639">
        <v>16</v>
      </c>
      <c r="T8639">
        <v>16</v>
      </c>
      <c r="U8639">
        <v>16</v>
      </c>
      <c r="V8639">
        <v>16</v>
      </c>
      <c r="W8639">
        <v>16</v>
      </c>
      <c r="X8639">
        <v>16</v>
      </c>
      <c r="Y8639">
        <v>17</v>
      </c>
      <c r="Z8639">
        <v>17</v>
      </c>
      <c r="AA8639">
        <v>17</v>
      </c>
      <c r="AB8639">
        <v>17</v>
      </c>
      <c r="AC8639">
        <v>17</v>
      </c>
      <c r="AD8639">
        <v>17</v>
      </c>
      <c r="AE8639">
        <v>17</v>
      </c>
      <c r="AF8639">
        <v>17</v>
      </c>
      <c r="AG8639">
        <v>17</v>
      </c>
      <c r="AH8639">
        <v>17</v>
      </c>
      <c r="AI8639">
        <v>17</v>
      </c>
      <c r="AJ8639">
        <v>17</v>
      </c>
      <c r="AK8639">
        <v>17</v>
      </c>
      <c r="AL8639">
        <v>17</v>
      </c>
      <c r="AM8639">
        <v>18</v>
      </c>
      <c r="AN8639">
        <v>18</v>
      </c>
      <c r="AO8639">
        <v>18</v>
      </c>
      <c r="AP8639">
        <v>18</v>
      </c>
      <c r="AQ8639">
        <v>18</v>
      </c>
    </row>
    <row r="8640" spans="1:43">
      <c r="A8640" t="s">
        <v>5390</v>
      </c>
      <c r="B8640" t="s">
        <v>5391</v>
      </c>
      <c r="C8640" t="s">
        <v>5378</v>
      </c>
      <c r="D8640" t="s">
        <v>5379</v>
      </c>
      <c r="E8640" t="s">
        <v>5270</v>
      </c>
      <c r="F8640" t="s">
        <v>5271</v>
      </c>
      <c r="G8640" t="s">
        <v>80</v>
      </c>
      <c r="H8640" t="s">
        <v>81</v>
      </c>
      <c r="I8640" s="2">
        <v>1</v>
      </c>
      <c r="J8640" s="2">
        <v>0</v>
      </c>
      <c r="K8640" s="2">
        <v>0</v>
      </c>
      <c r="L8640" t="s">
        <v>120</v>
      </c>
      <c r="M8640" t="s">
        <v>89</v>
      </c>
      <c r="N8640" t="s">
        <v>90</v>
      </c>
      <c r="O8640" t="s">
        <v>85</v>
      </c>
      <c r="P8640" t="s">
        <v>86</v>
      </c>
      <c r="Q8640">
        <v>16</v>
      </c>
      <c r="R8640">
        <v>17</v>
      </c>
      <c r="S8640">
        <v>17</v>
      </c>
      <c r="T8640">
        <v>17</v>
      </c>
      <c r="U8640">
        <v>18</v>
      </c>
      <c r="V8640">
        <v>18</v>
      </c>
      <c r="W8640">
        <v>18</v>
      </c>
      <c r="X8640">
        <v>19</v>
      </c>
      <c r="Y8640">
        <v>19</v>
      </c>
      <c r="Z8640">
        <v>19</v>
      </c>
      <c r="AA8640">
        <v>19</v>
      </c>
      <c r="AB8640">
        <v>20</v>
      </c>
      <c r="AC8640">
        <v>20</v>
      </c>
      <c r="AD8640">
        <v>20</v>
      </c>
      <c r="AE8640">
        <v>20</v>
      </c>
      <c r="AF8640">
        <v>21</v>
      </c>
      <c r="AG8640">
        <v>21</v>
      </c>
      <c r="AH8640">
        <v>21</v>
      </c>
      <c r="AI8640">
        <v>21</v>
      </c>
      <c r="AJ8640">
        <v>21</v>
      </c>
      <c r="AK8640">
        <v>21</v>
      </c>
      <c r="AL8640">
        <v>21</v>
      </c>
      <c r="AM8640">
        <v>21</v>
      </c>
      <c r="AN8640">
        <v>21</v>
      </c>
      <c r="AO8640">
        <v>21</v>
      </c>
      <c r="AP8640">
        <v>21</v>
      </c>
      <c r="AQ8640">
        <v>21</v>
      </c>
    </row>
    <row r="8641" spans="1:43">
      <c r="A8641" t="s">
        <v>5390</v>
      </c>
      <c r="B8641" t="s">
        <v>5391</v>
      </c>
      <c r="C8641" t="s">
        <v>5378</v>
      </c>
      <c r="D8641" t="s">
        <v>5379</v>
      </c>
      <c r="E8641" t="s">
        <v>5270</v>
      </c>
      <c r="F8641" t="s">
        <v>5271</v>
      </c>
      <c r="G8641" t="s">
        <v>80</v>
      </c>
      <c r="H8641" t="s">
        <v>81</v>
      </c>
      <c r="I8641" s="2">
        <v>1</v>
      </c>
      <c r="J8641" s="2">
        <v>0</v>
      </c>
      <c r="K8641" s="2">
        <v>0</v>
      </c>
      <c r="L8641" t="s">
        <v>120</v>
      </c>
      <c r="M8641" t="s">
        <v>83</v>
      </c>
      <c r="N8641" t="s">
        <v>91</v>
      </c>
      <c r="O8641" t="s">
        <v>85</v>
      </c>
      <c r="P8641" t="s">
        <v>86</v>
      </c>
      <c r="Q8641">
        <v>16</v>
      </c>
      <c r="R8641">
        <v>16</v>
      </c>
      <c r="S8641">
        <v>16</v>
      </c>
      <c r="T8641">
        <v>17</v>
      </c>
      <c r="U8641">
        <v>17</v>
      </c>
      <c r="V8641">
        <v>17</v>
      </c>
      <c r="W8641">
        <v>17</v>
      </c>
      <c r="X8641">
        <v>18</v>
      </c>
      <c r="Y8641">
        <v>18</v>
      </c>
      <c r="Z8641">
        <v>18</v>
      </c>
      <c r="AA8641">
        <v>18</v>
      </c>
      <c r="AB8641">
        <v>19</v>
      </c>
      <c r="AC8641">
        <v>19</v>
      </c>
      <c r="AD8641">
        <v>19</v>
      </c>
      <c r="AE8641">
        <v>19</v>
      </c>
      <c r="AF8641">
        <v>19</v>
      </c>
      <c r="AG8641">
        <v>20</v>
      </c>
      <c r="AH8641">
        <v>20</v>
      </c>
      <c r="AI8641">
        <v>20</v>
      </c>
      <c r="AJ8641">
        <v>20</v>
      </c>
      <c r="AK8641">
        <v>20</v>
      </c>
      <c r="AL8641">
        <v>20</v>
      </c>
      <c r="AM8641">
        <v>20</v>
      </c>
      <c r="AN8641">
        <v>20</v>
      </c>
      <c r="AO8641">
        <v>20</v>
      </c>
      <c r="AP8641">
        <v>20</v>
      </c>
      <c r="AQ8641">
        <v>20</v>
      </c>
    </row>
    <row r="8642" spans="1:43">
      <c r="A8642" t="s">
        <v>5392</v>
      </c>
      <c r="B8642" t="s">
        <v>5393</v>
      </c>
      <c r="C8642" t="s">
        <v>5394</v>
      </c>
      <c r="D8642" t="s">
        <v>5395</v>
      </c>
      <c r="E8642" t="s">
        <v>5396</v>
      </c>
      <c r="F8642" t="s">
        <v>5397</v>
      </c>
      <c r="G8642" t="s">
        <v>80</v>
      </c>
      <c r="H8642" t="s">
        <v>81</v>
      </c>
      <c r="I8642" s="2">
        <v>0</v>
      </c>
      <c r="J8642" s="2">
        <v>0</v>
      </c>
      <c r="K8642" s="2">
        <v>0</v>
      </c>
      <c r="L8642" t="s">
        <v>82</v>
      </c>
      <c r="M8642" t="s">
        <v>83</v>
      </c>
      <c r="N8642" t="s">
        <v>84</v>
      </c>
      <c r="O8642" t="s">
        <v>85</v>
      </c>
      <c r="P8642" t="s">
        <v>86</v>
      </c>
      <c r="Q8642">
        <v>0</v>
      </c>
      <c r="R8642">
        <v>0</v>
      </c>
      <c r="S8642">
        <v>0</v>
      </c>
      <c r="T8642">
        <v>0</v>
      </c>
      <c r="U8642">
        <v>0</v>
      </c>
      <c r="V8642">
        <v>0</v>
      </c>
      <c r="W8642">
        <v>0</v>
      </c>
      <c r="X8642">
        <v>0</v>
      </c>
      <c r="Y8642">
        <v>0</v>
      </c>
      <c r="Z8642">
        <v>0</v>
      </c>
      <c r="AA8642">
        <v>0</v>
      </c>
      <c r="AB8642">
        <v>0</v>
      </c>
      <c r="AC8642">
        <v>0</v>
      </c>
      <c r="AD8642">
        <v>0</v>
      </c>
      <c r="AE8642">
        <v>0</v>
      </c>
      <c r="AF8642">
        <v>0</v>
      </c>
      <c r="AG8642">
        <v>0</v>
      </c>
      <c r="AH8642">
        <v>0</v>
      </c>
      <c r="AI8642">
        <v>0</v>
      </c>
      <c r="AJ8642">
        <v>0</v>
      </c>
      <c r="AK8642">
        <v>0</v>
      </c>
      <c r="AL8642">
        <v>0</v>
      </c>
      <c r="AM8642">
        <v>0</v>
      </c>
      <c r="AN8642">
        <v>0</v>
      </c>
      <c r="AO8642">
        <v>0</v>
      </c>
      <c r="AP8642">
        <v>0</v>
      </c>
      <c r="AQ8642">
        <v>0</v>
      </c>
    </row>
    <row r="8643" spans="1:43">
      <c r="A8643" t="s">
        <v>5392</v>
      </c>
      <c r="B8643" t="s">
        <v>5393</v>
      </c>
      <c r="C8643" t="s">
        <v>5394</v>
      </c>
      <c r="D8643" t="s">
        <v>5395</v>
      </c>
      <c r="E8643" t="s">
        <v>5396</v>
      </c>
      <c r="F8643" t="s">
        <v>5397</v>
      </c>
      <c r="G8643" t="s">
        <v>80</v>
      </c>
      <c r="H8643" t="s">
        <v>81</v>
      </c>
      <c r="I8643" s="2">
        <v>0</v>
      </c>
      <c r="J8643" s="2">
        <v>0</v>
      </c>
      <c r="K8643" s="2">
        <v>0</v>
      </c>
      <c r="L8643" t="s">
        <v>82</v>
      </c>
      <c r="M8643" t="s">
        <v>87</v>
      </c>
      <c r="N8643" t="s">
        <v>88</v>
      </c>
      <c r="O8643" t="s">
        <v>85</v>
      </c>
      <c r="P8643" t="s">
        <v>86</v>
      </c>
      <c r="Q8643">
        <v>0</v>
      </c>
      <c r="R8643">
        <v>0</v>
      </c>
      <c r="S8643">
        <v>0</v>
      </c>
      <c r="T8643">
        <v>0</v>
      </c>
      <c r="U8643">
        <v>0</v>
      </c>
      <c r="V8643">
        <v>0</v>
      </c>
      <c r="W8643">
        <v>0</v>
      </c>
      <c r="X8643">
        <v>0</v>
      </c>
      <c r="Y8643">
        <v>0</v>
      </c>
      <c r="Z8643">
        <v>0</v>
      </c>
      <c r="AA8643">
        <v>0</v>
      </c>
      <c r="AB8643">
        <v>0</v>
      </c>
      <c r="AC8643">
        <v>0</v>
      </c>
      <c r="AD8643">
        <v>0</v>
      </c>
      <c r="AE8643">
        <v>0</v>
      </c>
      <c r="AF8643">
        <v>0</v>
      </c>
      <c r="AG8643">
        <v>0</v>
      </c>
      <c r="AH8643">
        <v>0</v>
      </c>
      <c r="AI8643">
        <v>0</v>
      </c>
      <c r="AJ8643">
        <v>0</v>
      </c>
      <c r="AK8643">
        <v>0</v>
      </c>
      <c r="AL8643">
        <v>0</v>
      </c>
      <c r="AM8643">
        <v>0</v>
      </c>
      <c r="AN8643">
        <v>0</v>
      </c>
      <c r="AO8643">
        <v>0</v>
      </c>
      <c r="AP8643">
        <v>0</v>
      </c>
      <c r="AQ8643">
        <v>0</v>
      </c>
    </row>
    <row r="8644" spans="1:43">
      <c r="A8644" t="s">
        <v>5392</v>
      </c>
      <c r="B8644" t="s">
        <v>5393</v>
      </c>
      <c r="C8644" t="s">
        <v>5394</v>
      </c>
      <c r="D8644" t="s">
        <v>5395</v>
      </c>
      <c r="E8644" t="s">
        <v>5396</v>
      </c>
      <c r="F8644" t="s">
        <v>5397</v>
      </c>
      <c r="G8644" t="s">
        <v>80</v>
      </c>
      <c r="H8644" t="s">
        <v>81</v>
      </c>
      <c r="I8644" s="2">
        <v>0</v>
      </c>
      <c r="J8644" s="2">
        <v>0</v>
      </c>
      <c r="K8644" s="2">
        <v>0</v>
      </c>
      <c r="L8644" t="s">
        <v>82</v>
      </c>
      <c r="M8644" t="s">
        <v>89</v>
      </c>
      <c r="N8644" t="s">
        <v>90</v>
      </c>
      <c r="O8644" t="s">
        <v>85</v>
      </c>
      <c r="P8644" t="s">
        <v>86</v>
      </c>
      <c r="Q8644">
        <v>0</v>
      </c>
      <c r="R8644">
        <v>0</v>
      </c>
      <c r="S8644">
        <v>0</v>
      </c>
      <c r="T8644">
        <v>0</v>
      </c>
      <c r="U8644">
        <v>0</v>
      </c>
      <c r="V8644">
        <v>0</v>
      </c>
      <c r="W8644">
        <v>0</v>
      </c>
      <c r="X8644">
        <v>0</v>
      </c>
      <c r="Y8644">
        <v>0</v>
      </c>
      <c r="Z8644">
        <v>0</v>
      </c>
      <c r="AA8644">
        <v>0</v>
      </c>
      <c r="AB8644">
        <v>0</v>
      </c>
      <c r="AC8644">
        <v>0</v>
      </c>
      <c r="AD8644">
        <v>0</v>
      </c>
      <c r="AE8644">
        <v>0</v>
      </c>
      <c r="AF8644">
        <v>0</v>
      </c>
      <c r="AG8644">
        <v>0</v>
      </c>
      <c r="AH8644">
        <v>0</v>
      </c>
      <c r="AI8644">
        <v>0</v>
      </c>
      <c r="AJ8644">
        <v>0</v>
      </c>
      <c r="AK8644">
        <v>0</v>
      </c>
      <c r="AL8644">
        <v>0</v>
      </c>
      <c r="AM8644">
        <v>0</v>
      </c>
      <c r="AN8644">
        <v>0</v>
      </c>
      <c r="AO8644">
        <v>0</v>
      </c>
      <c r="AP8644">
        <v>0</v>
      </c>
      <c r="AQ8644">
        <v>0</v>
      </c>
    </row>
    <row r="8645" spans="1:43">
      <c r="A8645" t="s">
        <v>5392</v>
      </c>
      <c r="B8645" t="s">
        <v>5393</v>
      </c>
      <c r="C8645" t="s">
        <v>5394</v>
      </c>
      <c r="D8645" t="s">
        <v>5395</v>
      </c>
      <c r="E8645" t="s">
        <v>5396</v>
      </c>
      <c r="F8645" t="s">
        <v>5397</v>
      </c>
      <c r="G8645" t="s">
        <v>80</v>
      </c>
      <c r="H8645" t="s">
        <v>81</v>
      </c>
      <c r="I8645" s="2">
        <v>0</v>
      </c>
      <c r="J8645" s="2">
        <v>0</v>
      </c>
      <c r="K8645" s="2">
        <v>0</v>
      </c>
      <c r="L8645" t="s">
        <v>82</v>
      </c>
      <c r="M8645" t="s">
        <v>83</v>
      </c>
      <c r="N8645" t="s">
        <v>91</v>
      </c>
      <c r="O8645" t="s">
        <v>85</v>
      </c>
      <c r="P8645" t="s">
        <v>86</v>
      </c>
      <c r="Q8645">
        <v>0</v>
      </c>
      <c r="R8645">
        <v>0</v>
      </c>
      <c r="S8645">
        <v>0</v>
      </c>
      <c r="T8645">
        <v>0</v>
      </c>
      <c r="U8645">
        <v>0</v>
      </c>
      <c r="V8645">
        <v>0</v>
      </c>
      <c r="W8645">
        <v>0</v>
      </c>
      <c r="X8645">
        <v>0</v>
      </c>
      <c r="Y8645">
        <v>0</v>
      </c>
      <c r="Z8645">
        <v>0</v>
      </c>
      <c r="AA8645">
        <v>0</v>
      </c>
      <c r="AB8645">
        <v>0</v>
      </c>
      <c r="AC8645">
        <v>0</v>
      </c>
      <c r="AD8645">
        <v>0</v>
      </c>
      <c r="AE8645">
        <v>0</v>
      </c>
      <c r="AF8645">
        <v>0</v>
      </c>
      <c r="AG8645">
        <v>0</v>
      </c>
      <c r="AH8645">
        <v>0</v>
      </c>
      <c r="AI8645">
        <v>0</v>
      </c>
      <c r="AJ8645">
        <v>0</v>
      </c>
      <c r="AK8645">
        <v>0</v>
      </c>
      <c r="AL8645">
        <v>0</v>
      </c>
      <c r="AM8645">
        <v>0</v>
      </c>
      <c r="AN8645">
        <v>0</v>
      </c>
      <c r="AO8645">
        <v>0</v>
      </c>
      <c r="AP8645">
        <v>0</v>
      </c>
      <c r="AQ8645">
        <v>0</v>
      </c>
    </row>
    <row r="8646" spans="1:43">
      <c r="A8646" t="s">
        <v>5398</v>
      </c>
      <c r="B8646" t="s">
        <v>5399</v>
      </c>
      <c r="C8646" t="s">
        <v>5400</v>
      </c>
      <c r="D8646" t="s">
        <v>5401</v>
      </c>
      <c r="E8646" t="s">
        <v>5396</v>
      </c>
      <c r="F8646" t="s">
        <v>5397</v>
      </c>
      <c r="G8646" t="s">
        <v>80</v>
      </c>
      <c r="H8646" t="s">
        <v>81</v>
      </c>
      <c r="I8646" s="2">
        <v>0</v>
      </c>
      <c r="J8646" s="2">
        <v>0</v>
      </c>
      <c r="K8646" s="2">
        <v>0</v>
      </c>
      <c r="L8646" t="s">
        <v>82</v>
      </c>
      <c r="M8646" t="s">
        <v>83</v>
      </c>
      <c r="N8646" t="s">
        <v>84</v>
      </c>
      <c r="O8646" t="s">
        <v>85</v>
      </c>
      <c r="P8646" t="s">
        <v>86</v>
      </c>
      <c r="Q8646">
        <v>0</v>
      </c>
      <c r="R8646">
        <v>0</v>
      </c>
      <c r="S8646">
        <v>0</v>
      </c>
      <c r="T8646">
        <v>0</v>
      </c>
      <c r="U8646">
        <v>0</v>
      </c>
      <c r="V8646">
        <v>0</v>
      </c>
      <c r="W8646">
        <v>0</v>
      </c>
      <c r="X8646">
        <v>0</v>
      </c>
      <c r="Y8646">
        <v>0</v>
      </c>
      <c r="Z8646">
        <v>0</v>
      </c>
      <c r="AA8646">
        <v>0</v>
      </c>
      <c r="AB8646">
        <v>0</v>
      </c>
      <c r="AC8646">
        <v>0</v>
      </c>
      <c r="AD8646">
        <v>0</v>
      </c>
      <c r="AE8646">
        <v>0</v>
      </c>
      <c r="AF8646">
        <v>0</v>
      </c>
      <c r="AG8646">
        <v>0</v>
      </c>
      <c r="AH8646">
        <v>0</v>
      </c>
      <c r="AI8646">
        <v>0</v>
      </c>
      <c r="AJ8646">
        <v>0</v>
      </c>
      <c r="AK8646">
        <v>0</v>
      </c>
      <c r="AL8646">
        <v>0</v>
      </c>
      <c r="AM8646">
        <v>0</v>
      </c>
      <c r="AN8646">
        <v>0</v>
      </c>
      <c r="AO8646">
        <v>0</v>
      </c>
      <c r="AP8646">
        <v>0</v>
      </c>
      <c r="AQ8646">
        <v>0</v>
      </c>
    </row>
    <row r="8647" spans="1:43">
      <c r="A8647" t="s">
        <v>5398</v>
      </c>
      <c r="B8647" t="s">
        <v>5399</v>
      </c>
      <c r="C8647" t="s">
        <v>5400</v>
      </c>
      <c r="D8647" t="s">
        <v>5401</v>
      </c>
      <c r="E8647" t="s">
        <v>5396</v>
      </c>
      <c r="F8647" t="s">
        <v>5397</v>
      </c>
      <c r="G8647" t="s">
        <v>80</v>
      </c>
      <c r="H8647" t="s">
        <v>81</v>
      </c>
      <c r="I8647" s="2">
        <v>0</v>
      </c>
      <c r="J8647" s="2">
        <v>0</v>
      </c>
      <c r="K8647" s="2">
        <v>0</v>
      </c>
      <c r="L8647" t="s">
        <v>82</v>
      </c>
      <c r="M8647" t="s">
        <v>87</v>
      </c>
      <c r="N8647" t="s">
        <v>88</v>
      </c>
      <c r="O8647" t="s">
        <v>85</v>
      </c>
      <c r="P8647" t="s">
        <v>86</v>
      </c>
      <c r="Q8647">
        <v>0</v>
      </c>
      <c r="R8647">
        <v>0</v>
      </c>
      <c r="S8647">
        <v>0</v>
      </c>
      <c r="T8647">
        <v>0</v>
      </c>
      <c r="U8647">
        <v>0</v>
      </c>
      <c r="V8647">
        <v>0</v>
      </c>
      <c r="W8647">
        <v>0</v>
      </c>
      <c r="X8647">
        <v>0</v>
      </c>
      <c r="Y8647">
        <v>0</v>
      </c>
      <c r="Z8647">
        <v>0</v>
      </c>
      <c r="AA8647">
        <v>0</v>
      </c>
      <c r="AB8647">
        <v>0</v>
      </c>
      <c r="AC8647">
        <v>0</v>
      </c>
      <c r="AD8647">
        <v>0</v>
      </c>
      <c r="AE8647">
        <v>0</v>
      </c>
      <c r="AF8647">
        <v>0</v>
      </c>
      <c r="AG8647">
        <v>0</v>
      </c>
      <c r="AH8647">
        <v>0</v>
      </c>
      <c r="AI8647">
        <v>0</v>
      </c>
      <c r="AJ8647">
        <v>0</v>
      </c>
      <c r="AK8647">
        <v>0</v>
      </c>
      <c r="AL8647">
        <v>0</v>
      </c>
      <c r="AM8647">
        <v>0</v>
      </c>
      <c r="AN8647">
        <v>0</v>
      </c>
      <c r="AO8647">
        <v>0</v>
      </c>
      <c r="AP8647">
        <v>0</v>
      </c>
      <c r="AQ8647">
        <v>0</v>
      </c>
    </row>
    <row r="8648" spans="1:43">
      <c r="A8648" t="s">
        <v>5398</v>
      </c>
      <c r="B8648" t="s">
        <v>5399</v>
      </c>
      <c r="C8648" t="s">
        <v>5400</v>
      </c>
      <c r="D8648" t="s">
        <v>5401</v>
      </c>
      <c r="E8648" t="s">
        <v>5396</v>
      </c>
      <c r="F8648" t="s">
        <v>5397</v>
      </c>
      <c r="G8648" t="s">
        <v>80</v>
      </c>
      <c r="H8648" t="s">
        <v>81</v>
      </c>
      <c r="I8648" s="2">
        <v>0</v>
      </c>
      <c r="J8648" s="2">
        <v>0</v>
      </c>
      <c r="K8648" s="2">
        <v>0</v>
      </c>
      <c r="L8648" t="s">
        <v>82</v>
      </c>
      <c r="M8648" t="s">
        <v>89</v>
      </c>
      <c r="N8648" t="s">
        <v>90</v>
      </c>
      <c r="O8648" t="s">
        <v>85</v>
      </c>
      <c r="P8648" t="s">
        <v>86</v>
      </c>
      <c r="Q8648">
        <v>0</v>
      </c>
      <c r="R8648">
        <v>0</v>
      </c>
      <c r="S8648">
        <v>0</v>
      </c>
      <c r="T8648">
        <v>0</v>
      </c>
      <c r="U8648">
        <v>0</v>
      </c>
      <c r="V8648">
        <v>0</v>
      </c>
      <c r="W8648">
        <v>0</v>
      </c>
      <c r="X8648">
        <v>0</v>
      </c>
      <c r="Y8648">
        <v>0</v>
      </c>
      <c r="Z8648">
        <v>0</v>
      </c>
      <c r="AA8648">
        <v>0</v>
      </c>
      <c r="AB8648">
        <v>0</v>
      </c>
      <c r="AC8648">
        <v>0</v>
      </c>
      <c r="AD8648">
        <v>0</v>
      </c>
      <c r="AE8648">
        <v>0</v>
      </c>
      <c r="AF8648">
        <v>0</v>
      </c>
      <c r="AG8648">
        <v>0</v>
      </c>
      <c r="AH8648">
        <v>0</v>
      </c>
      <c r="AI8648">
        <v>0</v>
      </c>
      <c r="AJ8648">
        <v>0</v>
      </c>
      <c r="AK8648">
        <v>0</v>
      </c>
      <c r="AL8648">
        <v>0</v>
      </c>
      <c r="AM8648">
        <v>0</v>
      </c>
      <c r="AN8648">
        <v>0</v>
      </c>
      <c r="AO8648">
        <v>0</v>
      </c>
      <c r="AP8648">
        <v>0</v>
      </c>
      <c r="AQ8648">
        <v>0</v>
      </c>
    </row>
    <row r="8649" spans="1:43">
      <c r="A8649" t="s">
        <v>5398</v>
      </c>
      <c r="B8649" t="s">
        <v>5399</v>
      </c>
      <c r="C8649" t="s">
        <v>5400</v>
      </c>
      <c r="D8649" t="s">
        <v>5401</v>
      </c>
      <c r="E8649" t="s">
        <v>5396</v>
      </c>
      <c r="F8649" t="s">
        <v>5397</v>
      </c>
      <c r="G8649" t="s">
        <v>80</v>
      </c>
      <c r="H8649" t="s">
        <v>81</v>
      </c>
      <c r="I8649" s="2">
        <v>0</v>
      </c>
      <c r="J8649" s="2">
        <v>0</v>
      </c>
      <c r="K8649" s="2">
        <v>0</v>
      </c>
      <c r="L8649" t="s">
        <v>82</v>
      </c>
      <c r="M8649" t="s">
        <v>83</v>
      </c>
      <c r="N8649" t="s">
        <v>91</v>
      </c>
      <c r="O8649" t="s">
        <v>85</v>
      </c>
      <c r="P8649" t="s">
        <v>86</v>
      </c>
      <c r="Q8649">
        <v>0</v>
      </c>
      <c r="R8649">
        <v>0</v>
      </c>
      <c r="S8649">
        <v>0</v>
      </c>
      <c r="T8649">
        <v>0</v>
      </c>
      <c r="U8649">
        <v>0</v>
      </c>
      <c r="V8649">
        <v>0</v>
      </c>
      <c r="W8649">
        <v>0</v>
      </c>
      <c r="X8649">
        <v>0</v>
      </c>
      <c r="Y8649">
        <v>0</v>
      </c>
      <c r="Z8649">
        <v>0</v>
      </c>
      <c r="AA8649">
        <v>0</v>
      </c>
      <c r="AB8649">
        <v>0</v>
      </c>
      <c r="AC8649">
        <v>0</v>
      </c>
      <c r="AD8649">
        <v>0</v>
      </c>
      <c r="AE8649">
        <v>0</v>
      </c>
      <c r="AF8649">
        <v>0</v>
      </c>
      <c r="AG8649">
        <v>0</v>
      </c>
      <c r="AH8649">
        <v>0</v>
      </c>
      <c r="AI8649">
        <v>0</v>
      </c>
      <c r="AJ8649">
        <v>0</v>
      </c>
      <c r="AK8649">
        <v>0</v>
      </c>
      <c r="AL8649">
        <v>0</v>
      </c>
      <c r="AM8649">
        <v>0</v>
      </c>
      <c r="AN8649">
        <v>0</v>
      </c>
      <c r="AO8649">
        <v>0</v>
      </c>
      <c r="AP8649">
        <v>0</v>
      </c>
      <c r="AQ8649">
        <v>0</v>
      </c>
    </row>
    <row r="8650" spans="1:43">
      <c r="A8650" t="s">
        <v>5402</v>
      </c>
      <c r="B8650" t="s">
        <v>5403</v>
      </c>
      <c r="C8650" t="s">
        <v>5400</v>
      </c>
      <c r="D8650" t="s">
        <v>5401</v>
      </c>
      <c r="E8650" t="s">
        <v>5396</v>
      </c>
      <c r="F8650" t="s">
        <v>5397</v>
      </c>
      <c r="G8650" t="s">
        <v>80</v>
      </c>
      <c r="H8650" t="s">
        <v>81</v>
      </c>
      <c r="I8650" s="2">
        <v>0</v>
      </c>
      <c r="J8650" s="2">
        <v>1</v>
      </c>
      <c r="K8650" s="2">
        <v>0</v>
      </c>
      <c r="L8650" t="s">
        <v>82</v>
      </c>
      <c r="M8650" t="s">
        <v>83</v>
      </c>
      <c r="N8650" t="s">
        <v>84</v>
      </c>
      <c r="O8650" t="s">
        <v>85</v>
      </c>
      <c r="P8650" t="s">
        <v>86</v>
      </c>
      <c r="Q8650">
        <v>9</v>
      </c>
      <c r="R8650">
        <v>9</v>
      </c>
      <c r="S8650">
        <v>9</v>
      </c>
      <c r="T8650">
        <v>9</v>
      </c>
      <c r="U8650">
        <v>9</v>
      </c>
      <c r="V8650">
        <v>10</v>
      </c>
      <c r="W8650">
        <v>10</v>
      </c>
      <c r="X8650">
        <v>10</v>
      </c>
      <c r="Y8650">
        <v>10</v>
      </c>
      <c r="Z8650">
        <v>10</v>
      </c>
      <c r="AA8650">
        <v>11</v>
      </c>
      <c r="AB8650">
        <v>11</v>
      </c>
      <c r="AC8650">
        <v>11</v>
      </c>
      <c r="AD8650">
        <v>11</v>
      </c>
      <c r="AE8650">
        <v>11</v>
      </c>
      <c r="AF8650">
        <v>12</v>
      </c>
      <c r="AG8650">
        <v>12</v>
      </c>
      <c r="AH8650">
        <v>12</v>
      </c>
      <c r="AI8650">
        <v>12</v>
      </c>
      <c r="AJ8650">
        <v>12</v>
      </c>
      <c r="AK8650">
        <v>13</v>
      </c>
      <c r="AL8650">
        <v>13</v>
      </c>
      <c r="AM8650">
        <v>13</v>
      </c>
      <c r="AN8650">
        <v>13</v>
      </c>
      <c r="AO8650">
        <v>13</v>
      </c>
      <c r="AP8650">
        <v>13</v>
      </c>
      <c r="AQ8650">
        <v>13</v>
      </c>
    </row>
    <row r="8651" spans="1:43">
      <c r="A8651" t="s">
        <v>5402</v>
      </c>
      <c r="B8651" t="s">
        <v>5403</v>
      </c>
      <c r="C8651" t="s">
        <v>5400</v>
      </c>
      <c r="D8651" t="s">
        <v>5401</v>
      </c>
      <c r="E8651" t="s">
        <v>5396</v>
      </c>
      <c r="F8651" t="s">
        <v>5397</v>
      </c>
      <c r="G8651" t="s">
        <v>80</v>
      </c>
      <c r="H8651" t="s">
        <v>81</v>
      </c>
      <c r="I8651" s="2">
        <v>0</v>
      </c>
      <c r="J8651" s="2">
        <v>1</v>
      </c>
      <c r="K8651" s="2">
        <v>0</v>
      </c>
      <c r="L8651" t="s">
        <v>82</v>
      </c>
      <c r="M8651" t="s">
        <v>87</v>
      </c>
      <c r="N8651" t="s">
        <v>88</v>
      </c>
      <c r="O8651" t="s">
        <v>85</v>
      </c>
      <c r="P8651" t="s">
        <v>86</v>
      </c>
      <c r="Q8651">
        <v>9</v>
      </c>
      <c r="R8651">
        <v>9</v>
      </c>
      <c r="S8651">
        <v>9</v>
      </c>
      <c r="T8651">
        <v>9</v>
      </c>
      <c r="U8651">
        <v>9</v>
      </c>
      <c r="V8651">
        <v>9</v>
      </c>
      <c r="W8651">
        <v>9</v>
      </c>
      <c r="X8651">
        <v>9</v>
      </c>
      <c r="Y8651">
        <v>9</v>
      </c>
      <c r="Z8651">
        <v>10</v>
      </c>
      <c r="AA8651">
        <v>10</v>
      </c>
      <c r="AB8651">
        <v>10</v>
      </c>
      <c r="AC8651">
        <v>10</v>
      </c>
      <c r="AD8651">
        <v>10</v>
      </c>
      <c r="AE8651">
        <v>10</v>
      </c>
      <c r="AF8651">
        <v>10</v>
      </c>
      <c r="AG8651">
        <v>10</v>
      </c>
      <c r="AH8651">
        <v>10</v>
      </c>
      <c r="AI8651">
        <v>11</v>
      </c>
      <c r="AJ8651">
        <v>11</v>
      </c>
      <c r="AK8651">
        <v>11</v>
      </c>
      <c r="AL8651">
        <v>11</v>
      </c>
      <c r="AM8651">
        <v>11</v>
      </c>
      <c r="AN8651">
        <v>11</v>
      </c>
      <c r="AO8651">
        <v>11</v>
      </c>
      <c r="AP8651">
        <v>11</v>
      </c>
      <c r="AQ8651">
        <v>12</v>
      </c>
    </row>
    <row r="8652" spans="1:43">
      <c r="A8652" t="s">
        <v>5402</v>
      </c>
      <c r="B8652" t="s">
        <v>5403</v>
      </c>
      <c r="C8652" t="s">
        <v>5400</v>
      </c>
      <c r="D8652" t="s">
        <v>5401</v>
      </c>
      <c r="E8652" t="s">
        <v>5396</v>
      </c>
      <c r="F8652" t="s">
        <v>5397</v>
      </c>
      <c r="G8652" t="s">
        <v>80</v>
      </c>
      <c r="H8652" t="s">
        <v>81</v>
      </c>
      <c r="I8652" s="2">
        <v>0</v>
      </c>
      <c r="J8652" s="2">
        <v>1</v>
      </c>
      <c r="K8652" s="2">
        <v>0</v>
      </c>
      <c r="L8652" t="s">
        <v>82</v>
      </c>
      <c r="M8652" t="s">
        <v>89</v>
      </c>
      <c r="N8652" t="s">
        <v>90</v>
      </c>
      <c r="O8652" t="s">
        <v>85</v>
      </c>
      <c r="P8652" t="s">
        <v>86</v>
      </c>
      <c r="Q8652">
        <v>9</v>
      </c>
      <c r="R8652">
        <v>9</v>
      </c>
      <c r="S8652">
        <v>9</v>
      </c>
      <c r="T8652">
        <v>10</v>
      </c>
      <c r="U8652">
        <v>10</v>
      </c>
      <c r="V8652">
        <v>10</v>
      </c>
      <c r="W8652">
        <v>10</v>
      </c>
      <c r="X8652">
        <v>11</v>
      </c>
      <c r="Y8652">
        <v>11</v>
      </c>
      <c r="Z8652">
        <v>11</v>
      </c>
      <c r="AA8652">
        <v>11</v>
      </c>
      <c r="AB8652">
        <v>12</v>
      </c>
      <c r="AC8652">
        <v>12</v>
      </c>
      <c r="AD8652">
        <v>12</v>
      </c>
      <c r="AE8652">
        <v>12</v>
      </c>
      <c r="AF8652">
        <v>12</v>
      </c>
      <c r="AG8652">
        <v>12</v>
      </c>
      <c r="AH8652">
        <v>12</v>
      </c>
      <c r="AI8652">
        <v>13</v>
      </c>
      <c r="AJ8652">
        <v>13</v>
      </c>
      <c r="AK8652">
        <v>13</v>
      </c>
      <c r="AL8652">
        <v>13</v>
      </c>
      <c r="AM8652">
        <v>13</v>
      </c>
      <c r="AN8652">
        <v>13</v>
      </c>
      <c r="AO8652">
        <v>13</v>
      </c>
      <c r="AP8652">
        <v>13</v>
      </c>
      <c r="AQ8652">
        <v>13</v>
      </c>
    </row>
    <row r="8653" spans="1:43">
      <c r="A8653" t="s">
        <v>5402</v>
      </c>
      <c r="B8653" t="s">
        <v>5403</v>
      </c>
      <c r="C8653" t="s">
        <v>5400</v>
      </c>
      <c r="D8653" t="s">
        <v>5401</v>
      </c>
      <c r="E8653" t="s">
        <v>5396</v>
      </c>
      <c r="F8653" t="s">
        <v>5397</v>
      </c>
      <c r="G8653" t="s">
        <v>80</v>
      </c>
      <c r="H8653" t="s">
        <v>81</v>
      </c>
      <c r="I8653" s="2">
        <v>0</v>
      </c>
      <c r="J8653" s="2">
        <v>1</v>
      </c>
      <c r="K8653" s="2">
        <v>0</v>
      </c>
      <c r="L8653" t="s">
        <v>82</v>
      </c>
      <c r="M8653" t="s">
        <v>83</v>
      </c>
      <c r="N8653" t="s">
        <v>91</v>
      </c>
      <c r="O8653" t="s">
        <v>85</v>
      </c>
      <c r="P8653" t="s">
        <v>86</v>
      </c>
      <c r="Q8653">
        <v>9</v>
      </c>
      <c r="R8653">
        <v>9</v>
      </c>
      <c r="S8653">
        <v>9</v>
      </c>
      <c r="T8653">
        <v>9</v>
      </c>
      <c r="U8653">
        <v>9</v>
      </c>
      <c r="V8653">
        <v>10</v>
      </c>
      <c r="W8653">
        <v>10</v>
      </c>
      <c r="X8653">
        <v>10</v>
      </c>
      <c r="Y8653">
        <v>10</v>
      </c>
      <c r="Z8653">
        <v>10</v>
      </c>
      <c r="AA8653">
        <v>11</v>
      </c>
      <c r="AB8653">
        <v>11</v>
      </c>
      <c r="AC8653">
        <v>11</v>
      </c>
      <c r="AD8653">
        <v>11</v>
      </c>
      <c r="AE8653">
        <v>11</v>
      </c>
      <c r="AF8653">
        <v>12</v>
      </c>
      <c r="AG8653">
        <v>12</v>
      </c>
      <c r="AH8653">
        <v>12</v>
      </c>
      <c r="AI8653">
        <v>12</v>
      </c>
      <c r="AJ8653">
        <v>12</v>
      </c>
      <c r="AK8653">
        <v>13</v>
      </c>
      <c r="AL8653">
        <v>13</v>
      </c>
      <c r="AM8653">
        <v>13</v>
      </c>
      <c r="AN8653">
        <v>13</v>
      </c>
      <c r="AO8653">
        <v>13</v>
      </c>
      <c r="AP8653">
        <v>13</v>
      </c>
      <c r="AQ8653">
        <v>13</v>
      </c>
    </row>
    <row r="8654" spans="1:43">
      <c r="A8654" t="s">
        <v>5404</v>
      </c>
      <c r="B8654" t="s">
        <v>5405</v>
      </c>
      <c r="C8654" t="s">
        <v>5400</v>
      </c>
      <c r="D8654" t="s">
        <v>5401</v>
      </c>
      <c r="E8654" t="s">
        <v>5396</v>
      </c>
      <c r="F8654" t="s">
        <v>5397</v>
      </c>
      <c r="G8654" t="s">
        <v>80</v>
      </c>
      <c r="H8654" t="s">
        <v>81</v>
      </c>
      <c r="I8654" s="2">
        <v>0</v>
      </c>
      <c r="J8654" s="2">
        <v>0</v>
      </c>
      <c r="K8654" s="2">
        <v>0</v>
      </c>
      <c r="L8654" t="s">
        <v>82</v>
      </c>
      <c r="M8654" t="s">
        <v>83</v>
      </c>
      <c r="N8654" t="s">
        <v>84</v>
      </c>
      <c r="O8654" t="s">
        <v>85</v>
      </c>
      <c r="P8654" t="s">
        <v>86</v>
      </c>
      <c r="Q8654">
        <v>0</v>
      </c>
      <c r="R8654">
        <v>0</v>
      </c>
      <c r="S8654">
        <v>0</v>
      </c>
      <c r="T8654">
        <v>0</v>
      </c>
      <c r="U8654">
        <v>0</v>
      </c>
      <c r="V8654">
        <v>0</v>
      </c>
      <c r="W8654">
        <v>0</v>
      </c>
      <c r="X8654">
        <v>0</v>
      </c>
      <c r="Y8654">
        <v>0</v>
      </c>
      <c r="Z8654">
        <v>0</v>
      </c>
      <c r="AA8654">
        <v>0</v>
      </c>
      <c r="AB8654">
        <v>0</v>
      </c>
      <c r="AC8654">
        <v>0</v>
      </c>
      <c r="AD8654">
        <v>0</v>
      </c>
      <c r="AE8654">
        <v>0</v>
      </c>
      <c r="AF8654">
        <v>0</v>
      </c>
      <c r="AG8654">
        <v>0</v>
      </c>
      <c r="AH8654">
        <v>0</v>
      </c>
      <c r="AI8654">
        <v>0</v>
      </c>
      <c r="AJ8654">
        <v>0</v>
      </c>
      <c r="AK8654">
        <v>0</v>
      </c>
      <c r="AL8654">
        <v>0</v>
      </c>
      <c r="AM8654">
        <v>0</v>
      </c>
      <c r="AN8654">
        <v>0</v>
      </c>
      <c r="AO8654">
        <v>0</v>
      </c>
      <c r="AP8654">
        <v>0</v>
      </c>
      <c r="AQ8654">
        <v>0</v>
      </c>
    </row>
    <row r="8655" spans="1:43">
      <c r="A8655" t="s">
        <v>5404</v>
      </c>
      <c r="B8655" t="s">
        <v>5405</v>
      </c>
      <c r="C8655" t="s">
        <v>5400</v>
      </c>
      <c r="D8655" t="s">
        <v>5401</v>
      </c>
      <c r="E8655" t="s">
        <v>5396</v>
      </c>
      <c r="F8655" t="s">
        <v>5397</v>
      </c>
      <c r="G8655" t="s">
        <v>80</v>
      </c>
      <c r="H8655" t="s">
        <v>81</v>
      </c>
      <c r="I8655" s="2">
        <v>0</v>
      </c>
      <c r="J8655" s="2">
        <v>0</v>
      </c>
      <c r="K8655" s="2">
        <v>0</v>
      </c>
      <c r="L8655" t="s">
        <v>82</v>
      </c>
      <c r="M8655" t="s">
        <v>87</v>
      </c>
      <c r="N8655" t="s">
        <v>88</v>
      </c>
      <c r="O8655" t="s">
        <v>85</v>
      </c>
      <c r="P8655" t="s">
        <v>86</v>
      </c>
      <c r="Q8655">
        <v>0</v>
      </c>
      <c r="R8655">
        <v>0</v>
      </c>
      <c r="S8655">
        <v>0</v>
      </c>
      <c r="T8655">
        <v>0</v>
      </c>
      <c r="U8655">
        <v>0</v>
      </c>
      <c r="V8655">
        <v>0</v>
      </c>
      <c r="W8655">
        <v>0</v>
      </c>
      <c r="X8655">
        <v>0</v>
      </c>
      <c r="Y8655">
        <v>0</v>
      </c>
      <c r="Z8655">
        <v>0</v>
      </c>
      <c r="AA8655">
        <v>0</v>
      </c>
      <c r="AB8655">
        <v>0</v>
      </c>
      <c r="AC8655">
        <v>0</v>
      </c>
      <c r="AD8655">
        <v>0</v>
      </c>
      <c r="AE8655">
        <v>0</v>
      </c>
      <c r="AF8655">
        <v>0</v>
      </c>
      <c r="AG8655">
        <v>0</v>
      </c>
      <c r="AH8655">
        <v>0</v>
      </c>
      <c r="AI8655">
        <v>0</v>
      </c>
      <c r="AJ8655">
        <v>0</v>
      </c>
      <c r="AK8655">
        <v>0</v>
      </c>
      <c r="AL8655">
        <v>0</v>
      </c>
      <c r="AM8655">
        <v>0</v>
      </c>
      <c r="AN8655">
        <v>0</v>
      </c>
      <c r="AO8655">
        <v>0</v>
      </c>
      <c r="AP8655">
        <v>0</v>
      </c>
      <c r="AQ8655">
        <v>0</v>
      </c>
    </row>
    <row r="8656" spans="1:43">
      <c r="A8656" t="s">
        <v>5404</v>
      </c>
      <c r="B8656" t="s">
        <v>5405</v>
      </c>
      <c r="C8656" t="s">
        <v>5400</v>
      </c>
      <c r="D8656" t="s">
        <v>5401</v>
      </c>
      <c r="E8656" t="s">
        <v>5396</v>
      </c>
      <c r="F8656" t="s">
        <v>5397</v>
      </c>
      <c r="G8656" t="s">
        <v>80</v>
      </c>
      <c r="H8656" t="s">
        <v>81</v>
      </c>
      <c r="I8656" s="2">
        <v>0</v>
      </c>
      <c r="J8656" s="2">
        <v>0</v>
      </c>
      <c r="K8656" s="2">
        <v>0</v>
      </c>
      <c r="L8656" t="s">
        <v>82</v>
      </c>
      <c r="M8656" t="s">
        <v>89</v>
      </c>
      <c r="N8656" t="s">
        <v>90</v>
      </c>
      <c r="O8656" t="s">
        <v>85</v>
      </c>
      <c r="P8656" t="s">
        <v>86</v>
      </c>
      <c r="Q8656">
        <v>0</v>
      </c>
      <c r="R8656">
        <v>0</v>
      </c>
      <c r="S8656">
        <v>0</v>
      </c>
      <c r="T8656">
        <v>0</v>
      </c>
      <c r="U8656">
        <v>0</v>
      </c>
      <c r="V8656">
        <v>0</v>
      </c>
      <c r="W8656">
        <v>0</v>
      </c>
      <c r="X8656">
        <v>0</v>
      </c>
      <c r="Y8656">
        <v>0</v>
      </c>
      <c r="Z8656">
        <v>0</v>
      </c>
      <c r="AA8656">
        <v>0</v>
      </c>
      <c r="AB8656">
        <v>0</v>
      </c>
      <c r="AC8656">
        <v>0</v>
      </c>
      <c r="AD8656">
        <v>0</v>
      </c>
      <c r="AE8656">
        <v>0</v>
      </c>
      <c r="AF8656">
        <v>0</v>
      </c>
      <c r="AG8656">
        <v>0</v>
      </c>
      <c r="AH8656">
        <v>0</v>
      </c>
      <c r="AI8656">
        <v>0</v>
      </c>
      <c r="AJ8656">
        <v>0</v>
      </c>
      <c r="AK8656">
        <v>0</v>
      </c>
      <c r="AL8656">
        <v>0</v>
      </c>
      <c r="AM8656">
        <v>0</v>
      </c>
      <c r="AN8656">
        <v>0</v>
      </c>
      <c r="AO8656">
        <v>0</v>
      </c>
      <c r="AP8656">
        <v>0</v>
      </c>
      <c r="AQ8656">
        <v>0</v>
      </c>
    </row>
    <row r="8657" spans="1:43">
      <c r="A8657" t="s">
        <v>5404</v>
      </c>
      <c r="B8657" t="s">
        <v>5405</v>
      </c>
      <c r="C8657" t="s">
        <v>5400</v>
      </c>
      <c r="D8657" t="s">
        <v>5401</v>
      </c>
      <c r="E8657" t="s">
        <v>5396</v>
      </c>
      <c r="F8657" t="s">
        <v>5397</v>
      </c>
      <c r="G8657" t="s">
        <v>80</v>
      </c>
      <c r="H8657" t="s">
        <v>81</v>
      </c>
      <c r="I8657" s="2">
        <v>0</v>
      </c>
      <c r="J8657" s="2">
        <v>0</v>
      </c>
      <c r="K8657" s="2">
        <v>0</v>
      </c>
      <c r="L8657" t="s">
        <v>82</v>
      </c>
      <c r="M8657" t="s">
        <v>83</v>
      </c>
      <c r="N8657" t="s">
        <v>91</v>
      </c>
      <c r="O8657" t="s">
        <v>85</v>
      </c>
      <c r="P8657" t="s">
        <v>86</v>
      </c>
      <c r="Q8657">
        <v>0</v>
      </c>
      <c r="R8657">
        <v>0</v>
      </c>
      <c r="S8657">
        <v>0</v>
      </c>
      <c r="T8657">
        <v>0</v>
      </c>
      <c r="U8657">
        <v>0</v>
      </c>
      <c r="V8657">
        <v>0</v>
      </c>
      <c r="W8657">
        <v>0</v>
      </c>
      <c r="X8657">
        <v>0</v>
      </c>
      <c r="Y8657">
        <v>0</v>
      </c>
      <c r="Z8657">
        <v>0</v>
      </c>
      <c r="AA8657">
        <v>0</v>
      </c>
      <c r="AB8657">
        <v>0</v>
      </c>
      <c r="AC8657">
        <v>0</v>
      </c>
      <c r="AD8657">
        <v>0</v>
      </c>
      <c r="AE8657">
        <v>0</v>
      </c>
      <c r="AF8657">
        <v>0</v>
      </c>
      <c r="AG8657">
        <v>0</v>
      </c>
      <c r="AH8657">
        <v>0</v>
      </c>
      <c r="AI8657">
        <v>0</v>
      </c>
      <c r="AJ8657">
        <v>0</v>
      </c>
      <c r="AK8657">
        <v>0</v>
      </c>
      <c r="AL8657">
        <v>0</v>
      </c>
      <c r="AM8657">
        <v>0</v>
      </c>
      <c r="AN8657">
        <v>0</v>
      </c>
      <c r="AO8657">
        <v>0</v>
      </c>
      <c r="AP8657">
        <v>0</v>
      </c>
      <c r="AQ8657">
        <v>0</v>
      </c>
    </row>
    <row r="8658" spans="1:43">
      <c r="A8658" t="s">
        <v>5406</v>
      </c>
      <c r="B8658" t="s">
        <v>5407</v>
      </c>
      <c r="C8658" t="s">
        <v>5408</v>
      </c>
      <c r="D8658" t="s">
        <v>5409</v>
      </c>
      <c r="E8658" t="s">
        <v>5396</v>
      </c>
      <c r="F8658" t="s">
        <v>5397</v>
      </c>
      <c r="G8658" t="s">
        <v>80</v>
      </c>
      <c r="H8658" t="s">
        <v>81</v>
      </c>
      <c r="I8658" s="2">
        <v>0</v>
      </c>
      <c r="J8658" s="2">
        <v>0</v>
      </c>
      <c r="K8658" s="2">
        <v>0</v>
      </c>
      <c r="L8658" t="s">
        <v>82</v>
      </c>
      <c r="M8658" t="s">
        <v>83</v>
      </c>
      <c r="N8658" t="s">
        <v>84</v>
      </c>
      <c r="O8658" t="s">
        <v>85</v>
      </c>
      <c r="P8658" t="s">
        <v>86</v>
      </c>
      <c r="Q8658">
        <v>0</v>
      </c>
      <c r="R8658">
        <v>0</v>
      </c>
      <c r="S8658">
        <v>0</v>
      </c>
      <c r="T8658">
        <v>0</v>
      </c>
      <c r="U8658">
        <v>0</v>
      </c>
      <c r="V8658">
        <v>0</v>
      </c>
      <c r="W8658">
        <v>0</v>
      </c>
      <c r="X8658">
        <v>0</v>
      </c>
      <c r="Y8658">
        <v>0</v>
      </c>
      <c r="Z8658">
        <v>0</v>
      </c>
      <c r="AA8658">
        <v>0</v>
      </c>
      <c r="AB8658">
        <v>0</v>
      </c>
      <c r="AC8658">
        <v>0</v>
      </c>
      <c r="AD8658">
        <v>0</v>
      </c>
      <c r="AE8658">
        <v>0</v>
      </c>
      <c r="AF8658">
        <v>0</v>
      </c>
      <c r="AG8658">
        <v>0</v>
      </c>
      <c r="AH8658">
        <v>0</v>
      </c>
      <c r="AI8658">
        <v>0</v>
      </c>
      <c r="AJ8658">
        <v>0</v>
      </c>
      <c r="AK8658">
        <v>0</v>
      </c>
      <c r="AL8658">
        <v>0</v>
      </c>
      <c r="AM8658">
        <v>0</v>
      </c>
      <c r="AN8658">
        <v>0</v>
      </c>
      <c r="AO8658">
        <v>0</v>
      </c>
      <c r="AP8658">
        <v>0</v>
      </c>
      <c r="AQ8658">
        <v>0</v>
      </c>
    </row>
    <row r="8659" spans="1:43">
      <c r="A8659" t="s">
        <v>5406</v>
      </c>
      <c r="B8659" t="s">
        <v>5407</v>
      </c>
      <c r="C8659" t="s">
        <v>5408</v>
      </c>
      <c r="D8659" t="s">
        <v>5409</v>
      </c>
      <c r="E8659" t="s">
        <v>5396</v>
      </c>
      <c r="F8659" t="s">
        <v>5397</v>
      </c>
      <c r="G8659" t="s">
        <v>80</v>
      </c>
      <c r="H8659" t="s">
        <v>81</v>
      </c>
      <c r="I8659" s="2">
        <v>0</v>
      </c>
      <c r="J8659" s="2">
        <v>0</v>
      </c>
      <c r="K8659" s="2">
        <v>0</v>
      </c>
      <c r="L8659" t="s">
        <v>82</v>
      </c>
      <c r="M8659" t="s">
        <v>87</v>
      </c>
      <c r="N8659" t="s">
        <v>88</v>
      </c>
      <c r="O8659" t="s">
        <v>85</v>
      </c>
      <c r="P8659" t="s">
        <v>86</v>
      </c>
      <c r="Q8659">
        <v>0</v>
      </c>
      <c r="R8659">
        <v>0</v>
      </c>
      <c r="S8659">
        <v>0</v>
      </c>
      <c r="T8659">
        <v>0</v>
      </c>
      <c r="U8659">
        <v>0</v>
      </c>
      <c r="V8659">
        <v>0</v>
      </c>
      <c r="W8659">
        <v>0</v>
      </c>
      <c r="X8659">
        <v>0</v>
      </c>
      <c r="Y8659">
        <v>0</v>
      </c>
      <c r="Z8659">
        <v>0</v>
      </c>
      <c r="AA8659">
        <v>0</v>
      </c>
      <c r="AB8659">
        <v>0</v>
      </c>
      <c r="AC8659">
        <v>0</v>
      </c>
      <c r="AD8659">
        <v>0</v>
      </c>
      <c r="AE8659">
        <v>0</v>
      </c>
      <c r="AF8659">
        <v>0</v>
      </c>
      <c r="AG8659">
        <v>0</v>
      </c>
      <c r="AH8659">
        <v>0</v>
      </c>
      <c r="AI8659">
        <v>0</v>
      </c>
      <c r="AJ8659">
        <v>0</v>
      </c>
      <c r="AK8659">
        <v>0</v>
      </c>
      <c r="AL8659">
        <v>0</v>
      </c>
      <c r="AM8659">
        <v>0</v>
      </c>
      <c r="AN8659">
        <v>0</v>
      </c>
      <c r="AO8659">
        <v>0</v>
      </c>
      <c r="AP8659">
        <v>0</v>
      </c>
      <c r="AQ8659">
        <v>0</v>
      </c>
    </row>
    <row r="8660" spans="1:43">
      <c r="A8660" t="s">
        <v>5406</v>
      </c>
      <c r="B8660" t="s">
        <v>5407</v>
      </c>
      <c r="C8660" t="s">
        <v>5408</v>
      </c>
      <c r="D8660" t="s">
        <v>5409</v>
      </c>
      <c r="E8660" t="s">
        <v>5396</v>
      </c>
      <c r="F8660" t="s">
        <v>5397</v>
      </c>
      <c r="G8660" t="s">
        <v>80</v>
      </c>
      <c r="H8660" t="s">
        <v>81</v>
      </c>
      <c r="I8660" s="2">
        <v>0</v>
      </c>
      <c r="J8660" s="2">
        <v>0</v>
      </c>
      <c r="K8660" s="2">
        <v>0</v>
      </c>
      <c r="L8660" t="s">
        <v>82</v>
      </c>
      <c r="M8660" t="s">
        <v>89</v>
      </c>
      <c r="N8660" t="s">
        <v>90</v>
      </c>
      <c r="O8660" t="s">
        <v>85</v>
      </c>
      <c r="P8660" t="s">
        <v>86</v>
      </c>
      <c r="Q8660">
        <v>0</v>
      </c>
      <c r="R8660">
        <v>0</v>
      </c>
      <c r="S8660">
        <v>0</v>
      </c>
      <c r="T8660">
        <v>0</v>
      </c>
      <c r="U8660">
        <v>0</v>
      </c>
      <c r="V8660">
        <v>0</v>
      </c>
      <c r="W8660">
        <v>0</v>
      </c>
      <c r="X8660">
        <v>0</v>
      </c>
      <c r="Y8660">
        <v>0</v>
      </c>
      <c r="Z8660">
        <v>0</v>
      </c>
      <c r="AA8660">
        <v>0</v>
      </c>
      <c r="AB8660">
        <v>0</v>
      </c>
      <c r="AC8660">
        <v>0</v>
      </c>
      <c r="AD8660">
        <v>0</v>
      </c>
      <c r="AE8660">
        <v>0</v>
      </c>
      <c r="AF8660">
        <v>0</v>
      </c>
      <c r="AG8660">
        <v>0</v>
      </c>
      <c r="AH8660">
        <v>0</v>
      </c>
      <c r="AI8660">
        <v>0</v>
      </c>
      <c r="AJ8660">
        <v>0</v>
      </c>
      <c r="AK8660">
        <v>0</v>
      </c>
      <c r="AL8660">
        <v>0</v>
      </c>
      <c r="AM8660">
        <v>0</v>
      </c>
      <c r="AN8660">
        <v>0</v>
      </c>
      <c r="AO8660">
        <v>0</v>
      </c>
      <c r="AP8660">
        <v>0</v>
      </c>
      <c r="AQ8660">
        <v>0</v>
      </c>
    </row>
    <row r="8661" spans="1:43">
      <c r="A8661" t="s">
        <v>5406</v>
      </c>
      <c r="B8661" t="s">
        <v>5407</v>
      </c>
      <c r="C8661" t="s">
        <v>5408</v>
      </c>
      <c r="D8661" t="s">
        <v>5409</v>
      </c>
      <c r="E8661" t="s">
        <v>5396</v>
      </c>
      <c r="F8661" t="s">
        <v>5397</v>
      </c>
      <c r="G8661" t="s">
        <v>80</v>
      </c>
      <c r="H8661" t="s">
        <v>81</v>
      </c>
      <c r="I8661" s="2">
        <v>0</v>
      </c>
      <c r="J8661" s="2">
        <v>0</v>
      </c>
      <c r="K8661" s="2">
        <v>0</v>
      </c>
      <c r="L8661" t="s">
        <v>82</v>
      </c>
      <c r="M8661" t="s">
        <v>83</v>
      </c>
      <c r="N8661" t="s">
        <v>91</v>
      </c>
      <c r="O8661" t="s">
        <v>85</v>
      </c>
      <c r="P8661" t="s">
        <v>86</v>
      </c>
      <c r="Q8661">
        <v>0</v>
      </c>
      <c r="R8661">
        <v>0</v>
      </c>
      <c r="S8661">
        <v>0</v>
      </c>
      <c r="T8661">
        <v>0</v>
      </c>
      <c r="U8661">
        <v>0</v>
      </c>
      <c r="V8661">
        <v>0</v>
      </c>
      <c r="W8661">
        <v>0</v>
      </c>
      <c r="X8661">
        <v>0</v>
      </c>
      <c r="Y8661">
        <v>0</v>
      </c>
      <c r="Z8661">
        <v>0</v>
      </c>
      <c r="AA8661">
        <v>0</v>
      </c>
      <c r="AB8661">
        <v>0</v>
      </c>
      <c r="AC8661">
        <v>0</v>
      </c>
      <c r="AD8661">
        <v>0</v>
      </c>
      <c r="AE8661">
        <v>0</v>
      </c>
      <c r="AF8661">
        <v>0</v>
      </c>
      <c r="AG8661">
        <v>0</v>
      </c>
      <c r="AH8661">
        <v>0</v>
      </c>
      <c r="AI8661">
        <v>0</v>
      </c>
      <c r="AJ8661">
        <v>0</v>
      </c>
      <c r="AK8661">
        <v>0</v>
      </c>
      <c r="AL8661">
        <v>0</v>
      </c>
      <c r="AM8661">
        <v>0</v>
      </c>
      <c r="AN8661">
        <v>0</v>
      </c>
      <c r="AO8661">
        <v>0</v>
      </c>
      <c r="AP8661">
        <v>0</v>
      </c>
      <c r="AQ8661">
        <v>0</v>
      </c>
    </row>
    <row r="8662" spans="1:43">
      <c r="A8662" t="s">
        <v>5410</v>
      </c>
      <c r="B8662" t="s">
        <v>5411</v>
      </c>
      <c r="C8662" t="s">
        <v>5412</v>
      </c>
      <c r="D8662" t="s">
        <v>5413</v>
      </c>
      <c r="E8662" t="s">
        <v>5396</v>
      </c>
      <c r="F8662" t="s">
        <v>5397</v>
      </c>
      <c r="G8662" t="s">
        <v>80</v>
      </c>
      <c r="H8662" t="s">
        <v>81</v>
      </c>
      <c r="I8662" s="2">
        <v>0</v>
      </c>
      <c r="J8662" s="2">
        <v>0</v>
      </c>
      <c r="K8662" s="2">
        <v>0</v>
      </c>
      <c r="L8662" t="s">
        <v>995</v>
      </c>
      <c r="M8662" t="s">
        <v>83</v>
      </c>
      <c r="N8662" t="s">
        <v>84</v>
      </c>
      <c r="O8662" t="s">
        <v>85</v>
      </c>
      <c r="P8662" t="s">
        <v>86</v>
      </c>
      <c r="Q8662">
        <v>0</v>
      </c>
      <c r="R8662">
        <v>0</v>
      </c>
      <c r="S8662">
        <v>0</v>
      </c>
      <c r="T8662">
        <v>0</v>
      </c>
      <c r="U8662">
        <v>0</v>
      </c>
      <c r="V8662">
        <v>0</v>
      </c>
      <c r="W8662">
        <v>0</v>
      </c>
      <c r="X8662">
        <v>0</v>
      </c>
      <c r="Y8662">
        <v>0</v>
      </c>
      <c r="Z8662">
        <v>0</v>
      </c>
      <c r="AA8662">
        <v>0</v>
      </c>
      <c r="AB8662">
        <v>0</v>
      </c>
      <c r="AC8662">
        <v>0</v>
      </c>
      <c r="AD8662">
        <v>0</v>
      </c>
      <c r="AE8662">
        <v>0</v>
      </c>
      <c r="AF8662">
        <v>0</v>
      </c>
      <c r="AG8662">
        <v>0</v>
      </c>
      <c r="AH8662">
        <v>0</v>
      </c>
      <c r="AI8662">
        <v>0</v>
      </c>
      <c r="AJ8662">
        <v>0</v>
      </c>
      <c r="AK8662">
        <v>0</v>
      </c>
      <c r="AL8662">
        <v>0</v>
      </c>
      <c r="AM8662">
        <v>0</v>
      </c>
      <c r="AN8662">
        <v>0</v>
      </c>
      <c r="AO8662">
        <v>0</v>
      </c>
      <c r="AP8662">
        <v>0</v>
      </c>
      <c r="AQ8662">
        <v>0</v>
      </c>
    </row>
    <row r="8663" spans="1:43">
      <c r="A8663" t="s">
        <v>5410</v>
      </c>
      <c r="B8663" t="s">
        <v>5411</v>
      </c>
      <c r="C8663" t="s">
        <v>5412</v>
      </c>
      <c r="D8663" t="s">
        <v>5413</v>
      </c>
      <c r="E8663" t="s">
        <v>5396</v>
      </c>
      <c r="F8663" t="s">
        <v>5397</v>
      </c>
      <c r="G8663" t="s">
        <v>80</v>
      </c>
      <c r="H8663" t="s">
        <v>81</v>
      </c>
      <c r="I8663" s="2">
        <v>0</v>
      </c>
      <c r="J8663" s="2">
        <v>0</v>
      </c>
      <c r="K8663" s="2">
        <v>0</v>
      </c>
      <c r="L8663" t="s">
        <v>995</v>
      </c>
      <c r="M8663" t="s">
        <v>87</v>
      </c>
      <c r="N8663" t="s">
        <v>88</v>
      </c>
      <c r="O8663" t="s">
        <v>85</v>
      </c>
      <c r="P8663" t="s">
        <v>86</v>
      </c>
      <c r="Q8663">
        <v>0</v>
      </c>
      <c r="R8663">
        <v>0</v>
      </c>
      <c r="S8663">
        <v>0</v>
      </c>
      <c r="T8663">
        <v>0</v>
      </c>
      <c r="U8663">
        <v>0</v>
      </c>
      <c r="V8663">
        <v>0</v>
      </c>
      <c r="W8663">
        <v>0</v>
      </c>
      <c r="X8663">
        <v>0</v>
      </c>
      <c r="Y8663">
        <v>0</v>
      </c>
      <c r="Z8663">
        <v>0</v>
      </c>
      <c r="AA8663">
        <v>0</v>
      </c>
      <c r="AB8663">
        <v>0</v>
      </c>
      <c r="AC8663">
        <v>0</v>
      </c>
      <c r="AD8663">
        <v>0</v>
      </c>
      <c r="AE8663">
        <v>0</v>
      </c>
      <c r="AF8663">
        <v>0</v>
      </c>
      <c r="AG8663">
        <v>0</v>
      </c>
      <c r="AH8663">
        <v>0</v>
      </c>
      <c r="AI8663">
        <v>0</v>
      </c>
      <c r="AJ8663">
        <v>0</v>
      </c>
      <c r="AK8663">
        <v>0</v>
      </c>
      <c r="AL8663">
        <v>0</v>
      </c>
      <c r="AM8663">
        <v>0</v>
      </c>
      <c r="AN8663">
        <v>0</v>
      </c>
      <c r="AO8663">
        <v>0</v>
      </c>
      <c r="AP8663">
        <v>0</v>
      </c>
      <c r="AQ8663">
        <v>0</v>
      </c>
    </row>
    <row r="8664" spans="1:43">
      <c r="A8664" t="s">
        <v>5410</v>
      </c>
      <c r="B8664" t="s">
        <v>5411</v>
      </c>
      <c r="C8664" t="s">
        <v>5412</v>
      </c>
      <c r="D8664" t="s">
        <v>5413</v>
      </c>
      <c r="E8664" t="s">
        <v>5396</v>
      </c>
      <c r="F8664" t="s">
        <v>5397</v>
      </c>
      <c r="G8664" t="s">
        <v>80</v>
      </c>
      <c r="H8664" t="s">
        <v>81</v>
      </c>
      <c r="I8664" s="2">
        <v>0</v>
      </c>
      <c r="J8664" s="2">
        <v>0</v>
      </c>
      <c r="K8664" s="2">
        <v>0</v>
      </c>
      <c r="L8664" t="s">
        <v>995</v>
      </c>
      <c r="M8664" t="s">
        <v>89</v>
      </c>
      <c r="N8664" t="s">
        <v>90</v>
      </c>
      <c r="O8664" t="s">
        <v>85</v>
      </c>
      <c r="P8664" t="s">
        <v>86</v>
      </c>
      <c r="Q8664">
        <v>0</v>
      </c>
      <c r="R8664">
        <v>0</v>
      </c>
      <c r="S8664">
        <v>0</v>
      </c>
      <c r="T8664">
        <v>0</v>
      </c>
      <c r="U8664">
        <v>0</v>
      </c>
      <c r="V8664">
        <v>0</v>
      </c>
      <c r="W8664">
        <v>0</v>
      </c>
      <c r="X8664">
        <v>0</v>
      </c>
      <c r="Y8664">
        <v>0</v>
      </c>
      <c r="Z8664">
        <v>0</v>
      </c>
      <c r="AA8664">
        <v>0</v>
      </c>
      <c r="AB8664">
        <v>0</v>
      </c>
      <c r="AC8664">
        <v>0</v>
      </c>
      <c r="AD8664">
        <v>0</v>
      </c>
      <c r="AE8664">
        <v>0</v>
      </c>
      <c r="AF8664">
        <v>0</v>
      </c>
      <c r="AG8664">
        <v>0</v>
      </c>
      <c r="AH8664">
        <v>0</v>
      </c>
      <c r="AI8664">
        <v>0</v>
      </c>
      <c r="AJ8664">
        <v>0</v>
      </c>
      <c r="AK8664">
        <v>0</v>
      </c>
      <c r="AL8664">
        <v>0</v>
      </c>
      <c r="AM8664">
        <v>0</v>
      </c>
      <c r="AN8664">
        <v>0</v>
      </c>
      <c r="AO8664">
        <v>0</v>
      </c>
      <c r="AP8664">
        <v>0</v>
      </c>
      <c r="AQ8664">
        <v>0</v>
      </c>
    </row>
    <row r="8665" spans="1:43">
      <c r="A8665" t="s">
        <v>5410</v>
      </c>
      <c r="B8665" t="s">
        <v>5411</v>
      </c>
      <c r="C8665" t="s">
        <v>5412</v>
      </c>
      <c r="D8665" t="s">
        <v>5413</v>
      </c>
      <c r="E8665" t="s">
        <v>5396</v>
      </c>
      <c r="F8665" t="s">
        <v>5397</v>
      </c>
      <c r="G8665" t="s">
        <v>80</v>
      </c>
      <c r="H8665" t="s">
        <v>81</v>
      </c>
      <c r="I8665" s="2">
        <v>0</v>
      </c>
      <c r="J8665" s="2">
        <v>0</v>
      </c>
      <c r="K8665" s="2">
        <v>0</v>
      </c>
      <c r="L8665" t="s">
        <v>995</v>
      </c>
      <c r="M8665" t="s">
        <v>83</v>
      </c>
      <c r="N8665" t="s">
        <v>91</v>
      </c>
      <c r="O8665" t="s">
        <v>85</v>
      </c>
      <c r="P8665" t="s">
        <v>86</v>
      </c>
      <c r="Q8665">
        <v>0</v>
      </c>
      <c r="R8665">
        <v>0</v>
      </c>
      <c r="S8665">
        <v>0</v>
      </c>
      <c r="T8665">
        <v>0</v>
      </c>
      <c r="U8665">
        <v>0</v>
      </c>
      <c r="V8665">
        <v>0</v>
      </c>
      <c r="W8665">
        <v>0</v>
      </c>
      <c r="X8665">
        <v>0</v>
      </c>
      <c r="Y8665">
        <v>0</v>
      </c>
      <c r="Z8665">
        <v>0</v>
      </c>
      <c r="AA8665">
        <v>0</v>
      </c>
      <c r="AB8665">
        <v>0</v>
      </c>
      <c r="AC8665">
        <v>0</v>
      </c>
      <c r="AD8665">
        <v>0</v>
      </c>
      <c r="AE8665">
        <v>0</v>
      </c>
      <c r="AF8665">
        <v>0</v>
      </c>
      <c r="AG8665">
        <v>0</v>
      </c>
      <c r="AH8665">
        <v>0</v>
      </c>
      <c r="AI8665">
        <v>0</v>
      </c>
      <c r="AJ8665">
        <v>0</v>
      </c>
      <c r="AK8665">
        <v>0</v>
      </c>
      <c r="AL8665">
        <v>0</v>
      </c>
      <c r="AM8665">
        <v>0</v>
      </c>
      <c r="AN8665">
        <v>0</v>
      </c>
      <c r="AO8665">
        <v>0</v>
      </c>
      <c r="AP8665">
        <v>0</v>
      </c>
      <c r="AQ8665">
        <v>0</v>
      </c>
    </row>
    <row r="8666" spans="1:43">
      <c r="A8666" t="s">
        <v>5414</v>
      </c>
      <c r="B8666" t="s">
        <v>5415</v>
      </c>
      <c r="C8666" t="s">
        <v>5416</v>
      </c>
      <c r="D8666" t="s">
        <v>5417</v>
      </c>
      <c r="E8666" t="s">
        <v>5396</v>
      </c>
      <c r="F8666" t="s">
        <v>5397</v>
      </c>
      <c r="G8666" t="s">
        <v>80</v>
      </c>
      <c r="H8666" t="s">
        <v>81</v>
      </c>
      <c r="I8666" s="2">
        <v>0</v>
      </c>
      <c r="J8666" s="2">
        <v>0</v>
      </c>
      <c r="K8666" s="2">
        <v>0.01</v>
      </c>
      <c r="L8666" t="s">
        <v>995</v>
      </c>
      <c r="M8666" t="s">
        <v>83</v>
      </c>
      <c r="N8666" t="s">
        <v>84</v>
      </c>
      <c r="O8666" t="s">
        <v>85</v>
      </c>
      <c r="P8666" t="s">
        <v>86</v>
      </c>
      <c r="Q8666">
        <v>2</v>
      </c>
      <c r="R8666">
        <v>2</v>
      </c>
      <c r="S8666">
        <v>2</v>
      </c>
      <c r="T8666">
        <v>2</v>
      </c>
      <c r="U8666">
        <v>2</v>
      </c>
      <c r="V8666">
        <v>2</v>
      </c>
      <c r="W8666">
        <v>2</v>
      </c>
      <c r="X8666">
        <v>2</v>
      </c>
      <c r="Y8666">
        <v>2</v>
      </c>
      <c r="Z8666">
        <v>2</v>
      </c>
      <c r="AA8666">
        <v>2</v>
      </c>
      <c r="AB8666">
        <v>2</v>
      </c>
      <c r="AC8666">
        <v>2</v>
      </c>
      <c r="AD8666">
        <v>2</v>
      </c>
      <c r="AE8666">
        <v>2</v>
      </c>
      <c r="AF8666">
        <v>2</v>
      </c>
      <c r="AG8666">
        <v>2</v>
      </c>
      <c r="AH8666">
        <v>2</v>
      </c>
      <c r="AI8666">
        <v>2</v>
      </c>
      <c r="AJ8666">
        <v>2</v>
      </c>
      <c r="AK8666">
        <v>2</v>
      </c>
      <c r="AL8666">
        <v>2</v>
      </c>
      <c r="AM8666">
        <v>2</v>
      </c>
      <c r="AN8666">
        <v>2</v>
      </c>
      <c r="AO8666">
        <v>2</v>
      </c>
      <c r="AP8666">
        <v>2</v>
      </c>
      <c r="AQ8666">
        <v>2</v>
      </c>
    </row>
    <row r="8667" spans="1:43">
      <c r="A8667" t="s">
        <v>5414</v>
      </c>
      <c r="B8667" t="s">
        <v>5415</v>
      </c>
      <c r="C8667" t="s">
        <v>5416</v>
      </c>
      <c r="D8667" t="s">
        <v>5417</v>
      </c>
      <c r="E8667" t="s">
        <v>5396</v>
      </c>
      <c r="F8667" t="s">
        <v>5397</v>
      </c>
      <c r="G8667" t="s">
        <v>80</v>
      </c>
      <c r="H8667" t="s">
        <v>81</v>
      </c>
      <c r="I8667" s="2">
        <v>0</v>
      </c>
      <c r="J8667" s="2">
        <v>0</v>
      </c>
      <c r="K8667" s="2">
        <v>0.01</v>
      </c>
      <c r="L8667" t="s">
        <v>995</v>
      </c>
      <c r="M8667" t="s">
        <v>87</v>
      </c>
      <c r="N8667" t="s">
        <v>88</v>
      </c>
      <c r="O8667" t="s">
        <v>85</v>
      </c>
      <c r="P8667" t="s">
        <v>86</v>
      </c>
      <c r="Q8667">
        <v>2</v>
      </c>
      <c r="R8667">
        <v>2</v>
      </c>
      <c r="S8667">
        <v>2</v>
      </c>
      <c r="T8667">
        <v>2</v>
      </c>
      <c r="U8667">
        <v>2</v>
      </c>
      <c r="V8667">
        <v>2</v>
      </c>
      <c r="W8667">
        <v>2</v>
      </c>
      <c r="X8667">
        <v>2</v>
      </c>
      <c r="Y8667">
        <v>2</v>
      </c>
      <c r="Z8667">
        <v>2</v>
      </c>
      <c r="AA8667">
        <v>2</v>
      </c>
      <c r="AB8667">
        <v>2</v>
      </c>
      <c r="AC8667">
        <v>2</v>
      </c>
      <c r="AD8667">
        <v>2</v>
      </c>
      <c r="AE8667">
        <v>2</v>
      </c>
      <c r="AF8667">
        <v>2</v>
      </c>
      <c r="AG8667">
        <v>2</v>
      </c>
      <c r="AH8667">
        <v>2</v>
      </c>
      <c r="AI8667">
        <v>2</v>
      </c>
      <c r="AJ8667">
        <v>2</v>
      </c>
      <c r="AK8667">
        <v>2</v>
      </c>
      <c r="AL8667">
        <v>2</v>
      </c>
      <c r="AM8667">
        <v>2</v>
      </c>
      <c r="AN8667">
        <v>2</v>
      </c>
      <c r="AO8667">
        <v>2</v>
      </c>
      <c r="AP8667">
        <v>2</v>
      </c>
      <c r="AQ8667">
        <v>2</v>
      </c>
    </row>
    <row r="8668" spans="1:43">
      <c r="A8668" t="s">
        <v>5414</v>
      </c>
      <c r="B8668" t="s">
        <v>5415</v>
      </c>
      <c r="C8668" t="s">
        <v>5416</v>
      </c>
      <c r="D8668" t="s">
        <v>5417</v>
      </c>
      <c r="E8668" t="s">
        <v>5396</v>
      </c>
      <c r="F8668" t="s">
        <v>5397</v>
      </c>
      <c r="G8668" t="s">
        <v>80</v>
      </c>
      <c r="H8668" t="s">
        <v>81</v>
      </c>
      <c r="I8668" s="2">
        <v>0</v>
      </c>
      <c r="J8668" s="2">
        <v>0</v>
      </c>
      <c r="K8668" s="2">
        <v>0.01</v>
      </c>
      <c r="L8668" t="s">
        <v>995</v>
      </c>
      <c r="M8668" t="s">
        <v>89</v>
      </c>
      <c r="N8668" t="s">
        <v>90</v>
      </c>
      <c r="O8668" t="s">
        <v>85</v>
      </c>
      <c r="P8668" t="s">
        <v>86</v>
      </c>
      <c r="Q8668">
        <v>2</v>
      </c>
      <c r="R8668">
        <v>2</v>
      </c>
      <c r="S8668">
        <v>2</v>
      </c>
      <c r="T8668">
        <v>2</v>
      </c>
      <c r="U8668">
        <v>2</v>
      </c>
      <c r="V8668">
        <v>2</v>
      </c>
      <c r="W8668">
        <v>2</v>
      </c>
      <c r="X8668">
        <v>2</v>
      </c>
      <c r="Y8668">
        <v>2</v>
      </c>
      <c r="Z8668">
        <v>2</v>
      </c>
      <c r="AA8668">
        <v>2</v>
      </c>
      <c r="AB8668">
        <v>2</v>
      </c>
      <c r="AC8668">
        <v>2</v>
      </c>
      <c r="AD8668">
        <v>2</v>
      </c>
      <c r="AE8668">
        <v>2</v>
      </c>
      <c r="AF8668">
        <v>2</v>
      </c>
      <c r="AG8668">
        <v>2</v>
      </c>
      <c r="AH8668">
        <v>2</v>
      </c>
      <c r="AI8668">
        <v>2</v>
      </c>
      <c r="AJ8668">
        <v>2</v>
      </c>
      <c r="AK8668">
        <v>2</v>
      </c>
      <c r="AL8668">
        <v>2</v>
      </c>
      <c r="AM8668">
        <v>2</v>
      </c>
      <c r="AN8668">
        <v>2</v>
      </c>
      <c r="AO8668">
        <v>2</v>
      </c>
      <c r="AP8668">
        <v>2</v>
      </c>
      <c r="AQ8668">
        <v>2</v>
      </c>
    </row>
    <row r="8669" spans="1:43">
      <c r="A8669" t="s">
        <v>5414</v>
      </c>
      <c r="B8669" t="s">
        <v>5415</v>
      </c>
      <c r="C8669" t="s">
        <v>5416</v>
      </c>
      <c r="D8669" t="s">
        <v>5417</v>
      </c>
      <c r="E8669" t="s">
        <v>5396</v>
      </c>
      <c r="F8669" t="s">
        <v>5397</v>
      </c>
      <c r="G8669" t="s">
        <v>80</v>
      </c>
      <c r="H8669" t="s">
        <v>81</v>
      </c>
      <c r="I8669" s="2">
        <v>0</v>
      </c>
      <c r="J8669" s="2">
        <v>0</v>
      </c>
      <c r="K8669" s="2">
        <v>0.01</v>
      </c>
      <c r="L8669" t="s">
        <v>995</v>
      </c>
      <c r="M8669" t="s">
        <v>83</v>
      </c>
      <c r="N8669" t="s">
        <v>91</v>
      </c>
      <c r="O8669" t="s">
        <v>85</v>
      </c>
      <c r="P8669" t="s">
        <v>86</v>
      </c>
      <c r="Q8669">
        <v>2</v>
      </c>
      <c r="R8669">
        <v>2</v>
      </c>
      <c r="S8669">
        <v>2</v>
      </c>
      <c r="T8669">
        <v>2</v>
      </c>
      <c r="U8669">
        <v>2</v>
      </c>
      <c r="V8669">
        <v>2</v>
      </c>
      <c r="W8669">
        <v>2</v>
      </c>
      <c r="X8669">
        <v>2</v>
      </c>
      <c r="Y8669">
        <v>2</v>
      </c>
      <c r="Z8669">
        <v>2</v>
      </c>
      <c r="AA8669">
        <v>2</v>
      </c>
      <c r="AB8669">
        <v>2</v>
      </c>
      <c r="AC8669">
        <v>2</v>
      </c>
      <c r="AD8669">
        <v>2</v>
      </c>
      <c r="AE8669">
        <v>2</v>
      </c>
      <c r="AF8669">
        <v>2</v>
      </c>
      <c r="AG8669">
        <v>2</v>
      </c>
      <c r="AH8669">
        <v>2</v>
      </c>
      <c r="AI8669">
        <v>2</v>
      </c>
      <c r="AJ8669">
        <v>2</v>
      </c>
      <c r="AK8669">
        <v>2</v>
      </c>
      <c r="AL8669">
        <v>2</v>
      </c>
      <c r="AM8669">
        <v>2</v>
      </c>
      <c r="AN8669">
        <v>2</v>
      </c>
      <c r="AO8669">
        <v>2</v>
      </c>
      <c r="AP8669">
        <v>2</v>
      </c>
      <c r="AQ8669">
        <v>2</v>
      </c>
    </row>
    <row r="8670" spans="1:43">
      <c r="A8670" t="s">
        <v>5418</v>
      </c>
      <c r="B8670" t="s">
        <v>5419</v>
      </c>
      <c r="C8670" t="s">
        <v>5420</v>
      </c>
      <c r="D8670" t="s">
        <v>5421</v>
      </c>
      <c r="E8670" t="s">
        <v>5396</v>
      </c>
      <c r="F8670" t="s">
        <v>5397</v>
      </c>
      <c r="G8670" t="s">
        <v>80</v>
      </c>
      <c r="H8670" t="s">
        <v>81</v>
      </c>
      <c r="I8670" s="2">
        <v>0</v>
      </c>
      <c r="J8670" s="2">
        <v>0</v>
      </c>
      <c r="K8670" s="2">
        <v>0</v>
      </c>
      <c r="L8670" t="s">
        <v>82</v>
      </c>
      <c r="M8670" t="s">
        <v>83</v>
      </c>
      <c r="N8670" t="s">
        <v>84</v>
      </c>
      <c r="O8670" t="s">
        <v>85</v>
      </c>
      <c r="P8670" t="s">
        <v>86</v>
      </c>
      <c r="Q8670">
        <v>0</v>
      </c>
      <c r="R8670">
        <v>0</v>
      </c>
      <c r="S8670">
        <v>0</v>
      </c>
      <c r="T8670">
        <v>0</v>
      </c>
      <c r="U8670">
        <v>0</v>
      </c>
      <c r="V8670">
        <v>0</v>
      </c>
      <c r="W8670">
        <v>0</v>
      </c>
      <c r="X8670">
        <v>0</v>
      </c>
      <c r="Y8670">
        <v>0</v>
      </c>
      <c r="Z8670">
        <v>0</v>
      </c>
      <c r="AA8670">
        <v>0</v>
      </c>
      <c r="AB8670">
        <v>0</v>
      </c>
      <c r="AC8670">
        <v>0</v>
      </c>
      <c r="AD8670">
        <v>0</v>
      </c>
      <c r="AE8670">
        <v>0</v>
      </c>
      <c r="AF8670">
        <v>0</v>
      </c>
      <c r="AG8670">
        <v>0</v>
      </c>
      <c r="AH8670">
        <v>0</v>
      </c>
      <c r="AI8670">
        <v>0</v>
      </c>
      <c r="AJ8670">
        <v>0</v>
      </c>
      <c r="AK8670">
        <v>0</v>
      </c>
      <c r="AL8670">
        <v>0</v>
      </c>
      <c r="AM8670">
        <v>0</v>
      </c>
      <c r="AN8670">
        <v>0</v>
      </c>
      <c r="AO8670">
        <v>0</v>
      </c>
      <c r="AP8670">
        <v>0</v>
      </c>
      <c r="AQ8670">
        <v>0</v>
      </c>
    </row>
    <row r="8671" spans="1:43">
      <c r="A8671" t="s">
        <v>5418</v>
      </c>
      <c r="B8671" t="s">
        <v>5419</v>
      </c>
      <c r="C8671" t="s">
        <v>5420</v>
      </c>
      <c r="D8671" t="s">
        <v>5421</v>
      </c>
      <c r="E8671" t="s">
        <v>5396</v>
      </c>
      <c r="F8671" t="s">
        <v>5397</v>
      </c>
      <c r="G8671" t="s">
        <v>80</v>
      </c>
      <c r="H8671" t="s">
        <v>81</v>
      </c>
      <c r="I8671" s="2">
        <v>0</v>
      </c>
      <c r="J8671" s="2">
        <v>0</v>
      </c>
      <c r="K8671" s="2">
        <v>0</v>
      </c>
      <c r="L8671" t="s">
        <v>82</v>
      </c>
      <c r="M8671" t="s">
        <v>87</v>
      </c>
      <c r="N8671" t="s">
        <v>88</v>
      </c>
      <c r="O8671" t="s">
        <v>85</v>
      </c>
      <c r="P8671" t="s">
        <v>86</v>
      </c>
      <c r="Q8671">
        <v>0</v>
      </c>
      <c r="R8671">
        <v>0</v>
      </c>
      <c r="S8671">
        <v>0</v>
      </c>
      <c r="T8671">
        <v>0</v>
      </c>
      <c r="U8671">
        <v>0</v>
      </c>
      <c r="V8671">
        <v>0</v>
      </c>
      <c r="W8671">
        <v>0</v>
      </c>
      <c r="X8671">
        <v>0</v>
      </c>
      <c r="Y8671">
        <v>0</v>
      </c>
      <c r="Z8671">
        <v>0</v>
      </c>
      <c r="AA8671">
        <v>0</v>
      </c>
      <c r="AB8671">
        <v>0</v>
      </c>
      <c r="AC8671">
        <v>0</v>
      </c>
      <c r="AD8671">
        <v>0</v>
      </c>
      <c r="AE8671">
        <v>0</v>
      </c>
      <c r="AF8671">
        <v>0</v>
      </c>
      <c r="AG8671">
        <v>0</v>
      </c>
      <c r="AH8671">
        <v>0</v>
      </c>
      <c r="AI8671">
        <v>0</v>
      </c>
      <c r="AJ8671">
        <v>0</v>
      </c>
      <c r="AK8671">
        <v>0</v>
      </c>
      <c r="AL8671">
        <v>0</v>
      </c>
      <c r="AM8671">
        <v>0</v>
      </c>
      <c r="AN8671">
        <v>0</v>
      </c>
      <c r="AO8671">
        <v>0</v>
      </c>
      <c r="AP8671">
        <v>0</v>
      </c>
      <c r="AQ8671">
        <v>0</v>
      </c>
    </row>
    <row r="8672" spans="1:43">
      <c r="A8672" t="s">
        <v>5418</v>
      </c>
      <c r="B8672" t="s">
        <v>5419</v>
      </c>
      <c r="C8672" t="s">
        <v>5420</v>
      </c>
      <c r="D8672" t="s">
        <v>5421</v>
      </c>
      <c r="E8672" t="s">
        <v>5396</v>
      </c>
      <c r="F8672" t="s">
        <v>5397</v>
      </c>
      <c r="G8672" t="s">
        <v>80</v>
      </c>
      <c r="H8672" t="s">
        <v>81</v>
      </c>
      <c r="I8672" s="2">
        <v>0</v>
      </c>
      <c r="J8672" s="2">
        <v>0</v>
      </c>
      <c r="K8672" s="2">
        <v>0</v>
      </c>
      <c r="L8672" t="s">
        <v>82</v>
      </c>
      <c r="M8672" t="s">
        <v>89</v>
      </c>
      <c r="N8672" t="s">
        <v>90</v>
      </c>
      <c r="O8672" t="s">
        <v>85</v>
      </c>
      <c r="P8672" t="s">
        <v>86</v>
      </c>
      <c r="Q8672">
        <v>0</v>
      </c>
      <c r="R8672">
        <v>0</v>
      </c>
      <c r="S8672">
        <v>0</v>
      </c>
      <c r="T8672">
        <v>0</v>
      </c>
      <c r="U8672">
        <v>0</v>
      </c>
      <c r="V8672">
        <v>0</v>
      </c>
      <c r="W8672">
        <v>0</v>
      </c>
      <c r="X8672">
        <v>0</v>
      </c>
      <c r="Y8672">
        <v>0</v>
      </c>
      <c r="Z8672">
        <v>0</v>
      </c>
      <c r="AA8672">
        <v>0</v>
      </c>
      <c r="AB8672">
        <v>0</v>
      </c>
      <c r="AC8672">
        <v>0</v>
      </c>
      <c r="AD8672">
        <v>0</v>
      </c>
      <c r="AE8672">
        <v>0</v>
      </c>
      <c r="AF8672">
        <v>0</v>
      </c>
      <c r="AG8672">
        <v>0</v>
      </c>
      <c r="AH8672">
        <v>0</v>
      </c>
      <c r="AI8672">
        <v>0</v>
      </c>
      <c r="AJ8672">
        <v>0</v>
      </c>
      <c r="AK8672">
        <v>0</v>
      </c>
      <c r="AL8672">
        <v>0</v>
      </c>
      <c r="AM8672">
        <v>0</v>
      </c>
      <c r="AN8672">
        <v>0</v>
      </c>
      <c r="AO8672">
        <v>0</v>
      </c>
      <c r="AP8672">
        <v>0</v>
      </c>
      <c r="AQ8672">
        <v>0</v>
      </c>
    </row>
    <row r="8673" spans="1:43">
      <c r="A8673" t="s">
        <v>5418</v>
      </c>
      <c r="B8673" t="s">
        <v>5419</v>
      </c>
      <c r="C8673" t="s">
        <v>5420</v>
      </c>
      <c r="D8673" t="s">
        <v>5421</v>
      </c>
      <c r="E8673" t="s">
        <v>5396</v>
      </c>
      <c r="F8673" t="s">
        <v>5397</v>
      </c>
      <c r="G8673" t="s">
        <v>80</v>
      </c>
      <c r="H8673" t="s">
        <v>81</v>
      </c>
      <c r="I8673" s="2">
        <v>0</v>
      </c>
      <c r="J8673" s="2">
        <v>0</v>
      </c>
      <c r="K8673" s="2">
        <v>0</v>
      </c>
      <c r="L8673" t="s">
        <v>82</v>
      </c>
      <c r="M8673" t="s">
        <v>83</v>
      </c>
      <c r="N8673" t="s">
        <v>91</v>
      </c>
      <c r="O8673" t="s">
        <v>85</v>
      </c>
      <c r="P8673" t="s">
        <v>86</v>
      </c>
      <c r="Q8673">
        <v>0</v>
      </c>
      <c r="R8673">
        <v>0</v>
      </c>
      <c r="S8673">
        <v>0</v>
      </c>
      <c r="T8673">
        <v>0</v>
      </c>
      <c r="U8673">
        <v>0</v>
      </c>
      <c r="V8673">
        <v>0</v>
      </c>
      <c r="W8673">
        <v>0</v>
      </c>
      <c r="X8673">
        <v>0</v>
      </c>
      <c r="Y8673">
        <v>0</v>
      </c>
      <c r="Z8673">
        <v>0</v>
      </c>
      <c r="AA8673">
        <v>0</v>
      </c>
      <c r="AB8673">
        <v>0</v>
      </c>
      <c r="AC8673">
        <v>0</v>
      </c>
      <c r="AD8673">
        <v>0</v>
      </c>
      <c r="AE8673">
        <v>0</v>
      </c>
      <c r="AF8673">
        <v>0</v>
      </c>
      <c r="AG8673">
        <v>0</v>
      </c>
      <c r="AH8673">
        <v>0</v>
      </c>
      <c r="AI8673">
        <v>0</v>
      </c>
      <c r="AJ8673">
        <v>0</v>
      </c>
      <c r="AK8673">
        <v>0</v>
      </c>
      <c r="AL8673">
        <v>0</v>
      </c>
      <c r="AM8673">
        <v>0</v>
      </c>
      <c r="AN8673">
        <v>0</v>
      </c>
      <c r="AO8673">
        <v>0</v>
      </c>
      <c r="AP8673">
        <v>0</v>
      </c>
      <c r="AQ8673">
        <v>0</v>
      </c>
    </row>
    <row r="8674" spans="1:43">
      <c r="A8674" t="s">
        <v>5422</v>
      </c>
      <c r="B8674" t="s">
        <v>5423</v>
      </c>
      <c r="C8674" t="s">
        <v>5424</v>
      </c>
      <c r="D8674" t="s">
        <v>5425</v>
      </c>
      <c r="E8674" t="s">
        <v>5426</v>
      </c>
      <c r="F8674" t="s">
        <v>5427</v>
      </c>
      <c r="G8674" t="s">
        <v>80</v>
      </c>
      <c r="H8674" t="s">
        <v>81</v>
      </c>
      <c r="I8674" s="2">
        <v>0</v>
      </c>
      <c r="J8674" s="2">
        <v>1</v>
      </c>
      <c r="K8674" s="2">
        <v>0</v>
      </c>
      <c r="L8674" t="s">
        <v>82</v>
      </c>
      <c r="M8674" t="s">
        <v>83</v>
      </c>
      <c r="N8674" t="s">
        <v>84</v>
      </c>
      <c r="O8674" t="s">
        <v>85</v>
      </c>
      <c r="P8674" t="s">
        <v>86</v>
      </c>
      <c r="Q8674">
        <v>52</v>
      </c>
      <c r="R8674">
        <v>53</v>
      </c>
      <c r="S8674">
        <v>54</v>
      </c>
      <c r="T8674">
        <v>56</v>
      </c>
      <c r="U8674">
        <v>57</v>
      </c>
      <c r="V8674">
        <v>59</v>
      </c>
      <c r="W8674">
        <v>60</v>
      </c>
      <c r="X8674">
        <v>61</v>
      </c>
      <c r="Y8674">
        <v>63</v>
      </c>
      <c r="Z8674">
        <v>64</v>
      </c>
      <c r="AA8674">
        <v>66</v>
      </c>
      <c r="AB8674">
        <v>67</v>
      </c>
      <c r="AC8674">
        <v>69</v>
      </c>
      <c r="AD8674">
        <v>70</v>
      </c>
      <c r="AE8674">
        <v>72</v>
      </c>
      <c r="AF8674">
        <v>73</v>
      </c>
      <c r="AG8674">
        <v>75</v>
      </c>
      <c r="AH8674">
        <v>77</v>
      </c>
      <c r="AI8674">
        <v>78</v>
      </c>
      <c r="AJ8674">
        <v>80</v>
      </c>
      <c r="AK8674">
        <v>81</v>
      </c>
      <c r="AL8674">
        <v>83</v>
      </c>
      <c r="AM8674">
        <v>83</v>
      </c>
      <c r="AN8674">
        <v>84</v>
      </c>
      <c r="AO8674">
        <v>85</v>
      </c>
      <c r="AP8674">
        <v>86</v>
      </c>
      <c r="AQ8674">
        <v>87</v>
      </c>
    </row>
    <row r="8675" spans="1:43">
      <c r="A8675" t="s">
        <v>5422</v>
      </c>
      <c r="B8675" t="s">
        <v>5423</v>
      </c>
      <c r="C8675" t="s">
        <v>5424</v>
      </c>
      <c r="D8675" t="s">
        <v>5425</v>
      </c>
      <c r="E8675" t="s">
        <v>5426</v>
      </c>
      <c r="F8675" t="s">
        <v>5427</v>
      </c>
      <c r="G8675" t="s">
        <v>80</v>
      </c>
      <c r="H8675" t="s">
        <v>81</v>
      </c>
      <c r="I8675" s="2">
        <v>0</v>
      </c>
      <c r="J8675" s="2">
        <v>1</v>
      </c>
      <c r="K8675" s="2">
        <v>0</v>
      </c>
      <c r="L8675" t="s">
        <v>82</v>
      </c>
      <c r="M8675" t="s">
        <v>87</v>
      </c>
      <c r="N8675" t="s">
        <v>88</v>
      </c>
      <c r="O8675" t="s">
        <v>85</v>
      </c>
      <c r="P8675" t="s">
        <v>86</v>
      </c>
      <c r="Q8675">
        <v>52</v>
      </c>
      <c r="R8675">
        <v>53</v>
      </c>
      <c r="S8675">
        <v>54</v>
      </c>
      <c r="T8675">
        <v>55</v>
      </c>
      <c r="U8675">
        <v>56</v>
      </c>
      <c r="V8675">
        <v>56</v>
      </c>
      <c r="W8675">
        <v>57</v>
      </c>
      <c r="X8675">
        <v>58</v>
      </c>
      <c r="Y8675">
        <v>59</v>
      </c>
      <c r="Z8675">
        <v>60</v>
      </c>
      <c r="AA8675">
        <v>61</v>
      </c>
      <c r="AB8675">
        <v>62</v>
      </c>
      <c r="AC8675">
        <v>63</v>
      </c>
      <c r="AD8675">
        <v>64</v>
      </c>
      <c r="AE8675">
        <v>65</v>
      </c>
      <c r="AF8675">
        <v>65</v>
      </c>
      <c r="AG8675">
        <v>66</v>
      </c>
      <c r="AH8675">
        <v>67</v>
      </c>
      <c r="AI8675">
        <v>68</v>
      </c>
      <c r="AJ8675">
        <v>69</v>
      </c>
      <c r="AK8675">
        <v>70</v>
      </c>
      <c r="AL8675">
        <v>71</v>
      </c>
      <c r="AM8675">
        <v>72</v>
      </c>
      <c r="AN8675">
        <v>73</v>
      </c>
      <c r="AO8675">
        <v>74</v>
      </c>
      <c r="AP8675">
        <v>75</v>
      </c>
      <c r="AQ8675">
        <v>76</v>
      </c>
    </row>
    <row r="8676" spans="1:43">
      <c r="A8676" t="s">
        <v>5422</v>
      </c>
      <c r="B8676" t="s">
        <v>5423</v>
      </c>
      <c r="C8676" t="s">
        <v>5424</v>
      </c>
      <c r="D8676" t="s">
        <v>5425</v>
      </c>
      <c r="E8676" t="s">
        <v>5426</v>
      </c>
      <c r="F8676" t="s">
        <v>5427</v>
      </c>
      <c r="G8676" t="s">
        <v>80</v>
      </c>
      <c r="H8676" t="s">
        <v>81</v>
      </c>
      <c r="I8676" s="2">
        <v>0</v>
      </c>
      <c r="J8676" s="2">
        <v>1</v>
      </c>
      <c r="K8676" s="2">
        <v>0</v>
      </c>
      <c r="L8676" t="s">
        <v>82</v>
      </c>
      <c r="M8676" t="s">
        <v>89</v>
      </c>
      <c r="N8676" t="s">
        <v>90</v>
      </c>
      <c r="O8676" t="s">
        <v>85</v>
      </c>
      <c r="P8676" t="s">
        <v>86</v>
      </c>
      <c r="Q8676">
        <v>52</v>
      </c>
      <c r="R8676">
        <v>54</v>
      </c>
      <c r="S8676">
        <v>56</v>
      </c>
      <c r="T8676">
        <v>58</v>
      </c>
      <c r="U8676">
        <v>59</v>
      </c>
      <c r="V8676">
        <v>61</v>
      </c>
      <c r="W8676">
        <v>63</v>
      </c>
      <c r="X8676">
        <v>65</v>
      </c>
      <c r="Y8676">
        <v>67</v>
      </c>
      <c r="Z8676">
        <v>68</v>
      </c>
      <c r="AA8676">
        <v>70</v>
      </c>
      <c r="AB8676">
        <v>72</v>
      </c>
      <c r="AC8676">
        <v>74</v>
      </c>
      <c r="AD8676">
        <v>76</v>
      </c>
      <c r="AE8676">
        <v>77</v>
      </c>
      <c r="AF8676">
        <v>78</v>
      </c>
      <c r="AG8676">
        <v>79</v>
      </c>
      <c r="AH8676">
        <v>80</v>
      </c>
      <c r="AI8676">
        <v>81</v>
      </c>
      <c r="AJ8676">
        <v>81</v>
      </c>
      <c r="AK8676">
        <v>82</v>
      </c>
      <c r="AL8676">
        <v>83</v>
      </c>
      <c r="AM8676">
        <v>84</v>
      </c>
      <c r="AN8676">
        <v>85</v>
      </c>
      <c r="AO8676">
        <v>86</v>
      </c>
      <c r="AP8676">
        <v>87</v>
      </c>
      <c r="AQ8676">
        <v>88</v>
      </c>
    </row>
    <row r="8677" spans="1:43">
      <c r="A8677" t="s">
        <v>5422</v>
      </c>
      <c r="B8677" t="s">
        <v>5423</v>
      </c>
      <c r="C8677" t="s">
        <v>5424</v>
      </c>
      <c r="D8677" t="s">
        <v>5425</v>
      </c>
      <c r="E8677" t="s">
        <v>5426</v>
      </c>
      <c r="F8677" t="s">
        <v>5427</v>
      </c>
      <c r="G8677" t="s">
        <v>80</v>
      </c>
      <c r="H8677" t="s">
        <v>81</v>
      </c>
      <c r="I8677" s="2">
        <v>0</v>
      </c>
      <c r="J8677" s="2">
        <v>1</v>
      </c>
      <c r="K8677" s="2">
        <v>0</v>
      </c>
      <c r="L8677" t="s">
        <v>82</v>
      </c>
      <c r="M8677" t="s">
        <v>83</v>
      </c>
      <c r="N8677" t="s">
        <v>91</v>
      </c>
      <c r="O8677" t="s">
        <v>85</v>
      </c>
      <c r="P8677" t="s">
        <v>86</v>
      </c>
      <c r="Q8677">
        <v>52</v>
      </c>
      <c r="R8677">
        <v>53</v>
      </c>
      <c r="S8677">
        <v>54</v>
      </c>
      <c r="T8677">
        <v>56</v>
      </c>
      <c r="U8677">
        <v>57</v>
      </c>
      <c r="V8677">
        <v>59</v>
      </c>
      <c r="W8677">
        <v>60</v>
      </c>
      <c r="X8677">
        <v>61</v>
      </c>
      <c r="Y8677">
        <v>63</v>
      </c>
      <c r="Z8677">
        <v>64</v>
      </c>
      <c r="AA8677">
        <v>66</v>
      </c>
      <c r="AB8677">
        <v>67</v>
      </c>
      <c r="AC8677">
        <v>69</v>
      </c>
      <c r="AD8677">
        <v>70</v>
      </c>
      <c r="AE8677">
        <v>72</v>
      </c>
      <c r="AF8677">
        <v>73</v>
      </c>
      <c r="AG8677">
        <v>75</v>
      </c>
      <c r="AH8677">
        <v>77</v>
      </c>
      <c r="AI8677">
        <v>78</v>
      </c>
      <c r="AJ8677">
        <v>80</v>
      </c>
      <c r="AK8677">
        <v>81</v>
      </c>
      <c r="AL8677">
        <v>83</v>
      </c>
      <c r="AM8677">
        <v>83</v>
      </c>
      <c r="AN8677">
        <v>84</v>
      </c>
      <c r="AO8677">
        <v>85</v>
      </c>
      <c r="AP8677">
        <v>86</v>
      </c>
      <c r="AQ8677">
        <v>87</v>
      </c>
    </row>
    <row r="8678" spans="1:43">
      <c r="A8678" t="s">
        <v>5428</v>
      </c>
      <c r="B8678" t="s">
        <v>5429</v>
      </c>
      <c r="C8678" t="s">
        <v>5430</v>
      </c>
      <c r="D8678" t="s">
        <v>5431</v>
      </c>
      <c r="E8678" t="s">
        <v>5426</v>
      </c>
      <c r="F8678" t="s">
        <v>5427</v>
      </c>
      <c r="G8678" t="s">
        <v>80</v>
      </c>
      <c r="H8678" t="s">
        <v>81</v>
      </c>
      <c r="I8678" s="2">
        <v>0</v>
      </c>
      <c r="J8678" s="2">
        <v>1</v>
      </c>
      <c r="K8678" s="2">
        <v>0</v>
      </c>
      <c r="L8678" t="s">
        <v>82</v>
      </c>
      <c r="M8678" t="s">
        <v>83</v>
      </c>
      <c r="N8678" t="s">
        <v>84</v>
      </c>
      <c r="O8678" t="s">
        <v>85</v>
      </c>
      <c r="P8678" t="s">
        <v>86</v>
      </c>
      <c r="Q8678">
        <v>133</v>
      </c>
      <c r="R8678">
        <v>137</v>
      </c>
      <c r="S8678">
        <v>140</v>
      </c>
      <c r="T8678">
        <v>144</v>
      </c>
      <c r="U8678">
        <v>147</v>
      </c>
      <c r="V8678">
        <v>151</v>
      </c>
      <c r="W8678">
        <v>154</v>
      </c>
      <c r="X8678">
        <v>158</v>
      </c>
      <c r="Y8678">
        <v>162</v>
      </c>
      <c r="Z8678">
        <v>166</v>
      </c>
      <c r="AA8678">
        <v>169</v>
      </c>
      <c r="AB8678">
        <v>173</v>
      </c>
      <c r="AC8678">
        <v>177</v>
      </c>
      <c r="AD8678">
        <v>181</v>
      </c>
      <c r="AE8678">
        <v>185</v>
      </c>
      <c r="AF8678">
        <v>189</v>
      </c>
      <c r="AG8678">
        <v>193</v>
      </c>
      <c r="AH8678">
        <v>198</v>
      </c>
      <c r="AI8678">
        <v>202</v>
      </c>
      <c r="AJ8678">
        <v>206</v>
      </c>
      <c r="AK8678">
        <v>210</v>
      </c>
      <c r="AL8678">
        <v>213</v>
      </c>
      <c r="AM8678">
        <v>216</v>
      </c>
      <c r="AN8678">
        <v>218</v>
      </c>
      <c r="AO8678">
        <v>220</v>
      </c>
      <c r="AP8678">
        <v>223</v>
      </c>
      <c r="AQ8678">
        <v>225</v>
      </c>
    </row>
    <row r="8679" spans="1:43">
      <c r="A8679" t="s">
        <v>5428</v>
      </c>
      <c r="B8679" t="s">
        <v>5429</v>
      </c>
      <c r="C8679" t="s">
        <v>5430</v>
      </c>
      <c r="D8679" t="s">
        <v>5431</v>
      </c>
      <c r="E8679" t="s">
        <v>5426</v>
      </c>
      <c r="F8679" t="s">
        <v>5427</v>
      </c>
      <c r="G8679" t="s">
        <v>80</v>
      </c>
      <c r="H8679" t="s">
        <v>81</v>
      </c>
      <c r="I8679" s="2">
        <v>0</v>
      </c>
      <c r="J8679" s="2">
        <v>1</v>
      </c>
      <c r="K8679" s="2">
        <v>0</v>
      </c>
      <c r="L8679" t="s">
        <v>82</v>
      </c>
      <c r="M8679" t="s">
        <v>87</v>
      </c>
      <c r="N8679" t="s">
        <v>88</v>
      </c>
      <c r="O8679" t="s">
        <v>85</v>
      </c>
      <c r="P8679" t="s">
        <v>86</v>
      </c>
      <c r="Q8679">
        <v>133</v>
      </c>
      <c r="R8679">
        <v>135</v>
      </c>
      <c r="S8679">
        <v>137</v>
      </c>
      <c r="T8679">
        <v>139</v>
      </c>
      <c r="U8679">
        <v>142</v>
      </c>
      <c r="V8679">
        <v>144</v>
      </c>
      <c r="W8679">
        <v>146</v>
      </c>
      <c r="X8679">
        <v>148</v>
      </c>
      <c r="Y8679">
        <v>151</v>
      </c>
      <c r="Z8679">
        <v>153</v>
      </c>
      <c r="AA8679">
        <v>155</v>
      </c>
      <c r="AB8679">
        <v>158</v>
      </c>
      <c r="AC8679">
        <v>160</v>
      </c>
      <c r="AD8679">
        <v>162</v>
      </c>
      <c r="AE8679">
        <v>165</v>
      </c>
      <c r="AF8679">
        <v>167</v>
      </c>
      <c r="AG8679">
        <v>170</v>
      </c>
      <c r="AH8679">
        <v>172</v>
      </c>
      <c r="AI8679">
        <v>175</v>
      </c>
      <c r="AJ8679">
        <v>177</v>
      </c>
      <c r="AK8679">
        <v>180</v>
      </c>
      <c r="AL8679">
        <v>182</v>
      </c>
      <c r="AM8679">
        <v>185</v>
      </c>
      <c r="AN8679">
        <v>188</v>
      </c>
      <c r="AO8679">
        <v>190</v>
      </c>
      <c r="AP8679">
        <v>193</v>
      </c>
      <c r="AQ8679">
        <v>196</v>
      </c>
    </row>
    <row r="8680" spans="1:43">
      <c r="A8680" t="s">
        <v>5428</v>
      </c>
      <c r="B8680" t="s">
        <v>5429</v>
      </c>
      <c r="C8680" t="s">
        <v>5430</v>
      </c>
      <c r="D8680" t="s">
        <v>5431</v>
      </c>
      <c r="E8680" t="s">
        <v>5426</v>
      </c>
      <c r="F8680" t="s">
        <v>5427</v>
      </c>
      <c r="G8680" t="s">
        <v>80</v>
      </c>
      <c r="H8680" t="s">
        <v>81</v>
      </c>
      <c r="I8680" s="2">
        <v>0</v>
      </c>
      <c r="J8680" s="2">
        <v>1</v>
      </c>
      <c r="K8680" s="2">
        <v>0</v>
      </c>
      <c r="L8680" t="s">
        <v>82</v>
      </c>
      <c r="M8680" t="s">
        <v>89</v>
      </c>
      <c r="N8680" t="s">
        <v>90</v>
      </c>
      <c r="O8680" t="s">
        <v>85</v>
      </c>
      <c r="P8680" t="s">
        <v>86</v>
      </c>
      <c r="Q8680">
        <v>133</v>
      </c>
      <c r="R8680">
        <v>137</v>
      </c>
      <c r="S8680">
        <v>142</v>
      </c>
      <c r="T8680">
        <v>146</v>
      </c>
      <c r="U8680">
        <v>151</v>
      </c>
      <c r="V8680">
        <v>156</v>
      </c>
      <c r="W8680">
        <v>160</v>
      </c>
      <c r="X8680">
        <v>165</v>
      </c>
      <c r="Y8680">
        <v>170</v>
      </c>
      <c r="Z8680">
        <v>174</v>
      </c>
      <c r="AA8680">
        <v>179</v>
      </c>
      <c r="AB8680">
        <v>183</v>
      </c>
      <c r="AC8680">
        <v>188</v>
      </c>
      <c r="AD8680">
        <v>193</v>
      </c>
      <c r="AE8680">
        <v>197</v>
      </c>
      <c r="AF8680">
        <v>199</v>
      </c>
      <c r="AG8680">
        <v>202</v>
      </c>
      <c r="AH8680">
        <v>204</v>
      </c>
      <c r="AI8680">
        <v>206</v>
      </c>
      <c r="AJ8680">
        <v>208</v>
      </c>
      <c r="AK8680">
        <v>211</v>
      </c>
      <c r="AL8680">
        <v>213</v>
      </c>
      <c r="AM8680">
        <v>215</v>
      </c>
      <c r="AN8680">
        <v>217</v>
      </c>
      <c r="AO8680">
        <v>220</v>
      </c>
      <c r="AP8680">
        <v>222</v>
      </c>
      <c r="AQ8680">
        <v>224</v>
      </c>
    </row>
    <row r="8681" spans="1:43">
      <c r="A8681" t="s">
        <v>5428</v>
      </c>
      <c r="B8681" t="s">
        <v>5429</v>
      </c>
      <c r="C8681" t="s">
        <v>5430</v>
      </c>
      <c r="D8681" t="s">
        <v>5431</v>
      </c>
      <c r="E8681" t="s">
        <v>5426</v>
      </c>
      <c r="F8681" t="s">
        <v>5427</v>
      </c>
      <c r="G8681" t="s">
        <v>80</v>
      </c>
      <c r="H8681" t="s">
        <v>81</v>
      </c>
      <c r="I8681" s="2">
        <v>0</v>
      </c>
      <c r="J8681" s="2">
        <v>1</v>
      </c>
      <c r="K8681" s="2">
        <v>0</v>
      </c>
      <c r="L8681" t="s">
        <v>82</v>
      </c>
      <c r="M8681" t="s">
        <v>83</v>
      </c>
      <c r="N8681" t="s">
        <v>91</v>
      </c>
      <c r="O8681" t="s">
        <v>85</v>
      </c>
      <c r="P8681" t="s">
        <v>86</v>
      </c>
      <c r="Q8681">
        <v>133</v>
      </c>
      <c r="R8681">
        <v>137</v>
      </c>
      <c r="S8681">
        <v>140</v>
      </c>
      <c r="T8681">
        <v>144</v>
      </c>
      <c r="U8681">
        <v>147</v>
      </c>
      <c r="V8681">
        <v>151</v>
      </c>
      <c r="W8681">
        <v>154</v>
      </c>
      <c r="X8681">
        <v>158</v>
      </c>
      <c r="Y8681">
        <v>162</v>
      </c>
      <c r="Z8681">
        <v>166</v>
      </c>
      <c r="AA8681">
        <v>169</v>
      </c>
      <c r="AB8681">
        <v>173</v>
      </c>
      <c r="AC8681">
        <v>177</v>
      </c>
      <c r="AD8681">
        <v>181</v>
      </c>
      <c r="AE8681">
        <v>185</v>
      </c>
      <c r="AF8681">
        <v>189</v>
      </c>
      <c r="AG8681">
        <v>193</v>
      </c>
      <c r="AH8681">
        <v>198</v>
      </c>
      <c r="AI8681">
        <v>202</v>
      </c>
      <c r="AJ8681">
        <v>206</v>
      </c>
      <c r="AK8681">
        <v>210</v>
      </c>
      <c r="AL8681">
        <v>213</v>
      </c>
      <c r="AM8681">
        <v>216</v>
      </c>
      <c r="AN8681">
        <v>218</v>
      </c>
      <c r="AO8681">
        <v>220</v>
      </c>
      <c r="AP8681">
        <v>223</v>
      </c>
      <c r="AQ8681">
        <v>225</v>
      </c>
    </row>
    <row r="8682" spans="1:43">
      <c r="A8682" t="s">
        <v>5432</v>
      </c>
      <c r="B8682" t="s">
        <v>5433</v>
      </c>
      <c r="C8682" t="s">
        <v>5434</v>
      </c>
      <c r="D8682" t="s">
        <v>5435</v>
      </c>
      <c r="E8682" t="s">
        <v>5426</v>
      </c>
      <c r="F8682" t="s">
        <v>5427</v>
      </c>
      <c r="G8682" t="s">
        <v>80</v>
      </c>
      <c r="H8682" t="s">
        <v>81</v>
      </c>
      <c r="I8682" s="2">
        <v>0</v>
      </c>
      <c r="J8682" s="2">
        <v>1</v>
      </c>
      <c r="K8682" s="2">
        <v>0</v>
      </c>
      <c r="L8682" t="s">
        <v>82</v>
      </c>
      <c r="M8682" t="s">
        <v>83</v>
      </c>
      <c r="N8682" t="s">
        <v>84</v>
      </c>
      <c r="O8682" t="s">
        <v>85</v>
      </c>
      <c r="P8682" t="s">
        <v>86</v>
      </c>
      <c r="Q8682">
        <v>204</v>
      </c>
      <c r="R8682">
        <v>209</v>
      </c>
      <c r="S8682">
        <v>215</v>
      </c>
      <c r="T8682">
        <v>220</v>
      </c>
      <c r="U8682">
        <v>225</v>
      </c>
      <c r="V8682">
        <v>231</v>
      </c>
      <c r="W8682">
        <v>236</v>
      </c>
      <c r="X8682">
        <v>242</v>
      </c>
      <c r="Y8682">
        <v>248</v>
      </c>
      <c r="Z8682">
        <v>254</v>
      </c>
      <c r="AA8682">
        <v>259</v>
      </c>
      <c r="AB8682">
        <v>265</v>
      </c>
      <c r="AC8682">
        <v>271</v>
      </c>
      <c r="AD8682">
        <v>277</v>
      </c>
      <c r="AE8682">
        <v>283</v>
      </c>
      <c r="AF8682">
        <v>290</v>
      </c>
      <c r="AG8682">
        <v>296</v>
      </c>
      <c r="AH8682">
        <v>302</v>
      </c>
      <c r="AI8682">
        <v>309</v>
      </c>
      <c r="AJ8682">
        <v>315</v>
      </c>
      <c r="AK8682">
        <v>322</v>
      </c>
      <c r="AL8682">
        <v>326</v>
      </c>
      <c r="AM8682">
        <v>330</v>
      </c>
      <c r="AN8682">
        <v>333</v>
      </c>
      <c r="AO8682">
        <v>337</v>
      </c>
      <c r="AP8682">
        <v>340</v>
      </c>
      <c r="AQ8682">
        <v>344</v>
      </c>
    </row>
    <row r="8683" spans="1:43">
      <c r="A8683" t="s">
        <v>5432</v>
      </c>
      <c r="B8683" t="s">
        <v>5433</v>
      </c>
      <c r="C8683" t="s">
        <v>5434</v>
      </c>
      <c r="D8683" t="s">
        <v>5435</v>
      </c>
      <c r="E8683" t="s">
        <v>5426</v>
      </c>
      <c r="F8683" t="s">
        <v>5427</v>
      </c>
      <c r="G8683" t="s">
        <v>80</v>
      </c>
      <c r="H8683" t="s">
        <v>81</v>
      </c>
      <c r="I8683" s="2">
        <v>0</v>
      </c>
      <c r="J8683" s="2">
        <v>1</v>
      </c>
      <c r="K8683" s="2">
        <v>0</v>
      </c>
      <c r="L8683" t="s">
        <v>82</v>
      </c>
      <c r="M8683" t="s">
        <v>87</v>
      </c>
      <c r="N8683" t="s">
        <v>88</v>
      </c>
      <c r="O8683" t="s">
        <v>85</v>
      </c>
      <c r="P8683" t="s">
        <v>86</v>
      </c>
      <c r="Q8683">
        <v>204</v>
      </c>
      <c r="R8683">
        <v>208</v>
      </c>
      <c r="S8683">
        <v>211</v>
      </c>
      <c r="T8683">
        <v>214</v>
      </c>
      <c r="U8683">
        <v>217</v>
      </c>
      <c r="V8683">
        <v>221</v>
      </c>
      <c r="W8683">
        <v>224</v>
      </c>
      <c r="X8683">
        <v>228</v>
      </c>
      <c r="Y8683">
        <v>231</v>
      </c>
      <c r="Z8683">
        <v>235</v>
      </c>
      <c r="AA8683">
        <v>238</v>
      </c>
      <c r="AB8683">
        <v>242</v>
      </c>
      <c r="AC8683">
        <v>245</v>
      </c>
      <c r="AD8683">
        <v>249</v>
      </c>
      <c r="AE8683">
        <v>253</v>
      </c>
      <c r="AF8683">
        <v>256</v>
      </c>
      <c r="AG8683">
        <v>260</v>
      </c>
      <c r="AH8683">
        <v>264</v>
      </c>
      <c r="AI8683">
        <v>268</v>
      </c>
      <c r="AJ8683">
        <v>272</v>
      </c>
      <c r="AK8683">
        <v>276</v>
      </c>
      <c r="AL8683">
        <v>280</v>
      </c>
      <c r="AM8683">
        <v>284</v>
      </c>
      <c r="AN8683">
        <v>288</v>
      </c>
      <c r="AO8683">
        <v>292</v>
      </c>
      <c r="AP8683">
        <v>296</v>
      </c>
      <c r="AQ8683">
        <v>300</v>
      </c>
    </row>
    <row r="8684" spans="1:43">
      <c r="A8684" t="s">
        <v>5432</v>
      </c>
      <c r="B8684" t="s">
        <v>5433</v>
      </c>
      <c r="C8684" t="s">
        <v>5434</v>
      </c>
      <c r="D8684" t="s">
        <v>5435</v>
      </c>
      <c r="E8684" t="s">
        <v>5426</v>
      </c>
      <c r="F8684" t="s">
        <v>5427</v>
      </c>
      <c r="G8684" t="s">
        <v>80</v>
      </c>
      <c r="H8684" t="s">
        <v>81</v>
      </c>
      <c r="I8684" s="2">
        <v>0</v>
      </c>
      <c r="J8684" s="2">
        <v>1</v>
      </c>
      <c r="K8684" s="2">
        <v>0</v>
      </c>
      <c r="L8684" t="s">
        <v>82</v>
      </c>
      <c r="M8684" t="s">
        <v>89</v>
      </c>
      <c r="N8684" t="s">
        <v>90</v>
      </c>
      <c r="O8684" t="s">
        <v>85</v>
      </c>
      <c r="P8684" t="s">
        <v>86</v>
      </c>
      <c r="Q8684">
        <v>204</v>
      </c>
      <c r="R8684">
        <v>211</v>
      </c>
      <c r="S8684">
        <v>218</v>
      </c>
      <c r="T8684">
        <v>225</v>
      </c>
      <c r="U8684">
        <v>232</v>
      </c>
      <c r="V8684">
        <v>239</v>
      </c>
      <c r="W8684">
        <v>247</v>
      </c>
      <c r="X8684">
        <v>254</v>
      </c>
      <c r="Y8684">
        <v>261</v>
      </c>
      <c r="Z8684">
        <v>268</v>
      </c>
      <c r="AA8684">
        <v>275</v>
      </c>
      <c r="AB8684">
        <v>282</v>
      </c>
      <c r="AC8684">
        <v>289</v>
      </c>
      <c r="AD8684">
        <v>297</v>
      </c>
      <c r="AE8684">
        <v>302</v>
      </c>
      <c r="AF8684">
        <v>306</v>
      </c>
      <c r="AG8684">
        <v>309</v>
      </c>
      <c r="AH8684">
        <v>313</v>
      </c>
      <c r="AI8684">
        <v>316</v>
      </c>
      <c r="AJ8684">
        <v>320</v>
      </c>
      <c r="AK8684">
        <v>323</v>
      </c>
      <c r="AL8684">
        <v>327</v>
      </c>
      <c r="AM8684">
        <v>330</v>
      </c>
      <c r="AN8684">
        <v>334</v>
      </c>
      <c r="AO8684">
        <v>337</v>
      </c>
      <c r="AP8684">
        <v>341</v>
      </c>
      <c r="AQ8684">
        <v>344</v>
      </c>
    </row>
    <row r="8685" spans="1:43">
      <c r="A8685" t="s">
        <v>5432</v>
      </c>
      <c r="B8685" t="s">
        <v>5433</v>
      </c>
      <c r="C8685" t="s">
        <v>5434</v>
      </c>
      <c r="D8685" t="s">
        <v>5435</v>
      </c>
      <c r="E8685" t="s">
        <v>5426</v>
      </c>
      <c r="F8685" t="s">
        <v>5427</v>
      </c>
      <c r="G8685" t="s">
        <v>80</v>
      </c>
      <c r="H8685" t="s">
        <v>81</v>
      </c>
      <c r="I8685" s="2">
        <v>0</v>
      </c>
      <c r="J8685" s="2">
        <v>1</v>
      </c>
      <c r="K8685" s="2">
        <v>0</v>
      </c>
      <c r="L8685" t="s">
        <v>82</v>
      </c>
      <c r="M8685" t="s">
        <v>83</v>
      </c>
      <c r="N8685" t="s">
        <v>91</v>
      </c>
      <c r="O8685" t="s">
        <v>85</v>
      </c>
      <c r="P8685" t="s">
        <v>86</v>
      </c>
      <c r="Q8685">
        <v>204</v>
      </c>
      <c r="R8685">
        <v>209</v>
      </c>
      <c r="S8685">
        <v>215</v>
      </c>
      <c r="T8685">
        <v>220</v>
      </c>
      <c r="U8685">
        <v>225</v>
      </c>
      <c r="V8685">
        <v>231</v>
      </c>
      <c r="W8685">
        <v>236</v>
      </c>
      <c r="X8685">
        <v>242</v>
      </c>
      <c r="Y8685">
        <v>248</v>
      </c>
      <c r="Z8685">
        <v>254</v>
      </c>
      <c r="AA8685">
        <v>259</v>
      </c>
      <c r="AB8685">
        <v>265</v>
      </c>
      <c r="AC8685">
        <v>271</v>
      </c>
      <c r="AD8685">
        <v>277</v>
      </c>
      <c r="AE8685">
        <v>283</v>
      </c>
      <c r="AF8685">
        <v>290</v>
      </c>
      <c r="AG8685">
        <v>296</v>
      </c>
      <c r="AH8685">
        <v>302</v>
      </c>
      <c r="AI8685">
        <v>309</v>
      </c>
      <c r="AJ8685">
        <v>315</v>
      </c>
      <c r="AK8685">
        <v>322</v>
      </c>
      <c r="AL8685">
        <v>326</v>
      </c>
      <c r="AM8685">
        <v>330</v>
      </c>
      <c r="AN8685">
        <v>333</v>
      </c>
      <c r="AO8685">
        <v>337</v>
      </c>
      <c r="AP8685">
        <v>340</v>
      </c>
      <c r="AQ8685">
        <v>344</v>
      </c>
    </row>
    <row r="8686" spans="1:43">
      <c r="A8686" t="s">
        <v>5436</v>
      </c>
      <c r="B8686" t="s">
        <v>5437</v>
      </c>
      <c r="C8686" t="s">
        <v>5424</v>
      </c>
      <c r="D8686" t="s">
        <v>5425</v>
      </c>
      <c r="E8686" t="s">
        <v>5426</v>
      </c>
      <c r="F8686" t="s">
        <v>5427</v>
      </c>
      <c r="G8686" t="s">
        <v>80</v>
      </c>
      <c r="H8686" t="s">
        <v>81</v>
      </c>
      <c r="I8686" s="2">
        <v>0</v>
      </c>
      <c r="J8686" s="2">
        <v>1</v>
      </c>
      <c r="K8686" s="2">
        <v>0</v>
      </c>
      <c r="L8686" t="s">
        <v>82</v>
      </c>
      <c r="M8686" t="s">
        <v>83</v>
      </c>
      <c r="N8686" t="s">
        <v>84</v>
      </c>
      <c r="O8686" t="s">
        <v>85</v>
      </c>
      <c r="P8686" t="s">
        <v>86</v>
      </c>
      <c r="Q8686">
        <v>5</v>
      </c>
      <c r="R8686">
        <v>5</v>
      </c>
      <c r="S8686">
        <v>5</v>
      </c>
      <c r="T8686">
        <v>5</v>
      </c>
      <c r="U8686">
        <v>5</v>
      </c>
      <c r="V8686">
        <v>5</v>
      </c>
      <c r="W8686">
        <v>5</v>
      </c>
      <c r="X8686">
        <v>6</v>
      </c>
      <c r="Y8686">
        <v>6</v>
      </c>
      <c r="Z8686">
        <v>6</v>
      </c>
      <c r="AA8686">
        <v>6</v>
      </c>
      <c r="AB8686">
        <v>6</v>
      </c>
      <c r="AC8686">
        <v>6</v>
      </c>
      <c r="AD8686">
        <v>6</v>
      </c>
      <c r="AE8686">
        <v>6</v>
      </c>
      <c r="AF8686">
        <v>7</v>
      </c>
      <c r="AG8686">
        <v>7</v>
      </c>
      <c r="AH8686">
        <v>7</v>
      </c>
      <c r="AI8686">
        <v>7</v>
      </c>
      <c r="AJ8686">
        <v>7</v>
      </c>
      <c r="AK8686">
        <v>7</v>
      </c>
      <c r="AL8686">
        <v>7</v>
      </c>
      <c r="AM8686">
        <v>8</v>
      </c>
      <c r="AN8686">
        <v>8</v>
      </c>
      <c r="AO8686">
        <v>8</v>
      </c>
      <c r="AP8686">
        <v>8</v>
      </c>
      <c r="AQ8686">
        <v>8</v>
      </c>
    </row>
    <row r="8687" spans="1:43">
      <c r="A8687" t="s">
        <v>5436</v>
      </c>
      <c r="B8687" t="s">
        <v>5437</v>
      </c>
      <c r="C8687" t="s">
        <v>5424</v>
      </c>
      <c r="D8687" t="s">
        <v>5425</v>
      </c>
      <c r="E8687" t="s">
        <v>5426</v>
      </c>
      <c r="F8687" t="s">
        <v>5427</v>
      </c>
      <c r="G8687" t="s">
        <v>80</v>
      </c>
      <c r="H8687" t="s">
        <v>81</v>
      </c>
      <c r="I8687" s="2">
        <v>0</v>
      </c>
      <c r="J8687" s="2">
        <v>1</v>
      </c>
      <c r="K8687" s="2">
        <v>0</v>
      </c>
      <c r="L8687" t="s">
        <v>82</v>
      </c>
      <c r="M8687" t="s">
        <v>87</v>
      </c>
      <c r="N8687" t="s">
        <v>88</v>
      </c>
      <c r="O8687" t="s">
        <v>85</v>
      </c>
      <c r="P8687" t="s">
        <v>86</v>
      </c>
      <c r="Q8687">
        <v>5</v>
      </c>
      <c r="R8687">
        <v>5</v>
      </c>
      <c r="S8687">
        <v>5</v>
      </c>
      <c r="T8687">
        <v>5</v>
      </c>
      <c r="U8687">
        <v>5</v>
      </c>
      <c r="V8687">
        <v>5</v>
      </c>
      <c r="W8687">
        <v>5</v>
      </c>
      <c r="X8687">
        <v>5</v>
      </c>
      <c r="Y8687">
        <v>5</v>
      </c>
      <c r="Z8687">
        <v>5</v>
      </c>
      <c r="AA8687">
        <v>5</v>
      </c>
      <c r="AB8687">
        <v>5</v>
      </c>
      <c r="AC8687">
        <v>6</v>
      </c>
      <c r="AD8687">
        <v>6</v>
      </c>
      <c r="AE8687">
        <v>6</v>
      </c>
      <c r="AF8687">
        <v>6</v>
      </c>
      <c r="AG8687">
        <v>6</v>
      </c>
      <c r="AH8687">
        <v>6</v>
      </c>
      <c r="AI8687">
        <v>6</v>
      </c>
      <c r="AJ8687">
        <v>6</v>
      </c>
      <c r="AK8687">
        <v>6</v>
      </c>
      <c r="AL8687">
        <v>6</v>
      </c>
      <c r="AM8687">
        <v>6</v>
      </c>
      <c r="AN8687">
        <v>7</v>
      </c>
      <c r="AO8687">
        <v>7</v>
      </c>
      <c r="AP8687">
        <v>7</v>
      </c>
      <c r="AQ8687">
        <v>7</v>
      </c>
    </row>
    <row r="8688" spans="1:43">
      <c r="A8688" t="s">
        <v>5436</v>
      </c>
      <c r="B8688" t="s">
        <v>5437</v>
      </c>
      <c r="C8688" t="s">
        <v>5424</v>
      </c>
      <c r="D8688" t="s">
        <v>5425</v>
      </c>
      <c r="E8688" t="s">
        <v>5426</v>
      </c>
      <c r="F8688" t="s">
        <v>5427</v>
      </c>
      <c r="G8688" t="s">
        <v>80</v>
      </c>
      <c r="H8688" t="s">
        <v>81</v>
      </c>
      <c r="I8688" s="2">
        <v>0</v>
      </c>
      <c r="J8688" s="2">
        <v>1</v>
      </c>
      <c r="K8688" s="2">
        <v>0</v>
      </c>
      <c r="L8688" t="s">
        <v>82</v>
      </c>
      <c r="M8688" t="s">
        <v>89</v>
      </c>
      <c r="N8688" t="s">
        <v>90</v>
      </c>
      <c r="O8688" t="s">
        <v>85</v>
      </c>
      <c r="P8688" t="s">
        <v>86</v>
      </c>
      <c r="Q8688">
        <v>5</v>
      </c>
      <c r="R8688">
        <v>5</v>
      </c>
      <c r="S8688">
        <v>5</v>
      </c>
      <c r="T8688">
        <v>5</v>
      </c>
      <c r="U8688">
        <v>5</v>
      </c>
      <c r="V8688">
        <v>6</v>
      </c>
      <c r="W8688">
        <v>6</v>
      </c>
      <c r="X8688">
        <v>6</v>
      </c>
      <c r="Y8688">
        <v>6</v>
      </c>
      <c r="Z8688">
        <v>6</v>
      </c>
      <c r="AA8688">
        <v>6</v>
      </c>
      <c r="AB8688">
        <v>6</v>
      </c>
      <c r="AC8688">
        <v>7</v>
      </c>
      <c r="AD8688">
        <v>7</v>
      </c>
      <c r="AE8688">
        <v>7</v>
      </c>
      <c r="AF8688">
        <v>7</v>
      </c>
      <c r="AG8688">
        <v>7</v>
      </c>
      <c r="AH8688">
        <v>7</v>
      </c>
      <c r="AI8688">
        <v>7</v>
      </c>
      <c r="AJ8688">
        <v>7</v>
      </c>
      <c r="AK8688">
        <v>7</v>
      </c>
      <c r="AL8688">
        <v>8</v>
      </c>
      <c r="AM8688">
        <v>8</v>
      </c>
      <c r="AN8688">
        <v>8</v>
      </c>
      <c r="AO8688">
        <v>8</v>
      </c>
      <c r="AP8688">
        <v>8</v>
      </c>
      <c r="AQ8688">
        <v>8</v>
      </c>
    </row>
    <row r="8689" spans="1:43">
      <c r="A8689" t="s">
        <v>5436</v>
      </c>
      <c r="B8689" t="s">
        <v>5437</v>
      </c>
      <c r="C8689" t="s">
        <v>5424</v>
      </c>
      <c r="D8689" t="s">
        <v>5425</v>
      </c>
      <c r="E8689" t="s">
        <v>5426</v>
      </c>
      <c r="F8689" t="s">
        <v>5427</v>
      </c>
      <c r="G8689" t="s">
        <v>80</v>
      </c>
      <c r="H8689" t="s">
        <v>81</v>
      </c>
      <c r="I8689" s="2">
        <v>0</v>
      </c>
      <c r="J8689" s="2">
        <v>1</v>
      </c>
      <c r="K8689" s="2">
        <v>0</v>
      </c>
      <c r="L8689" t="s">
        <v>82</v>
      </c>
      <c r="M8689" t="s">
        <v>83</v>
      </c>
      <c r="N8689" t="s">
        <v>91</v>
      </c>
      <c r="O8689" t="s">
        <v>85</v>
      </c>
      <c r="P8689" t="s">
        <v>86</v>
      </c>
      <c r="Q8689">
        <v>5</v>
      </c>
      <c r="R8689">
        <v>5</v>
      </c>
      <c r="S8689">
        <v>5</v>
      </c>
      <c r="T8689">
        <v>5</v>
      </c>
      <c r="U8689">
        <v>5</v>
      </c>
      <c r="V8689">
        <v>5</v>
      </c>
      <c r="W8689">
        <v>5</v>
      </c>
      <c r="X8689">
        <v>6</v>
      </c>
      <c r="Y8689">
        <v>6</v>
      </c>
      <c r="Z8689">
        <v>6</v>
      </c>
      <c r="AA8689">
        <v>6</v>
      </c>
      <c r="AB8689">
        <v>6</v>
      </c>
      <c r="AC8689">
        <v>6</v>
      </c>
      <c r="AD8689">
        <v>6</v>
      </c>
      <c r="AE8689">
        <v>6</v>
      </c>
      <c r="AF8689">
        <v>7</v>
      </c>
      <c r="AG8689">
        <v>7</v>
      </c>
      <c r="AH8689">
        <v>7</v>
      </c>
      <c r="AI8689">
        <v>7</v>
      </c>
      <c r="AJ8689">
        <v>7</v>
      </c>
      <c r="AK8689">
        <v>7</v>
      </c>
      <c r="AL8689">
        <v>7</v>
      </c>
      <c r="AM8689">
        <v>8</v>
      </c>
      <c r="AN8689">
        <v>8</v>
      </c>
      <c r="AO8689">
        <v>8</v>
      </c>
      <c r="AP8689">
        <v>8</v>
      </c>
      <c r="AQ8689">
        <v>8</v>
      </c>
    </row>
    <row r="8690" spans="1:43">
      <c r="A8690" t="s">
        <v>5438</v>
      </c>
      <c r="B8690" t="s">
        <v>5439</v>
      </c>
      <c r="C8690" t="s">
        <v>5440</v>
      </c>
      <c r="D8690" t="s">
        <v>5441</v>
      </c>
      <c r="E8690" t="s">
        <v>5426</v>
      </c>
      <c r="F8690" t="s">
        <v>5427</v>
      </c>
      <c r="G8690" t="s">
        <v>80</v>
      </c>
      <c r="H8690" t="s">
        <v>81</v>
      </c>
      <c r="I8690" s="2">
        <v>0</v>
      </c>
      <c r="J8690" s="2">
        <v>1</v>
      </c>
      <c r="K8690" s="2">
        <v>0</v>
      </c>
      <c r="L8690" t="s">
        <v>82</v>
      </c>
      <c r="M8690" t="s">
        <v>83</v>
      </c>
      <c r="N8690" t="s">
        <v>84</v>
      </c>
      <c r="O8690" t="s">
        <v>85</v>
      </c>
      <c r="P8690" t="s">
        <v>86</v>
      </c>
      <c r="Q8690">
        <v>64</v>
      </c>
      <c r="R8690">
        <v>66</v>
      </c>
      <c r="S8690">
        <v>68</v>
      </c>
      <c r="T8690">
        <v>69</v>
      </c>
      <c r="U8690">
        <v>71</v>
      </c>
      <c r="V8690">
        <v>73</v>
      </c>
      <c r="W8690">
        <v>74</v>
      </c>
      <c r="X8690">
        <v>76</v>
      </c>
      <c r="Y8690">
        <v>78</v>
      </c>
      <c r="Z8690">
        <v>80</v>
      </c>
      <c r="AA8690">
        <v>82</v>
      </c>
      <c r="AB8690">
        <v>84</v>
      </c>
      <c r="AC8690">
        <v>85</v>
      </c>
      <c r="AD8690">
        <v>87</v>
      </c>
      <c r="AE8690">
        <v>89</v>
      </c>
      <c r="AF8690">
        <v>91</v>
      </c>
      <c r="AG8690">
        <v>93</v>
      </c>
      <c r="AH8690">
        <v>95</v>
      </c>
      <c r="AI8690">
        <v>97</v>
      </c>
      <c r="AJ8690">
        <v>99</v>
      </c>
      <c r="AK8690">
        <v>101</v>
      </c>
      <c r="AL8690">
        <v>103</v>
      </c>
      <c r="AM8690">
        <v>104</v>
      </c>
      <c r="AN8690">
        <v>105</v>
      </c>
      <c r="AO8690">
        <v>106</v>
      </c>
      <c r="AP8690">
        <v>107</v>
      </c>
      <c r="AQ8690">
        <v>108</v>
      </c>
    </row>
    <row r="8691" spans="1:43">
      <c r="A8691" t="s">
        <v>5438</v>
      </c>
      <c r="B8691" t="s">
        <v>5439</v>
      </c>
      <c r="C8691" t="s">
        <v>5440</v>
      </c>
      <c r="D8691" t="s">
        <v>5441</v>
      </c>
      <c r="E8691" t="s">
        <v>5426</v>
      </c>
      <c r="F8691" t="s">
        <v>5427</v>
      </c>
      <c r="G8691" t="s">
        <v>80</v>
      </c>
      <c r="H8691" t="s">
        <v>81</v>
      </c>
      <c r="I8691" s="2">
        <v>0</v>
      </c>
      <c r="J8691" s="2">
        <v>1</v>
      </c>
      <c r="K8691" s="2">
        <v>0</v>
      </c>
      <c r="L8691" t="s">
        <v>82</v>
      </c>
      <c r="M8691" t="s">
        <v>87</v>
      </c>
      <c r="N8691" t="s">
        <v>88</v>
      </c>
      <c r="O8691" t="s">
        <v>85</v>
      </c>
      <c r="P8691" t="s">
        <v>86</v>
      </c>
      <c r="Q8691">
        <v>64</v>
      </c>
      <c r="R8691">
        <v>65</v>
      </c>
      <c r="S8691">
        <v>66</v>
      </c>
      <c r="T8691">
        <v>67</v>
      </c>
      <c r="U8691">
        <v>68</v>
      </c>
      <c r="V8691">
        <v>69</v>
      </c>
      <c r="W8691">
        <v>70</v>
      </c>
      <c r="X8691">
        <v>71</v>
      </c>
      <c r="Y8691">
        <v>72</v>
      </c>
      <c r="Z8691">
        <v>73</v>
      </c>
      <c r="AA8691">
        <v>74</v>
      </c>
      <c r="AB8691">
        <v>76</v>
      </c>
      <c r="AC8691">
        <v>77</v>
      </c>
      <c r="AD8691">
        <v>78</v>
      </c>
      <c r="AE8691">
        <v>79</v>
      </c>
      <c r="AF8691">
        <v>80</v>
      </c>
      <c r="AG8691">
        <v>81</v>
      </c>
      <c r="AH8691">
        <v>83</v>
      </c>
      <c r="AI8691">
        <v>84</v>
      </c>
      <c r="AJ8691">
        <v>85</v>
      </c>
      <c r="AK8691">
        <v>86</v>
      </c>
      <c r="AL8691">
        <v>87</v>
      </c>
      <c r="AM8691">
        <v>89</v>
      </c>
      <c r="AN8691">
        <v>90</v>
      </c>
      <c r="AO8691">
        <v>91</v>
      </c>
      <c r="AP8691">
        <v>92</v>
      </c>
      <c r="AQ8691">
        <v>94</v>
      </c>
    </row>
    <row r="8692" spans="1:43">
      <c r="A8692" t="s">
        <v>5438</v>
      </c>
      <c r="B8692" t="s">
        <v>5439</v>
      </c>
      <c r="C8692" t="s">
        <v>5440</v>
      </c>
      <c r="D8692" t="s">
        <v>5441</v>
      </c>
      <c r="E8692" t="s">
        <v>5426</v>
      </c>
      <c r="F8692" t="s">
        <v>5427</v>
      </c>
      <c r="G8692" t="s">
        <v>80</v>
      </c>
      <c r="H8692" t="s">
        <v>81</v>
      </c>
      <c r="I8692" s="2">
        <v>0</v>
      </c>
      <c r="J8692" s="2">
        <v>1</v>
      </c>
      <c r="K8692" s="2">
        <v>0</v>
      </c>
      <c r="L8692" t="s">
        <v>82</v>
      </c>
      <c r="M8692" t="s">
        <v>89</v>
      </c>
      <c r="N8692" t="s">
        <v>90</v>
      </c>
      <c r="O8692" t="s">
        <v>85</v>
      </c>
      <c r="P8692" t="s">
        <v>86</v>
      </c>
      <c r="Q8692">
        <v>64</v>
      </c>
      <c r="R8692">
        <v>66</v>
      </c>
      <c r="S8692">
        <v>68</v>
      </c>
      <c r="T8692">
        <v>71</v>
      </c>
      <c r="U8692">
        <v>73</v>
      </c>
      <c r="V8692">
        <v>75</v>
      </c>
      <c r="W8692">
        <v>77</v>
      </c>
      <c r="X8692">
        <v>80</v>
      </c>
      <c r="Y8692">
        <v>82</v>
      </c>
      <c r="Z8692">
        <v>84</v>
      </c>
      <c r="AA8692">
        <v>86</v>
      </c>
      <c r="AB8692">
        <v>88</v>
      </c>
      <c r="AC8692">
        <v>91</v>
      </c>
      <c r="AD8692">
        <v>93</v>
      </c>
      <c r="AE8692">
        <v>95</v>
      </c>
      <c r="AF8692">
        <v>96</v>
      </c>
      <c r="AG8692">
        <v>97</v>
      </c>
      <c r="AH8692">
        <v>98</v>
      </c>
      <c r="AI8692">
        <v>99</v>
      </c>
      <c r="AJ8692">
        <v>100</v>
      </c>
      <c r="AK8692">
        <v>101</v>
      </c>
      <c r="AL8692">
        <v>102</v>
      </c>
      <c r="AM8692">
        <v>104</v>
      </c>
      <c r="AN8692">
        <v>105</v>
      </c>
      <c r="AO8692">
        <v>106</v>
      </c>
      <c r="AP8692">
        <v>107</v>
      </c>
      <c r="AQ8692">
        <v>108</v>
      </c>
    </row>
    <row r="8693" spans="1:43">
      <c r="A8693" t="s">
        <v>5438</v>
      </c>
      <c r="B8693" t="s">
        <v>5439</v>
      </c>
      <c r="C8693" t="s">
        <v>5440</v>
      </c>
      <c r="D8693" t="s">
        <v>5441</v>
      </c>
      <c r="E8693" t="s">
        <v>5426</v>
      </c>
      <c r="F8693" t="s">
        <v>5427</v>
      </c>
      <c r="G8693" t="s">
        <v>80</v>
      </c>
      <c r="H8693" t="s">
        <v>81</v>
      </c>
      <c r="I8693" s="2">
        <v>0</v>
      </c>
      <c r="J8693" s="2">
        <v>1</v>
      </c>
      <c r="K8693" s="2">
        <v>0</v>
      </c>
      <c r="L8693" t="s">
        <v>82</v>
      </c>
      <c r="M8693" t="s">
        <v>83</v>
      </c>
      <c r="N8693" t="s">
        <v>91</v>
      </c>
      <c r="O8693" t="s">
        <v>85</v>
      </c>
      <c r="P8693" t="s">
        <v>86</v>
      </c>
      <c r="Q8693">
        <v>64</v>
      </c>
      <c r="R8693">
        <v>66</v>
      </c>
      <c r="S8693">
        <v>68</v>
      </c>
      <c r="T8693">
        <v>69</v>
      </c>
      <c r="U8693">
        <v>71</v>
      </c>
      <c r="V8693">
        <v>73</v>
      </c>
      <c r="W8693">
        <v>74</v>
      </c>
      <c r="X8693">
        <v>76</v>
      </c>
      <c r="Y8693">
        <v>78</v>
      </c>
      <c r="Z8693">
        <v>80</v>
      </c>
      <c r="AA8693">
        <v>82</v>
      </c>
      <c r="AB8693">
        <v>84</v>
      </c>
      <c r="AC8693">
        <v>85</v>
      </c>
      <c r="AD8693">
        <v>87</v>
      </c>
      <c r="AE8693">
        <v>89</v>
      </c>
      <c r="AF8693">
        <v>91</v>
      </c>
      <c r="AG8693">
        <v>93</v>
      </c>
      <c r="AH8693">
        <v>95</v>
      </c>
      <c r="AI8693">
        <v>97</v>
      </c>
      <c r="AJ8693">
        <v>99</v>
      </c>
      <c r="AK8693">
        <v>101</v>
      </c>
      <c r="AL8693">
        <v>103</v>
      </c>
      <c r="AM8693">
        <v>104</v>
      </c>
      <c r="AN8693">
        <v>105</v>
      </c>
      <c r="AO8693">
        <v>106</v>
      </c>
      <c r="AP8693">
        <v>107</v>
      </c>
      <c r="AQ8693">
        <v>108</v>
      </c>
    </row>
    <row r="8694" spans="1:43">
      <c r="A8694" t="s">
        <v>5442</v>
      </c>
      <c r="B8694" t="s">
        <v>5443</v>
      </c>
      <c r="C8694" t="s">
        <v>5440</v>
      </c>
      <c r="D8694" t="s">
        <v>5441</v>
      </c>
      <c r="E8694" t="s">
        <v>5426</v>
      </c>
      <c r="F8694" t="s">
        <v>5427</v>
      </c>
      <c r="G8694" t="s">
        <v>80</v>
      </c>
      <c r="H8694" t="s">
        <v>81</v>
      </c>
      <c r="I8694" s="2">
        <v>0</v>
      </c>
      <c r="J8694" s="2">
        <v>1</v>
      </c>
      <c r="K8694" s="2">
        <v>0</v>
      </c>
      <c r="L8694" t="s">
        <v>82</v>
      </c>
      <c r="M8694" t="s">
        <v>83</v>
      </c>
      <c r="N8694" t="s">
        <v>84</v>
      </c>
      <c r="O8694" t="s">
        <v>85</v>
      </c>
      <c r="P8694" t="s">
        <v>86</v>
      </c>
      <c r="Q8694">
        <v>34</v>
      </c>
      <c r="R8694">
        <v>35</v>
      </c>
      <c r="S8694">
        <v>36</v>
      </c>
      <c r="T8694">
        <v>36</v>
      </c>
      <c r="U8694">
        <v>37</v>
      </c>
      <c r="V8694">
        <v>38</v>
      </c>
      <c r="W8694">
        <v>39</v>
      </c>
      <c r="X8694">
        <v>40</v>
      </c>
      <c r="Y8694">
        <v>41</v>
      </c>
      <c r="Z8694">
        <v>42</v>
      </c>
      <c r="AA8694">
        <v>43</v>
      </c>
      <c r="AB8694">
        <v>44</v>
      </c>
      <c r="AC8694">
        <v>45</v>
      </c>
      <c r="AD8694">
        <v>46</v>
      </c>
      <c r="AE8694">
        <v>47</v>
      </c>
      <c r="AF8694">
        <v>48</v>
      </c>
      <c r="AG8694">
        <v>49</v>
      </c>
      <c r="AH8694">
        <v>50</v>
      </c>
      <c r="AI8694">
        <v>51</v>
      </c>
      <c r="AJ8694">
        <v>52</v>
      </c>
      <c r="AK8694">
        <v>53</v>
      </c>
      <c r="AL8694">
        <v>54</v>
      </c>
      <c r="AM8694">
        <v>55</v>
      </c>
      <c r="AN8694">
        <v>55</v>
      </c>
      <c r="AO8694">
        <v>56</v>
      </c>
      <c r="AP8694">
        <v>56</v>
      </c>
      <c r="AQ8694">
        <v>57</v>
      </c>
    </row>
    <row r="8695" spans="1:43">
      <c r="A8695" t="s">
        <v>5442</v>
      </c>
      <c r="B8695" t="s">
        <v>5443</v>
      </c>
      <c r="C8695" t="s">
        <v>5440</v>
      </c>
      <c r="D8695" t="s">
        <v>5441</v>
      </c>
      <c r="E8695" t="s">
        <v>5426</v>
      </c>
      <c r="F8695" t="s">
        <v>5427</v>
      </c>
      <c r="G8695" t="s">
        <v>80</v>
      </c>
      <c r="H8695" t="s">
        <v>81</v>
      </c>
      <c r="I8695" s="2">
        <v>0</v>
      </c>
      <c r="J8695" s="2">
        <v>1</v>
      </c>
      <c r="K8695" s="2">
        <v>0</v>
      </c>
      <c r="L8695" t="s">
        <v>82</v>
      </c>
      <c r="M8695" t="s">
        <v>87</v>
      </c>
      <c r="N8695" t="s">
        <v>88</v>
      </c>
      <c r="O8695" t="s">
        <v>85</v>
      </c>
      <c r="P8695" t="s">
        <v>86</v>
      </c>
      <c r="Q8695">
        <v>34</v>
      </c>
      <c r="R8695">
        <v>34</v>
      </c>
      <c r="S8695">
        <v>35</v>
      </c>
      <c r="T8695">
        <v>35</v>
      </c>
      <c r="U8695">
        <v>36</v>
      </c>
      <c r="V8695">
        <v>36</v>
      </c>
      <c r="W8695">
        <v>37</v>
      </c>
      <c r="X8695">
        <v>37</v>
      </c>
      <c r="Y8695">
        <v>38</v>
      </c>
      <c r="Z8695">
        <v>39</v>
      </c>
      <c r="AA8695">
        <v>39</v>
      </c>
      <c r="AB8695">
        <v>40</v>
      </c>
      <c r="AC8695">
        <v>40</v>
      </c>
      <c r="AD8695">
        <v>41</v>
      </c>
      <c r="AE8695">
        <v>41</v>
      </c>
      <c r="AF8695">
        <v>42</v>
      </c>
      <c r="AG8695">
        <v>43</v>
      </c>
      <c r="AH8695">
        <v>43</v>
      </c>
      <c r="AI8695">
        <v>44</v>
      </c>
      <c r="AJ8695">
        <v>45</v>
      </c>
      <c r="AK8695">
        <v>45</v>
      </c>
      <c r="AL8695">
        <v>46</v>
      </c>
      <c r="AM8695">
        <v>47</v>
      </c>
      <c r="AN8695">
        <v>47</v>
      </c>
      <c r="AO8695">
        <v>48</v>
      </c>
      <c r="AP8695">
        <v>49</v>
      </c>
      <c r="AQ8695">
        <v>49</v>
      </c>
    </row>
    <row r="8696" spans="1:43">
      <c r="A8696" t="s">
        <v>5442</v>
      </c>
      <c r="B8696" t="s">
        <v>5443</v>
      </c>
      <c r="C8696" t="s">
        <v>5440</v>
      </c>
      <c r="D8696" t="s">
        <v>5441</v>
      </c>
      <c r="E8696" t="s">
        <v>5426</v>
      </c>
      <c r="F8696" t="s">
        <v>5427</v>
      </c>
      <c r="G8696" t="s">
        <v>80</v>
      </c>
      <c r="H8696" t="s">
        <v>81</v>
      </c>
      <c r="I8696" s="2">
        <v>0</v>
      </c>
      <c r="J8696" s="2">
        <v>1</v>
      </c>
      <c r="K8696" s="2">
        <v>0</v>
      </c>
      <c r="L8696" t="s">
        <v>82</v>
      </c>
      <c r="M8696" t="s">
        <v>89</v>
      </c>
      <c r="N8696" t="s">
        <v>90</v>
      </c>
      <c r="O8696" t="s">
        <v>85</v>
      </c>
      <c r="P8696" t="s">
        <v>86</v>
      </c>
      <c r="Q8696">
        <v>34</v>
      </c>
      <c r="R8696">
        <v>35</v>
      </c>
      <c r="S8696">
        <v>36</v>
      </c>
      <c r="T8696">
        <v>38</v>
      </c>
      <c r="U8696">
        <v>39</v>
      </c>
      <c r="V8696">
        <v>40</v>
      </c>
      <c r="W8696">
        <v>41</v>
      </c>
      <c r="X8696">
        <v>42</v>
      </c>
      <c r="Y8696">
        <v>43</v>
      </c>
      <c r="Z8696">
        <v>45</v>
      </c>
      <c r="AA8696">
        <v>46</v>
      </c>
      <c r="AB8696">
        <v>47</v>
      </c>
      <c r="AC8696">
        <v>48</v>
      </c>
      <c r="AD8696">
        <v>49</v>
      </c>
      <c r="AE8696">
        <v>50</v>
      </c>
      <c r="AF8696">
        <v>51</v>
      </c>
      <c r="AG8696">
        <v>51</v>
      </c>
      <c r="AH8696">
        <v>52</v>
      </c>
      <c r="AI8696">
        <v>53</v>
      </c>
      <c r="AJ8696">
        <v>53</v>
      </c>
      <c r="AK8696">
        <v>54</v>
      </c>
      <c r="AL8696">
        <v>54</v>
      </c>
      <c r="AM8696">
        <v>55</v>
      </c>
      <c r="AN8696">
        <v>55</v>
      </c>
      <c r="AO8696">
        <v>56</v>
      </c>
      <c r="AP8696">
        <v>57</v>
      </c>
      <c r="AQ8696">
        <v>57</v>
      </c>
    </row>
    <row r="8697" spans="1:43">
      <c r="A8697" t="s">
        <v>5442</v>
      </c>
      <c r="B8697" t="s">
        <v>5443</v>
      </c>
      <c r="C8697" t="s">
        <v>5440</v>
      </c>
      <c r="D8697" t="s">
        <v>5441</v>
      </c>
      <c r="E8697" t="s">
        <v>5426</v>
      </c>
      <c r="F8697" t="s">
        <v>5427</v>
      </c>
      <c r="G8697" t="s">
        <v>80</v>
      </c>
      <c r="H8697" t="s">
        <v>81</v>
      </c>
      <c r="I8697" s="2">
        <v>0</v>
      </c>
      <c r="J8697" s="2">
        <v>1</v>
      </c>
      <c r="K8697" s="2">
        <v>0</v>
      </c>
      <c r="L8697" t="s">
        <v>82</v>
      </c>
      <c r="M8697" t="s">
        <v>83</v>
      </c>
      <c r="N8697" t="s">
        <v>91</v>
      </c>
      <c r="O8697" t="s">
        <v>85</v>
      </c>
      <c r="P8697" t="s">
        <v>86</v>
      </c>
      <c r="Q8697">
        <v>34</v>
      </c>
      <c r="R8697">
        <v>35</v>
      </c>
      <c r="S8697">
        <v>36</v>
      </c>
      <c r="T8697">
        <v>36</v>
      </c>
      <c r="U8697">
        <v>37</v>
      </c>
      <c r="V8697">
        <v>38</v>
      </c>
      <c r="W8697">
        <v>39</v>
      </c>
      <c r="X8697">
        <v>40</v>
      </c>
      <c r="Y8697">
        <v>41</v>
      </c>
      <c r="Z8697">
        <v>42</v>
      </c>
      <c r="AA8697">
        <v>43</v>
      </c>
      <c r="AB8697">
        <v>44</v>
      </c>
      <c r="AC8697">
        <v>45</v>
      </c>
      <c r="AD8697">
        <v>46</v>
      </c>
      <c r="AE8697">
        <v>47</v>
      </c>
      <c r="AF8697">
        <v>48</v>
      </c>
      <c r="AG8697">
        <v>49</v>
      </c>
      <c r="AH8697">
        <v>50</v>
      </c>
      <c r="AI8697">
        <v>51</v>
      </c>
      <c r="AJ8697">
        <v>52</v>
      </c>
      <c r="AK8697">
        <v>53</v>
      </c>
      <c r="AL8697">
        <v>54</v>
      </c>
      <c r="AM8697">
        <v>55</v>
      </c>
      <c r="AN8697">
        <v>55</v>
      </c>
      <c r="AO8697">
        <v>56</v>
      </c>
      <c r="AP8697">
        <v>56</v>
      </c>
      <c r="AQ8697">
        <v>57</v>
      </c>
    </row>
    <row r="8698" spans="1:43">
      <c r="A8698" t="s">
        <v>5444</v>
      </c>
      <c r="B8698" t="s">
        <v>5445</v>
      </c>
      <c r="C8698" t="s">
        <v>5440</v>
      </c>
      <c r="D8698" t="s">
        <v>5441</v>
      </c>
      <c r="E8698" t="s">
        <v>5426</v>
      </c>
      <c r="F8698" t="s">
        <v>5427</v>
      </c>
      <c r="G8698" t="s">
        <v>80</v>
      </c>
      <c r="H8698" t="s">
        <v>81</v>
      </c>
      <c r="I8698" s="2">
        <v>0</v>
      </c>
      <c r="J8698" s="2">
        <v>1</v>
      </c>
      <c r="K8698" s="2">
        <v>0</v>
      </c>
      <c r="L8698" t="s">
        <v>82</v>
      </c>
      <c r="M8698" t="s">
        <v>83</v>
      </c>
      <c r="N8698" t="s">
        <v>84</v>
      </c>
      <c r="O8698" t="s">
        <v>85</v>
      </c>
      <c r="P8698" t="s">
        <v>86</v>
      </c>
      <c r="Q8698">
        <v>42</v>
      </c>
      <c r="R8698">
        <v>43</v>
      </c>
      <c r="S8698">
        <v>44</v>
      </c>
      <c r="T8698">
        <v>45</v>
      </c>
      <c r="U8698">
        <v>46</v>
      </c>
      <c r="V8698">
        <v>47</v>
      </c>
      <c r="W8698">
        <v>48</v>
      </c>
      <c r="X8698">
        <v>49</v>
      </c>
      <c r="Y8698">
        <v>51</v>
      </c>
      <c r="Z8698">
        <v>52</v>
      </c>
      <c r="AA8698">
        <v>53</v>
      </c>
      <c r="AB8698">
        <v>54</v>
      </c>
      <c r="AC8698">
        <v>55</v>
      </c>
      <c r="AD8698">
        <v>57</v>
      </c>
      <c r="AE8698">
        <v>58</v>
      </c>
      <c r="AF8698">
        <v>59</v>
      </c>
      <c r="AG8698">
        <v>60</v>
      </c>
      <c r="AH8698">
        <v>62</v>
      </c>
      <c r="AI8698">
        <v>63</v>
      </c>
      <c r="AJ8698">
        <v>64</v>
      </c>
      <c r="AK8698">
        <v>66</v>
      </c>
      <c r="AL8698">
        <v>67</v>
      </c>
      <c r="AM8698">
        <v>67</v>
      </c>
      <c r="AN8698">
        <v>68</v>
      </c>
      <c r="AO8698">
        <v>69</v>
      </c>
      <c r="AP8698">
        <v>69</v>
      </c>
      <c r="AQ8698">
        <v>70</v>
      </c>
    </row>
    <row r="8699" spans="1:43">
      <c r="A8699" t="s">
        <v>5444</v>
      </c>
      <c r="B8699" t="s">
        <v>5445</v>
      </c>
      <c r="C8699" t="s">
        <v>5440</v>
      </c>
      <c r="D8699" t="s">
        <v>5441</v>
      </c>
      <c r="E8699" t="s">
        <v>5426</v>
      </c>
      <c r="F8699" t="s">
        <v>5427</v>
      </c>
      <c r="G8699" t="s">
        <v>80</v>
      </c>
      <c r="H8699" t="s">
        <v>81</v>
      </c>
      <c r="I8699" s="2">
        <v>0</v>
      </c>
      <c r="J8699" s="2">
        <v>1</v>
      </c>
      <c r="K8699" s="2">
        <v>0</v>
      </c>
      <c r="L8699" t="s">
        <v>82</v>
      </c>
      <c r="M8699" t="s">
        <v>87</v>
      </c>
      <c r="N8699" t="s">
        <v>88</v>
      </c>
      <c r="O8699" t="s">
        <v>85</v>
      </c>
      <c r="P8699" t="s">
        <v>86</v>
      </c>
      <c r="Q8699">
        <v>42</v>
      </c>
      <c r="R8699">
        <v>43</v>
      </c>
      <c r="S8699">
        <v>44</v>
      </c>
      <c r="T8699">
        <v>44</v>
      </c>
      <c r="U8699">
        <v>45</v>
      </c>
      <c r="V8699">
        <v>46</v>
      </c>
      <c r="W8699">
        <v>46</v>
      </c>
      <c r="X8699">
        <v>47</v>
      </c>
      <c r="Y8699">
        <v>48</v>
      </c>
      <c r="Z8699">
        <v>49</v>
      </c>
      <c r="AA8699">
        <v>49</v>
      </c>
      <c r="AB8699">
        <v>50</v>
      </c>
      <c r="AC8699">
        <v>51</v>
      </c>
      <c r="AD8699">
        <v>51</v>
      </c>
      <c r="AE8699">
        <v>52</v>
      </c>
      <c r="AF8699">
        <v>53</v>
      </c>
      <c r="AG8699">
        <v>54</v>
      </c>
      <c r="AH8699">
        <v>55</v>
      </c>
      <c r="AI8699">
        <v>55</v>
      </c>
      <c r="AJ8699">
        <v>56</v>
      </c>
      <c r="AK8699">
        <v>57</v>
      </c>
      <c r="AL8699">
        <v>58</v>
      </c>
      <c r="AM8699">
        <v>59</v>
      </c>
      <c r="AN8699">
        <v>59</v>
      </c>
      <c r="AO8699">
        <v>60</v>
      </c>
      <c r="AP8699">
        <v>61</v>
      </c>
      <c r="AQ8699">
        <v>62</v>
      </c>
    </row>
    <row r="8700" spans="1:43">
      <c r="A8700" t="s">
        <v>5444</v>
      </c>
      <c r="B8700" t="s">
        <v>5445</v>
      </c>
      <c r="C8700" t="s">
        <v>5440</v>
      </c>
      <c r="D8700" t="s">
        <v>5441</v>
      </c>
      <c r="E8700" t="s">
        <v>5426</v>
      </c>
      <c r="F8700" t="s">
        <v>5427</v>
      </c>
      <c r="G8700" t="s">
        <v>80</v>
      </c>
      <c r="H8700" t="s">
        <v>81</v>
      </c>
      <c r="I8700" s="2">
        <v>0</v>
      </c>
      <c r="J8700" s="2">
        <v>1</v>
      </c>
      <c r="K8700" s="2">
        <v>0</v>
      </c>
      <c r="L8700" t="s">
        <v>82</v>
      </c>
      <c r="M8700" t="s">
        <v>89</v>
      </c>
      <c r="N8700" t="s">
        <v>90</v>
      </c>
      <c r="O8700" t="s">
        <v>85</v>
      </c>
      <c r="P8700" t="s">
        <v>86</v>
      </c>
      <c r="Q8700">
        <v>42</v>
      </c>
      <c r="R8700">
        <v>44</v>
      </c>
      <c r="S8700">
        <v>45</v>
      </c>
      <c r="T8700">
        <v>46</v>
      </c>
      <c r="U8700">
        <v>48</v>
      </c>
      <c r="V8700">
        <v>49</v>
      </c>
      <c r="W8700">
        <v>51</v>
      </c>
      <c r="X8700">
        <v>52</v>
      </c>
      <c r="Y8700">
        <v>54</v>
      </c>
      <c r="Z8700">
        <v>55</v>
      </c>
      <c r="AA8700">
        <v>57</v>
      </c>
      <c r="AB8700">
        <v>58</v>
      </c>
      <c r="AC8700">
        <v>59</v>
      </c>
      <c r="AD8700">
        <v>61</v>
      </c>
      <c r="AE8700">
        <v>62</v>
      </c>
      <c r="AF8700">
        <v>63</v>
      </c>
      <c r="AG8700">
        <v>64</v>
      </c>
      <c r="AH8700">
        <v>64</v>
      </c>
      <c r="AI8700">
        <v>65</v>
      </c>
      <c r="AJ8700">
        <v>66</v>
      </c>
      <c r="AK8700">
        <v>66</v>
      </c>
      <c r="AL8700">
        <v>67</v>
      </c>
      <c r="AM8700">
        <v>68</v>
      </c>
      <c r="AN8700">
        <v>68</v>
      </c>
      <c r="AO8700">
        <v>69</v>
      </c>
      <c r="AP8700">
        <v>70</v>
      </c>
      <c r="AQ8700">
        <v>71</v>
      </c>
    </row>
    <row r="8701" spans="1:43">
      <c r="A8701" t="s">
        <v>5444</v>
      </c>
      <c r="B8701" t="s">
        <v>5445</v>
      </c>
      <c r="C8701" t="s">
        <v>5440</v>
      </c>
      <c r="D8701" t="s">
        <v>5441</v>
      </c>
      <c r="E8701" t="s">
        <v>5426</v>
      </c>
      <c r="F8701" t="s">
        <v>5427</v>
      </c>
      <c r="G8701" t="s">
        <v>80</v>
      </c>
      <c r="H8701" t="s">
        <v>81</v>
      </c>
      <c r="I8701" s="2">
        <v>0</v>
      </c>
      <c r="J8701" s="2">
        <v>1</v>
      </c>
      <c r="K8701" s="2">
        <v>0</v>
      </c>
      <c r="L8701" t="s">
        <v>82</v>
      </c>
      <c r="M8701" t="s">
        <v>83</v>
      </c>
      <c r="N8701" t="s">
        <v>91</v>
      </c>
      <c r="O8701" t="s">
        <v>85</v>
      </c>
      <c r="P8701" t="s">
        <v>86</v>
      </c>
      <c r="Q8701">
        <v>42</v>
      </c>
      <c r="R8701">
        <v>43</v>
      </c>
      <c r="S8701">
        <v>44</v>
      </c>
      <c r="T8701">
        <v>45</v>
      </c>
      <c r="U8701">
        <v>46</v>
      </c>
      <c r="V8701">
        <v>47</v>
      </c>
      <c r="W8701">
        <v>48</v>
      </c>
      <c r="X8701">
        <v>49</v>
      </c>
      <c r="Y8701">
        <v>51</v>
      </c>
      <c r="Z8701">
        <v>52</v>
      </c>
      <c r="AA8701">
        <v>53</v>
      </c>
      <c r="AB8701">
        <v>54</v>
      </c>
      <c r="AC8701">
        <v>55</v>
      </c>
      <c r="AD8701">
        <v>57</v>
      </c>
      <c r="AE8701">
        <v>58</v>
      </c>
      <c r="AF8701">
        <v>59</v>
      </c>
      <c r="AG8701">
        <v>60</v>
      </c>
      <c r="AH8701">
        <v>62</v>
      </c>
      <c r="AI8701">
        <v>63</v>
      </c>
      <c r="AJ8701">
        <v>64</v>
      </c>
      <c r="AK8701">
        <v>66</v>
      </c>
      <c r="AL8701">
        <v>67</v>
      </c>
      <c r="AM8701">
        <v>67</v>
      </c>
      <c r="AN8701">
        <v>68</v>
      </c>
      <c r="AO8701">
        <v>69</v>
      </c>
      <c r="AP8701">
        <v>69</v>
      </c>
      <c r="AQ8701">
        <v>70</v>
      </c>
    </row>
    <row r="8702" spans="1:43">
      <c r="A8702" t="s">
        <v>5446</v>
      </c>
      <c r="B8702" t="s">
        <v>5447</v>
      </c>
      <c r="C8702" t="s">
        <v>5448</v>
      </c>
      <c r="D8702" t="s">
        <v>5449</v>
      </c>
      <c r="E8702" t="s">
        <v>5426</v>
      </c>
      <c r="F8702" t="s">
        <v>5427</v>
      </c>
      <c r="G8702" t="s">
        <v>80</v>
      </c>
      <c r="H8702" t="s">
        <v>81</v>
      </c>
      <c r="I8702" s="2">
        <v>0</v>
      </c>
      <c r="J8702" s="2">
        <v>1</v>
      </c>
      <c r="K8702" s="2">
        <v>0</v>
      </c>
      <c r="L8702" t="s">
        <v>82</v>
      </c>
      <c r="M8702" t="s">
        <v>83</v>
      </c>
      <c r="N8702" t="s">
        <v>84</v>
      </c>
      <c r="O8702" t="s">
        <v>85</v>
      </c>
      <c r="P8702" t="s">
        <v>86</v>
      </c>
      <c r="Q8702">
        <v>91</v>
      </c>
      <c r="R8702">
        <v>93</v>
      </c>
      <c r="S8702">
        <v>96</v>
      </c>
      <c r="T8702">
        <v>98</v>
      </c>
      <c r="U8702">
        <v>100</v>
      </c>
      <c r="V8702">
        <v>103</v>
      </c>
      <c r="W8702">
        <v>105</v>
      </c>
      <c r="X8702">
        <v>108</v>
      </c>
      <c r="Y8702">
        <v>111</v>
      </c>
      <c r="Z8702">
        <v>113</v>
      </c>
      <c r="AA8702">
        <v>116</v>
      </c>
      <c r="AB8702">
        <v>119</v>
      </c>
      <c r="AC8702">
        <v>121</v>
      </c>
      <c r="AD8702">
        <v>124</v>
      </c>
      <c r="AE8702">
        <v>127</v>
      </c>
      <c r="AF8702">
        <v>130</v>
      </c>
      <c r="AG8702">
        <v>133</v>
      </c>
      <c r="AH8702">
        <v>135</v>
      </c>
      <c r="AI8702">
        <v>138</v>
      </c>
      <c r="AJ8702">
        <v>141</v>
      </c>
      <c r="AK8702">
        <v>144</v>
      </c>
      <c r="AL8702">
        <v>147</v>
      </c>
      <c r="AM8702">
        <v>148</v>
      </c>
      <c r="AN8702">
        <v>150</v>
      </c>
      <c r="AO8702">
        <v>151</v>
      </c>
      <c r="AP8702">
        <v>153</v>
      </c>
      <c r="AQ8702">
        <v>154</v>
      </c>
    </row>
    <row r="8703" spans="1:43">
      <c r="A8703" t="s">
        <v>5446</v>
      </c>
      <c r="B8703" t="s">
        <v>5447</v>
      </c>
      <c r="C8703" t="s">
        <v>5448</v>
      </c>
      <c r="D8703" t="s">
        <v>5449</v>
      </c>
      <c r="E8703" t="s">
        <v>5426</v>
      </c>
      <c r="F8703" t="s">
        <v>5427</v>
      </c>
      <c r="G8703" t="s">
        <v>80</v>
      </c>
      <c r="H8703" t="s">
        <v>81</v>
      </c>
      <c r="I8703" s="2">
        <v>0</v>
      </c>
      <c r="J8703" s="2">
        <v>1</v>
      </c>
      <c r="K8703" s="2">
        <v>0</v>
      </c>
      <c r="L8703" t="s">
        <v>82</v>
      </c>
      <c r="M8703" t="s">
        <v>87</v>
      </c>
      <c r="N8703" t="s">
        <v>88</v>
      </c>
      <c r="O8703" t="s">
        <v>85</v>
      </c>
      <c r="P8703" t="s">
        <v>86</v>
      </c>
      <c r="Q8703">
        <v>91</v>
      </c>
      <c r="R8703">
        <v>93</v>
      </c>
      <c r="S8703">
        <v>94</v>
      </c>
      <c r="T8703">
        <v>96</v>
      </c>
      <c r="U8703">
        <v>97</v>
      </c>
      <c r="V8703">
        <v>99</v>
      </c>
      <c r="W8703">
        <v>100</v>
      </c>
      <c r="X8703">
        <v>102</v>
      </c>
      <c r="Y8703">
        <v>103</v>
      </c>
      <c r="Z8703">
        <v>105</v>
      </c>
      <c r="AA8703">
        <v>106</v>
      </c>
      <c r="AB8703">
        <v>108</v>
      </c>
      <c r="AC8703">
        <v>110</v>
      </c>
      <c r="AD8703">
        <v>111</v>
      </c>
      <c r="AE8703">
        <v>113</v>
      </c>
      <c r="AF8703">
        <v>115</v>
      </c>
      <c r="AG8703">
        <v>117</v>
      </c>
      <c r="AH8703">
        <v>118</v>
      </c>
      <c r="AI8703">
        <v>120</v>
      </c>
      <c r="AJ8703">
        <v>122</v>
      </c>
      <c r="AK8703">
        <v>124</v>
      </c>
      <c r="AL8703">
        <v>125</v>
      </c>
      <c r="AM8703">
        <v>127</v>
      </c>
      <c r="AN8703">
        <v>129</v>
      </c>
      <c r="AO8703">
        <v>131</v>
      </c>
      <c r="AP8703">
        <v>133</v>
      </c>
      <c r="AQ8703">
        <v>135</v>
      </c>
    </row>
    <row r="8704" spans="1:43">
      <c r="A8704" t="s">
        <v>5446</v>
      </c>
      <c r="B8704" t="s">
        <v>5447</v>
      </c>
      <c r="C8704" t="s">
        <v>5448</v>
      </c>
      <c r="D8704" t="s">
        <v>5449</v>
      </c>
      <c r="E8704" t="s">
        <v>5426</v>
      </c>
      <c r="F8704" t="s">
        <v>5427</v>
      </c>
      <c r="G8704" t="s">
        <v>80</v>
      </c>
      <c r="H8704" t="s">
        <v>81</v>
      </c>
      <c r="I8704" s="2">
        <v>0</v>
      </c>
      <c r="J8704" s="2">
        <v>1</v>
      </c>
      <c r="K8704" s="2">
        <v>0</v>
      </c>
      <c r="L8704" t="s">
        <v>82</v>
      </c>
      <c r="M8704" t="s">
        <v>89</v>
      </c>
      <c r="N8704" t="s">
        <v>90</v>
      </c>
      <c r="O8704" t="s">
        <v>85</v>
      </c>
      <c r="P8704" t="s">
        <v>86</v>
      </c>
      <c r="Q8704">
        <v>91</v>
      </c>
      <c r="R8704">
        <v>94</v>
      </c>
      <c r="S8704">
        <v>97</v>
      </c>
      <c r="T8704">
        <v>100</v>
      </c>
      <c r="U8704">
        <v>103</v>
      </c>
      <c r="V8704">
        <v>107</v>
      </c>
      <c r="W8704">
        <v>110</v>
      </c>
      <c r="X8704">
        <v>113</v>
      </c>
      <c r="Y8704">
        <v>116</v>
      </c>
      <c r="Z8704">
        <v>119</v>
      </c>
      <c r="AA8704">
        <v>123</v>
      </c>
      <c r="AB8704">
        <v>126</v>
      </c>
      <c r="AC8704">
        <v>129</v>
      </c>
      <c r="AD8704">
        <v>133</v>
      </c>
      <c r="AE8704">
        <v>135</v>
      </c>
      <c r="AF8704">
        <v>137</v>
      </c>
      <c r="AG8704">
        <v>138</v>
      </c>
      <c r="AH8704">
        <v>140</v>
      </c>
      <c r="AI8704">
        <v>141</v>
      </c>
      <c r="AJ8704">
        <v>143</v>
      </c>
      <c r="AK8704">
        <v>145</v>
      </c>
      <c r="AL8704">
        <v>146</v>
      </c>
      <c r="AM8704">
        <v>148</v>
      </c>
      <c r="AN8704">
        <v>149</v>
      </c>
      <c r="AO8704">
        <v>151</v>
      </c>
      <c r="AP8704">
        <v>152</v>
      </c>
      <c r="AQ8704">
        <v>154</v>
      </c>
    </row>
    <row r="8705" spans="1:43">
      <c r="A8705" t="s">
        <v>5446</v>
      </c>
      <c r="B8705" t="s">
        <v>5447</v>
      </c>
      <c r="C8705" t="s">
        <v>5448</v>
      </c>
      <c r="D8705" t="s">
        <v>5449</v>
      </c>
      <c r="E8705" t="s">
        <v>5426</v>
      </c>
      <c r="F8705" t="s">
        <v>5427</v>
      </c>
      <c r="G8705" t="s">
        <v>80</v>
      </c>
      <c r="H8705" t="s">
        <v>81</v>
      </c>
      <c r="I8705" s="2">
        <v>0</v>
      </c>
      <c r="J8705" s="2">
        <v>1</v>
      </c>
      <c r="K8705" s="2">
        <v>0</v>
      </c>
      <c r="L8705" t="s">
        <v>82</v>
      </c>
      <c r="M8705" t="s">
        <v>83</v>
      </c>
      <c r="N8705" t="s">
        <v>91</v>
      </c>
      <c r="O8705" t="s">
        <v>85</v>
      </c>
      <c r="P8705" t="s">
        <v>86</v>
      </c>
      <c r="Q8705">
        <v>91</v>
      </c>
      <c r="R8705">
        <v>93</v>
      </c>
      <c r="S8705">
        <v>96</v>
      </c>
      <c r="T8705">
        <v>98</v>
      </c>
      <c r="U8705">
        <v>100</v>
      </c>
      <c r="V8705">
        <v>103</v>
      </c>
      <c r="W8705">
        <v>105</v>
      </c>
      <c r="X8705">
        <v>108</v>
      </c>
      <c r="Y8705">
        <v>111</v>
      </c>
      <c r="Z8705">
        <v>113</v>
      </c>
      <c r="AA8705">
        <v>116</v>
      </c>
      <c r="AB8705">
        <v>119</v>
      </c>
      <c r="AC8705">
        <v>121</v>
      </c>
      <c r="AD8705">
        <v>124</v>
      </c>
      <c r="AE8705">
        <v>127</v>
      </c>
      <c r="AF8705">
        <v>130</v>
      </c>
      <c r="AG8705">
        <v>133</v>
      </c>
      <c r="AH8705">
        <v>135</v>
      </c>
      <c r="AI8705">
        <v>138</v>
      </c>
      <c r="AJ8705">
        <v>141</v>
      </c>
      <c r="AK8705">
        <v>144</v>
      </c>
      <c r="AL8705">
        <v>147</v>
      </c>
      <c r="AM8705">
        <v>148</v>
      </c>
      <c r="AN8705">
        <v>150</v>
      </c>
      <c r="AO8705">
        <v>151</v>
      </c>
      <c r="AP8705">
        <v>153</v>
      </c>
      <c r="AQ8705">
        <v>154</v>
      </c>
    </row>
    <row r="8706" spans="1:43">
      <c r="A8706" t="s">
        <v>5450</v>
      </c>
      <c r="B8706" t="s">
        <v>5451</v>
      </c>
      <c r="C8706" t="s">
        <v>5448</v>
      </c>
      <c r="D8706" t="s">
        <v>5449</v>
      </c>
      <c r="E8706" t="s">
        <v>5426</v>
      </c>
      <c r="F8706" t="s">
        <v>5427</v>
      </c>
      <c r="G8706" t="s">
        <v>80</v>
      </c>
      <c r="H8706" t="s">
        <v>81</v>
      </c>
      <c r="I8706" s="2">
        <v>0</v>
      </c>
      <c r="J8706" s="2">
        <v>1</v>
      </c>
      <c r="K8706" s="2">
        <v>0</v>
      </c>
      <c r="L8706" t="s">
        <v>82</v>
      </c>
      <c r="M8706" t="s">
        <v>83</v>
      </c>
      <c r="N8706" t="s">
        <v>84</v>
      </c>
      <c r="O8706" t="s">
        <v>85</v>
      </c>
      <c r="P8706" t="s">
        <v>86</v>
      </c>
      <c r="Q8706">
        <v>76</v>
      </c>
      <c r="R8706">
        <v>78</v>
      </c>
      <c r="S8706">
        <v>80</v>
      </c>
      <c r="T8706">
        <v>82</v>
      </c>
      <c r="U8706">
        <v>84</v>
      </c>
      <c r="V8706">
        <v>86</v>
      </c>
      <c r="W8706">
        <v>89</v>
      </c>
      <c r="X8706">
        <v>91</v>
      </c>
      <c r="Y8706">
        <v>93</v>
      </c>
      <c r="Z8706">
        <v>95</v>
      </c>
      <c r="AA8706">
        <v>97</v>
      </c>
      <c r="AB8706">
        <v>100</v>
      </c>
      <c r="AC8706">
        <v>102</v>
      </c>
      <c r="AD8706">
        <v>104</v>
      </c>
      <c r="AE8706">
        <v>107</v>
      </c>
      <c r="AF8706">
        <v>109</v>
      </c>
      <c r="AG8706">
        <v>111</v>
      </c>
      <c r="AH8706">
        <v>114</v>
      </c>
      <c r="AI8706">
        <v>116</v>
      </c>
      <c r="AJ8706">
        <v>119</v>
      </c>
      <c r="AK8706">
        <v>122</v>
      </c>
      <c r="AL8706">
        <v>123</v>
      </c>
      <c r="AM8706">
        <v>125</v>
      </c>
      <c r="AN8706">
        <v>126</v>
      </c>
      <c r="AO8706">
        <v>127</v>
      </c>
      <c r="AP8706">
        <v>129</v>
      </c>
      <c r="AQ8706">
        <v>130</v>
      </c>
    </row>
    <row r="8707" spans="1:43">
      <c r="A8707" t="s">
        <v>5450</v>
      </c>
      <c r="B8707" t="s">
        <v>5451</v>
      </c>
      <c r="C8707" t="s">
        <v>5448</v>
      </c>
      <c r="D8707" t="s">
        <v>5449</v>
      </c>
      <c r="E8707" t="s">
        <v>5426</v>
      </c>
      <c r="F8707" t="s">
        <v>5427</v>
      </c>
      <c r="G8707" t="s">
        <v>80</v>
      </c>
      <c r="H8707" t="s">
        <v>81</v>
      </c>
      <c r="I8707" s="2">
        <v>0</v>
      </c>
      <c r="J8707" s="2">
        <v>1</v>
      </c>
      <c r="K8707" s="2">
        <v>0</v>
      </c>
      <c r="L8707" t="s">
        <v>82</v>
      </c>
      <c r="M8707" t="s">
        <v>87</v>
      </c>
      <c r="N8707" t="s">
        <v>88</v>
      </c>
      <c r="O8707" t="s">
        <v>85</v>
      </c>
      <c r="P8707" t="s">
        <v>86</v>
      </c>
      <c r="Q8707">
        <v>76</v>
      </c>
      <c r="R8707">
        <v>77</v>
      </c>
      <c r="S8707">
        <v>78</v>
      </c>
      <c r="T8707">
        <v>79</v>
      </c>
      <c r="U8707">
        <v>81</v>
      </c>
      <c r="V8707">
        <v>82</v>
      </c>
      <c r="W8707">
        <v>83</v>
      </c>
      <c r="X8707">
        <v>84</v>
      </c>
      <c r="Y8707">
        <v>86</v>
      </c>
      <c r="Z8707">
        <v>87</v>
      </c>
      <c r="AA8707">
        <v>89</v>
      </c>
      <c r="AB8707">
        <v>90</v>
      </c>
      <c r="AC8707">
        <v>91</v>
      </c>
      <c r="AD8707">
        <v>93</v>
      </c>
      <c r="AE8707">
        <v>94</v>
      </c>
      <c r="AF8707">
        <v>96</v>
      </c>
      <c r="AG8707">
        <v>97</v>
      </c>
      <c r="AH8707">
        <v>99</v>
      </c>
      <c r="AI8707">
        <v>100</v>
      </c>
      <c r="AJ8707">
        <v>102</v>
      </c>
      <c r="AK8707">
        <v>103</v>
      </c>
      <c r="AL8707">
        <v>105</v>
      </c>
      <c r="AM8707">
        <v>106</v>
      </c>
      <c r="AN8707">
        <v>108</v>
      </c>
      <c r="AO8707">
        <v>109</v>
      </c>
      <c r="AP8707">
        <v>111</v>
      </c>
      <c r="AQ8707">
        <v>113</v>
      </c>
    </row>
    <row r="8708" spans="1:43">
      <c r="A8708" t="s">
        <v>5450</v>
      </c>
      <c r="B8708" t="s">
        <v>5451</v>
      </c>
      <c r="C8708" t="s">
        <v>5448</v>
      </c>
      <c r="D8708" t="s">
        <v>5449</v>
      </c>
      <c r="E8708" t="s">
        <v>5426</v>
      </c>
      <c r="F8708" t="s">
        <v>5427</v>
      </c>
      <c r="G8708" t="s">
        <v>80</v>
      </c>
      <c r="H8708" t="s">
        <v>81</v>
      </c>
      <c r="I8708" s="2">
        <v>0</v>
      </c>
      <c r="J8708" s="2">
        <v>1</v>
      </c>
      <c r="K8708" s="2">
        <v>0</v>
      </c>
      <c r="L8708" t="s">
        <v>82</v>
      </c>
      <c r="M8708" t="s">
        <v>89</v>
      </c>
      <c r="N8708" t="s">
        <v>90</v>
      </c>
      <c r="O8708" t="s">
        <v>85</v>
      </c>
      <c r="P8708" t="s">
        <v>86</v>
      </c>
      <c r="Q8708">
        <v>76</v>
      </c>
      <c r="R8708">
        <v>79</v>
      </c>
      <c r="S8708">
        <v>81</v>
      </c>
      <c r="T8708">
        <v>84</v>
      </c>
      <c r="U8708">
        <v>87</v>
      </c>
      <c r="V8708">
        <v>89</v>
      </c>
      <c r="W8708">
        <v>92</v>
      </c>
      <c r="X8708">
        <v>95</v>
      </c>
      <c r="Y8708">
        <v>97</v>
      </c>
      <c r="Z8708">
        <v>100</v>
      </c>
      <c r="AA8708">
        <v>103</v>
      </c>
      <c r="AB8708">
        <v>106</v>
      </c>
      <c r="AC8708">
        <v>109</v>
      </c>
      <c r="AD8708">
        <v>111</v>
      </c>
      <c r="AE8708">
        <v>114</v>
      </c>
      <c r="AF8708">
        <v>115</v>
      </c>
      <c r="AG8708">
        <v>116</v>
      </c>
      <c r="AH8708">
        <v>118</v>
      </c>
      <c r="AI8708">
        <v>119</v>
      </c>
      <c r="AJ8708">
        <v>120</v>
      </c>
      <c r="AK8708">
        <v>121</v>
      </c>
      <c r="AL8708">
        <v>123</v>
      </c>
      <c r="AM8708">
        <v>124</v>
      </c>
      <c r="AN8708">
        <v>125</v>
      </c>
      <c r="AO8708">
        <v>127</v>
      </c>
      <c r="AP8708">
        <v>128</v>
      </c>
      <c r="AQ8708">
        <v>129</v>
      </c>
    </row>
    <row r="8709" spans="1:43">
      <c r="A8709" t="s">
        <v>5450</v>
      </c>
      <c r="B8709" t="s">
        <v>5451</v>
      </c>
      <c r="C8709" t="s">
        <v>5448</v>
      </c>
      <c r="D8709" t="s">
        <v>5449</v>
      </c>
      <c r="E8709" t="s">
        <v>5426</v>
      </c>
      <c r="F8709" t="s">
        <v>5427</v>
      </c>
      <c r="G8709" t="s">
        <v>80</v>
      </c>
      <c r="H8709" t="s">
        <v>81</v>
      </c>
      <c r="I8709" s="2">
        <v>0</v>
      </c>
      <c r="J8709" s="2">
        <v>1</v>
      </c>
      <c r="K8709" s="2">
        <v>0</v>
      </c>
      <c r="L8709" t="s">
        <v>82</v>
      </c>
      <c r="M8709" t="s">
        <v>83</v>
      </c>
      <c r="N8709" t="s">
        <v>91</v>
      </c>
      <c r="O8709" t="s">
        <v>85</v>
      </c>
      <c r="P8709" t="s">
        <v>86</v>
      </c>
      <c r="Q8709">
        <v>76</v>
      </c>
      <c r="R8709">
        <v>78</v>
      </c>
      <c r="S8709">
        <v>80</v>
      </c>
      <c r="T8709">
        <v>82</v>
      </c>
      <c r="U8709">
        <v>84</v>
      </c>
      <c r="V8709">
        <v>86</v>
      </c>
      <c r="W8709">
        <v>89</v>
      </c>
      <c r="X8709">
        <v>91</v>
      </c>
      <c r="Y8709">
        <v>93</v>
      </c>
      <c r="Z8709">
        <v>95</v>
      </c>
      <c r="AA8709">
        <v>97</v>
      </c>
      <c r="AB8709">
        <v>100</v>
      </c>
      <c r="AC8709">
        <v>102</v>
      </c>
      <c r="AD8709">
        <v>104</v>
      </c>
      <c r="AE8709">
        <v>107</v>
      </c>
      <c r="AF8709">
        <v>109</v>
      </c>
      <c r="AG8709">
        <v>111</v>
      </c>
      <c r="AH8709">
        <v>114</v>
      </c>
      <c r="AI8709">
        <v>116</v>
      </c>
      <c r="AJ8709">
        <v>119</v>
      </c>
      <c r="AK8709">
        <v>122</v>
      </c>
      <c r="AL8709">
        <v>123</v>
      </c>
      <c r="AM8709">
        <v>125</v>
      </c>
      <c r="AN8709">
        <v>126</v>
      </c>
      <c r="AO8709">
        <v>127</v>
      </c>
      <c r="AP8709">
        <v>129</v>
      </c>
      <c r="AQ8709">
        <v>130</v>
      </c>
    </row>
    <row r="8710" spans="1:43">
      <c r="A8710" t="s">
        <v>5452</v>
      </c>
      <c r="B8710" t="s">
        <v>5453</v>
      </c>
      <c r="C8710" t="s">
        <v>5448</v>
      </c>
      <c r="D8710" t="s">
        <v>5449</v>
      </c>
      <c r="E8710" t="s">
        <v>5426</v>
      </c>
      <c r="F8710" t="s">
        <v>5427</v>
      </c>
      <c r="G8710" t="s">
        <v>80</v>
      </c>
      <c r="H8710" t="s">
        <v>81</v>
      </c>
      <c r="I8710" s="2">
        <v>0</v>
      </c>
      <c r="J8710" s="2">
        <v>1</v>
      </c>
      <c r="K8710" s="2">
        <v>0</v>
      </c>
      <c r="L8710" t="s">
        <v>82</v>
      </c>
      <c r="M8710" t="s">
        <v>83</v>
      </c>
      <c r="N8710" t="s">
        <v>84</v>
      </c>
      <c r="O8710" t="s">
        <v>85</v>
      </c>
      <c r="P8710" t="s">
        <v>86</v>
      </c>
      <c r="Q8710">
        <v>112</v>
      </c>
      <c r="R8710">
        <v>115</v>
      </c>
      <c r="S8710">
        <v>118</v>
      </c>
      <c r="T8710">
        <v>121</v>
      </c>
      <c r="U8710">
        <v>124</v>
      </c>
      <c r="V8710">
        <v>127</v>
      </c>
      <c r="W8710">
        <v>130</v>
      </c>
      <c r="X8710">
        <v>133</v>
      </c>
      <c r="Y8710">
        <v>136</v>
      </c>
      <c r="Z8710">
        <v>140</v>
      </c>
      <c r="AA8710">
        <v>143</v>
      </c>
      <c r="AB8710">
        <v>146</v>
      </c>
      <c r="AC8710">
        <v>150</v>
      </c>
      <c r="AD8710">
        <v>153</v>
      </c>
      <c r="AE8710">
        <v>156</v>
      </c>
      <c r="AF8710">
        <v>160</v>
      </c>
      <c r="AG8710">
        <v>164</v>
      </c>
      <c r="AH8710">
        <v>167</v>
      </c>
      <c r="AI8710">
        <v>171</v>
      </c>
      <c r="AJ8710">
        <v>175</v>
      </c>
      <c r="AK8710">
        <v>178</v>
      </c>
      <c r="AL8710">
        <v>181</v>
      </c>
      <c r="AM8710">
        <v>183</v>
      </c>
      <c r="AN8710">
        <v>185</v>
      </c>
      <c r="AO8710">
        <v>187</v>
      </c>
      <c r="AP8710">
        <v>189</v>
      </c>
      <c r="AQ8710">
        <v>191</v>
      </c>
    </row>
    <row r="8711" spans="1:43">
      <c r="A8711" t="s">
        <v>5452</v>
      </c>
      <c r="B8711" t="s">
        <v>5453</v>
      </c>
      <c r="C8711" t="s">
        <v>5448</v>
      </c>
      <c r="D8711" t="s">
        <v>5449</v>
      </c>
      <c r="E8711" t="s">
        <v>5426</v>
      </c>
      <c r="F8711" t="s">
        <v>5427</v>
      </c>
      <c r="G8711" t="s">
        <v>80</v>
      </c>
      <c r="H8711" t="s">
        <v>81</v>
      </c>
      <c r="I8711" s="2">
        <v>0</v>
      </c>
      <c r="J8711" s="2">
        <v>1</v>
      </c>
      <c r="K8711" s="2">
        <v>0</v>
      </c>
      <c r="L8711" t="s">
        <v>82</v>
      </c>
      <c r="M8711" t="s">
        <v>87</v>
      </c>
      <c r="N8711" t="s">
        <v>88</v>
      </c>
      <c r="O8711" t="s">
        <v>85</v>
      </c>
      <c r="P8711" t="s">
        <v>86</v>
      </c>
      <c r="Q8711">
        <v>112</v>
      </c>
      <c r="R8711">
        <v>114</v>
      </c>
      <c r="S8711">
        <v>116</v>
      </c>
      <c r="T8711">
        <v>117</v>
      </c>
      <c r="U8711">
        <v>119</v>
      </c>
      <c r="V8711">
        <v>121</v>
      </c>
      <c r="W8711">
        <v>123</v>
      </c>
      <c r="X8711">
        <v>125</v>
      </c>
      <c r="Y8711">
        <v>127</v>
      </c>
      <c r="Z8711">
        <v>129</v>
      </c>
      <c r="AA8711">
        <v>131</v>
      </c>
      <c r="AB8711">
        <v>133</v>
      </c>
      <c r="AC8711">
        <v>135</v>
      </c>
      <c r="AD8711">
        <v>137</v>
      </c>
      <c r="AE8711">
        <v>139</v>
      </c>
      <c r="AF8711">
        <v>141</v>
      </c>
      <c r="AG8711">
        <v>144</v>
      </c>
      <c r="AH8711">
        <v>146</v>
      </c>
      <c r="AI8711">
        <v>148</v>
      </c>
      <c r="AJ8711">
        <v>150</v>
      </c>
      <c r="AK8711">
        <v>152</v>
      </c>
      <c r="AL8711">
        <v>155</v>
      </c>
      <c r="AM8711">
        <v>157</v>
      </c>
      <c r="AN8711">
        <v>159</v>
      </c>
      <c r="AO8711">
        <v>161</v>
      </c>
      <c r="AP8711">
        <v>164</v>
      </c>
      <c r="AQ8711">
        <v>166</v>
      </c>
    </row>
    <row r="8712" spans="1:43">
      <c r="A8712" t="s">
        <v>5452</v>
      </c>
      <c r="B8712" t="s">
        <v>5453</v>
      </c>
      <c r="C8712" t="s">
        <v>5448</v>
      </c>
      <c r="D8712" t="s">
        <v>5449</v>
      </c>
      <c r="E8712" t="s">
        <v>5426</v>
      </c>
      <c r="F8712" t="s">
        <v>5427</v>
      </c>
      <c r="G8712" t="s">
        <v>80</v>
      </c>
      <c r="H8712" t="s">
        <v>81</v>
      </c>
      <c r="I8712" s="2">
        <v>0</v>
      </c>
      <c r="J8712" s="2">
        <v>1</v>
      </c>
      <c r="K8712" s="2">
        <v>0</v>
      </c>
      <c r="L8712" t="s">
        <v>82</v>
      </c>
      <c r="M8712" t="s">
        <v>89</v>
      </c>
      <c r="N8712" t="s">
        <v>90</v>
      </c>
      <c r="O8712" t="s">
        <v>85</v>
      </c>
      <c r="P8712" t="s">
        <v>86</v>
      </c>
      <c r="Q8712">
        <v>112</v>
      </c>
      <c r="R8712">
        <v>116</v>
      </c>
      <c r="S8712">
        <v>120</v>
      </c>
      <c r="T8712">
        <v>124</v>
      </c>
      <c r="U8712">
        <v>128</v>
      </c>
      <c r="V8712">
        <v>132</v>
      </c>
      <c r="W8712">
        <v>136</v>
      </c>
      <c r="X8712">
        <v>140</v>
      </c>
      <c r="Y8712">
        <v>144</v>
      </c>
      <c r="Z8712">
        <v>148</v>
      </c>
      <c r="AA8712">
        <v>152</v>
      </c>
      <c r="AB8712">
        <v>155</v>
      </c>
      <c r="AC8712">
        <v>160</v>
      </c>
      <c r="AD8712">
        <v>164</v>
      </c>
      <c r="AE8712">
        <v>167</v>
      </c>
      <c r="AF8712">
        <v>169</v>
      </c>
      <c r="AG8712">
        <v>171</v>
      </c>
      <c r="AH8712">
        <v>173</v>
      </c>
      <c r="AI8712">
        <v>175</v>
      </c>
      <c r="AJ8712">
        <v>177</v>
      </c>
      <c r="AK8712">
        <v>179</v>
      </c>
      <c r="AL8712">
        <v>181</v>
      </c>
      <c r="AM8712">
        <v>182</v>
      </c>
      <c r="AN8712">
        <v>184</v>
      </c>
      <c r="AO8712">
        <v>186</v>
      </c>
      <c r="AP8712">
        <v>188</v>
      </c>
      <c r="AQ8712">
        <v>190</v>
      </c>
    </row>
    <row r="8713" spans="1:43">
      <c r="A8713" t="s">
        <v>5452</v>
      </c>
      <c r="B8713" t="s">
        <v>5453</v>
      </c>
      <c r="C8713" t="s">
        <v>5448</v>
      </c>
      <c r="D8713" t="s">
        <v>5449</v>
      </c>
      <c r="E8713" t="s">
        <v>5426</v>
      </c>
      <c r="F8713" t="s">
        <v>5427</v>
      </c>
      <c r="G8713" t="s">
        <v>80</v>
      </c>
      <c r="H8713" t="s">
        <v>81</v>
      </c>
      <c r="I8713" s="2">
        <v>0</v>
      </c>
      <c r="J8713" s="2">
        <v>1</v>
      </c>
      <c r="K8713" s="2">
        <v>0</v>
      </c>
      <c r="L8713" t="s">
        <v>82</v>
      </c>
      <c r="M8713" t="s">
        <v>83</v>
      </c>
      <c r="N8713" t="s">
        <v>91</v>
      </c>
      <c r="O8713" t="s">
        <v>85</v>
      </c>
      <c r="P8713" t="s">
        <v>86</v>
      </c>
      <c r="Q8713">
        <v>112</v>
      </c>
      <c r="R8713">
        <v>115</v>
      </c>
      <c r="S8713">
        <v>118</v>
      </c>
      <c r="T8713">
        <v>121</v>
      </c>
      <c r="U8713">
        <v>124</v>
      </c>
      <c r="V8713">
        <v>127</v>
      </c>
      <c r="W8713">
        <v>130</v>
      </c>
      <c r="X8713">
        <v>133</v>
      </c>
      <c r="Y8713">
        <v>136</v>
      </c>
      <c r="Z8713">
        <v>140</v>
      </c>
      <c r="AA8713">
        <v>143</v>
      </c>
      <c r="AB8713">
        <v>146</v>
      </c>
      <c r="AC8713">
        <v>150</v>
      </c>
      <c r="AD8713">
        <v>153</v>
      </c>
      <c r="AE8713">
        <v>156</v>
      </c>
      <c r="AF8713">
        <v>160</v>
      </c>
      <c r="AG8713">
        <v>164</v>
      </c>
      <c r="AH8713">
        <v>167</v>
      </c>
      <c r="AI8713">
        <v>171</v>
      </c>
      <c r="AJ8713">
        <v>175</v>
      </c>
      <c r="AK8713">
        <v>178</v>
      </c>
      <c r="AL8713">
        <v>181</v>
      </c>
      <c r="AM8713">
        <v>183</v>
      </c>
      <c r="AN8713">
        <v>185</v>
      </c>
      <c r="AO8713">
        <v>187</v>
      </c>
      <c r="AP8713">
        <v>189</v>
      </c>
      <c r="AQ8713">
        <v>191</v>
      </c>
    </row>
    <row r="8714" spans="1:43">
      <c r="A8714" t="s">
        <v>5454</v>
      </c>
      <c r="B8714" t="s">
        <v>5455</v>
      </c>
      <c r="C8714" t="s">
        <v>5448</v>
      </c>
      <c r="D8714" t="s">
        <v>5449</v>
      </c>
      <c r="E8714" t="s">
        <v>5426</v>
      </c>
      <c r="F8714" t="s">
        <v>5427</v>
      </c>
      <c r="G8714" t="s">
        <v>80</v>
      </c>
      <c r="H8714" t="s">
        <v>81</v>
      </c>
      <c r="I8714" s="2">
        <v>0</v>
      </c>
      <c r="J8714" s="2">
        <v>1</v>
      </c>
      <c r="K8714" s="2">
        <v>0</v>
      </c>
      <c r="L8714" t="s">
        <v>82</v>
      </c>
      <c r="M8714" t="s">
        <v>83</v>
      </c>
      <c r="N8714" t="s">
        <v>84</v>
      </c>
      <c r="O8714" t="s">
        <v>85</v>
      </c>
      <c r="P8714" t="s">
        <v>86</v>
      </c>
      <c r="Q8714">
        <v>309</v>
      </c>
      <c r="R8714">
        <v>317</v>
      </c>
      <c r="S8714">
        <v>325</v>
      </c>
      <c r="T8714">
        <v>333</v>
      </c>
      <c r="U8714">
        <v>341</v>
      </c>
      <c r="V8714">
        <v>350</v>
      </c>
      <c r="W8714">
        <v>358</v>
      </c>
      <c r="X8714">
        <v>367</v>
      </c>
      <c r="Y8714">
        <v>376</v>
      </c>
      <c r="Z8714">
        <v>385</v>
      </c>
      <c r="AA8714">
        <v>394</v>
      </c>
      <c r="AB8714">
        <v>403</v>
      </c>
      <c r="AC8714">
        <v>412</v>
      </c>
      <c r="AD8714">
        <v>422</v>
      </c>
      <c r="AE8714">
        <v>431</v>
      </c>
      <c r="AF8714">
        <v>441</v>
      </c>
      <c r="AG8714">
        <v>451</v>
      </c>
      <c r="AH8714">
        <v>461</v>
      </c>
      <c r="AI8714">
        <v>471</v>
      </c>
      <c r="AJ8714">
        <v>481</v>
      </c>
      <c r="AK8714">
        <v>491</v>
      </c>
      <c r="AL8714">
        <v>498</v>
      </c>
      <c r="AM8714">
        <v>504</v>
      </c>
      <c r="AN8714">
        <v>509</v>
      </c>
      <c r="AO8714">
        <v>514</v>
      </c>
      <c r="AP8714">
        <v>520</v>
      </c>
      <c r="AQ8714">
        <v>525</v>
      </c>
    </row>
    <row r="8715" spans="1:43">
      <c r="A8715" t="s">
        <v>5454</v>
      </c>
      <c r="B8715" t="s">
        <v>5455</v>
      </c>
      <c r="C8715" t="s">
        <v>5448</v>
      </c>
      <c r="D8715" t="s">
        <v>5449</v>
      </c>
      <c r="E8715" t="s">
        <v>5426</v>
      </c>
      <c r="F8715" t="s">
        <v>5427</v>
      </c>
      <c r="G8715" t="s">
        <v>80</v>
      </c>
      <c r="H8715" t="s">
        <v>81</v>
      </c>
      <c r="I8715" s="2">
        <v>0</v>
      </c>
      <c r="J8715" s="2">
        <v>1</v>
      </c>
      <c r="K8715" s="2">
        <v>0</v>
      </c>
      <c r="L8715" t="s">
        <v>82</v>
      </c>
      <c r="M8715" t="s">
        <v>87</v>
      </c>
      <c r="N8715" t="s">
        <v>88</v>
      </c>
      <c r="O8715" t="s">
        <v>85</v>
      </c>
      <c r="P8715" t="s">
        <v>86</v>
      </c>
      <c r="Q8715">
        <v>309</v>
      </c>
      <c r="R8715">
        <v>314</v>
      </c>
      <c r="S8715">
        <v>319</v>
      </c>
      <c r="T8715">
        <v>324</v>
      </c>
      <c r="U8715">
        <v>329</v>
      </c>
      <c r="V8715">
        <v>335</v>
      </c>
      <c r="W8715">
        <v>340</v>
      </c>
      <c r="X8715">
        <v>345</v>
      </c>
      <c r="Y8715">
        <v>351</v>
      </c>
      <c r="Z8715">
        <v>356</v>
      </c>
      <c r="AA8715">
        <v>361</v>
      </c>
      <c r="AB8715">
        <v>367</v>
      </c>
      <c r="AC8715">
        <v>373</v>
      </c>
      <c r="AD8715">
        <v>378</v>
      </c>
      <c r="AE8715">
        <v>384</v>
      </c>
      <c r="AF8715">
        <v>390</v>
      </c>
      <c r="AG8715">
        <v>396</v>
      </c>
      <c r="AH8715">
        <v>402</v>
      </c>
      <c r="AI8715">
        <v>408</v>
      </c>
      <c r="AJ8715">
        <v>414</v>
      </c>
      <c r="AK8715">
        <v>420</v>
      </c>
      <c r="AL8715">
        <v>426</v>
      </c>
      <c r="AM8715">
        <v>432</v>
      </c>
      <c r="AN8715">
        <v>439</v>
      </c>
      <c r="AO8715">
        <v>445</v>
      </c>
      <c r="AP8715">
        <v>451</v>
      </c>
      <c r="AQ8715">
        <v>458</v>
      </c>
    </row>
    <row r="8716" spans="1:43">
      <c r="A8716" t="s">
        <v>5454</v>
      </c>
      <c r="B8716" t="s">
        <v>5455</v>
      </c>
      <c r="C8716" t="s">
        <v>5448</v>
      </c>
      <c r="D8716" t="s">
        <v>5449</v>
      </c>
      <c r="E8716" t="s">
        <v>5426</v>
      </c>
      <c r="F8716" t="s">
        <v>5427</v>
      </c>
      <c r="G8716" t="s">
        <v>80</v>
      </c>
      <c r="H8716" t="s">
        <v>81</v>
      </c>
      <c r="I8716" s="2">
        <v>0</v>
      </c>
      <c r="J8716" s="2">
        <v>1</v>
      </c>
      <c r="K8716" s="2">
        <v>0</v>
      </c>
      <c r="L8716" t="s">
        <v>82</v>
      </c>
      <c r="M8716" t="s">
        <v>89</v>
      </c>
      <c r="N8716" t="s">
        <v>90</v>
      </c>
      <c r="O8716" t="s">
        <v>85</v>
      </c>
      <c r="P8716" t="s">
        <v>86</v>
      </c>
      <c r="Q8716">
        <v>309</v>
      </c>
      <c r="R8716">
        <v>319</v>
      </c>
      <c r="S8716">
        <v>330</v>
      </c>
      <c r="T8716">
        <v>341</v>
      </c>
      <c r="U8716">
        <v>352</v>
      </c>
      <c r="V8716">
        <v>363</v>
      </c>
      <c r="W8716">
        <v>374</v>
      </c>
      <c r="X8716">
        <v>385</v>
      </c>
      <c r="Y8716">
        <v>396</v>
      </c>
      <c r="Z8716">
        <v>407</v>
      </c>
      <c r="AA8716">
        <v>418</v>
      </c>
      <c r="AB8716">
        <v>428</v>
      </c>
      <c r="AC8716">
        <v>440</v>
      </c>
      <c r="AD8716">
        <v>452</v>
      </c>
      <c r="AE8716">
        <v>461</v>
      </c>
      <c r="AF8716">
        <v>466</v>
      </c>
      <c r="AG8716">
        <v>471</v>
      </c>
      <c r="AH8716">
        <v>476</v>
      </c>
      <c r="AI8716">
        <v>482</v>
      </c>
      <c r="AJ8716">
        <v>487</v>
      </c>
      <c r="AK8716">
        <v>492</v>
      </c>
      <c r="AL8716">
        <v>498</v>
      </c>
      <c r="AM8716">
        <v>503</v>
      </c>
      <c r="AN8716">
        <v>508</v>
      </c>
      <c r="AO8716">
        <v>513</v>
      </c>
      <c r="AP8716">
        <v>519</v>
      </c>
      <c r="AQ8716">
        <v>524</v>
      </c>
    </row>
    <row r="8717" spans="1:43">
      <c r="A8717" t="s">
        <v>5454</v>
      </c>
      <c r="B8717" t="s">
        <v>5455</v>
      </c>
      <c r="C8717" t="s">
        <v>5448</v>
      </c>
      <c r="D8717" t="s">
        <v>5449</v>
      </c>
      <c r="E8717" t="s">
        <v>5426</v>
      </c>
      <c r="F8717" t="s">
        <v>5427</v>
      </c>
      <c r="G8717" t="s">
        <v>80</v>
      </c>
      <c r="H8717" t="s">
        <v>81</v>
      </c>
      <c r="I8717" s="2">
        <v>0</v>
      </c>
      <c r="J8717" s="2">
        <v>1</v>
      </c>
      <c r="K8717" s="2">
        <v>0</v>
      </c>
      <c r="L8717" t="s">
        <v>82</v>
      </c>
      <c r="M8717" t="s">
        <v>83</v>
      </c>
      <c r="N8717" t="s">
        <v>91</v>
      </c>
      <c r="O8717" t="s">
        <v>85</v>
      </c>
      <c r="P8717" t="s">
        <v>86</v>
      </c>
      <c r="Q8717">
        <v>309</v>
      </c>
      <c r="R8717">
        <v>317</v>
      </c>
      <c r="S8717">
        <v>325</v>
      </c>
      <c r="T8717">
        <v>333</v>
      </c>
      <c r="U8717">
        <v>341</v>
      </c>
      <c r="V8717">
        <v>350</v>
      </c>
      <c r="W8717">
        <v>358</v>
      </c>
      <c r="X8717">
        <v>367</v>
      </c>
      <c r="Y8717">
        <v>376</v>
      </c>
      <c r="Z8717">
        <v>385</v>
      </c>
      <c r="AA8717">
        <v>394</v>
      </c>
      <c r="AB8717">
        <v>403</v>
      </c>
      <c r="AC8717">
        <v>412</v>
      </c>
      <c r="AD8717">
        <v>422</v>
      </c>
      <c r="AE8717">
        <v>431</v>
      </c>
      <c r="AF8717">
        <v>441</v>
      </c>
      <c r="AG8717">
        <v>451</v>
      </c>
      <c r="AH8717">
        <v>461</v>
      </c>
      <c r="AI8717">
        <v>471</v>
      </c>
      <c r="AJ8717">
        <v>481</v>
      </c>
      <c r="AK8717">
        <v>491</v>
      </c>
      <c r="AL8717">
        <v>498</v>
      </c>
      <c r="AM8717">
        <v>504</v>
      </c>
      <c r="AN8717">
        <v>509</v>
      </c>
      <c r="AO8717">
        <v>514</v>
      </c>
      <c r="AP8717">
        <v>520</v>
      </c>
      <c r="AQ8717">
        <v>525</v>
      </c>
    </row>
    <row r="8718" spans="1:43">
      <c r="A8718" t="s">
        <v>5456</v>
      </c>
      <c r="B8718" t="s">
        <v>5457</v>
      </c>
      <c r="C8718" t="s">
        <v>5448</v>
      </c>
      <c r="D8718" t="s">
        <v>5449</v>
      </c>
      <c r="E8718" t="s">
        <v>5426</v>
      </c>
      <c r="F8718" t="s">
        <v>5427</v>
      </c>
      <c r="G8718" t="s">
        <v>80</v>
      </c>
      <c r="H8718" t="s">
        <v>81</v>
      </c>
      <c r="I8718" s="2">
        <v>0</v>
      </c>
      <c r="J8718" s="2">
        <v>1</v>
      </c>
      <c r="K8718" s="2">
        <v>0</v>
      </c>
      <c r="L8718" t="s">
        <v>82</v>
      </c>
      <c r="M8718" t="s">
        <v>83</v>
      </c>
      <c r="N8718" t="s">
        <v>84</v>
      </c>
      <c r="O8718" t="s">
        <v>85</v>
      </c>
      <c r="P8718" t="s">
        <v>86</v>
      </c>
      <c r="Q8718">
        <v>118</v>
      </c>
      <c r="R8718">
        <v>121</v>
      </c>
      <c r="S8718">
        <v>124</v>
      </c>
      <c r="T8718">
        <v>128</v>
      </c>
      <c r="U8718">
        <v>131</v>
      </c>
      <c r="V8718">
        <v>134</v>
      </c>
      <c r="W8718">
        <v>137</v>
      </c>
      <c r="X8718">
        <v>141</v>
      </c>
      <c r="Y8718">
        <v>144</v>
      </c>
      <c r="Z8718">
        <v>147</v>
      </c>
      <c r="AA8718">
        <v>151</v>
      </c>
      <c r="AB8718">
        <v>154</v>
      </c>
      <c r="AC8718">
        <v>158</v>
      </c>
      <c r="AD8718">
        <v>161</v>
      </c>
      <c r="AE8718">
        <v>165</v>
      </c>
      <c r="AF8718">
        <v>169</v>
      </c>
      <c r="AG8718">
        <v>172</v>
      </c>
      <c r="AH8718">
        <v>176</v>
      </c>
      <c r="AI8718">
        <v>180</v>
      </c>
      <c r="AJ8718">
        <v>184</v>
      </c>
      <c r="AK8718">
        <v>188</v>
      </c>
      <c r="AL8718">
        <v>191</v>
      </c>
      <c r="AM8718">
        <v>193</v>
      </c>
      <c r="AN8718">
        <v>195</v>
      </c>
      <c r="AO8718">
        <v>197</v>
      </c>
      <c r="AP8718">
        <v>199</v>
      </c>
      <c r="AQ8718">
        <v>201</v>
      </c>
    </row>
    <row r="8719" spans="1:43">
      <c r="A8719" t="s">
        <v>5456</v>
      </c>
      <c r="B8719" t="s">
        <v>5457</v>
      </c>
      <c r="C8719" t="s">
        <v>5448</v>
      </c>
      <c r="D8719" t="s">
        <v>5449</v>
      </c>
      <c r="E8719" t="s">
        <v>5426</v>
      </c>
      <c r="F8719" t="s">
        <v>5427</v>
      </c>
      <c r="G8719" t="s">
        <v>80</v>
      </c>
      <c r="H8719" t="s">
        <v>81</v>
      </c>
      <c r="I8719" s="2">
        <v>0</v>
      </c>
      <c r="J8719" s="2">
        <v>1</v>
      </c>
      <c r="K8719" s="2">
        <v>0</v>
      </c>
      <c r="L8719" t="s">
        <v>82</v>
      </c>
      <c r="M8719" t="s">
        <v>87</v>
      </c>
      <c r="N8719" t="s">
        <v>88</v>
      </c>
      <c r="O8719" t="s">
        <v>85</v>
      </c>
      <c r="P8719" t="s">
        <v>86</v>
      </c>
      <c r="Q8719">
        <v>118</v>
      </c>
      <c r="R8719">
        <v>120</v>
      </c>
      <c r="S8719">
        <v>122</v>
      </c>
      <c r="T8719">
        <v>124</v>
      </c>
      <c r="U8719">
        <v>126</v>
      </c>
      <c r="V8719">
        <v>128</v>
      </c>
      <c r="W8719">
        <v>130</v>
      </c>
      <c r="X8719">
        <v>132</v>
      </c>
      <c r="Y8719">
        <v>134</v>
      </c>
      <c r="Z8719">
        <v>136</v>
      </c>
      <c r="AA8719">
        <v>138</v>
      </c>
      <c r="AB8719">
        <v>140</v>
      </c>
      <c r="AC8719">
        <v>143</v>
      </c>
      <c r="AD8719">
        <v>145</v>
      </c>
      <c r="AE8719">
        <v>147</v>
      </c>
      <c r="AF8719">
        <v>149</v>
      </c>
      <c r="AG8719">
        <v>151</v>
      </c>
      <c r="AH8719">
        <v>154</v>
      </c>
      <c r="AI8719">
        <v>156</v>
      </c>
      <c r="AJ8719">
        <v>158</v>
      </c>
      <c r="AK8719">
        <v>161</v>
      </c>
      <c r="AL8719">
        <v>163</v>
      </c>
      <c r="AM8719">
        <v>165</v>
      </c>
      <c r="AN8719">
        <v>168</v>
      </c>
      <c r="AO8719">
        <v>170</v>
      </c>
      <c r="AP8719">
        <v>173</v>
      </c>
      <c r="AQ8719">
        <v>175</v>
      </c>
    </row>
    <row r="8720" spans="1:43">
      <c r="A8720" t="s">
        <v>5456</v>
      </c>
      <c r="B8720" t="s">
        <v>5457</v>
      </c>
      <c r="C8720" t="s">
        <v>5448</v>
      </c>
      <c r="D8720" t="s">
        <v>5449</v>
      </c>
      <c r="E8720" t="s">
        <v>5426</v>
      </c>
      <c r="F8720" t="s">
        <v>5427</v>
      </c>
      <c r="G8720" t="s">
        <v>80</v>
      </c>
      <c r="H8720" t="s">
        <v>81</v>
      </c>
      <c r="I8720" s="2">
        <v>0</v>
      </c>
      <c r="J8720" s="2">
        <v>1</v>
      </c>
      <c r="K8720" s="2">
        <v>0</v>
      </c>
      <c r="L8720" t="s">
        <v>82</v>
      </c>
      <c r="M8720" t="s">
        <v>89</v>
      </c>
      <c r="N8720" t="s">
        <v>90</v>
      </c>
      <c r="O8720" t="s">
        <v>85</v>
      </c>
      <c r="P8720" t="s">
        <v>86</v>
      </c>
      <c r="Q8720">
        <v>118</v>
      </c>
      <c r="R8720">
        <v>123</v>
      </c>
      <c r="S8720">
        <v>127</v>
      </c>
      <c r="T8720">
        <v>131</v>
      </c>
      <c r="U8720">
        <v>135</v>
      </c>
      <c r="V8720">
        <v>139</v>
      </c>
      <c r="W8720">
        <v>143</v>
      </c>
      <c r="X8720">
        <v>147</v>
      </c>
      <c r="Y8720">
        <v>152</v>
      </c>
      <c r="Z8720">
        <v>156</v>
      </c>
      <c r="AA8720">
        <v>160</v>
      </c>
      <c r="AB8720">
        <v>164</v>
      </c>
      <c r="AC8720">
        <v>169</v>
      </c>
      <c r="AD8720">
        <v>173</v>
      </c>
      <c r="AE8720">
        <v>176</v>
      </c>
      <c r="AF8720">
        <v>178</v>
      </c>
      <c r="AG8720">
        <v>180</v>
      </c>
      <c r="AH8720">
        <v>182</v>
      </c>
      <c r="AI8720">
        <v>184</v>
      </c>
      <c r="AJ8720">
        <v>186</v>
      </c>
      <c r="AK8720">
        <v>188</v>
      </c>
      <c r="AL8720">
        <v>190</v>
      </c>
      <c r="AM8720">
        <v>192</v>
      </c>
      <c r="AN8720">
        <v>194</v>
      </c>
      <c r="AO8720">
        <v>196</v>
      </c>
      <c r="AP8720">
        <v>199</v>
      </c>
      <c r="AQ8720">
        <v>201</v>
      </c>
    </row>
    <row r="8721" spans="1:43">
      <c r="A8721" t="s">
        <v>5456</v>
      </c>
      <c r="B8721" t="s">
        <v>5457</v>
      </c>
      <c r="C8721" t="s">
        <v>5448</v>
      </c>
      <c r="D8721" t="s">
        <v>5449</v>
      </c>
      <c r="E8721" t="s">
        <v>5426</v>
      </c>
      <c r="F8721" t="s">
        <v>5427</v>
      </c>
      <c r="G8721" t="s">
        <v>80</v>
      </c>
      <c r="H8721" t="s">
        <v>81</v>
      </c>
      <c r="I8721" s="2">
        <v>0</v>
      </c>
      <c r="J8721" s="2">
        <v>1</v>
      </c>
      <c r="K8721" s="2">
        <v>0</v>
      </c>
      <c r="L8721" t="s">
        <v>82</v>
      </c>
      <c r="M8721" t="s">
        <v>83</v>
      </c>
      <c r="N8721" t="s">
        <v>91</v>
      </c>
      <c r="O8721" t="s">
        <v>85</v>
      </c>
      <c r="P8721" t="s">
        <v>86</v>
      </c>
      <c r="Q8721">
        <v>118</v>
      </c>
      <c r="R8721">
        <v>121</v>
      </c>
      <c r="S8721">
        <v>124</v>
      </c>
      <c r="T8721">
        <v>128</v>
      </c>
      <c r="U8721">
        <v>131</v>
      </c>
      <c r="V8721">
        <v>134</v>
      </c>
      <c r="W8721">
        <v>137</v>
      </c>
      <c r="X8721">
        <v>141</v>
      </c>
      <c r="Y8721">
        <v>144</v>
      </c>
      <c r="Z8721">
        <v>147</v>
      </c>
      <c r="AA8721">
        <v>151</v>
      </c>
      <c r="AB8721">
        <v>154</v>
      </c>
      <c r="AC8721">
        <v>158</v>
      </c>
      <c r="AD8721">
        <v>161</v>
      </c>
      <c r="AE8721">
        <v>165</v>
      </c>
      <c r="AF8721">
        <v>169</v>
      </c>
      <c r="AG8721">
        <v>172</v>
      </c>
      <c r="AH8721">
        <v>176</v>
      </c>
      <c r="AI8721">
        <v>180</v>
      </c>
      <c r="AJ8721">
        <v>184</v>
      </c>
      <c r="AK8721">
        <v>188</v>
      </c>
      <c r="AL8721">
        <v>191</v>
      </c>
      <c r="AM8721">
        <v>193</v>
      </c>
      <c r="AN8721">
        <v>195</v>
      </c>
      <c r="AO8721">
        <v>197</v>
      </c>
      <c r="AP8721">
        <v>199</v>
      </c>
      <c r="AQ8721">
        <v>201</v>
      </c>
    </row>
    <row r="8722" spans="1:43">
      <c r="A8722" t="s">
        <v>5458</v>
      </c>
      <c r="B8722" t="s">
        <v>5459</v>
      </c>
      <c r="C8722" t="s">
        <v>5460</v>
      </c>
      <c r="D8722" t="s">
        <v>5461</v>
      </c>
      <c r="E8722" t="s">
        <v>5426</v>
      </c>
      <c r="F8722" t="s">
        <v>5427</v>
      </c>
      <c r="G8722" t="s">
        <v>80</v>
      </c>
      <c r="H8722" t="s">
        <v>81</v>
      </c>
      <c r="I8722" s="2">
        <v>0</v>
      </c>
      <c r="J8722" s="2">
        <v>1</v>
      </c>
      <c r="K8722" s="2">
        <v>0</v>
      </c>
      <c r="L8722" t="s">
        <v>82</v>
      </c>
      <c r="M8722" t="s">
        <v>83</v>
      </c>
      <c r="N8722" t="s">
        <v>84</v>
      </c>
      <c r="O8722" t="s">
        <v>85</v>
      </c>
      <c r="P8722" t="s">
        <v>86</v>
      </c>
      <c r="Q8722">
        <v>145</v>
      </c>
      <c r="R8722">
        <v>149</v>
      </c>
      <c r="S8722">
        <v>153</v>
      </c>
      <c r="T8722">
        <v>157</v>
      </c>
      <c r="U8722">
        <v>161</v>
      </c>
      <c r="V8722">
        <v>165</v>
      </c>
      <c r="W8722">
        <v>169</v>
      </c>
      <c r="X8722">
        <v>173</v>
      </c>
      <c r="Y8722">
        <v>177</v>
      </c>
      <c r="Z8722">
        <v>181</v>
      </c>
      <c r="AA8722">
        <v>185</v>
      </c>
      <c r="AB8722">
        <v>190</v>
      </c>
      <c r="AC8722">
        <v>194</v>
      </c>
      <c r="AD8722">
        <v>198</v>
      </c>
      <c r="AE8722">
        <v>203</v>
      </c>
      <c r="AF8722">
        <v>207</v>
      </c>
      <c r="AG8722">
        <v>212</v>
      </c>
      <c r="AH8722">
        <v>217</v>
      </c>
      <c r="AI8722">
        <v>221</v>
      </c>
      <c r="AJ8722">
        <v>226</v>
      </c>
      <c r="AK8722">
        <v>231</v>
      </c>
      <c r="AL8722">
        <v>234</v>
      </c>
      <c r="AM8722">
        <v>237</v>
      </c>
      <c r="AN8722">
        <v>239</v>
      </c>
      <c r="AO8722">
        <v>242</v>
      </c>
      <c r="AP8722">
        <v>244</v>
      </c>
      <c r="AQ8722">
        <v>247</v>
      </c>
    </row>
    <row r="8723" spans="1:43">
      <c r="A8723" t="s">
        <v>5458</v>
      </c>
      <c r="B8723" t="s">
        <v>5459</v>
      </c>
      <c r="C8723" t="s">
        <v>5460</v>
      </c>
      <c r="D8723" t="s">
        <v>5461</v>
      </c>
      <c r="E8723" t="s">
        <v>5426</v>
      </c>
      <c r="F8723" t="s">
        <v>5427</v>
      </c>
      <c r="G8723" t="s">
        <v>80</v>
      </c>
      <c r="H8723" t="s">
        <v>81</v>
      </c>
      <c r="I8723" s="2">
        <v>0</v>
      </c>
      <c r="J8723" s="2">
        <v>1</v>
      </c>
      <c r="K8723" s="2">
        <v>0</v>
      </c>
      <c r="L8723" t="s">
        <v>82</v>
      </c>
      <c r="M8723" t="s">
        <v>87</v>
      </c>
      <c r="N8723" t="s">
        <v>88</v>
      </c>
      <c r="O8723" t="s">
        <v>85</v>
      </c>
      <c r="P8723" t="s">
        <v>86</v>
      </c>
      <c r="Q8723">
        <v>145</v>
      </c>
      <c r="R8723">
        <v>147</v>
      </c>
      <c r="S8723">
        <v>150</v>
      </c>
      <c r="T8723">
        <v>152</v>
      </c>
      <c r="U8723">
        <v>155</v>
      </c>
      <c r="V8723">
        <v>157</v>
      </c>
      <c r="W8723">
        <v>159</v>
      </c>
      <c r="X8723">
        <v>162</v>
      </c>
      <c r="Y8723">
        <v>164</v>
      </c>
      <c r="Z8723">
        <v>167</v>
      </c>
      <c r="AA8723">
        <v>170</v>
      </c>
      <c r="AB8723">
        <v>172</v>
      </c>
      <c r="AC8723">
        <v>175</v>
      </c>
      <c r="AD8723">
        <v>177</v>
      </c>
      <c r="AE8723">
        <v>180</v>
      </c>
      <c r="AF8723">
        <v>183</v>
      </c>
      <c r="AG8723">
        <v>186</v>
      </c>
      <c r="AH8723">
        <v>188</v>
      </c>
      <c r="AI8723">
        <v>191</v>
      </c>
      <c r="AJ8723">
        <v>194</v>
      </c>
      <c r="AK8723">
        <v>197</v>
      </c>
      <c r="AL8723">
        <v>200</v>
      </c>
      <c r="AM8723">
        <v>203</v>
      </c>
      <c r="AN8723">
        <v>206</v>
      </c>
      <c r="AO8723">
        <v>209</v>
      </c>
      <c r="AP8723">
        <v>211</v>
      </c>
      <c r="AQ8723">
        <v>214</v>
      </c>
    </row>
    <row r="8724" spans="1:43">
      <c r="A8724" t="s">
        <v>5458</v>
      </c>
      <c r="B8724" t="s">
        <v>5459</v>
      </c>
      <c r="C8724" t="s">
        <v>5460</v>
      </c>
      <c r="D8724" t="s">
        <v>5461</v>
      </c>
      <c r="E8724" t="s">
        <v>5426</v>
      </c>
      <c r="F8724" t="s">
        <v>5427</v>
      </c>
      <c r="G8724" t="s">
        <v>80</v>
      </c>
      <c r="H8724" t="s">
        <v>81</v>
      </c>
      <c r="I8724" s="2">
        <v>0</v>
      </c>
      <c r="J8724" s="2">
        <v>1</v>
      </c>
      <c r="K8724" s="2">
        <v>0</v>
      </c>
      <c r="L8724" t="s">
        <v>82</v>
      </c>
      <c r="M8724" t="s">
        <v>89</v>
      </c>
      <c r="N8724" t="s">
        <v>90</v>
      </c>
      <c r="O8724" t="s">
        <v>85</v>
      </c>
      <c r="P8724" t="s">
        <v>86</v>
      </c>
      <c r="Q8724">
        <v>145</v>
      </c>
      <c r="R8724">
        <v>150</v>
      </c>
      <c r="S8724">
        <v>155</v>
      </c>
      <c r="T8724">
        <v>160</v>
      </c>
      <c r="U8724">
        <v>165</v>
      </c>
      <c r="V8724">
        <v>170</v>
      </c>
      <c r="W8724">
        <v>175</v>
      </c>
      <c r="X8724">
        <v>180</v>
      </c>
      <c r="Y8724">
        <v>186</v>
      </c>
      <c r="Z8724">
        <v>191</v>
      </c>
      <c r="AA8724">
        <v>196</v>
      </c>
      <c r="AB8724">
        <v>201</v>
      </c>
      <c r="AC8724">
        <v>206</v>
      </c>
      <c r="AD8724">
        <v>212</v>
      </c>
      <c r="AE8724">
        <v>216</v>
      </c>
      <c r="AF8724">
        <v>218</v>
      </c>
      <c r="AG8724">
        <v>221</v>
      </c>
      <c r="AH8724">
        <v>223</v>
      </c>
      <c r="AI8724">
        <v>226</v>
      </c>
      <c r="AJ8724">
        <v>228</v>
      </c>
      <c r="AK8724">
        <v>231</v>
      </c>
      <c r="AL8724">
        <v>233</v>
      </c>
      <c r="AM8724">
        <v>236</v>
      </c>
      <c r="AN8724">
        <v>238</v>
      </c>
      <c r="AO8724">
        <v>241</v>
      </c>
      <c r="AP8724">
        <v>243</v>
      </c>
      <c r="AQ8724">
        <v>246</v>
      </c>
    </row>
    <row r="8725" spans="1:43">
      <c r="A8725" t="s">
        <v>5458</v>
      </c>
      <c r="B8725" t="s">
        <v>5459</v>
      </c>
      <c r="C8725" t="s">
        <v>5460</v>
      </c>
      <c r="D8725" t="s">
        <v>5461</v>
      </c>
      <c r="E8725" t="s">
        <v>5426</v>
      </c>
      <c r="F8725" t="s">
        <v>5427</v>
      </c>
      <c r="G8725" t="s">
        <v>80</v>
      </c>
      <c r="H8725" t="s">
        <v>81</v>
      </c>
      <c r="I8725" s="2">
        <v>0</v>
      </c>
      <c r="J8725" s="2">
        <v>1</v>
      </c>
      <c r="K8725" s="2">
        <v>0</v>
      </c>
      <c r="L8725" t="s">
        <v>82</v>
      </c>
      <c r="M8725" t="s">
        <v>83</v>
      </c>
      <c r="N8725" t="s">
        <v>91</v>
      </c>
      <c r="O8725" t="s">
        <v>85</v>
      </c>
      <c r="P8725" t="s">
        <v>86</v>
      </c>
      <c r="Q8725">
        <v>145</v>
      </c>
      <c r="R8725">
        <v>149</v>
      </c>
      <c r="S8725">
        <v>153</v>
      </c>
      <c r="T8725">
        <v>157</v>
      </c>
      <c r="U8725">
        <v>161</v>
      </c>
      <c r="V8725">
        <v>165</v>
      </c>
      <c r="W8725">
        <v>169</v>
      </c>
      <c r="X8725">
        <v>173</v>
      </c>
      <c r="Y8725">
        <v>177</v>
      </c>
      <c r="Z8725">
        <v>181</v>
      </c>
      <c r="AA8725">
        <v>185</v>
      </c>
      <c r="AB8725">
        <v>190</v>
      </c>
      <c r="AC8725">
        <v>194</v>
      </c>
      <c r="AD8725">
        <v>198</v>
      </c>
      <c r="AE8725">
        <v>203</v>
      </c>
      <c r="AF8725">
        <v>207</v>
      </c>
      <c r="AG8725">
        <v>212</v>
      </c>
      <c r="AH8725">
        <v>217</v>
      </c>
      <c r="AI8725">
        <v>221</v>
      </c>
      <c r="AJ8725">
        <v>226</v>
      </c>
      <c r="AK8725">
        <v>231</v>
      </c>
      <c r="AL8725">
        <v>234</v>
      </c>
      <c r="AM8725">
        <v>237</v>
      </c>
      <c r="AN8725">
        <v>239</v>
      </c>
      <c r="AO8725">
        <v>242</v>
      </c>
      <c r="AP8725">
        <v>244</v>
      </c>
      <c r="AQ8725">
        <v>247</v>
      </c>
    </row>
    <row r="8726" spans="1:43">
      <c r="A8726" t="s">
        <v>5462</v>
      </c>
      <c r="B8726" t="s">
        <v>5463</v>
      </c>
      <c r="C8726" t="s">
        <v>5464</v>
      </c>
      <c r="D8726" t="s">
        <v>5465</v>
      </c>
      <c r="E8726" t="s">
        <v>5426</v>
      </c>
      <c r="F8726" t="s">
        <v>5427</v>
      </c>
      <c r="G8726" t="s">
        <v>80</v>
      </c>
      <c r="H8726" t="s">
        <v>81</v>
      </c>
      <c r="I8726" s="2">
        <v>0</v>
      </c>
      <c r="J8726" s="2">
        <v>1</v>
      </c>
      <c r="K8726" s="2">
        <v>0</v>
      </c>
      <c r="L8726" t="s">
        <v>82</v>
      </c>
      <c r="M8726" t="s">
        <v>83</v>
      </c>
      <c r="N8726" t="s">
        <v>84</v>
      </c>
      <c r="O8726" t="s">
        <v>85</v>
      </c>
      <c r="P8726" t="s">
        <v>86</v>
      </c>
      <c r="Q8726">
        <v>100</v>
      </c>
      <c r="R8726">
        <v>103</v>
      </c>
      <c r="S8726">
        <v>106</v>
      </c>
      <c r="T8726">
        <v>108</v>
      </c>
      <c r="U8726">
        <v>111</v>
      </c>
      <c r="V8726">
        <v>114</v>
      </c>
      <c r="W8726">
        <v>116</v>
      </c>
      <c r="X8726">
        <v>119</v>
      </c>
      <c r="Y8726">
        <v>122</v>
      </c>
      <c r="Z8726">
        <v>125</v>
      </c>
      <c r="AA8726">
        <v>128</v>
      </c>
      <c r="AB8726">
        <v>131</v>
      </c>
      <c r="AC8726">
        <v>134</v>
      </c>
      <c r="AD8726">
        <v>137</v>
      </c>
      <c r="AE8726">
        <v>140</v>
      </c>
      <c r="AF8726">
        <v>143</v>
      </c>
      <c r="AG8726">
        <v>146</v>
      </c>
      <c r="AH8726">
        <v>149</v>
      </c>
      <c r="AI8726">
        <v>152</v>
      </c>
      <c r="AJ8726">
        <v>156</v>
      </c>
      <c r="AK8726">
        <v>159</v>
      </c>
      <c r="AL8726">
        <v>161</v>
      </c>
      <c r="AM8726">
        <v>163</v>
      </c>
      <c r="AN8726">
        <v>165</v>
      </c>
      <c r="AO8726">
        <v>166</v>
      </c>
      <c r="AP8726">
        <v>168</v>
      </c>
      <c r="AQ8726">
        <v>170</v>
      </c>
    </row>
    <row r="8727" spans="1:43">
      <c r="A8727" t="s">
        <v>5462</v>
      </c>
      <c r="B8727" t="s">
        <v>5463</v>
      </c>
      <c r="C8727" t="s">
        <v>5464</v>
      </c>
      <c r="D8727" t="s">
        <v>5465</v>
      </c>
      <c r="E8727" t="s">
        <v>5426</v>
      </c>
      <c r="F8727" t="s">
        <v>5427</v>
      </c>
      <c r="G8727" t="s">
        <v>80</v>
      </c>
      <c r="H8727" t="s">
        <v>81</v>
      </c>
      <c r="I8727" s="2">
        <v>0</v>
      </c>
      <c r="J8727" s="2">
        <v>1</v>
      </c>
      <c r="K8727" s="2">
        <v>0</v>
      </c>
      <c r="L8727" t="s">
        <v>82</v>
      </c>
      <c r="M8727" t="s">
        <v>87</v>
      </c>
      <c r="N8727" t="s">
        <v>88</v>
      </c>
      <c r="O8727" t="s">
        <v>85</v>
      </c>
      <c r="P8727" t="s">
        <v>86</v>
      </c>
      <c r="Q8727">
        <v>100</v>
      </c>
      <c r="R8727">
        <v>101</v>
      </c>
      <c r="S8727">
        <v>103</v>
      </c>
      <c r="T8727">
        <v>104</v>
      </c>
      <c r="U8727">
        <v>106</v>
      </c>
      <c r="V8727">
        <v>108</v>
      </c>
      <c r="W8727">
        <v>109</v>
      </c>
      <c r="X8727">
        <v>111</v>
      </c>
      <c r="Y8727">
        <v>113</v>
      </c>
      <c r="Z8727">
        <v>115</v>
      </c>
      <c r="AA8727">
        <v>116</v>
      </c>
      <c r="AB8727">
        <v>118</v>
      </c>
      <c r="AC8727">
        <v>120</v>
      </c>
      <c r="AD8727">
        <v>122</v>
      </c>
      <c r="AE8727">
        <v>124</v>
      </c>
      <c r="AF8727">
        <v>126</v>
      </c>
      <c r="AG8727">
        <v>127</v>
      </c>
      <c r="AH8727">
        <v>129</v>
      </c>
      <c r="AI8727">
        <v>131</v>
      </c>
      <c r="AJ8727">
        <v>133</v>
      </c>
      <c r="AK8727">
        <v>135</v>
      </c>
      <c r="AL8727">
        <v>137</v>
      </c>
      <c r="AM8727">
        <v>139</v>
      </c>
      <c r="AN8727">
        <v>141</v>
      </c>
      <c r="AO8727">
        <v>143</v>
      </c>
      <c r="AP8727">
        <v>145</v>
      </c>
      <c r="AQ8727">
        <v>147</v>
      </c>
    </row>
    <row r="8728" spans="1:43">
      <c r="A8728" t="s">
        <v>5462</v>
      </c>
      <c r="B8728" t="s">
        <v>5463</v>
      </c>
      <c r="C8728" t="s">
        <v>5464</v>
      </c>
      <c r="D8728" t="s">
        <v>5465</v>
      </c>
      <c r="E8728" t="s">
        <v>5426</v>
      </c>
      <c r="F8728" t="s">
        <v>5427</v>
      </c>
      <c r="G8728" t="s">
        <v>80</v>
      </c>
      <c r="H8728" t="s">
        <v>81</v>
      </c>
      <c r="I8728" s="2">
        <v>0</v>
      </c>
      <c r="J8728" s="2">
        <v>1</v>
      </c>
      <c r="K8728" s="2">
        <v>0</v>
      </c>
      <c r="L8728" t="s">
        <v>82</v>
      </c>
      <c r="M8728" t="s">
        <v>89</v>
      </c>
      <c r="N8728" t="s">
        <v>90</v>
      </c>
      <c r="O8728" t="s">
        <v>85</v>
      </c>
      <c r="P8728" t="s">
        <v>86</v>
      </c>
      <c r="Q8728">
        <v>100</v>
      </c>
      <c r="R8728">
        <v>104</v>
      </c>
      <c r="S8728">
        <v>107</v>
      </c>
      <c r="T8728">
        <v>111</v>
      </c>
      <c r="U8728">
        <v>114</v>
      </c>
      <c r="V8728">
        <v>118</v>
      </c>
      <c r="W8728">
        <v>121</v>
      </c>
      <c r="X8728">
        <v>125</v>
      </c>
      <c r="Y8728">
        <v>128</v>
      </c>
      <c r="Z8728">
        <v>132</v>
      </c>
      <c r="AA8728">
        <v>135</v>
      </c>
      <c r="AB8728">
        <v>139</v>
      </c>
      <c r="AC8728">
        <v>143</v>
      </c>
      <c r="AD8728">
        <v>146</v>
      </c>
      <c r="AE8728">
        <v>149</v>
      </c>
      <c r="AF8728">
        <v>151</v>
      </c>
      <c r="AG8728">
        <v>153</v>
      </c>
      <c r="AH8728">
        <v>154</v>
      </c>
      <c r="AI8728">
        <v>156</v>
      </c>
      <c r="AJ8728">
        <v>158</v>
      </c>
      <c r="AK8728">
        <v>159</v>
      </c>
      <c r="AL8728">
        <v>161</v>
      </c>
      <c r="AM8728">
        <v>163</v>
      </c>
      <c r="AN8728">
        <v>165</v>
      </c>
      <c r="AO8728">
        <v>166</v>
      </c>
      <c r="AP8728">
        <v>168</v>
      </c>
      <c r="AQ8728">
        <v>170</v>
      </c>
    </row>
    <row r="8729" spans="1:43">
      <c r="A8729" t="s">
        <v>5462</v>
      </c>
      <c r="B8729" t="s">
        <v>5463</v>
      </c>
      <c r="C8729" t="s">
        <v>5464</v>
      </c>
      <c r="D8729" t="s">
        <v>5465</v>
      </c>
      <c r="E8729" t="s">
        <v>5426</v>
      </c>
      <c r="F8729" t="s">
        <v>5427</v>
      </c>
      <c r="G8729" t="s">
        <v>80</v>
      </c>
      <c r="H8729" t="s">
        <v>81</v>
      </c>
      <c r="I8729" s="2">
        <v>0</v>
      </c>
      <c r="J8729" s="2">
        <v>1</v>
      </c>
      <c r="K8729" s="2">
        <v>0</v>
      </c>
      <c r="L8729" t="s">
        <v>82</v>
      </c>
      <c r="M8729" t="s">
        <v>83</v>
      </c>
      <c r="N8729" t="s">
        <v>91</v>
      </c>
      <c r="O8729" t="s">
        <v>85</v>
      </c>
      <c r="P8729" t="s">
        <v>86</v>
      </c>
      <c r="Q8729">
        <v>100</v>
      </c>
      <c r="R8729">
        <v>103</v>
      </c>
      <c r="S8729">
        <v>106</v>
      </c>
      <c r="T8729">
        <v>108</v>
      </c>
      <c r="U8729">
        <v>111</v>
      </c>
      <c r="V8729">
        <v>114</v>
      </c>
      <c r="W8729">
        <v>116</v>
      </c>
      <c r="X8729">
        <v>119</v>
      </c>
      <c r="Y8729">
        <v>122</v>
      </c>
      <c r="Z8729">
        <v>125</v>
      </c>
      <c r="AA8729">
        <v>128</v>
      </c>
      <c r="AB8729">
        <v>131</v>
      </c>
      <c r="AC8729">
        <v>134</v>
      </c>
      <c r="AD8729">
        <v>137</v>
      </c>
      <c r="AE8729">
        <v>140</v>
      </c>
      <c r="AF8729">
        <v>143</v>
      </c>
      <c r="AG8729">
        <v>146</v>
      </c>
      <c r="AH8729">
        <v>149</v>
      </c>
      <c r="AI8729">
        <v>152</v>
      </c>
      <c r="AJ8729">
        <v>156</v>
      </c>
      <c r="AK8729">
        <v>159</v>
      </c>
      <c r="AL8729">
        <v>161</v>
      </c>
      <c r="AM8729">
        <v>163</v>
      </c>
      <c r="AN8729">
        <v>165</v>
      </c>
      <c r="AO8729">
        <v>166</v>
      </c>
      <c r="AP8729">
        <v>168</v>
      </c>
      <c r="AQ8729">
        <v>170</v>
      </c>
    </row>
    <row r="8730" spans="1:43">
      <c r="A8730" t="s">
        <v>5466</v>
      </c>
      <c r="B8730" t="s">
        <v>5467</v>
      </c>
      <c r="C8730" t="s">
        <v>5424</v>
      </c>
      <c r="D8730" t="s">
        <v>5425</v>
      </c>
      <c r="E8730" t="s">
        <v>5426</v>
      </c>
      <c r="F8730" t="s">
        <v>5427</v>
      </c>
      <c r="G8730" t="s">
        <v>80</v>
      </c>
      <c r="H8730" t="s">
        <v>81</v>
      </c>
      <c r="I8730" s="2">
        <v>0</v>
      </c>
      <c r="J8730" s="2">
        <v>1</v>
      </c>
      <c r="K8730" s="2">
        <v>0</v>
      </c>
      <c r="L8730" t="s">
        <v>82</v>
      </c>
      <c r="M8730" t="s">
        <v>83</v>
      </c>
      <c r="N8730" t="s">
        <v>84</v>
      </c>
      <c r="O8730" t="s">
        <v>85</v>
      </c>
      <c r="P8730" t="s">
        <v>86</v>
      </c>
      <c r="Q8730">
        <v>40</v>
      </c>
      <c r="R8730">
        <v>41</v>
      </c>
      <c r="S8730">
        <v>42</v>
      </c>
      <c r="T8730">
        <v>43</v>
      </c>
      <c r="U8730">
        <v>44</v>
      </c>
      <c r="V8730">
        <v>45</v>
      </c>
      <c r="W8730">
        <v>46</v>
      </c>
      <c r="X8730">
        <v>47</v>
      </c>
      <c r="Y8730">
        <v>48</v>
      </c>
      <c r="Z8730">
        <v>49</v>
      </c>
      <c r="AA8730">
        <v>50</v>
      </c>
      <c r="AB8730">
        <v>51</v>
      </c>
      <c r="AC8730">
        <v>53</v>
      </c>
      <c r="AD8730">
        <v>54</v>
      </c>
      <c r="AE8730">
        <v>55</v>
      </c>
      <c r="AF8730">
        <v>56</v>
      </c>
      <c r="AG8730">
        <v>57</v>
      </c>
      <c r="AH8730">
        <v>58</v>
      </c>
      <c r="AI8730">
        <v>60</v>
      </c>
      <c r="AJ8730">
        <v>61</v>
      </c>
      <c r="AK8730">
        <v>62</v>
      </c>
      <c r="AL8730">
        <v>63</v>
      </c>
      <c r="AM8730">
        <v>64</v>
      </c>
      <c r="AN8730">
        <v>64</v>
      </c>
      <c r="AO8730">
        <v>65</v>
      </c>
      <c r="AP8730">
        <v>66</v>
      </c>
      <c r="AQ8730">
        <v>66</v>
      </c>
    </row>
    <row r="8731" spans="1:43">
      <c r="A8731" t="s">
        <v>5466</v>
      </c>
      <c r="B8731" t="s">
        <v>5467</v>
      </c>
      <c r="C8731" t="s">
        <v>5424</v>
      </c>
      <c r="D8731" t="s">
        <v>5425</v>
      </c>
      <c r="E8731" t="s">
        <v>5426</v>
      </c>
      <c r="F8731" t="s">
        <v>5427</v>
      </c>
      <c r="G8731" t="s">
        <v>80</v>
      </c>
      <c r="H8731" t="s">
        <v>81</v>
      </c>
      <c r="I8731" s="2">
        <v>0</v>
      </c>
      <c r="J8731" s="2">
        <v>1</v>
      </c>
      <c r="K8731" s="2">
        <v>0</v>
      </c>
      <c r="L8731" t="s">
        <v>82</v>
      </c>
      <c r="M8731" t="s">
        <v>87</v>
      </c>
      <c r="N8731" t="s">
        <v>88</v>
      </c>
      <c r="O8731" t="s">
        <v>85</v>
      </c>
      <c r="P8731" t="s">
        <v>86</v>
      </c>
      <c r="Q8731">
        <v>40</v>
      </c>
      <c r="R8731">
        <v>41</v>
      </c>
      <c r="S8731">
        <v>41</v>
      </c>
      <c r="T8731">
        <v>42</v>
      </c>
      <c r="U8731">
        <v>43</v>
      </c>
      <c r="V8731">
        <v>43</v>
      </c>
      <c r="W8731">
        <v>44</v>
      </c>
      <c r="X8731">
        <v>45</v>
      </c>
      <c r="Y8731">
        <v>45</v>
      </c>
      <c r="Z8731">
        <v>46</v>
      </c>
      <c r="AA8731">
        <v>47</v>
      </c>
      <c r="AB8731">
        <v>47</v>
      </c>
      <c r="AC8731">
        <v>48</v>
      </c>
      <c r="AD8731">
        <v>49</v>
      </c>
      <c r="AE8731">
        <v>50</v>
      </c>
      <c r="AF8731">
        <v>50</v>
      </c>
      <c r="AG8731">
        <v>51</v>
      </c>
      <c r="AH8731">
        <v>52</v>
      </c>
      <c r="AI8731">
        <v>52</v>
      </c>
      <c r="AJ8731">
        <v>53</v>
      </c>
      <c r="AK8731">
        <v>54</v>
      </c>
      <c r="AL8731">
        <v>55</v>
      </c>
      <c r="AM8731">
        <v>56</v>
      </c>
      <c r="AN8731">
        <v>56</v>
      </c>
      <c r="AO8731">
        <v>57</v>
      </c>
      <c r="AP8731">
        <v>58</v>
      </c>
      <c r="AQ8731">
        <v>59</v>
      </c>
    </row>
    <row r="8732" spans="1:43">
      <c r="A8732" t="s">
        <v>5466</v>
      </c>
      <c r="B8732" t="s">
        <v>5467</v>
      </c>
      <c r="C8732" t="s">
        <v>5424</v>
      </c>
      <c r="D8732" t="s">
        <v>5425</v>
      </c>
      <c r="E8732" t="s">
        <v>5426</v>
      </c>
      <c r="F8732" t="s">
        <v>5427</v>
      </c>
      <c r="G8732" t="s">
        <v>80</v>
      </c>
      <c r="H8732" t="s">
        <v>81</v>
      </c>
      <c r="I8732" s="2">
        <v>0</v>
      </c>
      <c r="J8732" s="2">
        <v>1</v>
      </c>
      <c r="K8732" s="2">
        <v>0</v>
      </c>
      <c r="L8732" t="s">
        <v>82</v>
      </c>
      <c r="M8732" t="s">
        <v>89</v>
      </c>
      <c r="N8732" t="s">
        <v>90</v>
      </c>
      <c r="O8732" t="s">
        <v>85</v>
      </c>
      <c r="P8732" t="s">
        <v>86</v>
      </c>
      <c r="Q8732">
        <v>40</v>
      </c>
      <c r="R8732">
        <v>41</v>
      </c>
      <c r="S8732">
        <v>43</v>
      </c>
      <c r="T8732">
        <v>44</v>
      </c>
      <c r="U8732">
        <v>45</v>
      </c>
      <c r="V8732">
        <v>47</v>
      </c>
      <c r="W8732">
        <v>48</v>
      </c>
      <c r="X8732">
        <v>50</v>
      </c>
      <c r="Y8732">
        <v>51</v>
      </c>
      <c r="Z8732">
        <v>52</v>
      </c>
      <c r="AA8732">
        <v>54</v>
      </c>
      <c r="AB8732">
        <v>55</v>
      </c>
      <c r="AC8732">
        <v>56</v>
      </c>
      <c r="AD8732">
        <v>58</v>
      </c>
      <c r="AE8732">
        <v>59</v>
      </c>
      <c r="AF8732">
        <v>60</v>
      </c>
      <c r="AG8732">
        <v>60</v>
      </c>
      <c r="AH8732">
        <v>61</v>
      </c>
      <c r="AI8732">
        <v>62</v>
      </c>
      <c r="AJ8732">
        <v>62</v>
      </c>
      <c r="AK8732">
        <v>63</v>
      </c>
      <c r="AL8732">
        <v>64</v>
      </c>
      <c r="AM8732">
        <v>64</v>
      </c>
      <c r="AN8732">
        <v>65</v>
      </c>
      <c r="AO8732">
        <v>66</v>
      </c>
      <c r="AP8732">
        <v>66</v>
      </c>
      <c r="AQ8732">
        <v>67</v>
      </c>
    </row>
    <row r="8733" spans="1:43">
      <c r="A8733" t="s">
        <v>5466</v>
      </c>
      <c r="B8733" t="s">
        <v>5467</v>
      </c>
      <c r="C8733" t="s">
        <v>5424</v>
      </c>
      <c r="D8733" t="s">
        <v>5425</v>
      </c>
      <c r="E8733" t="s">
        <v>5426</v>
      </c>
      <c r="F8733" t="s">
        <v>5427</v>
      </c>
      <c r="G8733" t="s">
        <v>80</v>
      </c>
      <c r="H8733" t="s">
        <v>81</v>
      </c>
      <c r="I8733" s="2">
        <v>0</v>
      </c>
      <c r="J8733" s="2">
        <v>1</v>
      </c>
      <c r="K8733" s="2">
        <v>0</v>
      </c>
      <c r="L8733" t="s">
        <v>82</v>
      </c>
      <c r="M8733" t="s">
        <v>83</v>
      </c>
      <c r="N8733" t="s">
        <v>91</v>
      </c>
      <c r="O8733" t="s">
        <v>85</v>
      </c>
      <c r="P8733" t="s">
        <v>86</v>
      </c>
      <c r="Q8733">
        <v>40</v>
      </c>
      <c r="R8733">
        <v>41</v>
      </c>
      <c r="S8733">
        <v>42</v>
      </c>
      <c r="T8733">
        <v>43</v>
      </c>
      <c r="U8733">
        <v>44</v>
      </c>
      <c r="V8733">
        <v>45</v>
      </c>
      <c r="W8733">
        <v>46</v>
      </c>
      <c r="X8733">
        <v>47</v>
      </c>
      <c r="Y8733">
        <v>48</v>
      </c>
      <c r="Z8733">
        <v>49</v>
      </c>
      <c r="AA8733">
        <v>50</v>
      </c>
      <c r="AB8733">
        <v>51</v>
      </c>
      <c r="AC8733">
        <v>53</v>
      </c>
      <c r="AD8733">
        <v>54</v>
      </c>
      <c r="AE8733">
        <v>55</v>
      </c>
      <c r="AF8733">
        <v>56</v>
      </c>
      <c r="AG8733">
        <v>57</v>
      </c>
      <c r="AH8733">
        <v>58</v>
      </c>
      <c r="AI8733">
        <v>60</v>
      </c>
      <c r="AJ8733">
        <v>61</v>
      </c>
      <c r="AK8733">
        <v>62</v>
      </c>
      <c r="AL8733">
        <v>63</v>
      </c>
      <c r="AM8733">
        <v>64</v>
      </c>
      <c r="AN8733">
        <v>64</v>
      </c>
      <c r="AO8733">
        <v>65</v>
      </c>
      <c r="AP8733">
        <v>66</v>
      </c>
      <c r="AQ8733">
        <v>66</v>
      </c>
    </row>
    <row r="8734" spans="1:43">
      <c r="A8734" t="s">
        <v>5468</v>
      </c>
      <c r="B8734" t="s">
        <v>5469</v>
      </c>
      <c r="C8734" t="s">
        <v>5424</v>
      </c>
      <c r="D8734" t="s">
        <v>5425</v>
      </c>
      <c r="E8734" t="s">
        <v>5426</v>
      </c>
      <c r="F8734" t="s">
        <v>5427</v>
      </c>
      <c r="G8734" t="s">
        <v>80</v>
      </c>
      <c r="H8734" t="s">
        <v>81</v>
      </c>
      <c r="I8734" s="2">
        <v>0</v>
      </c>
      <c r="J8734" s="2">
        <v>1</v>
      </c>
      <c r="K8734" s="2">
        <v>0</v>
      </c>
      <c r="L8734" t="s">
        <v>82</v>
      </c>
      <c r="M8734" t="s">
        <v>83</v>
      </c>
      <c r="N8734" t="s">
        <v>84</v>
      </c>
      <c r="O8734" t="s">
        <v>85</v>
      </c>
      <c r="P8734" t="s">
        <v>86</v>
      </c>
      <c r="Q8734">
        <v>45</v>
      </c>
      <c r="R8734">
        <v>46</v>
      </c>
      <c r="S8734">
        <v>48</v>
      </c>
      <c r="T8734">
        <v>49</v>
      </c>
      <c r="U8734">
        <v>50</v>
      </c>
      <c r="V8734">
        <v>51</v>
      </c>
      <c r="W8734">
        <v>52</v>
      </c>
      <c r="X8734">
        <v>54</v>
      </c>
      <c r="Y8734">
        <v>55</v>
      </c>
      <c r="Z8734">
        <v>56</v>
      </c>
      <c r="AA8734">
        <v>58</v>
      </c>
      <c r="AB8734">
        <v>59</v>
      </c>
      <c r="AC8734">
        <v>60</v>
      </c>
      <c r="AD8734">
        <v>61</v>
      </c>
      <c r="AE8734">
        <v>63</v>
      </c>
      <c r="AF8734">
        <v>64</v>
      </c>
      <c r="AG8734">
        <v>66</v>
      </c>
      <c r="AH8734">
        <v>67</v>
      </c>
      <c r="AI8734">
        <v>68</v>
      </c>
      <c r="AJ8734">
        <v>70</v>
      </c>
      <c r="AK8734">
        <v>71</v>
      </c>
      <c r="AL8734">
        <v>72</v>
      </c>
      <c r="AM8734">
        <v>73</v>
      </c>
      <c r="AN8734">
        <v>74</v>
      </c>
      <c r="AO8734">
        <v>75</v>
      </c>
      <c r="AP8734">
        <v>75</v>
      </c>
      <c r="AQ8734">
        <v>76</v>
      </c>
    </row>
    <row r="8735" spans="1:43">
      <c r="A8735" t="s">
        <v>5468</v>
      </c>
      <c r="B8735" t="s">
        <v>5469</v>
      </c>
      <c r="C8735" t="s">
        <v>5424</v>
      </c>
      <c r="D8735" t="s">
        <v>5425</v>
      </c>
      <c r="E8735" t="s">
        <v>5426</v>
      </c>
      <c r="F8735" t="s">
        <v>5427</v>
      </c>
      <c r="G8735" t="s">
        <v>80</v>
      </c>
      <c r="H8735" t="s">
        <v>81</v>
      </c>
      <c r="I8735" s="2">
        <v>0</v>
      </c>
      <c r="J8735" s="2">
        <v>1</v>
      </c>
      <c r="K8735" s="2">
        <v>0</v>
      </c>
      <c r="L8735" t="s">
        <v>82</v>
      </c>
      <c r="M8735" t="s">
        <v>87</v>
      </c>
      <c r="N8735" t="s">
        <v>88</v>
      </c>
      <c r="O8735" t="s">
        <v>85</v>
      </c>
      <c r="P8735" t="s">
        <v>86</v>
      </c>
      <c r="Q8735">
        <v>45</v>
      </c>
      <c r="R8735">
        <v>46</v>
      </c>
      <c r="S8735">
        <v>46</v>
      </c>
      <c r="T8735">
        <v>47</v>
      </c>
      <c r="U8735">
        <v>48</v>
      </c>
      <c r="V8735">
        <v>49</v>
      </c>
      <c r="W8735">
        <v>49</v>
      </c>
      <c r="X8735">
        <v>50</v>
      </c>
      <c r="Y8735">
        <v>51</v>
      </c>
      <c r="Z8735">
        <v>52</v>
      </c>
      <c r="AA8735">
        <v>52</v>
      </c>
      <c r="AB8735">
        <v>53</v>
      </c>
      <c r="AC8735">
        <v>54</v>
      </c>
      <c r="AD8735">
        <v>55</v>
      </c>
      <c r="AE8735">
        <v>56</v>
      </c>
      <c r="AF8735">
        <v>56</v>
      </c>
      <c r="AG8735">
        <v>57</v>
      </c>
      <c r="AH8735">
        <v>58</v>
      </c>
      <c r="AI8735">
        <v>59</v>
      </c>
      <c r="AJ8735">
        <v>60</v>
      </c>
      <c r="AK8735">
        <v>61</v>
      </c>
      <c r="AL8735">
        <v>62</v>
      </c>
      <c r="AM8735">
        <v>62</v>
      </c>
      <c r="AN8735">
        <v>63</v>
      </c>
      <c r="AO8735">
        <v>64</v>
      </c>
      <c r="AP8735">
        <v>65</v>
      </c>
      <c r="AQ8735">
        <v>66</v>
      </c>
    </row>
    <row r="8736" spans="1:43">
      <c r="A8736" t="s">
        <v>5468</v>
      </c>
      <c r="B8736" t="s">
        <v>5469</v>
      </c>
      <c r="C8736" t="s">
        <v>5424</v>
      </c>
      <c r="D8736" t="s">
        <v>5425</v>
      </c>
      <c r="E8736" t="s">
        <v>5426</v>
      </c>
      <c r="F8736" t="s">
        <v>5427</v>
      </c>
      <c r="G8736" t="s">
        <v>80</v>
      </c>
      <c r="H8736" t="s">
        <v>81</v>
      </c>
      <c r="I8736" s="2">
        <v>0</v>
      </c>
      <c r="J8736" s="2">
        <v>1</v>
      </c>
      <c r="K8736" s="2">
        <v>0</v>
      </c>
      <c r="L8736" t="s">
        <v>82</v>
      </c>
      <c r="M8736" t="s">
        <v>89</v>
      </c>
      <c r="N8736" t="s">
        <v>90</v>
      </c>
      <c r="O8736" t="s">
        <v>85</v>
      </c>
      <c r="P8736" t="s">
        <v>86</v>
      </c>
      <c r="Q8736">
        <v>45</v>
      </c>
      <c r="R8736">
        <v>46</v>
      </c>
      <c r="S8736">
        <v>48</v>
      </c>
      <c r="T8736">
        <v>49</v>
      </c>
      <c r="U8736">
        <v>51</v>
      </c>
      <c r="V8736">
        <v>53</v>
      </c>
      <c r="W8736">
        <v>54</v>
      </c>
      <c r="X8736">
        <v>56</v>
      </c>
      <c r="Y8736">
        <v>57</v>
      </c>
      <c r="Z8736">
        <v>59</v>
      </c>
      <c r="AA8736">
        <v>60</v>
      </c>
      <c r="AB8736">
        <v>62</v>
      </c>
      <c r="AC8736">
        <v>64</v>
      </c>
      <c r="AD8736">
        <v>65</v>
      </c>
      <c r="AE8736">
        <v>66</v>
      </c>
      <c r="AF8736">
        <v>67</v>
      </c>
      <c r="AG8736">
        <v>68</v>
      </c>
      <c r="AH8736">
        <v>69</v>
      </c>
      <c r="AI8736">
        <v>69</v>
      </c>
      <c r="AJ8736">
        <v>70</v>
      </c>
      <c r="AK8736">
        <v>71</v>
      </c>
      <c r="AL8736">
        <v>72</v>
      </c>
      <c r="AM8736">
        <v>73</v>
      </c>
      <c r="AN8736">
        <v>73</v>
      </c>
      <c r="AO8736">
        <v>74</v>
      </c>
      <c r="AP8736">
        <v>75</v>
      </c>
      <c r="AQ8736">
        <v>76</v>
      </c>
    </row>
    <row r="8737" spans="1:43">
      <c r="A8737" t="s">
        <v>5468</v>
      </c>
      <c r="B8737" t="s">
        <v>5469</v>
      </c>
      <c r="C8737" t="s">
        <v>5424</v>
      </c>
      <c r="D8737" t="s">
        <v>5425</v>
      </c>
      <c r="E8737" t="s">
        <v>5426</v>
      </c>
      <c r="F8737" t="s">
        <v>5427</v>
      </c>
      <c r="G8737" t="s">
        <v>80</v>
      </c>
      <c r="H8737" t="s">
        <v>81</v>
      </c>
      <c r="I8737" s="2">
        <v>0</v>
      </c>
      <c r="J8737" s="2">
        <v>1</v>
      </c>
      <c r="K8737" s="2">
        <v>0</v>
      </c>
      <c r="L8737" t="s">
        <v>82</v>
      </c>
      <c r="M8737" t="s">
        <v>83</v>
      </c>
      <c r="N8737" t="s">
        <v>91</v>
      </c>
      <c r="O8737" t="s">
        <v>85</v>
      </c>
      <c r="P8737" t="s">
        <v>86</v>
      </c>
      <c r="Q8737">
        <v>45</v>
      </c>
      <c r="R8737">
        <v>46</v>
      </c>
      <c r="S8737">
        <v>48</v>
      </c>
      <c r="T8737">
        <v>49</v>
      </c>
      <c r="U8737">
        <v>50</v>
      </c>
      <c r="V8737">
        <v>51</v>
      </c>
      <c r="W8737">
        <v>52</v>
      </c>
      <c r="X8737">
        <v>54</v>
      </c>
      <c r="Y8737">
        <v>55</v>
      </c>
      <c r="Z8737">
        <v>56</v>
      </c>
      <c r="AA8737">
        <v>58</v>
      </c>
      <c r="AB8737">
        <v>59</v>
      </c>
      <c r="AC8737">
        <v>60</v>
      </c>
      <c r="AD8737">
        <v>61</v>
      </c>
      <c r="AE8737">
        <v>63</v>
      </c>
      <c r="AF8737">
        <v>64</v>
      </c>
      <c r="AG8737">
        <v>66</v>
      </c>
      <c r="AH8737">
        <v>67</v>
      </c>
      <c r="AI8737">
        <v>68</v>
      </c>
      <c r="AJ8737">
        <v>70</v>
      </c>
      <c r="AK8737">
        <v>71</v>
      </c>
      <c r="AL8737">
        <v>72</v>
      </c>
      <c r="AM8737">
        <v>73</v>
      </c>
      <c r="AN8737">
        <v>74</v>
      </c>
      <c r="AO8737">
        <v>75</v>
      </c>
      <c r="AP8737">
        <v>75</v>
      </c>
      <c r="AQ8737">
        <v>76</v>
      </c>
    </row>
    <row r="8738" spans="1:43">
      <c r="A8738" t="s">
        <v>5470</v>
      </c>
      <c r="B8738" t="s">
        <v>5471</v>
      </c>
      <c r="C8738" t="s">
        <v>5430</v>
      </c>
      <c r="D8738" t="s">
        <v>5431</v>
      </c>
      <c r="E8738" t="s">
        <v>5426</v>
      </c>
      <c r="F8738" t="s">
        <v>5427</v>
      </c>
      <c r="G8738" t="s">
        <v>80</v>
      </c>
      <c r="H8738" t="s">
        <v>81</v>
      </c>
      <c r="I8738" s="2">
        <v>0</v>
      </c>
      <c r="J8738" s="2">
        <v>1</v>
      </c>
      <c r="K8738" s="2">
        <v>0</v>
      </c>
      <c r="L8738" t="s">
        <v>82</v>
      </c>
      <c r="M8738" t="s">
        <v>83</v>
      </c>
      <c r="N8738" t="s">
        <v>84</v>
      </c>
      <c r="O8738" t="s">
        <v>85</v>
      </c>
      <c r="P8738" t="s">
        <v>86</v>
      </c>
      <c r="Q8738">
        <v>170</v>
      </c>
      <c r="R8738">
        <v>175</v>
      </c>
      <c r="S8738">
        <v>179</v>
      </c>
      <c r="T8738">
        <v>184</v>
      </c>
      <c r="U8738">
        <v>188</v>
      </c>
      <c r="V8738">
        <v>193</v>
      </c>
      <c r="W8738">
        <v>197</v>
      </c>
      <c r="X8738">
        <v>202</v>
      </c>
      <c r="Y8738">
        <v>207</v>
      </c>
      <c r="Z8738">
        <v>212</v>
      </c>
      <c r="AA8738">
        <v>217</v>
      </c>
      <c r="AB8738">
        <v>222</v>
      </c>
      <c r="AC8738">
        <v>227</v>
      </c>
      <c r="AD8738">
        <v>232</v>
      </c>
      <c r="AE8738">
        <v>237</v>
      </c>
      <c r="AF8738">
        <v>242</v>
      </c>
      <c r="AG8738">
        <v>247</v>
      </c>
      <c r="AH8738">
        <v>253</v>
      </c>
      <c r="AI8738">
        <v>258</v>
      </c>
      <c r="AJ8738">
        <v>264</v>
      </c>
      <c r="AK8738">
        <v>269</v>
      </c>
      <c r="AL8738">
        <v>273</v>
      </c>
      <c r="AM8738">
        <v>276</v>
      </c>
      <c r="AN8738">
        <v>279</v>
      </c>
      <c r="AO8738">
        <v>282</v>
      </c>
      <c r="AP8738">
        <v>285</v>
      </c>
      <c r="AQ8738">
        <v>288</v>
      </c>
    </row>
    <row r="8739" spans="1:43">
      <c r="A8739" t="s">
        <v>5470</v>
      </c>
      <c r="B8739" t="s">
        <v>5471</v>
      </c>
      <c r="C8739" t="s">
        <v>5430</v>
      </c>
      <c r="D8739" t="s">
        <v>5431</v>
      </c>
      <c r="E8739" t="s">
        <v>5426</v>
      </c>
      <c r="F8739" t="s">
        <v>5427</v>
      </c>
      <c r="G8739" t="s">
        <v>80</v>
      </c>
      <c r="H8739" t="s">
        <v>81</v>
      </c>
      <c r="I8739" s="2">
        <v>0</v>
      </c>
      <c r="J8739" s="2">
        <v>1</v>
      </c>
      <c r="K8739" s="2">
        <v>0</v>
      </c>
      <c r="L8739" t="s">
        <v>82</v>
      </c>
      <c r="M8739" t="s">
        <v>87</v>
      </c>
      <c r="N8739" t="s">
        <v>88</v>
      </c>
      <c r="O8739" t="s">
        <v>85</v>
      </c>
      <c r="P8739" t="s">
        <v>86</v>
      </c>
      <c r="Q8739">
        <v>170</v>
      </c>
      <c r="R8739">
        <v>173</v>
      </c>
      <c r="S8739">
        <v>175</v>
      </c>
      <c r="T8739">
        <v>178</v>
      </c>
      <c r="U8739">
        <v>181</v>
      </c>
      <c r="V8739">
        <v>184</v>
      </c>
      <c r="W8739">
        <v>186</v>
      </c>
      <c r="X8739">
        <v>189</v>
      </c>
      <c r="Y8739">
        <v>192</v>
      </c>
      <c r="Z8739">
        <v>195</v>
      </c>
      <c r="AA8739">
        <v>198</v>
      </c>
      <c r="AB8739">
        <v>201</v>
      </c>
      <c r="AC8739">
        <v>204</v>
      </c>
      <c r="AD8739">
        <v>207</v>
      </c>
      <c r="AE8739">
        <v>210</v>
      </c>
      <c r="AF8739">
        <v>214</v>
      </c>
      <c r="AG8739">
        <v>217</v>
      </c>
      <c r="AH8739">
        <v>220</v>
      </c>
      <c r="AI8739">
        <v>223</v>
      </c>
      <c r="AJ8739">
        <v>226</v>
      </c>
      <c r="AK8739">
        <v>230</v>
      </c>
      <c r="AL8739">
        <v>233</v>
      </c>
      <c r="AM8739">
        <v>236</v>
      </c>
      <c r="AN8739">
        <v>240</v>
      </c>
      <c r="AO8739">
        <v>243</v>
      </c>
      <c r="AP8739">
        <v>247</v>
      </c>
      <c r="AQ8739">
        <v>250</v>
      </c>
    </row>
    <row r="8740" spans="1:43">
      <c r="A8740" t="s">
        <v>5470</v>
      </c>
      <c r="B8740" t="s">
        <v>5471</v>
      </c>
      <c r="C8740" t="s">
        <v>5430</v>
      </c>
      <c r="D8740" t="s">
        <v>5431</v>
      </c>
      <c r="E8740" t="s">
        <v>5426</v>
      </c>
      <c r="F8740" t="s">
        <v>5427</v>
      </c>
      <c r="G8740" t="s">
        <v>80</v>
      </c>
      <c r="H8740" t="s">
        <v>81</v>
      </c>
      <c r="I8740" s="2">
        <v>0</v>
      </c>
      <c r="J8740" s="2">
        <v>1</v>
      </c>
      <c r="K8740" s="2">
        <v>0</v>
      </c>
      <c r="L8740" t="s">
        <v>82</v>
      </c>
      <c r="M8740" t="s">
        <v>89</v>
      </c>
      <c r="N8740" t="s">
        <v>90</v>
      </c>
      <c r="O8740" t="s">
        <v>85</v>
      </c>
      <c r="P8740" t="s">
        <v>86</v>
      </c>
      <c r="Q8740">
        <v>170</v>
      </c>
      <c r="R8740">
        <v>176</v>
      </c>
      <c r="S8740">
        <v>182</v>
      </c>
      <c r="T8740">
        <v>188</v>
      </c>
      <c r="U8740">
        <v>194</v>
      </c>
      <c r="V8740">
        <v>200</v>
      </c>
      <c r="W8740">
        <v>206</v>
      </c>
      <c r="X8740">
        <v>211</v>
      </c>
      <c r="Y8740">
        <v>217</v>
      </c>
      <c r="Z8740">
        <v>223</v>
      </c>
      <c r="AA8740">
        <v>229</v>
      </c>
      <c r="AB8740">
        <v>235</v>
      </c>
      <c r="AC8740">
        <v>241</v>
      </c>
      <c r="AD8740">
        <v>248</v>
      </c>
      <c r="AE8740">
        <v>253</v>
      </c>
      <c r="AF8740">
        <v>255</v>
      </c>
      <c r="AG8740">
        <v>258</v>
      </c>
      <c r="AH8740">
        <v>261</v>
      </c>
      <c r="AI8740">
        <v>264</v>
      </c>
      <c r="AJ8740">
        <v>267</v>
      </c>
      <c r="AK8740">
        <v>270</v>
      </c>
      <c r="AL8740">
        <v>273</v>
      </c>
      <c r="AM8740">
        <v>276</v>
      </c>
      <c r="AN8740">
        <v>279</v>
      </c>
      <c r="AO8740">
        <v>282</v>
      </c>
      <c r="AP8740">
        <v>285</v>
      </c>
      <c r="AQ8740">
        <v>287</v>
      </c>
    </row>
    <row r="8741" spans="1:43">
      <c r="A8741" t="s">
        <v>5470</v>
      </c>
      <c r="B8741" t="s">
        <v>5471</v>
      </c>
      <c r="C8741" t="s">
        <v>5430</v>
      </c>
      <c r="D8741" t="s">
        <v>5431</v>
      </c>
      <c r="E8741" t="s">
        <v>5426</v>
      </c>
      <c r="F8741" t="s">
        <v>5427</v>
      </c>
      <c r="G8741" t="s">
        <v>80</v>
      </c>
      <c r="H8741" t="s">
        <v>81</v>
      </c>
      <c r="I8741" s="2">
        <v>0</v>
      </c>
      <c r="J8741" s="2">
        <v>1</v>
      </c>
      <c r="K8741" s="2">
        <v>0</v>
      </c>
      <c r="L8741" t="s">
        <v>82</v>
      </c>
      <c r="M8741" t="s">
        <v>83</v>
      </c>
      <c r="N8741" t="s">
        <v>91</v>
      </c>
      <c r="O8741" t="s">
        <v>85</v>
      </c>
      <c r="P8741" t="s">
        <v>86</v>
      </c>
      <c r="Q8741">
        <v>170</v>
      </c>
      <c r="R8741">
        <v>175</v>
      </c>
      <c r="S8741">
        <v>179</v>
      </c>
      <c r="T8741">
        <v>184</v>
      </c>
      <c r="U8741">
        <v>188</v>
      </c>
      <c r="V8741">
        <v>193</v>
      </c>
      <c r="W8741">
        <v>197</v>
      </c>
      <c r="X8741">
        <v>202</v>
      </c>
      <c r="Y8741">
        <v>207</v>
      </c>
      <c r="Z8741">
        <v>212</v>
      </c>
      <c r="AA8741">
        <v>217</v>
      </c>
      <c r="AB8741">
        <v>222</v>
      </c>
      <c r="AC8741">
        <v>227</v>
      </c>
      <c r="AD8741">
        <v>232</v>
      </c>
      <c r="AE8741">
        <v>237</v>
      </c>
      <c r="AF8741">
        <v>242</v>
      </c>
      <c r="AG8741">
        <v>247</v>
      </c>
      <c r="AH8741">
        <v>253</v>
      </c>
      <c r="AI8741">
        <v>258</v>
      </c>
      <c r="AJ8741">
        <v>264</v>
      </c>
      <c r="AK8741">
        <v>269</v>
      </c>
      <c r="AL8741">
        <v>273</v>
      </c>
      <c r="AM8741">
        <v>276</v>
      </c>
      <c r="AN8741">
        <v>279</v>
      </c>
      <c r="AO8741">
        <v>282</v>
      </c>
      <c r="AP8741">
        <v>285</v>
      </c>
      <c r="AQ8741">
        <v>288</v>
      </c>
    </row>
    <row r="8742" spans="1:43">
      <c r="A8742" t="s">
        <v>5472</v>
      </c>
      <c r="B8742" t="s">
        <v>5473</v>
      </c>
      <c r="C8742" t="s">
        <v>5464</v>
      </c>
      <c r="D8742" t="s">
        <v>5465</v>
      </c>
      <c r="E8742" t="s">
        <v>5426</v>
      </c>
      <c r="F8742" t="s">
        <v>5427</v>
      </c>
      <c r="G8742" t="s">
        <v>80</v>
      </c>
      <c r="H8742" t="s">
        <v>81</v>
      </c>
      <c r="I8742" s="2">
        <v>0</v>
      </c>
      <c r="J8742" s="2">
        <v>1</v>
      </c>
      <c r="K8742" s="2">
        <v>0</v>
      </c>
      <c r="L8742" t="s">
        <v>82</v>
      </c>
      <c r="M8742" t="s">
        <v>83</v>
      </c>
      <c r="N8742" t="s">
        <v>84</v>
      </c>
      <c r="O8742" t="s">
        <v>85</v>
      </c>
      <c r="P8742" t="s">
        <v>86</v>
      </c>
      <c r="Q8742">
        <v>72</v>
      </c>
      <c r="R8742">
        <v>74</v>
      </c>
      <c r="S8742">
        <v>76</v>
      </c>
      <c r="T8742">
        <v>78</v>
      </c>
      <c r="U8742">
        <v>80</v>
      </c>
      <c r="V8742">
        <v>82</v>
      </c>
      <c r="W8742">
        <v>84</v>
      </c>
      <c r="X8742">
        <v>86</v>
      </c>
      <c r="Y8742">
        <v>88</v>
      </c>
      <c r="Z8742">
        <v>90</v>
      </c>
      <c r="AA8742">
        <v>92</v>
      </c>
      <c r="AB8742">
        <v>94</v>
      </c>
      <c r="AC8742">
        <v>96</v>
      </c>
      <c r="AD8742">
        <v>98</v>
      </c>
      <c r="AE8742">
        <v>101</v>
      </c>
      <c r="AF8742">
        <v>103</v>
      </c>
      <c r="AG8742">
        <v>105</v>
      </c>
      <c r="AH8742">
        <v>107</v>
      </c>
      <c r="AI8742">
        <v>109</v>
      </c>
      <c r="AJ8742">
        <v>112</v>
      </c>
      <c r="AK8742">
        <v>114</v>
      </c>
      <c r="AL8742">
        <v>116</v>
      </c>
      <c r="AM8742">
        <v>117</v>
      </c>
      <c r="AN8742">
        <v>118</v>
      </c>
      <c r="AO8742">
        <v>119</v>
      </c>
      <c r="AP8742">
        <v>121</v>
      </c>
      <c r="AQ8742">
        <v>122</v>
      </c>
    </row>
    <row r="8743" spans="1:43">
      <c r="A8743" t="s">
        <v>5472</v>
      </c>
      <c r="B8743" t="s">
        <v>5473</v>
      </c>
      <c r="C8743" t="s">
        <v>5464</v>
      </c>
      <c r="D8743" t="s">
        <v>5465</v>
      </c>
      <c r="E8743" t="s">
        <v>5426</v>
      </c>
      <c r="F8743" t="s">
        <v>5427</v>
      </c>
      <c r="G8743" t="s">
        <v>80</v>
      </c>
      <c r="H8743" t="s">
        <v>81</v>
      </c>
      <c r="I8743" s="2">
        <v>0</v>
      </c>
      <c r="J8743" s="2">
        <v>1</v>
      </c>
      <c r="K8743" s="2">
        <v>0</v>
      </c>
      <c r="L8743" t="s">
        <v>82</v>
      </c>
      <c r="M8743" t="s">
        <v>87</v>
      </c>
      <c r="N8743" t="s">
        <v>88</v>
      </c>
      <c r="O8743" t="s">
        <v>85</v>
      </c>
      <c r="P8743" t="s">
        <v>86</v>
      </c>
      <c r="Q8743">
        <v>72</v>
      </c>
      <c r="R8743">
        <v>73</v>
      </c>
      <c r="S8743">
        <v>74</v>
      </c>
      <c r="T8743">
        <v>75</v>
      </c>
      <c r="U8743">
        <v>76</v>
      </c>
      <c r="V8743">
        <v>78</v>
      </c>
      <c r="W8743">
        <v>79</v>
      </c>
      <c r="X8743">
        <v>80</v>
      </c>
      <c r="Y8743">
        <v>81</v>
      </c>
      <c r="Z8743">
        <v>83</v>
      </c>
      <c r="AA8743">
        <v>84</v>
      </c>
      <c r="AB8743">
        <v>85</v>
      </c>
      <c r="AC8743">
        <v>86</v>
      </c>
      <c r="AD8743">
        <v>88</v>
      </c>
      <c r="AE8743">
        <v>89</v>
      </c>
      <c r="AF8743">
        <v>90</v>
      </c>
      <c r="AG8743">
        <v>92</v>
      </c>
      <c r="AH8743">
        <v>93</v>
      </c>
      <c r="AI8743">
        <v>94</v>
      </c>
      <c r="AJ8743">
        <v>96</v>
      </c>
      <c r="AK8743">
        <v>97</v>
      </c>
      <c r="AL8743">
        <v>99</v>
      </c>
      <c r="AM8743">
        <v>100</v>
      </c>
      <c r="AN8743">
        <v>101</v>
      </c>
      <c r="AO8743">
        <v>103</v>
      </c>
      <c r="AP8743">
        <v>104</v>
      </c>
      <c r="AQ8743">
        <v>106</v>
      </c>
    </row>
    <row r="8744" spans="1:43">
      <c r="A8744" t="s">
        <v>5472</v>
      </c>
      <c r="B8744" t="s">
        <v>5473</v>
      </c>
      <c r="C8744" t="s">
        <v>5464</v>
      </c>
      <c r="D8744" t="s">
        <v>5465</v>
      </c>
      <c r="E8744" t="s">
        <v>5426</v>
      </c>
      <c r="F8744" t="s">
        <v>5427</v>
      </c>
      <c r="G8744" t="s">
        <v>80</v>
      </c>
      <c r="H8744" t="s">
        <v>81</v>
      </c>
      <c r="I8744" s="2">
        <v>0</v>
      </c>
      <c r="J8744" s="2">
        <v>1</v>
      </c>
      <c r="K8744" s="2">
        <v>0</v>
      </c>
      <c r="L8744" t="s">
        <v>82</v>
      </c>
      <c r="M8744" t="s">
        <v>89</v>
      </c>
      <c r="N8744" t="s">
        <v>90</v>
      </c>
      <c r="O8744" t="s">
        <v>85</v>
      </c>
      <c r="P8744" t="s">
        <v>86</v>
      </c>
      <c r="Q8744">
        <v>72</v>
      </c>
      <c r="R8744">
        <v>75</v>
      </c>
      <c r="S8744">
        <v>77</v>
      </c>
      <c r="T8744">
        <v>80</v>
      </c>
      <c r="U8744">
        <v>82</v>
      </c>
      <c r="V8744">
        <v>85</v>
      </c>
      <c r="W8744">
        <v>87</v>
      </c>
      <c r="X8744">
        <v>90</v>
      </c>
      <c r="Y8744">
        <v>92</v>
      </c>
      <c r="Z8744">
        <v>95</v>
      </c>
      <c r="AA8744">
        <v>97</v>
      </c>
      <c r="AB8744">
        <v>100</v>
      </c>
      <c r="AC8744">
        <v>102</v>
      </c>
      <c r="AD8744">
        <v>105</v>
      </c>
      <c r="AE8744">
        <v>107</v>
      </c>
      <c r="AF8744">
        <v>108</v>
      </c>
      <c r="AG8744">
        <v>109</v>
      </c>
      <c r="AH8744">
        <v>111</v>
      </c>
      <c r="AI8744">
        <v>112</v>
      </c>
      <c r="AJ8744">
        <v>113</v>
      </c>
      <c r="AK8744">
        <v>114</v>
      </c>
      <c r="AL8744">
        <v>116</v>
      </c>
      <c r="AM8744">
        <v>117</v>
      </c>
      <c r="AN8744">
        <v>118</v>
      </c>
      <c r="AO8744">
        <v>119</v>
      </c>
      <c r="AP8744">
        <v>120</v>
      </c>
      <c r="AQ8744">
        <v>122</v>
      </c>
    </row>
    <row r="8745" spans="1:43">
      <c r="A8745" t="s">
        <v>5472</v>
      </c>
      <c r="B8745" t="s">
        <v>5473</v>
      </c>
      <c r="C8745" t="s">
        <v>5464</v>
      </c>
      <c r="D8745" t="s">
        <v>5465</v>
      </c>
      <c r="E8745" t="s">
        <v>5426</v>
      </c>
      <c r="F8745" t="s">
        <v>5427</v>
      </c>
      <c r="G8745" t="s">
        <v>80</v>
      </c>
      <c r="H8745" t="s">
        <v>81</v>
      </c>
      <c r="I8745" s="2">
        <v>0</v>
      </c>
      <c r="J8745" s="2">
        <v>1</v>
      </c>
      <c r="K8745" s="2">
        <v>0</v>
      </c>
      <c r="L8745" t="s">
        <v>82</v>
      </c>
      <c r="M8745" t="s">
        <v>83</v>
      </c>
      <c r="N8745" t="s">
        <v>91</v>
      </c>
      <c r="O8745" t="s">
        <v>85</v>
      </c>
      <c r="P8745" t="s">
        <v>86</v>
      </c>
      <c r="Q8745">
        <v>72</v>
      </c>
      <c r="R8745">
        <v>74</v>
      </c>
      <c r="S8745">
        <v>76</v>
      </c>
      <c r="T8745">
        <v>78</v>
      </c>
      <c r="U8745">
        <v>80</v>
      </c>
      <c r="V8745">
        <v>82</v>
      </c>
      <c r="W8745">
        <v>84</v>
      </c>
      <c r="X8745">
        <v>86</v>
      </c>
      <c r="Y8745">
        <v>88</v>
      </c>
      <c r="Z8745">
        <v>90</v>
      </c>
      <c r="AA8745">
        <v>92</v>
      </c>
      <c r="AB8745">
        <v>94</v>
      </c>
      <c r="AC8745">
        <v>96</v>
      </c>
      <c r="AD8745">
        <v>98</v>
      </c>
      <c r="AE8745">
        <v>101</v>
      </c>
      <c r="AF8745">
        <v>103</v>
      </c>
      <c r="AG8745">
        <v>105</v>
      </c>
      <c r="AH8745">
        <v>107</v>
      </c>
      <c r="AI8745">
        <v>109</v>
      </c>
      <c r="AJ8745">
        <v>112</v>
      </c>
      <c r="AK8745">
        <v>114</v>
      </c>
      <c r="AL8745">
        <v>116</v>
      </c>
      <c r="AM8745">
        <v>117</v>
      </c>
      <c r="AN8745">
        <v>118</v>
      </c>
      <c r="AO8745">
        <v>119</v>
      </c>
      <c r="AP8745">
        <v>121</v>
      </c>
      <c r="AQ8745">
        <v>122</v>
      </c>
    </row>
    <row r="8746" spans="1:43">
      <c r="A8746" t="s">
        <v>5474</v>
      </c>
      <c r="B8746" t="s">
        <v>5475</v>
      </c>
      <c r="C8746" t="s">
        <v>5464</v>
      </c>
      <c r="D8746" t="s">
        <v>5465</v>
      </c>
      <c r="E8746" t="s">
        <v>5426</v>
      </c>
      <c r="F8746" t="s">
        <v>5427</v>
      </c>
      <c r="G8746" t="s">
        <v>80</v>
      </c>
      <c r="H8746" t="s">
        <v>81</v>
      </c>
      <c r="I8746" s="2">
        <v>0</v>
      </c>
      <c r="J8746" s="2">
        <v>1</v>
      </c>
      <c r="K8746" s="2">
        <v>0</v>
      </c>
      <c r="L8746" t="s">
        <v>82</v>
      </c>
      <c r="M8746" t="s">
        <v>83</v>
      </c>
      <c r="N8746" t="s">
        <v>84</v>
      </c>
      <c r="O8746" t="s">
        <v>85</v>
      </c>
      <c r="P8746" t="s">
        <v>86</v>
      </c>
      <c r="Q8746">
        <v>52</v>
      </c>
      <c r="R8746">
        <v>53</v>
      </c>
      <c r="S8746">
        <v>54</v>
      </c>
      <c r="T8746">
        <v>56</v>
      </c>
      <c r="U8746">
        <v>57</v>
      </c>
      <c r="V8746">
        <v>58</v>
      </c>
      <c r="W8746">
        <v>60</v>
      </c>
      <c r="X8746">
        <v>61</v>
      </c>
      <c r="Y8746">
        <v>63</v>
      </c>
      <c r="Z8746">
        <v>64</v>
      </c>
      <c r="AA8746">
        <v>66</v>
      </c>
      <c r="AB8746">
        <v>67</v>
      </c>
      <c r="AC8746">
        <v>69</v>
      </c>
      <c r="AD8746">
        <v>70</v>
      </c>
      <c r="AE8746">
        <v>72</v>
      </c>
      <c r="AF8746">
        <v>73</v>
      </c>
      <c r="AG8746">
        <v>75</v>
      </c>
      <c r="AH8746">
        <v>76</v>
      </c>
      <c r="AI8746">
        <v>78</v>
      </c>
      <c r="AJ8746">
        <v>80</v>
      </c>
      <c r="AK8746">
        <v>81</v>
      </c>
      <c r="AL8746">
        <v>82</v>
      </c>
      <c r="AM8746">
        <v>83</v>
      </c>
      <c r="AN8746">
        <v>84</v>
      </c>
      <c r="AO8746">
        <v>85</v>
      </c>
      <c r="AP8746">
        <v>86</v>
      </c>
      <c r="AQ8746">
        <v>87</v>
      </c>
    </row>
    <row r="8747" spans="1:43">
      <c r="A8747" t="s">
        <v>5474</v>
      </c>
      <c r="B8747" t="s">
        <v>5475</v>
      </c>
      <c r="C8747" t="s">
        <v>5464</v>
      </c>
      <c r="D8747" t="s">
        <v>5465</v>
      </c>
      <c r="E8747" t="s">
        <v>5426</v>
      </c>
      <c r="F8747" t="s">
        <v>5427</v>
      </c>
      <c r="G8747" t="s">
        <v>80</v>
      </c>
      <c r="H8747" t="s">
        <v>81</v>
      </c>
      <c r="I8747" s="2">
        <v>0</v>
      </c>
      <c r="J8747" s="2">
        <v>1</v>
      </c>
      <c r="K8747" s="2">
        <v>0</v>
      </c>
      <c r="L8747" t="s">
        <v>82</v>
      </c>
      <c r="M8747" t="s">
        <v>87</v>
      </c>
      <c r="N8747" t="s">
        <v>88</v>
      </c>
      <c r="O8747" t="s">
        <v>85</v>
      </c>
      <c r="P8747" t="s">
        <v>86</v>
      </c>
      <c r="Q8747">
        <v>52</v>
      </c>
      <c r="R8747">
        <v>53</v>
      </c>
      <c r="S8747">
        <v>54</v>
      </c>
      <c r="T8747">
        <v>55</v>
      </c>
      <c r="U8747">
        <v>55</v>
      </c>
      <c r="V8747">
        <v>56</v>
      </c>
      <c r="W8747">
        <v>57</v>
      </c>
      <c r="X8747">
        <v>58</v>
      </c>
      <c r="Y8747">
        <v>59</v>
      </c>
      <c r="Z8747">
        <v>60</v>
      </c>
      <c r="AA8747">
        <v>61</v>
      </c>
      <c r="AB8747">
        <v>62</v>
      </c>
      <c r="AC8747">
        <v>62</v>
      </c>
      <c r="AD8747">
        <v>63</v>
      </c>
      <c r="AE8747">
        <v>64</v>
      </c>
      <c r="AF8747">
        <v>65</v>
      </c>
      <c r="AG8747">
        <v>66</v>
      </c>
      <c r="AH8747">
        <v>67</v>
      </c>
      <c r="AI8747">
        <v>68</v>
      </c>
      <c r="AJ8747">
        <v>69</v>
      </c>
      <c r="AK8747">
        <v>70</v>
      </c>
      <c r="AL8747">
        <v>71</v>
      </c>
      <c r="AM8747">
        <v>72</v>
      </c>
      <c r="AN8747">
        <v>73</v>
      </c>
      <c r="AO8747">
        <v>74</v>
      </c>
      <c r="AP8747">
        <v>75</v>
      </c>
      <c r="AQ8747">
        <v>76</v>
      </c>
    </row>
    <row r="8748" spans="1:43">
      <c r="A8748" t="s">
        <v>5474</v>
      </c>
      <c r="B8748" t="s">
        <v>5475</v>
      </c>
      <c r="C8748" t="s">
        <v>5464</v>
      </c>
      <c r="D8748" t="s">
        <v>5465</v>
      </c>
      <c r="E8748" t="s">
        <v>5426</v>
      </c>
      <c r="F8748" t="s">
        <v>5427</v>
      </c>
      <c r="G8748" t="s">
        <v>80</v>
      </c>
      <c r="H8748" t="s">
        <v>81</v>
      </c>
      <c r="I8748" s="2">
        <v>0</v>
      </c>
      <c r="J8748" s="2">
        <v>1</v>
      </c>
      <c r="K8748" s="2">
        <v>0</v>
      </c>
      <c r="L8748" t="s">
        <v>82</v>
      </c>
      <c r="M8748" t="s">
        <v>89</v>
      </c>
      <c r="N8748" t="s">
        <v>90</v>
      </c>
      <c r="O8748" t="s">
        <v>85</v>
      </c>
      <c r="P8748" t="s">
        <v>86</v>
      </c>
      <c r="Q8748">
        <v>52</v>
      </c>
      <c r="R8748">
        <v>54</v>
      </c>
      <c r="S8748">
        <v>56</v>
      </c>
      <c r="T8748">
        <v>57</v>
      </c>
      <c r="U8748">
        <v>59</v>
      </c>
      <c r="V8748">
        <v>61</v>
      </c>
      <c r="W8748">
        <v>63</v>
      </c>
      <c r="X8748">
        <v>65</v>
      </c>
      <c r="Y8748">
        <v>66</v>
      </c>
      <c r="Z8748">
        <v>68</v>
      </c>
      <c r="AA8748">
        <v>70</v>
      </c>
      <c r="AB8748">
        <v>72</v>
      </c>
      <c r="AC8748">
        <v>74</v>
      </c>
      <c r="AD8748">
        <v>75</v>
      </c>
      <c r="AE8748">
        <v>77</v>
      </c>
      <c r="AF8748">
        <v>78</v>
      </c>
      <c r="AG8748">
        <v>79</v>
      </c>
      <c r="AH8748">
        <v>80</v>
      </c>
      <c r="AI8748">
        <v>80</v>
      </c>
      <c r="AJ8748">
        <v>81</v>
      </c>
      <c r="AK8748">
        <v>82</v>
      </c>
      <c r="AL8748">
        <v>83</v>
      </c>
      <c r="AM8748">
        <v>84</v>
      </c>
      <c r="AN8748">
        <v>85</v>
      </c>
      <c r="AO8748">
        <v>86</v>
      </c>
      <c r="AP8748">
        <v>86</v>
      </c>
      <c r="AQ8748">
        <v>87</v>
      </c>
    </row>
    <row r="8749" spans="1:43">
      <c r="A8749" t="s">
        <v>5474</v>
      </c>
      <c r="B8749" t="s">
        <v>5475</v>
      </c>
      <c r="C8749" t="s">
        <v>5464</v>
      </c>
      <c r="D8749" t="s">
        <v>5465</v>
      </c>
      <c r="E8749" t="s">
        <v>5426</v>
      </c>
      <c r="F8749" t="s">
        <v>5427</v>
      </c>
      <c r="G8749" t="s">
        <v>80</v>
      </c>
      <c r="H8749" t="s">
        <v>81</v>
      </c>
      <c r="I8749" s="2">
        <v>0</v>
      </c>
      <c r="J8749" s="2">
        <v>1</v>
      </c>
      <c r="K8749" s="2">
        <v>0</v>
      </c>
      <c r="L8749" t="s">
        <v>82</v>
      </c>
      <c r="M8749" t="s">
        <v>83</v>
      </c>
      <c r="N8749" t="s">
        <v>91</v>
      </c>
      <c r="O8749" t="s">
        <v>85</v>
      </c>
      <c r="P8749" t="s">
        <v>86</v>
      </c>
      <c r="Q8749">
        <v>52</v>
      </c>
      <c r="R8749">
        <v>53</v>
      </c>
      <c r="S8749">
        <v>54</v>
      </c>
      <c r="T8749">
        <v>56</v>
      </c>
      <c r="U8749">
        <v>57</v>
      </c>
      <c r="V8749">
        <v>58</v>
      </c>
      <c r="W8749">
        <v>60</v>
      </c>
      <c r="X8749">
        <v>61</v>
      </c>
      <c r="Y8749">
        <v>63</v>
      </c>
      <c r="Z8749">
        <v>64</v>
      </c>
      <c r="AA8749">
        <v>66</v>
      </c>
      <c r="AB8749">
        <v>67</v>
      </c>
      <c r="AC8749">
        <v>69</v>
      </c>
      <c r="AD8749">
        <v>70</v>
      </c>
      <c r="AE8749">
        <v>72</v>
      </c>
      <c r="AF8749">
        <v>73</v>
      </c>
      <c r="AG8749">
        <v>75</v>
      </c>
      <c r="AH8749">
        <v>76</v>
      </c>
      <c r="AI8749">
        <v>78</v>
      </c>
      <c r="AJ8749">
        <v>80</v>
      </c>
      <c r="AK8749">
        <v>81</v>
      </c>
      <c r="AL8749">
        <v>82</v>
      </c>
      <c r="AM8749">
        <v>83</v>
      </c>
      <c r="AN8749">
        <v>84</v>
      </c>
      <c r="AO8749">
        <v>85</v>
      </c>
      <c r="AP8749">
        <v>86</v>
      </c>
      <c r="AQ8749">
        <v>87</v>
      </c>
    </row>
    <row r="8750" spans="1:43">
      <c r="A8750" t="s">
        <v>5476</v>
      </c>
      <c r="B8750" t="s">
        <v>5477</v>
      </c>
      <c r="C8750" t="s">
        <v>5440</v>
      </c>
      <c r="D8750" t="s">
        <v>5441</v>
      </c>
      <c r="E8750" t="s">
        <v>5426</v>
      </c>
      <c r="F8750" t="s">
        <v>5427</v>
      </c>
      <c r="G8750" t="s">
        <v>80</v>
      </c>
      <c r="H8750" t="s">
        <v>81</v>
      </c>
      <c r="I8750" s="2">
        <v>0</v>
      </c>
      <c r="J8750" s="2">
        <v>1</v>
      </c>
      <c r="K8750" s="2">
        <v>0</v>
      </c>
      <c r="L8750" t="s">
        <v>82</v>
      </c>
      <c r="M8750" t="s">
        <v>83</v>
      </c>
      <c r="N8750" t="s">
        <v>84</v>
      </c>
      <c r="O8750" t="s">
        <v>85</v>
      </c>
      <c r="P8750" t="s">
        <v>86</v>
      </c>
      <c r="Q8750">
        <v>63</v>
      </c>
      <c r="R8750">
        <v>64</v>
      </c>
      <c r="S8750">
        <v>66</v>
      </c>
      <c r="T8750">
        <v>68</v>
      </c>
      <c r="U8750">
        <v>69</v>
      </c>
      <c r="V8750">
        <v>71</v>
      </c>
      <c r="W8750">
        <v>73</v>
      </c>
      <c r="X8750">
        <v>75</v>
      </c>
      <c r="Y8750">
        <v>76</v>
      </c>
      <c r="Z8750">
        <v>78</v>
      </c>
      <c r="AA8750">
        <v>80</v>
      </c>
      <c r="AB8750">
        <v>82</v>
      </c>
      <c r="AC8750">
        <v>83</v>
      </c>
      <c r="AD8750">
        <v>85</v>
      </c>
      <c r="AE8750">
        <v>87</v>
      </c>
      <c r="AF8750">
        <v>89</v>
      </c>
      <c r="AG8750">
        <v>91</v>
      </c>
      <c r="AH8750">
        <v>93</v>
      </c>
      <c r="AI8750">
        <v>95</v>
      </c>
      <c r="AJ8750">
        <v>97</v>
      </c>
      <c r="AK8750">
        <v>99</v>
      </c>
      <c r="AL8750">
        <v>100</v>
      </c>
      <c r="AM8750">
        <v>101</v>
      </c>
      <c r="AN8750">
        <v>102</v>
      </c>
      <c r="AO8750">
        <v>104</v>
      </c>
      <c r="AP8750">
        <v>105</v>
      </c>
      <c r="AQ8750">
        <v>106</v>
      </c>
    </row>
    <row r="8751" spans="1:43">
      <c r="A8751" t="s">
        <v>5476</v>
      </c>
      <c r="B8751" t="s">
        <v>5477</v>
      </c>
      <c r="C8751" t="s">
        <v>5440</v>
      </c>
      <c r="D8751" t="s">
        <v>5441</v>
      </c>
      <c r="E8751" t="s">
        <v>5426</v>
      </c>
      <c r="F8751" t="s">
        <v>5427</v>
      </c>
      <c r="G8751" t="s">
        <v>80</v>
      </c>
      <c r="H8751" t="s">
        <v>81</v>
      </c>
      <c r="I8751" s="2">
        <v>0</v>
      </c>
      <c r="J8751" s="2">
        <v>1</v>
      </c>
      <c r="K8751" s="2">
        <v>0</v>
      </c>
      <c r="L8751" t="s">
        <v>82</v>
      </c>
      <c r="M8751" t="s">
        <v>87</v>
      </c>
      <c r="N8751" t="s">
        <v>88</v>
      </c>
      <c r="O8751" t="s">
        <v>85</v>
      </c>
      <c r="P8751" t="s">
        <v>86</v>
      </c>
      <c r="Q8751">
        <v>63</v>
      </c>
      <c r="R8751">
        <v>64</v>
      </c>
      <c r="S8751">
        <v>65</v>
      </c>
      <c r="T8751">
        <v>66</v>
      </c>
      <c r="U8751">
        <v>67</v>
      </c>
      <c r="V8751">
        <v>68</v>
      </c>
      <c r="W8751">
        <v>69</v>
      </c>
      <c r="X8751">
        <v>70</v>
      </c>
      <c r="Y8751">
        <v>72</v>
      </c>
      <c r="Z8751">
        <v>73</v>
      </c>
      <c r="AA8751">
        <v>74</v>
      </c>
      <c r="AB8751">
        <v>75</v>
      </c>
      <c r="AC8751">
        <v>76</v>
      </c>
      <c r="AD8751">
        <v>77</v>
      </c>
      <c r="AE8751">
        <v>78</v>
      </c>
      <c r="AF8751">
        <v>79</v>
      </c>
      <c r="AG8751">
        <v>80</v>
      </c>
      <c r="AH8751">
        <v>82</v>
      </c>
      <c r="AI8751">
        <v>83</v>
      </c>
      <c r="AJ8751">
        <v>84</v>
      </c>
      <c r="AK8751">
        <v>85</v>
      </c>
      <c r="AL8751">
        <v>86</v>
      </c>
      <c r="AM8751">
        <v>88</v>
      </c>
      <c r="AN8751">
        <v>89</v>
      </c>
      <c r="AO8751">
        <v>90</v>
      </c>
      <c r="AP8751">
        <v>91</v>
      </c>
      <c r="AQ8751">
        <v>93</v>
      </c>
    </row>
    <row r="8752" spans="1:43">
      <c r="A8752" t="s">
        <v>5476</v>
      </c>
      <c r="B8752" t="s">
        <v>5477</v>
      </c>
      <c r="C8752" t="s">
        <v>5440</v>
      </c>
      <c r="D8752" t="s">
        <v>5441</v>
      </c>
      <c r="E8752" t="s">
        <v>5426</v>
      </c>
      <c r="F8752" t="s">
        <v>5427</v>
      </c>
      <c r="G8752" t="s">
        <v>80</v>
      </c>
      <c r="H8752" t="s">
        <v>81</v>
      </c>
      <c r="I8752" s="2">
        <v>0</v>
      </c>
      <c r="J8752" s="2">
        <v>1</v>
      </c>
      <c r="K8752" s="2">
        <v>0</v>
      </c>
      <c r="L8752" t="s">
        <v>82</v>
      </c>
      <c r="M8752" t="s">
        <v>89</v>
      </c>
      <c r="N8752" t="s">
        <v>90</v>
      </c>
      <c r="O8752" t="s">
        <v>85</v>
      </c>
      <c r="P8752" t="s">
        <v>86</v>
      </c>
      <c r="Q8752">
        <v>63</v>
      </c>
      <c r="R8752">
        <v>66</v>
      </c>
      <c r="S8752">
        <v>68</v>
      </c>
      <c r="T8752">
        <v>70</v>
      </c>
      <c r="U8752">
        <v>72</v>
      </c>
      <c r="V8752">
        <v>74</v>
      </c>
      <c r="W8752">
        <v>77</v>
      </c>
      <c r="X8752">
        <v>79</v>
      </c>
      <c r="Y8752">
        <v>81</v>
      </c>
      <c r="Z8752">
        <v>83</v>
      </c>
      <c r="AA8752">
        <v>85</v>
      </c>
      <c r="AB8752">
        <v>87</v>
      </c>
      <c r="AC8752">
        <v>90</v>
      </c>
      <c r="AD8752">
        <v>92</v>
      </c>
      <c r="AE8752">
        <v>94</v>
      </c>
      <c r="AF8752">
        <v>95</v>
      </c>
      <c r="AG8752">
        <v>96</v>
      </c>
      <c r="AH8752">
        <v>97</v>
      </c>
      <c r="AI8752">
        <v>98</v>
      </c>
      <c r="AJ8752">
        <v>99</v>
      </c>
      <c r="AK8752">
        <v>100</v>
      </c>
      <c r="AL8752">
        <v>101</v>
      </c>
      <c r="AM8752">
        <v>102</v>
      </c>
      <c r="AN8752">
        <v>103</v>
      </c>
      <c r="AO8752">
        <v>104</v>
      </c>
      <c r="AP8752">
        <v>105</v>
      </c>
      <c r="AQ8752">
        <v>106</v>
      </c>
    </row>
    <row r="8753" spans="1:43">
      <c r="A8753" t="s">
        <v>5476</v>
      </c>
      <c r="B8753" t="s">
        <v>5477</v>
      </c>
      <c r="C8753" t="s">
        <v>5440</v>
      </c>
      <c r="D8753" t="s">
        <v>5441</v>
      </c>
      <c r="E8753" t="s">
        <v>5426</v>
      </c>
      <c r="F8753" t="s">
        <v>5427</v>
      </c>
      <c r="G8753" t="s">
        <v>80</v>
      </c>
      <c r="H8753" t="s">
        <v>81</v>
      </c>
      <c r="I8753" s="2">
        <v>0</v>
      </c>
      <c r="J8753" s="2">
        <v>1</v>
      </c>
      <c r="K8753" s="2">
        <v>0</v>
      </c>
      <c r="L8753" t="s">
        <v>82</v>
      </c>
      <c r="M8753" t="s">
        <v>83</v>
      </c>
      <c r="N8753" t="s">
        <v>91</v>
      </c>
      <c r="O8753" t="s">
        <v>85</v>
      </c>
      <c r="P8753" t="s">
        <v>86</v>
      </c>
      <c r="Q8753">
        <v>63</v>
      </c>
      <c r="R8753">
        <v>64</v>
      </c>
      <c r="S8753">
        <v>66</v>
      </c>
      <c r="T8753">
        <v>68</v>
      </c>
      <c r="U8753">
        <v>69</v>
      </c>
      <c r="V8753">
        <v>71</v>
      </c>
      <c r="W8753">
        <v>73</v>
      </c>
      <c r="X8753">
        <v>75</v>
      </c>
      <c r="Y8753">
        <v>76</v>
      </c>
      <c r="Z8753">
        <v>78</v>
      </c>
      <c r="AA8753">
        <v>80</v>
      </c>
      <c r="AB8753">
        <v>82</v>
      </c>
      <c r="AC8753">
        <v>83</v>
      </c>
      <c r="AD8753">
        <v>85</v>
      </c>
      <c r="AE8753">
        <v>87</v>
      </c>
      <c r="AF8753">
        <v>89</v>
      </c>
      <c r="AG8753">
        <v>91</v>
      </c>
      <c r="AH8753">
        <v>93</v>
      </c>
      <c r="AI8753">
        <v>95</v>
      </c>
      <c r="AJ8753">
        <v>97</v>
      </c>
      <c r="AK8753">
        <v>99</v>
      </c>
      <c r="AL8753">
        <v>100</v>
      </c>
      <c r="AM8753">
        <v>101</v>
      </c>
      <c r="AN8753">
        <v>102</v>
      </c>
      <c r="AO8753">
        <v>104</v>
      </c>
      <c r="AP8753">
        <v>105</v>
      </c>
      <c r="AQ8753">
        <v>106</v>
      </c>
    </row>
    <row r="8754" spans="1:43">
      <c r="A8754" t="s">
        <v>5478</v>
      </c>
      <c r="B8754" t="s">
        <v>5479</v>
      </c>
      <c r="C8754" t="s">
        <v>5424</v>
      </c>
      <c r="D8754" t="s">
        <v>5425</v>
      </c>
      <c r="E8754" t="s">
        <v>5426</v>
      </c>
      <c r="F8754" t="s">
        <v>5427</v>
      </c>
      <c r="G8754" t="s">
        <v>80</v>
      </c>
      <c r="H8754" t="s">
        <v>81</v>
      </c>
      <c r="I8754" s="2">
        <v>0</v>
      </c>
      <c r="J8754" s="2">
        <v>1</v>
      </c>
      <c r="K8754" s="2">
        <v>0</v>
      </c>
      <c r="L8754" t="s">
        <v>82</v>
      </c>
      <c r="M8754" t="s">
        <v>83</v>
      </c>
      <c r="N8754" t="s">
        <v>84</v>
      </c>
      <c r="O8754" t="s">
        <v>85</v>
      </c>
      <c r="P8754" t="s">
        <v>86</v>
      </c>
      <c r="Q8754">
        <v>36</v>
      </c>
      <c r="R8754">
        <v>37</v>
      </c>
      <c r="S8754">
        <v>38</v>
      </c>
      <c r="T8754">
        <v>39</v>
      </c>
      <c r="U8754">
        <v>40</v>
      </c>
      <c r="V8754">
        <v>41</v>
      </c>
      <c r="W8754">
        <v>42</v>
      </c>
      <c r="X8754">
        <v>43</v>
      </c>
      <c r="Y8754">
        <v>44</v>
      </c>
      <c r="Z8754">
        <v>45</v>
      </c>
      <c r="AA8754">
        <v>46</v>
      </c>
      <c r="AB8754">
        <v>47</v>
      </c>
      <c r="AC8754">
        <v>48</v>
      </c>
      <c r="AD8754">
        <v>49</v>
      </c>
      <c r="AE8754">
        <v>50</v>
      </c>
      <c r="AF8754">
        <v>51</v>
      </c>
      <c r="AG8754">
        <v>52</v>
      </c>
      <c r="AH8754">
        <v>53</v>
      </c>
      <c r="AI8754">
        <v>55</v>
      </c>
      <c r="AJ8754">
        <v>56</v>
      </c>
      <c r="AK8754">
        <v>57</v>
      </c>
      <c r="AL8754">
        <v>58</v>
      </c>
      <c r="AM8754">
        <v>58</v>
      </c>
      <c r="AN8754">
        <v>59</v>
      </c>
      <c r="AO8754">
        <v>60</v>
      </c>
      <c r="AP8754">
        <v>60</v>
      </c>
      <c r="AQ8754">
        <v>61</v>
      </c>
    </row>
    <row r="8755" spans="1:43">
      <c r="A8755" t="s">
        <v>5478</v>
      </c>
      <c r="B8755" t="s">
        <v>5479</v>
      </c>
      <c r="C8755" t="s">
        <v>5424</v>
      </c>
      <c r="D8755" t="s">
        <v>5425</v>
      </c>
      <c r="E8755" t="s">
        <v>5426</v>
      </c>
      <c r="F8755" t="s">
        <v>5427</v>
      </c>
      <c r="G8755" t="s">
        <v>80</v>
      </c>
      <c r="H8755" t="s">
        <v>81</v>
      </c>
      <c r="I8755" s="2">
        <v>0</v>
      </c>
      <c r="J8755" s="2">
        <v>1</v>
      </c>
      <c r="K8755" s="2">
        <v>0</v>
      </c>
      <c r="L8755" t="s">
        <v>82</v>
      </c>
      <c r="M8755" t="s">
        <v>87</v>
      </c>
      <c r="N8755" t="s">
        <v>88</v>
      </c>
      <c r="O8755" t="s">
        <v>85</v>
      </c>
      <c r="P8755" t="s">
        <v>86</v>
      </c>
      <c r="Q8755">
        <v>36</v>
      </c>
      <c r="R8755">
        <v>36</v>
      </c>
      <c r="S8755">
        <v>37</v>
      </c>
      <c r="T8755">
        <v>38</v>
      </c>
      <c r="U8755">
        <v>38</v>
      </c>
      <c r="V8755">
        <v>39</v>
      </c>
      <c r="W8755">
        <v>39</v>
      </c>
      <c r="X8755">
        <v>40</v>
      </c>
      <c r="Y8755">
        <v>41</v>
      </c>
      <c r="Z8755">
        <v>41</v>
      </c>
      <c r="AA8755">
        <v>42</v>
      </c>
      <c r="AB8755">
        <v>42</v>
      </c>
      <c r="AC8755">
        <v>43</v>
      </c>
      <c r="AD8755">
        <v>44</v>
      </c>
      <c r="AE8755">
        <v>44</v>
      </c>
      <c r="AF8755">
        <v>45</v>
      </c>
      <c r="AG8755">
        <v>46</v>
      </c>
      <c r="AH8755">
        <v>46</v>
      </c>
      <c r="AI8755">
        <v>47</v>
      </c>
      <c r="AJ8755">
        <v>48</v>
      </c>
      <c r="AK8755">
        <v>48</v>
      </c>
      <c r="AL8755">
        <v>49</v>
      </c>
      <c r="AM8755">
        <v>50</v>
      </c>
      <c r="AN8755">
        <v>51</v>
      </c>
      <c r="AO8755">
        <v>51</v>
      </c>
      <c r="AP8755">
        <v>52</v>
      </c>
      <c r="AQ8755">
        <v>53</v>
      </c>
    </row>
    <row r="8756" spans="1:43">
      <c r="A8756" t="s">
        <v>5478</v>
      </c>
      <c r="B8756" t="s">
        <v>5479</v>
      </c>
      <c r="C8756" t="s">
        <v>5424</v>
      </c>
      <c r="D8756" t="s">
        <v>5425</v>
      </c>
      <c r="E8756" t="s">
        <v>5426</v>
      </c>
      <c r="F8756" t="s">
        <v>5427</v>
      </c>
      <c r="G8756" t="s">
        <v>80</v>
      </c>
      <c r="H8756" t="s">
        <v>81</v>
      </c>
      <c r="I8756" s="2">
        <v>0</v>
      </c>
      <c r="J8756" s="2">
        <v>1</v>
      </c>
      <c r="K8756" s="2">
        <v>0</v>
      </c>
      <c r="L8756" t="s">
        <v>82</v>
      </c>
      <c r="M8756" t="s">
        <v>89</v>
      </c>
      <c r="N8756" t="s">
        <v>90</v>
      </c>
      <c r="O8756" t="s">
        <v>85</v>
      </c>
      <c r="P8756" t="s">
        <v>86</v>
      </c>
      <c r="Q8756">
        <v>36</v>
      </c>
      <c r="R8756">
        <v>37</v>
      </c>
      <c r="S8756">
        <v>38</v>
      </c>
      <c r="T8756">
        <v>39</v>
      </c>
      <c r="U8756">
        <v>41</v>
      </c>
      <c r="V8756">
        <v>42</v>
      </c>
      <c r="W8756">
        <v>43</v>
      </c>
      <c r="X8756">
        <v>44</v>
      </c>
      <c r="Y8756">
        <v>46</v>
      </c>
      <c r="Z8756">
        <v>47</v>
      </c>
      <c r="AA8756">
        <v>48</v>
      </c>
      <c r="AB8756">
        <v>49</v>
      </c>
      <c r="AC8756">
        <v>51</v>
      </c>
      <c r="AD8756">
        <v>52</v>
      </c>
      <c r="AE8756">
        <v>53</v>
      </c>
      <c r="AF8756">
        <v>53</v>
      </c>
      <c r="AG8756">
        <v>54</v>
      </c>
      <c r="AH8756">
        <v>55</v>
      </c>
      <c r="AI8756">
        <v>55</v>
      </c>
      <c r="AJ8756">
        <v>56</v>
      </c>
      <c r="AK8756">
        <v>57</v>
      </c>
      <c r="AL8756">
        <v>57</v>
      </c>
      <c r="AM8756">
        <v>58</v>
      </c>
      <c r="AN8756">
        <v>58</v>
      </c>
      <c r="AO8756">
        <v>59</v>
      </c>
      <c r="AP8756">
        <v>60</v>
      </c>
      <c r="AQ8756">
        <v>60</v>
      </c>
    </row>
    <row r="8757" spans="1:43">
      <c r="A8757" t="s">
        <v>5478</v>
      </c>
      <c r="B8757" t="s">
        <v>5479</v>
      </c>
      <c r="C8757" t="s">
        <v>5424</v>
      </c>
      <c r="D8757" t="s">
        <v>5425</v>
      </c>
      <c r="E8757" t="s">
        <v>5426</v>
      </c>
      <c r="F8757" t="s">
        <v>5427</v>
      </c>
      <c r="G8757" t="s">
        <v>80</v>
      </c>
      <c r="H8757" t="s">
        <v>81</v>
      </c>
      <c r="I8757" s="2">
        <v>0</v>
      </c>
      <c r="J8757" s="2">
        <v>1</v>
      </c>
      <c r="K8757" s="2">
        <v>0</v>
      </c>
      <c r="L8757" t="s">
        <v>82</v>
      </c>
      <c r="M8757" t="s">
        <v>83</v>
      </c>
      <c r="N8757" t="s">
        <v>91</v>
      </c>
      <c r="O8757" t="s">
        <v>85</v>
      </c>
      <c r="P8757" t="s">
        <v>86</v>
      </c>
      <c r="Q8757">
        <v>36</v>
      </c>
      <c r="R8757">
        <v>37</v>
      </c>
      <c r="S8757">
        <v>38</v>
      </c>
      <c r="T8757">
        <v>39</v>
      </c>
      <c r="U8757">
        <v>40</v>
      </c>
      <c r="V8757">
        <v>41</v>
      </c>
      <c r="W8757">
        <v>42</v>
      </c>
      <c r="X8757">
        <v>43</v>
      </c>
      <c r="Y8757">
        <v>44</v>
      </c>
      <c r="Z8757">
        <v>45</v>
      </c>
      <c r="AA8757">
        <v>46</v>
      </c>
      <c r="AB8757">
        <v>47</v>
      </c>
      <c r="AC8757">
        <v>48</v>
      </c>
      <c r="AD8757">
        <v>49</v>
      </c>
      <c r="AE8757">
        <v>50</v>
      </c>
      <c r="AF8757">
        <v>51</v>
      </c>
      <c r="AG8757">
        <v>52</v>
      </c>
      <c r="AH8757">
        <v>53</v>
      </c>
      <c r="AI8757">
        <v>55</v>
      </c>
      <c r="AJ8757">
        <v>56</v>
      </c>
      <c r="AK8757">
        <v>57</v>
      </c>
      <c r="AL8757">
        <v>58</v>
      </c>
      <c r="AM8757">
        <v>58</v>
      </c>
      <c r="AN8757">
        <v>59</v>
      </c>
      <c r="AO8757">
        <v>60</v>
      </c>
      <c r="AP8757">
        <v>60</v>
      </c>
      <c r="AQ8757">
        <v>61</v>
      </c>
    </row>
    <row r="8758" spans="1:43">
      <c r="A8758" t="s">
        <v>5480</v>
      </c>
      <c r="B8758" t="s">
        <v>5481</v>
      </c>
      <c r="C8758" t="s">
        <v>5482</v>
      </c>
      <c r="D8758" t="s">
        <v>5483</v>
      </c>
      <c r="E8758" t="s">
        <v>5426</v>
      </c>
      <c r="F8758" t="s">
        <v>5427</v>
      </c>
      <c r="G8758" t="s">
        <v>80</v>
      </c>
      <c r="H8758" t="s">
        <v>81</v>
      </c>
      <c r="I8758" s="2">
        <v>0</v>
      </c>
      <c r="J8758" s="2">
        <v>1</v>
      </c>
      <c r="K8758" s="2">
        <v>0</v>
      </c>
      <c r="L8758" t="s">
        <v>82</v>
      </c>
      <c r="M8758" t="s">
        <v>83</v>
      </c>
      <c r="N8758" t="s">
        <v>84</v>
      </c>
      <c r="O8758" t="s">
        <v>85</v>
      </c>
      <c r="P8758" t="s">
        <v>86</v>
      </c>
      <c r="Q8758">
        <v>95</v>
      </c>
      <c r="R8758">
        <v>97</v>
      </c>
      <c r="S8758">
        <v>100</v>
      </c>
      <c r="T8758">
        <v>102</v>
      </c>
      <c r="U8758">
        <v>105</v>
      </c>
      <c r="V8758">
        <v>107</v>
      </c>
      <c r="W8758">
        <v>110</v>
      </c>
      <c r="X8758">
        <v>113</v>
      </c>
      <c r="Y8758">
        <v>115</v>
      </c>
      <c r="Z8758">
        <v>118</v>
      </c>
      <c r="AA8758">
        <v>121</v>
      </c>
      <c r="AB8758">
        <v>123</v>
      </c>
      <c r="AC8758">
        <v>126</v>
      </c>
      <c r="AD8758">
        <v>129</v>
      </c>
      <c r="AE8758">
        <v>132</v>
      </c>
      <c r="AF8758">
        <v>135</v>
      </c>
      <c r="AG8758">
        <v>138</v>
      </c>
      <c r="AH8758">
        <v>141</v>
      </c>
      <c r="AI8758">
        <v>144</v>
      </c>
      <c r="AJ8758">
        <v>147</v>
      </c>
      <c r="AK8758">
        <v>150</v>
      </c>
      <c r="AL8758">
        <v>152</v>
      </c>
      <c r="AM8758">
        <v>153</v>
      </c>
      <c r="AN8758">
        <v>155</v>
      </c>
      <c r="AO8758">
        <v>157</v>
      </c>
      <c r="AP8758">
        <v>158</v>
      </c>
      <c r="AQ8758">
        <v>160</v>
      </c>
    </row>
    <row r="8759" spans="1:43">
      <c r="A8759" t="s">
        <v>5480</v>
      </c>
      <c r="B8759" t="s">
        <v>5481</v>
      </c>
      <c r="C8759" t="s">
        <v>5482</v>
      </c>
      <c r="D8759" t="s">
        <v>5483</v>
      </c>
      <c r="E8759" t="s">
        <v>5426</v>
      </c>
      <c r="F8759" t="s">
        <v>5427</v>
      </c>
      <c r="G8759" t="s">
        <v>80</v>
      </c>
      <c r="H8759" t="s">
        <v>81</v>
      </c>
      <c r="I8759" s="2">
        <v>0</v>
      </c>
      <c r="J8759" s="2">
        <v>1</v>
      </c>
      <c r="K8759" s="2">
        <v>0</v>
      </c>
      <c r="L8759" t="s">
        <v>82</v>
      </c>
      <c r="M8759" t="s">
        <v>87</v>
      </c>
      <c r="N8759" t="s">
        <v>88</v>
      </c>
      <c r="O8759" t="s">
        <v>85</v>
      </c>
      <c r="P8759" t="s">
        <v>86</v>
      </c>
      <c r="Q8759">
        <v>95</v>
      </c>
      <c r="R8759">
        <v>97</v>
      </c>
      <c r="S8759">
        <v>98</v>
      </c>
      <c r="T8759">
        <v>100</v>
      </c>
      <c r="U8759">
        <v>101</v>
      </c>
      <c r="V8759">
        <v>103</v>
      </c>
      <c r="W8759">
        <v>104</v>
      </c>
      <c r="X8759">
        <v>106</v>
      </c>
      <c r="Y8759">
        <v>108</v>
      </c>
      <c r="Z8759">
        <v>109</v>
      </c>
      <c r="AA8759">
        <v>111</v>
      </c>
      <c r="AB8759">
        <v>113</v>
      </c>
      <c r="AC8759">
        <v>114</v>
      </c>
      <c r="AD8759">
        <v>116</v>
      </c>
      <c r="AE8759">
        <v>118</v>
      </c>
      <c r="AF8759">
        <v>119</v>
      </c>
      <c r="AG8759">
        <v>121</v>
      </c>
      <c r="AH8759">
        <v>123</v>
      </c>
      <c r="AI8759">
        <v>125</v>
      </c>
      <c r="AJ8759">
        <v>127</v>
      </c>
      <c r="AK8759">
        <v>128</v>
      </c>
      <c r="AL8759">
        <v>130</v>
      </c>
      <c r="AM8759">
        <v>132</v>
      </c>
      <c r="AN8759">
        <v>134</v>
      </c>
      <c r="AO8759">
        <v>136</v>
      </c>
      <c r="AP8759">
        <v>138</v>
      </c>
      <c r="AQ8759">
        <v>140</v>
      </c>
    </row>
    <row r="8760" spans="1:43">
      <c r="A8760" t="s">
        <v>5480</v>
      </c>
      <c r="B8760" t="s">
        <v>5481</v>
      </c>
      <c r="C8760" t="s">
        <v>5482</v>
      </c>
      <c r="D8760" t="s">
        <v>5483</v>
      </c>
      <c r="E8760" t="s">
        <v>5426</v>
      </c>
      <c r="F8760" t="s">
        <v>5427</v>
      </c>
      <c r="G8760" t="s">
        <v>80</v>
      </c>
      <c r="H8760" t="s">
        <v>81</v>
      </c>
      <c r="I8760" s="2">
        <v>0</v>
      </c>
      <c r="J8760" s="2">
        <v>1</v>
      </c>
      <c r="K8760" s="2">
        <v>0</v>
      </c>
      <c r="L8760" t="s">
        <v>82</v>
      </c>
      <c r="M8760" t="s">
        <v>89</v>
      </c>
      <c r="N8760" t="s">
        <v>90</v>
      </c>
      <c r="O8760" t="s">
        <v>85</v>
      </c>
      <c r="P8760" t="s">
        <v>86</v>
      </c>
      <c r="Q8760">
        <v>95</v>
      </c>
      <c r="R8760">
        <v>98</v>
      </c>
      <c r="S8760">
        <v>101</v>
      </c>
      <c r="T8760">
        <v>105</v>
      </c>
      <c r="U8760">
        <v>108</v>
      </c>
      <c r="V8760">
        <v>111</v>
      </c>
      <c r="W8760">
        <v>115</v>
      </c>
      <c r="X8760">
        <v>118</v>
      </c>
      <c r="Y8760">
        <v>121</v>
      </c>
      <c r="Z8760">
        <v>124</v>
      </c>
      <c r="AA8760">
        <v>128</v>
      </c>
      <c r="AB8760">
        <v>131</v>
      </c>
      <c r="AC8760">
        <v>134</v>
      </c>
      <c r="AD8760">
        <v>138</v>
      </c>
      <c r="AE8760">
        <v>140</v>
      </c>
      <c r="AF8760">
        <v>142</v>
      </c>
      <c r="AG8760">
        <v>144</v>
      </c>
      <c r="AH8760">
        <v>145</v>
      </c>
      <c r="AI8760">
        <v>147</v>
      </c>
      <c r="AJ8760">
        <v>148</v>
      </c>
      <c r="AK8760">
        <v>150</v>
      </c>
      <c r="AL8760">
        <v>152</v>
      </c>
      <c r="AM8760">
        <v>153</v>
      </c>
      <c r="AN8760">
        <v>155</v>
      </c>
      <c r="AO8760">
        <v>156</v>
      </c>
      <c r="AP8760">
        <v>158</v>
      </c>
      <c r="AQ8760">
        <v>160</v>
      </c>
    </row>
    <row r="8761" spans="1:43">
      <c r="A8761" t="s">
        <v>5480</v>
      </c>
      <c r="B8761" t="s">
        <v>5481</v>
      </c>
      <c r="C8761" t="s">
        <v>5482</v>
      </c>
      <c r="D8761" t="s">
        <v>5483</v>
      </c>
      <c r="E8761" t="s">
        <v>5426</v>
      </c>
      <c r="F8761" t="s">
        <v>5427</v>
      </c>
      <c r="G8761" t="s">
        <v>80</v>
      </c>
      <c r="H8761" t="s">
        <v>81</v>
      </c>
      <c r="I8761" s="2">
        <v>0</v>
      </c>
      <c r="J8761" s="2">
        <v>1</v>
      </c>
      <c r="K8761" s="2">
        <v>0</v>
      </c>
      <c r="L8761" t="s">
        <v>82</v>
      </c>
      <c r="M8761" t="s">
        <v>83</v>
      </c>
      <c r="N8761" t="s">
        <v>91</v>
      </c>
      <c r="O8761" t="s">
        <v>85</v>
      </c>
      <c r="P8761" t="s">
        <v>86</v>
      </c>
      <c r="Q8761">
        <v>95</v>
      </c>
      <c r="R8761">
        <v>97</v>
      </c>
      <c r="S8761">
        <v>100</v>
      </c>
      <c r="T8761">
        <v>102</v>
      </c>
      <c r="U8761">
        <v>105</v>
      </c>
      <c r="V8761">
        <v>107</v>
      </c>
      <c r="W8761">
        <v>110</v>
      </c>
      <c r="X8761">
        <v>113</v>
      </c>
      <c r="Y8761">
        <v>115</v>
      </c>
      <c r="Z8761">
        <v>118</v>
      </c>
      <c r="AA8761">
        <v>121</v>
      </c>
      <c r="AB8761">
        <v>123</v>
      </c>
      <c r="AC8761">
        <v>126</v>
      </c>
      <c r="AD8761">
        <v>129</v>
      </c>
      <c r="AE8761">
        <v>132</v>
      </c>
      <c r="AF8761">
        <v>135</v>
      </c>
      <c r="AG8761">
        <v>138</v>
      </c>
      <c r="AH8761">
        <v>141</v>
      </c>
      <c r="AI8761">
        <v>144</v>
      </c>
      <c r="AJ8761">
        <v>147</v>
      </c>
      <c r="AK8761">
        <v>150</v>
      </c>
      <c r="AL8761">
        <v>152</v>
      </c>
      <c r="AM8761">
        <v>153</v>
      </c>
      <c r="AN8761">
        <v>155</v>
      </c>
      <c r="AO8761">
        <v>157</v>
      </c>
      <c r="AP8761">
        <v>158</v>
      </c>
      <c r="AQ8761">
        <v>160</v>
      </c>
    </row>
    <row r="8762" spans="1:43">
      <c r="A8762" t="s">
        <v>5484</v>
      </c>
      <c r="B8762" t="s">
        <v>5485</v>
      </c>
      <c r="C8762" t="s">
        <v>5486</v>
      </c>
      <c r="D8762" t="s">
        <v>5487</v>
      </c>
      <c r="E8762" t="s">
        <v>5426</v>
      </c>
      <c r="F8762" t="s">
        <v>5427</v>
      </c>
      <c r="G8762" t="s">
        <v>80</v>
      </c>
      <c r="H8762" t="s">
        <v>81</v>
      </c>
      <c r="I8762" s="2">
        <v>0</v>
      </c>
      <c r="J8762" s="2">
        <v>1</v>
      </c>
      <c r="K8762" s="2">
        <v>0</v>
      </c>
      <c r="L8762" t="s">
        <v>82</v>
      </c>
      <c r="M8762" t="s">
        <v>83</v>
      </c>
      <c r="N8762" t="s">
        <v>84</v>
      </c>
      <c r="O8762" t="s">
        <v>85</v>
      </c>
      <c r="P8762" t="s">
        <v>86</v>
      </c>
      <c r="Q8762">
        <v>27</v>
      </c>
      <c r="R8762">
        <v>28</v>
      </c>
      <c r="S8762">
        <v>29</v>
      </c>
      <c r="T8762">
        <v>29</v>
      </c>
      <c r="U8762">
        <v>30</v>
      </c>
      <c r="V8762">
        <v>31</v>
      </c>
      <c r="W8762">
        <v>32</v>
      </c>
      <c r="X8762">
        <v>32</v>
      </c>
      <c r="Y8762">
        <v>33</v>
      </c>
      <c r="Z8762">
        <v>34</v>
      </c>
      <c r="AA8762">
        <v>35</v>
      </c>
      <c r="AB8762">
        <v>36</v>
      </c>
      <c r="AC8762">
        <v>36</v>
      </c>
      <c r="AD8762">
        <v>37</v>
      </c>
      <c r="AE8762">
        <v>38</v>
      </c>
      <c r="AF8762">
        <v>39</v>
      </c>
      <c r="AG8762">
        <v>40</v>
      </c>
      <c r="AH8762">
        <v>40</v>
      </c>
      <c r="AI8762">
        <v>41</v>
      </c>
      <c r="AJ8762">
        <v>42</v>
      </c>
      <c r="AK8762">
        <v>43</v>
      </c>
      <c r="AL8762">
        <v>44</v>
      </c>
      <c r="AM8762">
        <v>44</v>
      </c>
      <c r="AN8762">
        <v>45</v>
      </c>
      <c r="AO8762">
        <v>45</v>
      </c>
      <c r="AP8762">
        <v>46</v>
      </c>
      <c r="AQ8762">
        <v>46</v>
      </c>
    </row>
    <row r="8763" spans="1:43">
      <c r="A8763" t="s">
        <v>5484</v>
      </c>
      <c r="B8763" t="s">
        <v>5485</v>
      </c>
      <c r="C8763" t="s">
        <v>5486</v>
      </c>
      <c r="D8763" t="s">
        <v>5487</v>
      </c>
      <c r="E8763" t="s">
        <v>5426</v>
      </c>
      <c r="F8763" t="s">
        <v>5427</v>
      </c>
      <c r="G8763" t="s">
        <v>80</v>
      </c>
      <c r="H8763" t="s">
        <v>81</v>
      </c>
      <c r="I8763" s="2">
        <v>0</v>
      </c>
      <c r="J8763" s="2">
        <v>1</v>
      </c>
      <c r="K8763" s="2">
        <v>0</v>
      </c>
      <c r="L8763" t="s">
        <v>82</v>
      </c>
      <c r="M8763" t="s">
        <v>87</v>
      </c>
      <c r="N8763" t="s">
        <v>88</v>
      </c>
      <c r="O8763" t="s">
        <v>85</v>
      </c>
      <c r="P8763" t="s">
        <v>86</v>
      </c>
      <c r="Q8763">
        <v>27</v>
      </c>
      <c r="R8763">
        <v>28</v>
      </c>
      <c r="S8763">
        <v>28</v>
      </c>
      <c r="T8763">
        <v>28</v>
      </c>
      <c r="U8763">
        <v>29</v>
      </c>
      <c r="V8763">
        <v>29</v>
      </c>
      <c r="W8763">
        <v>30</v>
      </c>
      <c r="X8763">
        <v>30</v>
      </c>
      <c r="Y8763">
        <v>31</v>
      </c>
      <c r="Z8763">
        <v>31</v>
      </c>
      <c r="AA8763">
        <v>32</v>
      </c>
      <c r="AB8763">
        <v>32</v>
      </c>
      <c r="AC8763">
        <v>33</v>
      </c>
      <c r="AD8763">
        <v>33</v>
      </c>
      <c r="AE8763">
        <v>34</v>
      </c>
      <c r="AF8763">
        <v>34</v>
      </c>
      <c r="AG8763">
        <v>35</v>
      </c>
      <c r="AH8763">
        <v>35</v>
      </c>
      <c r="AI8763">
        <v>36</v>
      </c>
      <c r="AJ8763">
        <v>36</v>
      </c>
      <c r="AK8763">
        <v>37</v>
      </c>
      <c r="AL8763">
        <v>37</v>
      </c>
      <c r="AM8763">
        <v>38</v>
      </c>
      <c r="AN8763">
        <v>38</v>
      </c>
      <c r="AO8763">
        <v>39</v>
      </c>
      <c r="AP8763">
        <v>39</v>
      </c>
      <c r="AQ8763">
        <v>40</v>
      </c>
    </row>
    <row r="8764" spans="1:43">
      <c r="A8764" t="s">
        <v>5484</v>
      </c>
      <c r="B8764" t="s">
        <v>5485</v>
      </c>
      <c r="C8764" t="s">
        <v>5486</v>
      </c>
      <c r="D8764" t="s">
        <v>5487</v>
      </c>
      <c r="E8764" t="s">
        <v>5426</v>
      </c>
      <c r="F8764" t="s">
        <v>5427</v>
      </c>
      <c r="G8764" t="s">
        <v>80</v>
      </c>
      <c r="H8764" t="s">
        <v>81</v>
      </c>
      <c r="I8764" s="2">
        <v>0</v>
      </c>
      <c r="J8764" s="2">
        <v>1</v>
      </c>
      <c r="K8764" s="2">
        <v>0</v>
      </c>
      <c r="L8764" t="s">
        <v>82</v>
      </c>
      <c r="M8764" t="s">
        <v>89</v>
      </c>
      <c r="N8764" t="s">
        <v>90</v>
      </c>
      <c r="O8764" t="s">
        <v>85</v>
      </c>
      <c r="P8764" t="s">
        <v>86</v>
      </c>
      <c r="Q8764">
        <v>27</v>
      </c>
      <c r="R8764">
        <v>28</v>
      </c>
      <c r="S8764">
        <v>29</v>
      </c>
      <c r="T8764">
        <v>29</v>
      </c>
      <c r="U8764">
        <v>30</v>
      </c>
      <c r="V8764">
        <v>31</v>
      </c>
      <c r="W8764">
        <v>32</v>
      </c>
      <c r="X8764">
        <v>33</v>
      </c>
      <c r="Y8764">
        <v>34</v>
      </c>
      <c r="Z8764">
        <v>35</v>
      </c>
      <c r="AA8764">
        <v>36</v>
      </c>
      <c r="AB8764">
        <v>37</v>
      </c>
      <c r="AC8764">
        <v>38</v>
      </c>
      <c r="AD8764">
        <v>39</v>
      </c>
      <c r="AE8764">
        <v>40</v>
      </c>
      <c r="AF8764">
        <v>40</v>
      </c>
      <c r="AG8764">
        <v>41</v>
      </c>
      <c r="AH8764">
        <v>41</v>
      </c>
      <c r="AI8764">
        <v>42</v>
      </c>
      <c r="AJ8764">
        <v>42</v>
      </c>
      <c r="AK8764">
        <v>43</v>
      </c>
      <c r="AL8764">
        <v>43</v>
      </c>
      <c r="AM8764">
        <v>43</v>
      </c>
      <c r="AN8764">
        <v>44</v>
      </c>
      <c r="AO8764">
        <v>44</v>
      </c>
      <c r="AP8764">
        <v>45</v>
      </c>
      <c r="AQ8764">
        <v>45</v>
      </c>
    </row>
    <row r="8765" spans="1:43">
      <c r="A8765" t="s">
        <v>5484</v>
      </c>
      <c r="B8765" t="s">
        <v>5485</v>
      </c>
      <c r="C8765" t="s">
        <v>5486</v>
      </c>
      <c r="D8765" t="s">
        <v>5487</v>
      </c>
      <c r="E8765" t="s">
        <v>5426</v>
      </c>
      <c r="F8765" t="s">
        <v>5427</v>
      </c>
      <c r="G8765" t="s">
        <v>80</v>
      </c>
      <c r="H8765" t="s">
        <v>81</v>
      </c>
      <c r="I8765" s="2">
        <v>0</v>
      </c>
      <c r="J8765" s="2">
        <v>1</v>
      </c>
      <c r="K8765" s="2">
        <v>0</v>
      </c>
      <c r="L8765" t="s">
        <v>82</v>
      </c>
      <c r="M8765" t="s">
        <v>83</v>
      </c>
      <c r="N8765" t="s">
        <v>91</v>
      </c>
      <c r="O8765" t="s">
        <v>85</v>
      </c>
      <c r="P8765" t="s">
        <v>86</v>
      </c>
      <c r="Q8765">
        <v>27</v>
      </c>
      <c r="R8765">
        <v>28</v>
      </c>
      <c r="S8765">
        <v>29</v>
      </c>
      <c r="T8765">
        <v>29</v>
      </c>
      <c r="U8765">
        <v>30</v>
      </c>
      <c r="V8765">
        <v>31</v>
      </c>
      <c r="W8765">
        <v>32</v>
      </c>
      <c r="X8765">
        <v>32</v>
      </c>
      <c r="Y8765">
        <v>33</v>
      </c>
      <c r="Z8765">
        <v>34</v>
      </c>
      <c r="AA8765">
        <v>35</v>
      </c>
      <c r="AB8765">
        <v>36</v>
      </c>
      <c r="AC8765">
        <v>36</v>
      </c>
      <c r="AD8765">
        <v>37</v>
      </c>
      <c r="AE8765">
        <v>38</v>
      </c>
      <c r="AF8765">
        <v>39</v>
      </c>
      <c r="AG8765">
        <v>40</v>
      </c>
      <c r="AH8765">
        <v>40</v>
      </c>
      <c r="AI8765">
        <v>41</v>
      </c>
      <c r="AJ8765">
        <v>42</v>
      </c>
      <c r="AK8765">
        <v>43</v>
      </c>
      <c r="AL8765">
        <v>44</v>
      </c>
      <c r="AM8765">
        <v>44</v>
      </c>
      <c r="AN8765">
        <v>45</v>
      </c>
      <c r="AO8765">
        <v>45</v>
      </c>
      <c r="AP8765">
        <v>46</v>
      </c>
      <c r="AQ8765">
        <v>46</v>
      </c>
    </row>
    <row r="8766" spans="1:43">
      <c r="A8766" t="s">
        <v>5488</v>
      </c>
      <c r="B8766" t="s">
        <v>5489</v>
      </c>
      <c r="C8766" t="s">
        <v>5482</v>
      </c>
      <c r="D8766" t="s">
        <v>5483</v>
      </c>
      <c r="E8766" t="s">
        <v>5426</v>
      </c>
      <c r="F8766" t="s">
        <v>5427</v>
      </c>
      <c r="G8766" t="s">
        <v>80</v>
      </c>
      <c r="H8766" t="s">
        <v>81</v>
      </c>
      <c r="I8766" s="2">
        <v>0</v>
      </c>
      <c r="J8766" s="2">
        <v>1</v>
      </c>
      <c r="K8766" s="2">
        <v>0</v>
      </c>
      <c r="L8766" t="s">
        <v>82</v>
      </c>
      <c r="M8766" t="s">
        <v>83</v>
      </c>
      <c r="N8766" t="s">
        <v>84</v>
      </c>
      <c r="O8766" t="s">
        <v>85</v>
      </c>
      <c r="P8766" t="s">
        <v>86</v>
      </c>
      <c r="Q8766">
        <v>40</v>
      </c>
      <c r="R8766">
        <v>41</v>
      </c>
      <c r="S8766">
        <v>42</v>
      </c>
      <c r="T8766">
        <v>43</v>
      </c>
      <c r="U8766">
        <v>44</v>
      </c>
      <c r="V8766">
        <v>45</v>
      </c>
      <c r="W8766">
        <v>46</v>
      </c>
      <c r="X8766">
        <v>47</v>
      </c>
      <c r="Y8766">
        <v>48</v>
      </c>
      <c r="Z8766">
        <v>50</v>
      </c>
      <c r="AA8766">
        <v>51</v>
      </c>
      <c r="AB8766">
        <v>52</v>
      </c>
      <c r="AC8766">
        <v>53</v>
      </c>
      <c r="AD8766">
        <v>54</v>
      </c>
      <c r="AE8766">
        <v>55</v>
      </c>
      <c r="AF8766">
        <v>57</v>
      </c>
      <c r="AG8766">
        <v>58</v>
      </c>
      <c r="AH8766">
        <v>59</v>
      </c>
      <c r="AI8766">
        <v>60</v>
      </c>
      <c r="AJ8766">
        <v>62</v>
      </c>
      <c r="AK8766">
        <v>63</v>
      </c>
      <c r="AL8766">
        <v>64</v>
      </c>
      <c r="AM8766">
        <v>64</v>
      </c>
      <c r="AN8766">
        <v>65</v>
      </c>
      <c r="AO8766">
        <v>66</v>
      </c>
      <c r="AP8766">
        <v>67</v>
      </c>
      <c r="AQ8766">
        <v>67</v>
      </c>
    </row>
    <row r="8767" spans="1:43">
      <c r="A8767" t="s">
        <v>5488</v>
      </c>
      <c r="B8767" t="s">
        <v>5489</v>
      </c>
      <c r="C8767" t="s">
        <v>5482</v>
      </c>
      <c r="D8767" t="s">
        <v>5483</v>
      </c>
      <c r="E8767" t="s">
        <v>5426</v>
      </c>
      <c r="F8767" t="s">
        <v>5427</v>
      </c>
      <c r="G8767" t="s">
        <v>80</v>
      </c>
      <c r="H8767" t="s">
        <v>81</v>
      </c>
      <c r="I8767" s="2">
        <v>0</v>
      </c>
      <c r="J8767" s="2">
        <v>1</v>
      </c>
      <c r="K8767" s="2">
        <v>0</v>
      </c>
      <c r="L8767" t="s">
        <v>82</v>
      </c>
      <c r="M8767" t="s">
        <v>87</v>
      </c>
      <c r="N8767" t="s">
        <v>88</v>
      </c>
      <c r="O8767" t="s">
        <v>85</v>
      </c>
      <c r="P8767" t="s">
        <v>86</v>
      </c>
      <c r="Q8767">
        <v>40</v>
      </c>
      <c r="R8767">
        <v>40</v>
      </c>
      <c r="S8767">
        <v>41</v>
      </c>
      <c r="T8767">
        <v>41</v>
      </c>
      <c r="U8767">
        <v>42</v>
      </c>
      <c r="V8767">
        <v>43</v>
      </c>
      <c r="W8767">
        <v>43</v>
      </c>
      <c r="X8767">
        <v>44</v>
      </c>
      <c r="Y8767">
        <v>45</v>
      </c>
      <c r="Z8767">
        <v>45</v>
      </c>
      <c r="AA8767">
        <v>46</v>
      </c>
      <c r="AB8767">
        <v>47</v>
      </c>
      <c r="AC8767">
        <v>48</v>
      </c>
      <c r="AD8767">
        <v>48</v>
      </c>
      <c r="AE8767">
        <v>49</v>
      </c>
      <c r="AF8767">
        <v>50</v>
      </c>
      <c r="AG8767">
        <v>51</v>
      </c>
      <c r="AH8767">
        <v>51</v>
      </c>
      <c r="AI8767">
        <v>52</v>
      </c>
      <c r="AJ8767">
        <v>53</v>
      </c>
      <c r="AK8767">
        <v>54</v>
      </c>
      <c r="AL8767">
        <v>54</v>
      </c>
      <c r="AM8767">
        <v>55</v>
      </c>
      <c r="AN8767">
        <v>56</v>
      </c>
      <c r="AO8767">
        <v>57</v>
      </c>
      <c r="AP8767">
        <v>58</v>
      </c>
      <c r="AQ8767">
        <v>58</v>
      </c>
    </row>
    <row r="8768" spans="1:43">
      <c r="A8768" t="s">
        <v>5488</v>
      </c>
      <c r="B8768" t="s">
        <v>5489</v>
      </c>
      <c r="C8768" t="s">
        <v>5482</v>
      </c>
      <c r="D8768" t="s">
        <v>5483</v>
      </c>
      <c r="E8768" t="s">
        <v>5426</v>
      </c>
      <c r="F8768" t="s">
        <v>5427</v>
      </c>
      <c r="G8768" t="s">
        <v>80</v>
      </c>
      <c r="H8768" t="s">
        <v>81</v>
      </c>
      <c r="I8768" s="2">
        <v>0</v>
      </c>
      <c r="J8768" s="2">
        <v>1</v>
      </c>
      <c r="K8768" s="2">
        <v>0</v>
      </c>
      <c r="L8768" t="s">
        <v>82</v>
      </c>
      <c r="M8768" t="s">
        <v>89</v>
      </c>
      <c r="N8768" t="s">
        <v>90</v>
      </c>
      <c r="O8768" t="s">
        <v>85</v>
      </c>
      <c r="P8768" t="s">
        <v>86</v>
      </c>
      <c r="Q8768">
        <v>40</v>
      </c>
      <c r="R8768">
        <v>42</v>
      </c>
      <c r="S8768">
        <v>43</v>
      </c>
      <c r="T8768">
        <v>44</v>
      </c>
      <c r="U8768">
        <v>46</v>
      </c>
      <c r="V8768">
        <v>47</v>
      </c>
      <c r="W8768">
        <v>49</v>
      </c>
      <c r="X8768">
        <v>50</v>
      </c>
      <c r="Y8768">
        <v>51</v>
      </c>
      <c r="Z8768">
        <v>53</v>
      </c>
      <c r="AA8768">
        <v>54</v>
      </c>
      <c r="AB8768">
        <v>55</v>
      </c>
      <c r="AC8768">
        <v>57</v>
      </c>
      <c r="AD8768">
        <v>58</v>
      </c>
      <c r="AE8768">
        <v>59</v>
      </c>
      <c r="AF8768">
        <v>60</v>
      </c>
      <c r="AG8768">
        <v>61</v>
      </c>
      <c r="AH8768">
        <v>61</v>
      </c>
      <c r="AI8768">
        <v>62</v>
      </c>
      <c r="AJ8768">
        <v>63</v>
      </c>
      <c r="AK8768">
        <v>64</v>
      </c>
      <c r="AL8768">
        <v>64</v>
      </c>
      <c r="AM8768">
        <v>65</v>
      </c>
      <c r="AN8768">
        <v>66</v>
      </c>
      <c r="AO8768">
        <v>66</v>
      </c>
      <c r="AP8768">
        <v>67</v>
      </c>
      <c r="AQ8768">
        <v>68</v>
      </c>
    </row>
    <row r="8769" spans="1:43">
      <c r="A8769" t="s">
        <v>5488</v>
      </c>
      <c r="B8769" t="s">
        <v>5489</v>
      </c>
      <c r="C8769" t="s">
        <v>5482</v>
      </c>
      <c r="D8769" t="s">
        <v>5483</v>
      </c>
      <c r="E8769" t="s">
        <v>5426</v>
      </c>
      <c r="F8769" t="s">
        <v>5427</v>
      </c>
      <c r="G8769" t="s">
        <v>80</v>
      </c>
      <c r="H8769" t="s">
        <v>81</v>
      </c>
      <c r="I8769" s="2">
        <v>0</v>
      </c>
      <c r="J8769" s="2">
        <v>1</v>
      </c>
      <c r="K8769" s="2">
        <v>0</v>
      </c>
      <c r="L8769" t="s">
        <v>82</v>
      </c>
      <c r="M8769" t="s">
        <v>83</v>
      </c>
      <c r="N8769" t="s">
        <v>91</v>
      </c>
      <c r="O8769" t="s">
        <v>85</v>
      </c>
      <c r="P8769" t="s">
        <v>86</v>
      </c>
      <c r="Q8769">
        <v>40</v>
      </c>
      <c r="R8769">
        <v>41</v>
      </c>
      <c r="S8769">
        <v>42</v>
      </c>
      <c r="T8769">
        <v>43</v>
      </c>
      <c r="U8769">
        <v>44</v>
      </c>
      <c r="V8769">
        <v>45</v>
      </c>
      <c r="W8769">
        <v>46</v>
      </c>
      <c r="X8769">
        <v>47</v>
      </c>
      <c r="Y8769">
        <v>48</v>
      </c>
      <c r="Z8769">
        <v>50</v>
      </c>
      <c r="AA8769">
        <v>51</v>
      </c>
      <c r="AB8769">
        <v>52</v>
      </c>
      <c r="AC8769">
        <v>53</v>
      </c>
      <c r="AD8769">
        <v>54</v>
      </c>
      <c r="AE8769">
        <v>55</v>
      </c>
      <c r="AF8769">
        <v>57</v>
      </c>
      <c r="AG8769">
        <v>58</v>
      </c>
      <c r="AH8769">
        <v>59</v>
      </c>
      <c r="AI8769">
        <v>60</v>
      </c>
      <c r="AJ8769">
        <v>62</v>
      </c>
      <c r="AK8769">
        <v>63</v>
      </c>
      <c r="AL8769">
        <v>64</v>
      </c>
      <c r="AM8769">
        <v>64</v>
      </c>
      <c r="AN8769">
        <v>65</v>
      </c>
      <c r="AO8769">
        <v>66</v>
      </c>
      <c r="AP8769">
        <v>67</v>
      </c>
      <c r="AQ8769">
        <v>67</v>
      </c>
    </row>
    <row r="8770" spans="1:43">
      <c r="A8770" t="s">
        <v>5490</v>
      </c>
      <c r="B8770" t="s">
        <v>5491</v>
      </c>
      <c r="C8770" t="s">
        <v>5486</v>
      </c>
      <c r="D8770" t="s">
        <v>5487</v>
      </c>
      <c r="E8770" t="s">
        <v>5426</v>
      </c>
      <c r="F8770" t="s">
        <v>5427</v>
      </c>
      <c r="G8770" t="s">
        <v>80</v>
      </c>
      <c r="H8770" t="s">
        <v>81</v>
      </c>
      <c r="I8770" s="2">
        <v>0</v>
      </c>
      <c r="J8770" s="2">
        <v>1</v>
      </c>
      <c r="K8770" s="2">
        <v>0</v>
      </c>
      <c r="L8770" t="s">
        <v>82</v>
      </c>
      <c r="M8770" t="s">
        <v>83</v>
      </c>
      <c r="N8770" t="s">
        <v>84</v>
      </c>
      <c r="O8770" t="s">
        <v>85</v>
      </c>
      <c r="P8770" t="s">
        <v>86</v>
      </c>
      <c r="Q8770">
        <v>75</v>
      </c>
      <c r="R8770">
        <v>77</v>
      </c>
      <c r="S8770">
        <v>79</v>
      </c>
      <c r="T8770">
        <v>81</v>
      </c>
      <c r="U8770">
        <v>83</v>
      </c>
      <c r="V8770">
        <v>85</v>
      </c>
      <c r="W8770">
        <v>87</v>
      </c>
      <c r="X8770">
        <v>89</v>
      </c>
      <c r="Y8770">
        <v>91</v>
      </c>
      <c r="Z8770">
        <v>93</v>
      </c>
      <c r="AA8770">
        <v>95</v>
      </c>
      <c r="AB8770">
        <v>98</v>
      </c>
      <c r="AC8770">
        <v>100</v>
      </c>
      <c r="AD8770">
        <v>102</v>
      </c>
      <c r="AE8770">
        <v>104</v>
      </c>
      <c r="AF8770">
        <v>106</v>
      </c>
      <c r="AG8770">
        <v>109</v>
      </c>
      <c r="AH8770">
        <v>111</v>
      </c>
      <c r="AI8770">
        <v>113</v>
      </c>
      <c r="AJ8770">
        <v>116</v>
      </c>
      <c r="AK8770">
        <v>118</v>
      </c>
      <c r="AL8770">
        <v>120</v>
      </c>
      <c r="AM8770">
        <v>121</v>
      </c>
      <c r="AN8770">
        <v>122</v>
      </c>
      <c r="AO8770">
        <v>124</v>
      </c>
      <c r="AP8770">
        <v>125</v>
      </c>
      <c r="AQ8770">
        <v>126</v>
      </c>
    </row>
    <row r="8771" spans="1:43">
      <c r="A8771" t="s">
        <v>5490</v>
      </c>
      <c r="B8771" t="s">
        <v>5491</v>
      </c>
      <c r="C8771" t="s">
        <v>5486</v>
      </c>
      <c r="D8771" t="s">
        <v>5487</v>
      </c>
      <c r="E8771" t="s">
        <v>5426</v>
      </c>
      <c r="F8771" t="s">
        <v>5427</v>
      </c>
      <c r="G8771" t="s">
        <v>80</v>
      </c>
      <c r="H8771" t="s">
        <v>81</v>
      </c>
      <c r="I8771" s="2">
        <v>0</v>
      </c>
      <c r="J8771" s="2">
        <v>1</v>
      </c>
      <c r="K8771" s="2">
        <v>0</v>
      </c>
      <c r="L8771" t="s">
        <v>82</v>
      </c>
      <c r="M8771" t="s">
        <v>87</v>
      </c>
      <c r="N8771" t="s">
        <v>88</v>
      </c>
      <c r="O8771" t="s">
        <v>85</v>
      </c>
      <c r="P8771" t="s">
        <v>86</v>
      </c>
      <c r="Q8771">
        <v>75</v>
      </c>
      <c r="R8771">
        <v>77</v>
      </c>
      <c r="S8771">
        <v>78</v>
      </c>
      <c r="T8771">
        <v>79</v>
      </c>
      <c r="U8771">
        <v>80</v>
      </c>
      <c r="V8771">
        <v>81</v>
      </c>
      <c r="W8771">
        <v>83</v>
      </c>
      <c r="X8771">
        <v>84</v>
      </c>
      <c r="Y8771">
        <v>85</v>
      </c>
      <c r="Z8771">
        <v>87</v>
      </c>
      <c r="AA8771">
        <v>88</v>
      </c>
      <c r="AB8771">
        <v>89</v>
      </c>
      <c r="AC8771">
        <v>90</v>
      </c>
      <c r="AD8771">
        <v>92</v>
      </c>
      <c r="AE8771">
        <v>93</v>
      </c>
      <c r="AF8771">
        <v>94</v>
      </c>
      <c r="AG8771">
        <v>96</v>
      </c>
      <c r="AH8771">
        <v>97</v>
      </c>
      <c r="AI8771">
        <v>99</v>
      </c>
      <c r="AJ8771">
        <v>100</v>
      </c>
      <c r="AK8771">
        <v>102</v>
      </c>
      <c r="AL8771">
        <v>103</v>
      </c>
      <c r="AM8771">
        <v>104</v>
      </c>
      <c r="AN8771">
        <v>106</v>
      </c>
      <c r="AO8771">
        <v>107</v>
      </c>
      <c r="AP8771">
        <v>109</v>
      </c>
      <c r="AQ8771">
        <v>110</v>
      </c>
    </row>
    <row r="8772" spans="1:43">
      <c r="A8772" t="s">
        <v>5490</v>
      </c>
      <c r="B8772" t="s">
        <v>5491</v>
      </c>
      <c r="C8772" t="s">
        <v>5486</v>
      </c>
      <c r="D8772" t="s">
        <v>5487</v>
      </c>
      <c r="E8772" t="s">
        <v>5426</v>
      </c>
      <c r="F8772" t="s">
        <v>5427</v>
      </c>
      <c r="G8772" t="s">
        <v>80</v>
      </c>
      <c r="H8772" t="s">
        <v>81</v>
      </c>
      <c r="I8772" s="2">
        <v>0</v>
      </c>
      <c r="J8772" s="2">
        <v>1</v>
      </c>
      <c r="K8772" s="2">
        <v>0</v>
      </c>
      <c r="L8772" t="s">
        <v>82</v>
      </c>
      <c r="M8772" t="s">
        <v>89</v>
      </c>
      <c r="N8772" t="s">
        <v>90</v>
      </c>
      <c r="O8772" t="s">
        <v>85</v>
      </c>
      <c r="P8772" t="s">
        <v>86</v>
      </c>
      <c r="Q8772">
        <v>75</v>
      </c>
      <c r="R8772">
        <v>77</v>
      </c>
      <c r="S8772">
        <v>80</v>
      </c>
      <c r="T8772">
        <v>83</v>
      </c>
      <c r="U8772">
        <v>85</v>
      </c>
      <c r="V8772">
        <v>88</v>
      </c>
      <c r="W8772">
        <v>90</v>
      </c>
      <c r="X8772">
        <v>93</v>
      </c>
      <c r="Y8772">
        <v>96</v>
      </c>
      <c r="Z8772">
        <v>98</v>
      </c>
      <c r="AA8772">
        <v>101</v>
      </c>
      <c r="AB8772">
        <v>103</v>
      </c>
      <c r="AC8772">
        <v>106</v>
      </c>
      <c r="AD8772">
        <v>109</v>
      </c>
      <c r="AE8772">
        <v>111</v>
      </c>
      <c r="AF8772">
        <v>112</v>
      </c>
      <c r="AG8772">
        <v>113</v>
      </c>
      <c r="AH8772">
        <v>115</v>
      </c>
      <c r="AI8772">
        <v>116</v>
      </c>
      <c r="AJ8772">
        <v>117</v>
      </c>
      <c r="AK8772">
        <v>119</v>
      </c>
      <c r="AL8772">
        <v>120</v>
      </c>
      <c r="AM8772">
        <v>121</v>
      </c>
      <c r="AN8772">
        <v>122</v>
      </c>
      <c r="AO8772">
        <v>124</v>
      </c>
      <c r="AP8772">
        <v>125</v>
      </c>
      <c r="AQ8772">
        <v>126</v>
      </c>
    </row>
    <row r="8773" spans="1:43">
      <c r="A8773" t="s">
        <v>5490</v>
      </c>
      <c r="B8773" t="s">
        <v>5491</v>
      </c>
      <c r="C8773" t="s">
        <v>5486</v>
      </c>
      <c r="D8773" t="s">
        <v>5487</v>
      </c>
      <c r="E8773" t="s">
        <v>5426</v>
      </c>
      <c r="F8773" t="s">
        <v>5427</v>
      </c>
      <c r="G8773" t="s">
        <v>80</v>
      </c>
      <c r="H8773" t="s">
        <v>81</v>
      </c>
      <c r="I8773" s="2">
        <v>0</v>
      </c>
      <c r="J8773" s="2">
        <v>1</v>
      </c>
      <c r="K8773" s="2">
        <v>0</v>
      </c>
      <c r="L8773" t="s">
        <v>82</v>
      </c>
      <c r="M8773" t="s">
        <v>83</v>
      </c>
      <c r="N8773" t="s">
        <v>91</v>
      </c>
      <c r="O8773" t="s">
        <v>85</v>
      </c>
      <c r="P8773" t="s">
        <v>86</v>
      </c>
      <c r="Q8773">
        <v>75</v>
      </c>
      <c r="R8773">
        <v>77</v>
      </c>
      <c r="S8773">
        <v>79</v>
      </c>
      <c r="T8773">
        <v>81</v>
      </c>
      <c r="U8773">
        <v>83</v>
      </c>
      <c r="V8773">
        <v>85</v>
      </c>
      <c r="W8773">
        <v>87</v>
      </c>
      <c r="X8773">
        <v>89</v>
      </c>
      <c r="Y8773">
        <v>91</v>
      </c>
      <c r="Z8773">
        <v>93</v>
      </c>
      <c r="AA8773">
        <v>95</v>
      </c>
      <c r="AB8773">
        <v>98</v>
      </c>
      <c r="AC8773">
        <v>100</v>
      </c>
      <c r="AD8773">
        <v>102</v>
      </c>
      <c r="AE8773">
        <v>104</v>
      </c>
      <c r="AF8773">
        <v>106</v>
      </c>
      <c r="AG8773">
        <v>109</v>
      </c>
      <c r="AH8773">
        <v>111</v>
      </c>
      <c r="AI8773">
        <v>113</v>
      </c>
      <c r="AJ8773">
        <v>116</v>
      </c>
      <c r="AK8773">
        <v>118</v>
      </c>
      <c r="AL8773">
        <v>120</v>
      </c>
      <c r="AM8773">
        <v>121</v>
      </c>
      <c r="AN8773">
        <v>122</v>
      </c>
      <c r="AO8773">
        <v>124</v>
      </c>
      <c r="AP8773">
        <v>125</v>
      </c>
      <c r="AQ8773">
        <v>126</v>
      </c>
    </row>
    <row r="8774" spans="1:43">
      <c r="A8774" t="s">
        <v>5492</v>
      </c>
      <c r="B8774" t="s">
        <v>5493</v>
      </c>
      <c r="C8774" t="s">
        <v>5486</v>
      </c>
      <c r="D8774" t="s">
        <v>5487</v>
      </c>
      <c r="E8774" t="s">
        <v>5426</v>
      </c>
      <c r="F8774" t="s">
        <v>5427</v>
      </c>
      <c r="G8774" t="s">
        <v>80</v>
      </c>
      <c r="H8774" t="s">
        <v>81</v>
      </c>
      <c r="I8774" s="2">
        <v>0</v>
      </c>
      <c r="J8774" s="2">
        <v>1</v>
      </c>
      <c r="K8774" s="2">
        <v>0</v>
      </c>
      <c r="L8774" t="s">
        <v>82</v>
      </c>
      <c r="M8774" t="s">
        <v>83</v>
      </c>
      <c r="N8774" t="s">
        <v>84</v>
      </c>
      <c r="O8774" t="s">
        <v>85</v>
      </c>
      <c r="P8774" t="s">
        <v>86</v>
      </c>
      <c r="Q8774">
        <v>36</v>
      </c>
      <c r="R8774">
        <v>37</v>
      </c>
      <c r="S8774">
        <v>38</v>
      </c>
      <c r="T8774">
        <v>39</v>
      </c>
      <c r="U8774">
        <v>39</v>
      </c>
      <c r="V8774">
        <v>40</v>
      </c>
      <c r="W8774">
        <v>41</v>
      </c>
      <c r="X8774">
        <v>42</v>
      </c>
      <c r="Y8774">
        <v>43</v>
      </c>
      <c r="Z8774">
        <v>44</v>
      </c>
      <c r="AA8774">
        <v>45</v>
      </c>
      <c r="AB8774">
        <v>46</v>
      </c>
      <c r="AC8774">
        <v>48</v>
      </c>
      <c r="AD8774">
        <v>49</v>
      </c>
      <c r="AE8774">
        <v>50</v>
      </c>
      <c r="AF8774">
        <v>51</v>
      </c>
      <c r="AG8774">
        <v>52</v>
      </c>
      <c r="AH8774">
        <v>53</v>
      </c>
      <c r="AI8774">
        <v>54</v>
      </c>
      <c r="AJ8774">
        <v>55</v>
      </c>
      <c r="AK8774">
        <v>56</v>
      </c>
      <c r="AL8774">
        <v>57</v>
      </c>
      <c r="AM8774">
        <v>58</v>
      </c>
      <c r="AN8774">
        <v>58</v>
      </c>
      <c r="AO8774">
        <v>59</v>
      </c>
      <c r="AP8774">
        <v>60</v>
      </c>
      <c r="AQ8774">
        <v>60</v>
      </c>
    </row>
    <row r="8775" spans="1:43">
      <c r="A8775" t="s">
        <v>5492</v>
      </c>
      <c r="B8775" t="s">
        <v>5493</v>
      </c>
      <c r="C8775" t="s">
        <v>5486</v>
      </c>
      <c r="D8775" t="s">
        <v>5487</v>
      </c>
      <c r="E8775" t="s">
        <v>5426</v>
      </c>
      <c r="F8775" t="s">
        <v>5427</v>
      </c>
      <c r="G8775" t="s">
        <v>80</v>
      </c>
      <c r="H8775" t="s">
        <v>81</v>
      </c>
      <c r="I8775" s="2">
        <v>0</v>
      </c>
      <c r="J8775" s="2">
        <v>1</v>
      </c>
      <c r="K8775" s="2">
        <v>0</v>
      </c>
      <c r="L8775" t="s">
        <v>82</v>
      </c>
      <c r="M8775" t="s">
        <v>87</v>
      </c>
      <c r="N8775" t="s">
        <v>88</v>
      </c>
      <c r="O8775" t="s">
        <v>85</v>
      </c>
      <c r="P8775" t="s">
        <v>86</v>
      </c>
      <c r="Q8775">
        <v>36</v>
      </c>
      <c r="R8775">
        <v>37</v>
      </c>
      <c r="S8775">
        <v>38</v>
      </c>
      <c r="T8775">
        <v>38</v>
      </c>
      <c r="U8775">
        <v>39</v>
      </c>
      <c r="V8775">
        <v>39</v>
      </c>
      <c r="W8775">
        <v>40</v>
      </c>
      <c r="X8775">
        <v>41</v>
      </c>
      <c r="Y8775">
        <v>41</v>
      </c>
      <c r="Z8775">
        <v>42</v>
      </c>
      <c r="AA8775">
        <v>42</v>
      </c>
      <c r="AB8775">
        <v>43</v>
      </c>
      <c r="AC8775">
        <v>44</v>
      </c>
      <c r="AD8775">
        <v>44</v>
      </c>
      <c r="AE8775">
        <v>45</v>
      </c>
      <c r="AF8775">
        <v>46</v>
      </c>
      <c r="AG8775">
        <v>46</v>
      </c>
      <c r="AH8775">
        <v>47</v>
      </c>
      <c r="AI8775">
        <v>48</v>
      </c>
      <c r="AJ8775">
        <v>48</v>
      </c>
      <c r="AK8775">
        <v>49</v>
      </c>
      <c r="AL8775">
        <v>50</v>
      </c>
      <c r="AM8775">
        <v>50</v>
      </c>
      <c r="AN8775">
        <v>51</v>
      </c>
      <c r="AO8775">
        <v>52</v>
      </c>
      <c r="AP8775">
        <v>52</v>
      </c>
      <c r="AQ8775">
        <v>53</v>
      </c>
    </row>
    <row r="8776" spans="1:43">
      <c r="A8776" t="s">
        <v>5492</v>
      </c>
      <c r="B8776" t="s">
        <v>5493</v>
      </c>
      <c r="C8776" t="s">
        <v>5486</v>
      </c>
      <c r="D8776" t="s">
        <v>5487</v>
      </c>
      <c r="E8776" t="s">
        <v>5426</v>
      </c>
      <c r="F8776" t="s">
        <v>5427</v>
      </c>
      <c r="G8776" t="s">
        <v>80</v>
      </c>
      <c r="H8776" t="s">
        <v>81</v>
      </c>
      <c r="I8776" s="2">
        <v>0</v>
      </c>
      <c r="J8776" s="2">
        <v>1</v>
      </c>
      <c r="K8776" s="2">
        <v>0</v>
      </c>
      <c r="L8776" t="s">
        <v>82</v>
      </c>
      <c r="M8776" t="s">
        <v>89</v>
      </c>
      <c r="N8776" t="s">
        <v>90</v>
      </c>
      <c r="O8776" t="s">
        <v>85</v>
      </c>
      <c r="P8776" t="s">
        <v>86</v>
      </c>
      <c r="Q8776">
        <v>36</v>
      </c>
      <c r="R8776">
        <v>37</v>
      </c>
      <c r="S8776">
        <v>39</v>
      </c>
      <c r="T8776">
        <v>40</v>
      </c>
      <c r="U8776">
        <v>41</v>
      </c>
      <c r="V8776">
        <v>42</v>
      </c>
      <c r="W8776">
        <v>44</v>
      </c>
      <c r="X8776">
        <v>45</v>
      </c>
      <c r="Y8776">
        <v>46</v>
      </c>
      <c r="Z8776">
        <v>47</v>
      </c>
      <c r="AA8776">
        <v>48</v>
      </c>
      <c r="AB8776">
        <v>50</v>
      </c>
      <c r="AC8776">
        <v>51</v>
      </c>
      <c r="AD8776">
        <v>52</v>
      </c>
      <c r="AE8776">
        <v>53</v>
      </c>
      <c r="AF8776">
        <v>54</v>
      </c>
      <c r="AG8776">
        <v>54</v>
      </c>
      <c r="AH8776">
        <v>55</v>
      </c>
      <c r="AI8776">
        <v>56</v>
      </c>
      <c r="AJ8776">
        <v>56</v>
      </c>
      <c r="AK8776">
        <v>57</v>
      </c>
      <c r="AL8776">
        <v>58</v>
      </c>
      <c r="AM8776">
        <v>58</v>
      </c>
      <c r="AN8776">
        <v>59</v>
      </c>
      <c r="AO8776">
        <v>59</v>
      </c>
      <c r="AP8776">
        <v>60</v>
      </c>
      <c r="AQ8776">
        <v>61</v>
      </c>
    </row>
    <row r="8777" spans="1:43">
      <c r="A8777" t="s">
        <v>5492</v>
      </c>
      <c r="B8777" t="s">
        <v>5493</v>
      </c>
      <c r="C8777" t="s">
        <v>5486</v>
      </c>
      <c r="D8777" t="s">
        <v>5487</v>
      </c>
      <c r="E8777" t="s">
        <v>5426</v>
      </c>
      <c r="F8777" t="s">
        <v>5427</v>
      </c>
      <c r="G8777" t="s">
        <v>80</v>
      </c>
      <c r="H8777" t="s">
        <v>81</v>
      </c>
      <c r="I8777" s="2">
        <v>0</v>
      </c>
      <c r="J8777" s="2">
        <v>1</v>
      </c>
      <c r="K8777" s="2">
        <v>0</v>
      </c>
      <c r="L8777" t="s">
        <v>82</v>
      </c>
      <c r="M8777" t="s">
        <v>83</v>
      </c>
      <c r="N8777" t="s">
        <v>91</v>
      </c>
      <c r="O8777" t="s">
        <v>85</v>
      </c>
      <c r="P8777" t="s">
        <v>86</v>
      </c>
      <c r="Q8777">
        <v>36</v>
      </c>
      <c r="R8777">
        <v>37</v>
      </c>
      <c r="S8777">
        <v>38</v>
      </c>
      <c r="T8777">
        <v>39</v>
      </c>
      <c r="U8777">
        <v>39</v>
      </c>
      <c r="V8777">
        <v>40</v>
      </c>
      <c r="W8777">
        <v>41</v>
      </c>
      <c r="X8777">
        <v>42</v>
      </c>
      <c r="Y8777">
        <v>43</v>
      </c>
      <c r="Z8777">
        <v>44</v>
      </c>
      <c r="AA8777">
        <v>45</v>
      </c>
      <c r="AB8777">
        <v>46</v>
      </c>
      <c r="AC8777">
        <v>48</v>
      </c>
      <c r="AD8777">
        <v>49</v>
      </c>
      <c r="AE8777">
        <v>50</v>
      </c>
      <c r="AF8777">
        <v>51</v>
      </c>
      <c r="AG8777">
        <v>52</v>
      </c>
      <c r="AH8777">
        <v>53</v>
      </c>
      <c r="AI8777">
        <v>54</v>
      </c>
      <c r="AJ8777">
        <v>55</v>
      </c>
      <c r="AK8777">
        <v>56</v>
      </c>
      <c r="AL8777">
        <v>57</v>
      </c>
      <c r="AM8777">
        <v>58</v>
      </c>
      <c r="AN8777">
        <v>58</v>
      </c>
      <c r="AO8777">
        <v>59</v>
      </c>
      <c r="AP8777">
        <v>60</v>
      </c>
      <c r="AQ8777">
        <v>60</v>
      </c>
    </row>
    <row r="8778" spans="1:43">
      <c r="A8778" t="s">
        <v>5494</v>
      </c>
      <c r="B8778" t="s">
        <v>5495</v>
      </c>
      <c r="C8778" t="s">
        <v>5482</v>
      </c>
      <c r="D8778" t="s">
        <v>5483</v>
      </c>
      <c r="E8778" t="s">
        <v>5426</v>
      </c>
      <c r="F8778" t="s">
        <v>5427</v>
      </c>
      <c r="G8778" t="s">
        <v>80</v>
      </c>
      <c r="H8778" t="s">
        <v>81</v>
      </c>
      <c r="I8778" s="2">
        <v>0</v>
      </c>
      <c r="J8778" s="2">
        <v>1</v>
      </c>
      <c r="K8778" s="2">
        <v>0</v>
      </c>
      <c r="L8778" t="s">
        <v>82</v>
      </c>
      <c r="M8778" t="s">
        <v>83</v>
      </c>
      <c r="N8778" t="s">
        <v>84</v>
      </c>
      <c r="O8778" t="s">
        <v>85</v>
      </c>
      <c r="P8778" t="s">
        <v>86</v>
      </c>
      <c r="Q8778">
        <v>70</v>
      </c>
      <c r="R8778">
        <v>72</v>
      </c>
      <c r="S8778">
        <v>74</v>
      </c>
      <c r="T8778">
        <v>76</v>
      </c>
      <c r="U8778">
        <v>78</v>
      </c>
      <c r="V8778">
        <v>80</v>
      </c>
      <c r="W8778">
        <v>82</v>
      </c>
      <c r="X8778">
        <v>84</v>
      </c>
      <c r="Y8778">
        <v>86</v>
      </c>
      <c r="Z8778">
        <v>88</v>
      </c>
      <c r="AA8778">
        <v>90</v>
      </c>
      <c r="AB8778">
        <v>92</v>
      </c>
      <c r="AC8778">
        <v>94</v>
      </c>
      <c r="AD8778">
        <v>96</v>
      </c>
      <c r="AE8778">
        <v>98</v>
      </c>
      <c r="AF8778">
        <v>100</v>
      </c>
      <c r="AG8778">
        <v>102</v>
      </c>
      <c r="AH8778">
        <v>104</v>
      </c>
      <c r="AI8778">
        <v>107</v>
      </c>
      <c r="AJ8778">
        <v>109</v>
      </c>
      <c r="AK8778">
        <v>111</v>
      </c>
      <c r="AL8778">
        <v>113</v>
      </c>
      <c r="AM8778">
        <v>114</v>
      </c>
      <c r="AN8778">
        <v>115</v>
      </c>
      <c r="AO8778">
        <v>116</v>
      </c>
      <c r="AP8778">
        <v>117</v>
      </c>
      <c r="AQ8778">
        <v>119</v>
      </c>
    </row>
    <row r="8779" spans="1:43">
      <c r="A8779" t="s">
        <v>5494</v>
      </c>
      <c r="B8779" t="s">
        <v>5495</v>
      </c>
      <c r="C8779" t="s">
        <v>5482</v>
      </c>
      <c r="D8779" t="s">
        <v>5483</v>
      </c>
      <c r="E8779" t="s">
        <v>5426</v>
      </c>
      <c r="F8779" t="s">
        <v>5427</v>
      </c>
      <c r="G8779" t="s">
        <v>80</v>
      </c>
      <c r="H8779" t="s">
        <v>81</v>
      </c>
      <c r="I8779" s="2">
        <v>0</v>
      </c>
      <c r="J8779" s="2">
        <v>1</v>
      </c>
      <c r="K8779" s="2">
        <v>0</v>
      </c>
      <c r="L8779" t="s">
        <v>82</v>
      </c>
      <c r="M8779" t="s">
        <v>87</v>
      </c>
      <c r="N8779" t="s">
        <v>88</v>
      </c>
      <c r="O8779" t="s">
        <v>85</v>
      </c>
      <c r="P8779" t="s">
        <v>86</v>
      </c>
      <c r="Q8779">
        <v>70</v>
      </c>
      <c r="R8779">
        <v>71</v>
      </c>
      <c r="S8779">
        <v>72</v>
      </c>
      <c r="T8779">
        <v>73</v>
      </c>
      <c r="U8779">
        <v>74</v>
      </c>
      <c r="V8779">
        <v>76</v>
      </c>
      <c r="W8779">
        <v>77</v>
      </c>
      <c r="X8779">
        <v>78</v>
      </c>
      <c r="Y8779">
        <v>79</v>
      </c>
      <c r="Z8779">
        <v>80</v>
      </c>
      <c r="AA8779">
        <v>82</v>
      </c>
      <c r="AB8779">
        <v>83</v>
      </c>
      <c r="AC8779">
        <v>84</v>
      </c>
      <c r="AD8779">
        <v>85</v>
      </c>
      <c r="AE8779">
        <v>87</v>
      </c>
      <c r="AF8779">
        <v>88</v>
      </c>
      <c r="AG8779">
        <v>89</v>
      </c>
      <c r="AH8779">
        <v>91</v>
      </c>
      <c r="AI8779">
        <v>92</v>
      </c>
      <c r="AJ8779">
        <v>93</v>
      </c>
      <c r="AK8779">
        <v>95</v>
      </c>
      <c r="AL8779">
        <v>96</v>
      </c>
      <c r="AM8779">
        <v>97</v>
      </c>
      <c r="AN8779">
        <v>99</v>
      </c>
      <c r="AO8779">
        <v>100</v>
      </c>
      <c r="AP8779">
        <v>102</v>
      </c>
      <c r="AQ8779">
        <v>103</v>
      </c>
    </row>
    <row r="8780" spans="1:43">
      <c r="A8780" t="s">
        <v>5494</v>
      </c>
      <c r="B8780" t="s">
        <v>5495</v>
      </c>
      <c r="C8780" t="s">
        <v>5482</v>
      </c>
      <c r="D8780" t="s">
        <v>5483</v>
      </c>
      <c r="E8780" t="s">
        <v>5426</v>
      </c>
      <c r="F8780" t="s">
        <v>5427</v>
      </c>
      <c r="G8780" t="s">
        <v>80</v>
      </c>
      <c r="H8780" t="s">
        <v>81</v>
      </c>
      <c r="I8780" s="2">
        <v>0</v>
      </c>
      <c r="J8780" s="2">
        <v>1</v>
      </c>
      <c r="K8780" s="2">
        <v>0</v>
      </c>
      <c r="L8780" t="s">
        <v>82</v>
      </c>
      <c r="M8780" t="s">
        <v>89</v>
      </c>
      <c r="N8780" t="s">
        <v>90</v>
      </c>
      <c r="O8780" t="s">
        <v>85</v>
      </c>
      <c r="P8780" t="s">
        <v>86</v>
      </c>
      <c r="Q8780">
        <v>70</v>
      </c>
      <c r="R8780">
        <v>72</v>
      </c>
      <c r="S8780">
        <v>75</v>
      </c>
      <c r="T8780">
        <v>77</v>
      </c>
      <c r="U8780">
        <v>80</v>
      </c>
      <c r="V8780">
        <v>82</v>
      </c>
      <c r="W8780">
        <v>85</v>
      </c>
      <c r="X8780">
        <v>87</v>
      </c>
      <c r="Y8780">
        <v>90</v>
      </c>
      <c r="Z8780">
        <v>92</v>
      </c>
      <c r="AA8780">
        <v>94</v>
      </c>
      <c r="AB8780">
        <v>97</v>
      </c>
      <c r="AC8780">
        <v>99</v>
      </c>
      <c r="AD8780">
        <v>102</v>
      </c>
      <c r="AE8780">
        <v>104</v>
      </c>
      <c r="AF8780">
        <v>105</v>
      </c>
      <c r="AG8780">
        <v>106</v>
      </c>
      <c r="AH8780">
        <v>108</v>
      </c>
      <c r="AI8780">
        <v>109</v>
      </c>
      <c r="AJ8780">
        <v>110</v>
      </c>
      <c r="AK8780">
        <v>111</v>
      </c>
      <c r="AL8780">
        <v>112</v>
      </c>
      <c r="AM8780">
        <v>113</v>
      </c>
      <c r="AN8780">
        <v>115</v>
      </c>
      <c r="AO8780">
        <v>116</v>
      </c>
      <c r="AP8780">
        <v>117</v>
      </c>
      <c r="AQ8780">
        <v>118</v>
      </c>
    </row>
    <row r="8781" spans="1:43">
      <c r="A8781" t="s">
        <v>5494</v>
      </c>
      <c r="B8781" t="s">
        <v>5495</v>
      </c>
      <c r="C8781" t="s">
        <v>5482</v>
      </c>
      <c r="D8781" t="s">
        <v>5483</v>
      </c>
      <c r="E8781" t="s">
        <v>5426</v>
      </c>
      <c r="F8781" t="s">
        <v>5427</v>
      </c>
      <c r="G8781" t="s">
        <v>80</v>
      </c>
      <c r="H8781" t="s">
        <v>81</v>
      </c>
      <c r="I8781" s="2">
        <v>0</v>
      </c>
      <c r="J8781" s="2">
        <v>1</v>
      </c>
      <c r="K8781" s="2">
        <v>0</v>
      </c>
      <c r="L8781" t="s">
        <v>82</v>
      </c>
      <c r="M8781" t="s">
        <v>83</v>
      </c>
      <c r="N8781" t="s">
        <v>91</v>
      </c>
      <c r="O8781" t="s">
        <v>85</v>
      </c>
      <c r="P8781" t="s">
        <v>86</v>
      </c>
      <c r="Q8781">
        <v>70</v>
      </c>
      <c r="R8781">
        <v>72</v>
      </c>
      <c r="S8781">
        <v>74</v>
      </c>
      <c r="T8781">
        <v>76</v>
      </c>
      <c r="U8781">
        <v>78</v>
      </c>
      <c r="V8781">
        <v>80</v>
      </c>
      <c r="W8781">
        <v>82</v>
      </c>
      <c r="X8781">
        <v>84</v>
      </c>
      <c r="Y8781">
        <v>86</v>
      </c>
      <c r="Z8781">
        <v>88</v>
      </c>
      <c r="AA8781">
        <v>90</v>
      </c>
      <c r="AB8781">
        <v>92</v>
      </c>
      <c r="AC8781">
        <v>94</v>
      </c>
      <c r="AD8781">
        <v>96</v>
      </c>
      <c r="AE8781">
        <v>98</v>
      </c>
      <c r="AF8781">
        <v>100</v>
      </c>
      <c r="AG8781">
        <v>102</v>
      </c>
      <c r="AH8781">
        <v>104</v>
      </c>
      <c r="AI8781">
        <v>107</v>
      </c>
      <c r="AJ8781">
        <v>109</v>
      </c>
      <c r="AK8781">
        <v>111</v>
      </c>
      <c r="AL8781">
        <v>113</v>
      </c>
      <c r="AM8781">
        <v>114</v>
      </c>
      <c r="AN8781">
        <v>115</v>
      </c>
      <c r="AO8781">
        <v>116</v>
      </c>
      <c r="AP8781">
        <v>117</v>
      </c>
      <c r="AQ8781">
        <v>119</v>
      </c>
    </row>
    <row r="8782" spans="1:43">
      <c r="A8782" t="s">
        <v>5496</v>
      </c>
      <c r="B8782" t="s">
        <v>5497</v>
      </c>
      <c r="C8782" t="s">
        <v>5498</v>
      </c>
      <c r="D8782" t="s">
        <v>5499</v>
      </c>
      <c r="E8782" t="s">
        <v>5426</v>
      </c>
      <c r="F8782" t="s">
        <v>5427</v>
      </c>
      <c r="G8782" t="s">
        <v>80</v>
      </c>
      <c r="H8782" t="s">
        <v>81</v>
      </c>
      <c r="I8782" s="2">
        <v>0</v>
      </c>
      <c r="J8782" s="2">
        <v>1</v>
      </c>
      <c r="K8782" s="2">
        <v>0</v>
      </c>
      <c r="L8782" t="s">
        <v>82</v>
      </c>
      <c r="M8782" t="s">
        <v>83</v>
      </c>
      <c r="N8782" t="s">
        <v>84</v>
      </c>
      <c r="O8782" t="s">
        <v>85</v>
      </c>
      <c r="P8782" t="s">
        <v>86</v>
      </c>
      <c r="Q8782">
        <v>28</v>
      </c>
      <c r="R8782">
        <v>28</v>
      </c>
      <c r="S8782">
        <v>29</v>
      </c>
      <c r="T8782">
        <v>30</v>
      </c>
      <c r="U8782">
        <v>31</v>
      </c>
      <c r="V8782">
        <v>31</v>
      </c>
      <c r="W8782">
        <v>32</v>
      </c>
      <c r="X8782">
        <v>33</v>
      </c>
      <c r="Y8782">
        <v>34</v>
      </c>
      <c r="Z8782">
        <v>34</v>
      </c>
      <c r="AA8782">
        <v>35</v>
      </c>
      <c r="AB8782">
        <v>36</v>
      </c>
      <c r="AC8782">
        <v>37</v>
      </c>
      <c r="AD8782">
        <v>38</v>
      </c>
      <c r="AE8782">
        <v>38</v>
      </c>
      <c r="AF8782">
        <v>39</v>
      </c>
      <c r="AG8782">
        <v>40</v>
      </c>
      <c r="AH8782">
        <v>41</v>
      </c>
      <c r="AI8782">
        <v>42</v>
      </c>
      <c r="AJ8782">
        <v>43</v>
      </c>
      <c r="AK8782">
        <v>44</v>
      </c>
      <c r="AL8782">
        <v>44</v>
      </c>
      <c r="AM8782">
        <v>45</v>
      </c>
      <c r="AN8782">
        <v>45</v>
      </c>
      <c r="AO8782">
        <v>46</v>
      </c>
      <c r="AP8782">
        <v>46</v>
      </c>
      <c r="AQ8782">
        <v>47</v>
      </c>
    </row>
    <row r="8783" spans="1:43">
      <c r="A8783" t="s">
        <v>5496</v>
      </c>
      <c r="B8783" t="s">
        <v>5497</v>
      </c>
      <c r="C8783" t="s">
        <v>5498</v>
      </c>
      <c r="D8783" t="s">
        <v>5499</v>
      </c>
      <c r="E8783" t="s">
        <v>5426</v>
      </c>
      <c r="F8783" t="s">
        <v>5427</v>
      </c>
      <c r="G8783" t="s">
        <v>80</v>
      </c>
      <c r="H8783" t="s">
        <v>81</v>
      </c>
      <c r="I8783" s="2">
        <v>0</v>
      </c>
      <c r="J8783" s="2">
        <v>1</v>
      </c>
      <c r="K8783" s="2">
        <v>0</v>
      </c>
      <c r="L8783" t="s">
        <v>82</v>
      </c>
      <c r="M8783" t="s">
        <v>87</v>
      </c>
      <c r="N8783" t="s">
        <v>88</v>
      </c>
      <c r="O8783" t="s">
        <v>85</v>
      </c>
      <c r="P8783" t="s">
        <v>86</v>
      </c>
      <c r="Q8783">
        <v>28</v>
      </c>
      <c r="R8783">
        <v>29</v>
      </c>
      <c r="S8783">
        <v>29</v>
      </c>
      <c r="T8783">
        <v>30</v>
      </c>
      <c r="U8783">
        <v>30</v>
      </c>
      <c r="V8783">
        <v>31</v>
      </c>
      <c r="W8783">
        <v>31</v>
      </c>
      <c r="X8783">
        <v>32</v>
      </c>
      <c r="Y8783">
        <v>32</v>
      </c>
      <c r="Z8783">
        <v>33</v>
      </c>
      <c r="AA8783">
        <v>33</v>
      </c>
      <c r="AB8783">
        <v>33</v>
      </c>
      <c r="AC8783">
        <v>34</v>
      </c>
      <c r="AD8783">
        <v>34</v>
      </c>
      <c r="AE8783">
        <v>35</v>
      </c>
      <c r="AF8783">
        <v>36</v>
      </c>
      <c r="AG8783">
        <v>36</v>
      </c>
      <c r="AH8783">
        <v>37</v>
      </c>
      <c r="AI8783">
        <v>37</v>
      </c>
      <c r="AJ8783">
        <v>38</v>
      </c>
      <c r="AK8783">
        <v>38</v>
      </c>
      <c r="AL8783">
        <v>39</v>
      </c>
      <c r="AM8783">
        <v>39</v>
      </c>
      <c r="AN8783">
        <v>40</v>
      </c>
      <c r="AO8783">
        <v>40</v>
      </c>
      <c r="AP8783">
        <v>41</v>
      </c>
      <c r="AQ8783">
        <v>41</v>
      </c>
    </row>
    <row r="8784" spans="1:43">
      <c r="A8784" t="s">
        <v>5496</v>
      </c>
      <c r="B8784" t="s">
        <v>5497</v>
      </c>
      <c r="C8784" t="s">
        <v>5498</v>
      </c>
      <c r="D8784" t="s">
        <v>5499</v>
      </c>
      <c r="E8784" t="s">
        <v>5426</v>
      </c>
      <c r="F8784" t="s">
        <v>5427</v>
      </c>
      <c r="G8784" t="s">
        <v>80</v>
      </c>
      <c r="H8784" t="s">
        <v>81</v>
      </c>
      <c r="I8784" s="2">
        <v>0</v>
      </c>
      <c r="J8784" s="2">
        <v>1</v>
      </c>
      <c r="K8784" s="2">
        <v>0</v>
      </c>
      <c r="L8784" t="s">
        <v>82</v>
      </c>
      <c r="M8784" t="s">
        <v>89</v>
      </c>
      <c r="N8784" t="s">
        <v>90</v>
      </c>
      <c r="O8784" t="s">
        <v>85</v>
      </c>
      <c r="P8784" t="s">
        <v>86</v>
      </c>
      <c r="Q8784">
        <v>28</v>
      </c>
      <c r="R8784">
        <v>29</v>
      </c>
      <c r="S8784">
        <v>30</v>
      </c>
      <c r="T8784">
        <v>31</v>
      </c>
      <c r="U8784">
        <v>32</v>
      </c>
      <c r="V8784">
        <v>33</v>
      </c>
      <c r="W8784">
        <v>34</v>
      </c>
      <c r="X8784">
        <v>35</v>
      </c>
      <c r="Y8784">
        <v>36</v>
      </c>
      <c r="Z8784">
        <v>37</v>
      </c>
      <c r="AA8784">
        <v>37</v>
      </c>
      <c r="AB8784">
        <v>38</v>
      </c>
      <c r="AC8784">
        <v>39</v>
      </c>
      <c r="AD8784">
        <v>40</v>
      </c>
      <c r="AE8784">
        <v>41</v>
      </c>
      <c r="AF8784">
        <v>42</v>
      </c>
      <c r="AG8784">
        <v>42</v>
      </c>
      <c r="AH8784">
        <v>43</v>
      </c>
      <c r="AI8784">
        <v>43</v>
      </c>
      <c r="AJ8784">
        <v>44</v>
      </c>
      <c r="AK8784">
        <v>44</v>
      </c>
      <c r="AL8784">
        <v>44</v>
      </c>
      <c r="AM8784">
        <v>45</v>
      </c>
      <c r="AN8784">
        <v>45</v>
      </c>
      <c r="AO8784">
        <v>46</v>
      </c>
      <c r="AP8784">
        <v>46</v>
      </c>
      <c r="AQ8784">
        <v>47</v>
      </c>
    </row>
    <row r="8785" spans="1:43">
      <c r="A8785" t="s">
        <v>5496</v>
      </c>
      <c r="B8785" t="s">
        <v>5497</v>
      </c>
      <c r="C8785" t="s">
        <v>5498</v>
      </c>
      <c r="D8785" t="s">
        <v>5499</v>
      </c>
      <c r="E8785" t="s">
        <v>5426</v>
      </c>
      <c r="F8785" t="s">
        <v>5427</v>
      </c>
      <c r="G8785" t="s">
        <v>80</v>
      </c>
      <c r="H8785" t="s">
        <v>81</v>
      </c>
      <c r="I8785" s="2">
        <v>0</v>
      </c>
      <c r="J8785" s="2">
        <v>1</v>
      </c>
      <c r="K8785" s="2">
        <v>0</v>
      </c>
      <c r="L8785" t="s">
        <v>82</v>
      </c>
      <c r="M8785" t="s">
        <v>83</v>
      </c>
      <c r="N8785" t="s">
        <v>91</v>
      </c>
      <c r="O8785" t="s">
        <v>85</v>
      </c>
      <c r="P8785" t="s">
        <v>86</v>
      </c>
      <c r="Q8785">
        <v>28</v>
      </c>
      <c r="R8785">
        <v>28</v>
      </c>
      <c r="S8785">
        <v>29</v>
      </c>
      <c r="T8785">
        <v>30</v>
      </c>
      <c r="U8785">
        <v>31</v>
      </c>
      <c r="V8785">
        <v>31</v>
      </c>
      <c r="W8785">
        <v>32</v>
      </c>
      <c r="X8785">
        <v>33</v>
      </c>
      <c r="Y8785">
        <v>34</v>
      </c>
      <c r="Z8785">
        <v>34</v>
      </c>
      <c r="AA8785">
        <v>35</v>
      </c>
      <c r="AB8785">
        <v>36</v>
      </c>
      <c r="AC8785">
        <v>37</v>
      </c>
      <c r="AD8785">
        <v>38</v>
      </c>
      <c r="AE8785">
        <v>38</v>
      </c>
      <c r="AF8785">
        <v>39</v>
      </c>
      <c r="AG8785">
        <v>40</v>
      </c>
      <c r="AH8785">
        <v>41</v>
      </c>
      <c r="AI8785">
        <v>42</v>
      </c>
      <c r="AJ8785">
        <v>43</v>
      </c>
      <c r="AK8785">
        <v>44</v>
      </c>
      <c r="AL8785">
        <v>44</v>
      </c>
      <c r="AM8785">
        <v>45</v>
      </c>
      <c r="AN8785">
        <v>45</v>
      </c>
      <c r="AO8785">
        <v>46</v>
      </c>
      <c r="AP8785">
        <v>46</v>
      </c>
      <c r="AQ8785">
        <v>47</v>
      </c>
    </row>
    <row r="8786" spans="1:43">
      <c r="A8786" t="s">
        <v>5500</v>
      </c>
      <c r="B8786" t="s">
        <v>5501</v>
      </c>
      <c r="C8786" t="s">
        <v>5460</v>
      </c>
      <c r="D8786" t="s">
        <v>5461</v>
      </c>
      <c r="E8786" t="s">
        <v>5426</v>
      </c>
      <c r="F8786" t="s">
        <v>5427</v>
      </c>
      <c r="G8786" t="s">
        <v>80</v>
      </c>
      <c r="H8786" t="s">
        <v>81</v>
      </c>
      <c r="I8786" s="2">
        <v>0</v>
      </c>
      <c r="J8786" s="2">
        <v>1</v>
      </c>
      <c r="K8786" s="2">
        <v>0</v>
      </c>
      <c r="L8786" t="s">
        <v>82</v>
      </c>
      <c r="M8786" t="s">
        <v>83</v>
      </c>
      <c r="N8786" t="s">
        <v>84</v>
      </c>
      <c r="O8786" t="s">
        <v>85</v>
      </c>
      <c r="P8786" t="s">
        <v>86</v>
      </c>
      <c r="Q8786">
        <v>26</v>
      </c>
      <c r="R8786">
        <v>27</v>
      </c>
      <c r="S8786">
        <v>28</v>
      </c>
      <c r="T8786">
        <v>29</v>
      </c>
      <c r="U8786">
        <v>29</v>
      </c>
      <c r="V8786">
        <v>30</v>
      </c>
      <c r="W8786">
        <v>31</v>
      </c>
      <c r="X8786">
        <v>31</v>
      </c>
      <c r="Y8786">
        <v>32</v>
      </c>
      <c r="Z8786">
        <v>33</v>
      </c>
      <c r="AA8786">
        <v>34</v>
      </c>
      <c r="AB8786">
        <v>35</v>
      </c>
      <c r="AC8786">
        <v>35</v>
      </c>
      <c r="AD8786">
        <v>36</v>
      </c>
      <c r="AE8786">
        <v>37</v>
      </c>
      <c r="AF8786">
        <v>38</v>
      </c>
      <c r="AG8786">
        <v>39</v>
      </c>
      <c r="AH8786">
        <v>40</v>
      </c>
      <c r="AI8786">
        <v>40</v>
      </c>
      <c r="AJ8786">
        <v>41</v>
      </c>
      <c r="AK8786">
        <v>42</v>
      </c>
      <c r="AL8786">
        <v>43</v>
      </c>
      <c r="AM8786">
        <v>43</v>
      </c>
      <c r="AN8786">
        <v>44</v>
      </c>
      <c r="AO8786">
        <v>44</v>
      </c>
      <c r="AP8786">
        <v>45</v>
      </c>
      <c r="AQ8786">
        <v>45</v>
      </c>
    </row>
    <row r="8787" spans="1:43">
      <c r="A8787" t="s">
        <v>5500</v>
      </c>
      <c r="B8787" t="s">
        <v>5501</v>
      </c>
      <c r="C8787" t="s">
        <v>5460</v>
      </c>
      <c r="D8787" t="s">
        <v>5461</v>
      </c>
      <c r="E8787" t="s">
        <v>5426</v>
      </c>
      <c r="F8787" t="s">
        <v>5427</v>
      </c>
      <c r="G8787" t="s">
        <v>80</v>
      </c>
      <c r="H8787" t="s">
        <v>81</v>
      </c>
      <c r="I8787" s="2">
        <v>0</v>
      </c>
      <c r="J8787" s="2">
        <v>1</v>
      </c>
      <c r="K8787" s="2">
        <v>0</v>
      </c>
      <c r="L8787" t="s">
        <v>82</v>
      </c>
      <c r="M8787" t="s">
        <v>87</v>
      </c>
      <c r="N8787" t="s">
        <v>88</v>
      </c>
      <c r="O8787" t="s">
        <v>85</v>
      </c>
      <c r="P8787" t="s">
        <v>86</v>
      </c>
      <c r="Q8787">
        <v>26</v>
      </c>
      <c r="R8787">
        <v>27</v>
      </c>
      <c r="S8787">
        <v>27</v>
      </c>
      <c r="T8787">
        <v>28</v>
      </c>
      <c r="U8787">
        <v>28</v>
      </c>
      <c r="V8787">
        <v>28</v>
      </c>
      <c r="W8787">
        <v>29</v>
      </c>
      <c r="X8787">
        <v>29</v>
      </c>
      <c r="Y8787">
        <v>30</v>
      </c>
      <c r="Z8787">
        <v>30</v>
      </c>
      <c r="AA8787">
        <v>31</v>
      </c>
      <c r="AB8787">
        <v>31</v>
      </c>
      <c r="AC8787">
        <v>32</v>
      </c>
      <c r="AD8787">
        <v>32</v>
      </c>
      <c r="AE8787">
        <v>33</v>
      </c>
      <c r="AF8787">
        <v>33</v>
      </c>
      <c r="AG8787">
        <v>34</v>
      </c>
      <c r="AH8787">
        <v>34</v>
      </c>
      <c r="AI8787">
        <v>35</v>
      </c>
      <c r="AJ8787">
        <v>35</v>
      </c>
      <c r="AK8787">
        <v>36</v>
      </c>
      <c r="AL8787">
        <v>36</v>
      </c>
      <c r="AM8787">
        <v>37</v>
      </c>
      <c r="AN8787">
        <v>37</v>
      </c>
      <c r="AO8787">
        <v>38</v>
      </c>
      <c r="AP8787">
        <v>38</v>
      </c>
      <c r="AQ8787">
        <v>39</v>
      </c>
    </row>
    <row r="8788" spans="1:43">
      <c r="A8788" t="s">
        <v>5500</v>
      </c>
      <c r="B8788" t="s">
        <v>5501</v>
      </c>
      <c r="C8788" t="s">
        <v>5460</v>
      </c>
      <c r="D8788" t="s">
        <v>5461</v>
      </c>
      <c r="E8788" t="s">
        <v>5426</v>
      </c>
      <c r="F8788" t="s">
        <v>5427</v>
      </c>
      <c r="G8788" t="s">
        <v>80</v>
      </c>
      <c r="H8788" t="s">
        <v>81</v>
      </c>
      <c r="I8788" s="2">
        <v>0</v>
      </c>
      <c r="J8788" s="2">
        <v>1</v>
      </c>
      <c r="K8788" s="2">
        <v>0</v>
      </c>
      <c r="L8788" t="s">
        <v>82</v>
      </c>
      <c r="M8788" t="s">
        <v>89</v>
      </c>
      <c r="N8788" t="s">
        <v>90</v>
      </c>
      <c r="O8788" t="s">
        <v>85</v>
      </c>
      <c r="P8788" t="s">
        <v>86</v>
      </c>
      <c r="Q8788">
        <v>26</v>
      </c>
      <c r="R8788">
        <v>27</v>
      </c>
      <c r="S8788">
        <v>28</v>
      </c>
      <c r="T8788">
        <v>28</v>
      </c>
      <c r="U8788">
        <v>29</v>
      </c>
      <c r="V8788">
        <v>30</v>
      </c>
      <c r="W8788">
        <v>31</v>
      </c>
      <c r="X8788">
        <v>32</v>
      </c>
      <c r="Y8788">
        <v>33</v>
      </c>
      <c r="Z8788">
        <v>34</v>
      </c>
      <c r="AA8788">
        <v>35</v>
      </c>
      <c r="AB8788">
        <v>36</v>
      </c>
      <c r="AC8788">
        <v>37</v>
      </c>
      <c r="AD8788">
        <v>38</v>
      </c>
      <c r="AE8788">
        <v>39</v>
      </c>
      <c r="AF8788">
        <v>39</v>
      </c>
      <c r="AG8788">
        <v>40</v>
      </c>
      <c r="AH8788">
        <v>40</v>
      </c>
      <c r="AI8788">
        <v>41</v>
      </c>
      <c r="AJ8788">
        <v>41</v>
      </c>
      <c r="AK8788">
        <v>41</v>
      </c>
      <c r="AL8788">
        <v>42</v>
      </c>
      <c r="AM8788">
        <v>42</v>
      </c>
      <c r="AN8788">
        <v>43</v>
      </c>
      <c r="AO8788">
        <v>43</v>
      </c>
      <c r="AP8788">
        <v>44</v>
      </c>
      <c r="AQ8788">
        <v>44</v>
      </c>
    </row>
    <row r="8789" spans="1:43">
      <c r="A8789" t="s">
        <v>5500</v>
      </c>
      <c r="B8789" t="s">
        <v>5501</v>
      </c>
      <c r="C8789" t="s">
        <v>5460</v>
      </c>
      <c r="D8789" t="s">
        <v>5461</v>
      </c>
      <c r="E8789" t="s">
        <v>5426</v>
      </c>
      <c r="F8789" t="s">
        <v>5427</v>
      </c>
      <c r="G8789" t="s">
        <v>80</v>
      </c>
      <c r="H8789" t="s">
        <v>81</v>
      </c>
      <c r="I8789" s="2">
        <v>0</v>
      </c>
      <c r="J8789" s="2">
        <v>1</v>
      </c>
      <c r="K8789" s="2">
        <v>0</v>
      </c>
      <c r="L8789" t="s">
        <v>82</v>
      </c>
      <c r="M8789" t="s">
        <v>83</v>
      </c>
      <c r="N8789" t="s">
        <v>91</v>
      </c>
      <c r="O8789" t="s">
        <v>85</v>
      </c>
      <c r="P8789" t="s">
        <v>86</v>
      </c>
      <c r="Q8789">
        <v>26</v>
      </c>
      <c r="R8789">
        <v>27</v>
      </c>
      <c r="S8789">
        <v>28</v>
      </c>
      <c r="T8789">
        <v>29</v>
      </c>
      <c r="U8789">
        <v>29</v>
      </c>
      <c r="V8789">
        <v>30</v>
      </c>
      <c r="W8789">
        <v>31</v>
      </c>
      <c r="X8789">
        <v>31</v>
      </c>
      <c r="Y8789">
        <v>32</v>
      </c>
      <c r="Z8789">
        <v>33</v>
      </c>
      <c r="AA8789">
        <v>34</v>
      </c>
      <c r="AB8789">
        <v>35</v>
      </c>
      <c r="AC8789">
        <v>35</v>
      </c>
      <c r="AD8789">
        <v>36</v>
      </c>
      <c r="AE8789">
        <v>37</v>
      </c>
      <c r="AF8789">
        <v>38</v>
      </c>
      <c r="AG8789">
        <v>39</v>
      </c>
      <c r="AH8789">
        <v>40</v>
      </c>
      <c r="AI8789">
        <v>40</v>
      </c>
      <c r="AJ8789">
        <v>41</v>
      </c>
      <c r="AK8789">
        <v>42</v>
      </c>
      <c r="AL8789">
        <v>43</v>
      </c>
      <c r="AM8789">
        <v>43</v>
      </c>
      <c r="AN8789">
        <v>44</v>
      </c>
      <c r="AO8789">
        <v>44</v>
      </c>
      <c r="AP8789">
        <v>45</v>
      </c>
      <c r="AQ8789">
        <v>45</v>
      </c>
    </row>
    <row r="8790" spans="1:43">
      <c r="A8790" t="s">
        <v>5502</v>
      </c>
      <c r="B8790" t="s">
        <v>5503</v>
      </c>
      <c r="C8790" t="s">
        <v>5460</v>
      </c>
      <c r="D8790" t="s">
        <v>5461</v>
      </c>
      <c r="E8790" t="s">
        <v>5426</v>
      </c>
      <c r="F8790" t="s">
        <v>5427</v>
      </c>
      <c r="G8790" t="s">
        <v>80</v>
      </c>
      <c r="H8790" t="s">
        <v>81</v>
      </c>
      <c r="I8790" s="2">
        <v>0</v>
      </c>
      <c r="J8790" s="2">
        <v>1</v>
      </c>
      <c r="K8790" s="2">
        <v>0</v>
      </c>
      <c r="L8790" t="s">
        <v>82</v>
      </c>
      <c r="M8790" t="s">
        <v>83</v>
      </c>
      <c r="N8790" t="s">
        <v>84</v>
      </c>
      <c r="O8790" t="s">
        <v>85</v>
      </c>
      <c r="P8790" t="s">
        <v>86</v>
      </c>
      <c r="Q8790">
        <v>609</v>
      </c>
      <c r="R8790">
        <v>625</v>
      </c>
      <c r="S8790">
        <v>641</v>
      </c>
      <c r="T8790">
        <v>657</v>
      </c>
      <c r="U8790">
        <v>673</v>
      </c>
      <c r="V8790">
        <v>690</v>
      </c>
      <c r="W8790">
        <v>707</v>
      </c>
      <c r="X8790">
        <v>724</v>
      </c>
      <c r="Y8790">
        <v>741</v>
      </c>
      <c r="Z8790">
        <v>759</v>
      </c>
      <c r="AA8790">
        <v>777</v>
      </c>
      <c r="AB8790">
        <v>795</v>
      </c>
      <c r="AC8790">
        <v>813</v>
      </c>
      <c r="AD8790">
        <v>832</v>
      </c>
      <c r="AE8790">
        <v>851</v>
      </c>
      <c r="AF8790">
        <v>870</v>
      </c>
      <c r="AG8790">
        <v>890</v>
      </c>
      <c r="AH8790">
        <v>909</v>
      </c>
      <c r="AI8790">
        <v>929</v>
      </c>
      <c r="AJ8790">
        <v>949</v>
      </c>
      <c r="AK8790">
        <v>970</v>
      </c>
      <c r="AL8790">
        <v>984</v>
      </c>
      <c r="AM8790">
        <v>994</v>
      </c>
      <c r="AN8790">
        <v>1005</v>
      </c>
      <c r="AO8790">
        <v>1015</v>
      </c>
      <c r="AP8790">
        <v>1026</v>
      </c>
      <c r="AQ8790">
        <v>1036</v>
      </c>
    </row>
    <row r="8791" spans="1:43">
      <c r="A8791" t="s">
        <v>5502</v>
      </c>
      <c r="B8791" t="s">
        <v>5503</v>
      </c>
      <c r="C8791" t="s">
        <v>5460</v>
      </c>
      <c r="D8791" t="s">
        <v>5461</v>
      </c>
      <c r="E8791" t="s">
        <v>5426</v>
      </c>
      <c r="F8791" t="s">
        <v>5427</v>
      </c>
      <c r="G8791" t="s">
        <v>80</v>
      </c>
      <c r="H8791" t="s">
        <v>81</v>
      </c>
      <c r="I8791" s="2">
        <v>0</v>
      </c>
      <c r="J8791" s="2">
        <v>1</v>
      </c>
      <c r="K8791" s="2">
        <v>0</v>
      </c>
      <c r="L8791" t="s">
        <v>82</v>
      </c>
      <c r="M8791" t="s">
        <v>87</v>
      </c>
      <c r="N8791" t="s">
        <v>88</v>
      </c>
      <c r="O8791" t="s">
        <v>85</v>
      </c>
      <c r="P8791" t="s">
        <v>86</v>
      </c>
      <c r="Q8791">
        <v>609</v>
      </c>
      <c r="R8791">
        <v>619</v>
      </c>
      <c r="S8791">
        <v>629</v>
      </c>
      <c r="T8791">
        <v>639</v>
      </c>
      <c r="U8791">
        <v>649</v>
      </c>
      <c r="V8791">
        <v>660</v>
      </c>
      <c r="W8791">
        <v>670</v>
      </c>
      <c r="X8791">
        <v>681</v>
      </c>
      <c r="Y8791">
        <v>691</v>
      </c>
      <c r="Z8791">
        <v>702</v>
      </c>
      <c r="AA8791">
        <v>713</v>
      </c>
      <c r="AB8791">
        <v>724</v>
      </c>
      <c r="AC8791">
        <v>735</v>
      </c>
      <c r="AD8791">
        <v>747</v>
      </c>
      <c r="AE8791">
        <v>758</v>
      </c>
      <c r="AF8791">
        <v>770</v>
      </c>
      <c r="AG8791">
        <v>781</v>
      </c>
      <c r="AH8791">
        <v>793</v>
      </c>
      <c r="AI8791">
        <v>805</v>
      </c>
      <c r="AJ8791">
        <v>817</v>
      </c>
      <c r="AK8791">
        <v>829</v>
      </c>
      <c r="AL8791">
        <v>841</v>
      </c>
      <c r="AM8791">
        <v>854</v>
      </c>
      <c r="AN8791">
        <v>866</v>
      </c>
      <c r="AO8791">
        <v>879</v>
      </c>
      <c r="AP8791">
        <v>891</v>
      </c>
      <c r="AQ8791">
        <v>904</v>
      </c>
    </row>
    <row r="8792" spans="1:43">
      <c r="A8792" t="s">
        <v>5502</v>
      </c>
      <c r="B8792" t="s">
        <v>5503</v>
      </c>
      <c r="C8792" t="s">
        <v>5460</v>
      </c>
      <c r="D8792" t="s">
        <v>5461</v>
      </c>
      <c r="E8792" t="s">
        <v>5426</v>
      </c>
      <c r="F8792" t="s">
        <v>5427</v>
      </c>
      <c r="G8792" t="s">
        <v>80</v>
      </c>
      <c r="H8792" t="s">
        <v>81</v>
      </c>
      <c r="I8792" s="2">
        <v>0</v>
      </c>
      <c r="J8792" s="2">
        <v>1</v>
      </c>
      <c r="K8792" s="2">
        <v>0</v>
      </c>
      <c r="L8792" t="s">
        <v>82</v>
      </c>
      <c r="M8792" t="s">
        <v>89</v>
      </c>
      <c r="N8792" t="s">
        <v>90</v>
      </c>
      <c r="O8792" t="s">
        <v>85</v>
      </c>
      <c r="P8792" t="s">
        <v>86</v>
      </c>
      <c r="Q8792">
        <v>609</v>
      </c>
      <c r="R8792">
        <v>630</v>
      </c>
      <c r="S8792">
        <v>651</v>
      </c>
      <c r="T8792">
        <v>672</v>
      </c>
      <c r="U8792">
        <v>694</v>
      </c>
      <c r="V8792">
        <v>715</v>
      </c>
      <c r="W8792">
        <v>737</v>
      </c>
      <c r="X8792">
        <v>759</v>
      </c>
      <c r="Y8792">
        <v>780</v>
      </c>
      <c r="Z8792">
        <v>802</v>
      </c>
      <c r="AA8792">
        <v>823</v>
      </c>
      <c r="AB8792">
        <v>845</v>
      </c>
      <c r="AC8792">
        <v>868</v>
      </c>
      <c r="AD8792">
        <v>891</v>
      </c>
      <c r="AE8792">
        <v>909</v>
      </c>
      <c r="AF8792">
        <v>919</v>
      </c>
      <c r="AG8792">
        <v>930</v>
      </c>
      <c r="AH8792">
        <v>940</v>
      </c>
      <c r="AI8792">
        <v>950</v>
      </c>
      <c r="AJ8792">
        <v>960</v>
      </c>
      <c r="AK8792">
        <v>971</v>
      </c>
      <c r="AL8792">
        <v>981</v>
      </c>
      <c r="AM8792">
        <v>992</v>
      </c>
      <c r="AN8792">
        <v>1002</v>
      </c>
      <c r="AO8792">
        <v>1012</v>
      </c>
      <c r="AP8792">
        <v>1023</v>
      </c>
      <c r="AQ8792">
        <v>1033</v>
      </c>
    </row>
    <row r="8793" spans="1:43">
      <c r="A8793" t="s">
        <v>5502</v>
      </c>
      <c r="B8793" t="s">
        <v>5503</v>
      </c>
      <c r="C8793" t="s">
        <v>5460</v>
      </c>
      <c r="D8793" t="s">
        <v>5461</v>
      </c>
      <c r="E8793" t="s">
        <v>5426</v>
      </c>
      <c r="F8793" t="s">
        <v>5427</v>
      </c>
      <c r="G8793" t="s">
        <v>80</v>
      </c>
      <c r="H8793" t="s">
        <v>81</v>
      </c>
      <c r="I8793" s="2">
        <v>0</v>
      </c>
      <c r="J8793" s="2">
        <v>1</v>
      </c>
      <c r="K8793" s="2">
        <v>0</v>
      </c>
      <c r="L8793" t="s">
        <v>82</v>
      </c>
      <c r="M8793" t="s">
        <v>83</v>
      </c>
      <c r="N8793" t="s">
        <v>91</v>
      </c>
      <c r="O8793" t="s">
        <v>85</v>
      </c>
      <c r="P8793" t="s">
        <v>86</v>
      </c>
      <c r="Q8793">
        <v>609</v>
      </c>
      <c r="R8793">
        <v>625</v>
      </c>
      <c r="S8793">
        <v>641</v>
      </c>
      <c r="T8793">
        <v>657</v>
      </c>
      <c r="U8793">
        <v>673</v>
      </c>
      <c r="V8793">
        <v>690</v>
      </c>
      <c r="W8793">
        <v>707</v>
      </c>
      <c r="X8793">
        <v>724</v>
      </c>
      <c r="Y8793">
        <v>741</v>
      </c>
      <c r="Z8793">
        <v>759</v>
      </c>
      <c r="AA8793">
        <v>777</v>
      </c>
      <c r="AB8793">
        <v>795</v>
      </c>
      <c r="AC8793">
        <v>813</v>
      </c>
      <c r="AD8793">
        <v>832</v>
      </c>
      <c r="AE8793">
        <v>851</v>
      </c>
      <c r="AF8793">
        <v>870</v>
      </c>
      <c r="AG8793">
        <v>890</v>
      </c>
      <c r="AH8793">
        <v>909</v>
      </c>
      <c r="AI8793">
        <v>929</v>
      </c>
      <c r="AJ8793">
        <v>949</v>
      </c>
      <c r="AK8793">
        <v>970</v>
      </c>
      <c r="AL8793">
        <v>984</v>
      </c>
      <c r="AM8793">
        <v>994</v>
      </c>
      <c r="AN8793">
        <v>1005</v>
      </c>
      <c r="AO8793">
        <v>1015</v>
      </c>
      <c r="AP8793">
        <v>1026</v>
      </c>
      <c r="AQ8793">
        <v>1036</v>
      </c>
    </row>
    <row r="8794" spans="1:43">
      <c r="A8794" t="s">
        <v>5504</v>
      </c>
      <c r="B8794" t="s">
        <v>5505</v>
      </c>
      <c r="C8794" t="s">
        <v>5460</v>
      </c>
      <c r="D8794" t="s">
        <v>5461</v>
      </c>
      <c r="E8794" t="s">
        <v>5426</v>
      </c>
      <c r="F8794" t="s">
        <v>5427</v>
      </c>
      <c r="G8794" t="s">
        <v>80</v>
      </c>
      <c r="H8794" t="s">
        <v>81</v>
      </c>
      <c r="I8794" s="2">
        <v>0</v>
      </c>
      <c r="J8794" s="2">
        <v>1</v>
      </c>
      <c r="K8794" s="2">
        <v>0</v>
      </c>
      <c r="L8794" t="s">
        <v>82</v>
      </c>
      <c r="M8794" t="s">
        <v>83</v>
      </c>
      <c r="N8794" t="s">
        <v>84</v>
      </c>
      <c r="O8794" t="s">
        <v>85</v>
      </c>
      <c r="P8794" t="s">
        <v>86</v>
      </c>
      <c r="Q8794">
        <v>18</v>
      </c>
      <c r="R8794">
        <v>18</v>
      </c>
      <c r="S8794">
        <v>19</v>
      </c>
      <c r="T8794">
        <v>19</v>
      </c>
      <c r="U8794">
        <v>20</v>
      </c>
      <c r="V8794">
        <v>20</v>
      </c>
      <c r="W8794">
        <v>21</v>
      </c>
      <c r="X8794">
        <v>21</v>
      </c>
      <c r="Y8794">
        <v>22</v>
      </c>
      <c r="Z8794">
        <v>22</v>
      </c>
      <c r="AA8794">
        <v>23</v>
      </c>
      <c r="AB8794">
        <v>23</v>
      </c>
      <c r="AC8794">
        <v>24</v>
      </c>
      <c r="AD8794">
        <v>24</v>
      </c>
      <c r="AE8794">
        <v>25</v>
      </c>
      <c r="AF8794">
        <v>25</v>
      </c>
      <c r="AG8794">
        <v>26</v>
      </c>
      <c r="AH8794">
        <v>26</v>
      </c>
      <c r="AI8794">
        <v>27</v>
      </c>
      <c r="AJ8794">
        <v>28</v>
      </c>
      <c r="AK8794">
        <v>28</v>
      </c>
      <c r="AL8794">
        <v>29</v>
      </c>
      <c r="AM8794">
        <v>29</v>
      </c>
      <c r="AN8794">
        <v>29</v>
      </c>
      <c r="AO8794">
        <v>29</v>
      </c>
      <c r="AP8794">
        <v>30</v>
      </c>
      <c r="AQ8794">
        <v>30</v>
      </c>
    </row>
    <row r="8795" spans="1:43">
      <c r="A8795" t="s">
        <v>5504</v>
      </c>
      <c r="B8795" t="s">
        <v>5505</v>
      </c>
      <c r="C8795" t="s">
        <v>5460</v>
      </c>
      <c r="D8795" t="s">
        <v>5461</v>
      </c>
      <c r="E8795" t="s">
        <v>5426</v>
      </c>
      <c r="F8795" t="s">
        <v>5427</v>
      </c>
      <c r="G8795" t="s">
        <v>80</v>
      </c>
      <c r="H8795" t="s">
        <v>81</v>
      </c>
      <c r="I8795" s="2">
        <v>0</v>
      </c>
      <c r="J8795" s="2">
        <v>1</v>
      </c>
      <c r="K8795" s="2">
        <v>0</v>
      </c>
      <c r="L8795" t="s">
        <v>82</v>
      </c>
      <c r="M8795" t="s">
        <v>87</v>
      </c>
      <c r="N8795" t="s">
        <v>88</v>
      </c>
      <c r="O8795" t="s">
        <v>85</v>
      </c>
      <c r="P8795" t="s">
        <v>86</v>
      </c>
      <c r="Q8795">
        <v>18</v>
      </c>
      <c r="R8795">
        <v>18</v>
      </c>
      <c r="S8795">
        <v>18</v>
      </c>
      <c r="T8795">
        <v>18</v>
      </c>
      <c r="U8795">
        <v>19</v>
      </c>
      <c r="V8795">
        <v>19</v>
      </c>
      <c r="W8795">
        <v>19</v>
      </c>
      <c r="X8795">
        <v>20</v>
      </c>
      <c r="Y8795">
        <v>20</v>
      </c>
      <c r="Z8795">
        <v>20</v>
      </c>
      <c r="AA8795">
        <v>21</v>
      </c>
      <c r="AB8795">
        <v>21</v>
      </c>
      <c r="AC8795">
        <v>21</v>
      </c>
      <c r="AD8795">
        <v>21</v>
      </c>
      <c r="AE8795">
        <v>22</v>
      </c>
      <c r="AF8795">
        <v>22</v>
      </c>
      <c r="AG8795">
        <v>22</v>
      </c>
      <c r="AH8795">
        <v>23</v>
      </c>
      <c r="AI8795">
        <v>23</v>
      </c>
      <c r="AJ8795">
        <v>24</v>
      </c>
      <c r="AK8795">
        <v>24</v>
      </c>
      <c r="AL8795">
        <v>24</v>
      </c>
      <c r="AM8795">
        <v>25</v>
      </c>
      <c r="AN8795">
        <v>25</v>
      </c>
      <c r="AO8795">
        <v>25</v>
      </c>
      <c r="AP8795">
        <v>26</v>
      </c>
      <c r="AQ8795">
        <v>26</v>
      </c>
    </row>
    <row r="8796" spans="1:43">
      <c r="A8796" t="s">
        <v>5504</v>
      </c>
      <c r="B8796" t="s">
        <v>5505</v>
      </c>
      <c r="C8796" t="s">
        <v>5460</v>
      </c>
      <c r="D8796" t="s">
        <v>5461</v>
      </c>
      <c r="E8796" t="s">
        <v>5426</v>
      </c>
      <c r="F8796" t="s">
        <v>5427</v>
      </c>
      <c r="G8796" t="s">
        <v>80</v>
      </c>
      <c r="H8796" t="s">
        <v>81</v>
      </c>
      <c r="I8796" s="2">
        <v>0</v>
      </c>
      <c r="J8796" s="2">
        <v>1</v>
      </c>
      <c r="K8796" s="2">
        <v>0</v>
      </c>
      <c r="L8796" t="s">
        <v>82</v>
      </c>
      <c r="M8796" t="s">
        <v>89</v>
      </c>
      <c r="N8796" t="s">
        <v>90</v>
      </c>
      <c r="O8796" t="s">
        <v>85</v>
      </c>
      <c r="P8796" t="s">
        <v>86</v>
      </c>
      <c r="Q8796">
        <v>18</v>
      </c>
      <c r="R8796">
        <v>18</v>
      </c>
      <c r="S8796">
        <v>19</v>
      </c>
      <c r="T8796">
        <v>20</v>
      </c>
      <c r="U8796">
        <v>20</v>
      </c>
      <c r="V8796">
        <v>21</v>
      </c>
      <c r="W8796">
        <v>22</v>
      </c>
      <c r="X8796">
        <v>22</v>
      </c>
      <c r="Y8796">
        <v>23</v>
      </c>
      <c r="Z8796">
        <v>23</v>
      </c>
      <c r="AA8796">
        <v>24</v>
      </c>
      <c r="AB8796">
        <v>25</v>
      </c>
      <c r="AC8796">
        <v>25</v>
      </c>
      <c r="AD8796">
        <v>26</v>
      </c>
      <c r="AE8796">
        <v>27</v>
      </c>
      <c r="AF8796">
        <v>27</v>
      </c>
      <c r="AG8796">
        <v>27</v>
      </c>
      <c r="AH8796">
        <v>27</v>
      </c>
      <c r="AI8796">
        <v>28</v>
      </c>
      <c r="AJ8796">
        <v>28</v>
      </c>
      <c r="AK8796">
        <v>28</v>
      </c>
      <c r="AL8796">
        <v>29</v>
      </c>
      <c r="AM8796">
        <v>29</v>
      </c>
      <c r="AN8796">
        <v>29</v>
      </c>
      <c r="AO8796">
        <v>30</v>
      </c>
      <c r="AP8796">
        <v>30</v>
      </c>
      <c r="AQ8796">
        <v>30</v>
      </c>
    </row>
    <row r="8797" spans="1:43">
      <c r="A8797" t="s">
        <v>5504</v>
      </c>
      <c r="B8797" t="s">
        <v>5505</v>
      </c>
      <c r="C8797" t="s">
        <v>5460</v>
      </c>
      <c r="D8797" t="s">
        <v>5461</v>
      </c>
      <c r="E8797" t="s">
        <v>5426</v>
      </c>
      <c r="F8797" t="s">
        <v>5427</v>
      </c>
      <c r="G8797" t="s">
        <v>80</v>
      </c>
      <c r="H8797" t="s">
        <v>81</v>
      </c>
      <c r="I8797" s="2">
        <v>0</v>
      </c>
      <c r="J8797" s="2">
        <v>1</v>
      </c>
      <c r="K8797" s="2">
        <v>0</v>
      </c>
      <c r="L8797" t="s">
        <v>82</v>
      </c>
      <c r="M8797" t="s">
        <v>83</v>
      </c>
      <c r="N8797" t="s">
        <v>91</v>
      </c>
      <c r="O8797" t="s">
        <v>85</v>
      </c>
      <c r="P8797" t="s">
        <v>86</v>
      </c>
      <c r="Q8797">
        <v>18</v>
      </c>
      <c r="R8797">
        <v>18</v>
      </c>
      <c r="S8797">
        <v>19</v>
      </c>
      <c r="T8797">
        <v>19</v>
      </c>
      <c r="U8797">
        <v>20</v>
      </c>
      <c r="V8797">
        <v>20</v>
      </c>
      <c r="W8797">
        <v>21</v>
      </c>
      <c r="X8797">
        <v>21</v>
      </c>
      <c r="Y8797">
        <v>22</v>
      </c>
      <c r="Z8797">
        <v>22</v>
      </c>
      <c r="AA8797">
        <v>23</v>
      </c>
      <c r="AB8797">
        <v>23</v>
      </c>
      <c r="AC8797">
        <v>24</v>
      </c>
      <c r="AD8797">
        <v>24</v>
      </c>
      <c r="AE8797">
        <v>25</v>
      </c>
      <c r="AF8797">
        <v>25</v>
      </c>
      <c r="AG8797">
        <v>26</v>
      </c>
      <c r="AH8797">
        <v>26</v>
      </c>
      <c r="AI8797">
        <v>27</v>
      </c>
      <c r="AJ8797">
        <v>28</v>
      </c>
      <c r="AK8797">
        <v>28</v>
      </c>
      <c r="AL8797">
        <v>29</v>
      </c>
      <c r="AM8797">
        <v>29</v>
      </c>
      <c r="AN8797">
        <v>29</v>
      </c>
      <c r="AO8797">
        <v>29</v>
      </c>
      <c r="AP8797">
        <v>30</v>
      </c>
      <c r="AQ8797">
        <v>30</v>
      </c>
    </row>
    <row r="8798" spans="1:43">
      <c r="A8798" t="s">
        <v>5506</v>
      </c>
      <c r="B8798" t="s">
        <v>5507</v>
      </c>
      <c r="C8798" t="s">
        <v>5460</v>
      </c>
      <c r="D8798" t="s">
        <v>5461</v>
      </c>
      <c r="E8798" t="s">
        <v>5426</v>
      </c>
      <c r="F8798" t="s">
        <v>5427</v>
      </c>
      <c r="G8798" t="s">
        <v>80</v>
      </c>
      <c r="H8798" t="s">
        <v>81</v>
      </c>
      <c r="I8798" s="2">
        <v>0</v>
      </c>
      <c r="J8798" s="2">
        <v>1</v>
      </c>
      <c r="K8798" s="2">
        <v>0</v>
      </c>
      <c r="L8798" t="s">
        <v>82</v>
      </c>
      <c r="M8798" t="s">
        <v>83</v>
      </c>
      <c r="N8798" t="s">
        <v>84</v>
      </c>
      <c r="O8798" t="s">
        <v>85</v>
      </c>
      <c r="P8798" t="s">
        <v>86</v>
      </c>
      <c r="Q8798">
        <v>268</v>
      </c>
      <c r="R8798">
        <v>275</v>
      </c>
      <c r="S8798">
        <v>282</v>
      </c>
      <c r="T8798">
        <v>289</v>
      </c>
      <c r="U8798">
        <v>296</v>
      </c>
      <c r="V8798">
        <v>304</v>
      </c>
      <c r="W8798">
        <v>311</v>
      </c>
      <c r="X8798">
        <v>318</v>
      </c>
      <c r="Y8798">
        <v>326</v>
      </c>
      <c r="Z8798">
        <v>334</v>
      </c>
      <c r="AA8798">
        <v>342</v>
      </c>
      <c r="AB8798">
        <v>349</v>
      </c>
      <c r="AC8798">
        <v>357</v>
      </c>
      <c r="AD8798">
        <v>365</v>
      </c>
      <c r="AE8798">
        <v>374</v>
      </c>
      <c r="AF8798">
        <v>382</v>
      </c>
      <c r="AG8798">
        <v>390</v>
      </c>
      <c r="AH8798">
        <v>399</v>
      </c>
      <c r="AI8798">
        <v>407</v>
      </c>
      <c r="AJ8798">
        <v>416</v>
      </c>
      <c r="AK8798">
        <v>425</v>
      </c>
      <c r="AL8798">
        <v>431</v>
      </c>
      <c r="AM8798">
        <v>436</v>
      </c>
      <c r="AN8798">
        <v>440</v>
      </c>
      <c r="AO8798">
        <v>445</v>
      </c>
      <c r="AP8798">
        <v>450</v>
      </c>
      <c r="AQ8798">
        <v>454</v>
      </c>
    </row>
    <row r="8799" spans="1:43">
      <c r="A8799" t="s">
        <v>5506</v>
      </c>
      <c r="B8799" t="s">
        <v>5507</v>
      </c>
      <c r="C8799" t="s">
        <v>5460</v>
      </c>
      <c r="D8799" t="s">
        <v>5461</v>
      </c>
      <c r="E8799" t="s">
        <v>5426</v>
      </c>
      <c r="F8799" t="s">
        <v>5427</v>
      </c>
      <c r="G8799" t="s">
        <v>80</v>
      </c>
      <c r="H8799" t="s">
        <v>81</v>
      </c>
      <c r="I8799" s="2">
        <v>0</v>
      </c>
      <c r="J8799" s="2">
        <v>1</v>
      </c>
      <c r="K8799" s="2">
        <v>0</v>
      </c>
      <c r="L8799" t="s">
        <v>82</v>
      </c>
      <c r="M8799" t="s">
        <v>87</v>
      </c>
      <c r="N8799" t="s">
        <v>88</v>
      </c>
      <c r="O8799" t="s">
        <v>85</v>
      </c>
      <c r="P8799" t="s">
        <v>86</v>
      </c>
      <c r="Q8799">
        <v>268</v>
      </c>
      <c r="R8799">
        <v>272</v>
      </c>
      <c r="S8799">
        <v>276</v>
      </c>
      <c r="T8799">
        <v>281</v>
      </c>
      <c r="U8799">
        <v>285</v>
      </c>
      <c r="V8799">
        <v>290</v>
      </c>
      <c r="W8799">
        <v>294</v>
      </c>
      <c r="X8799">
        <v>299</v>
      </c>
      <c r="Y8799">
        <v>303</v>
      </c>
      <c r="Z8799">
        <v>308</v>
      </c>
      <c r="AA8799">
        <v>313</v>
      </c>
      <c r="AB8799">
        <v>318</v>
      </c>
      <c r="AC8799">
        <v>322</v>
      </c>
      <c r="AD8799">
        <v>327</v>
      </c>
      <c r="AE8799">
        <v>332</v>
      </c>
      <c r="AF8799">
        <v>337</v>
      </c>
      <c r="AG8799">
        <v>342</v>
      </c>
      <c r="AH8799">
        <v>347</v>
      </c>
      <c r="AI8799">
        <v>353</v>
      </c>
      <c r="AJ8799">
        <v>358</v>
      </c>
      <c r="AK8799">
        <v>363</v>
      </c>
      <c r="AL8799">
        <v>368</v>
      </c>
      <c r="AM8799">
        <v>374</v>
      </c>
      <c r="AN8799">
        <v>379</v>
      </c>
      <c r="AO8799">
        <v>384</v>
      </c>
      <c r="AP8799">
        <v>390</v>
      </c>
      <c r="AQ8799">
        <v>395</v>
      </c>
    </row>
    <row r="8800" spans="1:43">
      <c r="A8800" t="s">
        <v>5506</v>
      </c>
      <c r="B8800" t="s">
        <v>5507</v>
      </c>
      <c r="C8800" t="s">
        <v>5460</v>
      </c>
      <c r="D8800" t="s">
        <v>5461</v>
      </c>
      <c r="E8800" t="s">
        <v>5426</v>
      </c>
      <c r="F8800" t="s">
        <v>5427</v>
      </c>
      <c r="G8800" t="s">
        <v>80</v>
      </c>
      <c r="H8800" t="s">
        <v>81</v>
      </c>
      <c r="I8800" s="2">
        <v>0</v>
      </c>
      <c r="J8800" s="2">
        <v>1</v>
      </c>
      <c r="K8800" s="2">
        <v>0</v>
      </c>
      <c r="L8800" t="s">
        <v>82</v>
      </c>
      <c r="M8800" t="s">
        <v>89</v>
      </c>
      <c r="N8800" t="s">
        <v>90</v>
      </c>
      <c r="O8800" t="s">
        <v>85</v>
      </c>
      <c r="P8800" t="s">
        <v>86</v>
      </c>
      <c r="Q8800">
        <v>268</v>
      </c>
      <c r="R8800">
        <v>277</v>
      </c>
      <c r="S8800">
        <v>286</v>
      </c>
      <c r="T8800">
        <v>296</v>
      </c>
      <c r="U8800">
        <v>305</v>
      </c>
      <c r="V8800">
        <v>314</v>
      </c>
      <c r="W8800">
        <v>324</v>
      </c>
      <c r="X8800">
        <v>333</v>
      </c>
      <c r="Y8800">
        <v>343</v>
      </c>
      <c r="Z8800">
        <v>352</v>
      </c>
      <c r="AA8800">
        <v>361</v>
      </c>
      <c r="AB8800">
        <v>371</v>
      </c>
      <c r="AC8800">
        <v>381</v>
      </c>
      <c r="AD8800">
        <v>391</v>
      </c>
      <c r="AE8800">
        <v>399</v>
      </c>
      <c r="AF8800">
        <v>403</v>
      </c>
      <c r="AG8800">
        <v>408</v>
      </c>
      <c r="AH8800">
        <v>412</v>
      </c>
      <c r="AI8800">
        <v>417</v>
      </c>
      <c r="AJ8800">
        <v>421</v>
      </c>
      <c r="AK8800">
        <v>426</v>
      </c>
      <c r="AL8800">
        <v>430</v>
      </c>
      <c r="AM8800">
        <v>435</v>
      </c>
      <c r="AN8800">
        <v>440</v>
      </c>
      <c r="AO8800">
        <v>444</v>
      </c>
      <c r="AP8800">
        <v>449</v>
      </c>
      <c r="AQ8800">
        <v>453</v>
      </c>
    </row>
    <row r="8801" spans="1:43">
      <c r="A8801" t="s">
        <v>5506</v>
      </c>
      <c r="B8801" t="s">
        <v>5507</v>
      </c>
      <c r="C8801" t="s">
        <v>5460</v>
      </c>
      <c r="D8801" t="s">
        <v>5461</v>
      </c>
      <c r="E8801" t="s">
        <v>5426</v>
      </c>
      <c r="F8801" t="s">
        <v>5427</v>
      </c>
      <c r="G8801" t="s">
        <v>80</v>
      </c>
      <c r="H8801" t="s">
        <v>81</v>
      </c>
      <c r="I8801" s="2">
        <v>0</v>
      </c>
      <c r="J8801" s="2">
        <v>1</v>
      </c>
      <c r="K8801" s="2">
        <v>0</v>
      </c>
      <c r="L8801" t="s">
        <v>82</v>
      </c>
      <c r="M8801" t="s">
        <v>83</v>
      </c>
      <c r="N8801" t="s">
        <v>91</v>
      </c>
      <c r="O8801" t="s">
        <v>85</v>
      </c>
      <c r="P8801" t="s">
        <v>86</v>
      </c>
      <c r="Q8801">
        <v>268</v>
      </c>
      <c r="R8801">
        <v>275</v>
      </c>
      <c r="S8801">
        <v>282</v>
      </c>
      <c r="T8801">
        <v>289</v>
      </c>
      <c r="U8801">
        <v>296</v>
      </c>
      <c r="V8801">
        <v>304</v>
      </c>
      <c r="W8801">
        <v>311</v>
      </c>
      <c r="X8801">
        <v>318</v>
      </c>
      <c r="Y8801">
        <v>326</v>
      </c>
      <c r="Z8801">
        <v>334</v>
      </c>
      <c r="AA8801">
        <v>342</v>
      </c>
      <c r="AB8801">
        <v>349</v>
      </c>
      <c r="AC8801">
        <v>357</v>
      </c>
      <c r="AD8801">
        <v>365</v>
      </c>
      <c r="AE8801">
        <v>374</v>
      </c>
      <c r="AF8801">
        <v>382</v>
      </c>
      <c r="AG8801">
        <v>390</v>
      </c>
      <c r="AH8801">
        <v>399</v>
      </c>
      <c r="AI8801">
        <v>407</v>
      </c>
      <c r="AJ8801">
        <v>416</v>
      </c>
      <c r="AK8801">
        <v>425</v>
      </c>
      <c r="AL8801">
        <v>431</v>
      </c>
      <c r="AM8801">
        <v>436</v>
      </c>
      <c r="AN8801">
        <v>440</v>
      </c>
      <c r="AO8801">
        <v>445</v>
      </c>
      <c r="AP8801">
        <v>450</v>
      </c>
      <c r="AQ8801">
        <v>454</v>
      </c>
    </row>
    <row r="8802" spans="1:43">
      <c r="A8802" t="s">
        <v>5508</v>
      </c>
      <c r="B8802" t="s">
        <v>5509</v>
      </c>
      <c r="C8802" t="s">
        <v>5430</v>
      </c>
      <c r="D8802" t="s">
        <v>5431</v>
      </c>
      <c r="E8802" t="s">
        <v>5426</v>
      </c>
      <c r="F8802" t="s">
        <v>5427</v>
      </c>
      <c r="G8802" t="s">
        <v>80</v>
      </c>
      <c r="H8802" t="s">
        <v>81</v>
      </c>
      <c r="I8802" s="2">
        <v>0</v>
      </c>
      <c r="J8802" s="2">
        <v>1</v>
      </c>
      <c r="K8802" s="2">
        <v>0</v>
      </c>
      <c r="L8802" t="s">
        <v>82</v>
      </c>
      <c r="M8802" t="s">
        <v>83</v>
      </c>
      <c r="N8802" t="s">
        <v>84</v>
      </c>
      <c r="O8802" t="s">
        <v>85</v>
      </c>
      <c r="P8802" t="s">
        <v>86</v>
      </c>
      <c r="Q8802">
        <v>71</v>
      </c>
      <c r="R8802">
        <v>73</v>
      </c>
      <c r="S8802">
        <v>75</v>
      </c>
      <c r="T8802">
        <v>77</v>
      </c>
      <c r="U8802">
        <v>79</v>
      </c>
      <c r="V8802">
        <v>80</v>
      </c>
      <c r="W8802">
        <v>82</v>
      </c>
      <c r="X8802">
        <v>84</v>
      </c>
      <c r="Y8802">
        <v>86</v>
      </c>
      <c r="Z8802">
        <v>88</v>
      </c>
      <c r="AA8802">
        <v>90</v>
      </c>
      <c r="AB8802">
        <v>92</v>
      </c>
      <c r="AC8802">
        <v>95</v>
      </c>
      <c r="AD8802">
        <v>97</v>
      </c>
      <c r="AE8802">
        <v>99</v>
      </c>
      <c r="AF8802">
        <v>101</v>
      </c>
      <c r="AG8802">
        <v>103</v>
      </c>
      <c r="AH8802">
        <v>105</v>
      </c>
      <c r="AI8802">
        <v>108</v>
      </c>
      <c r="AJ8802">
        <v>110</v>
      </c>
      <c r="AK8802">
        <v>112</v>
      </c>
      <c r="AL8802">
        <v>114</v>
      </c>
      <c r="AM8802">
        <v>115</v>
      </c>
      <c r="AN8802">
        <v>116</v>
      </c>
      <c r="AO8802">
        <v>117</v>
      </c>
      <c r="AP8802">
        <v>119</v>
      </c>
      <c r="AQ8802">
        <v>120</v>
      </c>
    </row>
    <row r="8803" spans="1:43">
      <c r="A8803" t="s">
        <v>5508</v>
      </c>
      <c r="B8803" t="s">
        <v>5509</v>
      </c>
      <c r="C8803" t="s">
        <v>5430</v>
      </c>
      <c r="D8803" t="s">
        <v>5431</v>
      </c>
      <c r="E8803" t="s">
        <v>5426</v>
      </c>
      <c r="F8803" t="s">
        <v>5427</v>
      </c>
      <c r="G8803" t="s">
        <v>80</v>
      </c>
      <c r="H8803" t="s">
        <v>81</v>
      </c>
      <c r="I8803" s="2">
        <v>0</v>
      </c>
      <c r="J8803" s="2">
        <v>1</v>
      </c>
      <c r="K8803" s="2">
        <v>0</v>
      </c>
      <c r="L8803" t="s">
        <v>82</v>
      </c>
      <c r="M8803" t="s">
        <v>87</v>
      </c>
      <c r="N8803" t="s">
        <v>88</v>
      </c>
      <c r="O8803" t="s">
        <v>85</v>
      </c>
      <c r="P8803" t="s">
        <v>86</v>
      </c>
      <c r="Q8803">
        <v>71</v>
      </c>
      <c r="R8803">
        <v>72</v>
      </c>
      <c r="S8803">
        <v>73</v>
      </c>
      <c r="T8803">
        <v>74</v>
      </c>
      <c r="U8803">
        <v>75</v>
      </c>
      <c r="V8803">
        <v>76</v>
      </c>
      <c r="W8803">
        <v>77</v>
      </c>
      <c r="X8803">
        <v>79</v>
      </c>
      <c r="Y8803">
        <v>80</v>
      </c>
      <c r="Z8803">
        <v>81</v>
      </c>
      <c r="AA8803">
        <v>82</v>
      </c>
      <c r="AB8803">
        <v>84</v>
      </c>
      <c r="AC8803">
        <v>85</v>
      </c>
      <c r="AD8803">
        <v>86</v>
      </c>
      <c r="AE8803">
        <v>87</v>
      </c>
      <c r="AF8803">
        <v>89</v>
      </c>
      <c r="AG8803">
        <v>90</v>
      </c>
      <c r="AH8803">
        <v>91</v>
      </c>
      <c r="AI8803">
        <v>93</v>
      </c>
      <c r="AJ8803">
        <v>94</v>
      </c>
      <c r="AK8803">
        <v>95</v>
      </c>
      <c r="AL8803">
        <v>97</v>
      </c>
      <c r="AM8803">
        <v>98</v>
      </c>
      <c r="AN8803">
        <v>99</v>
      </c>
      <c r="AO8803">
        <v>101</v>
      </c>
      <c r="AP8803">
        <v>102</v>
      </c>
      <c r="AQ8803">
        <v>104</v>
      </c>
    </row>
    <row r="8804" spans="1:43">
      <c r="A8804" t="s">
        <v>5508</v>
      </c>
      <c r="B8804" t="s">
        <v>5509</v>
      </c>
      <c r="C8804" t="s">
        <v>5430</v>
      </c>
      <c r="D8804" t="s">
        <v>5431</v>
      </c>
      <c r="E8804" t="s">
        <v>5426</v>
      </c>
      <c r="F8804" t="s">
        <v>5427</v>
      </c>
      <c r="G8804" t="s">
        <v>80</v>
      </c>
      <c r="H8804" t="s">
        <v>81</v>
      </c>
      <c r="I8804" s="2">
        <v>0</v>
      </c>
      <c r="J8804" s="2">
        <v>1</v>
      </c>
      <c r="K8804" s="2">
        <v>0</v>
      </c>
      <c r="L8804" t="s">
        <v>82</v>
      </c>
      <c r="M8804" t="s">
        <v>89</v>
      </c>
      <c r="N8804" t="s">
        <v>90</v>
      </c>
      <c r="O8804" t="s">
        <v>85</v>
      </c>
      <c r="P8804" t="s">
        <v>86</v>
      </c>
      <c r="Q8804">
        <v>71</v>
      </c>
      <c r="R8804">
        <v>73</v>
      </c>
      <c r="S8804">
        <v>76</v>
      </c>
      <c r="T8804">
        <v>78</v>
      </c>
      <c r="U8804">
        <v>81</v>
      </c>
      <c r="V8804">
        <v>83</v>
      </c>
      <c r="W8804">
        <v>86</v>
      </c>
      <c r="X8804">
        <v>88</v>
      </c>
      <c r="Y8804">
        <v>91</v>
      </c>
      <c r="Z8804">
        <v>93</v>
      </c>
      <c r="AA8804">
        <v>95</v>
      </c>
      <c r="AB8804">
        <v>98</v>
      </c>
      <c r="AC8804">
        <v>101</v>
      </c>
      <c r="AD8804">
        <v>103</v>
      </c>
      <c r="AE8804">
        <v>105</v>
      </c>
      <c r="AF8804">
        <v>106</v>
      </c>
      <c r="AG8804">
        <v>108</v>
      </c>
      <c r="AH8804">
        <v>109</v>
      </c>
      <c r="AI8804">
        <v>110</v>
      </c>
      <c r="AJ8804">
        <v>111</v>
      </c>
      <c r="AK8804">
        <v>112</v>
      </c>
      <c r="AL8804">
        <v>114</v>
      </c>
      <c r="AM8804">
        <v>115</v>
      </c>
      <c r="AN8804">
        <v>116</v>
      </c>
      <c r="AO8804">
        <v>117</v>
      </c>
      <c r="AP8804">
        <v>119</v>
      </c>
      <c r="AQ8804">
        <v>120</v>
      </c>
    </row>
    <row r="8805" spans="1:43">
      <c r="A8805" t="s">
        <v>5508</v>
      </c>
      <c r="B8805" t="s">
        <v>5509</v>
      </c>
      <c r="C8805" t="s">
        <v>5430</v>
      </c>
      <c r="D8805" t="s">
        <v>5431</v>
      </c>
      <c r="E8805" t="s">
        <v>5426</v>
      </c>
      <c r="F8805" t="s">
        <v>5427</v>
      </c>
      <c r="G8805" t="s">
        <v>80</v>
      </c>
      <c r="H8805" t="s">
        <v>81</v>
      </c>
      <c r="I8805" s="2">
        <v>0</v>
      </c>
      <c r="J8805" s="2">
        <v>1</v>
      </c>
      <c r="K8805" s="2">
        <v>0</v>
      </c>
      <c r="L8805" t="s">
        <v>82</v>
      </c>
      <c r="M8805" t="s">
        <v>83</v>
      </c>
      <c r="N8805" t="s">
        <v>91</v>
      </c>
      <c r="O8805" t="s">
        <v>85</v>
      </c>
      <c r="P8805" t="s">
        <v>86</v>
      </c>
      <c r="Q8805">
        <v>71</v>
      </c>
      <c r="R8805">
        <v>73</v>
      </c>
      <c r="S8805">
        <v>75</v>
      </c>
      <c r="T8805">
        <v>77</v>
      </c>
      <c r="U8805">
        <v>79</v>
      </c>
      <c r="V8805">
        <v>80</v>
      </c>
      <c r="W8805">
        <v>82</v>
      </c>
      <c r="X8805">
        <v>84</v>
      </c>
      <c r="Y8805">
        <v>86</v>
      </c>
      <c r="Z8805">
        <v>88</v>
      </c>
      <c r="AA8805">
        <v>90</v>
      </c>
      <c r="AB8805">
        <v>92</v>
      </c>
      <c r="AC8805">
        <v>95</v>
      </c>
      <c r="AD8805">
        <v>97</v>
      </c>
      <c r="AE8805">
        <v>99</v>
      </c>
      <c r="AF8805">
        <v>101</v>
      </c>
      <c r="AG8805">
        <v>103</v>
      </c>
      <c r="AH8805">
        <v>105</v>
      </c>
      <c r="AI8805">
        <v>108</v>
      </c>
      <c r="AJ8805">
        <v>110</v>
      </c>
      <c r="AK8805">
        <v>112</v>
      </c>
      <c r="AL8805">
        <v>114</v>
      </c>
      <c r="AM8805">
        <v>115</v>
      </c>
      <c r="AN8805">
        <v>116</v>
      </c>
      <c r="AO8805">
        <v>117</v>
      </c>
      <c r="AP8805">
        <v>119</v>
      </c>
      <c r="AQ8805">
        <v>120</v>
      </c>
    </row>
    <row r="8806" spans="1:43">
      <c r="A8806" t="s">
        <v>5510</v>
      </c>
      <c r="B8806" t="s">
        <v>5511</v>
      </c>
      <c r="C8806" t="s">
        <v>5430</v>
      </c>
      <c r="D8806" t="s">
        <v>5431</v>
      </c>
      <c r="E8806" t="s">
        <v>5426</v>
      </c>
      <c r="F8806" t="s">
        <v>5427</v>
      </c>
      <c r="G8806" t="s">
        <v>80</v>
      </c>
      <c r="H8806" t="s">
        <v>81</v>
      </c>
      <c r="I8806" s="2">
        <v>0</v>
      </c>
      <c r="J8806" s="2">
        <v>1</v>
      </c>
      <c r="K8806" s="2">
        <v>0</v>
      </c>
      <c r="L8806" t="s">
        <v>82</v>
      </c>
      <c r="M8806" t="s">
        <v>83</v>
      </c>
      <c r="N8806" t="s">
        <v>84</v>
      </c>
      <c r="O8806" t="s">
        <v>85</v>
      </c>
      <c r="P8806" t="s">
        <v>86</v>
      </c>
      <c r="Q8806">
        <v>59</v>
      </c>
      <c r="R8806">
        <v>61</v>
      </c>
      <c r="S8806">
        <v>62</v>
      </c>
      <c r="T8806">
        <v>64</v>
      </c>
      <c r="U8806">
        <v>65</v>
      </c>
      <c r="V8806">
        <v>67</v>
      </c>
      <c r="W8806">
        <v>68</v>
      </c>
      <c r="X8806">
        <v>70</v>
      </c>
      <c r="Y8806">
        <v>72</v>
      </c>
      <c r="Z8806">
        <v>73</v>
      </c>
      <c r="AA8806">
        <v>75</v>
      </c>
      <c r="AB8806">
        <v>77</v>
      </c>
      <c r="AC8806">
        <v>79</v>
      </c>
      <c r="AD8806">
        <v>80</v>
      </c>
      <c r="AE8806">
        <v>82</v>
      </c>
      <c r="AF8806">
        <v>84</v>
      </c>
      <c r="AG8806">
        <v>86</v>
      </c>
      <c r="AH8806">
        <v>88</v>
      </c>
      <c r="AI8806">
        <v>90</v>
      </c>
      <c r="AJ8806">
        <v>92</v>
      </c>
      <c r="AK8806">
        <v>93</v>
      </c>
      <c r="AL8806">
        <v>95</v>
      </c>
      <c r="AM8806">
        <v>96</v>
      </c>
      <c r="AN8806">
        <v>97</v>
      </c>
      <c r="AO8806">
        <v>98</v>
      </c>
      <c r="AP8806">
        <v>99</v>
      </c>
      <c r="AQ8806">
        <v>100</v>
      </c>
    </row>
    <row r="8807" spans="1:43">
      <c r="A8807" t="s">
        <v>5510</v>
      </c>
      <c r="B8807" t="s">
        <v>5511</v>
      </c>
      <c r="C8807" t="s">
        <v>5430</v>
      </c>
      <c r="D8807" t="s">
        <v>5431</v>
      </c>
      <c r="E8807" t="s">
        <v>5426</v>
      </c>
      <c r="F8807" t="s">
        <v>5427</v>
      </c>
      <c r="G8807" t="s">
        <v>80</v>
      </c>
      <c r="H8807" t="s">
        <v>81</v>
      </c>
      <c r="I8807" s="2">
        <v>0</v>
      </c>
      <c r="J8807" s="2">
        <v>1</v>
      </c>
      <c r="K8807" s="2">
        <v>0</v>
      </c>
      <c r="L8807" t="s">
        <v>82</v>
      </c>
      <c r="M8807" t="s">
        <v>87</v>
      </c>
      <c r="N8807" t="s">
        <v>88</v>
      </c>
      <c r="O8807" t="s">
        <v>85</v>
      </c>
      <c r="P8807" t="s">
        <v>86</v>
      </c>
      <c r="Q8807">
        <v>59</v>
      </c>
      <c r="R8807">
        <v>60</v>
      </c>
      <c r="S8807">
        <v>60</v>
      </c>
      <c r="T8807">
        <v>61</v>
      </c>
      <c r="U8807">
        <v>62</v>
      </c>
      <c r="V8807">
        <v>63</v>
      </c>
      <c r="W8807">
        <v>64</v>
      </c>
      <c r="X8807">
        <v>65</v>
      </c>
      <c r="Y8807">
        <v>66</v>
      </c>
      <c r="Z8807">
        <v>67</v>
      </c>
      <c r="AA8807">
        <v>68</v>
      </c>
      <c r="AB8807">
        <v>69</v>
      </c>
      <c r="AC8807">
        <v>71</v>
      </c>
      <c r="AD8807">
        <v>72</v>
      </c>
      <c r="AE8807">
        <v>73</v>
      </c>
      <c r="AF8807">
        <v>74</v>
      </c>
      <c r="AG8807">
        <v>75</v>
      </c>
      <c r="AH8807">
        <v>76</v>
      </c>
      <c r="AI8807">
        <v>77</v>
      </c>
      <c r="AJ8807">
        <v>78</v>
      </c>
      <c r="AK8807">
        <v>79</v>
      </c>
      <c r="AL8807">
        <v>81</v>
      </c>
      <c r="AM8807">
        <v>82</v>
      </c>
      <c r="AN8807">
        <v>83</v>
      </c>
      <c r="AO8807">
        <v>84</v>
      </c>
      <c r="AP8807">
        <v>85</v>
      </c>
      <c r="AQ8807">
        <v>86</v>
      </c>
    </row>
    <row r="8808" spans="1:43">
      <c r="A8808" t="s">
        <v>5510</v>
      </c>
      <c r="B8808" t="s">
        <v>5511</v>
      </c>
      <c r="C8808" t="s">
        <v>5430</v>
      </c>
      <c r="D8808" t="s">
        <v>5431</v>
      </c>
      <c r="E8808" t="s">
        <v>5426</v>
      </c>
      <c r="F8808" t="s">
        <v>5427</v>
      </c>
      <c r="G8808" t="s">
        <v>80</v>
      </c>
      <c r="H8808" t="s">
        <v>81</v>
      </c>
      <c r="I8808" s="2">
        <v>0</v>
      </c>
      <c r="J8808" s="2">
        <v>1</v>
      </c>
      <c r="K8808" s="2">
        <v>0</v>
      </c>
      <c r="L8808" t="s">
        <v>82</v>
      </c>
      <c r="M8808" t="s">
        <v>89</v>
      </c>
      <c r="N8808" t="s">
        <v>90</v>
      </c>
      <c r="O8808" t="s">
        <v>85</v>
      </c>
      <c r="P8808" t="s">
        <v>86</v>
      </c>
      <c r="Q8808">
        <v>59</v>
      </c>
      <c r="R8808">
        <v>61</v>
      </c>
      <c r="S8808">
        <v>63</v>
      </c>
      <c r="T8808">
        <v>65</v>
      </c>
      <c r="U8808">
        <v>67</v>
      </c>
      <c r="V8808">
        <v>69</v>
      </c>
      <c r="W8808">
        <v>71</v>
      </c>
      <c r="X8808">
        <v>73</v>
      </c>
      <c r="Y8808">
        <v>75</v>
      </c>
      <c r="Z8808">
        <v>77</v>
      </c>
      <c r="AA8808">
        <v>79</v>
      </c>
      <c r="AB8808">
        <v>81</v>
      </c>
      <c r="AC8808">
        <v>83</v>
      </c>
      <c r="AD8808">
        <v>86</v>
      </c>
      <c r="AE8808">
        <v>87</v>
      </c>
      <c r="AF8808">
        <v>88</v>
      </c>
      <c r="AG8808">
        <v>89</v>
      </c>
      <c r="AH8808">
        <v>90</v>
      </c>
      <c r="AI8808">
        <v>91</v>
      </c>
      <c r="AJ8808">
        <v>92</v>
      </c>
      <c r="AK8808">
        <v>93</v>
      </c>
      <c r="AL8808">
        <v>94</v>
      </c>
      <c r="AM8808">
        <v>95</v>
      </c>
      <c r="AN8808">
        <v>96</v>
      </c>
      <c r="AO8808">
        <v>97</v>
      </c>
      <c r="AP8808">
        <v>98</v>
      </c>
      <c r="AQ8808">
        <v>99</v>
      </c>
    </row>
    <row r="8809" spans="1:43">
      <c r="A8809" t="s">
        <v>5510</v>
      </c>
      <c r="B8809" t="s">
        <v>5511</v>
      </c>
      <c r="C8809" t="s">
        <v>5430</v>
      </c>
      <c r="D8809" t="s">
        <v>5431</v>
      </c>
      <c r="E8809" t="s">
        <v>5426</v>
      </c>
      <c r="F8809" t="s">
        <v>5427</v>
      </c>
      <c r="G8809" t="s">
        <v>80</v>
      </c>
      <c r="H8809" t="s">
        <v>81</v>
      </c>
      <c r="I8809" s="2">
        <v>0</v>
      </c>
      <c r="J8809" s="2">
        <v>1</v>
      </c>
      <c r="K8809" s="2">
        <v>0</v>
      </c>
      <c r="L8809" t="s">
        <v>82</v>
      </c>
      <c r="M8809" t="s">
        <v>83</v>
      </c>
      <c r="N8809" t="s">
        <v>91</v>
      </c>
      <c r="O8809" t="s">
        <v>85</v>
      </c>
      <c r="P8809" t="s">
        <v>86</v>
      </c>
      <c r="Q8809">
        <v>59</v>
      </c>
      <c r="R8809">
        <v>61</v>
      </c>
      <c r="S8809">
        <v>62</v>
      </c>
      <c r="T8809">
        <v>64</v>
      </c>
      <c r="U8809">
        <v>65</v>
      </c>
      <c r="V8809">
        <v>67</v>
      </c>
      <c r="W8809">
        <v>68</v>
      </c>
      <c r="X8809">
        <v>70</v>
      </c>
      <c r="Y8809">
        <v>72</v>
      </c>
      <c r="Z8809">
        <v>73</v>
      </c>
      <c r="AA8809">
        <v>75</v>
      </c>
      <c r="AB8809">
        <v>77</v>
      </c>
      <c r="AC8809">
        <v>79</v>
      </c>
      <c r="AD8809">
        <v>80</v>
      </c>
      <c r="AE8809">
        <v>82</v>
      </c>
      <c r="AF8809">
        <v>84</v>
      </c>
      <c r="AG8809">
        <v>86</v>
      </c>
      <c r="AH8809">
        <v>88</v>
      </c>
      <c r="AI8809">
        <v>90</v>
      </c>
      <c r="AJ8809">
        <v>92</v>
      </c>
      <c r="AK8809">
        <v>93</v>
      </c>
      <c r="AL8809">
        <v>95</v>
      </c>
      <c r="AM8809">
        <v>96</v>
      </c>
      <c r="AN8809">
        <v>97</v>
      </c>
      <c r="AO8809">
        <v>98</v>
      </c>
      <c r="AP8809">
        <v>99</v>
      </c>
      <c r="AQ8809">
        <v>100</v>
      </c>
    </row>
    <row r="8810" spans="1:43">
      <c r="A8810" t="s">
        <v>5512</v>
      </c>
      <c r="B8810" t="s">
        <v>5513</v>
      </c>
      <c r="C8810" t="s">
        <v>5430</v>
      </c>
      <c r="D8810" t="s">
        <v>5431</v>
      </c>
      <c r="E8810" t="s">
        <v>5426</v>
      </c>
      <c r="F8810" t="s">
        <v>5427</v>
      </c>
      <c r="G8810" t="s">
        <v>80</v>
      </c>
      <c r="H8810" t="s">
        <v>81</v>
      </c>
      <c r="I8810" s="2">
        <v>0</v>
      </c>
      <c r="J8810" s="2">
        <v>1</v>
      </c>
      <c r="K8810" s="2">
        <v>0</v>
      </c>
      <c r="L8810" t="s">
        <v>82</v>
      </c>
      <c r="M8810" t="s">
        <v>83</v>
      </c>
      <c r="N8810" t="s">
        <v>84</v>
      </c>
      <c r="O8810" t="s">
        <v>85</v>
      </c>
      <c r="P8810" t="s">
        <v>86</v>
      </c>
      <c r="Q8810">
        <v>62</v>
      </c>
      <c r="R8810">
        <v>64</v>
      </c>
      <c r="S8810">
        <v>65</v>
      </c>
      <c r="T8810">
        <v>67</v>
      </c>
      <c r="U8810">
        <v>68</v>
      </c>
      <c r="V8810">
        <v>70</v>
      </c>
      <c r="W8810">
        <v>72</v>
      </c>
      <c r="X8810">
        <v>74</v>
      </c>
      <c r="Y8810">
        <v>75</v>
      </c>
      <c r="Z8810">
        <v>77</v>
      </c>
      <c r="AA8810">
        <v>79</v>
      </c>
      <c r="AB8810">
        <v>81</v>
      </c>
      <c r="AC8810">
        <v>82</v>
      </c>
      <c r="AD8810">
        <v>84</v>
      </c>
      <c r="AE8810">
        <v>86</v>
      </c>
      <c r="AF8810">
        <v>88</v>
      </c>
      <c r="AG8810">
        <v>90</v>
      </c>
      <c r="AH8810">
        <v>92</v>
      </c>
      <c r="AI8810">
        <v>94</v>
      </c>
      <c r="AJ8810">
        <v>96</v>
      </c>
      <c r="AK8810">
        <v>98</v>
      </c>
      <c r="AL8810">
        <v>99</v>
      </c>
      <c r="AM8810">
        <v>100</v>
      </c>
      <c r="AN8810">
        <v>101</v>
      </c>
      <c r="AO8810">
        <v>102</v>
      </c>
      <c r="AP8810">
        <v>103</v>
      </c>
      <c r="AQ8810">
        <v>104</v>
      </c>
    </row>
    <row r="8811" spans="1:43">
      <c r="A8811" t="s">
        <v>5512</v>
      </c>
      <c r="B8811" t="s">
        <v>5513</v>
      </c>
      <c r="C8811" t="s">
        <v>5430</v>
      </c>
      <c r="D8811" t="s">
        <v>5431</v>
      </c>
      <c r="E8811" t="s">
        <v>5426</v>
      </c>
      <c r="F8811" t="s">
        <v>5427</v>
      </c>
      <c r="G8811" t="s">
        <v>80</v>
      </c>
      <c r="H8811" t="s">
        <v>81</v>
      </c>
      <c r="I8811" s="2">
        <v>0</v>
      </c>
      <c r="J8811" s="2">
        <v>1</v>
      </c>
      <c r="K8811" s="2">
        <v>0</v>
      </c>
      <c r="L8811" t="s">
        <v>82</v>
      </c>
      <c r="M8811" t="s">
        <v>87</v>
      </c>
      <c r="N8811" t="s">
        <v>88</v>
      </c>
      <c r="O8811" t="s">
        <v>85</v>
      </c>
      <c r="P8811" t="s">
        <v>86</v>
      </c>
      <c r="Q8811">
        <v>62</v>
      </c>
      <c r="R8811">
        <v>62</v>
      </c>
      <c r="S8811">
        <v>63</v>
      </c>
      <c r="T8811">
        <v>64</v>
      </c>
      <c r="U8811">
        <v>65</v>
      </c>
      <c r="V8811">
        <v>66</v>
      </c>
      <c r="W8811">
        <v>67</v>
      </c>
      <c r="X8811">
        <v>69</v>
      </c>
      <c r="Y8811">
        <v>70</v>
      </c>
      <c r="Z8811">
        <v>71</v>
      </c>
      <c r="AA8811">
        <v>72</v>
      </c>
      <c r="AB8811">
        <v>73</v>
      </c>
      <c r="AC8811">
        <v>74</v>
      </c>
      <c r="AD8811">
        <v>75</v>
      </c>
      <c r="AE8811">
        <v>76</v>
      </c>
      <c r="AF8811">
        <v>77</v>
      </c>
      <c r="AG8811">
        <v>78</v>
      </c>
      <c r="AH8811">
        <v>79</v>
      </c>
      <c r="AI8811">
        <v>81</v>
      </c>
      <c r="AJ8811">
        <v>82</v>
      </c>
      <c r="AK8811">
        <v>83</v>
      </c>
      <c r="AL8811">
        <v>84</v>
      </c>
      <c r="AM8811">
        <v>85</v>
      </c>
      <c r="AN8811">
        <v>87</v>
      </c>
      <c r="AO8811">
        <v>88</v>
      </c>
      <c r="AP8811">
        <v>89</v>
      </c>
      <c r="AQ8811">
        <v>90</v>
      </c>
    </row>
    <row r="8812" spans="1:43">
      <c r="A8812" t="s">
        <v>5512</v>
      </c>
      <c r="B8812" t="s">
        <v>5513</v>
      </c>
      <c r="C8812" t="s">
        <v>5430</v>
      </c>
      <c r="D8812" t="s">
        <v>5431</v>
      </c>
      <c r="E8812" t="s">
        <v>5426</v>
      </c>
      <c r="F8812" t="s">
        <v>5427</v>
      </c>
      <c r="G8812" t="s">
        <v>80</v>
      </c>
      <c r="H8812" t="s">
        <v>81</v>
      </c>
      <c r="I8812" s="2">
        <v>0</v>
      </c>
      <c r="J8812" s="2">
        <v>1</v>
      </c>
      <c r="K8812" s="2">
        <v>0</v>
      </c>
      <c r="L8812" t="s">
        <v>82</v>
      </c>
      <c r="M8812" t="s">
        <v>89</v>
      </c>
      <c r="N8812" t="s">
        <v>90</v>
      </c>
      <c r="O8812" t="s">
        <v>85</v>
      </c>
      <c r="P8812" t="s">
        <v>86</v>
      </c>
      <c r="Q8812">
        <v>62</v>
      </c>
      <c r="R8812">
        <v>64</v>
      </c>
      <c r="S8812">
        <v>66</v>
      </c>
      <c r="T8812">
        <v>68</v>
      </c>
      <c r="U8812">
        <v>70</v>
      </c>
      <c r="V8812">
        <v>72</v>
      </c>
      <c r="W8812">
        <v>75</v>
      </c>
      <c r="X8812">
        <v>77</v>
      </c>
      <c r="Y8812">
        <v>79</v>
      </c>
      <c r="Z8812">
        <v>81</v>
      </c>
      <c r="AA8812">
        <v>83</v>
      </c>
      <c r="AB8812">
        <v>85</v>
      </c>
      <c r="AC8812">
        <v>87</v>
      </c>
      <c r="AD8812">
        <v>90</v>
      </c>
      <c r="AE8812">
        <v>91</v>
      </c>
      <c r="AF8812">
        <v>92</v>
      </c>
      <c r="AG8812">
        <v>93</v>
      </c>
      <c r="AH8812">
        <v>95</v>
      </c>
      <c r="AI8812">
        <v>96</v>
      </c>
      <c r="AJ8812">
        <v>97</v>
      </c>
      <c r="AK8812">
        <v>98</v>
      </c>
      <c r="AL8812">
        <v>99</v>
      </c>
      <c r="AM8812">
        <v>100</v>
      </c>
      <c r="AN8812">
        <v>101</v>
      </c>
      <c r="AO8812">
        <v>102</v>
      </c>
      <c r="AP8812">
        <v>103</v>
      </c>
      <c r="AQ8812">
        <v>104</v>
      </c>
    </row>
    <row r="8813" spans="1:43">
      <c r="A8813" t="s">
        <v>5512</v>
      </c>
      <c r="B8813" t="s">
        <v>5513</v>
      </c>
      <c r="C8813" t="s">
        <v>5430</v>
      </c>
      <c r="D8813" t="s">
        <v>5431</v>
      </c>
      <c r="E8813" t="s">
        <v>5426</v>
      </c>
      <c r="F8813" t="s">
        <v>5427</v>
      </c>
      <c r="G8813" t="s">
        <v>80</v>
      </c>
      <c r="H8813" t="s">
        <v>81</v>
      </c>
      <c r="I8813" s="2">
        <v>0</v>
      </c>
      <c r="J8813" s="2">
        <v>1</v>
      </c>
      <c r="K8813" s="2">
        <v>0</v>
      </c>
      <c r="L8813" t="s">
        <v>82</v>
      </c>
      <c r="M8813" t="s">
        <v>83</v>
      </c>
      <c r="N8813" t="s">
        <v>91</v>
      </c>
      <c r="O8813" t="s">
        <v>85</v>
      </c>
      <c r="P8813" t="s">
        <v>86</v>
      </c>
      <c r="Q8813">
        <v>62</v>
      </c>
      <c r="R8813">
        <v>64</v>
      </c>
      <c r="S8813">
        <v>65</v>
      </c>
      <c r="T8813">
        <v>67</v>
      </c>
      <c r="U8813">
        <v>68</v>
      </c>
      <c r="V8813">
        <v>70</v>
      </c>
      <c r="W8813">
        <v>72</v>
      </c>
      <c r="X8813">
        <v>74</v>
      </c>
      <c r="Y8813">
        <v>75</v>
      </c>
      <c r="Z8813">
        <v>77</v>
      </c>
      <c r="AA8813">
        <v>79</v>
      </c>
      <c r="AB8813">
        <v>81</v>
      </c>
      <c r="AC8813">
        <v>82</v>
      </c>
      <c r="AD8813">
        <v>84</v>
      </c>
      <c r="AE8813">
        <v>86</v>
      </c>
      <c r="AF8813">
        <v>88</v>
      </c>
      <c r="AG8813">
        <v>90</v>
      </c>
      <c r="AH8813">
        <v>92</v>
      </c>
      <c r="AI8813">
        <v>94</v>
      </c>
      <c r="AJ8813">
        <v>96</v>
      </c>
      <c r="AK8813">
        <v>98</v>
      </c>
      <c r="AL8813">
        <v>99</v>
      </c>
      <c r="AM8813">
        <v>100</v>
      </c>
      <c r="AN8813">
        <v>101</v>
      </c>
      <c r="AO8813">
        <v>102</v>
      </c>
      <c r="AP8813">
        <v>103</v>
      </c>
      <c r="AQ8813">
        <v>104</v>
      </c>
    </row>
    <row r="8814" spans="1:43">
      <c r="A8814" t="s">
        <v>5514</v>
      </c>
      <c r="B8814" t="s">
        <v>5515</v>
      </c>
      <c r="C8814" t="s">
        <v>5516</v>
      </c>
      <c r="D8814" t="s">
        <v>5517</v>
      </c>
      <c r="E8814" t="s">
        <v>5426</v>
      </c>
      <c r="F8814" t="s">
        <v>5427</v>
      </c>
      <c r="G8814" t="s">
        <v>80</v>
      </c>
      <c r="H8814" t="s">
        <v>81</v>
      </c>
      <c r="I8814" s="2">
        <v>0</v>
      </c>
      <c r="J8814" s="2">
        <v>1</v>
      </c>
      <c r="K8814" s="2">
        <v>0</v>
      </c>
      <c r="L8814" t="s">
        <v>82</v>
      </c>
      <c r="M8814" t="s">
        <v>83</v>
      </c>
      <c r="N8814" t="s">
        <v>84</v>
      </c>
      <c r="O8814" t="s">
        <v>85</v>
      </c>
      <c r="P8814" t="s">
        <v>86</v>
      </c>
      <c r="Q8814">
        <v>76</v>
      </c>
      <c r="R8814">
        <v>78</v>
      </c>
      <c r="S8814">
        <v>80</v>
      </c>
      <c r="T8814">
        <v>82</v>
      </c>
      <c r="U8814">
        <v>84</v>
      </c>
      <c r="V8814">
        <v>86</v>
      </c>
      <c r="W8814">
        <v>88</v>
      </c>
      <c r="X8814">
        <v>90</v>
      </c>
      <c r="Y8814">
        <v>92</v>
      </c>
      <c r="Z8814">
        <v>94</v>
      </c>
      <c r="AA8814">
        <v>96</v>
      </c>
      <c r="AB8814">
        <v>98</v>
      </c>
      <c r="AC8814">
        <v>100</v>
      </c>
      <c r="AD8814">
        <v>103</v>
      </c>
      <c r="AE8814">
        <v>105</v>
      </c>
      <c r="AF8814">
        <v>107</v>
      </c>
      <c r="AG8814">
        <v>109</v>
      </c>
      <c r="AH8814">
        <v>112</v>
      </c>
      <c r="AI8814">
        <v>114</v>
      </c>
      <c r="AJ8814">
        <v>116</v>
      </c>
      <c r="AK8814">
        <v>119</v>
      </c>
      <c r="AL8814">
        <v>120</v>
      </c>
      <c r="AM8814">
        <v>122</v>
      </c>
      <c r="AN8814">
        <v>123</v>
      </c>
      <c r="AO8814">
        <v>124</v>
      </c>
      <c r="AP8814">
        <v>126</v>
      </c>
      <c r="AQ8814">
        <v>127</v>
      </c>
    </row>
    <row r="8815" spans="1:43">
      <c r="A8815" t="s">
        <v>5514</v>
      </c>
      <c r="B8815" t="s">
        <v>5515</v>
      </c>
      <c r="C8815" t="s">
        <v>5516</v>
      </c>
      <c r="D8815" t="s">
        <v>5517</v>
      </c>
      <c r="E8815" t="s">
        <v>5426</v>
      </c>
      <c r="F8815" t="s">
        <v>5427</v>
      </c>
      <c r="G8815" t="s">
        <v>80</v>
      </c>
      <c r="H8815" t="s">
        <v>81</v>
      </c>
      <c r="I8815" s="2">
        <v>0</v>
      </c>
      <c r="J8815" s="2">
        <v>1</v>
      </c>
      <c r="K8815" s="2">
        <v>0</v>
      </c>
      <c r="L8815" t="s">
        <v>82</v>
      </c>
      <c r="M8815" t="s">
        <v>87</v>
      </c>
      <c r="N8815" t="s">
        <v>88</v>
      </c>
      <c r="O8815" t="s">
        <v>85</v>
      </c>
      <c r="P8815" t="s">
        <v>86</v>
      </c>
      <c r="Q8815">
        <v>76</v>
      </c>
      <c r="R8815">
        <v>77</v>
      </c>
      <c r="S8815">
        <v>78</v>
      </c>
      <c r="T8815">
        <v>80</v>
      </c>
      <c r="U8815">
        <v>81</v>
      </c>
      <c r="V8815">
        <v>82</v>
      </c>
      <c r="W8815">
        <v>83</v>
      </c>
      <c r="X8815">
        <v>85</v>
      </c>
      <c r="Y8815">
        <v>86</v>
      </c>
      <c r="Z8815">
        <v>87</v>
      </c>
      <c r="AA8815">
        <v>88</v>
      </c>
      <c r="AB8815">
        <v>90</v>
      </c>
      <c r="AC8815">
        <v>91</v>
      </c>
      <c r="AD8815">
        <v>92</v>
      </c>
      <c r="AE8815">
        <v>94</v>
      </c>
      <c r="AF8815">
        <v>95</v>
      </c>
      <c r="AG8815">
        <v>96</v>
      </c>
      <c r="AH8815">
        <v>98</v>
      </c>
      <c r="AI8815">
        <v>99</v>
      </c>
      <c r="AJ8815">
        <v>101</v>
      </c>
      <c r="AK8815">
        <v>102</v>
      </c>
      <c r="AL8815">
        <v>104</v>
      </c>
      <c r="AM8815">
        <v>105</v>
      </c>
      <c r="AN8815">
        <v>106</v>
      </c>
      <c r="AO8815">
        <v>108</v>
      </c>
      <c r="AP8815">
        <v>109</v>
      </c>
      <c r="AQ8815">
        <v>111</v>
      </c>
    </row>
    <row r="8816" spans="1:43">
      <c r="A8816" t="s">
        <v>5514</v>
      </c>
      <c r="B8816" t="s">
        <v>5515</v>
      </c>
      <c r="C8816" t="s">
        <v>5516</v>
      </c>
      <c r="D8816" t="s">
        <v>5517</v>
      </c>
      <c r="E8816" t="s">
        <v>5426</v>
      </c>
      <c r="F8816" t="s">
        <v>5427</v>
      </c>
      <c r="G8816" t="s">
        <v>80</v>
      </c>
      <c r="H8816" t="s">
        <v>81</v>
      </c>
      <c r="I8816" s="2">
        <v>0</v>
      </c>
      <c r="J8816" s="2">
        <v>1</v>
      </c>
      <c r="K8816" s="2">
        <v>0</v>
      </c>
      <c r="L8816" t="s">
        <v>82</v>
      </c>
      <c r="M8816" t="s">
        <v>89</v>
      </c>
      <c r="N8816" t="s">
        <v>90</v>
      </c>
      <c r="O8816" t="s">
        <v>85</v>
      </c>
      <c r="P8816" t="s">
        <v>86</v>
      </c>
      <c r="Q8816">
        <v>76</v>
      </c>
      <c r="R8816">
        <v>78</v>
      </c>
      <c r="S8816">
        <v>81</v>
      </c>
      <c r="T8816">
        <v>83</v>
      </c>
      <c r="U8816">
        <v>86</v>
      </c>
      <c r="V8816">
        <v>89</v>
      </c>
      <c r="W8816">
        <v>91</v>
      </c>
      <c r="X8816">
        <v>94</v>
      </c>
      <c r="Y8816">
        <v>96</v>
      </c>
      <c r="Z8816">
        <v>99</v>
      </c>
      <c r="AA8816">
        <v>101</v>
      </c>
      <c r="AB8816">
        <v>104</v>
      </c>
      <c r="AC8816">
        <v>107</v>
      </c>
      <c r="AD8816">
        <v>109</v>
      </c>
      <c r="AE8816">
        <v>112</v>
      </c>
      <c r="AF8816">
        <v>113</v>
      </c>
      <c r="AG8816">
        <v>114</v>
      </c>
      <c r="AH8816">
        <v>115</v>
      </c>
      <c r="AI8816">
        <v>117</v>
      </c>
      <c r="AJ8816">
        <v>118</v>
      </c>
      <c r="AK8816">
        <v>119</v>
      </c>
      <c r="AL8816">
        <v>121</v>
      </c>
      <c r="AM8816">
        <v>122</v>
      </c>
      <c r="AN8816">
        <v>123</v>
      </c>
      <c r="AO8816">
        <v>124</v>
      </c>
      <c r="AP8816">
        <v>126</v>
      </c>
      <c r="AQ8816">
        <v>127</v>
      </c>
    </row>
    <row r="8817" spans="1:43">
      <c r="A8817" t="s">
        <v>5514</v>
      </c>
      <c r="B8817" t="s">
        <v>5515</v>
      </c>
      <c r="C8817" t="s">
        <v>5516</v>
      </c>
      <c r="D8817" t="s">
        <v>5517</v>
      </c>
      <c r="E8817" t="s">
        <v>5426</v>
      </c>
      <c r="F8817" t="s">
        <v>5427</v>
      </c>
      <c r="G8817" t="s">
        <v>80</v>
      </c>
      <c r="H8817" t="s">
        <v>81</v>
      </c>
      <c r="I8817" s="2">
        <v>0</v>
      </c>
      <c r="J8817" s="2">
        <v>1</v>
      </c>
      <c r="K8817" s="2">
        <v>0</v>
      </c>
      <c r="L8817" t="s">
        <v>82</v>
      </c>
      <c r="M8817" t="s">
        <v>83</v>
      </c>
      <c r="N8817" t="s">
        <v>91</v>
      </c>
      <c r="O8817" t="s">
        <v>85</v>
      </c>
      <c r="P8817" t="s">
        <v>86</v>
      </c>
      <c r="Q8817">
        <v>76</v>
      </c>
      <c r="R8817">
        <v>78</v>
      </c>
      <c r="S8817">
        <v>80</v>
      </c>
      <c r="T8817">
        <v>82</v>
      </c>
      <c r="U8817">
        <v>84</v>
      </c>
      <c r="V8817">
        <v>86</v>
      </c>
      <c r="W8817">
        <v>88</v>
      </c>
      <c r="X8817">
        <v>90</v>
      </c>
      <c r="Y8817">
        <v>92</v>
      </c>
      <c r="Z8817">
        <v>94</v>
      </c>
      <c r="AA8817">
        <v>96</v>
      </c>
      <c r="AB8817">
        <v>98</v>
      </c>
      <c r="AC8817">
        <v>100</v>
      </c>
      <c r="AD8817">
        <v>103</v>
      </c>
      <c r="AE8817">
        <v>105</v>
      </c>
      <c r="AF8817">
        <v>107</v>
      </c>
      <c r="AG8817">
        <v>109</v>
      </c>
      <c r="AH8817">
        <v>112</v>
      </c>
      <c r="AI8817">
        <v>114</v>
      </c>
      <c r="AJ8817">
        <v>116</v>
      </c>
      <c r="AK8817">
        <v>119</v>
      </c>
      <c r="AL8817">
        <v>120</v>
      </c>
      <c r="AM8817">
        <v>122</v>
      </c>
      <c r="AN8817">
        <v>123</v>
      </c>
      <c r="AO8817">
        <v>124</v>
      </c>
      <c r="AP8817">
        <v>126</v>
      </c>
      <c r="AQ8817">
        <v>127</v>
      </c>
    </row>
    <row r="8818" spans="1:43">
      <c r="A8818" t="s">
        <v>5518</v>
      </c>
      <c r="B8818" t="s">
        <v>5519</v>
      </c>
      <c r="C8818" t="s">
        <v>5520</v>
      </c>
      <c r="D8818" t="s">
        <v>5521</v>
      </c>
      <c r="E8818" t="s">
        <v>5426</v>
      </c>
      <c r="F8818" t="s">
        <v>5427</v>
      </c>
      <c r="G8818" t="s">
        <v>80</v>
      </c>
      <c r="H8818" t="s">
        <v>81</v>
      </c>
      <c r="I8818" s="2">
        <v>0</v>
      </c>
      <c r="J8818" s="2">
        <v>1</v>
      </c>
      <c r="K8818" s="2">
        <v>0</v>
      </c>
      <c r="L8818" t="s">
        <v>82</v>
      </c>
      <c r="M8818" t="s">
        <v>83</v>
      </c>
      <c r="N8818" t="s">
        <v>84</v>
      </c>
      <c r="O8818" t="s">
        <v>85</v>
      </c>
      <c r="P8818" t="s">
        <v>86</v>
      </c>
      <c r="Q8818">
        <v>60</v>
      </c>
      <c r="R8818">
        <v>61</v>
      </c>
      <c r="S8818">
        <v>63</v>
      </c>
      <c r="T8818">
        <v>65</v>
      </c>
      <c r="U8818">
        <v>66</v>
      </c>
      <c r="V8818">
        <v>68</v>
      </c>
      <c r="W8818">
        <v>69</v>
      </c>
      <c r="X8818">
        <v>71</v>
      </c>
      <c r="Y8818">
        <v>73</v>
      </c>
      <c r="Z8818">
        <v>74</v>
      </c>
      <c r="AA8818">
        <v>76</v>
      </c>
      <c r="AB8818">
        <v>78</v>
      </c>
      <c r="AC8818">
        <v>80</v>
      </c>
      <c r="AD8818">
        <v>81</v>
      </c>
      <c r="AE8818">
        <v>83</v>
      </c>
      <c r="AF8818">
        <v>85</v>
      </c>
      <c r="AG8818">
        <v>87</v>
      </c>
      <c r="AH8818">
        <v>89</v>
      </c>
      <c r="AI8818">
        <v>90</v>
      </c>
      <c r="AJ8818">
        <v>92</v>
      </c>
      <c r="AK8818">
        <v>94</v>
      </c>
      <c r="AL8818">
        <v>96</v>
      </c>
      <c r="AM8818">
        <v>97</v>
      </c>
      <c r="AN8818">
        <v>98</v>
      </c>
      <c r="AO8818">
        <v>99</v>
      </c>
      <c r="AP8818">
        <v>100</v>
      </c>
      <c r="AQ8818">
        <v>101</v>
      </c>
    </row>
    <row r="8819" spans="1:43">
      <c r="A8819" t="s">
        <v>5518</v>
      </c>
      <c r="B8819" t="s">
        <v>5519</v>
      </c>
      <c r="C8819" t="s">
        <v>5520</v>
      </c>
      <c r="D8819" t="s">
        <v>5521</v>
      </c>
      <c r="E8819" t="s">
        <v>5426</v>
      </c>
      <c r="F8819" t="s">
        <v>5427</v>
      </c>
      <c r="G8819" t="s">
        <v>80</v>
      </c>
      <c r="H8819" t="s">
        <v>81</v>
      </c>
      <c r="I8819" s="2">
        <v>0</v>
      </c>
      <c r="J8819" s="2">
        <v>1</v>
      </c>
      <c r="K8819" s="2">
        <v>0</v>
      </c>
      <c r="L8819" t="s">
        <v>82</v>
      </c>
      <c r="M8819" t="s">
        <v>87</v>
      </c>
      <c r="N8819" t="s">
        <v>88</v>
      </c>
      <c r="O8819" t="s">
        <v>85</v>
      </c>
      <c r="P8819" t="s">
        <v>86</v>
      </c>
      <c r="Q8819">
        <v>60</v>
      </c>
      <c r="R8819">
        <v>61</v>
      </c>
      <c r="S8819">
        <v>62</v>
      </c>
      <c r="T8819">
        <v>63</v>
      </c>
      <c r="U8819">
        <v>64</v>
      </c>
      <c r="V8819">
        <v>65</v>
      </c>
      <c r="W8819">
        <v>66</v>
      </c>
      <c r="X8819">
        <v>67</v>
      </c>
      <c r="Y8819">
        <v>68</v>
      </c>
      <c r="Z8819">
        <v>69</v>
      </c>
      <c r="AA8819">
        <v>70</v>
      </c>
      <c r="AB8819">
        <v>71</v>
      </c>
      <c r="AC8819">
        <v>72</v>
      </c>
      <c r="AD8819">
        <v>73</v>
      </c>
      <c r="AE8819">
        <v>75</v>
      </c>
      <c r="AF8819">
        <v>76</v>
      </c>
      <c r="AG8819">
        <v>77</v>
      </c>
      <c r="AH8819">
        <v>78</v>
      </c>
      <c r="AI8819">
        <v>79</v>
      </c>
      <c r="AJ8819">
        <v>80</v>
      </c>
      <c r="AK8819">
        <v>81</v>
      </c>
      <c r="AL8819">
        <v>82</v>
      </c>
      <c r="AM8819">
        <v>84</v>
      </c>
      <c r="AN8819">
        <v>85</v>
      </c>
      <c r="AO8819">
        <v>86</v>
      </c>
      <c r="AP8819">
        <v>87</v>
      </c>
      <c r="AQ8819">
        <v>88</v>
      </c>
    </row>
    <row r="8820" spans="1:43">
      <c r="A8820" t="s">
        <v>5518</v>
      </c>
      <c r="B8820" t="s">
        <v>5519</v>
      </c>
      <c r="C8820" t="s">
        <v>5520</v>
      </c>
      <c r="D8820" t="s">
        <v>5521</v>
      </c>
      <c r="E8820" t="s">
        <v>5426</v>
      </c>
      <c r="F8820" t="s">
        <v>5427</v>
      </c>
      <c r="G8820" t="s">
        <v>80</v>
      </c>
      <c r="H8820" t="s">
        <v>81</v>
      </c>
      <c r="I8820" s="2">
        <v>0</v>
      </c>
      <c r="J8820" s="2">
        <v>1</v>
      </c>
      <c r="K8820" s="2">
        <v>0</v>
      </c>
      <c r="L8820" t="s">
        <v>82</v>
      </c>
      <c r="M8820" t="s">
        <v>89</v>
      </c>
      <c r="N8820" t="s">
        <v>90</v>
      </c>
      <c r="O8820" t="s">
        <v>85</v>
      </c>
      <c r="P8820" t="s">
        <v>86</v>
      </c>
      <c r="Q8820">
        <v>60</v>
      </c>
      <c r="R8820">
        <v>62</v>
      </c>
      <c r="S8820">
        <v>65</v>
      </c>
      <c r="T8820">
        <v>67</v>
      </c>
      <c r="U8820">
        <v>69</v>
      </c>
      <c r="V8820">
        <v>71</v>
      </c>
      <c r="W8820">
        <v>73</v>
      </c>
      <c r="X8820">
        <v>75</v>
      </c>
      <c r="Y8820">
        <v>77</v>
      </c>
      <c r="Z8820">
        <v>79</v>
      </c>
      <c r="AA8820">
        <v>81</v>
      </c>
      <c r="AB8820">
        <v>83</v>
      </c>
      <c r="AC8820">
        <v>85</v>
      </c>
      <c r="AD8820">
        <v>87</v>
      </c>
      <c r="AE8820">
        <v>89</v>
      </c>
      <c r="AF8820">
        <v>90</v>
      </c>
      <c r="AG8820">
        <v>91</v>
      </c>
      <c r="AH8820">
        <v>92</v>
      </c>
      <c r="AI8820">
        <v>93</v>
      </c>
      <c r="AJ8820">
        <v>94</v>
      </c>
      <c r="AK8820">
        <v>95</v>
      </c>
      <c r="AL8820">
        <v>96</v>
      </c>
      <c r="AM8820">
        <v>97</v>
      </c>
      <c r="AN8820">
        <v>98</v>
      </c>
      <c r="AO8820">
        <v>99</v>
      </c>
      <c r="AP8820">
        <v>100</v>
      </c>
      <c r="AQ8820">
        <v>101</v>
      </c>
    </row>
    <row r="8821" spans="1:43">
      <c r="A8821" t="s">
        <v>5518</v>
      </c>
      <c r="B8821" t="s">
        <v>5519</v>
      </c>
      <c r="C8821" t="s">
        <v>5520</v>
      </c>
      <c r="D8821" t="s">
        <v>5521</v>
      </c>
      <c r="E8821" t="s">
        <v>5426</v>
      </c>
      <c r="F8821" t="s">
        <v>5427</v>
      </c>
      <c r="G8821" t="s">
        <v>80</v>
      </c>
      <c r="H8821" t="s">
        <v>81</v>
      </c>
      <c r="I8821" s="2">
        <v>0</v>
      </c>
      <c r="J8821" s="2">
        <v>1</v>
      </c>
      <c r="K8821" s="2">
        <v>0</v>
      </c>
      <c r="L8821" t="s">
        <v>82</v>
      </c>
      <c r="M8821" t="s">
        <v>83</v>
      </c>
      <c r="N8821" t="s">
        <v>91</v>
      </c>
      <c r="O8821" t="s">
        <v>85</v>
      </c>
      <c r="P8821" t="s">
        <v>86</v>
      </c>
      <c r="Q8821">
        <v>60</v>
      </c>
      <c r="R8821">
        <v>61</v>
      </c>
      <c r="S8821">
        <v>63</v>
      </c>
      <c r="T8821">
        <v>65</v>
      </c>
      <c r="U8821">
        <v>66</v>
      </c>
      <c r="V8821">
        <v>68</v>
      </c>
      <c r="W8821">
        <v>69</v>
      </c>
      <c r="X8821">
        <v>71</v>
      </c>
      <c r="Y8821">
        <v>73</v>
      </c>
      <c r="Z8821">
        <v>74</v>
      </c>
      <c r="AA8821">
        <v>76</v>
      </c>
      <c r="AB8821">
        <v>78</v>
      </c>
      <c r="AC8821">
        <v>80</v>
      </c>
      <c r="AD8821">
        <v>81</v>
      </c>
      <c r="AE8821">
        <v>83</v>
      </c>
      <c r="AF8821">
        <v>85</v>
      </c>
      <c r="AG8821">
        <v>87</v>
      </c>
      <c r="AH8821">
        <v>89</v>
      </c>
      <c r="AI8821">
        <v>90</v>
      </c>
      <c r="AJ8821">
        <v>92</v>
      </c>
      <c r="AK8821">
        <v>94</v>
      </c>
      <c r="AL8821">
        <v>96</v>
      </c>
      <c r="AM8821">
        <v>97</v>
      </c>
      <c r="AN8821">
        <v>98</v>
      </c>
      <c r="AO8821">
        <v>99</v>
      </c>
      <c r="AP8821">
        <v>100</v>
      </c>
      <c r="AQ8821">
        <v>101</v>
      </c>
    </row>
    <row r="8822" spans="1:43">
      <c r="A8822" t="s">
        <v>5522</v>
      </c>
      <c r="B8822" t="s">
        <v>5523</v>
      </c>
      <c r="C8822" t="s">
        <v>5516</v>
      </c>
      <c r="D8822" t="s">
        <v>5517</v>
      </c>
      <c r="E8822" t="s">
        <v>5426</v>
      </c>
      <c r="F8822" t="s">
        <v>5427</v>
      </c>
      <c r="G8822" t="s">
        <v>80</v>
      </c>
      <c r="H8822" t="s">
        <v>81</v>
      </c>
      <c r="I8822" s="2">
        <v>0</v>
      </c>
      <c r="J8822" s="2">
        <v>1</v>
      </c>
      <c r="K8822" s="2">
        <v>0</v>
      </c>
      <c r="L8822" t="s">
        <v>82</v>
      </c>
      <c r="M8822" t="s">
        <v>83</v>
      </c>
      <c r="N8822" t="s">
        <v>84</v>
      </c>
      <c r="O8822" t="s">
        <v>85</v>
      </c>
      <c r="P8822" t="s">
        <v>86</v>
      </c>
      <c r="Q8822">
        <v>27</v>
      </c>
      <c r="R8822">
        <v>28</v>
      </c>
      <c r="S8822">
        <v>28</v>
      </c>
      <c r="T8822">
        <v>29</v>
      </c>
      <c r="U8822">
        <v>30</v>
      </c>
      <c r="V8822">
        <v>31</v>
      </c>
      <c r="W8822">
        <v>31</v>
      </c>
      <c r="X8822">
        <v>32</v>
      </c>
      <c r="Y8822">
        <v>33</v>
      </c>
      <c r="Z8822">
        <v>34</v>
      </c>
      <c r="AA8822">
        <v>34</v>
      </c>
      <c r="AB8822">
        <v>35</v>
      </c>
      <c r="AC8822">
        <v>36</v>
      </c>
      <c r="AD8822">
        <v>37</v>
      </c>
      <c r="AE8822">
        <v>37</v>
      </c>
      <c r="AF8822">
        <v>38</v>
      </c>
      <c r="AG8822">
        <v>39</v>
      </c>
      <c r="AH8822">
        <v>40</v>
      </c>
      <c r="AI8822">
        <v>41</v>
      </c>
      <c r="AJ8822">
        <v>41</v>
      </c>
      <c r="AK8822">
        <v>42</v>
      </c>
      <c r="AL8822">
        <v>43</v>
      </c>
      <c r="AM8822">
        <v>43</v>
      </c>
      <c r="AN8822">
        <v>44</v>
      </c>
      <c r="AO8822">
        <v>44</v>
      </c>
      <c r="AP8822">
        <v>45</v>
      </c>
      <c r="AQ8822">
        <v>45</v>
      </c>
    </row>
    <row r="8823" spans="1:43">
      <c r="A8823" t="s">
        <v>5522</v>
      </c>
      <c r="B8823" t="s">
        <v>5523</v>
      </c>
      <c r="C8823" t="s">
        <v>5516</v>
      </c>
      <c r="D8823" t="s">
        <v>5517</v>
      </c>
      <c r="E8823" t="s">
        <v>5426</v>
      </c>
      <c r="F8823" t="s">
        <v>5427</v>
      </c>
      <c r="G8823" t="s">
        <v>80</v>
      </c>
      <c r="H8823" t="s">
        <v>81</v>
      </c>
      <c r="I8823" s="2">
        <v>0</v>
      </c>
      <c r="J8823" s="2">
        <v>1</v>
      </c>
      <c r="K8823" s="2">
        <v>0</v>
      </c>
      <c r="L8823" t="s">
        <v>82</v>
      </c>
      <c r="M8823" t="s">
        <v>87</v>
      </c>
      <c r="N8823" t="s">
        <v>88</v>
      </c>
      <c r="O8823" t="s">
        <v>85</v>
      </c>
      <c r="P8823" t="s">
        <v>86</v>
      </c>
      <c r="Q8823">
        <v>27</v>
      </c>
      <c r="R8823">
        <v>27</v>
      </c>
      <c r="S8823">
        <v>28</v>
      </c>
      <c r="T8823">
        <v>28</v>
      </c>
      <c r="U8823">
        <v>29</v>
      </c>
      <c r="V8823">
        <v>29</v>
      </c>
      <c r="W8823">
        <v>29</v>
      </c>
      <c r="X8823">
        <v>30</v>
      </c>
      <c r="Y8823">
        <v>30</v>
      </c>
      <c r="Z8823">
        <v>31</v>
      </c>
      <c r="AA8823">
        <v>31</v>
      </c>
      <c r="AB8823">
        <v>32</v>
      </c>
      <c r="AC8823">
        <v>32</v>
      </c>
      <c r="AD8823">
        <v>33</v>
      </c>
      <c r="AE8823">
        <v>33</v>
      </c>
      <c r="AF8823">
        <v>34</v>
      </c>
      <c r="AG8823">
        <v>34</v>
      </c>
      <c r="AH8823">
        <v>34</v>
      </c>
      <c r="AI8823">
        <v>35</v>
      </c>
      <c r="AJ8823">
        <v>35</v>
      </c>
      <c r="AK8823">
        <v>36</v>
      </c>
      <c r="AL8823">
        <v>36</v>
      </c>
      <c r="AM8823">
        <v>37</v>
      </c>
      <c r="AN8823">
        <v>37</v>
      </c>
      <c r="AO8823">
        <v>38</v>
      </c>
      <c r="AP8823">
        <v>39</v>
      </c>
      <c r="AQ8823">
        <v>39</v>
      </c>
    </row>
    <row r="8824" spans="1:43">
      <c r="A8824" t="s">
        <v>5522</v>
      </c>
      <c r="B8824" t="s">
        <v>5523</v>
      </c>
      <c r="C8824" t="s">
        <v>5516</v>
      </c>
      <c r="D8824" t="s">
        <v>5517</v>
      </c>
      <c r="E8824" t="s">
        <v>5426</v>
      </c>
      <c r="F8824" t="s">
        <v>5427</v>
      </c>
      <c r="G8824" t="s">
        <v>80</v>
      </c>
      <c r="H8824" t="s">
        <v>81</v>
      </c>
      <c r="I8824" s="2">
        <v>0</v>
      </c>
      <c r="J8824" s="2">
        <v>1</v>
      </c>
      <c r="K8824" s="2">
        <v>0</v>
      </c>
      <c r="L8824" t="s">
        <v>82</v>
      </c>
      <c r="M8824" t="s">
        <v>89</v>
      </c>
      <c r="N8824" t="s">
        <v>90</v>
      </c>
      <c r="O8824" t="s">
        <v>85</v>
      </c>
      <c r="P8824" t="s">
        <v>86</v>
      </c>
      <c r="Q8824">
        <v>27</v>
      </c>
      <c r="R8824">
        <v>28</v>
      </c>
      <c r="S8824">
        <v>29</v>
      </c>
      <c r="T8824">
        <v>30</v>
      </c>
      <c r="U8824">
        <v>31</v>
      </c>
      <c r="V8824">
        <v>32</v>
      </c>
      <c r="W8824">
        <v>33</v>
      </c>
      <c r="X8824">
        <v>34</v>
      </c>
      <c r="Y8824">
        <v>35</v>
      </c>
      <c r="Z8824">
        <v>36</v>
      </c>
      <c r="AA8824">
        <v>37</v>
      </c>
      <c r="AB8824">
        <v>37</v>
      </c>
      <c r="AC8824">
        <v>38</v>
      </c>
      <c r="AD8824">
        <v>39</v>
      </c>
      <c r="AE8824">
        <v>40</v>
      </c>
      <c r="AF8824">
        <v>41</v>
      </c>
      <c r="AG8824">
        <v>41</v>
      </c>
      <c r="AH8824">
        <v>42</v>
      </c>
      <c r="AI8824">
        <v>42</v>
      </c>
      <c r="AJ8824">
        <v>42</v>
      </c>
      <c r="AK8824">
        <v>43</v>
      </c>
      <c r="AL8824">
        <v>43</v>
      </c>
      <c r="AM8824">
        <v>44</v>
      </c>
      <c r="AN8824">
        <v>44</v>
      </c>
      <c r="AO8824">
        <v>45</v>
      </c>
      <c r="AP8824">
        <v>45</v>
      </c>
      <c r="AQ8824">
        <v>46</v>
      </c>
    </row>
    <row r="8825" spans="1:43">
      <c r="A8825" t="s">
        <v>5522</v>
      </c>
      <c r="B8825" t="s">
        <v>5523</v>
      </c>
      <c r="C8825" t="s">
        <v>5516</v>
      </c>
      <c r="D8825" t="s">
        <v>5517</v>
      </c>
      <c r="E8825" t="s">
        <v>5426</v>
      </c>
      <c r="F8825" t="s">
        <v>5427</v>
      </c>
      <c r="G8825" t="s">
        <v>80</v>
      </c>
      <c r="H8825" t="s">
        <v>81</v>
      </c>
      <c r="I8825" s="2">
        <v>0</v>
      </c>
      <c r="J8825" s="2">
        <v>1</v>
      </c>
      <c r="K8825" s="2">
        <v>0</v>
      </c>
      <c r="L8825" t="s">
        <v>82</v>
      </c>
      <c r="M8825" t="s">
        <v>83</v>
      </c>
      <c r="N8825" t="s">
        <v>91</v>
      </c>
      <c r="O8825" t="s">
        <v>85</v>
      </c>
      <c r="P8825" t="s">
        <v>86</v>
      </c>
      <c r="Q8825">
        <v>27</v>
      </c>
      <c r="R8825">
        <v>28</v>
      </c>
      <c r="S8825">
        <v>28</v>
      </c>
      <c r="T8825">
        <v>29</v>
      </c>
      <c r="U8825">
        <v>30</v>
      </c>
      <c r="V8825">
        <v>31</v>
      </c>
      <c r="W8825">
        <v>31</v>
      </c>
      <c r="X8825">
        <v>32</v>
      </c>
      <c r="Y8825">
        <v>33</v>
      </c>
      <c r="Z8825">
        <v>34</v>
      </c>
      <c r="AA8825">
        <v>34</v>
      </c>
      <c r="AB8825">
        <v>35</v>
      </c>
      <c r="AC8825">
        <v>36</v>
      </c>
      <c r="AD8825">
        <v>37</v>
      </c>
      <c r="AE8825">
        <v>37</v>
      </c>
      <c r="AF8825">
        <v>38</v>
      </c>
      <c r="AG8825">
        <v>39</v>
      </c>
      <c r="AH8825">
        <v>40</v>
      </c>
      <c r="AI8825">
        <v>41</v>
      </c>
      <c r="AJ8825">
        <v>41</v>
      </c>
      <c r="AK8825">
        <v>42</v>
      </c>
      <c r="AL8825">
        <v>43</v>
      </c>
      <c r="AM8825">
        <v>43</v>
      </c>
      <c r="AN8825">
        <v>44</v>
      </c>
      <c r="AO8825">
        <v>44</v>
      </c>
      <c r="AP8825">
        <v>45</v>
      </c>
      <c r="AQ8825">
        <v>45</v>
      </c>
    </row>
    <row r="8826" spans="1:43">
      <c r="A8826" t="s">
        <v>5524</v>
      </c>
      <c r="B8826" t="s">
        <v>5525</v>
      </c>
      <c r="C8826" t="s">
        <v>5520</v>
      </c>
      <c r="D8826" t="s">
        <v>5521</v>
      </c>
      <c r="E8826" t="s">
        <v>5426</v>
      </c>
      <c r="F8826" t="s">
        <v>5427</v>
      </c>
      <c r="G8826" t="s">
        <v>80</v>
      </c>
      <c r="H8826" t="s">
        <v>81</v>
      </c>
      <c r="I8826" s="2">
        <v>0</v>
      </c>
      <c r="J8826" s="2">
        <v>1</v>
      </c>
      <c r="K8826" s="2">
        <v>0</v>
      </c>
      <c r="L8826" t="s">
        <v>82</v>
      </c>
      <c r="M8826" t="s">
        <v>83</v>
      </c>
      <c r="N8826" t="s">
        <v>84</v>
      </c>
      <c r="O8826" t="s">
        <v>85</v>
      </c>
      <c r="P8826" t="s">
        <v>86</v>
      </c>
      <c r="Q8826">
        <v>143</v>
      </c>
      <c r="R8826">
        <v>147</v>
      </c>
      <c r="S8826">
        <v>150</v>
      </c>
      <c r="T8826">
        <v>154</v>
      </c>
      <c r="U8826">
        <v>158</v>
      </c>
      <c r="V8826">
        <v>162</v>
      </c>
      <c r="W8826">
        <v>165</v>
      </c>
      <c r="X8826">
        <v>169</v>
      </c>
      <c r="Y8826">
        <v>173</v>
      </c>
      <c r="Z8826">
        <v>177</v>
      </c>
      <c r="AA8826">
        <v>181</v>
      </c>
      <c r="AB8826">
        <v>185</v>
      </c>
      <c r="AC8826">
        <v>190</v>
      </c>
      <c r="AD8826">
        <v>194</v>
      </c>
      <c r="AE8826">
        <v>198</v>
      </c>
      <c r="AF8826">
        <v>202</v>
      </c>
      <c r="AG8826">
        <v>207</v>
      </c>
      <c r="AH8826">
        <v>211</v>
      </c>
      <c r="AI8826">
        <v>215</v>
      </c>
      <c r="AJ8826">
        <v>220</v>
      </c>
      <c r="AK8826">
        <v>224</v>
      </c>
      <c r="AL8826">
        <v>228</v>
      </c>
      <c r="AM8826">
        <v>230</v>
      </c>
      <c r="AN8826">
        <v>232</v>
      </c>
      <c r="AO8826">
        <v>235</v>
      </c>
      <c r="AP8826">
        <v>237</v>
      </c>
      <c r="AQ8826">
        <v>240</v>
      </c>
    </row>
    <row r="8827" spans="1:43">
      <c r="A8827" t="s">
        <v>5524</v>
      </c>
      <c r="B8827" t="s">
        <v>5525</v>
      </c>
      <c r="C8827" t="s">
        <v>5520</v>
      </c>
      <c r="D8827" t="s">
        <v>5521</v>
      </c>
      <c r="E8827" t="s">
        <v>5426</v>
      </c>
      <c r="F8827" t="s">
        <v>5427</v>
      </c>
      <c r="G8827" t="s">
        <v>80</v>
      </c>
      <c r="H8827" t="s">
        <v>81</v>
      </c>
      <c r="I8827" s="2">
        <v>0</v>
      </c>
      <c r="J8827" s="2">
        <v>1</v>
      </c>
      <c r="K8827" s="2">
        <v>0</v>
      </c>
      <c r="L8827" t="s">
        <v>82</v>
      </c>
      <c r="M8827" t="s">
        <v>87</v>
      </c>
      <c r="N8827" t="s">
        <v>88</v>
      </c>
      <c r="O8827" t="s">
        <v>85</v>
      </c>
      <c r="P8827" t="s">
        <v>86</v>
      </c>
      <c r="Q8827">
        <v>143</v>
      </c>
      <c r="R8827">
        <v>145</v>
      </c>
      <c r="S8827">
        <v>147</v>
      </c>
      <c r="T8827">
        <v>149</v>
      </c>
      <c r="U8827">
        <v>152</v>
      </c>
      <c r="V8827">
        <v>154</v>
      </c>
      <c r="W8827">
        <v>156</v>
      </c>
      <c r="X8827">
        <v>159</v>
      </c>
      <c r="Y8827">
        <v>161</v>
      </c>
      <c r="Z8827">
        <v>164</v>
      </c>
      <c r="AA8827">
        <v>166</v>
      </c>
      <c r="AB8827">
        <v>169</v>
      </c>
      <c r="AC8827">
        <v>171</v>
      </c>
      <c r="AD8827">
        <v>174</v>
      </c>
      <c r="AE8827">
        <v>176</v>
      </c>
      <c r="AF8827">
        <v>179</v>
      </c>
      <c r="AG8827">
        <v>181</v>
      </c>
      <c r="AH8827">
        <v>184</v>
      </c>
      <c r="AI8827">
        <v>187</v>
      </c>
      <c r="AJ8827">
        <v>189</v>
      </c>
      <c r="AK8827">
        <v>192</v>
      </c>
      <c r="AL8827">
        <v>195</v>
      </c>
      <c r="AM8827">
        <v>197</v>
      </c>
      <c r="AN8827">
        <v>200</v>
      </c>
      <c r="AO8827">
        <v>203</v>
      </c>
      <c r="AP8827">
        <v>206</v>
      </c>
      <c r="AQ8827">
        <v>209</v>
      </c>
    </row>
    <row r="8828" spans="1:43">
      <c r="A8828" t="s">
        <v>5524</v>
      </c>
      <c r="B8828" t="s">
        <v>5525</v>
      </c>
      <c r="C8828" t="s">
        <v>5520</v>
      </c>
      <c r="D8828" t="s">
        <v>5521</v>
      </c>
      <c r="E8828" t="s">
        <v>5426</v>
      </c>
      <c r="F8828" t="s">
        <v>5427</v>
      </c>
      <c r="G8828" t="s">
        <v>80</v>
      </c>
      <c r="H8828" t="s">
        <v>81</v>
      </c>
      <c r="I8828" s="2">
        <v>0</v>
      </c>
      <c r="J8828" s="2">
        <v>1</v>
      </c>
      <c r="K8828" s="2">
        <v>0</v>
      </c>
      <c r="L8828" t="s">
        <v>82</v>
      </c>
      <c r="M8828" t="s">
        <v>89</v>
      </c>
      <c r="N8828" t="s">
        <v>90</v>
      </c>
      <c r="O8828" t="s">
        <v>85</v>
      </c>
      <c r="P8828" t="s">
        <v>86</v>
      </c>
      <c r="Q8828">
        <v>143</v>
      </c>
      <c r="R8828">
        <v>148</v>
      </c>
      <c r="S8828">
        <v>153</v>
      </c>
      <c r="T8828">
        <v>158</v>
      </c>
      <c r="U8828">
        <v>163</v>
      </c>
      <c r="V8828">
        <v>168</v>
      </c>
      <c r="W8828">
        <v>173</v>
      </c>
      <c r="X8828">
        <v>178</v>
      </c>
      <c r="Y8828">
        <v>183</v>
      </c>
      <c r="Z8828">
        <v>188</v>
      </c>
      <c r="AA8828">
        <v>192</v>
      </c>
      <c r="AB8828">
        <v>197</v>
      </c>
      <c r="AC8828">
        <v>202</v>
      </c>
      <c r="AD8828">
        <v>207</v>
      </c>
      <c r="AE8828">
        <v>211</v>
      </c>
      <c r="AF8828">
        <v>214</v>
      </c>
      <c r="AG8828">
        <v>216</v>
      </c>
      <c r="AH8828">
        <v>219</v>
      </c>
      <c r="AI8828">
        <v>221</v>
      </c>
      <c r="AJ8828">
        <v>224</v>
      </c>
      <c r="AK8828">
        <v>226</v>
      </c>
      <c r="AL8828">
        <v>228</v>
      </c>
      <c r="AM8828">
        <v>231</v>
      </c>
      <c r="AN8828">
        <v>233</v>
      </c>
      <c r="AO8828">
        <v>236</v>
      </c>
      <c r="AP8828">
        <v>238</v>
      </c>
      <c r="AQ8828">
        <v>241</v>
      </c>
    </row>
    <row r="8829" spans="1:43">
      <c r="A8829" t="s">
        <v>5524</v>
      </c>
      <c r="B8829" t="s">
        <v>5525</v>
      </c>
      <c r="C8829" t="s">
        <v>5520</v>
      </c>
      <c r="D8829" t="s">
        <v>5521</v>
      </c>
      <c r="E8829" t="s">
        <v>5426</v>
      </c>
      <c r="F8829" t="s">
        <v>5427</v>
      </c>
      <c r="G8829" t="s">
        <v>80</v>
      </c>
      <c r="H8829" t="s">
        <v>81</v>
      </c>
      <c r="I8829" s="2">
        <v>0</v>
      </c>
      <c r="J8829" s="2">
        <v>1</v>
      </c>
      <c r="K8829" s="2">
        <v>0</v>
      </c>
      <c r="L8829" t="s">
        <v>82</v>
      </c>
      <c r="M8829" t="s">
        <v>83</v>
      </c>
      <c r="N8829" t="s">
        <v>91</v>
      </c>
      <c r="O8829" t="s">
        <v>85</v>
      </c>
      <c r="P8829" t="s">
        <v>86</v>
      </c>
      <c r="Q8829">
        <v>143</v>
      </c>
      <c r="R8829">
        <v>147</v>
      </c>
      <c r="S8829">
        <v>150</v>
      </c>
      <c r="T8829">
        <v>154</v>
      </c>
      <c r="U8829">
        <v>158</v>
      </c>
      <c r="V8829">
        <v>162</v>
      </c>
      <c r="W8829">
        <v>165</v>
      </c>
      <c r="X8829">
        <v>169</v>
      </c>
      <c r="Y8829">
        <v>173</v>
      </c>
      <c r="Z8829">
        <v>177</v>
      </c>
      <c r="AA8829">
        <v>181</v>
      </c>
      <c r="AB8829">
        <v>185</v>
      </c>
      <c r="AC8829">
        <v>190</v>
      </c>
      <c r="AD8829">
        <v>194</v>
      </c>
      <c r="AE8829">
        <v>198</v>
      </c>
      <c r="AF8829">
        <v>202</v>
      </c>
      <c r="AG8829">
        <v>207</v>
      </c>
      <c r="AH8829">
        <v>211</v>
      </c>
      <c r="AI8829">
        <v>215</v>
      </c>
      <c r="AJ8829">
        <v>220</v>
      </c>
      <c r="AK8829">
        <v>224</v>
      </c>
      <c r="AL8829">
        <v>228</v>
      </c>
      <c r="AM8829">
        <v>230</v>
      </c>
      <c r="AN8829">
        <v>232</v>
      </c>
      <c r="AO8829">
        <v>235</v>
      </c>
      <c r="AP8829">
        <v>237</v>
      </c>
      <c r="AQ8829">
        <v>240</v>
      </c>
    </row>
    <row r="8830" spans="1:43">
      <c r="A8830" t="s">
        <v>5526</v>
      </c>
      <c r="B8830" t="s">
        <v>5527</v>
      </c>
      <c r="C8830" t="s">
        <v>5528</v>
      </c>
      <c r="D8830" t="s">
        <v>5529</v>
      </c>
      <c r="E8830" t="s">
        <v>5426</v>
      </c>
      <c r="F8830" t="s">
        <v>5427</v>
      </c>
      <c r="G8830" t="s">
        <v>80</v>
      </c>
      <c r="H8830" t="s">
        <v>81</v>
      </c>
      <c r="I8830" s="2">
        <v>0</v>
      </c>
      <c r="J8830" s="2">
        <v>1</v>
      </c>
      <c r="K8830" s="2">
        <v>0</v>
      </c>
      <c r="L8830" t="s">
        <v>82</v>
      </c>
      <c r="M8830" t="s">
        <v>83</v>
      </c>
      <c r="N8830" t="s">
        <v>84</v>
      </c>
      <c r="O8830" t="s">
        <v>85</v>
      </c>
      <c r="P8830" t="s">
        <v>86</v>
      </c>
      <c r="Q8830">
        <v>88</v>
      </c>
      <c r="R8830">
        <v>90</v>
      </c>
      <c r="S8830">
        <v>92</v>
      </c>
      <c r="T8830">
        <v>94</v>
      </c>
      <c r="U8830">
        <v>97</v>
      </c>
      <c r="V8830">
        <v>99</v>
      </c>
      <c r="W8830">
        <v>101</v>
      </c>
      <c r="X8830">
        <v>104</v>
      </c>
      <c r="Y8830">
        <v>106</v>
      </c>
      <c r="Z8830">
        <v>109</v>
      </c>
      <c r="AA8830">
        <v>111</v>
      </c>
      <c r="AB8830">
        <v>114</v>
      </c>
      <c r="AC8830">
        <v>116</v>
      </c>
      <c r="AD8830">
        <v>119</v>
      </c>
      <c r="AE8830">
        <v>121</v>
      </c>
      <c r="AF8830">
        <v>124</v>
      </c>
      <c r="AG8830">
        <v>127</v>
      </c>
      <c r="AH8830">
        <v>129</v>
      </c>
      <c r="AI8830">
        <v>132</v>
      </c>
      <c r="AJ8830">
        <v>135</v>
      </c>
      <c r="AK8830">
        <v>137</v>
      </c>
      <c r="AL8830">
        <v>139</v>
      </c>
      <c r="AM8830">
        <v>141</v>
      </c>
      <c r="AN8830">
        <v>142</v>
      </c>
      <c r="AO8830">
        <v>144</v>
      </c>
      <c r="AP8830">
        <v>145</v>
      </c>
      <c r="AQ8830">
        <v>147</v>
      </c>
    </row>
    <row r="8831" spans="1:43">
      <c r="A8831" t="s">
        <v>5526</v>
      </c>
      <c r="B8831" t="s">
        <v>5527</v>
      </c>
      <c r="C8831" t="s">
        <v>5528</v>
      </c>
      <c r="D8831" t="s">
        <v>5529</v>
      </c>
      <c r="E8831" t="s">
        <v>5426</v>
      </c>
      <c r="F8831" t="s">
        <v>5427</v>
      </c>
      <c r="G8831" t="s">
        <v>80</v>
      </c>
      <c r="H8831" t="s">
        <v>81</v>
      </c>
      <c r="I8831" s="2">
        <v>0</v>
      </c>
      <c r="J8831" s="2">
        <v>1</v>
      </c>
      <c r="K8831" s="2">
        <v>0</v>
      </c>
      <c r="L8831" t="s">
        <v>82</v>
      </c>
      <c r="M8831" t="s">
        <v>87</v>
      </c>
      <c r="N8831" t="s">
        <v>88</v>
      </c>
      <c r="O8831" t="s">
        <v>85</v>
      </c>
      <c r="P8831" t="s">
        <v>86</v>
      </c>
      <c r="Q8831">
        <v>88</v>
      </c>
      <c r="R8831">
        <v>89</v>
      </c>
      <c r="S8831">
        <v>91</v>
      </c>
      <c r="T8831">
        <v>92</v>
      </c>
      <c r="U8831">
        <v>93</v>
      </c>
      <c r="V8831">
        <v>95</v>
      </c>
      <c r="W8831">
        <v>96</v>
      </c>
      <c r="X8831">
        <v>98</v>
      </c>
      <c r="Y8831">
        <v>99</v>
      </c>
      <c r="Z8831">
        <v>101</v>
      </c>
      <c r="AA8831">
        <v>102</v>
      </c>
      <c r="AB8831">
        <v>104</v>
      </c>
      <c r="AC8831">
        <v>105</v>
      </c>
      <c r="AD8831">
        <v>107</v>
      </c>
      <c r="AE8831">
        <v>108</v>
      </c>
      <c r="AF8831">
        <v>110</v>
      </c>
      <c r="AG8831">
        <v>111</v>
      </c>
      <c r="AH8831">
        <v>113</v>
      </c>
      <c r="AI8831">
        <v>115</v>
      </c>
      <c r="AJ8831">
        <v>116</v>
      </c>
      <c r="AK8831">
        <v>118</v>
      </c>
      <c r="AL8831">
        <v>120</v>
      </c>
      <c r="AM8831">
        <v>121</v>
      </c>
      <c r="AN8831">
        <v>123</v>
      </c>
      <c r="AO8831">
        <v>125</v>
      </c>
      <c r="AP8831">
        <v>126</v>
      </c>
      <c r="AQ8831">
        <v>128</v>
      </c>
    </row>
    <row r="8832" spans="1:43">
      <c r="A8832" t="s">
        <v>5526</v>
      </c>
      <c r="B8832" t="s">
        <v>5527</v>
      </c>
      <c r="C8832" t="s">
        <v>5528</v>
      </c>
      <c r="D8832" t="s">
        <v>5529</v>
      </c>
      <c r="E8832" t="s">
        <v>5426</v>
      </c>
      <c r="F8832" t="s">
        <v>5427</v>
      </c>
      <c r="G8832" t="s">
        <v>80</v>
      </c>
      <c r="H8832" t="s">
        <v>81</v>
      </c>
      <c r="I8832" s="2">
        <v>0</v>
      </c>
      <c r="J8832" s="2">
        <v>1</v>
      </c>
      <c r="K8832" s="2">
        <v>0</v>
      </c>
      <c r="L8832" t="s">
        <v>82</v>
      </c>
      <c r="M8832" t="s">
        <v>89</v>
      </c>
      <c r="N8832" t="s">
        <v>90</v>
      </c>
      <c r="O8832" t="s">
        <v>85</v>
      </c>
      <c r="P8832" t="s">
        <v>86</v>
      </c>
      <c r="Q8832">
        <v>88</v>
      </c>
      <c r="R8832">
        <v>91</v>
      </c>
      <c r="S8832">
        <v>94</v>
      </c>
      <c r="T8832">
        <v>97</v>
      </c>
      <c r="U8832">
        <v>100</v>
      </c>
      <c r="V8832">
        <v>103</v>
      </c>
      <c r="W8832">
        <v>106</v>
      </c>
      <c r="X8832">
        <v>109</v>
      </c>
      <c r="Y8832">
        <v>112</v>
      </c>
      <c r="Z8832">
        <v>115</v>
      </c>
      <c r="AA8832">
        <v>118</v>
      </c>
      <c r="AB8832">
        <v>120</v>
      </c>
      <c r="AC8832">
        <v>124</v>
      </c>
      <c r="AD8832">
        <v>127</v>
      </c>
      <c r="AE8832">
        <v>129</v>
      </c>
      <c r="AF8832">
        <v>131</v>
      </c>
      <c r="AG8832">
        <v>132</v>
      </c>
      <c r="AH8832">
        <v>134</v>
      </c>
      <c r="AI8832">
        <v>135</v>
      </c>
      <c r="AJ8832">
        <v>137</v>
      </c>
      <c r="AK8832">
        <v>138</v>
      </c>
      <c r="AL8832">
        <v>140</v>
      </c>
      <c r="AM8832">
        <v>141</v>
      </c>
      <c r="AN8832">
        <v>143</v>
      </c>
      <c r="AO8832">
        <v>144</v>
      </c>
      <c r="AP8832">
        <v>146</v>
      </c>
      <c r="AQ8832">
        <v>147</v>
      </c>
    </row>
    <row r="8833" spans="1:43">
      <c r="A8833" t="s">
        <v>5526</v>
      </c>
      <c r="B8833" t="s">
        <v>5527</v>
      </c>
      <c r="C8833" t="s">
        <v>5528</v>
      </c>
      <c r="D8833" t="s">
        <v>5529</v>
      </c>
      <c r="E8833" t="s">
        <v>5426</v>
      </c>
      <c r="F8833" t="s">
        <v>5427</v>
      </c>
      <c r="G8833" t="s">
        <v>80</v>
      </c>
      <c r="H8833" t="s">
        <v>81</v>
      </c>
      <c r="I8833" s="2">
        <v>0</v>
      </c>
      <c r="J8833" s="2">
        <v>1</v>
      </c>
      <c r="K8833" s="2">
        <v>0</v>
      </c>
      <c r="L8833" t="s">
        <v>82</v>
      </c>
      <c r="M8833" t="s">
        <v>83</v>
      </c>
      <c r="N8833" t="s">
        <v>91</v>
      </c>
      <c r="O8833" t="s">
        <v>85</v>
      </c>
      <c r="P8833" t="s">
        <v>86</v>
      </c>
      <c r="Q8833">
        <v>88</v>
      </c>
      <c r="R8833">
        <v>90</v>
      </c>
      <c r="S8833">
        <v>92</v>
      </c>
      <c r="T8833">
        <v>94</v>
      </c>
      <c r="U8833">
        <v>97</v>
      </c>
      <c r="V8833">
        <v>99</v>
      </c>
      <c r="W8833">
        <v>101</v>
      </c>
      <c r="X8833">
        <v>104</v>
      </c>
      <c r="Y8833">
        <v>106</v>
      </c>
      <c r="Z8833">
        <v>109</v>
      </c>
      <c r="AA8833">
        <v>111</v>
      </c>
      <c r="AB8833">
        <v>114</v>
      </c>
      <c r="AC8833">
        <v>116</v>
      </c>
      <c r="AD8833">
        <v>119</v>
      </c>
      <c r="AE8833">
        <v>121</v>
      </c>
      <c r="AF8833">
        <v>124</v>
      </c>
      <c r="AG8833">
        <v>127</v>
      </c>
      <c r="AH8833">
        <v>129</v>
      </c>
      <c r="AI8833">
        <v>132</v>
      </c>
      <c r="AJ8833">
        <v>135</v>
      </c>
      <c r="AK8833">
        <v>137</v>
      </c>
      <c r="AL8833">
        <v>139</v>
      </c>
      <c r="AM8833">
        <v>141</v>
      </c>
      <c r="AN8833">
        <v>142</v>
      </c>
      <c r="AO8833">
        <v>144</v>
      </c>
      <c r="AP8833">
        <v>145</v>
      </c>
      <c r="AQ8833">
        <v>147</v>
      </c>
    </row>
    <row r="8834" spans="1:43">
      <c r="A8834" t="s">
        <v>5530</v>
      </c>
      <c r="B8834" t="s">
        <v>5531</v>
      </c>
      <c r="C8834" t="s">
        <v>5520</v>
      </c>
      <c r="D8834" t="s">
        <v>5521</v>
      </c>
      <c r="E8834" t="s">
        <v>5426</v>
      </c>
      <c r="F8834" t="s">
        <v>5427</v>
      </c>
      <c r="G8834" t="s">
        <v>80</v>
      </c>
      <c r="H8834" t="s">
        <v>81</v>
      </c>
      <c r="I8834" s="2">
        <v>0</v>
      </c>
      <c r="J8834" s="2">
        <v>1</v>
      </c>
      <c r="K8834" s="2">
        <v>0</v>
      </c>
      <c r="L8834" t="s">
        <v>82</v>
      </c>
      <c r="M8834" t="s">
        <v>83</v>
      </c>
      <c r="N8834" t="s">
        <v>84</v>
      </c>
      <c r="O8834" t="s">
        <v>85</v>
      </c>
      <c r="P8834" t="s">
        <v>86</v>
      </c>
      <c r="Q8834">
        <v>41</v>
      </c>
      <c r="R8834">
        <v>42</v>
      </c>
      <c r="S8834">
        <v>43</v>
      </c>
      <c r="T8834">
        <v>44</v>
      </c>
      <c r="U8834">
        <v>45</v>
      </c>
      <c r="V8834">
        <v>46</v>
      </c>
      <c r="W8834">
        <v>48</v>
      </c>
      <c r="X8834">
        <v>49</v>
      </c>
      <c r="Y8834">
        <v>50</v>
      </c>
      <c r="Z8834">
        <v>51</v>
      </c>
      <c r="AA8834">
        <v>52</v>
      </c>
      <c r="AB8834">
        <v>53</v>
      </c>
      <c r="AC8834">
        <v>55</v>
      </c>
      <c r="AD8834">
        <v>56</v>
      </c>
      <c r="AE8834">
        <v>57</v>
      </c>
      <c r="AF8834">
        <v>58</v>
      </c>
      <c r="AG8834">
        <v>59</v>
      </c>
      <c r="AH8834">
        <v>61</v>
      </c>
      <c r="AI8834">
        <v>62</v>
      </c>
      <c r="AJ8834">
        <v>63</v>
      </c>
      <c r="AK8834">
        <v>65</v>
      </c>
      <c r="AL8834">
        <v>66</v>
      </c>
      <c r="AM8834">
        <v>66</v>
      </c>
      <c r="AN8834">
        <v>67</v>
      </c>
      <c r="AO8834">
        <v>68</v>
      </c>
      <c r="AP8834">
        <v>68</v>
      </c>
      <c r="AQ8834">
        <v>69</v>
      </c>
    </row>
    <row r="8835" spans="1:43">
      <c r="A8835" t="s">
        <v>5530</v>
      </c>
      <c r="B8835" t="s">
        <v>5531</v>
      </c>
      <c r="C8835" t="s">
        <v>5520</v>
      </c>
      <c r="D8835" t="s">
        <v>5521</v>
      </c>
      <c r="E8835" t="s">
        <v>5426</v>
      </c>
      <c r="F8835" t="s">
        <v>5427</v>
      </c>
      <c r="G8835" t="s">
        <v>80</v>
      </c>
      <c r="H8835" t="s">
        <v>81</v>
      </c>
      <c r="I8835" s="2">
        <v>0</v>
      </c>
      <c r="J8835" s="2">
        <v>1</v>
      </c>
      <c r="K8835" s="2">
        <v>0</v>
      </c>
      <c r="L8835" t="s">
        <v>82</v>
      </c>
      <c r="M8835" t="s">
        <v>87</v>
      </c>
      <c r="N8835" t="s">
        <v>88</v>
      </c>
      <c r="O8835" t="s">
        <v>85</v>
      </c>
      <c r="P8835" t="s">
        <v>86</v>
      </c>
      <c r="Q8835">
        <v>41</v>
      </c>
      <c r="R8835">
        <v>41</v>
      </c>
      <c r="S8835">
        <v>42</v>
      </c>
      <c r="T8835">
        <v>43</v>
      </c>
      <c r="U8835">
        <v>43</v>
      </c>
      <c r="V8835">
        <v>44</v>
      </c>
      <c r="W8835">
        <v>45</v>
      </c>
      <c r="X8835">
        <v>45</v>
      </c>
      <c r="Y8835">
        <v>46</v>
      </c>
      <c r="Z8835">
        <v>47</v>
      </c>
      <c r="AA8835">
        <v>47</v>
      </c>
      <c r="AB8835">
        <v>48</v>
      </c>
      <c r="AC8835">
        <v>49</v>
      </c>
      <c r="AD8835">
        <v>50</v>
      </c>
      <c r="AE8835">
        <v>50</v>
      </c>
      <c r="AF8835">
        <v>51</v>
      </c>
      <c r="AG8835">
        <v>52</v>
      </c>
      <c r="AH8835">
        <v>53</v>
      </c>
      <c r="AI8835">
        <v>53</v>
      </c>
      <c r="AJ8835">
        <v>54</v>
      </c>
      <c r="AK8835">
        <v>55</v>
      </c>
      <c r="AL8835">
        <v>56</v>
      </c>
      <c r="AM8835">
        <v>57</v>
      </c>
      <c r="AN8835">
        <v>57</v>
      </c>
      <c r="AO8835">
        <v>58</v>
      </c>
      <c r="AP8835">
        <v>59</v>
      </c>
      <c r="AQ8835">
        <v>60</v>
      </c>
    </row>
    <row r="8836" spans="1:43">
      <c r="A8836" t="s">
        <v>5530</v>
      </c>
      <c r="B8836" t="s">
        <v>5531</v>
      </c>
      <c r="C8836" t="s">
        <v>5520</v>
      </c>
      <c r="D8836" t="s">
        <v>5521</v>
      </c>
      <c r="E8836" t="s">
        <v>5426</v>
      </c>
      <c r="F8836" t="s">
        <v>5427</v>
      </c>
      <c r="G8836" t="s">
        <v>80</v>
      </c>
      <c r="H8836" t="s">
        <v>81</v>
      </c>
      <c r="I8836" s="2">
        <v>0</v>
      </c>
      <c r="J8836" s="2">
        <v>1</v>
      </c>
      <c r="K8836" s="2">
        <v>0</v>
      </c>
      <c r="L8836" t="s">
        <v>82</v>
      </c>
      <c r="M8836" t="s">
        <v>89</v>
      </c>
      <c r="N8836" t="s">
        <v>90</v>
      </c>
      <c r="O8836" t="s">
        <v>85</v>
      </c>
      <c r="P8836" t="s">
        <v>86</v>
      </c>
      <c r="Q8836">
        <v>41</v>
      </c>
      <c r="R8836">
        <v>43</v>
      </c>
      <c r="S8836">
        <v>44</v>
      </c>
      <c r="T8836">
        <v>46</v>
      </c>
      <c r="U8836">
        <v>47</v>
      </c>
      <c r="V8836">
        <v>49</v>
      </c>
      <c r="W8836">
        <v>50</v>
      </c>
      <c r="X8836">
        <v>51</v>
      </c>
      <c r="Y8836">
        <v>53</v>
      </c>
      <c r="Z8836">
        <v>54</v>
      </c>
      <c r="AA8836">
        <v>56</v>
      </c>
      <c r="AB8836">
        <v>57</v>
      </c>
      <c r="AC8836">
        <v>58</v>
      </c>
      <c r="AD8836">
        <v>60</v>
      </c>
      <c r="AE8836">
        <v>61</v>
      </c>
      <c r="AF8836">
        <v>62</v>
      </c>
      <c r="AG8836">
        <v>62</v>
      </c>
      <c r="AH8836">
        <v>63</v>
      </c>
      <c r="AI8836">
        <v>64</v>
      </c>
      <c r="AJ8836">
        <v>65</v>
      </c>
      <c r="AK8836">
        <v>65</v>
      </c>
      <c r="AL8836">
        <v>66</v>
      </c>
      <c r="AM8836">
        <v>67</v>
      </c>
      <c r="AN8836">
        <v>67</v>
      </c>
      <c r="AO8836">
        <v>68</v>
      </c>
      <c r="AP8836">
        <v>69</v>
      </c>
      <c r="AQ8836">
        <v>69</v>
      </c>
    </row>
    <row r="8837" spans="1:43">
      <c r="A8837" t="s">
        <v>5530</v>
      </c>
      <c r="B8837" t="s">
        <v>5531</v>
      </c>
      <c r="C8837" t="s">
        <v>5520</v>
      </c>
      <c r="D8837" t="s">
        <v>5521</v>
      </c>
      <c r="E8837" t="s">
        <v>5426</v>
      </c>
      <c r="F8837" t="s">
        <v>5427</v>
      </c>
      <c r="G8837" t="s">
        <v>80</v>
      </c>
      <c r="H8837" t="s">
        <v>81</v>
      </c>
      <c r="I8837" s="2">
        <v>0</v>
      </c>
      <c r="J8837" s="2">
        <v>1</v>
      </c>
      <c r="K8837" s="2">
        <v>0</v>
      </c>
      <c r="L8837" t="s">
        <v>82</v>
      </c>
      <c r="M8837" t="s">
        <v>83</v>
      </c>
      <c r="N8837" t="s">
        <v>91</v>
      </c>
      <c r="O8837" t="s">
        <v>85</v>
      </c>
      <c r="P8837" t="s">
        <v>86</v>
      </c>
      <c r="Q8837">
        <v>41</v>
      </c>
      <c r="R8837">
        <v>42</v>
      </c>
      <c r="S8837">
        <v>43</v>
      </c>
      <c r="T8837">
        <v>44</v>
      </c>
      <c r="U8837">
        <v>45</v>
      </c>
      <c r="V8837">
        <v>46</v>
      </c>
      <c r="W8837">
        <v>48</v>
      </c>
      <c r="X8837">
        <v>49</v>
      </c>
      <c r="Y8837">
        <v>50</v>
      </c>
      <c r="Z8837">
        <v>51</v>
      </c>
      <c r="AA8837">
        <v>52</v>
      </c>
      <c r="AB8837">
        <v>53</v>
      </c>
      <c r="AC8837">
        <v>55</v>
      </c>
      <c r="AD8837">
        <v>56</v>
      </c>
      <c r="AE8837">
        <v>57</v>
      </c>
      <c r="AF8837">
        <v>58</v>
      </c>
      <c r="AG8837">
        <v>59</v>
      </c>
      <c r="AH8837">
        <v>61</v>
      </c>
      <c r="AI8837">
        <v>62</v>
      </c>
      <c r="AJ8837">
        <v>63</v>
      </c>
      <c r="AK8837">
        <v>65</v>
      </c>
      <c r="AL8837">
        <v>66</v>
      </c>
      <c r="AM8837">
        <v>66</v>
      </c>
      <c r="AN8837">
        <v>67</v>
      </c>
      <c r="AO8837">
        <v>68</v>
      </c>
      <c r="AP8837">
        <v>68</v>
      </c>
      <c r="AQ8837">
        <v>69</v>
      </c>
    </row>
    <row r="8838" spans="1:43">
      <c r="A8838" t="s">
        <v>5532</v>
      </c>
      <c r="B8838" t="s">
        <v>5533</v>
      </c>
      <c r="C8838" t="s">
        <v>5520</v>
      </c>
      <c r="D8838" t="s">
        <v>5521</v>
      </c>
      <c r="E8838" t="s">
        <v>5426</v>
      </c>
      <c r="F8838" t="s">
        <v>5427</v>
      </c>
      <c r="G8838" t="s">
        <v>80</v>
      </c>
      <c r="H8838" t="s">
        <v>81</v>
      </c>
      <c r="I8838" s="2">
        <v>0</v>
      </c>
      <c r="J8838" s="2">
        <v>1</v>
      </c>
      <c r="K8838" s="2">
        <v>0</v>
      </c>
      <c r="L8838" t="s">
        <v>82</v>
      </c>
      <c r="M8838" t="s">
        <v>83</v>
      </c>
      <c r="N8838" t="s">
        <v>84</v>
      </c>
      <c r="O8838" t="s">
        <v>85</v>
      </c>
      <c r="P8838" t="s">
        <v>86</v>
      </c>
      <c r="Q8838">
        <v>67</v>
      </c>
      <c r="R8838">
        <v>68</v>
      </c>
      <c r="S8838">
        <v>70</v>
      </c>
      <c r="T8838">
        <v>72</v>
      </c>
      <c r="U8838">
        <v>74</v>
      </c>
      <c r="V8838">
        <v>75</v>
      </c>
      <c r="W8838">
        <v>77</v>
      </c>
      <c r="X8838">
        <v>79</v>
      </c>
      <c r="Y8838">
        <v>81</v>
      </c>
      <c r="Z8838">
        <v>83</v>
      </c>
      <c r="AA8838">
        <v>85</v>
      </c>
      <c r="AB8838">
        <v>87</v>
      </c>
      <c r="AC8838">
        <v>88</v>
      </c>
      <c r="AD8838">
        <v>90</v>
      </c>
      <c r="AE8838">
        <v>92</v>
      </c>
      <c r="AF8838">
        <v>94</v>
      </c>
      <c r="AG8838">
        <v>96</v>
      </c>
      <c r="AH8838">
        <v>98</v>
      </c>
      <c r="AI8838">
        <v>101</v>
      </c>
      <c r="AJ8838">
        <v>103</v>
      </c>
      <c r="AK8838">
        <v>105</v>
      </c>
      <c r="AL8838">
        <v>106</v>
      </c>
      <c r="AM8838">
        <v>107</v>
      </c>
      <c r="AN8838">
        <v>108</v>
      </c>
      <c r="AO8838">
        <v>110</v>
      </c>
      <c r="AP8838">
        <v>111</v>
      </c>
      <c r="AQ8838">
        <v>112</v>
      </c>
    </row>
    <row r="8839" spans="1:43">
      <c r="A8839" t="s">
        <v>5532</v>
      </c>
      <c r="B8839" t="s">
        <v>5533</v>
      </c>
      <c r="C8839" t="s">
        <v>5520</v>
      </c>
      <c r="D8839" t="s">
        <v>5521</v>
      </c>
      <c r="E8839" t="s">
        <v>5426</v>
      </c>
      <c r="F8839" t="s">
        <v>5427</v>
      </c>
      <c r="G8839" t="s">
        <v>80</v>
      </c>
      <c r="H8839" t="s">
        <v>81</v>
      </c>
      <c r="I8839" s="2">
        <v>0</v>
      </c>
      <c r="J8839" s="2">
        <v>1</v>
      </c>
      <c r="K8839" s="2">
        <v>0</v>
      </c>
      <c r="L8839" t="s">
        <v>82</v>
      </c>
      <c r="M8839" t="s">
        <v>87</v>
      </c>
      <c r="N8839" t="s">
        <v>88</v>
      </c>
      <c r="O8839" t="s">
        <v>85</v>
      </c>
      <c r="P8839" t="s">
        <v>86</v>
      </c>
      <c r="Q8839">
        <v>67</v>
      </c>
      <c r="R8839">
        <v>68</v>
      </c>
      <c r="S8839">
        <v>69</v>
      </c>
      <c r="T8839">
        <v>70</v>
      </c>
      <c r="U8839">
        <v>71</v>
      </c>
      <c r="V8839">
        <v>72</v>
      </c>
      <c r="W8839">
        <v>74</v>
      </c>
      <c r="X8839">
        <v>75</v>
      </c>
      <c r="Y8839">
        <v>76</v>
      </c>
      <c r="Z8839">
        <v>77</v>
      </c>
      <c r="AA8839">
        <v>78</v>
      </c>
      <c r="AB8839">
        <v>79</v>
      </c>
      <c r="AC8839">
        <v>80</v>
      </c>
      <c r="AD8839">
        <v>82</v>
      </c>
      <c r="AE8839">
        <v>83</v>
      </c>
      <c r="AF8839">
        <v>84</v>
      </c>
      <c r="AG8839">
        <v>85</v>
      </c>
      <c r="AH8839">
        <v>86</v>
      </c>
      <c r="AI8839">
        <v>88</v>
      </c>
      <c r="AJ8839">
        <v>89</v>
      </c>
      <c r="AK8839">
        <v>90</v>
      </c>
      <c r="AL8839">
        <v>91</v>
      </c>
      <c r="AM8839">
        <v>93</v>
      </c>
      <c r="AN8839">
        <v>94</v>
      </c>
      <c r="AO8839">
        <v>95</v>
      </c>
      <c r="AP8839">
        <v>97</v>
      </c>
      <c r="AQ8839">
        <v>98</v>
      </c>
    </row>
    <row r="8840" spans="1:43">
      <c r="A8840" t="s">
        <v>5532</v>
      </c>
      <c r="B8840" t="s">
        <v>5533</v>
      </c>
      <c r="C8840" t="s">
        <v>5520</v>
      </c>
      <c r="D8840" t="s">
        <v>5521</v>
      </c>
      <c r="E8840" t="s">
        <v>5426</v>
      </c>
      <c r="F8840" t="s">
        <v>5427</v>
      </c>
      <c r="G8840" t="s">
        <v>80</v>
      </c>
      <c r="H8840" t="s">
        <v>81</v>
      </c>
      <c r="I8840" s="2">
        <v>0</v>
      </c>
      <c r="J8840" s="2">
        <v>1</v>
      </c>
      <c r="K8840" s="2">
        <v>0</v>
      </c>
      <c r="L8840" t="s">
        <v>82</v>
      </c>
      <c r="M8840" t="s">
        <v>89</v>
      </c>
      <c r="N8840" t="s">
        <v>90</v>
      </c>
      <c r="O8840" t="s">
        <v>85</v>
      </c>
      <c r="P8840" t="s">
        <v>86</v>
      </c>
      <c r="Q8840">
        <v>67</v>
      </c>
      <c r="R8840">
        <v>70</v>
      </c>
      <c r="S8840">
        <v>72</v>
      </c>
      <c r="T8840">
        <v>74</v>
      </c>
      <c r="U8840">
        <v>77</v>
      </c>
      <c r="V8840">
        <v>79</v>
      </c>
      <c r="W8840">
        <v>81</v>
      </c>
      <c r="X8840">
        <v>83</v>
      </c>
      <c r="Y8840">
        <v>86</v>
      </c>
      <c r="Z8840">
        <v>88</v>
      </c>
      <c r="AA8840">
        <v>90</v>
      </c>
      <c r="AB8840">
        <v>92</v>
      </c>
      <c r="AC8840">
        <v>95</v>
      </c>
      <c r="AD8840">
        <v>97</v>
      </c>
      <c r="AE8840">
        <v>99</v>
      </c>
      <c r="AF8840">
        <v>100</v>
      </c>
      <c r="AG8840">
        <v>101</v>
      </c>
      <c r="AH8840">
        <v>103</v>
      </c>
      <c r="AI8840">
        <v>104</v>
      </c>
      <c r="AJ8840">
        <v>105</v>
      </c>
      <c r="AK8840">
        <v>106</v>
      </c>
      <c r="AL8840">
        <v>107</v>
      </c>
      <c r="AM8840">
        <v>108</v>
      </c>
      <c r="AN8840">
        <v>109</v>
      </c>
      <c r="AO8840">
        <v>110</v>
      </c>
      <c r="AP8840">
        <v>112</v>
      </c>
      <c r="AQ8840">
        <v>113</v>
      </c>
    </row>
    <row r="8841" spans="1:43">
      <c r="A8841" t="s">
        <v>5532</v>
      </c>
      <c r="B8841" t="s">
        <v>5533</v>
      </c>
      <c r="C8841" t="s">
        <v>5520</v>
      </c>
      <c r="D8841" t="s">
        <v>5521</v>
      </c>
      <c r="E8841" t="s">
        <v>5426</v>
      </c>
      <c r="F8841" t="s">
        <v>5427</v>
      </c>
      <c r="G8841" t="s">
        <v>80</v>
      </c>
      <c r="H8841" t="s">
        <v>81</v>
      </c>
      <c r="I8841" s="2">
        <v>0</v>
      </c>
      <c r="J8841" s="2">
        <v>1</v>
      </c>
      <c r="K8841" s="2">
        <v>0</v>
      </c>
      <c r="L8841" t="s">
        <v>82</v>
      </c>
      <c r="M8841" t="s">
        <v>83</v>
      </c>
      <c r="N8841" t="s">
        <v>91</v>
      </c>
      <c r="O8841" t="s">
        <v>85</v>
      </c>
      <c r="P8841" t="s">
        <v>86</v>
      </c>
      <c r="Q8841">
        <v>67</v>
      </c>
      <c r="R8841">
        <v>68</v>
      </c>
      <c r="S8841">
        <v>70</v>
      </c>
      <c r="T8841">
        <v>72</v>
      </c>
      <c r="U8841">
        <v>74</v>
      </c>
      <c r="V8841">
        <v>75</v>
      </c>
      <c r="W8841">
        <v>77</v>
      </c>
      <c r="X8841">
        <v>79</v>
      </c>
      <c r="Y8841">
        <v>81</v>
      </c>
      <c r="Z8841">
        <v>83</v>
      </c>
      <c r="AA8841">
        <v>85</v>
      </c>
      <c r="AB8841">
        <v>87</v>
      </c>
      <c r="AC8841">
        <v>88</v>
      </c>
      <c r="AD8841">
        <v>90</v>
      </c>
      <c r="AE8841">
        <v>92</v>
      </c>
      <c r="AF8841">
        <v>94</v>
      </c>
      <c r="AG8841">
        <v>96</v>
      </c>
      <c r="AH8841">
        <v>98</v>
      </c>
      <c r="AI8841">
        <v>101</v>
      </c>
      <c r="AJ8841">
        <v>103</v>
      </c>
      <c r="AK8841">
        <v>105</v>
      </c>
      <c r="AL8841">
        <v>106</v>
      </c>
      <c r="AM8841">
        <v>107</v>
      </c>
      <c r="AN8841">
        <v>108</v>
      </c>
      <c r="AO8841">
        <v>110</v>
      </c>
      <c r="AP8841">
        <v>111</v>
      </c>
      <c r="AQ8841">
        <v>112</v>
      </c>
    </row>
    <row r="8842" spans="1:43">
      <c r="A8842" t="s">
        <v>5534</v>
      </c>
      <c r="B8842" t="s">
        <v>5535</v>
      </c>
      <c r="C8842" t="s">
        <v>5536</v>
      </c>
      <c r="D8842" t="s">
        <v>5537</v>
      </c>
      <c r="E8842" t="s">
        <v>5426</v>
      </c>
      <c r="F8842" t="s">
        <v>5427</v>
      </c>
      <c r="G8842" t="s">
        <v>80</v>
      </c>
      <c r="H8842" t="s">
        <v>81</v>
      </c>
      <c r="I8842" s="2">
        <v>0</v>
      </c>
      <c r="J8842" s="2">
        <v>1</v>
      </c>
      <c r="K8842" s="2">
        <v>0</v>
      </c>
      <c r="L8842" t="s">
        <v>82</v>
      </c>
      <c r="M8842" t="s">
        <v>83</v>
      </c>
      <c r="N8842" t="s">
        <v>84</v>
      </c>
      <c r="O8842" t="s">
        <v>85</v>
      </c>
      <c r="P8842" t="s">
        <v>86</v>
      </c>
      <c r="Q8842">
        <v>113</v>
      </c>
      <c r="R8842">
        <v>116</v>
      </c>
      <c r="S8842">
        <v>119</v>
      </c>
      <c r="T8842">
        <v>122</v>
      </c>
      <c r="U8842">
        <v>125</v>
      </c>
      <c r="V8842">
        <v>128</v>
      </c>
      <c r="W8842">
        <v>132</v>
      </c>
      <c r="X8842">
        <v>135</v>
      </c>
      <c r="Y8842">
        <v>138</v>
      </c>
      <c r="Z8842">
        <v>141</v>
      </c>
      <c r="AA8842">
        <v>145</v>
      </c>
      <c r="AB8842">
        <v>148</v>
      </c>
      <c r="AC8842">
        <v>151</v>
      </c>
      <c r="AD8842">
        <v>155</v>
      </c>
      <c r="AE8842">
        <v>158</v>
      </c>
      <c r="AF8842">
        <v>161</v>
      </c>
      <c r="AG8842">
        <v>165</v>
      </c>
      <c r="AH8842">
        <v>169</v>
      </c>
      <c r="AI8842">
        <v>172</v>
      </c>
      <c r="AJ8842">
        <v>176</v>
      </c>
      <c r="AK8842">
        <v>180</v>
      </c>
      <c r="AL8842">
        <v>182</v>
      </c>
      <c r="AM8842">
        <v>184</v>
      </c>
      <c r="AN8842">
        <v>186</v>
      </c>
      <c r="AO8842">
        <v>188</v>
      </c>
      <c r="AP8842">
        <v>190</v>
      </c>
      <c r="AQ8842">
        <v>192</v>
      </c>
    </row>
    <row r="8843" spans="1:43">
      <c r="A8843" t="s">
        <v>5534</v>
      </c>
      <c r="B8843" t="s">
        <v>5535</v>
      </c>
      <c r="C8843" t="s">
        <v>5536</v>
      </c>
      <c r="D8843" t="s">
        <v>5537</v>
      </c>
      <c r="E8843" t="s">
        <v>5426</v>
      </c>
      <c r="F8843" t="s">
        <v>5427</v>
      </c>
      <c r="G8843" t="s">
        <v>80</v>
      </c>
      <c r="H8843" t="s">
        <v>81</v>
      </c>
      <c r="I8843" s="2">
        <v>0</v>
      </c>
      <c r="J8843" s="2">
        <v>1</v>
      </c>
      <c r="K8843" s="2">
        <v>0</v>
      </c>
      <c r="L8843" t="s">
        <v>82</v>
      </c>
      <c r="M8843" t="s">
        <v>87</v>
      </c>
      <c r="N8843" t="s">
        <v>88</v>
      </c>
      <c r="O8843" t="s">
        <v>85</v>
      </c>
      <c r="P8843" t="s">
        <v>86</v>
      </c>
      <c r="Q8843">
        <v>113</v>
      </c>
      <c r="R8843">
        <v>115</v>
      </c>
      <c r="S8843">
        <v>117</v>
      </c>
      <c r="T8843">
        <v>119</v>
      </c>
      <c r="U8843">
        <v>121</v>
      </c>
      <c r="V8843">
        <v>123</v>
      </c>
      <c r="W8843">
        <v>125</v>
      </c>
      <c r="X8843">
        <v>127</v>
      </c>
      <c r="Y8843">
        <v>129</v>
      </c>
      <c r="Z8843">
        <v>131</v>
      </c>
      <c r="AA8843">
        <v>133</v>
      </c>
      <c r="AB8843">
        <v>135</v>
      </c>
      <c r="AC8843">
        <v>137</v>
      </c>
      <c r="AD8843">
        <v>139</v>
      </c>
      <c r="AE8843">
        <v>141</v>
      </c>
      <c r="AF8843">
        <v>143</v>
      </c>
      <c r="AG8843">
        <v>145</v>
      </c>
      <c r="AH8843">
        <v>147</v>
      </c>
      <c r="AI8843">
        <v>149</v>
      </c>
      <c r="AJ8843">
        <v>152</v>
      </c>
      <c r="AK8843">
        <v>154</v>
      </c>
      <c r="AL8843">
        <v>156</v>
      </c>
      <c r="AM8843">
        <v>158</v>
      </c>
      <c r="AN8843">
        <v>161</v>
      </c>
      <c r="AO8843">
        <v>163</v>
      </c>
      <c r="AP8843">
        <v>165</v>
      </c>
      <c r="AQ8843">
        <v>168</v>
      </c>
    </row>
    <row r="8844" spans="1:43">
      <c r="A8844" t="s">
        <v>5534</v>
      </c>
      <c r="B8844" t="s">
        <v>5535</v>
      </c>
      <c r="C8844" t="s">
        <v>5536</v>
      </c>
      <c r="D8844" t="s">
        <v>5537</v>
      </c>
      <c r="E8844" t="s">
        <v>5426</v>
      </c>
      <c r="F8844" t="s">
        <v>5427</v>
      </c>
      <c r="G8844" t="s">
        <v>80</v>
      </c>
      <c r="H8844" t="s">
        <v>81</v>
      </c>
      <c r="I8844" s="2">
        <v>0</v>
      </c>
      <c r="J8844" s="2">
        <v>1</v>
      </c>
      <c r="K8844" s="2">
        <v>0</v>
      </c>
      <c r="L8844" t="s">
        <v>82</v>
      </c>
      <c r="M8844" t="s">
        <v>89</v>
      </c>
      <c r="N8844" t="s">
        <v>90</v>
      </c>
      <c r="O8844" t="s">
        <v>85</v>
      </c>
      <c r="P8844" t="s">
        <v>86</v>
      </c>
      <c r="Q8844">
        <v>113</v>
      </c>
      <c r="R8844">
        <v>117</v>
      </c>
      <c r="S8844">
        <v>121</v>
      </c>
      <c r="T8844">
        <v>125</v>
      </c>
      <c r="U8844">
        <v>129</v>
      </c>
      <c r="V8844">
        <v>133</v>
      </c>
      <c r="W8844">
        <v>137</v>
      </c>
      <c r="X8844">
        <v>141</v>
      </c>
      <c r="Y8844">
        <v>145</v>
      </c>
      <c r="Z8844">
        <v>149</v>
      </c>
      <c r="AA8844">
        <v>153</v>
      </c>
      <c r="AB8844">
        <v>157</v>
      </c>
      <c r="AC8844">
        <v>161</v>
      </c>
      <c r="AD8844">
        <v>165</v>
      </c>
      <c r="AE8844">
        <v>169</v>
      </c>
      <c r="AF8844">
        <v>171</v>
      </c>
      <c r="AG8844">
        <v>172</v>
      </c>
      <c r="AH8844">
        <v>174</v>
      </c>
      <c r="AI8844">
        <v>176</v>
      </c>
      <c r="AJ8844">
        <v>178</v>
      </c>
      <c r="AK8844">
        <v>180</v>
      </c>
      <c r="AL8844">
        <v>182</v>
      </c>
      <c r="AM8844">
        <v>184</v>
      </c>
      <c r="AN8844">
        <v>186</v>
      </c>
      <c r="AO8844">
        <v>188</v>
      </c>
      <c r="AP8844">
        <v>190</v>
      </c>
      <c r="AQ8844">
        <v>192</v>
      </c>
    </row>
    <row r="8845" spans="1:43">
      <c r="A8845" t="s">
        <v>5534</v>
      </c>
      <c r="B8845" t="s">
        <v>5535</v>
      </c>
      <c r="C8845" t="s">
        <v>5536</v>
      </c>
      <c r="D8845" t="s">
        <v>5537</v>
      </c>
      <c r="E8845" t="s">
        <v>5426</v>
      </c>
      <c r="F8845" t="s">
        <v>5427</v>
      </c>
      <c r="G8845" t="s">
        <v>80</v>
      </c>
      <c r="H8845" t="s">
        <v>81</v>
      </c>
      <c r="I8845" s="2">
        <v>0</v>
      </c>
      <c r="J8845" s="2">
        <v>1</v>
      </c>
      <c r="K8845" s="2">
        <v>0</v>
      </c>
      <c r="L8845" t="s">
        <v>82</v>
      </c>
      <c r="M8845" t="s">
        <v>83</v>
      </c>
      <c r="N8845" t="s">
        <v>91</v>
      </c>
      <c r="O8845" t="s">
        <v>85</v>
      </c>
      <c r="P8845" t="s">
        <v>86</v>
      </c>
      <c r="Q8845">
        <v>113</v>
      </c>
      <c r="R8845">
        <v>116</v>
      </c>
      <c r="S8845">
        <v>119</v>
      </c>
      <c r="T8845">
        <v>122</v>
      </c>
      <c r="U8845">
        <v>125</v>
      </c>
      <c r="V8845">
        <v>128</v>
      </c>
      <c r="W8845">
        <v>132</v>
      </c>
      <c r="X8845">
        <v>135</v>
      </c>
      <c r="Y8845">
        <v>138</v>
      </c>
      <c r="Z8845">
        <v>141</v>
      </c>
      <c r="AA8845">
        <v>145</v>
      </c>
      <c r="AB8845">
        <v>148</v>
      </c>
      <c r="AC8845">
        <v>151</v>
      </c>
      <c r="AD8845">
        <v>155</v>
      </c>
      <c r="AE8845">
        <v>158</v>
      </c>
      <c r="AF8845">
        <v>161</v>
      </c>
      <c r="AG8845">
        <v>165</v>
      </c>
      <c r="AH8845">
        <v>169</v>
      </c>
      <c r="AI8845">
        <v>172</v>
      </c>
      <c r="AJ8845">
        <v>176</v>
      </c>
      <c r="AK8845">
        <v>180</v>
      </c>
      <c r="AL8845">
        <v>182</v>
      </c>
      <c r="AM8845">
        <v>184</v>
      </c>
      <c r="AN8845">
        <v>186</v>
      </c>
      <c r="AO8845">
        <v>188</v>
      </c>
      <c r="AP8845">
        <v>190</v>
      </c>
      <c r="AQ8845">
        <v>192</v>
      </c>
    </row>
    <row r="8846" spans="1:43">
      <c r="A8846" t="s">
        <v>5538</v>
      </c>
      <c r="B8846" t="s">
        <v>5539</v>
      </c>
      <c r="C8846" t="s">
        <v>5540</v>
      </c>
      <c r="D8846" t="s">
        <v>5541</v>
      </c>
      <c r="E8846" t="s">
        <v>5426</v>
      </c>
      <c r="F8846" t="s">
        <v>5427</v>
      </c>
      <c r="G8846" t="s">
        <v>80</v>
      </c>
      <c r="H8846" t="s">
        <v>81</v>
      </c>
      <c r="I8846" s="2">
        <v>0</v>
      </c>
      <c r="J8846" s="2">
        <v>1</v>
      </c>
      <c r="K8846" s="2">
        <v>0</v>
      </c>
      <c r="L8846" t="s">
        <v>82</v>
      </c>
      <c r="M8846" t="s">
        <v>83</v>
      </c>
      <c r="N8846" t="s">
        <v>84</v>
      </c>
      <c r="O8846" t="s">
        <v>85</v>
      </c>
      <c r="P8846" t="s">
        <v>86</v>
      </c>
      <c r="Q8846">
        <v>100</v>
      </c>
      <c r="R8846">
        <v>102</v>
      </c>
      <c r="S8846">
        <v>105</v>
      </c>
      <c r="T8846">
        <v>107</v>
      </c>
      <c r="U8846">
        <v>110</v>
      </c>
      <c r="V8846">
        <v>113</v>
      </c>
      <c r="W8846">
        <v>116</v>
      </c>
      <c r="X8846">
        <v>118</v>
      </c>
      <c r="Y8846">
        <v>121</v>
      </c>
      <c r="Z8846">
        <v>124</v>
      </c>
      <c r="AA8846">
        <v>127</v>
      </c>
      <c r="AB8846">
        <v>130</v>
      </c>
      <c r="AC8846">
        <v>133</v>
      </c>
      <c r="AD8846">
        <v>136</v>
      </c>
      <c r="AE8846">
        <v>139</v>
      </c>
      <c r="AF8846">
        <v>142</v>
      </c>
      <c r="AG8846">
        <v>145</v>
      </c>
      <c r="AH8846">
        <v>148</v>
      </c>
      <c r="AI8846">
        <v>152</v>
      </c>
      <c r="AJ8846">
        <v>155</v>
      </c>
      <c r="AK8846">
        <v>158</v>
      </c>
      <c r="AL8846">
        <v>160</v>
      </c>
      <c r="AM8846">
        <v>162</v>
      </c>
      <c r="AN8846">
        <v>164</v>
      </c>
      <c r="AO8846">
        <v>166</v>
      </c>
      <c r="AP8846">
        <v>167</v>
      </c>
      <c r="AQ8846">
        <v>169</v>
      </c>
    </row>
    <row r="8847" spans="1:43">
      <c r="A8847" t="s">
        <v>5538</v>
      </c>
      <c r="B8847" t="s">
        <v>5539</v>
      </c>
      <c r="C8847" t="s">
        <v>5540</v>
      </c>
      <c r="D8847" t="s">
        <v>5541</v>
      </c>
      <c r="E8847" t="s">
        <v>5426</v>
      </c>
      <c r="F8847" t="s">
        <v>5427</v>
      </c>
      <c r="G8847" t="s">
        <v>80</v>
      </c>
      <c r="H8847" t="s">
        <v>81</v>
      </c>
      <c r="I8847" s="2">
        <v>0</v>
      </c>
      <c r="J8847" s="2">
        <v>1</v>
      </c>
      <c r="K8847" s="2">
        <v>0</v>
      </c>
      <c r="L8847" t="s">
        <v>82</v>
      </c>
      <c r="M8847" t="s">
        <v>87</v>
      </c>
      <c r="N8847" t="s">
        <v>88</v>
      </c>
      <c r="O8847" t="s">
        <v>85</v>
      </c>
      <c r="P8847" t="s">
        <v>86</v>
      </c>
      <c r="Q8847">
        <v>100</v>
      </c>
      <c r="R8847">
        <v>101</v>
      </c>
      <c r="S8847">
        <v>103</v>
      </c>
      <c r="T8847">
        <v>105</v>
      </c>
      <c r="U8847">
        <v>106</v>
      </c>
      <c r="V8847">
        <v>108</v>
      </c>
      <c r="W8847">
        <v>110</v>
      </c>
      <c r="X8847">
        <v>111</v>
      </c>
      <c r="Y8847">
        <v>113</v>
      </c>
      <c r="Z8847">
        <v>115</v>
      </c>
      <c r="AA8847">
        <v>117</v>
      </c>
      <c r="AB8847">
        <v>118</v>
      </c>
      <c r="AC8847">
        <v>120</v>
      </c>
      <c r="AD8847">
        <v>122</v>
      </c>
      <c r="AE8847">
        <v>124</v>
      </c>
      <c r="AF8847">
        <v>126</v>
      </c>
      <c r="AG8847">
        <v>128</v>
      </c>
      <c r="AH8847">
        <v>130</v>
      </c>
      <c r="AI8847">
        <v>132</v>
      </c>
      <c r="AJ8847">
        <v>134</v>
      </c>
      <c r="AK8847">
        <v>136</v>
      </c>
      <c r="AL8847">
        <v>138</v>
      </c>
      <c r="AM8847">
        <v>140</v>
      </c>
      <c r="AN8847">
        <v>142</v>
      </c>
      <c r="AO8847">
        <v>144</v>
      </c>
      <c r="AP8847">
        <v>146</v>
      </c>
      <c r="AQ8847">
        <v>148</v>
      </c>
    </row>
    <row r="8848" spans="1:43">
      <c r="A8848" t="s">
        <v>5538</v>
      </c>
      <c r="B8848" t="s">
        <v>5539</v>
      </c>
      <c r="C8848" t="s">
        <v>5540</v>
      </c>
      <c r="D8848" t="s">
        <v>5541</v>
      </c>
      <c r="E8848" t="s">
        <v>5426</v>
      </c>
      <c r="F8848" t="s">
        <v>5427</v>
      </c>
      <c r="G8848" t="s">
        <v>80</v>
      </c>
      <c r="H8848" t="s">
        <v>81</v>
      </c>
      <c r="I8848" s="2">
        <v>0</v>
      </c>
      <c r="J8848" s="2">
        <v>1</v>
      </c>
      <c r="K8848" s="2">
        <v>0</v>
      </c>
      <c r="L8848" t="s">
        <v>82</v>
      </c>
      <c r="M8848" t="s">
        <v>89</v>
      </c>
      <c r="N8848" t="s">
        <v>90</v>
      </c>
      <c r="O8848" t="s">
        <v>85</v>
      </c>
      <c r="P8848" t="s">
        <v>86</v>
      </c>
      <c r="Q8848">
        <v>100</v>
      </c>
      <c r="R8848">
        <v>104</v>
      </c>
      <c r="S8848">
        <v>107</v>
      </c>
      <c r="T8848">
        <v>111</v>
      </c>
      <c r="U8848">
        <v>114</v>
      </c>
      <c r="V8848">
        <v>118</v>
      </c>
      <c r="W8848">
        <v>122</v>
      </c>
      <c r="X8848">
        <v>125</v>
      </c>
      <c r="Y8848">
        <v>128</v>
      </c>
      <c r="Z8848">
        <v>132</v>
      </c>
      <c r="AA8848">
        <v>135</v>
      </c>
      <c r="AB8848">
        <v>139</v>
      </c>
      <c r="AC8848">
        <v>143</v>
      </c>
      <c r="AD8848">
        <v>146</v>
      </c>
      <c r="AE8848">
        <v>149</v>
      </c>
      <c r="AF8848">
        <v>151</v>
      </c>
      <c r="AG8848">
        <v>153</v>
      </c>
      <c r="AH8848">
        <v>154</v>
      </c>
      <c r="AI8848">
        <v>156</v>
      </c>
      <c r="AJ8848">
        <v>158</v>
      </c>
      <c r="AK8848">
        <v>159</v>
      </c>
      <c r="AL8848">
        <v>161</v>
      </c>
      <c r="AM8848">
        <v>163</v>
      </c>
      <c r="AN8848">
        <v>164</v>
      </c>
      <c r="AO8848">
        <v>166</v>
      </c>
      <c r="AP8848">
        <v>168</v>
      </c>
      <c r="AQ8848">
        <v>169</v>
      </c>
    </row>
    <row r="8849" spans="1:43">
      <c r="A8849" t="s">
        <v>5538</v>
      </c>
      <c r="B8849" t="s">
        <v>5539</v>
      </c>
      <c r="C8849" t="s">
        <v>5540</v>
      </c>
      <c r="D8849" t="s">
        <v>5541</v>
      </c>
      <c r="E8849" t="s">
        <v>5426</v>
      </c>
      <c r="F8849" t="s">
        <v>5427</v>
      </c>
      <c r="G8849" t="s">
        <v>80</v>
      </c>
      <c r="H8849" t="s">
        <v>81</v>
      </c>
      <c r="I8849" s="2">
        <v>0</v>
      </c>
      <c r="J8849" s="2">
        <v>1</v>
      </c>
      <c r="K8849" s="2">
        <v>0</v>
      </c>
      <c r="L8849" t="s">
        <v>82</v>
      </c>
      <c r="M8849" t="s">
        <v>83</v>
      </c>
      <c r="N8849" t="s">
        <v>91</v>
      </c>
      <c r="O8849" t="s">
        <v>85</v>
      </c>
      <c r="P8849" t="s">
        <v>86</v>
      </c>
      <c r="Q8849">
        <v>100</v>
      </c>
      <c r="R8849">
        <v>102</v>
      </c>
      <c r="S8849">
        <v>105</v>
      </c>
      <c r="T8849">
        <v>107</v>
      </c>
      <c r="U8849">
        <v>110</v>
      </c>
      <c r="V8849">
        <v>113</v>
      </c>
      <c r="W8849">
        <v>116</v>
      </c>
      <c r="X8849">
        <v>118</v>
      </c>
      <c r="Y8849">
        <v>121</v>
      </c>
      <c r="Z8849">
        <v>124</v>
      </c>
      <c r="AA8849">
        <v>127</v>
      </c>
      <c r="AB8849">
        <v>130</v>
      </c>
      <c r="AC8849">
        <v>133</v>
      </c>
      <c r="AD8849">
        <v>136</v>
      </c>
      <c r="AE8849">
        <v>139</v>
      </c>
      <c r="AF8849">
        <v>142</v>
      </c>
      <c r="AG8849">
        <v>145</v>
      </c>
      <c r="AH8849">
        <v>148</v>
      </c>
      <c r="AI8849">
        <v>152</v>
      </c>
      <c r="AJ8849">
        <v>155</v>
      </c>
      <c r="AK8849">
        <v>158</v>
      </c>
      <c r="AL8849">
        <v>160</v>
      </c>
      <c r="AM8849">
        <v>162</v>
      </c>
      <c r="AN8849">
        <v>164</v>
      </c>
      <c r="AO8849">
        <v>166</v>
      </c>
      <c r="AP8849">
        <v>167</v>
      </c>
      <c r="AQ8849">
        <v>169</v>
      </c>
    </row>
    <row r="8850" spans="1:43">
      <c r="A8850" t="s">
        <v>5542</v>
      </c>
      <c r="B8850" t="s">
        <v>5543</v>
      </c>
      <c r="C8850" t="s">
        <v>5540</v>
      </c>
      <c r="D8850" t="s">
        <v>5541</v>
      </c>
      <c r="E8850" t="s">
        <v>5426</v>
      </c>
      <c r="F8850" t="s">
        <v>5427</v>
      </c>
      <c r="G8850" t="s">
        <v>80</v>
      </c>
      <c r="H8850" t="s">
        <v>81</v>
      </c>
      <c r="I8850" s="2">
        <v>0</v>
      </c>
      <c r="J8850" s="2">
        <v>1</v>
      </c>
      <c r="K8850" s="2">
        <v>0</v>
      </c>
      <c r="L8850" t="s">
        <v>82</v>
      </c>
      <c r="M8850" t="s">
        <v>83</v>
      </c>
      <c r="N8850" t="s">
        <v>84</v>
      </c>
      <c r="O8850" t="s">
        <v>85</v>
      </c>
      <c r="P8850" t="s">
        <v>86</v>
      </c>
      <c r="Q8850">
        <v>77</v>
      </c>
      <c r="R8850">
        <v>79</v>
      </c>
      <c r="S8850">
        <v>81</v>
      </c>
      <c r="T8850">
        <v>83</v>
      </c>
      <c r="U8850">
        <v>85</v>
      </c>
      <c r="V8850">
        <v>87</v>
      </c>
      <c r="W8850">
        <v>90</v>
      </c>
      <c r="X8850">
        <v>92</v>
      </c>
      <c r="Y8850">
        <v>94</v>
      </c>
      <c r="Z8850">
        <v>96</v>
      </c>
      <c r="AA8850">
        <v>98</v>
      </c>
      <c r="AB8850">
        <v>101</v>
      </c>
      <c r="AC8850">
        <v>103</v>
      </c>
      <c r="AD8850">
        <v>105</v>
      </c>
      <c r="AE8850">
        <v>108</v>
      </c>
      <c r="AF8850">
        <v>110</v>
      </c>
      <c r="AG8850">
        <v>112</v>
      </c>
      <c r="AH8850">
        <v>115</v>
      </c>
      <c r="AI8850">
        <v>117</v>
      </c>
      <c r="AJ8850">
        <v>120</v>
      </c>
      <c r="AK8850">
        <v>122</v>
      </c>
      <c r="AL8850">
        <v>124</v>
      </c>
      <c r="AM8850">
        <v>126</v>
      </c>
      <c r="AN8850">
        <v>127</v>
      </c>
      <c r="AO8850">
        <v>128</v>
      </c>
      <c r="AP8850">
        <v>129</v>
      </c>
      <c r="AQ8850">
        <v>131</v>
      </c>
    </row>
    <row r="8851" spans="1:43">
      <c r="A8851" t="s">
        <v>5542</v>
      </c>
      <c r="B8851" t="s">
        <v>5543</v>
      </c>
      <c r="C8851" t="s">
        <v>5540</v>
      </c>
      <c r="D8851" t="s">
        <v>5541</v>
      </c>
      <c r="E8851" t="s">
        <v>5426</v>
      </c>
      <c r="F8851" t="s">
        <v>5427</v>
      </c>
      <c r="G8851" t="s">
        <v>80</v>
      </c>
      <c r="H8851" t="s">
        <v>81</v>
      </c>
      <c r="I8851" s="2">
        <v>0</v>
      </c>
      <c r="J8851" s="2">
        <v>1</v>
      </c>
      <c r="K8851" s="2">
        <v>0</v>
      </c>
      <c r="L8851" t="s">
        <v>82</v>
      </c>
      <c r="M8851" t="s">
        <v>87</v>
      </c>
      <c r="N8851" t="s">
        <v>88</v>
      </c>
      <c r="O8851" t="s">
        <v>85</v>
      </c>
      <c r="P8851" t="s">
        <v>86</v>
      </c>
      <c r="Q8851">
        <v>77</v>
      </c>
      <c r="R8851">
        <v>79</v>
      </c>
      <c r="S8851">
        <v>80</v>
      </c>
      <c r="T8851">
        <v>81</v>
      </c>
      <c r="U8851">
        <v>83</v>
      </c>
      <c r="V8851">
        <v>84</v>
      </c>
      <c r="W8851">
        <v>85</v>
      </c>
      <c r="X8851">
        <v>86</v>
      </c>
      <c r="Y8851">
        <v>88</v>
      </c>
      <c r="Z8851">
        <v>89</v>
      </c>
      <c r="AA8851">
        <v>91</v>
      </c>
      <c r="AB8851">
        <v>92</v>
      </c>
      <c r="AC8851">
        <v>93</v>
      </c>
      <c r="AD8851">
        <v>95</v>
      </c>
      <c r="AE8851">
        <v>96</v>
      </c>
      <c r="AF8851">
        <v>98</v>
      </c>
      <c r="AG8851">
        <v>99</v>
      </c>
      <c r="AH8851">
        <v>101</v>
      </c>
      <c r="AI8851">
        <v>102</v>
      </c>
      <c r="AJ8851">
        <v>104</v>
      </c>
      <c r="AK8851">
        <v>105</v>
      </c>
      <c r="AL8851">
        <v>107</v>
      </c>
      <c r="AM8851">
        <v>108</v>
      </c>
      <c r="AN8851">
        <v>110</v>
      </c>
      <c r="AO8851">
        <v>111</v>
      </c>
      <c r="AP8851">
        <v>113</v>
      </c>
      <c r="AQ8851">
        <v>115</v>
      </c>
    </row>
    <row r="8852" spans="1:43">
      <c r="A8852" t="s">
        <v>5542</v>
      </c>
      <c r="B8852" t="s">
        <v>5543</v>
      </c>
      <c r="C8852" t="s">
        <v>5540</v>
      </c>
      <c r="D8852" t="s">
        <v>5541</v>
      </c>
      <c r="E8852" t="s">
        <v>5426</v>
      </c>
      <c r="F8852" t="s">
        <v>5427</v>
      </c>
      <c r="G8852" t="s">
        <v>80</v>
      </c>
      <c r="H8852" t="s">
        <v>81</v>
      </c>
      <c r="I8852" s="2">
        <v>0</v>
      </c>
      <c r="J8852" s="2">
        <v>1</v>
      </c>
      <c r="K8852" s="2">
        <v>0</v>
      </c>
      <c r="L8852" t="s">
        <v>82</v>
      </c>
      <c r="M8852" t="s">
        <v>89</v>
      </c>
      <c r="N8852" t="s">
        <v>90</v>
      </c>
      <c r="O8852" t="s">
        <v>85</v>
      </c>
      <c r="P8852" t="s">
        <v>86</v>
      </c>
      <c r="Q8852">
        <v>77</v>
      </c>
      <c r="R8852">
        <v>80</v>
      </c>
      <c r="S8852">
        <v>82</v>
      </c>
      <c r="T8852">
        <v>85</v>
      </c>
      <c r="U8852">
        <v>88</v>
      </c>
      <c r="V8852">
        <v>90</v>
      </c>
      <c r="W8852">
        <v>93</v>
      </c>
      <c r="X8852">
        <v>96</v>
      </c>
      <c r="Y8852">
        <v>99</v>
      </c>
      <c r="Z8852">
        <v>101</v>
      </c>
      <c r="AA8852">
        <v>104</v>
      </c>
      <c r="AB8852">
        <v>107</v>
      </c>
      <c r="AC8852">
        <v>110</v>
      </c>
      <c r="AD8852">
        <v>112</v>
      </c>
      <c r="AE8852">
        <v>115</v>
      </c>
      <c r="AF8852">
        <v>116</v>
      </c>
      <c r="AG8852">
        <v>117</v>
      </c>
      <c r="AH8852">
        <v>118</v>
      </c>
      <c r="AI8852">
        <v>120</v>
      </c>
      <c r="AJ8852">
        <v>121</v>
      </c>
      <c r="AK8852">
        <v>122</v>
      </c>
      <c r="AL8852">
        <v>124</v>
      </c>
      <c r="AM8852">
        <v>125</v>
      </c>
      <c r="AN8852">
        <v>126</v>
      </c>
      <c r="AO8852">
        <v>128</v>
      </c>
      <c r="AP8852">
        <v>129</v>
      </c>
      <c r="AQ8852">
        <v>130</v>
      </c>
    </row>
    <row r="8853" spans="1:43">
      <c r="A8853" t="s">
        <v>5542</v>
      </c>
      <c r="B8853" t="s">
        <v>5543</v>
      </c>
      <c r="C8853" t="s">
        <v>5540</v>
      </c>
      <c r="D8853" t="s">
        <v>5541</v>
      </c>
      <c r="E8853" t="s">
        <v>5426</v>
      </c>
      <c r="F8853" t="s">
        <v>5427</v>
      </c>
      <c r="G8853" t="s">
        <v>80</v>
      </c>
      <c r="H8853" t="s">
        <v>81</v>
      </c>
      <c r="I8853" s="2">
        <v>0</v>
      </c>
      <c r="J8853" s="2">
        <v>1</v>
      </c>
      <c r="K8853" s="2">
        <v>0</v>
      </c>
      <c r="L8853" t="s">
        <v>82</v>
      </c>
      <c r="M8853" t="s">
        <v>83</v>
      </c>
      <c r="N8853" t="s">
        <v>91</v>
      </c>
      <c r="O8853" t="s">
        <v>85</v>
      </c>
      <c r="P8853" t="s">
        <v>86</v>
      </c>
      <c r="Q8853">
        <v>77</v>
      </c>
      <c r="R8853">
        <v>79</v>
      </c>
      <c r="S8853">
        <v>81</v>
      </c>
      <c r="T8853">
        <v>83</v>
      </c>
      <c r="U8853">
        <v>85</v>
      </c>
      <c r="V8853">
        <v>87</v>
      </c>
      <c r="W8853">
        <v>90</v>
      </c>
      <c r="X8853">
        <v>92</v>
      </c>
      <c r="Y8853">
        <v>94</v>
      </c>
      <c r="Z8853">
        <v>96</v>
      </c>
      <c r="AA8853">
        <v>98</v>
      </c>
      <c r="AB8853">
        <v>101</v>
      </c>
      <c r="AC8853">
        <v>103</v>
      </c>
      <c r="AD8853">
        <v>105</v>
      </c>
      <c r="AE8853">
        <v>108</v>
      </c>
      <c r="AF8853">
        <v>110</v>
      </c>
      <c r="AG8853">
        <v>112</v>
      </c>
      <c r="AH8853">
        <v>115</v>
      </c>
      <c r="AI8853">
        <v>117</v>
      </c>
      <c r="AJ8853">
        <v>120</v>
      </c>
      <c r="AK8853">
        <v>122</v>
      </c>
      <c r="AL8853">
        <v>124</v>
      </c>
      <c r="AM8853">
        <v>126</v>
      </c>
      <c r="AN8853">
        <v>127</v>
      </c>
      <c r="AO8853">
        <v>128</v>
      </c>
      <c r="AP8853">
        <v>129</v>
      </c>
      <c r="AQ8853">
        <v>131</v>
      </c>
    </row>
    <row r="8854" spans="1:43">
      <c r="A8854" t="s">
        <v>5544</v>
      </c>
      <c r="B8854" t="s">
        <v>5545</v>
      </c>
      <c r="C8854" t="s">
        <v>5536</v>
      </c>
      <c r="D8854" t="s">
        <v>5537</v>
      </c>
      <c r="E8854" t="s">
        <v>5426</v>
      </c>
      <c r="F8854" t="s">
        <v>5427</v>
      </c>
      <c r="G8854" t="s">
        <v>80</v>
      </c>
      <c r="H8854" t="s">
        <v>81</v>
      </c>
      <c r="I8854" s="2">
        <v>0</v>
      </c>
      <c r="J8854" s="2">
        <v>1</v>
      </c>
      <c r="K8854" s="2">
        <v>0</v>
      </c>
      <c r="L8854" t="s">
        <v>82</v>
      </c>
      <c r="M8854" t="s">
        <v>83</v>
      </c>
      <c r="N8854" t="s">
        <v>84</v>
      </c>
      <c r="O8854" t="s">
        <v>85</v>
      </c>
      <c r="P8854" t="s">
        <v>86</v>
      </c>
      <c r="Q8854">
        <v>47</v>
      </c>
      <c r="R8854">
        <v>48</v>
      </c>
      <c r="S8854">
        <v>49</v>
      </c>
      <c r="T8854">
        <v>50</v>
      </c>
      <c r="U8854">
        <v>51</v>
      </c>
      <c r="V8854">
        <v>53</v>
      </c>
      <c r="W8854">
        <v>54</v>
      </c>
      <c r="X8854">
        <v>55</v>
      </c>
      <c r="Y8854">
        <v>57</v>
      </c>
      <c r="Z8854">
        <v>58</v>
      </c>
      <c r="AA8854">
        <v>59</v>
      </c>
      <c r="AB8854">
        <v>61</v>
      </c>
      <c r="AC8854">
        <v>62</v>
      </c>
      <c r="AD8854">
        <v>63</v>
      </c>
      <c r="AE8854">
        <v>65</v>
      </c>
      <c r="AF8854">
        <v>66</v>
      </c>
      <c r="AG8854">
        <v>68</v>
      </c>
      <c r="AH8854">
        <v>69</v>
      </c>
      <c r="AI8854">
        <v>71</v>
      </c>
      <c r="AJ8854">
        <v>72</v>
      </c>
      <c r="AK8854">
        <v>74</v>
      </c>
      <c r="AL8854">
        <v>75</v>
      </c>
      <c r="AM8854">
        <v>76</v>
      </c>
      <c r="AN8854">
        <v>76</v>
      </c>
      <c r="AO8854">
        <v>77</v>
      </c>
      <c r="AP8854">
        <v>78</v>
      </c>
      <c r="AQ8854">
        <v>79</v>
      </c>
    </row>
    <row r="8855" spans="1:43">
      <c r="A8855" t="s">
        <v>5544</v>
      </c>
      <c r="B8855" t="s">
        <v>5545</v>
      </c>
      <c r="C8855" t="s">
        <v>5536</v>
      </c>
      <c r="D8855" t="s">
        <v>5537</v>
      </c>
      <c r="E8855" t="s">
        <v>5426</v>
      </c>
      <c r="F8855" t="s">
        <v>5427</v>
      </c>
      <c r="G8855" t="s">
        <v>80</v>
      </c>
      <c r="H8855" t="s">
        <v>81</v>
      </c>
      <c r="I8855" s="2">
        <v>0</v>
      </c>
      <c r="J8855" s="2">
        <v>1</v>
      </c>
      <c r="K8855" s="2">
        <v>0</v>
      </c>
      <c r="L8855" t="s">
        <v>82</v>
      </c>
      <c r="M8855" t="s">
        <v>87</v>
      </c>
      <c r="N8855" t="s">
        <v>88</v>
      </c>
      <c r="O8855" t="s">
        <v>85</v>
      </c>
      <c r="P8855" t="s">
        <v>86</v>
      </c>
      <c r="Q8855">
        <v>47</v>
      </c>
      <c r="R8855">
        <v>48</v>
      </c>
      <c r="S8855">
        <v>49</v>
      </c>
      <c r="T8855">
        <v>49</v>
      </c>
      <c r="U8855">
        <v>50</v>
      </c>
      <c r="V8855">
        <v>51</v>
      </c>
      <c r="W8855">
        <v>52</v>
      </c>
      <c r="X8855">
        <v>53</v>
      </c>
      <c r="Y8855">
        <v>53</v>
      </c>
      <c r="Z8855">
        <v>54</v>
      </c>
      <c r="AA8855">
        <v>55</v>
      </c>
      <c r="AB8855">
        <v>56</v>
      </c>
      <c r="AC8855">
        <v>57</v>
      </c>
      <c r="AD8855">
        <v>58</v>
      </c>
      <c r="AE8855">
        <v>58</v>
      </c>
      <c r="AF8855">
        <v>59</v>
      </c>
      <c r="AG8855">
        <v>60</v>
      </c>
      <c r="AH8855">
        <v>61</v>
      </c>
      <c r="AI8855">
        <v>62</v>
      </c>
      <c r="AJ8855">
        <v>63</v>
      </c>
      <c r="AK8855">
        <v>64</v>
      </c>
      <c r="AL8855">
        <v>65</v>
      </c>
      <c r="AM8855">
        <v>66</v>
      </c>
      <c r="AN8855">
        <v>66</v>
      </c>
      <c r="AO8855">
        <v>67</v>
      </c>
      <c r="AP8855">
        <v>68</v>
      </c>
      <c r="AQ8855">
        <v>69</v>
      </c>
    </row>
    <row r="8856" spans="1:43">
      <c r="A8856" t="s">
        <v>5544</v>
      </c>
      <c r="B8856" t="s">
        <v>5545</v>
      </c>
      <c r="C8856" t="s">
        <v>5536</v>
      </c>
      <c r="D8856" t="s">
        <v>5537</v>
      </c>
      <c r="E8856" t="s">
        <v>5426</v>
      </c>
      <c r="F8856" t="s">
        <v>5427</v>
      </c>
      <c r="G8856" t="s">
        <v>80</v>
      </c>
      <c r="H8856" t="s">
        <v>81</v>
      </c>
      <c r="I8856" s="2">
        <v>0</v>
      </c>
      <c r="J8856" s="2">
        <v>1</v>
      </c>
      <c r="K8856" s="2">
        <v>0</v>
      </c>
      <c r="L8856" t="s">
        <v>82</v>
      </c>
      <c r="M8856" t="s">
        <v>89</v>
      </c>
      <c r="N8856" t="s">
        <v>90</v>
      </c>
      <c r="O8856" t="s">
        <v>85</v>
      </c>
      <c r="P8856" t="s">
        <v>86</v>
      </c>
      <c r="Q8856">
        <v>47</v>
      </c>
      <c r="R8856">
        <v>49</v>
      </c>
      <c r="S8856">
        <v>50</v>
      </c>
      <c r="T8856">
        <v>52</v>
      </c>
      <c r="U8856">
        <v>54</v>
      </c>
      <c r="V8856">
        <v>55</v>
      </c>
      <c r="W8856">
        <v>57</v>
      </c>
      <c r="X8856">
        <v>58</v>
      </c>
      <c r="Y8856">
        <v>60</v>
      </c>
      <c r="Z8856">
        <v>62</v>
      </c>
      <c r="AA8856">
        <v>63</v>
      </c>
      <c r="AB8856">
        <v>65</v>
      </c>
      <c r="AC8856">
        <v>67</v>
      </c>
      <c r="AD8856">
        <v>68</v>
      </c>
      <c r="AE8856">
        <v>70</v>
      </c>
      <c r="AF8856">
        <v>70</v>
      </c>
      <c r="AG8856">
        <v>71</v>
      </c>
      <c r="AH8856">
        <v>72</v>
      </c>
      <c r="AI8856">
        <v>73</v>
      </c>
      <c r="AJ8856">
        <v>74</v>
      </c>
      <c r="AK8856">
        <v>74</v>
      </c>
      <c r="AL8856">
        <v>75</v>
      </c>
      <c r="AM8856">
        <v>76</v>
      </c>
      <c r="AN8856">
        <v>77</v>
      </c>
      <c r="AO8856">
        <v>77</v>
      </c>
      <c r="AP8856">
        <v>78</v>
      </c>
      <c r="AQ8856">
        <v>79</v>
      </c>
    </row>
    <row r="8857" spans="1:43">
      <c r="A8857" t="s">
        <v>5544</v>
      </c>
      <c r="B8857" t="s">
        <v>5545</v>
      </c>
      <c r="C8857" t="s">
        <v>5536</v>
      </c>
      <c r="D8857" t="s">
        <v>5537</v>
      </c>
      <c r="E8857" t="s">
        <v>5426</v>
      </c>
      <c r="F8857" t="s">
        <v>5427</v>
      </c>
      <c r="G8857" t="s">
        <v>80</v>
      </c>
      <c r="H8857" t="s">
        <v>81</v>
      </c>
      <c r="I8857" s="2">
        <v>0</v>
      </c>
      <c r="J8857" s="2">
        <v>1</v>
      </c>
      <c r="K8857" s="2">
        <v>0</v>
      </c>
      <c r="L8857" t="s">
        <v>82</v>
      </c>
      <c r="M8857" t="s">
        <v>83</v>
      </c>
      <c r="N8857" t="s">
        <v>91</v>
      </c>
      <c r="O8857" t="s">
        <v>85</v>
      </c>
      <c r="P8857" t="s">
        <v>86</v>
      </c>
      <c r="Q8857">
        <v>47</v>
      </c>
      <c r="R8857">
        <v>48</v>
      </c>
      <c r="S8857">
        <v>49</v>
      </c>
      <c r="T8857">
        <v>50</v>
      </c>
      <c r="U8857">
        <v>51</v>
      </c>
      <c r="V8857">
        <v>53</v>
      </c>
      <c r="W8857">
        <v>54</v>
      </c>
      <c r="X8857">
        <v>55</v>
      </c>
      <c r="Y8857">
        <v>57</v>
      </c>
      <c r="Z8857">
        <v>58</v>
      </c>
      <c r="AA8857">
        <v>59</v>
      </c>
      <c r="AB8857">
        <v>61</v>
      </c>
      <c r="AC8857">
        <v>62</v>
      </c>
      <c r="AD8857">
        <v>63</v>
      </c>
      <c r="AE8857">
        <v>65</v>
      </c>
      <c r="AF8857">
        <v>66</v>
      </c>
      <c r="AG8857">
        <v>68</v>
      </c>
      <c r="AH8857">
        <v>69</v>
      </c>
      <c r="AI8857">
        <v>71</v>
      </c>
      <c r="AJ8857">
        <v>72</v>
      </c>
      <c r="AK8857">
        <v>74</v>
      </c>
      <c r="AL8857">
        <v>75</v>
      </c>
      <c r="AM8857">
        <v>76</v>
      </c>
      <c r="AN8857">
        <v>76</v>
      </c>
      <c r="AO8857">
        <v>77</v>
      </c>
      <c r="AP8857">
        <v>78</v>
      </c>
      <c r="AQ8857">
        <v>79</v>
      </c>
    </row>
    <row r="8858" spans="1:43">
      <c r="A8858" t="s">
        <v>5546</v>
      </c>
      <c r="B8858" t="s">
        <v>5547</v>
      </c>
      <c r="C8858" t="s">
        <v>5548</v>
      </c>
      <c r="D8858" t="s">
        <v>5549</v>
      </c>
      <c r="E8858" t="s">
        <v>5426</v>
      </c>
      <c r="F8858" t="s">
        <v>5427</v>
      </c>
      <c r="G8858" t="s">
        <v>80</v>
      </c>
      <c r="H8858" t="s">
        <v>81</v>
      </c>
      <c r="I8858" s="2">
        <v>0</v>
      </c>
      <c r="J8858" s="2">
        <v>1</v>
      </c>
      <c r="K8858" s="2">
        <v>0</v>
      </c>
      <c r="L8858" t="s">
        <v>82</v>
      </c>
      <c r="M8858" t="s">
        <v>83</v>
      </c>
      <c r="N8858" t="s">
        <v>84</v>
      </c>
      <c r="O8858" t="s">
        <v>85</v>
      </c>
      <c r="P8858" t="s">
        <v>86</v>
      </c>
      <c r="Q8858">
        <v>45</v>
      </c>
      <c r="R8858">
        <v>46</v>
      </c>
      <c r="S8858">
        <v>47</v>
      </c>
      <c r="T8858">
        <v>49</v>
      </c>
      <c r="U8858">
        <v>50</v>
      </c>
      <c r="V8858">
        <v>51</v>
      </c>
      <c r="W8858">
        <v>52</v>
      </c>
      <c r="X8858">
        <v>54</v>
      </c>
      <c r="Y8858">
        <v>55</v>
      </c>
      <c r="Z8858">
        <v>56</v>
      </c>
      <c r="AA8858">
        <v>57</v>
      </c>
      <c r="AB8858">
        <v>59</v>
      </c>
      <c r="AC8858">
        <v>60</v>
      </c>
      <c r="AD8858">
        <v>61</v>
      </c>
      <c r="AE8858">
        <v>63</v>
      </c>
      <c r="AF8858">
        <v>64</v>
      </c>
      <c r="AG8858">
        <v>66</v>
      </c>
      <c r="AH8858">
        <v>67</v>
      </c>
      <c r="AI8858">
        <v>68</v>
      </c>
      <c r="AJ8858">
        <v>70</v>
      </c>
      <c r="AK8858">
        <v>71</v>
      </c>
      <c r="AL8858">
        <v>72</v>
      </c>
      <c r="AM8858">
        <v>73</v>
      </c>
      <c r="AN8858">
        <v>74</v>
      </c>
      <c r="AO8858">
        <v>75</v>
      </c>
      <c r="AP8858">
        <v>75</v>
      </c>
      <c r="AQ8858">
        <v>76</v>
      </c>
    </row>
    <row r="8859" spans="1:43">
      <c r="A8859" t="s">
        <v>5546</v>
      </c>
      <c r="B8859" t="s">
        <v>5547</v>
      </c>
      <c r="C8859" t="s">
        <v>5548</v>
      </c>
      <c r="D8859" t="s">
        <v>5549</v>
      </c>
      <c r="E8859" t="s">
        <v>5426</v>
      </c>
      <c r="F8859" t="s">
        <v>5427</v>
      </c>
      <c r="G8859" t="s">
        <v>80</v>
      </c>
      <c r="H8859" t="s">
        <v>81</v>
      </c>
      <c r="I8859" s="2">
        <v>0</v>
      </c>
      <c r="J8859" s="2">
        <v>1</v>
      </c>
      <c r="K8859" s="2">
        <v>0</v>
      </c>
      <c r="L8859" t="s">
        <v>82</v>
      </c>
      <c r="M8859" t="s">
        <v>87</v>
      </c>
      <c r="N8859" t="s">
        <v>88</v>
      </c>
      <c r="O8859" t="s">
        <v>85</v>
      </c>
      <c r="P8859" t="s">
        <v>86</v>
      </c>
      <c r="Q8859">
        <v>45</v>
      </c>
      <c r="R8859">
        <v>45</v>
      </c>
      <c r="S8859">
        <v>46</v>
      </c>
      <c r="T8859">
        <v>47</v>
      </c>
      <c r="U8859">
        <v>48</v>
      </c>
      <c r="V8859">
        <v>48</v>
      </c>
      <c r="W8859">
        <v>49</v>
      </c>
      <c r="X8859">
        <v>50</v>
      </c>
      <c r="Y8859">
        <v>51</v>
      </c>
      <c r="Z8859">
        <v>52</v>
      </c>
      <c r="AA8859">
        <v>52</v>
      </c>
      <c r="AB8859">
        <v>53</v>
      </c>
      <c r="AC8859">
        <v>54</v>
      </c>
      <c r="AD8859">
        <v>55</v>
      </c>
      <c r="AE8859">
        <v>56</v>
      </c>
      <c r="AF8859">
        <v>56</v>
      </c>
      <c r="AG8859">
        <v>57</v>
      </c>
      <c r="AH8859">
        <v>58</v>
      </c>
      <c r="AI8859">
        <v>59</v>
      </c>
      <c r="AJ8859">
        <v>60</v>
      </c>
      <c r="AK8859">
        <v>61</v>
      </c>
      <c r="AL8859">
        <v>62</v>
      </c>
      <c r="AM8859">
        <v>63</v>
      </c>
      <c r="AN8859">
        <v>63</v>
      </c>
      <c r="AO8859">
        <v>64</v>
      </c>
      <c r="AP8859">
        <v>65</v>
      </c>
      <c r="AQ8859">
        <v>66</v>
      </c>
    </row>
    <row r="8860" spans="1:43">
      <c r="A8860" t="s">
        <v>5546</v>
      </c>
      <c r="B8860" t="s">
        <v>5547</v>
      </c>
      <c r="C8860" t="s">
        <v>5548</v>
      </c>
      <c r="D8860" t="s">
        <v>5549</v>
      </c>
      <c r="E8860" t="s">
        <v>5426</v>
      </c>
      <c r="F8860" t="s">
        <v>5427</v>
      </c>
      <c r="G8860" t="s">
        <v>80</v>
      </c>
      <c r="H8860" t="s">
        <v>81</v>
      </c>
      <c r="I8860" s="2">
        <v>0</v>
      </c>
      <c r="J8860" s="2">
        <v>1</v>
      </c>
      <c r="K8860" s="2">
        <v>0</v>
      </c>
      <c r="L8860" t="s">
        <v>82</v>
      </c>
      <c r="M8860" t="s">
        <v>89</v>
      </c>
      <c r="N8860" t="s">
        <v>90</v>
      </c>
      <c r="O8860" t="s">
        <v>85</v>
      </c>
      <c r="P8860" t="s">
        <v>86</v>
      </c>
      <c r="Q8860">
        <v>45</v>
      </c>
      <c r="R8860">
        <v>46</v>
      </c>
      <c r="S8860">
        <v>48</v>
      </c>
      <c r="T8860">
        <v>49</v>
      </c>
      <c r="U8860">
        <v>51</v>
      </c>
      <c r="V8860">
        <v>52</v>
      </c>
      <c r="W8860">
        <v>54</v>
      </c>
      <c r="X8860">
        <v>56</v>
      </c>
      <c r="Y8860">
        <v>57</v>
      </c>
      <c r="Z8860">
        <v>59</v>
      </c>
      <c r="AA8860">
        <v>60</v>
      </c>
      <c r="AB8860">
        <v>62</v>
      </c>
      <c r="AC8860">
        <v>64</v>
      </c>
      <c r="AD8860">
        <v>65</v>
      </c>
      <c r="AE8860">
        <v>66</v>
      </c>
      <c r="AF8860">
        <v>67</v>
      </c>
      <c r="AG8860">
        <v>68</v>
      </c>
      <c r="AH8860">
        <v>69</v>
      </c>
      <c r="AI8860">
        <v>69</v>
      </c>
      <c r="AJ8860">
        <v>70</v>
      </c>
      <c r="AK8860">
        <v>71</v>
      </c>
      <c r="AL8860">
        <v>72</v>
      </c>
      <c r="AM8860">
        <v>73</v>
      </c>
      <c r="AN8860">
        <v>73</v>
      </c>
      <c r="AO8860">
        <v>74</v>
      </c>
      <c r="AP8860">
        <v>75</v>
      </c>
      <c r="AQ8860">
        <v>76</v>
      </c>
    </row>
    <row r="8861" spans="1:43">
      <c r="A8861" t="s">
        <v>5546</v>
      </c>
      <c r="B8861" t="s">
        <v>5547</v>
      </c>
      <c r="C8861" t="s">
        <v>5548</v>
      </c>
      <c r="D8861" t="s">
        <v>5549</v>
      </c>
      <c r="E8861" t="s">
        <v>5426</v>
      </c>
      <c r="F8861" t="s">
        <v>5427</v>
      </c>
      <c r="G8861" t="s">
        <v>80</v>
      </c>
      <c r="H8861" t="s">
        <v>81</v>
      </c>
      <c r="I8861" s="2">
        <v>0</v>
      </c>
      <c r="J8861" s="2">
        <v>1</v>
      </c>
      <c r="K8861" s="2">
        <v>0</v>
      </c>
      <c r="L8861" t="s">
        <v>82</v>
      </c>
      <c r="M8861" t="s">
        <v>83</v>
      </c>
      <c r="N8861" t="s">
        <v>91</v>
      </c>
      <c r="O8861" t="s">
        <v>85</v>
      </c>
      <c r="P8861" t="s">
        <v>86</v>
      </c>
      <c r="Q8861">
        <v>45</v>
      </c>
      <c r="R8861">
        <v>46</v>
      </c>
      <c r="S8861">
        <v>47</v>
      </c>
      <c r="T8861">
        <v>49</v>
      </c>
      <c r="U8861">
        <v>50</v>
      </c>
      <c r="V8861">
        <v>51</v>
      </c>
      <c r="W8861">
        <v>52</v>
      </c>
      <c r="X8861">
        <v>54</v>
      </c>
      <c r="Y8861">
        <v>55</v>
      </c>
      <c r="Z8861">
        <v>56</v>
      </c>
      <c r="AA8861">
        <v>57</v>
      </c>
      <c r="AB8861">
        <v>59</v>
      </c>
      <c r="AC8861">
        <v>60</v>
      </c>
      <c r="AD8861">
        <v>61</v>
      </c>
      <c r="AE8861">
        <v>63</v>
      </c>
      <c r="AF8861">
        <v>64</v>
      </c>
      <c r="AG8861">
        <v>66</v>
      </c>
      <c r="AH8861">
        <v>67</v>
      </c>
      <c r="AI8861">
        <v>68</v>
      </c>
      <c r="AJ8861">
        <v>70</v>
      </c>
      <c r="AK8861">
        <v>71</v>
      </c>
      <c r="AL8861">
        <v>72</v>
      </c>
      <c r="AM8861">
        <v>73</v>
      </c>
      <c r="AN8861">
        <v>74</v>
      </c>
      <c r="AO8861">
        <v>75</v>
      </c>
      <c r="AP8861">
        <v>75</v>
      </c>
      <c r="AQ8861">
        <v>76</v>
      </c>
    </row>
    <row r="8862" spans="1:43">
      <c r="A8862" t="s">
        <v>5550</v>
      </c>
      <c r="B8862" t="s">
        <v>5551</v>
      </c>
      <c r="C8862" t="s">
        <v>5536</v>
      </c>
      <c r="D8862" t="s">
        <v>5537</v>
      </c>
      <c r="E8862" t="s">
        <v>5426</v>
      </c>
      <c r="F8862" t="s">
        <v>5427</v>
      </c>
      <c r="G8862" t="s">
        <v>80</v>
      </c>
      <c r="H8862" t="s">
        <v>81</v>
      </c>
      <c r="I8862" s="2">
        <v>0</v>
      </c>
      <c r="J8862" s="2">
        <v>1</v>
      </c>
      <c r="K8862" s="2">
        <v>0</v>
      </c>
      <c r="L8862" t="s">
        <v>82</v>
      </c>
      <c r="M8862" t="s">
        <v>83</v>
      </c>
      <c r="N8862" t="s">
        <v>84</v>
      </c>
      <c r="O8862" t="s">
        <v>85</v>
      </c>
      <c r="P8862" t="s">
        <v>86</v>
      </c>
      <c r="Q8862">
        <v>59</v>
      </c>
      <c r="R8862">
        <v>61</v>
      </c>
      <c r="S8862">
        <v>62</v>
      </c>
      <c r="T8862">
        <v>64</v>
      </c>
      <c r="U8862">
        <v>66</v>
      </c>
      <c r="V8862">
        <v>67</v>
      </c>
      <c r="W8862">
        <v>69</v>
      </c>
      <c r="X8862">
        <v>71</v>
      </c>
      <c r="Y8862">
        <v>72</v>
      </c>
      <c r="Z8862">
        <v>74</v>
      </c>
      <c r="AA8862">
        <v>76</v>
      </c>
      <c r="AB8862">
        <v>77</v>
      </c>
      <c r="AC8862">
        <v>79</v>
      </c>
      <c r="AD8862">
        <v>81</v>
      </c>
      <c r="AE8862">
        <v>83</v>
      </c>
      <c r="AF8862">
        <v>84</v>
      </c>
      <c r="AG8862">
        <v>86</v>
      </c>
      <c r="AH8862">
        <v>88</v>
      </c>
      <c r="AI8862">
        <v>90</v>
      </c>
      <c r="AJ8862">
        <v>92</v>
      </c>
      <c r="AK8862">
        <v>94</v>
      </c>
      <c r="AL8862">
        <v>95</v>
      </c>
      <c r="AM8862">
        <v>96</v>
      </c>
      <c r="AN8862">
        <v>97</v>
      </c>
      <c r="AO8862">
        <v>98</v>
      </c>
      <c r="AP8862">
        <v>99</v>
      </c>
      <c r="AQ8862">
        <v>100</v>
      </c>
    </row>
    <row r="8863" spans="1:43">
      <c r="A8863" t="s">
        <v>5550</v>
      </c>
      <c r="B8863" t="s">
        <v>5551</v>
      </c>
      <c r="C8863" t="s">
        <v>5536</v>
      </c>
      <c r="D8863" t="s">
        <v>5537</v>
      </c>
      <c r="E8863" t="s">
        <v>5426</v>
      </c>
      <c r="F8863" t="s">
        <v>5427</v>
      </c>
      <c r="G8863" t="s">
        <v>80</v>
      </c>
      <c r="H8863" t="s">
        <v>81</v>
      </c>
      <c r="I8863" s="2">
        <v>0</v>
      </c>
      <c r="J8863" s="2">
        <v>1</v>
      </c>
      <c r="K8863" s="2">
        <v>0</v>
      </c>
      <c r="L8863" t="s">
        <v>82</v>
      </c>
      <c r="M8863" t="s">
        <v>87</v>
      </c>
      <c r="N8863" t="s">
        <v>88</v>
      </c>
      <c r="O8863" t="s">
        <v>85</v>
      </c>
      <c r="P8863" t="s">
        <v>86</v>
      </c>
      <c r="Q8863">
        <v>59</v>
      </c>
      <c r="R8863">
        <v>60</v>
      </c>
      <c r="S8863">
        <v>61</v>
      </c>
      <c r="T8863">
        <v>62</v>
      </c>
      <c r="U8863">
        <v>63</v>
      </c>
      <c r="V8863">
        <v>64</v>
      </c>
      <c r="W8863">
        <v>65</v>
      </c>
      <c r="X8863">
        <v>66</v>
      </c>
      <c r="Y8863">
        <v>67</v>
      </c>
      <c r="Z8863">
        <v>68</v>
      </c>
      <c r="AA8863">
        <v>69</v>
      </c>
      <c r="AB8863">
        <v>70</v>
      </c>
      <c r="AC8863">
        <v>71</v>
      </c>
      <c r="AD8863">
        <v>72</v>
      </c>
      <c r="AE8863">
        <v>73</v>
      </c>
      <c r="AF8863">
        <v>74</v>
      </c>
      <c r="AG8863">
        <v>75</v>
      </c>
      <c r="AH8863">
        <v>76</v>
      </c>
      <c r="AI8863">
        <v>78</v>
      </c>
      <c r="AJ8863">
        <v>79</v>
      </c>
      <c r="AK8863">
        <v>80</v>
      </c>
      <c r="AL8863">
        <v>81</v>
      </c>
      <c r="AM8863">
        <v>82</v>
      </c>
      <c r="AN8863">
        <v>83</v>
      </c>
      <c r="AO8863">
        <v>85</v>
      </c>
      <c r="AP8863">
        <v>86</v>
      </c>
      <c r="AQ8863">
        <v>87</v>
      </c>
    </row>
    <row r="8864" spans="1:43">
      <c r="A8864" t="s">
        <v>5550</v>
      </c>
      <c r="B8864" t="s">
        <v>5551</v>
      </c>
      <c r="C8864" t="s">
        <v>5536</v>
      </c>
      <c r="D8864" t="s">
        <v>5537</v>
      </c>
      <c r="E8864" t="s">
        <v>5426</v>
      </c>
      <c r="F8864" t="s">
        <v>5427</v>
      </c>
      <c r="G8864" t="s">
        <v>80</v>
      </c>
      <c r="H8864" t="s">
        <v>81</v>
      </c>
      <c r="I8864" s="2">
        <v>0</v>
      </c>
      <c r="J8864" s="2">
        <v>1</v>
      </c>
      <c r="K8864" s="2">
        <v>0</v>
      </c>
      <c r="L8864" t="s">
        <v>82</v>
      </c>
      <c r="M8864" t="s">
        <v>89</v>
      </c>
      <c r="N8864" t="s">
        <v>90</v>
      </c>
      <c r="O8864" t="s">
        <v>85</v>
      </c>
      <c r="P8864" t="s">
        <v>86</v>
      </c>
      <c r="Q8864">
        <v>59</v>
      </c>
      <c r="R8864">
        <v>61</v>
      </c>
      <c r="S8864">
        <v>63</v>
      </c>
      <c r="T8864">
        <v>65</v>
      </c>
      <c r="U8864">
        <v>67</v>
      </c>
      <c r="V8864">
        <v>69</v>
      </c>
      <c r="W8864">
        <v>71</v>
      </c>
      <c r="X8864">
        <v>73</v>
      </c>
      <c r="Y8864">
        <v>76</v>
      </c>
      <c r="Z8864">
        <v>78</v>
      </c>
      <c r="AA8864">
        <v>80</v>
      </c>
      <c r="AB8864">
        <v>82</v>
      </c>
      <c r="AC8864">
        <v>84</v>
      </c>
      <c r="AD8864">
        <v>86</v>
      </c>
      <c r="AE8864">
        <v>88</v>
      </c>
      <c r="AF8864">
        <v>89</v>
      </c>
      <c r="AG8864">
        <v>90</v>
      </c>
      <c r="AH8864">
        <v>91</v>
      </c>
      <c r="AI8864">
        <v>92</v>
      </c>
      <c r="AJ8864">
        <v>93</v>
      </c>
      <c r="AK8864">
        <v>94</v>
      </c>
      <c r="AL8864">
        <v>95</v>
      </c>
      <c r="AM8864">
        <v>96</v>
      </c>
      <c r="AN8864">
        <v>97</v>
      </c>
      <c r="AO8864">
        <v>98</v>
      </c>
      <c r="AP8864">
        <v>99</v>
      </c>
      <c r="AQ8864">
        <v>100</v>
      </c>
    </row>
    <row r="8865" spans="1:43">
      <c r="A8865" t="s">
        <v>5550</v>
      </c>
      <c r="B8865" t="s">
        <v>5551</v>
      </c>
      <c r="C8865" t="s">
        <v>5536</v>
      </c>
      <c r="D8865" t="s">
        <v>5537</v>
      </c>
      <c r="E8865" t="s">
        <v>5426</v>
      </c>
      <c r="F8865" t="s">
        <v>5427</v>
      </c>
      <c r="G8865" t="s">
        <v>80</v>
      </c>
      <c r="H8865" t="s">
        <v>81</v>
      </c>
      <c r="I8865" s="2">
        <v>0</v>
      </c>
      <c r="J8865" s="2">
        <v>1</v>
      </c>
      <c r="K8865" s="2">
        <v>0</v>
      </c>
      <c r="L8865" t="s">
        <v>82</v>
      </c>
      <c r="M8865" t="s">
        <v>83</v>
      </c>
      <c r="N8865" t="s">
        <v>91</v>
      </c>
      <c r="O8865" t="s">
        <v>85</v>
      </c>
      <c r="P8865" t="s">
        <v>86</v>
      </c>
      <c r="Q8865">
        <v>59</v>
      </c>
      <c r="R8865">
        <v>61</v>
      </c>
      <c r="S8865">
        <v>62</v>
      </c>
      <c r="T8865">
        <v>64</v>
      </c>
      <c r="U8865">
        <v>66</v>
      </c>
      <c r="V8865">
        <v>67</v>
      </c>
      <c r="W8865">
        <v>69</v>
      </c>
      <c r="X8865">
        <v>71</v>
      </c>
      <c r="Y8865">
        <v>72</v>
      </c>
      <c r="Z8865">
        <v>74</v>
      </c>
      <c r="AA8865">
        <v>76</v>
      </c>
      <c r="AB8865">
        <v>77</v>
      </c>
      <c r="AC8865">
        <v>79</v>
      </c>
      <c r="AD8865">
        <v>81</v>
      </c>
      <c r="AE8865">
        <v>83</v>
      </c>
      <c r="AF8865">
        <v>84</v>
      </c>
      <c r="AG8865">
        <v>86</v>
      </c>
      <c r="AH8865">
        <v>88</v>
      </c>
      <c r="AI8865">
        <v>90</v>
      </c>
      <c r="AJ8865">
        <v>92</v>
      </c>
      <c r="AK8865">
        <v>94</v>
      </c>
      <c r="AL8865">
        <v>95</v>
      </c>
      <c r="AM8865">
        <v>96</v>
      </c>
      <c r="AN8865">
        <v>97</v>
      </c>
      <c r="AO8865">
        <v>98</v>
      </c>
      <c r="AP8865">
        <v>99</v>
      </c>
      <c r="AQ8865">
        <v>100</v>
      </c>
    </row>
    <row r="8866" spans="1:43">
      <c r="A8866" t="s">
        <v>5552</v>
      </c>
      <c r="B8866" t="s">
        <v>5553</v>
      </c>
      <c r="C8866" t="s">
        <v>5536</v>
      </c>
      <c r="D8866" t="s">
        <v>5537</v>
      </c>
      <c r="E8866" t="s">
        <v>5426</v>
      </c>
      <c r="F8866" t="s">
        <v>5427</v>
      </c>
      <c r="G8866" t="s">
        <v>80</v>
      </c>
      <c r="H8866" t="s">
        <v>81</v>
      </c>
      <c r="I8866" s="2">
        <v>0</v>
      </c>
      <c r="J8866" s="2">
        <v>1</v>
      </c>
      <c r="K8866" s="2">
        <v>0</v>
      </c>
      <c r="L8866" t="s">
        <v>82</v>
      </c>
      <c r="M8866" t="s">
        <v>83</v>
      </c>
      <c r="N8866" t="s">
        <v>84</v>
      </c>
      <c r="O8866" t="s">
        <v>85</v>
      </c>
      <c r="P8866" t="s">
        <v>86</v>
      </c>
      <c r="Q8866">
        <v>50</v>
      </c>
      <c r="R8866">
        <v>51</v>
      </c>
      <c r="S8866">
        <v>52</v>
      </c>
      <c r="T8866">
        <v>54</v>
      </c>
      <c r="U8866">
        <v>55</v>
      </c>
      <c r="V8866">
        <v>56</v>
      </c>
      <c r="W8866">
        <v>58</v>
      </c>
      <c r="X8866">
        <v>59</v>
      </c>
      <c r="Y8866">
        <v>61</v>
      </c>
      <c r="Z8866">
        <v>62</v>
      </c>
      <c r="AA8866">
        <v>63</v>
      </c>
      <c r="AB8866">
        <v>65</v>
      </c>
      <c r="AC8866">
        <v>66</v>
      </c>
      <c r="AD8866">
        <v>68</v>
      </c>
      <c r="AE8866">
        <v>69</v>
      </c>
      <c r="AF8866">
        <v>71</v>
      </c>
      <c r="AG8866">
        <v>72</v>
      </c>
      <c r="AH8866">
        <v>74</v>
      </c>
      <c r="AI8866">
        <v>76</v>
      </c>
      <c r="AJ8866">
        <v>77</v>
      </c>
      <c r="AK8866">
        <v>79</v>
      </c>
      <c r="AL8866">
        <v>80</v>
      </c>
      <c r="AM8866">
        <v>81</v>
      </c>
      <c r="AN8866">
        <v>82</v>
      </c>
      <c r="AO8866">
        <v>83</v>
      </c>
      <c r="AP8866">
        <v>83</v>
      </c>
      <c r="AQ8866">
        <v>84</v>
      </c>
    </row>
    <row r="8867" spans="1:43">
      <c r="A8867" t="s">
        <v>5552</v>
      </c>
      <c r="B8867" t="s">
        <v>5553</v>
      </c>
      <c r="C8867" t="s">
        <v>5536</v>
      </c>
      <c r="D8867" t="s">
        <v>5537</v>
      </c>
      <c r="E8867" t="s">
        <v>5426</v>
      </c>
      <c r="F8867" t="s">
        <v>5427</v>
      </c>
      <c r="G8867" t="s">
        <v>80</v>
      </c>
      <c r="H8867" t="s">
        <v>81</v>
      </c>
      <c r="I8867" s="2">
        <v>0</v>
      </c>
      <c r="J8867" s="2">
        <v>1</v>
      </c>
      <c r="K8867" s="2">
        <v>0</v>
      </c>
      <c r="L8867" t="s">
        <v>82</v>
      </c>
      <c r="M8867" t="s">
        <v>87</v>
      </c>
      <c r="N8867" t="s">
        <v>88</v>
      </c>
      <c r="O8867" t="s">
        <v>85</v>
      </c>
      <c r="P8867" t="s">
        <v>86</v>
      </c>
      <c r="Q8867">
        <v>50</v>
      </c>
      <c r="R8867">
        <v>51</v>
      </c>
      <c r="S8867">
        <v>52</v>
      </c>
      <c r="T8867">
        <v>53</v>
      </c>
      <c r="U8867">
        <v>54</v>
      </c>
      <c r="V8867">
        <v>54</v>
      </c>
      <c r="W8867">
        <v>55</v>
      </c>
      <c r="X8867">
        <v>56</v>
      </c>
      <c r="Y8867">
        <v>57</v>
      </c>
      <c r="Z8867">
        <v>58</v>
      </c>
      <c r="AA8867">
        <v>59</v>
      </c>
      <c r="AB8867">
        <v>60</v>
      </c>
      <c r="AC8867">
        <v>61</v>
      </c>
      <c r="AD8867">
        <v>61</v>
      </c>
      <c r="AE8867">
        <v>62</v>
      </c>
      <c r="AF8867">
        <v>63</v>
      </c>
      <c r="AG8867">
        <v>64</v>
      </c>
      <c r="AH8867">
        <v>65</v>
      </c>
      <c r="AI8867">
        <v>66</v>
      </c>
      <c r="AJ8867">
        <v>67</v>
      </c>
      <c r="AK8867">
        <v>68</v>
      </c>
      <c r="AL8867">
        <v>69</v>
      </c>
      <c r="AM8867">
        <v>70</v>
      </c>
      <c r="AN8867">
        <v>71</v>
      </c>
      <c r="AO8867">
        <v>72</v>
      </c>
      <c r="AP8867">
        <v>73</v>
      </c>
      <c r="AQ8867">
        <v>74</v>
      </c>
    </row>
    <row r="8868" spans="1:43">
      <c r="A8868" t="s">
        <v>5552</v>
      </c>
      <c r="B8868" t="s">
        <v>5553</v>
      </c>
      <c r="C8868" t="s">
        <v>5536</v>
      </c>
      <c r="D8868" t="s">
        <v>5537</v>
      </c>
      <c r="E8868" t="s">
        <v>5426</v>
      </c>
      <c r="F8868" t="s">
        <v>5427</v>
      </c>
      <c r="G8868" t="s">
        <v>80</v>
      </c>
      <c r="H8868" t="s">
        <v>81</v>
      </c>
      <c r="I8868" s="2">
        <v>0</v>
      </c>
      <c r="J8868" s="2">
        <v>1</v>
      </c>
      <c r="K8868" s="2">
        <v>0</v>
      </c>
      <c r="L8868" t="s">
        <v>82</v>
      </c>
      <c r="M8868" t="s">
        <v>89</v>
      </c>
      <c r="N8868" t="s">
        <v>90</v>
      </c>
      <c r="O8868" t="s">
        <v>85</v>
      </c>
      <c r="P8868" t="s">
        <v>86</v>
      </c>
      <c r="Q8868">
        <v>50</v>
      </c>
      <c r="R8868">
        <v>52</v>
      </c>
      <c r="S8868">
        <v>54</v>
      </c>
      <c r="T8868">
        <v>56</v>
      </c>
      <c r="U8868">
        <v>57</v>
      </c>
      <c r="V8868">
        <v>59</v>
      </c>
      <c r="W8868">
        <v>61</v>
      </c>
      <c r="X8868">
        <v>63</v>
      </c>
      <c r="Y8868">
        <v>64</v>
      </c>
      <c r="Z8868">
        <v>66</v>
      </c>
      <c r="AA8868">
        <v>68</v>
      </c>
      <c r="AB8868">
        <v>69</v>
      </c>
      <c r="AC8868">
        <v>71</v>
      </c>
      <c r="AD8868">
        <v>73</v>
      </c>
      <c r="AE8868">
        <v>75</v>
      </c>
      <c r="AF8868">
        <v>75</v>
      </c>
      <c r="AG8868">
        <v>76</v>
      </c>
      <c r="AH8868">
        <v>77</v>
      </c>
      <c r="AI8868">
        <v>78</v>
      </c>
      <c r="AJ8868">
        <v>79</v>
      </c>
      <c r="AK8868">
        <v>80</v>
      </c>
      <c r="AL8868">
        <v>80</v>
      </c>
      <c r="AM8868">
        <v>81</v>
      </c>
      <c r="AN8868">
        <v>82</v>
      </c>
      <c r="AO8868">
        <v>83</v>
      </c>
      <c r="AP8868">
        <v>84</v>
      </c>
      <c r="AQ8868">
        <v>85</v>
      </c>
    </row>
    <row r="8869" spans="1:43">
      <c r="A8869" t="s">
        <v>5552</v>
      </c>
      <c r="B8869" t="s">
        <v>5553</v>
      </c>
      <c r="C8869" t="s">
        <v>5536</v>
      </c>
      <c r="D8869" t="s">
        <v>5537</v>
      </c>
      <c r="E8869" t="s">
        <v>5426</v>
      </c>
      <c r="F8869" t="s">
        <v>5427</v>
      </c>
      <c r="G8869" t="s">
        <v>80</v>
      </c>
      <c r="H8869" t="s">
        <v>81</v>
      </c>
      <c r="I8869" s="2">
        <v>0</v>
      </c>
      <c r="J8869" s="2">
        <v>1</v>
      </c>
      <c r="K8869" s="2">
        <v>0</v>
      </c>
      <c r="L8869" t="s">
        <v>82</v>
      </c>
      <c r="M8869" t="s">
        <v>83</v>
      </c>
      <c r="N8869" t="s">
        <v>91</v>
      </c>
      <c r="O8869" t="s">
        <v>85</v>
      </c>
      <c r="P8869" t="s">
        <v>86</v>
      </c>
      <c r="Q8869">
        <v>50</v>
      </c>
      <c r="R8869">
        <v>51</v>
      </c>
      <c r="S8869">
        <v>52</v>
      </c>
      <c r="T8869">
        <v>54</v>
      </c>
      <c r="U8869">
        <v>55</v>
      </c>
      <c r="V8869">
        <v>56</v>
      </c>
      <c r="W8869">
        <v>58</v>
      </c>
      <c r="X8869">
        <v>59</v>
      </c>
      <c r="Y8869">
        <v>61</v>
      </c>
      <c r="Z8869">
        <v>62</v>
      </c>
      <c r="AA8869">
        <v>63</v>
      </c>
      <c r="AB8869">
        <v>65</v>
      </c>
      <c r="AC8869">
        <v>66</v>
      </c>
      <c r="AD8869">
        <v>68</v>
      </c>
      <c r="AE8869">
        <v>69</v>
      </c>
      <c r="AF8869">
        <v>71</v>
      </c>
      <c r="AG8869">
        <v>72</v>
      </c>
      <c r="AH8869">
        <v>74</v>
      </c>
      <c r="AI8869">
        <v>76</v>
      </c>
      <c r="AJ8869">
        <v>77</v>
      </c>
      <c r="AK8869">
        <v>79</v>
      </c>
      <c r="AL8869">
        <v>80</v>
      </c>
      <c r="AM8869">
        <v>81</v>
      </c>
      <c r="AN8869">
        <v>82</v>
      </c>
      <c r="AO8869">
        <v>83</v>
      </c>
      <c r="AP8869">
        <v>83</v>
      </c>
      <c r="AQ8869">
        <v>84</v>
      </c>
    </row>
    <row r="8870" spans="1:43">
      <c r="A8870" t="s">
        <v>5554</v>
      </c>
      <c r="B8870" t="s">
        <v>5555</v>
      </c>
      <c r="C8870" t="s">
        <v>5540</v>
      </c>
      <c r="D8870" t="s">
        <v>5541</v>
      </c>
      <c r="E8870" t="s">
        <v>5426</v>
      </c>
      <c r="F8870" t="s">
        <v>5427</v>
      </c>
      <c r="G8870" t="s">
        <v>80</v>
      </c>
      <c r="H8870" t="s">
        <v>81</v>
      </c>
      <c r="I8870" s="2">
        <v>0</v>
      </c>
      <c r="J8870" s="2">
        <v>1</v>
      </c>
      <c r="K8870" s="2">
        <v>0</v>
      </c>
      <c r="L8870" t="s">
        <v>82</v>
      </c>
      <c r="M8870" t="s">
        <v>83</v>
      </c>
      <c r="N8870" t="s">
        <v>84</v>
      </c>
      <c r="O8870" t="s">
        <v>85</v>
      </c>
      <c r="P8870" t="s">
        <v>86</v>
      </c>
      <c r="Q8870">
        <v>43</v>
      </c>
      <c r="R8870">
        <v>44</v>
      </c>
      <c r="S8870">
        <v>45</v>
      </c>
      <c r="T8870">
        <v>46</v>
      </c>
      <c r="U8870">
        <v>47</v>
      </c>
      <c r="V8870">
        <v>48</v>
      </c>
      <c r="W8870">
        <v>49</v>
      </c>
      <c r="X8870">
        <v>51</v>
      </c>
      <c r="Y8870">
        <v>52</v>
      </c>
      <c r="Z8870">
        <v>53</v>
      </c>
      <c r="AA8870">
        <v>54</v>
      </c>
      <c r="AB8870">
        <v>56</v>
      </c>
      <c r="AC8870">
        <v>57</v>
      </c>
      <c r="AD8870">
        <v>58</v>
      </c>
      <c r="AE8870">
        <v>59</v>
      </c>
      <c r="AF8870">
        <v>61</v>
      </c>
      <c r="AG8870">
        <v>62</v>
      </c>
      <c r="AH8870">
        <v>64</v>
      </c>
      <c r="AI8870">
        <v>65</v>
      </c>
      <c r="AJ8870">
        <v>66</v>
      </c>
      <c r="AK8870">
        <v>68</v>
      </c>
      <c r="AL8870">
        <v>69</v>
      </c>
      <c r="AM8870">
        <v>69</v>
      </c>
      <c r="AN8870">
        <v>70</v>
      </c>
      <c r="AO8870">
        <v>71</v>
      </c>
      <c r="AP8870">
        <v>72</v>
      </c>
      <c r="AQ8870">
        <v>72</v>
      </c>
    </row>
    <row r="8871" spans="1:43">
      <c r="A8871" t="s">
        <v>5554</v>
      </c>
      <c r="B8871" t="s">
        <v>5555</v>
      </c>
      <c r="C8871" t="s">
        <v>5540</v>
      </c>
      <c r="D8871" t="s">
        <v>5541</v>
      </c>
      <c r="E8871" t="s">
        <v>5426</v>
      </c>
      <c r="F8871" t="s">
        <v>5427</v>
      </c>
      <c r="G8871" t="s">
        <v>80</v>
      </c>
      <c r="H8871" t="s">
        <v>81</v>
      </c>
      <c r="I8871" s="2">
        <v>0</v>
      </c>
      <c r="J8871" s="2">
        <v>1</v>
      </c>
      <c r="K8871" s="2">
        <v>0</v>
      </c>
      <c r="L8871" t="s">
        <v>82</v>
      </c>
      <c r="M8871" t="s">
        <v>87</v>
      </c>
      <c r="N8871" t="s">
        <v>88</v>
      </c>
      <c r="O8871" t="s">
        <v>85</v>
      </c>
      <c r="P8871" t="s">
        <v>86</v>
      </c>
      <c r="Q8871">
        <v>43</v>
      </c>
      <c r="R8871">
        <v>44</v>
      </c>
      <c r="S8871">
        <v>45</v>
      </c>
      <c r="T8871">
        <v>45</v>
      </c>
      <c r="U8871">
        <v>46</v>
      </c>
      <c r="V8871">
        <v>47</v>
      </c>
      <c r="W8871">
        <v>47</v>
      </c>
      <c r="X8871">
        <v>48</v>
      </c>
      <c r="Y8871">
        <v>49</v>
      </c>
      <c r="Z8871">
        <v>50</v>
      </c>
      <c r="AA8871">
        <v>50</v>
      </c>
      <c r="AB8871">
        <v>51</v>
      </c>
      <c r="AC8871">
        <v>52</v>
      </c>
      <c r="AD8871">
        <v>53</v>
      </c>
      <c r="AE8871">
        <v>54</v>
      </c>
      <c r="AF8871">
        <v>54</v>
      </c>
      <c r="AG8871">
        <v>55</v>
      </c>
      <c r="AH8871">
        <v>56</v>
      </c>
      <c r="AI8871">
        <v>57</v>
      </c>
      <c r="AJ8871">
        <v>58</v>
      </c>
      <c r="AK8871">
        <v>59</v>
      </c>
      <c r="AL8871">
        <v>59</v>
      </c>
      <c r="AM8871">
        <v>60</v>
      </c>
      <c r="AN8871">
        <v>61</v>
      </c>
      <c r="AO8871">
        <v>62</v>
      </c>
      <c r="AP8871">
        <v>63</v>
      </c>
      <c r="AQ8871">
        <v>64</v>
      </c>
    </row>
    <row r="8872" spans="1:43">
      <c r="A8872" t="s">
        <v>5554</v>
      </c>
      <c r="B8872" t="s">
        <v>5555</v>
      </c>
      <c r="C8872" t="s">
        <v>5540</v>
      </c>
      <c r="D8872" t="s">
        <v>5541</v>
      </c>
      <c r="E8872" t="s">
        <v>5426</v>
      </c>
      <c r="F8872" t="s">
        <v>5427</v>
      </c>
      <c r="G8872" t="s">
        <v>80</v>
      </c>
      <c r="H8872" t="s">
        <v>81</v>
      </c>
      <c r="I8872" s="2">
        <v>0</v>
      </c>
      <c r="J8872" s="2">
        <v>1</v>
      </c>
      <c r="K8872" s="2">
        <v>0</v>
      </c>
      <c r="L8872" t="s">
        <v>82</v>
      </c>
      <c r="M8872" t="s">
        <v>89</v>
      </c>
      <c r="N8872" t="s">
        <v>90</v>
      </c>
      <c r="O8872" t="s">
        <v>85</v>
      </c>
      <c r="P8872" t="s">
        <v>86</v>
      </c>
      <c r="Q8872">
        <v>43</v>
      </c>
      <c r="R8872">
        <v>44</v>
      </c>
      <c r="S8872">
        <v>46</v>
      </c>
      <c r="T8872">
        <v>47</v>
      </c>
      <c r="U8872">
        <v>49</v>
      </c>
      <c r="V8872">
        <v>50</v>
      </c>
      <c r="W8872">
        <v>52</v>
      </c>
      <c r="X8872">
        <v>53</v>
      </c>
      <c r="Y8872">
        <v>55</v>
      </c>
      <c r="Z8872">
        <v>56</v>
      </c>
      <c r="AA8872">
        <v>58</v>
      </c>
      <c r="AB8872">
        <v>59</v>
      </c>
      <c r="AC8872">
        <v>61</v>
      </c>
      <c r="AD8872">
        <v>63</v>
      </c>
      <c r="AE8872">
        <v>64</v>
      </c>
      <c r="AF8872">
        <v>65</v>
      </c>
      <c r="AG8872">
        <v>65</v>
      </c>
      <c r="AH8872">
        <v>66</v>
      </c>
      <c r="AI8872">
        <v>67</v>
      </c>
      <c r="AJ8872">
        <v>67</v>
      </c>
      <c r="AK8872">
        <v>68</v>
      </c>
      <c r="AL8872">
        <v>69</v>
      </c>
      <c r="AM8872">
        <v>70</v>
      </c>
      <c r="AN8872">
        <v>70</v>
      </c>
      <c r="AO8872">
        <v>71</v>
      </c>
      <c r="AP8872">
        <v>72</v>
      </c>
      <c r="AQ8872">
        <v>73</v>
      </c>
    </row>
    <row r="8873" spans="1:43">
      <c r="A8873" t="s">
        <v>5554</v>
      </c>
      <c r="B8873" t="s">
        <v>5555</v>
      </c>
      <c r="C8873" t="s">
        <v>5540</v>
      </c>
      <c r="D8873" t="s">
        <v>5541</v>
      </c>
      <c r="E8873" t="s">
        <v>5426</v>
      </c>
      <c r="F8873" t="s">
        <v>5427</v>
      </c>
      <c r="G8873" t="s">
        <v>80</v>
      </c>
      <c r="H8873" t="s">
        <v>81</v>
      </c>
      <c r="I8873" s="2">
        <v>0</v>
      </c>
      <c r="J8873" s="2">
        <v>1</v>
      </c>
      <c r="K8873" s="2">
        <v>0</v>
      </c>
      <c r="L8873" t="s">
        <v>82</v>
      </c>
      <c r="M8873" t="s">
        <v>83</v>
      </c>
      <c r="N8873" t="s">
        <v>91</v>
      </c>
      <c r="O8873" t="s">
        <v>85</v>
      </c>
      <c r="P8873" t="s">
        <v>86</v>
      </c>
      <c r="Q8873">
        <v>43</v>
      </c>
      <c r="R8873">
        <v>44</v>
      </c>
      <c r="S8873">
        <v>45</v>
      </c>
      <c r="T8873">
        <v>46</v>
      </c>
      <c r="U8873">
        <v>47</v>
      </c>
      <c r="V8873">
        <v>48</v>
      </c>
      <c r="W8873">
        <v>49</v>
      </c>
      <c r="X8873">
        <v>51</v>
      </c>
      <c r="Y8873">
        <v>52</v>
      </c>
      <c r="Z8873">
        <v>53</v>
      </c>
      <c r="AA8873">
        <v>54</v>
      </c>
      <c r="AB8873">
        <v>56</v>
      </c>
      <c r="AC8873">
        <v>57</v>
      </c>
      <c r="AD8873">
        <v>58</v>
      </c>
      <c r="AE8873">
        <v>59</v>
      </c>
      <c r="AF8873">
        <v>61</v>
      </c>
      <c r="AG8873">
        <v>62</v>
      </c>
      <c r="AH8873">
        <v>64</v>
      </c>
      <c r="AI8873">
        <v>65</v>
      </c>
      <c r="AJ8873">
        <v>66</v>
      </c>
      <c r="AK8873">
        <v>68</v>
      </c>
      <c r="AL8873">
        <v>69</v>
      </c>
      <c r="AM8873">
        <v>69</v>
      </c>
      <c r="AN8873">
        <v>70</v>
      </c>
      <c r="AO8873">
        <v>71</v>
      </c>
      <c r="AP8873">
        <v>72</v>
      </c>
      <c r="AQ8873">
        <v>72</v>
      </c>
    </row>
    <row r="8874" spans="1:43">
      <c r="A8874" t="s">
        <v>5556</v>
      </c>
      <c r="B8874" t="s">
        <v>5557</v>
      </c>
      <c r="C8874" t="s">
        <v>5548</v>
      </c>
      <c r="D8874" t="s">
        <v>5549</v>
      </c>
      <c r="E8874" t="s">
        <v>5426</v>
      </c>
      <c r="F8874" t="s">
        <v>5427</v>
      </c>
      <c r="G8874" t="s">
        <v>80</v>
      </c>
      <c r="H8874" t="s">
        <v>81</v>
      </c>
      <c r="I8874" s="2">
        <v>0</v>
      </c>
      <c r="J8874" s="2">
        <v>1</v>
      </c>
      <c r="K8874" s="2">
        <v>0</v>
      </c>
      <c r="L8874" t="s">
        <v>82</v>
      </c>
      <c r="M8874" t="s">
        <v>83</v>
      </c>
      <c r="N8874" t="s">
        <v>84</v>
      </c>
      <c r="O8874" t="s">
        <v>85</v>
      </c>
      <c r="P8874" t="s">
        <v>86</v>
      </c>
      <c r="Q8874">
        <v>41</v>
      </c>
      <c r="R8874">
        <v>42</v>
      </c>
      <c r="S8874">
        <v>43</v>
      </c>
      <c r="T8874">
        <v>44</v>
      </c>
      <c r="U8874">
        <v>46</v>
      </c>
      <c r="V8874">
        <v>47</v>
      </c>
      <c r="W8874">
        <v>48</v>
      </c>
      <c r="X8874">
        <v>49</v>
      </c>
      <c r="Y8874">
        <v>50</v>
      </c>
      <c r="Z8874">
        <v>51</v>
      </c>
      <c r="AA8874">
        <v>52</v>
      </c>
      <c r="AB8874">
        <v>54</v>
      </c>
      <c r="AC8874">
        <v>55</v>
      </c>
      <c r="AD8874">
        <v>56</v>
      </c>
      <c r="AE8874">
        <v>57</v>
      </c>
      <c r="AF8874">
        <v>59</v>
      </c>
      <c r="AG8874">
        <v>60</v>
      </c>
      <c r="AH8874">
        <v>61</v>
      </c>
      <c r="AI8874">
        <v>62</v>
      </c>
      <c r="AJ8874">
        <v>64</v>
      </c>
      <c r="AK8874">
        <v>65</v>
      </c>
      <c r="AL8874">
        <v>66</v>
      </c>
      <c r="AM8874">
        <v>67</v>
      </c>
      <c r="AN8874">
        <v>67</v>
      </c>
      <c r="AO8874">
        <v>68</v>
      </c>
      <c r="AP8874">
        <v>69</v>
      </c>
      <c r="AQ8874">
        <v>69</v>
      </c>
    </row>
    <row r="8875" spans="1:43">
      <c r="A8875" t="s">
        <v>5556</v>
      </c>
      <c r="B8875" t="s">
        <v>5557</v>
      </c>
      <c r="C8875" t="s">
        <v>5548</v>
      </c>
      <c r="D8875" t="s">
        <v>5549</v>
      </c>
      <c r="E8875" t="s">
        <v>5426</v>
      </c>
      <c r="F8875" t="s">
        <v>5427</v>
      </c>
      <c r="G8875" t="s">
        <v>80</v>
      </c>
      <c r="H8875" t="s">
        <v>81</v>
      </c>
      <c r="I8875" s="2">
        <v>0</v>
      </c>
      <c r="J8875" s="2">
        <v>1</v>
      </c>
      <c r="K8875" s="2">
        <v>0</v>
      </c>
      <c r="L8875" t="s">
        <v>82</v>
      </c>
      <c r="M8875" t="s">
        <v>87</v>
      </c>
      <c r="N8875" t="s">
        <v>88</v>
      </c>
      <c r="O8875" t="s">
        <v>85</v>
      </c>
      <c r="P8875" t="s">
        <v>86</v>
      </c>
      <c r="Q8875">
        <v>41</v>
      </c>
      <c r="R8875">
        <v>41</v>
      </c>
      <c r="S8875">
        <v>42</v>
      </c>
      <c r="T8875">
        <v>43</v>
      </c>
      <c r="U8875">
        <v>43</v>
      </c>
      <c r="V8875">
        <v>44</v>
      </c>
      <c r="W8875">
        <v>45</v>
      </c>
      <c r="X8875">
        <v>46</v>
      </c>
      <c r="Y8875">
        <v>46</v>
      </c>
      <c r="Z8875">
        <v>47</v>
      </c>
      <c r="AA8875">
        <v>48</v>
      </c>
      <c r="AB8875">
        <v>48</v>
      </c>
      <c r="AC8875">
        <v>49</v>
      </c>
      <c r="AD8875">
        <v>50</v>
      </c>
      <c r="AE8875">
        <v>51</v>
      </c>
      <c r="AF8875">
        <v>51</v>
      </c>
      <c r="AG8875">
        <v>52</v>
      </c>
      <c r="AH8875">
        <v>53</v>
      </c>
      <c r="AI8875">
        <v>54</v>
      </c>
      <c r="AJ8875">
        <v>55</v>
      </c>
      <c r="AK8875">
        <v>55</v>
      </c>
      <c r="AL8875">
        <v>56</v>
      </c>
      <c r="AM8875">
        <v>57</v>
      </c>
      <c r="AN8875">
        <v>58</v>
      </c>
      <c r="AO8875">
        <v>59</v>
      </c>
      <c r="AP8875">
        <v>59</v>
      </c>
      <c r="AQ8875">
        <v>60</v>
      </c>
    </row>
    <row r="8876" spans="1:43">
      <c r="A8876" t="s">
        <v>5556</v>
      </c>
      <c r="B8876" t="s">
        <v>5557</v>
      </c>
      <c r="C8876" t="s">
        <v>5548</v>
      </c>
      <c r="D8876" t="s">
        <v>5549</v>
      </c>
      <c r="E8876" t="s">
        <v>5426</v>
      </c>
      <c r="F8876" t="s">
        <v>5427</v>
      </c>
      <c r="G8876" t="s">
        <v>80</v>
      </c>
      <c r="H8876" t="s">
        <v>81</v>
      </c>
      <c r="I8876" s="2">
        <v>0</v>
      </c>
      <c r="J8876" s="2">
        <v>1</v>
      </c>
      <c r="K8876" s="2">
        <v>0</v>
      </c>
      <c r="L8876" t="s">
        <v>82</v>
      </c>
      <c r="M8876" t="s">
        <v>89</v>
      </c>
      <c r="N8876" t="s">
        <v>90</v>
      </c>
      <c r="O8876" t="s">
        <v>85</v>
      </c>
      <c r="P8876" t="s">
        <v>86</v>
      </c>
      <c r="Q8876">
        <v>41</v>
      </c>
      <c r="R8876">
        <v>42</v>
      </c>
      <c r="S8876">
        <v>43</v>
      </c>
      <c r="T8876">
        <v>45</v>
      </c>
      <c r="U8876">
        <v>46</v>
      </c>
      <c r="V8876">
        <v>48</v>
      </c>
      <c r="W8876">
        <v>49</v>
      </c>
      <c r="X8876">
        <v>51</v>
      </c>
      <c r="Y8876">
        <v>52</v>
      </c>
      <c r="Z8876">
        <v>53</v>
      </c>
      <c r="AA8876">
        <v>55</v>
      </c>
      <c r="AB8876">
        <v>56</v>
      </c>
      <c r="AC8876">
        <v>58</v>
      </c>
      <c r="AD8876">
        <v>59</v>
      </c>
      <c r="AE8876">
        <v>60</v>
      </c>
      <c r="AF8876">
        <v>61</v>
      </c>
      <c r="AG8876">
        <v>62</v>
      </c>
      <c r="AH8876">
        <v>63</v>
      </c>
      <c r="AI8876">
        <v>63</v>
      </c>
      <c r="AJ8876">
        <v>64</v>
      </c>
      <c r="AK8876">
        <v>65</v>
      </c>
      <c r="AL8876">
        <v>65</v>
      </c>
      <c r="AM8876">
        <v>66</v>
      </c>
      <c r="AN8876">
        <v>67</v>
      </c>
      <c r="AO8876">
        <v>67</v>
      </c>
      <c r="AP8876">
        <v>68</v>
      </c>
      <c r="AQ8876">
        <v>69</v>
      </c>
    </row>
    <row r="8877" spans="1:43">
      <c r="A8877" t="s">
        <v>5556</v>
      </c>
      <c r="B8877" t="s">
        <v>5557</v>
      </c>
      <c r="C8877" t="s">
        <v>5548</v>
      </c>
      <c r="D8877" t="s">
        <v>5549</v>
      </c>
      <c r="E8877" t="s">
        <v>5426</v>
      </c>
      <c r="F8877" t="s">
        <v>5427</v>
      </c>
      <c r="G8877" t="s">
        <v>80</v>
      </c>
      <c r="H8877" t="s">
        <v>81</v>
      </c>
      <c r="I8877" s="2">
        <v>0</v>
      </c>
      <c r="J8877" s="2">
        <v>1</v>
      </c>
      <c r="K8877" s="2">
        <v>0</v>
      </c>
      <c r="L8877" t="s">
        <v>82</v>
      </c>
      <c r="M8877" t="s">
        <v>83</v>
      </c>
      <c r="N8877" t="s">
        <v>91</v>
      </c>
      <c r="O8877" t="s">
        <v>85</v>
      </c>
      <c r="P8877" t="s">
        <v>86</v>
      </c>
      <c r="Q8877">
        <v>41</v>
      </c>
      <c r="R8877">
        <v>42</v>
      </c>
      <c r="S8877">
        <v>43</v>
      </c>
      <c r="T8877">
        <v>44</v>
      </c>
      <c r="U8877">
        <v>46</v>
      </c>
      <c r="V8877">
        <v>47</v>
      </c>
      <c r="W8877">
        <v>48</v>
      </c>
      <c r="X8877">
        <v>49</v>
      </c>
      <c r="Y8877">
        <v>50</v>
      </c>
      <c r="Z8877">
        <v>51</v>
      </c>
      <c r="AA8877">
        <v>52</v>
      </c>
      <c r="AB8877">
        <v>54</v>
      </c>
      <c r="AC8877">
        <v>55</v>
      </c>
      <c r="AD8877">
        <v>56</v>
      </c>
      <c r="AE8877">
        <v>57</v>
      </c>
      <c r="AF8877">
        <v>59</v>
      </c>
      <c r="AG8877">
        <v>60</v>
      </c>
      <c r="AH8877">
        <v>61</v>
      </c>
      <c r="AI8877">
        <v>62</v>
      </c>
      <c r="AJ8877">
        <v>64</v>
      </c>
      <c r="AK8877">
        <v>65</v>
      </c>
      <c r="AL8877">
        <v>66</v>
      </c>
      <c r="AM8877">
        <v>67</v>
      </c>
      <c r="AN8877">
        <v>67</v>
      </c>
      <c r="AO8877">
        <v>68</v>
      </c>
      <c r="AP8877">
        <v>69</v>
      </c>
      <c r="AQ8877">
        <v>69</v>
      </c>
    </row>
    <row r="8878" spans="1:43">
      <c r="A8878" t="s">
        <v>5558</v>
      </c>
      <c r="B8878" t="s">
        <v>5559</v>
      </c>
      <c r="C8878" t="s">
        <v>5548</v>
      </c>
      <c r="D8878" t="s">
        <v>5549</v>
      </c>
      <c r="E8878" t="s">
        <v>5426</v>
      </c>
      <c r="F8878" t="s">
        <v>5427</v>
      </c>
      <c r="G8878" t="s">
        <v>80</v>
      </c>
      <c r="H8878" t="s">
        <v>81</v>
      </c>
      <c r="I8878" s="2">
        <v>0</v>
      </c>
      <c r="J8878" s="2">
        <v>1</v>
      </c>
      <c r="K8878" s="2">
        <v>0</v>
      </c>
      <c r="L8878" t="s">
        <v>82</v>
      </c>
      <c r="M8878" t="s">
        <v>83</v>
      </c>
      <c r="N8878" t="s">
        <v>84</v>
      </c>
      <c r="O8878" t="s">
        <v>85</v>
      </c>
      <c r="P8878" t="s">
        <v>86</v>
      </c>
      <c r="Q8878">
        <v>69</v>
      </c>
      <c r="R8878">
        <v>71</v>
      </c>
      <c r="S8878">
        <v>73</v>
      </c>
      <c r="T8878">
        <v>75</v>
      </c>
      <c r="U8878">
        <v>77</v>
      </c>
      <c r="V8878">
        <v>78</v>
      </c>
      <c r="W8878">
        <v>80</v>
      </c>
      <c r="X8878">
        <v>82</v>
      </c>
      <c r="Y8878">
        <v>84</v>
      </c>
      <c r="Z8878">
        <v>86</v>
      </c>
      <c r="AA8878">
        <v>88</v>
      </c>
      <c r="AB8878">
        <v>90</v>
      </c>
      <c r="AC8878">
        <v>92</v>
      </c>
      <c r="AD8878">
        <v>94</v>
      </c>
      <c r="AE8878">
        <v>96</v>
      </c>
      <c r="AF8878">
        <v>98</v>
      </c>
      <c r="AG8878">
        <v>101</v>
      </c>
      <c r="AH8878">
        <v>103</v>
      </c>
      <c r="AI8878">
        <v>105</v>
      </c>
      <c r="AJ8878">
        <v>107</v>
      </c>
      <c r="AK8878">
        <v>109</v>
      </c>
      <c r="AL8878">
        <v>111</v>
      </c>
      <c r="AM8878">
        <v>112</v>
      </c>
      <c r="AN8878">
        <v>113</v>
      </c>
      <c r="AO8878">
        <v>114</v>
      </c>
      <c r="AP8878">
        <v>116</v>
      </c>
      <c r="AQ8878">
        <v>117</v>
      </c>
    </row>
    <row r="8879" spans="1:43">
      <c r="A8879" t="s">
        <v>5558</v>
      </c>
      <c r="B8879" t="s">
        <v>5559</v>
      </c>
      <c r="C8879" t="s">
        <v>5548</v>
      </c>
      <c r="D8879" t="s">
        <v>5549</v>
      </c>
      <c r="E8879" t="s">
        <v>5426</v>
      </c>
      <c r="F8879" t="s">
        <v>5427</v>
      </c>
      <c r="G8879" t="s">
        <v>80</v>
      </c>
      <c r="H8879" t="s">
        <v>81</v>
      </c>
      <c r="I8879" s="2">
        <v>0</v>
      </c>
      <c r="J8879" s="2">
        <v>1</v>
      </c>
      <c r="K8879" s="2">
        <v>0</v>
      </c>
      <c r="L8879" t="s">
        <v>82</v>
      </c>
      <c r="M8879" t="s">
        <v>87</v>
      </c>
      <c r="N8879" t="s">
        <v>88</v>
      </c>
      <c r="O8879" t="s">
        <v>85</v>
      </c>
      <c r="P8879" t="s">
        <v>86</v>
      </c>
      <c r="Q8879">
        <v>69</v>
      </c>
      <c r="R8879">
        <v>70</v>
      </c>
      <c r="S8879">
        <v>71</v>
      </c>
      <c r="T8879">
        <v>72</v>
      </c>
      <c r="U8879">
        <v>73</v>
      </c>
      <c r="V8879">
        <v>74</v>
      </c>
      <c r="W8879">
        <v>75</v>
      </c>
      <c r="X8879">
        <v>77</v>
      </c>
      <c r="Y8879">
        <v>78</v>
      </c>
      <c r="Z8879">
        <v>79</v>
      </c>
      <c r="AA8879">
        <v>80</v>
      </c>
      <c r="AB8879">
        <v>81</v>
      </c>
      <c r="AC8879">
        <v>83</v>
      </c>
      <c r="AD8879">
        <v>84</v>
      </c>
      <c r="AE8879">
        <v>85</v>
      </c>
      <c r="AF8879">
        <v>87</v>
      </c>
      <c r="AG8879">
        <v>88</v>
      </c>
      <c r="AH8879">
        <v>89</v>
      </c>
      <c r="AI8879">
        <v>90</v>
      </c>
      <c r="AJ8879">
        <v>92</v>
      </c>
      <c r="AK8879">
        <v>93</v>
      </c>
      <c r="AL8879">
        <v>94</v>
      </c>
      <c r="AM8879">
        <v>96</v>
      </c>
      <c r="AN8879">
        <v>97</v>
      </c>
      <c r="AO8879">
        <v>99</v>
      </c>
      <c r="AP8879">
        <v>100</v>
      </c>
      <c r="AQ8879">
        <v>101</v>
      </c>
    </row>
    <row r="8880" spans="1:43">
      <c r="A8880" t="s">
        <v>5558</v>
      </c>
      <c r="B8880" t="s">
        <v>5559</v>
      </c>
      <c r="C8880" t="s">
        <v>5548</v>
      </c>
      <c r="D8880" t="s">
        <v>5549</v>
      </c>
      <c r="E8880" t="s">
        <v>5426</v>
      </c>
      <c r="F8880" t="s">
        <v>5427</v>
      </c>
      <c r="G8880" t="s">
        <v>80</v>
      </c>
      <c r="H8880" t="s">
        <v>81</v>
      </c>
      <c r="I8880" s="2">
        <v>0</v>
      </c>
      <c r="J8880" s="2">
        <v>1</v>
      </c>
      <c r="K8880" s="2">
        <v>0</v>
      </c>
      <c r="L8880" t="s">
        <v>82</v>
      </c>
      <c r="M8880" t="s">
        <v>89</v>
      </c>
      <c r="N8880" t="s">
        <v>90</v>
      </c>
      <c r="O8880" t="s">
        <v>85</v>
      </c>
      <c r="P8880" t="s">
        <v>86</v>
      </c>
      <c r="Q8880">
        <v>69</v>
      </c>
      <c r="R8880">
        <v>71</v>
      </c>
      <c r="S8880">
        <v>74</v>
      </c>
      <c r="T8880">
        <v>76</v>
      </c>
      <c r="U8880">
        <v>79</v>
      </c>
      <c r="V8880">
        <v>81</v>
      </c>
      <c r="W8880">
        <v>83</v>
      </c>
      <c r="X8880">
        <v>86</v>
      </c>
      <c r="Y8880">
        <v>88</v>
      </c>
      <c r="Z8880">
        <v>91</v>
      </c>
      <c r="AA8880">
        <v>93</v>
      </c>
      <c r="AB8880">
        <v>95</v>
      </c>
      <c r="AC8880">
        <v>98</v>
      </c>
      <c r="AD8880">
        <v>100</v>
      </c>
      <c r="AE8880">
        <v>102</v>
      </c>
      <c r="AF8880">
        <v>104</v>
      </c>
      <c r="AG8880">
        <v>105</v>
      </c>
      <c r="AH8880">
        <v>106</v>
      </c>
      <c r="AI8880">
        <v>107</v>
      </c>
      <c r="AJ8880">
        <v>108</v>
      </c>
      <c r="AK8880">
        <v>109</v>
      </c>
      <c r="AL8880">
        <v>111</v>
      </c>
      <c r="AM8880">
        <v>112</v>
      </c>
      <c r="AN8880">
        <v>113</v>
      </c>
      <c r="AO8880">
        <v>114</v>
      </c>
      <c r="AP8880">
        <v>115</v>
      </c>
      <c r="AQ8880">
        <v>116</v>
      </c>
    </row>
    <row r="8881" spans="1:43">
      <c r="A8881" t="s">
        <v>5558</v>
      </c>
      <c r="B8881" t="s">
        <v>5559</v>
      </c>
      <c r="C8881" t="s">
        <v>5548</v>
      </c>
      <c r="D8881" t="s">
        <v>5549</v>
      </c>
      <c r="E8881" t="s">
        <v>5426</v>
      </c>
      <c r="F8881" t="s">
        <v>5427</v>
      </c>
      <c r="G8881" t="s">
        <v>80</v>
      </c>
      <c r="H8881" t="s">
        <v>81</v>
      </c>
      <c r="I8881" s="2">
        <v>0</v>
      </c>
      <c r="J8881" s="2">
        <v>1</v>
      </c>
      <c r="K8881" s="2">
        <v>0</v>
      </c>
      <c r="L8881" t="s">
        <v>82</v>
      </c>
      <c r="M8881" t="s">
        <v>83</v>
      </c>
      <c r="N8881" t="s">
        <v>91</v>
      </c>
      <c r="O8881" t="s">
        <v>85</v>
      </c>
      <c r="P8881" t="s">
        <v>86</v>
      </c>
      <c r="Q8881">
        <v>69</v>
      </c>
      <c r="R8881">
        <v>71</v>
      </c>
      <c r="S8881">
        <v>73</v>
      </c>
      <c r="T8881">
        <v>75</v>
      </c>
      <c r="U8881">
        <v>77</v>
      </c>
      <c r="V8881">
        <v>78</v>
      </c>
      <c r="W8881">
        <v>80</v>
      </c>
      <c r="X8881">
        <v>82</v>
      </c>
      <c r="Y8881">
        <v>84</v>
      </c>
      <c r="Z8881">
        <v>86</v>
      </c>
      <c r="AA8881">
        <v>88</v>
      </c>
      <c r="AB8881">
        <v>90</v>
      </c>
      <c r="AC8881">
        <v>92</v>
      </c>
      <c r="AD8881">
        <v>94</v>
      </c>
      <c r="AE8881">
        <v>96</v>
      </c>
      <c r="AF8881">
        <v>98</v>
      </c>
      <c r="AG8881">
        <v>101</v>
      </c>
      <c r="AH8881">
        <v>103</v>
      </c>
      <c r="AI8881">
        <v>105</v>
      </c>
      <c r="AJ8881">
        <v>107</v>
      </c>
      <c r="AK8881">
        <v>109</v>
      </c>
      <c r="AL8881">
        <v>111</v>
      </c>
      <c r="AM8881">
        <v>112</v>
      </c>
      <c r="AN8881">
        <v>113</v>
      </c>
      <c r="AO8881">
        <v>114</v>
      </c>
      <c r="AP8881">
        <v>116</v>
      </c>
      <c r="AQ8881">
        <v>117</v>
      </c>
    </row>
    <row r="8882" spans="1:43">
      <c r="A8882" t="s">
        <v>5560</v>
      </c>
      <c r="B8882" t="s">
        <v>5561</v>
      </c>
      <c r="C8882" t="s">
        <v>5548</v>
      </c>
      <c r="D8882" t="s">
        <v>5549</v>
      </c>
      <c r="E8882" t="s">
        <v>5426</v>
      </c>
      <c r="F8882" t="s">
        <v>5427</v>
      </c>
      <c r="G8882" t="s">
        <v>80</v>
      </c>
      <c r="H8882" t="s">
        <v>81</v>
      </c>
      <c r="I8882" s="2">
        <v>0</v>
      </c>
      <c r="J8882" s="2">
        <v>1</v>
      </c>
      <c r="K8882" s="2">
        <v>0</v>
      </c>
      <c r="L8882" t="s">
        <v>82</v>
      </c>
      <c r="M8882" t="s">
        <v>83</v>
      </c>
      <c r="N8882" t="s">
        <v>84</v>
      </c>
      <c r="O8882" t="s">
        <v>85</v>
      </c>
      <c r="P8882" t="s">
        <v>86</v>
      </c>
      <c r="Q8882">
        <v>48</v>
      </c>
      <c r="R8882">
        <v>49</v>
      </c>
      <c r="S8882">
        <v>51</v>
      </c>
      <c r="T8882">
        <v>52</v>
      </c>
      <c r="U8882">
        <v>53</v>
      </c>
      <c r="V8882">
        <v>54</v>
      </c>
      <c r="W8882">
        <v>56</v>
      </c>
      <c r="X8882">
        <v>57</v>
      </c>
      <c r="Y8882">
        <v>58</v>
      </c>
      <c r="Z8882">
        <v>60</v>
      </c>
      <c r="AA8882">
        <v>61</v>
      </c>
      <c r="AB8882">
        <v>63</v>
      </c>
      <c r="AC8882">
        <v>64</v>
      </c>
      <c r="AD8882">
        <v>66</v>
      </c>
      <c r="AE8882">
        <v>67</v>
      </c>
      <c r="AF8882">
        <v>69</v>
      </c>
      <c r="AG8882">
        <v>70</v>
      </c>
      <c r="AH8882">
        <v>72</v>
      </c>
      <c r="AI8882">
        <v>73</v>
      </c>
      <c r="AJ8882">
        <v>75</v>
      </c>
      <c r="AK8882">
        <v>76</v>
      </c>
      <c r="AL8882">
        <v>77</v>
      </c>
      <c r="AM8882">
        <v>78</v>
      </c>
      <c r="AN8882">
        <v>79</v>
      </c>
      <c r="AO8882">
        <v>80</v>
      </c>
      <c r="AP8882">
        <v>81</v>
      </c>
      <c r="AQ8882">
        <v>82</v>
      </c>
    </row>
    <row r="8883" spans="1:43">
      <c r="A8883" t="s">
        <v>5560</v>
      </c>
      <c r="B8883" t="s">
        <v>5561</v>
      </c>
      <c r="C8883" t="s">
        <v>5548</v>
      </c>
      <c r="D8883" t="s">
        <v>5549</v>
      </c>
      <c r="E8883" t="s">
        <v>5426</v>
      </c>
      <c r="F8883" t="s">
        <v>5427</v>
      </c>
      <c r="G8883" t="s">
        <v>80</v>
      </c>
      <c r="H8883" t="s">
        <v>81</v>
      </c>
      <c r="I8883" s="2">
        <v>0</v>
      </c>
      <c r="J8883" s="2">
        <v>1</v>
      </c>
      <c r="K8883" s="2">
        <v>0</v>
      </c>
      <c r="L8883" t="s">
        <v>82</v>
      </c>
      <c r="M8883" t="s">
        <v>87</v>
      </c>
      <c r="N8883" t="s">
        <v>88</v>
      </c>
      <c r="O8883" t="s">
        <v>85</v>
      </c>
      <c r="P8883" t="s">
        <v>86</v>
      </c>
      <c r="Q8883">
        <v>48</v>
      </c>
      <c r="R8883">
        <v>48</v>
      </c>
      <c r="S8883">
        <v>49</v>
      </c>
      <c r="T8883">
        <v>50</v>
      </c>
      <c r="U8883">
        <v>51</v>
      </c>
      <c r="V8883">
        <v>52</v>
      </c>
      <c r="W8883">
        <v>52</v>
      </c>
      <c r="X8883">
        <v>53</v>
      </c>
      <c r="Y8883">
        <v>54</v>
      </c>
      <c r="Z8883">
        <v>55</v>
      </c>
      <c r="AA8883">
        <v>56</v>
      </c>
      <c r="AB8883">
        <v>57</v>
      </c>
      <c r="AC8883">
        <v>58</v>
      </c>
      <c r="AD8883">
        <v>58</v>
      </c>
      <c r="AE8883">
        <v>59</v>
      </c>
      <c r="AF8883">
        <v>60</v>
      </c>
      <c r="AG8883">
        <v>61</v>
      </c>
      <c r="AH8883">
        <v>62</v>
      </c>
      <c r="AI8883">
        <v>63</v>
      </c>
      <c r="AJ8883">
        <v>64</v>
      </c>
      <c r="AK8883">
        <v>65</v>
      </c>
      <c r="AL8883">
        <v>66</v>
      </c>
      <c r="AM8883">
        <v>67</v>
      </c>
      <c r="AN8883">
        <v>68</v>
      </c>
      <c r="AO8883">
        <v>69</v>
      </c>
      <c r="AP8883">
        <v>70</v>
      </c>
      <c r="AQ8883">
        <v>71</v>
      </c>
    </row>
    <row r="8884" spans="1:43">
      <c r="A8884" t="s">
        <v>5560</v>
      </c>
      <c r="B8884" t="s">
        <v>5561</v>
      </c>
      <c r="C8884" t="s">
        <v>5548</v>
      </c>
      <c r="D8884" t="s">
        <v>5549</v>
      </c>
      <c r="E8884" t="s">
        <v>5426</v>
      </c>
      <c r="F8884" t="s">
        <v>5427</v>
      </c>
      <c r="G8884" t="s">
        <v>80</v>
      </c>
      <c r="H8884" t="s">
        <v>81</v>
      </c>
      <c r="I8884" s="2">
        <v>0</v>
      </c>
      <c r="J8884" s="2">
        <v>1</v>
      </c>
      <c r="K8884" s="2">
        <v>0</v>
      </c>
      <c r="L8884" t="s">
        <v>82</v>
      </c>
      <c r="M8884" t="s">
        <v>89</v>
      </c>
      <c r="N8884" t="s">
        <v>90</v>
      </c>
      <c r="O8884" t="s">
        <v>85</v>
      </c>
      <c r="P8884" t="s">
        <v>86</v>
      </c>
      <c r="Q8884">
        <v>48</v>
      </c>
      <c r="R8884">
        <v>50</v>
      </c>
      <c r="S8884">
        <v>52</v>
      </c>
      <c r="T8884">
        <v>54</v>
      </c>
      <c r="U8884">
        <v>55</v>
      </c>
      <c r="V8884">
        <v>57</v>
      </c>
      <c r="W8884">
        <v>59</v>
      </c>
      <c r="X8884">
        <v>60</v>
      </c>
      <c r="Y8884">
        <v>62</v>
      </c>
      <c r="Z8884">
        <v>64</v>
      </c>
      <c r="AA8884">
        <v>65</v>
      </c>
      <c r="AB8884">
        <v>67</v>
      </c>
      <c r="AC8884">
        <v>69</v>
      </c>
      <c r="AD8884">
        <v>71</v>
      </c>
      <c r="AE8884">
        <v>72</v>
      </c>
      <c r="AF8884">
        <v>73</v>
      </c>
      <c r="AG8884">
        <v>74</v>
      </c>
      <c r="AH8884">
        <v>74</v>
      </c>
      <c r="AI8884">
        <v>75</v>
      </c>
      <c r="AJ8884">
        <v>76</v>
      </c>
      <c r="AK8884">
        <v>77</v>
      </c>
      <c r="AL8884">
        <v>78</v>
      </c>
      <c r="AM8884">
        <v>79</v>
      </c>
      <c r="AN8884">
        <v>79</v>
      </c>
      <c r="AO8884">
        <v>80</v>
      </c>
      <c r="AP8884">
        <v>81</v>
      </c>
      <c r="AQ8884">
        <v>82</v>
      </c>
    </row>
    <row r="8885" spans="1:43">
      <c r="A8885" t="s">
        <v>5560</v>
      </c>
      <c r="B8885" t="s">
        <v>5561</v>
      </c>
      <c r="C8885" t="s">
        <v>5548</v>
      </c>
      <c r="D8885" t="s">
        <v>5549</v>
      </c>
      <c r="E8885" t="s">
        <v>5426</v>
      </c>
      <c r="F8885" t="s">
        <v>5427</v>
      </c>
      <c r="G8885" t="s">
        <v>80</v>
      </c>
      <c r="H8885" t="s">
        <v>81</v>
      </c>
      <c r="I8885" s="2">
        <v>0</v>
      </c>
      <c r="J8885" s="2">
        <v>1</v>
      </c>
      <c r="K8885" s="2">
        <v>0</v>
      </c>
      <c r="L8885" t="s">
        <v>82</v>
      </c>
      <c r="M8885" t="s">
        <v>83</v>
      </c>
      <c r="N8885" t="s">
        <v>91</v>
      </c>
      <c r="O8885" t="s">
        <v>85</v>
      </c>
      <c r="P8885" t="s">
        <v>86</v>
      </c>
      <c r="Q8885">
        <v>48</v>
      </c>
      <c r="R8885">
        <v>49</v>
      </c>
      <c r="S8885">
        <v>51</v>
      </c>
      <c r="T8885">
        <v>52</v>
      </c>
      <c r="U8885">
        <v>53</v>
      </c>
      <c r="V8885">
        <v>54</v>
      </c>
      <c r="W8885">
        <v>56</v>
      </c>
      <c r="X8885">
        <v>57</v>
      </c>
      <c r="Y8885">
        <v>58</v>
      </c>
      <c r="Z8885">
        <v>60</v>
      </c>
      <c r="AA8885">
        <v>61</v>
      </c>
      <c r="AB8885">
        <v>63</v>
      </c>
      <c r="AC8885">
        <v>64</v>
      </c>
      <c r="AD8885">
        <v>66</v>
      </c>
      <c r="AE8885">
        <v>67</v>
      </c>
      <c r="AF8885">
        <v>69</v>
      </c>
      <c r="AG8885">
        <v>70</v>
      </c>
      <c r="AH8885">
        <v>72</v>
      </c>
      <c r="AI8885">
        <v>73</v>
      </c>
      <c r="AJ8885">
        <v>75</v>
      </c>
      <c r="AK8885">
        <v>76</v>
      </c>
      <c r="AL8885">
        <v>77</v>
      </c>
      <c r="AM8885">
        <v>78</v>
      </c>
      <c r="AN8885">
        <v>79</v>
      </c>
      <c r="AO8885">
        <v>80</v>
      </c>
      <c r="AP8885">
        <v>81</v>
      </c>
      <c r="AQ8885">
        <v>82</v>
      </c>
    </row>
    <row r="8886" spans="1:43">
      <c r="A8886" t="s">
        <v>5562</v>
      </c>
      <c r="B8886" t="s">
        <v>5563</v>
      </c>
      <c r="C8886" t="s">
        <v>5520</v>
      </c>
      <c r="D8886" t="s">
        <v>5521</v>
      </c>
      <c r="E8886" t="s">
        <v>5426</v>
      </c>
      <c r="F8886" t="s">
        <v>5427</v>
      </c>
      <c r="G8886" t="s">
        <v>80</v>
      </c>
      <c r="H8886" t="s">
        <v>81</v>
      </c>
      <c r="I8886" s="2">
        <v>0</v>
      </c>
      <c r="J8886" s="2">
        <v>1</v>
      </c>
      <c r="K8886" s="2">
        <v>0</v>
      </c>
      <c r="L8886" t="s">
        <v>82</v>
      </c>
      <c r="M8886" t="s">
        <v>83</v>
      </c>
      <c r="N8886" t="s">
        <v>84</v>
      </c>
      <c r="O8886" t="s">
        <v>85</v>
      </c>
      <c r="P8886" t="s">
        <v>86</v>
      </c>
      <c r="Q8886">
        <v>44</v>
      </c>
      <c r="R8886">
        <v>45</v>
      </c>
      <c r="S8886">
        <v>46</v>
      </c>
      <c r="T8886">
        <v>48</v>
      </c>
      <c r="U8886">
        <v>49</v>
      </c>
      <c r="V8886">
        <v>50</v>
      </c>
      <c r="W8886">
        <v>51</v>
      </c>
      <c r="X8886">
        <v>52</v>
      </c>
      <c r="Y8886">
        <v>54</v>
      </c>
      <c r="Z8886">
        <v>55</v>
      </c>
      <c r="AA8886">
        <v>56</v>
      </c>
      <c r="AB8886">
        <v>57</v>
      </c>
      <c r="AC8886">
        <v>59</v>
      </c>
      <c r="AD8886">
        <v>60</v>
      </c>
      <c r="AE8886">
        <v>61</v>
      </c>
      <c r="AF8886">
        <v>62</v>
      </c>
      <c r="AG8886">
        <v>64</v>
      </c>
      <c r="AH8886">
        <v>65</v>
      </c>
      <c r="AI8886">
        <v>66</v>
      </c>
      <c r="AJ8886">
        <v>68</v>
      </c>
      <c r="AK8886">
        <v>69</v>
      </c>
      <c r="AL8886">
        <v>70</v>
      </c>
      <c r="AM8886">
        <v>71</v>
      </c>
      <c r="AN8886">
        <v>72</v>
      </c>
      <c r="AO8886">
        <v>72</v>
      </c>
      <c r="AP8886">
        <v>73</v>
      </c>
      <c r="AQ8886">
        <v>74</v>
      </c>
    </row>
    <row r="8887" spans="1:43">
      <c r="A8887" t="s">
        <v>5562</v>
      </c>
      <c r="B8887" t="s">
        <v>5563</v>
      </c>
      <c r="C8887" t="s">
        <v>5520</v>
      </c>
      <c r="D8887" t="s">
        <v>5521</v>
      </c>
      <c r="E8887" t="s">
        <v>5426</v>
      </c>
      <c r="F8887" t="s">
        <v>5427</v>
      </c>
      <c r="G8887" t="s">
        <v>80</v>
      </c>
      <c r="H8887" t="s">
        <v>81</v>
      </c>
      <c r="I8887" s="2">
        <v>0</v>
      </c>
      <c r="J8887" s="2">
        <v>1</v>
      </c>
      <c r="K8887" s="2">
        <v>0</v>
      </c>
      <c r="L8887" t="s">
        <v>82</v>
      </c>
      <c r="M8887" t="s">
        <v>87</v>
      </c>
      <c r="N8887" t="s">
        <v>88</v>
      </c>
      <c r="O8887" t="s">
        <v>85</v>
      </c>
      <c r="P8887" t="s">
        <v>86</v>
      </c>
      <c r="Q8887">
        <v>44</v>
      </c>
      <c r="R8887">
        <v>45</v>
      </c>
      <c r="S8887">
        <v>45</v>
      </c>
      <c r="T8887">
        <v>46</v>
      </c>
      <c r="U8887">
        <v>47</v>
      </c>
      <c r="V8887">
        <v>47</v>
      </c>
      <c r="W8887">
        <v>48</v>
      </c>
      <c r="X8887">
        <v>49</v>
      </c>
      <c r="Y8887">
        <v>49</v>
      </c>
      <c r="Z8887">
        <v>50</v>
      </c>
      <c r="AA8887">
        <v>51</v>
      </c>
      <c r="AB8887">
        <v>52</v>
      </c>
      <c r="AC8887">
        <v>52</v>
      </c>
      <c r="AD8887">
        <v>53</v>
      </c>
      <c r="AE8887">
        <v>54</v>
      </c>
      <c r="AF8887">
        <v>55</v>
      </c>
      <c r="AG8887">
        <v>56</v>
      </c>
      <c r="AH8887">
        <v>56</v>
      </c>
      <c r="AI8887">
        <v>57</v>
      </c>
      <c r="AJ8887">
        <v>58</v>
      </c>
      <c r="AK8887">
        <v>59</v>
      </c>
      <c r="AL8887">
        <v>60</v>
      </c>
      <c r="AM8887">
        <v>61</v>
      </c>
      <c r="AN8887">
        <v>61</v>
      </c>
      <c r="AO8887">
        <v>62</v>
      </c>
      <c r="AP8887">
        <v>63</v>
      </c>
      <c r="AQ8887">
        <v>64</v>
      </c>
    </row>
    <row r="8888" spans="1:43">
      <c r="A8888" t="s">
        <v>5562</v>
      </c>
      <c r="B8888" t="s">
        <v>5563</v>
      </c>
      <c r="C8888" t="s">
        <v>5520</v>
      </c>
      <c r="D8888" t="s">
        <v>5521</v>
      </c>
      <c r="E8888" t="s">
        <v>5426</v>
      </c>
      <c r="F8888" t="s">
        <v>5427</v>
      </c>
      <c r="G8888" t="s">
        <v>80</v>
      </c>
      <c r="H8888" t="s">
        <v>81</v>
      </c>
      <c r="I8888" s="2">
        <v>0</v>
      </c>
      <c r="J8888" s="2">
        <v>1</v>
      </c>
      <c r="K8888" s="2">
        <v>0</v>
      </c>
      <c r="L8888" t="s">
        <v>82</v>
      </c>
      <c r="M8888" t="s">
        <v>89</v>
      </c>
      <c r="N8888" t="s">
        <v>90</v>
      </c>
      <c r="O8888" t="s">
        <v>85</v>
      </c>
      <c r="P8888" t="s">
        <v>86</v>
      </c>
      <c r="Q8888">
        <v>44</v>
      </c>
      <c r="R8888">
        <v>45</v>
      </c>
      <c r="S8888">
        <v>47</v>
      </c>
      <c r="T8888">
        <v>48</v>
      </c>
      <c r="U8888">
        <v>50</v>
      </c>
      <c r="V8888">
        <v>51</v>
      </c>
      <c r="W8888">
        <v>53</v>
      </c>
      <c r="X8888">
        <v>54</v>
      </c>
      <c r="Y8888">
        <v>56</v>
      </c>
      <c r="Z8888">
        <v>57</v>
      </c>
      <c r="AA8888">
        <v>59</v>
      </c>
      <c r="AB8888">
        <v>60</v>
      </c>
      <c r="AC8888">
        <v>62</v>
      </c>
      <c r="AD8888">
        <v>63</v>
      </c>
      <c r="AE8888">
        <v>65</v>
      </c>
      <c r="AF8888">
        <v>65</v>
      </c>
      <c r="AG8888">
        <v>66</v>
      </c>
      <c r="AH8888">
        <v>67</v>
      </c>
      <c r="AI8888">
        <v>68</v>
      </c>
      <c r="AJ8888">
        <v>68</v>
      </c>
      <c r="AK8888">
        <v>69</v>
      </c>
      <c r="AL8888">
        <v>70</v>
      </c>
      <c r="AM8888">
        <v>71</v>
      </c>
      <c r="AN8888">
        <v>71</v>
      </c>
      <c r="AO8888">
        <v>72</v>
      </c>
      <c r="AP8888">
        <v>73</v>
      </c>
      <c r="AQ8888">
        <v>74</v>
      </c>
    </row>
    <row r="8889" spans="1:43">
      <c r="A8889" t="s">
        <v>5562</v>
      </c>
      <c r="B8889" t="s">
        <v>5563</v>
      </c>
      <c r="C8889" t="s">
        <v>5520</v>
      </c>
      <c r="D8889" t="s">
        <v>5521</v>
      </c>
      <c r="E8889" t="s">
        <v>5426</v>
      </c>
      <c r="F8889" t="s">
        <v>5427</v>
      </c>
      <c r="G8889" t="s">
        <v>80</v>
      </c>
      <c r="H8889" t="s">
        <v>81</v>
      </c>
      <c r="I8889" s="2">
        <v>0</v>
      </c>
      <c r="J8889" s="2">
        <v>1</v>
      </c>
      <c r="K8889" s="2">
        <v>0</v>
      </c>
      <c r="L8889" t="s">
        <v>82</v>
      </c>
      <c r="M8889" t="s">
        <v>83</v>
      </c>
      <c r="N8889" t="s">
        <v>91</v>
      </c>
      <c r="O8889" t="s">
        <v>85</v>
      </c>
      <c r="P8889" t="s">
        <v>86</v>
      </c>
      <c r="Q8889">
        <v>44</v>
      </c>
      <c r="R8889">
        <v>45</v>
      </c>
      <c r="S8889">
        <v>46</v>
      </c>
      <c r="T8889">
        <v>48</v>
      </c>
      <c r="U8889">
        <v>49</v>
      </c>
      <c r="V8889">
        <v>50</v>
      </c>
      <c r="W8889">
        <v>51</v>
      </c>
      <c r="X8889">
        <v>52</v>
      </c>
      <c r="Y8889">
        <v>54</v>
      </c>
      <c r="Z8889">
        <v>55</v>
      </c>
      <c r="AA8889">
        <v>56</v>
      </c>
      <c r="AB8889">
        <v>57</v>
      </c>
      <c r="AC8889">
        <v>59</v>
      </c>
      <c r="AD8889">
        <v>60</v>
      </c>
      <c r="AE8889">
        <v>61</v>
      </c>
      <c r="AF8889">
        <v>62</v>
      </c>
      <c r="AG8889">
        <v>64</v>
      </c>
      <c r="AH8889">
        <v>65</v>
      </c>
      <c r="AI8889">
        <v>66</v>
      </c>
      <c r="AJ8889">
        <v>68</v>
      </c>
      <c r="AK8889">
        <v>69</v>
      </c>
      <c r="AL8889">
        <v>70</v>
      </c>
      <c r="AM8889">
        <v>71</v>
      </c>
      <c r="AN8889">
        <v>72</v>
      </c>
      <c r="AO8889">
        <v>72</v>
      </c>
      <c r="AP8889">
        <v>73</v>
      </c>
      <c r="AQ8889">
        <v>74</v>
      </c>
    </row>
    <row r="8890" spans="1:43">
      <c r="A8890" t="s">
        <v>5564</v>
      </c>
      <c r="B8890" t="s">
        <v>5565</v>
      </c>
      <c r="C8890" t="s">
        <v>5536</v>
      </c>
      <c r="D8890" t="s">
        <v>5537</v>
      </c>
      <c r="E8890" t="s">
        <v>5426</v>
      </c>
      <c r="F8890" t="s">
        <v>5427</v>
      </c>
      <c r="G8890" t="s">
        <v>80</v>
      </c>
      <c r="H8890" t="s">
        <v>81</v>
      </c>
      <c r="I8890" s="2">
        <v>0</v>
      </c>
      <c r="J8890" s="2">
        <v>1</v>
      </c>
      <c r="K8890" s="2">
        <v>0</v>
      </c>
      <c r="L8890" t="s">
        <v>82</v>
      </c>
      <c r="M8890" t="s">
        <v>83</v>
      </c>
      <c r="N8890" t="s">
        <v>84</v>
      </c>
      <c r="O8890" t="s">
        <v>85</v>
      </c>
      <c r="P8890" t="s">
        <v>86</v>
      </c>
      <c r="Q8890">
        <v>29</v>
      </c>
      <c r="R8890">
        <v>30</v>
      </c>
      <c r="S8890">
        <v>31</v>
      </c>
      <c r="T8890">
        <v>32</v>
      </c>
      <c r="U8890">
        <v>32</v>
      </c>
      <c r="V8890">
        <v>33</v>
      </c>
      <c r="W8890">
        <v>34</v>
      </c>
      <c r="X8890">
        <v>35</v>
      </c>
      <c r="Y8890">
        <v>36</v>
      </c>
      <c r="Z8890">
        <v>37</v>
      </c>
      <c r="AA8890">
        <v>37</v>
      </c>
      <c r="AB8890">
        <v>38</v>
      </c>
      <c r="AC8890">
        <v>39</v>
      </c>
      <c r="AD8890">
        <v>40</v>
      </c>
      <c r="AE8890">
        <v>41</v>
      </c>
      <c r="AF8890">
        <v>42</v>
      </c>
      <c r="AG8890">
        <v>43</v>
      </c>
      <c r="AH8890">
        <v>44</v>
      </c>
      <c r="AI8890">
        <v>45</v>
      </c>
      <c r="AJ8890">
        <v>46</v>
      </c>
      <c r="AK8890">
        <v>47</v>
      </c>
      <c r="AL8890">
        <v>47</v>
      </c>
      <c r="AM8890">
        <v>48</v>
      </c>
      <c r="AN8890">
        <v>48</v>
      </c>
      <c r="AO8890">
        <v>49</v>
      </c>
      <c r="AP8890">
        <v>49</v>
      </c>
      <c r="AQ8890">
        <v>50</v>
      </c>
    </row>
    <row r="8891" spans="1:43">
      <c r="A8891" t="s">
        <v>5564</v>
      </c>
      <c r="B8891" t="s">
        <v>5565</v>
      </c>
      <c r="C8891" t="s">
        <v>5536</v>
      </c>
      <c r="D8891" t="s">
        <v>5537</v>
      </c>
      <c r="E8891" t="s">
        <v>5426</v>
      </c>
      <c r="F8891" t="s">
        <v>5427</v>
      </c>
      <c r="G8891" t="s">
        <v>80</v>
      </c>
      <c r="H8891" t="s">
        <v>81</v>
      </c>
      <c r="I8891" s="2">
        <v>0</v>
      </c>
      <c r="J8891" s="2">
        <v>1</v>
      </c>
      <c r="K8891" s="2">
        <v>0</v>
      </c>
      <c r="L8891" t="s">
        <v>82</v>
      </c>
      <c r="M8891" t="s">
        <v>87</v>
      </c>
      <c r="N8891" t="s">
        <v>88</v>
      </c>
      <c r="O8891" t="s">
        <v>85</v>
      </c>
      <c r="P8891" t="s">
        <v>86</v>
      </c>
      <c r="Q8891">
        <v>29</v>
      </c>
      <c r="R8891">
        <v>30</v>
      </c>
      <c r="S8891">
        <v>30</v>
      </c>
      <c r="T8891">
        <v>31</v>
      </c>
      <c r="U8891">
        <v>31</v>
      </c>
      <c r="V8891">
        <v>32</v>
      </c>
      <c r="W8891">
        <v>32</v>
      </c>
      <c r="X8891">
        <v>33</v>
      </c>
      <c r="Y8891">
        <v>33</v>
      </c>
      <c r="Z8891">
        <v>34</v>
      </c>
      <c r="AA8891">
        <v>34</v>
      </c>
      <c r="AB8891">
        <v>35</v>
      </c>
      <c r="AC8891">
        <v>35</v>
      </c>
      <c r="AD8891">
        <v>36</v>
      </c>
      <c r="AE8891">
        <v>36</v>
      </c>
      <c r="AF8891">
        <v>37</v>
      </c>
      <c r="AG8891">
        <v>37</v>
      </c>
      <c r="AH8891">
        <v>38</v>
      </c>
      <c r="AI8891">
        <v>39</v>
      </c>
      <c r="AJ8891">
        <v>39</v>
      </c>
      <c r="AK8891">
        <v>40</v>
      </c>
      <c r="AL8891">
        <v>40</v>
      </c>
      <c r="AM8891">
        <v>41</v>
      </c>
      <c r="AN8891">
        <v>41</v>
      </c>
      <c r="AO8891">
        <v>42</v>
      </c>
      <c r="AP8891">
        <v>43</v>
      </c>
      <c r="AQ8891">
        <v>43</v>
      </c>
    </row>
    <row r="8892" spans="1:43">
      <c r="A8892" t="s">
        <v>5564</v>
      </c>
      <c r="B8892" t="s">
        <v>5565</v>
      </c>
      <c r="C8892" t="s">
        <v>5536</v>
      </c>
      <c r="D8892" t="s">
        <v>5537</v>
      </c>
      <c r="E8892" t="s">
        <v>5426</v>
      </c>
      <c r="F8892" t="s">
        <v>5427</v>
      </c>
      <c r="G8892" t="s">
        <v>80</v>
      </c>
      <c r="H8892" t="s">
        <v>81</v>
      </c>
      <c r="I8892" s="2">
        <v>0</v>
      </c>
      <c r="J8892" s="2">
        <v>1</v>
      </c>
      <c r="K8892" s="2">
        <v>0</v>
      </c>
      <c r="L8892" t="s">
        <v>82</v>
      </c>
      <c r="M8892" t="s">
        <v>89</v>
      </c>
      <c r="N8892" t="s">
        <v>90</v>
      </c>
      <c r="O8892" t="s">
        <v>85</v>
      </c>
      <c r="P8892" t="s">
        <v>86</v>
      </c>
      <c r="Q8892">
        <v>29</v>
      </c>
      <c r="R8892">
        <v>30</v>
      </c>
      <c r="S8892">
        <v>31</v>
      </c>
      <c r="T8892">
        <v>32</v>
      </c>
      <c r="U8892">
        <v>33</v>
      </c>
      <c r="V8892">
        <v>34</v>
      </c>
      <c r="W8892">
        <v>35</v>
      </c>
      <c r="X8892">
        <v>36</v>
      </c>
      <c r="Y8892">
        <v>37</v>
      </c>
      <c r="Z8892">
        <v>38</v>
      </c>
      <c r="AA8892">
        <v>39</v>
      </c>
      <c r="AB8892">
        <v>40</v>
      </c>
      <c r="AC8892">
        <v>41</v>
      </c>
      <c r="AD8892">
        <v>42</v>
      </c>
      <c r="AE8892">
        <v>43</v>
      </c>
      <c r="AF8892">
        <v>43</v>
      </c>
      <c r="AG8892">
        <v>44</v>
      </c>
      <c r="AH8892">
        <v>44</v>
      </c>
      <c r="AI8892">
        <v>45</v>
      </c>
      <c r="AJ8892">
        <v>45</v>
      </c>
      <c r="AK8892">
        <v>46</v>
      </c>
      <c r="AL8892">
        <v>46</v>
      </c>
      <c r="AM8892">
        <v>47</v>
      </c>
      <c r="AN8892">
        <v>47</v>
      </c>
      <c r="AO8892">
        <v>48</v>
      </c>
      <c r="AP8892">
        <v>48</v>
      </c>
      <c r="AQ8892">
        <v>49</v>
      </c>
    </row>
    <row r="8893" spans="1:43">
      <c r="A8893" t="s">
        <v>5564</v>
      </c>
      <c r="B8893" t="s">
        <v>5565</v>
      </c>
      <c r="C8893" t="s">
        <v>5536</v>
      </c>
      <c r="D8893" t="s">
        <v>5537</v>
      </c>
      <c r="E8893" t="s">
        <v>5426</v>
      </c>
      <c r="F8893" t="s">
        <v>5427</v>
      </c>
      <c r="G8893" t="s">
        <v>80</v>
      </c>
      <c r="H8893" t="s">
        <v>81</v>
      </c>
      <c r="I8893" s="2">
        <v>0</v>
      </c>
      <c r="J8893" s="2">
        <v>1</v>
      </c>
      <c r="K8893" s="2">
        <v>0</v>
      </c>
      <c r="L8893" t="s">
        <v>82</v>
      </c>
      <c r="M8893" t="s">
        <v>83</v>
      </c>
      <c r="N8893" t="s">
        <v>91</v>
      </c>
      <c r="O8893" t="s">
        <v>85</v>
      </c>
      <c r="P8893" t="s">
        <v>86</v>
      </c>
      <c r="Q8893">
        <v>29</v>
      </c>
      <c r="R8893">
        <v>30</v>
      </c>
      <c r="S8893">
        <v>31</v>
      </c>
      <c r="T8893">
        <v>32</v>
      </c>
      <c r="U8893">
        <v>32</v>
      </c>
      <c r="V8893">
        <v>33</v>
      </c>
      <c r="W8893">
        <v>34</v>
      </c>
      <c r="X8893">
        <v>35</v>
      </c>
      <c r="Y8893">
        <v>36</v>
      </c>
      <c r="Z8893">
        <v>37</v>
      </c>
      <c r="AA8893">
        <v>37</v>
      </c>
      <c r="AB8893">
        <v>38</v>
      </c>
      <c r="AC8893">
        <v>39</v>
      </c>
      <c r="AD8893">
        <v>40</v>
      </c>
      <c r="AE8893">
        <v>41</v>
      </c>
      <c r="AF8893">
        <v>42</v>
      </c>
      <c r="AG8893">
        <v>43</v>
      </c>
      <c r="AH8893">
        <v>44</v>
      </c>
      <c r="AI8893">
        <v>45</v>
      </c>
      <c r="AJ8893">
        <v>46</v>
      </c>
      <c r="AK8893">
        <v>47</v>
      </c>
      <c r="AL8893">
        <v>47</v>
      </c>
      <c r="AM8893">
        <v>48</v>
      </c>
      <c r="AN8893">
        <v>48</v>
      </c>
      <c r="AO8893">
        <v>49</v>
      </c>
      <c r="AP8893">
        <v>49</v>
      </c>
      <c r="AQ8893">
        <v>50</v>
      </c>
    </row>
    <row r="8894" spans="1:43">
      <c r="A8894" t="s">
        <v>5566</v>
      </c>
      <c r="B8894" t="s">
        <v>5567</v>
      </c>
      <c r="C8894" t="s">
        <v>5568</v>
      </c>
      <c r="D8894" t="s">
        <v>5569</v>
      </c>
      <c r="E8894" t="s">
        <v>5426</v>
      </c>
      <c r="F8894" t="s">
        <v>5427</v>
      </c>
      <c r="G8894" t="s">
        <v>80</v>
      </c>
      <c r="H8894" t="s">
        <v>81</v>
      </c>
      <c r="I8894" s="2">
        <v>0</v>
      </c>
      <c r="J8894" s="2">
        <v>1</v>
      </c>
      <c r="K8894" s="2">
        <v>0</v>
      </c>
      <c r="L8894" t="s">
        <v>82</v>
      </c>
      <c r="M8894" t="s">
        <v>83</v>
      </c>
      <c r="N8894" t="s">
        <v>84</v>
      </c>
      <c r="O8894" t="s">
        <v>85</v>
      </c>
      <c r="P8894" t="s">
        <v>86</v>
      </c>
      <c r="Q8894">
        <v>11</v>
      </c>
      <c r="R8894">
        <v>11</v>
      </c>
      <c r="S8894">
        <v>11</v>
      </c>
      <c r="T8894">
        <v>12</v>
      </c>
      <c r="U8894">
        <v>12</v>
      </c>
      <c r="V8894">
        <v>12</v>
      </c>
      <c r="W8894">
        <v>13</v>
      </c>
      <c r="X8894">
        <v>13</v>
      </c>
      <c r="Y8894">
        <v>13</v>
      </c>
      <c r="Z8894">
        <v>14</v>
      </c>
      <c r="AA8894">
        <v>14</v>
      </c>
      <c r="AB8894">
        <v>14</v>
      </c>
      <c r="AC8894">
        <v>15</v>
      </c>
      <c r="AD8894">
        <v>15</v>
      </c>
      <c r="AE8894">
        <v>15</v>
      </c>
      <c r="AF8894">
        <v>16</v>
      </c>
      <c r="AG8894">
        <v>16</v>
      </c>
      <c r="AH8894">
        <v>16</v>
      </c>
      <c r="AI8894">
        <v>17</v>
      </c>
      <c r="AJ8894">
        <v>17</v>
      </c>
      <c r="AK8894">
        <v>17</v>
      </c>
      <c r="AL8894">
        <v>17</v>
      </c>
      <c r="AM8894">
        <v>18</v>
      </c>
      <c r="AN8894">
        <v>18</v>
      </c>
      <c r="AO8894">
        <v>18</v>
      </c>
      <c r="AP8894">
        <v>18</v>
      </c>
      <c r="AQ8894">
        <v>18</v>
      </c>
    </row>
    <row r="8895" spans="1:43">
      <c r="A8895" t="s">
        <v>5566</v>
      </c>
      <c r="B8895" t="s">
        <v>5567</v>
      </c>
      <c r="C8895" t="s">
        <v>5568</v>
      </c>
      <c r="D8895" t="s">
        <v>5569</v>
      </c>
      <c r="E8895" t="s">
        <v>5426</v>
      </c>
      <c r="F8895" t="s">
        <v>5427</v>
      </c>
      <c r="G8895" t="s">
        <v>80</v>
      </c>
      <c r="H8895" t="s">
        <v>81</v>
      </c>
      <c r="I8895" s="2">
        <v>0</v>
      </c>
      <c r="J8895" s="2">
        <v>1</v>
      </c>
      <c r="K8895" s="2">
        <v>0</v>
      </c>
      <c r="L8895" t="s">
        <v>82</v>
      </c>
      <c r="M8895" t="s">
        <v>87</v>
      </c>
      <c r="N8895" t="s">
        <v>88</v>
      </c>
      <c r="O8895" t="s">
        <v>85</v>
      </c>
      <c r="P8895" t="s">
        <v>86</v>
      </c>
      <c r="Q8895">
        <v>11</v>
      </c>
      <c r="R8895">
        <v>11</v>
      </c>
      <c r="S8895">
        <v>11</v>
      </c>
      <c r="T8895">
        <v>11</v>
      </c>
      <c r="U8895">
        <v>12</v>
      </c>
      <c r="V8895">
        <v>12</v>
      </c>
      <c r="W8895">
        <v>12</v>
      </c>
      <c r="X8895">
        <v>12</v>
      </c>
      <c r="Y8895">
        <v>12</v>
      </c>
      <c r="Z8895">
        <v>12</v>
      </c>
      <c r="AA8895">
        <v>13</v>
      </c>
      <c r="AB8895">
        <v>13</v>
      </c>
      <c r="AC8895">
        <v>13</v>
      </c>
      <c r="AD8895">
        <v>13</v>
      </c>
      <c r="AE8895">
        <v>13</v>
      </c>
      <c r="AF8895">
        <v>14</v>
      </c>
      <c r="AG8895">
        <v>14</v>
      </c>
      <c r="AH8895">
        <v>14</v>
      </c>
      <c r="AI8895">
        <v>14</v>
      </c>
      <c r="AJ8895">
        <v>14</v>
      </c>
      <c r="AK8895">
        <v>15</v>
      </c>
      <c r="AL8895">
        <v>15</v>
      </c>
      <c r="AM8895">
        <v>15</v>
      </c>
      <c r="AN8895">
        <v>15</v>
      </c>
      <c r="AO8895">
        <v>16</v>
      </c>
      <c r="AP8895">
        <v>16</v>
      </c>
      <c r="AQ8895">
        <v>16</v>
      </c>
    </row>
    <row r="8896" spans="1:43">
      <c r="A8896" t="s">
        <v>5566</v>
      </c>
      <c r="B8896" t="s">
        <v>5567</v>
      </c>
      <c r="C8896" t="s">
        <v>5568</v>
      </c>
      <c r="D8896" t="s">
        <v>5569</v>
      </c>
      <c r="E8896" t="s">
        <v>5426</v>
      </c>
      <c r="F8896" t="s">
        <v>5427</v>
      </c>
      <c r="G8896" t="s">
        <v>80</v>
      </c>
      <c r="H8896" t="s">
        <v>81</v>
      </c>
      <c r="I8896" s="2">
        <v>0</v>
      </c>
      <c r="J8896" s="2">
        <v>1</v>
      </c>
      <c r="K8896" s="2">
        <v>0</v>
      </c>
      <c r="L8896" t="s">
        <v>82</v>
      </c>
      <c r="M8896" t="s">
        <v>89</v>
      </c>
      <c r="N8896" t="s">
        <v>90</v>
      </c>
      <c r="O8896" t="s">
        <v>85</v>
      </c>
      <c r="P8896" t="s">
        <v>86</v>
      </c>
      <c r="Q8896">
        <v>11</v>
      </c>
      <c r="R8896">
        <v>11</v>
      </c>
      <c r="S8896">
        <v>12</v>
      </c>
      <c r="T8896">
        <v>12</v>
      </c>
      <c r="U8896">
        <v>13</v>
      </c>
      <c r="V8896">
        <v>13</v>
      </c>
      <c r="W8896">
        <v>13</v>
      </c>
      <c r="X8896">
        <v>14</v>
      </c>
      <c r="Y8896">
        <v>14</v>
      </c>
      <c r="Z8896">
        <v>14</v>
      </c>
      <c r="AA8896">
        <v>15</v>
      </c>
      <c r="AB8896">
        <v>15</v>
      </c>
      <c r="AC8896">
        <v>16</v>
      </c>
      <c r="AD8896">
        <v>16</v>
      </c>
      <c r="AE8896">
        <v>16</v>
      </c>
      <c r="AF8896">
        <v>16</v>
      </c>
      <c r="AG8896">
        <v>17</v>
      </c>
      <c r="AH8896">
        <v>17</v>
      </c>
      <c r="AI8896">
        <v>17</v>
      </c>
      <c r="AJ8896">
        <v>17</v>
      </c>
      <c r="AK8896">
        <v>17</v>
      </c>
      <c r="AL8896">
        <v>18</v>
      </c>
      <c r="AM8896">
        <v>18</v>
      </c>
      <c r="AN8896">
        <v>18</v>
      </c>
      <c r="AO8896">
        <v>18</v>
      </c>
      <c r="AP8896">
        <v>18</v>
      </c>
      <c r="AQ8896">
        <v>18</v>
      </c>
    </row>
    <row r="8897" spans="1:43">
      <c r="A8897" t="s">
        <v>5566</v>
      </c>
      <c r="B8897" t="s">
        <v>5567</v>
      </c>
      <c r="C8897" t="s">
        <v>5568</v>
      </c>
      <c r="D8897" t="s">
        <v>5569</v>
      </c>
      <c r="E8897" t="s">
        <v>5426</v>
      </c>
      <c r="F8897" t="s">
        <v>5427</v>
      </c>
      <c r="G8897" t="s">
        <v>80</v>
      </c>
      <c r="H8897" t="s">
        <v>81</v>
      </c>
      <c r="I8897" s="2">
        <v>0</v>
      </c>
      <c r="J8897" s="2">
        <v>1</v>
      </c>
      <c r="K8897" s="2">
        <v>0</v>
      </c>
      <c r="L8897" t="s">
        <v>82</v>
      </c>
      <c r="M8897" t="s">
        <v>83</v>
      </c>
      <c r="N8897" t="s">
        <v>91</v>
      </c>
      <c r="O8897" t="s">
        <v>85</v>
      </c>
      <c r="P8897" t="s">
        <v>86</v>
      </c>
      <c r="Q8897">
        <v>11</v>
      </c>
      <c r="R8897">
        <v>11</v>
      </c>
      <c r="S8897">
        <v>11</v>
      </c>
      <c r="T8897">
        <v>12</v>
      </c>
      <c r="U8897">
        <v>12</v>
      </c>
      <c r="V8897">
        <v>12</v>
      </c>
      <c r="W8897">
        <v>13</v>
      </c>
      <c r="X8897">
        <v>13</v>
      </c>
      <c r="Y8897">
        <v>13</v>
      </c>
      <c r="Z8897">
        <v>14</v>
      </c>
      <c r="AA8897">
        <v>14</v>
      </c>
      <c r="AB8897">
        <v>14</v>
      </c>
      <c r="AC8897">
        <v>15</v>
      </c>
      <c r="AD8897">
        <v>15</v>
      </c>
      <c r="AE8897">
        <v>15</v>
      </c>
      <c r="AF8897">
        <v>16</v>
      </c>
      <c r="AG8897">
        <v>16</v>
      </c>
      <c r="AH8897">
        <v>16</v>
      </c>
      <c r="AI8897">
        <v>17</v>
      </c>
      <c r="AJ8897">
        <v>17</v>
      </c>
      <c r="AK8897">
        <v>17</v>
      </c>
      <c r="AL8897">
        <v>17</v>
      </c>
      <c r="AM8897">
        <v>18</v>
      </c>
      <c r="AN8897">
        <v>18</v>
      </c>
      <c r="AO8897">
        <v>18</v>
      </c>
      <c r="AP8897">
        <v>18</v>
      </c>
      <c r="AQ8897">
        <v>18</v>
      </c>
    </row>
    <row r="8898" spans="1:43">
      <c r="A8898" t="s">
        <v>5570</v>
      </c>
      <c r="B8898" t="s">
        <v>5571</v>
      </c>
      <c r="C8898" t="s">
        <v>5568</v>
      </c>
      <c r="D8898" t="s">
        <v>5569</v>
      </c>
      <c r="E8898" t="s">
        <v>5426</v>
      </c>
      <c r="F8898" t="s">
        <v>5427</v>
      </c>
      <c r="G8898" t="s">
        <v>80</v>
      </c>
      <c r="H8898" t="s">
        <v>81</v>
      </c>
      <c r="I8898" s="2">
        <v>0</v>
      </c>
      <c r="J8898" s="2">
        <v>1</v>
      </c>
      <c r="K8898" s="2">
        <v>0</v>
      </c>
      <c r="L8898" t="s">
        <v>82</v>
      </c>
      <c r="M8898" t="s">
        <v>83</v>
      </c>
      <c r="N8898" t="s">
        <v>84</v>
      </c>
      <c r="O8898" t="s">
        <v>85</v>
      </c>
      <c r="P8898" t="s">
        <v>86</v>
      </c>
      <c r="Q8898">
        <v>39</v>
      </c>
      <c r="R8898">
        <v>40</v>
      </c>
      <c r="S8898">
        <v>41</v>
      </c>
      <c r="T8898">
        <v>42</v>
      </c>
      <c r="U8898">
        <v>43</v>
      </c>
      <c r="V8898">
        <v>44</v>
      </c>
      <c r="W8898">
        <v>45</v>
      </c>
      <c r="X8898">
        <v>46</v>
      </c>
      <c r="Y8898">
        <v>47</v>
      </c>
      <c r="Z8898">
        <v>49</v>
      </c>
      <c r="AA8898">
        <v>50</v>
      </c>
      <c r="AB8898">
        <v>51</v>
      </c>
      <c r="AC8898">
        <v>52</v>
      </c>
      <c r="AD8898">
        <v>53</v>
      </c>
      <c r="AE8898">
        <v>54</v>
      </c>
      <c r="AF8898">
        <v>55</v>
      </c>
      <c r="AG8898">
        <v>57</v>
      </c>
      <c r="AH8898">
        <v>58</v>
      </c>
      <c r="AI8898">
        <v>59</v>
      </c>
      <c r="AJ8898">
        <v>60</v>
      </c>
      <c r="AK8898">
        <v>62</v>
      </c>
      <c r="AL8898">
        <v>63</v>
      </c>
      <c r="AM8898">
        <v>63</v>
      </c>
      <c r="AN8898">
        <v>64</v>
      </c>
      <c r="AO8898">
        <v>65</v>
      </c>
      <c r="AP8898">
        <v>65</v>
      </c>
      <c r="AQ8898">
        <v>66</v>
      </c>
    </row>
    <row r="8899" spans="1:43">
      <c r="A8899" t="s">
        <v>5570</v>
      </c>
      <c r="B8899" t="s">
        <v>5571</v>
      </c>
      <c r="C8899" t="s">
        <v>5568</v>
      </c>
      <c r="D8899" t="s">
        <v>5569</v>
      </c>
      <c r="E8899" t="s">
        <v>5426</v>
      </c>
      <c r="F8899" t="s">
        <v>5427</v>
      </c>
      <c r="G8899" t="s">
        <v>80</v>
      </c>
      <c r="H8899" t="s">
        <v>81</v>
      </c>
      <c r="I8899" s="2">
        <v>0</v>
      </c>
      <c r="J8899" s="2">
        <v>1</v>
      </c>
      <c r="K8899" s="2">
        <v>0</v>
      </c>
      <c r="L8899" t="s">
        <v>82</v>
      </c>
      <c r="M8899" t="s">
        <v>87</v>
      </c>
      <c r="N8899" t="s">
        <v>88</v>
      </c>
      <c r="O8899" t="s">
        <v>85</v>
      </c>
      <c r="P8899" t="s">
        <v>86</v>
      </c>
      <c r="Q8899">
        <v>39</v>
      </c>
      <c r="R8899">
        <v>39</v>
      </c>
      <c r="S8899">
        <v>40</v>
      </c>
      <c r="T8899">
        <v>41</v>
      </c>
      <c r="U8899">
        <v>41</v>
      </c>
      <c r="V8899">
        <v>42</v>
      </c>
      <c r="W8899">
        <v>43</v>
      </c>
      <c r="X8899">
        <v>43</v>
      </c>
      <c r="Y8899">
        <v>44</v>
      </c>
      <c r="Z8899">
        <v>45</v>
      </c>
      <c r="AA8899">
        <v>45</v>
      </c>
      <c r="AB8899">
        <v>46</v>
      </c>
      <c r="AC8899">
        <v>47</v>
      </c>
      <c r="AD8899">
        <v>47</v>
      </c>
      <c r="AE8899">
        <v>48</v>
      </c>
      <c r="AF8899">
        <v>49</v>
      </c>
      <c r="AG8899">
        <v>49</v>
      </c>
      <c r="AH8899">
        <v>50</v>
      </c>
      <c r="AI8899">
        <v>51</v>
      </c>
      <c r="AJ8899">
        <v>52</v>
      </c>
      <c r="AK8899">
        <v>52</v>
      </c>
      <c r="AL8899">
        <v>53</v>
      </c>
      <c r="AM8899">
        <v>54</v>
      </c>
      <c r="AN8899">
        <v>55</v>
      </c>
      <c r="AO8899">
        <v>56</v>
      </c>
      <c r="AP8899">
        <v>56</v>
      </c>
      <c r="AQ8899">
        <v>57</v>
      </c>
    </row>
    <row r="8900" spans="1:43">
      <c r="A8900" t="s">
        <v>5570</v>
      </c>
      <c r="B8900" t="s">
        <v>5571</v>
      </c>
      <c r="C8900" t="s">
        <v>5568</v>
      </c>
      <c r="D8900" t="s">
        <v>5569</v>
      </c>
      <c r="E8900" t="s">
        <v>5426</v>
      </c>
      <c r="F8900" t="s">
        <v>5427</v>
      </c>
      <c r="G8900" t="s">
        <v>80</v>
      </c>
      <c r="H8900" t="s">
        <v>81</v>
      </c>
      <c r="I8900" s="2">
        <v>0</v>
      </c>
      <c r="J8900" s="2">
        <v>1</v>
      </c>
      <c r="K8900" s="2">
        <v>0</v>
      </c>
      <c r="L8900" t="s">
        <v>82</v>
      </c>
      <c r="M8900" t="s">
        <v>89</v>
      </c>
      <c r="N8900" t="s">
        <v>90</v>
      </c>
      <c r="O8900" t="s">
        <v>85</v>
      </c>
      <c r="P8900" t="s">
        <v>86</v>
      </c>
      <c r="Q8900">
        <v>39</v>
      </c>
      <c r="R8900">
        <v>41</v>
      </c>
      <c r="S8900">
        <v>42</v>
      </c>
      <c r="T8900">
        <v>43</v>
      </c>
      <c r="U8900">
        <v>45</v>
      </c>
      <c r="V8900">
        <v>46</v>
      </c>
      <c r="W8900">
        <v>48</v>
      </c>
      <c r="X8900">
        <v>49</v>
      </c>
      <c r="Y8900">
        <v>50</v>
      </c>
      <c r="Z8900">
        <v>52</v>
      </c>
      <c r="AA8900">
        <v>53</v>
      </c>
      <c r="AB8900">
        <v>54</v>
      </c>
      <c r="AC8900">
        <v>56</v>
      </c>
      <c r="AD8900">
        <v>57</v>
      </c>
      <c r="AE8900">
        <v>58</v>
      </c>
      <c r="AF8900">
        <v>59</v>
      </c>
      <c r="AG8900">
        <v>60</v>
      </c>
      <c r="AH8900">
        <v>60</v>
      </c>
      <c r="AI8900">
        <v>61</v>
      </c>
      <c r="AJ8900">
        <v>62</v>
      </c>
      <c r="AK8900">
        <v>62</v>
      </c>
      <c r="AL8900">
        <v>63</v>
      </c>
      <c r="AM8900">
        <v>64</v>
      </c>
      <c r="AN8900">
        <v>64</v>
      </c>
      <c r="AO8900">
        <v>65</v>
      </c>
      <c r="AP8900">
        <v>65</v>
      </c>
      <c r="AQ8900">
        <v>66</v>
      </c>
    </row>
    <row r="8901" spans="1:43">
      <c r="A8901" t="s">
        <v>5570</v>
      </c>
      <c r="B8901" t="s">
        <v>5571</v>
      </c>
      <c r="C8901" t="s">
        <v>5568</v>
      </c>
      <c r="D8901" t="s">
        <v>5569</v>
      </c>
      <c r="E8901" t="s">
        <v>5426</v>
      </c>
      <c r="F8901" t="s">
        <v>5427</v>
      </c>
      <c r="G8901" t="s">
        <v>80</v>
      </c>
      <c r="H8901" t="s">
        <v>81</v>
      </c>
      <c r="I8901" s="2">
        <v>0</v>
      </c>
      <c r="J8901" s="2">
        <v>1</v>
      </c>
      <c r="K8901" s="2">
        <v>0</v>
      </c>
      <c r="L8901" t="s">
        <v>82</v>
      </c>
      <c r="M8901" t="s">
        <v>83</v>
      </c>
      <c r="N8901" t="s">
        <v>91</v>
      </c>
      <c r="O8901" t="s">
        <v>85</v>
      </c>
      <c r="P8901" t="s">
        <v>86</v>
      </c>
      <c r="Q8901">
        <v>39</v>
      </c>
      <c r="R8901">
        <v>40</v>
      </c>
      <c r="S8901">
        <v>41</v>
      </c>
      <c r="T8901">
        <v>42</v>
      </c>
      <c r="U8901">
        <v>43</v>
      </c>
      <c r="V8901">
        <v>44</v>
      </c>
      <c r="W8901">
        <v>45</v>
      </c>
      <c r="X8901">
        <v>46</v>
      </c>
      <c r="Y8901">
        <v>47</v>
      </c>
      <c r="Z8901">
        <v>49</v>
      </c>
      <c r="AA8901">
        <v>50</v>
      </c>
      <c r="AB8901">
        <v>51</v>
      </c>
      <c r="AC8901">
        <v>52</v>
      </c>
      <c r="AD8901">
        <v>53</v>
      </c>
      <c r="AE8901">
        <v>54</v>
      </c>
      <c r="AF8901">
        <v>55</v>
      </c>
      <c r="AG8901">
        <v>57</v>
      </c>
      <c r="AH8901">
        <v>58</v>
      </c>
      <c r="AI8901">
        <v>59</v>
      </c>
      <c r="AJ8901">
        <v>60</v>
      </c>
      <c r="AK8901">
        <v>62</v>
      </c>
      <c r="AL8901">
        <v>63</v>
      </c>
      <c r="AM8901">
        <v>63</v>
      </c>
      <c r="AN8901">
        <v>64</v>
      </c>
      <c r="AO8901">
        <v>65</v>
      </c>
      <c r="AP8901">
        <v>65</v>
      </c>
      <c r="AQ8901">
        <v>66</v>
      </c>
    </row>
    <row r="8902" spans="1:43">
      <c r="A8902" t="s">
        <v>5572</v>
      </c>
      <c r="B8902" t="s">
        <v>5573</v>
      </c>
      <c r="C8902" t="s">
        <v>5574</v>
      </c>
      <c r="D8902" t="s">
        <v>5575</v>
      </c>
      <c r="E8902" t="s">
        <v>5426</v>
      </c>
      <c r="F8902" t="s">
        <v>5427</v>
      </c>
      <c r="G8902" t="s">
        <v>80</v>
      </c>
      <c r="H8902" t="s">
        <v>81</v>
      </c>
      <c r="I8902" s="2">
        <v>0</v>
      </c>
      <c r="J8902" s="2">
        <v>1</v>
      </c>
      <c r="K8902" s="2">
        <v>0</v>
      </c>
      <c r="L8902" t="s">
        <v>82</v>
      </c>
      <c r="M8902" t="s">
        <v>83</v>
      </c>
      <c r="N8902" t="s">
        <v>84</v>
      </c>
      <c r="O8902" t="s">
        <v>85</v>
      </c>
      <c r="P8902" t="s">
        <v>86</v>
      </c>
      <c r="Q8902">
        <v>22</v>
      </c>
      <c r="R8902">
        <v>22</v>
      </c>
      <c r="S8902">
        <v>23</v>
      </c>
      <c r="T8902">
        <v>23</v>
      </c>
      <c r="U8902">
        <v>24</v>
      </c>
      <c r="V8902">
        <v>25</v>
      </c>
      <c r="W8902">
        <v>25</v>
      </c>
      <c r="X8902">
        <v>26</v>
      </c>
      <c r="Y8902">
        <v>26</v>
      </c>
      <c r="Z8902">
        <v>27</v>
      </c>
      <c r="AA8902">
        <v>28</v>
      </c>
      <c r="AB8902">
        <v>28</v>
      </c>
      <c r="AC8902">
        <v>29</v>
      </c>
      <c r="AD8902">
        <v>30</v>
      </c>
      <c r="AE8902">
        <v>30</v>
      </c>
      <c r="AF8902">
        <v>31</v>
      </c>
      <c r="AG8902">
        <v>31</v>
      </c>
      <c r="AH8902">
        <v>32</v>
      </c>
      <c r="AI8902">
        <v>33</v>
      </c>
      <c r="AJ8902">
        <v>34</v>
      </c>
      <c r="AK8902">
        <v>34</v>
      </c>
      <c r="AL8902">
        <v>35</v>
      </c>
      <c r="AM8902">
        <v>35</v>
      </c>
      <c r="AN8902">
        <v>35</v>
      </c>
      <c r="AO8902">
        <v>36</v>
      </c>
      <c r="AP8902">
        <v>36</v>
      </c>
      <c r="AQ8902">
        <v>37</v>
      </c>
    </row>
    <row r="8903" spans="1:43">
      <c r="A8903" t="s">
        <v>5572</v>
      </c>
      <c r="B8903" t="s">
        <v>5573</v>
      </c>
      <c r="C8903" t="s">
        <v>5574</v>
      </c>
      <c r="D8903" t="s">
        <v>5575</v>
      </c>
      <c r="E8903" t="s">
        <v>5426</v>
      </c>
      <c r="F8903" t="s">
        <v>5427</v>
      </c>
      <c r="G8903" t="s">
        <v>80</v>
      </c>
      <c r="H8903" t="s">
        <v>81</v>
      </c>
      <c r="I8903" s="2">
        <v>0</v>
      </c>
      <c r="J8903" s="2">
        <v>1</v>
      </c>
      <c r="K8903" s="2">
        <v>0</v>
      </c>
      <c r="L8903" t="s">
        <v>82</v>
      </c>
      <c r="M8903" t="s">
        <v>87</v>
      </c>
      <c r="N8903" t="s">
        <v>88</v>
      </c>
      <c r="O8903" t="s">
        <v>85</v>
      </c>
      <c r="P8903" t="s">
        <v>86</v>
      </c>
      <c r="Q8903">
        <v>22</v>
      </c>
      <c r="R8903">
        <v>23</v>
      </c>
      <c r="S8903">
        <v>23</v>
      </c>
      <c r="T8903">
        <v>24</v>
      </c>
      <c r="U8903">
        <v>24</v>
      </c>
      <c r="V8903">
        <v>24</v>
      </c>
      <c r="W8903">
        <v>25</v>
      </c>
      <c r="X8903">
        <v>25</v>
      </c>
      <c r="Y8903">
        <v>25</v>
      </c>
      <c r="Z8903">
        <v>26</v>
      </c>
      <c r="AA8903">
        <v>26</v>
      </c>
      <c r="AB8903">
        <v>27</v>
      </c>
      <c r="AC8903">
        <v>27</v>
      </c>
      <c r="AD8903">
        <v>27</v>
      </c>
      <c r="AE8903">
        <v>28</v>
      </c>
      <c r="AF8903">
        <v>28</v>
      </c>
      <c r="AG8903">
        <v>28</v>
      </c>
      <c r="AH8903">
        <v>29</v>
      </c>
      <c r="AI8903">
        <v>29</v>
      </c>
      <c r="AJ8903">
        <v>30</v>
      </c>
      <c r="AK8903">
        <v>30</v>
      </c>
      <c r="AL8903">
        <v>31</v>
      </c>
      <c r="AM8903">
        <v>31</v>
      </c>
      <c r="AN8903">
        <v>31</v>
      </c>
      <c r="AO8903">
        <v>32</v>
      </c>
      <c r="AP8903">
        <v>32</v>
      </c>
      <c r="AQ8903">
        <v>33</v>
      </c>
    </row>
    <row r="8904" spans="1:43">
      <c r="A8904" t="s">
        <v>5572</v>
      </c>
      <c r="B8904" t="s">
        <v>5573</v>
      </c>
      <c r="C8904" t="s">
        <v>5574</v>
      </c>
      <c r="D8904" t="s">
        <v>5575</v>
      </c>
      <c r="E8904" t="s">
        <v>5426</v>
      </c>
      <c r="F8904" t="s">
        <v>5427</v>
      </c>
      <c r="G8904" t="s">
        <v>80</v>
      </c>
      <c r="H8904" t="s">
        <v>81</v>
      </c>
      <c r="I8904" s="2">
        <v>0</v>
      </c>
      <c r="J8904" s="2">
        <v>1</v>
      </c>
      <c r="K8904" s="2">
        <v>0</v>
      </c>
      <c r="L8904" t="s">
        <v>82</v>
      </c>
      <c r="M8904" t="s">
        <v>89</v>
      </c>
      <c r="N8904" t="s">
        <v>90</v>
      </c>
      <c r="O8904" t="s">
        <v>85</v>
      </c>
      <c r="P8904" t="s">
        <v>86</v>
      </c>
      <c r="Q8904">
        <v>22</v>
      </c>
      <c r="R8904">
        <v>23</v>
      </c>
      <c r="S8904">
        <v>23</v>
      </c>
      <c r="T8904">
        <v>24</v>
      </c>
      <c r="U8904">
        <v>25</v>
      </c>
      <c r="V8904">
        <v>26</v>
      </c>
      <c r="W8904">
        <v>26</v>
      </c>
      <c r="X8904">
        <v>27</v>
      </c>
      <c r="Y8904">
        <v>28</v>
      </c>
      <c r="Z8904">
        <v>29</v>
      </c>
      <c r="AA8904">
        <v>29</v>
      </c>
      <c r="AB8904">
        <v>30</v>
      </c>
      <c r="AC8904">
        <v>31</v>
      </c>
      <c r="AD8904">
        <v>32</v>
      </c>
      <c r="AE8904">
        <v>32</v>
      </c>
      <c r="AF8904">
        <v>33</v>
      </c>
      <c r="AG8904">
        <v>33</v>
      </c>
      <c r="AH8904">
        <v>33</v>
      </c>
      <c r="AI8904">
        <v>34</v>
      </c>
      <c r="AJ8904">
        <v>34</v>
      </c>
      <c r="AK8904">
        <v>35</v>
      </c>
      <c r="AL8904">
        <v>35</v>
      </c>
      <c r="AM8904">
        <v>35</v>
      </c>
      <c r="AN8904">
        <v>36</v>
      </c>
      <c r="AO8904">
        <v>36</v>
      </c>
      <c r="AP8904">
        <v>36</v>
      </c>
      <c r="AQ8904">
        <v>37</v>
      </c>
    </row>
    <row r="8905" spans="1:43">
      <c r="A8905" t="s">
        <v>5572</v>
      </c>
      <c r="B8905" t="s">
        <v>5573</v>
      </c>
      <c r="C8905" t="s">
        <v>5574</v>
      </c>
      <c r="D8905" t="s">
        <v>5575</v>
      </c>
      <c r="E8905" t="s">
        <v>5426</v>
      </c>
      <c r="F8905" t="s">
        <v>5427</v>
      </c>
      <c r="G8905" t="s">
        <v>80</v>
      </c>
      <c r="H8905" t="s">
        <v>81</v>
      </c>
      <c r="I8905" s="2">
        <v>0</v>
      </c>
      <c r="J8905" s="2">
        <v>1</v>
      </c>
      <c r="K8905" s="2">
        <v>0</v>
      </c>
      <c r="L8905" t="s">
        <v>82</v>
      </c>
      <c r="M8905" t="s">
        <v>83</v>
      </c>
      <c r="N8905" t="s">
        <v>91</v>
      </c>
      <c r="O8905" t="s">
        <v>85</v>
      </c>
      <c r="P8905" t="s">
        <v>86</v>
      </c>
      <c r="Q8905">
        <v>22</v>
      </c>
      <c r="R8905">
        <v>22</v>
      </c>
      <c r="S8905">
        <v>23</v>
      </c>
      <c r="T8905">
        <v>23</v>
      </c>
      <c r="U8905">
        <v>24</v>
      </c>
      <c r="V8905">
        <v>25</v>
      </c>
      <c r="W8905">
        <v>25</v>
      </c>
      <c r="X8905">
        <v>26</v>
      </c>
      <c r="Y8905">
        <v>26</v>
      </c>
      <c r="Z8905">
        <v>27</v>
      </c>
      <c r="AA8905">
        <v>28</v>
      </c>
      <c r="AB8905">
        <v>28</v>
      </c>
      <c r="AC8905">
        <v>29</v>
      </c>
      <c r="AD8905">
        <v>30</v>
      </c>
      <c r="AE8905">
        <v>30</v>
      </c>
      <c r="AF8905">
        <v>31</v>
      </c>
      <c r="AG8905">
        <v>31</v>
      </c>
      <c r="AH8905">
        <v>32</v>
      </c>
      <c r="AI8905">
        <v>33</v>
      </c>
      <c r="AJ8905">
        <v>34</v>
      </c>
      <c r="AK8905">
        <v>34</v>
      </c>
      <c r="AL8905">
        <v>35</v>
      </c>
      <c r="AM8905">
        <v>35</v>
      </c>
      <c r="AN8905">
        <v>35</v>
      </c>
      <c r="AO8905">
        <v>36</v>
      </c>
      <c r="AP8905">
        <v>36</v>
      </c>
      <c r="AQ8905">
        <v>37</v>
      </c>
    </row>
    <row r="8906" spans="1:43">
      <c r="A8906" t="s">
        <v>5576</v>
      </c>
      <c r="B8906" t="s">
        <v>5577</v>
      </c>
      <c r="C8906" t="s">
        <v>5574</v>
      </c>
      <c r="D8906" t="s">
        <v>5575</v>
      </c>
      <c r="E8906" t="s">
        <v>5426</v>
      </c>
      <c r="F8906" t="s">
        <v>5427</v>
      </c>
      <c r="G8906" t="s">
        <v>80</v>
      </c>
      <c r="H8906" t="s">
        <v>81</v>
      </c>
      <c r="I8906" s="2">
        <v>0</v>
      </c>
      <c r="J8906" s="2">
        <v>1</v>
      </c>
      <c r="K8906" s="2">
        <v>0</v>
      </c>
      <c r="L8906" t="s">
        <v>82</v>
      </c>
      <c r="M8906" t="s">
        <v>83</v>
      </c>
      <c r="N8906" t="s">
        <v>84</v>
      </c>
      <c r="O8906" t="s">
        <v>85</v>
      </c>
      <c r="P8906" t="s">
        <v>86</v>
      </c>
      <c r="Q8906">
        <v>22</v>
      </c>
      <c r="R8906">
        <v>22</v>
      </c>
      <c r="S8906">
        <v>23</v>
      </c>
      <c r="T8906">
        <v>23</v>
      </c>
      <c r="U8906">
        <v>24</v>
      </c>
      <c r="V8906">
        <v>24</v>
      </c>
      <c r="W8906">
        <v>25</v>
      </c>
      <c r="X8906">
        <v>26</v>
      </c>
      <c r="Y8906">
        <v>26</v>
      </c>
      <c r="Z8906">
        <v>27</v>
      </c>
      <c r="AA8906">
        <v>28</v>
      </c>
      <c r="AB8906">
        <v>28</v>
      </c>
      <c r="AC8906">
        <v>29</v>
      </c>
      <c r="AD8906">
        <v>29</v>
      </c>
      <c r="AE8906">
        <v>30</v>
      </c>
      <c r="AF8906">
        <v>31</v>
      </c>
      <c r="AG8906">
        <v>31</v>
      </c>
      <c r="AH8906">
        <v>32</v>
      </c>
      <c r="AI8906">
        <v>33</v>
      </c>
      <c r="AJ8906">
        <v>34</v>
      </c>
      <c r="AK8906">
        <v>34</v>
      </c>
      <c r="AL8906">
        <v>35</v>
      </c>
      <c r="AM8906">
        <v>35</v>
      </c>
      <c r="AN8906">
        <v>35</v>
      </c>
      <c r="AO8906">
        <v>36</v>
      </c>
      <c r="AP8906">
        <v>36</v>
      </c>
      <c r="AQ8906">
        <v>37</v>
      </c>
    </row>
    <row r="8907" spans="1:43">
      <c r="A8907" t="s">
        <v>5576</v>
      </c>
      <c r="B8907" t="s">
        <v>5577</v>
      </c>
      <c r="C8907" t="s">
        <v>5574</v>
      </c>
      <c r="D8907" t="s">
        <v>5575</v>
      </c>
      <c r="E8907" t="s">
        <v>5426</v>
      </c>
      <c r="F8907" t="s">
        <v>5427</v>
      </c>
      <c r="G8907" t="s">
        <v>80</v>
      </c>
      <c r="H8907" t="s">
        <v>81</v>
      </c>
      <c r="I8907" s="2">
        <v>0</v>
      </c>
      <c r="J8907" s="2">
        <v>1</v>
      </c>
      <c r="K8907" s="2">
        <v>0</v>
      </c>
      <c r="L8907" t="s">
        <v>82</v>
      </c>
      <c r="M8907" t="s">
        <v>87</v>
      </c>
      <c r="N8907" t="s">
        <v>88</v>
      </c>
      <c r="O8907" t="s">
        <v>85</v>
      </c>
      <c r="P8907" t="s">
        <v>86</v>
      </c>
      <c r="Q8907">
        <v>22</v>
      </c>
      <c r="R8907">
        <v>23</v>
      </c>
      <c r="S8907">
        <v>23</v>
      </c>
      <c r="T8907">
        <v>23</v>
      </c>
      <c r="U8907">
        <v>24</v>
      </c>
      <c r="V8907">
        <v>24</v>
      </c>
      <c r="W8907">
        <v>25</v>
      </c>
      <c r="X8907">
        <v>25</v>
      </c>
      <c r="Y8907">
        <v>25</v>
      </c>
      <c r="Z8907">
        <v>26</v>
      </c>
      <c r="AA8907">
        <v>26</v>
      </c>
      <c r="AB8907">
        <v>26</v>
      </c>
      <c r="AC8907">
        <v>27</v>
      </c>
      <c r="AD8907">
        <v>27</v>
      </c>
      <c r="AE8907">
        <v>28</v>
      </c>
      <c r="AF8907">
        <v>28</v>
      </c>
      <c r="AG8907">
        <v>28</v>
      </c>
      <c r="AH8907">
        <v>29</v>
      </c>
      <c r="AI8907">
        <v>29</v>
      </c>
      <c r="AJ8907">
        <v>30</v>
      </c>
      <c r="AK8907">
        <v>30</v>
      </c>
      <c r="AL8907">
        <v>31</v>
      </c>
      <c r="AM8907">
        <v>31</v>
      </c>
      <c r="AN8907">
        <v>31</v>
      </c>
      <c r="AO8907">
        <v>32</v>
      </c>
      <c r="AP8907">
        <v>32</v>
      </c>
      <c r="AQ8907">
        <v>33</v>
      </c>
    </row>
    <row r="8908" spans="1:43">
      <c r="A8908" t="s">
        <v>5576</v>
      </c>
      <c r="B8908" t="s">
        <v>5577</v>
      </c>
      <c r="C8908" t="s">
        <v>5574</v>
      </c>
      <c r="D8908" t="s">
        <v>5575</v>
      </c>
      <c r="E8908" t="s">
        <v>5426</v>
      </c>
      <c r="F8908" t="s">
        <v>5427</v>
      </c>
      <c r="G8908" t="s">
        <v>80</v>
      </c>
      <c r="H8908" t="s">
        <v>81</v>
      </c>
      <c r="I8908" s="2">
        <v>0</v>
      </c>
      <c r="J8908" s="2">
        <v>1</v>
      </c>
      <c r="K8908" s="2">
        <v>0</v>
      </c>
      <c r="L8908" t="s">
        <v>82</v>
      </c>
      <c r="M8908" t="s">
        <v>89</v>
      </c>
      <c r="N8908" t="s">
        <v>90</v>
      </c>
      <c r="O8908" t="s">
        <v>85</v>
      </c>
      <c r="P8908" t="s">
        <v>86</v>
      </c>
      <c r="Q8908">
        <v>22</v>
      </c>
      <c r="R8908">
        <v>23</v>
      </c>
      <c r="S8908">
        <v>23</v>
      </c>
      <c r="T8908">
        <v>24</v>
      </c>
      <c r="U8908">
        <v>25</v>
      </c>
      <c r="V8908">
        <v>26</v>
      </c>
      <c r="W8908">
        <v>26</v>
      </c>
      <c r="X8908">
        <v>27</v>
      </c>
      <c r="Y8908">
        <v>28</v>
      </c>
      <c r="Z8908">
        <v>29</v>
      </c>
      <c r="AA8908">
        <v>29</v>
      </c>
      <c r="AB8908">
        <v>30</v>
      </c>
      <c r="AC8908">
        <v>31</v>
      </c>
      <c r="AD8908">
        <v>32</v>
      </c>
      <c r="AE8908">
        <v>32</v>
      </c>
      <c r="AF8908">
        <v>33</v>
      </c>
      <c r="AG8908">
        <v>33</v>
      </c>
      <c r="AH8908">
        <v>33</v>
      </c>
      <c r="AI8908">
        <v>34</v>
      </c>
      <c r="AJ8908">
        <v>34</v>
      </c>
      <c r="AK8908">
        <v>35</v>
      </c>
      <c r="AL8908">
        <v>35</v>
      </c>
      <c r="AM8908">
        <v>35</v>
      </c>
      <c r="AN8908">
        <v>36</v>
      </c>
      <c r="AO8908">
        <v>36</v>
      </c>
      <c r="AP8908">
        <v>36</v>
      </c>
      <c r="AQ8908">
        <v>37</v>
      </c>
    </row>
    <row r="8909" spans="1:43">
      <c r="A8909" t="s">
        <v>5576</v>
      </c>
      <c r="B8909" t="s">
        <v>5577</v>
      </c>
      <c r="C8909" t="s">
        <v>5574</v>
      </c>
      <c r="D8909" t="s">
        <v>5575</v>
      </c>
      <c r="E8909" t="s">
        <v>5426</v>
      </c>
      <c r="F8909" t="s">
        <v>5427</v>
      </c>
      <c r="G8909" t="s">
        <v>80</v>
      </c>
      <c r="H8909" t="s">
        <v>81</v>
      </c>
      <c r="I8909" s="2">
        <v>0</v>
      </c>
      <c r="J8909" s="2">
        <v>1</v>
      </c>
      <c r="K8909" s="2">
        <v>0</v>
      </c>
      <c r="L8909" t="s">
        <v>82</v>
      </c>
      <c r="M8909" t="s">
        <v>83</v>
      </c>
      <c r="N8909" t="s">
        <v>91</v>
      </c>
      <c r="O8909" t="s">
        <v>85</v>
      </c>
      <c r="P8909" t="s">
        <v>86</v>
      </c>
      <c r="Q8909">
        <v>22</v>
      </c>
      <c r="R8909">
        <v>22</v>
      </c>
      <c r="S8909">
        <v>23</v>
      </c>
      <c r="T8909">
        <v>23</v>
      </c>
      <c r="U8909">
        <v>24</v>
      </c>
      <c r="V8909">
        <v>24</v>
      </c>
      <c r="W8909">
        <v>25</v>
      </c>
      <c r="X8909">
        <v>26</v>
      </c>
      <c r="Y8909">
        <v>26</v>
      </c>
      <c r="Z8909">
        <v>27</v>
      </c>
      <c r="AA8909">
        <v>28</v>
      </c>
      <c r="AB8909">
        <v>28</v>
      </c>
      <c r="AC8909">
        <v>29</v>
      </c>
      <c r="AD8909">
        <v>29</v>
      </c>
      <c r="AE8909">
        <v>30</v>
      </c>
      <c r="AF8909">
        <v>31</v>
      </c>
      <c r="AG8909">
        <v>31</v>
      </c>
      <c r="AH8909">
        <v>32</v>
      </c>
      <c r="AI8909">
        <v>33</v>
      </c>
      <c r="AJ8909">
        <v>34</v>
      </c>
      <c r="AK8909">
        <v>34</v>
      </c>
      <c r="AL8909">
        <v>35</v>
      </c>
      <c r="AM8909">
        <v>35</v>
      </c>
      <c r="AN8909">
        <v>35</v>
      </c>
      <c r="AO8909">
        <v>36</v>
      </c>
      <c r="AP8909">
        <v>36</v>
      </c>
      <c r="AQ8909">
        <v>37</v>
      </c>
    </row>
    <row r="8910" spans="1:43">
      <c r="A8910" t="s">
        <v>5578</v>
      </c>
      <c r="B8910" t="s">
        <v>5579</v>
      </c>
      <c r="C8910" t="s">
        <v>5568</v>
      </c>
      <c r="D8910" t="s">
        <v>5569</v>
      </c>
      <c r="E8910" t="s">
        <v>5426</v>
      </c>
      <c r="F8910" t="s">
        <v>5427</v>
      </c>
      <c r="G8910" t="s">
        <v>80</v>
      </c>
      <c r="H8910" t="s">
        <v>81</v>
      </c>
      <c r="I8910" s="2">
        <v>0</v>
      </c>
      <c r="J8910" s="2">
        <v>1</v>
      </c>
      <c r="K8910" s="2">
        <v>0</v>
      </c>
      <c r="L8910" t="s">
        <v>82</v>
      </c>
      <c r="M8910" t="s">
        <v>83</v>
      </c>
      <c r="N8910" t="s">
        <v>84</v>
      </c>
      <c r="O8910" t="s">
        <v>85</v>
      </c>
      <c r="P8910" t="s">
        <v>86</v>
      </c>
      <c r="Q8910">
        <v>42</v>
      </c>
      <c r="R8910">
        <v>43</v>
      </c>
      <c r="S8910">
        <v>44</v>
      </c>
      <c r="T8910">
        <v>45</v>
      </c>
      <c r="U8910">
        <v>46</v>
      </c>
      <c r="V8910">
        <v>47</v>
      </c>
      <c r="W8910">
        <v>48</v>
      </c>
      <c r="X8910">
        <v>49</v>
      </c>
      <c r="Y8910">
        <v>50</v>
      </c>
      <c r="Z8910">
        <v>52</v>
      </c>
      <c r="AA8910">
        <v>53</v>
      </c>
      <c r="AB8910">
        <v>54</v>
      </c>
      <c r="AC8910">
        <v>55</v>
      </c>
      <c r="AD8910">
        <v>57</v>
      </c>
      <c r="AE8910">
        <v>58</v>
      </c>
      <c r="AF8910">
        <v>59</v>
      </c>
      <c r="AG8910">
        <v>60</v>
      </c>
      <c r="AH8910">
        <v>62</v>
      </c>
      <c r="AI8910">
        <v>63</v>
      </c>
      <c r="AJ8910">
        <v>64</v>
      </c>
      <c r="AK8910">
        <v>66</v>
      </c>
      <c r="AL8910">
        <v>67</v>
      </c>
      <c r="AM8910">
        <v>67</v>
      </c>
      <c r="AN8910">
        <v>68</v>
      </c>
      <c r="AO8910">
        <v>69</v>
      </c>
      <c r="AP8910">
        <v>69</v>
      </c>
      <c r="AQ8910">
        <v>70</v>
      </c>
    </row>
    <row r="8911" spans="1:43">
      <c r="A8911" t="s">
        <v>5578</v>
      </c>
      <c r="B8911" t="s">
        <v>5579</v>
      </c>
      <c r="C8911" t="s">
        <v>5568</v>
      </c>
      <c r="D8911" t="s">
        <v>5569</v>
      </c>
      <c r="E8911" t="s">
        <v>5426</v>
      </c>
      <c r="F8911" t="s">
        <v>5427</v>
      </c>
      <c r="G8911" t="s">
        <v>80</v>
      </c>
      <c r="H8911" t="s">
        <v>81</v>
      </c>
      <c r="I8911" s="2">
        <v>0</v>
      </c>
      <c r="J8911" s="2">
        <v>1</v>
      </c>
      <c r="K8911" s="2">
        <v>0</v>
      </c>
      <c r="L8911" t="s">
        <v>82</v>
      </c>
      <c r="M8911" t="s">
        <v>87</v>
      </c>
      <c r="N8911" t="s">
        <v>88</v>
      </c>
      <c r="O8911" t="s">
        <v>85</v>
      </c>
      <c r="P8911" t="s">
        <v>86</v>
      </c>
      <c r="Q8911">
        <v>42</v>
      </c>
      <c r="R8911">
        <v>43</v>
      </c>
      <c r="S8911">
        <v>44</v>
      </c>
      <c r="T8911">
        <v>44</v>
      </c>
      <c r="U8911">
        <v>45</v>
      </c>
      <c r="V8911">
        <v>46</v>
      </c>
      <c r="W8911">
        <v>46</v>
      </c>
      <c r="X8911">
        <v>47</v>
      </c>
      <c r="Y8911">
        <v>48</v>
      </c>
      <c r="Z8911">
        <v>48</v>
      </c>
      <c r="AA8911">
        <v>49</v>
      </c>
      <c r="AB8911">
        <v>50</v>
      </c>
      <c r="AC8911">
        <v>51</v>
      </c>
      <c r="AD8911">
        <v>51</v>
      </c>
      <c r="AE8911">
        <v>52</v>
      </c>
      <c r="AF8911">
        <v>53</v>
      </c>
      <c r="AG8911">
        <v>54</v>
      </c>
      <c r="AH8911">
        <v>54</v>
      </c>
      <c r="AI8911">
        <v>55</v>
      </c>
      <c r="AJ8911">
        <v>56</v>
      </c>
      <c r="AK8911">
        <v>57</v>
      </c>
      <c r="AL8911">
        <v>58</v>
      </c>
      <c r="AM8911">
        <v>59</v>
      </c>
      <c r="AN8911">
        <v>59</v>
      </c>
      <c r="AO8911">
        <v>60</v>
      </c>
      <c r="AP8911">
        <v>61</v>
      </c>
      <c r="AQ8911">
        <v>62</v>
      </c>
    </row>
    <row r="8912" spans="1:43">
      <c r="A8912" t="s">
        <v>5578</v>
      </c>
      <c r="B8912" t="s">
        <v>5579</v>
      </c>
      <c r="C8912" t="s">
        <v>5568</v>
      </c>
      <c r="D8912" t="s">
        <v>5569</v>
      </c>
      <c r="E8912" t="s">
        <v>5426</v>
      </c>
      <c r="F8912" t="s">
        <v>5427</v>
      </c>
      <c r="G8912" t="s">
        <v>80</v>
      </c>
      <c r="H8912" t="s">
        <v>81</v>
      </c>
      <c r="I8912" s="2">
        <v>0</v>
      </c>
      <c r="J8912" s="2">
        <v>1</v>
      </c>
      <c r="K8912" s="2">
        <v>0</v>
      </c>
      <c r="L8912" t="s">
        <v>82</v>
      </c>
      <c r="M8912" t="s">
        <v>89</v>
      </c>
      <c r="N8912" t="s">
        <v>90</v>
      </c>
      <c r="O8912" t="s">
        <v>85</v>
      </c>
      <c r="P8912" t="s">
        <v>86</v>
      </c>
      <c r="Q8912">
        <v>42</v>
      </c>
      <c r="R8912">
        <v>43</v>
      </c>
      <c r="S8912">
        <v>45</v>
      </c>
      <c r="T8912">
        <v>46</v>
      </c>
      <c r="U8912">
        <v>48</v>
      </c>
      <c r="V8912">
        <v>49</v>
      </c>
      <c r="W8912">
        <v>51</v>
      </c>
      <c r="X8912">
        <v>52</v>
      </c>
      <c r="Y8912">
        <v>54</v>
      </c>
      <c r="Z8912">
        <v>55</v>
      </c>
      <c r="AA8912">
        <v>56</v>
      </c>
      <c r="AB8912">
        <v>58</v>
      </c>
      <c r="AC8912">
        <v>59</v>
      </c>
      <c r="AD8912">
        <v>61</v>
      </c>
      <c r="AE8912">
        <v>62</v>
      </c>
      <c r="AF8912">
        <v>63</v>
      </c>
      <c r="AG8912">
        <v>63</v>
      </c>
      <c r="AH8912">
        <v>64</v>
      </c>
      <c r="AI8912">
        <v>65</v>
      </c>
      <c r="AJ8912">
        <v>66</v>
      </c>
      <c r="AK8912">
        <v>66</v>
      </c>
      <c r="AL8912">
        <v>67</v>
      </c>
      <c r="AM8912">
        <v>68</v>
      </c>
      <c r="AN8912">
        <v>68</v>
      </c>
      <c r="AO8912">
        <v>69</v>
      </c>
      <c r="AP8912">
        <v>70</v>
      </c>
      <c r="AQ8912">
        <v>70</v>
      </c>
    </row>
    <row r="8913" spans="1:43">
      <c r="A8913" t="s">
        <v>5578</v>
      </c>
      <c r="B8913" t="s">
        <v>5579</v>
      </c>
      <c r="C8913" t="s">
        <v>5568</v>
      </c>
      <c r="D8913" t="s">
        <v>5569</v>
      </c>
      <c r="E8913" t="s">
        <v>5426</v>
      </c>
      <c r="F8913" t="s">
        <v>5427</v>
      </c>
      <c r="G8913" t="s">
        <v>80</v>
      </c>
      <c r="H8913" t="s">
        <v>81</v>
      </c>
      <c r="I8913" s="2">
        <v>0</v>
      </c>
      <c r="J8913" s="2">
        <v>1</v>
      </c>
      <c r="K8913" s="2">
        <v>0</v>
      </c>
      <c r="L8913" t="s">
        <v>82</v>
      </c>
      <c r="M8913" t="s">
        <v>83</v>
      </c>
      <c r="N8913" t="s">
        <v>91</v>
      </c>
      <c r="O8913" t="s">
        <v>85</v>
      </c>
      <c r="P8913" t="s">
        <v>86</v>
      </c>
      <c r="Q8913">
        <v>42</v>
      </c>
      <c r="R8913">
        <v>43</v>
      </c>
      <c r="S8913">
        <v>44</v>
      </c>
      <c r="T8913">
        <v>45</v>
      </c>
      <c r="U8913">
        <v>46</v>
      </c>
      <c r="V8913">
        <v>47</v>
      </c>
      <c r="W8913">
        <v>48</v>
      </c>
      <c r="X8913">
        <v>49</v>
      </c>
      <c r="Y8913">
        <v>50</v>
      </c>
      <c r="Z8913">
        <v>52</v>
      </c>
      <c r="AA8913">
        <v>53</v>
      </c>
      <c r="AB8913">
        <v>54</v>
      </c>
      <c r="AC8913">
        <v>55</v>
      </c>
      <c r="AD8913">
        <v>57</v>
      </c>
      <c r="AE8913">
        <v>58</v>
      </c>
      <c r="AF8913">
        <v>59</v>
      </c>
      <c r="AG8913">
        <v>60</v>
      </c>
      <c r="AH8913">
        <v>62</v>
      </c>
      <c r="AI8913">
        <v>63</v>
      </c>
      <c r="AJ8913">
        <v>64</v>
      </c>
      <c r="AK8913">
        <v>66</v>
      </c>
      <c r="AL8913">
        <v>67</v>
      </c>
      <c r="AM8913">
        <v>67</v>
      </c>
      <c r="AN8913">
        <v>68</v>
      </c>
      <c r="AO8913">
        <v>69</v>
      </c>
      <c r="AP8913">
        <v>69</v>
      </c>
      <c r="AQ8913">
        <v>70</v>
      </c>
    </row>
    <row r="8914" spans="1:43">
      <c r="A8914" t="s">
        <v>5580</v>
      </c>
      <c r="B8914" t="s">
        <v>5581</v>
      </c>
      <c r="C8914" t="s">
        <v>5574</v>
      </c>
      <c r="D8914" t="s">
        <v>5575</v>
      </c>
      <c r="E8914" t="s">
        <v>5426</v>
      </c>
      <c r="F8914" t="s">
        <v>5427</v>
      </c>
      <c r="G8914" t="s">
        <v>80</v>
      </c>
      <c r="H8914" t="s">
        <v>81</v>
      </c>
      <c r="I8914" s="2">
        <v>0</v>
      </c>
      <c r="J8914" s="2">
        <v>1</v>
      </c>
      <c r="K8914" s="2">
        <v>0</v>
      </c>
      <c r="L8914" t="s">
        <v>82</v>
      </c>
      <c r="M8914" t="s">
        <v>83</v>
      </c>
      <c r="N8914" t="s">
        <v>84</v>
      </c>
      <c r="O8914" t="s">
        <v>85</v>
      </c>
      <c r="P8914" t="s">
        <v>86</v>
      </c>
      <c r="Q8914">
        <v>31</v>
      </c>
      <c r="R8914">
        <v>32</v>
      </c>
      <c r="S8914">
        <v>33</v>
      </c>
      <c r="T8914">
        <v>34</v>
      </c>
      <c r="U8914">
        <v>34</v>
      </c>
      <c r="V8914">
        <v>35</v>
      </c>
      <c r="W8914">
        <v>36</v>
      </c>
      <c r="X8914">
        <v>37</v>
      </c>
      <c r="Y8914">
        <v>38</v>
      </c>
      <c r="Z8914">
        <v>39</v>
      </c>
      <c r="AA8914">
        <v>40</v>
      </c>
      <c r="AB8914">
        <v>41</v>
      </c>
      <c r="AC8914">
        <v>42</v>
      </c>
      <c r="AD8914">
        <v>42</v>
      </c>
      <c r="AE8914">
        <v>43</v>
      </c>
      <c r="AF8914">
        <v>44</v>
      </c>
      <c r="AG8914">
        <v>45</v>
      </c>
      <c r="AH8914">
        <v>46</v>
      </c>
      <c r="AI8914">
        <v>47</v>
      </c>
      <c r="AJ8914">
        <v>48</v>
      </c>
      <c r="AK8914">
        <v>49</v>
      </c>
      <c r="AL8914">
        <v>50</v>
      </c>
      <c r="AM8914">
        <v>50</v>
      </c>
      <c r="AN8914">
        <v>51</v>
      </c>
      <c r="AO8914">
        <v>52</v>
      </c>
      <c r="AP8914">
        <v>52</v>
      </c>
      <c r="AQ8914">
        <v>53</v>
      </c>
    </row>
    <row r="8915" spans="1:43">
      <c r="A8915" t="s">
        <v>5580</v>
      </c>
      <c r="B8915" t="s">
        <v>5581</v>
      </c>
      <c r="C8915" t="s">
        <v>5574</v>
      </c>
      <c r="D8915" t="s">
        <v>5575</v>
      </c>
      <c r="E8915" t="s">
        <v>5426</v>
      </c>
      <c r="F8915" t="s">
        <v>5427</v>
      </c>
      <c r="G8915" t="s">
        <v>80</v>
      </c>
      <c r="H8915" t="s">
        <v>81</v>
      </c>
      <c r="I8915" s="2">
        <v>0</v>
      </c>
      <c r="J8915" s="2">
        <v>1</v>
      </c>
      <c r="K8915" s="2">
        <v>0</v>
      </c>
      <c r="L8915" t="s">
        <v>82</v>
      </c>
      <c r="M8915" t="s">
        <v>87</v>
      </c>
      <c r="N8915" t="s">
        <v>88</v>
      </c>
      <c r="O8915" t="s">
        <v>85</v>
      </c>
      <c r="P8915" t="s">
        <v>86</v>
      </c>
      <c r="Q8915">
        <v>31</v>
      </c>
      <c r="R8915">
        <v>31</v>
      </c>
      <c r="S8915">
        <v>32</v>
      </c>
      <c r="T8915">
        <v>32</v>
      </c>
      <c r="U8915">
        <v>33</v>
      </c>
      <c r="V8915">
        <v>33</v>
      </c>
      <c r="W8915">
        <v>34</v>
      </c>
      <c r="X8915">
        <v>34</v>
      </c>
      <c r="Y8915">
        <v>35</v>
      </c>
      <c r="Z8915">
        <v>36</v>
      </c>
      <c r="AA8915">
        <v>36</v>
      </c>
      <c r="AB8915">
        <v>37</v>
      </c>
      <c r="AC8915">
        <v>37</v>
      </c>
      <c r="AD8915">
        <v>38</v>
      </c>
      <c r="AE8915">
        <v>38</v>
      </c>
      <c r="AF8915">
        <v>39</v>
      </c>
      <c r="AG8915">
        <v>40</v>
      </c>
      <c r="AH8915">
        <v>40</v>
      </c>
      <c r="AI8915">
        <v>41</v>
      </c>
      <c r="AJ8915">
        <v>41</v>
      </c>
      <c r="AK8915">
        <v>42</v>
      </c>
      <c r="AL8915">
        <v>43</v>
      </c>
      <c r="AM8915">
        <v>43</v>
      </c>
      <c r="AN8915">
        <v>44</v>
      </c>
      <c r="AO8915">
        <v>44</v>
      </c>
      <c r="AP8915">
        <v>45</v>
      </c>
      <c r="AQ8915">
        <v>46</v>
      </c>
    </row>
    <row r="8916" spans="1:43">
      <c r="A8916" t="s">
        <v>5580</v>
      </c>
      <c r="B8916" t="s">
        <v>5581</v>
      </c>
      <c r="C8916" t="s">
        <v>5574</v>
      </c>
      <c r="D8916" t="s">
        <v>5575</v>
      </c>
      <c r="E8916" t="s">
        <v>5426</v>
      </c>
      <c r="F8916" t="s">
        <v>5427</v>
      </c>
      <c r="G8916" t="s">
        <v>80</v>
      </c>
      <c r="H8916" t="s">
        <v>81</v>
      </c>
      <c r="I8916" s="2">
        <v>0</v>
      </c>
      <c r="J8916" s="2">
        <v>1</v>
      </c>
      <c r="K8916" s="2">
        <v>0</v>
      </c>
      <c r="L8916" t="s">
        <v>82</v>
      </c>
      <c r="M8916" t="s">
        <v>89</v>
      </c>
      <c r="N8916" t="s">
        <v>90</v>
      </c>
      <c r="O8916" t="s">
        <v>85</v>
      </c>
      <c r="P8916" t="s">
        <v>86</v>
      </c>
      <c r="Q8916">
        <v>31</v>
      </c>
      <c r="R8916">
        <v>33</v>
      </c>
      <c r="S8916">
        <v>34</v>
      </c>
      <c r="T8916">
        <v>35</v>
      </c>
      <c r="U8916">
        <v>36</v>
      </c>
      <c r="V8916">
        <v>37</v>
      </c>
      <c r="W8916">
        <v>38</v>
      </c>
      <c r="X8916">
        <v>39</v>
      </c>
      <c r="Y8916">
        <v>40</v>
      </c>
      <c r="Z8916">
        <v>41</v>
      </c>
      <c r="AA8916">
        <v>42</v>
      </c>
      <c r="AB8916">
        <v>43</v>
      </c>
      <c r="AC8916">
        <v>45</v>
      </c>
      <c r="AD8916">
        <v>46</v>
      </c>
      <c r="AE8916">
        <v>47</v>
      </c>
      <c r="AF8916">
        <v>47</v>
      </c>
      <c r="AG8916">
        <v>48</v>
      </c>
      <c r="AH8916">
        <v>48</v>
      </c>
      <c r="AI8916">
        <v>49</v>
      </c>
      <c r="AJ8916">
        <v>49</v>
      </c>
      <c r="AK8916">
        <v>50</v>
      </c>
      <c r="AL8916">
        <v>50</v>
      </c>
      <c r="AM8916">
        <v>51</v>
      </c>
      <c r="AN8916">
        <v>51</v>
      </c>
      <c r="AO8916">
        <v>52</v>
      </c>
      <c r="AP8916">
        <v>52</v>
      </c>
      <c r="AQ8916">
        <v>53</v>
      </c>
    </row>
    <row r="8917" spans="1:43">
      <c r="A8917" t="s">
        <v>5580</v>
      </c>
      <c r="B8917" t="s">
        <v>5581</v>
      </c>
      <c r="C8917" t="s">
        <v>5574</v>
      </c>
      <c r="D8917" t="s">
        <v>5575</v>
      </c>
      <c r="E8917" t="s">
        <v>5426</v>
      </c>
      <c r="F8917" t="s">
        <v>5427</v>
      </c>
      <c r="G8917" t="s">
        <v>80</v>
      </c>
      <c r="H8917" t="s">
        <v>81</v>
      </c>
      <c r="I8917" s="2">
        <v>0</v>
      </c>
      <c r="J8917" s="2">
        <v>1</v>
      </c>
      <c r="K8917" s="2">
        <v>0</v>
      </c>
      <c r="L8917" t="s">
        <v>82</v>
      </c>
      <c r="M8917" t="s">
        <v>83</v>
      </c>
      <c r="N8917" t="s">
        <v>91</v>
      </c>
      <c r="O8917" t="s">
        <v>85</v>
      </c>
      <c r="P8917" t="s">
        <v>86</v>
      </c>
      <c r="Q8917">
        <v>31</v>
      </c>
      <c r="R8917">
        <v>32</v>
      </c>
      <c r="S8917">
        <v>33</v>
      </c>
      <c r="T8917">
        <v>34</v>
      </c>
      <c r="U8917">
        <v>34</v>
      </c>
      <c r="V8917">
        <v>35</v>
      </c>
      <c r="W8917">
        <v>36</v>
      </c>
      <c r="X8917">
        <v>37</v>
      </c>
      <c r="Y8917">
        <v>38</v>
      </c>
      <c r="Z8917">
        <v>39</v>
      </c>
      <c r="AA8917">
        <v>40</v>
      </c>
      <c r="AB8917">
        <v>41</v>
      </c>
      <c r="AC8917">
        <v>42</v>
      </c>
      <c r="AD8917">
        <v>42</v>
      </c>
      <c r="AE8917">
        <v>43</v>
      </c>
      <c r="AF8917">
        <v>44</v>
      </c>
      <c r="AG8917">
        <v>45</v>
      </c>
      <c r="AH8917">
        <v>46</v>
      </c>
      <c r="AI8917">
        <v>47</v>
      </c>
      <c r="AJ8917">
        <v>48</v>
      </c>
      <c r="AK8917">
        <v>49</v>
      </c>
      <c r="AL8917">
        <v>50</v>
      </c>
      <c r="AM8917">
        <v>50</v>
      </c>
      <c r="AN8917">
        <v>51</v>
      </c>
      <c r="AO8917">
        <v>52</v>
      </c>
      <c r="AP8917">
        <v>52</v>
      </c>
      <c r="AQ8917">
        <v>53</v>
      </c>
    </row>
    <row r="8918" spans="1:43">
      <c r="A8918" t="s">
        <v>5582</v>
      </c>
      <c r="B8918" t="s">
        <v>5583</v>
      </c>
      <c r="C8918" t="s">
        <v>5568</v>
      </c>
      <c r="D8918" t="s">
        <v>5569</v>
      </c>
      <c r="E8918" t="s">
        <v>5426</v>
      </c>
      <c r="F8918" t="s">
        <v>5427</v>
      </c>
      <c r="G8918" t="s">
        <v>80</v>
      </c>
      <c r="H8918" t="s">
        <v>81</v>
      </c>
      <c r="I8918" s="2">
        <v>0</v>
      </c>
      <c r="J8918" s="2">
        <v>1</v>
      </c>
      <c r="K8918" s="2">
        <v>0</v>
      </c>
      <c r="L8918" t="s">
        <v>82</v>
      </c>
      <c r="M8918" t="s">
        <v>83</v>
      </c>
      <c r="N8918" t="s">
        <v>84</v>
      </c>
      <c r="O8918" t="s">
        <v>85</v>
      </c>
      <c r="P8918" t="s">
        <v>86</v>
      </c>
      <c r="Q8918">
        <v>0</v>
      </c>
      <c r="R8918">
        <v>0</v>
      </c>
      <c r="S8918">
        <v>0</v>
      </c>
      <c r="T8918">
        <v>0</v>
      </c>
      <c r="U8918">
        <v>0</v>
      </c>
      <c r="V8918">
        <v>0</v>
      </c>
      <c r="W8918">
        <v>0</v>
      </c>
      <c r="X8918">
        <v>0</v>
      </c>
      <c r="Y8918">
        <v>0</v>
      </c>
      <c r="Z8918">
        <v>0</v>
      </c>
      <c r="AA8918">
        <v>0</v>
      </c>
      <c r="AB8918">
        <v>0</v>
      </c>
      <c r="AC8918">
        <v>0</v>
      </c>
      <c r="AD8918">
        <v>0</v>
      </c>
      <c r="AE8918">
        <v>0</v>
      </c>
      <c r="AF8918">
        <v>0</v>
      </c>
      <c r="AG8918">
        <v>0</v>
      </c>
      <c r="AH8918">
        <v>0</v>
      </c>
      <c r="AI8918">
        <v>0</v>
      </c>
      <c r="AJ8918">
        <v>0</v>
      </c>
      <c r="AK8918">
        <v>0</v>
      </c>
      <c r="AL8918">
        <v>0</v>
      </c>
      <c r="AM8918">
        <v>0</v>
      </c>
      <c r="AN8918">
        <v>0</v>
      </c>
      <c r="AO8918">
        <v>0</v>
      </c>
      <c r="AP8918">
        <v>0</v>
      </c>
      <c r="AQ8918">
        <v>0</v>
      </c>
    </row>
    <row r="8919" spans="1:43">
      <c r="A8919" t="s">
        <v>5582</v>
      </c>
      <c r="B8919" t="s">
        <v>5583</v>
      </c>
      <c r="C8919" t="s">
        <v>5568</v>
      </c>
      <c r="D8919" t="s">
        <v>5569</v>
      </c>
      <c r="E8919" t="s">
        <v>5426</v>
      </c>
      <c r="F8919" t="s">
        <v>5427</v>
      </c>
      <c r="G8919" t="s">
        <v>80</v>
      </c>
      <c r="H8919" t="s">
        <v>81</v>
      </c>
      <c r="I8919" s="2">
        <v>0</v>
      </c>
      <c r="J8919" s="2">
        <v>1</v>
      </c>
      <c r="K8919" s="2">
        <v>0</v>
      </c>
      <c r="L8919" t="s">
        <v>82</v>
      </c>
      <c r="M8919" t="s">
        <v>87</v>
      </c>
      <c r="N8919" t="s">
        <v>88</v>
      </c>
      <c r="O8919" t="s">
        <v>85</v>
      </c>
      <c r="P8919" t="s">
        <v>86</v>
      </c>
      <c r="Q8919">
        <v>0</v>
      </c>
      <c r="R8919">
        <v>0</v>
      </c>
      <c r="S8919">
        <v>0</v>
      </c>
      <c r="T8919">
        <v>0</v>
      </c>
      <c r="U8919">
        <v>0</v>
      </c>
      <c r="V8919">
        <v>0</v>
      </c>
      <c r="W8919">
        <v>0</v>
      </c>
      <c r="X8919">
        <v>0</v>
      </c>
      <c r="Y8919">
        <v>0</v>
      </c>
      <c r="Z8919">
        <v>0</v>
      </c>
      <c r="AA8919">
        <v>0</v>
      </c>
      <c r="AB8919">
        <v>0</v>
      </c>
      <c r="AC8919">
        <v>0</v>
      </c>
      <c r="AD8919">
        <v>0</v>
      </c>
      <c r="AE8919">
        <v>0</v>
      </c>
      <c r="AF8919">
        <v>0</v>
      </c>
      <c r="AG8919">
        <v>0</v>
      </c>
      <c r="AH8919">
        <v>0</v>
      </c>
      <c r="AI8919">
        <v>0</v>
      </c>
      <c r="AJ8919">
        <v>0</v>
      </c>
      <c r="AK8919">
        <v>0</v>
      </c>
      <c r="AL8919">
        <v>0</v>
      </c>
      <c r="AM8919">
        <v>0</v>
      </c>
      <c r="AN8919">
        <v>0</v>
      </c>
      <c r="AO8919">
        <v>0</v>
      </c>
      <c r="AP8919">
        <v>0</v>
      </c>
      <c r="AQ8919">
        <v>0</v>
      </c>
    </row>
    <row r="8920" spans="1:43">
      <c r="A8920" t="s">
        <v>5582</v>
      </c>
      <c r="B8920" t="s">
        <v>5583</v>
      </c>
      <c r="C8920" t="s">
        <v>5568</v>
      </c>
      <c r="D8920" t="s">
        <v>5569</v>
      </c>
      <c r="E8920" t="s">
        <v>5426</v>
      </c>
      <c r="F8920" t="s">
        <v>5427</v>
      </c>
      <c r="G8920" t="s">
        <v>80</v>
      </c>
      <c r="H8920" t="s">
        <v>81</v>
      </c>
      <c r="I8920" s="2">
        <v>0</v>
      </c>
      <c r="J8920" s="2">
        <v>1</v>
      </c>
      <c r="K8920" s="2">
        <v>0</v>
      </c>
      <c r="L8920" t="s">
        <v>82</v>
      </c>
      <c r="M8920" t="s">
        <v>89</v>
      </c>
      <c r="N8920" t="s">
        <v>90</v>
      </c>
      <c r="O8920" t="s">
        <v>85</v>
      </c>
      <c r="P8920" t="s">
        <v>86</v>
      </c>
      <c r="Q8920">
        <v>0</v>
      </c>
      <c r="R8920">
        <v>0</v>
      </c>
      <c r="S8920">
        <v>0</v>
      </c>
      <c r="T8920">
        <v>0</v>
      </c>
      <c r="U8920">
        <v>0</v>
      </c>
      <c r="V8920">
        <v>0</v>
      </c>
      <c r="W8920">
        <v>0</v>
      </c>
      <c r="X8920">
        <v>0</v>
      </c>
      <c r="Y8920">
        <v>0</v>
      </c>
      <c r="Z8920">
        <v>0</v>
      </c>
      <c r="AA8920">
        <v>0</v>
      </c>
      <c r="AB8920">
        <v>0</v>
      </c>
      <c r="AC8920">
        <v>0</v>
      </c>
      <c r="AD8920">
        <v>0</v>
      </c>
      <c r="AE8920">
        <v>0</v>
      </c>
      <c r="AF8920">
        <v>0</v>
      </c>
      <c r="AG8920">
        <v>0</v>
      </c>
      <c r="AH8920">
        <v>0</v>
      </c>
      <c r="AI8920">
        <v>0</v>
      </c>
      <c r="AJ8920">
        <v>0</v>
      </c>
      <c r="AK8920">
        <v>0</v>
      </c>
      <c r="AL8920">
        <v>0</v>
      </c>
      <c r="AM8920">
        <v>0</v>
      </c>
      <c r="AN8920">
        <v>0</v>
      </c>
      <c r="AO8920">
        <v>0</v>
      </c>
      <c r="AP8920">
        <v>0</v>
      </c>
      <c r="AQ8920">
        <v>0</v>
      </c>
    </row>
    <row r="8921" spans="1:43">
      <c r="A8921" t="s">
        <v>5582</v>
      </c>
      <c r="B8921" t="s">
        <v>5583</v>
      </c>
      <c r="C8921" t="s">
        <v>5568</v>
      </c>
      <c r="D8921" t="s">
        <v>5569</v>
      </c>
      <c r="E8921" t="s">
        <v>5426</v>
      </c>
      <c r="F8921" t="s">
        <v>5427</v>
      </c>
      <c r="G8921" t="s">
        <v>80</v>
      </c>
      <c r="H8921" t="s">
        <v>81</v>
      </c>
      <c r="I8921" s="2">
        <v>0</v>
      </c>
      <c r="J8921" s="2">
        <v>1</v>
      </c>
      <c r="K8921" s="2">
        <v>0</v>
      </c>
      <c r="L8921" t="s">
        <v>82</v>
      </c>
      <c r="M8921" t="s">
        <v>83</v>
      </c>
      <c r="N8921" t="s">
        <v>91</v>
      </c>
      <c r="O8921" t="s">
        <v>85</v>
      </c>
      <c r="P8921" t="s">
        <v>86</v>
      </c>
      <c r="Q8921">
        <v>0</v>
      </c>
      <c r="R8921">
        <v>0</v>
      </c>
      <c r="S8921">
        <v>0</v>
      </c>
      <c r="T8921">
        <v>0</v>
      </c>
      <c r="U8921">
        <v>0</v>
      </c>
      <c r="V8921">
        <v>0</v>
      </c>
      <c r="W8921">
        <v>0</v>
      </c>
      <c r="X8921">
        <v>0</v>
      </c>
      <c r="Y8921">
        <v>0</v>
      </c>
      <c r="Z8921">
        <v>0</v>
      </c>
      <c r="AA8921">
        <v>0</v>
      </c>
      <c r="AB8921">
        <v>0</v>
      </c>
      <c r="AC8921">
        <v>0</v>
      </c>
      <c r="AD8921">
        <v>0</v>
      </c>
      <c r="AE8921">
        <v>0</v>
      </c>
      <c r="AF8921">
        <v>0</v>
      </c>
      <c r="AG8921">
        <v>0</v>
      </c>
      <c r="AH8921">
        <v>0</v>
      </c>
      <c r="AI8921">
        <v>0</v>
      </c>
      <c r="AJ8921">
        <v>0</v>
      </c>
      <c r="AK8921">
        <v>0</v>
      </c>
      <c r="AL8921">
        <v>0</v>
      </c>
      <c r="AM8921">
        <v>0</v>
      </c>
      <c r="AN8921">
        <v>0</v>
      </c>
      <c r="AO8921">
        <v>0</v>
      </c>
      <c r="AP8921">
        <v>0</v>
      </c>
      <c r="AQ8921">
        <v>0</v>
      </c>
    </row>
    <row r="8922" spans="1:43">
      <c r="A8922" t="s">
        <v>5584</v>
      </c>
      <c r="B8922" t="s">
        <v>5585</v>
      </c>
      <c r="C8922" t="s">
        <v>5568</v>
      </c>
      <c r="D8922" t="s">
        <v>5569</v>
      </c>
      <c r="E8922" t="s">
        <v>5426</v>
      </c>
      <c r="F8922" t="s">
        <v>5427</v>
      </c>
      <c r="G8922" t="s">
        <v>80</v>
      </c>
      <c r="H8922" t="s">
        <v>81</v>
      </c>
      <c r="I8922" s="2">
        <v>0</v>
      </c>
      <c r="J8922" s="2">
        <v>1</v>
      </c>
      <c r="K8922" s="2">
        <v>0</v>
      </c>
      <c r="L8922" t="s">
        <v>82</v>
      </c>
      <c r="M8922" t="s">
        <v>83</v>
      </c>
      <c r="N8922" t="s">
        <v>84</v>
      </c>
      <c r="O8922" t="s">
        <v>85</v>
      </c>
      <c r="P8922" t="s">
        <v>86</v>
      </c>
      <c r="Q8922">
        <v>71</v>
      </c>
      <c r="R8922">
        <v>73</v>
      </c>
      <c r="S8922">
        <v>75</v>
      </c>
      <c r="T8922">
        <v>77</v>
      </c>
      <c r="U8922">
        <v>78</v>
      </c>
      <c r="V8922">
        <v>80</v>
      </c>
      <c r="W8922">
        <v>82</v>
      </c>
      <c r="X8922">
        <v>84</v>
      </c>
      <c r="Y8922">
        <v>86</v>
      </c>
      <c r="Z8922">
        <v>88</v>
      </c>
      <c r="AA8922">
        <v>90</v>
      </c>
      <c r="AB8922">
        <v>93</v>
      </c>
      <c r="AC8922">
        <v>95</v>
      </c>
      <c r="AD8922">
        <v>97</v>
      </c>
      <c r="AE8922">
        <v>99</v>
      </c>
      <c r="AF8922">
        <v>101</v>
      </c>
      <c r="AG8922">
        <v>103</v>
      </c>
      <c r="AH8922">
        <v>105</v>
      </c>
      <c r="AI8922">
        <v>108</v>
      </c>
      <c r="AJ8922">
        <v>110</v>
      </c>
      <c r="AK8922">
        <v>112</v>
      </c>
      <c r="AL8922">
        <v>114</v>
      </c>
      <c r="AM8922">
        <v>115</v>
      </c>
      <c r="AN8922">
        <v>116</v>
      </c>
      <c r="AO8922">
        <v>118</v>
      </c>
      <c r="AP8922">
        <v>119</v>
      </c>
      <c r="AQ8922">
        <v>120</v>
      </c>
    </row>
    <row r="8923" spans="1:43">
      <c r="A8923" t="s">
        <v>5584</v>
      </c>
      <c r="B8923" t="s">
        <v>5585</v>
      </c>
      <c r="C8923" t="s">
        <v>5568</v>
      </c>
      <c r="D8923" t="s">
        <v>5569</v>
      </c>
      <c r="E8923" t="s">
        <v>5426</v>
      </c>
      <c r="F8923" t="s">
        <v>5427</v>
      </c>
      <c r="G8923" t="s">
        <v>80</v>
      </c>
      <c r="H8923" t="s">
        <v>81</v>
      </c>
      <c r="I8923" s="2">
        <v>0</v>
      </c>
      <c r="J8923" s="2">
        <v>1</v>
      </c>
      <c r="K8923" s="2">
        <v>0</v>
      </c>
      <c r="L8923" t="s">
        <v>82</v>
      </c>
      <c r="M8923" t="s">
        <v>87</v>
      </c>
      <c r="N8923" t="s">
        <v>88</v>
      </c>
      <c r="O8923" t="s">
        <v>85</v>
      </c>
      <c r="P8923" t="s">
        <v>86</v>
      </c>
      <c r="Q8923">
        <v>71</v>
      </c>
      <c r="R8923">
        <v>73</v>
      </c>
      <c r="S8923">
        <v>74</v>
      </c>
      <c r="T8923">
        <v>75</v>
      </c>
      <c r="U8923">
        <v>76</v>
      </c>
      <c r="V8923">
        <v>77</v>
      </c>
      <c r="W8923">
        <v>78</v>
      </c>
      <c r="X8923">
        <v>80</v>
      </c>
      <c r="Y8923">
        <v>81</v>
      </c>
      <c r="Z8923">
        <v>82</v>
      </c>
      <c r="AA8923">
        <v>83</v>
      </c>
      <c r="AB8923">
        <v>85</v>
      </c>
      <c r="AC8923">
        <v>86</v>
      </c>
      <c r="AD8923">
        <v>87</v>
      </c>
      <c r="AE8923">
        <v>88</v>
      </c>
      <c r="AF8923">
        <v>90</v>
      </c>
      <c r="AG8923">
        <v>91</v>
      </c>
      <c r="AH8923">
        <v>92</v>
      </c>
      <c r="AI8923">
        <v>94</v>
      </c>
      <c r="AJ8923">
        <v>95</v>
      </c>
      <c r="AK8923">
        <v>97</v>
      </c>
      <c r="AL8923">
        <v>98</v>
      </c>
      <c r="AM8923">
        <v>99</v>
      </c>
      <c r="AN8923">
        <v>101</v>
      </c>
      <c r="AO8923">
        <v>102</v>
      </c>
      <c r="AP8923">
        <v>104</v>
      </c>
      <c r="AQ8923">
        <v>105</v>
      </c>
    </row>
    <row r="8924" spans="1:43">
      <c r="A8924" t="s">
        <v>5584</v>
      </c>
      <c r="B8924" t="s">
        <v>5585</v>
      </c>
      <c r="C8924" t="s">
        <v>5568</v>
      </c>
      <c r="D8924" t="s">
        <v>5569</v>
      </c>
      <c r="E8924" t="s">
        <v>5426</v>
      </c>
      <c r="F8924" t="s">
        <v>5427</v>
      </c>
      <c r="G8924" t="s">
        <v>80</v>
      </c>
      <c r="H8924" t="s">
        <v>81</v>
      </c>
      <c r="I8924" s="2">
        <v>0</v>
      </c>
      <c r="J8924" s="2">
        <v>1</v>
      </c>
      <c r="K8924" s="2">
        <v>0</v>
      </c>
      <c r="L8924" t="s">
        <v>82</v>
      </c>
      <c r="M8924" t="s">
        <v>89</v>
      </c>
      <c r="N8924" t="s">
        <v>90</v>
      </c>
      <c r="O8924" t="s">
        <v>85</v>
      </c>
      <c r="P8924" t="s">
        <v>86</v>
      </c>
      <c r="Q8924">
        <v>71</v>
      </c>
      <c r="R8924">
        <v>73</v>
      </c>
      <c r="S8924">
        <v>76</v>
      </c>
      <c r="T8924">
        <v>78</v>
      </c>
      <c r="U8924">
        <v>81</v>
      </c>
      <c r="V8924">
        <v>83</v>
      </c>
      <c r="W8924">
        <v>86</v>
      </c>
      <c r="X8924">
        <v>88</v>
      </c>
      <c r="Y8924">
        <v>91</v>
      </c>
      <c r="Z8924">
        <v>93</v>
      </c>
      <c r="AA8924">
        <v>95</v>
      </c>
      <c r="AB8924">
        <v>98</v>
      </c>
      <c r="AC8924">
        <v>101</v>
      </c>
      <c r="AD8924">
        <v>103</v>
      </c>
      <c r="AE8924">
        <v>105</v>
      </c>
      <c r="AF8924">
        <v>106</v>
      </c>
      <c r="AG8924">
        <v>107</v>
      </c>
      <c r="AH8924">
        <v>109</v>
      </c>
      <c r="AI8924">
        <v>110</v>
      </c>
      <c r="AJ8924">
        <v>111</v>
      </c>
      <c r="AK8924">
        <v>112</v>
      </c>
      <c r="AL8924">
        <v>113</v>
      </c>
      <c r="AM8924">
        <v>115</v>
      </c>
      <c r="AN8924">
        <v>116</v>
      </c>
      <c r="AO8924">
        <v>117</v>
      </c>
      <c r="AP8924">
        <v>118</v>
      </c>
      <c r="AQ8924">
        <v>119</v>
      </c>
    </row>
    <row r="8925" spans="1:43">
      <c r="A8925" t="s">
        <v>5584</v>
      </c>
      <c r="B8925" t="s">
        <v>5585</v>
      </c>
      <c r="C8925" t="s">
        <v>5568</v>
      </c>
      <c r="D8925" t="s">
        <v>5569</v>
      </c>
      <c r="E8925" t="s">
        <v>5426</v>
      </c>
      <c r="F8925" t="s">
        <v>5427</v>
      </c>
      <c r="G8925" t="s">
        <v>80</v>
      </c>
      <c r="H8925" t="s">
        <v>81</v>
      </c>
      <c r="I8925" s="2">
        <v>0</v>
      </c>
      <c r="J8925" s="2">
        <v>1</v>
      </c>
      <c r="K8925" s="2">
        <v>0</v>
      </c>
      <c r="L8925" t="s">
        <v>82</v>
      </c>
      <c r="M8925" t="s">
        <v>83</v>
      </c>
      <c r="N8925" t="s">
        <v>91</v>
      </c>
      <c r="O8925" t="s">
        <v>85</v>
      </c>
      <c r="P8925" t="s">
        <v>86</v>
      </c>
      <c r="Q8925">
        <v>71</v>
      </c>
      <c r="R8925">
        <v>73</v>
      </c>
      <c r="S8925">
        <v>75</v>
      </c>
      <c r="T8925">
        <v>77</v>
      </c>
      <c r="U8925">
        <v>78</v>
      </c>
      <c r="V8925">
        <v>80</v>
      </c>
      <c r="W8925">
        <v>82</v>
      </c>
      <c r="X8925">
        <v>84</v>
      </c>
      <c r="Y8925">
        <v>86</v>
      </c>
      <c r="Z8925">
        <v>88</v>
      </c>
      <c r="AA8925">
        <v>90</v>
      </c>
      <c r="AB8925">
        <v>93</v>
      </c>
      <c r="AC8925">
        <v>95</v>
      </c>
      <c r="AD8925">
        <v>97</v>
      </c>
      <c r="AE8925">
        <v>99</v>
      </c>
      <c r="AF8925">
        <v>101</v>
      </c>
      <c r="AG8925">
        <v>103</v>
      </c>
      <c r="AH8925">
        <v>105</v>
      </c>
      <c r="AI8925">
        <v>108</v>
      </c>
      <c r="AJ8925">
        <v>110</v>
      </c>
      <c r="AK8925">
        <v>112</v>
      </c>
      <c r="AL8925">
        <v>114</v>
      </c>
      <c r="AM8925">
        <v>115</v>
      </c>
      <c r="AN8925">
        <v>116</v>
      </c>
      <c r="AO8925">
        <v>118</v>
      </c>
      <c r="AP8925">
        <v>119</v>
      </c>
      <c r="AQ8925">
        <v>120</v>
      </c>
    </row>
    <row r="8926" spans="1:43">
      <c r="A8926" t="s">
        <v>5586</v>
      </c>
      <c r="B8926" t="s">
        <v>5587</v>
      </c>
      <c r="C8926" t="s">
        <v>5588</v>
      </c>
      <c r="D8926" t="s">
        <v>5589</v>
      </c>
      <c r="E8926" t="s">
        <v>5426</v>
      </c>
      <c r="F8926" t="s">
        <v>5427</v>
      </c>
      <c r="G8926" t="s">
        <v>80</v>
      </c>
      <c r="H8926" t="s">
        <v>81</v>
      </c>
      <c r="I8926" s="2">
        <v>0</v>
      </c>
      <c r="J8926" s="2">
        <v>1</v>
      </c>
      <c r="K8926" s="2">
        <v>0</v>
      </c>
      <c r="L8926" t="s">
        <v>82</v>
      </c>
      <c r="M8926" t="s">
        <v>83</v>
      </c>
      <c r="N8926" t="s">
        <v>84</v>
      </c>
      <c r="O8926" t="s">
        <v>85</v>
      </c>
      <c r="P8926" t="s">
        <v>86</v>
      </c>
      <c r="Q8926">
        <v>82</v>
      </c>
      <c r="R8926">
        <v>84</v>
      </c>
      <c r="S8926">
        <v>86</v>
      </c>
      <c r="T8926">
        <v>88</v>
      </c>
      <c r="U8926">
        <v>91</v>
      </c>
      <c r="V8926">
        <v>93</v>
      </c>
      <c r="W8926">
        <v>95</v>
      </c>
      <c r="X8926">
        <v>97</v>
      </c>
      <c r="Y8926">
        <v>100</v>
      </c>
      <c r="Z8926">
        <v>102</v>
      </c>
      <c r="AA8926">
        <v>105</v>
      </c>
      <c r="AB8926">
        <v>107</v>
      </c>
      <c r="AC8926">
        <v>109</v>
      </c>
      <c r="AD8926">
        <v>112</v>
      </c>
      <c r="AE8926">
        <v>114</v>
      </c>
      <c r="AF8926">
        <v>117</v>
      </c>
      <c r="AG8926">
        <v>119</v>
      </c>
      <c r="AH8926">
        <v>122</v>
      </c>
      <c r="AI8926">
        <v>125</v>
      </c>
      <c r="AJ8926">
        <v>127</v>
      </c>
      <c r="AK8926">
        <v>130</v>
      </c>
      <c r="AL8926">
        <v>132</v>
      </c>
      <c r="AM8926">
        <v>133</v>
      </c>
      <c r="AN8926">
        <v>135</v>
      </c>
      <c r="AO8926">
        <v>136</v>
      </c>
      <c r="AP8926">
        <v>137</v>
      </c>
      <c r="AQ8926">
        <v>139</v>
      </c>
    </row>
    <row r="8927" spans="1:43">
      <c r="A8927" t="s">
        <v>5586</v>
      </c>
      <c r="B8927" t="s">
        <v>5587</v>
      </c>
      <c r="C8927" t="s">
        <v>5588</v>
      </c>
      <c r="D8927" t="s">
        <v>5589</v>
      </c>
      <c r="E8927" t="s">
        <v>5426</v>
      </c>
      <c r="F8927" t="s">
        <v>5427</v>
      </c>
      <c r="G8927" t="s">
        <v>80</v>
      </c>
      <c r="H8927" t="s">
        <v>81</v>
      </c>
      <c r="I8927" s="2">
        <v>0</v>
      </c>
      <c r="J8927" s="2">
        <v>1</v>
      </c>
      <c r="K8927" s="2">
        <v>0</v>
      </c>
      <c r="L8927" t="s">
        <v>82</v>
      </c>
      <c r="M8927" t="s">
        <v>87</v>
      </c>
      <c r="N8927" t="s">
        <v>88</v>
      </c>
      <c r="O8927" t="s">
        <v>85</v>
      </c>
      <c r="P8927" t="s">
        <v>86</v>
      </c>
      <c r="Q8927">
        <v>82</v>
      </c>
      <c r="R8927">
        <v>84</v>
      </c>
      <c r="S8927">
        <v>85</v>
      </c>
      <c r="T8927">
        <v>86</v>
      </c>
      <c r="U8927">
        <v>88</v>
      </c>
      <c r="V8927">
        <v>89</v>
      </c>
      <c r="W8927">
        <v>90</v>
      </c>
      <c r="X8927">
        <v>92</v>
      </c>
      <c r="Y8927">
        <v>93</v>
      </c>
      <c r="Z8927">
        <v>95</v>
      </c>
      <c r="AA8927">
        <v>96</v>
      </c>
      <c r="AB8927">
        <v>98</v>
      </c>
      <c r="AC8927">
        <v>99</v>
      </c>
      <c r="AD8927">
        <v>101</v>
      </c>
      <c r="AE8927">
        <v>102</v>
      </c>
      <c r="AF8927">
        <v>104</v>
      </c>
      <c r="AG8927">
        <v>105</v>
      </c>
      <c r="AH8927">
        <v>107</v>
      </c>
      <c r="AI8927">
        <v>108</v>
      </c>
      <c r="AJ8927">
        <v>110</v>
      </c>
      <c r="AK8927">
        <v>111</v>
      </c>
      <c r="AL8927">
        <v>113</v>
      </c>
      <c r="AM8927">
        <v>115</v>
      </c>
      <c r="AN8927">
        <v>116</v>
      </c>
      <c r="AO8927">
        <v>118</v>
      </c>
      <c r="AP8927">
        <v>120</v>
      </c>
      <c r="AQ8927">
        <v>121</v>
      </c>
    </row>
    <row r="8928" spans="1:43">
      <c r="A8928" t="s">
        <v>5586</v>
      </c>
      <c r="B8928" t="s">
        <v>5587</v>
      </c>
      <c r="C8928" t="s">
        <v>5588</v>
      </c>
      <c r="D8928" t="s">
        <v>5589</v>
      </c>
      <c r="E8928" t="s">
        <v>5426</v>
      </c>
      <c r="F8928" t="s">
        <v>5427</v>
      </c>
      <c r="G8928" t="s">
        <v>80</v>
      </c>
      <c r="H8928" t="s">
        <v>81</v>
      </c>
      <c r="I8928" s="2">
        <v>0</v>
      </c>
      <c r="J8928" s="2">
        <v>1</v>
      </c>
      <c r="K8928" s="2">
        <v>0</v>
      </c>
      <c r="L8928" t="s">
        <v>82</v>
      </c>
      <c r="M8928" t="s">
        <v>89</v>
      </c>
      <c r="N8928" t="s">
        <v>90</v>
      </c>
      <c r="O8928" t="s">
        <v>85</v>
      </c>
      <c r="P8928" t="s">
        <v>86</v>
      </c>
      <c r="Q8928">
        <v>82</v>
      </c>
      <c r="R8928">
        <v>85</v>
      </c>
      <c r="S8928">
        <v>88</v>
      </c>
      <c r="T8928">
        <v>90</v>
      </c>
      <c r="U8928">
        <v>93</v>
      </c>
      <c r="V8928">
        <v>96</v>
      </c>
      <c r="W8928">
        <v>99</v>
      </c>
      <c r="X8928">
        <v>102</v>
      </c>
      <c r="Y8928">
        <v>105</v>
      </c>
      <c r="Z8928">
        <v>108</v>
      </c>
      <c r="AA8928">
        <v>110</v>
      </c>
      <c r="AB8928">
        <v>113</v>
      </c>
      <c r="AC8928">
        <v>116</v>
      </c>
      <c r="AD8928">
        <v>119</v>
      </c>
      <c r="AE8928">
        <v>122</v>
      </c>
      <c r="AF8928">
        <v>123</v>
      </c>
      <c r="AG8928">
        <v>125</v>
      </c>
      <c r="AH8928">
        <v>126</v>
      </c>
      <c r="AI8928">
        <v>127</v>
      </c>
      <c r="AJ8928">
        <v>129</v>
      </c>
      <c r="AK8928">
        <v>130</v>
      </c>
      <c r="AL8928">
        <v>131</v>
      </c>
      <c r="AM8928">
        <v>133</v>
      </c>
      <c r="AN8928">
        <v>134</v>
      </c>
      <c r="AO8928">
        <v>136</v>
      </c>
      <c r="AP8928">
        <v>137</v>
      </c>
      <c r="AQ8928">
        <v>138</v>
      </c>
    </row>
    <row r="8929" spans="1:43">
      <c r="A8929" t="s">
        <v>5586</v>
      </c>
      <c r="B8929" t="s">
        <v>5587</v>
      </c>
      <c r="C8929" t="s">
        <v>5588</v>
      </c>
      <c r="D8929" t="s">
        <v>5589</v>
      </c>
      <c r="E8929" t="s">
        <v>5426</v>
      </c>
      <c r="F8929" t="s">
        <v>5427</v>
      </c>
      <c r="G8929" t="s">
        <v>80</v>
      </c>
      <c r="H8929" t="s">
        <v>81</v>
      </c>
      <c r="I8929" s="2">
        <v>0</v>
      </c>
      <c r="J8929" s="2">
        <v>1</v>
      </c>
      <c r="K8929" s="2">
        <v>0</v>
      </c>
      <c r="L8929" t="s">
        <v>82</v>
      </c>
      <c r="M8929" t="s">
        <v>83</v>
      </c>
      <c r="N8929" t="s">
        <v>91</v>
      </c>
      <c r="O8929" t="s">
        <v>85</v>
      </c>
      <c r="P8929" t="s">
        <v>86</v>
      </c>
      <c r="Q8929">
        <v>82</v>
      </c>
      <c r="R8929">
        <v>84</v>
      </c>
      <c r="S8929">
        <v>86</v>
      </c>
      <c r="T8929">
        <v>88</v>
      </c>
      <c r="U8929">
        <v>91</v>
      </c>
      <c r="V8929">
        <v>93</v>
      </c>
      <c r="W8929">
        <v>95</v>
      </c>
      <c r="X8929">
        <v>97</v>
      </c>
      <c r="Y8929">
        <v>100</v>
      </c>
      <c r="Z8929">
        <v>102</v>
      </c>
      <c r="AA8929">
        <v>105</v>
      </c>
      <c r="AB8929">
        <v>107</v>
      </c>
      <c r="AC8929">
        <v>109</v>
      </c>
      <c r="AD8929">
        <v>112</v>
      </c>
      <c r="AE8929">
        <v>114</v>
      </c>
      <c r="AF8929">
        <v>117</v>
      </c>
      <c r="AG8929">
        <v>119</v>
      </c>
      <c r="AH8929">
        <v>122</v>
      </c>
      <c r="AI8929">
        <v>125</v>
      </c>
      <c r="AJ8929">
        <v>127</v>
      </c>
      <c r="AK8929">
        <v>130</v>
      </c>
      <c r="AL8929">
        <v>132</v>
      </c>
      <c r="AM8929">
        <v>133</v>
      </c>
      <c r="AN8929">
        <v>135</v>
      </c>
      <c r="AO8929">
        <v>136</v>
      </c>
      <c r="AP8929">
        <v>137</v>
      </c>
      <c r="AQ8929">
        <v>139</v>
      </c>
    </row>
    <row r="8930" spans="1:43">
      <c r="A8930" t="s">
        <v>5590</v>
      </c>
      <c r="B8930" t="s">
        <v>5591</v>
      </c>
      <c r="C8930" t="s">
        <v>5516</v>
      </c>
      <c r="D8930" t="s">
        <v>5517</v>
      </c>
      <c r="E8930" t="s">
        <v>5426</v>
      </c>
      <c r="F8930" t="s">
        <v>5427</v>
      </c>
      <c r="G8930" t="s">
        <v>80</v>
      </c>
      <c r="H8930" t="s">
        <v>81</v>
      </c>
      <c r="I8930" s="2">
        <v>0</v>
      </c>
      <c r="J8930" s="2">
        <v>1</v>
      </c>
      <c r="K8930" s="2">
        <v>0</v>
      </c>
      <c r="L8930" t="s">
        <v>82</v>
      </c>
      <c r="M8930" t="s">
        <v>83</v>
      </c>
      <c r="N8930" t="s">
        <v>84</v>
      </c>
      <c r="O8930" t="s">
        <v>85</v>
      </c>
      <c r="P8930" t="s">
        <v>86</v>
      </c>
      <c r="Q8930">
        <v>32</v>
      </c>
      <c r="R8930">
        <v>33</v>
      </c>
      <c r="S8930">
        <v>34</v>
      </c>
      <c r="T8930">
        <v>34</v>
      </c>
      <c r="U8930">
        <v>35</v>
      </c>
      <c r="V8930">
        <v>36</v>
      </c>
      <c r="W8930">
        <v>37</v>
      </c>
      <c r="X8930">
        <v>38</v>
      </c>
      <c r="Y8930">
        <v>39</v>
      </c>
      <c r="Z8930">
        <v>40</v>
      </c>
      <c r="AA8930">
        <v>41</v>
      </c>
      <c r="AB8930">
        <v>42</v>
      </c>
      <c r="AC8930">
        <v>42</v>
      </c>
      <c r="AD8930">
        <v>43</v>
      </c>
      <c r="AE8930">
        <v>44</v>
      </c>
      <c r="AF8930">
        <v>45</v>
      </c>
      <c r="AG8930">
        <v>46</v>
      </c>
      <c r="AH8930">
        <v>47</v>
      </c>
      <c r="AI8930">
        <v>48</v>
      </c>
      <c r="AJ8930">
        <v>49</v>
      </c>
      <c r="AK8930">
        <v>50</v>
      </c>
      <c r="AL8930">
        <v>51</v>
      </c>
      <c r="AM8930">
        <v>52</v>
      </c>
      <c r="AN8930">
        <v>52</v>
      </c>
      <c r="AO8930">
        <v>53</v>
      </c>
      <c r="AP8930">
        <v>53</v>
      </c>
      <c r="AQ8930">
        <v>54</v>
      </c>
    </row>
    <row r="8931" spans="1:43">
      <c r="A8931" t="s">
        <v>5590</v>
      </c>
      <c r="B8931" t="s">
        <v>5591</v>
      </c>
      <c r="C8931" t="s">
        <v>5516</v>
      </c>
      <c r="D8931" t="s">
        <v>5517</v>
      </c>
      <c r="E8931" t="s">
        <v>5426</v>
      </c>
      <c r="F8931" t="s">
        <v>5427</v>
      </c>
      <c r="G8931" t="s">
        <v>80</v>
      </c>
      <c r="H8931" t="s">
        <v>81</v>
      </c>
      <c r="I8931" s="2">
        <v>0</v>
      </c>
      <c r="J8931" s="2">
        <v>1</v>
      </c>
      <c r="K8931" s="2">
        <v>0</v>
      </c>
      <c r="L8931" t="s">
        <v>82</v>
      </c>
      <c r="M8931" t="s">
        <v>87</v>
      </c>
      <c r="N8931" t="s">
        <v>88</v>
      </c>
      <c r="O8931" t="s">
        <v>85</v>
      </c>
      <c r="P8931" t="s">
        <v>86</v>
      </c>
      <c r="Q8931">
        <v>32</v>
      </c>
      <c r="R8931">
        <v>32</v>
      </c>
      <c r="S8931">
        <v>33</v>
      </c>
      <c r="T8931">
        <v>33</v>
      </c>
      <c r="U8931">
        <v>34</v>
      </c>
      <c r="V8931">
        <v>34</v>
      </c>
      <c r="W8931">
        <v>35</v>
      </c>
      <c r="X8931">
        <v>35</v>
      </c>
      <c r="Y8931">
        <v>36</v>
      </c>
      <c r="Z8931">
        <v>36</v>
      </c>
      <c r="AA8931">
        <v>37</v>
      </c>
      <c r="AB8931">
        <v>38</v>
      </c>
      <c r="AC8931">
        <v>38</v>
      </c>
      <c r="AD8931">
        <v>39</v>
      </c>
      <c r="AE8931">
        <v>39</v>
      </c>
      <c r="AF8931">
        <v>40</v>
      </c>
      <c r="AG8931">
        <v>40</v>
      </c>
      <c r="AH8931">
        <v>41</v>
      </c>
      <c r="AI8931">
        <v>42</v>
      </c>
      <c r="AJ8931">
        <v>42</v>
      </c>
      <c r="AK8931">
        <v>43</v>
      </c>
      <c r="AL8931">
        <v>44</v>
      </c>
      <c r="AM8931">
        <v>44</v>
      </c>
      <c r="AN8931">
        <v>45</v>
      </c>
      <c r="AO8931">
        <v>45</v>
      </c>
      <c r="AP8931">
        <v>46</v>
      </c>
      <c r="AQ8931">
        <v>47</v>
      </c>
    </row>
    <row r="8932" spans="1:43">
      <c r="A8932" t="s">
        <v>5590</v>
      </c>
      <c r="B8932" t="s">
        <v>5591</v>
      </c>
      <c r="C8932" t="s">
        <v>5516</v>
      </c>
      <c r="D8932" t="s">
        <v>5517</v>
      </c>
      <c r="E8932" t="s">
        <v>5426</v>
      </c>
      <c r="F8932" t="s">
        <v>5427</v>
      </c>
      <c r="G8932" t="s">
        <v>80</v>
      </c>
      <c r="H8932" t="s">
        <v>81</v>
      </c>
      <c r="I8932" s="2">
        <v>0</v>
      </c>
      <c r="J8932" s="2">
        <v>1</v>
      </c>
      <c r="K8932" s="2">
        <v>0</v>
      </c>
      <c r="L8932" t="s">
        <v>82</v>
      </c>
      <c r="M8932" t="s">
        <v>89</v>
      </c>
      <c r="N8932" t="s">
        <v>90</v>
      </c>
      <c r="O8932" t="s">
        <v>85</v>
      </c>
      <c r="P8932" t="s">
        <v>86</v>
      </c>
      <c r="Q8932">
        <v>32</v>
      </c>
      <c r="R8932">
        <v>33</v>
      </c>
      <c r="S8932">
        <v>34</v>
      </c>
      <c r="T8932">
        <v>36</v>
      </c>
      <c r="U8932">
        <v>37</v>
      </c>
      <c r="V8932">
        <v>38</v>
      </c>
      <c r="W8932">
        <v>39</v>
      </c>
      <c r="X8932">
        <v>40</v>
      </c>
      <c r="Y8932">
        <v>41</v>
      </c>
      <c r="Z8932">
        <v>42</v>
      </c>
      <c r="AA8932">
        <v>43</v>
      </c>
      <c r="AB8932">
        <v>44</v>
      </c>
      <c r="AC8932">
        <v>46</v>
      </c>
      <c r="AD8932">
        <v>47</v>
      </c>
      <c r="AE8932">
        <v>48</v>
      </c>
      <c r="AF8932">
        <v>48</v>
      </c>
      <c r="AG8932">
        <v>49</v>
      </c>
      <c r="AH8932">
        <v>49</v>
      </c>
      <c r="AI8932">
        <v>50</v>
      </c>
      <c r="AJ8932">
        <v>50</v>
      </c>
      <c r="AK8932">
        <v>51</v>
      </c>
      <c r="AL8932">
        <v>51</v>
      </c>
      <c r="AM8932">
        <v>52</v>
      </c>
      <c r="AN8932">
        <v>52</v>
      </c>
      <c r="AO8932">
        <v>53</v>
      </c>
      <c r="AP8932">
        <v>54</v>
      </c>
      <c r="AQ8932">
        <v>54</v>
      </c>
    </row>
    <row r="8933" spans="1:43">
      <c r="A8933" t="s">
        <v>5590</v>
      </c>
      <c r="B8933" t="s">
        <v>5591</v>
      </c>
      <c r="C8933" t="s">
        <v>5516</v>
      </c>
      <c r="D8933" t="s">
        <v>5517</v>
      </c>
      <c r="E8933" t="s">
        <v>5426</v>
      </c>
      <c r="F8933" t="s">
        <v>5427</v>
      </c>
      <c r="G8933" t="s">
        <v>80</v>
      </c>
      <c r="H8933" t="s">
        <v>81</v>
      </c>
      <c r="I8933" s="2">
        <v>0</v>
      </c>
      <c r="J8933" s="2">
        <v>1</v>
      </c>
      <c r="K8933" s="2">
        <v>0</v>
      </c>
      <c r="L8933" t="s">
        <v>82</v>
      </c>
      <c r="M8933" t="s">
        <v>83</v>
      </c>
      <c r="N8933" t="s">
        <v>91</v>
      </c>
      <c r="O8933" t="s">
        <v>85</v>
      </c>
      <c r="P8933" t="s">
        <v>86</v>
      </c>
      <c r="Q8933">
        <v>32</v>
      </c>
      <c r="R8933">
        <v>33</v>
      </c>
      <c r="S8933">
        <v>34</v>
      </c>
      <c r="T8933">
        <v>34</v>
      </c>
      <c r="U8933">
        <v>35</v>
      </c>
      <c r="V8933">
        <v>36</v>
      </c>
      <c r="W8933">
        <v>37</v>
      </c>
      <c r="X8933">
        <v>38</v>
      </c>
      <c r="Y8933">
        <v>39</v>
      </c>
      <c r="Z8933">
        <v>40</v>
      </c>
      <c r="AA8933">
        <v>41</v>
      </c>
      <c r="AB8933">
        <v>42</v>
      </c>
      <c r="AC8933">
        <v>42</v>
      </c>
      <c r="AD8933">
        <v>43</v>
      </c>
      <c r="AE8933">
        <v>44</v>
      </c>
      <c r="AF8933">
        <v>45</v>
      </c>
      <c r="AG8933">
        <v>46</v>
      </c>
      <c r="AH8933">
        <v>47</v>
      </c>
      <c r="AI8933">
        <v>48</v>
      </c>
      <c r="AJ8933">
        <v>49</v>
      </c>
      <c r="AK8933">
        <v>50</v>
      </c>
      <c r="AL8933">
        <v>51</v>
      </c>
      <c r="AM8933">
        <v>52</v>
      </c>
      <c r="AN8933">
        <v>52</v>
      </c>
      <c r="AO8933">
        <v>53</v>
      </c>
      <c r="AP8933">
        <v>53</v>
      </c>
      <c r="AQ8933">
        <v>54</v>
      </c>
    </row>
    <row r="8934" spans="1:43">
      <c r="A8934" t="s">
        <v>5592</v>
      </c>
      <c r="B8934" t="s">
        <v>5593</v>
      </c>
      <c r="C8934" t="s">
        <v>5594</v>
      </c>
      <c r="D8934" t="s">
        <v>5595</v>
      </c>
      <c r="E8934" t="s">
        <v>5426</v>
      </c>
      <c r="F8934" t="s">
        <v>5427</v>
      </c>
      <c r="G8934" t="s">
        <v>80</v>
      </c>
      <c r="H8934" t="s">
        <v>81</v>
      </c>
      <c r="I8934" s="2">
        <v>0</v>
      </c>
      <c r="J8934" s="2">
        <v>1</v>
      </c>
      <c r="K8934" s="2">
        <v>0</v>
      </c>
      <c r="L8934" t="s">
        <v>82</v>
      </c>
      <c r="M8934" t="s">
        <v>83</v>
      </c>
      <c r="N8934" t="s">
        <v>84</v>
      </c>
      <c r="O8934" t="s">
        <v>85</v>
      </c>
      <c r="P8934" t="s">
        <v>86</v>
      </c>
      <c r="Q8934">
        <v>69</v>
      </c>
      <c r="R8934">
        <v>71</v>
      </c>
      <c r="S8934">
        <v>72</v>
      </c>
      <c r="T8934">
        <v>74</v>
      </c>
      <c r="U8934">
        <v>76</v>
      </c>
      <c r="V8934">
        <v>78</v>
      </c>
      <c r="W8934">
        <v>80</v>
      </c>
      <c r="X8934">
        <v>82</v>
      </c>
      <c r="Y8934">
        <v>84</v>
      </c>
      <c r="Z8934">
        <v>86</v>
      </c>
      <c r="AA8934">
        <v>88</v>
      </c>
      <c r="AB8934">
        <v>90</v>
      </c>
      <c r="AC8934">
        <v>92</v>
      </c>
      <c r="AD8934">
        <v>94</v>
      </c>
      <c r="AE8934">
        <v>96</v>
      </c>
      <c r="AF8934">
        <v>98</v>
      </c>
      <c r="AG8934">
        <v>100</v>
      </c>
      <c r="AH8934">
        <v>102</v>
      </c>
      <c r="AI8934">
        <v>104</v>
      </c>
      <c r="AJ8934">
        <v>107</v>
      </c>
      <c r="AK8934">
        <v>109</v>
      </c>
      <c r="AL8934">
        <v>111</v>
      </c>
      <c r="AM8934">
        <v>112</v>
      </c>
      <c r="AN8934">
        <v>113</v>
      </c>
      <c r="AO8934">
        <v>114</v>
      </c>
      <c r="AP8934">
        <v>115</v>
      </c>
      <c r="AQ8934">
        <v>116</v>
      </c>
    </row>
    <row r="8935" spans="1:43">
      <c r="A8935" t="s">
        <v>5592</v>
      </c>
      <c r="B8935" t="s">
        <v>5593</v>
      </c>
      <c r="C8935" t="s">
        <v>5594</v>
      </c>
      <c r="D8935" t="s">
        <v>5595</v>
      </c>
      <c r="E8935" t="s">
        <v>5426</v>
      </c>
      <c r="F8935" t="s">
        <v>5427</v>
      </c>
      <c r="G8935" t="s">
        <v>80</v>
      </c>
      <c r="H8935" t="s">
        <v>81</v>
      </c>
      <c r="I8935" s="2">
        <v>0</v>
      </c>
      <c r="J8935" s="2">
        <v>1</v>
      </c>
      <c r="K8935" s="2">
        <v>0</v>
      </c>
      <c r="L8935" t="s">
        <v>82</v>
      </c>
      <c r="M8935" t="s">
        <v>87</v>
      </c>
      <c r="N8935" t="s">
        <v>88</v>
      </c>
      <c r="O8935" t="s">
        <v>85</v>
      </c>
      <c r="P8935" t="s">
        <v>86</v>
      </c>
      <c r="Q8935">
        <v>69</v>
      </c>
      <c r="R8935">
        <v>70</v>
      </c>
      <c r="S8935">
        <v>71</v>
      </c>
      <c r="T8935">
        <v>73</v>
      </c>
      <c r="U8935">
        <v>74</v>
      </c>
      <c r="V8935">
        <v>75</v>
      </c>
      <c r="W8935">
        <v>76</v>
      </c>
      <c r="X8935">
        <v>77</v>
      </c>
      <c r="Y8935">
        <v>78</v>
      </c>
      <c r="Z8935">
        <v>80</v>
      </c>
      <c r="AA8935">
        <v>81</v>
      </c>
      <c r="AB8935">
        <v>82</v>
      </c>
      <c r="AC8935">
        <v>83</v>
      </c>
      <c r="AD8935">
        <v>85</v>
      </c>
      <c r="AE8935">
        <v>86</v>
      </c>
      <c r="AF8935">
        <v>87</v>
      </c>
      <c r="AG8935">
        <v>88</v>
      </c>
      <c r="AH8935">
        <v>90</v>
      </c>
      <c r="AI8935">
        <v>91</v>
      </c>
      <c r="AJ8935">
        <v>92</v>
      </c>
      <c r="AK8935">
        <v>94</v>
      </c>
      <c r="AL8935">
        <v>95</v>
      </c>
      <c r="AM8935">
        <v>96</v>
      </c>
      <c r="AN8935">
        <v>98</v>
      </c>
      <c r="AO8935">
        <v>99</v>
      </c>
      <c r="AP8935">
        <v>101</v>
      </c>
      <c r="AQ8935">
        <v>102</v>
      </c>
    </row>
    <row r="8936" spans="1:43">
      <c r="A8936" t="s">
        <v>5592</v>
      </c>
      <c r="B8936" t="s">
        <v>5593</v>
      </c>
      <c r="C8936" t="s">
        <v>5594</v>
      </c>
      <c r="D8936" t="s">
        <v>5595</v>
      </c>
      <c r="E8936" t="s">
        <v>5426</v>
      </c>
      <c r="F8936" t="s">
        <v>5427</v>
      </c>
      <c r="G8936" t="s">
        <v>80</v>
      </c>
      <c r="H8936" t="s">
        <v>81</v>
      </c>
      <c r="I8936" s="2">
        <v>0</v>
      </c>
      <c r="J8936" s="2">
        <v>1</v>
      </c>
      <c r="K8936" s="2">
        <v>0</v>
      </c>
      <c r="L8936" t="s">
        <v>82</v>
      </c>
      <c r="M8936" t="s">
        <v>89</v>
      </c>
      <c r="N8936" t="s">
        <v>90</v>
      </c>
      <c r="O8936" t="s">
        <v>85</v>
      </c>
      <c r="P8936" t="s">
        <v>86</v>
      </c>
      <c r="Q8936">
        <v>69</v>
      </c>
      <c r="R8936">
        <v>71</v>
      </c>
      <c r="S8936">
        <v>73</v>
      </c>
      <c r="T8936">
        <v>76</v>
      </c>
      <c r="U8936">
        <v>78</v>
      </c>
      <c r="V8936">
        <v>81</v>
      </c>
      <c r="W8936">
        <v>83</v>
      </c>
      <c r="X8936">
        <v>85</v>
      </c>
      <c r="Y8936">
        <v>88</v>
      </c>
      <c r="Z8936">
        <v>90</v>
      </c>
      <c r="AA8936">
        <v>93</v>
      </c>
      <c r="AB8936">
        <v>95</v>
      </c>
      <c r="AC8936">
        <v>97</v>
      </c>
      <c r="AD8936">
        <v>100</v>
      </c>
      <c r="AE8936">
        <v>102</v>
      </c>
      <c r="AF8936">
        <v>103</v>
      </c>
      <c r="AG8936">
        <v>104</v>
      </c>
      <c r="AH8936">
        <v>105</v>
      </c>
      <c r="AI8936">
        <v>107</v>
      </c>
      <c r="AJ8936">
        <v>108</v>
      </c>
      <c r="AK8936">
        <v>109</v>
      </c>
      <c r="AL8936">
        <v>110</v>
      </c>
      <c r="AM8936">
        <v>111</v>
      </c>
      <c r="AN8936">
        <v>112</v>
      </c>
      <c r="AO8936">
        <v>114</v>
      </c>
      <c r="AP8936">
        <v>115</v>
      </c>
      <c r="AQ8936">
        <v>116</v>
      </c>
    </row>
    <row r="8937" spans="1:43">
      <c r="A8937" t="s">
        <v>5592</v>
      </c>
      <c r="B8937" t="s">
        <v>5593</v>
      </c>
      <c r="C8937" t="s">
        <v>5594</v>
      </c>
      <c r="D8937" t="s">
        <v>5595</v>
      </c>
      <c r="E8937" t="s">
        <v>5426</v>
      </c>
      <c r="F8937" t="s">
        <v>5427</v>
      </c>
      <c r="G8937" t="s">
        <v>80</v>
      </c>
      <c r="H8937" t="s">
        <v>81</v>
      </c>
      <c r="I8937" s="2">
        <v>0</v>
      </c>
      <c r="J8937" s="2">
        <v>1</v>
      </c>
      <c r="K8937" s="2">
        <v>0</v>
      </c>
      <c r="L8937" t="s">
        <v>82</v>
      </c>
      <c r="M8937" t="s">
        <v>83</v>
      </c>
      <c r="N8937" t="s">
        <v>91</v>
      </c>
      <c r="O8937" t="s">
        <v>85</v>
      </c>
      <c r="P8937" t="s">
        <v>86</v>
      </c>
      <c r="Q8937">
        <v>69</v>
      </c>
      <c r="R8937">
        <v>71</v>
      </c>
      <c r="S8937">
        <v>72</v>
      </c>
      <c r="T8937">
        <v>74</v>
      </c>
      <c r="U8937">
        <v>76</v>
      </c>
      <c r="V8937">
        <v>78</v>
      </c>
      <c r="W8937">
        <v>80</v>
      </c>
      <c r="X8937">
        <v>82</v>
      </c>
      <c r="Y8937">
        <v>84</v>
      </c>
      <c r="Z8937">
        <v>86</v>
      </c>
      <c r="AA8937">
        <v>88</v>
      </c>
      <c r="AB8937">
        <v>90</v>
      </c>
      <c r="AC8937">
        <v>92</v>
      </c>
      <c r="AD8937">
        <v>94</v>
      </c>
      <c r="AE8937">
        <v>96</v>
      </c>
      <c r="AF8937">
        <v>98</v>
      </c>
      <c r="AG8937">
        <v>100</v>
      </c>
      <c r="AH8937">
        <v>102</v>
      </c>
      <c r="AI8937">
        <v>104</v>
      </c>
      <c r="AJ8937">
        <v>107</v>
      </c>
      <c r="AK8937">
        <v>109</v>
      </c>
      <c r="AL8937">
        <v>111</v>
      </c>
      <c r="AM8937">
        <v>112</v>
      </c>
      <c r="AN8937">
        <v>113</v>
      </c>
      <c r="AO8937">
        <v>114</v>
      </c>
      <c r="AP8937">
        <v>115</v>
      </c>
      <c r="AQ8937">
        <v>116</v>
      </c>
    </row>
    <row r="8938" spans="1:43">
      <c r="A8938" t="s">
        <v>5596</v>
      </c>
      <c r="B8938" t="s">
        <v>5597</v>
      </c>
      <c r="C8938" t="s">
        <v>5464</v>
      </c>
      <c r="D8938" t="s">
        <v>5465</v>
      </c>
      <c r="E8938" t="s">
        <v>5426</v>
      </c>
      <c r="F8938" t="s">
        <v>5427</v>
      </c>
      <c r="G8938" t="s">
        <v>80</v>
      </c>
      <c r="H8938" t="s">
        <v>81</v>
      </c>
      <c r="I8938" s="2">
        <v>0</v>
      </c>
      <c r="J8938" s="2">
        <v>1</v>
      </c>
      <c r="K8938" s="2">
        <v>0</v>
      </c>
      <c r="L8938" t="s">
        <v>82</v>
      </c>
      <c r="M8938" t="s">
        <v>83</v>
      </c>
      <c r="N8938" t="s">
        <v>84</v>
      </c>
      <c r="O8938" t="s">
        <v>85</v>
      </c>
      <c r="P8938" t="s">
        <v>86</v>
      </c>
      <c r="Q8938">
        <v>103</v>
      </c>
      <c r="R8938">
        <v>105</v>
      </c>
      <c r="S8938">
        <v>108</v>
      </c>
      <c r="T8938">
        <v>111</v>
      </c>
      <c r="U8938">
        <v>113</v>
      </c>
      <c r="V8938">
        <v>116</v>
      </c>
      <c r="W8938">
        <v>119</v>
      </c>
      <c r="X8938">
        <v>122</v>
      </c>
      <c r="Y8938">
        <v>125</v>
      </c>
      <c r="Z8938">
        <v>128</v>
      </c>
      <c r="AA8938">
        <v>131</v>
      </c>
      <c r="AB8938">
        <v>134</v>
      </c>
      <c r="AC8938">
        <v>137</v>
      </c>
      <c r="AD8938">
        <v>140</v>
      </c>
      <c r="AE8938">
        <v>143</v>
      </c>
      <c r="AF8938">
        <v>146</v>
      </c>
      <c r="AG8938">
        <v>149</v>
      </c>
      <c r="AH8938">
        <v>152</v>
      </c>
      <c r="AI8938">
        <v>156</v>
      </c>
      <c r="AJ8938">
        <v>159</v>
      </c>
      <c r="AK8938">
        <v>162</v>
      </c>
      <c r="AL8938">
        <v>165</v>
      </c>
      <c r="AM8938">
        <v>166</v>
      </c>
      <c r="AN8938">
        <v>168</v>
      </c>
      <c r="AO8938">
        <v>170</v>
      </c>
      <c r="AP8938">
        <v>172</v>
      </c>
      <c r="AQ8938">
        <v>174</v>
      </c>
    </row>
    <row r="8939" spans="1:43">
      <c r="A8939" t="s">
        <v>5596</v>
      </c>
      <c r="B8939" t="s">
        <v>5597</v>
      </c>
      <c r="C8939" t="s">
        <v>5464</v>
      </c>
      <c r="D8939" t="s">
        <v>5465</v>
      </c>
      <c r="E8939" t="s">
        <v>5426</v>
      </c>
      <c r="F8939" t="s">
        <v>5427</v>
      </c>
      <c r="G8939" t="s">
        <v>80</v>
      </c>
      <c r="H8939" t="s">
        <v>81</v>
      </c>
      <c r="I8939" s="2">
        <v>0</v>
      </c>
      <c r="J8939" s="2">
        <v>1</v>
      </c>
      <c r="K8939" s="2">
        <v>0</v>
      </c>
      <c r="L8939" t="s">
        <v>82</v>
      </c>
      <c r="M8939" t="s">
        <v>87</v>
      </c>
      <c r="N8939" t="s">
        <v>88</v>
      </c>
      <c r="O8939" t="s">
        <v>85</v>
      </c>
      <c r="P8939" t="s">
        <v>86</v>
      </c>
      <c r="Q8939">
        <v>103</v>
      </c>
      <c r="R8939">
        <v>104</v>
      </c>
      <c r="S8939">
        <v>106</v>
      </c>
      <c r="T8939">
        <v>108</v>
      </c>
      <c r="U8939">
        <v>109</v>
      </c>
      <c r="V8939">
        <v>111</v>
      </c>
      <c r="W8939">
        <v>113</v>
      </c>
      <c r="X8939">
        <v>115</v>
      </c>
      <c r="Y8939">
        <v>116</v>
      </c>
      <c r="Z8939">
        <v>118</v>
      </c>
      <c r="AA8939">
        <v>120</v>
      </c>
      <c r="AB8939">
        <v>122</v>
      </c>
      <c r="AC8939">
        <v>124</v>
      </c>
      <c r="AD8939">
        <v>126</v>
      </c>
      <c r="AE8939">
        <v>127</v>
      </c>
      <c r="AF8939">
        <v>129</v>
      </c>
      <c r="AG8939">
        <v>131</v>
      </c>
      <c r="AH8939">
        <v>133</v>
      </c>
      <c r="AI8939">
        <v>135</v>
      </c>
      <c r="AJ8939">
        <v>137</v>
      </c>
      <c r="AK8939">
        <v>139</v>
      </c>
      <c r="AL8939">
        <v>141</v>
      </c>
      <c r="AM8939">
        <v>143</v>
      </c>
      <c r="AN8939">
        <v>145</v>
      </c>
      <c r="AO8939">
        <v>147</v>
      </c>
      <c r="AP8939">
        <v>149</v>
      </c>
      <c r="AQ8939">
        <v>151</v>
      </c>
    </row>
    <row r="8940" spans="1:43">
      <c r="A8940" t="s">
        <v>5596</v>
      </c>
      <c r="B8940" t="s">
        <v>5597</v>
      </c>
      <c r="C8940" t="s">
        <v>5464</v>
      </c>
      <c r="D8940" t="s">
        <v>5465</v>
      </c>
      <c r="E8940" t="s">
        <v>5426</v>
      </c>
      <c r="F8940" t="s">
        <v>5427</v>
      </c>
      <c r="G8940" t="s">
        <v>80</v>
      </c>
      <c r="H8940" t="s">
        <v>81</v>
      </c>
      <c r="I8940" s="2">
        <v>0</v>
      </c>
      <c r="J8940" s="2">
        <v>1</v>
      </c>
      <c r="K8940" s="2">
        <v>0</v>
      </c>
      <c r="L8940" t="s">
        <v>82</v>
      </c>
      <c r="M8940" t="s">
        <v>89</v>
      </c>
      <c r="N8940" t="s">
        <v>90</v>
      </c>
      <c r="O8940" t="s">
        <v>85</v>
      </c>
      <c r="P8940" t="s">
        <v>86</v>
      </c>
      <c r="Q8940">
        <v>103</v>
      </c>
      <c r="R8940">
        <v>106</v>
      </c>
      <c r="S8940">
        <v>110</v>
      </c>
      <c r="T8940">
        <v>113</v>
      </c>
      <c r="U8940">
        <v>117</v>
      </c>
      <c r="V8940">
        <v>121</v>
      </c>
      <c r="W8940">
        <v>124</v>
      </c>
      <c r="X8940">
        <v>128</v>
      </c>
      <c r="Y8940">
        <v>131</v>
      </c>
      <c r="Z8940">
        <v>135</v>
      </c>
      <c r="AA8940">
        <v>138</v>
      </c>
      <c r="AB8940">
        <v>142</v>
      </c>
      <c r="AC8940">
        <v>146</v>
      </c>
      <c r="AD8940">
        <v>150</v>
      </c>
      <c r="AE8940">
        <v>152</v>
      </c>
      <c r="AF8940">
        <v>154</v>
      </c>
      <c r="AG8940">
        <v>156</v>
      </c>
      <c r="AH8940">
        <v>158</v>
      </c>
      <c r="AI8940">
        <v>159</v>
      </c>
      <c r="AJ8940">
        <v>161</v>
      </c>
      <c r="AK8940">
        <v>163</v>
      </c>
      <c r="AL8940">
        <v>165</v>
      </c>
      <c r="AM8940">
        <v>166</v>
      </c>
      <c r="AN8940">
        <v>168</v>
      </c>
      <c r="AO8940">
        <v>170</v>
      </c>
      <c r="AP8940">
        <v>172</v>
      </c>
      <c r="AQ8940">
        <v>173</v>
      </c>
    </row>
    <row r="8941" spans="1:43">
      <c r="A8941" t="s">
        <v>5596</v>
      </c>
      <c r="B8941" t="s">
        <v>5597</v>
      </c>
      <c r="C8941" t="s">
        <v>5464</v>
      </c>
      <c r="D8941" t="s">
        <v>5465</v>
      </c>
      <c r="E8941" t="s">
        <v>5426</v>
      </c>
      <c r="F8941" t="s">
        <v>5427</v>
      </c>
      <c r="G8941" t="s">
        <v>80</v>
      </c>
      <c r="H8941" t="s">
        <v>81</v>
      </c>
      <c r="I8941" s="2">
        <v>0</v>
      </c>
      <c r="J8941" s="2">
        <v>1</v>
      </c>
      <c r="K8941" s="2">
        <v>0</v>
      </c>
      <c r="L8941" t="s">
        <v>82</v>
      </c>
      <c r="M8941" t="s">
        <v>83</v>
      </c>
      <c r="N8941" t="s">
        <v>91</v>
      </c>
      <c r="O8941" t="s">
        <v>85</v>
      </c>
      <c r="P8941" t="s">
        <v>86</v>
      </c>
      <c r="Q8941">
        <v>103</v>
      </c>
      <c r="R8941">
        <v>105</v>
      </c>
      <c r="S8941">
        <v>108</v>
      </c>
      <c r="T8941">
        <v>111</v>
      </c>
      <c r="U8941">
        <v>113</v>
      </c>
      <c r="V8941">
        <v>116</v>
      </c>
      <c r="W8941">
        <v>119</v>
      </c>
      <c r="X8941">
        <v>122</v>
      </c>
      <c r="Y8941">
        <v>125</v>
      </c>
      <c r="Z8941">
        <v>128</v>
      </c>
      <c r="AA8941">
        <v>131</v>
      </c>
      <c r="AB8941">
        <v>134</v>
      </c>
      <c r="AC8941">
        <v>137</v>
      </c>
      <c r="AD8941">
        <v>140</v>
      </c>
      <c r="AE8941">
        <v>143</v>
      </c>
      <c r="AF8941">
        <v>146</v>
      </c>
      <c r="AG8941">
        <v>149</v>
      </c>
      <c r="AH8941">
        <v>152</v>
      </c>
      <c r="AI8941">
        <v>156</v>
      </c>
      <c r="AJ8941">
        <v>159</v>
      </c>
      <c r="AK8941">
        <v>162</v>
      </c>
      <c r="AL8941">
        <v>165</v>
      </c>
      <c r="AM8941">
        <v>166</v>
      </c>
      <c r="AN8941">
        <v>168</v>
      </c>
      <c r="AO8941">
        <v>170</v>
      </c>
      <c r="AP8941">
        <v>172</v>
      </c>
      <c r="AQ8941">
        <v>174</v>
      </c>
    </row>
    <row r="8942" spans="1:43">
      <c r="A8942" t="s">
        <v>5598</v>
      </c>
      <c r="B8942" t="s">
        <v>5599</v>
      </c>
      <c r="C8942" t="s">
        <v>5464</v>
      </c>
      <c r="D8942" t="s">
        <v>5465</v>
      </c>
      <c r="E8942" t="s">
        <v>5426</v>
      </c>
      <c r="F8942" t="s">
        <v>5427</v>
      </c>
      <c r="G8942" t="s">
        <v>80</v>
      </c>
      <c r="H8942" t="s">
        <v>81</v>
      </c>
      <c r="I8942" s="2">
        <v>0</v>
      </c>
      <c r="J8942" s="2">
        <v>1</v>
      </c>
      <c r="K8942" s="2">
        <v>0</v>
      </c>
      <c r="L8942" t="s">
        <v>82</v>
      </c>
      <c r="M8942" t="s">
        <v>83</v>
      </c>
      <c r="N8942" t="s">
        <v>84</v>
      </c>
      <c r="O8942" t="s">
        <v>85</v>
      </c>
      <c r="P8942" t="s">
        <v>86</v>
      </c>
      <c r="Q8942">
        <v>14</v>
      </c>
      <c r="R8942">
        <v>14</v>
      </c>
      <c r="S8942">
        <v>15</v>
      </c>
      <c r="T8942">
        <v>15</v>
      </c>
      <c r="U8942">
        <v>15</v>
      </c>
      <c r="V8942">
        <v>16</v>
      </c>
      <c r="W8942">
        <v>16</v>
      </c>
      <c r="X8942">
        <v>16</v>
      </c>
      <c r="Y8942">
        <v>17</v>
      </c>
      <c r="Z8942">
        <v>17</v>
      </c>
      <c r="AA8942">
        <v>18</v>
      </c>
      <c r="AB8942">
        <v>18</v>
      </c>
      <c r="AC8942">
        <v>18</v>
      </c>
      <c r="AD8942">
        <v>19</v>
      </c>
      <c r="AE8942">
        <v>19</v>
      </c>
      <c r="AF8942">
        <v>20</v>
      </c>
      <c r="AG8942">
        <v>20</v>
      </c>
      <c r="AH8942">
        <v>21</v>
      </c>
      <c r="AI8942">
        <v>21</v>
      </c>
      <c r="AJ8942">
        <v>22</v>
      </c>
      <c r="AK8942">
        <v>22</v>
      </c>
      <c r="AL8942">
        <v>22</v>
      </c>
      <c r="AM8942">
        <v>23</v>
      </c>
      <c r="AN8942">
        <v>23</v>
      </c>
      <c r="AO8942">
        <v>23</v>
      </c>
      <c r="AP8942">
        <v>23</v>
      </c>
      <c r="AQ8942">
        <v>23</v>
      </c>
    </row>
    <row r="8943" spans="1:43">
      <c r="A8943" t="s">
        <v>5598</v>
      </c>
      <c r="B8943" t="s">
        <v>5599</v>
      </c>
      <c r="C8943" t="s">
        <v>5464</v>
      </c>
      <c r="D8943" t="s">
        <v>5465</v>
      </c>
      <c r="E8943" t="s">
        <v>5426</v>
      </c>
      <c r="F8943" t="s">
        <v>5427</v>
      </c>
      <c r="G8943" t="s">
        <v>80</v>
      </c>
      <c r="H8943" t="s">
        <v>81</v>
      </c>
      <c r="I8943" s="2">
        <v>0</v>
      </c>
      <c r="J8943" s="2">
        <v>1</v>
      </c>
      <c r="K8943" s="2">
        <v>0</v>
      </c>
      <c r="L8943" t="s">
        <v>82</v>
      </c>
      <c r="M8943" t="s">
        <v>87</v>
      </c>
      <c r="N8943" t="s">
        <v>88</v>
      </c>
      <c r="O8943" t="s">
        <v>85</v>
      </c>
      <c r="P8943" t="s">
        <v>86</v>
      </c>
      <c r="Q8943">
        <v>14</v>
      </c>
      <c r="R8943">
        <v>14</v>
      </c>
      <c r="S8943">
        <v>14</v>
      </c>
      <c r="T8943">
        <v>14</v>
      </c>
      <c r="U8943">
        <v>15</v>
      </c>
      <c r="V8943">
        <v>15</v>
      </c>
      <c r="W8943">
        <v>15</v>
      </c>
      <c r="X8943">
        <v>15</v>
      </c>
      <c r="Y8943">
        <v>16</v>
      </c>
      <c r="Z8943">
        <v>16</v>
      </c>
      <c r="AA8943">
        <v>16</v>
      </c>
      <c r="AB8943">
        <v>16</v>
      </c>
      <c r="AC8943">
        <v>17</v>
      </c>
      <c r="AD8943">
        <v>17</v>
      </c>
      <c r="AE8943">
        <v>17</v>
      </c>
      <c r="AF8943">
        <v>17</v>
      </c>
      <c r="AG8943">
        <v>18</v>
      </c>
      <c r="AH8943">
        <v>18</v>
      </c>
      <c r="AI8943">
        <v>18</v>
      </c>
      <c r="AJ8943">
        <v>18</v>
      </c>
      <c r="AK8943">
        <v>19</v>
      </c>
      <c r="AL8943">
        <v>19</v>
      </c>
      <c r="AM8943">
        <v>19</v>
      </c>
      <c r="AN8943">
        <v>20</v>
      </c>
      <c r="AO8943">
        <v>20</v>
      </c>
      <c r="AP8943">
        <v>20</v>
      </c>
      <c r="AQ8943">
        <v>20</v>
      </c>
    </row>
    <row r="8944" spans="1:43">
      <c r="A8944" t="s">
        <v>5598</v>
      </c>
      <c r="B8944" t="s">
        <v>5599</v>
      </c>
      <c r="C8944" t="s">
        <v>5464</v>
      </c>
      <c r="D8944" t="s">
        <v>5465</v>
      </c>
      <c r="E8944" t="s">
        <v>5426</v>
      </c>
      <c r="F8944" t="s">
        <v>5427</v>
      </c>
      <c r="G8944" t="s">
        <v>80</v>
      </c>
      <c r="H8944" t="s">
        <v>81</v>
      </c>
      <c r="I8944" s="2">
        <v>0</v>
      </c>
      <c r="J8944" s="2">
        <v>1</v>
      </c>
      <c r="K8944" s="2">
        <v>0</v>
      </c>
      <c r="L8944" t="s">
        <v>82</v>
      </c>
      <c r="M8944" t="s">
        <v>89</v>
      </c>
      <c r="N8944" t="s">
        <v>90</v>
      </c>
      <c r="O8944" t="s">
        <v>85</v>
      </c>
      <c r="P8944" t="s">
        <v>86</v>
      </c>
      <c r="Q8944">
        <v>14</v>
      </c>
      <c r="R8944">
        <v>14</v>
      </c>
      <c r="S8944">
        <v>15</v>
      </c>
      <c r="T8944">
        <v>15</v>
      </c>
      <c r="U8944">
        <v>16</v>
      </c>
      <c r="V8944">
        <v>16</v>
      </c>
      <c r="W8944">
        <v>17</v>
      </c>
      <c r="X8944">
        <v>17</v>
      </c>
      <c r="Y8944">
        <v>18</v>
      </c>
      <c r="Z8944">
        <v>18</v>
      </c>
      <c r="AA8944">
        <v>19</v>
      </c>
      <c r="AB8944">
        <v>19</v>
      </c>
      <c r="AC8944">
        <v>20</v>
      </c>
      <c r="AD8944">
        <v>20</v>
      </c>
      <c r="AE8944">
        <v>21</v>
      </c>
      <c r="AF8944">
        <v>21</v>
      </c>
      <c r="AG8944">
        <v>21</v>
      </c>
      <c r="AH8944">
        <v>21</v>
      </c>
      <c r="AI8944">
        <v>22</v>
      </c>
      <c r="AJ8944">
        <v>22</v>
      </c>
      <c r="AK8944">
        <v>22</v>
      </c>
      <c r="AL8944">
        <v>22</v>
      </c>
      <c r="AM8944">
        <v>23</v>
      </c>
      <c r="AN8944">
        <v>23</v>
      </c>
      <c r="AO8944">
        <v>23</v>
      </c>
      <c r="AP8944">
        <v>23</v>
      </c>
      <c r="AQ8944">
        <v>24</v>
      </c>
    </row>
    <row r="8945" spans="1:43">
      <c r="A8945" t="s">
        <v>5598</v>
      </c>
      <c r="B8945" t="s">
        <v>5599</v>
      </c>
      <c r="C8945" t="s">
        <v>5464</v>
      </c>
      <c r="D8945" t="s">
        <v>5465</v>
      </c>
      <c r="E8945" t="s">
        <v>5426</v>
      </c>
      <c r="F8945" t="s">
        <v>5427</v>
      </c>
      <c r="G8945" t="s">
        <v>80</v>
      </c>
      <c r="H8945" t="s">
        <v>81</v>
      </c>
      <c r="I8945" s="2">
        <v>0</v>
      </c>
      <c r="J8945" s="2">
        <v>1</v>
      </c>
      <c r="K8945" s="2">
        <v>0</v>
      </c>
      <c r="L8945" t="s">
        <v>82</v>
      </c>
      <c r="M8945" t="s">
        <v>83</v>
      </c>
      <c r="N8945" t="s">
        <v>91</v>
      </c>
      <c r="O8945" t="s">
        <v>85</v>
      </c>
      <c r="P8945" t="s">
        <v>86</v>
      </c>
      <c r="Q8945">
        <v>14</v>
      </c>
      <c r="R8945">
        <v>14</v>
      </c>
      <c r="S8945">
        <v>15</v>
      </c>
      <c r="T8945">
        <v>15</v>
      </c>
      <c r="U8945">
        <v>15</v>
      </c>
      <c r="V8945">
        <v>16</v>
      </c>
      <c r="W8945">
        <v>16</v>
      </c>
      <c r="X8945">
        <v>16</v>
      </c>
      <c r="Y8945">
        <v>17</v>
      </c>
      <c r="Z8945">
        <v>17</v>
      </c>
      <c r="AA8945">
        <v>18</v>
      </c>
      <c r="AB8945">
        <v>18</v>
      </c>
      <c r="AC8945">
        <v>18</v>
      </c>
      <c r="AD8945">
        <v>19</v>
      </c>
      <c r="AE8945">
        <v>19</v>
      </c>
      <c r="AF8945">
        <v>20</v>
      </c>
      <c r="AG8945">
        <v>20</v>
      </c>
      <c r="AH8945">
        <v>21</v>
      </c>
      <c r="AI8945">
        <v>21</v>
      </c>
      <c r="AJ8945">
        <v>22</v>
      </c>
      <c r="AK8945">
        <v>22</v>
      </c>
      <c r="AL8945">
        <v>22</v>
      </c>
      <c r="AM8945">
        <v>23</v>
      </c>
      <c r="AN8945">
        <v>23</v>
      </c>
      <c r="AO8945">
        <v>23</v>
      </c>
      <c r="AP8945">
        <v>23</v>
      </c>
      <c r="AQ8945">
        <v>23</v>
      </c>
    </row>
    <row r="8946" spans="1:43">
      <c r="A8946" t="s">
        <v>5600</v>
      </c>
      <c r="B8946" t="s">
        <v>5601</v>
      </c>
      <c r="C8946" t="s">
        <v>5588</v>
      </c>
      <c r="D8946" t="s">
        <v>5589</v>
      </c>
      <c r="E8946" t="s">
        <v>5426</v>
      </c>
      <c r="F8946" t="s">
        <v>5427</v>
      </c>
      <c r="G8946" t="s">
        <v>80</v>
      </c>
      <c r="H8946" t="s">
        <v>81</v>
      </c>
      <c r="I8946" s="2">
        <v>0</v>
      </c>
      <c r="J8946" s="2">
        <v>1</v>
      </c>
      <c r="K8946" s="2">
        <v>0</v>
      </c>
      <c r="L8946" t="s">
        <v>82</v>
      </c>
      <c r="M8946" t="s">
        <v>83</v>
      </c>
      <c r="N8946" t="s">
        <v>84</v>
      </c>
      <c r="O8946" t="s">
        <v>85</v>
      </c>
      <c r="P8946" t="s">
        <v>86</v>
      </c>
      <c r="Q8946">
        <v>78</v>
      </c>
      <c r="R8946">
        <v>80</v>
      </c>
      <c r="S8946">
        <v>82</v>
      </c>
      <c r="T8946">
        <v>84</v>
      </c>
      <c r="U8946">
        <v>86</v>
      </c>
      <c r="V8946">
        <v>88</v>
      </c>
      <c r="W8946">
        <v>90</v>
      </c>
      <c r="X8946">
        <v>92</v>
      </c>
      <c r="Y8946">
        <v>94</v>
      </c>
      <c r="Z8946">
        <v>96</v>
      </c>
      <c r="AA8946">
        <v>99</v>
      </c>
      <c r="AB8946">
        <v>101</v>
      </c>
      <c r="AC8946">
        <v>103</v>
      </c>
      <c r="AD8946">
        <v>106</v>
      </c>
      <c r="AE8946">
        <v>108</v>
      </c>
      <c r="AF8946">
        <v>110</v>
      </c>
      <c r="AG8946">
        <v>113</v>
      </c>
      <c r="AH8946">
        <v>115</v>
      </c>
      <c r="AI8946">
        <v>118</v>
      </c>
      <c r="AJ8946">
        <v>120</v>
      </c>
      <c r="AK8946">
        <v>123</v>
      </c>
      <c r="AL8946">
        <v>125</v>
      </c>
      <c r="AM8946">
        <v>126</v>
      </c>
      <c r="AN8946">
        <v>127</v>
      </c>
      <c r="AO8946">
        <v>129</v>
      </c>
      <c r="AP8946">
        <v>130</v>
      </c>
      <c r="AQ8946">
        <v>131</v>
      </c>
    </row>
    <row r="8947" spans="1:43">
      <c r="A8947" t="s">
        <v>5600</v>
      </c>
      <c r="B8947" t="s">
        <v>5601</v>
      </c>
      <c r="C8947" t="s">
        <v>5588</v>
      </c>
      <c r="D8947" t="s">
        <v>5589</v>
      </c>
      <c r="E8947" t="s">
        <v>5426</v>
      </c>
      <c r="F8947" t="s">
        <v>5427</v>
      </c>
      <c r="G8947" t="s">
        <v>80</v>
      </c>
      <c r="H8947" t="s">
        <v>81</v>
      </c>
      <c r="I8947" s="2">
        <v>0</v>
      </c>
      <c r="J8947" s="2">
        <v>1</v>
      </c>
      <c r="K8947" s="2">
        <v>0</v>
      </c>
      <c r="L8947" t="s">
        <v>82</v>
      </c>
      <c r="M8947" t="s">
        <v>87</v>
      </c>
      <c r="N8947" t="s">
        <v>88</v>
      </c>
      <c r="O8947" t="s">
        <v>85</v>
      </c>
      <c r="P8947" t="s">
        <v>86</v>
      </c>
      <c r="Q8947">
        <v>78</v>
      </c>
      <c r="R8947">
        <v>79</v>
      </c>
      <c r="S8947">
        <v>80</v>
      </c>
      <c r="T8947">
        <v>82</v>
      </c>
      <c r="U8947">
        <v>83</v>
      </c>
      <c r="V8947">
        <v>84</v>
      </c>
      <c r="W8947">
        <v>85</v>
      </c>
      <c r="X8947">
        <v>87</v>
      </c>
      <c r="Y8947">
        <v>88</v>
      </c>
      <c r="Z8947">
        <v>89</v>
      </c>
      <c r="AA8947">
        <v>91</v>
      </c>
      <c r="AB8947">
        <v>92</v>
      </c>
      <c r="AC8947">
        <v>94</v>
      </c>
      <c r="AD8947">
        <v>95</v>
      </c>
      <c r="AE8947">
        <v>96</v>
      </c>
      <c r="AF8947">
        <v>98</v>
      </c>
      <c r="AG8947">
        <v>99</v>
      </c>
      <c r="AH8947">
        <v>101</v>
      </c>
      <c r="AI8947">
        <v>102</v>
      </c>
      <c r="AJ8947">
        <v>104</v>
      </c>
      <c r="AK8947">
        <v>105</v>
      </c>
      <c r="AL8947">
        <v>107</v>
      </c>
      <c r="AM8947">
        <v>108</v>
      </c>
      <c r="AN8947">
        <v>110</v>
      </c>
      <c r="AO8947">
        <v>112</v>
      </c>
      <c r="AP8947">
        <v>113</v>
      </c>
      <c r="AQ8947">
        <v>115</v>
      </c>
    </row>
    <row r="8948" spans="1:43">
      <c r="A8948" t="s">
        <v>5600</v>
      </c>
      <c r="B8948" t="s">
        <v>5601</v>
      </c>
      <c r="C8948" t="s">
        <v>5588</v>
      </c>
      <c r="D8948" t="s">
        <v>5589</v>
      </c>
      <c r="E8948" t="s">
        <v>5426</v>
      </c>
      <c r="F8948" t="s">
        <v>5427</v>
      </c>
      <c r="G8948" t="s">
        <v>80</v>
      </c>
      <c r="H8948" t="s">
        <v>81</v>
      </c>
      <c r="I8948" s="2">
        <v>0</v>
      </c>
      <c r="J8948" s="2">
        <v>1</v>
      </c>
      <c r="K8948" s="2">
        <v>0</v>
      </c>
      <c r="L8948" t="s">
        <v>82</v>
      </c>
      <c r="M8948" t="s">
        <v>89</v>
      </c>
      <c r="N8948" t="s">
        <v>90</v>
      </c>
      <c r="O8948" t="s">
        <v>85</v>
      </c>
      <c r="P8948" t="s">
        <v>86</v>
      </c>
      <c r="Q8948">
        <v>78</v>
      </c>
      <c r="R8948">
        <v>81</v>
      </c>
      <c r="S8948">
        <v>84</v>
      </c>
      <c r="T8948">
        <v>86</v>
      </c>
      <c r="U8948">
        <v>89</v>
      </c>
      <c r="V8948">
        <v>92</v>
      </c>
      <c r="W8948">
        <v>95</v>
      </c>
      <c r="X8948">
        <v>97</v>
      </c>
      <c r="Y8948">
        <v>100</v>
      </c>
      <c r="Z8948">
        <v>103</v>
      </c>
      <c r="AA8948">
        <v>105</v>
      </c>
      <c r="AB8948">
        <v>108</v>
      </c>
      <c r="AC8948">
        <v>111</v>
      </c>
      <c r="AD8948">
        <v>114</v>
      </c>
      <c r="AE8948">
        <v>116</v>
      </c>
      <c r="AF8948">
        <v>117</v>
      </c>
      <c r="AG8948">
        <v>119</v>
      </c>
      <c r="AH8948">
        <v>120</v>
      </c>
      <c r="AI8948">
        <v>121</v>
      </c>
      <c r="AJ8948">
        <v>123</v>
      </c>
      <c r="AK8948">
        <v>124</v>
      </c>
      <c r="AL8948">
        <v>125</v>
      </c>
      <c r="AM8948">
        <v>126</v>
      </c>
      <c r="AN8948">
        <v>128</v>
      </c>
      <c r="AO8948">
        <v>129</v>
      </c>
      <c r="AP8948">
        <v>130</v>
      </c>
      <c r="AQ8948">
        <v>132</v>
      </c>
    </row>
    <row r="8949" spans="1:43">
      <c r="A8949" t="s">
        <v>5600</v>
      </c>
      <c r="B8949" t="s">
        <v>5601</v>
      </c>
      <c r="C8949" t="s">
        <v>5588</v>
      </c>
      <c r="D8949" t="s">
        <v>5589</v>
      </c>
      <c r="E8949" t="s">
        <v>5426</v>
      </c>
      <c r="F8949" t="s">
        <v>5427</v>
      </c>
      <c r="G8949" t="s">
        <v>80</v>
      </c>
      <c r="H8949" t="s">
        <v>81</v>
      </c>
      <c r="I8949" s="2">
        <v>0</v>
      </c>
      <c r="J8949" s="2">
        <v>1</v>
      </c>
      <c r="K8949" s="2">
        <v>0</v>
      </c>
      <c r="L8949" t="s">
        <v>82</v>
      </c>
      <c r="M8949" t="s">
        <v>83</v>
      </c>
      <c r="N8949" t="s">
        <v>91</v>
      </c>
      <c r="O8949" t="s">
        <v>85</v>
      </c>
      <c r="P8949" t="s">
        <v>86</v>
      </c>
      <c r="Q8949">
        <v>78</v>
      </c>
      <c r="R8949">
        <v>80</v>
      </c>
      <c r="S8949">
        <v>82</v>
      </c>
      <c r="T8949">
        <v>84</v>
      </c>
      <c r="U8949">
        <v>86</v>
      </c>
      <c r="V8949">
        <v>88</v>
      </c>
      <c r="W8949">
        <v>90</v>
      </c>
      <c r="X8949">
        <v>92</v>
      </c>
      <c r="Y8949">
        <v>94</v>
      </c>
      <c r="Z8949">
        <v>96</v>
      </c>
      <c r="AA8949">
        <v>99</v>
      </c>
      <c r="AB8949">
        <v>101</v>
      </c>
      <c r="AC8949">
        <v>103</v>
      </c>
      <c r="AD8949">
        <v>106</v>
      </c>
      <c r="AE8949">
        <v>108</v>
      </c>
      <c r="AF8949">
        <v>110</v>
      </c>
      <c r="AG8949">
        <v>113</v>
      </c>
      <c r="AH8949">
        <v>115</v>
      </c>
      <c r="AI8949">
        <v>118</v>
      </c>
      <c r="AJ8949">
        <v>120</v>
      </c>
      <c r="AK8949">
        <v>123</v>
      </c>
      <c r="AL8949">
        <v>125</v>
      </c>
      <c r="AM8949">
        <v>126</v>
      </c>
      <c r="AN8949">
        <v>127</v>
      </c>
      <c r="AO8949">
        <v>129</v>
      </c>
      <c r="AP8949">
        <v>130</v>
      </c>
      <c r="AQ8949">
        <v>131</v>
      </c>
    </row>
    <row r="8950" spans="1:43">
      <c r="A8950" t="s">
        <v>5602</v>
      </c>
      <c r="B8950" t="s">
        <v>5603</v>
      </c>
      <c r="C8950" t="s">
        <v>5604</v>
      </c>
      <c r="D8950" t="s">
        <v>5605</v>
      </c>
      <c r="E8950" t="s">
        <v>5426</v>
      </c>
      <c r="F8950" t="s">
        <v>5427</v>
      </c>
      <c r="G8950" t="s">
        <v>80</v>
      </c>
      <c r="H8950" t="s">
        <v>81</v>
      </c>
      <c r="I8950" s="2">
        <v>0</v>
      </c>
      <c r="J8950" s="2">
        <v>1</v>
      </c>
      <c r="K8950" s="2">
        <v>0</v>
      </c>
      <c r="L8950" t="s">
        <v>82</v>
      </c>
      <c r="M8950" t="s">
        <v>83</v>
      </c>
      <c r="N8950" t="s">
        <v>84</v>
      </c>
      <c r="O8950" t="s">
        <v>85</v>
      </c>
      <c r="P8950" t="s">
        <v>86</v>
      </c>
      <c r="Q8950">
        <v>49</v>
      </c>
      <c r="R8950">
        <v>51</v>
      </c>
      <c r="S8950">
        <v>52</v>
      </c>
      <c r="T8950">
        <v>53</v>
      </c>
      <c r="U8950">
        <v>54</v>
      </c>
      <c r="V8950">
        <v>56</v>
      </c>
      <c r="W8950">
        <v>57</v>
      </c>
      <c r="X8950">
        <v>58</v>
      </c>
      <c r="Y8950">
        <v>60</v>
      </c>
      <c r="Z8950">
        <v>61</v>
      </c>
      <c r="AA8950">
        <v>63</v>
      </c>
      <c r="AB8950">
        <v>64</v>
      </c>
      <c r="AC8950">
        <v>66</v>
      </c>
      <c r="AD8950">
        <v>67</v>
      </c>
      <c r="AE8950">
        <v>68</v>
      </c>
      <c r="AF8950">
        <v>70</v>
      </c>
      <c r="AG8950">
        <v>71</v>
      </c>
      <c r="AH8950">
        <v>73</v>
      </c>
      <c r="AI8950">
        <v>75</v>
      </c>
      <c r="AJ8950">
        <v>76</v>
      </c>
      <c r="AK8950">
        <v>78</v>
      </c>
      <c r="AL8950">
        <v>79</v>
      </c>
      <c r="AM8950">
        <v>80</v>
      </c>
      <c r="AN8950">
        <v>80</v>
      </c>
      <c r="AO8950">
        <v>81</v>
      </c>
      <c r="AP8950">
        <v>82</v>
      </c>
      <c r="AQ8950">
        <v>83</v>
      </c>
    </row>
    <row r="8951" spans="1:43">
      <c r="A8951" t="s">
        <v>5602</v>
      </c>
      <c r="B8951" t="s">
        <v>5603</v>
      </c>
      <c r="C8951" t="s">
        <v>5604</v>
      </c>
      <c r="D8951" t="s">
        <v>5605</v>
      </c>
      <c r="E8951" t="s">
        <v>5426</v>
      </c>
      <c r="F8951" t="s">
        <v>5427</v>
      </c>
      <c r="G8951" t="s">
        <v>80</v>
      </c>
      <c r="H8951" t="s">
        <v>81</v>
      </c>
      <c r="I8951" s="2">
        <v>0</v>
      </c>
      <c r="J8951" s="2">
        <v>1</v>
      </c>
      <c r="K8951" s="2">
        <v>0</v>
      </c>
      <c r="L8951" t="s">
        <v>82</v>
      </c>
      <c r="M8951" t="s">
        <v>87</v>
      </c>
      <c r="N8951" t="s">
        <v>88</v>
      </c>
      <c r="O8951" t="s">
        <v>85</v>
      </c>
      <c r="P8951" t="s">
        <v>86</v>
      </c>
      <c r="Q8951">
        <v>49</v>
      </c>
      <c r="R8951">
        <v>50</v>
      </c>
      <c r="S8951">
        <v>50</v>
      </c>
      <c r="T8951">
        <v>51</v>
      </c>
      <c r="U8951">
        <v>52</v>
      </c>
      <c r="V8951">
        <v>53</v>
      </c>
      <c r="W8951">
        <v>54</v>
      </c>
      <c r="X8951">
        <v>54</v>
      </c>
      <c r="Y8951">
        <v>55</v>
      </c>
      <c r="Z8951">
        <v>56</v>
      </c>
      <c r="AA8951">
        <v>57</v>
      </c>
      <c r="AB8951">
        <v>58</v>
      </c>
      <c r="AC8951">
        <v>59</v>
      </c>
      <c r="AD8951">
        <v>60</v>
      </c>
      <c r="AE8951">
        <v>61</v>
      </c>
      <c r="AF8951">
        <v>61</v>
      </c>
      <c r="AG8951">
        <v>62</v>
      </c>
      <c r="AH8951">
        <v>63</v>
      </c>
      <c r="AI8951">
        <v>64</v>
      </c>
      <c r="AJ8951">
        <v>65</v>
      </c>
      <c r="AK8951">
        <v>66</v>
      </c>
      <c r="AL8951">
        <v>67</v>
      </c>
      <c r="AM8951">
        <v>68</v>
      </c>
      <c r="AN8951">
        <v>69</v>
      </c>
      <c r="AO8951">
        <v>70</v>
      </c>
      <c r="AP8951">
        <v>71</v>
      </c>
      <c r="AQ8951">
        <v>72</v>
      </c>
    </row>
    <row r="8952" spans="1:43">
      <c r="A8952" t="s">
        <v>5602</v>
      </c>
      <c r="B8952" t="s">
        <v>5603</v>
      </c>
      <c r="C8952" t="s">
        <v>5604</v>
      </c>
      <c r="D8952" t="s">
        <v>5605</v>
      </c>
      <c r="E8952" t="s">
        <v>5426</v>
      </c>
      <c r="F8952" t="s">
        <v>5427</v>
      </c>
      <c r="G8952" t="s">
        <v>80</v>
      </c>
      <c r="H8952" t="s">
        <v>81</v>
      </c>
      <c r="I8952" s="2">
        <v>0</v>
      </c>
      <c r="J8952" s="2">
        <v>1</v>
      </c>
      <c r="K8952" s="2">
        <v>0</v>
      </c>
      <c r="L8952" t="s">
        <v>82</v>
      </c>
      <c r="M8952" t="s">
        <v>89</v>
      </c>
      <c r="N8952" t="s">
        <v>90</v>
      </c>
      <c r="O8952" t="s">
        <v>85</v>
      </c>
      <c r="P8952" t="s">
        <v>86</v>
      </c>
      <c r="Q8952">
        <v>49</v>
      </c>
      <c r="R8952">
        <v>50</v>
      </c>
      <c r="S8952">
        <v>52</v>
      </c>
      <c r="T8952">
        <v>54</v>
      </c>
      <c r="U8952">
        <v>56</v>
      </c>
      <c r="V8952">
        <v>57</v>
      </c>
      <c r="W8952">
        <v>59</v>
      </c>
      <c r="X8952">
        <v>61</v>
      </c>
      <c r="Y8952">
        <v>62</v>
      </c>
      <c r="Z8952">
        <v>64</v>
      </c>
      <c r="AA8952">
        <v>66</v>
      </c>
      <c r="AB8952">
        <v>67</v>
      </c>
      <c r="AC8952">
        <v>69</v>
      </c>
      <c r="AD8952">
        <v>71</v>
      </c>
      <c r="AE8952">
        <v>72</v>
      </c>
      <c r="AF8952">
        <v>73</v>
      </c>
      <c r="AG8952">
        <v>74</v>
      </c>
      <c r="AH8952">
        <v>75</v>
      </c>
      <c r="AI8952">
        <v>76</v>
      </c>
      <c r="AJ8952">
        <v>77</v>
      </c>
      <c r="AK8952">
        <v>77</v>
      </c>
      <c r="AL8952">
        <v>78</v>
      </c>
      <c r="AM8952">
        <v>79</v>
      </c>
      <c r="AN8952">
        <v>80</v>
      </c>
      <c r="AO8952">
        <v>81</v>
      </c>
      <c r="AP8952">
        <v>82</v>
      </c>
      <c r="AQ8952">
        <v>82</v>
      </c>
    </row>
    <row r="8953" spans="1:43">
      <c r="A8953" t="s">
        <v>5602</v>
      </c>
      <c r="B8953" t="s">
        <v>5603</v>
      </c>
      <c r="C8953" t="s">
        <v>5604</v>
      </c>
      <c r="D8953" t="s">
        <v>5605</v>
      </c>
      <c r="E8953" t="s">
        <v>5426</v>
      </c>
      <c r="F8953" t="s">
        <v>5427</v>
      </c>
      <c r="G8953" t="s">
        <v>80</v>
      </c>
      <c r="H8953" t="s">
        <v>81</v>
      </c>
      <c r="I8953" s="2">
        <v>0</v>
      </c>
      <c r="J8953" s="2">
        <v>1</v>
      </c>
      <c r="K8953" s="2">
        <v>0</v>
      </c>
      <c r="L8953" t="s">
        <v>82</v>
      </c>
      <c r="M8953" t="s">
        <v>83</v>
      </c>
      <c r="N8953" t="s">
        <v>91</v>
      </c>
      <c r="O8953" t="s">
        <v>85</v>
      </c>
      <c r="P8953" t="s">
        <v>86</v>
      </c>
      <c r="Q8953">
        <v>49</v>
      </c>
      <c r="R8953">
        <v>51</v>
      </c>
      <c r="S8953">
        <v>52</v>
      </c>
      <c r="T8953">
        <v>53</v>
      </c>
      <c r="U8953">
        <v>54</v>
      </c>
      <c r="V8953">
        <v>56</v>
      </c>
      <c r="W8953">
        <v>57</v>
      </c>
      <c r="X8953">
        <v>58</v>
      </c>
      <c r="Y8953">
        <v>60</v>
      </c>
      <c r="Z8953">
        <v>61</v>
      </c>
      <c r="AA8953">
        <v>63</v>
      </c>
      <c r="AB8953">
        <v>64</v>
      </c>
      <c r="AC8953">
        <v>66</v>
      </c>
      <c r="AD8953">
        <v>67</v>
      </c>
      <c r="AE8953">
        <v>68</v>
      </c>
      <c r="AF8953">
        <v>70</v>
      </c>
      <c r="AG8953">
        <v>71</v>
      </c>
      <c r="AH8953">
        <v>73</v>
      </c>
      <c r="AI8953">
        <v>75</v>
      </c>
      <c r="AJ8953">
        <v>76</v>
      </c>
      <c r="AK8953">
        <v>78</v>
      </c>
      <c r="AL8953">
        <v>79</v>
      </c>
      <c r="AM8953">
        <v>80</v>
      </c>
      <c r="AN8953">
        <v>80</v>
      </c>
      <c r="AO8953">
        <v>81</v>
      </c>
      <c r="AP8953">
        <v>82</v>
      </c>
      <c r="AQ8953">
        <v>83</v>
      </c>
    </row>
    <row r="8954" spans="1:43">
      <c r="A8954" t="s">
        <v>5606</v>
      </c>
      <c r="B8954" t="s">
        <v>5607</v>
      </c>
      <c r="C8954" t="s">
        <v>5608</v>
      </c>
      <c r="D8954" t="s">
        <v>5609</v>
      </c>
      <c r="E8954" t="s">
        <v>5426</v>
      </c>
      <c r="F8954" t="s">
        <v>5427</v>
      </c>
      <c r="G8954" t="s">
        <v>80</v>
      </c>
      <c r="H8954" t="s">
        <v>81</v>
      </c>
      <c r="I8954" s="2">
        <v>0</v>
      </c>
      <c r="J8954" s="2">
        <v>1</v>
      </c>
      <c r="K8954" s="2">
        <v>0</v>
      </c>
      <c r="L8954" t="s">
        <v>82</v>
      </c>
      <c r="M8954" t="s">
        <v>83</v>
      </c>
      <c r="N8954" t="s">
        <v>84</v>
      </c>
      <c r="O8954" t="s">
        <v>85</v>
      </c>
      <c r="P8954" t="s">
        <v>86</v>
      </c>
      <c r="Q8954">
        <v>90</v>
      </c>
      <c r="R8954">
        <v>92</v>
      </c>
      <c r="S8954">
        <v>94</v>
      </c>
      <c r="T8954">
        <v>97</v>
      </c>
      <c r="U8954">
        <v>99</v>
      </c>
      <c r="V8954">
        <v>102</v>
      </c>
      <c r="W8954">
        <v>104</v>
      </c>
      <c r="X8954">
        <v>107</v>
      </c>
      <c r="Y8954">
        <v>109</v>
      </c>
      <c r="Z8954">
        <v>112</v>
      </c>
      <c r="AA8954">
        <v>114</v>
      </c>
      <c r="AB8954">
        <v>117</v>
      </c>
      <c r="AC8954">
        <v>119</v>
      </c>
      <c r="AD8954">
        <v>122</v>
      </c>
      <c r="AE8954">
        <v>125</v>
      </c>
      <c r="AF8954">
        <v>127</v>
      </c>
      <c r="AG8954">
        <v>130</v>
      </c>
      <c r="AH8954">
        <v>133</v>
      </c>
      <c r="AI8954">
        <v>136</v>
      </c>
      <c r="AJ8954">
        <v>139</v>
      </c>
      <c r="AK8954">
        <v>142</v>
      </c>
      <c r="AL8954">
        <v>144</v>
      </c>
      <c r="AM8954">
        <v>145</v>
      </c>
      <c r="AN8954">
        <v>147</v>
      </c>
      <c r="AO8954">
        <v>148</v>
      </c>
      <c r="AP8954">
        <v>150</v>
      </c>
      <c r="AQ8954">
        <v>151</v>
      </c>
    </row>
    <row r="8955" spans="1:43">
      <c r="A8955" t="s">
        <v>5606</v>
      </c>
      <c r="B8955" t="s">
        <v>5607</v>
      </c>
      <c r="C8955" t="s">
        <v>5608</v>
      </c>
      <c r="D8955" t="s">
        <v>5609</v>
      </c>
      <c r="E8955" t="s">
        <v>5426</v>
      </c>
      <c r="F8955" t="s">
        <v>5427</v>
      </c>
      <c r="G8955" t="s">
        <v>80</v>
      </c>
      <c r="H8955" t="s">
        <v>81</v>
      </c>
      <c r="I8955" s="2">
        <v>0</v>
      </c>
      <c r="J8955" s="2">
        <v>1</v>
      </c>
      <c r="K8955" s="2">
        <v>0</v>
      </c>
      <c r="L8955" t="s">
        <v>82</v>
      </c>
      <c r="M8955" t="s">
        <v>87</v>
      </c>
      <c r="N8955" t="s">
        <v>88</v>
      </c>
      <c r="O8955" t="s">
        <v>85</v>
      </c>
      <c r="P8955" t="s">
        <v>86</v>
      </c>
      <c r="Q8955">
        <v>90</v>
      </c>
      <c r="R8955">
        <v>91</v>
      </c>
      <c r="S8955">
        <v>93</v>
      </c>
      <c r="T8955">
        <v>94</v>
      </c>
      <c r="U8955">
        <v>96</v>
      </c>
      <c r="V8955">
        <v>97</v>
      </c>
      <c r="W8955">
        <v>99</v>
      </c>
      <c r="X8955">
        <v>100</v>
      </c>
      <c r="Y8955">
        <v>102</v>
      </c>
      <c r="Z8955">
        <v>103</v>
      </c>
      <c r="AA8955">
        <v>105</v>
      </c>
      <c r="AB8955">
        <v>107</v>
      </c>
      <c r="AC8955">
        <v>108</v>
      </c>
      <c r="AD8955">
        <v>110</v>
      </c>
      <c r="AE8955">
        <v>111</v>
      </c>
      <c r="AF8955">
        <v>113</v>
      </c>
      <c r="AG8955">
        <v>115</v>
      </c>
      <c r="AH8955">
        <v>116</v>
      </c>
      <c r="AI8955">
        <v>118</v>
      </c>
      <c r="AJ8955">
        <v>120</v>
      </c>
      <c r="AK8955">
        <v>122</v>
      </c>
      <c r="AL8955">
        <v>123</v>
      </c>
      <c r="AM8955">
        <v>125</v>
      </c>
      <c r="AN8955">
        <v>127</v>
      </c>
      <c r="AO8955">
        <v>129</v>
      </c>
      <c r="AP8955">
        <v>131</v>
      </c>
      <c r="AQ8955">
        <v>132</v>
      </c>
    </row>
    <row r="8956" spans="1:43">
      <c r="A8956" t="s">
        <v>5606</v>
      </c>
      <c r="B8956" t="s">
        <v>5607</v>
      </c>
      <c r="C8956" t="s">
        <v>5608</v>
      </c>
      <c r="D8956" t="s">
        <v>5609</v>
      </c>
      <c r="E8956" t="s">
        <v>5426</v>
      </c>
      <c r="F8956" t="s">
        <v>5427</v>
      </c>
      <c r="G8956" t="s">
        <v>80</v>
      </c>
      <c r="H8956" t="s">
        <v>81</v>
      </c>
      <c r="I8956" s="2">
        <v>0</v>
      </c>
      <c r="J8956" s="2">
        <v>1</v>
      </c>
      <c r="K8956" s="2">
        <v>0</v>
      </c>
      <c r="L8956" t="s">
        <v>82</v>
      </c>
      <c r="M8956" t="s">
        <v>89</v>
      </c>
      <c r="N8956" t="s">
        <v>90</v>
      </c>
      <c r="O8956" t="s">
        <v>85</v>
      </c>
      <c r="P8956" t="s">
        <v>86</v>
      </c>
      <c r="Q8956">
        <v>90</v>
      </c>
      <c r="R8956">
        <v>93</v>
      </c>
      <c r="S8956">
        <v>96</v>
      </c>
      <c r="T8956">
        <v>99</v>
      </c>
      <c r="U8956">
        <v>102</v>
      </c>
      <c r="V8956">
        <v>105</v>
      </c>
      <c r="W8956">
        <v>108</v>
      </c>
      <c r="X8956">
        <v>111</v>
      </c>
      <c r="Y8956">
        <v>115</v>
      </c>
      <c r="Z8956">
        <v>118</v>
      </c>
      <c r="AA8956">
        <v>121</v>
      </c>
      <c r="AB8956">
        <v>124</v>
      </c>
      <c r="AC8956">
        <v>127</v>
      </c>
      <c r="AD8956">
        <v>130</v>
      </c>
      <c r="AE8956">
        <v>133</v>
      </c>
      <c r="AF8956">
        <v>134</v>
      </c>
      <c r="AG8956">
        <v>136</v>
      </c>
      <c r="AH8956">
        <v>137</v>
      </c>
      <c r="AI8956">
        <v>139</v>
      </c>
      <c r="AJ8956">
        <v>140</v>
      </c>
      <c r="AK8956">
        <v>142</v>
      </c>
      <c r="AL8956">
        <v>144</v>
      </c>
      <c r="AM8956">
        <v>145</v>
      </c>
      <c r="AN8956">
        <v>147</v>
      </c>
      <c r="AO8956">
        <v>148</v>
      </c>
      <c r="AP8956">
        <v>150</v>
      </c>
      <c r="AQ8956">
        <v>151</v>
      </c>
    </row>
    <row r="8957" spans="1:43">
      <c r="A8957" t="s">
        <v>5606</v>
      </c>
      <c r="B8957" t="s">
        <v>5607</v>
      </c>
      <c r="C8957" t="s">
        <v>5608</v>
      </c>
      <c r="D8957" t="s">
        <v>5609</v>
      </c>
      <c r="E8957" t="s">
        <v>5426</v>
      </c>
      <c r="F8957" t="s">
        <v>5427</v>
      </c>
      <c r="G8957" t="s">
        <v>80</v>
      </c>
      <c r="H8957" t="s">
        <v>81</v>
      </c>
      <c r="I8957" s="2">
        <v>0</v>
      </c>
      <c r="J8957" s="2">
        <v>1</v>
      </c>
      <c r="K8957" s="2">
        <v>0</v>
      </c>
      <c r="L8957" t="s">
        <v>82</v>
      </c>
      <c r="M8957" t="s">
        <v>83</v>
      </c>
      <c r="N8957" t="s">
        <v>91</v>
      </c>
      <c r="O8957" t="s">
        <v>85</v>
      </c>
      <c r="P8957" t="s">
        <v>86</v>
      </c>
      <c r="Q8957">
        <v>90</v>
      </c>
      <c r="R8957">
        <v>92</v>
      </c>
      <c r="S8957">
        <v>94</v>
      </c>
      <c r="T8957">
        <v>97</v>
      </c>
      <c r="U8957">
        <v>99</v>
      </c>
      <c r="V8957">
        <v>102</v>
      </c>
      <c r="W8957">
        <v>104</v>
      </c>
      <c r="X8957">
        <v>107</v>
      </c>
      <c r="Y8957">
        <v>109</v>
      </c>
      <c r="Z8957">
        <v>112</v>
      </c>
      <c r="AA8957">
        <v>114</v>
      </c>
      <c r="AB8957">
        <v>117</v>
      </c>
      <c r="AC8957">
        <v>119</v>
      </c>
      <c r="AD8957">
        <v>122</v>
      </c>
      <c r="AE8957">
        <v>125</v>
      </c>
      <c r="AF8957">
        <v>127</v>
      </c>
      <c r="AG8957">
        <v>130</v>
      </c>
      <c r="AH8957">
        <v>133</v>
      </c>
      <c r="AI8957">
        <v>136</v>
      </c>
      <c r="AJ8957">
        <v>139</v>
      </c>
      <c r="AK8957">
        <v>142</v>
      </c>
      <c r="AL8957">
        <v>144</v>
      </c>
      <c r="AM8957">
        <v>145</v>
      </c>
      <c r="AN8957">
        <v>147</v>
      </c>
      <c r="AO8957">
        <v>148</v>
      </c>
      <c r="AP8957">
        <v>150</v>
      </c>
      <c r="AQ8957">
        <v>151</v>
      </c>
    </row>
    <row r="8958" spans="1:43">
      <c r="A8958" t="s">
        <v>5610</v>
      </c>
      <c r="B8958" t="s">
        <v>5611</v>
      </c>
      <c r="C8958" t="s">
        <v>5604</v>
      </c>
      <c r="D8958" t="s">
        <v>5605</v>
      </c>
      <c r="E8958" t="s">
        <v>5426</v>
      </c>
      <c r="F8958" t="s">
        <v>5427</v>
      </c>
      <c r="G8958" t="s">
        <v>80</v>
      </c>
      <c r="H8958" t="s">
        <v>81</v>
      </c>
      <c r="I8958" s="2">
        <v>0</v>
      </c>
      <c r="J8958" s="2">
        <v>1</v>
      </c>
      <c r="K8958" s="2">
        <v>0</v>
      </c>
      <c r="L8958" t="s">
        <v>82</v>
      </c>
      <c r="M8958" t="s">
        <v>83</v>
      </c>
      <c r="N8958" t="s">
        <v>84</v>
      </c>
      <c r="O8958" t="s">
        <v>85</v>
      </c>
      <c r="P8958" t="s">
        <v>86</v>
      </c>
      <c r="Q8958">
        <v>108</v>
      </c>
      <c r="R8958">
        <v>110</v>
      </c>
      <c r="S8958">
        <v>113</v>
      </c>
      <c r="T8958">
        <v>116</v>
      </c>
      <c r="U8958">
        <v>119</v>
      </c>
      <c r="V8958">
        <v>122</v>
      </c>
      <c r="W8958">
        <v>125</v>
      </c>
      <c r="X8958">
        <v>128</v>
      </c>
      <c r="Y8958">
        <v>131</v>
      </c>
      <c r="Z8958">
        <v>134</v>
      </c>
      <c r="AA8958">
        <v>137</v>
      </c>
      <c r="AB8958">
        <v>140</v>
      </c>
      <c r="AC8958">
        <v>143</v>
      </c>
      <c r="AD8958">
        <v>146</v>
      </c>
      <c r="AE8958">
        <v>149</v>
      </c>
      <c r="AF8958">
        <v>152</v>
      </c>
      <c r="AG8958">
        <v>156</v>
      </c>
      <c r="AH8958">
        <v>159</v>
      </c>
      <c r="AI8958">
        <v>162</v>
      </c>
      <c r="AJ8958">
        <v>166</v>
      </c>
      <c r="AK8958">
        <v>169</v>
      </c>
      <c r="AL8958">
        <v>172</v>
      </c>
      <c r="AM8958">
        <v>174</v>
      </c>
      <c r="AN8958">
        <v>175</v>
      </c>
      <c r="AO8958">
        <v>177</v>
      </c>
      <c r="AP8958">
        <v>179</v>
      </c>
      <c r="AQ8958">
        <v>181</v>
      </c>
    </row>
    <row r="8959" spans="1:43">
      <c r="A8959" t="s">
        <v>5610</v>
      </c>
      <c r="B8959" t="s">
        <v>5611</v>
      </c>
      <c r="C8959" t="s">
        <v>5604</v>
      </c>
      <c r="D8959" t="s">
        <v>5605</v>
      </c>
      <c r="E8959" t="s">
        <v>5426</v>
      </c>
      <c r="F8959" t="s">
        <v>5427</v>
      </c>
      <c r="G8959" t="s">
        <v>80</v>
      </c>
      <c r="H8959" t="s">
        <v>81</v>
      </c>
      <c r="I8959" s="2">
        <v>0</v>
      </c>
      <c r="J8959" s="2">
        <v>1</v>
      </c>
      <c r="K8959" s="2">
        <v>0</v>
      </c>
      <c r="L8959" t="s">
        <v>82</v>
      </c>
      <c r="M8959" t="s">
        <v>87</v>
      </c>
      <c r="N8959" t="s">
        <v>88</v>
      </c>
      <c r="O8959" t="s">
        <v>85</v>
      </c>
      <c r="P8959" t="s">
        <v>86</v>
      </c>
      <c r="Q8959">
        <v>108</v>
      </c>
      <c r="R8959">
        <v>109</v>
      </c>
      <c r="S8959">
        <v>111</v>
      </c>
      <c r="T8959">
        <v>113</v>
      </c>
      <c r="U8959">
        <v>114</v>
      </c>
      <c r="V8959">
        <v>116</v>
      </c>
      <c r="W8959">
        <v>118</v>
      </c>
      <c r="X8959">
        <v>120</v>
      </c>
      <c r="Y8959">
        <v>122</v>
      </c>
      <c r="Z8959">
        <v>124</v>
      </c>
      <c r="AA8959">
        <v>125</v>
      </c>
      <c r="AB8959">
        <v>127</v>
      </c>
      <c r="AC8959">
        <v>129</v>
      </c>
      <c r="AD8959">
        <v>131</v>
      </c>
      <c r="AE8959">
        <v>133</v>
      </c>
      <c r="AF8959">
        <v>135</v>
      </c>
      <c r="AG8959">
        <v>137</v>
      </c>
      <c r="AH8959">
        <v>139</v>
      </c>
      <c r="AI8959">
        <v>141</v>
      </c>
      <c r="AJ8959">
        <v>143</v>
      </c>
      <c r="AK8959">
        <v>145</v>
      </c>
      <c r="AL8959">
        <v>147</v>
      </c>
      <c r="AM8959">
        <v>149</v>
      </c>
      <c r="AN8959">
        <v>152</v>
      </c>
      <c r="AO8959">
        <v>154</v>
      </c>
      <c r="AP8959">
        <v>156</v>
      </c>
      <c r="AQ8959">
        <v>158</v>
      </c>
    </row>
    <row r="8960" spans="1:43">
      <c r="A8960" t="s">
        <v>5610</v>
      </c>
      <c r="B8960" t="s">
        <v>5611</v>
      </c>
      <c r="C8960" t="s">
        <v>5604</v>
      </c>
      <c r="D8960" t="s">
        <v>5605</v>
      </c>
      <c r="E8960" t="s">
        <v>5426</v>
      </c>
      <c r="F8960" t="s">
        <v>5427</v>
      </c>
      <c r="G8960" t="s">
        <v>80</v>
      </c>
      <c r="H8960" t="s">
        <v>81</v>
      </c>
      <c r="I8960" s="2">
        <v>0</v>
      </c>
      <c r="J8960" s="2">
        <v>1</v>
      </c>
      <c r="K8960" s="2">
        <v>0</v>
      </c>
      <c r="L8960" t="s">
        <v>82</v>
      </c>
      <c r="M8960" t="s">
        <v>89</v>
      </c>
      <c r="N8960" t="s">
        <v>90</v>
      </c>
      <c r="O8960" t="s">
        <v>85</v>
      </c>
      <c r="P8960" t="s">
        <v>86</v>
      </c>
      <c r="Q8960">
        <v>108</v>
      </c>
      <c r="R8960">
        <v>111</v>
      </c>
      <c r="S8960">
        <v>115</v>
      </c>
      <c r="T8960">
        <v>119</v>
      </c>
      <c r="U8960">
        <v>122</v>
      </c>
      <c r="V8960">
        <v>126</v>
      </c>
      <c r="W8960">
        <v>130</v>
      </c>
      <c r="X8960">
        <v>134</v>
      </c>
      <c r="Y8960">
        <v>137</v>
      </c>
      <c r="Z8960">
        <v>141</v>
      </c>
      <c r="AA8960">
        <v>145</v>
      </c>
      <c r="AB8960">
        <v>148</v>
      </c>
      <c r="AC8960">
        <v>152</v>
      </c>
      <c r="AD8960">
        <v>156</v>
      </c>
      <c r="AE8960">
        <v>159</v>
      </c>
      <c r="AF8960">
        <v>161</v>
      </c>
      <c r="AG8960">
        <v>163</v>
      </c>
      <c r="AH8960">
        <v>165</v>
      </c>
      <c r="AI8960">
        <v>166</v>
      </c>
      <c r="AJ8960">
        <v>168</v>
      </c>
      <c r="AK8960">
        <v>170</v>
      </c>
      <c r="AL8960">
        <v>172</v>
      </c>
      <c r="AM8960">
        <v>174</v>
      </c>
      <c r="AN8960">
        <v>175</v>
      </c>
      <c r="AO8960">
        <v>177</v>
      </c>
      <c r="AP8960">
        <v>179</v>
      </c>
      <c r="AQ8960">
        <v>181</v>
      </c>
    </row>
    <row r="8961" spans="1:43">
      <c r="A8961" t="s">
        <v>5610</v>
      </c>
      <c r="B8961" t="s">
        <v>5611</v>
      </c>
      <c r="C8961" t="s">
        <v>5604</v>
      </c>
      <c r="D8961" t="s">
        <v>5605</v>
      </c>
      <c r="E8961" t="s">
        <v>5426</v>
      </c>
      <c r="F8961" t="s">
        <v>5427</v>
      </c>
      <c r="G8961" t="s">
        <v>80</v>
      </c>
      <c r="H8961" t="s">
        <v>81</v>
      </c>
      <c r="I8961" s="2">
        <v>0</v>
      </c>
      <c r="J8961" s="2">
        <v>1</v>
      </c>
      <c r="K8961" s="2">
        <v>0</v>
      </c>
      <c r="L8961" t="s">
        <v>82</v>
      </c>
      <c r="M8961" t="s">
        <v>83</v>
      </c>
      <c r="N8961" t="s">
        <v>91</v>
      </c>
      <c r="O8961" t="s">
        <v>85</v>
      </c>
      <c r="P8961" t="s">
        <v>86</v>
      </c>
      <c r="Q8961">
        <v>108</v>
      </c>
      <c r="R8961">
        <v>110</v>
      </c>
      <c r="S8961">
        <v>113</v>
      </c>
      <c r="T8961">
        <v>116</v>
      </c>
      <c r="U8961">
        <v>119</v>
      </c>
      <c r="V8961">
        <v>122</v>
      </c>
      <c r="W8961">
        <v>125</v>
      </c>
      <c r="X8961">
        <v>128</v>
      </c>
      <c r="Y8961">
        <v>131</v>
      </c>
      <c r="Z8961">
        <v>134</v>
      </c>
      <c r="AA8961">
        <v>137</v>
      </c>
      <c r="AB8961">
        <v>140</v>
      </c>
      <c r="AC8961">
        <v>143</v>
      </c>
      <c r="AD8961">
        <v>146</v>
      </c>
      <c r="AE8961">
        <v>149</v>
      </c>
      <c r="AF8961">
        <v>152</v>
      </c>
      <c r="AG8961">
        <v>156</v>
      </c>
      <c r="AH8961">
        <v>159</v>
      </c>
      <c r="AI8961">
        <v>162</v>
      </c>
      <c r="AJ8961">
        <v>166</v>
      </c>
      <c r="AK8961">
        <v>169</v>
      </c>
      <c r="AL8961">
        <v>172</v>
      </c>
      <c r="AM8961">
        <v>174</v>
      </c>
      <c r="AN8961">
        <v>175</v>
      </c>
      <c r="AO8961">
        <v>177</v>
      </c>
      <c r="AP8961">
        <v>179</v>
      </c>
      <c r="AQ8961">
        <v>181</v>
      </c>
    </row>
    <row r="8962" spans="1:43">
      <c r="A8962" t="s">
        <v>5612</v>
      </c>
      <c r="B8962" t="s">
        <v>5613</v>
      </c>
      <c r="C8962" t="s">
        <v>5604</v>
      </c>
      <c r="D8962" t="s">
        <v>5605</v>
      </c>
      <c r="E8962" t="s">
        <v>5426</v>
      </c>
      <c r="F8962" t="s">
        <v>5427</v>
      </c>
      <c r="G8962" t="s">
        <v>80</v>
      </c>
      <c r="H8962" t="s">
        <v>81</v>
      </c>
      <c r="I8962" s="2">
        <v>0</v>
      </c>
      <c r="J8962" s="2">
        <v>1</v>
      </c>
      <c r="K8962" s="2">
        <v>0</v>
      </c>
      <c r="L8962" t="s">
        <v>82</v>
      </c>
      <c r="M8962" t="s">
        <v>83</v>
      </c>
      <c r="N8962" t="s">
        <v>84</v>
      </c>
      <c r="O8962" t="s">
        <v>85</v>
      </c>
      <c r="P8962" t="s">
        <v>86</v>
      </c>
      <c r="Q8962">
        <v>74</v>
      </c>
      <c r="R8962">
        <v>76</v>
      </c>
      <c r="S8962">
        <v>78</v>
      </c>
      <c r="T8962">
        <v>80</v>
      </c>
      <c r="U8962">
        <v>82</v>
      </c>
      <c r="V8962">
        <v>84</v>
      </c>
      <c r="W8962">
        <v>86</v>
      </c>
      <c r="X8962">
        <v>88</v>
      </c>
      <c r="Y8962">
        <v>90</v>
      </c>
      <c r="Z8962">
        <v>92</v>
      </c>
      <c r="AA8962">
        <v>95</v>
      </c>
      <c r="AB8962">
        <v>97</v>
      </c>
      <c r="AC8962">
        <v>99</v>
      </c>
      <c r="AD8962">
        <v>101</v>
      </c>
      <c r="AE8962">
        <v>103</v>
      </c>
      <c r="AF8962">
        <v>105</v>
      </c>
      <c r="AG8962">
        <v>108</v>
      </c>
      <c r="AH8962">
        <v>110</v>
      </c>
      <c r="AI8962">
        <v>112</v>
      </c>
      <c r="AJ8962">
        <v>115</v>
      </c>
      <c r="AK8962">
        <v>117</v>
      </c>
      <c r="AL8962">
        <v>119</v>
      </c>
      <c r="AM8962">
        <v>120</v>
      </c>
      <c r="AN8962">
        <v>121</v>
      </c>
      <c r="AO8962">
        <v>123</v>
      </c>
      <c r="AP8962">
        <v>124</v>
      </c>
      <c r="AQ8962">
        <v>125</v>
      </c>
    </row>
    <row r="8963" spans="1:43">
      <c r="A8963" t="s">
        <v>5612</v>
      </c>
      <c r="B8963" t="s">
        <v>5613</v>
      </c>
      <c r="C8963" t="s">
        <v>5604</v>
      </c>
      <c r="D8963" t="s">
        <v>5605</v>
      </c>
      <c r="E8963" t="s">
        <v>5426</v>
      </c>
      <c r="F8963" t="s">
        <v>5427</v>
      </c>
      <c r="G8963" t="s">
        <v>80</v>
      </c>
      <c r="H8963" t="s">
        <v>81</v>
      </c>
      <c r="I8963" s="2">
        <v>0</v>
      </c>
      <c r="J8963" s="2">
        <v>1</v>
      </c>
      <c r="K8963" s="2">
        <v>0</v>
      </c>
      <c r="L8963" t="s">
        <v>82</v>
      </c>
      <c r="M8963" t="s">
        <v>87</v>
      </c>
      <c r="N8963" t="s">
        <v>88</v>
      </c>
      <c r="O8963" t="s">
        <v>85</v>
      </c>
      <c r="P8963" t="s">
        <v>86</v>
      </c>
      <c r="Q8963">
        <v>74</v>
      </c>
      <c r="R8963">
        <v>75</v>
      </c>
      <c r="S8963">
        <v>76</v>
      </c>
      <c r="T8963">
        <v>77</v>
      </c>
      <c r="U8963">
        <v>79</v>
      </c>
      <c r="V8963">
        <v>80</v>
      </c>
      <c r="W8963">
        <v>81</v>
      </c>
      <c r="X8963">
        <v>82</v>
      </c>
      <c r="Y8963">
        <v>84</v>
      </c>
      <c r="Z8963">
        <v>85</v>
      </c>
      <c r="AA8963">
        <v>86</v>
      </c>
      <c r="AB8963">
        <v>87</v>
      </c>
      <c r="AC8963">
        <v>89</v>
      </c>
      <c r="AD8963">
        <v>90</v>
      </c>
      <c r="AE8963">
        <v>91</v>
      </c>
      <c r="AF8963">
        <v>93</v>
      </c>
      <c r="AG8963">
        <v>94</v>
      </c>
      <c r="AH8963">
        <v>96</v>
      </c>
      <c r="AI8963">
        <v>97</v>
      </c>
      <c r="AJ8963">
        <v>98</v>
      </c>
      <c r="AK8963">
        <v>100</v>
      </c>
      <c r="AL8963">
        <v>101</v>
      </c>
      <c r="AM8963">
        <v>103</v>
      </c>
      <c r="AN8963">
        <v>104</v>
      </c>
      <c r="AO8963">
        <v>106</v>
      </c>
      <c r="AP8963">
        <v>107</v>
      </c>
      <c r="AQ8963">
        <v>109</v>
      </c>
    </row>
    <row r="8964" spans="1:43">
      <c r="A8964" t="s">
        <v>5612</v>
      </c>
      <c r="B8964" t="s">
        <v>5613</v>
      </c>
      <c r="C8964" t="s">
        <v>5604</v>
      </c>
      <c r="D8964" t="s">
        <v>5605</v>
      </c>
      <c r="E8964" t="s">
        <v>5426</v>
      </c>
      <c r="F8964" t="s">
        <v>5427</v>
      </c>
      <c r="G8964" t="s">
        <v>80</v>
      </c>
      <c r="H8964" t="s">
        <v>81</v>
      </c>
      <c r="I8964" s="2">
        <v>0</v>
      </c>
      <c r="J8964" s="2">
        <v>1</v>
      </c>
      <c r="K8964" s="2">
        <v>0</v>
      </c>
      <c r="L8964" t="s">
        <v>82</v>
      </c>
      <c r="M8964" t="s">
        <v>89</v>
      </c>
      <c r="N8964" t="s">
        <v>90</v>
      </c>
      <c r="O8964" t="s">
        <v>85</v>
      </c>
      <c r="P8964" t="s">
        <v>86</v>
      </c>
      <c r="Q8964">
        <v>74</v>
      </c>
      <c r="R8964">
        <v>77</v>
      </c>
      <c r="S8964">
        <v>79</v>
      </c>
      <c r="T8964">
        <v>82</v>
      </c>
      <c r="U8964">
        <v>84</v>
      </c>
      <c r="V8964">
        <v>87</v>
      </c>
      <c r="W8964">
        <v>90</v>
      </c>
      <c r="X8964">
        <v>92</v>
      </c>
      <c r="Y8964">
        <v>95</v>
      </c>
      <c r="Z8964">
        <v>97</v>
      </c>
      <c r="AA8964">
        <v>100</v>
      </c>
      <c r="AB8964">
        <v>102</v>
      </c>
      <c r="AC8964">
        <v>105</v>
      </c>
      <c r="AD8964">
        <v>108</v>
      </c>
      <c r="AE8964">
        <v>110</v>
      </c>
      <c r="AF8964">
        <v>111</v>
      </c>
      <c r="AG8964">
        <v>112</v>
      </c>
      <c r="AH8964">
        <v>114</v>
      </c>
      <c r="AI8964">
        <v>115</v>
      </c>
      <c r="AJ8964">
        <v>116</v>
      </c>
      <c r="AK8964">
        <v>117</v>
      </c>
      <c r="AL8964">
        <v>119</v>
      </c>
      <c r="AM8964">
        <v>120</v>
      </c>
      <c r="AN8964">
        <v>121</v>
      </c>
      <c r="AO8964">
        <v>122</v>
      </c>
      <c r="AP8964">
        <v>124</v>
      </c>
      <c r="AQ8964">
        <v>125</v>
      </c>
    </row>
    <row r="8965" spans="1:43">
      <c r="A8965" t="s">
        <v>5612</v>
      </c>
      <c r="B8965" t="s">
        <v>5613</v>
      </c>
      <c r="C8965" t="s">
        <v>5604</v>
      </c>
      <c r="D8965" t="s">
        <v>5605</v>
      </c>
      <c r="E8965" t="s">
        <v>5426</v>
      </c>
      <c r="F8965" t="s">
        <v>5427</v>
      </c>
      <c r="G8965" t="s">
        <v>80</v>
      </c>
      <c r="H8965" t="s">
        <v>81</v>
      </c>
      <c r="I8965" s="2">
        <v>0</v>
      </c>
      <c r="J8965" s="2">
        <v>1</v>
      </c>
      <c r="K8965" s="2">
        <v>0</v>
      </c>
      <c r="L8965" t="s">
        <v>82</v>
      </c>
      <c r="M8965" t="s">
        <v>83</v>
      </c>
      <c r="N8965" t="s">
        <v>91</v>
      </c>
      <c r="O8965" t="s">
        <v>85</v>
      </c>
      <c r="P8965" t="s">
        <v>86</v>
      </c>
      <c r="Q8965">
        <v>74</v>
      </c>
      <c r="R8965">
        <v>76</v>
      </c>
      <c r="S8965">
        <v>78</v>
      </c>
      <c r="T8965">
        <v>80</v>
      </c>
      <c r="U8965">
        <v>82</v>
      </c>
      <c r="V8965">
        <v>84</v>
      </c>
      <c r="W8965">
        <v>86</v>
      </c>
      <c r="X8965">
        <v>88</v>
      </c>
      <c r="Y8965">
        <v>90</v>
      </c>
      <c r="Z8965">
        <v>92</v>
      </c>
      <c r="AA8965">
        <v>95</v>
      </c>
      <c r="AB8965">
        <v>97</v>
      </c>
      <c r="AC8965">
        <v>99</v>
      </c>
      <c r="AD8965">
        <v>101</v>
      </c>
      <c r="AE8965">
        <v>103</v>
      </c>
      <c r="AF8965">
        <v>105</v>
      </c>
      <c r="AG8965">
        <v>108</v>
      </c>
      <c r="AH8965">
        <v>110</v>
      </c>
      <c r="AI8965">
        <v>112</v>
      </c>
      <c r="AJ8965">
        <v>115</v>
      </c>
      <c r="AK8965">
        <v>117</v>
      </c>
      <c r="AL8965">
        <v>119</v>
      </c>
      <c r="AM8965">
        <v>120</v>
      </c>
      <c r="AN8965">
        <v>121</v>
      </c>
      <c r="AO8965">
        <v>123</v>
      </c>
      <c r="AP8965">
        <v>124</v>
      </c>
      <c r="AQ8965">
        <v>125</v>
      </c>
    </row>
    <row r="8966" spans="1:43">
      <c r="A8966" t="s">
        <v>5614</v>
      </c>
      <c r="B8966" t="s">
        <v>5615</v>
      </c>
      <c r="C8966" t="s">
        <v>5568</v>
      </c>
      <c r="D8966" t="s">
        <v>5569</v>
      </c>
      <c r="E8966" t="s">
        <v>5426</v>
      </c>
      <c r="F8966" t="s">
        <v>5427</v>
      </c>
      <c r="G8966" t="s">
        <v>80</v>
      </c>
      <c r="H8966" t="s">
        <v>81</v>
      </c>
      <c r="I8966" s="2">
        <v>0</v>
      </c>
      <c r="J8966" s="2">
        <v>1</v>
      </c>
      <c r="K8966" s="2">
        <v>0</v>
      </c>
      <c r="L8966" t="s">
        <v>82</v>
      </c>
      <c r="M8966" t="s">
        <v>83</v>
      </c>
      <c r="N8966" t="s">
        <v>84</v>
      </c>
      <c r="O8966" t="s">
        <v>85</v>
      </c>
      <c r="P8966" t="s">
        <v>86</v>
      </c>
      <c r="Q8966">
        <v>120</v>
      </c>
      <c r="R8966">
        <v>123</v>
      </c>
      <c r="S8966">
        <v>126</v>
      </c>
      <c r="T8966">
        <v>130</v>
      </c>
      <c r="U8966">
        <v>133</v>
      </c>
      <c r="V8966">
        <v>136</v>
      </c>
      <c r="W8966">
        <v>139</v>
      </c>
      <c r="X8966">
        <v>143</v>
      </c>
      <c r="Y8966">
        <v>146</v>
      </c>
      <c r="Z8966">
        <v>149</v>
      </c>
      <c r="AA8966">
        <v>153</v>
      </c>
      <c r="AB8966">
        <v>156</v>
      </c>
      <c r="AC8966">
        <v>160</v>
      </c>
      <c r="AD8966">
        <v>163</v>
      </c>
      <c r="AE8966">
        <v>167</v>
      </c>
      <c r="AF8966">
        <v>171</v>
      </c>
      <c r="AG8966">
        <v>174</v>
      </c>
      <c r="AH8966">
        <v>178</v>
      </c>
      <c r="AI8966">
        <v>182</v>
      </c>
      <c r="AJ8966">
        <v>186</v>
      </c>
      <c r="AK8966">
        <v>190</v>
      </c>
      <c r="AL8966">
        <v>192</v>
      </c>
      <c r="AM8966">
        <v>194</v>
      </c>
      <c r="AN8966">
        <v>196</v>
      </c>
      <c r="AO8966">
        <v>198</v>
      </c>
      <c r="AP8966">
        <v>201</v>
      </c>
      <c r="AQ8966">
        <v>203</v>
      </c>
    </row>
    <row r="8967" spans="1:43">
      <c r="A8967" t="s">
        <v>5614</v>
      </c>
      <c r="B8967" t="s">
        <v>5615</v>
      </c>
      <c r="C8967" t="s">
        <v>5568</v>
      </c>
      <c r="D8967" t="s">
        <v>5569</v>
      </c>
      <c r="E8967" t="s">
        <v>5426</v>
      </c>
      <c r="F8967" t="s">
        <v>5427</v>
      </c>
      <c r="G8967" t="s">
        <v>80</v>
      </c>
      <c r="H8967" t="s">
        <v>81</v>
      </c>
      <c r="I8967" s="2">
        <v>0</v>
      </c>
      <c r="J8967" s="2">
        <v>1</v>
      </c>
      <c r="K8967" s="2">
        <v>0</v>
      </c>
      <c r="L8967" t="s">
        <v>82</v>
      </c>
      <c r="M8967" t="s">
        <v>87</v>
      </c>
      <c r="N8967" t="s">
        <v>88</v>
      </c>
      <c r="O8967" t="s">
        <v>85</v>
      </c>
      <c r="P8967" t="s">
        <v>86</v>
      </c>
      <c r="Q8967">
        <v>120</v>
      </c>
      <c r="R8967">
        <v>122</v>
      </c>
      <c r="S8967">
        <v>124</v>
      </c>
      <c r="T8967">
        <v>126</v>
      </c>
      <c r="U8967">
        <v>128</v>
      </c>
      <c r="V8967">
        <v>130</v>
      </c>
      <c r="W8967">
        <v>132</v>
      </c>
      <c r="X8967">
        <v>134</v>
      </c>
      <c r="Y8967">
        <v>136</v>
      </c>
      <c r="Z8967">
        <v>138</v>
      </c>
      <c r="AA8967">
        <v>140</v>
      </c>
      <c r="AB8967">
        <v>142</v>
      </c>
      <c r="AC8967">
        <v>144</v>
      </c>
      <c r="AD8967">
        <v>147</v>
      </c>
      <c r="AE8967">
        <v>149</v>
      </c>
      <c r="AF8967">
        <v>151</v>
      </c>
      <c r="AG8967">
        <v>153</v>
      </c>
      <c r="AH8967">
        <v>156</v>
      </c>
      <c r="AI8967">
        <v>158</v>
      </c>
      <c r="AJ8967">
        <v>160</v>
      </c>
      <c r="AK8967">
        <v>162</v>
      </c>
      <c r="AL8967">
        <v>165</v>
      </c>
      <c r="AM8967">
        <v>167</v>
      </c>
      <c r="AN8967">
        <v>170</v>
      </c>
      <c r="AO8967">
        <v>172</v>
      </c>
      <c r="AP8967">
        <v>174</v>
      </c>
      <c r="AQ8967">
        <v>177</v>
      </c>
    </row>
    <row r="8968" spans="1:43">
      <c r="A8968" t="s">
        <v>5614</v>
      </c>
      <c r="B8968" t="s">
        <v>5615</v>
      </c>
      <c r="C8968" t="s">
        <v>5568</v>
      </c>
      <c r="D8968" t="s">
        <v>5569</v>
      </c>
      <c r="E8968" t="s">
        <v>5426</v>
      </c>
      <c r="F8968" t="s">
        <v>5427</v>
      </c>
      <c r="G8968" t="s">
        <v>80</v>
      </c>
      <c r="H8968" t="s">
        <v>81</v>
      </c>
      <c r="I8968" s="2">
        <v>0</v>
      </c>
      <c r="J8968" s="2">
        <v>1</v>
      </c>
      <c r="K8968" s="2">
        <v>0</v>
      </c>
      <c r="L8968" t="s">
        <v>82</v>
      </c>
      <c r="M8968" t="s">
        <v>89</v>
      </c>
      <c r="N8968" t="s">
        <v>90</v>
      </c>
      <c r="O8968" t="s">
        <v>85</v>
      </c>
      <c r="P8968" t="s">
        <v>86</v>
      </c>
      <c r="Q8968">
        <v>120</v>
      </c>
      <c r="R8968">
        <v>124</v>
      </c>
      <c r="S8968">
        <v>129</v>
      </c>
      <c r="T8968">
        <v>133</v>
      </c>
      <c r="U8968">
        <v>137</v>
      </c>
      <c r="V8968">
        <v>141</v>
      </c>
      <c r="W8968">
        <v>145</v>
      </c>
      <c r="X8968">
        <v>150</v>
      </c>
      <c r="Y8968">
        <v>154</v>
      </c>
      <c r="Z8968">
        <v>158</v>
      </c>
      <c r="AA8968">
        <v>162</v>
      </c>
      <c r="AB8968">
        <v>166</v>
      </c>
      <c r="AC8968">
        <v>171</v>
      </c>
      <c r="AD8968">
        <v>175</v>
      </c>
      <c r="AE8968">
        <v>178</v>
      </c>
      <c r="AF8968">
        <v>180</v>
      </c>
      <c r="AG8968">
        <v>182</v>
      </c>
      <c r="AH8968">
        <v>184</v>
      </c>
      <c r="AI8968">
        <v>186</v>
      </c>
      <c r="AJ8968">
        <v>188</v>
      </c>
      <c r="AK8968">
        <v>190</v>
      </c>
      <c r="AL8968">
        <v>192</v>
      </c>
      <c r="AM8968">
        <v>194</v>
      </c>
      <c r="AN8968">
        <v>197</v>
      </c>
      <c r="AO8968">
        <v>199</v>
      </c>
      <c r="AP8968">
        <v>201</v>
      </c>
      <c r="AQ8968">
        <v>203</v>
      </c>
    </row>
    <row r="8969" spans="1:43">
      <c r="A8969" t="s">
        <v>5614</v>
      </c>
      <c r="B8969" t="s">
        <v>5615</v>
      </c>
      <c r="C8969" t="s">
        <v>5568</v>
      </c>
      <c r="D8969" t="s">
        <v>5569</v>
      </c>
      <c r="E8969" t="s">
        <v>5426</v>
      </c>
      <c r="F8969" t="s">
        <v>5427</v>
      </c>
      <c r="G8969" t="s">
        <v>80</v>
      </c>
      <c r="H8969" t="s">
        <v>81</v>
      </c>
      <c r="I8969" s="2">
        <v>0</v>
      </c>
      <c r="J8969" s="2">
        <v>1</v>
      </c>
      <c r="K8969" s="2">
        <v>0</v>
      </c>
      <c r="L8969" t="s">
        <v>82</v>
      </c>
      <c r="M8969" t="s">
        <v>83</v>
      </c>
      <c r="N8969" t="s">
        <v>91</v>
      </c>
      <c r="O8969" t="s">
        <v>85</v>
      </c>
      <c r="P8969" t="s">
        <v>86</v>
      </c>
      <c r="Q8969">
        <v>120</v>
      </c>
      <c r="R8969">
        <v>123</v>
      </c>
      <c r="S8969">
        <v>126</v>
      </c>
      <c r="T8969">
        <v>130</v>
      </c>
      <c r="U8969">
        <v>133</v>
      </c>
      <c r="V8969">
        <v>136</v>
      </c>
      <c r="W8969">
        <v>139</v>
      </c>
      <c r="X8969">
        <v>143</v>
      </c>
      <c r="Y8969">
        <v>146</v>
      </c>
      <c r="Z8969">
        <v>149</v>
      </c>
      <c r="AA8969">
        <v>153</v>
      </c>
      <c r="AB8969">
        <v>156</v>
      </c>
      <c r="AC8969">
        <v>160</v>
      </c>
      <c r="AD8969">
        <v>163</v>
      </c>
      <c r="AE8969">
        <v>167</v>
      </c>
      <c r="AF8969">
        <v>171</v>
      </c>
      <c r="AG8969">
        <v>174</v>
      </c>
      <c r="AH8969">
        <v>178</v>
      </c>
      <c r="AI8969">
        <v>182</v>
      </c>
      <c r="AJ8969">
        <v>186</v>
      </c>
      <c r="AK8969">
        <v>190</v>
      </c>
      <c r="AL8969">
        <v>192</v>
      </c>
      <c r="AM8969">
        <v>194</v>
      </c>
      <c r="AN8969">
        <v>196</v>
      </c>
      <c r="AO8969">
        <v>198</v>
      </c>
      <c r="AP8969">
        <v>201</v>
      </c>
      <c r="AQ8969">
        <v>203</v>
      </c>
    </row>
    <row r="8970" spans="1:43">
      <c r="A8970" t="s">
        <v>5616</v>
      </c>
      <c r="B8970" t="s">
        <v>5617</v>
      </c>
      <c r="C8970" t="s">
        <v>5604</v>
      </c>
      <c r="D8970" t="s">
        <v>5605</v>
      </c>
      <c r="E8970" t="s">
        <v>5426</v>
      </c>
      <c r="F8970" t="s">
        <v>5427</v>
      </c>
      <c r="G8970" t="s">
        <v>80</v>
      </c>
      <c r="H8970" t="s">
        <v>81</v>
      </c>
      <c r="I8970" s="2">
        <v>0</v>
      </c>
      <c r="J8970" s="2">
        <v>1</v>
      </c>
      <c r="K8970" s="2">
        <v>0</v>
      </c>
      <c r="L8970" t="s">
        <v>82</v>
      </c>
      <c r="M8970" t="s">
        <v>83</v>
      </c>
      <c r="N8970" t="s">
        <v>84</v>
      </c>
      <c r="O8970" t="s">
        <v>85</v>
      </c>
      <c r="P8970" t="s">
        <v>86</v>
      </c>
      <c r="Q8970">
        <v>10</v>
      </c>
      <c r="R8970">
        <v>11</v>
      </c>
      <c r="S8970">
        <v>11</v>
      </c>
      <c r="T8970">
        <v>11</v>
      </c>
      <c r="U8970">
        <v>11</v>
      </c>
      <c r="V8970">
        <v>12</v>
      </c>
      <c r="W8970">
        <v>12</v>
      </c>
      <c r="X8970">
        <v>12</v>
      </c>
      <c r="Y8970">
        <v>13</v>
      </c>
      <c r="Z8970">
        <v>13</v>
      </c>
      <c r="AA8970">
        <v>13</v>
      </c>
      <c r="AB8970">
        <v>13</v>
      </c>
      <c r="AC8970">
        <v>14</v>
      </c>
      <c r="AD8970">
        <v>14</v>
      </c>
      <c r="AE8970">
        <v>14</v>
      </c>
      <c r="AF8970">
        <v>15</v>
      </c>
      <c r="AG8970">
        <v>15</v>
      </c>
      <c r="AH8970">
        <v>15</v>
      </c>
      <c r="AI8970">
        <v>16</v>
      </c>
      <c r="AJ8970">
        <v>16</v>
      </c>
      <c r="AK8970">
        <v>16</v>
      </c>
      <c r="AL8970">
        <v>16</v>
      </c>
      <c r="AM8970">
        <v>17</v>
      </c>
      <c r="AN8970">
        <v>17</v>
      </c>
      <c r="AO8970">
        <v>17</v>
      </c>
      <c r="AP8970">
        <v>17</v>
      </c>
      <c r="AQ8970">
        <v>17</v>
      </c>
    </row>
    <row r="8971" spans="1:43">
      <c r="A8971" t="s">
        <v>5616</v>
      </c>
      <c r="B8971" t="s">
        <v>5617</v>
      </c>
      <c r="C8971" t="s">
        <v>5604</v>
      </c>
      <c r="D8971" t="s">
        <v>5605</v>
      </c>
      <c r="E8971" t="s">
        <v>5426</v>
      </c>
      <c r="F8971" t="s">
        <v>5427</v>
      </c>
      <c r="G8971" t="s">
        <v>80</v>
      </c>
      <c r="H8971" t="s">
        <v>81</v>
      </c>
      <c r="I8971" s="2">
        <v>0</v>
      </c>
      <c r="J8971" s="2">
        <v>1</v>
      </c>
      <c r="K8971" s="2">
        <v>0</v>
      </c>
      <c r="L8971" t="s">
        <v>82</v>
      </c>
      <c r="M8971" t="s">
        <v>87</v>
      </c>
      <c r="N8971" t="s">
        <v>88</v>
      </c>
      <c r="O8971" t="s">
        <v>85</v>
      </c>
      <c r="P8971" t="s">
        <v>86</v>
      </c>
      <c r="Q8971">
        <v>10</v>
      </c>
      <c r="R8971">
        <v>10</v>
      </c>
      <c r="S8971">
        <v>11</v>
      </c>
      <c r="T8971">
        <v>11</v>
      </c>
      <c r="U8971">
        <v>11</v>
      </c>
      <c r="V8971">
        <v>11</v>
      </c>
      <c r="W8971">
        <v>11</v>
      </c>
      <c r="X8971">
        <v>11</v>
      </c>
      <c r="Y8971">
        <v>12</v>
      </c>
      <c r="Z8971">
        <v>12</v>
      </c>
      <c r="AA8971">
        <v>12</v>
      </c>
      <c r="AB8971">
        <v>12</v>
      </c>
      <c r="AC8971">
        <v>12</v>
      </c>
      <c r="AD8971">
        <v>13</v>
      </c>
      <c r="AE8971">
        <v>13</v>
      </c>
      <c r="AF8971">
        <v>13</v>
      </c>
      <c r="AG8971">
        <v>13</v>
      </c>
      <c r="AH8971">
        <v>13</v>
      </c>
      <c r="AI8971">
        <v>13</v>
      </c>
      <c r="AJ8971">
        <v>14</v>
      </c>
      <c r="AK8971">
        <v>14</v>
      </c>
      <c r="AL8971">
        <v>14</v>
      </c>
      <c r="AM8971">
        <v>14</v>
      </c>
      <c r="AN8971">
        <v>14</v>
      </c>
      <c r="AO8971">
        <v>15</v>
      </c>
      <c r="AP8971">
        <v>15</v>
      </c>
      <c r="AQ8971">
        <v>15</v>
      </c>
    </row>
    <row r="8972" spans="1:43">
      <c r="A8972" t="s">
        <v>5616</v>
      </c>
      <c r="B8972" t="s">
        <v>5617</v>
      </c>
      <c r="C8972" t="s">
        <v>5604</v>
      </c>
      <c r="D8972" t="s">
        <v>5605</v>
      </c>
      <c r="E8972" t="s">
        <v>5426</v>
      </c>
      <c r="F8972" t="s">
        <v>5427</v>
      </c>
      <c r="G8972" t="s">
        <v>80</v>
      </c>
      <c r="H8972" t="s">
        <v>81</v>
      </c>
      <c r="I8972" s="2">
        <v>0</v>
      </c>
      <c r="J8972" s="2">
        <v>1</v>
      </c>
      <c r="K8972" s="2">
        <v>0</v>
      </c>
      <c r="L8972" t="s">
        <v>82</v>
      </c>
      <c r="M8972" t="s">
        <v>89</v>
      </c>
      <c r="N8972" t="s">
        <v>90</v>
      </c>
      <c r="O8972" t="s">
        <v>85</v>
      </c>
      <c r="P8972" t="s">
        <v>86</v>
      </c>
      <c r="Q8972">
        <v>10</v>
      </c>
      <c r="R8972">
        <v>11</v>
      </c>
      <c r="S8972">
        <v>11</v>
      </c>
      <c r="T8972">
        <v>12</v>
      </c>
      <c r="U8972">
        <v>12</v>
      </c>
      <c r="V8972">
        <v>12</v>
      </c>
      <c r="W8972">
        <v>13</v>
      </c>
      <c r="X8972">
        <v>13</v>
      </c>
      <c r="Y8972">
        <v>13</v>
      </c>
      <c r="Z8972">
        <v>14</v>
      </c>
      <c r="AA8972">
        <v>14</v>
      </c>
      <c r="AB8972">
        <v>14</v>
      </c>
      <c r="AC8972">
        <v>15</v>
      </c>
      <c r="AD8972">
        <v>15</v>
      </c>
      <c r="AE8972">
        <v>15</v>
      </c>
      <c r="AF8972">
        <v>16</v>
      </c>
      <c r="AG8972">
        <v>16</v>
      </c>
      <c r="AH8972">
        <v>16</v>
      </c>
      <c r="AI8972">
        <v>16</v>
      </c>
      <c r="AJ8972">
        <v>16</v>
      </c>
      <c r="AK8972">
        <v>16</v>
      </c>
      <c r="AL8972">
        <v>17</v>
      </c>
      <c r="AM8972">
        <v>17</v>
      </c>
      <c r="AN8972">
        <v>17</v>
      </c>
      <c r="AO8972">
        <v>17</v>
      </c>
      <c r="AP8972">
        <v>17</v>
      </c>
      <c r="AQ8972">
        <v>17</v>
      </c>
    </row>
    <row r="8973" spans="1:43">
      <c r="A8973" t="s">
        <v>5616</v>
      </c>
      <c r="B8973" t="s">
        <v>5617</v>
      </c>
      <c r="C8973" t="s">
        <v>5604</v>
      </c>
      <c r="D8973" t="s">
        <v>5605</v>
      </c>
      <c r="E8973" t="s">
        <v>5426</v>
      </c>
      <c r="F8973" t="s">
        <v>5427</v>
      </c>
      <c r="G8973" t="s">
        <v>80</v>
      </c>
      <c r="H8973" t="s">
        <v>81</v>
      </c>
      <c r="I8973" s="2">
        <v>0</v>
      </c>
      <c r="J8973" s="2">
        <v>1</v>
      </c>
      <c r="K8973" s="2">
        <v>0</v>
      </c>
      <c r="L8973" t="s">
        <v>82</v>
      </c>
      <c r="M8973" t="s">
        <v>83</v>
      </c>
      <c r="N8973" t="s">
        <v>91</v>
      </c>
      <c r="O8973" t="s">
        <v>85</v>
      </c>
      <c r="P8973" t="s">
        <v>86</v>
      </c>
      <c r="Q8973">
        <v>10</v>
      </c>
      <c r="R8973">
        <v>11</v>
      </c>
      <c r="S8973">
        <v>11</v>
      </c>
      <c r="T8973">
        <v>11</v>
      </c>
      <c r="U8973">
        <v>11</v>
      </c>
      <c r="V8973">
        <v>12</v>
      </c>
      <c r="W8973">
        <v>12</v>
      </c>
      <c r="X8973">
        <v>12</v>
      </c>
      <c r="Y8973">
        <v>13</v>
      </c>
      <c r="Z8973">
        <v>13</v>
      </c>
      <c r="AA8973">
        <v>13</v>
      </c>
      <c r="AB8973">
        <v>13</v>
      </c>
      <c r="AC8973">
        <v>14</v>
      </c>
      <c r="AD8973">
        <v>14</v>
      </c>
      <c r="AE8973">
        <v>14</v>
      </c>
      <c r="AF8973">
        <v>15</v>
      </c>
      <c r="AG8973">
        <v>15</v>
      </c>
      <c r="AH8973">
        <v>15</v>
      </c>
      <c r="AI8973">
        <v>16</v>
      </c>
      <c r="AJ8973">
        <v>16</v>
      </c>
      <c r="AK8973">
        <v>16</v>
      </c>
      <c r="AL8973">
        <v>16</v>
      </c>
      <c r="AM8973">
        <v>17</v>
      </c>
      <c r="AN8973">
        <v>17</v>
      </c>
      <c r="AO8973">
        <v>17</v>
      </c>
      <c r="AP8973">
        <v>17</v>
      </c>
      <c r="AQ8973">
        <v>17</v>
      </c>
    </row>
    <row r="8974" spans="1:43">
      <c r="A8974" t="s">
        <v>5618</v>
      </c>
      <c r="B8974" t="s">
        <v>5619</v>
      </c>
      <c r="C8974" t="s">
        <v>5604</v>
      </c>
      <c r="D8974" t="s">
        <v>5605</v>
      </c>
      <c r="E8974" t="s">
        <v>5426</v>
      </c>
      <c r="F8974" t="s">
        <v>5427</v>
      </c>
      <c r="G8974" t="s">
        <v>80</v>
      </c>
      <c r="H8974" t="s">
        <v>81</v>
      </c>
      <c r="I8974" s="2">
        <v>0</v>
      </c>
      <c r="J8974" s="2">
        <v>1</v>
      </c>
      <c r="K8974" s="2">
        <v>0</v>
      </c>
      <c r="L8974" t="s">
        <v>82</v>
      </c>
      <c r="M8974" t="s">
        <v>83</v>
      </c>
      <c r="N8974" t="s">
        <v>84</v>
      </c>
      <c r="O8974" t="s">
        <v>85</v>
      </c>
      <c r="P8974" t="s">
        <v>86</v>
      </c>
      <c r="Q8974">
        <v>126</v>
      </c>
      <c r="R8974">
        <v>129</v>
      </c>
      <c r="S8974">
        <v>132</v>
      </c>
      <c r="T8974">
        <v>135</v>
      </c>
      <c r="U8974">
        <v>139</v>
      </c>
      <c r="V8974">
        <v>142</v>
      </c>
      <c r="W8974">
        <v>145</v>
      </c>
      <c r="X8974">
        <v>149</v>
      </c>
      <c r="Y8974">
        <v>152</v>
      </c>
      <c r="Z8974">
        <v>156</v>
      </c>
      <c r="AA8974">
        <v>160</v>
      </c>
      <c r="AB8974">
        <v>163</v>
      </c>
      <c r="AC8974">
        <v>167</v>
      </c>
      <c r="AD8974">
        <v>171</v>
      </c>
      <c r="AE8974">
        <v>174</v>
      </c>
      <c r="AF8974">
        <v>178</v>
      </c>
      <c r="AG8974">
        <v>182</v>
      </c>
      <c r="AH8974">
        <v>186</v>
      </c>
      <c r="AI8974">
        <v>190</v>
      </c>
      <c r="AJ8974">
        <v>194</v>
      </c>
      <c r="AK8974">
        <v>198</v>
      </c>
      <c r="AL8974">
        <v>201</v>
      </c>
      <c r="AM8974">
        <v>203</v>
      </c>
      <c r="AN8974">
        <v>205</v>
      </c>
      <c r="AO8974">
        <v>207</v>
      </c>
      <c r="AP8974">
        <v>209</v>
      </c>
      <c r="AQ8974">
        <v>211</v>
      </c>
    </row>
    <row r="8975" spans="1:43">
      <c r="A8975" t="s">
        <v>5618</v>
      </c>
      <c r="B8975" t="s">
        <v>5619</v>
      </c>
      <c r="C8975" t="s">
        <v>5604</v>
      </c>
      <c r="D8975" t="s">
        <v>5605</v>
      </c>
      <c r="E8975" t="s">
        <v>5426</v>
      </c>
      <c r="F8975" t="s">
        <v>5427</v>
      </c>
      <c r="G8975" t="s">
        <v>80</v>
      </c>
      <c r="H8975" t="s">
        <v>81</v>
      </c>
      <c r="I8975" s="2">
        <v>0</v>
      </c>
      <c r="J8975" s="2">
        <v>1</v>
      </c>
      <c r="K8975" s="2">
        <v>0</v>
      </c>
      <c r="L8975" t="s">
        <v>82</v>
      </c>
      <c r="M8975" t="s">
        <v>87</v>
      </c>
      <c r="N8975" t="s">
        <v>88</v>
      </c>
      <c r="O8975" t="s">
        <v>85</v>
      </c>
      <c r="P8975" t="s">
        <v>86</v>
      </c>
      <c r="Q8975">
        <v>126</v>
      </c>
      <c r="R8975">
        <v>128</v>
      </c>
      <c r="S8975">
        <v>130</v>
      </c>
      <c r="T8975">
        <v>132</v>
      </c>
      <c r="U8975">
        <v>135</v>
      </c>
      <c r="V8975">
        <v>137</v>
      </c>
      <c r="W8975">
        <v>139</v>
      </c>
      <c r="X8975">
        <v>141</v>
      </c>
      <c r="Y8975">
        <v>143</v>
      </c>
      <c r="Z8975">
        <v>145</v>
      </c>
      <c r="AA8975">
        <v>147</v>
      </c>
      <c r="AB8975">
        <v>150</v>
      </c>
      <c r="AC8975">
        <v>152</v>
      </c>
      <c r="AD8975">
        <v>154</v>
      </c>
      <c r="AE8975">
        <v>156</v>
      </c>
      <c r="AF8975">
        <v>159</v>
      </c>
      <c r="AG8975">
        <v>161</v>
      </c>
      <c r="AH8975">
        <v>163</v>
      </c>
      <c r="AI8975">
        <v>166</v>
      </c>
      <c r="AJ8975">
        <v>168</v>
      </c>
      <c r="AK8975">
        <v>171</v>
      </c>
      <c r="AL8975">
        <v>173</v>
      </c>
      <c r="AM8975">
        <v>175</v>
      </c>
      <c r="AN8975">
        <v>178</v>
      </c>
      <c r="AO8975">
        <v>180</v>
      </c>
      <c r="AP8975">
        <v>183</v>
      </c>
      <c r="AQ8975">
        <v>186</v>
      </c>
    </row>
    <row r="8976" spans="1:43">
      <c r="A8976" t="s">
        <v>5618</v>
      </c>
      <c r="B8976" t="s">
        <v>5619</v>
      </c>
      <c r="C8976" t="s">
        <v>5604</v>
      </c>
      <c r="D8976" t="s">
        <v>5605</v>
      </c>
      <c r="E8976" t="s">
        <v>5426</v>
      </c>
      <c r="F8976" t="s">
        <v>5427</v>
      </c>
      <c r="G8976" t="s">
        <v>80</v>
      </c>
      <c r="H8976" t="s">
        <v>81</v>
      </c>
      <c r="I8976" s="2">
        <v>0</v>
      </c>
      <c r="J8976" s="2">
        <v>1</v>
      </c>
      <c r="K8976" s="2">
        <v>0</v>
      </c>
      <c r="L8976" t="s">
        <v>82</v>
      </c>
      <c r="M8976" t="s">
        <v>89</v>
      </c>
      <c r="N8976" t="s">
        <v>90</v>
      </c>
      <c r="O8976" t="s">
        <v>85</v>
      </c>
      <c r="P8976" t="s">
        <v>86</v>
      </c>
      <c r="Q8976">
        <v>126</v>
      </c>
      <c r="R8976">
        <v>130</v>
      </c>
      <c r="S8976">
        <v>134</v>
      </c>
      <c r="T8976">
        <v>139</v>
      </c>
      <c r="U8976">
        <v>143</v>
      </c>
      <c r="V8976">
        <v>148</v>
      </c>
      <c r="W8976">
        <v>152</v>
      </c>
      <c r="X8976">
        <v>156</v>
      </c>
      <c r="Y8976">
        <v>161</v>
      </c>
      <c r="Z8976">
        <v>165</v>
      </c>
      <c r="AA8976">
        <v>169</v>
      </c>
      <c r="AB8976">
        <v>173</v>
      </c>
      <c r="AC8976">
        <v>178</v>
      </c>
      <c r="AD8976">
        <v>183</v>
      </c>
      <c r="AE8976">
        <v>186</v>
      </c>
      <c r="AF8976">
        <v>188</v>
      </c>
      <c r="AG8976">
        <v>190</v>
      </c>
      <c r="AH8976">
        <v>193</v>
      </c>
      <c r="AI8976">
        <v>195</v>
      </c>
      <c r="AJ8976">
        <v>197</v>
      </c>
      <c r="AK8976">
        <v>199</v>
      </c>
      <c r="AL8976">
        <v>201</v>
      </c>
      <c r="AM8976">
        <v>203</v>
      </c>
      <c r="AN8976">
        <v>205</v>
      </c>
      <c r="AO8976">
        <v>207</v>
      </c>
      <c r="AP8976">
        <v>209</v>
      </c>
      <c r="AQ8976">
        <v>212</v>
      </c>
    </row>
    <row r="8977" spans="1:43">
      <c r="A8977" t="s">
        <v>5618</v>
      </c>
      <c r="B8977" t="s">
        <v>5619</v>
      </c>
      <c r="C8977" t="s">
        <v>5604</v>
      </c>
      <c r="D8977" t="s">
        <v>5605</v>
      </c>
      <c r="E8977" t="s">
        <v>5426</v>
      </c>
      <c r="F8977" t="s">
        <v>5427</v>
      </c>
      <c r="G8977" t="s">
        <v>80</v>
      </c>
      <c r="H8977" t="s">
        <v>81</v>
      </c>
      <c r="I8977" s="2">
        <v>0</v>
      </c>
      <c r="J8977" s="2">
        <v>1</v>
      </c>
      <c r="K8977" s="2">
        <v>0</v>
      </c>
      <c r="L8977" t="s">
        <v>82</v>
      </c>
      <c r="M8977" t="s">
        <v>83</v>
      </c>
      <c r="N8977" t="s">
        <v>91</v>
      </c>
      <c r="O8977" t="s">
        <v>85</v>
      </c>
      <c r="P8977" t="s">
        <v>86</v>
      </c>
      <c r="Q8977">
        <v>126</v>
      </c>
      <c r="R8977">
        <v>129</v>
      </c>
      <c r="S8977">
        <v>132</v>
      </c>
      <c r="T8977">
        <v>135</v>
      </c>
      <c r="U8977">
        <v>139</v>
      </c>
      <c r="V8977">
        <v>142</v>
      </c>
      <c r="W8977">
        <v>145</v>
      </c>
      <c r="X8977">
        <v>149</v>
      </c>
      <c r="Y8977">
        <v>152</v>
      </c>
      <c r="Z8977">
        <v>156</v>
      </c>
      <c r="AA8977">
        <v>160</v>
      </c>
      <c r="AB8977">
        <v>163</v>
      </c>
      <c r="AC8977">
        <v>167</v>
      </c>
      <c r="AD8977">
        <v>171</v>
      </c>
      <c r="AE8977">
        <v>174</v>
      </c>
      <c r="AF8977">
        <v>178</v>
      </c>
      <c r="AG8977">
        <v>182</v>
      </c>
      <c r="AH8977">
        <v>186</v>
      </c>
      <c r="AI8977">
        <v>190</v>
      </c>
      <c r="AJ8977">
        <v>194</v>
      </c>
      <c r="AK8977">
        <v>198</v>
      </c>
      <c r="AL8977">
        <v>201</v>
      </c>
      <c r="AM8977">
        <v>203</v>
      </c>
      <c r="AN8977">
        <v>205</v>
      </c>
      <c r="AO8977">
        <v>207</v>
      </c>
      <c r="AP8977">
        <v>209</v>
      </c>
      <c r="AQ8977">
        <v>211</v>
      </c>
    </row>
    <row r="8978" spans="1:43">
      <c r="A8978" t="s">
        <v>5620</v>
      </c>
      <c r="B8978" t="s">
        <v>5621</v>
      </c>
      <c r="C8978" t="s">
        <v>5482</v>
      </c>
      <c r="D8978" t="s">
        <v>5483</v>
      </c>
      <c r="E8978" t="s">
        <v>5426</v>
      </c>
      <c r="F8978" t="s">
        <v>5427</v>
      </c>
      <c r="G8978" t="s">
        <v>80</v>
      </c>
      <c r="H8978" t="s">
        <v>81</v>
      </c>
      <c r="I8978" s="2">
        <v>0</v>
      </c>
      <c r="J8978" s="2">
        <v>1</v>
      </c>
      <c r="K8978" s="2">
        <v>0</v>
      </c>
      <c r="L8978" t="s">
        <v>82</v>
      </c>
      <c r="M8978" t="s">
        <v>83</v>
      </c>
      <c r="N8978" t="s">
        <v>84</v>
      </c>
      <c r="O8978" t="s">
        <v>85</v>
      </c>
      <c r="P8978" t="s">
        <v>86</v>
      </c>
      <c r="Q8978">
        <v>28</v>
      </c>
      <c r="R8978">
        <v>28</v>
      </c>
      <c r="S8978">
        <v>29</v>
      </c>
      <c r="T8978">
        <v>30</v>
      </c>
      <c r="U8978">
        <v>30</v>
      </c>
      <c r="V8978">
        <v>31</v>
      </c>
      <c r="W8978">
        <v>32</v>
      </c>
      <c r="X8978">
        <v>33</v>
      </c>
      <c r="Y8978">
        <v>34</v>
      </c>
      <c r="Z8978">
        <v>34</v>
      </c>
      <c r="AA8978">
        <v>35</v>
      </c>
      <c r="AB8978">
        <v>36</v>
      </c>
      <c r="AC8978">
        <v>37</v>
      </c>
      <c r="AD8978">
        <v>38</v>
      </c>
      <c r="AE8978">
        <v>38</v>
      </c>
      <c r="AF8978">
        <v>39</v>
      </c>
      <c r="AG8978">
        <v>40</v>
      </c>
      <c r="AH8978">
        <v>41</v>
      </c>
      <c r="AI8978">
        <v>42</v>
      </c>
      <c r="AJ8978">
        <v>43</v>
      </c>
      <c r="AK8978">
        <v>44</v>
      </c>
      <c r="AL8978">
        <v>44</v>
      </c>
      <c r="AM8978">
        <v>45</v>
      </c>
      <c r="AN8978">
        <v>45</v>
      </c>
      <c r="AO8978">
        <v>46</v>
      </c>
      <c r="AP8978">
        <v>46</v>
      </c>
      <c r="AQ8978">
        <v>47</v>
      </c>
    </row>
    <row r="8979" spans="1:43">
      <c r="A8979" t="s">
        <v>5620</v>
      </c>
      <c r="B8979" t="s">
        <v>5621</v>
      </c>
      <c r="C8979" t="s">
        <v>5482</v>
      </c>
      <c r="D8979" t="s">
        <v>5483</v>
      </c>
      <c r="E8979" t="s">
        <v>5426</v>
      </c>
      <c r="F8979" t="s">
        <v>5427</v>
      </c>
      <c r="G8979" t="s">
        <v>80</v>
      </c>
      <c r="H8979" t="s">
        <v>81</v>
      </c>
      <c r="I8979" s="2">
        <v>0</v>
      </c>
      <c r="J8979" s="2">
        <v>1</v>
      </c>
      <c r="K8979" s="2">
        <v>0</v>
      </c>
      <c r="L8979" t="s">
        <v>82</v>
      </c>
      <c r="M8979" t="s">
        <v>87</v>
      </c>
      <c r="N8979" t="s">
        <v>88</v>
      </c>
      <c r="O8979" t="s">
        <v>85</v>
      </c>
      <c r="P8979" t="s">
        <v>86</v>
      </c>
      <c r="Q8979">
        <v>28</v>
      </c>
      <c r="R8979">
        <v>29</v>
      </c>
      <c r="S8979">
        <v>29</v>
      </c>
      <c r="T8979">
        <v>30</v>
      </c>
      <c r="U8979">
        <v>30</v>
      </c>
      <c r="V8979">
        <v>31</v>
      </c>
      <c r="W8979">
        <v>31</v>
      </c>
      <c r="X8979">
        <v>32</v>
      </c>
      <c r="Y8979">
        <v>32</v>
      </c>
      <c r="Z8979">
        <v>32</v>
      </c>
      <c r="AA8979">
        <v>33</v>
      </c>
      <c r="AB8979">
        <v>33</v>
      </c>
      <c r="AC8979">
        <v>34</v>
      </c>
      <c r="AD8979">
        <v>34</v>
      </c>
      <c r="AE8979">
        <v>35</v>
      </c>
      <c r="AF8979">
        <v>35</v>
      </c>
      <c r="AG8979">
        <v>36</v>
      </c>
      <c r="AH8979">
        <v>36</v>
      </c>
      <c r="AI8979">
        <v>37</v>
      </c>
      <c r="AJ8979">
        <v>38</v>
      </c>
      <c r="AK8979">
        <v>38</v>
      </c>
      <c r="AL8979">
        <v>39</v>
      </c>
      <c r="AM8979">
        <v>39</v>
      </c>
      <c r="AN8979">
        <v>40</v>
      </c>
      <c r="AO8979">
        <v>40</v>
      </c>
      <c r="AP8979">
        <v>41</v>
      </c>
      <c r="AQ8979">
        <v>41</v>
      </c>
    </row>
    <row r="8980" spans="1:43">
      <c r="A8980" t="s">
        <v>5620</v>
      </c>
      <c r="B8980" t="s">
        <v>5621</v>
      </c>
      <c r="C8980" t="s">
        <v>5482</v>
      </c>
      <c r="D8980" t="s">
        <v>5483</v>
      </c>
      <c r="E8980" t="s">
        <v>5426</v>
      </c>
      <c r="F8980" t="s">
        <v>5427</v>
      </c>
      <c r="G8980" t="s">
        <v>80</v>
      </c>
      <c r="H8980" t="s">
        <v>81</v>
      </c>
      <c r="I8980" s="2">
        <v>0</v>
      </c>
      <c r="J8980" s="2">
        <v>1</v>
      </c>
      <c r="K8980" s="2">
        <v>0</v>
      </c>
      <c r="L8980" t="s">
        <v>82</v>
      </c>
      <c r="M8980" t="s">
        <v>89</v>
      </c>
      <c r="N8980" t="s">
        <v>90</v>
      </c>
      <c r="O8980" t="s">
        <v>85</v>
      </c>
      <c r="P8980" t="s">
        <v>86</v>
      </c>
      <c r="Q8980">
        <v>28</v>
      </c>
      <c r="R8980">
        <v>29</v>
      </c>
      <c r="S8980">
        <v>30</v>
      </c>
      <c r="T8980">
        <v>31</v>
      </c>
      <c r="U8980">
        <v>32</v>
      </c>
      <c r="V8980">
        <v>33</v>
      </c>
      <c r="W8980">
        <v>34</v>
      </c>
      <c r="X8980">
        <v>35</v>
      </c>
      <c r="Y8980">
        <v>36</v>
      </c>
      <c r="Z8980">
        <v>36</v>
      </c>
      <c r="AA8980">
        <v>37</v>
      </c>
      <c r="AB8980">
        <v>38</v>
      </c>
      <c r="AC8980">
        <v>39</v>
      </c>
      <c r="AD8980">
        <v>40</v>
      </c>
      <c r="AE8980">
        <v>41</v>
      </c>
      <c r="AF8980">
        <v>42</v>
      </c>
      <c r="AG8980">
        <v>42</v>
      </c>
      <c r="AH8980">
        <v>43</v>
      </c>
      <c r="AI8980">
        <v>43</v>
      </c>
      <c r="AJ8980">
        <v>44</v>
      </c>
      <c r="AK8980">
        <v>44</v>
      </c>
      <c r="AL8980">
        <v>44</v>
      </c>
      <c r="AM8980">
        <v>45</v>
      </c>
      <c r="AN8980">
        <v>45</v>
      </c>
      <c r="AO8980">
        <v>46</v>
      </c>
      <c r="AP8980">
        <v>46</v>
      </c>
      <c r="AQ8980">
        <v>47</v>
      </c>
    </row>
    <row r="8981" spans="1:43">
      <c r="A8981" t="s">
        <v>5620</v>
      </c>
      <c r="B8981" t="s">
        <v>5621</v>
      </c>
      <c r="C8981" t="s">
        <v>5482</v>
      </c>
      <c r="D8981" t="s">
        <v>5483</v>
      </c>
      <c r="E8981" t="s">
        <v>5426</v>
      </c>
      <c r="F8981" t="s">
        <v>5427</v>
      </c>
      <c r="G8981" t="s">
        <v>80</v>
      </c>
      <c r="H8981" t="s">
        <v>81</v>
      </c>
      <c r="I8981" s="2">
        <v>0</v>
      </c>
      <c r="J8981" s="2">
        <v>1</v>
      </c>
      <c r="K8981" s="2">
        <v>0</v>
      </c>
      <c r="L8981" t="s">
        <v>82</v>
      </c>
      <c r="M8981" t="s">
        <v>83</v>
      </c>
      <c r="N8981" t="s">
        <v>91</v>
      </c>
      <c r="O8981" t="s">
        <v>85</v>
      </c>
      <c r="P8981" t="s">
        <v>86</v>
      </c>
      <c r="Q8981">
        <v>28</v>
      </c>
      <c r="R8981">
        <v>28</v>
      </c>
      <c r="S8981">
        <v>29</v>
      </c>
      <c r="T8981">
        <v>30</v>
      </c>
      <c r="U8981">
        <v>30</v>
      </c>
      <c r="V8981">
        <v>31</v>
      </c>
      <c r="W8981">
        <v>32</v>
      </c>
      <c r="X8981">
        <v>33</v>
      </c>
      <c r="Y8981">
        <v>34</v>
      </c>
      <c r="Z8981">
        <v>34</v>
      </c>
      <c r="AA8981">
        <v>35</v>
      </c>
      <c r="AB8981">
        <v>36</v>
      </c>
      <c r="AC8981">
        <v>37</v>
      </c>
      <c r="AD8981">
        <v>38</v>
      </c>
      <c r="AE8981">
        <v>38</v>
      </c>
      <c r="AF8981">
        <v>39</v>
      </c>
      <c r="AG8981">
        <v>40</v>
      </c>
      <c r="AH8981">
        <v>41</v>
      </c>
      <c r="AI8981">
        <v>42</v>
      </c>
      <c r="AJ8981">
        <v>43</v>
      </c>
      <c r="AK8981">
        <v>44</v>
      </c>
      <c r="AL8981">
        <v>44</v>
      </c>
      <c r="AM8981">
        <v>45</v>
      </c>
      <c r="AN8981">
        <v>45</v>
      </c>
      <c r="AO8981">
        <v>46</v>
      </c>
      <c r="AP8981">
        <v>46</v>
      </c>
      <c r="AQ8981">
        <v>47</v>
      </c>
    </row>
    <row r="8982" spans="1:43">
      <c r="A8982" t="s">
        <v>5622</v>
      </c>
      <c r="B8982" t="s">
        <v>5623</v>
      </c>
      <c r="C8982" t="s">
        <v>5482</v>
      </c>
      <c r="D8982" t="s">
        <v>5483</v>
      </c>
      <c r="E8982" t="s">
        <v>5426</v>
      </c>
      <c r="F8982" t="s">
        <v>5427</v>
      </c>
      <c r="G8982" t="s">
        <v>80</v>
      </c>
      <c r="H8982" t="s">
        <v>81</v>
      </c>
      <c r="I8982" s="2">
        <v>0</v>
      </c>
      <c r="J8982" s="2">
        <v>1</v>
      </c>
      <c r="K8982" s="2">
        <v>0</v>
      </c>
      <c r="L8982" t="s">
        <v>82</v>
      </c>
      <c r="M8982" t="s">
        <v>83</v>
      </c>
      <c r="N8982" t="s">
        <v>84</v>
      </c>
      <c r="O8982" t="s">
        <v>85</v>
      </c>
      <c r="P8982" t="s">
        <v>86</v>
      </c>
      <c r="Q8982">
        <v>44</v>
      </c>
      <c r="R8982">
        <v>46</v>
      </c>
      <c r="S8982">
        <v>47</v>
      </c>
      <c r="T8982">
        <v>48</v>
      </c>
      <c r="U8982">
        <v>49</v>
      </c>
      <c r="V8982">
        <v>50</v>
      </c>
      <c r="W8982">
        <v>51</v>
      </c>
      <c r="X8982">
        <v>53</v>
      </c>
      <c r="Y8982">
        <v>54</v>
      </c>
      <c r="Z8982">
        <v>55</v>
      </c>
      <c r="AA8982">
        <v>56</v>
      </c>
      <c r="AB8982">
        <v>58</v>
      </c>
      <c r="AC8982">
        <v>59</v>
      </c>
      <c r="AD8982">
        <v>60</v>
      </c>
      <c r="AE8982">
        <v>62</v>
      </c>
      <c r="AF8982">
        <v>63</v>
      </c>
      <c r="AG8982">
        <v>64</v>
      </c>
      <c r="AH8982">
        <v>66</v>
      </c>
      <c r="AI8982">
        <v>67</v>
      </c>
      <c r="AJ8982">
        <v>69</v>
      </c>
      <c r="AK8982">
        <v>70</v>
      </c>
      <c r="AL8982">
        <v>71</v>
      </c>
      <c r="AM8982">
        <v>72</v>
      </c>
      <c r="AN8982">
        <v>72</v>
      </c>
      <c r="AO8982">
        <v>73</v>
      </c>
      <c r="AP8982">
        <v>74</v>
      </c>
      <c r="AQ8982">
        <v>75</v>
      </c>
    </row>
    <row r="8983" spans="1:43">
      <c r="A8983" t="s">
        <v>5622</v>
      </c>
      <c r="B8983" t="s">
        <v>5623</v>
      </c>
      <c r="C8983" t="s">
        <v>5482</v>
      </c>
      <c r="D8983" t="s">
        <v>5483</v>
      </c>
      <c r="E8983" t="s">
        <v>5426</v>
      </c>
      <c r="F8983" t="s">
        <v>5427</v>
      </c>
      <c r="G8983" t="s">
        <v>80</v>
      </c>
      <c r="H8983" t="s">
        <v>81</v>
      </c>
      <c r="I8983" s="2">
        <v>0</v>
      </c>
      <c r="J8983" s="2">
        <v>1</v>
      </c>
      <c r="K8983" s="2">
        <v>0</v>
      </c>
      <c r="L8983" t="s">
        <v>82</v>
      </c>
      <c r="M8983" t="s">
        <v>87</v>
      </c>
      <c r="N8983" t="s">
        <v>88</v>
      </c>
      <c r="O8983" t="s">
        <v>85</v>
      </c>
      <c r="P8983" t="s">
        <v>86</v>
      </c>
      <c r="Q8983">
        <v>44</v>
      </c>
      <c r="R8983">
        <v>45</v>
      </c>
      <c r="S8983">
        <v>45</v>
      </c>
      <c r="T8983">
        <v>46</v>
      </c>
      <c r="U8983">
        <v>47</v>
      </c>
      <c r="V8983">
        <v>48</v>
      </c>
      <c r="W8983">
        <v>48</v>
      </c>
      <c r="X8983">
        <v>49</v>
      </c>
      <c r="Y8983">
        <v>50</v>
      </c>
      <c r="Z8983">
        <v>51</v>
      </c>
      <c r="AA8983">
        <v>51</v>
      </c>
      <c r="AB8983">
        <v>52</v>
      </c>
      <c r="AC8983">
        <v>53</v>
      </c>
      <c r="AD8983">
        <v>54</v>
      </c>
      <c r="AE8983">
        <v>55</v>
      </c>
      <c r="AF8983">
        <v>55</v>
      </c>
      <c r="AG8983">
        <v>56</v>
      </c>
      <c r="AH8983">
        <v>57</v>
      </c>
      <c r="AI8983">
        <v>58</v>
      </c>
      <c r="AJ8983">
        <v>59</v>
      </c>
      <c r="AK8983">
        <v>60</v>
      </c>
      <c r="AL8983">
        <v>60</v>
      </c>
      <c r="AM8983">
        <v>61</v>
      </c>
      <c r="AN8983">
        <v>62</v>
      </c>
      <c r="AO8983">
        <v>63</v>
      </c>
      <c r="AP8983">
        <v>64</v>
      </c>
      <c r="AQ8983">
        <v>65</v>
      </c>
    </row>
    <row r="8984" spans="1:43">
      <c r="A8984" t="s">
        <v>5622</v>
      </c>
      <c r="B8984" t="s">
        <v>5623</v>
      </c>
      <c r="C8984" t="s">
        <v>5482</v>
      </c>
      <c r="D8984" t="s">
        <v>5483</v>
      </c>
      <c r="E8984" t="s">
        <v>5426</v>
      </c>
      <c r="F8984" t="s">
        <v>5427</v>
      </c>
      <c r="G8984" t="s">
        <v>80</v>
      </c>
      <c r="H8984" t="s">
        <v>81</v>
      </c>
      <c r="I8984" s="2">
        <v>0</v>
      </c>
      <c r="J8984" s="2">
        <v>1</v>
      </c>
      <c r="K8984" s="2">
        <v>0</v>
      </c>
      <c r="L8984" t="s">
        <v>82</v>
      </c>
      <c r="M8984" t="s">
        <v>89</v>
      </c>
      <c r="N8984" t="s">
        <v>90</v>
      </c>
      <c r="O8984" t="s">
        <v>85</v>
      </c>
      <c r="P8984" t="s">
        <v>86</v>
      </c>
      <c r="Q8984">
        <v>44</v>
      </c>
      <c r="R8984">
        <v>45</v>
      </c>
      <c r="S8984">
        <v>47</v>
      </c>
      <c r="T8984">
        <v>48</v>
      </c>
      <c r="U8984">
        <v>50</v>
      </c>
      <c r="V8984">
        <v>51</v>
      </c>
      <c r="W8984">
        <v>53</v>
      </c>
      <c r="X8984">
        <v>55</v>
      </c>
      <c r="Y8984">
        <v>56</v>
      </c>
      <c r="Z8984">
        <v>58</v>
      </c>
      <c r="AA8984">
        <v>59</v>
      </c>
      <c r="AB8984">
        <v>61</v>
      </c>
      <c r="AC8984">
        <v>62</v>
      </c>
      <c r="AD8984">
        <v>64</v>
      </c>
      <c r="AE8984">
        <v>65</v>
      </c>
      <c r="AF8984">
        <v>66</v>
      </c>
      <c r="AG8984">
        <v>67</v>
      </c>
      <c r="AH8984">
        <v>67</v>
      </c>
      <c r="AI8984">
        <v>68</v>
      </c>
      <c r="AJ8984">
        <v>69</v>
      </c>
      <c r="AK8984">
        <v>70</v>
      </c>
      <c r="AL8984">
        <v>70</v>
      </c>
      <c r="AM8984">
        <v>71</v>
      </c>
      <c r="AN8984">
        <v>72</v>
      </c>
      <c r="AO8984">
        <v>73</v>
      </c>
      <c r="AP8984">
        <v>73</v>
      </c>
      <c r="AQ8984">
        <v>74</v>
      </c>
    </row>
    <row r="8985" spans="1:43">
      <c r="A8985" t="s">
        <v>5622</v>
      </c>
      <c r="B8985" t="s">
        <v>5623</v>
      </c>
      <c r="C8985" t="s">
        <v>5482</v>
      </c>
      <c r="D8985" t="s">
        <v>5483</v>
      </c>
      <c r="E8985" t="s">
        <v>5426</v>
      </c>
      <c r="F8985" t="s">
        <v>5427</v>
      </c>
      <c r="G8985" t="s">
        <v>80</v>
      </c>
      <c r="H8985" t="s">
        <v>81</v>
      </c>
      <c r="I8985" s="2">
        <v>0</v>
      </c>
      <c r="J8985" s="2">
        <v>1</v>
      </c>
      <c r="K8985" s="2">
        <v>0</v>
      </c>
      <c r="L8985" t="s">
        <v>82</v>
      </c>
      <c r="M8985" t="s">
        <v>83</v>
      </c>
      <c r="N8985" t="s">
        <v>91</v>
      </c>
      <c r="O8985" t="s">
        <v>85</v>
      </c>
      <c r="P8985" t="s">
        <v>86</v>
      </c>
      <c r="Q8985">
        <v>44</v>
      </c>
      <c r="R8985">
        <v>46</v>
      </c>
      <c r="S8985">
        <v>47</v>
      </c>
      <c r="T8985">
        <v>48</v>
      </c>
      <c r="U8985">
        <v>49</v>
      </c>
      <c r="V8985">
        <v>50</v>
      </c>
      <c r="W8985">
        <v>51</v>
      </c>
      <c r="X8985">
        <v>53</v>
      </c>
      <c r="Y8985">
        <v>54</v>
      </c>
      <c r="Z8985">
        <v>55</v>
      </c>
      <c r="AA8985">
        <v>56</v>
      </c>
      <c r="AB8985">
        <v>58</v>
      </c>
      <c r="AC8985">
        <v>59</v>
      </c>
      <c r="AD8985">
        <v>60</v>
      </c>
      <c r="AE8985">
        <v>62</v>
      </c>
      <c r="AF8985">
        <v>63</v>
      </c>
      <c r="AG8985">
        <v>64</v>
      </c>
      <c r="AH8985">
        <v>66</v>
      </c>
      <c r="AI8985">
        <v>67</v>
      </c>
      <c r="AJ8985">
        <v>69</v>
      </c>
      <c r="AK8985">
        <v>70</v>
      </c>
      <c r="AL8985">
        <v>71</v>
      </c>
      <c r="AM8985">
        <v>72</v>
      </c>
      <c r="AN8985">
        <v>72</v>
      </c>
      <c r="AO8985">
        <v>73</v>
      </c>
      <c r="AP8985">
        <v>74</v>
      </c>
      <c r="AQ8985">
        <v>75</v>
      </c>
    </row>
    <row r="8986" spans="1:43">
      <c r="A8986" t="s">
        <v>5624</v>
      </c>
      <c r="B8986" t="s">
        <v>5625</v>
      </c>
      <c r="C8986" t="s">
        <v>5626</v>
      </c>
      <c r="D8986" t="s">
        <v>5627</v>
      </c>
      <c r="E8986" t="s">
        <v>5426</v>
      </c>
      <c r="F8986" t="s">
        <v>5427</v>
      </c>
      <c r="G8986" t="s">
        <v>80</v>
      </c>
      <c r="H8986" t="s">
        <v>81</v>
      </c>
      <c r="I8986" s="2">
        <v>0</v>
      </c>
      <c r="J8986" s="2">
        <v>1</v>
      </c>
      <c r="K8986" s="2">
        <v>0</v>
      </c>
      <c r="L8986" t="s">
        <v>82</v>
      </c>
      <c r="M8986" t="s">
        <v>83</v>
      </c>
      <c r="N8986" t="s">
        <v>84</v>
      </c>
      <c r="O8986" t="s">
        <v>85</v>
      </c>
      <c r="P8986" t="s">
        <v>86</v>
      </c>
      <c r="Q8986">
        <v>27</v>
      </c>
      <c r="R8986">
        <v>27</v>
      </c>
      <c r="S8986">
        <v>28</v>
      </c>
      <c r="T8986">
        <v>29</v>
      </c>
      <c r="U8986">
        <v>29</v>
      </c>
      <c r="V8986">
        <v>30</v>
      </c>
      <c r="W8986">
        <v>31</v>
      </c>
      <c r="X8986">
        <v>31</v>
      </c>
      <c r="Y8986">
        <v>32</v>
      </c>
      <c r="Z8986">
        <v>33</v>
      </c>
      <c r="AA8986">
        <v>34</v>
      </c>
      <c r="AB8986">
        <v>35</v>
      </c>
      <c r="AC8986">
        <v>35</v>
      </c>
      <c r="AD8986">
        <v>36</v>
      </c>
      <c r="AE8986">
        <v>37</v>
      </c>
      <c r="AF8986">
        <v>38</v>
      </c>
      <c r="AG8986">
        <v>39</v>
      </c>
      <c r="AH8986">
        <v>39</v>
      </c>
      <c r="AI8986">
        <v>40</v>
      </c>
      <c r="AJ8986">
        <v>41</v>
      </c>
      <c r="AK8986">
        <v>42</v>
      </c>
      <c r="AL8986">
        <v>42</v>
      </c>
      <c r="AM8986">
        <v>43</v>
      </c>
      <c r="AN8986">
        <v>43</v>
      </c>
      <c r="AO8986">
        <v>44</v>
      </c>
      <c r="AP8986">
        <v>44</v>
      </c>
      <c r="AQ8986">
        <v>45</v>
      </c>
    </row>
    <row r="8987" spans="1:43">
      <c r="A8987" t="s">
        <v>5624</v>
      </c>
      <c r="B8987" t="s">
        <v>5625</v>
      </c>
      <c r="C8987" t="s">
        <v>5626</v>
      </c>
      <c r="D8987" t="s">
        <v>5627</v>
      </c>
      <c r="E8987" t="s">
        <v>5426</v>
      </c>
      <c r="F8987" t="s">
        <v>5427</v>
      </c>
      <c r="G8987" t="s">
        <v>80</v>
      </c>
      <c r="H8987" t="s">
        <v>81</v>
      </c>
      <c r="I8987" s="2">
        <v>0</v>
      </c>
      <c r="J8987" s="2">
        <v>1</v>
      </c>
      <c r="K8987" s="2">
        <v>0</v>
      </c>
      <c r="L8987" t="s">
        <v>82</v>
      </c>
      <c r="M8987" t="s">
        <v>87</v>
      </c>
      <c r="N8987" t="s">
        <v>88</v>
      </c>
      <c r="O8987" t="s">
        <v>85</v>
      </c>
      <c r="P8987" t="s">
        <v>86</v>
      </c>
      <c r="Q8987">
        <v>27</v>
      </c>
      <c r="R8987">
        <v>28</v>
      </c>
      <c r="S8987">
        <v>28</v>
      </c>
      <c r="T8987">
        <v>29</v>
      </c>
      <c r="U8987">
        <v>29</v>
      </c>
      <c r="V8987">
        <v>29</v>
      </c>
      <c r="W8987">
        <v>30</v>
      </c>
      <c r="X8987">
        <v>30</v>
      </c>
      <c r="Y8987">
        <v>31</v>
      </c>
      <c r="Z8987">
        <v>31</v>
      </c>
      <c r="AA8987">
        <v>32</v>
      </c>
      <c r="AB8987">
        <v>32</v>
      </c>
      <c r="AC8987">
        <v>33</v>
      </c>
      <c r="AD8987">
        <v>33</v>
      </c>
      <c r="AE8987">
        <v>34</v>
      </c>
      <c r="AF8987">
        <v>34</v>
      </c>
      <c r="AG8987">
        <v>35</v>
      </c>
      <c r="AH8987">
        <v>35</v>
      </c>
      <c r="AI8987">
        <v>36</v>
      </c>
      <c r="AJ8987">
        <v>36</v>
      </c>
      <c r="AK8987">
        <v>37</v>
      </c>
      <c r="AL8987">
        <v>37</v>
      </c>
      <c r="AM8987">
        <v>38</v>
      </c>
      <c r="AN8987">
        <v>38</v>
      </c>
      <c r="AO8987">
        <v>39</v>
      </c>
      <c r="AP8987">
        <v>39</v>
      </c>
      <c r="AQ8987">
        <v>40</v>
      </c>
    </row>
    <row r="8988" spans="1:43">
      <c r="A8988" t="s">
        <v>5624</v>
      </c>
      <c r="B8988" t="s">
        <v>5625</v>
      </c>
      <c r="C8988" t="s">
        <v>5626</v>
      </c>
      <c r="D8988" t="s">
        <v>5627</v>
      </c>
      <c r="E8988" t="s">
        <v>5426</v>
      </c>
      <c r="F8988" t="s">
        <v>5427</v>
      </c>
      <c r="G8988" t="s">
        <v>80</v>
      </c>
      <c r="H8988" t="s">
        <v>81</v>
      </c>
      <c r="I8988" s="2">
        <v>0</v>
      </c>
      <c r="J8988" s="2">
        <v>1</v>
      </c>
      <c r="K8988" s="2">
        <v>0</v>
      </c>
      <c r="L8988" t="s">
        <v>82</v>
      </c>
      <c r="M8988" t="s">
        <v>89</v>
      </c>
      <c r="N8988" t="s">
        <v>90</v>
      </c>
      <c r="O8988" t="s">
        <v>85</v>
      </c>
      <c r="P8988" t="s">
        <v>86</v>
      </c>
      <c r="Q8988">
        <v>27</v>
      </c>
      <c r="R8988">
        <v>28</v>
      </c>
      <c r="S8988">
        <v>29</v>
      </c>
      <c r="T8988">
        <v>30</v>
      </c>
      <c r="U8988">
        <v>30</v>
      </c>
      <c r="V8988">
        <v>31</v>
      </c>
      <c r="W8988">
        <v>32</v>
      </c>
      <c r="X8988">
        <v>33</v>
      </c>
      <c r="Y8988">
        <v>34</v>
      </c>
      <c r="Z8988">
        <v>35</v>
      </c>
      <c r="AA8988">
        <v>36</v>
      </c>
      <c r="AB8988">
        <v>37</v>
      </c>
      <c r="AC8988">
        <v>38</v>
      </c>
      <c r="AD8988">
        <v>39</v>
      </c>
      <c r="AE8988">
        <v>40</v>
      </c>
      <c r="AF8988">
        <v>40</v>
      </c>
      <c r="AG8988">
        <v>41</v>
      </c>
      <c r="AH8988">
        <v>41</v>
      </c>
      <c r="AI8988">
        <v>41</v>
      </c>
      <c r="AJ8988">
        <v>42</v>
      </c>
      <c r="AK8988">
        <v>42</v>
      </c>
      <c r="AL8988">
        <v>43</v>
      </c>
      <c r="AM8988">
        <v>43</v>
      </c>
      <c r="AN8988">
        <v>44</v>
      </c>
      <c r="AO8988">
        <v>44</v>
      </c>
      <c r="AP8988">
        <v>45</v>
      </c>
      <c r="AQ8988">
        <v>45</v>
      </c>
    </row>
    <row r="8989" spans="1:43">
      <c r="A8989" t="s">
        <v>5624</v>
      </c>
      <c r="B8989" t="s">
        <v>5625</v>
      </c>
      <c r="C8989" t="s">
        <v>5626</v>
      </c>
      <c r="D8989" t="s">
        <v>5627</v>
      </c>
      <c r="E8989" t="s">
        <v>5426</v>
      </c>
      <c r="F8989" t="s">
        <v>5427</v>
      </c>
      <c r="G8989" t="s">
        <v>80</v>
      </c>
      <c r="H8989" t="s">
        <v>81</v>
      </c>
      <c r="I8989" s="2">
        <v>0</v>
      </c>
      <c r="J8989" s="2">
        <v>1</v>
      </c>
      <c r="K8989" s="2">
        <v>0</v>
      </c>
      <c r="L8989" t="s">
        <v>82</v>
      </c>
      <c r="M8989" t="s">
        <v>83</v>
      </c>
      <c r="N8989" t="s">
        <v>91</v>
      </c>
      <c r="O8989" t="s">
        <v>85</v>
      </c>
      <c r="P8989" t="s">
        <v>86</v>
      </c>
      <c r="Q8989">
        <v>27</v>
      </c>
      <c r="R8989">
        <v>27</v>
      </c>
      <c r="S8989">
        <v>28</v>
      </c>
      <c r="T8989">
        <v>29</v>
      </c>
      <c r="U8989">
        <v>29</v>
      </c>
      <c r="V8989">
        <v>30</v>
      </c>
      <c r="W8989">
        <v>31</v>
      </c>
      <c r="X8989">
        <v>31</v>
      </c>
      <c r="Y8989">
        <v>32</v>
      </c>
      <c r="Z8989">
        <v>33</v>
      </c>
      <c r="AA8989">
        <v>34</v>
      </c>
      <c r="AB8989">
        <v>35</v>
      </c>
      <c r="AC8989">
        <v>35</v>
      </c>
      <c r="AD8989">
        <v>36</v>
      </c>
      <c r="AE8989">
        <v>37</v>
      </c>
      <c r="AF8989">
        <v>38</v>
      </c>
      <c r="AG8989">
        <v>39</v>
      </c>
      <c r="AH8989">
        <v>39</v>
      </c>
      <c r="AI8989">
        <v>40</v>
      </c>
      <c r="AJ8989">
        <v>41</v>
      </c>
      <c r="AK8989">
        <v>42</v>
      </c>
      <c r="AL8989">
        <v>42</v>
      </c>
      <c r="AM8989">
        <v>43</v>
      </c>
      <c r="AN8989">
        <v>43</v>
      </c>
      <c r="AO8989">
        <v>44</v>
      </c>
      <c r="AP8989">
        <v>44</v>
      </c>
      <c r="AQ8989">
        <v>45</v>
      </c>
    </row>
    <row r="8990" spans="1:43">
      <c r="A8990" t="s">
        <v>5628</v>
      </c>
      <c r="B8990" t="s">
        <v>5629</v>
      </c>
      <c r="C8990" t="s">
        <v>5626</v>
      </c>
      <c r="D8990" t="s">
        <v>5627</v>
      </c>
      <c r="E8990" t="s">
        <v>5426</v>
      </c>
      <c r="F8990" t="s">
        <v>5427</v>
      </c>
      <c r="G8990" t="s">
        <v>80</v>
      </c>
      <c r="H8990" t="s">
        <v>81</v>
      </c>
      <c r="I8990" s="2">
        <v>0</v>
      </c>
      <c r="J8990" s="2">
        <v>1</v>
      </c>
      <c r="K8990" s="2">
        <v>0</v>
      </c>
      <c r="L8990" t="s">
        <v>82</v>
      </c>
      <c r="M8990" t="s">
        <v>83</v>
      </c>
      <c r="N8990" t="s">
        <v>84</v>
      </c>
      <c r="O8990" t="s">
        <v>85</v>
      </c>
      <c r="P8990" t="s">
        <v>86</v>
      </c>
      <c r="Q8990">
        <v>91</v>
      </c>
      <c r="R8990">
        <v>94</v>
      </c>
      <c r="S8990">
        <v>96</v>
      </c>
      <c r="T8990">
        <v>98</v>
      </c>
      <c r="U8990">
        <v>101</v>
      </c>
      <c r="V8990">
        <v>103</v>
      </c>
      <c r="W8990">
        <v>106</v>
      </c>
      <c r="X8990">
        <v>108</v>
      </c>
      <c r="Y8990">
        <v>111</v>
      </c>
      <c r="Z8990">
        <v>113</v>
      </c>
      <c r="AA8990">
        <v>116</v>
      </c>
      <c r="AB8990">
        <v>119</v>
      </c>
      <c r="AC8990">
        <v>121</v>
      </c>
      <c r="AD8990">
        <v>124</v>
      </c>
      <c r="AE8990">
        <v>127</v>
      </c>
      <c r="AF8990">
        <v>129</v>
      </c>
      <c r="AG8990">
        <v>132</v>
      </c>
      <c r="AH8990">
        <v>135</v>
      </c>
      <c r="AI8990">
        <v>138</v>
      </c>
      <c r="AJ8990">
        <v>141</v>
      </c>
      <c r="AK8990">
        <v>144</v>
      </c>
      <c r="AL8990">
        <v>146</v>
      </c>
      <c r="AM8990">
        <v>147</v>
      </c>
      <c r="AN8990">
        <v>149</v>
      </c>
      <c r="AO8990">
        <v>151</v>
      </c>
      <c r="AP8990">
        <v>152</v>
      </c>
      <c r="AQ8990">
        <v>154</v>
      </c>
    </row>
    <row r="8991" spans="1:43">
      <c r="A8991" t="s">
        <v>5628</v>
      </c>
      <c r="B8991" t="s">
        <v>5629</v>
      </c>
      <c r="C8991" t="s">
        <v>5626</v>
      </c>
      <c r="D8991" t="s">
        <v>5627</v>
      </c>
      <c r="E8991" t="s">
        <v>5426</v>
      </c>
      <c r="F8991" t="s">
        <v>5427</v>
      </c>
      <c r="G8991" t="s">
        <v>80</v>
      </c>
      <c r="H8991" t="s">
        <v>81</v>
      </c>
      <c r="I8991" s="2">
        <v>0</v>
      </c>
      <c r="J8991" s="2">
        <v>1</v>
      </c>
      <c r="K8991" s="2">
        <v>0</v>
      </c>
      <c r="L8991" t="s">
        <v>82</v>
      </c>
      <c r="M8991" t="s">
        <v>87</v>
      </c>
      <c r="N8991" t="s">
        <v>88</v>
      </c>
      <c r="O8991" t="s">
        <v>85</v>
      </c>
      <c r="P8991" t="s">
        <v>86</v>
      </c>
      <c r="Q8991">
        <v>91</v>
      </c>
      <c r="R8991">
        <v>93</v>
      </c>
      <c r="S8991">
        <v>94</v>
      </c>
      <c r="T8991">
        <v>96</v>
      </c>
      <c r="U8991">
        <v>97</v>
      </c>
      <c r="V8991">
        <v>99</v>
      </c>
      <c r="W8991">
        <v>100</v>
      </c>
      <c r="X8991">
        <v>102</v>
      </c>
      <c r="Y8991">
        <v>103</v>
      </c>
      <c r="Z8991">
        <v>105</v>
      </c>
      <c r="AA8991">
        <v>107</v>
      </c>
      <c r="AB8991">
        <v>108</v>
      </c>
      <c r="AC8991">
        <v>110</v>
      </c>
      <c r="AD8991">
        <v>111</v>
      </c>
      <c r="AE8991">
        <v>113</v>
      </c>
      <c r="AF8991">
        <v>115</v>
      </c>
      <c r="AG8991">
        <v>116</v>
      </c>
      <c r="AH8991">
        <v>118</v>
      </c>
      <c r="AI8991">
        <v>120</v>
      </c>
      <c r="AJ8991">
        <v>122</v>
      </c>
      <c r="AK8991">
        <v>123</v>
      </c>
      <c r="AL8991">
        <v>125</v>
      </c>
      <c r="AM8991">
        <v>127</v>
      </c>
      <c r="AN8991">
        <v>129</v>
      </c>
      <c r="AO8991">
        <v>131</v>
      </c>
      <c r="AP8991">
        <v>132</v>
      </c>
      <c r="AQ8991">
        <v>134</v>
      </c>
    </row>
    <row r="8992" spans="1:43">
      <c r="A8992" t="s">
        <v>5628</v>
      </c>
      <c r="B8992" t="s">
        <v>5629</v>
      </c>
      <c r="C8992" t="s">
        <v>5626</v>
      </c>
      <c r="D8992" t="s">
        <v>5627</v>
      </c>
      <c r="E8992" t="s">
        <v>5426</v>
      </c>
      <c r="F8992" t="s">
        <v>5427</v>
      </c>
      <c r="G8992" t="s">
        <v>80</v>
      </c>
      <c r="H8992" t="s">
        <v>81</v>
      </c>
      <c r="I8992" s="2">
        <v>0</v>
      </c>
      <c r="J8992" s="2">
        <v>1</v>
      </c>
      <c r="K8992" s="2">
        <v>0</v>
      </c>
      <c r="L8992" t="s">
        <v>82</v>
      </c>
      <c r="M8992" t="s">
        <v>89</v>
      </c>
      <c r="N8992" t="s">
        <v>90</v>
      </c>
      <c r="O8992" t="s">
        <v>85</v>
      </c>
      <c r="P8992" t="s">
        <v>86</v>
      </c>
      <c r="Q8992">
        <v>91</v>
      </c>
      <c r="R8992">
        <v>94</v>
      </c>
      <c r="S8992">
        <v>97</v>
      </c>
      <c r="T8992">
        <v>101</v>
      </c>
      <c r="U8992">
        <v>104</v>
      </c>
      <c r="V8992">
        <v>107</v>
      </c>
      <c r="W8992">
        <v>110</v>
      </c>
      <c r="X8992">
        <v>113</v>
      </c>
      <c r="Y8992">
        <v>116</v>
      </c>
      <c r="Z8992">
        <v>120</v>
      </c>
      <c r="AA8992">
        <v>123</v>
      </c>
      <c r="AB8992">
        <v>126</v>
      </c>
      <c r="AC8992">
        <v>129</v>
      </c>
      <c r="AD8992">
        <v>132</v>
      </c>
      <c r="AE8992">
        <v>135</v>
      </c>
      <c r="AF8992">
        <v>137</v>
      </c>
      <c r="AG8992">
        <v>138</v>
      </c>
      <c r="AH8992">
        <v>140</v>
      </c>
      <c r="AI8992">
        <v>141</v>
      </c>
      <c r="AJ8992">
        <v>143</v>
      </c>
      <c r="AK8992">
        <v>144</v>
      </c>
      <c r="AL8992">
        <v>146</v>
      </c>
      <c r="AM8992">
        <v>147</v>
      </c>
      <c r="AN8992">
        <v>149</v>
      </c>
      <c r="AO8992">
        <v>150</v>
      </c>
      <c r="AP8992">
        <v>152</v>
      </c>
      <c r="AQ8992">
        <v>154</v>
      </c>
    </row>
    <row r="8993" spans="1:43">
      <c r="A8993" t="s">
        <v>5628</v>
      </c>
      <c r="B8993" t="s">
        <v>5629</v>
      </c>
      <c r="C8993" t="s">
        <v>5626</v>
      </c>
      <c r="D8993" t="s">
        <v>5627</v>
      </c>
      <c r="E8993" t="s">
        <v>5426</v>
      </c>
      <c r="F8993" t="s">
        <v>5427</v>
      </c>
      <c r="G8993" t="s">
        <v>80</v>
      </c>
      <c r="H8993" t="s">
        <v>81</v>
      </c>
      <c r="I8993" s="2">
        <v>0</v>
      </c>
      <c r="J8993" s="2">
        <v>1</v>
      </c>
      <c r="K8993" s="2">
        <v>0</v>
      </c>
      <c r="L8993" t="s">
        <v>82</v>
      </c>
      <c r="M8993" t="s">
        <v>83</v>
      </c>
      <c r="N8993" t="s">
        <v>91</v>
      </c>
      <c r="O8993" t="s">
        <v>85</v>
      </c>
      <c r="P8993" t="s">
        <v>86</v>
      </c>
      <c r="Q8993">
        <v>91</v>
      </c>
      <c r="R8993">
        <v>94</v>
      </c>
      <c r="S8993">
        <v>96</v>
      </c>
      <c r="T8993">
        <v>98</v>
      </c>
      <c r="U8993">
        <v>101</v>
      </c>
      <c r="V8993">
        <v>103</v>
      </c>
      <c r="W8993">
        <v>106</v>
      </c>
      <c r="X8993">
        <v>108</v>
      </c>
      <c r="Y8993">
        <v>111</v>
      </c>
      <c r="Z8993">
        <v>113</v>
      </c>
      <c r="AA8993">
        <v>116</v>
      </c>
      <c r="AB8993">
        <v>119</v>
      </c>
      <c r="AC8993">
        <v>121</v>
      </c>
      <c r="AD8993">
        <v>124</v>
      </c>
      <c r="AE8993">
        <v>127</v>
      </c>
      <c r="AF8993">
        <v>129</v>
      </c>
      <c r="AG8993">
        <v>132</v>
      </c>
      <c r="AH8993">
        <v>135</v>
      </c>
      <c r="AI8993">
        <v>138</v>
      </c>
      <c r="AJ8993">
        <v>141</v>
      </c>
      <c r="AK8993">
        <v>144</v>
      </c>
      <c r="AL8993">
        <v>146</v>
      </c>
      <c r="AM8993">
        <v>147</v>
      </c>
      <c r="AN8993">
        <v>149</v>
      </c>
      <c r="AO8993">
        <v>151</v>
      </c>
      <c r="AP8993">
        <v>152</v>
      </c>
      <c r="AQ8993">
        <v>154</v>
      </c>
    </row>
    <row r="8994" spans="1:43">
      <c r="A8994" t="s">
        <v>5630</v>
      </c>
      <c r="B8994" t="s">
        <v>5631</v>
      </c>
      <c r="C8994" t="s">
        <v>5626</v>
      </c>
      <c r="D8994" t="s">
        <v>5627</v>
      </c>
      <c r="E8994" t="s">
        <v>5426</v>
      </c>
      <c r="F8994" t="s">
        <v>5427</v>
      </c>
      <c r="G8994" t="s">
        <v>80</v>
      </c>
      <c r="H8994" t="s">
        <v>81</v>
      </c>
      <c r="I8994" s="2">
        <v>0</v>
      </c>
      <c r="J8994" s="2">
        <v>1</v>
      </c>
      <c r="K8994" s="2">
        <v>0</v>
      </c>
      <c r="L8994" t="s">
        <v>82</v>
      </c>
      <c r="M8994" t="s">
        <v>83</v>
      </c>
      <c r="N8994" t="s">
        <v>84</v>
      </c>
      <c r="O8994" t="s">
        <v>85</v>
      </c>
      <c r="P8994" t="s">
        <v>86</v>
      </c>
      <c r="Q8994">
        <v>70</v>
      </c>
      <c r="R8994">
        <v>72</v>
      </c>
      <c r="S8994">
        <v>74</v>
      </c>
      <c r="T8994">
        <v>76</v>
      </c>
      <c r="U8994">
        <v>78</v>
      </c>
      <c r="V8994">
        <v>79</v>
      </c>
      <c r="W8994">
        <v>81</v>
      </c>
      <c r="X8994">
        <v>83</v>
      </c>
      <c r="Y8994">
        <v>85</v>
      </c>
      <c r="Z8994">
        <v>87</v>
      </c>
      <c r="AA8994">
        <v>89</v>
      </c>
      <c r="AB8994">
        <v>91</v>
      </c>
      <c r="AC8994">
        <v>94</v>
      </c>
      <c r="AD8994">
        <v>96</v>
      </c>
      <c r="AE8994">
        <v>98</v>
      </c>
      <c r="AF8994">
        <v>100</v>
      </c>
      <c r="AG8994">
        <v>102</v>
      </c>
      <c r="AH8994">
        <v>104</v>
      </c>
      <c r="AI8994">
        <v>106</v>
      </c>
      <c r="AJ8994">
        <v>109</v>
      </c>
      <c r="AK8994">
        <v>111</v>
      </c>
      <c r="AL8994">
        <v>113</v>
      </c>
      <c r="AM8994">
        <v>114</v>
      </c>
      <c r="AN8994">
        <v>115</v>
      </c>
      <c r="AO8994">
        <v>116</v>
      </c>
      <c r="AP8994">
        <v>117</v>
      </c>
      <c r="AQ8994">
        <v>119</v>
      </c>
    </row>
    <row r="8995" spans="1:43">
      <c r="A8995" t="s">
        <v>5630</v>
      </c>
      <c r="B8995" t="s">
        <v>5631</v>
      </c>
      <c r="C8995" t="s">
        <v>5626</v>
      </c>
      <c r="D8995" t="s">
        <v>5627</v>
      </c>
      <c r="E8995" t="s">
        <v>5426</v>
      </c>
      <c r="F8995" t="s">
        <v>5427</v>
      </c>
      <c r="G8995" t="s">
        <v>80</v>
      </c>
      <c r="H8995" t="s">
        <v>81</v>
      </c>
      <c r="I8995" s="2">
        <v>0</v>
      </c>
      <c r="J8995" s="2">
        <v>1</v>
      </c>
      <c r="K8995" s="2">
        <v>0</v>
      </c>
      <c r="L8995" t="s">
        <v>82</v>
      </c>
      <c r="M8995" t="s">
        <v>87</v>
      </c>
      <c r="N8995" t="s">
        <v>88</v>
      </c>
      <c r="O8995" t="s">
        <v>85</v>
      </c>
      <c r="P8995" t="s">
        <v>86</v>
      </c>
      <c r="Q8995">
        <v>70</v>
      </c>
      <c r="R8995">
        <v>71</v>
      </c>
      <c r="S8995">
        <v>72</v>
      </c>
      <c r="T8995">
        <v>73</v>
      </c>
      <c r="U8995">
        <v>74</v>
      </c>
      <c r="V8995">
        <v>75</v>
      </c>
      <c r="W8995">
        <v>77</v>
      </c>
      <c r="X8995">
        <v>78</v>
      </c>
      <c r="Y8995">
        <v>79</v>
      </c>
      <c r="Z8995">
        <v>80</v>
      </c>
      <c r="AA8995">
        <v>81</v>
      </c>
      <c r="AB8995">
        <v>83</v>
      </c>
      <c r="AC8995">
        <v>84</v>
      </c>
      <c r="AD8995">
        <v>85</v>
      </c>
      <c r="AE8995">
        <v>86</v>
      </c>
      <c r="AF8995">
        <v>88</v>
      </c>
      <c r="AG8995">
        <v>89</v>
      </c>
      <c r="AH8995">
        <v>90</v>
      </c>
      <c r="AI8995">
        <v>92</v>
      </c>
      <c r="AJ8995">
        <v>93</v>
      </c>
      <c r="AK8995">
        <v>94</v>
      </c>
      <c r="AL8995">
        <v>96</v>
      </c>
      <c r="AM8995">
        <v>97</v>
      </c>
      <c r="AN8995">
        <v>99</v>
      </c>
      <c r="AO8995">
        <v>100</v>
      </c>
      <c r="AP8995">
        <v>101</v>
      </c>
      <c r="AQ8995">
        <v>103</v>
      </c>
    </row>
    <row r="8996" spans="1:43">
      <c r="A8996" t="s">
        <v>5630</v>
      </c>
      <c r="B8996" t="s">
        <v>5631</v>
      </c>
      <c r="C8996" t="s">
        <v>5626</v>
      </c>
      <c r="D8996" t="s">
        <v>5627</v>
      </c>
      <c r="E8996" t="s">
        <v>5426</v>
      </c>
      <c r="F8996" t="s">
        <v>5427</v>
      </c>
      <c r="G8996" t="s">
        <v>80</v>
      </c>
      <c r="H8996" t="s">
        <v>81</v>
      </c>
      <c r="I8996" s="2">
        <v>0</v>
      </c>
      <c r="J8996" s="2">
        <v>1</v>
      </c>
      <c r="K8996" s="2">
        <v>0</v>
      </c>
      <c r="L8996" t="s">
        <v>82</v>
      </c>
      <c r="M8996" t="s">
        <v>89</v>
      </c>
      <c r="N8996" t="s">
        <v>90</v>
      </c>
      <c r="O8996" t="s">
        <v>85</v>
      </c>
      <c r="P8996" t="s">
        <v>86</v>
      </c>
      <c r="Q8996">
        <v>70</v>
      </c>
      <c r="R8996">
        <v>72</v>
      </c>
      <c r="S8996">
        <v>75</v>
      </c>
      <c r="T8996">
        <v>77</v>
      </c>
      <c r="U8996">
        <v>80</v>
      </c>
      <c r="V8996">
        <v>82</v>
      </c>
      <c r="W8996">
        <v>85</v>
      </c>
      <c r="X8996">
        <v>87</v>
      </c>
      <c r="Y8996">
        <v>89</v>
      </c>
      <c r="Z8996">
        <v>92</v>
      </c>
      <c r="AA8996">
        <v>94</v>
      </c>
      <c r="AB8996">
        <v>97</v>
      </c>
      <c r="AC8996">
        <v>99</v>
      </c>
      <c r="AD8996">
        <v>102</v>
      </c>
      <c r="AE8996">
        <v>104</v>
      </c>
      <c r="AF8996">
        <v>105</v>
      </c>
      <c r="AG8996">
        <v>106</v>
      </c>
      <c r="AH8996">
        <v>107</v>
      </c>
      <c r="AI8996">
        <v>109</v>
      </c>
      <c r="AJ8996">
        <v>110</v>
      </c>
      <c r="AK8996">
        <v>111</v>
      </c>
      <c r="AL8996">
        <v>112</v>
      </c>
      <c r="AM8996">
        <v>113</v>
      </c>
      <c r="AN8996">
        <v>115</v>
      </c>
      <c r="AO8996">
        <v>116</v>
      </c>
      <c r="AP8996">
        <v>117</v>
      </c>
      <c r="AQ8996">
        <v>118</v>
      </c>
    </row>
    <row r="8997" spans="1:43">
      <c r="A8997" t="s">
        <v>5630</v>
      </c>
      <c r="B8997" t="s">
        <v>5631</v>
      </c>
      <c r="C8997" t="s">
        <v>5626</v>
      </c>
      <c r="D8997" t="s">
        <v>5627</v>
      </c>
      <c r="E8997" t="s">
        <v>5426</v>
      </c>
      <c r="F8997" t="s">
        <v>5427</v>
      </c>
      <c r="G8997" t="s">
        <v>80</v>
      </c>
      <c r="H8997" t="s">
        <v>81</v>
      </c>
      <c r="I8997" s="2">
        <v>0</v>
      </c>
      <c r="J8997" s="2">
        <v>1</v>
      </c>
      <c r="K8997" s="2">
        <v>0</v>
      </c>
      <c r="L8997" t="s">
        <v>82</v>
      </c>
      <c r="M8997" t="s">
        <v>83</v>
      </c>
      <c r="N8997" t="s">
        <v>91</v>
      </c>
      <c r="O8997" t="s">
        <v>85</v>
      </c>
      <c r="P8997" t="s">
        <v>86</v>
      </c>
      <c r="Q8997">
        <v>70</v>
      </c>
      <c r="R8997">
        <v>72</v>
      </c>
      <c r="S8997">
        <v>74</v>
      </c>
      <c r="T8997">
        <v>76</v>
      </c>
      <c r="U8997">
        <v>78</v>
      </c>
      <c r="V8997">
        <v>79</v>
      </c>
      <c r="W8997">
        <v>81</v>
      </c>
      <c r="X8997">
        <v>83</v>
      </c>
      <c r="Y8997">
        <v>85</v>
      </c>
      <c r="Z8997">
        <v>87</v>
      </c>
      <c r="AA8997">
        <v>89</v>
      </c>
      <c r="AB8997">
        <v>91</v>
      </c>
      <c r="AC8997">
        <v>94</v>
      </c>
      <c r="AD8997">
        <v>96</v>
      </c>
      <c r="AE8997">
        <v>98</v>
      </c>
      <c r="AF8997">
        <v>100</v>
      </c>
      <c r="AG8997">
        <v>102</v>
      </c>
      <c r="AH8997">
        <v>104</v>
      </c>
      <c r="AI8997">
        <v>106</v>
      </c>
      <c r="AJ8997">
        <v>109</v>
      </c>
      <c r="AK8997">
        <v>111</v>
      </c>
      <c r="AL8997">
        <v>113</v>
      </c>
      <c r="AM8997">
        <v>114</v>
      </c>
      <c r="AN8997">
        <v>115</v>
      </c>
      <c r="AO8997">
        <v>116</v>
      </c>
      <c r="AP8997">
        <v>117</v>
      </c>
      <c r="AQ8997">
        <v>119</v>
      </c>
    </row>
    <row r="8998" spans="1:43">
      <c r="A8998" t="s">
        <v>5632</v>
      </c>
      <c r="B8998" t="s">
        <v>5633</v>
      </c>
      <c r="C8998" t="s">
        <v>5482</v>
      </c>
      <c r="D8998" t="s">
        <v>5483</v>
      </c>
      <c r="E8998" t="s">
        <v>5426</v>
      </c>
      <c r="F8998" t="s">
        <v>5427</v>
      </c>
      <c r="G8998" t="s">
        <v>80</v>
      </c>
      <c r="H8998" t="s">
        <v>81</v>
      </c>
      <c r="I8998" s="2">
        <v>0</v>
      </c>
      <c r="J8998" s="2">
        <v>1</v>
      </c>
      <c r="K8998" s="2">
        <v>0</v>
      </c>
      <c r="L8998" t="s">
        <v>82</v>
      </c>
      <c r="M8998" t="s">
        <v>83</v>
      </c>
      <c r="N8998" t="s">
        <v>84</v>
      </c>
      <c r="O8998" t="s">
        <v>85</v>
      </c>
      <c r="P8998" t="s">
        <v>86</v>
      </c>
      <c r="Q8998">
        <v>32</v>
      </c>
      <c r="R8998">
        <v>32</v>
      </c>
      <c r="S8998">
        <v>33</v>
      </c>
      <c r="T8998">
        <v>34</v>
      </c>
      <c r="U8998">
        <v>35</v>
      </c>
      <c r="V8998">
        <v>36</v>
      </c>
      <c r="W8998">
        <v>37</v>
      </c>
      <c r="X8998">
        <v>38</v>
      </c>
      <c r="Y8998">
        <v>38</v>
      </c>
      <c r="Z8998">
        <v>39</v>
      </c>
      <c r="AA8998">
        <v>40</v>
      </c>
      <c r="AB8998">
        <v>41</v>
      </c>
      <c r="AC8998">
        <v>42</v>
      </c>
      <c r="AD8998">
        <v>43</v>
      </c>
      <c r="AE8998">
        <v>44</v>
      </c>
      <c r="AF8998">
        <v>45</v>
      </c>
      <c r="AG8998">
        <v>46</v>
      </c>
      <c r="AH8998">
        <v>47</v>
      </c>
      <c r="AI8998">
        <v>48</v>
      </c>
      <c r="AJ8998">
        <v>49</v>
      </c>
      <c r="AK8998">
        <v>50</v>
      </c>
      <c r="AL8998">
        <v>51</v>
      </c>
      <c r="AM8998">
        <v>51</v>
      </c>
      <c r="AN8998">
        <v>52</v>
      </c>
      <c r="AO8998">
        <v>52</v>
      </c>
      <c r="AP8998">
        <v>53</v>
      </c>
      <c r="AQ8998">
        <v>53</v>
      </c>
    </row>
    <row r="8999" spans="1:43">
      <c r="A8999" t="s">
        <v>5632</v>
      </c>
      <c r="B8999" t="s">
        <v>5633</v>
      </c>
      <c r="C8999" t="s">
        <v>5482</v>
      </c>
      <c r="D8999" t="s">
        <v>5483</v>
      </c>
      <c r="E8999" t="s">
        <v>5426</v>
      </c>
      <c r="F8999" t="s">
        <v>5427</v>
      </c>
      <c r="G8999" t="s">
        <v>80</v>
      </c>
      <c r="H8999" t="s">
        <v>81</v>
      </c>
      <c r="I8999" s="2">
        <v>0</v>
      </c>
      <c r="J8999" s="2">
        <v>1</v>
      </c>
      <c r="K8999" s="2">
        <v>0</v>
      </c>
      <c r="L8999" t="s">
        <v>82</v>
      </c>
      <c r="M8999" t="s">
        <v>87</v>
      </c>
      <c r="N8999" t="s">
        <v>88</v>
      </c>
      <c r="O8999" t="s">
        <v>85</v>
      </c>
      <c r="P8999" t="s">
        <v>86</v>
      </c>
      <c r="Q8999">
        <v>32</v>
      </c>
      <c r="R8999">
        <v>33</v>
      </c>
      <c r="S8999">
        <v>33</v>
      </c>
      <c r="T8999">
        <v>34</v>
      </c>
      <c r="U8999">
        <v>34</v>
      </c>
      <c r="V8999">
        <v>35</v>
      </c>
      <c r="W8999">
        <v>35</v>
      </c>
      <c r="X8999">
        <v>36</v>
      </c>
      <c r="Y8999">
        <v>37</v>
      </c>
      <c r="Z8999">
        <v>37</v>
      </c>
      <c r="AA8999">
        <v>38</v>
      </c>
      <c r="AB8999">
        <v>38</v>
      </c>
      <c r="AC8999">
        <v>39</v>
      </c>
      <c r="AD8999">
        <v>39</v>
      </c>
      <c r="AE8999">
        <v>40</v>
      </c>
      <c r="AF8999">
        <v>41</v>
      </c>
      <c r="AG8999">
        <v>41</v>
      </c>
      <c r="AH8999">
        <v>42</v>
      </c>
      <c r="AI8999">
        <v>42</v>
      </c>
      <c r="AJ8999">
        <v>43</v>
      </c>
      <c r="AK8999">
        <v>44</v>
      </c>
      <c r="AL8999">
        <v>44</v>
      </c>
      <c r="AM8999">
        <v>45</v>
      </c>
      <c r="AN8999">
        <v>45</v>
      </c>
      <c r="AO8999">
        <v>46</v>
      </c>
      <c r="AP8999">
        <v>47</v>
      </c>
      <c r="AQ8999">
        <v>47</v>
      </c>
    </row>
    <row r="9000" spans="1:43">
      <c r="A9000" t="s">
        <v>5632</v>
      </c>
      <c r="B9000" t="s">
        <v>5633</v>
      </c>
      <c r="C9000" t="s">
        <v>5482</v>
      </c>
      <c r="D9000" t="s">
        <v>5483</v>
      </c>
      <c r="E9000" t="s">
        <v>5426</v>
      </c>
      <c r="F9000" t="s">
        <v>5427</v>
      </c>
      <c r="G9000" t="s">
        <v>80</v>
      </c>
      <c r="H9000" t="s">
        <v>81</v>
      </c>
      <c r="I9000" s="2">
        <v>0</v>
      </c>
      <c r="J9000" s="2">
        <v>1</v>
      </c>
      <c r="K9000" s="2">
        <v>0</v>
      </c>
      <c r="L9000" t="s">
        <v>82</v>
      </c>
      <c r="M9000" t="s">
        <v>89</v>
      </c>
      <c r="N9000" t="s">
        <v>90</v>
      </c>
      <c r="O9000" t="s">
        <v>85</v>
      </c>
      <c r="P9000" t="s">
        <v>86</v>
      </c>
      <c r="Q9000">
        <v>32</v>
      </c>
      <c r="R9000">
        <v>33</v>
      </c>
      <c r="S9000">
        <v>34</v>
      </c>
      <c r="T9000">
        <v>35</v>
      </c>
      <c r="U9000">
        <v>36</v>
      </c>
      <c r="V9000">
        <v>37</v>
      </c>
      <c r="W9000">
        <v>39</v>
      </c>
      <c r="X9000">
        <v>40</v>
      </c>
      <c r="Y9000">
        <v>41</v>
      </c>
      <c r="Z9000">
        <v>42</v>
      </c>
      <c r="AA9000">
        <v>43</v>
      </c>
      <c r="AB9000">
        <v>44</v>
      </c>
      <c r="AC9000">
        <v>45</v>
      </c>
      <c r="AD9000">
        <v>46</v>
      </c>
      <c r="AE9000">
        <v>47</v>
      </c>
      <c r="AF9000">
        <v>48</v>
      </c>
      <c r="AG9000">
        <v>48</v>
      </c>
      <c r="AH9000">
        <v>49</v>
      </c>
      <c r="AI9000">
        <v>49</v>
      </c>
      <c r="AJ9000">
        <v>50</v>
      </c>
      <c r="AK9000">
        <v>50</v>
      </c>
      <c r="AL9000">
        <v>51</v>
      </c>
      <c r="AM9000">
        <v>52</v>
      </c>
      <c r="AN9000">
        <v>52</v>
      </c>
      <c r="AO9000">
        <v>53</v>
      </c>
      <c r="AP9000">
        <v>53</v>
      </c>
      <c r="AQ9000">
        <v>54</v>
      </c>
    </row>
    <row r="9001" spans="1:43">
      <c r="A9001" t="s">
        <v>5632</v>
      </c>
      <c r="B9001" t="s">
        <v>5633</v>
      </c>
      <c r="C9001" t="s">
        <v>5482</v>
      </c>
      <c r="D9001" t="s">
        <v>5483</v>
      </c>
      <c r="E9001" t="s">
        <v>5426</v>
      </c>
      <c r="F9001" t="s">
        <v>5427</v>
      </c>
      <c r="G9001" t="s">
        <v>80</v>
      </c>
      <c r="H9001" t="s">
        <v>81</v>
      </c>
      <c r="I9001" s="2">
        <v>0</v>
      </c>
      <c r="J9001" s="2">
        <v>1</v>
      </c>
      <c r="K9001" s="2">
        <v>0</v>
      </c>
      <c r="L9001" t="s">
        <v>82</v>
      </c>
      <c r="M9001" t="s">
        <v>83</v>
      </c>
      <c r="N9001" t="s">
        <v>91</v>
      </c>
      <c r="O9001" t="s">
        <v>85</v>
      </c>
      <c r="P9001" t="s">
        <v>86</v>
      </c>
      <c r="Q9001">
        <v>32</v>
      </c>
      <c r="R9001">
        <v>32</v>
      </c>
      <c r="S9001">
        <v>33</v>
      </c>
      <c r="T9001">
        <v>34</v>
      </c>
      <c r="U9001">
        <v>35</v>
      </c>
      <c r="V9001">
        <v>36</v>
      </c>
      <c r="W9001">
        <v>37</v>
      </c>
      <c r="X9001">
        <v>38</v>
      </c>
      <c r="Y9001">
        <v>38</v>
      </c>
      <c r="Z9001">
        <v>39</v>
      </c>
      <c r="AA9001">
        <v>40</v>
      </c>
      <c r="AB9001">
        <v>41</v>
      </c>
      <c r="AC9001">
        <v>42</v>
      </c>
      <c r="AD9001">
        <v>43</v>
      </c>
      <c r="AE9001">
        <v>44</v>
      </c>
      <c r="AF9001">
        <v>45</v>
      </c>
      <c r="AG9001">
        <v>46</v>
      </c>
      <c r="AH9001">
        <v>47</v>
      </c>
      <c r="AI9001">
        <v>48</v>
      </c>
      <c r="AJ9001">
        <v>49</v>
      </c>
      <c r="AK9001">
        <v>50</v>
      </c>
      <c r="AL9001">
        <v>51</v>
      </c>
      <c r="AM9001">
        <v>51</v>
      </c>
      <c r="AN9001">
        <v>52</v>
      </c>
      <c r="AO9001">
        <v>52</v>
      </c>
      <c r="AP9001">
        <v>53</v>
      </c>
      <c r="AQ9001">
        <v>53</v>
      </c>
    </row>
    <row r="9002" spans="1:43">
      <c r="A9002" t="s">
        <v>5634</v>
      </c>
      <c r="B9002" t="s">
        <v>5635</v>
      </c>
      <c r="C9002" t="s">
        <v>5626</v>
      </c>
      <c r="D9002" t="s">
        <v>5627</v>
      </c>
      <c r="E9002" t="s">
        <v>5426</v>
      </c>
      <c r="F9002" t="s">
        <v>5427</v>
      </c>
      <c r="G9002" t="s">
        <v>80</v>
      </c>
      <c r="H9002" t="s">
        <v>81</v>
      </c>
      <c r="I9002" s="2">
        <v>0</v>
      </c>
      <c r="J9002" s="2">
        <v>1</v>
      </c>
      <c r="K9002" s="2">
        <v>0</v>
      </c>
      <c r="L9002" t="s">
        <v>82</v>
      </c>
      <c r="M9002" t="s">
        <v>83</v>
      </c>
      <c r="N9002" t="s">
        <v>84</v>
      </c>
      <c r="O9002" t="s">
        <v>85</v>
      </c>
      <c r="P9002" t="s">
        <v>86</v>
      </c>
      <c r="Q9002">
        <v>62</v>
      </c>
      <c r="R9002">
        <v>64</v>
      </c>
      <c r="S9002">
        <v>65</v>
      </c>
      <c r="T9002">
        <v>67</v>
      </c>
      <c r="U9002">
        <v>69</v>
      </c>
      <c r="V9002">
        <v>70</v>
      </c>
      <c r="W9002">
        <v>72</v>
      </c>
      <c r="X9002">
        <v>74</v>
      </c>
      <c r="Y9002">
        <v>75</v>
      </c>
      <c r="Z9002">
        <v>77</v>
      </c>
      <c r="AA9002">
        <v>79</v>
      </c>
      <c r="AB9002">
        <v>81</v>
      </c>
      <c r="AC9002">
        <v>83</v>
      </c>
      <c r="AD9002">
        <v>84</v>
      </c>
      <c r="AE9002">
        <v>86</v>
      </c>
      <c r="AF9002">
        <v>88</v>
      </c>
      <c r="AG9002">
        <v>90</v>
      </c>
      <c r="AH9002">
        <v>92</v>
      </c>
      <c r="AI9002">
        <v>94</v>
      </c>
      <c r="AJ9002">
        <v>96</v>
      </c>
      <c r="AK9002">
        <v>98</v>
      </c>
      <c r="AL9002">
        <v>99</v>
      </c>
      <c r="AM9002">
        <v>101</v>
      </c>
      <c r="AN9002">
        <v>102</v>
      </c>
      <c r="AO9002">
        <v>103</v>
      </c>
      <c r="AP9002">
        <v>104</v>
      </c>
      <c r="AQ9002">
        <v>105</v>
      </c>
    </row>
    <row r="9003" spans="1:43">
      <c r="A9003" t="s">
        <v>5634</v>
      </c>
      <c r="B9003" t="s">
        <v>5635</v>
      </c>
      <c r="C9003" t="s">
        <v>5626</v>
      </c>
      <c r="D9003" t="s">
        <v>5627</v>
      </c>
      <c r="E9003" t="s">
        <v>5426</v>
      </c>
      <c r="F9003" t="s">
        <v>5427</v>
      </c>
      <c r="G9003" t="s">
        <v>80</v>
      </c>
      <c r="H9003" t="s">
        <v>81</v>
      </c>
      <c r="I9003" s="2">
        <v>0</v>
      </c>
      <c r="J9003" s="2">
        <v>1</v>
      </c>
      <c r="K9003" s="2">
        <v>0</v>
      </c>
      <c r="L9003" t="s">
        <v>82</v>
      </c>
      <c r="M9003" t="s">
        <v>87</v>
      </c>
      <c r="N9003" t="s">
        <v>88</v>
      </c>
      <c r="O9003" t="s">
        <v>85</v>
      </c>
      <c r="P9003" t="s">
        <v>86</v>
      </c>
      <c r="Q9003">
        <v>62</v>
      </c>
      <c r="R9003">
        <v>63</v>
      </c>
      <c r="S9003">
        <v>64</v>
      </c>
      <c r="T9003">
        <v>65</v>
      </c>
      <c r="U9003">
        <v>66</v>
      </c>
      <c r="V9003">
        <v>68</v>
      </c>
      <c r="W9003">
        <v>69</v>
      </c>
      <c r="X9003">
        <v>70</v>
      </c>
      <c r="Y9003">
        <v>71</v>
      </c>
      <c r="Z9003">
        <v>72</v>
      </c>
      <c r="AA9003">
        <v>73</v>
      </c>
      <c r="AB9003">
        <v>74</v>
      </c>
      <c r="AC9003">
        <v>75</v>
      </c>
      <c r="AD9003">
        <v>76</v>
      </c>
      <c r="AE9003">
        <v>77</v>
      </c>
      <c r="AF9003">
        <v>79</v>
      </c>
      <c r="AG9003">
        <v>80</v>
      </c>
      <c r="AH9003">
        <v>81</v>
      </c>
      <c r="AI9003">
        <v>82</v>
      </c>
      <c r="AJ9003">
        <v>83</v>
      </c>
      <c r="AK9003">
        <v>84</v>
      </c>
      <c r="AL9003">
        <v>86</v>
      </c>
      <c r="AM9003">
        <v>87</v>
      </c>
      <c r="AN9003">
        <v>88</v>
      </c>
      <c r="AO9003">
        <v>89</v>
      </c>
      <c r="AP9003">
        <v>91</v>
      </c>
      <c r="AQ9003">
        <v>92</v>
      </c>
    </row>
    <row r="9004" spans="1:43">
      <c r="A9004" t="s">
        <v>5634</v>
      </c>
      <c r="B9004" t="s">
        <v>5635</v>
      </c>
      <c r="C9004" t="s">
        <v>5626</v>
      </c>
      <c r="D9004" t="s">
        <v>5627</v>
      </c>
      <c r="E9004" t="s">
        <v>5426</v>
      </c>
      <c r="F9004" t="s">
        <v>5427</v>
      </c>
      <c r="G9004" t="s">
        <v>80</v>
      </c>
      <c r="H9004" t="s">
        <v>81</v>
      </c>
      <c r="I9004" s="2">
        <v>0</v>
      </c>
      <c r="J9004" s="2">
        <v>1</v>
      </c>
      <c r="K9004" s="2">
        <v>0</v>
      </c>
      <c r="L9004" t="s">
        <v>82</v>
      </c>
      <c r="M9004" t="s">
        <v>89</v>
      </c>
      <c r="N9004" t="s">
        <v>90</v>
      </c>
      <c r="O9004" t="s">
        <v>85</v>
      </c>
      <c r="P9004" t="s">
        <v>86</v>
      </c>
      <c r="Q9004">
        <v>62</v>
      </c>
      <c r="R9004">
        <v>64</v>
      </c>
      <c r="S9004">
        <v>66</v>
      </c>
      <c r="T9004">
        <v>68</v>
      </c>
      <c r="U9004">
        <v>70</v>
      </c>
      <c r="V9004">
        <v>72</v>
      </c>
      <c r="W9004">
        <v>75</v>
      </c>
      <c r="X9004">
        <v>77</v>
      </c>
      <c r="Y9004">
        <v>79</v>
      </c>
      <c r="Z9004">
        <v>81</v>
      </c>
      <c r="AA9004">
        <v>83</v>
      </c>
      <c r="AB9004">
        <v>85</v>
      </c>
      <c r="AC9004">
        <v>88</v>
      </c>
      <c r="AD9004">
        <v>90</v>
      </c>
      <c r="AE9004">
        <v>92</v>
      </c>
      <c r="AF9004">
        <v>93</v>
      </c>
      <c r="AG9004">
        <v>94</v>
      </c>
      <c r="AH9004">
        <v>95</v>
      </c>
      <c r="AI9004">
        <v>96</v>
      </c>
      <c r="AJ9004">
        <v>97</v>
      </c>
      <c r="AK9004">
        <v>98</v>
      </c>
      <c r="AL9004">
        <v>99</v>
      </c>
      <c r="AM9004">
        <v>100</v>
      </c>
      <c r="AN9004">
        <v>101</v>
      </c>
      <c r="AO9004">
        <v>102</v>
      </c>
      <c r="AP9004">
        <v>103</v>
      </c>
      <c r="AQ9004">
        <v>104</v>
      </c>
    </row>
    <row r="9005" spans="1:43">
      <c r="A9005" t="s">
        <v>5634</v>
      </c>
      <c r="B9005" t="s">
        <v>5635</v>
      </c>
      <c r="C9005" t="s">
        <v>5626</v>
      </c>
      <c r="D9005" t="s">
        <v>5627</v>
      </c>
      <c r="E9005" t="s">
        <v>5426</v>
      </c>
      <c r="F9005" t="s">
        <v>5427</v>
      </c>
      <c r="G9005" t="s">
        <v>80</v>
      </c>
      <c r="H9005" t="s">
        <v>81</v>
      </c>
      <c r="I9005" s="2">
        <v>0</v>
      </c>
      <c r="J9005" s="2">
        <v>1</v>
      </c>
      <c r="K9005" s="2">
        <v>0</v>
      </c>
      <c r="L9005" t="s">
        <v>82</v>
      </c>
      <c r="M9005" t="s">
        <v>83</v>
      </c>
      <c r="N9005" t="s">
        <v>91</v>
      </c>
      <c r="O9005" t="s">
        <v>85</v>
      </c>
      <c r="P9005" t="s">
        <v>86</v>
      </c>
      <c r="Q9005">
        <v>62</v>
      </c>
      <c r="R9005">
        <v>64</v>
      </c>
      <c r="S9005">
        <v>65</v>
      </c>
      <c r="T9005">
        <v>67</v>
      </c>
      <c r="U9005">
        <v>69</v>
      </c>
      <c r="V9005">
        <v>70</v>
      </c>
      <c r="W9005">
        <v>72</v>
      </c>
      <c r="X9005">
        <v>74</v>
      </c>
      <c r="Y9005">
        <v>75</v>
      </c>
      <c r="Z9005">
        <v>77</v>
      </c>
      <c r="AA9005">
        <v>79</v>
      </c>
      <c r="AB9005">
        <v>81</v>
      </c>
      <c r="AC9005">
        <v>83</v>
      </c>
      <c r="AD9005">
        <v>84</v>
      </c>
      <c r="AE9005">
        <v>86</v>
      </c>
      <c r="AF9005">
        <v>88</v>
      </c>
      <c r="AG9005">
        <v>90</v>
      </c>
      <c r="AH9005">
        <v>92</v>
      </c>
      <c r="AI9005">
        <v>94</v>
      </c>
      <c r="AJ9005">
        <v>96</v>
      </c>
      <c r="AK9005">
        <v>98</v>
      </c>
      <c r="AL9005">
        <v>99</v>
      </c>
      <c r="AM9005">
        <v>101</v>
      </c>
      <c r="AN9005">
        <v>102</v>
      </c>
      <c r="AO9005">
        <v>103</v>
      </c>
      <c r="AP9005">
        <v>104</v>
      </c>
      <c r="AQ9005">
        <v>105</v>
      </c>
    </row>
    <row r="9006" spans="1:43">
      <c r="A9006" t="s">
        <v>5636</v>
      </c>
      <c r="B9006" t="s">
        <v>5637</v>
      </c>
      <c r="C9006" t="s">
        <v>5626</v>
      </c>
      <c r="D9006" t="s">
        <v>5627</v>
      </c>
      <c r="E9006" t="s">
        <v>5426</v>
      </c>
      <c r="F9006" t="s">
        <v>5427</v>
      </c>
      <c r="G9006" t="s">
        <v>80</v>
      </c>
      <c r="H9006" t="s">
        <v>81</v>
      </c>
      <c r="I9006" s="2">
        <v>0</v>
      </c>
      <c r="J9006" s="2">
        <v>1</v>
      </c>
      <c r="K9006" s="2">
        <v>0</v>
      </c>
      <c r="L9006" t="s">
        <v>82</v>
      </c>
      <c r="M9006" t="s">
        <v>83</v>
      </c>
      <c r="N9006" t="s">
        <v>84</v>
      </c>
      <c r="O9006" t="s">
        <v>85</v>
      </c>
      <c r="P9006" t="s">
        <v>86</v>
      </c>
      <c r="Q9006">
        <v>82</v>
      </c>
      <c r="R9006">
        <v>84</v>
      </c>
      <c r="S9006">
        <v>86</v>
      </c>
      <c r="T9006">
        <v>89</v>
      </c>
      <c r="U9006">
        <v>91</v>
      </c>
      <c r="V9006">
        <v>93</v>
      </c>
      <c r="W9006">
        <v>95</v>
      </c>
      <c r="X9006">
        <v>97</v>
      </c>
      <c r="Y9006">
        <v>100</v>
      </c>
      <c r="Z9006">
        <v>102</v>
      </c>
      <c r="AA9006">
        <v>104</v>
      </c>
      <c r="AB9006">
        <v>107</v>
      </c>
      <c r="AC9006">
        <v>109</v>
      </c>
      <c r="AD9006">
        <v>112</v>
      </c>
      <c r="AE9006">
        <v>114</v>
      </c>
      <c r="AF9006">
        <v>117</v>
      </c>
      <c r="AG9006">
        <v>119</v>
      </c>
      <c r="AH9006">
        <v>122</v>
      </c>
      <c r="AI9006">
        <v>124</v>
      </c>
      <c r="AJ9006">
        <v>127</v>
      </c>
      <c r="AK9006">
        <v>130</v>
      </c>
      <c r="AL9006">
        <v>131</v>
      </c>
      <c r="AM9006">
        <v>133</v>
      </c>
      <c r="AN9006">
        <v>134</v>
      </c>
      <c r="AO9006">
        <v>136</v>
      </c>
      <c r="AP9006">
        <v>137</v>
      </c>
      <c r="AQ9006">
        <v>139</v>
      </c>
    </row>
    <row r="9007" spans="1:43">
      <c r="A9007" t="s">
        <v>5636</v>
      </c>
      <c r="B9007" t="s">
        <v>5637</v>
      </c>
      <c r="C9007" t="s">
        <v>5626</v>
      </c>
      <c r="D9007" t="s">
        <v>5627</v>
      </c>
      <c r="E9007" t="s">
        <v>5426</v>
      </c>
      <c r="F9007" t="s">
        <v>5427</v>
      </c>
      <c r="G9007" t="s">
        <v>80</v>
      </c>
      <c r="H9007" t="s">
        <v>81</v>
      </c>
      <c r="I9007" s="2">
        <v>0</v>
      </c>
      <c r="J9007" s="2">
        <v>1</v>
      </c>
      <c r="K9007" s="2">
        <v>0</v>
      </c>
      <c r="L9007" t="s">
        <v>82</v>
      </c>
      <c r="M9007" t="s">
        <v>87</v>
      </c>
      <c r="N9007" t="s">
        <v>88</v>
      </c>
      <c r="O9007" t="s">
        <v>85</v>
      </c>
      <c r="P9007" t="s">
        <v>86</v>
      </c>
      <c r="Q9007">
        <v>82</v>
      </c>
      <c r="R9007">
        <v>84</v>
      </c>
      <c r="S9007">
        <v>85</v>
      </c>
      <c r="T9007">
        <v>86</v>
      </c>
      <c r="U9007">
        <v>88</v>
      </c>
      <c r="V9007">
        <v>89</v>
      </c>
      <c r="W9007">
        <v>90</v>
      </c>
      <c r="X9007">
        <v>92</v>
      </c>
      <c r="Y9007">
        <v>93</v>
      </c>
      <c r="Z9007">
        <v>95</v>
      </c>
      <c r="AA9007">
        <v>96</v>
      </c>
      <c r="AB9007">
        <v>98</v>
      </c>
      <c r="AC9007">
        <v>99</v>
      </c>
      <c r="AD9007">
        <v>100</v>
      </c>
      <c r="AE9007">
        <v>102</v>
      </c>
      <c r="AF9007">
        <v>103</v>
      </c>
      <c r="AG9007">
        <v>105</v>
      </c>
      <c r="AH9007">
        <v>107</v>
      </c>
      <c r="AI9007">
        <v>108</v>
      </c>
      <c r="AJ9007">
        <v>110</v>
      </c>
      <c r="AK9007">
        <v>111</v>
      </c>
      <c r="AL9007">
        <v>113</v>
      </c>
      <c r="AM9007">
        <v>114</v>
      </c>
      <c r="AN9007">
        <v>116</v>
      </c>
      <c r="AO9007">
        <v>118</v>
      </c>
      <c r="AP9007">
        <v>119</v>
      </c>
      <c r="AQ9007">
        <v>121</v>
      </c>
    </row>
    <row r="9008" spans="1:43">
      <c r="A9008" t="s">
        <v>5636</v>
      </c>
      <c r="B9008" t="s">
        <v>5637</v>
      </c>
      <c r="C9008" t="s">
        <v>5626</v>
      </c>
      <c r="D9008" t="s">
        <v>5627</v>
      </c>
      <c r="E9008" t="s">
        <v>5426</v>
      </c>
      <c r="F9008" t="s">
        <v>5427</v>
      </c>
      <c r="G9008" t="s">
        <v>80</v>
      </c>
      <c r="H9008" t="s">
        <v>81</v>
      </c>
      <c r="I9008" s="2">
        <v>0</v>
      </c>
      <c r="J9008" s="2">
        <v>1</v>
      </c>
      <c r="K9008" s="2">
        <v>0</v>
      </c>
      <c r="L9008" t="s">
        <v>82</v>
      </c>
      <c r="M9008" t="s">
        <v>89</v>
      </c>
      <c r="N9008" t="s">
        <v>90</v>
      </c>
      <c r="O9008" t="s">
        <v>85</v>
      </c>
      <c r="P9008" t="s">
        <v>86</v>
      </c>
      <c r="Q9008">
        <v>82</v>
      </c>
      <c r="R9008">
        <v>85</v>
      </c>
      <c r="S9008">
        <v>88</v>
      </c>
      <c r="T9008">
        <v>90</v>
      </c>
      <c r="U9008">
        <v>93</v>
      </c>
      <c r="V9008">
        <v>96</v>
      </c>
      <c r="W9008">
        <v>99</v>
      </c>
      <c r="X9008">
        <v>102</v>
      </c>
      <c r="Y9008">
        <v>105</v>
      </c>
      <c r="Z9008">
        <v>108</v>
      </c>
      <c r="AA9008">
        <v>110</v>
      </c>
      <c r="AB9008">
        <v>113</v>
      </c>
      <c r="AC9008">
        <v>116</v>
      </c>
      <c r="AD9008">
        <v>119</v>
      </c>
      <c r="AE9008">
        <v>122</v>
      </c>
      <c r="AF9008">
        <v>123</v>
      </c>
      <c r="AG9008">
        <v>124</v>
      </c>
      <c r="AH9008">
        <v>126</v>
      </c>
      <c r="AI9008">
        <v>127</v>
      </c>
      <c r="AJ9008">
        <v>129</v>
      </c>
      <c r="AK9008">
        <v>130</v>
      </c>
      <c r="AL9008">
        <v>131</v>
      </c>
      <c r="AM9008">
        <v>133</v>
      </c>
      <c r="AN9008">
        <v>134</v>
      </c>
      <c r="AO9008">
        <v>135</v>
      </c>
      <c r="AP9008">
        <v>137</v>
      </c>
      <c r="AQ9008">
        <v>138</v>
      </c>
    </row>
    <row r="9009" spans="1:43">
      <c r="A9009" t="s">
        <v>5636</v>
      </c>
      <c r="B9009" t="s">
        <v>5637</v>
      </c>
      <c r="C9009" t="s">
        <v>5626</v>
      </c>
      <c r="D9009" t="s">
        <v>5627</v>
      </c>
      <c r="E9009" t="s">
        <v>5426</v>
      </c>
      <c r="F9009" t="s">
        <v>5427</v>
      </c>
      <c r="G9009" t="s">
        <v>80</v>
      </c>
      <c r="H9009" t="s">
        <v>81</v>
      </c>
      <c r="I9009" s="2">
        <v>0</v>
      </c>
      <c r="J9009" s="2">
        <v>1</v>
      </c>
      <c r="K9009" s="2">
        <v>0</v>
      </c>
      <c r="L9009" t="s">
        <v>82</v>
      </c>
      <c r="M9009" t="s">
        <v>83</v>
      </c>
      <c r="N9009" t="s">
        <v>91</v>
      </c>
      <c r="O9009" t="s">
        <v>85</v>
      </c>
      <c r="P9009" t="s">
        <v>86</v>
      </c>
      <c r="Q9009">
        <v>82</v>
      </c>
      <c r="R9009">
        <v>84</v>
      </c>
      <c r="S9009">
        <v>86</v>
      </c>
      <c r="T9009">
        <v>89</v>
      </c>
      <c r="U9009">
        <v>91</v>
      </c>
      <c r="V9009">
        <v>93</v>
      </c>
      <c r="W9009">
        <v>95</v>
      </c>
      <c r="X9009">
        <v>97</v>
      </c>
      <c r="Y9009">
        <v>100</v>
      </c>
      <c r="Z9009">
        <v>102</v>
      </c>
      <c r="AA9009">
        <v>104</v>
      </c>
      <c r="AB9009">
        <v>107</v>
      </c>
      <c r="AC9009">
        <v>109</v>
      </c>
      <c r="AD9009">
        <v>112</v>
      </c>
      <c r="AE9009">
        <v>114</v>
      </c>
      <c r="AF9009">
        <v>117</v>
      </c>
      <c r="AG9009">
        <v>119</v>
      </c>
      <c r="AH9009">
        <v>122</v>
      </c>
      <c r="AI9009">
        <v>124</v>
      </c>
      <c r="AJ9009">
        <v>127</v>
      </c>
      <c r="AK9009">
        <v>130</v>
      </c>
      <c r="AL9009">
        <v>131</v>
      </c>
      <c r="AM9009">
        <v>133</v>
      </c>
      <c r="AN9009">
        <v>134</v>
      </c>
      <c r="AO9009">
        <v>136</v>
      </c>
      <c r="AP9009">
        <v>137</v>
      </c>
      <c r="AQ9009">
        <v>139</v>
      </c>
    </row>
    <row r="9010" spans="1:43">
      <c r="A9010" t="s">
        <v>5638</v>
      </c>
      <c r="B9010" t="s">
        <v>5639</v>
      </c>
      <c r="C9010" t="s">
        <v>5594</v>
      </c>
      <c r="D9010" t="s">
        <v>5595</v>
      </c>
      <c r="E9010" t="s">
        <v>5426</v>
      </c>
      <c r="F9010" t="s">
        <v>5427</v>
      </c>
      <c r="G9010" t="s">
        <v>80</v>
      </c>
      <c r="H9010" t="s">
        <v>81</v>
      </c>
      <c r="I9010" s="2">
        <v>0</v>
      </c>
      <c r="J9010" s="2">
        <v>1</v>
      </c>
      <c r="K9010" s="2">
        <v>0</v>
      </c>
      <c r="L9010" t="s">
        <v>82</v>
      </c>
      <c r="M9010" t="s">
        <v>83</v>
      </c>
      <c r="N9010" t="s">
        <v>84</v>
      </c>
      <c r="O9010" t="s">
        <v>85</v>
      </c>
      <c r="P9010" t="s">
        <v>86</v>
      </c>
      <c r="Q9010">
        <v>25</v>
      </c>
      <c r="R9010">
        <v>26</v>
      </c>
      <c r="S9010">
        <v>26</v>
      </c>
      <c r="T9010">
        <v>27</v>
      </c>
      <c r="U9010">
        <v>28</v>
      </c>
      <c r="V9010">
        <v>28</v>
      </c>
      <c r="W9010">
        <v>29</v>
      </c>
      <c r="X9010">
        <v>30</v>
      </c>
      <c r="Y9010">
        <v>30</v>
      </c>
      <c r="Z9010">
        <v>31</v>
      </c>
      <c r="AA9010">
        <v>32</v>
      </c>
      <c r="AB9010">
        <v>33</v>
      </c>
      <c r="AC9010">
        <v>33</v>
      </c>
      <c r="AD9010">
        <v>34</v>
      </c>
      <c r="AE9010">
        <v>35</v>
      </c>
      <c r="AF9010">
        <v>36</v>
      </c>
      <c r="AG9010">
        <v>36</v>
      </c>
      <c r="AH9010">
        <v>37</v>
      </c>
      <c r="AI9010">
        <v>38</v>
      </c>
      <c r="AJ9010">
        <v>39</v>
      </c>
      <c r="AK9010">
        <v>40</v>
      </c>
      <c r="AL9010">
        <v>40</v>
      </c>
      <c r="AM9010">
        <v>41</v>
      </c>
      <c r="AN9010">
        <v>41</v>
      </c>
      <c r="AO9010">
        <v>41</v>
      </c>
      <c r="AP9010">
        <v>42</v>
      </c>
      <c r="AQ9010">
        <v>42</v>
      </c>
    </row>
    <row r="9011" spans="1:43">
      <c r="A9011" t="s">
        <v>5638</v>
      </c>
      <c r="B9011" t="s">
        <v>5639</v>
      </c>
      <c r="C9011" t="s">
        <v>5594</v>
      </c>
      <c r="D9011" t="s">
        <v>5595</v>
      </c>
      <c r="E9011" t="s">
        <v>5426</v>
      </c>
      <c r="F9011" t="s">
        <v>5427</v>
      </c>
      <c r="G9011" t="s">
        <v>80</v>
      </c>
      <c r="H9011" t="s">
        <v>81</v>
      </c>
      <c r="I9011" s="2">
        <v>0</v>
      </c>
      <c r="J9011" s="2">
        <v>1</v>
      </c>
      <c r="K9011" s="2">
        <v>0</v>
      </c>
      <c r="L9011" t="s">
        <v>82</v>
      </c>
      <c r="M9011" t="s">
        <v>87</v>
      </c>
      <c r="N9011" t="s">
        <v>88</v>
      </c>
      <c r="O9011" t="s">
        <v>85</v>
      </c>
      <c r="P9011" t="s">
        <v>86</v>
      </c>
      <c r="Q9011">
        <v>25</v>
      </c>
      <c r="R9011">
        <v>25</v>
      </c>
      <c r="S9011">
        <v>26</v>
      </c>
      <c r="T9011">
        <v>26</v>
      </c>
      <c r="U9011">
        <v>26</v>
      </c>
      <c r="V9011">
        <v>27</v>
      </c>
      <c r="W9011">
        <v>27</v>
      </c>
      <c r="X9011">
        <v>28</v>
      </c>
      <c r="Y9011">
        <v>28</v>
      </c>
      <c r="Z9011">
        <v>29</v>
      </c>
      <c r="AA9011">
        <v>29</v>
      </c>
      <c r="AB9011">
        <v>29</v>
      </c>
      <c r="AC9011">
        <v>30</v>
      </c>
      <c r="AD9011">
        <v>30</v>
      </c>
      <c r="AE9011">
        <v>31</v>
      </c>
      <c r="AF9011">
        <v>31</v>
      </c>
      <c r="AG9011">
        <v>32</v>
      </c>
      <c r="AH9011">
        <v>32</v>
      </c>
      <c r="AI9011">
        <v>33</v>
      </c>
      <c r="AJ9011">
        <v>33</v>
      </c>
      <c r="AK9011">
        <v>34</v>
      </c>
      <c r="AL9011">
        <v>34</v>
      </c>
      <c r="AM9011">
        <v>35</v>
      </c>
      <c r="AN9011">
        <v>35</v>
      </c>
      <c r="AO9011">
        <v>36</v>
      </c>
      <c r="AP9011">
        <v>36</v>
      </c>
      <c r="AQ9011">
        <v>37</v>
      </c>
    </row>
    <row r="9012" spans="1:43">
      <c r="A9012" t="s">
        <v>5638</v>
      </c>
      <c r="B9012" t="s">
        <v>5639</v>
      </c>
      <c r="C9012" t="s">
        <v>5594</v>
      </c>
      <c r="D9012" t="s">
        <v>5595</v>
      </c>
      <c r="E9012" t="s">
        <v>5426</v>
      </c>
      <c r="F9012" t="s">
        <v>5427</v>
      </c>
      <c r="G9012" t="s">
        <v>80</v>
      </c>
      <c r="H9012" t="s">
        <v>81</v>
      </c>
      <c r="I9012" s="2">
        <v>0</v>
      </c>
      <c r="J9012" s="2">
        <v>1</v>
      </c>
      <c r="K9012" s="2">
        <v>0</v>
      </c>
      <c r="L9012" t="s">
        <v>82</v>
      </c>
      <c r="M9012" t="s">
        <v>89</v>
      </c>
      <c r="N9012" t="s">
        <v>90</v>
      </c>
      <c r="O9012" t="s">
        <v>85</v>
      </c>
      <c r="P9012" t="s">
        <v>86</v>
      </c>
      <c r="Q9012">
        <v>25</v>
      </c>
      <c r="R9012">
        <v>26</v>
      </c>
      <c r="S9012">
        <v>27</v>
      </c>
      <c r="T9012">
        <v>28</v>
      </c>
      <c r="U9012">
        <v>29</v>
      </c>
      <c r="V9012">
        <v>30</v>
      </c>
      <c r="W9012">
        <v>31</v>
      </c>
      <c r="X9012">
        <v>31</v>
      </c>
      <c r="Y9012">
        <v>32</v>
      </c>
      <c r="Z9012">
        <v>33</v>
      </c>
      <c r="AA9012">
        <v>34</v>
      </c>
      <c r="AB9012">
        <v>35</v>
      </c>
      <c r="AC9012">
        <v>36</v>
      </c>
      <c r="AD9012">
        <v>37</v>
      </c>
      <c r="AE9012">
        <v>37</v>
      </c>
      <c r="AF9012">
        <v>38</v>
      </c>
      <c r="AG9012">
        <v>38</v>
      </c>
      <c r="AH9012">
        <v>39</v>
      </c>
      <c r="AI9012">
        <v>39</v>
      </c>
      <c r="AJ9012">
        <v>39</v>
      </c>
      <c r="AK9012">
        <v>40</v>
      </c>
      <c r="AL9012">
        <v>40</v>
      </c>
      <c r="AM9012">
        <v>41</v>
      </c>
      <c r="AN9012">
        <v>41</v>
      </c>
      <c r="AO9012">
        <v>42</v>
      </c>
      <c r="AP9012">
        <v>42</v>
      </c>
      <c r="AQ9012">
        <v>42</v>
      </c>
    </row>
    <row r="9013" spans="1:43">
      <c r="A9013" t="s">
        <v>5638</v>
      </c>
      <c r="B9013" t="s">
        <v>5639</v>
      </c>
      <c r="C9013" t="s">
        <v>5594</v>
      </c>
      <c r="D9013" t="s">
        <v>5595</v>
      </c>
      <c r="E9013" t="s">
        <v>5426</v>
      </c>
      <c r="F9013" t="s">
        <v>5427</v>
      </c>
      <c r="G9013" t="s">
        <v>80</v>
      </c>
      <c r="H9013" t="s">
        <v>81</v>
      </c>
      <c r="I9013" s="2">
        <v>0</v>
      </c>
      <c r="J9013" s="2">
        <v>1</v>
      </c>
      <c r="K9013" s="2">
        <v>0</v>
      </c>
      <c r="L9013" t="s">
        <v>82</v>
      </c>
      <c r="M9013" t="s">
        <v>83</v>
      </c>
      <c r="N9013" t="s">
        <v>91</v>
      </c>
      <c r="O9013" t="s">
        <v>85</v>
      </c>
      <c r="P9013" t="s">
        <v>86</v>
      </c>
      <c r="Q9013">
        <v>25</v>
      </c>
      <c r="R9013">
        <v>26</v>
      </c>
      <c r="S9013">
        <v>26</v>
      </c>
      <c r="T9013">
        <v>27</v>
      </c>
      <c r="U9013">
        <v>28</v>
      </c>
      <c r="V9013">
        <v>28</v>
      </c>
      <c r="W9013">
        <v>29</v>
      </c>
      <c r="X9013">
        <v>30</v>
      </c>
      <c r="Y9013">
        <v>30</v>
      </c>
      <c r="Z9013">
        <v>31</v>
      </c>
      <c r="AA9013">
        <v>32</v>
      </c>
      <c r="AB9013">
        <v>33</v>
      </c>
      <c r="AC9013">
        <v>33</v>
      </c>
      <c r="AD9013">
        <v>34</v>
      </c>
      <c r="AE9013">
        <v>35</v>
      </c>
      <c r="AF9013">
        <v>36</v>
      </c>
      <c r="AG9013">
        <v>36</v>
      </c>
      <c r="AH9013">
        <v>37</v>
      </c>
      <c r="AI9013">
        <v>38</v>
      </c>
      <c r="AJ9013">
        <v>39</v>
      </c>
      <c r="AK9013">
        <v>40</v>
      </c>
      <c r="AL9013">
        <v>40</v>
      </c>
      <c r="AM9013">
        <v>41</v>
      </c>
      <c r="AN9013">
        <v>41</v>
      </c>
      <c r="AO9013">
        <v>41</v>
      </c>
      <c r="AP9013">
        <v>42</v>
      </c>
      <c r="AQ9013">
        <v>42</v>
      </c>
    </row>
    <row r="9014" spans="1:43">
      <c r="A9014" t="s">
        <v>5640</v>
      </c>
      <c r="B9014" t="s">
        <v>5641</v>
      </c>
      <c r="C9014" t="s">
        <v>5594</v>
      </c>
      <c r="D9014" t="s">
        <v>5595</v>
      </c>
      <c r="E9014" t="s">
        <v>5426</v>
      </c>
      <c r="F9014" t="s">
        <v>5427</v>
      </c>
      <c r="G9014" t="s">
        <v>80</v>
      </c>
      <c r="H9014" t="s">
        <v>81</v>
      </c>
      <c r="I9014" s="2">
        <v>0</v>
      </c>
      <c r="J9014" s="2">
        <v>1</v>
      </c>
      <c r="K9014" s="2">
        <v>0</v>
      </c>
      <c r="L9014" t="s">
        <v>82</v>
      </c>
      <c r="M9014" t="s">
        <v>83</v>
      </c>
      <c r="N9014" t="s">
        <v>84</v>
      </c>
      <c r="O9014" t="s">
        <v>85</v>
      </c>
      <c r="P9014" t="s">
        <v>86</v>
      </c>
      <c r="Q9014">
        <v>98</v>
      </c>
      <c r="R9014">
        <v>101</v>
      </c>
      <c r="S9014">
        <v>103</v>
      </c>
      <c r="T9014">
        <v>106</v>
      </c>
      <c r="U9014">
        <v>109</v>
      </c>
      <c r="V9014">
        <v>111</v>
      </c>
      <c r="W9014">
        <v>114</v>
      </c>
      <c r="X9014">
        <v>117</v>
      </c>
      <c r="Y9014">
        <v>120</v>
      </c>
      <c r="Z9014">
        <v>122</v>
      </c>
      <c r="AA9014">
        <v>125</v>
      </c>
      <c r="AB9014">
        <v>128</v>
      </c>
      <c r="AC9014">
        <v>131</v>
      </c>
      <c r="AD9014">
        <v>134</v>
      </c>
      <c r="AE9014">
        <v>137</v>
      </c>
      <c r="AF9014">
        <v>140</v>
      </c>
      <c r="AG9014">
        <v>143</v>
      </c>
      <c r="AH9014">
        <v>146</v>
      </c>
      <c r="AI9014">
        <v>149</v>
      </c>
      <c r="AJ9014">
        <v>152</v>
      </c>
      <c r="AK9014">
        <v>155</v>
      </c>
      <c r="AL9014">
        <v>158</v>
      </c>
      <c r="AM9014">
        <v>159</v>
      </c>
      <c r="AN9014">
        <v>161</v>
      </c>
      <c r="AO9014">
        <v>163</v>
      </c>
      <c r="AP9014">
        <v>164</v>
      </c>
      <c r="AQ9014">
        <v>166</v>
      </c>
    </row>
    <row r="9015" spans="1:43">
      <c r="A9015" t="s">
        <v>5640</v>
      </c>
      <c r="B9015" t="s">
        <v>5641</v>
      </c>
      <c r="C9015" t="s">
        <v>5594</v>
      </c>
      <c r="D9015" t="s">
        <v>5595</v>
      </c>
      <c r="E9015" t="s">
        <v>5426</v>
      </c>
      <c r="F9015" t="s">
        <v>5427</v>
      </c>
      <c r="G9015" t="s">
        <v>80</v>
      </c>
      <c r="H9015" t="s">
        <v>81</v>
      </c>
      <c r="I9015" s="2">
        <v>0</v>
      </c>
      <c r="J9015" s="2">
        <v>1</v>
      </c>
      <c r="K9015" s="2">
        <v>0</v>
      </c>
      <c r="L9015" t="s">
        <v>82</v>
      </c>
      <c r="M9015" t="s">
        <v>87</v>
      </c>
      <c r="N9015" t="s">
        <v>88</v>
      </c>
      <c r="O9015" t="s">
        <v>85</v>
      </c>
      <c r="P9015" t="s">
        <v>86</v>
      </c>
      <c r="Q9015">
        <v>98</v>
      </c>
      <c r="R9015">
        <v>99</v>
      </c>
      <c r="S9015">
        <v>101</v>
      </c>
      <c r="T9015">
        <v>102</v>
      </c>
      <c r="U9015">
        <v>104</v>
      </c>
      <c r="V9015">
        <v>106</v>
      </c>
      <c r="W9015">
        <v>107</v>
      </c>
      <c r="X9015">
        <v>109</v>
      </c>
      <c r="Y9015">
        <v>111</v>
      </c>
      <c r="Z9015">
        <v>112</v>
      </c>
      <c r="AA9015">
        <v>114</v>
      </c>
      <c r="AB9015">
        <v>116</v>
      </c>
      <c r="AC9015">
        <v>117</v>
      </c>
      <c r="AD9015">
        <v>119</v>
      </c>
      <c r="AE9015">
        <v>121</v>
      </c>
      <c r="AF9015">
        <v>123</v>
      </c>
      <c r="AG9015">
        <v>125</v>
      </c>
      <c r="AH9015">
        <v>127</v>
      </c>
      <c r="AI9015">
        <v>128</v>
      </c>
      <c r="AJ9015">
        <v>130</v>
      </c>
      <c r="AK9015">
        <v>132</v>
      </c>
      <c r="AL9015">
        <v>134</v>
      </c>
      <c r="AM9015">
        <v>136</v>
      </c>
      <c r="AN9015">
        <v>138</v>
      </c>
      <c r="AO9015">
        <v>140</v>
      </c>
      <c r="AP9015">
        <v>142</v>
      </c>
      <c r="AQ9015">
        <v>144</v>
      </c>
    </row>
    <row r="9016" spans="1:43">
      <c r="A9016" t="s">
        <v>5640</v>
      </c>
      <c r="B9016" t="s">
        <v>5641</v>
      </c>
      <c r="C9016" t="s">
        <v>5594</v>
      </c>
      <c r="D9016" t="s">
        <v>5595</v>
      </c>
      <c r="E9016" t="s">
        <v>5426</v>
      </c>
      <c r="F9016" t="s">
        <v>5427</v>
      </c>
      <c r="G9016" t="s">
        <v>80</v>
      </c>
      <c r="H9016" t="s">
        <v>81</v>
      </c>
      <c r="I9016" s="2">
        <v>0</v>
      </c>
      <c r="J9016" s="2">
        <v>1</v>
      </c>
      <c r="K9016" s="2">
        <v>0</v>
      </c>
      <c r="L9016" t="s">
        <v>82</v>
      </c>
      <c r="M9016" t="s">
        <v>89</v>
      </c>
      <c r="N9016" t="s">
        <v>90</v>
      </c>
      <c r="O9016" t="s">
        <v>85</v>
      </c>
      <c r="P9016" t="s">
        <v>86</v>
      </c>
      <c r="Q9016">
        <v>98</v>
      </c>
      <c r="R9016">
        <v>102</v>
      </c>
      <c r="S9016">
        <v>105</v>
      </c>
      <c r="T9016">
        <v>109</v>
      </c>
      <c r="U9016">
        <v>112</v>
      </c>
      <c r="V9016">
        <v>115</v>
      </c>
      <c r="W9016">
        <v>119</v>
      </c>
      <c r="X9016">
        <v>122</v>
      </c>
      <c r="Y9016">
        <v>126</v>
      </c>
      <c r="Z9016">
        <v>129</v>
      </c>
      <c r="AA9016">
        <v>132</v>
      </c>
      <c r="AB9016">
        <v>136</v>
      </c>
      <c r="AC9016">
        <v>139</v>
      </c>
      <c r="AD9016">
        <v>143</v>
      </c>
      <c r="AE9016">
        <v>146</v>
      </c>
      <c r="AF9016">
        <v>147</v>
      </c>
      <c r="AG9016">
        <v>149</v>
      </c>
      <c r="AH9016">
        <v>151</v>
      </c>
      <c r="AI9016">
        <v>152</v>
      </c>
      <c r="AJ9016">
        <v>154</v>
      </c>
      <c r="AK9016">
        <v>156</v>
      </c>
      <c r="AL9016">
        <v>157</v>
      </c>
      <c r="AM9016">
        <v>159</v>
      </c>
      <c r="AN9016">
        <v>161</v>
      </c>
      <c r="AO9016">
        <v>162</v>
      </c>
      <c r="AP9016">
        <v>164</v>
      </c>
      <c r="AQ9016">
        <v>166</v>
      </c>
    </row>
    <row r="9017" spans="1:43">
      <c r="A9017" t="s">
        <v>5640</v>
      </c>
      <c r="B9017" t="s">
        <v>5641</v>
      </c>
      <c r="C9017" t="s">
        <v>5594</v>
      </c>
      <c r="D9017" t="s">
        <v>5595</v>
      </c>
      <c r="E9017" t="s">
        <v>5426</v>
      </c>
      <c r="F9017" t="s">
        <v>5427</v>
      </c>
      <c r="G9017" t="s">
        <v>80</v>
      </c>
      <c r="H9017" t="s">
        <v>81</v>
      </c>
      <c r="I9017" s="2">
        <v>0</v>
      </c>
      <c r="J9017" s="2">
        <v>1</v>
      </c>
      <c r="K9017" s="2">
        <v>0</v>
      </c>
      <c r="L9017" t="s">
        <v>82</v>
      </c>
      <c r="M9017" t="s">
        <v>83</v>
      </c>
      <c r="N9017" t="s">
        <v>91</v>
      </c>
      <c r="O9017" t="s">
        <v>85</v>
      </c>
      <c r="P9017" t="s">
        <v>86</v>
      </c>
      <c r="Q9017">
        <v>98</v>
      </c>
      <c r="R9017">
        <v>101</v>
      </c>
      <c r="S9017">
        <v>103</v>
      </c>
      <c r="T9017">
        <v>106</v>
      </c>
      <c r="U9017">
        <v>109</v>
      </c>
      <c r="V9017">
        <v>111</v>
      </c>
      <c r="W9017">
        <v>114</v>
      </c>
      <c r="X9017">
        <v>117</v>
      </c>
      <c r="Y9017">
        <v>120</v>
      </c>
      <c r="Z9017">
        <v>122</v>
      </c>
      <c r="AA9017">
        <v>125</v>
      </c>
      <c r="AB9017">
        <v>128</v>
      </c>
      <c r="AC9017">
        <v>131</v>
      </c>
      <c r="AD9017">
        <v>134</v>
      </c>
      <c r="AE9017">
        <v>137</v>
      </c>
      <c r="AF9017">
        <v>140</v>
      </c>
      <c r="AG9017">
        <v>143</v>
      </c>
      <c r="AH9017">
        <v>146</v>
      </c>
      <c r="AI9017">
        <v>149</v>
      </c>
      <c r="AJ9017">
        <v>152</v>
      </c>
      <c r="AK9017">
        <v>155</v>
      </c>
      <c r="AL9017">
        <v>158</v>
      </c>
      <c r="AM9017">
        <v>159</v>
      </c>
      <c r="AN9017">
        <v>161</v>
      </c>
      <c r="AO9017">
        <v>163</v>
      </c>
      <c r="AP9017">
        <v>164</v>
      </c>
      <c r="AQ9017">
        <v>166</v>
      </c>
    </row>
    <row r="9018" spans="1:43">
      <c r="A9018" t="s">
        <v>5642</v>
      </c>
      <c r="B9018" t="s">
        <v>5643</v>
      </c>
      <c r="C9018" t="s">
        <v>5608</v>
      </c>
      <c r="D9018" t="s">
        <v>5609</v>
      </c>
      <c r="E9018" t="s">
        <v>5426</v>
      </c>
      <c r="F9018" t="s">
        <v>5427</v>
      </c>
      <c r="G9018" t="s">
        <v>80</v>
      </c>
      <c r="H9018" t="s">
        <v>81</v>
      </c>
      <c r="I9018" s="2">
        <v>0</v>
      </c>
      <c r="J9018" s="2">
        <v>1</v>
      </c>
      <c r="K9018" s="2">
        <v>0</v>
      </c>
      <c r="L9018" t="s">
        <v>82</v>
      </c>
      <c r="M9018" t="s">
        <v>83</v>
      </c>
      <c r="N9018" t="s">
        <v>84</v>
      </c>
      <c r="O9018" t="s">
        <v>85</v>
      </c>
      <c r="P9018" t="s">
        <v>86</v>
      </c>
      <c r="Q9018">
        <v>68</v>
      </c>
      <c r="R9018">
        <v>70</v>
      </c>
      <c r="S9018">
        <v>71</v>
      </c>
      <c r="T9018">
        <v>73</v>
      </c>
      <c r="U9018">
        <v>75</v>
      </c>
      <c r="V9018">
        <v>77</v>
      </c>
      <c r="W9018">
        <v>79</v>
      </c>
      <c r="X9018">
        <v>80</v>
      </c>
      <c r="Y9018">
        <v>82</v>
      </c>
      <c r="Z9018">
        <v>84</v>
      </c>
      <c r="AA9018">
        <v>86</v>
      </c>
      <c r="AB9018">
        <v>88</v>
      </c>
      <c r="AC9018">
        <v>90</v>
      </c>
      <c r="AD9018">
        <v>92</v>
      </c>
      <c r="AE9018">
        <v>94</v>
      </c>
      <c r="AF9018">
        <v>96</v>
      </c>
      <c r="AG9018">
        <v>98</v>
      </c>
      <c r="AH9018">
        <v>101</v>
      </c>
      <c r="AI9018">
        <v>103</v>
      </c>
      <c r="AJ9018">
        <v>105</v>
      </c>
      <c r="AK9018">
        <v>107</v>
      </c>
      <c r="AL9018">
        <v>109</v>
      </c>
      <c r="AM9018">
        <v>110</v>
      </c>
      <c r="AN9018">
        <v>111</v>
      </c>
      <c r="AO9018">
        <v>112</v>
      </c>
      <c r="AP9018">
        <v>113</v>
      </c>
      <c r="AQ9018">
        <v>114</v>
      </c>
    </row>
    <row r="9019" spans="1:43">
      <c r="A9019" t="s">
        <v>5642</v>
      </c>
      <c r="B9019" t="s">
        <v>5643</v>
      </c>
      <c r="C9019" t="s">
        <v>5608</v>
      </c>
      <c r="D9019" t="s">
        <v>5609</v>
      </c>
      <c r="E9019" t="s">
        <v>5426</v>
      </c>
      <c r="F9019" t="s">
        <v>5427</v>
      </c>
      <c r="G9019" t="s">
        <v>80</v>
      </c>
      <c r="H9019" t="s">
        <v>81</v>
      </c>
      <c r="I9019" s="2">
        <v>0</v>
      </c>
      <c r="J9019" s="2">
        <v>1</v>
      </c>
      <c r="K9019" s="2">
        <v>0</v>
      </c>
      <c r="L9019" t="s">
        <v>82</v>
      </c>
      <c r="M9019" t="s">
        <v>87</v>
      </c>
      <c r="N9019" t="s">
        <v>88</v>
      </c>
      <c r="O9019" t="s">
        <v>85</v>
      </c>
      <c r="P9019" t="s">
        <v>86</v>
      </c>
      <c r="Q9019">
        <v>68</v>
      </c>
      <c r="R9019">
        <v>69</v>
      </c>
      <c r="S9019">
        <v>70</v>
      </c>
      <c r="T9019">
        <v>71</v>
      </c>
      <c r="U9019">
        <v>73</v>
      </c>
      <c r="V9019">
        <v>74</v>
      </c>
      <c r="W9019">
        <v>75</v>
      </c>
      <c r="X9019">
        <v>76</v>
      </c>
      <c r="Y9019">
        <v>77</v>
      </c>
      <c r="Z9019">
        <v>78</v>
      </c>
      <c r="AA9019">
        <v>79</v>
      </c>
      <c r="AB9019">
        <v>81</v>
      </c>
      <c r="AC9019">
        <v>82</v>
      </c>
      <c r="AD9019">
        <v>83</v>
      </c>
      <c r="AE9019">
        <v>84</v>
      </c>
      <c r="AF9019">
        <v>86</v>
      </c>
      <c r="AG9019">
        <v>87</v>
      </c>
      <c r="AH9019">
        <v>88</v>
      </c>
      <c r="AI9019">
        <v>89</v>
      </c>
      <c r="AJ9019">
        <v>91</v>
      </c>
      <c r="AK9019">
        <v>92</v>
      </c>
      <c r="AL9019">
        <v>93</v>
      </c>
      <c r="AM9019">
        <v>95</v>
      </c>
      <c r="AN9019">
        <v>96</v>
      </c>
      <c r="AO9019">
        <v>98</v>
      </c>
      <c r="AP9019">
        <v>99</v>
      </c>
      <c r="AQ9019">
        <v>100</v>
      </c>
    </row>
    <row r="9020" spans="1:43">
      <c r="A9020" t="s">
        <v>5642</v>
      </c>
      <c r="B9020" t="s">
        <v>5643</v>
      </c>
      <c r="C9020" t="s">
        <v>5608</v>
      </c>
      <c r="D9020" t="s">
        <v>5609</v>
      </c>
      <c r="E9020" t="s">
        <v>5426</v>
      </c>
      <c r="F9020" t="s">
        <v>5427</v>
      </c>
      <c r="G9020" t="s">
        <v>80</v>
      </c>
      <c r="H9020" t="s">
        <v>81</v>
      </c>
      <c r="I9020" s="2">
        <v>0</v>
      </c>
      <c r="J9020" s="2">
        <v>1</v>
      </c>
      <c r="K9020" s="2">
        <v>0</v>
      </c>
      <c r="L9020" t="s">
        <v>82</v>
      </c>
      <c r="M9020" t="s">
        <v>89</v>
      </c>
      <c r="N9020" t="s">
        <v>90</v>
      </c>
      <c r="O9020" t="s">
        <v>85</v>
      </c>
      <c r="P9020" t="s">
        <v>86</v>
      </c>
      <c r="Q9020">
        <v>68</v>
      </c>
      <c r="R9020">
        <v>71</v>
      </c>
      <c r="S9020">
        <v>73</v>
      </c>
      <c r="T9020">
        <v>75</v>
      </c>
      <c r="U9020">
        <v>78</v>
      </c>
      <c r="V9020">
        <v>80</v>
      </c>
      <c r="W9020">
        <v>83</v>
      </c>
      <c r="X9020">
        <v>85</v>
      </c>
      <c r="Y9020">
        <v>87</v>
      </c>
      <c r="Z9020">
        <v>90</v>
      </c>
      <c r="AA9020">
        <v>92</v>
      </c>
      <c r="AB9020">
        <v>94</v>
      </c>
      <c r="AC9020">
        <v>97</v>
      </c>
      <c r="AD9020">
        <v>99</v>
      </c>
      <c r="AE9020">
        <v>101</v>
      </c>
      <c r="AF9020">
        <v>102</v>
      </c>
      <c r="AG9020">
        <v>104</v>
      </c>
      <c r="AH9020">
        <v>105</v>
      </c>
      <c r="AI9020">
        <v>106</v>
      </c>
      <c r="AJ9020">
        <v>107</v>
      </c>
      <c r="AK9020">
        <v>108</v>
      </c>
      <c r="AL9020">
        <v>109</v>
      </c>
      <c r="AM9020">
        <v>110</v>
      </c>
      <c r="AN9020">
        <v>112</v>
      </c>
      <c r="AO9020">
        <v>113</v>
      </c>
      <c r="AP9020">
        <v>114</v>
      </c>
      <c r="AQ9020">
        <v>115</v>
      </c>
    </row>
    <row r="9021" spans="1:43">
      <c r="A9021" t="s">
        <v>5642</v>
      </c>
      <c r="B9021" t="s">
        <v>5643</v>
      </c>
      <c r="C9021" t="s">
        <v>5608</v>
      </c>
      <c r="D9021" t="s">
        <v>5609</v>
      </c>
      <c r="E9021" t="s">
        <v>5426</v>
      </c>
      <c r="F9021" t="s">
        <v>5427</v>
      </c>
      <c r="G9021" t="s">
        <v>80</v>
      </c>
      <c r="H9021" t="s">
        <v>81</v>
      </c>
      <c r="I9021" s="2">
        <v>0</v>
      </c>
      <c r="J9021" s="2">
        <v>1</v>
      </c>
      <c r="K9021" s="2">
        <v>0</v>
      </c>
      <c r="L9021" t="s">
        <v>82</v>
      </c>
      <c r="M9021" t="s">
        <v>83</v>
      </c>
      <c r="N9021" t="s">
        <v>91</v>
      </c>
      <c r="O9021" t="s">
        <v>85</v>
      </c>
      <c r="P9021" t="s">
        <v>86</v>
      </c>
      <c r="Q9021">
        <v>68</v>
      </c>
      <c r="R9021">
        <v>70</v>
      </c>
      <c r="S9021">
        <v>71</v>
      </c>
      <c r="T9021">
        <v>73</v>
      </c>
      <c r="U9021">
        <v>75</v>
      </c>
      <c r="V9021">
        <v>77</v>
      </c>
      <c r="W9021">
        <v>79</v>
      </c>
      <c r="X9021">
        <v>80</v>
      </c>
      <c r="Y9021">
        <v>82</v>
      </c>
      <c r="Z9021">
        <v>84</v>
      </c>
      <c r="AA9021">
        <v>86</v>
      </c>
      <c r="AB9021">
        <v>88</v>
      </c>
      <c r="AC9021">
        <v>90</v>
      </c>
      <c r="AD9021">
        <v>92</v>
      </c>
      <c r="AE9021">
        <v>94</v>
      </c>
      <c r="AF9021">
        <v>96</v>
      </c>
      <c r="AG9021">
        <v>98</v>
      </c>
      <c r="AH9021">
        <v>101</v>
      </c>
      <c r="AI9021">
        <v>103</v>
      </c>
      <c r="AJ9021">
        <v>105</v>
      </c>
      <c r="AK9021">
        <v>107</v>
      </c>
      <c r="AL9021">
        <v>109</v>
      </c>
      <c r="AM9021">
        <v>110</v>
      </c>
      <c r="AN9021">
        <v>111</v>
      </c>
      <c r="AO9021">
        <v>112</v>
      </c>
      <c r="AP9021">
        <v>113</v>
      </c>
      <c r="AQ9021">
        <v>114</v>
      </c>
    </row>
    <row r="9022" spans="1:43">
      <c r="A9022" t="s">
        <v>5644</v>
      </c>
      <c r="B9022" t="s">
        <v>5645</v>
      </c>
      <c r="C9022" t="s">
        <v>5594</v>
      </c>
      <c r="D9022" t="s">
        <v>5595</v>
      </c>
      <c r="E9022" t="s">
        <v>5426</v>
      </c>
      <c r="F9022" t="s">
        <v>5427</v>
      </c>
      <c r="G9022" t="s">
        <v>80</v>
      </c>
      <c r="H9022" t="s">
        <v>81</v>
      </c>
      <c r="I9022" s="2">
        <v>0</v>
      </c>
      <c r="J9022" s="2">
        <v>1</v>
      </c>
      <c r="K9022" s="2">
        <v>0</v>
      </c>
      <c r="L9022" t="s">
        <v>82</v>
      </c>
      <c r="M9022" t="s">
        <v>83</v>
      </c>
      <c r="N9022" t="s">
        <v>84</v>
      </c>
      <c r="O9022" t="s">
        <v>85</v>
      </c>
      <c r="P9022" t="s">
        <v>86</v>
      </c>
      <c r="Q9022">
        <v>100</v>
      </c>
      <c r="R9022">
        <v>102</v>
      </c>
      <c r="S9022">
        <v>105</v>
      </c>
      <c r="T9022">
        <v>107</v>
      </c>
      <c r="U9022">
        <v>110</v>
      </c>
      <c r="V9022">
        <v>113</v>
      </c>
      <c r="W9022">
        <v>115</v>
      </c>
      <c r="X9022">
        <v>118</v>
      </c>
      <c r="Y9022">
        <v>121</v>
      </c>
      <c r="Z9022">
        <v>124</v>
      </c>
      <c r="AA9022">
        <v>127</v>
      </c>
      <c r="AB9022">
        <v>130</v>
      </c>
      <c r="AC9022">
        <v>133</v>
      </c>
      <c r="AD9022">
        <v>135</v>
      </c>
      <c r="AE9022">
        <v>138</v>
      </c>
      <c r="AF9022">
        <v>142</v>
      </c>
      <c r="AG9022">
        <v>145</v>
      </c>
      <c r="AH9022">
        <v>148</v>
      </c>
      <c r="AI9022">
        <v>151</v>
      </c>
      <c r="AJ9022">
        <v>154</v>
      </c>
      <c r="AK9022">
        <v>157</v>
      </c>
      <c r="AL9022">
        <v>159</v>
      </c>
      <c r="AM9022">
        <v>161</v>
      </c>
      <c r="AN9022">
        <v>163</v>
      </c>
      <c r="AO9022">
        <v>165</v>
      </c>
      <c r="AP9022">
        <v>166</v>
      </c>
      <c r="AQ9022">
        <v>168</v>
      </c>
    </row>
    <row r="9023" spans="1:43">
      <c r="A9023" t="s">
        <v>5644</v>
      </c>
      <c r="B9023" t="s">
        <v>5645</v>
      </c>
      <c r="C9023" t="s">
        <v>5594</v>
      </c>
      <c r="D9023" t="s">
        <v>5595</v>
      </c>
      <c r="E9023" t="s">
        <v>5426</v>
      </c>
      <c r="F9023" t="s">
        <v>5427</v>
      </c>
      <c r="G9023" t="s">
        <v>80</v>
      </c>
      <c r="H9023" t="s">
        <v>81</v>
      </c>
      <c r="I9023" s="2">
        <v>0</v>
      </c>
      <c r="J9023" s="2">
        <v>1</v>
      </c>
      <c r="K9023" s="2">
        <v>0</v>
      </c>
      <c r="L9023" t="s">
        <v>82</v>
      </c>
      <c r="M9023" t="s">
        <v>87</v>
      </c>
      <c r="N9023" t="s">
        <v>88</v>
      </c>
      <c r="O9023" t="s">
        <v>85</v>
      </c>
      <c r="P9023" t="s">
        <v>86</v>
      </c>
      <c r="Q9023">
        <v>100</v>
      </c>
      <c r="R9023">
        <v>101</v>
      </c>
      <c r="S9023">
        <v>103</v>
      </c>
      <c r="T9023">
        <v>105</v>
      </c>
      <c r="U9023">
        <v>106</v>
      </c>
      <c r="V9023">
        <v>108</v>
      </c>
      <c r="W9023">
        <v>110</v>
      </c>
      <c r="X9023">
        <v>111</v>
      </c>
      <c r="Y9023">
        <v>113</v>
      </c>
      <c r="Z9023">
        <v>115</v>
      </c>
      <c r="AA9023">
        <v>116</v>
      </c>
      <c r="AB9023">
        <v>118</v>
      </c>
      <c r="AC9023">
        <v>120</v>
      </c>
      <c r="AD9023">
        <v>122</v>
      </c>
      <c r="AE9023">
        <v>124</v>
      </c>
      <c r="AF9023">
        <v>125</v>
      </c>
      <c r="AG9023">
        <v>127</v>
      </c>
      <c r="AH9023">
        <v>129</v>
      </c>
      <c r="AI9023">
        <v>131</v>
      </c>
      <c r="AJ9023">
        <v>133</v>
      </c>
      <c r="AK9023">
        <v>135</v>
      </c>
      <c r="AL9023">
        <v>137</v>
      </c>
      <c r="AM9023">
        <v>139</v>
      </c>
      <c r="AN9023">
        <v>141</v>
      </c>
      <c r="AO9023">
        <v>143</v>
      </c>
      <c r="AP9023">
        <v>145</v>
      </c>
      <c r="AQ9023">
        <v>147</v>
      </c>
    </row>
    <row r="9024" spans="1:43">
      <c r="A9024" t="s">
        <v>5644</v>
      </c>
      <c r="B9024" t="s">
        <v>5645</v>
      </c>
      <c r="C9024" t="s">
        <v>5594</v>
      </c>
      <c r="D9024" t="s">
        <v>5595</v>
      </c>
      <c r="E9024" t="s">
        <v>5426</v>
      </c>
      <c r="F9024" t="s">
        <v>5427</v>
      </c>
      <c r="G9024" t="s">
        <v>80</v>
      </c>
      <c r="H9024" t="s">
        <v>81</v>
      </c>
      <c r="I9024" s="2">
        <v>0</v>
      </c>
      <c r="J9024" s="2">
        <v>1</v>
      </c>
      <c r="K9024" s="2">
        <v>0</v>
      </c>
      <c r="L9024" t="s">
        <v>82</v>
      </c>
      <c r="M9024" t="s">
        <v>89</v>
      </c>
      <c r="N9024" t="s">
        <v>90</v>
      </c>
      <c r="O9024" t="s">
        <v>85</v>
      </c>
      <c r="P9024" t="s">
        <v>86</v>
      </c>
      <c r="Q9024">
        <v>100</v>
      </c>
      <c r="R9024">
        <v>103</v>
      </c>
      <c r="S9024">
        <v>106</v>
      </c>
      <c r="T9024">
        <v>110</v>
      </c>
      <c r="U9024">
        <v>113</v>
      </c>
      <c r="V9024">
        <v>117</v>
      </c>
      <c r="W9024">
        <v>120</v>
      </c>
      <c r="X9024">
        <v>124</v>
      </c>
      <c r="Y9024">
        <v>127</v>
      </c>
      <c r="Z9024">
        <v>131</v>
      </c>
      <c r="AA9024">
        <v>134</v>
      </c>
      <c r="AB9024">
        <v>138</v>
      </c>
      <c r="AC9024">
        <v>141</v>
      </c>
      <c r="AD9024">
        <v>145</v>
      </c>
      <c r="AE9024">
        <v>148</v>
      </c>
      <c r="AF9024">
        <v>149</v>
      </c>
      <c r="AG9024">
        <v>151</v>
      </c>
      <c r="AH9024">
        <v>153</v>
      </c>
      <c r="AI9024">
        <v>154</v>
      </c>
      <c r="AJ9024">
        <v>156</v>
      </c>
      <c r="AK9024">
        <v>158</v>
      </c>
      <c r="AL9024">
        <v>159</v>
      </c>
      <c r="AM9024">
        <v>161</v>
      </c>
      <c r="AN9024">
        <v>163</v>
      </c>
      <c r="AO9024">
        <v>165</v>
      </c>
      <c r="AP9024">
        <v>166</v>
      </c>
      <c r="AQ9024">
        <v>168</v>
      </c>
    </row>
    <row r="9025" spans="1:43">
      <c r="A9025" t="s">
        <v>5644</v>
      </c>
      <c r="B9025" t="s">
        <v>5645</v>
      </c>
      <c r="C9025" t="s">
        <v>5594</v>
      </c>
      <c r="D9025" t="s">
        <v>5595</v>
      </c>
      <c r="E9025" t="s">
        <v>5426</v>
      </c>
      <c r="F9025" t="s">
        <v>5427</v>
      </c>
      <c r="G9025" t="s">
        <v>80</v>
      </c>
      <c r="H9025" t="s">
        <v>81</v>
      </c>
      <c r="I9025" s="2">
        <v>0</v>
      </c>
      <c r="J9025" s="2">
        <v>1</v>
      </c>
      <c r="K9025" s="2">
        <v>0</v>
      </c>
      <c r="L9025" t="s">
        <v>82</v>
      </c>
      <c r="M9025" t="s">
        <v>83</v>
      </c>
      <c r="N9025" t="s">
        <v>91</v>
      </c>
      <c r="O9025" t="s">
        <v>85</v>
      </c>
      <c r="P9025" t="s">
        <v>86</v>
      </c>
      <c r="Q9025">
        <v>100</v>
      </c>
      <c r="R9025">
        <v>102</v>
      </c>
      <c r="S9025">
        <v>105</v>
      </c>
      <c r="T9025">
        <v>107</v>
      </c>
      <c r="U9025">
        <v>110</v>
      </c>
      <c r="V9025">
        <v>113</v>
      </c>
      <c r="W9025">
        <v>115</v>
      </c>
      <c r="X9025">
        <v>118</v>
      </c>
      <c r="Y9025">
        <v>121</v>
      </c>
      <c r="Z9025">
        <v>124</v>
      </c>
      <c r="AA9025">
        <v>127</v>
      </c>
      <c r="AB9025">
        <v>130</v>
      </c>
      <c r="AC9025">
        <v>133</v>
      </c>
      <c r="AD9025">
        <v>135</v>
      </c>
      <c r="AE9025">
        <v>138</v>
      </c>
      <c r="AF9025">
        <v>142</v>
      </c>
      <c r="AG9025">
        <v>145</v>
      </c>
      <c r="AH9025">
        <v>148</v>
      </c>
      <c r="AI9025">
        <v>151</v>
      </c>
      <c r="AJ9025">
        <v>154</v>
      </c>
      <c r="AK9025">
        <v>157</v>
      </c>
      <c r="AL9025">
        <v>159</v>
      </c>
      <c r="AM9025">
        <v>161</v>
      </c>
      <c r="AN9025">
        <v>163</v>
      </c>
      <c r="AO9025">
        <v>165</v>
      </c>
      <c r="AP9025">
        <v>166</v>
      </c>
      <c r="AQ9025">
        <v>168</v>
      </c>
    </row>
    <row r="9026" spans="1:43">
      <c r="A9026" t="s">
        <v>5646</v>
      </c>
      <c r="B9026" t="s">
        <v>5647</v>
      </c>
      <c r="C9026" t="s">
        <v>5594</v>
      </c>
      <c r="D9026" t="s">
        <v>5595</v>
      </c>
      <c r="E9026" t="s">
        <v>5426</v>
      </c>
      <c r="F9026" t="s">
        <v>5427</v>
      </c>
      <c r="G9026" t="s">
        <v>80</v>
      </c>
      <c r="H9026" t="s">
        <v>81</v>
      </c>
      <c r="I9026" s="2">
        <v>0</v>
      </c>
      <c r="J9026" s="2">
        <v>1</v>
      </c>
      <c r="K9026" s="2">
        <v>0</v>
      </c>
      <c r="L9026" t="s">
        <v>82</v>
      </c>
      <c r="M9026" t="s">
        <v>83</v>
      </c>
      <c r="N9026" t="s">
        <v>84</v>
      </c>
      <c r="O9026" t="s">
        <v>85</v>
      </c>
      <c r="P9026" t="s">
        <v>86</v>
      </c>
      <c r="Q9026">
        <v>68</v>
      </c>
      <c r="R9026">
        <v>70</v>
      </c>
      <c r="S9026">
        <v>72</v>
      </c>
      <c r="T9026">
        <v>74</v>
      </c>
      <c r="U9026">
        <v>75</v>
      </c>
      <c r="V9026">
        <v>77</v>
      </c>
      <c r="W9026">
        <v>79</v>
      </c>
      <c r="X9026">
        <v>81</v>
      </c>
      <c r="Y9026">
        <v>83</v>
      </c>
      <c r="Z9026">
        <v>85</v>
      </c>
      <c r="AA9026">
        <v>87</v>
      </c>
      <c r="AB9026">
        <v>89</v>
      </c>
      <c r="AC9026">
        <v>91</v>
      </c>
      <c r="AD9026">
        <v>93</v>
      </c>
      <c r="AE9026">
        <v>95</v>
      </c>
      <c r="AF9026">
        <v>97</v>
      </c>
      <c r="AG9026">
        <v>99</v>
      </c>
      <c r="AH9026">
        <v>101</v>
      </c>
      <c r="AI9026">
        <v>104</v>
      </c>
      <c r="AJ9026">
        <v>106</v>
      </c>
      <c r="AK9026">
        <v>108</v>
      </c>
      <c r="AL9026">
        <v>110</v>
      </c>
      <c r="AM9026">
        <v>111</v>
      </c>
      <c r="AN9026">
        <v>112</v>
      </c>
      <c r="AO9026">
        <v>113</v>
      </c>
      <c r="AP9026">
        <v>114</v>
      </c>
      <c r="AQ9026">
        <v>115</v>
      </c>
    </row>
    <row r="9027" spans="1:43">
      <c r="A9027" t="s">
        <v>5646</v>
      </c>
      <c r="B9027" t="s">
        <v>5647</v>
      </c>
      <c r="C9027" t="s">
        <v>5594</v>
      </c>
      <c r="D9027" t="s">
        <v>5595</v>
      </c>
      <c r="E9027" t="s">
        <v>5426</v>
      </c>
      <c r="F9027" t="s">
        <v>5427</v>
      </c>
      <c r="G9027" t="s">
        <v>80</v>
      </c>
      <c r="H9027" t="s">
        <v>81</v>
      </c>
      <c r="I9027" s="2">
        <v>0</v>
      </c>
      <c r="J9027" s="2">
        <v>1</v>
      </c>
      <c r="K9027" s="2">
        <v>0</v>
      </c>
      <c r="L9027" t="s">
        <v>82</v>
      </c>
      <c r="M9027" t="s">
        <v>87</v>
      </c>
      <c r="N9027" t="s">
        <v>88</v>
      </c>
      <c r="O9027" t="s">
        <v>85</v>
      </c>
      <c r="P9027" t="s">
        <v>86</v>
      </c>
      <c r="Q9027">
        <v>68</v>
      </c>
      <c r="R9027">
        <v>69</v>
      </c>
      <c r="S9027">
        <v>70</v>
      </c>
      <c r="T9027">
        <v>71</v>
      </c>
      <c r="U9027">
        <v>72</v>
      </c>
      <c r="V9027">
        <v>73</v>
      </c>
      <c r="W9027">
        <v>74</v>
      </c>
      <c r="X9027">
        <v>76</v>
      </c>
      <c r="Y9027">
        <v>77</v>
      </c>
      <c r="Z9027">
        <v>78</v>
      </c>
      <c r="AA9027">
        <v>79</v>
      </c>
      <c r="AB9027">
        <v>80</v>
      </c>
      <c r="AC9027">
        <v>82</v>
      </c>
      <c r="AD9027">
        <v>83</v>
      </c>
      <c r="AE9027">
        <v>84</v>
      </c>
      <c r="AF9027">
        <v>85</v>
      </c>
      <c r="AG9027">
        <v>87</v>
      </c>
      <c r="AH9027">
        <v>88</v>
      </c>
      <c r="AI9027">
        <v>89</v>
      </c>
      <c r="AJ9027">
        <v>91</v>
      </c>
      <c r="AK9027">
        <v>92</v>
      </c>
      <c r="AL9027">
        <v>93</v>
      </c>
      <c r="AM9027">
        <v>95</v>
      </c>
      <c r="AN9027">
        <v>96</v>
      </c>
      <c r="AO9027">
        <v>97</v>
      </c>
      <c r="AP9027">
        <v>99</v>
      </c>
      <c r="AQ9027">
        <v>100</v>
      </c>
    </row>
    <row r="9028" spans="1:43">
      <c r="A9028" t="s">
        <v>5646</v>
      </c>
      <c r="B9028" t="s">
        <v>5647</v>
      </c>
      <c r="C9028" t="s">
        <v>5594</v>
      </c>
      <c r="D9028" t="s">
        <v>5595</v>
      </c>
      <c r="E9028" t="s">
        <v>5426</v>
      </c>
      <c r="F9028" t="s">
        <v>5427</v>
      </c>
      <c r="G9028" t="s">
        <v>80</v>
      </c>
      <c r="H9028" t="s">
        <v>81</v>
      </c>
      <c r="I9028" s="2">
        <v>0</v>
      </c>
      <c r="J9028" s="2">
        <v>1</v>
      </c>
      <c r="K9028" s="2">
        <v>0</v>
      </c>
      <c r="L9028" t="s">
        <v>82</v>
      </c>
      <c r="M9028" t="s">
        <v>89</v>
      </c>
      <c r="N9028" t="s">
        <v>90</v>
      </c>
      <c r="O9028" t="s">
        <v>85</v>
      </c>
      <c r="P9028" t="s">
        <v>86</v>
      </c>
      <c r="Q9028">
        <v>68</v>
      </c>
      <c r="R9028">
        <v>70</v>
      </c>
      <c r="S9028">
        <v>73</v>
      </c>
      <c r="T9028">
        <v>75</v>
      </c>
      <c r="U9028">
        <v>77</v>
      </c>
      <c r="V9028">
        <v>80</v>
      </c>
      <c r="W9028">
        <v>82</v>
      </c>
      <c r="X9028">
        <v>85</v>
      </c>
      <c r="Y9028">
        <v>87</v>
      </c>
      <c r="Z9028">
        <v>89</v>
      </c>
      <c r="AA9028">
        <v>92</v>
      </c>
      <c r="AB9028">
        <v>94</v>
      </c>
      <c r="AC9028">
        <v>97</v>
      </c>
      <c r="AD9028">
        <v>99</v>
      </c>
      <c r="AE9028">
        <v>101</v>
      </c>
      <c r="AF9028">
        <v>102</v>
      </c>
      <c r="AG9028">
        <v>103</v>
      </c>
      <c r="AH9028">
        <v>104</v>
      </c>
      <c r="AI9028">
        <v>106</v>
      </c>
      <c r="AJ9028">
        <v>107</v>
      </c>
      <c r="AK9028">
        <v>108</v>
      </c>
      <c r="AL9028">
        <v>109</v>
      </c>
      <c r="AM9028">
        <v>110</v>
      </c>
      <c r="AN9028">
        <v>111</v>
      </c>
      <c r="AO9028">
        <v>113</v>
      </c>
      <c r="AP9028">
        <v>114</v>
      </c>
      <c r="AQ9028">
        <v>115</v>
      </c>
    </row>
    <row r="9029" spans="1:43">
      <c r="A9029" t="s">
        <v>5646</v>
      </c>
      <c r="B9029" t="s">
        <v>5647</v>
      </c>
      <c r="C9029" t="s">
        <v>5594</v>
      </c>
      <c r="D9029" t="s">
        <v>5595</v>
      </c>
      <c r="E9029" t="s">
        <v>5426</v>
      </c>
      <c r="F9029" t="s">
        <v>5427</v>
      </c>
      <c r="G9029" t="s">
        <v>80</v>
      </c>
      <c r="H9029" t="s">
        <v>81</v>
      </c>
      <c r="I9029" s="2">
        <v>0</v>
      </c>
      <c r="J9029" s="2">
        <v>1</v>
      </c>
      <c r="K9029" s="2">
        <v>0</v>
      </c>
      <c r="L9029" t="s">
        <v>82</v>
      </c>
      <c r="M9029" t="s">
        <v>83</v>
      </c>
      <c r="N9029" t="s">
        <v>91</v>
      </c>
      <c r="O9029" t="s">
        <v>85</v>
      </c>
      <c r="P9029" t="s">
        <v>86</v>
      </c>
      <c r="Q9029">
        <v>68</v>
      </c>
      <c r="R9029">
        <v>70</v>
      </c>
      <c r="S9029">
        <v>72</v>
      </c>
      <c r="T9029">
        <v>74</v>
      </c>
      <c r="U9029">
        <v>75</v>
      </c>
      <c r="V9029">
        <v>77</v>
      </c>
      <c r="W9029">
        <v>79</v>
      </c>
      <c r="X9029">
        <v>81</v>
      </c>
      <c r="Y9029">
        <v>83</v>
      </c>
      <c r="Z9029">
        <v>85</v>
      </c>
      <c r="AA9029">
        <v>87</v>
      </c>
      <c r="AB9029">
        <v>89</v>
      </c>
      <c r="AC9029">
        <v>91</v>
      </c>
      <c r="AD9029">
        <v>93</v>
      </c>
      <c r="AE9029">
        <v>95</v>
      </c>
      <c r="AF9029">
        <v>97</v>
      </c>
      <c r="AG9029">
        <v>99</v>
      </c>
      <c r="AH9029">
        <v>101</v>
      </c>
      <c r="AI9029">
        <v>104</v>
      </c>
      <c r="AJ9029">
        <v>106</v>
      </c>
      <c r="AK9029">
        <v>108</v>
      </c>
      <c r="AL9029">
        <v>110</v>
      </c>
      <c r="AM9029">
        <v>111</v>
      </c>
      <c r="AN9029">
        <v>112</v>
      </c>
      <c r="AO9029">
        <v>113</v>
      </c>
      <c r="AP9029">
        <v>114</v>
      </c>
      <c r="AQ9029">
        <v>115</v>
      </c>
    </row>
    <row r="9030" spans="1:43">
      <c r="A9030" t="s">
        <v>5648</v>
      </c>
      <c r="B9030" t="s">
        <v>5649</v>
      </c>
      <c r="C9030" t="s">
        <v>5608</v>
      </c>
      <c r="D9030" t="s">
        <v>5609</v>
      </c>
      <c r="E9030" t="s">
        <v>5426</v>
      </c>
      <c r="F9030" t="s">
        <v>5427</v>
      </c>
      <c r="G9030" t="s">
        <v>80</v>
      </c>
      <c r="H9030" t="s">
        <v>81</v>
      </c>
      <c r="I9030" s="2">
        <v>0</v>
      </c>
      <c r="J9030" s="2">
        <v>1</v>
      </c>
      <c r="K9030" s="2">
        <v>0</v>
      </c>
      <c r="L9030" t="s">
        <v>82</v>
      </c>
      <c r="M9030" t="s">
        <v>83</v>
      </c>
      <c r="N9030" t="s">
        <v>84</v>
      </c>
      <c r="O9030" t="s">
        <v>85</v>
      </c>
      <c r="P9030" t="s">
        <v>86</v>
      </c>
      <c r="Q9030">
        <v>50</v>
      </c>
      <c r="R9030">
        <v>51</v>
      </c>
      <c r="S9030">
        <v>53</v>
      </c>
      <c r="T9030">
        <v>54</v>
      </c>
      <c r="U9030">
        <v>55</v>
      </c>
      <c r="V9030">
        <v>57</v>
      </c>
      <c r="W9030">
        <v>58</v>
      </c>
      <c r="X9030">
        <v>59</v>
      </c>
      <c r="Y9030">
        <v>61</v>
      </c>
      <c r="Z9030">
        <v>62</v>
      </c>
      <c r="AA9030">
        <v>64</v>
      </c>
      <c r="AB9030">
        <v>65</v>
      </c>
      <c r="AC9030">
        <v>67</v>
      </c>
      <c r="AD9030">
        <v>68</v>
      </c>
      <c r="AE9030">
        <v>70</v>
      </c>
      <c r="AF9030">
        <v>71</v>
      </c>
      <c r="AG9030">
        <v>73</v>
      </c>
      <c r="AH9030">
        <v>74</v>
      </c>
      <c r="AI9030">
        <v>76</v>
      </c>
      <c r="AJ9030">
        <v>78</v>
      </c>
      <c r="AK9030">
        <v>79</v>
      </c>
      <c r="AL9030">
        <v>80</v>
      </c>
      <c r="AM9030">
        <v>81</v>
      </c>
      <c r="AN9030">
        <v>82</v>
      </c>
      <c r="AO9030">
        <v>83</v>
      </c>
      <c r="AP9030">
        <v>84</v>
      </c>
      <c r="AQ9030">
        <v>85</v>
      </c>
    </row>
    <row r="9031" spans="1:43">
      <c r="A9031" t="s">
        <v>5648</v>
      </c>
      <c r="B9031" t="s">
        <v>5649</v>
      </c>
      <c r="C9031" t="s">
        <v>5608</v>
      </c>
      <c r="D9031" t="s">
        <v>5609</v>
      </c>
      <c r="E9031" t="s">
        <v>5426</v>
      </c>
      <c r="F9031" t="s">
        <v>5427</v>
      </c>
      <c r="G9031" t="s">
        <v>80</v>
      </c>
      <c r="H9031" t="s">
        <v>81</v>
      </c>
      <c r="I9031" s="2">
        <v>0</v>
      </c>
      <c r="J9031" s="2">
        <v>1</v>
      </c>
      <c r="K9031" s="2">
        <v>0</v>
      </c>
      <c r="L9031" t="s">
        <v>82</v>
      </c>
      <c r="M9031" t="s">
        <v>87</v>
      </c>
      <c r="N9031" t="s">
        <v>88</v>
      </c>
      <c r="O9031" t="s">
        <v>85</v>
      </c>
      <c r="P9031" t="s">
        <v>86</v>
      </c>
      <c r="Q9031">
        <v>50</v>
      </c>
      <c r="R9031">
        <v>50</v>
      </c>
      <c r="S9031">
        <v>51</v>
      </c>
      <c r="T9031">
        <v>52</v>
      </c>
      <c r="U9031">
        <v>53</v>
      </c>
      <c r="V9031">
        <v>54</v>
      </c>
      <c r="W9031">
        <v>55</v>
      </c>
      <c r="X9031">
        <v>55</v>
      </c>
      <c r="Y9031">
        <v>56</v>
      </c>
      <c r="Z9031">
        <v>57</v>
      </c>
      <c r="AA9031">
        <v>58</v>
      </c>
      <c r="AB9031">
        <v>59</v>
      </c>
      <c r="AC9031">
        <v>60</v>
      </c>
      <c r="AD9031">
        <v>61</v>
      </c>
      <c r="AE9031">
        <v>62</v>
      </c>
      <c r="AF9031">
        <v>63</v>
      </c>
      <c r="AG9031">
        <v>64</v>
      </c>
      <c r="AH9031">
        <v>65</v>
      </c>
      <c r="AI9031">
        <v>65</v>
      </c>
      <c r="AJ9031">
        <v>66</v>
      </c>
      <c r="AK9031">
        <v>67</v>
      </c>
      <c r="AL9031">
        <v>68</v>
      </c>
      <c r="AM9031">
        <v>69</v>
      </c>
      <c r="AN9031">
        <v>70</v>
      </c>
      <c r="AO9031">
        <v>71</v>
      </c>
      <c r="AP9031">
        <v>72</v>
      </c>
      <c r="AQ9031">
        <v>73</v>
      </c>
    </row>
    <row r="9032" spans="1:43">
      <c r="A9032" t="s">
        <v>5648</v>
      </c>
      <c r="B9032" t="s">
        <v>5649</v>
      </c>
      <c r="C9032" t="s">
        <v>5608</v>
      </c>
      <c r="D9032" t="s">
        <v>5609</v>
      </c>
      <c r="E9032" t="s">
        <v>5426</v>
      </c>
      <c r="F9032" t="s">
        <v>5427</v>
      </c>
      <c r="G9032" t="s">
        <v>80</v>
      </c>
      <c r="H9032" t="s">
        <v>81</v>
      </c>
      <c r="I9032" s="2">
        <v>0</v>
      </c>
      <c r="J9032" s="2">
        <v>1</v>
      </c>
      <c r="K9032" s="2">
        <v>0</v>
      </c>
      <c r="L9032" t="s">
        <v>82</v>
      </c>
      <c r="M9032" t="s">
        <v>89</v>
      </c>
      <c r="N9032" t="s">
        <v>90</v>
      </c>
      <c r="O9032" t="s">
        <v>85</v>
      </c>
      <c r="P9032" t="s">
        <v>86</v>
      </c>
      <c r="Q9032">
        <v>50</v>
      </c>
      <c r="R9032">
        <v>51</v>
      </c>
      <c r="S9032">
        <v>53</v>
      </c>
      <c r="T9032">
        <v>55</v>
      </c>
      <c r="U9032">
        <v>57</v>
      </c>
      <c r="V9032">
        <v>58</v>
      </c>
      <c r="W9032">
        <v>60</v>
      </c>
      <c r="X9032">
        <v>62</v>
      </c>
      <c r="Y9032">
        <v>64</v>
      </c>
      <c r="Z9032">
        <v>65</v>
      </c>
      <c r="AA9032">
        <v>67</v>
      </c>
      <c r="AB9032">
        <v>69</v>
      </c>
      <c r="AC9032">
        <v>71</v>
      </c>
      <c r="AD9032">
        <v>72</v>
      </c>
      <c r="AE9032">
        <v>74</v>
      </c>
      <c r="AF9032">
        <v>75</v>
      </c>
      <c r="AG9032">
        <v>76</v>
      </c>
      <c r="AH9032">
        <v>76</v>
      </c>
      <c r="AI9032">
        <v>77</v>
      </c>
      <c r="AJ9032">
        <v>78</v>
      </c>
      <c r="AK9032">
        <v>79</v>
      </c>
      <c r="AL9032">
        <v>80</v>
      </c>
      <c r="AM9032">
        <v>81</v>
      </c>
      <c r="AN9032">
        <v>81</v>
      </c>
      <c r="AO9032">
        <v>82</v>
      </c>
      <c r="AP9032">
        <v>83</v>
      </c>
      <c r="AQ9032">
        <v>84</v>
      </c>
    </row>
    <row r="9033" spans="1:43">
      <c r="A9033" t="s">
        <v>5648</v>
      </c>
      <c r="B9033" t="s">
        <v>5649</v>
      </c>
      <c r="C9033" t="s">
        <v>5608</v>
      </c>
      <c r="D9033" t="s">
        <v>5609</v>
      </c>
      <c r="E9033" t="s">
        <v>5426</v>
      </c>
      <c r="F9033" t="s">
        <v>5427</v>
      </c>
      <c r="G9033" t="s">
        <v>80</v>
      </c>
      <c r="H9033" t="s">
        <v>81</v>
      </c>
      <c r="I9033" s="2">
        <v>0</v>
      </c>
      <c r="J9033" s="2">
        <v>1</v>
      </c>
      <c r="K9033" s="2">
        <v>0</v>
      </c>
      <c r="L9033" t="s">
        <v>82</v>
      </c>
      <c r="M9033" t="s">
        <v>83</v>
      </c>
      <c r="N9033" t="s">
        <v>91</v>
      </c>
      <c r="O9033" t="s">
        <v>85</v>
      </c>
      <c r="P9033" t="s">
        <v>86</v>
      </c>
      <c r="Q9033">
        <v>50</v>
      </c>
      <c r="R9033">
        <v>51</v>
      </c>
      <c r="S9033">
        <v>53</v>
      </c>
      <c r="T9033">
        <v>54</v>
      </c>
      <c r="U9033">
        <v>55</v>
      </c>
      <c r="V9033">
        <v>57</v>
      </c>
      <c r="W9033">
        <v>58</v>
      </c>
      <c r="X9033">
        <v>59</v>
      </c>
      <c r="Y9033">
        <v>61</v>
      </c>
      <c r="Z9033">
        <v>62</v>
      </c>
      <c r="AA9033">
        <v>64</v>
      </c>
      <c r="AB9033">
        <v>65</v>
      </c>
      <c r="AC9033">
        <v>67</v>
      </c>
      <c r="AD9033">
        <v>68</v>
      </c>
      <c r="AE9033">
        <v>70</v>
      </c>
      <c r="AF9033">
        <v>71</v>
      </c>
      <c r="AG9033">
        <v>73</v>
      </c>
      <c r="AH9033">
        <v>74</v>
      </c>
      <c r="AI9033">
        <v>76</v>
      </c>
      <c r="AJ9033">
        <v>78</v>
      </c>
      <c r="AK9033">
        <v>79</v>
      </c>
      <c r="AL9033">
        <v>80</v>
      </c>
      <c r="AM9033">
        <v>81</v>
      </c>
      <c r="AN9033">
        <v>82</v>
      </c>
      <c r="AO9033">
        <v>83</v>
      </c>
      <c r="AP9033">
        <v>84</v>
      </c>
      <c r="AQ9033">
        <v>85</v>
      </c>
    </row>
    <row r="9034" spans="1:43">
      <c r="A9034" t="s">
        <v>5650</v>
      </c>
      <c r="B9034" t="s">
        <v>5651</v>
      </c>
      <c r="C9034" t="s">
        <v>5608</v>
      </c>
      <c r="D9034" t="s">
        <v>5609</v>
      </c>
      <c r="E9034" t="s">
        <v>5426</v>
      </c>
      <c r="F9034" t="s">
        <v>5427</v>
      </c>
      <c r="G9034" t="s">
        <v>80</v>
      </c>
      <c r="H9034" t="s">
        <v>81</v>
      </c>
      <c r="I9034" s="2">
        <v>0</v>
      </c>
      <c r="J9034" s="2">
        <v>1</v>
      </c>
      <c r="K9034" s="2">
        <v>0</v>
      </c>
      <c r="L9034" t="s">
        <v>82</v>
      </c>
      <c r="M9034" t="s">
        <v>83</v>
      </c>
      <c r="N9034" t="s">
        <v>84</v>
      </c>
      <c r="O9034" t="s">
        <v>85</v>
      </c>
      <c r="P9034" t="s">
        <v>86</v>
      </c>
      <c r="Q9034">
        <v>16</v>
      </c>
      <c r="R9034">
        <v>16</v>
      </c>
      <c r="S9034">
        <v>17</v>
      </c>
      <c r="T9034">
        <v>17</v>
      </c>
      <c r="U9034">
        <v>18</v>
      </c>
      <c r="V9034">
        <v>18</v>
      </c>
      <c r="W9034">
        <v>19</v>
      </c>
      <c r="X9034">
        <v>19</v>
      </c>
      <c r="Y9034">
        <v>19</v>
      </c>
      <c r="Z9034">
        <v>20</v>
      </c>
      <c r="AA9034">
        <v>20</v>
      </c>
      <c r="AB9034">
        <v>21</v>
      </c>
      <c r="AC9034">
        <v>21</v>
      </c>
      <c r="AD9034">
        <v>22</v>
      </c>
      <c r="AE9034">
        <v>22</v>
      </c>
      <c r="AF9034">
        <v>23</v>
      </c>
      <c r="AG9034">
        <v>23</v>
      </c>
      <c r="AH9034">
        <v>24</v>
      </c>
      <c r="AI9034">
        <v>24</v>
      </c>
      <c r="AJ9034">
        <v>25</v>
      </c>
      <c r="AK9034">
        <v>25</v>
      </c>
      <c r="AL9034">
        <v>26</v>
      </c>
      <c r="AM9034">
        <v>26</v>
      </c>
      <c r="AN9034">
        <v>26</v>
      </c>
      <c r="AO9034">
        <v>26</v>
      </c>
      <c r="AP9034">
        <v>27</v>
      </c>
      <c r="AQ9034">
        <v>27</v>
      </c>
    </row>
    <row r="9035" spans="1:43">
      <c r="A9035" t="s">
        <v>5650</v>
      </c>
      <c r="B9035" t="s">
        <v>5651</v>
      </c>
      <c r="C9035" t="s">
        <v>5608</v>
      </c>
      <c r="D9035" t="s">
        <v>5609</v>
      </c>
      <c r="E9035" t="s">
        <v>5426</v>
      </c>
      <c r="F9035" t="s">
        <v>5427</v>
      </c>
      <c r="G9035" t="s">
        <v>80</v>
      </c>
      <c r="H9035" t="s">
        <v>81</v>
      </c>
      <c r="I9035" s="2">
        <v>0</v>
      </c>
      <c r="J9035" s="2">
        <v>1</v>
      </c>
      <c r="K9035" s="2">
        <v>0</v>
      </c>
      <c r="L9035" t="s">
        <v>82</v>
      </c>
      <c r="M9035" t="s">
        <v>87</v>
      </c>
      <c r="N9035" t="s">
        <v>88</v>
      </c>
      <c r="O9035" t="s">
        <v>85</v>
      </c>
      <c r="P9035" t="s">
        <v>86</v>
      </c>
      <c r="Q9035">
        <v>16</v>
      </c>
      <c r="R9035">
        <v>16</v>
      </c>
      <c r="S9035">
        <v>16</v>
      </c>
      <c r="T9035">
        <v>17</v>
      </c>
      <c r="U9035">
        <v>17</v>
      </c>
      <c r="V9035">
        <v>17</v>
      </c>
      <c r="W9035">
        <v>17</v>
      </c>
      <c r="X9035">
        <v>18</v>
      </c>
      <c r="Y9035">
        <v>18</v>
      </c>
      <c r="Z9035">
        <v>18</v>
      </c>
      <c r="AA9035">
        <v>19</v>
      </c>
      <c r="AB9035">
        <v>19</v>
      </c>
      <c r="AC9035">
        <v>19</v>
      </c>
      <c r="AD9035">
        <v>19</v>
      </c>
      <c r="AE9035">
        <v>20</v>
      </c>
      <c r="AF9035">
        <v>20</v>
      </c>
      <c r="AG9035">
        <v>20</v>
      </c>
      <c r="AH9035">
        <v>21</v>
      </c>
      <c r="AI9035">
        <v>21</v>
      </c>
      <c r="AJ9035">
        <v>21</v>
      </c>
      <c r="AK9035">
        <v>21</v>
      </c>
      <c r="AL9035">
        <v>22</v>
      </c>
      <c r="AM9035">
        <v>22</v>
      </c>
      <c r="AN9035">
        <v>22</v>
      </c>
      <c r="AO9035">
        <v>23</v>
      </c>
      <c r="AP9035">
        <v>23</v>
      </c>
      <c r="AQ9035">
        <v>23</v>
      </c>
    </row>
    <row r="9036" spans="1:43">
      <c r="A9036" t="s">
        <v>5650</v>
      </c>
      <c r="B9036" t="s">
        <v>5651</v>
      </c>
      <c r="C9036" t="s">
        <v>5608</v>
      </c>
      <c r="D9036" t="s">
        <v>5609</v>
      </c>
      <c r="E9036" t="s">
        <v>5426</v>
      </c>
      <c r="F9036" t="s">
        <v>5427</v>
      </c>
      <c r="G9036" t="s">
        <v>80</v>
      </c>
      <c r="H9036" t="s">
        <v>81</v>
      </c>
      <c r="I9036" s="2">
        <v>0</v>
      </c>
      <c r="J9036" s="2">
        <v>1</v>
      </c>
      <c r="K9036" s="2">
        <v>0</v>
      </c>
      <c r="L9036" t="s">
        <v>82</v>
      </c>
      <c r="M9036" t="s">
        <v>89</v>
      </c>
      <c r="N9036" t="s">
        <v>90</v>
      </c>
      <c r="O9036" t="s">
        <v>85</v>
      </c>
      <c r="P9036" t="s">
        <v>86</v>
      </c>
      <c r="Q9036">
        <v>16</v>
      </c>
      <c r="R9036">
        <v>17</v>
      </c>
      <c r="S9036">
        <v>17</v>
      </c>
      <c r="T9036">
        <v>18</v>
      </c>
      <c r="U9036">
        <v>18</v>
      </c>
      <c r="V9036">
        <v>19</v>
      </c>
      <c r="W9036">
        <v>19</v>
      </c>
      <c r="X9036">
        <v>20</v>
      </c>
      <c r="Y9036">
        <v>21</v>
      </c>
      <c r="Z9036">
        <v>21</v>
      </c>
      <c r="AA9036">
        <v>22</v>
      </c>
      <c r="AB9036">
        <v>22</v>
      </c>
      <c r="AC9036">
        <v>23</v>
      </c>
      <c r="AD9036">
        <v>23</v>
      </c>
      <c r="AE9036">
        <v>24</v>
      </c>
      <c r="AF9036">
        <v>24</v>
      </c>
      <c r="AG9036">
        <v>24</v>
      </c>
      <c r="AH9036">
        <v>25</v>
      </c>
      <c r="AI9036">
        <v>25</v>
      </c>
      <c r="AJ9036">
        <v>25</v>
      </c>
      <c r="AK9036">
        <v>25</v>
      </c>
      <c r="AL9036">
        <v>26</v>
      </c>
      <c r="AM9036">
        <v>26</v>
      </c>
      <c r="AN9036">
        <v>26</v>
      </c>
      <c r="AO9036">
        <v>27</v>
      </c>
      <c r="AP9036">
        <v>27</v>
      </c>
      <c r="AQ9036">
        <v>27</v>
      </c>
    </row>
    <row r="9037" spans="1:43">
      <c r="A9037" t="s">
        <v>5650</v>
      </c>
      <c r="B9037" t="s">
        <v>5651</v>
      </c>
      <c r="C9037" t="s">
        <v>5608</v>
      </c>
      <c r="D9037" t="s">
        <v>5609</v>
      </c>
      <c r="E9037" t="s">
        <v>5426</v>
      </c>
      <c r="F9037" t="s">
        <v>5427</v>
      </c>
      <c r="G9037" t="s">
        <v>80</v>
      </c>
      <c r="H9037" t="s">
        <v>81</v>
      </c>
      <c r="I9037" s="2">
        <v>0</v>
      </c>
      <c r="J9037" s="2">
        <v>1</v>
      </c>
      <c r="K9037" s="2">
        <v>0</v>
      </c>
      <c r="L9037" t="s">
        <v>82</v>
      </c>
      <c r="M9037" t="s">
        <v>83</v>
      </c>
      <c r="N9037" t="s">
        <v>91</v>
      </c>
      <c r="O9037" t="s">
        <v>85</v>
      </c>
      <c r="P9037" t="s">
        <v>86</v>
      </c>
      <c r="Q9037">
        <v>16</v>
      </c>
      <c r="R9037">
        <v>16</v>
      </c>
      <c r="S9037">
        <v>17</v>
      </c>
      <c r="T9037">
        <v>17</v>
      </c>
      <c r="U9037">
        <v>18</v>
      </c>
      <c r="V9037">
        <v>18</v>
      </c>
      <c r="W9037">
        <v>19</v>
      </c>
      <c r="X9037">
        <v>19</v>
      </c>
      <c r="Y9037">
        <v>19</v>
      </c>
      <c r="Z9037">
        <v>20</v>
      </c>
      <c r="AA9037">
        <v>20</v>
      </c>
      <c r="AB9037">
        <v>21</v>
      </c>
      <c r="AC9037">
        <v>21</v>
      </c>
      <c r="AD9037">
        <v>22</v>
      </c>
      <c r="AE9037">
        <v>22</v>
      </c>
      <c r="AF9037">
        <v>23</v>
      </c>
      <c r="AG9037">
        <v>23</v>
      </c>
      <c r="AH9037">
        <v>24</v>
      </c>
      <c r="AI9037">
        <v>24</v>
      </c>
      <c r="AJ9037">
        <v>25</v>
      </c>
      <c r="AK9037">
        <v>25</v>
      </c>
      <c r="AL9037">
        <v>26</v>
      </c>
      <c r="AM9037">
        <v>26</v>
      </c>
      <c r="AN9037">
        <v>26</v>
      </c>
      <c r="AO9037">
        <v>26</v>
      </c>
      <c r="AP9037">
        <v>27</v>
      </c>
      <c r="AQ9037">
        <v>27</v>
      </c>
    </row>
    <row r="9038" spans="1:43">
      <c r="A9038" t="s">
        <v>5652</v>
      </c>
      <c r="B9038" t="s">
        <v>5653</v>
      </c>
      <c r="C9038" t="s">
        <v>5486</v>
      </c>
      <c r="D9038" t="s">
        <v>5487</v>
      </c>
      <c r="E9038" t="s">
        <v>5426</v>
      </c>
      <c r="F9038" t="s">
        <v>5427</v>
      </c>
      <c r="G9038" t="s">
        <v>80</v>
      </c>
      <c r="H9038" t="s">
        <v>81</v>
      </c>
      <c r="I9038" s="2">
        <v>0</v>
      </c>
      <c r="J9038" s="2">
        <v>1</v>
      </c>
      <c r="K9038" s="2">
        <v>0</v>
      </c>
      <c r="L9038" t="s">
        <v>82</v>
      </c>
      <c r="M9038" t="s">
        <v>83</v>
      </c>
      <c r="N9038" t="s">
        <v>84</v>
      </c>
      <c r="O9038" t="s">
        <v>85</v>
      </c>
      <c r="P9038" t="s">
        <v>86</v>
      </c>
      <c r="Q9038">
        <v>89</v>
      </c>
      <c r="R9038">
        <v>91</v>
      </c>
      <c r="S9038">
        <v>94</v>
      </c>
      <c r="T9038">
        <v>96</v>
      </c>
      <c r="U9038">
        <v>98</v>
      </c>
      <c r="V9038">
        <v>101</v>
      </c>
      <c r="W9038">
        <v>103</v>
      </c>
      <c r="X9038">
        <v>105</v>
      </c>
      <c r="Y9038">
        <v>108</v>
      </c>
      <c r="Z9038">
        <v>110</v>
      </c>
      <c r="AA9038">
        <v>113</v>
      </c>
      <c r="AB9038">
        <v>116</v>
      </c>
      <c r="AC9038">
        <v>118</v>
      </c>
      <c r="AD9038">
        <v>121</v>
      </c>
      <c r="AE9038">
        <v>123</v>
      </c>
      <c r="AF9038">
        <v>126</v>
      </c>
      <c r="AG9038">
        <v>129</v>
      </c>
      <c r="AH9038">
        <v>132</v>
      </c>
      <c r="AI9038">
        <v>134</v>
      </c>
      <c r="AJ9038">
        <v>137</v>
      </c>
      <c r="AK9038">
        <v>140</v>
      </c>
      <c r="AL9038">
        <v>142</v>
      </c>
      <c r="AM9038">
        <v>143</v>
      </c>
      <c r="AN9038">
        <v>145</v>
      </c>
      <c r="AO9038">
        <v>147</v>
      </c>
      <c r="AP9038">
        <v>148</v>
      </c>
      <c r="AQ9038">
        <v>150</v>
      </c>
    </row>
    <row r="9039" spans="1:43">
      <c r="A9039" t="s">
        <v>5652</v>
      </c>
      <c r="B9039" t="s">
        <v>5653</v>
      </c>
      <c r="C9039" t="s">
        <v>5486</v>
      </c>
      <c r="D9039" t="s">
        <v>5487</v>
      </c>
      <c r="E9039" t="s">
        <v>5426</v>
      </c>
      <c r="F9039" t="s">
        <v>5427</v>
      </c>
      <c r="G9039" t="s">
        <v>80</v>
      </c>
      <c r="H9039" t="s">
        <v>81</v>
      </c>
      <c r="I9039" s="2">
        <v>0</v>
      </c>
      <c r="J9039" s="2">
        <v>1</v>
      </c>
      <c r="K9039" s="2">
        <v>0</v>
      </c>
      <c r="L9039" t="s">
        <v>82</v>
      </c>
      <c r="M9039" t="s">
        <v>87</v>
      </c>
      <c r="N9039" t="s">
        <v>88</v>
      </c>
      <c r="O9039" t="s">
        <v>85</v>
      </c>
      <c r="P9039" t="s">
        <v>86</v>
      </c>
      <c r="Q9039">
        <v>89</v>
      </c>
      <c r="R9039">
        <v>91</v>
      </c>
      <c r="S9039">
        <v>92</v>
      </c>
      <c r="T9039">
        <v>93</v>
      </c>
      <c r="U9039">
        <v>95</v>
      </c>
      <c r="V9039">
        <v>96</v>
      </c>
      <c r="W9039">
        <v>98</v>
      </c>
      <c r="X9039">
        <v>99</v>
      </c>
      <c r="Y9039">
        <v>101</v>
      </c>
      <c r="Z9039">
        <v>102</v>
      </c>
      <c r="AA9039">
        <v>104</v>
      </c>
      <c r="AB9039">
        <v>105</v>
      </c>
      <c r="AC9039">
        <v>107</v>
      </c>
      <c r="AD9039">
        <v>109</v>
      </c>
      <c r="AE9039">
        <v>110</v>
      </c>
      <c r="AF9039">
        <v>112</v>
      </c>
      <c r="AG9039">
        <v>113</v>
      </c>
      <c r="AH9039">
        <v>115</v>
      </c>
      <c r="AI9039">
        <v>117</v>
      </c>
      <c r="AJ9039">
        <v>118</v>
      </c>
      <c r="AK9039">
        <v>120</v>
      </c>
      <c r="AL9039">
        <v>122</v>
      </c>
      <c r="AM9039">
        <v>124</v>
      </c>
      <c r="AN9039">
        <v>125</v>
      </c>
      <c r="AO9039">
        <v>127</v>
      </c>
      <c r="AP9039">
        <v>129</v>
      </c>
      <c r="AQ9039">
        <v>131</v>
      </c>
    </row>
    <row r="9040" spans="1:43">
      <c r="A9040" t="s">
        <v>5652</v>
      </c>
      <c r="B9040" t="s">
        <v>5653</v>
      </c>
      <c r="C9040" t="s">
        <v>5486</v>
      </c>
      <c r="D9040" t="s">
        <v>5487</v>
      </c>
      <c r="E9040" t="s">
        <v>5426</v>
      </c>
      <c r="F9040" t="s">
        <v>5427</v>
      </c>
      <c r="G9040" t="s">
        <v>80</v>
      </c>
      <c r="H9040" t="s">
        <v>81</v>
      </c>
      <c r="I9040" s="2">
        <v>0</v>
      </c>
      <c r="J9040" s="2">
        <v>1</v>
      </c>
      <c r="K9040" s="2">
        <v>0</v>
      </c>
      <c r="L9040" t="s">
        <v>82</v>
      </c>
      <c r="M9040" t="s">
        <v>89</v>
      </c>
      <c r="N9040" t="s">
        <v>90</v>
      </c>
      <c r="O9040" t="s">
        <v>85</v>
      </c>
      <c r="P9040" t="s">
        <v>86</v>
      </c>
      <c r="Q9040">
        <v>89</v>
      </c>
      <c r="R9040">
        <v>92</v>
      </c>
      <c r="S9040">
        <v>95</v>
      </c>
      <c r="T9040">
        <v>98</v>
      </c>
      <c r="U9040">
        <v>101</v>
      </c>
      <c r="V9040">
        <v>104</v>
      </c>
      <c r="W9040">
        <v>107</v>
      </c>
      <c r="X9040">
        <v>110</v>
      </c>
      <c r="Y9040">
        <v>113</v>
      </c>
      <c r="Z9040">
        <v>116</v>
      </c>
      <c r="AA9040">
        <v>119</v>
      </c>
      <c r="AB9040">
        <v>122</v>
      </c>
      <c r="AC9040">
        <v>126</v>
      </c>
      <c r="AD9040">
        <v>129</v>
      </c>
      <c r="AE9040">
        <v>131</v>
      </c>
      <c r="AF9040">
        <v>133</v>
      </c>
      <c r="AG9040">
        <v>134</v>
      </c>
      <c r="AH9040">
        <v>136</v>
      </c>
      <c r="AI9040">
        <v>137</v>
      </c>
      <c r="AJ9040">
        <v>139</v>
      </c>
      <c r="AK9040">
        <v>141</v>
      </c>
      <c r="AL9040">
        <v>142</v>
      </c>
      <c r="AM9040">
        <v>144</v>
      </c>
      <c r="AN9040">
        <v>145</v>
      </c>
      <c r="AO9040">
        <v>147</v>
      </c>
      <c r="AP9040">
        <v>148</v>
      </c>
      <c r="AQ9040">
        <v>150</v>
      </c>
    </row>
    <row r="9041" spans="1:43">
      <c r="A9041" t="s">
        <v>5652</v>
      </c>
      <c r="B9041" t="s">
        <v>5653</v>
      </c>
      <c r="C9041" t="s">
        <v>5486</v>
      </c>
      <c r="D9041" t="s">
        <v>5487</v>
      </c>
      <c r="E9041" t="s">
        <v>5426</v>
      </c>
      <c r="F9041" t="s">
        <v>5427</v>
      </c>
      <c r="G9041" t="s">
        <v>80</v>
      </c>
      <c r="H9041" t="s">
        <v>81</v>
      </c>
      <c r="I9041" s="2">
        <v>0</v>
      </c>
      <c r="J9041" s="2">
        <v>1</v>
      </c>
      <c r="K9041" s="2">
        <v>0</v>
      </c>
      <c r="L9041" t="s">
        <v>82</v>
      </c>
      <c r="M9041" t="s">
        <v>83</v>
      </c>
      <c r="N9041" t="s">
        <v>91</v>
      </c>
      <c r="O9041" t="s">
        <v>85</v>
      </c>
      <c r="P9041" t="s">
        <v>86</v>
      </c>
      <c r="Q9041">
        <v>89</v>
      </c>
      <c r="R9041">
        <v>91</v>
      </c>
      <c r="S9041">
        <v>94</v>
      </c>
      <c r="T9041">
        <v>96</v>
      </c>
      <c r="U9041">
        <v>98</v>
      </c>
      <c r="V9041">
        <v>101</v>
      </c>
      <c r="W9041">
        <v>103</v>
      </c>
      <c r="X9041">
        <v>105</v>
      </c>
      <c r="Y9041">
        <v>108</v>
      </c>
      <c r="Z9041">
        <v>110</v>
      </c>
      <c r="AA9041">
        <v>113</v>
      </c>
      <c r="AB9041">
        <v>116</v>
      </c>
      <c r="AC9041">
        <v>118</v>
      </c>
      <c r="AD9041">
        <v>121</v>
      </c>
      <c r="AE9041">
        <v>123</v>
      </c>
      <c r="AF9041">
        <v>126</v>
      </c>
      <c r="AG9041">
        <v>129</v>
      </c>
      <c r="AH9041">
        <v>132</v>
      </c>
      <c r="AI9041">
        <v>134</v>
      </c>
      <c r="AJ9041">
        <v>137</v>
      </c>
      <c r="AK9041">
        <v>140</v>
      </c>
      <c r="AL9041">
        <v>142</v>
      </c>
      <c r="AM9041">
        <v>143</v>
      </c>
      <c r="AN9041">
        <v>145</v>
      </c>
      <c r="AO9041">
        <v>147</v>
      </c>
      <c r="AP9041">
        <v>148</v>
      </c>
      <c r="AQ9041">
        <v>150</v>
      </c>
    </row>
    <row r="9042" spans="1:43">
      <c r="A9042" t="s">
        <v>5654</v>
      </c>
      <c r="B9042" t="s">
        <v>5655</v>
      </c>
      <c r="C9042" t="s">
        <v>5486</v>
      </c>
      <c r="D9042" t="s">
        <v>5487</v>
      </c>
      <c r="E9042" t="s">
        <v>5426</v>
      </c>
      <c r="F9042" t="s">
        <v>5427</v>
      </c>
      <c r="G9042" t="s">
        <v>80</v>
      </c>
      <c r="H9042" t="s">
        <v>81</v>
      </c>
      <c r="I9042" s="2">
        <v>0</v>
      </c>
      <c r="J9042" s="2">
        <v>1</v>
      </c>
      <c r="K9042" s="2">
        <v>0</v>
      </c>
      <c r="L9042" t="s">
        <v>82</v>
      </c>
      <c r="M9042" t="s">
        <v>83</v>
      </c>
      <c r="N9042" t="s">
        <v>84</v>
      </c>
      <c r="O9042" t="s">
        <v>85</v>
      </c>
      <c r="P9042" t="s">
        <v>86</v>
      </c>
      <c r="Q9042">
        <v>30</v>
      </c>
      <c r="R9042">
        <v>30</v>
      </c>
      <c r="S9042">
        <v>31</v>
      </c>
      <c r="T9042">
        <v>32</v>
      </c>
      <c r="U9042">
        <v>33</v>
      </c>
      <c r="V9042">
        <v>34</v>
      </c>
      <c r="W9042">
        <v>34</v>
      </c>
      <c r="X9042">
        <v>35</v>
      </c>
      <c r="Y9042">
        <v>36</v>
      </c>
      <c r="Z9042">
        <v>37</v>
      </c>
      <c r="AA9042">
        <v>38</v>
      </c>
      <c r="AB9042">
        <v>39</v>
      </c>
      <c r="AC9042">
        <v>39</v>
      </c>
      <c r="AD9042">
        <v>40</v>
      </c>
      <c r="AE9042">
        <v>41</v>
      </c>
      <c r="AF9042">
        <v>42</v>
      </c>
      <c r="AG9042">
        <v>43</v>
      </c>
      <c r="AH9042">
        <v>44</v>
      </c>
      <c r="AI9042">
        <v>45</v>
      </c>
      <c r="AJ9042">
        <v>46</v>
      </c>
      <c r="AK9042">
        <v>47</v>
      </c>
      <c r="AL9042">
        <v>47</v>
      </c>
      <c r="AM9042">
        <v>48</v>
      </c>
      <c r="AN9042">
        <v>48</v>
      </c>
      <c r="AO9042">
        <v>49</v>
      </c>
      <c r="AP9042">
        <v>49</v>
      </c>
      <c r="AQ9042">
        <v>50</v>
      </c>
    </row>
    <row r="9043" spans="1:43">
      <c r="A9043" t="s">
        <v>5654</v>
      </c>
      <c r="B9043" t="s">
        <v>5655</v>
      </c>
      <c r="C9043" t="s">
        <v>5486</v>
      </c>
      <c r="D9043" t="s">
        <v>5487</v>
      </c>
      <c r="E9043" t="s">
        <v>5426</v>
      </c>
      <c r="F9043" t="s">
        <v>5427</v>
      </c>
      <c r="G9043" t="s">
        <v>80</v>
      </c>
      <c r="H9043" t="s">
        <v>81</v>
      </c>
      <c r="I9043" s="2">
        <v>0</v>
      </c>
      <c r="J9043" s="2">
        <v>1</v>
      </c>
      <c r="K9043" s="2">
        <v>0</v>
      </c>
      <c r="L9043" t="s">
        <v>82</v>
      </c>
      <c r="M9043" t="s">
        <v>87</v>
      </c>
      <c r="N9043" t="s">
        <v>88</v>
      </c>
      <c r="O9043" t="s">
        <v>85</v>
      </c>
      <c r="P9043" t="s">
        <v>86</v>
      </c>
      <c r="Q9043">
        <v>30</v>
      </c>
      <c r="R9043">
        <v>31</v>
      </c>
      <c r="S9043">
        <v>31</v>
      </c>
      <c r="T9043">
        <v>32</v>
      </c>
      <c r="U9043">
        <v>32</v>
      </c>
      <c r="V9043">
        <v>33</v>
      </c>
      <c r="W9043">
        <v>33</v>
      </c>
      <c r="X9043">
        <v>34</v>
      </c>
      <c r="Y9043">
        <v>34</v>
      </c>
      <c r="Z9043">
        <v>35</v>
      </c>
      <c r="AA9043">
        <v>35</v>
      </c>
      <c r="AB9043">
        <v>36</v>
      </c>
      <c r="AC9043">
        <v>36</v>
      </c>
      <c r="AD9043">
        <v>37</v>
      </c>
      <c r="AE9043">
        <v>37</v>
      </c>
      <c r="AF9043">
        <v>38</v>
      </c>
      <c r="AG9043">
        <v>39</v>
      </c>
      <c r="AH9043">
        <v>39</v>
      </c>
      <c r="AI9043">
        <v>40</v>
      </c>
      <c r="AJ9043">
        <v>40</v>
      </c>
      <c r="AK9043">
        <v>41</v>
      </c>
      <c r="AL9043">
        <v>41</v>
      </c>
      <c r="AM9043">
        <v>42</v>
      </c>
      <c r="AN9043">
        <v>42</v>
      </c>
      <c r="AO9043">
        <v>43</v>
      </c>
      <c r="AP9043">
        <v>44</v>
      </c>
      <c r="AQ9043">
        <v>44</v>
      </c>
    </row>
    <row r="9044" spans="1:43">
      <c r="A9044" t="s">
        <v>5654</v>
      </c>
      <c r="B9044" t="s">
        <v>5655</v>
      </c>
      <c r="C9044" t="s">
        <v>5486</v>
      </c>
      <c r="D9044" t="s">
        <v>5487</v>
      </c>
      <c r="E9044" t="s">
        <v>5426</v>
      </c>
      <c r="F9044" t="s">
        <v>5427</v>
      </c>
      <c r="G9044" t="s">
        <v>80</v>
      </c>
      <c r="H9044" t="s">
        <v>81</v>
      </c>
      <c r="I9044" s="2">
        <v>0</v>
      </c>
      <c r="J9044" s="2">
        <v>1</v>
      </c>
      <c r="K9044" s="2">
        <v>0</v>
      </c>
      <c r="L9044" t="s">
        <v>82</v>
      </c>
      <c r="M9044" t="s">
        <v>89</v>
      </c>
      <c r="N9044" t="s">
        <v>90</v>
      </c>
      <c r="O9044" t="s">
        <v>85</v>
      </c>
      <c r="P9044" t="s">
        <v>86</v>
      </c>
      <c r="Q9044">
        <v>30</v>
      </c>
      <c r="R9044">
        <v>31</v>
      </c>
      <c r="S9044">
        <v>32</v>
      </c>
      <c r="T9044">
        <v>33</v>
      </c>
      <c r="U9044">
        <v>34</v>
      </c>
      <c r="V9044">
        <v>35</v>
      </c>
      <c r="W9044">
        <v>36</v>
      </c>
      <c r="X9044">
        <v>37</v>
      </c>
      <c r="Y9044">
        <v>38</v>
      </c>
      <c r="Z9044">
        <v>39</v>
      </c>
      <c r="AA9044">
        <v>40</v>
      </c>
      <c r="AB9044">
        <v>41</v>
      </c>
      <c r="AC9044">
        <v>42</v>
      </c>
      <c r="AD9044">
        <v>43</v>
      </c>
      <c r="AE9044">
        <v>44</v>
      </c>
      <c r="AF9044">
        <v>45</v>
      </c>
      <c r="AG9044">
        <v>45</v>
      </c>
      <c r="AH9044">
        <v>46</v>
      </c>
      <c r="AI9044">
        <v>46</v>
      </c>
      <c r="AJ9044">
        <v>47</v>
      </c>
      <c r="AK9044">
        <v>47</v>
      </c>
      <c r="AL9044">
        <v>48</v>
      </c>
      <c r="AM9044">
        <v>48</v>
      </c>
      <c r="AN9044">
        <v>49</v>
      </c>
      <c r="AO9044">
        <v>49</v>
      </c>
      <c r="AP9044">
        <v>50</v>
      </c>
      <c r="AQ9044">
        <v>50</v>
      </c>
    </row>
    <row r="9045" spans="1:43">
      <c r="A9045" t="s">
        <v>5654</v>
      </c>
      <c r="B9045" t="s">
        <v>5655</v>
      </c>
      <c r="C9045" t="s">
        <v>5486</v>
      </c>
      <c r="D9045" t="s">
        <v>5487</v>
      </c>
      <c r="E9045" t="s">
        <v>5426</v>
      </c>
      <c r="F9045" t="s">
        <v>5427</v>
      </c>
      <c r="G9045" t="s">
        <v>80</v>
      </c>
      <c r="H9045" t="s">
        <v>81</v>
      </c>
      <c r="I9045" s="2">
        <v>0</v>
      </c>
      <c r="J9045" s="2">
        <v>1</v>
      </c>
      <c r="K9045" s="2">
        <v>0</v>
      </c>
      <c r="L9045" t="s">
        <v>82</v>
      </c>
      <c r="M9045" t="s">
        <v>83</v>
      </c>
      <c r="N9045" t="s">
        <v>91</v>
      </c>
      <c r="O9045" t="s">
        <v>85</v>
      </c>
      <c r="P9045" t="s">
        <v>86</v>
      </c>
      <c r="Q9045">
        <v>30</v>
      </c>
      <c r="R9045">
        <v>30</v>
      </c>
      <c r="S9045">
        <v>31</v>
      </c>
      <c r="T9045">
        <v>32</v>
      </c>
      <c r="U9045">
        <v>33</v>
      </c>
      <c r="V9045">
        <v>34</v>
      </c>
      <c r="W9045">
        <v>34</v>
      </c>
      <c r="X9045">
        <v>35</v>
      </c>
      <c r="Y9045">
        <v>36</v>
      </c>
      <c r="Z9045">
        <v>37</v>
      </c>
      <c r="AA9045">
        <v>38</v>
      </c>
      <c r="AB9045">
        <v>39</v>
      </c>
      <c r="AC9045">
        <v>39</v>
      </c>
      <c r="AD9045">
        <v>40</v>
      </c>
      <c r="AE9045">
        <v>41</v>
      </c>
      <c r="AF9045">
        <v>42</v>
      </c>
      <c r="AG9045">
        <v>43</v>
      </c>
      <c r="AH9045">
        <v>44</v>
      </c>
      <c r="AI9045">
        <v>45</v>
      </c>
      <c r="AJ9045">
        <v>46</v>
      </c>
      <c r="AK9045">
        <v>47</v>
      </c>
      <c r="AL9045">
        <v>47</v>
      </c>
      <c r="AM9045">
        <v>48</v>
      </c>
      <c r="AN9045">
        <v>48</v>
      </c>
      <c r="AO9045">
        <v>49</v>
      </c>
      <c r="AP9045">
        <v>49</v>
      </c>
      <c r="AQ9045">
        <v>50</v>
      </c>
    </row>
    <row r="9046" spans="1:43">
      <c r="A9046" t="s">
        <v>5656</v>
      </c>
      <c r="B9046" t="s">
        <v>5657</v>
      </c>
      <c r="C9046" t="s">
        <v>5440</v>
      </c>
      <c r="D9046" t="s">
        <v>5441</v>
      </c>
      <c r="E9046" t="s">
        <v>5426</v>
      </c>
      <c r="F9046" t="s">
        <v>5427</v>
      </c>
      <c r="G9046" t="s">
        <v>80</v>
      </c>
      <c r="H9046" t="s">
        <v>81</v>
      </c>
      <c r="I9046" s="2">
        <v>0</v>
      </c>
      <c r="J9046" s="2">
        <v>1</v>
      </c>
      <c r="K9046" s="2">
        <v>0</v>
      </c>
      <c r="L9046" t="s">
        <v>82</v>
      </c>
      <c r="M9046" t="s">
        <v>83</v>
      </c>
      <c r="N9046" t="s">
        <v>84</v>
      </c>
      <c r="O9046" t="s">
        <v>85</v>
      </c>
      <c r="P9046" t="s">
        <v>86</v>
      </c>
      <c r="Q9046">
        <v>70</v>
      </c>
      <c r="R9046">
        <v>72</v>
      </c>
      <c r="S9046">
        <v>74</v>
      </c>
      <c r="T9046">
        <v>75</v>
      </c>
      <c r="U9046">
        <v>77</v>
      </c>
      <c r="V9046">
        <v>79</v>
      </c>
      <c r="W9046">
        <v>81</v>
      </c>
      <c r="X9046">
        <v>83</v>
      </c>
      <c r="Y9046">
        <v>85</v>
      </c>
      <c r="Z9046">
        <v>87</v>
      </c>
      <c r="AA9046">
        <v>89</v>
      </c>
      <c r="AB9046">
        <v>91</v>
      </c>
      <c r="AC9046">
        <v>93</v>
      </c>
      <c r="AD9046">
        <v>95</v>
      </c>
      <c r="AE9046">
        <v>97</v>
      </c>
      <c r="AF9046">
        <v>99</v>
      </c>
      <c r="AG9046">
        <v>101</v>
      </c>
      <c r="AH9046">
        <v>104</v>
      </c>
      <c r="AI9046">
        <v>106</v>
      </c>
      <c r="AJ9046">
        <v>108</v>
      </c>
      <c r="AK9046">
        <v>110</v>
      </c>
      <c r="AL9046">
        <v>112</v>
      </c>
      <c r="AM9046">
        <v>113</v>
      </c>
      <c r="AN9046">
        <v>114</v>
      </c>
      <c r="AO9046">
        <v>115</v>
      </c>
      <c r="AP9046">
        <v>117</v>
      </c>
      <c r="AQ9046">
        <v>118</v>
      </c>
    </row>
    <row r="9047" spans="1:43">
      <c r="A9047" t="s">
        <v>5656</v>
      </c>
      <c r="B9047" t="s">
        <v>5657</v>
      </c>
      <c r="C9047" t="s">
        <v>5440</v>
      </c>
      <c r="D9047" t="s">
        <v>5441</v>
      </c>
      <c r="E9047" t="s">
        <v>5426</v>
      </c>
      <c r="F9047" t="s">
        <v>5427</v>
      </c>
      <c r="G9047" t="s">
        <v>80</v>
      </c>
      <c r="H9047" t="s">
        <v>81</v>
      </c>
      <c r="I9047" s="2">
        <v>0</v>
      </c>
      <c r="J9047" s="2">
        <v>1</v>
      </c>
      <c r="K9047" s="2">
        <v>0</v>
      </c>
      <c r="L9047" t="s">
        <v>82</v>
      </c>
      <c r="M9047" t="s">
        <v>87</v>
      </c>
      <c r="N9047" t="s">
        <v>88</v>
      </c>
      <c r="O9047" t="s">
        <v>85</v>
      </c>
      <c r="P9047" t="s">
        <v>86</v>
      </c>
      <c r="Q9047">
        <v>70</v>
      </c>
      <c r="R9047">
        <v>72</v>
      </c>
      <c r="S9047">
        <v>73</v>
      </c>
      <c r="T9047">
        <v>74</v>
      </c>
      <c r="U9047">
        <v>75</v>
      </c>
      <c r="V9047">
        <v>76</v>
      </c>
      <c r="W9047">
        <v>77</v>
      </c>
      <c r="X9047">
        <v>78</v>
      </c>
      <c r="Y9047">
        <v>80</v>
      </c>
      <c r="Z9047">
        <v>81</v>
      </c>
      <c r="AA9047">
        <v>82</v>
      </c>
      <c r="AB9047">
        <v>83</v>
      </c>
      <c r="AC9047">
        <v>84</v>
      </c>
      <c r="AD9047">
        <v>86</v>
      </c>
      <c r="AE9047">
        <v>87</v>
      </c>
      <c r="AF9047">
        <v>88</v>
      </c>
      <c r="AG9047">
        <v>90</v>
      </c>
      <c r="AH9047">
        <v>91</v>
      </c>
      <c r="AI9047">
        <v>92</v>
      </c>
      <c r="AJ9047">
        <v>93</v>
      </c>
      <c r="AK9047">
        <v>95</v>
      </c>
      <c r="AL9047">
        <v>96</v>
      </c>
      <c r="AM9047">
        <v>97</v>
      </c>
      <c r="AN9047">
        <v>99</v>
      </c>
      <c r="AO9047">
        <v>100</v>
      </c>
      <c r="AP9047">
        <v>102</v>
      </c>
      <c r="AQ9047">
        <v>103</v>
      </c>
    </row>
    <row r="9048" spans="1:43">
      <c r="A9048" t="s">
        <v>5656</v>
      </c>
      <c r="B9048" t="s">
        <v>5657</v>
      </c>
      <c r="C9048" t="s">
        <v>5440</v>
      </c>
      <c r="D9048" t="s">
        <v>5441</v>
      </c>
      <c r="E9048" t="s">
        <v>5426</v>
      </c>
      <c r="F9048" t="s">
        <v>5427</v>
      </c>
      <c r="G9048" t="s">
        <v>80</v>
      </c>
      <c r="H9048" t="s">
        <v>81</v>
      </c>
      <c r="I9048" s="2">
        <v>0</v>
      </c>
      <c r="J9048" s="2">
        <v>1</v>
      </c>
      <c r="K9048" s="2">
        <v>0</v>
      </c>
      <c r="L9048" t="s">
        <v>82</v>
      </c>
      <c r="M9048" t="s">
        <v>89</v>
      </c>
      <c r="N9048" t="s">
        <v>90</v>
      </c>
      <c r="O9048" t="s">
        <v>85</v>
      </c>
      <c r="P9048" t="s">
        <v>86</v>
      </c>
      <c r="Q9048">
        <v>70</v>
      </c>
      <c r="R9048">
        <v>72</v>
      </c>
      <c r="S9048">
        <v>75</v>
      </c>
      <c r="T9048">
        <v>77</v>
      </c>
      <c r="U9048">
        <v>79</v>
      </c>
      <c r="V9048">
        <v>82</v>
      </c>
      <c r="W9048">
        <v>84</v>
      </c>
      <c r="X9048">
        <v>87</v>
      </c>
      <c r="Y9048">
        <v>89</v>
      </c>
      <c r="Z9048">
        <v>91</v>
      </c>
      <c r="AA9048">
        <v>94</v>
      </c>
      <c r="AB9048">
        <v>96</v>
      </c>
      <c r="AC9048">
        <v>99</v>
      </c>
      <c r="AD9048">
        <v>101</v>
      </c>
      <c r="AE9048">
        <v>103</v>
      </c>
      <c r="AF9048">
        <v>104</v>
      </c>
      <c r="AG9048">
        <v>106</v>
      </c>
      <c r="AH9048">
        <v>107</v>
      </c>
      <c r="AI9048">
        <v>108</v>
      </c>
      <c r="AJ9048">
        <v>109</v>
      </c>
      <c r="AK9048">
        <v>110</v>
      </c>
      <c r="AL9048">
        <v>112</v>
      </c>
      <c r="AM9048">
        <v>113</v>
      </c>
      <c r="AN9048">
        <v>114</v>
      </c>
      <c r="AO9048">
        <v>115</v>
      </c>
      <c r="AP9048">
        <v>116</v>
      </c>
      <c r="AQ9048">
        <v>118</v>
      </c>
    </row>
    <row r="9049" spans="1:43">
      <c r="A9049" t="s">
        <v>5656</v>
      </c>
      <c r="B9049" t="s">
        <v>5657</v>
      </c>
      <c r="C9049" t="s">
        <v>5440</v>
      </c>
      <c r="D9049" t="s">
        <v>5441</v>
      </c>
      <c r="E9049" t="s">
        <v>5426</v>
      </c>
      <c r="F9049" t="s">
        <v>5427</v>
      </c>
      <c r="G9049" t="s">
        <v>80</v>
      </c>
      <c r="H9049" t="s">
        <v>81</v>
      </c>
      <c r="I9049" s="2">
        <v>0</v>
      </c>
      <c r="J9049" s="2">
        <v>1</v>
      </c>
      <c r="K9049" s="2">
        <v>0</v>
      </c>
      <c r="L9049" t="s">
        <v>82</v>
      </c>
      <c r="M9049" t="s">
        <v>83</v>
      </c>
      <c r="N9049" t="s">
        <v>91</v>
      </c>
      <c r="O9049" t="s">
        <v>85</v>
      </c>
      <c r="P9049" t="s">
        <v>86</v>
      </c>
      <c r="Q9049">
        <v>70</v>
      </c>
      <c r="R9049">
        <v>72</v>
      </c>
      <c r="S9049">
        <v>74</v>
      </c>
      <c r="T9049">
        <v>75</v>
      </c>
      <c r="U9049">
        <v>77</v>
      </c>
      <c r="V9049">
        <v>79</v>
      </c>
      <c r="W9049">
        <v>81</v>
      </c>
      <c r="X9049">
        <v>83</v>
      </c>
      <c r="Y9049">
        <v>85</v>
      </c>
      <c r="Z9049">
        <v>87</v>
      </c>
      <c r="AA9049">
        <v>89</v>
      </c>
      <c r="AB9049">
        <v>91</v>
      </c>
      <c r="AC9049">
        <v>93</v>
      </c>
      <c r="AD9049">
        <v>95</v>
      </c>
      <c r="AE9049">
        <v>97</v>
      </c>
      <c r="AF9049">
        <v>99</v>
      </c>
      <c r="AG9049">
        <v>101</v>
      </c>
      <c r="AH9049">
        <v>104</v>
      </c>
      <c r="AI9049">
        <v>106</v>
      </c>
      <c r="AJ9049">
        <v>108</v>
      </c>
      <c r="AK9049">
        <v>110</v>
      </c>
      <c r="AL9049">
        <v>112</v>
      </c>
      <c r="AM9049">
        <v>113</v>
      </c>
      <c r="AN9049">
        <v>114</v>
      </c>
      <c r="AO9049">
        <v>115</v>
      </c>
      <c r="AP9049">
        <v>117</v>
      </c>
      <c r="AQ9049">
        <v>118</v>
      </c>
    </row>
    <row r="9050" spans="1:43">
      <c r="A9050" t="s">
        <v>5658</v>
      </c>
      <c r="B9050" t="s">
        <v>5659</v>
      </c>
      <c r="C9050" t="s">
        <v>5486</v>
      </c>
      <c r="D9050" t="s">
        <v>5487</v>
      </c>
      <c r="E9050" t="s">
        <v>5426</v>
      </c>
      <c r="F9050" t="s">
        <v>5427</v>
      </c>
      <c r="G9050" t="s">
        <v>80</v>
      </c>
      <c r="H9050" t="s">
        <v>81</v>
      </c>
      <c r="I9050" s="2">
        <v>0</v>
      </c>
      <c r="J9050" s="2">
        <v>1</v>
      </c>
      <c r="K9050" s="2">
        <v>0</v>
      </c>
      <c r="L9050" t="s">
        <v>82</v>
      </c>
      <c r="M9050" t="s">
        <v>83</v>
      </c>
      <c r="N9050" t="s">
        <v>84</v>
      </c>
      <c r="O9050" t="s">
        <v>85</v>
      </c>
      <c r="P9050" t="s">
        <v>86</v>
      </c>
      <c r="Q9050">
        <v>141</v>
      </c>
      <c r="R9050">
        <v>144</v>
      </c>
      <c r="S9050">
        <v>148</v>
      </c>
      <c r="T9050">
        <v>152</v>
      </c>
      <c r="U9050">
        <v>155</v>
      </c>
      <c r="V9050">
        <v>159</v>
      </c>
      <c r="W9050">
        <v>163</v>
      </c>
      <c r="X9050">
        <v>167</v>
      </c>
      <c r="Y9050">
        <v>171</v>
      </c>
      <c r="Z9050">
        <v>175</v>
      </c>
      <c r="AA9050">
        <v>179</v>
      </c>
      <c r="AB9050">
        <v>183</v>
      </c>
      <c r="AC9050">
        <v>187</v>
      </c>
      <c r="AD9050">
        <v>191</v>
      </c>
      <c r="AE9050">
        <v>195</v>
      </c>
      <c r="AF9050">
        <v>199</v>
      </c>
      <c r="AG9050">
        <v>204</v>
      </c>
      <c r="AH9050">
        <v>208</v>
      </c>
      <c r="AI9050">
        <v>212</v>
      </c>
      <c r="AJ9050">
        <v>217</v>
      </c>
      <c r="AK9050">
        <v>221</v>
      </c>
      <c r="AL9050">
        <v>224</v>
      </c>
      <c r="AM9050">
        <v>227</v>
      </c>
      <c r="AN9050">
        <v>229</v>
      </c>
      <c r="AO9050">
        <v>232</v>
      </c>
      <c r="AP9050">
        <v>234</v>
      </c>
      <c r="AQ9050">
        <v>237</v>
      </c>
    </row>
    <row r="9051" spans="1:43">
      <c r="A9051" t="s">
        <v>5658</v>
      </c>
      <c r="B9051" t="s">
        <v>5659</v>
      </c>
      <c r="C9051" t="s">
        <v>5486</v>
      </c>
      <c r="D9051" t="s">
        <v>5487</v>
      </c>
      <c r="E9051" t="s">
        <v>5426</v>
      </c>
      <c r="F9051" t="s">
        <v>5427</v>
      </c>
      <c r="G9051" t="s">
        <v>80</v>
      </c>
      <c r="H9051" t="s">
        <v>81</v>
      </c>
      <c r="I9051" s="2">
        <v>0</v>
      </c>
      <c r="J9051" s="2">
        <v>1</v>
      </c>
      <c r="K9051" s="2">
        <v>0</v>
      </c>
      <c r="L9051" t="s">
        <v>82</v>
      </c>
      <c r="M9051" t="s">
        <v>87</v>
      </c>
      <c r="N9051" t="s">
        <v>88</v>
      </c>
      <c r="O9051" t="s">
        <v>85</v>
      </c>
      <c r="P9051" t="s">
        <v>86</v>
      </c>
      <c r="Q9051">
        <v>141</v>
      </c>
      <c r="R9051">
        <v>144</v>
      </c>
      <c r="S9051">
        <v>146</v>
      </c>
      <c r="T9051">
        <v>148</v>
      </c>
      <c r="U9051">
        <v>150</v>
      </c>
      <c r="V9051">
        <v>153</v>
      </c>
      <c r="W9051">
        <v>155</v>
      </c>
      <c r="X9051">
        <v>157</v>
      </c>
      <c r="Y9051">
        <v>160</v>
      </c>
      <c r="Z9051">
        <v>162</v>
      </c>
      <c r="AA9051">
        <v>165</v>
      </c>
      <c r="AB9051">
        <v>167</v>
      </c>
      <c r="AC9051">
        <v>169</v>
      </c>
      <c r="AD9051">
        <v>172</v>
      </c>
      <c r="AE9051">
        <v>175</v>
      </c>
      <c r="AF9051">
        <v>177</v>
      </c>
      <c r="AG9051">
        <v>180</v>
      </c>
      <c r="AH9051">
        <v>182</v>
      </c>
      <c r="AI9051">
        <v>185</v>
      </c>
      <c r="AJ9051">
        <v>188</v>
      </c>
      <c r="AK9051">
        <v>190</v>
      </c>
      <c r="AL9051">
        <v>193</v>
      </c>
      <c r="AM9051">
        <v>196</v>
      </c>
      <c r="AN9051">
        <v>198</v>
      </c>
      <c r="AO9051">
        <v>201</v>
      </c>
      <c r="AP9051">
        <v>204</v>
      </c>
      <c r="AQ9051">
        <v>207</v>
      </c>
    </row>
    <row r="9052" spans="1:43">
      <c r="A9052" t="s">
        <v>5658</v>
      </c>
      <c r="B9052" t="s">
        <v>5659</v>
      </c>
      <c r="C9052" t="s">
        <v>5486</v>
      </c>
      <c r="D9052" t="s">
        <v>5487</v>
      </c>
      <c r="E9052" t="s">
        <v>5426</v>
      </c>
      <c r="F9052" t="s">
        <v>5427</v>
      </c>
      <c r="G9052" t="s">
        <v>80</v>
      </c>
      <c r="H9052" t="s">
        <v>81</v>
      </c>
      <c r="I9052" s="2">
        <v>0</v>
      </c>
      <c r="J9052" s="2">
        <v>1</v>
      </c>
      <c r="K9052" s="2">
        <v>0</v>
      </c>
      <c r="L9052" t="s">
        <v>82</v>
      </c>
      <c r="M9052" t="s">
        <v>89</v>
      </c>
      <c r="N9052" t="s">
        <v>90</v>
      </c>
      <c r="O9052" t="s">
        <v>85</v>
      </c>
      <c r="P9052" t="s">
        <v>86</v>
      </c>
      <c r="Q9052">
        <v>141</v>
      </c>
      <c r="R9052">
        <v>146</v>
      </c>
      <c r="S9052">
        <v>151</v>
      </c>
      <c r="T9052">
        <v>156</v>
      </c>
      <c r="U9052">
        <v>160</v>
      </c>
      <c r="V9052">
        <v>165</v>
      </c>
      <c r="W9052">
        <v>170</v>
      </c>
      <c r="X9052">
        <v>175</v>
      </c>
      <c r="Y9052">
        <v>180</v>
      </c>
      <c r="Z9052">
        <v>185</v>
      </c>
      <c r="AA9052">
        <v>189</v>
      </c>
      <c r="AB9052">
        <v>194</v>
      </c>
      <c r="AC9052">
        <v>199</v>
      </c>
      <c r="AD9052">
        <v>204</v>
      </c>
      <c r="AE9052">
        <v>209</v>
      </c>
      <c r="AF9052">
        <v>211</v>
      </c>
      <c r="AG9052">
        <v>213</v>
      </c>
      <c r="AH9052">
        <v>216</v>
      </c>
      <c r="AI9052">
        <v>218</v>
      </c>
      <c r="AJ9052">
        <v>220</v>
      </c>
      <c r="AK9052">
        <v>223</v>
      </c>
      <c r="AL9052">
        <v>225</v>
      </c>
      <c r="AM9052">
        <v>228</v>
      </c>
      <c r="AN9052">
        <v>230</v>
      </c>
      <c r="AO9052">
        <v>232</v>
      </c>
      <c r="AP9052">
        <v>235</v>
      </c>
      <c r="AQ9052">
        <v>237</v>
      </c>
    </row>
    <row r="9053" spans="1:43">
      <c r="A9053" t="s">
        <v>5658</v>
      </c>
      <c r="B9053" t="s">
        <v>5659</v>
      </c>
      <c r="C9053" t="s">
        <v>5486</v>
      </c>
      <c r="D9053" t="s">
        <v>5487</v>
      </c>
      <c r="E9053" t="s">
        <v>5426</v>
      </c>
      <c r="F9053" t="s">
        <v>5427</v>
      </c>
      <c r="G9053" t="s">
        <v>80</v>
      </c>
      <c r="H9053" t="s">
        <v>81</v>
      </c>
      <c r="I9053" s="2">
        <v>0</v>
      </c>
      <c r="J9053" s="2">
        <v>1</v>
      </c>
      <c r="K9053" s="2">
        <v>0</v>
      </c>
      <c r="L9053" t="s">
        <v>82</v>
      </c>
      <c r="M9053" t="s">
        <v>83</v>
      </c>
      <c r="N9053" t="s">
        <v>91</v>
      </c>
      <c r="O9053" t="s">
        <v>85</v>
      </c>
      <c r="P9053" t="s">
        <v>86</v>
      </c>
      <c r="Q9053">
        <v>141</v>
      </c>
      <c r="R9053">
        <v>144</v>
      </c>
      <c r="S9053">
        <v>148</v>
      </c>
      <c r="T9053">
        <v>152</v>
      </c>
      <c r="U9053">
        <v>155</v>
      </c>
      <c r="V9053">
        <v>159</v>
      </c>
      <c r="W9053">
        <v>163</v>
      </c>
      <c r="X9053">
        <v>167</v>
      </c>
      <c r="Y9053">
        <v>171</v>
      </c>
      <c r="Z9053">
        <v>175</v>
      </c>
      <c r="AA9053">
        <v>179</v>
      </c>
      <c r="AB9053">
        <v>183</v>
      </c>
      <c r="AC9053">
        <v>187</v>
      </c>
      <c r="AD9053">
        <v>191</v>
      </c>
      <c r="AE9053">
        <v>195</v>
      </c>
      <c r="AF9053">
        <v>199</v>
      </c>
      <c r="AG9053">
        <v>204</v>
      </c>
      <c r="AH9053">
        <v>208</v>
      </c>
      <c r="AI9053">
        <v>212</v>
      </c>
      <c r="AJ9053">
        <v>217</v>
      </c>
      <c r="AK9053">
        <v>221</v>
      </c>
      <c r="AL9053">
        <v>224</v>
      </c>
      <c r="AM9053">
        <v>227</v>
      </c>
      <c r="AN9053">
        <v>229</v>
      </c>
      <c r="AO9053">
        <v>232</v>
      </c>
      <c r="AP9053">
        <v>234</v>
      </c>
      <c r="AQ9053">
        <v>237</v>
      </c>
    </row>
    <row r="9054" spans="1:43">
      <c r="A9054" t="s">
        <v>5660</v>
      </c>
      <c r="B9054" t="s">
        <v>5661</v>
      </c>
      <c r="C9054" t="s">
        <v>5434</v>
      </c>
      <c r="D9054" t="s">
        <v>5435</v>
      </c>
      <c r="E9054" t="s">
        <v>5426</v>
      </c>
      <c r="F9054" t="s">
        <v>5427</v>
      </c>
      <c r="G9054" t="s">
        <v>80</v>
      </c>
      <c r="H9054" t="s">
        <v>81</v>
      </c>
      <c r="I9054" s="2">
        <v>0</v>
      </c>
      <c r="J9054" s="2">
        <v>1</v>
      </c>
      <c r="K9054" s="2">
        <v>0</v>
      </c>
      <c r="L9054" t="s">
        <v>82</v>
      </c>
      <c r="M9054" t="s">
        <v>83</v>
      </c>
      <c r="N9054" t="s">
        <v>84</v>
      </c>
      <c r="O9054" t="s">
        <v>85</v>
      </c>
      <c r="P9054" t="s">
        <v>86</v>
      </c>
      <c r="Q9054">
        <v>223</v>
      </c>
      <c r="R9054">
        <v>228</v>
      </c>
      <c r="S9054">
        <v>234</v>
      </c>
      <c r="T9054">
        <v>240</v>
      </c>
      <c r="U9054">
        <v>246</v>
      </c>
      <c r="V9054">
        <v>252</v>
      </c>
      <c r="W9054">
        <v>258</v>
      </c>
      <c r="X9054">
        <v>264</v>
      </c>
      <c r="Y9054">
        <v>270</v>
      </c>
      <c r="Z9054">
        <v>277</v>
      </c>
      <c r="AA9054">
        <v>283</v>
      </c>
      <c r="AB9054">
        <v>289</v>
      </c>
      <c r="AC9054">
        <v>296</v>
      </c>
      <c r="AD9054">
        <v>302</v>
      </c>
      <c r="AE9054">
        <v>309</v>
      </c>
      <c r="AF9054">
        <v>316</v>
      </c>
      <c r="AG9054">
        <v>322</v>
      </c>
      <c r="AH9054">
        <v>329</v>
      </c>
      <c r="AI9054">
        <v>336</v>
      </c>
      <c r="AJ9054">
        <v>343</v>
      </c>
      <c r="AK9054">
        <v>350</v>
      </c>
      <c r="AL9054">
        <v>355</v>
      </c>
      <c r="AM9054">
        <v>359</v>
      </c>
      <c r="AN9054">
        <v>363</v>
      </c>
      <c r="AO9054">
        <v>367</v>
      </c>
      <c r="AP9054">
        <v>371</v>
      </c>
      <c r="AQ9054">
        <v>374</v>
      </c>
    </row>
    <row r="9055" spans="1:43">
      <c r="A9055" t="s">
        <v>5660</v>
      </c>
      <c r="B9055" t="s">
        <v>5661</v>
      </c>
      <c r="C9055" t="s">
        <v>5434</v>
      </c>
      <c r="D9055" t="s">
        <v>5435</v>
      </c>
      <c r="E9055" t="s">
        <v>5426</v>
      </c>
      <c r="F9055" t="s">
        <v>5427</v>
      </c>
      <c r="G9055" t="s">
        <v>80</v>
      </c>
      <c r="H9055" t="s">
        <v>81</v>
      </c>
      <c r="I9055" s="2">
        <v>0</v>
      </c>
      <c r="J9055" s="2">
        <v>1</v>
      </c>
      <c r="K9055" s="2">
        <v>0</v>
      </c>
      <c r="L9055" t="s">
        <v>82</v>
      </c>
      <c r="M9055" t="s">
        <v>87</v>
      </c>
      <c r="N9055" t="s">
        <v>88</v>
      </c>
      <c r="O9055" t="s">
        <v>85</v>
      </c>
      <c r="P9055" t="s">
        <v>86</v>
      </c>
      <c r="Q9055">
        <v>223</v>
      </c>
      <c r="R9055">
        <v>226</v>
      </c>
      <c r="S9055">
        <v>230</v>
      </c>
      <c r="T9055">
        <v>233</v>
      </c>
      <c r="U9055">
        <v>237</v>
      </c>
      <c r="V9055">
        <v>241</v>
      </c>
      <c r="W9055">
        <v>244</v>
      </c>
      <c r="X9055">
        <v>248</v>
      </c>
      <c r="Y9055">
        <v>252</v>
      </c>
      <c r="Z9055">
        <v>256</v>
      </c>
      <c r="AA9055">
        <v>260</v>
      </c>
      <c r="AB9055">
        <v>263</v>
      </c>
      <c r="AC9055">
        <v>267</v>
      </c>
      <c r="AD9055">
        <v>271</v>
      </c>
      <c r="AE9055">
        <v>275</v>
      </c>
      <c r="AF9055">
        <v>279</v>
      </c>
      <c r="AG9055">
        <v>283</v>
      </c>
      <c r="AH9055">
        <v>288</v>
      </c>
      <c r="AI9055">
        <v>292</v>
      </c>
      <c r="AJ9055">
        <v>296</v>
      </c>
      <c r="AK9055">
        <v>300</v>
      </c>
      <c r="AL9055">
        <v>305</v>
      </c>
      <c r="AM9055">
        <v>309</v>
      </c>
      <c r="AN9055">
        <v>313</v>
      </c>
      <c r="AO9055">
        <v>318</v>
      </c>
      <c r="AP9055">
        <v>322</v>
      </c>
      <c r="AQ9055">
        <v>326</v>
      </c>
    </row>
    <row r="9056" spans="1:43">
      <c r="A9056" t="s">
        <v>5660</v>
      </c>
      <c r="B9056" t="s">
        <v>5661</v>
      </c>
      <c r="C9056" t="s">
        <v>5434</v>
      </c>
      <c r="D9056" t="s">
        <v>5435</v>
      </c>
      <c r="E9056" t="s">
        <v>5426</v>
      </c>
      <c r="F9056" t="s">
        <v>5427</v>
      </c>
      <c r="G9056" t="s">
        <v>80</v>
      </c>
      <c r="H9056" t="s">
        <v>81</v>
      </c>
      <c r="I9056" s="2">
        <v>0</v>
      </c>
      <c r="J9056" s="2">
        <v>1</v>
      </c>
      <c r="K9056" s="2">
        <v>0</v>
      </c>
      <c r="L9056" t="s">
        <v>82</v>
      </c>
      <c r="M9056" t="s">
        <v>89</v>
      </c>
      <c r="N9056" t="s">
        <v>90</v>
      </c>
      <c r="O9056" t="s">
        <v>85</v>
      </c>
      <c r="P9056" t="s">
        <v>86</v>
      </c>
      <c r="Q9056">
        <v>223</v>
      </c>
      <c r="R9056">
        <v>231</v>
      </c>
      <c r="S9056">
        <v>238</v>
      </c>
      <c r="T9056">
        <v>246</v>
      </c>
      <c r="U9056">
        <v>254</v>
      </c>
      <c r="V9056">
        <v>261</v>
      </c>
      <c r="W9056">
        <v>269</v>
      </c>
      <c r="X9056">
        <v>277</v>
      </c>
      <c r="Y9056">
        <v>284</v>
      </c>
      <c r="Z9056">
        <v>292</v>
      </c>
      <c r="AA9056">
        <v>300</v>
      </c>
      <c r="AB9056">
        <v>307</v>
      </c>
      <c r="AC9056">
        <v>315</v>
      </c>
      <c r="AD9056">
        <v>323</v>
      </c>
      <c r="AE9056">
        <v>330</v>
      </c>
      <c r="AF9056">
        <v>333</v>
      </c>
      <c r="AG9056">
        <v>337</v>
      </c>
      <c r="AH9056">
        <v>341</v>
      </c>
      <c r="AI9056">
        <v>345</v>
      </c>
      <c r="AJ9056">
        <v>348</v>
      </c>
      <c r="AK9056">
        <v>352</v>
      </c>
      <c r="AL9056">
        <v>356</v>
      </c>
      <c r="AM9056">
        <v>360</v>
      </c>
      <c r="AN9056">
        <v>363</v>
      </c>
      <c r="AO9056">
        <v>367</v>
      </c>
      <c r="AP9056">
        <v>371</v>
      </c>
      <c r="AQ9056">
        <v>375</v>
      </c>
    </row>
    <row r="9057" spans="1:43">
      <c r="A9057" t="s">
        <v>5660</v>
      </c>
      <c r="B9057" t="s">
        <v>5661</v>
      </c>
      <c r="C9057" t="s">
        <v>5434</v>
      </c>
      <c r="D9057" t="s">
        <v>5435</v>
      </c>
      <c r="E9057" t="s">
        <v>5426</v>
      </c>
      <c r="F9057" t="s">
        <v>5427</v>
      </c>
      <c r="G9057" t="s">
        <v>80</v>
      </c>
      <c r="H9057" t="s">
        <v>81</v>
      </c>
      <c r="I9057" s="2">
        <v>0</v>
      </c>
      <c r="J9057" s="2">
        <v>1</v>
      </c>
      <c r="K9057" s="2">
        <v>0</v>
      </c>
      <c r="L9057" t="s">
        <v>82</v>
      </c>
      <c r="M9057" t="s">
        <v>83</v>
      </c>
      <c r="N9057" t="s">
        <v>91</v>
      </c>
      <c r="O9057" t="s">
        <v>85</v>
      </c>
      <c r="P9057" t="s">
        <v>86</v>
      </c>
      <c r="Q9057">
        <v>223</v>
      </c>
      <c r="R9057">
        <v>228</v>
      </c>
      <c r="S9057">
        <v>234</v>
      </c>
      <c r="T9057">
        <v>240</v>
      </c>
      <c r="U9057">
        <v>246</v>
      </c>
      <c r="V9057">
        <v>252</v>
      </c>
      <c r="W9057">
        <v>258</v>
      </c>
      <c r="X9057">
        <v>264</v>
      </c>
      <c r="Y9057">
        <v>270</v>
      </c>
      <c r="Z9057">
        <v>277</v>
      </c>
      <c r="AA9057">
        <v>283</v>
      </c>
      <c r="AB9057">
        <v>289</v>
      </c>
      <c r="AC9057">
        <v>296</v>
      </c>
      <c r="AD9057">
        <v>302</v>
      </c>
      <c r="AE9057">
        <v>309</v>
      </c>
      <c r="AF9057">
        <v>316</v>
      </c>
      <c r="AG9057">
        <v>322</v>
      </c>
      <c r="AH9057">
        <v>329</v>
      </c>
      <c r="AI9057">
        <v>336</v>
      </c>
      <c r="AJ9057">
        <v>343</v>
      </c>
      <c r="AK9057">
        <v>350</v>
      </c>
      <c r="AL9057">
        <v>355</v>
      </c>
      <c r="AM9057">
        <v>359</v>
      </c>
      <c r="AN9057">
        <v>363</v>
      </c>
      <c r="AO9057">
        <v>367</v>
      </c>
      <c r="AP9057">
        <v>371</v>
      </c>
      <c r="AQ9057">
        <v>374</v>
      </c>
    </row>
    <row r="9058" spans="1:43">
      <c r="A9058" t="s">
        <v>5662</v>
      </c>
      <c r="B9058" t="s">
        <v>5663</v>
      </c>
      <c r="C9058" t="s">
        <v>5540</v>
      </c>
      <c r="D9058" t="s">
        <v>5541</v>
      </c>
      <c r="E9058" t="s">
        <v>5426</v>
      </c>
      <c r="F9058" t="s">
        <v>5427</v>
      </c>
      <c r="G9058" t="s">
        <v>80</v>
      </c>
      <c r="H9058" t="s">
        <v>81</v>
      </c>
      <c r="I9058" s="2">
        <v>0</v>
      </c>
      <c r="J9058" s="2">
        <v>1</v>
      </c>
      <c r="K9058" s="2">
        <v>0</v>
      </c>
      <c r="L9058" t="s">
        <v>82</v>
      </c>
      <c r="M9058" t="s">
        <v>83</v>
      </c>
      <c r="N9058" t="s">
        <v>84</v>
      </c>
      <c r="O9058" t="s">
        <v>85</v>
      </c>
      <c r="P9058" t="s">
        <v>86</v>
      </c>
      <c r="Q9058">
        <v>136</v>
      </c>
      <c r="R9058">
        <v>139</v>
      </c>
      <c r="S9058">
        <v>143</v>
      </c>
      <c r="T9058">
        <v>146</v>
      </c>
      <c r="U9058">
        <v>150</v>
      </c>
      <c r="V9058">
        <v>153</v>
      </c>
      <c r="W9058">
        <v>157</v>
      </c>
      <c r="X9058">
        <v>161</v>
      </c>
      <c r="Y9058">
        <v>165</v>
      </c>
      <c r="Z9058">
        <v>168</v>
      </c>
      <c r="AA9058">
        <v>172</v>
      </c>
      <c r="AB9058">
        <v>176</v>
      </c>
      <c r="AC9058">
        <v>180</v>
      </c>
      <c r="AD9058">
        <v>184</v>
      </c>
      <c r="AE9058">
        <v>188</v>
      </c>
      <c r="AF9058">
        <v>192</v>
      </c>
      <c r="AG9058">
        <v>197</v>
      </c>
      <c r="AH9058">
        <v>201</v>
      </c>
      <c r="AI9058">
        <v>205</v>
      </c>
      <c r="AJ9058">
        <v>209</v>
      </c>
      <c r="AK9058">
        <v>214</v>
      </c>
      <c r="AL9058">
        <v>217</v>
      </c>
      <c r="AM9058">
        <v>219</v>
      </c>
      <c r="AN9058">
        <v>221</v>
      </c>
      <c r="AO9058">
        <v>224</v>
      </c>
      <c r="AP9058">
        <v>226</v>
      </c>
      <c r="AQ9058">
        <v>228</v>
      </c>
    </row>
    <row r="9059" spans="1:43">
      <c r="A9059" t="s">
        <v>5662</v>
      </c>
      <c r="B9059" t="s">
        <v>5663</v>
      </c>
      <c r="C9059" t="s">
        <v>5540</v>
      </c>
      <c r="D9059" t="s">
        <v>5541</v>
      </c>
      <c r="E9059" t="s">
        <v>5426</v>
      </c>
      <c r="F9059" t="s">
        <v>5427</v>
      </c>
      <c r="G9059" t="s">
        <v>80</v>
      </c>
      <c r="H9059" t="s">
        <v>81</v>
      </c>
      <c r="I9059" s="2">
        <v>0</v>
      </c>
      <c r="J9059" s="2">
        <v>1</v>
      </c>
      <c r="K9059" s="2">
        <v>0</v>
      </c>
      <c r="L9059" t="s">
        <v>82</v>
      </c>
      <c r="M9059" t="s">
        <v>87</v>
      </c>
      <c r="N9059" t="s">
        <v>88</v>
      </c>
      <c r="O9059" t="s">
        <v>85</v>
      </c>
      <c r="P9059" t="s">
        <v>86</v>
      </c>
      <c r="Q9059">
        <v>136</v>
      </c>
      <c r="R9059">
        <v>138</v>
      </c>
      <c r="S9059">
        <v>141</v>
      </c>
      <c r="T9059">
        <v>143</v>
      </c>
      <c r="U9059">
        <v>145</v>
      </c>
      <c r="V9059">
        <v>147</v>
      </c>
      <c r="W9059">
        <v>150</v>
      </c>
      <c r="X9059">
        <v>152</v>
      </c>
      <c r="Y9059">
        <v>154</v>
      </c>
      <c r="Z9059">
        <v>156</v>
      </c>
      <c r="AA9059">
        <v>159</v>
      </c>
      <c r="AB9059">
        <v>161</v>
      </c>
      <c r="AC9059">
        <v>164</v>
      </c>
      <c r="AD9059">
        <v>166</v>
      </c>
      <c r="AE9059">
        <v>169</v>
      </c>
      <c r="AF9059">
        <v>171</v>
      </c>
      <c r="AG9059">
        <v>174</v>
      </c>
      <c r="AH9059">
        <v>176</v>
      </c>
      <c r="AI9059">
        <v>179</v>
      </c>
      <c r="AJ9059">
        <v>181</v>
      </c>
      <c r="AK9059">
        <v>184</v>
      </c>
      <c r="AL9059">
        <v>186</v>
      </c>
      <c r="AM9059">
        <v>189</v>
      </c>
      <c r="AN9059">
        <v>192</v>
      </c>
      <c r="AO9059">
        <v>195</v>
      </c>
      <c r="AP9059">
        <v>197</v>
      </c>
      <c r="AQ9059">
        <v>200</v>
      </c>
    </row>
    <row r="9060" spans="1:43">
      <c r="A9060" t="s">
        <v>5662</v>
      </c>
      <c r="B9060" t="s">
        <v>5663</v>
      </c>
      <c r="C9060" t="s">
        <v>5540</v>
      </c>
      <c r="D9060" t="s">
        <v>5541</v>
      </c>
      <c r="E9060" t="s">
        <v>5426</v>
      </c>
      <c r="F9060" t="s">
        <v>5427</v>
      </c>
      <c r="G9060" t="s">
        <v>80</v>
      </c>
      <c r="H9060" t="s">
        <v>81</v>
      </c>
      <c r="I9060" s="2">
        <v>0</v>
      </c>
      <c r="J9060" s="2">
        <v>1</v>
      </c>
      <c r="K9060" s="2">
        <v>0</v>
      </c>
      <c r="L9060" t="s">
        <v>82</v>
      </c>
      <c r="M9060" t="s">
        <v>89</v>
      </c>
      <c r="N9060" t="s">
        <v>90</v>
      </c>
      <c r="O9060" t="s">
        <v>85</v>
      </c>
      <c r="P9060" t="s">
        <v>86</v>
      </c>
      <c r="Q9060">
        <v>136</v>
      </c>
      <c r="R9060">
        <v>140</v>
      </c>
      <c r="S9060">
        <v>145</v>
      </c>
      <c r="T9060">
        <v>150</v>
      </c>
      <c r="U9060">
        <v>155</v>
      </c>
      <c r="V9060">
        <v>159</v>
      </c>
      <c r="W9060">
        <v>164</v>
      </c>
      <c r="X9060">
        <v>169</v>
      </c>
      <c r="Y9060">
        <v>173</v>
      </c>
      <c r="Z9060">
        <v>178</v>
      </c>
      <c r="AA9060">
        <v>183</v>
      </c>
      <c r="AB9060">
        <v>187</v>
      </c>
      <c r="AC9060">
        <v>192</v>
      </c>
      <c r="AD9060">
        <v>197</v>
      </c>
      <c r="AE9060">
        <v>201</v>
      </c>
      <c r="AF9060">
        <v>203</v>
      </c>
      <c r="AG9060">
        <v>206</v>
      </c>
      <c r="AH9060">
        <v>208</v>
      </c>
      <c r="AI9060">
        <v>210</v>
      </c>
      <c r="AJ9060">
        <v>213</v>
      </c>
      <c r="AK9060">
        <v>215</v>
      </c>
      <c r="AL9060">
        <v>217</v>
      </c>
      <c r="AM9060">
        <v>219</v>
      </c>
      <c r="AN9060">
        <v>222</v>
      </c>
      <c r="AO9060">
        <v>224</v>
      </c>
      <c r="AP9060">
        <v>226</v>
      </c>
      <c r="AQ9060">
        <v>229</v>
      </c>
    </row>
    <row r="9061" spans="1:43">
      <c r="A9061" t="s">
        <v>5662</v>
      </c>
      <c r="B9061" t="s">
        <v>5663</v>
      </c>
      <c r="C9061" t="s">
        <v>5540</v>
      </c>
      <c r="D9061" t="s">
        <v>5541</v>
      </c>
      <c r="E9061" t="s">
        <v>5426</v>
      </c>
      <c r="F9061" t="s">
        <v>5427</v>
      </c>
      <c r="G9061" t="s">
        <v>80</v>
      </c>
      <c r="H9061" t="s">
        <v>81</v>
      </c>
      <c r="I9061" s="2">
        <v>0</v>
      </c>
      <c r="J9061" s="2">
        <v>1</v>
      </c>
      <c r="K9061" s="2">
        <v>0</v>
      </c>
      <c r="L9061" t="s">
        <v>82</v>
      </c>
      <c r="M9061" t="s">
        <v>83</v>
      </c>
      <c r="N9061" t="s">
        <v>91</v>
      </c>
      <c r="O9061" t="s">
        <v>85</v>
      </c>
      <c r="P9061" t="s">
        <v>86</v>
      </c>
      <c r="Q9061">
        <v>136</v>
      </c>
      <c r="R9061">
        <v>139</v>
      </c>
      <c r="S9061">
        <v>143</v>
      </c>
      <c r="T9061">
        <v>146</v>
      </c>
      <c r="U9061">
        <v>150</v>
      </c>
      <c r="V9061">
        <v>153</v>
      </c>
      <c r="W9061">
        <v>157</v>
      </c>
      <c r="X9061">
        <v>161</v>
      </c>
      <c r="Y9061">
        <v>165</v>
      </c>
      <c r="Z9061">
        <v>168</v>
      </c>
      <c r="AA9061">
        <v>172</v>
      </c>
      <c r="AB9061">
        <v>176</v>
      </c>
      <c r="AC9061">
        <v>180</v>
      </c>
      <c r="AD9061">
        <v>184</v>
      </c>
      <c r="AE9061">
        <v>188</v>
      </c>
      <c r="AF9061">
        <v>192</v>
      </c>
      <c r="AG9061">
        <v>197</v>
      </c>
      <c r="AH9061">
        <v>201</v>
      </c>
      <c r="AI9061">
        <v>205</v>
      </c>
      <c r="AJ9061">
        <v>209</v>
      </c>
      <c r="AK9061">
        <v>214</v>
      </c>
      <c r="AL9061">
        <v>217</v>
      </c>
      <c r="AM9061">
        <v>219</v>
      </c>
      <c r="AN9061">
        <v>221</v>
      </c>
      <c r="AO9061">
        <v>224</v>
      </c>
      <c r="AP9061">
        <v>226</v>
      </c>
      <c r="AQ9061">
        <v>228</v>
      </c>
    </row>
    <row r="9062" spans="1:43">
      <c r="A9062" t="s">
        <v>5664</v>
      </c>
      <c r="B9062" t="s">
        <v>5665</v>
      </c>
      <c r="C9062" t="s">
        <v>5540</v>
      </c>
      <c r="D9062" t="s">
        <v>5541</v>
      </c>
      <c r="E9062" t="s">
        <v>5426</v>
      </c>
      <c r="F9062" t="s">
        <v>5427</v>
      </c>
      <c r="G9062" t="s">
        <v>80</v>
      </c>
      <c r="H9062" t="s">
        <v>81</v>
      </c>
      <c r="I9062" s="2">
        <v>0</v>
      </c>
      <c r="J9062" s="2">
        <v>1</v>
      </c>
      <c r="K9062" s="2">
        <v>0</v>
      </c>
      <c r="L9062" t="s">
        <v>82</v>
      </c>
      <c r="M9062" t="s">
        <v>83</v>
      </c>
      <c r="N9062" t="s">
        <v>84</v>
      </c>
      <c r="O9062" t="s">
        <v>85</v>
      </c>
      <c r="P9062" t="s">
        <v>86</v>
      </c>
      <c r="Q9062">
        <v>26</v>
      </c>
      <c r="R9062">
        <v>27</v>
      </c>
      <c r="S9062">
        <v>27</v>
      </c>
      <c r="T9062">
        <v>28</v>
      </c>
      <c r="U9062">
        <v>29</v>
      </c>
      <c r="V9062">
        <v>30</v>
      </c>
      <c r="W9062">
        <v>30</v>
      </c>
      <c r="X9062">
        <v>31</v>
      </c>
      <c r="Y9062">
        <v>32</v>
      </c>
      <c r="Z9062">
        <v>32</v>
      </c>
      <c r="AA9062">
        <v>33</v>
      </c>
      <c r="AB9062">
        <v>34</v>
      </c>
      <c r="AC9062">
        <v>35</v>
      </c>
      <c r="AD9062">
        <v>35</v>
      </c>
      <c r="AE9062">
        <v>36</v>
      </c>
      <c r="AF9062">
        <v>37</v>
      </c>
      <c r="AG9062">
        <v>38</v>
      </c>
      <c r="AH9062">
        <v>39</v>
      </c>
      <c r="AI9062">
        <v>39</v>
      </c>
      <c r="AJ9062">
        <v>40</v>
      </c>
      <c r="AK9062">
        <v>41</v>
      </c>
      <c r="AL9062">
        <v>42</v>
      </c>
      <c r="AM9062">
        <v>42</v>
      </c>
      <c r="AN9062">
        <v>43</v>
      </c>
      <c r="AO9062">
        <v>43</v>
      </c>
      <c r="AP9062">
        <v>44</v>
      </c>
      <c r="AQ9062">
        <v>44</v>
      </c>
    </row>
    <row r="9063" spans="1:43">
      <c r="A9063" t="s">
        <v>5664</v>
      </c>
      <c r="B9063" t="s">
        <v>5665</v>
      </c>
      <c r="C9063" t="s">
        <v>5540</v>
      </c>
      <c r="D9063" t="s">
        <v>5541</v>
      </c>
      <c r="E9063" t="s">
        <v>5426</v>
      </c>
      <c r="F9063" t="s">
        <v>5427</v>
      </c>
      <c r="G9063" t="s">
        <v>80</v>
      </c>
      <c r="H9063" t="s">
        <v>81</v>
      </c>
      <c r="I9063" s="2">
        <v>0</v>
      </c>
      <c r="J9063" s="2">
        <v>1</v>
      </c>
      <c r="K9063" s="2">
        <v>0</v>
      </c>
      <c r="L9063" t="s">
        <v>82</v>
      </c>
      <c r="M9063" t="s">
        <v>87</v>
      </c>
      <c r="N9063" t="s">
        <v>88</v>
      </c>
      <c r="O9063" t="s">
        <v>85</v>
      </c>
      <c r="P9063" t="s">
        <v>86</v>
      </c>
      <c r="Q9063">
        <v>26</v>
      </c>
      <c r="R9063">
        <v>26</v>
      </c>
      <c r="S9063">
        <v>27</v>
      </c>
      <c r="T9063">
        <v>27</v>
      </c>
      <c r="U9063">
        <v>28</v>
      </c>
      <c r="V9063">
        <v>28</v>
      </c>
      <c r="W9063">
        <v>28</v>
      </c>
      <c r="X9063">
        <v>29</v>
      </c>
      <c r="Y9063">
        <v>29</v>
      </c>
      <c r="Z9063">
        <v>30</v>
      </c>
      <c r="AA9063">
        <v>30</v>
      </c>
      <c r="AB9063">
        <v>31</v>
      </c>
      <c r="AC9063">
        <v>31</v>
      </c>
      <c r="AD9063">
        <v>32</v>
      </c>
      <c r="AE9063">
        <v>32</v>
      </c>
      <c r="AF9063">
        <v>33</v>
      </c>
      <c r="AG9063">
        <v>33</v>
      </c>
      <c r="AH9063">
        <v>34</v>
      </c>
      <c r="AI9063">
        <v>34</v>
      </c>
      <c r="AJ9063">
        <v>34</v>
      </c>
      <c r="AK9063">
        <v>35</v>
      </c>
      <c r="AL9063">
        <v>36</v>
      </c>
      <c r="AM9063">
        <v>36</v>
      </c>
      <c r="AN9063">
        <v>37</v>
      </c>
      <c r="AO9063">
        <v>37</v>
      </c>
      <c r="AP9063">
        <v>38</v>
      </c>
      <c r="AQ9063">
        <v>38</v>
      </c>
    </row>
    <row r="9064" spans="1:43">
      <c r="A9064" t="s">
        <v>5664</v>
      </c>
      <c r="B9064" t="s">
        <v>5665</v>
      </c>
      <c r="C9064" t="s">
        <v>5540</v>
      </c>
      <c r="D9064" t="s">
        <v>5541</v>
      </c>
      <c r="E9064" t="s">
        <v>5426</v>
      </c>
      <c r="F9064" t="s">
        <v>5427</v>
      </c>
      <c r="G9064" t="s">
        <v>80</v>
      </c>
      <c r="H9064" t="s">
        <v>81</v>
      </c>
      <c r="I9064" s="2">
        <v>0</v>
      </c>
      <c r="J9064" s="2">
        <v>1</v>
      </c>
      <c r="K9064" s="2">
        <v>0</v>
      </c>
      <c r="L9064" t="s">
        <v>82</v>
      </c>
      <c r="M9064" t="s">
        <v>89</v>
      </c>
      <c r="N9064" t="s">
        <v>90</v>
      </c>
      <c r="O9064" t="s">
        <v>85</v>
      </c>
      <c r="P9064" t="s">
        <v>86</v>
      </c>
      <c r="Q9064">
        <v>26</v>
      </c>
      <c r="R9064">
        <v>27</v>
      </c>
      <c r="S9064">
        <v>28</v>
      </c>
      <c r="T9064">
        <v>29</v>
      </c>
      <c r="U9064">
        <v>30</v>
      </c>
      <c r="V9064">
        <v>31</v>
      </c>
      <c r="W9064">
        <v>32</v>
      </c>
      <c r="X9064">
        <v>33</v>
      </c>
      <c r="Y9064">
        <v>34</v>
      </c>
      <c r="Z9064">
        <v>34</v>
      </c>
      <c r="AA9064">
        <v>35</v>
      </c>
      <c r="AB9064">
        <v>36</v>
      </c>
      <c r="AC9064">
        <v>37</v>
      </c>
      <c r="AD9064">
        <v>38</v>
      </c>
      <c r="AE9064">
        <v>39</v>
      </c>
      <c r="AF9064">
        <v>39</v>
      </c>
      <c r="AG9064">
        <v>40</v>
      </c>
      <c r="AH9064">
        <v>40</v>
      </c>
      <c r="AI9064">
        <v>41</v>
      </c>
      <c r="AJ9064">
        <v>41</v>
      </c>
      <c r="AK9064">
        <v>42</v>
      </c>
      <c r="AL9064">
        <v>42</v>
      </c>
      <c r="AM9064">
        <v>42</v>
      </c>
      <c r="AN9064">
        <v>43</v>
      </c>
      <c r="AO9064">
        <v>43</v>
      </c>
      <c r="AP9064">
        <v>44</v>
      </c>
      <c r="AQ9064">
        <v>44</v>
      </c>
    </row>
    <row r="9065" spans="1:43">
      <c r="A9065" t="s">
        <v>5664</v>
      </c>
      <c r="B9065" t="s">
        <v>5665</v>
      </c>
      <c r="C9065" t="s">
        <v>5540</v>
      </c>
      <c r="D9065" t="s">
        <v>5541</v>
      </c>
      <c r="E9065" t="s">
        <v>5426</v>
      </c>
      <c r="F9065" t="s">
        <v>5427</v>
      </c>
      <c r="G9065" t="s">
        <v>80</v>
      </c>
      <c r="H9065" t="s">
        <v>81</v>
      </c>
      <c r="I9065" s="2">
        <v>0</v>
      </c>
      <c r="J9065" s="2">
        <v>1</v>
      </c>
      <c r="K9065" s="2">
        <v>0</v>
      </c>
      <c r="L9065" t="s">
        <v>82</v>
      </c>
      <c r="M9065" t="s">
        <v>83</v>
      </c>
      <c r="N9065" t="s">
        <v>91</v>
      </c>
      <c r="O9065" t="s">
        <v>85</v>
      </c>
      <c r="P9065" t="s">
        <v>86</v>
      </c>
      <c r="Q9065">
        <v>26</v>
      </c>
      <c r="R9065">
        <v>27</v>
      </c>
      <c r="S9065">
        <v>27</v>
      </c>
      <c r="T9065">
        <v>28</v>
      </c>
      <c r="U9065">
        <v>29</v>
      </c>
      <c r="V9065">
        <v>30</v>
      </c>
      <c r="W9065">
        <v>30</v>
      </c>
      <c r="X9065">
        <v>31</v>
      </c>
      <c r="Y9065">
        <v>32</v>
      </c>
      <c r="Z9065">
        <v>32</v>
      </c>
      <c r="AA9065">
        <v>33</v>
      </c>
      <c r="AB9065">
        <v>34</v>
      </c>
      <c r="AC9065">
        <v>35</v>
      </c>
      <c r="AD9065">
        <v>35</v>
      </c>
      <c r="AE9065">
        <v>36</v>
      </c>
      <c r="AF9065">
        <v>37</v>
      </c>
      <c r="AG9065">
        <v>38</v>
      </c>
      <c r="AH9065">
        <v>39</v>
      </c>
      <c r="AI9065">
        <v>39</v>
      </c>
      <c r="AJ9065">
        <v>40</v>
      </c>
      <c r="AK9065">
        <v>41</v>
      </c>
      <c r="AL9065">
        <v>42</v>
      </c>
      <c r="AM9065">
        <v>42</v>
      </c>
      <c r="AN9065">
        <v>43</v>
      </c>
      <c r="AO9065">
        <v>43</v>
      </c>
      <c r="AP9065">
        <v>44</v>
      </c>
      <c r="AQ9065">
        <v>44</v>
      </c>
    </row>
    <row r="9066" spans="1:43">
      <c r="A9066" t="s">
        <v>5666</v>
      </c>
      <c r="B9066" t="s">
        <v>5667</v>
      </c>
      <c r="C9066" t="s">
        <v>5498</v>
      </c>
      <c r="D9066" t="s">
        <v>5499</v>
      </c>
      <c r="E9066" t="s">
        <v>5426</v>
      </c>
      <c r="F9066" t="s">
        <v>5427</v>
      </c>
      <c r="G9066" t="s">
        <v>80</v>
      </c>
      <c r="H9066" t="s">
        <v>81</v>
      </c>
      <c r="I9066" s="2">
        <v>0</v>
      </c>
      <c r="J9066" s="2">
        <v>1</v>
      </c>
      <c r="K9066" s="2">
        <v>0</v>
      </c>
      <c r="L9066" t="s">
        <v>82</v>
      </c>
      <c r="M9066" t="s">
        <v>83</v>
      </c>
      <c r="N9066" t="s">
        <v>84</v>
      </c>
      <c r="O9066" t="s">
        <v>85</v>
      </c>
      <c r="P9066" t="s">
        <v>86</v>
      </c>
      <c r="Q9066">
        <v>50</v>
      </c>
      <c r="R9066">
        <v>52</v>
      </c>
      <c r="S9066">
        <v>53</v>
      </c>
      <c r="T9066">
        <v>54</v>
      </c>
      <c r="U9066">
        <v>56</v>
      </c>
      <c r="V9066">
        <v>57</v>
      </c>
      <c r="W9066">
        <v>58</v>
      </c>
      <c r="X9066">
        <v>60</v>
      </c>
      <c r="Y9066">
        <v>61</v>
      </c>
      <c r="Z9066">
        <v>63</v>
      </c>
      <c r="AA9066">
        <v>64</v>
      </c>
      <c r="AB9066">
        <v>65</v>
      </c>
      <c r="AC9066">
        <v>67</v>
      </c>
      <c r="AD9066">
        <v>68</v>
      </c>
      <c r="AE9066">
        <v>70</v>
      </c>
      <c r="AF9066">
        <v>71</v>
      </c>
      <c r="AG9066">
        <v>73</v>
      </c>
      <c r="AH9066">
        <v>74</v>
      </c>
      <c r="AI9066">
        <v>76</v>
      </c>
      <c r="AJ9066">
        <v>78</v>
      </c>
      <c r="AK9066">
        <v>79</v>
      </c>
      <c r="AL9066">
        <v>80</v>
      </c>
      <c r="AM9066">
        <v>81</v>
      </c>
      <c r="AN9066">
        <v>82</v>
      </c>
      <c r="AO9066">
        <v>83</v>
      </c>
      <c r="AP9066">
        <v>84</v>
      </c>
      <c r="AQ9066">
        <v>85</v>
      </c>
    </row>
    <row r="9067" spans="1:43">
      <c r="A9067" t="s">
        <v>5666</v>
      </c>
      <c r="B9067" t="s">
        <v>5667</v>
      </c>
      <c r="C9067" t="s">
        <v>5498</v>
      </c>
      <c r="D9067" t="s">
        <v>5499</v>
      </c>
      <c r="E9067" t="s">
        <v>5426</v>
      </c>
      <c r="F9067" t="s">
        <v>5427</v>
      </c>
      <c r="G9067" t="s">
        <v>80</v>
      </c>
      <c r="H9067" t="s">
        <v>81</v>
      </c>
      <c r="I9067" s="2">
        <v>0</v>
      </c>
      <c r="J9067" s="2">
        <v>1</v>
      </c>
      <c r="K9067" s="2">
        <v>0</v>
      </c>
      <c r="L9067" t="s">
        <v>82</v>
      </c>
      <c r="M9067" t="s">
        <v>87</v>
      </c>
      <c r="N9067" t="s">
        <v>88</v>
      </c>
      <c r="O9067" t="s">
        <v>85</v>
      </c>
      <c r="P9067" t="s">
        <v>86</v>
      </c>
      <c r="Q9067">
        <v>50</v>
      </c>
      <c r="R9067">
        <v>51</v>
      </c>
      <c r="S9067">
        <v>52</v>
      </c>
      <c r="T9067">
        <v>52</v>
      </c>
      <c r="U9067">
        <v>53</v>
      </c>
      <c r="V9067">
        <v>54</v>
      </c>
      <c r="W9067">
        <v>55</v>
      </c>
      <c r="X9067">
        <v>56</v>
      </c>
      <c r="Y9067">
        <v>56</v>
      </c>
      <c r="Z9067">
        <v>57</v>
      </c>
      <c r="AA9067">
        <v>58</v>
      </c>
      <c r="AB9067">
        <v>59</v>
      </c>
      <c r="AC9067">
        <v>60</v>
      </c>
      <c r="AD9067">
        <v>61</v>
      </c>
      <c r="AE9067">
        <v>62</v>
      </c>
      <c r="AF9067">
        <v>63</v>
      </c>
      <c r="AG9067">
        <v>64</v>
      </c>
      <c r="AH9067">
        <v>65</v>
      </c>
      <c r="AI9067">
        <v>66</v>
      </c>
      <c r="AJ9067">
        <v>66</v>
      </c>
      <c r="AK9067">
        <v>67</v>
      </c>
      <c r="AL9067">
        <v>68</v>
      </c>
      <c r="AM9067">
        <v>69</v>
      </c>
      <c r="AN9067">
        <v>70</v>
      </c>
      <c r="AO9067">
        <v>71</v>
      </c>
      <c r="AP9067">
        <v>72</v>
      </c>
      <c r="AQ9067">
        <v>73</v>
      </c>
    </row>
    <row r="9068" spans="1:43">
      <c r="A9068" t="s">
        <v>5666</v>
      </c>
      <c r="B9068" t="s">
        <v>5667</v>
      </c>
      <c r="C9068" t="s">
        <v>5498</v>
      </c>
      <c r="D9068" t="s">
        <v>5499</v>
      </c>
      <c r="E9068" t="s">
        <v>5426</v>
      </c>
      <c r="F9068" t="s">
        <v>5427</v>
      </c>
      <c r="G9068" t="s">
        <v>80</v>
      </c>
      <c r="H9068" t="s">
        <v>81</v>
      </c>
      <c r="I9068" s="2">
        <v>0</v>
      </c>
      <c r="J9068" s="2">
        <v>1</v>
      </c>
      <c r="K9068" s="2">
        <v>0</v>
      </c>
      <c r="L9068" t="s">
        <v>82</v>
      </c>
      <c r="M9068" t="s">
        <v>89</v>
      </c>
      <c r="N9068" t="s">
        <v>90</v>
      </c>
      <c r="O9068" t="s">
        <v>85</v>
      </c>
      <c r="P9068" t="s">
        <v>86</v>
      </c>
      <c r="Q9068">
        <v>50</v>
      </c>
      <c r="R9068">
        <v>52</v>
      </c>
      <c r="S9068">
        <v>53</v>
      </c>
      <c r="T9068">
        <v>55</v>
      </c>
      <c r="U9068">
        <v>57</v>
      </c>
      <c r="V9068">
        <v>59</v>
      </c>
      <c r="W9068">
        <v>60</v>
      </c>
      <c r="X9068">
        <v>62</v>
      </c>
      <c r="Y9068">
        <v>64</v>
      </c>
      <c r="Z9068">
        <v>65</v>
      </c>
      <c r="AA9068">
        <v>67</v>
      </c>
      <c r="AB9068">
        <v>69</v>
      </c>
      <c r="AC9068">
        <v>71</v>
      </c>
      <c r="AD9068">
        <v>73</v>
      </c>
      <c r="AE9068">
        <v>74</v>
      </c>
      <c r="AF9068">
        <v>75</v>
      </c>
      <c r="AG9068">
        <v>76</v>
      </c>
      <c r="AH9068">
        <v>77</v>
      </c>
      <c r="AI9068">
        <v>77</v>
      </c>
      <c r="AJ9068">
        <v>78</v>
      </c>
      <c r="AK9068">
        <v>79</v>
      </c>
      <c r="AL9068">
        <v>80</v>
      </c>
      <c r="AM9068">
        <v>81</v>
      </c>
      <c r="AN9068">
        <v>82</v>
      </c>
      <c r="AO9068">
        <v>83</v>
      </c>
      <c r="AP9068">
        <v>83</v>
      </c>
      <c r="AQ9068">
        <v>84</v>
      </c>
    </row>
    <row r="9069" spans="1:43">
      <c r="A9069" t="s">
        <v>5666</v>
      </c>
      <c r="B9069" t="s">
        <v>5667</v>
      </c>
      <c r="C9069" t="s">
        <v>5498</v>
      </c>
      <c r="D9069" t="s">
        <v>5499</v>
      </c>
      <c r="E9069" t="s">
        <v>5426</v>
      </c>
      <c r="F9069" t="s">
        <v>5427</v>
      </c>
      <c r="G9069" t="s">
        <v>80</v>
      </c>
      <c r="H9069" t="s">
        <v>81</v>
      </c>
      <c r="I9069" s="2">
        <v>0</v>
      </c>
      <c r="J9069" s="2">
        <v>1</v>
      </c>
      <c r="K9069" s="2">
        <v>0</v>
      </c>
      <c r="L9069" t="s">
        <v>82</v>
      </c>
      <c r="M9069" t="s">
        <v>83</v>
      </c>
      <c r="N9069" t="s">
        <v>91</v>
      </c>
      <c r="O9069" t="s">
        <v>85</v>
      </c>
      <c r="P9069" t="s">
        <v>86</v>
      </c>
      <c r="Q9069">
        <v>50</v>
      </c>
      <c r="R9069">
        <v>52</v>
      </c>
      <c r="S9069">
        <v>53</v>
      </c>
      <c r="T9069">
        <v>54</v>
      </c>
      <c r="U9069">
        <v>56</v>
      </c>
      <c r="V9069">
        <v>57</v>
      </c>
      <c r="W9069">
        <v>58</v>
      </c>
      <c r="X9069">
        <v>60</v>
      </c>
      <c r="Y9069">
        <v>61</v>
      </c>
      <c r="Z9069">
        <v>63</v>
      </c>
      <c r="AA9069">
        <v>64</v>
      </c>
      <c r="AB9069">
        <v>65</v>
      </c>
      <c r="AC9069">
        <v>67</v>
      </c>
      <c r="AD9069">
        <v>68</v>
      </c>
      <c r="AE9069">
        <v>70</v>
      </c>
      <c r="AF9069">
        <v>71</v>
      </c>
      <c r="AG9069">
        <v>73</v>
      </c>
      <c r="AH9069">
        <v>74</v>
      </c>
      <c r="AI9069">
        <v>76</v>
      </c>
      <c r="AJ9069">
        <v>78</v>
      </c>
      <c r="AK9069">
        <v>79</v>
      </c>
      <c r="AL9069">
        <v>80</v>
      </c>
      <c r="AM9069">
        <v>81</v>
      </c>
      <c r="AN9069">
        <v>82</v>
      </c>
      <c r="AO9069">
        <v>83</v>
      </c>
      <c r="AP9069">
        <v>84</v>
      </c>
      <c r="AQ9069">
        <v>85</v>
      </c>
    </row>
    <row r="9070" spans="1:43">
      <c r="A9070" t="s">
        <v>5668</v>
      </c>
      <c r="B9070" t="s">
        <v>5669</v>
      </c>
      <c r="C9070" t="s">
        <v>5498</v>
      </c>
      <c r="D9070" t="s">
        <v>5499</v>
      </c>
      <c r="E9070" t="s">
        <v>5426</v>
      </c>
      <c r="F9070" t="s">
        <v>5427</v>
      </c>
      <c r="G9070" t="s">
        <v>80</v>
      </c>
      <c r="H9070" t="s">
        <v>81</v>
      </c>
      <c r="I9070" s="2">
        <v>0</v>
      </c>
      <c r="J9070" s="2">
        <v>1</v>
      </c>
      <c r="K9070" s="2">
        <v>0</v>
      </c>
      <c r="L9070" t="s">
        <v>82</v>
      </c>
      <c r="M9070" t="s">
        <v>83</v>
      </c>
      <c r="N9070" t="s">
        <v>84</v>
      </c>
      <c r="O9070" t="s">
        <v>85</v>
      </c>
      <c r="P9070" t="s">
        <v>86</v>
      </c>
      <c r="Q9070">
        <v>66</v>
      </c>
      <c r="R9070">
        <v>67</v>
      </c>
      <c r="S9070">
        <v>69</v>
      </c>
      <c r="T9070">
        <v>71</v>
      </c>
      <c r="U9070">
        <v>73</v>
      </c>
      <c r="V9070">
        <v>74</v>
      </c>
      <c r="W9070">
        <v>76</v>
      </c>
      <c r="X9070">
        <v>78</v>
      </c>
      <c r="Y9070">
        <v>80</v>
      </c>
      <c r="Z9070">
        <v>82</v>
      </c>
      <c r="AA9070">
        <v>84</v>
      </c>
      <c r="AB9070">
        <v>86</v>
      </c>
      <c r="AC9070">
        <v>88</v>
      </c>
      <c r="AD9070">
        <v>90</v>
      </c>
      <c r="AE9070">
        <v>92</v>
      </c>
      <c r="AF9070">
        <v>94</v>
      </c>
      <c r="AG9070">
        <v>96</v>
      </c>
      <c r="AH9070">
        <v>98</v>
      </c>
      <c r="AI9070">
        <v>100</v>
      </c>
      <c r="AJ9070">
        <v>102</v>
      </c>
      <c r="AK9070">
        <v>104</v>
      </c>
      <c r="AL9070">
        <v>106</v>
      </c>
      <c r="AM9070">
        <v>107</v>
      </c>
      <c r="AN9070">
        <v>108</v>
      </c>
      <c r="AO9070">
        <v>109</v>
      </c>
      <c r="AP9070">
        <v>110</v>
      </c>
      <c r="AQ9070">
        <v>111</v>
      </c>
    </row>
    <row r="9071" spans="1:43">
      <c r="A9071" t="s">
        <v>5668</v>
      </c>
      <c r="B9071" t="s">
        <v>5669</v>
      </c>
      <c r="C9071" t="s">
        <v>5498</v>
      </c>
      <c r="D9071" t="s">
        <v>5499</v>
      </c>
      <c r="E9071" t="s">
        <v>5426</v>
      </c>
      <c r="F9071" t="s">
        <v>5427</v>
      </c>
      <c r="G9071" t="s">
        <v>80</v>
      </c>
      <c r="H9071" t="s">
        <v>81</v>
      </c>
      <c r="I9071" s="2">
        <v>0</v>
      </c>
      <c r="J9071" s="2">
        <v>1</v>
      </c>
      <c r="K9071" s="2">
        <v>0</v>
      </c>
      <c r="L9071" t="s">
        <v>82</v>
      </c>
      <c r="M9071" t="s">
        <v>87</v>
      </c>
      <c r="N9071" t="s">
        <v>88</v>
      </c>
      <c r="O9071" t="s">
        <v>85</v>
      </c>
      <c r="P9071" t="s">
        <v>86</v>
      </c>
      <c r="Q9071">
        <v>66</v>
      </c>
      <c r="R9071">
        <v>67</v>
      </c>
      <c r="S9071">
        <v>68</v>
      </c>
      <c r="T9071">
        <v>69</v>
      </c>
      <c r="U9071">
        <v>70</v>
      </c>
      <c r="V9071">
        <v>72</v>
      </c>
      <c r="W9071">
        <v>73</v>
      </c>
      <c r="X9071">
        <v>74</v>
      </c>
      <c r="Y9071">
        <v>75</v>
      </c>
      <c r="Z9071">
        <v>76</v>
      </c>
      <c r="AA9071">
        <v>77</v>
      </c>
      <c r="AB9071">
        <v>78</v>
      </c>
      <c r="AC9071">
        <v>80</v>
      </c>
      <c r="AD9071">
        <v>81</v>
      </c>
      <c r="AE9071">
        <v>82</v>
      </c>
      <c r="AF9071">
        <v>83</v>
      </c>
      <c r="AG9071">
        <v>85</v>
      </c>
      <c r="AH9071">
        <v>86</v>
      </c>
      <c r="AI9071">
        <v>87</v>
      </c>
      <c r="AJ9071">
        <v>88</v>
      </c>
      <c r="AK9071">
        <v>90</v>
      </c>
      <c r="AL9071">
        <v>91</v>
      </c>
      <c r="AM9071">
        <v>92</v>
      </c>
      <c r="AN9071">
        <v>94</v>
      </c>
      <c r="AO9071">
        <v>95</v>
      </c>
      <c r="AP9071">
        <v>96</v>
      </c>
      <c r="AQ9071">
        <v>98</v>
      </c>
    </row>
    <row r="9072" spans="1:43">
      <c r="A9072" t="s">
        <v>5668</v>
      </c>
      <c r="B9072" t="s">
        <v>5669</v>
      </c>
      <c r="C9072" t="s">
        <v>5498</v>
      </c>
      <c r="D9072" t="s">
        <v>5499</v>
      </c>
      <c r="E9072" t="s">
        <v>5426</v>
      </c>
      <c r="F9072" t="s">
        <v>5427</v>
      </c>
      <c r="G9072" t="s">
        <v>80</v>
      </c>
      <c r="H9072" t="s">
        <v>81</v>
      </c>
      <c r="I9072" s="2">
        <v>0</v>
      </c>
      <c r="J9072" s="2">
        <v>1</v>
      </c>
      <c r="K9072" s="2">
        <v>0</v>
      </c>
      <c r="L9072" t="s">
        <v>82</v>
      </c>
      <c r="M9072" t="s">
        <v>89</v>
      </c>
      <c r="N9072" t="s">
        <v>90</v>
      </c>
      <c r="O9072" t="s">
        <v>85</v>
      </c>
      <c r="P9072" t="s">
        <v>86</v>
      </c>
      <c r="Q9072">
        <v>66</v>
      </c>
      <c r="R9072">
        <v>69</v>
      </c>
      <c r="S9072">
        <v>71</v>
      </c>
      <c r="T9072">
        <v>73</v>
      </c>
      <c r="U9072">
        <v>76</v>
      </c>
      <c r="V9072">
        <v>78</v>
      </c>
      <c r="W9072">
        <v>80</v>
      </c>
      <c r="X9072">
        <v>83</v>
      </c>
      <c r="Y9072">
        <v>85</v>
      </c>
      <c r="Z9072">
        <v>87</v>
      </c>
      <c r="AA9072">
        <v>89</v>
      </c>
      <c r="AB9072">
        <v>92</v>
      </c>
      <c r="AC9072">
        <v>94</v>
      </c>
      <c r="AD9072">
        <v>97</v>
      </c>
      <c r="AE9072">
        <v>99</v>
      </c>
      <c r="AF9072">
        <v>100</v>
      </c>
      <c r="AG9072">
        <v>101</v>
      </c>
      <c r="AH9072">
        <v>102</v>
      </c>
      <c r="AI9072">
        <v>103</v>
      </c>
      <c r="AJ9072">
        <v>104</v>
      </c>
      <c r="AK9072">
        <v>105</v>
      </c>
      <c r="AL9072">
        <v>106</v>
      </c>
      <c r="AM9072">
        <v>107</v>
      </c>
      <c r="AN9072">
        <v>109</v>
      </c>
      <c r="AO9072">
        <v>110</v>
      </c>
      <c r="AP9072">
        <v>111</v>
      </c>
      <c r="AQ9072">
        <v>112</v>
      </c>
    </row>
    <row r="9073" spans="1:43">
      <c r="A9073" t="s">
        <v>5668</v>
      </c>
      <c r="B9073" t="s">
        <v>5669</v>
      </c>
      <c r="C9073" t="s">
        <v>5498</v>
      </c>
      <c r="D9073" t="s">
        <v>5499</v>
      </c>
      <c r="E9073" t="s">
        <v>5426</v>
      </c>
      <c r="F9073" t="s">
        <v>5427</v>
      </c>
      <c r="G9073" t="s">
        <v>80</v>
      </c>
      <c r="H9073" t="s">
        <v>81</v>
      </c>
      <c r="I9073" s="2">
        <v>0</v>
      </c>
      <c r="J9073" s="2">
        <v>1</v>
      </c>
      <c r="K9073" s="2">
        <v>0</v>
      </c>
      <c r="L9073" t="s">
        <v>82</v>
      </c>
      <c r="M9073" t="s">
        <v>83</v>
      </c>
      <c r="N9073" t="s">
        <v>91</v>
      </c>
      <c r="O9073" t="s">
        <v>85</v>
      </c>
      <c r="P9073" t="s">
        <v>86</v>
      </c>
      <c r="Q9073">
        <v>66</v>
      </c>
      <c r="R9073">
        <v>67</v>
      </c>
      <c r="S9073">
        <v>69</v>
      </c>
      <c r="T9073">
        <v>71</v>
      </c>
      <c r="U9073">
        <v>73</v>
      </c>
      <c r="V9073">
        <v>74</v>
      </c>
      <c r="W9073">
        <v>76</v>
      </c>
      <c r="X9073">
        <v>78</v>
      </c>
      <c r="Y9073">
        <v>80</v>
      </c>
      <c r="Z9073">
        <v>82</v>
      </c>
      <c r="AA9073">
        <v>84</v>
      </c>
      <c r="AB9073">
        <v>86</v>
      </c>
      <c r="AC9073">
        <v>88</v>
      </c>
      <c r="AD9073">
        <v>90</v>
      </c>
      <c r="AE9073">
        <v>92</v>
      </c>
      <c r="AF9073">
        <v>94</v>
      </c>
      <c r="AG9073">
        <v>96</v>
      </c>
      <c r="AH9073">
        <v>98</v>
      </c>
      <c r="AI9073">
        <v>100</v>
      </c>
      <c r="AJ9073">
        <v>102</v>
      </c>
      <c r="AK9073">
        <v>104</v>
      </c>
      <c r="AL9073">
        <v>106</v>
      </c>
      <c r="AM9073">
        <v>107</v>
      </c>
      <c r="AN9073">
        <v>108</v>
      </c>
      <c r="AO9073">
        <v>109</v>
      </c>
      <c r="AP9073">
        <v>110</v>
      </c>
      <c r="AQ9073">
        <v>111</v>
      </c>
    </row>
    <row r="9074" spans="1:43">
      <c r="A9074" t="s">
        <v>5670</v>
      </c>
      <c r="B9074" t="s">
        <v>5671</v>
      </c>
      <c r="C9074" t="s">
        <v>5498</v>
      </c>
      <c r="D9074" t="s">
        <v>5499</v>
      </c>
      <c r="E9074" t="s">
        <v>5426</v>
      </c>
      <c r="F9074" t="s">
        <v>5427</v>
      </c>
      <c r="G9074" t="s">
        <v>80</v>
      </c>
      <c r="H9074" t="s">
        <v>81</v>
      </c>
      <c r="I9074" s="2">
        <v>0</v>
      </c>
      <c r="J9074" s="2">
        <v>1</v>
      </c>
      <c r="K9074" s="2">
        <v>0</v>
      </c>
      <c r="L9074" t="s">
        <v>82</v>
      </c>
      <c r="M9074" t="s">
        <v>83</v>
      </c>
      <c r="N9074" t="s">
        <v>84</v>
      </c>
      <c r="O9074" t="s">
        <v>85</v>
      </c>
      <c r="P9074" t="s">
        <v>86</v>
      </c>
      <c r="Q9074">
        <v>67</v>
      </c>
      <c r="R9074">
        <v>68</v>
      </c>
      <c r="S9074">
        <v>70</v>
      </c>
      <c r="T9074">
        <v>72</v>
      </c>
      <c r="U9074">
        <v>73</v>
      </c>
      <c r="V9074">
        <v>75</v>
      </c>
      <c r="W9074">
        <v>77</v>
      </c>
      <c r="X9074">
        <v>79</v>
      </c>
      <c r="Y9074">
        <v>81</v>
      </c>
      <c r="Z9074">
        <v>82</v>
      </c>
      <c r="AA9074">
        <v>84</v>
      </c>
      <c r="AB9074">
        <v>86</v>
      </c>
      <c r="AC9074">
        <v>88</v>
      </c>
      <c r="AD9074">
        <v>90</v>
      </c>
      <c r="AE9074">
        <v>92</v>
      </c>
      <c r="AF9074">
        <v>94</v>
      </c>
      <c r="AG9074">
        <v>96</v>
      </c>
      <c r="AH9074">
        <v>98</v>
      </c>
      <c r="AI9074">
        <v>100</v>
      </c>
      <c r="AJ9074">
        <v>102</v>
      </c>
      <c r="AK9074">
        <v>104</v>
      </c>
      <c r="AL9074">
        <v>106</v>
      </c>
      <c r="AM9074">
        <v>107</v>
      </c>
      <c r="AN9074">
        <v>108</v>
      </c>
      <c r="AO9074">
        <v>109</v>
      </c>
      <c r="AP9074">
        <v>110</v>
      </c>
      <c r="AQ9074">
        <v>111</v>
      </c>
    </row>
    <row r="9075" spans="1:43">
      <c r="A9075" t="s">
        <v>5670</v>
      </c>
      <c r="B9075" t="s">
        <v>5671</v>
      </c>
      <c r="C9075" t="s">
        <v>5498</v>
      </c>
      <c r="D9075" t="s">
        <v>5499</v>
      </c>
      <c r="E9075" t="s">
        <v>5426</v>
      </c>
      <c r="F9075" t="s">
        <v>5427</v>
      </c>
      <c r="G9075" t="s">
        <v>80</v>
      </c>
      <c r="H9075" t="s">
        <v>81</v>
      </c>
      <c r="I9075" s="2">
        <v>0</v>
      </c>
      <c r="J9075" s="2">
        <v>1</v>
      </c>
      <c r="K9075" s="2">
        <v>0</v>
      </c>
      <c r="L9075" t="s">
        <v>82</v>
      </c>
      <c r="M9075" t="s">
        <v>87</v>
      </c>
      <c r="N9075" t="s">
        <v>88</v>
      </c>
      <c r="O9075" t="s">
        <v>85</v>
      </c>
      <c r="P9075" t="s">
        <v>86</v>
      </c>
      <c r="Q9075">
        <v>67</v>
      </c>
      <c r="R9075">
        <v>68</v>
      </c>
      <c r="S9075">
        <v>69</v>
      </c>
      <c r="T9075">
        <v>70</v>
      </c>
      <c r="U9075">
        <v>71</v>
      </c>
      <c r="V9075">
        <v>72</v>
      </c>
      <c r="W9075">
        <v>73</v>
      </c>
      <c r="X9075">
        <v>74</v>
      </c>
      <c r="Y9075">
        <v>75</v>
      </c>
      <c r="Z9075">
        <v>77</v>
      </c>
      <c r="AA9075">
        <v>78</v>
      </c>
      <c r="AB9075">
        <v>79</v>
      </c>
      <c r="AC9075">
        <v>80</v>
      </c>
      <c r="AD9075">
        <v>81</v>
      </c>
      <c r="AE9075">
        <v>82</v>
      </c>
      <c r="AF9075">
        <v>83</v>
      </c>
      <c r="AG9075">
        <v>85</v>
      </c>
      <c r="AH9075">
        <v>86</v>
      </c>
      <c r="AI9075">
        <v>87</v>
      </c>
      <c r="AJ9075">
        <v>88</v>
      </c>
      <c r="AK9075">
        <v>90</v>
      </c>
      <c r="AL9075">
        <v>91</v>
      </c>
      <c r="AM9075">
        <v>92</v>
      </c>
      <c r="AN9075">
        <v>93</v>
      </c>
      <c r="AO9075">
        <v>95</v>
      </c>
      <c r="AP9075">
        <v>96</v>
      </c>
      <c r="AQ9075">
        <v>97</v>
      </c>
    </row>
    <row r="9076" spans="1:43">
      <c r="A9076" t="s">
        <v>5670</v>
      </c>
      <c r="B9076" t="s">
        <v>5671</v>
      </c>
      <c r="C9076" t="s">
        <v>5498</v>
      </c>
      <c r="D9076" t="s">
        <v>5499</v>
      </c>
      <c r="E9076" t="s">
        <v>5426</v>
      </c>
      <c r="F9076" t="s">
        <v>5427</v>
      </c>
      <c r="G9076" t="s">
        <v>80</v>
      </c>
      <c r="H9076" t="s">
        <v>81</v>
      </c>
      <c r="I9076" s="2">
        <v>0</v>
      </c>
      <c r="J9076" s="2">
        <v>1</v>
      </c>
      <c r="K9076" s="2">
        <v>0</v>
      </c>
      <c r="L9076" t="s">
        <v>82</v>
      </c>
      <c r="M9076" t="s">
        <v>89</v>
      </c>
      <c r="N9076" t="s">
        <v>90</v>
      </c>
      <c r="O9076" t="s">
        <v>85</v>
      </c>
      <c r="P9076" t="s">
        <v>86</v>
      </c>
      <c r="Q9076">
        <v>67</v>
      </c>
      <c r="R9076">
        <v>69</v>
      </c>
      <c r="S9076">
        <v>72</v>
      </c>
      <c r="T9076">
        <v>74</v>
      </c>
      <c r="U9076">
        <v>76</v>
      </c>
      <c r="V9076">
        <v>79</v>
      </c>
      <c r="W9076">
        <v>81</v>
      </c>
      <c r="X9076">
        <v>83</v>
      </c>
      <c r="Y9076">
        <v>85</v>
      </c>
      <c r="Z9076">
        <v>88</v>
      </c>
      <c r="AA9076">
        <v>90</v>
      </c>
      <c r="AB9076">
        <v>92</v>
      </c>
      <c r="AC9076">
        <v>95</v>
      </c>
      <c r="AD9076">
        <v>97</v>
      </c>
      <c r="AE9076">
        <v>99</v>
      </c>
      <c r="AF9076">
        <v>100</v>
      </c>
      <c r="AG9076">
        <v>101</v>
      </c>
      <c r="AH9076">
        <v>102</v>
      </c>
      <c r="AI9076">
        <v>103</v>
      </c>
      <c r="AJ9076">
        <v>104</v>
      </c>
      <c r="AK9076">
        <v>106</v>
      </c>
      <c r="AL9076">
        <v>107</v>
      </c>
      <c r="AM9076">
        <v>108</v>
      </c>
      <c r="AN9076">
        <v>109</v>
      </c>
      <c r="AO9076">
        <v>110</v>
      </c>
      <c r="AP9076">
        <v>111</v>
      </c>
      <c r="AQ9076">
        <v>112</v>
      </c>
    </row>
    <row r="9077" spans="1:43">
      <c r="A9077" t="s">
        <v>5670</v>
      </c>
      <c r="B9077" t="s">
        <v>5671</v>
      </c>
      <c r="C9077" t="s">
        <v>5498</v>
      </c>
      <c r="D9077" t="s">
        <v>5499</v>
      </c>
      <c r="E9077" t="s">
        <v>5426</v>
      </c>
      <c r="F9077" t="s">
        <v>5427</v>
      </c>
      <c r="G9077" t="s">
        <v>80</v>
      </c>
      <c r="H9077" t="s">
        <v>81</v>
      </c>
      <c r="I9077" s="2">
        <v>0</v>
      </c>
      <c r="J9077" s="2">
        <v>1</v>
      </c>
      <c r="K9077" s="2">
        <v>0</v>
      </c>
      <c r="L9077" t="s">
        <v>82</v>
      </c>
      <c r="M9077" t="s">
        <v>83</v>
      </c>
      <c r="N9077" t="s">
        <v>91</v>
      </c>
      <c r="O9077" t="s">
        <v>85</v>
      </c>
      <c r="P9077" t="s">
        <v>86</v>
      </c>
      <c r="Q9077">
        <v>67</v>
      </c>
      <c r="R9077">
        <v>68</v>
      </c>
      <c r="S9077">
        <v>70</v>
      </c>
      <c r="T9077">
        <v>72</v>
      </c>
      <c r="U9077">
        <v>73</v>
      </c>
      <c r="V9077">
        <v>75</v>
      </c>
      <c r="W9077">
        <v>77</v>
      </c>
      <c r="X9077">
        <v>79</v>
      </c>
      <c r="Y9077">
        <v>81</v>
      </c>
      <c r="Z9077">
        <v>82</v>
      </c>
      <c r="AA9077">
        <v>84</v>
      </c>
      <c r="AB9077">
        <v>86</v>
      </c>
      <c r="AC9077">
        <v>88</v>
      </c>
      <c r="AD9077">
        <v>90</v>
      </c>
      <c r="AE9077">
        <v>92</v>
      </c>
      <c r="AF9077">
        <v>94</v>
      </c>
      <c r="AG9077">
        <v>96</v>
      </c>
      <c r="AH9077">
        <v>98</v>
      </c>
      <c r="AI9077">
        <v>100</v>
      </c>
      <c r="AJ9077">
        <v>102</v>
      </c>
      <c r="AK9077">
        <v>104</v>
      </c>
      <c r="AL9077">
        <v>106</v>
      </c>
      <c r="AM9077">
        <v>107</v>
      </c>
      <c r="AN9077">
        <v>108</v>
      </c>
      <c r="AO9077">
        <v>109</v>
      </c>
      <c r="AP9077">
        <v>110</v>
      </c>
      <c r="AQ9077">
        <v>111</v>
      </c>
    </row>
    <row r="9078" spans="1:43">
      <c r="A9078" t="s">
        <v>5672</v>
      </c>
      <c r="B9078" t="s">
        <v>5673</v>
      </c>
      <c r="C9078" t="s">
        <v>5498</v>
      </c>
      <c r="D9078" t="s">
        <v>5499</v>
      </c>
      <c r="E9078" t="s">
        <v>5426</v>
      </c>
      <c r="F9078" t="s">
        <v>5427</v>
      </c>
      <c r="G9078" t="s">
        <v>80</v>
      </c>
      <c r="H9078" t="s">
        <v>81</v>
      </c>
      <c r="I9078" s="2">
        <v>0</v>
      </c>
      <c r="J9078" s="2">
        <v>1</v>
      </c>
      <c r="K9078" s="2">
        <v>0</v>
      </c>
      <c r="L9078" t="s">
        <v>82</v>
      </c>
      <c r="M9078" t="s">
        <v>83</v>
      </c>
      <c r="N9078" t="s">
        <v>84</v>
      </c>
      <c r="O9078" t="s">
        <v>85</v>
      </c>
      <c r="P9078" t="s">
        <v>86</v>
      </c>
      <c r="Q9078">
        <v>36</v>
      </c>
      <c r="R9078">
        <v>37</v>
      </c>
      <c r="S9078">
        <v>38</v>
      </c>
      <c r="T9078">
        <v>39</v>
      </c>
      <c r="U9078">
        <v>40</v>
      </c>
      <c r="V9078">
        <v>40</v>
      </c>
      <c r="W9078">
        <v>41</v>
      </c>
      <c r="X9078">
        <v>42</v>
      </c>
      <c r="Y9078">
        <v>43</v>
      </c>
      <c r="Z9078">
        <v>44</v>
      </c>
      <c r="AA9078">
        <v>45</v>
      </c>
      <c r="AB9078">
        <v>46</v>
      </c>
      <c r="AC9078">
        <v>48</v>
      </c>
      <c r="AD9078">
        <v>49</v>
      </c>
      <c r="AE9078">
        <v>50</v>
      </c>
      <c r="AF9078">
        <v>51</v>
      </c>
      <c r="AG9078">
        <v>52</v>
      </c>
      <c r="AH9078">
        <v>53</v>
      </c>
      <c r="AI9078">
        <v>54</v>
      </c>
      <c r="AJ9078">
        <v>55</v>
      </c>
      <c r="AK9078">
        <v>56</v>
      </c>
      <c r="AL9078">
        <v>57</v>
      </c>
      <c r="AM9078">
        <v>58</v>
      </c>
      <c r="AN9078">
        <v>58</v>
      </c>
      <c r="AO9078">
        <v>59</v>
      </c>
      <c r="AP9078">
        <v>60</v>
      </c>
      <c r="AQ9078">
        <v>60</v>
      </c>
    </row>
    <row r="9079" spans="1:43">
      <c r="A9079" t="s">
        <v>5672</v>
      </c>
      <c r="B9079" t="s">
        <v>5673</v>
      </c>
      <c r="C9079" t="s">
        <v>5498</v>
      </c>
      <c r="D9079" t="s">
        <v>5499</v>
      </c>
      <c r="E9079" t="s">
        <v>5426</v>
      </c>
      <c r="F9079" t="s">
        <v>5427</v>
      </c>
      <c r="G9079" t="s">
        <v>80</v>
      </c>
      <c r="H9079" t="s">
        <v>81</v>
      </c>
      <c r="I9079" s="2">
        <v>0</v>
      </c>
      <c r="J9079" s="2">
        <v>1</v>
      </c>
      <c r="K9079" s="2">
        <v>0</v>
      </c>
      <c r="L9079" t="s">
        <v>82</v>
      </c>
      <c r="M9079" t="s">
        <v>87</v>
      </c>
      <c r="N9079" t="s">
        <v>88</v>
      </c>
      <c r="O9079" t="s">
        <v>85</v>
      </c>
      <c r="P9079" t="s">
        <v>86</v>
      </c>
      <c r="Q9079">
        <v>36</v>
      </c>
      <c r="R9079">
        <v>37</v>
      </c>
      <c r="S9079">
        <v>38</v>
      </c>
      <c r="T9079">
        <v>38</v>
      </c>
      <c r="U9079">
        <v>39</v>
      </c>
      <c r="V9079">
        <v>39</v>
      </c>
      <c r="W9079">
        <v>40</v>
      </c>
      <c r="X9079">
        <v>41</v>
      </c>
      <c r="Y9079">
        <v>41</v>
      </c>
      <c r="Z9079">
        <v>42</v>
      </c>
      <c r="AA9079">
        <v>42</v>
      </c>
      <c r="AB9079">
        <v>43</v>
      </c>
      <c r="AC9079">
        <v>44</v>
      </c>
      <c r="AD9079">
        <v>44</v>
      </c>
      <c r="AE9079">
        <v>45</v>
      </c>
      <c r="AF9079">
        <v>46</v>
      </c>
      <c r="AG9079">
        <v>46</v>
      </c>
      <c r="AH9079">
        <v>47</v>
      </c>
      <c r="AI9079">
        <v>47</v>
      </c>
      <c r="AJ9079">
        <v>48</v>
      </c>
      <c r="AK9079">
        <v>49</v>
      </c>
      <c r="AL9079">
        <v>50</v>
      </c>
      <c r="AM9079">
        <v>50</v>
      </c>
      <c r="AN9079">
        <v>51</v>
      </c>
      <c r="AO9079">
        <v>52</v>
      </c>
      <c r="AP9079">
        <v>52</v>
      </c>
      <c r="AQ9079">
        <v>53</v>
      </c>
    </row>
    <row r="9080" spans="1:43">
      <c r="A9080" t="s">
        <v>5672</v>
      </c>
      <c r="B9080" t="s">
        <v>5673</v>
      </c>
      <c r="C9080" t="s">
        <v>5498</v>
      </c>
      <c r="D9080" t="s">
        <v>5499</v>
      </c>
      <c r="E9080" t="s">
        <v>5426</v>
      </c>
      <c r="F9080" t="s">
        <v>5427</v>
      </c>
      <c r="G9080" t="s">
        <v>80</v>
      </c>
      <c r="H9080" t="s">
        <v>81</v>
      </c>
      <c r="I9080" s="2">
        <v>0</v>
      </c>
      <c r="J9080" s="2">
        <v>1</v>
      </c>
      <c r="K9080" s="2">
        <v>0</v>
      </c>
      <c r="L9080" t="s">
        <v>82</v>
      </c>
      <c r="M9080" t="s">
        <v>89</v>
      </c>
      <c r="N9080" t="s">
        <v>90</v>
      </c>
      <c r="O9080" t="s">
        <v>85</v>
      </c>
      <c r="P9080" t="s">
        <v>86</v>
      </c>
      <c r="Q9080">
        <v>36</v>
      </c>
      <c r="R9080">
        <v>37</v>
      </c>
      <c r="S9080">
        <v>39</v>
      </c>
      <c r="T9080">
        <v>40</v>
      </c>
      <c r="U9080">
        <v>41</v>
      </c>
      <c r="V9080">
        <v>42</v>
      </c>
      <c r="W9080">
        <v>44</v>
      </c>
      <c r="X9080">
        <v>45</v>
      </c>
      <c r="Y9080">
        <v>46</v>
      </c>
      <c r="Z9080">
        <v>47</v>
      </c>
      <c r="AA9080">
        <v>48</v>
      </c>
      <c r="AB9080">
        <v>50</v>
      </c>
      <c r="AC9080">
        <v>51</v>
      </c>
      <c r="AD9080">
        <v>52</v>
      </c>
      <c r="AE9080">
        <v>53</v>
      </c>
      <c r="AF9080">
        <v>54</v>
      </c>
      <c r="AG9080">
        <v>55</v>
      </c>
      <c r="AH9080">
        <v>55</v>
      </c>
      <c r="AI9080">
        <v>56</v>
      </c>
      <c r="AJ9080">
        <v>56</v>
      </c>
      <c r="AK9080">
        <v>57</v>
      </c>
      <c r="AL9080">
        <v>58</v>
      </c>
      <c r="AM9080">
        <v>58</v>
      </c>
      <c r="AN9080">
        <v>59</v>
      </c>
      <c r="AO9080">
        <v>59</v>
      </c>
      <c r="AP9080">
        <v>60</v>
      </c>
      <c r="AQ9080">
        <v>61</v>
      </c>
    </row>
    <row r="9081" spans="1:43">
      <c r="A9081" t="s">
        <v>5672</v>
      </c>
      <c r="B9081" t="s">
        <v>5673</v>
      </c>
      <c r="C9081" t="s">
        <v>5498</v>
      </c>
      <c r="D9081" t="s">
        <v>5499</v>
      </c>
      <c r="E9081" t="s">
        <v>5426</v>
      </c>
      <c r="F9081" t="s">
        <v>5427</v>
      </c>
      <c r="G9081" t="s">
        <v>80</v>
      </c>
      <c r="H9081" t="s">
        <v>81</v>
      </c>
      <c r="I9081" s="2">
        <v>0</v>
      </c>
      <c r="J9081" s="2">
        <v>1</v>
      </c>
      <c r="K9081" s="2">
        <v>0</v>
      </c>
      <c r="L9081" t="s">
        <v>82</v>
      </c>
      <c r="M9081" t="s">
        <v>83</v>
      </c>
      <c r="N9081" t="s">
        <v>91</v>
      </c>
      <c r="O9081" t="s">
        <v>85</v>
      </c>
      <c r="P9081" t="s">
        <v>86</v>
      </c>
      <c r="Q9081">
        <v>36</v>
      </c>
      <c r="R9081">
        <v>37</v>
      </c>
      <c r="S9081">
        <v>38</v>
      </c>
      <c r="T9081">
        <v>39</v>
      </c>
      <c r="U9081">
        <v>40</v>
      </c>
      <c r="V9081">
        <v>40</v>
      </c>
      <c r="W9081">
        <v>41</v>
      </c>
      <c r="X9081">
        <v>42</v>
      </c>
      <c r="Y9081">
        <v>43</v>
      </c>
      <c r="Z9081">
        <v>44</v>
      </c>
      <c r="AA9081">
        <v>45</v>
      </c>
      <c r="AB9081">
        <v>46</v>
      </c>
      <c r="AC9081">
        <v>48</v>
      </c>
      <c r="AD9081">
        <v>49</v>
      </c>
      <c r="AE9081">
        <v>50</v>
      </c>
      <c r="AF9081">
        <v>51</v>
      </c>
      <c r="AG9081">
        <v>52</v>
      </c>
      <c r="AH9081">
        <v>53</v>
      </c>
      <c r="AI9081">
        <v>54</v>
      </c>
      <c r="AJ9081">
        <v>55</v>
      </c>
      <c r="AK9081">
        <v>56</v>
      </c>
      <c r="AL9081">
        <v>57</v>
      </c>
      <c r="AM9081">
        <v>58</v>
      </c>
      <c r="AN9081">
        <v>58</v>
      </c>
      <c r="AO9081">
        <v>59</v>
      </c>
      <c r="AP9081">
        <v>60</v>
      </c>
      <c r="AQ9081">
        <v>60</v>
      </c>
    </row>
    <row r="9082" spans="1:43">
      <c r="A9082" t="s">
        <v>5674</v>
      </c>
      <c r="B9082" t="s">
        <v>5675</v>
      </c>
      <c r="C9082" t="s">
        <v>5434</v>
      </c>
      <c r="D9082" t="s">
        <v>5435</v>
      </c>
      <c r="E9082" t="s">
        <v>5426</v>
      </c>
      <c r="F9082" t="s">
        <v>5427</v>
      </c>
      <c r="G9082" t="s">
        <v>80</v>
      </c>
      <c r="H9082" t="s">
        <v>81</v>
      </c>
      <c r="I9082" s="2">
        <v>0</v>
      </c>
      <c r="J9082" s="2">
        <v>1</v>
      </c>
      <c r="K9082" s="2">
        <v>0</v>
      </c>
      <c r="L9082" t="s">
        <v>82</v>
      </c>
      <c r="M9082" t="s">
        <v>83</v>
      </c>
      <c r="N9082" t="s">
        <v>84</v>
      </c>
      <c r="O9082" t="s">
        <v>85</v>
      </c>
      <c r="P9082" t="s">
        <v>86</v>
      </c>
      <c r="Q9082">
        <v>115</v>
      </c>
      <c r="R9082">
        <v>117</v>
      </c>
      <c r="S9082">
        <v>120</v>
      </c>
      <c r="T9082">
        <v>123</v>
      </c>
      <c r="U9082">
        <v>126</v>
      </c>
      <c r="V9082">
        <v>129</v>
      </c>
      <c r="W9082">
        <v>132</v>
      </c>
      <c r="X9082">
        <v>135</v>
      </c>
      <c r="Y9082">
        <v>139</v>
      </c>
      <c r="Z9082">
        <v>142</v>
      </c>
      <c r="AA9082">
        <v>145</v>
      </c>
      <c r="AB9082">
        <v>148</v>
      </c>
      <c r="AC9082">
        <v>152</v>
      </c>
      <c r="AD9082">
        <v>155</v>
      </c>
      <c r="AE9082">
        <v>158</v>
      </c>
      <c r="AF9082">
        <v>162</v>
      </c>
      <c r="AG9082">
        <v>165</v>
      </c>
      <c r="AH9082">
        <v>169</v>
      </c>
      <c r="AI9082">
        <v>172</v>
      </c>
      <c r="AJ9082">
        <v>176</v>
      </c>
      <c r="AK9082">
        <v>179</v>
      </c>
      <c r="AL9082">
        <v>182</v>
      </c>
      <c r="AM9082">
        <v>184</v>
      </c>
      <c r="AN9082">
        <v>186</v>
      </c>
      <c r="AO9082">
        <v>188</v>
      </c>
      <c r="AP9082">
        <v>190</v>
      </c>
      <c r="AQ9082">
        <v>192</v>
      </c>
    </row>
    <row r="9083" spans="1:43">
      <c r="A9083" t="s">
        <v>5674</v>
      </c>
      <c r="B9083" t="s">
        <v>5675</v>
      </c>
      <c r="C9083" t="s">
        <v>5434</v>
      </c>
      <c r="D9083" t="s">
        <v>5435</v>
      </c>
      <c r="E9083" t="s">
        <v>5426</v>
      </c>
      <c r="F9083" t="s">
        <v>5427</v>
      </c>
      <c r="G9083" t="s">
        <v>80</v>
      </c>
      <c r="H9083" t="s">
        <v>81</v>
      </c>
      <c r="I9083" s="2">
        <v>0</v>
      </c>
      <c r="J9083" s="2">
        <v>1</v>
      </c>
      <c r="K9083" s="2">
        <v>0</v>
      </c>
      <c r="L9083" t="s">
        <v>82</v>
      </c>
      <c r="M9083" t="s">
        <v>87</v>
      </c>
      <c r="N9083" t="s">
        <v>88</v>
      </c>
      <c r="O9083" t="s">
        <v>85</v>
      </c>
      <c r="P9083" t="s">
        <v>86</v>
      </c>
      <c r="Q9083">
        <v>115</v>
      </c>
      <c r="R9083">
        <v>116</v>
      </c>
      <c r="S9083">
        <v>118</v>
      </c>
      <c r="T9083">
        <v>120</v>
      </c>
      <c r="U9083">
        <v>122</v>
      </c>
      <c r="V9083">
        <v>124</v>
      </c>
      <c r="W9083">
        <v>125</v>
      </c>
      <c r="X9083">
        <v>127</v>
      </c>
      <c r="Y9083">
        <v>129</v>
      </c>
      <c r="Z9083">
        <v>131</v>
      </c>
      <c r="AA9083">
        <v>133</v>
      </c>
      <c r="AB9083">
        <v>135</v>
      </c>
      <c r="AC9083">
        <v>137</v>
      </c>
      <c r="AD9083">
        <v>139</v>
      </c>
      <c r="AE9083">
        <v>141</v>
      </c>
      <c r="AF9083">
        <v>143</v>
      </c>
      <c r="AG9083">
        <v>145</v>
      </c>
      <c r="AH9083">
        <v>147</v>
      </c>
      <c r="AI9083">
        <v>149</v>
      </c>
      <c r="AJ9083">
        <v>151</v>
      </c>
      <c r="AK9083">
        <v>153</v>
      </c>
      <c r="AL9083">
        <v>156</v>
      </c>
      <c r="AM9083">
        <v>158</v>
      </c>
      <c r="AN9083">
        <v>160</v>
      </c>
      <c r="AO9083">
        <v>162</v>
      </c>
      <c r="AP9083">
        <v>164</v>
      </c>
      <c r="AQ9083">
        <v>167</v>
      </c>
    </row>
    <row r="9084" spans="1:43">
      <c r="A9084" t="s">
        <v>5674</v>
      </c>
      <c r="B9084" t="s">
        <v>5675</v>
      </c>
      <c r="C9084" t="s">
        <v>5434</v>
      </c>
      <c r="D9084" t="s">
        <v>5435</v>
      </c>
      <c r="E9084" t="s">
        <v>5426</v>
      </c>
      <c r="F9084" t="s">
        <v>5427</v>
      </c>
      <c r="G9084" t="s">
        <v>80</v>
      </c>
      <c r="H9084" t="s">
        <v>81</v>
      </c>
      <c r="I9084" s="2">
        <v>0</v>
      </c>
      <c r="J9084" s="2">
        <v>1</v>
      </c>
      <c r="K9084" s="2">
        <v>0</v>
      </c>
      <c r="L9084" t="s">
        <v>82</v>
      </c>
      <c r="M9084" t="s">
        <v>89</v>
      </c>
      <c r="N9084" t="s">
        <v>90</v>
      </c>
      <c r="O9084" t="s">
        <v>85</v>
      </c>
      <c r="P9084" t="s">
        <v>86</v>
      </c>
      <c r="Q9084">
        <v>115</v>
      </c>
      <c r="R9084">
        <v>119</v>
      </c>
      <c r="S9084">
        <v>122</v>
      </c>
      <c r="T9084">
        <v>126</v>
      </c>
      <c r="U9084">
        <v>130</v>
      </c>
      <c r="V9084">
        <v>134</v>
      </c>
      <c r="W9084">
        <v>138</v>
      </c>
      <c r="X9084">
        <v>142</v>
      </c>
      <c r="Y9084">
        <v>146</v>
      </c>
      <c r="Z9084">
        <v>150</v>
      </c>
      <c r="AA9084">
        <v>154</v>
      </c>
      <c r="AB9084">
        <v>158</v>
      </c>
      <c r="AC9084">
        <v>162</v>
      </c>
      <c r="AD9084">
        <v>166</v>
      </c>
      <c r="AE9084">
        <v>169</v>
      </c>
      <c r="AF9084">
        <v>171</v>
      </c>
      <c r="AG9084">
        <v>173</v>
      </c>
      <c r="AH9084">
        <v>175</v>
      </c>
      <c r="AI9084">
        <v>177</v>
      </c>
      <c r="AJ9084">
        <v>179</v>
      </c>
      <c r="AK9084">
        <v>181</v>
      </c>
      <c r="AL9084">
        <v>183</v>
      </c>
      <c r="AM9084">
        <v>185</v>
      </c>
      <c r="AN9084">
        <v>187</v>
      </c>
      <c r="AO9084">
        <v>189</v>
      </c>
      <c r="AP9084">
        <v>191</v>
      </c>
      <c r="AQ9084">
        <v>192</v>
      </c>
    </row>
    <row r="9085" spans="1:43">
      <c r="A9085" t="s">
        <v>5674</v>
      </c>
      <c r="B9085" t="s">
        <v>5675</v>
      </c>
      <c r="C9085" t="s">
        <v>5434</v>
      </c>
      <c r="D9085" t="s">
        <v>5435</v>
      </c>
      <c r="E9085" t="s">
        <v>5426</v>
      </c>
      <c r="F9085" t="s">
        <v>5427</v>
      </c>
      <c r="G9085" t="s">
        <v>80</v>
      </c>
      <c r="H9085" t="s">
        <v>81</v>
      </c>
      <c r="I9085" s="2">
        <v>0</v>
      </c>
      <c r="J9085" s="2">
        <v>1</v>
      </c>
      <c r="K9085" s="2">
        <v>0</v>
      </c>
      <c r="L9085" t="s">
        <v>82</v>
      </c>
      <c r="M9085" t="s">
        <v>83</v>
      </c>
      <c r="N9085" t="s">
        <v>91</v>
      </c>
      <c r="O9085" t="s">
        <v>85</v>
      </c>
      <c r="P9085" t="s">
        <v>86</v>
      </c>
      <c r="Q9085">
        <v>115</v>
      </c>
      <c r="R9085">
        <v>117</v>
      </c>
      <c r="S9085">
        <v>120</v>
      </c>
      <c r="T9085">
        <v>123</v>
      </c>
      <c r="U9085">
        <v>126</v>
      </c>
      <c r="V9085">
        <v>129</v>
      </c>
      <c r="W9085">
        <v>132</v>
      </c>
      <c r="X9085">
        <v>135</v>
      </c>
      <c r="Y9085">
        <v>139</v>
      </c>
      <c r="Z9085">
        <v>142</v>
      </c>
      <c r="AA9085">
        <v>145</v>
      </c>
      <c r="AB9085">
        <v>148</v>
      </c>
      <c r="AC9085">
        <v>152</v>
      </c>
      <c r="AD9085">
        <v>155</v>
      </c>
      <c r="AE9085">
        <v>158</v>
      </c>
      <c r="AF9085">
        <v>162</v>
      </c>
      <c r="AG9085">
        <v>165</v>
      </c>
      <c r="AH9085">
        <v>169</v>
      </c>
      <c r="AI9085">
        <v>172</v>
      </c>
      <c r="AJ9085">
        <v>176</v>
      </c>
      <c r="AK9085">
        <v>179</v>
      </c>
      <c r="AL9085">
        <v>182</v>
      </c>
      <c r="AM9085">
        <v>184</v>
      </c>
      <c r="AN9085">
        <v>186</v>
      </c>
      <c r="AO9085">
        <v>188</v>
      </c>
      <c r="AP9085">
        <v>190</v>
      </c>
      <c r="AQ9085">
        <v>192</v>
      </c>
    </row>
    <row r="9086" spans="1:43">
      <c r="A9086" t="s">
        <v>5676</v>
      </c>
      <c r="B9086" t="s">
        <v>5677</v>
      </c>
      <c r="C9086" t="s">
        <v>5434</v>
      </c>
      <c r="D9086" t="s">
        <v>5435</v>
      </c>
      <c r="E9086" t="s">
        <v>5426</v>
      </c>
      <c r="F9086" t="s">
        <v>5427</v>
      </c>
      <c r="G9086" t="s">
        <v>80</v>
      </c>
      <c r="H9086" t="s">
        <v>81</v>
      </c>
      <c r="I9086" s="2">
        <v>0</v>
      </c>
      <c r="J9086" s="2">
        <v>1</v>
      </c>
      <c r="K9086" s="2">
        <v>0</v>
      </c>
      <c r="L9086" t="s">
        <v>82</v>
      </c>
      <c r="M9086" t="s">
        <v>83</v>
      </c>
      <c r="N9086" t="s">
        <v>84</v>
      </c>
      <c r="O9086" t="s">
        <v>85</v>
      </c>
      <c r="P9086" t="s">
        <v>86</v>
      </c>
      <c r="Q9086">
        <v>4</v>
      </c>
      <c r="R9086">
        <v>4</v>
      </c>
      <c r="S9086">
        <v>4</v>
      </c>
      <c r="T9086">
        <v>4</v>
      </c>
      <c r="U9086">
        <v>4</v>
      </c>
      <c r="V9086">
        <v>4</v>
      </c>
      <c r="W9086">
        <v>4</v>
      </c>
      <c r="X9086">
        <v>5</v>
      </c>
      <c r="Y9086">
        <v>5</v>
      </c>
      <c r="Z9086">
        <v>5</v>
      </c>
      <c r="AA9086">
        <v>5</v>
      </c>
      <c r="AB9086">
        <v>5</v>
      </c>
      <c r="AC9086">
        <v>5</v>
      </c>
      <c r="AD9086">
        <v>5</v>
      </c>
      <c r="AE9086">
        <v>5</v>
      </c>
      <c r="AF9086">
        <v>5</v>
      </c>
      <c r="AG9086">
        <v>6</v>
      </c>
      <c r="AH9086">
        <v>6</v>
      </c>
      <c r="AI9086">
        <v>6</v>
      </c>
      <c r="AJ9086">
        <v>6</v>
      </c>
      <c r="AK9086">
        <v>6</v>
      </c>
      <c r="AL9086">
        <v>6</v>
      </c>
      <c r="AM9086">
        <v>6</v>
      </c>
      <c r="AN9086">
        <v>6</v>
      </c>
      <c r="AO9086">
        <v>6</v>
      </c>
      <c r="AP9086">
        <v>6</v>
      </c>
      <c r="AQ9086">
        <v>6</v>
      </c>
    </row>
    <row r="9087" spans="1:43">
      <c r="A9087" t="s">
        <v>5676</v>
      </c>
      <c r="B9087" t="s">
        <v>5677</v>
      </c>
      <c r="C9087" t="s">
        <v>5434</v>
      </c>
      <c r="D9087" t="s">
        <v>5435</v>
      </c>
      <c r="E9087" t="s">
        <v>5426</v>
      </c>
      <c r="F9087" t="s">
        <v>5427</v>
      </c>
      <c r="G9087" t="s">
        <v>80</v>
      </c>
      <c r="H9087" t="s">
        <v>81</v>
      </c>
      <c r="I9087" s="2">
        <v>0</v>
      </c>
      <c r="J9087" s="2">
        <v>1</v>
      </c>
      <c r="K9087" s="2">
        <v>0</v>
      </c>
      <c r="L9087" t="s">
        <v>82</v>
      </c>
      <c r="M9087" t="s">
        <v>87</v>
      </c>
      <c r="N9087" t="s">
        <v>88</v>
      </c>
      <c r="O9087" t="s">
        <v>85</v>
      </c>
      <c r="P9087" t="s">
        <v>86</v>
      </c>
      <c r="Q9087">
        <v>4</v>
      </c>
      <c r="R9087">
        <v>4</v>
      </c>
      <c r="S9087">
        <v>4</v>
      </c>
      <c r="T9087">
        <v>4</v>
      </c>
      <c r="U9087">
        <v>4</v>
      </c>
      <c r="V9087">
        <v>4</v>
      </c>
      <c r="W9087">
        <v>4</v>
      </c>
      <c r="X9087">
        <v>4</v>
      </c>
      <c r="Y9087">
        <v>4</v>
      </c>
      <c r="Z9087">
        <v>4</v>
      </c>
      <c r="AA9087">
        <v>4</v>
      </c>
      <c r="AB9087">
        <v>5</v>
      </c>
      <c r="AC9087">
        <v>5</v>
      </c>
      <c r="AD9087">
        <v>5</v>
      </c>
      <c r="AE9087">
        <v>5</v>
      </c>
      <c r="AF9087">
        <v>5</v>
      </c>
      <c r="AG9087">
        <v>5</v>
      </c>
      <c r="AH9087">
        <v>5</v>
      </c>
      <c r="AI9087">
        <v>5</v>
      </c>
      <c r="AJ9087">
        <v>5</v>
      </c>
      <c r="AK9087">
        <v>5</v>
      </c>
      <c r="AL9087">
        <v>5</v>
      </c>
      <c r="AM9087">
        <v>5</v>
      </c>
      <c r="AN9087">
        <v>5</v>
      </c>
      <c r="AO9087">
        <v>5</v>
      </c>
      <c r="AP9087">
        <v>6</v>
      </c>
      <c r="AQ9087">
        <v>6</v>
      </c>
    </row>
    <row r="9088" spans="1:43">
      <c r="A9088" t="s">
        <v>5676</v>
      </c>
      <c r="B9088" t="s">
        <v>5677</v>
      </c>
      <c r="C9088" t="s">
        <v>5434</v>
      </c>
      <c r="D9088" t="s">
        <v>5435</v>
      </c>
      <c r="E9088" t="s">
        <v>5426</v>
      </c>
      <c r="F9088" t="s">
        <v>5427</v>
      </c>
      <c r="G9088" t="s">
        <v>80</v>
      </c>
      <c r="H9088" t="s">
        <v>81</v>
      </c>
      <c r="I9088" s="2">
        <v>0</v>
      </c>
      <c r="J9088" s="2">
        <v>1</v>
      </c>
      <c r="K9088" s="2">
        <v>0</v>
      </c>
      <c r="L9088" t="s">
        <v>82</v>
      </c>
      <c r="M9088" t="s">
        <v>89</v>
      </c>
      <c r="N9088" t="s">
        <v>90</v>
      </c>
      <c r="O9088" t="s">
        <v>85</v>
      </c>
      <c r="P9088" t="s">
        <v>86</v>
      </c>
      <c r="Q9088">
        <v>4</v>
      </c>
      <c r="R9088">
        <v>4</v>
      </c>
      <c r="S9088">
        <v>4</v>
      </c>
      <c r="T9088">
        <v>4</v>
      </c>
      <c r="U9088">
        <v>4</v>
      </c>
      <c r="V9088">
        <v>5</v>
      </c>
      <c r="W9088">
        <v>5</v>
      </c>
      <c r="X9088">
        <v>5</v>
      </c>
      <c r="Y9088">
        <v>5</v>
      </c>
      <c r="Z9088">
        <v>5</v>
      </c>
      <c r="AA9088">
        <v>5</v>
      </c>
      <c r="AB9088">
        <v>5</v>
      </c>
      <c r="AC9088">
        <v>6</v>
      </c>
      <c r="AD9088">
        <v>6</v>
      </c>
      <c r="AE9088">
        <v>6</v>
      </c>
      <c r="AF9088">
        <v>6</v>
      </c>
      <c r="AG9088">
        <v>6</v>
      </c>
      <c r="AH9088">
        <v>6</v>
      </c>
      <c r="AI9088">
        <v>6</v>
      </c>
      <c r="AJ9088">
        <v>6</v>
      </c>
      <c r="AK9088">
        <v>6</v>
      </c>
      <c r="AL9088">
        <v>6</v>
      </c>
      <c r="AM9088">
        <v>6</v>
      </c>
      <c r="AN9088">
        <v>6</v>
      </c>
      <c r="AO9088">
        <v>6</v>
      </c>
      <c r="AP9088">
        <v>6</v>
      </c>
      <c r="AQ9088">
        <v>7</v>
      </c>
    </row>
    <row r="9089" spans="1:43">
      <c r="A9089" t="s">
        <v>5676</v>
      </c>
      <c r="B9089" t="s">
        <v>5677</v>
      </c>
      <c r="C9089" t="s">
        <v>5434</v>
      </c>
      <c r="D9089" t="s">
        <v>5435</v>
      </c>
      <c r="E9089" t="s">
        <v>5426</v>
      </c>
      <c r="F9089" t="s">
        <v>5427</v>
      </c>
      <c r="G9089" t="s">
        <v>80</v>
      </c>
      <c r="H9089" t="s">
        <v>81</v>
      </c>
      <c r="I9089" s="2">
        <v>0</v>
      </c>
      <c r="J9089" s="2">
        <v>1</v>
      </c>
      <c r="K9089" s="2">
        <v>0</v>
      </c>
      <c r="L9089" t="s">
        <v>82</v>
      </c>
      <c r="M9089" t="s">
        <v>83</v>
      </c>
      <c r="N9089" t="s">
        <v>91</v>
      </c>
      <c r="O9089" t="s">
        <v>85</v>
      </c>
      <c r="P9089" t="s">
        <v>86</v>
      </c>
      <c r="Q9089">
        <v>4</v>
      </c>
      <c r="R9089">
        <v>4</v>
      </c>
      <c r="S9089">
        <v>4</v>
      </c>
      <c r="T9089">
        <v>4</v>
      </c>
      <c r="U9089">
        <v>4</v>
      </c>
      <c r="V9089">
        <v>4</v>
      </c>
      <c r="W9089">
        <v>4</v>
      </c>
      <c r="X9089">
        <v>5</v>
      </c>
      <c r="Y9089">
        <v>5</v>
      </c>
      <c r="Z9089">
        <v>5</v>
      </c>
      <c r="AA9089">
        <v>5</v>
      </c>
      <c r="AB9089">
        <v>5</v>
      </c>
      <c r="AC9089">
        <v>5</v>
      </c>
      <c r="AD9089">
        <v>5</v>
      </c>
      <c r="AE9089">
        <v>5</v>
      </c>
      <c r="AF9089">
        <v>5</v>
      </c>
      <c r="AG9089">
        <v>6</v>
      </c>
      <c r="AH9089">
        <v>6</v>
      </c>
      <c r="AI9089">
        <v>6</v>
      </c>
      <c r="AJ9089">
        <v>6</v>
      </c>
      <c r="AK9089">
        <v>6</v>
      </c>
      <c r="AL9089">
        <v>6</v>
      </c>
      <c r="AM9089">
        <v>6</v>
      </c>
      <c r="AN9089">
        <v>6</v>
      </c>
      <c r="AO9089">
        <v>6</v>
      </c>
      <c r="AP9089">
        <v>6</v>
      </c>
      <c r="AQ9089">
        <v>6</v>
      </c>
    </row>
    <row r="9090" spans="1:43">
      <c r="A9090" t="s">
        <v>5678</v>
      </c>
      <c r="B9090" t="s">
        <v>5679</v>
      </c>
      <c r="C9090" t="s">
        <v>5574</v>
      </c>
      <c r="D9090" t="s">
        <v>5575</v>
      </c>
      <c r="E9090" t="s">
        <v>5426</v>
      </c>
      <c r="F9090" t="s">
        <v>5427</v>
      </c>
      <c r="G9090" t="s">
        <v>80</v>
      </c>
      <c r="H9090" t="s">
        <v>81</v>
      </c>
      <c r="I9090" s="2">
        <v>0</v>
      </c>
      <c r="J9090" s="2">
        <v>1</v>
      </c>
      <c r="K9090" s="2">
        <v>0</v>
      </c>
      <c r="L9090" t="s">
        <v>82</v>
      </c>
      <c r="M9090" t="s">
        <v>83</v>
      </c>
      <c r="N9090" t="s">
        <v>84</v>
      </c>
      <c r="O9090" t="s">
        <v>85</v>
      </c>
      <c r="P9090" t="s">
        <v>86</v>
      </c>
      <c r="Q9090">
        <v>104</v>
      </c>
      <c r="R9090">
        <v>107</v>
      </c>
      <c r="S9090">
        <v>109</v>
      </c>
      <c r="T9090">
        <v>112</v>
      </c>
      <c r="U9090">
        <v>115</v>
      </c>
      <c r="V9090">
        <v>118</v>
      </c>
      <c r="W9090">
        <v>121</v>
      </c>
      <c r="X9090">
        <v>123</v>
      </c>
      <c r="Y9090">
        <v>126</v>
      </c>
      <c r="Z9090">
        <v>129</v>
      </c>
      <c r="AA9090">
        <v>132</v>
      </c>
      <c r="AB9090">
        <v>135</v>
      </c>
      <c r="AC9090">
        <v>138</v>
      </c>
      <c r="AD9090">
        <v>142</v>
      </c>
      <c r="AE9090">
        <v>145</v>
      </c>
      <c r="AF9090">
        <v>148</v>
      </c>
      <c r="AG9090">
        <v>151</v>
      </c>
      <c r="AH9090">
        <v>154</v>
      </c>
      <c r="AI9090">
        <v>158</v>
      </c>
      <c r="AJ9090">
        <v>161</v>
      </c>
      <c r="AK9090">
        <v>164</v>
      </c>
      <c r="AL9090">
        <v>167</v>
      </c>
      <c r="AM9090">
        <v>168</v>
      </c>
      <c r="AN9090">
        <v>170</v>
      </c>
      <c r="AO9090">
        <v>172</v>
      </c>
      <c r="AP9090">
        <v>174</v>
      </c>
      <c r="AQ9090">
        <v>176</v>
      </c>
    </row>
    <row r="9091" spans="1:43">
      <c r="A9091" t="s">
        <v>5678</v>
      </c>
      <c r="B9091" t="s">
        <v>5679</v>
      </c>
      <c r="C9091" t="s">
        <v>5574</v>
      </c>
      <c r="D9091" t="s">
        <v>5575</v>
      </c>
      <c r="E9091" t="s">
        <v>5426</v>
      </c>
      <c r="F9091" t="s">
        <v>5427</v>
      </c>
      <c r="G9091" t="s">
        <v>80</v>
      </c>
      <c r="H9091" t="s">
        <v>81</v>
      </c>
      <c r="I9091" s="2">
        <v>0</v>
      </c>
      <c r="J9091" s="2">
        <v>1</v>
      </c>
      <c r="K9091" s="2">
        <v>0</v>
      </c>
      <c r="L9091" t="s">
        <v>82</v>
      </c>
      <c r="M9091" t="s">
        <v>87</v>
      </c>
      <c r="N9091" t="s">
        <v>88</v>
      </c>
      <c r="O9091" t="s">
        <v>85</v>
      </c>
      <c r="P9091" t="s">
        <v>86</v>
      </c>
      <c r="Q9091">
        <v>104</v>
      </c>
      <c r="R9091">
        <v>106</v>
      </c>
      <c r="S9091">
        <v>107</v>
      </c>
      <c r="T9091">
        <v>109</v>
      </c>
      <c r="U9091">
        <v>111</v>
      </c>
      <c r="V9091">
        <v>113</v>
      </c>
      <c r="W9091">
        <v>114</v>
      </c>
      <c r="X9091">
        <v>116</v>
      </c>
      <c r="Y9091">
        <v>118</v>
      </c>
      <c r="Z9091">
        <v>120</v>
      </c>
      <c r="AA9091">
        <v>121</v>
      </c>
      <c r="AB9091">
        <v>123</v>
      </c>
      <c r="AC9091">
        <v>125</v>
      </c>
      <c r="AD9091">
        <v>127</v>
      </c>
      <c r="AE9091">
        <v>129</v>
      </c>
      <c r="AF9091">
        <v>131</v>
      </c>
      <c r="AG9091">
        <v>133</v>
      </c>
      <c r="AH9091">
        <v>135</v>
      </c>
      <c r="AI9091">
        <v>137</v>
      </c>
      <c r="AJ9091">
        <v>139</v>
      </c>
      <c r="AK9091">
        <v>141</v>
      </c>
      <c r="AL9091">
        <v>143</v>
      </c>
      <c r="AM9091">
        <v>145</v>
      </c>
      <c r="AN9091">
        <v>147</v>
      </c>
      <c r="AO9091">
        <v>149</v>
      </c>
      <c r="AP9091">
        <v>151</v>
      </c>
      <c r="AQ9091">
        <v>153</v>
      </c>
    </row>
    <row r="9092" spans="1:43">
      <c r="A9092" t="s">
        <v>5678</v>
      </c>
      <c r="B9092" t="s">
        <v>5679</v>
      </c>
      <c r="C9092" t="s">
        <v>5574</v>
      </c>
      <c r="D9092" t="s">
        <v>5575</v>
      </c>
      <c r="E9092" t="s">
        <v>5426</v>
      </c>
      <c r="F9092" t="s">
        <v>5427</v>
      </c>
      <c r="G9092" t="s">
        <v>80</v>
      </c>
      <c r="H9092" t="s">
        <v>81</v>
      </c>
      <c r="I9092" s="2">
        <v>0</v>
      </c>
      <c r="J9092" s="2">
        <v>1</v>
      </c>
      <c r="K9092" s="2">
        <v>0</v>
      </c>
      <c r="L9092" t="s">
        <v>82</v>
      </c>
      <c r="M9092" t="s">
        <v>89</v>
      </c>
      <c r="N9092" t="s">
        <v>90</v>
      </c>
      <c r="O9092" t="s">
        <v>85</v>
      </c>
      <c r="P9092" t="s">
        <v>86</v>
      </c>
      <c r="Q9092">
        <v>104</v>
      </c>
      <c r="R9092">
        <v>108</v>
      </c>
      <c r="S9092">
        <v>111</v>
      </c>
      <c r="T9092">
        <v>115</v>
      </c>
      <c r="U9092">
        <v>119</v>
      </c>
      <c r="V9092">
        <v>122</v>
      </c>
      <c r="W9092">
        <v>126</v>
      </c>
      <c r="X9092">
        <v>129</v>
      </c>
      <c r="Y9092">
        <v>133</v>
      </c>
      <c r="Z9092">
        <v>137</v>
      </c>
      <c r="AA9092">
        <v>140</v>
      </c>
      <c r="AB9092">
        <v>144</v>
      </c>
      <c r="AC9092">
        <v>148</v>
      </c>
      <c r="AD9092">
        <v>151</v>
      </c>
      <c r="AE9092">
        <v>154</v>
      </c>
      <c r="AF9092">
        <v>156</v>
      </c>
      <c r="AG9092">
        <v>158</v>
      </c>
      <c r="AH9092">
        <v>160</v>
      </c>
      <c r="AI9092">
        <v>161</v>
      </c>
      <c r="AJ9092">
        <v>163</v>
      </c>
      <c r="AK9092">
        <v>165</v>
      </c>
      <c r="AL9092">
        <v>167</v>
      </c>
      <c r="AM9092">
        <v>168</v>
      </c>
      <c r="AN9092">
        <v>170</v>
      </c>
      <c r="AO9092">
        <v>172</v>
      </c>
      <c r="AP9092">
        <v>174</v>
      </c>
      <c r="AQ9092">
        <v>175</v>
      </c>
    </row>
    <row r="9093" spans="1:43">
      <c r="A9093" t="s">
        <v>5678</v>
      </c>
      <c r="B9093" t="s">
        <v>5679</v>
      </c>
      <c r="C9093" t="s">
        <v>5574</v>
      </c>
      <c r="D9093" t="s">
        <v>5575</v>
      </c>
      <c r="E9093" t="s">
        <v>5426</v>
      </c>
      <c r="F9093" t="s">
        <v>5427</v>
      </c>
      <c r="G9093" t="s">
        <v>80</v>
      </c>
      <c r="H9093" t="s">
        <v>81</v>
      </c>
      <c r="I9093" s="2">
        <v>0</v>
      </c>
      <c r="J9093" s="2">
        <v>1</v>
      </c>
      <c r="K9093" s="2">
        <v>0</v>
      </c>
      <c r="L9093" t="s">
        <v>82</v>
      </c>
      <c r="M9093" t="s">
        <v>83</v>
      </c>
      <c r="N9093" t="s">
        <v>91</v>
      </c>
      <c r="O9093" t="s">
        <v>85</v>
      </c>
      <c r="P9093" t="s">
        <v>86</v>
      </c>
      <c r="Q9093">
        <v>104</v>
      </c>
      <c r="R9093">
        <v>107</v>
      </c>
      <c r="S9093">
        <v>109</v>
      </c>
      <c r="T9093">
        <v>112</v>
      </c>
      <c r="U9093">
        <v>115</v>
      </c>
      <c r="V9093">
        <v>118</v>
      </c>
      <c r="W9093">
        <v>121</v>
      </c>
      <c r="X9093">
        <v>123</v>
      </c>
      <c r="Y9093">
        <v>126</v>
      </c>
      <c r="Z9093">
        <v>129</v>
      </c>
      <c r="AA9093">
        <v>132</v>
      </c>
      <c r="AB9093">
        <v>135</v>
      </c>
      <c r="AC9093">
        <v>138</v>
      </c>
      <c r="AD9093">
        <v>142</v>
      </c>
      <c r="AE9093">
        <v>145</v>
      </c>
      <c r="AF9093">
        <v>148</v>
      </c>
      <c r="AG9093">
        <v>151</v>
      </c>
      <c r="AH9093">
        <v>154</v>
      </c>
      <c r="AI9093">
        <v>158</v>
      </c>
      <c r="AJ9093">
        <v>161</v>
      </c>
      <c r="AK9093">
        <v>164</v>
      </c>
      <c r="AL9093">
        <v>167</v>
      </c>
      <c r="AM9093">
        <v>168</v>
      </c>
      <c r="AN9093">
        <v>170</v>
      </c>
      <c r="AO9093">
        <v>172</v>
      </c>
      <c r="AP9093">
        <v>174</v>
      </c>
      <c r="AQ9093">
        <v>176</v>
      </c>
    </row>
    <row r="9094" spans="1:43">
      <c r="A9094" t="s">
        <v>5680</v>
      </c>
      <c r="B9094" t="s">
        <v>5681</v>
      </c>
      <c r="C9094" t="s">
        <v>5528</v>
      </c>
      <c r="D9094" t="s">
        <v>5529</v>
      </c>
      <c r="E9094" t="s">
        <v>5426</v>
      </c>
      <c r="F9094" t="s">
        <v>5427</v>
      </c>
      <c r="G9094" t="s">
        <v>80</v>
      </c>
      <c r="H9094" t="s">
        <v>81</v>
      </c>
      <c r="I9094" s="2">
        <v>0</v>
      </c>
      <c r="J9094" s="2">
        <v>1</v>
      </c>
      <c r="K9094" s="2">
        <v>0</v>
      </c>
      <c r="L9094" t="s">
        <v>82</v>
      </c>
      <c r="M9094" t="s">
        <v>83</v>
      </c>
      <c r="N9094" t="s">
        <v>84</v>
      </c>
      <c r="O9094" t="s">
        <v>85</v>
      </c>
      <c r="P9094" t="s">
        <v>86</v>
      </c>
      <c r="Q9094">
        <v>179</v>
      </c>
      <c r="R9094">
        <v>183</v>
      </c>
      <c r="S9094">
        <v>188</v>
      </c>
      <c r="T9094">
        <v>192</v>
      </c>
      <c r="U9094">
        <v>197</v>
      </c>
      <c r="V9094">
        <v>202</v>
      </c>
      <c r="W9094">
        <v>207</v>
      </c>
      <c r="X9094">
        <v>212</v>
      </c>
      <c r="Y9094">
        <v>216</v>
      </c>
      <c r="Z9094">
        <v>222</v>
      </c>
      <c r="AA9094">
        <v>227</v>
      </c>
      <c r="AB9094">
        <v>232</v>
      </c>
      <c r="AC9094">
        <v>237</v>
      </c>
      <c r="AD9094">
        <v>242</v>
      </c>
      <c r="AE9094">
        <v>247</v>
      </c>
      <c r="AF9094">
        <v>253</v>
      </c>
      <c r="AG9094">
        <v>258</v>
      </c>
      <c r="AH9094">
        <v>264</v>
      </c>
      <c r="AI9094">
        <v>269</v>
      </c>
      <c r="AJ9094">
        <v>275</v>
      </c>
      <c r="AK9094">
        <v>281</v>
      </c>
      <c r="AL9094">
        <v>285</v>
      </c>
      <c r="AM9094">
        <v>288</v>
      </c>
      <c r="AN9094">
        <v>291</v>
      </c>
      <c r="AO9094">
        <v>294</v>
      </c>
      <c r="AP9094">
        <v>297</v>
      </c>
      <c r="AQ9094">
        <v>300</v>
      </c>
    </row>
    <row r="9095" spans="1:43">
      <c r="A9095" t="s">
        <v>5680</v>
      </c>
      <c r="B9095" t="s">
        <v>5681</v>
      </c>
      <c r="C9095" t="s">
        <v>5528</v>
      </c>
      <c r="D9095" t="s">
        <v>5529</v>
      </c>
      <c r="E9095" t="s">
        <v>5426</v>
      </c>
      <c r="F9095" t="s">
        <v>5427</v>
      </c>
      <c r="G9095" t="s">
        <v>80</v>
      </c>
      <c r="H9095" t="s">
        <v>81</v>
      </c>
      <c r="I9095" s="2">
        <v>0</v>
      </c>
      <c r="J9095" s="2">
        <v>1</v>
      </c>
      <c r="K9095" s="2">
        <v>0</v>
      </c>
      <c r="L9095" t="s">
        <v>82</v>
      </c>
      <c r="M9095" t="s">
        <v>87</v>
      </c>
      <c r="N9095" t="s">
        <v>88</v>
      </c>
      <c r="O9095" t="s">
        <v>85</v>
      </c>
      <c r="P9095" t="s">
        <v>86</v>
      </c>
      <c r="Q9095">
        <v>179</v>
      </c>
      <c r="R9095">
        <v>182</v>
      </c>
      <c r="S9095">
        <v>185</v>
      </c>
      <c r="T9095">
        <v>187</v>
      </c>
      <c r="U9095">
        <v>190</v>
      </c>
      <c r="V9095">
        <v>193</v>
      </c>
      <c r="W9095">
        <v>196</v>
      </c>
      <c r="X9095">
        <v>199</v>
      </c>
      <c r="Y9095">
        <v>202</v>
      </c>
      <c r="Z9095">
        <v>205</v>
      </c>
      <c r="AA9095">
        <v>208</v>
      </c>
      <c r="AB9095">
        <v>211</v>
      </c>
      <c r="AC9095">
        <v>214</v>
      </c>
      <c r="AD9095">
        <v>218</v>
      </c>
      <c r="AE9095">
        <v>221</v>
      </c>
      <c r="AF9095">
        <v>224</v>
      </c>
      <c r="AG9095">
        <v>227</v>
      </c>
      <c r="AH9095">
        <v>231</v>
      </c>
      <c r="AI9095">
        <v>234</v>
      </c>
      <c r="AJ9095">
        <v>237</v>
      </c>
      <c r="AK9095">
        <v>241</v>
      </c>
      <c r="AL9095">
        <v>244</v>
      </c>
      <c r="AM9095">
        <v>248</v>
      </c>
      <c r="AN9095">
        <v>251</v>
      </c>
      <c r="AO9095">
        <v>255</v>
      </c>
      <c r="AP9095">
        <v>258</v>
      </c>
      <c r="AQ9095">
        <v>262</v>
      </c>
    </row>
    <row r="9096" spans="1:43">
      <c r="A9096" t="s">
        <v>5680</v>
      </c>
      <c r="B9096" t="s">
        <v>5681</v>
      </c>
      <c r="C9096" t="s">
        <v>5528</v>
      </c>
      <c r="D9096" t="s">
        <v>5529</v>
      </c>
      <c r="E9096" t="s">
        <v>5426</v>
      </c>
      <c r="F9096" t="s">
        <v>5427</v>
      </c>
      <c r="G9096" t="s">
        <v>80</v>
      </c>
      <c r="H9096" t="s">
        <v>81</v>
      </c>
      <c r="I9096" s="2">
        <v>0</v>
      </c>
      <c r="J9096" s="2">
        <v>1</v>
      </c>
      <c r="K9096" s="2">
        <v>0</v>
      </c>
      <c r="L9096" t="s">
        <v>82</v>
      </c>
      <c r="M9096" t="s">
        <v>89</v>
      </c>
      <c r="N9096" t="s">
        <v>90</v>
      </c>
      <c r="O9096" t="s">
        <v>85</v>
      </c>
      <c r="P9096" t="s">
        <v>86</v>
      </c>
      <c r="Q9096">
        <v>179</v>
      </c>
      <c r="R9096">
        <v>185</v>
      </c>
      <c r="S9096">
        <v>191</v>
      </c>
      <c r="T9096">
        <v>198</v>
      </c>
      <c r="U9096">
        <v>204</v>
      </c>
      <c r="V9096">
        <v>210</v>
      </c>
      <c r="W9096">
        <v>216</v>
      </c>
      <c r="X9096">
        <v>222</v>
      </c>
      <c r="Y9096">
        <v>228</v>
      </c>
      <c r="Z9096">
        <v>235</v>
      </c>
      <c r="AA9096">
        <v>241</v>
      </c>
      <c r="AB9096">
        <v>247</v>
      </c>
      <c r="AC9096">
        <v>253</v>
      </c>
      <c r="AD9096">
        <v>260</v>
      </c>
      <c r="AE9096">
        <v>265</v>
      </c>
      <c r="AF9096">
        <v>268</v>
      </c>
      <c r="AG9096">
        <v>271</v>
      </c>
      <c r="AH9096">
        <v>274</v>
      </c>
      <c r="AI9096">
        <v>277</v>
      </c>
      <c r="AJ9096">
        <v>280</v>
      </c>
      <c r="AK9096">
        <v>283</v>
      </c>
      <c r="AL9096">
        <v>286</v>
      </c>
      <c r="AM9096">
        <v>289</v>
      </c>
      <c r="AN9096">
        <v>292</v>
      </c>
      <c r="AO9096">
        <v>295</v>
      </c>
      <c r="AP9096">
        <v>298</v>
      </c>
      <c r="AQ9096">
        <v>301</v>
      </c>
    </row>
    <row r="9097" spans="1:43">
      <c r="A9097" t="s">
        <v>5680</v>
      </c>
      <c r="B9097" t="s">
        <v>5681</v>
      </c>
      <c r="C9097" t="s">
        <v>5528</v>
      </c>
      <c r="D9097" t="s">
        <v>5529</v>
      </c>
      <c r="E9097" t="s">
        <v>5426</v>
      </c>
      <c r="F9097" t="s">
        <v>5427</v>
      </c>
      <c r="G9097" t="s">
        <v>80</v>
      </c>
      <c r="H9097" t="s">
        <v>81</v>
      </c>
      <c r="I9097" s="2">
        <v>0</v>
      </c>
      <c r="J9097" s="2">
        <v>1</v>
      </c>
      <c r="K9097" s="2">
        <v>0</v>
      </c>
      <c r="L9097" t="s">
        <v>82</v>
      </c>
      <c r="M9097" t="s">
        <v>83</v>
      </c>
      <c r="N9097" t="s">
        <v>91</v>
      </c>
      <c r="O9097" t="s">
        <v>85</v>
      </c>
      <c r="P9097" t="s">
        <v>86</v>
      </c>
      <c r="Q9097">
        <v>179</v>
      </c>
      <c r="R9097">
        <v>183</v>
      </c>
      <c r="S9097">
        <v>188</v>
      </c>
      <c r="T9097">
        <v>192</v>
      </c>
      <c r="U9097">
        <v>197</v>
      </c>
      <c r="V9097">
        <v>202</v>
      </c>
      <c r="W9097">
        <v>207</v>
      </c>
      <c r="X9097">
        <v>212</v>
      </c>
      <c r="Y9097">
        <v>216</v>
      </c>
      <c r="Z9097">
        <v>222</v>
      </c>
      <c r="AA9097">
        <v>227</v>
      </c>
      <c r="AB9097">
        <v>232</v>
      </c>
      <c r="AC9097">
        <v>237</v>
      </c>
      <c r="AD9097">
        <v>242</v>
      </c>
      <c r="AE9097">
        <v>247</v>
      </c>
      <c r="AF9097">
        <v>253</v>
      </c>
      <c r="AG9097">
        <v>258</v>
      </c>
      <c r="AH9097">
        <v>264</v>
      </c>
      <c r="AI9097">
        <v>269</v>
      </c>
      <c r="AJ9097">
        <v>275</v>
      </c>
      <c r="AK9097">
        <v>281</v>
      </c>
      <c r="AL9097">
        <v>285</v>
      </c>
      <c r="AM9097">
        <v>288</v>
      </c>
      <c r="AN9097">
        <v>291</v>
      </c>
      <c r="AO9097">
        <v>294</v>
      </c>
      <c r="AP9097">
        <v>297</v>
      </c>
      <c r="AQ9097">
        <v>300</v>
      </c>
    </row>
    <row r="9098" spans="1:43">
      <c r="A9098" t="s">
        <v>5682</v>
      </c>
      <c r="B9098" t="s">
        <v>5683</v>
      </c>
      <c r="C9098" t="s">
        <v>5528</v>
      </c>
      <c r="D9098" t="s">
        <v>5529</v>
      </c>
      <c r="E9098" t="s">
        <v>5426</v>
      </c>
      <c r="F9098" t="s">
        <v>5427</v>
      </c>
      <c r="G9098" t="s">
        <v>80</v>
      </c>
      <c r="H9098" t="s">
        <v>81</v>
      </c>
      <c r="I9098" s="2">
        <v>0</v>
      </c>
      <c r="J9098" s="2">
        <v>1</v>
      </c>
      <c r="K9098" s="2">
        <v>0</v>
      </c>
      <c r="L9098" t="s">
        <v>82</v>
      </c>
      <c r="M9098" t="s">
        <v>83</v>
      </c>
      <c r="N9098" t="s">
        <v>84</v>
      </c>
      <c r="O9098" t="s">
        <v>85</v>
      </c>
      <c r="P9098" t="s">
        <v>86</v>
      </c>
      <c r="Q9098">
        <v>14</v>
      </c>
      <c r="R9098">
        <v>14</v>
      </c>
      <c r="S9098">
        <v>14</v>
      </c>
      <c r="T9098">
        <v>15</v>
      </c>
      <c r="U9098">
        <v>15</v>
      </c>
      <c r="V9098">
        <v>15</v>
      </c>
      <c r="W9098">
        <v>16</v>
      </c>
      <c r="X9098">
        <v>16</v>
      </c>
      <c r="Y9098">
        <v>16</v>
      </c>
      <c r="Z9098">
        <v>17</v>
      </c>
      <c r="AA9098">
        <v>17</v>
      </c>
      <c r="AB9098">
        <v>18</v>
      </c>
      <c r="AC9098">
        <v>18</v>
      </c>
      <c r="AD9098">
        <v>18</v>
      </c>
      <c r="AE9098">
        <v>19</v>
      </c>
      <c r="AF9098">
        <v>19</v>
      </c>
      <c r="AG9098">
        <v>20</v>
      </c>
      <c r="AH9098">
        <v>20</v>
      </c>
      <c r="AI9098">
        <v>20</v>
      </c>
      <c r="AJ9098">
        <v>21</v>
      </c>
      <c r="AK9098">
        <v>21</v>
      </c>
      <c r="AL9098">
        <v>22</v>
      </c>
      <c r="AM9098">
        <v>22</v>
      </c>
      <c r="AN9098">
        <v>22</v>
      </c>
      <c r="AO9098">
        <v>22</v>
      </c>
      <c r="AP9098">
        <v>23</v>
      </c>
      <c r="AQ9098">
        <v>23</v>
      </c>
    </row>
    <row r="9099" spans="1:43">
      <c r="A9099" t="s">
        <v>5682</v>
      </c>
      <c r="B9099" t="s">
        <v>5683</v>
      </c>
      <c r="C9099" t="s">
        <v>5528</v>
      </c>
      <c r="D9099" t="s">
        <v>5529</v>
      </c>
      <c r="E9099" t="s">
        <v>5426</v>
      </c>
      <c r="F9099" t="s">
        <v>5427</v>
      </c>
      <c r="G9099" t="s">
        <v>80</v>
      </c>
      <c r="H9099" t="s">
        <v>81</v>
      </c>
      <c r="I9099" s="2">
        <v>0</v>
      </c>
      <c r="J9099" s="2">
        <v>1</v>
      </c>
      <c r="K9099" s="2">
        <v>0</v>
      </c>
      <c r="L9099" t="s">
        <v>82</v>
      </c>
      <c r="M9099" t="s">
        <v>87</v>
      </c>
      <c r="N9099" t="s">
        <v>88</v>
      </c>
      <c r="O9099" t="s">
        <v>85</v>
      </c>
      <c r="P9099" t="s">
        <v>86</v>
      </c>
      <c r="Q9099">
        <v>14</v>
      </c>
      <c r="R9099">
        <v>15</v>
      </c>
      <c r="S9099">
        <v>15</v>
      </c>
      <c r="T9099">
        <v>15</v>
      </c>
      <c r="U9099">
        <v>15</v>
      </c>
      <c r="V9099">
        <v>16</v>
      </c>
      <c r="W9099">
        <v>16</v>
      </c>
      <c r="X9099">
        <v>16</v>
      </c>
      <c r="Y9099">
        <v>16</v>
      </c>
      <c r="Z9099">
        <v>16</v>
      </c>
      <c r="AA9099">
        <v>17</v>
      </c>
      <c r="AB9099">
        <v>17</v>
      </c>
      <c r="AC9099">
        <v>17</v>
      </c>
      <c r="AD9099">
        <v>17</v>
      </c>
      <c r="AE9099">
        <v>18</v>
      </c>
      <c r="AF9099">
        <v>18</v>
      </c>
      <c r="AG9099">
        <v>18</v>
      </c>
      <c r="AH9099">
        <v>18</v>
      </c>
      <c r="AI9099">
        <v>19</v>
      </c>
      <c r="AJ9099">
        <v>19</v>
      </c>
      <c r="AK9099">
        <v>19</v>
      </c>
      <c r="AL9099">
        <v>19</v>
      </c>
      <c r="AM9099">
        <v>20</v>
      </c>
      <c r="AN9099">
        <v>20</v>
      </c>
      <c r="AO9099">
        <v>20</v>
      </c>
      <c r="AP9099">
        <v>20</v>
      </c>
      <c r="AQ9099">
        <v>21</v>
      </c>
    </row>
    <row r="9100" spans="1:43">
      <c r="A9100" t="s">
        <v>5682</v>
      </c>
      <c r="B9100" t="s">
        <v>5683</v>
      </c>
      <c r="C9100" t="s">
        <v>5528</v>
      </c>
      <c r="D9100" t="s">
        <v>5529</v>
      </c>
      <c r="E9100" t="s">
        <v>5426</v>
      </c>
      <c r="F9100" t="s">
        <v>5427</v>
      </c>
      <c r="G9100" t="s">
        <v>80</v>
      </c>
      <c r="H9100" t="s">
        <v>81</v>
      </c>
      <c r="I9100" s="2">
        <v>0</v>
      </c>
      <c r="J9100" s="2">
        <v>1</v>
      </c>
      <c r="K9100" s="2">
        <v>0</v>
      </c>
      <c r="L9100" t="s">
        <v>82</v>
      </c>
      <c r="M9100" t="s">
        <v>89</v>
      </c>
      <c r="N9100" t="s">
        <v>90</v>
      </c>
      <c r="O9100" t="s">
        <v>85</v>
      </c>
      <c r="P9100" t="s">
        <v>86</v>
      </c>
      <c r="Q9100">
        <v>14</v>
      </c>
      <c r="R9100">
        <v>14</v>
      </c>
      <c r="S9100">
        <v>15</v>
      </c>
      <c r="T9100">
        <v>15</v>
      </c>
      <c r="U9100">
        <v>16</v>
      </c>
      <c r="V9100">
        <v>16</v>
      </c>
      <c r="W9100">
        <v>17</v>
      </c>
      <c r="X9100">
        <v>17</v>
      </c>
      <c r="Y9100">
        <v>17</v>
      </c>
      <c r="Z9100">
        <v>18</v>
      </c>
      <c r="AA9100">
        <v>18</v>
      </c>
      <c r="AB9100">
        <v>19</v>
      </c>
      <c r="AC9100">
        <v>19</v>
      </c>
      <c r="AD9100">
        <v>20</v>
      </c>
      <c r="AE9100">
        <v>20</v>
      </c>
      <c r="AF9100">
        <v>20</v>
      </c>
      <c r="AG9100">
        <v>21</v>
      </c>
      <c r="AH9100">
        <v>21</v>
      </c>
      <c r="AI9100">
        <v>21</v>
      </c>
      <c r="AJ9100">
        <v>21</v>
      </c>
      <c r="AK9100">
        <v>22</v>
      </c>
      <c r="AL9100">
        <v>22</v>
      </c>
      <c r="AM9100">
        <v>22</v>
      </c>
      <c r="AN9100">
        <v>22</v>
      </c>
      <c r="AO9100">
        <v>23</v>
      </c>
      <c r="AP9100">
        <v>23</v>
      </c>
      <c r="AQ9100">
        <v>23</v>
      </c>
    </row>
    <row r="9101" spans="1:43">
      <c r="A9101" t="s">
        <v>5682</v>
      </c>
      <c r="B9101" t="s">
        <v>5683</v>
      </c>
      <c r="C9101" t="s">
        <v>5528</v>
      </c>
      <c r="D9101" t="s">
        <v>5529</v>
      </c>
      <c r="E9101" t="s">
        <v>5426</v>
      </c>
      <c r="F9101" t="s">
        <v>5427</v>
      </c>
      <c r="G9101" t="s">
        <v>80</v>
      </c>
      <c r="H9101" t="s">
        <v>81</v>
      </c>
      <c r="I9101" s="2">
        <v>0</v>
      </c>
      <c r="J9101" s="2">
        <v>1</v>
      </c>
      <c r="K9101" s="2">
        <v>0</v>
      </c>
      <c r="L9101" t="s">
        <v>82</v>
      </c>
      <c r="M9101" t="s">
        <v>83</v>
      </c>
      <c r="N9101" t="s">
        <v>91</v>
      </c>
      <c r="O9101" t="s">
        <v>85</v>
      </c>
      <c r="P9101" t="s">
        <v>86</v>
      </c>
      <c r="Q9101">
        <v>14</v>
      </c>
      <c r="R9101">
        <v>14</v>
      </c>
      <c r="S9101">
        <v>14</v>
      </c>
      <c r="T9101">
        <v>15</v>
      </c>
      <c r="U9101">
        <v>15</v>
      </c>
      <c r="V9101">
        <v>15</v>
      </c>
      <c r="W9101">
        <v>16</v>
      </c>
      <c r="X9101">
        <v>16</v>
      </c>
      <c r="Y9101">
        <v>16</v>
      </c>
      <c r="Z9101">
        <v>17</v>
      </c>
      <c r="AA9101">
        <v>17</v>
      </c>
      <c r="AB9101">
        <v>18</v>
      </c>
      <c r="AC9101">
        <v>18</v>
      </c>
      <c r="AD9101">
        <v>18</v>
      </c>
      <c r="AE9101">
        <v>19</v>
      </c>
      <c r="AF9101">
        <v>19</v>
      </c>
      <c r="AG9101">
        <v>20</v>
      </c>
      <c r="AH9101">
        <v>20</v>
      </c>
      <c r="AI9101">
        <v>20</v>
      </c>
      <c r="AJ9101">
        <v>21</v>
      </c>
      <c r="AK9101">
        <v>21</v>
      </c>
      <c r="AL9101">
        <v>22</v>
      </c>
      <c r="AM9101">
        <v>22</v>
      </c>
      <c r="AN9101">
        <v>22</v>
      </c>
      <c r="AO9101">
        <v>22</v>
      </c>
      <c r="AP9101">
        <v>23</v>
      </c>
      <c r="AQ9101">
        <v>23</v>
      </c>
    </row>
    <row r="9102" spans="1:43">
      <c r="A9102" t="s">
        <v>5684</v>
      </c>
      <c r="B9102" t="s">
        <v>5685</v>
      </c>
      <c r="C9102" t="s">
        <v>5574</v>
      </c>
      <c r="D9102" t="s">
        <v>5575</v>
      </c>
      <c r="E9102" t="s">
        <v>5426</v>
      </c>
      <c r="F9102" t="s">
        <v>5427</v>
      </c>
      <c r="G9102" t="s">
        <v>80</v>
      </c>
      <c r="H9102" t="s">
        <v>81</v>
      </c>
      <c r="I9102" s="2">
        <v>0</v>
      </c>
      <c r="J9102" s="2">
        <v>1</v>
      </c>
      <c r="K9102" s="2">
        <v>0</v>
      </c>
      <c r="L9102" t="s">
        <v>82</v>
      </c>
      <c r="M9102" t="s">
        <v>83</v>
      </c>
      <c r="N9102" t="s">
        <v>84</v>
      </c>
      <c r="O9102" t="s">
        <v>85</v>
      </c>
      <c r="P9102" t="s">
        <v>86</v>
      </c>
      <c r="Q9102">
        <v>98</v>
      </c>
      <c r="R9102">
        <v>100</v>
      </c>
      <c r="S9102">
        <v>103</v>
      </c>
      <c r="T9102">
        <v>105</v>
      </c>
      <c r="U9102">
        <v>108</v>
      </c>
      <c r="V9102">
        <v>111</v>
      </c>
      <c r="W9102">
        <v>113</v>
      </c>
      <c r="X9102">
        <v>116</v>
      </c>
      <c r="Y9102">
        <v>119</v>
      </c>
      <c r="Z9102">
        <v>122</v>
      </c>
      <c r="AA9102">
        <v>124</v>
      </c>
      <c r="AB9102">
        <v>127</v>
      </c>
      <c r="AC9102">
        <v>130</v>
      </c>
      <c r="AD9102">
        <v>133</v>
      </c>
      <c r="AE9102">
        <v>136</v>
      </c>
      <c r="AF9102">
        <v>139</v>
      </c>
      <c r="AG9102">
        <v>142</v>
      </c>
      <c r="AH9102">
        <v>145</v>
      </c>
      <c r="AI9102">
        <v>148</v>
      </c>
      <c r="AJ9102">
        <v>152</v>
      </c>
      <c r="AK9102">
        <v>155</v>
      </c>
      <c r="AL9102">
        <v>157</v>
      </c>
      <c r="AM9102">
        <v>159</v>
      </c>
      <c r="AN9102">
        <v>160</v>
      </c>
      <c r="AO9102">
        <v>162</v>
      </c>
      <c r="AP9102">
        <v>164</v>
      </c>
      <c r="AQ9102">
        <v>165</v>
      </c>
    </row>
    <row r="9103" spans="1:43">
      <c r="A9103" t="s">
        <v>5684</v>
      </c>
      <c r="B9103" t="s">
        <v>5685</v>
      </c>
      <c r="C9103" t="s">
        <v>5574</v>
      </c>
      <c r="D9103" t="s">
        <v>5575</v>
      </c>
      <c r="E9103" t="s">
        <v>5426</v>
      </c>
      <c r="F9103" t="s">
        <v>5427</v>
      </c>
      <c r="G9103" t="s">
        <v>80</v>
      </c>
      <c r="H9103" t="s">
        <v>81</v>
      </c>
      <c r="I9103" s="2">
        <v>0</v>
      </c>
      <c r="J9103" s="2">
        <v>1</v>
      </c>
      <c r="K9103" s="2">
        <v>0</v>
      </c>
      <c r="L9103" t="s">
        <v>82</v>
      </c>
      <c r="M9103" t="s">
        <v>87</v>
      </c>
      <c r="N9103" t="s">
        <v>88</v>
      </c>
      <c r="O9103" t="s">
        <v>85</v>
      </c>
      <c r="P9103" t="s">
        <v>86</v>
      </c>
      <c r="Q9103">
        <v>98</v>
      </c>
      <c r="R9103">
        <v>99</v>
      </c>
      <c r="S9103">
        <v>101</v>
      </c>
      <c r="T9103">
        <v>103</v>
      </c>
      <c r="U9103">
        <v>104</v>
      </c>
      <c r="V9103">
        <v>106</v>
      </c>
      <c r="W9103">
        <v>107</v>
      </c>
      <c r="X9103">
        <v>109</v>
      </c>
      <c r="Y9103">
        <v>111</v>
      </c>
      <c r="Z9103">
        <v>113</v>
      </c>
      <c r="AA9103">
        <v>114</v>
      </c>
      <c r="AB9103">
        <v>116</v>
      </c>
      <c r="AC9103">
        <v>118</v>
      </c>
      <c r="AD9103">
        <v>120</v>
      </c>
      <c r="AE9103">
        <v>121</v>
      </c>
      <c r="AF9103">
        <v>123</v>
      </c>
      <c r="AG9103">
        <v>125</v>
      </c>
      <c r="AH9103">
        <v>127</v>
      </c>
      <c r="AI9103">
        <v>129</v>
      </c>
      <c r="AJ9103">
        <v>131</v>
      </c>
      <c r="AK9103">
        <v>133</v>
      </c>
      <c r="AL9103">
        <v>135</v>
      </c>
      <c r="AM9103">
        <v>136</v>
      </c>
      <c r="AN9103">
        <v>138</v>
      </c>
      <c r="AO9103">
        <v>140</v>
      </c>
      <c r="AP9103">
        <v>142</v>
      </c>
      <c r="AQ9103">
        <v>144</v>
      </c>
    </row>
    <row r="9104" spans="1:43">
      <c r="A9104" t="s">
        <v>5684</v>
      </c>
      <c r="B9104" t="s">
        <v>5685</v>
      </c>
      <c r="C9104" t="s">
        <v>5574</v>
      </c>
      <c r="D9104" t="s">
        <v>5575</v>
      </c>
      <c r="E9104" t="s">
        <v>5426</v>
      </c>
      <c r="F9104" t="s">
        <v>5427</v>
      </c>
      <c r="G9104" t="s">
        <v>80</v>
      </c>
      <c r="H9104" t="s">
        <v>81</v>
      </c>
      <c r="I9104" s="2">
        <v>0</v>
      </c>
      <c r="J9104" s="2">
        <v>1</v>
      </c>
      <c r="K9104" s="2">
        <v>0</v>
      </c>
      <c r="L9104" t="s">
        <v>82</v>
      </c>
      <c r="M9104" t="s">
        <v>89</v>
      </c>
      <c r="N9104" t="s">
        <v>90</v>
      </c>
      <c r="O9104" t="s">
        <v>85</v>
      </c>
      <c r="P9104" t="s">
        <v>86</v>
      </c>
      <c r="Q9104">
        <v>98</v>
      </c>
      <c r="R9104">
        <v>101</v>
      </c>
      <c r="S9104">
        <v>104</v>
      </c>
      <c r="T9104">
        <v>108</v>
      </c>
      <c r="U9104">
        <v>111</v>
      </c>
      <c r="V9104">
        <v>115</v>
      </c>
      <c r="W9104">
        <v>118</v>
      </c>
      <c r="X9104">
        <v>122</v>
      </c>
      <c r="Y9104">
        <v>125</v>
      </c>
      <c r="Z9104">
        <v>128</v>
      </c>
      <c r="AA9104">
        <v>132</v>
      </c>
      <c r="AB9104">
        <v>135</v>
      </c>
      <c r="AC9104">
        <v>139</v>
      </c>
      <c r="AD9104">
        <v>142</v>
      </c>
      <c r="AE9104">
        <v>145</v>
      </c>
      <c r="AF9104">
        <v>147</v>
      </c>
      <c r="AG9104">
        <v>148</v>
      </c>
      <c r="AH9104">
        <v>150</v>
      </c>
      <c r="AI9104">
        <v>152</v>
      </c>
      <c r="AJ9104">
        <v>153</v>
      </c>
      <c r="AK9104">
        <v>155</v>
      </c>
      <c r="AL9104">
        <v>157</v>
      </c>
      <c r="AM9104">
        <v>158</v>
      </c>
      <c r="AN9104">
        <v>160</v>
      </c>
      <c r="AO9104">
        <v>162</v>
      </c>
      <c r="AP9104">
        <v>163</v>
      </c>
      <c r="AQ9104">
        <v>165</v>
      </c>
    </row>
    <row r="9105" spans="1:43">
      <c r="A9105" t="s">
        <v>5684</v>
      </c>
      <c r="B9105" t="s">
        <v>5685</v>
      </c>
      <c r="C9105" t="s">
        <v>5574</v>
      </c>
      <c r="D9105" t="s">
        <v>5575</v>
      </c>
      <c r="E9105" t="s">
        <v>5426</v>
      </c>
      <c r="F9105" t="s">
        <v>5427</v>
      </c>
      <c r="G9105" t="s">
        <v>80</v>
      </c>
      <c r="H9105" t="s">
        <v>81</v>
      </c>
      <c r="I9105" s="2">
        <v>0</v>
      </c>
      <c r="J9105" s="2">
        <v>1</v>
      </c>
      <c r="K9105" s="2">
        <v>0</v>
      </c>
      <c r="L9105" t="s">
        <v>82</v>
      </c>
      <c r="M9105" t="s">
        <v>83</v>
      </c>
      <c r="N9105" t="s">
        <v>91</v>
      </c>
      <c r="O9105" t="s">
        <v>85</v>
      </c>
      <c r="P9105" t="s">
        <v>86</v>
      </c>
      <c r="Q9105">
        <v>98</v>
      </c>
      <c r="R9105">
        <v>100</v>
      </c>
      <c r="S9105">
        <v>103</v>
      </c>
      <c r="T9105">
        <v>105</v>
      </c>
      <c r="U9105">
        <v>108</v>
      </c>
      <c r="V9105">
        <v>111</v>
      </c>
      <c r="W9105">
        <v>113</v>
      </c>
      <c r="X9105">
        <v>116</v>
      </c>
      <c r="Y9105">
        <v>119</v>
      </c>
      <c r="Z9105">
        <v>122</v>
      </c>
      <c r="AA9105">
        <v>124</v>
      </c>
      <c r="AB9105">
        <v>127</v>
      </c>
      <c r="AC9105">
        <v>130</v>
      </c>
      <c r="AD9105">
        <v>133</v>
      </c>
      <c r="AE9105">
        <v>136</v>
      </c>
      <c r="AF9105">
        <v>139</v>
      </c>
      <c r="AG9105">
        <v>142</v>
      </c>
      <c r="AH9105">
        <v>145</v>
      </c>
      <c r="AI9105">
        <v>148</v>
      </c>
      <c r="AJ9105">
        <v>152</v>
      </c>
      <c r="AK9105">
        <v>155</v>
      </c>
      <c r="AL9105">
        <v>157</v>
      </c>
      <c r="AM9105">
        <v>159</v>
      </c>
      <c r="AN9105">
        <v>160</v>
      </c>
      <c r="AO9105">
        <v>162</v>
      </c>
      <c r="AP9105">
        <v>164</v>
      </c>
      <c r="AQ9105">
        <v>165</v>
      </c>
    </row>
    <row r="9106" spans="1:43">
      <c r="A9106" t="s">
        <v>5686</v>
      </c>
      <c r="B9106" t="s">
        <v>5687</v>
      </c>
      <c r="C9106" t="s">
        <v>5528</v>
      </c>
      <c r="D9106" t="s">
        <v>5529</v>
      </c>
      <c r="E9106" t="s">
        <v>5426</v>
      </c>
      <c r="F9106" t="s">
        <v>5427</v>
      </c>
      <c r="G9106" t="s">
        <v>80</v>
      </c>
      <c r="H9106" t="s">
        <v>81</v>
      </c>
      <c r="I9106" s="2">
        <v>0</v>
      </c>
      <c r="J9106" s="2">
        <v>1</v>
      </c>
      <c r="K9106" s="2">
        <v>0</v>
      </c>
      <c r="L9106" t="s">
        <v>82</v>
      </c>
      <c r="M9106" t="s">
        <v>83</v>
      </c>
      <c r="N9106" t="s">
        <v>84</v>
      </c>
      <c r="O9106" t="s">
        <v>85</v>
      </c>
      <c r="P9106" t="s">
        <v>86</v>
      </c>
      <c r="Q9106">
        <v>67</v>
      </c>
      <c r="R9106">
        <v>68</v>
      </c>
      <c r="S9106">
        <v>70</v>
      </c>
      <c r="T9106">
        <v>72</v>
      </c>
      <c r="U9106">
        <v>74</v>
      </c>
      <c r="V9106">
        <v>75</v>
      </c>
      <c r="W9106">
        <v>77</v>
      </c>
      <c r="X9106">
        <v>79</v>
      </c>
      <c r="Y9106">
        <v>81</v>
      </c>
      <c r="Z9106">
        <v>83</v>
      </c>
      <c r="AA9106">
        <v>85</v>
      </c>
      <c r="AB9106">
        <v>87</v>
      </c>
      <c r="AC9106">
        <v>88</v>
      </c>
      <c r="AD9106">
        <v>90</v>
      </c>
      <c r="AE9106">
        <v>92</v>
      </c>
      <c r="AF9106">
        <v>94</v>
      </c>
      <c r="AG9106">
        <v>96</v>
      </c>
      <c r="AH9106">
        <v>99</v>
      </c>
      <c r="AI9106">
        <v>101</v>
      </c>
      <c r="AJ9106">
        <v>103</v>
      </c>
      <c r="AK9106">
        <v>105</v>
      </c>
      <c r="AL9106">
        <v>106</v>
      </c>
      <c r="AM9106">
        <v>108</v>
      </c>
      <c r="AN9106">
        <v>109</v>
      </c>
      <c r="AO9106">
        <v>110</v>
      </c>
      <c r="AP9106">
        <v>111</v>
      </c>
      <c r="AQ9106">
        <v>112</v>
      </c>
    </row>
    <row r="9107" spans="1:43">
      <c r="A9107" t="s">
        <v>5686</v>
      </c>
      <c r="B9107" t="s">
        <v>5687</v>
      </c>
      <c r="C9107" t="s">
        <v>5528</v>
      </c>
      <c r="D9107" t="s">
        <v>5529</v>
      </c>
      <c r="E9107" t="s">
        <v>5426</v>
      </c>
      <c r="F9107" t="s">
        <v>5427</v>
      </c>
      <c r="G9107" t="s">
        <v>80</v>
      </c>
      <c r="H9107" t="s">
        <v>81</v>
      </c>
      <c r="I9107" s="2">
        <v>0</v>
      </c>
      <c r="J9107" s="2">
        <v>1</v>
      </c>
      <c r="K9107" s="2">
        <v>0</v>
      </c>
      <c r="L9107" t="s">
        <v>82</v>
      </c>
      <c r="M9107" t="s">
        <v>87</v>
      </c>
      <c r="N9107" t="s">
        <v>88</v>
      </c>
      <c r="O9107" t="s">
        <v>85</v>
      </c>
      <c r="P9107" t="s">
        <v>86</v>
      </c>
      <c r="Q9107">
        <v>67</v>
      </c>
      <c r="R9107">
        <v>68</v>
      </c>
      <c r="S9107">
        <v>69</v>
      </c>
      <c r="T9107">
        <v>70</v>
      </c>
      <c r="U9107">
        <v>71</v>
      </c>
      <c r="V9107">
        <v>72</v>
      </c>
      <c r="W9107">
        <v>74</v>
      </c>
      <c r="X9107">
        <v>75</v>
      </c>
      <c r="Y9107">
        <v>76</v>
      </c>
      <c r="Z9107">
        <v>77</v>
      </c>
      <c r="AA9107">
        <v>78</v>
      </c>
      <c r="AB9107">
        <v>79</v>
      </c>
      <c r="AC9107">
        <v>80</v>
      </c>
      <c r="AD9107">
        <v>82</v>
      </c>
      <c r="AE9107">
        <v>83</v>
      </c>
      <c r="AF9107">
        <v>84</v>
      </c>
      <c r="AG9107">
        <v>85</v>
      </c>
      <c r="AH9107">
        <v>86</v>
      </c>
      <c r="AI9107">
        <v>88</v>
      </c>
      <c r="AJ9107">
        <v>89</v>
      </c>
      <c r="AK9107">
        <v>90</v>
      </c>
      <c r="AL9107">
        <v>92</v>
      </c>
      <c r="AM9107">
        <v>93</v>
      </c>
      <c r="AN9107">
        <v>94</v>
      </c>
      <c r="AO9107">
        <v>95</v>
      </c>
      <c r="AP9107">
        <v>97</v>
      </c>
      <c r="AQ9107">
        <v>98</v>
      </c>
    </row>
    <row r="9108" spans="1:43">
      <c r="A9108" t="s">
        <v>5686</v>
      </c>
      <c r="B9108" t="s">
        <v>5687</v>
      </c>
      <c r="C9108" t="s">
        <v>5528</v>
      </c>
      <c r="D9108" t="s">
        <v>5529</v>
      </c>
      <c r="E9108" t="s">
        <v>5426</v>
      </c>
      <c r="F9108" t="s">
        <v>5427</v>
      </c>
      <c r="G9108" t="s">
        <v>80</v>
      </c>
      <c r="H9108" t="s">
        <v>81</v>
      </c>
      <c r="I9108" s="2">
        <v>0</v>
      </c>
      <c r="J9108" s="2">
        <v>1</v>
      </c>
      <c r="K9108" s="2">
        <v>0</v>
      </c>
      <c r="L9108" t="s">
        <v>82</v>
      </c>
      <c r="M9108" t="s">
        <v>89</v>
      </c>
      <c r="N9108" t="s">
        <v>90</v>
      </c>
      <c r="O9108" t="s">
        <v>85</v>
      </c>
      <c r="P9108" t="s">
        <v>86</v>
      </c>
      <c r="Q9108">
        <v>67</v>
      </c>
      <c r="R9108">
        <v>70</v>
      </c>
      <c r="S9108">
        <v>72</v>
      </c>
      <c r="T9108">
        <v>74</v>
      </c>
      <c r="U9108">
        <v>76</v>
      </c>
      <c r="V9108">
        <v>79</v>
      </c>
      <c r="W9108">
        <v>81</v>
      </c>
      <c r="X9108">
        <v>83</v>
      </c>
      <c r="Y9108">
        <v>86</v>
      </c>
      <c r="Z9108">
        <v>88</v>
      </c>
      <c r="AA9108">
        <v>90</v>
      </c>
      <c r="AB9108">
        <v>93</v>
      </c>
      <c r="AC9108">
        <v>95</v>
      </c>
      <c r="AD9108">
        <v>97</v>
      </c>
      <c r="AE9108">
        <v>99</v>
      </c>
      <c r="AF9108">
        <v>100</v>
      </c>
      <c r="AG9108">
        <v>102</v>
      </c>
      <c r="AH9108">
        <v>103</v>
      </c>
      <c r="AI9108">
        <v>104</v>
      </c>
      <c r="AJ9108">
        <v>105</v>
      </c>
      <c r="AK9108">
        <v>106</v>
      </c>
      <c r="AL9108">
        <v>107</v>
      </c>
      <c r="AM9108">
        <v>108</v>
      </c>
      <c r="AN9108">
        <v>109</v>
      </c>
      <c r="AO9108">
        <v>111</v>
      </c>
      <c r="AP9108">
        <v>112</v>
      </c>
      <c r="AQ9108">
        <v>113</v>
      </c>
    </row>
    <row r="9109" spans="1:43">
      <c r="A9109" t="s">
        <v>5686</v>
      </c>
      <c r="B9109" t="s">
        <v>5687</v>
      </c>
      <c r="C9109" t="s">
        <v>5528</v>
      </c>
      <c r="D9109" t="s">
        <v>5529</v>
      </c>
      <c r="E9109" t="s">
        <v>5426</v>
      </c>
      <c r="F9109" t="s">
        <v>5427</v>
      </c>
      <c r="G9109" t="s">
        <v>80</v>
      </c>
      <c r="H9109" t="s">
        <v>81</v>
      </c>
      <c r="I9109" s="2">
        <v>0</v>
      </c>
      <c r="J9109" s="2">
        <v>1</v>
      </c>
      <c r="K9109" s="2">
        <v>0</v>
      </c>
      <c r="L9109" t="s">
        <v>82</v>
      </c>
      <c r="M9109" t="s">
        <v>83</v>
      </c>
      <c r="N9109" t="s">
        <v>91</v>
      </c>
      <c r="O9109" t="s">
        <v>85</v>
      </c>
      <c r="P9109" t="s">
        <v>86</v>
      </c>
      <c r="Q9109">
        <v>67</v>
      </c>
      <c r="R9109">
        <v>68</v>
      </c>
      <c r="S9109">
        <v>70</v>
      </c>
      <c r="T9109">
        <v>72</v>
      </c>
      <c r="U9109">
        <v>74</v>
      </c>
      <c r="V9109">
        <v>75</v>
      </c>
      <c r="W9109">
        <v>77</v>
      </c>
      <c r="X9109">
        <v>79</v>
      </c>
      <c r="Y9109">
        <v>81</v>
      </c>
      <c r="Z9109">
        <v>83</v>
      </c>
      <c r="AA9109">
        <v>85</v>
      </c>
      <c r="AB9109">
        <v>87</v>
      </c>
      <c r="AC9109">
        <v>88</v>
      </c>
      <c r="AD9109">
        <v>90</v>
      </c>
      <c r="AE9109">
        <v>92</v>
      </c>
      <c r="AF9109">
        <v>94</v>
      </c>
      <c r="AG9109">
        <v>96</v>
      </c>
      <c r="AH9109">
        <v>99</v>
      </c>
      <c r="AI9109">
        <v>101</v>
      </c>
      <c r="AJ9109">
        <v>103</v>
      </c>
      <c r="AK9109">
        <v>105</v>
      </c>
      <c r="AL9109">
        <v>106</v>
      </c>
      <c r="AM9109">
        <v>108</v>
      </c>
      <c r="AN9109">
        <v>109</v>
      </c>
      <c r="AO9109">
        <v>110</v>
      </c>
      <c r="AP9109">
        <v>111</v>
      </c>
      <c r="AQ9109">
        <v>112</v>
      </c>
    </row>
    <row r="9110" spans="1:43">
      <c r="A9110" t="s">
        <v>5688</v>
      </c>
      <c r="B9110" t="s">
        <v>5689</v>
      </c>
      <c r="C9110" t="s">
        <v>5528</v>
      </c>
      <c r="D9110" t="s">
        <v>5529</v>
      </c>
      <c r="E9110" t="s">
        <v>5426</v>
      </c>
      <c r="F9110" t="s">
        <v>5427</v>
      </c>
      <c r="G9110" t="s">
        <v>80</v>
      </c>
      <c r="H9110" t="s">
        <v>81</v>
      </c>
      <c r="I9110" s="2">
        <v>0</v>
      </c>
      <c r="J9110" s="2">
        <v>1</v>
      </c>
      <c r="K9110" s="2">
        <v>0</v>
      </c>
      <c r="L9110" t="s">
        <v>82</v>
      </c>
      <c r="M9110" t="s">
        <v>83</v>
      </c>
      <c r="N9110" t="s">
        <v>84</v>
      </c>
      <c r="O9110" t="s">
        <v>85</v>
      </c>
      <c r="P9110" t="s">
        <v>86</v>
      </c>
      <c r="Q9110">
        <v>72</v>
      </c>
      <c r="R9110">
        <v>74</v>
      </c>
      <c r="S9110">
        <v>76</v>
      </c>
      <c r="T9110">
        <v>78</v>
      </c>
      <c r="U9110">
        <v>79</v>
      </c>
      <c r="V9110">
        <v>81</v>
      </c>
      <c r="W9110">
        <v>83</v>
      </c>
      <c r="X9110">
        <v>85</v>
      </c>
      <c r="Y9110">
        <v>87</v>
      </c>
      <c r="Z9110">
        <v>89</v>
      </c>
      <c r="AA9110">
        <v>92</v>
      </c>
      <c r="AB9110">
        <v>94</v>
      </c>
      <c r="AC9110">
        <v>96</v>
      </c>
      <c r="AD9110">
        <v>98</v>
      </c>
      <c r="AE9110">
        <v>100</v>
      </c>
      <c r="AF9110">
        <v>102</v>
      </c>
      <c r="AG9110">
        <v>105</v>
      </c>
      <c r="AH9110">
        <v>107</v>
      </c>
      <c r="AI9110">
        <v>109</v>
      </c>
      <c r="AJ9110">
        <v>111</v>
      </c>
      <c r="AK9110">
        <v>114</v>
      </c>
      <c r="AL9110">
        <v>115</v>
      </c>
      <c r="AM9110">
        <v>117</v>
      </c>
      <c r="AN9110">
        <v>118</v>
      </c>
      <c r="AO9110">
        <v>119</v>
      </c>
      <c r="AP9110">
        <v>120</v>
      </c>
      <c r="AQ9110">
        <v>122</v>
      </c>
    </row>
    <row r="9111" spans="1:43">
      <c r="A9111" t="s">
        <v>5688</v>
      </c>
      <c r="B9111" t="s">
        <v>5689</v>
      </c>
      <c r="C9111" t="s">
        <v>5528</v>
      </c>
      <c r="D9111" t="s">
        <v>5529</v>
      </c>
      <c r="E9111" t="s">
        <v>5426</v>
      </c>
      <c r="F9111" t="s">
        <v>5427</v>
      </c>
      <c r="G9111" t="s">
        <v>80</v>
      </c>
      <c r="H9111" t="s">
        <v>81</v>
      </c>
      <c r="I9111" s="2">
        <v>0</v>
      </c>
      <c r="J9111" s="2">
        <v>1</v>
      </c>
      <c r="K9111" s="2">
        <v>0</v>
      </c>
      <c r="L9111" t="s">
        <v>82</v>
      </c>
      <c r="M9111" t="s">
        <v>87</v>
      </c>
      <c r="N9111" t="s">
        <v>88</v>
      </c>
      <c r="O9111" t="s">
        <v>85</v>
      </c>
      <c r="P9111" t="s">
        <v>86</v>
      </c>
      <c r="Q9111">
        <v>72</v>
      </c>
      <c r="R9111">
        <v>73</v>
      </c>
      <c r="S9111">
        <v>75</v>
      </c>
      <c r="T9111">
        <v>76</v>
      </c>
      <c r="U9111">
        <v>77</v>
      </c>
      <c r="V9111">
        <v>78</v>
      </c>
      <c r="W9111">
        <v>79</v>
      </c>
      <c r="X9111">
        <v>81</v>
      </c>
      <c r="Y9111">
        <v>82</v>
      </c>
      <c r="Z9111">
        <v>83</v>
      </c>
      <c r="AA9111">
        <v>84</v>
      </c>
      <c r="AB9111">
        <v>86</v>
      </c>
      <c r="AC9111">
        <v>87</v>
      </c>
      <c r="AD9111">
        <v>88</v>
      </c>
      <c r="AE9111">
        <v>90</v>
      </c>
      <c r="AF9111">
        <v>91</v>
      </c>
      <c r="AG9111">
        <v>92</v>
      </c>
      <c r="AH9111">
        <v>94</v>
      </c>
      <c r="AI9111">
        <v>95</v>
      </c>
      <c r="AJ9111">
        <v>96</v>
      </c>
      <c r="AK9111">
        <v>98</v>
      </c>
      <c r="AL9111">
        <v>99</v>
      </c>
      <c r="AM9111">
        <v>101</v>
      </c>
      <c r="AN9111">
        <v>102</v>
      </c>
      <c r="AO9111">
        <v>104</v>
      </c>
      <c r="AP9111">
        <v>105</v>
      </c>
      <c r="AQ9111">
        <v>106</v>
      </c>
    </row>
    <row r="9112" spans="1:43">
      <c r="A9112" t="s">
        <v>5688</v>
      </c>
      <c r="B9112" t="s">
        <v>5689</v>
      </c>
      <c r="C9112" t="s">
        <v>5528</v>
      </c>
      <c r="D9112" t="s">
        <v>5529</v>
      </c>
      <c r="E9112" t="s">
        <v>5426</v>
      </c>
      <c r="F9112" t="s">
        <v>5427</v>
      </c>
      <c r="G9112" t="s">
        <v>80</v>
      </c>
      <c r="H9112" t="s">
        <v>81</v>
      </c>
      <c r="I9112" s="2">
        <v>0</v>
      </c>
      <c r="J9112" s="2">
        <v>1</v>
      </c>
      <c r="K9112" s="2">
        <v>0</v>
      </c>
      <c r="L9112" t="s">
        <v>82</v>
      </c>
      <c r="M9112" t="s">
        <v>89</v>
      </c>
      <c r="N9112" t="s">
        <v>90</v>
      </c>
      <c r="O9112" t="s">
        <v>85</v>
      </c>
      <c r="P9112" t="s">
        <v>86</v>
      </c>
      <c r="Q9112">
        <v>72</v>
      </c>
      <c r="R9112">
        <v>74</v>
      </c>
      <c r="S9112">
        <v>77</v>
      </c>
      <c r="T9112">
        <v>79</v>
      </c>
      <c r="U9112">
        <v>82</v>
      </c>
      <c r="V9112">
        <v>84</v>
      </c>
      <c r="W9112">
        <v>87</v>
      </c>
      <c r="X9112">
        <v>89</v>
      </c>
      <c r="Y9112">
        <v>92</v>
      </c>
      <c r="Z9112">
        <v>94</v>
      </c>
      <c r="AA9112">
        <v>97</v>
      </c>
      <c r="AB9112">
        <v>99</v>
      </c>
      <c r="AC9112">
        <v>102</v>
      </c>
      <c r="AD9112">
        <v>104</v>
      </c>
      <c r="AE9112">
        <v>106</v>
      </c>
      <c r="AF9112">
        <v>108</v>
      </c>
      <c r="AG9112">
        <v>109</v>
      </c>
      <c r="AH9112">
        <v>110</v>
      </c>
      <c r="AI9112">
        <v>111</v>
      </c>
      <c r="AJ9112">
        <v>113</v>
      </c>
      <c r="AK9112">
        <v>114</v>
      </c>
      <c r="AL9112">
        <v>115</v>
      </c>
      <c r="AM9112">
        <v>116</v>
      </c>
      <c r="AN9112">
        <v>117</v>
      </c>
      <c r="AO9112">
        <v>119</v>
      </c>
      <c r="AP9112">
        <v>120</v>
      </c>
      <c r="AQ9112">
        <v>121</v>
      </c>
    </row>
    <row r="9113" spans="1:43">
      <c r="A9113" t="s">
        <v>5688</v>
      </c>
      <c r="B9113" t="s">
        <v>5689</v>
      </c>
      <c r="C9113" t="s">
        <v>5528</v>
      </c>
      <c r="D9113" t="s">
        <v>5529</v>
      </c>
      <c r="E9113" t="s">
        <v>5426</v>
      </c>
      <c r="F9113" t="s">
        <v>5427</v>
      </c>
      <c r="G9113" t="s">
        <v>80</v>
      </c>
      <c r="H9113" t="s">
        <v>81</v>
      </c>
      <c r="I9113" s="2">
        <v>0</v>
      </c>
      <c r="J9113" s="2">
        <v>1</v>
      </c>
      <c r="K9113" s="2">
        <v>0</v>
      </c>
      <c r="L9113" t="s">
        <v>82</v>
      </c>
      <c r="M9113" t="s">
        <v>83</v>
      </c>
      <c r="N9113" t="s">
        <v>91</v>
      </c>
      <c r="O9113" t="s">
        <v>85</v>
      </c>
      <c r="P9113" t="s">
        <v>86</v>
      </c>
      <c r="Q9113">
        <v>72</v>
      </c>
      <c r="R9113">
        <v>74</v>
      </c>
      <c r="S9113">
        <v>76</v>
      </c>
      <c r="T9113">
        <v>78</v>
      </c>
      <c r="U9113">
        <v>79</v>
      </c>
      <c r="V9113">
        <v>81</v>
      </c>
      <c r="W9113">
        <v>83</v>
      </c>
      <c r="X9113">
        <v>85</v>
      </c>
      <c r="Y9113">
        <v>87</v>
      </c>
      <c r="Z9113">
        <v>89</v>
      </c>
      <c r="AA9113">
        <v>92</v>
      </c>
      <c r="AB9113">
        <v>94</v>
      </c>
      <c r="AC9113">
        <v>96</v>
      </c>
      <c r="AD9113">
        <v>98</v>
      </c>
      <c r="AE9113">
        <v>100</v>
      </c>
      <c r="AF9113">
        <v>102</v>
      </c>
      <c r="AG9113">
        <v>105</v>
      </c>
      <c r="AH9113">
        <v>107</v>
      </c>
      <c r="AI9113">
        <v>109</v>
      </c>
      <c r="AJ9113">
        <v>111</v>
      </c>
      <c r="AK9113">
        <v>114</v>
      </c>
      <c r="AL9113">
        <v>115</v>
      </c>
      <c r="AM9113">
        <v>117</v>
      </c>
      <c r="AN9113">
        <v>118</v>
      </c>
      <c r="AO9113">
        <v>119</v>
      </c>
      <c r="AP9113">
        <v>120</v>
      </c>
      <c r="AQ9113">
        <v>122</v>
      </c>
    </row>
    <row r="9114" spans="1:43">
      <c r="A9114" t="s">
        <v>5690</v>
      </c>
      <c r="B9114" t="s">
        <v>5691</v>
      </c>
      <c r="C9114" t="s">
        <v>5528</v>
      </c>
      <c r="D9114" t="s">
        <v>5529</v>
      </c>
      <c r="E9114" t="s">
        <v>5426</v>
      </c>
      <c r="F9114" t="s">
        <v>5427</v>
      </c>
      <c r="G9114" t="s">
        <v>80</v>
      </c>
      <c r="H9114" t="s">
        <v>81</v>
      </c>
      <c r="I9114" s="2">
        <v>0</v>
      </c>
      <c r="J9114" s="2">
        <v>1</v>
      </c>
      <c r="K9114" s="2">
        <v>0</v>
      </c>
      <c r="L9114" t="s">
        <v>82</v>
      </c>
      <c r="M9114" t="s">
        <v>83</v>
      </c>
      <c r="N9114" t="s">
        <v>84</v>
      </c>
      <c r="O9114" t="s">
        <v>85</v>
      </c>
      <c r="P9114" t="s">
        <v>86</v>
      </c>
      <c r="Q9114">
        <v>55</v>
      </c>
      <c r="R9114">
        <v>57</v>
      </c>
      <c r="S9114">
        <v>58</v>
      </c>
      <c r="T9114">
        <v>59</v>
      </c>
      <c r="U9114">
        <v>61</v>
      </c>
      <c r="V9114">
        <v>62</v>
      </c>
      <c r="W9114">
        <v>64</v>
      </c>
      <c r="X9114">
        <v>65</v>
      </c>
      <c r="Y9114">
        <v>67</v>
      </c>
      <c r="Z9114">
        <v>69</v>
      </c>
      <c r="AA9114">
        <v>70</v>
      </c>
      <c r="AB9114">
        <v>72</v>
      </c>
      <c r="AC9114">
        <v>73</v>
      </c>
      <c r="AD9114">
        <v>75</v>
      </c>
      <c r="AE9114">
        <v>77</v>
      </c>
      <c r="AF9114">
        <v>78</v>
      </c>
      <c r="AG9114">
        <v>80</v>
      </c>
      <c r="AH9114">
        <v>82</v>
      </c>
      <c r="AI9114">
        <v>84</v>
      </c>
      <c r="AJ9114">
        <v>85</v>
      </c>
      <c r="AK9114">
        <v>87</v>
      </c>
      <c r="AL9114">
        <v>88</v>
      </c>
      <c r="AM9114">
        <v>89</v>
      </c>
      <c r="AN9114">
        <v>90</v>
      </c>
      <c r="AO9114">
        <v>91</v>
      </c>
      <c r="AP9114">
        <v>92</v>
      </c>
      <c r="AQ9114">
        <v>93</v>
      </c>
    </row>
    <row r="9115" spans="1:43">
      <c r="A9115" t="s">
        <v>5690</v>
      </c>
      <c r="B9115" t="s">
        <v>5691</v>
      </c>
      <c r="C9115" t="s">
        <v>5528</v>
      </c>
      <c r="D9115" t="s">
        <v>5529</v>
      </c>
      <c r="E9115" t="s">
        <v>5426</v>
      </c>
      <c r="F9115" t="s">
        <v>5427</v>
      </c>
      <c r="G9115" t="s">
        <v>80</v>
      </c>
      <c r="H9115" t="s">
        <v>81</v>
      </c>
      <c r="I9115" s="2">
        <v>0</v>
      </c>
      <c r="J9115" s="2">
        <v>1</v>
      </c>
      <c r="K9115" s="2">
        <v>0</v>
      </c>
      <c r="L9115" t="s">
        <v>82</v>
      </c>
      <c r="M9115" t="s">
        <v>87</v>
      </c>
      <c r="N9115" t="s">
        <v>88</v>
      </c>
      <c r="O9115" t="s">
        <v>85</v>
      </c>
      <c r="P9115" t="s">
        <v>86</v>
      </c>
      <c r="Q9115">
        <v>55</v>
      </c>
      <c r="R9115">
        <v>56</v>
      </c>
      <c r="S9115">
        <v>56</v>
      </c>
      <c r="T9115">
        <v>57</v>
      </c>
      <c r="U9115">
        <v>58</v>
      </c>
      <c r="V9115">
        <v>59</v>
      </c>
      <c r="W9115">
        <v>60</v>
      </c>
      <c r="X9115">
        <v>61</v>
      </c>
      <c r="Y9115">
        <v>62</v>
      </c>
      <c r="Z9115">
        <v>63</v>
      </c>
      <c r="AA9115">
        <v>64</v>
      </c>
      <c r="AB9115">
        <v>65</v>
      </c>
      <c r="AC9115">
        <v>66</v>
      </c>
      <c r="AD9115">
        <v>67</v>
      </c>
      <c r="AE9115">
        <v>68</v>
      </c>
      <c r="AF9115">
        <v>69</v>
      </c>
      <c r="AG9115">
        <v>70</v>
      </c>
      <c r="AH9115">
        <v>71</v>
      </c>
      <c r="AI9115">
        <v>72</v>
      </c>
      <c r="AJ9115">
        <v>73</v>
      </c>
      <c r="AK9115">
        <v>74</v>
      </c>
      <c r="AL9115">
        <v>75</v>
      </c>
      <c r="AM9115">
        <v>76</v>
      </c>
      <c r="AN9115">
        <v>77</v>
      </c>
      <c r="AO9115">
        <v>78</v>
      </c>
      <c r="AP9115">
        <v>80</v>
      </c>
      <c r="AQ9115">
        <v>81</v>
      </c>
    </row>
    <row r="9116" spans="1:43">
      <c r="A9116" t="s">
        <v>5690</v>
      </c>
      <c r="B9116" t="s">
        <v>5691</v>
      </c>
      <c r="C9116" t="s">
        <v>5528</v>
      </c>
      <c r="D9116" t="s">
        <v>5529</v>
      </c>
      <c r="E9116" t="s">
        <v>5426</v>
      </c>
      <c r="F9116" t="s">
        <v>5427</v>
      </c>
      <c r="G9116" t="s">
        <v>80</v>
      </c>
      <c r="H9116" t="s">
        <v>81</v>
      </c>
      <c r="I9116" s="2">
        <v>0</v>
      </c>
      <c r="J9116" s="2">
        <v>1</v>
      </c>
      <c r="K9116" s="2">
        <v>0</v>
      </c>
      <c r="L9116" t="s">
        <v>82</v>
      </c>
      <c r="M9116" t="s">
        <v>89</v>
      </c>
      <c r="N9116" t="s">
        <v>90</v>
      </c>
      <c r="O9116" t="s">
        <v>85</v>
      </c>
      <c r="P9116" t="s">
        <v>86</v>
      </c>
      <c r="Q9116">
        <v>55</v>
      </c>
      <c r="R9116">
        <v>57</v>
      </c>
      <c r="S9116">
        <v>58</v>
      </c>
      <c r="T9116">
        <v>60</v>
      </c>
      <c r="U9116">
        <v>62</v>
      </c>
      <c r="V9116">
        <v>64</v>
      </c>
      <c r="W9116">
        <v>66</v>
      </c>
      <c r="X9116">
        <v>68</v>
      </c>
      <c r="Y9116">
        <v>70</v>
      </c>
      <c r="Z9116">
        <v>72</v>
      </c>
      <c r="AA9116">
        <v>74</v>
      </c>
      <c r="AB9116">
        <v>76</v>
      </c>
      <c r="AC9116">
        <v>78</v>
      </c>
      <c r="AD9116">
        <v>80</v>
      </c>
      <c r="AE9116">
        <v>81</v>
      </c>
      <c r="AF9116">
        <v>82</v>
      </c>
      <c r="AG9116">
        <v>83</v>
      </c>
      <c r="AH9116">
        <v>84</v>
      </c>
      <c r="AI9116">
        <v>85</v>
      </c>
      <c r="AJ9116">
        <v>86</v>
      </c>
      <c r="AK9116">
        <v>87</v>
      </c>
      <c r="AL9116">
        <v>88</v>
      </c>
      <c r="AM9116">
        <v>89</v>
      </c>
      <c r="AN9116">
        <v>90</v>
      </c>
      <c r="AO9116">
        <v>91</v>
      </c>
      <c r="AP9116">
        <v>92</v>
      </c>
      <c r="AQ9116">
        <v>92</v>
      </c>
    </row>
    <row r="9117" spans="1:43">
      <c r="A9117" t="s">
        <v>5690</v>
      </c>
      <c r="B9117" t="s">
        <v>5691</v>
      </c>
      <c r="C9117" t="s">
        <v>5528</v>
      </c>
      <c r="D9117" t="s">
        <v>5529</v>
      </c>
      <c r="E9117" t="s">
        <v>5426</v>
      </c>
      <c r="F9117" t="s">
        <v>5427</v>
      </c>
      <c r="G9117" t="s">
        <v>80</v>
      </c>
      <c r="H9117" t="s">
        <v>81</v>
      </c>
      <c r="I9117" s="2">
        <v>0</v>
      </c>
      <c r="J9117" s="2">
        <v>1</v>
      </c>
      <c r="K9117" s="2">
        <v>0</v>
      </c>
      <c r="L9117" t="s">
        <v>82</v>
      </c>
      <c r="M9117" t="s">
        <v>83</v>
      </c>
      <c r="N9117" t="s">
        <v>91</v>
      </c>
      <c r="O9117" t="s">
        <v>85</v>
      </c>
      <c r="P9117" t="s">
        <v>86</v>
      </c>
      <c r="Q9117">
        <v>55</v>
      </c>
      <c r="R9117">
        <v>57</v>
      </c>
      <c r="S9117">
        <v>58</v>
      </c>
      <c r="T9117">
        <v>59</v>
      </c>
      <c r="U9117">
        <v>61</v>
      </c>
      <c r="V9117">
        <v>62</v>
      </c>
      <c r="W9117">
        <v>64</v>
      </c>
      <c r="X9117">
        <v>65</v>
      </c>
      <c r="Y9117">
        <v>67</v>
      </c>
      <c r="Z9117">
        <v>69</v>
      </c>
      <c r="AA9117">
        <v>70</v>
      </c>
      <c r="AB9117">
        <v>72</v>
      </c>
      <c r="AC9117">
        <v>73</v>
      </c>
      <c r="AD9117">
        <v>75</v>
      </c>
      <c r="AE9117">
        <v>77</v>
      </c>
      <c r="AF9117">
        <v>78</v>
      </c>
      <c r="AG9117">
        <v>80</v>
      </c>
      <c r="AH9117">
        <v>82</v>
      </c>
      <c r="AI9117">
        <v>84</v>
      </c>
      <c r="AJ9117">
        <v>85</v>
      </c>
      <c r="AK9117">
        <v>87</v>
      </c>
      <c r="AL9117">
        <v>88</v>
      </c>
      <c r="AM9117">
        <v>89</v>
      </c>
      <c r="AN9117">
        <v>90</v>
      </c>
      <c r="AO9117">
        <v>91</v>
      </c>
      <c r="AP9117">
        <v>92</v>
      </c>
      <c r="AQ9117">
        <v>93</v>
      </c>
    </row>
    <row r="9118" spans="1:43">
      <c r="A9118" t="s">
        <v>5692</v>
      </c>
      <c r="B9118" t="s">
        <v>5693</v>
      </c>
      <c r="C9118" t="s">
        <v>5574</v>
      </c>
      <c r="D9118" t="s">
        <v>5575</v>
      </c>
      <c r="E9118" t="s">
        <v>5426</v>
      </c>
      <c r="F9118" t="s">
        <v>5427</v>
      </c>
      <c r="G9118" t="s">
        <v>80</v>
      </c>
      <c r="H9118" t="s">
        <v>81</v>
      </c>
      <c r="I9118" s="2">
        <v>0</v>
      </c>
      <c r="J9118" s="2">
        <v>1</v>
      </c>
      <c r="K9118" s="2">
        <v>0</v>
      </c>
      <c r="L9118" t="s">
        <v>82</v>
      </c>
      <c r="M9118" t="s">
        <v>83</v>
      </c>
      <c r="N9118" t="s">
        <v>84</v>
      </c>
      <c r="O9118" t="s">
        <v>85</v>
      </c>
      <c r="P9118" t="s">
        <v>86</v>
      </c>
      <c r="Q9118">
        <v>59</v>
      </c>
      <c r="R9118">
        <v>60</v>
      </c>
      <c r="S9118">
        <v>62</v>
      </c>
      <c r="T9118">
        <v>63</v>
      </c>
      <c r="U9118">
        <v>65</v>
      </c>
      <c r="V9118">
        <v>67</v>
      </c>
      <c r="W9118">
        <v>68</v>
      </c>
      <c r="X9118">
        <v>70</v>
      </c>
      <c r="Y9118">
        <v>72</v>
      </c>
      <c r="Z9118">
        <v>73</v>
      </c>
      <c r="AA9118">
        <v>75</v>
      </c>
      <c r="AB9118">
        <v>77</v>
      </c>
      <c r="AC9118">
        <v>79</v>
      </c>
      <c r="AD9118">
        <v>80</v>
      </c>
      <c r="AE9118">
        <v>82</v>
      </c>
      <c r="AF9118">
        <v>84</v>
      </c>
      <c r="AG9118">
        <v>86</v>
      </c>
      <c r="AH9118">
        <v>88</v>
      </c>
      <c r="AI9118">
        <v>90</v>
      </c>
      <c r="AJ9118">
        <v>92</v>
      </c>
      <c r="AK9118">
        <v>93</v>
      </c>
      <c r="AL9118">
        <v>95</v>
      </c>
      <c r="AM9118">
        <v>96</v>
      </c>
      <c r="AN9118">
        <v>97</v>
      </c>
      <c r="AO9118">
        <v>98</v>
      </c>
      <c r="AP9118">
        <v>99</v>
      </c>
      <c r="AQ9118">
        <v>100</v>
      </c>
    </row>
    <row r="9119" spans="1:43">
      <c r="A9119" t="s">
        <v>5692</v>
      </c>
      <c r="B9119" t="s">
        <v>5693</v>
      </c>
      <c r="C9119" t="s">
        <v>5574</v>
      </c>
      <c r="D9119" t="s">
        <v>5575</v>
      </c>
      <c r="E9119" t="s">
        <v>5426</v>
      </c>
      <c r="F9119" t="s">
        <v>5427</v>
      </c>
      <c r="G9119" t="s">
        <v>80</v>
      </c>
      <c r="H9119" t="s">
        <v>81</v>
      </c>
      <c r="I9119" s="2">
        <v>0</v>
      </c>
      <c r="J9119" s="2">
        <v>1</v>
      </c>
      <c r="K9119" s="2">
        <v>0</v>
      </c>
      <c r="L9119" t="s">
        <v>82</v>
      </c>
      <c r="M9119" t="s">
        <v>87</v>
      </c>
      <c r="N9119" t="s">
        <v>88</v>
      </c>
      <c r="O9119" t="s">
        <v>85</v>
      </c>
      <c r="P9119" t="s">
        <v>86</v>
      </c>
      <c r="Q9119">
        <v>59</v>
      </c>
      <c r="R9119">
        <v>60</v>
      </c>
      <c r="S9119">
        <v>61</v>
      </c>
      <c r="T9119">
        <v>62</v>
      </c>
      <c r="U9119">
        <v>63</v>
      </c>
      <c r="V9119">
        <v>64</v>
      </c>
      <c r="W9119">
        <v>65</v>
      </c>
      <c r="X9119">
        <v>66</v>
      </c>
      <c r="Y9119">
        <v>67</v>
      </c>
      <c r="Z9119">
        <v>68</v>
      </c>
      <c r="AA9119">
        <v>69</v>
      </c>
      <c r="AB9119">
        <v>70</v>
      </c>
      <c r="AC9119">
        <v>71</v>
      </c>
      <c r="AD9119">
        <v>73</v>
      </c>
      <c r="AE9119">
        <v>74</v>
      </c>
      <c r="AF9119">
        <v>75</v>
      </c>
      <c r="AG9119">
        <v>76</v>
      </c>
      <c r="AH9119">
        <v>77</v>
      </c>
      <c r="AI9119">
        <v>78</v>
      </c>
      <c r="AJ9119">
        <v>79</v>
      </c>
      <c r="AK9119">
        <v>80</v>
      </c>
      <c r="AL9119">
        <v>82</v>
      </c>
      <c r="AM9119">
        <v>83</v>
      </c>
      <c r="AN9119">
        <v>84</v>
      </c>
      <c r="AO9119">
        <v>85</v>
      </c>
      <c r="AP9119">
        <v>86</v>
      </c>
      <c r="AQ9119">
        <v>88</v>
      </c>
    </row>
    <row r="9120" spans="1:43">
      <c r="A9120" t="s">
        <v>5692</v>
      </c>
      <c r="B9120" t="s">
        <v>5693</v>
      </c>
      <c r="C9120" t="s">
        <v>5574</v>
      </c>
      <c r="D9120" t="s">
        <v>5575</v>
      </c>
      <c r="E9120" t="s">
        <v>5426</v>
      </c>
      <c r="F9120" t="s">
        <v>5427</v>
      </c>
      <c r="G9120" t="s">
        <v>80</v>
      </c>
      <c r="H9120" t="s">
        <v>81</v>
      </c>
      <c r="I9120" s="2">
        <v>0</v>
      </c>
      <c r="J9120" s="2">
        <v>1</v>
      </c>
      <c r="K9120" s="2">
        <v>0</v>
      </c>
      <c r="L9120" t="s">
        <v>82</v>
      </c>
      <c r="M9120" t="s">
        <v>89</v>
      </c>
      <c r="N9120" t="s">
        <v>90</v>
      </c>
      <c r="O9120" t="s">
        <v>85</v>
      </c>
      <c r="P9120" t="s">
        <v>86</v>
      </c>
      <c r="Q9120">
        <v>59</v>
      </c>
      <c r="R9120">
        <v>61</v>
      </c>
      <c r="S9120">
        <v>64</v>
      </c>
      <c r="T9120">
        <v>66</v>
      </c>
      <c r="U9120">
        <v>68</v>
      </c>
      <c r="V9120">
        <v>70</v>
      </c>
      <c r="W9120">
        <v>72</v>
      </c>
      <c r="X9120">
        <v>74</v>
      </c>
      <c r="Y9120">
        <v>76</v>
      </c>
      <c r="Z9120">
        <v>78</v>
      </c>
      <c r="AA9120">
        <v>80</v>
      </c>
      <c r="AB9120">
        <v>82</v>
      </c>
      <c r="AC9120">
        <v>84</v>
      </c>
      <c r="AD9120">
        <v>87</v>
      </c>
      <c r="AE9120">
        <v>88</v>
      </c>
      <c r="AF9120">
        <v>89</v>
      </c>
      <c r="AG9120">
        <v>90</v>
      </c>
      <c r="AH9120">
        <v>91</v>
      </c>
      <c r="AI9120">
        <v>92</v>
      </c>
      <c r="AJ9120">
        <v>93</v>
      </c>
      <c r="AK9120">
        <v>94</v>
      </c>
      <c r="AL9120">
        <v>95</v>
      </c>
      <c r="AM9120">
        <v>96</v>
      </c>
      <c r="AN9120">
        <v>97</v>
      </c>
      <c r="AO9120">
        <v>98</v>
      </c>
      <c r="AP9120">
        <v>99</v>
      </c>
      <c r="AQ9120">
        <v>100</v>
      </c>
    </row>
    <row r="9121" spans="1:43">
      <c r="A9121" t="s">
        <v>5692</v>
      </c>
      <c r="B9121" t="s">
        <v>5693</v>
      </c>
      <c r="C9121" t="s">
        <v>5574</v>
      </c>
      <c r="D9121" t="s">
        <v>5575</v>
      </c>
      <c r="E9121" t="s">
        <v>5426</v>
      </c>
      <c r="F9121" t="s">
        <v>5427</v>
      </c>
      <c r="G9121" t="s">
        <v>80</v>
      </c>
      <c r="H9121" t="s">
        <v>81</v>
      </c>
      <c r="I9121" s="2">
        <v>0</v>
      </c>
      <c r="J9121" s="2">
        <v>1</v>
      </c>
      <c r="K9121" s="2">
        <v>0</v>
      </c>
      <c r="L9121" t="s">
        <v>82</v>
      </c>
      <c r="M9121" t="s">
        <v>83</v>
      </c>
      <c r="N9121" t="s">
        <v>91</v>
      </c>
      <c r="O9121" t="s">
        <v>85</v>
      </c>
      <c r="P9121" t="s">
        <v>86</v>
      </c>
      <c r="Q9121">
        <v>59</v>
      </c>
      <c r="R9121">
        <v>60</v>
      </c>
      <c r="S9121">
        <v>62</v>
      </c>
      <c r="T9121">
        <v>63</v>
      </c>
      <c r="U9121">
        <v>65</v>
      </c>
      <c r="V9121">
        <v>67</v>
      </c>
      <c r="W9121">
        <v>68</v>
      </c>
      <c r="X9121">
        <v>70</v>
      </c>
      <c r="Y9121">
        <v>72</v>
      </c>
      <c r="Z9121">
        <v>73</v>
      </c>
      <c r="AA9121">
        <v>75</v>
      </c>
      <c r="AB9121">
        <v>77</v>
      </c>
      <c r="AC9121">
        <v>79</v>
      </c>
      <c r="AD9121">
        <v>80</v>
      </c>
      <c r="AE9121">
        <v>82</v>
      </c>
      <c r="AF9121">
        <v>84</v>
      </c>
      <c r="AG9121">
        <v>86</v>
      </c>
      <c r="AH9121">
        <v>88</v>
      </c>
      <c r="AI9121">
        <v>90</v>
      </c>
      <c r="AJ9121">
        <v>92</v>
      </c>
      <c r="AK9121">
        <v>93</v>
      </c>
      <c r="AL9121">
        <v>95</v>
      </c>
      <c r="AM9121">
        <v>96</v>
      </c>
      <c r="AN9121">
        <v>97</v>
      </c>
      <c r="AO9121">
        <v>98</v>
      </c>
      <c r="AP9121">
        <v>99</v>
      </c>
      <c r="AQ9121">
        <v>100</v>
      </c>
    </row>
    <row r="9122" spans="1:43">
      <c r="A9122" t="s">
        <v>5694</v>
      </c>
      <c r="B9122" t="s">
        <v>5695</v>
      </c>
      <c r="C9122" t="s">
        <v>5696</v>
      </c>
      <c r="D9122" t="s">
        <v>5697</v>
      </c>
      <c r="E9122" t="s">
        <v>5698</v>
      </c>
      <c r="F9122" t="s">
        <v>5699</v>
      </c>
      <c r="G9122" t="s">
        <v>80</v>
      </c>
      <c r="H9122" t="s">
        <v>81</v>
      </c>
      <c r="I9122" s="2">
        <v>0</v>
      </c>
      <c r="J9122" s="2">
        <v>1</v>
      </c>
      <c r="K9122" s="2">
        <v>0</v>
      </c>
      <c r="L9122" t="s">
        <v>82</v>
      </c>
      <c r="M9122" t="s">
        <v>83</v>
      </c>
      <c r="N9122" t="s">
        <v>84</v>
      </c>
      <c r="O9122" t="s">
        <v>85</v>
      </c>
      <c r="P9122" t="s">
        <v>86</v>
      </c>
      <c r="Q9122">
        <v>96</v>
      </c>
      <c r="R9122">
        <v>97</v>
      </c>
      <c r="S9122">
        <v>98</v>
      </c>
      <c r="T9122">
        <v>99</v>
      </c>
      <c r="U9122">
        <v>100</v>
      </c>
      <c r="V9122">
        <v>101</v>
      </c>
      <c r="W9122">
        <v>102</v>
      </c>
      <c r="X9122">
        <v>103</v>
      </c>
      <c r="Y9122">
        <v>104</v>
      </c>
      <c r="Z9122">
        <v>105</v>
      </c>
      <c r="AA9122">
        <v>106</v>
      </c>
      <c r="AB9122">
        <v>107</v>
      </c>
      <c r="AC9122">
        <v>108</v>
      </c>
      <c r="AD9122">
        <v>108</v>
      </c>
      <c r="AE9122">
        <v>109</v>
      </c>
      <c r="AF9122">
        <v>110</v>
      </c>
      <c r="AG9122">
        <v>111</v>
      </c>
      <c r="AH9122">
        <v>112</v>
      </c>
      <c r="AI9122">
        <v>112</v>
      </c>
      <c r="AJ9122">
        <v>113</v>
      </c>
      <c r="AK9122">
        <v>114</v>
      </c>
      <c r="AL9122">
        <v>114</v>
      </c>
      <c r="AM9122">
        <v>114</v>
      </c>
      <c r="AN9122">
        <v>113</v>
      </c>
      <c r="AO9122">
        <v>113</v>
      </c>
      <c r="AP9122">
        <v>113</v>
      </c>
      <c r="AQ9122">
        <v>113</v>
      </c>
    </row>
    <row r="9123" spans="1:43">
      <c r="A9123" t="s">
        <v>5694</v>
      </c>
      <c r="B9123" t="s">
        <v>5695</v>
      </c>
      <c r="C9123" t="s">
        <v>5696</v>
      </c>
      <c r="D9123" t="s">
        <v>5697</v>
      </c>
      <c r="E9123" t="s">
        <v>5698</v>
      </c>
      <c r="F9123" t="s">
        <v>5699</v>
      </c>
      <c r="G9123" t="s">
        <v>80</v>
      </c>
      <c r="H9123" t="s">
        <v>81</v>
      </c>
      <c r="I9123" s="2">
        <v>0</v>
      </c>
      <c r="J9123" s="2">
        <v>1</v>
      </c>
      <c r="K9123" s="2">
        <v>0</v>
      </c>
      <c r="L9123" t="s">
        <v>82</v>
      </c>
      <c r="M9123" t="s">
        <v>87</v>
      </c>
      <c r="N9123" t="s">
        <v>88</v>
      </c>
      <c r="O9123" t="s">
        <v>85</v>
      </c>
      <c r="P9123" t="s">
        <v>86</v>
      </c>
      <c r="Q9123">
        <v>96</v>
      </c>
      <c r="R9123">
        <v>96</v>
      </c>
      <c r="S9123">
        <v>96</v>
      </c>
      <c r="T9123">
        <v>97</v>
      </c>
      <c r="U9123">
        <v>97</v>
      </c>
      <c r="V9123">
        <v>97</v>
      </c>
      <c r="W9123">
        <v>97</v>
      </c>
      <c r="X9123">
        <v>97</v>
      </c>
      <c r="Y9123">
        <v>97</v>
      </c>
      <c r="Z9123">
        <v>97</v>
      </c>
      <c r="AA9123">
        <v>97</v>
      </c>
      <c r="AB9123">
        <v>97</v>
      </c>
      <c r="AC9123">
        <v>98</v>
      </c>
      <c r="AD9123">
        <v>98</v>
      </c>
      <c r="AE9123">
        <v>98</v>
      </c>
      <c r="AF9123">
        <v>98</v>
      </c>
      <c r="AG9123">
        <v>98</v>
      </c>
      <c r="AH9123">
        <v>98</v>
      </c>
      <c r="AI9123">
        <v>98</v>
      </c>
      <c r="AJ9123">
        <v>98</v>
      </c>
      <c r="AK9123">
        <v>98</v>
      </c>
      <c r="AL9123">
        <v>98</v>
      </c>
      <c r="AM9123">
        <v>99</v>
      </c>
      <c r="AN9123">
        <v>99</v>
      </c>
      <c r="AO9123">
        <v>99</v>
      </c>
      <c r="AP9123">
        <v>99</v>
      </c>
      <c r="AQ9123">
        <v>99</v>
      </c>
    </row>
    <row r="9124" spans="1:43">
      <c r="A9124" t="s">
        <v>5694</v>
      </c>
      <c r="B9124" t="s">
        <v>5695</v>
      </c>
      <c r="C9124" t="s">
        <v>5696</v>
      </c>
      <c r="D9124" t="s">
        <v>5697</v>
      </c>
      <c r="E9124" t="s">
        <v>5698</v>
      </c>
      <c r="F9124" t="s">
        <v>5699</v>
      </c>
      <c r="G9124" t="s">
        <v>80</v>
      </c>
      <c r="H9124" t="s">
        <v>81</v>
      </c>
      <c r="I9124" s="2">
        <v>0</v>
      </c>
      <c r="J9124" s="2">
        <v>1</v>
      </c>
      <c r="K9124" s="2">
        <v>0</v>
      </c>
      <c r="L9124" t="s">
        <v>82</v>
      </c>
      <c r="M9124" t="s">
        <v>89</v>
      </c>
      <c r="N9124" t="s">
        <v>90</v>
      </c>
      <c r="O9124" t="s">
        <v>85</v>
      </c>
      <c r="P9124" t="s">
        <v>86</v>
      </c>
      <c r="Q9124">
        <v>96</v>
      </c>
      <c r="R9124">
        <v>98</v>
      </c>
      <c r="S9124">
        <v>100</v>
      </c>
      <c r="T9124">
        <v>101</v>
      </c>
      <c r="U9124">
        <v>103</v>
      </c>
      <c r="V9124">
        <v>105</v>
      </c>
      <c r="W9124">
        <v>106</v>
      </c>
      <c r="X9124">
        <v>108</v>
      </c>
      <c r="Y9124">
        <v>109</v>
      </c>
      <c r="Z9124">
        <v>110</v>
      </c>
      <c r="AA9124">
        <v>112</v>
      </c>
      <c r="AB9124">
        <v>113</v>
      </c>
      <c r="AC9124">
        <v>114</v>
      </c>
      <c r="AD9124">
        <v>115</v>
      </c>
      <c r="AE9124">
        <v>116</v>
      </c>
      <c r="AF9124">
        <v>116</v>
      </c>
      <c r="AG9124">
        <v>115</v>
      </c>
      <c r="AH9124">
        <v>115</v>
      </c>
      <c r="AI9124">
        <v>115</v>
      </c>
      <c r="AJ9124">
        <v>115</v>
      </c>
      <c r="AK9124">
        <v>114</v>
      </c>
      <c r="AL9124">
        <v>114</v>
      </c>
      <c r="AM9124">
        <v>114</v>
      </c>
      <c r="AN9124">
        <v>114</v>
      </c>
      <c r="AO9124">
        <v>113</v>
      </c>
      <c r="AP9124">
        <v>113</v>
      </c>
      <c r="AQ9124">
        <v>113</v>
      </c>
    </row>
    <row r="9125" spans="1:43">
      <c r="A9125" t="s">
        <v>5694</v>
      </c>
      <c r="B9125" t="s">
        <v>5695</v>
      </c>
      <c r="C9125" t="s">
        <v>5696</v>
      </c>
      <c r="D9125" t="s">
        <v>5697</v>
      </c>
      <c r="E9125" t="s">
        <v>5698</v>
      </c>
      <c r="F9125" t="s">
        <v>5699</v>
      </c>
      <c r="G9125" t="s">
        <v>80</v>
      </c>
      <c r="H9125" t="s">
        <v>81</v>
      </c>
      <c r="I9125" s="2">
        <v>0</v>
      </c>
      <c r="J9125" s="2">
        <v>1</v>
      </c>
      <c r="K9125" s="2">
        <v>0</v>
      </c>
      <c r="L9125" t="s">
        <v>82</v>
      </c>
      <c r="M9125" t="s">
        <v>83</v>
      </c>
      <c r="N9125" t="s">
        <v>91</v>
      </c>
      <c r="O9125" t="s">
        <v>85</v>
      </c>
      <c r="P9125" t="s">
        <v>86</v>
      </c>
      <c r="Q9125">
        <v>96</v>
      </c>
      <c r="R9125">
        <v>97</v>
      </c>
      <c r="S9125">
        <v>98</v>
      </c>
      <c r="T9125">
        <v>99</v>
      </c>
      <c r="U9125">
        <v>100</v>
      </c>
      <c r="V9125">
        <v>101</v>
      </c>
      <c r="W9125">
        <v>102</v>
      </c>
      <c r="X9125">
        <v>103</v>
      </c>
      <c r="Y9125">
        <v>104</v>
      </c>
      <c r="Z9125">
        <v>105</v>
      </c>
      <c r="AA9125">
        <v>106</v>
      </c>
      <c r="AB9125">
        <v>107</v>
      </c>
      <c r="AC9125">
        <v>108</v>
      </c>
      <c r="AD9125">
        <v>108</v>
      </c>
      <c r="AE9125">
        <v>109</v>
      </c>
      <c r="AF9125">
        <v>110</v>
      </c>
      <c r="AG9125">
        <v>111</v>
      </c>
      <c r="AH9125">
        <v>112</v>
      </c>
      <c r="AI9125">
        <v>112</v>
      </c>
      <c r="AJ9125">
        <v>113</v>
      </c>
      <c r="AK9125">
        <v>114</v>
      </c>
      <c r="AL9125">
        <v>114</v>
      </c>
      <c r="AM9125">
        <v>114</v>
      </c>
      <c r="AN9125">
        <v>113</v>
      </c>
      <c r="AO9125">
        <v>113</v>
      </c>
      <c r="AP9125">
        <v>113</v>
      </c>
      <c r="AQ9125">
        <v>113</v>
      </c>
    </row>
    <row r="9126" spans="1:43">
      <c r="A9126" t="s">
        <v>5700</v>
      </c>
      <c r="B9126" t="s">
        <v>5701</v>
      </c>
      <c r="C9126" t="s">
        <v>5702</v>
      </c>
      <c r="D9126" t="s">
        <v>5703</v>
      </c>
      <c r="E9126" t="s">
        <v>5698</v>
      </c>
      <c r="F9126" t="s">
        <v>5699</v>
      </c>
      <c r="G9126" t="s">
        <v>80</v>
      </c>
      <c r="H9126" t="s">
        <v>81</v>
      </c>
      <c r="I9126" s="2">
        <v>0</v>
      </c>
      <c r="J9126" s="2">
        <v>1</v>
      </c>
      <c r="K9126" s="2">
        <v>0</v>
      </c>
      <c r="L9126" t="s">
        <v>82</v>
      </c>
      <c r="M9126" t="s">
        <v>83</v>
      </c>
      <c r="N9126" t="s">
        <v>84</v>
      </c>
      <c r="O9126" t="s">
        <v>85</v>
      </c>
      <c r="P9126" t="s">
        <v>86</v>
      </c>
      <c r="Q9126">
        <v>84</v>
      </c>
      <c r="R9126">
        <v>85</v>
      </c>
      <c r="S9126">
        <v>86</v>
      </c>
      <c r="T9126">
        <v>86</v>
      </c>
      <c r="U9126">
        <v>87</v>
      </c>
      <c r="V9126">
        <v>88</v>
      </c>
      <c r="W9126">
        <v>89</v>
      </c>
      <c r="X9126">
        <v>90</v>
      </c>
      <c r="Y9126">
        <v>91</v>
      </c>
      <c r="Z9126">
        <v>91</v>
      </c>
      <c r="AA9126">
        <v>92</v>
      </c>
      <c r="AB9126">
        <v>93</v>
      </c>
      <c r="AC9126">
        <v>94</v>
      </c>
      <c r="AD9126">
        <v>94</v>
      </c>
      <c r="AE9126">
        <v>95</v>
      </c>
      <c r="AF9126">
        <v>96</v>
      </c>
      <c r="AG9126">
        <v>97</v>
      </c>
      <c r="AH9126">
        <v>97</v>
      </c>
      <c r="AI9126">
        <v>98</v>
      </c>
      <c r="AJ9126">
        <v>99</v>
      </c>
      <c r="AK9126">
        <v>99</v>
      </c>
      <c r="AL9126">
        <v>99</v>
      </c>
      <c r="AM9126">
        <v>99</v>
      </c>
      <c r="AN9126">
        <v>99</v>
      </c>
      <c r="AO9126">
        <v>99</v>
      </c>
      <c r="AP9126">
        <v>98</v>
      </c>
      <c r="AQ9126">
        <v>98</v>
      </c>
    </row>
    <row r="9127" spans="1:43">
      <c r="A9127" t="s">
        <v>5700</v>
      </c>
      <c r="B9127" t="s">
        <v>5701</v>
      </c>
      <c r="C9127" t="s">
        <v>5702</v>
      </c>
      <c r="D9127" t="s">
        <v>5703</v>
      </c>
      <c r="E9127" t="s">
        <v>5698</v>
      </c>
      <c r="F9127" t="s">
        <v>5699</v>
      </c>
      <c r="G9127" t="s">
        <v>80</v>
      </c>
      <c r="H9127" t="s">
        <v>81</v>
      </c>
      <c r="I9127" s="2">
        <v>0</v>
      </c>
      <c r="J9127" s="2">
        <v>1</v>
      </c>
      <c r="K9127" s="2">
        <v>0</v>
      </c>
      <c r="L9127" t="s">
        <v>82</v>
      </c>
      <c r="M9127" t="s">
        <v>87</v>
      </c>
      <c r="N9127" t="s">
        <v>88</v>
      </c>
      <c r="O9127" t="s">
        <v>85</v>
      </c>
      <c r="P9127" t="s">
        <v>86</v>
      </c>
      <c r="Q9127">
        <v>84</v>
      </c>
      <c r="R9127">
        <v>84</v>
      </c>
      <c r="S9127">
        <v>84</v>
      </c>
      <c r="T9127">
        <v>84</v>
      </c>
      <c r="U9127">
        <v>84</v>
      </c>
      <c r="V9127">
        <v>85</v>
      </c>
      <c r="W9127">
        <v>85</v>
      </c>
      <c r="X9127">
        <v>85</v>
      </c>
      <c r="Y9127">
        <v>85</v>
      </c>
      <c r="Z9127">
        <v>85</v>
      </c>
      <c r="AA9127">
        <v>85</v>
      </c>
      <c r="AB9127">
        <v>85</v>
      </c>
      <c r="AC9127">
        <v>85</v>
      </c>
      <c r="AD9127">
        <v>85</v>
      </c>
      <c r="AE9127">
        <v>85</v>
      </c>
      <c r="AF9127">
        <v>85</v>
      </c>
      <c r="AG9127">
        <v>85</v>
      </c>
      <c r="AH9127">
        <v>86</v>
      </c>
      <c r="AI9127">
        <v>86</v>
      </c>
      <c r="AJ9127">
        <v>86</v>
      </c>
      <c r="AK9127">
        <v>86</v>
      </c>
      <c r="AL9127">
        <v>86</v>
      </c>
      <c r="AM9127">
        <v>86</v>
      </c>
      <c r="AN9127">
        <v>86</v>
      </c>
      <c r="AO9127">
        <v>86</v>
      </c>
      <c r="AP9127">
        <v>86</v>
      </c>
      <c r="AQ9127">
        <v>86</v>
      </c>
    </row>
    <row r="9128" spans="1:43">
      <c r="A9128" t="s">
        <v>5700</v>
      </c>
      <c r="B9128" t="s">
        <v>5701</v>
      </c>
      <c r="C9128" t="s">
        <v>5702</v>
      </c>
      <c r="D9128" t="s">
        <v>5703</v>
      </c>
      <c r="E9128" t="s">
        <v>5698</v>
      </c>
      <c r="F9128" t="s">
        <v>5699</v>
      </c>
      <c r="G9128" t="s">
        <v>80</v>
      </c>
      <c r="H9128" t="s">
        <v>81</v>
      </c>
      <c r="I9128" s="2">
        <v>0</v>
      </c>
      <c r="J9128" s="2">
        <v>1</v>
      </c>
      <c r="K9128" s="2">
        <v>0</v>
      </c>
      <c r="L9128" t="s">
        <v>82</v>
      </c>
      <c r="M9128" t="s">
        <v>89</v>
      </c>
      <c r="N9128" t="s">
        <v>90</v>
      </c>
      <c r="O9128" t="s">
        <v>85</v>
      </c>
      <c r="P9128" t="s">
        <v>86</v>
      </c>
      <c r="Q9128">
        <v>84</v>
      </c>
      <c r="R9128">
        <v>85</v>
      </c>
      <c r="S9128">
        <v>87</v>
      </c>
      <c r="T9128">
        <v>88</v>
      </c>
      <c r="U9128">
        <v>90</v>
      </c>
      <c r="V9128">
        <v>91</v>
      </c>
      <c r="W9128">
        <v>93</v>
      </c>
      <c r="X9128">
        <v>94</v>
      </c>
      <c r="Y9128">
        <v>95</v>
      </c>
      <c r="Z9128">
        <v>96</v>
      </c>
      <c r="AA9128">
        <v>97</v>
      </c>
      <c r="AB9128">
        <v>98</v>
      </c>
      <c r="AC9128">
        <v>99</v>
      </c>
      <c r="AD9128">
        <v>101</v>
      </c>
      <c r="AE9128">
        <v>101</v>
      </c>
      <c r="AF9128">
        <v>101</v>
      </c>
      <c r="AG9128">
        <v>101</v>
      </c>
      <c r="AH9128">
        <v>100</v>
      </c>
      <c r="AI9128">
        <v>100</v>
      </c>
      <c r="AJ9128">
        <v>100</v>
      </c>
      <c r="AK9128">
        <v>100</v>
      </c>
      <c r="AL9128">
        <v>99</v>
      </c>
      <c r="AM9128">
        <v>99</v>
      </c>
      <c r="AN9128">
        <v>99</v>
      </c>
      <c r="AO9128">
        <v>99</v>
      </c>
      <c r="AP9128">
        <v>98</v>
      </c>
      <c r="AQ9128">
        <v>98</v>
      </c>
    </row>
    <row r="9129" spans="1:43">
      <c r="A9129" t="s">
        <v>5700</v>
      </c>
      <c r="B9129" t="s">
        <v>5701</v>
      </c>
      <c r="C9129" t="s">
        <v>5702</v>
      </c>
      <c r="D9129" t="s">
        <v>5703</v>
      </c>
      <c r="E9129" t="s">
        <v>5698</v>
      </c>
      <c r="F9129" t="s">
        <v>5699</v>
      </c>
      <c r="G9129" t="s">
        <v>80</v>
      </c>
      <c r="H9129" t="s">
        <v>81</v>
      </c>
      <c r="I9129" s="2">
        <v>0</v>
      </c>
      <c r="J9129" s="2">
        <v>1</v>
      </c>
      <c r="K9129" s="2">
        <v>0</v>
      </c>
      <c r="L9129" t="s">
        <v>82</v>
      </c>
      <c r="M9129" t="s">
        <v>83</v>
      </c>
      <c r="N9129" t="s">
        <v>91</v>
      </c>
      <c r="O9129" t="s">
        <v>85</v>
      </c>
      <c r="P9129" t="s">
        <v>86</v>
      </c>
      <c r="Q9129">
        <v>84</v>
      </c>
      <c r="R9129">
        <v>85</v>
      </c>
      <c r="S9129">
        <v>86</v>
      </c>
      <c r="T9129">
        <v>86</v>
      </c>
      <c r="U9129">
        <v>87</v>
      </c>
      <c r="V9129">
        <v>88</v>
      </c>
      <c r="W9129">
        <v>89</v>
      </c>
      <c r="X9129">
        <v>90</v>
      </c>
      <c r="Y9129">
        <v>91</v>
      </c>
      <c r="Z9129">
        <v>91</v>
      </c>
      <c r="AA9129">
        <v>92</v>
      </c>
      <c r="AB9129">
        <v>93</v>
      </c>
      <c r="AC9129">
        <v>94</v>
      </c>
      <c r="AD9129">
        <v>94</v>
      </c>
      <c r="AE9129">
        <v>95</v>
      </c>
      <c r="AF9129">
        <v>96</v>
      </c>
      <c r="AG9129">
        <v>97</v>
      </c>
      <c r="AH9129">
        <v>97</v>
      </c>
      <c r="AI9129">
        <v>98</v>
      </c>
      <c r="AJ9129">
        <v>99</v>
      </c>
      <c r="AK9129">
        <v>99</v>
      </c>
      <c r="AL9129">
        <v>99</v>
      </c>
      <c r="AM9129">
        <v>99</v>
      </c>
      <c r="AN9129">
        <v>99</v>
      </c>
      <c r="AO9129">
        <v>99</v>
      </c>
      <c r="AP9129">
        <v>98</v>
      </c>
      <c r="AQ9129">
        <v>98</v>
      </c>
    </row>
    <row r="9130" spans="1:43">
      <c r="A9130" t="s">
        <v>5704</v>
      </c>
      <c r="B9130" t="s">
        <v>5705</v>
      </c>
      <c r="C9130" t="s">
        <v>5706</v>
      </c>
      <c r="D9130" t="s">
        <v>5707</v>
      </c>
      <c r="E9130" t="s">
        <v>5698</v>
      </c>
      <c r="F9130" t="s">
        <v>5699</v>
      </c>
      <c r="G9130" t="s">
        <v>80</v>
      </c>
      <c r="H9130" t="s">
        <v>81</v>
      </c>
      <c r="I9130" s="2">
        <v>0</v>
      </c>
      <c r="J9130" s="2">
        <v>1</v>
      </c>
      <c r="K9130" s="2">
        <v>0</v>
      </c>
      <c r="L9130" t="s">
        <v>82</v>
      </c>
      <c r="M9130" t="s">
        <v>83</v>
      </c>
      <c r="N9130" t="s">
        <v>84</v>
      </c>
      <c r="O9130" t="s">
        <v>85</v>
      </c>
      <c r="P9130" t="s">
        <v>86</v>
      </c>
      <c r="Q9130">
        <v>60</v>
      </c>
      <c r="R9130">
        <v>61</v>
      </c>
      <c r="S9130">
        <v>61</v>
      </c>
      <c r="T9130">
        <v>62</v>
      </c>
      <c r="U9130">
        <v>63</v>
      </c>
      <c r="V9130">
        <v>63</v>
      </c>
      <c r="W9130">
        <v>64</v>
      </c>
      <c r="X9130">
        <v>64</v>
      </c>
      <c r="Y9130">
        <v>65</v>
      </c>
      <c r="Z9130">
        <v>65</v>
      </c>
      <c r="AA9130">
        <v>66</v>
      </c>
      <c r="AB9130">
        <v>66</v>
      </c>
      <c r="AC9130">
        <v>67</v>
      </c>
      <c r="AD9130">
        <v>67</v>
      </c>
      <c r="AE9130">
        <v>68</v>
      </c>
      <c r="AF9130">
        <v>68</v>
      </c>
      <c r="AG9130">
        <v>69</v>
      </c>
      <c r="AH9130">
        <v>69</v>
      </c>
      <c r="AI9130">
        <v>70</v>
      </c>
      <c r="AJ9130">
        <v>70</v>
      </c>
      <c r="AK9130">
        <v>71</v>
      </c>
      <c r="AL9130">
        <v>71</v>
      </c>
      <c r="AM9130">
        <v>70</v>
      </c>
      <c r="AN9130">
        <v>70</v>
      </c>
      <c r="AO9130">
        <v>70</v>
      </c>
      <c r="AP9130">
        <v>70</v>
      </c>
      <c r="AQ9130">
        <v>70</v>
      </c>
    </row>
    <row r="9131" spans="1:43">
      <c r="A9131" t="s">
        <v>5704</v>
      </c>
      <c r="B9131" t="s">
        <v>5705</v>
      </c>
      <c r="C9131" t="s">
        <v>5706</v>
      </c>
      <c r="D9131" t="s">
        <v>5707</v>
      </c>
      <c r="E9131" t="s">
        <v>5698</v>
      </c>
      <c r="F9131" t="s">
        <v>5699</v>
      </c>
      <c r="G9131" t="s">
        <v>80</v>
      </c>
      <c r="H9131" t="s">
        <v>81</v>
      </c>
      <c r="I9131" s="2">
        <v>0</v>
      </c>
      <c r="J9131" s="2">
        <v>1</v>
      </c>
      <c r="K9131" s="2">
        <v>0</v>
      </c>
      <c r="L9131" t="s">
        <v>82</v>
      </c>
      <c r="M9131" t="s">
        <v>87</v>
      </c>
      <c r="N9131" t="s">
        <v>88</v>
      </c>
      <c r="O9131" t="s">
        <v>85</v>
      </c>
      <c r="P9131" t="s">
        <v>86</v>
      </c>
      <c r="Q9131">
        <v>60</v>
      </c>
      <c r="R9131">
        <v>60</v>
      </c>
      <c r="S9131">
        <v>60</v>
      </c>
      <c r="T9131">
        <v>60</v>
      </c>
      <c r="U9131">
        <v>60</v>
      </c>
      <c r="V9131">
        <v>60</v>
      </c>
      <c r="W9131">
        <v>60</v>
      </c>
      <c r="X9131">
        <v>60</v>
      </c>
      <c r="Y9131">
        <v>60</v>
      </c>
      <c r="Z9131">
        <v>60</v>
      </c>
      <c r="AA9131">
        <v>60</v>
      </c>
      <c r="AB9131">
        <v>60</v>
      </c>
      <c r="AC9131">
        <v>60</v>
      </c>
      <c r="AD9131">
        <v>60</v>
      </c>
      <c r="AE9131">
        <v>60</v>
      </c>
      <c r="AF9131">
        <v>60</v>
      </c>
      <c r="AG9131">
        <v>60</v>
      </c>
      <c r="AH9131">
        <v>60</v>
      </c>
      <c r="AI9131">
        <v>60</v>
      </c>
      <c r="AJ9131">
        <v>60</v>
      </c>
      <c r="AK9131">
        <v>60</v>
      </c>
      <c r="AL9131">
        <v>60</v>
      </c>
      <c r="AM9131">
        <v>60</v>
      </c>
      <c r="AN9131">
        <v>60</v>
      </c>
      <c r="AO9131">
        <v>60</v>
      </c>
      <c r="AP9131">
        <v>60</v>
      </c>
      <c r="AQ9131">
        <v>60</v>
      </c>
    </row>
    <row r="9132" spans="1:43">
      <c r="A9132" t="s">
        <v>5704</v>
      </c>
      <c r="B9132" t="s">
        <v>5705</v>
      </c>
      <c r="C9132" t="s">
        <v>5706</v>
      </c>
      <c r="D9132" t="s">
        <v>5707</v>
      </c>
      <c r="E9132" t="s">
        <v>5698</v>
      </c>
      <c r="F9132" t="s">
        <v>5699</v>
      </c>
      <c r="G9132" t="s">
        <v>80</v>
      </c>
      <c r="H9132" t="s">
        <v>81</v>
      </c>
      <c r="I9132" s="2">
        <v>0</v>
      </c>
      <c r="J9132" s="2">
        <v>1</v>
      </c>
      <c r="K9132" s="2">
        <v>0</v>
      </c>
      <c r="L9132" t="s">
        <v>82</v>
      </c>
      <c r="M9132" t="s">
        <v>89</v>
      </c>
      <c r="N9132" t="s">
        <v>90</v>
      </c>
      <c r="O9132" t="s">
        <v>85</v>
      </c>
      <c r="P9132" t="s">
        <v>86</v>
      </c>
      <c r="Q9132">
        <v>60</v>
      </c>
      <c r="R9132">
        <v>61</v>
      </c>
      <c r="S9132">
        <v>62</v>
      </c>
      <c r="T9132">
        <v>63</v>
      </c>
      <c r="U9132">
        <v>64</v>
      </c>
      <c r="V9132">
        <v>65</v>
      </c>
      <c r="W9132">
        <v>66</v>
      </c>
      <c r="X9132">
        <v>67</v>
      </c>
      <c r="Y9132">
        <v>68</v>
      </c>
      <c r="Z9132">
        <v>68</v>
      </c>
      <c r="AA9132">
        <v>69</v>
      </c>
      <c r="AB9132">
        <v>70</v>
      </c>
      <c r="AC9132">
        <v>71</v>
      </c>
      <c r="AD9132">
        <v>72</v>
      </c>
      <c r="AE9132">
        <v>72</v>
      </c>
      <c r="AF9132">
        <v>72</v>
      </c>
      <c r="AG9132">
        <v>71</v>
      </c>
      <c r="AH9132">
        <v>71</v>
      </c>
      <c r="AI9132">
        <v>71</v>
      </c>
      <c r="AJ9132">
        <v>71</v>
      </c>
      <c r="AK9132">
        <v>70</v>
      </c>
      <c r="AL9132">
        <v>70</v>
      </c>
      <c r="AM9132">
        <v>70</v>
      </c>
      <c r="AN9132">
        <v>70</v>
      </c>
      <c r="AO9132">
        <v>69</v>
      </c>
      <c r="AP9132">
        <v>69</v>
      </c>
      <c r="AQ9132">
        <v>69</v>
      </c>
    </row>
    <row r="9133" spans="1:43">
      <c r="A9133" t="s">
        <v>5704</v>
      </c>
      <c r="B9133" t="s">
        <v>5705</v>
      </c>
      <c r="C9133" t="s">
        <v>5706</v>
      </c>
      <c r="D9133" t="s">
        <v>5707</v>
      </c>
      <c r="E9133" t="s">
        <v>5698</v>
      </c>
      <c r="F9133" t="s">
        <v>5699</v>
      </c>
      <c r="G9133" t="s">
        <v>80</v>
      </c>
      <c r="H9133" t="s">
        <v>81</v>
      </c>
      <c r="I9133" s="2">
        <v>0</v>
      </c>
      <c r="J9133" s="2">
        <v>1</v>
      </c>
      <c r="K9133" s="2">
        <v>0</v>
      </c>
      <c r="L9133" t="s">
        <v>82</v>
      </c>
      <c r="M9133" t="s">
        <v>83</v>
      </c>
      <c r="N9133" t="s">
        <v>91</v>
      </c>
      <c r="O9133" t="s">
        <v>85</v>
      </c>
      <c r="P9133" t="s">
        <v>86</v>
      </c>
      <c r="Q9133">
        <v>60</v>
      </c>
      <c r="R9133">
        <v>61</v>
      </c>
      <c r="S9133">
        <v>61</v>
      </c>
      <c r="T9133">
        <v>62</v>
      </c>
      <c r="U9133">
        <v>63</v>
      </c>
      <c r="V9133">
        <v>63</v>
      </c>
      <c r="W9133">
        <v>64</v>
      </c>
      <c r="X9133">
        <v>64</v>
      </c>
      <c r="Y9133">
        <v>65</v>
      </c>
      <c r="Z9133">
        <v>65</v>
      </c>
      <c r="AA9133">
        <v>66</v>
      </c>
      <c r="AB9133">
        <v>66</v>
      </c>
      <c r="AC9133">
        <v>67</v>
      </c>
      <c r="AD9133">
        <v>67</v>
      </c>
      <c r="AE9133">
        <v>68</v>
      </c>
      <c r="AF9133">
        <v>68</v>
      </c>
      <c r="AG9133">
        <v>69</v>
      </c>
      <c r="AH9133">
        <v>69</v>
      </c>
      <c r="AI9133">
        <v>70</v>
      </c>
      <c r="AJ9133">
        <v>70</v>
      </c>
      <c r="AK9133">
        <v>71</v>
      </c>
      <c r="AL9133">
        <v>71</v>
      </c>
      <c r="AM9133">
        <v>70</v>
      </c>
      <c r="AN9133">
        <v>70</v>
      </c>
      <c r="AO9133">
        <v>70</v>
      </c>
      <c r="AP9133">
        <v>70</v>
      </c>
      <c r="AQ9133">
        <v>70</v>
      </c>
    </row>
    <row r="9134" spans="1:43">
      <c r="A9134" t="s">
        <v>5708</v>
      </c>
      <c r="B9134" t="s">
        <v>5709</v>
      </c>
      <c r="C9134" t="s">
        <v>5702</v>
      </c>
      <c r="D9134" t="s">
        <v>5703</v>
      </c>
      <c r="E9134" t="s">
        <v>5698</v>
      </c>
      <c r="F9134" t="s">
        <v>5699</v>
      </c>
      <c r="G9134" t="s">
        <v>80</v>
      </c>
      <c r="H9134" t="s">
        <v>81</v>
      </c>
      <c r="I9134" s="2">
        <v>0</v>
      </c>
      <c r="J9134" s="2">
        <v>1</v>
      </c>
      <c r="K9134" s="2">
        <v>0</v>
      </c>
      <c r="L9134" t="s">
        <v>82</v>
      </c>
      <c r="M9134" t="s">
        <v>83</v>
      </c>
      <c r="N9134" t="s">
        <v>84</v>
      </c>
      <c r="O9134" t="s">
        <v>85</v>
      </c>
      <c r="P9134" t="s">
        <v>86</v>
      </c>
      <c r="Q9134">
        <v>33</v>
      </c>
      <c r="R9134">
        <v>33</v>
      </c>
      <c r="S9134">
        <v>33</v>
      </c>
      <c r="T9134">
        <v>34</v>
      </c>
      <c r="U9134">
        <v>34</v>
      </c>
      <c r="V9134">
        <v>34</v>
      </c>
      <c r="W9134">
        <v>35</v>
      </c>
      <c r="X9134">
        <v>35</v>
      </c>
      <c r="Y9134">
        <v>35</v>
      </c>
      <c r="Z9134">
        <v>36</v>
      </c>
      <c r="AA9134">
        <v>36</v>
      </c>
      <c r="AB9134">
        <v>36</v>
      </c>
      <c r="AC9134">
        <v>37</v>
      </c>
      <c r="AD9134">
        <v>37</v>
      </c>
      <c r="AE9134">
        <v>37</v>
      </c>
      <c r="AF9134">
        <v>37</v>
      </c>
      <c r="AG9134">
        <v>38</v>
      </c>
      <c r="AH9134">
        <v>38</v>
      </c>
      <c r="AI9134">
        <v>38</v>
      </c>
      <c r="AJ9134">
        <v>38</v>
      </c>
      <c r="AK9134">
        <v>39</v>
      </c>
      <c r="AL9134">
        <v>39</v>
      </c>
      <c r="AM9134">
        <v>39</v>
      </c>
      <c r="AN9134">
        <v>39</v>
      </c>
      <c r="AO9134">
        <v>39</v>
      </c>
      <c r="AP9134">
        <v>38</v>
      </c>
      <c r="AQ9134">
        <v>38</v>
      </c>
    </row>
    <row r="9135" spans="1:43">
      <c r="A9135" t="s">
        <v>5708</v>
      </c>
      <c r="B9135" t="s">
        <v>5709</v>
      </c>
      <c r="C9135" t="s">
        <v>5702</v>
      </c>
      <c r="D9135" t="s">
        <v>5703</v>
      </c>
      <c r="E9135" t="s">
        <v>5698</v>
      </c>
      <c r="F9135" t="s">
        <v>5699</v>
      </c>
      <c r="G9135" t="s">
        <v>80</v>
      </c>
      <c r="H9135" t="s">
        <v>81</v>
      </c>
      <c r="I9135" s="2">
        <v>0</v>
      </c>
      <c r="J9135" s="2">
        <v>1</v>
      </c>
      <c r="K9135" s="2">
        <v>0</v>
      </c>
      <c r="L9135" t="s">
        <v>82</v>
      </c>
      <c r="M9135" t="s">
        <v>87</v>
      </c>
      <c r="N9135" t="s">
        <v>88</v>
      </c>
      <c r="O9135" t="s">
        <v>85</v>
      </c>
      <c r="P9135" t="s">
        <v>86</v>
      </c>
      <c r="Q9135">
        <v>33</v>
      </c>
      <c r="R9135">
        <v>33</v>
      </c>
      <c r="S9135">
        <v>33</v>
      </c>
      <c r="T9135">
        <v>34</v>
      </c>
      <c r="U9135">
        <v>34</v>
      </c>
      <c r="V9135">
        <v>34</v>
      </c>
      <c r="W9135">
        <v>34</v>
      </c>
      <c r="X9135">
        <v>34</v>
      </c>
      <c r="Y9135">
        <v>34</v>
      </c>
      <c r="Z9135">
        <v>34</v>
      </c>
      <c r="AA9135">
        <v>34</v>
      </c>
      <c r="AB9135">
        <v>34</v>
      </c>
      <c r="AC9135">
        <v>34</v>
      </c>
      <c r="AD9135">
        <v>34</v>
      </c>
      <c r="AE9135">
        <v>34</v>
      </c>
      <c r="AF9135">
        <v>34</v>
      </c>
      <c r="AG9135">
        <v>34</v>
      </c>
      <c r="AH9135">
        <v>34</v>
      </c>
      <c r="AI9135">
        <v>34</v>
      </c>
      <c r="AJ9135">
        <v>34</v>
      </c>
      <c r="AK9135">
        <v>34</v>
      </c>
      <c r="AL9135">
        <v>34</v>
      </c>
      <c r="AM9135">
        <v>34</v>
      </c>
      <c r="AN9135">
        <v>34</v>
      </c>
      <c r="AO9135">
        <v>34</v>
      </c>
      <c r="AP9135">
        <v>34</v>
      </c>
      <c r="AQ9135">
        <v>34</v>
      </c>
    </row>
    <row r="9136" spans="1:43">
      <c r="A9136" t="s">
        <v>5708</v>
      </c>
      <c r="B9136" t="s">
        <v>5709</v>
      </c>
      <c r="C9136" t="s">
        <v>5702</v>
      </c>
      <c r="D9136" t="s">
        <v>5703</v>
      </c>
      <c r="E9136" t="s">
        <v>5698</v>
      </c>
      <c r="F9136" t="s">
        <v>5699</v>
      </c>
      <c r="G9136" t="s">
        <v>80</v>
      </c>
      <c r="H9136" t="s">
        <v>81</v>
      </c>
      <c r="I9136" s="2">
        <v>0</v>
      </c>
      <c r="J9136" s="2">
        <v>1</v>
      </c>
      <c r="K9136" s="2">
        <v>0</v>
      </c>
      <c r="L9136" t="s">
        <v>82</v>
      </c>
      <c r="M9136" t="s">
        <v>89</v>
      </c>
      <c r="N9136" t="s">
        <v>90</v>
      </c>
      <c r="O9136" t="s">
        <v>85</v>
      </c>
      <c r="P9136" t="s">
        <v>86</v>
      </c>
      <c r="Q9136">
        <v>33</v>
      </c>
      <c r="R9136">
        <v>34</v>
      </c>
      <c r="S9136">
        <v>34</v>
      </c>
      <c r="T9136">
        <v>35</v>
      </c>
      <c r="U9136">
        <v>35</v>
      </c>
      <c r="V9136">
        <v>36</v>
      </c>
      <c r="W9136">
        <v>37</v>
      </c>
      <c r="X9136">
        <v>37</v>
      </c>
      <c r="Y9136">
        <v>37</v>
      </c>
      <c r="Z9136">
        <v>38</v>
      </c>
      <c r="AA9136">
        <v>38</v>
      </c>
      <c r="AB9136">
        <v>39</v>
      </c>
      <c r="AC9136">
        <v>39</v>
      </c>
      <c r="AD9136">
        <v>40</v>
      </c>
      <c r="AE9136">
        <v>40</v>
      </c>
      <c r="AF9136">
        <v>40</v>
      </c>
      <c r="AG9136">
        <v>40</v>
      </c>
      <c r="AH9136">
        <v>40</v>
      </c>
      <c r="AI9136">
        <v>39</v>
      </c>
      <c r="AJ9136">
        <v>39</v>
      </c>
      <c r="AK9136">
        <v>39</v>
      </c>
      <c r="AL9136">
        <v>39</v>
      </c>
      <c r="AM9136">
        <v>39</v>
      </c>
      <c r="AN9136">
        <v>39</v>
      </c>
      <c r="AO9136">
        <v>39</v>
      </c>
      <c r="AP9136">
        <v>39</v>
      </c>
      <c r="AQ9136">
        <v>39</v>
      </c>
    </row>
    <row r="9137" spans="1:43">
      <c r="A9137" t="s">
        <v>5708</v>
      </c>
      <c r="B9137" t="s">
        <v>5709</v>
      </c>
      <c r="C9137" t="s">
        <v>5702</v>
      </c>
      <c r="D9137" t="s">
        <v>5703</v>
      </c>
      <c r="E9137" t="s">
        <v>5698</v>
      </c>
      <c r="F9137" t="s">
        <v>5699</v>
      </c>
      <c r="G9137" t="s">
        <v>80</v>
      </c>
      <c r="H9137" t="s">
        <v>81</v>
      </c>
      <c r="I9137" s="2">
        <v>0</v>
      </c>
      <c r="J9137" s="2">
        <v>1</v>
      </c>
      <c r="K9137" s="2">
        <v>0</v>
      </c>
      <c r="L9137" t="s">
        <v>82</v>
      </c>
      <c r="M9137" t="s">
        <v>83</v>
      </c>
      <c r="N9137" t="s">
        <v>91</v>
      </c>
      <c r="O9137" t="s">
        <v>85</v>
      </c>
      <c r="P9137" t="s">
        <v>86</v>
      </c>
      <c r="Q9137">
        <v>33</v>
      </c>
      <c r="R9137">
        <v>33</v>
      </c>
      <c r="S9137">
        <v>33</v>
      </c>
      <c r="T9137">
        <v>34</v>
      </c>
      <c r="U9137">
        <v>34</v>
      </c>
      <c r="V9137">
        <v>34</v>
      </c>
      <c r="W9137">
        <v>35</v>
      </c>
      <c r="X9137">
        <v>35</v>
      </c>
      <c r="Y9137">
        <v>35</v>
      </c>
      <c r="Z9137">
        <v>36</v>
      </c>
      <c r="AA9137">
        <v>36</v>
      </c>
      <c r="AB9137">
        <v>36</v>
      </c>
      <c r="AC9137">
        <v>37</v>
      </c>
      <c r="AD9137">
        <v>37</v>
      </c>
      <c r="AE9137">
        <v>37</v>
      </c>
      <c r="AF9137">
        <v>37</v>
      </c>
      <c r="AG9137">
        <v>38</v>
      </c>
      <c r="AH9137">
        <v>38</v>
      </c>
      <c r="AI9137">
        <v>38</v>
      </c>
      <c r="AJ9137">
        <v>38</v>
      </c>
      <c r="AK9137">
        <v>39</v>
      </c>
      <c r="AL9137">
        <v>39</v>
      </c>
      <c r="AM9137">
        <v>39</v>
      </c>
      <c r="AN9137">
        <v>39</v>
      </c>
      <c r="AO9137">
        <v>39</v>
      </c>
      <c r="AP9137">
        <v>38</v>
      </c>
      <c r="AQ9137">
        <v>38</v>
      </c>
    </row>
    <row r="9138" spans="1:43">
      <c r="A9138" t="s">
        <v>5710</v>
      </c>
      <c r="B9138" t="s">
        <v>5711</v>
      </c>
      <c r="C9138" t="s">
        <v>5702</v>
      </c>
      <c r="D9138" t="s">
        <v>5703</v>
      </c>
      <c r="E9138" t="s">
        <v>5698</v>
      </c>
      <c r="F9138" t="s">
        <v>5699</v>
      </c>
      <c r="G9138" t="s">
        <v>80</v>
      </c>
      <c r="H9138" t="s">
        <v>81</v>
      </c>
      <c r="I9138" s="2">
        <v>0</v>
      </c>
      <c r="J9138" s="2">
        <v>1</v>
      </c>
      <c r="K9138" s="2">
        <v>0</v>
      </c>
      <c r="L9138" t="s">
        <v>82</v>
      </c>
      <c r="M9138" t="s">
        <v>83</v>
      </c>
      <c r="N9138" t="s">
        <v>84</v>
      </c>
      <c r="O9138" t="s">
        <v>85</v>
      </c>
      <c r="P9138" t="s">
        <v>86</v>
      </c>
      <c r="Q9138">
        <v>84</v>
      </c>
      <c r="R9138">
        <v>85</v>
      </c>
      <c r="S9138">
        <v>86</v>
      </c>
      <c r="T9138">
        <v>86</v>
      </c>
      <c r="U9138">
        <v>87</v>
      </c>
      <c r="V9138">
        <v>88</v>
      </c>
      <c r="W9138">
        <v>89</v>
      </c>
      <c r="X9138">
        <v>90</v>
      </c>
      <c r="Y9138">
        <v>91</v>
      </c>
      <c r="Z9138">
        <v>91</v>
      </c>
      <c r="AA9138">
        <v>92</v>
      </c>
      <c r="AB9138">
        <v>93</v>
      </c>
      <c r="AC9138">
        <v>94</v>
      </c>
      <c r="AD9138">
        <v>95</v>
      </c>
      <c r="AE9138">
        <v>95</v>
      </c>
      <c r="AF9138">
        <v>96</v>
      </c>
      <c r="AG9138">
        <v>97</v>
      </c>
      <c r="AH9138">
        <v>97</v>
      </c>
      <c r="AI9138">
        <v>98</v>
      </c>
      <c r="AJ9138">
        <v>99</v>
      </c>
      <c r="AK9138">
        <v>99</v>
      </c>
      <c r="AL9138">
        <v>99</v>
      </c>
      <c r="AM9138">
        <v>99</v>
      </c>
      <c r="AN9138">
        <v>99</v>
      </c>
      <c r="AO9138">
        <v>99</v>
      </c>
      <c r="AP9138">
        <v>98</v>
      </c>
      <c r="AQ9138">
        <v>98</v>
      </c>
    </row>
    <row r="9139" spans="1:43">
      <c r="A9139" t="s">
        <v>5710</v>
      </c>
      <c r="B9139" t="s">
        <v>5711</v>
      </c>
      <c r="C9139" t="s">
        <v>5702</v>
      </c>
      <c r="D9139" t="s">
        <v>5703</v>
      </c>
      <c r="E9139" t="s">
        <v>5698</v>
      </c>
      <c r="F9139" t="s">
        <v>5699</v>
      </c>
      <c r="G9139" t="s">
        <v>80</v>
      </c>
      <c r="H9139" t="s">
        <v>81</v>
      </c>
      <c r="I9139" s="2">
        <v>0</v>
      </c>
      <c r="J9139" s="2">
        <v>1</v>
      </c>
      <c r="K9139" s="2">
        <v>0</v>
      </c>
      <c r="L9139" t="s">
        <v>82</v>
      </c>
      <c r="M9139" t="s">
        <v>87</v>
      </c>
      <c r="N9139" t="s">
        <v>88</v>
      </c>
      <c r="O9139" t="s">
        <v>85</v>
      </c>
      <c r="P9139" t="s">
        <v>86</v>
      </c>
      <c r="Q9139">
        <v>84</v>
      </c>
      <c r="R9139">
        <v>84</v>
      </c>
      <c r="S9139">
        <v>84</v>
      </c>
      <c r="T9139">
        <v>84</v>
      </c>
      <c r="U9139">
        <v>84</v>
      </c>
      <c r="V9139">
        <v>85</v>
      </c>
      <c r="W9139">
        <v>85</v>
      </c>
      <c r="X9139">
        <v>85</v>
      </c>
      <c r="Y9139">
        <v>85</v>
      </c>
      <c r="Z9139">
        <v>85</v>
      </c>
      <c r="AA9139">
        <v>85</v>
      </c>
      <c r="AB9139">
        <v>85</v>
      </c>
      <c r="AC9139">
        <v>85</v>
      </c>
      <c r="AD9139">
        <v>85</v>
      </c>
      <c r="AE9139">
        <v>85</v>
      </c>
      <c r="AF9139">
        <v>85</v>
      </c>
      <c r="AG9139">
        <v>85</v>
      </c>
      <c r="AH9139">
        <v>86</v>
      </c>
      <c r="AI9139">
        <v>86</v>
      </c>
      <c r="AJ9139">
        <v>86</v>
      </c>
      <c r="AK9139">
        <v>86</v>
      </c>
      <c r="AL9139">
        <v>86</v>
      </c>
      <c r="AM9139">
        <v>86</v>
      </c>
      <c r="AN9139">
        <v>86</v>
      </c>
      <c r="AO9139">
        <v>86</v>
      </c>
      <c r="AP9139">
        <v>86</v>
      </c>
      <c r="AQ9139">
        <v>86</v>
      </c>
    </row>
    <row r="9140" spans="1:43">
      <c r="A9140" t="s">
        <v>5710</v>
      </c>
      <c r="B9140" t="s">
        <v>5711</v>
      </c>
      <c r="C9140" t="s">
        <v>5702</v>
      </c>
      <c r="D9140" t="s">
        <v>5703</v>
      </c>
      <c r="E9140" t="s">
        <v>5698</v>
      </c>
      <c r="F9140" t="s">
        <v>5699</v>
      </c>
      <c r="G9140" t="s">
        <v>80</v>
      </c>
      <c r="H9140" t="s">
        <v>81</v>
      </c>
      <c r="I9140" s="2">
        <v>0</v>
      </c>
      <c r="J9140" s="2">
        <v>1</v>
      </c>
      <c r="K9140" s="2">
        <v>0</v>
      </c>
      <c r="L9140" t="s">
        <v>82</v>
      </c>
      <c r="M9140" t="s">
        <v>89</v>
      </c>
      <c r="N9140" t="s">
        <v>90</v>
      </c>
      <c r="O9140" t="s">
        <v>85</v>
      </c>
      <c r="P9140" t="s">
        <v>86</v>
      </c>
      <c r="Q9140">
        <v>84</v>
      </c>
      <c r="R9140">
        <v>85</v>
      </c>
      <c r="S9140">
        <v>87</v>
      </c>
      <c r="T9140">
        <v>88</v>
      </c>
      <c r="U9140">
        <v>90</v>
      </c>
      <c r="V9140">
        <v>91</v>
      </c>
      <c r="W9140">
        <v>93</v>
      </c>
      <c r="X9140">
        <v>94</v>
      </c>
      <c r="Y9140">
        <v>95</v>
      </c>
      <c r="Z9140">
        <v>96</v>
      </c>
      <c r="AA9140">
        <v>97</v>
      </c>
      <c r="AB9140">
        <v>98</v>
      </c>
      <c r="AC9140">
        <v>99</v>
      </c>
      <c r="AD9140">
        <v>101</v>
      </c>
      <c r="AE9140">
        <v>101</v>
      </c>
      <c r="AF9140">
        <v>101</v>
      </c>
      <c r="AG9140">
        <v>101</v>
      </c>
      <c r="AH9140">
        <v>100</v>
      </c>
      <c r="AI9140">
        <v>100</v>
      </c>
      <c r="AJ9140">
        <v>100</v>
      </c>
      <c r="AK9140">
        <v>100</v>
      </c>
      <c r="AL9140">
        <v>99</v>
      </c>
      <c r="AM9140">
        <v>99</v>
      </c>
      <c r="AN9140">
        <v>99</v>
      </c>
      <c r="AO9140">
        <v>99</v>
      </c>
      <c r="AP9140">
        <v>98</v>
      </c>
      <c r="AQ9140">
        <v>98</v>
      </c>
    </row>
    <row r="9141" spans="1:43">
      <c r="A9141" t="s">
        <v>5710</v>
      </c>
      <c r="B9141" t="s">
        <v>5711</v>
      </c>
      <c r="C9141" t="s">
        <v>5702</v>
      </c>
      <c r="D9141" t="s">
        <v>5703</v>
      </c>
      <c r="E9141" t="s">
        <v>5698</v>
      </c>
      <c r="F9141" t="s">
        <v>5699</v>
      </c>
      <c r="G9141" t="s">
        <v>80</v>
      </c>
      <c r="H9141" t="s">
        <v>81</v>
      </c>
      <c r="I9141" s="2">
        <v>0</v>
      </c>
      <c r="J9141" s="2">
        <v>1</v>
      </c>
      <c r="K9141" s="2">
        <v>0</v>
      </c>
      <c r="L9141" t="s">
        <v>82</v>
      </c>
      <c r="M9141" t="s">
        <v>83</v>
      </c>
      <c r="N9141" t="s">
        <v>91</v>
      </c>
      <c r="O9141" t="s">
        <v>85</v>
      </c>
      <c r="P9141" t="s">
        <v>86</v>
      </c>
      <c r="Q9141">
        <v>84</v>
      </c>
      <c r="R9141">
        <v>85</v>
      </c>
      <c r="S9141">
        <v>86</v>
      </c>
      <c r="T9141">
        <v>86</v>
      </c>
      <c r="U9141">
        <v>87</v>
      </c>
      <c r="V9141">
        <v>88</v>
      </c>
      <c r="W9141">
        <v>89</v>
      </c>
      <c r="X9141">
        <v>90</v>
      </c>
      <c r="Y9141">
        <v>91</v>
      </c>
      <c r="Z9141">
        <v>91</v>
      </c>
      <c r="AA9141">
        <v>92</v>
      </c>
      <c r="AB9141">
        <v>93</v>
      </c>
      <c r="AC9141">
        <v>94</v>
      </c>
      <c r="AD9141">
        <v>95</v>
      </c>
      <c r="AE9141">
        <v>95</v>
      </c>
      <c r="AF9141">
        <v>96</v>
      </c>
      <c r="AG9141">
        <v>97</v>
      </c>
      <c r="AH9141">
        <v>97</v>
      </c>
      <c r="AI9141">
        <v>98</v>
      </c>
      <c r="AJ9141">
        <v>99</v>
      </c>
      <c r="AK9141">
        <v>99</v>
      </c>
      <c r="AL9141">
        <v>99</v>
      </c>
      <c r="AM9141">
        <v>99</v>
      </c>
      <c r="AN9141">
        <v>99</v>
      </c>
      <c r="AO9141">
        <v>99</v>
      </c>
      <c r="AP9141">
        <v>98</v>
      </c>
      <c r="AQ9141">
        <v>98</v>
      </c>
    </row>
    <row r="9142" spans="1:43">
      <c r="A9142" t="s">
        <v>5712</v>
      </c>
      <c r="B9142" t="s">
        <v>5713</v>
      </c>
      <c r="C9142" t="s">
        <v>5702</v>
      </c>
      <c r="D9142" t="s">
        <v>5703</v>
      </c>
      <c r="E9142" t="s">
        <v>5698</v>
      </c>
      <c r="F9142" t="s">
        <v>5699</v>
      </c>
      <c r="G9142" t="s">
        <v>80</v>
      </c>
      <c r="H9142" t="s">
        <v>81</v>
      </c>
      <c r="I9142" s="2">
        <v>0</v>
      </c>
      <c r="J9142" s="2">
        <v>1</v>
      </c>
      <c r="K9142" s="2">
        <v>0</v>
      </c>
      <c r="L9142" t="s">
        <v>82</v>
      </c>
      <c r="M9142" t="s">
        <v>83</v>
      </c>
      <c r="N9142" t="s">
        <v>84</v>
      </c>
      <c r="O9142" t="s">
        <v>85</v>
      </c>
      <c r="P9142" t="s">
        <v>86</v>
      </c>
      <c r="Q9142">
        <v>101</v>
      </c>
      <c r="R9142">
        <v>102</v>
      </c>
      <c r="S9142">
        <v>104</v>
      </c>
      <c r="T9142">
        <v>105</v>
      </c>
      <c r="U9142">
        <v>106</v>
      </c>
      <c r="V9142">
        <v>107</v>
      </c>
      <c r="W9142">
        <v>108</v>
      </c>
      <c r="X9142">
        <v>109</v>
      </c>
      <c r="Y9142">
        <v>110</v>
      </c>
      <c r="Z9142">
        <v>111</v>
      </c>
      <c r="AA9142">
        <v>112</v>
      </c>
      <c r="AB9142">
        <v>112</v>
      </c>
      <c r="AC9142">
        <v>113</v>
      </c>
      <c r="AD9142">
        <v>114</v>
      </c>
      <c r="AE9142">
        <v>115</v>
      </c>
      <c r="AF9142">
        <v>116</v>
      </c>
      <c r="AG9142">
        <v>117</v>
      </c>
      <c r="AH9142">
        <v>118</v>
      </c>
      <c r="AI9142">
        <v>118</v>
      </c>
      <c r="AJ9142">
        <v>119</v>
      </c>
      <c r="AK9142">
        <v>120</v>
      </c>
      <c r="AL9142">
        <v>120</v>
      </c>
      <c r="AM9142">
        <v>120</v>
      </c>
      <c r="AN9142">
        <v>119</v>
      </c>
      <c r="AO9142">
        <v>119</v>
      </c>
      <c r="AP9142">
        <v>119</v>
      </c>
      <c r="AQ9142">
        <v>119</v>
      </c>
    </row>
    <row r="9143" spans="1:43">
      <c r="A9143" t="s">
        <v>5712</v>
      </c>
      <c r="B9143" t="s">
        <v>5713</v>
      </c>
      <c r="C9143" t="s">
        <v>5702</v>
      </c>
      <c r="D9143" t="s">
        <v>5703</v>
      </c>
      <c r="E9143" t="s">
        <v>5698</v>
      </c>
      <c r="F9143" t="s">
        <v>5699</v>
      </c>
      <c r="G9143" t="s">
        <v>80</v>
      </c>
      <c r="H9143" t="s">
        <v>81</v>
      </c>
      <c r="I9143" s="2">
        <v>0</v>
      </c>
      <c r="J9143" s="2">
        <v>1</v>
      </c>
      <c r="K9143" s="2">
        <v>0</v>
      </c>
      <c r="L9143" t="s">
        <v>82</v>
      </c>
      <c r="M9143" t="s">
        <v>87</v>
      </c>
      <c r="N9143" t="s">
        <v>88</v>
      </c>
      <c r="O9143" t="s">
        <v>85</v>
      </c>
      <c r="P9143" t="s">
        <v>86</v>
      </c>
      <c r="Q9143">
        <v>101</v>
      </c>
      <c r="R9143">
        <v>102</v>
      </c>
      <c r="S9143">
        <v>102</v>
      </c>
      <c r="T9143">
        <v>102</v>
      </c>
      <c r="U9143">
        <v>102</v>
      </c>
      <c r="V9143">
        <v>102</v>
      </c>
      <c r="W9143">
        <v>102</v>
      </c>
      <c r="X9143">
        <v>102</v>
      </c>
      <c r="Y9143">
        <v>102</v>
      </c>
      <c r="Z9143">
        <v>102</v>
      </c>
      <c r="AA9143">
        <v>102</v>
      </c>
      <c r="AB9143">
        <v>103</v>
      </c>
      <c r="AC9143">
        <v>103</v>
      </c>
      <c r="AD9143">
        <v>103</v>
      </c>
      <c r="AE9143">
        <v>103</v>
      </c>
      <c r="AF9143">
        <v>103</v>
      </c>
      <c r="AG9143">
        <v>103</v>
      </c>
      <c r="AH9143">
        <v>103</v>
      </c>
      <c r="AI9143">
        <v>103</v>
      </c>
      <c r="AJ9143">
        <v>103</v>
      </c>
      <c r="AK9143">
        <v>103</v>
      </c>
      <c r="AL9143">
        <v>103</v>
      </c>
      <c r="AM9143">
        <v>104</v>
      </c>
      <c r="AN9143">
        <v>104</v>
      </c>
      <c r="AO9143">
        <v>104</v>
      </c>
      <c r="AP9143">
        <v>104</v>
      </c>
      <c r="AQ9143">
        <v>104</v>
      </c>
    </row>
    <row r="9144" spans="1:43">
      <c r="A9144" t="s">
        <v>5712</v>
      </c>
      <c r="B9144" t="s">
        <v>5713</v>
      </c>
      <c r="C9144" t="s">
        <v>5702</v>
      </c>
      <c r="D9144" t="s">
        <v>5703</v>
      </c>
      <c r="E9144" t="s">
        <v>5698</v>
      </c>
      <c r="F9144" t="s">
        <v>5699</v>
      </c>
      <c r="G9144" t="s">
        <v>80</v>
      </c>
      <c r="H9144" t="s">
        <v>81</v>
      </c>
      <c r="I9144" s="2">
        <v>0</v>
      </c>
      <c r="J9144" s="2">
        <v>1</v>
      </c>
      <c r="K9144" s="2">
        <v>0</v>
      </c>
      <c r="L9144" t="s">
        <v>82</v>
      </c>
      <c r="M9144" t="s">
        <v>89</v>
      </c>
      <c r="N9144" t="s">
        <v>90</v>
      </c>
      <c r="O9144" t="s">
        <v>85</v>
      </c>
      <c r="P9144" t="s">
        <v>86</v>
      </c>
      <c r="Q9144">
        <v>101</v>
      </c>
      <c r="R9144">
        <v>103</v>
      </c>
      <c r="S9144">
        <v>105</v>
      </c>
      <c r="T9144">
        <v>107</v>
      </c>
      <c r="U9144">
        <v>109</v>
      </c>
      <c r="V9144">
        <v>110</v>
      </c>
      <c r="W9144">
        <v>112</v>
      </c>
      <c r="X9144">
        <v>114</v>
      </c>
      <c r="Y9144">
        <v>115</v>
      </c>
      <c r="Z9144">
        <v>116</v>
      </c>
      <c r="AA9144">
        <v>118</v>
      </c>
      <c r="AB9144">
        <v>119</v>
      </c>
      <c r="AC9144">
        <v>120</v>
      </c>
      <c r="AD9144">
        <v>122</v>
      </c>
      <c r="AE9144">
        <v>122</v>
      </c>
      <c r="AF9144">
        <v>122</v>
      </c>
      <c r="AG9144">
        <v>122</v>
      </c>
      <c r="AH9144">
        <v>121</v>
      </c>
      <c r="AI9144">
        <v>121</v>
      </c>
      <c r="AJ9144">
        <v>121</v>
      </c>
      <c r="AK9144">
        <v>121</v>
      </c>
      <c r="AL9144">
        <v>120</v>
      </c>
      <c r="AM9144">
        <v>120</v>
      </c>
      <c r="AN9144">
        <v>120</v>
      </c>
      <c r="AO9144">
        <v>119</v>
      </c>
      <c r="AP9144">
        <v>119</v>
      </c>
      <c r="AQ9144">
        <v>119</v>
      </c>
    </row>
    <row r="9145" spans="1:43">
      <c r="A9145" t="s">
        <v>5712</v>
      </c>
      <c r="B9145" t="s">
        <v>5713</v>
      </c>
      <c r="C9145" t="s">
        <v>5702</v>
      </c>
      <c r="D9145" t="s">
        <v>5703</v>
      </c>
      <c r="E9145" t="s">
        <v>5698</v>
      </c>
      <c r="F9145" t="s">
        <v>5699</v>
      </c>
      <c r="G9145" t="s">
        <v>80</v>
      </c>
      <c r="H9145" t="s">
        <v>81</v>
      </c>
      <c r="I9145" s="2">
        <v>0</v>
      </c>
      <c r="J9145" s="2">
        <v>1</v>
      </c>
      <c r="K9145" s="2">
        <v>0</v>
      </c>
      <c r="L9145" t="s">
        <v>82</v>
      </c>
      <c r="M9145" t="s">
        <v>83</v>
      </c>
      <c r="N9145" t="s">
        <v>91</v>
      </c>
      <c r="O9145" t="s">
        <v>85</v>
      </c>
      <c r="P9145" t="s">
        <v>86</v>
      </c>
      <c r="Q9145">
        <v>101</v>
      </c>
      <c r="R9145">
        <v>102</v>
      </c>
      <c r="S9145">
        <v>104</v>
      </c>
      <c r="T9145">
        <v>105</v>
      </c>
      <c r="U9145">
        <v>106</v>
      </c>
      <c r="V9145">
        <v>107</v>
      </c>
      <c r="W9145">
        <v>108</v>
      </c>
      <c r="X9145">
        <v>109</v>
      </c>
      <c r="Y9145">
        <v>110</v>
      </c>
      <c r="Z9145">
        <v>111</v>
      </c>
      <c r="AA9145">
        <v>112</v>
      </c>
      <c r="AB9145">
        <v>112</v>
      </c>
      <c r="AC9145">
        <v>113</v>
      </c>
      <c r="AD9145">
        <v>114</v>
      </c>
      <c r="AE9145">
        <v>115</v>
      </c>
      <c r="AF9145">
        <v>116</v>
      </c>
      <c r="AG9145">
        <v>117</v>
      </c>
      <c r="AH9145">
        <v>118</v>
      </c>
      <c r="AI9145">
        <v>118</v>
      </c>
      <c r="AJ9145">
        <v>119</v>
      </c>
      <c r="AK9145">
        <v>120</v>
      </c>
      <c r="AL9145">
        <v>120</v>
      </c>
      <c r="AM9145">
        <v>120</v>
      </c>
      <c r="AN9145">
        <v>119</v>
      </c>
      <c r="AO9145">
        <v>119</v>
      </c>
      <c r="AP9145">
        <v>119</v>
      </c>
      <c r="AQ9145">
        <v>119</v>
      </c>
    </row>
    <row r="9146" spans="1:43">
      <c r="A9146" t="s">
        <v>5714</v>
      </c>
      <c r="B9146" t="s">
        <v>5715</v>
      </c>
      <c r="C9146" t="s">
        <v>5716</v>
      </c>
      <c r="D9146" t="s">
        <v>5717</v>
      </c>
      <c r="E9146" t="s">
        <v>5698</v>
      </c>
      <c r="F9146" t="s">
        <v>5699</v>
      </c>
      <c r="G9146" t="s">
        <v>80</v>
      </c>
      <c r="H9146" t="s">
        <v>81</v>
      </c>
      <c r="I9146" s="2">
        <v>0</v>
      </c>
      <c r="J9146" s="2">
        <v>1</v>
      </c>
      <c r="K9146" s="2">
        <v>0</v>
      </c>
      <c r="L9146" t="s">
        <v>82</v>
      </c>
      <c r="M9146" t="s">
        <v>83</v>
      </c>
      <c r="N9146" t="s">
        <v>84</v>
      </c>
      <c r="O9146" t="s">
        <v>85</v>
      </c>
      <c r="P9146" t="s">
        <v>86</v>
      </c>
      <c r="Q9146">
        <v>296</v>
      </c>
      <c r="R9146">
        <v>300</v>
      </c>
      <c r="S9146">
        <v>303</v>
      </c>
      <c r="T9146">
        <v>306</v>
      </c>
      <c r="U9146">
        <v>310</v>
      </c>
      <c r="V9146">
        <v>313</v>
      </c>
      <c r="W9146">
        <v>316</v>
      </c>
      <c r="X9146">
        <v>320</v>
      </c>
      <c r="Y9146">
        <v>323</v>
      </c>
      <c r="Z9146">
        <v>326</v>
      </c>
      <c r="AA9146">
        <v>329</v>
      </c>
      <c r="AB9146">
        <v>332</v>
      </c>
      <c r="AC9146">
        <v>335</v>
      </c>
      <c r="AD9146">
        <v>338</v>
      </c>
      <c r="AE9146">
        <v>341</v>
      </c>
      <c r="AF9146">
        <v>343</v>
      </c>
      <c r="AG9146">
        <v>346</v>
      </c>
      <c r="AH9146">
        <v>349</v>
      </c>
      <c r="AI9146">
        <v>351</v>
      </c>
      <c r="AJ9146">
        <v>354</v>
      </c>
      <c r="AK9146">
        <v>356</v>
      </c>
      <c r="AL9146">
        <v>357</v>
      </c>
      <c r="AM9146">
        <v>357</v>
      </c>
      <c r="AN9146">
        <v>357</v>
      </c>
      <c r="AO9146">
        <v>356</v>
      </c>
      <c r="AP9146">
        <v>356</v>
      </c>
      <c r="AQ9146">
        <v>356</v>
      </c>
    </row>
    <row r="9147" spans="1:43">
      <c r="A9147" t="s">
        <v>5714</v>
      </c>
      <c r="B9147" t="s">
        <v>5715</v>
      </c>
      <c r="C9147" t="s">
        <v>5716</v>
      </c>
      <c r="D9147" t="s">
        <v>5717</v>
      </c>
      <c r="E9147" t="s">
        <v>5698</v>
      </c>
      <c r="F9147" t="s">
        <v>5699</v>
      </c>
      <c r="G9147" t="s">
        <v>80</v>
      </c>
      <c r="H9147" t="s">
        <v>81</v>
      </c>
      <c r="I9147" s="2">
        <v>0</v>
      </c>
      <c r="J9147" s="2">
        <v>1</v>
      </c>
      <c r="K9147" s="2">
        <v>0</v>
      </c>
      <c r="L9147" t="s">
        <v>82</v>
      </c>
      <c r="M9147" t="s">
        <v>87</v>
      </c>
      <c r="N9147" t="s">
        <v>88</v>
      </c>
      <c r="O9147" t="s">
        <v>85</v>
      </c>
      <c r="P9147" t="s">
        <v>86</v>
      </c>
      <c r="Q9147">
        <v>296</v>
      </c>
      <c r="R9147">
        <v>296</v>
      </c>
      <c r="S9147">
        <v>297</v>
      </c>
      <c r="T9147">
        <v>297</v>
      </c>
      <c r="U9147">
        <v>298</v>
      </c>
      <c r="V9147">
        <v>299</v>
      </c>
      <c r="W9147">
        <v>299</v>
      </c>
      <c r="X9147">
        <v>300</v>
      </c>
      <c r="Y9147">
        <v>300</v>
      </c>
      <c r="Z9147">
        <v>301</v>
      </c>
      <c r="AA9147">
        <v>302</v>
      </c>
      <c r="AB9147">
        <v>302</v>
      </c>
      <c r="AC9147">
        <v>303</v>
      </c>
      <c r="AD9147">
        <v>303</v>
      </c>
      <c r="AE9147">
        <v>304</v>
      </c>
      <c r="AF9147">
        <v>305</v>
      </c>
      <c r="AG9147">
        <v>305</v>
      </c>
      <c r="AH9147">
        <v>306</v>
      </c>
      <c r="AI9147">
        <v>306</v>
      </c>
      <c r="AJ9147">
        <v>307</v>
      </c>
      <c r="AK9147">
        <v>307</v>
      </c>
      <c r="AL9147">
        <v>308</v>
      </c>
      <c r="AM9147">
        <v>309</v>
      </c>
      <c r="AN9147">
        <v>309</v>
      </c>
      <c r="AO9147">
        <v>310</v>
      </c>
      <c r="AP9147">
        <v>310</v>
      </c>
      <c r="AQ9147">
        <v>311</v>
      </c>
    </row>
    <row r="9148" spans="1:43">
      <c r="A9148" t="s">
        <v>5714</v>
      </c>
      <c r="B9148" t="s">
        <v>5715</v>
      </c>
      <c r="C9148" t="s">
        <v>5716</v>
      </c>
      <c r="D9148" t="s">
        <v>5717</v>
      </c>
      <c r="E9148" t="s">
        <v>5698</v>
      </c>
      <c r="F9148" t="s">
        <v>5699</v>
      </c>
      <c r="G9148" t="s">
        <v>80</v>
      </c>
      <c r="H9148" t="s">
        <v>81</v>
      </c>
      <c r="I9148" s="2">
        <v>0</v>
      </c>
      <c r="J9148" s="2">
        <v>1</v>
      </c>
      <c r="K9148" s="2">
        <v>0</v>
      </c>
      <c r="L9148" t="s">
        <v>82</v>
      </c>
      <c r="M9148" t="s">
        <v>89</v>
      </c>
      <c r="N9148" t="s">
        <v>90</v>
      </c>
      <c r="O9148" t="s">
        <v>85</v>
      </c>
      <c r="P9148" t="s">
        <v>86</v>
      </c>
      <c r="Q9148">
        <v>296</v>
      </c>
      <c r="R9148">
        <v>302</v>
      </c>
      <c r="S9148">
        <v>308</v>
      </c>
      <c r="T9148">
        <v>313</v>
      </c>
      <c r="U9148">
        <v>319</v>
      </c>
      <c r="V9148">
        <v>324</v>
      </c>
      <c r="W9148">
        <v>330</v>
      </c>
      <c r="X9148">
        <v>334</v>
      </c>
      <c r="Y9148">
        <v>339</v>
      </c>
      <c r="Z9148">
        <v>343</v>
      </c>
      <c r="AA9148">
        <v>347</v>
      </c>
      <c r="AB9148">
        <v>351</v>
      </c>
      <c r="AC9148">
        <v>355</v>
      </c>
      <c r="AD9148">
        <v>359</v>
      </c>
      <c r="AE9148">
        <v>361</v>
      </c>
      <c r="AF9148">
        <v>361</v>
      </c>
      <c r="AG9148">
        <v>361</v>
      </c>
      <c r="AH9148">
        <v>360</v>
      </c>
      <c r="AI9148">
        <v>360</v>
      </c>
      <c r="AJ9148">
        <v>360</v>
      </c>
      <c r="AK9148">
        <v>360</v>
      </c>
      <c r="AL9148">
        <v>359</v>
      </c>
      <c r="AM9148">
        <v>359</v>
      </c>
      <c r="AN9148">
        <v>358</v>
      </c>
      <c r="AO9148">
        <v>358</v>
      </c>
      <c r="AP9148">
        <v>358</v>
      </c>
      <c r="AQ9148">
        <v>357</v>
      </c>
    </row>
    <row r="9149" spans="1:43">
      <c r="A9149" t="s">
        <v>5714</v>
      </c>
      <c r="B9149" t="s">
        <v>5715</v>
      </c>
      <c r="C9149" t="s">
        <v>5716</v>
      </c>
      <c r="D9149" t="s">
        <v>5717</v>
      </c>
      <c r="E9149" t="s">
        <v>5698</v>
      </c>
      <c r="F9149" t="s">
        <v>5699</v>
      </c>
      <c r="G9149" t="s">
        <v>80</v>
      </c>
      <c r="H9149" t="s">
        <v>81</v>
      </c>
      <c r="I9149" s="2">
        <v>0</v>
      </c>
      <c r="J9149" s="2">
        <v>1</v>
      </c>
      <c r="K9149" s="2">
        <v>0</v>
      </c>
      <c r="L9149" t="s">
        <v>82</v>
      </c>
      <c r="M9149" t="s">
        <v>83</v>
      </c>
      <c r="N9149" t="s">
        <v>91</v>
      </c>
      <c r="O9149" t="s">
        <v>85</v>
      </c>
      <c r="P9149" t="s">
        <v>86</v>
      </c>
      <c r="Q9149">
        <v>296</v>
      </c>
      <c r="R9149">
        <v>300</v>
      </c>
      <c r="S9149">
        <v>303</v>
      </c>
      <c r="T9149">
        <v>306</v>
      </c>
      <c r="U9149">
        <v>310</v>
      </c>
      <c r="V9149">
        <v>313</v>
      </c>
      <c r="W9149">
        <v>316</v>
      </c>
      <c r="X9149">
        <v>320</v>
      </c>
      <c r="Y9149">
        <v>323</v>
      </c>
      <c r="Z9149">
        <v>326</v>
      </c>
      <c r="AA9149">
        <v>329</v>
      </c>
      <c r="AB9149">
        <v>332</v>
      </c>
      <c r="AC9149">
        <v>335</v>
      </c>
      <c r="AD9149">
        <v>338</v>
      </c>
      <c r="AE9149">
        <v>341</v>
      </c>
      <c r="AF9149">
        <v>343</v>
      </c>
      <c r="AG9149">
        <v>346</v>
      </c>
      <c r="AH9149">
        <v>349</v>
      </c>
      <c r="AI9149">
        <v>351</v>
      </c>
      <c r="AJ9149">
        <v>354</v>
      </c>
      <c r="AK9149">
        <v>356</v>
      </c>
      <c r="AL9149">
        <v>357</v>
      </c>
      <c r="AM9149">
        <v>357</v>
      </c>
      <c r="AN9149">
        <v>357</v>
      </c>
      <c r="AO9149">
        <v>356</v>
      </c>
      <c r="AP9149">
        <v>356</v>
      </c>
      <c r="AQ9149">
        <v>356</v>
      </c>
    </row>
    <row r="9150" spans="1:43">
      <c r="A9150" t="s">
        <v>5718</v>
      </c>
      <c r="B9150" t="s">
        <v>5719</v>
      </c>
      <c r="C9150" t="s">
        <v>5716</v>
      </c>
      <c r="D9150" t="s">
        <v>5717</v>
      </c>
      <c r="E9150" t="s">
        <v>5698</v>
      </c>
      <c r="F9150" t="s">
        <v>5699</v>
      </c>
      <c r="G9150" t="s">
        <v>80</v>
      </c>
      <c r="H9150" t="s">
        <v>81</v>
      </c>
      <c r="I9150" s="2">
        <v>0</v>
      </c>
      <c r="J9150" s="2">
        <v>1</v>
      </c>
      <c r="K9150" s="2">
        <v>0</v>
      </c>
      <c r="L9150" t="s">
        <v>82</v>
      </c>
      <c r="M9150" t="s">
        <v>83</v>
      </c>
      <c r="N9150" t="s">
        <v>84</v>
      </c>
      <c r="O9150" t="s">
        <v>85</v>
      </c>
      <c r="P9150" t="s">
        <v>86</v>
      </c>
      <c r="Q9150">
        <v>235</v>
      </c>
      <c r="R9150">
        <v>237</v>
      </c>
      <c r="S9150">
        <v>240</v>
      </c>
      <c r="T9150">
        <v>242</v>
      </c>
      <c r="U9150">
        <v>245</v>
      </c>
      <c r="V9150">
        <v>248</v>
      </c>
      <c r="W9150">
        <v>250</v>
      </c>
      <c r="X9150">
        <v>252</v>
      </c>
      <c r="Y9150">
        <v>255</v>
      </c>
      <c r="Z9150">
        <v>257</v>
      </c>
      <c r="AA9150">
        <v>260</v>
      </c>
      <c r="AB9150">
        <v>262</v>
      </c>
      <c r="AC9150">
        <v>264</v>
      </c>
      <c r="AD9150">
        <v>266</v>
      </c>
      <c r="AE9150">
        <v>268</v>
      </c>
      <c r="AF9150">
        <v>271</v>
      </c>
      <c r="AG9150">
        <v>273</v>
      </c>
      <c r="AH9150">
        <v>275</v>
      </c>
      <c r="AI9150">
        <v>277</v>
      </c>
      <c r="AJ9150">
        <v>279</v>
      </c>
      <c r="AK9150">
        <v>281</v>
      </c>
      <c r="AL9150">
        <v>281</v>
      </c>
      <c r="AM9150">
        <v>281</v>
      </c>
      <c r="AN9150">
        <v>280</v>
      </c>
      <c r="AO9150">
        <v>280</v>
      </c>
      <c r="AP9150">
        <v>280</v>
      </c>
      <c r="AQ9150">
        <v>279</v>
      </c>
    </row>
    <row r="9151" spans="1:43">
      <c r="A9151" t="s">
        <v>5718</v>
      </c>
      <c r="B9151" t="s">
        <v>5719</v>
      </c>
      <c r="C9151" t="s">
        <v>5716</v>
      </c>
      <c r="D9151" t="s">
        <v>5717</v>
      </c>
      <c r="E9151" t="s">
        <v>5698</v>
      </c>
      <c r="F9151" t="s">
        <v>5699</v>
      </c>
      <c r="G9151" t="s">
        <v>80</v>
      </c>
      <c r="H9151" t="s">
        <v>81</v>
      </c>
      <c r="I9151" s="2">
        <v>0</v>
      </c>
      <c r="J9151" s="2">
        <v>1</v>
      </c>
      <c r="K9151" s="2">
        <v>0</v>
      </c>
      <c r="L9151" t="s">
        <v>82</v>
      </c>
      <c r="M9151" t="s">
        <v>87</v>
      </c>
      <c r="N9151" t="s">
        <v>88</v>
      </c>
      <c r="O9151" t="s">
        <v>85</v>
      </c>
      <c r="P9151" t="s">
        <v>86</v>
      </c>
      <c r="Q9151">
        <v>235</v>
      </c>
      <c r="R9151">
        <v>235</v>
      </c>
      <c r="S9151">
        <v>235</v>
      </c>
      <c r="T9151">
        <v>236</v>
      </c>
      <c r="U9151">
        <v>236</v>
      </c>
      <c r="V9151">
        <v>237</v>
      </c>
      <c r="W9151">
        <v>237</v>
      </c>
      <c r="X9151">
        <v>237</v>
      </c>
      <c r="Y9151">
        <v>238</v>
      </c>
      <c r="Z9151">
        <v>238</v>
      </c>
      <c r="AA9151">
        <v>238</v>
      </c>
      <c r="AB9151">
        <v>239</v>
      </c>
      <c r="AC9151">
        <v>239</v>
      </c>
      <c r="AD9151">
        <v>240</v>
      </c>
      <c r="AE9151">
        <v>240</v>
      </c>
      <c r="AF9151">
        <v>240</v>
      </c>
      <c r="AG9151">
        <v>241</v>
      </c>
      <c r="AH9151">
        <v>241</v>
      </c>
      <c r="AI9151">
        <v>241</v>
      </c>
      <c r="AJ9151">
        <v>242</v>
      </c>
      <c r="AK9151">
        <v>242</v>
      </c>
      <c r="AL9151">
        <v>242</v>
      </c>
      <c r="AM9151">
        <v>243</v>
      </c>
      <c r="AN9151">
        <v>243</v>
      </c>
      <c r="AO9151">
        <v>243</v>
      </c>
      <c r="AP9151">
        <v>244</v>
      </c>
      <c r="AQ9151">
        <v>244</v>
      </c>
    </row>
    <row r="9152" spans="1:43">
      <c r="A9152" t="s">
        <v>5718</v>
      </c>
      <c r="B9152" t="s">
        <v>5719</v>
      </c>
      <c r="C9152" t="s">
        <v>5716</v>
      </c>
      <c r="D9152" t="s">
        <v>5717</v>
      </c>
      <c r="E9152" t="s">
        <v>5698</v>
      </c>
      <c r="F9152" t="s">
        <v>5699</v>
      </c>
      <c r="G9152" t="s">
        <v>80</v>
      </c>
      <c r="H9152" t="s">
        <v>81</v>
      </c>
      <c r="I9152" s="2">
        <v>0</v>
      </c>
      <c r="J9152" s="2">
        <v>1</v>
      </c>
      <c r="K9152" s="2">
        <v>0</v>
      </c>
      <c r="L9152" t="s">
        <v>82</v>
      </c>
      <c r="M9152" t="s">
        <v>89</v>
      </c>
      <c r="N9152" t="s">
        <v>90</v>
      </c>
      <c r="O9152" t="s">
        <v>85</v>
      </c>
      <c r="P9152" t="s">
        <v>86</v>
      </c>
      <c r="Q9152">
        <v>235</v>
      </c>
      <c r="R9152">
        <v>240</v>
      </c>
      <c r="S9152">
        <v>244</v>
      </c>
      <c r="T9152">
        <v>248</v>
      </c>
      <c r="U9152">
        <v>253</v>
      </c>
      <c r="V9152">
        <v>257</v>
      </c>
      <c r="W9152">
        <v>261</v>
      </c>
      <c r="X9152">
        <v>265</v>
      </c>
      <c r="Y9152">
        <v>268</v>
      </c>
      <c r="Z9152">
        <v>271</v>
      </c>
      <c r="AA9152">
        <v>274</v>
      </c>
      <c r="AB9152">
        <v>277</v>
      </c>
      <c r="AC9152">
        <v>281</v>
      </c>
      <c r="AD9152">
        <v>284</v>
      </c>
      <c r="AE9152">
        <v>286</v>
      </c>
      <c r="AF9152">
        <v>285</v>
      </c>
      <c r="AG9152">
        <v>285</v>
      </c>
      <c r="AH9152">
        <v>285</v>
      </c>
      <c r="AI9152">
        <v>284</v>
      </c>
      <c r="AJ9152">
        <v>284</v>
      </c>
      <c r="AK9152">
        <v>283</v>
      </c>
      <c r="AL9152">
        <v>283</v>
      </c>
      <c r="AM9152">
        <v>283</v>
      </c>
      <c r="AN9152">
        <v>282</v>
      </c>
      <c r="AO9152">
        <v>282</v>
      </c>
      <c r="AP9152">
        <v>281</v>
      </c>
      <c r="AQ9152">
        <v>281</v>
      </c>
    </row>
    <row r="9153" spans="1:43">
      <c r="A9153" t="s">
        <v>5718</v>
      </c>
      <c r="B9153" t="s">
        <v>5719</v>
      </c>
      <c r="C9153" t="s">
        <v>5716</v>
      </c>
      <c r="D9153" t="s">
        <v>5717</v>
      </c>
      <c r="E9153" t="s">
        <v>5698</v>
      </c>
      <c r="F9153" t="s">
        <v>5699</v>
      </c>
      <c r="G9153" t="s">
        <v>80</v>
      </c>
      <c r="H9153" t="s">
        <v>81</v>
      </c>
      <c r="I9153" s="2">
        <v>0</v>
      </c>
      <c r="J9153" s="2">
        <v>1</v>
      </c>
      <c r="K9153" s="2">
        <v>0</v>
      </c>
      <c r="L9153" t="s">
        <v>82</v>
      </c>
      <c r="M9153" t="s">
        <v>83</v>
      </c>
      <c r="N9153" t="s">
        <v>91</v>
      </c>
      <c r="O9153" t="s">
        <v>85</v>
      </c>
      <c r="P9153" t="s">
        <v>86</v>
      </c>
      <c r="Q9153">
        <v>235</v>
      </c>
      <c r="R9153">
        <v>237</v>
      </c>
      <c r="S9153">
        <v>240</v>
      </c>
      <c r="T9153">
        <v>242</v>
      </c>
      <c r="U9153">
        <v>245</v>
      </c>
      <c r="V9153">
        <v>248</v>
      </c>
      <c r="W9153">
        <v>250</v>
      </c>
      <c r="X9153">
        <v>252</v>
      </c>
      <c r="Y9153">
        <v>255</v>
      </c>
      <c r="Z9153">
        <v>257</v>
      </c>
      <c r="AA9153">
        <v>260</v>
      </c>
      <c r="AB9153">
        <v>262</v>
      </c>
      <c r="AC9153">
        <v>264</v>
      </c>
      <c r="AD9153">
        <v>266</v>
      </c>
      <c r="AE9153">
        <v>268</v>
      </c>
      <c r="AF9153">
        <v>271</v>
      </c>
      <c r="AG9153">
        <v>273</v>
      </c>
      <c r="AH9153">
        <v>275</v>
      </c>
      <c r="AI9153">
        <v>277</v>
      </c>
      <c r="AJ9153">
        <v>279</v>
      </c>
      <c r="AK9153">
        <v>281</v>
      </c>
      <c r="AL9153">
        <v>281</v>
      </c>
      <c r="AM9153">
        <v>281</v>
      </c>
      <c r="AN9153">
        <v>280</v>
      </c>
      <c r="AO9153">
        <v>280</v>
      </c>
      <c r="AP9153">
        <v>280</v>
      </c>
      <c r="AQ9153">
        <v>279</v>
      </c>
    </row>
    <row r="9154" spans="1:43">
      <c r="A9154" t="s">
        <v>5720</v>
      </c>
      <c r="B9154" t="s">
        <v>5721</v>
      </c>
      <c r="C9154" t="s">
        <v>5722</v>
      </c>
      <c r="D9154" t="s">
        <v>5723</v>
      </c>
      <c r="E9154" t="s">
        <v>5698</v>
      </c>
      <c r="F9154" t="s">
        <v>5699</v>
      </c>
      <c r="G9154" t="s">
        <v>80</v>
      </c>
      <c r="H9154" t="s">
        <v>81</v>
      </c>
      <c r="I9154" s="2">
        <v>0</v>
      </c>
      <c r="J9154" s="2">
        <v>1</v>
      </c>
      <c r="K9154" s="2">
        <v>0</v>
      </c>
      <c r="L9154" t="s">
        <v>82</v>
      </c>
      <c r="M9154" t="s">
        <v>83</v>
      </c>
      <c r="N9154" t="s">
        <v>84</v>
      </c>
      <c r="O9154" t="s">
        <v>85</v>
      </c>
      <c r="P9154" t="s">
        <v>86</v>
      </c>
      <c r="Q9154">
        <v>175</v>
      </c>
      <c r="R9154">
        <v>177</v>
      </c>
      <c r="S9154">
        <v>178</v>
      </c>
      <c r="T9154">
        <v>180</v>
      </c>
      <c r="U9154">
        <v>182</v>
      </c>
      <c r="V9154">
        <v>184</v>
      </c>
      <c r="W9154">
        <v>185</v>
      </c>
      <c r="X9154">
        <v>187</v>
      </c>
      <c r="Y9154">
        <v>189</v>
      </c>
      <c r="Z9154">
        <v>190</v>
      </c>
      <c r="AA9154">
        <v>192</v>
      </c>
      <c r="AB9154">
        <v>194</v>
      </c>
      <c r="AC9154">
        <v>195</v>
      </c>
      <c r="AD9154">
        <v>197</v>
      </c>
      <c r="AE9154">
        <v>198</v>
      </c>
      <c r="AF9154">
        <v>200</v>
      </c>
      <c r="AG9154">
        <v>201</v>
      </c>
      <c r="AH9154">
        <v>202</v>
      </c>
      <c r="AI9154">
        <v>204</v>
      </c>
      <c r="AJ9154">
        <v>205</v>
      </c>
      <c r="AK9154">
        <v>207</v>
      </c>
      <c r="AL9154">
        <v>207</v>
      </c>
      <c r="AM9154">
        <v>206</v>
      </c>
      <c r="AN9154">
        <v>206</v>
      </c>
      <c r="AO9154">
        <v>205</v>
      </c>
      <c r="AP9154">
        <v>205</v>
      </c>
      <c r="AQ9154">
        <v>204</v>
      </c>
    </row>
    <row r="9155" spans="1:43">
      <c r="A9155" t="s">
        <v>5720</v>
      </c>
      <c r="B9155" t="s">
        <v>5721</v>
      </c>
      <c r="C9155" t="s">
        <v>5722</v>
      </c>
      <c r="D9155" t="s">
        <v>5723</v>
      </c>
      <c r="E9155" t="s">
        <v>5698</v>
      </c>
      <c r="F9155" t="s">
        <v>5699</v>
      </c>
      <c r="G9155" t="s">
        <v>80</v>
      </c>
      <c r="H9155" t="s">
        <v>81</v>
      </c>
      <c r="I9155" s="2">
        <v>0</v>
      </c>
      <c r="J9155" s="2">
        <v>1</v>
      </c>
      <c r="K9155" s="2">
        <v>0</v>
      </c>
      <c r="L9155" t="s">
        <v>82</v>
      </c>
      <c r="M9155" t="s">
        <v>87</v>
      </c>
      <c r="N9155" t="s">
        <v>88</v>
      </c>
      <c r="O9155" t="s">
        <v>85</v>
      </c>
      <c r="P9155" t="s">
        <v>86</v>
      </c>
      <c r="Q9155">
        <v>175</v>
      </c>
      <c r="R9155">
        <v>175</v>
      </c>
      <c r="S9155">
        <v>175</v>
      </c>
      <c r="T9155">
        <v>176</v>
      </c>
      <c r="U9155">
        <v>176</v>
      </c>
      <c r="V9155">
        <v>176</v>
      </c>
      <c r="W9155">
        <v>176</v>
      </c>
      <c r="X9155">
        <v>176</v>
      </c>
      <c r="Y9155">
        <v>176</v>
      </c>
      <c r="Z9155">
        <v>177</v>
      </c>
      <c r="AA9155">
        <v>177</v>
      </c>
      <c r="AB9155">
        <v>177</v>
      </c>
      <c r="AC9155">
        <v>177</v>
      </c>
      <c r="AD9155">
        <v>177</v>
      </c>
      <c r="AE9155">
        <v>177</v>
      </c>
      <c r="AF9155">
        <v>177</v>
      </c>
      <c r="AG9155">
        <v>178</v>
      </c>
      <c r="AH9155">
        <v>178</v>
      </c>
      <c r="AI9155">
        <v>178</v>
      </c>
      <c r="AJ9155">
        <v>178</v>
      </c>
      <c r="AK9155">
        <v>178</v>
      </c>
      <c r="AL9155">
        <v>178</v>
      </c>
      <c r="AM9155">
        <v>178</v>
      </c>
      <c r="AN9155">
        <v>178</v>
      </c>
      <c r="AO9155">
        <v>178</v>
      </c>
      <c r="AP9155">
        <v>179</v>
      </c>
      <c r="AQ9155">
        <v>179</v>
      </c>
    </row>
    <row r="9156" spans="1:43">
      <c r="A9156" t="s">
        <v>5720</v>
      </c>
      <c r="B9156" t="s">
        <v>5721</v>
      </c>
      <c r="C9156" t="s">
        <v>5722</v>
      </c>
      <c r="D9156" t="s">
        <v>5723</v>
      </c>
      <c r="E9156" t="s">
        <v>5698</v>
      </c>
      <c r="F9156" t="s">
        <v>5699</v>
      </c>
      <c r="G9156" t="s">
        <v>80</v>
      </c>
      <c r="H9156" t="s">
        <v>81</v>
      </c>
      <c r="I9156" s="2">
        <v>0</v>
      </c>
      <c r="J9156" s="2">
        <v>1</v>
      </c>
      <c r="K9156" s="2">
        <v>0</v>
      </c>
      <c r="L9156" t="s">
        <v>82</v>
      </c>
      <c r="M9156" t="s">
        <v>89</v>
      </c>
      <c r="N9156" t="s">
        <v>90</v>
      </c>
      <c r="O9156" t="s">
        <v>85</v>
      </c>
      <c r="P9156" t="s">
        <v>86</v>
      </c>
      <c r="Q9156">
        <v>175</v>
      </c>
      <c r="R9156">
        <v>179</v>
      </c>
      <c r="S9156">
        <v>182</v>
      </c>
      <c r="T9156">
        <v>185</v>
      </c>
      <c r="U9156">
        <v>188</v>
      </c>
      <c r="V9156">
        <v>191</v>
      </c>
      <c r="W9156">
        <v>194</v>
      </c>
      <c r="X9156">
        <v>196</v>
      </c>
      <c r="Y9156">
        <v>199</v>
      </c>
      <c r="Z9156">
        <v>201</v>
      </c>
      <c r="AA9156">
        <v>204</v>
      </c>
      <c r="AB9156">
        <v>206</v>
      </c>
      <c r="AC9156">
        <v>208</v>
      </c>
      <c r="AD9156">
        <v>211</v>
      </c>
      <c r="AE9156">
        <v>212</v>
      </c>
      <c r="AF9156">
        <v>211</v>
      </c>
      <c r="AG9156">
        <v>211</v>
      </c>
      <c r="AH9156">
        <v>210</v>
      </c>
      <c r="AI9156">
        <v>210</v>
      </c>
      <c r="AJ9156">
        <v>209</v>
      </c>
      <c r="AK9156">
        <v>209</v>
      </c>
      <c r="AL9156">
        <v>208</v>
      </c>
      <c r="AM9156">
        <v>208</v>
      </c>
      <c r="AN9156">
        <v>207</v>
      </c>
      <c r="AO9156">
        <v>207</v>
      </c>
      <c r="AP9156">
        <v>206</v>
      </c>
      <c r="AQ9156">
        <v>205</v>
      </c>
    </row>
    <row r="9157" spans="1:43">
      <c r="A9157" t="s">
        <v>5720</v>
      </c>
      <c r="B9157" t="s">
        <v>5721</v>
      </c>
      <c r="C9157" t="s">
        <v>5722</v>
      </c>
      <c r="D9157" t="s">
        <v>5723</v>
      </c>
      <c r="E9157" t="s">
        <v>5698</v>
      </c>
      <c r="F9157" t="s">
        <v>5699</v>
      </c>
      <c r="G9157" t="s">
        <v>80</v>
      </c>
      <c r="H9157" t="s">
        <v>81</v>
      </c>
      <c r="I9157" s="2">
        <v>0</v>
      </c>
      <c r="J9157" s="2">
        <v>1</v>
      </c>
      <c r="K9157" s="2">
        <v>0</v>
      </c>
      <c r="L9157" t="s">
        <v>82</v>
      </c>
      <c r="M9157" t="s">
        <v>83</v>
      </c>
      <c r="N9157" t="s">
        <v>91</v>
      </c>
      <c r="O9157" t="s">
        <v>85</v>
      </c>
      <c r="P9157" t="s">
        <v>86</v>
      </c>
      <c r="Q9157">
        <v>175</v>
      </c>
      <c r="R9157">
        <v>177</v>
      </c>
      <c r="S9157">
        <v>178</v>
      </c>
      <c r="T9157">
        <v>180</v>
      </c>
      <c r="U9157">
        <v>182</v>
      </c>
      <c r="V9157">
        <v>184</v>
      </c>
      <c r="W9157">
        <v>185</v>
      </c>
      <c r="X9157">
        <v>187</v>
      </c>
      <c r="Y9157">
        <v>189</v>
      </c>
      <c r="Z9157">
        <v>190</v>
      </c>
      <c r="AA9157">
        <v>192</v>
      </c>
      <c r="AB9157">
        <v>194</v>
      </c>
      <c r="AC9157">
        <v>195</v>
      </c>
      <c r="AD9157">
        <v>197</v>
      </c>
      <c r="AE9157">
        <v>198</v>
      </c>
      <c r="AF9157">
        <v>200</v>
      </c>
      <c r="AG9157">
        <v>201</v>
      </c>
      <c r="AH9157">
        <v>202</v>
      </c>
      <c r="AI9157">
        <v>204</v>
      </c>
      <c r="AJ9157">
        <v>205</v>
      </c>
      <c r="AK9157">
        <v>207</v>
      </c>
      <c r="AL9157">
        <v>207</v>
      </c>
      <c r="AM9157">
        <v>206</v>
      </c>
      <c r="AN9157">
        <v>206</v>
      </c>
      <c r="AO9157">
        <v>205</v>
      </c>
      <c r="AP9157">
        <v>205</v>
      </c>
      <c r="AQ9157">
        <v>204</v>
      </c>
    </row>
    <row r="9158" spans="1:43">
      <c r="A9158" t="s">
        <v>5724</v>
      </c>
      <c r="B9158" t="s">
        <v>5725</v>
      </c>
      <c r="C9158" t="s">
        <v>5722</v>
      </c>
      <c r="D9158" t="s">
        <v>5723</v>
      </c>
      <c r="E9158" t="s">
        <v>5698</v>
      </c>
      <c r="F9158" t="s">
        <v>5699</v>
      </c>
      <c r="G9158" t="s">
        <v>80</v>
      </c>
      <c r="H9158" t="s">
        <v>81</v>
      </c>
      <c r="I9158" s="2">
        <v>0</v>
      </c>
      <c r="J9158" s="2">
        <v>1</v>
      </c>
      <c r="K9158" s="2">
        <v>0</v>
      </c>
      <c r="L9158" t="s">
        <v>82</v>
      </c>
      <c r="M9158" t="s">
        <v>83</v>
      </c>
      <c r="N9158" t="s">
        <v>84</v>
      </c>
      <c r="O9158" t="s">
        <v>85</v>
      </c>
      <c r="P9158" t="s">
        <v>86</v>
      </c>
      <c r="Q9158">
        <v>74</v>
      </c>
      <c r="R9158">
        <v>75</v>
      </c>
      <c r="S9158">
        <v>76</v>
      </c>
      <c r="T9158">
        <v>76</v>
      </c>
      <c r="U9158">
        <v>77</v>
      </c>
      <c r="V9158">
        <v>78</v>
      </c>
      <c r="W9158">
        <v>79</v>
      </c>
      <c r="X9158">
        <v>79</v>
      </c>
      <c r="Y9158">
        <v>80</v>
      </c>
      <c r="Z9158">
        <v>81</v>
      </c>
      <c r="AA9158">
        <v>82</v>
      </c>
      <c r="AB9158">
        <v>82</v>
      </c>
      <c r="AC9158">
        <v>83</v>
      </c>
      <c r="AD9158">
        <v>84</v>
      </c>
      <c r="AE9158">
        <v>84</v>
      </c>
      <c r="AF9158">
        <v>85</v>
      </c>
      <c r="AG9158">
        <v>85</v>
      </c>
      <c r="AH9158">
        <v>86</v>
      </c>
      <c r="AI9158">
        <v>87</v>
      </c>
      <c r="AJ9158">
        <v>87</v>
      </c>
      <c r="AK9158">
        <v>88</v>
      </c>
      <c r="AL9158">
        <v>88</v>
      </c>
      <c r="AM9158">
        <v>88</v>
      </c>
      <c r="AN9158">
        <v>88</v>
      </c>
      <c r="AO9158">
        <v>87</v>
      </c>
      <c r="AP9158">
        <v>87</v>
      </c>
      <c r="AQ9158">
        <v>87</v>
      </c>
    </row>
    <row r="9159" spans="1:43">
      <c r="A9159" t="s">
        <v>5724</v>
      </c>
      <c r="B9159" t="s">
        <v>5725</v>
      </c>
      <c r="C9159" t="s">
        <v>5722</v>
      </c>
      <c r="D9159" t="s">
        <v>5723</v>
      </c>
      <c r="E9159" t="s">
        <v>5698</v>
      </c>
      <c r="F9159" t="s">
        <v>5699</v>
      </c>
      <c r="G9159" t="s">
        <v>80</v>
      </c>
      <c r="H9159" t="s">
        <v>81</v>
      </c>
      <c r="I9159" s="2">
        <v>0</v>
      </c>
      <c r="J9159" s="2">
        <v>1</v>
      </c>
      <c r="K9159" s="2">
        <v>0</v>
      </c>
      <c r="L9159" t="s">
        <v>82</v>
      </c>
      <c r="M9159" t="s">
        <v>87</v>
      </c>
      <c r="N9159" t="s">
        <v>88</v>
      </c>
      <c r="O9159" t="s">
        <v>85</v>
      </c>
      <c r="P9159" t="s">
        <v>86</v>
      </c>
      <c r="Q9159">
        <v>74</v>
      </c>
      <c r="R9159">
        <v>74</v>
      </c>
      <c r="S9159">
        <v>74</v>
      </c>
      <c r="T9159">
        <v>74</v>
      </c>
      <c r="U9159">
        <v>74</v>
      </c>
      <c r="V9159">
        <v>74</v>
      </c>
      <c r="W9159">
        <v>74</v>
      </c>
      <c r="X9159">
        <v>74</v>
      </c>
      <c r="Y9159">
        <v>74</v>
      </c>
      <c r="Z9159">
        <v>74</v>
      </c>
      <c r="AA9159">
        <v>74</v>
      </c>
      <c r="AB9159">
        <v>74</v>
      </c>
      <c r="AC9159">
        <v>74</v>
      </c>
      <c r="AD9159">
        <v>74</v>
      </c>
      <c r="AE9159">
        <v>75</v>
      </c>
      <c r="AF9159">
        <v>75</v>
      </c>
      <c r="AG9159">
        <v>75</v>
      </c>
      <c r="AH9159">
        <v>75</v>
      </c>
      <c r="AI9159">
        <v>75</v>
      </c>
      <c r="AJ9159">
        <v>75</v>
      </c>
      <c r="AK9159">
        <v>75</v>
      </c>
      <c r="AL9159">
        <v>75</v>
      </c>
      <c r="AM9159">
        <v>75</v>
      </c>
      <c r="AN9159">
        <v>75</v>
      </c>
      <c r="AO9159">
        <v>75</v>
      </c>
      <c r="AP9159">
        <v>75</v>
      </c>
      <c r="AQ9159">
        <v>75</v>
      </c>
    </row>
    <row r="9160" spans="1:43">
      <c r="A9160" t="s">
        <v>5724</v>
      </c>
      <c r="B9160" t="s">
        <v>5725</v>
      </c>
      <c r="C9160" t="s">
        <v>5722</v>
      </c>
      <c r="D9160" t="s">
        <v>5723</v>
      </c>
      <c r="E9160" t="s">
        <v>5698</v>
      </c>
      <c r="F9160" t="s">
        <v>5699</v>
      </c>
      <c r="G9160" t="s">
        <v>80</v>
      </c>
      <c r="H9160" t="s">
        <v>81</v>
      </c>
      <c r="I9160" s="2">
        <v>0</v>
      </c>
      <c r="J9160" s="2">
        <v>1</v>
      </c>
      <c r="K9160" s="2">
        <v>0</v>
      </c>
      <c r="L9160" t="s">
        <v>82</v>
      </c>
      <c r="M9160" t="s">
        <v>89</v>
      </c>
      <c r="N9160" t="s">
        <v>90</v>
      </c>
      <c r="O9160" t="s">
        <v>85</v>
      </c>
      <c r="P9160" t="s">
        <v>86</v>
      </c>
      <c r="Q9160">
        <v>74</v>
      </c>
      <c r="R9160">
        <v>75</v>
      </c>
      <c r="S9160">
        <v>77</v>
      </c>
      <c r="T9160">
        <v>78</v>
      </c>
      <c r="U9160">
        <v>79</v>
      </c>
      <c r="V9160">
        <v>81</v>
      </c>
      <c r="W9160">
        <v>82</v>
      </c>
      <c r="X9160">
        <v>83</v>
      </c>
      <c r="Y9160">
        <v>84</v>
      </c>
      <c r="Z9160">
        <v>85</v>
      </c>
      <c r="AA9160">
        <v>86</v>
      </c>
      <c r="AB9160">
        <v>87</v>
      </c>
      <c r="AC9160">
        <v>88</v>
      </c>
      <c r="AD9160">
        <v>89</v>
      </c>
      <c r="AE9160">
        <v>89</v>
      </c>
      <c r="AF9160">
        <v>89</v>
      </c>
      <c r="AG9160">
        <v>89</v>
      </c>
      <c r="AH9160">
        <v>89</v>
      </c>
      <c r="AI9160">
        <v>89</v>
      </c>
      <c r="AJ9160">
        <v>88</v>
      </c>
      <c r="AK9160">
        <v>88</v>
      </c>
      <c r="AL9160">
        <v>88</v>
      </c>
      <c r="AM9160">
        <v>88</v>
      </c>
      <c r="AN9160">
        <v>87</v>
      </c>
      <c r="AO9160">
        <v>87</v>
      </c>
      <c r="AP9160">
        <v>87</v>
      </c>
      <c r="AQ9160">
        <v>87</v>
      </c>
    </row>
    <row r="9161" spans="1:43">
      <c r="A9161" t="s">
        <v>5724</v>
      </c>
      <c r="B9161" t="s">
        <v>5725</v>
      </c>
      <c r="C9161" t="s">
        <v>5722</v>
      </c>
      <c r="D9161" t="s">
        <v>5723</v>
      </c>
      <c r="E9161" t="s">
        <v>5698</v>
      </c>
      <c r="F9161" t="s">
        <v>5699</v>
      </c>
      <c r="G9161" t="s">
        <v>80</v>
      </c>
      <c r="H9161" t="s">
        <v>81</v>
      </c>
      <c r="I9161" s="2">
        <v>0</v>
      </c>
      <c r="J9161" s="2">
        <v>1</v>
      </c>
      <c r="K9161" s="2">
        <v>0</v>
      </c>
      <c r="L9161" t="s">
        <v>82</v>
      </c>
      <c r="M9161" t="s">
        <v>83</v>
      </c>
      <c r="N9161" t="s">
        <v>91</v>
      </c>
      <c r="O9161" t="s">
        <v>85</v>
      </c>
      <c r="P9161" t="s">
        <v>86</v>
      </c>
      <c r="Q9161">
        <v>74</v>
      </c>
      <c r="R9161">
        <v>75</v>
      </c>
      <c r="S9161">
        <v>76</v>
      </c>
      <c r="T9161">
        <v>76</v>
      </c>
      <c r="U9161">
        <v>77</v>
      </c>
      <c r="V9161">
        <v>78</v>
      </c>
      <c r="W9161">
        <v>79</v>
      </c>
      <c r="X9161">
        <v>79</v>
      </c>
      <c r="Y9161">
        <v>80</v>
      </c>
      <c r="Z9161">
        <v>81</v>
      </c>
      <c r="AA9161">
        <v>82</v>
      </c>
      <c r="AB9161">
        <v>82</v>
      </c>
      <c r="AC9161">
        <v>83</v>
      </c>
      <c r="AD9161">
        <v>84</v>
      </c>
      <c r="AE9161">
        <v>84</v>
      </c>
      <c r="AF9161">
        <v>85</v>
      </c>
      <c r="AG9161">
        <v>85</v>
      </c>
      <c r="AH9161">
        <v>86</v>
      </c>
      <c r="AI9161">
        <v>87</v>
      </c>
      <c r="AJ9161">
        <v>87</v>
      </c>
      <c r="AK9161">
        <v>88</v>
      </c>
      <c r="AL9161">
        <v>88</v>
      </c>
      <c r="AM9161">
        <v>88</v>
      </c>
      <c r="AN9161">
        <v>88</v>
      </c>
      <c r="AO9161">
        <v>87</v>
      </c>
      <c r="AP9161">
        <v>87</v>
      </c>
      <c r="AQ9161">
        <v>87</v>
      </c>
    </row>
    <row r="9162" spans="1:43">
      <c r="A9162" t="s">
        <v>5726</v>
      </c>
      <c r="B9162" t="s">
        <v>5727</v>
      </c>
      <c r="C9162" t="s">
        <v>5728</v>
      </c>
      <c r="D9162" t="s">
        <v>5729</v>
      </c>
      <c r="E9162" t="s">
        <v>5698</v>
      </c>
      <c r="F9162" t="s">
        <v>5699</v>
      </c>
      <c r="G9162" t="s">
        <v>80</v>
      </c>
      <c r="H9162" t="s">
        <v>81</v>
      </c>
      <c r="I9162" s="2">
        <v>0</v>
      </c>
      <c r="J9162" s="2">
        <v>1</v>
      </c>
      <c r="K9162" s="2">
        <v>0</v>
      </c>
      <c r="L9162" t="s">
        <v>82</v>
      </c>
      <c r="M9162" t="s">
        <v>83</v>
      </c>
      <c r="N9162" t="s">
        <v>84</v>
      </c>
      <c r="O9162" t="s">
        <v>85</v>
      </c>
      <c r="P9162" t="s">
        <v>86</v>
      </c>
      <c r="Q9162">
        <v>94</v>
      </c>
      <c r="R9162">
        <v>95</v>
      </c>
      <c r="S9162">
        <v>96</v>
      </c>
      <c r="T9162">
        <v>97</v>
      </c>
      <c r="U9162">
        <v>98</v>
      </c>
      <c r="V9162">
        <v>99</v>
      </c>
      <c r="W9162">
        <v>100</v>
      </c>
      <c r="X9162">
        <v>100</v>
      </c>
      <c r="Y9162">
        <v>101</v>
      </c>
      <c r="Z9162">
        <v>102</v>
      </c>
      <c r="AA9162">
        <v>103</v>
      </c>
      <c r="AB9162">
        <v>104</v>
      </c>
      <c r="AC9162">
        <v>105</v>
      </c>
      <c r="AD9162">
        <v>106</v>
      </c>
      <c r="AE9162">
        <v>106</v>
      </c>
      <c r="AF9162">
        <v>107</v>
      </c>
      <c r="AG9162">
        <v>108</v>
      </c>
      <c r="AH9162">
        <v>109</v>
      </c>
      <c r="AI9162">
        <v>110</v>
      </c>
      <c r="AJ9162">
        <v>110</v>
      </c>
      <c r="AK9162">
        <v>111</v>
      </c>
      <c r="AL9162">
        <v>111</v>
      </c>
      <c r="AM9162">
        <v>111</v>
      </c>
      <c r="AN9162">
        <v>111</v>
      </c>
      <c r="AO9162">
        <v>111</v>
      </c>
      <c r="AP9162">
        <v>110</v>
      </c>
      <c r="AQ9162">
        <v>110</v>
      </c>
    </row>
    <row r="9163" spans="1:43">
      <c r="A9163" t="s">
        <v>5726</v>
      </c>
      <c r="B9163" t="s">
        <v>5727</v>
      </c>
      <c r="C9163" t="s">
        <v>5728</v>
      </c>
      <c r="D9163" t="s">
        <v>5729</v>
      </c>
      <c r="E9163" t="s">
        <v>5698</v>
      </c>
      <c r="F9163" t="s">
        <v>5699</v>
      </c>
      <c r="G9163" t="s">
        <v>80</v>
      </c>
      <c r="H9163" t="s">
        <v>81</v>
      </c>
      <c r="I9163" s="2">
        <v>0</v>
      </c>
      <c r="J9163" s="2">
        <v>1</v>
      </c>
      <c r="K9163" s="2">
        <v>0</v>
      </c>
      <c r="L9163" t="s">
        <v>82</v>
      </c>
      <c r="M9163" t="s">
        <v>87</v>
      </c>
      <c r="N9163" t="s">
        <v>88</v>
      </c>
      <c r="O9163" t="s">
        <v>85</v>
      </c>
      <c r="P9163" t="s">
        <v>86</v>
      </c>
      <c r="Q9163">
        <v>94</v>
      </c>
      <c r="R9163">
        <v>94</v>
      </c>
      <c r="S9163">
        <v>94</v>
      </c>
      <c r="T9163">
        <v>94</v>
      </c>
      <c r="U9163">
        <v>94</v>
      </c>
      <c r="V9163">
        <v>94</v>
      </c>
      <c r="W9163">
        <v>95</v>
      </c>
      <c r="X9163">
        <v>95</v>
      </c>
      <c r="Y9163">
        <v>95</v>
      </c>
      <c r="Z9163">
        <v>95</v>
      </c>
      <c r="AA9163">
        <v>95</v>
      </c>
      <c r="AB9163">
        <v>95</v>
      </c>
      <c r="AC9163">
        <v>95</v>
      </c>
      <c r="AD9163">
        <v>95</v>
      </c>
      <c r="AE9163">
        <v>95</v>
      </c>
      <c r="AF9163">
        <v>95</v>
      </c>
      <c r="AG9163">
        <v>95</v>
      </c>
      <c r="AH9163">
        <v>95</v>
      </c>
      <c r="AI9163">
        <v>96</v>
      </c>
      <c r="AJ9163">
        <v>96</v>
      </c>
      <c r="AK9163">
        <v>96</v>
      </c>
      <c r="AL9163">
        <v>96</v>
      </c>
      <c r="AM9163">
        <v>96</v>
      </c>
      <c r="AN9163">
        <v>96</v>
      </c>
      <c r="AO9163">
        <v>96</v>
      </c>
      <c r="AP9163">
        <v>96</v>
      </c>
      <c r="AQ9163">
        <v>96</v>
      </c>
    </row>
    <row r="9164" spans="1:43">
      <c r="A9164" t="s">
        <v>5726</v>
      </c>
      <c r="B9164" t="s">
        <v>5727</v>
      </c>
      <c r="C9164" t="s">
        <v>5728</v>
      </c>
      <c r="D9164" t="s">
        <v>5729</v>
      </c>
      <c r="E9164" t="s">
        <v>5698</v>
      </c>
      <c r="F9164" t="s">
        <v>5699</v>
      </c>
      <c r="G9164" t="s">
        <v>80</v>
      </c>
      <c r="H9164" t="s">
        <v>81</v>
      </c>
      <c r="I9164" s="2">
        <v>0</v>
      </c>
      <c r="J9164" s="2">
        <v>1</v>
      </c>
      <c r="K9164" s="2">
        <v>0</v>
      </c>
      <c r="L9164" t="s">
        <v>82</v>
      </c>
      <c r="M9164" t="s">
        <v>89</v>
      </c>
      <c r="N9164" t="s">
        <v>90</v>
      </c>
      <c r="O9164" t="s">
        <v>85</v>
      </c>
      <c r="P9164" t="s">
        <v>86</v>
      </c>
      <c r="Q9164">
        <v>94</v>
      </c>
      <c r="R9164">
        <v>95</v>
      </c>
      <c r="S9164">
        <v>97</v>
      </c>
      <c r="T9164">
        <v>99</v>
      </c>
      <c r="U9164">
        <v>101</v>
      </c>
      <c r="V9164">
        <v>102</v>
      </c>
      <c r="W9164">
        <v>104</v>
      </c>
      <c r="X9164">
        <v>105</v>
      </c>
      <c r="Y9164">
        <v>106</v>
      </c>
      <c r="Z9164">
        <v>108</v>
      </c>
      <c r="AA9164">
        <v>109</v>
      </c>
      <c r="AB9164">
        <v>110</v>
      </c>
      <c r="AC9164">
        <v>111</v>
      </c>
      <c r="AD9164">
        <v>113</v>
      </c>
      <c r="AE9164">
        <v>113</v>
      </c>
      <c r="AF9164">
        <v>113</v>
      </c>
      <c r="AG9164">
        <v>113</v>
      </c>
      <c r="AH9164">
        <v>113</v>
      </c>
      <c r="AI9164">
        <v>112</v>
      </c>
      <c r="AJ9164">
        <v>112</v>
      </c>
      <c r="AK9164">
        <v>112</v>
      </c>
      <c r="AL9164">
        <v>112</v>
      </c>
      <c r="AM9164">
        <v>111</v>
      </c>
      <c r="AN9164">
        <v>111</v>
      </c>
      <c r="AO9164">
        <v>111</v>
      </c>
      <c r="AP9164">
        <v>110</v>
      </c>
      <c r="AQ9164">
        <v>110</v>
      </c>
    </row>
    <row r="9165" spans="1:43">
      <c r="A9165" t="s">
        <v>5726</v>
      </c>
      <c r="B9165" t="s">
        <v>5727</v>
      </c>
      <c r="C9165" t="s">
        <v>5728</v>
      </c>
      <c r="D9165" t="s">
        <v>5729</v>
      </c>
      <c r="E9165" t="s">
        <v>5698</v>
      </c>
      <c r="F9165" t="s">
        <v>5699</v>
      </c>
      <c r="G9165" t="s">
        <v>80</v>
      </c>
      <c r="H9165" t="s">
        <v>81</v>
      </c>
      <c r="I9165" s="2">
        <v>0</v>
      </c>
      <c r="J9165" s="2">
        <v>1</v>
      </c>
      <c r="K9165" s="2">
        <v>0</v>
      </c>
      <c r="L9165" t="s">
        <v>82</v>
      </c>
      <c r="M9165" t="s">
        <v>83</v>
      </c>
      <c r="N9165" t="s">
        <v>91</v>
      </c>
      <c r="O9165" t="s">
        <v>85</v>
      </c>
      <c r="P9165" t="s">
        <v>86</v>
      </c>
      <c r="Q9165">
        <v>94</v>
      </c>
      <c r="R9165">
        <v>95</v>
      </c>
      <c r="S9165">
        <v>96</v>
      </c>
      <c r="T9165">
        <v>97</v>
      </c>
      <c r="U9165">
        <v>98</v>
      </c>
      <c r="V9165">
        <v>99</v>
      </c>
      <c r="W9165">
        <v>100</v>
      </c>
      <c r="X9165">
        <v>100</v>
      </c>
      <c r="Y9165">
        <v>101</v>
      </c>
      <c r="Z9165">
        <v>102</v>
      </c>
      <c r="AA9165">
        <v>103</v>
      </c>
      <c r="AB9165">
        <v>104</v>
      </c>
      <c r="AC9165">
        <v>105</v>
      </c>
      <c r="AD9165">
        <v>106</v>
      </c>
      <c r="AE9165">
        <v>106</v>
      </c>
      <c r="AF9165">
        <v>107</v>
      </c>
      <c r="AG9165">
        <v>108</v>
      </c>
      <c r="AH9165">
        <v>109</v>
      </c>
      <c r="AI9165">
        <v>110</v>
      </c>
      <c r="AJ9165">
        <v>110</v>
      </c>
      <c r="AK9165">
        <v>111</v>
      </c>
      <c r="AL9165">
        <v>111</v>
      </c>
      <c r="AM9165">
        <v>111</v>
      </c>
      <c r="AN9165">
        <v>111</v>
      </c>
      <c r="AO9165">
        <v>111</v>
      </c>
      <c r="AP9165">
        <v>110</v>
      </c>
      <c r="AQ9165">
        <v>110</v>
      </c>
    </row>
    <row r="9166" spans="1:43">
      <c r="A9166" t="s">
        <v>5730</v>
      </c>
      <c r="B9166" t="s">
        <v>5731</v>
      </c>
      <c r="C9166" t="s">
        <v>5728</v>
      </c>
      <c r="D9166" t="s">
        <v>5729</v>
      </c>
      <c r="E9166" t="s">
        <v>5698</v>
      </c>
      <c r="F9166" t="s">
        <v>5699</v>
      </c>
      <c r="G9166" t="s">
        <v>80</v>
      </c>
      <c r="H9166" t="s">
        <v>81</v>
      </c>
      <c r="I9166" s="2">
        <v>0</v>
      </c>
      <c r="J9166" s="2">
        <v>1</v>
      </c>
      <c r="K9166" s="2">
        <v>0</v>
      </c>
      <c r="L9166" t="s">
        <v>82</v>
      </c>
      <c r="M9166" t="s">
        <v>83</v>
      </c>
      <c r="N9166" t="s">
        <v>84</v>
      </c>
      <c r="O9166" t="s">
        <v>85</v>
      </c>
      <c r="P9166" t="s">
        <v>86</v>
      </c>
      <c r="Q9166">
        <v>83</v>
      </c>
      <c r="R9166">
        <v>84</v>
      </c>
      <c r="S9166">
        <v>85</v>
      </c>
      <c r="T9166">
        <v>85</v>
      </c>
      <c r="U9166">
        <v>86</v>
      </c>
      <c r="V9166">
        <v>87</v>
      </c>
      <c r="W9166">
        <v>88</v>
      </c>
      <c r="X9166">
        <v>89</v>
      </c>
      <c r="Y9166">
        <v>89</v>
      </c>
      <c r="Z9166">
        <v>90</v>
      </c>
      <c r="AA9166">
        <v>91</v>
      </c>
      <c r="AB9166">
        <v>92</v>
      </c>
      <c r="AC9166">
        <v>92</v>
      </c>
      <c r="AD9166">
        <v>93</v>
      </c>
      <c r="AE9166">
        <v>94</v>
      </c>
      <c r="AF9166">
        <v>95</v>
      </c>
      <c r="AG9166">
        <v>95</v>
      </c>
      <c r="AH9166">
        <v>96</v>
      </c>
      <c r="AI9166">
        <v>97</v>
      </c>
      <c r="AJ9166">
        <v>97</v>
      </c>
      <c r="AK9166">
        <v>98</v>
      </c>
      <c r="AL9166">
        <v>98</v>
      </c>
      <c r="AM9166">
        <v>98</v>
      </c>
      <c r="AN9166">
        <v>97</v>
      </c>
      <c r="AO9166">
        <v>97</v>
      </c>
      <c r="AP9166">
        <v>97</v>
      </c>
      <c r="AQ9166">
        <v>97</v>
      </c>
    </row>
    <row r="9167" spans="1:43">
      <c r="A9167" t="s">
        <v>5730</v>
      </c>
      <c r="B9167" t="s">
        <v>5731</v>
      </c>
      <c r="C9167" t="s">
        <v>5728</v>
      </c>
      <c r="D9167" t="s">
        <v>5729</v>
      </c>
      <c r="E9167" t="s">
        <v>5698</v>
      </c>
      <c r="F9167" t="s">
        <v>5699</v>
      </c>
      <c r="G9167" t="s">
        <v>80</v>
      </c>
      <c r="H9167" t="s">
        <v>81</v>
      </c>
      <c r="I9167" s="2">
        <v>0</v>
      </c>
      <c r="J9167" s="2">
        <v>1</v>
      </c>
      <c r="K9167" s="2">
        <v>0</v>
      </c>
      <c r="L9167" t="s">
        <v>82</v>
      </c>
      <c r="M9167" t="s">
        <v>87</v>
      </c>
      <c r="N9167" t="s">
        <v>88</v>
      </c>
      <c r="O9167" t="s">
        <v>85</v>
      </c>
      <c r="P9167" t="s">
        <v>86</v>
      </c>
      <c r="Q9167">
        <v>83</v>
      </c>
      <c r="R9167">
        <v>83</v>
      </c>
      <c r="S9167">
        <v>83</v>
      </c>
      <c r="T9167">
        <v>83</v>
      </c>
      <c r="U9167">
        <v>83</v>
      </c>
      <c r="V9167">
        <v>83</v>
      </c>
      <c r="W9167">
        <v>84</v>
      </c>
      <c r="X9167">
        <v>84</v>
      </c>
      <c r="Y9167">
        <v>84</v>
      </c>
      <c r="Z9167">
        <v>84</v>
      </c>
      <c r="AA9167">
        <v>84</v>
      </c>
      <c r="AB9167">
        <v>84</v>
      </c>
      <c r="AC9167">
        <v>84</v>
      </c>
      <c r="AD9167">
        <v>84</v>
      </c>
      <c r="AE9167">
        <v>84</v>
      </c>
      <c r="AF9167">
        <v>84</v>
      </c>
      <c r="AG9167">
        <v>84</v>
      </c>
      <c r="AH9167">
        <v>84</v>
      </c>
      <c r="AI9167">
        <v>84</v>
      </c>
      <c r="AJ9167">
        <v>84</v>
      </c>
      <c r="AK9167">
        <v>84</v>
      </c>
      <c r="AL9167">
        <v>84</v>
      </c>
      <c r="AM9167">
        <v>85</v>
      </c>
      <c r="AN9167">
        <v>85</v>
      </c>
      <c r="AO9167">
        <v>85</v>
      </c>
      <c r="AP9167">
        <v>85</v>
      </c>
      <c r="AQ9167">
        <v>85</v>
      </c>
    </row>
    <row r="9168" spans="1:43">
      <c r="A9168" t="s">
        <v>5730</v>
      </c>
      <c r="B9168" t="s">
        <v>5731</v>
      </c>
      <c r="C9168" t="s">
        <v>5728</v>
      </c>
      <c r="D9168" t="s">
        <v>5729</v>
      </c>
      <c r="E9168" t="s">
        <v>5698</v>
      </c>
      <c r="F9168" t="s">
        <v>5699</v>
      </c>
      <c r="G9168" t="s">
        <v>80</v>
      </c>
      <c r="H9168" t="s">
        <v>81</v>
      </c>
      <c r="I9168" s="2">
        <v>0</v>
      </c>
      <c r="J9168" s="2">
        <v>1</v>
      </c>
      <c r="K9168" s="2">
        <v>0</v>
      </c>
      <c r="L9168" t="s">
        <v>82</v>
      </c>
      <c r="M9168" t="s">
        <v>89</v>
      </c>
      <c r="N9168" t="s">
        <v>90</v>
      </c>
      <c r="O9168" t="s">
        <v>85</v>
      </c>
      <c r="P9168" t="s">
        <v>86</v>
      </c>
      <c r="Q9168">
        <v>83</v>
      </c>
      <c r="R9168">
        <v>84</v>
      </c>
      <c r="S9168">
        <v>86</v>
      </c>
      <c r="T9168">
        <v>87</v>
      </c>
      <c r="U9168">
        <v>89</v>
      </c>
      <c r="V9168">
        <v>90</v>
      </c>
      <c r="W9168">
        <v>91</v>
      </c>
      <c r="X9168">
        <v>93</v>
      </c>
      <c r="Y9168">
        <v>94</v>
      </c>
      <c r="Z9168">
        <v>95</v>
      </c>
      <c r="AA9168">
        <v>96</v>
      </c>
      <c r="AB9168">
        <v>97</v>
      </c>
      <c r="AC9168">
        <v>98</v>
      </c>
      <c r="AD9168">
        <v>99</v>
      </c>
      <c r="AE9168">
        <v>100</v>
      </c>
      <c r="AF9168">
        <v>99</v>
      </c>
      <c r="AG9168">
        <v>99</v>
      </c>
      <c r="AH9168">
        <v>99</v>
      </c>
      <c r="AI9168">
        <v>99</v>
      </c>
      <c r="AJ9168">
        <v>98</v>
      </c>
      <c r="AK9168">
        <v>98</v>
      </c>
      <c r="AL9168">
        <v>98</v>
      </c>
      <c r="AM9168">
        <v>98</v>
      </c>
      <c r="AN9168">
        <v>97</v>
      </c>
      <c r="AO9168">
        <v>97</v>
      </c>
      <c r="AP9168">
        <v>97</v>
      </c>
      <c r="AQ9168">
        <v>96</v>
      </c>
    </row>
    <row r="9169" spans="1:43">
      <c r="A9169" t="s">
        <v>5730</v>
      </c>
      <c r="B9169" t="s">
        <v>5731</v>
      </c>
      <c r="C9169" t="s">
        <v>5728</v>
      </c>
      <c r="D9169" t="s">
        <v>5729</v>
      </c>
      <c r="E9169" t="s">
        <v>5698</v>
      </c>
      <c r="F9169" t="s">
        <v>5699</v>
      </c>
      <c r="G9169" t="s">
        <v>80</v>
      </c>
      <c r="H9169" t="s">
        <v>81</v>
      </c>
      <c r="I9169" s="2">
        <v>0</v>
      </c>
      <c r="J9169" s="2">
        <v>1</v>
      </c>
      <c r="K9169" s="2">
        <v>0</v>
      </c>
      <c r="L9169" t="s">
        <v>82</v>
      </c>
      <c r="M9169" t="s">
        <v>83</v>
      </c>
      <c r="N9169" t="s">
        <v>91</v>
      </c>
      <c r="O9169" t="s">
        <v>85</v>
      </c>
      <c r="P9169" t="s">
        <v>86</v>
      </c>
      <c r="Q9169">
        <v>83</v>
      </c>
      <c r="R9169">
        <v>84</v>
      </c>
      <c r="S9169">
        <v>85</v>
      </c>
      <c r="T9169">
        <v>85</v>
      </c>
      <c r="U9169">
        <v>86</v>
      </c>
      <c r="V9169">
        <v>87</v>
      </c>
      <c r="W9169">
        <v>88</v>
      </c>
      <c r="X9169">
        <v>89</v>
      </c>
      <c r="Y9169">
        <v>89</v>
      </c>
      <c r="Z9169">
        <v>90</v>
      </c>
      <c r="AA9169">
        <v>91</v>
      </c>
      <c r="AB9169">
        <v>92</v>
      </c>
      <c r="AC9169">
        <v>92</v>
      </c>
      <c r="AD9169">
        <v>93</v>
      </c>
      <c r="AE9169">
        <v>94</v>
      </c>
      <c r="AF9169">
        <v>95</v>
      </c>
      <c r="AG9169">
        <v>95</v>
      </c>
      <c r="AH9169">
        <v>96</v>
      </c>
      <c r="AI9169">
        <v>97</v>
      </c>
      <c r="AJ9169">
        <v>97</v>
      </c>
      <c r="AK9169">
        <v>98</v>
      </c>
      <c r="AL9169">
        <v>98</v>
      </c>
      <c r="AM9169">
        <v>98</v>
      </c>
      <c r="AN9169">
        <v>97</v>
      </c>
      <c r="AO9169">
        <v>97</v>
      </c>
      <c r="AP9169">
        <v>97</v>
      </c>
      <c r="AQ9169">
        <v>97</v>
      </c>
    </row>
    <row r="9170" spans="1:43">
      <c r="A9170" t="s">
        <v>5732</v>
      </c>
      <c r="B9170" t="s">
        <v>5733</v>
      </c>
      <c r="C9170" t="s">
        <v>5728</v>
      </c>
      <c r="D9170" t="s">
        <v>5729</v>
      </c>
      <c r="E9170" t="s">
        <v>5698</v>
      </c>
      <c r="F9170" t="s">
        <v>5699</v>
      </c>
      <c r="G9170" t="s">
        <v>80</v>
      </c>
      <c r="H9170" t="s">
        <v>81</v>
      </c>
      <c r="I9170" s="2">
        <v>0</v>
      </c>
      <c r="J9170" s="2">
        <v>1</v>
      </c>
      <c r="K9170" s="2">
        <v>0</v>
      </c>
      <c r="L9170" t="s">
        <v>82</v>
      </c>
      <c r="M9170" t="s">
        <v>83</v>
      </c>
      <c r="N9170" t="s">
        <v>84</v>
      </c>
      <c r="O9170" t="s">
        <v>85</v>
      </c>
      <c r="P9170" t="s">
        <v>86</v>
      </c>
      <c r="Q9170">
        <v>149</v>
      </c>
      <c r="R9170">
        <v>150</v>
      </c>
      <c r="S9170">
        <v>152</v>
      </c>
      <c r="T9170">
        <v>154</v>
      </c>
      <c r="U9170">
        <v>155</v>
      </c>
      <c r="V9170">
        <v>157</v>
      </c>
      <c r="W9170">
        <v>158</v>
      </c>
      <c r="X9170">
        <v>159</v>
      </c>
      <c r="Y9170">
        <v>161</v>
      </c>
      <c r="Z9170">
        <v>162</v>
      </c>
      <c r="AA9170">
        <v>164</v>
      </c>
      <c r="AB9170">
        <v>165</v>
      </c>
      <c r="AC9170">
        <v>167</v>
      </c>
      <c r="AD9170">
        <v>168</v>
      </c>
      <c r="AE9170">
        <v>169</v>
      </c>
      <c r="AF9170">
        <v>170</v>
      </c>
      <c r="AG9170">
        <v>172</v>
      </c>
      <c r="AH9170">
        <v>173</v>
      </c>
      <c r="AI9170">
        <v>174</v>
      </c>
      <c r="AJ9170">
        <v>175</v>
      </c>
      <c r="AK9170">
        <v>177</v>
      </c>
      <c r="AL9170">
        <v>177</v>
      </c>
      <c r="AM9170">
        <v>176</v>
      </c>
      <c r="AN9170">
        <v>176</v>
      </c>
      <c r="AO9170">
        <v>176</v>
      </c>
      <c r="AP9170">
        <v>175</v>
      </c>
      <c r="AQ9170">
        <v>175</v>
      </c>
    </row>
    <row r="9171" spans="1:43">
      <c r="A9171" t="s">
        <v>5732</v>
      </c>
      <c r="B9171" t="s">
        <v>5733</v>
      </c>
      <c r="C9171" t="s">
        <v>5728</v>
      </c>
      <c r="D9171" t="s">
        <v>5729</v>
      </c>
      <c r="E9171" t="s">
        <v>5698</v>
      </c>
      <c r="F9171" t="s">
        <v>5699</v>
      </c>
      <c r="G9171" t="s">
        <v>80</v>
      </c>
      <c r="H9171" t="s">
        <v>81</v>
      </c>
      <c r="I9171" s="2">
        <v>0</v>
      </c>
      <c r="J9171" s="2">
        <v>1</v>
      </c>
      <c r="K9171" s="2">
        <v>0</v>
      </c>
      <c r="L9171" t="s">
        <v>82</v>
      </c>
      <c r="M9171" t="s">
        <v>87</v>
      </c>
      <c r="N9171" t="s">
        <v>88</v>
      </c>
      <c r="O9171" t="s">
        <v>85</v>
      </c>
      <c r="P9171" t="s">
        <v>86</v>
      </c>
      <c r="Q9171">
        <v>149</v>
      </c>
      <c r="R9171">
        <v>149</v>
      </c>
      <c r="S9171">
        <v>149</v>
      </c>
      <c r="T9171">
        <v>149</v>
      </c>
      <c r="U9171">
        <v>149</v>
      </c>
      <c r="V9171">
        <v>149</v>
      </c>
      <c r="W9171">
        <v>149</v>
      </c>
      <c r="X9171">
        <v>150</v>
      </c>
      <c r="Y9171">
        <v>150</v>
      </c>
      <c r="Z9171">
        <v>150</v>
      </c>
      <c r="AA9171">
        <v>150</v>
      </c>
      <c r="AB9171">
        <v>150</v>
      </c>
      <c r="AC9171">
        <v>150</v>
      </c>
      <c r="AD9171">
        <v>151</v>
      </c>
      <c r="AE9171">
        <v>151</v>
      </c>
      <c r="AF9171">
        <v>151</v>
      </c>
      <c r="AG9171">
        <v>151</v>
      </c>
      <c r="AH9171">
        <v>151</v>
      </c>
      <c r="AI9171">
        <v>151</v>
      </c>
      <c r="AJ9171">
        <v>151</v>
      </c>
      <c r="AK9171">
        <v>151</v>
      </c>
      <c r="AL9171">
        <v>152</v>
      </c>
      <c r="AM9171">
        <v>152</v>
      </c>
      <c r="AN9171">
        <v>152</v>
      </c>
      <c r="AO9171">
        <v>152</v>
      </c>
      <c r="AP9171">
        <v>152</v>
      </c>
      <c r="AQ9171">
        <v>152</v>
      </c>
    </row>
    <row r="9172" spans="1:43">
      <c r="A9172" t="s">
        <v>5732</v>
      </c>
      <c r="B9172" t="s">
        <v>5733</v>
      </c>
      <c r="C9172" t="s">
        <v>5728</v>
      </c>
      <c r="D9172" t="s">
        <v>5729</v>
      </c>
      <c r="E9172" t="s">
        <v>5698</v>
      </c>
      <c r="F9172" t="s">
        <v>5699</v>
      </c>
      <c r="G9172" t="s">
        <v>80</v>
      </c>
      <c r="H9172" t="s">
        <v>81</v>
      </c>
      <c r="I9172" s="2">
        <v>0</v>
      </c>
      <c r="J9172" s="2">
        <v>1</v>
      </c>
      <c r="K9172" s="2">
        <v>0</v>
      </c>
      <c r="L9172" t="s">
        <v>82</v>
      </c>
      <c r="M9172" t="s">
        <v>89</v>
      </c>
      <c r="N9172" t="s">
        <v>90</v>
      </c>
      <c r="O9172" t="s">
        <v>85</v>
      </c>
      <c r="P9172" t="s">
        <v>86</v>
      </c>
      <c r="Q9172">
        <v>149</v>
      </c>
      <c r="R9172">
        <v>152</v>
      </c>
      <c r="S9172">
        <v>155</v>
      </c>
      <c r="T9172">
        <v>158</v>
      </c>
      <c r="U9172">
        <v>160</v>
      </c>
      <c r="V9172">
        <v>163</v>
      </c>
      <c r="W9172">
        <v>165</v>
      </c>
      <c r="X9172">
        <v>167</v>
      </c>
      <c r="Y9172">
        <v>170</v>
      </c>
      <c r="Z9172">
        <v>172</v>
      </c>
      <c r="AA9172">
        <v>174</v>
      </c>
      <c r="AB9172">
        <v>176</v>
      </c>
      <c r="AC9172">
        <v>178</v>
      </c>
      <c r="AD9172">
        <v>180</v>
      </c>
      <c r="AE9172">
        <v>181</v>
      </c>
      <c r="AF9172">
        <v>180</v>
      </c>
      <c r="AG9172">
        <v>180</v>
      </c>
      <c r="AH9172">
        <v>179</v>
      </c>
      <c r="AI9172">
        <v>179</v>
      </c>
      <c r="AJ9172">
        <v>179</v>
      </c>
      <c r="AK9172">
        <v>178</v>
      </c>
      <c r="AL9172">
        <v>178</v>
      </c>
      <c r="AM9172">
        <v>178</v>
      </c>
      <c r="AN9172">
        <v>177</v>
      </c>
      <c r="AO9172">
        <v>177</v>
      </c>
      <c r="AP9172">
        <v>176</v>
      </c>
      <c r="AQ9172">
        <v>176</v>
      </c>
    </row>
    <row r="9173" spans="1:43">
      <c r="A9173" t="s">
        <v>5732</v>
      </c>
      <c r="B9173" t="s">
        <v>5733</v>
      </c>
      <c r="C9173" t="s">
        <v>5728</v>
      </c>
      <c r="D9173" t="s">
        <v>5729</v>
      </c>
      <c r="E9173" t="s">
        <v>5698</v>
      </c>
      <c r="F9173" t="s">
        <v>5699</v>
      </c>
      <c r="G9173" t="s">
        <v>80</v>
      </c>
      <c r="H9173" t="s">
        <v>81</v>
      </c>
      <c r="I9173" s="2">
        <v>0</v>
      </c>
      <c r="J9173" s="2">
        <v>1</v>
      </c>
      <c r="K9173" s="2">
        <v>0</v>
      </c>
      <c r="L9173" t="s">
        <v>82</v>
      </c>
      <c r="M9173" t="s">
        <v>83</v>
      </c>
      <c r="N9173" t="s">
        <v>91</v>
      </c>
      <c r="O9173" t="s">
        <v>85</v>
      </c>
      <c r="P9173" t="s">
        <v>86</v>
      </c>
      <c r="Q9173">
        <v>149</v>
      </c>
      <c r="R9173">
        <v>150</v>
      </c>
      <c r="S9173">
        <v>152</v>
      </c>
      <c r="T9173">
        <v>154</v>
      </c>
      <c r="U9173">
        <v>155</v>
      </c>
      <c r="V9173">
        <v>157</v>
      </c>
      <c r="W9173">
        <v>158</v>
      </c>
      <c r="X9173">
        <v>159</v>
      </c>
      <c r="Y9173">
        <v>161</v>
      </c>
      <c r="Z9173">
        <v>162</v>
      </c>
      <c r="AA9173">
        <v>164</v>
      </c>
      <c r="AB9173">
        <v>165</v>
      </c>
      <c r="AC9173">
        <v>167</v>
      </c>
      <c r="AD9173">
        <v>168</v>
      </c>
      <c r="AE9173">
        <v>169</v>
      </c>
      <c r="AF9173">
        <v>170</v>
      </c>
      <c r="AG9173">
        <v>172</v>
      </c>
      <c r="AH9173">
        <v>173</v>
      </c>
      <c r="AI9173">
        <v>174</v>
      </c>
      <c r="AJ9173">
        <v>175</v>
      </c>
      <c r="AK9173">
        <v>177</v>
      </c>
      <c r="AL9173">
        <v>177</v>
      </c>
      <c r="AM9173">
        <v>176</v>
      </c>
      <c r="AN9173">
        <v>176</v>
      </c>
      <c r="AO9173">
        <v>176</v>
      </c>
      <c r="AP9173">
        <v>175</v>
      </c>
      <c r="AQ9173">
        <v>175</v>
      </c>
    </row>
    <row r="9174" spans="1:43">
      <c r="A9174" t="s">
        <v>5734</v>
      </c>
      <c r="B9174" t="s">
        <v>5735</v>
      </c>
      <c r="C9174" t="s">
        <v>5728</v>
      </c>
      <c r="D9174" t="s">
        <v>5729</v>
      </c>
      <c r="E9174" t="s">
        <v>5698</v>
      </c>
      <c r="F9174" t="s">
        <v>5699</v>
      </c>
      <c r="G9174" t="s">
        <v>80</v>
      </c>
      <c r="H9174" t="s">
        <v>81</v>
      </c>
      <c r="I9174" s="2">
        <v>0</v>
      </c>
      <c r="J9174" s="2">
        <v>1</v>
      </c>
      <c r="K9174" s="2">
        <v>0</v>
      </c>
      <c r="L9174" t="s">
        <v>82</v>
      </c>
      <c r="M9174" t="s">
        <v>83</v>
      </c>
      <c r="N9174" t="s">
        <v>84</v>
      </c>
      <c r="O9174" t="s">
        <v>85</v>
      </c>
      <c r="P9174" t="s">
        <v>86</v>
      </c>
      <c r="Q9174">
        <v>176</v>
      </c>
      <c r="R9174">
        <v>178</v>
      </c>
      <c r="S9174">
        <v>179</v>
      </c>
      <c r="T9174">
        <v>181</v>
      </c>
      <c r="U9174">
        <v>183</v>
      </c>
      <c r="V9174">
        <v>185</v>
      </c>
      <c r="W9174">
        <v>186</v>
      </c>
      <c r="X9174">
        <v>188</v>
      </c>
      <c r="Y9174">
        <v>190</v>
      </c>
      <c r="Z9174">
        <v>192</v>
      </c>
      <c r="AA9174">
        <v>193</v>
      </c>
      <c r="AB9174">
        <v>195</v>
      </c>
      <c r="AC9174">
        <v>196</v>
      </c>
      <c r="AD9174">
        <v>198</v>
      </c>
      <c r="AE9174">
        <v>199</v>
      </c>
      <c r="AF9174">
        <v>201</v>
      </c>
      <c r="AG9174">
        <v>202</v>
      </c>
      <c r="AH9174">
        <v>204</v>
      </c>
      <c r="AI9174">
        <v>205</v>
      </c>
      <c r="AJ9174">
        <v>207</v>
      </c>
      <c r="AK9174">
        <v>208</v>
      </c>
      <c r="AL9174">
        <v>208</v>
      </c>
      <c r="AM9174">
        <v>208</v>
      </c>
      <c r="AN9174">
        <v>207</v>
      </c>
      <c r="AO9174">
        <v>207</v>
      </c>
      <c r="AP9174">
        <v>206</v>
      </c>
      <c r="AQ9174">
        <v>206</v>
      </c>
    </row>
    <row r="9175" spans="1:43">
      <c r="A9175" t="s">
        <v>5734</v>
      </c>
      <c r="B9175" t="s">
        <v>5735</v>
      </c>
      <c r="C9175" t="s">
        <v>5728</v>
      </c>
      <c r="D9175" t="s">
        <v>5729</v>
      </c>
      <c r="E9175" t="s">
        <v>5698</v>
      </c>
      <c r="F9175" t="s">
        <v>5699</v>
      </c>
      <c r="G9175" t="s">
        <v>80</v>
      </c>
      <c r="H9175" t="s">
        <v>81</v>
      </c>
      <c r="I9175" s="2">
        <v>0</v>
      </c>
      <c r="J9175" s="2">
        <v>1</v>
      </c>
      <c r="K9175" s="2">
        <v>0</v>
      </c>
      <c r="L9175" t="s">
        <v>82</v>
      </c>
      <c r="M9175" t="s">
        <v>87</v>
      </c>
      <c r="N9175" t="s">
        <v>88</v>
      </c>
      <c r="O9175" t="s">
        <v>85</v>
      </c>
      <c r="P9175" t="s">
        <v>86</v>
      </c>
      <c r="Q9175">
        <v>176</v>
      </c>
      <c r="R9175">
        <v>176</v>
      </c>
      <c r="S9175">
        <v>176</v>
      </c>
      <c r="T9175">
        <v>177</v>
      </c>
      <c r="U9175">
        <v>177</v>
      </c>
      <c r="V9175">
        <v>177</v>
      </c>
      <c r="W9175">
        <v>177</v>
      </c>
      <c r="X9175">
        <v>177</v>
      </c>
      <c r="Y9175">
        <v>177</v>
      </c>
      <c r="Z9175">
        <v>178</v>
      </c>
      <c r="AA9175">
        <v>178</v>
      </c>
      <c r="AB9175">
        <v>178</v>
      </c>
      <c r="AC9175">
        <v>178</v>
      </c>
      <c r="AD9175">
        <v>178</v>
      </c>
      <c r="AE9175">
        <v>178</v>
      </c>
      <c r="AF9175">
        <v>179</v>
      </c>
      <c r="AG9175">
        <v>179</v>
      </c>
      <c r="AH9175">
        <v>179</v>
      </c>
      <c r="AI9175">
        <v>179</v>
      </c>
      <c r="AJ9175">
        <v>179</v>
      </c>
      <c r="AK9175">
        <v>179</v>
      </c>
      <c r="AL9175">
        <v>179</v>
      </c>
      <c r="AM9175">
        <v>180</v>
      </c>
      <c r="AN9175">
        <v>180</v>
      </c>
      <c r="AO9175">
        <v>180</v>
      </c>
      <c r="AP9175">
        <v>180</v>
      </c>
      <c r="AQ9175">
        <v>180</v>
      </c>
    </row>
    <row r="9176" spans="1:43">
      <c r="A9176" t="s">
        <v>5734</v>
      </c>
      <c r="B9176" t="s">
        <v>5735</v>
      </c>
      <c r="C9176" t="s">
        <v>5728</v>
      </c>
      <c r="D9176" t="s">
        <v>5729</v>
      </c>
      <c r="E9176" t="s">
        <v>5698</v>
      </c>
      <c r="F9176" t="s">
        <v>5699</v>
      </c>
      <c r="G9176" t="s">
        <v>80</v>
      </c>
      <c r="H9176" t="s">
        <v>81</v>
      </c>
      <c r="I9176" s="2">
        <v>0</v>
      </c>
      <c r="J9176" s="2">
        <v>1</v>
      </c>
      <c r="K9176" s="2">
        <v>0</v>
      </c>
      <c r="L9176" t="s">
        <v>82</v>
      </c>
      <c r="M9176" t="s">
        <v>89</v>
      </c>
      <c r="N9176" t="s">
        <v>90</v>
      </c>
      <c r="O9176" t="s">
        <v>85</v>
      </c>
      <c r="P9176" t="s">
        <v>86</v>
      </c>
      <c r="Q9176">
        <v>176</v>
      </c>
      <c r="R9176">
        <v>180</v>
      </c>
      <c r="S9176">
        <v>183</v>
      </c>
      <c r="T9176">
        <v>186</v>
      </c>
      <c r="U9176">
        <v>189</v>
      </c>
      <c r="V9176">
        <v>192</v>
      </c>
      <c r="W9176">
        <v>195</v>
      </c>
      <c r="X9176">
        <v>198</v>
      </c>
      <c r="Y9176">
        <v>200</v>
      </c>
      <c r="Z9176">
        <v>203</v>
      </c>
      <c r="AA9176">
        <v>205</v>
      </c>
      <c r="AB9176">
        <v>207</v>
      </c>
      <c r="AC9176">
        <v>210</v>
      </c>
      <c r="AD9176">
        <v>212</v>
      </c>
      <c r="AE9176">
        <v>213</v>
      </c>
      <c r="AF9176">
        <v>213</v>
      </c>
      <c r="AG9176">
        <v>212</v>
      </c>
      <c r="AH9176">
        <v>212</v>
      </c>
      <c r="AI9176">
        <v>211</v>
      </c>
      <c r="AJ9176">
        <v>211</v>
      </c>
      <c r="AK9176">
        <v>210</v>
      </c>
      <c r="AL9176">
        <v>210</v>
      </c>
      <c r="AM9176">
        <v>209</v>
      </c>
      <c r="AN9176">
        <v>209</v>
      </c>
      <c r="AO9176">
        <v>208</v>
      </c>
      <c r="AP9176">
        <v>207</v>
      </c>
      <c r="AQ9176">
        <v>207</v>
      </c>
    </row>
    <row r="9177" spans="1:43">
      <c r="A9177" t="s">
        <v>5734</v>
      </c>
      <c r="B9177" t="s">
        <v>5735</v>
      </c>
      <c r="C9177" t="s">
        <v>5728</v>
      </c>
      <c r="D9177" t="s">
        <v>5729</v>
      </c>
      <c r="E9177" t="s">
        <v>5698</v>
      </c>
      <c r="F9177" t="s">
        <v>5699</v>
      </c>
      <c r="G9177" t="s">
        <v>80</v>
      </c>
      <c r="H9177" t="s">
        <v>81</v>
      </c>
      <c r="I9177" s="2">
        <v>0</v>
      </c>
      <c r="J9177" s="2">
        <v>1</v>
      </c>
      <c r="K9177" s="2">
        <v>0</v>
      </c>
      <c r="L9177" t="s">
        <v>82</v>
      </c>
      <c r="M9177" t="s">
        <v>83</v>
      </c>
      <c r="N9177" t="s">
        <v>91</v>
      </c>
      <c r="O9177" t="s">
        <v>85</v>
      </c>
      <c r="P9177" t="s">
        <v>86</v>
      </c>
      <c r="Q9177">
        <v>176</v>
      </c>
      <c r="R9177">
        <v>178</v>
      </c>
      <c r="S9177">
        <v>179</v>
      </c>
      <c r="T9177">
        <v>181</v>
      </c>
      <c r="U9177">
        <v>183</v>
      </c>
      <c r="V9177">
        <v>185</v>
      </c>
      <c r="W9177">
        <v>186</v>
      </c>
      <c r="X9177">
        <v>188</v>
      </c>
      <c r="Y9177">
        <v>190</v>
      </c>
      <c r="Z9177">
        <v>192</v>
      </c>
      <c r="AA9177">
        <v>193</v>
      </c>
      <c r="AB9177">
        <v>195</v>
      </c>
      <c r="AC9177">
        <v>196</v>
      </c>
      <c r="AD9177">
        <v>198</v>
      </c>
      <c r="AE9177">
        <v>199</v>
      </c>
      <c r="AF9177">
        <v>201</v>
      </c>
      <c r="AG9177">
        <v>202</v>
      </c>
      <c r="AH9177">
        <v>204</v>
      </c>
      <c r="AI9177">
        <v>205</v>
      </c>
      <c r="AJ9177">
        <v>207</v>
      </c>
      <c r="AK9177">
        <v>208</v>
      </c>
      <c r="AL9177">
        <v>208</v>
      </c>
      <c r="AM9177">
        <v>208</v>
      </c>
      <c r="AN9177">
        <v>207</v>
      </c>
      <c r="AO9177">
        <v>207</v>
      </c>
      <c r="AP9177">
        <v>206</v>
      </c>
      <c r="AQ9177">
        <v>206</v>
      </c>
    </row>
    <row r="9178" spans="1:43">
      <c r="A9178" t="s">
        <v>5736</v>
      </c>
      <c r="B9178" t="s">
        <v>5737</v>
      </c>
      <c r="C9178" t="s">
        <v>5728</v>
      </c>
      <c r="D9178" t="s">
        <v>5729</v>
      </c>
      <c r="E9178" t="s">
        <v>5698</v>
      </c>
      <c r="F9178" t="s">
        <v>5699</v>
      </c>
      <c r="G9178" t="s">
        <v>80</v>
      </c>
      <c r="H9178" t="s">
        <v>81</v>
      </c>
      <c r="I9178" s="2">
        <v>0</v>
      </c>
      <c r="J9178" s="2">
        <v>1</v>
      </c>
      <c r="K9178" s="2">
        <v>0</v>
      </c>
      <c r="L9178" t="s">
        <v>82</v>
      </c>
      <c r="M9178" t="s">
        <v>83</v>
      </c>
      <c r="N9178" t="s">
        <v>84</v>
      </c>
      <c r="O9178" t="s">
        <v>85</v>
      </c>
      <c r="P9178" t="s">
        <v>86</v>
      </c>
      <c r="Q9178">
        <v>35</v>
      </c>
      <c r="R9178">
        <v>35</v>
      </c>
      <c r="S9178">
        <v>36</v>
      </c>
      <c r="T9178">
        <v>36</v>
      </c>
      <c r="U9178">
        <v>36</v>
      </c>
      <c r="V9178">
        <v>37</v>
      </c>
      <c r="W9178">
        <v>37</v>
      </c>
      <c r="X9178">
        <v>37</v>
      </c>
      <c r="Y9178">
        <v>38</v>
      </c>
      <c r="Z9178">
        <v>38</v>
      </c>
      <c r="AA9178">
        <v>38</v>
      </c>
      <c r="AB9178">
        <v>39</v>
      </c>
      <c r="AC9178">
        <v>39</v>
      </c>
      <c r="AD9178">
        <v>39</v>
      </c>
      <c r="AE9178">
        <v>39</v>
      </c>
      <c r="AF9178">
        <v>40</v>
      </c>
      <c r="AG9178">
        <v>40</v>
      </c>
      <c r="AH9178">
        <v>40</v>
      </c>
      <c r="AI9178">
        <v>41</v>
      </c>
      <c r="AJ9178">
        <v>41</v>
      </c>
      <c r="AK9178">
        <v>41</v>
      </c>
      <c r="AL9178">
        <v>41</v>
      </c>
      <c r="AM9178">
        <v>41</v>
      </c>
      <c r="AN9178">
        <v>41</v>
      </c>
      <c r="AO9178">
        <v>41</v>
      </c>
      <c r="AP9178">
        <v>41</v>
      </c>
      <c r="AQ9178">
        <v>41</v>
      </c>
    </row>
    <row r="9179" spans="1:43">
      <c r="A9179" t="s">
        <v>5736</v>
      </c>
      <c r="B9179" t="s">
        <v>5737</v>
      </c>
      <c r="C9179" t="s">
        <v>5728</v>
      </c>
      <c r="D9179" t="s">
        <v>5729</v>
      </c>
      <c r="E9179" t="s">
        <v>5698</v>
      </c>
      <c r="F9179" t="s">
        <v>5699</v>
      </c>
      <c r="G9179" t="s">
        <v>80</v>
      </c>
      <c r="H9179" t="s">
        <v>81</v>
      </c>
      <c r="I9179" s="2">
        <v>0</v>
      </c>
      <c r="J9179" s="2">
        <v>1</v>
      </c>
      <c r="K9179" s="2">
        <v>0</v>
      </c>
      <c r="L9179" t="s">
        <v>82</v>
      </c>
      <c r="M9179" t="s">
        <v>87</v>
      </c>
      <c r="N9179" t="s">
        <v>88</v>
      </c>
      <c r="O9179" t="s">
        <v>85</v>
      </c>
      <c r="P9179" t="s">
        <v>86</v>
      </c>
      <c r="Q9179">
        <v>35</v>
      </c>
      <c r="R9179">
        <v>35</v>
      </c>
      <c r="S9179">
        <v>35</v>
      </c>
      <c r="T9179">
        <v>35</v>
      </c>
      <c r="U9179">
        <v>35</v>
      </c>
      <c r="V9179">
        <v>35</v>
      </c>
      <c r="W9179">
        <v>35</v>
      </c>
      <c r="X9179">
        <v>35</v>
      </c>
      <c r="Y9179">
        <v>35</v>
      </c>
      <c r="Z9179">
        <v>35</v>
      </c>
      <c r="AA9179">
        <v>35</v>
      </c>
      <c r="AB9179">
        <v>35</v>
      </c>
      <c r="AC9179">
        <v>35</v>
      </c>
      <c r="AD9179">
        <v>35</v>
      </c>
      <c r="AE9179">
        <v>35</v>
      </c>
      <c r="AF9179">
        <v>35</v>
      </c>
      <c r="AG9179">
        <v>35</v>
      </c>
      <c r="AH9179">
        <v>35</v>
      </c>
      <c r="AI9179">
        <v>35</v>
      </c>
      <c r="AJ9179">
        <v>35</v>
      </c>
      <c r="AK9179">
        <v>35</v>
      </c>
      <c r="AL9179">
        <v>35</v>
      </c>
      <c r="AM9179">
        <v>35</v>
      </c>
      <c r="AN9179">
        <v>35</v>
      </c>
      <c r="AO9179">
        <v>35</v>
      </c>
      <c r="AP9179">
        <v>35</v>
      </c>
      <c r="AQ9179">
        <v>35</v>
      </c>
    </row>
    <row r="9180" spans="1:43">
      <c r="A9180" t="s">
        <v>5736</v>
      </c>
      <c r="B9180" t="s">
        <v>5737</v>
      </c>
      <c r="C9180" t="s">
        <v>5728</v>
      </c>
      <c r="D9180" t="s">
        <v>5729</v>
      </c>
      <c r="E9180" t="s">
        <v>5698</v>
      </c>
      <c r="F9180" t="s">
        <v>5699</v>
      </c>
      <c r="G9180" t="s">
        <v>80</v>
      </c>
      <c r="H9180" t="s">
        <v>81</v>
      </c>
      <c r="I9180" s="2">
        <v>0</v>
      </c>
      <c r="J9180" s="2">
        <v>1</v>
      </c>
      <c r="K9180" s="2">
        <v>0</v>
      </c>
      <c r="L9180" t="s">
        <v>82</v>
      </c>
      <c r="M9180" t="s">
        <v>89</v>
      </c>
      <c r="N9180" t="s">
        <v>90</v>
      </c>
      <c r="O9180" t="s">
        <v>85</v>
      </c>
      <c r="P9180" t="s">
        <v>86</v>
      </c>
      <c r="Q9180">
        <v>35</v>
      </c>
      <c r="R9180">
        <v>36</v>
      </c>
      <c r="S9180">
        <v>36</v>
      </c>
      <c r="T9180">
        <v>37</v>
      </c>
      <c r="U9180">
        <v>38</v>
      </c>
      <c r="V9180">
        <v>38</v>
      </c>
      <c r="W9180">
        <v>39</v>
      </c>
      <c r="X9180">
        <v>39</v>
      </c>
      <c r="Y9180">
        <v>40</v>
      </c>
      <c r="Z9180">
        <v>40</v>
      </c>
      <c r="AA9180">
        <v>41</v>
      </c>
      <c r="AB9180">
        <v>41</v>
      </c>
      <c r="AC9180">
        <v>42</v>
      </c>
      <c r="AD9180">
        <v>42</v>
      </c>
      <c r="AE9180">
        <v>42</v>
      </c>
      <c r="AF9180">
        <v>42</v>
      </c>
      <c r="AG9180">
        <v>42</v>
      </c>
      <c r="AH9180">
        <v>42</v>
      </c>
      <c r="AI9180">
        <v>42</v>
      </c>
      <c r="AJ9180">
        <v>42</v>
      </c>
      <c r="AK9180">
        <v>42</v>
      </c>
      <c r="AL9180">
        <v>42</v>
      </c>
      <c r="AM9180">
        <v>41</v>
      </c>
      <c r="AN9180">
        <v>41</v>
      </c>
      <c r="AO9180">
        <v>41</v>
      </c>
      <c r="AP9180">
        <v>41</v>
      </c>
      <c r="AQ9180">
        <v>41</v>
      </c>
    </row>
    <row r="9181" spans="1:43">
      <c r="A9181" t="s">
        <v>5736</v>
      </c>
      <c r="B9181" t="s">
        <v>5737</v>
      </c>
      <c r="C9181" t="s">
        <v>5728</v>
      </c>
      <c r="D9181" t="s">
        <v>5729</v>
      </c>
      <c r="E9181" t="s">
        <v>5698</v>
      </c>
      <c r="F9181" t="s">
        <v>5699</v>
      </c>
      <c r="G9181" t="s">
        <v>80</v>
      </c>
      <c r="H9181" t="s">
        <v>81</v>
      </c>
      <c r="I9181" s="2">
        <v>0</v>
      </c>
      <c r="J9181" s="2">
        <v>1</v>
      </c>
      <c r="K9181" s="2">
        <v>0</v>
      </c>
      <c r="L9181" t="s">
        <v>82</v>
      </c>
      <c r="M9181" t="s">
        <v>83</v>
      </c>
      <c r="N9181" t="s">
        <v>91</v>
      </c>
      <c r="O9181" t="s">
        <v>85</v>
      </c>
      <c r="P9181" t="s">
        <v>86</v>
      </c>
      <c r="Q9181">
        <v>35</v>
      </c>
      <c r="R9181">
        <v>35</v>
      </c>
      <c r="S9181">
        <v>36</v>
      </c>
      <c r="T9181">
        <v>36</v>
      </c>
      <c r="U9181">
        <v>36</v>
      </c>
      <c r="V9181">
        <v>37</v>
      </c>
      <c r="W9181">
        <v>37</v>
      </c>
      <c r="X9181">
        <v>37</v>
      </c>
      <c r="Y9181">
        <v>38</v>
      </c>
      <c r="Z9181">
        <v>38</v>
      </c>
      <c r="AA9181">
        <v>38</v>
      </c>
      <c r="AB9181">
        <v>39</v>
      </c>
      <c r="AC9181">
        <v>39</v>
      </c>
      <c r="AD9181">
        <v>39</v>
      </c>
      <c r="AE9181">
        <v>39</v>
      </c>
      <c r="AF9181">
        <v>40</v>
      </c>
      <c r="AG9181">
        <v>40</v>
      </c>
      <c r="AH9181">
        <v>40</v>
      </c>
      <c r="AI9181">
        <v>41</v>
      </c>
      <c r="AJ9181">
        <v>41</v>
      </c>
      <c r="AK9181">
        <v>41</v>
      </c>
      <c r="AL9181">
        <v>41</v>
      </c>
      <c r="AM9181">
        <v>41</v>
      </c>
      <c r="AN9181">
        <v>41</v>
      </c>
      <c r="AO9181">
        <v>41</v>
      </c>
      <c r="AP9181">
        <v>41</v>
      </c>
      <c r="AQ9181">
        <v>41</v>
      </c>
    </row>
    <row r="9182" spans="1:43">
      <c r="A9182" t="s">
        <v>5738</v>
      </c>
      <c r="B9182" t="s">
        <v>5739</v>
      </c>
      <c r="C9182" t="s">
        <v>5740</v>
      </c>
      <c r="D9182" t="s">
        <v>5741</v>
      </c>
      <c r="E9182" t="s">
        <v>5698</v>
      </c>
      <c r="F9182" t="s">
        <v>5699</v>
      </c>
      <c r="G9182" t="s">
        <v>80</v>
      </c>
      <c r="H9182" t="s">
        <v>81</v>
      </c>
      <c r="I9182" s="2">
        <v>0</v>
      </c>
      <c r="J9182" s="2">
        <v>1</v>
      </c>
      <c r="K9182" s="2">
        <v>0</v>
      </c>
      <c r="L9182" t="s">
        <v>82</v>
      </c>
      <c r="M9182" t="s">
        <v>83</v>
      </c>
      <c r="N9182" t="s">
        <v>84</v>
      </c>
      <c r="O9182" t="s">
        <v>85</v>
      </c>
      <c r="P9182" t="s">
        <v>86</v>
      </c>
      <c r="Q9182">
        <v>67</v>
      </c>
      <c r="R9182">
        <v>68</v>
      </c>
      <c r="S9182">
        <v>69</v>
      </c>
      <c r="T9182">
        <v>69</v>
      </c>
      <c r="U9182">
        <v>70</v>
      </c>
      <c r="V9182">
        <v>71</v>
      </c>
      <c r="W9182">
        <v>72</v>
      </c>
      <c r="X9182">
        <v>72</v>
      </c>
      <c r="Y9182">
        <v>73</v>
      </c>
      <c r="Z9182">
        <v>74</v>
      </c>
      <c r="AA9182">
        <v>74</v>
      </c>
      <c r="AB9182">
        <v>75</v>
      </c>
      <c r="AC9182">
        <v>76</v>
      </c>
      <c r="AD9182">
        <v>76</v>
      </c>
      <c r="AE9182">
        <v>77</v>
      </c>
      <c r="AF9182">
        <v>77</v>
      </c>
      <c r="AG9182">
        <v>78</v>
      </c>
      <c r="AH9182">
        <v>78</v>
      </c>
      <c r="AI9182">
        <v>79</v>
      </c>
      <c r="AJ9182">
        <v>80</v>
      </c>
      <c r="AK9182">
        <v>80</v>
      </c>
      <c r="AL9182">
        <v>80</v>
      </c>
      <c r="AM9182">
        <v>80</v>
      </c>
      <c r="AN9182">
        <v>80</v>
      </c>
      <c r="AO9182">
        <v>80</v>
      </c>
      <c r="AP9182">
        <v>80</v>
      </c>
      <c r="AQ9182">
        <v>80</v>
      </c>
    </row>
    <row r="9183" spans="1:43">
      <c r="A9183" t="s">
        <v>5738</v>
      </c>
      <c r="B9183" t="s">
        <v>5739</v>
      </c>
      <c r="C9183" t="s">
        <v>5740</v>
      </c>
      <c r="D9183" t="s">
        <v>5741</v>
      </c>
      <c r="E9183" t="s">
        <v>5698</v>
      </c>
      <c r="F9183" t="s">
        <v>5699</v>
      </c>
      <c r="G9183" t="s">
        <v>80</v>
      </c>
      <c r="H9183" t="s">
        <v>81</v>
      </c>
      <c r="I9183" s="2">
        <v>0</v>
      </c>
      <c r="J9183" s="2">
        <v>1</v>
      </c>
      <c r="K9183" s="2">
        <v>0</v>
      </c>
      <c r="L9183" t="s">
        <v>82</v>
      </c>
      <c r="M9183" t="s">
        <v>87</v>
      </c>
      <c r="N9183" t="s">
        <v>88</v>
      </c>
      <c r="O9183" t="s">
        <v>85</v>
      </c>
      <c r="P9183" t="s">
        <v>86</v>
      </c>
      <c r="Q9183">
        <v>67</v>
      </c>
      <c r="R9183">
        <v>67</v>
      </c>
      <c r="S9183">
        <v>67</v>
      </c>
      <c r="T9183">
        <v>67</v>
      </c>
      <c r="U9183">
        <v>67</v>
      </c>
      <c r="V9183">
        <v>67</v>
      </c>
      <c r="W9183">
        <v>67</v>
      </c>
      <c r="X9183">
        <v>67</v>
      </c>
      <c r="Y9183">
        <v>67</v>
      </c>
      <c r="Z9183">
        <v>68</v>
      </c>
      <c r="AA9183">
        <v>68</v>
      </c>
      <c r="AB9183">
        <v>68</v>
      </c>
      <c r="AC9183">
        <v>68</v>
      </c>
      <c r="AD9183">
        <v>68</v>
      </c>
      <c r="AE9183">
        <v>68</v>
      </c>
      <c r="AF9183">
        <v>68</v>
      </c>
      <c r="AG9183">
        <v>68</v>
      </c>
      <c r="AH9183">
        <v>68</v>
      </c>
      <c r="AI9183">
        <v>68</v>
      </c>
      <c r="AJ9183">
        <v>68</v>
      </c>
      <c r="AK9183">
        <v>68</v>
      </c>
      <c r="AL9183">
        <v>69</v>
      </c>
      <c r="AM9183">
        <v>69</v>
      </c>
      <c r="AN9183">
        <v>69</v>
      </c>
      <c r="AO9183">
        <v>69</v>
      </c>
      <c r="AP9183">
        <v>69</v>
      </c>
      <c r="AQ9183">
        <v>69</v>
      </c>
    </row>
    <row r="9184" spans="1:43">
      <c r="A9184" t="s">
        <v>5738</v>
      </c>
      <c r="B9184" t="s">
        <v>5739</v>
      </c>
      <c r="C9184" t="s">
        <v>5740</v>
      </c>
      <c r="D9184" t="s">
        <v>5741</v>
      </c>
      <c r="E9184" t="s">
        <v>5698</v>
      </c>
      <c r="F9184" t="s">
        <v>5699</v>
      </c>
      <c r="G9184" t="s">
        <v>80</v>
      </c>
      <c r="H9184" t="s">
        <v>81</v>
      </c>
      <c r="I9184" s="2">
        <v>0</v>
      </c>
      <c r="J9184" s="2">
        <v>1</v>
      </c>
      <c r="K9184" s="2">
        <v>0</v>
      </c>
      <c r="L9184" t="s">
        <v>82</v>
      </c>
      <c r="M9184" t="s">
        <v>89</v>
      </c>
      <c r="N9184" t="s">
        <v>90</v>
      </c>
      <c r="O9184" t="s">
        <v>85</v>
      </c>
      <c r="P9184" t="s">
        <v>86</v>
      </c>
      <c r="Q9184">
        <v>67</v>
      </c>
      <c r="R9184">
        <v>68</v>
      </c>
      <c r="S9184">
        <v>70</v>
      </c>
      <c r="T9184">
        <v>71</v>
      </c>
      <c r="U9184">
        <v>72</v>
      </c>
      <c r="V9184">
        <v>73</v>
      </c>
      <c r="W9184">
        <v>74</v>
      </c>
      <c r="X9184">
        <v>75</v>
      </c>
      <c r="Y9184">
        <v>76</v>
      </c>
      <c r="Z9184">
        <v>77</v>
      </c>
      <c r="AA9184">
        <v>78</v>
      </c>
      <c r="AB9184">
        <v>79</v>
      </c>
      <c r="AC9184">
        <v>80</v>
      </c>
      <c r="AD9184">
        <v>81</v>
      </c>
      <c r="AE9184">
        <v>81</v>
      </c>
      <c r="AF9184">
        <v>81</v>
      </c>
      <c r="AG9184">
        <v>81</v>
      </c>
      <c r="AH9184">
        <v>81</v>
      </c>
      <c r="AI9184">
        <v>81</v>
      </c>
      <c r="AJ9184">
        <v>81</v>
      </c>
      <c r="AK9184">
        <v>80</v>
      </c>
      <c r="AL9184">
        <v>80</v>
      </c>
      <c r="AM9184">
        <v>80</v>
      </c>
      <c r="AN9184">
        <v>80</v>
      </c>
      <c r="AO9184">
        <v>80</v>
      </c>
      <c r="AP9184">
        <v>80</v>
      </c>
      <c r="AQ9184">
        <v>80</v>
      </c>
    </row>
    <row r="9185" spans="1:43">
      <c r="A9185" t="s">
        <v>5738</v>
      </c>
      <c r="B9185" t="s">
        <v>5739</v>
      </c>
      <c r="C9185" t="s">
        <v>5740</v>
      </c>
      <c r="D9185" t="s">
        <v>5741</v>
      </c>
      <c r="E9185" t="s">
        <v>5698</v>
      </c>
      <c r="F9185" t="s">
        <v>5699</v>
      </c>
      <c r="G9185" t="s">
        <v>80</v>
      </c>
      <c r="H9185" t="s">
        <v>81</v>
      </c>
      <c r="I9185" s="2">
        <v>0</v>
      </c>
      <c r="J9185" s="2">
        <v>1</v>
      </c>
      <c r="K9185" s="2">
        <v>0</v>
      </c>
      <c r="L9185" t="s">
        <v>82</v>
      </c>
      <c r="M9185" t="s">
        <v>83</v>
      </c>
      <c r="N9185" t="s">
        <v>91</v>
      </c>
      <c r="O9185" t="s">
        <v>85</v>
      </c>
      <c r="P9185" t="s">
        <v>86</v>
      </c>
      <c r="Q9185">
        <v>67</v>
      </c>
      <c r="R9185">
        <v>68</v>
      </c>
      <c r="S9185">
        <v>69</v>
      </c>
      <c r="T9185">
        <v>69</v>
      </c>
      <c r="U9185">
        <v>70</v>
      </c>
      <c r="V9185">
        <v>71</v>
      </c>
      <c r="W9185">
        <v>72</v>
      </c>
      <c r="X9185">
        <v>72</v>
      </c>
      <c r="Y9185">
        <v>73</v>
      </c>
      <c r="Z9185">
        <v>74</v>
      </c>
      <c r="AA9185">
        <v>74</v>
      </c>
      <c r="AB9185">
        <v>75</v>
      </c>
      <c r="AC9185">
        <v>76</v>
      </c>
      <c r="AD9185">
        <v>76</v>
      </c>
      <c r="AE9185">
        <v>77</v>
      </c>
      <c r="AF9185">
        <v>77</v>
      </c>
      <c r="AG9185">
        <v>78</v>
      </c>
      <c r="AH9185">
        <v>78</v>
      </c>
      <c r="AI9185">
        <v>79</v>
      </c>
      <c r="AJ9185">
        <v>80</v>
      </c>
      <c r="AK9185">
        <v>80</v>
      </c>
      <c r="AL9185">
        <v>80</v>
      </c>
      <c r="AM9185">
        <v>80</v>
      </c>
      <c r="AN9185">
        <v>80</v>
      </c>
      <c r="AO9185">
        <v>80</v>
      </c>
      <c r="AP9185">
        <v>80</v>
      </c>
      <c r="AQ9185">
        <v>80</v>
      </c>
    </row>
    <row r="9186" spans="1:43">
      <c r="A9186" t="s">
        <v>5742</v>
      </c>
      <c r="B9186" t="s">
        <v>5743</v>
      </c>
      <c r="C9186" t="s">
        <v>5740</v>
      </c>
      <c r="D9186" t="s">
        <v>5741</v>
      </c>
      <c r="E9186" t="s">
        <v>5698</v>
      </c>
      <c r="F9186" t="s">
        <v>5699</v>
      </c>
      <c r="G9186" t="s">
        <v>80</v>
      </c>
      <c r="H9186" t="s">
        <v>81</v>
      </c>
      <c r="I9186" s="2">
        <v>0</v>
      </c>
      <c r="J9186" s="2">
        <v>1</v>
      </c>
      <c r="K9186" s="2">
        <v>0</v>
      </c>
      <c r="L9186" t="s">
        <v>82</v>
      </c>
      <c r="M9186" t="s">
        <v>83</v>
      </c>
      <c r="N9186" t="s">
        <v>84</v>
      </c>
      <c r="O9186" t="s">
        <v>85</v>
      </c>
      <c r="P9186" t="s">
        <v>86</v>
      </c>
      <c r="Q9186">
        <v>79</v>
      </c>
      <c r="R9186">
        <v>80</v>
      </c>
      <c r="S9186">
        <v>81</v>
      </c>
      <c r="T9186">
        <v>82</v>
      </c>
      <c r="U9186">
        <v>83</v>
      </c>
      <c r="V9186">
        <v>84</v>
      </c>
      <c r="W9186">
        <v>84</v>
      </c>
      <c r="X9186">
        <v>85</v>
      </c>
      <c r="Y9186">
        <v>86</v>
      </c>
      <c r="Z9186">
        <v>87</v>
      </c>
      <c r="AA9186">
        <v>88</v>
      </c>
      <c r="AB9186">
        <v>88</v>
      </c>
      <c r="AC9186">
        <v>89</v>
      </c>
      <c r="AD9186">
        <v>90</v>
      </c>
      <c r="AE9186">
        <v>91</v>
      </c>
      <c r="AF9186">
        <v>91</v>
      </c>
      <c r="AG9186">
        <v>92</v>
      </c>
      <c r="AH9186">
        <v>93</v>
      </c>
      <c r="AI9186">
        <v>93</v>
      </c>
      <c r="AJ9186">
        <v>94</v>
      </c>
      <c r="AK9186">
        <v>95</v>
      </c>
      <c r="AL9186">
        <v>95</v>
      </c>
      <c r="AM9186">
        <v>95</v>
      </c>
      <c r="AN9186">
        <v>94</v>
      </c>
      <c r="AO9186">
        <v>94</v>
      </c>
      <c r="AP9186">
        <v>94</v>
      </c>
      <c r="AQ9186">
        <v>94</v>
      </c>
    </row>
    <row r="9187" spans="1:43">
      <c r="A9187" t="s">
        <v>5742</v>
      </c>
      <c r="B9187" t="s">
        <v>5743</v>
      </c>
      <c r="C9187" t="s">
        <v>5740</v>
      </c>
      <c r="D9187" t="s">
        <v>5741</v>
      </c>
      <c r="E9187" t="s">
        <v>5698</v>
      </c>
      <c r="F9187" t="s">
        <v>5699</v>
      </c>
      <c r="G9187" t="s">
        <v>80</v>
      </c>
      <c r="H9187" t="s">
        <v>81</v>
      </c>
      <c r="I9187" s="2">
        <v>0</v>
      </c>
      <c r="J9187" s="2">
        <v>1</v>
      </c>
      <c r="K9187" s="2">
        <v>0</v>
      </c>
      <c r="L9187" t="s">
        <v>82</v>
      </c>
      <c r="M9187" t="s">
        <v>87</v>
      </c>
      <c r="N9187" t="s">
        <v>88</v>
      </c>
      <c r="O9187" t="s">
        <v>85</v>
      </c>
      <c r="P9187" t="s">
        <v>86</v>
      </c>
      <c r="Q9187">
        <v>79</v>
      </c>
      <c r="R9187">
        <v>79</v>
      </c>
      <c r="S9187">
        <v>79</v>
      </c>
      <c r="T9187">
        <v>79</v>
      </c>
      <c r="U9187">
        <v>79</v>
      </c>
      <c r="V9187">
        <v>79</v>
      </c>
      <c r="W9187">
        <v>79</v>
      </c>
      <c r="X9187">
        <v>79</v>
      </c>
      <c r="Y9187">
        <v>80</v>
      </c>
      <c r="Z9187">
        <v>80</v>
      </c>
      <c r="AA9187">
        <v>80</v>
      </c>
      <c r="AB9187">
        <v>80</v>
      </c>
      <c r="AC9187">
        <v>80</v>
      </c>
      <c r="AD9187">
        <v>80</v>
      </c>
      <c r="AE9187">
        <v>80</v>
      </c>
      <c r="AF9187">
        <v>80</v>
      </c>
      <c r="AG9187">
        <v>80</v>
      </c>
      <c r="AH9187">
        <v>80</v>
      </c>
      <c r="AI9187">
        <v>81</v>
      </c>
      <c r="AJ9187">
        <v>81</v>
      </c>
      <c r="AK9187">
        <v>81</v>
      </c>
      <c r="AL9187">
        <v>81</v>
      </c>
      <c r="AM9187">
        <v>81</v>
      </c>
      <c r="AN9187">
        <v>81</v>
      </c>
      <c r="AO9187">
        <v>81</v>
      </c>
      <c r="AP9187">
        <v>81</v>
      </c>
      <c r="AQ9187">
        <v>81</v>
      </c>
    </row>
    <row r="9188" spans="1:43">
      <c r="A9188" t="s">
        <v>5742</v>
      </c>
      <c r="B9188" t="s">
        <v>5743</v>
      </c>
      <c r="C9188" t="s">
        <v>5740</v>
      </c>
      <c r="D9188" t="s">
        <v>5741</v>
      </c>
      <c r="E9188" t="s">
        <v>5698</v>
      </c>
      <c r="F9188" t="s">
        <v>5699</v>
      </c>
      <c r="G9188" t="s">
        <v>80</v>
      </c>
      <c r="H9188" t="s">
        <v>81</v>
      </c>
      <c r="I9188" s="2">
        <v>0</v>
      </c>
      <c r="J9188" s="2">
        <v>1</v>
      </c>
      <c r="K9188" s="2">
        <v>0</v>
      </c>
      <c r="L9188" t="s">
        <v>82</v>
      </c>
      <c r="M9188" t="s">
        <v>89</v>
      </c>
      <c r="N9188" t="s">
        <v>90</v>
      </c>
      <c r="O9188" t="s">
        <v>85</v>
      </c>
      <c r="P9188" t="s">
        <v>86</v>
      </c>
      <c r="Q9188">
        <v>79</v>
      </c>
      <c r="R9188">
        <v>81</v>
      </c>
      <c r="S9188">
        <v>82</v>
      </c>
      <c r="T9188">
        <v>84</v>
      </c>
      <c r="U9188">
        <v>85</v>
      </c>
      <c r="V9188">
        <v>86</v>
      </c>
      <c r="W9188">
        <v>88</v>
      </c>
      <c r="X9188">
        <v>89</v>
      </c>
      <c r="Y9188">
        <v>90</v>
      </c>
      <c r="Z9188">
        <v>91</v>
      </c>
      <c r="AA9188">
        <v>92</v>
      </c>
      <c r="AB9188">
        <v>93</v>
      </c>
      <c r="AC9188">
        <v>94</v>
      </c>
      <c r="AD9188">
        <v>95</v>
      </c>
      <c r="AE9188">
        <v>96</v>
      </c>
      <c r="AF9188">
        <v>96</v>
      </c>
      <c r="AG9188">
        <v>96</v>
      </c>
      <c r="AH9188">
        <v>96</v>
      </c>
      <c r="AI9188">
        <v>95</v>
      </c>
      <c r="AJ9188">
        <v>95</v>
      </c>
      <c r="AK9188">
        <v>95</v>
      </c>
      <c r="AL9188">
        <v>95</v>
      </c>
      <c r="AM9188">
        <v>95</v>
      </c>
      <c r="AN9188">
        <v>94</v>
      </c>
      <c r="AO9188">
        <v>94</v>
      </c>
      <c r="AP9188">
        <v>94</v>
      </c>
      <c r="AQ9188">
        <v>94</v>
      </c>
    </row>
    <row r="9189" spans="1:43">
      <c r="A9189" t="s">
        <v>5742</v>
      </c>
      <c r="B9189" t="s">
        <v>5743</v>
      </c>
      <c r="C9189" t="s">
        <v>5740</v>
      </c>
      <c r="D9189" t="s">
        <v>5741</v>
      </c>
      <c r="E9189" t="s">
        <v>5698</v>
      </c>
      <c r="F9189" t="s">
        <v>5699</v>
      </c>
      <c r="G9189" t="s">
        <v>80</v>
      </c>
      <c r="H9189" t="s">
        <v>81</v>
      </c>
      <c r="I9189" s="2">
        <v>0</v>
      </c>
      <c r="J9189" s="2">
        <v>1</v>
      </c>
      <c r="K9189" s="2">
        <v>0</v>
      </c>
      <c r="L9189" t="s">
        <v>82</v>
      </c>
      <c r="M9189" t="s">
        <v>83</v>
      </c>
      <c r="N9189" t="s">
        <v>91</v>
      </c>
      <c r="O9189" t="s">
        <v>85</v>
      </c>
      <c r="P9189" t="s">
        <v>86</v>
      </c>
      <c r="Q9189">
        <v>79</v>
      </c>
      <c r="R9189">
        <v>80</v>
      </c>
      <c r="S9189">
        <v>81</v>
      </c>
      <c r="T9189">
        <v>82</v>
      </c>
      <c r="U9189">
        <v>83</v>
      </c>
      <c r="V9189">
        <v>84</v>
      </c>
      <c r="W9189">
        <v>84</v>
      </c>
      <c r="X9189">
        <v>85</v>
      </c>
      <c r="Y9189">
        <v>86</v>
      </c>
      <c r="Z9189">
        <v>87</v>
      </c>
      <c r="AA9189">
        <v>88</v>
      </c>
      <c r="AB9189">
        <v>88</v>
      </c>
      <c r="AC9189">
        <v>89</v>
      </c>
      <c r="AD9189">
        <v>90</v>
      </c>
      <c r="AE9189">
        <v>91</v>
      </c>
      <c r="AF9189">
        <v>91</v>
      </c>
      <c r="AG9189">
        <v>92</v>
      </c>
      <c r="AH9189">
        <v>93</v>
      </c>
      <c r="AI9189">
        <v>93</v>
      </c>
      <c r="AJ9189">
        <v>94</v>
      </c>
      <c r="AK9189">
        <v>95</v>
      </c>
      <c r="AL9189">
        <v>95</v>
      </c>
      <c r="AM9189">
        <v>95</v>
      </c>
      <c r="AN9189">
        <v>94</v>
      </c>
      <c r="AO9189">
        <v>94</v>
      </c>
      <c r="AP9189">
        <v>94</v>
      </c>
      <c r="AQ9189">
        <v>94</v>
      </c>
    </row>
    <row r="9190" spans="1:43">
      <c r="A9190" t="s">
        <v>5744</v>
      </c>
      <c r="B9190" t="s">
        <v>5745</v>
      </c>
      <c r="C9190" t="s">
        <v>5740</v>
      </c>
      <c r="D9190" t="s">
        <v>5741</v>
      </c>
      <c r="E9190" t="s">
        <v>5698</v>
      </c>
      <c r="F9190" t="s">
        <v>5699</v>
      </c>
      <c r="G9190" t="s">
        <v>80</v>
      </c>
      <c r="H9190" t="s">
        <v>81</v>
      </c>
      <c r="I9190" s="2">
        <v>0</v>
      </c>
      <c r="J9190" s="2">
        <v>1</v>
      </c>
      <c r="K9190" s="2">
        <v>0</v>
      </c>
      <c r="L9190" t="s">
        <v>82</v>
      </c>
      <c r="M9190" t="s">
        <v>83</v>
      </c>
      <c r="N9190" t="s">
        <v>84</v>
      </c>
      <c r="O9190" t="s">
        <v>85</v>
      </c>
      <c r="P9190" t="s">
        <v>86</v>
      </c>
      <c r="Q9190">
        <v>198</v>
      </c>
      <c r="R9190">
        <v>200</v>
      </c>
      <c r="S9190">
        <v>202</v>
      </c>
      <c r="T9190">
        <v>204</v>
      </c>
      <c r="U9190">
        <v>206</v>
      </c>
      <c r="V9190">
        <v>208</v>
      </c>
      <c r="W9190">
        <v>210</v>
      </c>
      <c r="X9190">
        <v>212</v>
      </c>
      <c r="Y9190">
        <v>214</v>
      </c>
      <c r="Z9190">
        <v>216</v>
      </c>
      <c r="AA9190">
        <v>218</v>
      </c>
      <c r="AB9190">
        <v>220</v>
      </c>
      <c r="AC9190">
        <v>222</v>
      </c>
      <c r="AD9190">
        <v>224</v>
      </c>
      <c r="AE9190">
        <v>226</v>
      </c>
      <c r="AF9190">
        <v>227</v>
      </c>
      <c r="AG9190">
        <v>229</v>
      </c>
      <c r="AH9190">
        <v>231</v>
      </c>
      <c r="AI9190">
        <v>232</v>
      </c>
      <c r="AJ9190">
        <v>234</v>
      </c>
      <c r="AK9190">
        <v>236</v>
      </c>
      <c r="AL9190">
        <v>236</v>
      </c>
      <c r="AM9190">
        <v>235</v>
      </c>
      <c r="AN9190">
        <v>235</v>
      </c>
      <c r="AO9190">
        <v>235</v>
      </c>
      <c r="AP9190">
        <v>234</v>
      </c>
      <c r="AQ9190">
        <v>234</v>
      </c>
    </row>
    <row r="9191" spans="1:43">
      <c r="A9191" t="s">
        <v>5744</v>
      </c>
      <c r="B9191" t="s">
        <v>5745</v>
      </c>
      <c r="C9191" t="s">
        <v>5740</v>
      </c>
      <c r="D9191" t="s">
        <v>5741</v>
      </c>
      <c r="E9191" t="s">
        <v>5698</v>
      </c>
      <c r="F9191" t="s">
        <v>5699</v>
      </c>
      <c r="G9191" t="s">
        <v>80</v>
      </c>
      <c r="H9191" t="s">
        <v>81</v>
      </c>
      <c r="I9191" s="2">
        <v>0</v>
      </c>
      <c r="J9191" s="2">
        <v>1</v>
      </c>
      <c r="K9191" s="2">
        <v>0</v>
      </c>
      <c r="L9191" t="s">
        <v>82</v>
      </c>
      <c r="M9191" t="s">
        <v>87</v>
      </c>
      <c r="N9191" t="s">
        <v>88</v>
      </c>
      <c r="O9191" t="s">
        <v>85</v>
      </c>
      <c r="P9191" t="s">
        <v>86</v>
      </c>
      <c r="Q9191">
        <v>198</v>
      </c>
      <c r="R9191">
        <v>198</v>
      </c>
      <c r="S9191">
        <v>199</v>
      </c>
      <c r="T9191">
        <v>199</v>
      </c>
      <c r="U9191">
        <v>199</v>
      </c>
      <c r="V9191">
        <v>199</v>
      </c>
      <c r="W9191">
        <v>200</v>
      </c>
      <c r="X9191">
        <v>200</v>
      </c>
      <c r="Y9191">
        <v>200</v>
      </c>
      <c r="Z9191">
        <v>200</v>
      </c>
      <c r="AA9191">
        <v>201</v>
      </c>
      <c r="AB9191">
        <v>201</v>
      </c>
      <c r="AC9191">
        <v>201</v>
      </c>
      <c r="AD9191">
        <v>201</v>
      </c>
      <c r="AE9191">
        <v>202</v>
      </c>
      <c r="AF9191">
        <v>202</v>
      </c>
      <c r="AG9191">
        <v>202</v>
      </c>
      <c r="AH9191">
        <v>202</v>
      </c>
      <c r="AI9191">
        <v>203</v>
      </c>
      <c r="AJ9191">
        <v>203</v>
      </c>
      <c r="AK9191">
        <v>203</v>
      </c>
      <c r="AL9191">
        <v>203</v>
      </c>
      <c r="AM9191">
        <v>204</v>
      </c>
      <c r="AN9191">
        <v>204</v>
      </c>
      <c r="AO9191">
        <v>204</v>
      </c>
      <c r="AP9191">
        <v>204</v>
      </c>
      <c r="AQ9191">
        <v>204</v>
      </c>
    </row>
    <row r="9192" spans="1:43">
      <c r="A9192" t="s">
        <v>5744</v>
      </c>
      <c r="B9192" t="s">
        <v>5745</v>
      </c>
      <c r="C9192" t="s">
        <v>5740</v>
      </c>
      <c r="D9192" t="s">
        <v>5741</v>
      </c>
      <c r="E9192" t="s">
        <v>5698</v>
      </c>
      <c r="F9192" t="s">
        <v>5699</v>
      </c>
      <c r="G9192" t="s">
        <v>80</v>
      </c>
      <c r="H9192" t="s">
        <v>81</v>
      </c>
      <c r="I9192" s="2">
        <v>0</v>
      </c>
      <c r="J9192" s="2">
        <v>1</v>
      </c>
      <c r="K9192" s="2">
        <v>0</v>
      </c>
      <c r="L9192" t="s">
        <v>82</v>
      </c>
      <c r="M9192" t="s">
        <v>89</v>
      </c>
      <c r="N9192" t="s">
        <v>90</v>
      </c>
      <c r="O9192" t="s">
        <v>85</v>
      </c>
      <c r="P9192" t="s">
        <v>86</v>
      </c>
      <c r="Q9192">
        <v>198</v>
      </c>
      <c r="R9192">
        <v>202</v>
      </c>
      <c r="S9192">
        <v>205</v>
      </c>
      <c r="T9192">
        <v>209</v>
      </c>
      <c r="U9192">
        <v>213</v>
      </c>
      <c r="V9192">
        <v>216</v>
      </c>
      <c r="W9192">
        <v>219</v>
      </c>
      <c r="X9192">
        <v>222</v>
      </c>
      <c r="Y9192">
        <v>225</v>
      </c>
      <c r="Z9192">
        <v>228</v>
      </c>
      <c r="AA9192">
        <v>231</v>
      </c>
      <c r="AB9192">
        <v>233</v>
      </c>
      <c r="AC9192">
        <v>236</v>
      </c>
      <c r="AD9192">
        <v>238</v>
      </c>
      <c r="AE9192">
        <v>240</v>
      </c>
      <c r="AF9192">
        <v>239</v>
      </c>
      <c r="AG9192">
        <v>239</v>
      </c>
      <c r="AH9192">
        <v>239</v>
      </c>
      <c r="AI9192">
        <v>238</v>
      </c>
      <c r="AJ9192">
        <v>238</v>
      </c>
      <c r="AK9192">
        <v>237</v>
      </c>
      <c r="AL9192">
        <v>237</v>
      </c>
      <c r="AM9192">
        <v>236</v>
      </c>
      <c r="AN9192">
        <v>236</v>
      </c>
      <c r="AO9192">
        <v>235</v>
      </c>
      <c r="AP9192">
        <v>235</v>
      </c>
      <c r="AQ9192">
        <v>234</v>
      </c>
    </row>
    <row r="9193" spans="1:43">
      <c r="A9193" t="s">
        <v>5744</v>
      </c>
      <c r="B9193" t="s">
        <v>5745</v>
      </c>
      <c r="C9193" t="s">
        <v>5740</v>
      </c>
      <c r="D9193" t="s">
        <v>5741</v>
      </c>
      <c r="E9193" t="s">
        <v>5698</v>
      </c>
      <c r="F9193" t="s">
        <v>5699</v>
      </c>
      <c r="G9193" t="s">
        <v>80</v>
      </c>
      <c r="H9193" t="s">
        <v>81</v>
      </c>
      <c r="I9193" s="2">
        <v>0</v>
      </c>
      <c r="J9193" s="2">
        <v>1</v>
      </c>
      <c r="K9193" s="2">
        <v>0</v>
      </c>
      <c r="L9193" t="s">
        <v>82</v>
      </c>
      <c r="M9193" t="s">
        <v>83</v>
      </c>
      <c r="N9193" t="s">
        <v>91</v>
      </c>
      <c r="O9193" t="s">
        <v>85</v>
      </c>
      <c r="P9193" t="s">
        <v>86</v>
      </c>
      <c r="Q9193">
        <v>198</v>
      </c>
      <c r="R9193">
        <v>200</v>
      </c>
      <c r="S9193">
        <v>202</v>
      </c>
      <c r="T9193">
        <v>204</v>
      </c>
      <c r="U9193">
        <v>206</v>
      </c>
      <c r="V9193">
        <v>208</v>
      </c>
      <c r="W9193">
        <v>210</v>
      </c>
      <c r="X9193">
        <v>212</v>
      </c>
      <c r="Y9193">
        <v>214</v>
      </c>
      <c r="Z9193">
        <v>216</v>
      </c>
      <c r="AA9193">
        <v>218</v>
      </c>
      <c r="AB9193">
        <v>220</v>
      </c>
      <c r="AC9193">
        <v>222</v>
      </c>
      <c r="AD9193">
        <v>224</v>
      </c>
      <c r="AE9193">
        <v>226</v>
      </c>
      <c r="AF9193">
        <v>227</v>
      </c>
      <c r="AG9193">
        <v>229</v>
      </c>
      <c r="AH9193">
        <v>231</v>
      </c>
      <c r="AI9193">
        <v>232</v>
      </c>
      <c r="AJ9193">
        <v>234</v>
      </c>
      <c r="AK9193">
        <v>236</v>
      </c>
      <c r="AL9193">
        <v>236</v>
      </c>
      <c r="AM9193">
        <v>235</v>
      </c>
      <c r="AN9193">
        <v>235</v>
      </c>
      <c r="AO9193">
        <v>235</v>
      </c>
      <c r="AP9193">
        <v>234</v>
      </c>
      <c r="AQ9193">
        <v>234</v>
      </c>
    </row>
    <row r="9194" spans="1:43">
      <c r="A9194" t="s">
        <v>5746</v>
      </c>
      <c r="B9194" t="s">
        <v>5747</v>
      </c>
      <c r="C9194" t="s">
        <v>5740</v>
      </c>
      <c r="D9194" t="s">
        <v>5741</v>
      </c>
      <c r="E9194" t="s">
        <v>5698</v>
      </c>
      <c r="F9194" t="s">
        <v>5699</v>
      </c>
      <c r="G9194" t="s">
        <v>80</v>
      </c>
      <c r="H9194" t="s">
        <v>81</v>
      </c>
      <c r="I9194" s="2">
        <v>0</v>
      </c>
      <c r="J9194" s="2">
        <v>1</v>
      </c>
      <c r="K9194" s="2">
        <v>0</v>
      </c>
      <c r="L9194" t="s">
        <v>82</v>
      </c>
      <c r="M9194" t="s">
        <v>83</v>
      </c>
      <c r="N9194" t="s">
        <v>84</v>
      </c>
      <c r="O9194" t="s">
        <v>85</v>
      </c>
      <c r="P9194" t="s">
        <v>86</v>
      </c>
      <c r="Q9194">
        <v>96</v>
      </c>
      <c r="R9194">
        <v>97</v>
      </c>
      <c r="S9194">
        <v>98</v>
      </c>
      <c r="T9194">
        <v>99</v>
      </c>
      <c r="U9194">
        <v>100</v>
      </c>
      <c r="V9194">
        <v>101</v>
      </c>
      <c r="W9194">
        <v>102</v>
      </c>
      <c r="X9194">
        <v>103</v>
      </c>
      <c r="Y9194">
        <v>104</v>
      </c>
      <c r="Z9194">
        <v>105</v>
      </c>
      <c r="AA9194">
        <v>106</v>
      </c>
      <c r="AB9194">
        <v>107</v>
      </c>
      <c r="AC9194">
        <v>108</v>
      </c>
      <c r="AD9194">
        <v>108</v>
      </c>
      <c r="AE9194">
        <v>109</v>
      </c>
      <c r="AF9194">
        <v>110</v>
      </c>
      <c r="AG9194">
        <v>111</v>
      </c>
      <c r="AH9194">
        <v>112</v>
      </c>
      <c r="AI9194">
        <v>113</v>
      </c>
      <c r="AJ9194">
        <v>114</v>
      </c>
      <c r="AK9194">
        <v>114</v>
      </c>
      <c r="AL9194">
        <v>115</v>
      </c>
      <c r="AM9194">
        <v>114</v>
      </c>
      <c r="AN9194">
        <v>114</v>
      </c>
      <c r="AO9194">
        <v>114</v>
      </c>
      <c r="AP9194">
        <v>114</v>
      </c>
      <c r="AQ9194">
        <v>114</v>
      </c>
    </row>
    <row r="9195" spans="1:43">
      <c r="A9195" t="s">
        <v>5746</v>
      </c>
      <c r="B9195" t="s">
        <v>5747</v>
      </c>
      <c r="C9195" t="s">
        <v>5740</v>
      </c>
      <c r="D9195" t="s">
        <v>5741</v>
      </c>
      <c r="E9195" t="s">
        <v>5698</v>
      </c>
      <c r="F9195" t="s">
        <v>5699</v>
      </c>
      <c r="G9195" t="s">
        <v>80</v>
      </c>
      <c r="H9195" t="s">
        <v>81</v>
      </c>
      <c r="I9195" s="2">
        <v>0</v>
      </c>
      <c r="J9195" s="2">
        <v>1</v>
      </c>
      <c r="K9195" s="2">
        <v>0</v>
      </c>
      <c r="L9195" t="s">
        <v>82</v>
      </c>
      <c r="M9195" t="s">
        <v>87</v>
      </c>
      <c r="N9195" t="s">
        <v>88</v>
      </c>
      <c r="O9195" t="s">
        <v>85</v>
      </c>
      <c r="P9195" t="s">
        <v>86</v>
      </c>
      <c r="Q9195">
        <v>96</v>
      </c>
      <c r="R9195">
        <v>96</v>
      </c>
      <c r="S9195">
        <v>96</v>
      </c>
      <c r="T9195">
        <v>96</v>
      </c>
      <c r="U9195">
        <v>97</v>
      </c>
      <c r="V9195">
        <v>97</v>
      </c>
      <c r="W9195">
        <v>97</v>
      </c>
      <c r="X9195">
        <v>97</v>
      </c>
      <c r="Y9195">
        <v>97</v>
      </c>
      <c r="Z9195">
        <v>97</v>
      </c>
      <c r="AA9195">
        <v>97</v>
      </c>
      <c r="AB9195">
        <v>97</v>
      </c>
      <c r="AC9195">
        <v>98</v>
      </c>
      <c r="AD9195">
        <v>98</v>
      </c>
      <c r="AE9195">
        <v>98</v>
      </c>
      <c r="AF9195">
        <v>98</v>
      </c>
      <c r="AG9195">
        <v>98</v>
      </c>
      <c r="AH9195">
        <v>98</v>
      </c>
      <c r="AI9195">
        <v>98</v>
      </c>
      <c r="AJ9195">
        <v>98</v>
      </c>
      <c r="AK9195">
        <v>98</v>
      </c>
      <c r="AL9195">
        <v>98</v>
      </c>
      <c r="AM9195">
        <v>98</v>
      </c>
      <c r="AN9195">
        <v>99</v>
      </c>
      <c r="AO9195">
        <v>99</v>
      </c>
      <c r="AP9195">
        <v>99</v>
      </c>
      <c r="AQ9195">
        <v>99</v>
      </c>
    </row>
    <row r="9196" spans="1:43">
      <c r="A9196" t="s">
        <v>5746</v>
      </c>
      <c r="B9196" t="s">
        <v>5747</v>
      </c>
      <c r="C9196" t="s">
        <v>5740</v>
      </c>
      <c r="D9196" t="s">
        <v>5741</v>
      </c>
      <c r="E9196" t="s">
        <v>5698</v>
      </c>
      <c r="F9196" t="s">
        <v>5699</v>
      </c>
      <c r="G9196" t="s">
        <v>80</v>
      </c>
      <c r="H9196" t="s">
        <v>81</v>
      </c>
      <c r="I9196" s="2">
        <v>0</v>
      </c>
      <c r="J9196" s="2">
        <v>1</v>
      </c>
      <c r="K9196" s="2">
        <v>0</v>
      </c>
      <c r="L9196" t="s">
        <v>82</v>
      </c>
      <c r="M9196" t="s">
        <v>89</v>
      </c>
      <c r="N9196" t="s">
        <v>90</v>
      </c>
      <c r="O9196" t="s">
        <v>85</v>
      </c>
      <c r="P9196" t="s">
        <v>86</v>
      </c>
      <c r="Q9196">
        <v>96</v>
      </c>
      <c r="R9196">
        <v>98</v>
      </c>
      <c r="S9196">
        <v>100</v>
      </c>
      <c r="T9196">
        <v>101</v>
      </c>
      <c r="U9196">
        <v>103</v>
      </c>
      <c r="V9196">
        <v>105</v>
      </c>
      <c r="W9196">
        <v>106</v>
      </c>
      <c r="X9196">
        <v>108</v>
      </c>
      <c r="Y9196">
        <v>109</v>
      </c>
      <c r="Z9196">
        <v>111</v>
      </c>
      <c r="AA9196">
        <v>112</v>
      </c>
      <c r="AB9196">
        <v>113</v>
      </c>
      <c r="AC9196">
        <v>115</v>
      </c>
      <c r="AD9196">
        <v>116</v>
      </c>
      <c r="AE9196">
        <v>117</v>
      </c>
      <c r="AF9196">
        <v>116</v>
      </c>
      <c r="AG9196">
        <v>116</v>
      </c>
      <c r="AH9196">
        <v>116</v>
      </c>
      <c r="AI9196">
        <v>116</v>
      </c>
      <c r="AJ9196">
        <v>116</v>
      </c>
      <c r="AK9196">
        <v>116</v>
      </c>
      <c r="AL9196">
        <v>115</v>
      </c>
      <c r="AM9196">
        <v>115</v>
      </c>
      <c r="AN9196">
        <v>115</v>
      </c>
      <c r="AO9196">
        <v>115</v>
      </c>
      <c r="AP9196">
        <v>115</v>
      </c>
      <c r="AQ9196">
        <v>114</v>
      </c>
    </row>
    <row r="9197" spans="1:43">
      <c r="A9197" t="s">
        <v>5746</v>
      </c>
      <c r="B9197" t="s">
        <v>5747</v>
      </c>
      <c r="C9197" t="s">
        <v>5740</v>
      </c>
      <c r="D9197" t="s">
        <v>5741</v>
      </c>
      <c r="E9197" t="s">
        <v>5698</v>
      </c>
      <c r="F9197" t="s">
        <v>5699</v>
      </c>
      <c r="G9197" t="s">
        <v>80</v>
      </c>
      <c r="H9197" t="s">
        <v>81</v>
      </c>
      <c r="I9197" s="2">
        <v>0</v>
      </c>
      <c r="J9197" s="2">
        <v>1</v>
      </c>
      <c r="K9197" s="2">
        <v>0</v>
      </c>
      <c r="L9197" t="s">
        <v>82</v>
      </c>
      <c r="M9197" t="s">
        <v>83</v>
      </c>
      <c r="N9197" t="s">
        <v>91</v>
      </c>
      <c r="O9197" t="s">
        <v>85</v>
      </c>
      <c r="P9197" t="s">
        <v>86</v>
      </c>
      <c r="Q9197">
        <v>96</v>
      </c>
      <c r="R9197">
        <v>97</v>
      </c>
      <c r="S9197">
        <v>98</v>
      </c>
      <c r="T9197">
        <v>99</v>
      </c>
      <c r="U9197">
        <v>100</v>
      </c>
      <c r="V9197">
        <v>101</v>
      </c>
      <c r="W9197">
        <v>102</v>
      </c>
      <c r="X9197">
        <v>103</v>
      </c>
      <c r="Y9197">
        <v>104</v>
      </c>
      <c r="Z9197">
        <v>105</v>
      </c>
      <c r="AA9197">
        <v>106</v>
      </c>
      <c r="AB9197">
        <v>107</v>
      </c>
      <c r="AC9197">
        <v>108</v>
      </c>
      <c r="AD9197">
        <v>108</v>
      </c>
      <c r="AE9197">
        <v>109</v>
      </c>
      <c r="AF9197">
        <v>110</v>
      </c>
      <c r="AG9197">
        <v>111</v>
      </c>
      <c r="AH9197">
        <v>112</v>
      </c>
      <c r="AI9197">
        <v>113</v>
      </c>
      <c r="AJ9197">
        <v>114</v>
      </c>
      <c r="AK9197">
        <v>114</v>
      </c>
      <c r="AL9197">
        <v>115</v>
      </c>
      <c r="AM9197">
        <v>114</v>
      </c>
      <c r="AN9197">
        <v>114</v>
      </c>
      <c r="AO9197">
        <v>114</v>
      </c>
      <c r="AP9197">
        <v>114</v>
      </c>
      <c r="AQ9197">
        <v>114</v>
      </c>
    </row>
    <row r="9198" spans="1:43">
      <c r="A9198" t="s">
        <v>5748</v>
      </c>
      <c r="B9198" t="s">
        <v>5749</v>
      </c>
      <c r="C9198" t="s">
        <v>5750</v>
      </c>
      <c r="D9198" t="s">
        <v>5751</v>
      </c>
      <c r="E9198" t="s">
        <v>5698</v>
      </c>
      <c r="F9198" t="s">
        <v>5699</v>
      </c>
      <c r="G9198" t="s">
        <v>80</v>
      </c>
      <c r="H9198" t="s">
        <v>81</v>
      </c>
      <c r="I9198" s="2">
        <v>0</v>
      </c>
      <c r="J9198" s="2">
        <v>1</v>
      </c>
      <c r="K9198" s="2">
        <v>0</v>
      </c>
      <c r="L9198" t="s">
        <v>82</v>
      </c>
      <c r="M9198" t="s">
        <v>83</v>
      </c>
      <c r="N9198" t="s">
        <v>84</v>
      </c>
      <c r="O9198" t="s">
        <v>85</v>
      </c>
      <c r="P9198" t="s">
        <v>86</v>
      </c>
      <c r="Q9198">
        <v>113</v>
      </c>
      <c r="R9198">
        <v>115</v>
      </c>
      <c r="S9198">
        <v>116</v>
      </c>
      <c r="T9198">
        <v>117</v>
      </c>
      <c r="U9198">
        <v>118</v>
      </c>
      <c r="V9198">
        <v>119</v>
      </c>
      <c r="W9198">
        <v>120</v>
      </c>
      <c r="X9198">
        <v>122</v>
      </c>
      <c r="Y9198">
        <v>123</v>
      </c>
      <c r="Z9198">
        <v>124</v>
      </c>
      <c r="AA9198">
        <v>125</v>
      </c>
      <c r="AB9198">
        <v>126</v>
      </c>
      <c r="AC9198">
        <v>127</v>
      </c>
      <c r="AD9198">
        <v>128</v>
      </c>
      <c r="AE9198">
        <v>129</v>
      </c>
      <c r="AF9198">
        <v>130</v>
      </c>
      <c r="AG9198">
        <v>131</v>
      </c>
      <c r="AH9198">
        <v>132</v>
      </c>
      <c r="AI9198">
        <v>133</v>
      </c>
      <c r="AJ9198">
        <v>134</v>
      </c>
      <c r="AK9198">
        <v>135</v>
      </c>
      <c r="AL9198">
        <v>135</v>
      </c>
      <c r="AM9198">
        <v>135</v>
      </c>
      <c r="AN9198">
        <v>135</v>
      </c>
      <c r="AO9198">
        <v>135</v>
      </c>
      <c r="AP9198">
        <v>135</v>
      </c>
      <c r="AQ9198">
        <v>134</v>
      </c>
    </row>
    <row r="9199" spans="1:43">
      <c r="A9199" t="s">
        <v>5748</v>
      </c>
      <c r="B9199" t="s">
        <v>5749</v>
      </c>
      <c r="C9199" t="s">
        <v>5750</v>
      </c>
      <c r="D9199" t="s">
        <v>5751</v>
      </c>
      <c r="E9199" t="s">
        <v>5698</v>
      </c>
      <c r="F9199" t="s">
        <v>5699</v>
      </c>
      <c r="G9199" t="s">
        <v>80</v>
      </c>
      <c r="H9199" t="s">
        <v>81</v>
      </c>
      <c r="I9199" s="2">
        <v>0</v>
      </c>
      <c r="J9199" s="2">
        <v>1</v>
      </c>
      <c r="K9199" s="2">
        <v>0</v>
      </c>
      <c r="L9199" t="s">
        <v>82</v>
      </c>
      <c r="M9199" t="s">
        <v>87</v>
      </c>
      <c r="N9199" t="s">
        <v>88</v>
      </c>
      <c r="O9199" t="s">
        <v>85</v>
      </c>
      <c r="P9199" t="s">
        <v>86</v>
      </c>
      <c r="Q9199">
        <v>113</v>
      </c>
      <c r="R9199">
        <v>113</v>
      </c>
      <c r="S9199">
        <v>114</v>
      </c>
      <c r="T9199">
        <v>114</v>
      </c>
      <c r="U9199">
        <v>114</v>
      </c>
      <c r="V9199">
        <v>114</v>
      </c>
      <c r="W9199">
        <v>114</v>
      </c>
      <c r="X9199">
        <v>114</v>
      </c>
      <c r="Y9199">
        <v>114</v>
      </c>
      <c r="Z9199">
        <v>115</v>
      </c>
      <c r="AA9199">
        <v>115</v>
      </c>
      <c r="AB9199">
        <v>115</v>
      </c>
      <c r="AC9199">
        <v>115</v>
      </c>
      <c r="AD9199">
        <v>115</v>
      </c>
      <c r="AE9199">
        <v>115</v>
      </c>
      <c r="AF9199">
        <v>115</v>
      </c>
      <c r="AG9199">
        <v>115</v>
      </c>
      <c r="AH9199">
        <v>116</v>
      </c>
      <c r="AI9199">
        <v>116</v>
      </c>
      <c r="AJ9199">
        <v>116</v>
      </c>
      <c r="AK9199">
        <v>116</v>
      </c>
      <c r="AL9199">
        <v>116</v>
      </c>
      <c r="AM9199">
        <v>116</v>
      </c>
      <c r="AN9199">
        <v>116</v>
      </c>
      <c r="AO9199">
        <v>116</v>
      </c>
      <c r="AP9199">
        <v>116</v>
      </c>
      <c r="AQ9199">
        <v>117</v>
      </c>
    </row>
    <row r="9200" spans="1:43">
      <c r="A9200" t="s">
        <v>5748</v>
      </c>
      <c r="B9200" t="s">
        <v>5749</v>
      </c>
      <c r="C9200" t="s">
        <v>5750</v>
      </c>
      <c r="D9200" t="s">
        <v>5751</v>
      </c>
      <c r="E9200" t="s">
        <v>5698</v>
      </c>
      <c r="F9200" t="s">
        <v>5699</v>
      </c>
      <c r="G9200" t="s">
        <v>80</v>
      </c>
      <c r="H9200" t="s">
        <v>81</v>
      </c>
      <c r="I9200" s="2">
        <v>0</v>
      </c>
      <c r="J9200" s="2">
        <v>1</v>
      </c>
      <c r="K9200" s="2">
        <v>0</v>
      </c>
      <c r="L9200" t="s">
        <v>82</v>
      </c>
      <c r="M9200" t="s">
        <v>89</v>
      </c>
      <c r="N9200" t="s">
        <v>90</v>
      </c>
      <c r="O9200" t="s">
        <v>85</v>
      </c>
      <c r="P9200" t="s">
        <v>86</v>
      </c>
      <c r="Q9200">
        <v>113</v>
      </c>
      <c r="R9200">
        <v>116</v>
      </c>
      <c r="S9200">
        <v>118</v>
      </c>
      <c r="T9200">
        <v>120</v>
      </c>
      <c r="U9200">
        <v>122</v>
      </c>
      <c r="V9200">
        <v>124</v>
      </c>
      <c r="W9200">
        <v>126</v>
      </c>
      <c r="X9200">
        <v>127</v>
      </c>
      <c r="Y9200">
        <v>129</v>
      </c>
      <c r="Z9200">
        <v>131</v>
      </c>
      <c r="AA9200">
        <v>132</v>
      </c>
      <c r="AB9200">
        <v>134</v>
      </c>
      <c r="AC9200">
        <v>135</v>
      </c>
      <c r="AD9200">
        <v>137</v>
      </c>
      <c r="AE9200">
        <v>138</v>
      </c>
      <c r="AF9200">
        <v>138</v>
      </c>
      <c r="AG9200">
        <v>137</v>
      </c>
      <c r="AH9200">
        <v>137</v>
      </c>
      <c r="AI9200">
        <v>137</v>
      </c>
      <c r="AJ9200">
        <v>137</v>
      </c>
      <c r="AK9200">
        <v>137</v>
      </c>
      <c r="AL9200">
        <v>136</v>
      </c>
      <c r="AM9200">
        <v>136</v>
      </c>
      <c r="AN9200">
        <v>136</v>
      </c>
      <c r="AO9200">
        <v>136</v>
      </c>
      <c r="AP9200">
        <v>135</v>
      </c>
      <c r="AQ9200">
        <v>135</v>
      </c>
    </row>
    <row r="9201" spans="1:43">
      <c r="A9201" t="s">
        <v>5748</v>
      </c>
      <c r="B9201" t="s">
        <v>5749</v>
      </c>
      <c r="C9201" t="s">
        <v>5750</v>
      </c>
      <c r="D9201" t="s">
        <v>5751</v>
      </c>
      <c r="E9201" t="s">
        <v>5698</v>
      </c>
      <c r="F9201" t="s">
        <v>5699</v>
      </c>
      <c r="G9201" t="s">
        <v>80</v>
      </c>
      <c r="H9201" t="s">
        <v>81</v>
      </c>
      <c r="I9201" s="2">
        <v>0</v>
      </c>
      <c r="J9201" s="2">
        <v>1</v>
      </c>
      <c r="K9201" s="2">
        <v>0</v>
      </c>
      <c r="L9201" t="s">
        <v>82</v>
      </c>
      <c r="M9201" t="s">
        <v>83</v>
      </c>
      <c r="N9201" t="s">
        <v>91</v>
      </c>
      <c r="O9201" t="s">
        <v>85</v>
      </c>
      <c r="P9201" t="s">
        <v>86</v>
      </c>
      <c r="Q9201">
        <v>113</v>
      </c>
      <c r="R9201">
        <v>115</v>
      </c>
      <c r="S9201">
        <v>116</v>
      </c>
      <c r="T9201">
        <v>117</v>
      </c>
      <c r="U9201">
        <v>118</v>
      </c>
      <c r="V9201">
        <v>119</v>
      </c>
      <c r="W9201">
        <v>120</v>
      </c>
      <c r="X9201">
        <v>122</v>
      </c>
      <c r="Y9201">
        <v>123</v>
      </c>
      <c r="Z9201">
        <v>124</v>
      </c>
      <c r="AA9201">
        <v>125</v>
      </c>
      <c r="AB9201">
        <v>126</v>
      </c>
      <c r="AC9201">
        <v>127</v>
      </c>
      <c r="AD9201">
        <v>128</v>
      </c>
      <c r="AE9201">
        <v>129</v>
      </c>
      <c r="AF9201">
        <v>130</v>
      </c>
      <c r="AG9201">
        <v>131</v>
      </c>
      <c r="AH9201">
        <v>132</v>
      </c>
      <c r="AI9201">
        <v>133</v>
      </c>
      <c r="AJ9201">
        <v>134</v>
      </c>
      <c r="AK9201">
        <v>135</v>
      </c>
      <c r="AL9201">
        <v>135</v>
      </c>
      <c r="AM9201">
        <v>135</v>
      </c>
      <c r="AN9201">
        <v>135</v>
      </c>
      <c r="AO9201">
        <v>135</v>
      </c>
      <c r="AP9201">
        <v>135</v>
      </c>
      <c r="AQ9201">
        <v>134</v>
      </c>
    </row>
    <row r="9202" spans="1:43">
      <c r="A9202" t="s">
        <v>5752</v>
      </c>
      <c r="B9202" t="s">
        <v>5753</v>
      </c>
      <c r="C9202" t="s">
        <v>5696</v>
      </c>
      <c r="D9202" t="s">
        <v>5697</v>
      </c>
      <c r="E9202" t="s">
        <v>5698</v>
      </c>
      <c r="F9202" t="s">
        <v>5699</v>
      </c>
      <c r="G9202" t="s">
        <v>80</v>
      </c>
      <c r="H9202" t="s">
        <v>81</v>
      </c>
      <c r="I9202" s="2">
        <v>0</v>
      </c>
      <c r="J9202" s="2">
        <v>1</v>
      </c>
      <c r="K9202" s="2">
        <v>0</v>
      </c>
      <c r="L9202" t="s">
        <v>82</v>
      </c>
      <c r="M9202" t="s">
        <v>83</v>
      </c>
      <c r="N9202" t="s">
        <v>84</v>
      </c>
      <c r="O9202" t="s">
        <v>85</v>
      </c>
      <c r="P9202" t="s">
        <v>86</v>
      </c>
      <c r="Q9202">
        <v>75</v>
      </c>
      <c r="R9202">
        <v>76</v>
      </c>
      <c r="S9202">
        <v>76</v>
      </c>
      <c r="T9202">
        <v>77</v>
      </c>
      <c r="U9202">
        <v>78</v>
      </c>
      <c r="V9202">
        <v>79</v>
      </c>
      <c r="W9202">
        <v>80</v>
      </c>
      <c r="X9202">
        <v>80</v>
      </c>
      <c r="Y9202">
        <v>81</v>
      </c>
      <c r="Z9202">
        <v>82</v>
      </c>
      <c r="AA9202">
        <v>83</v>
      </c>
      <c r="AB9202">
        <v>83</v>
      </c>
      <c r="AC9202">
        <v>84</v>
      </c>
      <c r="AD9202">
        <v>85</v>
      </c>
      <c r="AE9202">
        <v>85</v>
      </c>
      <c r="AF9202">
        <v>86</v>
      </c>
      <c r="AG9202">
        <v>87</v>
      </c>
      <c r="AH9202">
        <v>87</v>
      </c>
      <c r="AI9202">
        <v>88</v>
      </c>
      <c r="AJ9202">
        <v>88</v>
      </c>
      <c r="AK9202">
        <v>89</v>
      </c>
      <c r="AL9202">
        <v>89</v>
      </c>
      <c r="AM9202">
        <v>89</v>
      </c>
      <c r="AN9202">
        <v>89</v>
      </c>
      <c r="AO9202">
        <v>89</v>
      </c>
      <c r="AP9202">
        <v>88</v>
      </c>
      <c r="AQ9202">
        <v>88</v>
      </c>
    </row>
    <row r="9203" spans="1:43">
      <c r="A9203" t="s">
        <v>5752</v>
      </c>
      <c r="B9203" t="s">
        <v>5753</v>
      </c>
      <c r="C9203" t="s">
        <v>5696</v>
      </c>
      <c r="D9203" t="s">
        <v>5697</v>
      </c>
      <c r="E9203" t="s">
        <v>5698</v>
      </c>
      <c r="F9203" t="s">
        <v>5699</v>
      </c>
      <c r="G9203" t="s">
        <v>80</v>
      </c>
      <c r="H9203" t="s">
        <v>81</v>
      </c>
      <c r="I9203" s="2">
        <v>0</v>
      </c>
      <c r="J9203" s="2">
        <v>1</v>
      </c>
      <c r="K9203" s="2">
        <v>0</v>
      </c>
      <c r="L9203" t="s">
        <v>82</v>
      </c>
      <c r="M9203" t="s">
        <v>87</v>
      </c>
      <c r="N9203" t="s">
        <v>88</v>
      </c>
      <c r="O9203" t="s">
        <v>85</v>
      </c>
      <c r="P9203" t="s">
        <v>86</v>
      </c>
      <c r="Q9203">
        <v>75</v>
      </c>
      <c r="R9203">
        <v>75</v>
      </c>
      <c r="S9203">
        <v>75</v>
      </c>
      <c r="T9203">
        <v>76</v>
      </c>
      <c r="U9203">
        <v>76</v>
      </c>
      <c r="V9203">
        <v>76</v>
      </c>
      <c r="W9203">
        <v>76</v>
      </c>
      <c r="X9203">
        <v>76</v>
      </c>
      <c r="Y9203">
        <v>76</v>
      </c>
      <c r="Z9203">
        <v>76</v>
      </c>
      <c r="AA9203">
        <v>76</v>
      </c>
      <c r="AB9203">
        <v>76</v>
      </c>
      <c r="AC9203">
        <v>76</v>
      </c>
      <c r="AD9203">
        <v>77</v>
      </c>
      <c r="AE9203">
        <v>77</v>
      </c>
      <c r="AF9203">
        <v>77</v>
      </c>
      <c r="AG9203">
        <v>77</v>
      </c>
      <c r="AH9203">
        <v>77</v>
      </c>
      <c r="AI9203">
        <v>77</v>
      </c>
      <c r="AJ9203">
        <v>77</v>
      </c>
      <c r="AK9203">
        <v>77</v>
      </c>
      <c r="AL9203">
        <v>77</v>
      </c>
      <c r="AM9203">
        <v>77</v>
      </c>
      <c r="AN9203">
        <v>78</v>
      </c>
      <c r="AO9203">
        <v>78</v>
      </c>
      <c r="AP9203">
        <v>78</v>
      </c>
      <c r="AQ9203">
        <v>78</v>
      </c>
    </row>
    <row r="9204" spans="1:43">
      <c r="A9204" t="s">
        <v>5752</v>
      </c>
      <c r="B9204" t="s">
        <v>5753</v>
      </c>
      <c r="C9204" t="s">
        <v>5696</v>
      </c>
      <c r="D9204" t="s">
        <v>5697</v>
      </c>
      <c r="E9204" t="s">
        <v>5698</v>
      </c>
      <c r="F9204" t="s">
        <v>5699</v>
      </c>
      <c r="G9204" t="s">
        <v>80</v>
      </c>
      <c r="H9204" t="s">
        <v>81</v>
      </c>
      <c r="I9204" s="2">
        <v>0</v>
      </c>
      <c r="J9204" s="2">
        <v>1</v>
      </c>
      <c r="K9204" s="2">
        <v>0</v>
      </c>
      <c r="L9204" t="s">
        <v>82</v>
      </c>
      <c r="M9204" t="s">
        <v>89</v>
      </c>
      <c r="N9204" t="s">
        <v>90</v>
      </c>
      <c r="O9204" t="s">
        <v>85</v>
      </c>
      <c r="P9204" t="s">
        <v>86</v>
      </c>
      <c r="Q9204">
        <v>75</v>
      </c>
      <c r="R9204">
        <v>76</v>
      </c>
      <c r="S9204">
        <v>77</v>
      </c>
      <c r="T9204">
        <v>79</v>
      </c>
      <c r="U9204">
        <v>80</v>
      </c>
      <c r="V9204">
        <v>81</v>
      </c>
      <c r="W9204">
        <v>83</v>
      </c>
      <c r="X9204">
        <v>84</v>
      </c>
      <c r="Y9204">
        <v>85</v>
      </c>
      <c r="Z9204">
        <v>86</v>
      </c>
      <c r="AA9204">
        <v>87</v>
      </c>
      <c r="AB9204">
        <v>88</v>
      </c>
      <c r="AC9204">
        <v>89</v>
      </c>
      <c r="AD9204">
        <v>90</v>
      </c>
      <c r="AE9204">
        <v>90</v>
      </c>
      <c r="AF9204">
        <v>90</v>
      </c>
      <c r="AG9204">
        <v>90</v>
      </c>
      <c r="AH9204">
        <v>90</v>
      </c>
      <c r="AI9204">
        <v>90</v>
      </c>
      <c r="AJ9204">
        <v>89</v>
      </c>
      <c r="AK9204">
        <v>89</v>
      </c>
      <c r="AL9204">
        <v>89</v>
      </c>
      <c r="AM9204">
        <v>89</v>
      </c>
      <c r="AN9204">
        <v>89</v>
      </c>
      <c r="AO9204">
        <v>88</v>
      </c>
      <c r="AP9204">
        <v>88</v>
      </c>
      <c r="AQ9204">
        <v>88</v>
      </c>
    </row>
    <row r="9205" spans="1:43">
      <c r="A9205" t="s">
        <v>5752</v>
      </c>
      <c r="B9205" t="s">
        <v>5753</v>
      </c>
      <c r="C9205" t="s">
        <v>5696</v>
      </c>
      <c r="D9205" t="s">
        <v>5697</v>
      </c>
      <c r="E9205" t="s">
        <v>5698</v>
      </c>
      <c r="F9205" t="s">
        <v>5699</v>
      </c>
      <c r="G9205" t="s">
        <v>80</v>
      </c>
      <c r="H9205" t="s">
        <v>81</v>
      </c>
      <c r="I9205" s="2">
        <v>0</v>
      </c>
      <c r="J9205" s="2">
        <v>1</v>
      </c>
      <c r="K9205" s="2">
        <v>0</v>
      </c>
      <c r="L9205" t="s">
        <v>82</v>
      </c>
      <c r="M9205" t="s">
        <v>83</v>
      </c>
      <c r="N9205" t="s">
        <v>91</v>
      </c>
      <c r="O9205" t="s">
        <v>85</v>
      </c>
      <c r="P9205" t="s">
        <v>86</v>
      </c>
      <c r="Q9205">
        <v>75</v>
      </c>
      <c r="R9205">
        <v>76</v>
      </c>
      <c r="S9205">
        <v>76</v>
      </c>
      <c r="T9205">
        <v>77</v>
      </c>
      <c r="U9205">
        <v>78</v>
      </c>
      <c r="V9205">
        <v>79</v>
      </c>
      <c r="W9205">
        <v>80</v>
      </c>
      <c r="X9205">
        <v>80</v>
      </c>
      <c r="Y9205">
        <v>81</v>
      </c>
      <c r="Z9205">
        <v>82</v>
      </c>
      <c r="AA9205">
        <v>83</v>
      </c>
      <c r="AB9205">
        <v>83</v>
      </c>
      <c r="AC9205">
        <v>84</v>
      </c>
      <c r="AD9205">
        <v>85</v>
      </c>
      <c r="AE9205">
        <v>85</v>
      </c>
      <c r="AF9205">
        <v>86</v>
      </c>
      <c r="AG9205">
        <v>87</v>
      </c>
      <c r="AH9205">
        <v>87</v>
      </c>
      <c r="AI9205">
        <v>88</v>
      </c>
      <c r="AJ9205">
        <v>88</v>
      </c>
      <c r="AK9205">
        <v>89</v>
      </c>
      <c r="AL9205">
        <v>89</v>
      </c>
      <c r="AM9205">
        <v>89</v>
      </c>
      <c r="AN9205">
        <v>89</v>
      </c>
      <c r="AO9205">
        <v>89</v>
      </c>
      <c r="AP9205">
        <v>88</v>
      </c>
      <c r="AQ9205">
        <v>88</v>
      </c>
    </row>
    <row r="9206" spans="1:43">
      <c r="A9206" t="s">
        <v>5754</v>
      </c>
      <c r="B9206" t="s">
        <v>5755</v>
      </c>
      <c r="C9206" t="s">
        <v>5756</v>
      </c>
      <c r="D9206" t="s">
        <v>5757</v>
      </c>
      <c r="E9206" t="s">
        <v>5698</v>
      </c>
      <c r="F9206" t="s">
        <v>5699</v>
      </c>
      <c r="G9206" t="s">
        <v>80</v>
      </c>
      <c r="H9206" t="s">
        <v>81</v>
      </c>
      <c r="I9206" s="2">
        <v>0</v>
      </c>
      <c r="J9206" s="2">
        <v>1</v>
      </c>
      <c r="K9206" s="2">
        <v>0</v>
      </c>
      <c r="L9206" t="s">
        <v>82</v>
      </c>
      <c r="M9206" t="s">
        <v>83</v>
      </c>
      <c r="N9206" t="s">
        <v>84</v>
      </c>
      <c r="O9206" t="s">
        <v>85</v>
      </c>
      <c r="P9206" t="s">
        <v>86</v>
      </c>
      <c r="Q9206">
        <v>141</v>
      </c>
      <c r="R9206">
        <v>143</v>
      </c>
      <c r="S9206">
        <v>144</v>
      </c>
      <c r="T9206">
        <v>146</v>
      </c>
      <c r="U9206">
        <v>147</v>
      </c>
      <c r="V9206">
        <v>148</v>
      </c>
      <c r="W9206">
        <v>150</v>
      </c>
      <c r="X9206">
        <v>151</v>
      </c>
      <c r="Y9206">
        <v>152</v>
      </c>
      <c r="Z9206">
        <v>154</v>
      </c>
      <c r="AA9206">
        <v>155</v>
      </c>
      <c r="AB9206">
        <v>156</v>
      </c>
      <c r="AC9206">
        <v>157</v>
      </c>
      <c r="AD9206">
        <v>158</v>
      </c>
      <c r="AE9206">
        <v>160</v>
      </c>
      <c r="AF9206">
        <v>161</v>
      </c>
      <c r="AG9206">
        <v>162</v>
      </c>
      <c r="AH9206">
        <v>163</v>
      </c>
      <c r="AI9206">
        <v>164</v>
      </c>
      <c r="AJ9206">
        <v>165</v>
      </c>
      <c r="AK9206">
        <v>166</v>
      </c>
      <c r="AL9206">
        <v>166</v>
      </c>
      <c r="AM9206">
        <v>166</v>
      </c>
      <c r="AN9206">
        <v>165</v>
      </c>
      <c r="AO9206">
        <v>165</v>
      </c>
      <c r="AP9206">
        <v>164</v>
      </c>
      <c r="AQ9206">
        <v>164</v>
      </c>
    </row>
    <row r="9207" spans="1:43">
      <c r="A9207" t="s">
        <v>5754</v>
      </c>
      <c r="B9207" t="s">
        <v>5755</v>
      </c>
      <c r="C9207" t="s">
        <v>5756</v>
      </c>
      <c r="D9207" t="s">
        <v>5757</v>
      </c>
      <c r="E9207" t="s">
        <v>5698</v>
      </c>
      <c r="F9207" t="s">
        <v>5699</v>
      </c>
      <c r="G9207" t="s">
        <v>80</v>
      </c>
      <c r="H9207" t="s">
        <v>81</v>
      </c>
      <c r="I9207" s="2">
        <v>0</v>
      </c>
      <c r="J9207" s="2">
        <v>1</v>
      </c>
      <c r="K9207" s="2">
        <v>0</v>
      </c>
      <c r="L9207" t="s">
        <v>82</v>
      </c>
      <c r="M9207" t="s">
        <v>87</v>
      </c>
      <c r="N9207" t="s">
        <v>88</v>
      </c>
      <c r="O9207" t="s">
        <v>85</v>
      </c>
      <c r="P9207" t="s">
        <v>86</v>
      </c>
      <c r="Q9207">
        <v>141</v>
      </c>
      <c r="R9207">
        <v>141</v>
      </c>
      <c r="S9207">
        <v>141</v>
      </c>
      <c r="T9207">
        <v>141</v>
      </c>
      <c r="U9207">
        <v>141</v>
      </c>
      <c r="V9207">
        <v>141</v>
      </c>
      <c r="W9207">
        <v>142</v>
      </c>
      <c r="X9207">
        <v>142</v>
      </c>
      <c r="Y9207">
        <v>142</v>
      </c>
      <c r="Z9207">
        <v>142</v>
      </c>
      <c r="AA9207">
        <v>142</v>
      </c>
      <c r="AB9207">
        <v>142</v>
      </c>
      <c r="AC9207">
        <v>142</v>
      </c>
      <c r="AD9207">
        <v>142</v>
      </c>
      <c r="AE9207">
        <v>142</v>
      </c>
      <c r="AF9207">
        <v>142</v>
      </c>
      <c r="AG9207">
        <v>142</v>
      </c>
      <c r="AH9207">
        <v>143</v>
      </c>
      <c r="AI9207">
        <v>143</v>
      </c>
      <c r="AJ9207">
        <v>143</v>
      </c>
      <c r="AK9207">
        <v>143</v>
      </c>
      <c r="AL9207">
        <v>143</v>
      </c>
      <c r="AM9207">
        <v>143</v>
      </c>
      <c r="AN9207">
        <v>143</v>
      </c>
      <c r="AO9207">
        <v>143</v>
      </c>
      <c r="AP9207">
        <v>143</v>
      </c>
      <c r="AQ9207">
        <v>143</v>
      </c>
    </row>
    <row r="9208" spans="1:43">
      <c r="A9208" t="s">
        <v>5754</v>
      </c>
      <c r="B9208" t="s">
        <v>5755</v>
      </c>
      <c r="C9208" t="s">
        <v>5756</v>
      </c>
      <c r="D9208" t="s">
        <v>5757</v>
      </c>
      <c r="E9208" t="s">
        <v>5698</v>
      </c>
      <c r="F9208" t="s">
        <v>5699</v>
      </c>
      <c r="G9208" t="s">
        <v>80</v>
      </c>
      <c r="H9208" t="s">
        <v>81</v>
      </c>
      <c r="I9208" s="2">
        <v>0</v>
      </c>
      <c r="J9208" s="2">
        <v>1</v>
      </c>
      <c r="K9208" s="2">
        <v>0</v>
      </c>
      <c r="L9208" t="s">
        <v>82</v>
      </c>
      <c r="M9208" t="s">
        <v>89</v>
      </c>
      <c r="N9208" t="s">
        <v>90</v>
      </c>
      <c r="O9208" t="s">
        <v>85</v>
      </c>
      <c r="P9208" t="s">
        <v>86</v>
      </c>
      <c r="Q9208">
        <v>141</v>
      </c>
      <c r="R9208">
        <v>143</v>
      </c>
      <c r="S9208">
        <v>146</v>
      </c>
      <c r="T9208">
        <v>148</v>
      </c>
      <c r="U9208">
        <v>151</v>
      </c>
      <c r="V9208">
        <v>153</v>
      </c>
      <c r="W9208">
        <v>155</v>
      </c>
      <c r="X9208">
        <v>157</v>
      </c>
      <c r="Y9208">
        <v>159</v>
      </c>
      <c r="Z9208">
        <v>161</v>
      </c>
      <c r="AA9208">
        <v>163</v>
      </c>
      <c r="AB9208">
        <v>165</v>
      </c>
      <c r="AC9208">
        <v>167</v>
      </c>
      <c r="AD9208">
        <v>168</v>
      </c>
      <c r="AE9208">
        <v>169</v>
      </c>
      <c r="AF9208">
        <v>169</v>
      </c>
      <c r="AG9208">
        <v>168</v>
      </c>
      <c r="AH9208">
        <v>168</v>
      </c>
      <c r="AI9208">
        <v>167</v>
      </c>
      <c r="AJ9208">
        <v>167</v>
      </c>
      <c r="AK9208">
        <v>166</v>
      </c>
      <c r="AL9208">
        <v>166</v>
      </c>
      <c r="AM9208">
        <v>165</v>
      </c>
      <c r="AN9208">
        <v>165</v>
      </c>
      <c r="AO9208">
        <v>164</v>
      </c>
      <c r="AP9208">
        <v>164</v>
      </c>
      <c r="AQ9208">
        <v>163</v>
      </c>
    </row>
    <row r="9209" spans="1:43">
      <c r="A9209" t="s">
        <v>5754</v>
      </c>
      <c r="B9209" t="s">
        <v>5755</v>
      </c>
      <c r="C9209" t="s">
        <v>5756</v>
      </c>
      <c r="D9209" t="s">
        <v>5757</v>
      </c>
      <c r="E9209" t="s">
        <v>5698</v>
      </c>
      <c r="F9209" t="s">
        <v>5699</v>
      </c>
      <c r="G9209" t="s">
        <v>80</v>
      </c>
      <c r="H9209" t="s">
        <v>81</v>
      </c>
      <c r="I9209" s="2">
        <v>0</v>
      </c>
      <c r="J9209" s="2">
        <v>1</v>
      </c>
      <c r="K9209" s="2">
        <v>0</v>
      </c>
      <c r="L9209" t="s">
        <v>82</v>
      </c>
      <c r="M9209" t="s">
        <v>83</v>
      </c>
      <c r="N9209" t="s">
        <v>91</v>
      </c>
      <c r="O9209" t="s">
        <v>85</v>
      </c>
      <c r="P9209" t="s">
        <v>86</v>
      </c>
      <c r="Q9209">
        <v>141</v>
      </c>
      <c r="R9209">
        <v>143</v>
      </c>
      <c r="S9209">
        <v>144</v>
      </c>
      <c r="T9209">
        <v>146</v>
      </c>
      <c r="U9209">
        <v>147</v>
      </c>
      <c r="V9209">
        <v>148</v>
      </c>
      <c r="W9209">
        <v>150</v>
      </c>
      <c r="X9209">
        <v>151</v>
      </c>
      <c r="Y9209">
        <v>152</v>
      </c>
      <c r="Z9209">
        <v>154</v>
      </c>
      <c r="AA9209">
        <v>155</v>
      </c>
      <c r="AB9209">
        <v>156</v>
      </c>
      <c r="AC9209">
        <v>157</v>
      </c>
      <c r="AD9209">
        <v>158</v>
      </c>
      <c r="AE9209">
        <v>160</v>
      </c>
      <c r="AF9209">
        <v>161</v>
      </c>
      <c r="AG9209">
        <v>162</v>
      </c>
      <c r="AH9209">
        <v>163</v>
      </c>
      <c r="AI9209">
        <v>164</v>
      </c>
      <c r="AJ9209">
        <v>165</v>
      </c>
      <c r="AK9209">
        <v>166</v>
      </c>
      <c r="AL9209">
        <v>166</v>
      </c>
      <c r="AM9209">
        <v>166</v>
      </c>
      <c r="AN9209">
        <v>165</v>
      </c>
      <c r="AO9209">
        <v>165</v>
      </c>
      <c r="AP9209">
        <v>164</v>
      </c>
      <c r="AQ9209">
        <v>164</v>
      </c>
    </row>
    <row r="9210" spans="1:43">
      <c r="A9210" t="s">
        <v>5758</v>
      </c>
      <c r="B9210" t="s">
        <v>5759</v>
      </c>
      <c r="C9210" t="s">
        <v>5756</v>
      </c>
      <c r="D9210" t="s">
        <v>5757</v>
      </c>
      <c r="E9210" t="s">
        <v>5698</v>
      </c>
      <c r="F9210" t="s">
        <v>5699</v>
      </c>
      <c r="G9210" t="s">
        <v>80</v>
      </c>
      <c r="H9210" t="s">
        <v>81</v>
      </c>
      <c r="I9210" s="2">
        <v>0</v>
      </c>
      <c r="J9210" s="2">
        <v>1</v>
      </c>
      <c r="K9210" s="2">
        <v>0</v>
      </c>
      <c r="L9210" t="s">
        <v>82</v>
      </c>
      <c r="M9210" t="s">
        <v>83</v>
      </c>
      <c r="N9210" t="s">
        <v>84</v>
      </c>
      <c r="O9210" t="s">
        <v>85</v>
      </c>
      <c r="P9210" t="s">
        <v>86</v>
      </c>
      <c r="Q9210">
        <v>97</v>
      </c>
      <c r="R9210">
        <v>98</v>
      </c>
      <c r="S9210">
        <v>99</v>
      </c>
      <c r="T9210">
        <v>100</v>
      </c>
      <c r="U9210">
        <v>101</v>
      </c>
      <c r="V9210">
        <v>102</v>
      </c>
      <c r="W9210">
        <v>103</v>
      </c>
      <c r="X9210">
        <v>104</v>
      </c>
      <c r="Y9210">
        <v>105</v>
      </c>
      <c r="Z9210">
        <v>106</v>
      </c>
      <c r="AA9210">
        <v>107</v>
      </c>
      <c r="AB9210">
        <v>108</v>
      </c>
      <c r="AC9210">
        <v>109</v>
      </c>
      <c r="AD9210">
        <v>110</v>
      </c>
      <c r="AE9210">
        <v>110</v>
      </c>
      <c r="AF9210">
        <v>111</v>
      </c>
      <c r="AG9210">
        <v>112</v>
      </c>
      <c r="AH9210">
        <v>113</v>
      </c>
      <c r="AI9210">
        <v>114</v>
      </c>
      <c r="AJ9210">
        <v>114</v>
      </c>
      <c r="AK9210">
        <v>115</v>
      </c>
      <c r="AL9210">
        <v>115</v>
      </c>
      <c r="AM9210">
        <v>115</v>
      </c>
      <c r="AN9210">
        <v>115</v>
      </c>
      <c r="AO9210">
        <v>115</v>
      </c>
      <c r="AP9210">
        <v>114</v>
      </c>
      <c r="AQ9210">
        <v>114</v>
      </c>
    </row>
    <row r="9211" spans="1:43">
      <c r="A9211" t="s">
        <v>5758</v>
      </c>
      <c r="B9211" t="s">
        <v>5759</v>
      </c>
      <c r="C9211" t="s">
        <v>5756</v>
      </c>
      <c r="D9211" t="s">
        <v>5757</v>
      </c>
      <c r="E9211" t="s">
        <v>5698</v>
      </c>
      <c r="F9211" t="s">
        <v>5699</v>
      </c>
      <c r="G9211" t="s">
        <v>80</v>
      </c>
      <c r="H9211" t="s">
        <v>81</v>
      </c>
      <c r="I9211" s="2">
        <v>0</v>
      </c>
      <c r="J9211" s="2">
        <v>1</v>
      </c>
      <c r="K9211" s="2">
        <v>0</v>
      </c>
      <c r="L9211" t="s">
        <v>82</v>
      </c>
      <c r="M9211" t="s">
        <v>87</v>
      </c>
      <c r="N9211" t="s">
        <v>88</v>
      </c>
      <c r="O9211" t="s">
        <v>85</v>
      </c>
      <c r="P9211" t="s">
        <v>86</v>
      </c>
      <c r="Q9211">
        <v>97</v>
      </c>
      <c r="R9211">
        <v>97</v>
      </c>
      <c r="S9211">
        <v>97</v>
      </c>
      <c r="T9211">
        <v>98</v>
      </c>
      <c r="U9211">
        <v>98</v>
      </c>
      <c r="V9211">
        <v>98</v>
      </c>
      <c r="W9211">
        <v>98</v>
      </c>
      <c r="X9211">
        <v>98</v>
      </c>
      <c r="Y9211">
        <v>98</v>
      </c>
      <c r="Z9211">
        <v>98</v>
      </c>
      <c r="AA9211">
        <v>98</v>
      </c>
      <c r="AB9211">
        <v>98</v>
      </c>
      <c r="AC9211">
        <v>99</v>
      </c>
      <c r="AD9211">
        <v>99</v>
      </c>
      <c r="AE9211">
        <v>99</v>
      </c>
      <c r="AF9211">
        <v>99</v>
      </c>
      <c r="AG9211">
        <v>99</v>
      </c>
      <c r="AH9211">
        <v>99</v>
      </c>
      <c r="AI9211">
        <v>99</v>
      </c>
      <c r="AJ9211">
        <v>99</v>
      </c>
      <c r="AK9211">
        <v>99</v>
      </c>
      <c r="AL9211">
        <v>100</v>
      </c>
      <c r="AM9211">
        <v>100</v>
      </c>
      <c r="AN9211">
        <v>100</v>
      </c>
      <c r="AO9211">
        <v>100</v>
      </c>
      <c r="AP9211">
        <v>100</v>
      </c>
      <c r="AQ9211">
        <v>100</v>
      </c>
    </row>
    <row r="9212" spans="1:43">
      <c r="A9212" t="s">
        <v>5758</v>
      </c>
      <c r="B9212" t="s">
        <v>5759</v>
      </c>
      <c r="C9212" t="s">
        <v>5756</v>
      </c>
      <c r="D9212" t="s">
        <v>5757</v>
      </c>
      <c r="E9212" t="s">
        <v>5698</v>
      </c>
      <c r="F9212" t="s">
        <v>5699</v>
      </c>
      <c r="G9212" t="s">
        <v>80</v>
      </c>
      <c r="H9212" t="s">
        <v>81</v>
      </c>
      <c r="I9212" s="2">
        <v>0</v>
      </c>
      <c r="J9212" s="2">
        <v>1</v>
      </c>
      <c r="K9212" s="2">
        <v>0</v>
      </c>
      <c r="L9212" t="s">
        <v>82</v>
      </c>
      <c r="M9212" t="s">
        <v>89</v>
      </c>
      <c r="N9212" t="s">
        <v>90</v>
      </c>
      <c r="O9212" t="s">
        <v>85</v>
      </c>
      <c r="P9212" t="s">
        <v>86</v>
      </c>
      <c r="Q9212">
        <v>97</v>
      </c>
      <c r="R9212">
        <v>99</v>
      </c>
      <c r="S9212">
        <v>101</v>
      </c>
      <c r="T9212">
        <v>102</v>
      </c>
      <c r="U9212">
        <v>104</v>
      </c>
      <c r="V9212">
        <v>106</v>
      </c>
      <c r="W9212">
        <v>107</v>
      </c>
      <c r="X9212">
        <v>109</v>
      </c>
      <c r="Y9212">
        <v>110</v>
      </c>
      <c r="Z9212">
        <v>112</v>
      </c>
      <c r="AA9212">
        <v>113</v>
      </c>
      <c r="AB9212">
        <v>114</v>
      </c>
      <c r="AC9212">
        <v>115</v>
      </c>
      <c r="AD9212">
        <v>117</v>
      </c>
      <c r="AE9212">
        <v>117</v>
      </c>
      <c r="AF9212">
        <v>117</v>
      </c>
      <c r="AG9212">
        <v>117</v>
      </c>
      <c r="AH9212">
        <v>117</v>
      </c>
      <c r="AI9212">
        <v>116</v>
      </c>
      <c r="AJ9212">
        <v>116</v>
      </c>
      <c r="AK9212">
        <v>116</v>
      </c>
      <c r="AL9212">
        <v>116</v>
      </c>
      <c r="AM9212">
        <v>115</v>
      </c>
      <c r="AN9212">
        <v>115</v>
      </c>
      <c r="AO9212">
        <v>115</v>
      </c>
      <c r="AP9212">
        <v>114</v>
      </c>
      <c r="AQ9212">
        <v>114</v>
      </c>
    </row>
    <row r="9213" spans="1:43">
      <c r="A9213" t="s">
        <v>5758</v>
      </c>
      <c r="B9213" t="s">
        <v>5759</v>
      </c>
      <c r="C9213" t="s">
        <v>5756</v>
      </c>
      <c r="D9213" t="s">
        <v>5757</v>
      </c>
      <c r="E9213" t="s">
        <v>5698</v>
      </c>
      <c r="F9213" t="s">
        <v>5699</v>
      </c>
      <c r="G9213" t="s">
        <v>80</v>
      </c>
      <c r="H9213" t="s">
        <v>81</v>
      </c>
      <c r="I9213" s="2">
        <v>0</v>
      </c>
      <c r="J9213" s="2">
        <v>1</v>
      </c>
      <c r="K9213" s="2">
        <v>0</v>
      </c>
      <c r="L9213" t="s">
        <v>82</v>
      </c>
      <c r="M9213" t="s">
        <v>83</v>
      </c>
      <c r="N9213" t="s">
        <v>91</v>
      </c>
      <c r="O9213" t="s">
        <v>85</v>
      </c>
      <c r="P9213" t="s">
        <v>86</v>
      </c>
      <c r="Q9213">
        <v>97</v>
      </c>
      <c r="R9213">
        <v>98</v>
      </c>
      <c r="S9213">
        <v>99</v>
      </c>
      <c r="T9213">
        <v>100</v>
      </c>
      <c r="U9213">
        <v>101</v>
      </c>
      <c r="V9213">
        <v>102</v>
      </c>
      <c r="W9213">
        <v>103</v>
      </c>
      <c r="X9213">
        <v>104</v>
      </c>
      <c r="Y9213">
        <v>105</v>
      </c>
      <c r="Z9213">
        <v>106</v>
      </c>
      <c r="AA9213">
        <v>107</v>
      </c>
      <c r="AB9213">
        <v>108</v>
      </c>
      <c r="AC9213">
        <v>109</v>
      </c>
      <c r="AD9213">
        <v>110</v>
      </c>
      <c r="AE9213">
        <v>110</v>
      </c>
      <c r="AF9213">
        <v>111</v>
      </c>
      <c r="AG9213">
        <v>112</v>
      </c>
      <c r="AH9213">
        <v>113</v>
      </c>
      <c r="AI9213">
        <v>114</v>
      </c>
      <c r="AJ9213">
        <v>114</v>
      </c>
      <c r="AK9213">
        <v>115</v>
      </c>
      <c r="AL9213">
        <v>115</v>
      </c>
      <c r="AM9213">
        <v>115</v>
      </c>
      <c r="AN9213">
        <v>115</v>
      </c>
      <c r="AO9213">
        <v>115</v>
      </c>
      <c r="AP9213">
        <v>114</v>
      </c>
      <c r="AQ9213">
        <v>114</v>
      </c>
    </row>
    <row r="9214" spans="1:43">
      <c r="A9214" t="s">
        <v>5760</v>
      </c>
      <c r="B9214" t="s">
        <v>5761</v>
      </c>
      <c r="C9214" t="s">
        <v>5756</v>
      </c>
      <c r="D9214" t="s">
        <v>5757</v>
      </c>
      <c r="E9214" t="s">
        <v>5698</v>
      </c>
      <c r="F9214" t="s">
        <v>5699</v>
      </c>
      <c r="G9214" t="s">
        <v>80</v>
      </c>
      <c r="H9214" t="s">
        <v>81</v>
      </c>
      <c r="I9214" s="2">
        <v>0</v>
      </c>
      <c r="J9214" s="2">
        <v>1</v>
      </c>
      <c r="K9214" s="2">
        <v>0</v>
      </c>
      <c r="L9214" t="s">
        <v>82</v>
      </c>
      <c r="M9214" t="s">
        <v>83</v>
      </c>
      <c r="N9214" t="s">
        <v>84</v>
      </c>
      <c r="O9214" t="s">
        <v>85</v>
      </c>
      <c r="P9214" t="s">
        <v>86</v>
      </c>
      <c r="Q9214">
        <v>134</v>
      </c>
      <c r="R9214">
        <v>135</v>
      </c>
      <c r="S9214">
        <v>137</v>
      </c>
      <c r="T9214">
        <v>138</v>
      </c>
      <c r="U9214">
        <v>140</v>
      </c>
      <c r="V9214">
        <v>141</v>
      </c>
      <c r="W9214">
        <v>142</v>
      </c>
      <c r="X9214">
        <v>143</v>
      </c>
      <c r="Y9214">
        <v>145</v>
      </c>
      <c r="Z9214">
        <v>146</v>
      </c>
      <c r="AA9214">
        <v>147</v>
      </c>
      <c r="AB9214">
        <v>149</v>
      </c>
      <c r="AC9214">
        <v>150</v>
      </c>
      <c r="AD9214">
        <v>151</v>
      </c>
      <c r="AE9214">
        <v>152</v>
      </c>
      <c r="AF9214">
        <v>153</v>
      </c>
      <c r="AG9214">
        <v>154</v>
      </c>
      <c r="AH9214">
        <v>155</v>
      </c>
      <c r="AI9214">
        <v>157</v>
      </c>
      <c r="AJ9214">
        <v>158</v>
      </c>
      <c r="AK9214">
        <v>159</v>
      </c>
      <c r="AL9214">
        <v>159</v>
      </c>
      <c r="AM9214">
        <v>158</v>
      </c>
      <c r="AN9214">
        <v>158</v>
      </c>
      <c r="AO9214">
        <v>158</v>
      </c>
      <c r="AP9214">
        <v>157</v>
      </c>
      <c r="AQ9214">
        <v>157</v>
      </c>
    </row>
    <row r="9215" spans="1:43">
      <c r="A9215" t="s">
        <v>5760</v>
      </c>
      <c r="B9215" t="s">
        <v>5761</v>
      </c>
      <c r="C9215" t="s">
        <v>5756</v>
      </c>
      <c r="D9215" t="s">
        <v>5757</v>
      </c>
      <c r="E9215" t="s">
        <v>5698</v>
      </c>
      <c r="F9215" t="s">
        <v>5699</v>
      </c>
      <c r="G9215" t="s">
        <v>80</v>
      </c>
      <c r="H9215" t="s">
        <v>81</v>
      </c>
      <c r="I9215" s="2">
        <v>0</v>
      </c>
      <c r="J9215" s="2">
        <v>1</v>
      </c>
      <c r="K9215" s="2">
        <v>0</v>
      </c>
      <c r="L9215" t="s">
        <v>82</v>
      </c>
      <c r="M9215" t="s">
        <v>87</v>
      </c>
      <c r="N9215" t="s">
        <v>88</v>
      </c>
      <c r="O9215" t="s">
        <v>85</v>
      </c>
      <c r="P9215" t="s">
        <v>86</v>
      </c>
      <c r="Q9215">
        <v>134</v>
      </c>
      <c r="R9215">
        <v>134</v>
      </c>
      <c r="S9215">
        <v>134</v>
      </c>
      <c r="T9215">
        <v>134</v>
      </c>
      <c r="U9215">
        <v>134</v>
      </c>
      <c r="V9215">
        <v>134</v>
      </c>
      <c r="W9215">
        <v>135</v>
      </c>
      <c r="X9215">
        <v>135</v>
      </c>
      <c r="Y9215">
        <v>135</v>
      </c>
      <c r="Z9215">
        <v>135</v>
      </c>
      <c r="AA9215">
        <v>135</v>
      </c>
      <c r="AB9215">
        <v>135</v>
      </c>
      <c r="AC9215">
        <v>135</v>
      </c>
      <c r="AD9215">
        <v>135</v>
      </c>
      <c r="AE9215">
        <v>135</v>
      </c>
      <c r="AF9215">
        <v>136</v>
      </c>
      <c r="AG9215">
        <v>136</v>
      </c>
      <c r="AH9215">
        <v>136</v>
      </c>
      <c r="AI9215">
        <v>136</v>
      </c>
      <c r="AJ9215">
        <v>136</v>
      </c>
      <c r="AK9215">
        <v>136</v>
      </c>
      <c r="AL9215">
        <v>136</v>
      </c>
      <c r="AM9215">
        <v>136</v>
      </c>
      <c r="AN9215">
        <v>136</v>
      </c>
      <c r="AO9215">
        <v>136</v>
      </c>
      <c r="AP9215">
        <v>136</v>
      </c>
      <c r="AQ9215">
        <v>137</v>
      </c>
    </row>
    <row r="9216" spans="1:43">
      <c r="A9216" t="s">
        <v>5760</v>
      </c>
      <c r="B9216" t="s">
        <v>5761</v>
      </c>
      <c r="C9216" t="s">
        <v>5756</v>
      </c>
      <c r="D9216" t="s">
        <v>5757</v>
      </c>
      <c r="E9216" t="s">
        <v>5698</v>
      </c>
      <c r="F9216" t="s">
        <v>5699</v>
      </c>
      <c r="G9216" t="s">
        <v>80</v>
      </c>
      <c r="H9216" t="s">
        <v>81</v>
      </c>
      <c r="I9216" s="2">
        <v>0</v>
      </c>
      <c r="J9216" s="2">
        <v>1</v>
      </c>
      <c r="K9216" s="2">
        <v>0</v>
      </c>
      <c r="L9216" t="s">
        <v>82</v>
      </c>
      <c r="M9216" t="s">
        <v>89</v>
      </c>
      <c r="N9216" t="s">
        <v>90</v>
      </c>
      <c r="O9216" t="s">
        <v>85</v>
      </c>
      <c r="P9216" t="s">
        <v>86</v>
      </c>
      <c r="Q9216">
        <v>134</v>
      </c>
      <c r="R9216">
        <v>137</v>
      </c>
      <c r="S9216">
        <v>139</v>
      </c>
      <c r="T9216">
        <v>142</v>
      </c>
      <c r="U9216">
        <v>144</v>
      </c>
      <c r="V9216">
        <v>146</v>
      </c>
      <c r="W9216">
        <v>148</v>
      </c>
      <c r="X9216">
        <v>151</v>
      </c>
      <c r="Y9216">
        <v>152</v>
      </c>
      <c r="Z9216">
        <v>154</v>
      </c>
      <c r="AA9216">
        <v>156</v>
      </c>
      <c r="AB9216">
        <v>158</v>
      </c>
      <c r="AC9216">
        <v>160</v>
      </c>
      <c r="AD9216">
        <v>161</v>
      </c>
      <c r="AE9216">
        <v>162</v>
      </c>
      <c r="AF9216">
        <v>162</v>
      </c>
      <c r="AG9216">
        <v>162</v>
      </c>
      <c r="AH9216">
        <v>161</v>
      </c>
      <c r="AI9216">
        <v>161</v>
      </c>
      <c r="AJ9216">
        <v>160</v>
      </c>
      <c r="AK9216">
        <v>160</v>
      </c>
      <c r="AL9216">
        <v>160</v>
      </c>
      <c r="AM9216">
        <v>159</v>
      </c>
      <c r="AN9216">
        <v>159</v>
      </c>
      <c r="AO9216">
        <v>159</v>
      </c>
      <c r="AP9216">
        <v>158</v>
      </c>
      <c r="AQ9216">
        <v>158</v>
      </c>
    </row>
    <row r="9217" spans="1:43">
      <c r="A9217" t="s">
        <v>5760</v>
      </c>
      <c r="B9217" t="s">
        <v>5761</v>
      </c>
      <c r="C9217" t="s">
        <v>5756</v>
      </c>
      <c r="D9217" t="s">
        <v>5757</v>
      </c>
      <c r="E9217" t="s">
        <v>5698</v>
      </c>
      <c r="F9217" t="s">
        <v>5699</v>
      </c>
      <c r="G9217" t="s">
        <v>80</v>
      </c>
      <c r="H9217" t="s">
        <v>81</v>
      </c>
      <c r="I9217" s="2">
        <v>0</v>
      </c>
      <c r="J9217" s="2">
        <v>1</v>
      </c>
      <c r="K9217" s="2">
        <v>0</v>
      </c>
      <c r="L9217" t="s">
        <v>82</v>
      </c>
      <c r="M9217" t="s">
        <v>83</v>
      </c>
      <c r="N9217" t="s">
        <v>91</v>
      </c>
      <c r="O9217" t="s">
        <v>85</v>
      </c>
      <c r="P9217" t="s">
        <v>86</v>
      </c>
      <c r="Q9217">
        <v>134</v>
      </c>
      <c r="R9217">
        <v>135</v>
      </c>
      <c r="S9217">
        <v>137</v>
      </c>
      <c r="T9217">
        <v>138</v>
      </c>
      <c r="U9217">
        <v>140</v>
      </c>
      <c r="V9217">
        <v>141</v>
      </c>
      <c r="W9217">
        <v>142</v>
      </c>
      <c r="X9217">
        <v>143</v>
      </c>
      <c r="Y9217">
        <v>145</v>
      </c>
      <c r="Z9217">
        <v>146</v>
      </c>
      <c r="AA9217">
        <v>147</v>
      </c>
      <c r="AB9217">
        <v>149</v>
      </c>
      <c r="AC9217">
        <v>150</v>
      </c>
      <c r="AD9217">
        <v>151</v>
      </c>
      <c r="AE9217">
        <v>152</v>
      </c>
      <c r="AF9217">
        <v>153</v>
      </c>
      <c r="AG9217">
        <v>154</v>
      </c>
      <c r="AH9217">
        <v>155</v>
      </c>
      <c r="AI9217">
        <v>157</v>
      </c>
      <c r="AJ9217">
        <v>158</v>
      </c>
      <c r="AK9217">
        <v>159</v>
      </c>
      <c r="AL9217">
        <v>159</v>
      </c>
      <c r="AM9217">
        <v>158</v>
      </c>
      <c r="AN9217">
        <v>158</v>
      </c>
      <c r="AO9217">
        <v>158</v>
      </c>
      <c r="AP9217">
        <v>157</v>
      </c>
      <c r="AQ9217">
        <v>157</v>
      </c>
    </row>
    <row r="9218" spans="1:43">
      <c r="A9218" t="s">
        <v>5762</v>
      </c>
      <c r="B9218" t="s">
        <v>5763</v>
      </c>
      <c r="C9218" t="s">
        <v>5696</v>
      </c>
      <c r="D9218" t="s">
        <v>5697</v>
      </c>
      <c r="E9218" t="s">
        <v>5698</v>
      </c>
      <c r="F9218" t="s">
        <v>5699</v>
      </c>
      <c r="G9218" t="s">
        <v>80</v>
      </c>
      <c r="H9218" t="s">
        <v>81</v>
      </c>
      <c r="I9218" s="2">
        <v>0</v>
      </c>
      <c r="J9218" s="2">
        <v>1</v>
      </c>
      <c r="K9218" s="2">
        <v>0</v>
      </c>
      <c r="L9218" t="s">
        <v>82</v>
      </c>
      <c r="M9218" t="s">
        <v>83</v>
      </c>
      <c r="N9218" t="s">
        <v>84</v>
      </c>
      <c r="O9218" t="s">
        <v>85</v>
      </c>
      <c r="P9218" t="s">
        <v>86</v>
      </c>
      <c r="Q9218">
        <v>108</v>
      </c>
      <c r="R9218">
        <v>109</v>
      </c>
      <c r="S9218">
        <v>110</v>
      </c>
      <c r="T9218">
        <v>111</v>
      </c>
      <c r="U9218">
        <v>112</v>
      </c>
      <c r="V9218">
        <v>114</v>
      </c>
      <c r="W9218">
        <v>115</v>
      </c>
      <c r="X9218">
        <v>116</v>
      </c>
      <c r="Y9218">
        <v>117</v>
      </c>
      <c r="Z9218">
        <v>118</v>
      </c>
      <c r="AA9218">
        <v>119</v>
      </c>
      <c r="AB9218">
        <v>120</v>
      </c>
      <c r="AC9218">
        <v>121</v>
      </c>
      <c r="AD9218">
        <v>122</v>
      </c>
      <c r="AE9218">
        <v>123</v>
      </c>
      <c r="AF9218">
        <v>124</v>
      </c>
      <c r="AG9218">
        <v>125</v>
      </c>
      <c r="AH9218">
        <v>126</v>
      </c>
      <c r="AI9218">
        <v>126</v>
      </c>
      <c r="AJ9218">
        <v>127</v>
      </c>
      <c r="AK9218">
        <v>128</v>
      </c>
      <c r="AL9218">
        <v>128</v>
      </c>
      <c r="AM9218">
        <v>128</v>
      </c>
      <c r="AN9218">
        <v>128</v>
      </c>
      <c r="AO9218">
        <v>127</v>
      </c>
      <c r="AP9218">
        <v>127</v>
      </c>
      <c r="AQ9218">
        <v>127</v>
      </c>
    </row>
    <row r="9219" spans="1:43">
      <c r="A9219" t="s">
        <v>5762</v>
      </c>
      <c r="B9219" t="s">
        <v>5763</v>
      </c>
      <c r="C9219" t="s">
        <v>5696</v>
      </c>
      <c r="D9219" t="s">
        <v>5697</v>
      </c>
      <c r="E9219" t="s">
        <v>5698</v>
      </c>
      <c r="F9219" t="s">
        <v>5699</v>
      </c>
      <c r="G9219" t="s">
        <v>80</v>
      </c>
      <c r="H9219" t="s">
        <v>81</v>
      </c>
      <c r="I9219" s="2">
        <v>0</v>
      </c>
      <c r="J9219" s="2">
        <v>1</v>
      </c>
      <c r="K9219" s="2">
        <v>0</v>
      </c>
      <c r="L9219" t="s">
        <v>82</v>
      </c>
      <c r="M9219" t="s">
        <v>87</v>
      </c>
      <c r="N9219" t="s">
        <v>88</v>
      </c>
      <c r="O9219" t="s">
        <v>85</v>
      </c>
      <c r="P9219" t="s">
        <v>86</v>
      </c>
      <c r="Q9219">
        <v>108</v>
      </c>
      <c r="R9219">
        <v>108</v>
      </c>
      <c r="S9219">
        <v>108</v>
      </c>
      <c r="T9219">
        <v>108</v>
      </c>
      <c r="U9219">
        <v>108</v>
      </c>
      <c r="V9219">
        <v>109</v>
      </c>
      <c r="W9219">
        <v>109</v>
      </c>
      <c r="X9219">
        <v>109</v>
      </c>
      <c r="Y9219">
        <v>109</v>
      </c>
      <c r="Z9219">
        <v>109</v>
      </c>
      <c r="AA9219">
        <v>109</v>
      </c>
      <c r="AB9219">
        <v>109</v>
      </c>
      <c r="AC9219">
        <v>110</v>
      </c>
      <c r="AD9219">
        <v>110</v>
      </c>
      <c r="AE9219">
        <v>110</v>
      </c>
      <c r="AF9219">
        <v>110</v>
      </c>
      <c r="AG9219">
        <v>110</v>
      </c>
      <c r="AH9219">
        <v>110</v>
      </c>
      <c r="AI9219">
        <v>110</v>
      </c>
      <c r="AJ9219">
        <v>110</v>
      </c>
      <c r="AK9219">
        <v>111</v>
      </c>
      <c r="AL9219">
        <v>111</v>
      </c>
      <c r="AM9219">
        <v>111</v>
      </c>
      <c r="AN9219">
        <v>111</v>
      </c>
      <c r="AO9219">
        <v>111</v>
      </c>
      <c r="AP9219">
        <v>111</v>
      </c>
      <c r="AQ9219">
        <v>111</v>
      </c>
    </row>
    <row r="9220" spans="1:43">
      <c r="A9220" t="s">
        <v>5762</v>
      </c>
      <c r="B9220" t="s">
        <v>5763</v>
      </c>
      <c r="C9220" t="s">
        <v>5696</v>
      </c>
      <c r="D9220" t="s">
        <v>5697</v>
      </c>
      <c r="E9220" t="s">
        <v>5698</v>
      </c>
      <c r="F9220" t="s">
        <v>5699</v>
      </c>
      <c r="G9220" t="s">
        <v>80</v>
      </c>
      <c r="H9220" t="s">
        <v>81</v>
      </c>
      <c r="I9220" s="2">
        <v>0</v>
      </c>
      <c r="J9220" s="2">
        <v>1</v>
      </c>
      <c r="K9220" s="2">
        <v>0</v>
      </c>
      <c r="L9220" t="s">
        <v>82</v>
      </c>
      <c r="M9220" t="s">
        <v>89</v>
      </c>
      <c r="N9220" t="s">
        <v>90</v>
      </c>
      <c r="O9220" t="s">
        <v>85</v>
      </c>
      <c r="P9220" t="s">
        <v>86</v>
      </c>
      <c r="Q9220">
        <v>108</v>
      </c>
      <c r="R9220">
        <v>110</v>
      </c>
      <c r="S9220">
        <v>112</v>
      </c>
      <c r="T9220">
        <v>114</v>
      </c>
      <c r="U9220">
        <v>116</v>
      </c>
      <c r="V9220">
        <v>118</v>
      </c>
      <c r="W9220">
        <v>120</v>
      </c>
      <c r="X9220">
        <v>121</v>
      </c>
      <c r="Y9220">
        <v>123</v>
      </c>
      <c r="Z9220">
        <v>124</v>
      </c>
      <c r="AA9220">
        <v>126</v>
      </c>
      <c r="AB9220">
        <v>127</v>
      </c>
      <c r="AC9220">
        <v>128</v>
      </c>
      <c r="AD9220">
        <v>130</v>
      </c>
      <c r="AE9220">
        <v>131</v>
      </c>
      <c r="AF9220">
        <v>130</v>
      </c>
      <c r="AG9220">
        <v>130</v>
      </c>
      <c r="AH9220">
        <v>130</v>
      </c>
      <c r="AI9220">
        <v>129</v>
      </c>
      <c r="AJ9220">
        <v>129</v>
      </c>
      <c r="AK9220">
        <v>129</v>
      </c>
      <c r="AL9220">
        <v>129</v>
      </c>
      <c r="AM9220">
        <v>128</v>
      </c>
      <c r="AN9220">
        <v>128</v>
      </c>
      <c r="AO9220">
        <v>128</v>
      </c>
      <c r="AP9220">
        <v>127</v>
      </c>
      <c r="AQ9220">
        <v>127</v>
      </c>
    </row>
    <row r="9221" spans="1:43">
      <c r="A9221" t="s">
        <v>5762</v>
      </c>
      <c r="B9221" t="s">
        <v>5763</v>
      </c>
      <c r="C9221" t="s">
        <v>5696</v>
      </c>
      <c r="D9221" t="s">
        <v>5697</v>
      </c>
      <c r="E9221" t="s">
        <v>5698</v>
      </c>
      <c r="F9221" t="s">
        <v>5699</v>
      </c>
      <c r="G9221" t="s">
        <v>80</v>
      </c>
      <c r="H9221" t="s">
        <v>81</v>
      </c>
      <c r="I9221" s="2">
        <v>0</v>
      </c>
      <c r="J9221" s="2">
        <v>1</v>
      </c>
      <c r="K9221" s="2">
        <v>0</v>
      </c>
      <c r="L9221" t="s">
        <v>82</v>
      </c>
      <c r="M9221" t="s">
        <v>83</v>
      </c>
      <c r="N9221" t="s">
        <v>91</v>
      </c>
      <c r="O9221" t="s">
        <v>85</v>
      </c>
      <c r="P9221" t="s">
        <v>86</v>
      </c>
      <c r="Q9221">
        <v>108</v>
      </c>
      <c r="R9221">
        <v>109</v>
      </c>
      <c r="S9221">
        <v>110</v>
      </c>
      <c r="T9221">
        <v>111</v>
      </c>
      <c r="U9221">
        <v>112</v>
      </c>
      <c r="V9221">
        <v>114</v>
      </c>
      <c r="W9221">
        <v>115</v>
      </c>
      <c r="X9221">
        <v>116</v>
      </c>
      <c r="Y9221">
        <v>117</v>
      </c>
      <c r="Z9221">
        <v>118</v>
      </c>
      <c r="AA9221">
        <v>119</v>
      </c>
      <c r="AB9221">
        <v>120</v>
      </c>
      <c r="AC9221">
        <v>121</v>
      </c>
      <c r="AD9221">
        <v>122</v>
      </c>
      <c r="AE9221">
        <v>123</v>
      </c>
      <c r="AF9221">
        <v>124</v>
      </c>
      <c r="AG9221">
        <v>125</v>
      </c>
      <c r="AH9221">
        <v>126</v>
      </c>
      <c r="AI9221">
        <v>126</v>
      </c>
      <c r="AJ9221">
        <v>127</v>
      </c>
      <c r="AK9221">
        <v>128</v>
      </c>
      <c r="AL9221">
        <v>128</v>
      </c>
      <c r="AM9221">
        <v>128</v>
      </c>
      <c r="AN9221">
        <v>128</v>
      </c>
      <c r="AO9221">
        <v>127</v>
      </c>
      <c r="AP9221">
        <v>127</v>
      </c>
      <c r="AQ9221">
        <v>127</v>
      </c>
    </row>
    <row r="9222" spans="1:43">
      <c r="A9222" t="s">
        <v>5764</v>
      </c>
      <c r="B9222" t="s">
        <v>5765</v>
      </c>
      <c r="C9222" t="s">
        <v>5766</v>
      </c>
      <c r="D9222" t="s">
        <v>5767</v>
      </c>
      <c r="E9222" t="s">
        <v>5698</v>
      </c>
      <c r="F9222" t="s">
        <v>5699</v>
      </c>
      <c r="G9222" t="s">
        <v>80</v>
      </c>
      <c r="H9222" t="s">
        <v>81</v>
      </c>
      <c r="I9222" s="2">
        <v>0</v>
      </c>
      <c r="J9222" s="2">
        <v>1</v>
      </c>
      <c r="K9222" s="2">
        <v>0</v>
      </c>
      <c r="L9222" t="s">
        <v>82</v>
      </c>
      <c r="M9222" t="s">
        <v>83</v>
      </c>
      <c r="N9222" t="s">
        <v>84</v>
      </c>
      <c r="O9222" t="s">
        <v>85</v>
      </c>
      <c r="P9222" t="s">
        <v>86</v>
      </c>
      <c r="Q9222">
        <v>61</v>
      </c>
      <c r="R9222">
        <v>62</v>
      </c>
      <c r="S9222">
        <v>63</v>
      </c>
      <c r="T9222">
        <v>63</v>
      </c>
      <c r="U9222">
        <v>64</v>
      </c>
      <c r="V9222">
        <v>64</v>
      </c>
      <c r="W9222">
        <v>65</v>
      </c>
      <c r="X9222">
        <v>66</v>
      </c>
      <c r="Y9222">
        <v>66</v>
      </c>
      <c r="Z9222">
        <v>67</v>
      </c>
      <c r="AA9222">
        <v>67</v>
      </c>
      <c r="AB9222">
        <v>68</v>
      </c>
      <c r="AC9222">
        <v>69</v>
      </c>
      <c r="AD9222">
        <v>69</v>
      </c>
      <c r="AE9222">
        <v>70</v>
      </c>
      <c r="AF9222">
        <v>70</v>
      </c>
      <c r="AG9222">
        <v>71</v>
      </c>
      <c r="AH9222">
        <v>71</v>
      </c>
      <c r="AI9222">
        <v>72</v>
      </c>
      <c r="AJ9222">
        <v>72</v>
      </c>
      <c r="AK9222">
        <v>73</v>
      </c>
      <c r="AL9222">
        <v>73</v>
      </c>
      <c r="AM9222">
        <v>73</v>
      </c>
      <c r="AN9222">
        <v>72</v>
      </c>
      <c r="AO9222">
        <v>72</v>
      </c>
      <c r="AP9222">
        <v>72</v>
      </c>
      <c r="AQ9222">
        <v>72</v>
      </c>
    </row>
    <row r="9223" spans="1:43">
      <c r="A9223" t="s">
        <v>5764</v>
      </c>
      <c r="B9223" t="s">
        <v>5765</v>
      </c>
      <c r="C9223" t="s">
        <v>5766</v>
      </c>
      <c r="D9223" t="s">
        <v>5767</v>
      </c>
      <c r="E9223" t="s">
        <v>5698</v>
      </c>
      <c r="F9223" t="s">
        <v>5699</v>
      </c>
      <c r="G9223" t="s">
        <v>80</v>
      </c>
      <c r="H9223" t="s">
        <v>81</v>
      </c>
      <c r="I9223" s="2">
        <v>0</v>
      </c>
      <c r="J9223" s="2">
        <v>1</v>
      </c>
      <c r="K9223" s="2">
        <v>0</v>
      </c>
      <c r="L9223" t="s">
        <v>82</v>
      </c>
      <c r="M9223" t="s">
        <v>87</v>
      </c>
      <c r="N9223" t="s">
        <v>88</v>
      </c>
      <c r="O9223" t="s">
        <v>85</v>
      </c>
      <c r="P9223" t="s">
        <v>86</v>
      </c>
      <c r="Q9223">
        <v>61</v>
      </c>
      <c r="R9223">
        <v>61</v>
      </c>
      <c r="S9223">
        <v>61</v>
      </c>
      <c r="T9223">
        <v>61</v>
      </c>
      <c r="U9223">
        <v>61</v>
      </c>
      <c r="V9223">
        <v>61</v>
      </c>
      <c r="W9223">
        <v>61</v>
      </c>
      <c r="X9223">
        <v>61</v>
      </c>
      <c r="Y9223">
        <v>61</v>
      </c>
      <c r="Z9223">
        <v>61</v>
      </c>
      <c r="AA9223">
        <v>61</v>
      </c>
      <c r="AB9223">
        <v>61</v>
      </c>
      <c r="AC9223">
        <v>62</v>
      </c>
      <c r="AD9223">
        <v>62</v>
      </c>
      <c r="AE9223">
        <v>62</v>
      </c>
      <c r="AF9223">
        <v>62</v>
      </c>
      <c r="AG9223">
        <v>62</v>
      </c>
      <c r="AH9223">
        <v>62</v>
      </c>
      <c r="AI9223">
        <v>62</v>
      </c>
      <c r="AJ9223">
        <v>62</v>
      </c>
      <c r="AK9223">
        <v>62</v>
      </c>
      <c r="AL9223">
        <v>62</v>
      </c>
      <c r="AM9223">
        <v>62</v>
      </c>
      <c r="AN9223">
        <v>62</v>
      </c>
      <c r="AO9223">
        <v>62</v>
      </c>
      <c r="AP9223">
        <v>62</v>
      </c>
      <c r="AQ9223">
        <v>62</v>
      </c>
    </row>
    <row r="9224" spans="1:43">
      <c r="A9224" t="s">
        <v>5764</v>
      </c>
      <c r="B9224" t="s">
        <v>5765</v>
      </c>
      <c r="C9224" t="s">
        <v>5766</v>
      </c>
      <c r="D9224" t="s">
        <v>5767</v>
      </c>
      <c r="E9224" t="s">
        <v>5698</v>
      </c>
      <c r="F9224" t="s">
        <v>5699</v>
      </c>
      <c r="G9224" t="s">
        <v>80</v>
      </c>
      <c r="H9224" t="s">
        <v>81</v>
      </c>
      <c r="I9224" s="2">
        <v>0</v>
      </c>
      <c r="J9224" s="2">
        <v>1</v>
      </c>
      <c r="K9224" s="2">
        <v>0</v>
      </c>
      <c r="L9224" t="s">
        <v>82</v>
      </c>
      <c r="M9224" t="s">
        <v>89</v>
      </c>
      <c r="N9224" t="s">
        <v>90</v>
      </c>
      <c r="O9224" t="s">
        <v>85</v>
      </c>
      <c r="P9224" t="s">
        <v>86</v>
      </c>
      <c r="Q9224">
        <v>61</v>
      </c>
      <c r="R9224">
        <v>62</v>
      </c>
      <c r="S9224">
        <v>63</v>
      </c>
      <c r="T9224">
        <v>64</v>
      </c>
      <c r="U9224">
        <v>65</v>
      </c>
      <c r="V9224">
        <v>66</v>
      </c>
      <c r="W9224">
        <v>67</v>
      </c>
      <c r="X9224">
        <v>68</v>
      </c>
      <c r="Y9224">
        <v>69</v>
      </c>
      <c r="Z9224">
        <v>70</v>
      </c>
      <c r="AA9224">
        <v>71</v>
      </c>
      <c r="AB9224">
        <v>72</v>
      </c>
      <c r="AC9224">
        <v>73</v>
      </c>
      <c r="AD9224">
        <v>73</v>
      </c>
      <c r="AE9224">
        <v>74</v>
      </c>
      <c r="AF9224">
        <v>74</v>
      </c>
      <c r="AG9224">
        <v>73</v>
      </c>
      <c r="AH9224">
        <v>73</v>
      </c>
      <c r="AI9224">
        <v>73</v>
      </c>
      <c r="AJ9224">
        <v>73</v>
      </c>
      <c r="AK9224">
        <v>73</v>
      </c>
      <c r="AL9224">
        <v>73</v>
      </c>
      <c r="AM9224">
        <v>72</v>
      </c>
      <c r="AN9224">
        <v>72</v>
      </c>
      <c r="AO9224">
        <v>72</v>
      </c>
      <c r="AP9224">
        <v>72</v>
      </c>
      <c r="AQ9224">
        <v>72</v>
      </c>
    </row>
    <row r="9225" spans="1:43">
      <c r="A9225" t="s">
        <v>5764</v>
      </c>
      <c r="B9225" t="s">
        <v>5765</v>
      </c>
      <c r="C9225" t="s">
        <v>5766</v>
      </c>
      <c r="D9225" t="s">
        <v>5767</v>
      </c>
      <c r="E9225" t="s">
        <v>5698</v>
      </c>
      <c r="F9225" t="s">
        <v>5699</v>
      </c>
      <c r="G9225" t="s">
        <v>80</v>
      </c>
      <c r="H9225" t="s">
        <v>81</v>
      </c>
      <c r="I9225" s="2">
        <v>0</v>
      </c>
      <c r="J9225" s="2">
        <v>1</v>
      </c>
      <c r="K9225" s="2">
        <v>0</v>
      </c>
      <c r="L9225" t="s">
        <v>82</v>
      </c>
      <c r="M9225" t="s">
        <v>83</v>
      </c>
      <c r="N9225" t="s">
        <v>91</v>
      </c>
      <c r="O9225" t="s">
        <v>85</v>
      </c>
      <c r="P9225" t="s">
        <v>86</v>
      </c>
      <c r="Q9225">
        <v>61</v>
      </c>
      <c r="R9225">
        <v>62</v>
      </c>
      <c r="S9225">
        <v>63</v>
      </c>
      <c r="T9225">
        <v>63</v>
      </c>
      <c r="U9225">
        <v>64</v>
      </c>
      <c r="V9225">
        <v>64</v>
      </c>
      <c r="W9225">
        <v>65</v>
      </c>
      <c r="X9225">
        <v>66</v>
      </c>
      <c r="Y9225">
        <v>66</v>
      </c>
      <c r="Z9225">
        <v>67</v>
      </c>
      <c r="AA9225">
        <v>67</v>
      </c>
      <c r="AB9225">
        <v>68</v>
      </c>
      <c r="AC9225">
        <v>69</v>
      </c>
      <c r="AD9225">
        <v>69</v>
      </c>
      <c r="AE9225">
        <v>70</v>
      </c>
      <c r="AF9225">
        <v>70</v>
      </c>
      <c r="AG9225">
        <v>71</v>
      </c>
      <c r="AH9225">
        <v>71</v>
      </c>
      <c r="AI9225">
        <v>72</v>
      </c>
      <c r="AJ9225">
        <v>72</v>
      </c>
      <c r="AK9225">
        <v>73</v>
      </c>
      <c r="AL9225">
        <v>73</v>
      </c>
      <c r="AM9225">
        <v>73</v>
      </c>
      <c r="AN9225">
        <v>72</v>
      </c>
      <c r="AO9225">
        <v>72</v>
      </c>
      <c r="AP9225">
        <v>72</v>
      </c>
      <c r="AQ9225">
        <v>72</v>
      </c>
    </row>
    <row r="9226" spans="1:43">
      <c r="A9226" t="s">
        <v>5768</v>
      </c>
      <c r="B9226" t="s">
        <v>5769</v>
      </c>
      <c r="C9226" t="s">
        <v>5766</v>
      </c>
      <c r="D9226" t="s">
        <v>5767</v>
      </c>
      <c r="E9226" t="s">
        <v>5698</v>
      </c>
      <c r="F9226" t="s">
        <v>5699</v>
      </c>
      <c r="G9226" t="s">
        <v>80</v>
      </c>
      <c r="H9226" t="s">
        <v>81</v>
      </c>
      <c r="I9226" s="2">
        <v>0</v>
      </c>
      <c r="J9226" s="2">
        <v>1</v>
      </c>
      <c r="K9226" s="2">
        <v>0</v>
      </c>
      <c r="L9226" t="s">
        <v>82</v>
      </c>
      <c r="M9226" t="s">
        <v>83</v>
      </c>
      <c r="N9226" t="s">
        <v>84</v>
      </c>
      <c r="O9226" t="s">
        <v>85</v>
      </c>
      <c r="P9226" t="s">
        <v>86</v>
      </c>
      <c r="Q9226">
        <v>80</v>
      </c>
      <c r="R9226">
        <v>81</v>
      </c>
      <c r="S9226">
        <v>82</v>
      </c>
      <c r="T9226">
        <v>83</v>
      </c>
      <c r="U9226">
        <v>83</v>
      </c>
      <c r="V9226">
        <v>84</v>
      </c>
      <c r="W9226">
        <v>85</v>
      </c>
      <c r="X9226">
        <v>86</v>
      </c>
      <c r="Y9226">
        <v>86</v>
      </c>
      <c r="Z9226">
        <v>87</v>
      </c>
      <c r="AA9226">
        <v>88</v>
      </c>
      <c r="AB9226">
        <v>89</v>
      </c>
      <c r="AC9226">
        <v>89</v>
      </c>
      <c r="AD9226">
        <v>90</v>
      </c>
      <c r="AE9226">
        <v>91</v>
      </c>
      <c r="AF9226">
        <v>91</v>
      </c>
      <c r="AG9226">
        <v>92</v>
      </c>
      <c r="AH9226">
        <v>93</v>
      </c>
      <c r="AI9226">
        <v>93</v>
      </c>
      <c r="AJ9226">
        <v>94</v>
      </c>
      <c r="AK9226">
        <v>95</v>
      </c>
      <c r="AL9226">
        <v>95</v>
      </c>
      <c r="AM9226">
        <v>95</v>
      </c>
      <c r="AN9226">
        <v>94</v>
      </c>
      <c r="AO9226">
        <v>94</v>
      </c>
      <c r="AP9226">
        <v>94</v>
      </c>
      <c r="AQ9226">
        <v>94</v>
      </c>
    </row>
    <row r="9227" spans="1:43">
      <c r="A9227" t="s">
        <v>5768</v>
      </c>
      <c r="B9227" t="s">
        <v>5769</v>
      </c>
      <c r="C9227" t="s">
        <v>5766</v>
      </c>
      <c r="D9227" t="s">
        <v>5767</v>
      </c>
      <c r="E9227" t="s">
        <v>5698</v>
      </c>
      <c r="F9227" t="s">
        <v>5699</v>
      </c>
      <c r="G9227" t="s">
        <v>80</v>
      </c>
      <c r="H9227" t="s">
        <v>81</v>
      </c>
      <c r="I9227" s="2">
        <v>0</v>
      </c>
      <c r="J9227" s="2">
        <v>1</v>
      </c>
      <c r="K9227" s="2">
        <v>0</v>
      </c>
      <c r="L9227" t="s">
        <v>82</v>
      </c>
      <c r="M9227" t="s">
        <v>87</v>
      </c>
      <c r="N9227" t="s">
        <v>88</v>
      </c>
      <c r="O9227" t="s">
        <v>85</v>
      </c>
      <c r="P9227" t="s">
        <v>86</v>
      </c>
      <c r="Q9227">
        <v>80</v>
      </c>
      <c r="R9227">
        <v>80</v>
      </c>
      <c r="S9227">
        <v>80</v>
      </c>
      <c r="T9227">
        <v>81</v>
      </c>
      <c r="U9227">
        <v>81</v>
      </c>
      <c r="V9227">
        <v>81</v>
      </c>
      <c r="W9227">
        <v>81</v>
      </c>
      <c r="X9227">
        <v>81</v>
      </c>
      <c r="Y9227">
        <v>81</v>
      </c>
      <c r="Z9227">
        <v>81</v>
      </c>
      <c r="AA9227">
        <v>81</v>
      </c>
      <c r="AB9227">
        <v>81</v>
      </c>
      <c r="AC9227">
        <v>81</v>
      </c>
      <c r="AD9227">
        <v>81</v>
      </c>
      <c r="AE9227">
        <v>81</v>
      </c>
      <c r="AF9227">
        <v>81</v>
      </c>
      <c r="AG9227">
        <v>81</v>
      </c>
      <c r="AH9227">
        <v>82</v>
      </c>
      <c r="AI9227">
        <v>82</v>
      </c>
      <c r="AJ9227">
        <v>82</v>
      </c>
      <c r="AK9227">
        <v>82</v>
      </c>
      <c r="AL9227">
        <v>82</v>
      </c>
      <c r="AM9227">
        <v>82</v>
      </c>
      <c r="AN9227">
        <v>82</v>
      </c>
      <c r="AO9227">
        <v>82</v>
      </c>
      <c r="AP9227">
        <v>82</v>
      </c>
      <c r="AQ9227">
        <v>82</v>
      </c>
    </row>
    <row r="9228" spans="1:43">
      <c r="A9228" t="s">
        <v>5768</v>
      </c>
      <c r="B9228" t="s">
        <v>5769</v>
      </c>
      <c r="C9228" t="s">
        <v>5766</v>
      </c>
      <c r="D9228" t="s">
        <v>5767</v>
      </c>
      <c r="E9228" t="s">
        <v>5698</v>
      </c>
      <c r="F9228" t="s">
        <v>5699</v>
      </c>
      <c r="G9228" t="s">
        <v>80</v>
      </c>
      <c r="H9228" t="s">
        <v>81</v>
      </c>
      <c r="I9228" s="2">
        <v>0</v>
      </c>
      <c r="J9228" s="2">
        <v>1</v>
      </c>
      <c r="K9228" s="2">
        <v>0</v>
      </c>
      <c r="L9228" t="s">
        <v>82</v>
      </c>
      <c r="M9228" t="s">
        <v>89</v>
      </c>
      <c r="N9228" t="s">
        <v>90</v>
      </c>
      <c r="O9228" t="s">
        <v>85</v>
      </c>
      <c r="P9228" t="s">
        <v>86</v>
      </c>
      <c r="Q9228">
        <v>80</v>
      </c>
      <c r="R9228">
        <v>81</v>
      </c>
      <c r="S9228">
        <v>83</v>
      </c>
      <c r="T9228">
        <v>84</v>
      </c>
      <c r="U9228">
        <v>86</v>
      </c>
      <c r="V9228">
        <v>87</v>
      </c>
      <c r="W9228">
        <v>88</v>
      </c>
      <c r="X9228">
        <v>89</v>
      </c>
      <c r="Y9228">
        <v>91</v>
      </c>
      <c r="Z9228">
        <v>92</v>
      </c>
      <c r="AA9228">
        <v>93</v>
      </c>
      <c r="AB9228">
        <v>94</v>
      </c>
      <c r="AC9228">
        <v>95</v>
      </c>
      <c r="AD9228">
        <v>96</v>
      </c>
      <c r="AE9228">
        <v>96</v>
      </c>
      <c r="AF9228">
        <v>96</v>
      </c>
      <c r="AG9228">
        <v>96</v>
      </c>
      <c r="AH9228">
        <v>96</v>
      </c>
      <c r="AI9228">
        <v>96</v>
      </c>
      <c r="AJ9228">
        <v>95</v>
      </c>
      <c r="AK9228">
        <v>95</v>
      </c>
      <c r="AL9228">
        <v>95</v>
      </c>
      <c r="AM9228">
        <v>95</v>
      </c>
      <c r="AN9228">
        <v>95</v>
      </c>
      <c r="AO9228">
        <v>94</v>
      </c>
      <c r="AP9228">
        <v>94</v>
      </c>
      <c r="AQ9228">
        <v>94</v>
      </c>
    </row>
    <row r="9229" spans="1:43">
      <c r="A9229" t="s">
        <v>5768</v>
      </c>
      <c r="B9229" t="s">
        <v>5769</v>
      </c>
      <c r="C9229" t="s">
        <v>5766</v>
      </c>
      <c r="D9229" t="s">
        <v>5767</v>
      </c>
      <c r="E9229" t="s">
        <v>5698</v>
      </c>
      <c r="F9229" t="s">
        <v>5699</v>
      </c>
      <c r="G9229" t="s">
        <v>80</v>
      </c>
      <c r="H9229" t="s">
        <v>81</v>
      </c>
      <c r="I9229" s="2">
        <v>0</v>
      </c>
      <c r="J9229" s="2">
        <v>1</v>
      </c>
      <c r="K9229" s="2">
        <v>0</v>
      </c>
      <c r="L9229" t="s">
        <v>82</v>
      </c>
      <c r="M9229" t="s">
        <v>83</v>
      </c>
      <c r="N9229" t="s">
        <v>91</v>
      </c>
      <c r="O9229" t="s">
        <v>85</v>
      </c>
      <c r="P9229" t="s">
        <v>86</v>
      </c>
      <c r="Q9229">
        <v>80</v>
      </c>
      <c r="R9229">
        <v>81</v>
      </c>
      <c r="S9229">
        <v>82</v>
      </c>
      <c r="T9229">
        <v>83</v>
      </c>
      <c r="U9229">
        <v>83</v>
      </c>
      <c r="V9229">
        <v>84</v>
      </c>
      <c r="W9229">
        <v>85</v>
      </c>
      <c r="X9229">
        <v>86</v>
      </c>
      <c r="Y9229">
        <v>86</v>
      </c>
      <c r="Z9229">
        <v>87</v>
      </c>
      <c r="AA9229">
        <v>88</v>
      </c>
      <c r="AB9229">
        <v>89</v>
      </c>
      <c r="AC9229">
        <v>89</v>
      </c>
      <c r="AD9229">
        <v>90</v>
      </c>
      <c r="AE9229">
        <v>91</v>
      </c>
      <c r="AF9229">
        <v>91</v>
      </c>
      <c r="AG9229">
        <v>92</v>
      </c>
      <c r="AH9229">
        <v>93</v>
      </c>
      <c r="AI9229">
        <v>93</v>
      </c>
      <c r="AJ9229">
        <v>94</v>
      </c>
      <c r="AK9229">
        <v>95</v>
      </c>
      <c r="AL9229">
        <v>95</v>
      </c>
      <c r="AM9229">
        <v>95</v>
      </c>
      <c r="AN9229">
        <v>94</v>
      </c>
      <c r="AO9229">
        <v>94</v>
      </c>
      <c r="AP9229">
        <v>94</v>
      </c>
      <c r="AQ9229">
        <v>94</v>
      </c>
    </row>
    <row r="9230" spans="1:43">
      <c r="A9230" t="s">
        <v>5770</v>
      </c>
      <c r="B9230" t="s">
        <v>5771</v>
      </c>
      <c r="C9230" t="s">
        <v>5766</v>
      </c>
      <c r="D9230" t="s">
        <v>5767</v>
      </c>
      <c r="E9230" t="s">
        <v>5698</v>
      </c>
      <c r="F9230" t="s">
        <v>5699</v>
      </c>
      <c r="G9230" t="s">
        <v>80</v>
      </c>
      <c r="H9230" t="s">
        <v>81</v>
      </c>
      <c r="I9230" s="2">
        <v>0</v>
      </c>
      <c r="J9230" s="2">
        <v>1</v>
      </c>
      <c r="K9230" s="2">
        <v>0</v>
      </c>
      <c r="L9230" t="s">
        <v>82</v>
      </c>
      <c r="M9230" t="s">
        <v>83</v>
      </c>
      <c r="N9230" t="s">
        <v>84</v>
      </c>
      <c r="O9230" t="s">
        <v>85</v>
      </c>
      <c r="P9230" t="s">
        <v>86</v>
      </c>
      <c r="Q9230">
        <v>0</v>
      </c>
      <c r="R9230">
        <v>0</v>
      </c>
      <c r="S9230">
        <v>0</v>
      </c>
      <c r="T9230">
        <v>0</v>
      </c>
      <c r="U9230">
        <v>0</v>
      </c>
      <c r="V9230">
        <v>0</v>
      </c>
      <c r="W9230">
        <v>0</v>
      </c>
      <c r="X9230">
        <v>0</v>
      </c>
      <c r="Y9230">
        <v>0</v>
      </c>
      <c r="Z9230">
        <v>0</v>
      </c>
      <c r="AA9230">
        <v>0</v>
      </c>
      <c r="AB9230">
        <v>0</v>
      </c>
      <c r="AC9230">
        <v>0</v>
      </c>
      <c r="AD9230">
        <v>0</v>
      </c>
      <c r="AE9230">
        <v>0</v>
      </c>
      <c r="AF9230">
        <v>0</v>
      </c>
      <c r="AG9230">
        <v>0</v>
      </c>
      <c r="AH9230">
        <v>0</v>
      </c>
      <c r="AI9230">
        <v>0</v>
      </c>
      <c r="AJ9230">
        <v>0</v>
      </c>
      <c r="AK9230">
        <v>0</v>
      </c>
      <c r="AL9230">
        <v>0</v>
      </c>
      <c r="AM9230">
        <v>0</v>
      </c>
      <c r="AN9230">
        <v>0</v>
      </c>
      <c r="AO9230">
        <v>0</v>
      </c>
      <c r="AP9230">
        <v>0</v>
      </c>
      <c r="AQ9230">
        <v>0</v>
      </c>
    </row>
    <row r="9231" spans="1:43">
      <c r="A9231" t="s">
        <v>5770</v>
      </c>
      <c r="B9231" t="s">
        <v>5771</v>
      </c>
      <c r="C9231" t="s">
        <v>5766</v>
      </c>
      <c r="D9231" t="s">
        <v>5767</v>
      </c>
      <c r="E9231" t="s">
        <v>5698</v>
      </c>
      <c r="F9231" t="s">
        <v>5699</v>
      </c>
      <c r="G9231" t="s">
        <v>80</v>
      </c>
      <c r="H9231" t="s">
        <v>81</v>
      </c>
      <c r="I9231" s="2">
        <v>0</v>
      </c>
      <c r="J9231" s="2">
        <v>1</v>
      </c>
      <c r="K9231" s="2">
        <v>0</v>
      </c>
      <c r="L9231" t="s">
        <v>82</v>
      </c>
      <c r="M9231" t="s">
        <v>87</v>
      </c>
      <c r="N9231" t="s">
        <v>88</v>
      </c>
      <c r="O9231" t="s">
        <v>85</v>
      </c>
      <c r="P9231" t="s">
        <v>86</v>
      </c>
      <c r="Q9231">
        <v>0</v>
      </c>
      <c r="R9231">
        <v>0</v>
      </c>
      <c r="S9231">
        <v>0</v>
      </c>
      <c r="T9231">
        <v>0</v>
      </c>
      <c r="U9231">
        <v>0</v>
      </c>
      <c r="V9231">
        <v>0</v>
      </c>
      <c r="W9231">
        <v>0</v>
      </c>
      <c r="X9231">
        <v>0</v>
      </c>
      <c r="Y9231">
        <v>0</v>
      </c>
      <c r="Z9231">
        <v>0</v>
      </c>
      <c r="AA9231">
        <v>0</v>
      </c>
      <c r="AB9231">
        <v>0</v>
      </c>
      <c r="AC9231">
        <v>0</v>
      </c>
      <c r="AD9231">
        <v>0</v>
      </c>
      <c r="AE9231">
        <v>0</v>
      </c>
      <c r="AF9231">
        <v>0</v>
      </c>
      <c r="AG9231">
        <v>0</v>
      </c>
      <c r="AH9231">
        <v>0</v>
      </c>
      <c r="AI9231">
        <v>0</v>
      </c>
      <c r="AJ9231">
        <v>0</v>
      </c>
      <c r="AK9231">
        <v>0</v>
      </c>
      <c r="AL9231">
        <v>0</v>
      </c>
      <c r="AM9231">
        <v>0</v>
      </c>
      <c r="AN9231">
        <v>0</v>
      </c>
      <c r="AO9231">
        <v>0</v>
      </c>
      <c r="AP9231">
        <v>0</v>
      </c>
      <c r="AQ9231">
        <v>0</v>
      </c>
    </row>
    <row r="9232" spans="1:43">
      <c r="A9232" t="s">
        <v>5770</v>
      </c>
      <c r="B9232" t="s">
        <v>5771</v>
      </c>
      <c r="C9232" t="s">
        <v>5766</v>
      </c>
      <c r="D9232" t="s">
        <v>5767</v>
      </c>
      <c r="E9232" t="s">
        <v>5698</v>
      </c>
      <c r="F9232" t="s">
        <v>5699</v>
      </c>
      <c r="G9232" t="s">
        <v>80</v>
      </c>
      <c r="H9232" t="s">
        <v>81</v>
      </c>
      <c r="I9232" s="2">
        <v>0</v>
      </c>
      <c r="J9232" s="2">
        <v>1</v>
      </c>
      <c r="K9232" s="2">
        <v>0</v>
      </c>
      <c r="L9232" t="s">
        <v>82</v>
      </c>
      <c r="M9232" t="s">
        <v>89</v>
      </c>
      <c r="N9232" t="s">
        <v>90</v>
      </c>
      <c r="O9232" t="s">
        <v>85</v>
      </c>
      <c r="P9232" t="s">
        <v>86</v>
      </c>
      <c r="Q9232">
        <v>0</v>
      </c>
      <c r="R9232">
        <v>0</v>
      </c>
      <c r="S9232">
        <v>0</v>
      </c>
      <c r="T9232">
        <v>0</v>
      </c>
      <c r="U9232">
        <v>0</v>
      </c>
      <c r="V9232">
        <v>0</v>
      </c>
      <c r="W9232">
        <v>0</v>
      </c>
      <c r="X9232">
        <v>0</v>
      </c>
      <c r="Y9232">
        <v>0</v>
      </c>
      <c r="Z9232">
        <v>0</v>
      </c>
      <c r="AA9232">
        <v>0</v>
      </c>
      <c r="AB9232">
        <v>0</v>
      </c>
      <c r="AC9232">
        <v>0</v>
      </c>
      <c r="AD9232">
        <v>0</v>
      </c>
      <c r="AE9232">
        <v>0</v>
      </c>
      <c r="AF9232">
        <v>0</v>
      </c>
      <c r="AG9232">
        <v>0</v>
      </c>
      <c r="AH9232">
        <v>0</v>
      </c>
      <c r="AI9232">
        <v>0</v>
      </c>
      <c r="AJ9232">
        <v>0</v>
      </c>
      <c r="AK9232">
        <v>0</v>
      </c>
      <c r="AL9232">
        <v>0</v>
      </c>
      <c r="AM9232">
        <v>0</v>
      </c>
      <c r="AN9232">
        <v>0</v>
      </c>
      <c r="AO9232">
        <v>0</v>
      </c>
      <c r="AP9232">
        <v>0</v>
      </c>
      <c r="AQ9232">
        <v>0</v>
      </c>
    </row>
    <row r="9233" spans="1:43">
      <c r="A9233" t="s">
        <v>5770</v>
      </c>
      <c r="B9233" t="s">
        <v>5771</v>
      </c>
      <c r="C9233" t="s">
        <v>5766</v>
      </c>
      <c r="D9233" t="s">
        <v>5767</v>
      </c>
      <c r="E9233" t="s">
        <v>5698</v>
      </c>
      <c r="F9233" t="s">
        <v>5699</v>
      </c>
      <c r="G9233" t="s">
        <v>80</v>
      </c>
      <c r="H9233" t="s">
        <v>81</v>
      </c>
      <c r="I9233" s="2">
        <v>0</v>
      </c>
      <c r="J9233" s="2">
        <v>1</v>
      </c>
      <c r="K9233" s="2">
        <v>0</v>
      </c>
      <c r="L9233" t="s">
        <v>82</v>
      </c>
      <c r="M9233" t="s">
        <v>83</v>
      </c>
      <c r="N9233" t="s">
        <v>91</v>
      </c>
      <c r="O9233" t="s">
        <v>85</v>
      </c>
      <c r="P9233" t="s">
        <v>86</v>
      </c>
      <c r="Q9233">
        <v>0</v>
      </c>
      <c r="R9233">
        <v>0</v>
      </c>
      <c r="S9233">
        <v>0</v>
      </c>
      <c r="T9233">
        <v>0</v>
      </c>
      <c r="U9233">
        <v>0</v>
      </c>
      <c r="V9233">
        <v>0</v>
      </c>
      <c r="W9233">
        <v>0</v>
      </c>
      <c r="X9233">
        <v>0</v>
      </c>
      <c r="Y9233">
        <v>0</v>
      </c>
      <c r="Z9233">
        <v>0</v>
      </c>
      <c r="AA9233">
        <v>0</v>
      </c>
      <c r="AB9233">
        <v>0</v>
      </c>
      <c r="AC9233">
        <v>0</v>
      </c>
      <c r="AD9233">
        <v>0</v>
      </c>
      <c r="AE9233">
        <v>0</v>
      </c>
      <c r="AF9233">
        <v>0</v>
      </c>
      <c r="AG9233">
        <v>0</v>
      </c>
      <c r="AH9233">
        <v>0</v>
      </c>
      <c r="AI9233">
        <v>0</v>
      </c>
      <c r="AJ9233">
        <v>0</v>
      </c>
      <c r="AK9233">
        <v>0</v>
      </c>
      <c r="AL9233">
        <v>0</v>
      </c>
      <c r="AM9233">
        <v>0</v>
      </c>
      <c r="AN9233">
        <v>0</v>
      </c>
      <c r="AO9233">
        <v>0</v>
      </c>
      <c r="AP9233">
        <v>0</v>
      </c>
      <c r="AQ9233">
        <v>0</v>
      </c>
    </row>
    <row r="9234" spans="1:43">
      <c r="A9234" t="s">
        <v>5772</v>
      </c>
      <c r="B9234" t="s">
        <v>5773</v>
      </c>
      <c r="C9234" t="s">
        <v>5766</v>
      </c>
      <c r="D9234" t="s">
        <v>5767</v>
      </c>
      <c r="E9234" t="s">
        <v>5698</v>
      </c>
      <c r="F9234" t="s">
        <v>5699</v>
      </c>
      <c r="G9234" t="s">
        <v>80</v>
      </c>
      <c r="H9234" t="s">
        <v>81</v>
      </c>
      <c r="I9234" s="2">
        <v>0</v>
      </c>
      <c r="J9234" s="2">
        <v>1</v>
      </c>
      <c r="K9234" s="2">
        <v>0</v>
      </c>
      <c r="L9234" t="s">
        <v>82</v>
      </c>
      <c r="M9234" t="s">
        <v>83</v>
      </c>
      <c r="N9234" t="s">
        <v>84</v>
      </c>
      <c r="O9234" t="s">
        <v>85</v>
      </c>
      <c r="P9234" t="s">
        <v>86</v>
      </c>
      <c r="Q9234">
        <v>125</v>
      </c>
      <c r="R9234">
        <v>126</v>
      </c>
      <c r="S9234">
        <v>127</v>
      </c>
      <c r="T9234">
        <v>129</v>
      </c>
      <c r="U9234">
        <v>130</v>
      </c>
      <c r="V9234">
        <v>131</v>
      </c>
      <c r="W9234">
        <v>132</v>
      </c>
      <c r="X9234">
        <v>134</v>
      </c>
      <c r="Y9234">
        <v>135</v>
      </c>
      <c r="Z9234">
        <v>136</v>
      </c>
      <c r="AA9234">
        <v>137</v>
      </c>
      <c r="AB9234">
        <v>138</v>
      </c>
      <c r="AC9234">
        <v>139</v>
      </c>
      <c r="AD9234">
        <v>140</v>
      </c>
      <c r="AE9234">
        <v>142</v>
      </c>
      <c r="AF9234">
        <v>143</v>
      </c>
      <c r="AG9234">
        <v>144</v>
      </c>
      <c r="AH9234">
        <v>145</v>
      </c>
      <c r="AI9234">
        <v>146</v>
      </c>
      <c r="AJ9234">
        <v>147</v>
      </c>
      <c r="AK9234">
        <v>148</v>
      </c>
      <c r="AL9234">
        <v>148</v>
      </c>
      <c r="AM9234">
        <v>148</v>
      </c>
      <c r="AN9234">
        <v>147</v>
      </c>
      <c r="AO9234">
        <v>147</v>
      </c>
      <c r="AP9234">
        <v>147</v>
      </c>
      <c r="AQ9234">
        <v>146</v>
      </c>
    </row>
    <row r="9235" spans="1:43">
      <c r="A9235" t="s">
        <v>5772</v>
      </c>
      <c r="B9235" t="s">
        <v>5773</v>
      </c>
      <c r="C9235" t="s">
        <v>5766</v>
      </c>
      <c r="D9235" t="s">
        <v>5767</v>
      </c>
      <c r="E9235" t="s">
        <v>5698</v>
      </c>
      <c r="F9235" t="s">
        <v>5699</v>
      </c>
      <c r="G9235" t="s">
        <v>80</v>
      </c>
      <c r="H9235" t="s">
        <v>81</v>
      </c>
      <c r="I9235" s="2">
        <v>0</v>
      </c>
      <c r="J9235" s="2">
        <v>1</v>
      </c>
      <c r="K9235" s="2">
        <v>0</v>
      </c>
      <c r="L9235" t="s">
        <v>82</v>
      </c>
      <c r="M9235" t="s">
        <v>87</v>
      </c>
      <c r="N9235" t="s">
        <v>88</v>
      </c>
      <c r="O9235" t="s">
        <v>85</v>
      </c>
      <c r="P9235" t="s">
        <v>86</v>
      </c>
      <c r="Q9235">
        <v>125</v>
      </c>
      <c r="R9235">
        <v>125</v>
      </c>
      <c r="S9235">
        <v>125</v>
      </c>
      <c r="T9235">
        <v>125</v>
      </c>
      <c r="U9235">
        <v>125</v>
      </c>
      <c r="V9235">
        <v>125</v>
      </c>
      <c r="W9235">
        <v>125</v>
      </c>
      <c r="X9235">
        <v>125</v>
      </c>
      <c r="Y9235">
        <v>126</v>
      </c>
      <c r="Z9235">
        <v>126</v>
      </c>
      <c r="AA9235">
        <v>126</v>
      </c>
      <c r="AB9235">
        <v>126</v>
      </c>
      <c r="AC9235">
        <v>126</v>
      </c>
      <c r="AD9235">
        <v>126</v>
      </c>
      <c r="AE9235">
        <v>126</v>
      </c>
      <c r="AF9235">
        <v>126</v>
      </c>
      <c r="AG9235">
        <v>126</v>
      </c>
      <c r="AH9235">
        <v>126</v>
      </c>
      <c r="AI9235">
        <v>127</v>
      </c>
      <c r="AJ9235">
        <v>127</v>
      </c>
      <c r="AK9235">
        <v>127</v>
      </c>
      <c r="AL9235">
        <v>127</v>
      </c>
      <c r="AM9235">
        <v>127</v>
      </c>
      <c r="AN9235">
        <v>127</v>
      </c>
      <c r="AO9235">
        <v>127</v>
      </c>
      <c r="AP9235">
        <v>127</v>
      </c>
      <c r="AQ9235">
        <v>127</v>
      </c>
    </row>
    <row r="9236" spans="1:43">
      <c r="A9236" t="s">
        <v>5772</v>
      </c>
      <c r="B9236" t="s">
        <v>5773</v>
      </c>
      <c r="C9236" t="s">
        <v>5766</v>
      </c>
      <c r="D9236" t="s">
        <v>5767</v>
      </c>
      <c r="E9236" t="s">
        <v>5698</v>
      </c>
      <c r="F9236" t="s">
        <v>5699</v>
      </c>
      <c r="G9236" t="s">
        <v>80</v>
      </c>
      <c r="H9236" t="s">
        <v>81</v>
      </c>
      <c r="I9236" s="2">
        <v>0</v>
      </c>
      <c r="J9236" s="2">
        <v>1</v>
      </c>
      <c r="K9236" s="2">
        <v>0</v>
      </c>
      <c r="L9236" t="s">
        <v>82</v>
      </c>
      <c r="M9236" t="s">
        <v>89</v>
      </c>
      <c r="N9236" t="s">
        <v>90</v>
      </c>
      <c r="O9236" t="s">
        <v>85</v>
      </c>
      <c r="P9236" t="s">
        <v>86</v>
      </c>
      <c r="Q9236">
        <v>125</v>
      </c>
      <c r="R9236">
        <v>127</v>
      </c>
      <c r="S9236">
        <v>130</v>
      </c>
      <c r="T9236">
        <v>132</v>
      </c>
      <c r="U9236">
        <v>134</v>
      </c>
      <c r="V9236">
        <v>136</v>
      </c>
      <c r="W9236">
        <v>138</v>
      </c>
      <c r="X9236">
        <v>140</v>
      </c>
      <c r="Y9236">
        <v>142</v>
      </c>
      <c r="Z9236">
        <v>144</v>
      </c>
      <c r="AA9236">
        <v>145</v>
      </c>
      <c r="AB9236">
        <v>147</v>
      </c>
      <c r="AC9236">
        <v>149</v>
      </c>
      <c r="AD9236">
        <v>150</v>
      </c>
      <c r="AE9236">
        <v>151</v>
      </c>
      <c r="AF9236">
        <v>151</v>
      </c>
      <c r="AG9236">
        <v>150</v>
      </c>
      <c r="AH9236">
        <v>150</v>
      </c>
      <c r="AI9236">
        <v>150</v>
      </c>
      <c r="AJ9236">
        <v>149</v>
      </c>
      <c r="AK9236">
        <v>149</v>
      </c>
      <c r="AL9236">
        <v>149</v>
      </c>
      <c r="AM9236">
        <v>148</v>
      </c>
      <c r="AN9236">
        <v>148</v>
      </c>
      <c r="AO9236">
        <v>148</v>
      </c>
      <c r="AP9236">
        <v>147</v>
      </c>
      <c r="AQ9236">
        <v>147</v>
      </c>
    </row>
    <row r="9237" spans="1:43">
      <c r="A9237" t="s">
        <v>5772</v>
      </c>
      <c r="B9237" t="s">
        <v>5773</v>
      </c>
      <c r="C9237" t="s">
        <v>5766</v>
      </c>
      <c r="D9237" t="s">
        <v>5767</v>
      </c>
      <c r="E9237" t="s">
        <v>5698</v>
      </c>
      <c r="F9237" t="s">
        <v>5699</v>
      </c>
      <c r="G9237" t="s">
        <v>80</v>
      </c>
      <c r="H9237" t="s">
        <v>81</v>
      </c>
      <c r="I9237" s="2">
        <v>0</v>
      </c>
      <c r="J9237" s="2">
        <v>1</v>
      </c>
      <c r="K9237" s="2">
        <v>0</v>
      </c>
      <c r="L9237" t="s">
        <v>82</v>
      </c>
      <c r="M9237" t="s">
        <v>83</v>
      </c>
      <c r="N9237" t="s">
        <v>91</v>
      </c>
      <c r="O9237" t="s">
        <v>85</v>
      </c>
      <c r="P9237" t="s">
        <v>86</v>
      </c>
      <c r="Q9237">
        <v>125</v>
      </c>
      <c r="R9237">
        <v>126</v>
      </c>
      <c r="S9237">
        <v>127</v>
      </c>
      <c r="T9237">
        <v>129</v>
      </c>
      <c r="U9237">
        <v>130</v>
      </c>
      <c r="V9237">
        <v>131</v>
      </c>
      <c r="W9237">
        <v>132</v>
      </c>
      <c r="X9237">
        <v>134</v>
      </c>
      <c r="Y9237">
        <v>135</v>
      </c>
      <c r="Z9237">
        <v>136</v>
      </c>
      <c r="AA9237">
        <v>137</v>
      </c>
      <c r="AB9237">
        <v>138</v>
      </c>
      <c r="AC9237">
        <v>139</v>
      </c>
      <c r="AD9237">
        <v>140</v>
      </c>
      <c r="AE9237">
        <v>142</v>
      </c>
      <c r="AF9237">
        <v>143</v>
      </c>
      <c r="AG9237">
        <v>144</v>
      </c>
      <c r="AH9237">
        <v>145</v>
      </c>
      <c r="AI9237">
        <v>146</v>
      </c>
      <c r="AJ9237">
        <v>147</v>
      </c>
      <c r="AK9237">
        <v>148</v>
      </c>
      <c r="AL9237">
        <v>148</v>
      </c>
      <c r="AM9237">
        <v>148</v>
      </c>
      <c r="AN9237">
        <v>147</v>
      </c>
      <c r="AO9237">
        <v>147</v>
      </c>
      <c r="AP9237">
        <v>147</v>
      </c>
      <c r="AQ9237">
        <v>146</v>
      </c>
    </row>
    <row r="9238" spans="1:43">
      <c r="A9238" t="s">
        <v>5774</v>
      </c>
      <c r="B9238" t="s">
        <v>5775</v>
      </c>
      <c r="C9238" t="s">
        <v>5776</v>
      </c>
      <c r="D9238" t="s">
        <v>5777</v>
      </c>
      <c r="E9238" t="s">
        <v>5698</v>
      </c>
      <c r="F9238" t="s">
        <v>5699</v>
      </c>
      <c r="G9238" t="s">
        <v>80</v>
      </c>
      <c r="H9238" t="s">
        <v>81</v>
      </c>
      <c r="I9238" s="2">
        <v>0</v>
      </c>
      <c r="J9238" s="2">
        <v>1</v>
      </c>
      <c r="K9238" s="2">
        <v>0</v>
      </c>
      <c r="L9238" t="s">
        <v>82</v>
      </c>
      <c r="M9238" t="s">
        <v>83</v>
      </c>
      <c r="N9238" t="s">
        <v>84</v>
      </c>
      <c r="O9238" t="s">
        <v>85</v>
      </c>
      <c r="P9238" t="s">
        <v>86</v>
      </c>
      <c r="Q9238">
        <v>95</v>
      </c>
      <c r="R9238">
        <v>96</v>
      </c>
      <c r="S9238">
        <v>97</v>
      </c>
      <c r="T9238">
        <v>98</v>
      </c>
      <c r="U9238">
        <v>99</v>
      </c>
      <c r="V9238">
        <v>100</v>
      </c>
      <c r="W9238">
        <v>101</v>
      </c>
      <c r="X9238">
        <v>102</v>
      </c>
      <c r="Y9238">
        <v>103</v>
      </c>
      <c r="Z9238">
        <v>104</v>
      </c>
      <c r="AA9238">
        <v>105</v>
      </c>
      <c r="AB9238">
        <v>106</v>
      </c>
      <c r="AC9238">
        <v>107</v>
      </c>
      <c r="AD9238">
        <v>107</v>
      </c>
      <c r="AE9238">
        <v>108</v>
      </c>
      <c r="AF9238">
        <v>109</v>
      </c>
      <c r="AG9238">
        <v>110</v>
      </c>
      <c r="AH9238">
        <v>111</v>
      </c>
      <c r="AI9238">
        <v>112</v>
      </c>
      <c r="AJ9238">
        <v>112</v>
      </c>
      <c r="AK9238">
        <v>113</v>
      </c>
      <c r="AL9238">
        <v>113</v>
      </c>
      <c r="AM9238">
        <v>113</v>
      </c>
      <c r="AN9238">
        <v>113</v>
      </c>
      <c r="AO9238">
        <v>113</v>
      </c>
      <c r="AP9238">
        <v>113</v>
      </c>
      <c r="AQ9238">
        <v>112</v>
      </c>
    </row>
    <row r="9239" spans="1:43">
      <c r="A9239" t="s">
        <v>5774</v>
      </c>
      <c r="B9239" t="s">
        <v>5775</v>
      </c>
      <c r="C9239" t="s">
        <v>5776</v>
      </c>
      <c r="D9239" t="s">
        <v>5777</v>
      </c>
      <c r="E9239" t="s">
        <v>5698</v>
      </c>
      <c r="F9239" t="s">
        <v>5699</v>
      </c>
      <c r="G9239" t="s">
        <v>80</v>
      </c>
      <c r="H9239" t="s">
        <v>81</v>
      </c>
      <c r="I9239" s="2">
        <v>0</v>
      </c>
      <c r="J9239" s="2">
        <v>1</v>
      </c>
      <c r="K9239" s="2">
        <v>0</v>
      </c>
      <c r="L9239" t="s">
        <v>82</v>
      </c>
      <c r="M9239" t="s">
        <v>87</v>
      </c>
      <c r="N9239" t="s">
        <v>88</v>
      </c>
      <c r="O9239" t="s">
        <v>85</v>
      </c>
      <c r="P9239" t="s">
        <v>86</v>
      </c>
      <c r="Q9239">
        <v>95</v>
      </c>
      <c r="R9239">
        <v>95</v>
      </c>
      <c r="S9239">
        <v>95</v>
      </c>
      <c r="T9239">
        <v>95</v>
      </c>
      <c r="U9239">
        <v>95</v>
      </c>
      <c r="V9239">
        <v>96</v>
      </c>
      <c r="W9239">
        <v>96</v>
      </c>
      <c r="X9239">
        <v>96</v>
      </c>
      <c r="Y9239">
        <v>96</v>
      </c>
      <c r="Z9239">
        <v>96</v>
      </c>
      <c r="AA9239">
        <v>96</v>
      </c>
      <c r="AB9239">
        <v>96</v>
      </c>
      <c r="AC9239">
        <v>97</v>
      </c>
      <c r="AD9239">
        <v>97</v>
      </c>
      <c r="AE9239">
        <v>97</v>
      </c>
      <c r="AF9239">
        <v>97</v>
      </c>
      <c r="AG9239">
        <v>97</v>
      </c>
      <c r="AH9239">
        <v>97</v>
      </c>
      <c r="AI9239">
        <v>97</v>
      </c>
      <c r="AJ9239">
        <v>98</v>
      </c>
      <c r="AK9239">
        <v>98</v>
      </c>
      <c r="AL9239">
        <v>98</v>
      </c>
      <c r="AM9239">
        <v>98</v>
      </c>
      <c r="AN9239">
        <v>98</v>
      </c>
      <c r="AO9239">
        <v>98</v>
      </c>
      <c r="AP9239">
        <v>98</v>
      </c>
      <c r="AQ9239">
        <v>98</v>
      </c>
    </row>
    <row r="9240" spans="1:43">
      <c r="A9240" t="s">
        <v>5774</v>
      </c>
      <c r="B9240" t="s">
        <v>5775</v>
      </c>
      <c r="C9240" t="s">
        <v>5776</v>
      </c>
      <c r="D9240" t="s">
        <v>5777</v>
      </c>
      <c r="E9240" t="s">
        <v>5698</v>
      </c>
      <c r="F9240" t="s">
        <v>5699</v>
      </c>
      <c r="G9240" t="s">
        <v>80</v>
      </c>
      <c r="H9240" t="s">
        <v>81</v>
      </c>
      <c r="I9240" s="2">
        <v>0</v>
      </c>
      <c r="J9240" s="2">
        <v>1</v>
      </c>
      <c r="K9240" s="2">
        <v>0</v>
      </c>
      <c r="L9240" t="s">
        <v>82</v>
      </c>
      <c r="M9240" t="s">
        <v>89</v>
      </c>
      <c r="N9240" t="s">
        <v>90</v>
      </c>
      <c r="O9240" t="s">
        <v>85</v>
      </c>
      <c r="P9240" t="s">
        <v>86</v>
      </c>
      <c r="Q9240">
        <v>95</v>
      </c>
      <c r="R9240">
        <v>97</v>
      </c>
      <c r="S9240">
        <v>98</v>
      </c>
      <c r="T9240">
        <v>100</v>
      </c>
      <c r="U9240">
        <v>102</v>
      </c>
      <c r="V9240">
        <v>103</v>
      </c>
      <c r="W9240">
        <v>105</v>
      </c>
      <c r="X9240">
        <v>107</v>
      </c>
      <c r="Y9240">
        <v>108</v>
      </c>
      <c r="Z9240">
        <v>109</v>
      </c>
      <c r="AA9240">
        <v>110</v>
      </c>
      <c r="AB9240">
        <v>112</v>
      </c>
      <c r="AC9240">
        <v>113</v>
      </c>
      <c r="AD9240">
        <v>114</v>
      </c>
      <c r="AE9240">
        <v>115</v>
      </c>
      <c r="AF9240">
        <v>115</v>
      </c>
      <c r="AG9240">
        <v>115</v>
      </c>
      <c r="AH9240">
        <v>114</v>
      </c>
      <c r="AI9240">
        <v>114</v>
      </c>
      <c r="AJ9240">
        <v>114</v>
      </c>
      <c r="AK9240">
        <v>114</v>
      </c>
      <c r="AL9240">
        <v>114</v>
      </c>
      <c r="AM9240">
        <v>114</v>
      </c>
      <c r="AN9240">
        <v>113</v>
      </c>
      <c r="AO9240">
        <v>113</v>
      </c>
      <c r="AP9240">
        <v>113</v>
      </c>
      <c r="AQ9240">
        <v>113</v>
      </c>
    </row>
    <row r="9241" spans="1:43">
      <c r="A9241" t="s">
        <v>5774</v>
      </c>
      <c r="B9241" t="s">
        <v>5775</v>
      </c>
      <c r="C9241" t="s">
        <v>5776</v>
      </c>
      <c r="D9241" t="s">
        <v>5777</v>
      </c>
      <c r="E9241" t="s">
        <v>5698</v>
      </c>
      <c r="F9241" t="s">
        <v>5699</v>
      </c>
      <c r="G9241" t="s">
        <v>80</v>
      </c>
      <c r="H9241" t="s">
        <v>81</v>
      </c>
      <c r="I9241" s="2">
        <v>0</v>
      </c>
      <c r="J9241" s="2">
        <v>1</v>
      </c>
      <c r="K9241" s="2">
        <v>0</v>
      </c>
      <c r="L9241" t="s">
        <v>82</v>
      </c>
      <c r="M9241" t="s">
        <v>83</v>
      </c>
      <c r="N9241" t="s">
        <v>91</v>
      </c>
      <c r="O9241" t="s">
        <v>85</v>
      </c>
      <c r="P9241" t="s">
        <v>86</v>
      </c>
      <c r="Q9241">
        <v>95</v>
      </c>
      <c r="R9241">
        <v>96</v>
      </c>
      <c r="S9241">
        <v>97</v>
      </c>
      <c r="T9241">
        <v>98</v>
      </c>
      <c r="U9241">
        <v>99</v>
      </c>
      <c r="V9241">
        <v>100</v>
      </c>
      <c r="W9241">
        <v>101</v>
      </c>
      <c r="X9241">
        <v>102</v>
      </c>
      <c r="Y9241">
        <v>103</v>
      </c>
      <c r="Z9241">
        <v>104</v>
      </c>
      <c r="AA9241">
        <v>105</v>
      </c>
      <c r="AB9241">
        <v>106</v>
      </c>
      <c r="AC9241">
        <v>107</v>
      </c>
      <c r="AD9241">
        <v>107</v>
      </c>
      <c r="AE9241">
        <v>108</v>
      </c>
      <c r="AF9241">
        <v>109</v>
      </c>
      <c r="AG9241">
        <v>110</v>
      </c>
      <c r="AH9241">
        <v>111</v>
      </c>
      <c r="AI9241">
        <v>112</v>
      </c>
      <c r="AJ9241">
        <v>112</v>
      </c>
      <c r="AK9241">
        <v>113</v>
      </c>
      <c r="AL9241">
        <v>113</v>
      </c>
      <c r="AM9241">
        <v>113</v>
      </c>
      <c r="AN9241">
        <v>113</v>
      </c>
      <c r="AO9241">
        <v>113</v>
      </c>
      <c r="AP9241">
        <v>113</v>
      </c>
      <c r="AQ9241">
        <v>112</v>
      </c>
    </row>
    <row r="9242" spans="1:43">
      <c r="A9242" t="s">
        <v>5778</v>
      </c>
      <c r="B9242" t="s">
        <v>5779</v>
      </c>
      <c r="C9242" t="s">
        <v>5776</v>
      </c>
      <c r="D9242" t="s">
        <v>5777</v>
      </c>
      <c r="E9242" t="s">
        <v>5698</v>
      </c>
      <c r="F9242" t="s">
        <v>5699</v>
      </c>
      <c r="G9242" t="s">
        <v>80</v>
      </c>
      <c r="H9242" t="s">
        <v>81</v>
      </c>
      <c r="I9242" s="2">
        <v>0</v>
      </c>
      <c r="J9242" s="2">
        <v>1</v>
      </c>
      <c r="K9242" s="2">
        <v>0</v>
      </c>
      <c r="L9242" t="s">
        <v>82</v>
      </c>
      <c r="M9242" t="s">
        <v>83</v>
      </c>
      <c r="N9242" t="s">
        <v>84</v>
      </c>
      <c r="O9242" t="s">
        <v>85</v>
      </c>
      <c r="P9242" t="s">
        <v>86</v>
      </c>
      <c r="Q9242">
        <v>70</v>
      </c>
      <c r="R9242">
        <v>71</v>
      </c>
      <c r="S9242">
        <v>72</v>
      </c>
      <c r="T9242">
        <v>72</v>
      </c>
      <c r="U9242">
        <v>73</v>
      </c>
      <c r="V9242">
        <v>74</v>
      </c>
      <c r="W9242">
        <v>74</v>
      </c>
      <c r="X9242">
        <v>75</v>
      </c>
      <c r="Y9242">
        <v>76</v>
      </c>
      <c r="Z9242">
        <v>77</v>
      </c>
      <c r="AA9242">
        <v>77</v>
      </c>
      <c r="AB9242">
        <v>78</v>
      </c>
      <c r="AC9242">
        <v>79</v>
      </c>
      <c r="AD9242">
        <v>79</v>
      </c>
      <c r="AE9242">
        <v>80</v>
      </c>
      <c r="AF9242">
        <v>81</v>
      </c>
      <c r="AG9242">
        <v>81</v>
      </c>
      <c r="AH9242">
        <v>82</v>
      </c>
      <c r="AI9242">
        <v>82</v>
      </c>
      <c r="AJ9242">
        <v>83</v>
      </c>
      <c r="AK9242">
        <v>84</v>
      </c>
      <c r="AL9242">
        <v>84</v>
      </c>
      <c r="AM9242">
        <v>84</v>
      </c>
      <c r="AN9242">
        <v>83</v>
      </c>
      <c r="AO9242">
        <v>83</v>
      </c>
      <c r="AP9242">
        <v>83</v>
      </c>
      <c r="AQ9242">
        <v>83</v>
      </c>
    </row>
    <row r="9243" spans="1:43">
      <c r="A9243" t="s">
        <v>5778</v>
      </c>
      <c r="B9243" t="s">
        <v>5779</v>
      </c>
      <c r="C9243" t="s">
        <v>5776</v>
      </c>
      <c r="D9243" t="s">
        <v>5777</v>
      </c>
      <c r="E9243" t="s">
        <v>5698</v>
      </c>
      <c r="F9243" t="s">
        <v>5699</v>
      </c>
      <c r="G9243" t="s">
        <v>80</v>
      </c>
      <c r="H9243" t="s">
        <v>81</v>
      </c>
      <c r="I9243" s="2">
        <v>0</v>
      </c>
      <c r="J9243" s="2">
        <v>1</v>
      </c>
      <c r="K9243" s="2">
        <v>0</v>
      </c>
      <c r="L9243" t="s">
        <v>82</v>
      </c>
      <c r="M9243" t="s">
        <v>87</v>
      </c>
      <c r="N9243" t="s">
        <v>88</v>
      </c>
      <c r="O9243" t="s">
        <v>85</v>
      </c>
      <c r="P9243" t="s">
        <v>86</v>
      </c>
      <c r="Q9243">
        <v>70</v>
      </c>
      <c r="R9243">
        <v>70</v>
      </c>
      <c r="S9243">
        <v>71</v>
      </c>
      <c r="T9243">
        <v>71</v>
      </c>
      <c r="U9243">
        <v>71</v>
      </c>
      <c r="V9243">
        <v>71</v>
      </c>
      <c r="W9243">
        <v>71</v>
      </c>
      <c r="X9243">
        <v>71</v>
      </c>
      <c r="Y9243">
        <v>71</v>
      </c>
      <c r="Z9243">
        <v>71</v>
      </c>
      <c r="AA9243">
        <v>71</v>
      </c>
      <c r="AB9243">
        <v>72</v>
      </c>
      <c r="AC9243">
        <v>72</v>
      </c>
      <c r="AD9243">
        <v>72</v>
      </c>
      <c r="AE9243">
        <v>72</v>
      </c>
      <c r="AF9243">
        <v>72</v>
      </c>
      <c r="AG9243">
        <v>72</v>
      </c>
      <c r="AH9243">
        <v>72</v>
      </c>
      <c r="AI9243">
        <v>72</v>
      </c>
      <c r="AJ9243">
        <v>72</v>
      </c>
      <c r="AK9243">
        <v>72</v>
      </c>
      <c r="AL9243">
        <v>72</v>
      </c>
      <c r="AM9243">
        <v>73</v>
      </c>
      <c r="AN9243">
        <v>73</v>
      </c>
      <c r="AO9243">
        <v>73</v>
      </c>
      <c r="AP9243">
        <v>73</v>
      </c>
      <c r="AQ9243">
        <v>73</v>
      </c>
    </row>
    <row r="9244" spans="1:43">
      <c r="A9244" t="s">
        <v>5778</v>
      </c>
      <c r="B9244" t="s">
        <v>5779</v>
      </c>
      <c r="C9244" t="s">
        <v>5776</v>
      </c>
      <c r="D9244" t="s">
        <v>5777</v>
      </c>
      <c r="E9244" t="s">
        <v>5698</v>
      </c>
      <c r="F9244" t="s">
        <v>5699</v>
      </c>
      <c r="G9244" t="s">
        <v>80</v>
      </c>
      <c r="H9244" t="s">
        <v>81</v>
      </c>
      <c r="I9244" s="2">
        <v>0</v>
      </c>
      <c r="J9244" s="2">
        <v>1</v>
      </c>
      <c r="K9244" s="2">
        <v>0</v>
      </c>
      <c r="L9244" t="s">
        <v>82</v>
      </c>
      <c r="M9244" t="s">
        <v>89</v>
      </c>
      <c r="N9244" t="s">
        <v>90</v>
      </c>
      <c r="O9244" t="s">
        <v>85</v>
      </c>
      <c r="P9244" t="s">
        <v>86</v>
      </c>
      <c r="Q9244">
        <v>70</v>
      </c>
      <c r="R9244">
        <v>71</v>
      </c>
      <c r="S9244">
        <v>72</v>
      </c>
      <c r="T9244">
        <v>74</v>
      </c>
      <c r="U9244">
        <v>75</v>
      </c>
      <c r="V9244">
        <v>76</v>
      </c>
      <c r="W9244">
        <v>77</v>
      </c>
      <c r="X9244">
        <v>78</v>
      </c>
      <c r="Y9244">
        <v>79</v>
      </c>
      <c r="Z9244">
        <v>80</v>
      </c>
      <c r="AA9244">
        <v>81</v>
      </c>
      <c r="AB9244">
        <v>82</v>
      </c>
      <c r="AC9244">
        <v>83</v>
      </c>
      <c r="AD9244">
        <v>84</v>
      </c>
      <c r="AE9244">
        <v>85</v>
      </c>
      <c r="AF9244">
        <v>85</v>
      </c>
      <c r="AG9244">
        <v>84</v>
      </c>
      <c r="AH9244">
        <v>84</v>
      </c>
      <c r="AI9244">
        <v>84</v>
      </c>
      <c r="AJ9244">
        <v>84</v>
      </c>
      <c r="AK9244">
        <v>84</v>
      </c>
      <c r="AL9244">
        <v>84</v>
      </c>
      <c r="AM9244">
        <v>84</v>
      </c>
      <c r="AN9244">
        <v>83</v>
      </c>
      <c r="AO9244">
        <v>83</v>
      </c>
      <c r="AP9244">
        <v>83</v>
      </c>
      <c r="AQ9244">
        <v>83</v>
      </c>
    </row>
    <row r="9245" spans="1:43">
      <c r="A9245" t="s">
        <v>5778</v>
      </c>
      <c r="B9245" t="s">
        <v>5779</v>
      </c>
      <c r="C9245" t="s">
        <v>5776</v>
      </c>
      <c r="D9245" t="s">
        <v>5777</v>
      </c>
      <c r="E9245" t="s">
        <v>5698</v>
      </c>
      <c r="F9245" t="s">
        <v>5699</v>
      </c>
      <c r="G9245" t="s">
        <v>80</v>
      </c>
      <c r="H9245" t="s">
        <v>81</v>
      </c>
      <c r="I9245" s="2">
        <v>0</v>
      </c>
      <c r="J9245" s="2">
        <v>1</v>
      </c>
      <c r="K9245" s="2">
        <v>0</v>
      </c>
      <c r="L9245" t="s">
        <v>82</v>
      </c>
      <c r="M9245" t="s">
        <v>83</v>
      </c>
      <c r="N9245" t="s">
        <v>91</v>
      </c>
      <c r="O9245" t="s">
        <v>85</v>
      </c>
      <c r="P9245" t="s">
        <v>86</v>
      </c>
      <c r="Q9245">
        <v>70</v>
      </c>
      <c r="R9245">
        <v>71</v>
      </c>
      <c r="S9245">
        <v>72</v>
      </c>
      <c r="T9245">
        <v>72</v>
      </c>
      <c r="U9245">
        <v>73</v>
      </c>
      <c r="V9245">
        <v>74</v>
      </c>
      <c r="W9245">
        <v>74</v>
      </c>
      <c r="X9245">
        <v>75</v>
      </c>
      <c r="Y9245">
        <v>76</v>
      </c>
      <c r="Z9245">
        <v>77</v>
      </c>
      <c r="AA9245">
        <v>77</v>
      </c>
      <c r="AB9245">
        <v>78</v>
      </c>
      <c r="AC9245">
        <v>79</v>
      </c>
      <c r="AD9245">
        <v>79</v>
      </c>
      <c r="AE9245">
        <v>80</v>
      </c>
      <c r="AF9245">
        <v>81</v>
      </c>
      <c r="AG9245">
        <v>81</v>
      </c>
      <c r="AH9245">
        <v>82</v>
      </c>
      <c r="AI9245">
        <v>82</v>
      </c>
      <c r="AJ9245">
        <v>83</v>
      </c>
      <c r="AK9245">
        <v>84</v>
      </c>
      <c r="AL9245">
        <v>84</v>
      </c>
      <c r="AM9245">
        <v>84</v>
      </c>
      <c r="AN9245">
        <v>83</v>
      </c>
      <c r="AO9245">
        <v>83</v>
      </c>
      <c r="AP9245">
        <v>83</v>
      </c>
      <c r="AQ9245">
        <v>83</v>
      </c>
    </row>
    <row r="9246" spans="1:43">
      <c r="A9246" t="s">
        <v>5780</v>
      </c>
      <c r="B9246" t="s">
        <v>5781</v>
      </c>
      <c r="C9246" t="s">
        <v>5782</v>
      </c>
      <c r="D9246" t="s">
        <v>5783</v>
      </c>
      <c r="E9246" t="s">
        <v>5698</v>
      </c>
      <c r="F9246" t="s">
        <v>5699</v>
      </c>
      <c r="G9246" t="s">
        <v>80</v>
      </c>
      <c r="H9246" t="s">
        <v>81</v>
      </c>
      <c r="I9246" s="2">
        <v>0</v>
      </c>
      <c r="J9246" s="2">
        <v>1</v>
      </c>
      <c r="K9246" s="2">
        <v>0</v>
      </c>
      <c r="L9246" t="s">
        <v>82</v>
      </c>
      <c r="M9246" t="s">
        <v>83</v>
      </c>
      <c r="N9246" t="s">
        <v>84</v>
      </c>
      <c r="O9246" t="s">
        <v>85</v>
      </c>
      <c r="P9246" t="s">
        <v>86</v>
      </c>
      <c r="Q9246">
        <v>46</v>
      </c>
      <c r="R9246">
        <v>47</v>
      </c>
      <c r="S9246">
        <v>47</v>
      </c>
      <c r="T9246">
        <v>48</v>
      </c>
      <c r="U9246">
        <v>48</v>
      </c>
      <c r="V9246">
        <v>49</v>
      </c>
      <c r="W9246">
        <v>49</v>
      </c>
      <c r="X9246">
        <v>50</v>
      </c>
      <c r="Y9246">
        <v>50</v>
      </c>
      <c r="Z9246">
        <v>51</v>
      </c>
      <c r="AA9246">
        <v>51</v>
      </c>
      <c r="AB9246">
        <v>51</v>
      </c>
      <c r="AC9246">
        <v>52</v>
      </c>
      <c r="AD9246">
        <v>52</v>
      </c>
      <c r="AE9246">
        <v>53</v>
      </c>
      <c r="AF9246">
        <v>53</v>
      </c>
      <c r="AG9246">
        <v>53</v>
      </c>
      <c r="AH9246">
        <v>54</v>
      </c>
      <c r="AI9246">
        <v>54</v>
      </c>
      <c r="AJ9246">
        <v>55</v>
      </c>
      <c r="AK9246">
        <v>55</v>
      </c>
      <c r="AL9246">
        <v>55</v>
      </c>
      <c r="AM9246">
        <v>55</v>
      </c>
      <c r="AN9246">
        <v>55</v>
      </c>
      <c r="AO9246">
        <v>55</v>
      </c>
      <c r="AP9246">
        <v>55</v>
      </c>
      <c r="AQ9246">
        <v>54</v>
      </c>
    </row>
    <row r="9247" spans="1:43">
      <c r="A9247" t="s">
        <v>5780</v>
      </c>
      <c r="B9247" t="s">
        <v>5781</v>
      </c>
      <c r="C9247" t="s">
        <v>5782</v>
      </c>
      <c r="D9247" t="s">
        <v>5783</v>
      </c>
      <c r="E9247" t="s">
        <v>5698</v>
      </c>
      <c r="F9247" t="s">
        <v>5699</v>
      </c>
      <c r="G9247" t="s">
        <v>80</v>
      </c>
      <c r="H9247" t="s">
        <v>81</v>
      </c>
      <c r="I9247" s="2">
        <v>0</v>
      </c>
      <c r="J9247" s="2">
        <v>1</v>
      </c>
      <c r="K9247" s="2">
        <v>0</v>
      </c>
      <c r="L9247" t="s">
        <v>82</v>
      </c>
      <c r="M9247" t="s">
        <v>87</v>
      </c>
      <c r="N9247" t="s">
        <v>88</v>
      </c>
      <c r="O9247" t="s">
        <v>85</v>
      </c>
      <c r="P9247" t="s">
        <v>86</v>
      </c>
      <c r="Q9247">
        <v>46</v>
      </c>
      <c r="R9247">
        <v>46</v>
      </c>
      <c r="S9247">
        <v>46</v>
      </c>
      <c r="T9247">
        <v>46</v>
      </c>
      <c r="U9247">
        <v>46</v>
      </c>
      <c r="V9247">
        <v>46</v>
      </c>
      <c r="W9247">
        <v>46</v>
      </c>
      <c r="X9247">
        <v>46</v>
      </c>
      <c r="Y9247">
        <v>46</v>
      </c>
      <c r="Z9247">
        <v>46</v>
      </c>
      <c r="AA9247">
        <v>46</v>
      </c>
      <c r="AB9247">
        <v>46</v>
      </c>
      <c r="AC9247">
        <v>47</v>
      </c>
      <c r="AD9247">
        <v>47</v>
      </c>
      <c r="AE9247">
        <v>47</v>
      </c>
      <c r="AF9247">
        <v>47</v>
      </c>
      <c r="AG9247">
        <v>47</v>
      </c>
      <c r="AH9247">
        <v>47</v>
      </c>
      <c r="AI9247">
        <v>47</v>
      </c>
      <c r="AJ9247">
        <v>47</v>
      </c>
      <c r="AK9247">
        <v>47</v>
      </c>
      <c r="AL9247">
        <v>47</v>
      </c>
      <c r="AM9247">
        <v>47</v>
      </c>
      <c r="AN9247">
        <v>47</v>
      </c>
      <c r="AO9247">
        <v>47</v>
      </c>
      <c r="AP9247">
        <v>47</v>
      </c>
      <c r="AQ9247">
        <v>47</v>
      </c>
    </row>
    <row r="9248" spans="1:43">
      <c r="A9248" t="s">
        <v>5780</v>
      </c>
      <c r="B9248" t="s">
        <v>5781</v>
      </c>
      <c r="C9248" t="s">
        <v>5782</v>
      </c>
      <c r="D9248" t="s">
        <v>5783</v>
      </c>
      <c r="E9248" t="s">
        <v>5698</v>
      </c>
      <c r="F9248" t="s">
        <v>5699</v>
      </c>
      <c r="G9248" t="s">
        <v>80</v>
      </c>
      <c r="H9248" t="s">
        <v>81</v>
      </c>
      <c r="I9248" s="2">
        <v>0</v>
      </c>
      <c r="J9248" s="2">
        <v>1</v>
      </c>
      <c r="K9248" s="2">
        <v>0</v>
      </c>
      <c r="L9248" t="s">
        <v>82</v>
      </c>
      <c r="M9248" t="s">
        <v>89</v>
      </c>
      <c r="N9248" t="s">
        <v>90</v>
      </c>
      <c r="O9248" t="s">
        <v>85</v>
      </c>
      <c r="P9248" t="s">
        <v>86</v>
      </c>
      <c r="Q9248">
        <v>46</v>
      </c>
      <c r="R9248">
        <v>47</v>
      </c>
      <c r="S9248">
        <v>47</v>
      </c>
      <c r="T9248">
        <v>48</v>
      </c>
      <c r="U9248">
        <v>49</v>
      </c>
      <c r="V9248">
        <v>50</v>
      </c>
      <c r="W9248">
        <v>51</v>
      </c>
      <c r="X9248">
        <v>51</v>
      </c>
      <c r="Y9248">
        <v>52</v>
      </c>
      <c r="Z9248">
        <v>53</v>
      </c>
      <c r="AA9248">
        <v>53</v>
      </c>
      <c r="AB9248">
        <v>54</v>
      </c>
      <c r="AC9248">
        <v>55</v>
      </c>
      <c r="AD9248">
        <v>55</v>
      </c>
      <c r="AE9248">
        <v>55</v>
      </c>
      <c r="AF9248">
        <v>55</v>
      </c>
      <c r="AG9248">
        <v>55</v>
      </c>
      <c r="AH9248">
        <v>55</v>
      </c>
      <c r="AI9248">
        <v>55</v>
      </c>
      <c r="AJ9248">
        <v>55</v>
      </c>
      <c r="AK9248">
        <v>55</v>
      </c>
      <c r="AL9248">
        <v>55</v>
      </c>
      <c r="AM9248">
        <v>54</v>
      </c>
      <c r="AN9248">
        <v>54</v>
      </c>
      <c r="AO9248">
        <v>54</v>
      </c>
      <c r="AP9248">
        <v>54</v>
      </c>
      <c r="AQ9248">
        <v>54</v>
      </c>
    </row>
    <row r="9249" spans="1:43">
      <c r="A9249" t="s">
        <v>5780</v>
      </c>
      <c r="B9249" t="s">
        <v>5781</v>
      </c>
      <c r="C9249" t="s">
        <v>5782</v>
      </c>
      <c r="D9249" t="s">
        <v>5783</v>
      </c>
      <c r="E9249" t="s">
        <v>5698</v>
      </c>
      <c r="F9249" t="s">
        <v>5699</v>
      </c>
      <c r="G9249" t="s">
        <v>80</v>
      </c>
      <c r="H9249" t="s">
        <v>81</v>
      </c>
      <c r="I9249" s="2">
        <v>0</v>
      </c>
      <c r="J9249" s="2">
        <v>1</v>
      </c>
      <c r="K9249" s="2">
        <v>0</v>
      </c>
      <c r="L9249" t="s">
        <v>82</v>
      </c>
      <c r="M9249" t="s">
        <v>83</v>
      </c>
      <c r="N9249" t="s">
        <v>91</v>
      </c>
      <c r="O9249" t="s">
        <v>85</v>
      </c>
      <c r="P9249" t="s">
        <v>86</v>
      </c>
      <c r="Q9249">
        <v>46</v>
      </c>
      <c r="R9249">
        <v>47</v>
      </c>
      <c r="S9249">
        <v>47</v>
      </c>
      <c r="T9249">
        <v>48</v>
      </c>
      <c r="U9249">
        <v>48</v>
      </c>
      <c r="V9249">
        <v>49</v>
      </c>
      <c r="W9249">
        <v>49</v>
      </c>
      <c r="X9249">
        <v>50</v>
      </c>
      <c r="Y9249">
        <v>50</v>
      </c>
      <c r="Z9249">
        <v>51</v>
      </c>
      <c r="AA9249">
        <v>51</v>
      </c>
      <c r="AB9249">
        <v>51</v>
      </c>
      <c r="AC9249">
        <v>52</v>
      </c>
      <c r="AD9249">
        <v>52</v>
      </c>
      <c r="AE9249">
        <v>53</v>
      </c>
      <c r="AF9249">
        <v>53</v>
      </c>
      <c r="AG9249">
        <v>53</v>
      </c>
      <c r="AH9249">
        <v>54</v>
      </c>
      <c r="AI9249">
        <v>54</v>
      </c>
      <c r="AJ9249">
        <v>55</v>
      </c>
      <c r="AK9249">
        <v>55</v>
      </c>
      <c r="AL9249">
        <v>55</v>
      </c>
      <c r="AM9249">
        <v>55</v>
      </c>
      <c r="AN9249">
        <v>55</v>
      </c>
      <c r="AO9249">
        <v>55</v>
      </c>
      <c r="AP9249">
        <v>55</v>
      </c>
      <c r="AQ9249">
        <v>54</v>
      </c>
    </row>
    <row r="9250" spans="1:43">
      <c r="A9250" t="s">
        <v>5784</v>
      </c>
      <c r="B9250" t="s">
        <v>5785</v>
      </c>
      <c r="C9250" t="s">
        <v>5706</v>
      </c>
      <c r="D9250" t="s">
        <v>5707</v>
      </c>
      <c r="E9250" t="s">
        <v>5698</v>
      </c>
      <c r="F9250" t="s">
        <v>5699</v>
      </c>
      <c r="G9250" t="s">
        <v>80</v>
      </c>
      <c r="H9250" t="s">
        <v>81</v>
      </c>
      <c r="I9250" s="2">
        <v>0</v>
      </c>
      <c r="J9250" s="2">
        <v>1</v>
      </c>
      <c r="K9250" s="2">
        <v>0</v>
      </c>
      <c r="L9250" t="s">
        <v>82</v>
      </c>
      <c r="M9250" t="s">
        <v>83</v>
      </c>
      <c r="N9250" t="s">
        <v>84</v>
      </c>
      <c r="O9250" t="s">
        <v>85</v>
      </c>
      <c r="P9250" t="s">
        <v>86</v>
      </c>
      <c r="Q9250">
        <v>114</v>
      </c>
      <c r="R9250">
        <v>115</v>
      </c>
      <c r="S9250">
        <v>116</v>
      </c>
      <c r="T9250">
        <v>117</v>
      </c>
      <c r="U9250">
        <v>119</v>
      </c>
      <c r="V9250">
        <v>120</v>
      </c>
      <c r="W9250">
        <v>121</v>
      </c>
      <c r="X9250">
        <v>122</v>
      </c>
      <c r="Y9250">
        <v>123</v>
      </c>
      <c r="Z9250">
        <v>124</v>
      </c>
      <c r="AA9250">
        <v>125</v>
      </c>
      <c r="AB9250">
        <v>126</v>
      </c>
      <c r="AC9250">
        <v>127</v>
      </c>
      <c r="AD9250">
        <v>128</v>
      </c>
      <c r="AE9250">
        <v>129</v>
      </c>
      <c r="AF9250">
        <v>130</v>
      </c>
      <c r="AG9250">
        <v>131</v>
      </c>
      <c r="AH9250">
        <v>132</v>
      </c>
      <c r="AI9250">
        <v>133</v>
      </c>
      <c r="AJ9250">
        <v>134</v>
      </c>
      <c r="AK9250">
        <v>135</v>
      </c>
      <c r="AL9250">
        <v>135</v>
      </c>
      <c r="AM9250">
        <v>135</v>
      </c>
      <c r="AN9250">
        <v>135</v>
      </c>
      <c r="AO9250">
        <v>134</v>
      </c>
      <c r="AP9250">
        <v>134</v>
      </c>
      <c r="AQ9250">
        <v>134</v>
      </c>
    </row>
    <row r="9251" spans="1:43">
      <c r="A9251" t="s">
        <v>5784</v>
      </c>
      <c r="B9251" t="s">
        <v>5785</v>
      </c>
      <c r="C9251" t="s">
        <v>5706</v>
      </c>
      <c r="D9251" t="s">
        <v>5707</v>
      </c>
      <c r="E9251" t="s">
        <v>5698</v>
      </c>
      <c r="F9251" t="s">
        <v>5699</v>
      </c>
      <c r="G9251" t="s">
        <v>80</v>
      </c>
      <c r="H9251" t="s">
        <v>81</v>
      </c>
      <c r="I9251" s="2">
        <v>0</v>
      </c>
      <c r="J9251" s="2">
        <v>1</v>
      </c>
      <c r="K9251" s="2">
        <v>0</v>
      </c>
      <c r="L9251" t="s">
        <v>82</v>
      </c>
      <c r="M9251" t="s">
        <v>87</v>
      </c>
      <c r="N9251" t="s">
        <v>88</v>
      </c>
      <c r="O9251" t="s">
        <v>85</v>
      </c>
      <c r="P9251" t="s">
        <v>86</v>
      </c>
      <c r="Q9251">
        <v>114</v>
      </c>
      <c r="R9251">
        <v>114</v>
      </c>
      <c r="S9251">
        <v>114</v>
      </c>
      <c r="T9251">
        <v>114</v>
      </c>
      <c r="U9251">
        <v>114</v>
      </c>
      <c r="V9251">
        <v>114</v>
      </c>
      <c r="W9251">
        <v>115</v>
      </c>
      <c r="X9251">
        <v>115</v>
      </c>
      <c r="Y9251">
        <v>115</v>
      </c>
      <c r="Z9251">
        <v>115</v>
      </c>
      <c r="AA9251">
        <v>115</v>
      </c>
      <c r="AB9251">
        <v>115</v>
      </c>
      <c r="AC9251">
        <v>115</v>
      </c>
      <c r="AD9251">
        <v>116</v>
      </c>
      <c r="AE9251">
        <v>116</v>
      </c>
      <c r="AF9251">
        <v>116</v>
      </c>
      <c r="AG9251">
        <v>116</v>
      </c>
      <c r="AH9251">
        <v>116</v>
      </c>
      <c r="AI9251">
        <v>116</v>
      </c>
      <c r="AJ9251">
        <v>116</v>
      </c>
      <c r="AK9251">
        <v>116</v>
      </c>
      <c r="AL9251">
        <v>116</v>
      </c>
      <c r="AM9251">
        <v>117</v>
      </c>
      <c r="AN9251">
        <v>117</v>
      </c>
      <c r="AO9251">
        <v>117</v>
      </c>
      <c r="AP9251">
        <v>117</v>
      </c>
      <c r="AQ9251">
        <v>117</v>
      </c>
    </row>
    <row r="9252" spans="1:43">
      <c r="A9252" t="s">
        <v>5784</v>
      </c>
      <c r="B9252" t="s">
        <v>5785</v>
      </c>
      <c r="C9252" t="s">
        <v>5706</v>
      </c>
      <c r="D9252" t="s">
        <v>5707</v>
      </c>
      <c r="E9252" t="s">
        <v>5698</v>
      </c>
      <c r="F9252" t="s">
        <v>5699</v>
      </c>
      <c r="G9252" t="s">
        <v>80</v>
      </c>
      <c r="H9252" t="s">
        <v>81</v>
      </c>
      <c r="I9252" s="2">
        <v>0</v>
      </c>
      <c r="J9252" s="2">
        <v>1</v>
      </c>
      <c r="K9252" s="2">
        <v>0</v>
      </c>
      <c r="L9252" t="s">
        <v>82</v>
      </c>
      <c r="M9252" t="s">
        <v>89</v>
      </c>
      <c r="N9252" t="s">
        <v>90</v>
      </c>
      <c r="O9252" t="s">
        <v>85</v>
      </c>
      <c r="P9252" t="s">
        <v>86</v>
      </c>
      <c r="Q9252">
        <v>114</v>
      </c>
      <c r="R9252">
        <v>116</v>
      </c>
      <c r="S9252">
        <v>118</v>
      </c>
      <c r="T9252">
        <v>120</v>
      </c>
      <c r="U9252">
        <v>122</v>
      </c>
      <c r="V9252">
        <v>124</v>
      </c>
      <c r="W9252">
        <v>126</v>
      </c>
      <c r="X9252">
        <v>128</v>
      </c>
      <c r="Y9252">
        <v>129</v>
      </c>
      <c r="Z9252">
        <v>131</v>
      </c>
      <c r="AA9252">
        <v>133</v>
      </c>
      <c r="AB9252">
        <v>134</v>
      </c>
      <c r="AC9252">
        <v>136</v>
      </c>
      <c r="AD9252">
        <v>137</v>
      </c>
      <c r="AE9252">
        <v>138</v>
      </c>
      <c r="AF9252">
        <v>137</v>
      </c>
      <c r="AG9252">
        <v>137</v>
      </c>
      <c r="AH9252">
        <v>137</v>
      </c>
      <c r="AI9252">
        <v>137</v>
      </c>
      <c r="AJ9252">
        <v>136</v>
      </c>
      <c r="AK9252">
        <v>136</v>
      </c>
      <c r="AL9252">
        <v>136</v>
      </c>
      <c r="AM9252">
        <v>135</v>
      </c>
      <c r="AN9252">
        <v>135</v>
      </c>
      <c r="AO9252">
        <v>135</v>
      </c>
      <c r="AP9252">
        <v>134</v>
      </c>
      <c r="AQ9252">
        <v>134</v>
      </c>
    </row>
    <row r="9253" spans="1:43">
      <c r="A9253" t="s">
        <v>5784</v>
      </c>
      <c r="B9253" t="s">
        <v>5785</v>
      </c>
      <c r="C9253" t="s">
        <v>5706</v>
      </c>
      <c r="D9253" t="s">
        <v>5707</v>
      </c>
      <c r="E9253" t="s">
        <v>5698</v>
      </c>
      <c r="F9253" t="s">
        <v>5699</v>
      </c>
      <c r="G9253" t="s">
        <v>80</v>
      </c>
      <c r="H9253" t="s">
        <v>81</v>
      </c>
      <c r="I9253" s="2">
        <v>0</v>
      </c>
      <c r="J9253" s="2">
        <v>1</v>
      </c>
      <c r="K9253" s="2">
        <v>0</v>
      </c>
      <c r="L9253" t="s">
        <v>82</v>
      </c>
      <c r="M9253" t="s">
        <v>83</v>
      </c>
      <c r="N9253" t="s">
        <v>91</v>
      </c>
      <c r="O9253" t="s">
        <v>85</v>
      </c>
      <c r="P9253" t="s">
        <v>86</v>
      </c>
      <c r="Q9253">
        <v>114</v>
      </c>
      <c r="R9253">
        <v>115</v>
      </c>
      <c r="S9253">
        <v>116</v>
      </c>
      <c r="T9253">
        <v>117</v>
      </c>
      <c r="U9253">
        <v>119</v>
      </c>
      <c r="V9253">
        <v>120</v>
      </c>
      <c r="W9253">
        <v>121</v>
      </c>
      <c r="X9253">
        <v>122</v>
      </c>
      <c r="Y9253">
        <v>123</v>
      </c>
      <c r="Z9253">
        <v>124</v>
      </c>
      <c r="AA9253">
        <v>125</v>
      </c>
      <c r="AB9253">
        <v>126</v>
      </c>
      <c r="AC9253">
        <v>127</v>
      </c>
      <c r="AD9253">
        <v>128</v>
      </c>
      <c r="AE9253">
        <v>129</v>
      </c>
      <c r="AF9253">
        <v>130</v>
      </c>
      <c r="AG9253">
        <v>131</v>
      </c>
      <c r="AH9253">
        <v>132</v>
      </c>
      <c r="AI9253">
        <v>133</v>
      </c>
      <c r="AJ9253">
        <v>134</v>
      </c>
      <c r="AK9253">
        <v>135</v>
      </c>
      <c r="AL9253">
        <v>135</v>
      </c>
      <c r="AM9253">
        <v>135</v>
      </c>
      <c r="AN9253">
        <v>135</v>
      </c>
      <c r="AO9253">
        <v>134</v>
      </c>
      <c r="AP9253">
        <v>134</v>
      </c>
      <c r="AQ9253">
        <v>134</v>
      </c>
    </row>
    <row r="9254" spans="1:43">
      <c r="A9254" t="s">
        <v>5786</v>
      </c>
      <c r="B9254" t="s">
        <v>5787</v>
      </c>
      <c r="C9254" t="s">
        <v>5706</v>
      </c>
      <c r="D9254" t="s">
        <v>5707</v>
      </c>
      <c r="E9254" t="s">
        <v>5698</v>
      </c>
      <c r="F9254" t="s">
        <v>5699</v>
      </c>
      <c r="G9254" t="s">
        <v>80</v>
      </c>
      <c r="H9254" t="s">
        <v>81</v>
      </c>
      <c r="I9254" s="2">
        <v>0</v>
      </c>
      <c r="J9254" s="2">
        <v>1</v>
      </c>
      <c r="K9254" s="2">
        <v>0</v>
      </c>
      <c r="L9254" t="s">
        <v>82</v>
      </c>
      <c r="M9254" t="s">
        <v>83</v>
      </c>
      <c r="N9254" t="s">
        <v>84</v>
      </c>
      <c r="O9254" t="s">
        <v>85</v>
      </c>
      <c r="P9254" t="s">
        <v>86</v>
      </c>
      <c r="Q9254">
        <v>52</v>
      </c>
      <c r="R9254">
        <v>52</v>
      </c>
      <c r="S9254">
        <v>53</v>
      </c>
      <c r="T9254">
        <v>54</v>
      </c>
      <c r="U9254">
        <v>54</v>
      </c>
      <c r="V9254">
        <v>55</v>
      </c>
      <c r="W9254">
        <v>55</v>
      </c>
      <c r="X9254">
        <v>56</v>
      </c>
      <c r="Y9254">
        <v>56</v>
      </c>
      <c r="Z9254">
        <v>57</v>
      </c>
      <c r="AA9254">
        <v>57</v>
      </c>
      <c r="AB9254">
        <v>58</v>
      </c>
      <c r="AC9254">
        <v>58</v>
      </c>
      <c r="AD9254">
        <v>59</v>
      </c>
      <c r="AE9254">
        <v>59</v>
      </c>
      <c r="AF9254">
        <v>59</v>
      </c>
      <c r="AG9254">
        <v>60</v>
      </c>
      <c r="AH9254">
        <v>60</v>
      </c>
      <c r="AI9254">
        <v>61</v>
      </c>
      <c r="AJ9254">
        <v>61</v>
      </c>
      <c r="AK9254">
        <v>62</v>
      </c>
      <c r="AL9254">
        <v>62</v>
      </c>
      <c r="AM9254">
        <v>62</v>
      </c>
      <c r="AN9254">
        <v>61</v>
      </c>
      <c r="AO9254">
        <v>61</v>
      </c>
      <c r="AP9254">
        <v>61</v>
      </c>
      <c r="AQ9254">
        <v>61</v>
      </c>
    </row>
    <row r="9255" spans="1:43">
      <c r="A9255" t="s">
        <v>5786</v>
      </c>
      <c r="B9255" t="s">
        <v>5787</v>
      </c>
      <c r="C9255" t="s">
        <v>5706</v>
      </c>
      <c r="D9255" t="s">
        <v>5707</v>
      </c>
      <c r="E9255" t="s">
        <v>5698</v>
      </c>
      <c r="F9255" t="s">
        <v>5699</v>
      </c>
      <c r="G9255" t="s">
        <v>80</v>
      </c>
      <c r="H9255" t="s">
        <v>81</v>
      </c>
      <c r="I9255" s="2">
        <v>0</v>
      </c>
      <c r="J9255" s="2">
        <v>1</v>
      </c>
      <c r="K9255" s="2">
        <v>0</v>
      </c>
      <c r="L9255" t="s">
        <v>82</v>
      </c>
      <c r="M9255" t="s">
        <v>87</v>
      </c>
      <c r="N9255" t="s">
        <v>88</v>
      </c>
      <c r="O9255" t="s">
        <v>85</v>
      </c>
      <c r="P9255" t="s">
        <v>86</v>
      </c>
      <c r="Q9255">
        <v>52</v>
      </c>
      <c r="R9255">
        <v>52</v>
      </c>
      <c r="S9255">
        <v>53</v>
      </c>
      <c r="T9255">
        <v>53</v>
      </c>
      <c r="U9255">
        <v>53</v>
      </c>
      <c r="V9255">
        <v>53</v>
      </c>
      <c r="W9255">
        <v>53</v>
      </c>
      <c r="X9255">
        <v>53</v>
      </c>
      <c r="Y9255">
        <v>53</v>
      </c>
      <c r="Z9255">
        <v>53</v>
      </c>
      <c r="AA9255">
        <v>53</v>
      </c>
      <c r="AB9255">
        <v>53</v>
      </c>
      <c r="AC9255">
        <v>53</v>
      </c>
      <c r="AD9255">
        <v>53</v>
      </c>
      <c r="AE9255">
        <v>53</v>
      </c>
      <c r="AF9255">
        <v>53</v>
      </c>
      <c r="AG9255">
        <v>53</v>
      </c>
      <c r="AH9255">
        <v>53</v>
      </c>
      <c r="AI9255">
        <v>53</v>
      </c>
      <c r="AJ9255">
        <v>54</v>
      </c>
      <c r="AK9255">
        <v>54</v>
      </c>
      <c r="AL9255">
        <v>54</v>
      </c>
      <c r="AM9255">
        <v>54</v>
      </c>
      <c r="AN9255">
        <v>54</v>
      </c>
      <c r="AO9255">
        <v>54</v>
      </c>
      <c r="AP9255">
        <v>54</v>
      </c>
      <c r="AQ9255">
        <v>54</v>
      </c>
    </row>
    <row r="9256" spans="1:43">
      <c r="A9256" t="s">
        <v>5786</v>
      </c>
      <c r="B9256" t="s">
        <v>5787</v>
      </c>
      <c r="C9256" t="s">
        <v>5706</v>
      </c>
      <c r="D9256" t="s">
        <v>5707</v>
      </c>
      <c r="E9256" t="s">
        <v>5698</v>
      </c>
      <c r="F9256" t="s">
        <v>5699</v>
      </c>
      <c r="G9256" t="s">
        <v>80</v>
      </c>
      <c r="H9256" t="s">
        <v>81</v>
      </c>
      <c r="I9256" s="2">
        <v>0</v>
      </c>
      <c r="J9256" s="2">
        <v>1</v>
      </c>
      <c r="K9256" s="2">
        <v>0</v>
      </c>
      <c r="L9256" t="s">
        <v>82</v>
      </c>
      <c r="M9256" t="s">
        <v>89</v>
      </c>
      <c r="N9256" t="s">
        <v>90</v>
      </c>
      <c r="O9256" t="s">
        <v>85</v>
      </c>
      <c r="P9256" t="s">
        <v>86</v>
      </c>
      <c r="Q9256">
        <v>52</v>
      </c>
      <c r="R9256">
        <v>53</v>
      </c>
      <c r="S9256">
        <v>54</v>
      </c>
      <c r="T9256">
        <v>55</v>
      </c>
      <c r="U9256">
        <v>56</v>
      </c>
      <c r="V9256">
        <v>57</v>
      </c>
      <c r="W9256">
        <v>58</v>
      </c>
      <c r="X9256">
        <v>59</v>
      </c>
      <c r="Y9256">
        <v>59</v>
      </c>
      <c r="Z9256">
        <v>60</v>
      </c>
      <c r="AA9256">
        <v>61</v>
      </c>
      <c r="AB9256">
        <v>62</v>
      </c>
      <c r="AC9256">
        <v>62</v>
      </c>
      <c r="AD9256">
        <v>63</v>
      </c>
      <c r="AE9256">
        <v>63</v>
      </c>
      <c r="AF9256">
        <v>63</v>
      </c>
      <c r="AG9256">
        <v>63</v>
      </c>
      <c r="AH9256">
        <v>63</v>
      </c>
      <c r="AI9256">
        <v>63</v>
      </c>
      <c r="AJ9256">
        <v>63</v>
      </c>
      <c r="AK9256">
        <v>62</v>
      </c>
      <c r="AL9256">
        <v>62</v>
      </c>
      <c r="AM9256">
        <v>62</v>
      </c>
      <c r="AN9256">
        <v>62</v>
      </c>
      <c r="AO9256">
        <v>62</v>
      </c>
      <c r="AP9256">
        <v>62</v>
      </c>
      <c r="AQ9256">
        <v>62</v>
      </c>
    </row>
    <row r="9257" spans="1:43">
      <c r="A9257" t="s">
        <v>5786</v>
      </c>
      <c r="B9257" t="s">
        <v>5787</v>
      </c>
      <c r="C9257" t="s">
        <v>5706</v>
      </c>
      <c r="D9257" t="s">
        <v>5707</v>
      </c>
      <c r="E9257" t="s">
        <v>5698</v>
      </c>
      <c r="F9257" t="s">
        <v>5699</v>
      </c>
      <c r="G9257" t="s">
        <v>80</v>
      </c>
      <c r="H9257" t="s">
        <v>81</v>
      </c>
      <c r="I9257" s="2">
        <v>0</v>
      </c>
      <c r="J9257" s="2">
        <v>1</v>
      </c>
      <c r="K9257" s="2">
        <v>0</v>
      </c>
      <c r="L9257" t="s">
        <v>82</v>
      </c>
      <c r="M9257" t="s">
        <v>83</v>
      </c>
      <c r="N9257" t="s">
        <v>91</v>
      </c>
      <c r="O9257" t="s">
        <v>85</v>
      </c>
      <c r="P9257" t="s">
        <v>86</v>
      </c>
      <c r="Q9257">
        <v>52</v>
      </c>
      <c r="R9257">
        <v>52</v>
      </c>
      <c r="S9257">
        <v>53</v>
      </c>
      <c r="T9257">
        <v>54</v>
      </c>
      <c r="U9257">
        <v>54</v>
      </c>
      <c r="V9257">
        <v>55</v>
      </c>
      <c r="W9257">
        <v>55</v>
      </c>
      <c r="X9257">
        <v>56</v>
      </c>
      <c r="Y9257">
        <v>56</v>
      </c>
      <c r="Z9257">
        <v>57</v>
      </c>
      <c r="AA9257">
        <v>57</v>
      </c>
      <c r="AB9257">
        <v>58</v>
      </c>
      <c r="AC9257">
        <v>58</v>
      </c>
      <c r="AD9257">
        <v>59</v>
      </c>
      <c r="AE9257">
        <v>59</v>
      </c>
      <c r="AF9257">
        <v>59</v>
      </c>
      <c r="AG9257">
        <v>60</v>
      </c>
      <c r="AH9257">
        <v>60</v>
      </c>
      <c r="AI9257">
        <v>61</v>
      </c>
      <c r="AJ9257">
        <v>61</v>
      </c>
      <c r="AK9257">
        <v>62</v>
      </c>
      <c r="AL9257">
        <v>62</v>
      </c>
      <c r="AM9257">
        <v>62</v>
      </c>
      <c r="AN9257">
        <v>61</v>
      </c>
      <c r="AO9257">
        <v>61</v>
      </c>
      <c r="AP9257">
        <v>61</v>
      </c>
      <c r="AQ9257">
        <v>61</v>
      </c>
    </row>
    <row r="9258" spans="1:43">
      <c r="A9258" t="s">
        <v>5788</v>
      </c>
      <c r="B9258" t="s">
        <v>5789</v>
      </c>
      <c r="C9258" t="s">
        <v>5782</v>
      </c>
      <c r="D9258" t="s">
        <v>5783</v>
      </c>
      <c r="E9258" t="s">
        <v>5698</v>
      </c>
      <c r="F9258" t="s">
        <v>5699</v>
      </c>
      <c r="G9258" t="s">
        <v>80</v>
      </c>
      <c r="H9258" t="s">
        <v>81</v>
      </c>
      <c r="I9258" s="2">
        <v>0</v>
      </c>
      <c r="J9258" s="2">
        <v>1</v>
      </c>
      <c r="K9258" s="2">
        <v>0</v>
      </c>
      <c r="L9258" t="s">
        <v>82</v>
      </c>
      <c r="M9258" t="s">
        <v>83</v>
      </c>
      <c r="N9258" t="s">
        <v>84</v>
      </c>
      <c r="O9258" t="s">
        <v>85</v>
      </c>
      <c r="P9258" t="s">
        <v>86</v>
      </c>
      <c r="Q9258">
        <v>137</v>
      </c>
      <c r="R9258">
        <v>138</v>
      </c>
      <c r="S9258">
        <v>140</v>
      </c>
      <c r="T9258">
        <v>141</v>
      </c>
      <c r="U9258">
        <v>143</v>
      </c>
      <c r="V9258">
        <v>144</v>
      </c>
      <c r="W9258">
        <v>145</v>
      </c>
      <c r="X9258">
        <v>147</v>
      </c>
      <c r="Y9258">
        <v>148</v>
      </c>
      <c r="Z9258">
        <v>149</v>
      </c>
      <c r="AA9258">
        <v>151</v>
      </c>
      <c r="AB9258">
        <v>152</v>
      </c>
      <c r="AC9258">
        <v>153</v>
      </c>
      <c r="AD9258">
        <v>154</v>
      </c>
      <c r="AE9258">
        <v>156</v>
      </c>
      <c r="AF9258">
        <v>157</v>
      </c>
      <c r="AG9258">
        <v>158</v>
      </c>
      <c r="AH9258">
        <v>159</v>
      </c>
      <c r="AI9258">
        <v>160</v>
      </c>
      <c r="AJ9258">
        <v>161</v>
      </c>
      <c r="AK9258">
        <v>162</v>
      </c>
      <c r="AL9258">
        <v>163</v>
      </c>
      <c r="AM9258">
        <v>162</v>
      </c>
      <c r="AN9258">
        <v>162</v>
      </c>
      <c r="AO9258">
        <v>161</v>
      </c>
      <c r="AP9258">
        <v>161</v>
      </c>
      <c r="AQ9258">
        <v>161</v>
      </c>
    </row>
    <row r="9259" spans="1:43">
      <c r="A9259" t="s">
        <v>5788</v>
      </c>
      <c r="B9259" t="s">
        <v>5789</v>
      </c>
      <c r="C9259" t="s">
        <v>5782</v>
      </c>
      <c r="D9259" t="s">
        <v>5783</v>
      </c>
      <c r="E9259" t="s">
        <v>5698</v>
      </c>
      <c r="F9259" t="s">
        <v>5699</v>
      </c>
      <c r="G9259" t="s">
        <v>80</v>
      </c>
      <c r="H9259" t="s">
        <v>81</v>
      </c>
      <c r="I9259" s="2">
        <v>0</v>
      </c>
      <c r="J9259" s="2">
        <v>1</v>
      </c>
      <c r="K9259" s="2">
        <v>0</v>
      </c>
      <c r="L9259" t="s">
        <v>82</v>
      </c>
      <c r="M9259" t="s">
        <v>87</v>
      </c>
      <c r="N9259" t="s">
        <v>88</v>
      </c>
      <c r="O9259" t="s">
        <v>85</v>
      </c>
      <c r="P9259" t="s">
        <v>86</v>
      </c>
      <c r="Q9259">
        <v>137</v>
      </c>
      <c r="R9259">
        <v>137</v>
      </c>
      <c r="S9259">
        <v>137</v>
      </c>
      <c r="T9259">
        <v>137</v>
      </c>
      <c r="U9259">
        <v>137</v>
      </c>
      <c r="V9259">
        <v>137</v>
      </c>
      <c r="W9259">
        <v>138</v>
      </c>
      <c r="X9259">
        <v>138</v>
      </c>
      <c r="Y9259">
        <v>138</v>
      </c>
      <c r="Z9259">
        <v>138</v>
      </c>
      <c r="AA9259">
        <v>138</v>
      </c>
      <c r="AB9259">
        <v>138</v>
      </c>
      <c r="AC9259">
        <v>139</v>
      </c>
      <c r="AD9259">
        <v>139</v>
      </c>
      <c r="AE9259">
        <v>139</v>
      </c>
      <c r="AF9259">
        <v>139</v>
      </c>
      <c r="AG9259">
        <v>139</v>
      </c>
      <c r="AH9259">
        <v>139</v>
      </c>
      <c r="AI9259">
        <v>139</v>
      </c>
      <c r="AJ9259">
        <v>140</v>
      </c>
      <c r="AK9259">
        <v>140</v>
      </c>
      <c r="AL9259">
        <v>140</v>
      </c>
      <c r="AM9259">
        <v>140</v>
      </c>
      <c r="AN9259">
        <v>140</v>
      </c>
      <c r="AO9259">
        <v>140</v>
      </c>
      <c r="AP9259">
        <v>140</v>
      </c>
      <c r="AQ9259">
        <v>140</v>
      </c>
    </row>
    <row r="9260" spans="1:43">
      <c r="A9260" t="s">
        <v>5788</v>
      </c>
      <c r="B9260" t="s">
        <v>5789</v>
      </c>
      <c r="C9260" t="s">
        <v>5782</v>
      </c>
      <c r="D9260" t="s">
        <v>5783</v>
      </c>
      <c r="E9260" t="s">
        <v>5698</v>
      </c>
      <c r="F9260" t="s">
        <v>5699</v>
      </c>
      <c r="G9260" t="s">
        <v>80</v>
      </c>
      <c r="H9260" t="s">
        <v>81</v>
      </c>
      <c r="I9260" s="2">
        <v>0</v>
      </c>
      <c r="J9260" s="2">
        <v>1</v>
      </c>
      <c r="K9260" s="2">
        <v>0</v>
      </c>
      <c r="L9260" t="s">
        <v>82</v>
      </c>
      <c r="M9260" t="s">
        <v>89</v>
      </c>
      <c r="N9260" t="s">
        <v>90</v>
      </c>
      <c r="O9260" t="s">
        <v>85</v>
      </c>
      <c r="P9260" t="s">
        <v>86</v>
      </c>
      <c r="Q9260">
        <v>137</v>
      </c>
      <c r="R9260">
        <v>140</v>
      </c>
      <c r="S9260">
        <v>142</v>
      </c>
      <c r="T9260">
        <v>145</v>
      </c>
      <c r="U9260">
        <v>147</v>
      </c>
      <c r="V9260">
        <v>150</v>
      </c>
      <c r="W9260">
        <v>152</v>
      </c>
      <c r="X9260">
        <v>154</v>
      </c>
      <c r="Y9260">
        <v>156</v>
      </c>
      <c r="Z9260">
        <v>158</v>
      </c>
      <c r="AA9260">
        <v>159</v>
      </c>
      <c r="AB9260">
        <v>161</v>
      </c>
      <c r="AC9260">
        <v>163</v>
      </c>
      <c r="AD9260">
        <v>165</v>
      </c>
      <c r="AE9260">
        <v>166</v>
      </c>
      <c r="AF9260">
        <v>165</v>
      </c>
      <c r="AG9260">
        <v>165</v>
      </c>
      <c r="AH9260">
        <v>165</v>
      </c>
      <c r="AI9260">
        <v>164</v>
      </c>
      <c r="AJ9260">
        <v>164</v>
      </c>
      <c r="AK9260">
        <v>164</v>
      </c>
      <c r="AL9260">
        <v>163</v>
      </c>
      <c r="AM9260">
        <v>163</v>
      </c>
      <c r="AN9260">
        <v>162</v>
      </c>
      <c r="AO9260">
        <v>162</v>
      </c>
      <c r="AP9260">
        <v>162</v>
      </c>
      <c r="AQ9260">
        <v>161</v>
      </c>
    </row>
    <row r="9261" spans="1:43">
      <c r="A9261" t="s">
        <v>5788</v>
      </c>
      <c r="B9261" t="s">
        <v>5789</v>
      </c>
      <c r="C9261" t="s">
        <v>5782</v>
      </c>
      <c r="D9261" t="s">
        <v>5783</v>
      </c>
      <c r="E9261" t="s">
        <v>5698</v>
      </c>
      <c r="F9261" t="s">
        <v>5699</v>
      </c>
      <c r="G9261" t="s">
        <v>80</v>
      </c>
      <c r="H9261" t="s">
        <v>81</v>
      </c>
      <c r="I9261" s="2">
        <v>0</v>
      </c>
      <c r="J9261" s="2">
        <v>1</v>
      </c>
      <c r="K9261" s="2">
        <v>0</v>
      </c>
      <c r="L9261" t="s">
        <v>82</v>
      </c>
      <c r="M9261" t="s">
        <v>83</v>
      </c>
      <c r="N9261" t="s">
        <v>91</v>
      </c>
      <c r="O9261" t="s">
        <v>85</v>
      </c>
      <c r="P9261" t="s">
        <v>86</v>
      </c>
      <c r="Q9261">
        <v>137</v>
      </c>
      <c r="R9261">
        <v>138</v>
      </c>
      <c r="S9261">
        <v>140</v>
      </c>
      <c r="T9261">
        <v>141</v>
      </c>
      <c r="U9261">
        <v>143</v>
      </c>
      <c r="V9261">
        <v>144</v>
      </c>
      <c r="W9261">
        <v>145</v>
      </c>
      <c r="X9261">
        <v>147</v>
      </c>
      <c r="Y9261">
        <v>148</v>
      </c>
      <c r="Z9261">
        <v>149</v>
      </c>
      <c r="AA9261">
        <v>151</v>
      </c>
      <c r="AB9261">
        <v>152</v>
      </c>
      <c r="AC9261">
        <v>153</v>
      </c>
      <c r="AD9261">
        <v>154</v>
      </c>
      <c r="AE9261">
        <v>156</v>
      </c>
      <c r="AF9261">
        <v>157</v>
      </c>
      <c r="AG9261">
        <v>158</v>
      </c>
      <c r="AH9261">
        <v>159</v>
      </c>
      <c r="AI9261">
        <v>160</v>
      </c>
      <c r="AJ9261">
        <v>161</v>
      </c>
      <c r="AK9261">
        <v>162</v>
      </c>
      <c r="AL9261">
        <v>163</v>
      </c>
      <c r="AM9261">
        <v>162</v>
      </c>
      <c r="AN9261">
        <v>162</v>
      </c>
      <c r="AO9261">
        <v>161</v>
      </c>
      <c r="AP9261">
        <v>161</v>
      </c>
      <c r="AQ9261">
        <v>161</v>
      </c>
    </row>
    <row r="9262" spans="1:43">
      <c r="A9262" t="s">
        <v>5790</v>
      </c>
      <c r="B9262" t="s">
        <v>5791</v>
      </c>
      <c r="C9262" t="s">
        <v>5696</v>
      </c>
      <c r="D9262" t="s">
        <v>5697</v>
      </c>
      <c r="E9262" t="s">
        <v>5698</v>
      </c>
      <c r="F9262" t="s">
        <v>5699</v>
      </c>
      <c r="G9262" t="s">
        <v>80</v>
      </c>
      <c r="H9262" t="s">
        <v>81</v>
      </c>
      <c r="I9262" s="2">
        <v>0</v>
      </c>
      <c r="J9262" s="2">
        <v>1</v>
      </c>
      <c r="K9262" s="2">
        <v>0</v>
      </c>
      <c r="L9262" t="s">
        <v>82</v>
      </c>
      <c r="M9262" t="s">
        <v>83</v>
      </c>
      <c r="N9262" t="s">
        <v>84</v>
      </c>
      <c r="O9262" t="s">
        <v>85</v>
      </c>
      <c r="P9262" t="s">
        <v>86</v>
      </c>
      <c r="Q9262">
        <v>168</v>
      </c>
      <c r="R9262">
        <v>170</v>
      </c>
      <c r="S9262">
        <v>171</v>
      </c>
      <c r="T9262">
        <v>173</v>
      </c>
      <c r="U9262">
        <v>175</v>
      </c>
      <c r="V9262">
        <v>177</v>
      </c>
      <c r="W9262">
        <v>178</v>
      </c>
      <c r="X9262">
        <v>180</v>
      </c>
      <c r="Y9262">
        <v>182</v>
      </c>
      <c r="Z9262">
        <v>184</v>
      </c>
      <c r="AA9262">
        <v>185</v>
      </c>
      <c r="AB9262">
        <v>187</v>
      </c>
      <c r="AC9262">
        <v>188</v>
      </c>
      <c r="AD9262">
        <v>190</v>
      </c>
      <c r="AE9262">
        <v>191</v>
      </c>
      <c r="AF9262">
        <v>193</v>
      </c>
      <c r="AG9262">
        <v>194</v>
      </c>
      <c r="AH9262">
        <v>195</v>
      </c>
      <c r="AI9262">
        <v>197</v>
      </c>
      <c r="AJ9262">
        <v>198</v>
      </c>
      <c r="AK9262">
        <v>200</v>
      </c>
      <c r="AL9262">
        <v>200</v>
      </c>
      <c r="AM9262">
        <v>199</v>
      </c>
      <c r="AN9262">
        <v>199</v>
      </c>
      <c r="AO9262">
        <v>198</v>
      </c>
      <c r="AP9262">
        <v>198</v>
      </c>
      <c r="AQ9262">
        <v>198</v>
      </c>
    </row>
    <row r="9263" spans="1:43">
      <c r="A9263" t="s">
        <v>5790</v>
      </c>
      <c r="B9263" t="s">
        <v>5791</v>
      </c>
      <c r="C9263" t="s">
        <v>5696</v>
      </c>
      <c r="D9263" t="s">
        <v>5697</v>
      </c>
      <c r="E9263" t="s">
        <v>5698</v>
      </c>
      <c r="F9263" t="s">
        <v>5699</v>
      </c>
      <c r="G9263" t="s">
        <v>80</v>
      </c>
      <c r="H9263" t="s">
        <v>81</v>
      </c>
      <c r="I9263" s="2">
        <v>0</v>
      </c>
      <c r="J9263" s="2">
        <v>1</v>
      </c>
      <c r="K9263" s="2">
        <v>0</v>
      </c>
      <c r="L9263" t="s">
        <v>82</v>
      </c>
      <c r="M9263" t="s">
        <v>87</v>
      </c>
      <c r="N9263" t="s">
        <v>88</v>
      </c>
      <c r="O9263" t="s">
        <v>85</v>
      </c>
      <c r="P9263" t="s">
        <v>86</v>
      </c>
      <c r="Q9263">
        <v>168</v>
      </c>
      <c r="R9263">
        <v>168</v>
      </c>
      <c r="S9263">
        <v>169</v>
      </c>
      <c r="T9263">
        <v>169</v>
      </c>
      <c r="U9263">
        <v>169</v>
      </c>
      <c r="V9263">
        <v>169</v>
      </c>
      <c r="W9263">
        <v>170</v>
      </c>
      <c r="X9263">
        <v>170</v>
      </c>
      <c r="Y9263">
        <v>170</v>
      </c>
      <c r="Z9263">
        <v>170</v>
      </c>
      <c r="AA9263">
        <v>171</v>
      </c>
      <c r="AB9263">
        <v>171</v>
      </c>
      <c r="AC9263">
        <v>171</v>
      </c>
      <c r="AD9263">
        <v>171</v>
      </c>
      <c r="AE9263">
        <v>171</v>
      </c>
      <c r="AF9263">
        <v>172</v>
      </c>
      <c r="AG9263">
        <v>172</v>
      </c>
      <c r="AH9263">
        <v>172</v>
      </c>
      <c r="AI9263">
        <v>172</v>
      </c>
      <c r="AJ9263">
        <v>172</v>
      </c>
      <c r="AK9263">
        <v>173</v>
      </c>
      <c r="AL9263">
        <v>173</v>
      </c>
      <c r="AM9263">
        <v>173</v>
      </c>
      <c r="AN9263">
        <v>173</v>
      </c>
      <c r="AO9263">
        <v>173</v>
      </c>
      <c r="AP9263">
        <v>174</v>
      </c>
      <c r="AQ9263">
        <v>174</v>
      </c>
    </row>
    <row r="9264" spans="1:43">
      <c r="A9264" t="s">
        <v>5790</v>
      </c>
      <c r="B9264" t="s">
        <v>5791</v>
      </c>
      <c r="C9264" t="s">
        <v>5696</v>
      </c>
      <c r="D9264" t="s">
        <v>5697</v>
      </c>
      <c r="E9264" t="s">
        <v>5698</v>
      </c>
      <c r="F9264" t="s">
        <v>5699</v>
      </c>
      <c r="G9264" t="s">
        <v>80</v>
      </c>
      <c r="H9264" t="s">
        <v>81</v>
      </c>
      <c r="I9264" s="2">
        <v>0</v>
      </c>
      <c r="J9264" s="2">
        <v>1</v>
      </c>
      <c r="K9264" s="2">
        <v>0</v>
      </c>
      <c r="L9264" t="s">
        <v>82</v>
      </c>
      <c r="M9264" t="s">
        <v>89</v>
      </c>
      <c r="N9264" t="s">
        <v>90</v>
      </c>
      <c r="O9264" t="s">
        <v>85</v>
      </c>
      <c r="P9264" t="s">
        <v>86</v>
      </c>
      <c r="Q9264">
        <v>168</v>
      </c>
      <c r="R9264">
        <v>172</v>
      </c>
      <c r="S9264">
        <v>175</v>
      </c>
      <c r="T9264">
        <v>178</v>
      </c>
      <c r="U9264">
        <v>181</v>
      </c>
      <c r="V9264">
        <v>184</v>
      </c>
      <c r="W9264">
        <v>187</v>
      </c>
      <c r="X9264">
        <v>189</v>
      </c>
      <c r="Y9264">
        <v>192</v>
      </c>
      <c r="Z9264">
        <v>194</v>
      </c>
      <c r="AA9264">
        <v>196</v>
      </c>
      <c r="AB9264">
        <v>198</v>
      </c>
      <c r="AC9264">
        <v>200</v>
      </c>
      <c r="AD9264">
        <v>203</v>
      </c>
      <c r="AE9264">
        <v>204</v>
      </c>
      <c r="AF9264">
        <v>203</v>
      </c>
      <c r="AG9264">
        <v>203</v>
      </c>
      <c r="AH9264">
        <v>202</v>
      </c>
      <c r="AI9264">
        <v>202</v>
      </c>
      <c r="AJ9264">
        <v>202</v>
      </c>
      <c r="AK9264">
        <v>201</v>
      </c>
      <c r="AL9264">
        <v>201</v>
      </c>
      <c r="AM9264">
        <v>200</v>
      </c>
      <c r="AN9264">
        <v>200</v>
      </c>
      <c r="AO9264">
        <v>199</v>
      </c>
      <c r="AP9264">
        <v>199</v>
      </c>
      <c r="AQ9264">
        <v>198</v>
      </c>
    </row>
    <row r="9265" spans="1:43">
      <c r="A9265" t="s">
        <v>5790</v>
      </c>
      <c r="B9265" t="s">
        <v>5791</v>
      </c>
      <c r="C9265" t="s">
        <v>5696</v>
      </c>
      <c r="D9265" t="s">
        <v>5697</v>
      </c>
      <c r="E9265" t="s">
        <v>5698</v>
      </c>
      <c r="F9265" t="s">
        <v>5699</v>
      </c>
      <c r="G9265" t="s">
        <v>80</v>
      </c>
      <c r="H9265" t="s">
        <v>81</v>
      </c>
      <c r="I9265" s="2">
        <v>0</v>
      </c>
      <c r="J9265" s="2">
        <v>1</v>
      </c>
      <c r="K9265" s="2">
        <v>0</v>
      </c>
      <c r="L9265" t="s">
        <v>82</v>
      </c>
      <c r="M9265" t="s">
        <v>83</v>
      </c>
      <c r="N9265" t="s">
        <v>91</v>
      </c>
      <c r="O9265" t="s">
        <v>85</v>
      </c>
      <c r="P9265" t="s">
        <v>86</v>
      </c>
      <c r="Q9265">
        <v>168</v>
      </c>
      <c r="R9265">
        <v>170</v>
      </c>
      <c r="S9265">
        <v>171</v>
      </c>
      <c r="T9265">
        <v>173</v>
      </c>
      <c r="U9265">
        <v>175</v>
      </c>
      <c r="V9265">
        <v>177</v>
      </c>
      <c r="W9265">
        <v>178</v>
      </c>
      <c r="X9265">
        <v>180</v>
      </c>
      <c r="Y9265">
        <v>182</v>
      </c>
      <c r="Z9265">
        <v>184</v>
      </c>
      <c r="AA9265">
        <v>185</v>
      </c>
      <c r="AB9265">
        <v>187</v>
      </c>
      <c r="AC9265">
        <v>188</v>
      </c>
      <c r="AD9265">
        <v>190</v>
      </c>
      <c r="AE9265">
        <v>191</v>
      </c>
      <c r="AF9265">
        <v>193</v>
      </c>
      <c r="AG9265">
        <v>194</v>
      </c>
      <c r="AH9265">
        <v>195</v>
      </c>
      <c r="AI9265">
        <v>197</v>
      </c>
      <c r="AJ9265">
        <v>198</v>
      </c>
      <c r="AK9265">
        <v>200</v>
      </c>
      <c r="AL9265">
        <v>200</v>
      </c>
      <c r="AM9265">
        <v>199</v>
      </c>
      <c r="AN9265">
        <v>199</v>
      </c>
      <c r="AO9265">
        <v>198</v>
      </c>
      <c r="AP9265">
        <v>198</v>
      </c>
      <c r="AQ9265">
        <v>198</v>
      </c>
    </row>
    <row r="9266" spans="1:43">
      <c r="A9266" t="s">
        <v>5792</v>
      </c>
      <c r="B9266" t="s">
        <v>5793</v>
      </c>
      <c r="C9266" t="s">
        <v>5706</v>
      </c>
      <c r="D9266" t="s">
        <v>5707</v>
      </c>
      <c r="E9266" t="s">
        <v>5698</v>
      </c>
      <c r="F9266" t="s">
        <v>5699</v>
      </c>
      <c r="G9266" t="s">
        <v>80</v>
      </c>
      <c r="H9266" t="s">
        <v>81</v>
      </c>
      <c r="I9266" s="2">
        <v>0</v>
      </c>
      <c r="J9266" s="2">
        <v>1</v>
      </c>
      <c r="K9266" s="2">
        <v>0</v>
      </c>
      <c r="L9266" t="s">
        <v>82</v>
      </c>
      <c r="M9266" t="s">
        <v>83</v>
      </c>
      <c r="N9266" t="s">
        <v>84</v>
      </c>
      <c r="O9266" t="s">
        <v>85</v>
      </c>
      <c r="P9266" t="s">
        <v>86</v>
      </c>
      <c r="Q9266">
        <v>90</v>
      </c>
      <c r="R9266">
        <v>91</v>
      </c>
      <c r="S9266">
        <v>92</v>
      </c>
      <c r="T9266">
        <v>93</v>
      </c>
      <c r="U9266">
        <v>94</v>
      </c>
      <c r="V9266">
        <v>95</v>
      </c>
      <c r="W9266">
        <v>96</v>
      </c>
      <c r="X9266">
        <v>97</v>
      </c>
      <c r="Y9266">
        <v>98</v>
      </c>
      <c r="Z9266">
        <v>99</v>
      </c>
      <c r="AA9266">
        <v>100</v>
      </c>
      <c r="AB9266">
        <v>100</v>
      </c>
      <c r="AC9266">
        <v>101</v>
      </c>
      <c r="AD9266">
        <v>102</v>
      </c>
      <c r="AE9266">
        <v>103</v>
      </c>
      <c r="AF9266">
        <v>103</v>
      </c>
      <c r="AG9266">
        <v>104</v>
      </c>
      <c r="AH9266">
        <v>105</v>
      </c>
      <c r="AI9266">
        <v>106</v>
      </c>
      <c r="AJ9266">
        <v>106</v>
      </c>
      <c r="AK9266">
        <v>107</v>
      </c>
      <c r="AL9266">
        <v>107</v>
      </c>
      <c r="AM9266">
        <v>107</v>
      </c>
      <c r="AN9266">
        <v>107</v>
      </c>
      <c r="AO9266">
        <v>107</v>
      </c>
      <c r="AP9266">
        <v>106</v>
      </c>
      <c r="AQ9266">
        <v>106</v>
      </c>
    </row>
    <row r="9267" spans="1:43">
      <c r="A9267" t="s">
        <v>5792</v>
      </c>
      <c r="B9267" t="s">
        <v>5793</v>
      </c>
      <c r="C9267" t="s">
        <v>5706</v>
      </c>
      <c r="D9267" t="s">
        <v>5707</v>
      </c>
      <c r="E9267" t="s">
        <v>5698</v>
      </c>
      <c r="F9267" t="s">
        <v>5699</v>
      </c>
      <c r="G9267" t="s">
        <v>80</v>
      </c>
      <c r="H9267" t="s">
        <v>81</v>
      </c>
      <c r="I9267" s="2">
        <v>0</v>
      </c>
      <c r="J9267" s="2">
        <v>1</v>
      </c>
      <c r="K9267" s="2">
        <v>0</v>
      </c>
      <c r="L9267" t="s">
        <v>82</v>
      </c>
      <c r="M9267" t="s">
        <v>87</v>
      </c>
      <c r="N9267" t="s">
        <v>88</v>
      </c>
      <c r="O9267" t="s">
        <v>85</v>
      </c>
      <c r="P9267" t="s">
        <v>86</v>
      </c>
      <c r="Q9267">
        <v>90</v>
      </c>
      <c r="R9267">
        <v>91</v>
      </c>
      <c r="S9267">
        <v>91</v>
      </c>
      <c r="T9267">
        <v>91</v>
      </c>
      <c r="U9267">
        <v>91</v>
      </c>
      <c r="V9267">
        <v>91</v>
      </c>
      <c r="W9267">
        <v>91</v>
      </c>
      <c r="X9267">
        <v>91</v>
      </c>
      <c r="Y9267">
        <v>91</v>
      </c>
      <c r="Z9267">
        <v>91</v>
      </c>
      <c r="AA9267">
        <v>92</v>
      </c>
      <c r="AB9267">
        <v>92</v>
      </c>
      <c r="AC9267">
        <v>92</v>
      </c>
      <c r="AD9267">
        <v>92</v>
      </c>
      <c r="AE9267">
        <v>92</v>
      </c>
      <c r="AF9267">
        <v>92</v>
      </c>
      <c r="AG9267">
        <v>92</v>
      </c>
      <c r="AH9267">
        <v>92</v>
      </c>
      <c r="AI9267">
        <v>92</v>
      </c>
      <c r="AJ9267">
        <v>92</v>
      </c>
      <c r="AK9267">
        <v>93</v>
      </c>
      <c r="AL9267">
        <v>93</v>
      </c>
      <c r="AM9267">
        <v>93</v>
      </c>
      <c r="AN9267">
        <v>93</v>
      </c>
      <c r="AO9267">
        <v>93</v>
      </c>
      <c r="AP9267">
        <v>93</v>
      </c>
      <c r="AQ9267">
        <v>93</v>
      </c>
    </row>
    <row r="9268" spans="1:43">
      <c r="A9268" t="s">
        <v>5792</v>
      </c>
      <c r="B9268" t="s">
        <v>5793</v>
      </c>
      <c r="C9268" t="s">
        <v>5706</v>
      </c>
      <c r="D9268" t="s">
        <v>5707</v>
      </c>
      <c r="E9268" t="s">
        <v>5698</v>
      </c>
      <c r="F9268" t="s">
        <v>5699</v>
      </c>
      <c r="G9268" t="s">
        <v>80</v>
      </c>
      <c r="H9268" t="s">
        <v>81</v>
      </c>
      <c r="I9268" s="2">
        <v>0</v>
      </c>
      <c r="J9268" s="2">
        <v>1</v>
      </c>
      <c r="K9268" s="2">
        <v>0</v>
      </c>
      <c r="L9268" t="s">
        <v>82</v>
      </c>
      <c r="M9268" t="s">
        <v>89</v>
      </c>
      <c r="N9268" t="s">
        <v>90</v>
      </c>
      <c r="O9268" t="s">
        <v>85</v>
      </c>
      <c r="P9268" t="s">
        <v>86</v>
      </c>
      <c r="Q9268">
        <v>90</v>
      </c>
      <c r="R9268">
        <v>92</v>
      </c>
      <c r="S9268">
        <v>94</v>
      </c>
      <c r="T9268">
        <v>95</v>
      </c>
      <c r="U9268">
        <v>97</v>
      </c>
      <c r="V9268">
        <v>98</v>
      </c>
      <c r="W9268">
        <v>100</v>
      </c>
      <c r="X9268">
        <v>101</v>
      </c>
      <c r="Y9268">
        <v>103</v>
      </c>
      <c r="Z9268">
        <v>104</v>
      </c>
      <c r="AA9268">
        <v>105</v>
      </c>
      <c r="AB9268">
        <v>106</v>
      </c>
      <c r="AC9268">
        <v>107</v>
      </c>
      <c r="AD9268">
        <v>108</v>
      </c>
      <c r="AE9268">
        <v>109</v>
      </c>
      <c r="AF9268">
        <v>109</v>
      </c>
      <c r="AG9268">
        <v>109</v>
      </c>
      <c r="AH9268">
        <v>108</v>
      </c>
      <c r="AI9268">
        <v>108</v>
      </c>
      <c r="AJ9268">
        <v>108</v>
      </c>
      <c r="AK9268">
        <v>108</v>
      </c>
      <c r="AL9268">
        <v>107</v>
      </c>
      <c r="AM9268">
        <v>107</v>
      </c>
      <c r="AN9268">
        <v>107</v>
      </c>
      <c r="AO9268">
        <v>107</v>
      </c>
      <c r="AP9268">
        <v>106</v>
      </c>
      <c r="AQ9268">
        <v>106</v>
      </c>
    </row>
    <row r="9269" spans="1:43">
      <c r="A9269" t="s">
        <v>5792</v>
      </c>
      <c r="B9269" t="s">
        <v>5793</v>
      </c>
      <c r="C9269" t="s">
        <v>5706</v>
      </c>
      <c r="D9269" t="s">
        <v>5707</v>
      </c>
      <c r="E9269" t="s">
        <v>5698</v>
      </c>
      <c r="F9269" t="s">
        <v>5699</v>
      </c>
      <c r="G9269" t="s">
        <v>80</v>
      </c>
      <c r="H9269" t="s">
        <v>81</v>
      </c>
      <c r="I9269" s="2">
        <v>0</v>
      </c>
      <c r="J9269" s="2">
        <v>1</v>
      </c>
      <c r="K9269" s="2">
        <v>0</v>
      </c>
      <c r="L9269" t="s">
        <v>82</v>
      </c>
      <c r="M9269" t="s">
        <v>83</v>
      </c>
      <c r="N9269" t="s">
        <v>91</v>
      </c>
      <c r="O9269" t="s">
        <v>85</v>
      </c>
      <c r="P9269" t="s">
        <v>86</v>
      </c>
      <c r="Q9269">
        <v>90</v>
      </c>
      <c r="R9269">
        <v>91</v>
      </c>
      <c r="S9269">
        <v>92</v>
      </c>
      <c r="T9269">
        <v>93</v>
      </c>
      <c r="U9269">
        <v>94</v>
      </c>
      <c r="V9269">
        <v>95</v>
      </c>
      <c r="W9269">
        <v>96</v>
      </c>
      <c r="X9269">
        <v>97</v>
      </c>
      <c r="Y9269">
        <v>98</v>
      </c>
      <c r="Z9269">
        <v>99</v>
      </c>
      <c r="AA9269">
        <v>100</v>
      </c>
      <c r="AB9269">
        <v>100</v>
      </c>
      <c r="AC9269">
        <v>101</v>
      </c>
      <c r="AD9269">
        <v>102</v>
      </c>
      <c r="AE9269">
        <v>103</v>
      </c>
      <c r="AF9269">
        <v>103</v>
      </c>
      <c r="AG9269">
        <v>104</v>
      </c>
      <c r="AH9269">
        <v>105</v>
      </c>
      <c r="AI9269">
        <v>106</v>
      </c>
      <c r="AJ9269">
        <v>106</v>
      </c>
      <c r="AK9269">
        <v>107</v>
      </c>
      <c r="AL9269">
        <v>107</v>
      </c>
      <c r="AM9269">
        <v>107</v>
      </c>
      <c r="AN9269">
        <v>107</v>
      </c>
      <c r="AO9269">
        <v>107</v>
      </c>
      <c r="AP9269">
        <v>106</v>
      </c>
      <c r="AQ9269">
        <v>106</v>
      </c>
    </row>
    <row r="9270" spans="1:43">
      <c r="A9270" t="s">
        <v>5794</v>
      </c>
      <c r="B9270" t="s">
        <v>5795</v>
      </c>
      <c r="C9270" t="s">
        <v>5796</v>
      </c>
      <c r="D9270" t="s">
        <v>5797</v>
      </c>
      <c r="E9270" t="s">
        <v>5698</v>
      </c>
      <c r="F9270" t="s">
        <v>5699</v>
      </c>
      <c r="G9270" t="s">
        <v>80</v>
      </c>
      <c r="H9270" t="s">
        <v>81</v>
      </c>
      <c r="I9270" s="2">
        <v>0</v>
      </c>
      <c r="J9270" s="2">
        <v>1</v>
      </c>
      <c r="K9270" s="2">
        <v>0</v>
      </c>
      <c r="L9270" t="s">
        <v>82</v>
      </c>
      <c r="M9270" t="s">
        <v>83</v>
      </c>
      <c r="N9270" t="s">
        <v>84</v>
      </c>
      <c r="O9270" t="s">
        <v>85</v>
      </c>
      <c r="P9270" t="s">
        <v>86</v>
      </c>
      <c r="Q9270">
        <v>232</v>
      </c>
      <c r="R9270">
        <v>235</v>
      </c>
      <c r="S9270">
        <v>237</v>
      </c>
      <c r="T9270">
        <v>239</v>
      </c>
      <c r="U9270">
        <v>242</v>
      </c>
      <c r="V9270">
        <v>244</v>
      </c>
      <c r="W9270">
        <v>246</v>
      </c>
      <c r="X9270">
        <v>249</v>
      </c>
      <c r="Y9270">
        <v>251</v>
      </c>
      <c r="Z9270">
        <v>253</v>
      </c>
      <c r="AA9270">
        <v>255</v>
      </c>
      <c r="AB9270">
        <v>257</v>
      </c>
      <c r="AC9270">
        <v>259</v>
      </c>
      <c r="AD9270">
        <v>261</v>
      </c>
      <c r="AE9270">
        <v>263</v>
      </c>
      <c r="AF9270">
        <v>265</v>
      </c>
      <c r="AG9270">
        <v>267</v>
      </c>
      <c r="AH9270">
        <v>269</v>
      </c>
      <c r="AI9270">
        <v>271</v>
      </c>
      <c r="AJ9270">
        <v>273</v>
      </c>
      <c r="AK9270">
        <v>275</v>
      </c>
      <c r="AL9270">
        <v>275</v>
      </c>
      <c r="AM9270">
        <v>275</v>
      </c>
      <c r="AN9270">
        <v>274</v>
      </c>
      <c r="AO9270">
        <v>274</v>
      </c>
      <c r="AP9270">
        <v>273</v>
      </c>
      <c r="AQ9270">
        <v>272</v>
      </c>
    </row>
    <row r="9271" spans="1:43">
      <c r="A9271" t="s">
        <v>5794</v>
      </c>
      <c r="B9271" t="s">
        <v>5795</v>
      </c>
      <c r="C9271" t="s">
        <v>5796</v>
      </c>
      <c r="D9271" t="s">
        <v>5797</v>
      </c>
      <c r="E9271" t="s">
        <v>5698</v>
      </c>
      <c r="F9271" t="s">
        <v>5699</v>
      </c>
      <c r="G9271" t="s">
        <v>80</v>
      </c>
      <c r="H9271" t="s">
        <v>81</v>
      </c>
      <c r="I9271" s="2">
        <v>0</v>
      </c>
      <c r="J9271" s="2">
        <v>1</v>
      </c>
      <c r="K9271" s="2">
        <v>0</v>
      </c>
      <c r="L9271" t="s">
        <v>82</v>
      </c>
      <c r="M9271" t="s">
        <v>87</v>
      </c>
      <c r="N9271" t="s">
        <v>88</v>
      </c>
      <c r="O9271" t="s">
        <v>85</v>
      </c>
      <c r="P9271" t="s">
        <v>86</v>
      </c>
      <c r="Q9271">
        <v>232</v>
      </c>
      <c r="R9271">
        <v>232</v>
      </c>
      <c r="S9271">
        <v>233</v>
      </c>
      <c r="T9271">
        <v>233</v>
      </c>
      <c r="U9271">
        <v>233</v>
      </c>
      <c r="V9271">
        <v>233</v>
      </c>
      <c r="W9271">
        <v>233</v>
      </c>
      <c r="X9271">
        <v>234</v>
      </c>
      <c r="Y9271">
        <v>234</v>
      </c>
      <c r="Z9271">
        <v>234</v>
      </c>
      <c r="AA9271">
        <v>234</v>
      </c>
      <c r="AB9271">
        <v>234</v>
      </c>
      <c r="AC9271">
        <v>235</v>
      </c>
      <c r="AD9271">
        <v>235</v>
      </c>
      <c r="AE9271">
        <v>235</v>
      </c>
      <c r="AF9271">
        <v>235</v>
      </c>
      <c r="AG9271">
        <v>235</v>
      </c>
      <c r="AH9271">
        <v>236</v>
      </c>
      <c r="AI9271">
        <v>236</v>
      </c>
      <c r="AJ9271">
        <v>236</v>
      </c>
      <c r="AK9271">
        <v>236</v>
      </c>
      <c r="AL9271">
        <v>236</v>
      </c>
      <c r="AM9271">
        <v>236</v>
      </c>
      <c r="AN9271">
        <v>237</v>
      </c>
      <c r="AO9271">
        <v>237</v>
      </c>
      <c r="AP9271">
        <v>237</v>
      </c>
      <c r="AQ9271">
        <v>237</v>
      </c>
    </row>
    <row r="9272" spans="1:43">
      <c r="A9272" t="s">
        <v>5794</v>
      </c>
      <c r="B9272" t="s">
        <v>5795</v>
      </c>
      <c r="C9272" t="s">
        <v>5796</v>
      </c>
      <c r="D9272" t="s">
        <v>5797</v>
      </c>
      <c r="E9272" t="s">
        <v>5698</v>
      </c>
      <c r="F9272" t="s">
        <v>5699</v>
      </c>
      <c r="G9272" t="s">
        <v>80</v>
      </c>
      <c r="H9272" t="s">
        <v>81</v>
      </c>
      <c r="I9272" s="2">
        <v>0</v>
      </c>
      <c r="J9272" s="2">
        <v>1</v>
      </c>
      <c r="K9272" s="2">
        <v>0</v>
      </c>
      <c r="L9272" t="s">
        <v>82</v>
      </c>
      <c r="M9272" t="s">
        <v>89</v>
      </c>
      <c r="N9272" t="s">
        <v>90</v>
      </c>
      <c r="O9272" t="s">
        <v>85</v>
      </c>
      <c r="P9272" t="s">
        <v>86</v>
      </c>
      <c r="Q9272">
        <v>232</v>
      </c>
      <c r="R9272">
        <v>237</v>
      </c>
      <c r="S9272">
        <v>241</v>
      </c>
      <c r="T9272">
        <v>245</v>
      </c>
      <c r="U9272">
        <v>249</v>
      </c>
      <c r="V9272">
        <v>253</v>
      </c>
      <c r="W9272">
        <v>257</v>
      </c>
      <c r="X9272">
        <v>260</v>
      </c>
      <c r="Y9272">
        <v>264</v>
      </c>
      <c r="Z9272">
        <v>267</v>
      </c>
      <c r="AA9272">
        <v>270</v>
      </c>
      <c r="AB9272">
        <v>273</v>
      </c>
      <c r="AC9272">
        <v>276</v>
      </c>
      <c r="AD9272">
        <v>279</v>
      </c>
      <c r="AE9272">
        <v>281</v>
      </c>
      <c r="AF9272">
        <v>280</v>
      </c>
      <c r="AG9272">
        <v>280</v>
      </c>
      <c r="AH9272">
        <v>279</v>
      </c>
      <c r="AI9272">
        <v>278</v>
      </c>
      <c r="AJ9272">
        <v>278</v>
      </c>
      <c r="AK9272">
        <v>277</v>
      </c>
      <c r="AL9272">
        <v>277</v>
      </c>
      <c r="AM9272">
        <v>276</v>
      </c>
      <c r="AN9272">
        <v>275</v>
      </c>
      <c r="AO9272">
        <v>275</v>
      </c>
      <c r="AP9272">
        <v>274</v>
      </c>
      <c r="AQ9272">
        <v>273</v>
      </c>
    </row>
    <row r="9273" spans="1:43">
      <c r="A9273" t="s">
        <v>5794</v>
      </c>
      <c r="B9273" t="s">
        <v>5795</v>
      </c>
      <c r="C9273" t="s">
        <v>5796</v>
      </c>
      <c r="D9273" t="s">
        <v>5797</v>
      </c>
      <c r="E9273" t="s">
        <v>5698</v>
      </c>
      <c r="F9273" t="s">
        <v>5699</v>
      </c>
      <c r="G9273" t="s">
        <v>80</v>
      </c>
      <c r="H9273" t="s">
        <v>81</v>
      </c>
      <c r="I9273" s="2">
        <v>0</v>
      </c>
      <c r="J9273" s="2">
        <v>1</v>
      </c>
      <c r="K9273" s="2">
        <v>0</v>
      </c>
      <c r="L9273" t="s">
        <v>82</v>
      </c>
      <c r="M9273" t="s">
        <v>83</v>
      </c>
      <c r="N9273" t="s">
        <v>91</v>
      </c>
      <c r="O9273" t="s">
        <v>85</v>
      </c>
      <c r="P9273" t="s">
        <v>86</v>
      </c>
      <c r="Q9273">
        <v>232</v>
      </c>
      <c r="R9273">
        <v>235</v>
      </c>
      <c r="S9273">
        <v>237</v>
      </c>
      <c r="T9273">
        <v>239</v>
      </c>
      <c r="U9273">
        <v>242</v>
      </c>
      <c r="V9273">
        <v>244</v>
      </c>
      <c r="W9273">
        <v>246</v>
      </c>
      <c r="X9273">
        <v>249</v>
      </c>
      <c r="Y9273">
        <v>251</v>
      </c>
      <c r="Z9273">
        <v>253</v>
      </c>
      <c r="AA9273">
        <v>255</v>
      </c>
      <c r="AB9273">
        <v>257</v>
      </c>
      <c r="AC9273">
        <v>259</v>
      </c>
      <c r="AD9273">
        <v>261</v>
      </c>
      <c r="AE9273">
        <v>263</v>
      </c>
      <c r="AF9273">
        <v>265</v>
      </c>
      <c r="AG9273">
        <v>267</v>
      </c>
      <c r="AH9273">
        <v>269</v>
      </c>
      <c r="AI9273">
        <v>271</v>
      </c>
      <c r="AJ9273">
        <v>273</v>
      </c>
      <c r="AK9273">
        <v>275</v>
      </c>
      <c r="AL9273">
        <v>275</v>
      </c>
      <c r="AM9273">
        <v>275</v>
      </c>
      <c r="AN9273">
        <v>274</v>
      </c>
      <c r="AO9273">
        <v>274</v>
      </c>
      <c r="AP9273">
        <v>273</v>
      </c>
      <c r="AQ9273">
        <v>272</v>
      </c>
    </row>
    <row r="9274" spans="1:43">
      <c r="A9274" t="s">
        <v>5798</v>
      </c>
      <c r="B9274" t="s">
        <v>5799</v>
      </c>
      <c r="C9274" t="s">
        <v>5796</v>
      </c>
      <c r="D9274" t="s">
        <v>5797</v>
      </c>
      <c r="E9274" t="s">
        <v>5698</v>
      </c>
      <c r="F9274" t="s">
        <v>5699</v>
      </c>
      <c r="G9274" t="s">
        <v>80</v>
      </c>
      <c r="H9274" t="s">
        <v>81</v>
      </c>
      <c r="I9274" s="2">
        <v>0</v>
      </c>
      <c r="J9274" s="2">
        <v>1</v>
      </c>
      <c r="K9274" s="2">
        <v>0</v>
      </c>
      <c r="L9274" t="s">
        <v>82</v>
      </c>
      <c r="M9274" t="s">
        <v>83</v>
      </c>
      <c r="N9274" t="s">
        <v>84</v>
      </c>
      <c r="O9274" t="s">
        <v>85</v>
      </c>
      <c r="P9274" t="s">
        <v>86</v>
      </c>
      <c r="Q9274">
        <v>63</v>
      </c>
      <c r="R9274">
        <v>64</v>
      </c>
      <c r="S9274">
        <v>65</v>
      </c>
      <c r="T9274">
        <v>65</v>
      </c>
      <c r="U9274">
        <v>66</v>
      </c>
      <c r="V9274">
        <v>67</v>
      </c>
      <c r="W9274">
        <v>67</v>
      </c>
      <c r="X9274">
        <v>68</v>
      </c>
      <c r="Y9274">
        <v>68</v>
      </c>
      <c r="Z9274">
        <v>69</v>
      </c>
      <c r="AA9274">
        <v>70</v>
      </c>
      <c r="AB9274">
        <v>70</v>
      </c>
      <c r="AC9274">
        <v>71</v>
      </c>
      <c r="AD9274">
        <v>71</v>
      </c>
      <c r="AE9274">
        <v>72</v>
      </c>
      <c r="AF9274">
        <v>72</v>
      </c>
      <c r="AG9274">
        <v>73</v>
      </c>
      <c r="AH9274">
        <v>73</v>
      </c>
      <c r="AI9274">
        <v>74</v>
      </c>
      <c r="AJ9274">
        <v>75</v>
      </c>
      <c r="AK9274">
        <v>75</v>
      </c>
      <c r="AL9274">
        <v>75</v>
      </c>
      <c r="AM9274">
        <v>75</v>
      </c>
      <c r="AN9274">
        <v>75</v>
      </c>
      <c r="AO9274">
        <v>75</v>
      </c>
      <c r="AP9274">
        <v>74</v>
      </c>
      <c r="AQ9274">
        <v>74</v>
      </c>
    </row>
    <row r="9275" spans="1:43">
      <c r="A9275" t="s">
        <v>5798</v>
      </c>
      <c r="B9275" t="s">
        <v>5799</v>
      </c>
      <c r="C9275" t="s">
        <v>5796</v>
      </c>
      <c r="D9275" t="s">
        <v>5797</v>
      </c>
      <c r="E9275" t="s">
        <v>5698</v>
      </c>
      <c r="F9275" t="s">
        <v>5699</v>
      </c>
      <c r="G9275" t="s">
        <v>80</v>
      </c>
      <c r="H9275" t="s">
        <v>81</v>
      </c>
      <c r="I9275" s="2">
        <v>0</v>
      </c>
      <c r="J9275" s="2">
        <v>1</v>
      </c>
      <c r="K9275" s="2">
        <v>0</v>
      </c>
      <c r="L9275" t="s">
        <v>82</v>
      </c>
      <c r="M9275" t="s">
        <v>87</v>
      </c>
      <c r="N9275" t="s">
        <v>88</v>
      </c>
      <c r="O9275" t="s">
        <v>85</v>
      </c>
      <c r="P9275" t="s">
        <v>86</v>
      </c>
      <c r="Q9275">
        <v>63</v>
      </c>
      <c r="R9275">
        <v>63</v>
      </c>
      <c r="S9275">
        <v>63</v>
      </c>
      <c r="T9275">
        <v>63</v>
      </c>
      <c r="U9275">
        <v>63</v>
      </c>
      <c r="V9275">
        <v>63</v>
      </c>
      <c r="W9275">
        <v>63</v>
      </c>
      <c r="X9275">
        <v>63</v>
      </c>
      <c r="Y9275">
        <v>63</v>
      </c>
      <c r="Z9275">
        <v>63</v>
      </c>
      <c r="AA9275">
        <v>63</v>
      </c>
      <c r="AB9275">
        <v>63</v>
      </c>
      <c r="AC9275">
        <v>63</v>
      </c>
      <c r="AD9275">
        <v>64</v>
      </c>
      <c r="AE9275">
        <v>64</v>
      </c>
      <c r="AF9275">
        <v>64</v>
      </c>
      <c r="AG9275">
        <v>64</v>
      </c>
      <c r="AH9275">
        <v>64</v>
      </c>
      <c r="AI9275">
        <v>64</v>
      </c>
      <c r="AJ9275">
        <v>64</v>
      </c>
      <c r="AK9275">
        <v>64</v>
      </c>
      <c r="AL9275">
        <v>64</v>
      </c>
      <c r="AM9275">
        <v>64</v>
      </c>
      <c r="AN9275">
        <v>64</v>
      </c>
      <c r="AO9275">
        <v>64</v>
      </c>
      <c r="AP9275">
        <v>64</v>
      </c>
      <c r="AQ9275">
        <v>64</v>
      </c>
    </row>
    <row r="9276" spans="1:43">
      <c r="A9276" t="s">
        <v>5798</v>
      </c>
      <c r="B9276" t="s">
        <v>5799</v>
      </c>
      <c r="C9276" t="s">
        <v>5796</v>
      </c>
      <c r="D9276" t="s">
        <v>5797</v>
      </c>
      <c r="E9276" t="s">
        <v>5698</v>
      </c>
      <c r="F9276" t="s">
        <v>5699</v>
      </c>
      <c r="G9276" t="s">
        <v>80</v>
      </c>
      <c r="H9276" t="s">
        <v>81</v>
      </c>
      <c r="I9276" s="2">
        <v>0</v>
      </c>
      <c r="J9276" s="2">
        <v>1</v>
      </c>
      <c r="K9276" s="2">
        <v>0</v>
      </c>
      <c r="L9276" t="s">
        <v>82</v>
      </c>
      <c r="M9276" t="s">
        <v>89</v>
      </c>
      <c r="N9276" t="s">
        <v>90</v>
      </c>
      <c r="O9276" t="s">
        <v>85</v>
      </c>
      <c r="P9276" t="s">
        <v>86</v>
      </c>
      <c r="Q9276">
        <v>63</v>
      </c>
      <c r="R9276">
        <v>64</v>
      </c>
      <c r="S9276">
        <v>65</v>
      </c>
      <c r="T9276">
        <v>66</v>
      </c>
      <c r="U9276">
        <v>68</v>
      </c>
      <c r="V9276">
        <v>69</v>
      </c>
      <c r="W9276">
        <v>70</v>
      </c>
      <c r="X9276">
        <v>71</v>
      </c>
      <c r="Y9276">
        <v>72</v>
      </c>
      <c r="Z9276">
        <v>72</v>
      </c>
      <c r="AA9276">
        <v>73</v>
      </c>
      <c r="AB9276">
        <v>74</v>
      </c>
      <c r="AC9276">
        <v>75</v>
      </c>
      <c r="AD9276">
        <v>76</v>
      </c>
      <c r="AE9276">
        <v>76</v>
      </c>
      <c r="AF9276">
        <v>76</v>
      </c>
      <c r="AG9276">
        <v>76</v>
      </c>
      <c r="AH9276">
        <v>76</v>
      </c>
      <c r="AI9276">
        <v>76</v>
      </c>
      <c r="AJ9276">
        <v>75</v>
      </c>
      <c r="AK9276">
        <v>75</v>
      </c>
      <c r="AL9276">
        <v>75</v>
      </c>
      <c r="AM9276">
        <v>75</v>
      </c>
      <c r="AN9276">
        <v>75</v>
      </c>
      <c r="AO9276">
        <v>75</v>
      </c>
      <c r="AP9276">
        <v>74</v>
      </c>
      <c r="AQ9276">
        <v>74</v>
      </c>
    </row>
    <row r="9277" spans="1:43">
      <c r="A9277" t="s">
        <v>5798</v>
      </c>
      <c r="B9277" t="s">
        <v>5799</v>
      </c>
      <c r="C9277" t="s">
        <v>5796</v>
      </c>
      <c r="D9277" t="s">
        <v>5797</v>
      </c>
      <c r="E9277" t="s">
        <v>5698</v>
      </c>
      <c r="F9277" t="s">
        <v>5699</v>
      </c>
      <c r="G9277" t="s">
        <v>80</v>
      </c>
      <c r="H9277" t="s">
        <v>81</v>
      </c>
      <c r="I9277" s="2">
        <v>0</v>
      </c>
      <c r="J9277" s="2">
        <v>1</v>
      </c>
      <c r="K9277" s="2">
        <v>0</v>
      </c>
      <c r="L9277" t="s">
        <v>82</v>
      </c>
      <c r="M9277" t="s">
        <v>83</v>
      </c>
      <c r="N9277" t="s">
        <v>91</v>
      </c>
      <c r="O9277" t="s">
        <v>85</v>
      </c>
      <c r="P9277" t="s">
        <v>86</v>
      </c>
      <c r="Q9277">
        <v>63</v>
      </c>
      <c r="R9277">
        <v>64</v>
      </c>
      <c r="S9277">
        <v>65</v>
      </c>
      <c r="T9277">
        <v>65</v>
      </c>
      <c r="U9277">
        <v>66</v>
      </c>
      <c r="V9277">
        <v>67</v>
      </c>
      <c r="W9277">
        <v>67</v>
      </c>
      <c r="X9277">
        <v>68</v>
      </c>
      <c r="Y9277">
        <v>68</v>
      </c>
      <c r="Z9277">
        <v>69</v>
      </c>
      <c r="AA9277">
        <v>70</v>
      </c>
      <c r="AB9277">
        <v>70</v>
      </c>
      <c r="AC9277">
        <v>71</v>
      </c>
      <c r="AD9277">
        <v>71</v>
      </c>
      <c r="AE9277">
        <v>72</v>
      </c>
      <c r="AF9277">
        <v>72</v>
      </c>
      <c r="AG9277">
        <v>73</v>
      </c>
      <c r="AH9277">
        <v>73</v>
      </c>
      <c r="AI9277">
        <v>74</v>
      </c>
      <c r="AJ9277">
        <v>75</v>
      </c>
      <c r="AK9277">
        <v>75</v>
      </c>
      <c r="AL9277">
        <v>75</v>
      </c>
      <c r="AM9277">
        <v>75</v>
      </c>
      <c r="AN9277">
        <v>75</v>
      </c>
      <c r="AO9277">
        <v>75</v>
      </c>
      <c r="AP9277">
        <v>74</v>
      </c>
      <c r="AQ9277">
        <v>74</v>
      </c>
    </row>
    <row r="9278" spans="1:43">
      <c r="A9278" t="s">
        <v>5800</v>
      </c>
      <c r="B9278" t="s">
        <v>5801</v>
      </c>
      <c r="C9278" t="s">
        <v>5796</v>
      </c>
      <c r="D9278" t="s">
        <v>5797</v>
      </c>
      <c r="E9278" t="s">
        <v>5698</v>
      </c>
      <c r="F9278" t="s">
        <v>5699</v>
      </c>
      <c r="G9278" t="s">
        <v>80</v>
      </c>
      <c r="H9278" t="s">
        <v>81</v>
      </c>
      <c r="I9278" s="2">
        <v>0</v>
      </c>
      <c r="J9278" s="2">
        <v>1</v>
      </c>
      <c r="K9278" s="2">
        <v>0</v>
      </c>
      <c r="L9278" t="s">
        <v>82</v>
      </c>
      <c r="M9278" t="s">
        <v>83</v>
      </c>
      <c r="N9278" t="s">
        <v>84</v>
      </c>
      <c r="O9278" t="s">
        <v>85</v>
      </c>
      <c r="P9278" t="s">
        <v>86</v>
      </c>
      <c r="Q9278">
        <v>41</v>
      </c>
      <c r="R9278">
        <v>41</v>
      </c>
      <c r="S9278">
        <v>42</v>
      </c>
      <c r="T9278">
        <v>42</v>
      </c>
      <c r="U9278">
        <v>42</v>
      </c>
      <c r="V9278">
        <v>43</v>
      </c>
      <c r="W9278">
        <v>43</v>
      </c>
      <c r="X9278">
        <v>44</v>
      </c>
      <c r="Y9278">
        <v>44</v>
      </c>
      <c r="Z9278">
        <v>44</v>
      </c>
      <c r="AA9278">
        <v>45</v>
      </c>
      <c r="AB9278">
        <v>45</v>
      </c>
      <c r="AC9278">
        <v>46</v>
      </c>
      <c r="AD9278">
        <v>46</v>
      </c>
      <c r="AE9278">
        <v>46</v>
      </c>
      <c r="AF9278">
        <v>47</v>
      </c>
      <c r="AG9278">
        <v>47</v>
      </c>
      <c r="AH9278">
        <v>47</v>
      </c>
      <c r="AI9278">
        <v>48</v>
      </c>
      <c r="AJ9278">
        <v>48</v>
      </c>
      <c r="AK9278">
        <v>48</v>
      </c>
      <c r="AL9278">
        <v>48</v>
      </c>
      <c r="AM9278">
        <v>48</v>
      </c>
      <c r="AN9278">
        <v>48</v>
      </c>
      <c r="AO9278">
        <v>48</v>
      </c>
      <c r="AP9278">
        <v>48</v>
      </c>
      <c r="AQ9278">
        <v>48</v>
      </c>
    </row>
    <row r="9279" spans="1:43">
      <c r="A9279" t="s">
        <v>5800</v>
      </c>
      <c r="B9279" t="s">
        <v>5801</v>
      </c>
      <c r="C9279" t="s">
        <v>5796</v>
      </c>
      <c r="D9279" t="s">
        <v>5797</v>
      </c>
      <c r="E9279" t="s">
        <v>5698</v>
      </c>
      <c r="F9279" t="s">
        <v>5699</v>
      </c>
      <c r="G9279" t="s">
        <v>80</v>
      </c>
      <c r="H9279" t="s">
        <v>81</v>
      </c>
      <c r="I9279" s="2">
        <v>0</v>
      </c>
      <c r="J9279" s="2">
        <v>1</v>
      </c>
      <c r="K9279" s="2">
        <v>0</v>
      </c>
      <c r="L9279" t="s">
        <v>82</v>
      </c>
      <c r="M9279" t="s">
        <v>87</v>
      </c>
      <c r="N9279" t="s">
        <v>88</v>
      </c>
      <c r="O9279" t="s">
        <v>85</v>
      </c>
      <c r="P9279" t="s">
        <v>86</v>
      </c>
      <c r="Q9279">
        <v>41</v>
      </c>
      <c r="R9279">
        <v>41</v>
      </c>
      <c r="S9279">
        <v>41</v>
      </c>
      <c r="T9279">
        <v>42</v>
      </c>
      <c r="U9279">
        <v>42</v>
      </c>
      <c r="V9279">
        <v>42</v>
      </c>
      <c r="W9279">
        <v>42</v>
      </c>
      <c r="X9279">
        <v>42</v>
      </c>
      <c r="Y9279">
        <v>42</v>
      </c>
      <c r="Z9279">
        <v>42</v>
      </c>
      <c r="AA9279">
        <v>42</v>
      </c>
      <c r="AB9279">
        <v>42</v>
      </c>
      <c r="AC9279">
        <v>42</v>
      </c>
      <c r="AD9279">
        <v>42</v>
      </c>
      <c r="AE9279">
        <v>42</v>
      </c>
      <c r="AF9279">
        <v>42</v>
      </c>
      <c r="AG9279">
        <v>42</v>
      </c>
      <c r="AH9279">
        <v>42</v>
      </c>
      <c r="AI9279">
        <v>42</v>
      </c>
      <c r="AJ9279">
        <v>42</v>
      </c>
      <c r="AK9279">
        <v>42</v>
      </c>
      <c r="AL9279">
        <v>42</v>
      </c>
      <c r="AM9279">
        <v>42</v>
      </c>
      <c r="AN9279">
        <v>42</v>
      </c>
      <c r="AO9279">
        <v>42</v>
      </c>
      <c r="AP9279">
        <v>42</v>
      </c>
      <c r="AQ9279">
        <v>42</v>
      </c>
    </row>
    <row r="9280" spans="1:43">
      <c r="A9280" t="s">
        <v>5800</v>
      </c>
      <c r="B9280" t="s">
        <v>5801</v>
      </c>
      <c r="C9280" t="s">
        <v>5796</v>
      </c>
      <c r="D9280" t="s">
        <v>5797</v>
      </c>
      <c r="E9280" t="s">
        <v>5698</v>
      </c>
      <c r="F9280" t="s">
        <v>5699</v>
      </c>
      <c r="G9280" t="s">
        <v>80</v>
      </c>
      <c r="H9280" t="s">
        <v>81</v>
      </c>
      <c r="I9280" s="2">
        <v>0</v>
      </c>
      <c r="J9280" s="2">
        <v>1</v>
      </c>
      <c r="K9280" s="2">
        <v>0</v>
      </c>
      <c r="L9280" t="s">
        <v>82</v>
      </c>
      <c r="M9280" t="s">
        <v>89</v>
      </c>
      <c r="N9280" t="s">
        <v>90</v>
      </c>
      <c r="O9280" t="s">
        <v>85</v>
      </c>
      <c r="P9280" t="s">
        <v>86</v>
      </c>
      <c r="Q9280">
        <v>41</v>
      </c>
      <c r="R9280">
        <v>42</v>
      </c>
      <c r="S9280">
        <v>43</v>
      </c>
      <c r="T9280">
        <v>43</v>
      </c>
      <c r="U9280">
        <v>44</v>
      </c>
      <c r="V9280">
        <v>45</v>
      </c>
      <c r="W9280">
        <v>45</v>
      </c>
      <c r="X9280">
        <v>46</v>
      </c>
      <c r="Y9280">
        <v>47</v>
      </c>
      <c r="Z9280">
        <v>47</v>
      </c>
      <c r="AA9280">
        <v>48</v>
      </c>
      <c r="AB9280">
        <v>48</v>
      </c>
      <c r="AC9280">
        <v>49</v>
      </c>
      <c r="AD9280">
        <v>49</v>
      </c>
      <c r="AE9280">
        <v>50</v>
      </c>
      <c r="AF9280">
        <v>50</v>
      </c>
      <c r="AG9280">
        <v>49</v>
      </c>
      <c r="AH9280">
        <v>49</v>
      </c>
      <c r="AI9280">
        <v>49</v>
      </c>
      <c r="AJ9280">
        <v>49</v>
      </c>
      <c r="AK9280">
        <v>49</v>
      </c>
      <c r="AL9280">
        <v>49</v>
      </c>
      <c r="AM9280">
        <v>49</v>
      </c>
      <c r="AN9280">
        <v>49</v>
      </c>
      <c r="AO9280">
        <v>49</v>
      </c>
      <c r="AP9280">
        <v>48</v>
      </c>
      <c r="AQ9280">
        <v>48</v>
      </c>
    </row>
    <row r="9281" spans="1:43">
      <c r="A9281" t="s">
        <v>5800</v>
      </c>
      <c r="B9281" t="s">
        <v>5801</v>
      </c>
      <c r="C9281" t="s">
        <v>5796</v>
      </c>
      <c r="D9281" t="s">
        <v>5797</v>
      </c>
      <c r="E9281" t="s">
        <v>5698</v>
      </c>
      <c r="F9281" t="s">
        <v>5699</v>
      </c>
      <c r="G9281" t="s">
        <v>80</v>
      </c>
      <c r="H9281" t="s">
        <v>81</v>
      </c>
      <c r="I9281" s="2">
        <v>0</v>
      </c>
      <c r="J9281" s="2">
        <v>1</v>
      </c>
      <c r="K9281" s="2">
        <v>0</v>
      </c>
      <c r="L9281" t="s">
        <v>82</v>
      </c>
      <c r="M9281" t="s">
        <v>83</v>
      </c>
      <c r="N9281" t="s">
        <v>91</v>
      </c>
      <c r="O9281" t="s">
        <v>85</v>
      </c>
      <c r="P9281" t="s">
        <v>86</v>
      </c>
      <c r="Q9281">
        <v>41</v>
      </c>
      <c r="R9281">
        <v>41</v>
      </c>
      <c r="S9281">
        <v>42</v>
      </c>
      <c r="T9281">
        <v>42</v>
      </c>
      <c r="U9281">
        <v>42</v>
      </c>
      <c r="V9281">
        <v>43</v>
      </c>
      <c r="W9281">
        <v>43</v>
      </c>
      <c r="X9281">
        <v>44</v>
      </c>
      <c r="Y9281">
        <v>44</v>
      </c>
      <c r="Z9281">
        <v>44</v>
      </c>
      <c r="AA9281">
        <v>45</v>
      </c>
      <c r="AB9281">
        <v>45</v>
      </c>
      <c r="AC9281">
        <v>46</v>
      </c>
      <c r="AD9281">
        <v>46</v>
      </c>
      <c r="AE9281">
        <v>46</v>
      </c>
      <c r="AF9281">
        <v>47</v>
      </c>
      <c r="AG9281">
        <v>47</v>
      </c>
      <c r="AH9281">
        <v>47</v>
      </c>
      <c r="AI9281">
        <v>48</v>
      </c>
      <c r="AJ9281">
        <v>48</v>
      </c>
      <c r="AK9281">
        <v>48</v>
      </c>
      <c r="AL9281">
        <v>48</v>
      </c>
      <c r="AM9281">
        <v>48</v>
      </c>
      <c r="AN9281">
        <v>48</v>
      </c>
      <c r="AO9281">
        <v>48</v>
      </c>
      <c r="AP9281">
        <v>48</v>
      </c>
      <c r="AQ9281">
        <v>48</v>
      </c>
    </row>
    <row r="9282" spans="1:43">
      <c r="A9282" t="s">
        <v>5802</v>
      </c>
      <c r="B9282" t="s">
        <v>5803</v>
      </c>
      <c r="C9282" t="s">
        <v>5796</v>
      </c>
      <c r="D9282" t="s">
        <v>5797</v>
      </c>
      <c r="E9282" t="s">
        <v>5698</v>
      </c>
      <c r="F9282" t="s">
        <v>5699</v>
      </c>
      <c r="G9282" t="s">
        <v>80</v>
      </c>
      <c r="H9282" t="s">
        <v>81</v>
      </c>
      <c r="I9282" s="2">
        <v>0</v>
      </c>
      <c r="J9282" s="2">
        <v>1</v>
      </c>
      <c r="K9282" s="2">
        <v>0</v>
      </c>
      <c r="L9282" t="s">
        <v>82</v>
      </c>
      <c r="M9282" t="s">
        <v>83</v>
      </c>
      <c r="N9282" t="s">
        <v>84</v>
      </c>
      <c r="O9282" t="s">
        <v>85</v>
      </c>
      <c r="P9282" t="s">
        <v>86</v>
      </c>
      <c r="Q9282">
        <v>90</v>
      </c>
      <c r="R9282">
        <v>91</v>
      </c>
      <c r="S9282">
        <v>92</v>
      </c>
      <c r="T9282">
        <v>93</v>
      </c>
      <c r="U9282">
        <v>93</v>
      </c>
      <c r="V9282">
        <v>94</v>
      </c>
      <c r="W9282">
        <v>95</v>
      </c>
      <c r="X9282">
        <v>96</v>
      </c>
      <c r="Y9282">
        <v>97</v>
      </c>
      <c r="Z9282">
        <v>98</v>
      </c>
      <c r="AA9282">
        <v>99</v>
      </c>
      <c r="AB9282">
        <v>100</v>
      </c>
      <c r="AC9282">
        <v>100</v>
      </c>
      <c r="AD9282">
        <v>101</v>
      </c>
      <c r="AE9282">
        <v>102</v>
      </c>
      <c r="AF9282">
        <v>103</v>
      </c>
      <c r="AG9282">
        <v>103</v>
      </c>
      <c r="AH9282">
        <v>104</v>
      </c>
      <c r="AI9282">
        <v>105</v>
      </c>
      <c r="AJ9282">
        <v>106</v>
      </c>
      <c r="AK9282">
        <v>106</v>
      </c>
      <c r="AL9282">
        <v>106</v>
      </c>
      <c r="AM9282">
        <v>106</v>
      </c>
      <c r="AN9282">
        <v>106</v>
      </c>
      <c r="AO9282">
        <v>106</v>
      </c>
      <c r="AP9282">
        <v>106</v>
      </c>
      <c r="AQ9282">
        <v>105</v>
      </c>
    </row>
    <row r="9283" spans="1:43">
      <c r="A9283" t="s">
        <v>5802</v>
      </c>
      <c r="B9283" t="s">
        <v>5803</v>
      </c>
      <c r="C9283" t="s">
        <v>5796</v>
      </c>
      <c r="D9283" t="s">
        <v>5797</v>
      </c>
      <c r="E9283" t="s">
        <v>5698</v>
      </c>
      <c r="F9283" t="s">
        <v>5699</v>
      </c>
      <c r="G9283" t="s">
        <v>80</v>
      </c>
      <c r="H9283" t="s">
        <v>81</v>
      </c>
      <c r="I9283" s="2">
        <v>0</v>
      </c>
      <c r="J9283" s="2">
        <v>1</v>
      </c>
      <c r="K9283" s="2">
        <v>0</v>
      </c>
      <c r="L9283" t="s">
        <v>82</v>
      </c>
      <c r="M9283" t="s">
        <v>87</v>
      </c>
      <c r="N9283" t="s">
        <v>88</v>
      </c>
      <c r="O9283" t="s">
        <v>85</v>
      </c>
      <c r="P9283" t="s">
        <v>86</v>
      </c>
      <c r="Q9283">
        <v>90</v>
      </c>
      <c r="R9283">
        <v>90</v>
      </c>
      <c r="S9283">
        <v>90</v>
      </c>
      <c r="T9283">
        <v>90</v>
      </c>
      <c r="U9283">
        <v>90</v>
      </c>
      <c r="V9283">
        <v>90</v>
      </c>
      <c r="W9283">
        <v>91</v>
      </c>
      <c r="X9283">
        <v>91</v>
      </c>
      <c r="Y9283">
        <v>91</v>
      </c>
      <c r="Z9283">
        <v>91</v>
      </c>
      <c r="AA9283">
        <v>91</v>
      </c>
      <c r="AB9283">
        <v>91</v>
      </c>
      <c r="AC9283">
        <v>91</v>
      </c>
      <c r="AD9283">
        <v>91</v>
      </c>
      <c r="AE9283">
        <v>91</v>
      </c>
      <c r="AF9283">
        <v>91</v>
      </c>
      <c r="AG9283">
        <v>91</v>
      </c>
      <c r="AH9283">
        <v>91</v>
      </c>
      <c r="AI9283">
        <v>91</v>
      </c>
      <c r="AJ9283">
        <v>91</v>
      </c>
      <c r="AK9283">
        <v>92</v>
      </c>
      <c r="AL9283">
        <v>92</v>
      </c>
      <c r="AM9283">
        <v>92</v>
      </c>
      <c r="AN9283">
        <v>92</v>
      </c>
      <c r="AO9283">
        <v>92</v>
      </c>
      <c r="AP9283">
        <v>92</v>
      </c>
      <c r="AQ9283">
        <v>92</v>
      </c>
    </row>
    <row r="9284" spans="1:43">
      <c r="A9284" t="s">
        <v>5802</v>
      </c>
      <c r="B9284" t="s">
        <v>5803</v>
      </c>
      <c r="C9284" t="s">
        <v>5796</v>
      </c>
      <c r="D9284" t="s">
        <v>5797</v>
      </c>
      <c r="E9284" t="s">
        <v>5698</v>
      </c>
      <c r="F9284" t="s">
        <v>5699</v>
      </c>
      <c r="G9284" t="s">
        <v>80</v>
      </c>
      <c r="H9284" t="s">
        <v>81</v>
      </c>
      <c r="I9284" s="2">
        <v>0</v>
      </c>
      <c r="J9284" s="2">
        <v>1</v>
      </c>
      <c r="K9284" s="2">
        <v>0</v>
      </c>
      <c r="L9284" t="s">
        <v>82</v>
      </c>
      <c r="M9284" t="s">
        <v>89</v>
      </c>
      <c r="N9284" t="s">
        <v>90</v>
      </c>
      <c r="O9284" t="s">
        <v>85</v>
      </c>
      <c r="P9284" t="s">
        <v>86</v>
      </c>
      <c r="Q9284">
        <v>90</v>
      </c>
      <c r="R9284">
        <v>91</v>
      </c>
      <c r="S9284">
        <v>93</v>
      </c>
      <c r="T9284">
        <v>95</v>
      </c>
      <c r="U9284">
        <v>96</v>
      </c>
      <c r="V9284">
        <v>98</v>
      </c>
      <c r="W9284">
        <v>99</v>
      </c>
      <c r="X9284">
        <v>101</v>
      </c>
      <c r="Y9284">
        <v>102</v>
      </c>
      <c r="Z9284">
        <v>103</v>
      </c>
      <c r="AA9284">
        <v>104</v>
      </c>
      <c r="AB9284">
        <v>105</v>
      </c>
      <c r="AC9284">
        <v>107</v>
      </c>
      <c r="AD9284">
        <v>108</v>
      </c>
      <c r="AE9284">
        <v>108</v>
      </c>
      <c r="AF9284">
        <v>108</v>
      </c>
      <c r="AG9284">
        <v>108</v>
      </c>
      <c r="AH9284">
        <v>108</v>
      </c>
      <c r="AI9284">
        <v>108</v>
      </c>
      <c r="AJ9284">
        <v>107</v>
      </c>
      <c r="AK9284">
        <v>107</v>
      </c>
      <c r="AL9284">
        <v>107</v>
      </c>
      <c r="AM9284">
        <v>107</v>
      </c>
      <c r="AN9284">
        <v>106</v>
      </c>
      <c r="AO9284">
        <v>106</v>
      </c>
      <c r="AP9284">
        <v>106</v>
      </c>
      <c r="AQ9284">
        <v>105</v>
      </c>
    </row>
    <row r="9285" spans="1:43">
      <c r="A9285" t="s">
        <v>5802</v>
      </c>
      <c r="B9285" t="s">
        <v>5803</v>
      </c>
      <c r="C9285" t="s">
        <v>5796</v>
      </c>
      <c r="D9285" t="s">
        <v>5797</v>
      </c>
      <c r="E9285" t="s">
        <v>5698</v>
      </c>
      <c r="F9285" t="s">
        <v>5699</v>
      </c>
      <c r="G9285" t="s">
        <v>80</v>
      </c>
      <c r="H9285" t="s">
        <v>81</v>
      </c>
      <c r="I9285" s="2">
        <v>0</v>
      </c>
      <c r="J9285" s="2">
        <v>1</v>
      </c>
      <c r="K9285" s="2">
        <v>0</v>
      </c>
      <c r="L9285" t="s">
        <v>82</v>
      </c>
      <c r="M9285" t="s">
        <v>83</v>
      </c>
      <c r="N9285" t="s">
        <v>91</v>
      </c>
      <c r="O9285" t="s">
        <v>85</v>
      </c>
      <c r="P9285" t="s">
        <v>86</v>
      </c>
      <c r="Q9285">
        <v>90</v>
      </c>
      <c r="R9285">
        <v>91</v>
      </c>
      <c r="S9285">
        <v>92</v>
      </c>
      <c r="T9285">
        <v>93</v>
      </c>
      <c r="U9285">
        <v>93</v>
      </c>
      <c r="V9285">
        <v>94</v>
      </c>
      <c r="W9285">
        <v>95</v>
      </c>
      <c r="X9285">
        <v>96</v>
      </c>
      <c r="Y9285">
        <v>97</v>
      </c>
      <c r="Z9285">
        <v>98</v>
      </c>
      <c r="AA9285">
        <v>99</v>
      </c>
      <c r="AB9285">
        <v>100</v>
      </c>
      <c r="AC9285">
        <v>100</v>
      </c>
      <c r="AD9285">
        <v>101</v>
      </c>
      <c r="AE9285">
        <v>102</v>
      </c>
      <c r="AF9285">
        <v>103</v>
      </c>
      <c r="AG9285">
        <v>103</v>
      </c>
      <c r="AH9285">
        <v>104</v>
      </c>
      <c r="AI9285">
        <v>105</v>
      </c>
      <c r="AJ9285">
        <v>106</v>
      </c>
      <c r="AK9285">
        <v>106</v>
      </c>
      <c r="AL9285">
        <v>106</v>
      </c>
      <c r="AM9285">
        <v>106</v>
      </c>
      <c r="AN9285">
        <v>106</v>
      </c>
      <c r="AO9285">
        <v>106</v>
      </c>
      <c r="AP9285">
        <v>106</v>
      </c>
      <c r="AQ9285">
        <v>105</v>
      </c>
    </row>
    <row r="9286" spans="1:43">
      <c r="A9286" t="s">
        <v>5804</v>
      </c>
      <c r="B9286" t="s">
        <v>5805</v>
      </c>
      <c r="C9286" t="s">
        <v>5740</v>
      </c>
      <c r="D9286" t="s">
        <v>5741</v>
      </c>
      <c r="E9286" t="s">
        <v>5698</v>
      </c>
      <c r="F9286" t="s">
        <v>5699</v>
      </c>
      <c r="G9286" t="s">
        <v>80</v>
      </c>
      <c r="H9286" t="s">
        <v>81</v>
      </c>
      <c r="I9286" s="2">
        <v>0</v>
      </c>
      <c r="J9286" s="2">
        <v>1</v>
      </c>
      <c r="K9286" s="2">
        <v>0</v>
      </c>
      <c r="L9286" t="s">
        <v>82</v>
      </c>
      <c r="M9286" t="s">
        <v>83</v>
      </c>
      <c r="N9286" t="s">
        <v>84</v>
      </c>
      <c r="O9286" t="s">
        <v>85</v>
      </c>
      <c r="P9286" t="s">
        <v>86</v>
      </c>
      <c r="Q9286">
        <v>99</v>
      </c>
      <c r="R9286">
        <v>100</v>
      </c>
      <c r="S9286">
        <v>101</v>
      </c>
      <c r="T9286">
        <v>102</v>
      </c>
      <c r="U9286">
        <v>103</v>
      </c>
      <c r="V9286">
        <v>104</v>
      </c>
      <c r="W9286">
        <v>105</v>
      </c>
      <c r="X9286">
        <v>106</v>
      </c>
      <c r="Y9286">
        <v>107</v>
      </c>
      <c r="Z9286">
        <v>108</v>
      </c>
      <c r="AA9286">
        <v>109</v>
      </c>
      <c r="AB9286">
        <v>109</v>
      </c>
      <c r="AC9286">
        <v>110</v>
      </c>
      <c r="AD9286">
        <v>111</v>
      </c>
      <c r="AE9286">
        <v>112</v>
      </c>
      <c r="AF9286">
        <v>113</v>
      </c>
      <c r="AG9286">
        <v>114</v>
      </c>
      <c r="AH9286">
        <v>115</v>
      </c>
      <c r="AI9286">
        <v>115</v>
      </c>
      <c r="AJ9286">
        <v>116</v>
      </c>
      <c r="AK9286">
        <v>117</v>
      </c>
      <c r="AL9286">
        <v>117</v>
      </c>
      <c r="AM9286">
        <v>117</v>
      </c>
      <c r="AN9286">
        <v>117</v>
      </c>
      <c r="AO9286">
        <v>116</v>
      </c>
      <c r="AP9286">
        <v>116</v>
      </c>
      <c r="AQ9286">
        <v>116</v>
      </c>
    </row>
    <row r="9287" spans="1:43">
      <c r="A9287" t="s">
        <v>5804</v>
      </c>
      <c r="B9287" t="s">
        <v>5805</v>
      </c>
      <c r="C9287" t="s">
        <v>5740</v>
      </c>
      <c r="D9287" t="s">
        <v>5741</v>
      </c>
      <c r="E9287" t="s">
        <v>5698</v>
      </c>
      <c r="F9287" t="s">
        <v>5699</v>
      </c>
      <c r="G9287" t="s">
        <v>80</v>
      </c>
      <c r="H9287" t="s">
        <v>81</v>
      </c>
      <c r="I9287" s="2">
        <v>0</v>
      </c>
      <c r="J9287" s="2">
        <v>1</v>
      </c>
      <c r="K9287" s="2">
        <v>0</v>
      </c>
      <c r="L9287" t="s">
        <v>82</v>
      </c>
      <c r="M9287" t="s">
        <v>87</v>
      </c>
      <c r="N9287" t="s">
        <v>88</v>
      </c>
      <c r="O9287" t="s">
        <v>85</v>
      </c>
      <c r="P9287" t="s">
        <v>86</v>
      </c>
      <c r="Q9287">
        <v>99</v>
      </c>
      <c r="R9287">
        <v>99</v>
      </c>
      <c r="S9287">
        <v>99</v>
      </c>
      <c r="T9287">
        <v>99</v>
      </c>
      <c r="U9287">
        <v>99</v>
      </c>
      <c r="V9287">
        <v>99</v>
      </c>
      <c r="W9287">
        <v>99</v>
      </c>
      <c r="X9287">
        <v>100</v>
      </c>
      <c r="Y9287">
        <v>100</v>
      </c>
      <c r="Z9287">
        <v>100</v>
      </c>
      <c r="AA9287">
        <v>100</v>
      </c>
      <c r="AB9287">
        <v>100</v>
      </c>
      <c r="AC9287">
        <v>100</v>
      </c>
      <c r="AD9287">
        <v>100</v>
      </c>
      <c r="AE9287">
        <v>100</v>
      </c>
      <c r="AF9287">
        <v>100</v>
      </c>
      <c r="AG9287">
        <v>100</v>
      </c>
      <c r="AH9287">
        <v>100</v>
      </c>
      <c r="AI9287">
        <v>100</v>
      </c>
      <c r="AJ9287">
        <v>101</v>
      </c>
      <c r="AK9287">
        <v>101</v>
      </c>
      <c r="AL9287">
        <v>101</v>
      </c>
      <c r="AM9287">
        <v>101</v>
      </c>
      <c r="AN9287">
        <v>101</v>
      </c>
      <c r="AO9287">
        <v>101</v>
      </c>
      <c r="AP9287">
        <v>101</v>
      </c>
      <c r="AQ9287">
        <v>101</v>
      </c>
    </row>
    <row r="9288" spans="1:43">
      <c r="A9288" t="s">
        <v>5804</v>
      </c>
      <c r="B9288" t="s">
        <v>5805</v>
      </c>
      <c r="C9288" t="s">
        <v>5740</v>
      </c>
      <c r="D9288" t="s">
        <v>5741</v>
      </c>
      <c r="E9288" t="s">
        <v>5698</v>
      </c>
      <c r="F9288" t="s">
        <v>5699</v>
      </c>
      <c r="G9288" t="s">
        <v>80</v>
      </c>
      <c r="H9288" t="s">
        <v>81</v>
      </c>
      <c r="I9288" s="2">
        <v>0</v>
      </c>
      <c r="J9288" s="2">
        <v>1</v>
      </c>
      <c r="K9288" s="2">
        <v>0</v>
      </c>
      <c r="L9288" t="s">
        <v>82</v>
      </c>
      <c r="M9288" t="s">
        <v>89</v>
      </c>
      <c r="N9288" t="s">
        <v>90</v>
      </c>
      <c r="O9288" t="s">
        <v>85</v>
      </c>
      <c r="P9288" t="s">
        <v>86</v>
      </c>
      <c r="Q9288">
        <v>99</v>
      </c>
      <c r="R9288">
        <v>101</v>
      </c>
      <c r="S9288">
        <v>102</v>
      </c>
      <c r="T9288">
        <v>104</v>
      </c>
      <c r="U9288">
        <v>106</v>
      </c>
      <c r="V9288">
        <v>108</v>
      </c>
      <c r="W9288">
        <v>109</v>
      </c>
      <c r="X9288">
        <v>111</v>
      </c>
      <c r="Y9288">
        <v>112</v>
      </c>
      <c r="Z9288">
        <v>113</v>
      </c>
      <c r="AA9288">
        <v>115</v>
      </c>
      <c r="AB9288">
        <v>116</v>
      </c>
      <c r="AC9288">
        <v>117</v>
      </c>
      <c r="AD9288">
        <v>119</v>
      </c>
      <c r="AE9288">
        <v>119</v>
      </c>
      <c r="AF9288">
        <v>119</v>
      </c>
      <c r="AG9288">
        <v>119</v>
      </c>
      <c r="AH9288">
        <v>119</v>
      </c>
      <c r="AI9288">
        <v>118</v>
      </c>
      <c r="AJ9288">
        <v>118</v>
      </c>
      <c r="AK9288">
        <v>118</v>
      </c>
      <c r="AL9288">
        <v>118</v>
      </c>
      <c r="AM9288">
        <v>117</v>
      </c>
      <c r="AN9288">
        <v>117</v>
      </c>
      <c r="AO9288">
        <v>117</v>
      </c>
      <c r="AP9288">
        <v>116</v>
      </c>
      <c r="AQ9288">
        <v>116</v>
      </c>
    </row>
    <row r="9289" spans="1:43">
      <c r="A9289" t="s">
        <v>5804</v>
      </c>
      <c r="B9289" t="s">
        <v>5805</v>
      </c>
      <c r="C9289" t="s">
        <v>5740</v>
      </c>
      <c r="D9289" t="s">
        <v>5741</v>
      </c>
      <c r="E9289" t="s">
        <v>5698</v>
      </c>
      <c r="F9289" t="s">
        <v>5699</v>
      </c>
      <c r="G9289" t="s">
        <v>80</v>
      </c>
      <c r="H9289" t="s">
        <v>81</v>
      </c>
      <c r="I9289" s="2">
        <v>0</v>
      </c>
      <c r="J9289" s="2">
        <v>1</v>
      </c>
      <c r="K9289" s="2">
        <v>0</v>
      </c>
      <c r="L9289" t="s">
        <v>82</v>
      </c>
      <c r="M9289" t="s">
        <v>83</v>
      </c>
      <c r="N9289" t="s">
        <v>91</v>
      </c>
      <c r="O9289" t="s">
        <v>85</v>
      </c>
      <c r="P9289" t="s">
        <v>86</v>
      </c>
      <c r="Q9289">
        <v>99</v>
      </c>
      <c r="R9289">
        <v>100</v>
      </c>
      <c r="S9289">
        <v>101</v>
      </c>
      <c r="T9289">
        <v>102</v>
      </c>
      <c r="U9289">
        <v>103</v>
      </c>
      <c r="V9289">
        <v>104</v>
      </c>
      <c r="W9289">
        <v>105</v>
      </c>
      <c r="X9289">
        <v>106</v>
      </c>
      <c r="Y9289">
        <v>107</v>
      </c>
      <c r="Z9289">
        <v>108</v>
      </c>
      <c r="AA9289">
        <v>109</v>
      </c>
      <c r="AB9289">
        <v>109</v>
      </c>
      <c r="AC9289">
        <v>110</v>
      </c>
      <c r="AD9289">
        <v>111</v>
      </c>
      <c r="AE9289">
        <v>112</v>
      </c>
      <c r="AF9289">
        <v>113</v>
      </c>
      <c r="AG9289">
        <v>114</v>
      </c>
      <c r="AH9289">
        <v>115</v>
      </c>
      <c r="AI9289">
        <v>115</v>
      </c>
      <c r="AJ9289">
        <v>116</v>
      </c>
      <c r="AK9289">
        <v>117</v>
      </c>
      <c r="AL9289">
        <v>117</v>
      </c>
      <c r="AM9289">
        <v>117</v>
      </c>
      <c r="AN9289">
        <v>117</v>
      </c>
      <c r="AO9289">
        <v>116</v>
      </c>
      <c r="AP9289">
        <v>116</v>
      </c>
      <c r="AQ9289">
        <v>116</v>
      </c>
    </row>
    <row r="9290" spans="1:43">
      <c r="A9290" t="s">
        <v>5806</v>
      </c>
      <c r="B9290" t="s">
        <v>5807</v>
      </c>
      <c r="C9290" t="s">
        <v>5796</v>
      </c>
      <c r="D9290" t="s">
        <v>5797</v>
      </c>
      <c r="E9290" t="s">
        <v>5698</v>
      </c>
      <c r="F9290" t="s">
        <v>5699</v>
      </c>
      <c r="G9290" t="s">
        <v>80</v>
      </c>
      <c r="H9290" t="s">
        <v>81</v>
      </c>
      <c r="I9290" s="2">
        <v>0</v>
      </c>
      <c r="J9290" s="2">
        <v>1</v>
      </c>
      <c r="K9290" s="2">
        <v>0</v>
      </c>
      <c r="L9290" t="s">
        <v>82</v>
      </c>
      <c r="M9290" t="s">
        <v>83</v>
      </c>
      <c r="N9290" t="s">
        <v>84</v>
      </c>
      <c r="O9290" t="s">
        <v>85</v>
      </c>
      <c r="P9290" t="s">
        <v>86</v>
      </c>
      <c r="Q9290">
        <v>19</v>
      </c>
      <c r="R9290">
        <v>19</v>
      </c>
      <c r="S9290">
        <v>20</v>
      </c>
      <c r="T9290">
        <v>20</v>
      </c>
      <c r="U9290">
        <v>20</v>
      </c>
      <c r="V9290">
        <v>20</v>
      </c>
      <c r="W9290">
        <v>20</v>
      </c>
      <c r="X9290">
        <v>21</v>
      </c>
      <c r="Y9290">
        <v>21</v>
      </c>
      <c r="Z9290">
        <v>21</v>
      </c>
      <c r="AA9290">
        <v>21</v>
      </c>
      <c r="AB9290">
        <v>21</v>
      </c>
      <c r="AC9290">
        <v>21</v>
      </c>
      <c r="AD9290">
        <v>22</v>
      </c>
      <c r="AE9290">
        <v>22</v>
      </c>
      <c r="AF9290">
        <v>22</v>
      </c>
      <c r="AG9290">
        <v>22</v>
      </c>
      <c r="AH9290">
        <v>22</v>
      </c>
      <c r="AI9290">
        <v>22</v>
      </c>
      <c r="AJ9290">
        <v>23</v>
      </c>
      <c r="AK9290">
        <v>23</v>
      </c>
      <c r="AL9290">
        <v>23</v>
      </c>
      <c r="AM9290">
        <v>23</v>
      </c>
      <c r="AN9290">
        <v>23</v>
      </c>
      <c r="AO9290">
        <v>23</v>
      </c>
      <c r="AP9290">
        <v>23</v>
      </c>
      <c r="AQ9290">
        <v>23</v>
      </c>
    </row>
    <row r="9291" spans="1:43">
      <c r="A9291" t="s">
        <v>5806</v>
      </c>
      <c r="B9291" t="s">
        <v>5807</v>
      </c>
      <c r="C9291" t="s">
        <v>5796</v>
      </c>
      <c r="D9291" t="s">
        <v>5797</v>
      </c>
      <c r="E9291" t="s">
        <v>5698</v>
      </c>
      <c r="F9291" t="s">
        <v>5699</v>
      </c>
      <c r="G9291" t="s">
        <v>80</v>
      </c>
      <c r="H9291" t="s">
        <v>81</v>
      </c>
      <c r="I9291" s="2">
        <v>0</v>
      </c>
      <c r="J9291" s="2">
        <v>1</v>
      </c>
      <c r="K9291" s="2">
        <v>0</v>
      </c>
      <c r="L9291" t="s">
        <v>82</v>
      </c>
      <c r="M9291" t="s">
        <v>87</v>
      </c>
      <c r="N9291" t="s">
        <v>88</v>
      </c>
      <c r="O9291" t="s">
        <v>85</v>
      </c>
      <c r="P9291" t="s">
        <v>86</v>
      </c>
      <c r="Q9291">
        <v>19</v>
      </c>
      <c r="R9291">
        <v>19</v>
      </c>
      <c r="S9291">
        <v>19</v>
      </c>
      <c r="T9291">
        <v>19</v>
      </c>
      <c r="U9291">
        <v>19</v>
      </c>
      <c r="V9291">
        <v>19</v>
      </c>
      <c r="W9291">
        <v>19</v>
      </c>
      <c r="X9291">
        <v>19</v>
      </c>
      <c r="Y9291">
        <v>19</v>
      </c>
      <c r="Z9291">
        <v>19</v>
      </c>
      <c r="AA9291">
        <v>19</v>
      </c>
      <c r="AB9291">
        <v>19</v>
      </c>
      <c r="AC9291">
        <v>19</v>
      </c>
      <c r="AD9291">
        <v>19</v>
      </c>
      <c r="AE9291">
        <v>19</v>
      </c>
      <c r="AF9291">
        <v>19</v>
      </c>
      <c r="AG9291">
        <v>19</v>
      </c>
      <c r="AH9291">
        <v>19</v>
      </c>
      <c r="AI9291">
        <v>19</v>
      </c>
      <c r="AJ9291">
        <v>19</v>
      </c>
      <c r="AK9291">
        <v>19</v>
      </c>
      <c r="AL9291">
        <v>19</v>
      </c>
      <c r="AM9291">
        <v>19</v>
      </c>
      <c r="AN9291">
        <v>19</v>
      </c>
      <c r="AO9291">
        <v>19</v>
      </c>
      <c r="AP9291">
        <v>19</v>
      </c>
      <c r="AQ9291">
        <v>19</v>
      </c>
    </row>
    <row r="9292" spans="1:43">
      <c r="A9292" t="s">
        <v>5806</v>
      </c>
      <c r="B9292" t="s">
        <v>5807</v>
      </c>
      <c r="C9292" t="s">
        <v>5796</v>
      </c>
      <c r="D9292" t="s">
        <v>5797</v>
      </c>
      <c r="E9292" t="s">
        <v>5698</v>
      </c>
      <c r="F9292" t="s">
        <v>5699</v>
      </c>
      <c r="G9292" t="s">
        <v>80</v>
      </c>
      <c r="H9292" t="s">
        <v>81</v>
      </c>
      <c r="I9292" s="2">
        <v>0</v>
      </c>
      <c r="J9292" s="2">
        <v>1</v>
      </c>
      <c r="K9292" s="2">
        <v>0</v>
      </c>
      <c r="L9292" t="s">
        <v>82</v>
      </c>
      <c r="M9292" t="s">
        <v>89</v>
      </c>
      <c r="N9292" t="s">
        <v>90</v>
      </c>
      <c r="O9292" t="s">
        <v>85</v>
      </c>
      <c r="P9292" t="s">
        <v>86</v>
      </c>
      <c r="Q9292">
        <v>19</v>
      </c>
      <c r="R9292">
        <v>20</v>
      </c>
      <c r="S9292">
        <v>20</v>
      </c>
      <c r="T9292">
        <v>20</v>
      </c>
      <c r="U9292">
        <v>21</v>
      </c>
      <c r="V9292">
        <v>21</v>
      </c>
      <c r="W9292">
        <v>21</v>
      </c>
      <c r="X9292">
        <v>22</v>
      </c>
      <c r="Y9292">
        <v>22</v>
      </c>
      <c r="Z9292">
        <v>22</v>
      </c>
      <c r="AA9292">
        <v>23</v>
      </c>
      <c r="AB9292">
        <v>23</v>
      </c>
      <c r="AC9292">
        <v>23</v>
      </c>
      <c r="AD9292">
        <v>23</v>
      </c>
      <c r="AE9292">
        <v>23</v>
      </c>
      <c r="AF9292">
        <v>23</v>
      </c>
      <c r="AG9292">
        <v>23</v>
      </c>
      <c r="AH9292">
        <v>23</v>
      </c>
      <c r="AI9292">
        <v>23</v>
      </c>
      <c r="AJ9292">
        <v>23</v>
      </c>
      <c r="AK9292">
        <v>23</v>
      </c>
      <c r="AL9292">
        <v>23</v>
      </c>
      <c r="AM9292">
        <v>23</v>
      </c>
      <c r="AN9292">
        <v>23</v>
      </c>
      <c r="AO9292">
        <v>23</v>
      </c>
      <c r="AP9292">
        <v>23</v>
      </c>
      <c r="AQ9292">
        <v>23</v>
      </c>
    </row>
    <row r="9293" spans="1:43">
      <c r="A9293" t="s">
        <v>5806</v>
      </c>
      <c r="B9293" t="s">
        <v>5807</v>
      </c>
      <c r="C9293" t="s">
        <v>5796</v>
      </c>
      <c r="D9293" t="s">
        <v>5797</v>
      </c>
      <c r="E9293" t="s">
        <v>5698</v>
      </c>
      <c r="F9293" t="s">
        <v>5699</v>
      </c>
      <c r="G9293" t="s">
        <v>80</v>
      </c>
      <c r="H9293" t="s">
        <v>81</v>
      </c>
      <c r="I9293" s="2">
        <v>0</v>
      </c>
      <c r="J9293" s="2">
        <v>1</v>
      </c>
      <c r="K9293" s="2">
        <v>0</v>
      </c>
      <c r="L9293" t="s">
        <v>82</v>
      </c>
      <c r="M9293" t="s">
        <v>83</v>
      </c>
      <c r="N9293" t="s">
        <v>91</v>
      </c>
      <c r="O9293" t="s">
        <v>85</v>
      </c>
      <c r="P9293" t="s">
        <v>86</v>
      </c>
      <c r="Q9293">
        <v>19</v>
      </c>
      <c r="R9293">
        <v>19</v>
      </c>
      <c r="S9293">
        <v>20</v>
      </c>
      <c r="T9293">
        <v>20</v>
      </c>
      <c r="U9293">
        <v>20</v>
      </c>
      <c r="V9293">
        <v>20</v>
      </c>
      <c r="W9293">
        <v>20</v>
      </c>
      <c r="X9293">
        <v>21</v>
      </c>
      <c r="Y9293">
        <v>21</v>
      </c>
      <c r="Z9293">
        <v>21</v>
      </c>
      <c r="AA9293">
        <v>21</v>
      </c>
      <c r="AB9293">
        <v>21</v>
      </c>
      <c r="AC9293">
        <v>21</v>
      </c>
      <c r="AD9293">
        <v>22</v>
      </c>
      <c r="AE9293">
        <v>22</v>
      </c>
      <c r="AF9293">
        <v>22</v>
      </c>
      <c r="AG9293">
        <v>22</v>
      </c>
      <c r="AH9293">
        <v>22</v>
      </c>
      <c r="AI9293">
        <v>22</v>
      </c>
      <c r="AJ9293">
        <v>23</v>
      </c>
      <c r="AK9293">
        <v>23</v>
      </c>
      <c r="AL9293">
        <v>23</v>
      </c>
      <c r="AM9293">
        <v>23</v>
      </c>
      <c r="AN9293">
        <v>23</v>
      </c>
      <c r="AO9293">
        <v>23</v>
      </c>
      <c r="AP9293">
        <v>23</v>
      </c>
      <c r="AQ9293">
        <v>23</v>
      </c>
    </row>
    <row r="9294" spans="1:43">
      <c r="A9294" t="s">
        <v>5808</v>
      </c>
      <c r="B9294" t="s">
        <v>5809</v>
      </c>
      <c r="C9294" t="s">
        <v>5722</v>
      </c>
      <c r="D9294" t="s">
        <v>5723</v>
      </c>
      <c r="E9294" t="s">
        <v>5698</v>
      </c>
      <c r="F9294" t="s">
        <v>5699</v>
      </c>
      <c r="G9294" t="s">
        <v>80</v>
      </c>
      <c r="H9294" t="s">
        <v>81</v>
      </c>
      <c r="I9294" s="2">
        <v>0</v>
      </c>
      <c r="J9294" s="2">
        <v>1</v>
      </c>
      <c r="K9294" s="2">
        <v>0</v>
      </c>
      <c r="L9294" t="s">
        <v>82</v>
      </c>
      <c r="M9294" t="s">
        <v>83</v>
      </c>
      <c r="N9294" t="s">
        <v>84</v>
      </c>
      <c r="O9294" t="s">
        <v>85</v>
      </c>
      <c r="P9294" t="s">
        <v>86</v>
      </c>
      <c r="Q9294">
        <v>25</v>
      </c>
      <c r="R9294">
        <v>25</v>
      </c>
      <c r="S9294">
        <v>25</v>
      </c>
      <c r="T9294">
        <v>26</v>
      </c>
      <c r="U9294">
        <v>26</v>
      </c>
      <c r="V9294">
        <v>26</v>
      </c>
      <c r="W9294">
        <v>26</v>
      </c>
      <c r="X9294">
        <v>27</v>
      </c>
      <c r="Y9294">
        <v>27</v>
      </c>
      <c r="Z9294">
        <v>27</v>
      </c>
      <c r="AA9294">
        <v>27</v>
      </c>
      <c r="AB9294">
        <v>28</v>
      </c>
      <c r="AC9294">
        <v>28</v>
      </c>
      <c r="AD9294">
        <v>28</v>
      </c>
      <c r="AE9294">
        <v>28</v>
      </c>
      <c r="AF9294">
        <v>28</v>
      </c>
      <c r="AG9294">
        <v>29</v>
      </c>
      <c r="AH9294">
        <v>29</v>
      </c>
      <c r="AI9294">
        <v>29</v>
      </c>
      <c r="AJ9294">
        <v>29</v>
      </c>
      <c r="AK9294">
        <v>29</v>
      </c>
      <c r="AL9294">
        <v>29</v>
      </c>
      <c r="AM9294">
        <v>29</v>
      </c>
      <c r="AN9294">
        <v>29</v>
      </c>
      <c r="AO9294">
        <v>29</v>
      </c>
      <c r="AP9294">
        <v>29</v>
      </c>
      <c r="AQ9294">
        <v>29</v>
      </c>
    </row>
    <row r="9295" spans="1:43">
      <c r="A9295" t="s">
        <v>5808</v>
      </c>
      <c r="B9295" t="s">
        <v>5809</v>
      </c>
      <c r="C9295" t="s">
        <v>5722</v>
      </c>
      <c r="D9295" t="s">
        <v>5723</v>
      </c>
      <c r="E9295" t="s">
        <v>5698</v>
      </c>
      <c r="F9295" t="s">
        <v>5699</v>
      </c>
      <c r="G9295" t="s">
        <v>80</v>
      </c>
      <c r="H9295" t="s">
        <v>81</v>
      </c>
      <c r="I9295" s="2">
        <v>0</v>
      </c>
      <c r="J9295" s="2">
        <v>1</v>
      </c>
      <c r="K9295" s="2">
        <v>0</v>
      </c>
      <c r="L9295" t="s">
        <v>82</v>
      </c>
      <c r="M9295" t="s">
        <v>87</v>
      </c>
      <c r="N9295" t="s">
        <v>88</v>
      </c>
      <c r="O9295" t="s">
        <v>85</v>
      </c>
      <c r="P9295" t="s">
        <v>86</v>
      </c>
      <c r="Q9295">
        <v>25</v>
      </c>
      <c r="R9295">
        <v>26</v>
      </c>
      <c r="S9295">
        <v>26</v>
      </c>
      <c r="T9295">
        <v>26</v>
      </c>
      <c r="U9295">
        <v>26</v>
      </c>
      <c r="V9295">
        <v>26</v>
      </c>
      <c r="W9295">
        <v>26</v>
      </c>
      <c r="X9295">
        <v>26</v>
      </c>
      <c r="Y9295">
        <v>26</v>
      </c>
      <c r="Z9295">
        <v>26</v>
      </c>
      <c r="AA9295">
        <v>26</v>
      </c>
      <c r="AB9295">
        <v>26</v>
      </c>
      <c r="AC9295">
        <v>26</v>
      </c>
      <c r="AD9295">
        <v>26</v>
      </c>
      <c r="AE9295">
        <v>26</v>
      </c>
      <c r="AF9295">
        <v>26</v>
      </c>
      <c r="AG9295">
        <v>26</v>
      </c>
      <c r="AH9295">
        <v>26</v>
      </c>
      <c r="AI9295">
        <v>26</v>
      </c>
      <c r="AJ9295">
        <v>26</v>
      </c>
      <c r="AK9295">
        <v>26</v>
      </c>
      <c r="AL9295">
        <v>26</v>
      </c>
      <c r="AM9295">
        <v>26</v>
      </c>
      <c r="AN9295">
        <v>26</v>
      </c>
      <c r="AO9295">
        <v>26</v>
      </c>
      <c r="AP9295">
        <v>26</v>
      </c>
      <c r="AQ9295">
        <v>26</v>
      </c>
    </row>
    <row r="9296" spans="1:43">
      <c r="A9296" t="s">
        <v>5808</v>
      </c>
      <c r="B9296" t="s">
        <v>5809</v>
      </c>
      <c r="C9296" t="s">
        <v>5722</v>
      </c>
      <c r="D9296" t="s">
        <v>5723</v>
      </c>
      <c r="E9296" t="s">
        <v>5698</v>
      </c>
      <c r="F9296" t="s">
        <v>5699</v>
      </c>
      <c r="G9296" t="s">
        <v>80</v>
      </c>
      <c r="H9296" t="s">
        <v>81</v>
      </c>
      <c r="I9296" s="2">
        <v>0</v>
      </c>
      <c r="J9296" s="2">
        <v>1</v>
      </c>
      <c r="K9296" s="2">
        <v>0</v>
      </c>
      <c r="L9296" t="s">
        <v>82</v>
      </c>
      <c r="M9296" t="s">
        <v>89</v>
      </c>
      <c r="N9296" t="s">
        <v>90</v>
      </c>
      <c r="O9296" t="s">
        <v>85</v>
      </c>
      <c r="P9296" t="s">
        <v>86</v>
      </c>
      <c r="Q9296">
        <v>25</v>
      </c>
      <c r="R9296">
        <v>25</v>
      </c>
      <c r="S9296">
        <v>26</v>
      </c>
      <c r="T9296">
        <v>26</v>
      </c>
      <c r="U9296">
        <v>27</v>
      </c>
      <c r="V9296">
        <v>27</v>
      </c>
      <c r="W9296">
        <v>28</v>
      </c>
      <c r="X9296">
        <v>28</v>
      </c>
      <c r="Y9296">
        <v>28</v>
      </c>
      <c r="Z9296">
        <v>29</v>
      </c>
      <c r="AA9296">
        <v>29</v>
      </c>
      <c r="AB9296">
        <v>29</v>
      </c>
      <c r="AC9296">
        <v>30</v>
      </c>
      <c r="AD9296">
        <v>30</v>
      </c>
      <c r="AE9296">
        <v>30</v>
      </c>
      <c r="AF9296">
        <v>30</v>
      </c>
      <c r="AG9296">
        <v>30</v>
      </c>
      <c r="AH9296">
        <v>30</v>
      </c>
      <c r="AI9296">
        <v>30</v>
      </c>
      <c r="AJ9296">
        <v>30</v>
      </c>
      <c r="AK9296">
        <v>30</v>
      </c>
      <c r="AL9296">
        <v>30</v>
      </c>
      <c r="AM9296">
        <v>30</v>
      </c>
      <c r="AN9296">
        <v>30</v>
      </c>
      <c r="AO9296">
        <v>30</v>
      </c>
      <c r="AP9296">
        <v>30</v>
      </c>
      <c r="AQ9296">
        <v>30</v>
      </c>
    </row>
    <row r="9297" spans="1:43">
      <c r="A9297" t="s">
        <v>5808</v>
      </c>
      <c r="B9297" t="s">
        <v>5809</v>
      </c>
      <c r="C9297" t="s">
        <v>5722</v>
      </c>
      <c r="D9297" t="s">
        <v>5723</v>
      </c>
      <c r="E9297" t="s">
        <v>5698</v>
      </c>
      <c r="F9297" t="s">
        <v>5699</v>
      </c>
      <c r="G9297" t="s">
        <v>80</v>
      </c>
      <c r="H9297" t="s">
        <v>81</v>
      </c>
      <c r="I9297" s="2">
        <v>0</v>
      </c>
      <c r="J9297" s="2">
        <v>1</v>
      </c>
      <c r="K9297" s="2">
        <v>0</v>
      </c>
      <c r="L9297" t="s">
        <v>82</v>
      </c>
      <c r="M9297" t="s">
        <v>83</v>
      </c>
      <c r="N9297" t="s">
        <v>91</v>
      </c>
      <c r="O9297" t="s">
        <v>85</v>
      </c>
      <c r="P9297" t="s">
        <v>86</v>
      </c>
      <c r="Q9297">
        <v>25</v>
      </c>
      <c r="R9297">
        <v>25</v>
      </c>
      <c r="S9297">
        <v>25</v>
      </c>
      <c r="T9297">
        <v>26</v>
      </c>
      <c r="U9297">
        <v>26</v>
      </c>
      <c r="V9297">
        <v>26</v>
      </c>
      <c r="W9297">
        <v>26</v>
      </c>
      <c r="X9297">
        <v>27</v>
      </c>
      <c r="Y9297">
        <v>27</v>
      </c>
      <c r="Z9297">
        <v>27</v>
      </c>
      <c r="AA9297">
        <v>27</v>
      </c>
      <c r="AB9297">
        <v>28</v>
      </c>
      <c r="AC9297">
        <v>28</v>
      </c>
      <c r="AD9297">
        <v>28</v>
      </c>
      <c r="AE9297">
        <v>28</v>
      </c>
      <c r="AF9297">
        <v>28</v>
      </c>
      <c r="AG9297">
        <v>29</v>
      </c>
      <c r="AH9297">
        <v>29</v>
      </c>
      <c r="AI9297">
        <v>29</v>
      </c>
      <c r="AJ9297">
        <v>29</v>
      </c>
      <c r="AK9297">
        <v>29</v>
      </c>
      <c r="AL9297">
        <v>29</v>
      </c>
      <c r="AM9297">
        <v>29</v>
      </c>
      <c r="AN9297">
        <v>29</v>
      </c>
      <c r="AO9297">
        <v>29</v>
      </c>
      <c r="AP9297">
        <v>29</v>
      </c>
      <c r="AQ9297">
        <v>29</v>
      </c>
    </row>
    <row r="9298" spans="1:43">
      <c r="A9298" t="s">
        <v>5810</v>
      </c>
      <c r="B9298" t="s">
        <v>5811</v>
      </c>
      <c r="C9298" t="s">
        <v>5716</v>
      </c>
      <c r="D9298" t="s">
        <v>5717</v>
      </c>
      <c r="E9298" t="s">
        <v>5698</v>
      </c>
      <c r="F9298" t="s">
        <v>5699</v>
      </c>
      <c r="G9298" t="s">
        <v>80</v>
      </c>
      <c r="H9298" t="s">
        <v>81</v>
      </c>
      <c r="I9298" s="2">
        <v>0</v>
      </c>
      <c r="J9298" s="2">
        <v>1</v>
      </c>
      <c r="K9298" s="2">
        <v>0</v>
      </c>
      <c r="L9298" t="s">
        <v>82</v>
      </c>
      <c r="M9298" t="s">
        <v>83</v>
      </c>
      <c r="N9298" t="s">
        <v>84</v>
      </c>
      <c r="O9298" t="s">
        <v>85</v>
      </c>
      <c r="P9298" t="s">
        <v>86</v>
      </c>
      <c r="Q9298">
        <v>277</v>
      </c>
      <c r="R9298">
        <v>280</v>
      </c>
      <c r="S9298">
        <v>283</v>
      </c>
      <c r="T9298">
        <v>286</v>
      </c>
      <c r="U9298">
        <v>289</v>
      </c>
      <c r="V9298">
        <v>292</v>
      </c>
      <c r="W9298">
        <v>295</v>
      </c>
      <c r="X9298">
        <v>298</v>
      </c>
      <c r="Y9298">
        <v>300</v>
      </c>
      <c r="Z9298">
        <v>303</v>
      </c>
      <c r="AA9298">
        <v>306</v>
      </c>
      <c r="AB9298">
        <v>309</v>
      </c>
      <c r="AC9298">
        <v>311</v>
      </c>
      <c r="AD9298">
        <v>314</v>
      </c>
      <c r="AE9298">
        <v>317</v>
      </c>
      <c r="AF9298">
        <v>319</v>
      </c>
      <c r="AG9298">
        <v>321</v>
      </c>
      <c r="AH9298">
        <v>324</v>
      </c>
      <c r="AI9298">
        <v>326</v>
      </c>
      <c r="AJ9298">
        <v>329</v>
      </c>
      <c r="AK9298">
        <v>331</v>
      </c>
      <c r="AL9298">
        <v>332</v>
      </c>
      <c r="AM9298">
        <v>331</v>
      </c>
      <c r="AN9298">
        <v>331</v>
      </c>
      <c r="AO9298">
        <v>330</v>
      </c>
      <c r="AP9298">
        <v>330</v>
      </c>
      <c r="AQ9298">
        <v>330</v>
      </c>
    </row>
    <row r="9299" spans="1:43">
      <c r="A9299" t="s">
        <v>5810</v>
      </c>
      <c r="B9299" t="s">
        <v>5811</v>
      </c>
      <c r="C9299" t="s">
        <v>5716</v>
      </c>
      <c r="D9299" t="s">
        <v>5717</v>
      </c>
      <c r="E9299" t="s">
        <v>5698</v>
      </c>
      <c r="F9299" t="s">
        <v>5699</v>
      </c>
      <c r="G9299" t="s">
        <v>80</v>
      </c>
      <c r="H9299" t="s">
        <v>81</v>
      </c>
      <c r="I9299" s="2">
        <v>0</v>
      </c>
      <c r="J9299" s="2">
        <v>1</v>
      </c>
      <c r="K9299" s="2">
        <v>0</v>
      </c>
      <c r="L9299" t="s">
        <v>82</v>
      </c>
      <c r="M9299" t="s">
        <v>87</v>
      </c>
      <c r="N9299" t="s">
        <v>88</v>
      </c>
      <c r="O9299" t="s">
        <v>85</v>
      </c>
      <c r="P9299" t="s">
        <v>86</v>
      </c>
      <c r="Q9299">
        <v>277</v>
      </c>
      <c r="R9299">
        <v>277</v>
      </c>
      <c r="S9299">
        <v>278</v>
      </c>
      <c r="T9299">
        <v>278</v>
      </c>
      <c r="U9299">
        <v>279</v>
      </c>
      <c r="V9299">
        <v>279</v>
      </c>
      <c r="W9299">
        <v>280</v>
      </c>
      <c r="X9299">
        <v>280</v>
      </c>
      <c r="Y9299">
        <v>281</v>
      </c>
      <c r="Z9299">
        <v>281</v>
      </c>
      <c r="AA9299">
        <v>282</v>
      </c>
      <c r="AB9299">
        <v>282</v>
      </c>
      <c r="AC9299">
        <v>283</v>
      </c>
      <c r="AD9299">
        <v>283</v>
      </c>
      <c r="AE9299">
        <v>283</v>
      </c>
      <c r="AF9299">
        <v>284</v>
      </c>
      <c r="AG9299">
        <v>284</v>
      </c>
      <c r="AH9299">
        <v>285</v>
      </c>
      <c r="AI9299">
        <v>285</v>
      </c>
      <c r="AJ9299">
        <v>286</v>
      </c>
      <c r="AK9299">
        <v>286</v>
      </c>
      <c r="AL9299">
        <v>286</v>
      </c>
      <c r="AM9299">
        <v>287</v>
      </c>
      <c r="AN9299">
        <v>287</v>
      </c>
      <c r="AO9299">
        <v>288</v>
      </c>
      <c r="AP9299">
        <v>288</v>
      </c>
      <c r="AQ9299">
        <v>288</v>
      </c>
    </row>
    <row r="9300" spans="1:43">
      <c r="A9300" t="s">
        <v>5810</v>
      </c>
      <c r="B9300" t="s">
        <v>5811</v>
      </c>
      <c r="C9300" t="s">
        <v>5716</v>
      </c>
      <c r="D9300" t="s">
        <v>5717</v>
      </c>
      <c r="E9300" t="s">
        <v>5698</v>
      </c>
      <c r="F9300" t="s">
        <v>5699</v>
      </c>
      <c r="G9300" t="s">
        <v>80</v>
      </c>
      <c r="H9300" t="s">
        <v>81</v>
      </c>
      <c r="I9300" s="2">
        <v>0</v>
      </c>
      <c r="J9300" s="2">
        <v>1</v>
      </c>
      <c r="K9300" s="2">
        <v>0</v>
      </c>
      <c r="L9300" t="s">
        <v>82</v>
      </c>
      <c r="M9300" t="s">
        <v>89</v>
      </c>
      <c r="N9300" t="s">
        <v>90</v>
      </c>
      <c r="O9300" t="s">
        <v>85</v>
      </c>
      <c r="P9300" t="s">
        <v>86</v>
      </c>
      <c r="Q9300">
        <v>277</v>
      </c>
      <c r="R9300">
        <v>283</v>
      </c>
      <c r="S9300">
        <v>288</v>
      </c>
      <c r="T9300">
        <v>293</v>
      </c>
      <c r="U9300">
        <v>298</v>
      </c>
      <c r="V9300">
        <v>303</v>
      </c>
      <c r="W9300">
        <v>308</v>
      </c>
      <c r="X9300">
        <v>312</v>
      </c>
      <c r="Y9300">
        <v>316</v>
      </c>
      <c r="Z9300">
        <v>320</v>
      </c>
      <c r="AA9300">
        <v>324</v>
      </c>
      <c r="AB9300">
        <v>327</v>
      </c>
      <c r="AC9300">
        <v>331</v>
      </c>
      <c r="AD9300">
        <v>335</v>
      </c>
      <c r="AE9300">
        <v>337</v>
      </c>
      <c r="AF9300">
        <v>337</v>
      </c>
      <c r="AG9300">
        <v>336</v>
      </c>
      <c r="AH9300">
        <v>336</v>
      </c>
      <c r="AI9300">
        <v>336</v>
      </c>
      <c r="AJ9300">
        <v>335</v>
      </c>
      <c r="AK9300">
        <v>335</v>
      </c>
      <c r="AL9300">
        <v>334</v>
      </c>
      <c r="AM9300">
        <v>334</v>
      </c>
      <c r="AN9300">
        <v>333</v>
      </c>
      <c r="AO9300">
        <v>333</v>
      </c>
      <c r="AP9300">
        <v>332</v>
      </c>
      <c r="AQ9300">
        <v>332</v>
      </c>
    </row>
    <row r="9301" spans="1:43">
      <c r="A9301" t="s">
        <v>5810</v>
      </c>
      <c r="B9301" t="s">
        <v>5811</v>
      </c>
      <c r="C9301" t="s">
        <v>5716</v>
      </c>
      <c r="D9301" t="s">
        <v>5717</v>
      </c>
      <c r="E9301" t="s">
        <v>5698</v>
      </c>
      <c r="F9301" t="s">
        <v>5699</v>
      </c>
      <c r="G9301" t="s">
        <v>80</v>
      </c>
      <c r="H9301" t="s">
        <v>81</v>
      </c>
      <c r="I9301" s="2">
        <v>0</v>
      </c>
      <c r="J9301" s="2">
        <v>1</v>
      </c>
      <c r="K9301" s="2">
        <v>0</v>
      </c>
      <c r="L9301" t="s">
        <v>82</v>
      </c>
      <c r="M9301" t="s">
        <v>83</v>
      </c>
      <c r="N9301" t="s">
        <v>91</v>
      </c>
      <c r="O9301" t="s">
        <v>85</v>
      </c>
      <c r="P9301" t="s">
        <v>86</v>
      </c>
      <c r="Q9301">
        <v>277</v>
      </c>
      <c r="R9301">
        <v>280</v>
      </c>
      <c r="S9301">
        <v>283</v>
      </c>
      <c r="T9301">
        <v>286</v>
      </c>
      <c r="U9301">
        <v>289</v>
      </c>
      <c r="V9301">
        <v>292</v>
      </c>
      <c r="W9301">
        <v>295</v>
      </c>
      <c r="X9301">
        <v>298</v>
      </c>
      <c r="Y9301">
        <v>300</v>
      </c>
      <c r="Z9301">
        <v>303</v>
      </c>
      <c r="AA9301">
        <v>306</v>
      </c>
      <c r="AB9301">
        <v>309</v>
      </c>
      <c r="AC9301">
        <v>311</v>
      </c>
      <c r="AD9301">
        <v>314</v>
      </c>
      <c r="AE9301">
        <v>317</v>
      </c>
      <c r="AF9301">
        <v>319</v>
      </c>
      <c r="AG9301">
        <v>321</v>
      </c>
      <c r="AH9301">
        <v>324</v>
      </c>
      <c r="AI9301">
        <v>326</v>
      </c>
      <c r="AJ9301">
        <v>329</v>
      </c>
      <c r="AK9301">
        <v>331</v>
      </c>
      <c r="AL9301">
        <v>332</v>
      </c>
      <c r="AM9301">
        <v>331</v>
      </c>
      <c r="AN9301">
        <v>331</v>
      </c>
      <c r="AO9301">
        <v>330</v>
      </c>
      <c r="AP9301">
        <v>330</v>
      </c>
      <c r="AQ9301">
        <v>330</v>
      </c>
    </row>
    <row r="9302" spans="1:43">
      <c r="A9302" t="s">
        <v>5812</v>
      </c>
      <c r="B9302" t="s">
        <v>5813</v>
      </c>
      <c r="C9302" t="s">
        <v>5716</v>
      </c>
      <c r="D9302" t="s">
        <v>5717</v>
      </c>
      <c r="E9302" t="s">
        <v>5698</v>
      </c>
      <c r="F9302" t="s">
        <v>5699</v>
      </c>
      <c r="G9302" t="s">
        <v>80</v>
      </c>
      <c r="H9302" t="s">
        <v>81</v>
      </c>
      <c r="I9302" s="2">
        <v>0</v>
      </c>
      <c r="J9302" s="2">
        <v>1</v>
      </c>
      <c r="K9302" s="2">
        <v>0</v>
      </c>
      <c r="L9302" t="s">
        <v>82</v>
      </c>
      <c r="M9302" t="s">
        <v>83</v>
      </c>
      <c r="N9302" t="s">
        <v>84</v>
      </c>
      <c r="O9302" t="s">
        <v>85</v>
      </c>
      <c r="P9302" t="s">
        <v>86</v>
      </c>
      <c r="Q9302">
        <v>158</v>
      </c>
      <c r="R9302">
        <v>160</v>
      </c>
      <c r="S9302">
        <v>162</v>
      </c>
      <c r="T9302">
        <v>163</v>
      </c>
      <c r="U9302">
        <v>165</v>
      </c>
      <c r="V9302">
        <v>167</v>
      </c>
      <c r="W9302">
        <v>168</v>
      </c>
      <c r="X9302">
        <v>170</v>
      </c>
      <c r="Y9302">
        <v>171</v>
      </c>
      <c r="Z9302">
        <v>173</v>
      </c>
      <c r="AA9302">
        <v>174</v>
      </c>
      <c r="AB9302">
        <v>176</v>
      </c>
      <c r="AC9302">
        <v>177</v>
      </c>
      <c r="AD9302">
        <v>179</v>
      </c>
      <c r="AE9302">
        <v>180</v>
      </c>
      <c r="AF9302">
        <v>181</v>
      </c>
      <c r="AG9302">
        <v>183</v>
      </c>
      <c r="AH9302">
        <v>184</v>
      </c>
      <c r="AI9302">
        <v>185</v>
      </c>
      <c r="AJ9302">
        <v>187</v>
      </c>
      <c r="AK9302">
        <v>188</v>
      </c>
      <c r="AL9302">
        <v>188</v>
      </c>
      <c r="AM9302">
        <v>188</v>
      </c>
      <c r="AN9302">
        <v>187</v>
      </c>
      <c r="AO9302">
        <v>187</v>
      </c>
      <c r="AP9302">
        <v>187</v>
      </c>
      <c r="AQ9302">
        <v>186</v>
      </c>
    </row>
    <row r="9303" spans="1:43">
      <c r="A9303" t="s">
        <v>5812</v>
      </c>
      <c r="B9303" t="s">
        <v>5813</v>
      </c>
      <c r="C9303" t="s">
        <v>5716</v>
      </c>
      <c r="D9303" t="s">
        <v>5717</v>
      </c>
      <c r="E9303" t="s">
        <v>5698</v>
      </c>
      <c r="F9303" t="s">
        <v>5699</v>
      </c>
      <c r="G9303" t="s">
        <v>80</v>
      </c>
      <c r="H9303" t="s">
        <v>81</v>
      </c>
      <c r="I9303" s="2">
        <v>0</v>
      </c>
      <c r="J9303" s="2">
        <v>1</v>
      </c>
      <c r="K9303" s="2">
        <v>0</v>
      </c>
      <c r="L9303" t="s">
        <v>82</v>
      </c>
      <c r="M9303" t="s">
        <v>87</v>
      </c>
      <c r="N9303" t="s">
        <v>88</v>
      </c>
      <c r="O9303" t="s">
        <v>85</v>
      </c>
      <c r="P9303" t="s">
        <v>86</v>
      </c>
      <c r="Q9303">
        <v>158</v>
      </c>
      <c r="R9303">
        <v>158</v>
      </c>
      <c r="S9303">
        <v>158</v>
      </c>
      <c r="T9303">
        <v>158</v>
      </c>
      <c r="U9303">
        <v>159</v>
      </c>
      <c r="V9303">
        <v>159</v>
      </c>
      <c r="W9303">
        <v>159</v>
      </c>
      <c r="X9303">
        <v>159</v>
      </c>
      <c r="Y9303">
        <v>159</v>
      </c>
      <c r="Z9303">
        <v>160</v>
      </c>
      <c r="AA9303">
        <v>160</v>
      </c>
      <c r="AB9303">
        <v>160</v>
      </c>
      <c r="AC9303">
        <v>160</v>
      </c>
      <c r="AD9303">
        <v>160</v>
      </c>
      <c r="AE9303">
        <v>160</v>
      </c>
      <c r="AF9303">
        <v>160</v>
      </c>
      <c r="AG9303">
        <v>161</v>
      </c>
      <c r="AH9303">
        <v>161</v>
      </c>
      <c r="AI9303">
        <v>161</v>
      </c>
      <c r="AJ9303">
        <v>161</v>
      </c>
      <c r="AK9303">
        <v>161</v>
      </c>
      <c r="AL9303">
        <v>161</v>
      </c>
      <c r="AM9303">
        <v>161</v>
      </c>
      <c r="AN9303">
        <v>162</v>
      </c>
      <c r="AO9303">
        <v>162</v>
      </c>
      <c r="AP9303">
        <v>162</v>
      </c>
      <c r="AQ9303">
        <v>162</v>
      </c>
    </row>
    <row r="9304" spans="1:43">
      <c r="A9304" t="s">
        <v>5812</v>
      </c>
      <c r="B9304" t="s">
        <v>5813</v>
      </c>
      <c r="C9304" t="s">
        <v>5716</v>
      </c>
      <c r="D9304" t="s">
        <v>5717</v>
      </c>
      <c r="E9304" t="s">
        <v>5698</v>
      </c>
      <c r="F9304" t="s">
        <v>5699</v>
      </c>
      <c r="G9304" t="s">
        <v>80</v>
      </c>
      <c r="H9304" t="s">
        <v>81</v>
      </c>
      <c r="I9304" s="2">
        <v>0</v>
      </c>
      <c r="J9304" s="2">
        <v>1</v>
      </c>
      <c r="K9304" s="2">
        <v>0</v>
      </c>
      <c r="L9304" t="s">
        <v>82</v>
      </c>
      <c r="M9304" t="s">
        <v>89</v>
      </c>
      <c r="N9304" t="s">
        <v>90</v>
      </c>
      <c r="O9304" t="s">
        <v>85</v>
      </c>
      <c r="P9304" t="s">
        <v>86</v>
      </c>
      <c r="Q9304">
        <v>158</v>
      </c>
      <c r="R9304">
        <v>161</v>
      </c>
      <c r="S9304">
        <v>164</v>
      </c>
      <c r="T9304">
        <v>167</v>
      </c>
      <c r="U9304">
        <v>169</v>
      </c>
      <c r="V9304">
        <v>172</v>
      </c>
      <c r="W9304">
        <v>175</v>
      </c>
      <c r="X9304">
        <v>177</v>
      </c>
      <c r="Y9304">
        <v>179</v>
      </c>
      <c r="Z9304">
        <v>182</v>
      </c>
      <c r="AA9304">
        <v>184</v>
      </c>
      <c r="AB9304">
        <v>186</v>
      </c>
      <c r="AC9304">
        <v>188</v>
      </c>
      <c r="AD9304">
        <v>190</v>
      </c>
      <c r="AE9304">
        <v>191</v>
      </c>
      <c r="AF9304">
        <v>191</v>
      </c>
      <c r="AG9304">
        <v>190</v>
      </c>
      <c r="AH9304">
        <v>190</v>
      </c>
      <c r="AI9304">
        <v>190</v>
      </c>
      <c r="AJ9304">
        <v>189</v>
      </c>
      <c r="AK9304">
        <v>189</v>
      </c>
      <c r="AL9304">
        <v>188</v>
      </c>
      <c r="AM9304">
        <v>188</v>
      </c>
      <c r="AN9304">
        <v>187</v>
      </c>
      <c r="AO9304">
        <v>187</v>
      </c>
      <c r="AP9304">
        <v>187</v>
      </c>
      <c r="AQ9304">
        <v>186</v>
      </c>
    </row>
    <row r="9305" spans="1:43">
      <c r="A9305" t="s">
        <v>5812</v>
      </c>
      <c r="B9305" t="s">
        <v>5813</v>
      </c>
      <c r="C9305" t="s">
        <v>5716</v>
      </c>
      <c r="D9305" t="s">
        <v>5717</v>
      </c>
      <c r="E9305" t="s">
        <v>5698</v>
      </c>
      <c r="F9305" t="s">
        <v>5699</v>
      </c>
      <c r="G9305" t="s">
        <v>80</v>
      </c>
      <c r="H9305" t="s">
        <v>81</v>
      </c>
      <c r="I9305" s="2">
        <v>0</v>
      </c>
      <c r="J9305" s="2">
        <v>1</v>
      </c>
      <c r="K9305" s="2">
        <v>0</v>
      </c>
      <c r="L9305" t="s">
        <v>82</v>
      </c>
      <c r="M9305" t="s">
        <v>83</v>
      </c>
      <c r="N9305" t="s">
        <v>91</v>
      </c>
      <c r="O9305" t="s">
        <v>85</v>
      </c>
      <c r="P9305" t="s">
        <v>86</v>
      </c>
      <c r="Q9305">
        <v>158</v>
      </c>
      <c r="R9305">
        <v>160</v>
      </c>
      <c r="S9305">
        <v>162</v>
      </c>
      <c r="T9305">
        <v>163</v>
      </c>
      <c r="U9305">
        <v>165</v>
      </c>
      <c r="V9305">
        <v>167</v>
      </c>
      <c r="W9305">
        <v>168</v>
      </c>
      <c r="X9305">
        <v>170</v>
      </c>
      <c r="Y9305">
        <v>171</v>
      </c>
      <c r="Z9305">
        <v>173</v>
      </c>
      <c r="AA9305">
        <v>174</v>
      </c>
      <c r="AB9305">
        <v>176</v>
      </c>
      <c r="AC9305">
        <v>177</v>
      </c>
      <c r="AD9305">
        <v>179</v>
      </c>
      <c r="AE9305">
        <v>180</v>
      </c>
      <c r="AF9305">
        <v>181</v>
      </c>
      <c r="AG9305">
        <v>183</v>
      </c>
      <c r="AH9305">
        <v>184</v>
      </c>
      <c r="AI9305">
        <v>185</v>
      </c>
      <c r="AJ9305">
        <v>187</v>
      </c>
      <c r="AK9305">
        <v>188</v>
      </c>
      <c r="AL9305">
        <v>188</v>
      </c>
      <c r="AM9305">
        <v>188</v>
      </c>
      <c r="AN9305">
        <v>187</v>
      </c>
      <c r="AO9305">
        <v>187</v>
      </c>
      <c r="AP9305">
        <v>187</v>
      </c>
      <c r="AQ9305">
        <v>186</v>
      </c>
    </row>
    <row r="9306" spans="1:43">
      <c r="A9306" t="s">
        <v>5814</v>
      </c>
      <c r="B9306" t="s">
        <v>5815</v>
      </c>
      <c r="C9306" t="s">
        <v>5722</v>
      </c>
      <c r="D9306" t="s">
        <v>5723</v>
      </c>
      <c r="E9306" t="s">
        <v>5698</v>
      </c>
      <c r="F9306" t="s">
        <v>5699</v>
      </c>
      <c r="G9306" t="s">
        <v>80</v>
      </c>
      <c r="H9306" t="s">
        <v>81</v>
      </c>
      <c r="I9306" s="2">
        <v>0</v>
      </c>
      <c r="J9306" s="2">
        <v>1</v>
      </c>
      <c r="K9306" s="2">
        <v>0</v>
      </c>
      <c r="L9306" t="s">
        <v>82</v>
      </c>
      <c r="M9306" t="s">
        <v>83</v>
      </c>
      <c r="N9306" t="s">
        <v>84</v>
      </c>
      <c r="O9306" t="s">
        <v>85</v>
      </c>
      <c r="P9306" t="s">
        <v>86</v>
      </c>
      <c r="Q9306">
        <v>98</v>
      </c>
      <c r="R9306">
        <v>99</v>
      </c>
      <c r="S9306">
        <v>100</v>
      </c>
      <c r="T9306">
        <v>101</v>
      </c>
      <c r="U9306">
        <v>102</v>
      </c>
      <c r="V9306">
        <v>103</v>
      </c>
      <c r="W9306">
        <v>104</v>
      </c>
      <c r="X9306">
        <v>105</v>
      </c>
      <c r="Y9306">
        <v>106</v>
      </c>
      <c r="Z9306">
        <v>107</v>
      </c>
      <c r="AA9306">
        <v>108</v>
      </c>
      <c r="AB9306">
        <v>109</v>
      </c>
      <c r="AC9306">
        <v>110</v>
      </c>
      <c r="AD9306">
        <v>111</v>
      </c>
      <c r="AE9306">
        <v>112</v>
      </c>
      <c r="AF9306">
        <v>113</v>
      </c>
      <c r="AG9306">
        <v>113</v>
      </c>
      <c r="AH9306">
        <v>114</v>
      </c>
      <c r="AI9306">
        <v>115</v>
      </c>
      <c r="AJ9306">
        <v>116</v>
      </c>
      <c r="AK9306">
        <v>117</v>
      </c>
      <c r="AL9306">
        <v>117</v>
      </c>
      <c r="AM9306">
        <v>117</v>
      </c>
      <c r="AN9306">
        <v>117</v>
      </c>
      <c r="AO9306">
        <v>116</v>
      </c>
      <c r="AP9306">
        <v>116</v>
      </c>
      <c r="AQ9306">
        <v>116</v>
      </c>
    </row>
    <row r="9307" spans="1:43">
      <c r="A9307" t="s">
        <v>5814</v>
      </c>
      <c r="B9307" t="s">
        <v>5815</v>
      </c>
      <c r="C9307" t="s">
        <v>5722</v>
      </c>
      <c r="D9307" t="s">
        <v>5723</v>
      </c>
      <c r="E9307" t="s">
        <v>5698</v>
      </c>
      <c r="F9307" t="s">
        <v>5699</v>
      </c>
      <c r="G9307" t="s">
        <v>80</v>
      </c>
      <c r="H9307" t="s">
        <v>81</v>
      </c>
      <c r="I9307" s="2">
        <v>0</v>
      </c>
      <c r="J9307" s="2">
        <v>1</v>
      </c>
      <c r="K9307" s="2">
        <v>0</v>
      </c>
      <c r="L9307" t="s">
        <v>82</v>
      </c>
      <c r="M9307" t="s">
        <v>87</v>
      </c>
      <c r="N9307" t="s">
        <v>88</v>
      </c>
      <c r="O9307" t="s">
        <v>85</v>
      </c>
      <c r="P9307" t="s">
        <v>86</v>
      </c>
      <c r="Q9307">
        <v>98</v>
      </c>
      <c r="R9307">
        <v>98</v>
      </c>
      <c r="S9307">
        <v>98</v>
      </c>
      <c r="T9307">
        <v>98</v>
      </c>
      <c r="U9307">
        <v>99</v>
      </c>
      <c r="V9307">
        <v>99</v>
      </c>
      <c r="W9307">
        <v>99</v>
      </c>
      <c r="X9307">
        <v>99</v>
      </c>
      <c r="Y9307">
        <v>99</v>
      </c>
      <c r="Z9307">
        <v>99</v>
      </c>
      <c r="AA9307">
        <v>99</v>
      </c>
      <c r="AB9307">
        <v>100</v>
      </c>
      <c r="AC9307">
        <v>100</v>
      </c>
      <c r="AD9307">
        <v>100</v>
      </c>
      <c r="AE9307">
        <v>100</v>
      </c>
      <c r="AF9307">
        <v>100</v>
      </c>
      <c r="AG9307">
        <v>100</v>
      </c>
      <c r="AH9307">
        <v>100</v>
      </c>
      <c r="AI9307">
        <v>101</v>
      </c>
      <c r="AJ9307">
        <v>101</v>
      </c>
      <c r="AK9307">
        <v>101</v>
      </c>
      <c r="AL9307">
        <v>101</v>
      </c>
      <c r="AM9307">
        <v>101</v>
      </c>
      <c r="AN9307">
        <v>101</v>
      </c>
      <c r="AO9307">
        <v>101</v>
      </c>
      <c r="AP9307">
        <v>101</v>
      </c>
      <c r="AQ9307">
        <v>102</v>
      </c>
    </row>
    <row r="9308" spans="1:43">
      <c r="A9308" t="s">
        <v>5814</v>
      </c>
      <c r="B9308" t="s">
        <v>5815</v>
      </c>
      <c r="C9308" t="s">
        <v>5722</v>
      </c>
      <c r="D9308" t="s">
        <v>5723</v>
      </c>
      <c r="E9308" t="s">
        <v>5698</v>
      </c>
      <c r="F9308" t="s">
        <v>5699</v>
      </c>
      <c r="G9308" t="s">
        <v>80</v>
      </c>
      <c r="H9308" t="s">
        <v>81</v>
      </c>
      <c r="I9308" s="2">
        <v>0</v>
      </c>
      <c r="J9308" s="2">
        <v>1</v>
      </c>
      <c r="K9308" s="2">
        <v>0</v>
      </c>
      <c r="L9308" t="s">
        <v>82</v>
      </c>
      <c r="M9308" t="s">
        <v>89</v>
      </c>
      <c r="N9308" t="s">
        <v>90</v>
      </c>
      <c r="O9308" t="s">
        <v>85</v>
      </c>
      <c r="P9308" t="s">
        <v>86</v>
      </c>
      <c r="Q9308">
        <v>98</v>
      </c>
      <c r="R9308">
        <v>100</v>
      </c>
      <c r="S9308">
        <v>102</v>
      </c>
      <c r="T9308">
        <v>103</v>
      </c>
      <c r="U9308">
        <v>105</v>
      </c>
      <c r="V9308">
        <v>107</v>
      </c>
      <c r="W9308">
        <v>108</v>
      </c>
      <c r="X9308">
        <v>110</v>
      </c>
      <c r="Y9308">
        <v>111</v>
      </c>
      <c r="Z9308">
        <v>113</v>
      </c>
      <c r="AA9308">
        <v>114</v>
      </c>
      <c r="AB9308">
        <v>115</v>
      </c>
      <c r="AC9308">
        <v>117</v>
      </c>
      <c r="AD9308">
        <v>118</v>
      </c>
      <c r="AE9308">
        <v>119</v>
      </c>
      <c r="AF9308">
        <v>119</v>
      </c>
      <c r="AG9308">
        <v>118</v>
      </c>
      <c r="AH9308">
        <v>118</v>
      </c>
      <c r="AI9308">
        <v>118</v>
      </c>
      <c r="AJ9308">
        <v>118</v>
      </c>
      <c r="AK9308">
        <v>118</v>
      </c>
      <c r="AL9308">
        <v>118</v>
      </c>
      <c r="AM9308">
        <v>117</v>
      </c>
      <c r="AN9308">
        <v>117</v>
      </c>
      <c r="AO9308">
        <v>117</v>
      </c>
      <c r="AP9308">
        <v>117</v>
      </c>
      <c r="AQ9308">
        <v>116</v>
      </c>
    </row>
    <row r="9309" spans="1:43">
      <c r="A9309" t="s">
        <v>5814</v>
      </c>
      <c r="B9309" t="s">
        <v>5815</v>
      </c>
      <c r="C9309" t="s">
        <v>5722</v>
      </c>
      <c r="D9309" t="s">
        <v>5723</v>
      </c>
      <c r="E9309" t="s">
        <v>5698</v>
      </c>
      <c r="F9309" t="s">
        <v>5699</v>
      </c>
      <c r="G9309" t="s">
        <v>80</v>
      </c>
      <c r="H9309" t="s">
        <v>81</v>
      </c>
      <c r="I9309" s="2">
        <v>0</v>
      </c>
      <c r="J9309" s="2">
        <v>1</v>
      </c>
      <c r="K9309" s="2">
        <v>0</v>
      </c>
      <c r="L9309" t="s">
        <v>82</v>
      </c>
      <c r="M9309" t="s">
        <v>83</v>
      </c>
      <c r="N9309" t="s">
        <v>91</v>
      </c>
      <c r="O9309" t="s">
        <v>85</v>
      </c>
      <c r="P9309" t="s">
        <v>86</v>
      </c>
      <c r="Q9309">
        <v>98</v>
      </c>
      <c r="R9309">
        <v>99</v>
      </c>
      <c r="S9309">
        <v>100</v>
      </c>
      <c r="T9309">
        <v>101</v>
      </c>
      <c r="U9309">
        <v>102</v>
      </c>
      <c r="V9309">
        <v>103</v>
      </c>
      <c r="W9309">
        <v>104</v>
      </c>
      <c r="X9309">
        <v>105</v>
      </c>
      <c r="Y9309">
        <v>106</v>
      </c>
      <c r="Z9309">
        <v>107</v>
      </c>
      <c r="AA9309">
        <v>108</v>
      </c>
      <c r="AB9309">
        <v>109</v>
      </c>
      <c r="AC9309">
        <v>110</v>
      </c>
      <c r="AD9309">
        <v>111</v>
      </c>
      <c r="AE9309">
        <v>112</v>
      </c>
      <c r="AF9309">
        <v>113</v>
      </c>
      <c r="AG9309">
        <v>113</v>
      </c>
      <c r="AH9309">
        <v>114</v>
      </c>
      <c r="AI9309">
        <v>115</v>
      </c>
      <c r="AJ9309">
        <v>116</v>
      </c>
      <c r="AK9309">
        <v>117</v>
      </c>
      <c r="AL9309">
        <v>117</v>
      </c>
      <c r="AM9309">
        <v>117</v>
      </c>
      <c r="AN9309">
        <v>117</v>
      </c>
      <c r="AO9309">
        <v>116</v>
      </c>
      <c r="AP9309">
        <v>116</v>
      </c>
      <c r="AQ9309">
        <v>116</v>
      </c>
    </row>
    <row r="9310" spans="1:43">
      <c r="A9310" t="s">
        <v>5816</v>
      </c>
      <c r="B9310" t="s">
        <v>5817</v>
      </c>
      <c r="C9310" t="s">
        <v>5722</v>
      </c>
      <c r="D9310" t="s">
        <v>5723</v>
      </c>
      <c r="E9310" t="s">
        <v>5698</v>
      </c>
      <c r="F9310" t="s">
        <v>5699</v>
      </c>
      <c r="G9310" t="s">
        <v>80</v>
      </c>
      <c r="H9310" t="s">
        <v>81</v>
      </c>
      <c r="I9310" s="2">
        <v>0</v>
      </c>
      <c r="J9310" s="2">
        <v>1</v>
      </c>
      <c r="K9310" s="2">
        <v>0</v>
      </c>
      <c r="L9310" t="s">
        <v>82</v>
      </c>
      <c r="M9310" t="s">
        <v>83</v>
      </c>
      <c r="N9310" t="s">
        <v>84</v>
      </c>
      <c r="O9310" t="s">
        <v>85</v>
      </c>
      <c r="P9310" t="s">
        <v>86</v>
      </c>
      <c r="Q9310">
        <v>5</v>
      </c>
      <c r="R9310">
        <v>5</v>
      </c>
      <c r="S9310">
        <v>5</v>
      </c>
      <c r="T9310">
        <v>5</v>
      </c>
      <c r="U9310">
        <v>6</v>
      </c>
      <c r="V9310">
        <v>6</v>
      </c>
      <c r="W9310">
        <v>6</v>
      </c>
      <c r="X9310">
        <v>6</v>
      </c>
      <c r="Y9310">
        <v>6</v>
      </c>
      <c r="Z9310">
        <v>6</v>
      </c>
      <c r="AA9310">
        <v>6</v>
      </c>
      <c r="AB9310">
        <v>6</v>
      </c>
      <c r="AC9310">
        <v>6</v>
      </c>
      <c r="AD9310">
        <v>6</v>
      </c>
      <c r="AE9310">
        <v>6</v>
      </c>
      <c r="AF9310">
        <v>6</v>
      </c>
      <c r="AG9310">
        <v>6</v>
      </c>
      <c r="AH9310">
        <v>6</v>
      </c>
      <c r="AI9310">
        <v>6</v>
      </c>
      <c r="AJ9310">
        <v>6</v>
      </c>
      <c r="AK9310">
        <v>6</v>
      </c>
      <c r="AL9310">
        <v>6</v>
      </c>
      <c r="AM9310">
        <v>6</v>
      </c>
      <c r="AN9310">
        <v>6</v>
      </c>
      <c r="AO9310">
        <v>6</v>
      </c>
      <c r="AP9310">
        <v>6</v>
      </c>
      <c r="AQ9310">
        <v>6</v>
      </c>
    </row>
    <row r="9311" spans="1:43">
      <c r="A9311" t="s">
        <v>5816</v>
      </c>
      <c r="B9311" t="s">
        <v>5817</v>
      </c>
      <c r="C9311" t="s">
        <v>5722</v>
      </c>
      <c r="D9311" t="s">
        <v>5723</v>
      </c>
      <c r="E9311" t="s">
        <v>5698</v>
      </c>
      <c r="F9311" t="s">
        <v>5699</v>
      </c>
      <c r="G9311" t="s">
        <v>80</v>
      </c>
      <c r="H9311" t="s">
        <v>81</v>
      </c>
      <c r="I9311" s="2">
        <v>0</v>
      </c>
      <c r="J9311" s="2">
        <v>1</v>
      </c>
      <c r="K9311" s="2">
        <v>0</v>
      </c>
      <c r="L9311" t="s">
        <v>82</v>
      </c>
      <c r="M9311" t="s">
        <v>87</v>
      </c>
      <c r="N9311" t="s">
        <v>88</v>
      </c>
      <c r="O9311" t="s">
        <v>85</v>
      </c>
      <c r="P9311" t="s">
        <v>86</v>
      </c>
      <c r="Q9311">
        <v>5</v>
      </c>
      <c r="R9311">
        <v>5</v>
      </c>
      <c r="S9311">
        <v>5</v>
      </c>
      <c r="T9311">
        <v>5</v>
      </c>
      <c r="U9311">
        <v>5</v>
      </c>
      <c r="V9311">
        <v>5</v>
      </c>
      <c r="W9311">
        <v>5</v>
      </c>
      <c r="X9311">
        <v>5</v>
      </c>
      <c r="Y9311">
        <v>5</v>
      </c>
      <c r="Z9311">
        <v>5</v>
      </c>
      <c r="AA9311">
        <v>5</v>
      </c>
      <c r="AB9311">
        <v>5</v>
      </c>
      <c r="AC9311">
        <v>5</v>
      </c>
      <c r="AD9311">
        <v>5</v>
      </c>
      <c r="AE9311">
        <v>5</v>
      </c>
      <c r="AF9311">
        <v>5</v>
      </c>
      <c r="AG9311">
        <v>5</v>
      </c>
      <c r="AH9311">
        <v>5</v>
      </c>
      <c r="AI9311">
        <v>5</v>
      </c>
      <c r="AJ9311">
        <v>5</v>
      </c>
      <c r="AK9311">
        <v>5</v>
      </c>
      <c r="AL9311">
        <v>5</v>
      </c>
      <c r="AM9311">
        <v>5</v>
      </c>
      <c r="AN9311">
        <v>5</v>
      </c>
      <c r="AO9311">
        <v>5</v>
      </c>
      <c r="AP9311">
        <v>5</v>
      </c>
      <c r="AQ9311">
        <v>5</v>
      </c>
    </row>
    <row r="9312" spans="1:43">
      <c r="A9312" t="s">
        <v>5816</v>
      </c>
      <c r="B9312" t="s">
        <v>5817</v>
      </c>
      <c r="C9312" t="s">
        <v>5722</v>
      </c>
      <c r="D9312" t="s">
        <v>5723</v>
      </c>
      <c r="E9312" t="s">
        <v>5698</v>
      </c>
      <c r="F9312" t="s">
        <v>5699</v>
      </c>
      <c r="G9312" t="s">
        <v>80</v>
      </c>
      <c r="H9312" t="s">
        <v>81</v>
      </c>
      <c r="I9312" s="2">
        <v>0</v>
      </c>
      <c r="J9312" s="2">
        <v>1</v>
      </c>
      <c r="K9312" s="2">
        <v>0</v>
      </c>
      <c r="L9312" t="s">
        <v>82</v>
      </c>
      <c r="M9312" t="s">
        <v>89</v>
      </c>
      <c r="N9312" t="s">
        <v>90</v>
      </c>
      <c r="O9312" t="s">
        <v>85</v>
      </c>
      <c r="P9312" t="s">
        <v>86</v>
      </c>
      <c r="Q9312">
        <v>5</v>
      </c>
      <c r="R9312">
        <v>5</v>
      </c>
      <c r="S9312">
        <v>6</v>
      </c>
      <c r="T9312">
        <v>6</v>
      </c>
      <c r="U9312">
        <v>6</v>
      </c>
      <c r="V9312">
        <v>6</v>
      </c>
      <c r="W9312">
        <v>6</v>
      </c>
      <c r="X9312">
        <v>6</v>
      </c>
      <c r="Y9312">
        <v>6</v>
      </c>
      <c r="Z9312">
        <v>6</v>
      </c>
      <c r="AA9312">
        <v>6</v>
      </c>
      <c r="AB9312">
        <v>6</v>
      </c>
      <c r="AC9312">
        <v>6</v>
      </c>
      <c r="AD9312">
        <v>6</v>
      </c>
      <c r="AE9312">
        <v>6</v>
      </c>
      <c r="AF9312">
        <v>6</v>
      </c>
      <c r="AG9312">
        <v>6</v>
      </c>
      <c r="AH9312">
        <v>6</v>
      </c>
      <c r="AI9312">
        <v>6</v>
      </c>
      <c r="AJ9312">
        <v>6</v>
      </c>
      <c r="AK9312">
        <v>6</v>
      </c>
      <c r="AL9312">
        <v>6</v>
      </c>
      <c r="AM9312">
        <v>6</v>
      </c>
      <c r="AN9312">
        <v>6</v>
      </c>
      <c r="AO9312">
        <v>6</v>
      </c>
      <c r="AP9312">
        <v>6</v>
      </c>
      <c r="AQ9312">
        <v>6</v>
      </c>
    </row>
    <row r="9313" spans="1:43">
      <c r="A9313" t="s">
        <v>5816</v>
      </c>
      <c r="B9313" t="s">
        <v>5817</v>
      </c>
      <c r="C9313" t="s">
        <v>5722</v>
      </c>
      <c r="D9313" t="s">
        <v>5723</v>
      </c>
      <c r="E9313" t="s">
        <v>5698</v>
      </c>
      <c r="F9313" t="s">
        <v>5699</v>
      </c>
      <c r="G9313" t="s">
        <v>80</v>
      </c>
      <c r="H9313" t="s">
        <v>81</v>
      </c>
      <c r="I9313" s="2">
        <v>0</v>
      </c>
      <c r="J9313" s="2">
        <v>1</v>
      </c>
      <c r="K9313" s="2">
        <v>0</v>
      </c>
      <c r="L9313" t="s">
        <v>82</v>
      </c>
      <c r="M9313" t="s">
        <v>83</v>
      </c>
      <c r="N9313" t="s">
        <v>91</v>
      </c>
      <c r="O9313" t="s">
        <v>85</v>
      </c>
      <c r="P9313" t="s">
        <v>86</v>
      </c>
      <c r="Q9313">
        <v>5</v>
      </c>
      <c r="R9313">
        <v>5</v>
      </c>
      <c r="S9313">
        <v>5</v>
      </c>
      <c r="T9313">
        <v>5</v>
      </c>
      <c r="U9313">
        <v>6</v>
      </c>
      <c r="V9313">
        <v>6</v>
      </c>
      <c r="W9313">
        <v>6</v>
      </c>
      <c r="X9313">
        <v>6</v>
      </c>
      <c r="Y9313">
        <v>6</v>
      </c>
      <c r="Z9313">
        <v>6</v>
      </c>
      <c r="AA9313">
        <v>6</v>
      </c>
      <c r="AB9313">
        <v>6</v>
      </c>
      <c r="AC9313">
        <v>6</v>
      </c>
      <c r="AD9313">
        <v>6</v>
      </c>
      <c r="AE9313">
        <v>6</v>
      </c>
      <c r="AF9313">
        <v>6</v>
      </c>
      <c r="AG9313">
        <v>6</v>
      </c>
      <c r="AH9313">
        <v>6</v>
      </c>
      <c r="AI9313">
        <v>6</v>
      </c>
      <c r="AJ9313">
        <v>6</v>
      </c>
      <c r="AK9313">
        <v>6</v>
      </c>
      <c r="AL9313">
        <v>6</v>
      </c>
      <c r="AM9313">
        <v>6</v>
      </c>
      <c r="AN9313">
        <v>6</v>
      </c>
      <c r="AO9313">
        <v>6</v>
      </c>
      <c r="AP9313">
        <v>6</v>
      </c>
      <c r="AQ9313">
        <v>6</v>
      </c>
    </row>
    <row r="9314" spans="1:43">
      <c r="A9314" t="s">
        <v>5818</v>
      </c>
      <c r="B9314" t="s">
        <v>5819</v>
      </c>
      <c r="C9314" t="s">
        <v>5716</v>
      </c>
      <c r="D9314" t="s">
        <v>5717</v>
      </c>
      <c r="E9314" t="s">
        <v>5698</v>
      </c>
      <c r="F9314" t="s">
        <v>5699</v>
      </c>
      <c r="G9314" t="s">
        <v>80</v>
      </c>
      <c r="H9314" t="s">
        <v>81</v>
      </c>
      <c r="I9314" s="2">
        <v>0</v>
      </c>
      <c r="J9314" s="2">
        <v>1</v>
      </c>
      <c r="K9314" s="2">
        <v>0</v>
      </c>
      <c r="L9314" t="s">
        <v>82</v>
      </c>
      <c r="M9314" t="s">
        <v>83</v>
      </c>
      <c r="N9314" t="s">
        <v>84</v>
      </c>
      <c r="O9314" t="s">
        <v>85</v>
      </c>
      <c r="P9314" t="s">
        <v>86</v>
      </c>
      <c r="Q9314">
        <v>137</v>
      </c>
      <c r="R9314">
        <v>138</v>
      </c>
      <c r="S9314">
        <v>140</v>
      </c>
      <c r="T9314">
        <v>141</v>
      </c>
      <c r="U9314">
        <v>143</v>
      </c>
      <c r="V9314">
        <v>144</v>
      </c>
      <c r="W9314">
        <v>146</v>
      </c>
      <c r="X9314">
        <v>147</v>
      </c>
      <c r="Y9314">
        <v>149</v>
      </c>
      <c r="Z9314">
        <v>150</v>
      </c>
      <c r="AA9314">
        <v>152</v>
      </c>
      <c r="AB9314">
        <v>153</v>
      </c>
      <c r="AC9314">
        <v>154</v>
      </c>
      <c r="AD9314">
        <v>155</v>
      </c>
      <c r="AE9314">
        <v>157</v>
      </c>
      <c r="AF9314">
        <v>158</v>
      </c>
      <c r="AG9314">
        <v>159</v>
      </c>
      <c r="AH9314">
        <v>160</v>
      </c>
      <c r="AI9314">
        <v>161</v>
      </c>
      <c r="AJ9314">
        <v>162</v>
      </c>
      <c r="AK9314">
        <v>164</v>
      </c>
      <c r="AL9314">
        <v>164</v>
      </c>
      <c r="AM9314">
        <v>163</v>
      </c>
      <c r="AN9314">
        <v>163</v>
      </c>
      <c r="AO9314">
        <v>163</v>
      </c>
      <c r="AP9314">
        <v>163</v>
      </c>
      <c r="AQ9314">
        <v>162</v>
      </c>
    </row>
    <row r="9315" spans="1:43">
      <c r="A9315" t="s">
        <v>5818</v>
      </c>
      <c r="B9315" t="s">
        <v>5819</v>
      </c>
      <c r="C9315" t="s">
        <v>5716</v>
      </c>
      <c r="D9315" t="s">
        <v>5717</v>
      </c>
      <c r="E9315" t="s">
        <v>5698</v>
      </c>
      <c r="F9315" t="s">
        <v>5699</v>
      </c>
      <c r="G9315" t="s">
        <v>80</v>
      </c>
      <c r="H9315" t="s">
        <v>81</v>
      </c>
      <c r="I9315" s="2">
        <v>0</v>
      </c>
      <c r="J9315" s="2">
        <v>1</v>
      </c>
      <c r="K9315" s="2">
        <v>0</v>
      </c>
      <c r="L9315" t="s">
        <v>82</v>
      </c>
      <c r="M9315" t="s">
        <v>87</v>
      </c>
      <c r="N9315" t="s">
        <v>88</v>
      </c>
      <c r="O9315" t="s">
        <v>85</v>
      </c>
      <c r="P9315" t="s">
        <v>86</v>
      </c>
      <c r="Q9315">
        <v>137</v>
      </c>
      <c r="R9315">
        <v>137</v>
      </c>
      <c r="S9315">
        <v>137</v>
      </c>
      <c r="T9315">
        <v>137</v>
      </c>
      <c r="U9315">
        <v>138</v>
      </c>
      <c r="V9315">
        <v>138</v>
      </c>
      <c r="W9315">
        <v>138</v>
      </c>
      <c r="X9315">
        <v>138</v>
      </c>
      <c r="Y9315">
        <v>138</v>
      </c>
      <c r="Z9315">
        <v>139</v>
      </c>
      <c r="AA9315">
        <v>139</v>
      </c>
      <c r="AB9315">
        <v>139</v>
      </c>
      <c r="AC9315">
        <v>139</v>
      </c>
      <c r="AD9315">
        <v>140</v>
      </c>
      <c r="AE9315">
        <v>140</v>
      </c>
      <c r="AF9315">
        <v>140</v>
      </c>
      <c r="AG9315">
        <v>140</v>
      </c>
      <c r="AH9315">
        <v>140</v>
      </c>
      <c r="AI9315">
        <v>141</v>
      </c>
      <c r="AJ9315">
        <v>141</v>
      </c>
      <c r="AK9315">
        <v>141</v>
      </c>
      <c r="AL9315">
        <v>141</v>
      </c>
      <c r="AM9315">
        <v>141</v>
      </c>
      <c r="AN9315">
        <v>142</v>
      </c>
      <c r="AO9315">
        <v>142</v>
      </c>
      <c r="AP9315">
        <v>142</v>
      </c>
      <c r="AQ9315">
        <v>142</v>
      </c>
    </row>
    <row r="9316" spans="1:43">
      <c r="A9316" t="s">
        <v>5818</v>
      </c>
      <c r="B9316" t="s">
        <v>5819</v>
      </c>
      <c r="C9316" t="s">
        <v>5716</v>
      </c>
      <c r="D9316" t="s">
        <v>5717</v>
      </c>
      <c r="E9316" t="s">
        <v>5698</v>
      </c>
      <c r="F9316" t="s">
        <v>5699</v>
      </c>
      <c r="G9316" t="s">
        <v>80</v>
      </c>
      <c r="H9316" t="s">
        <v>81</v>
      </c>
      <c r="I9316" s="2">
        <v>0</v>
      </c>
      <c r="J9316" s="2">
        <v>1</v>
      </c>
      <c r="K9316" s="2">
        <v>0</v>
      </c>
      <c r="L9316" t="s">
        <v>82</v>
      </c>
      <c r="M9316" t="s">
        <v>89</v>
      </c>
      <c r="N9316" t="s">
        <v>90</v>
      </c>
      <c r="O9316" t="s">
        <v>85</v>
      </c>
      <c r="P9316" t="s">
        <v>86</v>
      </c>
      <c r="Q9316">
        <v>137</v>
      </c>
      <c r="R9316">
        <v>140</v>
      </c>
      <c r="S9316">
        <v>143</v>
      </c>
      <c r="T9316">
        <v>145</v>
      </c>
      <c r="U9316">
        <v>148</v>
      </c>
      <c r="V9316">
        <v>150</v>
      </c>
      <c r="W9316">
        <v>152</v>
      </c>
      <c r="X9316">
        <v>154</v>
      </c>
      <c r="Y9316">
        <v>156</v>
      </c>
      <c r="Z9316">
        <v>158</v>
      </c>
      <c r="AA9316">
        <v>160</v>
      </c>
      <c r="AB9316">
        <v>162</v>
      </c>
      <c r="AC9316">
        <v>164</v>
      </c>
      <c r="AD9316">
        <v>166</v>
      </c>
      <c r="AE9316">
        <v>167</v>
      </c>
      <c r="AF9316">
        <v>166</v>
      </c>
      <c r="AG9316">
        <v>166</v>
      </c>
      <c r="AH9316">
        <v>166</v>
      </c>
      <c r="AI9316">
        <v>166</v>
      </c>
      <c r="AJ9316">
        <v>165</v>
      </c>
      <c r="AK9316">
        <v>165</v>
      </c>
      <c r="AL9316">
        <v>165</v>
      </c>
      <c r="AM9316">
        <v>164</v>
      </c>
      <c r="AN9316">
        <v>164</v>
      </c>
      <c r="AO9316">
        <v>164</v>
      </c>
      <c r="AP9316">
        <v>163</v>
      </c>
      <c r="AQ9316">
        <v>163</v>
      </c>
    </row>
    <row r="9317" spans="1:43">
      <c r="A9317" t="s">
        <v>5818</v>
      </c>
      <c r="B9317" t="s">
        <v>5819</v>
      </c>
      <c r="C9317" t="s">
        <v>5716</v>
      </c>
      <c r="D9317" t="s">
        <v>5717</v>
      </c>
      <c r="E9317" t="s">
        <v>5698</v>
      </c>
      <c r="F9317" t="s">
        <v>5699</v>
      </c>
      <c r="G9317" t="s">
        <v>80</v>
      </c>
      <c r="H9317" t="s">
        <v>81</v>
      </c>
      <c r="I9317" s="2">
        <v>0</v>
      </c>
      <c r="J9317" s="2">
        <v>1</v>
      </c>
      <c r="K9317" s="2">
        <v>0</v>
      </c>
      <c r="L9317" t="s">
        <v>82</v>
      </c>
      <c r="M9317" t="s">
        <v>83</v>
      </c>
      <c r="N9317" t="s">
        <v>91</v>
      </c>
      <c r="O9317" t="s">
        <v>85</v>
      </c>
      <c r="P9317" t="s">
        <v>86</v>
      </c>
      <c r="Q9317">
        <v>137</v>
      </c>
      <c r="R9317">
        <v>138</v>
      </c>
      <c r="S9317">
        <v>140</v>
      </c>
      <c r="T9317">
        <v>141</v>
      </c>
      <c r="U9317">
        <v>143</v>
      </c>
      <c r="V9317">
        <v>144</v>
      </c>
      <c r="W9317">
        <v>146</v>
      </c>
      <c r="X9317">
        <v>147</v>
      </c>
      <c r="Y9317">
        <v>149</v>
      </c>
      <c r="Z9317">
        <v>150</v>
      </c>
      <c r="AA9317">
        <v>152</v>
      </c>
      <c r="AB9317">
        <v>153</v>
      </c>
      <c r="AC9317">
        <v>154</v>
      </c>
      <c r="AD9317">
        <v>155</v>
      </c>
      <c r="AE9317">
        <v>157</v>
      </c>
      <c r="AF9317">
        <v>158</v>
      </c>
      <c r="AG9317">
        <v>159</v>
      </c>
      <c r="AH9317">
        <v>160</v>
      </c>
      <c r="AI9317">
        <v>161</v>
      </c>
      <c r="AJ9317">
        <v>162</v>
      </c>
      <c r="AK9317">
        <v>164</v>
      </c>
      <c r="AL9317">
        <v>164</v>
      </c>
      <c r="AM9317">
        <v>163</v>
      </c>
      <c r="AN9317">
        <v>163</v>
      </c>
      <c r="AO9317">
        <v>163</v>
      </c>
      <c r="AP9317">
        <v>163</v>
      </c>
      <c r="AQ9317">
        <v>162</v>
      </c>
    </row>
    <row r="9318" spans="1:43">
      <c r="A9318" t="s">
        <v>5820</v>
      </c>
      <c r="B9318" t="s">
        <v>5821</v>
      </c>
      <c r="C9318" t="s">
        <v>5822</v>
      </c>
      <c r="D9318" t="s">
        <v>5823</v>
      </c>
      <c r="E9318" t="s">
        <v>5698</v>
      </c>
      <c r="F9318" t="s">
        <v>5699</v>
      </c>
      <c r="G9318" t="s">
        <v>80</v>
      </c>
      <c r="H9318" t="s">
        <v>81</v>
      </c>
      <c r="I9318" s="2">
        <v>0</v>
      </c>
      <c r="J9318" s="2">
        <v>1</v>
      </c>
      <c r="K9318" s="2">
        <v>0</v>
      </c>
      <c r="L9318" t="s">
        <v>82</v>
      </c>
      <c r="M9318" t="s">
        <v>83</v>
      </c>
      <c r="N9318" t="s">
        <v>84</v>
      </c>
      <c r="O9318" t="s">
        <v>85</v>
      </c>
      <c r="P9318" t="s">
        <v>86</v>
      </c>
      <c r="Q9318">
        <v>63</v>
      </c>
      <c r="R9318">
        <v>64</v>
      </c>
      <c r="S9318">
        <v>64</v>
      </c>
      <c r="T9318">
        <v>65</v>
      </c>
      <c r="U9318">
        <v>66</v>
      </c>
      <c r="V9318">
        <v>66</v>
      </c>
      <c r="W9318">
        <v>67</v>
      </c>
      <c r="X9318">
        <v>67</v>
      </c>
      <c r="Y9318">
        <v>68</v>
      </c>
      <c r="Z9318">
        <v>69</v>
      </c>
      <c r="AA9318">
        <v>69</v>
      </c>
      <c r="AB9318">
        <v>70</v>
      </c>
      <c r="AC9318">
        <v>70</v>
      </c>
      <c r="AD9318">
        <v>71</v>
      </c>
      <c r="AE9318">
        <v>71</v>
      </c>
      <c r="AF9318">
        <v>72</v>
      </c>
      <c r="AG9318">
        <v>72</v>
      </c>
      <c r="AH9318">
        <v>73</v>
      </c>
      <c r="AI9318">
        <v>73</v>
      </c>
      <c r="AJ9318">
        <v>73</v>
      </c>
      <c r="AK9318">
        <v>74</v>
      </c>
      <c r="AL9318">
        <v>74</v>
      </c>
      <c r="AM9318">
        <v>74</v>
      </c>
      <c r="AN9318">
        <v>73</v>
      </c>
      <c r="AO9318">
        <v>73</v>
      </c>
      <c r="AP9318">
        <v>73</v>
      </c>
      <c r="AQ9318">
        <v>72</v>
      </c>
    </row>
    <row r="9319" spans="1:43">
      <c r="A9319" t="s">
        <v>5820</v>
      </c>
      <c r="B9319" t="s">
        <v>5821</v>
      </c>
      <c r="C9319" t="s">
        <v>5822</v>
      </c>
      <c r="D9319" t="s">
        <v>5823</v>
      </c>
      <c r="E9319" t="s">
        <v>5698</v>
      </c>
      <c r="F9319" t="s">
        <v>5699</v>
      </c>
      <c r="G9319" t="s">
        <v>80</v>
      </c>
      <c r="H9319" t="s">
        <v>81</v>
      </c>
      <c r="I9319" s="2">
        <v>0</v>
      </c>
      <c r="J9319" s="2">
        <v>1</v>
      </c>
      <c r="K9319" s="2">
        <v>0</v>
      </c>
      <c r="L9319" t="s">
        <v>82</v>
      </c>
      <c r="M9319" t="s">
        <v>87</v>
      </c>
      <c r="N9319" t="s">
        <v>88</v>
      </c>
      <c r="O9319" t="s">
        <v>85</v>
      </c>
      <c r="P9319" t="s">
        <v>86</v>
      </c>
      <c r="Q9319">
        <v>63</v>
      </c>
      <c r="R9319">
        <v>63</v>
      </c>
      <c r="S9319">
        <v>63</v>
      </c>
      <c r="T9319">
        <v>63</v>
      </c>
      <c r="U9319">
        <v>63</v>
      </c>
      <c r="V9319">
        <v>63</v>
      </c>
      <c r="W9319">
        <v>63</v>
      </c>
      <c r="X9319">
        <v>63</v>
      </c>
      <c r="Y9319">
        <v>63</v>
      </c>
      <c r="Z9319">
        <v>63</v>
      </c>
      <c r="AA9319">
        <v>63</v>
      </c>
      <c r="AB9319">
        <v>63</v>
      </c>
      <c r="AC9319">
        <v>63</v>
      </c>
      <c r="AD9319">
        <v>63</v>
      </c>
      <c r="AE9319">
        <v>63</v>
      </c>
      <c r="AF9319">
        <v>63</v>
      </c>
      <c r="AG9319">
        <v>63</v>
      </c>
      <c r="AH9319">
        <v>63</v>
      </c>
      <c r="AI9319">
        <v>63</v>
      </c>
      <c r="AJ9319">
        <v>63</v>
      </c>
      <c r="AK9319">
        <v>63</v>
      </c>
      <c r="AL9319">
        <v>63</v>
      </c>
      <c r="AM9319">
        <v>63</v>
      </c>
      <c r="AN9319">
        <v>63</v>
      </c>
      <c r="AO9319">
        <v>63</v>
      </c>
      <c r="AP9319">
        <v>63</v>
      </c>
      <c r="AQ9319">
        <v>63</v>
      </c>
    </row>
    <row r="9320" spans="1:43">
      <c r="A9320" t="s">
        <v>5820</v>
      </c>
      <c r="B9320" t="s">
        <v>5821</v>
      </c>
      <c r="C9320" t="s">
        <v>5822</v>
      </c>
      <c r="D9320" t="s">
        <v>5823</v>
      </c>
      <c r="E9320" t="s">
        <v>5698</v>
      </c>
      <c r="F9320" t="s">
        <v>5699</v>
      </c>
      <c r="G9320" t="s">
        <v>80</v>
      </c>
      <c r="H9320" t="s">
        <v>81</v>
      </c>
      <c r="I9320" s="2">
        <v>0</v>
      </c>
      <c r="J9320" s="2">
        <v>1</v>
      </c>
      <c r="K9320" s="2">
        <v>0</v>
      </c>
      <c r="L9320" t="s">
        <v>82</v>
      </c>
      <c r="M9320" t="s">
        <v>89</v>
      </c>
      <c r="N9320" t="s">
        <v>90</v>
      </c>
      <c r="O9320" t="s">
        <v>85</v>
      </c>
      <c r="P9320" t="s">
        <v>86</v>
      </c>
      <c r="Q9320">
        <v>63</v>
      </c>
      <c r="R9320">
        <v>64</v>
      </c>
      <c r="S9320">
        <v>65</v>
      </c>
      <c r="T9320">
        <v>66</v>
      </c>
      <c r="U9320">
        <v>67</v>
      </c>
      <c r="V9320">
        <v>68</v>
      </c>
      <c r="W9320">
        <v>69</v>
      </c>
      <c r="X9320">
        <v>70</v>
      </c>
      <c r="Y9320">
        <v>71</v>
      </c>
      <c r="Z9320">
        <v>72</v>
      </c>
      <c r="AA9320">
        <v>73</v>
      </c>
      <c r="AB9320">
        <v>73</v>
      </c>
      <c r="AC9320">
        <v>74</v>
      </c>
      <c r="AD9320">
        <v>75</v>
      </c>
      <c r="AE9320">
        <v>75</v>
      </c>
      <c r="AF9320">
        <v>75</v>
      </c>
      <c r="AG9320">
        <v>75</v>
      </c>
      <c r="AH9320">
        <v>74</v>
      </c>
      <c r="AI9320">
        <v>74</v>
      </c>
      <c r="AJ9320">
        <v>74</v>
      </c>
      <c r="AK9320">
        <v>74</v>
      </c>
      <c r="AL9320">
        <v>73</v>
      </c>
      <c r="AM9320">
        <v>73</v>
      </c>
      <c r="AN9320">
        <v>73</v>
      </c>
      <c r="AO9320">
        <v>72</v>
      </c>
      <c r="AP9320">
        <v>72</v>
      </c>
      <c r="AQ9320">
        <v>72</v>
      </c>
    </row>
    <row r="9321" spans="1:43">
      <c r="A9321" t="s">
        <v>5820</v>
      </c>
      <c r="B9321" t="s">
        <v>5821</v>
      </c>
      <c r="C9321" t="s">
        <v>5822</v>
      </c>
      <c r="D9321" t="s">
        <v>5823</v>
      </c>
      <c r="E9321" t="s">
        <v>5698</v>
      </c>
      <c r="F9321" t="s">
        <v>5699</v>
      </c>
      <c r="G9321" t="s">
        <v>80</v>
      </c>
      <c r="H9321" t="s">
        <v>81</v>
      </c>
      <c r="I9321" s="2">
        <v>0</v>
      </c>
      <c r="J9321" s="2">
        <v>1</v>
      </c>
      <c r="K9321" s="2">
        <v>0</v>
      </c>
      <c r="L9321" t="s">
        <v>82</v>
      </c>
      <c r="M9321" t="s">
        <v>83</v>
      </c>
      <c r="N9321" t="s">
        <v>91</v>
      </c>
      <c r="O9321" t="s">
        <v>85</v>
      </c>
      <c r="P9321" t="s">
        <v>86</v>
      </c>
      <c r="Q9321">
        <v>63</v>
      </c>
      <c r="R9321">
        <v>64</v>
      </c>
      <c r="S9321">
        <v>64</v>
      </c>
      <c r="T9321">
        <v>65</v>
      </c>
      <c r="U9321">
        <v>66</v>
      </c>
      <c r="V9321">
        <v>66</v>
      </c>
      <c r="W9321">
        <v>67</v>
      </c>
      <c r="X9321">
        <v>67</v>
      </c>
      <c r="Y9321">
        <v>68</v>
      </c>
      <c r="Z9321">
        <v>69</v>
      </c>
      <c r="AA9321">
        <v>69</v>
      </c>
      <c r="AB9321">
        <v>70</v>
      </c>
      <c r="AC9321">
        <v>70</v>
      </c>
      <c r="AD9321">
        <v>71</v>
      </c>
      <c r="AE9321">
        <v>71</v>
      </c>
      <c r="AF9321">
        <v>72</v>
      </c>
      <c r="AG9321">
        <v>72</v>
      </c>
      <c r="AH9321">
        <v>73</v>
      </c>
      <c r="AI9321">
        <v>73</v>
      </c>
      <c r="AJ9321">
        <v>73</v>
      </c>
      <c r="AK9321">
        <v>74</v>
      </c>
      <c r="AL9321">
        <v>74</v>
      </c>
      <c r="AM9321">
        <v>74</v>
      </c>
      <c r="AN9321">
        <v>73</v>
      </c>
      <c r="AO9321">
        <v>73</v>
      </c>
      <c r="AP9321">
        <v>73</v>
      </c>
      <c r="AQ9321">
        <v>72</v>
      </c>
    </row>
    <row r="9322" spans="1:43">
      <c r="A9322" t="s">
        <v>5824</v>
      </c>
      <c r="B9322" t="s">
        <v>5825</v>
      </c>
      <c r="C9322" t="s">
        <v>5702</v>
      </c>
      <c r="D9322" t="s">
        <v>5703</v>
      </c>
      <c r="E9322" t="s">
        <v>5698</v>
      </c>
      <c r="F9322" t="s">
        <v>5699</v>
      </c>
      <c r="G9322" t="s">
        <v>80</v>
      </c>
      <c r="H9322" t="s">
        <v>81</v>
      </c>
      <c r="I9322" s="2">
        <v>0</v>
      </c>
      <c r="J9322" s="2">
        <v>1</v>
      </c>
      <c r="K9322" s="2">
        <v>0</v>
      </c>
      <c r="L9322" t="s">
        <v>82</v>
      </c>
      <c r="M9322" t="s">
        <v>83</v>
      </c>
      <c r="N9322" t="s">
        <v>84</v>
      </c>
      <c r="O9322" t="s">
        <v>85</v>
      </c>
      <c r="P9322" t="s">
        <v>86</v>
      </c>
      <c r="Q9322">
        <v>75</v>
      </c>
      <c r="R9322">
        <v>76</v>
      </c>
      <c r="S9322">
        <v>77</v>
      </c>
      <c r="T9322">
        <v>78</v>
      </c>
      <c r="U9322">
        <v>78</v>
      </c>
      <c r="V9322">
        <v>79</v>
      </c>
      <c r="W9322">
        <v>80</v>
      </c>
      <c r="X9322">
        <v>81</v>
      </c>
      <c r="Y9322">
        <v>81</v>
      </c>
      <c r="Z9322">
        <v>82</v>
      </c>
      <c r="AA9322">
        <v>83</v>
      </c>
      <c r="AB9322">
        <v>83</v>
      </c>
      <c r="AC9322">
        <v>84</v>
      </c>
      <c r="AD9322">
        <v>85</v>
      </c>
      <c r="AE9322">
        <v>85</v>
      </c>
      <c r="AF9322">
        <v>86</v>
      </c>
      <c r="AG9322">
        <v>87</v>
      </c>
      <c r="AH9322">
        <v>87</v>
      </c>
      <c r="AI9322">
        <v>88</v>
      </c>
      <c r="AJ9322">
        <v>88</v>
      </c>
      <c r="AK9322">
        <v>89</v>
      </c>
      <c r="AL9322">
        <v>89</v>
      </c>
      <c r="AM9322">
        <v>89</v>
      </c>
      <c r="AN9322">
        <v>89</v>
      </c>
      <c r="AO9322">
        <v>88</v>
      </c>
      <c r="AP9322">
        <v>88</v>
      </c>
      <c r="AQ9322">
        <v>88</v>
      </c>
    </row>
    <row r="9323" spans="1:43">
      <c r="A9323" t="s">
        <v>5824</v>
      </c>
      <c r="B9323" t="s">
        <v>5825</v>
      </c>
      <c r="C9323" t="s">
        <v>5702</v>
      </c>
      <c r="D9323" t="s">
        <v>5703</v>
      </c>
      <c r="E9323" t="s">
        <v>5698</v>
      </c>
      <c r="F9323" t="s">
        <v>5699</v>
      </c>
      <c r="G9323" t="s">
        <v>80</v>
      </c>
      <c r="H9323" t="s">
        <v>81</v>
      </c>
      <c r="I9323" s="2">
        <v>0</v>
      </c>
      <c r="J9323" s="2">
        <v>1</v>
      </c>
      <c r="K9323" s="2">
        <v>0</v>
      </c>
      <c r="L9323" t="s">
        <v>82</v>
      </c>
      <c r="M9323" t="s">
        <v>87</v>
      </c>
      <c r="N9323" t="s">
        <v>88</v>
      </c>
      <c r="O9323" t="s">
        <v>85</v>
      </c>
      <c r="P9323" t="s">
        <v>86</v>
      </c>
      <c r="Q9323">
        <v>75</v>
      </c>
      <c r="R9323">
        <v>75</v>
      </c>
      <c r="S9323">
        <v>75</v>
      </c>
      <c r="T9323">
        <v>75</v>
      </c>
      <c r="U9323">
        <v>75</v>
      </c>
      <c r="V9323">
        <v>75</v>
      </c>
      <c r="W9323">
        <v>75</v>
      </c>
      <c r="X9323">
        <v>75</v>
      </c>
      <c r="Y9323">
        <v>75</v>
      </c>
      <c r="Z9323">
        <v>75</v>
      </c>
      <c r="AA9323">
        <v>75</v>
      </c>
      <c r="AB9323">
        <v>75</v>
      </c>
      <c r="AC9323">
        <v>75</v>
      </c>
      <c r="AD9323">
        <v>75</v>
      </c>
      <c r="AE9323">
        <v>76</v>
      </c>
      <c r="AF9323">
        <v>76</v>
      </c>
      <c r="AG9323">
        <v>76</v>
      </c>
      <c r="AH9323">
        <v>76</v>
      </c>
      <c r="AI9323">
        <v>76</v>
      </c>
      <c r="AJ9323">
        <v>76</v>
      </c>
      <c r="AK9323">
        <v>76</v>
      </c>
      <c r="AL9323">
        <v>76</v>
      </c>
      <c r="AM9323">
        <v>76</v>
      </c>
      <c r="AN9323">
        <v>76</v>
      </c>
      <c r="AO9323">
        <v>76</v>
      </c>
      <c r="AP9323">
        <v>76</v>
      </c>
      <c r="AQ9323">
        <v>76</v>
      </c>
    </row>
    <row r="9324" spans="1:43">
      <c r="A9324" t="s">
        <v>5824</v>
      </c>
      <c r="B9324" t="s">
        <v>5825</v>
      </c>
      <c r="C9324" t="s">
        <v>5702</v>
      </c>
      <c r="D9324" t="s">
        <v>5703</v>
      </c>
      <c r="E9324" t="s">
        <v>5698</v>
      </c>
      <c r="F9324" t="s">
        <v>5699</v>
      </c>
      <c r="G9324" t="s">
        <v>80</v>
      </c>
      <c r="H9324" t="s">
        <v>81</v>
      </c>
      <c r="I9324" s="2">
        <v>0</v>
      </c>
      <c r="J9324" s="2">
        <v>1</v>
      </c>
      <c r="K9324" s="2">
        <v>0</v>
      </c>
      <c r="L9324" t="s">
        <v>82</v>
      </c>
      <c r="M9324" t="s">
        <v>89</v>
      </c>
      <c r="N9324" t="s">
        <v>90</v>
      </c>
      <c r="O9324" t="s">
        <v>85</v>
      </c>
      <c r="P9324" t="s">
        <v>86</v>
      </c>
      <c r="Q9324">
        <v>75</v>
      </c>
      <c r="R9324">
        <v>76</v>
      </c>
      <c r="S9324">
        <v>78</v>
      </c>
      <c r="T9324">
        <v>79</v>
      </c>
      <c r="U9324">
        <v>81</v>
      </c>
      <c r="V9324">
        <v>82</v>
      </c>
      <c r="W9324">
        <v>83</v>
      </c>
      <c r="X9324">
        <v>84</v>
      </c>
      <c r="Y9324">
        <v>85</v>
      </c>
      <c r="Z9324">
        <v>86</v>
      </c>
      <c r="AA9324">
        <v>87</v>
      </c>
      <c r="AB9324">
        <v>88</v>
      </c>
      <c r="AC9324">
        <v>89</v>
      </c>
      <c r="AD9324">
        <v>90</v>
      </c>
      <c r="AE9324">
        <v>91</v>
      </c>
      <c r="AF9324">
        <v>90</v>
      </c>
      <c r="AG9324">
        <v>90</v>
      </c>
      <c r="AH9324">
        <v>90</v>
      </c>
      <c r="AI9324">
        <v>90</v>
      </c>
      <c r="AJ9324">
        <v>89</v>
      </c>
      <c r="AK9324">
        <v>89</v>
      </c>
      <c r="AL9324">
        <v>89</v>
      </c>
      <c r="AM9324">
        <v>89</v>
      </c>
      <c r="AN9324">
        <v>88</v>
      </c>
      <c r="AO9324">
        <v>88</v>
      </c>
      <c r="AP9324">
        <v>88</v>
      </c>
      <c r="AQ9324">
        <v>88</v>
      </c>
    </row>
    <row r="9325" spans="1:43">
      <c r="A9325" t="s">
        <v>5824</v>
      </c>
      <c r="B9325" t="s">
        <v>5825</v>
      </c>
      <c r="C9325" t="s">
        <v>5702</v>
      </c>
      <c r="D9325" t="s">
        <v>5703</v>
      </c>
      <c r="E9325" t="s">
        <v>5698</v>
      </c>
      <c r="F9325" t="s">
        <v>5699</v>
      </c>
      <c r="G9325" t="s">
        <v>80</v>
      </c>
      <c r="H9325" t="s">
        <v>81</v>
      </c>
      <c r="I9325" s="2">
        <v>0</v>
      </c>
      <c r="J9325" s="2">
        <v>1</v>
      </c>
      <c r="K9325" s="2">
        <v>0</v>
      </c>
      <c r="L9325" t="s">
        <v>82</v>
      </c>
      <c r="M9325" t="s">
        <v>83</v>
      </c>
      <c r="N9325" t="s">
        <v>91</v>
      </c>
      <c r="O9325" t="s">
        <v>85</v>
      </c>
      <c r="P9325" t="s">
        <v>86</v>
      </c>
      <c r="Q9325">
        <v>75</v>
      </c>
      <c r="R9325">
        <v>76</v>
      </c>
      <c r="S9325">
        <v>77</v>
      </c>
      <c r="T9325">
        <v>78</v>
      </c>
      <c r="U9325">
        <v>78</v>
      </c>
      <c r="V9325">
        <v>79</v>
      </c>
      <c r="W9325">
        <v>80</v>
      </c>
      <c r="X9325">
        <v>81</v>
      </c>
      <c r="Y9325">
        <v>81</v>
      </c>
      <c r="Z9325">
        <v>82</v>
      </c>
      <c r="AA9325">
        <v>83</v>
      </c>
      <c r="AB9325">
        <v>83</v>
      </c>
      <c r="AC9325">
        <v>84</v>
      </c>
      <c r="AD9325">
        <v>85</v>
      </c>
      <c r="AE9325">
        <v>85</v>
      </c>
      <c r="AF9325">
        <v>86</v>
      </c>
      <c r="AG9325">
        <v>87</v>
      </c>
      <c r="AH9325">
        <v>87</v>
      </c>
      <c r="AI9325">
        <v>88</v>
      </c>
      <c r="AJ9325">
        <v>88</v>
      </c>
      <c r="AK9325">
        <v>89</v>
      </c>
      <c r="AL9325">
        <v>89</v>
      </c>
      <c r="AM9325">
        <v>89</v>
      </c>
      <c r="AN9325">
        <v>89</v>
      </c>
      <c r="AO9325">
        <v>88</v>
      </c>
      <c r="AP9325">
        <v>88</v>
      </c>
      <c r="AQ9325">
        <v>88</v>
      </c>
    </row>
    <row r="9326" spans="1:43">
      <c r="A9326" t="s">
        <v>5826</v>
      </c>
      <c r="B9326" t="s">
        <v>5827</v>
      </c>
      <c r="C9326" t="s">
        <v>5822</v>
      </c>
      <c r="D9326" t="s">
        <v>5823</v>
      </c>
      <c r="E9326" t="s">
        <v>5698</v>
      </c>
      <c r="F9326" t="s">
        <v>5699</v>
      </c>
      <c r="G9326" t="s">
        <v>80</v>
      </c>
      <c r="H9326" t="s">
        <v>81</v>
      </c>
      <c r="I9326" s="2">
        <v>0</v>
      </c>
      <c r="J9326" s="2">
        <v>1</v>
      </c>
      <c r="K9326" s="2">
        <v>0</v>
      </c>
      <c r="L9326" t="s">
        <v>82</v>
      </c>
      <c r="M9326" t="s">
        <v>83</v>
      </c>
      <c r="N9326" t="s">
        <v>84</v>
      </c>
      <c r="O9326" t="s">
        <v>85</v>
      </c>
      <c r="P9326" t="s">
        <v>86</v>
      </c>
      <c r="Q9326">
        <v>151</v>
      </c>
      <c r="R9326">
        <v>152</v>
      </c>
      <c r="S9326">
        <v>154</v>
      </c>
      <c r="T9326">
        <v>155</v>
      </c>
      <c r="U9326">
        <v>156</v>
      </c>
      <c r="V9326">
        <v>158</v>
      </c>
      <c r="W9326">
        <v>159</v>
      </c>
      <c r="X9326">
        <v>160</v>
      </c>
      <c r="Y9326">
        <v>162</v>
      </c>
      <c r="Z9326">
        <v>163</v>
      </c>
      <c r="AA9326">
        <v>164</v>
      </c>
      <c r="AB9326">
        <v>166</v>
      </c>
      <c r="AC9326">
        <v>167</v>
      </c>
      <c r="AD9326">
        <v>168</v>
      </c>
      <c r="AE9326">
        <v>169</v>
      </c>
      <c r="AF9326">
        <v>170</v>
      </c>
      <c r="AG9326">
        <v>172</v>
      </c>
      <c r="AH9326">
        <v>173</v>
      </c>
      <c r="AI9326">
        <v>174</v>
      </c>
      <c r="AJ9326">
        <v>175</v>
      </c>
      <c r="AK9326">
        <v>176</v>
      </c>
      <c r="AL9326">
        <v>176</v>
      </c>
      <c r="AM9326">
        <v>175</v>
      </c>
      <c r="AN9326">
        <v>175</v>
      </c>
      <c r="AO9326">
        <v>174</v>
      </c>
      <c r="AP9326">
        <v>173</v>
      </c>
      <c r="AQ9326">
        <v>173</v>
      </c>
    </row>
    <row r="9327" spans="1:43">
      <c r="A9327" t="s">
        <v>5826</v>
      </c>
      <c r="B9327" t="s">
        <v>5827</v>
      </c>
      <c r="C9327" t="s">
        <v>5822</v>
      </c>
      <c r="D9327" t="s">
        <v>5823</v>
      </c>
      <c r="E9327" t="s">
        <v>5698</v>
      </c>
      <c r="F9327" t="s">
        <v>5699</v>
      </c>
      <c r="G9327" t="s">
        <v>80</v>
      </c>
      <c r="H9327" t="s">
        <v>81</v>
      </c>
      <c r="I9327" s="2">
        <v>0</v>
      </c>
      <c r="J9327" s="2">
        <v>1</v>
      </c>
      <c r="K9327" s="2">
        <v>0</v>
      </c>
      <c r="L9327" t="s">
        <v>82</v>
      </c>
      <c r="M9327" t="s">
        <v>87</v>
      </c>
      <c r="N9327" t="s">
        <v>88</v>
      </c>
      <c r="O9327" t="s">
        <v>85</v>
      </c>
      <c r="P9327" t="s">
        <v>86</v>
      </c>
      <c r="Q9327">
        <v>151</v>
      </c>
      <c r="R9327">
        <v>151</v>
      </c>
      <c r="S9327">
        <v>151</v>
      </c>
      <c r="T9327">
        <v>151</v>
      </c>
      <c r="U9327">
        <v>151</v>
      </c>
      <c r="V9327">
        <v>151</v>
      </c>
      <c r="W9327">
        <v>152</v>
      </c>
      <c r="X9327">
        <v>152</v>
      </c>
      <c r="Y9327">
        <v>152</v>
      </c>
      <c r="Z9327">
        <v>152</v>
      </c>
      <c r="AA9327">
        <v>152</v>
      </c>
      <c r="AB9327">
        <v>152</v>
      </c>
      <c r="AC9327">
        <v>152</v>
      </c>
      <c r="AD9327">
        <v>152</v>
      </c>
      <c r="AE9327">
        <v>152</v>
      </c>
      <c r="AF9327">
        <v>152</v>
      </c>
      <c r="AG9327">
        <v>152</v>
      </c>
      <c r="AH9327">
        <v>152</v>
      </c>
      <c r="AI9327">
        <v>152</v>
      </c>
      <c r="AJ9327">
        <v>152</v>
      </c>
      <c r="AK9327">
        <v>152</v>
      </c>
      <c r="AL9327">
        <v>152</v>
      </c>
      <c r="AM9327">
        <v>152</v>
      </c>
      <c r="AN9327">
        <v>152</v>
      </c>
      <c r="AO9327">
        <v>152</v>
      </c>
      <c r="AP9327">
        <v>152</v>
      </c>
      <c r="AQ9327">
        <v>152</v>
      </c>
    </row>
    <row r="9328" spans="1:43">
      <c r="A9328" t="s">
        <v>5826</v>
      </c>
      <c r="B9328" t="s">
        <v>5827</v>
      </c>
      <c r="C9328" t="s">
        <v>5822</v>
      </c>
      <c r="D9328" t="s">
        <v>5823</v>
      </c>
      <c r="E9328" t="s">
        <v>5698</v>
      </c>
      <c r="F9328" t="s">
        <v>5699</v>
      </c>
      <c r="G9328" t="s">
        <v>80</v>
      </c>
      <c r="H9328" t="s">
        <v>81</v>
      </c>
      <c r="I9328" s="2">
        <v>0</v>
      </c>
      <c r="J9328" s="2">
        <v>1</v>
      </c>
      <c r="K9328" s="2">
        <v>0</v>
      </c>
      <c r="L9328" t="s">
        <v>82</v>
      </c>
      <c r="M9328" t="s">
        <v>89</v>
      </c>
      <c r="N9328" t="s">
        <v>90</v>
      </c>
      <c r="O9328" t="s">
        <v>85</v>
      </c>
      <c r="P9328" t="s">
        <v>86</v>
      </c>
      <c r="Q9328">
        <v>151</v>
      </c>
      <c r="R9328">
        <v>154</v>
      </c>
      <c r="S9328">
        <v>156</v>
      </c>
      <c r="T9328">
        <v>159</v>
      </c>
      <c r="U9328">
        <v>162</v>
      </c>
      <c r="V9328">
        <v>164</v>
      </c>
      <c r="W9328">
        <v>166</v>
      </c>
      <c r="X9328">
        <v>168</v>
      </c>
      <c r="Y9328">
        <v>171</v>
      </c>
      <c r="Z9328">
        <v>172</v>
      </c>
      <c r="AA9328">
        <v>174</v>
      </c>
      <c r="AB9328">
        <v>176</v>
      </c>
      <c r="AC9328">
        <v>178</v>
      </c>
      <c r="AD9328">
        <v>180</v>
      </c>
      <c r="AE9328">
        <v>181</v>
      </c>
      <c r="AF9328">
        <v>180</v>
      </c>
      <c r="AG9328">
        <v>179</v>
      </c>
      <c r="AH9328">
        <v>179</v>
      </c>
      <c r="AI9328">
        <v>178</v>
      </c>
      <c r="AJ9328">
        <v>177</v>
      </c>
      <c r="AK9328">
        <v>177</v>
      </c>
      <c r="AL9328">
        <v>176</v>
      </c>
      <c r="AM9328">
        <v>175</v>
      </c>
      <c r="AN9328">
        <v>174</v>
      </c>
      <c r="AO9328">
        <v>174</v>
      </c>
      <c r="AP9328">
        <v>173</v>
      </c>
      <c r="AQ9328">
        <v>172</v>
      </c>
    </row>
    <row r="9329" spans="1:43">
      <c r="A9329" t="s">
        <v>5826</v>
      </c>
      <c r="B9329" t="s">
        <v>5827</v>
      </c>
      <c r="C9329" t="s">
        <v>5822</v>
      </c>
      <c r="D9329" t="s">
        <v>5823</v>
      </c>
      <c r="E9329" t="s">
        <v>5698</v>
      </c>
      <c r="F9329" t="s">
        <v>5699</v>
      </c>
      <c r="G9329" t="s">
        <v>80</v>
      </c>
      <c r="H9329" t="s">
        <v>81</v>
      </c>
      <c r="I9329" s="2">
        <v>0</v>
      </c>
      <c r="J9329" s="2">
        <v>1</v>
      </c>
      <c r="K9329" s="2">
        <v>0</v>
      </c>
      <c r="L9329" t="s">
        <v>82</v>
      </c>
      <c r="M9329" t="s">
        <v>83</v>
      </c>
      <c r="N9329" t="s">
        <v>91</v>
      </c>
      <c r="O9329" t="s">
        <v>85</v>
      </c>
      <c r="P9329" t="s">
        <v>86</v>
      </c>
      <c r="Q9329">
        <v>151</v>
      </c>
      <c r="R9329">
        <v>152</v>
      </c>
      <c r="S9329">
        <v>154</v>
      </c>
      <c r="T9329">
        <v>155</v>
      </c>
      <c r="U9329">
        <v>156</v>
      </c>
      <c r="V9329">
        <v>158</v>
      </c>
      <c r="W9329">
        <v>159</v>
      </c>
      <c r="X9329">
        <v>160</v>
      </c>
      <c r="Y9329">
        <v>162</v>
      </c>
      <c r="Z9329">
        <v>163</v>
      </c>
      <c r="AA9329">
        <v>164</v>
      </c>
      <c r="AB9329">
        <v>166</v>
      </c>
      <c r="AC9329">
        <v>167</v>
      </c>
      <c r="AD9329">
        <v>168</v>
      </c>
      <c r="AE9329">
        <v>169</v>
      </c>
      <c r="AF9329">
        <v>170</v>
      </c>
      <c r="AG9329">
        <v>172</v>
      </c>
      <c r="AH9329">
        <v>173</v>
      </c>
      <c r="AI9329">
        <v>174</v>
      </c>
      <c r="AJ9329">
        <v>175</v>
      </c>
      <c r="AK9329">
        <v>176</v>
      </c>
      <c r="AL9329">
        <v>176</v>
      </c>
      <c r="AM9329">
        <v>175</v>
      </c>
      <c r="AN9329">
        <v>175</v>
      </c>
      <c r="AO9329">
        <v>174</v>
      </c>
      <c r="AP9329">
        <v>173</v>
      </c>
      <c r="AQ9329">
        <v>173</v>
      </c>
    </row>
    <row r="9330" spans="1:43">
      <c r="A9330" t="s">
        <v>5828</v>
      </c>
      <c r="B9330" t="s">
        <v>5829</v>
      </c>
      <c r="C9330" t="s">
        <v>5822</v>
      </c>
      <c r="D9330" t="s">
        <v>5823</v>
      </c>
      <c r="E9330" t="s">
        <v>5698</v>
      </c>
      <c r="F9330" t="s">
        <v>5699</v>
      </c>
      <c r="G9330" t="s">
        <v>80</v>
      </c>
      <c r="H9330" t="s">
        <v>81</v>
      </c>
      <c r="I9330" s="2">
        <v>0</v>
      </c>
      <c r="J9330" s="2">
        <v>1</v>
      </c>
      <c r="K9330" s="2">
        <v>0</v>
      </c>
      <c r="L9330" t="s">
        <v>82</v>
      </c>
      <c r="M9330" t="s">
        <v>83</v>
      </c>
      <c r="N9330" t="s">
        <v>84</v>
      </c>
      <c r="O9330" t="s">
        <v>85</v>
      </c>
      <c r="P9330" t="s">
        <v>86</v>
      </c>
      <c r="Q9330">
        <v>72</v>
      </c>
      <c r="R9330">
        <v>72</v>
      </c>
      <c r="S9330">
        <v>73</v>
      </c>
      <c r="T9330">
        <v>74</v>
      </c>
      <c r="U9330">
        <v>74</v>
      </c>
      <c r="V9330">
        <v>75</v>
      </c>
      <c r="W9330">
        <v>76</v>
      </c>
      <c r="X9330">
        <v>76</v>
      </c>
      <c r="Y9330">
        <v>77</v>
      </c>
      <c r="Z9330">
        <v>78</v>
      </c>
      <c r="AA9330">
        <v>78</v>
      </c>
      <c r="AB9330">
        <v>79</v>
      </c>
      <c r="AC9330">
        <v>80</v>
      </c>
      <c r="AD9330">
        <v>80</v>
      </c>
      <c r="AE9330">
        <v>81</v>
      </c>
      <c r="AF9330">
        <v>81</v>
      </c>
      <c r="AG9330">
        <v>82</v>
      </c>
      <c r="AH9330">
        <v>82</v>
      </c>
      <c r="AI9330">
        <v>83</v>
      </c>
      <c r="AJ9330">
        <v>83</v>
      </c>
      <c r="AK9330">
        <v>84</v>
      </c>
      <c r="AL9330">
        <v>84</v>
      </c>
      <c r="AM9330">
        <v>83</v>
      </c>
      <c r="AN9330">
        <v>83</v>
      </c>
      <c r="AO9330">
        <v>83</v>
      </c>
      <c r="AP9330">
        <v>83</v>
      </c>
      <c r="AQ9330">
        <v>82</v>
      </c>
    </row>
    <row r="9331" spans="1:43">
      <c r="A9331" t="s">
        <v>5828</v>
      </c>
      <c r="B9331" t="s">
        <v>5829</v>
      </c>
      <c r="C9331" t="s">
        <v>5822</v>
      </c>
      <c r="D9331" t="s">
        <v>5823</v>
      </c>
      <c r="E9331" t="s">
        <v>5698</v>
      </c>
      <c r="F9331" t="s">
        <v>5699</v>
      </c>
      <c r="G9331" t="s">
        <v>80</v>
      </c>
      <c r="H9331" t="s">
        <v>81</v>
      </c>
      <c r="I9331" s="2">
        <v>0</v>
      </c>
      <c r="J9331" s="2">
        <v>1</v>
      </c>
      <c r="K9331" s="2">
        <v>0</v>
      </c>
      <c r="L9331" t="s">
        <v>82</v>
      </c>
      <c r="M9331" t="s">
        <v>87</v>
      </c>
      <c r="N9331" t="s">
        <v>88</v>
      </c>
      <c r="O9331" t="s">
        <v>85</v>
      </c>
      <c r="P9331" t="s">
        <v>86</v>
      </c>
      <c r="Q9331">
        <v>72</v>
      </c>
      <c r="R9331">
        <v>72</v>
      </c>
      <c r="S9331">
        <v>72</v>
      </c>
      <c r="T9331">
        <v>72</v>
      </c>
      <c r="U9331">
        <v>72</v>
      </c>
      <c r="V9331">
        <v>72</v>
      </c>
      <c r="W9331">
        <v>72</v>
      </c>
      <c r="X9331">
        <v>72</v>
      </c>
      <c r="Y9331">
        <v>72</v>
      </c>
      <c r="Z9331">
        <v>72</v>
      </c>
      <c r="AA9331">
        <v>72</v>
      </c>
      <c r="AB9331">
        <v>72</v>
      </c>
      <c r="AC9331">
        <v>72</v>
      </c>
      <c r="AD9331">
        <v>72</v>
      </c>
      <c r="AE9331">
        <v>72</v>
      </c>
      <c r="AF9331">
        <v>72</v>
      </c>
      <c r="AG9331">
        <v>72</v>
      </c>
      <c r="AH9331">
        <v>72</v>
      </c>
      <c r="AI9331">
        <v>72</v>
      </c>
      <c r="AJ9331">
        <v>72</v>
      </c>
      <c r="AK9331">
        <v>72</v>
      </c>
      <c r="AL9331">
        <v>72</v>
      </c>
      <c r="AM9331">
        <v>72</v>
      </c>
      <c r="AN9331">
        <v>72</v>
      </c>
      <c r="AO9331">
        <v>72</v>
      </c>
      <c r="AP9331">
        <v>72</v>
      </c>
      <c r="AQ9331">
        <v>72</v>
      </c>
    </row>
    <row r="9332" spans="1:43">
      <c r="A9332" t="s">
        <v>5828</v>
      </c>
      <c r="B9332" t="s">
        <v>5829</v>
      </c>
      <c r="C9332" t="s">
        <v>5822</v>
      </c>
      <c r="D9332" t="s">
        <v>5823</v>
      </c>
      <c r="E9332" t="s">
        <v>5698</v>
      </c>
      <c r="F9332" t="s">
        <v>5699</v>
      </c>
      <c r="G9332" t="s">
        <v>80</v>
      </c>
      <c r="H9332" t="s">
        <v>81</v>
      </c>
      <c r="I9332" s="2">
        <v>0</v>
      </c>
      <c r="J9332" s="2">
        <v>1</v>
      </c>
      <c r="K9332" s="2">
        <v>0</v>
      </c>
      <c r="L9332" t="s">
        <v>82</v>
      </c>
      <c r="M9332" t="s">
        <v>89</v>
      </c>
      <c r="N9332" t="s">
        <v>90</v>
      </c>
      <c r="O9332" t="s">
        <v>85</v>
      </c>
      <c r="P9332" t="s">
        <v>86</v>
      </c>
      <c r="Q9332">
        <v>72</v>
      </c>
      <c r="R9332">
        <v>74</v>
      </c>
      <c r="S9332">
        <v>75</v>
      </c>
      <c r="T9332">
        <v>76</v>
      </c>
      <c r="U9332">
        <v>77</v>
      </c>
      <c r="V9332">
        <v>79</v>
      </c>
      <c r="W9332">
        <v>80</v>
      </c>
      <c r="X9332">
        <v>81</v>
      </c>
      <c r="Y9332">
        <v>82</v>
      </c>
      <c r="Z9332">
        <v>83</v>
      </c>
      <c r="AA9332">
        <v>84</v>
      </c>
      <c r="AB9332">
        <v>84</v>
      </c>
      <c r="AC9332">
        <v>85</v>
      </c>
      <c r="AD9332">
        <v>86</v>
      </c>
      <c r="AE9332">
        <v>87</v>
      </c>
      <c r="AF9332">
        <v>86</v>
      </c>
      <c r="AG9332">
        <v>86</v>
      </c>
      <c r="AH9332">
        <v>86</v>
      </c>
      <c r="AI9332">
        <v>85</v>
      </c>
      <c r="AJ9332">
        <v>85</v>
      </c>
      <c r="AK9332">
        <v>85</v>
      </c>
      <c r="AL9332">
        <v>84</v>
      </c>
      <c r="AM9332">
        <v>84</v>
      </c>
      <c r="AN9332">
        <v>84</v>
      </c>
      <c r="AO9332">
        <v>83</v>
      </c>
      <c r="AP9332">
        <v>83</v>
      </c>
      <c r="AQ9332">
        <v>83</v>
      </c>
    </row>
    <row r="9333" spans="1:43">
      <c r="A9333" t="s">
        <v>5828</v>
      </c>
      <c r="B9333" t="s">
        <v>5829</v>
      </c>
      <c r="C9333" t="s">
        <v>5822</v>
      </c>
      <c r="D9333" t="s">
        <v>5823</v>
      </c>
      <c r="E9333" t="s">
        <v>5698</v>
      </c>
      <c r="F9333" t="s">
        <v>5699</v>
      </c>
      <c r="G9333" t="s">
        <v>80</v>
      </c>
      <c r="H9333" t="s">
        <v>81</v>
      </c>
      <c r="I9333" s="2">
        <v>0</v>
      </c>
      <c r="J9333" s="2">
        <v>1</v>
      </c>
      <c r="K9333" s="2">
        <v>0</v>
      </c>
      <c r="L9333" t="s">
        <v>82</v>
      </c>
      <c r="M9333" t="s">
        <v>83</v>
      </c>
      <c r="N9333" t="s">
        <v>91</v>
      </c>
      <c r="O9333" t="s">
        <v>85</v>
      </c>
      <c r="P9333" t="s">
        <v>86</v>
      </c>
      <c r="Q9333">
        <v>72</v>
      </c>
      <c r="R9333">
        <v>72</v>
      </c>
      <c r="S9333">
        <v>73</v>
      </c>
      <c r="T9333">
        <v>74</v>
      </c>
      <c r="U9333">
        <v>74</v>
      </c>
      <c r="V9333">
        <v>75</v>
      </c>
      <c r="W9333">
        <v>76</v>
      </c>
      <c r="X9333">
        <v>76</v>
      </c>
      <c r="Y9333">
        <v>77</v>
      </c>
      <c r="Z9333">
        <v>78</v>
      </c>
      <c r="AA9333">
        <v>78</v>
      </c>
      <c r="AB9333">
        <v>79</v>
      </c>
      <c r="AC9333">
        <v>80</v>
      </c>
      <c r="AD9333">
        <v>80</v>
      </c>
      <c r="AE9333">
        <v>81</v>
      </c>
      <c r="AF9333">
        <v>81</v>
      </c>
      <c r="AG9333">
        <v>82</v>
      </c>
      <c r="AH9333">
        <v>82</v>
      </c>
      <c r="AI9333">
        <v>83</v>
      </c>
      <c r="AJ9333">
        <v>83</v>
      </c>
      <c r="AK9333">
        <v>84</v>
      </c>
      <c r="AL9333">
        <v>84</v>
      </c>
      <c r="AM9333">
        <v>83</v>
      </c>
      <c r="AN9333">
        <v>83</v>
      </c>
      <c r="AO9333">
        <v>83</v>
      </c>
      <c r="AP9333">
        <v>83</v>
      </c>
      <c r="AQ9333">
        <v>82</v>
      </c>
    </row>
    <row r="9334" spans="1:43">
      <c r="A9334" t="s">
        <v>5830</v>
      </c>
      <c r="B9334" t="s">
        <v>5831</v>
      </c>
      <c r="C9334" t="s">
        <v>5822</v>
      </c>
      <c r="D9334" t="s">
        <v>5823</v>
      </c>
      <c r="E9334" t="s">
        <v>5698</v>
      </c>
      <c r="F9334" t="s">
        <v>5699</v>
      </c>
      <c r="G9334" t="s">
        <v>80</v>
      </c>
      <c r="H9334" t="s">
        <v>81</v>
      </c>
      <c r="I9334" s="2">
        <v>0</v>
      </c>
      <c r="J9334" s="2">
        <v>1</v>
      </c>
      <c r="K9334" s="2">
        <v>0</v>
      </c>
      <c r="L9334" t="s">
        <v>82</v>
      </c>
      <c r="M9334" t="s">
        <v>83</v>
      </c>
      <c r="N9334" t="s">
        <v>84</v>
      </c>
      <c r="O9334" t="s">
        <v>85</v>
      </c>
      <c r="P9334" t="s">
        <v>86</v>
      </c>
      <c r="Q9334">
        <v>69</v>
      </c>
      <c r="R9334">
        <v>70</v>
      </c>
      <c r="S9334">
        <v>71</v>
      </c>
      <c r="T9334">
        <v>71</v>
      </c>
      <c r="U9334">
        <v>72</v>
      </c>
      <c r="V9334">
        <v>73</v>
      </c>
      <c r="W9334">
        <v>73</v>
      </c>
      <c r="X9334">
        <v>74</v>
      </c>
      <c r="Y9334">
        <v>75</v>
      </c>
      <c r="Z9334">
        <v>75</v>
      </c>
      <c r="AA9334">
        <v>76</v>
      </c>
      <c r="AB9334">
        <v>77</v>
      </c>
      <c r="AC9334">
        <v>77</v>
      </c>
      <c r="AD9334">
        <v>78</v>
      </c>
      <c r="AE9334">
        <v>78</v>
      </c>
      <c r="AF9334">
        <v>79</v>
      </c>
      <c r="AG9334">
        <v>79</v>
      </c>
      <c r="AH9334">
        <v>80</v>
      </c>
      <c r="AI9334">
        <v>81</v>
      </c>
      <c r="AJ9334">
        <v>81</v>
      </c>
      <c r="AK9334">
        <v>82</v>
      </c>
      <c r="AL9334">
        <v>82</v>
      </c>
      <c r="AM9334">
        <v>82</v>
      </c>
      <c r="AN9334">
        <v>81</v>
      </c>
      <c r="AO9334">
        <v>81</v>
      </c>
      <c r="AP9334">
        <v>81</v>
      </c>
      <c r="AQ9334">
        <v>81</v>
      </c>
    </row>
    <row r="9335" spans="1:43">
      <c r="A9335" t="s">
        <v>5830</v>
      </c>
      <c r="B9335" t="s">
        <v>5831</v>
      </c>
      <c r="C9335" t="s">
        <v>5822</v>
      </c>
      <c r="D9335" t="s">
        <v>5823</v>
      </c>
      <c r="E9335" t="s">
        <v>5698</v>
      </c>
      <c r="F9335" t="s">
        <v>5699</v>
      </c>
      <c r="G9335" t="s">
        <v>80</v>
      </c>
      <c r="H9335" t="s">
        <v>81</v>
      </c>
      <c r="I9335" s="2">
        <v>0</v>
      </c>
      <c r="J9335" s="2">
        <v>1</v>
      </c>
      <c r="K9335" s="2">
        <v>0</v>
      </c>
      <c r="L9335" t="s">
        <v>82</v>
      </c>
      <c r="M9335" t="s">
        <v>87</v>
      </c>
      <c r="N9335" t="s">
        <v>88</v>
      </c>
      <c r="O9335" t="s">
        <v>85</v>
      </c>
      <c r="P9335" t="s">
        <v>86</v>
      </c>
      <c r="Q9335">
        <v>69</v>
      </c>
      <c r="R9335">
        <v>69</v>
      </c>
      <c r="S9335">
        <v>69</v>
      </c>
      <c r="T9335">
        <v>69</v>
      </c>
      <c r="U9335">
        <v>69</v>
      </c>
      <c r="V9335">
        <v>69</v>
      </c>
      <c r="W9335">
        <v>69</v>
      </c>
      <c r="X9335">
        <v>69</v>
      </c>
      <c r="Y9335">
        <v>69</v>
      </c>
      <c r="Z9335">
        <v>69</v>
      </c>
      <c r="AA9335">
        <v>69</v>
      </c>
      <c r="AB9335">
        <v>69</v>
      </c>
      <c r="AC9335">
        <v>69</v>
      </c>
      <c r="AD9335">
        <v>69</v>
      </c>
      <c r="AE9335">
        <v>69</v>
      </c>
      <c r="AF9335">
        <v>69</v>
      </c>
      <c r="AG9335">
        <v>69</v>
      </c>
      <c r="AH9335">
        <v>69</v>
      </c>
      <c r="AI9335">
        <v>69</v>
      </c>
      <c r="AJ9335">
        <v>69</v>
      </c>
      <c r="AK9335">
        <v>70</v>
      </c>
      <c r="AL9335">
        <v>70</v>
      </c>
      <c r="AM9335">
        <v>70</v>
      </c>
      <c r="AN9335">
        <v>70</v>
      </c>
      <c r="AO9335">
        <v>70</v>
      </c>
      <c r="AP9335">
        <v>70</v>
      </c>
      <c r="AQ9335">
        <v>70</v>
      </c>
    </row>
    <row r="9336" spans="1:43">
      <c r="A9336" t="s">
        <v>5830</v>
      </c>
      <c r="B9336" t="s">
        <v>5831</v>
      </c>
      <c r="C9336" t="s">
        <v>5822</v>
      </c>
      <c r="D9336" t="s">
        <v>5823</v>
      </c>
      <c r="E9336" t="s">
        <v>5698</v>
      </c>
      <c r="F9336" t="s">
        <v>5699</v>
      </c>
      <c r="G9336" t="s">
        <v>80</v>
      </c>
      <c r="H9336" t="s">
        <v>81</v>
      </c>
      <c r="I9336" s="2">
        <v>0</v>
      </c>
      <c r="J9336" s="2">
        <v>1</v>
      </c>
      <c r="K9336" s="2">
        <v>0</v>
      </c>
      <c r="L9336" t="s">
        <v>82</v>
      </c>
      <c r="M9336" t="s">
        <v>89</v>
      </c>
      <c r="N9336" t="s">
        <v>90</v>
      </c>
      <c r="O9336" t="s">
        <v>85</v>
      </c>
      <c r="P9336" t="s">
        <v>86</v>
      </c>
      <c r="Q9336">
        <v>69</v>
      </c>
      <c r="R9336">
        <v>70</v>
      </c>
      <c r="S9336">
        <v>71</v>
      </c>
      <c r="T9336">
        <v>73</v>
      </c>
      <c r="U9336">
        <v>74</v>
      </c>
      <c r="V9336">
        <v>75</v>
      </c>
      <c r="W9336">
        <v>76</v>
      </c>
      <c r="X9336">
        <v>77</v>
      </c>
      <c r="Y9336">
        <v>78</v>
      </c>
      <c r="Z9336">
        <v>79</v>
      </c>
      <c r="AA9336">
        <v>80</v>
      </c>
      <c r="AB9336">
        <v>81</v>
      </c>
      <c r="AC9336">
        <v>82</v>
      </c>
      <c r="AD9336">
        <v>83</v>
      </c>
      <c r="AE9336">
        <v>83</v>
      </c>
      <c r="AF9336">
        <v>83</v>
      </c>
      <c r="AG9336">
        <v>83</v>
      </c>
      <c r="AH9336">
        <v>82</v>
      </c>
      <c r="AI9336">
        <v>82</v>
      </c>
      <c r="AJ9336">
        <v>82</v>
      </c>
      <c r="AK9336">
        <v>82</v>
      </c>
      <c r="AL9336">
        <v>82</v>
      </c>
      <c r="AM9336">
        <v>81</v>
      </c>
      <c r="AN9336">
        <v>81</v>
      </c>
      <c r="AO9336">
        <v>81</v>
      </c>
      <c r="AP9336">
        <v>81</v>
      </c>
      <c r="AQ9336">
        <v>80</v>
      </c>
    </row>
    <row r="9337" spans="1:43">
      <c r="A9337" t="s">
        <v>5830</v>
      </c>
      <c r="B9337" t="s">
        <v>5831</v>
      </c>
      <c r="C9337" t="s">
        <v>5822</v>
      </c>
      <c r="D9337" t="s">
        <v>5823</v>
      </c>
      <c r="E9337" t="s">
        <v>5698</v>
      </c>
      <c r="F9337" t="s">
        <v>5699</v>
      </c>
      <c r="G9337" t="s">
        <v>80</v>
      </c>
      <c r="H9337" t="s">
        <v>81</v>
      </c>
      <c r="I9337" s="2">
        <v>0</v>
      </c>
      <c r="J9337" s="2">
        <v>1</v>
      </c>
      <c r="K9337" s="2">
        <v>0</v>
      </c>
      <c r="L9337" t="s">
        <v>82</v>
      </c>
      <c r="M9337" t="s">
        <v>83</v>
      </c>
      <c r="N9337" t="s">
        <v>91</v>
      </c>
      <c r="O9337" t="s">
        <v>85</v>
      </c>
      <c r="P9337" t="s">
        <v>86</v>
      </c>
      <c r="Q9337">
        <v>69</v>
      </c>
      <c r="R9337">
        <v>70</v>
      </c>
      <c r="S9337">
        <v>71</v>
      </c>
      <c r="T9337">
        <v>71</v>
      </c>
      <c r="U9337">
        <v>72</v>
      </c>
      <c r="V9337">
        <v>73</v>
      </c>
      <c r="W9337">
        <v>73</v>
      </c>
      <c r="X9337">
        <v>74</v>
      </c>
      <c r="Y9337">
        <v>75</v>
      </c>
      <c r="Z9337">
        <v>75</v>
      </c>
      <c r="AA9337">
        <v>76</v>
      </c>
      <c r="AB9337">
        <v>77</v>
      </c>
      <c r="AC9337">
        <v>77</v>
      </c>
      <c r="AD9337">
        <v>78</v>
      </c>
      <c r="AE9337">
        <v>78</v>
      </c>
      <c r="AF9337">
        <v>79</v>
      </c>
      <c r="AG9337">
        <v>79</v>
      </c>
      <c r="AH9337">
        <v>80</v>
      </c>
      <c r="AI9337">
        <v>81</v>
      </c>
      <c r="AJ9337">
        <v>81</v>
      </c>
      <c r="AK9337">
        <v>82</v>
      </c>
      <c r="AL9337">
        <v>82</v>
      </c>
      <c r="AM9337">
        <v>82</v>
      </c>
      <c r="AN9337">
        <v>81</v>
      </c>
      <c r="AO9337">
        <v>81</v>
      </c>
      <c r="AP9337">
        <v>81</v>
      </c>
      <c r="AQ9337">
        <v>81</v>
      </c>
    </row>
    <row r="9338" spans="1:43">
      <c r="A9338" t="s">
        <v>5832</v>
      </c>
      <c r="B9338" t="s">
        <v>5833</v>
      </c>
      <c r="C9338" t="s">
        <v>5822</v>
      </c>
      <c r="D9338" t="s">
        <v>5823</v>
      </c>
      <c r="E9338" t="s">
        <v>5698</v>
      </c>
      <c r="F9338" t="s">
        <v>5699</v>
      </c>
      <c r="G9338" t="s">
        <v>80</v>
      </c>
      <c r="H9338" t="s">
        <v>81</v>
      </c>
      <c r="I9338" s="2">
        <v>0</v>
      </c>
      <c r="J9338" s="2">
        <v>1</v>
      </c>
      <c r="K9338" s="2">
        <v>0</v>
      </c>
      <c r="L9338" t="s">
        <v>82</v>
      </c>
      <c r="M9338" t="s">
        <v>83</v>
      </c>
      <c r="N9338" t="s">
        <v>84</v>
      </c>
      <c r="O9338" t="s">
        <v>85</v>
      </c>
      <c r="P9338" t="s">
        <v>86</v>
      </c>
      <c r="Q9338">
        <v>60</v>
      </c>
      <c r="R9338">
        <v>61</v>
      </c>
      <c r="S9338">
        <v>62</v>
      </c>
      <c r="T9338">
        <v>62</v>
      </c>
      <c r="U9338">
        <v>63</v>
      </c>
      <c r="V9338">
        <v>63</v>
      </c>
      <c r="W9338">
        <v>64</v>
      </c>
      <c r="X9338">
        <v>65</v>
      </c>
      <c r="Y9338">
        <v>65</v>
      </c>
      <c r="Z9338">
        <v>66</v>
      </c>
      <c r="AA9338">
        <v>66</v>
      </c>
      <c r="AB9338">
        <v>67</v>
      </c>
      <c r="AC9338">
        <v>67</v>
      </c>
      <c r="AD9338">
        <v>68</v>
      </c>
      <c r="AE9338">
        <v>68</v>
      </c>
      <c r="AF9338">
        <v>69</v>
      </c>
      <c r="AG9338">
        <v>69</v>
      </c>
      <c r="AH9338">
        <v>70</v>
      </c>
      <c r="AI9338">
        <v>70</v>
      </c>
      <c r="AJ9338">
        <v>70</v>
      </c>
      <c r="AK9338">
        <v>71</v>
      </c>
      <c r="AL9338">
        <v>71</v>
      </c>
      <c r="AM9338">
        <v>71</v>
      </c>
      <c r="AN9338">
        <v>70</v>
      </c>
      <c r="AO9338">
        <v>70</v>
      </c>
      <c r="AP9338">
        <v>70</v>
      </c>
      <c r="AQ9338">
        <v>70</v>
      </c>
    </row>
    <row r="9339" spans="1:43">
      <c r="A9339" t="s">
        <v>5832</v>
      </c>
      <c r="B9339" t="s">
        <v>5833</v>
      </c>
      <c r="C9339" t="s">
        <v>5822</v>
      </c>
      <c r="D9339" t="s">
        <v>5823</v>
      </c>
      <c r="E9339" t="s">
        <v>5698</v>
      </c>
      <c r="F9339" t="s">
        <v>5699</v>
      </c>
      <c r="G9339" t="s">
        <v>80</v>
      </c>
      <c r="H9339" t="s">
        <v>81</v>
      </c>
      <c r="I9339" s="2">
        <v>0</v>
      </c>
      <c r="J9339" s="2">
        <v>1</v>
      </c>
      <c r="K9339" s="2">
        <v>0</v>
      </c>
      <c r="L9339" t="s">
        <v>82</v>
      </c>
      <c r="M9339" t="s">
        <v>87</v>
      </c>
      <c r="N9339" t="s">
        <v>88</v>
      </c>
      <c r="O9339" t="s">
        <v>85</v>
      </c>
      <c r="P9339" t="s">
        <v>86</v>
      </c>
      <c r="Q9339">
        <v>60</v>
      </c>
      <c r="R9339">
        <v>60</v>
      </c>
      <c r="S9339">
        <v>60</v>
      </c>
      <c r="T9339">
        <v>60</v>
      </c>
      <c r="U9339">
        <v>60</v>
      </c>
      <c r="V9339">
        <v>60</v>
      </c>
      <c r="W9339">
        <v>60</v>
      </c>
      <c r="X9339">
        <v>60</v>
      </c>
      <c r="Y9339">
        <v>60</v>
      </c>
      <c r="Z9339">
        <v>60</v>
      </c>
      <c r="AA9339">
        <v>60</v>
      </c>
      <c r="AB9339">
        <v>60</v>
      </c>
      <c r="AC9339">
        <v>60</v>
      </c>
      <c r="AD9339">
        <v>60</v>
      </c>
      <c r="AE9339">
        <v>60</v>
      </c>
      <c r="AF9339">
        <v>60</v>
      </c>
      <c r="AG9339">
        <v>60</v>
      </c>
      <c r="AH9339">
        <v>60</v>
      </c>
      <c r="AI9339">
        <v>60</v>
      </c>
      <c r="AJ9339">
        <v>60</v>
      </c>
      <c r="AK9339">
        <v>60</v>
      </c>
      <c r="AL9339">
        <v>60</v>
      </c>
      <c r="AM9339">
        <v>60</v>
      </c>
      <c r="AN9339">
        <v>60</v>
      </c>
      <c r="AO9339">
        <v>60</v>
      </c>
      <c r="AP9339">
        <v>60</v>
      </c>
      <c r="AQ9339">
        <v>60</v>
      </c>
    </row>
    <row r="9340" spans="1:43">
      <c r="A9340" t="s">
        <v>5832</v>
      </c>
      <c r="B9340" t="s">
        <v>5833</v>
      </c>
      <c r="C9340" t="s">
        <v>5822</v>
      </c>
      <c r="D9340" t="s">
        <v>5823</v>
      </c>
      <c r="E9340" t="s">
        <v>5698</v>
      </c>
      <c r="F9340" t="s">
        <v>5699</v>
      </c>
      <c r="G9340" t="s">
        <v>80</v>
      </c>
      <c r="H9340" t="s">
        <v>81</v>
      </c>
      <c r="I9340" s="2">
        <v>0</v>
      </c>
      <c r="J9340" s="2">
        <v>1</v>
      </c>
      <c r="K9340" s="2">
        <v>0</v>
      </c>
      <c r="L9340" t="s">
        <v>82</v>
      </c>
      <c r="M9340" t="s">
        <v>89</v>
      </c>
      <c r="N9340" t="s">
        <v>90</v>
      </c>
      <c r="O9340" t="s">
        <v>85</v>
      </c>
      <c r="P9340" t="s">
        <v>86</v>
      </c>
      <c r="Q9340">
        <v>60</v>
      </c>
      <c r="R9340">
        <v>61</v>
      </c>
      <c r="S9340">
        <v>62</v>
      </c>
      <c r="T9340">
        <v>63</v>
      </c>
      <c r="U9340">
        <v>64</v>
      </c>
      <c r="V9340">
        <v>65</v>
      </c>
      <c r="W9340">
        <v>66</v>
      </c>
      <c r="X9340">
        <v>67</v>
      </c>
      <c r="Y9340">
        <v>68</v>
      </c>
      <c r="Z9340">
        <v>69</v>
      </c>
      <c r="AA9340">
        <v>70</v>
      </c>
      <c r="AB9340">
        <v>70</v>
      </c>
      <c r="AC9340">
        <v>71</v>
      </c>
      <c r="AD9340">
        <v>72</v>
      </c>
      <c r="AE9340">
        <v>72</v>
      </c>
      <c r="AF9340">
        <v>72</v>
      </c>
      <c r="AG9340">
        <v>72</v>
      </c>
      <c r="AH9340">
        <v>71</v>
      </c>
      <c r="AI9340">
        <v>71</v>
      </c>
      <c r="AJ9340">
        <v>71</v>
      </c>
      <c r="AK9340">
        <v>71</v>
      </c>
      <c r="AL9340">
        <v>70</v>
      </c>
      <c r="AM9340">
        <v>70</v>
      </c>
      <c r="AN9340">
        <v>70</v>
      </c>
      <c r="AO9340">
        <v>70</v>
      </c>
      <c r="AP9340">
        <v>69</v>
      </c>
      <c r="AQ9340">
        <v>69</v>
      </c>
    </row>
    <row r="9341" spans="1:43">
      <c r="A9341" t="s">
        <v>5832</v>
      </c>
      <c r="B9341" t="s">
        <v>5833</v>
      </c>
      <c r="C9341" t="s">
        <v>5822</v>
      </c>
      <c r="D9341" t="s">
        <v>5823</v>
      </c>
      <c r="E9341" t="s">
        <v>5698</v>
      </c>
      <c r="F9341" t="s">
        <v>5699</v>
      </c>
      <c r="G9341" t="s">
        <v>80</v>
      </c>
      <c r="H9341" t="s">
        <v>81</v>
      </c>
      <c r="I9341" s="2">
        <v>0</v>
      </c>
      <c r="J9341" s="2">
        <v>1</v>
      </c>
      <c r="K9341" s="2">
        <v>0</v>
      </c>
      <c r="L9341" t="s">
        <v>82</v>
      </c>
      <c r="M9341" t="s">
        <v>83</v>
      </c>
      <c r="N9341" t="s">
        <v>91</v>
      </c>
      <c r="O9341" t="s">
        <v>85</v>
      </c>
      <c r="P9341" t="s">
        <v>86</v>
      </c>
      <c r="Q9341">
        <v>60</v>
      </c>
      <c r="R9341">
        <v>61</v>
      </c>
      <c r="S9341">
        <v>62</v>
      </c>
      <c r="T9341">
        <v>62</v>
      </c>
      <c r="U9341">
        <v>63</v>
      </c>
      <c r="V9341">
        <v>63</v>
      </c>
      <c r="W9341">
        <v>64</v>
      </c>
      <c r="X9341">
        <v>65</v>
      </c>
      <c r="Y9341">
        <v>65</v>
      </c>
      <c r="Z9341">
        <v>66</v>
      </c>
      <c r="AA9341">
        <v>66</v>
      </c>
      <c r="AB9341">
        <v>67</v>
      </c>
      <c r="AC9341">
        <v>67</v>
      </c>
      <c r="AD9341">
        <v>68</v>
      </c>
      <c r="AE9341">
        <v>68</v>
      </c>
      <c r="AF9341">
        <v>69</v>
      </c>
      <c r="AG9341">
        <v>69</v>
      </c>
      <c r="AH9341">
        <v>70</v>
      </c>
      <c r="AI9341">
        <v>70</v>
      </c>
      <c r="AJ9341">
        <v>70</v>
      </c>
      <c r="AK9341">
        <v>71</v>
      </c>
      <c r="AL9341">
        <v>71</v>
      </c>
      <c r="AM9341">
        <v>71</v>
      </c>
      <c r="AN9341">
        <v>70</v>
      </c>
      <c r="AO9341">
        <v>70</v>
      </c>
      <c r="AP9341">
        <v>70</v>
      </c>
      <c r="AQ9341">
        <v>70</v>
      </c>
    </row>
    <row r="9342" spans="1:43">
      <c r="A9342" t="s">
        <v>5834</v>
      </c>
      <c r="B9342" t="s">
        <v>5835</v>
      </c>
      <c r="C9342" t="s">
        <v>5836</v>
      </c>
      <c r="D9342" t="s">
        <v>5837</v>
      </c>
      <c r="E9342" t="s">
        <v>5698</v>
      </c>
      <c r="F9342" t="s">
        <v>5699</v>
      </c>
      <c r="G9342" t="s">
        <v>80</v>
      </c>
      <c r="H9342" t="s">
        <v>81</v>
      </c>
      <c r="I9342" s="2">
        <v>0</v>
      </c>
      <c r="J9342" s="2">
        <v>1</v>
      </c>
      <c r="K9342" s="2">
        <v>0</v>
      </c>
      <c r="L9342" t="s">
        <v>82</v>
      </c>
      <c r="M9342" t="s">
        <v>83</v>
      </c>
      <c r="N9342" t="s">
        <v>84</v>
      </c>
      <c r="O9342" t="s">
        <v>85</v>
      </c>
      <c r="P9342" t="s">
        <v>86</v>
      </c>
      <c r="Q9342">
        <v>46</v>
      </c>
      <c r="R9342">
        <v>46</v>
      </c>
      <c r="S9342">
        <v>47</v>
      </c>
      <c r="T9342">
        <v>47</v>
      </c>
      <c r="U9342">
        <v>48</v>
      </c>
      <c r="V9342">
        <v>48</v>
      </c>
      <c r="W9342">
        <v>49</v>
      </c>
      <c r="X9342">
        <v>49</v>
      </c>
      <c r="Y9342">
        <v>50</v>
      </c>
      <c r="Z9342">
        <v>50</v>
      </c>
      <c r="AA9342">
        <v>50</v>
      </c>
      <c r="AB9342">
        <v>51</v>
      </c>
      <c r="AC9342">
        <v>51</v>
      </c>
      <c r="AD9342">
        <v>52</v>
      </c>
      <c r="AE9342">
        <v>52</v>
      </c>
      <c r="AF9342">
        <v>52</v>
      </c>
      <c r="AG9342">
        <v>53</v>
      </c>
      <c r="AH9342">
        <v>53</v>
      </c>
      <c r="AI9342">
        <v>54</v>
      </c>
      <c r="AJ9342">
        <v>54</v>
      </c>
      <c r="AK9342">
        <v>54</v>
      </c>
      <c r="AL9342">
        <v>54</v>
      </c>
      <c r="AM9342">
        <v>54</v>
      </c>
      <c r="AN9342">
        <v>54</v>
      </c>
      <c r="AO9342">
        <v>54</v>
      </c>
      <c r="AP9342">
        <v>54</v>
      </c>
      <c r="AQ9342">
        <v>54</v>
      </c>
    </row>
    <row r="9343" spans="1:43">
      <c r="A9343" t="s">
        <v>5834</v>
      </c>
      <c r="B9343" t="s">
        <v>5835</v>
      </c>
      <c r="C9343" t="s">
        <v>5836</v>
      </c>
      <c r="D9343" t="s">
        <v>5837</v>
      </c>
      <c r="E9343" t="s">
        <v>5698</v>
      </c>
      <c r="F9343" t="s">
        <v>5699</v>
      </c>
      <c r="G9343" t="s">
        <v>80</v>
      </c>
      <c r="H9343" t="s">
        <v>81</v>
      </c>
      <c r="I9343" s="2">
        <v>0</v>
      </c>
      <c r="J9343" s="2">
        <v>1</v>
      </c>
      <c r="K9343" s="2">
        <v>0</v>
      </c>
      <c r="L9343" t="s">
        <v>82</v>
      </c>
      <c r="M9343" t="s">
        <v>87</v>
      </c>
      <c r="N9343" t="s">
        <v>88</v>
      </c>
      <c r="O9343" t="s">
        <v>85</v>
      </c>
      <c r="P9343" t="s">
        <v>86</v>
      </c>
      <c r="Q9343">
        <v>46</v>
      </c>
      <c r="R9343">
        <v>46</v>
      </c>
      <c r="S9343">
        <v>46</v>
      </c>
      <c r="T9343">
        <v>46</v>
      </c>
      <c r="U9343">
        <v>46</v>
      </c>
      <c r="V9343">
        <v>46</v>
      </c>
      <c r="W9343">
        <v>46</v>
      </c>
      <c r="X9343">
        <v>46</v>
      </c>
      <c r="Y9343">
        <v>46</v>
      </c>
      <c r="Z9343">
        <v>46</v>
      </c>
      <c r="AA9343">
        <v>46</v>
      </c>
      <c r="AB9343">
        <v>46</v>
      </c>
      <c r="AC9343">
        <v>46</v>
      </c>
      <c r="AD9343">
        <v>46</v>
      </c>
      <c r="AE9343">
        <v>46</v>
      </c>
      <c r="AF9343">
        <v>46</v>
      </c>
      <c r="AG9343">
        <v>46</v>
      </c>
      <c r="AH9343">
        <v>46</v>
      </c>
      <c r="AI9343">
        <v>46</v>
      </c>
      <c r="AJ9343">
        <v>46</v>
      </c>
      <c r="AK9343">
        <v>46</v>
      </c>
      <c r="AL9343">
        <v>46</v>
      </c>
      <c r="AM9343">
        <v>46</v>
      </c>
      <c r="AN9343">
        <v>46</v>
      </c>
      <c r="AO9343">
        <v>46</v>
      </c>
      <c r="AP9343">
        <v>46</v>
      </c>
      <c r="AQ9343">
        <v>46</v>
      </c>
    </row>
    <row r="9344" spans="1:43">
      <c r="A9344" t="s">
        <v>5834</v>
      </c>
      <c r="B9344" t="s">
        <v>5835</v>
      </c>
      <c r="C9344" t="s">
        <v>5836</v>
      </c>
      <c r="D9344" t="s">
        <v>5837</v>
      </c>
      <c r="E9344" t="s">
        <v>5698</v>
      </c>
      <c r="F9344" t="s">
        <v>5699</v>
      </c>
      <c r="G9344" t="s">
        <v>80</v>
      </c>
      <c r="H9344" t="s">
        <v>81</v>
      </c>
      <c r="I9344" s="2">
        <v>0</v>
      </c>
      <c r="J9344" s="2">
        <v>1</v>
      </c>
      <c r="K9344" s="2">
        <v>0</v>
      </c>
      <c r="L9344" t="s">
        <v>82</v>
      </c>
      <c r="M9344" t="s">
        <v>89</v>
      </c>
      <c r="N9344" t="s">
        <v>90</v>
      </c>
      <c r="O9344" t="s">
        <v>85</v>
      </c>
      <c r="P9344" t="s">
        <v>86</v>
      </c>
      <c r="Q9344">
        <v>46</v>
      </c>
      <c r="R9344">
        <v>47</v>
      </c>
      <c r="S9344">
        <v>48</v>
      </c>
      <c r="T9344">
        <v>49</v>
      </c>
      <c r="U9344">
        <v>50</v>
      </c>
      <c r="V9344">
        <v>50</v>
      </c>
      <c r="W9344">
        <v>51</v>
      </c>
      <c r="X9344">
        <v>52</v>
      </c>
      <c r="Y9344">
        <v>53</v>
      </c>
      <c r="Z9344">
        <v>53</v>
      </c>
      <c r="AA9344">
        <v>54</v>
      </c>
      <c r="AB9344">
        <v>54</v>
      </c>
      <c r="AC9344">
        <v>55</v>
      </c>
      <c r="AD9344">
        <v>56</v>
      </c>
      <c r="AE9344">
        <v>56</v>
      </c>
      <c r="AF9344">
        <v>56</v>
      </c>
      <c r="AG9344">
        <v>56</v>
      </c>
      <c r="AH9344">
        <v>55</v>
      </c>
      <c r="AI9344">
        <v>55</v>
      </c>
      <c r="AJ9344">
        <v>55</v>
      </c>
      <c r="AK9344">
        <v>55</v>
      </c>
      <c r="AL9344">
        <v>55</v>
      </c>
      <c r="AM9344">
        <v>55</v>
      </c>
      <c r="AN9344">
        <v>54</v>
      </c>
      <c r="AO9344">
        <v>54</v>
      </c>
      <c r="AP9344">
        <v>54</v>
      </c>
      <c r="AQ9344">
        <v>54</v>
      </c>
    </row>
    <row r="9345" spans="1:43">
      <c r="A9345" t="s">
        <v>5834</v>
      </c>
      <c r="B9345" t="s">
        <v>5835</v>
      </c>
      <c r="C9345" t="s">
        <v>5836</v>
      </c>
      <c r="D9345" t="s">
        <v>5837</v>
      </c>
      <c r="E9345" t="s">
        <v>5698</v>
      </c>
      <c r="F9345" t="s">
        <v>5699</v>
      </c>
      <c r="G9345" t="s">
        <v>80</v>
      </c>
      <c r="H9345" t="s">
        <v>81</v>
      </c>
      <c r="I9345" s="2">
        <v>0</v>
      </c>
      <c r="J9345" s="2">
        <v>1</v>
      </c>
      <c r="K9345" s="2">
        <v>0</v>
      </c>
      <c r="L9345" t="s">
        <v>82</v>
      </c>
      <c r="M9345" t="s">
        <v>83</v>
      </c>
      <c r="N9345" t="s">
        <v>91</v>
      </c>
      <c r="O9345" t="s">
        <v>85</v>
      </c>
      <c r="P9345" t="s">
        <v>86</v>
      </c>
      <c r="Q9345">
        <v>46</v>
      </c>
      <c r="R9345">
        <v>46</v>
      </c>
      <c r="S9345">
        <v>47</v>
      </c>
      <c r="T9345">
        <v>47</v>
      </c>
      <c r="U9345">
        <v>48</v>
      </c>
      <c r="V9345">
        <v>48</v>
      </c>
      <c r="W9345">
        <v>49</v>
      </c>
      <c r="X9345">
        <v>49</v>
      </c>
      <c r="Y9345">
        <v>50</v>
      </c>
      <c r="Z9345">
        <v>50</v>
      </c>
      <c r="AA9345">
        <v>50</v>
      </c>
      <c r="AB9345">
        <v>51</v>
      </c>
      <c r="AC9345">
        <v>51</v>
      </c>
      <c r="AD9345">
        <v>52</v>
      </c>
      <c r="AE9345">
        <v>52</v>
      </c>
      <c r="AF9345">
        <v>52</v>
      </c>
      <c r="AG9345">
        <v>53</v>
      </c>
      <c r="AH9345">
        <v>53</v>
      </c>
      <c r="AI9345">
        <v>54</v>
      </c>
      <c r="AJ9345">
        <v>54</v>
      </c>
      <c r="AK9345">
        <v>54</v>
      </c>
      <c r="AL9345">
        <v>54</v>
      </c>
      <c r="AM9345">
        <v>54</v>
      </c>
      <c r="AN9345">
        <v>54</v>
      </c>
      <c r="AO9345">
        <v>54</v>
      </c>
      <c r="AP9345">
        <v>54</v>
      </c>
      <c r="AQ9345">
        <v>54</v>
      </c>
    </row>
    <row r="9346" spans="1:43">
      <c r="A9346" t="s">
        <v>5838</v>
      </c>
      <c r="B9346" t="s">
        <v>5839</v>
      </c>
      <c r="C9346" t="s">
        <v>5750</v>
      </c>
      <c r="D9346" t="s">
        <v>5751</v>
      </c>
      <c r="E9346" t="s">
        <v>5698</v>
      </c>
      <c r="F9346" t="s">
        <v>5699</v>
      </c>
      <c r="G9346" t="s">
        <v>80</v>
      </c>
      <c r="H9346" t="s">
        <v>81</v>
      </c>
      <c r="I9346" s="2">
        <v>0</v>
      </c>
      <c r="J9346" s="2">
        <v>1</v>
      </c>
      <c r="K9346" s="2">
        <v>0</v>
      </c>
      <c r="L9346" t="s">
        <v>82</v>
      </c>
      <c r="M9346" t="s">
        <v>83</v>
      </c>
      <c r="N9346" t="s">
        <v>84</v>
      </c>
      <c r="O9346" t="s">
        <v>85</v>
      </c>
      <c r="P9346" t="s">
        <v>86</v>
      </c>
      <c r="Q9346">
        <v>70</v>
      </c>
      <c r="R9346">
        <v>71</v>
      </c>
      <c r="S9346">
        <v>72</v>
      </c>
      <c r="T9346">
        <v>72</v>
      </c>
      <c r="U9346">
        <v>73</v>
      </c>
      <c r="V9346">
        <v>74</v>
      </c>
      <c r="W9346">
        <v>74</v>
      </c>
      <c r="X9346">
        <v>75</v>
      </c>
      <c r="Y9346">
        <v>76</v>
      </c>
      <c r="Z9346">
        <v>76</v>
      </c>
      <c r="AA9346">
        <v>77</v>
      </c>
      <c r="AB9346">
        <v>78</v>
      </c>
      <c r="AC9346">
        <v>78</v>
      </c>
      <c r="AD9346">
        <v>79</v>
      </c>
      <c r="AE9346">
        <v>79</v>
      </c>
      <c r="AF9346">
        <v>80</v>
      </c>
      <c r="AG9346">
        <v>81</v>
      </c>
      <c r="AH9346">
        <v>81</v>
      </c>
      <c r="AI9346">
        <v>82</v>
      </c>
      <c r="AJ9346">
        <v>82</v>
      </c>
      <c r="AK9346">
        <v>83</v>
      </c>
      <c r="AL9346">
        <v>83</v>
      </c>
      <c r="AM9346">
        <v>83</v>
      </c>
      <c r="AN9346">
        <v>82</v>
      </c>
      <c r="AO9346">
        <v>82</v>
      </c>
      <c r="AP9346">
        <v>82</v>
      </c>
      <c r="AQ9346">
        <v>82</v>
      </c>
    </row>
    <row r="9347" spans="1:43">
      <c r="A9347" t="s">
        <v>5838</v>
      </c>
      <c r="B9347" t="s">
        <v>5839</v>
      </c>
      <c r="C9347" t="s">
        <v>5750</v>
      </c>
      <c r="D9347" t="s">
        <v>5751</v>
      </c>
      <c r="E9347" t="s">
        <v>5698</v>
      </c>
      <c r="F9347" t="s">
        <v>5699</v>
      </c>
      <c r="G9347" t="s">
        <v>80</v>
      </c>
      <c r="H9347" t="s">
        <v>81</v>
      </c>
      <c r="I9347" s="2">
        <v>0</v>
      </c>
      <c r="J9347" s="2">
        <v>1</v>
      </c>
      <c r="K9347" s="2">
        <v>0</v>
      </c>
      <c r="L9347" t="s">
        <v>82</v>
      </c>
      <c r="M9347" t="s">
        <v>87</v>
      </c>
      <c r="N9347" t="s">
        <v>88</v>
      </c>
      <c r="O9347" t="s">
        <v>85</v>
      </c>
      <c r="P9347" t="s">
        <v>86</v>
      </c>
      <c r="Q9347">
        <v>70</v>
      </c>
      <c r="R9347">
        <v>71</v>
      </c>
      <c r="S9347">
        <v>71</v>
      </c>
      <c r="T9347">
        <v>71</v>
      </c>
      <c r="U9347">
        <v>71</v>
      </c>
      <c r="V9347">
        <v>71</v>
      </c>
      <c r="W9347">
        <v>71</v>
      </c>
      <c r="X9347">
        <v>71</v>
      </c>
      <c r="Y9347">
        <v>71</v>
      </c>
      <c r="Z9347">
        <v>71</v>
      </c>
      <c r="AA9347">
        <v>71</v>
      </c>
      <c r="AB9347">
        <v>71</v>
      </c>
      <c r="AC9347">
        <v>71</v>
      </c>
      <c r="AD9347">
        <v>71</v>
      </c>
      <c r="AE9347">
        <v>71</v>
      </c>
      <c r="AF9347">
        <v>71</v>
      </c>
      <c r="AG9347">
        <v>71</v>
      </c>
      <c r="AH9347">
        <v>71</v>
      </c>
      <c r="AI9347">
        <v>72</v>
      </c>
      <c r="AJ9347">
        <v>72</v>
      </c>
      <c r="AK9347">
        <v>72</v>
      </c>
      <c r="AL9347">
        <v>72</v>
      </c>
      <c r="AM9347">
        <v>72</v>
      </c>
      <c r="AN9347">
        <v>72</v>
      </c>
      <c r="AO9347">
        <v>72</v>
      </c>
      <c r="AP9347">
        <v>72</v>
      </c>
      <c r="AQ9347">
        <v>72</v>
      </c>
    </row>
    <row r="9348" spans="1:43">
      <c r="A9348" t="s">
        <v>5838</v>
      </c>
      <c r="B9348" t="s">
        <v>5839</v>
      </c>
      <c r="C9348" t="s">
        <v>5750</v>
      </c>
      <c r="D9348" t="s">
        <v>5751</v>
      </c>
      <c r="E9348" t="s">
        <v>5698</v>
      </c>
      <c r="F9348" t="s">
        <v>5699</v>
      </c>
      <c r="G9348" t="s">
        <v>80</v>
      </c>
      <c r="H9348" t="s">
        <v>81</v>
      </c>
      <c r="I9348" s="2">
        <v>0</v>
      </c>
      <c r="J9348" s="2">
        <v>1</v>
      </c>
      <c r="K9348" s="2">
        <v>0</v>
      </c>
      <c r="L9348" t="s">
        <v>82</v>
      </c>
      <c r="M9348" t="s">
        <v>89</v>
      </c>
      <c r="N9348" t="s">
        <v>90</v>
      </c>
      <c r="O9348" t="s">
        <v>85</v>
      </c>
      <c r="P9348" t="s">
        <v>86</v>
      </c>
      <c r="Q9348">
        <v>70</v>
      </c>
      <c r="R9348">
        <v>71</v>
      </c>
      <c r="S9348">
        <v>72</v>
      </c>
      <c r="T9348">
        <v>74</v>
      </c>
      <c r="U9348">
        <v>75</v>
      </c>
      <c r="V9348">
        <v>76</v>
      </c>
      <c r="W9348">
        <v>77</v>
      </c>
      <c r="X9348">
        <v>78</v>
      </c>
      <c r="Y9348">
        <v>79</v>
      </c>
      <c r="Z9348">
        <v>80</v>
      </c>
      <c r="AA9348">
        <v>81</v>
      </c>
      <c r="AB9348">
        <v>82</v>
      </c>
      <c r="AC9348">
        <v>83</v>
      </c>
      <c r="AD9348">
        <v>84</v>
      </c>
      <c r="AE9348">
        <v>84</v>
      </c>
      <c r="AF9348">
        <v>84</v>
      </c>
      <c r="AG9348">
        <v>84</v>
      </c>
      <c r="AH9348">
        <v>84</v>
      </c>
      <c r="AI9348">
        <v>83</v>
      </c>
      <c r="AJ9348">
        <v>83</v>
      </c>
      <c r="AK9348">
        <v>83</v>
      </c>
      <c r="AL9348">
        <v>83</v>
      </c>
      <c r="AM9348">
        <v>82</v>
      </c>
      <c r="AN9348">
        <v>82</v>
      </c>
      <c r="AO9348">
        <v>82</v>
      </c>
      <c r="AP9348">
        <v>82</v>
      </c>
      <c r="AQ9348">
        <v>81</v>
      </c>
    </row>
    <row r="9349" spans="1:43">
      <c r="A9349" t="s">
        <v>5838</v>
      </c>
      <c r="B9349" t="s">
        <v>5839</v>
      </c>
      <c r="C9349" t="s">
        <v>5750</v>
      </c>
      <c r="D9349" t="s">
        <v>5751</v>
      </c>
      <c r="E9349" t="s">
        <v>5698</v>
      </c>
      <c r="F9349" t="s">
        <v>5699</v>
      </c>
      <c r="G9349" t="s">
        <v>80</v>
      </c>
      <c r="H9349" t="s">
        <v>81</v>
      </c>
      <c r="I9349" s="2">
        <v>0</v>
      </c>
      <c r="J9349" s="2">
        <v>1</v>
      </c>
      <c r="K9349" s="2">
        <v>0</v>
      </c>
      <c r="L9349" t="s">
        <v>82</v>
      </c>
      <c r="M9349" t="s">
        <v>83</v>
      </c>
      <c r="N9349" t="s">
        <v>91</v>
      </c>
      <c r="O9349" t="s">
        <v>85</v>
      </c>
      <c r="P9349" t="s">
        <v>86</v>
      </c>
      <c r="Q9349">
        <v>70</v>
      </c>
      <c r="R9349">
        <v>71</v>
      </c>
      <c r="S9349">
        <v>72</v>
      </c>
      <c r="T9349">
        <v>72</v>
      </c>
      <c r="U9349">
        <v>73</v>
      </c>
      <c r="V9349">
        <v>74</v>
      </c>
      <c r="W9349">
        <v>74</v>
      </c>
      <c r="X9349">
        <v>75</v>
      </c>
      <c r="Y9349">
        <v>76</v>
      </c>
      <c r="Z9349">
        <v>76</v>
      </c>
      <c r="AA9349">
        <v>77</v>
      </c>
      <c r="AB9349">
        <v>78</v>
      </c>
      <c r="AC9349">
        <v>78</v>
      </c>
      <c r="AD9349">
        <v>79</v>
      </c>
      <c r="AE9349">
        <v>79</v>
      </c>
      <c r="AF9349">
        <v>80</v>
      </c>
      <c r="AG9349">
        <v>81</v>
      </c>
      <c r="AH9349">
        <v>81</v>
      </c>
      <c r="AI9349">
        <v>82</v>
      </c>
      <c r="AJ9349">
        <v>82</v>
      </c>
      <c r="AK9349">
        <v>83</v>
      </c>
      <c r="AL9349">
        <v>83</v>
      </c>
      <c r="AM9349">
        <v>83</v>
      </c>
      <c r="AN9349">
        <v>82</v>
      </c>
      <c r="AO9349">
        <v>82</v>
      </c>
      <c r="AP9349">
        <v>82</v>
      </c>
      <c r="AQ9349">
        <v>82</v>
      </c>
    </row>
    <row r="9350" spans="1:43">
      <c r="A9350" t="s">
        <v>5840</v>
      </c>
      <c r="B9350" t="s">
        <v>5841</v>
      </c>
      <c r="C9350" t="s">
        <v>5836</v>
      </c>
      <c r="D9350" t="s">
        <v>5837</v>
      </c>
      <c r="E9350" t="s">
        <v>5698</v>
      </c>
      <c r="F9350" t="s">
        <v>5699</v>
      </c>
      <c r="G9350" t="s">
        <v>80</v>
      </c>
      <c r="H9350" t="s">
        <v>81</v>
      </c>
      <c r="I9350" s="2">
        <v>0</v>
      </c>
      <c r="J9350" s="2">
        <v>1</v>
      </c>
      <c r="K9350" s="2">
        <v>0</v>
      </c>
      <c r="L9350" t="s">
        <v>82</v>
      </c>
      <c r="M9350" t="s">
        <v>83</v>
      </c>
      <c r="N9350" t="s">
        <v>84</v>
      </c>
      <c r="O9350" t="s">
        <v>85</v>
      </c>
      <c r="P9350" t="s">
        <v>86</v>
      </c>
      <c r="Q9350">
        <v>66</v>
      </c>
      <c r="R9350">
        <v>67</v>
      </c>
      <c r="S9350">
        <v>68</v>
      </c>
      <c r="T9350">
        <v>68</v>
      </c>
      <c r="U9350">
        <v>69</v>
      </c>
      <c r="V9350">
        <v>70</v>
      </c>
      <c r="W9350">
        <v>70</v>
      </c>
      <c r="X9350">
        <v>71</v>
      </c>
      <c r="Y9350">
        <v>72</v>
      </c>
      <c r="Z9350">
        <v>72</v>
      </c>
      <c r="AA9350">
        <v>73</v>
      </c>
      <c r="AB9350">
        <v>74</v>
      </c>
      <c r="AC9350">
        <v>74</v>
      </c>
      <c r="AD9350">
        <v>75</v>
      </c>
      <c r="AE9350">
        <v>75</v>
      </c>
      <c r="AF9350">
        <v>76</v>
      </c>
      <c r="AG9350">
        <v>76</v>
      </c>
      <c r="AH9350">
        <v>77</v>
      </c>
      <c r="AI9350">
        <v>77</v>
      </c>
      <c r="AJ9350">
        <v>78</v>
      </c>
      <c r="AK9350">
        <v>78</v>
      </c>
      <c r="AL9350">
        <v>79</v>
      </c>
      <c r="AM9350">
        <v>78</v>
      </c>
      <c r="AN9350">
        <v>78</v>
      </c>
      <c r="AO9350">
        <v>78</v>
      </c>
      <c r="AP9350">
        <v>78</v>
      </c>
      <c r="AQ9350">
        <v>77</v>
      </c>
    </row>
    <row r="9351" spans="1:43">
      <c r="A9351" t="s">
        <v>5840</v>
      </c>
      <c r="B9351" t="s">
        <v>5841</v>
      </c>
      <c r="C9351" t="s">
        <v>5836</v>
      </c>
      <c r="D9351" t="s">
        <v>5837</v>
      </c>
      <c r="E9351" t="s">
        <v>5698</v>
      </c>
      <c r="F9351" t="s">
        <v>5699</v>
      </c>
      <c r="G9351" t="s">
        <v>80</v>
      </c>
      <c r="H9351" t="s">
        <v>81</v>
      </c>
      <c r="I9351" s="2">
        <v>0</v>
      </c>
      <c r="J9351" s="2">
        <v>1</v>
      </c>
      <c r="K9351" s="2">
        <v>0</v>
      </c>
      <c r="L9351" t="s">
        <v>82</v>
      </c>
      <c r="M9351" t="s">
        <v>87</v>
      </c>
      <c r="N9351" t="s">
        <v>88</v>
      </c>
      <c r="O9351" t="s">
        <v>85</v>
      </c>
      <c r="P9351" t="s">
        <v>86</v>
      </c>
      <c r="Q9351">
        <v>66</v>
      </c>
      <c r="R9351">
        <v>66</v>
      </c>
      <c r="S9351">
        <v>66</v>
      </c>
      <c r="T9351">
        <v>66</v>
      </c>
      <c r="U9351">
        <v>66</v>
      </c>
      <c r="V9351">
        <v>66</v>
      </c>
      <c r="W9351">
        <v>66</v>
      </c>
      <c r="X9351">
        <v>66</v>
      </c>
      <c r="Y9351">
        <v>66</v>
      </c>
      <c r="Z9351">
        <v>66</v>
      </c>
      <c r="AA9351">
        <v>66</v>
      </c>
      <c r="AB9351">
        <v>67</v>
      </c>
      <c r="AC9351">
        <v>67</v>
      </c>
      <c r="AD9351">
        <v>67</v>
      </c>
      <c r="AE9351">
        <v>67</v>
      </c>
      <c r="AF9351">
        <v>67</v>
      </c>
      <c r="AG9351">
        <v>67</v>
      </c>
      <c r="AH9351">
        <v>67</v>
      </c>
      <c r="AI9351">
        <v>67</v>
      </c>
      <c r="AJ9351">
        <v>67</v>
      </c>
      <c r="AK9351">
        <v>67</v>
      </c>
      <c r="AL9351">
        <v>67</v>
      </c>
      <c r="AM9351">
        <v>67</v>
      </c>
      <c r="AN9351">
        <v>67</v>
      </c>
      <c r="AO9351">
        <v>67</v>
      </c>
      <c r="AP9351">
        <v>67</v>
      </c>
      <c r="AQ9351">
        <v>67</v>
      </c>
    </row>
    <row r="9352" spans="1:43">
      <c r="A9352" t="s">
        <v>5840</v>
      </c>
      <c r="B9352" t="s">
        <v>5841</v>
      </c>
      <c r="C9352" t="s">
        <v>5836</v>
      </c>
      <c r="D9352" t="s">
        <v>5837</v>
      </c>
      <c r="E9352" t="s">
        <v>5698</v>
      </c>
      <c r="F9352" t="s">
        <v>5699</v>
      </c>
      <c r="G9352" t="s">
        <v>80</v>
      </c>
      <c r="H9352" t="s">
        <v>81</v>
      </c>
      <c r="I9352" s="2">
        <v>0</v>
      </c>
      <c r="J9352" s="2">
        <v>1</v>
      </c>
      <c r="K9352" s="2">
        <v>0</v>
      </c>
      <c r="L9352" t="s">
        <v>82</v>
      </c>
      <c r="M9352" t="s">
        <v>89</v>
      </c>
      <c r="N9352" t="s">
        <v>90</v>
      </c>
      <c r="O9352" t="s">
        <v>85</v>
      </c>
      <c r="P9352" t="s">
        <v>86</v>
      </c>
      <c r="Q9352">
        <v>66</v>
      </c>
      <c r="R9352">
        <v>67</v>
      </c>
      <c r="S9352">
        <v>69</v>
      </c>
      <c r="T9352">
        <v>70</v>
      </c>
      <c r="U9352">
        <v>71</v>
      </c>
      <c r="V9352">
        <v>72</v>
      </c>
      <c r="W9352">
        <v>73</v>
      </c>
      <c r="X9352">
        <v>74</v>
      </c>
      <c r="Y9352">
        <v>75</v>
      </c>
      <c r="Z9352">
        <v>76</v>
      </c>
      <c r="AA9352">
        <v>77</v>
      </c>
      <c r="AB9352">
        <v>78</v>
      </c>
      <c r="AC9352">
        <v>78</v>
      </c>
      <c r="AD9352">
        <v>79</v>
      </c>
      <c r="AE9352">
        <v>80</v>
      </c>
      <c r="AF9352">
        <v>80</v>
      </c>
      <c r="AG9352">
        <v>79</v>
      </c>
      <c r="AH9352">
        <v>79</v>
      </c>
      <c r="AI9352">
        <v>79</v>
      </c>
      <c r="AJ9352">
        <v>79</v>
      </c>
      <c r="AK9352">
        <v>78</v>
      </c>
      <c r="AL9352">
        <v>78</v>
      </c>
      <c r="AM9352">
        <v>78</v>
      </c>
      <c r="AN9352">
        <v>78</v>
      </c>
      <c r="AO9352">
        <v>77</v>
      </c>
      <c r="AP9352">
        <v>77</v>
      </c>
      <c r="AQ9352">
        <v>77</v>
      </c>
    </row>
    <row r="9353" spans="1:43">
      <c r="A9353" t="s">
        <v>5840</v>
      </c>
      <c r="B9353" t="s">
        <v>5841</v>
      </c>
      <c r="C9353" t="s">
        <v>5836</v>
      </c>
      <c r="D9353" t="s">
        <v>5837</v>
      </c>
      <c r="E9353" t="s">
        <v>5698</v>
      </c>
      <c r="F9353" t="s">
        <v>5699</v>
      </c>
      <c r="G9353" t="s">
        <v>80</v>
      </c>
      <c r="H9353" t="s">
        <v>81</v>
      </c>
      <c r="I9353" s="2">
        <v>0</v>
      </c>
      <c r="J9353" s="2">
        <v>1</v>
      </c>
      <c r="K9353" s="2">
        <v>0</v>
      </c>
      <c r="L9353" t="s">
        <v>82</v>
      </c>
      <c r="M9353" t="s">
        <v>83</v>
      </c>
      <c r="N9353" t="s">
        <v>91</v>
      </c>
      <c r="O9353" t="s">
        <v>85</v>
      </c>
      <c r="P9353" t="s">
        <v>86</v>
      </c>
      <c r="Q9353">
        <v>66</v>
      </c>
      <c r="R9353">
        <v>67</v>
      </c>
      <c r="S9353">
        <v>68</v>
      </c>
      <c r="T9353">
        <v>68</v>
      </c>
      <c r="U9353">
        <v>69</v>
      </c>
      <c r="V9353">
        <v>70</v>
      </c>
      <c r="W9353">
        <v>70</v>
      </c>
      <c r="X9353">
        <v>71</v>
      </c>
      <c r="Y9353">
        <v>72</v>
      </c>
      <c r="Z9353">
        <v>72</v>
      </c>
      <c r="AA9353">
        <v>73</v>
      </c>
      <c r="AB9353">
        <v>74</v>
      </c>
      <c r="AC9353">
        <v>74</v>
      </c>
      <c r="AD9353">
        <v>75</v>
      </c>
      <c r="AE9353">
        <v>75</v>
      </c>
      <c r="AF9353">
        <v>76</v>
      </c>
      <c r="AG9353">
        <v>76</v>
      </c>
      <c r="AH9353">
        <v>77</v>
      </c>
      <c r="AI9353">
        <v>77</v>
      </c>
      <c r="AJ9353">
        <v>78</v>
      </c>
      <c r="AK9353">
        <v>78</v>
      </c>
      <c r="AL9353">
        <v>79</v>
      </c>
      <c r="AM9353">
        <v>78</v>
      </c>
      <c r="AN9353">
        <v>78</v>
      </c>
      <c r="AO9353">
        <v>78</v>
      </c>
      <c r="AP9353">
        <v>78</v>
      </c>
      <c r="AQ9353">
        <v>77</v>
      </c>
    </row>
    <row r="9354" spans="1:43">
      <c r="A9354" t="s">
        <v>5842</v>
      </c>
      <c r="B9354" t="s">
        <v>5843</v>
      </c>
      <c r="C9354" t="s">
        <v>5750</v>
      </c>
      <c r="D9354" t="s">
        <v>5751</v>
      </c>
      <c r="E9354" t="s">
        <v>5698</v>
      </c>
      <c r="F9354" t="s">
        <v>5699</v>
      </c>
      <c r="G9354" t="s">
        <v>80</v>
      </c>
      <c r="H9354" t="s">
        <v>81</v>
      </c>
      <c r="I9354" s="2">
        <v>0</v>
      </c>
      <c r="J9354" s="2">
        <v>1</v>
      </c>
      <c r="K9354" s="2">
        <v>0</v>
      </c>
      <c r="L9354" t="s">
        <v>82</v>
      </c>
      <c r="M9354" t="s">
        <v>83</v>
      </c>
      <c r="N9354" t="s">
        <v>84</v>
      </c>
      <c r="O9354" t="s">
        <v>85</v>
      </c>
      <c r="P9354" t="s">
        <v>86</v>
      </c>
      <c r="Q9354">
        <v>32</v>
      </c>
      <c r="R9354">
        <v>32</v>
      </c>
      <c r="S9354">
        <v>32</v>
      </c>
      <c r="T9354">
        <v>33</v>
      </c>
      <c r="U9354">
        <v>33</v>
      </c>
      <c r="V9354">
        <v>33</v>
      </c>
      <c r="W9354">
        <v>34</v>
      </c>
      <c r="X9354">
        <v>34</v>
      </c>
      <c r="Y9354">
        <v>34</v>
      </c>
      <c r="Z9354">
        <v>35</v>
      </c>
      <c r="AA9354">
        <v>35</v>
      </c>
      <c r="AB9354">
        <v>35</v>
      </c>
      <c r="AC9354">
        <v>35</v>
      </c>
      <c r="AD9354">
        <v>36</v>
      </c>
      <c r="AE9354">
        <v>36</v>
      </c>
      <c r="AF9354">
        <v>36</v>
      </c>
      <c r="AG9354">
        <v>37</v>
      </c>
      <c r="AH9354">
        <v>37</v>
      </c>
      <c r="AI9354">
        <v>37</v>
      </c>
      <c r="AJ9354">
        <v>37</v>
      </c>
      <c r="AK9354">
        <v>38</v>
      </c>
      <c r="AL9354">
        <v>38</v>
      </c>
      <c r="AM9354">
        <v>37</v>
      </c>
      <c r="AN9354">
        <v>37</v>
      </c>
      <c r="AO9354">
        <v>37</v>
      </c>
      <c r="AP9354">
        <v>37</v>
      </c>
      <c r="AQ9354">
        <v>37</v>
      </c>
    </row>
    <row r="9355" spans="1:43">
      <c r="A9355" t="s">
        <v>5842</v>
      </c>
      <c r="B9355" t="s">
        <v>5843</v>
      </c>
      <c r="C9355" t="s">
        <v>5750</v>
      </c>
      <c r="D9355" t="s">
        <v>5751</v>
      </c>
      <c r="E9355" t="s">
        <v>5698</v>
      </c>
      <c r="F9355" t="s">
        <v>5699</v>
      </c>
      <c r="G9355" t="s">
        <v>80</v>
      </c>
      <c r="H9355" t="s">
        <v>81</v>
      </c>
      <c r="I9355" s="2">
        <v>0</v>
      </c>
      <c r="J9355" s="2">
        <v>1</v>
      </c>
      <c r="K9355" s="2">
        <v>0</v>
      </c>
      <c r="L9355" t="s">
        <v>82</v>
      </c>
      <c r="M9355" t="s">
        <v>87</v>
      </c>
      <c r="N9355" t="s">
        <v>88</v>
      </c>
      <c r="O9355" t="s">
        <v>85</v>
      </c>
      <c r="P9355" t="s">
        <v>86</v>
      </c>
      <c r="Q9355">
        <v>32</v>
      </c>
      <c r="R9355">
        <v>33</v>
      </c>
      <c r="S9355">
        <v>33</v>
      </c>
      <c r="T9355">
        <v>33</v>
      </c>
      <c r="U9355">
        <v>33</v>
      </c>
      <c r="V9355">
        <v>33</v>
      </c>
      <c r="W9355">
        <v>33</v>
      </c>
      <c r="X9355">
        <v>33</v>
      </c>
      <c r="Y9355">
        <v>33</v>
      </c>
      <c r="Z9355">
        <v>33</v>
      </c>
      <c r="AA9355">
        <v>33</v>
      </c>
      <c r="AB9355">
        <v>33</v>
      </c>
      <c r="AC9355">
        <v>33</v>
      </c>
      <c r="AD9355">
        <v>33</v>
      </c>
      <c r="AE9355">
        <v>33</v>
      </c>
      <c r="AF9355">
        <v>33</v>
      </c>
      <c r="AG9355">
        <v>33</v>
      </c>
      <c r="AH9355">
        <v>33</v>
      </c>
      <c r="AI9355">
        <v>33</v>
      </c>
      <c r="AJ9355">
        <v>33</v>
      </c>
      <c r="AK9355">
        <v>33</v>
      </c>
      <c r="AL9355">
        <v>33</v>
      </c>
      <c r="AM9355">
        <v>33</v>
      </c>
      <c r="AN9355">
        <v>33</v>
      </c>
      <c r="AO9355">
        <v>33</v>
      </c>
      <c r="AP9355">
        <v>33</v>
      </c>
      <c r="AQ9355">
        <v>33</v>
      </c>
    </row>
    <row r="9356" spans="1:43">
      <c r="A9356" t="s">
        <v>5842</v>
      </c>
      <c r="B9356" t="s">
        <v>5843</v>
      </c>
      <c r="C9356" t="s">
        <v>5750</v>
      </c>
      <c r="D9356" t="s">
        <v>5751</v>
      </c>
      <c r="E9356" t="s">
        <v>5698</v>
      </c>
      <c r="F9356" t="s">
        <v>5699</v>
      </c>
      <c r="G9356" t="s">
        <v>80</v>
      </c>
      <c r="H9356" t="s">
        <v>81</v>
      </c>
      <c r="I9356" s="2">
        <v>0</v>
      </c>
      <c r="J9356" s="2">
        <v>1</v>
      </c>
      <c r="K9356" s="2">
        <v>0</v>
      </c>
      <c r="L9356" t="s">
        <v>82</v>
      </c>
      <c r="M9356" t="s">
        <v>89</v>
      </c>
      <c r="N9356" t="s">
        <v>90</v>
      </c>
      <c r="O9356" t="s">
        <v>85</v>
      </c>
      <c r="P9356" t="s">
        <v>86</v>
      </c>
      <c r="Q9356">
        <v>32</v>
      </c>
      <c r="R9356">
        <v>33</v>
      </c>
      <c r="S9356">
        <v>33</v>
      </c>
      <c r="T9356">
        <v>34</v>
      </c>
      <c r="U9356">
        <v>34</v>
      </c>
      <c r="V9356">
        <v>35</v>
      </c>
      <c r="W9356">
        <v>35</v>
      </c>
      <c r="X9356">
        <v>36</v>
      </c>
      <c r="Y9356">
        <v>36</v>
      </c>
      <c r="Z9356">
        <v>37</v>
      </c>
      <c r="AA9356">
        <v>37</v>
      </c>
      <c r="AB9356">
        <v>38</v>
      </c>
      <c r="AC9356">
        <v>38</v>
      </c>
      <c r="AD9356">
        <v>38</v>
      </c>
      <c r="AE9356">
        <v>39</v>
      </c>
      <c r="AF9356">
        <v>39</v>
      </c>
      <c r="AG9356">
        <v>38</v>
      </c>
      <c r="AH9356">
        <v>38</v>
      </c>
      <c r="AI9356">
        <v>38</v>
      </c>
      <c r="AJ9356">
        <v>38</v>
      </c>
      <c r="AK9356">
        <v>38</v>
      </c>
      <c r="AL9356">
        <v>38</v>
      </c>
      <c r="AM9356">
        <v>38</v>
      </c>
      <c r="AN9356">
        <v>38</v>
      </c>
      <c r="AO9356">
        <v>38</v>
      </c>
      <c r="AP9356">
        <v>37</v>
      </c>
      <c r="AQ9356">
        <v>37</v>
      </c>
    </row>
    <row r="9357" spans="1:43">
      <c r="A9357" t="s">
        <v>5842</v>
      </c>
      <c r="B9357" t="s">
        <v>5843</v>
      </c>
      <c r="C9357" t="s">
        <v>5750</v>
      </c>
      <c r="D9357" t="s">
        <v>5751</v>
      </c>
      <c r="E9357" t="s">
        <v>5698</v>
      </c>
      <c r="F9357" t="s">
        <v>5699</v>
      </c>
      <c r="G9357" t="s">
        <v>80</v>
      </c>
      <c r="H9357" t="s">
        <v>81</v>
      </c>
      <c r="I9357" s="2">
        <v>0</v>
      </c>
      <c r="J9357" s="2">
        <v>1</v>
      </c>
      <c r="K9357" s="2">
        <v>0</v>
      </c>
      <c r="L9357" t="s">
        <v>82</v>
      </c>
      <c r="M9357" t="s">
        <v>83</v>
      </c>
      <c r="N9357" t="s">
        <v>91</v>
      </c>
      <c r="O9357" t="s">
        <v>85</v>
      </c>
      <c r="P9357" t="s">
        <v>86</v>
      </c>
      <c r="Q9357">
        <v>32</v>
      </c>
      <c r="R9357">
        <v>32</v>
      </c>
      <c r="S9357">
        <v>32</v>
      </c>
      <c r="T9357">
        <v>33</v>
      </c>
      <c r="U9357">
        <v>33</v>
      </c>
      <c r="V9357">
        <v>33</v>
      </c>
      <c r="W9357">
        <v>34</v>
      </c>
      <c r="X9357">
        <v>34</v>
      </c>
      <c r="Y9357">
        <v>34</v>
      </c>
      <c r="Z9357">
        <v>35</v>
      </c>
      <c r="AA9357">
        <v>35</v>
      </c>
      <c r="AB9357">
        <v>35</v>
      </c>
      <c r="AC9357">
        <v>35</v>
      </c>
      <c r="AD9357">
        <v>36</v>
      </c>
      <c r="AE9357">
        <v>36</v>
      </c>
      <c r="AF9357">
        <v>36</v>
      </c>
      <c r="AG9357">
        <v>37</v>
      </c>
      <c r="AH9357">
        <v>37</v>
      </c>
      <c r="AI9357">
        <v>37</v>
      </c>
      <c r="AJ9357">
        <v>37</v>
      </c>
      <c r="AK9357">
        <v>38</v>
      </c>
      <c r="AL9357">
        <v>38</v>
      </c>
      <c r="AM9357">
        <v>37</v>
      </c>
      <c r="AN9357">
        <v>37</v>
      </c>
      <c r="AO9357">
        <v>37</v>
      </c>
      <c r="AP9357">
        <v>37</v>
      </c>
      <c r="AQ9357">
        <v>37</v>
      </c>
    </row>
    <row r="9358" spans="1:43">
      <c r="A9358" t="s">
        <v>5844</v>
      </c>
      <c r="B9358" t="s">
        <v>5845</v>
      </c>
      <c r="C9358" t="s">
        <v>5750</v>
      </c>
      <c r="D9358" t="s">
        <v>5751</v>
      </c>
      <c r="E9358" t="s">
        <v>5698</v>
      </c>
      <c r="F9358" t="s">
        <v>5699</v>
      </c>
      <c r="G9358" t="s">
        <v>80</v>
      </c>
      <c r="H9358" t="s">
        <v>81</v>
      </c>
      <c r="I9358" s="2">
        <v>0</v>
      </c>
      <c r="J9358" s="2">
        <v>1</v>
      </c>
      <c r="K9358" s="2">
        <v>0</v>
      </c>
      <c r="L9358" t="s">
        <v>82</v>
      </c>
      <c r="M9358" t="s">
        <v>83</v>
      </c>
      <c r="N9358" t="s">
        <v>84</v>
      </c>
      <c r="O9358" t="s">
        <v>85</v>
      </c>
      <c r="P9358" t="s">
        <v>86</v>
      </c>
      <c r="Q9358">
        <v>42</v>
      </c>
      <c r="R9358">
        <v>43</v>
      </c>
      <c r="S9358">
        <v>43</v>
      </c>
      <c r="T9358">
        <v>44</v>
      </c>
      <c r="U9358">
        <v>44</v>
      </c>
      <c r="V9358">
        <v>45</v>
      </c>
      <c r="W9358">
        <v>45</v>
      </c>
      <c r="X9358">
        <v>45</v>
      </c>
      <c r="Y9358">
        <v>46</v>
      </c>
      <c r="Z9358">
        <v>46</v>
      </c>
      <c r="AA9358">
        <v>47</v>
      </c>
      <c r="AB9358">
        <v>47</v>
      </c>
      <c r="AC9358">
        <v>48</v>
      </c>
      <c r="AD9358">
        <v>48</v>
      </c>
      <c r="AE9358">
        <v>48</v>
      </c>
      <c r="AF9358">
        <v>49</v>
      </c>
      <c r="AG9358">
        <v>49</v>
      </c>
      <c r="AH9358">
        <v>49</v>
      </c>
      <c r="AI9358">
        <v>50</v>
      </c>
      <c r="AJ9358">
        <v>50</v>
      </c>
      <c r="AK9358">
        <v>51</v>
      </c>
      <c r="AL9358">
        <v>51</v>
      </c>
      <c r="AM9358">
        <v>50</v>
      </c>
      <c r="AN9358">
        <v>50</v>
      </c>
      <c r="AO9358">
        <v>50</v>
      </c>
      <c r="AP9358">
        <v>50</v>
      </c>
      <c r="AQ9358">
        <v>50</v>
      </c>
    </row>
    <row r="9359" spans="1:43">
      <c r="A9359" t="s">
        <v>5844</v>
      </c>
      <c r="B9359" t="s">
        <v>5845</v>
      </c>
      <c r="C9359" t="s">
        <v>5750</v>
      </c>
      <c r="D9359" t="s">
        <v>5751</v>
      </c>
      <c r="E9359" t="s">
        <v>5698</v>
      </c>
      <c r="F9359" t="s">
        <v>5699</v>
      </c>
      <c r="G9359" t="s">
        <v>80</v>
      </c>
      <c r="H9359" t="s">
        <v>81</v>
      </c>
      <c r="I9359" s="2">
        <v>0</v>
      </c>
      <c r="J9359" s="2">
        <v>1</v>
      </c>
      <c r="K9359" s="2">
        <v>0</v>
      </c>
      <c r="L9359" t="s">
        <v>82</v>
      </c>
      <c r="M9359" t="s">
        <v>87</v>
      </c>
      <c r="N9359" t="s">
        <v>88</v>
      </c>
      <c r="O9359" t="s">
        <v>85</v>
      </c>
      <c r="P9359" t="s">
        <v>86</v>
      </c>
      <c r="Q9359">
        <v>42</v>
      </c>
      <c r="R9359">
        <v>42</v>
      </c>
      <c r="S9359">
        <v>42</v>
      </c>
      <c r="T9359">
        <v>42</v>
      </c>
      <c r="U9359">
        <v>42</v>
      </c>
      <c r="V9359">
        <v>42</v>
      </c>
      <c r="W9359">
        <v>42</v>
      </c>
      <c r="X9359">
        <v>42</v>
      </c>
      <c r="Y9359">
        <v>42</v>
      </c>
      <c r="Z9359">
        <v>43</v>
      </c>
      <c r="AA9359">
        <v>43</v>
      </c>
      <c r="AB9359">
        <v>43</v>
      </c>
      <c r="AC9359">
        <v>43</v>
      </c>
      <c r="AD9359">
        <v>43</v>
      </c>
      <c r="AE9359">
        <v>43</v>
      </c>
      <c r="AF9359">
        <v>43</v>
      </c>
      <c r="AG9359">
        <v>43</v>
      </c>
      <c r="AH9359">
        <v>43</v>
      </c>
      <c r="AI9359">
        <v>43</v>
      </c>
      <c r="AJ9359">
        <v>43</v>
      </c>
      <c r="AK9359">
        <v>43</v>
      </c>
      <c r="AL9359">
        <v>43</v>
      </c>
      <c r="AM9359">
        <v>43</v>
      </c>
      <c r="AN9359">
        <v>43</v>
      </c>
      <c r="AO9359">
        <v>43</v>
      </c>
      <c r="AP9359">
        <v>43</v>
      </c>
      <c r="AQ9359">
        <v>43</v>
      </c>
    </row>
    <row r="9360" spans="1:43">
      <c r="A9360" t="s">
        <v>5844</v>
      </c>
      <c r="B9360" t="s">
        <v>5845</v>
      </c>
      <c r="C9360" t="s">
        <v>5750</v>
      </c>
      <c r="D9360" t="s">
        <v>5751</v>
      </c>
      <c r="E9360" t="s">
        <v>5698</v>
      </c>
      <c r="F9360" t="s">
        <v>5699</v>
      </c>
      <c r="G9360" t="s">
        <v>80</v>
      </c>
      <c r="H9360" t="s">
        <v>81</v>
      </c>
      <c r="I9360" s="2">
        <v>0</v>
      </c>
      <c r="J9360" s="2">
        <v>1</v>
      </c>
      <c r="K9360" s="2">
        <v>0</v>
      </c>
      <c r="L9360" t="s">
        <v>82</v>
      </c>
      <c r="M9360" t="s">
        <v>89</v>
      </c>
      <c r="N9360" t="s">
        <v>90</v>
      </c>
      <c r="O9360" t="s">
        <v>85</v>
      </c>
      <c r="P9360" t="s">
        <v>86</v>
      </c>
      <c r="Q9360">
        <v>42</v>
      </c>
      <c r="R9360">
        <v>43</v>
      </c>
      <c r="S9360">
        <v>43</v>
      </c>
      <c r="T9360">
        <v>44</v>
      </c>
      <c r="U9360">
        <v>45</v>
      </c>
      <c r="V9360">
        <v>46</v>
      </c>
      <c r="W9360">
        <v>46</v>
      </c>
      <c r="X9360">
        <v>47</v>
      </c>
      <c r="Y9360">
        <v>48</v>
      </c>
      <c r="Z9360">
        <v>48</v>
      </c>
      <c r="AA9360">
        <v>49</v>
      </c>
      <c r="AB9360">
        <v>49</v>
      </c>
      <c r="AC9360">
        <v>50</v>
      </c>
      <c r="AD9360">
        <v>51</v>
      </c>
      <c r="AE9360">
        <v>51</v>
      </c>
      <c r="AF9360">
        <v>51</v>
      </c>
      <c r="AG9360">
        <v>51</v>
      </c>
      <c r="AH9360">
        <v>51</v>
      </c>
      <c r="AI9360">
        <v>51</v>
      </c>
      <c r="AJ9360">
        <v>50</v>
      </c>
      <c r="AK9360">
        <v>50</v>
      </c>
      <c r="AL9360">
        <v>50</v>
      </c>
      <c r="AM9360">
        <v>50</v>
      </c>
      <c r="AN9360">
        <v>50</v>
      </c>
      <c r="AO9360">
        <v>50</v>
      </c>
      <c r="AP9360">
        <v>50</v>
      </c>
      <c r="AQ9360">
        <v>50</v>
      </c>
    </row>
    <row r="9361" spans="1:43">
      <c r="A9361" t="s">
        <v>5844</v>
      </c>
      <c r="B9361" t="s">
        <v>5845</v>
      </c>
      <c r="C9361" t="s">
        <v>5750</v>
      </c>
      <c r="D9361" t="s">
        <v>5751</v>
      </c>
      <c r="E9361" t="s">
        <v>5698</v>
      </c>
      <c r="F9361" t="s">
        <v>5699</v>
      </c>
      <c r="G9361" t="s">
        <v>80</v>
      </c>
      <c r="H9361" t="s">
        <v>81</v>
      </c>
      <c r="I9361" s="2">
        <v>0</v>
      </c>
      <c r="J9361" s="2">
        <v>1</v>
      </c>
      <c r="K9361" s="2">
        <v>0</v>
      </c>
      <c r="L9361" t="s">
        <v>82</v>
      </c>
      <c r="M9361" t="s">
        <v>83</v>
      </c>
      <c r="N9361" t="s">
        <v>91</v>
      </c>
      <c r="O9361" t="s">
        <v>85</v>
      </c>
      <c r="P9361" t="s">
        <v>86</v>
      </c>
      <c r="Q9361">
        <v>42</v>
      </c>
      <c r="R9361">
        <v>43</v>
      </c>
      <c r="S9361">
        <v>43</v>
      </c>
      <c r="T9361">
        <v>44</v>
      </c>
      <c r="U9361">
        <v>44</v>
      </c>
      <c r="V9361">
        <v>45</v>
      </c>
      <c r="W9361">
        <v>45</v>
      </c>
      <c r="X9361">
        <v>45</v>
      </c>
      <c r="Y9361">
        <v>46</v>
      </c>
      <c r="Z9361">
        <v>46</v>
      </c>
      <c r="AA9361">
        <v>47</v>
      </c>
      <c r="AB9361">
        <v>47</v>
      </c>
      <c r="AC9361">
        <v>48</v>
      </c>
      <c r="AD9361">
        <v>48</v>
      </c>
      <c r="AE9361">
        <v>48</v>
      </c>
      <c r="AF9361">
        <v>49</v>
      </c>
      <c r="AG9361">
        <v>49</v>
      </c>
      <c r="AH9361">
        <v>49</v>
      </c>
      <c r="AI9361">
        <v>50</v>
      </c>
      <c r="AJ9361">
        <v>50</v>
      </c>
      <c r="AK9361">
        <v>51</v>
      </c>
      <c r="AL9361">
        <v>51</v>
      </c>
      <c r="AM9361">
        <v>50</v>
      </c>
      <c r="AN9361">
        <v>50</v>
      </c>
      <c r="AO9361">
        <v>50</v>
      </c>
      <c r="AP9361">
        <v>50</v>
      </c>
      <c r="AQ9361">
        <v>50</v>
      </c>
    </row>
    <row r="9362" spans="1:43">
      <c r="A9362" t="s">
        <v>5846</v>
      </c>
      <c r="B9362" t="s">
        <v>5847</v>
      </c>
      <c r="C9362" t="s">
        <v>5750</v>
      </c>
      <c r="D9362" t="s">
        <v>5751</v>
      </c>
      <c r="E9362" t="s">
        <v>5698</v>
      </c>
      <c r="F9362" t="s">
        <v>5699</v>
      </c>
      <c r="G9362" t="s">
        <v>80</v>
      </c>
      <c r="H9362" t="s">
        <v>81</v>
      </c>
      <c r="I9362" s="2">
        <v>0</v>
      </c>
      <c r="J9362" s="2">
        <v>1</v>
      </c>
      <c r="K9362" s="2">
        <v>0</v>
      </c>
      <c r="L9362" t="s">
        <v>82</v>
      </c>
      <c r="M9362" t="s">
        <v>83</v>
      </c>
      <c r="N9362" t="s">
        <v>84</v>
      </c>
      <c r="O9362" t="s">
        <v>85</v>
      </c>
      <c r="P9362" t="s">
        <v>86</v>
      </c>
      <c r="Q9362">
        <v>71</v>
      </c>
      <c r="R9362">
        <v>72</v>
      </c>
      <c r="S9362">
        <v>73</v>
      </c>
      <c r="T9362">
        <v>74</v>
      </c>
      <c r="U9362">
        <v>74</v>
      </c>
      <c r="V9362">
        <v>75</v>
      </c>
      <c r="W9362">
        <v>76</v>
      </c>
      <c r="X9362">
        <v>76</v>
      </c>
      <c r="Y9362">
        <v>77</v>
      </c>
      <c r="Z9362">
        <v>78</v>
      </c>
      <c r="AA9362">
        <v>79</v>
      </c>
      <c r="AB9362">
        <v>79</v>
      </c>
      <c r="AC9362">
        <v>80</v>
      </c>
      <c r="AD9362">
        <v>80</v>
      </c>
      <c r="AE9362">
        <v>81</v>
      </c>
      <c r="AF9362">
        <v>82</v>
      </c>
      <c r="AG9362">
        <v>82</v>
      </c>
      <c r="AH9362">
        <v>83</v>
      </c>
      <c r="AI9362">
        <v>84</v>
      </c>
      <c r="AJ9362">
        <v>84</v>
      </c>
      <c r="AK9362">
        <v>85</v>
      </c>
      <c r="AL9362">
        <v>85</v>
      </c>
      <c r="AM9362">
        <v>85</v>
      </c>
      <c r="AN9362">
        <v>85</v>
      </c>
      <c r="AO9362">
        <v>84</v>
      </c>
      <c r="AP9362">
        <v>84</v>
      </c>
      <c r="AQ9362">
        <v>84</v>
      </c>
    </row>
    <row r="9363" spans="1:43">
      <c r="A9363" t="s">
        <v>5846</v>
      </c>
      <c r="B9363" t="s">
        <v>5847</v>
      </c>
      <c r="C9363" t="s">
        <v>5750</v>
      </c>
      <c r="D9363" t="s">
        <v>5751</v>
      </c>
      <c r="E9363" t="s">
        <v>5698</v>
      </c>
      <c r="F9363" t="s">
        <v>5699</v>
      </c>
      <c r="G9363" t="s">
        <v>80</v>
      </c>
      <c r="H9363" t="s">
        <v>81</v>
      </c>
      <c r="I9363" s="2">
        <v>0</v>
      </c>
      <c r="J9363" s="2">
        <v>1</v>
      </c>
      <c r="K9363" s="2">
        <v>0</v>
      </c>
      <c r="L9363" t="s">
        <v>82</v>
      </c>
      <c r="M9363" t="s">
        <v>87</v>
      </c>
      <c r="N9363" t="s">
        <v>88</v>
      </c>
      <c r="O9363" t="s">
        <v>85</v>
      </c>
      <c r="P9363" t="s">
        <v>86</v>
      </c>
      <c r="Q9363">
        <v>71</v>
      </c>
      <c r="R9363">
        <v>71</v>
      </c>
      <c r="S9363">
        <v>71</v>
      </c>
      <c r="T9363">
        <v>71</v>
      </c>
      <c r="U9363">
        <v>71</v>
      </c>
      <c r="V9363">
        <v>71</v>
      </c>
      <c r="W9363">
        <v>71</v>
      </c>
      <c r="X9363">
        <v>71</v>
      </c>
      <c r="Y9363">
        <v>71</v>
      </c>
      <c r="Z9363">
        <v>71</v>
      </c>
      <c r="AA9363">
        <v>71</v>
      </c>
      <c r="AB9363">
        <v>72</v>
      </c>
      <c r="AC9363">
        <v>72</v>
      </c>
      <c r="AD9363">
        <v>72</v>
      </c>
      <c r="AE9363">
        <v>72</v>
      </c>
      <c r="AF9363">
        <v>72</v>
      </c>
      <c r="AG9363">
        <v>72</v>
      </c>
      <c r="AH9363">
        <v>72</v>
      </c>
      <c r="AI9363">
        <v>72</v>
      </c>
      <c r="AJ9363">
        <v>72</v>
      </c>
      <c r="AK9363">
        <v>72</v>
      </c>
      <c r="AL9363">
        <v>72</v>
      </c>
      <c r="AM9363">
        <v>72</v>
      </c>
      <c r="AN9363">
        <v>72</v>
      </c>
      <c r="AO9363">
        <v>72</v>
      </c>
      <c r="AP9363">
        <v>72</v>
      </c>
      <c r="AQ9363">
        <v>72</v>
      </c>
    </row>
    <row r="9364" spans="1:43">
      <c r="A9364" t="s">
        <v>5846</v>
      </c>
      <c r="B9364" t="s">
        <v>5847</v>
      </c>
      <c r="C9364" t="s">
        <v>5750</v>
      </c>
      <c r="D9364" t="s">
        <v>5751</v>
      </c>
      <c r="E9364" t="s">
        <v>5698</v>
      </c>
      <c r="F9364" t="s">
        <v>5699</v>
      </c>
      <c r="G9364" t="s">
        <v>80</v>
      </c>
      <c r="H9364" t="s">
        <v>81</v>
      </c>
      <c r="I9364" s="2">
        <v>0</v>
      </c>
      <c r="J9364" s="2">
        <v>1</v>
      </c>
      <c r="K9364" s="2">
        <v>0</v>
      </c>
      <c r="L9364" t="s">
        <v>82</v>
      </c>
      <c r="M9364" t="s">
        <v>89</v>
      </c>
      <c r="N9364" t="s">
        <v>90</v>
      </c>
      <c r="O9364" t="s">
        <v>85</v>
      </c>
      <c r="P9364" t="s">
        <v>86</v>
      </c>
      <c r="Q9364">
        <v>71</v>
      </c>
      <c r="R9364">
        <v>72</v>
      </c>
      <c r="S9364">
        <v>74</v>
      </c>
      <c r="T9364">
        <v>75</v>
      </c>
      <c r="U9364">
        <v>76</v>
      </c>
      <c r="V9364">
        <v>77</v>
      </c>
      <c r="W9364">
        <v>79</v>
      </c>
      <c r="X9364">
        <v>80</v>
      </c>
      <c r="Y9364">
        <v>81</v>
      </c>
      <c r="Z9364">
        <v>82</v>
      </c>
      <c r="AA9364">
        <v>83</v>
      </c>
      <c r="AB9364">
        <v>84</v>
      </c>
      <c r="AC9364">
        <v>85</v>
      </c>
      <c r="AD9364">
        <v>86</v>
      </c>
      <c r="AE9364">
        <v>86</v>
      </c>
      <c r="AF9364">
        <v>86</v>
      </c>
      <c r="AG9364">
        <v>86</v>
      </c>
      <c r="AH9364">
        <v>86</v>
      </c>
      <c r="AI9364">
        <v>85</v>
      </c>
      <c r="AJ9364">
        <v>85</v>
      </c>
      <c r="AK9364">
        <v>85</v>
      </c>
      <c r="AL9364">
        <v>85</v>
      </c>
      <c r="AM9364">
        <v>85</v>
      </c>
      <c r="AN9364">
        <v>85</v>
      </c>
      <c r="AO9364">
        <v>84</v>
      </c>
      <c r="AP9364">
        <v>84</v>
      </c>
      <c r="AQ9364">
        <v>84</v>
      </c>
    </row>
    <row r="9365" spans="1:43">
      <c r="A9365" t="s">
        <v>5846</v>
      </c>
      <c r="B9365" t="s">
        <v>5847</v>
      </c>
      <c r="C9365" t="s">
        <v>5750</v>
      </c>
      <c r="D9365" t="s">
        <v>5751</v>
      </c>
      <c r="E9365" t="s">
        <v>5698</v>
      </c>
      <c r="F9365" t="s">
        <v>5699</v>
      </c>
      <c r="G9365" t="s">
        <v>80</v>
      </c>
      <c r="H9365" t="s">
        <v>81</v>
      </c>
      <c r="I9365" s="2">
        <v>0</v>
      </c>
      <c r="J9365" s="2">
        <v>1</v>
      </c>
      <c r="K9365" s="2">
        <v>0</v>
      </c>
      <c r="L9365" t="s">
        <v>82</v>
      </c>
      <c r="M9365" t="s">
        <v>83</v>
      </c>
      <c r="N9365" t="s">
        <v>91</v>
      </c>
      <c r="O9365" t="s">
        <v>85</v>
      </c>
      <c r="P9365" t="s">
        <v>86</v>
      </c>
      <c r="Q9365">
        <v>71</v>
      </c>
      <c r="R9365">
        <v>72</v>
      </c>
      <c r="S9365">
        <v>73</v>
      </c>
      <c r="T9365">
        <v>74</v>
      </c>
      <c r="U9365">
        <v>74</v>
      </c>
      <c r="V9365">
        <v>75</v>
      </c>
      <c r="W9365">
        <v>76</v>
      </c>
      <c r="X9365">
        <v>76</v>
      </c>
      <c r="Y9365">
        <v>77</v>
      </c>
      <c r="Z9365">
        <v>78</v>
      </c>
      <c r="AA9365">
        <v>79</v>
      </c>
      <c r="AB9365">
        <v>79</v>
      </c>
      <c r="AC9365">
        <v>80</v>
      </c>
      <c r="AD9365">
        <v>80</v>
      </c>
      <c r="AE9365">
        <v>81</v>
      </c>
      <c r="AF9365">
        <v>82</v>
      </c>
      <c r="AG9365">
        <v>82</v>
      </c>
      <c r="AH9365">
        <v>83</v>
      </c>
      <c r="AI9365">
        <v>84</v>
      </c>
      <c r="AJ9365">
        <v>84</v>
      </c>
      <c r="AK9365">
        <v>85</v>
      </c>
      <c r="AL9365">
        <v>85</v>
      </c>
      <c r="AM9365">
        <v>85</v>
      </c>
      <c r="AN9365">
        <v>85</v>
      </c>
      <c r="AO9365">
        <v>84</v>
      </c>
      <c r="AP9365">
        <v>84</v>
      </c>
      <c r="AQ9365">
        <v>84</v>
      </c>
    </row>
    <row r="9366" spans="1:43">
      <c r="A9366" t="s">
        <v>5848</v>
      </c>
      <c r="B9366" t="s">
        <v>5849</v>
      </c>
      <c r="C9366" t="s">
        <v>5850</v>
      </c>
      <c r="D9366" t="s">
        <v>5851</v>
      </c>
      <c r="E9366" t="s">
        <v>5698</v>
      </c>
      <c r="F9366" t="s">
        <v>5699</v>
      </c>
      <c r="G9366" t="s">
        <v>80</v>
      </c>
      <c r="H9366" t="s">
        <v>81</v>
      </c>
      <c r="I9366" s="2">
        <v>0</v>
      </c>
      <c r="J9366" s="2">
        <v>1</v>
      </c>
      <c r="K9366" s="2">
        <v>0</v>
      </c>
      <c r="L9366" t="s">
        <v>82</v>
      </c>
      <c r="M9366" t="s">
        <v>83</v>
      </c>
      <c r="N9366" t="s">
        <v>84</v>
      </c>
      <c r="O9366" t="s">
        <v>85</v>
      </c>
      <c r="P9366" t="s">
        <v>86</v>
      </c>
      <c r="Q9366">
        <v>59</v>
      </c>
      <c r="R9366">
        <v>60</v>
      </c>
      <c r="S9366">
        <v>60</v>
      </c>
      <c r="T9366">
        <v>61</v>
      </c>
      <c r="U9366">
        <v>62</v>
      </c>
      <c r="V9366">
        <v>62</v>
      </c>
      <c r="W9366">
        <v>63</v>
      </c>
      <c r="X9366">
        <v>63</v>
      </c>
      <c r="Y9366">
        <v>64</v>
      </c>
      <c r="Z9366">
        <v>64</v>
      </c>
      <c r="AA9366">
        <v>65</v>
      </c>
      <c r="AB9366">
        <v>65</v>
      </c>
      <c r="AC9366">
        <v>66</v>
      </c>
      <c r="AD9366">
        <v>66</v>
      </c>
      <c r="AE9366">
        <v>67</v>
      </c>
      <c r="AF9366">
        <v>67</v>
      </c>
      <c r="AG9366">
        <v>68</v>
      </c>
      <c r="AH9366">
        <v>68</v>
      </c>
      <c r="AI9366">
        <v>69</v>
      </c>
      <c r="AJ9366">
        <v>69</v>
      </c>
      <c r="AK9366">
        <v>70</v>
      </c>
      <c r="AL9366">
        <v>70</v>
      </c>
      <c r="AM9366">
        <v>69</v>
      </c>
      <c r="AN9366">
        <v>69</v>
      </c>
      <c r="AO9366">
        <v>69</v>
      </c>
      <c r="AP9366">
        <v>69</v>
      </c>
      <c r="AQ9366">
        <v>68</v>
      </c>
    </row>
    <row r="9367" spans="1:43">
      <c r="A9367" t="s">
        <v>5848</v>
      </c>
      <c r="B9367" t="s">
        <v>5849</v>
      </c>
      <c r="C9367" t="s">
        <v>5850</v>
      </c>
      <c r="D9367" t="s">
        <v>5851</v>
      </c>
      <c r="E9367" t="s">
        <v>5698</v>
      </c>
      <c r="F9367" t="s">
        <v>5699</v>
      </c>
      <c r="G9367" t="s">
        <v>80</v>
      </c>
      <c r="H9367" t="s">
        <v>81</v>
      </c>
      <c r="I9367" s="2">
        <v>0</v>
      </c>
      <c r="J9367" s="2">
        <v>1</v>
      </c>
      <c r="K9367" s="2">
        <v>0</v>
      </c>
      <c r="L9367" t="s">
        <v>82</v>
      </c>
      <c r="M9367" t="s">
        <v>87</v>
      </c>
      <c r="N9367" t="s">
        <v>88</v>
      </c>
      <c r="O9367" t="s">
        <v>85</v>
      </c>
      <c r="P9367" t="s">
        <v>86</v>
      </c>
      <c r="Q9367">
        <v>59</v>
      </c>
      <c r="R9367">
        <v>59</v>
      </c>
      <c r="S9367">
        <v>59</v>
      </c>
      <c r="T9367">
        <v>59</v>
      </c>
      <c r="U9367">
        <v>59</v>
      </c>
      <c r="V9367">
        <v>59</v>
      </c>
      <c r="W9367">
        <v>59</v>
      </c>
      <c r="X9367">
        <v>59</v>
      </c>
      <c r="Y9367">
        <v>59</v>
      </c>
      <c r="Z9367">
        <v>59</v>
      </c>
      <c r="AA9367">
        <v>59</v>
      </c>
      <c r="AB9367">
        <v>59</v>
      </c>
      <c r="AC9367">
        <v>59</v>
      </c>
      <c r="AD9367">
        <v>59</v>
      </c>
      <c r="AE9367">
        <v>59</v>
      </c>
      <c r="AF9367">
        <v>59</v>
      </c>
      <c r="AG9367">
        <v>59</v>
      </c>
      <c r="AH9367">
        <v>59</v>
      </c>
      <c r="AI9367">
        <v>59</v>
      </c>
      <c r="AJ9367">
        <v>59</v>
      </c>
      <c r="AK9367">
        <v>59</v>
      </c>
      <c r="AL9367">
        <v>59</v>
      </c>
      <c r="AM9367">
        <v>59</v>
      </c>
      <c r="AN9367">
        <v>59</v>
      </c>
      <c r="AO9367">
        <v>59</v>
      </c>
      <c r="AP9367">
        <v>60</v>
      </c>
      <c r="AQ9367">
        <v>60</v>
      </c>
    </row>
    <row r="9368" spans="1:43">
      <c r="A9368" t="s">
        <v>5848</v>
      </c>
      <c r="B9368" t="s">
        <v>5849</v>
      </c>
      <c r="C9368" t="s">
        <v>5850</v>
      </c>
      <c r="D9368" t="s">
        <v>5851</v>
      </c>
      <c r="E9368" t="s">
        <v>5698</v>
      </c>
      <c r="F9368" t="s">
        <v>5699</v>
      </c>
      <c r="G9368" t="s">
        <v>80</v>
      </c>
      <c r="H9368" t="s">
        <v>81</v>
      </c>
      <c r="I9368" s="2">
        <v>0</v>
      </c>
      <c r="J9368" s="2">
        <v>1</v>
      </c>
      <c r="K9368" s="2">
        <v>0</v>
      </c>
      <c r="L9368" t="s">
        <v>82</v>
      </c>
      <c r="M9368" t="s">
        <v>89</v>
      </c>
      <c r="N9368" t="s">
        <v>90</v>
      </c>
      <c r="O9368" t="s">
        <v>85</v>
      </c>
      <c r="P9368" t="s">
        <v>86</v>
      </c>
      <c r="Q9368">
        <v>59</v>
      </c>
      <c r="R9368">
        <v>60</v>
      </c>
      <c r="S9368">
        <v>61</v>
      </c>
      <c r="T9368">
        <v>62</v>
      </c>
      <c r="U9368">
        <v>63</v>
      </c>
      <c r="V9368">
        <v>64</v>
      </c>
      <c r="W9368">
        <v>65</v>
      </c>
      <c r="X9368">
        <v>66</v>
      </c>
      <c r="Y9368">
        <v>67</v>
      </c>
      <c r="Z9368">
        <v>67</v>
      </c>
      <c r="AA9368">
        <v>68</v>
      </c>
      <c r="AB9368">
        <v>69</v>
      </c>
      <c r="AC9368">
        <v>70</v>
      </c>
      <c r="AD9368">
        <v>70</v>
      </c>
      <c r="AE9368">
        <v>71</v>
      </c>
      <c r="AF9368">
        <v>70</v>
      </c>
      <c r="AG9368">
        <v>70</v>
      </c>
      <c r="AH9368">
        <v>70</v>
      </c>
      <c r="AI9368">
        <v>70</v>
      </c>
      <c r="AJ9368">
        <v>70</v>
      </c>
      <c r="AK9368">
        <v>69</v>
      </c>
      <c r="AL9368">
        <v>69</v>
      </c>
      <c r="AM9368">
        <v>69</v>
      </c>
      <c r="AN9368">
        <v>69</v>
      </c>
      <c r="AO9368">
        <v>68</v>
      </c>
      <c r="AP9368">
        <v>68</v>
      </c>
      <c r="AQ9368">
        <v>68</v>
      </c>
    </row>
    <row r="9369" spans="1:43">
      <c r="A9369" t="s">
        <v>5848</v>
      </c>
      <c r="B9369" t="s">
        <v>5849</v>
      </c>
      <c r="C9369" t="s">
        <v>5850</v>
      </c>
      <c r="D9369" t="s">
        <v>5851</v>
      </c>
      <c r="E9369" t="s">
        <v>5698</v>
      </c>
      <c r="F9369" t="s">
        <v>5699</v>
      </c>
      <c r="G9369" t="s">
        <v>80</v>
      </c>
      <c r="H9369" t="s">
        <v>81</v>
      </c>
      <c r="I9369" s="2">
        <v>0</v>
      </c>
      <c r="J9369" s="2">
        <v>1</v>
      </c>
      <c r="K9369" s="2">
        <v>0</v>
      </c>
      <c r="L9369" t="s">
        <v>82</v>
      </c>
      <c r="M9369" t="s">
        <v>83</v>
      </c>
      <c r="N9369" t="s">
        <v>91</v>
      </c>
      <c r="O9369" t="s">
        <v>85</v>
      </c>
      <c r="P9369" t="s">
        <v>86</v>
      </c>
      <c r="Q9369">
        <v>59</v>
      </c>
      <c r="R9369">
        <v>60</v>
      </c>
      <c r="S9369">
        <v>60</v>
      </c>
      <c r="T9369">
        <v>61</v>
      </c>
      <c r="U9369">
        <v>62</v>
      </c>
      <c r="V9369">
        <v>62</v>
      </c>
      <c r="W9369">
        <v>63</v>
      </c>
      <c r="X9369">
        <v>63</v>
      </c>
      <c r="Y9369">
        <v>64</v>
      </c>
      <c r="Z9369">
        <v>64</v>
      </c>
      <c r="AA9369">
        <v>65</v>
      </c>
      <c r="AB9369">
        <v>65</v>
      </c>
      <c r="AC9369">
        <v>66</v>
      </c>
      <c r="AD9369">
        <v>66</v>
      </c>
      <c r="AE9369">
        <v>67</v>
      </c>
      <c r="AF9369">
        <v>67</v>
      </c>
      <c r="AG9369">
        <v>68</v>
      </c>
      <c r="AH9369">
        <v>68</v>
      </c>
      <c r="AI9369">
        <v>69</v>
      </c>
      <c r="AJ9369">
        <v>69</v>
      </c>
      <c r="AK9369">
        <v>70</v>
      </c>
      <c r="AL9369">
        <v>70</v>
      </c>
      <c r="AM9369">
        <v>69</v>
      </c>
      <c r="AN9369">
        <v>69</v>
      </c>
      <c r="AO9369">
        <v>69</v>
      </c>
      <c r="AP9369">
        <v>69</v>
      </c>
      <c r="AQ9369">
        <v>68</v>
      </c>
    </row>
    <row r="9370" spans="1:43">
      <c r="A9370" t="s">
        <v>5852</v>
      </c>
      <c r="B9370" t="s">
        <v>5853</v>
      </c>
      <c r="C9370" t="s">
        <v>5850</v>
      </c>
      <c r="D9370" t="s">
        <v>5851</v>
      </c>
      <c r="E9370" t="s">
        <v>5698</v>
      </c>
      <c r="F9370" t="s">
        <v>5699</v>
      </c>
      <c r="G9370" t="s">
        <v>80</v>
      </c>
      <c r="H9370" t="s">
        <v>81</v>
      </c>
      <c r="I9370" s="2">
        <v>0</v>
      </c>
      <c r="J9370" s="2">
        <v>1</v>
      </c>
      <c r="K9370" s="2">
        <v>0</v>
      </c>
      <c r="L9370" t="s">
        <v>82</v>
      </c>
      <c r="M9370" t="s">
        <v>83</v>
      </c>
      <c r="N9370" t="s">
        <v>84</v>
      </c>
      <c r="O9370" t="s">
        <v>85</v>
      </c>
      <c r="P9370" t="s">
        <v>86</v>
      </c>
      <c r="Q9370">
        <v>115</v>
      </c>
      <c r="R9370">
        <v>116</v>
      </c>
      <c r="S9370">
        <v>117</v>
      </c>
      <c r="T9370">
        <v>119</v>
      </c>
      <c r="U9370">
        <v>120</v>
      </c>
      <c r="V9370">
        <v>121</v>
      </c>
      <c r="W9370">
        <v>122</v>
      </c>
      <c r="X9370">
        <v>123</v>
      </c>
      <c r="Y9370">
        <v>124</v>
      </c>
      <c r="Z9370">
        <v>125</v>
      </c>
      <c r="AA9370">
        <v>126</v>
      </c>
      <c r="AB9370">
        <v>127</v>
      </c>
      <c r="AC9370">
        <v>128</v>
      </c>
      <c r="AD9370">
        <v>129</v>
      </c>
      <c r="AE9370">
        <v>130</v>
      </c>
      <c r="AF9370">
        <v>131</v>
      </c>
      <c r="AG9370">
        <v>132</v>
      </c>
      <c r="AH9370">
        <v>133</v>
      </c>
      <c r="AI9370">
        <v>134</v>
      </c>
      <c r="AJ9370">
        <v>135</v>
      </c>
      <c r="AK9370">
        <v>135</v>
      </c>
      <c r="AL9370">
        <v>135</v>
      </c>
      <c r="AM9370">
        <v>135</v>
      </c>
      <c r="AN9370">
        <v>135</v>
      </c>
      <c r="AO9370">
        <v>134</v>
      </c>
      <c r="AP9370">
        <v>134</v>
      </c>
      <c r="AQ9370">
        <v>133</v>
      </c>
    </row>
    <row r="9371" spans="1:43">
      <c r="A9371" t="s">
        <v>5852</v>
      </c>
      <c r="B9371" t="s">
        <v>5853</v>
      </c>
      <c r="C9371" t="s">
        <v>5850</v>
      </c>
      <c r="D9371" t="s">
        <v>5851</v>
      </c>
      <c r="E9371" t="s">
        <v>5698</v>
      </c>
      <c r="F9371" t="s">
        <v>5699</v>
      </c>
      <c r="G9371" t="s">
        <v>80</v>
      </c>
      <c r="H9371" t="s">
        <v>81</v>
      </c>
      <c r="I9371" s="2">
        <v>0</v>
      </c>
      <c r="J9371" s="2">
        <v>1</v>
      </c>
      <c r="K9371" s="2">
        <v>0</v>
      </c>
      <c r="L9371" t="s">
        <v>82</v>
      </c>
      <c r="M9371" t="s">
        <v>87</v>
      </c>
      <c r="N9371" t="s">
        <v>88</v>
      </c>
      <c r="O9371" t="s">
        <v>85</v>
      </c>
      <c r="P9371" t="s">
        <v>86</v>
      </c>
      <c r="Q9371">
        <v>115</v>
      </c>
      <c r="R9371">
        <v>115</v>
      </c>
      <c r="S9371">
        <v>115</v>
      </c>
      <c r="T9371">
        <v>115</v>
      </c>
      <c r="U9371">
        <v>115</v>
      </c>
      <c r="V9371">
        <v>116</v>
      </c>
      <c r="W9371">
        <v>116</v>
      </c>
      <c r="X9371">
        <v>116</v>
      </c>
      <c r="Y9371">
        <v>116</v>
      </c>
      <c r="Z9371">
        <v>116</v>
      </c>
      <c r="AA9371">
        <v>116</v>
      </c>
      <c r="AB9371">
        <v>116</v>
      </c>
      <c r="AC9371">
        <v>116</v>
      </c>
      <c r="AD9371">
        <v>116</v>
      </c>
      <c r="AE9371">
        <v>116</v>
      </c>
      <c r="AF9371">
        <v>116</v>
      </c>
      <c r="AG9371">
        <v>116</v>
      </c>
      <c r="AH9371">
        <v>116</v>
      </c>
      <c r="AI9371">
        <v>116</v>
      </c>
      <c r="AJ9371">
        <v>117</v>
      </c>
      <c r="AK9371">
        <v>117</v>
      </c>
      <c r="AL9371">
        <v>117</v>
      </c>
      <c r="AM9371">
        <v>117</v>
      </c>
      <c r="AN9371">
        <v>117</v>
      </c>
      <c r="AO9371">
        <v>117</v>
      </c>
      <c r="AP9371">
        <v>117</v>
      </c>
      <c r="AQ9371">
        <v>117</v>
      </c>
    </row>
    <row r="9372" spans="1:43">
      <c r="A9372" t="s">
        <v>5852</v>
      </c>
      <c r="B9372" t="s">
        <v>5853</v>
      </c>
      <c r="C9372" t="s">
        <v>5850</v>
      </c>
      <c r="D9372" t="s">
        <v>5851</v>
      </c>
      <c r="E9372" t="s">
        <v>5698</v>
      </c>
      <c r="F9372" t="s">
        <v>5699</v>
      </c>
      <c r="G9372" t="s">
        <v>80</v>
      </c>
      <c r="H9372" t="s">
        <v>81</v>
      </c>
      <c r="I9372" s="2">
        <v>0</v>
      </c>
      <c r="J9372" s="2">
        <v>1</v>
      </c>
      <c r="K9372" s="2">
        <v>0</v>
      </c>
      <c r="L9372" t="s">
        <v>82</v>
      </c>
      <c r="M9372" t="s">
        <v>89</v>
      </c>
      <c r="N9372" t="s">
        <v>90</v>
      </c>
      <c r="O9372" t="s">
        <v>85</v>
      </c>
      <c r="P9372" t="s">
        <v>86</v>
      </c>
      <c r="Q9372">
        <v>115</v>
      </c>
      <c r="R9372">
        <v>117</v>
      </c>
      <c r="S9372">
        <v>119</v>
      </c>
      <c r="T9372">
        <v>122</v>
      </c>
      <c r="U9372">
        <v>123</v>
      </c>
      <c r="V9372">
        <v>125</v>
      </c>
      <c r="W9372">
        <v>127</v>
      </c>
      <c r="X9372">
        <v>129</v>
      </c>
      <c r="Y9372">
        <v>131</v>
      </c>
      <c r="Z9372">
        <v>132</v>
      </c>
      <c r="AA9372">
        <v>133</v>
      </c>
      <c r="AB9372">
        <v>135</v>
      </c>
      <c r="AC9372">
        <v>136</v>
      </c>
      <c r="AD9372">
        <v>138</v>
      </c>
      <c r="AE9372">
        <v>138</v>
      </c>
      <c r="AF9372">
        <v>138</v>
      </c>
      <c r="AG9372">
        <v>138</v>
      </c>
      <c r="AH9372">
        <v>137</v>
      </c>
      <c r="AI9372">
        <v>137</v>
      </c>
      <c r="AJ9372">
        <v>136</v>
      </c>
      <c r="AK9372">
        <v>136</v>
      </c>
      <c r="AL9372">
        <v>135</v>
      </c>
      <c r="AM9372">
        <v>135</v>
      </c>
      <c r="AN9372">
        <v>135</v>
      </c>
      <c r="AO9372">
        <v>134</v>
      </c>
      <c r="AP9372">
        <v>134</v>
      </c>
      <c r="AQ9372">
        <v>133</v>
      </c>
    </row>
    <row r="9373" spans="1:43">
      <c r="A9373" t="s">
        <v>5852</v>
      </c>
      <c r="B9373" t="s">
        <v>5853</v>
      </c>
      <c r="C9373" t="s">
        <v>5850</v>
      </c>
      <c r="D9373" t="s">
        <v>5851</v>
      </c>
      <c r="E9373" t="s">
        <v>5698</v>
      </c>
      <c r="F9373" t="s">
        <v>5699</v>
      </c>
      <c r="G9373" t="s">
        <v>80</v>
      </c>
      <c r="H9373" t="s">
        <v>81</v>
      </c>
      <c r="I9373" s="2">
        <v>0</v>
      </c>
      <c r="J9373" s="2">
        <v>1</v>
      </c>
      <c r="K9373" s="2">
        <v>0</v>
      </c>
      <c r="L9373" t="s">
        <v>82</v>
      </c>
      <c r="M9373" t="s">
        <v>83</v>
      </c>
      <c r="N9373" t="s">
        <v>91</v>
      </c>
      <c r="O9373" t="s">
        <v>85</v>
      </c>
      <c r="P9373" t="s">
        <v>86</v>
      </c>
      <c r="Q9373">
        <v>115</v>
      </c>
      <c r="R9373">
        <v>116</v>
      </c>
      <c r="S9373">
        <v>117</v>
      </c>
      <c r="T9373">
        <v>119</v>
      </c>
      <c r="U9373">
        <v>120</v>
      </c>
      <c r="V9373">
        <v>121</v>
      </c>
      <c r="W9373">
        <v>122</v>
      </c>
      <c r="X9373">
        <v>123</v>
      </c>
      <c r="Y9373">
        <v>124</v>
      </c>
      <c r="Z9373">
        <v>125</v>
      </c>
      <c r="AA9373">
        <v>126</v>
      </c>
      <c r="AB9373">
        <v>127</v>
      </c>
      <c r="AC9373">
        <v>128</v>
      </c>
      <c r="AD9373">
        <v>129</v>
      </c>
      <c r="AE9373">
        <v>130</v>
      </c>
      <c r="AF9373">
        <v>131</v>
      </c>
      <c r="AG9373">
        <v>132</v>
      </c>
      <c r="AH9373">
        <v>133</v>
      </c>
      <c r="AI9373">
        <v>134</v>
      </c>
      <c r="AJ9373">
        <v>135</v>
      </c>
      <c r="AK9373">
        <v>135</v>
      </c>
      <c r="AL9373">
        <v>135</v>
      </c>
      <c r="AM9373">
        <v>135</v>
      </c>
      <c r="AN9373">
        <v>135</v>
      </c>
      <c r="AO9373">
        <v>134</v>
      </c>
      <c r="AP9373">
        <v>134</v>
      </c>
      <c r="AQ9373">
        <v>133</v>
      </c>
    </row>
    <row r="9374" spans="1:43">
      <c r="A9374" t="s">
        <v>5854</v>
      </c>
      <c r="B9374" t="s">
        <v>5855</v>
      </c>
      <c r="C9374" t="s">
        <v>5850</v>
      </c>
      <c r="D9374" t="s">
        <v>5851</v>
      </c>
      <c r="E9374" t="s">
        <v>5698</v>
      </c>
      <c r="F9374" t="s">
        <v>5699</v>
      </c>
      <c r="G9374" t="s">
        <v>80</v>
      </c>
      <c r="H9374" t="s">
        <v>81</v>
      </c>
      <c r="I9374" s="2">
        <v>0</v>
      </c>
      <c r="J9374" s="2">
        <v>1</v>
      </c>
      <c r="K9374" s="2">
        <v>0</v>
      </c>
      <c r="L9374" t="s">
        <v>82</v>
      </c>
      <c r="M9374" t="s">
        <v>83</v>
      </c>
      <c r="N9374" t="s">
        <v>84</v>
      </c>
      <c r="O9374" t="s">
        <v>85</v>
      </c>
      <c r="P9374" t="s">
        <v>86</v>
      </c>
      <c r="Q9374">
        <v>59</v>
      </c>
      <c r="R9374">
        <v>59</v>
      </c>
      <c r="S9374">
        <v>60</v>
      </c>
      <c r="T9374">
        <v>60</v>
      </c>
      <c r="U9374">
        <v>61</v>
      </c>
      <c r="V9374">
        <v>62</v>
      </c>
      <c r="W9374">
        <v>62</v>
      </c>
      <c r="X9374">
        <v>63</v>
      </c>
      <c r="Y9374">
        <v>63</v>
      </c>
      <c r="Z9374">
        <v>64</v>
      </c>
      <c r="AA9374">
        <v>64</v>
      </c>
      <c r="AB9374">
        <v>65</v>
      </c>
      <c r="AC9374">
        <v>65</v>
      </c>
      <c r="AD9374">
        <v>66</v>
      </c>
      <c r="AE9374">
        <v>66</v>
      </c>
      <c r="AF9374">
        <v>67</v>
      </c>
      <c r="AG9374">
        <v>67</v>
      </c>
      <c r="AH9374">
        <v>68</v>
      </c>
      <c r="AI9374">
        <v>68</v>
      </c>
      <c r="AJ9374">
        <v>69</v>
      </c>
      <c r="AK9374">
        <v>69</v>
      </c>
      <c r="AL9374">
        <v>69</v>
      </c>
      <c r="AM9374">
        <v>69</v>
      </c>
      <c r="AN9374">
        <v>69</v>
      </c>
      <c r="AO9374">
        <v>69</v>
      </c>
      <c r="AP9374">
        <v>68</v>
      </c>
      <c r="AQ9374">
        <v>68</v>
      </c>
    </row>
    <row r="9375" spans="1:43">
      <c r="A9375" t="s">
        <v>5854</v>
      </c>
      <c r="B9375" t="s">
        <v>5855</v>
      </c>
      <c r="C9375" t="s">
        <v>5850</v>
      </c>
      <c r="D9375" t="s">
        <v>5851</v>
      </c>
      <c r="E9375" t="s">
        <v>5698</v>
      </c>
      <c r="F9375" t="s">
        <v>5699</v>
      </c>
      <c r="G9375" t="s">
        <v>80</v>
      </c>
      <c r="H9375" t="s">
        <v>81</v>
      </c>
      <c r="I9375" s="2">
        <v>0</v>
      </c>
      <c r="J9375" s="2">
        <v>1</v>
      </c>
      <c r="K9375" s="2">
        <v>0</v>
      </c>
      <c r="L9375" t="s">
        <v>82</v>
      </c>
      <c r="M9375" t="s">
        <v>87</v>
      </c>
      <c r="N9375" t="s">
        <v>88</v>
      </c>
      <c r="O9375" t="s">
        <v>85</v>
      </c>
      <c r="P9375" t="s">
        <v>86</v>
      </c>
      <c r="Q9375">
        <v>59</v>
      </c>
      <c r="R9375">
        <v>59</v>
      </c>
      <c r="S9375">
        <v>59</v>
      </c>
      <c r="T9375">
        <v>59</v>
      </c>
      <c r="U9375">
        <v>59</v>
      </c>
      <c r="V9375">
        <v>59</v>
      </c>
      <c r="W9375">
        <v>59</v>
      </c>
      <c r="X9375">
        <v>59</v>
      </c>
      <c r="Y9375">
        <v>59</v>
      </c>
      <c r="Z9375">
        <v>60</v>
      </c>
      <c r="AA9375">
        <v>60</v>
      </c>
      <c r="AB9375">
        <v>60</v>
      </c>
      <c r="AC9375">
        <v>60</v>
      </c>
      <c r="AD9375">
        <v>60</v>
      </c>
      <c r="AE9375">
        <v>60</v>
      </c>
      <c r="AF9375">
        <v>60</v>
      </c>
      <c r="AG9375">
        <v>60</v>
      </c>
      <c r="AH9375">
        <v>60</v>
      </c>
      <c r="AI9375">
        <v>60</v>
      </c>
      <c r="AJ9375">
        <v>60</v>
      </c>
      <c r="AK9375">
        <v>60</v>
      </c>
      <c r="AL9375">
        <v>60</v>
      </c>
      <c r="AM9375">
        <v>60</v>
      </c>
      <c r="AN9375">
        <v>60</v>
      </c>
      <c r="AO9375">
        <v>60</v>
      </c>
      <c r="AP9375">
        <v>60</v>
      </c>
      <c r="AQ9375">
        <v>60</v>
      </c>
    </row>
    <row r="9376" spans="1:43">
      <c r="A9376" t="s">
        <v>5854</v>
      </c>
      <c r="B9376" t="s">
        <v>5855</v>
      </c>
      <c r="C9376" t="s">
        <v>5850</v>
      </c>
      <c r="D9376" t="s">
        <v>5851</v>
      </c>
      <c r="E9376" t="s">
        <v>5698</v>
      </c>
      <c r="F9376" t="s">
        <v>5699</v>
      </c>
      <c r="G9376" t="s">
        <v>80</v>
      </c>
      <c r="H9376" t="s">
        <v>81</v>
      </c>
      <c r="I9376" s="2">
        <v>0</v>
      </c>
      <c r="J9376" s="2">
        <v>1</v>
      </c>
      <c r="K9376" s="2">
        <v>0</v>
      </c>
      <c r="L9376" t="s">
        <v>82</v>
      </c>
      <c r="M9376" t="s">
        <v>89</v>
      </c>
      <c r="N9376" t="s">
        <v>90</v>
      </c>
      <c r="O9376" t="s">
        <v>85</v>
      </c>
      <c r="P9376" t="s">
        <v>86</v>
      </c>
      <c r="Q9376">
        <v>59</v>
      </c>
      <c r="R9376">
        <v>60</v>
      </c>
      <c r="S9376">
        <v>61</v>
      </c>
      <c r="T9376">
        <v>62</v>
      </c>
      <c r="U9376">
        <v>63</v>
      </c>
      <c r="V9376">
        <v>64</v>
      </c>
      <c r="W9376">
        <v>65</v>
      </c>
      <c r="X9376">
        <v>66</v>
      </c>
      <c r="Y9376">
        <v>67</v>
      </c>
      <c r="Z9376">
        <v>68</v>
      </c>
      <c r="AA9376">
        <v>69</v>
      </c>
      <c r="AB9376">
        <v>69</v>
      </c>
      <c r="AC9376">
        <v>70</v>
      </c>
      <c r="AD9376">
        <v>71</v>
      </c>
      <c r="AE9376">
        <v>71</v>
      </c>
      <c r="AF9376">
        <v>71</v>
      </c>
      <c r="AG9376">
        <v>71</v>
      </c>
      <c r="AH9376">
        <v>71</v>
      </c>
      <c r="AI9376">
        <v>70</v>
      </c>
      <c r="AJ9376">
        <v>70</v>
      </c>
      <c r="AK9376">
        <v>70</v>
      </c>
      <c r="AL9376">
        <v>70</v>
      </c>
      <c r="AM9376">
        <v>69</v>
      </c>
      <c r="AN9376">
        <v>69</v>
      </c>
      <c r="AO9376">
        <v>69</v>
      </c>
      <c r="AP9376">
        <v>69</v>
      </c>
      <c r="AQ9376">
        <v>69</v>
      </c>
    </row>
    <row r="9377" spans="1:43">
      <c r="A9377" t="s">
        <v>5854</v>
      </c>
      <c r="B9377" t="s">
        <v>5855</v>
      </c>
      <c r="C9377" t="s">
        <v>5850</v>
      </c>
      <c r="D9377" t="s">
        <v>5851</v>
      </c>
      <c r="E9377" t="s">
        <v>5698</v>
      </c>
      <c r="F9377" t="s">
        <v>5699</v>
      </c>
      <c r="G9377" t="s">
        <v>80</v>
      </c>
      <c r="H9377" t="s">
        <v>81</v>
      </c>
      <c r="I9377" s="2">
        <v>0</v>
      </c>
      <c r="J9377" s="2">
        <v>1</v>
      </c>
      <c r="K9377" s="2">
        <v>0</v>
      </c>
      <c r="L9377" t="s">
        <v>82</v>
      </c>
      <c r="M9377" t="s">
        <v>83</v>
      </c>
      <c r="N9377" t="s">
        <v>91</v>
      </c>
      <c r="O9377" t="s">
        <v>85</v>
      </c>
      <c r="P9377" t="s">
        <v>86</v>
      </c>
      <c r="Q9377">
        <v>59</v>
      </c>
      <c r="R9377">
        <v>59</v>
      </c>
      <c r="S9377">
        <v>60</v>
      </c>
      <c r="T9377">
        <v>60</v>
      </c>
      <c r="U9377">
        <v>61</v>
      </c>
      <c r="V9377">
        <v>62</v>
      </c>
      <c r="W9377">
        <v>62</v>
      </c>
      <c r="X9377">
        <v>63</v>
      </c>
      <c r="Y9377">
        <v>63</v>
      </c>
      <c r="Z9377">
        <v>64</v>
      </c>
      <c r="AA9377">
        <v>64</v>
      </c>
      <c r="AB9377">
        <v>65</v>
      </c>
      <c r="AC9377">
        <v>65</v>
      </c>
      <c r="AD9377">
        <v>66</v>
      </c>
      <c r="AE9377">
        <v>66</v>
      </c>
      <c r="AF9377">
        <v>67</v>
      </c>
      <c r="AG9377">
        <v>67</v>
      </c>
      <c r="AH9377">
        <v>68</v>
      </c>
      <c r="AI9377">
        <v>68</v>
      </c>
      <c r="AJ9377">
        <v>69</v>
      </c>
      <c r="AK9377">
        <v>69</v>
      </c>
      <c r="AL9377">
        <v>69</v>
      </c>
      <c r="AM9377">
        <v>69</v>
      </c>
      <c r="AN9377">
        <v>69</v>
      </c>
      <c r="AO9377">
        <v>69</v>
      </c>
      <c r="AP9377">
        <v>68</v>
      </c>
      <c r="AQ9377">
        <v>68</v>
      </c>
    </row>
    <row r="9378" spans="1:43">
      <c r="A9378" t="s">
        <v>5856</v>
      </c>
      <c r="B9378" t="s">
        <v>5857</v>
      </c>
      <c r="C9378" t="s">
        <v>5836</v>
      </c>
      <c r="D9378" t="s">
        <v>5837</v>
      </c>
      <c r="E9378" t="s">
        <v>5698</v>
      </c>
      <c r="F9378" t="s">
        <v>5699</v>
      </c>
      <c r="G9378" t="s">
        <v>80</v>
      </c>
      <c r="H9378" t="s">
        <v>81</v>
      </c>
      <c r="I9378" s="2">
        <v>0</v>
      </c>
      <c r="J9378" s="2">
        <v>1</v>
      </c>
      <c r="K9378" s="2">
        <v>0</v>
      </c>
      <c r="L9378" t="s">
        <v>82</v>
      </c>
      <c r="M9378" t="s">
        <v>83</v>
      </c>
      <c r="N9378" t="s">
        <v>84</v>
      </c>
      <c r="O9378" t="s">
        <v>85</v>
      </c>
      <c r="P9378" t="s">
        <v>86</v>
      </c>
      <c r="Q9378">
        <v>25</v>
      </c>
      <c r="R9378">
        <v>25</v>
      </c>
      <c r="S9378">
        <v>26</v>
      </c>
      <c r="T9378">
        <v>26</v>
      </c>
      <c r="U9378">
        <v>26</v>
      </c>
      <c r="V9378">
        <v>26</v>
      </c>
      <c r="W9378">
        <v>27</v>
      </c>
      <c r="X9378">
        <v>27</v>
      </c>
      <c r="Y9378">
        <v>27</v>
      </c>
      <c r="Z9378">
        <v>27</v>
      </c>
      <c r="AA9378">
        <v>28</v>
      </c>
      <c r="AB9378">
        <v>28</v>
      </c>
      <c r="AC9378">
        <v>28</v>
      </c>
      <c r="AD9378">
        <v>28</v>
      </c>
      <c r="AE9378">
        <v>29</v>
      </c>
      <c r="AF9378">
        <v>29</v>
      </c>
      <c r="AG9378">
        <v>29</v>
      </c>
      <c r="AH9378">
        <v>29</v>
      </c>
      <c r="AI9378">
        <v>29</v>
      </c>
      <c r="AJ9378">
        <v>30</v>
      </c>
      <c r="AK9378">
        <v>30</v>
      </c>
      <c r="AL9378">
        <v>30</v>
      </c>
      <c r="AM9378">
        <v>30</v>
      </c>
      <c r="AN9378">
        <v>30</v>
      </c>
      <c r="AO9378">
        <v>30</v>
      </c>
      <c r="AP9378">
        <v>30</v>
      </c>
      <c r="AQ9378">
        <v>30</v>
      </c>
    </row>
    <row r="9379" spans="1:43">
      <c r="A9379" t="s">
        <v>5856</v>
      </c>
      <c r="B9379" t="s">
        <v>5857</v>
      </c>
      <c r="C9379" t="s">
        <v>5836</v>
      </c>
      <c r="D9379" t="s">
        <v>5837</v>
      </c>
      <c r="E9379" t="s">
        <v>5698</v>
      </c>
      <c r="F9379" t="s">
        <v>5699</v>
      </c>
      <c r="G9379" t="s">
        <v>80</v>
      </c>
      <c r="H9379" t="s">
        <v>81</v>
      </c>
      <c r="I9379" s="2">
        <v>0</v>
      </c>
      <c r="J9379" s="2">
        <v>1</v>
      </c>
      <c r="K9379" s="2">
        <v>0</v>
      </c>
      <c r="L9379" t="s">
        <v>82</v>
      </c>
      <c r="M9379" t="s">
        <v>87</v>
      </c>
      <c r="N9379" t="s">
        <v>88</v>
      </c>
      <c r="O9379" t="s">
        <v>85</v>
      </c>
      <c r="P9379" t="s">
        <v>86</v>
      </c>
      <c r="Q9379">
        <v>25</v>
      </c>
      <c r="R9379">
        <v>25</v>
      </c>
      <c r="S9379">
        <v>25</v>
      </c>
      <c r="T9379">
        <v>25</v>
      </c>
      <c r="U9379">
        <v>25</v>
      </c>
      <c r="V9379">
        <v>25</v>
      </c>
      <c r="W9379">
        <v>25</v>
      </c>
      <c r="X9379">
        <v>25</v>
      </c>
      <c r="Y9379">
        <v>25</v>
      </c>
      <c r="Z9379">
        <v>25</v>
      </c>
      <c r="AA9379">
        <v>25</v>
      </c>
      <c r="AB9379">
        <v>25</v>
      </c>
      <c r="AC9379">
        <v>25</v>
      </c>
      <c r="AD9379">
        <v>25</v>
      </c>
      <c r="AE9379">
        <v>25</v>
      </c>
      <c r="AF9379">
        <v>25</v>
      </c>
      <c r="AG9379">
        <v>25</v>
      </c>
      <c r="AH9379">
        <v>25</v>
      </c>
      <c r="AI9379">
        <v>25</v>
      </c>
      <c r="AJ9379">
        <v>25</v>
      </c>
      <c r="AK9379">
        <v>25</v>
      </c>
      <c r="AL9379">
        <v>26</v>
      </c>
      <c r="AM9379">
        <v>26</v>
      </c>
      <c r="AN9379">
        <v>26</v>
      </c>
      <c r="AO9379">
        <v>26</v>
      </c>
      <c r="AP9379">
        <v>26</v>
      </c>
      <c r="AQ9379">
        <v>26</v>
      </c>
    </row>
    <row r="9380" spans="1:43">
      <c r="A9380" t="s">
        <v>5856</v>
      </c>
      <c r="B9380" t="s">
        <v>5857</v>
      </c>
      <c r="C9380" t="s">
        <v>5836</v>
      </c>
      <c r="D9380" t="s">
        <v>5837</v>
      </c>
      <c r="E9380" t="s">
        <v>5698</v>
      </c>
      <c r="F9380" t="s">
        <v>5699</v>
      </c>
      <c r="G9380" t="s">
        <v>80</v>
      </c>
      <c r="H9380" t="s">
        <v>81</v>
      </c>
      <c r="I9380" s="2">
        <v>0</v>
      </c>
      <c r="J9380" s="2">
        <v>1</v>
      </c>
      <c r="K9380" s="2">
        <v>0</v>
      </c>
      <c r="L9380" t="s">
        <v>82</v>
      </c>
      <c r="M9380" t="s">
        <v>89</v>
      </c>
      <c r="N9380" t="s">
        <v>90</v>
      </c>
      <c r="O9380" t="s">
        <v>85</v>
      </c>
      <c r="P9380" t="s">
        <v>86</v>
      </c>
      <c r="Q9380">
        <v>25</v>
      </c>
      <c r="R9380">
        <v>26</v>
      </c>
      <c r="S9380">
        <v>26</v>
      </c>
      <c r="T9380">
        <v>27</v>
      </c>
      <c r="U9380">
        <v>27</v>
      </c>
      <c r="V9380">
        <v>28</v>
      </c>
      <c r="W9380">
        <v>28</v>
      </c>
      <c r="X9380">
        <v>28</v>
      </c>
      <c r="Y9380">
        <v>29</v>
      </c>
      <c r="Z9380">
        <v>29</v>
      </c>
      <c r="AA9380">
        <v>29</v>
      </c>
      <c r="AB9380">
        <v>30</v>
      </c>
      <c r="AC9380">
        <v>30</v>
      </c>
      <c r="AD9380">
        <v>30</v>
      </c>
      <c r="AE9380">
        <v>31</v>
      </c>
      <c r="AF9380">
        <v>31</v>
      </c>
      <c r="AG9380">
        <v>31</v>
      </c>
      <c r="AH9380">
        <v>30</v>
      </c>
      <c r="AI9380">
        <v>30</v>
      </c>
      <c r="AJ9380">
        <v>30</v>
      </c>
      <c r="AK9380">
        <v>30</v>
      </c>
      <c r="AL9380">
        <v>30</v>
      </c>
      <c r="AM9380">
        <v>30</v>
      </c>
      <c r="AN9380">
        <v>30</v>
      </c>
      <c r="AO9380">
        <v>30</v>
      </c>
      <c r="AP9380">
        <v>30</v>
      </c>
      <c r="AQ9380">
        <v>30</v>
      </c>
    </row>
    <row r="9381" spans="1:43">
      <c r="A9381" t="s">
        <v>5856</v>
      </c>
      <c r="B9381" t="s">
        <v>5857</v>
      </c>
      <c r="C9381" t="s">
        <v>5836</v>
      </c>
      <c r="D9381" t="s">
        <v>5837</v>
      </c>
      <c r="E9381" t="s">
        <v>5698</v>
      </c>
      <c r="F9381" t="s">
        <v>5699</v>
      </c>
      <c r="G9381" t="s">
        <v>80</v>
      </c>
      <c r="H9381" t="s">
        <v>81</v>
      </c>
      <c r="I9381" s="2">
        <v>0</v>
      </c>
      <c r="J9381" s="2">
        <v>1</v>
      </c>
      <c r="K9381" s="2">
        <v>0</v>
      </c>
      <c r="L9381" t="s">
        <v>82</v>
      </c>
      <c r="M9381" t="s">
        <v>83</v>
      </c>
      <c r="N9381" t="s">
        <v>91</v>
      </c>
      <c r="O9381" t="s">
        <v>85</v>
      </c>
      <c r="P9381" t="s">
        <v>86</v>
      </c>
      <c r="Q9381">
        <v>25</v>
      </c>
      <c r="R9381">
        <v>25</v>
      </c>
      <c r="S9381">
        <v>26</v>
      </c>
      <c r="T9381">
        <v>26</v>
      </c>
      <c r="U9381">
        <v>26</v>
      </c>
      <c r="V9381">
        <v>26</v>
      </c>
      <c r="W9381">
        <v>27</v>
      </c>
      <c r="X9381">
        <v>27</v>
      </c>
      <c r="Y9381">
        <v>27</v>
      </c>
      <c r="Z9381">
        <v>27</v>
      </c>
      <c r="AA9381">
        <v>28</v>
      </c>
      <c r="AB9381">
        <v>28</v>
      </c>
      <c r="AC9381">
        <v>28</v>
      </c>
      <c r="AD9381">
        <v>28</v>
      </c>
      <c r="AE9381">
        <v>29</v>
      </c>
      <c r="AF9381">
        <v>29</v>
      </c>
      <c r="AG9381">
        <v>29</v>
      </c>
      <c r="AH9381">
        <v>29</v>
      </c>
      <c r="AI9381">
        <v>29</v>
      </c>
      <c r="AJ9381">
        <v>30</v>
      </c>
      <c r="AK9381">
        <v>30</v>
      </c>
      <c r="AL9381">
        <v>30</v>
      </c>
      <c r="AM9381">
        <v>30</v>
      </c>
      <c r="AN9381">
        <v>30</v>
      </c>
      <c r="AO9381">
        <v>30</v>
      </c>
      <c r="AP9381">
        <v>30</v>
      </c>
      <c r="AQ9381">
        <v>30</v>
      </c>
    </row>
    <row r="9382" spans="1:43">
      <c r="A9382" t="s">
        <v>5858</v>
      </c>
      <c r="B9382" t="s">
        <v>5859</v>
      </c>
      <c r="C9382" t="s">
        <v>5836</v>
      </c>
      <c r="D9382" t="s">
        <v>5837</v>
      </c>
      <c r="E9382" t="s">
        <v>5698</v>
      </c>
      <c r="F9382" t="s">
        <v>5699</v>
      </c>
      <c r="G9382" t="s">
        <v>80</v>
      </c>
      <c r="H9382" t="s">
        <v>81</v>
      </c>
      <c r="I9382" s="2">
        <v>0</v>
      </c>
      <c r="J9382" s="2">
        <v>1</v>
      </c>
      <c r="K9382" s="2">
        <v>0</v>
      </c>
      <c r="L9382" t="s">
        <v>82</v>
      </c>
      <c r="M9382" t="s">
        <v>83</v>
      </c>
      <c r="N9382" t="s">
        <v>84</v>
      </c>
      <c r="O9382" t="s">
        <v>85</v>
      </c>
      <c r="P9382" t="s">
        <v>86</v>
      </c>
      <c r="Q9382">
        <v>17</v>
      </c>
      <c r="R9382">
        <v>17</v>
      </c>
      <c r="S9382">
        <v>17</v>
      </c>
      <c r="T9382">
        <v>17</v>
      </c>
      <c r="U9382">
        <v>17</v>
      </c>
      <c r="V9382">
        <v>18</v>
      </c>
      <c r="W9382">
        <v>18</v>
      </c>
      <c r="X9382">
        <v>18</v>
      </c>
      <c r="Y9382">
        <v>18</v>
      </c>
      <c r="Z9382">
        <v>18</v>
      </c>
      <c r="AA9382">
        <v>18</v>
      </c>
      <c r="AB9382">
        <v>19</v>
      </c>
      <c r="AC9382">
        <v>19</v>
      </c>
      <c r="AD9382">
        <v>19</v>
      </c>
      <c r="AE9382">
        <v>19</v>
      </c>
      <c r="AF9382">
        <v>19</v>
      </c>
      <c r="AG9382">
        <v>19</v>
      </c>
      <c r="AH9382">
        <v>19</v>
      </c>
      <c r="AI9382">
        <v>20</v>
      </c>
      <c r="AJ9382">
        <v>20</v>
      </c>
      <c r="AK9382">
        <v>20</v>
      </c>
      <c r="AL9382">
        <v>20</v>
      </c>
      <c r="AM9382">
        <v>20</v>
      </c>
      <c r="AN9382">
        <v>20</v>
      </c>
      <c r="AO9382">
        <v>20</v>
      </c>
      <c r="AP9382">
        <v>20</v>
      </c>
      <c r="AQ9382">
        <v>20</v>
      </c>
    </row>
    <row r="9383" spans="1:43">
      <c r="A9383" t="s">
        <v>5858</v>
      </c>
      <c r="B9383" t="s">
        <v>5859</v>
      </c>
      <c r="C9383" t="s">
        <v>5836</v>
      </c>
      <c r="D9383" t="s">
        <v>5837</v>
      </c>
      <c r="E9383" t="s">
        <v>5698</v>
      </c>
      <c r="F9383" t="s">
        <v>5699</v>
      </c>
      <c r="G9383" t="s">
        <v>80</v>
      </c>
      <c r="H9383" t="s">
        <v>81</v>
      </c>
      <c r="I9383" s="2">
        <v>0</v>
      </c>
      <c r="J9383" s="2">
        <v>1</v>
      </c>
      <c r="K9383" s="2">
        <v>0</v>
      </c>
      <c r="L9383" t="s">
        <v>82</v>
      </c>
      <c r="M9383" t="s">
        <v>87</v>
      </c>
      <c r="N9383" t="s">
        <v>88</v>
      </c>
      <c r="O9383" t="s">
        <v>85</v>
      </c>
      <c r="P9383" t="s">
        <v>86</v>
      </c>
      <c r="Q9383">
        <v>17</v>
      </c>
      <c r="R9383">
        <v>17</v>
      </c>
      <c r="S9383">
        <v>17</v>
      </c>
      <c r="T9383">
        <v>17</v>
      </c>
      <c r="U9383">
        <v>17</v>
      </c>
      <c r="V9383">
        <v>17</v>
      </c>
      <c r="W9383">
        <v>17</v>
      </c>
      <c r="X9383">
        <v>17</v>
      </c>
      <c r="Y9383">
        <v>17</v>
      </c>
      <c r="Z9383">
        <v>17</v>
      </c>
      <c r="AA9383">
        <v>17</v>
      </c>
      <c r="AB9383">
        <v>17</v>
      </c>
      <c r="AC9383">
        <v>17</v>
      </c>
      <c r="AD9383">
        <v>17</v>
      </c>
      <c r="AE9383">
        <v>17</v>
      </c>
      <c r="AF9383">
        <v>17</v>
      </c>
      <c r="AG9383">
        <v>17</v>
      </c>
      <c r="AH9383">
        <v>17</v>
      </c>
      <c r="AI9383">
        <v>17</v>
      </c>
      <c r="AJ9383">
        <v>17</v>
      </c>
      <c r="AK9383">
        <v>17</v>
      </c>
      <c r="AL9383">
        <v>17</v>
      </c>
      <c r="AM9383">
        <v>17</v>
      </c>
      <c r="AN9383">
        <v>17</v>
      </c>
      <c r="AO9383">
        <v>17</v>
      </c>
      <c r="AP9383">
        <v>17</v>
      </c>
      <c r="AQ9383">
        <v>17</v>
      </c>
    </row>
    <row r="9384" spans="1:43">
      <c r="A9384" t="s">
        <v>5858</v>
      </c>
      <c r="B9384" t="s">
        <v>5859</v>
      </c>
      <c r="C9384" t="s">
        <v>5836</v>
      </c>
      <c r="D9384" t="s">
        <v>5837</v>
      </c>
      <c r="E9384" t="s">
        <v>5698</v>
      </c>
      <c r="F9384" t="s">
        <v>5699</v>
      </c>
      <c r="G9384" t="s">
        <v>80</v>
      </c>
      <c r="H9384" t="s">
        <v>81</v>
      </c>
      <c r="I9384" s="2">
        <v>0</v>
      </c>
      <c r="J9384" s="2">
        <v>1</v>
      </c>
      <c r="K9384" s="2">
        <v>0</v>
      </c>
      <c r="L9384" t="s">
        <v>82</v>
      </c>
      <c r="M9384" t="s">
        <v>89</v>
      </c>
      <c r="N9384" t="s">
        <v>90</v>
      </c>
      <c r="O9384" t="s">
        <v>85</v>
      </c>
      <c r="P9384" t="s">
        <v>86</v>
      </c>
      <c r="Q9384">
        <v>17</v>
      </c>
      <c r="R9384">
        <v>17</v>
      </c>
      <c r="S9384">
        <v>18</v>
      </c>
      <c r="T9384">
        <v>18</v>
      </c>
      <c r="U9384">
        <v>18</v>
      </c>
      <c r="V9384">
        <v>18</v>
      </c>
      <c r="W9384">
        <v>19</v>
      </c>
      <c r="X9384">
        <v>19</v>
      </c>
      <c r="Y9384">
        <v>19</v>
      </c>
      <c r="Z9384">
        <v>19</v>
      </c>
      <c r="AA9384">
        <v>20</v>
      </c>
      <c r="AB9384">
        <v>20</v>
      </c>
      <c r="AC9384">
        <v>20</v>
      </c>
      <c r="AD9384">
        <v>20</v>
      </c>
      <c r="AE9384">
        <v>20</v>
      </c>
      <c r="AF9384">
        <v>20</v>
      </c>
      <c r="AG9384">
        <v>20</v>
      </c>
      <c r="AH9384">
        <v>20</v>
      </c>
      <c r="AI9384">
        <v>20</v>
      </c>
      <c r="AJ9384">
        <v>20</v>
      </c>
      <c r="AK9384">
        <v>20</v>
      </c>
      <c r="AL9384">
        <v>20</v>
      </c>
      <c r="AM9384">
        <v>20</v>
      </c>
      <c r="AN9384">
        <v>20</v>
      </c>
      <c r="AO9384">
        <v>20</v>
      </c>
      <c r="AP9384">
        <v>20</v>
      </c>
      <c r="AQ9384">
        <v>20</v>
      </c>
    </row>
    <row r="9385" spans="1:43">
      <c r="A9385" t="s">
        <v>5858</v>
      </c>
      <c r="B9385" t="s">
        <v>5859</v>
      </c>
      <c r="C9385" t="s">
        <v>5836</v>
      </c>
      <c r="D9385" t="s">
        <v>5837</v>
      </c>
      <c r="E9385" t="s">
        <v>5698</v>
      </c>
      <c r="F9385" t="s">
        <v>5699</v>
      </c>
      <c r="G9385" t="s">
        <v>80</v>
      </c>
      <c r="H9385" t="s">
        <v>81</v>
      </c>
      <c r="I9385" s="2">
        <v>0</v>
      </c>
      <c r="J9385" s="2">
        <v>1</v>
      </c>
      <c r="K9385" s="2">
        <v>0</v>
      </c>
      <c r="L9385" t="s">
        <v>82</v>
      </c>
      <c r="M9385" t="s">
        <v>83</v>
      </c>
      <c r="N9385" t="s">
        <v>91</v>
      </c>
      <c r="O9385" t="s">
        <v>85</v>
      </c>
      <c r="P9385" t="s">
        <v>86</v>
      </c>
      <c r="Q9385">
        <v>17</v>
      </c>
      <c r="R9385">
        <v>17</v>
      </c>
      <c r="S9385">
        <v>17</v>
      </c>
      <c r="T9385">
        <v>17</v>
      </c>
      <c r="U9385">
        <v>17</v>
      </c>
      <c r="V9385">
        <v>18</v>
      </c>
      <c r="W9385">
        <v>18</v>
      </c>
      <c r="X9385">
        <v>18</v>
      </c>
      <c r="Y9385">
        <v>18</v>
      </c>
      <c r="Z9385">
        <v>18</v>
      </c>
      <c r="AA9385">
        <v>18</v>
      </c>
      <c r="AB9385">
        <v>19</v>
      </c>
      <c r="AC9385">
        <v>19</v>
      </c>
      <c r="AD9385">
        <v>19</v>
      </c>
      <c r="AE9385">
        <v>19</v>
      </c>
      <c r="AF9385">
        <v>19</v>
      </c>
      <c r="AG9385">
        <v>19</v>
      </c>
      <c r="AH9385">
        <v>19</v>
      </c>
      <c r="AI9385">
        <v>20</v>
      </c>
      <c r="AJ9385">
        <v>20</v>
      </c>
      <c r="AK9385">
        <v>20</v>
      </c>
      <c r="AL9385">
        <v>20</v>
      </c>
      <c r="AM9385">
        <v>20</v>
      </c>
      <c r="AN9385">
        <v>20</v>
      </c>
      <c r="AO9385">
        <v>20</v>
      </c>
      <c r="AP9385">
        <v>20</v>
      </c>
      <c r="AQ9385">
        <v>20</v>
      </c>
    </row>
    <row r="9386" spans="1:43">
      <c r="A9386" t="s">
        <v>5860</v>
      </c>
      <c r="B9386" t="s">
        <v>5861</v>
      </c>
      <c r="C9386" t="s">
        <v>5836</v>
      </c>
      <c r="D9386" t="s">
        <v>5837</v>
      </c>
      <c r="E9386" t="s">
        <v>5698</v>
      </c>
      <c r="F9386" t="s">
        <v>5699</v>
      </c>
      <c r="G9386" t="s">
        <v>80</v>
      </c>
      <c r="H9386" t="s">
        <v>81</v>
      </c>
      <c r="I9386" s="2">
        <v>0</v>
      </c>
      <c r="J9386" s="2">
        <v>1</v>
      </c>
      <c r="K9386" s="2">
        <v>0</v>
      </c>
      <c r="L9386" t="s">
        <v>82</v>
      </c>
      <c r="M9386" t="s">
        <v>83</v>
      </c>
      <c r="N9386" t="s">
        <v>84</v>
      </c>
      <c r="O9386" t="s">
        <v>85</v>
      </c>
      <c r="P9386" t="s">
        <v>86</v>
      </c>
      <c r="Q9386">
        <v>60</v>
      </c>
      <c r="R9386">
        <v>60</v>
      </c>
      <c r="S9386">
        <v>61</v>
      </c>
      <c r="T9386">
        <v>61</v>
      </c>
      <c r="U9386">
        <v>62</v>
      </c>
      <c r="V9386">
        <v>63</v>
      </c>
      <c r="W9386">
        <v>63</v>
      </c>
      <c r="X9386">
        <v>64</v>
      </c>
      <c r="Y9386">
        <v>64</v>
      </c>
      <c r="Z9386">
        <v>65</v>
      </c>
      <c r="AA9386">
        <v>65</v>
      </c>
      <c r="AB9386">
        <v>66</v>
      </c>
      <c r="AC9386">
        <v>66</v>
      </c>
      <c r="AD9386">
        <v>67</v>
      </c>
      <c r="AE9386">
        <v>67</v>
      </c>
      <c r="AF9386">
        <v>68</v>
      </c>
      <c r="AG9386">
        <v>68</v>
      </c>
      <c r="AH9386">
        <v>69</v>
      </c>
      <c r="AI9386">
        <v>69</v>
      </c>
      <c r="AJ9386">
        <v>70</v>
      </c>
      <c r="AK9386">
        <v>70</v>
      </c>
      <c r="AL9386">
        <v>70</v>
      </c>
      <c r="AM9386">
        <v>70</v>
      </c>
      <c r="AN9386">
        <v>70</v>
      </c>
      <c r="AO9386">
        <v>70</v>
      </c>
      <c r="AP9386">
        <v>70</v>
      </c>
      <c r="AQ9386">
        <v>69</v>
      </c>
    </row>
    <row r="9387" spans="1:43">
      <c r="A9387" t="s">
        <v>5860</v>
      </c>
      <c r="B9387" t="s">
        <v>5861</v>
      </c>
      <c r="C9387" t="s">
        <v>5836</v>
      </c>
      <c r="D9387" t="s">
        <v>5837</v>
      </c>
      <c r="E9387" t="s">
        <v>5698</v>
      </c>
      <c r="F9387" t="s">
        <v>5699</v>
      </c>
      <c r="G9387" t="s">
        <v>80</v>
      </c>
      <c r="H9387" t="s">
        <v>81</v>
      </c>
      <c r="I9387" s="2">
        <v>0</v>
      </c>
      <c r="J9387" s="2">
        <v>1</v>
      </c>
      <c r="K9387" s="2">
        <v>0</v>
      </c>
      <c r="L9387" t="s">
        <v>82</v>
      </c>
      <c r="M9387" t="s">
        <v>87</v>
      </c>
      <c r="N9387" t="s">
        <v>88</v>
      </c>
      <c r="O9387" t="s">
        <v>85</v>
      </c>
      <c r="P9387" t="s">
        <v>86</v>
      </c>
      <c r="Q9387">
        <v>60</v>
      </c>
      <c r="R9387">
        <v>60</v>
      </c>
      <c r="S9387">
        <v>60</v>
      </c>
      <c r="T9387">
        <v>60</v>
      </c>
      <c r="U9387">
        <v>60</v>
      </c>
      <c r="V9387">
        <v>60</v>
      </c>
      <c r="W9387">
        <v>60</v>
      </c>
      <c r="X9387">
        <v>60</v>
      </c>
      <c r="Y9387">
        <v>60</v>
      </c>
      <c r="Z9387">
        <v>60</v>
      </c>
      <c r="AA9387">
        <v>61</v>
      </c>
      <c r="AB9387">
        <v>61</v>
      </c>
      <c r="AC9387">
        <v>61</v>
      </c>
      <c r="AD9387">
        <v>61</v>
      </c>
      <c r="AE9387">
        <v>61</v>
      </c>
      <c r="AF9387">
        <v>61</v>
      </c>
      <c r="AG9387">
        <v>61</v>
      </c>
      <c r="AH9387">
        <v>61</v>
      </c>
      <c r="AI9387">
        <v>61</v>
      </c>
      <c r="AJ9387">
        <v>61</v>
      </c>
      <c r="AK9387">
        <v>61</v>
      </c>
      <c r="AL9387">
        <v>61</v>
      </c>
      <c r="AM9387">
        <v>61</v>
      </c>
      <c r="AN9387">
        <v>61</v>
      </c>
      <c r="AO9387">
        <v>61</v>
      </c>
      <c r="AP9387">
        <v>61</v>
      </c>
      <c r="AQ9387">
        <v>61</v>
      </c>
    </row>
    <row r="9388" spans="1:43">
      <c r="A9388" t="s">
        <v>5860</v>
      </c>
      <c r="B9388" t="s">
        <v>5861</v>
      </c>
      <c r="C9388" t="s">
        <v>5836</v>
      </c>
      <c r="D9388" t="s">
        <v>5837</v>
      </c>
      <c r="E9388" t="s">
        <v>5698</v>
      </c>
      <c r="F9388" t="s">
        <v>5699</v>
      </c>
      <c r="G9388" t="s">
        <v>80</v>
      </c>
      <c r="H9388" t="s">
        <v>81</v>
      </c>
      <c r="I9388" s="2">
        <v>0</v>
      </c>
      <c r="J9388" s="2">
        <v>1</v>
      </c>
      <c r="K9388" s="2">
        <v>0</v>
      </c>
      <c r="L9388" t="s">
        <v>82</v>
      </c>
      <c r="M9388" t="s">
        <v>89</v>
      </c>
      <c r="N9388" t="s">
        <v>90</v>
      </c>
      <c r="O9388" t="s">
        <v>85</v>
      </c>
      <c r="P9388" t="s">
        <v>86</v>
      </c>
      <c r="Q9388">
        <v>60</v>
      </c>
      <c r="R9388">
        <v>61</v>
      </c>
      <c r="S9388">
        <v>62</v>
      </c>
      <c r="T9388">
        <v>63</v>
      </c>
      <c r="U9388">
        <v>64</v>
      </c>
      <c r="V9388">
        <v>65</v>
      </c>
      <c r="W9388">
        <v>66</v>
      </c>
      <c r="X9388">
        <v>67</v>
      </c>
      <c r="Y9388">
        <v>68</v>
      </c>
      <c r="Z9388">
        <v>69</v>
      </c>
      <c r="AA9388">
        <v>70</v>
      </c>
      <c r="AB9388">
        <v>70</v>
      </c>
      <c r="AC9388">
        <v>71</v>
      </c>
      <c r="AD9388">
        <v>72</v>
      </c>
      <c r="AE9388">
        <v>72</v>
      </c>
      <c r="AF9388">
        <v>72</v>
      </c>
      <c r="AG9388">
        <v>72</v>
      </c>
      <c r="AH9388">
        <v>72</v>
      </c>
      <c r="AI9388">
        <v>72</v>
      </c>
      <c r="AJ9388">
        <v>71</v>
      </c>
      <c r="AK9388">
        <v>71</v>
      </c>
      <c r="AL9388">
        <v>71</v>
      </c>
      <c r="AM9388">
        <v>71</v>
      </c>
      <c r="AN9388">
        <v>71</v>
      </c>
      <c r="AO9388">
        <v>70</v>
      </c>
      <c r="AP9388">
        <v>70</v>
      </c>
      <c r="AQ9388">
        <v>70</v>
      </c>
    </row>
    <row r="9389" spans="1:43">
      <c r="A9389" t="s">
        <v>5860</v>
      </c>
      <c r="B9389" t="s">
        <v>5861</v>
      </c>
      <c r="C9389" t="s">
        <v>5836</v>
      </c>
      <c r="D9389" t="s">
        <v>5837</v>
      </c>
      <c r="E9389" t="s">
        <v>5698</v>
      </c>
      <c r="F9389" t="s">
        <v>5699</v>
      </c>
      <c r="G9389" t="s">
        <v>80</v>
      </c>
      <c r="H9389" t="s">
        <v>81</v>
      </c>
      <c r="I9389" s="2">
        <v>0</v>
      </c>
      <c r="J9389" s="2">
        <v>1</v>
      </c>
      <c r="K9389" s="2">
        <v>0</v>
      </c>
      <c r="L9389" t="s">
        <v>82</v>
      </c>
      <c r="M9389" t="s">
        <v>83</v>
      </c>
      <c r="N9389" t="s">
        <v>91</v>
      </c>
      <c r="O9389" t="s">
        <v>85</v>
      </c>
      <c r="P9389" t="s">
        <v>86</v>
      </c>
      <c r="Q9389">
        <v>60</v>
      </c>
      <c r="R9389">
        <v>60</v>
      </c>
      <c r="S9389">
        <v>61</v>
      </c>
      <c r="T9389">
        <v>61</v>
      </c>
      <c r="U9389">
        <v>62</v>
      </c>
      <c r="V9389">
        <v>63</v>
      </c>
      <c r="W9389">
        <v>63</v>
      </c>
      <c r="X9389">
        <v>64</v>
      </c>
      <c r="Y9389">
        <v>64</v>
      </c>
      <c r="Z9389">
        <v>65</v>
      </c>
      <c r="AA9389">
        <v>65</v>
      </c>
      <c r="AB9389">
        <v>66</v>
      </c>
      <c r="AC9389">
        <v>66</v>
      </c>
      <c r="AD9389">
        <v>67</v>
      </c>
      <c r="AE9389">
        <v>67</v>
      </c>
      <c r="AF9389">
        <v>68</v>
      </c>
      <c r="AG9389">
        <v>68</v>
      </c>
      <c r="AH9389">
        <v>69</v>
      </c>
      <c r="AI9389">
        <v>69</v>
      </c>
      <c r="AJ9389">
        <v>70</v>
      </c>
      <c r="AK9389">
        <v>70</v>
      </c>
      <c r="AL9389">
        <v>70</v>
      </c>
      <c r="AM9389">
        <v>70</v>
      </c>
      <c r="AN9389">
        <v>70</v>
      </c>
      <c r="AO9389">
        <v>70</v>
      </c>
      <c r="AP9389">
        <v>70</v>
      </c>
      <c r="AQ9389">
        <v>69</v>
      </c>
    </row>
    <row r="9390" spans="1:43">
      <c r="A9390" t="s">
        <v>5862</v>
      </c>
      <c r="B9390" t="s">
        <v>5863</v>
      </c>
      <c r="C9390" t="s">
        <v>5864</v>
      </c>
      <c r="D9390" t="s">
        <v>5865</v>
      </c>
      <c r="E9390" t="s">
        <v>5698</v>
      </c>
      <c r="F9390" t="s">
        <v>5699</v>
      </c>
      <c r="G9390" t="s">
        <v>80</v>
      </c>
      <c r="H9390" t="s">
        <v>81</v>
      </c>
      <c r="I9390" s="2">
        <v>0</v>
      </c>
      <c r="J9390" s="2">
        <v>1</v>
      </c>
      <c r="K9390" s="2">
        <v>0</v>
      </c>
      <c r="L9390" t="s">
        <v>82</v>
      </c>
      <c r="M9390" t="s">
        <v>83</v>
      </c>
      <c r="N9390" t="s">
        <v>84</v>
      </c>
      <c r="O9390" t="s">
        <v>85</v>
      </c>
      <c r="P9390" t="s">
        <v>86</v>
      </c>
      <c r="Q9390">
        <v>76</v>
      </c>
      <c r="R9390">
        <v>76</v>
      </c>
      <c r="S9390">
        <v>77</v>
      </c>
      <c r="T9390">
        <v>78</v>
      </c>
      <c r="U9390">
        <v>79</v>
      </c>
      <c r="V9390">
        <v>79</v>
      </c>
      <c r="W9390">
        <v>80</v>
      </c>
      <c r="X9390">
        <v>81</v>
      </c>
      <c r="Y9390">
        <v>82</v>
      </c>
      <c r="Z9390">
        <v>82</v>
      </c>
      <c r="AA9390">
        <v>83</v>
      </c>
      <c r="AB9390">
        <v>84</v>
      </c>
      <c r="AC9390">
        <v>85</v>
      </c>
      <c r="AD9390">
        <v>85</v>
      </c>
      <c r="AE9390">
        <v>86</v>
      </c>
      <c r="AF9390">
        <v>87</v>
      </c>
      <c r="AG9390">
        <v>87</v>
      </c>
      <c r="AH9390">
        <v>88</v>
      </c>
      <c r="AI9390">
        <v>89</v>
      </c>
      <c r="AJ9390">
        <v>89</v>
      </c>
      <c r="AK9390">
        <v>90</v>
      </c>
      <c r="AL9390">
        <v>90</v>
      </c>
      <c r="AM9390">
        <v>90</v>
      </c>
      <c r="AN9390">
        <v>90</v>
      </c>
      <c r="AO9390">
        <v>90</v>
      </c>
      <c r="AP9390">
        <v>90</v>
      </c>
      <c r="AQ9390">
        <v>89</v>
      </c>
    </row>
    <row r="9391" spans="1:43">
      <c r="A9391" t="s">
        <v>5862</v>
      </c>
      <c r="B9391" t="s">
        <v>5863</v>
      </c>
      <c r="C9391" t="s">
        <v>5864</v>
      </c>
      <c r="D9391" t="s">
        <v>5865</v>
      </c>
      <c r="E9391" t="s">
        <v>5698</v>
      </c>
      <c r="F9391" t="s">
        <v>5699</v>
      </c>
      <c r="G9391" t="s">
        <v>80</v>
      </c>
      <c r="H9391" t="s">
        <v>81</v>
      </c>
      <c r="I9391" s="2">
        <v>0</v>
      </c>
      <c r="J9391" s="2">
        <v>1</v>
      </c>
      <c r="K9391" s="2">
        <v>0</v>
      </c>
      <c r="L9391" t="s">
        <v>82</v>
      </c>
      <c r="M9391" t="s">
        <v>87</v>
      </c>
      <c r="N9391" t="s">
        <v>88</v>
      </c>
      <c r="O9391" t="s">
        <v>85</v>
      </c>
      <c r="P9391" t="s">
        <v>86</v>
      </c>
      <c r="Q9391">
        <v>76</v>
      </c>
      <c r="R9391">
        <v>76</v>
      </c>
      <c r="S9391">
        <v>76</v>
      </c>
      <c r="T9391">
        <v>76</v>
      </c>
      <c r="U9391">
        <v>76</v>
      </c>
      <c r="V9391">
        <v>76</v>
      </c>
      <c r="W9391">
        <v>76</v>
      </c>
      <c r="X9391">
        <v>76</v>
      </c>
      <c r="Y9391">
        <v>77</v>
      </c>
      <c r="Z9391">
        <v>77</v>
      </c>
      <c r="AA9391">
        <v>77</v>
      </c>
      <c r="AB9391">
        <v>77</v>
      </c>
      <c r="AC9391">
        <v>77</v>
      </c>
      <c r="AD9391">
        <v>77</v>
      </c>
      <c r="AE9391">
        <v>77</v>
      </c>
      <c r="AF9391">
        <v>77</v>
      </c>
      <c r="AG9391">
        <v>77</v>
      </c>
      <c r="AH9391">
        <v>77</v>
      </c>
      <c r="AI9391">
        <v>77</v>
      </c>
      <c r="AJ9391">
        <v>77</v>
      </c>
      <c r="AK9391">
        <v>77</v>
      </c>
      <c r="AL9391">
        <v>78</v>
      </c>
      <c r="AM9391">
        <v>78</v>
      </c>
      <c r="AN9391">
        <v>78</v>
      </c>
      <c r="AO9391">
        <v>78</v>
      </c>
      <c r="AP9391">
        <v>78</v>
      </c>
      <c r="AQ9391">
        <v>78</v>
      </c>
    </row>
    <row r="9392" spans="1:43">
      <c r="A9392" t="s">
        <v>5862</v>
      </c>
      <c r="B9392" t="s">
        <v>5863</v>
      </c>
      <c r="C9392" t="s">
        <v>5864</v>
      </c>
      <c r="D9392" t="s">
        <v>5865</v>
      </c>
      <c r="E9392" t="s">
        <v>5698</v>
      </c>
      <c r="F9392" t="s">
        <v>5699</v>
      </c>
      <c r="G9392" t="s">
        <v>80</v>
      </c>
      <c r="H9392" t="s">
        <v>81</v>
      </c>
      <c r="I9392" s="2">
        <v>0</v>
      </c>
      <c r="J9392" s="2">
        <v>1</v>
      </c>
      <c r="K9392" s="2">
        <v>0</v>
      </c>
      <c r="L9392" t="s">
        <v>82</v>
      </c>
      <c r="M9392" t="s">
        <v>89</v>
      </c>
      <c r="N9392" t="s">
        <v>90</v>
      </c>
      <c r="O9392" t="s">
        <v>85</v>
      </c>
      <c r="P9392" t="s">
        <v>86</v>
      </c>
      <c r="Q9392">
        <v>76</v>
      </c>
      <c r="R9392">
        <v>78</v>
      </c>
      <c r="S9392">
        <v>79</v>
      </c>
      <c r="T9392">
        <v>80</v>
      </c>
      <c r="U9392">
        <v>82</v>
      </c>
      <c r="V9392">
        <v>83</v>
      </c>
      <c r="W9392">
        <v>84</v>
      </c>
      <c r="X9392">
        <v>86</v>
      </c>
      <c r="Y9392">
        <v>87</v>
      </c>
      <c r="Z9392">
        <v>88</v>
      </c>
      <c r="AA9392">
        <v>89</v>
      </c>
      <c r="AB9392">
        <v>90</v>
      </c>
      <c r="AC9392">
        <v>91</v>
      </c>
      <c r="AD9392">
        <v>92</v>
      </c>
      <c r="AE9392">
        <v>92</v>
      </c>
      <c r="AF9392">
        <v>92</v>
      </c>
      <c r="AG9392">
        <v>92</v>
      </c>
      <c r="AH9392">
        <v>92</v>
      </c>
      <c r="AI9392">
        <v>92</v>
      </c>
      <c r="AJ9392">
        <v>92</v>
      </c>
      <c r="AK9392">
        <v>92</v>
      </c>
      <c r="AL9392">
        <v>91</v>
      </c>
      <c r="AM9392">
        <v>91</v>
      </c>
      <c r="AN9392">
        <v>91</v>
      </c>
      <c r="AO9392">
        <v>91</v>
      </c>
      <c r="AP9392">
        <v>91</v>
      </c>
      <c r="AQ9392">
        <v>91</v>
      </c>
    </row>
    <row r="9393" spans="1:43">
      <c r="A9393" t="s">
        <v>5862</v>
      </c>
      <c r="B9393" t="s">
        <v>5863</v>
      </c>
      <c r="C9393" t="s">
        <v>5864</v>
      </c>
      <c r="D9393" t="s">
        <v>5865</v>
      </c>
      <c r="E9393" t="s">
        <v>5698</v>
      </c>
      <c r="F9393" t="s">
        <v>5699</v>
      </c>
      <c r="G9393" t="s">
        <v>80</v>
      </c>
      <c r="H9393" t="s">
        <v>81</v>
      </c>
      <c r="I9393" s="2">
        <v>0</v>
      </c>
      <c r="J9393" s="2">
        <v>1</v>
      </c>
      <c r="K9393" s="2">
        <v>0</v>
      </c>
      <c r="L9393" t="s">
        <v>82</v>
      </c>
      <c r="M9393" t="s">
        <v>83</v>
      </c>
      <c r="N9393" t="s">
        <v>91</v>
      </c>
      <c r="O9393" t="s">
        <v>85</v>
      </c>
      <c r="P9393" t="s">
        <v>86</v>
      </c>
      <c r="Q9393">
        <v>76</v>
      </c>
      <c r="R9393">
        <v>76</v>
      </c>
      <c r="S9393">
        <v>77</v>
      </c>
      <c r="T9393">
        <v>78</v>
      </c>
      <c r="U9393">
        <v>79</v>
      </c>
      <c r="V9393">
        <v>79</v>
      </c>
      <c r="W9393">
        <v>80</v>
      </c>
      <c r="X9393">
        <v>81</v>
      </c>
      <c r="Y9393">
        <v>82</v>
      </c>
      <c r="Z9393">
        <v>82</v>
      </c>
      <c r="AA9393">
        <v>83</v>
      </c>
      <c r="AB9393">
        <v>84</v>
      </c>
      <c r="AC9393">
        <v>85</v>
      </c>
      <c r="AD9393">
        <v>85</v>
      </c>
      <c r="AE9393">
        <v>86</v>
      </c>
      <c r="AF9393">
        <v>87</v>
      </c>
      <c r="AG9393">
        <v>87</v>
      </c>
      <c r="AH9393">
        <v>88</v>
      </c>
      <c r="AI9393">
        <v>89</v>
      </c>
      <c r="AJ9393">
        <v>89</v>
      </c>
      <c r="AK9393">
        <v>90</v>
      </c>
      <c r="AL9393">
        <v>90</v>
      </c>
      <c r="AM9393">
        <v>90</v>
      </c>
      <c r="AN9393">
        <v>90</v>
      </c>
      <c r="AO9393">
        <v>90</v>
      </c>
      <c r="AP9393">
        <v>90</v>
      </c>
      <c r="AQ9393">
        <v>89</v>
      </c>
    </row>
    <row r="9394" spans="1:43">
      <c r="A9394" t="s">
        <v>5866</v>
      </c>
      <c r="B9394" t="s">
        <v>5867</v>
      </c>
      <c r="C9394" t="s">
        <v>5864</v>
      </c>
      <c r="D9394" t="s">
        <v>5865</v>
      </c>
      <c r="E9394" t="s">
        <v>5698</v>
      </c>
      <c r="F9394" t="s">
        <v>5699</v>
      </c>
      <c r="G9394" t="s">
        <v>80</v>
      </c>
      <c r="H9394" t="s">
        <v>81</v>
      </c>
      <c r="I9394" s="2">
        <v>0</v>
      </c>
      <c r="J9394" s="2">
        <v>1</v>
      </c>
      <c r="K9394" s="2">
        <v>0</v>
      </c>
      <c r="L9394" t="s">
        <v>82</v>
      </c>
      <c r="M9394" t="s">
        <v>83</v>
      </c>
      <c r="N9394" t="s">
        <v>84</v>
      </c>
      <c r="O9394" t="s">
        <v>85</v>
      </c>
      <c r="P9394" t="s">
        <v>86</v>
      </c>
      <c r="Q9394">
        <v>133</v>
      </c>
      <c r="R9394">
        <v>134</v>
      </c>
      <c r="S9394">
        <v>135</v>
      </c>
      <c r="T9394">
        <v>137</v>
      </c>
      <c r="U9394">
        <v>138</v>
      </c>
      <c r="V9394">
        <v>139</v>
      </c>
      <c r="W9394">
        <v>141</v>
      </c>
      <c r="X9394">
        <v>142</v>
      </c>
      <c r="Y9394">
        <v>143</v>
      </c>
      <c r="Z9394">
        <v>145</v>
      </c>
      <c r="AA9394">
        <v>146</v>
      </c>
      <c r="AB9394">
        <v>147</v>
      </c>
      <c r="AC9394">
        <v>148</v>
      </c>
      <c r="AD9394">
        <v>149</v>
      </c>
      <c r="AE9394">
        <v>150</v>
      </c>
      <c r="AF9394">
        <v>152</v>
      </c>
      <c r="AG9394">
        <v>153</v>
      </c>
      <c r="AH9394">
        <v>154</v>
      </c>
      <c r="AI9394">
        <v>155</v>
      </c>
      <c r="AJ9394">
        <v>156</v>
      </c>
      <c r="AK9394">
        <v>157</v>
      </c>
      <c r="AL9394">
        <v>157</v>
      </c>
      <c r="AM9394">
        <v>157</v>
      </c>
      <c r="AN9394">
        <v>156</v>
      </c>
      <c r="AO9394">
        <v>156</v>
      </c>
      <c r="AP9394">
        <v>156</v>
      </c>
      <c r="AQ9394">
        <v>155</v>
      </c>
    </row>
    <row r="9395" spans="1:43">
      <c r="A9395" t="s">
        <v>5866</v>
      </c>
      <c r="B9395" t="s">
        <v>5867</v>
      </c>
      <c r="C9395" t="s">
        <v>5864</v>
      </c>
      <c r="D9395" t="s">
        <v>5865</v>
      </c>
      <c r="E9395" t="s">
        <v>5698</v>
      </c>
      <c r="F9395" t="s">
        <v>5699</v>
      </c>
      <c r="G9395" t="s">
        <v>80</v>
      </c>
      <c r="H9395" t="s">
        <v>81</v>
      </c>
      <c r="I9395" s="2">
        <v>0</v>
      </c>
      <c r="J9395" s="2">
        <v>1</v>
      </c>
      <c r="K9395" s="2">
        <v>0</v>
      </c>
      <c r="L9395" t="s">
        <v>82</v>
      </c>
      <c r="M9395" t="s">
        <v>87</v>
      </c>
      <c r="N9395" t="s">
        <v>88</v>
      </c>
      <c r="O9395" t="s">
        <v>85</v>
      </c>
      <c r="P9395" t="s">
        <v>86</v>
      </c>
      <c r="Q9395">
        <v>133</v>
      </c>
      <c r="R9395">
        <v>134</v>
      </c>
      <c r="S9395">
        <v>134</v>
      </c>
      <c r="T9395">
        <v>134</v>
      </c>
      <c r="U9395">
        <v>134</v>
      </c>
      <c r="V9395">
        <v>134</v>
      </c>
      <c r="W9395">
        <v>134</v>
      </c>
      <c r="X9395">
        <v>134</v>
      </c>
      <c r="Y9395">
        <v>134</v>
      </c>
      <c r="Z9395">
        <v>135</v>
      </c>
      <c r="AA9395">
        <v>135</v>
      </c>
      <c r="AB9395">
        <v>135</v>
      </c>
      <c r="AC9395">
        <v>135</v>
      </c>
      <c r="AD9395">
        <v>135</v>
      </c>
      <c r="AE9395">
        <v>135</v>
      </c>
      <c r="AF9395">
        <v>135</v>
      </c>
      <c r="AG9395">
        <v>135</v>
      </c>
      <c r="AH9395">
        <v>135</v>
      </c>
      <c r="AI9395">
        <v>135</v>
      </c>
      <c r="AJ9395">
        <v>136</v>
      </c>
      <c r="AK9395">
        <v>136</v>
      </c>
      <c r="AL9395">
        <v>136</v>
      </c>
      <c r="AM9395">
        <v>136</v>
      </c>
      <c r="AN9395">
        <v>136</v>
      </c>
      <c r="AO9395">
        <v>136</v>
      </c>
      <c r="AP9395">
        <v>136</v>
      </c>
      <c r="AQ9395">
        <v>136</v>
      </c>
    </row>
    <row r="9396" spans="1:43">
      <c r="A9396" t="s">
        <v>5866</v>
      </c>
      <c r="B9396" t="s">
        <v>5867</v>
      </c>
      <c r="C9396" t="s">
        <v>5864</v>
      </c>
      <c r="D9396" t="s">
        <v>5865</v>
      </c>
      <c r="E9396" t="s">
        <v>5698</v>
      </c>
      <c r="F9396" t="s">
        <v>5699</v>
      </c>
      <c r="G9396" t="s">
        <v>80</v>
      </c>
      <c r="H9396" t="s">
        <v>81</v>
      </c>
      <c r="I9396" s="2">
        <v>0</v>
      </c>
      <c r="J9396" s="2">
        <v>1</v>
      </c>
      <c r="K9396" s="2">
        <v>0</v>
      </c>
      <c r="L9396" t="s">
        <v>82</v>
      </c>
      <c r="M9396" t="s">
        <v>89</v>
      </c>
      <c r="N9396" t="s">
        <v>90</v>
      </c>
      <c r="O9396" t="s">
        <v>85</v>
      </c>
      <c r="P9396" t="s">
        <v>86</v>
      </c>
      <c r="Q9396">
        <v>133</v>
      </c>
      <c r="R9396">
        <v>135</v>
      </c>
      <c r="S9396">
        <v>138</v>
      </c>
      <c r="T9396">
        <v>140</v>
      </c>
      <c r="U9396">
        <v>143</v>
      </c>
      <c r="V9396">
        <v>145</v>
      </c>
      <c r="W9396">
        <v>147</v>
      </c>
      <c r="X9396">
        <v>149</v>
      </c>
      <c r="Y9396">
        <v>151</v>
      </c>
      <c r="Z9396">
        <v>153</v>
      </c>
      <c r="AA9396">
        <v>154</v>
      </c>
      <c r="AB9396">
        <v>156</v>
      </c>
      <c r="AC9396">
        <v>158</v>
      </c>
      <c r="AD9396">
        <v>160</v>
      </c>
      <c r="AE9396">
        <v>161</v>
      </c>
      <c r="AF9396">
        <v>160</v>
      </c>
      <c r="AG9396">
        <v>160</v>
      </c>
      <c r="AH9396">
        <v>159</v>
      </c>
      <c r="AI9396">
        <v>159</v>
      </c>
      <c r="AJ9396">
        <v>159</v>
      </c>
      <c r="AK9396">
        <v>158</v>
      </c>
      <c r="AL9396">
        <v>158</v>
      </c>
      <c r="AM9396">
        <v>157</v>
      </c>
      <c r="AN9396">
        <v>157</v>
      </c>
      <c r="AO9396">
        <v>157</v>
      </c>
      <c r="AP9396">
        <v>156</v>
      </c>
      <c r="AQ9396">
        <v>156</v>
      </c>
    </row>
    <row r="9397" spans="1:43">
      <c r="A9397" t="s">
        <v>5866</v>
      </c>
      <c r="B9397" t="s">
        <v>5867</v>
      </c>
      <c r="C9397" t="s">
        <v>5864</v>
      </c>
      <c r="D9397" t="s">
        <v>5865</v>
      </c>
      <c r="E9397" t="s">
        <v>5698</v>
      </c>
      <c r="F9397" t="s">
        <v>5699</v>
      </c>
      <c r="G9397" t="s">
        <v>80</v>
      </c>
      <c r="H9397" t="s">
        <v>81</v>
      </c>
      <c r="I9397" s="2">
        <v>0</v>
      </c>
      <c r="J9397" s="2">
        <v>1</v>
      </c>
      <c r="K9397" s="2">
        <v>0</v>
      </c>
      <c r="L9397" t="s">
        <v>82</v>
      </c>
      <c r="M9397" t="s">
        <v>83</v>
      </c>
      <c r="N9397" t="s">
        <v>91</v>
      </c>
      <c r="O9397" t="s">
        <v>85</v>
      </c>
      <c r="P9397" t="s">
        <v>86</v>
      </c>
      <c r="Q9397">
        <v>133</v>
      </c>
      <c r="R9397">
        <v>134</v>
      </c>
      <c r="S9397">
        <v>135</v>
      </c>
      <c r="T9397">
        <v>137</v>
      </c>
      <c r="U9397">
        <v>138</v>
      </c>
      <c r="V9397">
        <v>139</v>
      </c>
      <c r="W9397">
        <v>141</v>
      </c>
      <c r="X9397">
        <v>142</v>
      </c>
      <c r="Y9397">
        <v>143</v>
      </c>
      <c r="Z9397">
        <v>145</v>
      </c>
      <c r="AA9397">
        <v>146</v>
      </c>
      <c r="AB9397">
        <v>147</v>
      </c>
      <c r="AC9397">
        <v>148</v>
      </c>
      <c r="AD9397">
        <v>149</v>
      </c>
      <c r="AE9397">
        <v>150</v>
      </c>
      <c r="AF9397">
        <v>152</v>
      </c>
      <c r="AG9397">
        <v>153</v>
      </c>
      <c r="AH9397">
        <v>154</v>
      </c>
      <c r="AI9397">
        <v>155</v>
      </c>
      <c r="AJ9397">
        <v>156</v>
      </c>
      <c r="AK9397">
        <v>157</v>
      </c>
      <c r="AL9397">
        <v>157</v>
      </c>
      <c r="AM9397">
        <v>157</v>
      </c>
      <c r="AN9397">
        <v>156</v>
      </c>
      <c r="AO9397">
        <v>156</v>
      </c>
      <c r="AP9397">
        <v>156</v>
      </c>
      <c r="AQ9397">
        <v>155</v>
      </c>
    </row>
    <row r="9398" spans="1:43">
      <c r="A9398" t="s">
        <v>5868</v>
      </c>
      <c r="B9398" t="s">
        <v>5869</v>
      </c>
      <c r="C9398" t="s">
        <v>5864</v>
      </c>
      <c r="D9398" t="s">
        <v>5865</v>
      </c>
      <c r="E9398" t="s">
        <v>5698</v>
      </c>
      <c r="F9398" t="s">
        <v>5699</v>
      </c>
      <c r="G9398" t="s">
        <v>80</v>
      </c>
      <c r="H9398" t="s">
        <v>81</v>
      </c>
      <c r="I9398" s="2">
        <v>0</v>
      </c>
      <c r="J9398" s="2">
        <v>1</v>
      </c>
      <c r="K9398" s="2">
        <v>0</v>
      </c>
      <c r="L9398" t="s">
        <v>82</v>
      </c>
      <c r="M9398" t="s">
        <v>83</v>
      </c>
      <c r="N9398" t="s">
        <v>84</v>
      </c>
      <c r="O9398" t="s">
        <v>85</v>
      </c>
      <c r="P9398" t="s">
        <v>86</v>
      </c>
      <c r="Q9398">
        <v>153</v>
      </c>
      <c r="R9398">
        <v>155</v>
      </c>
      <c r="S9398">
        <v>156</v>
      </c>
      <c r="T9398">
        <v>158</v>
      </c>
      <c r="U9398">
        <v>159</v>
      </c>
      <c r="V9398">
        <v>161</v>
      </c>
      <c r="W9398">
        <v>162</v>
      </c>
      <c r="X9398">
        <v>164</v>
      </c>
      <c r="Y9398">
        <v>165</v>
      </c>
      <c r="Z9398">
        <v>167</v>
      </c>
      <c r="AA9398">
        <v>168</v>
      </c>
      <c r="AB9398">
        <v>170</v>
      </c>
      <c r="AC9398">
        <v>171</v>
      </c>
      <c r="AD9398">
        <v>173</v>
      </c>
      <c r="AE9398">
        <v>174</v>
      </c>
      <c r="AF9398">
        <v>175</v>
      </c>
      <c r="AG9398">
        <v>176</v>
      </c>
      <c r="AH9398">
        <v>178</v>
      </c>
      <c r="AI9398">
        <v>179</v>
      </c>
      <c r="AJ9398">
        <v>180</v>
      </c>
      <c r="AK9398">
        <v>182</v>
      </c>
      <c r="AL9398">
        <v>182</v>
      </c>
      <c r="AM9398">
        <v>181</v>
      </c>
      <c r="AN9398">
        <v>181</v>
      </c>
      <c r="AO9398">
        <v>180</v>
      </c>
      <c r="AP9398">
        <v>180</v>
      </c>
      <c r="AQ9398">
        <v>180</v>
      </c>
    </row>
    <row r="9399" spans="1:43">
      <c r="A9399" t="s">
        <v>5868</v>
      </c>
      <c r="B9399" t="s">
        <v>5869</v>
      </c>
      <c r="C9399" t="s">
        <v>5864</v>
      </c>
      <c r="D9399" t="s">
        <v>5865</v>
      </c>
      <c r="E9399" t="s">
        <v>5698</v>
      </c>
      <c r="F9399" t="s">
        <v>5699</v>
      </c>
      <c r="G9399" t="s">
        <v>80</v>
      </c>
      <c r="H9399" t="s">
        <v>81</v>
      </c>
      <c r="I9399" s="2">
        <v>0</v>
      </c>
      <c r="J9399" s="2">
        <v>1</v>
      </c>
      <c r="K9399" s="2">
        <v>0</v>
      </c>
      <c r="L9399" t="s">
        <v>82</v>
      </c>
      <c r="M9399" t="s">
        <v>87</v>
      </c>
      <c r="N9399" t="s">
        <v>88</v>
      </c>
      <c r="O9399" t="s">
        <v>85</v>
      </c>
      <c r="P9399" t="s">
        <v>86</v>
      </c>
      <c r="Q9399">
        <v>153</v>
      </c>
      <c r="R9399">
        <v>153</v>
      </c>
      <c r="S9399">
        <v>153</v>
      </c>
      <c r="T9399">
        <v>153</v>
      </c>
      <c r="U9399">
        <v>153</v>
      </c>
      <c r="V9399">
        <v>154</v>
      </c>
      <c r="W9399">
        <v>154</v>
      </c>
      <c r="X9399">
        <v>154</v>
      </c>
      <c r="Y9399">
        <v>154</v>
      </c>
      <c r="Z9399">
        <v>154</v>
      </c>
      <c r="AA9399">
        <v>154</v>
      </c>
      <c r="AB9399">
        <v>154</v>
      </c>
      <c r="AC9399">
        <v>155</v>
      </c>
      <c r="AD9399">
        <v>155</v>
      </c>
      <c r="AE9399">
        <v>155</v>
      </c>
      <c r="AF9399">
        <v>155</v>
      </c>
      <c r="AG9399">
        <v>155</v>
      </c>
      <c r="AH9399">
        <v>155</v>
      </c>
      <c r="AI9399">
        <v>155</v>
      </c>
      <c r="AJ9399">
        <v>155</v>
      </c>
      <c r="AK9399">
        <v>156</v>
      </c>
      <c r="AL9399">
        <v>156</v>
      </c>
      <c r="AM9399">
        <v>156</v>
      </c>
      <c r="AN9399">
        <v>156</v>
      </c>
      <c r="AO9399">
        <v>156</v>
      </c>
      <c r="AP9399">
        <v>156</v>
      </c>
      <c r="AQ9399">
        <v>156</v>
      </c>
    </row>
    <row r="9400" spans="1:43">
      <c r="A9400" t="s">
        <v>5868</v>
      </c>
      <c r="B9400" t="s">
        <v>5869</v>
      </c>
      <c r="C9400" t="s">
        <v>5864</v>
      </c>
      <c r="D9400" t="s">
        <v>5865</v>
      </c>
      <c r="E9400" t="s">
        <v>5698</v>
      </c>
      <c r="F9400" t="s">
        <v>5699</v>
      </c>
      <c r="G9400" t="s">
        <v>80</v>
      </c>
      <c r="H9400" t="s">
        <v>81</v>
      </c>
      <c r="I9400" s="2">
        <v>0</v>
      </c>
      <c r="J9400" s="2">
        <v>1</v>
      </c>
      <c r="K9400" s="2">
        <v>0</v>
      </c>
      <c r="L9400" t="s">
        <v>82</v>
      </c>
      <c r="M9400" t="s">
        <v>89</v>
      </c>
      <c r="N9400" t="s">
        <v>90</v>
      </c>
      <c r="O9400" t="s">
        <v>85</v>
      </c>
      <c r="P9400" t="s">
        <v>86</v>
      </c>
      <c r="Q9400">
        <v>153</v>
      </c>
      <c r="R9400">
        <v>155</v>
      </c>
      <c r="S9400">
        <v>158</v>
      </c>
      <c r="T9400">
        <v>161</v>
      </c>
      <c r="U9400">
        <v>164</v>
      </c>
      <c r="V9400">
        <v>166</v>
      </c>
      <c r="W9400">
        <v>169</v>
      </c>
      <c r="X9400">
        <v>171</v>
      </c>
      <c r="Y9400">
        <v>173</v>
      </c>
      <c r="Z9400">
        <v>175</v>
      </c>
      <c r="AA9400">
        <v>177</v>
      </c>
      <c r="AB9400">
        <v>179</v>
      </c>
      <c r="AC9400">
        <v>182</v>
      </c>
      <c r="AD9400">
        <v>184</v>
      </c>
      <c r="AE9400">
        <v>185</v>
      </c>
      <c r="AF9400">
        <v>184</v>
      </c>
      <c r="AG9400">
        <v>184</v>
      </c>
      <c r="AH9400">
        <v>183</v>
      </c>
      <c r="AI9400">
        <v>183</v>
      </c>
      <c r="AJ9400">
        <v>183</v>
      </c>
      <c r="AK9400">
        <v>182</v>
      </c>
      <c r="AL9400">
        <v>182</v>
      </c>
      <c r="AM9400">
        <v>181</v>
      </c>
      <c r="AN9400">
        <v>181</v>
      </c>
      <c r="AO9400">
        <v>180</v>
      </c>
      <c r="AP9400">
        <v>180</v>
      </c>
      <c r="AQ9400">
        <v>179</v>
      </c>
    </row>
    <row r="9401" spans="1:43">
      <c r="A9401" t="s">
        <v>5868</v>
      </c>
      <c r="B9401" t="s">
        <v>5869</v>
      </c>
      <c r="C9401" t="s">
        <v>5864</v>
      </c>
      <c r="D9401" t="s">
        <v>5865</v>
      </c>
      <c r="E9401" t="s">
        <v>5698</v>
      </c>
      <c r="F9401" t="s">
        <v>5699</v>
      </c>
      <c r="G9401" t="s">
        <v>80</v>
      </c>
      <c r="H9401" t="s">
        <v>81</v>
      </c>
      <c r="I9401" s="2">
        <v>0</v>
      </c>
      <c r="J9401" s="2">
        <v>1</v>
      </c>
      <c r="K9401" s="2">
        <v>0</v>
      </c>
      <c r="L9401" t="s">
        <v>82</v>
      </c>
      <c r="M9401" t="s">
        <v>83</v>
      </c>
      <c r="N9401" t="s">
        <v>91</v>
      </c>
      <c r="O9401" t="s">
        <v>85</v>
      </c>
      <c r="P9401" t="s">
        <v>86</v>
      </c>
      <c r="Q9401">
        <v>153</v>
      </c>
      <c r="R9401">
        <v>155</v>
      </c>
      <c r="S9401">
        <v>156</v>
      </c>
      <c r="T9401">
        <v>158</v>
      </c>
      <c r="U9401">
        <v>159</v>
      </c>
      <c r="V9401">
        <v>161</v>
      </c>
      <c r="W9401">
        <v>162</v>
      </c>
      <c r="X9401">
        <v>164</v>
      </c>
      <c r="Y9401">
        <v>165</v>
      </c>
      <c r="Z9401">
        <v>167</v>
      </c>
      <c r="AA9401">
        <v>168</v>
      </c>
      <c r="AB9401">
        <v>170</v>
      </c>
      <c r="AC9401">
        <v>171</v>
      </c>
      <c r="AD9401">
        <v>173</v>
      </c>
      <c r="AE9401">
        <v>174</v>
      </c>
      <c r="AF9401">
        <v>175</v>
      </c>
      <c r="AG9401">
        <v>176</v>
      </c>
      <c r="AH9401">
        <v>178</v>
      </c>
      <c r="AI9401">
        <v>179</v>
      </c>
      <c r="AJ9401">
        <v>180</v>
      </c>
      <c r="AK9401">
        <v>182</v>
      </c>
      <c r="AL9401">
        <v>182</v>
      </c>
      <c r="AM9401">
        <v>181</v>
      </c>
      <c r="AN9401">
        <v>181</v>
      </c>
      <c r="AO9401">
        <v>180</v>
      </c>
      <c r="AP9401">
        <v>180</v>
      </c>
      <c r="AQ9401">
        <v>180</v>
      </c>
    </row>
    <row r="9402" spans="1:43">
      <c r="A9402" t="s">
        <v>5870</v>
      </c>
      <c r="B9402" t="s">
        <v>5871</v>
      </c>
      <c r="C9402" t="s">
        <v>5864</v>
      </c>
      <c r="D9402" t="s">
        <v>5865</v>
      </c>
      <c r="E9402" t="s">
        <v>5698</v>
      </c>
      <c r="F9402" t="s">
        <v>5699</v>
      </c>
      <c r="G9402" t="s">
        <v>80</v>
      </c>
      <c r="H9402" t="s">
        <v>81</v>
      </c>
      <c r="I9402" s="2">
        <v>0</v>
      </c>
      <c r="J9402" s="2">
        <v>1</v>
      </c>
      <c r="K9402" s="2">
        <v>0</v>
      </c>
      <c r="L9402" t="s">
        <v>82</v>
      </c>
      <c r="M9402" t="s">
        <v>83</v>
      </c>
      <c r="N9402" t="s">
        <v>84</v>
      </c>
      <c r="O9402" t="s">
        <v>85</v>
      </c>
      <c r="P9402" t="s">
        <v>86</v>
      </c>
      <c r="Q9402">
        <v>84</v>
      </c>
      <c r="R9402">
        <v>84</v>
      </c>
      <c r="S9402">
        <v>85</v>
      </c>
      <c r="T9402">
        <v>86</v>
      </c>
      <c r="U9402">
        <v>87</v>
      </c>
      <c r="V9402">
        <v>88</v>
      </c>
      <c r="W9402">
        <v>89</v>
      </c>
      <c r="X9402">
        <v>90</v>
      </c>
      <c r="Y9402">
        <v>90</v>
      </c>
      <c r="Z9402">
        <v>91</v>
      </c>
      <c r="AA9402">
        <v>92</v>
      </c>
      <c r="AB9402">
        <v>93</v>
      </c>
      <c r="AC9402">
        <v>94</v>
      </c>
      <c r="AD9402">
        <v>94</v>
      </c>
      <c r="AE9402">
        <v>95</v>
      </c>
      <c r="AF9402">
        <v>96</v>
      </c>
      <c r="AG9402">
        <v>96</v>
      </c>
      <c r="AH9402">
        <v>97</v>
      </c>
      <c r="AI9402">
        <v>98</v>
      </c>
      <c r="AJ9402">
        <v>99</v>
      </c>
      <c r="AK9402">
        <v>99</v>
      </c>
      <c r="AL9402">
        <v>99</v>
      </c>
      <c r="AM9402">
        <v>99</v>
      </c>
      <c r="AN9402">
        <v>99</v>
      </c>
      <c r="AO9402">
        <v>99</v>
      </c>
      <c r="AP9402">
        <v>99</v>
      </c>
      <c r="AQ9402">
        <v>98</v>
      </c>
    </row>
    <row r="9403" spans="1:43">
      <c r="A9403" t="s">
        <v>5870</v>
      </c>
      <c r="B9403" t="s">
        <v>5871</v>
      </c>
      <c r="C9403" t="s">
        <v>5864</v>
      </c>
      <c r="D9403" t="s">
        <v>5865</v>
      </c>
      <c r="E9403" t="s">
        <v>5698</v>
      </c>
      <c r="F9403" t="s">
        <v>5699</v>
      </c>
      <c r="G9403" t="s">
        <v>80</v>
      </c>
      <c r="H9403" t="s">
        <v>81</v>
      </c>
      <c r="I9403" s="2">
        <v>0</v>
      </c>
      <c r="J9403" s="2">
        <v>1</v>
      </c>
      <c r="K9403" s="2">
        <v>0</v>
      </c>
      <c r="L9403" t="s">
        <v>82</v>
      </c>
      <c r="M9403" t="s">
        <v>87</v>
      </c>
      <c r="N9403" t="s">
        <v>88</v>
      </c>
      <c r="O9403" t="s">
        <v>85</v>
      </c>
      <c r="P9403" t="s">
        <v>86</v>
      </c>
      <c r="Q9403">
        <v>84</v>
      </c>
      <c r="R9403">
        <v>84</v>
      </c>
      <c r="S9403">
        <v>84</v>
      </c>
      <c r="T9403">
        <v>84</v>
      </c>
      <c r="U9403">
        <v>84</v>
      </c>
      <c r="V9403">
        <v>84</v>
      </c>
      <c r="W9403">
        <v>84</v>
      </c>
      <c r="X9403">
        <v>84</v>
      </c>
      <c r="Y9403">
        <v>85</v>
      </c>
      <c r="Z9403">
        <v>85</v>
      </c>
      <c r="AA9403">
        <v>85</v>
      </c>
      <c r="AB9403">
        <v>85</v>
      </c>
      <c r="AC9403">
        <v>85</v>
      </c>
      <c r="AD9403">
        <v>85</v>
      </c>
      <c r="AE9403">
        <v>85</v>
      </c>
      <c r="AF9403">
        <v>85</v>
      </c>
      <c r="AG9403">
        <v>85</v>
      </c>
      <c r="AH9403">
        <v>85</v>
      </c>
      <c r="AI9403">
        <v>85</v>
      </c>
      <c r="AJ9403">
        <v>86</v>
      </c>
      <c r="AK9403">
        <v>86</v>
      </c>
      <c r="AL9403">
        <v>86</v>
      </c>
      <c r="AM9403">
        <v>86</v>
      </c>
      <c r="AN9403">
        <v>86</v>
      </c>
      <c r="AO9403">
        <v>86</v>
      </c>
      <c r="AP9403">
        <v>86</v>
      </c>
      <c r="AQ9403">
        <v>86</v>
      </c>
    </row>
    <row r="9404" spans="1:43">
      <c r="A9404" t="s">
        <v>5870</v>
      </c>
      <c r="B9404" t="s">
        <v>5871</v>
      </c>
      <c r="C9404" t="s">
        <v>5864</v>
      </c>
      <c r="D9404" t="s">
        <v>5865</v>
      </c>
      <c r="E9404" t="s">
        <v>5698</v>
      </c>
      <c r="F9404" t="s">
        <v>5699</v>
      </c>
      <c r="G9404" t="s">
        <v>80</v>
      </c>
      <c r="H9404" t="s">
        <v>81</v>
      </c>
      <c r="I9404" s="2">
        <v>0</v>
      </c>
      <c r="J9404" s="2">
        <v>1</v>
      </c>
      <c r="K9404" s="2">
        <v>0</v>
      </c>
      <c r="L9404" t="s">
        <v>82</v>
      </c>
      <c r="M9404" t="s">
        <v>89</v>
      </c>
      <c r="N9404" t="s">
        <v>90</v>
      </c>
      <c r="O9404" t="s">
        <v>85</v>
      </c>
      <c r="P9404" t="s">
        <v>86</v>
      </c>
      <c r="Q9404">
        <v>84</v>
      </c>
      <c r="R9404">
        <v>86</v>
      </c>
      <c r="S9404">
        <v>88</v>
      </c>
      <c r="T9404">
        <v>89</v>
      </c>
      <c r="U9404">
        <v>91</v>
      </c>
      <c r="V9404">
        <v>92</v>
      </c>
      <c r="W9404">
        <v>93</v>
      </c>
      <c r="X9404">
        <v>95</v>
      </c>
      <c r="Y9404">
        <v>96</v>
      </c>
      <c r="Z9404">
        <v>97</v>
      </c>
      <c r="AA9404">
        <v>98</v>
      </c>
      <c r="AB9404">
        <v>99</v>
      </c>
      <c r="AC9404">
        <v>100</v>
      </c>
      <c r="AD9404">
        <v>101</v>
      </c>
      <c r="AE9404">
        <v>102</v>
      </c>
      <c r="AF9404">
        <v>102</v>
      </c>
      <c r="AG9404">
        <v>102</v>
      </c>
      <c r="AH9404">
        <v>101</v>
      </c>
      <c r="AI9404">
        <v>101</v>
      </c>
      <c r="AJ9404">
        <v>101</v>
      </c>
      <c r="AK9404">
        <v>101</v>
      </c>
      <c r="AL9404">
        <v>100</v>
      </c>
      <c r="AM9404">
        <v>100</v>
      </c>
      <c r="AN9404">
        <v>100</v>
      </c>
      <c r="AO9404">
        <v>100</v>
      </c>
      <c r="AP9404">
        <v>100</v>
      </c>
      <c r="AQ9404">
        <v>99</v>
      </c>
    </row>
    <row r="9405" spans="1:43">
      <c r="A9405" t="s">
        <v>5870</v>
      </c>
      <c r="B9405" t="s">
        <v>5871</v>
      </c>
      <c r="C9405" t="s">
        <v>5864</v>
      </c>
      <c r="D9405" t="s">
        <v>5865</v>
      </c>
      <c r="E9405" t="s">
        <v>5698</v>
      </c>
      <c r="F9405" t="s">
        <v>5699</v>
      </c>
      <c r="G9405" t="s">
        <v>80</v>
      </c>
      <c r="H9405" t="s">
        <v>81</v>
      </c>
      <c r="I9405" s="2">
        <v>0</v>
      </c>
      <c r="J9405" s="2">
        <v>1</v>
      </c>
      <c r="K9405" s="2">
        <v>0</v>
      </c>
      <c r="L9405" t="s">
        <v>82</v>
      </c>
      <c r="M9405" t="s">
        <v>83</v>
      </c>
      <c r="N9405" t="s">
        <v>91</v>
      </c>
      <c r="O9405" t="s">
        <v>85</v>
      </c>
      <c r="P9405" t="s">
        <v>86</v>
      </c>
      <c r="Q9405">
        <v>84</v>
      </c>
      <c r="R9405">
        <v>84</v>
      </c>
      <c r="S9405">
        <v>85</v>
      </c>
      <c r="T9405">
        <v>86</v>
      </c>
      <c r="U9405">
        <v>87</v>
      </c>
      <c r="V9405">
        <v>88</v>
      </c>
      <c r="W9405">
        <v>89</v>
      </c>
      <c r="X9405">
        <v>90</v>
      </c>
      <c r="Y9405">
        <v>90</v>
      </c>
      <c r="Z9405">
        <v>91</v>
      </c>
      <c r="AA9405">
        <v>92</v>
      </c>
      <c r="AB9405">
        <v>93</v>
      </c>
      <c r="AC9405">
        <v>94</v>
      </c>
      <c r="AD9405">
        <v>94</v>
      </c>
      <c r="AE9405">
        <v>95</v>
      </c>
      <c r="AF9405">
        <v>96</v>
      </c>
      <c r="AG9405">
        <v>96</v>
      </c>
      <c r="AH9405">
        <v>97</v>
      </c>
      <c r="AI9405">
        <v>98</v>
      </c>
      <c r="AJ9405">
        <v>99</v>
      </c>
      <c r="AK9405">
        <v>99</v>
      </c>
      <c r="AL9405">
        <v>99</v>
      </c>
      <c r="AM9405">
        <v>99</v>
      </c>
      <c r="AN9405">
        <v>99</v>
      </c>
      <c r="AO9405">
        <v>99</v>
      </c>
      <c r="AP9405">
        <v>99</v>
      </c>
      <c r="AQ9405">
        <v>98</v>
      </c>
    </row>
    <row r="9406" spans="1:43">
      <c r="A9406" t="s">
        <v>5872</v>
      </c>
      <c r="B9406" t="s">
        <v>5873</v>
      </c>
      <c r="C9406" t="s">
        <v>5864</v>
      </c>
      <c r="D9406" t="s">
        <v>5865</v>
      </c>
      <c r="E9406" t="s">
        <v>5698</v>
      </c>
      <c r="F9406" t="s">
        <v>5699</v>
      </c>
      <c r="G9406" t="s">
        <v>80</v>
      </c>
      <c r="H9406" t="s">
        <v>81</v>
      </c>
      <c r="I9406" s="2">
        <v>0</v>
      </c>
      <c r="J9406" s="2">
        <v>1</v>
      </c>
      <c r="K9406" s="2">
        <v>0</v>
      </c>
      <c r="L9406" t="s">
        <v>82</v>
      </c>
      <c r="M9406" t="s">
        <v>83</v>
      </c>
      <c r="N9406" t="s">
        <v>84</v>
      </c>
      <c r="O9406" t="s">
        <v>85</v>
      </c>
      <c r="P9406" t="s">
        <v>86</v>
      </c>
      <c r="Q9406">
        <v>102</v>
      </c>
      <c r="R9406">
        <v>103</v>
      </c>
      <c r="S9406">
        <v>104</v>
      </c>
      <c r="T9406">
        <v>105</v>
      </c>
      <c r="U9406">
        <v>106</v>
      </c>
      <c r="V9406">
        <v>107</v>
      </c>
      <c r="W9406">
        <v>108</v>
      </c>
      <c r="X9406">
        <v>109</v>
      </c>
      <c r="Y9406">
        <v>110</v>
      </c>
      <c r="Z9406">
        <v>111</v>
      </c>
      <c r="AA9406">
        <v>112</v>
      </c>
      <c r="AB9406">
        <v>113</v>
      </c>
      <c r="AC9406">
        <v>114</v>
      </c>
      <c r="AD9406">
        <v>115</v>
      </c>
      <c r="AE9406">
        <v>116</v>
      </c>
      <c r="AF9406">
        <v>117</v>
      </c>
      <c r="AG9406">
        <v>118</v>
      </c>
      <c r="AH9406">
        <v>119</v>
      </c>
      <c r="AI9406">
        <v>120</v>
      </c>
      <c r="AJ9406">
        <v>121</v>
      </c>
      <c r="AK9406">
        <v>121</v>
      </c>
      <c r="AL9406">
        <v>122</v>
      </c>
      <c r="AM9406">
        <v>121</v>
      </c>
      <c r="AN9406">
        <v>121</v>
      </c>
      <c r="AO9406">
        <v>121</v>
      </c>
      <c r="AP9406">
        <v>121</v>
      </c>
      <c r="AQ9406">
        <v>120</v>
      </c>
    </row>
    <row r="9407" spans="1:43">
      <c r="A9407" t="s">
        <v>5872</v>
      </c>
      <c r="B9407" t="s">
        <v>5873</v>
      </c>
      <c r="C9407" t="s">
        <v>5864</v>
      </c>
      <c r="D9407" t="s">
        <v>5865</v>
      </c>
      <c r="E9407" t="s">
        <v>5698</v>
      </c>
      <c r="F9407" t="s">
        <v>5699</v>
      </c>
      <c r="G9407" t="s">
        <v>80</v>
      </c>
      <c r="H9407" t="s">
        <v>81</v>
      </c>
      <c r="I9407" s="2">
        <v>0</v>
      </c>
      <c r="J9407" s="2">
        <v>1</v>
      </c>
      <c r="K9407" s="2">
        <v>0</v>
      </c>
      <c r="L9407" t="s">
        <v>82</v>
      </c>
      <c r="M9407" t="s">
        <v>87</v>
      </c>
      <c r="N9407" t="s">
        <v>88</v>
      </c>
      <c r="O9407" t="s">
        <v>85</v>
      </c>
      <c r="P9407" t="s">
        <v>86</v>
      </c>
      <c r="Q9407">
        <v>102</v>
      </c>
      <c r="R9407">
        <v>102</v>
      </c>
      <c r="S9407">
        <v>102</v>
      </c>
      <c r="T9407">
        <v>103</v>
      </c>
      <c r="U9407">
        <v>103</v>
      </c>
      <c r="V9407">
        <v>103</v>
      </c>
      <c r="W9407">
        <v>103</v>
      </c>
      <c r="X9407">
        <v>103</v>
      </c>
      <c r="Y9407">
        <v>103</v>
      </c>
      <c r="Z9407">
        <v>103</v>
      </c>
      <c r="AA9407">
        <v>103</v>
      </c>
      <c r="AB9407">
        <v>103</v>
      </c>
      <c r="AC9407">
        <v>104</v>
      </c>
      <c r="AD9407">
        <v>104</v>
      </c>
      <c r="AE9407">
        <v>104</v>
      </c>
      <c r="AF9407">
        <v>104</v>
      </c>
      <c r="AG9407">
        <v>104</v>
      </c>
      <c r="AH9407">
        <v>104</v>
      </c>
      <c r="AI9407">
        <v>104</v>
      </c>
      <c r="AJ9407">
        <v>104</v>
      </c>
      <c r="AK9407">
        <v>104</v>
      </c>
      <c r="AL9407">
        <v>104</v>
      </c>
      <c r="AM9407">
        <v>104</v>
      </c>
      <c r="AN9407">
        <v>105</v>
      </c>
      <c r="AO9407">
        <v>105</v>
      </c>
      <c r="AP9407">
        <v>105</v>
      </c>
      <c r="AQ9407">
        <v>105</v>
      </c>
    </row>
    <row r="9408" spans="1:43">
      <c r="A9408" t="s">
        <v>5872</v>
      </c>
      <c r="B9408" t="s">
        <v>5873</v>
      </c>
      <c r="C9408" t="s">
        <v>5864</v>
      </c>
      <c r="D9408" t="s">
        <v>5865</v>
      </c>
      <c r="E9408" t="s">
        <v>5698</v>
      </c>
      <c r="F9408" t="s">
        <v>5699</v>
      </c>
      <c r="G9408" t="s">
        <v>80</v>
      </c>
      <c r="H9408" t="s">
        <v>81</v>
      </c>
      <c r="I9408" s="2">
        <v>0</v>
      </c>
      <c r="J9408" s="2">
        <v>1</v>
      </c>
      <c r="K9408" s="2">
        <v>0</v>
      </c>
      <c r="L9408" t="s">
        <v>82</v>
      </c>
      <c r="M9408" t="s">
        <v>89</v>
      </c>
      <c r="N9408" t="s">
        <v>90</v>
      </c>
      <c r="O9408" t="s">
        <v>85</v>
      </c>
      <c r="P9408" t="s">
        <v>86</v>
      </c>
      <c r="Q9408">
        <v>102</v>
      </c>
      <c r="R9408">
        <v>104</v>
      </c>
      <c r="S9408">
        <v>106</v>
      </c>
      <c r="T9408">
        <v>108</v>
      </c>
      <c r="U9408">
        <v>110</v>
      </c>
      <c r="V9408">
        <v>111</v>
      </c>
      <c r="W9408">
        <v>113</v>
      </c>
      <c r="X9408">
        <v>115</v>
      </c>
      <c r="Y9408">
        <v>116</v>
      </c>
      <c r="Z9408">
        <v>117</v>
      </c>
      <c r="AA9408">
        <v>119</v>
      </c>
      <c r="AB9408">
        <v>120</v>
      </c>
      <c r="AC9408">
        <v>122</v>
      </c>
      <c r="AD9408">
        <v>123</v>
      </c>
      <c r="AE9408">
        <v>124</v>
      </c>
      <c r="AF9408">
        <v>124</v>
      </c>
      <c r="AG9408">
        <v>123</v>
      </c>
      <c r="AH9408">
        <v>123</v>
      </c>
      <c r="AI9408">
        <v>123</v>
      </c>
      <c r="AJ9408">
        <v>123</v>
      </c>
      <c r="AK9408">
        <v>122</v>
      </c>
      <c r="AL9408">
        <v>122</v>
      </c>
      <c r="AM9408">
        <v>122</v>
      </c>
      <c r="AN9408">
        <v>122</v>
      </c>
      <c r="AO9408">
        <v>121</v>
      </c>
      <c r="AP9408">
        <v>121</v>
      </c>
      <c r="AQ9408">
        <v>121</v>
      </c>
    </row>
    <row r="9409" spans="1:43">
      <c r="A9409" t="s">
        <v>5872</v>
      </c>
      <c r="B9409" t="s">
        <v>5873</v>
      </c>
      <c r="C9409" t="s">
        <v>5864</v>
      </c>
      <c r="D9409" t="s">
        <v>5865</v>
      </c>
      <c r="E9409" t="s">
        <v>5698</v>
      </c>
      <c r="F9409" t="s">
        <v>5699</v>
      </c>
      <c r="G9409" t="s">
        <v>80</v>
      </c>
      <c r="H9409" t="s">
        <v>81</v>
      </c>
      <c r="I9409" s="2">
        <v>0</v>
      </c>
      <c r="J9409" s="2">
        <v>1</v>
      </c>
      <c r="K9409" s="2">
        <v>0</v>
      </c>
      <c r="L9409" t="s">
        <v>82</v>
      </c>
      <c r="M9409" t="s">
        <v>83</v>
      </c>
      <c r="N9409" t="s">
        <v>91</v>
      </c>
      <c r="O9409" t="s">
        <v>85</v>
      </c>
      <c r="P9409" t="s">
        <v>86</v>
      </c>
      <c r="Q9409">
        <v>102</v>
      </c>
      <c r="R9409">
        <v>103</v>
      </c>
      <c r="S9409">
        <v>104</v>
      </c>
      <c r="T9409">
        <v>105</v>
      </c>
      <c r="U9409">
        <v>106</v>
      </c>
      <c r="V9409">
        <v>107</v>
      </c>
      <c r="W9409">
        <v>108</v>
      </c>
      <c r="X9409">
        <v>109</v>
      </c>
      <c r="Y9409">
        <v>110</v>
      </c>
      <c r="Z9409">
        <v>111</v>
      </c>
      <c r="AA9409">
        <v>112</v>
      </c>
      <c r="AB9409">
        <v>113</v>
      </c>
      <c r="AC9409">
        <v>114</v>
      </c>
      <c r="AD9409">
        <v>115</v>
      </c>
      <c r="AE9409">
        <v>116</v>
      </c>
      <c r="AF9409">
        <v>117</v>
      </c>
      <c r="AG9409">
        <v>118</v>
      </c>
      <c r="AH9409">
        <v>119</v>
      </c>
      <c r="AI9409">
        <v>120</v>
      </c>
      <c r="AJ9409">
        <v>121</v>
      </c>
      <c r="AK9409">
        <v>121</v>
      </c>
      <c r="AL9409">
        <v>122</v>
      </c>
      <c r="AM9409">
        <v>121</v>
      </c>
      <c r="AN9409">
        <v>121</v>
      </c>
      <c r="AO9409">
        <v>121</v>
      </c>
      <c r="AP9409">
        <v>121</v>
      </c>
      <c r="AQ9409">
        <v>120</v>
      </c>
    </row>
    <row r="9410" spans="1:43">
      <c r="A9410" t="s">
        <v>5874</v>
      </c>
      <c r="B9410" t="s">
        <v>5875</v>
      </c>
      <c r="C9410" t="s">
        <v>5876</v>
      </c>
      <c r="D9410" t="s">
        <v>5877</v>
      </c>
      <c r="E9410" t="s">
        <v>5698</v>
      </c>
      <c r="F9410" t="s">
        <v>5699</v>
      </c>
      <c r="G9410" t="s">
        <v>80</v>
      </c>
      <c r="H9410" t="s">
        <v>81</v>
      </c>
      <c r="I9410" s="2">
        <v>0</v>
      </c>
      <c r="J9410" s="2">
        <v>1</v>
      </c>
      <c r="K9410" s="2">
        <v>0</v>
      </c>
      <c r="L9410" t="s">
        <v>82</v>
      </c>
      <c r="M9410" t="s">
        <v>83</v>
      </c>
      <c r="N9410" t="s">
        <v>84</v>
      </c>
      <c r="O9410" t="s">
        <v>85</v>
      </c>
      <c r="P9410" t="s">
        <v>86</v>
      </c>
      <c r="Q9410">
        <v>146</v>
      </c>
      <c r="R9410">
        <v>147</v>
      </c>
      <c r="S9410">
        <v>149</v>
      </c>
      <c r="T9410">
        <v>150</v>
      </c>
      <c r="U9410">
        <v>152</v>
      </c>
      <c r="V9410">
        <v>153</v>
      </c>
      <c r="W9410">
        <v>155</v>
      </c>
      <c r="X9410">
        <v>156</v>
      </c>
      <c r="Y9410">
        <v>157</v>
      </c>
      <c r="Z9410">
        <v>159</v>
      </c>
      <c r="AA9410">
        <v>160</v>
      </c>
      <c r="AB9410">
        <v>161</v>
      </c>
      <c r="AC9410">
        <v>163</v>
      </c>
      <c r="AD9410">
        <v>164</v>
      </c>
      <c r="AE9410">
        <v>165</v>
      </c>
      <c r="AF9410">
        <v>166</v>
      </c>
      <c r="AG9410">
        <v>168</v>
      </c>
      <c r="AH9410">
        <v>169</v>
      </c>
      <c r="AI9410">
        <v>170</v>
      </c>
      <c r="AJ9410">
        <v>171</v>
      </c>
      <c r="AK9410">
        <v>172</v>
      </c>
      <c r="AL9410">
        <v>172</v>
      </c>
      <c r="AM9410">
        <v>172</v>
      </c>
      <c r="AN9410">
        <v>171</v>
      </c>
      <c r="AO9410">
        <v>171</v>
      </c>
      <c r="AP9410">
        <v>170</v>
      </c>
      <c r="AQ9410">
        <v>170</v>
      </c>
    </row>
    <row r="9411" spans="1:43">
      <c r="A9411" t="s">
        <v>5874</v>
      </c>
      <c r="B9411" t="s">
        <v>5875</v>
      </c>
      <c r="C9411" t="s">
        <v>5876</v>
      </c>
      <c r="D9411" t="s">
        <v>5877</v>
      </c>
      <c r="E9411" t="s">
        <v>5698</v>
      </c>
      <c r="F9411" t="s">
        <v>5699</v>
      </c>
      <c r="G9411" t="s">
        <v>80</v>
      </c>
      <c r="H9411" t="s">
        <v>81</v>
      </c>
      <c r="I9411" s="2">
        <v>0</v>
      </c>
      <c r="J9411" s="2">
        <v>1</v>
      </c>
      <c r="K9411" s="2">
        <v>0</v>
      </c>
      <c r="L9411" t="s">
        <v>82</v>
      </c>
      <c r="M9411" t="s">
        <v>87</v>
      </c>
      <c r="N9411" t="s">
        <v>88</v>
      </c>
      <c r="O9411" t="s">
        <v>85</v>
      </c>
      <c r="P9411" t="s">
        <v>86</v>
      </c>
      <c r="Q9411">
        <v>146</v>
      </c>
      <c r="R9411">
        <v>146</v>
      </c>
      <c r="S9411">
        <v>146</v>
      </c>
      <c r="T9411">
        <v>146</v>
      </c>
      <c r="U9411">
        <v>146</v>
      </c>
      <c r="V9411">
        <v>146</v>
      </c>
      <c r="W9411">
        <v>146</v>
      </c>
      <c r="X9411">
        <v>146</v>
      </c>
      <c r="Y9411">
        <v>147</v>
      </c>
      <c r="Z9411">
        <v>147</v>
      </c>
      <c r="AA9411">
        <v>147</v>
      </c>
      <c r="AB9411">
        <v>147</v>
      </c>
      <c r="AC9411">
        <v>147</v>
      </c>
      <c r="AD9411">
        <v>147</v>
      </c>
      <c r="AE9411">
        <v>147</v>
      </c>
      <c r="AF9411">
        <v>147</v>
      </c>
      <c r="AG9411">
        <v>147</v>
      </c>
      <c r="AH9411">
        <v>147</v>
      </c>
      <c r="AI9411">
        <v>147</v>
      </c>
      <c r="AJ9411">
        <v>148</v>
      </c>
      <c r="AK9411">
        <v>148</v>
      </c>
      <c r="AL9411">
        <v>148</v>
      </c>
      <c r="AM9411">
        <v>148</v>
      </c>
      <c r="AN9411">
        <v>148</v>
      </c>
      <c r="AO9411">
        <v>148</v>
      </c>
      <c r="AP9411">
        <v>148</v>
      </c>
      <c r="AQ9411">
        <v>148</v>
      </c>
    </row>
    <row r="9412" spans="1:43">
      <c r="A9412" t="s">
        <v>5874</v>
      </c>
      <c r="B9412" t="s">
        <v>5875</v>
      </c>
      <c r="C9412" t="s">
        <v>5876</v>
      </c>
      <c r="D9412" t="s">
        <v>5877</v>
      </c>
      <c r="E9412" t="s">
        <v>5698</v>
      </c>
      <c r="F9412" t="s">
        <v>5699</v>
      </c>
      <c r="G9412" t="s">
        <v>80</v>
      </c>
      <c r="H9412" t="s">
        <v>81</v>
      </c>
      <c r="I9412" s="2">
        <v>0</v>
      </c>
      <c r="J9412" s="2">
        <v>1</v>
      </c>
      <c r="K9412" s="2">
        <v>0</v>
      </c>
      <c r="L9412" t="s">
        <v>82</v>
      </c>
      <c r="M9412" t="s">
        <v>89</v>
      </c>
      <c r="N9412" t="s">
        <v>90</v>
      </c>
      <c r="O9412" t="s">
        <v>85</v>
      </c>
      <c r="P9412" t="s">
        <v>86</v>
      </c>
      <c r="Q9412">
        <v>146</v>
      </c>
      <c r="R9412">
        <v>149</v>
      </c>
      <c r="S9412">
        <v>152</v>
      </c>
      <c r="T9412">
        <v>154</v>
      </c>
      <c r="U9412">
        <v>157</v>
      </c>
      <c r="V9412">
        <v>159</v>
      </c>
      <c r="W9412">
        <v>162</v>
      </c>
      <c r="X9412">
        <v>164</v>
      </c>
      <c r="Y9412">
        <v>166</v>
      </c>
      <c r="Z9412">
        <v>168</v>
      </c>
      <c r="AA9412">
        <v>170</v>
      </c>
      <c r="AB9412">
        <v>171</v>
      </c>
      <c r="AC9412">
        <v>174</v>
      </c>
      <c r="AD9412">
        <v>175</v>
      </c>
      <c r="AE9412">
        <v>176</v>
      </c>
      <c r="AF9412">
        <v>176</v>
      </c>
      <c r="AG9412">
        <v>175</v>
      </c>
      <c r="AH9412">
        <v>175</v>
      </c>
      <c r="AI9412">
        <v>174</v>
      </c>
      <c r="AJ9412">
        <v>174</v>
      </c>
      <c r="AK9412">
        <v>173</v>
      </c>
      <c r="AL9412">
        <v>173</v>
      </c>
      <c r="AM9412">
        <v>172</v>
      </c>
      <c r="AN9412">
        <v>172</v>
      </c>
      <c r="AO9412">
        <v>171</v>
      </c>
      <c r="AP9412">
        <v>171</v>
      </c>
      <c r="AQ9412">
        <v>170</v>
      </c>
    </row>
    <row r="9413" spans="1:43">
      <c r="A9413" t="s">
        <v>5874</v>
      </c>
      <c r="B9413" t="s">
        <v>5875</v>
      </c>
      <c r="C9413" t="s">
        <v>5876</v>
      </c>
      <c r="D9413" t="s">
        <v>5877</v>
      </c>
      <c r="E9413" t="s">
        <v>5698</v>
      </c>
      <c r="F9413" t="s">
        <v>5699</v>
      </c>
      <c r="G9413" t="s">
        <v>80</v>
      </c>
      <c r="H9413" t="s">
        <v>81</v>
      </c>
      <c r="I9413" s="2">
        <v>0</v>
      </c>
      <c r="J9413" s="2">
        <v>1</v>
      </c>
      <c r="K9413" s="2">
        <v>0</v>
      </c>
      <c r="L9413" t="s">
        <v>82</v>
      </c>
      <c r="M9413" t="s">
        <v>83</v>
      </c>
      <c r="N9413" t="s">
        <v>91</v>
      </c>
      <c r="O9413" t="s">
        <v>85</v>
      </c>
      <c r="P9413" t="s">
        <v>86</v>
      </c>
      <c r="Q9413">
        <v>146</v>
      </c>
      <c r="R9413">
        <v>147</v>
      </c>
      <c r="S9413">
        <v>149</v>
      </c>
      <c r="T9413">
        <v>150</v>
      </c>
      <c r="U9413">
        <v>152</v>
      </c>
      <c r="V9413">
        <v>153</v>
      </c>
      <c r="W9413">
        <v>155</v>
      </c>
      <c r="X9413">
        <v>156</v>
      </c>
      <c r="Y9413">
        <v>157</v>
      </c>
      <c r="Z9413">
        <v>159</v>
      </c>
      <c r="AA9413">
        <v>160</v>
      </c>
      <c r="AB9413">
        <v>161</v>
      </c>
      <c r="AC9413">
        <v>163</v>
      </c>
      <c r="AD9413">
        <v>164</v>
      </c>
      <c r="AE9413">
        <v>165</v>
      </c>
      <c r="AF9413">
        <v>166</v>
      </c>
      <c r="AG9413">
        <v>168</v>
      </c>
      <c r="AH9413">
        <v>169</v>
      </c>
      <c r="AI9413">
        <v>170</v>
      </c>
      <c r="AJ9413">
        <v>171</v>
      </c>
      <c r="AK9413">
        <v>172</v>
      </c>
      <c r="AL9413">
        <v>172</v>
      </c>
      <c r="AM9413">
        <v>172</v>
      </c>
      <c r="AN9413">
        <v>171</v>
      </c>
      <c r="AO9413">
        <v>171</v>
      </c>
      <c r="AP9413">
        <v>170</v>
      </c>
      <c r="AQ9413">
        <v>170</v>
      </c>
    </row>
    <row r="9414" spans="1:43">
      <c r="A9414" t="s">
        <v>5878</v>
      </c>
      <c r="B9414" t="s">
        <v>5879</v>
      </c>
      <c r="C9414" t="s">
        <v>5696</v>
      </c>
      <c r="D9414" t="s">
        <v>5697</v>
      </c>
      <c r="E9414" t="s">
        <v>5698</v>
      </c>
      <c r="F9414" t="s">
        <v>5699</v>
      </c>
      <c r="G9414" t="s">
        <v>80</v>
      </c>
      <c r="H9414" t="s">
        <v>81</v>
      </c>
      <c r="I9414" s="2">
        <v>0</v>
      </c>
      <c r="J9414" s="2">
        <v>1</v>
      </c>
      <c r="K9414" s="2">
        <v>0</v>
      </c>
      <c r="L9414" t="s">
        <v>82</v>
      </c>
      <c r="M9414" t="s">
        <v>83</v>
      </c>
      <c r="N9414" t="s">
        <v>84</v>
      </c>
      <c r="O9414" t="s">
        <v>85</v>
      </c>
      <c r="P9414" t="s">
        <v>86</v>
      </c>
      <c r="Q9414">
        <v>103</v>
      </c>
      <c r="R9414">
        <v>104</v>
      </c>
      <c r="S9414">
        <v>105</v>
      </c>
      <c r="T9414">
        <v>106</v>
      </c>
      <c r="U9414">
        <v>107</v>
      </c>
      <c r="V9414">
        <v>108</v>
      </c>
      <c r="W9414">
        <v>109</v>
      </c>
      <c r="X9414">
        <v>110</v>
      </c>
      <c r="Y9414">
        <v>111</v>
      </c>
      <c r="Z9414">
        <v>112</v>
      </c>
      <c r="AA9414">
        <v>113</v>
      </c>
      <c r="AB9414">
        <v>114</v>
      </c>
      <c r="AC9414">
        <v>115</v>
      </c>
      <c r="AD9414">
        <v>116</v>
      </c>
      <c r="AE9414">
        <v>117</v>
      </c>
      <c r="AF9414">
        <v>118</v>
      </c>
      <c r="AG9414">
        <v>119</v>
      </c>
      <c r="AH9414">
        <v>120</v>
      </c>
      <c r="AI9414">
        <v>120</v>
      </c>
      <c r="AJ9414">
        <v>121</v>
      </c>
      <c r="AK9414">
        <v>122</v>
      </c>
      <c r="AL9414">
        <v>122</v>
      </c>
      <c r="AM9414">
        <v>122</v>
      </c>
      <c r="AN9414">
        <v>122</v>
      </c>
      <c r="AO9414">
        <v>121</v>
      </c>
      <c r="AP9414">
        <v>121</v>
      </c>
      <c r="AQ9414">
        <v>121</v>
      </c>
    </row>
    <row r="9415" spans="1:43">
      <c r="A9415" t="s">
        <v>5878</v>
      </c>
      <c r="B9415" t="s">
        <v>5879</v>
      </c>
      <c r="C9415" t="s">
        <v>5696</v>
      </c>
      <c r="D9415" t="s">
        <v>5697</v>
      </c>
      <c r="E9415" t="s">
        <v>5698</v>
      </c>
      <c r="F9415" t="s">
        <v>5699</v>
      </c>
      <c r="G9415" t="s">
        <v>80</v>
      </c>
      <c r="H9415" t="s">
        <v>81</v>
      </c>
      <c r="I9415" s="2">
        <v>0</v>
      </c>
      <c r="J9415" s="2">
        <v>1</v>
      </c>
      <c r="K9415" s="2">
        <v>0</v>
      </c>
      <c r="L9415" t="s">
        <v>82</v>
      </c>
      <c r="M9415" t="s">
        <v>87</v>
      </c>
      <c r="N9415" t="s">
        <v>88</v>
      </c>
      <c r="O9415" t="s">
        <v>85</v>
      </c>
      <c r="P9415" t="s">
        <v>86</v>
      </c>
      <c r="Q9415">
        <v>103</v>
      </c>
      <c r="R9415">
        <v>103</v>
      </c>
      <c r="S9415">
        <v>103</v>
      </c>
      <c r="T9415">
        <v>104</v>
      </c>
      <c r="U9415">
        <v>104</v>
      </c>
      <c r="V9415">
        <v>104</v>
      </c>
      <c r="W9415">
        <v>104</v>
      </c>
      <c r="X9415">
        <v>104</v>
      </c>
      <c r="Y9415">
        <v>104</v>
      </c>
      <c r="Z9415">
        <v>104</v>
      </c>
      <c r="AA9415">
        <v>104</v>
      </c>
      <c r="AB9415">
        <v>104</v>
      </c>
      <c r="AC9415">
        <v>104</v>
      </c>
      <c r="AD9415">
        <v>104</v>
      </c>
      <c r="AE9415">
        <v>105</v>
      </c>
      <c r="AF9415">
        <v>105</v>
      </c>
      <c r="AG9415">
        <v>105</v>
      </c>
      <c r="AH9415">
        <v>105</v>
      </c>
      <c r="AI9415">
        <v>105</v>
      </c>
      <c r="AJ9415">
        <v>105</v>
      </c>
      <c r="AK9415">
        <v>105</v>
      </c>
      <c r="AL9415">
        <v>105</v>
      </c>
      <c r="AM9415">
        <v>105</v>
      </c>
      <c r="AN9415">
        <v>105</v>
      </c>
      <c r="AO9415">
        <v>105</v>
      </c>
      <c r="AP9415">
        <v>105</v>
      </c>
      <c r="AQ9415">
        <v>105</v>
      </c>
    </row>
    <row r="9416" spans="1:43">
      <c r="A9416" t="s">
        <v>5878</v>
      </c>
      <c r="B9416" t="s">
        <v>5879</v>
      </c>
      <c r="C9416" t="s">
        <v>5696</v>
      </c>
      <c r="D9416" t="s">
        <v>5697</v>
      </c>
      <c r="E9416" t="s">
        <v>5698</v>
      </c>
      <c r="F9416" t="s">
        <v>5699</v>
      </c>
      <c r="G9416" t="s">
        <v>80</v>
      </c>
      <c r="H9416" t="s">
        <v>81</v>
      </c>
      <c r="I9416" s="2">
        <v>0</v>
      </c>
      <c r="J9416" s="2">
        <v>1</v>
      </c>
      <c r="K9416" s="2">
        <v>0</v>
      </c>
      <c r="L9416" t="s">
        <v>82</v>
      </c>
      <c r="M9416" t="s">
        <v>89</v>
      </c>
      <c r="N9416" t="s">
        <v>90</v>
      </c>
      <c r="O9416" t="s">
        <v>85</v>
      </c>
      <c r="P9416" t="s">
        <v>86</v>
      </c>
      <c r="Q9416">
        <v>103</v>
      </c>
      <c r="R9416">
        <v>105</v>
      </c>
      <c r="S9416">
        <v>107</v>
      </c>
      <c r="T9416">
        <v>109</v>
      </c>
      <c r="U9416">
        <v>111</v>
      </c>
      <c r="V9416">
        <v>112</v>
      </c>
      <c r="W9416">
        <v>114</v>
      </c>
      <c r="X9416">
        <v>116</v>
      </c>
      <c r="Y9416">
        <v>117</v>
      </c>
      <c r="Z9416">
        <v>118</v>
      </c>
      <c r="AA9416">
        <v>120</v>
      </c>
      <c r="AB9416">
        <v>121</v>
      </c>
      <c r="AC9416">
        <v>123</v>
      </c>
      <c r="AD9416">
        <v>124</v>
      </c>
      <c r="AE9416">
        <v>125</v>
      </c>
      <c r="AF9416">
        <v>124</v>
      </c>
      <c r="AG9416">
        <v>124</v>
      </c>
      <c r="AH9416">
        <v>124</v>
      </c>
      <c r="AI9416">
        <v>123</v>
      </c>
      <c r="AJ9416">
        <v>123</v>
      </c>
      <c r="AK9416">
        <v>123</v>
      </c>
      <c r="AL9416">
        <v>122</v>
      </c>
      <c r="AM9416">
        <v>122</v>
      </c>
      <c r="AN9416">
        <v>122</v>
      </c>
      <c r="AO9416">
        <v>121</v>
      </c>
      <c r="AP9416">
        <v>121</v>
      </c>
      <c r="AQ9416">
        <v>121</v>
      </c>
    </row>
    <row r="9417" spans="1:43">
      <c r="A9417" t="s">
        <v>5878</v>
      </c>
      <c r="B9417" t="s">
        <v>5879</v>
      </c>
      <c r="C9417" t="s">
        <v>5696</v>
      </c>
      <c r="D9417" t="s">
        <v>5697</v>
      </c>
      <c r="E9417" t="s">
        <v>5698</v>
      </c>
      <c r="F9417" t="s">
        <v>5699</v>
      </c>
      <c r="G9417" t="s">
        <v>80</v>
      </c>
      <c r="H9417" t="s">
        <v>81</v>
      </c>
      <c r="I9417" s="2">
        <v>0</v>
      </c>
      <c r="J9417" s="2">
        <v>1</v>
      </c>
      <c r="K9417" s="2">
        <v>0</v>
      </c>
      <c r="L9417" t="s">
        <v>82</v>
      </c>
      <c r="M9417" t="s">
        <v>83</v>
      </c>
      <c r="N9417" t="s">
        <v>91</v>
      </c>
      <c r="O9417" t="s">
        <v>85</v>
      </c>
      <c r="P9417" t="s">
        <v>86</v>
      </c>
      <c r="Q9417">
        <v>103</v>
      </c>
      <c r="R9417">
        <v>104</v>
      </c>
      <c r="S9417">
        <v>105</v>
      </c>
      <c r="T9417">
        <v>106</v>
      </c>
      <c r="U9417">
        <v>107</v>
      </c>
      <c r="V9417">
        <v>108</v>
      </c>
      <c r="W9417">
        <v>109</v>
      </c>
      <c r="X9417">
        <v>110</v>
      </c>
      <c r="Y9417">
        <v>111</v>
      </c>
      <c r="Z9417">
        <v>112</v>
      </c>
      <c r="AA9417">
        <v>113</v>
      </c>
      <c r="AB9417">
        <v>114</v>
      </c>
      <c r="AC9417">
        <v>115</v>
      </c>
      <c r="AD9417">
        <v>116</v>
      </c>
      <c r="AE9417">
        <v>117</v>
      </c>
      <c r="AF9417">
        <v>118</v>
      </c>
      <c r="AG9417">
        <v>119</v>
      </c>
      <c r="AH9417">
        <v>120</v>
      </c>
      <c r="AI9417">
        <v>120</v>
      </c>
      <c r="AJ9417">
        <v>121</v>
      </c>
      <c r="AK9417">
        <v>122</v>
      </c>
      <c r="AL9417">
        <v>122</v>
      </c>
      <c r="AM9417">
        <v>122</v>
      </c>
      <c r="AN9417">
        <v>122</v>
      </c>
      <c r="AO9417">
        <v>121</v>
      </c>
      <c r="AP9417">
        <v>121</v>
      </c>
      <c r="AQ9417">
        <v>121</v>
      </c>
    </row>
    <row r="9418" spans="1:43">
      <c r="A9418" t="s">
        <v>5880</v>
      </c>
      <c r="B9418" t="s">
        <v>5881</v>
      </c>
      <c r="C9418" t="s">
        <v>5876</v>
      </c>
      <c r="D9418" t="s">
        <v>5877</v>
      </c>
      <c r="E9418" t="s">
        <v>5698</v>
      </c>
      <c r="F9418" t="s">
        <v>5699</v>
      </c>
      <c r="G9418" t="s">
        <v>80</v>
      </c>
      <c r="H9418" t="s">
        <v>81</v>
      </c>
      <c r="I9418" s="2">
        <v>0</v>
      </c>
      <c r="J9418" s="2">
        <v>1</v>
      </c>
      <c r="K9418" s="2">
        <v>0</v>
      </c>
      <c r="L9418" t="s">
        <v>82</v>
      </c>
      <c r="M9418" t="s">
        <v>83</v>
      </c>
      <c r="N9418" t="s">
        <v>84</v>
      </c>
      <c r="O9418" t="s">
        <v>85</v>
      </c>
      <c r="P9418" t="s">
        <v>86</v>
      </c>
      <c r="Q9418">
        <v>151</v>
      </c>
      <c r="R9418">
        <v>153</v>
      </c>
      <c r="S9418">
        <v>155</v>
      </c>
      <c r="T9418">
        <v>156</v>
      </c>
      <c r="U9418">
        <v>158</v>
      </c>
      <c r="V9418">
        <v>159</v>
      </c>
      <c r="W9418">
        <v>161</v>
      </c>
      <c r="X9418">
        <v>162</v>
      </c>
      <c r="Y9418">
        <v>164</v>
      </c>
      <c r="Z9418">
        <v>165</v>
      </c>
      <c r="AA9418">
        <v>167</v>
      </c>
      <c r="AB9418">
        <v>168</v>
      </c>
      <c r="AC9418">
        <v>169</v>
      </c>
      <c r="AD9418">
        <v>171</v>
      </c>
      <c r="AE9418">
        <v>172</v>
      </c>
      <c r="AF9418">
        <v>173</v>
      </c>
      <c r="AG9418">
        <v>175</v>
      </c>
      <c r="AH9418">
        <v>176</v>
      </c>
      <c r="AI9418">
        <v>177</v>
      </c>
      <c r="AJ9418">
        <v>178</v>
      </c>
      <c r="AK9418">
        <v>179</v>
      </c>
      <c r="AL9418">
        <v>180</v>
      </c>
      <c r="AM9418">
        <v>179</v>
      </c>
      <c r="AN9418">
        <v>179</v>
      </c>
      <c r="AO9418">
        <v>178</v>
      </c>
      <c r="AP9418">
        <v>178</v>
      </c>
      <c r="AQ9418">
        <v>177</v>
      </c>
    </row>
    <row r="9419" spans="1:43">
      <c r="A9419" t="s">
        <v>5880</v>
      </c>
      <c r="B9419" t="s">
        <v>5881</v>
      </c>
      <c r="C9419" t="s">
        <v>5876</v>
      </c>
      <c r="D9419" t="s">
        <v>5877</v>
      </c>
      <c r="E9419" t="s">
        <v>5698</v>
      </c>
      <c r="F9419" t="s">
        <v>5699</v>
      </c>
      <c r="G9419" t="s">
        <v>80</v>
      </c>
      <c r="H9419" t="s">
        <v>81</v>
      </c>
      <c r="I9419" s="2">
        <v>0</v>
      </c>
      <c r="J9419" s="2">
        <v>1</v>
      </c>
      <c r="K9419" s="2">
        <v>0</v>
      </c>
      <c r="L9419" t="s">
        <v>82</v>
      </c>
      <c r="M9419" t="s">
        <v>87</v>
      </c>
      <c r="N9419" t="s">
        <v>88</v>
      </c>
      <c r="O9419" t="s">
        <v>85</v>
      </c>
      <c r="P9419" t="s">
        <v>86</v>
      </c>
      <c r="Q9419">
        <v>151</v>
      </c>
      <c r="R9419">
        <v>151</v>
      </c>
      <c r="S9419">
        <v>151</v>
      </c>
      <c r="T9419">
        <v>152</v>
      </c>
      <c r="U9419">
        <v>152</v>
      </c>
      <c r="V9419">
        <v>152</v>
      </c>
      <c r="W9419">
        <v>152</v>
      </c>
      <c r="X9419">
        <v>152</v>
      </c>
      <c r="Y9419">
        <v>152</v>
      </c>
      <c r="Z9419">
        <v>153</v>
      </c>
      <c r="AA9419">
        <v>153</v>
      </c>
      <c r="AB9419">
        <v>153</v>
      </c>
      <c r="AC9419">
        <v>153</v>
      </c>
      <c r="AD9419">
        <v>153</v>
      </c>
      <c r="AE9419">
        <v>153</v>
      </c>
      <c r="AF9419">
        <v>154</v>
      </c>
      <c r="AG9419">
        <v>154</v>
      </c>
      <c r="AH9419">
        <v>154</v>
      </c>
      <c r="AI9419">
        <v>154</v>
      </c>
      <c r="AJ9419">
        <v>154</v>
      </c>
      <c r="AK9419">
        <v>154</v>
      </c>
      <c r="AL9419">
        <v>154</v>
      </c>
      <c r="AM9419">
        <v>155</v>
      </c>
      <c r="AN9419">
        <v>155</v>
      </c>
      <c r="AO9419">
        <v>155</v>
      </c>
      <c r="AP9419">
        <v>155</v>
      </c>
      <c r="AQ9419">
        <v>155</v>
      </c>
    </row>
    <row r="9420" spans="1:43">
      <c r="A9420" t="s">
        <v>5880</v>
      </c>
      <c r="B9420" t="s">
        <v>5881</v>
      </c>
      <c r="C9420" t="s">
        <v>5876</v>
      </c>
      <c r="D9420" t="s">
        <v>5877</v>
      </c>
      <c r="E9420" t="s">
        <v>5698</v>
      </c>
      <c r="F9420" t="s">
        <v>5699</v>
      </c>
      <c r="G9420" t="s">
        <v>80</v>
      </c>
      <c r="H9420" t="s">
        <v>81</v>
      </c>
      <c r="I9420" s="2">
        <v>0</v>
      </c>
      <c r="J9420" s="2">
        <v>1</v>
      </c>
      <c r="K9420" s="2">
        <v>0</v>
      </c>
      <c r="L9420" t="s">
        <v>82</v>
      </c>
      <c r="M9420" t="s">
        <v>89</v>
      </c>
      <c r="N9420" t="s">
        <v>90</v>
      </c>
      <c r="O9420" t="s">
        <v>85</v>
      </c>
      <c r="P9420" t="s">
        <v>86</v>
      </c>
      <c r="Q9420">
        <v>151</v>
      </c>
      <c r="R9420">
        <v>154</v>
      </c>
      <c r="S9420">
        <v>157</v>
      </c>
      <c r="T9420">
        <v>159</v>
      </c>
      <c r="U9420">
        <v>162</v>
      </c>
      <c r="V9420">
        <v>165</v>
      </c>
      <c r="W9420">
        <v>167</v>
      </c>
      <c r="X9420">
        <v>169</v>
      </c>
      <c r="Y9420">
        <v>171</v>
      </c>
      <c r="Z9420">
        <v>174</v>
      </c>
      <c r="AA9420">
        <v>175</v>
      </c>
      <c r="AB9420">
        <v>177</v>
      </c>
      <c r="AC9420">
        <v>179</v>
      </c>
      <c r="AD9420">
        <v>181</v>
      </c>
      <c r="AE9420">
        <v>182</v>
      </c>
      <c r="AF9420">
        <v>182</v>
      </c>
      <c r="AG9420">
        <v>181</v>
      </c>
      <c r="AH9420">
        <v>181</v>
      </c>
      <c r="AI9420">
        <v>181</v>
      </c>
      <c r="AJ9420">
        <v>180</v>
      </c>
      <c r="AK9420">
        <v>180</v>
      </c>
      <c r="AL9420">
        <v>179</v>
      </c>
      <c r="AM9420">
        <v>179</v>
      </c>
      <c r="AN9420">
        <v>178</v>
      </c>
      <c r="AO9420">
        <v>178</v>
      </c>
      <c r="AP9420">
        <v>177</v>
      </c>
      <c r="AQ9420">
        <v>177</v>
      </c>
    </row>
    <row r="9421" spans="1:43">
      <c r="A9421" t="s">
        <v>5880</v>
      </c>
      <c r="B9421" t="s">
        <v>5881</v>
      </c>
      <c r="C9421" t="s">
        <v>5876</v>
      </c>
      <c r="D9421" t="s">
        <v>5877</v>
      </c>
      <c r="E9421" t="s">
        <v>5698</v>
      </c>
      <c r="F9421" t="s">
        <v>5699</v>
      </c>
      <c r="G9421" t="s">
        <v>80</v>
      </c>
      <c r="H9421" t="s">
        <v>81</v>
      </c>
      <c r="I9421" s="2">
        <v>0</v>
      </c>
      <c r="J9421" s="2">
        <v>1</v>
      </c>
      <c r="K9421" s="2">
        <v>0</v>
      </c>
      <c r="L9421" t="s">
        <v>82</v>
      </c>
      <c r="M9421" t="s">
        <v>83</v>
      </c>
      <c r="N9421" t="s">
        <v>91</v>
      </c>
      <c r="O9421" t="s">
        <v>85</v>
      </c>
      <c r="P9421" t="s">
        <v>86</v>
      </c>
      <c r="Q9421">
        <v>151</v>
      </c>
      <c r="R9421">
        <v>153</v>
      </c>
      <c r="S9421">
        <v>155</v>
      </c>
      <c r="T9421">
        <v>156</v>
      </c>
      <c r="U9421">
        <v>158</v>
      </c>
      <c r="V9421">
        <v>159</v>
      </c>
      <c r="W9421">
        <v>161</v>
      </c>
      <c r="X9421">
        <v>162</v>
      </c>
      <c r="Y9421">
        <v>164</v>
      </c>
      <c r="Z9421">
        <v>165</v>
      </c>
      <c r="AA9421">
        <v>167</v>
      </c>
      <c r="AB9421">
        <v>168</v>
      </c>
      <c r="AC9421">
        <v>169</v>
      </c>
      <c r="AD9421">
        <v>171</v>
      </c>
      <c r="AE9421">
        <v>172</v>
      </c>
      <c r="AF9421">
        <v>173</v>
      </c>
      <c r="AG9421">
        <v>175</v>
      </c>
      <c r="AH9421">
        <v>176</v>
      </c>
      <c r="AI9421">
        <v>177</v>
      </c>
      <c r="AJ9421">
        <v>178</v>
      </c>
      <c r="AK9421">
        <v>179</v>
      </c>
      <c r="AL9421">
        <v>180</v>
      </c>
      <c r="AM9421">
        <v>179</v>
      </c>
      <c r="AN9421">
        <v>179</v>
      </c>
      <c r="AO9421">
        <v>178</v>
      </c>
      <c r="AP9421">
        <v>178</v>
      </c>
      <c r="AQ9421">
        <v>177</v>
      </c>
    </row>
    <row r="9422" spans="1:43">
      <c r="A9422" t="s">
        <v>5882</v>
      </c>
      <c r="B9422" t="s">
        <v>5883</v>
      </c>
      <c r="C9422" t="s">
        <v>5876</v>
      </c>
      <c r="D9422" t="s">
        <v>5877</v>
      </c>
      <c r="E9422" t="s">
        <v>5698</v>
      </c>
      <c r="F9422" t="s">
        <v>5699</v>
      </c>
      <c r="G9422" t="s">
        <v>80</v>
      </c>
      <c r="H9422" t="s">
        <v>81</v>
      </c>
      <c r="I9422" s="2">
        <v>0</v>
      </c>
      <c r="J9422" s="2">
        <v>1</v>
      </c>
      <c r="K9422" s="2">
        <v>0</v>
      </c>
      <c r="L9422" t="s">
        <v>82</v>
      </c>
      <c r="M9422" t="s">
        <v>83</v>
      </c>
      <c r="N9422" t="s">
        <v>84</v>
      </c>
      <c r="O9422" t="s">
        <v>85</v>
      </c>
      <c r="P9422" t="s">
        <v>86</v>
      </c>
      <c r="Q9422">
        <v>50</v>
      </c>
      <c r="R9422">
        <v>50</v>
      </c>
      <c r="S9422">
        <v>51</v>
      </c>
      <c r="T9422">
        <v>51</v>
      </c>
      <c r="U9422">
        <v>52</v>
      </c>
      <c r="V9422">
        <v>52</v>
      </c>
      <c r="W9422">
        <v>53</v>
      </c>
      <c r="X9422">
        <v>53</v>
      </c>
      <c r="Y9422">
        <v>54</v>
      </c>
      <c r="Z9422">
        <v>54</v>
      </c>
      <c r="AA9422">
        <v>55</v>
      </c>
      <c r="AB9422">
        <v>55</v>
      </c>
      <c r="AC9422">
        <v>55</v>
      </c>
      <c r="AD9422">
        <v>56</v>
      </c>
      <c r="AE9422">
        <v>56</v>
      </c>
      <c r="AF9422">
        <v>57</v>
      </c>
      <c r="AG9422">
        <v>57</v>
      </c>
      <c r="AH9422">
        <v>58</v>
      </c>
      <c r="AI9422">
        <v>58</v>
      </c>
      <c r="AJ9422">
        <v>58</v>
      </c>
      <c r="AK9422">
        <v>59</v>
      </c>
      <c r="AL9422">
        <v>59</v>
      </c>
      <c r="AM9422">
        <v>59</v>
      </c>
      <c r="AN9422">
        <v>59</v>
      </c>
      <c r="AO9422">
        <v>58</v>
      </c>
      <c r="AP9422">
        <v>58</v>
      </c>
      <c r="AQ9422">
        <v>58</v>
      </c>
    </row>
    <row r="9423" spans="1:43">
      <c r="A9423" t="s">
        <v>5882</v>
      </c>
      <c r="B9423" t="s">
        <v>5883</v>
      </c>
      <c r="C9423" t="s">
        <v>5876</v>
      </c>
      <c r="D9423" t="s">
        <v>5877</v>
      </c>
      <c r="E9423" t="s">
        <v>5698</v>
      </c>
      <c r="F9423" t="s">
        <v>5699</v>
      </c>
      <c r="G9423" t="s">
        <v>80</v>
      </c>
      <c r="H9423" t="s">
        <v>81</v>
      </c>
      <c r="I9423" s="2">
        <v>0</v>
      </c>
      <c r="J9423" s="2">
        <v>1</v>
      </c>
      <c r="K9423" s="2">
        <v>0</v>
      </c>
      <c r="L9423" t="s">
        <v>82</v>
      </c>
      <c r="M9423" t="s">
        <v>87</v>
      </c>
      <c r="N9423" t="s">
        <v>88</v>
      </c>
      <c r="O9423" t="s">
        <v>85</v>
      </c>
      <c r="P9423" t="s">
        <v>86</v>
      </c>
      <c r="Q9423">
        <v>50</v>
      </c>
      <c r="R9423">
        <v>50</v>
      </c>
      <c r="S9423">
        <v>50</v>
      </c>
      <c r="T9423">
        <v>50</v>
      </c>
      <c r="U9423">
        <v>50</v>
      </c>
      <c r="V9423">
        <v>50</v>
      </c>
      <c r="W9423">
        <v>50</v>
      </c>
      <c r="X9423">
        <v>51</v>
      </c>
      <c r="Y9423">
        <v>51</v>
      </c>
      <c r="Z9423">
        <v>51</v>
      </c>
      <c r="AA9423">
        <v>51</v>
      </c>
      <c r="AB9423">
        <v>51</v>
      </c>
      <c r="AC9423">
        <v>51</v>
      </c>
      <c r="AD9423">
        <v>51</v>
      </c>
      <c r="AE9423">
        <v>51</v>
      </c>
      <c r="AF9423">
        <v>51</v>
      </c>
      <c r="AG9423">
        <v>51</v>
      </c>
      <c r="AH9423">
        <v>51</v>
      </c>
      <c r="AI9423">
        <v>51</v>
      </c>
      <c r="AJ9423">
        <v>51</v>
      </c>
      <c r="AK9423">
        <v>51</v>
      </c>
      <c r="AL9423">
        <v>51</v>
      </c>
      <c r="AM9423">
        <v>51</v>
      </c>
      <c r="AN9423">
        <v>51</v>
      </c>
      <c r="AO9423">
        <v>51</v>
      </c>
      <c r="AP9423">
        <v>51</v>
      </c>
      <c r="AQ9423">
        <v>51</v>
      </c>
    </row>
    <row r="9424" spans="1:43">
      <c r="A9424" t="s">
        <v>5882</v>
      </c>
      <c r="B9424" t="s">
        <v>5883</v>
      </c>
      <c r="C9424" t="s">
        <v>5876</v>
      </c>
      <c r="D9424" t="s">
        <v>5877</v>
      </c>
      <c r="E9424" t="s">
        <v>5698</v>
      </c>
      <c r="F9424" t="s">
        <v>5699</v>
      </c>
      <c r="G9424" t="s">
        <v>80</v>
      </c>
      <c r="H9424" t="s">
        <v>81</v>
      </c>
      <c r="I9424" s="2">
        <v>0</v>
      </c>
      <c r="J9424" s="2">
        <v>1</v>
      </c>
      <c r="K9424" s="2">
        <v>0</v>
      </c>
      <c r="L9424" t="s">
        <v>82</v>
      </c>
      <c r="M9424" t="s">
        <v>89</v>
      </c>
      <c r="N9424" t="s">
        <v>90</v>
      </c>
      <c r="O9424" t="s">
        <v>85</v>
      </c>
      <c r="P9424" t="s">
        <v>86</v>
      </c>
      <c r="Q9424">
        <v>50</v>
      </c>
      <c r="R9424">
        <v>51</v>
      </c>
      <c r="S9424">
        <v>52</v>
      </c>
      <c r="T9424">
        <v>53</v>
      </c>
      <c r="U9424">
        <v>54</v>
      </c>
      <c r="V9424">
        <v>55</v>
      </c>
      <c r="W9424">
        <v>55</v>
      </c>
      <c r="X9424">
        <v>56</v>
      </c>
      <c r="Y9424">
        <v>57</v>
      </c>
      <c r="Z9424">
        <v>57</v>
      </c>
      <c r="AA9424">
        <v>58</v>
      </c>
      <c r="AB9424">
        <v>59</v>
      </c>
      <c r="AC9424">
        <v>59</v>
      </c>
      <c r="AD9424">
        <v>60</v>
      </c>
      <c r="AE9424">
        <v>60</v>
      </c>
      <c r="AF9424">
        <v>60</v>
      </c>
      <c r="AG9424">
        <v>60</v>
      </c>
      <c r="AH9424">
        <v>60</v>
      </c>
      <c r="AI9424">
        <v>60</v>
      </c>
      <c r="AJ9424">
        <v>60</v>
      </c>
      <c r="AK9424">
        <v>60</v>
      </c>
      <c r="AL9424">
        <v>59</v>
      </c>
      <c r="AM9424">
        <v>59</v>
      </c>
      <c r="AN9424">
        <v>59</v>
      </c>
      <c r="AO9424">
        <v>59</v>
      </c>
      <c r="AP9424">
        <v>59</v>
      </c>
      <c r="AQ9424">
        <v>59</v>
      </c>
    </row>
    <row r="9425" spans="1:43">
      <c r="A9425" t="s">
        <v>5882</v>
      </c>
      <c r="B9425" t="s">
        <v>5883</v>
      </c>
      <c r="C9425" t="s">
        <v>5876</v>
      </c>
      <c r="D9425" t="s">
        <v>5877</v>
      </c>
      <c r="E9425" t="s">
        <v>5698</v>
      </c>
      <c r="F9425" t="s">
        <v>5699</v>
      </c>
      <c r="G9425" t="s">
        <v>80</v>
      </c>
      <c r="H9425" t="s">
        <v>81</v>
      </c>
      <c r="I9425" s="2">
        <v>0</v>
      </c>
      <c r="J9425" s="2">
        <v>1</v>
      </c>
      <c r="K9425" s="2">
        <v>0</v>
      </c>
      <c r="L9425" t="s">
        <v>82</v>
      </c>
      <c r="M9425" t="s">
        <v>83</v>
      </c>
      <c r="N9425" t="s">
        <v>91</v>
      </c>
      <c r="O9425" t="s">
        <v>85</v>
      </c>
      <c r="P9425" t="s">
        <v>86</v>
      </c>
      <c r="Q9425">
        <v>50</v>
      </c>
      <c r="R9425">
        <v>50</v>
      </c>
      <c r="S9425">
        <v>51</v>
      </c>
      <c r="T9425">
        <v>51</v>
      </c>
      <c r="U9425">
        <v>52</v>
      </c>
      <c r="V9425">
        <v>52</v>
      </c>
      <c r="W9425">
        <v>53</v>
      </c>
      <c r="X9425">
        <v>53</v>
      </c>
      <c r="Y9425">
        <v>54</v>
      </c>
      <c r="Z9425">
        <v>54</v>
      </c>
      <c r="AA9425">
        <v>55</v>
      </c>
      <c r="AB9425">
        <v>55</v>
      </c>
      <c r="AC9425">
        <v>55</v>
      </c>
      <c r="AD9425">
        <v>56</v>
      </c>
      <c r="AE9425">
        <v>56</v>
      </c>
      <c r="AF9425">
        <v>57</v>
      </c>
      <c r="AG9425">
        <v>57</v>
      </c>
      <c r="AH9425">
        <v>58</v>
      </c>
      <c r="AI9425">
        <v>58</v>
      </c>
      <c r="AJ9425">
        <v>58</v>
      </c>
      <c r="AK9425">
        <v>59</v>
      </c>
      <c r="AL9425">
        <v>59</v>
      </c>
      <c r="AM9425">
        <v>59</v>
      </c>
      <c r="AN9425">
        <v>59</v>
      </c>
      <c r="AO9425">
        <v>58</v>
      </c>
      <c r="AP9425">
        <v>58</v>
      </c>
      <c r="AQ9425">
        <v>58</v>
      </c>
    </row>
    <row r="9426" spans="1:43">
      <c r="A9426" t="s">
        <v>5884</v>
      </c>
      <c r="B9426" t="s">
        <v>5885</v>
      </c>
      <c r="C9426" t="s">
        <v>5876</v>
      </c>
      <c r="D9426" t="s">
        <v>5877</v>
      </c>
      <c r="E9426" t="s">
        <v>5698</v>
      </c>
      <c r="F9426" t="s">
        <v>5699</v>
      </c>
      <c r="G9426" t="s">
        <v>80</v>
      </c>
      <c r="H9426" t="s">
        <v>81</v>
      </c>
      <c r="I9426" s="2">
        <v>0</v>
      </c>
      <c r="J9426" s="2">
        <v>1</v>
      </c>
      <c r="K9426" s="2">
        <v>0</v>
      </c>
      <c r="L9426" t="s">
        <v>82</v>
      </c>
      <c r="M9426" t="s">
        <v>83</v>
      </c>
      <c r="N9426" t="s">
        <v>84</v>
      </c>
      <c r="O9426" t="s">
        <v>85</v>
      </c>
      <c r="P9426" t="s">
        <v>86</v>
      </c>
      <c r="Q9426">
        <v>163</v>
      </c>
      <c r="R9426">
        <v>165</v>
      </c>
      <c r="S9426">
        <v>166</v>
      </c>
      <c r="T9426">
        <v>168</v>
      </c>
      <c r="U9426">
        <v>170</v>
      </c>
      <c r="V9426">
        <v>171</v>
      </c>
      <c r="W9426">
        <v>173</v>
      </c>
      <c r="X9426">
        <v>174</v>
      </c>
      <c r="Y9426">
        <v>176</v>
      </c>
      <c r="Z9426">
        <v>177</v>
      </c>
      <c r="AA9426">
        <v>179</v>
      </c>
      <c r="AB9426">
        <v>180</v>
      </c>
      <c r="AC9426">
        <v>182</v>
      </c>
      <c r="AD9426">
        <v>183</v>
      </c>
      <c r="AE9426">
        <v>184</v>
      </c>
      <c r="AF9426">
        <v>186</v>
      </c>
      <c r="AG9426">
        <v>187</v>
      </c>
      <c r="AH9426">
        <v>188</v>
      </c>
      <c r="AI9426">
        <v>190</v>
      </c>
      <c r="AJ9426">
        <v>191</v>
      </c>
      <c r="AK9426">
        <v>192</v>
      </c>
      <c r="AL9426">
        <v>192</v>
      </c>
      <c r="AM9426">
        <v>192</v>
      </c>
      <c r="AN9426">
        <v>191</v>
      </c>
      <c r="AO9426">
        <v>190</v>
      </c>
      <c r="AP9426">
        <v>190</v>
      </c>
      <c r="AQ9426">
        <v>189</v>
      </c>
    </row>
    <row r="9427" spans="1:43">
      <c r="A9427" t="s">
        <v>5884</v>
      </c>
      <c r="B9427" t="s">
        <v>5885</v>
      </c>
      <c r="C9427" t="s">
        <v>5876</v>
      </c>
      <c r="D9427" t="s">
        <v>5877</v>
      </c>
      <c r="E9427" t="s">
        <v>5698</v>
      </c>
      <c r="F9427" t="s">
        <v>5699</v>
      </c>
      <c r="G9427" t="s">
        <v>80</v>
      </c>
      <c r="H9427" t="s">
        <v>81</v>
      </c>
      <c r="I9427" s="2">
        <v>0</v>
      </c>
      <c r="J9427" s="2">
        <v>1</v>
      </c>
      <c r="K9427" s="2">
        <v>0</v>
      </c>
      <c r="L9427" t="s">
        <v>82</v>
      </c>
      <c r="M9427" t="s">
        <v>87</v>
      </c>
      <c r="N9427" t="s">
        <v>88</v>
      </c>
      <c r="O9427" t="s">
        <v>85</v>
      </c>
      <c r="P9427" t="s">
        <v>86</v>
      </c>
      <c r="Q9427">
        <v>163</v>
      </c>
      <c r="R9427">
        <v>163</v>
      </c>
      <c r="S9427">
        <v>163</v>
      </c>
      <c r="T9427">
        <v>163</v>
      </c>
      <c r="U9427">
        <v>163</v>
      </c>
      <c r="V9427">
        <v>163</v>
      </c>
      <c r="W9427">
        <v>163</v>
      </c>
      <c r="X9427">
        <v>164</v>
      </c>
      <c r="Y9427">
        <v>164</v>
      </c>
      <c r="Z9427">
        <v>164</v>
      </c>
      <c r="AA9427">
        <v>164</v>
      </c>
      <c r="AB9427">
        <v>164</v>
      </c>
      <c r="AC9427">
        <v>164</v>
      </c>
      <c r="AD9427">
        <v>164</v>
      </c>
      <c r="AE9427">
        <v>164</v>
      </c>
      <c r="AF9427">
        <v>164</v>
      </c>
      <c r="AG9427">
        <v>165</v>
      </c>
      <c r="AH9427">
        <v>165</v>
      </c>
      <c r="AI9427">
        <v>165</v>
      </c>
      <c r="AJ9427">
        <v>165</v>
      </c>
      <c r="AK9427">
        <v>165</v>
      </c>
      <c r="AL9427">
        <v>165</v>
      </c>
      <c r="AM9427">
        <v>165</v>
      </c>
      <c r="AN9427">
        <v>165</v>
      </c>
      <c r="AO9427">
        <v>165</v>
      </c>
      <c r="AP9427">
        <v>165</v>
      </c>
      <c r="AQ9427">
        <v>165</v>
      </c>
    </row>
    <row r="9428" spans="1:43">
      <c r="A9428" t="s">
        <v>5884</v>
      </c>
      <c r="B9428" t="s">
        <v>5885</v>
      </c>
      <c r="C9428" t="s">
        <v>5876</v>
      </c>
      <c r="D9428" t="s">
        <v>5877</v>
      </c>
      <c r="E9428" t="s">
        <v>5698</v>
      </c>
      <c r="F9428" t="s">
        <v>5699</v>
      </c>
      <c r="G9428" t="s">
        <v>80</v>
      </c>
      <c r="H9428" t="s">
        <v>81</v>
      </c>
      <c r="I9428" s="2">
        <v>0</v>
      </c>
      <c r="J9428" s="2">
        <v>1</v>
      </c>
      <c r="K9428" s="2">
        <v>0</v>
      </c>
      <c r="L9428" t="s">
        <v>82</v>
      </c>
      <c r="M9428" t="s">
        <v>89</v>
      </c>
      <c r="N9428" t="s">
        <v>90</v>
      </c>
      <c r="O9428" t="s">
        <v>85</v>
      </c>
      <c r="P9428" t="s">
        <v>86</v>
      </c>
      <c r="Q9428">
        <v>163</v>
      </c>
      <c r="R9428">
        <v>166</v>
      </c>
      <c r="S9428">
        <v>169</v>
      </c>
      <c r="T9428">
        <v>172</v>
      </c>
      <c r="U9428">
        <v>174</v>
      </c>
      <c r="V9428">
        <v>177</v>
      </c>
      <c r="W9428">
        <v>180</v>
      </c>
      <c r="X9428">
        <v>182</v>
      </c>
      <c r="Y9428">
        <v>184</v>
      </c>
      <c r="Z9428">
        <v>187</v>
      </c>
      <c r="AA9428">
        <v>189</v>
      </c>
      <c r="AB9428">
        <v>191</v>
      </c>
      <c r="AC9428">
        <v>193</v>
      </c>
      <c r="AD9428">
        <v>195</v>
      </c>
      <c r="AE9428">
        <v>196</v>
      </c>
      <c r="AF9428">
        <v>195</v>
      </c>
      <c r="AG9428">
        <v>195</v>
      </c>
      <c r="AH9428">
        <v>194</v>
      </c>
      <c r="AI9428">
        <v>193</v>
      </c>
      <c r="AJ9428">
        <v>193</v>
      </c>
      <c r="AK9428">
        <v>192</v>
      </c>
      <c r="AL9428">
        <v>192</v>
      </c>
      <c r="AM9428">
        <v>191</v>
      </c>
      <c r="AN9428">
        <v>190</v>
      </c>
      <c r="AO9428">
        <v>190</v>
      </c>
      <c r="AP9428">
        <v>189</v>
      </c>
      <c r="AQ9428">
        <v>189</v>
      </c>
    </row>
    <row r="9429" spans="1:43">
      <c r="A9429" t="s">
        <v>5884</v>
      </c>
      <c r="B9429" t="s">
        <v>5885</v>
      </c>
      <c r="C9429" t="s">
        <v>5876</v>
      </c>
      <c r="D9429" t="s">
        <v>5877</v>
      </c>
      <c r="E9429" t="s">
        <v>5698</v>
      </c>
      <c r="F9429" t="s">
        <v>5699</v>
      </c>
      <c r="G9429" t="s">
        <v>80</v>
      </c>
      <c r="H9429" t="s">
        <v>81</v>
      </c>
      <c r="I9429" s="2">
        <v>0</v>
      </c>
      <c r="J9429" s="2">
        <v>1</v>
      </c>
      <c r="K9429" s="2">
        <v>0</v>
      </c>
      <c r="L9429" t="s">
        <v>82</v>
      </c>
      <c r="M9429" t="s">
        <v>83</v>
      </c>
      <c r="N9429" t="s">
        <v>91</v>
      </c>
      <c r="O9429" t="s">
        <v>85</v>
      </c>
      <c r="P9429" t="s">
        <v>86</v>
      </c>
      <c r="Q9429">
        <v>163</v>
      </c>
      <c r="R9429">
        <v>165</v>
      </c>
      <c r="S9429">
        <v>166</v>
      </c>
      <c r="T9429">
        <v>168</v>
      </c>
      <c r="U9429">
        <v>170</v>
      </c>
      <c r="V9429">
        <v>171</v>
      </c>
      <c r="W9429">
        <v>173</v>
      </c>
      <c r="X9429">
        <v>174</v>
      </c>
      <c r="Y9429">
        <v>176</v>
      </c>
      <c r="Z9429">
        <v>177</v>
      </c>
      <c r="AA9429">
        <v>179</v>
      </c>
      <c r="AB9429">
        <v>180</v>
      </c>
      <c r="AC9429">
        <v>182</v>
      </c>
      <c r="AD9429">
        <v>183</v>
      </c>
      <c r="AE9429">
        <v>184</v>
      </c>
      <c r="AF9429">
        <v>186</v>
      </c>
      <c r="AG9429">
        <v>187</v>
      </c>
      <c r="AH9429">
        <v>188</v>
      </c>
      <c r="AI9429">
        <v>190</v>
      </c>
      <c r="AJ9429">
        <v>191</v>
      </c>
      <c r="AK9429">
        <v>192</v>
      </c>
      <c r="AL9429">
        <v>192</v>
      </c>
      <c r="AM9429">
        <v>192</v>
      </c>
      <c r="AN9429">
        <v>191</v>
      </c>
      <c r="AO9429">
        <v>190</v>
      </c>
      <c r="AP9429">
        <v>190</v>
      </c>
      <c r="AQ9429">
        <v>189</v>
      </c>
    </row>
    <row r="9430" spans="1:43">
      <c r="A9430" t="s">
        <v>5886</v>
      </c>
      <c r="B9430" t="s">
        <v>5887</v>
      </c>
      <c r="C9430" t="s">
        <v>5876</v>
      </c>
      <c r="D9430" t="s">
        <v>5877</v>
      </c>
      <c r="E9430" t="s">
        <v>5698</v>
      </c>
      <c r="F9430" t="s">
        <v>5699</v>
      </c>
      <c r="G9430" t="s">
        <v>80</v>
      </c>
      <c r="H9430" t="s">
        <v>81</v>
      </c>
      <c r="I9430" s="2">
        <v>0</v>
      </c>
      <c r="J9430" s="2">
        <v>1</v>
      </c>
      <c r="K9430" s="2">
        <v>0</v>
      </c>
      <c r="L9430" t="s">
        <v>82</v>
      </c>
      <c r="M9430" t="s">
        <v>83</v>
      </c>
      <c r="N9430" t="s">
        <v>84</v>
      </c>
      <c r="O9430" t="s">
        <v>85</v>
      </c>
      <c r="P9430" t="s">
        <v>86</v>
      </c>
      <c r="Q9430">
        <v>145</v>
      </c>
      <c r="R9430">
        <v>147</v>
      </c>
      <c r="S9430">
        <v>148</v>
      </c>
      <c r="T9430">
        <v>150</v>
      </c>
      <c r="U9430">
        <v>151</v>
      </c>
      <c r="V9430">
        <v>152</v>
      </c>
      <c r="W9430">
        <v>154</v>
      </c>
      <c r="X9430">
        <v>155</v>
      </c>
      <c r="Y9430">
        <v>156</v>
      </c>
      <c r="Z9430">
        <v>158</v>
      </c>
      <c r="AA9430">
        <v>159</v>
      </c>
      <c r="AB9430">
        <v>160</v>
      </c>
      <c r="AC9430">
        <v>162</v>
      </c>
      <c r="AD9430">
        <v>163</v>
      </c>
      <c r="AE9430">
        <v>164</v>
      </c>
      <c r="AF9430">
        <v>165</v>
      </c>
      <c r="AG9430">
        <v>166</v>
      </c>
      <c r="AH9430">
        <v>167</v>
      </c>
      <c r="AI9430">
        <v>168</v>
      </c>
      <c r="AJ9430">
        <v>170</v>
      </c>
      <c r="AK9430">
        <v>171</v>
      </c>
      <c r="AL9430">
        <v>171</v>
      </c>
      <c r="AM9430">
        <v>170</v>
      </c>
      <c r="AN9430">
        <v>169</v>
      </c>
      <c r="AO9430">
        <v>169</v>
      </c>
      <c r="AP9430">
        <v>168</v>
      </c>
      <c r="AQ9430">
        <v>168</v>
      </c>
    </row>
    <row r="9431" spans="1:43">
      <c r="A9431" t="s">
        <v>5886</v>
      </c>
      <c r="B9431" t="s">
        <v>5887</v>
      </c>
      <c r="C9431" t="s">
        <v>5876</v>
      </c>
      <c r="D9431" t="s">
        <v>5877</v>
      </c>
      <c r="E9431" t="s">
        <v>5698</v>
      </c>
      <c r="F9431" t="s">
        <v>5699</v>
      </c>
      <c r="G9431" t="s">
        <v>80</v>
      </c>
      <c r="H9431" t="s">
        <v>81</v>
      </c>
      <c r="I9431" s="2">
        <v>0</v>
      </c>
      <c r="J9431" s="2">
        <v>1</v>
      </c>
      <c r="K9431" s="2">
        <v>0</v>
      </c>
      <c r="L9431" t="s">
        <v>82</v>
      </c>
      <c r="M9431" t="s">
        <v>87</v>
      </c>
      <c r="N9431" t="s">
        <v>88</v>
      </c>
      <c r="O9431" t="s">
        <v>85</v>
      </c>
      <c r="P9431" t="s">
        <v>86</v>
      </c>
      <c r="Q9431">
        <v>145</v>
      </c>
      <c r="R9431">
        <v>145</v>
      </c>
      <c r="S9431">
        <v>145</v>
      </c>
      <c r="T9431">
        <v>145</v>
      </c>
      <c r="U9431">
        <v>145</v>
      </c>
      <c r="V9431">
        <v>145</v>
      </c>
      <c r="W9431">
        <v>145</v>
      </c>
      <c r="X9431">
        <v>146</v>
      </c>
      <c r="Y9431">
        <v>146</v>
      </c>
      <c r="Z9431">
        <v>146</v>
      </c>
      <c r="AA9431">
        <v>146</v>
      </c>
      <c r="AB9431">
        <v>146</v>
      </c>
      <c r="AC9431">
        <v>146</v>
      </c>
      <c r="AD9431">
        <v>146</v>
      </c>
      <c r="AE9431">
        <v>146</v>
      </c>
      <c r="AF9431">
        <v>146</v>
      </c>
      <c r="AG9431">
        <v>146</v>
      </c>
      <c r="AH9431">
        <v>146</v>
      </c>
      <c r="AI9431">
        <v>146</v>
      </c>
      <c r="AJ9431">
        <v>146</v>
      </c>
      <c r="AK9431">
        <v>146</v>
      </c>
      <c r="AL9431">
        <v>146</v>
      </c>
      <c r="AM9431">
        <v>146</v>
      </c>
      <c r="AN9431">
        <v>146</v>
      </c>
      <c r="AO9431">
        <v>147</v>
      </c>
      <c r="AP9431">
        <v>147</v>
      </c>
      <c r="AQ9431">
        <v>147</v>
      </c>
    </row>
    <row r="9432" spans="1:43">
      <c r="A9432" t="s">
        <v>5886</v>
      </c>
      <c r="B9432" t="s">
        <v>5887</v>
      </c>
      <c r="C9432" t="s">
        <v>5876</v>
      </c>
      <c r="D9432" t="s">
        <v>5877</v>
      </c>
      <c r="E9432" t="s">
        <v>5698</v>
      </c>
      <c r="F9432" t="s">
        <v>5699</v>
      </c>
      <c r="G9432" t="s">
        <v>80</v>
      </c>
      <c r="H9432" t="s">
        <v>81</v>
      </c>
      <c r="I9432" s="2">
        <v>0</v>
      </c>
      <c r="J9432" s="2">
        <v>1</v>
      </c>
      <c r="K9432" s="2">
        <v>0</v>
      </c>
      <c r="L9432" t="s">
        <v>82</v>
      </c>
      <c r="M9432" t="s">
        <v>89</v>
      </c>
      <c r="N9432" t="s">
        <v>90</v>
      </c>
      <c r="O9432" t="s">
        <v>85</v>
      </c>
      <c r="P9432" t="s">
        <v>86</v>
      </c>
      <c r="Q9432">
        <v>145</v>
      </c>
      <c r="R9432">
        <v>147</v>
      </c>
      <c r="S9432">
        <v>150</v>
      </c>
      <c r="T9432">
        <v>152</v>
      </c>
      <c r="U9432">
        <v>155</v>
      </c>
      <c r="V9432">
        <v>157</v>
      </c>
      <c r="W9432">
        <v>160</v>
      </c>
      <c r="X9432">
        <v>162</v>
      </c>
      <c r="Y9432">
        <v>164</v>
      </c>
      <c r="Z9432">
        <v>166</v>
      </c>
      <c r="AA9432">
        <v>168</v>
      </c>
      <c r="AB9432">
        <v>169</v>
      </c>
      <c r="AC9432">
        <v>171</v>
      </c>
      <c r="AD9432">
        <v>173</v>
      </c>
      <c r="AE9432">
        <v>174</v>
      </c>
      <c r="AF9432">
        <v>173</v>
      </c>
      <c r="AG9432">
        <v>173</v>
      </c>
      <c r="AH9432">
        <v>172</v>
      </c>
      <c r="AI9432">
        <v>171</v>
      </c>
      <c r="AJ9432">
        <v>171</v>
      </c>
      <c r="AK9432">
        <v>170</v>
      </c>
      <c r="AL9432">
        <v>170</v>
      </c>
      <c r="AM9432">
        <v>169</v>
      </c>
      <c r="AN9432">
        <v>169</v>
      </c>
      <c r="AO9432">
        <v>168</v>
      </c>
      <c r="AP9432">
        <v>167</v>
      </c>
      <c r="AQ9432">
        <v>167</v>
      </c>
    </row>
    <row r="9433" spans="1:43">
      <c r="A9433" t="s">
        <v>5886</v>
      </c>
      <c r="B9433" t="s">
        <v>5887</v>
      </c>
      <c r="C9433" t="s">
        <v>5876</v>
      </c>
      <c r="D9433" t="s">
        <v>5877</v>
      </c>
      <c r="E9433" t="s">
        <v>5698</v>
      </c>
      <c r="F9433" t="s">
        <v>5699</v>
      </c>
      <c r="G9433" t="s">
        <v>80</v>
      </c>
      <c r="H9433" t="s">
        <v>81</v>
      </c>
      <c r="I9433" s="2">
        <v>0</v>
      </c>
      <c r="J9433" s="2">
        <v>1</v>
      </c>
      <c r="K9433" s="2">
        <v>0</v>
      </c>
      <c r="L9433" t="s">
        <v>82</v>
      </c>
      <c r="M9433" t="s">
        <v>83</v>
      </c>
      <c r="N9433" t="s">
        <v>91</v>
      </c>
      <c r="O9433" t="s">
        <v>85</v>
      </c>
      <c r="P9433" t="s">
        <v>86</v>
      </c>
      <c r="Q9433">
        <v>145</v>
      </c>
      <c r="R9433">
        <v>147</v>
      </c>
      <c r="S9433">
        <v>148</v>
      </c>
      <c r="T9433">
        <v>150</v>
      </c>
      <c r="U9433">
        <v>151</v>
      </c>
      <c r="V9433">
        <v>152</v>
      </c>
      <c r="W9433">
        <v>154</v>
      </c>
      <c r="X9433">
        <v>155</v>
      </c>
      <c r="Y9433">
        <v>156</v>
      </c>
      <c r="Z9433">
        <v>158</v>
      </c>
      <c r="AA9433">
        <v>159</v>
      </c>
      <c r="AB9433">
        <v>160</v>
      </c>
      <c r="AC9433">
        <v>162</v>
      </c>
      <c r="AD9433">
        <v>163</v>
      </c>
      <c r="AE9433">
        <v>164</v>
      </c>
      <c r="AF9433">
        <v>165</v>
      </c>
      <c r="AG9433">
        <v>166</v>
      </c>
      <c r="AH9433">
        <v>167</v>
      </c>
      <c r="AI9433">
        <v>168</v>
      </c>
      <c r="AJ9433">
        <v>170</v>
      </c>
      <c r="AK9433">
        <v>171</v>
      </c>
      <c r="AL9433">
        <v>171</v>
      </c>
      <c r="AM9433">
        <v>170</v>
      </c>
      <c r="AN9433">
        <v>169</v>
      </c>
      <c r="AO9433">
        <v>169</v>
      </c>
      <c r="AP9433">
        <v>168</v>
      </c>
      <c r="AQ9433">
        <v>168</v>
      </c>
    </row>
    <row r="9434" spans="1:43">
      <c r="A9434" t="s">
        <v>5888</v>
      </c>
      <c r="B9434" t="s">
        <v>5889</v>
      </c>
      <c r="C9434" t="s">
        <v>5782</v>
      </c>
      <c r="D9434" t="s">
        <v>5783</v>
      </c>
      <c r="E9434" t="s">
        <v>5698</v>
      </c>
      <c r="F9434" t="s">
        <v>5699</v>
      </c>
      <c r="G9434" t="s">
        <v>80</v>
      </c>
      <c r="H9434" t="s">
        <v>81</v>
      </c>
      <c r="I9434" s="2">
        <v>0</v>
      </c>
      <c r="J9434" s="2">
        <v>1</v>
      </c>
      <c r="K9434" s="2">
        <v>0</v>
      </c>
      <c r="L9434" t="s">
        <v>82</v>
      </c>
      <c r="M9434" t="s">
        <v>83</v>
      </c>
      <c r="N9434" t="s">
        <v>84</v>
      </c>
      <c r="O9434" t="s">
        <v>85</v>
      </c>
      <c r="P9434" t="s">
        <v>86</v>
      </c>
      <c r="Q9434">
        <v>70</v>
      </c>
      <c r="R9434">
        <v>71</v>
      </c>
      <c r="S9434">
        <v>72</v>
      </c>
      <c r="T9434">
        <v>73</v>
      </c>
      <c r="U9434">
        <v>73</v>
      </c>
      <c r="V9434">
        <v>74</v>
      </c>
      <c r="W9434">
        <v>75</v>
      </c>
      <c r="X9434">
        <v>75</v>
      </c>
      <c r="Y9434">
        <v>76</v>
      </c>
      <c r="Z9434">
        <v>77</v>
      </c>
      <c r="AA9434">
        <v>77</v>
      </c>
      <c r="AB9434">
        <v>78</v>
      </c>
      <c r="AC9434">
        <v>79</v>
      </c>
      <c r="AD9434">
        <v>79</v>
      </c>
      <c r="AE9434">
        <v>80</v>
      </c>
      <c r="AF9434">
        <v>81</v>
      </c>
      <c r="AG9434">
        <v>81</v>
      </c>
      <c r="AH9434">
        <v>82</v>
      </c>
      <c r="AI9434">
        <v>82</v>
      </c>
      <c r="AJ9434">
        <v>83</v>
      </c>
      <c r="AK9434">
        <v>83</v>
      </c>
      <c r="AL9434">
        <v>83</v>
      </c>
      <c r="AM9434">
        <v>83</v>
      </c>
      <c r="AN9434">
        <v>83</v>
      </c>
      <c r="AO9434">
        <v>83</v>
      </c>
      <c r="AP9434">
        <v>83</v>
      </c>
      <c r="AQ9434">
        <v>82</v>
      </c>
    </row>
    <row r="9435" spans="1:43">
      <c r="A9435" t="s">
        <v>5888</v>
      </c>
      <c r="B9435" t="s">
        <v>5889</v>
      </c>
      <c r="C9435" t="s">
        <v>5782</v>
      </c>
      <c r="D9435" t="s">
        <v>5783</v>
      </c>
      <c r="E9435" t="s">
        <v>5698</v>
      </c>
      <c r="F9435" t="s">
        <v>5699</v>
      </c>
      <c r="G9435" t="s">
        <v>80</v>
      </c>
      <c r="H9435" t="s">
        <v>81</v>
      </c>
      <c r="I9435" s="2">
        <v>0</v>
      </c>
      <c r="J9435" s="2">
        <v>1</v>
      </c>
      <c r="K9435" s="2">
        <v>0</v>
      </c>
      <c r="L9435" t="s">
        <v>82</v>
      </c>
      <c r="M9435" t="s">
        <v>87</v>
      </c>
      <c r="N9435" t="s">
        <v>88</v>
      </c>
      <c r="O9435" t="s">
        <v>85</v>
      </c>
      <c r="P9435" t="s">
        <v>86</v>
      </c>
      <c r="Q9435">
        <v>70</v>
      </c>
      <c r="R9435">
        <v>70</v>
      </c>
      <c r="S9435">
        <v>70</v>
      </c>
      <c r="T9435">
        <v>70</v>
      </c>
      <c r="U9435">
        <v>70</v>
      </c>
      <c r="V9435">
        <v>70</v>
      </c>
      <c r="W9435">
        <v>70</v>
      </c>
      <c r="X9435">
        <v>70</v>
      </c>
      <c r="Y9435">
        <v>70</v>
      </c>
      <c r="Z9435">
        <v>70</v>
      </c>
      <c r="AA9435">
        <v>71</v>
      </c>
      <c r="AB9435">
        <v>71</v>
      </c>
      <c r="AC9435">
        <v>71</v>
      </c>
      <c r="AD9435">
        <v>71</v>
      </c>
      <c r="AE9435">
        <v>71</v>
      </c>
      <c r="AF9435">
        <v>71</v>
      </c>
      <c r="AG9435">
        <v>71</v>
      </c>
      <c r="AH9435">
        <v>71</v>
      </c>
      <c r="AI9435">
        <v>71</v>
      </c>
      <c r="AJ9435">
        <v>71</v>
      </c>
      <c r="AK9435">
        <v>71</v>
      </c>
      <c r="AL9435">
        <v>71</v>
      </c>
      <c r="AM9435">
        <v>71</v>
      </c>
      <c r="AN9435">
        <v>71</v>
      </c>
      <c r="AO9435">
        <v>71</v>
      </c>
      <c r="AP9435">
        <v>71</v>
      </c>
      <c r="AQ9435">
        <v>71</v>
      </c>
    </row>
    <row r="9436" spans="1:43">
      <c r="A9436" t="s">
        <v>5888</v>
      </c>
      <c r="B9436" t="s">
        <v>5889</v>
      </c>
      <c r="C9436" t="s">
        <v>5782</v>
      </c>
      <c r="D9436" t="s">
        <v>5783</v>
      </c>
      <c r="E9436" t="s">
        <v>5698</v>
      </c>
      <c r="F9436" t="s">
        <v>5699</v>
      </c>
      <c r="G9436" t="s">
        <v>80</v>
      </c>
      <c r="H9436" t="s">
        <v>81</v>
      </c>
      <c r="I9436" s="2">
        <v>0</v>
      </c>
      <c r="J9436" s="2">
        <v>1</v>
      </c>
      <c r="K9436" s="2">
        <v>0</v>
      </c>
      <c r="L9436" t="s">
        <v>82</v>
      </c>
      <c r="M9436" t="s">
        <v>89</v>
      </c>
      <c r="N9436" t="s">
        <v>90</v>
      </c>
      <c r="O9436" t="s">
        <v>85</v>
      </c>
      <c r="P9436" t="s">
        <v>86</v>
      </c>
      <c r="Q9436">
        <v>70</v>
      </c>
      <c r="R9436">
        <v>71</v>
      </c>
      <c r="S9436">
        <v>73</v>
      </c>
      <c r="T9436">
        <v>74</v>
      </c>
      <c r="U9436">
        <v>75</v>
      </c>
      <c r="V9436">
        <v>76</v>
      </c>
      <c r="W9436">
        <v>78</v>
      </c>
      <c r="X9436">
        <v>79</v>
      </c>
      <c r="Y9436">
        <v>80</v>
      </c>
      <c r="Z9436">
        <v>81</v>
      </c>
      <c r="AA9436">
        <v>82</v>
      </c>
      <c r="AB9436">
        <v>82</v>
      </c>
      <c r="AC9436">
        <v>83</v>
      </c>
      <c r="AD9436">
        <v>84</v>
      </c>
      <c r="AE9436">
        <v>85</v>
      </c>
      <c r="AF9436">
        <v>84</v>
      </c>
      <c r="AG9436">
        <v>84</v>
      </c>
      <c r="AH9436">
        <v>84</v>
      </c>
      <c r="AI9436">
        <v>84</v>
      </c>
      <c r="AJ9436">
        <v>84</v>
      </c>
      <c r="AK9436">
        <v>83</v>
      </c>
      <c r="AL9436">
        <v>83</v>
      </c>
      <c r="AM9436">
        <v>83</v>
      </c>
      <c r="AN9436">
        <v>83</v>
      </c>
      <c r="AO9436">
        <v>82</v>
      </c>
      <c r="AP9436">
        <v>82</v>
      </c>
      <c r="AQ9436">
        <v>82</v>
      </c>
    </row>
    <row r="9437" spans="1:43">
      <c r="A9437" t="s">
        <v>5888</v>
      </c>
      <c r="B9437" t="s">
        <v>5889</v>
      </c>
      <c r="C9437" t="s">
        <v>5782</v>
      </c>
      <c r="D9437" t="s">
        <v>5783</v>
      </c>
      <c r="E9437" t="s">
        <v>5698</v>
      </c>
      <c r="F9437" t="s">
        <v>5699</v>
      </c>
      <c r="G9437" t="s">
        <v>80</v>
      </c>
      <c r="H9437" t="s">
        <v>81</v>
      </c>
      <c r="I9437" s="2">
        <v>0</v>
      </c>
      <c r="J9437" s="2">
        <v>1</v>
      </c>
      <c r="K9437" s="2">
        <v>0</v>
      </c>
      <c r="L9437" t="s">
        <v>82</v>
      </c>
      <c r="M9437" t="s">
        <v>83</v>
      </c>
      <c r="N9437" t="s">
        <v>91</v>
      </c>
      <c r="O9437" t="s">
        <v>85</v>
      </c>
      <c r="P9437" t="s">
        <v>86</v>
      </c>
      <c r="Q9437">
        <v>70</v>
      </c>
      <c r="R9437">
        <v>71</v>
      </c>
      <c r="S9437">
        <v>72</v>
      </c>
      <c r="T9437">
        <v>73</v>
      </c>
      <c r="U9437">
        <v>73</v>
      </c>
      <c r="V9437">
        <v>74</v>
      </c>
      <c r="W9437">
        <v>75</v>
      </c>
      <c r="X9437">
        <v>75</v>
      </c>
      <c r="Y9437">
        <v>76</v>
      </c>
      <c r="Z9437">
        <v>77</v>
      </c>
      <c r="AA9437">
        <v>77</v>
      </c>
      <c r="AB9437">
        <v>78</v>
      </c>
      <c r="AC9437">
        <v>79</v>
      </c>
      <c r="AD9437">
        <v>79</v>
      </c>
      <c r="AE9437">
        <v>80</v>
      </c>
      <c r="AF9437">
        <v>81</v>
      </c>
      <c r="AG9437">
        <v>81</v>
      </c>
      <c r="AH9437">
        <v>82</v>
      </c>
      <c r="AI9437">
        <v>82</v>
      </c>
      <c r="AJ9437">
        <v>83</v>
      </c>
      <c r="AK9437">
        <v>83</v>
      </c>
      <c r="AL9437">
        <v>83</v>
      </c>
      <c r="AM9437">
        <v>83</v>
      </c>
      <c r="AN9437">
        <v>83</v>
      </c>
      <c r="AO9437">
        <v>83</v>
      </c>
      <c r="AP9437">
        <v>83</v>
      </c>
      <c r="AQ9437">
        <v>82</v>
      </c>
    </row>
    <row r="9438" spans="1:43">
      <c r="A9438" t="s">
        <v>5890</v>
      </c>
      <c r="B9438" t="s">
        <v>5891</v>
      </c>
      <c r="C9438" t="s">
        <v>5782</v>
      </c>
      <c r="D9438" t="s">
        <v>5783</v>
      </c>
      <c r="E9438" t="s">
        <v>5698</v>
      </c>
      <c r="F9438" t="s">
        <v>5699</v>
      </c>
      <c r="G9438" t="s">
        <v>80</v>
      </c>
      <c r="H9438" t="s">
        <v>81</v>
      </c>
      <c r="I9438" s="2">
        <v>0</v>
      </c>
      <c r="J9438" s="2">
        <v>1</v>
      </c>
      <c r="K9438" s="2">
        <v>0</v>
      </c>
      <c r="L9438" t="s">
        <v>82</v>
      </c>
      <c r="M9438" t="s">
        <v>83</v>
      </c>
      <c r="N9438" t="s">
        <v>84</v>
      </c>
      <c r="O9438" t="s">
        <v>85</v>
      </c>
      <c r="P9438" t="s">
        <v>86</v>
      </c>
      <c r="Q9438">
        <v>138</v>
      </c>
      <c r="R9438">
        <v>139</v>
      </c>
      <c r="S9438">
        <v>141</v>
      </c>
      <c r="T9438">
        <v>142</v>
      </c>
      <c r="U9438">
        <v>144</v>
      </c>
      <c r="V9438">
        <v>145</v>
      </c>
      <c r="W9438">
        <v>146</v>
      </c>
      <c r="X9438">
        <v>148</v>
      </c>
      <c r="Y9438">
        <v>149</v>
      </c>
      <c r="Z9438">
        <v>150</v>
      </c>
      <c r="AA9438">
        <v>152</v>
      </c>
      <c r="AB9438">
        <v>153</v>
      </c>
      <c r="AC9438">
        <v>154</v>
      </c>
      <c r="AD9438">
        <v>155</v>
      </c>
      <c r="AE9438">
        <v>157</v>
      </c>
      <c r="AF9438">
        <v>158</v>
      </c>
      <c r="AG9438">
        <v>159</v>
      </c>
      <c r="AH9438">
        <v>160</v>
      </c>
      <c r="AI9438">
        <v>161</v>
      </c>
      <c r="AJ9438">
        <v>162</v>
      </c>
      <c r="AK9438">
        <v>163</v>
      </c>
      <c r="AL9438">
        <v>163</v>
      </c>
      <c r="AM9438">
        <v>163</v>
      </c>
      <c r="AN9438">
        <v>163</v>
      </c>
      <c r="AO9438">
        <v>162</v>
      </c>
      <c r="AP9438">
        <v>162</v>
      </c>
      <c r="AQ9438">
        <v>161</v>
      </c>
    </row>
    <row r="9439" spans="1:43">
      <c r="A9439" t="s">
        <v>5890</v>
      </c>
      <c r="B9439" t="s">
        <v>5891</v>
      </c>
      <c r="C9439" t="s">
        <v>5782</v>
      </c>
      <c r="D9439" t="s">
        <v>5783</v>
      </c>
      <c r="E9439" t="s">
        <v>5698</v>
      </c>
      <c r="F9439" t="s">
        <v>5699</v>
      </c>
      <c r="G9439" t="s">
        <v>80</v>
      </c>
      <c r="H9439" t="s">
        <v>81</v>
      </c>
      <c r="I9439" s="2">
        <v>0</v>
      </c>
      <c r="J9439" s="2">
        <v>1</v>
      </c>
      <c r="K9439" s="2">
        <v>0</v>
      </c>
      <c r="L9439" t="s">
        <v>82</v>
      </c>
      <c r="M9439" t="s">
        <v>87</v>
      </c>
      <c r="N9439" t="s">
        <v>88</v>
      </c>
      <c r="O9439" t="s">
        <v>85</v>
      </c>
      <c r="P9439" t="s">
        <v>86</v>
      </c>
      <c r="Q9439">
        <v>138</v>
      </c>
      <c r="R9439">
        <v>138</v>
      </c>
      <c r="S9439">
        <v>138</v>
      </c>
      <c r="T9439">
        <v>138</v>
      </c>
      <c r="U9439">
        <v>138</v>
      </c>
      <c r="V9439">
        <v>138</v>
      </c>
      <c r="W9439">
        <v>139</v>
      </c>
      <c r="X9439">
        <v>139</v>
      </c>
      <c r="Y9439">
        <v>139</v>
      </c>
      <c r="Z9439">
        <v>139</v>
      </c>
      <c r="AA9439">
        <v>139</v>
      </c>
      <c r="AB9439">
        <v>139</v>
      </c>
      <c r="AC9439">
        <v>139</v>
      </c>
      <c r="AD9439">
        <v>140</v>
      </c>
      <c r="AE9439">
        <v>140</v>
      </c>
      <c r="AF9439">
        <v>140</v>
      </c>
      <c r="AG9439">
        <v>140</v>
      </c>
      <c r="AH9439">
        <v>140</v>
      </c>
      <c r="AI9439">
        <v>140</v>
      </c>
      <c r="AJ9439">
        <v>140</v>
      </c>
      <c r="AK9439">
        <v>140</v>
      </c>
      <c r="AL9439">
        <v>141</v>
      </c>
      <c r="AM9439">
        <v>141</v>
      </c>
      <c r="AN9439">
        <v>141</v>
      </c>
      <c r="AO9439">
        <v>141</v>
      </c>
      <c r="AP9439">
        <v>141</v>
      </c>
      <c r="AQ9439">
        <v>141</v>
      </c>
    </row>
    <row r="9440" spans="1:43">
      <c r="A9440" t="s">
        <v>5890</v>
      </c>
      <c r="B9440" t="s">
        <v>5891</v>
      </c>
      <c r="C9440" t="s">
        <v>5782</v>
      </c>
      <c r="D9440" t="s">
        <v>5783</v>
      </c>
      <c r="E9440" t="s">
        <v>5698</v>
      </c>
      <c r="F9440" t="s">
        <v>5699</v>
      </c>
      <c r="G9440" t="s">
        <v>80</v>
      </c>
      <c r="H9440" t="s">
        <v>81</v>
      </c>
      <c r="I9440" s="2">
        <v>0</v>
      </c>
      <c r="J9440" s="2">
        <v>1</v>
      </c>
      <c r="K9440" s="2">
        <v>0</v>
      </c>
      <c r="L9440" t="s">
        <v>82</v>
      </c>
      <c r="M9440" t="s">
        <v>89</v>
      </c>
      <c r="N9440" t="s">
        <v>90</v>
      </c>
      <c r="O9440" t="s">
        <v>85</v>
      </c>
      <c r="P9440" t="s">
        <v>86</v>
      </c>
      <c r="Q9440">
        <v>138</v>
      </c>
      <c r="R9440">
        <v>141</v>
      </c>
      <c r="S9440">
        <v>143</v>
      </c>
      <c r="T9440">
        <v>146</v>
      </c>
      <c r="U9440">
        <v>148</v>
      </c>
      <c r="V9440">
        <v>151</v>
      </c>
      <c r="W9440">
        <v>153</v>
      </c>
      <c r="X9440">
        <v>155</v>
      </c>
      <c r="Y9440">
        <v>157</v>
      </c>
      <c r="Z9440">
        <v>159</v>
      </c>
      <c r="AA9440">
        <v>161</v>
      </c>
      <c r="AB9440">
        <v>162</v>
      </c>
      <c r="AC9440">
        <v>164</v>
      </c>
      <c r="AD9440">
        <v>166</v>
      </c>
      <c r="AE9440">
        <v>167</v>
      </c>
      <c r="AF9440">
        <v>166</v>
      </c>
      <c r="AG9440">
        <v>166</v>
      </c>
      <c r="AH9440">
        <v>166</v>
      </c>
      <c r="AI9440">
        <v>165</v>
      </c>
      <c r="AJ9440">
        <v>165</v>
      </c>
      <c r="AK9440">
        <v>164</v>
      </c>
      <c r="AL9440">
        <v>164</v>
      </c>
      <c r="AM9440">
        <v>164</v>
      </c>
      <c r="AN9440">
        <v>163</v>
      </c>
      <c r="AO9440">
        <v>163</v>
      </c>
      <c r="AP9440">
        <v>162</v>
      </c>
      <c r="AQ9440">
        <v>162</v>
      </c>
    </row>
    <row r="9441" spans="1:43">
      <c r="A9441" t="s">
        <v>5890</v>
      </c>
      <c r="B9441" t="s">
        <v>5891</v>
      </c>
      <c r="C9441" t="s">
        <v>5782</v>
      </c>
      <c r="D9441" t="s">
        <v>5783</v>
      </c>
      <c r="E9441" t="s">
        <v>5698</v>
      </c>
      <c r="F9441" t="s">
        <v>5699</v>
      </c>
      <c r="G9441" t="s">
        <v>80</v>
      </c>
      <c r="H9441" t="s">
        <v>81</v>
      </c>
      <c r="I9441" s="2">
        <v>0</v>
      </c>
      <c r="J9441" s="2">
        <v>1</v>
      </c>
      <c r="K9441" s="2">
        <v>0</v>
      </c>
      <c r="L9441" t="s">
        <v>82</v>
      </c>
      <c r="M9441" t="s">
        <v>83</v>
      </c>
      <c r="N9441" t="s">
        <v>91</v>
      </c>
      <c r="O9441" t="s">
        <v>85</v>
      </c>
      <c r="P9441" t="s">
        <v>86</v>
      </c>
      <c r="Q9441">
        <v>138</v>
      </c>
      <c r="R9441">
        <v>139</v>
      </c>
      <c r="S9441">
        <v>141</v>
      </c>
      <c r="T9441">
        <v>142</v>
      </c>
      <c r="U9441">
        <v>144</v>
      </c>
      <c r="V9441">
        <v>145</v>
      </c>
      <c r="W9441">
        <v>146</v>
      </c>
      <c r="X9441">
        <v>148</v>
      </c>
      <c r="Y9441">
        <v>149</v>
      </c>
      <c r="Z9441">
        <v>150</v>
      </c>
      <c r="AA9441">
        <v>152</v>
      </c>
      <c r="AB9441">
        <v>153</v>
      </c>
      <c r="AC9441">
        <v>154</v>
      </c>
      <c r="AD9441">
        <v>155</v>
      </c>
      <c r="AE9441">
        <v>157</v>
      </c>
      <c r="AF9441">
        <v>158</v>
      </c>
      <c r="AG9441">
        <v>159</v>
      </c>
      <c r="AH9441">
        <v>160</v>
      </c>
      <c r="AI9441">
        <v>161</v>
      </c>
      <c r="AJ9441">
        <v>162</v>
      </c>
      <c r="AK9441">
        <v>163</v>
      </c>
      <c r="AL9441">
        <v>163</v>
      </c>
      <c r="AM9441">
        <v>163</v>
      </c>
      <c r="AN9441">
        <v>163</v>
      </c>
      <c r="AO9441">
        <v>162</v>
      </c>
      <c r="AP9441">
        <v>162</v>
      </c>
      <c r="AQ9441">
        <v>161</v>
      </c>
    </row>
    <row r="9442" spans="1:43">
      <c r="A9442" t="s">
        <v>5892</v>
      </c>
      <c r="B9442" t="s">
        <v>5893</v>
      </c>
      <c r="C9442" t="s">
        <v>5894</v>
      </c>
      <c r="D9442" t="s">
        <v>5895</v>
      </c>
      <c r="E9442" t="s">
        <v>5698</v>
      </c>
      <c r="F9442" t="s">
        <v>5699</v>
      </c>
      <c r="G9442" t="s">
        <v>80</v>
      </c>
      <c r="H9442" t="s">
        <v>81</v>
      </c>
      <c r="I9442" s="2">
        <v>0</v>
      </c>
      <c r="J9442" s="2">
        <v>1</v>
      </c>
      <c r="K9442" s="2">
        <v>0</v>
      </c>
      <c r="L9442" t="s">
        <v>82</v>
      </c>
      <c r="M9442" t="s">
        <v>83</v>
      </c>
      <c r="N9442" t="s">
        <v>84</v>
      </c>
      <c r="O9442" t="s">
        <v>85</v>
      </c>
      <c r="P9442" t="s">
        <v>86</v>
      </c>
      <c r="Q9442">
        <v>104</v>
      </c>
      <c r="R9442">
        <v>105</v>
      </c>
      <c r="S9442">
        <v>106</v>
      </c>
      <c r="T9442">
        <v>107</v>
      </c>
      <c r="U9442">
        <v>108</v>
      </c>
      <c r="V9442">
        <v>110</v>
      </c>
      <c r="W9442">
        <v>111</v>
      </c>
      <c r="X9442">
        <v>112</v>
      </c>
      <c r="Y9442">
        <v>113</v>
      </c>
      <c r="Z9442">
        <v>114</v>
      </c>
      <c r="AA9442">
        <v>115</v>
      </c>
      <c r="AB9442">
        <v>116</v>
      </c>
      <c r="AC9442">
        <v>116</v>
      </c>
      <c r="AD9442">
        <v>117</v>
      </c>
      <c r="AE9442">
        <v>118</v>
      </c>
      <c r="AF9442">
        <v>119</v>
      </c>
      <c r="AG9442">
        <v>120</v>
      </c>
      <c r="AH9442">
        <v>121</v>
      </c>
      <c r="AI9442">
        <v>122</v>
      </c>
      <c r="AJ9442">
        <v>122</v>
      </c>
      <c r="AK9442">
        <v>123</v>
      </c>
      <c r="AL9442">
        <v>123</v>
      </c>
      <c r="AM9442">
        <v>123</v>
      </c>
      <c r="AN9442">
        <v>123</v>
      </c>
      <c r="AO9442">
        <v>122</v>
      </c>
      <c r="AP9442">
        <v>122</v>
      </c>
      <c r="AQ9442">
        <v>122</v>
      </c>
    </row>
    <row r="9443" spans="1:43">
      <c r="A9443" t="s">
        <v>5892</v>
      </c>
      <c r="B9443" t="s">
        <v>5893</v>
      </c>
      <c r="C9443" t="s">
        <v>5894</v>
      </c>
      <c r="D9443" t="s">
        <v>5895</v>
      </c>
      <c r="E9443" t="s">
        <v>5698</v>
      </c>
      <c r="F9443" t="s">
        <v>5699</v>
      </c>
      <c r="G9443" t="s">
        <v>80</v>
      </c>
      <c r="H9443" t="s">
        <v>81</v>
      </c>
      <c r="I9443" s="2">
        <v>0</v>
      </c>
      <c r="J9443" s="2">
        <v>1</v>
      </c>
      <c r="K9443" s="2">
        <v>0</v>
      </c>
      <c r="L9443" t="s">
        <v>82</v>
      </c>
      <c r="M9443" t="s">
        <v>87</v>
      </c>
      <c r="N9443" t="s">
        <v>88</v>
      </c>
      <c r="O9443" t="s">
        <v>85</v>
      </c>
      <c r="P9443" t="s">
        <v>86</v>
      </c>
      <c r="Q9443">
        <v>104</v>
      </c>
      <c r="R9443">
        <v>104</v>
      </c>
      <c r="S9443">
        <v>104</v>
      </c>
      <c r="T9443">
        <v>105</v>
      </c>
      <c r="U9443">
        <v>105</v>
      </c>
      <c r="V9443">
        <v>105</v>
      </c>
      <c r="W9443">
        <v>105</v>
      </c>
      <c r="X9443">
        <v>105</v>
      </c>
      <c r="Y9443">
        <v>105</v>
      </c>
      <c r="Z9443">
        <v>105</v>
      </c>
      <c r="AA9443">
        <v>105</v>
      </c>
      <c r="AB9443">
        <v>105</v>
      </c>
      <c r="AC9443">
        <v>105</v>
      </c>
      <c r="AD9443">
        <v>106</v>
      </c>
      <c r="AE9443">
        <v>106</v>
      </c>
      <c r="AF9443">
        <v>106</v>
      </c>
      <c r="AG9443">
        <v>106</v>
      </c>
      <c r="AH9443">
        <v>106</v>
      </c>
      <c r="AI9443">
        <v>106</v>
      </c>
      <c r="AJ9443">
        <v>106</v>
      </c>
      <c r="AK9443">
        <v>106</v>
      </c>
      <c r="AL9443">
        <v>106</v>
      </c>
      <c r="AM9443">
        <v>106</v>
      </c>
      <c r="AN9443">
        <v>106</v>
      </c>
      <c r="AO9443">
        <v>106</v>
      </c>
      <c r="AP9443">
        <v>107</v>
      </c>
      <c r="AQ9443">
        <v>107</v>
      </c>
    </row>
    <row r="9444" spans="1:43">
      <c r="A9444" t="s">
        <v>5892</v>
      </c>
      <c r="B9444" t="s">
        <v>5893</v>
      </c>
      <c r="C9444" t="s">
        <v>5894</v>
      </c>
      <c r="D9444" t="s">
        <v>5895</v>
      </c>
      <c r="E9444" t="s">
        <v>5698</v>
      </c>
      <c r="F9444" t="s">
        <v>5699</v>
      </c>
      <c r="G9444" t="s">
        <v>80</v>
      </c>
      <c r="H9444" t="s">
        <v>81</v>
      </c>
      <c r="I9444" s="2">
        <v>0</v>
      </c>
      <c r="J9444" s="2">
        <v>1</v>
      </c>
      <c r="K9444" s="2">
        <v>0</v>
      </c>
      <c r="L9444" t="s">
        <v>82</v>
      </c>
      <c r="M9444" t="s">
        <v>89</v>
      </c>
      <c r="N9444" t="s">
        <v>90</v>
      </c>
      <c r="O9444" t="s">
        <v>85</v>
      </c>
      <c r="P9444" t="s">
        <v>86</v>
      </c>
      <c r="Q9444">
        <v>104</v>
      </c>
      <c r="R9444">
        <v>106</v>
      </c>
      <c r="S9444">
        <v>108</v>
      </c>
      <c r="T9444">
        <v>110</v>
      </c>
      <c r="U9444">
        <v>112</v>
      </c>
      <c r="V9444">
        <v>114</v>
      </c>
      <c r="W9444">
        <v>115</v>
      </c>
      <c r="X9444">
        <v>117</v>
      </c>
      <c r="Y9444">
        <v>118</v>
      </c>
      <c r="Z9444">
        <v>120</v>
      </c>
      <c r="AA9444">
        <v>121</v>
      </c>
      <c r="AB9444">
        <v>122</v>
      </c>
      <c r="AC9444">
        <v>124</v>
      </c>
      <c r="AD9444">
        <v>125</v>
      </c>
      <c r="AE9444">
        <v>126</v>
      </c>
      <c r="AF9444">
        <v>125</v>
      </c>
      <c r="AG9444">
        <v>125</v>
      </c>
      <c r="AH9444">
        <v>125</v>
      </c>
      <c r="AI9444">
        <v>124</v>
      </c>
      <c r="AJ9444">
        <v>124</v>
      </c>
      <c r="AK9444">
        <v>124</v>
      </c>
      <c r="AL9444">
        <v>123</v>
      </c>
      <c r="AM9444">
        <v>123</v>
      </c>
      <c r="AN9444">
        <v>123</v>
      </c>
      <c r="AO9444">
        <v>122</v>
      </c>
      <c r="AP9444">
        <v>122</v>
      </c>
      <c r="AQ9444">
        <v>122</v>
      </c>
    </row>
    <row r="9445" spans="1:43">
      <c r="A9445" t="s">
        <v>5892</v>
      </c>
      <c r="B9445" t="s">
        <v>5893</v>
      </c>
      <c r="C9445" t="s">
        <v>5894</v>
      </c>
      <c r="D9445" t="s">
        <v>5895</v>
      </c>
      <c r="E9445" t="s">
        <v>5698</v>
      </c>
      <c r="F9445" t="s">
        <v>5699</v>
      </c>
      <c r="G9445" t="s">
        <v>80</v>
      </c>
      <c r="H9445" t="s">
        <v>81</v>
      </c>
      <c r="I9445" s="2">
        <v>0</v>
      </c>
      <c r="J9445" s="2">
        <v>1</v>
      </c>
      <c r="K9445" s="2">
        <v>0</v>
      </c>
      <c r="L9445" t="s">
        <v>82</v>
      </c>
      <c r="M9445" t="s">
        <v>83</v>
      </c>
      <c r="N9445" t="s">
        <v>91</v>
      </c>
      <c r="O9445" t="s">
        <v>85</v>
      </c>
      <c r="P9445" t="s">
        <v>86</v>
      </c>
      <c r="Q9445">
        <v>104</v>
      </c>
      <c r="R9445">
        <v>105</v>
      </c>
      <c r="S9445">
        <v>106</v>
      </c>
      <c r="T9445">
        <v>107</v>
      </c>
      <c r="U9445">
        <v>108</v>
      </c>
      <c r="V9445">
        <v>110</v>
      </c>
      <c r="W9445">
        <v>111</v>
      </c>
      <c r="X9445">
        <v>112</v>
      </c>
      <c r="Y9445">
        <v>113</v>
      </c>
      <c r="Z9445">
        <v>114</v>
      </c>
      <c r="AA9445">
        <v>115</v>
      </c>
      <c r="AB9445">
        <v>116</v>
      </c>
      <c r="AC9445">
        <v>116</v>
      </c>
      <c r="AD9445">
        <v>117</v>
      </c>
      <c r="AE9445">
        <v>118</v>
      </c>
      <c r="AF9445">
        <v>119</v>
      </c>
      <c r="AG9445">
        <v>120</v>
      </c>
      <c r="AH9445">
        <v>121</v>
      </c>
      <c r="AI9445">
        <v>122</v>
      </c>
      <c r="AJ9445">
        <v>122</v>
      </c>
      <c r="AK9445">
        <v>123</v>
      </c>
      <c r="AL9445">
        <v>123</v>
      </c>
      <c r="AM9445">
        <v>123</v>
      </c>
      <c r="AN9445">
        <v>123</v>
      </c>
      <c r="AO9445">
        <v>122</v>
      </c>
      <c r="AP9445">
        <v>122</v>
      </c>
      <c r="AQ9445">
        <v>122</v>
      </c>
    </row>
    <row r="9446" spans="1:43">
      <c r="A9446" t="s">
        <v>5896</v>
      </c>
      <c r="B9446" t="s">
        <v>5897</v>
      </c>
      <c r="C9446" t="s">
        <v>5894</v>
      </c>
      <c r="D9446" t="s">
        <v>5895</v>
      </c>
      <c r="E9446" t="s">
        <v>5698</v>
      </c>
      <c r="F9446" t="s">
        <v>5699</v>
      </c>
      <c r="G9446" t="s">
        <v>80</v>
      </c>
      <c r="H9446" t="s">
        <v>81</v>
      </c>
      <c r="I9446" s="2">
        <v>0</v>
      </c>
      <c r="J9446" s="2">
        <v>1</v>
      </c>
      <c r="K9446" s="2">
        <v>0</v>
      </c>
      <c r="L9446" t="s">
        <v>82</v>
      </c>
      <c r="M9446" t="s">
        <v>83</v>
      </c>
      <c r="N9446" t="s">
        <v>84</v>
      </c>
      <c r="O9446" t="s">
        <v>85</v>
      </c>
      <c r="P9446" t="s">
        <v>86</v>
      </c>
      <c r="Q9446">
        <v>65</v>
      </c>
      <c r="R9446">
        <v>65</v>
      </c>
      <c r="S9446">
        <v>66</v>
      </c>
      <c r="T9446">
        <v>67</v>
      </c>
      <c r="U9446">
        <v>67</v>
      </c>
      <c r="V9446">
        <v>68</v>
      </c>
      <c r="W9446">
        <v>69</v>
      </c>
      <c r="X9446">
        <v>69</v>
      </c>
      <c r="Y9446">
        <v>70</v>
      </c>
      <c r="Z9446">
        <v>70</v>
      </c>
      <c r="AA9446">
        <v>71</v>
      </c>
      <c r="AB9446">
        <v>72</v>
      </c>
      <c r="AC9446">
        <v>72</v>
      </c>
      <c r="AD9446">
        <v>73</v>
      </c>
      <c r="AE9446">
        <v>73</v>
      </c>
      <c r="AF9446">
        <v>74</v>
      </c>
      <c r="AG9446">
        <v>74</v>
      </c>
      <c r="AH9446">
        <v>75</v>
      </c>
      <c r="AI9446">
        <v>75</v>
      </c>
      <c r="AJ9446">
        <v>76</v>
      </c>
      <c r="AK9446">
        <v>76</v>
      </c>
      <c r="AL9446">
        <v>76</v>
      </c>
      <c r="AM9446">
        <v>76</v>
      </c>
      <c r="AN9446">
        <v>76</v>
      </c>
      <c r="AO9446">
        <v>76</v>
      </c>
      <c r="AP9446">
        <v>76</v>
      </c>
      <c r="AQ9446">
        <v>75</v>
      </c>
    </row>
    <row r="9447" spans="1:43">
      <c r="A9447" t="s">
        <v>5896</v>
      </c>
      <c r="B9447" t="s">
        <v>5897</v>
      </c>
      <c r="C9447" t="s">
        <v>5894</v>
      </c>
      <c r="D9447" t="s">
        <v>5895</v>
      </c>
      <c r="E9447" t="s">
        <v>5698</v>
      </c>
      <c r="F9447" t="s">
        <v>5699</v>
      </c>
      <c r="G9447" t="s">
        <v>80</v>
      </c>
      <c r="H9447" t="s">
        <v>81</v>
      </c>
      <c r="I9447" s="2">
        <v>0</v>
      </c>
      <c r="J9447" s="2">
        <v>1</v>
      </c>
      <c r="K9447" s="2">
        <v>0</v>
      </c>
      <c r="L9447" t="s">
        <v>82</v>
      </c>
      <c r="M9447" t="s">
        <v>87</v>
      </c>
      <c r="N9447" t="s">
        <v>88</v>
      </c>
      <c r="O9447" t="s">
        <v>85</v>
      </c>
      <c r="P9447" t="s">
        <v>86</v>
      </c>
      <c r="Q9447">
        <v>65</v>
      </c>
      <c r="R9447">
        <v>65</v>
      </c>
      <c r="S9447">
        <v>65</v>
      </c>
      <c r="T9447">
        <v>65</v>
      </c>
      <c r="U9447">
        <v>65</v>
      </c>
      <c r="V9447">
        <v>65</v>
      </c>
      <c r="W9447">
        <v>65</v>
      </c>
      <c r="X9447">
        <v>65</v>
      </c>
      <c r="Y9447">
        <v>66</v>
      </c>
      <c r="Z9447">
        <v>66</v>
      </c>
      <c r="AA9447">
        <v>66</v>
      </c>
      <c r="AB9447">
        <v>66</v>
      </c>
      <c r="AC9447">
        <v>66</v>
      </c>
      <c r="AD9447">
        <v>66</v>
      </c>
      <c r="AE9447">
        <v>66</v>
      </c>
      <c r="AF9447">
        <v>66</v>
      </c>
      <c r="AG9447">
        <v>66</v>
      </c>
      <c r="AH9447">
        <v>66</v>
      </c>
      <c r="AI9447">
        <v>66</v>
      </c>
      <c r="AJ9447">
        <v>66</v>
      </c>
      <c r="AK9447">
        <v>66</v>
      </c>
      <c r="AL9447">
        <v>66</v>
      </c>
      <c r="AM9447">
        <v>66</v>
      </c>
      <c r="AN9447">
        <v>66</v>
      </c>
      <c r="AO9447">
        <v>66</v>
      </c>
      <c r="AP9447">
        <v>66</v>
      </c>
      <c r="AQ9447">
        <v>66</v>
      </c>
    </row>
    <row r="9448" spans="1:43">
      <c r="A9448" t="s">
        <v>5896</v>
      </c>
      <c r="B9448" t="s">
        <v>5897</v>
      </c>
      <c r="C9448" t="s">
        <v>5894</v>
      </c>
      <c r="D9448" t="s">
        <v>5895</v>
      </c>
      <c r="E9448" t="s">
        <v>5698</v>
      </c>
      <c r="F9448" t="s">
        <v>5699</v>
      </c>
      <c r="G9448" t="s">
        <v>80</v>
      </c>
      <c r="H9448" t="s">
        <v>81</v>
      </c>
      <c r="I9448" s="2">
        <v>0</v>
      </c>
      <c r="J9448" s="2">
        <v>1</v>
      </c>
      <c r="K9448" s="2">
        <v>0</v>
      </c>
      <c r="L9448" t="s">
        <v>82</v>
      </c>
      <c r="M9448" t="s">
        <v>89</v>
      </c>
      <c r="N9448" t="s">
        <v>90</v>
      </c>
      <c r="O9448" t="s">
        <v>85</v>
      </c>
      <c r="P9448" t="s">
        <v>86</v>
      </c>
      <c r="Q9448">
        <v>65</v>
      </c>
      <c r="R9448">
        <v>66</v>
      </c>
      <c r="S9448">
        <v>68</v>
      </c>
      <c r="T9448">
        <v>69</v>
      </c>
      <c r="U9448">
        <v>70</v>
      </c>
      <c r="V9448">
        <v>71</v>
      </c>
      <c r="W9448">
        <v>72</v>
      </c>
      <c r="X9448">
        <v>73</v>
      </c>
      <c r="Y9448">
        <v>74</v>
      </c>
      <c r="Z9448">
        <v>75</v>
      </c>
      <c r="AA9448">
        <v>76</v>
      </c>
      <c r="AB9448">
        <v>76</v>
      </c>
      <c r="AC9448">
        <v>77</v>
      </c>
      <c r="AD9448">
        <v>78</v>
      </c>
      <c r="AE9448">
        <v>79</v>
      </c>
      <c r="AF9448">
        <v>78</v>
      </c>
      <c r="AG9448">
        <v>78</v>
      </c>
      <c r="AH9448">
        <v>78</v>
      </c>
      <c r="AI9448">
        <v>78</v>
      </c>
      <c r="AJ9448">
        <v>78</v>
      </c>
      <c r="AK9448">
        <v>77</v>
      </c>
      <c r="AL9448">
        <v>77</v>
      </c>
      <c r="AM9448">
        <v>77</v>
      </c>
      <c r="AN9448">
        <v>77</v>
      </c>
      <c r="AO9448">
        <v>76</v>
      </c>
      <c r="AP9448">
        <v>76</v>
      </c>
      <c r="AQ9448">
        <v>76</v>
      </c>
    </row>
    <row r="9449" spans="1:43">
      <c r="A9449" t="s">
        <v>5896</v>
      </c>
      <c r="B9449" t="s">
        <v>5897</v>
      </c>
      <c r="C9449" t="s">
        <v>5894</v>
      </c>
      <c r="D9449" t="s">
        <v>5895</v>
      </c>
      <c r="E9449" t="s">
        <v>5698</v>
      </c>
      <c r="F9449" t="s">
        <v>5699</v>
      </c>
      <c r="G9449" t="s">
        <v>80</v>
      </c>
      <c r="H9449" t="s">
        <v>81</v>
      </c>
      <c r="I9449" s="2">
        <v>0</v>
      </c>
      <c r="J9449" s="2">
        <v>1</v>
      </c>
      <c r="K9449" s="2">
        <v>0</v>
      </c>
      <c r="L9449" t="s">
        <v>82</v>
      </c>
      <c r="M9449" t="s">
        <v>83</v>
      </c>
      <c r="N9449" t="s">
        <v>91</v>
      </c>
      <c r="O9449" t="s">
        <v>85</v>
      </c>
      <c r="P9449" t="s">
        <v>86</v>
      </c>
      <c r="Q9449">
        <v>65</v>
      </c>
      <c r="R9449">
        <v>65</v>
      </c>
      <c r="S9449">
        <v>66</v>
      </c>
      <c r="T9449">
        <v>67</v>
      </c>
      <c r="U9449">
        <v>67</v>
      </c>
      <c r="V9449">
        <v>68</v>
      </c>
      <c r="W9449">
        <v>69</v>
      </c>
      <c r="X9449">
        <v>69</v>
      </c>
      <c r="Y9449">
        <v>70</v>
      </c>
      <c r="Z9449">
        <v>70</v>
      </c>
      <c r="AA9449">
        <v>71</v>
      </c>
      <c r="AB9449">
        <v>72</v>
      </c>
      <c r="AC9449">
        <v>72</v>
      </c>
      <c r="AD9449">
        <v>73</v>
      </c>
      <c r="AE9449">
        <v>73</v>
      </c>
      <c r="AF9449">
        <v>74</v>
      </c>
      <c r="AG9449">
        <v>74</v>
      </c>
      <c r="AH9449">
        <v>75</v>
      </c>
      <c r="AI9449">
        <v>75</v>
      </c>
      <c r="AJ9449">
        <v>76</v>
      </c>
      <c r="AK9449">
        <v>76</v>
      </c>
      <c r="AL9449">
        <v>76</v>
      </c>
      <c r="AM9449">
        <v>76</v>
      </c>
      <c r="AN9449">
        <v>76</v>
      </c>
      <c r="AO9449">
        <v>76</v>
      </c>
      <c r="AP9449">
        <v>76</v>
      </c>
      <c r="AQ9449">
        <v>75</v>
      </c>
    </row>
    <row r="9450" spans="1:43">
      <c r="A9450" t="s">
        <v>5898</v>
      </c>
      <c r="B9450" t="s">
        <v>5899</v>
      </c>
      <c r="C9450" t="s">
        <v>5782</v>
      </c>
      <c r="D9450" t="s">
        <v>5783</v>
      </c>
      <c r="E9450" t="s">
        <v>5698</v>
      </c>
      <c r="F9450" t="s">
        <v>5699</v>
      </c>
      <c r="G9450" t="s">
        <v>80</v>
      </c>
      <c r="H9450" t="s">
        <v>81</v>
      </c>
      <c r="I9450" s="2">
        <v>0</v>
      </c>
      <c r="J9450" s="2">
        <v>1</v>
      </c>
      <c r="K9450" s="2">
        <v>0</v>
      </c>
      <c r="L9450" t="s">
        <v>82</v>
      </c>
      <c r="M9450" t="s">
        <v>83</v>
      </c>
      <c r="N9450" t="s">
        <v>84</v>
      </c>
      <c r="O9450" t="s">
        <v>85</v>
      </c>
      <c r="P9450" t="s">
        <v>86</v>
      </c>
      <c r="Q9450">
        <v>47</v>
      </c>
      <c r="R9450">
        <v>48</v>
      </c>
      <c r="S9450">
        <v>48</v>
      </c>
      <c r="T9450">
        <v>49</v>
      </c>
      <c r="U9450">
        <v>49</v>
      </c>
      <c r="V9450">
        <v>50</v>
      </c>
      <c r="W9450">
        <v>50</v>
      </c>
      <c r="X9450">
        <v>50</v>
      </c>
      <c r="Y9450">
        <v>51</v>
      </c>
      <c r="Z9450">
        <v>51</v>
      </c>
      <c r="AA9450">
        <v>52</v>
      </c>
      <c r="AB9450">
        <v>52</v>
      </c>
      <c r="AC9450">
        <v>53</v>
      </c>
      <c r="AD9450">
        <v>53</v>
      </c>
      <c r="AE9450">
        <v>54</v>
      </c>
      <c r="AF9450">
        <v>54</v>
      </c>
      <c r="AG9450">
        <v>54</v>
      </c>
      <c r="AH9450">
        <v>55</v>
      </c>
      <c r="AI9450">
        <v>55</v>
      </c>
      <c r="AJ9450">
        <v>56</v>
      </c>
      <c r="AK9450">
        <v>56</v>
      </c>
      <c r="AL9450">
        <v>56</v>
      </c>
      <c r="AM9450">
        <v>56</v>
      </c>
      <c r="AN9450">
        <v>56</v>
      </c>
      <c r="AO9450">
        <v>56</v>
      </c>
      <c r="AP9450">
        <v>55</v>
      </c>
      <c r="AQ9450">
        <v>55</v>
      </c>
    </row>
    <row r="9451" spans="1:43">
      <c r="A9451" t="s">
        <v>5898</v>
      </c>
      <c r="B9451" t="s">
        <v>5899</v>
      </c>
      <c r="C9451" t="s">
        <v>5782</v>
      </c>
      <c r="D9451" t="s">
        <v>5783</v>
      </c>
      <c r="E9451" t="s">
        <v>5698</v>
      </c>
      <c r="F9451" t="s">
        <v>5699</v>
      </c>
      <c r="G9451" t="s">
        <v>80</v>
      </c>
      <c r="H9451" t="s">
        <v>81</v>
      </c>
      <c r="I9451" s="2">
        <v>0</v>
      </c>
      <c r="J9451" s="2">
        <v>1</v>
      </c>
      <c r="K9451" s="2">
        <v>0</v>
      </c>
      <c r="L9451" t="s">
        <v>82</v>
      </c>
      <c r="M9451" t="s">
        <v>87</v>
      </c>
      <c r="N9451" t="s">
        <v>88</v>
      </c>
      <c r="O9451" t="s">
        <v>85</v>
      </c>
      <c r="P9451" t="s">
        <v>86</v>
      </c>
      <c r="Q9451">
        <v>47</v>
      </c>
      <c r="R9451">
        <v>47</v>
      </c>
      <c r="S9451">
        <v>47</v>
      </c>
      <c r="T9451">
        <v>47</v>
      </c>
      <c r="U9451">
        <v>47</v>
      </c>
      <c r="V9451">
        <v>47</v>
      </c>
      <c r="W9451">
        <v>47</v>
      </c>
      <c r="X9451">
        <v>47</v>
      </c>
      <c r="Y9451">
        <v>47</v>
      </c>
      <c r="Z9451">
        <v>47</v>
      </c>
      <c r="AA9451">
        <v>47</v>
      </c>
      <c r="AB9451">
        <v>47</v>
      </c>
      <c r="AC9451">
        <v>47</v>
      </c>
      <c r="AD9451">
        <v>47</v>
      </c>
      <c r="AE9451">
        <v>47</v>
      </c>
      <c r="AF9451">
        <v>48</v>
      </c>
      <c r="AG9451">
        <v>48</v>
      </c>
      <c r="AH9451">
        <v>48</v>
      </c>
      <c r="AI9451">
        <v>48</v>
      </c>
      <c r="AJ9451">
        <v>48</v>
      </c>
      <c r="AK9451">
        <v>48</v>
      </c>
      <c r="AL9451">
        <v>48</v>
      </c>
      <c r="AM9451">
        <v>48</v>
      </c>
      <c r="AN9451">
        <v>48</v>
      </c>
      <c r="AO9451">
        <v>48</v>
      </c>
      <c r="AP9451">
        <v>48</v>
      </c>
      <c r="AQ9451">
        <v>48</v>
      </c>
    </row>
    <row r="9452" spans="1:43">
      <c r="A9452" t="s">
        <v>5898</v>
      </c>
      <c r="B9452" t="s">
        <v>5899</v>
      </c>
      <c r="C9452" t="s">
        <v>5782</v>
      </c>
      <c r="D9452" t="s">
        <v>5783</v>
      </c>
      <c r="E9452" t="s">
        <v>5698</v>
      </c>
      <c r="F9452" t="s">
        <v>5699</v>
      </c>
      <c r="G9452" t="s">
        <v>80</v>
      </c>
      <c r="H9452" t="s">
        <v>81</v>
      </c>
      <c r="I9452" s="2">
        <v>0</v>
      </c>
      <c r="J9452" s="2">
        <v>1</v>
      </c>
      <c r="K9452" s="2">
        <v>0</v>
      </c>
      <c r="L9452" t="s">
        <v>82</v>
      </c>
      <c r="M9452" t="s">
        <v>89</v>
      </c>
      <c r="N9452" t="s">
        <v>90</v>
      </c>
      <c r="O9452" t="s">
        <v>85</v>
      </c>
      <c r="P9452" t="s">
        <v>86</v>
      </c>
      <c r="Q9452">
        <v>47</v>
      </c>
      <c r="R9452">
        <v>48</v>
      </c>
      <c r="S9452">
        <v>49</v>
      </c>
      <c r="T9452">
        <v>50</v>
      </c>
      <c r="U9452">
        <v>51</v>
      </c>
      <c r="V9452">
        <v>52</v>
      </c>
      <c r="W9452">
        <v>53</v>
      </c>
      <c r="X9452">
        <v>53</v>
      </c>
      <c r="Y9452">
        <v>54</v>
      </c>
      <c r="Z9452">
        <v>55</v>
      </c>
      <c r="AA9452">
        <v>55</v>
      </c>
      <c r="AB9452">
        <v>56</v>
      </c>
      <c r="AC9452">
        <v>56</v>
      </c>
      <c r="AD9452">
        <v>57</v>
      </c>
      <c r="AE9452">
        <v>57</v>
      </c>
      <c r="AF9452">
        <v>57</v>
      </c>
      <c r="AG9452">
        <v>57</v>
      </c>
      <c r="AH9452">
        <v>57</v>
      </c>
      <c r="AI9452">
        <v>57</v>
      </c>
      <c r="AJ9452">
        <v>57</v>
      </c>
      <c r="AK9452">
        <v>57</v>
      </c>
      <c r="AL9452">
        <v>56</v>
      </c>
      <c r="AM9452">
        <v>56</v>
      </c>
      <c r="AN9452">
        <v>56</v>
      </c>
      <c r="AO9452">
        <v>56</v>
      </c>
      <c r="AP9452">
        <v>56</v>
      </c>
      <c r="AQ9452">
        <v>56</v>
      </c>
    </row>
    <row r="9453" spans="1:43">
      <c r="A9453" t="s">
        <v>5898</v>
      </c>
      <c r="B9453" t="s">
        <v>5899</v>
      </c>
      <c r="C9453" t="s">
        <v>5782</v>
      </c>
      <c r="D9453" t="s">
        <v>5783</v>
      </c>
      <c r="E9453" t="s">
        <v>5698</v>
      </c>
      <c r="F9453" t="s">
        <v>5699</v>
      </c>
      <c r="G9453" t="s">
        <v>80</v>
      </c>
      <c r="H9453" t="s">
        <v>81</v>
      </c>
      <c r="I9453" s="2">
        <v>0</v>
      </c>
      <c r="J9453" s="2">
        <v>1</v>
      </c>
      <c r="K9453" s="2">
        <v>0</v>
      </c>
      <c r="L9453" t="s">
        <v>82</v>
      </c>
      <c r="M9453" t="s">
        <v>83</v>
      </c>
      <c r="N9453" t="s">
        <v>91</v>
      </c>
      <c r="O9453" t="s">
        <v>85</v>
      </c>
      <c r="P9453" t="s">
        <v>86</v>
      </c>
      <c r="Q9453">
        <v>47</v>
      </c>
      <c r="R9453">
        <v>48</v>
      </c>
      <c r="S9453">
        <v>48</v>
      </c>
      <c r="T9453">
        <v>49</v>
      </c>
      <c r="U9453">
        <v>49</v>
      </c>
      <c r="V9453">
        <v>50</v>
      </c>
      <c r="W9453">
        <v>50</v>
      </c>
      <c r="X9453">
        <v>50</v>
      </c>
      <c r="Y9453">
        <v>51</v>
      </c>
      <c r="Z9453">
        <v>51</v>
      </c>
      <c r="AA9453">
        <v>52</v>
      </c>
      <c r="AB9453">
        <v>52</v>
      </c>
      <c r="AC9453">
        <v>53</v>
      </c>
      <c r="AD9453">
        <v>53</v>
      </c>
      <c r="AE9453">
        <v>54</v>
      </c>
      <c r="AF9453">
        <v>54</v>
      </c>
      <c r="AG9453">
        <v>54</v>
      </c>
      <c r="AH9453">
        <v>55</v>
      </c>
      <c r="AI9453">
        <v>55</v>
      </c>
      <c r="AJ9453">
        <v>56</v>
      </c>
      <c r="AK9453">
        <v>56</v>
      </c>
      <c r="AL9453">
        <v>56</v>
      </c>
      <c r="AM9453">
        <v>56</v>
      </c>
      <c r="AN9453">
        <v>56</v>
      </c>
      <c r="AO9453">
        <v>56</v>
      </c>
      <c r="AP9453">
        <v>55</v>
      </c>
      <c r="AQ9453">
        <v>55</v>
      </c>
    </row>
    <row r="9454" spans="1:43">
      <c r="A9454" t="s">
        <v>5900</v>
      </c>
      <c r="B9454" t="s">
        <v>5901</v>
      </c>
      <c r="C9454" t="s">
        <v>5902</v>
      </c>
      <c r="D9454" t="s">
        <v>5903</v>
      </c>
      <c r="E9454" t="s">
        <v>5698</v>
      </c>
      <c r="F9454" t="s">
        <v>5699</v>
      </c>
      <c r="G9454" t="s">
        <v>80</v>
      </c>
      <c r="H9454" t="s">
        <v>81</v>
      </c>
      <c r="I9454" s="2">
        <v>0</v>
      </c>
      <c r="J9454" s="2">
        <v>1</v>
      </c>
      <c r="K9454" s="2">
        <v>0</v>
      </c>
      <c r="L9454" t="s">
        <v>82</v>
      </c>
      <c r="M9454" t="s">
        <v>83</v>
      </c>
      <c r="N9454" t="s">
        <v>84</v>
      </c>
      <c r="O9454" t="s">
        <v>85</v>
      </c>
      <c r="P9454" t="s">
        <v>86</v>
      </c>
      <c r="Q9454">
        <v>85</v>
      </c>
      <c r="R9454">
        <v>86</v>
      </c>
      <c r="S9454">
        <v>87</v>
      </c>
      <c r="T9454">
        <v>88</v>
      </c>
      <c r="U9454">
        <v>89</v>
      </c>
      <c r="V9454">
        <v>90</v>
      </c>
      <c r="W9454">
        <v>91</v>
      </c>
      <c r="X9454">
        <v>92</v>
      </c>
      <c r="Y9454">
        <v>93</v>
      </c>
      <c r="Z9454">
        <v>93</v>
      </c>
      <c r="AA9454">
        <v>94</v>
      </c>
      <c r="AB9454">
        <v>95</v>
      </c>
      <c r="AC9454">
        <v>96</v>
      </c>
      <c r="AD9454">
        <v>97</v>
      </c>
      <c r="AE9454">
        <v>97</v>
      </c>
      <c r="AF9454">
        <v>98</v>
      </c>
      <c r="AG9454">
        <v>99</v>
      </c>
      <c r="AH9454">
        <v>100</v>
      </c>
      <c r="AI9454">
        <v>100</v>
      </c>
      <c r="AJ9454">
        <v>101</v>
      </c>
      <c r="AK9454">
        <v>102</v>
      </c>
      <c r="AL9454">
        <v>102</v>
      </c>
      <c r="AM9454">
        <v>102</v>
      </c>
      <c r="AN9454">
        <v>102</v>
      </c>
      <c r="AO9454">
        <v>102</v>
      </c>
      <c r="AP9454">
        <v>101</v>
      </c>
      <c r="AQ9454">
        <v>101</v>
      </c>
    </row>
    <row r="9455" spans="1:43">
      <c r="A9455" t="s">
        <v>5900</v>
      </c>
      <c r="B9455" t="s">
        <v>5901</v>
      </c>
      <c r="C9455" t="s">
        <v>5902</v>
      </c>
      <c r="D9455" t="s">
        <v>5903</v>
      </c>
      <c r="E9455" t="s">
        <v>5698</v>
      </c>
      <c r="F9455" t="s">
        <v>5699</v>
      </c>
      <c r="G9455" t="s">
        <v>80</v>
      </c>
      <c r="H9455" t="s">
        <v>81</v>
      </c>
      <c r="I9455" s="2">
        <v>0</v>
      </c>
      <c r="J9455" s="2">
        <v>1</v>
      </c>
      <c r="K9455" s="2">
        <v>0</v>
      </c>
      <c r="L9455" t="s">
        <v>82</v>
      </c>
      <c r="M9455" t="s">
        <v>87</v>
      </c>
      <c r="N9455" t="s">
        <v>88</v>
      </c>
      <c r="O9455" t="s">
        <v>85</v>
      </c>
      <c r="P9455" t="s">
        <v>86</v>
      </c>
      <c r="Q9455">
        <v>85</v>
      </c>
      <c r="R9455">
        <v>85</v>
      </c>
      <c r="S9455">
        <v>85</v>
      </c>
      <c r="T9455">
        <v>85</v>
      </c>
      <c r="U9455">
        <v>85</v>
      </c>
      <c r="V9455">
        <v>85</v>
      </c>
      <c r="W9455">
        <v>85</v>
      </c>
      <c r="X9455">
        <v>85</v>
      </c>
      <c r="Y9455">
        <v>86</v>
      </c>
      <c r="Z9455">
        <v>86</v>
      </c>
      <c r="AA9455">
        <v>86</v>
      </c>
      <c r="AB9455">
        <v>86</v>
      </c>
      <c r="AC9455">
        <v>86</v>
      </c>
      <c r="AD9455">
        <v>86</v>
      </c>
      <c r="AE9455">
        <v>86</v>
      </c>
      <c r="AF9455">
        <v>86</v>
      </c>
      <c r="AG9455">
        <v>87</v>
      </c>
      <c r="AH9455">
        <v>87</v>
      </c>
      <c r="AI9455">
        <v>87</v>
      </c>
      <c r="AJ9455">
        <v>87</v>
      </c>
      <c r="AK9455">
        <v>87</v>
      </c>
      <c r="AL9455">
        <v>87</v>
      </c>
      <c r="AM9455">
        <v>87</v>
      </c>
      <c r="AN9455">
        <v>87</v>
      </c>
      <c r="AO9455">
        <v>87</v>
      </c>
      <c r="AP9455">
        <v>88</v>
      </c>
      <c r="AQ9455">
        <v>88</v>
      </c>
    </row>
    <row r="9456" spans="1:43">
      <c r="A9456" t="s">
        <v>5900</v>
      </c>
      <c r="B9456" t="s">
        <v>5901</v>
      </c>
      <c r="C9456" t="s">
        <v>5902</v>
      </c>
      <c r="D9456" t="s">
        <v>5903</v>
      </c>
      <c r="E9456" t="s">
        <v>5698</v>
      </c>
      <c r="F9456" t="s">
        <v>5699</v>
      </c>
      <c r="G9456" t="s">
        <v>80</v>
      </c>
      <c r="H9456" t="s">
        <v>81</v>
      </c>
      <c r="I9456" s="2">
        <v>0</v>
      </c>
      <c r="J9456" s="2">
        <v>1</v>
      </c>
      <c r="K9456" s="2">
        <v>0</v>
      </c>
      <c r="L9456" t="s">
        <v>82</v>
      </c>
      <c r="M9456" t="s">
        <v>89</v>
      </c>
      <c r="N9456" t="s">
        <v>90</v>
      </c>
      <c r="O9456" t="s">
        <v>85</v>
      </c>
      <c r="P9456" t="s">
        <v>86</v>
      </c>
      <c r="Q9456">
        <v>85</v>
      </c>
      <c r="R9456">
        <v>87</v>
      </c>
      <c r="S9456">
        <v>88</v>
      </c>
      <c r="T9456">
        <v>90</v>
      </c>
      <c r="U9456">
        <v>92</v>
      </c>
      <c r="V9456">
        <v>93</v>
      </c>
      <c r="W9456">
        <v>95</v>
      </c>
      <c r="X9456">
        <v>96</v>
      </c>
      <c r="Y9456">
        <v>97</v>
      </c>
      <c r="Z9456">
        <v>98</v>
      </c>
      <c r="AA9456">
        <v>99</v>
      </c>
      <c r="AB9456">
        <v>101</v>
      </c>
      <c r="AC9456">
        <v>102</v>
      </c>
      <c r="AD9456">
        <v>103</v>
      </c>
      <c r="AE9456">
        <v>103</v>
      </c>
      <c r="AF9456">
        <v>103</v>
      </c>
      <c r="AG9456">
        <v>103</v>
      </c>
      <c r="AH9456">
        <v>103</v>
      </c>
      <c r="AI9456">
        <v>103</v>
      </c>
      <c r="AJ9456">
        <v>103</v>
      </c>
      <c r="AK9456">
        <v>103</v>
      </c>
      <c r="AL9456">
        <v>102</v>
      </c>
      <c r="AM9456">
        <v>102</v>
      </c>
      <c r="AN9456">
        <v>102</v>
      </c>
      <c r="AO9456">
        <v>102</v>
      </c>
      <c r="AP9456">
        <v>102</v>
      </c>
      <c r="AQ9456">
        <v>101</v>
      </c>
    </row>
    <row r="9457" spans="1:43">
      <c r="A9457" t="s">
        <v>5900</v>
      </c>
      <c r="B9457" t="s">
        <v>5901</v>
      </c>
      <c r="C9457" t="s">
        <v>5902</v>
      </c>
      <c r="D9457" t="s">
        <v>5903</v>
      </c>
      <c r="E9457" t="s">
        <v>5698</v>
      </c>
      <c r="F9457" t="s">
        <v>5699</v>
      </c>
      <c r="G9457" t="s">
        <v>80</v>
      </c>
      <c r="H9457" t="s">
        <v>81</v>
      </c>
      <c r="I9457" s="2">
        <v>0</v>
      </c>
      <c r="J9457" s="2">
        <v>1</v>
      </c>
      <c r="K9457" s="2">
        <v>0</v>
      </c>
      <c r="L9457" t="s">
        <v>82</v>
      </c>
      <c r="M9457" t="s">
        <v>83</v>
      </c>
      <c r="N9457" t="s">
        <v>91</v>
      </c>
      <c r="O9457" t="s">
        <v>85</v>
      </c>
      <c r="P9457" t="s">
        <v>86</v>
      </c>
      <c r="Q9457">
        <v>85</v>
      </c>
      <c r="R9457">
        <v>86</v>
      </c>
      <c r="S9457">
        <v>87</v>
      </c>
      <c r="T9457">
        <v>88</v>
      </c>
      <c r="U9457">
        <v>89</v>
      </c>
      <c r="V9457">
        <v>90</v>
      </c>
      <c r="W9457">
        <v>91</v>
      </c>
      <c r="X9457">
        <v>92</v>
      </c>
      <c r="Y9457">
        <v>93</v>
      </c>
      <c r="Z9457">
        <v>93</v>
      </c>
      <c r="AA9457">
        <v>94</v>
      </c>
      <c r="AB9457">
        <v>95</v>
      </c>
      <c r="AC9457">
        <v>96</v>
      </c>
      <c r="AD9457">
        <v>97</v>
      </c>
      <c r="AE9457">
        <v>97</v>
      </c>
      <c r="AF9457">
        <v>98</v>
      </c>
      <c r="AG9457">
        <v>99</v>
      </c>
      <c r="AH9457">
        <v>100</v>
      </c>
      <c r="AI9457">
        <v>100</v>
      </c>
      <c r="AJ9457">
        <v>101</v>
      </c>
      <c r="AK9457">
        <v>102</v>
      </c>
      <c r="AL9457">
        <v>102</v>
      </c>
      <c r="AM9457">
        <v>102</v>
      </c>
      <c r="AN9457">
        <v>102</v>
      </c>
      <c r="AO9457">
        <v>102</v>
      </c>
      <c r="AP9457">
        <v>101</v>
      </c>
      <c r="AQ9457">
        <v>101</v>
      </c>
    </row>
    <row r="9458" spans="1:43">
      <c r="A9458" t="s">
        <v>5904</v>
      </c>
      <c r="B9458" t="s">
        <v>5905</v>
      </c>
      <c r="C9458" t="s">
        <v>5902</v>
      </c>
      <c r="D9458" t="s">
        <v>5903</v>
      </c>
      <c r="E9458" t="s">
        <v>5698</v>
      </c>
      <c r="F9458" t="s">
        <v>5699</v>
      </c>
      <c r="G9458" t="s">
        <v>80</v>
      </c>
      <c r="H9458" t="s">
        <v>81</v>
      </c>
      <c r="I9458" s="2">
        <v>0</v>
      </c>
      <c r="J9458" s="2">
        <v>1</v>
      </c>
      <c r="K9458" s="2">
        <v>0</v>
      </c>
      <c r="L9458" t="s">
        <v>82</v>
      </c>
      <c r="M9458" t="s">
        <v>83</v>
      </c>
      <c r="N9458" t="s">
        <v>84</v>
      </c>
      <c r="O9458" t="s">
        <v>85</v>
      </c>
      <c r="P9458" t="s">
        <v>86</v>
      </c>
      <c r="Q9458">
        <v>29</v>
      </c>
      <c r="R9458">
        <v>30</v>
      </c>
      <c r="S9458">
        <v>30</v>
      </c>
      <c r="T9458">
        <v>30</v>
      </c>
      <c r="U9458">
        <v>31</v>
      </c>
      <c r="V9458">
        <v>31</v>
      </c>
      <c r="W9458">
        <v>31</v>
      </c>
      <c r="X9458">
        <v>32</v>
      </c>
      <c r="Y9458">
        <v>32</v>
      </c>
      <c r="Z9458">
        <v>32</v>
      </c>
      <c r="AA9458">
        <v>32</v>
      </c>
      <c r="AB9458">
        <v>33</v>
      </c>
      <c r="AC9458">
        <v>33</v>
      </c>
      <c r="AD9458">
        <v>33</v>
      </c>
      <c r="AE9458">
        <v>34</v>
      </c>
      <c r="AF9458">
        <v>34</v>
      </c>
      <c r="AG9458">
        <v>34</v>
      </c>
      <c r="AH9458">
        <v>34</v>
      </c>
      <c r="AI9458">
        <v>35</v>
      </c>
      <c r="AJ9458">
        <v>35</v>
      </c>
      <c r="AK9458">
        <v>35</v>
      </c>
      <c r="AL9458">
        <v>35</v>
      </c>
      <c r="AM9458">
        <v>35</v>
      </c>
      <c r="AN9458">
        <v>35</v>
      </c>
      <c r="AO9458">
        <v>35</v>
      </c>
      <c r="AP9458">
        <v>35</v>
      </c>
      <c r="AQ9458">
        <v>35</v>
      </c>
    </row>
    <row r="9459" spans="1:43">
      <c r="A9459" t="s">
        <v>5904</v>
      </c>
      <c r="B9459" t="s">
        <v>5905</v>
      </c>
      <c r="C9459" t="s">
        <v>5902</v>
      </c>
      <c r="D9459" t="s">
        <v>5903</v>
      </c>
      <c r="E9459" t="s">
        <v>5698</v>
      </c>
      <c r="F9459" t="s">
        <v>5699</v>
      </c>
      <c r="G9459" t="s">
        <v>80</v>
      </c>
      <c r="H9459" t="s">
        <v>81</v>
      </c>
      <c r="I9459" s="2">
        <v>0</v>
      </c>
      <c r="J9459" s="2">
        <v>1</v>
      </c>
      <c r="K9459" s="2">
        <v>0</v>
      </c>
      <c r="L9459" t="s">
        <v>82</v>
      </c>
      <c r="M9459" t="s">
        <v>87</v>
      </c>
      <c r="N9459" t="s">
        <v>88</v>
      </c>
      <c r="O9459" t="s">
        <v>85</v>
      </c>
      <c r="P9459" t="s">
        <v>86</v>
      </c>
      <c r="Q9459">
        <v>29</v>
      </c>
      <c r="R9459">
        <v>29</v>
      </c>
      <c r="S9459">
        <v>29</v>
      </c>
      <c r="T9459">
        <v>29</v>
      </c>
      <c r="U9459">
        <v>29</v>
      </c>
      <c r="V9459">
        <v>29</v>
      </c>
      <c r="W9459">
        <v>29</v>
      </c>
      <c r="X9459">
        <v>29</v>
      </c>
      <c r="Y9459">
        <v>29</v>
      </c>
      <c r="Z9459">
        <v>29</v>
      </c>
      <c r="AA9459">
        <v>30</v>
      </c>
      <c r="AB9459">
        <v>30</v>
      </c>
      <c r="AC9459">
        <v>30</v>
      </c>
      <c r="AD9459">
        <v>30</v>
      </c>
      <c r="AE9459">
        <v>30</v>
      </c>
      <c r="AF9459">
        <v>30</v>
      </c>
      <c r="AG9459">
        <v>30</v>
      </c>
      <c r="AH9459">
        <v>30</v>
      </c>
      <c r="AI9459">
        <v>30</v>
      </c>
      <c r="AJ9459">
        <v>30</v>
      </c>
      <c r="AK9459">
        <v>30</v>
      </c>
      <c r="AL9459">
        <v>30</v>
      </c>
      <c r="AM9459">
        <v>30</v>
      </c>
      <c r="AN9459">
        <v>30</v>
      </c>
      <c r="AO9459">
        <v>30</v>
      </c>
      <c r="AP9459">
        <v>30</v>
      </c>
      <c r="AQ9459">
        <v>30</v>
      </c>
    </row>
    <row r="9460" spans="1:43">
      <c r="A9460" t="s">
        <v>5904</v>
      </c>
      <c r="B9460" t="s">
        <v>5905</v>
      </c>
      <c r="C9460" t="s">
        <v>5902</v>
      </c>
      <c r="D9460" t="s">
        <v>5903</v>
      </c>
      <c r="E9460" t="s">
        <v>5698</v>
      </c>
      <c r="F9460" t="s">
        <v>5699</v>
      </c>
      <c r="G9460" t="s">
        <v>80</v>
      </c>
      <c r="H9460" t="s">
        <v>81</v>
      </c>
      <c r="I9460" s="2">
        <v>0</v>
      </c>
      <c r="J9460" s="2">
        <v>1</v>
      </c>
      <c r="K9460" s="2">
        <v>0</v>
      </c>
      <c r="L9460" t="s">
        <v>82</v>
      </c>
      <c r="M9460" t="s">
        <v>89</v>
      </c>
      <c r="N9460" t="s">
        <v>90</v>
      </c>
      <c r="O9460" t="s">
        <v>85</v>
      </c>
      <c r="P9460" t="s">
        <v>86</v>
      </c>
      <c r="Q9460">
        <v>29</v>
      </c>
      <c r="R9460">
        <v>29</v>
      </c>
      <c r="S9460">
        <v>30</v>
      </c>
      <c r="T9460">
        <v>30</v>
      </c>
      <c r="U9460">
        <v>31</v>
      </c>
      <c r="V9460">
        <v>31</v>
      </c>
      <c r="W9460">
        <v>32</v>
      </c>
      <c r="X9460">
        <v>32</v>
      </c>
      <c r="Y9460">
        <v>33</v>
      </c>
      <c r="Z9460">
        <v>33</v>
      </c>
      <c r="AA9460">
        <v>34</v>
      </c>
      <c r="AB9460">
        <v>34</v>
      </c>
      <c r="AC9460">
        <v>34</v>
      </c>
      <c r="AD9460">
        <v>35</v>
      </c>
      <c r="AE9460">
        <v>35</v>
      </c>
      <c r="AF9460">
        <v>35</v>
      </c>
      <c r="AG9460">
        <v>35</v>
      </c>
      <c r="AH9460">
        <v>35</v>
      </c>
      <c r="AI9460">
        <v>35</v>
      </c>
      <c r="AJ9460">
        <v>35</v>
      </c>
      <c r="AK9460">
        <v>35</v>
      </c>
      <c r="AL9460">
        <v>35</v>
      </c>
      <c r="AM9460">
        <v>35</v>
      </c>
      <c r="AN9460">
        <v>35</v>
      </c>
      <c r="AO9460">
        <v>35</v>
      </c>
      <c r="AP9460">
        <v>35</v>
      </c>
      <c r="AQ9460">
        <v>34</v>
      </c>
    </row>
    <row r="9461" spans="1:43">
      <c r="A9461" t="s">
        <v>5904</v>
      </c>
      <c r="B9461" t="s">
        <v>5905</v>
      </c>
      <c r="C9461" t="s">
        <v>5902</v>
      </c>
      <c r="D9461" t="s">
        <v>5903</v>
      </c>
      <c r="E9461" t="s">
        <v>5698</v>
      </c>
      <c r="F9461" t="s">
        <v>5699</v>
      </c>
      <c r="G9461" t="s">
        <v>80</v>
      </c>
      <c r="H9461" t="s">
        <v>81</v>
      </c>
      <c r="I9461" s="2">
        <v>0</v>
      </c>
      <c r="J9461" s="2">
        <v>1</v>
      </c>
      <c r="K9461" s="2">
        <v>0</v>
      </c>
      <c r="L9461" t="s">
        <v>82</v>
      </c>
      <c r="M9461" t="s">
        <v>83</v>
      </c>
      <c r="N9461" t="s">
        <v>91</v>
      </c>
      <c r="O9461" t="s">
        <v>85</v>
      </c>
      <c r="P9461" t="s">
        <v>86</v>
      </c>
      <c r="Q9461">
        <v>29</v>
      </c>
      <c r="R9461">
        <v>30</v>
      </c>
      <c r="S9461">
        <v>30</v>
      </c>
      <c r="T9461">
        <v>30</v>
      </c>
      <c r="U9461">
        <v>31</v>
      </c>
      <c r="V9461">
        <v>31</v>
      </c>
      <c r="W9461">
        <v>31</v>
      </c>
      <c r="X9461">
        <v>32</v>
      </c>
      <c r="Y9461">
        <v>32</v>
      </c>
      <c r="Z9461">
        <v>32</v>
      </c>
      <c r="AA9461">
        <v>32</v>
      </c>
      <c r="AB9461">
        <v>33</v>
      </c>
      <c r="AC9461">
        <v>33</v>
      </c>
      <c r="AD9461">
        <v>33</v>
      </c>
      <c r="AE9461">
        <v>34</v>
      </c>
      <c r="AF9461">
        <v>34</v>
      </c>
      <c r="AG9461">
        <v>34</v>
      </c>
      <c r="AH9461">
        <v>34</v>
      </c>
      <c r="AI9461">
        <v>35</v>
      </c>
      <c r="AJ9461">
        <v>35</v>
      </c>
      <c r="AK9461">
        <v>35</v>
      </c>
      <c r="AL9461">
        <v>35</v>
      </c>
      <c r="AM9461">
        <v>35</v>
      </c>
      <c r="AN9461">
        <v>35</v>
      </c>
      <c r="AO9461">
        <v>35</v>
      </c>
      <c r="AP9461">
        <v>35</v>
      </c>
      <c r="AQ9461">
        <v>35</v>
      </c>
    </row>
    <row r="9462" spans="1:43">
      <c r="A9462" t="s">
        <v>5906</v>
      </c>
      <c r="B9462" t="s">
        <v>5907</v>
      </c>
      <c r="C9462" t="s">
        <v>5902</v>
      </c>
      <c r="D9462" t="s">
        <v>5903</v>
      </c>
      <c r="E9462" t="s">
        <v>5698</v>
      </c>
      <c r="F9462" t="s">
        <v>5699</v>
      </c>
      <c r="G9462" t="s">
        <v>80</v>
      </c>
      <c r="H9462" t="s">
        <v>81</v>
      </c>
      <c r="I9462" s="2">
        <v>0</v>
      </c>
      <c r="J9462" s="2">
        <v>1</v>
      </c>
      <c r="K9462" s="2">
        <v>0</v>
      </c>
      <c r="L9462" t="s">
        <v>82</v>
      </c>
      <c r="M9462" t="s">
        <v>83</v>
      </c>
      <c r="N9462" t="s">
        <v>84</v>
      </c>
      <c r="O9462" t="s">
        <v>85</v>
      </c>
      <c r="P9462" t="s">
        <v>86</v>
      </c>
      <c r="Q9462">
        <v>92</v>
      </c>
      <c r="R9462">
        <v>93</v>
      </c>
      <c r="S9462">
        <v>94</v>
      </c>
      <c r="T9462">
        <v>95</v>
      </c>
      <c r="U9462">
        <v>96</v>
      </c>
      <c r="V9462">
        <v>97</v>
      </c>
      <c r="W9462">
        <v>98</v>
      </c>
      <c r="X9462">
        <v>99</v>
      </c>
      <c r="Y9462">
        <v>100</v>
      </c>
      <c r="Z9462">
        <v>101</v>
      </c>
      <c r="AA9462">
        <v>102</v>
      </c>
      <c r="AB9462">
        <v>103</v>
      </c>
      <c r="AC9462">
        <v>104</v>
      </c>
      <c r="AD9462">
        <v>105</v>
      </c>
      <c r="AE9462">
        <v>106</v>
      </c>
      <c r="AF9462">
        <v>106</v>
      </c>
      <c r="AG9462">
        <v>107</v>
      </c>
      <c r="AH9462">
        <v>108</v>
      </c>
      <c r="AI9462">
        <v>109</v>
      </c>
      <c r="AJ9462">
        <v>110</v>
      </c>
      <c r="AK9462">
        <v>111</v>
      </c>
      <c r="AL9462">
        <v>111</v>
      </c>
      <c r="AM9462">
        <v>111</v>
      </c>
      <c r="AN9462">
        <v>111</v>
      </c>
      <c r="AO9462">
        <v>111</v>
      </c>
      <c r="AP9462">
        <v>111</v>
      </c>
      <c r="AQ9462">
        <v>111</v>
      </c>
    </row>
    <row r="9463" spans="1:43">
      <c r="A9463" t="s">
        <v>5906</v>
      </c>
      <c r="B9463" t="s">
        <v>5907</v>
      </c>
      <c r="C9463" t="s">
        <v>5902</v>
      </c>
      <c r="D9463" t="s">
        <v>5903</v>
      </c>
      <c r="E9463" t="s">
        <v>5698</v>
      </c>
      <c r="F9463" t="s">
        <v>5699</v>
      </c>
      <c r="G9463" t="s">
        <v>80</v>
      </c>
      <c r="H9463" t="s">
        <v>81</v>
      </c>
      <c r="I9463" s="2">
        <v>0</v>
      </c>
      <c r="J9463" s="2">
        <v>1</v>
      </c>
      <c r="K9463" s="2">
        <v>0</v>
      </c>
      <c r="L9463" t="s">
        <v>82</v>
      </c>
      <c r="M9463" t="s">
        <v>87</v>
      </c>
      <c r="N9463" t="s">
        <v>88</v>
      </c>
      <c r="O9463" t="s">
        <v>85</v>
      </c>
      <c r="P9463" t="s">
        <v>86</v>
      </c>
      <c r="Q9463">
        <v>92</v>
      </c>
      <c r="R9463">
        <v>92</v>
      </c>
      <c r="S9463">
        <v>93</v>
      </c>
      <c r="T9463">
        <v>93</v>
      </c>
      <c r="U9463">
        <v>93</v>
      </c>
      <c r="V9463">
        <v>93</v>
      </c>
      <c r="W9463">
        <v>93</v>
      </c>
      <c r="X9463">
        <v>93</v>
      </c>
      <c r="Y9463">
        <v>93</v>
      </c>
      <c r="Z9463">
        <v>94</v>
      </c>
      <c r="AA9463">
        <v>94</v>
      </c>
      <c r="AB9463">
        <v>94</v>
      </c>
      <c r="AC9463">
        <v>94</v>
      </c>
      <c r="AD9463">
        <v>94</v>
      </c>
      <c r="AE9463">
        <v>94</v>
      </c>
      <c r="AF9463">
        <v>95</v>
      </c>
      <c r="AG9463">
        <v>95</v>
      </c>
      <c r="AH9463">
        <v>95</v>
      </c>
      <c r="AI9463">
        <v>95</v>
      </c>
      <c r="AJ9463">
        <v>95</v>
      </c>
      <c r="AK9463">
        <v>95</v>
      </c>
      <c r="AL9463">
        <v>95</v>
      </c>
      <c r="AM9463">
        <v>95</v>
      </c>
      <c r="AN9463">
        <v>96</v>
      </c>
      <c r="AO9463">
        <v>96</v>
      </c>
      <c r="AP9463">
        <v>96</v>
      </c>
      <c r="AQ9463">
        <v>96</v>
      </c>
    </row>
    <row r="9464" spans="1:43">
      <c r="A9464" t="s">
        <v>5906</v>
      </c>
      <c r="B9464" t="s">
        <v>5907</v>
      </c>
      <c r="C9464" t="s">
        <v>5902</v>
      </c>
      <c r="D9464" t="s">
        <v>5903</v>
      </c>
      <c r="E9464" t="s">
        <v>5698</v>
      </c>
      <c r="F9464" t="s">
        <v>5699</v>
      </c>
      <c r="G9464" t="s">
        <v>80</v>
      </c>
      <c r="H9464" t="s">
        <v>81</v>
      </c>
      <c r="I9464" s="2">
        <v>0</v>
      </c>
      <c r="J9464" s="2">
        <v>1</v>
      </c>
      <c r="K9464" s="2">
        <v>0</v>
      </c>
      <c r="L9464" t="s">
        <v>82</v>
      </c>
      <c r="M9464" t="s">
        <v>89</v>
      </c>
      <c r="N9464" t="s">
        <v>90</v>
      </c>
      <c r="O9464" t="s">
        <v>85</v>
      </c>
      <c r="P9464" t="s">
        <v>86</v>
      </c>
      <c r="Q9464">
        <v>92</v>
      </c>
      <c r="R9464">
        <v>94</v>
      </c>
      <c r="S9464">
        <v>95</v>
      </c>
      <c r="T9464">
        <v>97</v>
      </c>
      <c r="U9464">
        <v>99</v>
      </c>
      <c r="V9464">
        <v>101</v>
      </c>
      <c r="W9464">
        <v>102</v>
      </c>
      <c r="X9464">
        <v>104</v>
      </c>
      <c r="Y9464">
        <v>105</v>
      </c>
      <c r="Z9464">
        <v>106</v>
      </c>
      <c r="AA9464">
        <v>108</v>
      </c>
      <c r="AB9464">
        <v>109</v>
      </c>
      <c r="AC9464">
        <v>110</v>
      </c>
      <c r="AD9464">
        <v>111</v>
      </c>
      <c r="AE9464">
        <v>112</v>
      </c>
      <c r="AF9464">
        <v>112</v>
      </c>
      <c r="AG9464">
        <v>112</v>
      </c>
      <c r="AH9464">
        <v>112</v>
      </c>
      <c r="AI9464">
        <v>112</v>
      </c>
      <c r="AJ9464">
        <v>112</v>
      </c>
      <c r="AK9464">
        <v>112</v>
      </c>
      <c r="AL9464">
        <v>112</v>
      </c>
      <c r="AM9464">
        <v>112</v>
      </c>
      <c r="AN9464">
        <v>112</v>
      </c>
      <c r="AO9464">
        <v>112</v>
      </c>
      <c r="AP9464">
        <v>111</v>
      </c>
      <c r="AQ9464">
        <v>111</v>
      </c>
    </row>
    <row r="9465" spans="1:43">
      <c r="A9465" t="s">
        <v>5906</v>
      </c>
      <c r="B9465" t="s">
        <v>5907</v>
      </c>
      <c r="C9465" t="s">
        <v>5902</v>
      </c>
      <c r="D9465" t="s">
        <v>5903</v>
      </c>
      <c r="E9465" t="s">
        <v>5698</v>
      </c>
      <c r="F9465" t="s">
        <v>5699</v>
      </c>
      <c r="G9465" t="s">
        <v>80</v>
      </c>
      <c r="H9465" t="s">
        <v>81</v>
      </c>
      <c r="I9465" s="2">
        <v>0</v>
      </c>
      <c r="J9465" s="2">
        <v>1</v>
      </c>
      <c r="K9465" s="2">
        <v>0</v>
      </c>
      <c r="L9465" t="s">
        <v>82</v>
      </c>
      <c r="M9465" t="s">
        <v>83</v>
      </c>
      <c r="N9465" t="s">
        <v>91</v>
      </c>
      <c r="O9465" t="s">
        <v>85</v>
      </c>
      <c r="P9465" t="s">
        <v>86</v>
      </c>
      <c r="Q9465">
        <v>92</v>
      </c>
      <c r="R9465">
        <v>93</v>
      </c>
      <c r="S9465">
        <v>94</v>
      </c>
      <c r="T9465">
        <v>95</v>
      </c>
      <c r="U9465">
        <v>96</v>
      </c>
      <c r="V9465">
        <v>97</v>
      </c>
      <c r="W9465">
        <v>98</v>
      </c>
      <c r="X9465">
        <v>99</v>
      </c>
      <c r="Y9465">
        <v>100</v>
      </c>
      <c r="Z9465">
        <v>101</v>
      </c>
      <c r="AA9465">
        <v>102</v>
      </c>
      <c r="AB9465">
        <v>103</v>
      </c>
      <c r="AC9465">
        <v>104</v>
      </c>
      <c r="AD9465">
        <v>105</v>
      </c>
      <c r="AE9465">
        <v>106</v>
      </c>
      <c r="AF9465">
        <v>106</v>
      </c>
      <c r="AG9465">
        <v>107</v>
      </c>
      <c r="AH9465">
        <v>108</v>
      </c>
      <c r="AI9465">
        <v>109</v>
      </c>
      <c r="AJ9465">
        <v>110</v>
      </c>
      <c r="AK9465">
        <v>111</v>
      </c>
      <c r="AL9465">
        <v>111</v>
      </c>
      <c r="AM9465">
        <v>111</v>
      </c>
      <c r="AN9465">
        <v>111</v>
      </c>
      <c r="AO9465">
        <v>111</v>
      </c>
      <c r="AP9465">
        <v>111</v>
      </c>
      <c r="AQ9465">
        <v>111</v>
      </c>
    </row>
    <row r="9466" spans="1:43">
      <c r="A9466" t="s">
        <v>5908</v>
      </c>
      <c r="B9466" t="s">
        <v>5909</v>
      </c>
      <c r="C9466" t="s">
        <v>5902</v>
      </c>
      <c r="D9466" t="s">
        <v>5903</v>
      </c>
      <c r="E9466" t="s">
        <v>5698</v>
      </c>
      <c r="F9466" t="s">
        <v>5699</v>
      </c>
      <c r="G9466" t="s">
        <v>80</v>
      </c>
      <c r="H9466" t="s">
        <v>81</v>
      </c>
      <c r="I9466" s="2">
        <v>0</v>
      </c>
      <c r="J9466" s="2">
        <v>1</v>
      </c>
      <c r="K9466" s="2">
        <v>0</v>
      </c>
      <c r="L9466" t="s">
        <v>82</v>
      </c>
      <c r="M9466" t="s">
        <v>83</v>
      </c>
      <c r="N9466" t="s">
        <v>84</v>
      </c>
      <c r="O9466" t="s">
        <v>85</v>
      </c>
      <c r="P9466" t="s">
        <v>86</v>
      </c>
      <c r="Q9466">
        <v>139</v>
      </c>
      <c r="R9466">
        <v>141</v>
      </c>
      <c r="S9466">
        <v>143</v>
      </c>
      <c r="T9466">
        <v>144</v>
      </c>
      <c r="U9466">
        <v>146</v>
      </c>
      <c r="V9466">
        <v>147</v>
      </c>
      <c r="W9466">
        <v>149</v>
      </c>
      <c r="X9466">
        <v>150</v>
      </c>
      <c r="Y9466">
        <v>152</v>
      </c>
      <c r="Z9466">
        <v>153</v>
      </c>
      <c r="AA9466">
        <v>155</v>
      </c>
      <c r="AB9466">
        <v>156</v>
      </c>
      <c r="AC9466">
        <v>158</v>
      </c>
      <c r="AD9466">
        <v>159</v>
      </c>
      <c r="AE9466">
        <v>160</v>
      </c>
      <c r="AF9466">
        <v>162</v>
      </c>
      <c r="AG9466">
        <v>163</v>
      </c>
      <c r="AH9466">
        <v>164</v>
      </c>
      <c r="AI9466">
        <v>165</v>
      </c>
      <c r="AJ9466">
        <v>167</v>
      </c>
      <c r="AK9466">
        <v>168</v>
      </c>
      <c r="AL9466">
        <v>168</v>
      </c>
      <c r="AM9466">
        <v>168</v>
      </c>
      <c r="AN9466">
        <v>168</v>
      </c>
      <c r="AO9466">
        <v>168</v>
      </c>
      <c r="AP9466">
        <v>168</v>
      </c>
      <c r="AQ9466">
        <v>168</v>
      </c>
    </row>
    <row r="9467" spans="1:43">
      <c r="A9467" t="s">
        <v>5908</v>
      </c>
      <c r="B9467" t="s">
        <v>5909</v>
      </c>
      <c r="C9467" t="s">
        <v>5902</v>
      </c>
      <c r="D9467" t="s">
        <v>5903</v>
      </c>
      <c r="E9467" t="s">
        <v>5698</v>
      </c>
      <c r="F9467" t="s">
        <v>5699</v>
      </c>
      <c r="G9467" t="s">
        <v>80</v>
      </c>
      <c r="H9467" t="s">
        <v>81</v>
      </c>
      <c r="I9467" s="2">
        <v>0</v>
      </c>
      <c r="J9467" s="2">
        <v>1</v>
      </c>
      <c r="K9467" s="2">
        <v>0</v>
      </c>
      <c r="L9467" t="s">
        <v>82</v>
      </c>
      <c r="M9467" t="s">
        <v>87</v>
      </c>
      <c r="N9467" t="s">
        <v>88</v>
      </c>
      <c r="O9467" t="s">
        <v>85</v>
      </c>
      <c r="P9467" t="s">
        <v>86</v>
      </c>
      <c r="Q9467">
        <v>139</v>
      </c>
      <c r="R9467">
        <v>139</v>
      </c>
      <c r="S9467">
        <v>140</v>
      </c>
      <c r="T9467">
        <v>140</v>
      </c>
      <c r="U9467">
        <v>140</v>
      </c>
      <c r="V9467">
        <v>141</v>
      </c>
      <c r="W9467">
        <v>141</v>
      </c>
      <c r="X9467">
        <v>141</v>
      </c>
      <c r="Y9467">
        <v>141</v>
      </c>
      <c r="Z9467">
        <v>142</v>
      </c>
      <c r="AA9467">
        <v>142</v>
      </c>
      <c r="AB9467">
        <v>142</v>
      </c>
      <c r="AC9467">
        <v>143</v>
      </c>
      <c r="AD9467">
        <v>143</v>
      </c>
      <c r="AE9467">
        <v>143</v>
      </c>
      <c r="AF9467">
        <v>143</v>
      </c>
      <c r="AG9467">
        <v>144</v>
      </c>
      <c r="AH9467">
        <v>144</v>
      </c>
      <c r="AI9467">
        <v>144</v>
      </c>
      <c r="AJ9467">
        <v>145</v>
      </c>
      <c r="AK9467">
        <v>145</v>
      </c>
      <c r="AL9467">
        <v>145</v>
      </c>
      <c r="AM9467">
        <v>145</v>
      </c>
      <c r="AN9467">
        <v>146</v>
      </c>
      <c r="AO9467">
        <v>146</v>
      </c>
      <c r="AP9467">
        <v>146</v>
      </c>
      <c r="AQ9467">
        <v>146</v>
      </c>
    </row>
    <row r="9468" spans="1:43">
      <c r="A9468" t="s">
        <v>5908</v>
      </c>
      <c r="B9468" t="s">
        <v>5909</v>
      </c>
      <c r="C9468" t="s">
        <v>5902</v>
      </c>
      <c r="D9468" t="s">
        <v>5903</v>
      </c>
      <c r="E9468" t="s">
        <v>5698</v>
      </c>
      <c r="F9468" t="s">
        <v>5699</v>
      </c>
      <c r="G9468" t="s">
        <v>80</v>
      </c>
      <c r="H9468" t="s">
        <v>81</v>
      </c>
      <c r="I9468" s="2">
        <v>0</v>
      </c>
      <c r="J9468" s="2">
        <v>1</v>
      </c>
      <c r="K9468" s="2">
        <v>0</v>
      </c>
      <c r="L9468" t="s">
        <v>82</v>
      </c>
      <c r="M9468" t="s">
        <v>89</v>
      </c>
      <c r="N9468" t="s">
        <v>90</v>
      </c>
      <c r="O9468" t="s">
        <v>85</v>
      </c>
      <c r="P9468" t="s">
        <v>86</v>
      </c>
      <c r="Q9468">
        <v>139</v>
      </c>
      <c r="R9468">
        <v>141</v>
      </c>
      <c r="S9468">
        <v>144</v>
      </c>
      <c r="T9468">
        <v>147</v>
      </c>
      <c r="U9468">
        <v>150</v>
      </c>
      <c r="V9468">
        <v>152</v>
      </c>
      <c r="W9468">
        <v>155</v>
      </c>
      <c r="X9468">
        <v>157</v>
      </c>
      <c r="Y9468">
        <v>159</v>
      </c>
      <c r="Z9468">
        <v>161</v>
      </c>
      <c r="AA9468">
        <v>163</v>
      </c>
      <c r="AB9468">
        <v>165</v>
      </c>
      <c r="AC9468">
        <v>167</v>
      </c>
      <c r="AD9468">
        <v>168</v>
      </c>
      <c r="AE9468">
        <v>170</v>
      </c>
      <c r="AF9468">
        <v>170</v>
      </c>
      <c r="AG9468">
        <v>169</v>
      </c>
      <c r="AH9468">
        <v>169</v>
      </c>
      <c r="AI9468">
        <v>169</v>
      </c>
      <c r="AJ9468">
        <v>169</v>
      </c>
      <c r="AK9468">
        <v>169</v>
      </c>
      <c r="AL9468">
        <v>169</v>
      </c>
      <c r="AM9468">
        <v>169</v>
      </c>
      <c r="AN9468">
        <v>169</v>
      </c>
      <c r="AO9468">
        <v>169</v>
      </c>
      <c r="AP9468">
        <v>168</v>
      </c>
      <c r="AQ9468">
        <v>168</v>
      </c>
    </row>
    <row r="9469" spans="1:43">
      <c r="A9469" t="s">
        <v>5908</v>
      </c>
      <c r="B9469" t="s">
        <v>5909</v>
      </c>
      <c r="C9469" t="s">
        <v>5902</v>
      </c>
      <c r="D9469" t="s">
        <v>5903</v>
      </c>
      <c r="E9469" t="s">
        <v>5698</v>
      </c>
      <c r="F9469" t="s">
        <v>5699</v>
      </c>
      <c r="G9469" t="s">
        <v>80</v>
      </c>
      <c r="H9469" t="s">
        <v>81</v>
      </c>
      <c r="I9469" s="2">
        <v>0</v>
      </c>
      <c r="J9469" s="2">
        <v>1</v>
      </c>
      <c r="K9469" s="2">
        <v>0</v>
      </c>
      <c r="L9469" t="s">
        <v>82</v>
      </c>
      <c r="M9469" t="s">
        <v>83</v>
      </c>
      <c r="N9469" t="s">
        <v>91</v>
      </c>
      <c r="O9469" t="s">
        <v>85</v>
      </c>
      <c r="P9469" t="s">
        <v>86</v>
      </c>
      <c r="Q9469">
        <v>139</v>
      </c>
      <c r="R9469">
        <v>141</v>
      </c>
      <c r="S9469">
        <v>143</v>
      </c>
      <c r="T9469">
        <v>144</v>
      </c>
      <c r="U9469">
        <v>146</v>
      </c>
      <c r="V9469">
        <v>147</v>
      </c>
      <c r="W9469">
        <v>149</v>
      </c>
      <c r="X9469">
        <v>150</v>
      </c>
      <c r="Y9469">
        <v>152</v>
      </c>
      <c r="Z9469">
        <v>153</v>
      </c>
      <c r="AA9469">
        <v>155</v>
      </c>
      <c r="AB9469">
        <v>156</v>
      </c>
      <c r="AC9469">
        <v>158</v>
      </c>
      <c r="AD9469">
        <v>159</v>
      </c>
      <c r="AE9469">
        <v>160</v>
      </c>
      <c r="AF9469">
        <v>162</v>
      </c>
      <c r="AG9469">
        <v>163</v>
      </c>
      <c r="AH9469">
        <v>164</v>
      </c>
      <c r="AI9469">
        <v>165</v>
      </c>
      <c r="AJ9469">
        <v>167</v>
      </c>
      <c r="AK9469">
        <v>168</v>
      </c>
      <c r="AL9469">
        <v>168</v>
      </c>
      <c r="AM9469">
        <v>168</v>
      </c>
      <c r="AN9469">
        <v>168</v>
      </c>
      <c r="AO9469">
        <v>168</v>
      </c>
      <c r="AP9469">
        <v>168</v>
      </c>
      <c r="AQ9469">
        <v>168</v>
      </c>
    </row>
    <row r="9470" spans="1:43">
      <c r="A9470" t="s">
        <v>5910</v>
      </c>
      <c r="B9470" t="s">
        <v>5911</v>
      </c>
      <c r="C9470" t="s">
        <v>5902</v>
      </c>
      <c r="D9470" t="s">
        <v>5903</v>
      </c>
      <c r="E9470" t="s">
        <v>5698</v>
      </c>
      <c r="F9470" t="s">
        <v>5699</v>
      </c>
      <c r="G9470" t="s">
        <v>80</v>
      </c>
      <c r="H9470" t="s">
        <v>81</v>
      </c>
      <c r="I9470" s="2">
        <v>0</v>
      </c>
      <c r="J9470" s="2">
        <v>1</v>
      </c>
      <c r="K9470" s="2">
        <v>0</v>
      </c>
      <c r="L9470" t="s">
        <v>82</v>
      </c>
      <c r="M9470" t="s">
        <v>83</v>
      </c>
      <c r="N9470" t="s">
        <v>84</v>
      </c>
      <c r="O9470" t="s">
        <v>85</v>
      </c>
      <c r="P9470" t="s">
        <v>86</v>
      </c>
      <c r="Q9470">
        <v>59</v>
      </c>
      <c r="R9470">
        <v>59</v>
      </c>
      <c r="S9470">
        <v>60</v>
      </c>
      <c r="T9470">
        <v>61</v>
      </c>
      <c r="U9470">
        <v>61</v>
      </c>
      <c r="V9470">
        <v>62</v>
      </c>
      <c r="W9470">
        <v>63</v>
      </c>
      <c r="X9470">
        <v>63</v>
      </c>
      <c r="Y9470">
        <v>64</v>
      </c>
      <c r="Z9470">
        <v>64</v>
      </c>
      <c r="AA9470">
        <v>65</v>
      </c>
      <c r="AB9470">
        <v>66</v>
      </c>
      <c r="AC9470">
        <v>66</v>
      </c>
      <c r="AD9470">
        <v>67</v>
      </c>
      <c r="AE9470">
        <v>67</v>
      </c>
      <c r="AF9470">
        <v>68</v>
      </c>
      <c r="AG9470">
        <v>68</v>
      </c>
      <c r="AH9470">
        <v>69</v>
      </c>
      <c r="AI9470">
        <v>70</v>
      </c>
      <c r="AJ9470">
        <v>70</v>
      </c>
      <c r="AK9470">
        <v>71</v>
      </c>
      <c r="AL9470">
        <v>71</v>
      </c>
      <c r="AM9470">
        <v>71</v>
      </c>
      <c r="AN9470">
        <v>71</v>
      </c>
      <c r="AO9470">
        <v>71</v>
      </c>
      <c r="AP9470">
        <v>71</v>
      </c>
      <c r="AQ9470">
        <v>71</v>
      </c>
    </row>
    <row r="9471" spans="1:43">
      <c r="A9471" t="s">
        <v>5910</v>
      </c>
      <c r="B9471" t="s">
        <v>5911</v>
      </c>
      <c r="C9471" t="s">
        <v>5902</v>
      </c>
      <c r="D9471" t="s">
        <v>5903</v>
      </c>
      <c r="E9471" t="s">
        <v>5698</v>
      </c>
      <c r="F9471" t="s">
        <v>5699</v>
      </c>
      <c r="G9471" t="s">
        <v>80</v>
      </c>
      <c r="H9471" t="s">
        <v>81</v>
      </c>
      <c r="I9471" s="2">
        <v>0</v>
      </c>
      <c r="J9471" s="2">
        <v>1</v>
      </c>
      <c r="K9471" s="2">
        <v>0</v>
      </c>
      <c r="L9471" t="s">
        <v>82</v>
      </c>
      <c r="M9471" t="s">
        <v>87</v>
      </c>
      <c r="N9471" t="s">
        <v>88</v>
      </c>
      <c r="O9471" t="s">
        <v>85</v>
      </c>
      <c r="P9471" t="s">
        <v>86</v>
      </c>
      <c r="Q9471">
        <v>59</v>
      </c>
      <c r="R9471">
        <v>59</v>
      </c>
      <c r="S9471">
        <v>59</v>
      </c>
      <c r="T9471">
        <v>60</v>
      </c>
      <c r="U9471">
        <v>60</v>
      </c>
      <c r="V9471">
        <v>60</v>
      </c>
      <c r="W9471">
        <v>60</v>
      </c>
      <c r="X9471">
        <v>60</v>
      </c>
      <c r="Y9471">
        <v>60</v>
      </c>
      <c r="Z9471">
        <v>60</v>
      </c>
      <c r="AA9471">
        <v>60</v>
      </c>
      <c r="AB9471">
        <v>60</v>
      </c>
      <c r="AC9471">
        <v>60</v>
      </c>
      <c r="AD9471">
        <v>61</v>
      </c>
      <c r="AE9471">
        <v>61</v>
      </c>
      <c r="AF9471">
        <v>61</v>
      </c>
      <c r="AG9471">
        <v>61</v>
      </c>
      <c r="AH9471">
        <v>61</v>
      </c>
      <c r="AI9471">
        <v>61</v>
      </c>
      <c r="AJ9471">
        <v>61</v>
      </c>
      <c r="AK9471">
        <v>61</v>
      </c>
      <c r="AL9471">
        <v>61</v>
      </c>
      <c r="AM9471">
        <v>61</v>
      </c>
      <c r="AN9471">
        <v>61</v>
      </c>
      <c r="AO9471">
        <v>61</v>
      </c>
      <c r="AP9471">
        <v>62</v>
      </c>
      <c r="AQ9471">
        <v>62</v>
      </c>
    </row>
    <row r="9472" spans="1:43">
      <c r="A9472" t="s">
        <v>5910</v>
      </c>
      <c r="B9472" t="s">
        <v>5911</v>
      </c>
      <c r="C9472" t="s">
        <v>5902</v>
      </c>
      <c r="D9472" t="s">
        <v>5903</v>
      </c>
      <c r="E9472" t="s">
        <v>5698</v>
      </c>
      <c r="F9472" t="s">
        <v>5699</v>
      </c>
      <c r="G9472" t="s">
        <v>80</v>
      </c>
      <c r="H9472" t="s">
        <v>81</v>
      </c>
      <c r="I9472" s="2">
        <v>0</v>
      </c>
      <c r="J9472" s="2">
        <v>1</v>
      </c>
      <c r="K9472" s="2">
        <v>0</v>
      </c>
      <c r="L9472" t="s">
        <v>82</v>
      </c>
      <c r="M9472" t="s">
        <v>89</v>
      </c>
      <c r="N9472" t="s">
        <v>90</v>
      </c>
      <c r="O9472" t="s">
        <v>85</v>
      </c>
      <c r="P9472" t="s">
        <v>86</v>
      </c>
      <c r="Q9472">
        <v>59</v>
      </c>
      <c r="R9472">
        <v>60</v>
      </c>
      <c r="S9472">
        <v>62</v>
      </c>
      <c r="T9472">
        <v>63</v>
      </c>
      <c r="U9472">
        <v>64</v>
      </c>
      <c r="V9472">
        <v>65</v>
      </c>
      <c r="W9472">
        <v>66</v>
      </c>
      <c r="X9472">
        <v>67</v>
      </c>
      <c r="Y9472">
        <v>68</v>
      </c>
      <c r="Z9472">
        <v>69</v>
      </c>
      <c r="AA9472">
        <v>69</v>
      </c>
      <c r="AB9472">
        <v>70</v>
      </c>
      <c r="AC9472">
        <v>71</v>
      </c>
      <c r="AD9472">
        <v>72</v>
      </c>
      <c r="AE9472">
        <v>72</v>
      </c>
      <c r="AF9472">
        <v>72</v>
      </c>
      <c r="AG9472">
        <v>72</v>
      </c>
      <c r="AH9472">
        <v>72</v>
      </c>
      <c r="AI9472">
        <v>72</v>
      </c>
      <c r="AJ9472">
        <v>72</v>
      </c>
      <c r="AK9472">
        <v>72</v>
      </c>
      <c r="AL9472">
        <v>72</v>
      </c>
      <c r="AM9472">
        <v>72</v>
      </c>
      <c r="AN9472">
        <v>72</v>
      </c>
      <c r="AO9472">
        <v>72</v>
      </c>
      <c r="AP9472">
        <v>72</v>
      </c>
      <c r="AQ9472">
        <v>72</v>
      </c>
    </row>
    <row r="9473" spans="1:43">
      <c r="A9473" t="s">
        <v>5910</v>
      </c>
      <c r="B9473" t="s">
        <v>5911</v>
      </c>
      <c r="C9473" t="s">
        <v>5902</v>
      </c>
      <c r="D9473" t="s">
        <v>5903</v>
      </c>
      <c r="E9473" t="s">
        <v>5698</v>
      </c>
      <c r="F9473" t="s">
        <v>5699</v>
      </c>
      <c r="G9473" t="s">
        <v>80</v>
      </c>
      <c r="H9473" t="s">
        <v>81</v>
      </c>
      <c r="I9473" s="2">
        <v>0</v>
      </c>
      <c r="J9473" s="2">
        <v>1</v>
      </c>
      <c r="K9473" s="2">
        <v>0</v>
      </c>
      <c r="L9473" t="s">
        <v>82</v>
      </c>
      <c r="M9473" t="s">
        <v>83</v>
      </c>
      <c r="N9473" t="s">
        <v>91</v>
      </c>
      <c r="O9473" t="s">
        <v>85</v>
      </c>
      <c r="P9473" t="s">
        <v>86</v>
      </c>
      <c r="Q9473">
        <v>59</v>
      </c>
      <c r="R9473">
        <v>59</v>
      </c>
      <c r="S9473">
        <v>60</v>
      </c>
      <c r="T9473">
        <v>61</v>
      </c>
      <c r="U9473">
        <v>61</v>
      </c>
      <c r="V9473">
        <v>62</v>
      </c>
      <c r="W9473">
        <v>63</v>
      </c>
      <c r="X9473">
        <v>63</v>
      </c>
      <c r="Y9473">
        <v>64</v>
      </c>
      <c r="Z9473">
        <v>64</v>
      </c>
      <c r="AA9473">
        <v>65</v>
      </c>
      <c r="AB9473">
        <v>66</v>
      </c>
      <c r="AC9473">
        <v>66</v>
      </c>
      <c r="AD9473">
        <v>67</v>
      </c>
      <c r="AE9473">
        <v>67</v>
      </c>
      <c r="AF9473">
        <v>68</v>
      </c>
      <c r="AG9473">
        <v>68</v>
      </c>
      <c r="AH9473">
        <v>69</v>
      </c>
      <c r="AI9473">
        <v>70</v>
      </c>
      <c r="AJ9473">
        <v>70</v>
      </c>
      <c r="AK9473">
        <v>71</v>
      </c>
      <c r="AL9473">
        <v>71</v>
      </c>
      <c r="AM9473">
        <v>71</v>
      </c>
      <c r="AN9473">
        <v>71</v>
      </c>
      <c r="AO9473">
        <v>71</v>
      </c>
      <c r="AP9473">
        <v>71</v>
      </c>
      <c r="AQ9473">
        <v>71</v>
      </c>
    </row>
    <row r="9474" spans="1:43">
      <c r="A9474" t="s">
        <v>5912</v>
      </c>
      <c r="B9474" t="s">
        <v>5913</v>
      </c>
      <c r="C9474" t="s">
        <v>5914</v>
      </c>
      <c r="D9474" t="s">
        <v>5915</v>
      </c>
      <c r="E9474" t="s">
        <v>5698</v>
      </c>
      <c r="F9474" t="s">
        <v>5699</v>
      </c>
      <c r="G9474" t="s">
        <v>80</v>
      </c>
      <c r="H9474" t="s">
        <v>81</v>
      </c>
      <c r="I9474" s="2">
        <v>0</v>
      </c>
      <c r="J9474" s="2">
        <v>1</v>
      </c>
      <c r="K9474" s="2">
        <v>0</v>
      </c>
      <c r="L9474" t="s">
        <v>82</v>
      </c>
      <c r="M9474" t="s">
        <v>83</v>
      </c>
      <c r="N9474" t="s">
        <v>84</v>
      </c>
      <c r="O9474" t="s">
        <v>85</v>
      </c>
      <c r="P9474" t="s">
        <v>86</v>
      </c>
      <c r="Q9474">
        <v>20</v>
      </c>
      <c r="R9474">
        <v>20</v>
      </c>
      <c r="S9474">
        <v>20</v>
      </c>
      <c r="T9474">
        <v>21</v>
      </c>
      <c r="U9474">
        <v>21</v>
      </c>
      <c r="V9474">
        <v>21</v>
      </c>
      <c r="W9474">
        <v>21</v>
      </c>
      <c r="X9474">
        <v>21</v>
      </c>
      <c r="Y9474">
        <v>22</v>
      </c>
      <c r="Z9474">
        <v>22</v>
      </c>
      <c r="AA9474">
        <v>22</v>
      </c>
      <c r="AB9474">
        <v>22</v>
      </c>
      <c r="AC9474">
        <v>22</v>
      </c>
      <c r="AD9474">
        <v>22</v>
      </c>
      <c r="AE9474">
        <v>23</v>
      </c>
      <c r="AF9474">
        <v>23</v>
      </c>
      <c r="AG9474">
        <v>23</v>
      </c>
      <c r="AH9474">
        <v>23</v>
      </c>
      <c r="AI9474">
        <v>23</v>
      </c>
      <c r="AJ9474">
        <v>24</v>
      </c>
      <c r="AK9474">
        <v>24</v>
      </c>
      <c r="AL9474">
        <v>24</v>
      </c>
      <c r="AM9474">
        <v>24</v>
      </c>
      <c r="AN9474">
        <v>24</v>
      </c>
      <c r="AO9474">
        <v>24</v>
      </c>
      <c r="AP9474">
        <v>23</v>
      </c>
      <c r="AQ9474">
        <v>23</v>
      </c>
    </row>
    <row r="9475" spans="1:43">
      <c r="A9475" t="s">
        <v>5912</v>
      </c>
      <c r="B9475" t="s">
        <v>5913</v>
      </c>
      <c r="C9475" t="s">
        <v>5914</v>
      </c>
      <c r="D9475" t="s">
        <v>5915</v>
      </c>
      <c r="E9475" t="s">
        <v>5698</v>
      </c>
      <c r="F9475" t="s">
        <v>5699</v>
      </c>
      <c r="G9475" t="s">
        <v>80</v>
      </c>
      <c r="H9475" t="s">
        <v>81</v>
      </c>
      <c r="I9475" s="2">
        <v>0</v>
      </c>
      <c r="J9475" s="2">
        <v>1</v>
      </c>
      <c r="K9475" s="2">
        <v>0</v>
      </c>
      <c r="L9475" t="s">
        <v>82</v>
      </c>
      <c r="M9475" t="s">
        <v>87</v>
      </c>
      <c r="N9475" t="s">
        <v>88</v>
      </c>
      <c r="O9475" t="s">
        <v>85</v>
      </c>
      <c r="P9475" t="s">
        <v>86</v>
      </c>
      <c r="Q9475">
        <v>20</v>
      </c>
      <c r="R9475">
        <v>20</v>
      </c>
      <c r="S9475">
        <v>20</v>
      </c>
      <c r="T9475">
        <v>20</v>
      </c>
      <c r="U9475">
        <v>20</v>
      </c>
      <c r="V9475">
        <v>20</v>
      </c>
      <c r="W9475">
        <v>20</v>
      </c>
      <c r="X9475">
        <v>20</v>
      </c>
      <c r="Y9475">
        <v>20</v>
      </c>
      <c r="Z9475">
        <v>20</v>
      </c>
      <c r="AA9475">
        <v>20</v>
      </c>
      <c r="AB9475">
        <v>20</v>
      </c>
      <c r="AC9475">
        <v>20</v>
      </c>
      <c r="AD9475">
        <v>20</v>
      </c>
      <c r="AE9475">
        <v>20</v>
      </c>
      <c r="AF9475">
        <v>20</v>
      </c>
      <c r="AG9475">
        <v>20</v>
      </c>
      <c r="AH9475">
        <v>20</v>
      </c>
      <c r="AI9475">
        <v>20</v>
      </c>
      <c r="AJ9475">
        <v>20</v>
      </c>
      <c r="AK9475">
        <v>20</v>
      </c>
      <c r="AL9475">
        <v>20</v>
      </c>
      <c r="AM9475">
        <v>20</v>
      </c>
      <c r="AN9475">
        <v>20</v>
      </c>
      <c r="AO9475">
        <v>20</v>
      </c>
      <c r="AP9475">
        <v>20</v>
      </c>
      <c r="AQ9475">
        <v>20</v>
      </c>
    </row>
    <row r="9476" spans="1:43">
      <c r="A9476" t="s">
        <v>5912</v>
      </c>
      <c r="B9476" t="s">
        <v>5913</v>
      </c>
      <c r="C9476" t="s">
        <v>5914</v>
      </c>
      <c r="D9476" t="s">
        <v>5915</v>
      </c>
      <c r="E9476" t="s">
        <v>5698</v>
      </c>
      <c r="F9476" t="s">
        <v>5699</v>
      </c>
      <c r="G9476" t="s">
        <v>80</v>
      </c>
      <c r="H9476" t="s">
        <v>81</v>
      </c>
      <c r="I9476" s="2">
        <v>0</v>
      </c>
      <c r="J9476" s="2">
        <v>1</v>
      </c>
      <c r="K9476" s="2">
        <v>0</v>
      </c>
      <c r="L9476" t="s">
        <v>82</v>
      </c>
      <c r="M9476" t="s">
        <v>89</v>
      </c>
      <c r="N9476" t="s">
        <v>90</v>
      </c>
      <c r="O9476" t="s">
        <v>85</v>
      </c>
      <c r="P9476" t="s">
        <v>86</v>
      </c>
      <c r="Q9476">
        <v>20</v>
      </c>
      <c r="R9476">
        <v>21</v>
      </c>
      <c r="S9476">
        <v>21</v>
      </c>
      <c r="T9476">
        <v>21</v>
      </c>
      <c r="U9476">
        <v>22</v>
      </c>
      <c r="V9476">
        <v>22</v>
      </c>
      <c r="W9476">
        <v>22</v>
      </c>
      <c r="X9476">
        <v>23</v>
      </c>
      <c r="Y9476">
        <v>23</v>
      </c>
      <c r="Z9476">
        <v>23</v>
      </c>
      <c r="AA9476">
        <v>23</v>
      </c>
      <c r="AB9476">
        <v>24</v>
      </c>
      <c r="AC9476">
        <v>24</v>
      </c>
      <c r="AD9476">
        <v>24</v>
      </c>
      <c r="AE9476">
        <v>24</v>
      </c>
      <c r="AF9476">
        <v>24</v>
      </c>
      <c r="AG9476">
        <v>24</v>
      </c>
      <c r="AH9476">
        <v>24</v>
      </c>
      <c r="AI9476">
        <v>24</v>
      </c>
      <c r="AJ9476">
        <v>24</v>
      </c>
      <c r="AK9476">
        <v>24</v>
      </c>
      <c r="AL9476">
        <v>24</v>
      </c>
      <c r="AM9476">
        <v>24</v>
      </c>
      <c r="AN9476">
        <v>24</v>
      </c>
      <c r="AO9476">
        <v>24</v>
      </c>
      <c r="AP9476">
        <v>24</v>
      </c>
      <c r="AQ9476">
        <v>24</v>
      </c>
    </row>
    <row r="9477" spans="1:43">
      <c r="A9477" t="s">
        <v>5912</v>
      </c>
      <c r="B9477" t="s">
        <v>5913</v>
      </c>
      <c r="C9477" t="s">
        <v>5914</v>
      </c>
      <c r="D9477" t="s">
        <v>5915</v>
      </c>
      <c r="E9477" t="s">
        <v>5698</v>
      </c>
      <c r="F9477" t="s">
        <v>5699</v>
      </c>
      <c r="G9477" t="s">
        <v>80</v>
      </c>
      <c r="H9477" t="s">
        <v>81</v>
      </c>
      <c r="I9477" s="2">
        <v>0</v>
      </c>
      <c r="J9477" s="2">
        <v>1</v>
      </c>
      <c r="K9477" s="2">
        <v>0</v>
      </c>
      <c r="L9477" t="s">
        <v>82</v>
      </c>
      <c r="M9477" t="s">
        <v>83</v>
      </c>
      <c r="N9477" t="s">
        <v>91</v>
      </c>
      <c r="O9477" t="s">
        <v>85</v>
      </c>
      <c r="P9477" t="s">
        <v>86</v>
      </c>
      <c r="Q9477">
        <v>20</v>
      </c>
      <c r="R9477">
        <v>20</v>
      </c>
      <c r="S9477">
        <v>20</v>
      </c>
      <c r="T9477">
        <v>21</v>
      </c>
      <c r="U9477">
        <v>21</v>
      </c>
      <c r="V9477">
        <v>21</v>
      </c>
      <c r="W9477">
        <v>21</v>
      </c>
      <c r="X9477">
        <v>21</v>
      </c>
      <c r="Y9477">
        <v>22</v>
      </c>
      <c r="Z9477">
        <v>22</v>
      </c>
      <c r="AA9477">
        <v>22</v>
      </c>
      <c r="AB9477">
        <v>22</v>
      </c>
      <c r="AC9477">
        <v>22</v>
      </c>
      <c r="AD9477">
        <v>22</v>
      </c>
      <c r="AE9477">
        <v>23</v>
      </c>
      <c r="AF9477">
        <v>23</v>
      </c>
      <c r="AG9477">
        <v>23</v>
      </c>
      <c r="AH9477">
        <v>23</v>
      </c>
      <c r="AI9477">
        <v>23</v>
      </c>
      <c r="AJ9477">
        <v>24</v>
      </c>
      <c r="AK9477">
        <v>24</v>
      </c>
      <c r="AL9477">
        <v>24</v>
      </c>
      <c r="AM9477">
        <v>24</v>
      </c>
      <c r="AN9477">
        <v>24</v>
      </c>
      <c r="AO9477">
        <v>24</v>
      </c>
      <c r="AP9477">
        <v>23</v>
      </c>
      <c r="AQ9477">
        <v>23</v>
      </c>
    </row>
    <row r="9478" spans="1:43">
      <c r="A9478" t="s">
        <v>5916</v>
      </c>
      <c r="B9478" t="s">
        <v>5917</v>
      </c>
      <c r="C9478" t="s">
        <v>5914</v>
      </c>
      <c r="D9478" t="s">
        <v>5915</v>
      </c>
      <c r="E9478" t="s">
        <v>5698</v>
      </c>
      <c r="F9478" t="s">
        <v>5699</v>
      </c>
      <c r="G9478" t="s">
        <v>80</v>
      </c>
      <c r="H9478" t="s">
        <v>81</v>
      </c>
      <c r="I9478" s="2">
        <v>0</v>
      </c>
      <c r="J9478" s="2">
        <v>1</v>
      </c>
      <c r="K9478" s="2">
        <v>0</v>
      </c>
      <c r="L9478" t="s">
        <v>82</v>
      </c>
      <c r="M9478" t="s">
        <v>83</v>
      </c>
      <c r="N9478" t="s">
        <v>84</v>
      </c>
      <c r="O9478" t="s">
        <v>85</v>
      </c>
      <c r="P9478" t="s">
        <v>86</v>
      </c>
      <c r="Q9478">
        <v>80</v>
      </c>
      <c r="R9478">
        <v>81</v>
      </c>
      <c r="S9478">
        <v>81</v>
      </c>
      <c r="T9478">
        <v>82</v>
      </c>
      <c r="U9478">
        <v>83</v>
      </c>
      <c r="V9478">
        <v>84</v>
      </c>
      <c r="W9478">
        <v>84</v>
      </c>
      <c r="X9478">
        <v>85</v>
      </c>
      <c r="Y9478">
        <v>86</v>
      </c>
      <c r="Z9478">
        <v>87</v>
      </c>
      <c r="AA9478">
        <v>87</v>
      </c>
      <c r="AB9478">
        <v>88</v>
      </c>
      <c r="AC9478">
        <v>89</v>
      </c>
      <c r="AD9478">
        <v>89</v>
      </c>
      <c r="AE9478">
        <v>90</v>
      </c>
      <c r="AF9478">
        <v>91</v>
      </c>
      <c r="AG9478">
        <v>91</v>
      </c>
      <c r="AH9478">
        <v>92</v>
      </c>
      <c r="AI9478">
        <v>93</v>
      </c>
      <c r="AJ9478">
        <v>93</v>
      </c>
      <c r="AK9478">
        <v>94</v>
      </c>
      <c r="AL9478">
        <v>94</v>
      </c>
      <c r="AM9478">
        <v>93</v>
      </c>
      <c r="AN9478">
        <v>93</v>
      </c>
      <c r="AO9478">
        <v>93</v>
      </c>
      <c r="AP9478">
        <v>93</v>
      </c>
      <c r="AQ9478">
        <v>92</v>
      </c>
    </row>
    <row r="9479" spans="1:43">
      <c r="A9479" t="s">
        <v>5916</v>
      </c>
      <c r="B9479" t="s">
        <v>5917</v>
      </c>
      <c r="C9479" t="s">
        <v>5914</v>
      </c>
      <c r="D9479" t="s">
        <v>5915</v>
      </c>
      <c r="E9479" t="s">
        <v>5698</v>
      </c>
      <c r="F9479" t="s">
        <v>5699</v>
      </c>
      <c r="G9479" t="s">
        <v>80</v>
      </c>
      <c r="H9479" t="s">
        <v>81</v>
      </c>
      <c r="I9479" s="2">
        <v>0</v>
      </c>
      <c r="J9479" s="2">
        <v>1</v>
      </c>
      <c r="K9479" s="2">
        <v>0</v>
      </c>
      <c r="L9479" t="s">
        <v>82</v>
      </c>
      <c r="M9479" t="s">
        <v>87</v>
      </c>
      <c r="N9479" t="s">
        <v>88</v>
      </c>
      <c r="O9479" t="s">
        <v>85</v>
      </c>
      <c r="P9479" t="s">
        <v>86</v>
      </c>
      <c r="Q9479">
        <v>80</v>
      </c>
      <c r="R9479">
        <v>80</v>
      </c>
      <c r="S9479">
        <v>80</v>
      </c>
      <c r="T9479">
        <v>80</v>
      </c>
      <c r="U9479">
        <v>80</v>
      </c>
      <c r="V9479">
        <v>80</v>
      </c>
      <c r="W9479">
        <v>80</v>
      </c>
      <c r="X9479">
        <v>80</v>
      </c>
      <c r="Y9479">
        <v>80</v>
      </c>
      <c r="Z9479">
        <v>80</v>
      </c>
      <c r="AA9479">
        <v>81</v>
      </c>
      <c r="AB9479">
        <v>81</v>
      </c>
      <c r="AC9479">
        <v>81</v>
      </c>
      <c r="AD9479">
        <v>81</v>
      </c>
      <c r="AE9479">
        <v>81</v>
      </c>
      <c r="AF9479">
        <v>81</v>
      </c>
      <c r="AG9479">
        <v>81</v>
      </c>
      <c r="AH9479">
        <v>81</v>
      </c>
      <c r="AI9479">
        <v>81</v>
      </c>
      <c r="AJ9479">
        <v>81</v>
      </c>
      <c r="AK9479">
        <v>81</v>
      </c>
      <c r="AL9479">
        <v>81</v>
      </c>
      <c r="AM9479">
        <v>81</v>
      </c>
      <c r="AN9479">
        <v>81</v>
      </c>
      <c r="AO9479">
        <v>81</v>
      </c>
      <c r="AP9479">
        <v>81</v>
      </c>
      <c r="AQ9479">
        <v>81</v>
      </c>
    </row>
    <row r="9480" spans="1:43">
      <c r="A9480" t="s">
        <v>5916</v>
      </c>
      <c r="B9480" t="s">
        <v>5917</v>
      </c>
      <c r="C9480" t="s">
        <v>5914</v>
      </c>
      <c r="D9480" t="s">
        <v>5915</v>
      </c>
      <c r="E9480" t="s">
        <v>5698</v>
      </c>
      <c r="F9480" t="s">
        <v>5699</v>
      </c>
      <c r="G9480" t="s">
        <v>80</v>
      </c>
      <c r="H9480" t="s">
        <v>81</v>
      </c>
      <c r="I9480" s="2">
        <v>0</v>
      </c>
      <c r="J9480" s="2">
        <v>1</v>
      </c>
      <c r="K9480" s="2">
        <v>0</v>
      </c>
      <c r="L9480" t="s">
        <v>82</v>
      </c>
      <c r="M9480" t="s">
        <v>89</v>
      </c>
      <c r="N9480" t="s">
        <v>90</v>
      </c>
      <c r="O9480" t="s">
        <v>85</v>
      </c>
      <c r="P9480" t="s">
        <v>86</v>
      </c>
      <c r="Q9480">
        <v>80</v>
      </c>
      <c r="R9480">
        <v>82</v>
      </c>
      <c r="S9480">
        <v>83</v>
      </c>
      <c r="T9480">
        <v>85</v>
      </c>
      <c r="U9480">
        <v>86</v>
      </c>
      <c r="V9480">
        <v>87</v>
      </c>
      <c r="W9480">
        <v>89</v>
      </c>
      <c r="X9480">
        <v>90</v>
      </c>
      <c r="Y9480">
        <v>91</v>
      </c>
      <c r="Z9480">
        <v>92</v>
      </c>
      <c r="AA9480">
        <v>93</v>
      </c>
      <c r="AB9480">
        <v>94</v>
      </c>
      <c r="AC9480">
        <v>95</v>
      </c>
      <c r="AD9480">
        <v>96</v>
      </c>
      <c r="AE9480">
        <v>97</v>
      </c>
      <c r="AF9480">
        <v>96</v>
      </c>
      <c r="AG9480">
        <v>96</v>
      </c>
      <c r="AH9480">
        <v>96</v>
      </c>
      <c r="AI9480">
        <v>95</v>
      </c>
      <c r="AJ9480">
        <v>95</v>
      </c>
      <c r="AK9480">
        <v>95</v>
      </c>
      <c r="AL9480">
        <v>94</v>
      </c>
      <c r="AM9480">
        <v>94</v>
      </c>
      <c r="AN9480">
        <v>94</v>
      </c>
      <c r="AO9480">
        <v>94</v>
      </c>
      <c r="AP9480">
        <v>93</v>
      </c>
      <c r="AQ9480">
        <v>93</v>
      </c>
    </row>
    <row r="9481" spans="1:43">
      <c r="A9481" t="s">
        <v>5916</v>
      </c>
      <c r="B9481" t="s">
        <v>5917</v>
      </c>
      <c r="C9481" t="s">
        <v>5914</v>
      </c>
      <c r="D9481" t="s">
        <v>5915</v>
      </c>
      <c r="E9481" t="s">
        <v>5698</v>
      </c>
      <c r="F9481" t="s">
        <v>5699</v>
      </c>
      <c r="G9481" t="s">
        <v>80</v>
      </c>
      <c r="H9481" t="s">
        <v>81</v>
      </c>
      <c r="I9481" s="2">
        <v>0</v>
      </c>
      <c r="J9481" s="2">
        <v>1</v>
      </c>
      <c r="K9481" s="2">
        <v>0</v>
      </c>
      <c r="L9481" t="s">
        <v>82</v>
      </c>
      <c r="M9481" t="s">
        <v>83</v>
      </c>
      <c r="N9481" t="s">
        <v>91</v>
      </c>
      <c r="O9481" t="s">
        <v>85</v>
      </c>
      <c r="P9481" t="s">
        <v>86</v>
      </c>
      <c r="Q9481">
        <v>80</v>
      </c>
      <c r="R9481">
        <v>81</v>
      </c>
      <c r="S9481">
        <v>81</v>
      </c>
      <c r="T9481">
        <v>82</v>
      </c>
      <c r="U9481">
        <v>83</v>
      </c>
      <c r="V9481">
        <v>84</v>
      </c>
      <c r="W9481">
        <v>84</v>
      </c>
      <c r="X9481">
        <v>85</v>
      </c>
      <c r="Y9481">
        <v>86</v>
      </c>
      <c r="Z9481">
        <v>87</v>
      </c>
      <c r="AA9481">
        <v>87</v>
      </c>
      <c r="AB9481">
        <v>88</v>
      </c>
      <c r="AC9481">
        <v>89</v>
      </c>
      <c r="AD9481">
        <v>89</v>
      </c>
      <c r="AE9481">
        <v>90</v>
      </c>
      <c r="AF9481">
        <v>91</v>
      </c>
      <c r="AG9481">
        <v>91</v>
      </c>
      <c r="AH9481">
        <v>92</v>
      </c>
      <c r="AI9481">
        <v>93</v>
      </c>
      <c r="AJ9481">
        <v>93</v>
      </c>
      <c r="AK9481">
        <v>94</v>
      </c>
      <c r="AL9481">
        <v>94</v>
      </c>
      <c r="AM9481">
        <v>93</v>
      </c>
      <c r="AN9481">
        <v>93</v>
      </c>
      <c r="AO9481">
        <v>93</v>
      </c>
      <c r="AP9481">
        <v>93</v>
      </c>
      <c r="AQ9481">
        <v>92</v>
      </c>
    </row>
    <row r="9482" spans="1:43">
      <c r="A9482" t="s">
        <v>5918</v>
      </c>
      <c r="B9482" t="s">
        <v>5919</v>
      </c>
      <c r="C9482" t="s">
        <v>5914</v>
      </c>
      <c r="D9482" t="s">
        <v>5915</v>
      </c>
      <c r="E9482" t="s">
        <v>5698</v>
      </c>
      <c r="F9482" t="s">
        <v>5699</v>
      </c>
      <c r="G9482" t="s">
        <v>80</v>
      </c>
      <c r="H9482" t="s">
        <v>81</v>
      </c>
      <c r="I9482" s="2">
        <v>0</v>
      </c>
      <c r="J9482" s="2">
        <v>1</v>
      </c>
      <c r="K9482" s="2">
        <v>0</v>
      </c>
      <c r="L9482" t="s">
        <v>82</v>
      </c>
      <c r="M9482" t="s">
        <v>83</v>
      </c>
      <c r="N9482" t="s">
        <v>84</v>
      </c>
      <c r="O9482" t="s">
        <v>85</v>
      </c>
      <c r="P9482" t="s">
        <v>86</v>
      </c>
      <c r="Q9482">
        <v>80</v>
      </c>
      <c r="R9482">
        <v>81</v>
      </c>
      <c r="S9482">
        <v>82</v>
      </c>
      <c r="T9482">
        <v>83</v>
      </c>
      <c r="U9482">
        <v>83</v>
      </c>
      <c r="V9482">
        <v>84</v>
      </c>
      <c r="W9482">
        <v>85</v>
      </c>
      <c r="X9482">
        <v>86</v>
      </c>
      <c r="Y9482">
        <v>86</v>
      </c>
      <c r="Z9482">
        <v>87</v>
      </c>
      <c r="AA9482">
        <v>88</v>
      </c>
      <c r="AB9482">
        <v>89</v>
      </c>
      <c r="AC9482">
        <v>89</v>
      </c>
      <c r="AD9482">
        <v>90</v>
      </c>
      <c r="AE9482">
        <v>91</v>
      </c>
      <c r="AF9482">
        <v>91</v>
      </c>
      <c r="AG9482">
        <v>92</v>
      </c>
      <c r="AH9482">
        <v>93</v>
      </c>
      <c r="AI9482">
        <v>93</v>
      </c>
      <c r="AJ9482">
        <v>94</v>
      </c>
      <c r="AK9482">
        <v>94</v>
      </c>
      <c r="AL9482">
        <v>94</v>
      </c>
      <c r="AM9482">
        <v>94</v>
      </c>
      <c r="AN9482">
        <v>94</v>
      </c>
      <c r="AO9482">
        <v>94</v>
      </c>
      <c r="AP9482">
        <v>93</v>
      </c>
      <c r="AQ9482">
        <v>93</v>
      </c>
    </row>
    <row r="9483" spans="1:43">
      <c r="A9483" t="s">
        <v>5918</v>
      </c>
      <c r="B9483" t="s">
        <v>5919</v>
      </c>
      <c r="C9483" t="s">
        <v>5914</v>
      </c>
      <c r="D9483" t="s">
        <v>5915</v>
      </c>
      <c r="E9483" t="s">
        <v>5698</v>
      </c>
      <c r="F9483" t="s">
        <v>5699</v>
      </c>
      <c r="G9483" t="s">
        <v>80</v>
      </c>
      <c r="H9483" t="s">
        <v>81</v>
      </c>
      <c r="I9483" s="2">
        <v>0</v>
      </c>
      <c r="J9483" s="2">
        <v>1</v>
      </c>
      <c r="K9483" s="2">
        <v>0</v>
      </c>
      <c r="L9483" t="s">
        <v>82</v>
      </c>
      <c r="M9483" t="s">
        <v>87</v>
      </c>
      <c r="N9483" t="s">
        <v>88</v>
      </c>
      <c r="O9483" t="s">
        <v>85</v>
      </c>
      <c r="P9483" t="s">
        <v>86</v>
      </c>
      <c r="Q9483">
        <v>80</v>
      </c>
      <c r="R9483">
        <v>80</v>
      </c>
      <c r="S9483">
        <v>81</v>
      </c>
      <c r="T9483">
        <v>81</v>
      </c>
      <c r="U9483">
        <v>81</v>
      </c>
      <c r="V9483">
        <v>81</v>
      </c>
      <c r="W9483">
        <v>81</v>
      </c>
      <c r="X9483">
        <v>81</v>
      </c>
      <c r="Y9483">
        <v>81</v>
      </c>
      <c r="Z9483">
        <v>81</v>
      </c>
      <c r="AA9483">
        <v>81</v>
      </c>
      <c r="AB9483">
        <v>81</v>
      </c>
      <c r="AC9483">
        <v>81</v>
      </c>
      <c r="AD9483">
        <v>81</v>
      </c>
      <c r="AE9483">
        <v>81</v>
      </c>
      <c r="AF9483">
        <v>81</v>
      </c>
      <c r="AG9483">
        <v>81</v>
      </c>
      <c r="AH9483">
        <v>81</v>
      </c>
      <c r="AI9483">
        <v>81</v>
      </c>
      <c r="AJ9483">
        <v>81</v>
      </c>
      <c r="AK9483">
        <v>82</v>
      </c>
      <c r="AL9483">
        <v>82</v>
      </c>
      <c r="AM9483">
        <v>82</v>
      </c>
      <c r="AN9483">
        <v>82</v>
      </c>
      <c r="AO9483">
        <v>82</v>
      </c>
      <c r="AP9483">
        <v>82</v>
      </c>
      <c r="AQ9483">
        <v>82</v>
      </c>
    </row>
    <row r="9484" spans="1:43">
      <c r="A9484" t="s">
        <v>5918</v>
      </c>
      <c r="B9484" t="s">
        <v>5919</v>
      </c>
      <c r="C9484" t="s">
        <v>5914</v>
      </c>
      <c r="D9484" t="s">
        <v>5915</v>
      </c>
      <c r="E9484" t="s">
        <v>5698</v>
      </c>
      <c r="F9484" t="s">
        <v>5699</v>
      </c>
      <c r="G9484" t="s">
        <v>80</v>
      </c>
      <c r="H9484" t="s">
        <v>81</v>
      </c>
      <c r="I9484" s="2">
        <v>0</v>
      </c>
      <c r="J9484" s="2">
        <v>1</v>
      </c>
      <c r="K9484" s="2">
        <v>0</v>
      </c>
      <c r="L9484" t="s">
        <v>82</v>
      </c>
      <c r="M9484" t="s">
        <v>89</v>
      </c>
      <c r="N9484" t="s">
        <v>90</v>
      </c>
      <c r="O9484" t="s">
        <v>85</v>
      </c>
      <c r="P9484" t="s">
        <v>86</v>
      </c>
      <c r="Q9484">
        <v>80</v>
      </c>
      <c r="R9484">
        <v>81</v>
      </c>
      <c r="S9484">
        <v>83</v>
      </c>
      <c r="T9484">
        <v>84</v>
      </c>
      <c r="U9484">
        <v>86</v>
      </c>
      <c r="V9484">
        <v>87</v>
      </c>
      <c r="W9484">
        <v>88</v>
      </c>
      <c r="X9484">
        <v>89</v>
      </c>
      <c r="Y9484">
        <v>91</v>
      </c>
      <c r="Z9484">
        <v>92</v>
      </c>
      <c r="AA9484">
        <v>93</v>
      </c>
      <c r="AB9484">
        <v>94</v>
      </c>
      <c r="AC9484">
        <v>95</v>
      </c>
      <c r="AD9484">
        <v>96</v>
      </c>
      <c r="AE9484">
        <v>96</v>
      </c>
      <c r="AF9484">
        <v>96</v>
      </c>
      <c r="AG9484">
        <v>96</v>
      </c>
      <c r="AH9484">
        <v>95</v>
      </c>
      <c r="AI9484">
        <v>95</v>
      </c>
      <c r="AJ9484">
        <v>95</v>
      </c>
      <c r="AK9484">
        <v>95</v>
      </c>
      <c r="AL9484">
        <v>94</v>
      </c>
      <c r="AM9484">
        <v>94</v>
      </c>
      <c r="AN9484">
        <v>94</v>
      </c>
      <c r="AO9484">
        <v>93</v>
      </c>
      <c r="AP9484">
        <v>93</v>
      </c>
      <c r="AQ9484">
        <v>93</v>
      </c>
    </row>
    <row r="9485" spans="1:43">
      <c r="A9485" t="s">
        <v>5918</v>
      </c>
      <c r="B9485" t="s">
        <v>5919</v>
      </c>
      <c r="C9485" t="s">
        <v>5914</v>
      </c>
      <c r="D9485" t="s">
        <v>5915</v>
      </c>
      <c r="E9485" t="s">
        <v>5698</v>
      </c>
      <c r="F9485" t="s">
        <v>5699</v>
      </c>
      <c r="G9485" t="s">
        <v>80</v>
      </c>
      <c r="H9485" t="s">
        <v>81</v>
      </c>
      <c r="I9485" s="2">
        <v>0</v>
      </c>
      <c r="J9485" s="2">
        <v>1</v>
      </c>
      <c r="K9485" s="2">
        <v>0</v>
      </c>
      <c r="L9485" t="s">
        <v>82</v>
      </c>
      <c r="M9485" t="s">
        <v>83</v>
      </c>
      <c r="N9485" t="s">
        <v>91</v>
      </c>
      <c r="O9485" t="s">
        <v>85</v>
      </c>
      <c r="P9485" t="s">
        <v>86</v>
      </c>
      <c r="Q9485">
        <v>80</v>
      </c>
      <c r="R9485">
        <v>81</v>
      </c>
      <c r="S9485">
        <v>82</v>
      </c>
      <c r="T9485">
        <v>83</v>
      </c>
      <c r="U9485">
        <v>83</v>
      </c>
      <c r="V9485">
        <v>84</v>
      </c>
      <c r="W9485">
        <v>85</v>
      </c>
      <c r="X9485">
        <v>86</v>
      </c>
      <c r="Y9485">
        <v>86</v>
      </c>
      <c r="Z9485">
        <v>87</v>
      </c>
      <c r="AA9485">
        <v>88</v>
      </c>
      <c r="AB9485">
        <v>89</v>
      </c>
      <c r="AC9485">
        <v>89</v>
      </c>
      <c r="AD9485">
        <v>90</v>
      </c>
      <c r="AE9485">
        <v>91</v>
      </c>
      <c r="AF9485">
        <v>91</v>
      </c>
      <c r="AG9485">
        <v>92</v>
      </c>
      <c r="AH9485">
        <v>93</v>
      </c>
      <c r="AI9485">
        <v>93</v>
      </c>
      <c r="AJ9485">
        <v>94</v>
      </c>
      <c r="AK9485">
        <v>94</v>
      </c>
      <c r="AL9485">
        <v>94</v>
      </c>
      <c r="AM9485">
        <v>94</v>
      </c>
      <c r="AN9485">
        <v>94</v>
      </c>
      <c r="AO9485">
        <v>94</v>
      </c>
      <c r="AP9485">
        <v>93</v>
      </c>
      <c r="AQ9485">
        <v>93</v>
      </c>
    </row>
    <row r="9486" spans="1:43">
      <c r="A9486" t="s">
        <v>5920</v>
      </c>
      <c r="B9486" t="s">
        <v>5921</v>
      </c>
      <c r="C9486" t="s">
        <v>5914</v>
      </c>
      <c r="D9486" t="s">
        <v>5915</v>
      </c>
      <c r="E9486" t="s">
        <v>5698</v>
      </c>
      <c r="F9486" t="s">
        <v>5699</v>
      </c>
      <c r="G9486" t="s">
        <v>80</v>
      </c>
      <c r="H9486" t="s">
        <v>81</v>
      </c>
      <c r="I9486" s="2">
        <v>0</v>
      </c>
      <c r="J9486" s="2">
        <v>1</v>
      </c>
      <c r="K9486" s="2">
        <v>0</v>
      </c>
      <c r="L9486" t="s">
        <v>82</v>
      </c>
      <c r="M9486" t="s">
        <v>83</v>
      </c>
      <c r="N9486" t="s">
        <v>84</v>
      </c>
      <c r="O9486" t="s">
        <v>85</v>
      </c>
      <c r="P9486" t="s">
        <v>86</v>
      </c>
      <c r="Q9486">
        <v>55</v>
      </c>
      <c r="R9486">
        <v>55</v>
      </c>
      <c r="S9486">
        <v>56</v>
      </c>
      <c r="T9486">
        <v>56</v>
      </c>
      <c r="U9486">
        <v>57</v>
      </c>
      <c r="V9486">
        <v>57</v>
      </c>
      <c r="W9486">
        <v>58</v>
      </c>
      <c r="X9486">
        <v>58</v>
      </c>
      <c r="Y9486">
        <v>59</v>
      </c>
      <c r="Z9486">
        <v>59</v>
      </c>
      <c r="AA9486">
        <v>60</v>
      </c>
      <c r="AB9486">
        <v>60</v>
      </c>
      <c r="AC9486">
        <v>61</v>
      </c>
      <c r="AD9486">
        <v>61</v>
      </c>
      <c r="AE9486">
        <v>62</v>
      </c>
      <c r="AF9486">
        <v>62</v>
      </c>
      <c r="AG9486">
        <v>63</v>
      </c>
      <c r="AH9486">
        <v>63</v>
      </c>
      <c r="AI9486">
        <v>64</v>
      </c>
      <c r="AJ9486">
        <v>64</v>
      </c>
      <c r="AK9486">
        <v>65</v>
      </c>
      <c r="AL9486">
        <v>65</v>
      </c>
      <c r="AM9486">
        <v>65</v>
      </c>
      <c r="AN9486">
        <v>64</v>
      </c>
      <c r="AO9486">
        <v>64</v>
      </c>
      <c r="AP9486">
        <v>64</v>
      </c>
      <c r="AQ9486">
        <v>64</v>
      </c>
    </row>
    <row r="9487" spans="1:43">
      <c r="A9487" t="s">
        <v>5920</v>
      </c>
      <c r="B9487" t="s">
        <v>5921</v>
      </c>
      <c r="C9487" t="s">
        <v>5914</v>
      </c>
      <c r="D9487" t="s">
        <v>5915</v>
      </c>
      <c r="E9487" t="s">
        <v>5698</v>
      </c>
      <c r="F9487" t="s">
        <v>5699</v>
      </c>
      <c r="G9487" t="s">
        <v>80</v>
      </c>
      <c r="H9487" t="s">
        <v>81</v>
      </c>
      <c r="I9487" s="2">
        <v>0</v>
      </c>
      <c r="J9487" s="2">
        <v>1</v>
      </c>
      <c r="K9487" s="2">
        <v>0</v>
      </c>
      <c r="L9487" t="s">
        <v>82</v>
      </c>
      <c r="M9487" t="s">
        <v>87</v>
      </c>
      <c r="N9487" t="s">
        <v>88</v>
      </c>
      <c r="O9487" t="s">
        <v>85</v>
      </c>
      <c r="P9487" t="s">
        <v>86</v>
      </c>
      <c r="Q9487">
        <v>55</v>
      </c>
      <c r="R9487">
        <v>55</v>
      </c>
      <c r="S9487">
        <v>55</v>
      </c>
      <c r="T9487">
        <v>55</v>
      </c>
      <c r="U9487">
        <v>55</v>
      </c>
      <c r="V9487">
        <v>55</v>
      </c>
      <c r="W9487">
        <v>55</v>
      </c>
      <c r="X9487">
        <v>55</v>
      </c>
      <c r="Y9487">
        <v>55</v>
      </c>
      <c r="Z9487">
        <v>56</v>
      </c>
      <c r="AA9487">
        <v>56</v>
      </c>
      <c r="AB9487">
        <v>56</v>
      </c>
      <c r="AC9487">
        <v>56</v>
      </c>
      <c r="AD9487">
        <v>56</v>
      </c>
      <c r="AE9487">
        <v>56</v>
      </c>
      <c r="AF9487">
        <v>56</v>
      </c>
      <c r="AG9487">
        <v>56</v>
      </c>
      <c r="AH9487">
        <v>56</v>
      </c>
      <c r="AI9487">
        <v>56</v>
      </c>
      <c r="AJ9487">
        <v>56</v>
      </c>
      <c r="AK9487">
        <v>56</v>
      </c>
      <c r="AL9487">
        <v>56</v>
      </c>
      <c r="AM9487">
        <v>56</v>
      </c>
      <c r="AN9487">
        <v>56</v>
      </c>
      <c r="AO9487">
        <v>56</v>
      </c>
      <c r="AP9487">
        <v>56</v>
      </c>
      <c r="AQ9487">
        <v>56</v>
      </c>
    </row>
    <row r="9488" spans="1:43">
      <c r="A9488" t="s">
        <v>5920</v>
      </c>
      <c r="B9488" t="s">
        <v>5921</v>
      </c>
      <c r="C9488" t="s">
        <v>5914</v>
      </c>
      <c r="D9488" t="s">
        <v>5915</v>
      </c>
      <c r="E9488" t="s">
        <v>5698</v>
      </c>
      <c r="F9488" t="s">
        <v>5699</v>
      </c>
      <c r="G9488" t="s">
        <v>80</v>
      </c>
      <c r="H9488" t="s">
        <v>81</v>
      </c>
      <c r="I9488" s="2">
        <v>0</v>
      </c>
      <c r="J9488" s="2">
        <v>1</v>
      </c>
      <c r="K9488" s="2">
        <v>0</v>
      </c>
      <c r="L9488" t="s">
        <v>82</v>
      </c>
      <c r="M9488" t="s">
        <v>89</v>
      </c>
      <c r="N9488" t="s">
        <v>90</v>
      </c>
      <c r="O9488" t="s">
        <v>85</v>
      </c>
      <c r="P9488" t="s">
        <v>86</v>
      </c>
      <c r="Q9488">
        <v>55</v>
      </c>
      <c r="R9488">
        <v>56</v>
      </c>
      <c r="S9488">
        <v>57</v>
      </c>
      <c r="T9488">
        <v>58</v>
      </c>
      <c r="U9488">
        <v>59</v>
      </c>
      <c r="V9488">
        <v>60</v>
      </c>
      <c r="W9488">
        <v>61</v>
      </c>
      <c r="X9488">
        <v>62</v>
      </c>
      <c r="Y9488">
        <v>62</v>
      </c>
      <c r="Z9488">
        <v>63</v>
      </c>
      <c r="AA9488">
        <v>64</v>
      </c>
      <c r="AB9488">
        <v>65</v>
      </c>
      <c r="AC9488">
        <v>65</v>
      </c>
      <c r="AD9488">
        <v>66</v>
      </c>
      <c r="AE9488">
        <v>66</v>
      </c>
      <c r="AF9488">
        <v>66</v>
      </c>
      <c r="AG9488">
        <v>66</v>
      </c>
      <c r="AH9488">
        <v>66</v>
      </c>
      <c r="AI9488">
        <v>66</v>
      </c>
      <c r="AJ9488">
        <v>66</v>
      </c>
      <c r="AK9488">
        <v>66</v>
      </c>
      <c r="AL9488">
        <v>65</v>
      </c>
      <c r="AM9488">
        <v>65</v>
      </c>
      <c r="AN9488">
        <v>65</v>
      </c>
      <c r="AO9488">
        <v>65</v>
      </c>
      <c r="AP9488">
        <v>65</v>
      </c>
      <c r="AQ9488">
        <v>65</v>
      </c>
    </row>
    <row r="9489" spans="1:43">
      <c r="A9489" t="s">
        <v>5920</v>
      </c>
      <c r="B9489" t="s">
        <v>5921</v>
      </c>
      <c r="C9489" t="s">
        <v>5914</v>
      </c>
      <c r="D9489" t="s">
        <v>5915</v>
      </c>
      <c r="E9489" t="s">
        <v>5698</v>
      </c>
      <c r="F9489" t="s">
        <v>5699</v>
      </c>
      <c r="G9489" t="s">
        <v>80</v>
      </c>
      <c r="H9489" t="s">
        <v>81</v>
      </c>
      <c r="I9489" s="2">
        <v>0</v>
      </c>
      <c r="J9489" s="2">
        <v>1</v>
      </c>
      <c r="K9489" s="2">
        <v>0</v>
      </c>
      <c r="L9489" t="s">
        <v>82</v>
      </c>
      <c r="M9489" t="s">
        <v>83</v>
      </c>
      <c r="N9489" t="s">
        <v>91</v>
      </c>
      <c r="O9489" t="s">
        <v>85</v>
      </c>
      <c r="P9489" t="s">
        <v>86</v>
      </c>
      <c r="Q9489">
        <v>55</v>
      </c>
      <c r="R9489">
        <v>55</v>
      </c>
      <c r="S9489">
        <v>56</v>
      </c>
      <c r="T9489">
        <v>56</v>
      </c>
      <c r="U9489">
        <v>57</v>
      </c>
      <c r="V9489">
        <v>57</v>
      </c>
      <c r="W9489">
        <v>58</v>
      </c>
      <c r="X9489">
        <v>58</v>
      </c>
      <c r="Y9489">
        <v>59</v>
      </c>
      <c r="Z9489">
        <v>59</v>
      </c>
      <c r="AA9489">
        <v>60</v>
      </c>
      <c r="AB9489">
        <v>60</v>
      </c>
      <c r="AC9489">
        <v>61</v>
      </c>
      <c r="AD9489">
        <v>61</v>
      </c>
      <c r="AE9489">
        <v>62</v>
      </c>
      <c r="AF9489">
        <v>62</v>
      </c>
      <c r="AG9489">
        <v>63</v>
      </c>
      <c r="AH9489">
        <v>63</v>
      </c>
      <c r="AI9489">
        <v>64</v>
      </c>
      <c r="AJ9489">
        <v>64</v>
      </c>
      <c r="AK9489">
        <v>65</v>
      </c>
      <c r="AL9489">
        <v>65</v>
      </c>
      <c r="AM9489">
        <v>65</v>
      </c>
      <c r="AN9489">
        <v>64</v>
      </c>
      <c r="AO9489">
        <v>64</v>
      </c>
      <c r="AP9489">
        <v>64</v>
      </c>
      <c r="AQ9489">
        <v>64</v>
      </c>
    </row>
    <row r="9490" spans="1:43">
      <c r="A9490" t="s">
        <v>5922</v>
      </c>
      <c r="B9490" t="s">
        <v>5923</v>
      </c>
      <c r="C9490" t="s">
        <v>5850</v>
      </c>
      <c r="D9490" t="s">
        <v>5851</v>
      </c>
      <c r="E9490" t="s">
        <v>5698</v>
      </c>
      <c r="F9490" t="s">
        <v>5699</v>
      </c>
      <c r="G9490" t="s">
        <v>80</v>
      </c>
      <c r="H9490" t="s">
        <v>81</v>
      </c>
      <c r="I9490" s="2">
        <v>0</v>
      </c>
      <c r="J9490" s="2">
        <v>1</v>
      </c>
      <c r="K9490" s="2">
        <v>0</v>
      </c>
      <c r="L9490" t="s">
        <v>82</v>
      </c>
      <c r="M9490" t="s">
        <v>83</v>
      </c>
      <c r="N9490" t="s">
        <v>84</v>
      </c>
      <c r="O9490" t="s">
        <v>85</v>
      </c>
      <c r="P9490" t="s">
        <v>86</v>
      </c>
      <c r="Q9490">
        <v>0</v>
      </c>
      <c r="R9490">
        <v>0</v>
      </c>
      <c r="S9490">
        <v>0</v>
      </c>
      <c r="T9490">
        <v>0</v>
      </c>
      <c r="U9490">
        <v>0</v>
      </c>
      <c r="V9490">
        <v>0</v>
      </c>
      <c r="W9490">
        <v>0</v>
      </c>
      <c r="X9490">
        <v>0</v>
      </c>
      <c r="Y9490">
        <v>0</v>
      </c>
      <c r="Z9490">
        <v>0</v>
      </c>
      <c r="AA9490">
        <v>0</v>
      </c>
      <c r="AB9490">
        <v>0</v>
      </c>
      <c r="AC9490">
        <v>0</v>
      </c>
      <c r="AD9490">
        <v>0</v>
      </c>
      <c r="AE9490">
        <v>0</v>
      </c>
      <c r="AF9490">
        <v>0</v>
      </c>
      <c r="AG9490">
        <v>0</v>
      </c>
      <c r="AH9490">
        <v>0</v>
      </c>
      <c r="AI9490">
        <v>0</v>
      </c>
      <c r="AJ9490">
        <v>0</v>
      </c>
      <c r="AK9490">
        <v>0</v>
      </c>
      <c r="AL9490">
        <v>0</v>
      </c>
      <c r="AM9490">
        <v>0</v>
      </c>
      <c r="AN9490">
        <v>0</v>
      </c>
      <c r="AO9490">
        <v>0</v>
      </c>
      <c r="AP9490">
        <v>0</v>
      </c>
      <c r="AQ9490">
        <v>0</v>
      </c>
    </row>
    <row r="9491" spans="1:43">
      <c r="A9491" t="s">
        <v>5922</v>
      </c>
      <c r="B9491" t="s">
        <v>5923</v>
      </c>
      <c r="C9491" t="s">
        <v>5850</v>
      </c>
      <c r="D9491" t="s">
        <v>5851</v>
      </c>
      <c r="E9491" t="s">
        <v>5698</v>
      </c>
      <c r="F9491" t="s">
        <v>5699</v>
      </c>
      <c r="G9491" t="s">
        <v>80</v>
      </c>
      <c r="H9491" t="s">
        <v>81</v>
      </c>
      <c r="I9491" s="2">
        <v>0</v>
      </c>
      <c r="J9491" s="2">
        <v>1</v>
      </c>
      <c r="K9491" s="2">
        <v>0</v>
      </c>
      <c r="L9491" t="s">
        <v>82</v>
      </c>
      <c r="M9491" t="s">
        <v>87</v>
      </c>
      <c r="N9491" t="s">
        <v>88</v>
      </c>
      <c r="O9491" t="s">
        <v>85</v>
      </c>
      <c r="P9491" t="s">
        <v>86</v>
      </c>
      <c r="Q9491">
        <v>0</v>
      </c>
      <c r="R9491">
        <v>0</v>
      </c>
      <c r="S9491">
        <v>0</v>
      </c>
      <c r="T9491">
        <v>0</v>
      </c>
      <c r="U9491">
        <v>0</v>
      </c>
      <c r="V9491">
        <v>0</v>
      </c>
      <c r="W9491">
        <v>0</v>
      </c>
      <c r="X9491">
        <v>0</v>
      </c>
      <c r="Y9491">
        <v>0</v>
      </c>
      <c r="Z9491">
        <v>0</v>
      </c>
      <c r="AA9491">
        <v>0</v>
      </c>
      <c r="AB9491">
        <v>0</v>
      </c>
      <c r="AC9491">
        <v>0</v>
      </c>
      <c r="AD9491">
        <v>0</v>
      </c>
      <c r="AE9491">
        <v>0</v>
      </c>
      <c r="AF9491">
        <v>0</v>
      </c>
      <c r="AG9491">
        <v>0</v>
      </c>
      <c r="AH9491">
        <v>0</v>
      </c>
      <c r="AI9491">
        <v>0</v>
      </c>
      <c r="AJ9491">
        <v>0</v>
      </c>
      <c r="AK9491">
        <v>0</v>
      </c>
      <c r="AL9491">
        <v>0</v>
      </c>
      <c r="AM9491">
        <v>0</v>
      </c>
      <c r="AN9491">
        <v>0</v>
      </c>
      <c r="AO9491">
        <v>0</v>
      </c>
      <c r="AP9491">
        <v>0</v>
      </c>
      <c r="AQ9491">
        <v>0</v>
      </c>
    </row>
    <row r="9492" spans="1:43">
      <c r="A9492" t="s">
        <v>5922</v>
      </c>
      <c r="B9492" t="s">
        <v>5923</v>
      </c>
      <c r="C9492" t="s">
        <v>5850</v>
      </c>
      <c r="D9492" t="s">
        <v>5851</v>
      </c>
      <c r="E9492" t="s">
        <v>5698</v>
      </c>
      <c r="F9492" t="s">
        <v>5699</v>
      </c>
      <c r="G9492" t="s">
        <v>80</v>
      </c>
      <c r="H9492" t="s">
        <v>81</v>
      </c>
      <c r="I9492" s="2">
        <v>0</v>
      </c>
      <c r="J9492" s="2">
        <v>1</v>
      </c>
      <c r="K9492" s="2">
        <v>0</v>
      </c>
      <c r="L9492" t="s">
        <v>82</v>
      </c>
      <c r="M9492" t="s">
        <v>89</v>
      </c>
      <c r="N9492" t="s">
        <v>90</v>
      </c>
      <c r="O9492" t="s">
        <v>85</v>
      </c>
      <c r="P9492" t="s">
        <v>86</v>
      </c>
      <c r="Q9492">
        <v>0</v>
      </c>
      <c r="R9492">
        <v>0</v>
      </c>
      <c r="S9492">
        <v>0</v>
      </c>
      <c r="T9492">
        <v>0</v>
      </c>
      <c r="U9492">
        <v>0</v>
      </c>
      <c r="V9492">
        <v>0</v>
      </c>
      <c r="W9492">
        <v>0</v>
      </c>
      <c r="X9492">
        <v>0</v>
      </c>
      <c r="Y9492">
        <v>0</v>
      </c>
      <c r="Z9492">
        <v>0</v>
      </c>
      <c r="AA9492">
        <v>0</v>
      </c>
      <c r="AB9492">
        <v>0</v>
      </c>
      <c r="AC9492">
        <v>0</v>
      </c>
      <c r="AD9492">
        <v>0</v>
      </c>
      <c r="AE9492">
        <v>0</v>
      </c>
      <c r="AF9492">
        <v>0</v>
      </c>
      <c r="AG9492">
        <v>0</v>
      </c>
      <c r="AH9492">
        <v>0</v>
      </c>
      <c r="AI9492">
        <v>0</v>
      </c>
      <c r="AJ9492">
        <v>0</v>
      </c>
      <c r="AK9492">
        <v>0</v>
      </c>
      <c r="AL9492">
        <v>0</v>
      </c>
      <c r="AM9492">
        <v>0</v>
      </c>
      <c r="AN9492">
        <v>0</v>
      </c>
      <c r="AO9492">
        <v>0</v>
      </c>
      <c r="AP9492">
        <v>0</v>
      </c>
      <c r="AQ9492">
        <v>0</v>
      </c>
    </row>
    <row r="9493" spans="1:43">
      <c r="A9493" t="s">
        <v>5922</v>
      </c>
      <c r="B9493" t="s">
        <v>5923</v>
      </c>
      <c r="C9493" t="s">
        <v>5850</v>
      </c>
      <c r="D9493" t="s">
        <v>5851</v>
      </c>
      <c r="E9493" t="s">
        <v>5698</v>
      </c>
      <c r="F9493" t="s">
        <v>5699</v>
      </c>
      <c r="G9493" t="s">
        <v>80</v>
      </c>
      <c r="H9493" t="s">
        <v>81</v>
      </c>
      <c r="I9493" s="2">
        <v>0</v>
      </c>
      <c r="J9493" s="2">
        <v>1</v>
      </c>
      <c r="K9493" s="2">
        <v>0</v>
      </c>
      <c r="L9493" t="s">
        <v>82</v>
      </c>
      <c r="M9493" t="s">
        <v>83</v>
      </c>
      <c r="N9493" t="s">
        <v>91</v>
      </c>
      <c r="O9493" t="s">
        <v>85</v>
      </c>
      <c r="P9493" t="s">
        <v>86</v>
      </c>
      <c r="Q9493">
        <v>0</v>
      </c>
      <c r="R9493">
        <v>0</v>
      </c>
      <c r="S9493">
        <v>0</v>
      </c>
      <c r="T9493">
        <v>0</v>
      </c>
      <c r="U9493">
        <v>0</v>
      </c>
      <c r="V9493">
        <v>0</v>
      </c>
      <c r="W9493">
        <v>0</v>
      </c>
      <c r="X9493">
        <v>0</v>
      </c>
      <c r="Y9493">
        <v>0</v>
      </c>
      <c r="Z9493">
        <v>0</v>
      </c>
      <c r="AA9493">
        <v>0</v>
      </c>
      <c r="AB9493">
        <v>0</v>
      </c>
      <c r="AC9493">
        <v>0</v>
      </c>
      <c r="AD9493">
        <v>0</v>
      </c>
      <c r="AE9493">
        <v>0</v>
      </c>
      <c r="AF9493">
        <v>0</v>
      </c>
      <c r="AG9493">
        <v>0</v>
      </c>
      <c r="AH9493">
        <v>0</v>
      </c>
      <c r="AI9493">
        <v>0</v>
      </c>
      <c r="AJ9493">
        <v>0</v>
      </c>
      <c r="AK9493">
        <v>0</v>
      </c>
      <c r="AL9493">
        <v>0</v>
      </c>
      <c r="AM9493">
        <v>0</v>
      </c>
      <c r="AN9493">
        <v>0</v>
      </c>
      <c r="AO9493">
        <v>0</v>
      </c>
      <c r="AP9493">
        <v>0</v>
      </c>
      <c r="AQ9493">
        <v>0</v>
      </c>
    </row>
    <row r="9494" spans="1:43">
      <c r="A9494" t="s">
        <v>5924</v>
      </c>
      <c r="B9494" t="s">
        <v>5925</v>
      </c>
      <c r="C9494" t="s">
        <v>5850</v>
      </c>
      <c r="D9494" t="s">
        <v>5851</v>
      </c>
      <c r="E9494" t="s">
        <v>5698</v>
      </c>
      <c r="F9494" t="s">
        <v>5699</v>
      </c>
      <c r="G9494" t="s">
        <v>80</v>
      </c>
      <c r="H9494" t="s">
        <v>81</v>
      </c>
      <c r="I9494" s="2">
        <v>0</v>
      </c>
      <c r="J9494" s="2">
        <v>1</v>
      </c>
      <c r="K9494" s="2">
        <v>0</v>
      </c>
      <c r="L9494" t="s">
        <v>82</v>
      </c>
      <c r="M9494" t="s">
        <v>83</v>
      </c>
      <c r="N9494" t="s">
        <v>84</v>
      </c>
      <c r="O9494" t="s">
        <v>85</v>
      </c>
      <c r="P9494" t="s">
        <v>86</v>
      </c>
      <c r="Q9494">
        <v>94</v>
      </c>
      <c r="R9494">
        <v>95</v>
      </c>
      <c r="S9494">
        <v>96</v>
      </c>
      <c r="T9494">
        <v>96</v>
      </c>
      <c r="U9494">
        <v>97</v>
      </c>
      <c r="V9494">
        <v>98</v>
      </c>
      <c r="W9494">
        <v>99</v>
      </c>
      <c r="X9494">
        <v>100</v>
      </c>
      <c r="Y9494">
        <v>101</v>
      </c>
      <c r="Z9494">
        <v>102</v>
      </c>
      <c r="AA9494">
        <v>103</v>
      </c>
      <c r="AB9494">
        <v>104</v>
      </c>
      <c r="AC9494">
        <v>104</v>
      </c>
      <c r="AD9494">
        <v>105</v>
      </c>
      <c r="AE9494">
        <v>106</v>
      </c>
      <c r="AF9494">
        <v>107</v>
      </c>
      <c r="AG9494">
        <v>107</v>
      </c>
      <c r="AH9494">
        <v>108</v>
      </c>
      <c r="AI9494">
        <v>109</v>
      </c>
      <c r="AJ9494">
        <v>110</v>
      </c>
      <c r="AK9494">
        <v>110</v>
      </c>
      <c r="AL9494">
        <v>110</v>
      </c>
      <c r="AM9494">
        <v>110</v>
      </c>
      <c r="AN9494">
        <v>110</v>
      </c>
      <c r="AO9494">
        <v>109</v>
      </c>
      <c r="AP9494">
        <v>109</v>
      </c>
      <c r="AQ9494">
        <v>109</v>
      </c>
    </row>
    <row r="9495" spans="1:43">
      <c r="A9495" t="s">
        <v>5924</v>
      </c>
      <c r="B9495" t="s">
        <v>5925</v>
      </c>
      <c r="C9495" t="s">
        <v>5850</v>
      </c>
      <c r="D9495" t="s">
        <v>5851</v>
      </c>
      <c r="E9495" t="s">
        <v>5698</v>
      </c>
      <c r="F9495" t="s">
        <v>5699</v>
      </c>
      <c r="G9495" t="s">
        <v>80</v>
      </c>
      <c r="H9495" t="s">
        <v>81</v>
      </c>
      <c r="I9495" s="2">
        <v>0</v>
      </c>
      <c r="J9495" s="2">
        <v>1</v>
      </c>
      <c r="K9495" s="2">
        <v>0</v>
      </c>
      <c r="L9495" t="s">
        <v>82</v>
      </c>
      <c r="M9495" t="s">
        <v>87</v>
      </c>
      <c r="N9495" t="s">
        <v>88</v>
      </c>
      <c r="O9495" t="s">
        <v>85</v>
      </c>
      <c r="P9495" t="s">
        <v>86</v>
      </c>
      <c r="Q9495">
        <v>94</v>
      </c>
      <c r="R9495">
        <v>94</v>
      </c>
      <c r="S9495">
        <v>94</v>
      </c>
      <c r="T9495">
        <v>94</v>
      </c>
      <c r="U9495">
        <v>94</v>
      </c>
      <c r="V9495">
        <v>94</v>
      </c>
      <c r="W9495">
        <v>94</v>
      </c>
      <c r="X9495">
        <v>94</v>
      </c>
      <c r="Y9495">
        <v>94</v>
      </c>
      <c r="Z9495">
        <v>94</v>
      </c>
      <c r="AA9495">
        <v>94</v>
      </c>
      <c r="AB9495">
        <v>95</v>
      </c>
      <c r="AC9495">
        <v>95</v>
      </c>
      <c r="AD9495">
        <v>95</v>
      </c>
      <c r="AE9495">
        <v>95</v>
      </c>
      <c r="AF9495">
        <v>95</v>
      </c>
      <c r="AG9495">
        <v>95</v>
      </c>
      <c r="AH9495">
        <v>95</v>
      </c>
      <c r="AI9495">
        <v>95</v>
      </c>
      <c r="AJ9495">
        <v>95</v>
      </c>
      <c r="AK9495">
        <v>95</v>
      </c>
      <c r="AL9495">
        <v>95</v>
      </c>
      <c r="AM9495">
        <v>95</v>
      </c>
      <c r="AN9495">
        <v>95</v>
      </c>
      <c r="AO9495">
        <v>95</v>
      </c>
      <c r="AP9495">
        <v>95</v>
      </c>
      <c r="AQ9495">
        <v>95</v>
      </c>
    </row>
    <row r="9496" spans="1:43">
      <c r="A9496" t="s">
        <v>5924</v>
      </c>
      <c r="B9496" t="s">
        <v>5925</v>
      </c>
      <c r="C9496" t="s">
        <v>5850</v>
      </c>
      <c r="D9496" t="s">
        <v>5851</v>
      </c>
      <c r="E9496" t="s">
        <v>5698</v>
      </c>
      <c r="F9496" t="s">
        <v>5699</v>
      </c>
      <c r="G9496" t="s">
        <v>80</v>
      </c>
      <c r="H9496" t="s">
        <v>81</v>
      </c>
      <c r="I9496" s="2">
        <v>0</v>
      </c>
      <c r="J9496" s="2">
        <v>1</v>
      </c>
      <c r="K9496" s="2">
        <v>0</v>
      </c>
      <c r="L9496" t="s">
        <v>82</v>
      </c>
      <c r="M9496" t="s">
        <v>89</v>
      </c>
      <c r="N9496" t="s">
        <v>90</v>
      </c>
      <c r="O9496" t="s">
        <v>85</v>
      </c>
      <c r="P9496" t="s">
        <v>86</v>
      </c>
      <c r="Q9496">
        <v>94</v>
      </c>
      <c r="R9496">
        <v>95</v>
      </c>
      <c r="S9496">
        <v>97</v>
      </c>
      <c r="T9496">
        <v>99</v>
      </c>
      <c r="U9496">
        <v>100</v>
      </c>
      <c r="V9496">
        <v>102</v>
      </c>
      <c r="W9496">
        <v>103</v>
      </c>
      <c r="X9496">
        <v>105</v>
      </c>
      <c r="Y9496">
        <v>106</v>
      </c>
      <c r="Z9496">
        <v>107</v>
      </c>
      <c r="AA9496">
        <v>108</v>
      </c>
      <c r="AB9496">
        <v>110</v>
      </c>
      <c r="AC9496">
        <v>111</v>
      </c>
      <c r="AD9496">
        <v>112</v>
      </c>
      <c r="AE9496">
        <v>113</v>
      </c>
      <c r="AF9496">
        <v>112</v>
      </c>
      <c r="AG9496">
        <v>112</v>
      </c>
      <c r="AH9496">
        <v>111</v>
      </c>
      <c r="AI9496">
        <v>111</v>
      </c>
      <c r="AJ9496">
        <v>111</v>
      </c>
      <c r="AK9496">
        <v>110</v>
      </c>
      <c r="AL9496">
        <v>110</v>
      </c>
      <c r="AM9496">
        <v>110</v>
      </c>
      <c r="AN9496">
        <v>109</v>
      </c>
      <c r="AO9496">
        <v>109</v>
      </c>
      <c r="AP9496">
        <v>109</v>
      </c>
      <c r="AQ9496">
        <v>108</v>
      </c>
    </row>
    <row r="9497" spans="1:43">
      <c r="A9497" t="s">
        <v>5924</v>
      </c>
      <c r="B9497" t="s">
        <v>5925</v>
      </c>
      <c r="C9497" t="s">
        <v>5850</v>
      </c>
      <c r="D9497" t="s">
        <v>5851</v>
      </c>
      <c r="E9497" t="s">
        <v>5698</v>
      </c>
      <c r="F9497" t="s">
        <v>5699</v>
      </c>
      <c r="G9497" t="s">
        <v>80</v>
      </c>
      <c r="H9497" t="s">
        <v>81</v>
      </c>
      <c r="I9497" s="2">
        <v>0</v>
      </c>
      <c r="J9497" s="2">
        <v>1</v>
      </c>
      <c r="K9497" s="2">
        <v>0</v>
      </c>
      <c r="L9497" t="s">
        <v>82</v>
      </c>
      <c r="M9497" t="s">
        <v>83</v>
      </c>
      <c r="N9497" t="s">
        <v>91</v>
      </c>
      <c r="O9497" t="s">
        <v>85</v>
      </c>
      <c r="P9497" t="s">
        <v>86</v>
      </c>
      <c r="Q9497">
        <v>94</v>
      </c>
      <c r="R9497">
        <v>95</v>
      </c>
      <c r="S9497">
        <v>96</v>
      </c>
      <c r="T9497">
        <v>96</v>
      </c>
      <c r="U9497">
        <v>97</v>
      </c>
      <c r="V9497">
        <v>98</v>
      </c>
      <c r="W9497">
        <v>99</v>
      </c>
      <c r="X9497">
        <v>100</v>
      </c>
      <c r="Y9497">
        <v>101</v>
      </c>
      <c r="Z9497">
        <v>102</v>
      </c>
      <c r="AA9497">
        <v>103</v>
      </c>
      <c r="AB9497">
        <v>104</v>
      </c>
      <c r="AC9497">
        <v>104</v>
      </c>
      <c r="AD9497">
        <v>105</v>
      </c>
      <c r="AE9497">
        <v>106</v>
      </c>
      <c r="AF9497">
        <v>107</v>
      </c>
      <c r="AG9497">
        <v>107</v>
      </c>
      <c r="AH9497">
        <v>108</v>
      </c>
      <c r="AI9497">
        <v>109</v>
      </c>
      <c r="AJ9497">
        <v>110</v>
      </c>
      <c r="AK9497">
        <v>110</v>
      </c>
      <c r="AL9497">
        <v>110</v>
      </c>
      <c r="AM9497">
        <v>110</v>
      </c>
      <c r="AN9497">
        <v>110</v>
      </c>
      <c r="AO9497">
        <v>109</v>
      </c>
      <c r="AP9497">
        <v>109</v>
      </c>
      <c r="AQ9497">
        <v>109</v>
      </c>
    </row>
    <row r="9498" spans="1:43">
      <c r="A9498" t="s">
        <v>5926</v>
      </c>
      <c r="B9498" t="s">
        <v>5927</v>
      </c>
      <c r="C9498" t="s">
        <v>5776</v>
      </c>
      <c r="D9498" t="s">
        <v>5777</v>
      </c>
      <c r="E9498" t="s">
        <v>5698</v>
      </c>
      <c r="F9498" t="s">
        <v>5699</v>
      </c>
      <c r="G9498" t="s">
        <v>80</v>
      </c>
      <c r="H9498" t="s">
        <v>81</v>
      </c>
      <c r="I9498" s="2">
        <v>0</v>
      </c>
      <c r="J9498" s="2">
        <v>1</v>
      </c>
      <c r="K9498" s="2">
        <v>0</v>
      </c>
      <c r="L9498" t="s">
        <v>82</v>
      </c>
      <c r="M9498" t="s">
        <v>83</v>
      </c>
      <c r="N9498" t="s">
        <v>84</v>
      </c>
      <c r="O9498" t="s">
        <v>85</v>
      </c>
      <c r="P9498" t="s">
        <v>86</v>
      </c>
      <c r="Q9498">
        <v>115</v>
      </c>
      <c r="R9498">
        <v>116</v>
      </c>
      <c r="S9498">
        <v>117</v>
      </c>
      <c r="T9498">
        <v>119</v>
      </c>
      <c r="U9498">
        <v>120</v>
      </c>
      <c r="V9498">
        <v>121</v>
      </c>
      <c r="W9498">
        <v>122</v>
      </c>
      <c r="X9498">
        <v>123</v>
      </c>
      <c r="Y9498">
        <v>124</v>
      </c>
      <c r="Z9498">
        <v>125</v>
      </c>
      <c r="AA9498">
        <v>127</v>
      </c>
      <c r="AB9498">
        <v>128</v>
      </c>
      <c r="AC9498">
        <v>129</v>
      </c>
      <c r="AD9498">
        <v>130</v>
      </c>
      <c r="AE9498">
        <v>131</v>
      </c>
      <c r="AF9498">
        <v>131</v>
      </c>
      <c r="AG9498">
        <v>132</v>
      </c>
      <c r="AH9498">
        <v>133</v>
      </c>
      <c r="AI9498">
        <v>134</v>
      </c>
      <c r="AJ9498">
        <v>135</v>
      </c>
      <c r="AK9498">
        <v>136</v>
      </c>
      <c r="AL9498">
        <v>136</v>
      </c>
      <c r="AM9498">
        <v>136</v>
      </c>
      <c r="AN9498">
        <v>136</v>
      </c>
      <c r="AO9498">
        <v>135</v>
      </c>
      <c r="AP9498">
        <v>135</v>
      </c>
      <c r="AQ9498">
        <v>135</v>
      </c>
    </row>
    <row r="9499" spans="1:43">
      <c r="A9499" t="s">
        <v>5926</v>
      </c>
      <c r="B9499" t="s">
        <v>5927</v>
      </c>
      <c r="C9499" t="s">
        <v>5776</v>
      </c>
      <c r="D9499" t="s">
        <v>5777</v>
      </c>
      <c r="E9499" t="s">
        <v>5698</v>
      </c>
      <c r="F9499" t="s">
        <v>5699</v>
      </c>
      <c r="G9499" t="s">
        <v>80</v>
      </c>
      <c r="H9499" t="s">
        <v>81</v>
      </c>
      <c r="I9499" s="2">
        <v>0</v>
      </c>
      <c r="J9499" s="2">
        <v>1</v>
      </c>
      <c r="K9499" s="2">
        <v>0</v>
      </c>
      <c r="L9499" t="s">
        <v>82</v>
      </c>
      <c r="M9499" t="s">
        <v>87</v>
      </c>
      <c r="N9499" t="s">
        <v>88</v>
      </c>
      <c r="O9499" t="s">
        <v>85</v>
      </c>
      <c r="P9499" t="s">
        <v>86</v>
      </c>
      <c r="Q9499">
        <v>115</v>
      </c>
      <c r="R9499">
        <v>115</v>
      </c>
      <c r="S9499">
        <v>115</v>
      </c>
      <c r="T9499">
        <v>115</v>
      </c>
      <c r="U9499">
        <v>115</v>
      </c>
      <c r="V9499">
        <v>116</v>
      </c>
      <c r="W9499">
        <v>116</v>
      </c>
      <c r="X9499">
        <v>116</v>
      </c>
      <c r="Y9499">
        <v>116</v>
      </c>
      <c r="Z9499">
        <v>116</v>
      </c>
      <c r="AA9499">
        <v>116</v>
      </c>
      <c r="AB9499">
        <v>116</v>
      </c>
      <c r="AC9499">
        <v>116</v>
      </c>
      <c r="AD9499">
        <v>116</v>
      </c>
      <c r="AE9499">
        <v>117</v>
      </c>
      <c r="AF9499">
        <v>117</v>
      </c>
      <c r="AG9499">
        <v>117</v>
      </c>
      <c r="AH9499">
        <v>117</v>
      </c>
      <c r="AI9499">
        <v>117</v>
      </c>
      <c r="AJ9499">
        <v>117</v>
      </c>
      <c r="AK9499">
        <v>117</v>
      </c>
      <c r="AL9499">
        <v>117</v>
      </c>
      <c r="AM9499">
        <v>117</v>
      </c>
      <c r="AN9499">
        <v>117</v>
      </c>
      <c r="AO9499">
        <v>117</v>
      </c>
      <c r="AP9499">
        <v>117</v>
      </c>
      <c r="AQ9499">
        <v>118</v>
      </c>
    </row>
    <row r="9500" spans="1:43">
      <c r="A9500" t="s">
        <v>5926</v>
      </c>
      <c r="B9500" t="s">
        <v>5927</v>
      </c>
      <c r="C9500" t="s">
        <v>5776</v>
      </c>
      <c r="D9500" t="s">
        <v>5777</v>
      </c>
      <c r="E9500" t="s">
        <v>5698</v>
      </c>
      <c r="F9500" t="s">
        <v>5699</v>
      </c>
      <c r="G9500" t="s">
        <v>80</v>
      </c>
      <c r="H9500" t="s">
        <v>81</v>
      </c>
      <c r="I9500" s="2">
        <v>0</v>
      </c>
      <c r="J9500" s="2">
        <v>1</v>
      </c>
      <c r="K9500" s="2">
        <v>0</v>
      </c>
      <c r="L9500" t="s">
        <v>82</v>
      </c>
      <c r="M9500" t="s">
        <v>89</v>
      </c>
      <c r="N9500" t="s">
        <v>90</v>
      </c>
      <c r="O9500" t="s">
        <v>85</v>
      </c>
      <c r="P9500" t="s">
        <v>86</v>
      </c>
      <c r="Q9500">
        <v>115</v>
      </c>
      <c r="R9500">
        <v>117</v>
      </c>
      <c r="S9500">
        <v>119</v>
      </c>
      <c r="T9500">
        <v>122</v>
      </c>
      <c r="U9500">
        <v>124</v>
      </c>
      <c r="V9500">
        <v>125</v>
      </c>
      <c r="W9500">
        <v>127</v>
      </c>
      <c r="X9500">
        <v>129</v>
      </c>
      <c r="Y9500">
        <v>131</v>
      </c>
      <c r="Z9500">
        <v>132</v>
      </c>
      <c r="AA9500">
        <v>134</v>
      </c>
      <c r="AB9500">
        <v>135</v>
      </c>
      <c r="AC9500">
        <v>137</v>
      </c>
      <c r="AD9500">
        <v>138</v>
      </c>
      <c r="AE9500">
        <v>139</v>
      </c>
      <c r="AF9500">
        <v>139</v>
      </c>
      <c r="AG9500">
        <v>138</v>
      </c>
      <c r="AH9500">
        <v>138</v>
      </c>
      <c r="AI9500">
        <v>138</v>
      </c>
      <c r="AJ9500">
        <v>137</v>
      </c>
      <c r="AK9500">
        <v>137</v>
      </c>
      <c r="AL9500">
        <v>137</v>
      </c>
      <c r="AM9500">
        <v>136</v>
      </c>
      <c r="AN9500">
        <v>136</v>
      </c>
      <c r="AO9500">
        <v>136</v>
      </c>
      <c r="AP9500">
        <v>135</v>
      </c>
      <c r="AQ9500">
        <v>135</v>
      </c>
    </row>
    <row r="9501" spans="1:43">
      <c r="A9501" t="s">
        <v>5926</v>
      </c>
      <c r="B9501" t="s">
        <v>5927</v>
      </c>
      <c r="C9501" t="s">
        <v>5776</v>
      </c>
      <c r="D9501" t="s">
        <v>5777</v>
      </c>
      <c r="E9501" t="s">
        <v>5698</v>
      </c>
      <c r="F9501" t="s">
        <v>5699</v>
      </c>
      <c r="G9501" t="s">
        <v>80</v>
      </c>
      <c r="H9501" t="s">
        <v>81</v>
      </c>
      <c r="I9501" s="2">
        <v>0</v>
      </c>
      <c r="J9501" s="2">
        <v>1</v>
      </c>
      <c r="K9501" s="2">
        <v>0</v>
      </c>
      <c r="L9501" t="s">
        <v>82</v>
      </c>
      <c r="M9501" t="s">
        <v>83</v>
      </c>
      <c r="N9501" t="s">
        <v>91</v>
      </c>
      <c r="O9501" t="s">
        <v>85</v>
      </c>
      <c r="P9501" t="s">
        <v>86</v>
      </c>
      <c r="Q9501">
        <v>115</v>
      </c>
      <c r="R9501">
        <v>116</v>
      </c>
      <c r="S9501">
        <v>117</v>
      </c>
      <c r="T9501">
        <v>119</v>
      </c>
      <c r="U9501">
        <v>120</v>
      </c>
      <c r="V9501">
        <v>121</v>
      </c>
      <c r="W9501">
        <v>122</v>
      </c>
      <c r="X9501">
        <v>123</v>
      </c>
      <c r="Y9501">
        <v>124</v>
      </c>
      <c r="Z9501">
        <v>125</v>
      </c>
      <c r="AA9501">
        <v>127</v>
      </c>
      <c r="AB9501">
        <v>128</v>
      </c>
      <c r="AC9501">
        <v>129</v>
      </c>
      <c r="AD9501">
        <v>130</v>
      </c>
      <c r="AE9501">
        <v>131</v>
      </c>
      <c r="AF9501">
        <v>131</v>
      </c>
      <c r="AG9501">
        <v>132</v>
      </c>
      <c r="AH9501">
        <v>133</v>
      </c>
      <c r="AI9501">
        <v>134</v>
      </c>
      <c r="AJ9501">
        <v>135</v>
      </c>
      <c r="AK9501">
        <v>136</v>
      </c>
      <c r="AL9501">
        <v>136</v>
      </c>
      <c r="AM9501">
        <v>136</v>
      </c>
      <c r="AN9501">
        <v>136</v>
      </c>
      <c r="AO9501">
        <v>135</v>
      </c>
      <c r="AP9501">
        <v>135</v>
      </c>
      <c r="AQ9501">
        <v>135</v>
      </c>
    </row>
    <row r="9502" spans="1:43">
      <c r="A9502" t="s">
        <v>5928</v>
      </c>
      <c r="B9502" t="s">
        <v>5929</v>
      </c>
      <c r="C9502" t="s">
        <v>5776</v>
      </c>
      <c r="D9502" t="s">
        <v>5777</v>
      </c>
      <c r="E9502" t="s">
        <v>5698</v>
      </c>
      <c r="F9502" t="s">
        <v>5699</v>
      </c>
      <c r="G9502" t="s">
        <v>80</v>
      </c>
      <c r="H9502" t="s">
        <v>81</v>
      </c>
      <c r="I9502" s="2">
        <v>0</v>
      </c>
      <c r="J9502" s="2">
        <v>1</v>
      </c>
      <c r="K9502" s="2">
        <v>0</v>
      </c>
      <c r="L9502" t="s">
        <v>82</v>
      </c>
      <c r="M9502" t="s">
        <v>83</v>
      </c>
      <c r="N9502" t="s">
        <v>84</v>
      </c>
      <c r="O9502" t="s">
        <v>85</v>
      </c>
      <c r="P9502" t="s">
        <v>86</v>
      </c>
      <c r="Q9502">
        <v>64</v>
      </c>
      <c r="R9502">
        <v>65</v>
      </c>
      <c r="S9502">
        <v>65</v>
      </c>
      <c r="T9502">
        <v>66</v>
      </c>
      <c r="U9502">
        <v>67</v>
      </c>
      <c r="V9502">
        <v>67</v>
      </c>
      <c r="W9502">
        <v>68</v>
      </c>
      <c r="X9502">
        <v>68</v>
      </c>
      <c r="Y9502">
        <v>69</v>
      </c>
      <c r="Z9502">
        <v>70</v>
      </c>
      <c r="AA9502">
        <v>70</v>
      </c>
      <c r="AB9502">
        <v>71</v>
      </c>
      <c r="AC9502">
        <v>71</v>
      </c>
      <c r="AD9502">
        <v>72</v>
      </c>
      <c r="AE9502">
        <v>73</v>
      </c>
      <c r="AF9502">
        <v>73</v>
      </c>
      <c r="AG9502">
        <v>74</v>
      </c>
      <c r="AH9502">
        <v>74</v>
      </c>
      <c r="AI9502">
        <v>75</v>
      </c>
      <c r="AJ9502">
        <v>75</v>
      </c>
      <c r="AK9502">
        <v>76</v>
      </c>
      <c r="AL9502">
        <v>76</v>
      </c>
      <c r="AM9502">
        <v>76</v>
      </c>
      <c r="AN9502">
        <v>76</v>
      </c>
      <c r="AO9502">
        <v>75</v>
      </c>
      <c r="AP9502">
        <v>75</v>
      </c>
      <c r="AQ9502">
        <v>75</v>
      </c>
    </row>
    <row r="9503" spans="1:43">
      <c r="A9503" t="s">
        <v>5928</v>
      </c>
      <c r="B9503" t="s">
        <v>5929</v>
      </c>
      <c r="C9503" t="s">
        <v>5776</v>
      </c>
      <c r="D9503" t="s">
        <v>5777</v>
      </c>
      <c r="E9503" t="s">
        <v>5698</v>
      </c>
      <c r="F9503" t="s">
        <v>5699</v>
      </c>
      <c r="G9503" t="s">
        <v>80</v>
      </c>
      <c r="H9503" t="s">
        <v>81</v>
      </c>
      <c r="I9503" s="2">
        <v>0</v>
      </c>
      <c r="J9503" s="2">
        <v>1</v>
      </c>
      <c r="K9503" s="2">
        <v>0</v>
      </c>
      <c r="L9503" t="s">
        <v>82</v>
      </c>
      <c r="M9503" t="s">
        <v>87</v>
      </c>
      <c r="N9503" t="s">
        <v>88</v>
      </c>
      <c r="O9503" t="s">
        <v>85</v>
      </c>
      <c r="P9503" t="s">
        <v>86</v>
      </c>
      <c r="Q9503">
        <v>64</v>
      </c>
      <c r="R9503">
        <v>64</v>
      </c>
      <c r="S9503">
        <v>64</v>
      </c>
      <c r="T9503">
        <v>65</v>
      </c>
      <c r="U9503">
        <v>65</v>
      </c>
      <c r="V9503">
        <v>65</v>
      </c>
      <c r="W9503">
        <v>65</v>
      </c>
      <c r="X9503">
        <v>65</v>
      </c>
      <c r="Y9503">
        <v>65</v>
      </c>
      <c r="Z9503">
        <v>65</v>
      </c>
      <c r="AA9503">
        <v>65</v>
      </c>
      <c r="AB9503">
        <v>65</v>
      </c>
      <c r="AC9503">
        <v>65</v>
      </c>
      <c r="AD9503">
        <v>65</v>
      </c>
      <c r="AE9503">
        <v>65</v>
      </c>
      <c r="AF9503">
        <v>65</v>
      </c>
      <c r="AG9503">
        <v>65</v>
      </c>
      <c r="AH9503">
        <v>65</v>
      </c>
      <c r="AI9503">
        <v>65</v>
      </c>
      <c r="AJ9503">
        <v>65</v>
      </c>
      <c r="AK9503">
        <v>66</v>
      </c>
      <c r="AL9503">
        <v>66</v>
      </c>
      <c r="AM9503">
        <v>66</v>
      </c>
      <c r="AN9503">
        <v>66</v>
      </c>
      <c r="AO9503">
        <v>66</v>
      </c>
      <c r="AP9503">
        <v>66</v>
      </c>
      <c r="AQ9503">
        <v>66</v>
      </c>
    </row>
    <row r="9504" spans="1:43">
      <c r="A9504" t="s">
        <v>5928</v>
      </c>
      <c r="B9504" t="s">
        <v>5929</v>
      </c>
      <c r="C9504" t="s">
        <v>5776</v>
      </c>
      <c r="D9504" t="s">
        <v>5777</v>
      </c>
      <c r="E9504" t="s">
        <v>5698</v>
      </c>
      <c r="F9504" t="s">
        <v>5699</v>
      </c>
      <c r="G9504" t="s">
        <v>80</v>
      </c>
      <c r="H9504" t="s">
        <v>81</v>
      </c>
      <c r="I9504" s="2">
        <v>0</v>
      </c>
      <c r="J9504" s="2">
        <v>1</v>
      </c>
      <c r="K9504" s="2">
        <v>0</v>
      </c>
      <c r="L9504" t="s">
        <v>82</v>
      </c>
      <c r="M9504" t="s">
        <v>89</v>
      </c>
      <c r="N9504" t="s">
        <v>90</v>
      </c>
      <c r="O9504" t="s">
        <v>85</v>
      </c>
      <c r="P9504" t="s">
        <v>86</v>
      </c>
      <c r="Q9504">
        <v>64</v>
      </c>
      <c r="R9504">
        <v>66</v>
      </c>
      <c r="S9504">
        <v>67</v>
      </c>
      <c r="T9504">
        <v>68</v>
      </c>
      <c r="U9504">
        <v>69</v>
      </c>
      <c r="V9504">
        <v>70</v>
      </c>
      <c r="W9504">
        <v>71</v>
      </c>
      <c r="X9504">
        <v>72</v>
      </c>
      <c r="Y9504">
        <v>73</v>
      </c>
      <c r="Z9504">
        <v>74</v>
      </c>
      <c r="AA9504">
        <v>75</v>
      </c>
      <c r="AB9504">
        <v>76</v>
      </c>
      <c r="AC9504">
        <v>77</v>
      </c>
      <c r="AD9504">
        <v>77</v>
      </c>
      <c r="AE9504">
        <v>78</v>
      </c>
      <c r="AF9504">
        <v>78</v>
      </c>
      <c r="AG9504">
        <v>78</v>
      </c>
      <c r="AH9504">
        <v>77</v>
      </c>
      <c r="AI9504">
        <v>77</v>
      </c>
      <c r="AJ9504">
        <v>77</v>
      </c>
      <c r="AK9504">
        <v>77</v>
      </c>
      <c r="AL9504">
        <v>77</v>
      </c>
      <c r="AM9504">
        <v>77</v>
      </c>
      <c r="AN9504">
        <v>76</v>
      </c>
      <c r="AO9504">
        <v>76</v>
      </c>
      <c r="AP9504">
        <v>76</v>
      </c>
      <c r="AQ9504">
        <v>76</v>
      </c>
    </row>
    <row r="9505" spans="1:43">
      <c r="A9505" t="s">
        <v>5928</v>
      </c>
      <c r="B9505" t="s">
        <v>5929</v>
      </c>
      <c r="C9505" t="s">
        <v>5776</v>
      </c>
      <c r="D9505" t="s">
        <v>5777</v>
      </c>
      <c r="E9505" t="s">
        <v>5698</v>
      </c>
      <c r="F9505" t="s">
        <v>5699</v>
      </c>
      <c r="G9505" t="s">
        <v>80</v>
      </c>
      <c r="H9505" t="s">
        <v>81</v>
      </c>
      <c r="I9505" s="2">
        <v>0</v>
      </c>
      <c r="J9505" s="2">
        <v>1</v>
      </c>
      <c r="K9505" s="2">
        <v>0</v>
      </c>
      <c r="L9505" t="s">
        <v>82</v>
      </c>
      <c r="M9505" t="s">
        <v>83</v>
      </c>
      <c r="N9505" t="s">
        <v>91</v>
      </c>
      <c r="O9505" t="s">
        <v>85</v>
      </c>
      <c r="P9505" t="s">
        <v>86</v>
      </c>
      <c r="Q9505">
        <v>64</v>
      </c>
      <c r="R9505">
        <v>65</v>
      </c>
      <c r="S9505">
        <v>65</v>
      </c>
      <c r="T9505">
        <v>66</v>
      </c>
      <c r="U9505">
        <v>67</v>
      </c>
      <c r="V9505">
        <v>67</v>
      </c>
      <c r="W9505">
        <v>68</v>
      </c>
      <c r="X9505">
        <v>68</v>
      </c>
      <c r="Y9505">
        <v>69</v>
      </c>
      <c r="Z9505">
        <v>70</v>
      </c>
      <c r="AA9505">
        <v>70</v>
      </c>
      <c r="AB9505">
        <v>71</v>
      </c>
      <c r="AC9505">
        <v>71</v>
      </c>
      <c r="AD9505">
        <v>72</v>
      </c>
      <c r="AE9505">
        <v>73</v>
      </c>
      <c r="AF9505">
        <v>73</v>
      </c>
      <c r="AG9505">
        <v>74</v>
      </c>
      <c r="AH9505">
        <v>74</v>
      </c>
      <c r="AI9505">
        <v>75</v>
      </c>
      <c r="AJ9505">
        <v>75</v>
      </c>
      <c r="AK9505">
        <v>76</v>
      </c>
      <c r="AL9505">
        <v>76</v>
      </c>
      <c r="AM9505">
        <v>76</v>
      </c>
      <c r="AN9505">
        <v>76</v>
      </c>
      <c r="AO9505">
        <v>75</v>
      </c>
      <c r="AP9505">
        <v>75</v>
      </c>
      <c r="AQ9505">
        <v>75</v>
      </c>
    </row>
    <row r="9506" spans="1:43">
      <c r="A9506" t="s">
        <v>5930</v>
      </c>
      <c r="B9506" t="s">
        <v>5931</v>
      </c>
      <c r="C9506" t="s">
        <v>5894</v>
      </c>
      <c r="D9506" t="s">
        <v>5895</v>
      </c>
      <c r="E9506" t="s">
        <v>5698</v>
      </c>
      <c r="F9506" t="s">
        <v>5699</v>
      </c>
      <c r="G9506" t="s">
        <v>80</v>
      </c>
      <c r="H9506" t="s">
        <v>81</v>
      </c>
      <c r="I9506" s="2">
        <v>0</v>
      </c>
      <c r="J9506" s="2">
        <v>1</v>
      </c>
      <c r="K9506" s="2">
        <v>0</v>
      </c>
      <c r="L9506" t="s">
        <v>82</v>
      </c>
      <c r="M9506" t="s">
        <v>83</v>
      </c>
      <c r="N9506" t="s">
        <v>84</v>
      </c>
      <c r="O9506" t="s">
        <v>85</v>
      </c>
      <c r="P9506" t="s">
        <v>86</v>
      </c>
      <c r="Q9506">
        <v>87</v>
      </c>
      <c r="R9506">
        <v>88</v>
      </c>
      <c r="S9506">
        <v>89</v>
      </c>
      <c r="T9506">
        <v>90</v>
      </c>
      <c r="U9506">
        <v>91</v>
      </c>
      <c r="V9506">
        <v>92</v>
      </c>
      <c r="W9506">
        <v>93</v>
      </c>
      <c r="X9506">
        <v>93</v>
      </c>
      <c r="Y9506">
        <v>94</v>
      </c>
      <c r="Z9506">
        <v>95</v>
      </c>
      <c r="AA9506">
        <v>96</v>
      </c>
      <c r="AB9506">
        <v>97</v>
      </c>
      <c r="AC9506">
        <v>98</v>
      </c>
      <c r="AD9506">
        <v>98</v>
      </c>
      <c r="AE9506">
        <v>99</v>
      </c>
      <c r="AF9506">
        <v>100</v>
      </c>
      <c r="AG9506">
        <v>100</v>
      </c>
      <c r="AH9506">
        <v>101</v>
      </c>
      <c r="AI9506">
        <v>102</v>
      </c>
      <c r="AJ9506">
        <v>103</v>
      </c>
      <c r="AK9506">
        <v>103</v>
      </c>
      <c r="AL9506">
        <v>103</v>
      </c>
      <c r="AM9506">
        <v>103</v>
      </c>
      <c r="AN9506">
        <v>103</v>
      </c>
      <c r="AO9506">
        <v>103</v>
      </c>
      <c r="AP9506">
        <v>102</v>
      </c>
      <c r="AQ9506">
        <v>102</v>
      </c>
    </row>
    <row r="9507" spans="1:43">
      <c r="A9507" t="s">
        <v>5930</v>
      </c>
      <c r="B9507" t="s">
        <v>5931</v>
      </c>
      <c r="C9507" t="s">
        <v>5894</v>
      </c>
      <c r="D9507" t="s">
        <v>5895</v>
      </c>
      <c r="E9507" t="s">
        <v>5698</v>
      </c>
      <c r="F9507" t="s">
        <v>5699</v>
      </c>
      <c r="G9507" t="s">
        <v>80</v>
      </c>
      <c r="H9507" t="s">
        <v>81</v>
      </c>
      <c r="I9507" s="2">
        <v>0</v>
      </c>
      <c r="J9507" s="2">
        <v>1</v>
      </c>
      <c r="K9507" s="2">
        <v>0</v>
      </c>
      <c r="L9507" t="s">
        <v>82</v>
      </c>
      <c r="M9507" t="s">
        <v>87</v>
      </c>
      <c r="N9507" t="s">
        <v>88</v>
      </c>
      <c r="O9507" t="s">
        <v>85</v>
      </c>
      <c r="P9507" t="s">
        <v>86</v>
      </c>
      <c r="Q9507">
        <v>87</v>
      </c>
      <c r="R9507">
        <v>87</v>
      </c>
      <c r="S9507">
        <v>87</v>
      </c>
      <c r="T9507">
        <v>87</v>
      </c>
      <c r="U9507">
        <v>87</v>
      </c>
      <c r="V9507">
        <v>87</v>
      </c>
      <c r="W9507">
        <v>87</v>
      </c>
      <c r="X9507">
        <v>87</v>
      </c>
      <c r="Y9507">
        <v>87</v>
      </c>
      <c r="Z9507">
        <v>87</v>
      </c>
      <c r="AA9507">
        <v>87</v>
      </c>
      <c r="AB9507">
        <v>87</v>
      </c>
      <c r="AC9507">
        <v>87</v>
      </c>
      <c r="AD9507">
        <v>88</v>
      </c>
      <c r="AE9507">
        <v>88</v>
      </c>
      <c r="AF9507">
        <v>88</v>
      </c>
      <c r="AG9507">
        <v>88</v>
      </c>
      <c r="AH9507">
        <v>88</v>
      </c>
      <c r="AI9507">
        <v>88</v>
      </c>
      <c r="AJ9507">
        <v>88</v>
      </c>
      <c r="AK9507">
        <v>88</v>
      </c>
      <c r="AL9507">
        <v>88</v>
      </c>
      <c r="AM9507">
        <v>88</v>
      </c>
      <c r="AN9507">
        <v>88</v>
      </c>
      <c r="AO9507">
        <v>88</v>
      </c>
      <c r="AP9507">
        <v>88</v>
      </c>
      <c r="AQ9507">
        <v>88</v>
      </c>
    </row>
    <row r="9508" spans="1:43">
      <c r="A9508" t="s">
        <v>5930</v>
      </c>
      <c r="B9508" t="s">
        <v>5931</v>
      </c>
      <c r="C9508" t="s">
        <v>5894</v>
      </c>
      <c r="D9508" t="s">
        <v>5895</v>
      </c>
      <c r="E9508" t="s">
        <v>5698</v>
      </c>
      <c r="F9508" t="s">
        <v>5699</v>
      </c>
      <c r="G9508" t="s">
        <v>80</v>
      </c>
      <c r="H9508" t="s">
        <v>81</v>
      </c>
      <c r="I9508" s="2">
        <v>0</v>
      </c>
      <c r="J9508" s="2">
        <v>1</v>
      </c>
      <c r="K9508" s="2">
        <v>0</v>
      </c>
      <c r="L9508" t="s">
        <v>82</v>
      </c>
      <c r="M9508" t="s">
        <v>89</v>
      </c>
      <c r="N9508" t="s">
        <v>90</v>
      </c>
      <c r="O9508" t="s">
        <v>85</v>
      </c>
      <c r="P9508" t="s">
        <v>86</v>
      </c>
      <c r="Q9508">
        <v>87</v>
      </c>
      <c r="R9508">
        <v>89</v>
      </c>
      <c r="S9508">
        <v>90</v>
      </c>
      <c r="T9508">
        <v>92</v>
      </c>
      <c r="U9508">
        <v>93</v>
      </c>
      <c r="V9508">
        <v>95</v>
      </c>
      <c r="W9508">
        <v>96</v>
      </c>
      <c r="X9508">
        <v>98</v>
      </c>
      <c r="Y9508">
        <v>99</v>
      </c>
      <c r="Z9508">
        <v>100</v>
      </c>
      <c r="AA9508">
        <v>101</v>
      </c>
      <c r="AB9508">
        <v>102</v>
      </c>
      <c r="AC9508">
        <v>104</v>
      </c>
      <c r="AD9508">
        <v>105</v>
      </c>
      <c r="AE9508">
        <v>105</v>
      </c>
      <c r="AF9508">
        <v>105</v>
      </c>
      <c r="AG9508">
        <v>105</v>
      </c>
      <c r="AH9508">
        <v>105</v>
      </c>
      <c r="AI9508">
        <v>104</v>
      </c>
      <c r="AJ9508">
        <v>104</v>
      </c>
      <c r="AK9508">
        <v>104</v>
      </c>
      <c r="AL9508">
        <v>104</v>
      </c>
      <c r="AM9508">
        <v>103</v>
      </c>
      <c r="AN9508">
        <v>103</v>
      </c>
      <c r="AO9508">
        <v>103</v>
      </c>
      <c r="AP9508">
        <v>103</v>
      </c>
      <c r="AQ9508">
        <v>102</v>
      </c>
    </row>
    <row r="9509" spans="1:43">
      <c r="A9509" t="s">
        <v>5930</v>
      </c>
      <c r="B9509" t="s">
        <v>5931</v>
      </c>
      <c r="C9509" t="s">
        <v>5894</v>
      </c>
      <c r="D9509" t="s">
        <v>5895</v>
      </c>
      <c r="E9509" t="s">
        <v>5698</v>
      </c>
      <c r="F9509" t="s">
        <v>5699</v>
      </c>
      <c r="G9509" t="s">
        <v>80</v>
      </c>
      <c r="H9509" t="s">
        <v>81</v>
      </c>
      <c r="I9509" s="2">
        <v>0</v>
      </c>
      <c r="J9509" s="2">
        <v>1</v>
      </c>
      <c r="K9509" s="2">
        <v>0</v>
      </c>
      <c r="L9509" t="s">
        <v>82</v>
      </c>
      <c r="M9509" t="s">
        <v>83</v>
      </c>
      <c r="N9509" t="s">
        <v>91</v>
      </c>
      <c r="O9509" t="s">
        <v>85</v>
      </c>
      <c r="P9509" t="s">
        <v>86</v>
      </c>
      <c r="Q9509">
        <v>87</v>
      </c>
      <c r="R9509">
        <v>88</v>
      </c>
      <c r="S9509">
        <v>89</v>
      </c>
      <c r="T9509">
        <v>90</v>
      </c>
      <c r="U9509">
        <v>91</v>
      </c>
      <c r="V9509">
        <v>92</v>
      </c>
      <c r="W9509">
        <v>93</v>
      </c>
      <c r="X9509">
        <v>93</v>
      </c>
      <c r="Y9509">
        <v>94</v>
      </c>
      <c r="Z9509">
        <v>95</v>
      </c>
      <c r="AA9509">
        <v>96</v>
      </c>
      <c r="AB9509">
        <v>97</v>
      </c>
      <c r="AC9509">
        <v>98</v>
      </c>
      <c r="AD9509">
        <v>98</v>
      </c>
      <c r="AE9509">
        <v>99</v>
      </c>
      <c r="AF9509">
        <v>100</v>
      </c>
      <c r="AG9509">
        <v>100</v>
      </c>
      <c r="AH9509">
        <v>101</v>
      </c>
      <c r="AI9509">
        <v>102</v>
      </c>
      <c r="AJ9509">
        <v>103</v>
      </c>
      <c r="AK9509">
        <v>103</v>
      </c>
      <c r="AL9509">
        <v>103</v>
      </c>
      <c r="AM9509">
        <v>103</v>
      </c>
      <c r="AN9509">
        <v>103</v>
      </c>
      <c r="AO9509">
        <v>103</v>
      </c>
      <c r="AP9509">
        <v>102</v>
      </c>
      <c r="AQ9509">
        <v>102</v>
      </c>
    </row>
    <row r="9510" spans="1:43">
      <c r="A9510" t="s">
        <v>5932</v>
      </c>
      <c r="B9510" t="s">
        <v>5933</v>
      </c>
      <c r="C9510" t="s">
        <v>5766</v>
      </c>
      <c r="D9510" t="s">
        <v>5767</v>
      </c>
      <c r="E9510" t="s">
        <v>5698</v>
      </c>
      <c r="F9510" t="s">
        <v>5699</v>
      </c>
      <c r="G9510" t="s">
        <v>80</v>
      </c>
      <c r="H9510" t="s">
        <v>81</v>
      </c>
      <c r="I9510" s="2">
        <v>0</v>
      </c>
      <c r="J9510" s="2">
        <v>1</v>
      </c>
      <c r="K9510" s="2">
        <v>0</v>
      </c>
      <c r="L9510" t="s">
        <v>82</v>
      </c>
      <c r="M9510" t="s">
        <v>83</v>
      </c>
      <c r="N9510" t="s">
        <v>84</v>
      </c>
      <c r="O9510" t="s">
        <v>85</v>
      </c>
      <c r="P9510" t="s">
        <v>86</v>
      </c>
      <c r="Q9510">
        <v>36</v>
      </c>
      <c r="R9510">
        <v>36</v>
      </c>
      <c r="S9510">
        <v>37</v>
      </c>
      <c r="T9510">
        <v>37</v>
      </c>
      <c r="U9510">
        <v>38</v>
      </c>
      <c r="V9510">
        <v>38</v>
      </c>
      <c r="W9510">
        <v>38</v>
      </c>
      <c r="X9510">
        <v>39</v>
      </c>
      <c r="Y9510">
        <v>39</v>
      </c>
      <c r="Z9510">
        <v>39</v>
      </c>
      <c r="AA9510">
        <v>40</v>
      </c>
      <c r="AB9510">
        <v>40</v>
      </c>
      <c r="AC9510">
        <v>40</v>
      </c>
      <c r="AD9510">
        <v>41</v>
      </c>
      <c r="AE9510">
        <v>41</v>
      </c>
      <c r="AF9510">
        <v>41</v>
      </c>
      <c r="AG9510">
        <v>42</v>
      </c>
      <c r="AH9510">
        <v>42</v>
      </c>
      <c r="AI9510">
        <v>42</v>
      </c>
      <c r="AJ9510">
        <v>42</v>
      </c>
      <c r="AK9510">
        <v>43</v>
      </c>
      <c r="AL9510">
        <v>43</v>
      </c>
      <c r="AM9510">
        <v>43</v>
      </c>
      <c r="AN9510">
        <v>43</v>
      </c>
      <c r="AO9510">
        <v>42</v>
      </c>
      <c r="AP9510">
        <v>42</v>
      </c>
      <c r="AQ9510">
        <v>42</v>
      </c>
    </row>
    <row r="9511" spans="1:43">
      <c r="A9511" t="s">
        <v>5932</v>
      </c>
      <c r="B9511" t="s">
        <v>5933</v>
      </c>
      <c r="C9511" t="s">
        <v>5766</v>
      </c>
      <c r="D9511" t="s">
        <v>5767</v>
      </c>
      <c r="E9511" t="s">
        <v>5698</v>
      </c>
      <c r="F9511" t="s">
        <v>5699</v>
      </c>
      <c r="G9511" t="s">
        <v>80</v>
      </c>
      <c r="H9511" t="s">
        <v>81</v>
      </c>
      <c r="I9511" s="2">
        <v>0</v>
      </c>
      <c r="J9511" s="2">
        <v>1</v>
      </c>
      <c r="K9511" s="2">
        <v>0</v>
      </c>
      <c r="L9511" t="s">
        <v>82</v>
      </c>
      <c r="M9511" t="s">
        <v>87</v>
      </c>
      <c r="N9511" t="s">
        <v>88</v>
      </c>
      <c r="O9511" t="s">
        <v>85</v>
      </c>
      <c r="P9511" t="s">
        <v>86</v>
      </c>
      <c r="Q9511">
        <v>36</v>
      </c>
      <c r="R9511">
        <v>36</v>
      </c>
      <c r="S9511">
        <v>36</v>
      </c>
      <c r="T9511">
        <v>36</v>
      </c>
      <c r="U9511">
        <v>36</v>
      </c>
      <c r="V9511">
        <v>36</v>
      </c>
      <c r="W9511">
        <v>36</v>
      </c>
      <c r="X9511">
        <v>36</v>
      </c>
      <c r="Y9511">
        <v>36</v>
      </c>
      <c r="Z9511">
        <v>36</v>
      </c>
      <c r="AA9511">
        <v>36</v>
      </c>
      <c r="AB9511">
        <v>36</v>
      </c>
      <c r="AC9511">
        <v>36</v>
      </c>
      <c r="AD9511">
        <v>36</v>
      </c>
      <c r="AE9511">
        <v>36</v>
      </c>
      <c r="AF9511">
        <v>36</v>
      </c>
      <c r="AG9511">
        <v>36</v>
      </c>
      <c r="AH9511">
        <v>36</v>
      </c>
      <c r="AI9511">
        <v>36</v>
      </c>
      <c r="AJ9511">
        <v>36</v>
      </c>
      <c r="AK9511">
        <v>36</v>
      </c>
      <c r="AL9511">
        <v>36</v>
      </c>
      <c r="AM9511">
        <v>36</v>
      </c>
      <c r="AN9511">
        <v>36</v>
      </c>
      <c r="AO9511">
        <v>36</v>
      </c>
      <c r="AP9511">
        <v>36</v>
      </c>
      <c r="AQ9511">
        <v>36</v>
      </c>
    </row>
    <row r="9512" spans="1:43">
      <c r="A9512" t="s">
        <v>5932</v>
      </c>
      <c r="B9512" t="s">
        <v>5933</v>
      </c>
      <c r="C9512" t="s">
        <v>5766</v>
      </c>
      <c r="D9512" t="s">
        <v>5767</v>
      </c>
      <c r="E9512" t="s">
        <v>5698</v>
      </c>
      <c r="F9512" t="s">
        <v>5699</v>
      </c>
      <c r="G9512" t="s">
        <v>80</v>
      </c>
      <c r="H9512" t="s">
        <v>81</v>
      </c>
      <c r="I9512" s="2">
        <v>0</v>
      </c>
      <c r="J9512" s="2">
        <v>1</v>
      </c>
      <c r="K9512" s="2">
        <v>0</v>
      </c>
      <c r="L9512" t="s">
        <v>82</v>
      </c>
      <c r="M9512" t="s">
        <v>89</v>
      </c>
      <c r="N9512" t="s">
        <v>90</v>
      </c>
      <c r="O9512" t="s">
        <v>85</v>
      </c>
      <c r="P9512" t="s">
        <v>86</v>
      </c>
      <c r="Q9512">
        <v>36</v>
      </c>
      <c r="R9512">
        <v>37</v>
      </c>
      <c r="S9512">
        <v>38</v>
      </c>
      <c r="T9512">
        <v>38</v>
      </c>
      <c r="U9512">
        <v>39</v>
      </c>
      <c r="V9512">
        <v>40</v>
      </c>
      <c r="W9512">
        <v>40</v>
      </c>
      <c r="X9512">
        <v>41</v>
      </c>
      <c r="Y9512">
        <v>41</v>
      </c>
      <c r="Z9512">
        <v>42</v>
      </c>
      <c r="AA9512">
        <v>42</v>
      </c>
      <c r="AB9512">
        <v>43</v>
      </c>
      <c r="AC9512">
        <v>43</v>
      </c>
      <c r="AD9512">
        <v>44</v>
      </c>
      <c r="AE9512">
        <v>44</v>
      </c>
      <c r="AF9512">
        <v>44</v>
      </c>
      <c r="AG9512">
        <v>44</v>
      </c>
      <c r="AH9512">
        <v>44</v>
      </c>
      <c r="AI9512">
        <v>44</v>
      </c>
      <c r="AJ9512">
        <v>43</v>
      </c>
      <c r="AK9512">
        <v>43</v>
      </c>
      <c r="AL9512">
        <v>43</v>
      </c>
      <c r="AM9512">
        <v>43</v>
      </c>
      <c r="AN9512">
        <v>43</v>
      </c>
      <c r="AO9512">
        <v>43</v>
      </c>
      <c r="AP9512">
        <v>43</v>
      </c>
      <c r="AQ9512">
        <v>43</v>
      </c>
    </row>
    <row r="9513" spans="1:43">
      <c r="A9513" t="s">
        <v>5932</v>
      </c>
      <c r="B9513" t="s">
        <v>5933</v>
      </c>
      <c r="C9513" t="s">
        <v>5766</v>
      </c>
      <c r="D9513" t="s">
        <v>5767</v>
      </c>
      <c r="E9513" t="s">
        <v>5698</v>
      </c>
      <c r="F9513" t="s">
        <v>5699</v>
      </c>
      <c r="G9513" t="s">
        <v>80</v>
      </c>
      <c r="H9513" t="s">
        <v>81</v>
      </c>
      <c r="I9513" s="2">
        <v>0</v>
      </c>
      <c r="J9513" s="2">
        <v>1</v>
      </c>
      <c r="K9513" s="2">
        <v>0</v>
      </c>
      <c r="L9513" t="s">
        <v>82</v>
      </c>
      <c r="M9513" t="s">
        <v>83</v>
      </c>
      <c r="N9513" t="s">
        <v>91</v>
      </c>
      <c r="O9513" t="s">
        <v>85</v>
      </c>
      <c r="P9513" t="s">
        <v>86</v>
      </c>
      <c r="Q9513">
        <v>36</v>
      </c>
      <c r="R9513">
        <v>36</v>
      </c>
      <c r="S9513">
        <v>37</v>
      </c>
      <c r="T9513">
        <v>37</v>
      </c>
      <c r="U9513">
        <v>38</v>
      </c>
      <c r="V9513">
        <v>38</v>
      </c>
      <c r="W9513">
        <v>38</v>
      </c>
      <c r="X9513">
        <v>39</v>
      </c>
      <c r="Y9513">
        <v>39</v>
      </c>
      <c r="Z9513">
        <v>39</v>
      </c>
      <c r="AA9513">
        <v>40</v>
      </c>
      <c r="AB9513">
        <v>40</v>
      </c>
      <c r="AC9513">
        <v>40</v>
      </c>
      <c r="AD9513">
        <v>41</v>
      </c>
      <c r="AE9513">
        <v>41</v>
      </c>
      <c r="AF9513">
        <v>41</v>
      </c>
      <c r="AG9513">
        <v>42</v>
      </c>
      <c r="AH9513">
        <v>42</v>
      </c>
      <c r="AI9513">
        <v>42</v>
      </c>
      <c r="AJ9513">
        <v>42</v>
      </c>
      <c r="AK9513">
        <v>43</v>
      </c>
      <c r="AL9513">
        <v>43</v>
      </c>
      <c r="AM9513">
        <v>43</v>
      </c>
      <c r="AN9513">
        <v>43</v>
      </c>
      <c r="AO9513">
        <v>42</v>
      </c>
      <c r="AP9513">
        <v>42</v>
      </c>
      <c r="AQ9513">
        <v>42</v>
      </c>
    </row>
    <row r="9514" spans="1:43">
      <c r="A9514" t="s">
        <v>5934</v>
      </c>
      <c r="B9514" t="s">
        <v>5935</v>
      </c>
      <c r="C9514" t="s">
        <v>5776</v>
      </c>
      <c r="D9514" t="s">
        <v>5777</v>
      </c>
      <c r="E9514" t="s">
        <v>5698</v>
      </c>
      <c r="F9514" t="s">
        <v>5699</v>
      </c>
      <c r="G9514" t="s">
        <v>80</v>
      </c>
      <c r="H9514" t="s">
        <v>81</v>
      </c>
      <c r="I9514" s="2">
        <v>0</v>
      </c>
      <c r="J9514" s="2">
        <v>1</v>
      </c>
      <c r="K9514" s="2">
        <v>0</v>
      </c>
      <c r="L9514" t="s">
        <v>82</v>
      </c>
      <c r="M9514" t="s">
        <v>83</v>
      </c>
      <c r="N9514" t="s">
        <v>84</v>
      </c>
      <c r="O9514" t="s">
        <v>85</v>
      </c>
      <c r="P9514" t="s">
        <v>86</v>
      </c>
      <c r="Q9514">
        <v>162</v>
      </c>
      <c r="R9514">
        <v>164</v>
      </c>
      <c r="S9514">
        <v>165</v>
      </c>
      <c r="T9514">
        <v>167</v>
      </c>
      <c r="U9514">
        <v>169</v>
      </c>
      <c r="V9514">
        <v>170</v>
      </c>
      <c r="W9514">
        <v>172</v>
      </c>
      <c r="X9514">
        <v>174</v>
      </c>
      <c r="Y9514">
        <v>175</v>
      </c>
      <c r="Z9514">
        <v>177</v>
      </c>
      <c r="AA9514">
        <v>179</v>
      </c>
      <c r="AB9514">
        <v>180</v>
      </c>
      <c r="AC9514">
        <v>182</v>
      </c>
      <c r="AD9514">
        <v>183</v>
      </c>
      <c r="AE9514">
        <v>185</v>
      </c>
      <c r="AF9514">
        <v>186</v>
      </c>
      <c r="AG9514">
        <v>187</v>
      </c>
      <c r="AH9514">
        <v>189</v>
      </c>
      <c r="AI9514">
        <v>190</v>
      </c>
      <c r="AJ9514">
        <v>191</v>
      </c>
      <c r="AK9514">
        <v>193</v>
      </c>
      <c r="AL9514">
        <v>193</v>
      </c>
      <c r="AM9514">
        <v>193</v>
      </c>
      <c r="AN9514">
        <v>192</v>
      </c>
      <c r="AO9514">
        <v>192</v>
      </c>
      <c r="AP9514">
        <v>192</v>
      </c>
      <c r="AQ9514">
        <v>191</v>
      </c>
    </row>
    <row r="9515" spans="1:43">
      <c r="A9515" t="s">
        <v>5934</v>
      </c>
      <c r="B9515" t="s">
        <v>5935</v>
      </c>
      <c r="C9515" t="s">
        <v>5776</v>
      </c>
      <c r="D9515" t="s">
        <v>5777</v>
      </c>
      <c r="E9515" t="s">
        <v>5698</v>
      </c>
      <c r="F9515" t="s">
        <v>5699</v>
      </c>
      <c r="G9515" t="s">
        <v>80</v>
      </c>
      <c r="H9515" t="s">
        <v>81</v>
      </c>
      <c r="I9515" s="2">
        <v>0</v>
      </c>
      <c r="J9515" s="2">
        <v>1</v>
      </c>
      <c r="K9515" s="2">
        <v>0</v>
      </c>
      <c r="L9515" t="s">
        <v>82</v>
      </c>
      <c r="M9515" t="s">
        <v>87</v>
      </c>
      <c r="N9515" t="s">
        <v>88</v>
      </c>
      <c r="O9515" t="s">
        <v>85</v>
      </c>
      <c r="P9515" t="s">
        <v>86</v>
      </c>
      <c r="Q9515">
        <v>162</v>
      </c>
      <c r="R9515">
        <v>163</v>
      </c>
      <c r="S9515">
        <v>163</v>
      </c>
      <c r="T9515">
        <v>163</v>
      </c>
      <c r="U9515">
        <v>163</v>
      </c>
      <c r="V9515">
        <v>164</v>
      </c>
      <c r="W9515">
        <v>164</v>
      </c>
      <c r="X9515">
        <v>164</v>
      </c>
      <c r="Y9515">
        <v>164</v>
      </c>
      <c r="Z9515">
        <v>164</v>
      </c>
      <c r="AA9515">
        <v>165</v>
      </c>
      <c r="AB9515">
        <v>165</v>
      </c>
      <c r="AC9515">
        <v>165</v>
      </c>
      <c r="AD9515">
        <v>165</v>
      </c>
      <c r="AE9515">
        <v>165</v>
      </c>
      <c r="AF9515">
        <v>166</v>
      </c>
      <c r="AG9515">
        <v>166</v>
      </c>
      <c r="AH9515">
        <v>166</v>
      </c>
      <c r="AI9515">
        <v>166</v>
      </c>
      <c r="AJ9515">
        <v>166</v>
      </c>
      <c r="AK9515">
        <v>166</v>
      </c>
      <c r="AL9515">
        <v>167</v>
      </c>
      <c r="AM9515">
        <v>167</v>
      </c>
      <c r="AN9515">
        <v>167</v>
      </c>
      <c r="AO9515">
        <v>167</v>
      </c>
      <c r="AP9515">
        <v>167</v>
      </c>
      <c r="AQ9515">
        <v>167</v>
      </c>
    </row>
    <row r="9516" spans="1:43">
      <c r="A9516" t="s">
        <v>5934</v>
      </c>
      <c r="B9516" t="s">
        <v>5935</v>
      </c>
      <c r="C9516" t="s">
        <v>5776</v>
      </c>
      <c r="D9516" t="s">
        <v>5777</v>
      </c>
      <c r="E9516" t="s">
        <v>5698</v>
      </c>
      <c r="F9516" t="s">
        <v>5699</v>
      </c>
      <c r="G9516" t="s">
        <v>80</v>
      </c>
      <c r="H9516" t="s">
        <v>81</v>
      </c>
      <c r="I9516" s="2">
        <v>0</v>
      </c>
      <c r="J9516" s="2">
        <v>1</v>
      </c>
      <c r="K9516" s="2">
        <v>0</v>
      </c>
      <c r="L9516" t="s">
        <v>82</v>
      </c>
      <c r="M9516" t="s">
        <v>89</v>
      </c>
      <c r="N9516" t="s">
        <v>90</v>
      </c>
      <c r="O9516" t="s">
        <v>85</v>
      </c>
      <c r="P9516" t="s">
        <v>86</v>
      </c>
      <c r="Q9516">
        <v>162</v>
      </c>
      <c r="R9516">
        <v>166</v>
      </c>
      <c r="S9516">
        <v>169</v>
      </c>
      <c r="T9516">
        <v>172</v>
      </c>
      <c r="U9516">
        <v>175</v>
      </c>
      <c r="V9516">
        <v>177</v>
      </c>
      <c r="W9516">
        <v>180</v>
      </c>
      <c r="X9516">
        <v>183</v>
      </c>
      <c r="Y9516">
        <v>185</v>
      </c>
      <c r="Z9516">
        <v>187</v>
      </c>
      <c r="AA9516">
        <v>189</v>
      </c>
      <c r="AB9516">
        <v>191</v>
      </c>
      <c r="AC9516">
        <v>194</v>
      </c>
      <c r="AD9516">
        <v>196</v>
      </c>
      <c r="AE9516">
        <v>197</v>
      </c>
      <c r="AF9516">
        <v>196</v>
      </c>
      <c r="AG9516">
        <v>196</v>
      </c>
      <c r="AH9516">
        <v>196</v>
      </c>
      <c r="AI9516">
        <v>195</v>
      </c>
      <c r="AJ9516">
        <v>195</v>
      </c>
      <c r="AK9516">
        <v>195</v>
      </c>
      <c r="AL9516">
        <v>194</v>
      </c>
      <c r="AM9516">
        <v>194</v>
      </c>
      <c r="AN9516">
        <v>194</v>
      </c>
      <c r="AO9516">
        <v>193</v>
      </c>
      <c r="AP9516">
        <v>193</v>
      </c>
      <c r="AQ9516">
        <v>192</v>
      </c>
    </row>
    <row r="9517" spans="1:43">
      <c r="A9517" t="s">
        <v>5934</v>
      </c>
      <c r="B9517" t="s">
        <v>5935</v>
      </c>
      <c r="C9517" t="s">
        <v>5776</v>
      </c>
      <c r="D9517" t="s">
        <v>5777</v>
      </c>
      <c r="E9517" t="s">
        <v>5698</v>
      </c>
      <c r="F9517" t="s">
        <v>5699</v>
      </c>
      <c r="G9517" t="s">
        <v>80</v>
      </c>
      <c r="H9517" t="s">
        <v>81</v>
      </c>
      <c r="I9517" s="2">
        <v>0</v>
      </c>
      <c r="J9517" s="2">
        <v>1</v>
      </c>
      <c r="K9517" s="2">
        <v>0</v>
      </c>
      <c r="L9517" t="s">
        <v>82</v>
      </c>
      <c r="M9517" t="s">
        <v>83</v>
      </c>
      <c r="N9517" t="s">
        <v>91</v>
      </c>
      <c r="O9517" t="s">
        <v>85</v>
      </c>
      <c r="P9517" t="s">
        <v>86</v>
      </c>
      <c r="Q9517">
        <v>162</v>
      </c>
      <c r="R9517">
        <v>164</v>
      </c>
      <c r="S9517">
        <v>165</v>
      </c>
      <c r="T9517">
        <v>167</v>
      </c>
      <c r="U9517">
        <v>169</v>
      </c>
      <c r="V9517">
        <v>170</v>
      </c>
      <c r="W9517">
        <v>172</v>
      </c>
      <c r="X9517">
        <v>174</v>
      </c>
      <c r="Y9517">
        <v>175</v>
      </c>
      <c r="Z9517">
        <v>177</v>
      </c>
      <c r="AA9517">
        <v>179</v>
      </c>
      <c r="AB9517">
        <v>180</v>
      </c>
      <c r="AC9517">
        <v>182</v>
      </c>
      <c r="AD9517">
        <v>183</v>
      </c>
      <c r="AE9517">
        <v>185</v>
      </c>
      <c r="AF9517">
        <v>186</v>
      </c>
      <c r="AG9517">
        <v>187</v>
      </c>
      <c r="AH9517">
        <v>189</v>
      </c>
      <c r="AI9517">
        <v>190</v>
      </c>
      <c r="AJ9517">
        <v>191</v>
      </c>
      <c r="AK9517">
        <v>193</v>
      </c>
      <c r="AL9517">
        <v>193</v>
      </c>
      <c r="AM9517">
        <v>193</v>
      </c>
      <c r="AN9517">
        <v>192</v>
      </c>
      <c r="AO9517">
        <v>192</v>
      </c>
      <c r="AP9517">
        <v>192</v>
      </c>
      <c r="AQ9517">
        <v>191</v>
      </c>
    </row>
    <row r="9518" spans="1:43">
      <c r="A9518" t="s">
        <v>5936</v>
      </c>
      <c r="B9518" t="s">
        <v>5937</v>
      </c>
      <c r="C9518" t="s">
        <v>5938</v>
      </c>
      <c r="D9518" t="s">
        <v>5939</v>
      </c>
      <c r="E9518" t="s">
        <v>5940</v>
      </c>
      <c r="F9518" t="s">
        <v>5941</v>
      </c>
      <c r="G9518" t="s">
        <v>80</v>
      </c>
      <c r="H9518" t="s">
        <v>81</v>
      </c>
      <c r="I9518" s="2">
        <v>0</v>
      </c>
      <c r="J9518" s="2">
        <v>0</v>
      </c>
      <c r="K9518" s="2">
        <v>1</v>
      </c>
      <c r="L9518" t="s">
        <v>995</v>
      </c>
      <c r="M9518" t="s">
        <v>83</v>
      </c>
      <c r="N9518" t="s">
        <v>84</v>
      </c>
      <c r="O9518" t="s">
        <v>85</v>
      </c>
      <c r="P9518" t="s">
        <v>86</v>
      </c>
      <c r="Q9518">
        <v>11</v>
      </c>
      <c r="R9518">
        <v>11</v>
      </c>
      <c r="S9518">
        <v>11</v>
      </c>
      <c r="T9518">
        <v>11</v>
      </c>
      <c r="U9518">
        <v>11</v>
      </c>
      <c r="V9518">
        <v>12</v>
      </c>
      <c r="W9518">
        <v>12</v>
      </c>
      <c r="X9518">
        <v>12</v>
      </c>
      <c r="Y9518">
        <v>12</v>
      </c>
      <c r="Z9518">
        <v>12</v>
      </c>
      <c r="AA9518">
        <v>12</v>
      </c>
      <c r="AB9518">
        <v>13</v>
      </c>
      <c r="AC9518">
        <v>13</v>
      </c>
      <c r="AD9518">
        <v>13</v>
      </c>
      <c r="AE9518">
        <v>13</v>
      </c>
      <c r="AF9518">
        <v>13</v>
      </c>
      <c r="AG9518">
        <v>14</v>
      </c>
      <c r="AH9518">
        <v>14</v>
      </c>
      <c r="AI9518">
        <v>14</v>
      </c>
      <c r="AJ9518">
        <v>14</v>
      </c>
      <c r="AK9518">
        <v>14</v>
      </c>
      <c r="AL9518">
        <v>14</v>
      </c>
      <c r="AM9518">
        <v>15</v>
      </c>
      <c r="AN9518">
        <v>15</v>
      </c>
      <c r="AO9518">
        <v>15</v>
      </c>
      <c r="AP9518">
        <v>15</v>
      </c>
      <c r="AQ9518">
        <v>15</v>
      </c>
    </row>
    <row r="9519" spans="1:43">
      <c r="A9519" t="s">
        <v>5936</v>
      </c>
      <c r="B9519" t="s">
        <v>5937</v>
      </c>
      <c r="C9519" t="s">
        <v>5938</v>
      </c>
      <c r="D9519" t="s">
        <v>5939</v>
      </c>
      <c r="E9519" t="s">
        <v>5940</v>
      </c>
      <c r="F9519" t="s">
        <v>5941</v>
      </c>
      <c r="G9519" t="s">
        <v>80</v>
      </c>
      <c r="H9519" t="s">
        <v>81</v>
      </c>
      <c r="I9519" s="2">
        <v>0</v>
      </c>
      <c r="J9519" s="2">
        <v>0</v>
      </c>
      <c r="K9519" s="2">
        <v>1</v>
      </c>
      <c r="L9519" t="s">
        <v>995</v>
      </c>
      <c r="M9519" t="s">
        <v>87</v>
      </c>
      <c r="N9519" t="s">
        <v>88</v>
      </c>
      <c r="O9519" t="s">
        <v>85</v>
      </c>
      <c r="P9519" t="s">
        <v>86</v>
      </c>
      <c r="Q9519">
        <v>11</v>
      </c>
      <c r="R9519">
        <v>11</v>
      </c>
      <c r="S9519">
        <v>11</v>
      </c>
      <c r="T9519">
        <v>11</v>
      </c>
      <c r="U9519">
        <v>11</v>
      </c>
      <c r="V9519">
        <v>11</v>
      </c>
      <c r="W9519">
        <v>11</v>
      </c>
      <c r="X9519">
        <v>11</v>
      </c>
      <c r="Y9519">
        <v>11</v>
      </c>
      <c r="Z9519">
        <v>11</v>
      </c>
      <c r="AA9519">
        <v>11</v>
      </c>
      <c r="AB9519">
        <v>11</v>
      </c>
      <c r="AC9519">
        <v>12</v>
      </c>
      <c r="AD9519">
        <v>12</v>
      </c>
      <c r="AE9519">
        <v>12</v>
      </c>
      <c r="AF9519">
        <v>12</v>
      </c>
      <c r="AG9519">
        <v>12</v>
      </c>
      <c r="AH9519">
        <v>12</v>
      </c>
      <c r="AI9519">
        <v>12</v>
      </c>
      <c r="AJ9519">
        <v>12</v>
      </c>
      <c r="AK9519">
        <v>12</v>
      </c>
      <c r="AL9519">
        <v>12</v>
      </c>
      <c r="AM9519">
        <v>12</v>
      </c>
      <c r="AN9519">
        <v>12</v>
      </c>
      <c r="AO9519">
        <v>13</v>
      </c>
      <c r="AP9519">
        <v>13</v>
      </c>
      <c r="AQ9519">
        <v>13</v>
      </c>
    </row>
    <row r="9520" spans="1:43">
      <c r="A9520" t="s">
        <v>5936</v>
      </c>
      <c r="B9520" t="s">
        <v>5937</v>
      </c>
      <c r="C9520" t="s">
        <v>5938</v>
      </c>
      <c r="D9520" t="s">
        <v>5939</v>
      </c>
      <c r="E9520" t="s">
        <v>5940</v>
      </c>
      <c r="F9520" t="s">
        <v>5941</v>
      </c>
      <c r="G9520" t="s">
        <v>80</v>
      </c>
      <c r="H9520" t="s">
        <v>81</v>
      </c>
      <c r="I9520" s="2">
        <v>0</v>
      </c>
      <c r="J9520" s="2">
        <v>0</v>
      </c>
      <c r="K9520" s="2">
        <v>1</v>
      </c>
      <c r="L9520" t="s">
        <v>995</v>
      </c>
      <c r="M9520" t="s">
        <v>89</v>
      </c>
      <c r="N9520" t="s">
        <v>90</v>
      </c>
      <c r="O9520" t="s">
        <v>85</v>
      </c>
      <c r="P9520" t="s">
        <v>86</v>
      </c>
      <c r="Q9520">
        <v>11</v>
      </c>
      <c r="R9520">
        <v>11</v>
      </c>
      <c r="S9520">
        <v>11</v>
      </c>
      <c r="T9520">
        <v>12</v>
      </c>
      <c r="U9520">
        <v>12</v>
      </c>
      <c r="V9520">
        <v>12</v>
      </c>
      <c r="W9520">
        <v>12</v>
      </c>
      <c r="X9520">
        <v>13</v>
      </c>
      <c r="Y9520">
        <v>13</v>
      </c>
      <c r="Z9520">
        <v>13</v>
      </c>
      <c r="AA9520">
        <v>13</v>
      </c>
      <c r="AB9520">
        <v>14</v>
      </c>
      <c r="AC9520">
        <v>14</v>
      </c>
      <c r="AD9520">
        <v>14</v>
      </c>
      <c r="AE9520">
        <v>14</v>
      </c>
      <c r="AF9520">
        <v>14</v>
      </c>
      <c r="AG9520">
        <v>14</v>
      </c>
      <c r="AH9520">
        <v>14</v>
      </c>
      <c r="AI9520">
        <v>14</v>
      </c>
      <c r="AJ9520">
        <v>14</v>
      </c>
      <c r="AK9520">
        <v>15</v>
      </c>
      <c r="AL9520">
        <v>15</v>
      </c>
      <c r="AM9520">
        <v>15</v>
      </c>
      <c r="AN9520">
        <v>15</v>
      </c>
      <c r="AO9520">
        <v>15</v>
      </c>
      <c r="AP9520">
        <v>15</v>
      </c>
      <c r="AQ9520">
        <v>15</v>
      </c>
    </row>
    <row r="9521" spans="1:43">
      <c r="A9521" t="s">
        <v>5936</v>
      </c>
      <c r="B9521" t="s">
        <v>5937</v>
      </c>
      <c r="C9521" t="s">
        <v>5938</v>
      </c>
      <c r="D9521" t="s">
        <v>5939</v>
      </c>
      <c r="E9521" t="s">
        <v>5940</v>
      </c>
      <c r="F9521" t="s">
        <v>5941</v>
      </c>
      <c r="G9521" t="s">
        <v>80</v>
      </c>
      <c r="H9521" t="s">
        <v>81</v>
      </c>
      <c r="I9521" s="2">
        <v>0</v>
      </c>
      <c r="J9521" s="2">
        <v>0</v>
      </c>
      <c r="K9521" s="2">
        <v>1</v>
      </c>
      <c r="L9521" t="s">
        <v>995</v>
      </c>
      <c r="M9521" t="s">
        <v>83</v>
      </c>
      <c r="N9521" t="s">
        <v>91</v>
      </c>
      <c r="O9521" t="s">
        <v>85</v>
      </c>
      <c r="P9521" t="s">
        <v>86</v>
      </c>
      <c r="Q9521">
        <v>11</v>
      </c>
      <c r="R9521">
        <v>11</v>
      </c>
      <c r="S9521">
        <v>11</v>
      </c>
      <c r="T9521">
        <v>11</v>
      </c>
      <c r="U9521">
        <v>11</v>
      </c>
      <c r="V9521">
        <v>12</v>
      </c>
      <c r="W9521">
        <v>12</v>
      </c>
      <c r="X9521">
        <v>12</v>
      </c>
      <c r="Y9521">
        <v>12</v>
      </c>
      <c r="Z9521">
        <v>12</v>
      </c>
      <c r="AA9521">
        <v>12</v>
      </c>
      <c r="AB9521">
        <v>13</v>
      </c>
      <c r="AC9521">
        <v>13</v>
      </c>
      <c r="AD9521">
        <v>13</v>
      </c>
      <c r="AE9521">
        <v>13</v>
      </c>
      <c r="AF9521">
        <v>13</v>
      </c>
      <c r="AG9521">
        <v>14</v>
      </c>
      <c r="AH9521">
        <v>14</v>
      </c>
      <c r="AI9521">
        <v>14</v>
      </c>
      <c r="AJ9521">
        <v>14</v>
      </c>
      <c r="AK9521">
        <v>14</v>
      </c>
      <c r="AL9521">
        <v>14</v>
      </c>
      <c r="AM9521">
        <v>15</v>
      </c>
      <c r="AN9521">
        <v>15</v>
      </c>
      <c r="AO9521">
        <v>15</v>
      </c>
      <c r="AP9521">
        <v>15</v>
      </c>
      <c r="AQ9521">
        <v>15</v>
      </c>
    </row>
    <row r="9522" spans="1:43">
      <c r="A9522" t="s">
        <v>5942</v>
      </c>
      <c r="B9522" t="s">
        <v>5943</v>
      </c>
      <c r="C9522" t="s">
        <v>5938</v>
      </c>
      <c r="D9522" t="s">
        <v>5939</v>
      </c>
      <c r="E9522" t="s">
        <v>5940</v>
      </c>
      <c r="F9522" t="s">
        <v>5941</v>
      </c>
      <c r="G9522" t="s">
        <v>80</v>
      </c>
      <c r="H9522" t="s">
        <v>81</v>
      </c>
      <c r="I9522" s="2">
        <v>0</v>
      </c>
      <c r="J9522" s="2">
        <v>0</v>
      </c>
      <c r="K9522" s="2">
        <v>1</v>
      </c>
      <c r="L9522" t="s">
        <v>995</v>
      </c>
      <c r="M9522" t="s">
        <v>83</v>
      </c>
      <c r="N9522" t="s">
        <v>84</v>
      </c>
      <c r="O9522" t="s">
        <v>85</v>
      </c>
      <c r="P9522" t="s">
        <v>86</v>
      </c>
      <c r="Q9522">
        <v>24</v>
      </c>
      <c r="R9522">
        <v>24</v>
      </c>
      <c r="S9522">
        <v>25</v>
      </c>
      <c r="T9522">
        <v>25</v>
      </c>
      <c r="U9522">
        <v>26</v>
      </c>
      <c r="V9522">
        <v>26</v>
      </c>
      <c r="W9522">
        <v>26</v>
      </c>
      <c r="X9522">
        <v>27</v>
      </c>
      <c r="Y9522">
        <v>27</v>
      </c>
      <c r="Z9522">
        <v>28</v>
      </c>
      <c r="AA9522">
        <v>28</v>
      </c>
      <c r="AB9522">
        <v>29</v>
      </c>
      <c r="AC9522">
        <v>29</v>
      </c>
      <c r="AD9522">
        <v>29</v>
      </c>
      <c r="AE9522">
        <v>30</v>
      </c>
      <c r="AF9522">
        <v>30</v>
      </c>
      <c r="AG9522">
        <v>31</v>
      </c>
      <c r="AH9522">
        <v>31</v>
      </c>
      <c r="AI9522">
        <v>32</v>
      </c>
      <c r="AJ9522">
        <v>32</v>
      </c>
      <c r="AK9522">
        <v>32</v>
      </c>
      <c r="AL9522">
        <v>33</v>
      </c>
      <c r="AM9522">
        <v>33</v>
      </c>
      <c r="AN9522">
        <v>33</v>
      </c>
      <c r="AO9522">
        <v>33</v>
      </c>
      <c r="AP9522">
        <v>33</v>
      </c>
      <c r="AQ9522">
        <v>33</v>
      </c>
    </row>
    <row r="9523" spans="1:43">
      <c r="A9523" t="s">
        <v>5942</v>
      </c>
      <c r="B9523" t="s">
        <v>5943</v>
      </c>
      <c r="C9523" t="s">
        <v>5938</v>
      </c>
      <c r="D9523" t="s">
        <v>5939</v>
      </c>
      <c r="E9523" t="s">
        <v>5940</v>
      </c>
      <c r="F9523" t="s">
        <v>5941</v>
      </c>
      <c r="G9523" t="s">
        <v>80</v>
      </c>
      <c r="H9523" t="s">
        <v>81</v>
      </c>
      <c r="I9523" s="2">
        <v>0</v>
      </c>
      <c r="J9523" s="2">
        <v>0</v>
      </c>
      <c r="K9523" s="2">
        <v>1</v>
      </c>
      <c r="L9523" t="s">
        <v>995</v>
      </c>
      <c r="M9523" t="s">
        <v>87</v>
      </c>
      <c r="N9523" t="s">
        <v>88</v>
      </c>
      <c r="O9523" t="s">
        <v>85</v>
      </c>
      <c r="P9523" t="s">
        <v>86</v>
      </c>
      <c r="Q9523">
        <v>24</v>
      </c>
      <c r="R9523">
        <v>24</v>
      </c>
      <c r="S9523">
        <v>24</v>
      </c>
      <c r="T9523">
        <v>24</v>
      </c>
      <c r="U9523">
        <v>25</v>
      </c>
      <c r="V9523">
        <v>25</v>
      </c>
      <c r="W9523">
        <v>25</v>
      </c>
      <c r="X9523">
        <v>25</v>
      </c>
      <c r="Y9523">
        <v>25</v>
      </c>
      <c r="Z9523">
        <v>25</v>
      </c>
      <c r="AA9523">
        <v>26</v>
      </c>
      <c r="AB9523">
        <v>26</v>
      </c>
      <c r="AC9523">
        <v>26</v>
      </c>
      <c r="AD9523">
        <v>26</v>
      </c>
      <c r="AE9523">
        <v>26</v>
      </c>
      <c r="AF9523">
        <v>27</v>
      </c>
      <c r="AG9523">
        <v>27</v>
      </c>
      <c r="AH9523">
        <v>27</v>
      </c>
      <c r="AI9523">
        <v>27</v>
      </c>
      <c r="AJ9523">
        <v>27</v>
      </c>
      <c r="AK9523">
        <v>28</v>
      </c>
      <c r="AL9523">
        <v>28</v>
      </c>
      <c r="AM9523">
        <v>28</v>
      </c>
      <c r="AN9523">
        <v>28</v>
      </c>
      <c r="AO9523">
        <v>28</v>
      </c>
      <c r="AP9523">
        <v>29</v>
      </c>
      <c r="AQ9523">
        <v>29</v>
      </c>
    </row>
    <row r="9524" spans="1:43">
      <c r="A9524" t="s">
        <v>5942</v>
      </c>
      <c r="B9524" t="s">
        <v>5943</v>
      </c>
      <c r="C9524" t="s">
        <v>5938</v>
      </c>
      <c r="D9524" t="s">
        <v>5939</v>
      </c>
      <c r="E9524" t="s">
        <v>5940</v>
      </c>
      <c r="F9524" t="s">
        <v>5941</v>
      </c>
      <c r="G9524" t="s">
        <v>80</v>
      </c>
      <c r="H9524" t="s">
        <v>81</v>
      </c>
      <c r="I9524" s="2">
        <v>0</v>
      </c>
      <c r="J9524" s="2">
        <v>0</v>
      </c>
      <c r="K9524" s="2">
        <v>1</v>
      </c>
      <c r="L9524" t="s">
        <v>995</v>
      </c>
      <c r="M9524" t="s">
        <v>89</v>
      </c>
      <c r="N9524" t="s">
        <v>90</v>
      </c>
      <c r="O9524" t="s">
        <v>85</v>
      </c>
      <c r="P9524" t="s">
        <v>86</v>
      </c>
      <c r="Q9524">
        <v>24</v>
      </c>
      <c r="R9524">
        <v>25</v>
      </c>
      <c r="S9524">
        <v>25</v>
      </c>
      <c r="T9524">
        <v>26</v>
      </c>
      <c r="U9524">
        <v>27</v>
      </c>
      <c r="V9524">
        <v>27</v>
      </c>
      <c r="W9524">
        <v>28</v>
      </c>
      <c r="X9524">
        <v>28</v>
      </c>
      <c r="Y9524">
        <v>29</v>
      </c>
      <c r="Z9524">
        <v>30</v>
      </c>
      <c r="AA9524">
        <v>30</v>
      </c>
      <c r="AB9524">
        <v>31</v>
      </c>
      <c r="AC9524">
        <v>31</v>
      </c>
      <c r="AD9524">
        <v>32</v>
      </c>
      <c r="AE9524">
        <v>32</v>
      </c>
      <c r="AF9524">
        <v>32</v>
      </c>
      <c r="AG9524">
        <v>32</v>
      </c>
      <c r="AH9524">
        <v>32</v>
      </c>
      <c r="AI9524">
        <v>33</v>
      </c>
      <c r="AJ9524">
        <v>33</v>
      </c>
      <c r="AK9524">
        <v>33</v>
      </c>
      <c r="AL9524">
        <v>33</v>
      </c>
      <c r="AM9524">
        <v>33</v>
      </c>
      <c r="AN9524">
        <v>33</v>
      </c>
      <c r="AO9524">
        <v>33</v>
      </c>
      <c r="AP9524">
        <v>33</v>
      </c>
      <c r="AQ9524">
        <v>33</v>
      </c>
    </row>
    <row r="9525" spans="1:43">
      <c r="A9525" t="s">
        <v>5942</v>
      </c>
      <c r="B9525" t="s">
        <v>5943</v>
      </c>
      <c r="C9525" t="s">
        <v>5938</v>
      </c>
      <c r="D9525" t="s">
        <v>5939</v>
      </c>
      <c r="E9525" t="s">
        <v>5940</v>
      </c>
      <c r="F9525" t="s">
        <v>5941</v>
      </c>
      <c r="G9525" t="s">
        <v>80</v>
      </c>
      <c r="H9525" t="s">
        <v>81</v>
      </c>
      <c r="I9525" s="2">
        <v>0</v>
      </c>
      <c r="J9525" s="2">
        <v>0</v>
      </c>
      <c r="K9525" s="2">
        <v>1</v>
      </c>
      <c r="L9525" t="s">
        <v>995</v>
      </c>
      <c r="M9525" t="s">
        <v>83</v>
      </c>
      <c r="N9525" t="s">
        <v>91</v>
      </c>
      <c r="O9525" t="s">
        <v>85</v>
      </c>
      <c r="P9525" t="s">
        <v>86</v>
      </c>
      <c r="Q9525">
        <v>24</v>
      </c>
      <c r="R9525">
        <v>24</v>
      </c>
      <c r="S9525">
        <v>25</v>
      </c>
      <c r="T9525">
        <v>25</v>
      </c>
      <c r="U9525">
        <v>26</v>
      </c>
      <c r="V9525">
        <v>26</v>
      </c>
      <c r="W9525">
        <v>26</v>
      </c>
      <c r="X9525">
        <v>27</v>
      </c>
      <c r="Y9525">
        <v>27</v>
      </c>
      <c r="Z9525">
        <v>28</v>
      </c>
      <c r="AA9525">
        <v>28</v>
      </c>
      <c r="AB9525">
        <v>29</v>
      </c>
      <c r="AC9525">
        <v>29</v>
      </c>
      <c r="AD9525">
        <v>29</v>
      </c>
      <c r="AE9525">
        <v>30</v>
      </c>
      <c r="AF9525">
        <v>30</v>
      </c>
      <c r="AG9525">
        <v>31</v>
      </c>
      <c r="AH9525">
        <v>31</v>
      </c>
      <c r="AI9525">
        <v>32</v>
      </c>
      <c r="AJ9525">
        <v>32</v>
      </c>
      <c r="AK9525">
        <v>32</v>
      </c>
      <c r="AL9525">
        <v>33</v>
      </c>
      <c r="AM9525">
        <v>33</v>
      </c>
      <c r="AN9525">
        <v>33</v>
      </c>
      <c r="AO9525">
        <v>33</v>
      </c>
      <c r="AP9525">
        <v>33</v>
      </c>
      <c r="AQ9525">
        <v>33</v>
      </c>
    </row>
    <row r="9526" spans="1:43">
      <c r="A9526" t="s">
        <v>5944</v>
      </c>
      <c r="B9526" t="s">
        <v>5945</v>
      </c>
      <c r="C9526" t="s">
        <v>5938</v>
      </c>
      <c r="D9526" t="s">
        <v>5939</v>
      </c>
      <c r="E9526" t="s">
        <v>5940</v>
      </c>
      <c r="F9526" t="s">
        <v>5941</v>
      </c>
      <c r="G9526" t="s">
        <v>80</v>
      </c>
      <c r="H9526" t="s">
        <v>81</v>
      </c>
      <c r="I9526" s="2">
        <v>0</v>
      </c>
      <c r="J9526" s="2">
        <v>0</v>
      </c>
      <c r="K9526" s="2">
        <v>1</v>
      </c>
      <c r="L9526" t="s">
        <v>995</v>
      </c>
      <c r="M9526" t="s">
        <v>83</v>
      </c>
      <c r="N9526" t="s">
        <v>84</v>
      </c>
      <c r="O9526" t="s">
        <v>85</v>
      </c>
      <c r="P9526" t="s">
        <v>86</v>
      </c>
      <c r="Q9526">
        <v>11</v>
      </c>
      <c r="R9526">
        <v>11</v>
      </c>
      <c r="S9526">
        <v>11</v>
      </c>
      <c r="T9526">
        <v>12</v>
      </c>
      <c r="U9526">
        <v>12</v>
      </c>
      <c r="V9526">
        <v>12</v>
      </c>
      <c r="W9526">
        <v>12</v>
      </c>
      <c r="X9526">
        <v>12</v>
      </c>
      <c r="Y9526">
        <v>13</v>
      </c>
      <c r="Z9526">
        <v>13</v>
      </c>
      <c r="AA9526">
        <v>13</v>
      </c>
      <c r="AB9526">
        <v>13</v>
      </c>
      <c r="AC9526">
        <v>13</v>
      </c>
      <c r="AD9526">
        <v>14</v>
      </c>
      <c r="AE9526">
        <v>14</v>
      </c>
      <c r="AF9526">
        <v>14</v>
      </c>
      <c r="AG9526">
        <v>14</v>
      </c>
      <c r="AH9526">
        <v>14</v>
      </c>
      <c r="AI9526">
        <v>14</v>
      </c>
      <c r="AJ9526">
        <v>15</v>
      </c>
      <c r="AK9526">
        <v>15</v>
      </c>
      <c r="AL9526">
        <v>15</v>
      </c>
      <c r="AM9526">
        <v>15</v>
      </c>
      <c r="AN9526">
        <v>15</v>
      </c>
      <c r="AO9526">
        <v>15</v>
      </c>
      <c r="AP9526">
        <v>15</v>
      </c>
      <c r="AQ9526">
        <v>15</v>
      </c>
    </row>
    <row r="9527" spans="1:43">
      <c r="A9527" t="s">
        <v>5944</v>
      </c>
      <c r="B9527" t="s">
        <v>5945</v>
      </c>
      <c r="C9527" t="s">
        <v>5938</v>
      </c>
      <c r="D9527" t="s">
        <v>5939</v>
      </c>
      <c r="E9527" t="s">
        <v>5940</v>
      </c>
      <c r="F9527" t="s">
        <v>5941</v>
      </c>
      <c r="G9527" t="s">
        <v>80</v>
      </c>
      <c r="H9527" t="s">
        <v>81</v>
      </c>
      <c r="I9527" s="2">
        <v>0</v>
      </c>
      <c r="J9527" s="2">
        <v>0</v>
      </c>
      <c r="K9527" s="2">
        <v>1</v>
      </c>
      <c r="L9527" t="s">
        <v>995</v>
      </c>
      <c r="M9527" t="s">
        <v>87</v>
      </c>
      <c r="N9527" t="s">
        <v>88</v>
      </c>
      <c r="O9527" t="s">
        <v>85</v>
      </c>
      <c r="P9527" t="s">
        <v>86</v>
      </c>
      <c r="Q9527">
        <v>11</v>
      </c>
      <c r="R9527">
        <v>11</v>
      </c>
      <c r="S9527">
        <v>11</v>
      </c>
      <c r="T9527">
        <v>11</v>
      </c>
      <c r="U9527">
        <v>11</v>
      </c>
      <c r="V9527">
        <v>11</v>
      </c>
      <c r="W9527">
        <v>11</v>
      </c>
      <c r="X9527">
        <v>11</v>
      </c>
      <c r="Y9527">
        <v>12</v>
      </c>
      <c r="Z9527">
        <v>12</v>
      </c>
      <c r="AA9527">
        <v>12</v>
      </c>
      <c r="AB9527">
        <v>12</v>
      </c>
      <c r="AC9527">
        <v>12</v>
      </c>
      <c r="AD9527">
        <v>12</v>
      </c>
      <c r="AE9527">
        <v>12</v>
      </c>
      <c r="AF9527">
        <v>12</v>
      </c>
      <c r="AG9527">
        <v>12</v>
      </c>
      <c r="AH9527">
        <v>12</v>
      </c>
      <c r="AI9527">
        <v>12</v>
      </c>
      <c r="AJ9527">
        <v>13</v>
      </c>
      <c r="AK9527">
        <v>13</v>
      </c>
      <c r="AL9527">
        <v>13</v>
      </c>
      <c r="AM9527">
        <v>13</v>
      </c>
      <c r="AN9527">
        <v>13</v>
      </c>
      <c r="AO9527">
        <v>13</v>
      </c>
      <c r="AP9527">
        <v>13</v>
      </c>
      <c r="AQ9527">
        <v>13</v>
      </c>
    </row>
    <row r="9528" spans="1:43">
      <c r="A9528" t="s">
        <v>5944</v>
      </c>
      <c r="B9528" t="s">
        <v>5945</v>
      </c>
      <c r="C9528" t="s">
        <v>5938</v>
      </c>
      <c r="D9528" t="s">
        <v>5939</v>
      </c>
      <c r="E9528" t="s">
        <v>5940</v>
      </c>
      <c r="F9528" t="s">
        <v>5941</v>
      </c>
      <c r="G9528" t="s">
        <v>80</v>
      </c>
      <c r="H9528" t="s">
        <v>81</v>
      </c>
      <c r="I9528" s="2">
        <v>0</v>
      </c>
      <c r="J9528" s="2">
        <v>0</v>
      </c>
      <c r="K9528" s="2">
        <v>1</v>
      </c>
      <c r="L9528" t="s">
        <v>995</v>
      </c>
      <c r="M9528" t="s">
        <v>89</v>
      </c>
      <c r="N9528" t="s">
        <v>90</v>
      </c>
      <c r="O9528" t="s">
        <v>85</v>
      </c>
      <c r="P9528" t="s">
        <v>86</v>
      </c>
      <c r="Q9528">
        <v>11</v>
      </c>
      <c r="R9528">
        <v>11</v>
      </c>
      <c r="S9528">
        <v>12</v>
      </c>
      <c r="T9528">
        <v>12</v>
      </c>
      <c r="U9528">
        <v>12</v>
      </c>
      <c r="V9528">
        <v>12</v>
      </c>
      <c r="W9528">
        <v>13</v>
      </c>
      <c r="X9528">
        <v>13</v>
      </c>
      <c r="Y9528">
        <v>13</v>
      </c>
      <c r="Z9528">
        <v>14</v>
      </c>
      <c r="AA9528">
        <v>14</v>
      </c>
      <c r="AB9528">
        <v>14</v>
      </c>
      <c r="AC9528">
        <v>14</v>
      </c>
      <c r="AD9528">
        <v>15</v>
      </c>
      <c r="AE9528">
        <v>15</v>
      </c>
      <c r="AF9528">
        <v>15</v>
      </c>
      <c r="AG9528">
        <v>15</v>
      </c>
      <c r="AH9528">
        <v>15</v>
      </c>
      <c r="AI9528">
        <v>15</v>
      </c>
      <c r="AJ9528">
        <v>15</v>
      </c>
      <c r="AK9528">
        <v>15</v>
      </c>
      <c r="AL9528">
        <v>15</v>
      </c>
      <c r="AM9528">
        <v>15</v>
      </c>
      <c r="AN9528">
        <v>15</v>
      </c>
      <c r="AO9528">
        <v>15</v>
      </c>
      <c r="AP9528">
        <v>15</v>
      </c>
      <c r="AQ9528">
        <v>15</v>
      </c>
    </row>
    <row r="9529" spans="1:43">
      <c r="A9529" t="s">
        <v>5944</v>
      </c>
      <c r="B9529" t="s">
        <v>5945</v>
      </c>
      <c r="C9529" t="s">
        <v>5938</v>
      </c>
      <c r="D9529" t="s">
        <v>5939</v>
      </c>
      <c r="E9529" t="s">
        <v>5940</v>
      </c>
      <c r="F9529" t="s">
        <v>5941</v>
      </c>
      <c r="G9529" t="s">
        <v>80</v>
      </c>
      <c r="H9529" t="s">
        <v>81</v>
      </c>
      <c r="I9529" s="2">
        <v>0</v>
      </c>
      <c r="J9529" s="2">
        <v>0</v>
      </c>
      <c r="K9529" s="2">
        <v>1</v>
      </c>
      <c r="L9529" t="s">
        <v>995</v>
      </c>
      <c r="M9529" t="s">
        <v>83</v>
      </c>
      <c r="N9529" t="s">
        <v>91</v>
      </c>
      <c r="O9529" t="s">
        <v>85</v>
      </c>
      <c r="P9529" t="s">
        <v>86</v>
      </c>
      <c r="Q9529">
        <v>11</v>
      </c>
      <c r="R9529">
        <v>11</v>
      </c>
      <c r="S9529">
        <v>11</v>
      </c>
      <c r="T9529">
        <v>12</v>
      </c>
      <c r="U9529">
        <v>12</v>
      </c>
      <c r="V9529">
        <v>12</v>
      </c>
      <c r="W9529">
        <v>12</v>
      </c>
      <c r="X9529">
        <v>12</v>
      </c>
      <c r="Y9529">
        <v>13</v>
      </c>
      <c r="Z9529">
        <v>13</v>
      </c>
      <c r="AA9529">
        <v>13</v>
      </c>
      <c r="AB9529">
        <v>13</v>
      </c>
      <c r="AC9529">
        <v>13</v>
      </c>
      <c r="AD9529">
        <v>14</v>
      </c>
      <c r="AE9529">
        <v>14</v>
      </c>
      <c r="AF9529">
        <v>14</v>
      </c>
      <c r="AG9529">
        <v>14</v>
      </c>
      <c r="AH9529">
        <v>14</v>
      </c>
      <c r="AI9529">
        <v>14</v>
      </c>
      <c r="AJ9529">
        <v>15</v>
      </c>
      <c r="AK9529">
        <v>15</v>
      </c>
      <c r="AL9529">
        <v>15</v>
      </c>
      <c r="AM9529">
        <v>15</v>
      </c>
      <c r="AN9529">
        <v>15</v>
      </c>
      <c r="AO9529">
        <v>15</v>
      </c>
      <c r="AP9529">
        <v>15</v>
      </c>
      <c r="AQ9529">
        <v>15</v>
      </c>
    </row>
    <row r="9530" spans="1:43">
      <c r="A9530" t="s">
        <v>5946</v>
      </c>
      <c r="B9530" t="s">
        <v>5947</v>
      </c>
      <c r="C9530" t="s">
        <v>5948</v>
      </c>
      <c r="D9530" t="s">
        <v>5949</v>
      </c>
      <c r="E9530" t="s">
        <v>5940</v>
      </c>
      <c r="F9530" t="s">
        <v>5941</v>
      </c>
      <c r="G9530" t="s">
        <v>80</v>
      </c>
      <c r="H9530" t="s">
        <v>81</v>
      </c>
      <c r="I9530" s="2">
        <v>0</v>
      </c>
      <c r="J9530" s="2">
        <v>0</v>
      </c>
      <c r="K9530" s="2">
        <v>1</v>
      </c>
      <c r="L9530" t="s">
        <v>995</v>
      </c>
      <c r="M9530" t="s">
        <v>83</v>
      </c>
      <c r="N9530" t="s">
        <v>84</v>
      </c>
      <c r="O9530" t="s">
        <v>85</v>
      </c>
      <c r="P9530" t="s">
        <v>86</v>
      </c>
      <c r="Q9530">
        <v>5</v>
      </c>
      <c r="R9530">
        <v>5</v>
      </c>
      <c r="S9530">
        <v>5</v>
      </c>
      <c r="T9530">
        <v>5</v>
      </c>
      <c r="U9530">
        <v>5</v>
      </c>
      <c r="V9530">
        <v>5</v>
      </c>
      <c r="W9530">
        <v>5</v>
      </c>
      <c r="X9530">
        <v>5</v>
      </c>
      <c r="Y9530">
        <v>5</v>
      </c>
      <c r="Z9530">
        <v>5</v>
      </c>
      <c r="AA9530">
        <v>5</v>
      </c>
      <c r="AB9530">
        <v>5</v>
      </c>
      <c r="AC9530">
        <v>5</v>
      </c>
      <c r="AD9530">
        <v>6</v>
      </c>
      <c r="AE9530">
        <v>6</v>
      </c>
      <c r="AF9530">
        <v>6</v>
      </c>
      <c r="AG9530">
        <v>6</v>
      </c>
      <c r="AH9530">
        <v>6</v>
      </c>
      <c r="AI9530">
        <v>6</v>
      </c>
      <c r="AJ9530">
        <v>6</v>
      </c>
      <c r="AK9530">
        <v>6</v>
      </c>
      <c r="AL9530">
        <v>6</v>
      </c>
      <c r="AM9530">
        <v>6</v>
      </c>
      <c r="AN9530">
        <v>6</v>
      </c>
      <c r="AO9530">
        <v>6</v>
      </c>
      <c r="AP9530">
        <v>6</v>
      </c>
      <c r="AQ9530">
        <v>6</v>
      </c>
    </row>
    <row r="9531" spans="1:43">
      <c r="A9531" t="s">
        <v>5946</v>
      </c>
      <c r="B9531" t="s">
        <v>5947</v>
      </c>
      <c r="C9531" t="s">
        <v>5948</v>
      </c>
      <c r="D9531" t="s">
        <v>5949</v>
      </c>
      <c r="E9531" t="s">
        <v>5940</v>
      </c>
      <c r="F9531" t="s">
        <v>5941</v>
      </c>
      <c r="G9531" t="s">
        <v>80</v>
      </c>
      <c r="H9531" t="s">
        <v>81</v>
      </c>
      <c r="I9531" s="2">
        <v>0</v>
      </c>
      <c r="J9531" s="2">
        <v>0</v>
      </c>
      <c r="K9531" s="2">
        <v>1</v>
      </c>
      <c r="L9531" t="s">
        <v>995</v>
      </c>
      <c r="M9531" t="s">
        <v>87</v>
      </c>
      <c r="N9531" t="s">
        <v>88</v>
      </c>
      <c r="O9531" t="s">
        <v>85</v>
      </c>
      <c r="P9531" t="s">
        <v>86</v>
      </c>
      <c r="Q9531">
        <v>5</v>
      </c>
      <c r="R9531">
        <v>6</v>
      </c>
      <c r="S9531">
        <v>6</v>
      </c>
      <c r="T9531">
        <v>6</v>
      </c>
      <c r="U9531">
        <v>6</v>
      </c>
      <c r="V9531">
        <v>6</v>
      </c>
      <c r="W9531">
        <v>6</v>
      </c>
      <c r="X9531">
        <v>6</v>
      </c>
      <c r="Y9531">
        <v>6</v>
      </c>
      <c r="Z9531">
        <v>6</v>
      </c>
      <c r="AA9531">
        <v>6</v>
      </c>
      <c r="AB9531">
        <v>6</v>
      </c>
      <c r="AC9531">
        <v>6</v>
      </c>
      <c r="AD9531">
        <v>6</v>
      </c>
      <c r="AE9531">
        <v>6</v>
      </c>
      <c r="AF9531">
        <v>6</v>
      </c>
      <c r="AG9531">
        <v>6</v>
      </c>
      <c r="AH9531">
        <v>6</v>
      </c>
      <c r="AI9531">
        <v>6</v>
      </c>
      <c r="AJ9531">
        <v>6</v>
      </c>
      <c r="AK9531">
        <v>6</v>
      </c>
      <c r="AL9531">
        <v>6</v>
      </c>
      <c r="AM9531">
        <v>6</v>
      </c>
      <c r="AN9531">
        <v>6</v>
      </c>
      <c r="AO9531">
        <v>6</v>
      </c>
      <c r="AP9531">
        <v>6</v>
      </c>
      <c r="AQ9531">
        <v>6</v>
      </c>
    </row>
    <row r="9532" spans="1:43">
      <c r="A9532" t="s">
        <v>5946</v>
      </c>
      <c r="B9532" t="s">
        <v>5947</v>
      </c>
      <c r="C9532" t="s">
        <v>5948</v>
      </c>
      <c r="D9532" t="s">
        <v>5949</v>
      </c>
      <c r="E9532" t="s">
        <v>5940</v>
      </c>
      <c r="F9532" t="s">
        <v>5941</v>
      </c>
      <c r="G9532" t="s">
        <v>80</v>
      </c>
      <c r="H9532" t="s">
        <v>81</v>
      </c>
      <c r="I9532" s="2">
        <v>0</v>
      </c>
      <c r="J9532" s="2">
        <v>0</v>
      </c>
      <c r="K9532" s="2">
        <v>1</v>
      </c>
      <c r="L9532" t="s">
        <v>995</v>
      </c>
      <c r="M9532" t="s">
        <v>89</v>
      </c>
      <c r="N9532" t="s">
        <v>90</v>
      </c>
      <c r="O9532" t="s">
        <v>85</v>
      </c>
      <c r="P9532" t="s">
        <v>86</v>
      </c>
      <c r="Q9532">
        <v>5</v>
      </c>
      <c r="R9532">
        <v>5</v>
      </c>
      <c r="S9532">
        <v>5</v>
      </c>
      <c r="T9532">
        <v>5</v>
      </c>
      <c r="U9532">
        <v>5</v>
      </c>
      <c r="V9532">
        <v>5</v>
      </c>
      <c r="W9532">
        <v>5</v>
      </c>
      <c r="X9532">
        <v>5</v>
      </c>
      <c r="Y9532">
        <v>5</v>
      </c>
      <c r="Z9532">
        <v>6</v>
      </c>
      <c r="AA9532">
        <v>6</v>
      </c>
      <c r="AB9532">
        <v>6</v>
      </c>
      <c r="AC9532">
        <v>6</v>
      </c>
      <c r="AD9532">
        <v>6</v>
      </c>
      <c r="AE9532">
        <v>6</v>
      </c>
      <c r="AF9532">
        <v>6</v>
      </c>
      <c r="AG9532">
        <v>6</v>
      </c>
      <c r="AH9532">
        <v>6</v>
      </c>
      <c r="AI9532">
        <v>6</v>
      </c>
      <c r="AJ9532">
        <v>6</v>
      </c>
      <c r="AK9532">
        <v>6</v>
      </c>
      <c r="AL9532">
        <v>6</v>
      </c>
      <c r="AM9532">
        <v>6</v>
      </c>
      <c r="AN9532">
        <v>6</v>
      </c>
      <c r="AO9532">
        <v>6</v>
      </c>
      <c r="AP9532">
        <v>6</v>
      </c>
      <c r="AQ9532">
        <v>6</v>
      </c>
    </row>
    <row r="9533" spans="1:43">
      <c r="A9533" t="s">
        <v>5946</v>
      </c>
      <c r="B9533" t="s">
        <v>5947</v>
      </c>
      <c r="C9533" t="s">
        <v>5948</v>
      </c>
      <c r="D9533" t="s">
        <v>5949</v>
      </c>
      <c r="E9533" t="s">
        <v>5940</v>
      </c>
      <c r="F9533" t="s">
        <v>5941</v>
      </c>
      <c r="G9533" t="s">
        <v>80</v>
      </c>
      <c r="H9533" t="s">
        <v>81</v>
      </c>
      <c r="I9533" s="2">
        <v>0</v>
      </c>
      <c r="J9533" s="2">
        <v>0</v>
      </c>
      <c r="K9533" s="2">
        <v>1</v>
      </c>
      <c r="L9533" t="s">
        <v>995</v>
      </c>
      <c r="M9533" t="s">
        <v>83</v>
      </c>
      <c r="N9533" t="s">
        <v>91</v>
      </c>
      <c r="O9533" t="s">
        <v>85</v>
      </c>
      <c r="P9533" t="s">
        <v>86</v>
      </c>
      <c r="Q9533">
        <v>5</v>
      </c>
      <c r="R9533">
        <v>5</v>
      </c>
      <c r="S9533">
        <v>5</v>
      </c>
      <c r="T9533">
        <v>5</v>
      </c>
      <c r="U9533">
        <v>5</v>
      </c>
      <c r="V9533">
        <v>5</v>
      </c>
      <c r="W9533">
        <v>5</v>
      </c>
      <c r="X9533">
        <v>5</v>
      </c>
      <c r="Y9533">
        <v>5</v>
      </c>
      <c r="Z9533">
        <v>5</v>
      </c>
      <c r="AA9533">
        <v>5</v>
      </c>
      <c r="AB9533">
        <v>5</v>
      </c>
      <c r="AC9533">
        <v>5</v>
      </c>
      <c r="AD9533">
        <v>6</v>
      </c>
      <c r="AE9533">
        <v>6</v>
      </c>
      <c r="AF9533">
        <v>6</v>
      </c>
      <c r="AG9533">
        <v>6</v>
      </c>
      <c r="AH9533">
        <v>6</v>
      </c>
      <c r="AI9533">
        <v>6</v>
      </c>
      <c r="AJ9533">
        <v>6</v>
      </c>
      <c r="AK9533">
        <v>6</v>
      </c>
      <c r="AL9533">
        <v>6</v>
      </c>
      <c r="AM9533">
        <v>6</v>
      </c>
      <c r="AN9533">
        <v>6</v>
      </c>
      <c r="AO9533">
        <v>6</v>
      </c>
      <c r="AP9533">
        <v>6</v>
      </c>
      <c r="AQ9533">
        <v>6</v>
      </c>
    </row>
    <row r="9534" spans="1:43">
      <c r="A9534" t="s">
        <v>5950</v>
      </c>
      <c r="B9534" t="s">
        <v>5951</v>
      </c>
      <c r="C9534" t="s">
        <v>5948</v>
      </c>
      <c r="D9534" t="s">
        <v>5949</v>
      </c>
      <c r="E9534" t="s">
        <v>5940</v>
      </c>
      <c r="F9534" t="s">
        <v>5941</v>
      </c>
      <c r="G9534" t="s">
        <v>80</v>
      </c>
      <c r="H9534" t="s">
        <v>81</v>
      </c>
      <c r="I9534" s="2">
        <v>0</v>
      </c>
      <c r="J9534" s="2">
        <v>0</v>
      </c>
      <c r="K9534" s="2">
        <v>1</v>
      </c>
      <c r="L9534" t="s">
        <v>995</v>
      </c>
      <c r="M9534" t="s">
        <v>83</v>
      </c>
      <c r="N9534" t="s">
        <v>84</v>
      </c>
      <c r="O9534" t="s">
        <v>85</v>
      </c>
      <c r="P9534" t="s">
        <v>86</v>
      </c>
      <c r="Q9534">
        <v>84</v>
      </c>
      <c r="R9534">
        <v>86</v>
      </c>
      <c r="S9534">
        <v>87</v>
      </c>
      <c r="T9534">
        <v>89</v>
      </c>
      <c r="U9534">
        <v>90</v>
      </c>
      <c r="V9534">
        <v>92</v>
      </c>
      <c r="W9534">
        <v>93</v>
      </c>
      <c r="X9534">
        <v>95</v>
      </c>
      <c r="Y9534">
        <v>96</v>
      </c>
      <c r="Z9534">
        <v>98</v>
      </c>
      <c r="AA9534">
        <v>99</v>
      </c>
      <c r="AB9534">
        <v>101</v>
      </c>
      <c r="AC9534">
        <v>102</v>
      </c>
      <c r="AD9534">
        <v>103</v>
      </c>
      <c r="AE9534">
        <v>105</v>
      </c>
      <c r="AF9534">
        <v>106</v>
      </c>
      <c r="AG9534">
        <v>108</v>
      </c>
      <c r="AH9534">
        <v>109</v>
      </c>
      <c r="AI9534">
        <v>111</v>
      </c>
      <c r="AJ9534">
        <v>112</v>
      </c>
      <c r="AK9534">
        <v>114</v>
      </c>
      <c r="AL9534">
        <v>115</v>
      </c>
      <c r="AM9534">
        <v>115</v>
      </c>
      <c r="AN9534">
        <v>115</v>
      </c>
      <c r="AO9534">
        <v>116</v>
      </c>
      <c r="AP9534">
        <v>116</v>
      </c>
      <c r="AQ9534">
        <v>117</v>
      </c>
    </row>
    <row r="9535" spans="1:43">
      <c r="A9535" t="s">
        <v>5950</v>
      </c>
      <c r="B9535" t="s">
        <v>5951</v>
      </c>
      <c r="C9535" t="s">
        <v>5948</v>
      </c>
      <c r="D9535" t="s">
        <v>5949</v>
      </c>
      <c r="E9535" t="s">
        <v>5940</v>
      </c>
      <c r="F9535" t="s">
        <v>5941</v>
      </c>
      <c r="G9535" t="s">
        <v>80</v>
      </c>
      <c r="H9535" t="s">
        <v>81</v>
      </c>
      <c r="I9535" s="2">
        <v>0</v>
      </c>
      <c r="J9535" s="2">
        <v>0</v>
      </c>
      <c r="K9535" s="2">
        <v>1</v>
      </c>
      <c r="L9535" t="s">
        <v>995</v>
      </c>
      <c r="M9535" t="s">
        <v>87</v>
      </c>
      <c r="N9535" t="s">
        <v>88</v>
      </c>
      <c r="O9535" t="s">
        <v>85</v>
      </c>
      <c r="P9535" t="s">
        <v>86</v>
      </c>
      <c r="Q9535">
        <v>84</v>
      </c>
      <c r="R9535">
        <v>84</v>
      </c>
      <c r="S9535">
        <v>85</v>
      </c>
      <c r="T9535">
        <v>86</v>
      </c>
      <c r="U9535">
        <v>86</v>
      </c>
      <c r="V9535">
        <v>87</v>
      </c>
      <c r="W9535">
        <v>88</v>
      </c>
      <c r="X9535">
        <v>88</v>
      </c>
      <c r="Y9535">
        <v>89</v>
      </c>
      <c r="Z9535">
        <v>90</v>
      </c>
      <c r="AA9535">
        <v>90</v>
      </c>
      <c r="AB9535">
        <v>91</v>
      </c>
      <c r="AC9535">
        <v>92</v>
      </c>
      <c r="AD9535">
        <v>92</v>
      </c>
      <c r="AE9535">
        <v>93</v>
      </c>
      <c r="AF9535">
        <v>94</v>
      </c>
      <c r="AG9535">
        <v>94</v>
      </c>
      <c r="AH9535">
        <v>95</v>
      </c>
      <c r="AI9535">
        <v>96</v>
      </c>
      <c r="AJ9535">
        <v>96</v>
      </c>
      <c r="AK9535">
        <v>97</v>
      </c>
      <c r="AL9535">
        <v>98</v>
      </c>
      <c r="AM9535">
        <v>98</v>
      </c>
      <c r="AN9535">
        <v>99</v>
      </c>
      <c r="AO9535">
        <v>100</v>
      </c>
      <c r="AP9535">
        <v>100</v>
      </c>
      <c r="AQ9535">
        <v>101</v>
      </c>
    </row>
    <row r="9536" spans="1:43">
      <c r="A9536" t="s">
        <v>5950</v>
      </c>
      <c r="B9536" t="s">
        <v>5951</v>
      </c>
      <c r="C9536" t="s">
        <v>5948</v>
      </c>
      <c r="D9536" t="s">
        <v>5949</v>
      </c>
      <c r="E9536" t="s">
        <v>5940</v>
      </c>
      <c r="F9536" t="s">
        <v>5941</v>
      </c>
      <c r="G9536" t="s">
        <v>80</v>
      </c>
      <c r="H9536" t="s">
        <v>81</v>
      </c>
      <c r="I9536" s="2">
        <v>0</v>
      </c>
      <c r="J9536" s="2">
        <v>0</v>
      </c>
      <c r="K9536" s="2">
        <v>1</v>
      </c>
      <c r="L9536" t="s">
        <v>995</v>
      </c>
      <c r="M9536" t="s">
        <v>89</v>
      </c>
      <c r="N9536" t="s">
        <v>90</v>
      </c>
      <c r="O9536" t="s">
        <v>85</v>
      </c>
      <c r="P9536" t="s">
        <v>86</v>
      </c>
      <c r="Q9536">
        <v>84</v>
      </c>
      <c r="R9536">
        <v>86</v>
      </c>
      <c r="S9536">
        <v>88</v>
      </c>
      <c r="T9536">
        <v>91</v>
      </c>
      <c r="U9536">
        <v>93</v>
      </c>
      <c r="V9536">
        <v>95</v>
      </c>
      <c r="W9536">
        <v>97</v>
      </c>
      <c r="X9536">
        <v>99</v>
      </c>
      <c r="Y9536">
        <v>101</v>
      </c>
      <c r="Z9536">
        <v>103</v>
      </c>
      <c r="AA9536">
        <v>105</v>
      </c>
      <c r="AB9536">
        <v>106</v>
      </c>
      <c r="AC9536">
        <v>108</v>
      </c>
      <c r="AD9536">
        <v>110</v>
      </c>
      <c r="AE9536">
        <v>112</v>
      </c>
      <c r="AF9536">
        <v>112</v>
      </c>
      <c r="AG9536">
        <v>113</v>
      </c>
      <c r="AH9536">
        <v>113</v>
      </c>
      <c r="AI9536">
        <v>113</v>
      </c>
      <c r="AJ9536">
        <v>114</v>
      </c>
      <c r="AK9536">
        <v>114</v>
      </c>
      <c r="AL9536">
        <v>115</v>
      </c>
      <c r="AM9536">
        <v>115</v>
      </c>
      <c r="AN9536">
        <v>115</v>
      </c>
      <c r="AO9536">
        <v>116</v>
      </c>
      <c r="AP9536">
        <v>116</v>
      </c>
      <c r="AQ9536">
        <v>116</v>
      </c>
    </row>
    <row r="9537" spans="1:43">
      <c r="A9537" t="s">
        <v>5950</v>
      </c>
      <c r="B9537" t="s">
        <v>5951</v>
      </c>
      <c r="C9537" t="s">
        <v>5948</v>
      </c>
      <c r="D9537" t="s">
        <v>5949</v>
      </c>
      <c r="E9537" t="s">
        <v>5940</v>
      </c>
      <c r="F9537" t="s">
        <v>5941</v>
      </c>
      <c r="G9537" t="s">
        <v>80</v>
      </c>
      <c r="H9537" t="s">
        <v>81</v>
      </c>
      <c r="I9537" s="2">
        <v>0</v>
      </c>
      <c r="J9537" s="2">
        <v>0</v>
      </c>
      <c r="K9537" s="2">
        <v>1</v>
      </c>
      <c r="L9537" t="s">
        <v>995</v>
      </c>
      <c r="M9537" t="s">
        <v>83</v>
      </c>
      <c r="N9537" t="s">
        <v>91</v>
      </c>
      <c r="O9537" t="s">
        <v>85</v>
      </c>
      <c r="P9537" t="s">
        <v>86</v>
      </c>
      <c r="Q9537">
        <v>84</v>
      </c>
      <c r="R9537">
        <v>86</v>
      </c>
      <c r="S9537">
        <v>87</v>
      </c>
      <c r="T9537">
        <v>89</v>
      </c>
      <c r="U9537">
        <v>90</v>
      </c>
      <c r="V9537">
        <v>92</v>
      </c>
      <c r="W9537">
        <v>93</v>
      </c>
      <c r="X9537">
        <v>95</v>
      </c>
      <c r="Y9537">
        <v>96</v>
      </c>
      <c r="Z9537">
        <v>98</v>
      </c>
      <c r="AA9537">
        <v>99</v>
      </c>
      <c r="AB9537">
        <v>101</v>
      </c>
      <c r="AC9537">
        <v>102</v>
      </c>
      <c r="AD9537">
        <v>103</v>
      </c>
      <c r="AE9537">
        <v>105</v>
      </c>
      <c r="AF9537">
        <v>106</v>
      </c>
      <c r="AG9537">
        <v>108</v>
      </c>
      <c r="AH9537">
        <v>109</v>
      </c>
      <c r="AI9537">
        <v>111</v>
      </c>
      <c r="AJ9537">
        <v>112</v>
      </c>
      <c r="AK9537">
        <v>114</v>
      </c>
      <c r="AL9537">
        <v>115</v>
      </c>
      <c r="AM9537">
        <v>115</v>
      </c>
      <c r="AN9537">
        <v>115</v>
      </c>
      <c r="AO9537">
        <v>116</v>
      </c>
      <c r="AP9537">
        <v>116</v>
      </c>
      <c r="AQ9537">
        <v>117</v>
      </c>
    </row>
    <row r="9538" spans="1:43">
      <c r="A9538" t="s">
        <v>5952</v>
      </c>
      <c r="B9538" t="s">
        <v>5953</v>
      </c>
      <c r="C9538" t="s">
        <v>5938</v>
      </c>
      <c r="D9538" t="s">
        <v>5939</v>
      </c>
      <c r="E9538" t="s">
        <v>5940</v>
      </c>
      <c r="F9538" t="s">
        <v>5941</v>
      </c>
      <c r="G9538" t="s">
        <v>80</v>
      </c>
      <c r="H9538" t="s">
        <v>81</v>
      </c>
      <c r="I9538" s="2">
        <v>0</v>
      </c>
      <c r="J9538" s="2">
        <v>0</v>
      </c>
      <c r="K9538" s="2">
        <v>1</v>
      </c>
      <c r="L9538" t="s">
        <v>995</v>
      </c>
      <c r="M9538" t="s">
        <v>83</v>
      </c>
      <c r="N9538" t="s">
        <v>84</v>
      </c>
      <c r="O9538" t="s">
        <v>85</v>
      </c>
      <c r="P9538" t="s">
        <v>86</v>
      </c>
      <c r="Q9538">
        <v>23</v>
      </c>
      <c r="R9538">
        <v>23</v>
      </c>
      <c r="S9538">
        <v>24</v>
      </c>
      <c r="T9538">
        <v>24</v>
      </c>
      <c r="U9538">
        <v>25</v>
      </c>
      <c r="V9538">
        <v>25</v>
      </c>
      <c r="W9538">
        <v>25</v>
      </c>
      <c r="X9538">
        <v>26</v>
      </c>
      <c r="Y9538">
        <v>26</v>
      </c>
      <c r="Z9538">
        <v>27</v>
      </c>
      <c r="AA9538">
        <v>27</v>
      </c>
      <c r="AB9538">
        <v>27</v>
      </c>
      <c r="AC9538">
        <v>28</v>
      </c>
      <c r="AD9538">
        <v>28</v>
      </c>
      <c r="AE9538">
        <v>29</v>
      </c>
      <c r="AF9538">
        <v>29</v>
      </c>
      <c r="AG9538">
        <v>30</v>
      </c>
      <c r="AH9538">
        <v>30</v>
      </c>
      <c r="AI9538">
        <v>30</v>
      </c>
      <c r="AJ9538">
        <v>31</v>
      </c>
      <c r="AK9538">
        <v>31</v>
      </c>
      <c r="AL9538">
        <v>31</v>
      </c>
      <c r="AM9538">
        <v>32</v>
      </c>
      <c r="AN9538">
        <v>32</v>
      </c>
      <c r="AO9538">
        <v>32</v>
      </c>
      <c r="AP9538">
        <v>32</v>
      </c>
      <c r="AQ9538">
        <v>32</v>
      </c>
    </row>
    <row r="9539" spans="1:43">
      <c r="A9539" t="s">
        <v>5952</v>
      </c>
      <c r="B9539" t="s">
        <v>5953</v>
      </c>
      <c r="C9539" t="s">
        <v>5938</v>
      </c>
      <c r="D9539" t="s">
        <v>5939</v>
      </c>
      <c r="E9539" t="s">
        <v>5940</v>
      </c>
      <c r="F9539" t="s">
        <v>5941</v>
      </c>
      <c r="G9539" t="s">
        <v>80</v>
      </c>
      <c r="H9539" t="s">
        <v>81</v>
      </c>
      <c r="I9539" s="2">
        <v>0</v>
      </c>
      <c r="J9539" s="2">
        <v>0</v>
      </c>
      <c r="K9539" s="2">
        <v>1</v>
      </c>
      <c r="L9539" t="s">
        <v>995</v>
      </c>
      <c r="M9539" t="s">
        <v>87</v>
      </c>
      <c r="N9539" t="s">
        <v>88</v>
      </c>
      <c r="O9539" t="s">
        <v>85</v>
      </c>
      <c r="P9539" t="s">
        <v>86</v>
      </c>
      <c r="Q9539">
        <v>23</v>
      </c>
      <c r="R9539">
        <v>23</v>
      </c>
      <c r="S9539">
        <v>23</v>
      </c>
      <c r="T9539">
        <v>23</v>
      </c>
      <c r="U9539">
        <v>24</v>
      </c>
      <c r="V9539">
        <v>24</v>
      </c>
      <c r="W9539">
        <v>24</v>
      </c>
      <c r="X9539">
        <v>24</v>
      </c>
      <c r="Y9539">
        <v>24</v>
      </c>
      <c r="Z9539">
        <v>24</v>
      </c>
      <c r="AA9539">
        <v>25</v>
      </c>
      <c r="AB9539">
        <v>25</v>
      </c>
      <c r="AC9539">
        <v>25</v>
      </c>
      <c r="AD9539">
        <v>25</v>
      </c>
      <c r="AE9539">
        <v>25</v>
      </c>
      <c r="AF9539">
        <v>26</v>
      </c>
      <c r="AG9539">
        <v>26</v>
      </c>
      <c r="AH9539">
        <v>26</v>
      </c>
      <c r="AI9539">
        <v>26</v>
      </c>
      <c r="AJ9539">
        <v>26</v>
      </c>
      <c r="AK9539">
        <v>27</v>
      </c>
      <c r="AL9539">
        <v>27</v>
      </c>
      <c r="AM9539">
        <v>27</v>
      </c>
      <c r="AN9539">
        <v>27</v>
      </c>
      <c r="AO9539">
        <v>27</v>
      </c>
      <c r="AP9539">
        <v>27</v>
      </c>
      <c r="AQ9539">
        <v>28</v>
      </c>
    </row>
    <row r="9540" spans="1:43">
      <c r="A9540" t="s">
        <v>5952</v>
      </c>
      <c r="B9540" t="s">
        <v>5953</v>
      </c>
      <c r="C9540" t="s">
        <v>5938</v>
      </c>
      <c r="D9540" t="s">
        <v>5939</v>
      </c>
      <c r="E9540" t="s">
        <v>5940</v>
      </c>
      <c r="F9540" t="s">
        <v>5941</v>
      </c>
      <c r="G9540" t="s">
        <v>80</v>
      </c>
      <c r="H9540" t="s">
        <v>81</v>
      </c>
      <c r="I9540" s="2">
        <v>0</v>
      </c>
      <c r="J9540" s="2">
        <v>0</v>
      </c>
      <c r="K9540" s="2">
        <v>1</v>
      </c>
      <c r="L9540" t="s">
        <v>995</v>
      </c>
      <c r="M9540" t="s">
        <v>89</v>
      </c>
      <c r="N9540" t="s">
        <v>90</v>
      </c>
      <c r="O9540" t="s">
        <v>85</v>
      </c>
      <c r="P9540" t="s">
        <v>86</v>
      </c>
      <c r="Q9540">
        <v>23</v>
      </c>
      <c r="R9540">
        <v>24</v>
      </c>
      <c r="S9540">
        <v>24</v>
      </c>
      <c r="T9540">
        <v>25</v>
      </c>
      <c r="U9540">
        <v>26</v>
      </c>
      <c r="V9540">
        <v>26</v>
      </c>
      <c r="W9540">
        <v>27</v>
      </c>
      <c r="X9540">
        <v>27</v>
      </c>
      <c r="Y9540">
        <v>28</v>
      </c>
      <c r="Z9540">
        <v>28</v>
      </c>
      <c r="AA9540">
        <v>29</v>
      </c>
      <c r="AB9540">
        <v>29</v>
      </c>
      <c r="AC9540">
        <v>30</v>
      </c>
      <c r="AD9540">
        <v>30</v>
      </c>
      <c r="AE9540">
        <v>31</v>
      </c>
      <c r="AF9540">
        <v>31</v>
      </c>
      <c r="AG9540">
        <v>31</v>
      </c>
      <c r="AH9540">
        <v>31</v>
      </c>
      <c r="AI9540">
        <v>31</v>
      </c>
      <c r="AJ9540">
        <v>31</v>
      </c>
      <c r="AK9540">
        <v>31</v>
      </c>
      <c r="AL9540">
        <v>32</v>
      </c>
      <c r="AM9540">
        <v>32</v>
      </c>
      <c r="AN9540">
        <v>32</v>
      </c>
      <c r="AO9540">
        <v>32</v>
      </c>
      <c r="AP9540">
        <v>32</v>
      </c>
      <c r="AQ9540">
        <v>32</v>
      </c>
    </row>
    <row r="9541" spans="1:43">
      <c r="A9541" t="s">
        <v>5952</v>
      </c>
      <c r="B9541" t="s">
        <v>5953</v>
      </c>
      <c r="C9541" t="s">
        <v>5938</v>
      </c>
      <c r="D9541" t="s">
        <v>5939</v>
      </c>
      <c r="E9541" t="s">
        <v>5940</v>
      </c>
      <c r="F9541" t="s">
        <v>5941</v>
      </c>
      <c r="G9541" t="s">
        <v>80</v>
      </c>
      <c r="H9541" t="s">
        <v>81</v>
      </c>
      <c r="I9541" s="2">
        <v>0</v>
      </c>
      <c r="J9541" s="2">
        <v>0</v>
      </c>
      <c r="K9541" s="2">
        <v>1</v>
      </c>
      <c r="L9541" t="s">
        <v>995</v>
      </c>
      <c r="M9541" t="s">
        <v>83</v>
      </c>
      <c r="N9541" t="s">
        <v>91</v>
      </c>
      <c r="O9541" t="s">
        <v>85</v>
      </c>
      <c r="P9541" t="s">
        <v>86</v>
      </c>
      <c r="Q9541">
        <v>23</v>
      </c>
      <c r="R9541">
        <v>23</v>
      </c>
      <c r="S9541">
        <v>24</v>
      </c>
      <c r="T9541">
        <v>24</v>
      </c>
      <c r="U9541">
        <v>25</v>
      </c>
      <c r="V9541">
        <v>25</v>
      </c>
      <c r="W9541">
        <v>25</v>
      </c>
      <c r="X9541">
        <v>26</v>
      </c>
      <c r="Y9541">
        <v>26</v>
      </c>
      <c r="Z9541">
        <v>27</v>
      </c>
      <c r="AA9541">
        <v>27</v>
      </c>
      <c r="AB9541">
        <v>27</v>
      </c>
      <c r="AC9541">
        <v>28</v>
      </c>
      <c r="AD9541">
        <v>28</v>
      </c>
      <c r="AE9541">
        <v>29</v>
      </c>
      <c r="AF9541">
        <v>29</v>
      </c>
      <c r="AG9541">
        <v>30</v>
      </c>
      <c r="AH9541">
        <v>30</v>
      </c>
      <c r="AI9541">
        <v>30</v>
      </c>
      <c r="AJ9541">
        <v>31</v>
      </c>
      <c r="AK9541">
        <v>31</v>
      </c>
      <c r="AL9541">
        <v>31</v>
      </c>
      <c r="AM9541">
        <v>32</v>
      </c>
      <c r="AN9541">
        <v>32</v>
      </c>
      <c r="AO9541">
        <v>32</v>
      </c>
      <c r="AP9541">
        <v>32</v>
      </c>
      <c r="AQ9541">
        <v>32</v>
      </c>
    </row>
    <row r="9542" spans="1:43">
      <c r="A9542" t="s">
        <v>5954</v>
      </c>
      <c r="B9542" t="s">
        <v>5955</v>
      </c>
      <c r="C9542" t="s">
        <v>5956</v>
      </c>
      <c r="D9542" t="s">
        <v>5957</v>
      </c>
      <c r="E9542" t="s">
        <v>5940</v>
      </c>
      <c r="F9542" t="s">
        <v>5941</v>
      </c>
      <c r="G9542" t="s">
        <v>80</v>
      </c>
      <c r="H9542" t="s">
        <v>81</v>
      </c>
      <c r="I9542" s="2">
        <v>0</v>
      </c>
      <c r="J9542" s="2">
        <v>0</v>
      </c>
      <c r="K9542" s="2">
        <v>1</v>
      </c>
      <c r="L9542" t="s">
        <v>995</v>
      </c>
      <c r="M9542" t="s">
        <v>83</v>
      </c>
      <c r="N9542" t="s">
        <v>84</v>
      </c>
      <c r="O9542" t="s">
        <v>85</v>
      </c>
      <c r="P9542" t="s">
        <v>86</v>
      </c>
      <c r="Q9542">
        <v>61</v>
      </c>
      <c r="R9542">
        <v>62</v>
      </c>
      <c r="S9542">
        <v>63</v>
      </c>
      <c r="T9542">
        <v>64</v>
      </c>
      <c r="U9542">
        <v>65</v>
      </c>
      <c r="V9542">
        <v>66</v>
      </c>
      <c r="W9542">
        <v>67</v>
      </c>
      <c r="X9542">
        <v>68</v>
      </c>
      <c r="Y9542">
        <v>69</v>
      </c>
      <c r="Z9542">
        <v>70</v>
      </c>
      <c r="AA9542">
        <v>71</v>
      </c>
      <c r="AB9542">
        <v>72</v>
      </c>
      <c r="AC9542">
        <v>73</v>
      </c>
      <c r="AD9542">
        <v>74</v>
      </c>
      <c r="AE9542">
        <v>75</v>
      </c>
      <c r="AF9542">
        <v>76</v>
      </c>
      <c r="AG9542">
        <v>77</v>
      </c>
      <c r="AH9542">
        <v>78</v>
      </c>
      <c r="AI9542">
        <v>80</v>
      </c>
      <c r="AJ9542">
        <v>81</v>
      </c>
      <c r="AK9542">
        <v>82</v>
      </c>
      <c r="AL9542">
        <v>82</v>
      </c>
      <c r="AM9542">
        <v>82</v>
      </c>
      <c r="AN9542">
        <v>83</v>
      </c>
      <c r="AO9542">
        <v>83</v>
      </c>
      <c r="AP9542">
        <v>83</v>
      </c>
      <c r="AQ9542">
        <v>83</v>
      </c>
    </row>
    <row r="9543" spans="1:43">
      <c r="A9543" t="s">
        <v>5954</v>
      </c>
      <c r="B9543" t="s">
        <v>5955</v>
      </c>
      <c r="C9543" t="s">
        <v>5956</v>
      </c>
      <c r="D9543" t="s">
        <v>5957</v>
      </c>
      <c r="E9543" t="s">
        <v>5940</v>
      </c>
      <c r="F9543" t="s">
        <v>5941</v>
      </c>
      <c r="G9543" t="s">
        <v>80</v>
      </c>
      <c r="H9543" t="s">
        <v>81</v>
      </c>
      <c r="I9543" s="2">
        <v>0</v>
      </c>
      <c r="J9543" s="2">
        <v>0</v>
      </c>
      <c r="K9543" s="2">
        <v>1</v>
      </c>
      <c r="L9543" t="s">
        <v>995</v>
      </c>
      <c r="M9543" t="s">
        <v>87</v>
      </c>
      <c r="N9543" t="s">
        <v>88</v>
      </c>
      <c r="O9543" t="s">
        <v>85</v>
      </c>
      <c r="P9543" t="s">
        <v>86</v>
      </c>
      <c r="Q9543">
        <v>61</v>
      </c>
      <c r="R9543">
        <v>61</v>
      </c>
      <c r="S9543">
        <v>62</v>
      </c>
      <c r="T9543">
        <v>62</v>
      </c>
      <c r="U9543">
        <v>63</v>
      </c>
      <c r="V9543">
        <v>63</v>
      </c>
      <c r="W9543">
        <v>64</v>
      </c>
      <c r="X9543">
        <v>64</v>
      </c>
      <c r="Y9543">
        <v>65</v>
      </c>
      <c r="Z9543">
        <v>65</v>
      </c>
      <c r="AA9543">
        <v>66</v>
      </c>
      <c r="AB9543">
        <v>66</v>
      </c>
      <c r="AC9543">
        <v>67</v>
      </c>
      <c r="AD9543">
        <v>67</v>
      </c>
      <c r="AE9543">
        <v>68</v>
      </c>
      <c r="AF9543">
        <v>68</v>
      </c>
      <c r="AG9543">
        <v>69</v>
      </c>
      <c r="AH9543">
        <v>69</v>
      </c>
      <c r="AI9543">
        <v>70</v>
      </c>
      <c r="AJ9543">
        <v>70</v>
      </c>
      <c r="AK9543">
        <v>71</v>
      </c>
      <c r="AL9543">
        <v>71</v>
      </c>
      <c r="AM9543">
        <v>72</v>
      </c>
      <c r="AN9543">
        <v>72</v>
      </c>
      <c r="AO9543">
        <v>72</v>
      </c>
      <c r="AP9543">
        <v>73</v>
      </c>
      <c r="AQ9543">
        <v>73</v>
      </c>
    </row>
    <row r="9544" spans="1:43">
      <c r="A9544" t="s">
        <v>5954</v>
      </c>
      <c r="B9544" t="s">
        <v>5955</v>
      </c>
      <c r="C9544" t="s">
        <v>5956</v>
      </c>
      <c r="D9544" t="s">
        <v>5957</v>
      </c>
      <c r="E9544" t="s">
        <v>5940</v>
      </c>
      <c r="F9544" t="s">
        <v>5941</v>
      </c>
      <c r="G9544" t="s">
        <v>80</v>
      </c>
      <c r="H9544" t="s">
        <v>81</v>
      </c>
      <c r="I9544" s="2">
        <v>0</v>
      </c>
      <c r="J9544" s="2">
        <v>0</v>
      </c>
      <c r="K9544" s="2">
        <v>1</v>
      </c>
      <c r="L9544" t="s">
        <v>995</v>
      </c>
      <c r="M9544" t="s">
        <v>89</v>
      </c>
      <c r="N9544" t="s">
        <v>90</v>
      </c>
      <c r="O9544" t="s">
        <v>85</v>
      </c>
      <c r="P9544" t="s">
        <v>86</v>
      </c>
      <c r="Q9544">
        <v>61</v>
      </c>
      <c r="R9544">
        <v>63</v>
      </c>
      <c r="S9544">
        <v>64</v>
      </c>
      <c r="T9544">
        <v>66</v>
      </c>
      <c r="U9544">
        <v>67</v>
      </c>
      <c r="V9544">
        <v>69</v>
      </c>
      <c r="W9544">
        <v>70</v>
      </c>
      <c r="X9544">
        <v>72</v>
      </c>
      <c r="Y9544">
        <v>73</v>
      </c>
      <c r="Z9544">
        <v>74</v>
      </c>
      <c r="AA9544">
        <v>76</v>
      </c>
      <c r="AB9544">
        <v>77</v>
      </c>
      <c r="AC9544">
        <v>79</v>
      </c>
      <c r="AD9544">
        <v>80</v>
      </c>
      <c r="AE9544">
        <v>81</v>
      </c>
      <c r="AF9544">
        <v>81</v>
      </c>
      <c r="AG9544">
        <v>81</v>
      </c>
      <c r="AH9544">
        <v>82</v>
      </c>
      <c r="AI9544">
        <v>82</v>
      </c>
      <c r="AJ9544">
        <v>82</v>
      </c>
      <c r="AK9544">
        <v>82</v>
      </c>
      <c r="AL9544">
        <v>83</v>
      </c>
      <c r="AM9544">
        <v>83</v>
      </c>
      <c r="AN9544">
        <v>83</v>
      </c>
      <c r="AO9544">
        <v>83</v>
      </c>
      <c r="AP9544">
        <v>83</v>
      </c>
      <c r="AQ9544">
        <v>84</v>
      </c>
    </row>
    <row r="9545" spans="1:43">
      <c r="A9545" t="s">
        <v>5954</v>
      </c>
      <c r="B9545" t="s">
        <v>5955</v>
      </c>
      <c r="C9545" t="s">
        <v>5956</v>
      </c>
      <c r="D9545" t="s">
        <v>5957</v>
      </c>
      <c r="E9545" t="s">
        <v>5940</v>
      </c>
      <c r="F9545" t="s">
        <v>5941</v>
      </c>
      <c r="G9545" t="s">
        <v>80</v>
      </c>
      <c r="H9545" t="s">
        <v>81</v>
      </c>
      <c r="I9545" s="2">
        <v>0</v>
      </c>
      <c r="J9545" s="2">
        <v>0</v>
      </c>
      <c r="K9545" s="2">
        <v>1</v>
      </c>
      <c r="L9545" t="s">
        <v>995</v>
      </c>
      <c r="M9545" t="s">
        <v>83</v>
      </c>
      <c r="N9545" t="s">
        <v>91</v>
      </c>
      <c r="O9545" t="s">
        <v>85</v>
      </c>
      <c r="P9545" t="s">
        <v>86</v>
      </c>
      <c r="Q9545">
        <v>61</v>
      </c>
      <c r="R9545">
        <v>62</v>
      </c>
      <c r="S9545">
        <v>63</v>
      </c>
      <c r="T9545">
        <v>64</v>
      </c>
      <c r="U9545">
        <v>65</v>
      </c>
      <c r="V9545">
        <v>66</v>
      </c>
      <c r="W9545">
        <v>67</v>
      </c>
      <c r="X9545">
        <v>68</v>
      </c>
      <c r="Y9545">
        <v>69</v>
      </c>
      <c r="Z9545">
        <v>70</v>
      </c>
      <c r="AA9545">
        <v>71</v>
      </c>
      <c r="AB9545">
        <v>72</v>
      </c>
      <c r="AC9545">
        <v>73</v>
      </c>
      <c r="AD9545">
        <v>74</v>
      </c>
      <c r="AE9545">
        <v>75</v>
      </c>
      <c r="AF9545">
        <v>76</v>
      </c>
      <c r="AG9545">
        <v>77</v>
      </c>
      <c r="AH9545">
        <v>78</v>
      </c>
      <c r="AI9545">
        <v>80</v>
      </c>
      <c r="AJ9545">
        <v>81</v>
      </c>
      <c r="AK9545">
        <v>82</v>
      </c>
      <c r="AL9545">
        <v>82</v>
      </c>
      <c r="AM9545">
        <v>82</v>
      </c>
      <c r="AN9545">
        <v>83</v>
      </c>
      <c r="AO9545">
        <v>83</v>
      </c>
      <c r="AP9545">
        <v>83</v>
      </c>
      <c r="AQ9545">
        <v>83</v>
      </c>
    </row>
    <row r="9546" spans="1:43">
      <c r="A9546" t="s">
        <v>5958</v>
      </c>
      <c r="B9546" t="s">
        <v>5959</v>
      </c>
      <c r="C9546" t="s">
        <v>5960</v>
      </c>
      <c r="D9546" t="s">
        <v>5961</v>
      </c>
      <c r="E9546" t="s">
        <v>5940</v>
      </c>
      <c r="F9546" t="s">
        <v>5941</v>
      </c>
      <c r="G9546" t="s">
        <v>80</v>
      </c>
      <c r="H9546" t="s">
        <v>81</v>
      </c>
      <c r="I9546" s="2">
        <v>0</v>
      </c>
      <c r="J9546" s="2">
        <v>0</v>
      </c>
      <c r="K9546" s="2">
        <v>1</v>
      </c>
      <c r="L9546" t="s">
        <v>995</v>
      </c>
      <c r="M9546" t="s">
        <v>83</v>
      </c>
      <c r="N9546" t="s">
        <v>84</v>
      </c>
      <c r="O9546" t="s">
        <v>85</v>
      </c>
      <c r="P9546" t="s">
        <v>86</v>
      </c>
      <c r="Q9546">
        <v>54</v>
      </c>
      <c r="R9546">
        <v>55</v>
      </c>
      <c r="S9546">
        <v>56</v>
      </c>
      <c r="T9546">
        <v>57</v>
      </c>
      <c r="U9546">
        <v>58</v>
      </c>
      <c r="V9546">
        <v>59</v>
      </c>
      <c r="W9546">
        <v>60</v>
      </c>
      <c r="X9546">
        <v>61</v>
      </c>
      <c r="Y9546">
        <v>62</v>
      </c>
      <c r="Z9546">
        <v>63</v>
      </c>
      <c r="AA9546">
        <v>64</v>
      </c>
      <c r="AB9546">
        <v>65</v>
      </c>
      <c r="AC9546">
        <v>66</v>
      </c>
      <c r="AD9546">
        <v>67</v>
      </c>
      <c r="AE9546">
        <v>68</v>
      </c>
      <c r="AF9546">
        <v>69</v>
      </c>
      <c r="AG9546">
        <v>70</v>
      </c>
      <c r="AH9546">
        <v>71</v>
      </c>
      <c r="AI9546">
        <v>72</v>
      </c>
      <c r="AJ9546">
        <v>73</v>
      </c>
      <c r="AK9546">
        <v>74</v>
      </c>
      <c r="AL9546">
        <v>74</v>
      </c>
      <c r="AM9546">
        <v>74</v>
      </c>
      <c r="AN9546">
        <v>75</v>
      </c>
      <c r="AO9546">
        <v>75</v>
      </c>
      <c r="AP9546">
        <v>75</v>
      </c>
      <c r="AQ9546">
        <v>75</v>
      </c>
    </row>
    <row r="9547" spans="1:43">
      <c r="A9547" t="s">
        <v>5958</v>
      </c>
      <c r="B9547" t="s">
        <v>5959</v>
      </c>
      <c r="C9547" t="s">
        <v>5960</v>
      </c>
      <c r="D9547" t="s">
        <v>5961</v>
      </c>
      <c r="E9547" t="s">
        <v>5940</v>
      </c>
      <c r="F9547" t="s">
        <v>5941</v>
      </c>
      <c r="G9547" t="s">
        <v>80</v>
      </c>
      <c r="H9547" t="s">
        <v>81</v>
      </c>
      <c r="I9547" s="2">
        <v>0</v>
      </c>
      <c r="J9547" s="2">
        <v>0</v>
      </c>
      <c r="K9547" s="2">
        <v>1</v>
      </c>
      <c r="L9547" t="s">
        <v>995</v>
      </c>
      <c r="M9547" t="s">
        <v>87</v>
      </c>
      <c r="N9547" t="s">
        <v>88</v>
      </c>
      <c r="O9547" t="s">
        <v>85</v>
      </c>
      <c r="P9547" t="s">
        <v>86</v>
      </c>
      <c r="Q9547">
        <v>54</v>
      </c>
      <c r="R9547">
        <v>54</v>
      </c>
      <c r="S9547">
        <v>55</v>
      </c>
      <c r="T9547">
        <v>55</v>
      </c>
      <c r="U9547">
        <v>56</v>
      </c>
      <c r="V9547">
        <v>56</v>
      </c>
      <c r="W9547">
        <v>56</v>
      </c>
      <c r="X9547">
        <v>57</v>
      </c>
      <c r="Y9547">
        <v>57</v>
      </c>
      <c r="Z9547">
        <v>58</v>
      </c>
      <c r="AA9547">
        <v>58</v>
      </c>
      <c r="AB9547">
        <v>59</v>
      </c>
      <c r="AC9547">
        <v>59</v>
      </c>
      <c r="AD9547">
        <v>60</v>
      </c>
      <c r="AE9547">
        <v>60</v>
      </c>
      <c r="AF9547">
        <v>60</v>
      </c>
      <c r="AG9547">
        <v>61</v>
      </c>
      <c r="AH9547">
        <v>61</v>
      </c>
      <c r="AI9547">
        <v>62</v>
      </c>
      <c r="AJ9547">
        <v>62</v>
      </c>
      <c r="AK9547">
        <v>63</v>
      </c>
      <c r="AL9547">
        <v>63</v>
      </c>
      <c r="AM9547">
        <v>64</v>
      </c>
      <c r="AN9547">
        <v>64</v>
      </c>
      <c r="AO9547">
        <v>64</v>
      </c>
      <c r="AP9547">
        <v>65</v>
      </c>
      <c r="AQ9547">
        <v>65</v>
      </c>
    </row>
    <row r="9548" spans="1:43">
      <c r="A9548" t="s">
        <v>5958</v>
      </c>
      <c r="B9548" t="s">
        <v>5959</v>
      </c>
      <c r="C9548" t="s">
        <v>5960</v>
      </c>
      <c r="D9548" t="s">
        <v>5961</v>
      </c>
      <c r="E9548" t="s">
        <v>5940</v>
      </c>
      <c r="F9548" t="s">
        <v>5941</v>
      </c>
      <c r="G9548" t="s">
        <v>80</v>
      </c>
      <c r="H9548" t="s">
        <v>81</v>
      </c>
      <c r="I9548" s="2">
        <v>0</v>
      </c>
      <c r="J9548" s="2">
        <v>0</v>
      </c>
      <c r="K9548" s="2">
        <v>1</v>
      </c>
      <c r="L9548" t="s">
        <v>995</v>
      </c>
      <c r="M9548" t="s">
        <v>89</v>
      </c>
      <c r="N9548" t="s">
        <v>90</v>
      </c>
      <c r="O9548" t="s">
        <v>85</v>
      </c>
      <c r="P9548" t="s">
        <v>86</v>
      </c>
      <c r="Q9548">
        <v>54</v>
      </c>
      <c r="R9548">
        <v>55</v>
      </c>
      <c r="S9548">
        <v>57</v>
      </c>
      <c r="T9548">
        <v>58</v>
      </c>
      <c r="U9548">
        <v>59</v>
      </c>
      <c r="V9548">
        <v>61</v>
      </c>
      <c r="W9548">
        <v>62</v>
      </c>
      <c r="X9548">
        <v>63</v>
      </c>
      <c r="Y9548">
        <v>65</v>
      </c>
      <c r="Z9548">
        <v>66</v>
      </c>
      <c r="AA9548">
        <v>67</v>
      </c>
      <c r="AB9548">
        <v>68</v>
      </c>
      <c r="AC9548">
        <v>70</v>
      </c>
      <c r="AD9548">
        <v>71</v>
      </c>
      <c r="AE9548">
        <v>72</v>
      </c>
      <c r="AF9548">
        <v>72</v>
      </c>
      <c r="AG9548">
        <v>72</v>
      </c>
      <c r="AH9548">
        <v>73</v>
      </c>
      <c r="AI9548">
        <v>73</v>
      </c>
      <c r="AJ9548">
        <v>73</v>
      </c>
      <c r="AK9548">
        <v>73</v>
      </c>
      <c r="AL9548">
        <v>73</v>
      </c>
      <c r="AM9548">
        <v>74</v>
      </c>
      <c r="AN9548">
        <v>74</v>
      </c>
      <c r="AO9548">
        <v>74</v>
      </c>
      <c r="AP9548">
        <v>74</v>
      </c>
      <c r="AQ9548">
        <v>75</v>
      </c>
    </row>
    <row r="9549" spans="1:43">
      <c r="A9549" t="s">
        <v>5958</v>
      </c>
      <c r="B9549" t="s">
        <v>5959</v>
      </c>
      <c r="C9549" t="s">
        <v>5960</v>
      </c>
      <c r="D9549" t="s">
        <v>5961</v>
      </c>
      <c r="E9549" t="s">
        <v>5940</v>
      </c>
      <c r="F9549" t="s">
        <v>5941</v>
      </c>
      <c r="G9549" t="s">
        <v>80</v>
      </c>
      <c r="H9549" t="s">
        <v>81</v>
      </c>
      <c r="I9549" s="2">
        <v>0</v>
      </c>
      <c r="J9549" s="2">
        <v>0</v>
      </c>
      <c r="K9549" s="2">
        <v>1</v>
      </c>
      <c r="L9549" t="s">
        <v>995</v>
      </c>
      <c r="M9549" t="s">
        <v>83</v>
      </c>
      <c r="N9549" t="s">
        <v>91</v>
      </c>
      <c r="O9549" t="s">
        <v>85</v>
      </c>
      <c r="P9549" t="s">
        <v>86</v>
      </c>
      <c r="Q9549">
        <v>54</v>
      </c>
      <c r="R9549">
        <v>55</v>
      </c>
      <c r="S9549">
        <v>56</v>
      </c>
      <c r="T9549">
        <v>57</v>
      </c>
      <c r="U9549">
        <v>58</v>
      </c>
      <c r="V9549">
        <v>59</v>
      </c>
      <c r="W9549">
        <v>60</v>
      </c>
      <c r="X9549">
        <v>61</v>
      </c>
      <c r="Y9549">
        <v>62</v>
      </c>
      <c r="Z9549">
        <v>63</v>
      </c>
      <c r="AA9549">
        <v>64</v>
      </c>
      <c r="AB9549">
        <v>65</v>
      </c>
      <c r="AC9549">
        <v>66</v>
      </c>
      <c r="AD9549">
        <v>67</v>
      </c>
      <c r="AE9549">
        <v>68</v>
      </c>
      <c r="AF9549">
        <v>69</v>
      </c>
      <c r="AG9549">
        <v>70</v>
      </c>
      <c r="AH9549">
        <v>71</v>
      </c>
      <c r="AI9549">
        <v>72</v>
      </c>
      <c r="AJ9549">
        <v>73</v>
      </c>
      <c r="AK9549">
        <v>74</v>
      </c>
      <c r="AL9549">
        <v>74</v>
      </c>
      <c r="AM9549">
        <v>74</v>
      </c>
      <c r="AN9549">
        <v>75</v>
      </c>
      <c r="AO9549">
        <v>75</v>
      </c>
      <c r="AP9549">
        <v>75</v>
      </c>
      <c r="AQ9549">
        <v>75</v>
      </c>
    </row>
    <row r="9550" spans="1:43">
      <c r="A9550" t="s">
        <v>5962</v>
      </c>
      <c r="B9550" t="s">
        <v>5963</v>
      </c>
      <c r="C9550" t="s">
        <v>5964</v>
      </c>
      <c r="D9550" t="s">
        <v>5965</v>
      </c>
      <c r="E9550" t="s">
        <v>5940</v>
      </c>
      <c r="F9550" t="s">
        <v>5941</v>
      </c>
      <c r="G9550" t="s">
        <v>80</v>
      </c>
      <c r="H9550" t="s">
        <v>81</v>
      </c>
      <c r="I9550" s="2">
        <v>0</v>
      </c>
      <c r="J9550" s="2">
        <v>0</v>
      </c>
      <c r="K9550" s="2">
        <v>1</v>
      </c>
      <c r="L9550" t="s">
        <v>995</v>
      </c>
      <c r="M9550" t="s">
        <v>83</v>
      </c>
      <c r="N9550" t="s">
        <v>84</v>
      </c>
      <c r="O9550" t="s">
        <v>85</v>
      </c>
      <c r="P9550" t="s">
        <v>86</v>
      </c>
      <c r="Q9550">
        <v>32</v>
      </c>
      <c r="R9550">
        <v>32</v>
      </c>
      <c r="S9550">
        <v>33</v>
      </c>
      <c r="T9550">
        <v>33</v>
      </c>
      <c r="U9550">
        <v>34</v>
      </c>
      <c r="V9550">
        <v>34</v>
      </c>
      <c r="W9550">
        <v>35</v>
      </c>
      <c r="X9550">
        <v>35</v>
      </c>
      <c r="Y9550">
        <v>36</v>
      </c>
      <c r="Z9550">
        <v>37</v>
      </c>
      <c r="AA9550">
        <v>37</v>
      </c>
      <c r="AB9550">
        <v>38</v>
      </c>
      <c r="AC9550">
        <v>38</v>
      </c>
      <c r="AD9550">
        <v>39</v>
      </c>
      <c r="AE9550">
        <v>39</v>
      </c>
      <c r="AF9550">
        <v>40</v>
      </c>
      <c r="AG9550">
        <v>40</v>
      </c>
      <c r="AH9550">
        <v>41</v>
      </c>
      <c r="AI9550">
        <v>42</v>
      </c>
      <c r="AJ9550">
        <v>42</v>
      </c>
      <c r="AK9550">
        <v>43</v>
      </c>
      <c r="AL9550">
        <v>43</v>
      </c>
      <c r="AM9550">
        <v>43</v>
      </c>
      <c r="AN9550">
        <v>43</v>
      </c>
      <c r="AO9550">
        <v>43</v>
      </c>
      <c r="AP9550">
        <v>43</v>
      </c>
      <c r="AQ9550">
        <v>44</v>
      </c>
    </row>
    <row r="9551" spans="1:43">
      <c r="A9551" t="s">
        <v>5962</v>
      </c>
      <c r="B9551" t="s">
        <v>5963</v>
      </c>
      <c r="C9551" t="s">
        <v>5964</v>
      </c>
      <c r="D9551" t="s">
        <v>5965</v>
      </c>
      <c r="E9551" t="s">
        <v>5940</v>
      </c>
      <c r="F9551" t="s">
        <v>5941</v>
      </c>
      <c r="G9551" t="s">
        <v>80</v>
      </c>
      <c r="H9551" t="s">
        <v>81</v>
      </c>
      <c r="I9551" s="2">
        <v>0</v>
      </c>
      <c r="J9551" s="2">
        <v>0</v>
      </c>
      <c r="K9551" s="2">
        <v>1</v>
      </c>
      <c r="L9551" t="s">
        <v>995</v>
      </c>
      <c r="M9551" t="s">
        <v>87</v>
      </c>
      <c r="N9551" t="s">
        <v>88</v>
      </c>
      <c r="O9551" t="s">
        <v>85</v>
      </c>
      <c r="P9551" t="s">
        <v>86</v>
      </c>
      <c r="Q9551">
        <v>32</v>
      </c>
      <c r="R9551">
        <v>33</v>
      </c>
      <c r="S9551">
        <v>33</v>
      </c>
      <c r="T9551">
        <v>33</v>
      </c>
      <c r="U9551">
        <v>33</v>
      </c>
      <c r="V9551">
        <v>34</v>
      </c>
      <c r="W9551">
        <v>34</v>
      </c>
      <c r="X9551">
        <v>34</v>
      </c>
      <c r="Y9551">
        <v>34</v>
      </c>
      <c r="Z9551">
        <v>35</v>
      </c>
      <c r="AA9551">
        <v>35</v>
      </c>
      <c r="AB9551">
        <v>35</v>
      </c>
      <c r="AC9551">
        <v>35</v>
      </c>
      <c r="AD9551">
        <v>36</v>
      </c>
      <c r="AE9551">
        <v>36</v>
      </c>
      <c r="AF9551">
        <v>36</v>
      </c>
      <c r="AG9551">
        <v>36</v>
      </c>
      <c r="AH9551">
        <v>37</v>
      </c>
      <c r="AI9551">
        <v>37</v>
      </c>
      <c r="AJ9551">
        <v>37</v>
      </c>
      <c r="AK9551">
        <v>37</v>
      </c>
      <c r="AL9551">
        <v>38</v>
      </c>
      <c r="AM9551">
        <v>38</v>
      </c>
      <c r="AN9551">
        <v>38</v>
      </c>
      <c r="AO9551">
        <v>38</v>
      </c>
      <c r="AP9551">
        <v>39</v>
      </c>
      <c r="AQ9551">
        <v>39</v>
      </c>
    </row>
    <row r="9552" spans="1:43">
      <c r="A9552" t="s">
        <v>5962</v>
      </c>
      <c r="B9552" t="s">
        <v>5963</v>
      </c>
      <c r="C9552" t="s">
        <v>5964</v>
      </c>
      <c r="D9552" t="s">
        <v>5965</v>
      </c>
      <c r="E9552" t="s">
        <v>5940</v>
      </c>
      <c r="F9552" t="s">
        <v>5941</v>
      </c>
      <c r="G9552" t="s">
        <v>80</v>
      </c>
      <c r="H9552" t="s">
        <v>81</v>
      </c>
      <c r="I9552" s="2">
        <v>0</v>
      </c>
      <c r="J9552" s="2">
        <v>0</v>
      </c>
      <c r="K9552" s="2">
        <v>1</v>
      </c>
      <c r="L9552" t="s">
        <v>995</v>
      </c>
      <c r="M9552" t="s">
        <v>89</v>
      </c>
      <c r="N9552" t="s">
        <v>90</v>
      </c>
      <c r="O9552" t="s">
        <v>85</v>
      </c>
      <c r="P9552" t="s">
        <v>86</v>
      </c>
      <c r="Q9552">
        <v>32</v>
      </c>
      <c r="R9552">
        <v>33</v>
      </c>
      <c r="S9552">
        <v>34</v>
      </c>
      <c r="T9552">
        <v>34</v>
      </c>
      <c r="U9552">
        <v>35</v>
      </c>
      <c r="V9552">
        <v>36</v>
      </c>
      <c r="W9552">
        <v>37</v>
      </c>
      <c r="X9552">
        <v>37</v>
      </c>
      <c r="Y9552">
        <v>38</v>
      </c>
      <c r="Z9552">
        <v>39</v>
      </c>
      <c r="AA9552">
        <v>40</v>
      </c>
      <c r="AB9552">
        <v>40</v>
      </c>
      <c r="AC9552">
        <v>41</v>
      </c>
      <c r="AD9552">
        <v>42</v>
      </c>
      <c r="AE9552">
        <v>42</v>
      </c>
      <c r="AF9552">
        <v>42</v>
      </c>
      <c r="AG9552">
        <v>42</v>
      </c>
      <c r="AH9552">
        <v>43</v>
      </c>
      <c r="AI9552">
        <v>43</v>
      </c>
      <c r="AJ9552">
        <v>43</v>
      </c>
      <c r="AK9552">
        <v>43</v>
      </c>
      <c r="AL9552">
        <v>43</v>
      </c>
      <c r="AM9552">
        <v>43</v>
      </c>
      <c r="AN9552">
        <v>43</v>
      </c>
      <c r="AO9552">
        <v>43</v>
      </c>
      <c r="AP9552">
        <v>44</v>
      </c>
      <c r="AQ9552">
        <v>44</v>
      </c>
    </row>
    <row r="9553" spans="1:43">
      <c r="A9553" t="s">
        <v>5962</v>
      </c>
      <c r="B9553" t="s">
        <v>5963</v>
      </c>
      <c r="C9553" t="s">
        <v>5964</v>
      </c>
      <c r="D9553" t="s">
        <v>5965</v>
      </c>
      <c r="E9553" t="s">
        <v>5940</v>
      </c>
      <c r="F9553" t="s">
        <v>5941</v>
      </c>
      <c r="G9553" t="s">
        <v>80</v>
      </c>
      <c r="H9553" t="s">
        <v>81</v>
      </c>
      <c r="I9553" s="2">
        <v>0</v>
      </c>
      <c r="J9553" s="2">
        <v>0</v>
      </c>
      <c r="K9553" s="2">
        <v>1</v>
      </c>
      <c r="L9553" t="s">
        <v>995</v>
      </c>
      <c r="M9553" t="s">
        <v>83</v>
      </c>
      <c r="N9553" t="s">
        <v>91</v>
      </c>
      <c r="O9553" t="s">
        <v>85</v>
      </c>
      <c r="P9553" t="s">
        <v>86</v>
      </c>
      <c r="Q9553">
        <v>32</v>
      </c>
      <c r="R9553">
        <v>32</v>
      </c>
      <c r="S9553">
        <v>33</v>
      </c>
      <c r="T9553">
        <v>33</v>
      </c>
      <c r="U9553">
        <v>34</v>
      </c>
      <c r="V9553">
        <v>34</v>
      </c>
      <c r="W9553">
        <v>35</v>
      </c>
      <c r="X9553">
        <v>35</v>
      </c>
      <c r="Y9553">
        <v>36</v>
      </c>
      <c r="Z9553">
        <v>37</v>
      </c>
      <c r="AA9553">
        <v>37</v>
      </c>
      <c r="AB9553">
        <v>38</v>
      </c>
      <c r="AC9553">
        <v>38</v>
      </c>
      <c r="AD9553">
        <v>39</v>
      </c>
      <c r="AE9553">
        <v>39</v>
      </c>
      <c r="AF9553">
        <v>40</v>
      </c>
      <c r="AG9553">
        <v>40</v>
      </c>
      <c r="AH9553">
        <v>41</v>
      </c>
      <c r="AI9553">
        <v>42</v>
      </c>
      <c r="AJ9553">
        <v>42</v>
      </c>
      <c r="AK9553">
        <v>43</v>
      </c>
      <c r="AL9553">
        <v>43</v>
      </c>
      <c r="AM9553">
        <v>43</v>
      </c>
      <c r="AN9553">
        <v>43</v>
      </c>
      <c r="AO9553">
        <v>43</v>
      </c>
      <c r="AP9553">
        <v>43</v>
      </c>
      <c r="AQ9553">
        <v>44</v>
      </c>
    </row>
    <row r="9554" spans="1:43">
      <c r="A9554" t="s">
        <v>5966</v>
      </c>
      <c r="B9554" t="s">
        <v>5967</v>
      </c>
      <c r="C9554" t="s">
        <v>5938</v>
      </c>
      <c r="D9554" t="s">
        <v>5939</v>
      </c>
      <c r="E9554" t="s">
        <v>5940</v>
      </c>
      <c r="F9554" t="s">
        <v>5941</v>
      </c>
      <c r="G9554" t="s">
        <v>80</v>
      </c>
      <c r="H9554" t="s">
        <v>81</v>
      </c>
      <c r="I9554" s="2">
        <v>0</v>
      </c>
      <c r="J9554" s="2">
        <v>0</v>
      </c>
      <c r="K9554" s="2">
        <v>1</v>
      </c>
      <c r="L9554" t="s">
        <v>995</v>
      </c>
      <c r="M9554" t="s">
        <v>83</v>
      </c>
      <c r="N9554" t="s">
        <v>84</v>
      </c>
      <c r="O9554" t="s">
        <v>85</v>
      </c>
      <c r="P9554" t="s">
        <v>86</v>
      </c>
      <c r="Q9554">
        <v>5</v>
      </c>
      <c r="R9554">
        <v>5</v>
      </c>
      <c r="S9554">
        <v>5</v>
      </c>
      <c r="T9554">
        <v>5</v>
      </c>
      <c r="U9554">
        <v>5</v>
      </c>
      <c r="V9554">
        <v>6</v>
      </c>
      <c r="W9554">
        <v>6</v>
      </c>
      <c r="X9554">
        <v>6</v>
      </c>
      <c r="Y9554">
        <v>6</v>
      </c>
      <c r="Z9554">
        <v>6</v>
      </c>
      <c r="AA9554">
        <v>6</v>
      </c>
      <c r="AB9554">
        <v>6</v>
      </c>
      <c r="AC9554">
        <v>6</v>
      </c>
      <c r="AD9554">
        <v>6</v>
      </c>
      <c r="AE9554">
        <v>6</v>
      </c>
      <c r="AF9554">
        <v>6</v>
      </c>
      <c r="AG9554">
        <v>7</v>
      </c>
      <c r="AH9554">
        <v>7</v>
      </c>
      <c r="AI9554">
        <v>7</v>
      </c>
      <c r="AJ9554">
        <v>7</v>
      </c>
      <c r="AK9554">
        <v>7</v>
      </c>
      <c r="AL9554">
        <v>7</v>
      </c>
      <c r="AM9554">
        <v>7</v>
      </c>
      <c r="AN9554">
        <v>7</v>
      </c>
      <c r="AO9554">
        <v>7</v>
      </c>
      <c r="AP9554">
        <v>7</v>
      </c>
      <c r="AQ9554">
        <v>7</v>
      </c>
    </row>
    <row r="9555" spans="1:43">
      <c r="A9555" t="s">
        <v>5966</v>
      </c>
      <c r="B9555" t="s">
        <v>5967</v>
      </c>
      <c r="C9555" t="s">
        <v>5938</v>
      </c>
      <c r="D9555" t="s">
        <v>5939</v>
      </c>
      <c r="E9555" t="s">
        <v>5940</v>
      </c>
      <c r="F9555" t="s">
        <v>5941</v>
      </c>
      <c r="G9555" t="s">
        <v>80</v>
      </c>
      <c r="H9555" t="s">
        <v>81</v>
      </c>
      <c r="I9555" s="2">
        <v>0</v>
      </c>
      <c r="J9555" s="2">
        <v>0</v>
      </c>
      <c r="K9555" s="2">
        <v>1</v>
      </c>
      <c r="L9555" t="s">
        <v>995</v>
      </c>
      <c r="M9555" t="s">
        <v>87</v>
      </c>
      <c r="N9555" t="s">
        <v>88</v>
      </c>
      <c r="O9555" t="s">
        <v>85</v>
      </c>
      <c r="P9555" t="s">
        <v>86</v>
      </c>
      <c r="Q9555">
        <v>5</v>
      </c>
      <c r="R9555">
        <v>5</v>
      </c>
      <c r="S9555">
        <v>5</v>
      </c>
      <c r="T9555">
        <v>5</v>
      </c>
      <c r="U9555">
        <v>5</v>
      </c>
      <c r="V9555">
        <v>5</v>
      </c>
      <c r="W9555">
        <v>5</v>
      </c>
      <c r="X9555">
        <v>5</v>
      </c>
      <c r="Y9555">
        <v>5</v>
      </c>
      <c r="Z9555">
        <v>5</v>
      </c>
      <c r="AA9555">
        <v>5</v>
      </c>
      <c r="AB9555">
        <v>5</v>
      </c>
      <c r="AC9555">
        <v>6</v>
      </c>
      <c r="AD9555">
        <v>6</v>
      </c>
      <c r="AE9555">
        <v>6</v>
      </c>
      <c r="AF9555">
        <v>6</v>
      </c>
      <c r="AG9555">
        <v>6</v>
      </c>
      <c r="AH9555">
        <v>6</v>
      </c>
      <c r="AI9555">
        <v>6</v>
      </c>
      <c r="AJ9555">
        <v>6</v>
      </c>
      <c r="AK9555">
        <v>6</v>
      </c>
      <c r="AL9555">
        <v>6</v>
      </c>
      <c r="AM9555">
        <v>6</v>
      </c>
      <c r="AN9555">
        <v>6</v>
      </c>
      <c r="AO9555">
        <v>6</v>
      </c>
      <c r="AP9555">
        <v>6</v>
      </c>
      <c r="AQ9555">
        <v>6</v>
      </c>
    </row>
    <row r="9556" spans="1:43">
      <c r="A9556" t="s">
        <v>5966</v>
      </c>
      <c r="B9556" t="s">
        <v>5967</v>
      </c>
      <c r="C9556" t="s">
        <v>5938</v>
      </c>
      <c r="D9556" t="s">
        <v>5939</v>
      </c>
      <c r="E9556" t="s">
        <v>5940</v>
      </c>
      <c r="F9556" t="s">
        <v>5941</v>
      </c>
      <c r="G9556" t="s">
        <v>80</v>
      </c>
      <c r="H9556" t="s">
        <v>81</v>
      </c>
      <c r="I9556" s="2">
        <v>0</v>
      </c>
      <c r="J9556" s="2">
        <v>0</v>
      </c>
      <c r="K9556" s="2">
        <v>1</v>
      </c>
      <c r="L9556" t="s">
        <v>995</v>
      </c>
      <c r="M9556" t="s">
        <v>89</v>
      </c>
      <c r="N9556" t="s">
        <v>90</v>
      </c>
      <c r="O9556" t="s">
        <v>85</v>
      </c>
      <c r="P9556" t="s">
        <v>86</v>
      </c>
      <c r="Q9556">
        <v>5</v>
      </c>
      <c r="R9556">
        <v>5</v>
      </c>
      <c r="S9556">
        <v>5</v>
      </c>
      <c r="T9556">
        <v>6</v>
      </c>
      <c r="U9556">
        <v>6</v>
      </c>
      <c r="V9556">
        <v>6</v>
      </c>
      <c r="W9556">
        <v>6</v>
      </c>
      <c r="X9556">
        <v>6</v>
      </c>
      <c r="Y9556">
        <v>6</v>
      </c>
      <c r="Z9556">
        <v>6</v>
      </c>
      <c r="AA9556">
        <v>6</v>
      </c>
      <c r="AB9556">
        <v>7</v>
      </c>
      <c r="AC9556">
        <v>7</v>
      </c>
      <c r="AD9556">
        <v>7</v>
      </c>
      <c r="AE9556">
        <v>7</v>
      </c>
      <c r="AF9556">
        <v>7</v>
      </c>
      <c r="AG9556">
        <v>7</v>
      </c>
      <c r="AH9556">
        <v>7</v>
      </c>
      <c r="AI9556">
        <v>7</v>
      </c>
      <c r="AJ9556">
        <v>7</v>
      </c>
      <c r="AK9556">
        <v>7</v>
      </c>
      <c r="AL9556">
        <v>7</v>
      </c>
      <c r="AM9556">
        <v>7</v>
      </c>
      <c r="AN9556">
        <v>7</v>
      </c>
      <c r="AO9556">
        <v>7</v>
      </c>
      <c r="AP9556">
        <v>7</v>
      </c>
      <c r="AQ9556">
        <v>7</v>
      </c>
    </row>
    <row r="9557" spans="1:43">
      <c r="A9557" t="s">
        <v>5966</v>
      </c>
      <c r="B9557" t="s">
        <v>5967</v>
      </c>
      <c r="C9557" t="s">
        <v>5938</v>
      </c>
      <c r="D9557" t="s">
        <v>5939</v>
      </c>
      <c r="E9557" t="s">
        <v>5940</v>
      </c>
      <c r="F9557" t="s">
        <v>5941</v>
      </c>
      <c r="G9557" t="s">
        <v>80</v>
      </c>
      <c r="H9557" t="s">
        <v>81</v>
      </c>
      <c r="I9557" s="2">
        <v>0</v>
      </c>
      <c r="J9557" s="2">
        <v>0</v>
      </c>
      <c r="K9557" s="2">
        <v>1</v>
      </c>
      <c r="L9557" t="s">
        <v>995</v>
      </c>
      <c r="M9557" t="s">
        <v>83</v>
      </c>
      <c r="N9557" t="s">
        <v>91</v>
      </c>
      <c r="O9557" t="s">
        <v>85</v>
      </c>
      <c r="P9557" t="s">
        <v>86</v>
      </c>
      <c r="Q9557">
        <v>5</v>
      </c>
      <c r="R9557">
        <v>5</v>
      </c>
      <c r="S9557">
        <v>5</v>
      </c>
      <c r="T9557">
        <v>5</v>
      </c>
      <c r="U9557">
        <v>5</v>
      </c>
      <c r="V9557">
        <v>6</v>
      </c>
      <c r="W9557">
        <v>6</v>
      </c>
      <c r="X9557">
        <v>6</v>
      </c>
      <c r="Y9557">
        <v>6</v>
      </c>
      <c r="Z9557">
        <v>6</v>
      </c>
      <c r="AA9557">
        <v>6</v>
      </c>
      <c r="AB9557">
        <v>6</v>
      </c>
      <c r="AC9557">
        <v>6</v>
      </c>
      <c r="AD9557">
        <v>6</v>
      </c>
      <c r="AE9557">
        <v>6</v>
      </c>
      <c r="AF9557">
        <v>6</v>
      </c>
      <c r="AG9557">
        <v>7</v>
      </c>
      <c r="AH9557">
        <v>7</v>
      </c>
      <c r="AI9557">
        <v>7</v>
      </c>
      <c r="AJ9557">
        <v>7</v>
      </c>
      <c r="AK9557">
        <v>7</v>
      </c>
      <c r="AL9557">
        <v>7</v>
      </c>
      <c r="AM9557">
        <v>7</v>
      </c>
      <c r="AN9557">
        <v>7</v>
      </c>
      <c r="AO9557">
        <v>7</v>
      </c>
      <c r="AP9557">
        <v>7</v>
      </c>
      <c r="AQ9557">
        <v>7</v>
      </c>
    </row>
    <row r="9558" spans="1:43">
      <c r="A9558" t="s">
        <v>5968</v>
      </c>
      <c r="B9558" t="s">
        <v>5969</v>
      </c>
      <c r="C9558" t="s">
        <v>5964</v>
      </c>
      <c r="D9558" t="s">
        <v>5965</v>
      </c>
      <c r="E9558" t="s">
        <v>5940</v>
      </c>
      <c r="F9558" t="s">
        <v>5941</v>
      </c>
      <c r="G9558" t="s">
        <v>80</v>
      </c>
      <c r="H9558" t="s">
        <v>81</v>
      </c>
      <c r="I9558" s="2">
        <v>0</v>
      </c>
      <c r="J9558" s="2">
        <v>0</v>
      </c>
      <c r="K9558" s="2">
        <v>1</v>
      </c>
      <c r="L9558" t="s">
        <v>995</v>
      </c>
      <c r="M9558" t="s">
        <v>83</v>
      </c>
      <c r="N9558" t="s">
        <v>84</v>
      </c>
      <c r="O9558" t="s">
        <v>85</v>
      </c>
      <c r="P9558" t="s">
        <v>86</v>
      </c>
      <c r="Q9558">
        <v>82</v>
      </c>
      <c r="R9558">
        <v>83</v>
      </c>
      <c r="S9558">
        <v>85</v>
      </c>
      <c r="T9558">
        <v>86</v>
      </c>
      <c r="U9558">
        <v>88</v>
      </c>
      <c r="V9558">
        <v>89</v>
      </c>
      <c r="W9558">
        <v>90</v>
      </c>
      <c r="X9558">
        <v>92</v>
      </c>
      <c r="Y9558">
        <v>93</v>
      </c>
      <c r="Z9558">
        <v>95</v>
      </c>
      <c r="AA9558">
        <v>96</v>
      </c>
      <c r="AB9558">
        <v>98</v>
      </c>
      <c r="AC9558">
        <v>99</v>
      </c>
      <c r="AD9558">
        <v>101</v>
      </c>
      <c r="AE9558">
        <v>102</v>
      </c>
      <c r="AF9558">
        <v>103</v>
      </c>
      <c r="AG9558">
        <v>105</v>
      </c>
      <c r="AH9558">
        <v>106</v>
      </c>
      <c r="AI9558">
        <v>108</v>
      </c>
      <c r="AJ9558">
        <v>109</v>
      </c>
      <c r="AK9558">
        <v>111</v>
      </c>
      <c r="AL9558">
        <v>111</v>
      </c>
      <c r="AM9558">
        <v>112</v>
      </c>
      <c r="AN9558">
        <v>112</v>
      </c>
      <c r="AO9558">
        <v>112</v>
      </c>
      <c r="AP9558">
        <v>113</v>
      </c>
      <c r="AQ9558">
        <v>113</v>
      </c>
    </row>
    <row r="9559" spans="1:43">
      <c r="A9559" t="s">
        <v>5968</v>
      </c>
      <c r="B9559" t="s">
        <v>5969</v>
      </c>
      <c r="C9559" t="s">
        <v>5964</v>
      </c>
      <c r="D9559" t="s">
        <v>5965</v>
      </c>
      <c r="E9559" t="s">
        <v>5940</v>
      </c>
      <c r="F9559" t="s">
        <v>5941</v>
      </c>
      <c r="G9559" t="s">
        <v>80</v>
      </c>
      <c r="H9559" t="s">
        <v>81</v>
      </c>
      <c r="I9559" s="2">
        <v>0</v>
      </c>
      <c r="J9559" s="2">
        <v>0</v>
      </c>
      <c r="K9559" s="2">
        <v>1</v>
      </c>
      <c r="L9559" t="s">
        <v>995</v>
      </c>
      <c r="M9559" t="s">
        <v>87</v>
      </c>
      <c r="N9559" t="s">
        <v>88</v>
      </c>
      <c r="O9559" t="s">
        <v>85</v>
      </c>
      <c r="P9559" t="s">
        <v>86</v>
      </c>
      <c r="Q9559">
        <v>82</v>
      </c>
      <c r="R9559">
        <v>83</v>
      </c>
      <c r="S9559">
        <v>83</v>
      </c>
      <c r="T9559">
        <v>84</v>
      </c>
      <c r="U9559">
        <v>85</v>
      </c>
      <c r="V9559">
        <v>85</v>
      </c>
      <c r="W9559">
        <v>86</v>
      </c>
      <c r="X9559">
        <v>87</v>
      </c>
      <c r="Y9559">
        <v>87</v>
      </c>
      <c r="Z9559">
        <v>88</v>
      </c>
      <c r="AA9559">
        <v>89</v>
      </c>
      <c r="AB9559">
        <v>89</v>
      </c>
      <c r="AC9559">
        <v>90</v>
      </c>
      <c r="AD9559">
        <v>91</v>
      </c>
      <c r="AE9559">
        <v>91</v>
      </c>
      <c r="AF9559">
        <v>92</v>
      </c>
      <c r="AG9559">
        <v>93</v>
      </c>
      <c r="AH9559">
        <v>93</v>
      </c>
      <c r="AI9559">
        <v>94</v>
      </c>
      <c r="AJ9559">
        <v>95</v>
      </c>
      <c r="AK9559">
        <v>95</v>
      </c>
      <c r="AL9559">
        <v>96</v>
      </c>
      <c r="AM9559">
        <v>96</v>
      </c>
      <c r="AN9559">
        <v>97</v>
      </c>
      <c r="AO9559">
        <v>98</v>
      </c>
      <c r="AP9559">
        <v>98</v>
      </c>
      <c r="AQ9559">
        <v>99</v>
      </c>
    </row>
    <row r="9560" spans="1:43">
      <c r="A9560" t="s">
        <v>5968</v>
      </c>
      <c r="B9560" t="s">
        <v>5969</v>
      </c>
      <c r="C9560" t="s">
        <v>5964</v>
      </c>
      <c r="D9560" t="s">
        <v>5965</v>
      </c>
      <c r="E9560" t="s">
        <v>5940</v>
      </c>
      <c r="F9560" t="s">
        <v>5941</v>
      </c>
      <c r="G9560" t="s">
        <v>80</v>
      </c>
      <c r="H9560" t="s">
        <v>81</v>
      </c>
      <c r="I9560" s="2">
        <v>0</v>
      </c>
      <c r="J9560" s="2">
        <v>0</v>
      </c>
      <c r="K9560" s="2">
        <v>1</v>
      </c>
      <c r="L9560" t="s">
        <v>995</v>
      </c>
      <c r="M9560" t="s">
        <v>89</v>
      </c>
      <c r="N9560" t="s">
        <v>90</v>
      </c>
      <c r="O9560" t="s">
        <v>85</v>
      </c>
      <c r="P9560" t="s">
        <v>86</v>
      </c>
      <c r="Q9560">
        <v>82</v>
      </c>
      <c r="R9560">
        <v>84</v>
      </c>
      <c r="S9560">
        <v>86</v>
      </c>
      <c r="T9560">
        <v>88</v>
      </c>
      <c r="U9560">
        <v>90</v>
      </c>
      <c r="V9560">
        <v>92</v>
      </c>
      <c r="W9560">
        <v>94</v>
      </c>
      <c r="X9560">
        <v>96</v>
      </c>
      <c r="Y9560">
        <v>98</v>
      </c>
      <c r="Z9560">
        <v>100</v>
      </c>
      <c r="AA9560">
        <v>102</v>
      </c>
      <c r="AB9560">
        <v>103</v>
      </c>
      <c r="AC9560">
        <v>105</v>
      </c>
      <c r="AD9560">
        <v>107</v>
      </c>
      <c r="AE9560">
        <v>108</v>
      </c>
      <c r="AF9560">
        <v>109</v>
      </c>
      <c r="AG9560">
        <v>109</v>
      </c>
      <c r="AH9560">
        <v>110</v>
      </c>
      <c r="AI9560">
        <v>110</v>
      </c>
      <c r="AJ9560">
        <v>110</v>
      </c>
      <c r="AK9560">
        <v>111</v>
      </c>
      <c r="AL9560">
        <v>111</v>
      </c>
      <c r="AM9560">
        <v>111</v>
      </c>
      <c r="AN9560">
        <v>112</v>
      </c>
      <c r="AO9560">
        <v>112</v>
      </c>
      <c r="AP9560">
        <v>112</v>
      </c>
      <c r="AQ9560">
        <v>113</v>
      </c>
    </row>
    <row r="9561" spans="1:43">
      <c r="A9561" t="s">
        <v>5968</v>
      </c>
      <c r="B9561" t="s">
        <v>5969</v>
      </c>
      <c r="C9561" t="s">
        <v>5964</v>
      </c>
      <c r="D9561" t="s">
        <v>5965</v>
      </c>
      <c r="E9561" t="s">
        <v>5940</v>
      </c>
      <c r="F9561" t="s">
        <v>5941</v>
      </c>
      <c r="G9561" t="s">
        <v>80</v>
      </c>
      <c r="H9561" t="s">
        <v>81</v>
      </c>
      <c r="I9561" s="2">
        <v>0</v>
      </c>
      <c r="J9561" s="2">
        <v>0</v>
      </c>
      <c r="K9561" s="2">
        <v>1</v>
      </c>
      <c r="L9561" t="s">
        <v>995</v>
      </c>
      <c r="M9561" t="s">
        <v>83</v>
      </c>
      <c r="N9561" t="s">
        <v>91</v>
      </c>
      <c r="O9561" t="s">
        <v>85</v>
      </c>
      <c r="P9561" t="s">
        <v>86</v>
      </c>
      <c r="Q9561">
        <v>82</v>
      </c>
      <c r="R9561">
        <v>83</v>
      </c>
      <c r="S9561">
        <v>85</v>
      </c>
      <c r="T9561">
        <v>86</v>
      </c>
      <c r="U9561">
        <v>88</v>
      </c>
      <c r="V9561">
        <v>89</v>
      </c>
      <c r="W9561">
        <v>90</v>
      </c>
      <c r="X9561">
        <v>92</v>
      </c>
      <c r="Y9561">
        <v>93</v>
      </c>
      <c r="Z9561">
        <v>95</v>
      </c>
      <c r="AA9561">
        <v>96</v>
      </c>
      <c r="AB9561">
        <v>98</v>
      </c>
      <c r="AC9561">
        <v>99</v>
      </c>
      <c r="AD9561">
        <v>101</v>
      </c>
      <c r="AE9561">
        <v>102</v>
      </c>
      <c r="AF9561">
        <v>103</v>
      </c>
      <c r="AG9561">
        <v>105</v>
      </c>
      <c r="AH9561">
        <v>106</v>
      </c>
      <c r="AI9561">
        <v>108</v>
      </c>
      <c r="AJ9561">
        <v>109</v>
      </c>
      <c r="AK9561">
        <v>111</v>
      </c>
      <c r="AL9561">
        <v>111</v>
      </c>
      <c r="AM9561">
        <v>112</v>
      </c>
      <c r="AN9561">
        <v>112</v>
      </c>
      <c r="AO9561">
        <v>112</v>
      </c>
      <c r="AP9561">
        <v>113</v>
      </c>
      <c r="AQ9561">
        <v>113</v>
      </c>
    </row>
    <row r="9562" spans="1:43">
      <c r="A9562" t="s">
        <v>5970</v>
      </c>
      <c r="B9562" t="s">
        <v>5971</v>
      </c>
      <c r="C9562" t="s">
        <v>5960</v>
      </c>
      <c r="D9562" t="s">
        <v>5961</v>
      </c>
      <c r="E9562" t="s">
        <v>5940</v>
      </c>
      <c r="F9562" t="s">
        <v>5941</v>
      </c>
      <c r="G9562" t="s">
        <v>80</v>
      </c>
      <c r="H9562" t="s">
        <v>81</v>
      </c>
      <c r="I9562" s="2">
        <v>0</v>
      </c>
      <c r="J9562" s="2">
        <v>0</v>
      </c>
      <c r="K9562" s="2">
        <v>1</v>
      </c>
      <c r="L9562" t="s">
        <v>995</v>
      </c>
      <c r="M9562" t="s">
        <v>83</v>
      </c>
      <c r="N9562" t="s">
        <v>84</v>
      </c>
      <c r="O9562" t="s">
        <v>85</v>
      </c>
      <c r="P9562" t="s">
        <v>86</v>
      </c>
      <c r="Q9562">
        <v>25</v>
      </c>
      <c r="R9562">
        <v>25</v>
      </c>
      <c r="S9562">
        <v>26</v>
      </c>
      <c r="T9562">
        <v>26</v>
      </c>
      <c r="U9562">
        <v>27</v>
      </c>
      <c r="V9562">
        <v>27</v>
      </c>
      <c r="W9562">
        <v>27</v>
      </c>
      <c r="X9562">
        <v>28</v>
      </c>
      <c r="Y9562">
        <v>28</v>
      </c>
      <c r="Z9562">
        <v>29</v>
      </c>
      <c r="AA9562">
        <v>29</v>
      </c>
      <c r="AB9562">
        <v>30</v>
      </c>
      <c r="AC9562">
        <v>30</v>
      </c>
      <c r="AD9562">
        <v>31</v>
      </c>
      <c r="AE9562">
        <v>31</v>
      </c>
      <c r="AF9562">
        <v>32</v>
      </c>
      <c r="AG9562">
        <v>32</v>
      </c>
      <c r="AH9562">
        <v>32</v>
      </c>
      <c r="AI9562">
        <v>33</v>
      </c>
      <c r="AJ9562">
        <v>33</v>
      </c>
      <c r="AK9562">
        <v>34</v>
      </c>
      <c r="AL9562">
        <v>34</v>
      </c>
      <c r="AM9562">
        <v>34</v>
      </c>
      <c r="AN9562">
        <v>34</v>
      </c>
      <c r="AO9562">
        <v>34</v>
      </c>
      <c r="AP9562">
        <v>34</v>
      </c>
      <c r="AQ9562">
        <v>35</v>
      </c>
    </row>
    <row r="9563" spans="1:43">
      <c r="A9563" t="s">
        <v>5970</v>
      </c>
      <c r="B9563" t="s">
        <v>5971</v>
      </c>
      <c r="C9563" t="s">
        <v>5960</v>
      </c>
      <c r="D9563" t="s">
        <v>5961</v>
      </c>
      <c r="E9563" t="s">
        <v>5940</v>
      </c>
      <c r="F9563" t="s">
        <v>5941</v>
      </c>
      <c r="G9563" t="s">
        <v>80</v>
      </c>
      <c r="H9563" t="s">
        <v>81</v>
      </c>
      <c r="I9563" s="2">
        <v>0</v>
      </c>
      <c r="J9563" s="2">
        <v>0</v>
      </c>
      <c r="K9563" s="2">
        <v>1</v>
      </c>
      <c r="L9563" t="s">
        <v>995</v>
      </c>
      <c r="M9563" t="s">
        <v>87</v>
      </c>
      <c r="N9563" t="s">
        <v>88</v>
      </c>
      <c r="O9563" t="s">
        <v>85</v>
      </c>
      <c r="P9563" t="s">
        <v>86</v>
      </c>
      <c r="Q9563">
        <v>25</v>
      </c>
      <c r="R9563">
        <v>25</v>
      </c>
      <c r="S9563">
        <v>25</v>
      </c>
      <c r="T9563">
        <v>25</v>
      </c>
      <c r="U9563">
        <v>25</v>
      </c>
      <c r="V9563">
        <v>26</v>
      </c>
      <c r="W9563">
        <v>26</v>
      </c>
      <c r="X9563">
        <v>26</v>
      </c>
      <c r="Y9563">
        <v>26</v>
      </c>
      <c r="Z9563">
        <v>26</v>
      </c>
      <c r="AA9563">
        <v>27</v>
      </c>
      <c r="AB9563">
        <v>27</v>
      </c>
      <c r="AC9563">
        <v>27</v>
      </c>
      <c r="AD9563">
        <v>27</v>
      </c>
      <c r="AE9563">
        <v>27</v>
      </c>
      <c r="AF9563">
        <v>28</v>
      </c>
      <c r="AG9563">
        <v>28</v>
      </c>
      <c r="AH9563">
        <v>28</v>
      </c>
      <c r="AI9563">
        <v>28</v>
      </c>
      <c r="AJ9563">
        <v>28</v>
      </c>
      <c r="AK9563">
        <v>29</v>
      </c>
      <c r="AL9563">
        <v>29</v>
      </c>
      <c r="AM9563">
        <v>29</v>
      </c>
      <c r="AN9563">
        <v>29</v>
      </c>
      <c r="AO9563">
        <v>30</v>
      </c>
      <c r="AP9563">
        <v>30</v>
      </c>
      <c r="AQ9563">
        <v>30</v>
      </c>
    </row>
    <row r="9564" spans="1:43">
      <c r="A9564" t="s">
        <v>5970</v>
      </c>
      <c r="B9564" t="s">
        <v>5971</v>
      </c>
      <c r="C9564" t="s">
        <v>5960</v>
      </c>
      <c r="D9564" t="s">
        <v>5961</v>
      </c>
      <c r="E9564" t="s">
        <v>5940</v>
      </c>
      <c r="F9564" t="s">
        <v>5941</v>
      </c>
      <c r="G9564" t="s">
        <v>80</v>
      </c>
      <c r="H9564" t="s">
        <v>81</v>
      </c>
      <c r="I9564" s="2">
        <v>0</v>
      </c>
      <c r="J9564" s="2">
        <v>0</v>
      </c>
      <c r="K9564" s="2">
        <v>1</v>
      </c>
      <c r="L9564" t="s">
        <v>995</v>
      </c>
      <c r="M9564" t="s">
        <v>89</v>
      </c>
      <c r="N9564" t="s">
        <v>90</v>
      </c>
      <c r="O9564" t="s">
        <v>85</v>
      </c>
      <c r="P9564" t="s">
        <v>86</v>
      </c>
      <c r="Q9564">
        <v>25</v>
      </c>
      <c r="R9564">
        <v>26</v>
      </c>
      <c r="S9564">
        <v>26</v>
      </c>
      <c r="T9564">
        <v>27</v>
      </c>
      <c r="U9564">
        <v>28</v>
      </c>
      <c r="V9564">
        <v>28</v>
      </c>
      <c r="W9564">
        <v>29</v>
      </c>
      <c r="X9564">
        <v>30</v>
      </c>
      <c r="Y9564">
        <v>30</v>
      </c>
      <c r="Z9564">
        <v>31</v>
      </c>
      <c r="AA9564">
        <v>31</v>
      </c>
      <c r="AB9564">
        <v>32</v>
      </c>
      <c r="AC9564">
        <v>32</v>
      </c>
      <c r="AD9564">
        <v>33</v>
      </c>
      <c r="AE9564">
        <v>33</v>
      </c>
      <c r="AF9564">
        <v>33</v>
      </c>
      <c r="AG9564">
        <v>34</v>
      </c>
      <c r="AH9564">
        <v>34</v>
      </c>
      <c r="AI9564">
        <v>34</v>
      </c>
      <c r="AJ9564">
        <v>34</v>
      </c>
      <c r="AK9564">
        <v>34</v>
      </c>
      <c r="AL9564">
        <v>34</v>
      </c>
      <c r="AM9564">
        <v>34</v>
      </c>
      <c r="AN9564">
        <v>34</v>
      </c>
      <c r="AO9564">
        <v>34</v>
      </c>
      <c r="AP9564">
        <v>35</v>
      </c>
      <c r="AQ9564">
        <v>35</v>
      </c>
    </row>
    <row r="9565" spans="1:43">
      <c r="A9565" t="s">
        <v>5970</v>
      </c>
      <c r="B9565" t="s">
        <v>5971</v>
      </c>
      <c r="C9565" t="s">
        <v>5960</v>
      </c>
      <c r="D9565" t="s">
        <v>5961</v>
      </c>
      <c r="E9565" t="s">
        <v>5940</v>
      </c>
      <c r="F9565" t="s">
        <v>5941</v>
      </c>
      <c r="G9565" t="s">
        <v>80</v>
      </c>
      <c r="H9565" t="s">
        <v>81</v>
      </c>
      <c r="I9565" s="2">
        <v>0</v>
      </c>
      <c r="J9565" s="2">
        <v>0</v>
      </c>
      <c r="K9565" s="2">
        <v>1</v>
      </c>
      <c r="L9565" t="s">
        <v>995</v>
      </c>
      <c r="M9565" t="s">
        <v>83</v>
      </c>
      <c r="N9565" t="s">
        <v>91</v>
      </c>
      <c r="O9565" t="s">
        <v>85</v>
      </c>
      <c r="P9565" t="s">
        <v>86</v>
      </c>
      <c r="Q9565">
        <v>25</v>
      </c>
      <c r="R9565">
        <v>25</v>
      </c>
      <c r="S9565">
        <v>26</v>
      </c>
      <c r="T9565">
        <v>26</v>
      </c>
      <c r="U9565">
        <v>27</v>
      </c>
      <c r="V9565">
        <v>27</v>
      </c>
      <c r="W9565">
        <v>27</v>
      </c>
      <c r="X9565">
        <v>28</v>
      </c>
      <c r="Y9565">
        <v>28</v>
      </c>
      <c r="Z9565">
        <v>29</v>
      </c>
      <c r="AA9565">
        <v>29</v>
      </c>
      <c r="AB9565">
        <v>30</v>
      </c>
      <c r="AC9565">
        <v>30</v>
      </c>
      <c r="AD9565">
        <v>31</v>
      </c>
      <c r="AE9565">
        <v>31</v>
      </c>
      <c r="AF9565">
        <v>32</v>
      </c>
      <c r="AG9565">
        <v>32</v>
      </c>
      <c r="AH9565">
        <v>32</v>
      </c>
      <c r="AI9565">
        <v>33</v>
      </c>
      <c r="AJ9565">
        <v>33</v>
      </c>
      <c r="AK9565">
        <v>34</v>
      </c>
      <c r="AL9565">
        <v>34</v>
      </c>
      <c r="AM9565">
        <v>34</v>
      </c>
      <c r="AN9565">
        <v>34</v>
      </c>
      <c r="AO9565">
        <v>34</v>
      </c>
      <c r="AP9565">
        <v>34</v>
      </c>
      <c r="AQ9565">
        <v>35</v>
      </c>
    </row>
    <row r="9566" spans="1:43">
      <c r="A9566" t="s">
        <v>5972</v>
      </c>
      <c r="B9566" t="s">
        <v>5973</v>
      </c>
      <c r="C9566" t="s">
        <v>5974</v>
      </c>
      <c r="D9566" t="s">
        <v>5975</v>
      </c>
      <c r="E9566" t="s">
        <v>5940</v>
      </c>
      <c r="F9566" t="s">
        <v>5941</v>
      </c>
      <c r="G9566" t="s">
        <v>80</v>
      </c>
      <c r="H9566" t="s">
        <v>81</v>
      </c>
      <c r="I9566" s="2">
        <v>0</v>
      </c>
      <c r="J9566" s="2">
        <v>1</v>
      </c>
      <c r="K9566" s="2">
        <v>0</v>
      </c>
      <c r="L9566" t="s">
        <v>82</v>
      </c>
      <c r="M9566" t="s">
        <v>83</v>
      </c>
      <c r="N9566" t="s">
        <v>84</v>
      </c>
      <c r="O9566" t="s">
        <v>85</v>
      </c>
      <c r="P9566" t="s">
        <v>86</v>
      </c>
      <c r="Q9566">
        <v>48</v>
      </c>
      <c r="R9566">
        <v>48</v>
      </c>
      <c r="S9566">
        <v>49</v>
      </c>
      <c r="T9566">
        <v>50</v>
      </c>
      <c r="U9566">
        <v>51</v>
      </c>
      <c r="V9566">
        <v>52</v>
      </c>
      <c r="W9566">
        <v>52</v>
      </c>
      <c r="X9566">
        <v>53</v>
      </c>
      <c r="Y9566">
        <v>54</v>
      </c>
      <c r="Z9566">
        <v>55</v>
      </c>
      <c r="AA9566">
        <v>56</v>
      </c>
      <c r="AB9566">
        <v>56</v>
      </c>
      <c r="AC9566">
        <v>57</v>
      </c>
      <c r="AD9566">
        <v>58</v>
      </c>
      <c r="AE9566">
        <v>59</v>
      </c>
      <c r="AF9566">
        <v>59</v>
      </c>
      <c r="AG9566">
        <v>60</v>
      </c>
      <c r="AH9566">
        <v>61</v>
      </c>
      <c r="AI9566">
        <v>62</v>
      </c>
      <c r="AJ9566">
        <v>63</v>
      </c>
      <c r="AK9566">
        <v>63</v>
      </c>
      <c r="AL9566">
        <v>64</v>
      </c>
      <c r="AM9566">
        <v>64</v>
      </c>
      <c r="AN9566">
        <v>64</v>
      </c>
      <c r="AO9566">
        <v>64</v>
      </c>
      <c r="AP9566">
        <v>65</v>
      </c>
      <c r="AQ9566">
        <v>65</v>
      </c>
    </row>
    <row r="9567" spans="1:43">
      <c r="A9567" t="s">
        <v>5972</v>
      </c>
      <c r="B9567" t="s">
        <v>5973</v>
      </c>
      <c r="C9567" t="s">
        <v>5974</v>
      </c>
      <c r="D9567" t="s">
        <v>5975</v>
      </c>
      <c r="E9567" t="s">
        <v>5940</v>
      </c>
      <c r="F9567" t="s">
        <v>5941</v>
      </c>
      <c r="G9567" t="s">
        <v>80</v>
      </c>
      <c r="H9567" t="s">
        <v>81</v>
      </c>
      <c r="I9567" s="2">
        <v>0</v>
      </c>
      <c r="J9567" s="2">
        <v>1</v>
      </c>
      <c r="K9567" s="2">
        <v>0</v>
      </c>
      <c r="L9567" t="s">
        <v>82</v>
      </c>
      <c r="M9567" t="s">
        <v>87</v>
      </c>
      <c r="N9567" t="s">
        <v>88</v>
      </c>
      <c r="O9567" t="s">
        <v>85</v>
      </c>
      <c r="P9567" t="s">
        <v>86</v>
      </c>
      <c r="Q9567">
        <v>48</v>
      </c>
      <c r="R9567">
        <v>48</v>
      </c>
      <c r="S9567">
        <v>49</v>
      </c>
      <c r="T9567">
        <v>49</v>
      </c>
      <c r="U9567">
        <v>49</v>
      </c>
      <c r="V9567">
        <v>50</v>
      </c>
      <c r="W9567">
        <v>50</v>
      </c>
      <c r="X9567">
        <v>51</v>
      </c>
      <c r="Y9567">
        <v>51</v>
      </c>
      <c r="Z9567">
        <v>51</v>
      </c>
      <c r="AA9567">
        <v>52</v>
      </c>
      <c r="AB9567">
        <v>52</v>
      </c>
      <c r="AC9567">
        <v>52</v>
      </c>
      <c r="AD9567">
        <v>53</v>
      </c>
      <c r="AE9567">
        <v>53</v>
      </c>
      <c r="AF9567">
        <v>53</v>
      </c>
      <c r="AG9567">
        <v>54</v>
      </c>
      <c r="AH9567">
        <v>54</v>
      </c>
      <c r="AI9567">
        <v>54</v>
      </c>
      <c r="AJ9567">
        <v>55</v>
      </c>
      <c r="AK9567">
        <v>55</v>
      </c>
      <c r="AL9567">
        <v>55</v>
      </c>
      <c r="AM9567">
        <v>56</v>
      </c>
      <c r="AN9567">
        <v>56</v>
      </c>
      <c r="AO9567">
        <v>57</v>
      </c>
      <c r="AP9567">
        <v>57</v>
      </c>
      <c r="AQ9567">
        <v>57</v>
      </c>
    </row>
    <row r="9568" spans="1:43">
      <c r="A9568" t="s">
        <v>5972</v>
      </c>
      <c r="B9568" t="s">
        <v>5973</v>
      </c>
      <c r="C9568" t="s">
        <v>5974</v>
      </c>
      <c r="D9568" t="s">
        <v>5975</v>
      </c>
      <c r="E9568" t="s">
        <v>5940</v>
      </c>
      <c r="F9568" t="s">
        <v>5941</v>
      </c>
      <c r="G9568" t="s">
        <v>80</v>
      </c>
      <c r="H9568" t="s">
        <v>81</v>
      </c>
      <c r="I9568" s="2">
        <v>0</v>
      </c>
      <c r="J9568" s="2">
        <v>1</v>
      </c>
      <c r="K9568" s="2">
        <v>0</v>
      </c>
      <c r="L9568" t="s">
        <v>82</v>
      </c>
      <c r="M9568" t="s">
        <v>89</v>
      </c>
      <c r="N9568" t="s">
        <v>90</v>
      </c>
      <c r="O9568" t="s">
        <v>85</v>
      </c>
      <c r="P9568" t="s">
        <v>86</v>
      </c>
      <c r="Q9568">
        <v>48</v>
      </c>
      <c r="R9568">
        <v>49</v>
      </c>
      <c r="S9568">
        <v>50</v>
      </c>
      <c r="T9568">
        <v>52</v>
      </c>
      <c r="U9568">
        <v>53</v>
      </c>
      <c r="V9568">
        <v>54</v>
      </c>
      <c r="W9568">
        <v>55</v>
      </c>
      <c r="X9568">
        <v>56</v>
      </c>
      <c r="Y9568">
        <v>57</v>
      </c>
      <c r="Z9568">
        <v>58</v>
      </c>
      <c r="AA9568">
        <v>59</v>
      </c>
      <c r="AB9568">
        <v>60</v>
      </c>
      <c r="AC9568">
        <v>61</v>
      </c>
      <c r="AD9568">
        <v>62</v>
      </c>
      <c r="AE9568">
        <v>63</v>
      </c>
      <c r="AF9568">
        <v>63</v>
      </c>
      <c r="AG9568">
        <v>63</v>
      </c>
      <c r="AH9568">
        <v>64</v>
      </c>
      <c r="AI9568">
        <v>64</v>
      </c>
      <c r="AJ9568">
        <v>64</v>
      </c>
      <c r="AK9568">
        <v>64</v>
      </c>
      <c r="AL9568">
        <v>64</v>
      </c>
      <c r="AM9568">
        <v>64</v>
      </c>
      <c r="AN9568">
        <v>65</v>
      </c>
      <c r="AO9568">
        <v>65</v>
      </c>
      <c r="AP9568">
        <v>65</v>
      </c>
      <c r="AQ9568">
        <v>65</v>
      </c>
    </row>
    <row r="9569" spans="1:43">
      <c r="A9569" t="s">
        <v>5972</v>
      </c>
      <c r="B9569" t="s">
        <v>5973</v>
      </c>
      <c r="C9569" t="s">
        <v>5974</v>
      </c>
      <c r="D9569" t="s">
        <v>5975</v>
      </c>
      <c r="E9569" t="s">
        <v>5940</v>
      </c>
      <c r="F9569" t="s">
        <v>5941</v>
      </c>
      <c r="G9569" t="s">
        <v>80</v>
      </c>
      <c r="H9569" t="s">
        <v>81</v>
      </c>
      <c r="I9569" s="2">
        <v>0</v>
      </c>
      <c r="J9569" s="2">
        <v>1</v>
      </c>
      <c r="K9569" s="2">
        <v>0</v>
      </c>
      <c r="L9569" t="s">
        <v>82</v>
      </c>
      <c r="M9569" t="s">
        <v>83</v>
      </c>
      <c r="N9569" t="s">
        <v>91</v>
      </c>
      <c r="O9569" t="s">
        <v>85</v>
      </c>
      <c r="P9569" t="s">
        <v>86</v>
      </c>
      <c r="Q9569">
        <v>48</v>
      </c>
      <c r="R9569">
        <v>48</v>
      </c>
      <c r="S9569">
        <v>49</v>
      </c>
      <c r="T9569">
        <v>50</v>
      </c>
      <c r="U9569">
        <v>51</v>
      </c>
      <c r="V9569">
        <v>52</v>
      </c>
      <c r="W9569">
        <v>52</v>
      </c>
      <c r="X9569">
        <v>53</v>
      </c>
      <c r="Y9569">
        <v>54</v>
      </c>
      <c r="Z9569">
        <v>55</v>
      </c>
      <c r="AA9569">
        <v>56</v>
      </c>
      <c r="AB9569">
        <v>56</v>
      </c>
      <c r="AC9569">
        <v>57</v>
      </c>
      <c r="AD9569">
        <v>58</v>
      </c>
      <c r="AE9569">
        <v>59</v>
      </c>
      <c r="AF9569">
        <v>59</v>
      </c>
      <c r="AG9569">
        <v>60</v>
      </c>
      <c r="AH9569">
        <v>61</v>
      </c>
      <c r="AI9569">
        <v>62</v>
      </c>
      <c r="AJ9569">
        <v>63</v>
      </c>
      <c r="AK9569">
        <v>63</v>
      </c>
      <c r="AL9569">
        <v>64</v>
      </c>
      <c r="AM9569">
        <v>64</v>
      </c>
      <c r="AN9569">
        <v>64</v>
      </c>
      <c r="AO9569">
        <v>64</v>
      </c>
      <c r="AP9569">
        <v>65</v>
      </c>
      <c r="AQ9569">
        <v>65</v>
      </c>
    </row>
    <row r="9570" spans="1:43">
      <c r="A9570" t="s">
        <v>5976</v>
      </c>
      <c r="B9570" t="s">
        <v>5977</v>
      </c>
      <c r="C9570" t="s">
        <v>5974</v>
      </c>
      <c r="D9570" t="s">
        <v>5975</v>
      </c>
      <c r="E9570" t="s">
        <v>5940</v>
      </c>
      <c r="F9570" t="s">
        <v>5941</v>
      </c>
      <c r="G9570" t="s">
        <v>80</v>
      </c>
      <c r="H9570" t="s">
        <v>81</v>
      </c>
      <c r="I9570" s="2">
        <v>0</v>
      </c>
      <c r="J9570" s="2">
        <v>1</v>
      </c>
      <c r="K9570" s="2">
        <v>0</v>
      </c>
      <c r="L9570" t="s">
        <v>82</v>
      </c>
      <c r="M9570" t="s">
        <v>83</v>
      </c>
      <c r="N9570" t="s">
        <v>84</v>
      </c>
      <c r="O9570" t="s">
        <v>85</v>
      </c>
      <c r="P9570" t="s">
        <v>86</v>
      </c>
      <c r="Q9570">
        <v>44</v>
      </c>
      <c r="R9570">
        <v>45</v>
      </c>
      <c r="S9570">
        <v>46</v>
      </c>
      <c r="T9570">
        <v>46</v>
      </c>
      <c r="U9570">
        <v>47</v>
      </c>
      <c r="V9570">
        <v>48</v>
      </c>
      <c r="W9570">
        <v>49</v>
      </c>
      <c r="X9570">
        <v>49</v>
      </c>
      <c r="Y9570">
        <v>50</v>
      </c>
      <c r="Z9570">
        <v>51</v>
      </c>
      <c r="AA9570">
        <v>52</v>
      </c>
      <c r="AB9570">
        <v>52</v>
      </c>
      <c r="AC9570">
        <v>53</v>
      </c>
      <c r="AD9570">
        <v>54</v>
      </c>
      <c r="AE9570">
        <v>54</v>
      </c>
      <c r="AF9570">
        <v>55</v>
      </c>
      <c r="AG9570">
        <v>56</v>
      </c>
      <c r="AH9570">
        <v>57</v>
      </c>
      <c r="AI9570">
        <v>57</v>
      </c>
      <c r="AJ9570">
        <v>58</v>
      </c>
      <c r="AK9570">
        <v>59</v>
      </c>
      <c r="AL9570">
        <v>59</v>
      </c>
      <c r="AM9570">
        <v>59</v>
      </c>
      <c r="AN9570">
        <v>60</v>
      </c>
      <c r="AO9570">
        <v>60</v>
      </c>
      <c r="AP9570">
        <v>60</v>
      </c>
      <c r="AQ9570">
        <v>60</v>
      </c>
    </row>
    <row r="9571" spans="1:43">
      <c r="A9571" t="s">
        <v>5976</v>
      </c>
      <c r="B9571" t="s">
        <v>5977</v>
      </c>
      <c r="C9571" t="s">
        <v>5974</v>
      </c>
      <c r="D9571" t="s">
        <v>5975</v>
      </c>
      <c r="E9571" t="s">
        <v>5940</v>
      </c>
      <c r="F9571" t="s">
        <v>5941</v>
      </c>
      <c r="G9571" t="s">
        <v>80</v>
      </c>
      <c r="H9571" t="s">
        <v>81</v>
      </c>
      <c r="I9571" s="2">
        <v>0</v>
      </c>
      <c r="J9571" s="2">
        <v>1</v>
      </c>
      <c r="K9571" s="2">
        <v>0</v>
      </c>
      <c r="L9571" t="s">
        <v>82</v>
      </c>
      <c r="M9571" t="s">
        <v>87</v>
      </c>
      <c r="N9571" t="s">
        <v>88</v>
      </c>
      <c r="O9571" t="s">
        <v>85</v>
      </c>
      <c r="P9571" t="s">
        <v>86</v>
      </c>
      <c r="Q9571">
        <v>44</v>
      </c>
      <c r="R9571">
        <v>44</v>
      </c>
      <c r="S9571">
        <v>44</v>
      </c>
      <c r="T9571">
        <v>45</v>
      </c>
      <c r="U9571">
        <v>45</v>
      </c>
      <c r="V9571">
        <v>45</v>
      </c>
      <c r="W9571">
        <v>46</v>
      </c>
      <c r="X9571">
        <v>46</v>
      </c>
      <c r="Y9571">
        <v>46</v>
      </c>
      <c r="Z9571">
        <v>47</v>
      </c>
      <c r="AA9571">
        <v>47</v>
      </c>
      <c r="AB9571">
        <v>47</v>
      </c>
      <c r="AC9571">
        <v>48</v>
      </c>
      <c r="AD9571">
        <v>48</v>
      </c>
      <c r="AE9571">
        <v>48</v>
      </c>
      <c r="AF9571">
        <v>49</v>
      </c>
      <c r="AG9571">
        <v>49</v>
      </c>
      <c r="AH9571">
        <v>49</v>
      </c>
      <c r="AI9571">
        <v>50</v>
      </c>
      <c r="AJ9571">
        <v>50</v>
      </c>
      <c r="AK9571">
        <v>50</v>
      </c>
      <c r="AL9571">
        <v>51</v>
      </c>
      <c r="AM9571">
        <v>51</v>
      </c>
      <c r="AN9571">
        <v>51</v>
      </c>
      <c r="AO9571">
        <v>52</v>
      </c>
      <c r="AP9571">
        <v>52</v>
      </c>
      <c r="AQ9571">
        <v>52</v>
      </c>
    </row>
    <row r="9572" spans="1:43">
      <c r="A9572" t="s">
        <v>5976</v>
      </c>
      <c r="B9572" t="s">
        <v>5977</v>
      </c>
      <c r="C9572" t="s">
        <v>5974</v>
      </c>
      <c r="D9572" t="s">
        <v>5975</v>
      </c>
      <c r="E9572" t="s">
        <v>5940</v>
      </c>
      <c r="F9572" t="s">
        <v>5941</v>
      </c>
      <c r="G9572" t="s">
        <v>80</v>
      </c>
      <c r="H9572" t="s">
        <v>81</v>
      </c>
      <c r="I9572" s="2">
        <v>0</v>
      </c>
      <c r="J9572" s="2">
        <v>1</v>
      </c>
      <c r="K9572" s="2">
        <v>0</v>
      </c>
      <c r="L9572" t="s">
        <v>82</v>
      </c>
      <c r="M9572" t="s">
        <v>89</v>
      </c>
      <c r="N9572" t="s">
        <v>90</v>
      </c>
      <c r="O9572" t="s">
        <v>85</v>
      </c>
      <c r="P9572" t="s">
        <v>86</v>
      </c>
      <c r="Q9572">
        <v>44</v>
      </c>
      <c r="R9572">
        <v>46</v>
      </c>
      <c r="S9572">
        <v>47</v>
      </c>
      <c r="T9572">
        <v>48</v>
      </c>
      <c r="U9572">
        <v>49</v>
      </c>
      <c r="V9572">
        <v>50</v>
      </c>
      <c r="W9572">
        <v>51</v>
      </c>
      <c r="X9572">
        <v>52</v>
      </c>
      <c r="Y9572">
        <v>53</v>
      </c>
      <c r="Z9572">
        <v>54</v>
      </c>
      <c r="AA9572">
        <v>55</v>
      </c>
      <c r="AB9572">
        <v>56</v>
      </c>
      <c r="AC9572">
        <v>57</v>
      </c>
      <c r="AD9572">
        <v>58</v>
      </c>
      <c r="AE9572">
        <v>58</v>
      </c>
      <c r="AF9572">
        <v>59</v>
      </c>
      <c r="AG9572">
        <v>59</v>
      </c>
      <c r="AH9572">
        <v>59</v>
      </c>
      <c r="AI9572">
        <v>59</v>
      </c>
      <c r="AJ9572">
        <v>59</v>
      </c>
      <c r="AK9572">
        <v>59</v>
      </c>
      <c r="AL9572">
        <v>60</v>
      </c>
      <c r="AM9572">
        <v>60</v>
      </c>
      <c r="AN9572">
        <v>60</v>
      </c>
      <c r="AO9572">
        <v>60</v>
      </c>
      <c r="AP9572">
        <v>60</v>
      </c>
      <c r="AQ9572">
        <v>60</v>
      </c>
    </row>
    <row r="9573" spans="1:43">
      <c r="A9573" t="s">
        <v>5976</v>
      </c>
      <c r="B9573" t="s">
        <v>5977</v>
      </c>
      <c r="C9573" t="s">
        <v>5974</v>
      </c>
      <c r="D9573" t="s">
        <v>5975</v>
      </c>
      <c r="E9573" t="s">
        <v>5940</v>
      </c>
      <c r="F9573" t="s">
        <v>5941</v>
      </c>
      <c r="G9573" t="s">
        <v>80</v>
      </c>
      <c r="H9573" t="s">
        <v>81</v>
      </c>
      <c r="I9573" s="2">
        <v>0</v>
      </c>
      <c r="J9573" s="2">
        <v>1</v>
      </c>
      <c r="K9573" s="2">
        <v>0</v>
      </c>
      <c r="L9573" t="s">
        <v>82</v>
      </c>
      <c r="M9573" t="s">
        <v>83</v>
      </c>
      <c r="N9573" t="s">
        <v>91</v>
      </c>
      <c r="O9573" t="s">
        <v>85</v>
      </c>
      <c r="P9573" t="s">
        <v>86</v>
      </c>
      <c r="Q9573">
        <v>44</v>
      </c>
      <c r="R9573">
        <v>45</v>
      </c>
      <c r="S9573">
        <v>46</v>
      </c>
      <c r="T9573">
        <v>46</v>
      </c>
      <c r="U9573">
        <v>47</v>
      </c>
      <c r="V9573">
        <v>48</v>
      </c>
      <c r="W9573">
        <v>49</v>
      </c>
      <c r="X9573">
        <v>49</v>
      </c>
      <c r="Y9573">
        <v>50</v>
      </c>
      <c r="Z9573">
        <v>51</v>
      </c>
      <c r="AA9573">
        <v>52</v>
      </c>
      <c r="AB9573">
        <v>52</v>
      </c>
      <c r="AC9573">
        <v>53</v>
      </c>
      <c r="AD9573">
        <v>54</v>
      </c>
      <c r="AE9573">
        <v>54</v>
      </c>
      <c r="AF9573">
        <v>55</v>
      </c>
      <c r="AG9573">
        <v>56</v>
      </c>
      <c r="AH9573">
        <v>57</v>
      </c>
      <c r="AI9573">
        <v>57</v>
      </c>
      <c r="AJ9573">
        <v>58</v>
      </c>
      <c r="AK9573">
        <v>59</v>
      </c>
      <c r="AL9573">
        <v>59</v>
      </c>
      <c r="AM9573">
        <v>59</v>
      </c>
      <c r="AN9573">
        <v>60</v>
      </c>
      <c r="AO9573">
        <v>60</v>
      </c>
      <c r="AP9573">
        <v>60</v>
      </c>
      <c r="AQ9573">
        <v>60</v>
      </c>
    </row>
    <row r="9574" spans="1:43">
      <c r="A9574" t="s">
        <v>5978</v>
      </c>
      <c r="B9574" t="s">
        <v>5979</v>
      </c>
      <c r="C9574" t="s">
        <v>5980</v>
      </c>
      <c r="D9574" t="s">
        <v>5981</v>
      </c>
      <c r="E9574" t="s">
        <v>5940</v>
      </c>
      <c r="F9574" t="s">
        <v>5941</v>
      </c>
      <c r="G9574" t="s">
        <v>80</v>
      </c>
      <c r="H9574" t="s">
        <v>81</v>
      </c>
      <c r="I9574" s="2">
        <v>0</v>
      </c>
      <c r="J9574" s="2">
        <v>1</v>
      </c>
      <c r="K9574" s="2">
        <v>0</v>
      </c>
      <c r="L9574" t="s">
        <v>82</v>
      </c>
      <c r="M9574" t="s">
        <v>83</v>
      </c>
      <c r="N9574" t="s">
        <v>84</v>
      </c>
      <c r="O9574" t="s">
        <v>85</v>
      </c>
      <c r="P9574" t="s">
        <v>86</v>
      </c>
      <c r="Q9574">
        <v>43</v>
      </c>
      <c r="R9574">
        <v>44</v>
      </c>
      <c r="S9574">
        <v>44</v>
      </c>
      <c r="T9574">
        <v>45</v>
      </c>
      <c r="U9574">
        <v>46</v>
      </c>
      <c r="V9574">
        <v>47</v>
      </c>
      <c r="W9574">
        <v>47</v>
      </c>
      <c r="X9574">
        <v>48</v>
      </c>
      <c r="Y9574">
        <v>49</v>
      </c>
      <c r="Z9574">
        <v>50</v>
      </c>
      <c r="AA9574">
        <v>50</v>
      </c>
      <c r="AB9574">
        <v>51</v>
      </c>
      <c r="AC9574">
        <v>52</v>
      </c>
      <c r="AD9574">
        <v>53</v>
      </c>
      <c r="AE9574">
        <v>53</v>
      </c>
      <c r="AF9574">
        <v>54</v>
      </c>
      <c r="AG9574">
        <v>55</v>
      </c>
      <c r="AH9574">
        <v>55</v>
      </c>
      <c r="AI9574">
        <v>56</v>
      </c>
      <c r="AJ9574">
        <v>57</v>
      </c>
      <c r="AK9574">
        <v>58</v>
      </c>
      <c r="AL9574">
        <v>58</v>
      </c>
      <c r="AM9574">
        <v>58</v>
      </c>
      <c r="AN9574">
        <v>59</v>
      </c>
      <c r="AO9574">
        <v>59</v>
      </c>
      <c r="AP9574">
        <v>59</v>
      </c>
      <c r="AQ9574">
        <v>59</v>
      </c>
    </row>
    <row r="9575" spans="1:43">
      <c r="A9575" t="s">
        <v>5978</v>
      </c>
      <c r="B9575" t="s">
        <v>5979</v>
      </c>
      <c r="C9575" t="s">
        <v>5980</v>
      </c>
      <c r="D9575" t="s">
        <v>5981</v>
      </c>
      <c r="E9575" t="s">
        <v>5940</v>
      </c>
      <c r="F9575" t="s">
        <v>5941</v>
      </c>
      <c r="G9575" t="s">
        <v>80</v>
      </c>
      <c r="H9575" t="s">
        <v>81</v>
      </c>
      <c r="I9575" s="2">
        <v>0</v>
      </c>
      <c r="J9575" s="2">
        <v>1</v>
      </c>
      <c r="K9575" s="2">
        <v>0</v>
      </c>
      <c r="L9575" t="s">
        <v>82</v>
      </c>
      <c r="M9575" t="s">
        <v>87</v>
      </c>
      <c r="N9575" t="s">
        <v>88</v>
      </c>
      <c r="O9575" t="s">
        <v>85</v>
      </c>
      <c r="P9575" t="s">
        <v>86</v>
      </c>
      <c r="Q9575">
        <v>43</v>
      </c>
      <c r="R9575">
        <v>44</v>
      </c>
      <c r="S9575">
        <v>44</v>
      </c>
      <c r="T9575">
        <v>44</v>
      </c>
      <c r="U9575">
        <v>45</v>
      </c>
      <c r="V9575">
        <v>45</v>
      </c>
      <c r="W9575">
        <v>45</v>
      </c>
      <c r="X9575">
        <v>46</v>
      </c>
      <c r="Y9575">
        <v>46</v>
      </c>
      <c r="Z9575">
        <v>46</v>
      </c>
      <c r="AA9575">
        <v>47</v>
      </c>
      <c r="AB9575">
        <v>47</v>
      </c>
      <c r="AC9575">
        <v>47</v>
      </c>
      <c r="AD9575">
        <v>48</v>
      </c>
      <c r="AE9575">
        <v>48</v>
      </c>
      <c r="AF9575">
        <v>48</v>
      </c>
      <c r="AG9575">
        <v>49</v>
      </c>
      <c r="AH9575">
        <v>49</v>
      </c>
      <c r="AI9575">
        <v>49</v>
      </c>
      <c r="AJ9575">
        <v>50</v>
      </c>
      <c r="AK9575">
        <v>50</v>
      </c>
      <c r="AL9575">
        <v>50</v>
      </c>
      <c r="AM9575">
        <v>51</v>
      </c>
      <c r="AN9575">
        <v>51</v>
      </c>
      <c r="AO9575">
        <v>51</v>
      </c>
      <c r="AP9575">
        <v>52</v>
      </c>
      <c r="AQ9575">
        <v>52</v>
      </c>
    </row>
    <row r="9576" spans="1:43">
      <c r="A9576" t="s">
        <v>5978</v>
      </c>
      <c r="B9576" t="s">
        <v>5979</v>
      </c>
      <c r="C9576" t="s">
        <v>5980</v>
      </c>
      <c r="D9576" t="s">
        <v>5981</v>
      </c>
      <c r="E9576" t="s">
        <v>5940</v>
      </c>
      <c r="F9576" t="s">
        <v>5941</v>
      </c>
      <c r="G9576" t="s">
        <v>80</v>
      </c>
      <c r="H9576" t="s">
        <v>81</v>
      </c>
      <c r="I9576" s="2">
        <v>0</v>
      </c>
      <c r="J9576" s="2">
        <v>1</v>
      </c>
      <c r="K9576" s="2">
        <v>0</v>
      </c>
      <c r="L9576" t="s">
        <v>82</v>
      </c>
      <c r="M9576" t="s">
        <v>89</v>
      </c>
      <c r="N9576" t="s">
        <v>90</v>
      </c>
      <c r="O9576" t="s">
        <v>85</v>
      </c>
      <c r="P9576" t="s">
        <v>86</v>
      </c>
      <c r="Q9576">
        <v>43</v>
      </c>
      <c r="R9576">
        <v>44</v>
      </c>
      <c r="S9576">
        <v>45</v>
      </c>
      <c r="T9576">
        <v>47</v>
      </c>
      <c r="U9576">
        <v>48</v>
      </c>
      <c r="V9576">
        <v>49</v>
      </c>
      <c r="W9576">
        <v>50</v>
      </c>
      <c r="X9576">
        <v>51</v>
      </c>
      <c r="Y9576">
        <v>52</v>
      </c>
      <c r="Z9576">
        <v>53</v>
      </c>
      <c r="AA9576">
        <v>54</v>
      </c>
      <c r="AB9576">
        <v>55</v>
      </c>
      <c r="AC9576">
        <v>56</v>
      </c>
      <c r="AD9576">
        <v>57</v>
      </c>
      <c r="AE9576">
        <v>57</v>
      </c>
      <c r="AF9576">
        <v>57</v>
      </c>
      <c r="AG9576">
        <v>58</v>
      </c>
      <c r="AH9576">
        <v>58</v>
      </c>
      <c r="AI9576">
        <v>58</v>
      </c>
      <c r="AJ9576">
        <v>58</v>
      </c>
      <c r="AK9576">
        <v>59</v>
      </c>
      <c r="AL9576">
        <v>59</v>
      </c>
      <c r="AM9576">
        <v>59</v>
      </c>
      <c r="AN9576">
        <v>59</v>
      </c>
      <c r="AO9576">
        <v>60</v>
      </c>
      <c r="AP9576">
        <v>60</v>
      </c>
      <c r="AQ9576">
        <v>60</v>
      </c>
    </row>
    <row r="9577" spans="1:43">
      <c r="A9577" t="s">
        <v>5978</v>
      </c>
      <c r="B9577" t="s">
        <v>5979</v>
      </c>
      <c r="C9577" t="s">
        <v>5980</v>
      </c>
      <c r="D9577" t="s">
        <v>5981</v>
      </c>
      <c r="E9577" t="s">
        <v>5940</v>
      </c>
      <c r="F9577" t="s">
        <v>5941</v>
      </c>
      <c r="G9577" t="s">
        <v>80</v>
      </c>
      <c r="H9577" t="s">
        <v>81</v>
      </c>
      <c r="I9577" s="2">
        <v>0</v>
      </c>
      <c r="J9577" s="2">
        <v>1</v>
      </c>
      <c r="K9577" s="2">
        <v>0</v>
      </c>
      <c r="L9577" t="s">
        <v>82</v>
      </c>
      <c r="M9577" t="s">
        <v>83</v>
      </c>
      <c r="N9577" t="s">
        <v>91</v>
      </c>
      <c r="O9577" t="s">
        <v>85</v>
      </c>
      <c r="P9577" t="s">
        <v>86</v>
      </c>
      <c r="Q9577">
        <v>43</v>
      </c>
      <c r="R9577">
        <v>44</v>
      </c>
      <c r="S9577">
        <v>44</v>
      </c>
      <c r="T9577">
        <v>45</v>
      </c>
      <c r="U9577">
        <v>46</v>
      </c>
      <c r="V9577">
        <v>47</v>
      </c>
      <c r="W9577">
        <v>47</v>
      </c>
      <c r="X9577">
        <v>48</v>
      </c>
      <c r="Y9577">
        <v>49</v>
      </c>
      <c r="Z9577">
        <v>50</v>
      </c>
      <c r="AA9577">
        <v>50</v>
      </c>
      <c r="AB9577">
        <v>51</v>
      </c>
      <c r="AC9577">
        <v>52</v>
      </c>
      <c r="AD9577">
        <v>53</v>
      </c>
      <c r="AE9577">
        <v>53</v>
      </c>
      <c r="AF9577">
        <v>54</v>
      </c>
      <c r="AG9577">
        <v>55</v>
      </c>
      <c r="AH9577">
        <v>55</v>
      </c>
      <c r="AI9577">
        <v>56</v>
      </c>
      <c r="AJ9577">
        <v>57</v>
      </c>
      <c r="AK9577">
        <v>58</v>
      </c>
      <c r="AL9577">
        <v>58</v>
      </c>
      <c r="AM9577">
        <v>58</v>
      </c>
      <c r="AN9577">
        <v>59</v>
      </c>
      <c r="AO9577">
        <v>59</v>
      </c>
      <c r="AP9577">
        <v>59</v>
      </c>
      <c r="AQ9577">
        <v>59</v>
      </c>
    </row>
    <row r="9578" spans="1:43">
      <c r="A9578" t="s">
        <v>5982</v>
      </c>
      <c r="B9578" t="s">
        <v>5983</v>
      </c>
      <c r="C9578" t="s">
        <v>5980</v>
      </c>
      <c r="D9578" t="s">
        <v>5981</v>
      </c>
      <c r="E9578" t="s">
        <v>5940</v>
      </c>
      <c r="F9578" t="s">
        <v>5941</v>
      </c>
      <c r="G9578" t="s">
        <v>80</v>
      </c>
      <c r="H9578" t="s">
        <v>81</v>
      </c>
      <c r="I9578" s="2">
        <v>0</v>
      </c>
      <c r="J9578" s="2">
        <v>1</v>
      </c>
      <c r="K9578" s="2">
        <v>0</v>
      </c>
      <c r="L9578" t="s">
        <v>82</v>
      </c>
      <c r="M9578" t="s">
        <v>83</v>
      </c>
      <c r="N9578" t="s">
        <v>84</v>
      </c>
      <c r="O9578" t="s">
        <v>85</v>
      </c>
      <c r="P9578" t="s">
        <v>86</v>
      </c>
      <c r="Q9578">
        <v>58</v>
      </c>
      <c r="R9578">
        <v>59</v>
      </c>
      <c r="S9578">
        <v>60</v>
      </c>
      <c r="T9578">
        <v>61</v>
      </c>
      <c r="U9578">
        <v>62</v>
      </c>
      <c r="V9578">
        <v>63</v>
      </c>
      <c r="W9578">
        <v>64</v>
      </c>
      <c r="X9578">
        <v>65</v>
      </c>
      <c r="Y9578">
        <v>66</v>
      </c>
      <c r="Z9578">
        <v>67</v>
      </c>
      <c r="AA9578">
        <v>68</v>
      </c>
      <c r="AB9578">
        <v>69</v>
      </c>
      <c r="AC9578">
        <v>70</v>
      </c>
      <c r="AD9578">
        <v>71</v>
      </c>
      <c r="AE9578">
        <v>72</v>
      </c>
      <c r="AF9578">
        <v>73</v>
      </c>
      <c r="AG9578">
        <v>74</v>
      </c>
      <c r="AH9578">
        <v>75</v>
      </c>
      <c r="AI9578">
        <v>76</v>
      </c>
      <c r="AJ9578">
        <v>77</v>
      </c>
      <c r="AK9578">
        <v>78</v>
      </c>
      <c r="AL9578">
        <v>79</v>
      </c>
      <c r="AM9578">
        <v>79</v>
      </c>
      <c r="AN9578">
        <v>79</v>
      </c>
      <c r="AO9578">
        <v>80</v>
      </c>
      <c r="AP9578">
        <v>80</v>
      </c>
      <c r="AQ9578">
        <v>80</v>
      </c>
    </row>
    <row r="9579" spans="1:43">
      <c r="A9579" t="s">
        <v>5982</v>
      </c>
      <c r="B9579" t="s">
        <v>5983</v>
      </c>
      <c r="C9579" t="s">
        <v>5980</v>
      </c>
      <c r="D9579" t="s">
        <v>5981</v>
      </c>
      <c r="E9579" t="s">
        <v>5940</v>
      </c>
      <c r="F9579" t="s">
        <v>5941</v>
      </c>
      <c r="G9579" t="s">
        <v>80</v>
      </c>
      <c r="H9579" t="s">
        <v>81</v>
      </c>
      <c r="I9579" s="2">
        <v>0</v>
      </c>
      <c r="J9579" s="2">
        <v>1</v>
      </c>
      <c r="K9579" s="2">
        <v>0</v>
      </c>
      <c r="L9579" t="s">
        <v>82</v>
      </c>
      <c r="M9579" t="s">
        <v>87</v>
      </c>
      <c r="N9579" t="s">
        <v>88</v>
      </c>
      <c r="O9579" t="s">
        <v>85</v>
      </c>
      <c r="P9579" t="s">
        <v>86</v>
      </c>
      <c r="Q9579">
        <v>58</v>
      </c>
      <c r="R9579">
        <v>58</v>
      </c>
      <c r="S9579">
        <v>59</v>
      </c>
      <c r="T9579">
        <v>59</v>
      </c>
      <c r="U9579">
        <v>60</v>
      </c>
      <c r="V9579">
        <v>60</v>
      </c>
      <c r="W9579">
        <v>60</v>
      </c>
      <c r="X9579">
        <v>61</v>
      </c>
      <c r="Y9579">
        <v>61</v>
      </c>
      <c r="Z9579">
        <v>62</v>
      </c>
      <c r="AA9579">
        <v>62</v>
      </c>
      <c r="AB9579">
        <v>63</v>
      </c>
      <c r="AC9579">
        <v>63</v>
      </c>
      <c r="AD9579">
        <v>64</v>
      </c>
      <c r="AE9579">
        <v>64</v>
      </c>
      <c r="AF9579">
        <v>64</v>
      </c>
      <c r="AG9579">
        <v>65</v>
      </c>
      <c r="AH9579">
        <v>65</v>
      </c>
      <c r="AI9579">
        <v>66</v>
      </c>
      <c r="AJ9579">
        <v>66</v>
      </c>
      <c r="AK9579">
        <v>67</v>
      </c>
      <c r="AL9579">
        <v>67</v>
      </c>
      <c r="AM9579">
        <v>68</v>
      </c>
      <c r="AN9579">
        <v>68</v>
      </c>
      <c r="AO9579">
        <v>69</v>
      </c>
      <c r="AP9579">
        <v>69</v>
      </c>
      <c r="AQ9579">
        <v>69</v>
      </c>
    </row>
    <row r="9580" spans="1:43">
      <c r="A9580" t="s">
        <v>5982</v>
      </c>
      <c r="B9580" t="s">
        <v>5983</v>
      </c>
      <c r="C9580" t="s">
        <v>5980</v>
      </c>
      <c r="D9580" t="s">
        <v>5981</v>
      </c>
      <c r="E9580" t="s">
        <v>5940</v>
      </c>
      <c r="F9580" t="s">
        <v>5941</v>
      </c>
      <c r="G9580" t="s">
        <v>80</v>
      </c>
      <c r="H9580" t="s">
        <v>81</v>
      </c>
      <c r="I9580" s="2">
        <v>0</v>
      </c>
      <c r="J9580" s="2">
        <v>1</v>
      </c>
      <c r="K9580" s="2">
        <v>0</v>
      </c>
      <c r="L9580" t="s">
        <v>82</v>
      </c>
      <c r="M9580" t="s">
        <v>89</v>
      </c>
      <c r="N9580" t="s">
        <v>90</v>
      </c>
      <c r="O9580" t="s">
        <v>85</v>
      </c>
      <c r="P9580" t="s">
        <v>86</v>
      </c>
      <c r="Q9580">
        <v>58</v>
      </c>
      <c r="R9580">
        <v>59</v>
      </c>
      <c r="S9580">
        <v>61</v>
      </c>
      <c r="T9580">
        <v>62</v>
      </c>
      <c r="U9580">
        <v>64</v>
      </c>
      <c r="V9580">
        <v>65</v>
      </c>
      <c r="W9580">
        <v>67</v>
      </c>
      <c r="X9580">
        <v>68</v>
      </c>
      <c r="Y9580">
        <v>69</v>
      </c>
      <c r="Z9580">
        <v>71</v>
      </c>
      <c r="AA9580">
        <v>72</v>
      </c>
      <c r="AB9580">
        <v>73</v>
      </c>
      <c r="AC9580">
        <v>74</v>
      </c>
      <c r="AD9580">
        <v>76</v>
      </c>
      <c r="AE9580">
        <v>77</v>
      </c>
      <c r="AF9580">
        <v>77</v>
      </c>
      <c r="AG9580">
        <v>77</v>
      </c>
      <c r="AH9580">
        <v>78</v>
      </c>
      <c r="AI9580">
        <v>78</v>
      </c>
      <c r="AJ9580">
        <v>78</v>
      </c>
      <c r="AK9580">
        <v>78</v>
      </c>
      <c r="AL9580">
        <v>79</v>
      </c>
      <c r="AM9580">
        <v>79</v>
      </c>
      <c r="AN9580">
        <v>79</v>
      </c>
      <c r="AO9580">
        <v>80</v>
      </c>
      <c r="AP9580">
        <v>80</v>
      </c>
      <c r="AQ9580">
        <v>80</v>
      </c>
    </row>
    <row r="9581" spans="1:43">
      <c r="A9581" t="s">
        <v>5982</v>
      </c>
      <c r="B9581" t="s">
        <v>5983</v>
      </c>
      <c r="C9581" t="s">
        <v>5980</v>
      </c>
      <c r="D9581" t="s">
        <v>5981</v>
      </c>
      <c r="E9581" t="s">
        <v>5940</v>
      </c>
      <c r="F9581" t="s">
        <v>5941</v>
      </c>
      <c r="G9581" t="s">
        <v>80</v>
      </c>
      <c r="H9581" t="s">
        <v>81</v>
      </c>
      <c r="I9581" s="2">
        <v>0</v>
      </c>
      <c r="J9581" s="2">
        <v>1</v>
      </c>
      <c r="K9581" s="2">
        <v>0</v>
      </c>
      <c r="L9581" t="s">
        <v>82</v>
      </c>
      <c r="M9581" t="s">
        <v>83</v>
      </c>
      <c r="N9581" t="s">
        <v>91</v>
      </c>
      <c r="O9581" t="s">
        <v>85</v>
      </c>
      <c r="P9581" t="s">
        <v>86</v>
      </c>
      <c r="Q9581">
        <v>58</v>
      </c>
      <c r="R9581">
        <v>59</v>
      </c>
      <c r="S9581">
        <v>60</v>
      </c>
      <c r="T9581">
        <v>61</v>
      </c>
      <c r="U9581">
        <v>62</v>
      </c>
      <c r="V9581">
        <v>63</v>
      </c>
      <c r="W9581">
        <v>64</v>
      </c>
      <c r="X9581">
        <v>65</v>
      </c>
      <c r="Y9581">
        <v>66</v>
      </c>
      <c r="Z9581">
        <v>67</v>
      </c>
      <c r="AA9581">
        <v>68</v>
      </c>
      <c r="AB9581">
        <v>69</v>
      </c>
      <c r="AC9581">
        <v>70</v>
      </c>
      <c r="AD9581">
        <v>71</v>
      </c>
      <c r="AE9581">
        <v>72</v>
      </c>
      <c r="AF9581">
        <v>73</v>
      </c>
      <c r="AG9581">
        <v>74</v>
      </c>
      <c r="AH9581">
        <v>75</v>
      </c>
      <c r="AI9581">
        <v>76</v>
      </c>
      <c r="AJ9581">
        <v>77</v>
      </c>
      <c r="AK9581">
        <v>78</v>
      </c>
      <c r="AL9581">
        <v>79</v>
      </c>
      <c r="AM9581">
        <v>79</v>
      </c>
      <c r="AN9581">
        <v>79</v>
      </c>
      <c r="AO9581">
        <v>80</v>
      </c>
      <c r="AP9581">
        <v>80</v>
      </c>
      <c r="AQ9581">
        <v>80</v>
      </c>
    </row>
    <row r="9582" spans="1:43">
      <c r="A9582" t="s">
        <v>5984</v>
      </c>
      <c r="B9582" t="s">
        <v>5985</v>
      </c>
      <c r="C9582" t="s">
        <v>5980</v>
      </c>
      <c r="D9582" t="s">
        <v>5981</v>
      </c>
      <c r="E9582" t="s">
        <v>5940</v>
      </c>
      <c r="F9582" t="s">
        <v>5941</v>
      </c>
      <c r="G9582" t="s">
        <v>80</v>
      </c>
      <c r="H9582" t="s">
        <v>81</v>
      </c>
      <c r="I9582" s="2">
        <v>0</v>
      </c>
      <c r="J9582" s="2">
        <v>1</v>
      </c>
      <c r="K9582" s="2">
        <v>0</v>
      </c>
      <c r="L9582" t="s">
        <v>82</v>
      </c>
      <c r="M9582" t="s">
        <v>83</v>
      </c>
      <c r="N9582" t="s">
        <v>84</v>
      </c>
      <c r="O9582" t="s">
        <v>85</v>
      </c>
      <c r="P9582" t="s">
        <v>86</v>
      </c>
      <c r="Q9582">
        <v>61</v>
      </c>
      <c r="R9582">
        <v>63</v>
      </c>
      <c r="S9582">
        <v>64</v>
      </c>
      <c r="T9582">
        <v>65</v>
      </c>
      <c r="U9582">
        <v>66</v>
      </c>
      <c r="V9582">
        <v>67</v>
      </c>
      <c r="W9582">
        <v>68</v>
      </c>
      <c r="X9582">
        <v>69</v>
      </c>
      <c r="Y9582">
        <v>70</v>
      </c>
      <c r="Z9582">
        <v>71</v>
      </c>
      <c r="AA9582">
        <v>72</v>
      </c>
      <c r="AB9582">
        <v>73</v>
      </c>
      <c r="AC9582">
        <v>74</v>
      </c>
      <c r="AD9582">
        <v>75</v>
      </c>
      <c r="AE9582">
        <v>76</v>
      </c>
      <c r="AF9582">
        <v>78</v>
      </c>
      <c r="AG9582">
        <v>79</v>
      </c>
      <c r="AH9582">
        <v>80</v>
      </c>
      <c r="AI9582">
        <v>81</v>
      </c>
      <c r="AJ9582">
        <v>82</v>
      </c>
      <c r="AK9582">
        <v>83</v>
      </c>
      <c r="AL9582">
        <v>83</v>
      </c>
      <c r="AM9582">
        <v>84</v>
      </c>
      <c r="AN9582">
        <v>84</v>
      </c>
      <c r="AO9582">
        <v>84</v>
      </c>
      <c r="AP9582">
        <v>85</v>
      </c>
      <c r="AQ9582">
        <v>85</v>
      </c>
    </row>
    <row r="9583" spans="1:43">
      <c r="A9583" t="s">
        <v>5984</v>
      </c>
      <c r="B9583" t="s">
        <v>5985</v>
      </c>
      <c r="C9583" t="s">
        <v>5980</v>
      </c>
      <c r="D9583" t="s">
        <v>5981</v>
      </c>
      <c r="E9583" t="s">
        <v>5940</v>
      </c>
      <c r="F9583" t="s">
        <v>5941</v>
      </c>
      <c r="G9583" t="s">
        <v>80</v>
      </c>
      <c r="H9583" t="s">
        <v>81</v>
      </c>
      <c r="I9583" s="2">
        <v>0</v>
      </c>
      <c r="J9583" s="2">
        <v>1</v>
      </c>
      <c r="K9583" s="2">
        <v>0</v>
      </c>
      <c r="L9583" t="s">
        <v>82</v>
      </c>
      <c r="M9583" t="s">
        <v>87</v>
      </c>
      <c r="N9583" t="s">
        <v>88</v>
      </c>
      <c r="O9583" t="s">
        <v>85</v>
      </c>
      <c r="P9583" t="s">
        <v>86</v>
      </c>
      <c r="Q9583">
        <v>61</v>
      </c>
      <c r="R9583">
        <v>61</v>
      </c>
      <c r="S9583">
        <v>62</v>
      </c>
      <c r="T9583">
        <v>62</v>
      </c>
      <c r="U9583">
        <v>63</v>
      </c>
      <c r="V9583">
        <v>63</v>
      </c>
      <c r="W9583">
        <v>64</v>
      </c>
      <c r="X9583">
        <v>64</v>
      </c>
      <c r="Y9583">
        <v>65</v>
      </c>
      <c r="Z9583">
        <v>65</v>
      </c>
      <c r="AA9583">
        <v>66</v>
      </c>
      <c r="AB9583">
        <v>66</v>
      </c>
      <c r="AC9583">
        <v>67</v>
      </c>
      <c r="AD9583">
        <v>67</v>
      </c>
      <c r="AE9583">
        <v>68</v>
      </c>
      <c r="AF9583">
        <v>68</v>
      </c>
      <c r="AG9583">
        <v>69</v>
      </c>
      <c r="AH9583">
        <v>69</v>
      </c>
      <c r="AI9583">
        <v>70</v>
      </c>
      <c r="AJ9583">
        <v>70</v>
      </c>
      <c r="AK9583">
        <v>70</v>
      </c>
      <c r="AL9583">
        <v>71</v>
      </c>
      <c r="AM9583">
        <v>71</v>
      </c>
      <c r="AN9583">
        <v>72</v>
      </c>
      <c r="AO9583">
        <v>72</v>
      </c>
      <c r="AP9583">
        <v>73</v>
      </c>
      <c r="AQ9583">
        <v>73</v>
      </c>
    </row>
    <row r="9584" spans="1:43">
      <c r="A9584" t="s">
        <v>5984</v>
      </c>
      <c r="B9584" t="s">
        <v>5985</v>
      </c>
      <c r="C9584" t="s">
        <v>5980</v>
      </c>
      <c r="D9584" t="s">
        <v>5981</v>
      </c>
      <c r="E9584" t="s">
        <v>5940</v>
      </c>
      <c r="F9584" t="s">
        <v>5941</v>
      </c>
      <c r="G9584" t="s">
        <v>80</v>
      </c>
      <c r="H9584" t="s">
        <v>81</v>
      </c>
      <c r="I9584" s="2">
        <v>0</v>
      </c>
      <c r="J9584" s="2">
        <v>1</v>
      </c>
      <c r="K9584" s="2">
        <v>0</v>
      </c>
      <c r="L9584" t="s">
        <v>82</v>
      </c>
      <c r="M9584" t="s">
        <v>89</v>
      </c>
      <c r="N9584" t="s">
        <v>90</v>
      </c>
      <c r="O9584" t="s">
        <v>85</v>
      </c>
      <c r="P9584" t="s">
        <v>86</v>
      </c>
      <c r="Q9584">
        <v>61</v>
      </c>
      <c r="R9584">
        <v>63</v>
      </c>
      <c r="S9584">
        <v>64</v>
      </c>
      <c r="T9584">
        <v>66</v>
      </c>
      <c r="U9584">
        <v>67</v>
      </c>
      <c r="V9584">
        <v>69</v>
      </c>
      <c r="W9584">
        <v>70</v>
      </c>
      <c r="X9584">
        <v>72</v>
      </c>
      <c r="Y9584">
        <v>73</v>
      </c>
      <c r="Z9584">
        <v>75</v>
      </c>
      <c r="AA9584">
        <v>76</v>
      </c>
      <c r="AB9584">
        <v>77</v>
      </c>
      <c r="AC9584">
        <v>79</v>
      </c>
      <c r="AD9584">
        <v>80</v>
      </c>
      <c r="AE9584">
        <v>81</v>
      </c>
      <c r="AF9584">
        <v>81</v>
      </c>
      <c r="AG9584">
        <v>82</v>
      </c>
      <c r="AH9584">
        <v>82</v>
      </c>
      <c r="AI9584">
        <v>83</v>
      </c>
      <c r="AJ9584">
        <v>83</v>
      </c>
      <c r="AK9584">
        <v>83</v>
      </c>
      <c r="AL9584">
        <v>84</v>
      </c>
      <c r="AM9584">
        <v>84</v>
      </c>
      <c r="AN9584">
        <v>84</v>
      </c>
      <c r="AO9584">
        <v>84</v>
      </c>
      <c r="AP9584">
        <v>85</v>
      </c>
      <c r="AQ9584">
        <v>85</v>
      </c>
    </row>
    <row r="9585" spans="1:43">
      <c r="A9585" t="s">
        <v>5984</v>
      </c>
      <c r="B9585" t="s">
        <v>5985</v>
      </c>
      <c r="C9585" t="s">
        <v>5980</v>
      </c>
      <c r="D9585" t="s">
        <v>5981</v>
      </c>
      <c r="E9585" t="s">
        <v>5940</v>
      </c>
      <c r="F9585" t="s">
        <v>5941</v>
      </c>
      <c r="G9585" t="s">
        <v>80</v>
      </c>
      <c r="H9585" t="s">
        <v>81</v>
      </c>
      <c r="I9585" s="2">
        <v>0</v>
      </c>
      <c r="J9585" s="2">
        <v>1</v>
      </c>
      <c r="K9585" s="2">
        <v>0</v>
      </c>
      <c r="L9585" t="s">
        <v>82</v>
      </c>
      <c r="M9585" t="s">
        <v>83</v>
      </c>
      <c r="N9585" t="s">
        <v>91</v>
      </c>
      <c r="O9585" t="s">
        <v>85</v>
      </c>
      <c r="P9585" t="s">
        <v>86</v>
      </c>
      <c r="Q9585">
        <v>61</v>
      </c>
      <c r="R9585">
        <v>63</v>
      </c>
      <c r="S9585">
        <v>64</v>
      </c>
      <c r="T9585">
        <v>65</v>
      </c>
      <c r="U9585">
        <v>66</v>
      </c>
      <c r="V9585">
        <v>67</v>
      </c>
      <c r="W9585">
        <v>68</v>
      </c>
      <c r="X9585">
        <v>69</v>
      </c>
      <c r="Y9585">
        <v>70</v>
      </c>
      <c r="Z9585">
        <v>71</v>
      </c>
      <c r="AA9585">
        <v>72</v>
      </c>
      <c r="AB9585">
        <v>73</v>
      </c>
      <c r="AC9585">
        <v>74</v>
      </c>
      <c r="AD9585">
        <v>75</v>
      </c>
      <c r="AE9585">
        <v>76</v>
      </c>
      <c r="AF9585">
        <v>78</v>
      </c>
      <c r="AG9585">
        <v>79</v>
      </c>
      <c r="AH9585">
        <v>80</v>
      </c>
      <c r="AI9585">
        <v>81</v>
      </c>
      <c r="AJ9585">
        <v>82</v>
      </c>
      <c r="AK9585">
        <v>83</v>
      </c>
      <c r="AL9585">
        <v>83</v>
      </c>
      <c r="AM9585">
        <v>84</v>
      </c>
      <c r="AN9585">
        <v>84</v>
      </c>
      <c r="AO9585">
        <v>84</v>
      </c>
      <c r="AP9585">
        <v>85</v>
      </c>
      <c r="AQ9585">
        <v>85</v>
      </c>
    </row>
    <row r="9586" spans="1:43">
      <c r="A9586" t="s">
        <v>5986</v>
      </c>
      <c r="B9586" t="s">
        <v>5987</v>
      </c>
      <c r="C9586" t="s">
        <v>5988</v>
      </c>
      <c r="D9586" t="s">
        <v>5989</v>
      </c>
      <c r="E9586" t="s">
        <v>5940</v>
      </c>
      <c r="F9586" t="s">
        <v>5941</v>
      </c>
      <c r="G9586" t="s">
        <v>80</v>
      </c>
      <c r="H9586" t="s">
        <v>81</v>
      </c>
      <c r="I9586" s="2">
        <v>0</v>
      </c>
      <c r="J9586" s="2">
        <v>1</v>
      </c>
      <c r="K9586" s="2">
        <v>0</v>
      </c>
      <c r="L9586" t="s">
        <v>82</v>
      </c>
      <c r="M9586" t="s">
        <v>83</v>
      </c>
      <c r="N9586" t="s">
        <v>84</v>
      </c>
      <c r="O9586" t="s">
        <v>85</v>
      </c>
      <c r="P9586" t="s">
        <v>86</v>
      </c>
      <c r="Q9586">
        <v>31</v>
      </c>
      <c r="R9586">
        <v>32</v>
      </c>
      <c r="S9586">
        <v>33</v>
      </c>
      <c r="T9586">
        <v>33</v>
      </c>
      <c r="U9586">
        <v>34</v>
      </c>
      <c r="V9586">
        <v>34</v>
      </c>
      <c r="W9586">
        <v>35</v>
      </c>
      <c r="X9586">
        <v>35</v>
      </c>
      <c r="Y9586">
        <v>36</v>
      </c>
      <c r="Z9586">
        <v>36</v>
      </c>
      <c r="AA9586">
        <v>37</v>
      </c>
      <c r="AB9586">
        <v>37</v>
      </c>
      <c r="AC9586">
        <v>38</v>
      </c>
      <c r="AD9586">
        <v>38</v>
      </c>
      <c r="AE9586">
        <v>39</v>
      </c>
      <c r="AF9586">
        <v>39</v>
      </c>
      <c r="AG9586">
        <v>40</v>
      </c>
      <c r="AH9586">
        <v>40</v>
      </c>
      <c r="AI9586">
        <v>41</v>
      </c>
      <c r="AJ9586">
        <v>41</v>
      </c>
      <c r="AK9586">
        <v>42</v>
      </c>
      <c r="AL9586">
        <v>42</v>
      </c>
      <c r="AM9586">
        <v>42</v>
      </c>
      <c r="AN9586">
        <v>43</v>
      </c>
      <c r="AO9586">
        <v>43</v>
      </c>
      <c r="AP9586">
        <v>43</v>
      </c>
      <c r="AQ9586">
        <v>43</v>
      </c>
    </row>
    <row r="9587" spans="1:43">
      <c r="A9587" t="s">
        <v>5986</v>
      </c>
      <c r="B9587" t="s">
        <v>5987</v>
      </c>
      <c r="C9587" t="s">
        <v>5988</v>
      </c>
      <c r="D9587" t="s">
        <v>5989</v>
      </c>
      <c r="E9587" t="s">
        <v>5940</v>
      </c>
      <c r="F9587" t="s">
        <v>5941</v>
      </c>
      <c r="G9587" t="s">
        <v>80</v>
      </c>
      <c r="H9587" t="s">
        <v>81</v>
      </c>
      <c r="I9587" s="2">
        <v>0</v>
      </c>
      <c r="J9587" s="2">
        <v>1</v>
      </c>
      <c r="K9587" s="2">
        <v>0</v>
      </c>
      <c r="L9587" t="s">
        <v>82</v>
      </c>
      <c r="M9587" t="s">
        <v>87</v>
      </c>
      <c r="N9587" t="s">
        <v>88</v>
      </c>
      <c r="O9587" t="s">
        <v>85</v>
      </c>
      <c r="P9587" t="s">
        <v>86</v>
      </c>
      <c r="Q9587">
        <v>31</v>
      </c>
      <c r="R9587">
        <v>31</v>
      </c>
      <c r="S9587">
        <v>32</v>
      </c>
      <c r="T9587">
        <v>32</v>
      </c>
      <c r="U9587">
        <v>32</v>
      </c>
      <c r="V9587">
        <v>32</v>
      </c>
      <c r="W9587">
        <v>33</v>
      </c>
      <c r="X9587">
        <v>33</v>
      </c>
      <c r="Y9587">
        <v>33</v>
      </c>
      <c r="Z9587">
        <v>33</v>
      </c>
      <c r="AA9587">
        <v>33</v>
      </c>
      <c r="AB9587">
        <v>34</v>
      </c>
      <c r="AC9587">
        <v>34</v>
      </c>
      <c r="AD9587">
        <v>34</v>
      </c>
      <c r="AE9587">
        <v>34</v>
      </c>
      <c r="AF9587">
        <v>35</v>
      </c>
      <c r="AG9587">
        <v>35</v>
      </c>
      <c r="AH9587">
        <v>35</v>
      </c>
      <c r="AI9587">
        <v>35</v>
      </c>
      <c r="AJ9587">
        <v>36</v>
      </c>
      <c r="AK9587">
        <v>36</v>
      </c>
      <c r="AL9587">
        <v>36</v>
      </c>
      <c r="AM9587">
        <v>36</v>
      </c>
      <c r="AN9587">
        <v>37</v>
      </c>
      <c r="AO9587">
        <v>37</v>
      </c>
      <c r="AP9587">
        <v>37</v>
      </c>
      <c r="AQ9587">
        <v>37</v>
      </c>
    </row>
    <row r="9588" spans="1:43">
      <c r="A9588" t="s">
        <v>5986</v>
      </c>
      <c r="B9588" t="s">
        <v>5987</v>
      </c>
      <c r="C9588" t="s">
        <v>5988</v>
      </c>
      <c r="D9588" t="s">
        <v>5989</v>
      </c>
      <c r="E9588" t="s">
        <v>5940</v>
      </c>
      <c r="F9588" t="s">
        <v>5941</v>
      </c>
      <c r="G9588" t="s">
        <v>80</v>
      </c>
      <c r="H9588" t="s">
        <v>81</v>
      </c>
      <c r="I9588" s="2">
        <v>0</v>
      </c>
      <c r="J9588" s="2">
        <v>1</v>
      </c>
      <c r="K9588" s="2">
        <v>0</v>
      </c>
      <c r="L9588" t="s">
        <v>82</v>
      </c>
      <c r="M9588" t="s">
        <v>89</v>
      </c>
      <c r="N9588" t="s">
        <v>90</v>
      </c>
      <c r="O9588" t="s">
        <v>85</v>
      </c>
      <c r="P9588" t="s">
        <v>86</v>
      </c>
      <c r="Q9588">
        <v>31</v>
      </c>
      <c r="R9588">
        <v>32</v>
      </c>
      <c r="S9588">
        <v>32</v>
      </c>
      <c r="T9588">
        <v>33</v>
      </c>
      <c r="U9588">
        <v>34</v>
      </c>
      <c r="V9588">
        <v>35</v>
      </c>
      <c r="W9588">
        <v>35</v>
      </c>
      <c r="X9588">
        <v>36</v>
      </c>
      <c r="Y9588">
        <v>37</v>
      </c>
      <c r="Z9588">
        <v>37</v>
      </c>
      <c r="AA9588">
        <v>38</v>
      </c>
      <c r="AB9588">
        <v>39</v>
      </c>
      <c r="AC9588">
        <v>39</v>
      </c>
      <c r="AD9588">
        <v>40</v>
      </c>
      <c r="AE9588">
        <v>41</v>
      </c>
      <c r="AF9588">
        <v>41</v>
      </c>
      <c r="AG9588">
        <v>41</v>
      </c>
      <c r="AH9588">
        <v>41</v>
      </c>
      <c r="AI9588">
        <v>41</v>
      </c>
      <c r="AJ9588">
        <v>41</v>
      </c>
      <c r="AK9588">
        <v>41</v>
      </c>
      <c r="AL9588">
        <v>42</v>
      </c>
      <c r="AM9588">
        <v>42</v>
      </c>
      <c r="AN9588">
        <v>42</v>
      </c>
      <c r="AO9588">
        <v>42</v>
      </c>
      <c r="AP9588">
        <v>42</v>
      </c>
      <c r="AQ9588">
        <v>42</v>
      </c>
    </row>
    <row r="9589" spans="1:43">
      <c r="A9589" t="s">
        <v>5986</v>
      </c>
      <c r="B9589" t="s">
        <v>5987</v>
      </c>
      <c r="C9589" t="s">
        <v>5988</v>
      </c>
      <c r="D9589" t="s">
        <v>5989</v>
      </c>
      <c r="E9589" t="s">
        <v>5940</v>
      </c>
      <c r="F9589" t="s">
        <v>5941</v>
      </c>
      <c r="G9589" t="s">
        <v>80</v>
      </c>
      <c r="H9589" t="s">
        <v>81</v>
      </c>
      <c r="I9589" s="2">
        <v>0</v>
      </c>
      <c r="J9589" s="2">
        <v>1</v>
      </c>
      <c r="K9589" s="2">
        <v>0</v>
      </c>
      <c r="L9589" t="s">
        <v>82</v>
      </c>
      <c r="M9589" t="s">
        <v>83</v>
      </c>
      <c r="N9589" t="s">
        <v>91</v>
      </c>
      <c r="O9589" t="s">
        <v>85</v>
      </c>
      <c r="P9589" t="s">
        <v>86</v>
      </c>
      <c r="Q9589">
        <v>31</v>
      </c>
      <c r="R9589">
        <v>32</v>
      </c>
      <c r="S9589">
        <v>33</v>
      </c>
      <c r="T9589">
        <v>33</v>
      </c>
      <c r="U9589">
        <v>34</v>
      </c>
      <c r="V9589">
        <v>34</v>
      </c>
      <c r="W9589">
        <v>35</v>
      </c>
      <c r="X9589">
        <v>35</v>
      </c>
      <c r="Y9589">
        <v>36</v>
      </c>
      <c r="Z9589">
        <v>36</v>
      </c>
      <c r="AA9589">
        <v>37</v>
      </c>
      <c r="AB9589">
        <v>37</v>
      </c>
      <c r="AC9589">
        <v>38</v>
      </c>
      <c r="AD9589">
        <v>38</v>
      </c>
      <c r="AE9589">
        <v>39</v>
      </c>
      <c r="AF9589">
        <v>39</v>
      </c>
      <c r="AG9589">
        <v>40</v>
      </c>
      <c r="AH9589">
        <v>40</v>
      </c>
      <c r="AI9589">
        <v>41</v>
      </c>
      <c r="AJ9589">
        <v>41</v>
      </c>
      <c r="AK9589">
        <v>42</v>
      </c>
      <c r="AL9589">
        <v>42</v>
      </c>
      <c r="AM9589">
        <v>42</v>
      </c>
      <c r="AN9589">
        <v>43</v>
      </c>
      <c r="AO9589">
        <v>43</v>
      </c>
      <c r="AP9589">
        <v>43</v>
      </c>
      <c r="AQ9589">
        <v>43</v>
      </c>
    </row>
    <row r="9590" spans="1:43">
      <c r="A9590" t="s">
        <v>5990</v>
      </c>
      <c r="B9590" t="s">
        <v>5991</v>
      </c>
      <c r="C9590" t="s">
        <v>5992</v>
      </c>
      <c r="D9590" t="s">
        <v>5993</v>
      </c>
      <c r="E9590" t="s">
        <v>5940</v>
      </c>
      <c r="F9590" t="s">
        <v>5941</v>
      </c>
      <c r="G9590" t="s">
        <v>80</v>
      </c>
      <c r="H9590" t="s">
        <v>81</v>
      </c>
      <c r="I9590" s="2">
        <v>0</v>
      </c>
      <c r="J9590" s="2">
        <v>0</v>
      </c>
      <c r="K9590" s="2">
        <v>1</v>
      </c>
      <c r="L9590" t="s">
        <v>995</v>
      </c>
      <c r="M9590" t="s">
        <v>83</v>
      </c>
      <c r="N9590" t="s">
        <v>84</v>
      </c>
      <c r="O9590" t="s">
        <v>85</v>
      </c>
      <c r="P9590" t="s">
        <v>86</v>
      </c>
      <c r="Q9590">
        <v>30</v>
      </c>
      <c r="R9590">
        <v>31</v>
      </c>
      <c r="S9590">
        <v>31</v>
      </c>
      <c r="T9590">
        <v>32</v>
      </c>
      <c r="U9590">
        <v>32</v>
      </c>
      <c r="V9590">
        <v>33</v>
      </c>
      <c r="W9590">
        <v>33</v>
      </c>
      <c r="X9590">
        <v>34</v>
      </c>
      <c r="Y9590">
        <v>35</v>
      </c>
      <c r="Z9590">
        <v>35</v>
      </c>
      <c r="AA9590">
        <v>36</v>
      </c>
      <c r="AB9590">
        <v>36</v>
      </c>
      <c r="AC9590">
        <v>37</v>
      </c>
      <c r="AD9590">
        <v>37</v>
      </c>
      <c r="AE9590">
        <v>38</v>
      </c>
      <c r="AF9590">
        <v>38</v>
      </c>
      <c r="AG9590">
        <v>39</v>
      </c>
      <c r="AH9590">
        <v>39</v>
      </c>
      <c r="AI9590">
        <v>40</v>
      </c>
      <c r="AJ9590">
        <v>40</v>
      </c>
      <c r="AK9590">
        <v>41</v>
      </c>
      <c r="AL9590">
        <v>41</v>
      </c>
      <c r="AM9590">
        <v>41</v>
      </c>
      <c r="AN9590">
        <v>42</v>
      </c>
      <c r="AO9590">
        <v>42</v>
      </c>
      <c r="AP9590">
        <v>42</v>
      </c>
      <c r="AQ9590">
        <v>42</v>
      </c>
    </row>
    <row r="9591" spans="1:43">
      <c r="A9591" t="s">
        <v>5990</v>
      </c>
      <c r="B9591" t="s">
        <v>5991</v>
      </c>
      <c r="C9591" t="s">
        <v>5992</v>
      </c>
      <c r="D9591" t="s">
        <v>5993</v>
      </c>
      <c r="E9591" t="s">
        <v>5940</v>
      </c>
      <c r="F9591" t="s">
        <v>5941</v>
      </c>
      <c r="G9591" t="s">
        <v>80</v>
      </c>
      <c r="H9591" t="s">
        <v>81</v>
      </c>
      <c r="I9591" s="2">
        <v>0</v>
      </c>
      <c r="J9591" s="2">
        <v>0</v>
      </c>
      <c r="K9591" s="2">
        <v>1</v>
      </c>
      <c r="L9591" t="s">
        <v>995</v>
      </c>
      <c r="M9591" t="s">
        <v>87</v>
      </c>
      <c r="N9591" t="s">
        <v>88</v>
      </c>
      <c r="O9591" t="s">
        <v>85</v>
      </c>
      <c r="P9591" t="s">
        <v>86</v>
      </c>
      <c r="Q9591">
        <v>30</v>
      </c>
      <c r="R9591">
        <v>30</v>
      </c>
      <c r="S9591">
        <v>31</v>
      </c>
      <c r="T9591">
        <v>31</v>
      </c>
      <c r="U9591">
        <v>31</v>
      </c>
      <c r="V9591">
        <v>31</v>
      </c>
      <c r="W9591">
        <v>31</v>
      </c>
      <c r="X9591">
        <v>32</v>
      </c>
      <c r="Y9591">
        <v>32</v>
      </c>
      <c r="Z9591">
        <v>32</v>
      </c>
      <c r="AA9591">
        <v>32</v>
      </c>
      <c r="AB9591">
        <v>33</v>
      </c>
      <c r="AC9591">
        <v>33</v>
      </c>
      <c r="AD9591">
        <v>33</v>
      </c>
      <c r="AE9591">
        <v>33</v>
      </c>
      <c r="AF9591">
        <v>34</v>
      </c>
      <c r="AG9591">
        <v>34</v>
      </c>
      <c r="AH9591">
        <v>34</v>
      </c>
      <c r="AI9591">
        <v>34</v>
      </c>
      <c r="AJ9591">
        <v>35</v>
      </c>
      <c r="AK9591">
        <v>35</v>
      </c>
      <c r="AL9591">
        <v>35</v>
      </c>
      <c r="AM9591">
        <v>35</v>
      </c>
      <c r="AN9591">
        <v>36</v>
      </c>
      <c r="AO9591">
        <v>36</v>
      </c>
      <c r="AP9591">
        <v>36</v>
      </c>
      <c r="AQ9591">
        <v>36</v>
      </c>
    </row>
    <row r="9592" spans="1:43">
      <c r="A9592" t="s">
        <v>5990</v>
      </c>
      <c r="B9592" t="s">
        <v>5991</v>
      </c>
      <c r="C9592" t="s">
        <v>5992</v>
      </c>
      <c r="D9592" t="s">
        <v>5993</v>
      </c>
      <c r="E9592" t="s">
        <v>5940</v>
      </c>
      <c r="F9592" t="s">
        <v>5941</v>
      </c>
      <c r="G9592" t="s">
        <v>80</v>
      </c>
      <c r="H9592" t="s">
        <v>81</v>
      </c>
      <c r="I9592" s="2">
        <v>0</v>
      </c>
      <c r="J9592" s="2">
        <v>0</v>
      </c>
      <c r="K9592" s="2">
        <v>1</v>
      </c>
      <c r="L9592" t="s">
        <v>995</v>
      </c>
      <c r="M9592" t="s">
        <v>89</v>
      </c>
      <c r="N9592" t="s">
        <v>90</v>
      </c>
      <c r="O9592" t="s">
        <v>85</v>
      </c>
      <c r="P9592" t="s">
        <v>86</v>
      </c>
      <c r="Q9592">
        <v>30</v>
      </c>
      <c r="R9592">
        <v>30</v>
      </c>
      <c r="S9592">
        <v>31</v>
      </c>
      <c r="T9592">
        <v>32</v>
      </c>
      <c r="U9592">
        <v>33</v>
      </c>
      <c r="V9592">
        <v>33</v>
      </c>
      <c r="W9592">
        <v>34</v>
      </c>
      <c r="X9592">
        <v>35</v>
      </c>
      <c r="Y9592">
        <v>36</v>
      </c>
      <c r="Z9592">
        <v>36</v>
      </c>
      <c r="AA9592">
        <v>37</v>
      </c>
      <c r="AB9592">
        <v>38</v>
      </c>
      <c r="AC9592">
        <v>38</v>
      </c>
      <c r="AD9592">
        <v>39</v>
      </c>
      <c r="AE9592">
        <v>40</v>
      </c>
      <c r="AF9592">
        <v>40</v>
      </c>
      <c r="AG9592">
        <v>40</v>
      </c>
      <c r="AH9592">
        <v>40</v>
      </c>
      <c r="AI9592">
        <v>40</v>
      </c>
      <c r="AJ9592">
        <v>40</v>
      </c>
      <c r="AK9592">
        <v>40</v>
      </c>
      <c r="AL9592">
        <v>41</v>
      </c>
      <c r="AM9592">
        <v>41</v>
      </c>
      <c r="AN9592">
        <v>41</v>
      </c>
      <c r="AO9592">
        <v>41</v>
      </c>
      <c r="AP9592">
        <v>41</v>
      </c>
      <c r="AQ9592">
        <v>41</v>
      </c>
    </row>
    <row r="9593" spans="1:43">
      <c r="A9593" t="s">
        <v>5990</v>
      </c>
      <c r="B9593" t="s">
        <v>5991</v>
      </c>
      <c r="C9593" t="s">
        <v>5992</v>
      </c>
      <c r="D9593" t="s">
        <v>5993</v>
      </c>
      <c r="E9593" t="s">
        <v>5940</v>
      </c>
      <c r="F9593" t="s">
        <v>5941</v>
      </c>
      <c r="G9593" t="s">
        <v>80</v>
      </c>
      <c r="H9593" t="s">
        <v>81</v>
      </c>
      <c r="I9593" s="2">
        <v>0</v>
      </c>
      <c r="J9593" s="2">
        <v>0</v>
      </c>
      <c r="K9593" s="2">
        <v>1</v>
      </c>
      <c r="L9593" t="s">
        <v>995</v>
      </c>
      <c r="M9593" t="s">
        <v>83</v>
      </c>
      <c r="N9593" t="s">
        <v>91</v>
      </c>
      <c r="O9593" t="s">
        <v>85</v>
      </c>
      <c r="P9593" t="s">
        <v>86</v>
      </c>
      <c r="Q9593">
        <v>30</v>
      </c>
      <c r="R9593">
        <v>31</v>
      </c>
      <c r="S9593">
        <v>31</v>
      </c>
      <c r="T9593">
        <v>32</v>
      </c>
      <c r="U9593">
        <v>32</v>
      </c>
      <c r="V9593">
        <v>33</v>
      </c>
      <c r="W9593">
        <v>33</v>
      </c>
      <c r="X9593">
        <v>34</v>
      </c>
      <c r="Y9593">
        <v>35</v>
      </c>
      <c r="Z9593">
        <v>35</v>
      </c>
      <c r="AA9593">
        <v>36</v>
      </c>
      <c r="AB9593">
        <v>36</v>
      </c>
      <c r="AC9593">
        <v>37</v>
      </c>
      <c r="AD9593">
        <v>37</v>
      </c>
      <c r="AE9593">
        <v>38</v>
      </c>
      <c r="AF9593">
        <v>38</v>
      </c>
      <c r="AG9593">
        <v>39</v>
      </c>
      <c r="AH9593">
        <v>39</v>
      </c>
      <c r="AI9593">
        <v>40</v>
      </c>
      <c r="AJ9593">
        <v>40</v>
      </c>
      <c r="AK9593">
        <v>41</v>
      </c>
      <c r="AL9593">
        <v>41</v>
      </c>
      <c r="AM9593">
        <v>41</v>
      </c>
      <c r="AN9593">
        <v>42</v>
      </c>
      <c r="AO9593">
        <v>42</v>
      </c>
      <c r="AP9593">
        <v>42</v>
      </c>
      <c r="AQ9593">
        <v>42</v>
      </c>
    </row>
    <row r="9594" spans="1:43">
      <c r="A9594" t="s">
        <v>5994</v>
      </c>
      <c r="B9594" t="s">
        <v>5995</v>
      </c>
      <c r="C9594" t="s">
        <v>5992</v>
      </c>
      <c r="D9594" t="s">
        <v>5993</v>
      </c>
      <c r="E9594" t="s">
        <v>5940</v>
      </c>
      <c r="F9594" t="s">
        <v>5941</v>
      </c>
      <c r="G9594" t="s">
        <v>80</v>
      </c>
      <c r="H9594" t="s">
        <v>81</v>
      </c>
      <c r="I9594" s="2">
        <v>0</v>
      </c>
      <c r="J9594" s="2">
        <v>0</v>
      </c>
      <c r="K9594" s="2">
        <v>1</v>
      </c>
      <c r="L9594" t="s">
        <v>995</v>
      </c>
      <c r="M9594" t="s">
        <v>83</v>
      </c>
      <c r="N9594" t="s">
        <v>84</v>
      </c>
      <c r="O9594" t="s">
        <v>85</v>
      </c>
      <c r="P9594" t="s">
        <v>86</v>
      </c>
      <c r="Q9594">
        <v>50</v>
      </c>
      <c r="R9594">
        <v>51</v>
      </c>
      <c r="S9594">
        <v>52</v>
      </c>
      <c r="T9594">
        <v>52</v>
      </c>
      <c r="U9594">
        <v>53</v>
      </c>
      <c r="V9594">
        <v>54</v>
      </c>
      <c r="W9594">
        <v>55</v>
      </c>
      <c r="X9594">
        <v>56</v>
      </c>
      <c r="Y9594">
        <v>57</v>
      </c>
      <c r="Z9594">
        <v>58</v>
      </c>
      <c r="AA9594">
        <v>59</v>
      </c>
      <c r="AB9594">
        <v>59</v>
      </c>
      <c r="AC9594">
        <v>60</v>
      </c>
      <c r="AD9594">
        <v>61</v>
      </c>
      <c r="AE9594">
        <v>62</v>
      </c>
      <c r="AF9594">
        <v>63</v>
      </c>
      <c r="AG9594">
        <v>64</v>
      </c>
      <c r="AH9594">
        <v>65</v>
      </c>
      <c r="AI9594">
        <v>66</v>
      </c>
      <c r="AJ9594">
        <v>66</v>
      </c>
      <c r="AK9594">
        <v>67</v>
      </c>
      <c r="AL9594">
        <v>68</v>
      </c>
      <c r="AM9594">
        <v>68</v>
      </c>
      <c r="AN9594">
        <v>68</v>
      </c>
      <c r="AO9594">
        <v>68</v>
      </c>
      <c r="AP9594">
        <v>69</v>
      </c>
      <c r="AQ9594">
        <v>69</v>
      </c>
    </row>
    <row r="9595" spans="1:43">
      <c r="A9595" t="s">
        <v>5994</v>
      </c>
      <c r="B9595" t="s">
        <v>5995</v>
      </c>
      <c r="C9595" t="s">
        <v>5992</v>
      </c>
      <c r="D9595" t="s">
        <v>5993</v>
      </c>
      <c r="E9595" t="s">
        <v>5940</v>
      </c>
      <c r="F9595" t="s">
        <v>5941</v>
      </c>
      <c r="G9595" t="s">
        <v>80</v>
      </c>
      <c r="H9595" t="s">
        <v>81</v>
      </c>
      <c r="I9595" s="2">
        <v>0</v>
      </c>
      <c r="J9595" s="2">
        <v>0</v>
      </c>
      <c r="K9595" s="2">
        <v>1</v>
      </c>
      <c r="L9595" t="s">
        <v>995</v>
      </c>
      <c r="M9595" t="s">
        <v>87</v>
      </c>
      <c r="N9595" t="s">
        <v>88</v>
      </c>
      <c r="O9595" t="s">
        <v>85</v>
      </c>
      <c r="P9595" t="s">
        <v>86</v>
      </c>
      <c r="Q9595">
        <v>50</v>
      </c>
      <c r="R9595">
        <v>51</v>
      </c>
      <c r="S9595">
        <v>51</v>
      </c>
      <c r="T9595">
        <v>52</v>
      </c>
      <c r="U9595">
        <v>52</v>
      </c>
      <c r="V9595">
        <v>52</v>
      </c>
      <c r="W9595">
        <v>53</v>
      </c>
      <c r="X9595">
        <v>53</v>
      </c>
      <c r="Y9595">
        <v>53</v>
      </c>
      <c r="Z9595">
        <v>54</v>
      </c>
      <c r="AA9595">
        <v>54</v>
      </c>
      <c r="AB9595">
        <v>55</v>
      </c>
      <c r="AC9595">
        <v>55</v>
      </c>
      <c r="AD9595">
        <v>55</v>
      </c>
      <c r="AE9595">
        <v>56</v>
      </c>
      <c r="AF9595">
        <v>56</v>
      </c>
      <c r="AG9595">
        <v>57</v>
      </c>
      <c r="AH9595">
        <v>57</v>
      </c>
      <c r="AI9595">
        <v>57</v>
      </c>
      <c r="AJ9595">
        <v>58</v>
      </c>
      <c r="AK9595">
        <v>58</v>
      </c>
      <c r="AL9595">
        <v>59</v>
      </c>
      <c r="AM9595">
        <v>59</v>
      </c>
      <c r="AN9595">
        <v>59</v>
      </c>
      <c r="AO9595">
        <v>60</v>
      </c>
      <c r="AP9595">
        <v>60</v>
      </c>
      <c r="AQ9595">
        <v>61</v>
      </c>
    </row>
    <row r="9596" spans="1:43">
      <c r="A9596" t="s">
        <v>5994</v>
      </c>
      <c r="B9596" t="s">
        <v>5995</v>
      </c>
      <c r="C9596" t="s">
        <v>5992</v>
      </c>
      <c r="D9596" t="s">
        <v>5993</v>
      </c>
      <c r="E9596" t="s">
        <v>5940</v>
      </c>
      <c r="F9596" t="s">
        <v>5941</v>
      </c>
      <c r="G9596" t="s">
        <v>80</v>
      </c>
      <c r="H9596" t="s">
        <v>81</v>
      </c>
      <c r="I9596" s="2">
        <v>0</v>
      </c>
      <c r="J9596" s="2">
        <v>0</v>
      </c>
      <c r="K9596" s="2">
        <v>1</v>
      </c>
      <c r="L9596" t="s">
        <v>995</v>
      </c>
      <c r="M9596" t="s">
        <v>89</v>
      </c>
      <c r="N9596" t="s">
        <v>90</v>
      </c>
      <c r="O9596" t="s">
        <v>85</v>
      </c>
      <c r="P9596" t="s">
        <v>86</v>
      </c>
      <c r="Q9596">
        <v>50</v>
      </c>
      <c r="R9596">
        <v>52</v>
      </c>
      <c r="S9596">
        <v>53</v>
      </c>
      <c r="T9596">
        <v>54</v>
      </c>
      <c r="U9596">
        <v>55</v>
      </c>
      <c r="V9596">
        <v>57</v>
      </c>
      <c r="W9596">
        <v>58</v>
      </c>
      <c r="X9596">
        <v>59</v>
      </c>
      <c r="Y9596">
        <v>60</v>
      </c>
      <c r="Z9596">
        <v>61</v>
      </c>
      <c r="AA9596">
        <v>62</v>
      </c>
      <c r="AB9596">
        <v>63</v>
      </c>
      <c r="AC9596">
        <v>65</v>
      </c>
      <c r="AD9596">
        <v>66</v>
      </c>
      <c r="AE9596">
        <v>67</v>
      </c>
      <c r="AF9596">
        <v>67</v>
      </c>
      <c r="AG9596">
        <v>67</v>
      </c>
      <c r="AH9596">
        <v>67</v>
      </c>
      <c r="AI9596">
        <v>68</v>
      </c>
      <c r="AJ9596">
        <v>68</v>
      </c>
      <c r="AK9596">
        <v>68</v>
      </c>
      <c r="AL9596">
        <v>68</v>
      </c>
      <c r="AM9596">
        <v>68</v>
      </c>
      <c r="AN9596">
        <v>69</v>
      </c>
      <c r="AO9596">
        <v>69</v>
      </c>
      <c r="AP9596">
        <v>69</v>
      </c>
      <c r="AQ9596">
        <v>69</v>
      </c>
    </row>
    <row r="9597" spans="1:43">
      <c r="A9597" t="s">
        <v>5994</v>
      </c>
      <c r="B9597" t="s">
        <v>5995</v>
      </c>
      <c r="C9597" t="s">
        <v>5992</v>
      </c>
      <c r="D9597" t="s">
        <v>5993</v>
      </c>
      <c r="E9597" t="s">
        <v>5940</v>
      </c>
      <c r="F9597" t="s">
        <v>5941</v>
      </c>
      <c r="G9597" t="s">
        <v>80</v>
      </c>
      <c r="H9597" t="s">
        <v>81</v>
      </c>
      <c r="I9597" s="2">
        <v>0</v>
      </c>
      <c r="J9597" s="2">
        <v>0</v>
      </c>
      <c r="K9597" s="2">
        <v>1</v>
      </c>
      <c r="L9597" t="s">
        <v>995</v>
      </c>
      <c r="M9597" t="s">
        <v>83</v>
      </c>
      <c r="N9597" t="s">
        <v>91</v>
      </c>
      <c r="O9597" t="s">
        <v>85</v>
      </c>
      <c r="P9597" t="s">
        <v>86</v>
      </c>
      <c r="Q9597">
        <v>50</v>
      </c>
      <c r="R9597">
        <v>51</v>
      </c>
      <c r="S9597">
        <v>52</v>
      </c>
      <c r="T9597">
        <v>52</v>
      </c>
      <c r="U9597">
        <v>53</v>
      </c>
      <c r="V9597">
        <v>54</v>
      </c>
      <c r="W9597">
        <v>55</v>
      </c>
      <c r="X9597">
        <v>56</v>
      </c>
      <c r="Y9597">
        <v>57</v>
      </c>
      <c r="Z9597">
        <v>58</v>
      </c>
      <c r="AA9597">
        <v>59</v>
      </c>
      <c r="AB9597">
        <v>59</v>
      </c>
      <c r="AC9597">
        <v>60</v>
      </c>
      <c r="AD9597">
        <v>61</v>
      </c>
      <c r="AE9597">
        <v>62</v>
      </c>
      <c r="AF9597">
        <v>63</v>
      </c>
      <c r="AG9597">
        <v>64</v>
      </c>
      <c r="AH9597">
        <v>65</v>
      </c>
      <c r="AI9597">
        <v>66</v>
      </c>
      <c r="AJ9597">
        <v>66</v>
      </c>
      <c r="AK9597">
        <v>67</v>
      </c>
      <c r="AL9597">
        <v>68</v>
      </c>
      <c r="AM9597">
        <v>68</v>
      </c>
      <c r="AN9597">
        <v>68</v>
      </c>
      <c r="AO9597">
        <v>68</v>
      </c>
      <c r="AP9597">
        <v>69</v>
      </c>
      <c r="AQ9597">
        <v>69</v>
      </c>
    </row>
    <row r="9598" spans="1:43">
      <c r="A9598" t="s">
        <v>5996</v>
      </c>
      <c r="B9598" t="s">
        <v>5997</v>
      </c>
      <c r="C9598" t="s">
        <v>5998</v>
      </c>
      <c r="D9598" t="s">
        <v>5999</v>
      </c>
      <c r="E9598" t="s">
        <v>5940</v>
      </c>
      <c r="F9598" t="s">
        <v>5941</v>
      </c>
      <c r="G9598" t="s">
        <v>80</v>
      </c>
      <c r="H9598" t="s">
        <v>81</v>
      </c>
      <c r="I9598" s="2">
        <v>0</v>
      </c>
      <c r="J9598" s="2">
        <v>0</v>
      </c>
      <c r="K9598" s="2">
        <v>1</v>
      </c>
      <c r="L9598" t="s">
        <v>995</v>
      </c>
      <c r="M9598" t="s">
        <v>83</v>
      </c>
      <c r="N9598" t="s">
        <v>84</v>
      </c>
      <c r="O9598" t="s">
        <v>85</v>
      </c>
      <c r="P9598" t="s">
        <v>86</v>
      </c>
      <c r="Q9598">
        <v>51</v>
      </c>
      <c r="R9598">
        <v>52</v>
      </c>
      <c r="S9598">
        <v>53</v>
      </c>
      <c r="T9598">
        <v>54</v>
      </c>
      <c r="U9598">
        <v>55</v>
      </c>
      <c r="V9598">
        <v>56</v>
      </c>
      <c r="W9598">
        <v>57</v>
      </c>
      <c r="X9598">
        <v>58</v>
      </c>
      <c r="Y9598">
        <v>58</v>
      </c>
      <c r="Z9598">
        <v>59</v>
      </c>
      <c r="AA9598">
        <v>60</v>
      </c>
      <c r="AB9598">
        <v>61</v>
      </c>
      <c r="AC9598">
        <v>62</v>
      </c>
      <c r="AD9598">
        <v>63</v>
      </c>
      <c r="AE9598">
        <v>64</v>
      </c>
      <c r="AF9598">
        <v>65</v>
      </c>
      <c r="AG9598">
        <v>65</v>
      </c>
      <c r="AH9598">
        <v>66</v>
      </c>
      <c r="AI9598">
        <v>67</v>
      </c>
      <c r="AJ9598">
        <v>68</v>
      </c>
      <c r="AK9598">
        <v>69</v>
      </c>
      <c r="AL9598">
        <v>69</v>
      </c>
      <c r="AM9598">
        <v>70</v>
      </c>
      <c r="AN9598">
        <v>70</v>
      </c>
      <c r="AO9598">
        <v>70</v>
      </c>
      <c r="AP9598">
        <v>70</v>
      </c>
      <c r="AQ9598">
        <v>70</v>
      </c>
    </row>
    <row r="9599" spans="1:43">
      <c r="A9599" t="s">
        <v>5996</v>
      </c>
      <c r="B9599" t="s">
        <v>5997</v>
      </c>
      <c r="C9599" t="s">
        <v>5998</v>
      </c>
      <c r="D9599" t="s">
        <v>5999</v>
      </c>
      <c r="E9599" t="s">
        <v>5940</v>
      </c>
      <c r="F9599" t="s">
        <v>5941</v>
      </c>
      <c r="G9599" t="s">
        <v>80</v>
      </c>
      <c r="H9599" t="s">
        <v>81</v>
      </c>
      <c r="I9599" s="2">
        <v>0</v>
      </c>
      <c r="J9599" s="2">
        <v>0</v>
      </c>
      <c r="K9599" s="2">
        <v>1</v>
      </c>
      <c r="L9599" t="s">
        <v>995</v>
      </c>
      <c r="M9599" t="s">
        <v>87</v>
      </c>
      <c r="N9599" t="s">
        <v>88</v>
      </c>
      <c r="O9599" t="s">
        <v>85</v>
      </c>
      <c r="P9599" t="s">
        <v>86</v>
      </c>
      <c r="Q9599">
        <v>51</v>
      </c>
      <c r="R9599">
        <v>51</v>
      </c>
      <c r="S9599">
        <v>52</v>
      </c>
      <c r="T9599">
        <v>52</v>
      </c>
      <c r="U9599">
        <v>53</v>
      </c>
      <c r="V9599">
        <v>53</v>
      </c>
      <c r="W9599">
        <v>53</v>
      </c>
      <c r="X9599">
        <v>54</v>
      </c>
      <c r="Y9599">
        <v>54</v>
      </c>
      <c r="Z9599">
        <v>54</v>
      </c>
      <c r="AA9599">
        <v>55</v>
      </c>
      <c r="AB9599">
        <v>55</v>
      </c>
      <c r="AC9599">
        <v>56</v>
      </c>
      <c r="AD9599">
        <v>56</v>
      </c>
      <c r="AE9599">
        <v>56</v>
      </c>
      <c r="AF9599">
        <v>57</v>
      </c>
      <c r="AG9599">
        <v>57</v>
      </c>
      <c r="AH9599">
        <v>58</v>
      </c>
      <c r="AI9599">
        <v>58</v>
      </c>
      <c r="AJ9599">
        <v>58</v>
      </c>
      <c r="AK9599">
        <v>59</v>
      </c>
      <c r="AL9599">
        <v>59</v>
      </c>
      <c r="AM9599">
        <v>60</v>
      </c>
      <c r="AN9599">
        <v>60</v>
      </c>
      <c r="AO9599">
        <v>60</v>
      </c>
      <c r="AP9599">
        <v>61</v>
      </c>
      <c r="AQ9599">
        <v>61</v>
      </c>
    </row>
    <row r="9600" spans="1:43">
      <c r="A9600" t="s">
        <v>5996</v>
      </c>
      <c r="B9600" t="s">
        <v>5997</v>
      </c>
      <c r="C9600" t="s">
        <v>5998</v>
      </c>
      <c r="D9600" t="s">
        <v>5999</v>
      </c>
      <c r="E9600" t="s">
        <v>5940</v>
      </c>
      <c r="F9600" t="s">
        <v>5941</v>
      </c>
      <c r="G9600" t="s">
        <v>80</v>
      </c>
      <c r="H9600" t="s">
        <v>81</v>
      </c>
      <c r="I9600" s="2">
        <v>0</v>
      </c>
      <c r="J9600" s="2">
        <v>0</v>
      </c>
      <c r="K9600" s="2">
        <v>1</v>
      </c>
      <c r="L9600" t="s">
        <v>995</v>
      </c>
      <c r="M9600" t="s">
        <v>89</v>
      </c>
      <c r="N9600" t="s">
        <v>90</v>
      </c>
      <c r="O9600" t="s">
        <v>85</v>
      </c>
      <c r="P9600" t="s">
        <v>86</v>
      </c>
      <c r="Q9600">
        <v>51</v>
      </c>
      <c r="R9600">
        <v>52</v>
      </c>
      <c r="S9600">
        <v>54</v>
      </c>
      <c r="T9600">
        <v>55</v>
      </c>
      <c r="U9600">
        <v>56</v>
      </c>
      <c r="V9600">
        <v>57</v>
      </c>
      <c r="W9600">
        <v>59</v>
      </c>
      <c r="X9600">
        <v>60</v>
      </c>
      <c r="Y9600">
        <v>61</v>
      </c>
      <c r="Z9600">
        <v>62</v>
      </c>
      <c r="AA9600">
        <v>63</v>
      </c>
      <c r="AB9600">
        <v>64</v>
      </c>
      <c r="AC9600">
        <v>65</v>
      </c>
      <c r="AD9600">
        <v>67</v>
      </c>
      <c r="AE9600">
        <v>67</v>
      </c>
      <c r="AF9600">
        <v>68</v>
      </c>
      <c r="AG9600">
        <v>68</v>
      </c>
      <c r="AH9600">
        <v>68</v>
      </c>
      <c r="AI9600">
        <v>68</v>
      </c>
      <c r="AJ9600">
        <v>68</v>
      </c>
      <c r="AK9600">
        <v>69</v>
      </c>
      <c r="AL9600">
        <v>69</v>
      </c>
      <c r="AM9600">
        <v>69</v>
      </c>
      <c r="AN9600">
        <v>69</v>
      </c>
      <c r="AO9600">
        <v>69</v>
      </c>
      <c r="AP9600">
        <v>70</v>
      </c>
      <c r="AQ9600">
        <v>70</v>
      </c>
    </row>
    <row r="9601" spans="1:43">
      <c r="A9601" t="s">
        <v>5996</v>
      </c>
      <c r="B9601" t="s">
        <v>5997</v>
      </c>
      <c r="C9601" t="s">
        <v>5998</v>
      </c>
      <c r="D9601" t="s">
        <v>5999</v>
      </c>
      <c r="E9601" t="s">
        <v>5940</v>
      </c>
      <c r="F9601" t="s">
        <v>5941</v>
      </c>
      <c r="G9601" t="s">
        <v>80</v>
      </c>
      <c r="H9601" t="s">
        <v>81</v>
      </c>
      <c r="I9601" s="2">
        <v>0</v>
      </c>
      <c r="J9601" s="2">
        <v>0</v>
      </c>
      <c r="K9601" s="2">
        <v>1</v>
      </c>
      <c r="L9601" t="s">
        <v>995</v>
      </c>
      <c r="M9601" t="s">
        <v>83</v>
      </c>
      <c r="N9601" t="s">
        <v>91</v>
      </c>
      <c r="O9601" t="s">
        <v>85</v>
      </c>
      <c r="P9601" t="s">
        <v>86</v>
      </c>
      <c r="Q9601">
        <v>51</v>
      </c>
      <c r="R9601">
        <v>52</v>
      </c>
      <c r="S9601">
        <v>53</v>
      </c>
      <c r="T9601">
        <v>54</v>
      </c>
      <c r="U9601">
        <v>55</v>
      </c>
      <c r="V9601">
        <v>56</v>
      </c>
      <c r="W9601">
        <v>57</v>
      </c>
      <c r="X9601">
        <v>58</v>
      </c>
      <c r="Y9601">
        <v>58</v>
      </c>
      <c r="Z9601">
        <v>59</v>
      </c>
      <c r="AA9601">
        <v>60</v>
      </c>
      <c r="AB9601">
        <v>61</v>
      </c>
      <c r="AC9601">
        <v>62</v>
      </c>
      <c r="AD9601">
        <v>63</v>
      </c>
      <c r="AE9601">
        <v>64</v>
      </c>
      <c r="AF9601">
        <v>65</v>
      </c>
      <c r="AG9601">
        <v>65</v>
      </c>
      <c r="AH9601">
        <v>66</v>
      </c>
      <c r="AI9601">
        <v>67</v>
      </c>
      <c r="AJ9601">
        <v>68</v>
      </c>
      <c r="AK9601">
        <v>69</v>
      </c>
      <c r="AL9601">
        <v>69</v>
      </c>
      <c r="AM9601">
        <v>70</v>
      </c>
      <c r="AN9601">
        <v>70</v>
      </c>
      <c r="AO9601">
        <v>70</v>
      </c>
      <c r="AP9601">
        <v>70</v>
      </c>
      <c r="AQ9601">
        <v>70</v>
      </c>
    </row>
    <row r="9602" spans="1:43">
      <c r="A9602" t="s">
        <v>6000</v>
      </c>
      <c r="B9602" t="s">
        <v>6001</v>
      </c>
      <c r="C9602" t="s">
        <v>5992</v>
      </c>
      <c r="D9602" t="s">
        <v>5993</v>
      </c>
      <c r="E9602" t="s">
        <v>5940</v>
      </c>
      <c r="F9602" t="s">
        <v>5941</v>
      </c>
      <c r="G9602" t="s">
        <v>80</v>
      </c>
      <c r="H9602" t="s">
        <v>81</v>
      </c>
      <c r="I9602" s="2">
        <v>0</v>
      </c>
      <c r="J9602" s="2">
        <v>0</v>
      </c>
      <c r="K9602" s="2">
        <v>1</v>
      </c>
      <c r="L9602" t="s">
        <v>995</v>
      </c>
      <c r="M9602" t="s">
        <v>83</v>
      </c>
      <c r="N9602" t="s">
        <v>84</v>
      </c>
      <c r="O9602" t="s">
        <v>85</v>
      </c>
      <c r="P9602" t="s">
        <v>86</v>
      </c>
      <c r="Q9602">
        <v>0</v>
      </c>
      <c r="R9602">
        <v>0</v>
      </c>
      <c r="S9602">
        <v>0</v>
      </c>
      <c r="T9602">
        <v>0</v>
      </c>
      <c r="U9602">
        <v>0</v>
      </c>
      <c r="V9602">
        <v>0</v>
      </c>
      <c r="W9602">
        <v>0</v>
      </c>
      <c r="X9602">
        <v>0</v>
      </c>
      <c r="Y9602">
        <v>0</v>
      </c>
      <c r="Z9602">
        <v>0</v>
      </c>
      <c r="AA9602">
        <v>0</v>
      </c>
      <c r="AB9602">
        <v>0</v>
      </c>
      <c r="AC9602">
        <v>0</v>
      </c>
      <c r="AD9602">
        <v>0</v>
      </c>
      <c r="AE9602">
        <v>0</v>
      </c>
      <c r="AF9602">
        <v>0</v>
      </c>
      <c r="AG9602">
        <v>0</v>
      </c>
      <c r="AH9602">
        <v>0</v>
      </c>
      <c r="AI9602">
        <v>0</v>
      </c>
      <c r="AJ9602">
        <v>0</v>
      </c>
      <c r="AK9602">
        <v>0</v>
      </c>
      <c r="AL9602">
        <v>0</v>
      </c>
      <c r="AM9602">
        <v>0</v>
      </c>
      <c r="AN9602">
        <v>0</v>
      </c>
      <c r="AO9602">
        <v>0</v>
      </c>
      <c r="AP9602">
        <v>0</v>
      </c>
      <c r="AQ9602">
        <v>0</v>
      </c>
    </row>
    <row r="9603" spans="1:43">
      <c r="A9603" t="s">
        <v>6000</v>
      </c>
      <c r="B9603" t="s">
        <v>6001</v>
      </c>
      <c r="C9603" t="s">
        <v>5992</v>
      </c>
      <c r="D9603" t="s">
        <v>5993</v>
      </c>
      <c r="E9603" t="s">
        <v>5940</v>
      </c>
      <c r="F9603" t="s">
        <v>5941</v>
      </c>
      <c r="G9603" t="s">
        <v>80</v>
      </c>
      <c r="H9603" t="s">
        <v>81</v>
      </c>
      <c r="I9603" s="2">
        <v>0</v>
      </c>
      <c r="J9603" s="2">
        <v>0</v>
      </c>
      <c r="K9603" s="2">
        <v>1</v>
      </c>
      <c r="L9603" t="s">
        <v>995</v>
      </c>
      <c r="M9603" t="s">
        <v>87</v>
      </c>
      <c r="N9603" t="s">
        <v>88</v>
      </c>
      <c r="O9603" t="s">
        <v>85</v>
      </c>
      <c r="P9603" t="s">
        <v>86</v>
      </c>
      <c r="Q9603">
        <v>0</v>
      </c>
      <c r="R9603">
        <v>0</v>
      </c>
      <c r="S9603">
        <v>0</v>
      </c>
      <c r="T9603">
        <v>0</v>
      </c>
      <c r="U9603">
        <v>0</v>
      </c>
      <c r="V9603">
        <v>0</v>
      </c>
      <c r="W9603">
        <v>0</v>
      </c>
      <c r="X9603">
        <v>0</v>
      </c>
      <c r="Y9603">
        <v>0</v>
      </c>
      <c r="Z9603">
        <v>0</v>
      </c>
      <c r="AA9603">
        <v>0</v>
      </c>
      <c r="AB9603">
        <v>0</v>
      </c>
      <c r="AC9603">
        <v>0</v>
      </c>
      <c r="AD9603">
        <v>0</v>
      </c>
      <c r="AE9603">
        <v>0</v>
      </c>
      <c r="AF9603">
        <v>0</v>
      </c>
      <c r="AG9603">
        <v>0</v>
      </c>
      <c r="AH9603">
        <v>0</v>
      </c>
      <c r="AI9603">
        <v>0</v>
      </c>
      <c r="AJ9603">
        <v>0</v>
      </c>
      <c r="AK9603">
        <v>0</v>
      </c>
      <c r="AL9603">
        <v>0</v>
      </c>
      <c r="AM9603">
        <v>0</v>
      </c>
      <c r="AN9603">
        <v>0</v>
      </c>
      <c r="AO9603">
        <v>0</v>
      </c>
      <c r="AP9603">
        <v>0</v>
      </c>
      <c r="AQ9603">
        <v>0</v>
      </c>
    </row>
    <row r="9604" spans="1:43">
      <c r="A9604" t="s">
        <v>6000</v>
      </c>
      <c r="B9604" t="s">
        <v>6001</v>
      </c>
      <c r="C9604" t="s">
        <v>5992</v>
      </c>
      <c r="D9604" t="s">
        <v>5993</v>
      </c>
      <c r="E9604" t="s">
        <v>5940</v>
      </c>
      <c r="F9604" t="s">
        <v>5941</v>
      </c>
      <c r="G9604" t="s">
        <v>80</v>
      </c>
      <c r="H9604" t="s">
        <v>81</v>
      </c>
      <c r="I9604" s="2">
        <v>0</v>
      </c>
      <c r="J9604" s="2">
        <v>0</v>
      </c>
      <c r="K9604" s="2">
        <v>1</v>
      </c>
      <c r="L9604" t="s">
        <v>995</v>
      </c>
      <c r="M9604" t="s">
        <v>89</v>
      </c>
      <c r="N9604" t="s">
        <v>90</v>
      </c>
      <c r="O9604" t="s">
        <v>85</v>
      </c>
      <c r="P9604" t="s">
        <v>86</v>
      </c>
      <c r="Q9604">
        <v>0</v>
      </c>
      <c r="R9604">
        <v>0</v>
      </c>
      <c r="S9604">
        <v>0</v>
      </c>
      <c r="T9604">
        <v>0</v>
      </c>
      <c r="U9604">
        <v>0</v>
      </c>
      <c r="V9604">
        <v>0</v>
      </c>
      <c r="W9604">
        <v>0</v>
      </c>
      <c r="X9604">
        <v>0</v>
      </c>
      <c r="Y9604">
        <v>0</v>
      </c>
      <c r="Z9604">
        <v>0</v>
      </c>
      <c r="AA9604">
        <v>0</v>
      </c>
      <c r="AB9604">
        <v>0</v>
      </c>
      <c r="AC9604">
        <v>0</v>
      </c>
      <c r="AD9604">
        <v>0</v>
      </c>
      <c r="AE9604">
        <v>0</v>
      </c>
      <c r="AF9604">
        <v>0</v>
      </c>
      <c r="AG9604">
        <v>0</v>
      </c>
      <c r="AH9604">
        <v>0</v>
      </c>
      <c r="AI9604">
        <v>0</v>
      </c>
      <c r="AJ9604">
        <v>0</v>
      </c>
      <c r="AK9604">
        <v>0</v>
      </c>
      <c r="AL9604">
        <v>0</v>
      </c>
      <c r="AM9604">
        <v>0</v>
      </c>
      <c r="AN9604">
        <v>0</v>
      </c>
      <c r="AO9604">
        <v>0</v>
      </c>
      <c r="AP9604">
        <v>0</v>
      </c>
      <c r="AQ9604">
        <v>0</v>
      </c>
    </row>
    <row r="9605" spans="1:43">
      <c r="A9605" t="s">
        <v>6000</v>
      </c>
      <c r="B9605" t="s">
        <v>6001</v>
      </c>
      <c r="C9605" t="s">
        <v>5992</v>
      </c>
      <c r="D9605" t="s">
        <v>5993</v>
      </c>
      <c r="E9605" t="s">
        <v>5940</v>
      </c>
      <c r="F9605" t="s">
        <v>5941</v>
      </c>
      <c r="G9605" t="s">
        <v>80</v>
      </c>
      <c r="H9605" t="s">
        <v>81</v>
      </c>
      <c r="I9605" s="2">
        <v>0</v>
      </c>
      <c r="J9605" s="2">
        <v>0</v>
      </c>
      <c r="K9605" s="2">
        <v>1</v>
      </c>
      <c r="L9605" t="s">
        <v>995</v>
      </c>
      <c r="M9605" t="s">
        <v>83</v>
      </c>
      <c r="N9605" t="s">
        <v>91</v>
      </c>
      <c r="O9605" t="s">
        <v>85</v>
      </c>
      <c r="P9605" t="s">
        <v>86</v>
      </c>
      <c r="Q9605">
        <v>0</v>
      </c>
      <c r="R9605">
        <v>0</v>
      </c>
      <c r="S9605">
        <v>0</v>
      </c>
      <c r="T9605">
        <v>0</v>
      </c>
      <c r="U9605">
        <v>0</v>
      </c>
      <c r="V9605">
        <v>0</v>
      </c>
      <c r="W9605">
        <v>0</v>
      </c>
      <c r="X9605">
        <v>0</v>
      </c>
      <c r="Y9605">
        <v>0</v>
      </c>
      <c r="Z9605">
        <v>0</v>
      </c>
      <c r="AA9605">
        <v>0</v>
      </c>
      <c r="AB9605">
        <v>0</v>
      </c>
      <c r="AC9605">
        <v>0</v>
      </c>
      <c r="AD9605">
        <v>0</v>
      </c>
      <c r="AE9605">
        <v>0</v>
      </c>
      <c r="AF9605">
        <v>0</v>
      </c>
      <c r="AG9605">
        <v>0</v>
      </c>
      <c r="AH9605">
        <v>0</v>
      </c>
      <c r="AI9605">
        <v>0</v>
      </c>
      <c r="AJ9605">
        <v>0</v>
      </c>
      <c r="AK9605">
        <v>0</v>
      </c>
      <c r="AL9605">
        <v>0</v>
      </c>
      <c r="AM9605">
        <v>0</v>
      </c>
      <c r="AN9605">
        <v>0</v>
      </c>
      <c r="AO9605">
        <v>0</v>
      </c>
      <c r="AP9605">
        <v>0</v>
      </c>
      <c r="AQ9605">
        <v>0</v>
      </c>
    </row>
    <row r="9606" spans="1:43">
      <c r="A9606" t="s">
        <v>6002</v>
      </c>
      <c r="B9606" t="s">
        <v>6003</v>
      </c>
      <c r="C9606" t="s">
        <v>5998</v>
      </c>
      <c r="D9606" t="s">
        <v>5999</v>
      </c>
      <c r="E9606" t="s">
        <v>5940</v>
      </c>
      <c r="F9606" t="s">
        <v>5941</v>
      </c>
      <c r="G9606" t="s">
        <v>80</v>
      </c>
      <c r="H9606" t="s">
        <v>81</v>
      </c>
      <c r="I9606" s="2">
        <v>0</v>
      </c>
      <c r="J9606" s="2">
        <v>0</v>
      </c>
      <c r="K9606" s="2">
        <v>1</v>
      </c>
      <c r="L9606" t="s">
        <v>995</v>
      </c>
      <c r="M9606" t="s">
        <v>83</v>
      </c>
      <c r="N9606" t="s">
        <v>84</v>
      </c>
      <c r="O9606" t="s">
        <v>85</v>
      </c>
      <c r="P9606" t="s">
        <v>86</v>
      </c>
      <c r="Q9606">
        <v>20</v>
      </c>
      <c r="R9606">
        <v>21</v>
      </c>
      <c r="S9606">
        <v>21</v>
      </c>
      <c r="T9606">
        <v>21</v>
      </c>
      <c r="U9606">
        <v>22</v>
      </c>
      <c r="V9606">
        <v>22</v>
      </c>
      <c r="W9606">
        <v>22</v>
      </c>
      <c r="X9606">
        <v>23</v>
      </c>
      <c r="Y9606">
        <v>23</v>
      </c>
      <c r="Z9606">
        <v>23</v>
      </c>
      <c r="AA9606">
        <v>24</v>
      </c>
      <c r="AB9606">
        <v>24</v>
      </c>
      <c r="AC9606">
        <v>24</v>
      </c>
      <c r="AD9606">
        <v>25</v>
      </c>
      <c r="AE9606">
        <v>25</v>
      </c>
      <c r="AF9606">
        <v>25</v>
      </c>
      <c r="AG9606">
        <v>26</v>
      </c>
      <c r="AH9606">
        <v>26</v>
      </c>
      <c r="AI9606">
        <v>27</v>
      </c>
      <c r="AJ9606">
        <v>27</v>
      </c>
      <c r="AK9606">
        <v>27</v>
      </c>
      <c r="AL9606">
        <v>27</v>
      </c>
      <c r="AM9606">
        <v>28</v>
      </c>
      <c r="AN9606">
        <v>28</v>
      </c>
      <c r="AO9606">
        <v>28</v>
      </c>
      <c r="AP9606">
        <v>28</v>
      </c>
      <c r="AQ9606">
        <v>28</v>
      </c>
    </row>
    <row r="9607" spans="1:43">
      <c r="A9607" t="s">
        <v>6002</v>
      </c>
      <c r="B9607" t="s">
        <v>6003</v>
      </c>
      <c r="C9607" t="s">
        <v>5998</v>
      </c>
      <c r="D9607" t="s">
        <v>5999</v>
      </c>
      <c r="E9607" t="s">
        <v>5940</v>
      </c>
      <c r="F9607" t="s">
        <v>5941</v>
      </c>
      <c r="G9607" t="s">
        <v>80</v>
      </c>
      <c r="H9607" t="s">
        <v>81</v>
      </c>
      <c r="I9607" s="2">
        <v>0</v>
      </c>
      <c r="J9607" s="2">
        <v>0</v>
      </c>
      <c r="K9607" s="2">
        <v>1</v>
      </c>
      <c r="L9607" t="s">
        <v>995</v>
      </c>
      <c r="M9607" t="s">
        <v>87</v>
      </c>
      <c r="N9607" t="s">
        <v>88</v>
      </c>
      <c r="O9607" t="s">
        <v>85</v>
      </c>
      <c r="P9607" t="s">
        <v>86</v>
      </c>
      <c r="Q9607">
        <v>20</v>
      </c>
      <c r="R9607">
        <v>20</v>
      </c>
      <c r="S9607">
        <v>20</v>
      </c>
      <c r="T9607">
        <v>20</v>
      </c>
      <c r="U9607">
        <v>21</v>
      </c>
      <c r="V9607">
        <v>21</v>
      </c>
      <c r="W9607">
        <v>21</v>
      </c>
      <c r="X9607">
        <v>21</v>
      </c>
      <c r="Y9607">
        <v>21</v>
      </c>
      <c r="Z9607">
        <v>21</v>
      </c>
      <c r="AA9607">
        <v>22</v>
      </c>
      <c r="AB9607">
        <v>22</v>
      </c>
      <c r="AC9607">
        <v>22</v>
      </c>
      <c r="AD9607">
        <v>22</v>
      </c>
      <c r="AE9607">
        <v>22</v>
      </c>
      <c r="AF9607">
        <v>22</v>
      </c>
      <c r="AG9607">
        <v>23</v>
      </c>
      <c r="AH9607">
        <v>23</v>
      </c>
      <c r="AI9607">
        <v>23</v>
      </c>
      <c r="AJ9607">
        <v>23</v>
      </c>
      <c r="AK9607">
        <v>23</v>
      </c>
      <c r="AL9607">
        <v>23</v>
      </c>
      <c r="AM9607">
        <v>23</v>
      </c>
      <c r="AN9607">
        <v>24</v>
      </c>
      <c r="AO9607">
        <v>24</v>
      </c>
      <c r="AP9607">
        <v>24</v>
      </c>
      <c r="AQ9607">
        <v>24</v>
      </c>
    </row>
    <row r="9608" spans="1:43">
      <c r="A9608" t="s">
        <v>6002</v>
      </c>
      <c r="B9608" t="s">
        <v>6003</v>
      </c>
      <c r="C9608" t="s">
        <v>5998</v>
      </c>
      <c r="D9608" t="s">
        <v>5999</v>
      </c>
      <c r="E9608" t="s">
        <v>5940</v>
      </c>
      <c r="F9608" t="s">
        <v>5941</v>
      </c>
      <c r="G9608" t="s">
        <v>80</v>
      </c>
      <c r="H9608" t="s">
        <v>81</v>
      </c>
      <c r="I9608" s="2">
        <v>0</v>
      </c>
      <c r="J9608" s="2">
        <v>0</v>
      </c>
      <c r="K9608" s="2">
        <v>1</v>
      </c>
      <c r="L9608" t="s">
        <v>995</v>
      </c>
      <c r="M9608" t="s">
        <v>89</v>
      </c>
      <c r="N9608" t="s">
        <v>90</v>
      </c>
      <c r="O9608" t="s">
        <v>85</v>
      </c>
      <c r="P9608" t="s">
        <v>86</v>
      </c>
      <c r="Q9608">
        <v>20</v>
      </c>
      <c r="R9608">
        <v>21</v>
      </c>
      <c r="S9608">
        <v>21</v>
      </c>
      <c r="T9608">
        <v>22</v>
      </c>
      <c r="U9608">
        <v>22</v>
      </c>
      <c r="V9608">
        <v>23</v>
      </c>
      <c r="W9608">
        <v>23</v>
      </c>
      <c r="X9608">
        <v>24</v>
      </c>
      <c r="Y9608">
        <v>24</v>
      </c>
      <c r="Z9608">
        <v>25</v>
      </c>
      <c r="AA9608">
        <v>25</v>
      </c>
      <c r="AB9608">
        <v>26</v>
      </c>
      <c r="AC9608">
        <v>26</v>
      </c>
      <c r="AD9608">
        <v>27</v>
      </c>
      <c r="AE9608">
        <v>27</v>
      </c>
      <c r="AF9608">
        <v>27</v>
      </c>
      <c r="AG9608">
        <v>27</v>
      </c>
      <c r="AH9608">
        <v>27</v>
      </c>
      <c r="AI9608">
        <v>27</v>
      </c>
      <c r="AJ9608">
        <v>27</v>
      </c>
      <c r="AK9608">
        <v>28</v>
      </c>
      <c r="AL9608">
        <v>28</v>
      </c>
      <c r="AM9608">
        <v>28</v>
      </c>
      <c r="AN9608">
        <v>28</v>
      </c>
      <c r="AO9608">
        <v>28</v>
      </c>
      <c r="AP9608">
        <v>28</v>
      </c>
      <c r="AQ9608">
        <v>28</v>
      </c>
    </row>
    <row r="9609" spans="1:43">
      <c r="A9609" t="s">
        <v>6002</v>
      </c>
      <c r="B9609" t="s">
        <v>6003</v>
      </c>
      <c r="C9609" t="s">
        <v>5998</v>
      </c>
      <c r="D9609" t="s">
        <v>5999</v>
      </c>
      <c r="E9609" t="s">
        <v>5940</v>
      </c>
      <c r="F9609" t="s">
        <v>5941</v>
      </c>
      <c r="G9609" t="s">
        <v>80</v>
      </c>
      <c r="H9609" t="s">
        <v>81</v>
      </c>
      <c r="I9609" s="2">
        <v>0</v>
      </c>
      <c r="J9609" s="2">
        <v>0</v>
      </c>
      <c r="K9609" s="2">
        <v>1</v>
      </c>
      <c r="L9609" t="s">
        <v>995</v>
      </c>
      <c r="M9609" t="s">
        <v>83</v>
      </c>
      <c r="N9609" t="s">
        <v>91</v>
      </c>
      <c r="O9609" t="s">
        <v>85</v>
      </c>
      <c r="P9609" t="s">
        <v>86</v>
      </c>
      <c r="Q9609">
        <v>20</v>
      </c>
      <c r="R9609">
        <v>21</v>
      </c>
      <c r="S9609">
        <v>21</v>
      </c>
      <c r="T9609">
        <v>21</v>
      </c>
      <c r="U9609">
        <v>22</v>
      </c>
      <c r="V9609">
        <v>22</v>
      </c>
      <c r="W9609">
        <v>22</v>
      </c>
      <c r="X9609">
        <v>23</v>
      </c>
      <c r="Y9609">
        <v>23</v>
      </c>
      <c r="Z9609">
        <v>23</v>
      </c>
      <c r="AA9609">
        <v>24</v>
      </c>
      <c r="AB9609">
        <v>24</v>
      </c>
      <c r="AC9609">
        <v>24</v>
      </c>
      <c r="AD9609">
        <v>25</v>
      </c>
      <c r="AE9609">
        <v>25</v>
      </c>
      <c r="AF9609">
        <v>25</v>
      </c>
      <c r="AG9609">
        <v>26</v>
      </c>
      <c r="AH9609">
        <v>26</v>
      </c>
      <c r="AI9609">
        <v>27</v>
      </c>
      <c r="AJ9609">
        <v>27</v>
      </c>
      <c r="AK9609">
        <v>27</v>
      </c>
      <c r="AL9609">
        <v>27</v>
      </c>
      <c r="AM9609">
        <v>28</v>
      </c>
      <c r="AN9609">
        <v>28</v>
      </c>
      <c r="AO9609">
        <v>28</v>
      </c>
      <c r="AP9609">
        <v>28</v>
      </c>
      <c r="AQ9609">
        <v>28</v>
      </c>
    </row>
    <row r="9610" spans="1:43">
      <c r="A9610" t="s">
        <v>6004</v>
      </c>
      <c r="B9610" t="s">
        <v>6005</v>
      </c>
      <c r="C9610" t="s">
        <v>6006</v>
      </c>
      <c r="D9610" t="s">
        <v>6007</v>
      </c>
      <c r="E9610" t="s">
        <v>5940</v>
      </c>
      <c r="F9610" t="s">
        <v>5941</v>
      </c>
      <c r="G9610" t="s">
        <v>80</v>
      </c>
      <c r="H9610" t="s">
        <v>81</v>
      </c>
      <c r="I9610" s="2">
        <v>0</v>
      </c>
      <c r="J9610" s="2">
        <v>0</v>
      </c>
      <c r="K9610" s="2">
        <v>1</v>
      </c>
      <c r="L9610" t="s">
        <v>995</v>
      </c>
      <c r="M9610" t="s">
        <v>83</v>
      </c>
      <c r="N9610" t="s">
        <v>84</v>
      </c>
      <c r="O9610" t="s">
        <v>85</v>
      </c>
      <c r="P9610" t="s">
        <v>86</v>
      </c>
      <c r="Q9610">
        <v>31</v>
      </c>
      <c r="R9610">
        <v>32</v>
      </c>
      <c r="S9610">
        <v>32</v>
      </c>
      <c r="T9610">
        <v>33</v>
      </c>
      <c r="U9610">
        <v>34</v>
      </c>
      <c r="V9610">
        <v>34</v>
      </c>
      <c r="W9610">
        <v>35</v>
      </c>
      <c r="X9610">
        <v>35</v>
      </c>
      <c r="Y9610">
        <v>36</v>
      </c>
      <c r="Z9610">
        <v>36</v>
      </c>
      <c r="AA9610">
        <v>37</v>
      </c>
      <c r="AB9610">
        <v>37</v>
      </c>
      <c r="AC9610">
        <v>38</v>
      </c>
      <c r="AD9610">
        <v>39</v>
      </c>
      <c r="AE9610">
        <v>39</v>
      </c>
      <c r="AF9610">
        <v>40</v>
      </c>
      <c r="AG9610">
        <v>40</v>
      </c>
      <c r="AH9610">
        <v>41</v>
      </c>
      <c r="AI9610">
        <v>41</v>
      </c>
      <c r="AJ9610">
        <v>42</v>
      </c>
      <c r="AK9610">
        <v>42</v>
      </c>
      <c r="AL9610">
        <v>43</v>
      </c>
      <c r="AM9610">
        <v>43</v>
      </c>
      <c r="AN9610">
        <v>43</v>
      </c>
      <c r="AO9610">
        <v>43</v>
      </c>
      <c r="AP9610">
        <v>43</v>
      </c>
      <c r="AQ9610">
        <v>43</v>
      </c>
    </row>
    <row r="9611" spans="1:43">
      <c r="A9611" t="s">
        <v>6004</v>
      </c>
      <c r="B9611" t="s">
        <v>6005</v>
      </c>
      <c r="C9611" t="s">
        <v>6006</v>
      </c>
      <c r="D9611" t="s">
        <v>6007</v>
      </c>
      <c r="E9611" t="s">
        <v>5940</v>
      </c>
      <c r="F9611" t="s">
        <v>5941</v>
      </c>
      <c r="G9611" t="s">
        <v>80</v>
      </c>
      <c r="H9611" t="s">
        <v>81</v>
      </c>
      <c r="I9611" s="2">
        <v>0</v>
      </c>
      <c r="J9611" s="2">
        <v>0</v>
      </c>
      <c r="K9611" s="2">
        <v>1</v>
      </c>
      <c r="L9611" t="s">
        <v>995</v>
      </c>
      <c r="M9611" t="s">
        <v>87</v>
      </c>
      <c r="N9611" t="s">
        <v>88</v>
      </c>
      <c r="O9611" t="s">
        <v>85</v>
      </c>
      <c r="P9611" t="s">
        <v>86</v>
      </c>
      <c r="Q9611">
        <v>31</v>
      </c>
      <c r="R9611">
        <v>31</v>
      </c>
      <c r="S9611">
        <v>32</v>
      </c>
      <c r="T9611">
        <v>32</v>
      </c>
      <c r="U9611">
        <v>32</v>
      </c>
      <c r="V9611">
        <v>32</v>
      </c>
      <c r="W9611">
        <v>33</v>
      </c>
      <c r="X9611">
        <v>33</v>
      </c>
      <c r="Y9611">
        <v>33</v>
      </c>
      <c r="Z9611">
        <v>33</v>
      </c>
      <c r="AA9611">
        <v>34</v>
      </c>
      <c r="AB9611">
        <v>34</v>
      </c>
      <c r="AC9611">
        <v>34</v>
      </c>
      <c r="AD9611">
        <v>34</v>
      </c>
      <c r="AE9611">
        <v>35</v>
      </c>
      <c r="AF9611">
        <v>35</v>
      </c>
      <c r="AG9611">
        <v>35</v>
      </c>
      <c r="AH9611">
        <v>35</v>
      </c>
      <c r="AI9611">
        <v>36</v>
      </c>
      <c r="AJ9611">
        <v>36</v>
      </c>
      <c r="AK9611">
        <v>36</v>
      </c>
      <c r="AL9611">
        <v>36</v>
      </c>
      <c r="AM9611">
        <v>37</v>
      </c>
      <c r="AN9611">
        <v>37</v>
      </c>
      <c r="AO9611">
        <v>37</v>
      </c>
      <c r="AP9611">
        <v>37</v>
      </c>
      <c r="AQ9611">
        <v>38</v>
      </c>
    </row>
    <row r="9612" spans="1:43">
      <c r="A9612" t="s">
        <v>6004</v>
      </c>
      <c r="B9612" t="s">
        <v>6005</v>
      </c>
      <c r="C9612" t="s">
        <v>6006</v>
      </c>
      <c r="D9612" t="s">
        <v>6007</v>
      </c>
      <c r="E9612" t="s">
        <v>5940</v>
      </c>
      <c r="F9612" t="s">
        <v>5941</v>
      </c>
      <c r="G9612" t="s">
        <v>80</v>
      </c>
      <c r="H9612" t="s">
        <v>81</v>
      </c>
      <c r="I9612" s="2">
        <v>0</v>
      </c>
      <c r="J9612" s="2">
        <v>0</v>
      </c>
      <c r="K9612" s="2">
        <v>1</v>
      </c>
      <c r="L9612" t="s">
        <v>995</v>
      </c>
      <c r="M9612" t="s">
        <v>89</v>
      </c>
      <c r="N9612" t="s">
        <v>90</v>
      </c>
      <c r="O9612" t="s">
        <v>85</v>
      </c>
      <c r="P9612" t="s">
        <v>86</v>
      </c>
      <c r="Q9612">
        <v>31</v>
      </c>
      <c r="R9612">
        <v>31</v>
      </c>
      <c r="S9612">
        <v>32</v>
      </c>
      <c r="T9612">
        <v>33</v>
      </c>
      <c r="U9612">
        <v>34</v>
      </c>
      <c r="V9612">
        <v>35</v>
      </c>
      <c r="W9612">
        <v>35</v>
      </c>
      <c r="X9612">
        <v>36</v>
      </c>
      <c r="Y9612">
        <v>37</v>
      </c>
      <c r="Z9612">
        <v>38</v>
      </c>
      <c r="AA9612">
        <v>38</v>
      </c>
      <c r="AB9612">
        <v>39</v>
      </c>
      <c r="AC9612">
        <v>40</v>
      </c>
      <c r="AD9612">
        <v>40</v>
      </c>
      <c r="AE9612">
        <v>41</v>
      </c>
      <c r="AF9612">
        <v>41</v>
      </c>
      <c r="AG9612">
        <v>41</v>
      </c>
      <c r="AH9612">
        <v>41</v>
      </c>
      <c r="AI9612">
        <v>42</v>
      </c>
      <c r="AJ9612">
        <v>42</v>
      </c>
      <c r="AK9612">
        <v>42</v>
      </c>
      <c r="AL9612">
        <v>42</v>
      </c>
      <c r="AM9612">
        <v>42</v>
      </c>
      <c r="AN9612">
        <v>42</v>
      </c>
      <c r="AO9612">
        <v>43</v>
      </c>
      <c r="AP9612">
        <v>43</v>
      </c>
      <c r="AQ9612">
        <v>43</v>
      </c>
    </row>
    <row r="9613" spans="1:43">
      <c r="A9613" t="s">
        <v>6004</v>
      </c>
      <c r="B9613" t="s">
        <v>6005</v>
      </c>
      <c r="C9613" t="s">
        <v>6006</v>
      </c>
      <c r="D9613" t="s">
        <v>6007</v>
      </c>
      <c r="E9613" t="s">
        <v>5940</v>
      </c>
      <c r="F9613" t="s">
        <v>5941</v>
      </c>
      <c r="G9613" t="s">
        <v>80</v>
      </c>
      <c r="H9613" t="s">
        <v>81</v>
      </c>
      <c r="I9613" s="2">
        <v>0</v>
      </c>
      <c r="J9613" s="2">
        <v>0</v>
      </c>
      <c r="K9613" s="2">
        <v>1</v>
      </c>
      <c r="L9613" t="s">
        <v>995</v>
      </c>
      <c r="M9613" t="s">
        <v>83</v>
      </c>
      <c r="N9613" t="s">
        <v>91</v>
      </c>
      <c r="O9613" t="s">
        <v>85</v>
      </c>
      <c r="P9613" t="s">
        <v>86</v>
      </c>
      <c r="Q9613">
        <v>31</v>
      </c>
      <c r="R9613">
        <v>32</v>
      </c>
      <c r="S9613">
        <v>32</v>
      </c>
      <c r="T9613">
        <v>33</v>
      </c>
      <c r="U9613">
        <v>34</v>
      </c>
      <c r="V9613">
        <v>34</v>
      </c>
      <c r="W9613">
        <v>35</v>
      </c>
      <c r="X9613">
        <v>35</v>
      </c>
      <c r="Y9613">
        <v>36</v>
      </c>
      <c r="Z9613">
        <v>36</v>
      </c>
      <c r="AA9613">
        <v>37</v>
      </c>
      <c r="AB9613">
        <v>37</v>
      </c>
      <c r="AC9613">
        <v>38</v>
      </c>
      <c r="AD9613">
        <v>39</v>
      </c>
      <c r="AE9613">
        <v>39</v>
      </c>
      <c r="AF9613">
        <v>40</v>
      </c>
      <c r="AG9613">
        <v>40</v>
      </c>
      <c r="AH9613">
        <v>41</v>
      </c>
      <c r="AI9613">
        <v>41</v>
      </c>
      <c r="AJ9613">
        <v>42</v>
      </c>
      <c r="AK9613">
        <v>42</v>
      </c>
      <c r="AL9613">
        <v>43</v>
      </c>
      <c r="AM9613">
        <v>43</v>
      </c>
      <c r="AN9613">
        <v>43</v>
      </c>
      <c r="AO9613">
        <v>43</v>
      </c>
      <c r="AP9613">
        <v>43</v>
      </c>
      <c r="AQ9613">
        <v>43</v>
      </c>
    </row>
    <row r="9614" spans="1:43">
      <c r="A9614" t="s">
        <v>6008</v>
      </c>
      <c r="B9614" t="s">
        <v>6009</v>
      </c>
      <c r="C9614" t="s">
        <v>6010</v>
      </c>
      <c r="D9614" t="s">
        <v>6011</v>
      </c>
      <c r="E9614" t="s">
        <v>5940</v>
      </c>
      <c r="F9614" t="s">
        <v>5941</v>
      </c>
      <c r="G9614" t="s">
        <v>80</v>
      </c>
      <c r="H9614" t="s">
        <v>81</v>
      </c>
      <c r="I9614" s="2">
        <v>0</v>
      </c>
      <c r="J9614" s="2">
        <v>0</v>
      </c>
      <c r="K9614" s="2">
        <v>1</v>
      </c>
      <c r="L9614" t="s">
        <v>995</v>
      </c>
      <c r="M9614" t="s">
        <v>83</v>
      </c>
      <c r="N9614" t="s">
        <v>84</v>
      </c>
      <c r="O9614" t="s">
        <v>85</v>
      </c>
      <c r="P9614" t="s">
        <v>86</v>
      </c>
      <c r="Q9614">
        <v>15</v>
      </c>
      <c r="R9614">
        <v>16</v>
      </c>
      <c r="S9614">
        <v>16</v>
      </c>
      <c r="T9614">
        <v>16</v>
      </c>
      <c r="U9614">
        <v>16</v>
      </c>
      <c r="V9614">
        <v>17</v>
      </c>
      <c r="W9614">
        <v>17</v>
      </c>
      <c r="X9614">
        <v>17</v>
      </c>
      <c r="Y9614">
        <v>18</v>
      </c>
      <c r="Z9614">
        <v>18</v>
      </c>
      <c r="AA9614">
        <v>18</v>
      </c>
      <c r="AB9614">
        <v>18</v>
      </c>
      <c r="AC9614">
        <v>19</v>
      </c>
      <c r="AD9614">
        <v>19</v>
      </c>
      <c r="AE9614">
        <v>19</v>
      </c>
      <c r="AF9614">
        <v>19</v>
      </c>
      <c r="AG9614">
        <v>20</v>
      </c>
      <c r="AH9614">
        <v>20</v>
      </c>
      <c r="AI9614">
        <v>20</v>
      </c>
      <c r="AJ9614">
        <v>21</v>
      </c>
      <c r="AK9614">
        <v>21</v>
      </c>
      <c r="AL9614">
        <v>21</v>
      </c>
      <c r="AM9614">
        <v>21</v>
      </c>
      <c r="AN9614">
        <v>21</v>
      </c>
      <c r="AO9614">
        <v>21</v>
      </c>
      <c r="AP9614">
        <v>21</v>
      </c>
      <c r="AQ9614">
        <v>21</v>
      </c>
    </row>
    <row r="9615" spans="1:43">
      <c r="A9615" t="s">
        <v>6008</v>
      </c>
      <c r="B9615" t="s">
        <v>6009</v>
      </c>
      <c r="C9615" t="s">
        <v>6010</v>
      </c>
      <c r="D9615" t="s">
        <v>6011</v>
      </c>
      <c r="E9615" t="s">
        <v>5940</v>
      </c>
      <c r="F9615" t="s">
        <v>5941</v>
      </c>
      <c r="G9615" t="s">
        <v>80</v>
      </c>
      <c r="H9615" t="s">
        <v>81</v>
      </c>
      <c r="I9615" s="2">
        <v>0</v>
      </c>
      <c r="J9615" s="2">
        <v>0</v>
      </c>
      <c r="K9615" s="2">
        <v>1</v>
      </c>
      <c r="L9615" t="s">
        <v>995</v>
      </c>
      <c r="M9615" t="s">
        <v>87</v>
      </c>
      <c r="N9615" t="s">
        <v>88</v>
      </c>
      <c r="O9615" t="s">
        <v>85</v>
      </c>
      <c r="P9615" t="s">
        <v>86</v>
      </c>
      <c r="Q9615">
        <v>15</v>
      </c>
      <c r="R9615">
        <v>15</v>
      </c>
      <c r="S9615">
        <v>16</v>
      </c>
      <c r="T9615">
        <v>16</v>
      </c>
      <c r="U9615">
        <v>16</v>
      </c>
      <c r="V9615">
        <v>16</v>
      </c>
      <c r="W9615">
        <v>16</v>
      </c>
      <c r="X9615">
        <v>16</v>
      </c>
      <c r="Y9615">
        <v>16</v>
      </c>
      <c r="Z9615">
        <v>16</v>
      </c>
      <c r="AA9615">
        <v>16</v>
      </c>
      <c r="AB9615">
        <v>17</v>
      </c>
      <c r="AC9615">
        <v>17</v>
      </c>
      <c r="AD9615">
        <v>17</v>
      </c>
      <c r="AE9615">
        <v>17</v>
      </c>
      <c r="AF9615">
        <v>17</v>
      </c>
      <c r="AG9615">
        <v>17</v>
      </c>
      <c r="AH9615">
        <v>17</v>
      </c>
      <c r="AI9615">
        <v>17</v>
      </c>
      <c r="AJ9615">
        <v>18</v>
      </c>
      <c r="AK9615">
        <v>18</v>
      </c>
      <c r="AL9615">
        <v>18</v>
      </c>
      <c r="AM9615">
        <v>18</v>
      </c>
      <c r="AN9615">
        <v>18</v>
      </c>
      <c r="AO9615">
        <v>18</v>
      </c>
      <c r="AP9615">
        <v>18</v>
      </c>
      <c r="AQ9615">
        <v>18</v>
      </c>
    </row>
    <row r="9616" spans="1:43">
      <c r="A9616" t="s">
        <v>6008</v>
      </c>
      <c r="B9616" t="s">
        <v>6009</v>
      </c>
      <c r="C9616" t="s">
        <v>6010</v>
      </c>
      <c r="D9616" t="s">
        <v>6011</v>
      </c>
      <c r="E9616" t="s">
        <v>5940</v>
      </c>
      <c r="F9616" t="s">
        <v>5941</v>
      </c>
      <c r="G9616" t="s">
        <v>80</v>
      </c>
      <c r="H9616" t="s">
        <v>81</v>
      </c>
      <c r="I9616" s="2">
        <v>0</v>
      </c>
      <c r="J9616" s="2">
        <v>0</v>
      </c>
      <c r="K9616" s="2">
        <v>1</v>
      </c>
      <c r="L9616" t="s">
        <v>995</v>
      </c>
      <c r="M9616" t="s">
        <v>89</v>
      </c>
      <c r="N9616" t="s">
        <v>90</v>
      </c>
      <c r="O9616" t="s">
        <v>85</v>
      </c>
      <c r="P9616" t="s">
        <v>86</v>
      </c>
      <c r="Q9616">
        <v>15</v>
      </c>
      <c r="R9616">
        <v>15</v>
      </c>
      <c r="S9616">
        <v>15</v>
      </c>
      <c r="T9616">
        <v>16</v>
      </c>
      <c r="U9616">
        <v>16</v>
      </c>
      <c r="V9616">
        <v>17</v>
      </c>
      <c r="W9616">
        <v>17</v>
      </c>
      <c r="X9616">
        <v>17</v>
      </c>
      <c r="Y9616">
        <v>18</v>
      </c>
      <c r="Z9616">
        <v>18</v>
      </c>
      <c r="AA9616">
        <v>18</v>
      </c>
      <c r="AB9616">
        <v>19</v>
      </c>
      <c r="AC9616">
        <v>19</v>
      </c>
      <c r="AD9616">
        <v>19</v>
      </c>
      <c r="AE9616">
        <v>20</v>
      </c>
      <c r="AF9616">
        <v>20</v>
      </c>
      <c r="AG9616">
        <v>20</v>
      </c>
      <c r="AH9616">
        <v>20</v>
      </c>
      <c r="AI9616">
        <v>20</v>
      </c>
      <c r="AJ9616">
        <v>20</v>
      </c>
      <c r="AK9616">
        <v>20</v>
      </c>
      <c r="AL9616">
        <v>20</v>
      </c>
      <c r="AM9616">
        <v>20</v>
      </c>
      <c r="AN9616">
        <v>20</v>
      </c>
      <c r="AO9616">
        <v>20</v>
      </c>
      <c r="AP9616">
        <v>20</v>
      </c>
      <c r="AQ9616">
        <v>21</v>
      </c>
    </row>
    <row r="9617" spans="1:43">
      <c r="A9617" t="s">
        <v>6008</v>
      </c>
      <c r="B9617" t="s">
        <v>6009</v>
      </c>
      <c r="C9617" t="s">
        <v>6010</v>
      </c>
      <c r="D9617" t="s">
        <v>6011</v>
      </c>
      <c r="E9617" t="s">
        <v>5940</v>
      </c>
      <c r="F9617" t="s">
        <v>5941</v>
      </c>
      <c r="G9617" t="s">
        <v>80</v>
      </c>
      <c r="H9617" t="s">
        <v>81</v>
      </c>
      <c r="I9617" s="2">
        <v>0</v>
      </c>
      <c r="J9617" s="2">
        <v>0</v>
      </c>
      <c r="K9617" s="2">
        <v>1</v>
      </c>
      <c r="L9617" t="s">
        <v>995</v>
      </c>
      <c r="M9617" t="s">
        <v>83</v>
      </c>
      <c r="N9617" t="s">
        <v>91</v>
      </c>
      <c r="O9617" t="s">
        <v>85</v>
      </c>
      <c r="P9617" t="s">
        <v>86</v>
      </c>
      <c r="Q9617">
        <v>15</v>
      </c>
      <c r="R9617">
        <v>16</v>
      </c>
      <c r="S9617">
        <v>16</v>
      </c>
      <c r="T9617">
        <v>16</v>
      </c>
      <c r="U9617">
        <v>16</v>
      </c>
      <c r="V9617">
        <v>17</v>
      </c>
      <c r="W9617">
        <v>17</v>
      </c>
      <c r="X9617">
        <v>17</v>
      </c>
      <c r="Y9617">
        <v>18</v>
      </c>
      <c r="Z9617">
        <v>18</v>
      </c>
      <c r="AA9617">
        <v>18</v>
      </c>
      <c r="AB9617">
        <v>18</v>
      </c>
      <c r="AC9617">
        <v>19</v>
      </c>
      <c r="AD9617">
        <v>19</v>
      </c>
      <c r="AE9617">
        <v>19</v>
      </c>
      <c r="AF9617">
        <v>19</v>
      </c>
      <c r="AG9617">
        <v>20</v>
      </c>
      <c r="AH9617">
        <v>20</v>
      </c>
      <c r="AI9617">
        <v>20</v>
      </c>
      <c r="AJ9617">
        <v>21</v>
      </c>
      <c r="AK9617">
        <v>21</v>
      </c>
      <c r="AL9617">
        <v>21</v>
      </c>
      <c r="AM9617">
        <v>21</v>
      </c>
      <c r="AN9617">
        <v>21</v>
      </c>
      <c r="AO9617">
        <v>21</v>
      </c>
      <c r="AP9617">
        <v>21</v>
      </c>
      <c r="AQ9617">
        <v>21</v>
      </c>
    </row>
    <row r="9618" spans="1:43">
      <c r="A9618" t="s">
        <v>6012</v>
      </c>
      <c r="B9618" t="s">
        <v>6013</v>
      </c>
      <c r="C9618" t="s">
        <v>6006</v>
      </c>
      <c r="D9618" t="s">
        <v>6007</v>
      </c>
      <c r="E9618" t="s">
        <v>5940</v>
      </c>
      <c r="F9618" t="s">
        <v>5941</v>
      </c>
      <c r="G9618" t="s">
        <v>80</v>
      </c>
      <c r="H9618" t="s">
        <v>81</v>
      </c>
      <c r="I9618" s="2">
        <v>0</v>
      </c>
      <c r="J9618" s="2">
        <v>0</v>
      </c>
      <c r="K9618" s="2">
        <v>1</v>
      </c>
      <c r="L9618" t="s">
        <v>995</v>
      </c>
      <c r="M9618" t="s">
        <v>83</v>
      </c>
      <c r="N9618" t="s">
        <v>84</v>
      </c>
      <c r="O9618" t="s">
        <v>85</v>
      </c>
      <c r="P9618" t="s">
        <v>86</v>
      </c>
      <c r="Q9618">
        <v>27</v>
      </c>
      <c r="R9618">
        <v>27</v>
      </c>
      <c r="S9618">
        <v>28</v>
      </c>
      <c r="T9618">
        <v>28</v>
      </c>
      <c r="U9618">
        <v>29</v>
      </c>
      <c r="V9618">
        <v>29</v>
      </c>
      <c r="W9618">
        <v>30</v>
      </c>
      <c r="X9618">
        <v>30</v>
      </c>
      <c r="Y9618">
        <v>31</v>
      </c>
      <c r="Z9618">
        <v>31</v>
      </c>
      <c r="AA9618">
        <v>32</v>
      </c>
      <c r="AB9618">
        <v>32</v>
      </c>
      <c r="AC9618">
        <v>33</v>
      </c>
      <c r="AD9618">
        <v>33</v>
      </c>
      <c r="AE9618">
        <v>34</v>
      </c>
      <c r="AF9618">
        <v>34</v>
      </c>
      <c r="AG9618">
        <v>34</v>
      </c>
      <c r="AH9618">
        <v>35</v>
      </c>
      <c r="AI9618">
        <v>35</v>
      </c>
      <c r="AJ9618">
        <v>36</v>
      </c>
      <c r="AK9618">
        <v>36</v>
      </c>
      <c r="AL9618">
        <v>37</v>
      </c>
      <c r="AM9618">
        <v>37</v>
      </c>
      <c r="AN9618">
        <v>37</v>
      </c>
      <c r="AO9618">
        <v>37</v>
      </c>
      <c r="AP9618">
        <v>37</v>
      </c>
      <c r="AQ9618">
        <v>37</v>
      </c>
    </row>
    <row r="9619" spans="1:43">
      <c r="A9619" t="s">
        <v>6012</v>
      </c>
      <c r="B9619" t="s">
        <v>6013</v>
      </c>
      <c r="C9619" t="s">
        <v>6006</v>
      </c>
      <c r="D9619" t="s">
        <v>6007</v>
      </c>
      <c r="E9619" t="s">
        <v>5940</v>
      </c>
      <c r="F9619" t="s">
        <v>5941</v>
      </c>
      <c r="G9619" t="s">
        <v>80</v>
      </c>
      <c r="H9619" t="s">
        <v>81</v>
      </c>
      <c r="I9619" s="2">
        <v>0</v>
      </c>
      <c r="J9619" s="2">
        <v>0</v>
      </c>
      <c r="K9619" s="2">
        <v>1</v>
      </c>
      <c r="L9619" t="s">
        <v>995</v>
      </c>
      <c r="M9619" t="s">
        <v>87</v>
      </c>
      <c r="N9619" t="s">
        <v>88</v>
      </c>
      <c r="O9619" t="s">
        <v>85</v>
      </c>
      <c r="P9619" t="s">
        <v>86</v>
      </c>
      <c r="Q9619">
        <v>27</v>
      </c>
      <c r="R9619">
        <v>27</v>
      </c>
      <c r="S9619">
        <v>27</v>
      </c>
      <c r="T9619">
        <v>27</v>
      </c>
      <c r="U9619">
        <v>28</v>
      </c>
      <c r="V9619">
        <v>28</v>
      </c>
      <c r="W9619">
        <v>28</v>
      </c>
      <c r="X9619">
        <v>28</v>
      </c>
      <c r="Y9619">
        <v>28</v>
      </c>
      <c r="Z9619">
        <v>29</v>
      </c>
      <c r="AA9619">
        <v>29</v>
      </c>
      <c r="AB9619">
        <v>29</v>
      </c>
      <c r="AC9619">
        <v>29</v>
      </c>
      <c r="AD9619">
        <v>29</v>
      </c>
      <c r="AE9619">
        <v>30</v>
      </c>
      <c r="AF9619">
        <v>30</v>
      </c>
      <c r="AG9619">
        <v>30</v>
      </c>
      <c r="AH9619">
        <v>30</v>
      </c>
      <c r="AI9619">
        <v>31</v>
      </c>
      <c r="AJ9619">
        <v>31</v>
      </c>
      <c r="AK9619">
        <v>31</v>
      </c>
      <c r="AL9619">
        <v>31</v>
      </c>
      <c r="AM9619">
        <v>31</v>
      </c>
      <c r="AN9619">
        <v>32</v>
      </c>
      <c r="AO9619">
        <v>32</v>
      </c>
      <c r="AP9619">
        <v>32</v>
      </c>
      <c r="AQ9619">
        <v>32</v>
      </c>
    </row>
    <row r="9620" spans="1:43">
      <c r="A9620" t="s">
        <v>6012</v>
      </c>
      <c r="B9620" t="s">
        <v>6013</v>
      </c>
      <c r="C9620" t="s">
        <v>6006</v>
      </c>
      <c r="D9620" t="s">
        <v>6007</v>
      </c>
      <c r="E9620" t="s">
        <v>5940</v>
      </c>
      <c r="F9620" t="s">
        <v>5941</v>
      </c>
      <c r="G9620" t="s">
        <v>80</v>
      </c>
      <c r="H9620" t="s">
        <v>81</v>
      </c>
      <c r="I9620" s="2">
        <v>0</v>
      </c>
      <c r="J9620" s="2">
        <v>0</v>
      </c>
      <c r="K9620" s="2">
        <v>1</v>
      </c>
      <c r="L9620" t="s">
        <v>995</v>
      </c>
      <c r="M9620" t="s">
        <v>89</v>
      </c>
      <c r="N9620" t="s">
        <v>90</v>
      </c>
      <c r="O9620" t="s">
        <v>85</v>
      </c>
      <c r="P9620" t="s">
        <v>86</v>
      </c>
      <c r="Q9620">
        <v>27</v>
      </c>
      <c r="R9620">
        <v>28</v>
      </c>
      <c r="S9620">
        <v>29</v>
      </c>
      <c r="T9620">
        <v>29</v>
      </c>
      <c r="U9620">
        <v>30</v>
      </c>
      <c r="V9620">
        <v>31</v>
      </c>
      <c r="W9620">
        <v>31</v>
      </c>
      <c r="X9620">
        <v>32</v>
      </c>
      <c r="Y9620">
        <v>33</v>
      </c>
      <c r="Z9620">
        <v>33</v>
      </c>
      <c r="AA9620">
        <v>34</v>
      </c>
      <c r="AB9620">
        <v>34</v>
      </c>
      <c r="AC9620">
        <v>35</v>
      </c>
      <c r="AD9620">
        <v>36</v>
      </c>
      <c r="AE9620">
        <v>36</v>
      </c>
      <c r="AF9620">
        <v>36</v>
      </c>
      <c r="AG9620">
        <v>36</v>
      </c>
      <c r="AH9620">
        <v>36</v>
      </c>
      <c r="AI9620">
        <v>37</v>
      </c>
      <c r="AJ9620">
        <v>37</v>
      </c>
      <c r="AK9620">
        <v>37</v>
      </c>
      <c r="AL9620">
        <v>37</v>
      </c>
      <c r="AM9620">
        <v>37</v>
      </c>
      <c r="AN9620">
        <v>37</v>
      </c>
      <c r="AO9620">
        <v>37</v>
      </c>
      <c r="AP9620">
        <v>37</v>
      </c>
      <c r="AQ9620">
        <v>38</v>
      </c>
    </row>
    <row r="9621" spans="1:43">
      <c r="A9621" t="s">
        <v>6012</v>
      </c>
      <c r="B9621" t="s">
        <v>6013</v>
      </c>
      <c r="C9621" t="s">
        <v>6006</v>
      </c>
      <c r="D9621" t="s">
        <v>6007</v>
      </c>
      <c r="E9621" t="s">
        <v>5940</v>
      </c>
      <c r="F9621" t="s">
        <v>5941</v>
      </c>
      <c r="G9621" t="s">
        <v>80</v>
      </c>
      <c r="H9621" t="s">
        <v>81</v>
      </c>
      <c r="I9621" s="2">
        <v>0</v>
      </c>
      <c r="J9621" s="2">
        <v>0</v>
      </c>
      <c r="K9621" s="2">
        <v>1</v>
      </c>
      <c r="L9621" t="s">
        <v>995</v>
      </c>
      <c r="M9621" t="s">
        <v>83</v>
      </c>
      <c r="N9621" t="s">
        <v>91</v>
      </c>
      <c r="O9621" t="s">
        <v>85</v>
      </c>
      <c r="P9621" t="s">
        <v>86</v>
      </c>
      <c r="Q9621">
        <v>27</v>
      </c>
      <c r="R9621">
        <v>27</v>
      </c>
      <c r="S9621">
        <v>28</v>
      </c>
      <c r="T9621">
        <v>28</v>
      </c>
      <c r="U9621">
        <v>29</v>
      </c>
      <c r="V9621">
        <v>29</v>
      </c>
      <c r="W9621">
        <v>30</v>
      </c>
      <c r="X9621">
        <v>30</v>
      </c>
      <c r="Y9621">
        <v>31</v>
      </c>
      <c r="Z9621">
        <v>31</v>
      </c>
      <c r="AA9621">
        <v>32</v>
      </c>
      <c r="AB9621">
        <v>32</v>
      </c>
      <c r="AC9621">
        <v>33</v>
      </c>
      <c r="AD9621">
        <v>33</v>
      </c>
      <c r="AE9621">
        <v>34</v>
      </c>
      <c r="AF9621">
        <v>34</v>
      </c>
      <c r="AG9621">
        <v>34</v>
      </c>
      <c r="AH9621">
        <v>35</v>
      </c>
      <c r="AI9621">
        <v>35</v>
      </c>
      <c r="AJ9621">
        <v>36</v>
      </c>
      <c r="AK9621">
        <v>36</v>
      </c>
      <c r="AL9621">
        <v>37</v>
      </c>
      <c r="AM9621">
        <v>37</v>
      </c>
      <c r="AN9621">
        <v>37</v>
      </c>
      <c r="AO9621">
        <v>37</v>
      </c>
      <c r="AP9621">
        <v>37</v>
      </c>
      <c r="AQ9621">
        <v>37</v>
      </c>
    </row>
    <row r="9622" spans="1:43">
      <c r="A9622" t="s">
        <v>6014</v>
      </c>
      <c r="B9622" t="s">
        <v>6015</v>
      </c>
      <c r="C9622" t="s">
        <v>6006</v>
      </c>
      <c r="D9622" t="s">
        <v>6007</v>
      </c>
      <c r="E9622" t="s">
        <v>5940</v>
      </c>
      <c r="F9622" t="s">
        <v>5941</v>
      </c>
      <c r="G9622" t="s">
        <v>80</v>
      </c>
      <c r="H9622" t="s">
        <v>81</v>
      </c>
      <c r="I9622" s="2">
        <v>0</v>
      </c>
      <c r="J9622" s="2">
        <v>0</v>
      </c>
      <c r="K9622" s="2">
        <v>1</v>
      </c>
      <c r="L9622" t="s">
        <v>995</v>
      </c>
      <c r="M9622" t="s">
        <v>83</v>
      </c>
      <c r="N9622" t="s">
        <v>84</v>
      </c>
      <c r="O9622" t="s">
        <v>85</v>
      </c>
      <c r="P9622" t="s">
        <v>86</v>
      </c>
      <c r="Q9622">
        <v>14</v>
      </c>
      <c r="R9622">
        <v>15</v>
      </c>
      <c r="S9622">
        <v>15</v>
      </c>
      <c r="T9622">
        <v>15</v>
      </c>
      <c r="U9622">
        <v>15</v>
      </c>
      <c r="V9622">
        <v>16</v>
      </c>
      <c r="W9622">
        <v>16</v>
      </c>
      <c r="X9622">
        <v>16</v>
      </c>
      <c r="Y9622">
        <v>16</v>
      </c>
      <c r="Z9622">
        <v>17</v>
      </c>
      <c r="AA9622">
        <v>17</v>
      </c>
      <c r="AB9622">
        <v>17</v>
      </c>
      <c r="AC9622">
        <v>17</v>
      </c>
      <c r="AD9622">
        <v>18</v>
      </c>
      <c r="AE9622">
        <v>18</v>
      </c>
      <c r="AF9622">
        <v>18</v>
      </c>
      <c r="AG9622">
        <v>18</v>
      </c>
      <c r="AH9622">
        <v>19</v>
      </c>
      <c r="AI9622">
        <v>19</v>
      </c>
      <c r="AJ9622">
        <v>19</v>
      </c>
      <c r="AK9622">
        <v>20</v>
      </c>
      <c r="AL9622">
        <v>20</v>
      </c>
      <c r="AM9622">
        <v>20</v>
      </c>
      <c r="AN9622">
        <v>20</v>
      </c>
      <c r="AO9622">
        <v>20</v>
      </c>
      <c r="AP9622">
        <v>20</v>
      </c>
      <c r="AQ9622">
        <v>20</v>
      </c>
    </row>
    <row r="9623" spans="1:43">
      <c r="A9623" t="s">
        <v>6014</v>
      </c>
      <c r="B9623" t="s">
        <v>6015</v>
      </c>
      <c r="C9623" t="s">
        <v>6006</v>
      </c>
      <c r="D9623" t="s">
        <v>6007</v>
      </c>
      <c r="E9623" t="s">
        <v>5940</v>
      </c>
      <c r="F9623" t="s">
        <v>5941</v>
      </c>
      <c r="G9623" t="s">
        <v>80</v>
      </c>
      <c r="H9623" t="s">
        <v>81</v>
      </c>
      <c r="I9623" s="2">
        <v>0</v>
      </c>
      <c r="J9623" s="2">
        <v>0</v>
      </c>
      <c r="K9623" s="2">
        <v>1</v>
      </c>
      <c r="L9623" t="s">
        <v>995</v>
      </c>
      <c r="M9623" t="s">
        <v>87</v>
      </c>
      <c r="N9623" t="s">
        <v>88</v>
      </c>
      <c r="O9623" t="s">
        <v>85</v>
      </c>
      <c r="P9623" t="s">
        <v>86</v>
      </c>
      <c r="Q9623">
        <v>14</v>
      </c>
      <c r="R9623">
        <v>14</v>
      </c>
      <c r="S9623">
        <v>15</v>
      </c>
      <c r="T9623">
        <v>15</v>
      </c>
      <c r="U9623">
        <v>15</v>
      </c>
      <c r="V9623">
        <v>15</v>
      </c>
      <c r="W9623">
        <v>15</v>
      </c>
      <c r="X9623">
        <v>15</v>
      </c>
      <c r="Y9623">
        <v>15</v>
      </c>
      <c r="Z9623">
        <v>15</v>
      </c>
      <c r="AA9623">
        <v>15</v>
      </c>
      <c r="AB9623">
        <v>16</v>
      </c>
      <c r="AC9623">
        <v>16</v>
      </c>
      <c r="AD9623">
        <v>16</v>
      </c>
      <c r="AE9623">
        <v>16</v>
      </c>
      <c r="AF9623">
        <v>16</v>
      </c>
      <c r="AG9623">
        <v>16</v>
      </c>
      <c r="AH9623">
        <v>16</v>
      </c>
      <c r="AI9623">
        <v>16</v>
      </c>
      <c r="AJ9623">
        <v>16</v>
      </c>
      <c r="AK9623">
        <v>17</v>
      </c>
      <c r="AL9623">
        <v>17</v>
      </c>
      <c r="AM9623">
        <v>17</v>
      </c>
      <c r="AN9623">
        <v>17</v>
      </c>
      <c r="AO9623">
        <v>17</v>
      </c>
      <c r="AP9623">
        <v>17</v>
      </c>
      <c r="AQ9623">
        <v>17</v>
      </c>
    </row>
    <row r="9624" spans="1:43">
      <c r="A9624" t="s">
        <v>6014</v>
      </c>
      <c r="B9624" t="s">
        <v>6015</v>
      </c>
      <c r="C9624" t="s">
        <v>6006</v>
      </c>
      <c r="D9624" t="s">
        <v>6007</v>
      </c>
      <c r="E9624" t="s">
        <v>5940</v>
      </c>
      <c r="F9624" t="s">
        <v>5941</v>
      </c>
      <c r="G9624" t="s">
        <v>80</v>
      </c>
      <c r="H9624" t="s">
        <v>81</v>
      </c>
      <c r="I9624" s="2">
        <v>0</v>
      </c>
      <c r="J9624" s="2">
        <v>0</v>
      </c>
      <c r="K9624" s="2">
        <v>1</v>
      </c>
      <c r="L9624" t="s">
        <v>995</v>
      </c>
      <c r="M9624" t="s">
        <v>89</v>
      </c>
      <c r="N9624" t="s">
        <v>90</v>
      </c>
      <c r="O9624" t="s">
        <v>85</v>
      </c>
      <c r="P9624" t="s">
        <v>86</v>
      </c>
      <c r="Q9624">
        <v>14</v>
      </c>
      <c r="R9624">
        <v>14</v>
      </c>
      <c r="S9624">
        <v>14</v>
      </c>
      <c r="T9624">
        <v>15</v>
      </c>
      <c r="U9624">
        <v>15</v>
      </c>
      <c r="V9624">
        <v>15</v>
      </c>
      <c r="W9624">
        <v>16</v>
      </c>
      <c r="X9624">
        <v>16</v>
      </c>
      <c r="Y9624">
        <v>16</v>
      </c>
      <c r="Z9624">
        <v>17</v>
      </c>
      <c r="AA9624">
        <v>17</v>
      </c>
      <c r="AB9624">
        <v>17</v>
      </c>
      <c r="AC9624">
        <v>18</v>
      </c>
      <c r="AD9624">
        <v>18</v>
      </c>
      <c r="AE9624">
        <v>18</v>
      </c>
      <c r="AF9624">
        <v>18</v>
      </c>
      <c r="AG9624">
        <v>18</v>
      </c>
      <c r="AH9624">
        <v>19</v>
      </c>
      <c r="AI9624">
        <v>19</v>
      </c>
      <c r="AJ9624">
        <v>19</v>
      </c>
      <c r="AK9624">
        <v>19</v>
      </c>
      <c r="AL9624">
        <v>19</v>
      </c>
      <c r="AM9624">
        <v>19</v>
      </c>
      <c r="AN9624">
        <v>19</v>
      </c>
      <c r="AO9624">
        <v>19</v>
      </c>
      <c r="AP9624">
        <v>19</v>
      </c>
      <c r="AQ9624">
        <v>19</v>
      </c>
    </row>
    <row r="9625" spans="1:43">
      <c r="A9625" t="s">
        <v>6014</v>
      </c>
      <c r="B9625" t="s">
        <v>6015</v>
      </c>
      <c r="C9625" t="s">
        <v>6006</v>
      </c>
      <c r="D9625" t="s">
        <v>6007</v>
      </c>
      <c r="E9625" t="s">
        <v>5940</v>
      </c>
      <c r="F9625" t="s">
        <v>5941</v>
      </c>
      <c r="G9625" t="s">
        <v>80</v>
      </c>
      <c r="H9625" t="s">
        <v>81</v>
      </c>
      <c r="I9625" s="2">
        <v>0</v>
      </c>
      <c r="J9625" s="2">
        <v>0</v>
      </c>
      <c r="K9625" s="2">
        <v>1</v>
      </c>
      <c r="L9625" t="s">
        <v>995</v>
      </c>
      <c r="M9625" t="s">
        <v>83</v>
      </c>
      <c r="N9625" t="s">
        <v>91</v>
      </c>
      <c r="O9625" t="s">
        <v>85</v>
      </c>
      <c r="P9625" t="s">
        <v>86</v>
      </c>
      <c r="Q9625">
        <v>14</v>
      </c>
      <c r="R9625">
        <v>15</v>
      </c>
      <c r="S9625">
        <v>15</v>
      </c>
      <c r="T9625">
        <v>15</v>
      </c>
      <c r="U9625">
        <v>15</v>
      </c>
      <c r="V9625">
        <v>16</v>
      </c>
      <c r="W9625">
        <v>16</v>
      </c>
      <c r="X9625">
        <v>16</v>
      </c>
      <c r="Y9625">
        <v>16</v>
      </c>
      <c r="Z9625">
        <v>17</v>
      </c>
      <c r="AA9625">
        <v>17</v>
      </c>
      <c r="AB9625">
        <v>17</v>
      </c>
      <c r="AC9625">
        <v>17</v>
      </c>
      <c r="AD9625">
        <v>18</v>
      </c>
      <c r="AE9625">
        <v>18</v>
      </c>
      <c r="AF9625">
        <v>18</v>
      </c>
      <c r="AG9625">
        <v>18</v>
      </c>
      <c r="AH9625">
        <v>19</v>
      </c>
      <c r="AI9625">
        <v>19</v>
      </c>
      <c r="AJ9625">
        <v>19</v>
      </c>
      <c r="AK9625">
        <v>20</v>
      </c>
      <c r="AL9625">
        <v>20</v>
      </c>
      <c r="AM9625">
        <v>20</v>
      </c>
      <c r="AN9625">
        <v>20</v>
      </c>
      <c r="AO9625">
        <v>20</v>
      </c>
      <c r="AP9625">
        <v>20</v>
      </c>
      <c r="AQ9625">
        <v>20</v>
      </c>
    </row>
    <row r="9626" spans="1:43">
      <c r="A9626" t="s">
        <v>6016</v>
      </c>
      <c r="B9626" t="s">
        <v>6017</v>
      </c>
      <c r="C9626" t="s">
        <v>6010</v>
      </c>
      <c r="D9626" t="s">
        <v>6011</v>
      </c>
      <c r="E9626" t="s">
        <v>5940</v>
      </c>
      <c r="F9626" t="s">
        <v>5941</v>
      </c>
      <c r="G9626" t="s">
        <v>80</v>
      </c>
      <c r="H9626" t="s">
        <v>81</v>
      </c>
      <c r="I9626" s="2">
        <v>0</v>
      </c>
      <c r="J9626" s="2">
        <v>0</v>
      </c>
      <c r="K9626" s="2">
        <v>1</v>
      </c>
      <c r="L9626" t="s">
        <v>995</v>
      </c>
      <c r="M9626" t="s">
        <v>83</v>
      </c>
      <c r="N9626" t="s">
        <v>84</v>
      </c>
      <c r="O9626" t="s">
        <v>85</v>
      </c>
      <c r="P9626" t="s">
        <v>86</v>
      </c>
      <c r="Q9626">
        <v>8</v>
      </c>
      <c r="R9626">
        <v>8</v>
      </c>
      <c r="S9626">
        <v>8</v>
      </c>
      <c r="T9626">
        <v>8</v>
      </c>
      <c r="U9626">
        <v>9</v>
      </c>
      <c r="V9626">
        <v>9</v>
      </c>
      <c r="W9626">
        <v>9</v>
      </c>
      <c r="X9626">
        <v>9</v>
      </c>
      <c r="Y9626">
        <v>9</v>
      </c>
      <c r="Z9626">
        <v>9</v>
      </c>
      <c r="AA9626">
        <v>9</v>
      </c>
      <c r="AB9626">
        <v>9</v>
      </c>
      <c r="AC9626">
        <v>10</v>
      </c>
      <c r="AD9626">
        <v>10</v>
      </c>
      <c r="AE9626">
        <v>10</v>
      </c>
      <c r="AF9626">
        <v>10</v>
      </c>
      <c r="AG9626">
        <v>10</v>
      </c>
      <c r="AH9626">
        <v>10</v>
      </c>
      <c r="AI9626">
        <v>10</v>
      </c>
      <c r="AJ9626">
        <v>11</v>
      </c>
      <c r="AK9626">
        <v>11</v>
      </c>
      <c r="AL9626">
        <v>11</v>
      </c>
      <c r="AM9626">
        <v>11</v>
      </c>
      <c r="AN9626">
        <v>11</v>
      </c>
      <c r="AO9626">
        <v>11</v>
      </c>
      <c r="AP9626">
        <v>11</v>
      </c>
      <c r="AQ9626">
        <v>11</v>
      </c>
    </row>
    <row r="9627" spans="1:43">
      <c r="A9627" t="s">
        <v>6016</v>
      </c>
      <c r="B9627" t="s">
        <v>6017</v>
      </c>
      <c r="C9627" t="s">
        <v>6010</v>
      </c>
      <c r="D9627" t="s">
        <v>6011</v>
      </c>
      <c r="E9627" t="s">
        <v>5940</v>
      </c>
      <c r="F9627" t="s">
        <v>5941</v>
      </c>
      <c r="G9627" t="s">
        <v>80</v>
      </c>
      <c r="H9627" t="s">
        <v>81</v>
      </c>
      <c r="I9627" s="2">
        <v>0</v>
      </c>
      <c r="J9627" s="2">
        <v>0</v>
      </c>
      <c r="K9627" s="2">
        <v>1</v>
      </c>
      <c r="L9627" t="s">
        <v>995</v>
      </c>
      <c r="M9627" t="s">
        <v>87</v>
      </c>
      <c r="N9627" t="s">
        <v>88</v>
      </c>
      <c r="O9627" t="s">
        <v>85</v>
      </c>
      <c r="P9627" t="s">
        <v>86</v>
      </c>
      <c r="Q9627">
        <v>8</v>
      </c>
      <c r="R9627">
        <v>8</v>
      </c>
      <c r="S9627">
        <v>8</v>
      </c>
      <c r="T9627">
        <v>8</v>
      </c>
      <c r="U9627">
        <v>8</v>
      </c>
      <c r="V9627">
        <v>8</v>
      </c>
      <c r="W9627">
        <v>8</v>
      </c>
      <c r="X9627">
        <v>8</v>
      </c>
      <c r="Y9627">
        <v>8</v>
      </c>
      <c r="Z9627">
        <v>8</v>
      </c>
      <c r="AA9627">
        <v>9</v>
      </c>
      <c r="AB9627">
        <v>9</v>
      </c>
      <c r="AC9627">
        <v>9</v>
      </c>
      <c r="AD9627">
        <v>9</v>
      </c>
      <c r="AE9627">
        <v>9</v>
      </c>
      <c r="AF9627">
        <v>9</v>
      </c>
      <c r="AG9627">
        <v>9</v>
      </c>
      <c r="AH9627">
        <v>9</v>
      </c>
      <c r="AI9627">
        <v>9</v>
      </c>
      <c r="AJ9627">
        <v>9</v>
      </c>
      <c r="AK9627">
        <v>9</v>
      </c>
      <c r="AL9627">
        <v>9</v>
      </c>
      <c r="AM9627">
        <v>9</v>
      </c>
      <c r="AN9627">
        <v>9</v>
      </c>
      <c r="AO9627">
        <v>9</v>
      </c>
      <c r="AP9627">
        <v>9</v>
      </c>
      <c r="AQ9627">
        <v>10</v>
      </c>
    </row>
    <row r="9628" spans="1:43">
      <c r="A9628" t="s">
        <v>6016</v>
      </c>
      <c r="B9628" t="s">
        <v>6017</v>
      </c>
      <c r="C9628" t="s">
        <v>6010</v>
      </c>
      <c r="D9628" t="s">
        <v>6011</v>
      </c>
      <c r="E9628" t="s">
        <v>5940</v>
      </c>
      <c r="F9628" t="s">
        <v>5941</v>
      </c>
      <c r="G9628" t="s">
        <v>80</v>
      </c>
      <c r="H9628" t="s">
        <v>81</v>
      </c>
      <c r="I9628" s="2">
        <v>0</v>
      </c>
      <c r="J9628" s="2">
        <v>0</v>
      </c>
      <c r="K9628" s="2">
        <v>1</v>
      </c>
      <c r="L9628" t="s">
        <v>995</v>
      </c>
      <c r="M9628" t="s">
        <v>89</v>
      </c>
      <c r="N9628" t="s">
        <v>90</v>
      </c>
      <c r="O9628" t="s">
        <v>85</v>
      </c>
      <c r="P9628" t="s">
        <v>86</v>
      </c>
      <c r="Q9628">
        <v>8</v>
      </c>
      <c r="R9628">
        <v>8</v>
      </c>
      <c r="S9628">
        <v>8</v>
      </c>
      <c r="T9628">
        <v>9</v>
      </c>
      <c r="U9628">
        <v>9</v>
      </c>
      <c r="V9628">
        <v>9</v>
      </c>
      <c r="W9628">
        <v>9</v>
      </c>
      <c r="X9628">
        <v>9</v>
      </c>
      <c r="Y9628">
        <v>10</v>
      </c>
      <c r="Z9628">
        <v>10</v>
      </c>
      <c r="AA9628">
        <v>10</v>
      </c>
      <c r="AB9628">
        <v>10</v>
      </c>
      <c r="AC9628">
        <v>10</v>
      </c>
      <c r="AD9628">
        <v>11</v>
      </c>
      <c r="AE9628">
        <v>11</v>
      </c>
      <c r="AF9628">
        <v>11</v>
      </c>
      <c r="AG9628">
        <v>11</v>
      </c>
      <c r="AH9628">
        <v>11</v>
      </c>
      <c r="AI9628">
        <v>11</v>
      </c>
      <c r="AJ9628">
        <v>11</v>
      </c>
      <c r="AK9628">
        <v>11</v>
      </c>
      <c r="AL9628">
        <v>11</v>
      </c>
      <c r="AM9628">
        <v>11</v>
      </c>
      <c r="AN9628">
        <v>11</v>
      </c>
      <c r="AO9628">
        <v>11</v>
      </c>
      <c r="AP9628">
        <v>11</v>
      </c>
      <c r="AQ9628">
        <v>11</v>
      </c>
    </row>
    <row r="9629" spans="1:43">
      <c r="A9629" t="s">
        <v>6016</v>
      </c>
      <c r="B9629" t="s">
        <v>6017</v>
      </c>
      <c r="C9629" t="s">
        <v>6010</v>
      </c>
      <c r="D9629" t="s">
        <v>6011</v>
      </c>
      <c r="E9629" t="s">
        <v>5940</v>
      </c>
      <c r="F9629" t="s">
        <v>5941</v>
      </c>
      <c r="G9629" t="s">
        <v>80</v>
      </c>
      <c r="H9629" t="s">
        <v>81</v>
      </c>
      <c r="I9629" s="2">
        <v>0</v>
      </c>
      <c r="J9629" s="2">
        <v>0</v>
      </c>
      <c r="K9629" s="2">
        <v>1</v>
      </c>
      <c r="L9629" t="s">
        <v>995</v>
      </c>
      <c r="M9629" t="s">
        <v>83</v>
      </c>
      <c r="N9629" t="s">
        <v>91</v>
      </c>
      <c r="O9629" t="s">
        <v>85</v>
      </c>
      <c r="P9629" t="s">
        <v>86</v>
      </c>
      <c r="Q9629">
        <v>8</v>
      </c>
      <c r="R9629">
        <v>8</v>
      </c>
      <c r="S9629">
        <v>8</v>
      </c>
      <c r="T9629">
        <v>8</v>
      </c>
      <c r="U9629">
        <v>9</v>
      </c>
      <c r="V9629">
        <v>9</v>
      </c>
      <c r="W9629">
        <v>9</v>
      </c>
      <c r="X9629">
        <v>9</v>
      </c>
      <c r="Y9629">
        <v>9</v>
      </c>
      <c r="Z9629">
        <v>9</v>
      </c>
      <c r="AA9629">
        <v>9</v>
      </c>
      <c r="AB9629">
        <v>9</v>
      </c>
      <c r="AC9629">
        <v>10</v>
      </c>
      <c r="AD9629">
        <v>10</v>
      </c>
      <c r="AE9629">
        <v>10</v>
      </c>
      <c r="AF9629">
        <v>10</v>
      </c>
      <c r="AG9629">
        <v>10</v>
      </c>
      <c r="AH9629">
        <v>10</v>
      </c>
      <c r="AI9629">
        <v>10</v>
      </c>
      <c r="AJ9629">
        <v>11</v>
      </c>
      <c r="AK9629">
        <v>11</v>
      </c>
      <c r="AL9629">
        <v>11</v>
      </c>
      <c r="AM9629">
        <v>11</v>
      </c>
      <c r="AN9629">
        <v>11</v>
      </c>
      <c r="AO9629">
        <v>11</v>
      </c>
      <c r="AP9629">
        <v>11</v>
      </c>
      <c r="AQ9629">
        <v>11</v>
      </c>
    </row>
    <row r="9630" spans="1:43">
      <c r="A9630" t="s">
        <v>6018</v>
      </c>
      <c r="B9630" t="s">
        <v>6019</v>
      </c>
      <c r="C9630" t="s">
        <v>6020</v>
      </c>
      <c r="D9630" t="s">
        <v>6021</v>
      </c>
      <c r="E9630" t="s">
        <v>5940</v>
      </c>
      <c r="F9630" t="s">
        <v>5941</v>
      </c>
      <c r="G9630" t="s">
        <v>80</v>
      </c>
      <c r="H9630" t="s">
        <v>81</v>
      </c>
      <c r="I9630" s="2">
        <v>0</v>
      </c>
      <c r="J9630" s="2">
        <v>0</v>
      </c>
      <c r="K9630" s="2">
        <v>1</v>
      </c>
      <c r="L9630" t="s">
        <v>995</v>
      </c>
      <c r="M9630" t="s">
        <v>83</v>
      </c>
      <c r="N9630" t="s">
        <v>84</v>
      </c>
      <c r="O9630" t="s">
        <v>85</v>
      </c>
      <c r="P9630" t="s">
        <v>86</v>
      </c>
      <c r="Q9630">
        <v>8</v>
      </c>
      <c r="R9630">
        <v>9</v>
      </c>
      <c r="S9630">
        <v>9</v>
      </c>
      <c r="T9630">
        <v>9</v>
      </c>
      <c r="U9630">
        <v>9</v>
      </c>
      <c r="V9630">
        <v>9</v>
      </c>
      <c r="W9630">
        <v>9</v>
      </c>
      <c r="X9630">
        <v>9</v>
      </c>
      <c r="Y9630">
        <v>10</v>
      </c>
      <c r="Z9630">
        <v>10</v>
      </c>
      <c r="AA9630">
        <v>10</v>
      </c>
      <c r="AB9630">
        <v>10</v>
      </c>
      <c r="AC9630">
        <v>10</v>
      </c>
      <c r="AD9630">
        <v>10</v>
      </c>
      <c r="AE9630">
        <v>11</v>
      </c>
      <c r="AF9630">
        <v>11</v>
      </c>
      <c r="AG9630">
        <v>11</v>
      </c>
      <c r="AH9630">
        <v>11</v>
      </c>
      <c r="AI9630">
        <v>11</v>
      </c>
      <c r="AJ9630">
        <v>11</v>
      </c>
      <c r="AK9630">
        <v>11</v>
      </c>
      <c r="AL9630">
        <v>11</v>
      </c>
      <c r="AM9630">
        <v>12</v>
      </c>
      <c r="AN9630">
        <v>12</v>
      </c>
      <c r="AO9630">
        <v>12</v>
      </c>
      <c r="AP9630">
        <v>12</v>
      </c>
      <c r="AQ9630">
        <v>12</v>
      </c>
    </row>
    <row r="9631" spans="1:43">
      <c r="A9631" t="s">
        <v>6018</v>
      </c>
      <c r="B9631" t="s">
        <v>6019</v>
      </c>
      <c r="C9631" t="s">
        <v>6020</v>
      </c>
      <c r="D9631" t="s">
        <v>6021</v>
      </c>
      <c r="E9631" t="s">
        <v>5940</v>
      </c>
      <c r="F9631" t="s">
        <v>5941</v>
      </c>
      <c r="G9631" t="s">
        <v>80</v>
      </c>
      <c r="H9631" t="s">
        <v>81</v>
      </c>
      <c r="I9631" s="2">
        <v>0</v>
      </c>
      <c r="J9631" s="2">
        <v>0</v>
      </c>
      <c r="K9631" s="2">
        <v>1</v>
      </c>
      <c r="L9631" t="s">
        <v>995</v>
      </c>
      <c r="M9631" t="s">
        <v>87</v>
      </c>
      <c r="N9631" t="s">
        <v>88</v>
      </c>
      <c r="O9631" t="s">
        <v>85</v>
      </c>
      <c r="P9631" t="s">
        <v>86</v>
      </c>
      <c r="Q9631">
        <v>8</v>
      </c>
      <c r="R9631">
        <v>8</v>
      </c>
      <c r="S9631">
        <v>8</v>
      </c>
      <c r="T9631">
        <v>9</v>
      </c>
      <c r="U9631">
        <v>9</v>
      </c>
      <c r="V9631">
        <v>9</v>
      </c>
      <c r="W9631">
        <v>9</v>
      </c>
      <c r="X9631">
        <v>9</v>
      </c>
      <c r="Y9631">
        <v>9</v>
      </c>
      <c r="Z9631">
        <v>9</v>
      </c>
      <c r="AA9631">
        <v>9</v>
      </c>
      <c r="AB9631">
        <v>9</v>
      </c>
      <c r="AC9631">
        <v>9</v>
      </c>
      <c r="AD9631">
        <v>9</v>
      </c>
      <c r="AE9631">
        <v>9</v>
      </c>
      <c r="AF9631">
        <v>9</v>
      </c>
      <c r="AG9631">
        <v>9</v>
      </c>
      <c r="AH9631">
        <v>10</v>
      </c>
      <c r="AI9631">
        <v>10</v>
      </c>
      <c r="AJ9631">
        <v>10</v>
      </c>
      <c r="AK9631">
        <v>10</v>
      </c>
      <c r="AL9631">
        <v>10</v>
      </c>
      <c r="AM9631">
        <v>10</v>
      </c>
      <c r="AN9631">
        <v>10</v>
      </c>
      <c r="AO9631">
        <v>10</v>
      </c>
      <c r="AP9631">
        <v>10</v>
      </c>
      <c r="AQ9631">
        <v>10</v>
      </c>
    </row>
    <row r="9632" spans="1:43">
      <c r="A9632" t="s">
        <v>6018</v>
      </c>
      <c r="B9632" t="s">
        <v>6019</v>
      </c>
      <c r="C9632" t="s">
        <v>6020</v>
      </c>
      <c r="D9632" t="s">
        <v>6021</v>
      </c>
      <c r="E9632" t="s">
        <v>5940</v>
      </c>
      <c r="F9632" t="s">
        <v>5941</v>
      </c>
      <c r="G9632" t="s">
        <v>80</v>
      </c>
      <c r="H9632" t="s">
        <v>81</v>
      </c>
      <c r="I9632" s="2">
        <v>0</v>
      </c>
      <c r="J9632" s="2">
        <v>0</v>
      </c>
      <c r="K9632" s="2">
        <v>1</v>
      </c>
      <c r="L9632" t="s">
        <v>995</v>
      </c>
      <c r="M9632" t="s">
        <v>89</v>
      </c>
      <c r="N9632" t="s">
        <v>90</v>
      </c>
      <c r="O9632" t="s">
        <v>85</v>
      </c>
      <c r="P9632" t="s">
        <v>86</v>
      </c>
      <c r="Q9632">
        <v>8</v>
      </c>
      <c r="R9632">
        <v>8</v>
      </c>
      <c r="S9632">
        <v>8</v>
      </c>
      <c r="T9632">
        <v>8</v>
      </c>
      <c r="U9632">
        <v>8</v>
      </c>
      <c r="V9632">
        <v>9</v>
      </c>
      <c r="W9632">
        <v>9</v>
      </c>
      <c r="X9632">
        <v>9</v>
      </c>
      <c r="Y9632">
        <v>9</v>
      </c>
      <c r="Z9632">
        <v>9</v>
      </c>
      <c r="AA9632">
        <v>10</v>
      </c>
      <c r="AB9632">
        <v>10</v>
      </c>
      <c r="AC9632">
        <v>10</v>
      </c>
      <c r="AD9632">
        <v>10</v>
      </c>
      <c r="AE9632">
        <v>10</v>
      </c>
      <c r="AF9632">
        <v>10</v>
      </c>
      <c r="AG9632">
        <v>10</v>
      </c>
      <c r="AH9632">
        <v>10</v>
      </c>
      <c r="AI9632">
        <v>10</v>
      </c>
      <c r="AJ9632">
        <v>11</v>
      </c>
      <c r="AK9632">
        <v>11</v>
      </c>
      <c r="AL9632">
        <v>11</v>
      </c>
      <c r="AM9632">
        <v>11</v>
      </c>
      <c r="AN9632">
        <v>11</v>
      </c>
      <c r="AO9632">
        <v>11</v>
      </c>
      <c r="AP9632">
        <v>11</v>
      </c>
      <c r="AQ9632">
        <v>11</v>
      </c>
    </row>
    <row r="9633" spans="1:43">
      <c r="A9633" t="s">
        <v>6018</v>
      </c>
      <c r="B9633" t="s">
        <v>6019</v>
      </c>
      <c r="C9633" t="s">
        <v>6020</v>
      </c>
      <c r="D9633" t="s">
        <v>6021</v>
      </c>
      <c r="E9633" t="s">
        <v>5940</v>
      </c>
      <c r="F9633" t="s">
        <v>5941</v>
      </c>
      <c r="G9633" t="s">
        <v>80</v>
      </c>
      <c r="H9633" t="s">
        <v>81</v>
      </c>
      <c r="I9633" s="2">
        <v>0</v>
      </c>
      <c r="J9633" s="2">
        <v>0</v>
      </c>
      <c r="K9633" s="2">
        <v>1</v>
      </c>
      <c r="L9633" t="s">
        <v>995</v>
      </c>
      <c r="M9633" t="s">
        <v>83</v>
      </c>
      <c r="N9633" t="s">
        <v>91</v>
      </c>
      <c r="O9633" t="s">
        <v>85</v>
      </c>
      <c r="P9633" t="s">
        <v>86</v>
      </c>
      <c r="Q9633">
        <v>8</v>
      </c>
      <c r="R9633">
        <v>9</v>
      </c>
      <c r="S9633">
        <v>9</v>
      </c>
      <c r="T9633">
        <v>9</v>
      </c>
      <c r="U9633">
        <v>9</v>
      </c>
      <c r="V9633">
        <v>9</v>
      </c>
      <c r="W9633">
        <v>9</v>
      </c>
      <c r="X9633">
        <v>9</v>
      </c>
      <c r="Y9633">
        <v>10</v>
      </c>
      <c r="Z9633">
        <v>10</v>
      </c>
      <c r="AA9633">
        <v>10</v>
      </c>
      <c r="AB9633">
        <v>10</v>
      </c>
      <c r="AC9633">
        <v>10</v>
      </c>
      <c r="AD9633">
        <v>10</v>
      </c>
      <c r="AE9633">
        <v>11</v>
      </c>
      <c r="AF9633">
        <v>11</v>
      </c>
      <c r="AG9633">
        <v>11</v>
      </c>
      <c r="AH9633">
        <v>11</v>
      </c>
      <c r="AI9633">
        <v>11</v>
      </c>
      <c r="AJ9633">
        <v>11</v>
      </c>
      <c r="AK9633">
        <v>11</v>
      </c>
      <c r="AL9633">
        <v>11</v>
      </c>
      <c r="AM9633">
        <v>12</v>
      </c>
      <c r="AN9633">
        <v>12</v>
      </c>
      <c r="AO9633">
        <v>12</v>
      </c>
      <c r="AP9633">
        <v>12</v>
      </c>
      <c r="AQ9633">
        <v>12</v>
      </c>
    </row>
    <row r="9634" spans="1:43">
      <c r="A9634" t="s">
        <v>6022</v>
      </c>
      <c r="B9634" t="s">
        <v>6023</v>
      </c>
      <c r="C9634" t="s">
        <v>6020</v>
      </c>
      <c r="D9634" t="s">
        <v>6021</v>
      </c>
      <c r="E9634" t="s">
        <v>5940</v>
      </c>
      <c r="F9634" t="s">
        <v>5941</v>
      </c>
      <c r="G9634" t="s">
        <v>80</v>
      </c>
      <c r="H9634" t="s">
        <v>81</v>
      </c>
      <c r="I9634" s="2">
        <v>0</v>
      </c>
      <c r="J9634" s="2">
        <v>0</v>
      </c>
      <c r="K9634" s="2">
        <v>1</v>
      </c>
      <c r="L9634" t="s">
        <v>995</v>
      </c>
      <c r="M9634" t="s">
        <v>83</v>
      </c>
      <c r="N9634" t="s">
        <v>84</v>
      </c>
      <c r="O9634" t="s">
        <v>85</v>
      </c>
      <c r="P9634" t="s">
        <v>86</v>
      </c>
      <c r="Q9634">
        <v>10</v>
      </c>
      <c r="R9634">
        <v>10</v>
      </c>
      <c r="S9634">
        <v>10</v>
      </c>
      <c r="T9634">
        <v>11</v>
      </c>
      <c r="U9634">
        <v>11</v>
      </c>
      <c r="V9634">
        <v>11</v>
      </c>
      <c r="W9634">
        <v>11</v>
      </c>
      <c r="X9634">
        <v>11</v>
      </c>
      <c r="Y9634">
        <v>11</v>
      </c>
      <c r="Z9634">
        <v>12</v>
      </c>
      <c r="AA9634">
        <v>12</v>
      </c>
      <c r="AB9634">
        <v>12</v>
      </c>
      <c r="AC9634">
        <v>12</v>
      </c>
      <c r="AD9634">
        <v>12</v>
      </c>
      <c r="AE9634">
        <v>13</v>
      </c>
      <c r="AF9634">
        <v>13</v>
      </c>
      <c r="AG9634">
        <v>13</v>
      </c>
      <c r="AH9634">
        <v>13</v>
      </c>
      <c r="AI9634">
        <v>13</v>
      </c>
      <c r="AJ9634">
        <v>13</v>
      </c>
      <c r="AK9634">
        <v>14</v>
      </c>
      <c r="AL9634">
        <v>14</v>
      </c>
      <c r="AM9634">
        <v>14</v>
      </c>
      <c r="AN9634">
        <v>14</v>
      </c>
      <c r="AO9634">
        <v>14</v>
      </c>
      <c r="AP9634">
        <v>14</v>
      </c>
      <c r="AQ9634">
        <v>14</v>
      </c>
    </row>
    <row r="9635" spans="1:43">
      <c r="A9635" t="s">
        <v>6022</v>
      </c>
      <c r="B9635" t="s">
        <v>6023</v>
      </c>
      <c r="C9635" t="s">
        <v>6020</v>
      </c>
      <c r="D9635" t="s">
        <v>6021</v>
      </c>
      <c r="E9635" t="s">
        <v>5940</v>
      </c>
      <c r="F9635" t="s">
        <v>5941</v>
      </c>
      <c r="G9635" t="s">
        <v>80</v>
      </c>
      <c r="H9635" t="s">
        <v>81</v>
      </c>
      <c r="I9635" s="2">
        <v>0</v>
      </c>
      <c r="J9635" s="2">
        <v>0</v>
      </c>
      <c r="K9635" s="2">
        <v>1</v>
      </c>
      <c r="L9635" t="s">
        <v>995</v>
      </c>
      <c r="M9635" t="s">
        <v>87</v>
      </c>
      <c r="N9635" t="s">
        <v>88</v>
      </c>
      <c r="O9635" t="s">
        <v>85</v>
      </c>
      <c r="P9635" t="s">
        <v>86</v>
      </c>
      <c r="Q9635">
        <v>10</v>
      </c>
      <c r="R9635">
        <v>10</v>
      </c>
      <c r="S9635">
        <v>10</v>
      </c>
      <c r="T9635">
        <v>10</v>
      </c>
      <c r="U9635">
        <v>10</v>
      </c>
      <c r="V9635">
        <v>10</v>
      </c>
      <c r="W9635">
        <v>10</v>
      </c>
      <c r="X9635">
        <v>11</v>
      </c>
      <c r="Y9635">
        <v>11</v>
      </c>
      <c r="Z9635">
        <v>11</v>
      </c>
      <c r="AA9635">
        <v>11</v>
      </c>
      <c r="AB9635">
        <v>11</v>
      </c>
      <c r="AC9635">
        <v>11</v>
      </c>
      <c r="AD9635">
        <v>11</v>
      </c>
      <c r="AE9635">
        <v>11</v>
      </c>
      <c r="AF9635">
        <v>11</v>
      </c>
      <c r="AG9635">
        <v>11</v>
      </c>
      <c r="AH9635">
        <v>11</v>
      </c>
      <c r="AI9635">
        <v>11</v>
      </c>
      <c r="AJ9635">
        <v>11</v>
      </c>
      <c r="AK9635">
        <v>12</v>
      </c>
      <c r="AL9635">
        <v>12</v>
      </c>
      <c r="AM9635">
        <v>12</v>
      </c>
      <c r="AN9635">
        <v>12</v>
      </c>
      <c r="AO9635">
        <v>12</v>
      </c>
      <c r="AP9635">
        <v>12</v>
      </c>
      <c r="AQ9635">
        <v>12</v>
      </c>
    </row>
    <row r="9636" spans="1:43">
      <c r="A9636" t="s">
        <v>6022</v>
      </c>
      <c r="B9636" t="s">
        <v>6023</v>
      </c>
      <c r="C9636" t="s">
        <v>6020</v>
      </c>
      <c r="D9636" t="s">
        <v>6021</v>
      </c>
      <c r="E9636" t="s">
        <v>5940</v>
      </c>
      <c r="F9636" t="s">
        <v>5941</v>
      </c>
      <c r="G9636" t="s">
        <v>80</v>
      </c>
      <c r="H9636" t="s">
        <v>81</v>
      </c>
      <c r="I9636" s="2">
        <v>0</v>
      </c>
      <c r="J9636" s="2">
        <v>0</v>
      </c>
      <c r="K9636" s="2">
        <v>1</v>
      </c>
      <c r="L9636" t="s">
        <v>995</v>
      </c>
      <c r="M9636" t="s">
        <v>89</v>
      </c>
      <c r="N9636" t="s">
        <v>90</v>
      </c>
      <c r="O9636" t="s">
        <v>85</v>
      </c>
      <c r="P9636" t="s">
        <v>86</v>
      </c>
      <c r="Q9636">
        <v>10</v>
      </c>
      <c r="R9636">
        <v>10</v>
      </c>
      <c r="S9636">
        <v>11</v>
      </c>
      <c r="T9636">
        <v>11</v>
      </c>
      <c r="U9636">
        <v>11</v>
      </c>
      <c r="V9636">
        <v>11</v>
      </c>
      <c r="W9636">
        <v>12</v>
      </c>
      <c r="X9636">
        <v>12</v>
      </c>
      <c r="Y9636">
        <v>12</v>
      </c>
      <c r="Z9636">
        <v>12</v>
      </c>
      <c r="AA9636">
        <v>13</v>
      </c>
      <c r="AB9636">
        <v>13</v>
      </c>
      <c r="AC9636">
        <v>13</v>
      </c>
      <c r="AD9636">
        <v>13</v>
      </c>
      <c r="AE9636">
        <v>13</v>
      </c>
      <c r="AF9636">
        <v>14</v>
      </c>
      <c r="AG9636">
        <v>14</v>
      </c>
      <c r="AH9636">
        <v>14</v>
      </c>
      <c r="AI9636">
        <v>14</v>
      </c>
      <c r="AJ9636">
        <v>14</v>
      </c>
      <c r="AK9636">
        <v>14</v>
      </c>
      <c r="AL9636">
        <v>14</v>
      </c>
      <c r="AM9636">
        <v>14</v>
      </c>
      <c r="AN9636">
        <v>14</v>
      </c>
      <c r="AO9636">
        <v>14</v>
      </c>
      <c r="AP9636">
        <v>14</v>
      </c>
      <c r="AQ9636">
        <v>14</v>
      </c>
    </row>
    <row r="9637" spans="1:43">
      <c r="A9637" t="s">
        <v>6022</v>
      </c>
      <c r="B9637" t="s">
        <v>6023</v>
      </c>
      <c r="C9637" t="s">
        <v>6020</v>
      </c>
      <c r="D9637" t="s">
        <v>6021</v>
      </c>
      <c r="E9637" t="s">
        <v>5940</v>
      </c>
      <c r="F9637" t="s">
        <v>5941</v>
      </c>
      <c r="G9637" t="s">
        <v>80</v>
      </c>
      <c r="H9637" t="s">
        <v>81</v>
      </c>
      <c r="I9637" s="2">
        <v>0</v>
      </c>
      <c r="J9637" s="2">
        <v>0</v>
      </c>
      <c r="K9637" s="2">
        <v>1</v>
      </c>
      <c r="L9637" t="s">
        <v>995</v>
      </c>
      <c r="M9637" t="s">
        <v>83</v>
      </c>
      <c r="N9637" t="s">
        <v>91</v>
      </c>
      <c r="O9637" t="s">
        <v>85</v>
      </c>
      <c r="P9637" t="s">
        <v>86</v>
      </c>
      <c r="Q9637">
        <v>10</v>
      </c>
      <c r="R9637">
        <v>10</v>
      </c>
      <c r="S9637">
        <v>10</v>
      </c>
      <c r="T9637">
        <v>11</v>
      </c>
      <c r="U9637">
        <v>11</v>
      </c>
      <c r="V9637">
        <v>11</v>
      </c>
      <c r="W9637">
        <v>11</v>
      </c>
      <c r="X9637">
        <v>11</v>
      </c>
      <c r="Y9637">
        <v>11</v>
      </c>
      <c r="Z9637">
        <v>12</v>
      </c>
      <c r="AA9637">
        <v>12</v>
      </c>
      <c r="AB9637">
        <v>12</v>
      </c>
      <c r="AC9637">
        <v>12</v>
      </c>
      <c r="AD9637">
        <v>12</v>
      </c>
      <c r="AE9637">
        <v>13</v>
      </c>
      <c r="AF9637">
        <v>13</v>
      </c>
      <c r="AG9637">
        <v>13</v>
      </c>
      <c r="AH9637">
        <v>13</v>
      </c>
      <c r="AI9637">
        <v>13</v>
      </c>
      <c r="AJ9637">
        <v>13</v>
      </c>
      <c r="AK9637">
        <v>14</v>
      </c>
      <c r="AL9637">
        <v>14</v>
      </c>
      <c r="AM9637">
        <v>14</v>
      </c>
      <c r="AN9637">
        <v>14</v>
      </c>
      <c r="AO9637">
        <v>14</v>
      </c>
      <c r="AP9637">
        <v>14</v>
      </c>
      <c r="AQ9637">
        <v>14</v>
      </c>
    </row>
    <row r="9638" spans="1:43">
      <c r="A9638" t="s">
        <v>6024</v>
      </c>
      <c r="B9638" t="s">
        <v>6025</v>
      </c>
      <c r="C9638" t="s">
        <v>6020</v>
      </c>
      <c r="D9638" t="s">
        <v>6021</v>
      </c>
      <c r="E9638" t="s">
        <v>5940</v>
      </c>
      <c r="F9638" t="s">
        <v>5941</v>
      </c>
      <c r="G9638" t="s">
        <v>80</v>
      </c>
      <c r="H9638" t="s">
        <v>81</v>
      </c>
      <c r="I9638" s="2">
        <v>0</v>
      </c>
      <c r="J9638" s="2">
        <v>0</v>
      </c>
      <c r="K9638" s="2">
        <v>1</v>
      </c>
      <c r="L9638" t="s">
        <v>995</v>
      </c>
      <c r="M9638" t="s">
        <v>83</v>
      </c>
      <c r="N9638" t="s">
        <v>84</v>
      </c>
      <c r="O9638" t="s">
        <v>85</v>
      </c>
      <c r="P9638" t="s">
        <v>86</v>
      </c>
      <c r="Q9638">
        <v>9</v>
      </c>
      <c r="R9638">
        <v>9</v>
      </c>
      <c r="S9638">
        <v>9</v>
      </c>
      <c r="T9638">
        <v>9</v>
      </c>
      <c r="U9638">
        <v>9</v>
      </c>
      <c r="V9638">
        <v>9</v>
      </c>
      <c r="W9638">
        <v>10</v>
      </c>
      <c r="X9638">
        <v>10</v>
      </c>
      <c r="Y9638">
        <v>10</v>
      </c>
      <c r="Z9638">
        <v>10</v>
      </c>
      <c r="AA9638">
        <v>10</v>
      </c>
      <c r="AB9638">
        <v>10</v>
      </c>
      <c r="AC9638">
        <v>11</v>
      </c>
      <c r="AD9638">
        <v>11</v>
      </c>
      <c r="AE9638">
        <v>11</v>
      </c>
      <c r="AF9638">
        <v>11</v>
      </c>
      <c r="AG9638">
        <v>11</v>
      </c>
      <c r="AH9638">
        <v>11</v>
      </c>
      <c r="AI9638">
        <v>11</v>
      </c>
      <c r="AJ9638">
        <v>12</v>
      </c>
      <c r="AK9638">
        <v>12</v>
      </c>
      <c r="AL9638">
        <v>12</v>
      </c>
      <c r="AM9638">
        <v>12</v>
      </c>
      <c r="AN9638">
        <v>12</v>
      </c>
      <c r="AO9638">
        <v>12</v>
      </c>
      <c r="AP9638">
        <v>12</v>
      </c>
      <c r="AQ9638">
        <v>12</v>
      </c>
    </row>
    <row r="9639" spans="1:43">
      <c r="A9639" t="s">
        <v>6024</v>
      </c>
      <c r="B9639" t="s">
        <v>6025</v>
      </c>
      <c r="C9639" t="s">
        <v>6020</v>
      </c>
      <c r="D9639" t="s">
        <v>6021</v>
      </c>
      <c r="E9639" t="s">
        <v>5940</v>
      </c>
      <c r="F9639" t="s">
        <v>5941</v>
      </c>
      <c r="G9639" t="s">
        <v>80</v>
      </c>
      <c r="H9639" t="s">
        <v>81</v>
      </c>
      <c r="I9639" s="2">
        <v>0</v>
      </c>
      <c r="J9639" s="2">
        <v>0</v>
      </c>
      <c r="K9639" s="2">
        <v>1</v>
      </c>
      <c r="L9639" t="s">
        <v>995</v>
      </c>
      <c r="M9639" t="s">
        <v>87</v>
      </c>
      <c r="N9639" t="s">
        <v>88</v>
      </c>
      <c r="O9639" t="s">
        <v>85</v>
      </c>
      <c r="P9639" t="s">
        <v>86</v>
      </c>
      <c r="Q9639">
        <v>9</v>
      </c>
      <c r="R9639">
        <v>9</v>
      </c>
      <c r="S9639">
        <v>9</v>
      </c>
      <c r="T9639">
        <v>9</v>
      </c>
      <c r="U9639">
        <v>9</v>
      </c>
      <c r="V9639">
        <v>9</v>
      </c>
      <c r="W9639">
        <v>9</v>
      </c>
      <c r="X9639">
        <v>9</v>
      </c>
      <c r="Y9639">
        <v>9</v>
      </c>
      <c r="Z9639">
        <v>9</v>
      </c>
      <c r="AA9639">
        <v>9</v>
      </c>
      <c r="AB9639">
        <v>9</v>
      </c>
      <c r="AC9639">
        <v>9</v>
      </c>
      <c r="AD9639">
        <v>9</v>
      </c>
      <c r="AE9639">
        <v>10</v>
      </c>
      <c r="AF9639">
        <v>10</v>
      </c>
      <c r="AG9639">
        <v>10</v>
      </c>
      <c r="AH9639">
        <v>10</v>
      </c>
      <c r="AI9639">
        <v>10</v>
      </c>
      <c r="AJ9639">
        <v>10</v>
      </c>
      <c r="AK9639">
        <v>10</v>
      </c>
      <c r="AL9639">
        <v>10</v>
      </c>
      <c r="AM9639">
        <v>10</v>
      </c>
      <c r="AN9639">
        <v>10</v>
      </c>
      <c r="AO9639">
        <v>10</v>
      </c>
      <c r="AP9639">
        <v>10</v>
      </c>
      <c r="AQ9639">
        <v>10</v>
      </c>
    </row>
    <row r="9640" spans="1:43">
      <c r="A9640" t="s">
        <v>6024</v>
      </c>
      <c r="B9640" t="s">
        <v>6025</v>
      </c>
      <c r="C9640" t="s">
        <v>6020</v>
      </c>
      <c r="D9640" t="s">
        <v>6021</v>
      </c>
      <c r="E9640" t="s">
        <v>5940</v>
      </c>
      <c r="F9640" t="s">
        <v>5941</v>
      </c>
      <c r="G9640" t="s">
        <v>80</v>
      </c>
      <c r="H9640" t="s">
        <v>81</v>
      </c>
      <c r="I9640" s="2">
        <v>0</v>
      </c>
      <c r="J9640" s="2">
        <v>0</v>
      </c>
      <c r="K9640" s="2">
        <v>1</v>
      </c>
      <c r="L9640" t="s">
        <v>995</v>
      </c>
      <c r="M9640" t="s">
        <v>89</v>
      </c>
      <c r="N9640" t="s">
        <v>90</v>
      </c>
      <c r="O9640" t="s">
        <v>85</v>
      </c>
      <c r="P9640" t="s">
        <v>86</v>
      </c>
      <c r="Q9640">
        <v>9</v>
      </c>
      <c r="R9640">
        <v>9</v>
      </c>
      <c r="S9640">
        <v>9</v>
      </c>
      <c r="T9640">
        <v>9</v>
      </c>
      <c r="U9640">
        <v>10</v>
      </c>
      <c r="V9640">
        <v>10</v>
      </c>
      <c r="W9640">
        <v>10</v>
      </c>
      <c r="X9640">
        <v>10</v>
      </c>
      <c r="Y9640">
        <v>10</v>
      </c>
      <c r="Z9640">
        <v>11</v>
      </c>
      <c r="AA9640">
        <v>11</v>
      </c>
      <c r="AB9640">
        <v>11</v>
      </c>
      <c r="AC9640">
        <v>11</v>
      </c>
      <c r="AD9640">
        <v>11</v>
      </c>
      <c r="AE9640">
        <v>12</v>
      </c>
      <c r="AF9640">
        <v>12</v>
      </c>
      <c r="AG9640">
        <v>12</v>
      </c>
      <c r="AH9640">
        <v>12</v>
      </c>
      <c r="AI9640">
        <v>12</v>
      </c>
      <c r="AJ9640">
        <v>12</v>
      </c>
      <c r="AK9640">
        <v>12</v>
      </c>
      <c r="AL9640">
        <v>12</v>
      </c>
      <c r="AM9640">
        <v>12</v>
      </c>
      <c r="AN9640">
        <v>12</v>
      </c>
      <c r="AO9640">
        <v>12</v>
      </c>
      <c r="AP9640">
        <v>12</v>
      </c>
      <c r="AQ9640">
        <v>12</v>
      </c>
    </row>
    <row r="9641" spans="1:43">
      <c r="A9641" t="s">
        <v>6024</v>
      </c>
      <c r="B9641" t="s">
        <v>6025</v>
      </c>
      <c r="C9641" t="s">
        <v>6020</v>
      </c>
      <c r="D9641" t="s">
        <v>6021</v>
      </c>
      <c r="E9641" t="s">
        <v>5940</v>
      </c>
      <c r="F9641" t="s">
        <v>5941</v>
      </c>
      <c r="G9641" t="s">
        <v>80</v>
      </c>
      <c r="H9641" t="s">
        <v>81</v>
      </c>
      <c r="I9641" s="2">
        <v>0</v>
      </c>
      <c r="J9641" s="2">
        <v>0</v>
      </c>
      <c r="K9641" s="2">
        <v>1</v>
      </c>
      <c r="L9641" t="s">
        <v>995</v>
      </c>
      <c r="M9641" t="s">
        <v>83</v>
      </c>
      <c r="N9641" t="s">
        <v>91</v>
      </c>
      <c r="O9641" t="s">
        <v>85</v>
      </c>
      <c r="P9641" t="s">
        <v>86</v>
      </c>
      <c r="Q9641">
        <v>9</v>
      </c>
      <c r="R9641">
        <v>9</v>
      </c>
      <c r="S9641">
        <v>9</v>
      </c>
      <c r="T9641">
        <v>9</v>
      </c>
      <c r="U9641">
        <v>9</v>
      </c>
      <c r="V9641">
        <v>9</v>
      </c>
      <c r="W9641">
        <v>10</v>
      </c>
      <c r="X9641">
        <v>10</v>
      </c>
      <c r="Y9641">
        <v>10</v>
      </c>
      <c r="Z9641">
        <v>10</v>
      </c>
      <c r="AA9641">
        <v>10</v>
      </c>
      <c r="AB9641">
        <v>10</v>
      </c>
      <c r="AC9641">
        <v>11</v>
      </c>
      <c r="AD9641">
        <v>11</v>
      </c>
      <c r="AE9641">
        <v>11</v>
      </c>
      <c r="AF9641">
        <v>11</v>
      </c>
      <c r="AG9641">
        <v>11</v>
      </c>
      <c r="AH9641">
        <v>11</v>
      </c>
      <c r="AI9641">
        <v>11</v>
      </c>
      <c r="AJ9641">
        <v>12</v>
      </c>
      <c r="AK9641">
        <v>12</v>
      </c>
      <c r="AL9641">
        <v>12</v>
      </c>
      <c r="AM9641">
        <v>12</v>
      </c>
      <c r="AN9641">
        <v>12</v>
      </c>
      <c r="AO9641">
        <v>12</v>
      </c>
      <c r="AP9641">
        <v>12</v>
      </c>
      <c r="AQ9641">
        <v>12</v>
      </c>
    </row>
    <row r="9642" spans="1:43">
      <c r="A9642" t="s">
        <v>6026</v>
      </c>
      <c r="B9642" t="s">
        <v>6027</v>
      </c>
      <c r="C9642" t="s">
        <v>6020</v>
      </c>
      <c r="D9642" t="s">
        <v>6021</v>
      </c>
      <c r="E9642" t="s">
        <v>5940</v>
      </c>
      <c r="F9642" t="s">
        <v>5941</v>
      </c>
      <c r="G9642" t="s">
        <v>80</v>
      </c>
      <c r="H9642" t="s">
        <v>81</v>
      </c>
      <c r="I9642" s="2">
        <v>0</v>
      </c>
      <c r="J9642" s="2">
        <v>0</v>
      </c>
      <c r="K9642" s="2">
        <v>1</v>
      </c>
      <c r="L9642" t="s">
        <v>995</v>
      </c>
      <c r="M9642" t="s">
        <v>83</v>
      </c>
      <c r="N9642" t="s">
        <v>84</v>
      </c>
      <c r="O9642" t="s">
        <v>85</v>
      </c>
      <c r="P9642" t="s">
        <v>86</v>
      </c>
      <c r="Q9642">
        <v>18</v>
      </c>
      <c r="R9642">
        <v>18</v>
      </c>
      <c r="S9642">
        <v>18</v>
      </c>
      <c r="T9642">
        <v>18</v>
      </c>
      <c r="U9642">
        <v>19</v>
      </c>
      <c r="V9642">
        <v>19</v>
      </c>
      <c r="W9642">
        <v>19</v>
      </c>
      <c r="X9642">
        <v>20</v>
      </c>
      <c r="Y9642">
        <v>20</v>
      </c>
      <c r="Z9642">
        <v>20</v>
      </c>
      <c r="AA9642">
        <v>21</v>
      </c>
      <c r="AB9642">
        <v>21</v>
      </c>
      <c r="AC9642">
        <v>21</v>
      </c>
      <c r="AD9642">
        <v>21</v>
      </c>
      <c r="AE9642">
        <v>22</v>
      </c>
      <c r="AF9642">
        <v>22</v>
      </c>
      <c r="AG9642">
        <v>22</v>
      </c>
      <c r="AH9642">
        <v>23</v>
      </c>
      <c r="AI9642">
        <v>23</v>
      </c>
      <c r="AJ9642">
        <v>23</v>
      </c>
      <c r="AK9642">
        <v>24</v>
      </c>
      <c r="AL9642">
        <v>24</v>
      </c>
      <c r="AM9642">
        <v>24</v>
      </c>
      <c r="AN9642">
        <v>24</v>
      </c>
      <c r="AO9642">
        <v>24</v>
      </c>
      <c r="AP9642">
        <v>24</v>
      </c>
      <c r="AQ9642">
        <v>24</v>
      </c>
    </row>
    <row r="9643" spans="1:43">
      <c r="A9643" t="s">
        <v>6026</v>
      </c>
      <c r="B9643" t="s">
        <v>6027</v>
      </c>
      <c r="C9643" t="s">
        <v>6020</v>
      </c>
      <c r="D9643" t="s">
        <v>6021</v>
      </c>
      <c r="E9643" t="s">
        <v>5940</v>
      </c>
      <c r="F9643" t="s">
        <v>5941</v>
      </c>
      <c r="G9643" t="s">
        <v>80</v>
      </c>
      <c r="H9643" t="s">
        <v>81</v>
      </c>
      <c r="I9643" s="2">
        <v>0</v>
      </c>
      <c r="J9643" s="2">
        <v>0</v>
      </c>
      <c r="K9643" s="2">
        <v>1</v>
      </c>
      <c r="L9643" t="s">
        <v>995</v>
      </c>
      <c r="M9643" t="s">
        <v>87</v>
      </c>
      <c r="N9643" t="s">
        <v>88</v>
      </c>
      <c r="O9643" t="s">
        <v>85</v>
      </c>
      <c r="P9643" t="s">
        <v>86</v>
      </c>
      <c r="Q9643">
        <v>18</v>
      </c>
      <c r="R9643">
        <v>18</v>
      </c>
      <c r="S9643">
        <v>19</v>
      </c>
      <c r="T9643">
        <v>19</v>
      </c>
      <c r="U9643">
        <v>19</v>
      </c>
      <c r="V9643">
        <v>19</v>
      </c>
      <c r="W9643">
        <v>19</v>
      </c>
      <c r="X9643">
        <v>19</v>
      </c>
      <c r="Y9643">
        <v>19</v>
      </c>
      <c r="Z9643">
        <v>20</v>
      </c>
      <c r="AA9643">
        <v>20</v>
      </c>
      <c r="AB9643">
        <v>20</v>
      </c>
      <c r="AC9643">
        <v>20</v>
      </c>
      <c r="AD9643">
        <v>20</v>
      </c>
      <c r="AE9643">
        <v>20</v>
      </c>
      <c r="AF9643">
        <v>20</v>
      </c>
      <c r="AG9643">
        <v>21</v>
      </c>
      <c r="AH9643">
        <v>21</v>
      </c>
      <c r="AI9643">
        <v>21</v>
      </c>
      <c r="AJ9643">
        <v>21</v>
      </c>
      <c r="AK9643">
        <v>21</v>
      </c>
      <c r="AL9643">
        <v>21</v>
      </c>
      <c r="AM9643">
        <v>21</v>
      </c>
      <c r="AN9643">
        <v>21</v>
      </c>
      <c r="AO9643">
        <v>22</v>
      </c>
      <c r="AP9643">
        <v>22</v>
      </c>
      <c r="AQ9643">
        <v>22</v>
      </c>
    </row>
    <row r="9644" spans="1:43">
      <c r="A9644" t="s">
        <v>6026</v>
      </c>
      <c r="B9644" t="s">
        <v>6027</v>
      </c>
      <c r="C9644" t="s">
        <v>6020</v>
      </c>
      <c r="D9644" t="s">
        <v>6021</v>
      </c>
      <c r="E9644" t="s">
        <v>5940</v>
      </c>
      <c r="F9644" t="s">
        <v>5941</v>
      </c>
      <c r="G9644" t="s">
        <v>80</v>
      </c>
      <c r="H9644" t="s">
        <v>81</v>
      </c>
      <c r="I9644" s="2">
        <v>0</v>
      </c>
      <c r="J9644" s="2">
        <v>0</v>
      </c>
      <c r="K9644" s="2">
        <v>1</v>
      </c>
      <c r="L9644" t="s">
        <v>995</v>
      </c>
      <c r="M9644" t="s">
        <v>89</v>
      </c>
      <c r="N9644" t="s">
        <v>90</v>
      </c>
      <c r="O9644" t="s">
        <v>85</v>
      </c>
      <c r="P9644" t="s">
        <v>86</v>
      </c>
      <c r="Q9644">
        <v>18</v>
      </c>
      <c r="R9644">
        <v>18</v>
      </c>
      <c r="S9644">
        <v>19</v>
      </c>
      <c r="T9644">
        <v>19</v>
      </c>
      <c r="U9644">
        <v>19</v>
      </c>
      <c r="V9644">
        <v>20</v>
      </c>
      <c r="W9644">
        <v>20</v>
      </c>
      <c r="X9644">
        <v>21</v>
      </c>
      <c r="Y9644">
        <v>21</v>
      </c>
      <c r="Z9644">
        <v>22</v>
      </c>
      <c r="AA9644">
        <v>22</v>
      </c>
      <c r="AB9644">
        <v>22</v>
      </c>
      <c r="AC9644">
        <v>23</v>
      </c>
      <c r="AD9644">
        <v>23</v>
      </c>
      <c r="AE9644">
        <v>23</v>
      </c>
      <c r="AF9644">
        <v>23</v>
      </c>
      <c r="AG9644">
        <v>24</v>
      </c>
      <c r="AH9644">
        <v>24</v>
      </c>
      <c r="AI9644">
        <v>24</v>
      </c>
      <c r="AJ9644">
        <v>24</v>
      </c>
      <c r="AK9644">
        <v>24</v>
      </c>
      <c r="AL9644">
        <v>24</v>
      </c>
      <c r="AM9644">
        <v>24</v>
      </c>
      <c r="AN9644">
        <v>24</v>
      </c>
      <c r="AO9644">
        <v>24</v>
      </c>
      <c r="AP9644">
        <v>24</v>
      </c>
      <c r="AQ9644">
        <v>24</v>
      </c>
    </row>
    <row r="9645" spans="1:43">
      <c r="A9645" t="s">
        <v>6026</v>
      </c>
      <c r="B9645" t="s">
        <v>6027</v>
      </c>
      <c r="C9645" t="s">
        <v>6020</v>
      </c>
      <c r="D9645" t="s">
        <v>6021</v>
      </c>
      <c r="E9645" t="s">
        <v>5940</v>
      </c>
      <c r="F9645" t="s">
        <v>5941</v>
      </c>
      <c r="G9645" t="s">
        <v>80</v>
      </c>
      <c r="H9645" t="s">
        <v>81</v>
      </c>
      <c r="I9645" s="2">
        <v>0</v>
      </c>
      <c r="J9645" s="2">
        <v>0</v>
      </c>
      <c r="K9645" s="2">
        <v>1</v>
      </c>
      <c r="L9645" t="s">
        <v>995</v>
      </c>
      <c r="M9645" t="s">
        <v>83</v>
      </c>
      <c r="N9645" t="s">
        <v>91</v>
      </c>
      <c r="O9645" t="s">
        <v>85</v>
      </c>
      <c r="P9645" t="s">
        <v>86</v>
      </c>
      <c r="Q9645">
        <v>18</v>
      </c>
      <c r="R9645">
        <v>18</v>
      </c>
      <c r="S9645">
        <v>18</v>
      </c>
      <c r="T9645">
        <v>18</v>
      </c>
      <c r="U9645">
        <v>19</v>
      </c>
      <c r="V9645">
        <v>19</v>
      </c>
      <c r="W9645">
        <v>19</v>
      </c>
      <c r="X9645">
        <v>20</v>
      </c>
      <c r="Y9645">
        <v>20</v>
      </c>
      <c r="Z9645">
        <v>20</v>
      </c>
      <c r="AA9645">
        <v>21</v>
      </c>
      <c r="AB9645">
        <v>21</v>
      </c>
      <c r="AC9645">
        <v>21</v>
      </c>
      <c r="AD9645">
        <v>21</v>
      </c>
      <c r="AE9645">
        <v>22</v>
      </c>
      <c r="AF9645">
        <v>22</v>
      </c>
      <c r="AG9645">
        <v>22</v>
      </c>
      <c r="AH9645">
        <v>23</v>
      </c>
      <c r="AI9645">
        <v>23</v>
      </c>
      <c r="AJ9645">
        <v>23</v>
      </c>
      <c r="AK9645">
        <v>24</v>
      </c>
      <c r="AL9645">
        <v>24</v>
      </c>
      <c r="AM9645">
        <v>24</v>
      </c>
      <c r="AN9645">
        <v>24</v>
      </c>
      <c r="AO9645">
        <v>24</v>
      </c>
      <c r="AP9645">
        <v>24</v>
      </c>
      <c r="AQ9645">
        <v>24</v>
      </c>
    </row>
    <row r="9646" spans="1:43">
      <c r="A9646" t="s">
        <v>6028</v>
      </c>
      <c r="B9646" t="s">
        <v>6029</v>
      </c>
      <c r="C9646" t="s">
        <v>6010</v>
      </c>
      <c r="D9646" t="s">
        <v>6011</v>
      </c>
      <c r="E9646" t="s">
        <v>5940</v>
      </c>
      <c r="F9646" t="s">
        <v>5941</v>
      </c>
      <c r="G9646" t="s">
        <v>80</v>
      </c>
      <c r="H9646" t="s">
        <v>81</v>
      </c>
      <c r="I9646" s="2">
        <v>0</v>
      </c>
      <c r="J9646" s="2">
        <v>0</v>
      </c>
      <c r="K9646" s="2">
        <v>1</v>
      </c>
      <c r="L9646" t="s">
        <v>995</v>
      </c>
      <c r="M9646" t="s">
        <v>83</v>
      </c>
      <c r="N9646" t="s">
        <v>84</v>
      </c>
      <c r="O9646" t="s">
        <v>85</v>
      </c>
      <c r="P9646" t="s">
        <v>86</v>
      </c>
      <c r="Q9646">
        <v>30</v>
      </c>
      <c r="R9646">
        <v>30</v>
      </c>
      <c r="S9646">
        <v>31</v>
      </c>
      <c r="T9646">
        <v>31</v>
      </c>
      <c r="U9646">
        <v>32</v>
      </c>
      <c r="V9646">
        <v>32</v>
      </c>
      <c r="W9646">
        <v>33</v>
      </c>
      <c r="X9646">
        <v>33</v>
      </c>
      <c r="Y9646">
        <v>34</v>
      </c>
      <c r="Z9646">
        <v>34</v>
      </c>
      <c r="AA9646">
        <v>35</v>
      </c>
      <c r="AB9646">
        <v>35</v>
      </c>
      <c r="AC9646">
        <v>36</v>
      </c>
      <c r="AD9646">
        <v>36</v>
      </c>
      <c r="AE9646">
        <v>37</v>
      </c>
      <c r="AF9646">
        <v>37</v>
      </c>
      <c r="AG9646">
        <v>38</v>
      </c>
      <c r="AH9646">
        <v>38</v>
      </c>
      <c r="AI9646">
        <v>39</v>
      </c>
      <c r="AJ9646">
        <v>39</v>
      </c>
      <c r="AK9646">
        <v>40</v>
      </c>
      <c r="AL9646">
        <v>40</v>
      </c>
      <c r="AM9646">
        <v>40</v>
      </c>
      <c r="AN9646">
        <v>40</v>
      </c>
      <c r="AO9646">
        <v>41</v>
      </c>
      <c r="AP9646">
        <v>41</v>
      </c>
      <c r="AQ9646">
        <v>41</v>
      </c>
    </row>
    <row r="9647" spans="1:43">
      <c r="A9647" t="s">
        <v>6028</v>
      </c>
      <c r="B9647" t="s">
        <v>6029</v>
      </c>
      <c r="C9647" t="s">
        <v>6010</v>
      </c>
      <c r="D9647" t="s">
        <v>6011</v>
      </c>
      <c r="E9647" t="s">
        <v>5940</v>
      </c>
      <c r="F9647" t="s">
        <v>5941</v>
      </c>
      <c r="G9647" t="s">
        <v>80</v>
      </c>
      <c r="H9647" t="s">
        <v>81</v>
      </c>
      <c r="I9647" s="2">
        <v>0</v>
      </c>
      <c r="J9647" s="2">
        <v>0</v>
      </c>
      <c r="K9647" s="2">
        <v>1</v>
      </c>
      <c r="L9647" t="s">
        <v>995</v>
      </c>
      <c r="M9647" t="s">
        <v>87</v>
      </c>
      <c r="N9647" t="s">
        <v>88</v>
      </c>
      <c r="O9647" t="s">
        <v>85</v>
      </c>
      <c r="P9647" t="s">
        <v>86</v>
      </c>
      <c r="Q9647">
        <v>30</v>
      </c>
      <c r="R9647">
        <v>31</v>
      </c>
      <c r="S9647">
        <v>31</v>
      </c>
      <c r="T9647">
        <v>31</v>
      </c>
      <c r="U9647">
        <v>31</v>
      </c>
      <c r="V9647">
        <v>31</v>
      </c>
      <c r="W9647">
        <v>32</v>
      </c>
      <c r="X9647">
        <v>32</v>
      </c>
      <c r="Y9647">
        <v>32</v>
      </c>
      <c r="Z9647">
        <v>32</v>
      </c>
      <c r="AA9647">
        <v>33</v>
      </c>
      <c r="AB9647">
        <v>33</v>
      </c>
      <c r="AC9647">
        <v>33</v>
      </c>
      <c r="AD9647">
        <v>33</v>
      </c>
      <c r="AE9647">
        <v>34</v>
      </c>
      <c r="AF9647">
        <v>34</v>
      </c>
      <c r="AG9647">
        <v>34</v>
      </c>
      <c r="AH9647">
        <v>34</v>
      </c>
      <c r="AI9647">
        <v>34</v>
      </c>
      <c r="AJ9647">
        <v>35</v>
      </c>
      <c r="AK9647">
        <v>35</v>
      </c>
      <c r="AL9647">
        <v>35</v>
      </c>
      <c r="AM9647">
        <v>35</v>
      </c>
      <c r="AN9647">
        <v>36</v>
      </c>
      <c r="AO9647">
        <v>36</v>
      </c>
      <c r="AP9647">
        <v>36</v>
      </c>
      <c r="AQ9647">
        <v>36</v>
      </c>
    </row>
    <row r="9648" spans="1:43">
      <c r="A9648" t="s">
        <v>6028</v>
      </c>
      <c r="B9648" t="s">
        <v>6029</v>
      </c>
      <c r="C9648" t="s">
        <v>6010</v>
      </c>
      <c r="D9648" t="s">
        <v>6011</v>
      </c>
      <c r="E9648" t="s">
        <v>5940</v>
      </c>
      <c r="F9648" t="s">
        <v>5941</v>
      </c>
      <c r="G9648" t="s">
        <v>80</v>
      </c>
      <c r="H9648" t="s">
        <v>81</v>
      </c>
      <c r="I9648" s="2">
        <v>0</v>
      </c>
      <c r="J9648" s="2">
        <v>0</v>
      </c>
      <c r="K9648" s="2">
        <v>1</v>
      </c>
      <c r="L9648" t="s">
        <v>995</v>
      </c>
      <c r="M9648" t="s">
        <v>89</v>
      </c>
      <c r="N9648" t="s">
        <v>90</v>
      </c>
      <c r="O9648" t="s">
        <v>85</v>
      </c>
      <c r="P9648" t="s">
        <v>86</v>
      </c>
      <c r="Q9648">
        <v>30</v>
      </c>
      <c r="R9648">
        <v>31</v>
      </c>
      <c r="S9648">
        <v>31</v>
      </c>
      <c r="T9648">
        <v>32</v>
      </c>
      <c r="U9648">
        <v>33</v>
      </c>
      <c r="V9648">
        <v>34</v>
      </c>
      <c r="W9648">
        <v>34</v>
      </c>
      <c r="X9648">
        <v>35</v>
      </c>
      <c r="Y9648">
        <v>36</v>
      </c>
      <c r="Z9648">
        <v>36</v>
      </c>
      <c r="AA9648">
        <v>37</v>
      </c>
      <c r="AB9648">
        <v>38</v>
      </c>
      <c r="AC9648">
        <v>38</v>
      </c>
      <c r="AD9648">
        <v>39</v>
      </c>
      <c r="AE9648">
        <v>39</v>
      </c>
      <c r="AF9648">
        <v>40</v>
      </c>
      <c r="AG9648">
        <v>40</v>
      </c>
      <c r="AH9648">
        <v>40</v>
      </c>
      <c r="AI9648">
        <v>40</v>
      </c>
      <c r="AJ9648">
        <v>40</v>
      </c>
      <c r="AK9648">
        <v>40</v>
      </c>
      <c r="AL9648">
        <v>40</v>
      </c>
      <c r="AM9648">
        <v>41</v>
      </c>
      <c r="AN9648">
        <v>41</v>
      </c>
      <c r="AO9648">
        <v>41</v>
      </c>
      <c r="AP9648">
        <v>41</v>
      </c>
      <c r="AQ9648">
        <v>41</v>
      </c>
    </row>
    <row r="9649" spans="1:43">
      <c r="A9649" t="s">
        <v>6028</v>
      </c>
      <c r="B9649" t="s">
        <v>6029</v>
      </c>
      <c r="C9649" t="s">
        <v>6010</v>
      </c>
      <c r="D9649" t="s">
        <v>6011</v>
      </c>
      <c r="E9649" t="s">
        <v>5940</v>
      </c>
      <c r="F9649" t="s">
        <v>5941</v>
      </c>
      <c r="G9649" t="s">
        <v>80</v>
      </c>
      <c r="H9649" t="s">
        <v>81</v>
      </c>
      <c r="I9649" s="2">
        <v>0</v>
      </c>
      <c r="J9649" s="2">
        <v>0</v>
      </c>
      <c r="K9649" s="2">
        <v>1</v>
      </c>
      <c r="L9649" t="s">
        <v>995</v>
      </c>
      <c r="M9649" t="s">
        <v>83</v>
      </c>
      <c r="N9649" t="s">
        <v>91</v>
      </c>
      <c r="O9649" t="s">
        <v>85</v>
      </c>
      <c r="P9649" t="s">
        <v>86</v>
      </c>
      <c r="Q9649">
        <v>30</v>
      </c>
      <c r="R9649">
        <v>30</v>
      </c>
      <c r="S9649">
        <v>31</v>
      </c>
      <c r="T9649">
        <v>31</v>
      </c>
      <c r="U9649">
        <v>32</v>
      </c>
      <c r="V9649">
        <v>32</v>
      </c>
      <c r="W9649">
        <v>33</v>
      </c>
      <c r="X9649">
        <v>33</v>
      </c>
      <c r="Y9649">
        <v>34</v>
      </c>
      <c r="Z9649">
        <v>34</v>
      </c>
      <c r="AA9649">
        <v>35</v>
      </c>
      <c r="AB9649">
        <v>35</v>
      </c>
      <c r="AC9649">
        <v>36</v>
      </c>
      <c r="AD9649">
        <v>36</v>
      </c>
      <c r="AE9649">
        <v>37</v>
      </c>
      <c r="AF9649">
        <v>37</v>
      </c>
      <c r="AG9649">
        <v>38</v>
      </c>
      <c r="AH9649">
        <v>38</v>
      </c>
      <c r="AI9649">
        <v>39</v>
      </c>
      <c r="AJ9649">
        <v>39</v>
      </c>
      <c r="AK9649">
        <v>40</v>
      </c>
      <c r="AL9649">
        <v>40</v>
      </c>
      <c r="AM9649">
        <v>40</v>
      </c>
      <c r="AN9649">
        <v>40</v>
      </c>
      <c r="AO9649">
        <v>41</v>
      </c>
      <c r="AP9649">
        <v>41</v>
      </c>
      <c r="AQ9649">
        <v>41</v>
      </c>
    </row>
    <row r="9650" spans="1:43">
      <c r="A9650" t="s">
        <v>6030</v>
      </c>
      <c r="B9650" t="s">
        <v>6031</v>
      </c>
      <c r="C9650" t="s">
        <v>6010</v>
      </c>
      <c r="D9650" t="s">
        <v>6011</v>
      </c>
      <c r="E9650" t="s">
        <v>5940</v>
      </c>
      <c r="F9650" t="s">
        <v>5941</v>
      </c>
      <c r="G9650" t="s">
        <v>80</v>
      </c>
      <c r="H9650" t="s">
        <v>81</v>
      </c>
      <c r="I9650" s="2">
        <v>0</v>
      </c>
      <c r="J9650" s="2">
        <v>0</v>
      </c>
      <c r="K9650" s="2">
        <v>1</v>
      </c>
      <c r="L9650" t="s">
        <v>995</v>
      </c>
      <c r="M9650" t="s">
        <v>83</v>
      </c>
      <c r="N9650" t="s">
        <v>84</v>
      </c>
      <c r="O9650" t="s">
        <v>85</v>
      </c>
      <c r="P9650" t="s">
        <v>86</v>
      </c>
      <c r="Q9650">
        <v>11</v>
      </c>
      <c r="R9650">
        <v>12</v>
      </c>
      <c r="S9650">
        <v>12</v>
      </c>
      <c r="T9650">
        <v>12</v>
      </c>
      <c r="U9650">
        <v>12</v>
      </c>
      <c r="V9650">
        <v>12</v>
      </c>
      <c r="W9650">
        <v>13</v>
      </c>
      <c r="X9650">
        <v>13</v>
      </c>
      <c r="Y9650">
        <v>13</v>
      </c>
      <c r="Z9650">
        <v>13</v>
      </c>
      <c r="AA9650">
        <v>13</v>
      </c>
      <c r="AB9650">
        <v>14</v>
      </c>
      <c r="AC9650">
        <v>14</v>
      </c>
      <c r="AD9650">
        <v>14</v>
      </c>
      <c r="AE9650">
        <v>14</v>
      </c>
      <c r="AF9650">
        <v>14</v>
      </c>
      <c r="AG9650">
        <v>15</v>
      </c>
      <c r="AH9650">
        <v>15</v>
      </c>
      <c r="AI9650">
        <v>15</v>
      </c>
      <c r="AJ9650">
        <v>15</v>
      </c>
      <c r="AK9650">
        <v>15</v>
      </c>
      <c r="AL9650">
        <v>16</v>
      </c>
      <c r="AM9650">
        <v>16</v>
      </c>
      <c r="AN9650">
        <v>16</v>
      </c>
      <c r="AO9650">
        <v>16</v>
      </c>
      <c r="AP9650">
        <v>16</v>
      </c>
      <c r="AQ9650">
        <v>16</v>
      </c>
    </row>
    <row r="9651" spans="1:43">
      <c r="A9651" t="s">
        <v>6030</v>
      </c>
      <c r="B9651" t="s">
        <v>6031</v>
      </c>
      <c r="C9651" t="s">
        <v>6010</v>
      </c>
      <c r="D9651" t="s">
        <v>6011</v>
      </c>
      <c r="E9651" t="s">
        <v>5940</v>
      </c>
      <c r="F9651" t="s">
        <v>5941</v>
      </c>
      <c r="G9651" t="s">
        <v>80</v>
      </c>
      <c r="H9651" t="s">
        <v>81</v>
      </c>
      <c r="I9651" s="2">
        <v>0</v>
      </c>
      <c r="J9651" s="2">
        <v>0</v>
      </c>
      <c r="K9651" s="2">
        <v>1</v>
      </c>
      <c r="L9651" t="s">
        <v>995</v>
      </c>
      <c r="M9651" t="s">
        <v>87</v>
      </c>
      <c r="N9651" t="s">
        <v>88</v>
      </c>
      <c r="O9651" t="s">
        <v>85</v>
      </c>
      <c r="P9651" t="s">
        <v>86</v>
      </c>
      <c r="Q9651">
        <v>11</v>
      </c>
      <c r="R9651">
        <v>11</v>
      </c>
      <c r="S9651">
        <v>12</v>
      </c>
      <c r="T9651">
        <v>12</v>
      </c>
      <c r="U9651">
        <v>12</v>
      </c>
      <c r="V9651">
        <v>12</v>
      </c>
      <c r="W9651">
        <v>12</v>
      </c>
      <c r="X9651">
        <v>12</v>
      </c>
      <c r="Y9651">
        <v>12</v>
      </c>
      <c r="Z9651">
        <v>12</v>
      </c>
      <c r="AA9651">
        <v>12</v>
      </c>
      <c r="AB9651">
        <v>12</v>
      </c>
      <c r="AC9651">
        <v>12</v>
      </c>
      <c r="AD9651">
        <v>12</v>
      </c>
      <c r="AE9651">
        <v>13</v>
      </c>
      <c r="AF9651">
        <v>13</v>
      </c>
      <c r="AG9651">
        <v>13</v>
      </c>
      <c r="AH9651">
        <v>13</v>
      </c>
      <c r="AI9651">
        <v>13</v>
      </c>
      <c r="AJ9651">
        <v>13</v>
      </c>
      <c r="AK9651">
        <v>13</v>
      </c>
      <c r="AL9651">
        <v>13</v>
      </c>
      <c r="AM9651">
        <v>13</v>
      </c>
      <c r="AN9651">
        <v>13</v>
      </c>
      <c r="AO9651">
        <v>13</v>
      </c>
      <c r="AP9651">
        <v>14</v>
      </c>
      <c r="AQ9651">
        <v>14</v>
      </c>
    </row>
    <row r="9652" spans="1:43">
      <c r="A9652" t="s">
        <v>6030</v>
      </c>
      <c r="B9652" t="s">
        <v>6031</v>
      </c>
      <c r="C9652" t="s">
        <v>6010</v>
      </c>
      <c r="D9652" t="s">
        <v>6011</v>
      </c>
      <c r="E9652" t="s">
        <v>5940</v>
      </c>
      <c r="F9652" t="s">
        <v>5941</v>
      </c>
      <c r="G9652" t="s">
        <v>80</v>
      </c>
      <c r="H9652" t="s">
        <v>81</v>
      </c>
      <c r="I9652" s="2">
        <v>0</v>
      </c>
      <c r="J9652" s="2">
        <v>0</v>
      </c>
      <c r="K9652" s="2">
        <v>1</v>
      </c>
      <c r="L9652" t="s">
        <v>995</v>
      </c>
      <c r="M9652" t="s">
        <v>89</v>
      </c>
      <c r="N9652" t="s">
        <v>90</v>
      </c>
      <c r="O9652" t="s">
        <v>85</v>
      </c>
      <c r="P9652" t="s">
        <v>86</v>
      </c>
      <c r="Q9652">
        <v>11</v>
      </c>
      <c r="R9652">
        <v>11</v>
      </c>
      <c r="S9652">
        <v>11</v>
      </c>
      <c r="T9652">
        <v>11</v>
      </c>
      <c r="U9652">
        <v>12</v>
      </c>
      <c r="V9652">
        <v>12</v>
      </c>
      <c r="W9652">
        <v>12</v>
      </c>
      <c r="X9652">
        <v>13</v>
      </c>
      <c r="Y9652">
        <v>13</v>
      </c>
      <c r="Z9652">
        <v>13</v>
      </c>
      <c r="AA9652">
        <v>13</v>
      </c>
      <c r="AB9652">
        <v>14</v>
      </c>
      <c r="AC9652">
        <v>14</v>
      </c>
      <c r="AD9652">
        <v>14</v>
      </c>
      <c r="AE9652">
        <v>14</v>
      </c>
      <c r="AF9652">
        <v>14</v>
      </c>
      <c r="AG9652">
        <v>14</v>
      </c>
      <c r="AH9652">
        <v>14</v>
      </c>
      <c r="AI9652">
        <v>14</v>
      </c>
      <c r="AJ9652">
        <v>15</v>
      </c>
      <c r="AK9652">
        <v>15</v>
      </c>
      <c r="AL9652">
        <v>15</v>
      </c>
      <c r="AM9652">
        <v>15</v>
      </c>
      <c r="AN9652">
        <v>15</v>
      </c>
      <c r="AO9652">
        <v>15</v>
      </c>
      <c r="AP9652">
        <v>15</v>
      </c>
      <c r="AQ9652">
        <v>15</v>
      </c>
    </row>
    <row r="9653" spans="1:43">
      <c r="A9653" t="s">
        <v>6030</v>
      </c>
      <c r="B9653" t="s">
        <v>6031</v>
      </c>
      <c r="C9653" t="s">
        <v>6010</v>
      </c>
      <c r="D9653" t="s">
        <v>6011</v>
      </c>
      <c r="E9653" t="s">
        <v>5940</v>
      </c>
      <c r="F9653" t="s">
        <v>5941</v>
      </c>
      <c r="G9653" t="s">
        <v>80</v>
      </c>
      <c r="H9653" t="s">
        <v>81</v>
      </c>
      <c r="I9653" s="2">
        <v>0</v>
      </c>
      <c r="J9653" s="2">
        <v>0</v>
      </c>
      <c r="K9653" s="2">
        <v>1</v>
      </c>
      <c r="L9653" t="s">
        <v>995</v>
      </c>
      <c r="M9653" t="s">
        <v>83</v>
      </c>
      <c r="N9653" t="s">
        <v>91</v>
      </c>
      <c r="O9653" t="s">
        <v>85</v>
      </c>
      <c r="P9653" t="s">
        <v>86</v>
      </c>
      <c r="Q9653">
        <v>11</v>
      </c>
      <c r="R9653">
        <v>12</v>
      </c>
      <c r="S9653">
        <v>12</v>
      </c>
      <c r="T9653">
        <v>12</v>
      </c>
      <c r="U9653">
        <v>12</v>
      </c>
      <c r="V9653">
        <v>12</v>
      </c>
      <c r="W9653">
        <v>13</v>
      </c>
      <c r="X9653">
        <v>13</v>
      </c>
      <c r="Y9653">
        <v>13</v>
      </c>
      <c r="Z9653">
        <v>13</v>
      </c>
      <c r="AA9653">
        <v>13</v>
      </c>
      <c r="AB9653">
        <v>14</v>
      </c>
      <c r="AC9653">
        <v>14</v>
      </c>
      <c r="AD9653">
        <v>14</v>
      </c>
      <c r="AE9653">
        <v>14</v>
      </c>
      <c r="AF9653">
        <v>14</v>
      </c>
      <c r="AG9653">
        <v>15</v>
      </c>
      <c r="AH9653">
        <v>15</v>
      </c>
      <c r="AI9653">
        <v>15</v>
      </c>
      <c r="AJ9653">
        <v>15</v>
      </c>
      <c r="AK9653">
        <v>15</v>
      </c>
      <c r="AL9653">
        <v>16</v>
      </c>
      <c r="AM9653">
        <v>16</v>
      </c>
      <c r="AN9653">
        <v>16</v>
      </c>
      <c r="AO9653">
        <v>16</v>
      </c>
      <c r="AP9653">
        <v>16</v>
      </c>
      <c r="AQ9653">
        <v>16</v>
      </c>
    </row>
    <row r="9654" spans="1:43">
      <c r="A9654" t="s">
        <v>6032</v>
      </c>
      <c r="B9654" t="s">
        <v>6033</v>
      </c>
      <c r="C9654" t="s">
        <v>6010</v>
      </c>
      <c r="D9654" t="s">
        <v>6011</v>
      </c>
      <c r="E9654" t="s">
        <v>5940</v>
      </c>
      <c r="F9654" t="s">
        <v>5941</v>
      </c>
      <c r="G9654" t="s">
        <v>80</v>
      </c>
      <c r="H9654" t="s">
        <v>81</v>
      </c>
      <c r="I9654" s="2">
        <v>0</v>
      </c>
      <c r="J9654" s="2">
        <v>0</v>
      </c>
      <c r="K9654" s="2">
        <v>1</v>
      </c>
      <c r="L9654" t="s">
        <v>995</v>
      </c>
      <c r="M9654" t="s">
        <v>83</v>
      </c>
      <c r="N9654" t="s">
        <v>84</v>
      </c>
      <c r="O9654" t="s">
        <v>85</v>
      </c>
      <c r="P9654" t="s">
        <v>86</v>
      </c>
      <c r="Q9654">
        <v>44</v>
      </c>
      <c r="R9654">
        <v>45</v>
      </c>
      <c r="S9654">
        <v>46</v>
      </c>
      <c r="T9654">
        <v>46</v>
      </c>
      <c r="U9654">
        <v>47</v>
      </c>
      <c r="V9654">
        <v>48</v>
      </c>
      <c r="W9654">
        <v>49</v>
      </c>
      <c r="X9654">
        <v>49</v>
      </c>
      <c r="Y9654">
        <v>50</v>
      </c>
      <c r="Z9654">
        <v>51</v>
      </c>
      <c r="AA9654">
        <v>52</v>
      </c>
      <c r="AB9654">
        <v>52</v>
      </c>
      <c r="AC9654">
        <v>53</v>
      </c>
      <c r="AD9654">
        <v>54</v>
      </c>
      <c r="AE9654">
        <v>55</v>
      </c>
      <c r="AF9654">
        <v>55</v>
      </c>
      <c r="AG9654">
        <v>56</v>
      </c>
      <c r="AH9654">
        <v>57</v>
      </c>
      <c r="AI9654">
        <v>58</v>
      </c>
      <c r="AJ9654">
        <v>59</v>
      </c>
      <c r="AK9654">
        <v>59</v>
      </c>
      <c r="AL9654">
        <v>60</v>
      </c>
      <c r="AM9654">
        <v>60</v>
      </c>
      <c r="AN9654">
        <v>60</v>
      </c>
      <c r="AO9654">
        <v>60</v>
      </c>
      <c r="AP9654">
        <v>61</v>
      </c>
      <c r="AQ9654">
        <v>61</v>
      </c>
    </row>
    <row r="9655" spans="1:43">
      <c r="A9655" t="s">
        <v>6032</v>
      </c>
      <c r="B9655" t="s">
        <v>6033</v>
      </c>
      <c r="C9655" t="s">
        <v>6010</v>
      </c>
      <c r="D9655" t="s">
        <v>6011</v>
      </c>
      <c r="E9655" t="s">
        <v>5940</v>
      </c>
      <c r="F9655" t="s">
        <v>5941</v>
      </c>
      <c r="G9655" t="s">
        <v>80</v>
      </c>
      <c r="H9655" t="s">
        <v>81</v>
      </c>
      <c r="I9655" s="2">
        <v>0</v>
      </c>
      <c r="J9655" s="2">
        <v>0</v>
      </c>
      <c r="K9655" s="2">
        <v>1</v>
      </c>
      <c r="L9655" t="s">
        <v>995</v>
      </c>
      <c r="M9655" t="s">
        <v>87</v>
      </c>
      <c r="N9655" t="s">
        <v>88</v>
      </c>
      <c r="O9655" t="s">
        <v>85</v>
      </c>
      <c r="P9655" t="s">
        <v>86</v>
      </c>
      <c r="Q9655">
        <v>44</v>
      </c>
      <c r="R9655">
        <v>44</v>
      </c>
      <c r="S9655">
        <v>44</v>
      </c>
      <c r="T9655">
        <v>45</v>
      </c>
      <c r="U9655">
        <v>45</v>
      </c>
      <c r="V9655">
        <v>45</v>
      </c>
      <c r="W9655">
        <v>46</v>
      </c>
      <c r="X9655">
        <v>46</v>
      </c>
      <c r="Y9655">
        <v>46</v>
      </c>
      <c r="Z9655">
        <v>47</v>
      </c>
      <c r="AA9655">
        <v>47</v>
      </c>
      <c r="AB9655">
        <v>47</v>
      </c>
      <c r="AC9655">
        <v>48</v>
      </c>
      <c r="AD9655">
        <v>48</v>
      </c>
      <c r="AE9655">
        <v>48</v>
      </c>
      <c r="AF9655">
        <v>49</v>
      </c>
      <c r="AG9655">
        <v>49</v>
      </c>
      <c r="AH9655">
        <v>49</v>
      </c>
      <c r="AI9655">
        <v>50</v>
      </c>
      <c r="AJ9655">
        <v>50</v>
      </c>
      <c r="AK9655">
        <v>50</v>
      </c>
      <c r="AL9655">
        <v>51</v>
      </c>
      <c r="AM9655">
        <v>51</v>
      </c>
      <c r="AN9655">
        <v>51</v>
      </c>
      <c r="AO9655">
        <v>52</v>
      </c>
      <c r="AP9655">
        <v>52</v>
      </c>
      <c r="AQ9655">
        <v>53</v>
      </c>
    </row>
    <row r="9656" spans="1:43">
      <c r="A9656" t="s">
        <v>6032</v>
      </c>
      <c r="B9656" t="s">
        <v>6033</v>
      </c>
      <c r="C9656" t="s">
        <v>6010</v>
      </c>
      <c r="D9656" t="s">
        <v>6011</v>
      </c>
      <c r="E9656" t="s">
        <v>5940</v>
      </c>
      <c r="F9656" t="s">
        <v>5941</v>
      </c>
      <c r="G9656" t="s">
        <v>80</v>
      </c>
      <c r="H9656" t="s">
        <v>81</v>
      </c>
      <c r="I9656" s="2">
        <v>0</v>
      </c>
      <c r="J9656" s="2">
        <v>0</v>
      </c>
      <c r="K9656" s="2">
        <v>1</v>
      </c>
      <c r="L9656" t="s">
        <v>995</v>
      </c>
      <c r="M9656" t="s">
        <v>89</v>
      </c>
      <c r="N9656" t="s">
        <v>90</v>
      </c>
      <c r="O9656" t="s">
        <v>85</v>
      </c>
      <c r="P9656" t="s">
        <v>86</v>
      </c>
      <c r="Q9656">
        <v>44</v>
      </c>
      <c r="R9656">
        <v>46</v>
      </c>
      <c r="S9656">
        <v>47</v>
      </c>
      <c r="T9656">
        <v>48</v>
      </c>
      <c r="U9656">
        <v>49</v>
      </c>
      <c r="V9656">
        <v>50</v>
      </c>
      <c r="W9656">
        <v>51</v>
      </c>
      <c r="X9656">
        <v>52</v>
      </c>
      <c r="Y9656">
        <v>53</v>
      </c>
      <c r="Z9656">
        <v>54</v>
      </c>
      <c r="AA9656">
        <v>55</v>
      </c>
      <c r="AB9656">
        <v>56</v>
      </c>
      <c r="AC9656">
        <v>57</v>
      </c>
      <c r="AD9656">
        <v>58</v>
      </c>
      <c r="AE9656">
        <v>59</v>
      </c>
      <c r="AF9656">
        <v>59</v>
      </c>
      <c r="AG9656">
        <v>59</v>
      </c>
      <c r="AH9656">
        <v>59</v>
      </c>
      <c r="AI9656">
        <v>60</v>
      </c>
      <c r="AJ9656">
        <v>60</v>
      </c>
      <c r="AK9656">
        <v>60</v>
      </c>
      <c r="AL9656">
        <v>60</v>
      </c>
      <c r="AM9656">
        <v>60</v>
      </c>
      <c r="AN9656">
        <v>61</v>
      </c>
      <c r="AO9656">
        <v>61</v>
      </c>
      <c r="AP9656">
        <v>61</v>
      </c>
      <c r="AQ9656">
        <v>61</v>
      </c>
    </row>
    <row r="9657" spans="1:43">
      <c r="A9657" t="s">
        <v>6032</v>
      </c>
      <c r="B9657" t="s">
        <v>6033</v>
      </c>
      <c r="C9657" t="s">
        <v>6010</v>
      </c>
      <c r="D9657" t="s">
        <v>6011</v>
      </c>
      <c r="E9657" t="s">
        <v>5940</v>
      </c>
      <c r="F9657" t="s">
        <v>5941</v>
      </c>
      <c r="G9657" t="s">
        <v>80</v>
      </c>
      <c r="H9657" t="s">
        <v>81</v>
      </c>
      <c r="I9657" s="2">
        <v>0</v>
      </c>
      <c r="J9657" s="2">
        <v>0</v>
      </c>
      <c r="K9657" s="2">
        <v>1</v>
      </c>
      <c r="L9657" t="s">
        <v>995</v>
      </c>
      <c r="M9657" t="s">
        <v>83</v>
      </c>
      <c r="N9657" t="s">
        <v>91</v>
      </c>
      <c r="O9657" t="s">
        <v>85</v>
      </c>
      <c r="P9657" t="s">
        <v>86</v>
      </c>
      <c r="Q9657">
        <v>44</v>
      </c>
      <c r="R9657">
        <v>45</v>
      </c>
      <c r="S9657">
        <v>46</v>
      </c>
      <c r="T9657">
        <v>46</v>
      </c>
      <c r="U9657">
        <v>47</v>
      </c>
      <c r="V9657">
        <v>48</v>
      </c>
      <c r="W9657">
        <v>49</v>
      </c>
      <c r="X9657">
        <v>49</v>
      </c>
      <c r="Y9657">
        <v>50</v>
      </c>
      <c r="Z9657">
        <v>51</v>
      </c>
      <c r="AA9657">
        <v>52</v>
      </c>
      <c r="AB9657">
        <v>52</v>
      </c>
      <c r="AC9657">
        <v>53</v>
      </c>
      <c r="AD9657">
        <v>54</v>
      </c>
      <c r="AE9657">
        <v>55</v>
      </c>
      <c r="AF9657">
        <v>55</v>
      </c>
      <c r="AG9657">
        <v>56</v>
      </c>
      <c r="AH9657">
        <v>57</v>
      </c>
      <c r="AI9657">
        <v>58</v>
      </c>
      <c r="AJ9657">
        <v>59</v>
      </c>
      <c r="AK9657">
        <v>59</v>
      </c>
      <c r="AL9657">
        <v>60</v>
      </c>
      <c r="AM9657">
        <v>60</v>
      </c>
      <c r="AN9657">
        <v>60</v>
      </c>
      <c r="AO9657">
        <v>60</v>
      </c>
      <c r="AP9657">
        <v>61</v>
      </c>
      <c r="AQ9657">
        <v>61</v>
      </c>
    </row>
    <row r="9658" spans="1:43">
      <c r="A9658" t="s">
        <v>6034</v>
      </c>
      <c r="B9658" t="s">
        <v>6035</v>
      </c>
      <c r="C9658" t="s">
        <v>5998</v>
      </c>
      <c r="D9658" t="s">
        <v>5999</v>
      </c>
      <c r="E9658" t="s">
        <v>5940</v>
      </c>
      <c r="F9658" t="s">
        <v>5941</v>
      </c>
      <c r="G9658" t="s">
        <v>80</v>
      </c>
      <c r="H9658" t="s">
        <v>81</v>
      </c>
      <c r="I9658" s="2">
        <v>0</v>
      </c>
      <c r="J9658" s="2">
        <v>0.22</v>
      </c>
      <c r="K9658" s="2">
        <v>0.78</v>
      </c>
      <c r="L9658" t="s">
        <v>995</v>
      </c>
      <c r="M9658" t="s">
        <v>83</v>
      </c>
      <c r="N9658" t="s">
        <v>84</v>
      </c>
      <c r="O9658" t="s">
        <v>85</v>
      </c>
      <c r="P9658" t="s">
        <v>86</v>
      </c>
      <c r="Q9658">
        <v>24</v>
      </c>
      <c r="R9658">
        <v>24</v>
      </c>
      <c r="S9658">
        <v>25</v>
      </c>
      <c r="T9658">
        <v>25</v>
      </c>
      <c r="U9658">
        <v>25</v>
      </c>
      <c r="V9658">
        <v>26</v>
      </c>
      <c r="W9658">
        <v>26</v>
      </c>
      <c r="X9658">
        <v>27</v>
      </c>
      <c r="Y9658">
        <v>27</v>
      </c>
      <c r="Z9658">
        <v>27</v>
      </c>
      <c r="AA9658">
        <v>28</v>
      </c>
      <c r="AB9658">
        <v>28</v>
      </c>
      <c r="AC9658">
        <v>29</v>
      </c>
      <c r="AD9658">
        <v>29</v>
      </c>
      <c r="AE9658">
        <v>29</v>
      </c>
      <c r="AF9658">
        <v>30</v>
      </c>
      <c r="AG9658">
        <v>30</v>
      </c>
      <c r="AH9658">
        <v>31</v>
      </c>
      <c r="AI9658">
        <v>31</v>
      </c>
      <c r="AJ9658">
        <v>31</v>
      </c>
      <c r="AK9658">
        <v>32</v>
      </c>
      <c r="AL9658">
        <v>32</v>
      </c>
      <c r="AM9658">
        <v>32</v>
      </c>
      <c r="AN9658">
        <v>32</v>
      </c>
      <c r="AO9658">
        <v>32</v>
      </c>
      <c r="AP9658">
        <v>32</v>
      </c>
      <c r="AQ9658">
        <v>32</v>
      </c>
    </row>
    <row r="9659" spans="1:43">
      <c r="A9659" t="s">
        <v>6034</v>
      </c>
      <c r="B9659" t="s">
        <v>6035</v>
      </c>
      <c r="C9659" t="s">
        <v>5998</v>
      </c>
      <c r="D9659" t="s">
        <v>5999</v>
      </c>
      <c r="E9659" t="s">
        <v>5940</v>
      </c>
      <c r="F9659" t="s">
        <v>5941</v>
      </c>
      <c r="G9659" t="s">
        <v>80</v>
      </c>
      <c r="H9659" t="s">
        <v>81</v>
      </c>
      <c r="I9659" s="2">
        <v>0</v>
      </c>
      <c r="J9659" s="2">
        <v>0.22</v>
      </c>
      <c r="K9659" s="2">
        <v>0.78</v>
      </c>
      <c r="L9659" t="s">
        <v>995</v>
      </c>
      <c r="M9659" t="s">
        <v>87</v>
      </c>
      <c r="N9659" t="s">
        <v>88</v>
      </c>
      <c r="O9659" t="s">
        <v>85</v>
      </c>
      <c r="P9659" t="s">
        <v>86</v>
      </c>
      <c r="Q9659">
        <v>24</v>
      </c>
      <c r="R9659">
        <v>24</v>
      </c>
      <c r="S9659">
        <v>24</v>
      </c>
      <c r="T9659">
        <v>24</v>
      </c>
      <c r="U9659">
        <v>24</v>
      </c>
      <c r="V9659">
        <v>24</v>
      </c>
      <c r="W9659">
        <v>25</v>
      </c>
      <c r="X9659">
        <v>25</v>
      </c>
      <c r="Y9659">
        <v>25</v>
      </c>
      <c r="Z9659">
        <v>25</v>
      </c>
      <c r="AA9659">
        <v>25</v>
      </c>
      <c r="AB9659">
        <v>26</v>
      </c>
      <c r="AC9659">
        <v>26</v>
      </c>
      <c r="AD9659">
        <v>26</v>
      </c>
      <c r="AE9659">
        <v>26</v>
      </c>
      <c r="AF9659">
        <v>26</v>
      </c>
      <c r="AG9659">
        <v>26</v>
      </c>
      <c r="AH9659">
        <v>27</v>
      </c>
      <c r="AI9659">
        <v>27</v>
      </c>
      <c r="AJ9659">
        <v>27</v>
      </c>
      <c r="AK9659">
        <v>27</v>
      </c>
      <c r="AL9659">
        <v>27</v>
      </c>
      <c r="AM9659">
        <v>27</v>
      </c>
      <c r="AN9659">
        <v>28</v>
      </c>
      <c r="AO9659">
        <v>28</v>
      </c>
      <c r="AP9659">
        <v>28</v>
      </c>
      <c r="AQ9659">
        <v>28</v>
      </c>
    </row>
    <row r="9660" spans="1:43">
      <c r="A9660" t="s">
        <v>6034</v>
      </c>
      <c r="B9660" t="s">
        <v>6035</v>
      </c>
      <c r="C9660" t="s">
        <v>5998</v>
      </c>
      <c r="D9660" t="s">
        <v>5999</v>
      </c>
      <c r="E9660" t="s">
        <v>5940</v>
      </c>
      <c r="F9660" t="s">
        <v>5941</v>
      </c>
      <c r="G9660" t="s">
        <v>80</v>
      </c>
      <c r="H9660" t="s">
        <v>81</v>
      </c>
      <c r="I9660" s="2">
        <v>0</v>
      </c>
      <c r="J9660" s="2">
        <v>0.22</v>
      </c>
      <c r="K9660" s="2">
        <v>0.78</v>
      </c>
      <c r="L9660" t="s">
        <v>995</v>
      </c>
      <c r="M9660" t="s">
        <v>89</v>
      </c>
      <c r="N9660" t="s">
        <v>90</v>
      </c>
      <c r="O9660" t="s">
        <v>85</v>
      </c>
      <c r="P9660" t="s">
        <v>86</v>
      </c>
      <c r="Q9660">
        <v>24</v>
      </c>
      <c r="R9660">
        <v>25</v>
      </c>
      <c r="S9660">
        <v>25</v>
      </c>
      <c r="T9660">
        <v>26</v>
      </c>
      <c r="U9660">
        <v>26</v>
      </c>
      <c r="V9660">
        <v>27</v>
      </c>
      <c r="W9660">
        <v>28</v>
      </c>
      <c r="X9660">
        <v>28</v>
      </c>
      <c r="Y9660">
        <v>29</v>
      </c>
      <c r="Z9660">
        <v>29</v>
      </c>
      <c r="AA9660">
        <v>30</v>
      </c>
      <c r="AB9660">
        <v>30</v>
      </c>
      <c r="AC9660">
        <v>31</v>
      </c>
      <c r="AD9660">
        <v>31</v>
      </c>
      <c r="AE9660">
        <v>32</v>
      </c>
      <c r="AF9660">
        <v>32</v>
      </c>
      <c r="AG9660">
        <v>32</v>
      </c>
      <c r="AH9660">
        <v>32</v>
      </c>
      <c r="AI9660">
        <v>32</v>
      </c>
      <c r="AJ9660">
        <v>32</v>
      </c>
      <c r="AK9660">
        <v>32</v>
      </c>
      <c r="AL9660">
        <v>32</v>
      </c>
      <c r="AM9660">
        <v>32</v>
      </c>
      <c r="AN9660">
        <v>32</v>
      </c>
      <c r="AO9660">
        <v>32</v>
      </c>
      <c r="AP9660">
        <v>33</v>
      </c>
      <c r="AQ9660">
        <v>33</v>
      </c>
    </row>
    <row r="9661" spans="1:43">
      <c r="A9661" t="s">
        <v>6034</v>
      </c>
      <c r="B9661" t="s">
        <v>6035</v>
      </c>
      <c r="C9661" t="s">
        <v>5998</v>
      </c>
      <c r="D9661" t="s">
        <v>5999</v>
      </c>
      <c r="E9661" t="s">
        <v>5940</v>
      </c>
      <c r="F9661" t="s">
        <v>5941</v>
      </c>
      <c r="G9661" t="s">
        <v>80</v>
      </c>
      <c r="H9661" t="s">
        <v>81</v>
      </c>
      <c r="I9661" s="2">
        <v>0</v>
      </c>
      <c r="J9661" s="2">
        <v>0.22</v>
      </c>
      <c r="K9661" s="2">
        <v>0.78</v>
      </c>
      <c r="L9661" t="s">
        <v>995</v>
      </c>
      <c r="M9661" t="s">
        <v>83</v>
      </c>
      <c r="N9661" t="s">
        <v>91</v>
      </c>
      <c r="O9661" t="s">
        <v>85</v>
      </c>
      <c r="P9661" t="s">
        <v>86</v>
      </c>
      <c r="Q9661">
        <v>24</v>
      </c>
      <c r="R9661">
        <v>24</v>
      </c>
      <c r="S9661">
        <v>25</v>
      </c>
      <c r="T9661">
        <v>25</v>
      </c>
      <c r="U9661">
        <v>25</v>
      </c>
      <c r="V9661">
        <v>26</v>
      </c>
      <c r="W9661">
        <v>26</v>
      </c>
      <c r="X9661">
        <v>27</v>
      </c>
      <c r="Y9661">
        <v>27</v>
      </c>
      <c r="Z9661">
        <v>27</v>
      </c>
      <c r="AA9661">
        <v>28</v>
      </c>
      <c r="AB9661">
        <v>28</v>
      </c>
      <c r="AC9661">
        <v>29</v>
      </c>
      <c r="AD9661">
        <v>29</v>
      </c>
      <c r="AE9661">
        <v>29</v>
      </c>
      <c r="AF9661">
        <v>30</v>
      </c>
      <c r="AG9661">
        <v>30</v>
      </c>
      <c r="AH9661">
        <v>31</v>
      </c>
      <c r="AI9661">
        <v>31</v>
      </c>
      <c r="AJ9661">
        <v>31</v>
      </c>
      <c r="AK9661">
        <v>32</v>
      </c>
      <c r="AL9661">
        <v>32</v>
      </c>
      <c r="AM9661">
        <v>32</v>
      </c>
      <c r="AN9661">
        <v>32</v>
      </c>
      <c r="AO9661">
        <v>32</v>
      </c>
      <c r="AP9661">
        <v>32</v>
      </c>
      <c r="AQ9661">
        <v>32</v>
      </c>
    </row>
    <row r="9662" spans="1:43">
      <c r="A9662" t="s">
        <v>6036</v>
      </c>
      <c r="B9662" t="s">
        <v>6037</v>
      </c>
      <c r="C9662" t="s">
        <v>6038</v>
      </c>
      <c r="D9662" t="s">
        <v>6039</v>
      </c>
      <c r="E9662" t="s">
        <v>5940</v>
      </c>
      <c r="F9662" t="s">
        <v>5941</v>
      </c>
      <c r="G9662" t="s">
        <v>80</v>
      </c>
      <c r="H9662" t="s">
        <v>81</v>
      </c>
      <c r="I9662" s="2">
        <v>0</v>
      </c>
      <c r="J9662" s="2">
        <v>1</v>
      </c>
      <c r="K9662" s="2">
        <v>0</v>
      </c>
      <c r="L9662" t="s">
        <v>82</v>
      </c>
      <c r="M9662" t="s">
        <v>83</v>
      </c>
      <c r="N9662" t="s">
        <v>84</v>
      </c>
      <c r="O9662" t="s">
        <v>85</v>
      </c>
      <c r="P9662" t="s">
        <v>86</v>
      </c>
      <c r="Q9662">
        <v>29</v>
      </c>
      <c r="R9662">
        <v>30</v>
      </c>
      <c r="S9662">
        <v>30</v>
      </c>
      <c r="T9662">
        <v>31</v>
      </c>
      <c r="U9662">
        <v>31</v>
      </c>
      <c r="V9662">
        <v>32</v>
      </c>
      <c r="W9662">
        <v>32</v>
      </c>
      <c r="X9662">
        <v>32</v>
      </c>
      <c r="Y9662">
        <v>33</v>
      </c>
      <c r="Z9662">
        <v>33</v>
      </c>
      <c r="AA9662">
        <v>34</v>
      </c>
      <c r="AB9662">
        <v>34</v>
      </c>
      <c r="AC9662">
        <v>35</v>
      </c>
      <c r="AD9662">
        <v>35</v>
      </c>
      <c r="AE9662">
        <v>36</v>
      </c>
      <c r="AF9662">
        <v>36</v>
      </c>
      <c r="AG9662">
        <v>37</v>
      </c>
      <c r="AH9662">
        <v>37</v>
      </c>
      <c r="AI9662">
        <v>38</v>
      </c>
      <c r="AJ9662">
        <v>38</v>
      </c>
      <c r="AK9662">
        <v>39</v>
      </c>
      <c r="AL9662">
        <v>39</v>
      </c>
      <c r="AM9662">
        <v>39</v>
      </c>
      <c r="AN9662">
        <v>39</v>
      </c>
      <c r="AO9662">
        <v>39</v>
      </c>
      <c r="AP9662">
        <v>39</v>
      </c>
      <c r="AQ9662">
        <v>40</v>
      </c>
    </row>
    <row r="9663" spans="1:43">
      <c r="A9663" t="s">
        <v>6036</v>
      </c>
      <c r="B9663" t="s">
        <v>6037</v>
      </c>
      <c r="C9663" t="s">
        <v>6038</v>
      </c>
      <c r="D9663" t="s">
        <v>6039</v>
      </c>
      <c r="E9663" t="s">
        <v>5940</v>
      </c>
      <c r="F9663" t="s">
        <v>5941</v>
      </c>
      <c r="G9663" t="s">
        <v>80</v>
      </c>
      <c r="H9663" t="s">
        <v>81</v>
      </c>
      <c r="I9663" s="2">
        <v>0</v>
      </c>
      <c r="J9663" s="2">
        <v>1</v>
      </c>
      <c r="K9663" s="2">
        <v>0</v>
      </c>
      <c r="L9663" t="s">
        <v>82</v>
      </c>
      <c r="M9663" t="s">
        <v>87</v>
      </c>
      <c r="N9663" t="s">
        <v>88</v>
      </c>
      <c r="O9663" t="s">
        <v>85</v>
      </c>
      <c r="P9663" t="s">
        <v>86</v>
      </c>
      <c r="Q9663">
        <v>29</v>
      </c>
      <c r="R9663">
        <v>29</v>
      </c>
      <c r="S9663">
        <v>29</v>
      </c>
      <c r="T9663">
        <v>29</v>
      </c>
      <c r="U9663">
        <v>30</v>
      </c>
      <c r="V9663">
        <v>30</v>
      </c>
      <c r="W9663">
        <v>30</v>
      </c>
      <c r="X9663">
        <v>30</v>
      </c>
      <c r="Y9663">
        <v>31</v>
      </c>
      <c r="Z9663">
        <v>31</v>
      </c>
      <c r="AA9663">
        <v>31</v>
      </c>
      <c r="AB9663">
        <v>31</v>
      </c>
      <c r="AC9663">
        <v>31</v>
      </c>
      <c r="AD9663">
        <v>32</v>
      </c>
      <c r="AE9663">
        <v>32</v>
      </c>
      <c r="AF9663">
        <v>32</v>
      </c>
      <c r="AG9663">
        <v>32</v>
      </c>
      <c r="AH9663">
        <v>32</v>
      </c>
      <c r="AI9663">
        <v>33</v>
      </c>
      <c r="AJ9663">
        <v>33</v>
      </c>
      <c r="AK9663">
        <v>33</v>
      </c>
      <c r="AL9663">
        <v>33</v>
      </c>
      <c r="AM9663">
        <v>34</v>
      </c>
      <c r="AN9663">
        <v>34</v>
      </c>
      <c r="AO9663">
        <v>34</v>
      </c>
      <c r="AP9663">
        <v>34</v>
      </c>
      <c r="AQ9663">
        <v>34</v>
      </c>
    </row>
    <row r="9664" spans="1:43">
      <c r="A9664" t="s">
        <v>6036</v>
      </c>
      <c r="B9664" t="s">
        <v>6037</v>
      </c>
      <c r="C9664" t="s">
        <v>6038</v>
      </c>
      <c r="D9664" t="s">
        <v>6039</v>
      </c>
      <c r="E9664" t="s">
        <v>5940</v>
      </c>
      <c r="F9664" t="s">
        <v>5941</v>
      </c>
      <c r="G9664" t="s">
        <v>80</v>
      </c>
      <c r="H9664" t="s">
        <v>81</v>
      </c>
      <c r="I9664" s="2">
        <v>0</v>
      </c>
      <c r="J9664" s="2">
        <v>1</v>
      </c>
      <c r="K9664" s="2">
        <v>0</v>
      </c>
      <c r="L9664" t="s">
        <v>82</v>
      </c>
      <c r="M9664" t="s">
        <v>89</v>
      </c>
      <c r="N9664" t="s">
        <v>90</v>
      </c>
      <c r="O9664" t="s">
        <v>85</v>
      </c>
      <c r="P9664" t="s">
        <v>86</v>
      </c>
      <c r="Q9664">
        <v>29</v>
      </c>
      <c r="R9664">
        <v>30</v>
      </c>
      <c r="S9664">
        <v>31</v>
      </c>
      <c r="T9664">
        <v>32</v>
      </c>
      <c r="U9664">
        <v>32</v>
      </c>
      <c r="V9664">
        <v>33</v>
      </c>
      <c r="W9664">
        <v>34</v>
      </c>
      <c r="X9664">
        <v>34</v>
      </c>
      <c r="Y9664">
        <v>35</v>
      </c>
      <c r="Z9664">
        <v>36</v>
      </c>
      <c r="AA9664">
        <v>36</v>
      </c>
      <c r="AB9664">
        <v>37</v>
      </c>
      <c r="AC9664">
        <v>37</v>
      </c>
      <c r="AD9664">
        <v>38</v>
      </c>
      <c r="AE9664">
        <v>38</v>
      </c>
      <c r="AF9664">
        <v>39</v>
      </c>
      <c r="AG9664">
        <v>39</v>
      </c>
      <c r="AH9664">
        <v>39</v>
      </c>
      <c r="AI9664">
        <v>39</v>
      </c>
      <c r="AJ9664">
        <v>39</v>
      </c>
      <c r="AK9664">
        <v>39</v>
      </c>
      <c r="AL9664">
        <v>39</v>
      </c>
      <c r="AM9664">
        <v>39</v>
      </c>
      <c r="AN9664">
        <v>39</v>
      </c>
      <c r="AO9664">
        <v>40</v>
      </c>
      <c r="AP9664">
        <v>40</v>
      </c>
      <c r="AQ9664">
        <v>40</v>
      </c>
    </row>
    <row r="9665" spans="1:43">
      <c r="A9665" t="s">
        <v>6036</v>
      </c>
      <c r="B9665" t="s">
        <v>6037</v>
      </c>
      <c r="C9665" t="s">
        <v>6038</v>
      </c>
      <c r="D9665" t="s">
        <v>6039</v>
      </c>
      <c r="E9665" t="s">
        <v>5940</v>
      </c>
      <c r="F9665" t="s">
        <v>5941</v>
      </c>
      <c r="G9665" t="s">
        <v>80</v>
      </c>
      <c r="H9665" t="s">
        <v>81</v>
      </c>
      <c r="I9665" s="2">
        <v>0</v>
      </c>
      <c r="J9665" s="2">
        <v>1</v>
      </c>
      <c r="K9665" s="2">
        <v>0</v>
      </c>
      <c r="L9665" t="s">
        <v>82</v>
      </c>
      <c r="M9665" t="s">
        <v>83</v>
      </c>
      <c r="N9665" t="s">
        <v>91</v>
      </c>
      <c r="O9665" t="s">
        <v>85</v>
      </c>
      <c r="P9665" t="s">
        <v>86</v>
      </c>
      <c r="Q9665">
        <v>29</v>
      </c>
      <c r="R9665">
        <v>30</v>
      </c>
      <c r="S9665">
        <v>30</v>
      </c>
      <c r="T9665">
        <v>31</v>
      </c>
      <c r="U9665">
        <v>31</v>
      </c>
      <c r="V9665">
        <v>32</v>
      </c>
      <c r="W9665">
        <v>32</v>
      </c>
      <c r="X9665">
        <v>32</v>
      </c>
      <c r="Y9665">
        <v>33</v>
      </c>
      <c r="Z9665">
        <v>33</v>
      </c>
      <c r="AA9665">
        <v>34</v>
      </c>
      <c r="AB9665">
        <v>34</v>
      </c>
      <c r="AC9665">
        <v>35</v>
      </c>
      <c r="AD9665">
        <v>35</v>
      </c>
      <c r="AE9665">
        <v>36</v>
      </c>
      <c r="AF9665">
        <v>36</v>
      </c>
      <c r="AG9665">
        <v>37</v>
      </c>
      <c r="AH9665">
        <v>37</v>
      </c>
      <c r="AI9665">
        <v>38</v>
      </c>
      <c r="AJ9665">
        <v>38</v>
      </c>
      <c r="AK9665">
        <v>39</v>
      </c>
      <c r="AL9665">
        <v>39</v>
      </c>
      <c r="AM9665">
        <v>39</v>
      </c>
      <c r="AN9665">
        <v>39</v>
      </c>
      <c r="AO9665">
        <v>39</v>
      </c>
      <c r="AP9665">
        <v>39</v>
      </c>
      <c r="AQ9665">
        <v>40</v>
      </c>
    </row>
    <row r="9666" spans="1:43">
      <c r="A9666" t="s">
        <v>6040</v>
      </c>
      <c r="B9666" t="s">
        <v>6041</v>
      </c>
      <c r="C9666" t="s">
        <v>6038</v>
      </c>
      <c r="D9666" t="s">
        <v>6039</v>
      </c>
      <c r="E9666" t="s">
        <v>5940</v>
      </c>
      <c r="F9666" t="s">
        <v>5941</v>
      </c>
      <c r="G9666" t="s">
        <v>80</v>
      </c>
      <c r="H9666" t="s">
        <v>81</v>
      </c>
      <c r="I9666" s="2">
        <v>0</v>
      </c>
      <c r="J9666" s="2">
        <v>1</v>
      </c>
      <c r="K9666" s="2">
        <v>0</v>
      </c>
      <c r="L9666" t="s">
        <v>82</v>
      </c>
      <c r="M9666" t="s">
        <v>83</v>
      </c>
      <c r="N9666" t="s">
        <v>84</v>
      </c>
      <c r="O9666" t="s">
        <v>85</v>
      </c>
      <c r="P9666" t="s">
        <v>86</v>
      </c>
      <c r="Q9666">
        <v>27</v>
      </c>
      <c r="R9666">
        <v>27</v>
      </c>
      <c r="S9666">
        <v>28</v>
      </c>
      <c r="T9666">
        <v>28</v>
      </c>
      <c r="U9666">
        <v>28</v>
      </c>
      <c r="V9666">
        <v>29</v>
      </c>
      <c r="W9666">
        <v>29</v>
      </c>
      <c r="X9666">
        <v>30</v>
      </c>
      <c r="Y9666">
        <v>30</v>
      </c>
      <c r="Z9666">
        <v>31</v>
      </c>
      <c r="AA9666">
        <v>31</v>
      </c>
      <c r="AB9666">
        <v>32</v>
      </c>
      <c r="AC9666">
        <v>32</v>
      </c>
      <c r="AD9666">
        <v>32</v>
      </c>
      <c r="AE9666">
        <v>33</v>
      </c>
      <c r="AF9666">
        <v>33</v>
      </c>
      <c r="AG9666">
        <v>34</v>
      </c>
      <c r="AH9666">
        <v>34</v>
      </c>
      <c r="AI9666">
        <v>35</v>
      </c>
      <c r="AJ9666">
        <v>35</v>
      </c>
      <c r="AK9666">
        <v>36</v>
      </c>
      <c r="AL9666">
        <v>36</v>
      </c>
      <c r="AM9666">
        <v>36</v>
      </c>
      <c r="AN9666">
        <v>36</v>
      </c>
      <c r="AO9666">
        <v>36</v>
      </c>
      <c r="AP9666">
        <v>36</v>
      </c>
      <c r="AQ9666">
        <v>36</v>
      </c>
    </row>
    <row r="9667" spans="1:43">
      <c r="A9667" t="s">
        <v>6040</v>
      </c>
      <c r="B9667" t="s">
        <v>6041</v>
      </c>
      <c r="C9667" t="s">
        <v>6038</v>
      </c>
      <c r="D9667" t="s">
        <v>6039</v>
      </c>
      <c r="E9667" t="s">
        <v>5940</v>
      </c>
      <c r="F9667" t="s">
        <v>5941</v>
      </c>
      <c r="G9667" t="s">
        <v>80</v>
      </c>
      <c r="H9667" t="s">
        <v>81</v>
      </c>
      <c r="I9667" s="2">
        <v>0</v>
      </c>
      <c r="J9667" s="2">
        <v>1</v>
      </c>
      <c r="K9667" s="2">
        <v>0</v>
      </c>
      <c r="L9667" t="s">
        <v>82</v>
      </c>
      <c r="M9667" t="s">
        <v>87</v>
      </c>
      <c r="N9667" t="s">
        <v>88</v>
      </c>
      <c r="O9667" t="s">
        <v>85</v>
      </c>
      <c r="P9667" t="s">
        <v>86</v>
      </c>
      <c r="Q9667">
        <v>27</v>
      </c>
      <c r="R9667">
        <v>28</v>
      </c>
      <c r="S9667">
        <v>28</v>
      </c>
      <c r="T9667">
        <v>28</v>
      </c>
      <c r="U9667">
        <v>28</v>
      </c>
      <c r="V9667">
        <v>28</v>
      </c>
      <c r="W9667">
        <v>29</v>
      </c>
      <c r="X9667">
        <v>29</v>
      </c>
      <c r="Y9667">
        <v>29</v>
      </c>
      <c r="Z9667">
        <v>29</v>
      </c>
      <c r="AA9667">
        <v>29</v>
      </c>
      <c r="AB9667">
        <v>30</v>
      </c>
      <c r="AC9667">
        <v>30</v>
      </c>
      <c r="AD9667">
        <v>30</v>
      </c>
      <c r="AE9667">
        <v>30</v>
      </c>
      <c r="AF9667">
        <v>30</v>
      </c>
      <c r="AG9667">
        <v>31</v>
      </c>
      <c r="AH9667">
        <v>31</v>
      </c>
      <c r="AI9667">
        <v>31</v>
      </c>
      <c r="AJ9667">
        <v>31</v>
      </c>
      <c r="AK9667">
        <v>31</v>
      </c>
      <c r="AL9667">
        <v>32</v>
      </c>
      <c r="AM9667">
        <v>32</v>
      </c>
      <c r="AN9667">
        <v>32</v>
      </c>
      <c r="AO9667">
        <v>32</v>
      </c>
      <c r="AP9667">
        <v>32</v>
      </c>
      <c r="AQ9667">
        <v>33</v>
      </c>
    </row>
    <row r="9668" spans="1:43">
      <c r="A9668" t="s">
        <v>6040</v>
      </c>
      <c r="B9668" t="s">
        <v>6041</v>
      </c>
      <c r="C9668" t="s">
        <v>6038</v>
      </c>
      <c r="D9668" t="s">
        <v>6039</v>
      </c>
      <c r="E9668" t="s">
        <v>5940</v>
      </c>
      <c r="F9668" t="s">
        <v>5941</v>
      </c>
      <c r="G9668" t="s">
        <v>80</v>
      </c>
      <c r="H9668" t="s">
        <v>81</v>
      </c>
      <c r="I9668" s="2">
        <v>0</v>
      </c>
      <c r="J9668" s="2">
        <v>1</v>
      </c>
      <c r="K9668" s="2">
        <v>0</v>
      </c>
      <c r="L9668" t="s">
        <v>82</v>
      </c>
      <c r="M9668" t="s">
        <v>89</v>
      </c>
      <c r="N9668" t="s">
        <v>90</v>
      </c>
      <c r="O9668" t="s">
        <v>85</v>
      </c>
      <c r="P9668" t="s">
        <v>86</v>
      </c>
      <c r="Q9668">
        <v>27</v>
      </c>
      <c r="R9668">
        <v>28</v>
      </c>
      <c r="S9668">
        <v>28</v>
      </c>
      <c r="T9668">
        <v>29</v>
      </c>
      <c r="U9668">
        <v>30</v>
      </c>
      <c r="V9668">
        <v>30</v>
      </c>
      <c r="W9668">
        <v>31</v>
      </c>
      <c r="X9668">
        <v>31</v>
      </c>
      <c r="Y9668">
        <v>32</v>
      </c>
      <c r="Z9668">
        <v>33</v>
      </c>
      <c r="AA9668">
        <v>33</v>
      </c>
      <c r="AB9668">
        <v>34</v>
      </c>
      <c r="AC9668">
        <v>34</v>
      </c>
      <c r="AD9668">
        <v>35</v>
      </c>
      <c r="AE9668">
        <v>35</v>
      </c>
      <c r="AF9668">
        <v>35</v>
      </c>
      <c r="AG9668">
        <v>35</v>
      </c>
      <c r="AH9668">
        <v>36</v>
      </c>
      <c r="AI9668">
        <v>36</v>
      </c>
      <c r="AJ9668">
        <v>36</v>
      </c>
      <c r="AK9668">
        <v>36</v>
      </c>
      <c r="AL9668">
        <v>36</v>
      </c>
      <c r="AM9668">
        <v>36</v>
      </c>
      <c r="AN9668">
        <v>36</v>
      </c>
      <c r="AO9668">
        <v>36</v>
      </c>
      <c r="AP9668">
        <v>36</v>
      </c>
      <c r="AQ9668">
        <v>37</v>
      </c>
    </row>
    <row r="9669" spans="1:43">
      <c r="A9669" t="s">
        <v>6040</v>
      </c>
      <c r="B9669" t="s">
        <v>6041</v>
      </c>
      <c r="C9669" t="s">
        <v>6038</v>
      </c>
      <c r="D9669" t="s">
        <v>6039</v>
      </c>
      <c r="E9669" t="s">
        <v>5940</v>
      </c>
      <c r="F9669" t="s">
        <v>5941</v>
      </c>
      <c r="G9669" t="s">
        <v>80</v>
      </c>
      <c r="H9669" t="s">
        <v>81</v>
      </c>
      <c r="I9669" s="2">
        <v>0</v>
      </c>
      <c r="J9669" s="2">
        <v>1</v>
      </c>
      <c r="K9669" s="2">
        <v>0</v>
      </c>
      <c r="L9669" t="s">
        <v>82</v>
      </c>
      <c r="M9669" t="s">
        <v>83</v>
      </c>
      <c r="N9669" t="s">
        <v>91</v>
      </c>
      <c r="O9669" t="s">
        <v>85</v>
      </c>
      <c r="P9669" t="s">
        <v>86</v>
      </c>
      <c r="Q9669">
        <v>27</v>
      </c>
      <c r="R9669">
        <v>27</v>
      </c>
      <c r="S9669">
        <v>28</v>
      </c>
      <c r="T9669">
        <v>28</v>
      </c>
      <c r="U9669">
        <v>28</v>
      </c>
      <c r="V9669">
        <v>29</v>
      </c>
      <c r="W9669">
        <v>29</v>
      </c>
      <c r="X9669">
        <v>30</v>
      </c>
      <c r="Y9669">
        <v>30</v>
      </c>
      <c r="Z9669">
        <v>31</v>
      </c>
      <c r="AA9669">
        <v>31</v>
      </c>
      <c r="AB9669">
        <v>32</v>
      </c>
      <c r="AC9669">
        <v>32</v>
      </c>
      <c r="AD9669">
        <v>32</v>
      </c>
      <c r="AE9669">
        <v>33</v>
      </c>
      <c r="AF9669">
        <v>33</v>
      </c>
      <c r="AG9669">
        <v>34</v>
      </c>
      <c r="AH9669">
        <v>34</v>
      </c>
      <c r="AI9669">
        <v>35</v>
      </c>
      <c r="AJ9669">
        <v>35</v>
      </c>
      <c r="AK9669">
        <v>36</v>
      </c>
      <c r="AL9669">
        <v>36</v>
      </c>
      <c r="AM9669">
        <v>36</v>
      </c>
      <c r="AN9669">
        <v>36</v>
      </c>
      <c r="AO9669">
        <v>36</v>
      </c>
      <c r="AP9669">
        <v>36</v>
      </c>
      <c r="AQ9669">
        <v>36</v>
      </c>
    </row>
    <row r="9670" spans="1:43">
      <c r="A9670" t="s">
        <v>6042</v>
      </c>
      <c r="B9670" t="s">
        <v>6043</v>
      </c>
      <c r="C9670" t="s">
        <v>5998</v>
      </c>
      <c r="D9670" t="s">
        <v>5999</v>
      </c>
      <c r="E9670" t="s">
        <v>5940</v>
      </c>
      <c r="F9670" t="s">
        <v>5941</v>
      </c>
      <c r="G9670" t="s">
        <v>80</v>
      </c>
      <c r="H9670" t="s">
        <v>81</v>
      </c>
      <c r="I9670" s="2">
        <v>0</v>
      </c>
      <c r="J9670" s="2">
        <v>0</v>
      </c>
      <c r="K9670" s="2">
        <v>1</v>
      </c>
      <c r="L9670" t="s">
        <v>995</v>
      </c>
      <c r="M9670" t="s">
        <v>83</v>
      </c>
      <c r="N9670" t="s">
        <v>84</v>
      </c>
      <c r="O9670" t="s">
        <v>85</v>
      </c>
      <c r="P9670" t="s">
        <v>86</v>
      </c>
      <c r="Q9670">
        <v>47</v>
      </c>
      <c r="R9670">
        <v>48</v>
      </c>
      <c r="S9670">
        <v>49</v>
      </c>
      <c r="T9670">
        <v>50</v>
      </c>
      <c r="U9670">
        <v>51</v>
      </c>
      <c r="V9670">
        <v>51</v>
      </c>
      <c r="W9670">
        <v>52</v>
      </c>
      <c r="X9670">
        <v>53</v>
      </c>
      <c r="Y9670">
        <v>54</v>
      </c>
      <c r="Z9670">
        <v>55</v>
      </c>
      <c r="AA9670">
        <v>56</v>
      </c>
      <c r="AB9670">
        <v>56</v>
      </c>
      <c r="AC9670">
        <v>57</v>
      </c>
      <c r="AD9670">
        <v>58</v>
      </c>
      <c r="AE9670">
        <v>59</v>
      </c>
      <c r="AF9670">
        <v>59</v>
      </c>
      <c r="AG9670">
        <v>60</v>
      </c>
      <c r="AH9670">
        <v>61</v>
      </c>
      <c r="AI9670">
        <v>62</v>
      </c>
      <c r="AJ9670">
        <v>63</v>
      </c>
      <c r="AK9670">
        <v>63</v>
      </c>
      <c r="AL9670">
        <v>64</v>
      </c>
      <c r="AM9670">
        <v>64</v>
      </c>
      <c r="AN9670">
        <v>64</v>
      </c>
      <c r="AO9670">
        <v>64</v>
      </c>
      <c r="AP9670">
        <v>65</v>
      </c>
      <c r="AQ9670">
        <v>65</v>
      </c>
    </row>
    <row r="9671" spans="1:43">
      <c r="A9671" t="s">
        <v>6042</v>
      </c>
      <c r="B9671" t="s">
        <v>6043</v>
      </c>
      <c r="C9671" t="s">
        <v>5998</v>
      </c>
      <c r="D9671" t="s">
        <v>5999</v>
      </c>
      <c r="E9671" t="s">
        <v>5940</v>
      </c>
      <c r="F9671" t="s">
        <v>5941</v>
      </c>
      <c r="G9671" t="s">
        <v>80</v>
      </c>
      <c r="H9671" t="s">
        <v>81</v>
      </c>
      <c r="I9671" s="2">
        <v>0</v>
      </c>
      <c r="J9671" s="2">
        <v>0</v>
      </c>
      <c r="K9671" s="2">
        <v>1</v>
      </c>
      <c r="L9671" t="s">
        <v>995</v>
      </c>
      <c r="M9671" t="s">
        <v>87</v>
      </c>
      <c r="N9671" t="s">
        <v>88</v>
      </c>
      <c r="O9671" t="s">
        <v>85</v>
      </c>
      <c r="P9671" t="s">
        <v>86</v>
      </c>
      <c r="Q9671">
        <v>47</v>
      </c>
      <c r="R9671">
        <v>47</v>
      </c>
      <c r="S9671">
        <v>48</v>
      </c>
      <c r="T9671">
        <v>48</v>
      </c>
      <c r="U9671">
        <v>48</v>
      </c>
      <c r="V9671">
        <v>49</v>
      </c>
      <c r="W9671">
        <v>49</v>
      </c>
      <c r="X9671">
        <v>49</v>
      </c>
      <c r="Y9671">
        <v>50</v>
      </c>
      <c r="Z9671">
        <v>50</v>
      </c>
      <c r="AA9671">
        <v>51</v>
      </c>
      <c r="AB9671">
        <v>51</v>
      </c>
      <c r="AC9671">
        <v>51</v>
      </c>
      <c r="AD9671">
        <v>52</v>
      </c>
      <c r="AE9671">
        <v>52</v>
      </c>
      <c r="AF9671">
        <v>52</v>
      </c>
      <c r="AG9671">
        <v>53</v>
      </c>
      <c r="AH9671">
        <v>53</v>
      </c>
      <c r="AI9671">
        <v>53</v>
      </c>
      <c r="AJ9671">
        <v>54</v>
      </c>
      <c r="AK9671">
        <v>54</v>
      </c>
      <c r="AL9671">
        <v>54</v>
      </c>
      <c r="AM9671">
        <v>55</v>
      </c>
      <c r="AN9671">
        <v>55</v>
      </c>
      <c r="AO9671">
        <v>56</v>
      </c>
      <c r="AP9671">
        <v>56</v>
      </c>
      <c r="AQ9671">
        <v>56</v>
      </c>
    </row>
    <row r="9672" spans="1:43">
      <c r="A9672" t="s">
        <v>6042</v>
      </c>
      <c r="B9672" t="s">
        <v>6043</v>
      </c>
      <c r="C9672" t="s">
        <v>5998</v>
      </c>
      <c r="D9672" t="s">
        <v>5999</v>
      </c>
      <c r="E9672" t="s">
        <v>5940</v>
      </c>
      <c r="F9672" t="s">
        <v>5941</v>
      </c>
      <c r="G9672" t="s">
        <v>80</v>
      </c>
      <c r="H9672" t="s">
        <v>81</v>
      </c>
      <c r="I9672" s="2">
        <v>0</v>
      </c>
      <c r="J9672" s="2">
        <v>0</v>
      </c>
      <c r="K9672" s="2">
        <v>1</v>
      </c>
      <c r="L9672" t="s">
        <v>995</v>
      </c>
      <c r="M9672" t="s">
        <v>89</v>
      </c>
      <c r="N9672" t="s">
        <v>90</v>
      </c>
      <c r="O9672" t="s">
        <v>85</v>
      </c>
      <c r="P9672" t="s">
        <v>86</v>
      </c>
      <c r="Q9672">
        <v>47</v>
      </c>
      <c r="R9672">
        <v>48</v>
      </c>
      <c r="S9672">
        <v>49</v>
      </c>
      <c r="T9672">
        <v>50</v>
      </c>
      <c r="U9672">
        <v>52</v>
      </c>
      <c r="V9672">
        <v>53</v>
      </c>
      <c r="W9672">
        <v>54</v>
      </c>
      <c r="X9672">
        <v>55</v>
      </c>
      <c r="Y9672">
        <v>56</v>
      </c>
      <c r="Z9672">
        <v>57</v>
      </c>
      <c r="AA9672">
        <v>58</v>
      </c>
      <c r="AB9672">
        <v>59</v>
      </c>
      <c r="AC9672">
        <v>60</v>
      </c>
      <c r="AD9672">
        <v>61</v>
      </c>
      <c r="AE9672">
        <v>62</v>
      </c>
      <c r="AF9672">
        <v>62</v>
      </c>
      <c r="AG9672">
        <v>62</v>
      </c>
      <c r="AH9672">
        <v>62</v>
      </c>
      <c r="AI9672">
        <v>63</v>
      </c>
      <c r="AJ9672">
        <v>63</v>
      </c>
      <c r="AK9672">
        <v>63</v>
      </c>
      <c r="AL9672">
        <v>63</v>
      </c>
      <c r="AM9672">
        <v>63</v>
      </c>
      <c r="AN9672">
        <v>64</v>
      </c>
      <c r="AO9672">
        <v>64</v>
      </c>
      <c r="AP9672">
        <v>64</v>
      </c>
      <c r="AQ9672">
        <v>64</v>
      </c>
    </row>
    <row r="9673" spans="1:43">
      <c r="A9673" t="s">
        <v>6042</v>
      </c>
      <c r="B9673" t="s">
        <v>6043</v>
      </c>
      <c r="C9673" t="s">
        <v>5998</v>
      </c>
      <c r="D9673" t="s">
        <v>5999</v>
      </c>
      <c r="E9673" t="s">
        <v>5940</v>
      </c>
      <c r="F9673" t="s">
        <v>5941</v>
      </c>
      <c r="G9673" t="s">
        <v>80</v>
      </c>
      <c r="H9673" t="s">
        <v>81</v>
      </c>
      <c r="I9673" s="2">
        <v>0</v>
      </c>
      <c r="J9673" s="2">
        <v>0</v>
      </c>
      <c r="K9673" s="2">
        <v>1</v>
      </c>
      <c r="L9673" t="s">
        <v>995</v>
      </c>
      <c r="M9673" t="s">
        <v>83</v>
      </c>
      <c r="N9673" t="s">
        <v>91</v>
      </c>
      <c r="O9673" t="s">
        <v>85</v>
      </c>
      <c r="P9673" t="s">
        <v>86</v>
      </c>
      <c r="Q9673">
        <v>47</v>
      </c>
      <c r="R9673">
        <v>48</v>
      </c>
      <c r="S9673">
        <v>49</v>
      </c>
      <c r="T9673">
        <v>50</v>
      </c>
      <c r="U9673">
        <v>51</v>
      </c>
      <c r="V9673">
        <v>51</v>
      </c>
      <c r="W9673">
        <v>52</v>
      </c>
      <c r="X9673">
        <v>53</v>
      </c>
      <c r="Y9673">
        <v>54</v>
      </c>
      <c r="Z9673">
        <v>55</v>
      </c>
      <c r="AA9673">
        <v>56</v>
      </c>
      <c r="AB9673">
        <v>56</v>
      </c>
      <c r="AC9673">
        <v>57</v>
      </c>
      <c r="AD9673">
        <v>58</v>
      </c>
      <c r="AE9673">
        <v>59</v>
      </c>
      <c r="AF9673">
        <v>59</v>
      </c>
      <c r="AG9673">
        <v>60</v>
      </c>
      <c r="AH9673">
        <v>61</v>
      </c>
      <c r="AI9673">
        <v>62</v>
      </c>
      <c r="AJ9673">
        <v>63</v>
      </c>
      <c r="AK9673">
        <v>63</v>
      </c>
      <c r="AL9673">
        <v>64</v>
      </c>
      <c r="AM9673">
        <v>64</v>
      </c>
      <c r="AN9673">
        <v>64</v>
      </c>
      <c r="AO9673">
        <v>64</v>
      </c>
      <c r="AP9673">
        <v>65</v>
      </c>
      <c r="AQ9673">
        <v>65</v>
      </c>
    </row>
    <row r="9674" spans="1:43">
      <c r="A9674" t="s">
        <v>6044</v>
      </c>
      <c r="B9674" t="s">
        <v>6045</v>
      </c>
      <c r="C9674" t="s">
        <v>6038</v>
      </c>
      <c r="D9674" t="s">
        <v>6039</v>
      </c>
      <c r="E9674" t="s">
        <v>5940</v>
      </c>
      <c r="F9674" t="s">
        <v>5941</v>
      </c>
      <c r="G9674" t="s">
        <v>80</v>
      </c>
      <c r="H9674" t="s">
        <v>81</v>
      </c>
      <c r="I9674" s="2">
        <v>0</v>
      </c>
      <c r="J9674" s="2">
        <v>1</v>
      </c>
      <c r="K9674" s="2">
        <v>0</v>
      </c>
      <c r="L9674" t="s">
        <v>82</v>
      </c>
      <c r="M9674" t="s">
        <v>83</v>
      </c>
      <c r="N9674" t="s">
        <v>84</v>
      </c>
      <c r="O9674" t="s">
        <v>85</v>
      </c>
      <c r="P9674" t="s">
        <v>86</v>
      </c>
      <c r="Q9674">
        <v>25</v>
      </c>
      <c r="R9674">
        <v>25</v>
      </c>
      <c r="S9674">
        <v>26</v>
      </c>
      <c r="T9674">
        <v>26</v>
      </c>
      <c r="U9674">
        <v>26</v>
      </c>
      <c r="V9674">
        <v>27</v>
      </c>
      <c r="W9674">
        <v>27</v>
      </c>
      <c r="X9674">
        <v>28</v>
      </c>
      <c r="Y9674">
        <v>28</v>
      </c>
      <c r="Z9674">
        <v>29</v>
      </c>
      <c r="AA9674">
        <v>29</v>
      </c>
      <c r="AB9674">
        <v>29</v>
      </c>
      <c r="AC9674">
        <v>30</v>
      </c>
      <c r="AD9674">
        <v>30</v>
      </c>
      <c r="AE9674">
        <v>31</v>
      </c>
      <c r="AF9674">
        <v>31</v>
      </c>
      <c r="AG9674">
        <v>31</v>
      </c>
      <c r="AH9674">
        <v>32</v>
      </c>
      <c r="AI9674">
        <v>32</v>
      </c>
      <c r="AJ9674">
        <v>33</v>
      </c>
      <c r="AK9674">
        <v>33</v>
      </c>
      <c r="AL9674">
        <v>33</v>
      </c>
      <c r="AM9674">
        <v>33</v>
      </c>
      <c r="AN9674">
        <v>34</v>
      </c>
      <c r="AO9674">
        <v>34</v>
      </c>
      <c r="AP9674">
        <v>34</v>
      </c>
      <c r="AQ9674">
        <v>34</v>
      </c>
    </row>
    <row r="9675" spans="1:43">
      <c r="A9675" t="s">
        <v>6044</v>
      </c>
      <c r="B9675" t="s">
        <v>6045</v>
      </c>
      <c r="C9675" t="s">
        <v>6038</v>
      </c>
      <c r="D9675" t="s">
        <v>6039</v>
      </c>
      <c r="E9675" t="s">
        <v>5940</v>
      </c>
      <c r="F9675" t="s">
        <v>5941</v>
      </c>
      <c r="G9675" t="s">
        <v>80</v>
      </c>
      <c r="H9675" t="s">
        <v>81</v>
      </c>
      <c r="I9675" s="2">
        <v>0</v>
      </c>
      <c r="J9675" s="2">
        <v>1</v>
      </c>
      <c r="K9675" s="2">
        <v>0</v>
      </c>
      <c r="L9675" t="s">
        <v>82</v>
      </c>
      <c r="M9675" t="s">
        <v>87</v>
      </c>
      <c r="N9675" t="s">
        <v>88</v>
      </c>
      <c r="O9675" t="s">
        <v>85</v>
      </c>
      <c r="P9675" t="s">
        <v>86</v>
      </c>
      <c r="Q9675">
        <v>25</v>
      </c>
      <c r="R9675">
        <v>25</v>
      </c>
      <c r="S9675">
        <v>25</v>
      </c>
      <c r="T9675">
        <v>25</v>
      </c>
      <c r="U9675">
        <v>25</v>
      </c>
      <c r="V9675">
        <v>25</v>
      </c>
      <c r="W9675">
        <v>26</v>
      </c>
      <c r="X9675">
        <v>26</v>
      </c>
      <c r="Y9675">
        <v>26</v>
      </c>
      <c r="Z9675">
        <v>26</v>
      </c>
      <c r="AA9675">
        <v>26</v>
      </c>
      <c r="AB9675">
        <v>27</v>
      </c>
      <c r="AC9675">
        <v>27</v>
      </c>
      <c r="AD9675">
        <v>27</v>
      </c>
      <c r="AE9675">
        <v>27</v>
      </c>
      <c r="AF9675">
        <v>27</v>
      </c>
      <c r="AG9675">
        <v>28</v>
      </c>
      <c r="AH9675">
        <v>28</v>
      </c>
      <c r="AI9675">
        <v>28</v>
      </c>
      <c r="AJ9675">
        <v>28</v>
      </c>
      <c r="AK9675">
        <v>28</v>
      </c>
      <c r="AL9675">
        <v>28</v>
      </c>
      <c r="AM9675">
        <v>29</v>
      </c>
      <c r="AN9675">
        <v>29</v>
      </c>
      <c r="AO9675">
        <v>29</v>
      </c>
      <c r="AP9675">
        <v>29</v>
      </c>
      <c r="AQ9675">
        <v>29</v>
      </c>
    </row>
    <row r="9676" spans="1:43">
      <c r="A9676" t="s">
        <v>6044</v>
      </c>
      <c r="B9676" t="s">
        <v>6045</v>
      </c>
      <c r="C9676" t="s">
        <v>6038</v>
      </c>
      <c r="D9676" t="s">
        <v>6039</v>
      </c>
      <c r="E9676" t="s">
        <v>5940</v>
      </c>
      <c r="F9676" t="s">
        <v>5941</v>
      </c>
      <c r="G9676" t="s">
        <v>80</v>
      </c>
      <c r="H9676" t="s">
        <v>81</v>
      </c>
      <c r="I9676" s="2">
        <v>0</v>
      </c>
      <c r="J9676" s="2">
        <v>1</v>
      </c>
      <c r="K9676" s="2">
        <v>0</v>
      </c>
      <c r="L9676" t="s">
        <v>82</v>
      </c>
      <c r="M9676" t="s">
        <v>89</v>
      </c>
      <c r="N9676" t="s">
        <v>90</v>
      </c>
      <c r="O9676" t="s">
        <v>85</v>
      </c>
      <c r="P9676" t="s">
        <v>86</v>
      </c>
      <c r="Q9676">
        <v>25</v>
      </c>
      <c r="R9676">
        <v>26</v>
      </c>
      <c r="S9676">
        <v>26</v>
      </c>
      <c r="T9676">
        <v>27</v>
      </c>
      <c r="U9676">
        <v>28</v>
      </c>
      <c r="V9676">
        <v>28</v>
      </c>
      <c r="W9676">
        <v>29</v>
      </c>
      <c r="X9676">
        <v>29</v>
      </c>
      <c r="Y9676">
        <v>30</v>
      </c>
      <c r="Z9676">
        <v>30</v>
      </c>
      <c r="AA9676">
        <v>31</v>
      </c>
      <c r="AB9676">
        <v>31</v>
      </c>
      <c r="AC9676">
        <v>32</v>
      </c>
      <c r="AD9676">
        <v>32</v>
      </c>
      <c r="AE9676">
        <v>33</v>
      </c>
      <c r="AF9676">
        <v>33</v>
      </c>
      <c r="AG9676">
        <v>33</v>
      </c>
      <c r="AH9676">
        <v>33</v>
      </c>
      <c r="AI9676">
        <v>33</v>
      </c>
      <c r="AJ9676">
        <v>33</v>
      </c>
      <c r="AK9676">
        <v>33</v>
      </c>
      <c r="AL9676">
        <v>34</v>
      </c>
      <c r="AM9676">
        <v>34</v>
      </c>
      <c r="AN9676">
        <v>34</v>
      </c>
      <c r="AO9676">
        <v>34</v>
      </c>
      <c r="AP9676">
        <v>34</v>
      </c>
      <c r="AQ9676">
        <v>34</v>
      </c>
    </row>
    <row r="9677" spans="1:43">
      <c r="A9677" t="s">
        <v>6044</v>
      </c>
      <c r="B9677" t="s">
        <v>6045</v>
      </c>
      <c r="C9677" t="s">
        <v>6038</v>
      </c>
      <c r="D9677" t="s">
        <v>6039</v>
      </c>
      <c r="E9677" t="s">
        <v>5940</v>
      </c>
      <c r="F9677" t="s">
        <v>5941</v>
      </c>
      <c r="G9677" t="s">
        <v>80</v>
      </c>
      <c r="H9677" t="s">
        <v>81</v>
      </c>
      <c r="I9677" s="2">
        <v>0</v>
      </c>
      <c r="J9677" s="2">
        <v>1</v>
      </c>
      <c r="K9677" s="2">
        <v>0</v>
      </c>
      <c r="L9677" t="s">
        <v>82</v>
      </c>
      <c r="M9677" t="s">
        <v>83</v>
      </c>
      <c r="N9677" t="s">
        <v>91</v>
      </c>
      <c r="O9677" t="s">
        <v>85</v>
      </c>
      <c r="P9677" t="s">
        <v>86</v>
      </c>
      <c r="Q9677">
        <v>25</v>
      </c>
      <c r="R9677">
        <v>25</v>
      </c>
      <c r="S9677">
        <v>26</v>
      </c>
      <c r="T9677">
        <v>26</v>
      </c>
      <c r="U9677">
        <v>26</v>
      </c>
      <c r="V9677">
        <v>27</v>
      </c>
      <c r="W9677">
        <v>27</v>
      </c>
      <c r="X9677">
        <v>28</v>
      </c>
      <c r="Y9677">
        <v>28</v>
      </c>
      <c r="Z9677">
        <v>29</v>
      </c>
      <c r="AA9677">
        <v>29</v>
      </c>
      <c r="AB9677">
        <v>29</v>
      </c>
      <c r="AC9677">
        <v>30</v>
      </c>
      <c r="AD9677">
        <v>30</v>
      </c>
      <c r="AE9677">
        <v>31</v>
      </c>
      <c r="AF9677">
        <v>31</v>
      </c>
      <c r="AG9677">
        <v>31</v>
      </c>
      <c r="AH9677">
        <v>32</v>
      </c>
      <c r="AI9677">
        <v>32</v>
      </c>
      <c r="AJ9677">
        <v>33</v>
      </c>
      <c r="AK9677">
        <v>33</v>
      </c>
      <c r="AL9677">
        <v>33</v>
      </c>
      <c r="AM9677">
        <v>33</v>
      </c>
      <c r="AN9677">
        <v>34</v>
      </c>
      <c r="AO9677">
        <v>34</v>
      </c>
      <c r="AP9677">
        <v>34</v>
      </c>
      <c r="AQ9677">
        <v>34</v>
      </c>
    </row>
    <row r="9678" spans="1:43">
      <c r="A9678" t="s">
        <v>6046</v>
      </c>
      <c r="B9678" t="s">
        <v>6047</v>
      </c>
      <c r="C9678" t="s">
        <v>6038</v>
      </c>
      <c r="D9678" t="s">
        <v>6039</v>
      </c>
      <c r="E9678" t="s">
        <v>5940</v>
      </c>
      <c r="F9678" t="s">
        <v>5941</v>
      </c>
      <c r="G9678" t="s">
        <v>80</v>
      </c>
      <c r="H9678" t="s">
        <v>81</v>
      </c>
      <c r="I9678" s="2">
        <v>0</v>
      </c>
      <c r="J9678" s="2">
        <v>1</v>
      </c>
      <c r="K9678" s="2">
        <v>0</v>
      </c>
      <c r="L9678" t="s">
        <v>82</v>
      </c>
      <c r="M9678" t="s">
        <v>83</v>
      </c>
      <c r="N9678" t="s">
        <v>84</v>
      </c>
      <c r="O9678" t="s">
        <v>85</v>
      </c>
      <c r="P9678" t="s">
        <v>86</v>
      </c>
      <c r="Q9678">
        <v>12</v>
      </c>
      <c r="R9678">
        <v>13</v>
      </c>
      <c r="S9678">
        <v>13</v>
      </c>
      <c r="T9678">
        <v>13</v>
      </c>
      <c r="U9678">
        <v>13</v>
      </c>
      <c r="V9678">
        <v>13</v>
      </c>
      <c r="W9678">
        <v>14</v>
      </c>
      <c r="X9678">
        <v>14</v>
      </c>
      <c r="Y9678">
        <v>14</v>
      </c>
      <c r="Z9678">
        <v>14</v>
      </c>
      <c r="AA9678">
        <v>15</v>
      </c>
      <c r="AB9678">
        <v>15</v>
      </c>
      <c r="AC9678">
        <v>15</v>
      </c>
      <c r="AD9678">
        <v>15</v>
      </c>
      <c r="AE9678">
        <v>15</v>
      </c>
      <c r="AF9678">
        <v>16</v>
      </c>
      <c r="AG9678">
        <v>16</v>
      </c>
      <c r="AH9678">
        <v>16</v>
      </c>
      <c r="AI9678">
        <v>16</v>
      </c>
      <c r="AJ9678">
        <v>16</v>
      </c>
      <c r="AK9678">
        <v>17</v>
      </c>
      <c r="AL9678">
        <v>17</v>
      </c>
      <c r="AM9678">
        <v>17</v>
      </c>
      <c r="AN9678">
        <v>17</v>
      </c>
      <c r="AO9678">
        <v>17</v>
      </c>
      <c r="AP9678">
        <v>17</v>
      </c>
      <c r="AQ9678">
        <v>17</v>
      </c>
    </row>
    <row r="9679" spans="1:43">
      <c r="A9679" t="s">
        <v>6046</v>
      </c>
      <c r="B9679" t="s">
        <v>6047</v>
      </c>
      <c r="C9679" t="s">
        <v>6038</v>
      </c>
      <c r="D9679" t="s">
        <v>6039</v>
      </c>
      <c r="E9679" t="s">
        <v>5940</v>
      </c>
      <c r="F9679" t="s">
        <v>5941</v>
      </c>
      <c r="G9679" t="s">
        <v>80</v>
      </c>
      <c r="H9679" t="s">
        <v>81</v>
      </c>
      <c r="I9679" s="2">
        <v>0</v>
      </c>
      <c r="J9679" s="2">
        <v>1</v>
      </c>
      <c r="K9679" s="2">
        <v>0</v>
      </c>
      <c r="L9679" t="s">
        <v>82</v>
      </c>
      <c r="M9679" t="s">
        <v>87</v>
      </c>
      <c r="N9679" t="s">
        <v>88</v>
      </c>
      <c r="O9679" t="s">
        <v>85</v>
      </c>
      <c r="P9679" t="s">
        <v>86</v>
      </c>
      <c r="Q9679">
        <v>12</v>
      </c>
      <c r="R9679">
        <v>12</v>
      </c>
      <c r="S9679">
        <v>12</v>
      </c>
      <c r="T9679">
        <v>13</v>
      </c>
      <c r="U9679">
        <v>13</v>
      </c>
      <c r="V9679">
        <v>13</v>
      </c>
      <c r="W9679">
        <v>13</v>
      </c>
      <c r="X9679">
        <v>13</v>
      </c>
      <c r="Y9679">
        <v>13</v>
      </c>
      <c r="Z9679">
        <v>13</v>
      </c>
      <c r="AA9679">
        <v>13</v>
      </c>
      <c r="AB9679">
        <v>13</v>
      </c>
      <c r="AC9679">
        <v>13</v>
      </c>
      <c r="AD9679">
        <v>14</v>
      </c>
      <c r="AE9679">
        <v>14</v>
      </c>
      <c r="AF9679">
        <v>14</v>
      </c>
      <c r="AG9679">
        <v>14</v>
      </c>
      <c r="AH9679">
        <v>14</v>
      </c>
      <c r="AI9679">
        <v>14</v>
      </c>
      <c r="AJ9679">
        <v>14</v>
      </c>
      <c r="AK9679">
        <v>14</v>
      </c>
      <c r="AL9679">
        <v>14</v>
      </c>
      <c r="AM9679">
        <v>14</v>
      </c>
      <c r="AN9679">
        <v>14</v>
      </c>
      <c r="AO9679">
        <v>15</v>
      </c>
      <c r="AP9679">
        <v>15</v>
      </c>
      <c r="AQ9679">
        <v>15</v>
      </c>
    </row>
    <row r="9680" spans="1:43">
      <c r="A9680" t="s">
        <v>6046</v>
      </c>
      <c r="B9680" t="s">
        <v>6047</v>
      </c>
      <c r="C9680" t="s">
        <v>6038</v>
      </c>
      <c r="D9680" t="s">
        <v>6039</v>
      </c>
      <c r="E9680" t="s">
        <v>5940</v>
      </c>
      <c r="F9680" t="s">
        <v>5941</v>
      </c>
      <c r="G9680" t="s">
        <v>80</v>
      </c>
      <c r="H9680" t="s">
        <v>81</v>
      </c>
      <c r="I9680" s="2">
        <v>0</v>
      </c>
      <c r="J9680" s="2">
        <v>1</v>
      </c>
      <c r="K9680" s="2">
        <v>0</v>
      </c>
      <c r="L9680" t="s">
        <v>82</v>
      </c>
      <c r="M9680" t="s">
        <v>89</v>
      </c>
      <c r="N9680" t="s">
        <v>90</v>
      </c>
      <c r="O9680" t="s">
        <v>85</v>
      </c>
      <c r="P9680" t="s">
        <v>86</v>
      </c>
      <c r="Q9680">
        <v>12</v>
      </c>
      <c r="R9680">
        <v>12</v>
      </c>
      <c r="S9680">
        <v>12</v>
      </c>
      <c r="T9680">
        <v>12</v>
      </c>
      <c r="U9680">
        <v>13</v>
      </c>
      <c r="V9680">
        <v>13</v>
      </c>
      <c r="W9680">
        <v>13</v>
      </c>
      <c r="X9680">
        <v>14</v>
      </c>
      <c r="Y9680">
        <v>14</v>
      </c>
      <c r="Z9680">
        <v>14</v>
      </c>
      <c r="AA9680">
        <v>14</v>
      </c>
      <c r="AB9680">
        <v>15</v>
      </c>
      <c r="AC9680">
        <v>15</v>
      </c>
      <c r="AD9680">
        <v>15</v>
      </c>
      <c r="AE9680">
        <v>15</v>
      </c>
      <c r="AF9680">
        <v>15</v>
      </c>
      <c r="AG9680">
        <v>16</v>
      </c>
      <c r="AH9680">
        <v>16</v>
      </c>
      <c r="AI9680">
        <v>16</v>
      </c>
      <c r="AJ9680">
        <v>16</v>
      </c>
      <c r="AK9680">
        <v>16</v>
      </c>
      <c r="AL9680">
        <v>16</v>
      </c>
      <c r="AM9680">
        <v>16</v>
      </c>
      <c r="AN9680">
        <v>16</v>
      </c>
      <c r="AO9680">
        <v>16</v>
      </c>
      <c r="AP9680">
        <v>16</v>
      </c>
      <c r="AQ9680">
        <v>16</v>
      </c>
    </row>
    <row r="9681" spans="1:43">
      <c r="A9681" t="s">
        <v>6046</v>
      </c>
      <c r="B9681" t="s">
        <v>6047</v>
      </c>
      <c r="C9681" t="s">
        <v>6038</v>
      </c>
      <c r="D9681" t="s">
        <v>6039</v>
      </c>
      <c r="E9681" t="s">
        <v>5940</v>
      </c>
      <c r="F9681" t="s">
        <v>5941</v>
      </c>
      <c r="G9681" t="s">
        <v>80</v>
      </c>
      <c r="H9681" t="s">
        <v>81</v>
      </c>
      <c r="I9681" s="2">
        <v>0</v>
      </c>
      <c r="J9681" s="2">
        <v>1</v>
      </c>
      <c r="K9681" s="2">
        <v>0</v>
      </c>
      <c r="L9681" t="s">
        <v>82</v>
      </c>
      <c r="M9681" t="s">
        <v>83</v>
      </c>
      <c r="N9681" t="s">
        <v>91</v>
      </c>
      <c r="O9681" t="s">
        <v>85</v>
      </c>
      <c r="P9681" t="s">
        <v>86</v>
      </c>
      <c r="Q9681">
        <v>12</v>
      </c>
      <c r="R9681">
        <v>13</v>
      </c>
      <c r="S9681">
        <v>13</v>
      </c>
      <c r="T9681">
        <v>13</v>
      </c>
      <c r="U9681">
        <v>13</v>
      </c>
      <c r="V9681">
        <v>13</v>
      </c>
      <c r="W9681">
        <v>14</v>
      </c>
      <c r="X9681">
        <v>14</v>
      </c>
      <c r="Y9681">
        <v>14</v>
      </c>
      <c r="Z9681">
        <v>14</v>
      </c>
      <c r="AA9681">
        <v>15</v>
      </c>
      <c r="AB9681">
        <v>15</v>
      </c>
      <c r="AC9681">
        <v>15</v>
      </c>
      <c r="AD9681">
        <v>15</v>
      </c>
      <c r="AE9681">
        <v>15</v>
      </c>
      <c r="AF9681">
        <v>16</v>
      </c>
      <c r="AG9681">
        <v>16</v>
      </c>
      <c r="AH9681">
        <v>16</v>
      </c>
      <c r="AI9681">
        <v>16</v>
      </c>
      <c r="AJ9681">
        <v>16</v>
      </c>
      <c r="AK9681">
        <v>17</v>
      </c>
      <c r="AL9681">
        <v>17</v>
      </c>
      <c r="AM9681">
        <v>17</v>
      </c>
      <c r="AN9681">
        <v>17</v>
      </c>
      <c r="AO9681">
        <v>17</v>
      </c>
      <c r="AP9681">
        <v>17</v>
      </c>
      <c r="AQ9681">
        <v>17</v>
      </c>
    </row>
    <row r="9682" spans="1:43">
      <c r="A9682" t="s">
        <v>6048</v>
      </c>
      <c r="B9682" t="s">
        <v>6049</v>
      </c>
      <c r="C9682" t="s">
        <v>5998</v>
      </c>
      <c r="D9682" t="s">
        <v>5999</v>
      </c>
      <c r="E9682" t="s">
        <v>5940</v>
      </c>
      <c r="F9682" t="s">
        <v>5941</v>
      </c>
      <c r="G9682" t="s">
        <v>80</v>
      </c>
      <c r="H9682" t="s">
        <v>81</v>
      </c>
      <c r="I9682" s="2">
        <v>0</v>
      </c>
      <c r="J9682" s="2">
        <v>1</v>
      </c>
      <c r="K9682" s="2">
        <v>0</v>
      </c>
      <c r="L9682" t="s">
        <v>82</v>
      </c>
      <c r="M9682" t="s">
        <v>83</v>
      </c>
      <c r="N9682" t="s">
        <v>84</v>
      </c>
      <c r="O9682" t="s">
        <v>85</v>
      </c>
      <c r="P9682" t="s">
        <v>86</v>
      </c>
      <c r="Q9682">
        <v>32</v>
      </c>
      <c r="R9682">
        <v>33</v>
      </c>
      <c r="S9682">
        <v>33</v>
      </c>
      <c r="T9682">
        <v>34</v>
      </c>
      <c r="U9682">
        <v>34</v>
      </c>
      <c r="V9682">
        <v>35</v>
      </c>
      <c r="W9682">
        <v>35</v>
      </c>
      <c r="X9682">
        <v>36</v>
      </c>
      <c r="Y9682">
        <v>37</v>
      </c>
      <c r="Z9682">
        <v>37</v>
      </c>
      <c r="AA9682">
        <v>38</v>
      </c>
      <c r="AB9682">
        <v>38</v>
      </c>
      <c r="AC9682">
        <v>39</v>
      </c>
      <c r="AD9682">
        <v>39</v>
      </c>
      <c r="AE9682">
        <v>40</v>
      </c>
      <c r="AF9682">
        <v>40</v>
      </c>
      <c r="AG9682">
        <v>41</v>
      </c>
      <c r="AH9682">
        <v>41</v>
      </c>
      <c r="AI9682">
        <v>42</v>
      </c>
      <c r="AJ9682">
        <v>42</v>
      </c>
      <c r="AK9682">
        <v>43</v>
      </c>
      <c r="AL9682">
        <v>43</v>
      </c>
      <c r="AM9682">
        <v>43</v>
      </c>
      <c r="AN9682">
        <v>43</v>
      </c>
      <c r="AO9682">
        <v>44</v>
      </c>
      <c r="AP9682">
        <v>44</v>
      </c>
      <c r="AQ9682">
        <v>44</v>
      </c>
    </row>
    <row r="9683" spans="1:43">
      <c r="A9683" t="s">
        <v>6048</v>
      </c>
      <c r="B9683" t="s">
        <v>6049</v>
      </c>
      <c r="C9683" t="s">
        <v>5998</v>
      </c>
      <c r="D9683" t="s">
        <v>5999</v>
      </c>
      <c r="E9683" t="s">
        <v>5940</v>
      </c>
      <c r="F9683" t="s">
        <v>5941</v>
      </c>
      <c r="G9683" t="s">
        <v>80</v>
      </c>
      <c r="H9683" t="s">
        <v>81</v>
      </c>
      <c r="I9683" s="2">
        <v>0</v>
      </c>
      <c r="J9683" s="2">
        <v>1</v>
      </c>
      <c r="K9683" s="2">
        <v>0</v>
      </c>
      <c r="L9683" t="s">
        <v>82</v>
      </c>
      <c r="M9683" t="s">
        <v>87</v>
      </c>
      <c r="N9683" t="s">
        <v>88</v>
      </c>
      <c r="O9683" t="s">
        <v>85</v>
      </c>
      <c r="P9683" t="s">
        <v>86</v>
      </c>
      <c r="Q9683">
        <v>32</v>
      </c>
      <c r="R9683">
        <v>32</v>
      </c>
      <c r="S9683">
        <v>32</v>
      </c>
      <c r="T9683">
        <v>33</v>
      </c>
      <c r="U9683">
        <v>33</v>
      </c>
      <c r="V9683">
        <v>33</v>
      </c>
      <c r="W9683">
        <v>33</v>
      </c>
      <c r="X9683">
        <v>34</v>
      </c>
      <c r="Y9683">
        <v>34</v>
      </c>
      <c r="Z9683">
        <v>34</v>
      </c>
      <c r="AA9683">
        <v>34</v>
      </c>
      <c r="AB9683">
        <v>34</v>
      </c>
      <c r="AC9683">
        <v>35</v>
      </c>
      <c r="AD9683">
        <v>35</v>
      </c>
      <c r="AE9683">
        <v>35</v>
      </c>
      <c r="AF9683">
        <v>35</v>
      </c>
      <c r="AG9683">
        <v>36</v>
      </c>
      <c r="AH9683">
        <v>36</v>
      </c>
      <c r="AI9683">
        <v>36</v>
      </c>
      <c r="AJ9683">
        <v>36</v>
      </c>
      <c r="AK9683">
        <v>37</v>
      </c>
      <c r="AL9683">
        <v>37</v>
      </c>
      <c r="AM9683">
        <v>37</v>
      </c>
      <c r="AN9683">
        <v>37</v>
      </c>
      <c r="AO9683">
        <v>38</v>
      </c>
      <c r="AP9683">
        <v>38</v>
      </c>
      <c r="AQ9683">
        <v>38</v>
      </c>
    </row>
    <row r="9684" spans="1:43">
      <c r="A9684" t="s">
        <v>6048</v>
      </c>
      <c r="B9684" t="s">
        <v>6049</v>
      </c>
      <c r="C9684" t="s">
        <v>5998</v>
      </c>
      <c r="D9684" t="s">
        <v>5999</v>
      </c>
      <c r="E9684" t="s">
        <v>5940</v>
      </c>
      <c r="F9684" t="s">
        <v>5941</v>
      </c>
      <c r="G9684" t="s">
        <v>80</v>
      </c>
      <c r="H9684" t="s">
        <v>81</v>
      </c>
      <c r="I9684" s="2">
        <v>0</v>
      </c>
      <c r="J9684" s="2">
        <v>1</v>
      </c>
      <c r="K9684" s="2">
        <v>0</v>
      </c>
      <c r="L9684" t="s">
        <v>82</v>
      </c>
      <c r="M9684" t="s">
        <v>89</v>
      </c>
      <c r="N9684" t="s">
        <v>90</v>
      </c>
      <c r="O9684" t="s">
        <v>85</v>
      </c>
      <c r="P9684" t="s">
        <v>86</v>
      </c>
      <c r="Q9684">
        <v>32</v>
      </c>
      <c r="R9684">
        <v>33</v>
      </c>
      <c r="S9684">
        <v>34</v>
      </c>
      <c r="T9684">
        <v>35</v>
      </c>
      <c r="U9684">
        <v>36</v>
      </c>
      <c r="V9684">
        <v>36</v>
      </c>
      <c r="W9684">
        <v>37</v>
      </c>
      <c r="X9684">
        <v>38</v>
      </c>
      <c r="Y9684">
        <v>39</v>
      </c>
      <c r="Z9684">
        <v>39</v>
      </c>
      <c r="AA9684">
        <v>40</v>
      </c>
      <c r="AB9684">
        <v>41</v>
      </c>
      <c r="AC9684">
        <v>41</v>
      </c>
      <c r="AD9684">
        <v>42</v>
      </c>
      <c r="AE9684">
        <v>43</v>
      </c>
      <c r="AF9684">
        <v>43</v>
      </c>
      <c r="AG9684">
        <v>43</v>
      </c>
      <c r="AH9684">
        <v>43</v>
      </c>
      <c r="AI9684">
        <v>43</v>
      </c>
      <c r="AJ9684">
        <v>43</v>
      </c>
      <c r="AK9684">
        <v>43</v>
      </c>
      <c r="AL9684">
        <v>43</v>
      </c>
      <c r="AM9684">
        <v>44</v>
      </c>
      <c r="AN9684">
        <v>44</v>
      </c>
      <c r="AO9684">
        <v>44</v>
      </c>
      <c r="AP9684">
        <v>44</v>
      </c>
      <c r="AQ9684">
        <v>44</v>
      </c>
    </row>
    <row r="9685" spans="1:43">
      <c r="A9685" t="s">
        <v>6048</v>
      </c>
      <c r="B9685" t="s">
        <v>6049</v>
      </c>
      <c r="C9685" t="s">
        <v>5998</v>
      </c>
      <c r="D9685" t="s">
        <v>5999</v>
      </c>
      <c r="E9685" t="s">
        <v>5940</v>
      </c>
      <c r="F9685" t="s">
        <v>5941</v>
      </c>
      <c r="G9685" t="s">
        <v>80</v>
      </c>
      <c r="H9685" t="s">
        <v>81</v>
      </c>
      <c r="I9685" s="2">
        <v>0</v>
      </c>
      <c r="J9685" s="2">
        <v>1</v>
      </c>
      <c r="K9685" s="2">
        <v>0</v>
      </c>
      <c r="L9685" t="s">
        <v>82</v>
      </c>
      <c r="M9685" t="s">
        <v>83</v>
      </c>
      <c r="N9685" t="s">
        <v>91</v>
      </c>
      <c r="O9685" t="s">
        <v>85</v>
      </c>
      <c r="P9685" t="s">
        <v>86</v>
      </c>
      <c r="Q9685">
        <v>32</v>
      </c>
      <c r="R9685">
        <v>33</v>
      </c>
      <c r="S9685">
        <v>33</v>
      </c>
      <c r="T9685">
        <v>34</v>
      </c>
      <c r="U9685">
        <v>34</v>
      </c>
      <c r="V9685">
        <v>35</v>
      </c>
      <c r="W9685">
        <v>35</v>
      </c>
      <c r="X9685">
        <v>36</v>
      </c>
      <c r="Y9685">
        <v>37</v>
      </c>
      <c r="Z9685">
        <v>37</v>
      </c>
      <c r="AA9685">
        <v>38</v>
      </c>
      <c r="AB9685">
        <v>38</v>
      </c>
      <c r="AC9685">
        <v>39</v>
      </c>
      <c r="AD9685">
        <v>39</v>
      </c>
      <c r="AE9685">
        <v>40</v>
      </c>
      <c r="AF9685">
        <v>40</v>
      </c>
      <c r="AG9685">
        <v>41</v>
      </c>
      <c r="AH9685">
        <v>41</v>
      </c>
      <c r="AI9685">
        <v>42</v>
      </c>
      <c r="AJ9685">
        <v>42</v>
      </c>
      <c r="AK9685">
        <v>43</v>
      </c>
      <c r="AL9685">
        <v>43</v>
      </c>
      <c r="AM9685">
        <v>43</v>
      </c>
      <c r="AN9685">
        <v>43</v>
      </c>
      <c r="AO9685">
        <v>44</v>
      </c>
      <c r="AP9685">
        <v>44</v>
      </c>
      <c r="AQ9685">
        <v>44</v>
      </c>
    </row>
    <row r="9686" spans="1:43">
      <c r="A9686" t="s">
        <v>6050</v>
      </c>
      <c r="B9686" t="s">
        <v>6051</v>
      </c>
      <c r="C9686" t="s">
        <v>5974</v>
      </c>
      <c r="D9686" t="s">
        <v>5975</v>
      </c>
      <c r="E9686" t="s">
        <v>5940</v>
      </c>
      <c r="F9686" t="s">
        <v>5941</v>
      </c>
      <c r="G9686" t="s">
        <v>80</v>
      </c>
      <c r="H9686" t="s">
        <v>81</v>
      </c>
      <c r="I9686" s="2">
        <v>0</v>
      </c>
      <c r="J9686" s="2">
        <v>1</v>
      </c>
      <c r="K9686" s="2">
        <v>0</v>
      </c>
      <c r="L9686" t="s">
        <v>82</v>
      </c>
      <c r="M9686" t="s">
        <v>83</v>
      </c>
      <c r="N9686" t="s">
        <v>84</v>
      </c>
      <c r="O9686" t="s">
        <v>85</v>
      </c>
      <c r="P9686" t="s">
        <v>86</v>
      </c>
      <c r="Q9686">
        <v>6</v>
      </c>
      <c r="R9686">
        <v>6</v>
      </c>
      <c r="S9686">
        <v>6</v>
      </c>
      <c r="T9686">
        <v>6</v>
      </c>
      <c r="U9686">
        <v>7</v>
      </c>
      <c r="V9686">
        <v>7</v>
      </c>
      <c r="W9686">
        <v>7</v>
      </c>
      <c r="X9686">
        <v>7</v>
      </c>
      <c r="Y9686">
        <v>7</v>
      </c>
      <c r="Z9686">
        <v>7</v>
      </c>
      <c r="AA9686">
        <v>7</v>
      </c>
      <c r="AB9686">
        <v>7</v>
      </c>
      <c r="AC9686">
        <v>7</v>
      </c>
      <c r="AD9686">
        <v>8</v>
      </c>
      <c r="AE9686">
        <v>8</v>
      </c>
      <c r="AF9686">
        <v>8</v>
      </c>
      <c r="AG9686">
        <v>8</v>
      </c>
      <c r="AH9686">
        <v>8</v>
      </c>
      <c r="AI9686">
        <v>8</v>
      </c>
      <c r="AJ9686">
        <v>8</v>
      </c>
      <c r="AK9686">
        <v>8</v>
      </c>
      <c r="AL9686">
        <v>8</v>
      </c>
      <c r="AM9686">
        <v>8</v>
      </c>
      <c r="AN9686">
        <v>8</v>
      </c>
      <c r="AO9686">
        <v>8</v>
      </c>
      <c r="AP9686">
        <v>8</v>
      </c>
      <c r="AQ9686">
        <v>8</v>
      </c>
    </row>
    <row r="9687" spans="1:43">
      <c r="A9687" t="s">
        <v>6050</v>
      </c>
      <c r="B9687" t="s">
        <v>6051</v>
      </c>
      <c r="C9687" t="s">
        <v>5974</v>
      </c>
      <c r="D9687" t="s">
        <v>5975</v>
      </c>
      <c r="E9687" t="s">
        <v>5940</v>
      </c>
      <c r="F9687" t="s">
        <v>5941</v>
      </c>
      <c r="G9687" t="s">
        <v>80</v>
      </c>
      <c r="H9687" t="s">
        <v>81</v>
      </c>
      <c r="I9687" s="2">
        <v>0</v>
      </c>
      <c r="J9687" s="2">
        <v>1</v>
      </c>
      <c r="K9687" s="2">
        <v>0</v>
      </c>
      <c r="L9687" t="s">
        <v>82</v>
      </c>
      <c r="M9687" t="s">
        <v>87</v>
      </c>
      <c r="N9687" t="s">
        <v>88</v>
      </c>
      <c r="O9687" t="s">
        <v>85</v>
      </c>
      <c r="P9687" t="s">
        <v>86</v>
      </c>
      <c r="Q9687">
        <v>6</v>
      </c>
      <c r="R9687">
        <v>6</v>
      </c>
      <c r="S9687">
        <v>6</v>
      </c>
      <c r="T9687">
        <v>6</v>
      </c>
      <c r="U9687">
        <v>6</v>
      </c>
      <c r="V9687">
        <v>6</v>
      </c>
      <c r="W9687">
        <v>6</v>
      </c>
      <c r="X9687">
        <v>6</v>
      </c>
      <c r="Y9687">
        <v>6</v>
      </c>
      <c r="Z9687">
        <v>7</v>
      </c>
      <c r="AA9687">
        <v>7</v>
      </c>
      <c r="AB9687">
        <v>7</v>
      </c>
      <c r="AC9687">
        <v>7</v>
      </c>
      <c r="AD9687">
        <v>7</v>
      </c>
      <c r="AE9687">
        <v>7</v>
      </c>
      <c r="AF9687">
        <v>7</v>
      </c>
      <c r="AG9687">
        <v>7</v>
      </c>
      <c r="AH9687">
        <v>7</v>
      </c>
      <c r="AI9687">
        <v>7</v>
      </c>
      <c r="AJ9687">
        <v>7</v>
      </c>
      <c r="AK9687">
        <v>7</v>
      </c>
      <c r="AL9687">
        <v>7</v>
      </c>
      <c r="AM9687">
        <v>7</v>
      </c>
      <c r="AN9687">
        <v>7</v>
      </c>
      <c r="AO9687">
        <v>7</v>
      </c>
      <c r="AP9687">
        <v>7</v>
      </c>
      <c r="AQ9687">
        <v>7</v>
      </c>
    </row>
    <row r="9688" spans="1:43">
      <c r="A9688" t="s">
        <v>6050</v>
      </c>
      <c r="B9688" t="s">
        <v>6051</v>
      </c>
      <c r="C9688" t="s">
        <v>5974</v>
      </c>
      <c r="D9688" t="s">
        <v>5975</v>
      </c>
      <c r="E9688" t="s">
        <v>5940</v>
      </c>
      <c r="F9688" t="s">
        <v>5941</v>
      </c>
      <c r="G9688" t="s">
        <v>80</v>
      </c>
      <c r="H9688" t="s">
        <v>81</v>
      </c>
      <c r="I9688" s="2">
        <v>0</v>
      </c>
      <c r="J9688" s="2">
        <v>1</v>
      </c>
      <c r="K9688" s="2">
        <v>0</v>
      </c>
      <c r="L9688" t="s">
        <v>82</v>
      </c>
      <c r="M9688" t="s">
        <v>89</v>
      </c>
      <c r="N9688" t="s">
        <v>90</v>
      </c>
      <c r="O9688" t="s">
        <v>85</v>
      </c>
      <c r="P9688" t="s">
        <v>86</v>
      </c>
      <c r="Q9688">
        <v>6</v>
      </c>
      <c r="R9688">
        <v>6</v>
      </c>
      <c r="S9688">
        <v>7</v>
      </c>
      <c r="T9688">
        <v>7</v>
      </c>
      <c r="U9688">
        <v>7</v>
      </c>
      <c r="V9688">
        <v>7</v>
      </c>
      <c r="W9688">
        <v>7</v>
      </c>
      <c r="X9688">
        <v>7</v>
      </c>
      <c r="Y9688">
        <v>7</v>
      </c>
      <c r="Z9688">
        <v>8</v>
      </c>
      <c r="AA9688">
        <v>8</v>
      </c>
      <c r="AB9688">
        <v>8</v>
      </c>
      <c r="AC9688">
        <v>8</v>
      </c>
      <c r="AD9688">
        <v>8</v>
      </c>
      <c r="AE9688">
        <v>8</v>
      </c>
      <c r="AF9688">
        <v>8</v>
      </c>
      <c r="AG9688">
        <v>8</v>
      </c>
      <c r="AH9688">
        <v>8</v>
      </c>
      <c r="AI9688">
        <v>8</v>
      </c>
      <c r="AJ9688">
        <v>8</v>
      </c>
      <c r="AK9688">
        <v>8</v>
      </c>
      <c r="AL9688">
        <v>8</v>
      </c>
      <c r="AM9688">
        <v>8</v>
      </c>
      <c r="AN9688">
        <v>8</v>
      </c>
      <c r="AO9688">
        <v>8</v>
      </c>
      <c r="AP9688">
        <v>8</v>
      </c>
      <c r="AQ9688">
        <v>8</v>
      </c>
    </row>
    <row r="9689" spans="1:43">
      <c r="A9689" t="s">
        <v>6050</v>
      </c>
      <c r="B9689" t="s">
        <v>6051</v>
      </c>
      <c r="C9689" t="s">
        <v>5974</v>
      </c>
      <c r="D9689" t="s">
        <v>5975</v>
      </c>
      <c r="E9689" t="s">
        <v>5940</v>
      </c>
      <c r="F9689" t="s">
        <v>5941</v>
      </c>
      <c r="G9689" t="s">
        <v>80</v>
      </c>
      <c r="H9689" t="s">
        <v>81</v>
      </c>
      <c r="I9689" s="2">
        <v>0</v>
      </c>
      <c r="J9689" s="2">
        <v>1</v>
      </c>
      <c r="K9689" s="2">
        <v>0</v>
      </c>
      <c r="L9689" t="s">
        <v>82</v>
      </c>
      <c r="M9689" t="s">
        <v>83</v>
      </c>
      <c r="N9689" t="s">
        <v>91</v>
      </c>
      <c r="O9689" t="s">
        <v>85</v>
      </c>
      <c r="P9689" t="s">
        <v>86</v>
      </c>
      <c r="Q9689">
        <v>6</v>
      </c>
      <c r="R9689">
        <v>6</v>
      </c>
      <c r="S9689">
        <v>6</v>
      </c>
      <c r="T9689">
        <v>6</v>
      </c>
      <c r="U9689">
        <v>7</v>
      </c>
      <c r="V9689">
        <v>7</v>
      </c>
      <c r="W9689">
        <v>7</v>
      </c>
      <c r="X9689">
        <v>7</v>
      </c>
      <c r="Y9689">
        <v>7</v>
      </c>
      <c r="Z9689">
        <v>7</v>
      </c>
      <c r="AA9689">
        <v>7</v>
      </c>
      <c r="AB9689">
        <v>7</v>
      </c>
      <c r="AC9689">
        <v>7</v>
      </c>
      <c r="AD9689">
        <v>8</v>
      </c>
      <c r="AE9689">
        <v>8</v>
      </c>
      <c r="AF9689">
        <v>8</v>
      </c>
      <c r="AG9689">
        <v>8</v>
      </c>
      <c r="AH9689">
        <v>8</v>
      </c>
      <c r="AI9689">
        <v>8</v>
      </c>
      <c r="AJ9689">
        <v>8</v>
      </c>
      <c r="AK9689">
        <v>8</v>
      </c>
      <c r="AL9689">
        <v>8</v>
      </c>
      <c r="AM9689">
        <v>8</v>
      </c>
      <c r="AN9689">
        <v>8</v>
      </c>
      <c r="AO9689">
        <v>8</v>
      </c>
      <c r="AP9689">
        <v>8</v>
      </c>
      <c r="AQ9689">
        <v>8</v>
      </c>
    </row>
    <row r="9690" spans="1:43">
      <c r="A9690" t="s">
        <v>6052</v>
      </c>
      <c r="B9690" t="s">
        <v>6053</v>
      </c>
      <c r="C9690" t="s">
        <v>6038</v>
      </c>
      <c r="D9690" t="s">
        <v>6039</v>
      </c>
      <c r="E9690" t="s">
        <v>5940</v>
      </c>
      <c r="F9690" t="s">
        <v>5941</v>
      </c>
      <c r="G9690" t="s">
        <v>80</v>
      </c>
      <c r="H9690" t="s">
        <v>81</v>
      </c>
      <c r="I9690" s="2">
        <v>0</v>
      </c>
      <c r="J9690" s="2">
        <v>1</v>
      </c>
      <c r="K9690" s="2">
        <v>0</v>
      </c>
      <c r="L9690" t="s">
        <v>82</v>
      </c>
      <c r="M9690" t="s">
        <v>83</v>
      </c>
      <c r="N9690" t="s">
        <v>84</v>
      </c>
      <c r="O9690" t="s">
        <v>85</v>
      </c>
      <c r="P9690" t="s">
        <v>86</v>
      </c>
      <c r="Q9690">
        <v>6</v>
      </c>
      <c r="R9690">
        <v>6</v>
      </c>
      <c r="S9690">
        <v>6</v>
      </c>
      <c r="T9690">
        <v>6</v>
      </c>
      <c r="U9690">
        <v>6</v>
      </c>
      <c r="V9690">
        <v>7</v>
      </c>
      <c r="W9690">
        <v>7</v>
      </c>
      <c r="X9690">
        <v>7</v>
      </c>
      <c r="Y9690">
        <v>7</v>
      </c>
      <c r="Z9690">
        <v>7</v>
      </c>
      <c r="AA9690">
        <v>7</v>
      </c>
      <c r="AB9690">
        <v>7</v>
      </c>
      <c r="AC9690">
        <v>7</v>
      </c>
      <c r="AD9690">
        <v>7</v>
      </c>
      <c r="AE9690">
        <v>7</v>
      </c>
      <c r="AF9690">
        <v>8</v>
      </c>
      <c r="AG9690">
        <v>8</v>
      </c>
      <c r="AH9690">
        <v>8</v>
      </c>
      <c r="AI9690">
        <v>8</v>
      </c>
      <c r="AJ9690">
        <v>8</v>
      </c>
      <c r="AK9690">
        <v>8</v>
      </c>
      <c r="AL9690">
        <v>8</v>
      </c>
      <c r="AM9690">
        <v>8</v>
      </c>
      <c r="AN9690">
        <v>8</v>
      </c>
      <c r="AO9690">
        <v>8</v>
      </c>
      <c r="AP9690">
        <v>8</v>
      </c>
      <c r="AQ9690">
        <v>8</v>
      </c>
    </row>
    <row r="9691" spans="1:43">
      <c r="A9691" t="s">
        <v>6052</v>
      </c>
      <c r="B9691" t="s">
        <v>6053</v>
      </c>
      <c r="C9691" t="s">
        <v>6038</v>
      </c>
      <c r="D9691" t="s">
        <v>6039</v>
      </c>
      <c r="E9691" t="s">
        <v>5940</v>
      </c>
      <c r="F9691" t="s">
        <v>5941</v>
      </c>
      <c r="G9691" t="s">
        <v>80</v>
      </c>
      <c r="H9691" t="s">
        <v>81</v>
      </c>
      <c r="I9691" s="2">
        <v>0</v>
      </c>
      <c r="J9691" s="2">
        <v>1</v>
      </c>
      <c r="K9691" s="2">
        <v>0</v>
      </c>
      <c r="L9691" t="s">
        <v>82</v>
      </c>
      <c r="M9691" t="s">
        <v>87</v>
      </c>
      <c r="N9691" t="s">
        <v>88</v>
      </c>
      <c r="O9691" t="s">
        <v>85</v>
      </c>
      <c r="P9691" t="s">
        <v>86</v>
      </c>
      <c r="Q9691">
        <v>6</v>
      </c>
      <c r="R9691">
        <v>6</v>
      </c>
      <c r="S9691">
        <v>6</v>
      </c>
      <c r="T9691">
        <v>6</v>
      </c>
      <c r="U9691">
        <v>6</v>
      </c>
      <c r="V9691">
        <v>6</v>
      </c>
      <c r="W9691">
        <v>6</v>
      </c>
      <c r="X9691">
        <v>6</v>
      </c>
      <c r="Y9691">
        <v>6</v>
      </c>
      <c r="Z9691">
        <v>6</v>
      </c>
      <c r="AA9691">
        <v>6</v>
      </c>
      <c r="AB9691">
        <v>6</v>
      </c>
      <c r="AC9691">
        <v>6</v>
      </c>
      <c r="AD9691">
        <v>7</v>
      </c>
      <c r="AE9691">
        <v>7</v>
      </c>
      <c r="AF9691">
        <v>7</v>
      </c>
      <c r="AG9691">
        <v>7</v>
      </c>
      <c r="AH9691">
        <v>7</v>
      </c>
      <c r="AI9691">
        <v>7</v>
      </c>
      <c r="AJ9691">
        <v>7</v>
      </c>
      <c r="AK9691">
        <v>7</v>
      </c>
      <c r="AL9691">
        <v>7</v>
      </c>
      <c r="AM9691">
        <v>7</v>
      </c>
      <c r="AN9691">
        <v>7</v>
      </c>
      <c r="AO9691">
        <v>7</v>
      </c>
      <c r="AP9691">
        <v>7</v>
      </c>
      <c r="AQ9691">
        <v>7</v>
      </c>
    </row>
    <row r="9692" spans="1:43">
      <c r="A9692" t="s">
        <v>6052</v>
      </c>
      <c r="B9692" t="s">
        <v>6053</v>
      </c>
      <c r="C9692" t="s">
        <v>6038</v>
      </c>
      <c r="D9692" t="s">
        <v>6039</v>
      </c>
      <c r="E9692" t="s">
        <v>5940</v>
      </c>
      <c r="F9692" t="s">
        <v>5941</v>
      </c>
      <c r="G9692" t="s">
        <v>80</v>
      </c>
      <c r="H9692" t="s">
        <v>81</v>
      </c>
      <c r="I9692" s="2">
        <v>0</v>
      </c>
      <c r="J9692" s="2">
        <v>1</v>
      </c>
      <c r="K9692" s="2">
        <v>0</v>
      </c>
      <c r="L9692" t="s">
        <v>82</v>
      </c>
      <c r="M9692" t="s">
        <v>89</v>
      </c>
      <c r="N9692" t="s">
        <v>90</v>
      </c>
      <c r="O9692" t="s">
        <v>85</v>
      </c>
      <c r="P9692" t="s">
        <v>86</v>
      </c>
      <c r="Q9692">
        <v>6</v>
      </c>
      <c r="R9692">
        <v>6</v>
      </c>
      <c r="S9692">
        <v>6</v>
      </c>
      <c r="T9692">
        <v>7</v>
      </c>
      <c r="U9692">
        <v>7</v>
      </c>
      <c r="V9692">
        <v>7</v>
      </c>
      <c r="W9692">
        <v>7</v>
      </c>
      <c r="X9692">
        <v>7</v>
      </c>
      <c r="Y9692">
        <v>7</v>
      </c>
      <c r="Z9692">
        <v>7</v>
      </c>
      <c r="AA9692">
        <v>7</v>
      </c>
      <c r="AB9692">
        <v>8</v>
      </c>
      <c r="AC9692">
        <v>8</v>
      </c>
      <c r="AD9692">
        <v>8</v>
      </c>
      <c r="AE9692">
        <v>8</v>
      </c>
      <c r="AF9692">
        <v>8</v>
      </c>
      <c r="AG9692">
        <v>8</v>
      </c>
      <c r="AH9692">
        <v>8</v>
      </c>
      <c r="AI9692">
        <v>8</v>
      </c>
      <c r="AJ9692">
        <v>8</v>
      </c>
      <c r="AK9692">
        <v>8</v>
      </c>
      <c r="AL9692">
        <v>8</v>
      </c>
      <c r="AM9692">
        <v>8</v>
      </c>
      <c r="AN9692">
        <v>8</v>
      </c>
      <c r="AO9692">
        <v>8</v>
      </c>
      <c r="AP9692">
        <v>8</v>
      </c>
      <c r="AQ9692">
        <v>8</v>
      </c>
    </row>
    <row r="9693" spans="1:43">
      <c r="A9693" t="s">
        <v>6052</v>
      </c>
      <c r="B9693" t="s">
        <v>6053</v>
      </c>
      <c r="C9693" t="s">
        <v>6038</v>
      </c>
      <c r="D9693" t="s">
        <v>6039</v>
      </c>
      <c r="E9693" t="s">
        <v>5940</v>
      </c>
      <c r="F9693" t="s">
        <v>5941</v>
      </c>
      <c r="G9693" t="s">
        <v>80</v>
      </c>
      <c r="H9693" t="s">
        <v>81</v>
      </c>
      <c r="I9693" s="2">
        <v>0</v>
      </c>
      <c r="J9693" s="2">
        <v>1</v>
      </c>
      <c r="K9693" s="2">
        <v>0</v>
      </c>
      <c r="L9693" t="s">
        <v>82</v>
      </c>
      <c r="M9693" t="s">
        <v>83</v>
      </c>
      <c r="N9693" t="s">
        <v>91</v>
      </c>
      <c r="O9693" t="s">
        <v>85</v>
      </c>
      <c r="P9693" t="s">
        <v>86</v>
      </c>
      <c r="Q9693">
        <v>6</v>
      </c>
      <c r="R9693">
        <v>6</v>
      </c>
      <c r="S9693">
        <v>6</v>
      </c>
      <c r="T9693">
        <v>6</v>
      </c>
      <c r="U9693">
        <v>6</v>
      </c>
      <c r="V9693">
        <v>7</v>
      </c>
      <c r="W9693">
        <v>7</v>
      </c>
      <c r="X9693">
        <v>7</v>
      </c>
      <c r="Y9693">
        <v>7</v>
      </c>
      <c r="Z9693">
        <v>7</v>
      </c>
      <c r="AA9693">
        <v>7</v>
      </c>
      <c r="AB9693">
        <v>7</v>
      </c>
      <c r="AC9693">
        <v>7</v>
      </c>
      <c r="AD9693">
        <v>7</v>
      </c>
      <c r="AE9693">
        <v>7</v>
      </c>
      <c r="AF9693">
        <v>8</v>
      </c>
      <c r="AG9693">
        <v>8</v>
      </c>
      <c r="AH9693">
        <v>8</v>
      </c>
      <c r="AI9693">
        <v>8</v>
      </c>
      <c r="AJ9693">
        <v>8</v>
      </c>
      <c r="AK9693">
        <v>8</v>
      </c>
      <c r="AL9693">
        <v>8</v>
      </c>
      <c r="AM9693">
        <v>8</v>
      </c>
      <c r="AN9693">
        <v>8</v>
      </c>
      <c r="AO9693">
        <v>8</v>
      </c>
      <c r="AP9693">
        <v>8</v>
      </c>
      <c r="AQ9693">
        <v>8</v>
      </c>
    </row>
    <row r="9694" spans="1:43">
      <c r="A9694" t="s">
        <v>6054</v>
      </c>
      <c r="B9694" t="s">
        <v>6055</v>
      </c>
      <c r="C9694" t="s">
        <v>5988</v>
      </c>
      <c r="D9694" t="s">
        <v>5989</v>
      </c>
      <c r="E9694" t="s">
        <v>5940</v>
      </c>
      <c r="F9694" t="s">
        <v>5941</v>
      </c>
      <c r="G9694" t="s">
        <v>80</v>
      </c>
      <c r="H9694" t="s">
        <v>81</v>
      </c>
      <c r="I9694" s="2">
        <v>0</v>
      </c>
      <c r="J9694" s="2">
        <v>1</v>
      </c>
      <c r="K9694" s="2">
        <v>0</v>
      </c>
      <c r="L9694" t="s">
        <v>82</v>
      </c>
      <c r="M9694" t="s">
        <v>83</v>
      </c>
      <c r="N9694" t="s">
        <v>84</v>
      </c>
      <c r="O9694" t="s">
        <v>85</v>
      </c>
      <c r="P9694" t="s">
        <v>86</v>
      </c>
      <c r="Q9694">
        <v>8</v>
      </c>
      <c r="R9694">
        <v>8</v>
      </c>
      <c r="S9694">
        <v>9</v>
      </c>
      <c r="T9694">
        <v>9</v>
      </c>
      <c r="U9694">
        <v>9</v>
      </c>
      <c r="V9694">
        <v>9</v>
      </c>
      <c r="W9694">
        <v>9</v>
      </c>
      <c r="X9694">
        <v>9</v>
      </c>
      <c r="Y9694">
        <v>9</v>
      </c>
      <c r="Z9694">
        <v>10</v>
      </c>
      <c r="AA9694">
        <v>10</v>
      </c>
      <c r="AB9694">
        <v>10</v>
      </c>
      <c r="AC9694">
        <v>10</v>
      </c>
      <c r="AD9694">
        <v>10</v>
      </c>
      <c r="AE9694">
        <v>10</v>
      </c>
      <c r="AF9694">
        <v>10</v>
      </c>
      <c r="AG9694">
        <v>11</v>
      </c>
      <c r="AH9694">
        <v>11</v>
      </c>
      <c r="AI9694">
        <v>11</v>
      </c>
      <c r="AJ9694">
        <v>11</v>
      </c>
      <c r="AK9694">
        <v>11</v>
      </c>
      <c r="AL9694">
        <v>11</v>
      </c>
      <c r="AM9694">
        <v>11</v>
      </c>
      <c r="AN9694">
        <v>11</v>
      </c>
      <c r="AO9694">
        <v>11</v>
      </c>
      <c r="AP9694">
        <v>11</v>
      </c>
      <c r="AQ9694">
        <v>11</v>
      </c>
    </row>
    <row r="9695" spans="1:43">
      <c r="A9695" t="s">
        <v>6054</v>
      </c>
      <c r="B9695" t="s">
        <v>6055</v>
      </c>
      <c r="C9695" t="s">
        <v>5988</v>
      </c>
      <c r="D9695" t="s">
        <v>5989</v>
      </c>
      <c r="E9695" t="s">
        <v>5940</v>
      </c>
      <c r="F9695" t="s">
        <v>5941</v>
      </c>
      <c r="G9695" t="s">
        <v>80</v>
      </c>
      <c r="H9695" t="s">
        <v>81</v>
      </c>
      <c r="I9695" s="2">
        <v>0</v>
      </c>
      <c r="J9695" s="2">
        <v>1</v>
      </c>
      <c r="K9695" s="2">
        <v>0</v>
      </c>
      <c r="L9695" t="s">
        <v>82</v>
      </c>
      <c r="M9695" t="s">
        <v>87</v>
      </c>
      <c r="N9695" t="s">
        <v>88</v>
      </c>
      <c r="O9695" t="s">
        <v>85</v>
      </c>
      <c r="P9695" t="s">
        <v>86</v>
      </c>
      <c r="Q9695">
        <v>8</v>
      </c>
      <c r="R9695">
        <v>8</v>
      </c>
      <c r="S9695">
        <v>8</v>
      </c>
      <c r="T9695">
        <v>8</v>
      </c>
      <c r="U9695">
        <v>8</v>
      </c>
      <c r="V9695">
        <v>8</v>
      </c>
      <c r="W9695">
        <v>9</v>
      </c>
      <c r="X9695">
        <v>9</v>
      </c>
      <c r="Y9695">
        <v>9</v>
      </c>
      <c r="Z9695">
        <v>9</v>
      </c>
      <c r="AA9695">
        <v>9</v>
      </c>
      <c r="AB9695">
        <v>9</v>
      </c>
      <c r="AC9695">
        <v>9</v>
      </c>
      <c r="AD9695">
        <v>9</v>
      </c>
      <c r="AE9695">
        <v>9</v>
      </c>
      <c r="AF9695">
        <v>9</v>
      </c>
      <c r="AG9695">
        <v>9</v>
      </c>
      <c r="AH9695">
        <v>9</v>
      </c>
      <c r="AI9695">
        <v>9</v>
      </c>
      <c r="AJ9695">
        <v>9</v>
      </c>
      <c r="AK9695">
        <v>9</v>
      </c>
      <c r="AL9695">
        <v>10</v>
      </c>
      <c r="AM9695">
        <v>10</v>
      </c>
      <c r="AN9695">
        <v>10</v>
      </c>
      <c r="AO9695">
        <v>10</v>
      </c>
      <c r="AP9695">
        <v>10</v>
      </c>
      <c r="AQ9695">
        <v>10</v>
      </c>
    </row>
    <row r="9696" spans="1:43">
      <c r="A9696" t="s">
        <v>6054</v>
      </c>
      <c r="B9696" t="s">
        <v>6055</v>
      </c>
      <c r="C9696" t="s">
        <v>5988</v>
      </c>
      <c r="D9696" t="s">
        <v>5989</v>
      </c>
      <c r="E9696" t="s">
        <v>5940</v>
      </c>
      <c r="F9696" t="s">
        <v>5941</v>
      </c>
      <c r="G9696" t="s">
        <v>80</v>
      </c>
      <c r="H9696" t="s">
        <v>81</v>
      </c>
      <c r="I9696" s="2">
        <v>0</v>
      </c>
      <c r="J9696" s="2">
        <v>1</v>
      </c>
      <c r="K9696" s="2">
        <v>0</v>
      </c>
      <c r="L9696" t="s">
        <v>82</v>
      </c>
      <c r="M9696" t="s">
        <v>89</v>
      </c>
      <c r="N9696" t="s">
        <v>90</v>
      </c>
      <c r="O9696" t="s">
        <v>85</v>
      </c>
      <c r="P9696" t="s">
        <v>86</v>
      </c>
      <c r="Q9696">
        <v>8</v>
      </c>
      <c r="R9696">
        <v>9</v>
      </c>
      <c r="S9696">
        <v>9</v>
      </c>
      <c r="T9696">
        <v>9</v>
      </c>
      <c r="U9696">
        <v>9</v>
      </c>
      <c r="V9696">
        <v>9</v>
      </c>
      <c r="W9696">
        <v>10</v>
      </c>
      <c r="X9696">
        <v>10</v>
      </c>
      <c r="Y9696">
        <v>10</v>
      </c>
      <c r="Z9696">
        <v>10</v>
      </c>
      <c r="AA9696">
        <v>10</v>
      </c>
      <c r="AB9696">
        <v>10</v>
      </c>
      <c r="AC9696">
        <v>11</v>
      </c>
      <c r="AD9696">
        <v>11</v>
      </c>
      <c r="AE9696">
        <v>11</v>
      </c>
      <c r="AF9696">
        <v>11</v>
      </c>
      <c r="AG9696">
        <v>11</v>
      </c>
      <c r="AH9696">
        <v>11</v>
      </c>
      <c r="AI9696">
        <v>11</v>
      </c>
      <c r="AJ9696">
        <v>11</v>
      </c>
      <c r="AK9696">
        <v>11</v>
      </c>
      <c r="AL9696">
        <v>11</v>
      </c>
      <c r="AM9696">
        <v>11</v>
      </c>
      <c r="AN9696">
        <v>11</v>
      </c>
      <c r="AO9696">
        <v>11</v>
      </c>
      <c r="AP9696">
        <v>11</v>
      </c>
      <c r="AQ9696">
        <v>11</v>
      </c>
    </row>
    <row r="9697" spans="1:43">
      <c r="A9697" t="s">
        <v>6054</v>
      </c>
      <c r="B9697" t="s">
        <v>6055</v>
      </c>
      <c r="C9697" t="s">
        <v>5988</v>
      </c>
      <c r="D9697" t="s">
        <v>5989</v>
      </c>
      <c r="E9697" t="s">
        <v>5940</v>
      </c>
      <c r="F9697" t="s">
        <v>5941</v>
      </c>
      <c r="G9697" t="s">
        <v>80</v>
      </c>
      <c r="H9697" t="s">
        <v>81</v>
      </c>
      <c r="I9697" s="2">
        <v>0</v>
      </c>
      <c r="J9697" s="2">
        <v>1</v>
      </c>
      <c r="K9697" s="2">
        <v>0</v>
      </c>
      <c r="L9697" t="s">
        <v>82</v>
      </c>
      <c r="M9697" t="s">
        <v>83</v>
      </c>
      <c r="N9697" t="s">
        <v>91</v>
      </c>
      <c r="O9697" t="s">
        <v>85</v>
      </c>
      <c r="P9697" t="s">
        <v>86</v>
      </c>
      <c r="Q9697">
        <v>8</v>
      </c>
      <c r="R9697">
        <v>8</v>
      </c>
      <c r="S9697">
        <v>9</v>
      </c>
      <c r="T9697">
        <v>9</v>
      </c>
      <c r="U9697">
        <v>9</v>
      </c>
      <c r="V9697">
        <v>9</v>
      </c>
      <c r="W9697">
        <v>9</v>
      </c>
      <c r="X9697">
        <v>9</v>
      </c>
      <c r="Y9697">
        <v>9</v>
      </c>
      <c r="Z9697">
        <v>10</v>
      </c>
      <c r="AA9697">
        <v>10</v>
      </c>
      <c r="AB9697">
        <v>10</v>
      </c>
      <c r="AC9697">
        <v>10</v>
      </c>
      <c r="AD9697">
        <v>10</v>
      </c>
      <c r="AE9697">
        <v>10</v>
      </c>
      <c r="AF9697">
        <v>10</v>
      </c>
      <c r="AG9697">
        <v>11</v>
      </c>
      <c r="AH9697">
        <v>11</v>
      </c>
      <c r="AI9697">
        <v>11</v>
      </c>
      <c r="AJ9697">
        <v>11</v>
      </c>
      <c r="AK9697">
        <v>11</v>
      </c>
      <c r="AL9697">
        <v>11</v>
      </c>
      <c r="AM9697">
        <v>11</v>
      </c>
      <c r="AN9697">
        <v>11</v>
      </c>
      <c r="AO9697">
        <v>11</v>
      </c>
      <c r="AP9697">
        <v>11</v>
      </c>
      <c r="AQ9697">
        <v>11</v>
      </c>
    </row>
    <row r="9698" spans="1:43">
      <c r="A9698" t="s">
        <v>6056</v>
      </c>
      <c r="B9698" t="s">
        <v>6057</v>
      </c>
      <c r="C9698" t="s">
        <v>5974</v>
      </c>
      <c r="D9698" t="s">
        <v>5975</v>
      </c>
      <c r="E9698" t="s">
        <v>5940</v>
      </c>
      <c r="F9698" t="s">
        <v>5941</v>
      </c>
      <c r="G9698" t="s">
        <v>80</v>
      </c>
      <c r="H9698" t="s">
        <v>81</v>
      </c>
      <c r="I9698" s="2">
        <v>0</v>
      </c>
      <c r="J9698" s="2">
        <v>1</v>
      </c>
      <c r="K9698" s="2">
        <v>0</v>
      </c>
      <c r="L9698" t="s">
        <v>82</v>
      </c>
      <c r="M9698" t="s">
        <v>83</v>
      </c>
      <c r="N9698" t="s">
        <v>84</v>
      </c>
      <c r="O9698" t="s">
        <v>85</v>
      </c>
      <c r="P9698" t="s">
        <v>86</v>
      </c>
      <c r="Q9698">
        <v>6</v>
      </c>
      <c r="R9698">
        <v>6</v>
      </c>
      <c r="S9698">
        <v>6</v>
      </c>
      <c r="T9698">
        <v>6</v>
      </c>
      <c r="U9698">
        <v>6</v>
      </c>
      <c r="V9698">
        <v>7</v>
      </c>
      <c r="W9698">
        <v>7</v>
      </c>
      <c r="X9698">
        <v>7</v>
      </c>
      <c r="Y9698">
        <v>7</v>
      </c>
      <c r="Z9698">
        <v>7</v>
      </c>
      <c r="AA9698">
        <v>7</v>
      </c>
      <c r="AB9698">
        <v>7</v>
      </c>
      <c r="AC9698">
        <v>7</v>
      </c>
      <c r="AD9698">
        <v>7</v>
      </c>
      <c r="AE9698">
        <v>7</v>
      </c>
      <c r="AF9698">
        <v>8</v>
      </c>
      <c r="AG9698">
        <v>8</v>
      </c>
      <c r="AH9698">
        <v>8</v>
      </c>
      <c r="AI9698">
        <v>8</v>
      </c>
      <c r="AJ9698">
        <v>8</v>
      </c>
      <c r="AK9698">
        <v>8</v>
      </c>
      <c r="AL9698">
        <v>8</v>
      </c>
      <c r="AM9698">
        <v>8</v>
      </c>
      <c r="AN9698">
        <v>8</v>
      </c>
      <c r="AO9698">
        <v>8</v>
      </c>
      <c r="AP9698">
        <v>8</v>
      </c>
      <c r="AQ9698">
        <v>8</v>
      </c>
    </row>
    <row r="9699" spans="1:43">
      <c r="A9699" t="s">
        <v>6056</v>
      </c>
      <c r="B9699" t="s">
        <v>6057</v>
      </c>
      <c r="C9699" t="s">
        <v>5974</v>
      </c>
      <c r="D9699" t="s">
        <v>5975</v>
      </c>
      <c r="E9699" t="s">
        <v>5940</v>
      </c>
      <c r="F9699" t="s">
        <v>5941</v>
      </c>
      <c r="G9699" t="s">
        <v>80</v>
      </c>
      <c r="H9699" t="s">
        <v>81</v>
      </c>
      <c r="I9699" s="2">
        <v>0</v>
      </c>
      <c r="J9699" s="2">
        <v>1</v>
      </c>
      <c r="K9699" s="2">
        <v>0</v>
      </c>
      <c r="L9699" t="s">
        <v>82</v>
      </c>
      <c r="M9699" t="s">
        <v>87</v>
      </c>
      <c r="N9699" t="s">
        <v>88</v>
      </c>
      <c r="O9699" t="s">
        <v>85</v>
      </c>
      <c r="P9699" t="s">
        <v>86</v>
      </c>
      <c r="Q9699">
        <v>6</v>
      </c>
      <c r="R9699">
        <v>6</v>
      </c>
      <c r="S9699">
        <v>6</v>
      </c>
      <c r="T9699">
        <v>6</v>
      </c>
      <c r="U9699">
        <v>6</v>
      </c>
      <c r="V9699">
        <v>6</v>
      </c>
      <c r="W9699">
        <v>6</v>
      </c>
      <c r="X9699">
        <v>6</v>
      </c>
      <c r="Y9699">
        <v>6</v>
      </c>
      <c r="Z9699">
        <v>6</v>
      </c>
      <c r="AA9699">
        <v>6</v>
      </c>
      <c r="AB9699">
        <v>6</v>
      </c>
      <c r="AC9699">
        <v>6</v>
      </c>
      <c r="AD9699">
        <v>7</v>
      </c>
      <c r="AE9699">
        <v>7</v>
      </c>
      <c r="AF9699">
        <v>7</v>
      </c>
      <c r="AG9699">
        <v>7</v>
      </c>
      <c r="AH9699">
        <v>7</v>
      </c>
      <c r="AI9699">
        <v>7</v>
      </c>
      <c r="AJ9699">
        <v>7</v>
      </c>
      <c r="AK9699">
        <v>7</v>
      </c>
      <c r="AL9699">
        <v>7</v>
      </c>
      <c r="AM9699">
        <v>7</v>
      </c>
      <c r="AN9699">
        <v>7</v>
      </c>
      <c r="AO9699">
        <v>7</v>
      </c>
      <c r="AP9699">
        <v>7</v>
      </c>
      <c r="AQ9699">
        <v>7</v>
      </c>
    </row>
    <row r="9700" spans="1:43">
      <c r="A9700" t="s">
        <v>6056</v>
      </c>
      <c r="B9700" t="s">
        <v>6057</v>
      </c>
      <c r="C9700" t="s">
        <v>5974</v>
      </c>
      <c r="D9700" t="s">
        <v>5975</v>
      </c>
      <c r="E9700" t="s">
        <v>5940</v>
      </c>
      <c r="F9700" t="s">
        <v>5941</v>
      </c>
      <c r="G9700" t="s">
        <v>80</v>
      </c>
      <c r="H9700" t="s">
        <v>81</v>
      </c>
      <c r="I9700" s="2">
        <v>0</v>
      </c>
      <c r="J9700" s="2">
        <v>1</v>
      </c>
      <c r="K9700" s="2">
        <v>0</v>
      </c>
      <c r="L9700" t="s">
        <v>82</v>
      </c>
      <c r="M9700" t="s">
        <v>89</v>
      </c>
      <c r="N9700" t="s">
        <v>90</v>
      </c>
      <c r="O9700" t="s">
        <v>85</v>
      </c>
      <c r="P9700" t="s">
        <v>86</v>
      </c>
      <c r="Q9700">
        <v>6</v>
      </c>
      <c r="R9700">
        <v>6</v>
      </c>
      <c r="S9700">
        <v>6</v>
      </c>
      <c r="T9700">
        <v>7</v>
      </c>
      <c r="U9700">
        <v>7</v>
      </c>
      <c r="V9700">
        <v>7</v>
      </c>
      <c r="W9700">
        <v>7</v>
      </c>
      <c r="X9700">
        <v>7</v>
      </c>
      <c r="Y9700">
        <v>7</v>
      </c>
      <c r="Z9700">
        <v>7</v>
      </c>
      <c r="AA9700">
        <v>7</v>
      </c>
      <c r="AB9700">
        <v>8</v>
      </c>
      <c r="AC9700">
        <v>8</v>
      </c>
      <c r="AD9700">
        <v>8</v>
      </c>
      <c r="AE9700">
        <v>8</v>
      </c>
      <c r="AF9700">
        <v>8</v>
      </c>
      <c r="AG9700">
        <v>8</v>
      </c>
      <c r="AH9700">
        <v>8</v>
      </c>
      <c r="AI9700">
        <v>8</v>
      </c>
      <c r="AJ9700">
        <v>8</v>
      </c>
      <c r="AK9700">
        <v>8</v>
      </c>
      <c r="AL9700">
        <v>8</v>
      </c>
      <c r="AM9700">
        <v>8</v>
      </c>
      <c r="AN9700">
        <v>8</v>
      </c>
      <c r="AO9700">
        <v>8</v>
      </c>
      <c r="AP9700">
        <v>8</v>
      </c>
      <c r="AQ9700">
        <v>8</v>
      </c>
    </row>
    <row r="9701" spans="1:43">
      <c r="A9701" t="s">
        <v>6056</v>
      </c>
      <c r="B9701" t="s">
        <v>6057</v>
      </c>
      <c r="C9701" t="s">
        <v>5974</v>
      </c>
      <c r="D9701" t="s">
        <v>5975</v>
      </c>
      <c r="E9701" t="s">
        <v>5940</v>
      </c>
      <c r="F9701" t="s">
        <v>5941</v>
      </c>
      <c r="G9701" t="s">
        <v>80</v>
      </c>
      <c r="H9701" t="s">
        <v>81</v>
      </c>
      <c r="I9701" s="2">
        <v>0</v>
      </c>
      <c r="J9701" s="2">
        <v>1</v>
      </c>
      <c r="K9701" s="2">
        <v>0</v>
      </c>
      <c r="L9701" t="s">
        <v>82</v>
      </c>
      <c r="M9701" t="s">
        <v>83</v>
      </c>
      <c r="N9701" t="s">
        <v>91</v>
      </c>
      <c r="O9701" t="s">
        <v>85</v>
      </c>
      <c r="P9701" t="s">
        <v>86</v>
      </c>
      <c r="Q9701">
        <v>6</v>
      </c>
      <c r="R9701">
        <v>6</v>
      </c>
      <c r="S9701">
        <v>6</v>
      </c>
      <c r="T9701">
        <v>6</v>
      </c>
      <c r="U9701">
        <v>6</v>
      </c>
      <c r="V9701">
        <v>7</v>
      </c>
      <c r="W9701">
        <v>7</v>
      </c>
      <c r="X9701">
        <v>7</v>
      </c>
      <c r="Y9701">
        <v>7</v>
      </c>
      <c r="Z9701">
        <v>7</v>
      </c>
      <c r="AA9701">
        <v>7</v>
      </c>
      <c r="AB9701">
        <v>7</v>
      </c>
      <c r="AC9701">
        <v>7</v>
      </c>
      <c r="AD9701">
        <v>7</v>
      </c>
      <c r="AE9701">
        <v>7</v>
      </c>
      <c r="AF9701">
        <v>8</v>
      </c>
      <c r="AG9701">
        <v>8</v>
      </c>
      <c r="AH9701">
        <v>8</v>
      </c>
      <c r="AI9701">
        <v>8</v>
      </c>
      <c r="AJ9701">
        <v>8</v>
      </c>
      <c r="AK9701">
        <v>8</v>
      </c>
      <c r="AL9701">
        <v>8</v>
      </c>
      <c r="AM9701">
        <v>8</v>
      </c>
      <c r="AN9701">
        <v>8</v>
      </c>
      <c r="AO9701">
        <v>8</v>
      </c>
      <c r="AP9701">
        <v>8</v>
      </c>
      <c r="AQ9701">
        <v>8</v>
      </c>
    </row>
    <row r="9702" spans="1:43">
      <c r="A9702" t="s">
        <v>6058</v>
      </c>
      <c r="B9702" t="s">
        <v>6059</v>
      </c>
      <c r="C9702" t="s">
        <v>5988</v>
      </c>
      <c r="D9702" t="s">
        <v>5989</v>
      </c>
      <c r="E9702" t="s">
        <v>5940</v>
      </c>
      <c r="F9702" t="s">
        <v>5941</v>
      </c>
      <c r="G9702" t="s">
        <v>80</v>
      </c>
      <c r="H9702" t="s">
        <v>81</v>
      </c>
      <c r="I9702" s="2">
        <v>0</v>
      </c>
      <c r="J9702" s="2">
        <v>1</v>
      </c>
      <c r="K9702" s="2">
        <v>0</v>
      </c>
      <c r="L9702" t="s">
        <v>82</v>
      </c>
      <c r="M9702" t="s">
        <v>83</v>
      </c>
      <c r="N9702" t="s">
        <v>84</v>
      </c>
      <c r="O9702" t="s">
        <v>85</v>
      </c>
      <c r="P9702" t="s">
        <v>86</v>
      </c>
      <c r="Q9702">
        <v>10</v>
      </c>
      <c r="R9702">
        <v>10</v>
      </c>
      <c r="S9702">
        <v>10</v>
      </c>
      <c r="T9702">
        <v>10</v>
      </c>
      <c r="U9702">
        <v>11</v>
      </c>
      <c r="V9702">
        <v>11</v>
      </c>
      <c r="W9702">
        <v>11</v>
      </c>
      <c r="X9702">
        <v>11</v>
      </c>
      <c r="Y9702">
        <v>11</v>
      </c>
      <c r="Z9702">
        <v>11</v>
      </c>
      <c r="AA9702">
        <v>12</v>
      </c>
      <c r="AB9702">
        <v>12</v>
      </c>
      <c r="AC9702">
        <v>12</v>
      </c>
      <c r="AD9702">
        <v>12</v>
      </c>
      <c r="AE9702">
        <v>12</v>
      </c>
      <c r="AF9702">
        <v>12</v>
      </c>
      <c r="AG9702">
        <v>13</v>
      </c>
      <c r="AH9702">
        <v>13</v>
      </c>
      <c r="AI9702">
        <v>13</v>
      </c>
      <c r="AJ9702">
        <v>13</v>
      </c>
      <c r="AK9702">
        <v>13</v>
      </c>
      <c r="AL9702">
        <v>13</v>
      </c>
      <c r="AM9702">
        <v>13</v>
      </c>
      <c r="AN9702">
        <v>13</v>
      </c>
      <c r="AO9702">
        <v>13</v>
      </c>
      <c r="AP9702">
        <v>13</v>
      </c>
      <c r="AQ9702">
        <v>14</v>
      </c>
    </row>
    <row r="9703" spans="1:43">
      <c r="A9703" t="s">
        <v>6058</v>
      </c>
      <c r="B9703" t="s">
        <v>6059</v>
      </c>
      <c r="C9703" t="s">
        <v>5988</v>
      </c>
      <c r="D9703" t="s">
        <v>5989</v>
      </c>
      <c r="E9703" t="s">
        <v>5940</v>
      </c>
      <c r="F9703" t="s">
        <v>5941</v>
      </c>
      <c r="G9703" t="s">
        <v>80</v>
      </c>
      <c r="H9703" t="s">
        <v>81</v>
      </c>
      <c r="I9703" s="2">
        <v>0</v>
      </c>
      <c r="J9703" s="2">
        <v>1</v>
      </c>
      <c r="K9703" s="2">
        <v>0</v>
      </c>
      <c r="L9703" t="s">
        <v>82</v>
      </c>
      <c r="M9703" t="s">
        <v>87</v>
      </c>
      <c r="N9703" t="s">
        <v>88</v>
      </c>
      <c r="O9703" t="s">
        <v>85</v>
      </c>
      <c r="P9703" t="s">
        <v>86</v>
      </c>
      <c r="Q9703">
        <v>10</v>
      </c>
      <c r="R9703">
        <v>10</v>
      </c>
      <c r="S9703">
        <v>10</v>
      </c>
      <c r="T9703">
        <v>10</v>
      </c>
      <c r="U9703">
        <v>10</v>
      </c>
      <c r="V9703">
        <v>10</v>
      </c>
      <c r="W9703">
        <v>10</v>
      </c>
      <c r="X9703">
        <v>10</v>
      </c>
      <c r="Y9703">
        <v>10</v>
      </c>
      <c r="Z9703">
        <v>10</v>
      </c>
      <c r="AA9703">
        <v>11</v>
      </c>
      <c r="AB9703">
        <v>11</v>
      </c>
      <c r="AC9703">
        <v>11</v>
      </c>
      <c r="AD9703">
        <v>11</v>
      </c>
      <c r="AE9703">
        <v>11</v>
      </c>
      <c r="AF9703">
        <v>11</v>
      </c>
      <c r="AG9703">
        <v>11</v>
      </c>
      <c r="AH9703">
        <v>11</v>
      </c>
      <c r="AI9703">
        <v>11</v>
      </c>
      <c r="AJ9703">
        <v>11</v>
      </c>
      <c r="AK9703">
        <v>11</v>
      </c>
      <c r="AL9703">
        <v>11</v>
      </c>
      <c r="AM9703">
        <v>11</v>
      </c>
      <c r="AN9703">
        <v>12</v>
      </c>
      <c r="AO9703">
        <v>12</v>
      </c>
      <c r="AP9703">
        <v>12</v>
      </c>
      <c r="AQ9703">
        <v>12</v>
      </c>
    </row>
    <row r="9704" spans="1:43">
      <c r="A9704" t="s">
        <v>6058</v>
      </c>
      <c r="B9704" t="s">
        <v>6059</v>
      </c>
      <c r="C9704" t="s">
        <v>5988</v>
      </c>
      <c r="D9704" t="s">
        <v>5989</v>
      </c>
      <c r="E9704" t="s">
        <v>5940</v>
      </c>
      <c r="F9704" t="s">
        <v>5941</v>
      </c>
      <c r="G9704" t="s">
        <v>80</v>
      </c>
      <c r="H9704" t="s">
        <v>81</v>
      </c>
      <c r="I9704" s="2">
        <v>0</v>
      </c>
      <c r="J9704" s="2">
        <v>1</v>
      </c>
      <c r="K9704" s="2">
        <v>0</v>
      </c>
      <c r="L9704" t="s">
        <v>82</v>
      </c>
      <c r="M9704" t="s">
        <v>89</v>
      </c>
      <c r="N9704" t="s">
        <v>90</v>
      </c>
      <c r="O9704" t="s">
        <v>85</v>
      </c>
      <c r="P9704" t="s">
        <v>86</v>
      </c>
      <c r="Q9704">
        <v>10</v>
      </c>
      <c r="R9704">
        <v>10</v>
      </c>
      <c r="S9704">
        <v>11</v>
      </c>
      <c r="T9704">
        <v>11</v>
      </c>
      <c r="U9704">
        <v>11</v>
      </c>
      <c r="V9704">
        <v>11</v>
      </c>
      <c r="W9704">
        <v>11</v>
      </c>
      <c r="X9704">
        <v>12</v>
      </c>
      <c r="Y9704">
        <v>12</v>
      </c>
      <c r="Z9704">
        <v>12</v>
      </c>
      <c r="AA9704">
        <v>12</v>
      </c>
      <c r="AB9704">
        <v>13</v>
      </c>
      <c r="AC9704">
        <v>13</v>
      </c>
      <c r="AD9704">
        <v>13</v>
      </c>
      <c r="AE9704">
        <v>13</v>
      </c>
      <c r="AF9704">
        <v>13</v>
      </c>
      <c r="AG9704">
        <v>13</v>
      </c>
      <c r="AH9704">
        <v>13</v>
      </c>
      <c r="AI9704">
        <v>13</v>
      </c>
      <c r="AJ9704">
        <v>13</v>
      </c>
      <c r="AK9704">
        <v>13</v>
      </c>
      <c r="AL9704">
        <v>13</v>
      </c>
      <c r="AM9704">
        <v>13</v>
      </c>
      <c r="AN9704">
        <v>14</v>
      </c>
      <c r="AO9704">
        <v>14</v>
      </c>
      <c r="AP9704">
        <v>14</v>
      </c>
      <c r="AQ9704">
        <v>14</v>
      </c>
    </row>
    <row r="9705" spans="1:43">
      <c r="A9705" t="s">
        <v>6058</v>
      </c>
      <c r="B9705" t="s">
        <v>6059</v>
      </c>
      <c r="C9705" t="s">
        <v>5988</v>
      </c>
      <c r="D9705" t="s">
        <v>5989</v>
      </c>
      <c r="E9705" t="s">
        <v>5940</v>
      </c>
      <c r="F9705" t="s">
        <v>5941</v>
      </c>
      <c r="G9705" t="s">
        <v>80</v>
      </c>
      <c r="H9705" t="s">
        <v>81</v>
      </c>
      <c r="I9705" s="2">
        <v>0</v>
      </c>
      <c r="J9705" s="2">
        <v>1</v>
      </c>
      <c r="K9705" s="2">
        <v>0</v>
      </c>
      <c r="L9705" t="s">
        <v>82</v>
      </c>
      <c r="M9705" t="s">
        <v>83</v>
      </c>
      <c r="N9705" t="s">
        <v>91</v>
      </c>
      <c r="O9705" t="s">
        <v>85</v>
      </c>
      <c r="P9705" t="s">
        <v>86</v>
      </c>
      <c r="Q9705">
        <v>10</v>
      </c>
      <c r="R9705">
        <v>10</v>
      </c>
      <c r="S9705">
        <v>10</v>
      </c>
      <c r="T9705">
        <v>10</v>
      </c>
      <c r="U9705">
        <v>11</v>
      </c>
      <c r="V9705">
        <v>11</v>
      </c>
      <c r="W9705">
        <v>11</v>
      </c>
      <c r="X9705">
        <v>11</v>
      </c>
      <c r="Y9705">
        <v>11</v>
      </c>
      <c r="Z9705">
        <v>11</v>
      </c>
      <c r="AA9705">
        <v>12</v>
      </c>
      <c r="AB9705">
        <v>12</v>
      </c>
      <c r="AC9705">
        <v>12</v>
      </c>
      <c r="AD9705">
        <v>12</v>
      </c>
      <c r="AE9705">
        <v>12</v>
      </c>
      <c r="AF9705">
        <v>12</v>
      </c>
      <c r="AG9705">
        <v>13</v>
      </c>
      <c r="AH9705">
        <v>13</v>
      </c>
      <c r="AI9705">
        <v>13</v>
      </c>
      <c r="AJ9705">
        <v>13</v>
      </c>
      <c r="AK9705">
        <v>13</v>
      </c>
      <c r="AL9705">
        <v>13</v>
      </c>
      <c r="AM9705">
        <v>13</v>
      </c>
      <c r="AN9705">
        <v>13</v>
      </c>
      <c r="AO9705">
        <v>13</v>
      </c>
      <c r="AP9705">
        <v>13</v>
      </c>
      <c r="AQ9705">
        <v>14</v>
      </c>
    </row>
    <row r="9706" spans="1:43">
      <c r="A9706" t="s">
        <v>6060</v>
      </c>
      <c r="B9706" t="s">
        <v>6061</v>
      </c>
      <c r="C9706" t="s">
        <v>5980</v>
      </c>
      <c r="D9706" t="s">
        <v>5981</v>
      </c>
      <c r="E9706" t="s">
        <v>5940</v>
      </c>
      <c r="F9706" t="s">
        <v>5941</v>
      </c>
      <c r="G9706" t="s">
        <v>80</v>
      </c>
      <c r="H9706" t="s">
        <v>81</v>
      </c>
      <c r="I9706" s="2">
        <v>0</v>
      </c>
      <c r="J9706" s="2">
        <v>1</v>
      </c>
      <c r="K9706" s="2">
        <v>0</v>
      </c>
      <c r="L9706" t="s">
        <v>82</v>
      </c>
      <c r="M9706" t="s">
        <v>83</v>
      </c>
      <c r="N9706" t="s">
        <v>84</v>
      </c>
      <c r="O9706" t="s">
        <v>85</v>
      </c>
      <c r="P9706" t="s">
        <v>86</v>
      </c>
      <c r="Q9706">
        <v>77</v>
      </c>
      <c r="R9706">
        <v>79</v>
      </c>
      <c r="S9706">
        <v>80</v>
      </c>
      <c r="T9706">
        <v>81</v>
      </c>
      <c r="U9706">
        <v>82</v>
      </c>
      <c r="V9706">
        <v>84</v>
      </c>
      <c r="W9706">
        <v>85</v>
      </c>
      <c r="X9706">
        <v>86</v>
      </c>
      <c r="Y9706">
        <v>88</v>
      </c>
      <c r="Z9706">
        <v>89</v>
      </c>
      <c r="AA9706">
        <v>90</v>
      </c>
      <c r="AB9706">
        <v>92</v>
      </c>
      <c r="AC9706">
        <v>93</v>
      </c>
      <c r="AD9706">
        <v>94</v>
      </c>
      <c r="AE9706">
        <v>95</v>
      </c>
      <c r="AF9706">
        <v>97</v>
      </c>
      <c r="AG9706">
        <v>98</v>
      </c>
      <c r="AH9706">
        <v>99</v>
      </c>
      <c r="AI9706">
        <v>101</v>
      </c>
      <c r="AJ9706">
        <v>102</v>
      </c>
      <c r="AK9706">
        <v>103</v>
      </c>
      <c r="AL9706">
        <v>104</v>
      </c>
      <c r="AM9706">
        <v>104</v>
      </c>
      <c r="AN9706">
        <v>105</v>
      </c>
      <c r="AO9706">
        <v>105</v>
      </c>
      <c r="AP9706">
        <v>105</v>
      </c>
      <c r="AQ9706">
        <v>106</v>
      </c>
    </row>
    <row r="9707" spans="1:43">
      <c r="A9707" t="s">
        <v>6060</v>
      </c>
      <c r="B9707" t="s">
        <v>6061</v>
      </c>
      <c r="C9707" t="s">
        <v>5980</v>
      </c>
      <c r="D9707" t="s">
        <v>5981</v>
      </c>
      <c r="E9707" t="s">
        <v>5940</v>
      </c>
      <c r="F9707" t="s">
        <v>5941</v>
      </c>
      <c r="G9707" t="s">
        <v>80</v>
      </c>
      <c r="H9707" t="s">
        <v>81</v>
      </c>
      <c r="I9707" s="2">
        <v>0</v>
      </c>
      <c r="J9707" s="2">
        <v>1</v>
      </c>
      <c r="K9707" s="2">
        <v>0</v>
      </c>
      <c r="L9707" t="s">
        <v>82</v>
      </c>
      <c r="M9707" t="s">
        <v>87</v>
      </c>
      <c r="N9707" t="s">
        <v>88</v>
      </c>
      <c r="O9707" t="s">
        <v>85</v>
      </c>
      <c r="P9707" t="s">
        <v>86</v>
      </c>
      <c r="Q9707">
        <v>77</v>
      </c>
      <c r="R9707">
        <v>77</v>
      </c>
      <c r="S9707">
        <v>78</v>
      </c>
      <c r="T9707">
        <v>78</v>
      </c>
      <c r="U9707">
        <v>79</v>
      </c>
      <c r="V9707">
        <v>79</v>
      </c>
      <c r="W9707">
        <v>80</v>
      </c>
      <c r="X9707">
        <v>81</v>
      </c>
      <c r="Y9707">
        <v>81</v>
      </c>
      <c r="Z9707">
        <v>82</v>
      </c>
      <c r="AA9707">
        <v>82</v>
      </c>
      <c r="AB9707">
        <v>83</v>
      </c>
      <c r="AC9707">
        <v>83</v>
      </c>
      <c r="AD9707">
        <v>84</v>
      </c>
      <c r="AE9707">
        <v>85</v>
      </c>
      <c r="AF9707">
        <v>85</v>
      </c>
      <c r="AG9707">
        <v>86</v>
      </c>
      <c r="AH9707">
        <v>86</v>
      </c>
      <c r="AI9707">
        <v>87</v>
      </c>
      <c r="AJ9707">
        <v>87</v>
      </c>
      <c r="AK9707">
        <v>88</v>
      </c>
      <c r="AL9707">
        <v>89</v>
      </c>
      <c r="AM9707">
        <v>89</v>
      </c>
      <c r="AN9707">
        <v>90</v>
      </c>
      <c r="AO9707">
        <v>90</v>
      </c>
      <c r="AP9707">
        <v>91</v>
      </c>
      <c r="AQ9707">
        <v>92</v>
      </c>
    </row>
    <row r="9708" spans="1:43">
      <c r="A9708" t="s">
        <v>6060</v>
      </c>
      <c r="B9708" t="s">
        <v>6061</v>
      </c>
      <c r="C9708" t="s">
        <v>5980</v>
      </c>
      <c r="D9708" t="s">
        <v>5981</v>
      </c>
      <c r="E9708" t="s">
        <v>5940</v>
      </c>
      <c r="F9708" t="s">
        <v>5941</v>
      </c>
      <c r="G9708" t="s">
        <v>80</v>
      </c>
      <c r="H9708" t="s">
        <v>81</v>
      </c>
      <c r="I9708" s="2">
        <v>0</v>
      </c>
      <c r="J9708" s="2">
        <v>1</v>
      </c>
      <c r="K9708" s="2">
        <v>0</v>
      </c>
      <c r="L9708" t="s">
        <v>82</v>
      </c>
      <c r="M9708" t="s">
        <v>89</v>
      </c>
      <c r="N9708" t="s">
        <v>90</v>
      </c>
      <c r="O9708" t="s">
        <v>85</v>
      </c>
      <c r="P9708" t="s">
        <v>86</v>
      </c>
      <c r="Q9708">
        <v>77</v>
      </c>
      <c r="R9708">
        <v>79</v>
      </c>
      <c r="S9708">
        <v>81</v>
      </c>
      <c r="T9708">
        <v>83</v>
      </c>
      <c r="U9708">
        <v>85</v>
      </c>
      <c r="V9708">
        <v>87</v>
      </c>
      <c r="W9708">
        <v>88</v>
      </c>
      <c r="X9708">
        <v>90</v>
      </c>
      <c r="Y9708">
        <v>92</v>
      </c>
      <c r="Z9708">
        <v>94</v>
      </c>
      <c r="AA9708">
        <v>95</v>
      </c>
      <c r="AB9708">
        <v>97</v>
      </c>
      <c r="AC9708">
        <v>99</v>
      </c>
      <c r="AD9708">
        <v>100</v>
      </c>
      <c r="AE9708">
        <v>101</v>
      </c>
      <c r="AF9708">
        <v>102</v>
      </c>
      <c r="AG9708">
        <v>102</v>
      </c>
      <c r="AH9708">
        <v>102</v>
      </c>
      <c r="AI9708">
        <v>103</v>
      </c>
      <c r="AJ9708">
        <v>103</v>
      </c>
      <c r="AK9708">
        <v>104</v>
      </c>
      <c r="AL9708">
        <v>104</v>
      </c>
      <c r="AM9708">
        <v>104</v>
      </c>
      <c r="AN9708">
        <v>105</v>
      </c>
      <c r="AO9708">
        <v>105</v>
      </c>
      <c r="AP9708">
        <v>105</v>
      </c>
      <c r="AQ9708">
        <v>105</v>
      </c>
    </row>
    <row r="9709" spans="1:43">
      <c r="A9709" t="s">
        <v>6060</v>
      </c>
      <c r="B9709" t="s">
        <v>6061</v>
      </c>
      <c r="C9709" t="s">
        <v>5980</v>
      </c>
      <c r="D9709" t="s">
        <v>5981</v>
      </c>
      <c r="E9709" t="s">
        <v>5940</v>
      </c>
      <c r="F9709" t="s">
        <v>5941</v>
      </c>
      <c r="G9709" t="s">
        <v>80</v>
      </c>
      <c r="H9709" t="s">
        <v>81</v>
      </c>
      <c r="I9709" s="2">
        <v>0</v>
      </c>
      <c r="J9709" s="2">
        <v>1</v>
      </c>
      <c r="K9709" s="2">
        <v>0</v>
      </c>
      <c r="L9709" t="s">
        <v>82</v>
      </c>
      <c r="M9709" t="s">
        <v>83</v>
      </c>
      <c r="N9709" t="s">
        <v>91</v>
      </c>
      <c r="O9709" t="s">
        <v>85</v>
      </c>
      <c r="P9709" t="s">
        <v>86</v>
      </c>
      <c r="Q9709">
        <v>77</v>
      </c>
      <c r="R9709">
        <v>79</v>
      </c>
      <c r="S9709">
        <v>80</v>
      </c>
      <c r="T9709">
        <v>81</v>
      </c>
      <c r="U9709">
        <v>82</v>
      </c>
      <c r="V9709">
        <v>84</v>
      </c>
      <c r="W9709">
        <v>85</v>
      </c>
      <c r="X9709">
        <v>86</v>
      </c>
      <c r="Y9709">
        <v>88</v>
      </c>
      <c r="Z9709">
        <v>89</v>
      </c>
      <c r="AA9709">
        <v>90</v>
      </c>
      <c r="AB9709">
        <v>92</v>
      </c>
      <c r="AC9709">
        <v>93</v>
      </c>
      <c r="AD9709">
        <v>94</v>
      </c>
      <c r="AE9709">
        <v>95</v>
      </c>
      <c r="AF9709">
        <v>97</v>
      </c>
      <c r="AG9709">
        <v>98</v>
      </c>
      <c r="AH9709">
        <v>99</v>
      </c>
      <c r="AI9709">
        <v>101</v>
      </c>
      <c r="AJ9709">
        <v>102</v>
      </c>
      <c r="AK9709">
        <v>103</v>
      </c>
      <c r="AL9709">
        <v>104</v>
      </c>
      <c r="AM9709">
        <v>104</v>
      </c>
      <c r="AN9709">
        <v>105</v>
      </c>
      <c r="AO9709">
        <v>105</v>
      </c>
      <c r="AP9709">
        <v>105</v>
      </c>
      <c r="AQ9709">
        <v>106</v>
      </c>
    </row>
    <row r="9710" spans="1:43">
      <c r="A9710" t="s">
        <v>6062</v>
      </c>
      <c r="B9710" t="s">
        <v>6063</v>
      </c>
      <c r="C9710" t="s">
        <v>6064</v>
      </c>
      <c r="D9710" t="s">
        <v>6065</v>
      </c>
      <c r="E9710" t="s">
        <v>5940</v>
      </c>
      <c r="F9710" t="s">
        <v>5941</v>
      </c>
      <c r="G9710" t="s">
        <v>80</v>
      </c>
      <c r="H9710" t="s">
        <v>81</v>
      </c>
      <c r="I9710" s="2">
        <v>0</v>
      </c>
      <c r="J9710" s="2">
        <v>0</v>
      </c>
      <c r="K9710" s="2">
        <v>1</v>
      </c>
      <c r="L9710" t="s">
        <v>995</v>
      </c>
      <c r="M9710" t="s">
        <v>83</v>
      </c>
      <c r="N9710" t="s">
        <v>84</v>
      </c>
      <c r="O9710" t="s">
        <v>85</v>
      </c>
      <c r="P9710" t="s">
        <v>86</v>
      </c>
      <c r="Q9710">
        <v>44</v>
      </c>
      <c r="R9710">
        <v>45</v>
      </c>
      <c r="S9710">
        <v>46</v>
      </c>
      <c r="T9710">
        <v>46</v>
      </c>
      <c r="U9710">
        <v>47</v>
      </c>
      <c r="V9710">
        <v>48</v>
      </c>
      <c r="W9710">
        <v>49</v>
      </c>
      <c r="X9710">
        <v>49</v>
      </c>
      <c r="Y9710">
        <v>50</v>
      </c>
      <c r="Z9710">
        <v>51</v>
      </c>
      <c r="AA9710">
        <v>52</v>
      </c>
      <c r="AB9710">
        <v>53</v>
      </c>
      <c r="AC9710">
        <v>53</v>
      </c>
      <c r="AD9710">
        <v>54</v>
      </c>
      <c r="AE9710">
        <v>55</v>
      </c>
      <c r="AF9710">
        <v>56</v>
      </c>
      <c r="AG9710">
        <v>56</v>
      </c>
      <c r="AH9710">
        <v>57</v>
      </c>
      <c r="AI9710">
        <v>58</v>
      </c>
      <c r="AJ9710">
        <v>59</v>
      </c>
      <c r="AK9710">
        <v>60</v>
      </c>
      <c r="AL9710">
        <v>60</v>
      </c>
      <c r="AM9710">
        <v>60</v>
      </c>
      <c r="AN9710">
        <v>60</v>
      </c>
      <c r="AO9710">
        <v>60</v>
      </c>
      <c r="AP9710">
        <v>61</v>
      </c>
      <c r="AQ9710">
        <v>61</v>
      </c>
    </row>
    <row r="9711" spans="1:43">
      <c r="A9711" t="s">
        <v>6062</v>
      </c>
      <c r="B9711" t="s">
        <v>6063</v>
      </c>
      <c r="C9711" t="s">
        <v>6064</v>
      </c>
      <c r="D9711" t="s">
        <v>6065</v>
      </c>
      <c r="E9711" t="s">
        <v>5940</v>
      </c>
      <c r="F9711" t="s">
        <v>5941</v>
      </c>
      <c r="G9711" t="s">
        <v>80</v>
      </c>
      <c r="H9711" t="s">
        <v>81</v>
      </c>
      <c r="I9711" s="2">
        <v>0</v>
      </c>
      <c r="J9711" s="2">
        <v>0</v>
      </c>
      <c r="K9711" s="2">
        <v>1</v>
      </c>
      <c r="L9711" t="s">
        <v>995</v>
      </c>
      <c r="M9711" t="s">
        <v>87</v>
      </c>
      <c r="N9711" t="s">
        <v>88</v>
      </c>
      <c r="O9711" t="s">
        <v>85</v>
      </c>
      <c r="P9711" t="s">
        <v>86</v>
      </c>
      <c r="Q9711">
        <v>44</v>
      </c>
      <c r="R9711">
        <v>44</v>
      </c>
      <c r="S9711">
        <v>44</v>
      </c>
      <c r="T9711">
        <v>45</v>
      </c>
      <c r="U9711">
        <v>45</v>
      </c>
      <c r="V9711">
        <v>45</v>
      </c>
      <c r="W9711">
        <v>46</v>
      </c>
      <c r="X9711">
        <v>46</v>
      </c>
      <c r="Y9711">
        <v>46</v>
      </c>
      <c r="Z9711">
        <v>47</v>
      </c>
      <c r="AA9711">
        <v>47</v>
      </c>
      <c r="AB9711">
        <v>48</v>
      </c>
      <c r="AC9711">
        <v>48</v>
      </c>
      <c r="AD9711">
        <v>48</v>
      </c>
      <c r="AE9711">
        <v>49</v>
      </c>
      <c r="AF9711">
        <v>49</v>
      </c>
      <c r="AG9711">
        <v>49</v>
      </c>
      <c r="AH9711">
        <v>50</v>
      </c>
      <c r="AI9711">
        <v>50</v>
      </c>
      <c r="AJ9711">
        <v>50</v>
      </c>
      <c r="AK9711">
        <v>51</v>
      </c>
      <c r="AL9711">
        <v>51</v>
      </c>
      <c r="AM9711">
        <v>51</v>
      </c>
      <c r="AN9711">
        <v>52</v>
      </c>
      <c r="AO9711">
        <v>52</v>
      </c>
      <c r="AP9711">
        <v>52</v>
      </c>
      <c r="AQ9711">
        <v>53</v>
      </c>
    </row>
    <row r="9712" spans="1:43">
      <c r="A9712" t="s">
        <v>6062</v>
      </c>
      <c r="B9712" t="s">
        <v>6063</v>
      </c>
      <c r="C9712" t="s">
        <v>6064</v>
      </c>
      <c r="D9712" t="s">
        <v>6065</v>
      </c>
      <c r="E9712" t="s">
        <v>5940</v>
      </c>
      <c r="F9712" t="s">
        <v>5941</v>
      </c>
      <c r="G9712" t="s">
        <v>80</v>
      </c>
      <c r="H9712" t="s">
        <v>81</v>
      </c>
      <c r="I9712" s="2">
        <v>0</v>
      </c>
      <c r="J9712" s="2">
        <v>0</v>
      </c>
      <c r="K9712" s="2">
        <v>1</v>
      </c>
      <c r="L9712" t="s">
        <v>995</v>
      </c>
      <c r="M9712" t="s">
        <v>89</v>
      </c>
      <c r="N9712" t="s">
        <v>90</v>
      </c>
      <c r="O9712" t="s">
        <v>85</v>
      </c>
      <c r="P9712" t="s">
        <v>86</v>
      </c>
      <c r="Q9712">
        <v>44</v>
      </c>
      <c r="R9712">
        <v>45</v>
      </c>
      <c r="S9712">
        <v>46</v>
      </c>
      <c r="T9712">
        <v>47</v>
      </c>
      <c r="U9712">
        <v>48</v>
      </c>
      <c r="V9712">
        <v>49</v>
      </c>
      <c r="W9712">
        <v>50</v>
      </c>
      <c r="X9712">
        <v>51</v>
      </c>
      <c r="Y9712">
        <v>52</v>
      </c>
      <c r="Z9712">
        <v>53</v>
      </c>
      <c r="AA9712">
        <v>54</v>
      </c>
      <c r="AB9712">
        <v>55</v>
      </c>
      <c r="AC9712">
        <v>56</v>
      </c>
      <c r="AD9712">
        <v>57</v>
      </c>
      <c r="AE9712">
        <v>58</v>
      </c>
      <c r="AF9712">
        <v>58</v>
      </c>
      <c r="AG9712">
        <v>58</v>
      </c>
      <c r="AH9712">
        <v>59</v>
      </c>
      <c r="AI9712">
        <v>59</v>
      </c>
      <c r="AJ9712">
        <v>59</v>
      </c>
      <c r="AK9712">
        <v>59</v>
      </c>
      <c r="AL9712">
        <v>59</v>
      </c>
      <c r="AM9712">
        <v>59</v>
      </c>
      <c r="AN9712">
        <v>60</v>
      </c>
      <c r="AO9712">
        <v>60</v>
      </c>
      <c r="AP9712">
        <v>60</v>
      </c>
      <c r="AQ9712">
        <v>60</v>
      </c>
    </row>
    <row r="9713" spans="1:43">
      <c r="A9713" t="s">
        <v>6062</v>
      </c>
      <c r="B9713" t="s">
        <v>6063</v>
      </c>
      <c r="C9713" t="s">
        <v>6064</v>
      </c>
      <c r="D9713" t="s">
        <v>6065</v>
      </c>
      <c r="E9713" t="s">
        <v>5940</v>
      </c>
      <c r="F9713" t="s">
        <v>5941</v>
      </c>
      <c r="G9713" t="s">
        <v>80</v>
      </c>
      <c r="H9713" t="s">
        <v>81</v>
      </c>
      <c r="I9713" s="2">
        <v>0</v>
      </c>
      <c r="J9713" s="2">
        <v>0</v>
      </c>
      <c r="K9713" s="2">
        <v>1</v>
      </c>
      <c r="L9713" t="s">
        <v>995</v>
      </c>
      <c r="M9713" t="s">
        <v>83</v>
      </c>
      <c r="N9713" t="s">
        <v>91</v>
      </c>
      <c r="O9713" t="s">
        <v>85</v>
      </c>
      <c r="P9713" t="s">
        <v>86</v>
      </c>
      <c r="Q9713">
        <v>44</v>
      </c>
      <c r="R9713">
        <v>45</v>
      </c>
      <c r="S9713">
        <v>46</v>
      </c>
      <c r="T9713">
        <v>46</v>
      </c>
      <c r="U9713">
        <v>47</v>
      </c>
      <c r="V9713">
        <v>48</v>
      </c>
      <c r="W9713">
        <v>49</v>
      </c>
      <c r="X9713">
        <v>49</v>
      </c>
      <c r="Y9713">
        <v>50</v>
      </c>
      <c r="Z9713">
        <v>51</v>
      </c>
      <c r="AA9713">
        <v>52</v>
      </c>
      <c r="AB9713">
        <v>53</v>
      </c>
      <c r="AC9713">
        <v>53</v>
      </c>
      <c r="AD9713">
        <v>54</v>
      </c>
      <c r="AE9713">
        <v>55</v>
      </c>
      <c r="AF9713">
        <v>56</v>
      </c>
      <c r="AG9713">
        <v>56</v>
      </c>
      <c r="AH9713">
        <v>57</v>
      </c>
      <c r="AI9713">
        <v>58</v>
      </c>
      <c r="AJ9713">
        <v>59</v>
      </c>
      <c r="AK9713">
        <v>60</v>
      </c>
      <c r="AL9713">
        <v>60</v>
      </c>
      <c r="AM9713">
        <v>60</v>
      </c>
      <c r="AN9713">
        <v>60</v>
      </c>
      <c r="AO9713">
        <v>60</v>
      </c>
      <c r="AP9713">
        <v>61</v>
      </c>
      <c r="AQ9713">
        <v>61</v>
      </c>
    </row>
    <row r="9714" spans="1:43">
      <c r="A9714" t="s">
        <v>6066</v>
      </c>
      <c r="B9714" t="s">
        <v>6067</v>
      </c>
      <c r="C9714" t="s">
        <v>6068</v>
      </c>
      <c r="D9714" t="s">
        <v>6069</v>
      </c>
      <c r="E9714" t="s">
        <v>5940</v>
      </c>
      <c r="F9714" t="s">
        <v>5941</v>
      </c>
      <c r="G9714" t="s">
        <v>80</v>
      </c>
      <c r="H9714" t="s">
        <v>81</v>
      </c>
      <c r="I9714" s="2">
        <v>0</v>
      </c>
      <c r="J9714" s="2">
        <v>0</v>
      </c>
      <c r="K9714" s="2">
        <v>1</v>
      </c>
      <c r="L9714" t="s">
        <v>995</v>
      </c>
      <c r="M9714" t="s">
        <v>83</v>
      </c>
      <c r="N9714" t="s">
        <v>84</v>
      </c>
      <c r="O9714" t="s">
        <v>85</v>
      </c>
      <c r="P9714" t="s">
        <v>86</v>
      </c>
      <c r="Q9714">
        <v>99</v>
      </c>
      <c r="R9714">
        <v>101</v>
      </c>
      <c r="S9714">
        <v>103</v>
      </c>
      <c r="T9714">
        <v>104</v>
      </c>
      <c r="U9714">
        <v>106</v>
      </c>
      <c r="V9714">
        <v>108</v>
      </c>
      <c r="W9714">
        <v>109</v>
      </c>
      <c r="X9714">
        <v>111</v>
      </c>
      <c r="Y9714">
        <v>113</v>
      </c>
      <c r="Z9714">
        <v>115</v>
      </c>
      <c r="AA9714">
        <v>116</v>
      </c>
      <c r="AB9714">
        <v>118</v>
      </c>
      <c r="AC9714">
        <v>120</v>
      </c>
      <c r="AD9714">
        <v>122</v>
      </c>
      <c r="AE9714">
        <v>123</v>
      </c>
      <c r="AF9714">
        <v>125</v>
      </c>
      <c r="AG9714">
        <v>127</v>
      </c>
      <c r="AH9714">
        <v>128</v>
      </c>
      <c r="AI9714">
        <v>130</v>
      </c>
      <c r="AJ9714">
        <v>132</v>
      </c>
      <c r="AK9714">
        <v>134</v>
      </c>
      <c r="AL9714">
        <v>135</v>
      </c>
      <c r="AM9714">
        <v>135</v>
      </c>
      <c r="AN9714">
        <v>135</v>
      </c>
      <c r="AO9714">
        <v>136</v>
      </c>
      <c r="AP9714">
        <v>136</v>
      </c>
      <c r="AQ9714">
        <v>137</v>
      </c>
    </row>
    <row r="9715" spans="1:43">
      <c r="A9715" t="s">
        <v>6066</v>
      </c>
      <c r="B9715" t="s">
        <v>6067</v>
      </c>
      <c r="C9715" t="s">
        <v>6068</v>
      </c>
      <c r="D9715" t="s">
        <v>6069</v>
      </c>
      <c r="E9715" t="s">
        <v>5940</v>
      </c>
      <c r="F9715" t="s">
        <v>5941</v>
      </c>
      <c r="G9715" t="s">
        <v>80</v>
      </c>
      <c r="H9715" t="s">
        <v>81</v>
      </c>
      <c r="I9715" s="2">
        <v>0</v>
      </c>
      <c r="J9715" s="2">
        <v>0</v>
      </c>
      <c r="K9715" s="2">
        <v>1</v>
      </c>
      <c r="L9715" t="s">
        <v>995</v>
      </c>
      <c r="M9715" t="s">
        <v>87</v>
      </c>
      <c r="N9715" t="s">
        <v>88</v>
      </c>
      <c r="O9715" t="s">
        <v>85</v>
      </c>
      <c r="P9715" t="s">
        <v>86</v>
      </c>
      <c r="Q9715">
        <v>99</v>
      </c>
      <c r="R9715">
        <v>100</v>
      </c>
      <c r="S9715">
        <v>101</v>
      </c>
      <c r="T9715">
        <v>102</v>
      </c>
      <c r="U9715">
        <v>102</v>
      </c>
      <c r="V9715">
        <v>103</v>
      </c>
      <c r="W9715">
        <v>104</v>
      </c>
      <c r="X9715">
        <v>105</v>
      </c>
      <c r="Y9715">
        <v>105</v>
      </c>
      <c r="Z9715">
        <v>106</v>
      </c>
      <c r="AA9715">
        <v>107</v>
      </c>
      <c r="AB9715">
        <v>108</v>
      </c>
      <c r="AC9715">
        <v>109</v>
      </c>
      <c r="AD9715">
        <v>109</v>
      </c>
      <c r="AE9715">
        <v>110</v>
      </c>
      <c r="AF9715">
        <v>111</v>
      </c>
      <c r="AG9715">
        <v>112</v>
      </c>
      <c r="AH9715">
        <v>112</v>
      </c>
      <c r="AI9715">
        <v>113</v>
      </c>
      <c r="AJ9715">
        <v>114</v>
      </c>
      <c r="AK9715">
        <v>115</v>
      </c>
      <c r="AL9715">
        <v>116</v>
      </c>
      <c r="AM9715">
        <v>116</v>
      </c>
      <c r="AN9715">
        <v>117</v>
      </c>
      <c r="AO9715">
        <v>118</v>
      </c>
      <c r="AP9715">
        <v>119</v>
      </c>
      <c r="AQ9715">
        <v>119</v>
      </c>
    </row>
    <row r="9716" spans="1:43">
      <c r="A9716" t="s">
        <v>6066</v>
      </c>
      <c r="B9716" t="s">
        <v>6067</v>
      </c>
      <c r="C9716" t="s">
        <v>6068</v>
      </c>
      <c r="D9716" t="s">
        <v>6069</v>
      </c>
      <c r="E9716" t="s">
        <v>5940</v>
      </c>
      <c r="F9716" t="s">
        <v>5941</v>
      </c>
      <c r="G9716" t="s">
        <v>80</v>
      </c>
      <c r="H9716" t="s">
        <v>81</v>
      </c>
      <c r="I9716" s="2">
        <v>0</v>
      </c>
      <c r="J9716" s="2">
        <v>0</v>
      </c>
      <c r="K9716" s="2">
        <v>1</v>
      </c>
      <c r="L9716" t="s">
        <v>995</v>
      </c>
      <c r="M9716" t="s">
        <v>89</v>
      </c>
      <c r="N9716" t="s">
        <v>90</v>
      </c>
      <c r="O9716" t="s">
        <v>85</v>
      </c>
      <c r="P9716" t="s">
        <v>86</v>
      </c>
      <c r="Q9716">
        <v>99</v>
      </c>
      <c r="R9716">
        <v>102</v>
      </c>
      <c r="S9716">
        <v>104</v>
      </c>
      <c r="T9716">
        <v>107</v>
      </c>
      <c r="U9716">
        <v>109</v>
      </c>
      <c r="V9716">
        <v>112</v>
      </c>
      <c r="W9716">
        <v>114</v>
      </c>
      <c r="X9716">
        <v>116</v>
      </c>
      <c r="Y9716">
        <v>119</v>
      </c>
      <c r="Z9716">
        <v>121</v>
      </c>
      <c r="AA9716">
        <v>123</v>
      </c>
      <c r="AB9716">
        <v>125</v>
      </c>
      <c r="AC9716">
        <v>128</v>
      </c>
      <c r="AD9716">
        <v>130</v>
      </c>
      <c r="AE9716">
        <v>131</v>
      </c>
      <c r="AF9716">
        <v>132</v>
      </c>
      <c r="AG9716">
        <v>132</v>
      </c>
      <c r="AH9716">
        <v>133</v>
      </c>
      <c r="AI9716">
        <v>133</v>
      </c>
      <c r="AJ9716">
        <v>133</v>
      </c>
      <c r="AK9716">
        <v>134</v>
      </c>
      <c r="AL9716">
        <v>134</v>
      </c>
      <c r="AM9716">
        <v>135</v>
      </c>
      <c r="AN9716">
        <v>135</v>
      </c>
      <c r="AO9716">
        <v>136</v>
      </c>
      <c r="AP9716">
        <v>136</v>
      </c>
      <c r="AQ9716">
        <v>136</v>
      </c>
    </row>
    <row r="9717" spans="1:43">
      <c r="A9717" t="s">
        <v>6066</v>
      </c>
      <c r="B9717" t="s">
        <v>6067</v>
      </c>
      <c r="C9717" t="s">
        <v>6068</v>
      </c>
      <c r="D9717" t="s">
        <v>6069</v>
      </c>
      <c r="E9717" t="s">
        <v>5940</v>
      </c>
      <c r="F9717" t="s">
        <v>5941</v>
      </c>
      <c r="G9717" t="s">
        <v>80</v>
      </c>
      <c r="H9717" t="s">
        <v>81</v>
      </c>
      <c r="I9717" s="2">
        <v>0</v>
      </c>
      <c r="J9717" s="2">
        <v>0</v>
      </c>
      <c r="K9717" s="2">
        <v>1</v>
      </c>
      <c r="L9717" t="s">
        <v>995</v>
      </c>
      <c r="M9717" t="s">
        <v>83</v>
      </c>
      <c r="N9717" t="s">
        <v>91</v>
      </c>
      <c r="O9717" t="s">
        <v>85</v>
      </c>
      <c r="P9717" t="s">
        <v>86</v>
      </c>
      <c r="Q9717">
        <v>99</v>
      </c>
      <c r="R9717">
        <v>101</v>
      </c>
      <c r="S9717">
        <v>103</v>
      </c>
      <c r="T9717">
        <v>104</v>
      </c>
      <c r="U9717">
        <v>106</v>
      </c>
      <c r="V9717">
        <v>108</v>
      </c>
      <c r="W9717">
        <v>109</v>
      </c>
      <c r="X9717">
        <v>111</v>
      </c>
      <c r="Y9717">
        <v>113</v>
      </c>
      <c r="Z9717">
        <v>115</v>
      </c>
      <c r="AA9717">
        <v>116</v>
      </c>
      <c r="AB9717">
        <v>118</v>
      </c>
      <c r="AC9717">
        <v>120</v>
      </c>
      <c r="AD9717">
        <v>122</v>
      </c>
      <c r="AE9717">
        <v>123</v>
      </c>
      <c r="AF9717">
        <v>125</v>
      </c>
      <c r="AG9717">
        <v>127</v>
      </c>
      <c r="AH9717">
        <v>128</v>
      </c>
      <c r="AI9717">
        <v>130</v>
      </c>
      <c r="AJ9717">
        <v>132</v>
      </c>
      <c r="AK9717">
        <v>134</v>
      </c>
      <c r="AL9717">
        <v>135</v>
      </c>
      <c r="AM9717">
        <v>135</v>
      </c>
      <c r="AN9717">
        <v>135</v>
      </c>
      <c r="AO9717">
        <v>136</v>
      </c>
      <c r="AP9717">
        <v>136</v>
      </c>
      <c r="AQ9717">
        <v>137</v>
      </c>
    </row>
    <row r="9718" spans="1:43">
      <c r="A9718" t="s">
        <v>6070</v>
      </c>
      <c r="B9718" t="s">
        <v>6071</v>
      </c>
      <c r="C9718" t="s">
        <v>5960</v>
      </c>
      <c r="D9718" t="s">
        <v>5961</v>
      </c>
      <c r="E9718" t="s">
        <v>5940</v>
      </c>
      <c r="F9718" t="s">
        <v>5941</v>
      </c>
      <c r="G9718" t="s">
        <v>80</v>
      </c>
      <c r="H9718" t="s">
        <v>81</v>
      </c>
      <c r="I9718" s="2">
        <v>0</v>
      </c>
      <c r="J9718" s="2">
        <v>0</v>
      </c>
      <c r="K9718" s="2">
        <v>1</v>
      </c>
      <c r="L9718" t="s">
        <v>995</v>
      </c>
      <c r="M9718" t="s">
        <v>83</v>
      </c>
      <c r="N9718" t="s">
        <v>84</v>
      </c>
      <c r="O9718" t="s">
        <v>85</v>
      </c>
      <c r="P9718" t="s">
        <v>86</v>
      </c>
      <c r="Q9718">
        <v>26</v>
      </c>
      <c r="R9718">
        <v>26</v>
      </c>
      <c r="S9718">
        <v>27</v>
      </c>
      <c r="T9718">
        <v>27</v>
      </c>
      <c r="U9718">
        <v>28</v>
      </c>
      <c r="V9718">
        <v>28</v>
      </c>
      <c r="W9718">
        <v>29</v>
      </c>
      <c r="X9718">
        <v>29</v>
      </c>
      <c r="Y9718">
        <v>30</v>
      </c>
      <c r="Z9718">
        <v>30</v>
      </c>
      <c r="AA9718">
        <v>30</v>
      </c>
      <c r="AB9718">
        <v>31</v>
      </c>
      <c r="AC9718">
        <v>31</v>
      </c>
      <c r="AD9718">
        <v>32</v>
      </c>
      <c r="AE9718">
        <v>32</v>
      </c>
      <c r="AF9718">
        <v>33</v>
      </c>
      <c r="AG9718">
        <v>33</v>
      </c>
      <c r="AH9718">
        <v>34</v>
      </c>
      <c r="AI9718">
        <v>34</v>
      </c>
      <c r="AJ9718">
        <v>35</v>
      </c>
      <c r="AK9718">
        <v>35</v>
      </c>
      <c r="AL9718">
        <v>35</v>
      </c>
      <c r="AM9718">
        <v>35</v>
      </c>
      <c r="AN9718">
        <v>35</v>
      </c>
      <c r="AO9718">
        <v>36</v>
      </c>
      <c r="AP9718">
        <v>36</v>
      </c>
      <c r="AQ9718">
        <v>36</v>
      </c>
    </row>
    <row r="9719" spans="1:43">
      <c r="A9719" t="s">
        <v>6070</v>
      </c>
      <c r="B9719" t="s">
        <v>6071</v>
      </c>
      <c r="C9719" t="s">
        <v>5960</v>
      </c>
      <c r="D9719" t="s">
        <v>5961</v>
      </c>
      <c r="E9719" t="s">
        <v>5940</v>
      </c>
      <c r="F9719" t="s">
        <v>5941</v>
      </c>
      <c r="G9719" t="s">
        <v>80</v>
      </c>
      <c r="H9719" t="s">
        <v>81</v>
      </c>
      <c r="I9719" s="2">
        <v>0</v>
      </c>
      <c r="J9719" s="2">
        <v>0</v>
      </c>
      <c r="K9719" s="2">
        <v>1</v>
      </c>
      <c r="L9719" t="s">
        <v>995</v>
      </c>
      <c r="M9719" t="s">
        <v>87</v>
      </c>
      <c r="N9719" t="s">
        <v>88</v>
      </c>
      <c r="O9719" t="s">
        <v>85</v>
      </c>
      <c r="P9719" t="s">
        <v>86</v>
      </c>
      <c r="Q9719">
        <v>26</v>
      </c>
      <c r="R9719">
        <v>26</v>
      </c>
      <c r="S9719">
        <v>26</v>
      </c>
      <c r="T9719">
        <v>26</v>
      </c>
      <c r="U9719">
        <v>26</v>
      </c>
      <c r="V9719">
        <v>27</v>
      </c>
      <c r="W9719">
        <v>27</v>
      </c>
      <c r="X9719">
        <v>27</v>
      </c>
      <c r="Y9719">
        <v>27</v>
      </c>
      <c r="Z9719">
        <v>28</v>
      </c>
      <c r="AA9719">
        <v>28</v>
      </c>
      <c r="AB9719">
        <v>28</v>
      </c>
      <c r="AC9719">
        <v>28</v>
      </c>
      <c r="AD9719">
        <v>28</v>
      </c>
      <c r="AE9719">
        <v>29</v>
      </c>
      <c r="AF9719">
        <v>29</v>
      </c>
      <c r="AG9719">
        <v>29</v>
      </c>
      <c r="AH9719">
        <v>29</v>
      </c>
      <c r="AI9719">
        <v>29</v>
      </c>
      <c r="AJ9719">
        <v>30</v>
      </c>
      <c r="AK9719">
        <v>30</v>
      </c>
      <c r="AL9719">
        <v>30</v>
      </c>
      <c r="AM9719">
        <v>30</v>
      </c>
      <c r="AN9719">
        <v>30</v>
      </c>
      <c r="AO9719">
        <v>31</v>
      </c>
      <c r="AP9719">
        <v>31</v>
      </c>
      <c r="AQ9719">
        <v>31</v>
      </c>
    </row>
    <row r="9720" spans="1:43">
      <c r="A9720" t="s">
        <v>6070</v>
      </c>
      <c r="B9720" t="s">
        <v>6071</v>
      </c>
      <c r="C9720" t="s">
        <v>5960</v>
      </c>
      <c r="D9720" t="s">
        <v>5961</v>
      </c>
      <c r="E9720" t="s">
        <v>5940</v>
      </c>
      <c r="F9720" t="s">
        <v>5941</v>
      </c>
      <c r="G9720" t="s">
        <v>80</v>
      </c>
      <c r="H9720" t="s">
        <v>81</v>
      </c>
      <c r="I9720" s="2">
        <v>0</v>
      </c>
      <c r="J9720" s="2">
        <v>0</v>
      </c>
      <c r="K9720" s="2">
        <v>1</v>
      </c>
      <c r="L9720" t="s">
        <v>995</v>
      </c>
      <c r="M9720" t="s">
        <v>89</v>
      </c>
      <c r="N9720" t="s">
        <v>90</v>
      </c>
      <c r="O9720" t="s">
        <v>85</v>
      </c>
      <c r="P9720" t="s">
        <v>86</v>
      </c>
      <c r="Q9720">
        <v>26</v>
      </c>
      <c r="R9720">
        <v>27</v>
      </c>
      <c r="S9720">
        <v>28</v>
      </c>
      <c r="T9720">
        <v>28</v>
      </c>
      <c r="U9720">
        <v>29</v>
      </c>
      <c r="V9720">
        <v>29</v>
      </c>
      <c r="W9720">
        <v>30</v>
      </c>
      <c r="X9720">
        <v>31</v>
      </c>
      <c r="Y9720">
        <v>31</v>
      </c>
      <c r="Z9720">
        <v>32</v>
      </c>
      <c r="AA9720">
        <v>32</v>
      </c>
      <c r="AB9720">
        <v>33</v>
      </c>
      <c r="AC9720">
        <v>34</v>
      </c>
      <c r="AD9720">
        <v>34</v>
      </c>
      <c r="AE9720">
        <v>35</v>
      </c>
      <c r="AF9720">
        <v>35</v>
      </c>
      <c r="AG9720">
        <v>35</v>
      </c>
      <c r="AH9720">
        <v>35</v>
      </c>
      <c r="AI9720">
        <v>35</v>
      </c>
      <c r="AJ9720">
        <v>35</v>
      </c>
      <c r="AK9720">
        <v>35</v>
      </c>
      <c r="AL9720">
        <v>35</v>
      </c>
      <c r="AM9720">
        <v>36</v>
      </c>
      <c r="AN9720">
        <v>36</v>
      </c>
      <c r="AO9720">
        <v>36</v>
      </c>
      <c r="AP9720">
        <v>36</v>
      </c>
      <c r="AQ9720">
        <v>36</v>
      </c>
    </row>
    <row r="9721" spans="1:43">
      <c r="A9721" t="s">
        <v>6070</v>
      </c>
      <c r="B9721" t="s">
        <v>6071</v>
      </c>
      <c r="C9721" t="s">
        <v>5960</v>
      </c>
      <c r="D9721" t="s">
        <v>5961</v>
      </c>
      <c r="E9721" t="s">
        <v>5940</v>
      </c>
      <c r="F9721" t="s">
        <v>5941</v>
      </c>
      <c r="G9721" t="s">
        <v>80</v>
      </c>
      <c r="H9721" t="s">
        <v>81</v>
      </c>
      <c r="I9721" s="2">
        <v>0</v>
      </c>
      <c r="J9721" s="2">
        <v>0</v>
      </c>
      <c r="K9721" s="2">
        <v>1</v>
      </c>
      <c r="L9721" t="s">
        <v>995</v>
      </c>
      <c r="M9721" t="s">
        <v>83</v>
      </c>
      <c r="N9721" t="s">
        <v>91</v>
      </c>
      <c r="O9721" t="s">
        <v>85</v>
      </c>
      <c r="P9721" t="s">
        <v>86</v>
      </c>
      <c r="Q9721">
        <v>26</v>
      </c>
      <c r="R9721">
        <v>26</v>
      </c>
      <c r="S9721">
        <v>27</v>
      </c>
      <c r="T9721">
        <v>27</v>
      </c>
      <c r="U9721">
        <v>28</v>
      </c>
      <c r="V9721">
        <v>28</v>
      </c>
      <c r="W9721">
        <v>29</v>
      </c>
      <c r="X9721">
        <v>29</v>
      </c>
      <c r="Y9721">
        <v>30</v>
      </c>
      <c r="Z9721">
        <v>30</v>
      </c>
      <c r="AA9721">
        <v>30</v>
      </c>
      <c r="AB9721">
        <v>31</v>
      </c>
      <c r="AC9721">
        <v>31</v>
      </c>
      <c r="AD9721">
        <v>32</v>
      </c>
      <c r="AE9721">
        <v>32</v>
      </c>
      <c r="AF9721">
        <v>33</v>
      </c>
      <c r="AG9721">
        <v>33</v>
      </c>
      <c r="AH9721">
        <v>34</v>
      </c>
      <c r="AI9721">
        <v>34</v>
      </c>
      <c r="AJ9721">
        <v>35</v>
      </c>
      <c r="AK9721">
        <v>35</v>
      </c>
      <c r="AL9721">
        <v>35</v>
      </c>
      <c r="AM9721">
        <v>35</v>
      </c>
      <c r="AN9721">
        <v>35</v>
      </c>
      <c r="AO9721">
        <v>36</v>
      </c>
      <c r="AP9721">
        <v>36</v>
      </c>
      <c r="AQ9721">
        <v>36</v>
      </c>
    </row>
    <row r="9722" spans="1:43">
      <c r="A9722" t="s">
        <v>6072</v>
      </c>
      <c r="B9722" t="s">
        <v>6073</v>
      </c>
      <c r="C9722" t="s">
        <v>6068</v>
      </c>
      <c r="D9722" t="s">
        <v>6069</v>
      </c>
      <c r="E9722" t="s">
        <v>5940</v>
      </c>
      <c r="F9722" t="s">
        <v>5941</v>
      </c>
      <c r="G9722" t="s">
        <v>80</v>
      </c>
      <c r="H9722" t="s">
        <v>81</v>
      </c>
      <c r="I9722" s="2">
        <v>0</v>
      </c>
      <c r="J9722" s="2">
        <v>0</v>
      </c>
      <c r="K9722" s="2">
        <v>1</v>
      </c>
      <c r="L9722" t="s">
        <v>995</v>
      </c>
      <c r="M9722" t="s">
        <v>83</v>
      </c>
      <c r="N9722" t="s">
        <v>84</v>
      </c>
      <c r="O9722" t="s">
        <v>85</v>
      </c>
      <c r="P9722" t="s">
        <v>86</v>
      </c>
      <c r="Q9722">
        <v>34</v>
      </c>
      <c r="R9722">
        <v>35</v>
      </c>
      <c r="S9722">
        <v>36</v>
      </c>
      <c r="T9722">
        <v>36</v>
      </c>
      <c r="U9722">
        <v>37</v>
      </c>
      <c r="V9722">
        <v>37</v>
      </c>
      <c r="W9722">
        <v>38</v>
      </c>
      <c r="X9722">
        <v>39</v>
      </c>
      <c r="Y9722">
        <v>39</v>
      </c>
      <c r="Z9722">
        <v>40</v>
      </c>
      <c r="AA9722">
        <v>40</v>
      </c>
      <c r="AB9722">
        <v>41</v>
      </c>
      <c r="AC9722">
        <v>42</v>
      </c>
      <c r="AD9722">
        <v>42</v>
      </c>
      <c r="AE9722">
        <v>43</v>
      </c>
      <c r="AF9722">
        <v>43</v>
      </c>
      <c r="AG9722">
        <v>44</v>
      </c>
      <c r="AH9722">
        <v>45</v>
      </c>
      <c r="AI9722">
        <v>45</v>
      </c>
      <c r="AJ9722">
        <v>46</v>
      </c>
      <c r="AK9722">
        <v>46</v>
      </c>
      <c r="AL9722">
        <v>47</v>
      </c>
      <c r="AM9722">
        <v>47</v>
      </c>
      <c r="AN9722">
        <v>47</v>
      </c>
      <c r="AO9722">
        <v>47</v>
      </c>
      <c r="AP9722">
        <v>47</v>
      </c>
      <c r="AQ9722">
        <v>47</v>
      </c>
    </row>
    <row r="9723" spans="1:43">
      <c r="A9723" t="s">
        <v>6072</v>
      </c>
      <c r="B9723" t="s">
        <v>6073</v>
      </c>
      <c r="C9723" t="s">
        <v>6068</v>
      </c>
      <c r="D9723" t="s">
        <v>6069</v>
      </c>
      <c r="E9723" t="s">
        <v>5940</v>
      </c>
      <c r="F9723" t="s">
        <v>5941</v>
      </c>
      <c r="G9723" t="s">
        <v>80</v>
      </c>
      <c r="H9723" t="s">
        <v>81</v>
      </c>
      <c r="I9723" s="2">
        <v>0</v>
      </c>
      <c r="J9723" s="2">
        <v>0</v>
      </c>
      <c r="K9723" s="2">
        <v>1</v>
      </c>
      <c r="L9723" t="s">
        <v>995</v>
      </c>
      <c r="M9723" t="s">
        <v>87</v>
      </c>
      <c r="N9723" t="s">
        <v>88</v>
      </c>
      <c r="O9723" t="s">
        <v>85</v>
      </c>
      <c r="P9723" t="s">
        <v>86</v>
      </c>
      <c r="Q9723">
        <v>34</v>
      </c>
      <c r="R9723">
        <v>34</v>
      </c>
      <c r="S9723">
        <v>35</v>
      </c>
      <c r="T9723">
        <v>35</v>
      </c>
      <c r="U9723">
        <v>35</v>
      </c>
      <c r="V9723">
        <v>35</v>
      </c>
      <c r="W9723">
        <v>36</v>
      </c>
      <c r="X9723">
        <v>36</v>
      </c>
      <c r="Y9723">
        <v>36</v>
      </c>
      <c r="Z9723">
        <v>36</v>
      </c>
      <c r="AA9723">
        <v>37</v>
      </c>
      <c r="AB9723">
        <v>37</v>
      </c>
      <c r="AC9723">
        <v>37</v>
      </c>
      <c r="AD9723">
        <v>38</v>
      </c>
      <c r="AE9723">
        <v>38</v>
      </c>
      <c r="AF9723">
        <v>38</v>
      </c>
      <c r="AG9723">
        <v>38</v>
      </c>
      <c r="AH9723">
        <v>39</v>
      </c>
      <c r="AI9723">
        <v>39</v>
      </c>
      <c r="AJ9723">
        <v>39</v>
      </c>
      <c r="AK9723">
        <v>39</v>
      </c>
      <c r="AL9723">
        <v>40</v>
      </c>
      <c r="AM9723">
        <v>40</v>
      </c>
      <c r="AN9723">
        <v>40</v>
      </c>
      <c r="AO9723">
        <v>41</v>
      </c>
      <c r="AP9723">
        <v>41</v>
      </c>
      <c r="AQ9723">
        <v>41</v>
      </c>
    </row>
    <row r="9724" spans="1:43">
      <c r="A9724" t="s">
        <v>6072</v>
      </c>
      <c r="B9724" t="s">
        <v>6073</v>
      </c>
      <c r="C9724" t="s">
        <v>6068</v>
      </c>
      <c r="D9724" t="s">
        <v>6069</v>
      </c>
      <c r="E9724" t="s">
        <v>5940</v>
      </c>
      <c r="F9724" t="s">
        <v>5941</v>
      </c>
      <c r="G9724" t="s">
        <v>80</v>
      </c>
      <c r="H9724" t="s">
        <v>81</v>
      </c>
      <c r="I9724" s="2">
        <v>0</v>
      </c>
      <c r="J9724" s="2">
        <v>0</v>
      </c>
      <c r="K9724" s="2">
        <v>1</v>
      </c>
      <c r="L9724" t="s">
        <v>995</v>
      </c>
      <c r="M9724" t="s">
        <v>89</v>
      </c>
      <c r="N9724" t="s">
        <v>90</v>
      </c>
      <c r="O9724" t="s">
        <v>85</v>
      </c>
      <c r="P9724" t="s">
        <v>86</v>
      </c>
      <c r="Q9724">
        <v>34</v>
      </c>
      <c r="R9724">
        <v>35</v>
      </c>
      <c r="S9724">
        <v>35</v>
      </c>
      <c r="T9724">
        <v>36</v>
      </c>
      <c r="U9724">
        <v>37</v>
      </c>
      <c r="V9724">
        <v>38</v>
      </c>
      <c r="W9724">
        <v>39</v>
      </c>
      <c r="X9724">
        <v>40</v>
      </c>
      <c r="Y9724">
        <v>40</v>
      </c>
      <c r="Z9724">
        <v>41</v>
      </c>
      <c r="AA9724">
        <v>42</v>
      </c>
      <c r="AB9724">
        <v>43</v>
      </c>
      <c r="AC9724">
        <v>44</v>
      </c>
      <c r="AD9724">
        <v>44</v>
      </c>
      <c r="AE9724">
        <v>45</v>
      </c>
      <c r="AF9724">
        <v>45</v>
      </c>
      <c r="AG9724">
        <v>45</v>
      </c>
      <c r="AH9724">
        <v>45</v>
      </c>
      <c r="AI9724">
        <v>46</v>
      </c>
      <c r="AJ9724">
        <v>46</v>
      </c>
      <c r="AK9724">
        <v>46</v>
      </c>
      <c r="AL9724">
        <v>46</v>
      </c>
      <c r="AM9724">
        <v>46</v>
      </c>
      <c r="AN9724">
        <v>46</v>
      </c>
      <c r="AO9724">
        <v>46</v>
      </c>
      <c r="AP9724">
        <v>47</v>
      </c>
      <c r="AQ9724">
        <v>47</v>
      </c>
    </row>
    <row r="9725" spans="1:43">
      <c r="A9725" t="s">
        <v>6072</v>
      </c>
      <c r="B9725" t="s">
        <v>6073</v>
      </c>
      <c r="C9725" t="s">
        <v>6068</v>
      </c>
      <c r="D9725" t="s">
        <v>6069</v>
      </c>
      <c r="E9725" t="s">
        <v>5940</v>
      </c>
      <c r="F9725" t="s">
        <v>5941</v>
      </c>
      <c r="G9725" t="s">
        <v>80</v>
      </c>
      <c r="H9725" t="s">
        <v>81</v>
      </c>
      <c r="I9725" s="2">
        <v>0</v>
      </c>
      <c r="J9725" s="2">
        <v>0</v>
      </c>
      <c r="K9725" s="2">
        <v>1</v>
      </c>
      <c r="L9725" t="s">
        <v>995</v>
      </c>
      <c r="M9725" t="s">
        <v>83</v>
      </c>
      <c r="N9725" t="s">
        <v>91</v>
      </c>
      <c r="O9725" t="s">
        <v>85</v>
      </c>
      <c r="P9725" t="s">
        <v>86</v>
      </c>
      <c r="Q9725">
        <v>34</v>
      </c>
      <c r="R9725">
        <v>35</v>
      </c>
      <c r="S9725">
        <v>36</v>
      </c>
      <c r="T9725">
        <v>36</v>
      </c>
      <c r="U9725">
        <v>37</v>
      </c>
      <c r="V9725">
        <v>37</v>
      </c>
      <c r="W9725">
        <v>38</v>
      </c>
      <c r="X9725">
        <v>39</v>
      </c>
      <c r="Y9725">
        <v>39</v>
      </c>
      <c r="Z9725">
        <v>40</v>
      </c>
      <c r="AA9725">
        <v>40</v>
      </c>
      <c r="AB9725">
        <v>41</v>
      </c>
      <c r="AC9725">
        <v>42</v>
      </c>
      <c r="AD9725">
        <v>42</v>
      </c>
      <c r="AE9725">
        <v>43</v>
      </c>
      <c r="AF9725">
        <v>43</v>
      </c>
      <c r="AG9725">
        <v>44</v>
      </c>
      <c r="AH9725">
        <v>45</v>
      </c>
      <c r="AI9725">
        <v>45</v>
      </c>
      <c r="AJ9725">
        <v>46</v>
      </c>
      <c r="AK9725">
        <v>46</v>
      </c>
      <c r="AL9725">
        <v>47</v>
      </c>
      <c r="AM9725">
        <v>47</v>
      </c>
      <c r="AN9725">
        <v>47</v>
      </c>
      <c r="AO9725">
        <v>47</v>
      </c>
      <c r="AP9725">
        <v>47</v>
      </c>
      <c r="AQ9725">
        <v>47</v>
      </c>
    </row>
    <row r="9726" spans="1:43">
      <c r="A9726" t="s">
        <v>6074</v>
      </c>
      <c r="B9726" t="s">
        <v>6075</v>
      </c>
      <c r="C9726" t="s">
        <v>6068</v>
      </c>
      <c r="D9726" t="s">
        <v>6069</v>
      </c>
      <c r="E9726" t="s">
        <v>5940</v>
      </c>
      <c r="F9726" t="s">
        <v>5941</v>
      </c>
      <c r="G9726" t="s">
        <v>80</v>
      </c>
      <c r="H9726" t="s">
        <v>81</v>
      </c>
      <c r="I9726" s="2">
        <v>0</v>
      </c>
      <c r="J9726" s="2">
        <v>0</v>
      </c>
      <c r="K9726" s="2">
        <v>1</v>
      </c>
      <c r="L9726" t="s">
        <v>995</v>
      </c>
      <c r="M9726" t="s">
        <v>83</v>
      </c>
      <c r="N9726" t="s">
        <v>84</v>
      </c>
      <c r="O9726" t="s">
        <v>85</v>
      </c>
      <c r="P9726" t="s">
        <v>86</v>
      </c>
      <c r="Q9726">
        <v>311</v>
      </c>
      <c r="R9726">
        <v>317</v>
      </c>
      <c r="S9726">
        <v>322</v>
      </c>
      <c r="T9726">
        <v>327</v>
      </c>
      <c r="U9726">
        <v>333</v>
      </c>
      <c r="V9726">
        <v>338</v>
      </c>
      <c r="W9726">
        <v>343</v>
      </c>
      <c r="X9726">
        <v>349</v>
      </c>
      <c r="Y9726">
        <v>354</v>
      </c>
      <c r="Z9726">
        <v>360</v>
      </c>
      <c r="AA9726">
        <v>365</v>
      </c>
      <c r="AB9726">
        <v>371</v>
      </c>
      <c r="AC9726">
        <v>376</v>
      </c>
      <c r="AD9726">
        <v>381</v>
      </c>
      <c r="AE9726">
        <v>387</v>
      </c>
      <c r="AF9726">
        <v>392</v>
      </c>
      <c r="AG9726">
        <v>398</v>
      </c>
      <c r="AH9726">
        <v>403</v>
      </c>
      <c r="AI9726">
        <v>409</v>
      </c>
      <c r="AJ9726">
        <v>414</v>
      </c>
      <c r="AK9726">
        <v>420</v>
      </c>
      <c r="AL9726">
        <v>423</v>
      </c>
      <c r="AM9726">
        <v>425</v>
      </c>
      <c r="AN9726">
        <v>427</v>
      </c>
      <c r="AO9726">
        <v>429</v>
      </c>
      <c r="AP9726">
        <v>430</v>
      </c>
      <c r="AQ9726">
        <v>432</v>
      </c>
    </row>
    <row r="9727" spans="1:43">
      <c r="A9727" t="s">
        <v>6074</v>
      </c>
      <c r="B9727" t="s">
        <v>6075</v>
      </c>
      <c r="C9727" t="s">
        <v>6068</v>
      </c>
      <c r="D9727" t="s">
        <v>6069</v>
      </c>
      <c r="E9727" t="s">
        <v>5940</v>
      </c>
      <c r="F9727" t="s">
        <v>5941</v>
      </c>
      <c r="G9727" t="s">
        <v>80</v>
      </c>
      <c r="H9727" t="s">
        <v>81</v>
      </c>
      <c r="I9727" s="2">
        <v>0</v>
      </c>
      <c r="J9727" s="2">
        <v>0</v>
      </c>
      <c r="K9727" s="2">
        <v>1</v>
      </c>
      <c r="L9727" t="s">
        <v>995</v>
      </c>
      <c r="M9727" t="s">
        <v>87</v>
      </c>
      <c r="N9727" t="s">
        <v>88</v>
      </c>
      <c r="O9727" t="s">
        <v>85</v>
      </c>
      <c r="P9727" t="s">
        <v>86</v>
      </c>
      <c r="Q9727">
        <v>311</v>
      </c>
      <c r="R9727">
        <v>314</v>
      </c>
      <c r="S9727">
        <v>316</v>
      </c>
      <c r="T9727">
        <v>319</v>
      </c>
      <c r="U9727">
        <v>321</v>
      </c>
      <c r="V9727">
        <v>323</v>
      </c>
      <c r="W9727">
        <v>326</v>
      </c>
      <c r="X9727">
        <v>328</v>
      </c>
      <c r="Y9727">
        <v>331</v>
      </c>
      <c r="Z9727">
        <v>333</v>
      </c>
      <c r="AA9727">
        <v>335</v>
      </c>
      <c r="AB9727">
        <v>338</v>
      </c>
      <c r="AC9727">
        <v>340</v>
      </c>
      <c r="AD9727">
        <v>343</v>
      </c>
      <c r="AE9727">
        <v>345</v>
      </c>
      <c r="AF9727">
        <v>347</v>
      </c>
      <c r="AG9727">
        <v>350</v>
      </c>
      <c r="AH9727">
        <v>352</v>
      </c>
      <c r="AI9727">
        <v>355</v>
      </c>
      <c r="AJ9727">
        <v>357</v>
      </c>
      <c r="AK9727">
        <v>359</v>
      </c>
      <c r="AL9727">
        <v>362</v>
      </c>
      <c r="AM9727">
        <v>364</v>
      </c>
      <c r="AN9727">
        <v>367</v>
      </c>
      <c r="AO9727">
        <v>369</v>
      </c>
      <c r="AP9727">
        <v>371</v>
      </c>
      <c r="AQ9727">
        <v>374</v>
      </c>
    </row>
    <row r="9728" spans="1:43">
      <c r="A9728" t="s">
        <v>6074</v>
      </c>
      <c r="B9728" t="s">
        <v>6075</v>
      </c>
      <c r="C9728" t="s">
        <v>6068</v>
      </c>
      <c r="D9728" t="s">
        <v>6069</v>
      </c>
      <c r="E9728" t="s">
        <v>5940</v>
      </c>
      <c r="F9728" t="s">
        <v>5941</v>
      </c>
      <c r="G9728" t="s">
        <v>80</v>
      </c>
      <c r="H9728" t="s">
        <v>81</v>
      </c>
      <c r="I9728" s="2">
        <v>0</v>
      </c>
      <c r="J9728" s="2">
        <v>0</v>
      </c>
      <c r="K9728" s="2">
        <v>1</v>
      </c>
      <c r="L9728" t="s">
        <v>995</v>
      </c>
      <c r="M9728" t="s">
        <v>89</v>
      </c>
      <c r="N9728" t="s">
        <v>90</v>
      </c>
      <c r="O9728" t="s">
        <v>85</v>
      </c>
      <c r="P9728" t="s">
        <v>86</v>
      </c>
      <c r="Q9728">
        <v>311</v>
      </c>
      <c r="R9728">
        <v>319</v>
      </c>
      <c r="S9728">
        <v>327</v>
      </c>
      <c r="T9728">
        <v>335</v>
      </c>
      <c r="U9728">
        <v>343</v>
      </c>
      <c r="V9728">
        <v>351</v>
      </c>
      <c r="W9728">
        <v>358</v>
      </c>
      <c r="X9728">
        <v>365</v>
      </c>
      <c r="Y9728">
        <v>373</v>
      </c>
      <c r="Z9728">
        <v>380</v>
      </c>
      <c r="AA9728">
        <v>387</v>
      </c>
      <c r="AB9728">
        <v>393</v>
      </c>
      <c r="AC9728">
        <v>401</v>
      </c>
      <c r="AD9728">
        <v>408</v>
      </c>
      <c r="AE9728">
        <v>413</v>
      </c>
      <c r="AF9728">
        <v>415</v>
      </c>
      <c r="AG9728">
        <v>417</v>
      </c>
      <c r="AH9728">
        <v>419</v>
      </c>
      <c r="AI9728">
        <v>421</v>
      </c>
      <c r="AJ9728">
        <v>423</v>
      </c>
      <c r="AK9728">
        <v>425</v>
      </c>
      <c r="AL9728">
        <v>427</v>
      </c>
      <c r="AM9728">
        <v>429</v>
      </c>
      <c r="AN9728">
        <v>430</v>
      </c>
      <c r="AO9728">
        <v>432</v>
      </c>
      <c r="AP9728">
        <v>434</v>
      </c>
      <c r="AQ9728">
        <v>435</v>
      </c>
    </row>
    <row r="9729" spans="1:43">
      <c r="A9729" t="s">
        <v>6074</v>
      </c>
      <c r="B9729" t="s">
        <v>6075</v>
      </c>
      <c r="C9729" t="s">
        <v>6068</v>
      </c>
      <c r="D9729" t="s">
        <v>6069</v>
      </c>
      <c r="E9729" t="s">
        <v>5940</v>
      </c>
      <c r="F9729" t="s">
        <v>5941</v>
      </c>
      <c r="G9729" t="s">
        <v>80</v>
      </c>
      <c r="H9729" t="s">
        <v>81</v>
      </c>
      <c r="I9729" s="2">
        <v>0</v>
      </c>
      <c r="J9729" s="2">
        <v>0</v>
      </c>
      <c r="K9729" s="2">
        <v>1</v>
      </c>
      <c r="L9729" t="s">
        <v>995</v>
      </c>
      <c r="M9729" t="s">
        <v>83</v>
      </c>
      <c r="N9729" t="s">
        <v>91</v>
      </c>
      <c r="O9729" t="s">
        <v>85</v>
      </c>
      <c r="P9729" t="s">
        <v>86</v>
      </c>
      <c r="Q9729">
        <v>311</v>
      </c>
      <c r="R9729">
        <v>317</v>
      </c>
      <c r="S9729">
        <v>322</v>
      </c>
      <c r="T9729">
        <v>327</v>
      </c>
      <c r="U9729">
        <v>333</v>
      </c>
      <c r="V9729">
        <v>338</v>
      </c>
      <c r="W9729">
        <v>343</v>
      </c>
      <c r="X9729">
        <v>349</v>
      </c>
      <c r="Y9729">
        <v>354</v>
      </c>
      <c r="Z9729">
        <v>360</v>
      </c>
      <c r="AA9729">
        <v>365</v>
      </c>
      <c r="AB9729">
        <v>371</v>
      </c>
      <c r="AC9729">
        <v>376</v>
      </c>
      <c r="AD9729">
        <v>381</v>
      </c>
      <c r="AE9729">
        <v>387</v>
      </c>
      <c r="AF9729">
        <v>392</v>
      </c>
      <c r="AG9729">
        <v>398</v>
      </c>
      <c r="AH9729">
        <v>403</v>
      </c>
      <c r="AI9729">
        <v>409</v>
      </c>
      <c r="AJ9729">
        <v>414</v>
      </c>
      <c r="AK9729">
        <v>420</v>
      </c>
      <c r="AL9729">
        <v>423</v>
      </c>
      <c r="AM9729">
        <v>425</v>
      </c>
      <c r="AN9729">
        <v>427</v>
      </c>
      <c r="AO9729">
        <v>429</v>
      </c>
      <c r="AP9729">
        <v>430</v>
      </c>
      <c r="AQ9729">
        <v>432</v>
      </c>
    </row>
    <row r="9730" spans="1:43">
      <c r="A9730" t="s">
        <v>6076</v>
      </c>
      <c r="B9730" t="s">
        <v>6077</v>
      </c>
      <c r="C9730" t="s">
        <v>6064</v>
      </c>
      <c r="D9730" t="s">
        <v>6065</v>
      </c>
      <c r="E9730" t="s">
        <v>5940</v>
      </c>
      <c r="F9730" t="s">
        <v>5941</v>
      </c>
      <c r="G9730" t="s">
        <v>80</v>
      </c>
      <c r="H9730" t="s">
        <v>81</v>
      </c>
      <c r="I9730" s="2">
        <v>0</v>
      </c>
      <c r="J9730" s="2">
        <v>0</v>
      </c>
      <c r="K9730" s="2">
        <v>1</v>
      </c>
      <c r="L9730" t="s">
        <v>995</v>
      </c>
      <c r="M9730" t="s">
        <v>83</v>
      </c>
      <c r="N9730" t="s">
        <v>84</v>
      </c>
      <c r="O9730" t="s">
        <v>85</v>
      </c>
      <c r="P9730" t="s">
        <v>86</v>
      </c>
      <c r="Q9730">
        <v>17</v>
      </c>
      <c r="R9730">
        <v>17</v>
      </c>
      <c r="S9730">
        <v>17</v>
      </c>
      <c r="T9730">
        <v>18</v>
      </c>
      <c r="U9730">
        <v>18</v>
      </c>
      <c r="V9730">
        <v>18</v>
      </c>
      <c r="W9730">
        <v>18</v>
      </c>
      <c r="X9730">
        <v>19</v>
      </c>
      <c r="Y9730">
        <v>19</v>
      </c>
      <c r="Z9730">
        <v>19</v>
      </c>
      <c r="AA9730">
        <v>20</v>
      </c>
      <c r="AB9730">
        <v>20</v>
      </c>
      <c r="AC9730">
        <v>20</v>
      </c>
      <c r="AD9730">
        <v>20</v>
      </c>
      <c r="AE9730">
        <v>21</v>
      </c>
      <c r="AF9730">
        <v>21</v>
      </c>
      <c r="AG9730">
        <v>21</v>
      </c>
      <c r="AH9730">
        <v>22</v>
      </c>
      <c r="AI9730">
        <v>22</v>
      </c>
      <c r="AJ9730">
        <v>22</v>
      </c>
      <c r="AK9730">
        <v>23</v>
      </c>
      <c r="AL9730">
        <v>23</v>
      </c>
      <c r="AM9730">
        <v>23</v>
      </c>
      <c r="AN9730">
        <v>23</v>
      </c>
      <c r="AO9730">
        <v>23</v>
      </c>
      <c r="AP9730">
        <v>23</v>
      </c>
      <c r="AQ9730">
        <v>23</v>
      </c>
    </row>
    <row r="9731" spans="1:43">
      <c r="A9731" t="s">
        <v>6076</v>
      </c>
      <c r="B9731" t="s">
        <v>6077</v>
      </c>
      <c r="C9731" t="s">
        <v>6064</v>
      </c>
      <c r="D9731" t="s">
        <v>6065</v>
      </c>
      <c r="E9731" t="s">
        <v>5940</v>
      </c>
      <c r="F9731" t="s">
        <v>5941</v>
      </c>
      <c r="G9731" t="s">
        <v>80</v>
      </c>
      <c r="H9731" t="s">
        <v>81</v>
      </c>
      <c r="I9731" s="2">
        <v>0</v>
      </c>
      <c r="J9731" s="2">
        <v>0</v>
      </c>
      <c r="K9731" s="2">
        <v>1</v>
      </c>
      <c r="L9731" t="s">
        <v>995</v>
      </c>
      <c r="M9731" t="s">
        <v>87</v>
      </c>
      <c r="N9731" t="s">
        <v>88</v>
      </c>
      <c r="O9731" t="s">
        <v>85</v>
      </c>
      <c r="P9731" t="s">
        <v>86</v>
      </c>
      <c r="Q9731">
        <v>17</v>
      </c>
      <c r="R9731">
        <v>17</v>
      </c>
      <c r="S9731">
        <v>17</v>
      </c>
      <c r="T9731">
        <v>17</v>
      </c>
      <c r="U9731">
        <v>17</v>
      </c>
      <c r="V9731">
        <v>17</v>
      </c>
      <c r="W9731">
        <v>17</v>
      </c>
      <c r="X9731">
        <v>17</v>
      </c>
      <c r="Y9731">
        <v>18</v>
      </c>
      <c r="Z9731">
        <v>18</v>
      </c>
      <c r="AA9731">
        <v>18</v>
      </c>
      <c r="AB9731">
        <v>18</v>
      </c>
      <c r="AC9731">
        <v>18</v>
      </c>
      <c r="AD9731">
        <v>18</v>
      </c>
      <c r="AE9731">
        <v>18</v>
      </c>
      <c r="AF9731">
        <v>19</v>
      </c>
      <c r="AG9731">
        <v>19</v>
      </c>
      <c r="AH9731">
        <v>19</v>
      </c>
      <c r="AI9731">
        <v>19</v>
      </c>
      <c r="AJ9731">
        <v>19</v>
      </c>
      <c r="AK9731">
        <v>19</v>
      </c>
      <c r="AL9731">
        <v>19</v>
      </c>
      <c r="AM9731">
        <v>19</v>
      </c>
      <c r="AN9731">
        <v>20</v>
      </c>
      <c r="AO9731">
        <v>20</v>
      </c>
      <c r="AP9731">
        <v>20</v>
      </c>
      <c r="AQ9731">
        <v>20</v>
      </c>
    </row>
    <row r="9732" spans="1:43">
      <c r="A9732" t="s">
        <v>6076</v>
      </c>
      <c r="B9732" t="s">
        <v>6077</v>
      </c>
      <c r="C9732" t="s">
        <v>6064</v>
      </c>
      <c r="D9732" t="s">
        <v>6065</v>
      </c>
      <c r="E9732" t="s">
        <v>5940</v>
      </c>
      <c r="F9732" t="s">
        <v>5941</v>
      </c>
      <c r="G9732" t="s">
        <v>80</v>
      </c>
      <c r="H9732" t="s">
        <v>81</v>
      </c>
      <c r="I9732" s="2">
        <v>0</v>
      </c>
      <c r="J9732" s="2">
        <v>0</v>
      </c>
      <c r="K9732" s="2">
        <v>1</v>
      </c>
      <c r="L9732" t="s">
        <v>995</v>
      </c>
      <c r="M9732" t="s">
        <v>89</v>
      </c>
      <c r="N9732" t="s">
        <v>90</v>
      </c>
      <c r="O9732" t="s">
        <v>85</v>
      </c>
      <c r="P9732" t="s">
        <v>86</v>
      </c>
      <c r="Q9732">
        <v>17</v>
      </c>
      <c r="R9732">
        <v>17</v>
      </c>
      <c r="S9732">
        <v>18</v>
      </c>
      <c r="T9732">
        <v>18</v>
      </c>
      <c r="U9732">
        <v>19</v>
      </c>
      <c r="V9732">
        <v>19</v>
      </c>
      <c r="W9732">
        <v>19</v>
      </c>
      <c r="X9732">
        <v>20</v>
      </c>
      <c r="Y9732">
        <v>20</v>
      </c>
      <c r="Z9732">
        <v>21</v>
      </c>
      <c r="AA9732">
        <v>21</v>
      </c>
      <c r="AB9732">
        <v>21</v>
      </c>
      <c r="AC9732">
        <v>22</v>
      </c>
      <c r="AD9732">
        <v>22</v>
      </c>
      <c r="AE9732">
        <v>22</v>
      </c>
      <c r="AF9732">
        <v>22</v>
      </c>
      <c r="AG9732">
        <v>22</v>
      </c>
      <c r="AH9732">
        <v>23</v>
      </c>
      <c r="AI9732">
        <v>23</v>
      </c>
      <c r="AJ9732">
        <v>23</v>
      </c>
      <c r="AK9732">
        <v>23</v>
      </c>
      <c r="AL9732">
        <v>23</v>
      </c>
      <c r="AM9732">
        <v>23</v>
      </c>
      <c r="AN9732">
        <v>23</v>
      </c>
      <c r="AO9732">
        <v>23</v>
      </c>
      <c r="AP9732">
        <v>23</v>
      </c>
      <c r="AQ9732">
        <v>23</v>
      </c>
    </row>
    <row r="9733" spans="1:43">
      <c r="A9733" t="s">
        <v>6076</v>
      </c>
      <c r="B9733" t="s">
        <v>6077</v>
      </c>
      <c r="C9733" t="s">
        <v>6064</v>
      </c>
      <c r="D9733" t="s">
        <v>6065</v>
      </c>
      <c r="E9733" t="s">
        <v>5940</v>
      </c>
      <c r="F9733" t="s">
        <v>5941</v>
      </c>
      <c r="G9733" t="s">
        <v>80</v>
      </c>
      <c r="H9733" t="s">
        <v>81</v>
      </c>
      <c r="I9733" s="2">
        <v>0</v>
      </c>
      <c r="J9733" s="2">
        <v>0</v>
      </c>
      <c r="K9733" s="2">
        <v>1</v>
      </c>
      <c r="L9733" t="s">
        <v>995</v>
      </c>
      <c r="M9733" t="s">
        <v>83</v>
      </c>
      <c r="N9733" t="s">
        <v>91</v>
      </c>
      <c r="O9733" t="s">
        <v>85</v>
      </c>
      <c r="P9733" t="s">
        <v>86</v>
      </c>
      <c r="Q9733">
        <v>17</v>
      </c>
      <c r="R9733">
        <v>17</v>
      </c>
      <c r="S9733">
        <v>17</v>
      </c>
      <c r="T9733">
        <v>18</v>
      </c>
      <c r="U9733">
        <v>18</v>
      </c>
      <c r="V9733">
        <v>18</v>
      </c>
      <c r="W9733">
        <v>18</v>
      </c>
      <c r="X9733">
        <v>19</v>
      </c>
      <c r="Y9733">
        <v>19</v>
      </c>
      <c r="Z9733">
        <v>19</v>
      </c>
      <c r="AA9733">
        <v>20</v>
      </c>
      <c r="AB9733">
        <v>20</v>
      </c>
      <c r="AC9733">
        <v>20</v>
      </c>
      <c r="AD9733">
        <v>20</v>
      </c>
      <c r="AE9733">
        <v>21</v>
      </c>
      <c r="AF9733">
        <v>21</v>
      </c>
      <c r="AG9733">
        <v>21</v>
      </c>
      <c r="AH9733">
        <v>22</v>
      </c>
      <c r="AI9733">
        <v>22</v>
      </c>
      <c r="AJ9733">
        <v>22</v>
      </c>
      <c r="AK9733">
        <v>23</v>
      </c>
      <c r="AL9733">
        <v>23</v>
      </c>
      <c r="AM9733">
        <v>23</v>
      </c>
      <c r="AN9733">
        <v>23</v>
      </c>
      <c r="AO9733">
        <v>23</v>
      </c>
      <c r="AP9733">
        <v>23</v>
      </c>
      <c r="AQ9733">
        <v>23</v>
      </c>
    </row>
    <row r="9734" spans="1:43">
      <c r="A9734" t="s">
        <v>6078</v>
      </c>
      <c r="B9734" t="s">
        <v>6079</v>
      </c>
      <c r="C9734" t="s">
        <v>5988</v>
      </c>
      <c r="D9734" t="s">
        <v>5989</v>
      </c>
      <c r="E9734" t="s">
        <v>5940</v>
      </c>
      <c r="F9734" t="s">
        <v>5941</v>
      </c>
      <c r="G9734" t="s">
        <v>80</v>
      </c>
      <c r="H9734" t="s">
        <v>81</v>
      </c>
      <c r="I9734" s="2">
        <v>0</v>
      </c>
      <c r="J9734" s="2">
        <v>0.32</v>
      </c>
      <c r="K9734" s="2">
        <v>0.68</v>
      </c>
      <c r="L9734" t="s">
        <v>995</v>
      </c>
      <c r="M9734" t="s">
        <v>83</v>
      </c>
      <c r="N9734" t="s">
        <v>84</v>
      </c>
      <c r="O9734" t="s">
        <v>85</v>
      </c>
      <c r="P9734" t="s">
        <v>86</v>
      </c>
      <c r="Q9734">
        <v>33</v>
      </c>
      <c r="R9734">
        <v>33</v>
      </c>
      <c r="S9734">
        <v>34</v>
      </c>
      <c r="T9734">
        <v>35</v>
      </c>
      <c r="U9734">
        <v>35</v>
      </c>
      <c r="V9734">
        <v>36</v>
      </c>
      <c r="W9734">
        <v>36</v>
      </c>
      <c r="X9734">
        <v>37</v>
      </c>
      <c r="Y9734">
        <v>37</v>
      </c>
      <c r="Z9734">
        <v>38</v>
      </c>
      <c r="AA9734">
        <v>39</v>
      </c>
      <c r="AB9734">
        <v>39</v>
      </c>
      <c r="AC9734">
        <v>40</v>
      </c>
      <c r="AD9734">
        <v>40</v>
      </c>
      <c r="AE9734">
        <v>41</v>
      </c>
      <c r="AF9734">
        <v>42</v>
      </c>
      <c r="AG9734">
        <v>42</v>
      </c>
      <c r="AH9734">
        <v>43</v>
      </c>
      <c r="AI9734">
        <v>43</v>
      </c>
      <c r="AJ9734">
        <v>44</v>
      </c>
      <c r="AK9734">
        <v>44</v>
      </c>
      <c r="AL9734">
        <v>45</v>
      </c>
      <c r="AM9734">
        <v>45</v>
      </c>
      <c r="AN9734">
        <v>45</v>
      </c>
      <c r="AO9734">
        <v>45</v>
      </c>
      <c r="AP9734">
        <v>45</v>
      </c>
      <c r="AQ9734">
        <v>46</v>
      </c>
    </row>
    <row r="9735" spans="1:43">
      <c r="A9735" t="s">
        <v>6078</v>
      </c>
      <c r="B9735" t="s">
        <v>6079</v>
      </c>
      <c r="C9735" t="s">
        <v>5988</v>
      </c>
      <c r="D9735" t="s">
        <v>5989</v>
      </c>
      <c r="E9735" t="s">
        <v>5940</v>
      </c>
      <c r="F9735" t="s">
        <v>5941</v>
      </c>
      <c r="G9735" t="s">
        <v>80</v>
      </c>
      <c r="H9735" t="s">
        <v>81</v>
      </c>
      <c r="I9735" s="2">
        <v>0</v>
      </c>
      <c r="J9735" s="2">
        <v>0.32</v>
      </c>
      <c r="K9735" s="2">
        <v>0.68</v>
      </c>
      <c r="L9735" t="s">
        <v>995</v>
      </c>
      <c r="M9735" t="s">
        <v>87</v>
      </c>
      <c r="N9735" t="s">
        <v>88</v>
      </c>
      <c r="O9735" t="s">
        <v>85</v>
      </c>
      <c r="P9735" t="s">
        <v>86</v>
      </c>
      <c r="Q9735">
        <v>33</v>
      </c>
      <c r="R9735">
        <v>33</v>
      </c>
      <c r="S9735">
        <v>33</v>
      </c>
      <c r="T9735">
        <v>33</v>
      </c>
      <c r="U9735">
        <v>34</v>
      </c>
      <c r="V9735">
        <v>34</v>
      </c>
      <c r="W9735">
        <v>34</v>
      </c>
      <c r="X9735">
        <v>34</v>
      </c>
      <c r="Y9735">
        <v>35</v>
      </c>
      <c r="Z9735">
        <v>35</v>
      </c>
      <c r="AA9735">
        <v>35</v>
      </c>
      <c r="AB9735">
        <v>35</v>
      </c>
      <c r="AC9735">
        <v>36</v>
      </c>
      <c r="AD9735">
        <v>36</v>
      </c>
      <c r="AE9735">
        <v>36</v>
      </c>
      <c r="AF9735">
        <v>37</v>
      </c>
      <c r="AG9735">
        <v>37</v>
      </c>
      <c r="AH9735">
        <v>37</v>
      </c>
      <c r="AI9735">
        <v>37</v>
      </c>
      <c r="AJ9735">
        <v>38</v>
      </c>
      <c r="AK9735">
        <v>38</v>
      </c>
      <c r="AL9735">
        <v>38</v>
      </c>
      <c r="AM9735">
        <v>38</v>
      </c>
      <c r="AN9735">
        <v>39</v>
      </c>
      <c r="AO9735">
        <v>39</v>
      </c>
      <c r="AP9735">
        <v>39</v>
      </c>
      <c r="AQ9735">
        <v>39</v>
      </c>
    </row>
    <row r="9736" spans="1:43">
      <c r="A9736" t="s">
        <v>6078</v>
      </c>
      <c r="B9736" t="s">
        <v>6079</v>
      </c>
      <c r="C9736" t="s">
        <v>5988</v>
      </c>
      <c r="D9736" t="s">
        <v>5989</v>
      </c>
      <c r="E9736" t="s">
        <v>5940</v>
      </c>
      <c r="F9736" t="s">
        <v>5941</v>
      </c>
      <c r="G9736" t="s">
        <v>80</v>
      </c>
      <c r="H9736" t="s">
        <v>81</v>
      </c>
      <c r="I9736" s="2">
        <v>0</v>
      </c>
      <c r="J9736" s="2">
        <v>0.32</v>
      </c>
      <c r="K9736" s="2">
        <v>0.68</v>
      </c>
      <c r="L9736" t="s">
        <v>995</v>
      </c>
      <c r="M9736" t="s">
        <v>89</v>
      </c>
      <c r="N9736" t="s">
        <v>90</v>
      </c>
      <c r="O9736" t="s">
        <v>85</v>
      </c>
      <c r="P9736" t="s">
        <v>86</v>
      </c>
      <c r="Q9736">
        <v>33</v>
      </c>
      <c r="R9736">
        <v>34</v>
      </c>
      <c r="S9736">
        <v>35</v>
      </c>
      <c r="T9736">
        <v>36</v>
      </c>
      <c r="U9736">
        <v>37</v>
      </c>
      <c r="V9736">
        <v>37</v>
      </c>
      <c r="W9736">
        <v>38</v>
      </c>
      <c r="X9736">
        <v>39</v>
      </c>
      <c r="Y9736">
        <v>40</v>
      </c>
      <c r="Z9736">
        <v>40</v>
      </c>
      <c r="AA9736">
        <v>41</v>
      </c>
      <c r="AB9736">
        <v>42</v>
      </c>
      <c r="AC9736">
        <v>43</v>
      </c>
      <c r="AD9736">
        <v>43</v>
      </c>
      <c r="AE9736">
        <v>44</v>
      </c>
      <c r="AF9736">
        <v>44</v>
      </c>
      <c r="AG9736">
        <v>44</v>
      </c>
      <c r="AH9736">
        <v>44</v>
      </c>
      <c r="AI9736">
        <v>45</v>
      </c>
      <c r="AJ9736">
        <v>45</v>
      </c>
      <c r="AK9736">
        <v>45</v>
      </c>
      <c r="AL9736">
        <v>45</v>
      </c>
      <c r="AM9736">
        <v>45</v>
      </c>
      <c r="AN9736">
        <v>45</v>
      </c>
      <c r="AO9736">
        <v>46</v>
      </c>
      <c r="AP9736">
        <v>46</v>
      </c>
      <c r="AQ9736">
        <v>46</v>
      </c>
    </row>
    <row r="9737" spans="1:43">
      <c r="A9737" t="s">
        <v>6078</v>
      </c>
      <c r="B9737" t="s">
        <v>6079</v>
      </c>
      <c r="C9737" t="s">
        <v>5988</v>
      </c>
      <c r="D9737" t="s">
        <v>5989</v>
      </c>
      <c r="E9737" t="s">
        <v>5940</v>
      </c>
      <c r="F9737" t="s">
        <v>5941</v>
      </c>
      <c r="G9737" t="s">
        <v>80</v>
      </c>
      <c r="H9737" t="s">
        <v>81</v>
      </c>
      <c r="I9737" s="2">
        <v>0</v>
      </c>
      <c r="J9737" s="2">
        <v>0.32</v>
      </c>
      <c r="K9737" s="2">
        <v>0.68</v>
      </c>
      <c r="L9737" t="s">
        <v>995</v>
      </c>
      <c r="M9737" t="s">
        <v>83</v>
      </c>
      <c r="N9737" t="s">
        <v>91</v>
      </c>
      <c r="O9737" t="s">
        <v>85</v>
      </c>
      <c r="P9737" t="s">
        <v>86</v>
      </c>
      <c r="Q9737">
        <v>33</v>
      </c>
      <c r="R9737">
        <v>33</v>
      </c>
      <c r="S9737">
        <v>34</v>
      </c>
      <c r="T9737">
        <v>35</v>
      </c>
      <c r="U9737">
        <v>35</v>
      </c>
      <c r="V9737">
        <v>36</v>
      </c>
      <c r="W9737">
        <v>36</v>
      </c>
      <c r="X9737">
        <v>37</v>
      </c>
      <c r="Y9737">
        <v>37</v>
      </c>
      <c r="Z9737">
        <v>38</v>
      </c>
      <c r="AA9737">
        <v>39</v>
      </c>
      <c r="AB9737">
        <v>39</v>
      </c>
      <c r="AC9737">
        <v>40</v>
      </c>
      <c r="AD9737">
        <v>40</v>
      </c>
      <c r="AE9737">
        <v>41</v>
      </c>
      <c r="AF9737">
        <v>42</v>
      </c>
      <c r="AG9737">
        <v>42</v>
      </c>
      <c r="AH9737">
        <v>43</v>
      </c>
      <c r="AI9737">
        <v>43</v>
      </c>
      <c r="AJ9737">
        <v>44</v>
      </c>
      <c r="AK9737">
        <v>44</v>
      </c>
      <c r="AL9737">
        <v>45</v>
      </c>
      <c r="AM9737">
        <v>45</v>
      </c>
      <c r="AN9737">
        <v>45</v>
      </c>
      <c r="AO9737">
        <v>45</v>
      </c>
      <c r="AP9737">
        <v>45</v>
      </c>
      <c r="AQ9737">
        <v>46</v>
      </c>
    </row>
    <row r="9738" spans="1:43">
      <c r="A9738" t="s">
        <v>6080</v>
      </c>
      <c r="B9738" t="s">
        <v>6081</v>
      </c>
      <c r="C9738" t="s">
        <v>6064</v>
      </c>
      <c r="D9738" t="s">
        <v>6065</v>
      </c>
      <c r="E9738" t="s">
        <v>5940</v>
      </c>
      <c r="F9738" t="s">
        <v>5941</v>
      </c>
      <c r="G9738" t="s">
        <v>80</v>
      </c>
      <c r="H9738" t="s">
        <v>81</v>
      </c>
      <c r="I9738" s="2">
        <v>0</v>
      </c>
      <c r="J9738" s="2">
        <v>0</v>
      </c>
      <c r="K9738" s="2">
        <v>1</v>
      </c>
      <c r="L9738" t="s">
        <v>995</v>
      </c>
      <c r="M9738" t="s">
        <v>83</v>
      </c>
      <c r="N9738" t="s">
        <v>84</v>
      </c>
      <c r="O9738" t="s">
        <v>85</v>
      </c>
      <c r="P9738" t="s">
        <v>86</v>
      </c>
      <c r="Q9738">
        <v>74</v>
      </c>
      <c r="R9738">
        <v>75</v>
      </c>
      <c r="S9738">
        <v>76</v>
      </c>
      <c r="T9738">
        <v>77</v>
      </c>
      <c r="U9738">
        <v>79</v>
      </c>
      <c r="V9738">
        <v>80</v>
      </c>
      <c r="W9738">
        <v>81</v>
      </c>
      <c r="X9738">
        <v>83</v>
      </c>
      <c r="Y9738">
        <v>84</v>
      </c>
      <c r="Z9738">
        <v>85</v>
      </c>
      <c r="AA9738">
        <v>86</v>
      </c>
      <c r="AB9738">
        <v>88</v>
      </c>
      <c r="AC9738">
        <v>89</v>
      </c>
      <c r="AD9738">
        <v>90</v>
      </c>
      <c r="AE9738">
        <v>92</v>
      </c>
      <c r="AF9738">
        <v>93</v>
      </c>
      <c r="AG9738">
        <v>94</v>
      </c>
      <c r="AH9738">
        <v>95</v>
      </c>
      <c r="AI9738">
        <v>97</v>
      </c>
      <c r="AJ9738">
        <v>98</v>
      </c>
      <c r="AK9738">
        <v>99</v>
      </c>
      <c r="AL9738">
        <v>100</v>
      </c>
      <c r="AM9738">
        <v>100</v>
      </c>
      <c r="AN9738">
        <v>101</v>
      </c>
      <c r="AO9738">
        <v>101</v>
      </c>
      <c r="AP9738">
        <v>101</v>
      </c>
      <c r="AQ9738">
        <v>102</v>
      </c>
    </row>
    <row r="9739" spans="1:43">
      <c r="A9739" t="s">
        <v>6080</v>
      </c>
      <c r="B9739" t="s">
        <v>6081</v>
      </c>
      <c r="C9739" t="s">
        <v>6064</v>
      </c>
      <c r="D9739" t="s">
        <v>6065</v>
      </c>
      <c r="E9739" t="s">
        <v>5940</v>
      </c>
      <c r="F9739" t="s">
        <v>5941</v>
      </c>
      <c r="G9739" t="s">
        <v>80</v>
      </c>
      <c r="H9739" t="s">
        <v>81</v>
      </c>
      <c r="I9739" s="2">
        <v>0</v>
      </c>
      <c r="J9739" s="2">
        <v>0</v>
      </c>
      <c r="K9739" s="2">
        <v>1</v>
      </c>
      <c r="L9739" t="s">
        <v>995</v>
      </c>
      <c r="M9739" t="s">
        <v>87</v>
      </c>
      <c r="N9739" t="s">
        <v>88</v>
      </c>
      <c r="O9739" t="s">
        <v>85</v>
      </c>
      <c r="P9739" t="s">
        <v>86</v>
      </c>
      <c r="Q9739">
        <v>74</v>
      </c>
      <c r="R9739">
        <v>74</v>
      </c>
      <c r="S9739">
        <v>75</v>
      </c>
      <c r="T9739">
        <v>76</v>
      </c>
      <c r="U9739">
        <v>76</v>
      </c>
      <c r="V9739">
        <v>77</v>
      </c>
      <c r="W9739">
        <v>77</v>
      </c>
      <c r="X9739">
        <v>78</v>
      </c>
      <c r="Y9739">
        <v>79</v>
      </c>
      <c r="Z9739">
        <v>79</v>
      </c>
      <c r="AA9739">
        <v>80</v>
      </c>
      <c r="AB9739">
        <v>80</v>
      </c>
      <c r="AC9739">
        <v>81</v>
      </c>
      <c r="AD9739">
        <v>81</v>
      </c>
      <c r="AE9739">
        <v>82</v>
      </c>
      <c r="AF9739">
        <v>83</v>
      </c>
      <c r="AG9739">
        <v>83</v>
      </c>
      <c r="AH9739">
        <v>84</v>
      </c>
      <c r="AI9739">
        <v>84</v>
      </c>
      <c r="AJ9739">
        <v>85</v>
      </c>
      <c r="AK9739">
        <v>86</v>
      </c>
      <c r="AL9739">
        <v>86</v>
      </c>
      <c r="AM9739">
        <v>87</v>
      </c>
      <c r="AN9739">
        <v>87</v>
      </c>
      <c r="AO9739">
        <v>88</v>
      </c>
      <c r="AP9739">
        <v>88</v>
      </c>
      <c r="AQ9739">
        <v>89</v>
      </c>
    </row>
    <row r="9740" spans="1:43">
      <c r="A9740" t="s">
        <v>6080</v>
      </c>
      <c r="B9740" t="s">
        <v>6081</v>
      </c>
      <c r="C9740" t="s">
        <v>6064</v>
      </c>
      <c r="D9740" t="s">
        <v>6065</v>
      </c>
      <c r="E9740" t="s">
        <v>5940</v>
      </c>
      <c r="F9740" t="s">
        <v>5941</v>
      </c>
      <c r="G9740" t="s">
        <v>80</v>
      </c>
      <c r="H9740" t="s">
        <v>81</v>
      </c>
      <c r="I9740" s="2">
        <v>0</v>
      </c>
      <c r="J9740" s="2">
        <v>0</v>
      </c>
      <c r="K9740" s="2">
        <v>1</v>
      </c>
      <c r="L9740" t="s">
        <v>995</v>
      </c>
      <c r="M9740" t="s">
        <v>89</v>
      </c>
      <c r="N9740" t="s">
        <v>90</v>
      </c>
      <c r="O9740" t="s">
        <v>85</v>
      </c>
      <c r="P9740" t="s">
        <v>86</v>
      </c>
      <c r="Q9740">
        <v>74</v>
      </c>
      <c r="R9740">
        <v>76</v>
      </c>
      <c r="S9740">
        <v>78</v>
      </c>
      <c r="T9740">
        <v>80</v>
      </c>
      <c r="U9740">
        <v>82</v>
      </c>
      <c r="V9740">
        <v>84</v>
      </c>
      <c r="W9740">
        <v>85</v>
      </c>
      <c r="X9740">
        <v>87</v>
      </c>
      <c r="Y9740">
        <v>89</v>
      </c>
      <c r="Z9740">
        <v>91</v>
      </c>
      <c r="AA9740">
        <v>92</v>
      </c>
      <c r="AB9740">
        <v>94</v>
      </c>
      <c r="AC9740">
        <v>96</v>
      </c>
      <c r="AD9740">
        <v>97</v>
      </c>
      <c r="AE9740">
        <v>98</v>
      </c>
      <c r="AF9740">
        <v>99</v>
      </c>
      <c r="AG9740">
        <v>99</v>
      </c>
      <c r="AH9740">
        <v>99</v>
      </c>
      <c r="AI9740">
        <v>100</v>
      </c>
      <c r="AJ9740">
        <v>100</v>
      </c>
      <c r="AK9740">
        <v>100</v>
      </c>
      <c r="AL9740">
        <v>101</v>
      </c>
      <c r="AM9740">
        <v>101</v>
      </c>
      <c r="AN9740">
        <v>101</v>
      </c>
      <c r="AO9740">
        <v>102</v>
      </c>
      <c r="AP9740">
        <v>102</v>
      </c>
      <c r="AQ9740">
        <v>102</v>
      </c>
    </row>
    <row r="9741" spans="1:43">
      <c r="A9741" t="s">
        <v>6080</v>
      </c>
      <c r="B9741" t="s">
        <v>6081</v>
      </c>
      <c r="C9741" t="s">
        <v>6064</v>
      </c>
      <c r="D9741" t="s">
        <v>6065</v>
      </c>
      <c r="E9741" t="s">
        <v>5940</v>
      </c>
      <c r="F9741" t="s">
        <v>5941</v>
      </c>
      <c r="G9741" t="s">
        <v>80</v>
      </c>
      <c r="H9741" t="s">
        <v>81</v>
      </c>
      <c r="I9741" s="2">
        <v>0</v>
      </c>
      <c r="J9741" s="2">
        <v>0</v>
      </c>
      <c r="K9741" s="2">
        <v>1</v>
      </c>
      <c r="L9741" t="s">
        <v>995</v>
      </c>
      <c r="M9741" t="s">
        <v>83</v>
      </c>
      <c r="N9741" t="s">
        <v>91</v>
      </c>
      <c r="O9741" t="s">
        <v>85</v>
      </c>
      <c r="P9741" t="s">
        <v>86</v>
      </c>
      <c r="Q9741">
        <v>74</v>
      </c>
      <c r="R9741">
        <v>75</v>
      </c>
      <c r="S9741">
        <v>76</v>
      </c>
      <c r="T9741">
        <v>77</v>
      </c>
      <c r="U9741">
        <v>79</v>
      </c>
      <c r="V9741">
        <v>80</v>
      </c>
      <c r="W9741">
        <v>81</v>
      </c>
      <c r="X9741">
        <v>83</v>
      </c>
      <c r="Y9741">
        <v>84</v>
      </c>
      <c r="Z9741">
        <v>85</v>
      </c>
      <c r="AA9741">
        <v>86</v>
      </c>
      <c r="AB9741">
        <v>88</v>
      </c>
      <c r="AC9741">
        <v>89</v>
      </c>
      <c r="AD9741">
        <v>90</v>
      </c>
      <c r="AE9741">
        <v>92</v>
      </c>
      <c r="AF9741">
        <v>93</v>
      </c>
      <c r="AG9741">
        <v>94</v>
      </c>
      <c r="AH9741">
        <v>95</v>
      </c>
      <c r="AI9741">
        <v>97</v>
      </c>
      <c r="AJ9741">
        <v>98</v>
      </c>
      <c r="AK9741">
        <v>99</v>
      </c>
      <c r="AL9741">
        <v>100</v>
      </c>
      <c r="AM9741">
        <v>100</v>
      </c>
      <c r="AN9741">
        <v>101</v>
      </c>
      <c r="AO9741">
        <v>101</v>
      </c>
      <c r="AP9741">
        <v>101</v>
      </c>
      <c r="AQ9741">
        <v>102</v>
      </c>
    </row>
    <row r="9742" spans="1:43">
      <c r="A9742" t="s">
        <v>6082</v>
      </c>
      <c r="B9742" t="s">
        <v>6083</v>
      </c>
      <c r="C9742" t="s">
        <v>6064</v>
      </c>
      <c r="D9742" t="s">
        <v>6065</v>
      </c>
      <c r="E9742" t="s">
        <v>5940</v>
      </c>
      <c r="F9742" t="s">
        <v>5941</v>
      </c>
      <c r="G9742" t="s">
        <v>80</v>
      </c>
      <c r="H9742" t="s">
        <v>81</v>
      </c>
      <c r="I9742" s="2">
        <v>0</v>
      </c>
      <c r="J9742" s="2">
        <v>0</v>
      </c>
      <c r="K9742" s="2">
        <v>1</v>
      </c>
      <c r="L9742" t="s">
        <v>995</v>
      </c>
      <c r="M9742" t="s">
        <v>83</v>
      </c>
      <c r="N9742" t="s">
        <v>84</v>
      </c>
      <c r="O9742" t="s">
        <v>85</v>
      </c>
      <c r="P9742" t="s">
        <v>86</v>
      </c>
      <c r="Q9742">
        <v>44</v>
      </c>
      <c r="R9742">
        <v>45</v>
      </c>
      <c r="S9742">
        <v>46</v>
      </c>
      <c r="T9742">
        <v>47</v>
      </c>
      <c r="U9742">
        <v>47</v>
      </c>
      <c r="V9742">
        <v>48</v>
      </c>
      <c r="W9742">
        <v>49</v>
      </c>
      <c r="X9742">
        <v>50</v>
      </c>
      <c r="Y9742">
        <v>50</v>
      </c>
      <c r="Z9742">
        <v>51</v>
      </c>
      <c r="AA9742">
        <v>52</v>
      </c>
      <c r="AB9742">
        <v>53</v>
      </c>
      <c r="AC9742">
        <v>53</v>
      </c>
      <c r="AD9742">
        <v>54</v>
      </c>
      <c r="AE9742">
        <v>55</v>
      </c>
      <c r="AF9742">
        <v>56</v>
      </c>
      <c r="AG9742">
        <v>57</v>
      </c>
      <c r="AH9742">
        <v>57</v>
      </c>
      <c r="AI9742">
        <v>58</v>
      </c>
      <c r="AJ9742">
        <v>59</v>
      </c>
      <c r="AK9742">
        <v>60</v>
      </c>
      <c r="AL9742">
        <v>60</v>
      </c>
      <c r="AM9742">
        <v>60</v>
      </c>
      <c r="AN9742">
        <v>61</v>
      </c>
      <c r="AO9742">
        <v>61</v>
      </c>
      <c r="AP9742">
        <v>61</v>
      </c>
      <c r="AQ9742">
        <v>61</v>
      </c>
    </row>
    <row r="9743" spans="1:43">
      <c r="A9743" t="s">
        <v>6082</v>
      </c>
      <c r="B9743" t="s">
        <v>6083</v>
      </c>
      <c r="C9743" t="s">
        <v>6064</v>
      </c>
      <c r="D9743" t="s">
        <v>6065</v>
      </c>
      <c r="E9743" t="s">
        <v>5940</v>
      </c>
      <c r="F9743" t="s">
        <v>5941</v>
      </c>
      <c r="G9743" t="s">
        <v>80</v>
      </c>
      <c r="H9743" t="s">
        <v>81</v>
      </c>
      <c r="I9743" s="2">
        <v>0</v>
      </c>
      <c r="J9743" s="2">
        <v>0</v>
      </c>
      <c r="K9743" s="2">
        <v>1</v>
      </c>
      <c r="L9743" t="s">
        <v>995</v>
      </c>
      <c r="M9743" t="s">
        <v>87</v>
      </c>
      <c r="N9743" t="s">
        <v>88</v>
      </c>
      <c r="O9743" t="s">
        <v>85</v>
      </c>
      <c r="P9743" t="s">
        <v>86</v>
      </c>
      <c r="Q9743">
        <v>44</v>
      </c>
      <c r="R9743">
        <v>44</v>
      </c>
      <c r="S9743">
        <v>44</v>
      </c>
      <c r="T9743">
        <v>45</v>
      </c>
      <c r="U9743">
        <v>45</v>
      </c>
      <c r="V9743">
        <v>46</v>
      </c>
      <c r="W9743">
        <v>46</v>
      </c>
      <c r="X9743">
        <v>46</v>
      </c>
      <c r="Y9743">
        <v>47</v>
      </c>
      <c r="Z9743">
        <v>47</v>
      </c>
      <c r="AA9743">
        <v>47</v>
      </c>
      <c r="AB9743">
        <v>48</v>
      </c>
      <c r="AC9743">
        <v>48</v>
      </c>
      <c r="AD9743">
        <v>48</v>
      </c>
      <c r="AE9743">
        <v>49</v>
      </c>
      <c r="AF9743">
        <v>49</v>
      </c>
      <c r="AG9743">
        <v>49</v>
      </c>
      <c r="AH9743">
        <v>50</v>
      </c>
      <c r="AI9743">
        <v>50</v>
      </c>
      <c r="AJ9743">
        <v>50</v>
      </c>
      <c r="AK9743">
        <v>51</v>
      </c>
      <c r="AL9743">
        <v>51</v>
      </c>
      <c r="AM9743">
        <v>52</v>
      </c>
      <c r="AN9743">
        <v>52</v>
      </c>
      <c r="AO9743">
        <v>52</v>
      </c>
      <c r="AP9743">
        <v>53</v>
      </c>
      <c r="AQ9743">
        <v>53</v>
      </c>
    </row>
    <row r="9744" spans="1:43">
      <c r="A9744" t="s">
        <v>6082</v>
      </c>
      <c r="B9744" t="s">
        <v>6083</v>
      </c>
      <c r="C9744" t="s">
        <v>6064</v>
      </c>
      <c r="D9744" t="s">
        <v>6065</v>
      </c>
      <c r="E9744" t="s">
        <v>5940</v>
      </c>
      <c r="F9744" t="s">
        <v>5941</v>
      </c>
      <c r="G9744" t="s">
        <v>80</v>
      </c>
      <c r="H9744" t="s">
        <v>81</v>
      </c>
      <c r="I9744" s="2">
        <v>0</v>
      </c>
      <c r="J9744" s="2">
        <v>0</v>
      </c>
      <c r="K9744" s="2">
        <v>1</v>
      </c>
      <c r="L9744" t="s">
        <v>995</v>
      </c>
      <c r="M9744" t="s">
        <v>89</v>
      </c>
      <c r="N9744" t="s">
        <v>90</v>
      </c>
      <c r="O9744" t="s">
        <v>85</v>
      </c>
      <c r="P9744" t="s">
        <v>86</v>
      </c>
      <c r="Q9744">
        <v>44</v>
      </c>
      <c r="R9744">
        <v>45</v>
      </c>
      <c r="S9744">
        <v>46</v>
      </c>
      <c r="T9744">
        <v>47</v>
      </c>
      <c r="U9744">
        <v>48</v>
      </c>
      <c r="V9744">
        <v>49</v>
      </c>
      <c r="W9744">
        <v>50</v>
      </c>
      <c r="X9744">
        <v>51</v>
      </c>
      <c r="Y9744">
        <v>52</v>
      </c>
      <c r="Z9744">
        <v>53</v>
      </c>
      <c r="AA9744">
        <v>54</v>
      </c>
      <c r="AB9744">
        <v>55</v>
      </c>
      <c r="AC9744">
        <v>56</v>
      </c>
      <c r="AD9744">
        <v>57</v>
      </c>
      <c r="AE9744">
        <v>58</v>
      </c>
      <c r="AF9744">
        <v>58</v>
      </c>
      <c r="AG9744">
        <v>59</v>
      </c>
      <c r="AH9744">
        <v>59</v>
      </c>
      <c r="AI9744">
        <v>59</v>
      </c>
      <c r="AJ9744">
        <v>59</v>
      </c>
      <c r="AK9744">
        <v>59</v>
      </c>
      <c r="AL9744">
        <v>60</v>
      </c>
      <c r="AM9744">
        <v>60</v>
      </c>
      <c r="AN9744">
        <v>60</v>
      </c>
      <c r="AO9744">
        <v>60</v>
      </c>
      <c r="AP9744">
        <v>60</v>
      </c>
      <c r="AQ9744">
        <v>60</v>
      </c>
    </row>
    <row r="9745" spans="1:43">
      <c r="A9745" t="s">
        <v>6082</v>
      </c>
      <c r="B9745" t="s">
        <v>6083</v>
      </c>
      <c r="C9745" t="s">
        <v>6064</v>
      </c>
      <c r="D9745" t="s">
        <v>6065</v>
      </c>
      <c r="E9745" t="s">
        <v>5940</v>
      </c>
      <c r="F9745" t="s">
        <v>5941</v>
      </c>
      <c r="G9745" t="s">
        <v>80</v>
      </c>
      <c r="H9745" t="s">
        <v>81</v>
      </c>
      <c r="I9745" s="2">
        <v>0</v>
      </c>
      <c r="J9745" s="2">
        <v>0</v>
      </c>
      <c r="K9745" s="2">
        <v>1</v>
      </c>
      <c r="L9745" t="s">
        <v>995</v>
      </c>
      <c r="M9745" t="s">
        <v>83</v>
      </c>
      <c r="N9745" t="s">
        <v>91</v>
      </c>
      <c r="O9745" t="s">
        <v>85</v>
      </c>
      <c r="P9745" t="s">
        <v>86</v>
      </c>
      <c r="Q9745">
        <v>44</v>
      </c>
      <c r="R9745">
        <v>45</v>
      </c>
      <c r="S9745">
        <v>46</v>
      </c>
      <c r="T9745">
        <v>47</v>
      </c>
      <c r="U9745">
        <v>47</v>
      </c>
      <c r="V9745">
        <v>48</v>
      </c>
      <c r="W9745">
        <v>49</v>
      </c>
      <c r="X9745">
        <v>50</v>
      </c>
      <c r="Y9745">
        <v>50</v>
      </c>
      <c r="Z9745">
        <v>51</v>
      </c>
      <c r="AA9745">
        <v>52</v>
      </c>
      <c r="AB9745">
        <v>53</v>
      </c>
      <c r="AC9745">
        <v>53</v>
      </c>
      <c r="AD9745">
        <v>54</v>
      </c>
      <c r="AE9745">
        <v>55</v>
      </c>
      <c r="AF9745">
        <v>56</v>
      </c>
      <c r="AG9745">
        <v>57</v>
      </c>
      <c r="AH9745">
        <v>57</v>
      </c>
      <c r="AI9745">
        <v>58</v>
      </c>
      <c r="AJ9745">
        <v>59</v>
      </c>
      <c r="AK9745">
        <v>60</v>
      </c>
      <c r="AL9745">
        <v>60</v>
      </c>
      <c r="AM9745">
        <v>60</v>
      </c>
      <c r="AN9745">
        <v>61</v>
      </c>
      <c r="AO9745">
        <v>61</v>
      </c>
      <c r="AP9745">
        <v>61</v>
      </c>
      <c r="AQ9745">
        <v>61</v>
      </c>
    </row>
    <row r="9746" spans="1:43">
      <c r="A9746" t="s">
        <v>6084</v>
      </c>
      <c r="B9746" t="s">
        <v>6085</v>
      </c>
      <c r="C9746" t="s">
        <v>5988</v>
      </c>
      <c r="D9746" t="s">
        <v>5989</v>
      </c>
      <c r="E9746" t="s">
        <v>5940</v>
      </c>
      <c r="F9746" t="s">
        <v>5941</v>
      </c>
      <c r="G9746" t="s">
        <v>80</v>
      </c>
      <c r="H9746" t="s">
        <v>81</v>
      </c>
      <c r="I9746" s="2">
        <v>0</v>
      </c>
      <c r="J9746" s="2">
        <v>1</v>
      </c>
      <c r="K9746" s="2">
        <v>0</v>
      </c>
      <c r="L9746" t="s">
        <v>82</v>
      </c>
      <c r="M9746" t="s">
        <v>83</v>
      </c>
      <c r="N9746" t="s">
        <v>84</v>
      </c>
      <c r="O9746" t="s">
        <v>85</v>
      </c>
      <c r="P9746" t="s">
        <v>86</v>
      </c>
      <c r="Q9746">
        <v>18</v>
      </c>
      <c r="R9746">
        <v>18</v>
      </c>
      <c r="S9746">
        <v>18</v>
      </c>
      <c r="T9746">
        <v>19</v>
      </c>
      <c r="U9746">
        <v>19</v>
      </c>
      <c r="V9746">
        <v>19</v>
      </c>
      <c r="W9746">
        <v>20</v>
      </c>
      <c r="X9746">
        <v>20</v>
      </c>
      <c r="Y9746">
        <v>20</v>
      </c>
      <c r="Z9746">
        <v>20</v>
      </c>
      <c r="AA9746">
        <v>21</v>
      </c>
      <c r="AB9746">
        <v>21</v>
      </c>
      <c r="AC9746">
        <v>21</v>
      </c>
      <c r="AD9746">
        <v>22</v>
      </c>
      <c r="AE9746">
        <v>22</v>
      </c>
      <c r="AF9746">
        <v>22</v>
      </c>
      <c r="AG9746">
        <v>23</v>
      </c>
      <c r="AH9746">
        <v>23</v>
      </c>
      <c r="AI9746">
        <v>23</v>
      </c>
      <c r="AJ9746">
        <v>23</v>
      </c>
      <c r="AK9746">
        <v>24</v>
      </c>
      <c r="AL9746">
        <v>24</v>
      </c>
      <c r="AM9746">
        <v>24</v>
      </c>
      <c r="AN9746">
        <v>24</v>
      </c>
      <c r="AO9746">
        <v>24</v>
      </c>
      <c r="AP9746">
        <v>24</v>
      </c>
      <c r="AQ9746">
        <v>24</v>
      </c>
    </row>
    <row r="9747" spans="1:43">
      <c r="A9747" t="s">
        <v>6084</v>
      </c>
      <c r="B9747" t="s">
        <v>6085</v>
      </c>
      <c r="C9747" t="s">
        <v>5988</v>
      </c>
      <c r="D9747" t="s">
        <v>5989</v>
      </c>
      <c r="E9747" t="s">
        <v>5940</v>
      </c>
      <c r="F9747" t="s">
        <v>5941</v>
      </c>
      <c r="G9747" t="s">
        <v>80</v>
      </c>
      <c r="H9747" t="s">
        <v>81</v>
      </c>
      <c r="I9747" s="2">
        <v>0</v>
      </c>
      <c r="J9747" s="2">
        <v>1</v>
      </c>
      <c r="K9747" s="2">
        <v>0</v>
      </c>
      <c r="L9747" t="s">
        <v>82</v>
      </c>
      <c r="M9747" t="s">
        <v>87</v>
      </c>
      <c r="N9747" t="s">
        <v>88</v>
      </c>
      <c r="O9747" t="s">
        <v>85</v>
      </c>
      <c r="P9747" t="s">
        <v>86</v>
      </c>
      <c r="Q9747">
        <v>18</v>
      </c>
      <c r="R9747">
        <v>18</v>
      </c>
      <c r="S9747">
        <v>18</v>
      </c>
      <c r="T9747">
        <v>18</v>
      </c>
      <c r="U9747">
        <v>18</v>
      </c>
      <c r="V9747">
        <v>18</v>
      </c>
      <c r="W9747">
        <v>18</v>
      </c>
      <c r="X9747">
        <v>19</v>
      </c>
      <c r="Y9747">
        <v>19</v>
      </c>
      <c r="Z9747">
        <v>19</v>
      </c>
      <c r="AA9747">
        <v>19</v>
      </c>
      <c r="AB9747">
        <v>19</v>
      </c>
      <c r="AC9747">
        <v>19</v>
      </c>
      <c r="AD9747">
        <v>19</v>
      </c>
      <c r="AE9747">
        <v>19</v>
      </c>
      <c r="AF9747">
        <v>20</v>
      </c>
      <c r="AG9747">
        <v>20</v>
      </c>
      <c r="AH9747">
        <v>20</v>
      </c>
      <c r="AI9747">
        <v>20</v>
      </c>
      <c r="AJ9747">
        <v>20</v>
      </c>
      <c r="AK9747">
        <v>20</v>
      </c>
      <c r="AL9747">
        <v>20</v>
      </c>
      <c r="AM9747">
        <v>21</v>
      </c>
      <c r="AN9747">
        <v>21</v>
      </c>
      <c r="AO9747">
        <v>21</v>
      </c>
      <c r="AP9747">
        <v>21</v>
      </c>
      <c r="AQ9747">
        <v>21</v>
      </c>
    </row>
    <row r="9748" spans="1:43">
      <c r="A9748" t="s">
        <v>6084</v>
      </c>
      <c r="B9748" t="s">
        <v>6085</v>
      </c>
      <c r="C9748" t="s">
        <v>5988</v>
      </c>
      <c r="D9748" t="s">
        <v>5989</v>
      </c>
      <c r="E9748" t="s">
        <v>5940</v>
      </c>
      <c r="F9748" t="s">
        <v>5941</v>
      </c>
      <c r="G9748" t="s">
        <v>80</v>
      </c>
      <c r="H9748" t="s">
        <v>81</v>
      </c>
      <c r="I9748" s="2">
        <v>0</v>
      </c>
      <c r="J9748" s="2">
        <v>1</v>
      </c>
      <c r="K9748" s="2">
        <v>0</v>
      </c>
      <c r="L9748" t="s">
        <v>82</v>
      </c>
      <c r="M9748" t="s">
        <v>89</v>
      </c>
      <c r="N9748" t="s">
        <v>90</v>
      </c>
      <c r="O9748" t="s">
        <v>85</v>
      </c>
      <c r="P9748" t="s">
        <v>86</v>
      </c>
      <c r="Q9748">
        <v>18</v>
      </c>
      <c r="R9748">
        <v>18</v>
      </c>
      <c r="S9748">
        <v>19</v>
      </c>
      <c r="T9748">
        <v>19</v>
      </c>
      <c r="U9748">
        <v>20</v>
      </c>
      <c r="V9748">
        <v>20</v>
      </c>
      <c r="W9748">
        <v>21</v>
      </c>
      <c r="X9748">
        <v>21</v>
      </c>
      <c r="Y9748">
        <v>21</v>
      </c>
      <c r="Z9748">
        <v>22</v>
      </c>
      <c r="AA9748">
        <v>22</v>
      </c>
      <c r="AB9748">
        <v>22</v>
      </c>
      <c r="AC9748">
        <v>23</v>
      </c>
      <c r="AD9748">
        <v>23</v>
      </c>
      <c r="AE9748">
        <v>24</v>
      </c>
      <c r="AF9748">
        <v>24</v>
      </c>
      <c r="AG9748">
        <v>24</v>
      </c>
      <c r="AH9748">
        <v>24</v>
      </c>
      <c r="AI9748">
        <v>24</v>
      </c>
      <c r="AJ9748">
        <v>24</v>
      </c>
      <c r="AK9748">
        <v>24</v>
      </c>
      <c r="AL9748">
        <v>24</v>
      </c>
      <c r="AM9748">
        <v>24</v>
      </c>
      <c r="AN9748">
        <v>24</v>
      </c>
      <c r="AO9748">
        <v>24</v>
      </c>
      <c r="AP9748">
        <v>24</v>
      </c>
      <c r="AQ9748">
        <v>24</v>
      </c>
    </row>
    <row r="9749" spans="1:43">
      <c r="A9749" t="s">
        <v>6084</v>
      </c>
      <c r="B9749" t="s">
        <v>6085</v>
      </c>
      <c r="C9749" t="s">
        <v>5988</v>
      </c>
      <c r="D9749" t="s">
        <v>5989</v>
      </c>
      <c r="E9749" t="s">
        <v>5940</v>
      </c>
      <c r="F9749" t="s">
        <v>5941</v>
      </c>
      <c r="G9749" t="s">
        <v>80</v>
      </c>
      <c r="H9749" t="s">
        <v>81</v>
      </c>
      <c r="I9749" s="2">
        <v>0</v>
      </c>
      <c r="J9749" s="2">
        <v>1</v>
      </c>
      <c r="K9749" s="2">
        <v>0</v>
      </c>
      <c r="L9749" t="s">
        <v>82</v>
      </c>
      <c r="M9749" t="s">
        <v>83</v>
      </c>
      <c r="N9749" t="s">
        <v>91</v>
      </c>
      <c r="O9749" t="s">
        <v>85</v>
      </c>
      <c r="P9749" t="s">
        <v>86</v>
      </c>
      <c r="Q9749">
        <v>18</v>
      </c>
      <c r="R9749">
        <v>18</v>
      </c>
      <c r="S9749">
        <v>18</v>
      </c>
      <c r="T9749">
        <v>19</v>
      </c>
      <c r="U9749">
        <v>19</v>
      </c>
      <c r="V9749">
        <v>19</v>
      </c>
      <c r="W9749">
        <v>20</v>
      </c>
      <c r="X9749">
        <v>20</v>
      </c>
      <c r="Y9749">
        <v>20</v>
      </c>
      <c r="Z9749">
        <v>20</v>
      </c>
      <c r="AA9749">
        <v>21</v>
      </c>
      <c r="AB9749">
        <v>21</v>
      </c>
      <c r="AC9749">
        <v>21</v>
      </c>
      <c r="AD9749">
        <v>22</v>
      </c>
      <c r="AE9749">
        <v>22</v>
      </c>
      <c r="AF9749">
        <v>22</v>
      </c>
      <c r="AG9749">
        <v>23</v>
      </c>
      <c r="AH9749">
        <v>23</v>
      </c>
      <c r="AI9749">
        <v>23</v>
      </c>
      <c r="AJ9749">
        <v>23</v>
      </c>
      <c r="AK9749">
        <v>24</v>
      </c>
      <c r="AL9749">
        <v>24</v>
      </c>
      <c r="AM9749">
        <v>24</v>
      </c>
      <c r="AN9749">
        <v>24</v>
      </c>
      <c r="AO9749">
        <v>24</v>
      </c>
      <c r="AP9749">
        <v>24</v>
      </c>
      <c r="AQ9749">
        <v>24</v>
      </c>
    </row>
    <row r="9750" spans="1:43">
      <c r="A9750" t="s">
        <v>6086</v>
      </c>
      <c r="B9750" t="s">
        <v>6087</v>
      </c>
      <c r="C9750" t="s">
        <v>6064</v>
      </c>
      <c r="D9750" t="s">
        <v>6065</v>
      </c>
      <c r="E9750" t="s">
        <v>5940</v>
      </c>
      <c r="F9750" t="s">
        <v>5941</v>
      </c>
      <c r="G9750" t="s">
        <v>80</v>
      </c>
      <c r="H9750" t="s">
        <v>81</v>
      </c>
      <c r="I9750" s="2">
        <v>0</v>
      </c>
      <c r="J9750" s="2">
        <v>0</v>
      </c>
      <c r="K9750" s="2">
        <v>1</v>
      </c>
      <c r="L9750" t="s">
        <v>995</v>
      </c>
      <c r="M9750" t="s">
        <v>83</v>
      </c>
      <c r="N9750" t="s">
        <v>84</v>
      </c>
      <c r="O9750" t="s">
        <v>85</v>
      </c>
      <c r="P9750" t="s">
        <v>86</v>
      </c>
      <c r="Q9750">
        <v>52</v>
      </c>
      <c r="R9750">
        <v>53</v>
      </c>
      <c r="S9750">
        <v>54</v>
      </c>
      <c r="T9750">
        <v>54</v>
      </c>
      <c r="U9750">
        <v>55</v>
      </c>
      <c r="V9750">
        <v>56</v>
      </c>
      <c r="W9750">
        <v>57</v>
      </c>
      <c r="X9750">
        <v>58</v>
      </c>
      <c r="Y9750">
        <v>59</v>
      </c>
      <c r="Z9750">
        <v>60</v>
      </c>
      <c r="AA9750">
        <v>61</v>
      </c>
      <c r="AB9750">
        <v>62</v>
      </c>
      <c r="AC9750">
        <v>63</v>
      </c>
      <c r="AD9750">
        <v>63</v>
      </c>
      <c r="AE9750">
        <v>64</v>
      </c>
      <c r="AF9750">
        <v>65</v>
      </c>
      <c r="AG9750">
        <v>66</v>
      </c>
      <c r="AH9750">
        <v>67</v>
      </c>
      <c r="AI9750">
        <v>68</v>
      </c>
      <c r="AJ9750">
        <v>69</v>
      </c>
      <c r="AK9750">
        <v>70</v>
      </c>
      <c r="AL9750">
        <v>70</v>
      </c>
      <c r="AM9750">
        <v>70</v>
      </c>
      <c r="AN9750">
        <v>71</v>
      </c>
      <c r="AO9750">
        <v>71</v>
      </c>
      <c r="AP9750">
        <v>71</v>
      </c>
      <c r="AQ9750">
        <v>71</v>
      </c>
    </row>
    <row r="9751" spans="1:43">
      <c r="A9751" t="s">
        <v>6086</v>
      </c>
      <c r="B9751" t="s">
        <v>6087</v>
      </c>
      <c r="C9751" t="s">
        <v>6064</v>
      </c>
      <c r="D9751" t="s">
        <v>6065</v>
      </c>
      <c r="E9751" t="s">
        <v>5940</v>
      </c>
      <c r="F9751" t="s">
        <v>5941</v>
      </c>
      <c r="G9751" t="s">
        <v>80</v>
      </c>
      <c r="H9751" t="s">
        <v>81</v>
      </c>
      <c r="I9751" s="2">
        <v>0</v>
      </c>
      <c r="J9751" s="2">
        <v>0</v>
      </c>
      <c r="K9751" s="2">
        <v>1</v>
      </c>
      <c r="L9751" t="s">
        <v>995</v>
      </c>
      <c r="M9751" t="s">
        <v>87</v>
      </c>
      <c r="N9751" t="s">
        <v>88</v>
      </c>
      <c r="O9751" t="s">
        <v>85</v>
      </c>
      <c r="P9751" t="s">
        <v>86</v>
      </c>
      <c r="Q9751">
        <v>52</v>
      </c>
      <c r="R9751">
        <v>53</v>
      </c>
      <c r="S9751">
        <v>53</v>
      </c>
      <c r="T9751">
        <v>53</v>
      </c>
      <c r="U9751">
        <v>54</v>
      </c>
      <c r="V9751">
        <v>54</v>
      </c>
      <c r="W9751">
        <v>55</v>
      </c>
      <c r="X9751">
        <v>55</v>
      </c>
      <c r="Y9751">
        <v>55</v>
      </c>
      <c r="Z9751">
        <v>56</v>
      </c>
      <c r="AA9751">
        <v>56</v>
      </c>
      <c r="AB9751">
        <v>57</v>
      </c>
      <c r="AC9751">
        <v>57</v>
      </c>
      <c r="AD9751">
        <v>58</v>
      </c>
      <c r="AE9751">
        <v>58</v>
      </c>
      <c r="AF9751">
        <v>58</v>
      </c>
      <c r="AG9751">
        <v>59</v>
      </c>
      <c r="AH9751">
        <v>59</v>
      </c>
      <c r="AI9751">
        <v>60</v>
      </c>
      <c r="AJ9751">
        <v>60</v>
      </c>
      <c r="AK9751">
        <v>60</v>
      </c>
      <c r="AL9751">
        <v>61</v>
      </c>
      <c r="AM9751">
        <v>61</v>
      </c>
      <c r="AN9751">
        <v>62</v>
      </c>
      <c r="AO9751">
        <v>62</v>
      </c>
      <c r="AP9751">
        <v>62</v>
      </c>
      <c r="AQ9751">
        <v>63</v>
      </c>
    </row>
    <row r="9752" spans="1:43">
      <c r="A9752" t="s">
        <v>6086</v>
      </c>
      <c r="B9752" t="s">
        <v>6087</v>
      </c>
      <c r="C9752" t="s">
        <v>6064</v>
      </c>
      <c r="D9752" t="s">
        <v>6065</v>
      </c>
      <c r="E9752" t="s">
        <v>5940</v>
      </c>
      <c r="F9752" t="s">
        <v>5941</v>
      </c>
      <c r="G9752" t="s">
        <v>80</v>
      </c>
      <c r="H9752" t="s">
        <v>81</v>
      </c>
      <c r="I9752" s="2">
        <v>0</v>
      </c>
      <c r="J9752" s="2">
        <v>0</v>
      </c>
      <c r="K9752" s="2">
        <v>1</v>
      </c>
      <c r="L9752" t="s">
        <v>995</v>
      </c>
      <c r="M9752" t="s">
        <v>89</v>
      </c>
      <c r="N9752" t="s">
        <v>90</v>
      </c>
      <c r="O9752" t="s">
        <v>85</v>
      </c>
      <c r="P9752" t="s">
        <v>86</v>
      </c>
      <c r="Q9752">
        <v>52</v>
      </c>
      <c r="R9752">
        <v>54</v>
      </c>
      <c r="S9752">
        <v>55</v>
      </c>
      <c r="T9752">
        <v>56</v>
      </c>
      <c r="U9752">
        <v>58</v>
      </c>
      <c r="V9752">
        <v>59</v>
      </c>
      <c r="W9752">
        <v>60</v>
      </c>
      <c r="X9752">
        <v>61</v>
      </c>
      <c r="Y9752">
        <v>62</v>
      </c>
      <c r="Z9752">
        <v>64</v>
      </c>
      <c r="AA9752">
        <v>65</v>
      </c>
      <c r="AB9752">
        <v>66</v>
      </c>
      <c r="AC9752">
        <v>67</v>
      </c>
      <c r="AD9752">
        <v>68</v>
      </c>
      <c r="AE9752">
        <v>69</v>
      </c>
      <c r="AF9752">
        <v>69</v>
      </c>
      <c r="AG9752">
        <v>70</v>
      </c>
      <c r="AH9752">
        <v>70</v>
      </c>
      <c r="AI9752">
        <v>70</v>
      </c>
      <c r="AJ9752">
        <v>70</v>
      </c>
      <c r="AK9752">
        <v>70</v>
      </c>
      <c r="AL9752">
        <v>71</v>
      </c>
      <c r="AM9752">
        <v>71</v>
      </c>
      <c r="AN9752">
        <v>71</v>
      </c>
      <c r="AO9752">
        <v>71</v>
      </c>
      <c r="AP9752">
        <v>72</v>
      </c>
      <c r="AQ9752">
        <v>72</v>
      </c>
    </row>
    <row r="9753" spans="1:43">
      <c r="A9753" t="s">
        <v>6086</v>
      </c>
      <c r="B9753" t="s">
        <v>6087</v>
      </c>
      <c r="C9753" t="s">
        <v>6064</v>
      </c>
      <c r="D9753" t="s">
        <v>6065</v>
      </c>
      <c r="E9753" t="s">
        <v>5940</v>
      </c>
      <c r="F9753" t="s">
        <v>5941</v>
      </c>
      <c r="G9753" t="s">
        <v>80</v>
      </c>
      <c r="H9753" t="s">
        <v>81</v>
      </c>
      <c r="I9753" s="2">
        <v>0</v>
      </c>
      <c r="J9753" s="2">
        <v>0</v>
      </c>
      <c r="K9753" s="2">
        <v>1</v>
      </c>
      <c r="L9753" t="s">
        <v>995</v>
      </c>
      <c r="M9753" t="s">
        <v>83</v>
      </c>
      <c r="N9753" t="s">
        <v>91</v>
      </c>
      <c r="O9753" t="s">
        <v>85</v>
      </c>
      <c r="P9753" t="s">
        <v>86</v>
      </c>
      <c r="Q9753">
        <v>52</v>
      </c>
      <c r="R9753">
        <v>53</v>
      </c>
      <c r="S9753">
        <v>54</v>
      </c>
      <c r="T9753">
        <v>54</v>
      </c>
      <c r="U9753">
        <v>55</v>
      </c>
      <c r="V9753">
        <v>56</v>
      </c>
      <c r="W9753">
        <v>57</v>
      </c>
      <c r="X9753">
        <v>58</v>
      </c>
      <c r="Y9753">
        <v>59</v>
      </c>
      <c r="Z9753">
        <v>60</v>
      </c>
      <c r="AA9753">
        <v>61</v>
      </c>
      <c r="AB9753">
        <v>62</v>
      </c>
      <c r="AC9753">
        <v>63</v>
      </c>
      <c r="AD9753">
        <v>63</v>
      </c>
      <c r="AE9753">
        <v>64</v>
      </c>
      <c r="AF9753">
        <v>65</v>
      </c>
      <c r="AG9753">
        <v>66</v>
      </c>
      <c r="AH9753">
        <v>67</v>
      </c>
      <c r="AI9753">
        <v>68</v>
      </c>
      <c r="AJ9753">
        <v>69</v>
      </c>
      <c r="AK9753">
        <v>70</v>
      </c>
      <c r="AL9753">
        <v>70</v>
      </c>
      <c r="AM9753">
        <v>70</v>
      </c>
      <c r="AN9753">
        <v>71</v>
      </c>
      <c r="AO9753">
        <v>71</v>
      </c>
      <c r="AP9753">
        <v>71</v>
      </c>
      <c r="AQ9753">
        <v>71</v>
      </c>
    </row>
    <row r="9754" spans="1:43">
      <c r="A9754" t="s">
        <v>6088</v>
      </c>
      <c r="B9754" t="s">
        <v>6089</v>
      </c>
      <c r="C9754" t="s">
        <v>6090</v>
      </c>
      <c r="D9754" t="s">
        <v>6091</v>
      </c>
      <c r="E9754" t="s">
        <v>5940</v>
      </c>
      <c r="F9754" t="s">
        <v>5941</v>
      </c>
      <c r="G9754" t="s">
        <v>80</v>
      </c>
      <c r="H9754" t="s">
        <v>81</v>
      </c>
      <c r="I9754" s="2">
        <v>0</v>
      </c>
      <c r="J9754" s="2">
        <v>1</v>
      </c>
      <c r="K9754" s="2">
        <v>0</v>
      </c>
      <c r="L9754" t="s">
        <v>82</v>
      </c>
      <c r="M9754" t="s">
        <v>83</v>
      </c>
      <c r="N9754" t="s">
        <v>84</v>
      </c>
      <c r="O9754" t="s">
        <v>85</v>
      </c>
      <c r="P9754" t="s">
        <v>86</v>
      </c>
      <c r="Q9754">
        <v>24</v>
      </c>
      <c r="R9754">
        <v>24</v>
      </c>
      <c r="S9754">
        <v>25</v>
      </c>
      <c r="T9754">
        <v>25</v>
      </c>
      <c r="U9754">
        <v>25</v>
      </c>
      <c r="V9754">
        <v>26</v>
      </c>
      <c r="W9754">
        <v>26</v>
      </c>
      <c r="X9754">
        <v>27</v>
      </c>
      <c r="Y9754">
        <v>27</v>
      </c>
      <c r="Z9754">
        <v>27</v>
      </c>
      <c r="AA9754">
        <v>28</v>
      </c>
      <c r="AB9754">
        <v>28</v>
      </c>
      <c r="AC9754">
        <v>29</v>
      </c>
      <c r="AD9754">
        <v>29</v>
      </c>
      <c r="AE9754">
        <v>29</v>
      </c>
      <c r="AF9754">
        <v>30</v>
      </c>
      <c r="AG9754">
        <v>30</v>
      </c>
      <c r="AH9754">
        <v>31</v>
      </c>
      <c r="AI9754">
        <v>31</v>
      </c>
      <c r="AJ9754">
        <v>31</v>
      </c>
      <c r="AK9754">
        <v>32</v>
      </c>
      <c r="AL9754">
        <v>32</v>
      </c>
      <c r="AM9754">
        <v>32</v>
      </c>
      <c r="AN9754">
        <v>32</v>
      </c>
      <c r="AO9754">
        <v>32</v>
      </c>
      <c r="AP9754">
        <v>32</v>
      </c>
      <c r="AQ9754">
        <v>32</v>
      </c>
    </row>
    <row r="9755" spans="1:43">
      <c r="A9755" t="s">
        <v>6088</v>
      </c>
      <c r="B9755" t="s">
        <v>6089</v>
      </c>
      <c r="C9755" t="s">
        <v>6090</v>
      </c>
      <c r="D9755" t="s">
        <v>6091</v>
      </c>
      <c r="E9755" t="s">
        <v>5940</v>
      </c>
      <c r="F9755" t="s">
        <v>5941</v>
      </c>
      <c r="G9755" t="s">
        <v>80</v>
      </c>
      <c r="H9755" t="s">
        <v>81</v>
      </c>
      <c r="I9755" s="2">
        <v>0</v>
      </c>
      <c r="J9755" s="2">
        <v>1</v>
      </c>
      <c r="K9755" s="2">
        <v>0</v>
      </c>
      <c r="L9755" t="s">
        <v>82</v>
      </c>
      <c r="M9755" t="s">
        <v>87</v>
      </c>
      <c r="N9755" t="s">
        <v>88</v>
      </c>
      <c r="O9755" t="s">
        <v>85</v>
      </c>
      <c r="P9755" t="s">
        <v>86</v>
      </c>
      <c r="Q9755">
        <v>24</v>
      </c>
      <c r="R9755">
        <v>24</v>
      </c>
      <c r="S9755">
        <v>24</v>
      </c>
      <c r="T9755">
        <v>24</v>
      </c>
      <c r="U9755">
        <v>24</v>
      </c>
      <c r="V9755">
        <v>24</v>
      </c>
      <c r="W9755">
        <v>25</v>
      </c>
      <c r="X9755">
        <v>25</v>
      </c>
      <c r="Y9755">
        <v>25</v>
      </c>
      <c r="Z9755">
        <v>25</v>
      </c>
      <c r="AA9755">
        <v>25</v>
      </c>
      <c r="AB9755">
        <v>26</v>
      </c>
      <c r="AC9755">
        <v>26</v>
      </c>
      <c r="AD9755">
        <v>26</v>
      </c>
      <c r="AE9755">
        <v>26</v>
      </c>
      <c r="AF9755">
        <v>26</v>
      </c>
      <c r="AG9755">
        <v>26</v>
      </c>
      <c r="AH9755">
        <v>27</v>
      </c>
      <c r="AI9755">
        <v>27</v>
      </c>
      <c r="AJ9755">
        <v>27</v>
      </c>
      <c r="AK9755">
        <v>27</v>
      </c>
      <c r="AL9755">
        <v>27</v>
      </c>
      <c r="AM9755">
        <v>28</v>
      </c>
      <c r="AN9755">
        <v>28</v>
      </c>
      <c r="AO9755">
        <v>28</v>
      </c>
      <c r="AP9755">
        <v>28</v>
      </c>
      <c r="AQ9755">
        <v>28</v>
      </c>
    </row>
    <row r="9756" spans="1:43">
      <c r="A9756" t="s">
        <v>6088</v>
      </c>
      <c r="B9756" t="s">
        <v>6089</v>
      </c>
      <c r="C9756" t="s">
        <v>6090</v>
      </c>
      <c r="D9756" t="s">
        <v>6091</v>
      </c>
      <c r="E9756" t="s">
        <v>5940</v>
      </c>
      <c r="F9756" t="s">
        <v>5941</v>
      </c>
      <c r="G9756" t="s">
        <v>80</v>
      </c>
      <c r="H9756" t="s">
        <v>81</v>
      </c>
      <c r="I9756" s="2">
        <v>0</v>
      </c>
      <c r="J9756" s="2">
        <v>1</v>
      </c>
      <c r="K9756" s="2">
        <v>0</v>
      </c>
      <c r="L9756" t="s">
        <v>82</v>
      </c>
      <c r="M9756" t="s">
        <v>89</v>
      </c>
      <c r="N9756" t="s">
        <v>90</v>
      </c>
      <c r="O9756" t="s">
        <v>85</v>
      </c>
      <c r="P9756" t="s">
        <v>86</v>
      </c>
      <c r="Q9756">
        <v>24</v>
      </c>
      <c r="R9756">
        <v>25</v>
      </c>
      <c r="S9756">
        <v>25</v>
      </c>
      <c r="T9756">
        <v>26</v>
      </c>
      <c r="U9756">
        <v>26</v>
      </c>
      <c r="V9756">
        <v>27</v>
      </c>
      <c r="W9756">
        <v>28</v>
      </c>
      <c r="X9756">
        <v>28</v>
      </c>
      <c r="Y9756">
        <v>29</v>
      </c>
      <c r="Z9756">
        <v>29</v>
      </c>
      <c r="AA9756">
        <v>30</v>
      </c>
      <c r="AB9756">
        <v>30</v>
      </c>
      <c r="AC9756">
        <v>31</v>
      </c>
      <c r="AD9756">
        <v>31</v>
      </c>
      <c r="AE9756">
        <v>32</v>
      </c>
      <c r="AF9756">
        <v>32</v>
      </c>
      <c r="AG9756">
        <v>32</v>
      </c>
      <c r="AH9756">
        <v>32</v>
      </c>
      <c r="AI9756">
        <v>32</v>
      </c>
      <c r="AJ9756">
        <v>32</v>
      </c>
      <c r="AK9756">
        <v>32</v>
      </c>
      <c r="AL9756">
        <v>32</v>
      </c>
      <c r="AM9756">
        <v>32</v>
      </c>
      <c r="AN9756">
        <v>32</v>
      </c>
      <c r="AO9756">
        <v>32</v>
      </c>
      <c r="AP9756">
        <v>33</v>
      </c>
      <c r="AQ9756">
        <v>33</v>
      </c>
    </row>
    <row r="9757" spans="1:43">
      <c r="A9757" t="s">
        <v>6088</v>
      </c>
      <c r="B9757" t="s">
        <v>6089</v>
      </c>
      <c r="C9757" t="s">
        <v>6090</v>
      </c>
      <c r="D9757" t="s">
        <v>6091</v>
      </c>
      <c r="E9757" t="s">
        <v>5940</v>
      </c>
      <c r="F9757" t="s">
        <v>5941</v>
      </c>
      <c r="G9757" t="s">
        <v>80</v>
      </c>
      <c r="H9757" t="s">
        <v>81</v>
      </c>
      <c r="I9757" s="2">
        <v>0</v>
      </c>
      <c r="J9757" s="2">
        <v>1</v>
      </c>
      <c r="K9757" s="2">
        <v>0</v>
      </c>
      <c r="L9757" t="s">
        <v>82</v>
      </c>
      <c r="M9757" t="s">
        <v>83</v>
      </c>
      <c r="N9757" t="s">
        <v>91</v>
      </c>
      <c r="O9757" t="s">
        <v>85</v>
      </c>
      <c r="P9757" t="s">
        <v>86</v>
      </c>
      <c r="Q9757">
        <v>24</v>
      </c>
      <c r="R9757">
        <v>24</v>
      </c>
      <c r="S9757">
        <v>25</v>
      </c>
      <c r="T9757">
        <v>25</v>
      </c>
      <c r="U9757">
        <v>25</v>
      </c>
      <c r="V9757">
        <v>26</v>
      </c>
      <c r="W9757">
        <v>26</v>
      </c>
      <c r="X9757">
        <v>27</v>
      </c>
      <c r="Y9757">
        <v>27</v>
      </c>
      <c r="Z9757">
        <v>27</v>
      </c>
      <c r="AA9757">
        <v>28</v>
      </c>
      <c r="AB9757">
        <v>28</v>
      </c>
      <c r="AC9757">
        <v>29</v>
      </c>
      <c r="AD9757">
        <v>29</v>
      </c>
      <c r="AE9757">
        <v>29</v>
      </c>
      <c r="AF9757">
        <v>30</v>
      </c>
      <c r="AG9757">
        <v>30</v>
      </c>
      <c r="AH9757">
        <v>31</v>
      </c>
      <c r="AI9757">
        <v>31</v>
      </c>
      <c r="AJ9757">
        <v>31</v>
      </c>
      <c r="AK9757">
        <v>32</v>
      </c>
      <c r="AL9757">
        <v>32</v>
      </c>
      <c r="AM9757">
        <v>32</v>
      </c>
      <c r="AN9757">
        <v>32</v>
      </c>
      <c r="AO9757">
        <v>32</v>
      </c>
      <c r="AP9757">
        <v>32</v>
      </c>
      <c r="AQ9757">
        <v>32</v>
      </c>
    </row>
    <row r="9758" spans="1:43">
      <c r="A9758" t="s">
        <v>6092</v>
      </c>
      <c r="B9758" t="s">
        <v>6093</v>
      </c>
      <c r="C9758" t="s">
        <v>6094</v>
      </c>
      <c r="D9758" t="s">
        <v>6095</v>
      </c>
      <c r="E9758" t="s">
        <v>5940</v>
      </c>
      <c r="F9758" t="s">
        <v>5941</v>
      </c>
      <c r="G9758" t="s">
        <v>80</v>
      </c>
      <c r="H9758" t="s">
        <v>81</v>
      </c>
      <c r="I9758" s="2">
        <v>0</v>
      </c>
      <c r="J9758" s="2">
        <v>1</v>
      </c>
      <c r="K9758" s="2">
        <v>0</v>
      </c>
      <c r="L9758" t="s">
        <v>82</v>
      </c>
      <c r="M9758" t="s">
        <v>83</v>
      </c>
      <c r="N9758" t="s">
        <v>84</v>
      </c>
      <c r="O9758" t="s">
        <v>85</v>
      </c>
      <c r="P9758" t="s">
        <v>86</v>
      </c>
      <c r="Q9758">
        <v>8</v>
      </c>
      <c r="R9758">
        <v>9</v>
      </c>
      <c r="S9758">
        <v>9</v>
      </c>
      <c r="T9758">
        <v>9</v>
      </c>
      <c r="U9758">
        <v>9</v>
      </c>
      <c r="V9758">
        <v>9</v>
      </c>
      <c r="W9758">
        <v>9</v>
      </c>
      <c r="X9758">
        <v>9</v>
      </c>
      <c r="Y9758">
        <v>10</v>
      </c>
      <c r="Z9758">
        <v>10</v>
      </c>
      <c r="AA9758">
        <v>10</v>
      </c>
      <c r="AB9758">
        <v>10</v>
      </c>
      <c r="AC9758">
        <v>10</v>
      </c>
      <c r="AD9758">
        <v>10</v>
      </c>
      <c r="AE9758">
        <v>10</v>
      </c>
      <c r="AF9758">
        <v>11</v>
      </c>
      <c r="AG9758">
        <v>11</v>
      </c>
      <c r="AH9758">
        <v>11</v>
      </c>
      <c r="AI9758">
        <v>11</v>
      </c>
      <c r="AJ9758">
        <v>11</v>
      </c>
      <c r="AK9758">
        <v>11</v>
      </c>
      <c r="AL9758">
        <v>11</v>
      </c>
      <c r="AM9758">
        <v>11</v>
      </c>
      <c r="AN9758">
        <v>11</v>
      </c>
      <c r="AO9758">
        <v>11</v>
      </c>
      <c r="AP9758">
        <v>12</v>
      </c>
      <c r="AQ9758">
        <v>12</v>
      </c>
    </row>
    <row r="9759" spans="1:43">
      <c r="A9759" t="s">
        <v>6092</v>
      </c>
      <c r="B9759" t="s">
        <v>6093</v>
      </c>
      <c r="C9759" t="s">
        <v>6094</v>
      </c>
      <c r="D9759" t="s">
        <v>6095</v>
      </c>
      <c r="E9759" t="s">
        <v>5940</v>
      </c>
      <c r="F9759" t="s">
        <v>5941</v>
      </c>
      <c r="G9759" t="s">
        <v>80</v>
      </c>
      <c r="H9759" t="s">
        <v>81</v>
      </c>
      <c r="I9759" s="2">
        <v>0</v>
      </c>
      <c r="J9759" s="2">
        <v>1</v>
      </c>
      <c r="K9759" s="2">
        <v>0</v>
      </c>
      <c r="L9759" t="s">
        <v>82</v>
      </c>
      <c r="M9759" t="s">
        <v>87</v>
      </c>
      <c r="N9759" t="s">
        <v>88</v>
      </c>
      <c r="O9759" t="s">
        <v>85</v>
      </c>
      <c r="P9759" t="s">
        <v>86</v>
      </c>
      <c r="Q9759">
        <v>8</v>
      </c>
      <c r="R9759">
        <v>8</v>
      </c>
      <c r="S9759">
        <v>8</v>
      </c>
      <c r="T9759">
        <v>9</v>
      </c>
      <c r="U9759">
        <v>9</v>
      </c>
      <c r="V9759">
        <v>9</v>
      </c>
      <c r="W9759">
        <v>9</v>
      </c>
      <c r="X9759">
        <v>9</v>
      </c>
      <c r="Y9759">
        <v>9</v>
      </c>
      <c r="Z9759">
        <v>9</v>
      </c>
      <c r="AA9759">
        <v>9</v>
      </c>
      <c r="AB9759">
        <v>9</v>
      </c>
      <c r="AC9759">
        <v>9</v>
      </c>
      <c r="AD9759">
        <v>9</v>
      </c>
      <c r="AE9759">
        <v>9</v>
      </c>
      <c r="AF9759">
        <v>9</v>
      </c>
      <c r="AG9759">
        <v>9</v>
      </c>
      <c r="AH9759">
        <v>9</v>
      </c>
      <c r="AI9759">
        <v>10</v>
      </c>
      <c r="AJ9759">
        <v>10</v>
      </c>
      <c r="AK9759">
        <v>10</v>
      </c>
      <c r="AL9759">
        <v>10</v>
      </c>
      <c r="AM9759">
        <v>10</v>
      </c>
      <c r="AN9759">
        <v>10</v>
      </c>
      <c r="AO9759">
        <v>10</v>
      </c>
      <c r="AP9759">
        <v>10</v>
      </c>
      <c r="AQ9759">
        <v>10</v>
      </c>
    </row>
    <row r="9760" spans="1:43">
      <c r="A9760" t="s">
        <v>6092</v>
      </c>
      <c r="B9760" t="s">
        <v>6093</v>
      </c>
      <c r="C9760" t="s">
        <v>6094</v>
      </c>
      <c r="D9760" t="s">
        <v>6095</v>
      </c>
      <c r="E9760" t="s">
        <v>5940</v>
      </c>
      <c r="F9760" t="s">
        <v>5941</v>
      </c>
      <c r="G9760" t="s">
        <v>80</v>
      </c>
      <c r="H9760" t="s">
        <v>81</v>
      </c>
      <c r="I9760" s="2">
        <v>0</v>
      </c>
      <c r="J9760" s="2">
        <v>1</v>
      </c>
      <c r="K9760" s="2">
        <v>0</v>
      </c>
      <c r="L9760" t="s">
        <v>82</v>
      </c>
      <c r="M9760" t="s">
        <v>89</v>
      </c>
      <c r="N9760" t="s">
        <v>90</v>
      </c>
      <c r="O9760" t="s">
        <v>85</v>
      </c>
      <c r="P9760" t="s">
        <v>86</v>
      </c>
      <c r="Q9760">
        <v>8</v>
      </c>
      <c r="R9760">
        <v>9</v>
      </c>
      <c r="S9760">
        <v>9</v>
      </c>
      <c r="T9760">
        <v>9</v>
      </c>
      <c r="U9760">
        <v>9</v>
      </c>
      <c r="V9760">
        <v>10</v>
      </c>
      <c r="W9760">
        <v>10</v>
      </c>
      <c r="X9760">
        <v>10</v>
      </c>
      <c r="Y9760">
        <v>10</v>
      </c>
      <c r="Z9760">
        <v>10</v>
      </c>
      <c r="AA9760">
        <v>11</v>
      </c>
      <c r="AB9760">
        <v>11</v>
      </c>
      <c r="AC9760">
        <v>11</v>
      </c>
      <c r="AD9760">
        <v>11</v>
      </c>
      <c r="AE9760">
        <v>11</v>
      </c>
      <c r="AF9760">
        <v>11</v>
      </c>
      <c r="AG9760">
        <v>11</v>
      </c>
      <c r="AH9760">
        <v>11</v>
      </c>
      <c r="AI9760">
        <v>11</v>
      </c>
      <c r="AJ9760">
        <v>11</v>
      </c>
      <c r="AK9760">
        <v>11</v>
      </c>
      <c r="AL9760">
        <v>11</v>
      </c>
      <c r="AM9760">
        <v>11</v>
      </c>
      <c r="AN9760">
        <v>12</v>
      </c>
      <c r="AO9760">
        <v>12</v>
      </c>
      <c r="AP9760">
        <v>12</v>
      </c>
      <c r="AQ9760">
        <v>12</v>
      </c>
    </row>
    <row r="9761" spans="1:43">
      <c r="A9761" t="s">
        <v>6092</v>
      </c>
      <c r="B9761" t="s">
        <v>6093</v>
      </c>
      <c r="C9761" t="s">
        <v>6094</v>
      </c>
      <c r="D9761" t="s">
        <v>6095</v>
      </c>
      <c r="E9761" t="s">
        <v>5940</v>
      </c>
      <c r="F9761" t="s">
        <v>5941</v>
      </c>
      <c r="G9761" t="s">
        <v>80</v>
      </c>
      <c r="H9761" t="s">
        <v>81</v>
      </c>
      <c r="I9761" s="2">
        <v>0</v>
      </c>
      <c r="J9761" s="2">
        <v>1</v>
      </c>
      <c r="K9761" s="2">
        <v>0</v>
      </c>
      <c r="L9761" t="s">
        <v>82</v>
      </c>
      <c r="M9761" t="s">
        <v>83</v>
      </c>
      <c r="N9761" t="s">
        <v>91</v>
      </c>
      <c r="O9761" t="s">
        <v>85</v>
      </c>
      <c r="P9761" t="s">
        <v>86</v>
      </c>
      <c r="Q9761">
        <v>8</v>
      </c>
      <c r="R9761">
        <v>9</v>
      </c>
      <c r="S9761">
        <v>9</v>
      </c>
      <c r="T9761">
        <v>9</v>
      </c>
      <c r="U9761">
        <v>9</v>
      </c>
      <c r="V9761">
        <v>9</v>
      </c>
      <c r="W9761">
        <v>9</v>
      </c>
      <c r="X9761">
        <v>9</v>
      </c>
      <c r="Y9761">
        <v>10</v>
      </c>
      <c r="Z9761">
        <v>10</v>
      </c>
      <c r="AA9761">
        <v>10</v>
      </c>
      <c r="AB9761">
        <v>10</v>
      </c>
      <c r="AC9761">
        <v>10</v>
      </c>
      <c r="AD9761">
        <v>10</v>
      </c>
      <c r="AE9761">
        <v>10</v>
      </c>
      <c r="AF9761">
        <v>11</v>
      </c>
      <c r="AG9761">
        <v>11</v>
      </c>
      <c r="AH9761">
        <v>11</v>
      </c>
      <c r="AI9761">
        <v>11</v>
      </c>
      <c r="AJ9761">
        <v>11</v>
      </c>
      <c r="AK9761">
        <v>11</v>
      </c>
      <c r="AL9761">
        <v>11</v>
      </c>
      <c r="AM9761">
        <v>11</v>
      </c>
      <c r="AN9761">
        <v>11</v>
      </c>
      <c r="AO9761">
        <v>11</v>
      </c>
      <c r="AP9761">
        <v>12</v>
      </c>
      <c r="AQ9761">
        <v>12</v>
      </c>
    </row>
    <row r="9762" spans="1:43">
      <c r="A9762" t="s">
        <v>6096</v>
      </c>
      <c r="B9762" t="s">
        <v>6097</v>
      </c>
      <c r="C9762" t="s">
        <v>6090</v>
      </c>
      <c r="D9762" t="s">
        <v>6091</v>
      </c>
      <c r="E9762" t="s">
        <v>5940</v>
      </c>
      <c r="F9762" t="s">
        <v>5941</v>
      </c>
      <c r="G9762" t="s">
        <v>80</v>
      </c>
      <c r="H9762" t="s">
        <v>81</v>
      </c>
      <c r="I9762" s="2">
        <v>0</v>
      </c>
      <c r="J9762" s="2">
        <v>1</v>
      </c>
      <c r="K9762" s="2">
        <v>0</v>
      </c>
      <c r="L9762" t="s">
        <v>82</v>
      </c>
      <c r="M9762" t="s">
        <v>83</v>
      </c>
      <c r="N9762" t="s">
        <v>84</v>
      </c>
      <c r="O9762" t="s">
        <v>85</v>
      </c>
      <c r="P9762" t="s">
        <v>86</v>
      </c>
      <c r="Q9762">
        <v>20</v>
      </c>
      <c r="R9762">
        <v>21</v>
      </c>
      <c r="S9762">
        <v>21</v>
      </c>
      <c r="T9762">
        <v>22</v>
      </c>
      <c r="U9762">
        <v>22</v>
      </c>
      <c r="V9762">
        <v>22</v>
      </c>
      <c r="W9762">
        <v>23</v>
      </c>
      <c r="X9762">
        <v>23</v>
      </c>
      <c r="Y9762">
        <v>23</v>
      </c>
      <c r="Z9762">
        <v>24</v>
      </c>
      <c r="AA9762">
        <v>24</v>
      </c>
      <c r="AB9762">
        <v>24</v>
      </c>
      <c r="AC9762">
        <v>25</v>
      </c>
      <c r="AD9762">
        <v>25</v>
      </c>
      <c r="AE9762">
        <v>25</v>
      </c>
      <c r="AF9762">
        <v>26</v>
      </c>
      <c r="AG9762">
        <v>26</v>
      </c>
      <c r="AH9762">
        <v>26</v>
      </c>
      <c r="AI9762">
        <v>27</v>
      </c>
      <c r="AJ9762">
        <v>27</v>
      </c>
      <c r="AK9762">
        <v>27</v>
      </c>
      <c r="AL9762">
        <v>28</v>
      </c>
      <c r="AM9762">
        <v>28</v>
      </c>
      <c r="AN9762">
        <v>28</v>
      </c>
      <c r="AO9762">
        <v>28</v>
      </c>
      <c r="AP9762">
        <v>28</v>
      </c>
      <c r="AQ9762">
        <v>28</v>
      </c>
    </row>
    <row r="9763" spans="1:43">
      <c r="A9763" t="s">
        <v>6096</v>
      </c>
      <c r="B9763" t="s">
        <v>6097</v>
      </c>
      <c r="C9763" t="s">
        <v>6090</v>
      </c>
      <c r="D9763" t="s">
        <v>6091</v>
      </c>
      <c r="E9763" t="s">
        <v>5940</v>
      </c>
      <c r="F9763" t="s">
        <v>5941</v>
      </c>
      <c r="G9763" t="s">
        <v>80</v>
      </c>
      <c r="H9763" t="s">
        <v>81</v>
      </c>
      <c r="I9763" s="2">
        <v>0</v>
      </c>
      <c r="J9763" s="2">
        <v>1</v>
      </c>
      <c r="K9763" s="2">
        <v>0</v>
      </c>
      <c r="L9763" t="s">
        <v>82</v>
      </c>
      <c r="M9763" t="s">
        <v>87</v>
      </c>
      <c r="N9763" t="s">
        <v>88</v>
      </c>
      <c r="O9763" t="s">
        <v>85</v>
      </c>
      <c r="P9763" t="s">
        <v>86</v>
      </c>
      <c r="Q9763">
        <v>20</v>
      </c>
      <c r="R9763">
        <v>20</v>
      </c>
      <c r="S9763">
        <v>21</v>
      </c>
      <c r="T9763">
        <v>21</v>
      </c>
      <c r="U9763">
        <v>21</v>
      </c>
      <c r="V9763">
        <v>21</v>
      </c>
      <c r="W9763">
        <v>21</v>
      </c>
      <c r="X9763">
        <v>21</v>
      </c>
      <c r="Y9763">
        <v>22</v>
      </c>
      <c r="Z9763">
        <v>22</v>
      </c>
      <c r="AA9763">
        <v>22</v>
      </c>
      <c r="AB9763">
        <v>22</v>
      </c>
      <c r="AC9763">
        <v>22</v>
      </c>
      <c r="AD9763">
        <v>22</v>
      </c>
      <c r="AE9763">
        <v>22</v>
      </c>
      <c r="AF9763">
        <v>23</v>
      </c>
      <c r="AG9763">
        <v>23</v>
      </c>
      <c r="AH9763">
        <v>23</v>
      </c>
      <c r="AI9763">
        <v>23</v>
      </c>
      <c r="AJ9763">
        <v>23</v>
      </c>
      <c r="AK9763">
        <v>23</v>
      </c>
      <c r="AL9763">
        <v>24</v>
      </c>
      <c r="AM9763">
        <v>24</v>
      </c>
      <c r="AN9763">
        <v>24</v>
      </c>
      <c r="AO9763">
        <v>24</v>
      </c>
      <c r="AP9763">
        <v>24</v>
      </c>
      <c r="AQ9763">
        <v>24</v>
      </c>
    </row>
    <row r="9764" spans="1:43">
      <c r="A9764" t="s">
        <v>6096</v>
      </c>
      <c r="B9764" t="s">
        <v>6097</v>
      </c>
      <c r="C9764" t="s">
        <v>6090</v>
      </c>
      <c r="D9764" t="s">
        <v>6091</v>
      </c>
      <c r="E9764" t="s">
        <v>5940</v>
      </c>
      <c r="F9764" t="s">
        <v>5941</v>
      </c>
      <c r="G9764" t="s">
        <v>80</v>
      </c>
      <c r="H9764" t="s">
        <v>81</v>
      </c>
      <c r="I9764" s="2">
        <v>0</v>
      </c>
      <c r="J9764" s="2">
        <v>1</v>
      </c>
      <c r="K9764" s="2">
        <v>0</v>
      </c>
      <c r="L9764" t="s">
        <v>82</v>
      </c>
      <c r="M9764" t="s">
        <v>89</v>
      </c>
      <c r="N9764" t="s">
        <v>90</v>
      </c>
      <c r="O9764" t="s">
        <v>85</v>
      </c>
      <c r="P9764" t="s">
        <v>86</v>
      </c>
      <c r="Q9764">
        <v>20</v>
      </c>
      <c r="R9764">
        <v>20</v>
      </c>
      <c r="S9764">
        <v>21</v>
      </c>
      <c r="T9764">
        <v>21</v>
      </c>
      <c r="U9764">
        <v>22</v>
      </c>
      <c r="V9764">
        <v>22</v>
      </c>
      <c r="W9764">
        <v>23</v>
      </c>
      <c r="X9764">
        <v>23</v>
      </c>
      <c r="Y9764">
        <v>24</v>
      </c>
      <c r="Z9764">
        <v>24</v>
      </c>
      <c r="AA9764">
        <v>25</v>
      </c>
      <c r="AB9764">
        <v>25</v>
      </c>
      <c r="AC9764">
        <v>25</v>
      </c>
      <c r="AD9764">
        <v>26</v>
      </c>
      <c r="AE9764">
        <v>26</v>
      </c>
      <c r="AF9764">
        <v>26</v>
      </c>
      <c r="AG9764">
        <v>26</v>
      </c>
      <c r="AH9764">
        <v>26</v>
      </c>
      <c r="AI9764">
        <v>27</v>
      </c>
      <c r="AJ9764">
        <v>27</v>
      </c>
      <c r="AK9764">
        <v>27</v>
      </c>
      <c r="AL9764">
        <v>27</v>
      </c>
      <c r="AM9764">
        <v>27</v>
      </c>
      <c r="AN9764">
        <v>27</v>
      </c>
      <c r="AO9764">
        <v>27</v>
      </c>
      <c r="AP9764">
        <v>27</v>
      </c>
      <c r="AQ9764">
        <v>27</v>
      </c>
    </row>
    <row r="9765" spans="1:43">
      <c r="A9765" t="s">
        <v>6096</v>
      </c>
      <c r="B9765" t="s">
        <v>6097</v>
      </c>
      <c r="C9765" t="s">
        <v>6090</v>
      </c>
      <c r="D9765" t="s">
        <v>6091</v>
      </c>
      <c r="E9765" t="s">
        <v>5940</v>
      </c>
      <c r="F9765" t="s">
        <v>5941</v>
      </c>
      <c r="G9765" t="s">
        <v>80</v>
      </c>
      <c r="H9765" t="s">
        <v>81</v>
      </c>
      <c r="I9765" s="2">
        <v>0</v>
      </c>
      <c r="J9765" s="2">
        <v>1</v>
      </c>
      <c r="K9765" s="2">
        <v>0</v>
      </c>
      <c r="L9765" t="s">
        <v>82</v>
      </c>
      <c r="M9765" t="s">
        <v>83</v>
      </c>
      <c r="N9765" t="s">
        <v>91</v>
      </c>
      <c r="O9765" t="s">
        <v>85</v>
      </c>
      <c r="P9765" t="s">
        <v>86</v>
      </c>
      <c r="Q9765">
        <v>20</v>
      </c>
      <c r="R9765">
        <v>21</v>
      </c>
      <c r="S9765">
        <v>21</v>
      </c>
      <c r="T9765">
        <v>22</v>
      </c>
      <c r="U9765">
        <v>22</v>
      </c>
      <c r="V9765">
        <v>22</v>
      </c>
      <c r="W9765">
        <v>23</v>
      </c>
      <c r="X9765">
        <v>23</v>
      </c>
      <c r="Y9765">
        <v>23</v>
      </c>
      <c r="Z9765">
        <v>24</v>
      </c>
      <c r="AA9765">
        <v>24</v>
      </c>
      <c r="AB9765">
        <v>24</v>
      </c>
      <c r="AC9765">
        <v>25</v>
      </c>
      <c r="AD9765">
        <v>25</v>
      </c>
      <c r="AE9765">
        <v>25</v>
      </c>
      <c r="AF9765">
        <v>26</v>
      </c>
      <c r="AG9765">
        <v>26</v>
      </c>
      <c r="AH9765">
        <v>26</v>
      </c>
      <c r="AI9765">
        <v>27</v>
      </c>
      <c r="AJ9765">
        <v>27</v>
      </c>
      <c r="AK9765">
        <v>27</v>
      </c>
      <c r="AL9765">
        <v>28</v>
      </c>
      <c r="AM9765">
        <v>28</v>
      </c>
      <c r="AN9765">
        <v>28</v>
      </c>
      <c r="AO9765">
        <v>28</v>
      </c>
      <c r="AP9765">
        <v>28</v>
      </c>
      <c r="AQ9765">
        <v>28</v>
      </c>
    </row>
    <row r="9766" spans="1:43">
      <c r="A9766" t="s">
        <v>6098</v>
      </c>
      <c r="B9766" t="s">
        <v>6099</v>
      </c>
      <c r="C9766" t="s">
        <v>6094</v>
      </c>
      <c r="D9766" t="s">
        <v>6095</v>
      </c>
      <c r="E9766" t="s">
        <v>5940</v>
      </c>
      <c r="F9766" t="s">
        <v>5941</v>
      </c>
      <c r="G9766" t="s">
        <v>80</v>
      </c>
      <c r="H9766" t="s">
        <v>81</v>
      </c>
      <c r="I9766" s="2">
        <v>0</v>
      </c>
      <c r="J9766" s="2">
        <v>1</v>
      </c>
      <c r="K9766" s="2">
        <v>0</v>
      </c>
      <c r="L9766" t="s">
        <v>82</v>
      </c>
      <c r="M9766" t="s">
        <v>83</v>
      </c>
      <c r="N9766" t="s">
        <v>84</v>
      </c>
      <c r="O9766" t="s">
        <v>85</v>
      </c>
      <c r="P9766" t="s">
        <v>86</v>
      </c>
      <c r="Q9766">
        <v>41</v>
      </c>
      <c r="R9766">
        <v>41</v>
      </c>
      <c r="S9766">
        <v>42</v>
      </c>
      <c r="T9766">
        <v>43</v>
      </c>
      <c r="U9766">
        <v>43</v>
      </c>
      <c r="V9766">
        <v>44</v>
      </c>
      <c r="W9766">
        <v>45</v>
      </c>
      <c r="X9766">
        <v>45</v>
      </c>
      <c r="Y9766">
        <v>46</v>
      </c>
      <c r="Z9766">
        <v>47</v>
      </c>
      <c r="AA9766">
        <v>47</v>
      </c>
      <c r="AB9766">
        <v>48</v>
      </c>
      <c r="AC9766">
        <v>49</v>
      </c>
      <c r="AD9766">
        <v>49</v>
      </c>
      <c r="AE9766">
        <v>50</v>
      </c>
      <c r="AF9766">
        <v>51</v>
      </c>
      <c r="AG9766">
        <v>52</v>
      </c>
      <c r="AH9766">
        <v>52</v>
      </c>
      <c r="AI9766">
        <v>53</v>
      </c>
      <c r="AJ9766">
        <v>54</v>
      </c>
      <c r="AK9766">
        <v>54</v>
      </c>
      <c r="AL9766">
        <v>55</v>
      </c>
      <c r="AM9766">
        <v>55</v>
      </c>
      <c r="AN9766">
        <v>55</v>
      </c>
      <c r="AO9766">
        <v>55</v>
      </c>
      <c r="AP9766">
        <v>55</v>
      </c>
      <c r="AQ9766">
        <v>55</v>
      </c>
    </row>
    <row r="9767" spans="1:43">
      <c r="A9767" t="s">
        <v>6098</v>
      </c>
      <c r="B9767" t="s">
        <v>6099</v>
      </c>
      <c r="C9767" t="s">
        <v>6094</v>
      </c>
      <c r="D9767" t="s">
        <v>6095</v>
      </c>
      <c r="E9767" t="s">
        <v>5940</v>
      </c>
      <c r="F9767" t="s">
        <v>5941</v>
      </c>
      <c r="G9767" t="s">
        <v>80</v>
      </c>
      <c r="H9767" t="s">
        <v>81</v>
      </c>
      <c r="I9767" s="2">
        <v>0</v>
      </c>
      <c r="J9767" s="2">
        <v>1</v>
      </c>
      <c r="K9767" s="2">
        <v>0</v>
      </c>
      <c r="L9767" t="s">
        <v>82</v>
      </c>
      <c r="M9767" t="s">
        <v>87</v>
      </c>
      <c r="N9767" t="s">
        <v>88</v>
      </c>
      <c r="O9767" t="s">
        <v>85</v>
      </c>
      <c r="P9767" t="s">
        <v>86</v>
      </c>
      <c r="Q9767">
        <v>41</v>
      </c>
      <c r="R9767">
        <v>41</v>
      </c>
      <c r="S9767">
        <v>42</v>
      </c>
      <c r="T9767">
        <v>42</v>
      </c>
      <c r="U9767">
        <v>42</v>
      </c>
      <c r="V9767">
        <v>43</v>
      </c>
      <c r="W9767">
        <v>43</v>
      </c>
      <c r="X9767">
        <v>43</v>
      </c>
      <c r="Y9767">
        <v>44</v>
      </c>
      <c r="Z9767">
        <v>44</v>
      </c>
      <c r="AA9767">
        <v>44</v>
      </c>
      <c r="AB9767">
        <v>44</v>
      </c>
      <c r="AC9767">
        <v>45</v>
      </c>
      <c r="AD9767">
        <v>45</v>
      </c>
      <c r="AE9767">
        <v>45</v>
      </c>
      <c r="AF9767">
        <v>46</v>
      </c>
      <c r="AG9767">
        <v>46</v>
      </c>
      <c r="AH9767">
        <v>46</v>
      </c>
      <c r="AI9767">
        <v>47</v>
      </c>
      <c r="AJ9767">
        <v>47</v>
      </c>
      <c r="AK9767">
        <v>47</v>
      </c>
      <c r="AL9767">
        <v>48</v>
      </c>
      <c r="AM9767">
        <v>48</v>
      </c>
      <c r="AN9767">
        <v>48</v>
      </c>
      <c r="AO9767">
        <v>49</v>
      </c>
      <c r="AP9767">
        <v>49</v>
      </c>
      <c r="AQ9767">
        <v>49</v>
      </c>
    </row>
    <row r="9768" spans="1:43">
      <c r="A9768" t="s">
        <v>6098</v>
      </c>
      <c r="B9768" t="s">
        <v>6099</v>
      </c>
      <c r="C9768" t="s">
        <v>6094</v>
      </c>
      <c r="D9768" t="s">
        <v>6095</v>
      </c>
      <c r="E9768" t="s">
        <v>5940</v>
      </c>
      <c r="F9768" t="s">
        <v>5941</v>
      </c>
      <c r="G9768" t="s">
        <v>80</v>
      </c>
      <c r="H9768" t="s">
        <v>81</v>
      </c>
      <c r="I9768" s="2">
        <v>0</v>
      </c>
      <c r="J9768" s="2">
        <v>1</v>
      </c>
      <c r="K9768" s="2">
        <v>0</v>
      </c>
      <c r="L9768" t="s">
        <v>82</v>
      </c>
      <c r="M9768" t="s">
        <v>89</v>
      </c>
      <c r="N9768" t="s">
        <v>90</v>
      </c>
      <c r="O9768" t="s">
        <v>85</v>
      </c>
      <c r="P9768" t="s">
        <v>86</v>
      </c>
      <c r="Q9768">
        <v>41</v>
      </c>
      <c r="R9768">
        <v>42</v>
      </c>
      <c r="S9768">
        <v>43</v>
      </c>
      <c r="T9768">
        <v>44</v>
      </c>
      <c r="U9768">
        <v>45</v>
      </c>
      <c r="V9768">
        <v>46</v>
      </c>
      <c r="W9768">
        <v>47</v>
      </c>
      <c r="X9768">
        <v>48</v>
      </c>
      <c r="Y9768">
        <v>49</v>
      </c>
      <c r="Z9768">
        <v>50</v>
      </c>
      <c r="AA9768">
        <v>51</v>
      </c>
      <c r="AB9768">
        <v>51</v>
      </c>
      <c r="AC9768">
        <v>52</v>
      </c>
      <c r="AD9768">
        <v>53</v>
      </c>
      <c r="AE9768">
        <v>54</v>
      </c>
      <c r="AF9768">
        <v>54</v>
      </c>
      <c r="AG9768">
        <v>54</v>
      </c>
      <c r="AH9768">
        <v>54</v>
      </c>
      <c r="AI9768">
        <v>54</v>
      </c>
      <c r="AJ9768">
        <v>55</v>
      </c>
      <c r="AK9768">
        <v>55</v>
      </c>
      <c r="AL9768">
        <v>55</v>
      </c>
      <c r="AM9768">
        <v>55</v>
      </c>
      <c r="AN9768">
        <v>55</v>
      </c>
      <c r="AO9768">
        <v>55</v>
      </c>
      <c r="AP9768">
        <v>55</v>
      </c>
      <c r="AQ9768">
        <v>56</v>
      </c>
    </row>
    <row r="9769" spans="1:43">
      <c r="A9769" t="s">
        <v>6098</v>
      </c>
      <c r="B9769" t="s">
        <v>6099</v>
      </c>
      <c r="C9769" t="s">
        <v>6094</v>
      </c>
      <c r="D9769" t="s">
        <v>6095</v>
      </c>
      <c r="E9769" t="s">
        <v>5940</v>
      </c>
      <c r="F9769" t="s">
        <v>5941</v>
      </c>
      <c r="G9769" t="s">
        <v>80</v>
      </c>
      <c r="H9769" t="s">
        <v>81</v>
      </c>
      <c r="I9769" s="2">
        <v>0</v>
      </c>
      <c r="J9769" s="2">
        <v>1</v>
      </c>
      <c r="K9769" s="2">
        <v>0</v>
      </c>
      <c r="L9769" t="s">
        <v>82</v>
      </c>
      <c r="M9769" t="s">
        <v>83</v>
      </c>
      <c r="N9769" t="s">
        <v>91</v>
      </c>
      <c r="O9769" t="s">
        <v>85</v>
      </c>
      <c r="P9769" t="s">
        <v>86</v>
      </c>
      <c r="Q9769">
        <v>41</v>
      </c>
      <c r="R9769">
        <v>41</v>
      </c>
      <c r="S9769">
        <v>42</v>
      </c>
      <c r="T9769">
        <v>43</v>
      </c>
      <c r="U9769">
        <v>43</v>
      </c>
      <c r="V9769">
        <v>44</v>
      </c>
      <c r="W9769">
        <v>45</v>
      </c>
      <c r="X9769">
        <v>45</v>
      </c>
      <c r="Y9769">
        <v>46</v>
      </c>
      <c r="Z9769">
        <v>47</v>
      </c>
      <c r="AA9769">
        <v>47</v>
      </c>
      <c r="AB9769">
        <v>48</v>
      </c>
      <c r="AC9769">
        <v>49</v>
      </c>
      <c r="AD9769">
        <v>49</v>
      </c>
      <c r="AE9769">
        <v>50</v>
      </c>
      <c r="AF9769">
        <v>51</v>
      </c>
      <c r="AG9769">
        <v>52</v>
      </c>
      <c r="AH9769">
        <v>52</v>
      </c>
      <c r="AI9769">
        <v>53</v>
      </c>
      <c r="AJ9769">
        <v>54</v>
      </c>
      <c r="AK9769">
        <v>54</v>
      </c>
      <c r="AL9769">
        <v>55</v>
      </c>
      <c r="AM9769">
        <v>55</v>
      </c>
      <c r="AN9769">
        <v>55</v>
      </c>
      <c r="AO9769">
        <v>55</v>
      </c>
      <c r="AP9769">
        <v>55</v>
      </c>
      <c r="AQ9769">
        <v>55</v>
      </c>
    </row>
    <row r="9770" spans="1:43">
      <c r="A9770" t="s">
        <v>6100</v>
      </c>
      <c r="B9770" t="s">
        <v>6101</v>
      </c>
      <c r="C9770" t="s">
        <v>6094</v>
      </c>
      <c r="D9770" t="s">
        <v>6095</v>
      </c>
      <c r="E9770" t="s">
        <v>5940</v>
      </c>
      <c r="F9770" t="s">
        <v>5941</v>
      </c>
      <c r="G9770" t="s">
        <v>80</v>
      </c>
      <c r="H9770" t="s">
        <v>81</v>
      </c>
      <c r="I9770" s="2">
        <v>0</v>
      </c>
      <c r="J9770" s="2">
        <v>1</v>
      </c>
      <c r="K9770" s="2">
        <v>0</v>
      </c>
      <c r="L9770" t="s">
        <v>82</v>
      </c>
      <c r="M9770" t="s">
        <v>83</v>
      </c>
      <c r="N9770" t="s">
        <v>84</v>
      </c>
      <c r="O9770" t="s">
        <v>85</v>
      </c>
      <c r="P9770" t="s">
        <v>86</v>
      </c>
      <c r="Q9770">
        <v>3</v>
      </c>
      <c r="R9770">
        <v>3</v>
      </c>
      <c r="S9770">
        <v>3</v>
      </c>
      <c r="T9770">
        <v>3</v>
      </c>
      <c r="U9770">
        <v>3</v>
      </c>
      <c r="V9770">
        <v>3</v>
      </c>
      <c r="W9770">
        <v>3</v>
      </c>
      <c r="X9770">
        <v>3</v>
      </c>
      <c r="Y9770">
        <v>3</v>
      </c>
      <c r="Z9770">
        <v>3</v>
      </c>
      <c r="AA9770">
        <v>3</v>
      </c>
      <c r="AB9770">
        <v>3</v>
      </c>
      <c r="AC9770">
        <v>3</v>
      </c>
      <c r="AD9770">
        <v>3</v>
      </c>
      <c r="AE9770">
        <v>3</v>
      </c>
      <c r="AF9770">
        <v>3</v>
      </c>
      <c r="AG9770">
        <v>3</v>
      </c>
      <c r="AH9770">
        <v>3</v>
      </c>
      <c r="AI9770">
        <v>3</v>
      </c>
      <c r="AJ9770">
        <v>3</v>
      </c>
      <c r="AK9770">
        <v>4</v>
      </c>
      <c r="AL9770">
        <v>4</v>
      </c>
      <c r="AM9770">
        <v>4</v>
      </c>
      <c r="AN9770">
        <v>4</v>
      </c>
      <c r="AO9770">
        <v>4</v>
      </c>
      <c r="AP9770">
        <v>4</v>
      </c>
      <c r="AQ9770">
        <v>4</v>
      </c>
    </row>
    <row r="9771" spans="1:43">
      <c r="A9771" t="s">
        <v>6100</v>
      </c>
      <c r="B9771" t="s">
        <v>6101</v>
      </c>
      <c r="C9771" t="s">
        <v>6094</v>
      </c>
      <c r="D9771" t="s">
        <v>6095</v>
      </c>
      <c r="E9771" t="s">
        <v>5940</v>
      </c>
      <c r="F9771" t="s">
        <v>5941</v>
      </c>
      <c r="G9771" t="s">
        <v>80</v>
      </c>
      <c r="H9771" t="s">
        <v>81</v>
      </c>
      <c r="I9771" s="2">
        <v>0</v>
      </c>
      <c r="J9771" s="2">
        <v>1</v>
      </c>
      <c r="K9771" s="2">
        <v>0</v>
      </c>
      <c r="L9771" t="s">
        <v>82</v>
      </c>
      <c r="M9771" t="s">
        <v>87</v>
      </c>
      <c r="N9771" t="s">
        <v>88</v>
      </c>
      <c r="O9771" t="s">
        <v>85</v>
      </c>
      <c r="P9771" t="s">
        <v>86</v>
      </c>
      <c r="Q9771">
        <v>3</v>
      </c>
      <c r="R9771">
        <v>3</v>
      </c>
      <c r="S9771">
        <v>3</v>
      </c>
      <c r="T9771">
        <v>3</v>
      </c>
      <c r="U9771">
        <v>3</v>
      </c>
      <c r="V9771">
        <v>3</v>
      </c>
      <c r="W9771">
        <v>3</v>
      </c>
      <c r="X9771">
        <v>3</v>
      </c>
      <c r="Y9771">
        <v>3</v>
      </c>
      <c r="Z9771">
        <v>3</v>
      </c>
      <c r="AA9771">
        <v>3</v>
      </c>
      <c r="AB9771">
        <v>3</v>
      </c>
      <c r="AC9771">
        <v>3</v>
      </c>
      <c r="AD9771">
        <v>3</v>
      </c>
      <c r="AE9771">
        <v>3</v>
      </c>
      <c r="AF9771">
        <v>3</v>
      </c>
      <c r="AG9771">
        <v>3</v>
      </c>
      <c r="AH9771">
        <v>3</v>
      </c>
      <c r="AI9771">
        <v>3</v>
      </c>
      <c r="AJ9771">
        <v>3</v>
      </c>
      <c r="AK9771">
        <v>3</v>
      </c>
      <c r="AL9771">
        <v>3</v>
      </c>
      <c r="AM9771">
        <v>3</v>
      </c>
      <c r="AN9771">
        <v>3</v>
      </c>
      <c r="AO9771">
        <v>3</v>
      </c>
      <c r="AP9771">
        <v>3</v>
      </c>
      <c r="AQ9771">
        <v>3</v>
      </c>
    </row>
    <row r="9772" spans="1:43">
      <c r="A9772" t="s">
        <v>6100</v>
      </c>
      <c r="B9772" t="s">
        <v>6101</v>
      </c>
      <c r="C9772" t="s">
        <v>6094</v>
      </c>
      <c r="D9772" t="s">
        <v>6095</v>
      </c>
      <c r="E9772" t="s">
        <v>5940</v>
      </c>
      <c r="F9772" t="s">
        <v>5941</v>
      </c>
      <c r="G9772" t="s">
        <v>80</v>
      </c>
      <c r="H9772" t="s">
        <v>81</v>
      </c>
      <c r="I9772" s="2">
        <v>0</v>
      </c>
      <c r="J9772" s="2">
        <v>1</v>
      </c>
      <c r="K9772" s="2">
        <v>0</v>
      </c>
      <c r="L9772" t="s">
        <v>82</v>
      </c>
      <c r="M9772" t="s">
        <v>89</v>
      </c>
      <c r="N9772" t="s">
        <v>90</v>
      </c>
      <c r="O9772" t="s">
        <v>85</v>
      </c>
      <c r="P9772" t="s">
        <v>86</v>
      </c>
      <c r="Q9772">
        <v>3</v>
      </c>
      <c r="R9772">
        <v>3</v>
      </c>
      <c r="S9772">
        <v>3</v>
      </c>
      <c r="T9772">
        <v>3</v>
      </c>
      <c r="U9772">
        <v>3</v>
      </c>
      <c r="V9772">
        <v>3</v>
      </c>
      <c r="W9772">
        <v>3</v>
      </c>
      <c r="X9772">
        <v>3</v>
      </c>
      <c r="Y9772">
        <v>3</v>
      </c>
      <c r="Z9772">
        <v>3</v>
      </c>
      <c r="AA9772">
        <v>3</v>
      </c>
      <c r="AB9772">
        <v>3</v>
      </c>
      <c r="AC9772">
        <v>3</v>
      </c>
      <c r="AD9772">
        <v>3</v>
      </c>
      <c r="AE9772">
        <v>4</v>
      </c>
      <c r="AF9772">
        <v>4</v>
      </c>
      <c r="AG9772">
        <v>4</v>
      </c>
      <c r="AH9772">
        <v>4</v>
      </c>
      <c r="AI9772">
        <v>4</v>
      </c>
      <c r="AJ9772">
        <v>4</v>
      </c>
      <c r="AK9772">
        <v>4</v>
      </c>
      <c r="AL9772">
        <v>4</v>
      </c>
      <c r="AM9772">
        <v>4</v>
      </c>
      <c r="AN9772">
        <v>4</v>
      </c>
      <c r="AO9772">
        <v>4</v>
      </c>
      <c r="AP9772">
        <v>4</v>
      </c>
      <c r="AQ9772">
        <v>4</v>
      </c>
    </row>
    <row r="9773" spans="1:43">
      <c r="A9773" t="s">
        <v>6100</v>
      </c>
      <c r="B9773" t="s">
        <v>6101</v>
      </c>
      <c r="C9773" t="s">
        <v>6094</v>
      </c>
      <c r="D9773" t="s">
        <v>6095</v>
      </c>
      <c r="E9773" t="s">
        <v>5940</v>
      </c>
      <c r="F9773" t="s">
        <v>5941</v>
      </c>
      <c r="G9773" t="s">
        <v>80</v>
      </c>
      <c r="H9773" t="s">
        <v>81</v>
      </c>
      <c r="I9773" s="2">
        <v>0</v>
      </c>
      <c r="J9773" s="2">
        <v>1</v>
      </c>
      <c r="K9773" s="2">
        <v>0</v>
      </c>
      <c r="L9773" t="s">
        <v>82</v>
      </c>
      <c r="M9773" t="s">
        <v>83</v>
      </c>
      <c r="N9773" t="s">
        <v>91</v>
      </c>
      <c r="O9773" t="s">
        <v>85</v>
      </c>
      <c r="P9773" t="s">
        <v>86</v>
      </c>
      <c r="Q9773">
        <v>3</v>
      </c>
      <c r="R9773">
        <v>3</v>
      </c>
      <c r="S9773">
        <v>3</v>
      </c>
      <c r="T9773">
        <v>3</v>
      </c>
      <c r="U9773">
        <v>3</v>
      </c>
      <c r="V9773">
        <v>3</v>
      </c>
      <c r="W9773">
        <v>3</v>
      </c>
      <c r="X9773">
        <v>3</v>
      </c>
      <c r="Y9773">
        <v>3</v>
      </c>
      <c r="Z9773">
        <v>3</v>
      </c>
      <c r="AA9773">
        <v>3</v>
      </c>
      <c r="AB9773">
        <v>3</v>
      </c>
      <c r="AC9773">
        <v>3</v>
      </c>
      <c r="AD9773">
        <v>3</v>
      </c>
      <c r="AE9773">
        <v>3</v>
      </c>
      <c r="AF9773">
        <v>3</v>
      </c>
      <c r="AG9773">
        <v>3</v>
      </c>
      <c r="AH9773">
        <v>3</v>
      </c>
      <c r="AI9773">
        <v>3</v>
      </c>
      <c r="AJ9773">
        <v>3</v>
      </c>
      <c r="AK9773">
        <v>4</v>
      </c>
      <c r="AL9773">
        <v>4</v>
      </c>
      <c r="AM9773">
        <v>4</v>
      </c>
      <c r="AN9773">
        <v>4</v>
      </c>
      <c r="AO9773">
        <v>4</v>
      </c>
      <c r="AP9773">
        <v>4</v>
      </c>
      <c r="AQ9773">
        <v>4</v>
      </c>
    </row>
    <row r="9774" spans="1:43">
      <c r="A9774" t="s">
        <v>6102</v>
      </c>
      <c r="B9774" t="s">
        <v>6103</v>
      </c>
      <c r="C9774" t="s">
        <v>6090</v>
      </c>
      <c r="D9774" t="s">
        <v>6091</v>
      </c>
      <c r="E9774" t="s">
        <v>5940</v>
      </c>
      <c r="F9774" t="s">
        <v>5941</v>
      </c>
      <c r="G9774" t="s">
        <v>80</v>
      </c>
      <c r="H9774" t="s">
        <v>81</v>
      </c>
      <c r="I9774" s="2">
        <v>0</v>
      </c>
      <c r="J9774" s="2">
        <v>1</v>
      </c>
      <c r="K9774" s="2">
        <v>0</v>
      </c>
      <c r="L9774" t="s">
        <v>82</v>
      </c>
      <c r="M9774" t="s">
        <v>83</v>
      </c>
      <c r="N9774" t="s">
        <v>84</v>
      </c>
      <c r="O9774" t="s">
        <v>85</v>
      </c>
      <c r="P9774" t="s">
        <v>86</v>
      </c>
      <c r="Q9774">
        <v>8</v>
      </c>
      <c r="R9774">
        <v>8</v>
      </c>
      <c r="S9774">
        <v>8</v>
      </c>
      <c r="T9774">
        <v>8</v>
      </c>
      <c r="U9774">
        <v>8</v>
      </c>
      <c r="V9774">
        <v>9</v>
      </c>
      <c r="W9774">
        <v>9</v>
      </c>
      <c r="X9774">
        <v>9</v>
      </c>
      <c r="Y9774">
        <v>9</v>
      </c>
      <c r="Z9774">
        <v>9</v>
      </c>
      <c r="AA9774">
        <v>9</v>
      </c>
      <c r="AB9774">
        <v>9</v>
      </c>
      <c r="AC9774">
        <v>10</v>
      </c>
      <c r="AD9774">
        <v>10</v>
      </c>
      <c r="AE9774">
        <v>10</v>
      </c>
      <c r="AF9774">
        <v>10</v>
      </c>
      <c r="AG9774">
        <v>10</v>
      </c>
      <c r="AH9774">
        <v>10</v>
      </c>
      <c r="AI9774">
        <v>10</v>
      </c>
      <c r="AJ9774">
        <v>10</v>
      </c>
      <c r="AK9774">
        <v>11</v>
      </c>
      <c r="AL9774">
        <v>11</v>
      </c>
      <c r="AM9774">
        <v>11</v>
      </c>
      <c r="AN9774">
        <v>11</v>
      </c>
      <c r="AO9774">
        <v>11</v>
      </c>
      <c r="AP9774">
        <v>11</v>
      </c>
      <c r="AQ9774">
        <v>11</v>
      </c>
    </row>
    <row r="9775" spans="1:43">
      <c r="A9775" t="s">
        <v>6102</v>
      </c>
      <c r="B9775" t="s">
        <v>6103</v>
      </c>
      <c r="C9775" t="s">
        <v>6090</v>
      </c>
      <c r="D9775" t="s">
        <v>6091</v>
      </c>
      <c r="E9775" t="s">
        <v>5940</v>
      </c>
      <c r="F9775" t="s">
        <v>5941</v>
      </c>
      <c r="G9775" t="s">
        <v>80</v>
      </c>
      <c r="H9775" t="s">
        <v>81</v>
      </c>
      <c r="I9775" s="2">
        <v>0</v>
      </c>
      <c r="J9775" s="2">
        <v>1</v>
      </c>
      <c r="K9775" s="2">
        <v>0</v>
      </c>
      <c r="L9775" t="s">
        <v>82</v>
      </c>
      <c r="M9775" t="s">
        <v>87</v>
      </c>
      <c r="N9775" t="s">
        <v>88</v>
      </c>
      <c r="O9775" t="s">
        <v>85</v>
      </c>
      <c r="P9775" t="s">
        <v>86</v>
      </c>
      <c r="Q9775">
        <v>8</v>
      </c>
      <c r="R9775">
        <v>8</v>
      </c>
      <c r="S9775">
        <v>8</v>
      </c>
      <c r="T9775">
        <v>8</v>
      </c>
      <c r="U9775">
        <v>8</v>
      </c>
      <c r="V9775">
        <v>8</v>
      </c>
      <c r="W9775">
        <v>8</v>
      </c>
      <c r="X9775">
        <v>8</v>
      </c>
      <c r="Y9775">
        <v>8</v>
      </c>
      <c r="Z9775">
        <v>8</v>
      </c>
      <c r="AA9775">
        <v>8</v>
      </c>
      <c r="AB9775">
        <v>8</v>
      </c>
      <c r="AC9775">
        <v>9</v>
      </c>
      <c r="AD9775">
        <v>9</v>
      </c>
      <c r="AE9775">
        <v>9</v>
      </c>
      <c r="AF9775">
        <v>9</v>
      </c>
      <c r="AG9775">
        <v>9</v>
      </c>
      <c r="AH9775">
        <v>9</v>
      </c>
      <c r="AI9775">
        <v>9</v>
      </c>
      <c r="AJ9775">
        <v>9</v>
      </c>
      <c r="AK9775">
        <v>9</v>
      </c>
      <c r="AL9775">
        <v>9</v>
      </c>
      <c r="AM9775">
        <v>9</v>
      </c>
      <c r="AN9775">
        <v>9</v>
      </c>
      <c r="AO9775">
        <v>9</v>
      </c>
      <c r="AP9775">
        <v>9</v>
      </c>
      <c r="AQ9775">
        <v>9</v>
      </c>
    </row>
    <row r="9776" spans="1:43">
      <c r="A9776" t="s">
        <v>6102</v>
      </c>
      <c r="B9776" t="s">
        <v>6103</v>
      </c>
      <c r="C9776" t="s">
        <v>6090</v>
      </c>
      <c r="D9776" t="s">
        <v>6091</v>
      </c>
      <c r="E9776" t="s">
        <v>5940</v>
      </c>
      <c r="F9776" t="s">
        <v>5941</v>
      </c>
      <c r="G9776" t="s">
        <v>80</v>
      </c>
      <c r="H9776" t="s">
        <v>81</v>
      </c>
      <c r="I9776" s="2">
        <v>0</v>
      </c>
      <c r="J9776" s="2">
        <v>1</v>
      </c>
      <c r="K9776" s="2">
        <v>0</v>
      </c>
      <c r="L9776" t="s">
        <v>82</v>
      </c>
      <c r="M9776" t="s">
        <v>89</v>
      </c>
      <c r="N9776" t="s">
        <v>90</v>
      </c>
      <c r="O9776" t="s">
        <v>85</v>
      </c>
      <c r="P9776" t="s">
        <v>86</v>
      </c>
      <c r="Q9776">
        <v>8</v>
      </c>
      <c r="R9776">
        <v>8</v>
      </c>
      <c r="S9776">
        <v>8</v>
      </c>
      <c r="T9776">
        <v>9</v>
      </c>
      <c r="U9776">
        <v>9</v>
      </c>
      <c r="V9776">
        <v>9</v>
      </c>
      <c r="W9776">
        <v>9</v>
      </c>
      <c r="X9776">
        <v>9</v>
      </c>
      <c r="Y9776">
        <v>10</v>
      </c>
      <c r="Z9776">
        <v>10</v>
      </c>
      <c r="AA9776">
        <v>10</v>
      </c>
      <c r="AB9776">
        <v>10</v>
      </c>
      <c r="AC9776">
        <v>10</v>
      </c>
      <c r="AD9776">
        <v>10</v>
      </c>
      <c r="AE9776">
        <v>10</v>
      </c>
      <c r="AF9776">
        <v>11</v>
      </c>
      <c r="AG9776">
        <v>11</v>
      </c>
      <c r="AH9776">
        <v>11</v>
      </c>
      <c r="AI9776">
        <v>11</v>
      </c>
      <c r="AJ9776">
        <v>11</v>
      </c>
      <c r="AK9776">
        <v>11</v>
      </c>
      <c r="AL9776">
        <v>11</v>
      </c>
      <c r="AM9776">
        <v>11</v>
      </c>
      <c r="AN9776">
        <v>11</v>
      </c>
      <c r="AO9776">
        <v>11</v>
      </c>
      <c r="AP9776">
        <v>11</v>
      </c>
      <c r="AQ9776">
        <v>11</v>
      </c>
    </row>
    <row r="9777" spans="1:43">
      <c r="A9777" t="s">
        <v>6102</v>
      </c>
      <c r="B9777" t="s">
        <v>6103</v>
      </c>
      <c r="C9777" t="s">
        <v>6090</v>
      </c>
      <c r="D9777" t="s">
        <v>6091</v>
      </c>
      <c r="E9777" t="s">
        <v>5940</v>
      </c>
      <c r="F9777" t="s">
        <v>5941</v>
      </c>
      <c r="G9777" t="s">
        <v>80</v>
      </c>
      <c r="H9777" t="s">
        <v>81</v>
      </c>
      <c r="I9777" s="2">
        <v>0</v>
      </c>
      <c r="J9777" s="2">
        <v>1</v>
      </c>
      <c r="K9777" s="2">
        <v>0</v>
      </c>
      <c r="L9777" t="s">
        <v>82</v>
      </c>
      <c r="M9777" t="s">
        <v>83</v>
      </c>
      <c r="N9777" t="s">
        <v>91</v>
      </c>
      <c r="O9777" t="s">
        <v>85</v>
      </c>
      <c r="P9777" t="s">
        <v>86</v>
      </c>
      <c r="Q9777">
        <v>8</v>
      </c>
      <c r="R9777">
        <v>8</v>
      </c>
      <c r="S9777">
        <v>8</v>
      </c>
      <c r="T9777">
        <v>8</v>
      </c>
      <c r="U9777">
        <v>8</v>
      </c>
      <c r="V9777">
        <v>9</v>
      </c>
      <c r="W9777">
        <v>9</v>
      </c>
      <c r="X9777">
        <v>9</v>
      </c>
      <c r="Y9777">
        <v>9</v>
      </c>
      <c r="Z9777">
        <v>9</v>
      </c>
      <c r="AA9777">
        <v>9</v>
      </c>
      <c r="AB9777">
        <v>9</v>
      </c>
      <c r="AC9777">
        <v>10</v>
      </c>
      <c r="AD9777">
        <v>10</v>
      </c>
      <c r="AE9777">
        <v>10</v>
      </c>
      <c r="AF9777">
        <v>10</v>
      </c>
      <c r="AG9777">
        <v>10</v>
      </c>
      <c r="AH9777">
        <v>10</v>
      </c>
      <c r="AI9777">
        <v>10</v>
      </c>
      <c r="AJ9777">
        <v>10</v>
      </c>
      <c r="AK9777">
        <v>11</v>
      </c>
      <c r="AL9777">
        <v>11</v>
      </c>
      <c r="AM9777">
        <v>11</v>
      </c>
      <c r="AN9777">
        <v>11</v>
      </c>
      <c r="AO9777">
        <v>11</v>
      </c>
      <c r="AP9777">
        <v>11</v>
      </c>
      <c r="AQ9777">
        <v>11</v>
      </c>
    </row>
    <row r="9778" spans="1:43">
      <c r="A9778" t="s">
        <v>6104</v>
      </c>
      <c r="B9778" t="s">
        <v>6105</v>
      </c>
      <c r="C9778" t="s">
        <v>6090</v>
      </c>
      <c r="D9778" t="s">
        <v>6091</v>
      </c>
      <c r="E9778" t="s">
        <v>5940</v>
      </c>
      <c r="F9778" t="s">
        <v>5941</v>
      </c>
      <c r="G9778" t="s">
        <v>80</v>
      </c>
      <c r="H9778" t="s">
        <v>81</v>
      </c>
      <c r="I9778" s="2">
        <v>0</v>
      </c>
      <c r="J9778" s="2">
        <v>1</v>
      </c>
      <c r="K9778" s="2">
        <v>0</v>
      </c>
      <c r="L9778" t="s">
        <v>82</v>
      </c>
      <c r="M9778" t="s">
        <v>83</v>
      </c>
      <c r="N9778" t="s">
        <v>84</v>
      </c>
      <c r="O9778" t="s">
        <v>85</v>
      </c>
      <c r="P9778" t="s">
        <v>86</v>
      </c>
      <c r="Q9778">
        <v>7</v>
      </c>
      <c r="R9778">
        <v>7</v>
      </c>
      <c r="S9778">
        <v>7</v>
      </c>
      <c r="T9778">
        <v>7</v>
      </c>
      <c r="U9778">
        <v>8</v>
      </c>
      <c r="V9778">
        <v>8</v>
      </c>
      <c r="W9778">
        <v>8</v>
      </c>
      <c r="X9778">
        <v>8</v>
      </c>
      <c r="Y9778">
        <v>8</v>
      </c>
      <c r="Z9778">
        <v>8</v>
      </c>
      <c r="AA9778">
        <v>8</v>
      </c>
      <c r="AB9778">
        <v>8</v>
      </c>
      <c r="AC9778">
        <v>9</v>
      </c>
      <c r="AD9778">
        <v>9</v>
      </c>
      <c r="AE9778">
        <v>9</v>
      </c>
      <c r="AF9778">
        <v>9</v>
      </c>
      <c r="AG9778">
        <v>9</v>
      </c>
      <c r="AH9778">
        <v>9</v>
      </c>
      <c r="AI9778">
        <v>9</v>
      </c>
      <c r="AJ9778">
        <v>9</v>
      </c>
      <c r="AK9778">
        <v>10</v>
      </c>
      <c r="AL9778">
        <v>10</v>
      </c>
      <c r="AM9778">
        <v>10</v>
      </c>
      <c r="AN9778">
        <v>10</v>
      </c>
      <c r="AO9778">
        <v>10</v>
      </c>
      <c r="AP9778">
        <v>10</v>
      </c>
      <c r="AQ9778">
        <v>10</v>
      </c>
    </row>
    <row r="9779" spans="1:43">
      <c r="A9779" t="s">
        <v>6104</v>
      </c>
      <c r="B9779" t="s">
        <v>6105</v>
      </c>
      <c r="C9779" t="s">
        <v>6090</v>
      </c>
      <c r="D9779" t="s">
        <v>6091</v>
      </c>
      <c r="E9779" t="s">
        <v>5940</v>
      </c>
      <c r="F9779" t="s">
        <v>5941</v>
      </c>
      <c r="G9779" t="s">
        <v>80</v>
      </c>
      <c r="H9779" t="s">
        <v>81</v>
      </c>
      <c r="I9779" s="2">
        <v>0</v>
      </c>
      <c r="J9779" s="2">
        <v>1</v>
      </c>
      <c r="K9779" s="2">
        <v>0</v>
      </c>
      <c r="L9779" t="s">
        <v>82</v>
      </c>
      <c r="M9779" t="s">
        <v>87</v>
      </c>
      <c r="N9779" t="s">
        <v>88</v>
      </c>
      <c r="O9779" t="s">
        <v>85</v>
      </c>
      <c r="P9779" t="s">
        <v>86</v>
      </c>
      <c r="Q9779">
        <v>7</v>
      </c>
      <c r="R9779">
        <v>7</v>
      </c>
      <c r="S9779">
        <v>7</v>
      </c>
      <c r="T9779">
        <v>7</v>
      </c>
      <c r="U9779">
        <v>7</v>
      </c>
      <c r="V9779">
        <v>7</v>
      </c>
      <c r="W9779">
        <v>7</v>
      </c>
      <c r="X9779">
        <v>7</v>
      </c>
      <c r="Y9779">
        <v>7</v>
      </c>
      <c r="Z9779">
        <v>8</v>
      </c>
      <c r="AA9779">
        <v>8</v>
      </c>
      <c r="AB9779">
        <v>8</v>
      </c>
      <c r="AC9779">
        <v>8</v>
      </c>
      <c r="AD9779">
        <v>8</v>
      </c>
      <c r="AE9779">
        <v>8</v>
      </c>
      <c r="AF9779">
        <v>8</v>
      </c>
      <c r="AG9779">
        <v>8</v>
      </c>
      <c r="AH9779">
        <v>8</v>
      </c>
      <c r="AI9779">
        <v>8</v>
      </c>
      <c r="AJ9779">
        <v>8</v>
      </c>
      <c r="AK9779">
        <v>8</v>
      </c>
      <c r="AL9779">
        <v>8</v>
      </c>
      <c r="AM9779">
        <v>8</v>
      </c>
      <c r="AN9779">
        <v>8</v>
      </c>
      <c r="AO9779">
        <v>8</v>
      </c>
      <c r="AP9779">
        <v>8</v>
      </c>
      <c r="AQ9779">
        <v>8</v>
      </c>
    </row>
    <row r="9780" spans="1:43">
      <c r="A9780" t="s">
        <v>6104</v>
      </c>
      <c r="B9780" t="s">
        <v>6105</v>
      </c>
      <c r="C9780" t="s">
        <v>6090</v>
      </c>
      <c r="D9780" t="s">
        <v>6091</v>
      </c>
      <c r="E9780" t="s">
        <v>5940</v>
      </c>
      <c r="F9780" t="s">
        <v>5941</v>
      </c>
      <c r="G9780" t="s">
        <v>80</v>
      </c>
      <c r="H9780" t="s">
        <v>81</v>
      </c>
      <c r="I9780" s="2">
        <v>0</v>
      </c>
      <c r="J9780" s="2">
        <v>1</v>
      </c>
      <c r="K9780" s="2">
        <v>0</v>
      </c>
      <c r="L9780" t="s">
        <v>82</v>
      </c>
      <c r="M9780" t="s">
        <v>89</v>
      </c>
      <c r="N9780" t="s">
        <v>90</v>
      </c>
      <c r="O9780" t="s">
        <v>85</v>
      </c>
      <c r="P9780" t="s">
        <v>86</v>
      </c>
      <c r="Q9780">
        <v>7</v>
      </c>
      <c r="R9780">
        <v>7</v>
      </c>
      <c r="S9780">
        <v>8</v>
      </c>
      <c r="T9780">
        <v>8</v>
      </c>
      <c r="U9780">
        <v>8</v>
      </c>
      <c r="V9780">
        <v>8</v>
      </c>
      <c r="W9780">
        <v>8</v>
      </c>
      <c r="X9780">
        <v>8</v>
      </c>
      <c r="Y9780">
        <v>9</v>
      </c>
      <c r="Z9780">
        <v>9</v>
      </c>
      <c r="AA9780">
        <v>9</v>
      </c>
      <c r="AB9780">
        <v>9</v>
      </c>
      <c r="AC9780">
        <v>9</v>
      </c>
      <c r="AD9780">
        <v>9</v>
      </c>
      <c r="AE9780">
        <v>9</v>
      </c>
      <c r="AF9780">
        <v>9</v>
      </c>
      <c r="AG9780">
        <v>9</v>
      </c>
      <c r="AH9780">
        <v>10</v>
      </c>
      <c r="AI9780">
        <v>10</v>
      </c>
      <c r="AJ9780">
        <v>10</v>
      </c>
      <c r="AK9780">
        <v>10</v>
      </c>
      <c r="AL9780">
        <v>10</v>
      </c>
      <c r="AM9780">
        <v>10</v>
      </c>
      <c r="AN9780">
        <v>10</v>
      </c>
      <c r="AO9780">
        <v>10</v>
      </c>
      <c r="AP9780">
        <v>10</v>
      </c>
      <c r="AQ9780">
        <v>10</v>
      </c>
    </row>
    <row r="9781" spans="1:43">
      <c r="A9781" t="s">
        <v>6104</v>
      </c>
      <c r="B9781" t="s">
        <v>6105</v>
      </c>
      <c r="C9781" t="s">
        <v>6090</v>
      </c>
      <c r="D9781" t="s">
        <v>6091</v>
      </c>
      <c r="E9781" t="s">
        <v>5940</v>
      </c>
      <c r="F9781" t="s">
        <v>5941</v>
      </c>
      <c r="G9781" t="s">
        <v>80</v>
      </c>
      <c r="H9781" t="s">
        <v>81</v>
      </c>
      <c r="I9781" s="2">
        <v>0</v>
      </c>
      <c r="J9781" s="2">
        <v>1</v>
      </c>
      <c r="K9781" s="2">
        <v>0</v>
      </c>
      <c r="L9781" t="s">
        <v>82</v>
      </c>
      <c r="M9781" t="s">
        <v>83</v>
      </c>
      <c r="N9781" t="s">
        <v>91</v>
      </c>
      <c r="O9781" t="s">
        <v>85</v>
      </c>
      <c r="P9781" t="s">
        <v>86</v>
      </c>
      <c r="Q9781">
        <v>7</v>
      </c>
      <c r="R9781">
        <v>7</v>
      </c>
      <c r="S9781">
        <v>7</v>
      </c>
      <c r="T9781">
        <v>7</v>
      </c>
      <c r="U9781">
        <v>8</v>
      </c>
      <c r="V9781">
        <v>8</v>
      </c>
      <c r="W9781">
        <v>8</v>
      </c>
      <c r="X9781">
        <v>8</v>
      </c>
      <c r="Y9781">
        <v>8</v>
      </c>
      <c r="Z9781">
        <v>8</v>
      </c>
      <c r="AA9781">
        <v>8</v>
      </c>
      <c r="AB9781">
        <v>8</v>
      </c>
      <c r="AC9781">
        <v>9</v>
      </c>
      <c r="AD9781">
        <v>9</v>
      </c>
      <c r="AE9781">
        <v>9</v>
      </c>
      <c r="AF9781">
        <v>9</v>
      </c>
      <c r="AG9781">
        <v>9</v>
      </c>
      <c r="AH9781">
        <v>9</v>
      </c>
      <c r="AI9781">
        <v>9</v>
      </c>
      <c r="AJ9781">
        <v>9</v>
      </c>
      <c r="AK9781">
        <v>10</v>
      </c>
      <c r="AL9781">
        <v>10</v>
      </c>
      <c r="AM9781">
        <v>10</v>
      </c>
      <c r="AN9781">
        <v>10</v>
      </c>
      <c r="AO9781">
        <v>10</v>
      </c>
      <c r="AP9781">
        <v>10</v>
      </c>
      <c r="AQ9781">
        <v>10</v>
      </c>
    </row>
    <row r="9782" spans="1:43">
      <c r="A9782" t="s">
        <v>6106</v>
      </c>
      <c r="B9782" t="s">
        <v>6107</v>
      </c>
      <c r="C9782" t="s">
        <v>6094</v>
      </c>
      <c r="D9782" t="s">
        <v>6095</v>
      </c>
      <c r="E9782" t="s">
        <v>5940</v>
      </c>
      <c r="F9782" t="s">
        <v>5941</v>
      </c>
      <c r="G9782" t="s">
        <v>80</v>
      </c>
      <c r="H9782" t="s">
        <v>81</v>
      </c>
      <c r="I9782" s="2">
        <v>0</v>
      </c>
      <c r="J9782" s="2">
        <v>1</v>
      </c>
      <c r="K9782" s="2">
        <v>0</v>
      </c>
      <c r="L9782" t="s">
        <v>82</v>
      </c>
      <c r="M9782" t="s">
        <v>83</v>
      </c>
      <c r="N9782" t="s">
        <v>84</v>
      </c>
      <c r="O9782" t="s">
        <v>85</v>
      </c>
      <c r="P9782" t="s">
        <v>86</v>
      </c>
      <c r="Q9782">
        <v>18</v>
      </c>
      <c r="R9782">
        <v>19</v>
      </c>
      <c r="S9782">
        <v>19</v>
      </c>
      <c r="T9782">
        <v>19</v>
      </c>
      <c r="U9782">
        <v>19</v>
      </c>
      <c r="V9782">
        <v>20</v>
      </c>
      <c r="W9782">
        <v>20</v>
      </c>
      <c r="X9782">
        <v>20</v>
      </c>
      <c r="Y9782">
        <v>21</v>
      </c>
      <c r="Z9782">
        <v>21</v>
      </c>
      <c r="AA9782">
        <v>21</v>
      </c>
      <c r="AB9782">
        <v>22</v>
      </c>
      <c r="AC9782">
        <v>22</v>
      </c>
      <c r="AD9782">
        <v>22</v>
      </c>
      <c r="AE9782">
        <v>22</v>
      </c>
      <c r="AF9782">
        <v>23</v>
      </c>
      <c r="AG9782">
        <v>23</v>
      </c>
      <c r="AH9782">
        <v>23</v>
      </c>
      <c r="AI9782">
        <v>24</v>
      </c>
      <c r="AJ9782">
        <v>24</v>
      </c>
      <c r="AK9782">
        <v>24</v>
      </c>
      <c r="AL9782">
        <v>24</v>
      </c>
      <c r="AM9782">
        <v>25</v>
      </c>
      <c r="AN9782">
        <v>25</v>
      </c>
      <c r="AO9782">
        <v>25</v>
      </c>
      <c r="AP9782">
        <v>25</v>
      </c>
      <c r="AQ9782">
        <v>25</v>
      </c>
    </row>
    <row r="9783" spans="1:43">
      <c r="A9783" t="s">
        <v>6106</v>
      </c>
      <c r="B9783" t="s">
        <v>6107</v>
      </c>
      <c r="C9783" t="s">
        <v>6094</v>
      </c>
      <c r="D9783" t="s">
        <v>6095</v>
      </c>
      <c r="E9783" t="s">
        <v>5940</v>
      </c>
      <c r="F9783" t="s">
        <v>5941</v>
      </c>
      <c r="G9783" t="s">
        <v>80</v>
      </c>
      <c r="H9783" t="s">
        <v>81</v>
      </c>
      <c r="I9783" s="2">
        <v>0</v>
      </c>
      <c r="J9783" s="2">
        <v>1</v>
      </c>
      <c r="K9783" s="2">
        <v>0</v>
      </c>
      <c r="L9783" t="s">
        <v>82</v>
      </c>
      <c r="M9783" t="s">
        <v>87</v>
      </c>
      <c r="N9783" t="s">
        <v>88</v>
      </c>
      <c r="O9783" t="s">
        <v>85</v>
      </c>
      <c r="P9783" t="s">
        <v>86</v>
      </c>
      <c r="Q9783">
        <v>18</v>
      </c>
      <c r="R9783">
        <v>18</v>
      </c>
      <c r="S9783">
        <v>18</v>
      </c>
      <c r="T9783">
        <v>18</v>
      </c>
      <c r="U9783">
        <v>19</v>
      </c>
      <c r="V9783">
        <v>19</v>
      </c>
      <c r="W9783">
        <v>19</v>
      </c>
      <c r="X9783">
        <v>19</v>
      </c>
      <c r="Y9783">
        <v>19</v>
      </c>
      <c r="Z9783">
        <v>19</v>
      </c>
      <c r="AA9783">
        <v>19</v>
      </c>
      <c r="AB9783">
        <v>20</v>
      </c>
      <c r="AC9783">
        <v>20</v>
      </c>
      <c r="AD9783">
        <v>20</v>
      </c>
      <c r="AE9783">
        <v>20</v>
      </c>
      <c r="AF9783">
        <v>20</v>
      </c>
      <c r="AG9783">
        <v>20</v>
      </c>
      <c r="AH9783">
        <v>20</v>
      </c>
      <c r="AI9783">
        <v>20</v>
      </c>
      <c r="AJ9783">
        <v>21</v>
      </c>
      <c r="AK9783">
        <v>21</v>
      </c>
      <c r="AL9783">
        <v>21</v>
      </c>
      <c r="AM9783">
        <v>21</v>
      </c>
      <c r="AN9783">
        <v>21</v>
      </c>
      <c r="AO9783">
        <v>21</v>
      </c>
      <c r="AP9783">
        <v>21</v>
      </c>
      <c r="AQ9783">
        <v>22</v>
      </c>
    </row>
    <row r="9784" spans="1:43">
      <c r="A9784" t="s">
        <v>6106</v>
      </c>
      <c r="B9784" t="s">
        <v>6107</v>
      </c>
      <c r="C9784" t="s">
        <v>6094</v>
      </c>
      <c r="D9784" t="s">
        <v>6095</v>
      </c>
      <c r="E9784" t="s">
        <v>5940</v>
      </c>
      <c r="F9784" t="s">
        <v>5941</v>
      </c>
      <c r="G9784" t="s">
        <v>80</v>
      </c>
      <c r="H9784" t="s">
        <v>81</v>
      </c>
      <c r="I9784" s="2">
        <v>0</v>
      </c>
      <c r="J9784" s="2">
        <v>1</v>
      </c>
      <c r="K9784" s="2">
        <v>0</v>
      </c>
      <c r="L9784" t="s">
        <v>82</v>
      </c>
      <c r="M9784" t="s">
        <v>89</v>
      </c>
      <c r="N9784" t="s">
        <v>90</v>
      </c>
      <c r="O9784" t="s">
        <v>85</v>
      </c>
      <c r="P9784" t="s">
        <v>86</v>
      </c>
      <c r="Q9784">
        <v>18</v>
      </c>
      <c r="R9784">
        <v>19</v>
      </c>
      <c r="S9784">
        <v>19</v>
      </c>
      <c r="T9784">
        <v>20</v>
      </c>
      <c r="U9784">
        <v>20</v>
      </c>
      <c r="V9784">
        <v>21</v>
      </c>
      <c r="W9784">
        <v>21</v>
      </c>
      <c r="X9784">
        <v>21</v>
      </c>
      <c r="Y9784">
        <v>22</v>
      </c>
      <c r="Z9784">
        <v>22</v>
      </c>
      <c r="AA9784">
        <v>23</v>
      </c>
      <c r="AB9784">
        <v>23</v>
      </c>
      <c r="AC9784">
        <v>23</v>
      </c>
      <c r="AD9784">
        <v>24</v>
      </c>
      <c r="AE9784">
        <v>24</v>
      </c>
      <c r="AF9784">
        <v>24</v>
      </c>
      <c r="AG9784">
        <v>24</v>
      </c>
      <c r="AH9784">
        <v>24</v>
      </c>
      <c r="AI9784">
        <v>24</v>
      </c>
      <c r="AJ9784">
        <v>24</v>
      </c>
      <c r="AK9784">
        <v>25</v>
      </c>
      <c r="AL9784">
        <v>25</v>
      </c>
      <c r="AM9784">
        <v>25</v>
      </c>
      <c r="AN9784">
        <v>25</v>
      </c>
      <c r="AO9784">
        <v>25</v>
      </c>
      <c r="AP9784">
        <v>25</v>
      </c>
      <c r="AQ9784">
        <v>25</v>
      </c>
    </row>
    <row r="9785" spans="1:43">
      <c r="A9785" t="s">
        <v>6106</v>
      </c>
      <c r="B9785" t="s">
        <v>6107</v>
      </c>
      <c r="C9785" t="s">
        <v>6094</v>
      </c>
      <c r="D9785" t="s">
        <v>6095</v>
      </c>
      <c r="E9785" t="s">
        <v>5940</v>
      </c>
      <c r="F9785" t="s">
        <v>5941</v>
      </c>
      <c r="G9785" t="s">
        <v>80</v>
      </c>
      <c r="H9785" t="s">
        <v>81</v>
      </c>
      <c r="I9785" s="2">
        <v>0</v>
      </c>
      <c r="J9785" s="2">
        <v>1</v>
      </c>
      <c r="K9785" s="2">
        <v>0</v>
      </c>
      <c r="L9785" t="s">
        <v>82</v>
      </c>
      <c r="M9785" t="s">
        <v>83</v>
      </c>
      <c r="N9785" t="s">
        <v>91</v>
      </c>
      <c r="O9785" t="s">
        <v>85</v>
      </c>
      <c r="P9785" t="s">
        <v>86</v>
      </c>
      <c r="Q9785">
        <v>18</v>
      </c>
      <c r="R9785">
        <v>19</v>
      </c>
      <c r="S9785">
        <v>19</v>
      </c>
      <c r="T9785">
        <v>19</v>
      </c>
      <c r="U9785">
        <v>19</v>
      </c>
      <c r="V9785">
        <v>20</v>
      </c>
      <c r="W9785">
        <v>20</v>
      </c>
      <c r="X9785">
        <v>20</v>
      </c>
      <c r="Y9785">
        <v>21</v>
      </c>
      <c r="Z9785">
        <v>21</v>
      </c>
      <c r="AA9785">
        <v>21</v>
      </c>
      <c r="AB9785">
        <v>22</v>
      </c>
      <c r="AC9785">
        <v>22</v>
      </c>
      <c r="AD9785">
        <v>22</v>
      </c>
      <c r="AE9785">
        <v>22</v>
      </c>
      <c r="AF9785">
        <v>23</v>
      </c>
      <c r="AG9785">
        <v>23</v>
      </c>
      <c r="AH9785">
        <v>23</v>
      </c>
      <c r="AI9785">
        <v>24</v>
      </c>
      <c r="AJ9785">
        <v>24</v>
      </c>
      <c r="AK9785">
        <v>24</v>
      </c>
      <c r="AL9785">
        <v>24</v>
      </c>
      <c r="AM9785">
        <v>25</v>
      </c>
      <c r="AN9785">
        <v>25</v>
      </c>
      <c r="AO9785">
        <v>25</v>
      </c>
      <c r="AP9785">
        <v>25</v>
      </c>
      <c r="AQ9785">
        <v>25</v>
      </c>
    </row>
    <row r="9786" spans="1:43">
      <c r="A9786" t="s">
        <v>6108</v>
      </c>
      <c r="B9786" t="s">
        <v>6109</v>
      </c>
      <c r="C9786" t="s">
        <v>6094</v>
      </c>
      <c r="D9786" t="s">
        <v>6095</v>
      </c>
      <c r="E9786" t="s">
        <v>5940</v>
      </c>
      <c r="F9786" t="s">
        <v>5941</v>
      </c>
      <c r="G9786" t="s">
        <v>80</v>
      </c>
      <c r="H9786" t="s">
        <v>81</v>
      </c>
      <c r="I9786" s="2">
        <v>0</v>
      </c>
      <c r="J9786" s="2">
        <v>1</v>
      </c>
      <c r="K9786" s="2">
        <v>0</v>
      </c>
      <c r="L9786" t="s">
        <v>82</v>
      </c>
      <c r="M9786" t="s">
        <v>83</v>
      </c>
      <c r="N9786" t="s">
        <v>84</v>
      </c>
      <c r="O9786" t="s">
        <v>85</v>
      </c>
      <c r="P9786" t="s">
        <v>86</v>
      </c>
      <c r="Q9786">
        <v>13</v>
      </c>
      <c r="R9786">
        <v>13</v>
      </c>
      <c r="S9786">
        <v>13</v>
      </c>
      <c r="T9786">
        <v>13</v>
      </c>
      <c r="U9786">
        <v>14</v>
      </c>
      <c r="V9786">
        <v>14</v>
      </c>
      <c r="W9786">
        <v>14</v>
      </c>
      <c r="X9786">
        <v>14</v>
      </c>
      <c r="Y9786">
        <v>14</v>
      </c>
      <c r="Z9786">
        <v>15</v>
      </c>
      <c r="AA9786">
        <v>15</v>
      </c>
      <c r="AB9786">
        <v>15</v>
      </c>
      <c r="AC9786">
        <v>15</v>
      </c>
      <c r="AD9786">
        <v>15</v>
      </c>
      <c r="AE9786">
        <v>16</v>
      </c>
      <c r="AF9786">
        <v>16</v>
      </c>
      <c r="AG9786">
        <v>16</v>
      </c>
      <c r="AH9786">
        <v>16</v>
      </c>
      <c r="AI9786">
        <v>17</v>
      </c>
      <c r="AJ9786">
        <v>17</v>
      </c>
      <c r="AK9786">
        <v>17</v>
      </c>
      <c r="AL9786">
        <v>17</v>
      </c>
      <c r="AM9786">
        <v>17</v>
      </c>
      <c r="AN9786">
        <v>17</v>
      </c>
      <c r="AO9786">
        <v>17</v>
      </c>
      <c r="AP9786">
        <v>17</v>
      </c>
      <c r="AQ9786">
        <v>17</v>
      </c>
    </row>
    <row r="9787" spans="1:43">
      <c r="A9787" t="s">
        <v>6108</v>
      </c>
      <c r="B9787" t="s">
        <v>6109</v>
      </c>
      <c r="C9787" t="s">
        <v>6094</v>
      </c>
      <c r="D9787" t="s">
        <v>6095</v>
      </c>
      <c r="E9787" t="s">
        <v>5940</v>
      </c>
      <c r="F9787" t="s">
        <v>5941</v>
      </c>
      <c r="G9787" t="s">
        <v>80</v>
      </c>
      <c r="H9787" t="s">
        <v>81</v>
      </c>
      <c r="I9787" s="2">
        <v>0</v>
      </c>
      <c r="J9787" s="2">
        <v>1</v>
      </c>
      <c r="K9787" s="2">
        <v>0</v>
      </c>
      <c r="L9787" t="s">
        <v>82</v>
      </c>
      <c r="M9787" t="s">
        <v>87</v>
      </c>
      <c r="N9787" t="s">
        <v>88</v>
      </c>
      <c r="O9787" t="s">
        <v>85</v>
      </c>
      <c r="P9787" t="s">
        <v>86</v>
      </c>
      <c r="Q9787">
        <v>13</v>
      </c>
      <c r="R9787">
        <v>13</v>
      </c>
      <c r="S9787">
        <v>13</v>
      </c>
      <c r="T9787">
        <v>13</v>
      </c>
      <c r="U9787">
        <v>13</v>
      </c>
      <c r="V9787">
        <v>13</v>
      </c>
      <c r="W9787">
        <v>13</v>
      </c>
      <c r="X9787">
        <v>13</v>
      </c>
      <c r="Y9787">
        <v>13</v>
      </c>
      <c r="Z9787">
        <v>13</v>
      </c>
      <c r="AA9787">
        <v>14</v>
      </c>
      <c r="AB9787">
        <v>14</v>
      </c>
      <c r="AC9787">
        <v>14</v>
      </c>
      <c r="AD9787">
        <v>14</v>
      </c>
      <c r="AE9787">
        <v>14</v>
      </c>
      <c r="AF9787">
        <v>14</v>
      </c>
      <c r="AG9787">
        <v>14</v>
      </c>
      <c r="AH9787">
        <v>14</v>
      </c>
      <c r="AI9787">
        <v>14</v>
      </c>
      <c r="AJ9787">
        <v>14</v>
      </c>
      <c r="AK9787">
        <v>14</v>
      </c>
      <c r="AL9787">
        <v>15</v>
      </c>
      <c r="AM9787">
        <v>15</v>
      </c>
      <c r="AN9787">
        <v>15</v>
      </c>
      <c r="AO9787">
        <v>15</v>
      </c>
      <c r="AP9787">
        <v>15</v>
      </c>
      <c r="AQ9787">
        <v>15</v>
      </c>
    </row>
    <row r="9788" spans="1:43">
      <c r="A9788" t="s">
        <v>6108</v>
      </c>
      <c r="B9788" t="s">
        <v>6109</v>
      </c>
      <c r="C9788" t="s">
        <v>6094</v>
      </c>
      <c r="D9788" t="s">
        <v>6095</v>
      </c>
      <c r="E9788" t="s">
        <v>5940</v>
      </c>
      <c r="F9788" t="s">
        <v>5941</v>
      </c>
      <c r="G9788" t="s">
        <v>80</v>
      </c>
      <c r="H9788" t="s">
        <v>81</v>
      </c>
      <c r="I9788" s="2">
        <v>0</v>
      </c>
      <c r="J9788" s="2">
        <v>1</v>
      </c>
      <c r="K9788" s="2">
        <v>0</v>
      </c>
      <c r="L9788" t="s">
        <v>82</v>
      </c>
      <c r="M9788" t="s">
        <v>89</v>
      </c>
      <c r="N9788" t="s">
        <v>90</v>
      </c>
      <c r="O9788" t="s">
        <v>85</v>
      </c>
      <c r="P9788" t="s">
        <v>86</v>
      </c>
      <c r="Q9788">
        <v>13</v>
      </c>
      <c r="R9788">
        <v>13</v>
      </c>
      <c r="S9788">
        <v>13</v>
      </c>
      <c r="T9788">
        <v>14</v>
      </c>
      <c r="U9788">
        <v>14</v>
      </c>
      <c r="V9788">
        <v>14</v>
      </c>
      <c r="W9788">
        <v>15</v>
      </c>
      <c r="X9788">
        <v>15</v>
      </c>
      <c r="Y9788">
        <v>15</v>
      </c>
      <c r="Z9788">
        <v>16</v>
      </c>
      <c r="AA9788">
        <v>16</v>
      </c>
      <c r="AB9788">
        <v>16</v>
      </c>
      <c r="AC9788">
        <v>16</v>
      </c>
      <c r="AD9788">
        <v>17</v>
      </c>
      <c r="AE9788">
        <v>17</v>
      </c>
      <c r="AF9788">
        <v>17</v>
      </c>
      <c r="AG9788">
        <v>17</v>
      </c>
      <c r="AH9788">
        <v>17</v>
      </c>
      <c r="AI9788">
        <v>17</v>
      </c>
      <c r="AJ9788">
        <v>17</v>
      </c>
      <c r="AK9788">
        <v>17</v>
      </c>
      <c r="AL9788">
        <v>17</v>
      </c>
      <c r="AM9788">
        <v>17</v>
      </c>
      <c r="AN9788">
        <v>17</v>
      </c>
      <c r="AO9788">
        <v>17</v>
      </c>
      <c r="AP9788">
        <v>17</v>
      </c>
      <c r="AQ9788">
        <v>17</v>
      </c>
    </row>
    <row r="9789" spans="1:43">
      <c r="A9789" t="s">
        <v>6108</v>
      </c>
      <c r="B9789" t="s">
        <v>6109</v>
      </c>
      <c r="C9789" t="s">
        <v>6094</v>
      </c>
      <c r="D9789" t="s">
        <v>6095</v>
      </c>
      <c r="E9789" t="s">
        <v>5940</v>
      </c>
      <c r="F9789" t="s">
        <v>5941</v>
      </c>
      <c r="G9789" t="s">
        <v>80</v>
      </c>
      <c r="H9789" t="s">
        <v>81</v>
      </c>
      <c r="I9789" s="2">
        <v>0</v>
      </c>
      <c r="J9789" s="2">
        <v>1</v>
      </c>
      <c r="K9789" s="2">
        <v>0</v>
      </c>
      <c r="L9789" t="s">
        <v>82</v>
      </c>
      <c r="M9789" t="s">
        <v>83</v>
      </c>
      <c r="N9789" t="s">
        <v>91</v>
      </c>
      <c r="O9789" t="s">
        <v>85</v>
      </c>
      <c r="P9789" t="s">
        <v>86</v>
      </c>
      <c r="Q9789">
        <v>13</v>
      </c>
      <c r="R9789">
        <v>13</v>
      </c>
      <c r="S9789">
        <v>13</v>
      </c>
      <c r="T9789">
        <v>13</v>
      </c>
      <c r="U9789">
        <v>14</v>
      </c>
      <c r="V9789">
        <v>14</v>
      </c>
      <c r="W9789">
        <v>14</v>
      </c>
      <c r="X9789">
        <v>14</v>
      </c>
      <c r="Y9789">
        <v>14</v>
      </c>
      <c r="Z9789">
        <v>15</v>
      </c>
      <c r="AA9789">
        <v>15</v>
      </c>
      <c r="AB9789">
        <v>15</v>
      </c>
      <c r="AC9789">
        <v>15</v>
      </c>
      <c r="AD9789">
        <v>15</v>
      </c>
      <c r="AE9789">
        <v>16</v>
      </c>
      <c r="AF9789">
        <v>16</v>
      </c>
      <c r="AG9789">
        <v>16</v>
      </c>
      <c r="AH9789">
        <v>16</v>
      </c>
      <c r="AI9789">
        <v>17</v>
      </c>
      <c r="AJ9789">
        <v>17</v>
      </c>
      <c r="AK9789">
        <v>17</v>
      </c>
      <c r="AL9789">
        <v>17</v>
      </c>
      <c r="AM9789">
        <v>17</v>
      </c>
      <c r="AN9789">
        <v>17</v>
      </c>
      <c r="AO9789">
        <v>17</v>
      </c>
      <c r="AP9789">
        <v>17</v>
      </c>
      <c r="AQ9789">
        <v>17</v>
      </c>
    </row>
    <row r="9790" spans="1:43">
      <c r="A9790" t="s">
        <v>6110</v>
      </c>
      <c r="B9790" t="s">
        <v>6111</v>
      </c>
      <c r="C9790" t="s">
        <v>6090</v>
      </c>
      <c r="D9790" t="s">
        <v>6091</v>
      </c>
      <c r="E9790" t="s">
        <v>5940</v>
      </c>
      <c r="F9790" t="s">
        <v>5941</v>
      </c>
      <c r="G9790" t="s">
        <v>80</v>
      </c>
      <c r="H9790" t="s">
        <v>81</v>
      </c>
      <c r="I9790" s="2">
        <v>0</v>
      </c>
      <c r="J9790" s="2">
        <v>1</v>
      </c>
      <c r="K9790" s="2">
        <v>0</v>
      </c>
      <c r="L9790" t="s">
        <v>82</v>
      </c>
      <c r="M9790" t="s">
        <v>83</v>
      </c>
      <c r="N9790" t="s">
        <v>84</v>
      </c>
      <c r="O9790" t="s">
        <v>85</v>
      </c>
      <c r="P9790" t="s">
        <v>86</v>
      </c>
      <c r="Q9790">
        <v>22</v>
      </c>
      <c r="R9790">
        <v>23</v>
      </c>
      <c r="S9790">
        <v>23</v>
      </c>
      <c r="T9790">
        <v>23</v>
      </c>
      <c r="U9790">
        <v>24</v>
      </c>
      <c r="V9790">
        <v>24</v>
      </c>
      <c r="W9790">
        <v>25</v>
      </c>
      <c r="X9790">
        <v>25</v>
      </c>
      <c r="Y9790">
        <v>25</v>
      </c>
      <c r="Z9790">
        <v>26</v>
      </c>
      <c r="AA9790">
        <v>26</v>
      </c>
      <c r="AB9790">
        <v>26</v>
      </c>
      <c r="AC9790">
        <v>27</v>
      </c>
      <c r="AD9790">
        <v>27</v>
      </c>
      <c r="AE9790">
        <v>28</v>
      </c>
      <c r="AF9790">
        <v>28</v>
      </c>
      <c r="AG9790">
        <v>28</v>
      </c>
      <c r="AH9790">
        <v>29</v>
      </c>
      <c r="AI9790">
        <v>29</v>
      </c>
      <c r="AJ9790">
        <v>29</v>
      </c>
      <c r="AK9790">
        <v>30</v>
      </c>
      <c r="AL9790">
        <v>30</v>
      </c>
      <c r="AM9790">
        <v>30</v>
      </c>
      <c r="AN9790">
        <v>30</v>
      </c>
      <c r="AO9790">
        <v>30</v>
      </c>
      <c r="AP9790">
        <v>30</v>
      </c>
      <c r="AQ9790">
        <v>30</v>
      </c>
    </row>
    <row r="9791" spans="1:43">
      <c r="A9791" t="s">
        <v>6110</v>
      </c>
      <c r="B9791" t="s">
        <v>6111</v>
      </c>
      <c r="C9791" t="s">
        <v>6090</v>
      </c>
      <c r="D9791" t="s">
        <v>6091</v>
      </c>
      <c r="E9791" t="s">
        <v>5940</v>
      </c>
      <c r="F9791" t="s">
        <v>5941</v>
      </c>
      <c r="G9791" t="s">
        <v>80</v>
      </c>
      <c r="H9791" t="s">
        <v>81</v>
      </c>
      <c r="I9791" s="2">
        <v>0</v>
      </c>
      <c r="J9791" s="2">
        <v>1</v>
      </c>
      <c r="K9791" s="2">
        <v>0</v>
      </c>
      <c r="L9791" t="s">
        <v>82</v>
      </c>
      <c r="M9791" t="s">
        <v>87</v>
      </c>
      <c r="N9791" t="s">
        <v>88</v>
      </c>
      <c r="O9791" t="s">
        <v>85</v>
      </c>
      <c r="P9791" t="s">
        <v>86</v>
      </c>
      <c r="Q9791">
        <v>22</v>
      </c>
      <c r="R9791">
        <v>22</v>
      </c>
      <c r="S9791">
        <v>22</v>
      </c>
      <c r="T9791">
        <v>23</v>
      </c>
      <c r="U9791">
        <v>23</v>
      </c>
      <c r="V9791">
        <v>23</v>
      </c>
      <c r="W9791">
        <v>23</v>
      </c>
      <c r="X9791">
        <v>23</v>
      </c>
      <c r="Y9791">
        <v>23</v>
      </c>
      <c r="Z9791">
        <v>24</v>
      </c>
      <c r="AA9791">
        <v>24</v>
      </c>
      <c r="AB9791">
        <v>24</v>
      </c>
      <c r="AC9791">
        <v>24</v>
      </c>
      <c r="AD9791">
        <v>24</v>
      </c>
      <c r="AE9791">
        <v>24</v>
      </c>
      <c r="AF9791">
        <v>25</v>
      </c>
      <c r="AG9791">
        <v>25</v>
      </c>
      <c r="AH9791">
        <v>25</v>
      </c>
      <c r="AI9791">
        <v>25</v>
      </c>
      <c r="AJ9791">
        <v>25</v>
      </c>
      <c r="AK9791">
        <v>25</v>
      </c>
      <c r="AL9791">
        <v>26</v>
      </c>
      <c r="AM9791">
        <v>26</v>
      </c>
      <c r="AN9791">
        <v>26</v>
      </c>
      <c r="AO9791">
        <v>26</v>
      </c>
      <c r="AP9791">
        <v>26</v>
      </c>
      <c r="AQ9791">
        <v>26</v>
      </c>
    </row>
    <row r="9792" spans="1:43">
      <c r="A9792" t="s">
        <v>6110</v>
      </c>
      <c r="B9792" t="s">
        <v>6111</v>
      </c>
      <c r="C9792" t="s">
        <v>6090</v>
      </c>
      <c r="D9792" t="s">
        <v>6091</v>
      </c>
      <c r="E9792" t="s">
        <v>5940</v>
      </c>
      <c r="F9792" t="s">
        <v>5941</v>
      </c>
      <c r="G9792" t="s">
        <v>80</v>
      </c>
      <c r="H9792" t="s">
        <v>81</v>
      </c>
      <c r="I9792" s="2">
        <v>0</v>
      </c>
      <c r="J9792" s="2">
        <v>1</v>
      </c>
      <c r="K9792" s="2">
        <v>0</v>
      </c>
      <c r="L9792" t="s">
        <v>82</v>
      </c>
      <c r="M9792" t="s">
        <v>89</v>
      </c>
      <c r="N9792" t="s">
        <v>90</v>
      </c>
      <c r="O9792" t="s">
        <v>85</v>
      </c>
      <c r="P9792" t="s">
        <v>86</v>
      </c>
      <c r="Q9792">
        <v>22</v>
      </c>
      <c r="R9792">
        <v>23</v>
      </c>
      <c r="S9792">
        <v>24</v>
      </c>
      <c r="T9792">
        <v>24</v>
      </c>
      <c r="U9792">
        <v>25</v>
      </c>
      <c r="V9792">
        <v>25</v>
      </c>
      <c r="W9792">
        <v>26</v>
      </c>
      <c r="X9792">
        <v>26</v>
      </c>
      <c r="Y9792">
        <v>27</v>
      </c>
      <c r="Z9792">
        <v>27</v>
      </c>
      <c r="AA9792">
        <v>28</v>
      </c>
      <c r="AB9792">
        <v>28</v>
      </c>
      <c r="AC9792">
        <v>29</v>
      </c>
      <c r="AD9792">
        <v>29</v>
      </c>
      <c r="AE9792">
        <v>30</v>
      </c>
      <c r="AF9792">
        <v>30</v>
      </c>
      <c r="AG9792">
        <v>30</v>
      </c>
      <c r="AH9792">
        <v>30</v>
      </c>
      <c r="AI9792">
        <v>30</v>
      </c>
      <c r="AJ9792">
        <v>30</v>
      </c>
      <c r="AK9792">
        <v>30</v>
      </c>
      <c r="AL9792">
        <v>30</v>
      </c>
      <c r="AM9792">
        <v>30</v>
      </c>
      <c r="AN9792">
        <v>30</v>
      </c>
      <c r="AO9792">
        <v>30</v>
      </c>
      <c r="AP9792">
        <v>30</v>
      </c>
      <c r="AQ9792">
        <v>31</v>
      </c>
    </row>
    <row r="9793" spans="1:43">
      <c r="A9793" t="s">
        <v>6110</v>
      </c>
      <c r="B9793" t="s">
        <v>6111</v>
      </c>
      <c r="C9793" t="s">
        <v>6090</v>
      </c>
      <c r="D9793" t="s">
        <v>6091</v>
      </c>
      <c r="E9793" t="s">
        <v>5940</v>
      </c>
      <c r="F9793" t="s">
        <v>5941</v>
      </c>
      <c r="G9793" t="s">
        <v>80</v>
      </c>
      <c r="H9793" t="s">
        <v>81</v>
      </c>
      <c r="I9793" s="2">
        <v>0</v>
      </c>
      <c r="J9793" s="2">
        <v>1</v>
      </c>
      <c r="K9793" s="2">
        <v>0</v>
      </c>
      <c r="L9793" t="s">
        <v>82</v>
      </c>
      <c r="M9793" t="s">
        <v>83</v>
      </c>
      <c r="N9793" t="s">
        <v>91</v>
      </c>
      <c r="O9793" t="s">
        <v>85</v>
      </c>
      <c r="P9793" t="s">
        <v>86</v>
      </c>
      <c r="Q9793">
        <v>22</v>
      </c>
      <c r="R9793">
        <v>23</v>
      </c>
      <c r="S9793">
        <v>23</v>
      </c>
      <c r="T9793">
        <v>23</v>
      </c>
      <c r="U9793">
        <v>24</v>
      </c>
      <c r="V9793">
        <v>24</v>
      </c>
      <c r="W9793">
        <v>25</v>
      </c>
      <c r="X9793">
        <v>25</v>
      </c>
      <c r="Y9793">
        <v>25</v>
      </c>
      <c r="Z9793">
        <v>26</v>
      </c>
      <c r="AA9793">
        <v>26</v>
      </c>
      <c r="AB9793">
        <v>26</v>
      </c>
      <c r="AC9793">
        <v>27</v>
      </c>
      <c r="AD9793">
        <v>27</v>
      </c>
      <c r="AE9793">
        <v>28</v>
      </c>
      <c r="AF9793">
        <v>28</v>
      </c>
      <c r="AG9793">
        <v>28</v>
      </c>
      <c r="AH9793">
        <v>29</v>
      </c>
      <c r="AI9793">
        <v>29</v>
      </c>
      <c r="AJ9793">
        <v>29</v>
      </c>
      <c r="AK9793">
        <v>30</v>
      </c>
      <c r="AL9793">
        <v>30</v>
      </c>
      <c r="AM9793">
        <v>30</v>
      </c>
      <c r="AN9793">
        <v>30</v>
      </c>
      <c r="AO9793">
        <v>30</v>
      </c>
      <c r="AP9793">
        <v>30</v>
      </c>
      <c r="AQ9793">
        <v>30</v>
      </c>
    </row>
    <row r="9794" spans="1:43">
      <c r="A9794" t="s">
        <v>6112</v>
      </c>
      <c r="B9794" t="s">
        <v>6113</v>
      </c>
      <c r="C9794" t="s">
        <v>5980</v>
      </c>
      <c r="D9794" t="s">
        <v>5981</v>
      </c>
      <c r="E9794" t="s">
        <v>5940</v>
      </c>
      <c r="F9794" t="s">
        <v>5941</v>
      </c>
      <c r="G9794" t="s">
        <v>80</v>
      </c>
      <c r="H9794" t="s">
        <v>81</v>
      </c>
      <c r="I9794" s="2">
        <v>0</v>
      </c>
      <c r="J9794" s="2">
        <v>1</v>
      </c>
      <c r="K9794" s="2">
        <v>0</v>
      </c>
      <c r="L9794" t="s">
        <v>82</v>
      </c>
      <c r="M9794" t="s">
        <v>83</v>
      </c>
      <c r="N9794" t="s">
        <v>84</v>
      </c>
      <c r="O9794" t="s">
        <v>85</v>
      </c>
      <c r="P9794" t="s">
        <v>86</v>
      </c>
      <c r="Q9794">
        <v>12</v>
      </c>
      <c r="R9794">
        <v>12</v>
      </c>
      <c r="S9794">
        <v>13</v>
      </c>
      <c r="T9794">
        <v>13</v>
      </c>
      <c r="U9794">
        <v>13</v>
      </c>
      <c r="V9794">
        <v>13</v>
      </c>
      <c r="W9794">
        <v>13</v>
      </c>
      <c r="X9794">
        <v>14</v>
      </c>
      <c r="Y9794">
        <v>14</v>
      </c>
      <c r="Z9794">
        <v>14</v>
      </c>
      <c r="AA9794">
        <v>14</v>
      </c>
      <c r="AB9794">
        <v>14</v>
      </c>
      <c r="AC9794">
        <v>15</v>
      </c>
      <c r="AD9794">
        <v>15</v>
      </c>
      <c r="AE9794">
        <v>15</v>
      </c>
      <c r="AF9794">
        <v>15</v>
      </c>
      <c r="AG9794">
        <v>15</v>
      </c>
      <c r="AH9794">
        <v>16</v>
      </c>
      <c r="AI9794">
        <v>16</v>
      </c>
      <c r="AJ9794">
        <v>16</v>
      </c>
      <c r="AK9794">
        <v>16</v>
      </c>
      <c r="AL9794">
        <v>16</v>
      </c>
      <c r="AM9794">
        <v>16</v>
      </c>
      <c r="AN9794">
        <v>17</v>
      </c>
      <c r="AO9794">
        <v>17</v>
      </c>
      <c r="AP9794">
        <v>17</v>
      </c>
      <c r="AQ9794">
        <v>17</v>
      </c>
    </row>
    <row r="9795" spans="1:43">
      <c r="A9795" t="s">
        <v>6112</v>
      </c>
      <c r="B9795" t="s">
        <v>6113</v>
      </c>
      <c r="C9795" t="s">
        <v>5980</v>
      </c>
      <c r="D9795" t="s">
        <v>5981</v>
      </c>
      <c r="E9795" t="s">
        <v>5940</v>
      </c>
      <c r="F9795" t="s">
        <v>5941</v>
      </c>
      <c r="G9795" t="s">
        <v>80</v>
      </c>
      <c r="H9795" t="s">
        <v>81</v>
      </c>
      <c r="I9795" s="2">
        <v>0</v>
      </c>
      <c r="J9795" s="2">
        <v>1</v>
      </c>
      <c r="K9795" s="2">
        <v>0</v>
      </c>
      <c r="L9795" t="s">
        <v>82</v>
      </c>
      <c r="M9795" t="s">
        <v>87</v>
      </c>
      <c r="N9795" t="s">
        <v>88</v>
      </c>
      <c r="O9795" t="s">
        <v>85</v>
      </c>
      <c r="P9795" t="s">
        <v>86</v>
      </c>
      <c r="Q9795">
        <v>12</v>
      </c>
      <c r="R9795">
        <v>12</v>
      </c>
      <c r="S9795">
        <v>12</v>
      </c>
      <c r="T9795">
        <v>12</v>
      </c>
      <c r="U9795">
        <v>12</v>
      </c>
      <c r="V9795">
        <v>12</v>
      </c>
      <c r="W9795">
        <v>13</v>
      </c>
      <c r="X9795">
        <v>13</v>
      </c>
      <c r="Y9795">
        <v>13</v>
      </c>
      <c r="Z9795">
        <v>13</v>
      </c>
      <c r="AA9795">
        <v>13</v>
      </c>
      <c r="AB9795">
        <v>13</v>
      </c>
      <c r="AC9795">
        <v>13</v>
      </c>
      <c r="AD9795">
        <v>13</v>
      </c>
      <c r="AE9795">
        <v>13</v>
      </c>
      <c r="AF9795">
        <v>13</v>
      </c>
      <c r="AG9795">
        <v>13</v>
      </c>
      <c r="AH9795">
        <v>14</v>
      </c>
      <c r="AI9795">
        <v>14</v>
      </c>
      <c r="AJ9795">
        <v>14</v>
      </c>
      <c r="AK9795">
        <v>14</v>
      </c>
      <c r="AL9795">
        <v>14</v>
      </c>
      <c r="AM9795">
        <v>14</v>
      </c>
      <c r="AN9795">
        <v>14</v>
      </c>
      <c r="AO9795">
        <v>14</v>
      </c>
      <c r="AP9795">
        <v>14</v>
      </c>
      <c r="AQ9795">
        <v>14</v>
      </c>
    </row>
    <row r="9796" spans="1:43">
      <c r="A9796" t="s">
        <v>6112</v>
      </c>
      <c r="B9796" t="s">
        <v>6113</v>
      </c>
      <c r="C9796" t="s">
        <v>5980</v>
      </c>
      <c r="D9796" t="s">
        <v>5981</v>
      </c>
      <c r="E9796" t="s">
        <v>5940</v>
      </c>
      <c r="F9796" t="s">
        <v>5941</v>
      </c>
      <c r="G9796" t="s">
        <v>80</v>
      </c>
      <c r="H9796" t="s">
        <v>81</v>
      </c>
      <c r="I9796" s="2">
        <v>0</v>
      </c>
      <c r="J9796" s="2">
        <v>1</v>
      </c>
      <c r="K9796" s="2">
        <v>0</v>
      </c>
      <c r="L9796" t="s">
        <v>82</v>
      </c>
      <c r="M9796" t="s">
        <v>89</v>
      </c>
      <c r="N9796" t="s">
        <v>90</v>
      </c>
      <c r="O9796" t="s">
        <v>85</v>
      </c>
      <c r="P9796" t="s">
        <v>86</v>
      </c>
      <c r="Q9796">
        <v>12</v>
      </c>
      <c r="R9796">
        <v>13</v>
      </c>
      <c r="S9796">
        <v>13</v>
      </c>
      <c r="T9796">
        <v>13</v>
      </c>
      <c r="U9796">
        <v>13</v>
      </c>
      <c r="V9796">
        <v>14</v>
      </c>
      <c r="W9796">
        <v>14</v>
      </c>
      <c r="X9796">
        <v>14</v>
      </c>
      <c r="Y9796">
        <v>15</v>
      </c>
      <c r="Z9796">
        <v>15</v>
      </c>
      <c r="AA9796">
        <v>15</v>
      </c>
      <c r="AB9796">
        <v>15</v>
      </c>
      <c r="AC9796">
        <v>16</v>
      </c>
      <c r="AD9796">
        <v>16</v>
      </c>
      <c r="AE9796">
        <v>16</v>
      </c>
      <c r="AF9796">
        <v>16</v>
      </c>
      <c r="AG9796">
        <v>16</v>
      </c>
      <c r="AH9796">
        <v>16</v>
      </c>
      <c r="AI9796">
        <v>16</v>
      </c>
      <c r="AJ9796">
        <v>16</v>
      </c>
      <c r="AK9796">
        <v>16</v>
      </c>
      <c r="AL9796">
        <v>17</v>
      </c>
      <c r="AM9796">
        <v>17</v>
      </c>
      <c r="AN9796">
        <v>17</v>
      </c>
      <c r="AO9796">
        <v>17</v>
      </c>
      <c r="AP9796">
        <v>17</v>
      </c>
      <c r="AQ9796">
        <v>17</v>
      </c>
    </row>
    <row r="9797" spans="1:43">
      <c r="A9797" t="s">
        <v>6112</v>
      </c>
      <c r="B9797" t="s">
        <v>6113</v>
      </c>
      <c r="C9797" t="s">
        <v>5980</v>
      </c>
      <c r="D9797" t="s">
        <v>5981</v>
      </c>
      <c r="E9797" t="s">
        <v>5940</v>
      </c>
      <c r="F9797" t="s">
        <v>5941</v>
      </c>
      <c r="G9797" t="s">
        <v>80</v>
      </c>
      <c r="H9797" t="s">
        <v>81</v>
      </c>
      <c r="I9797" s="2">
        <v>0</v>
      </c>
      <c r="J9797" s="2">
        <v>1</v>
      </c>
      <c r="K9797" s="2">
        <v>0</v>
      </c>
      <c r="L9797" t="s">
        <v>82</v>
      </c>
      <c r="M9797" t="s">
        <v>83</v>
      </c>
      <c r="N9797" t="s">
        <v>91</v>
      </c>
      <c r="O9797" t="s">
        <v>85</v>
      </c>
      <c r="P9797" t="s">
        <v>86</v>
      </c>
      <c r="Q9797">
        <v>12</v>
      </c>
      <c r="R9797">
        <v>12</v>
      </c>
      <c r="S9797">
        <v>13</v>
      </c>
      <c r="T9797">
        <v>13</v>
      </c>
      <c r="U9797">
        <v>13</v>
      </c>
      <c r="V9797">
        <v>13</v>
      </c>
      <c r="W9797">
        <v>13</v>
      </c>
      <c r="X9797">
        <v>14</v>
      </c>
      <c r="Y9797">
        <v>14</v>
      </c>
      <c r="Z9797">
        <v>14</v>
      </c>
      <c r="AA9797">
        <v>14</v>
      </c>
      <c r="AB9797">
        <v>14</v>
      </c>
      <c r="AC9797">
        <v>15</v>
      </c>
      <c r="AD9797">
        <v>15</v>
      </c>
      <c r="AE9797">
        <v>15</v>
      </c>
      <c r="AF9797">
        <v>15</v>
      </c>
      <c r="AG9797">
        <v>15</v>
      </c>
      <c r="AH9797">
        <v>16</v>
      </c>
      <c r="AI9797">
        <v>16</v>
      </c>
      <c r="AJ9797">
        <v>16</v>
      </c>
      <c r="AK9797">
        <v>16</v>
      </c>
      <c r="AL9797">
        <v>16</v>
      </c>
      <c r="AM9797">
        <v>16</v>
      </c>
      <c r="AN9797">
        <v>17</v>
      </c>
      <c r="AO9797">
        <v>17</v>
      </c>
      <c r="AP9797">
        <v>17</v>
      </c>
      <c r="AQ9797">
        <v>17</v>
      </c>
    </row>
    <row r="9798" spans="1:43">
      <c r="A9798" t="s">
        <v>6114</v>
      </c>
      <c r="B9798" t="s">
        <v>6115</v>
      </c>
      <c r="C9798" t="s">
        <v>5974</v>
      </c>
      <c r="D9798" t="s">
        <v>5975</v>
      </c>
      <c r="E9798" t="s">
        <v>5940</v>
      </c>
      <c r="F9798" t="s">
        <v>5941</v>
      </c>
      <c r="G9798" t="s">
        <v>80</v>
      </c>
      <c r="H9798" t="s">
        <v>81</v>
      </c>
      <c r="I9798" s="2">
        <v>0</v>
      </c>
      <c r="J9798" s="2">
        <v>1</v>
      </c>
      <c r="K9798" s="2">
        <v>0</v>
      </c>
      <c r="L9798" t="s">
        <v>82</v>
      </c>
      <c r="M9798" t="s">
        <v>83</v>
      </c>
      <c r="N9798" t="s">
        <v>84</v>
      </c>
      <c r="O9798" t="s">
        <v>85</v>
      </c>
      <c r="P9798" t="s">
        <v>86</v>
      </c>
      <c r="Q9798">
        <v>18</v>
      </c>
      <c r="R9798">
        <v>19</v>
      </c>
      <c r="S9798">
        <v>19</v>
      </c>
      <c r="T9798">
        <v>19</v>
      </c>
      <c r="U9798">
        <v>19</v>
      </c>
      <c r="V9798">
        <v>20</v>
      </c>
      <c r="W9798">
        <v>20</v>
      </c>
      <c r="X9798">
        <v>20</v>
      </c>
      <c r="Y9798">
        <v>21</v>
      </c>
      <c r="Z9798">
        <v>21</v>
      </c>
      <c r="AA9798">
        <v>21</v>
      </c>
      <c r="AB9798">
        <v>22</v>
      </c>
      <c r="AC9798">
        <v>22</v>
      </c>
      <c r="AD9798">
        <v>22</v>
      </c>
      <c r="AE9798">
        <v>23</v>
      </c>
      <c r="AF9798">
        <v>23</v>
      </c>
      <c r="AG9798">
        <v>23</v>
      </c>
      <c r="AH9798">
        <v>23</v>
      </c>
      <c r="AI9798">
        <v>24</v>
      </c>
      <c r="AJ9798">
        <v>24</v>
      </c>
      <c r="AK9798">
        <v>24</v>
      </c>
      <c r="AL9798">
        <v>25</v>
      </c>
      <c r="AM9798">
        <v>25</v>
      </c>
      <c r="AN9798">
        <v>25</v>
      </c>
      <c r="AO9798">
        <v>25</v>
      </c>
      <c r="AP9798">
        <v>25</v>
      </c>
      <c r="AQ9798">
        <v>25</v>
      </c>
    </row>
    <row r="9799" spans="1:43">
      <c r="A9799" t="s">
        <v>6114</v>
      </c>
      <c r="B9799" t="s">
        <v>6115</v>
      </c>
      <c r="C9799" t="s">
        <v>5974</v>
      </c>
      <c r="D9799" t="s">
        <v>5975</v>
      </c>
      <c r="E9799" t="s">
        <v>5940</v>
      </c>
      <c r="F9799" t="s">
        <v>5941</v>
      </c>
      <c r="G9799" t="s">
        <v>80</v>
      </c>
      <c r="H9799" t="s">
        <v>81</v>
      </c>
      <c r="I9799" s="2">
        <v>0</v>
      </c>
      <c r="J9799" s="2">
        <v>1</v>
      </c>
      <c r="K9799" s="2">
        <v>0</v>
      </c>
      <c r="L9799" t="s">
        <v>82</v>
      </c>
      <c r="M9799" t="s">
        <v>87</v>
      </c>
      <c r="N9799" t="s">
        <v>88</v>
      </c>
      <c r="O9799" t="s">
        <v>85</v>
      </c>
      <c r="P9799" t="s">
        <v>86</v>
      </c>
      <c r="Q9799">
        <v>18</v>
      </c>
      <c r="R9799">
        <v>18</v>
      </c>
      <c r="S9799">
        <v>18</v>
      </c>
      <c r="T9799">
        <v>18</v>
      </c>
      <c r="U9799">
        <v>19</v>
      </c>
      <c r="V9799">
        <v>19</v>
      </c>
      <c r="W9799">
        <v>19</v>
      </c>
      <c r="X9799">
        <v>19</v>
      </c>
      <c r="Y9799">
        <v>19</v>
      </c>
      <c r="Z9799">
        <v>19</v>
      </c>
      <c r="AA9799">
        <v>19</v>
      </c>
      <c r="AB9799">
        <v>20</v>
      </c>
      <c r="AC9799">
        <v>20</v>
      </c>
      <c r="AD9799">
        <v>20</v>
      </c>
      <c r="AE9799">
        <v>20</v>
      </c>
      <c r="AF9799">
        <v>20</v>
      </c>
      <c r="AG9799">
        <v>20</v>
      </c>
      <c r="AH9799">
        <v>20</v>
      </c>
      <c r="AI9799">
        <v>21</v>
      </c>
      <c r="AJ9799">
        <v>21</v>
      </c>
      <c r="AK9799">
        <v>21</v>
      </c>
      <c r="AL9799">
        <v>21</v>
      </c>
      <c r="AM9799">
        <v>21</v>
      </c>
      <c r="AN9799">
        <v>21</v>
      </c>
      <c r="AO9799">
        <v>21</v>
      </c>
      <c r="AP9799">
        <v>22</v>
      </c>
      <c r="AQ9799">
        <v>22</v>
      </c>
    </row>
    <row r="9800" spans="1:43">
      <c r="A9800" t="s">
        <v>6114</v>
      </c>
      <c r="B9800" t="s">
        <v>6115</v>
      </c>
      <c r="C9800" t="s">
        <v>5974</v>
      </c>
      <c r="D9800" t="s">
        <v>5975</v>
      </c>
      <c r="E9800" t="s">
        <v>5940</v>
      </c>
      <c r="F9800" t="s">
        <v>5941</v>
      </c>
      <c r="G9800" t="s">
        <v>80</v>
      </c>
      <c r="H9800" t="s">
        <v>81</v>
      </c>
      <c r="I9800" s="2">
        <v>0</v>
      </c>
      <c r="J9800" s="2">
        <v>1</v>
      </c>
      <c r="K9800" s="2">
        <v>0</v>
      </c>
      <c r="L9800" t="s">
        <v>82</v>
      </c>
      <c r="M9800" t="s">
        <v>89</v>
      </c>
      <c r="N9800" t="s">
        <v>90</v>
      </c>
      <c r="O9800" t="s">
        <v>85</v>
      </c>
      <c r="P9800" t="s">
        <v>86</v>
      </c>
      <c r="Q9800">
        <v>18</v>
      </c>
      <c r="R9800">
        <v>19</v>
      </c>
      <c r="S9800">
        <v>19</v>
      </c>
      <c r="T9800">
        <v>20</v>
      </c>
      <c r="U9800">
        <v>20</v>
      </c>
      <c r="V9800">
        <v>21</v>
      </c>
      <c r="W9800">
        <v>21</v>
      </c>
      <c r="X9800">
        <v>22</v>
      </c>
      <c r="Y9800">
        <v>22</v>
      </c>
      <c r="Z9800">
        <v>22</v>
      </c>
      <c r="AA9800">
        <v>23</v>
      </c>
      <c r="AB9800">
        <v>23</v>
      </c>
      <c r="AC9800">
        <v>24</v>
      </c>
      <c r="AD9800">
        <v>24</v>
      </c>
      <c r="AE9800">
        <v>24</v>
      </c>
      <c r="AF9800">
        <v>24</v>
      </c>
      <c r="AG9800">
        <v>24</v>
      </c>
      <c r="AH9800">
        <v>24</v>
      </c>
      <c r="AI9800">
        <v>24</v>
      </c>
      <c r="AJ9800">
        <v>25</v>
      </c>
      <c r="AK9800">
        <v>25</v>
      </c>
      <c r="AL9800">
        <v>25</v>
      </c>
      <c r="AM9800">
        <v>25</v>
      </c>
      <c r="AN9800">
        <v>25</v>
      </c>
      <c r="AO9800">
        <v>25</v>
      </c>
      <c r="AP9800">
        <v>25</v>
      </c>
      <c r="AQ9800">
        <v>25</v>
      </c>
    </row>
    <row r="9801" spans="1:43">
      <c r="A9801" t="s">
        <v>6114</v>
      </c>
      <c r="B9801" t="s">
        <v>6115</v>
      </c>
      <c r="C9801" t="s">
        <v>5974</v>
      </c>
      <c r="D9801" t="s">
        <v>5975</v>
      </c>
      <c r="E9801" t="s">
        <v>5940</v>
      </c>
      <c r="F9801" t="s">
        <v>5941</v>
      </c>
      <c r="G9801" t="s">
        <v>80</v>
      </c>
      <c r="H9801" t="s">
        <v>81</v>
      </c>
      <c r="I9801" s="2">
        <v>0</v>
      </c>
      <c r="J9801" s="2">
        <v>1</v>
      </c>
      <c r="K9801" s="2">
        <v>0</v>
      </c>
      <c r="L9801" t="s">
        <v>82</v>
      </c>
      <c r="M9801" t="s">
        <v>83</v>
      </c>
      <c r="N9801" t="s">
        <v>91</v>
      </c>
      <c r="O9801" t="s">
        <v>85</v>
      </c>
      <c r="P9801" t="s">
        <v>86</v>
      </c>
      <c r="Q9801">
        <v>18</v>
      </c>
      <c r="R9801">
        <v>19</v>
      </c>
      <c r="S9801">
        <v>19</v>
      </c>
      <c r="T9801">
        <v>19</v>
      </c>
      <c r="U9801">
        <v>19</v>
      </c>
      <c r="V9801">
        <v>20</v>
      </c>
      <c r="W9801">
        <v>20</v>
      </c>
      <c r="X9801">
        <v>20</v>
      </c>
      <c r="Y9801">
        <v>21</v>
      </c>
      <c r="Z9801">
        <v>21</v>
      </c>
      <c r="AA9801">
        <v>21</v>
      </c>
      <c r="AB9801">
        <v>22</v>
      </c>
      <c r="AC9801">
        <v>22</v>
      </c>
      <c r="AD9801">
        <v>22</v>
      </c>
      <c r="AE9801">
        <v>23</v>
      </c>
      <c r="AF9801">
        <v>23</v>
      </c>
      <c r="AG9801">
        <v>23</v>
      </c>
      <c r="AH9801">
        <v>23</v>
      </c>
      <c r="AI9801">
        <v>24</v>
      </c>
      <c r="AJ9801">
        <v>24</v>
      </c>
      <c r="AK9801">
        <v>24</v>
      </c>
      <c r="AL9801">
        <v>25</v>
      </c>
      <c r="AM9801">
        <v>25</v>
      </c>
      <c r="AN9801">
        <v>25</v>
      </c>
      <c r="AO9801">
        <v>25</v>
      </c>
      <c r="AP9801">
        <v>25</v>
      </c>
      <c r="AQ9801">
        <v>25</v>
      </c>
    </row>
    <row r="9802" spans="1:43">
      <c r="A9802" t="s">
        <v>6116</v>
      </c>
      <c r="B9802" t="s">
        <v>6117</v>
      </c>
      <c r="C9802" t="s">
        <v>5956</v>
      </c>
      <c r="D9802" t="s">
        <v>5957</v>
      </c>
      <c r="E9802" t="s">
        <v>5940</v>
      </c>
      <c r="F9802" t="s">
        <v>5941</v>
      </c>
      <c r="G9802" t="s">
        <v>80</v>
      </c>
      <c r="H9802" t="s">
        <v>81</v>
      </c>
      <c r="I9802" s="2">
        <v>0</v>
      </c>
      <c r="J9802" s="2">
        <v>0</v>
      </c>
      <c r="K9802" s="2">
        <v>1</v>
      </c>
      <c r="L9802" t="s">
        <v>995</v>
      </c>
      <c r="M9802" t="s">
        <v>83</v>
      </c>
      <c r="N9802" t="s">
        <v>84</v>
      </c>
      <c r="O9802" t="s">
        <v>85</v>
      </c>
      <c r="P9802" t="s">
        <v>86</v>
      </c>
      <c r="Q9802">
        <v>112</v>
      </c>
      <c r="R9802">
        <v>114</v>
      </c>
      <c r="S9802">
        <v>116</v>
      </c>
      <c r="T9802">
        <v>118</v>
      </c>
      <c r="U9802">
        <v>120</v>
      </c>
      <c r="V9802">
        <v>122</v>
      </c>
      <c r="W9802">
        <v>124</v>
      </c>
      <c r="X9802">
        <v>126</v>
      </c>
      <c r="Y9802">
        <v>128</v>
      </c>
      <c r="Z9802">
        <v>130</v>
      </c>
      <c r="AA9802">
        <v>132</v>
      </c>
      <c r="AB9802">
        <v>134</v>
      </c>
      <c r="AC9802">
        <v>136</v>
      </c>
      <c r="AD9802">
        <v>138</v>
      </c>
      <c r="AE9802">
        <v>140</v>
      </c>
      <c r="AF9802">
        <v>142</v>
      </c>
      <c r="AG9802">
        <v>144</v>
      </c>
      <c r="AH9802">
        <v>146</v>
      </c>
      <c r="AI9802">
        <v>148</v>
      </c>
      <c r="AJ9802">
        <v>150</v>
      </c>
      <c r="AK9802">
        <v>152</v>
      </c>
      <c r="AL9802">
        <v>153</v>
      </c>
      <c r="AM9802">
        <v>153</v>
      </c>
      <c r="AN9802">
        <v>154</v>
      </c>
      <c r="AO9802">
        <v>155</v>
      </c>
      <c r="AP9802">
        <v>155</v>
      </c>
      <c r="AQ9802">
        <v>156</v>
      </c>
    </row>
    <row r="9803" spans="1:43">
      <c r="A9803" t="s">
        <v>6116</v>
      </c>
      <c r="B9803" t="s">
        <v>6117</v>
      </c>
      <c r="C9803" t="s">
        <v>5956</v>
      </c>
      <c r="D9803" t="s">
        <v>5957</v>
      </c>
      <c r="E9803" t="s">
        <v>5940</v>
      </c>
      <c r="F9803" t="s">
        <v>5941</v>
      </c>
      <c r="G9803" t="s">
        <v>80</v>
      </c>
      <c r="H9803" t="s">
        <v>81</v>
      </c>
      <c r="I9803" s="2">
        <v>0</v>
      </c>
      <c r="J9803" s="2">
        <v>0</v>
      </c>
      <c r="K9803" s="2">
        <v>1</v>
      </c>
      <c r="L9803" t="s">
        <v>995</v>
      </c>
      <c r="M9803" t="s">
        <v>87</v>
      </c>
      <c r="N9803" t="s">
        <v>88</v>
      </c>
      <c r="O9803" t="s">
        <v>85</v>
      </c>
      <c r="P9803" t="s">
        <v>86</v>
      </c>
      <c r="Q9803">
        <v>112</v>
      </c>
      <c r="R9803">
        <v>113</v>
      </c>
      <c r="S9803">
        <v>114</v>
      </c>
      <c r="T9803">
        <v>115</v>
      </c>
      <c r="U9803">
        <v>116</v>
      </c>
      <c r="V9803">
        <v>116</v>
      </c>
      <c r="W9803">
        <v>117</v>
      </c>
      <c r="X9803">
        <v>118</v>
      </c>
      <c r="Y9803">
        <v>119</v>
      </c>
      <c r="Z9803">
        <v>120</v>
      </c>
      <c r="AA9803">
        <v>121</v>
      </c>
      <c r="AB9803">
        <v>122</v>
      </c>
      <c r="AC9803">
        <v>123</v>
      </c>
      <c r="AD9803">
        <v>124</v>
      </c>
      <c r="AE9803">
        <v>125</v>
      </c>
      <c r="AF9803">
        <v>126</v>
      </c>
      <c r="AG9803">
        <v>126</v>
      </c>
      <c r="AH9803">
        <v>127</v>
      </c>
      <c r="AI9803">
        <v>128</v>
      </c>
      <c r="AJ9803">
        <v>129</v>
      </c>
      <c r="AK9803">
        <v>130</v>
      </c>
      <c r="AL9803">
        <v>131</v>
      </c>
      <c r="AM9803">
        <v>132</v>
      </c>
      <c r="AN9803">
        <v>133</v>
      </c>
      <c r="AO9803">
        <v>134</v>
      </c>
      <c r="AP9803">
        <v>135</v>
      </c>
      <c r="AQ9803">
        <v>136</v>
      </c>
    </row>
    <row r="9804" spans="1:43">
      <c r="A9804" t="s">
        <v>6116</v>
      </c>
      <c r="B9804" t="s">
        <v>6117</v>
      </c>
      <c r="C9804" t="s">
        <v>5956</v>
      </c>
      <c r="D9804" t="s">
        <v>5957</v>
      </c>
      <c r="E9804" t="s">
        <v>5940</v>
      </c>
      <c r="F9804" t="s">
        <v>5941</v>
      </c>
      <c r="G9804" t="s">
        <v>80</v>
      </c>
      <c r="H9804" t="s">
        <v>81</v>
      </c>
      <c r="I9804" s="2">
        <v>0</v>
      </c>
      <c r="J9804" s="2">
        <v>0</v>
      </c>
      <c r="K9804" s="2">
        <v>1</v>
      </c>
      <c r="L9804" t="s">
        <v>995</v>
      </c>
      <c r="M9804" t="s">
        <v>89</v>
      </c>
      <c r="N9804" t="s">
        <v>90</v>
      </c>
      <c r="O9804" t="s">
        <v>85</v>
      </c>
      <c r="P9804" t="s">
        <v>86</v>
      </c>
      <c r="Q9804">
        <v>112</v>
      </c>
      <c r="R9804">
        <v>115</v>
      </c>
      <c r="S9804">
        <v>118</v>
      </c>
      <c r="T9804">
        <v>121</v>
      </c>
      <c r="U9804">
        <v>124</v>
      </c>
      <c r="V9804">
        <v>126</v>
      </c>
      <c r="W9804">
        <v>129</v>
      </c>
      <c r="X9804">
        <v>132</v>
      </c>
      <c r="Y9804">
        <v>134</v>
      </c>
      <c r="Z9804">
        <v>137</v>
      </c>
      <c r="AA9804">
        <v>140</v>
      </c>
      <c r="AB9804">
        <v>142</v>
      </c>
      <c r="AC9804">
        <v>145</v>
      </c>
      <c r="AD9804">
        <v>147</v>
      </c>
      <c r="AE9804">
        <v>149</v>
      </c>
      <c r="AF9804">
        <v>150</v>
      </c>
      <c r="AG9804">
        <v>150</v>
      </c>
      <c r="AH9804">
        <v>151</v>
      </c>
      <c r="AI9804">
        <v>151</v>
      </c>
      <c r="AJ9804">
        <v>152</v>
      </c>
      <c r="AK9804">
        <v>152</v>
      </c>
      <c r="AL9804">
        <v>153</v>
      </c>
      <c r="AM9804">
        <v>154</v>
      </c>
      <c r="AN9804">
        <v>154</v>
      </c>
      <c r="AO9804">
        <v>155</v>
      </c>
      <c r="AP9804">
        <v>155</v>
      </c>
      <c r="AQ9804">
        <v>155</v>
      </c>
    </row>
    <row r="9805" spans="1:43">
      <c r="A9805" t="s">
        <v>6116</v>
      </c>
      <c r="B9805" t="s">
        <v>6117</v>
      </c>
      <c r="C9805" t="s">
        <v>5956</v>
      </c>
      <c r="D9805" t="s">
        <v>5957</v>
      </c>
      <c r="E9805" t="s">
        <v>5940</v>
      </c>
      <c r="F9805" t="s">
        <v>5941</v>
      </c>
      <c r="G9805" t="s">
        <v>80</v>
      </c>
      <c r="H9805" t="s">
        <v>81</v>
      </c>
      <c r="I9805" s="2">
        <v>0</v>
      </c>
      <c r="J9805" s="2">
        <v>0</v>
      </c>
      <c r="K9805" s="2">
        <v>1</v>
      </c>
      <c r="L9805" t="s">
        <v>995</v>
      </c>
      <c r="M9805" t="s">
        <v>83</v>
      </c>
      <c r="N9805" t="s">
        <v>91</v>
      </c>
      <c r="O9805" t="s">
        <v>85</v>
      </c>
      <c r="P9805" t="s">
        <v>86</v>
      </c>
      <c r="Q9805">
        <v>112</v>
      </c>
      <c r="R9805">
        <v>114</v>
      </c>
      <c r="S9805">
        <v>116</v>
      </c>
      <c r="T9805">
        <v>118</v>
      </c>
      <c r="U9805">
        <v>120</v>
      </c>
      <c r="V9805">
        <v>122</v>
      </c>
      <c r="W9805">
        <v>124</v>
      </c>
      <c r="X9805">
        <v>126</v>
      </c>
      <c r="Y9805">
        <v>128</v>
      </c>
      <c r="Z9805">
        <v>130</v>
      </c>
      <c r="AA9805">
        <v>132</v>
      </c>
      <c r="AB9805">
        <v>134</v>
      </c>
      <c r="AC9805">
        <v>136</v>
      </c>
      <c r="AD9805">
        <v>138</v>
      </c>
      <c r="AE9805">
        <v>140</v>
      </c>
      <c r="AF9805">
        <v>142</v>
      </c>
      <c r="AG9805">
        <v>144</v>
      </c>
      <c r="AH9805">
        <v>146</v>
      </c>
      <c r="AI9805">
        <v>148</v>
      </c>
      <c r="AJ9805">
        <v>150</v>
      </c>
      <c r="AK9805">
        <v>152</v>
      </c>
      <c r="AL9805">
        <v>153</v>
      </c>
      <c r="AM9805">
        <v>153</v>
      </c>
      <c r="AN9805">
        <v>154</v>
      </c>
      <c r="AO9805">
        <v>155</v>
      </c>
      <c r="AP9805">
        <v>155</v>
      </c>
      <c r="AQ9805">
        <v>156</v>
      </c>
    </row>
    <row r="9806" spans="1:43">
      <c r="A9806" t="s">
        <v>6118</v>
      </c>
      <c r="B9806" t="s">
        <v>6119</v>
      </c>
      <c r="C9806" t="s">
        <v>5956</v>
      </c>
      <c r="D9806" t="s">
        <v>5957</v>
      </c>
      <c r="E9806" t="s">
        <v>5940</v>
      </c>
      <c r="F9806" t="s">
        <v>5941</v>
      </c>
      <c r="G9806" t="s">
        <v>80</v>
      </c>
      <c r="H9806" t="s">
        <v>81</v>
      </c>
      <c r="I9806" s="2">
        <v>0</v>
      </c>
      <c r="J9806" s="2">
        <v>0</v>
      </c>
      <c r="K9806" s="2">
        <v>1</v>
      </c>
      <c r="L9806" t="s">
        <v>995</v>
      </c>
      <c r="M9806" t="s">
        <v>83</v>
      </c>
      <c r="N9806" t="s">
        <v>84</v>
      </c>
      <c r="O9806" t="s">
        <v>85</v>
      </c>
      <c r="P9806" t="s">
        <v>86</v>
      </c>
      <c r="Q9806">
        <v>38</v>
      </c>
      <c r="R9806">
        <v>38</v>
      </c>
      <c r="S9806">
        <v>39</v>
      </c>
      <c r="T9806">
        <v>40</v>
      </c>
      <c r="U9806">
        <v>40</v>
      </c>
      <c r="V9806">
        <v>41</v>
      </c>
      <c r="W9806">
        <v>42</v>
      </c>
      <c r="X9806">
        <v>42</v>
      </c>
      <c r="Y9806">
        <v>43</v>
      </c>
      <c r="Z9806">
        <v>44</v>
      </c>
      <c r="AA9806">
        <v>44</v>
      </c>
      <c r="AB9806">
        <v>45</v>
      </c>
      <c r="AC9806">
        <v>46</v>
      </c>
      <c r="AD9806">
        <v>46</v>
      </c>
      <c r="AE9806">
        <v>47</v>
      </c>
      <c r="AF9806">
        <v>48</v>
      </c>
      <c r="AG9806">
        <v>48</v>
      </c>
      <c r="AH9806">
        <v>49</v>
      </c>
      <c r="AI9806">
        <v>50</v>
      </c>
      <c r="AJ9806">
        <v>51</v>
      </c>
      <c r="AK9806">
        <v>51</v>
      </c>
      <c r="AL9806">
        <v>52</v>
      </c>
      <c r="AM9806">
        <v>52</v>
      </c>
      <c r="AN9806">
        <v>52</v>
      </c>
      <c r="AO9806">
        <v>52</v>
      </c>
      <c r="AP9806">
        <v>52</v>
      </c>
      <c r="AQ9806">
        <v>52</v>
      </c>
    </row>
    <row r="9807" spans="1:43">
      <c r="A9807" t="s">
        <v>6118</v>
      </c>
      <c r="B9807" t="s">
        <v>6119</v>
      </c>
      <c r="C9807" t="s">
        <v>5956</v>
      </c>
      <c r="D9807" t="s">
        <v>5957</v>
      </c>
      <c r="E9807" t="s">
        <v>5940</v>
      </c>
      <c r="F9807" t="s">
        <v>5941</v>
      </c>
      <c r="G9807" t="s">
        <v>80</v>
      </c>
      <c r="H9807" t="s">
        <v>81</v>
      </c>
      <c r="I9807" s="2">
        <v>0</v>
      </c>
      <c r="J9807" s="2">
        <v>0</v>
      </c>
      <c r="K9807" s="2">
        <v>1</v>
      </c>
      <c r="L9807" t="s">
        <v>995</v>
      </c>
      <c r="M9807" t="s">
        <v>87</v>
      </c>
      <c r="N9807" t="s">
        <v>88</v>
      </c>
      <c r="O9807" t="s">
        <v>85</v>
      </c>
      <c r="P9807" t="s">
        <v>86</v>
      </c>
      <c r="Q9807">
        <v>38</v>
      </c>
      <c r="R9807">
        <v>39</v>
      </c>
      <c r="S9807">
        <v>39</v>
      </c>
      <c r="T9807">
        <v>39</v>
      </c>
      <c r="U9807">
        <v>40</v>
      </c>
      <c r="V9807">
        <v>40</v>
      </c>
      <c r="W9807">
        <v>40</v>
      </c>
      <c r="X9807">
        <v>41</v>
      </c>
      <c r="Y9807">
        <v>41</v>
      </c>
      <c r="Z9807">
        <v>41</v>
      </c>
      <c r="AA9807">
        <v>41</v>
      </c>
      <c r="AB9807">
        <v>42</v>
      </c>
      <c r="AC9807">
        <v>42</v>
      </c>
      <c r="AD9807">
        <v>42</v>
      </c>
      <c r="AE9807">
        <v>43</v>
      </c>
      <c r="AF9807">
        <v>43</v>
      </c>
      <c r="AG9807">
        <v>43</v>
      </c>
      <c r="AH9807">
        <v>44</v>
      </c>
      <c r="AI9807">
        <v>44</v>
      </c>
      <c r="AJ9807">
        <v>44</v>
      </c>
      <c r="AK9807">
        <v>45</v>
      </c>
      <c r="AL9807">
        <v>45</v>
      </c>
      <c r="AM9807">
        <v>45</v>
      </c>
      <c r="AN9807">
        <v>45</v>
      </c>
      <c r="AO9807">
        <v>46</v>
      </c>
      <c r="AP9807">
        <v>46</v>
      </c>
      <c r="AQ9807">
        <v>46</v>
      </c>
    </row>
    <row r="9808" spans="1:43">
      <c r="A9808" t="s">
        <v>6118</v>
      </c>
      <c r="B9808" t="s">
        <v>6119</v>
      </c>
      <c r="C9808" t="s">
        <v>5956</v>
      </c>
      <c r="D9808" t="s">
        <v>5957</v>
      </c>
      <c r="E9808" t="s">
        <v>5940</v>
      </c>
      <c r="F9808" t="s">
        <v>5941</v>
      </c>
      <c r="G9808" t="s">
        <v>80</v>
      </c>
      <c r="H9808" t="s">
        <v>81</v>
      </c>
      <c r="I9808" s="2">
        <v>0</v>
      </c>
      <c r="J9808" s="2">
        <v>0</v>
      </c>
      <c r="K9808" s="2">
        <v>1</v>
      </c>
      <c r="L9808" t="s">
        <v>995</v>
      </c>
      <c r="M9808" t="s">
        <v>89</v>
      </c>
      <c r="N9808" t="s">
        <v>90</v>
      </c>
      <c r="O9808" t="s">
        <v>85</v>
      </c>
      <c r="P9808" t="s">
        <v>86</v>
      </c>
      <c r="Q9808">
        <v>38</v>
      </c>
      <c r="R9808">
        <v>39</v>
      </c>
      <c r="S9808">
        <v>40</v>
      </c>
      <c r="T9808">
        <v>41</v>
      </c>
      <c r="U9808">
        <v>42</v>
      </c>
      <c r="V9808">
        <v>43</v>
      </c>
      <c r="W9808">
        <v>44</v>
      </c>
      <c r="X9808">
        <v>45</v>
      </c>
      <c r="Y9808">
        <v>46</v>
      </c>
      <c r="Z9808">
        <v>47</v>
      </c>
      <c r="AA9808">
        <v>47</v>
      </c>
      <c r="AB9808">
        <v>48</v>
      </c>
      <c r="AC9808">
        <v>49</v>
      </c>
      <c r="AD9808">
        <v>50</v>
      </c>
      <c r="AE9808">
        <v>51</v>
      </c>
      <c r="AF9808">
        <v>51</v>
      </c>
      <c r="AG9808">
        <v>51</v>
      </c>
      <c r="AH9808">
        <v>51</v>
      </c>
      <c r="AI9808">
        <v>51</v>
      </c>
      <c r="AJ9808">
        <v>52</v>
      </c>
      <c r="AK9808">
        <v>52</v>
      </c>
      <c r="AL9808">
        <v>52</v>
      </c>
      <c r="AM9808">
        <v>52</v>
      </c>
      <c r="AN9808">
        <v>52</v>
      </c>
      <c r="AO9808">
        <v>52</v>
      </c>
      <c r="AP9808">
        <v>53</v>
      </c>
      <c r="AQ9808">
        <v>53</v>
      </c>
    </row>
    <row r="9809" spans="1:43">
      <c r="A9809" t="s">
        <v>6118</v>
      </c>
      <c r="B9809" t="s">
        <v>6119</v>
      </c>
      <c r="C9809" t="s">
        <v>5956</v>
      </c>
      <c r="D9809" t="s">
        <v>5957</v>
      </c>
      <c r="E9809" t="s">
        <v>5940</v>
      </c>
      <c r="F9809" t="s">
        <v>5941</v>
      </c>
      <c r="G9809" t="s">
        <v>80</v>
      </c>
      <c r="H9809" t="s">
        <v>81</v>
      </c>
      <c r="I9809" s="2">
        <v>0</v>
      </c>
      <c r="J9809" s="2">
        <v>0</v>
      </c>
      <c r="K9809" s="2">
        <v>1</v>
      </c>
      <c r="L9809" t="s">
        <v>995</v>
      </c>
      <c r="M9809" t="s">
        <v>83</v>
      </c>
      <c r="N9809" t="s">
        <v>91</v>
      </c>
      <c r="O9809" t="s">
        <v>85</v>
      </c>
      <c r="P9809" t="s">
        <v>86</v>
      </c>
      <c r="Q9809">
        <v>38</v>
      </c>
      <c r="R9809">
        <v>38</v>
      </c>
      <c r="S9809">
        <v>39</v>
      </c>
      <c r="T9809">
        <v>40</v>
      </c>
      <c r="U9809">
        <v>40</v>
      </c>
      <c r="V9809">
        <v>41</v>
      </c>
      <c r="W9809">
        <v>42</v>
      </c>
      <c r="X9809">
        <v>42</v>
      </c>
      <c r="Y9809">
        <v>43</v>
      </c>
      <c r="Z9809">
        <v>44</v>
      </c>
      <c r="AA9809">
        <v>44</v>
      </c>
      <c r="AB9809">
        <v>45</v>
      </c>
      <c r="AC9809">
        <v>46</v>
      </c>
      <c r="AD9809">
        <v>46</v>
      </c>
      <c r="AE9809">
        <v>47</v>
      </c>
      <c r="AF9809">
        <v>48</v>
      </c>
      <c r="AG9809">
        <v>48</v>
      </c>
      <c r="AH9809">
        <v>49</v>
      </c>
      <c r="AI9809">
        <v>50</v>
      </c>
      <c r="AJ9809">
        <v>51</v>
      </c>
      <c r="AK9809">
        <v>51</v>
      </c>
      <c r="AL9809">
        <v>52</v>
      </c>
      <c r="AM9809">
        <v>52</v>
      </c>
      <c r="AN9809">
        <v>52</v>
      </c>
      <c r="AO9809">
        <v>52</v>
      </c>
      <c r="AP9809">
        <v>52</v>
      </c>
      <c r="AQ9809">
        <v>52</v>
      </c>
    </row>
    <row r="9810" spans="1:43">
      <c r="A9810" t="s">
        <v>6120</v>
      </c>
      <c r="B9810" t="s">
        <v>6121</v>
      </c>
      <c r="C9810" t="s">
        <v>5956</v>
      </c>
      <c r="D9810" t="s">
        <v>5957</v>
      </c>
      <c r="E9810" t="s">
        <v>5940</v>
      </c>
      <c r="F9810" t="s">
        <v>5941</v>
      </c>
      <c r="G9810" t="s">
        <v>80</v>
      </c>
      <c r="H9810" t="s">
        <v>81</v>
      </c>
      <c r="I9810" s="2">
        <v>0</v>
      </c>
      <c r="J9810" s="2">
        <v>0</v>
      </c>
      <c r="K9810" s="2">
        <v>1</v>
      </c>
      <c r="L9810" t="s">
        <v>995</v>
      </c>
      <c r="M9810" t="s">
        <v>83</v>
      </c>
      <c r="N9810" t="s">
        <v>84</v>
      </c>
      <c r="O9810" t="s">
        <v>85</v>
      </c>
      <c r="P9810" t="s">
        <v>86</v>
      </c>
      <c r="Q9810">
        <v>133</v>
      </c>
      <c r="R9810">
        <v>135</v>
      </c>
      <c r="S9810">
        <v>138</v>
      </c>
      <c r="T9810">
        <v>140</v>
      </c>
      <c r="U9810">
        <v>142</v>
      </c>
      <c r="V9810">
        <v>145</v>
      </c>
      <c r="W9810">
        <v>147</v>
      </c>
      <c r="X9810">
        <v>149</v>
      </c>
      <c r="Y9810">
        <v>152</v>
      </c>
      <c r="Z9810">
        <v>154</v>
      </c>
      <c r="AA9810">
        <v>157</v>
      </c>
      <c r="AB9810">
        <v>159</v>
      </c>
      <c r="AC9810">
        <v>161</v>
      </c>
      <c r="AD9810">
        <v>164</v>
      </c>
      <c r="AE9810">
        <v>166</v>
      </c>
      <c r="AF9810">
        <v>168</v>
      </c>
      <c r="AG9810">
        <v>171</v>
      </c>
      <c r="AH9810">
        <v>173</v>
      </c>
      <c r="AI9810">
        <v>175</v>
      </c>
      <c r="AJ9810">
        <v>178</v>
      </c>
      <c r="AK9810">
        <v>180</v>
      </c>
      <c r="AL9810">
        <v>182</v>
      </c>
      <c r="AM9810">
        <v>182</v>
      </c>
      <c r="AN9810">
        <v>183</v>
      </c>
      <c r="AO9810">
        <v>183</v>
      </c>
      <c r="AP9810">
        <v>184</v>
      </c>
      <c r="AQ9810">
        <v>185</v>
      </c>
    </row>
    <row r="9811" spans="1:43">
      <c r="A9811" t="s">
        <v>6120</v>
      </c>
      <c r="B9811" t="s">
        <v>6121</v>
      </c>
      <c r="C9811" t="s">
        <v>5956</v>
      </c>
      <c r="D9811" t="s">
        <v>5957</v>
      </c>
      <c r="E9811" t="s">
        <v>5940</v>
      </c>
      <c r="F9811" t="s">
        <v>5941</v>
      </c>
      <c r="G9811" t="s">
        <v>80</v>
      </c>
      <c r="H9811" t="s">
        <v>81</v>
      </c>
      <c r="I9811" s="2">
        <v>0</v>
      </c>
      <c r="J9811" s="2">
        <v>0</v>
      </c>
      <c r="K9811" s="2">
        <v>1</v>
      </c>
      <c r="L9811" t="s">
        <v>995</v>
      </c>
      <c r="M9811" t="s">
        <v>87</v>
      </c>
      <c r="N9811" t="s">
        <v>88</v>
      </c>
      <c r="O9811" t="s">
        <v>85</v>
      </c>
      <c r="P9811" t="s">
        <v>86</v>
      </c>
      <c r="Q9811">
        <v>133</v>
      </c>
      <c r="R9811">
        <v>134</v>
      </c>
      <c r="S9811">
        <v>135</v>
      </c>
      <c r="T9811">
        <v>136</v>
      </c>
      <c r="U9811">
        <v>137</v>
      </c>
      <c r="V9811">
        <v>138</v>
      </c>
      <c r="W9811">
        <v>139</v>
      </c>
      <c r="X9811">
        <v>140</v>
      </c>
      <c r="Y9811">
        <v>141</v>
      </c>
      <c r="Z9811">
        <v>142</v>
      </c>
      <c r="AA9811">
        <v>143</v>
      </c>
      <c r="AB9811">
        <v>145</v>
      </c>
      <c r="AC9811">
        <v>146</v>
      </c>
      <c r="AD9811">
        <v>147</v>
      </c>
      <c r="AE9811">
        <v>148</v>
      </c>
      <c r="AF9811">
        <v>149</v>
      </c>
      <c r="AG9811">
        <v>150</v>
      </c>
      <c r="AH9811">
        <v>151</v>
      </c>
      <c r="AI9811">
        <v>152</v>
      </c>
      <c r="AJ9811">
        <v>153</v>
      </c>
      <c r="AK9811">
        <v>154</v>
      </c>
      <c r="AL9811">
        <v>155</v>
      </c>
      <c r="AM9811">
        <v>156</v>
      </c>
      <c r="AN9811">
        <v>157</v>
      </c>
      <c r="AO9811">
        <v>159</v>
      </c>
      <c r="AP9811">
        <v>160</v>
      </c>
      <c r="AQ9811">
        <v>161</v>
      </c>
    </row>
    <row r="9812" spans="1:43">
      <c r="A9812" t="s">
        <v>6120</v>
      </c>
      <c r="B9812" t="s">
        <v>6121</v>
      </c>
      <c r="C9812" t="s">
        <v>5956</v>
      </c>
      <c r="D9812" t="s">
        <v>5957</v>
      </c>
      <c r="E9812" t="s">
        <v>5940</v>
      </c>
      <c r="F9812" t="s">
        <v>5941</v>
      </c>
      <c r="G9812" t="s">
        <v>80</v>
      </c>
      <c r="H9812" t="s">
        <v>81</v>
      </c>
      <c r="I9812" s="2">
        <v>0</v>
      </c>
      <c r="J9812" s="2">
        <v>0</v>
      </c>
      <c r="K9812" s="2">
        <v>1</v>
      </c>
      <c r="L9812" t="s">
        <v>995</v>
      </c>
      <c r="M9812" t="s">
        <v>89</v>
      </c>
      <c r="N9812" t="s">
        <v>90</v>
      </c>
      <c r="O9812" t="s">
        <v>85</v>
      </c>
      <c r="P9812" t="s">
        <v>86</v>
      </c>
      <c r="Q9812">
        <v>133</v>
      </c>
      <c r="R9812">
        <v>137</v>
      </c>
      <c r="S9812">
        <v>140</v>
      </c>
      <c r="T9812">
        <v>144</v>
      </c>
      <c r="U9812">
        <v>147</v>
      </c>
      <c r="V9812">
        <v>150</v>
      </c>
      <c r="W9812">
        <v>154</v>
      </c>
      <c r="X9812">
        <v>157</v>
      </c>
      <c r="Y9812">
        <v>160</v>
      </c>
      <c r="Z9812">
        <v>163</v>
      </c>
      <c r="AA9812">
        <v>166</v>
      </c>
      <c r="AB9812">
        <v>169</v>
      </c>
      <c r="AC9812">
        <v>172</v>
      </c>
      <c r="AD9812">
        <v>175</v>
      </c>
      <c r="AE9812">
        <v>177</v>
      </c>
      <c r="AF9812">
        <v>178</v>
      </c>
      <c r="AG9812">
        <v>179</v>
      </c>
      <c r="AH9812">
        <v>179</v>
      </c>
      <c r="AI9812">
        <v>180</v>
      </c>
      <c r="AJ9812">
        <v>181</v>
      </c>
      <c r="AK9812">
        <v>181</v>
      </c>
      <c r="AL9812">
        <v>182</v>
      </c>
      <c r="AM9812">
        <v>182</v>
      </c>
      <c r="AN9812">
        <v>183</v>
      </c>
      <c r="AO9812">
        <v>184</v>
      </c>
      <c r="AP9812">
        <v>184</v>
      </c>
      <c r="AQ9812">
        <v>185</v>
      </c>
    </row>
    <row r="9813" spans="1:43">
      <c r="A9813" t="s">
        <v>6120</v>
      </c>
      <c r="B9813" t="s">
        <v>6121</v>
      </c>
      <c r="C9813" t="s">
        <v>5956</v>
      </c>
      <c r="D9813" t="s">
        <v>5957</v>
      </c>
      <c r="E9813" t="s">
        <v>5940</v>
      </c>
      <c r="F9813" t="s">
        <v>5941</v>
      </c>
      <c r="G9813" t="s">
        <v>80</v>
      </c>
      <c r="H9813" t="s">
        <v>81</v>
      </c>
      <c r="I9813" s="2">
        <v>0</v>
      </c>
      <c r="J9813" s="2">
        <v>0</v>
      </c>
      <c r="K9813" s="2">
        <v>1</v>
      </c>
      <c r="L9813" t="s">
        <v>995</v>
      </c>
      <c r="M9813" t="s">
        <v>83</v>
      </c>
      <c r="N9813" t="s">
        <v>91</v>
      </c>
      <c r="O9813" t="s">
        <v>85</v>
      </c>
      <c r="P9813" t="s">
        <v>86</v>
      </c>
      <c r="Q9813">
        <v>133</v>
      </c>
      <c r="R9813">
        <v>135</v>
      </c>
      <c r="S9813">
        <v>138</v>
      </c>
      <c r="T9813">
        <v>140</v>
      </c>
      <c r="U9813">
        <v>142</v>
      </c>
      <c r="V9813">
        <v>145</v>
      </c>
      <c r="W9813">
        <v>147</v>
      </c>
      <c r="X9813">
        <v>149</v>
      </c>
      <c r="Y9813">
        <v>152</v>
      </c>
      <c r="Z9813">
        <v>154</v>
      </c>
      <c r="AA9813">
        <v>157</v>
      </c>
      <c r="AB9813">
        <v>159</v>
      </c>
      <c r="AC9813">
        <v>161</v>
      </c>
      <c r="AD9813">
        <v>164</v>
      </c>
      <c r="AE9813">
        <v>166</v>
      </c>
      <c r="AF9813">
        <v>168</v>
      </c>
      <c r="AG9813">
        <v>171</v>
      </c>
      <c r="AH9813">
        <v>173</v>
      </c>
      <c r="AI9813">
        <v>175</v>
      </c>
      <c r="AJ9813">
        <v>178</v>
      </c>
      <c r="AK9813">
        <v>180</v>
      </c>
      <c r="AL9813">
        <v>182</v>
      </c>
      <c r="AM9813">
        <v>182</v>
      </c>
      <c r="AN9813">
        <v>183</v>
      </c>
      <c r="AO9813">
        <v>183</v>
      </c>
      <c r="AP9813">
        <v>184</v>
      </c>
      <c r="AQ9813">
        <v>185</v>
      </c>
    </row>
    <row r="9814" spans="1:43">
      <c r="A9814" t="s">
        <v>6122</v>
      </c>
      <c r="B9814" t="s">
        <v>6123</v>
      </c>
      <c r="C9814" t="s">
        <v>6068</v>
      </c>
      <c r="D9814" t="s">
        <v>6069</v>
      </c>
      <c r="E9814" t="s">
        <v>5940</v>
      </c>
      <c r="F9814" t="s">
        <v>5941</v>
      </c>
      <c r="G9814" t="s">
        <v>80</v>
      </c>
      <c r="H9814" t="s">
        <v>81</v>
      </c>
      <c r="I9814" s="2">
        <v>0</v>
      </c>
      <c r="J9814" s="2">
        <v>0</v>
      </c>
      <c r="K9814" s="2">
        <v>1</v>
      </c>
      <c r="L9814" t="s">
        <v>995</v>
      </c>
      <c r="M9814" t="s">
        <v>83</v>
      </c>
      <c r="N9814" t="s">
        <v>84</v>
      </c>
      <c r="O9814" t="s">
        <v>85</v>
      </c>
      <c r="P9814" t="s">
        <v>86</v>
      </c>
      <c r="Q9814">
        <v>85</v>
      </c>
      <c r="R9814">
        <v>86</v>
      </c>
      <c r="S9814">
        <v>88</v>
      </c>
      <c r="T9814">
        <v>89</v>
      </c>
      <c r="U9814">
        <v>91</v>
      </c>
      <c r="V9814">
        <v>92</v>
      </c>
      <c r="W9814">
        <v>94</v>
      </c>
      <c r="X9814">
        <v>95</v>
      </c>
      <c r="Y9814">
        <v>97</v>
      </c>
      <c r="Z9814">
        <v>98</v>
      </c>
      <c r="AA9814">
        <v>100</v>
      </c>
      <c r="AB9814">
        <v>101</v>
      </c>
      <c r="AC9814">
        <v>103</v>
      </c>
      <c r="AD9814">
        <v>104</v>
      </c>
      <c r="AE9814">
        <v>106</v>
      </c>
      <c r="AF9814">
        <v>107</v>
      </c>
      <c r="AG9814">
        <v>109</v>
      </c>
      <c r="AH9814">
        <v>110</v>
      </c>
      <c r="AI9814">
        <v>112</v>
      </c>
      <c r="AJ9814">
        <v>114</v>
      </c>
      <c r="AK9814">
        <v>115</v>
      </c>
      <c r="AL9814">
        <v>116</v>
      </c>
      <c r="AM9814">
        <v>116</v>
      </c>
      <c r="AN9814">
        <v>117</v>
      </c>
      <c r="AO9814">
        <v>117</v>
      </c>
      <c r="AP9814">
        <v>117</v>
      </c>
      <c r="AQ9814">
        <v>118</v>
      </c>
    </row>
    <row r="9815" spans="1:43">
      <c r="A9815" t="s">
        <v>6122</v>
      </c>
      <c r="B9815" t="s">
        <v>6123</v>
      </c>
      <c r="C9815" t="s">
        <v>6068</v>
      </c>
      <c r="D9815" t="s">
        <v>6069</v>
      </c>
      <c r="E9815" t="s">
        <v>5940</v>
      </c>
      <c r="F9815" t="s">
        <v>5941</v>
      </c>
      <c r="G9815" t="s">
        <v>80</v>
      </c>
      <c r="H9815" t="s">
        <v>81</v>
      </c>
      <c r="I9815" s="2">
        <v>0</v>
      </c>
      <c r="J9815" s="2">
        <v>0</v>
      </c>
      <c r="K9815" s="2">
        <v>1</v>
      </c>
      <c r="L9815" t="s">
        <v>995</v>
      </c>
      <c r="M9815" t="s">
        <v>87</v>
      </c>
      <c r="N9815" t="s">
        <v>88</v>
      </c>
      <c r="O9815" t="s">
        <v>85</v>
      </c>
      <c r="P9815" t="s">
        <v>86</v>
      </c>
      <c r="Q9815">
        <v>85</v>
      </c>
      <c r="R9815">
        <v>86</v>
      </c>
      <c r="S9815">
        <v>86</v>
      </c>
      <c r="T9815">
        <v>87</v>
      </c>
      <c r="U9815">
        <v>88</v>
      </c>
      <c r="V9815">
        <v>89</v>
      </c>
      <c r="W9815">
        <v>89</v>
      </c>
      <c r="X9815">
        <v>90</v>
      </c>
      <c r="Y9815">
        <v>91</v>
      </c>
      <c r="Z9815">
        <v>91</v>
      </c>
      <c r="AA9815">
        <v>92</v>
      </c>
      <c r="AB9815">
        <v>93</v>
      </c>
      <c r="AC9815">
        <v>93</v>
      </c>
      <c r="AD9815">
        <v>94</v>
      </c>
      <c r="AE9815">
        <v>95</v>
      </c>
      <c r="AF9815">
        <v>95</v>
      </c>
      <c r="AG9815">
        <v>96</v>
      </c>
      <c r="AH9815">
        <v>97</v>
      </c>
      <c r="AI9815">
        <v>97</v>
      </c>
      <c r="AJ9815">
        <v>98</v>
      </c>
      <c r="AK9815">
        <v>99</v>
      </c>
      <c r="AL9815">
        <v>100</v>
      </c>
      <c r="AM9815">
        <v>100</v>
      </c>
      <c r="AN9815">
        <v>101</v>
      </c>
      <c r="AO9815">
        <v>102</v>
      </c>
      <c r="AP9815">
        <v>102</v>
      </c>
      <c r="AQ9815">
        <v>103</v>
      </c>
    </row>
    <row r="9816" spans="1:43">
      <c r="A9816" t="s">
        <v>6122</v>
      </c>
      <c r="B9816" t="s">
        <v>6123</v>
      </c>
      <c r="C9816" t="s">
        <v>6068</v>
      </c>
      <c r="D9816" t="s">
        <v>6069</v>
      </c>
      <c r="E9816" t="s">
        <v>5940</v>
      </c>
      <c r="F9816" t="s">
        <v>5941</v>
      </c>
      <c r="G9816" t="s">
        <v>80</v>
      </c>
      <c r="H9816" t="s">
        <v>81</v>
      </c>
      <c r="I9816" s="2">
        <v>0</v>
      </c>
      <c r="J9816" s="2">
        <v>0</v>
      </c>
      <c r="K9816" s="2">
        <v>1</v>
      </c>
      <c r="L9816" t="s">
        <v>995</v>
      </c>
      <c r="M9816" t="s">
        <v>89</v>
      </c>
      <c r="N9816" t="s">
        <v>90</v>
      </c>
      <c r="O9816" t="s">
        <v>85</v>
      </c>
      <c r="P9816" t="s">
        <v>86</v>
      </c>
      <c r="Q9816">
        <v>85</v>
      </c>
      <c r="R9816">
        <v>87</v>
      </c>
      <c r="S9816">
        <v>89</v>
      </c>
      <c r="T9816">
        <v>91</v>
      </c>
      <c r="U9816">
        <v>93</v>
      </c>
      <c r="V9816">
        <v>96</v>
      </c>
      <c r="W9816">
        <v>98</v>
      </c>
      <c r="X9816">
        <v>100</v>
      </c>
      <c r="Y9816">
        <v>102</v>
      </c>
      <c r="Z9816">
        <v>104</v>
      </c>
      <c r="AA9816">
        <v>106</v>
      </c>
      <c r="AB9816">
        <v>107</v>
      </c>
      <c r="AC9816">
        <v>109</v>
      </c>
      <c r="AD9816">
        <v>111</v>
      </c>
      <c r="AE9816">
        <v>113</v>
      </c>
      <c r="AF9816">
        <v>113</v>
      </c>
      <c r="AG9816">
        <v>114</v>
      </c>
      <c r="AH9816">
        <v>114</v>
      </c>
      <c r="AI9816">
        <v>114</v>
      </c>
      <c r="AJ9816">
        <v>115</v>
      </c>
      <c r="AK9816">
        <v>115</v>
      </c>
      <c r="AL9816">
        <v>116</v>
      </c>
      <c r="AM9816">
        <v>116</v>
      </c>
      <c r="AN9816">
        <v>116</v>
      </c>
      <c r="AO9816">
        <v>117</v>
      </c>
      <c r="AP9816">
        <v>117</v>
      </c>
      <c r="AQ9816">
        <v>118</v>
      </c>
    </row>
    <row r="9817" spans="1:43">
      <c r="A9817" t="s">
        <v>6122</v>
      </c>
      <c r="B9817" t="s">
        <v>6123</v>
      </c>
      <c r="C9817" t="s">
        <v>6068</v>
      </c>
      <c r="D9817" t="s">
        <v>6069</v>
      </c>
      <c r="E9817" t="s">
        <v>5940</v>
      </c>
      <c r="F9817" t="s">
        <v>5941</v>
      </c>
      <c r="G9817" t="s">
        <v>80</v>
      </c>
      <c r="H9817" t="s">
        <v>81</v>
      </c>
      <c r="I9817" s="2">
        <v>0</v>
      </c>
      <c r="J9817" s="2">
        <v>0</v>
      </c>
      <c r="K9817" s="2">
        <v>1</v>
      </c>
      <c r="L9817" t="s">
        <v>995</v>
      </c>
      <c r="M9817" t="s">
        <v>83</v>
      </c>
      <c r="N9817" t="s">
        <v>91</v>
      </c>
      <c r="O9817" t="s">
        <v>85</v>
      </c>
      <c r="P9817" t="s">
        <v>86</v>
      </c>
      <c r="Q9817">
        <v>85</v>
      </c>
      <c r="R9817">
        <v>86</v>
      </c>
      <c r="S9817">
        <v>88</v>
      </c>
      <c r="T9817">
        <v>89</v>
      </c>
      <c r="U9817">
        <v>91</v>
      </c>
      <c r="V9817">
        <v>92</v>
      </c>
      <c r="W9817">
        <v>94</v>
      </c>
      <c r="X9817">
        <v>95</v>
      </c>
      <c r="Y9817">
        <v>97</v>
      </c>
      <c r="Z9817">
        <v>98</v>
      </c>
      <c r="AA9817">
        <v>100</v>
      </c>
      <c r="AB9817">
        <v>101</v>
      </c>
      <c r="AC9817">
        <v>103</v>
      </c>
      <c r="AD9817">
        <v>104</v>
      </c>
      <c r="AE9817">
        <v>106</v>
      </c>
      <c r="AF9817">
        <v>107</v>
      </c>
      <c r="AG9817">
        <v>109</v>
      </c>
      <c r="AH9817">
        <v>110</v>
      </c>
      <c r="AI9817">
        <v>112</v>
      </c>
      <c r="AJ9817">
        <v>114</v>
      </c>
      <c r="AK9817">
        <v>115</v>
      </c>
      <c r="AL9817">
        <v>116</v>
      </c>
      <c r="AM9817">
        <v>116</v>
      </c>
      <c r="AN9817">
        <v>117</v>
      </c>
      <c r="AO9817">
        <v>117</v>
      </c>
      <c r="AP9817">
        <v>117</v>
      </c>
      <c r="AQ9817">
        <v>118</v>
      </c>
    </row>
    <row r="9818" spans="1:43">
      <c r="A9818" t="s">
        <v>6124</v>
      </c>
      <c r="B9818" t="s">
        <v>6125</v>
      </c>
      <c r="C9818" t="s">
        <v>6068</v>
      </c>
      <c r="D9818" t="s">
        <v>6069</v>
      </c>
      <c r="E9818" t="s">
        <v>5940</v>
      </c>
      <c r="F9818" t="s">
        <v>5941</v>
      </c>
      <c r="G9818" t="s">
        <v>80</v>
      </c>
      <c r="H9818" t="s">
        <v>81</v>
      </c>
      <c r="I9818" s="2">
        <v>0</v>
      </c>
      <c r="J9818" s="2">
        <v>0</v>
      </c>
      <c r="K9818" s="2">
        <v>1</v>
      </c>
      <c r="L9818" t="s">
        <v>995</v>
      </c>
      <c r="M9818" t="s">
        <v>83</v>
      </c>
      <c r="N9818" t="s">
        <v>84</v>
      </c>
      <c r="O9818" t="s">
        <v>85</v>
      </c>
      <c r="P9818" t="s">
        <v>86</v>
      </c>
      <c r="Q9818">
        <v>38</v>
      </c>
      <c r="R9818">
        <v>39</v>
      </c>
      <c r="S9818">
        <v>39</v>
      </c>
      <c r="T9818">
        <v>40</v>
      </c>
      <c r="U9818">
        <v>41</v>
      </c>
      <c r="V9818">
        <v>41</v>
      </c>
      <c r="W9818">
        <v>42</v>
      </c>
      <c r="X9818">
        <v>43</v>
      </c>
      <c r="Y9818">
        <v>43</v>
      </c>
      <c r="Z9818">
        <v>44</v>
      </c>
      <c r="AA9818">
        <v>45</v>
      </c>
      <c r="AB9818">
        <v>45</v>
      </c>
      <c r="AC9818">
        <v>46</v>
      </c>
      <c r="AD9818">
        <v>47</v>
      </c>
      <c r="AE9818">
        <v>47</v>
      </c>
      <c r="AF9818">
        <v>48</v>
      </c>
      <c r="AG9818">
        <v>49</v>
      </c>
      <c r="AH9818">
        <v>50</v>
      </c>
      <c r="AI9818">
        <v>50</v>
      </c>
      <c r="AJ9818">
        <v>51</v>
      </c>
      <c r="AK9818">
        <v>52</v>
      </c>
      <c r="AL9818">
        <v>52</v>
      </c>
      <c r="AM9818">
        <v>52</v>
      </c>
      <c r="AN9818">
        <v>52</v>
      </c>
      <c r="AO9818">
        <v>52</v>
      </c>
      <c r="AP9818">
        <v>53</v>
      </c>
      <c r="AQ9818">
        <v>53</v>
      </c>
    </row>
    <row r="9819" spans="1:43">
      <c r="A9819" t="s">
        <v>6124</v>
      </c>
      <c r="B9819" t="s">
        <v>6125</v>
      </c>
      <c r="C9819" t="s">
        <v>6068</v>
      </c>
      <c r="D9819" t="s">
        <v>6069</v>
      </c>
      <c r="E9819" t="s">
        <v>5940</v>
      </c>
      <c r="F9819" t="s">
        <v>5941</v>
      </c>
      <c r="G9819" t="s">
        <v>80</v>
      </c>
      <c r="H9819" t="s">
        <v>81</v>
      </c>
      <c r="I9819" s="2">
        <v>0</v>
      </c>
      <c r="J9819" s="2">
        <v>0</v>
      </c>
      <c r="K9819" s="2">
        <v>1</v>
      </c>
      <c r="L9819" t="s">
        <v>995</v>
      </c>
      <c r="M9819" t="s">
        <v>87</v>
      </c>
      <c r="N9819" t="s">
        <v>88</v>
      </c>
      <c r="O9819" t="s">
        <v>85</v>
      </c>
      <c r="P9819" t="s">
        <v>86</v>
      </c>
      <c r="Q9819">
        <v>38</v>
      </c>
      <c r="R9819">
        <v>38</v>
      </c>
      <c r="S9819">
        <v>38</v>
      </c>
      <c r="T9819">
        <v>39</v>
      </c>
      <c r="U9819">
        <v>39</v>
      </c>
      <c r="V9819">
        <v>39</v>
      </c>
      <c r="W9819">
        <v>39</v>
      </c>
      <c r="X9819">
        <v>40</v>
      </c>
      <c r="Y9819">
        <v>40</v>
      </c>
      <c r="Z9819">
        <v>40</v>
      </c>
      <c r="AA9819">
        <v>41</v>
      </c>
      <c r="AB9819">
        <v>41</v>
      </c>
      <c r="AC9819">
        <v>41</v>
      </c>
      <c r="AD9819">
        <v>42</v>
      </c>
      <c r="AE9819">
        <v>42</v>
      </c>
      <c r="AF9819">
        <v>42</v>
      </c>
      <c r="AG9819">
        <v>43</v>
      </c>
      <c r="AH9819">
        <v>43</v>
      </c>
      <c r="AI9819">
        <v>43</v>
      </c>
      <c r="AJ9819">
        <v>44</v>
      </c>
      <c r="AK9819">
        <v>44</v>
      </c>
      <c r="AL9819">
        <v>44</v>
      </c>
      <c r="AM9819">
        <v>44</v>
      </c>
      <c r="AN9819">
        <v>45</v>
      </c>
      <c r="AO9819">
        <v>45</v>
      </c>
      <c r="AP9819">
        <v>45</v>
      </c>
      <c r="AQ9819">
        <v>46</v>
      </c>
    </row>
    <row r="9820" spans="1:43">
      <c r="A9820" t="s">
        <v>6124</v>
      </c>
      <c r="B9820" t="s">
        <v>6125</v>
      </c>
      <c r="C9820" t="s">
        <v>6068</v>
      </c>
      <c r="D9820" t="s">
        <v>6069</v>
      </c>
      <c r="E9820" t="s">
        <v>5940</v>
      </c>
      <c r="F9820" t="s">
        <v>5941</v>
      </c>
      <c r="G9820" t="s">
        <v>80</v>
      </c>
      <c r="H9820" t="s">
        <v>81</v>
      </c>
      <c r="I9820" s="2">
        <v>0</v>
      </c>
      <c r="J9820" s="2">
        <v>0</v>
      </c>
      <c r="K9820" s="2">
        <v>1</v>
      </c>
      <c r="L9820" t="s">
        <v>995</v>
      </c>
      <c r="M9820" t="s">
        <v>89</v>
      </c>
      <c r="N9820" t="s">
        <v>90</v>
      </c>
      <c r="O9820" t="s">
        <v>85</v>
      </c>
      <c r="P9820" t="s">
        <v>86</v>
      </c>
      <c r="Q9820">
        <v>38</v>
      </c>
      <c r="R9820">
        <v>39</v>
      </c>
      <c r="S9820">
        <v>40</v>
      </c>
      <c r="T9820">
        <v>41</v>
      </c>
      <c r="U9820">
        <v>42</v>
      </c>
      <c r="V9820">
        <v>43</v>
      </c>
      <c r="W9820">
        <v>44</v>
      </c>
      <c r="X9820">
        <v>45</v>
      </c>
      <c r="Y9820">
        <v>46</v>
      </c>
      <c r="Z9820">
        <v>47</v>
      </c>
      <c r="AA9820">
        <v>48</v>
      </c>
      <c r="AB9820">
        <v>49</v>
      </c>
      <c r="AC9820">
        <v>49</v>
      </c>
      <c r="AD9820">
        <v>50</v>
      </c>
      <c r="AE9820">
        <v>51</v>
      </c>
      <c r="AF9820">
        <v>51</v>
      </c>
      <c r="AG9820">
        <v>51</v>
      </c>
      <c r="AH9820">
        <v>51</v>
      </c>
      <c r="AI9820">
        <v>52</v>
      </c>
      <c r="AJ9820">
        <v>52</v>
      </c>
      <c r="AK9820">
        <v>52</v>
      </c>
      <c r="AL9820">
        <v>52</v>
      </c>
      <c r="AM9820">
        <v>52</v>
      </c>
      <c r="AN9820">
        <v>52</v>
      </c>
      <c r="AO9820">
        <v>53</v>
      </c>
      <c r="AP9820">
        <v>53</v>
      </c>
      <c r="AQ9820">
        <v>53</v>
      </c>
    </row>
    <row r="9821" spans="1:43">
      <c r="A9821" t="s">
        <v>6124</v>
      </c>
      <c r="B9821" t="s">
        <v>6125</v>
      </c>
      <c r="C9821" t="s">
        <v>6068</v>
      </c>
      <c r="D9821" t="s">
        <v>6069</v>
      </c>
      <c r="E9821" t="s">
        <v>5940</v>
      </c>
      <c r="F9821" t="s">
        <v>5941</v>
      </c>
      <c r="G9821" t="s">
        <v>80</v>
      </c>
      <c r="H9821" t="s">
        <v>81</v>
      </c>
      <c r="I9821" s="2">
        <v>0</v>
      </c>
      <c r="J9821" s="2">
        <v>0</v>
      </c>
      <c r="K9821" s="2">
        <v>1</v>
      </c>
      <c r="L9821" t="s">
        <v>995</v>
      </c>
      <c r="M9821" t="s">
        <v>83</v>
      </c>
      <c r="N9821" t="s">
        <v>91</v>
      </c>
      <c r="O9821" t="s">
        <v>85</v>
      </c>
      <c r="P9821" t="s">
        <v>86</v>
      </c>
      <c r="Q9821">
        <v>38</v>
      </c>
      <c r="R9821">
        <v>39</v>
      </c>
      <c r="S9821">
        <v>39</v>
      </c>
      <c r="T9821">
        <v>40</v>
      </c>
      <c r="U9821">
        <v>41</v>
      </c>
      <c r="V9821">
        <v>41</v>
      </c>
      <c r="W9821">
        <v>42</v>
      </c>
      <c r="X9821">
        <v>43</v>
      </c>
      <c r="Y9821">
        <v>43</v>
      </c>
      <c r="Z9821">
        <v>44</v>
      </c>
      <c r="AA9821">
        <v>45</v>
      </c>
      <c r="AB9821">
        <v>45</v>
      </c>
      <c r="AC9821">
        <v>46</v>
      </c>
      <c r="AD9821">
        <v>47</v>
      </c>
      <c r="AE9821">
        <v>47</v>
      </c>
      <c r="AF9821">
        <v>48</v>
      </c>
      <c r="AG9821">
        <v>49</v>
      </c>
      <c r="AH9821">
        <v>50</v>
      </c>
      <c r="AI9821">
        <v>50</v>
      </c>
      <c r="AJ9821">
        <v>51</v>
      </c>
      <c r="AK9821">
        <v>52</v>
      </c>
      <c r="AL9821">
        <v>52</v>
      </c>
      <c r="AM9821">
        <v>52</v>
      </c>
      <c r="AN9821">
        <v>52</v>
      </c>
      <c r="AO9821">
        <v>52</v>
      </c>
      <c r="AP9821">
        <v>53</v>
      </c>
      <c r="AQ9821">
        <v>53</v>
      </c>
    </row>
    <row r="9822" spans="1:43">
      <c r="A9822" t="s">
        <v>6126</v>
      </c>
      <c r="B9822" t="s">
        <v>6127</v>
      </c>
      <c r="C9822" t="s">
        <v>5960</v>
      </c>
      <c r="D9822" t="s">
        <v>5961</v>
      </c>
      <c r="E9822" t="s">
        <v>5940</v>
      </c>
      <c r="F9822" t="s">
        <v>5941</v>
      </c>
      <c r="G9822" t="s">
        <v>80</v>
      </c>
      <c r="H9822" t="s">
        <v>81</v>
      </c>
      <c r="I9822" s="2">
        <v>0</v>
      </c>
      <c r="J9822" s="2">
        <v>0</v>
      </c>
      <c r="K9822" s="2">
        <v>1</v>
      </c>
      <c r="L9822" t="s">
        <v>995</v>
      </c>
      <c r="M9822" t="s">
        <v>83</v>
      </c>
      <c r="N9822" t="s">
        <v>84</v>
      </c>
      <c r="O9822" t="s">
        <v>85</v>
      </c>
      <c r="P9822" t="s">
        <v>86</v>
      </c>
      <c r="Q9822">
        <v>19</v>
      </c>
      <c r="R9822">
        <v>19</v>
      </c>
      <c r="S9822">
        <v>19</v>
      </c>
      <c r="T9822">
        <v>20</v>
      </c>
      <c r="U9822">
        <v>20</v>
      </c>
      <c r="V9822">
        <v>20</v>
      </c>
      <c r="W9822">
        <v>21</v>
      </c>
      <c r="X9822">
        <v>21</v>
      </c>
      <c r="Y9822">
        <v>21</v>
      </c>
      <c r="Z9822">
        <v>22</v>
      </c>
      <c r="AA9822">
        <v>22</v>
      </c>
      <c r="AB9822">
        <v>23</v>
      </c>
      <c r="AC9822">
        <v>23</v>
      </c>
      <c r="AD9822">
        <v>23</v>
      </c>
      <c r="AE9822">
        <v>24</v>
      </c>
      <c r="AF9822">
        <v>24</v>
      </c>
      <c r="AG9822">
        <v>24</v>
      </c>
      <c r="AH9822">
        <v>25</v>
      </c>
      <c r="AI9822">
        <v>25</v>
      </c>
      <c r="AJ9822">
        <v>25</v>
      </c>
      <c r="AK9822">
        <v>26</v>
      </c>
      <c r="AL9822">
        <v>26</v>
      </c>
      <c r="AM9822">
        <v>26</v>
      </c>
      <c r="AN9822">
        <v>26</v>
      </c>
      <c r="AO9822">
        <v>26</v>
      </c>
      <c r="AP9822">
        <v>26</v>
      </c>
      <c r="AQ9822">
        <v>26</v>
      </c>
    </row>
    <row r="9823" spans="1:43">
      <c r="A9823" t="s">
        <v>6126</v>
      </c>
      <c r="B9823" t="s">
        <v>6127</v>
      </c>
      <c r="C9823" t="s">
        <v>5960</v>
      </c>
      <c r="D9823" t="s">
        <v>5961</v>
      </c>
      <c r="E9823" t="s">
        <v>5940</v>
      </c>
      <c r="F9823" t="s">
        <v>5941</v>
      </c>
      <c r="G9823" t="s">
        <v>80</v>
      </c>
      <c r="H9823" t="s">
        <v>81</v>
      </c>
      <c r="I9823" s="2">
        <v>0</v>
      </c>
      <c r="J9823" s="2">
        <v>0</v>
      </c>
      <c r="K9823" s="2">
        <v>1</v>
      </c>
      <c r="L9823" t="s">
        <v>995</v>
      </c>
      <c r="M9823" t="s">
        <v>87</v>
      </c>
      <c r="N9823" t="s">
        <v>88</v>
      </c>
      <c r="O9823" t="s">
        <v>85</v>
      </c>
      <c r="P9823" t="s">
        <v>86</v>
      </c>
      <c r="Q9823">
        <v>19</v>
      </c>
      <c r="R9823">
        <v>19</v>
      </c>
      <c r="S9823">
        <v>19</v>
      </c>
      <c r="T9823">
        <v>19</v>
      </c>
      <c r="U9823">
        <v>19</v>
      </c>
      <c r="V9823">
        <v>19</v>
      </c>
      <c r="W9823">
        <v>20</v>
      </c>
      <c r="X9823">
        <v>20</v>
      </c>
      <c r="Y9823">
        <v>20</v>
      </c>
      <c r="Z9823">
        <v>20</v>
      </c>
      <c r="AA9823">
        <v>20</v>
      </c>
      <c r="AB9823">
        <v>20</v>
      </c>
      <c r="AC9823">
        <v>20</v>
      </c>
      <c r="AD9823">
        <v>21</v>
      </c>
      <c r="AE9823">
        <v>21</v>
      </c>
      <c r="AF9823">
        <v>21</v>
      </c>
      <c r="AG9823">
        <v>21</v>
      </c>
      <c r="AH9823">
        <v>21</v>
      </c>
      <c r="AI9823">
        <v>21</v>
      </c>
      <c r="AJ9823">
        <v>22</v>
      </c>
      <c r="AK9823">
        <v>22</v>
      </c>
      <c r="AL9823">
        <v>22</v>
      </c>
      <c r="AM9823">
        <v>22</v>
      </c>
      <c r="AN9823">
        <v>22</v>
      </c>
      <c r="AO9823">
        <v>22</v>
      </c>
      <c r="AP9823">
        <v>23</v>
      </c>
      <c r="AQ9823">
        <v>23</v>
      </c>
    </row>
    <row r="9824" spans="1:43">
      <c r="A9824" t="s">
        <v>6126</v>
      </c>
      <c r="B9824" t="s">
        <v>6127</v>
      </c>
      <c r="C9824" t="s">
        <v>5960</v>
      </c>
      <c r="D9824" t="s">
        <v>5961</v>
      </c>
      <c r="E9824" t="s">
        <v>5940</v>
      </c>
      <c r="F9824" t="s">
        <v>5941</v>
      </c>
      <c r="G9824" t="s">
        <v>80</v>
      </c>
      <c r="H9824" t="s">
        <v>81</v>
      </c>
      <c r="I9824" s="2">
        <v>0</v>
      </c>
      <c r="J9824" s="2">
        <v>0</v>
      </c>
      <c r="K9824" s="2">
        <v>1</v>
      </c>
      <c r="L9824" t="s">
        <v>995</v>
      </c>
      <c r="M9824" t="s">
        <v>89</v>
      </c>
      <c r="N9824" t="s">
        <v>90</v>
      </c>
      <c r="O9824" t="s">
        <v>85</v>
      </c>
      <c r="P9824" t="s">
        <v>86</v>
      </c>
      <c r="Q9824">
        <v>19</v>
      </c>
      <c r="R9824">
        <v>19</v>
      </c>
      <c r="S9824">
        <v>20</v>
      </c>
      <c r="T9824">
        <v>20</v>
      </c>
      <c r="U9824">
        <v>21</v>
      </c>
      <c r="V9824">
        <v>21</v>
      </c>
      <c r="W9824">
        <v>22</v>
      </c>
      <c r="X9824">
        <v>22</v>
      </c>
      <c r="Y9824">
        <v>23</v>
      </c>
      <c r="Z9824">
        <v>23</v>
      </c>
      <c r="AA9824">
        <v>24</v>
      </c>
      <c r="AB9824">
        <v>24</v>
      </c>
      <c r="AC9824">
        <v>25</v>
      </c>
      <c r="AD9824">
        <v>25</v>
      </c>
      <c r="AE9824">
        <v>25</v>
      </c>
      <c r="AF9824">
        <v>25</v>
      </c>
      <c r="AG9824">
        <v>25</v>
      </c>
      <c r="AH9824">
        <v>26</v>
      </c>
      <c r="AI9824">
        <v>26</v>
      </c>
      <c r="AJ9824">
        <v>26</v>
      </c>
      <c r="AK9824">
        <v>26</v>
      </c>
      <c r="AL9824">
        <v>26</v>
      </c>
      <c r="AM9824">
        <v>26</v>
      </c>
      <c r="AN9824">
        <v>26</v>
      </c>
      <c r="AO9824">
        <v>26</v>
      </c>
      <c r="AP9824">
        <v>26</v>
      </c>
      <c r="AQ9824">
        <v>26</v>
      </c>
    </row>
    <row r="9825" spans="1:43">
      <c r="A9825" t="s">
        <v>6126</v>
      </c>
      <c r="B9825" t="s">
        <v>6127</v>
      </c>
      <c r="C9825" t="s">
        <v>5960</v>
      </c>
      <c r="D9825" t="s">
        <v>5961</v>
      </c>
      <c r="E9825" t="s">
        <v>5940</v>
      </c>
      <c r="F9825" t="s">
        <v>5941</v>
      </c>
      <c r="G9825" t="s">
        <v>80</v>
      </c>
      <c r="H9825" t="s">
        <v>81</v>
      </c>
      <c r="I9825" s="2">
        <v>0</v>
      </c>
      <c r="J9825" s="2">
        <v>0</v>
      </c>
      <c r="K9825" s="2">
        <v>1</v>
      </c>
      <c r="L9825" t="s">
        <v>995</v>
      </c>
      <c r="M9825" t="s">
        <v>83</v>
      </c>
      <c r="N9825" t="s">
        <v>91</v>
      </c>
      <c r="O9825" t="s">
        <v>85</v>
      </c>
      <c r="P9825" t="s">
        <v>86</v>
      </c>
      <c r="Q9825">
        <v>19</v>
      </c>
      <c r="R9825">
        <v>19</v>
      </c>
      <c r="S9825">
        <v>19</v>
      </c>
      <c r="T9825">
        <v>20</v>
      </c>
      <c r="U9825">
        <v>20</v>
      </c>
      <c r="V9825">
        <v>20</v>
      </c>
      <c r="W9825">
        <v>21</v>
      </c>
      <c r="X9825">
        <v>21</v>
      </c>
      <c r="Y9825">
        <v>21</v>
      </c>
      <c r="Z9825">
        <v>22</v>
      </c>
      <c r="AA9825">
        <v>22</v>
      </c>
      <c r="AB9825">
        <v>23</v>
      </c>
      <c r="AC9825">
        <v>23</v>
      </c>
      <c r="AD9825">
        <v>23</v>
      </c>
      <c r="AE9825">
        <v>24</v>
      </c>
      <c r="AF9825">
        <v>24</v>
      </c>
      <c r="AG9825">
        <v>24</v>
      </c>
      <c r="AH9825">
        <v>25</v>
      </c>
      <c r="AI9825">
        <v>25</v>
      </c>
      <c r="AJ9825">
        <v>25</v>
      </c>
      <c r="AK9825">
        <v>26</v>
      </c>
      <c r="AL9825">
        <v>26</v>
      </c>
      <c r="AM9825">
        <v>26</v>
      </c>
      <c r="AN9825">
        <v>26</v>
      </c>
      <c r="AO9825">
        <v>26</v>
      </c>
      <c r="AP9825">
        <v>26</v>
      </c>
      <c r="AQ9825">
        <v>26</v>
      </c>
    </row>
    <row r="9826" spans="1:43">
      <c r="A9826" t="s">
        <v>6128</v>
      </c>
      <c r="B9826" t="s">
        <v>6129</v>
      </c>
      <c r="C9826" t="s">
        <v>5964</v>
      </c>
      <c r="D9826" t="s">
        <v>5965</v>
      </c>
      <c r="E9826" t="s">
        <v>5940</v>
      </c>
      <c r="F9826" t="s">
        <v>5941</v>
      </c>
      <c r="G9826" t="s">
        <v>80</v>
      </c>
      <c r="H9826" t="s">
        <v>81</v>
      </c>
      <c r="I9826" s="2">
        <v>0</v>
      </c>
      <c r="J9826" s="2">
        <v>0</v>
      </c>
      <c r="K9826" s="2">
        <v>1</v>
      </c>
      <c r="L9826" t="s">
        <v>995</v>
      </c>
      <c r="M9826" t="s">
        <v>83</v>
      </c>
      <c r="N9826" t="s">
        <v>84</v>
      </c>
      <c r="O9826" t="s">
        <v>85</v>
      </c>
      <c r="P9826" t="s">
        <v>86</v>
      </c>
      <c r="Q9826">
        <v>67</v>
      </c>
      <c r="R9826">
        <v>68</v>
      </c>
      <c r="S9826">
        <v>69</v>
      </c>
      <c r="T9826">
        <v>70</v>
      </c>
      <c r="U9826">
        <v>71</v>
      </c>
      <c r="V9826">
        <v>72</v>
      </c>
      <c r="W9826">
        <v>73</v>
      </c>
      <c r="X9826">
        <v>74</v>
      </c>
      <c r="Y9826">
        <v>76</v>
      </c>
      <c r="Z9826">
        <v>77</v>
      </c>
      <c r="AA9826">
        <v>78</v>
      </c>
      <c r="AB9826">
        <v>79</v>
      </c>
      <c r="AC9826">
        <v>80</v>
      </c>
      <c r="AD9826">
        <v>81</v>
      </c>
      <c r="AE9826">
        <v>82</v>
      </c>
      <c r="AF9826">
        <v>83</v>
      </c>
      <c r="AG9826">
        <v>84</v>
      </c>
      <c r="AH9826">
        <v>85</v>
      </c>
      <c r="AI9826">
        <v>86</v>
      </c>
      <c r="AJ9826">
        <v>87</v>
      </c>
      <c r="AK9826">
        <v>88</v>
      </c>
      <c r="AL9826">
        <v>89</v>
      </c>
      <c r="AM9826">
        <v>89</v>
      </c>
      <c r="AN9826">
        <v>89</v>
      </c>
      <c r="AO9826">
        <v>89</v>
      </c>
      <c r="AP9826">
        <v>90</v>
      </c>
      <c r="AQ9826">
        <v>90</v>
      </c>
    </row>
    <row r="9827" spans="1:43">
      <c r="A9827" t="s">
        <v>6128</v>
      </c>
      <c r="B9827" t="s">
        <v>6129</v>
      </c>
      <c r="C9827" t="s">
        <v>5964</v>
      </c>
      <c r="D9827" t="s">
        <v>5965</v>
      </c>
      <c r="E9827" t="s">
        <v>5940</v>
      </c>
      <c r="F9827" t="s">
        <v>5941</v>
      </c>
      <c r="G9827" t="s">
        <v>80</v>
      </c>
      <c r="H9827" t="s">
        <v>81</v>
      </c>
      <c r="I9827" s="2">
        <v>0</v>
      </c>
      <c r="J9827" s="2">
        <v>0</v>
      </c>
      <c r="K9827" s="2">
        <v>1</v>
      </c>
      <c r="L9827" t="s">
        <v>995</v>
      </c>
      <c r="M9827" t="s">
        <v>87</v>
      </c>
      <c r="N9827" t="s">
        <v>88</v>
      </c>
      <c r="O9827" t="s">
        <v>85</v>
      </c>
      <c r="P9827" t="s">
        <v>86</v>
      </c>
      <c r="Q9827">
        <v>67</v>
      </c>
      <c r="R9827">
        <v>68</v>
      </c>
      <c r="S9827">
        <v>68</v>
      </c>
      <c r="T9827">
        <v>69</v>
      </c>
      <c r="U9827">
        <v>69</v>
      </c>
      <c r="V9827">
        <v>69</v>
      </c>
      <c r="W9827">
        <v>70</v>
      </c>
      <c r="X9827">
        <v>70</v>
      </c>
      <c r="Y9827">
        <v>71</v>
      </c>
      <c r="Z9827">
        <v>71</v>
      </c>
      <c r="AA9827">
        <v>72</v>
      </c>
      <c r="AB9827">
        <v>72</v>
      </c>
      <c r="AC9827">
        <v>73</v>
      </c>
      <c r="AD9827">
        <v>73</v>
      </c>
      <c r="AE9827">
        <v>74</v>
      </c>
      <c r="AF9827">
        <v>74</v>
      </c>
      <c r="AG9827">
        <v>75</v>
      </c>
      <c r="AH9827">
        <v>75</v>
      </c>
      <c r="AI9827">
        <v>76</v>
      </c>
      <c r="AJ9827">
        <v>76</v>
      </c>
      <c r="AK9827">
        <v>76</v>
      </c>
      <c r="AL9827">
        <v>77</v>
      </c>
      <c r="AM9827">
        <v>77</v>
      </c>
      <c r="AN9827">
        <v>78</v>
      </c>
      <c r="AO9827">
        <v>78</v>
      </c>
      <c r="AP9827">
        <v>79</v>
      </c>
      <c r="AQ9827">
        <v>79</v>
      </c>
    </row>
    <row r="9828" spans="1:43">
      <c r="A9828" t="s">
        <v>6128</v>
      </c>
      <c r="B9828" t="s">
        <v>6129</v>
      </c>
      <c r="C9828" t="s">
        <v>5964</v>
      </c>
      <c r="D9828" t="s">
        <v>5965</v>
      </c>
      <c r="E9828" t="s">
        <v>5940</v>
      </c>
      <c r="F9828" t="s">
        <v>5941</v>
      </c>
      <c r="G9828" t="s">
        <v>80</v>
      </c>
      <c r="H9828" t="s">
        <v>81</v>
      </c>
      <c r="I9828" s="2">
        <v>0</v>
      </c>
      <c r="J9828" s="2">
        <v>0</v>
      </c>
      <c r="K9828" s="2">
        <v>1</v>
      </c>
      <c r="L9828" t="s">
        <v>995</v>
      </c>
      <c r="M9828" t="s">
        <v>89</v>
      </c>
      <c r="N9828" t="s">
        <v>90</v>
      </c>
      <c r="O9828" t="s">
        <v>85</v>
      </c>
      <c r="P9828" t="s">
        <v>86</v>
      </c>
      <c r="Q9828">
        <v>67</v>
      </c>
      <c r="R9828">
        <v>69</v>
      </c>
      <c r="S9828">
        <v>71</v>
      </c>
      <c r="T9828">
        <v>72</v>
      </c>
      <c r="U9828">
        <v>74</v>
      </c>
      <c r="V9828">
        <v>76</v>
      </c>
      <c r="W9828">
        <v>77</v>
      </c>
      <c r="X9828">
        <v>79</v>
      </c>
      <c r="Y9828">
        <v>80</v>
      </c>
      <c r="Z9828">
        <v>81</v>
      </c>
      <c r="AA9828">
        <v>83</v>
      </c>
      <c r="AB9828">
        <v>84</v>
      </c>
      <c r="AC9828">
        <v>85</v>
      </c>
      <c r="AD9828">
        <v>87</v>
      </c>
      <c r="AE9828">
        <v>88</v>
      </c>
      <c r="AF9828">
        <v>88</v>
      </c>
      <c r="AG9828">
        <v>88</v>
      </c>
      <c r="AH9828">
        <v>88</v>
      </c>
      <c r="AI9828">
        <v>88</v>
      </c>
      <c r="AJ9828">
        <v>89</v>
      </c>
      <c r="AK9828">
        <v>89</v>
      </c>
      <c r="AL9828">
        <v>89</v>
      </c>
      <c r="AM9828">
        <v>89</v>
      </c>
      <c r="AN9828">
        <v>90</v>
      </c>
      <c r="AO9828">
        <v>90</v>
      </c>
      <c r="AP9828">
        <v>90</v>
      </c>
      <c r="AQ9828">
        <v>90</v>
      </c>
    </row>
    <row r="9829" spans="1:43">
      <c r="A9829" t="s">
        <v>6128</v>
      </c>
      <c r="B9829" t="s">
        <v>6129</v>
      </c>
      <c r="C9829" t="s">
        <v>5964</v>
      </c>
      <c r="D9829" t="s">
        <v>5965</v>
      </c>
      <c r="E9829" t="s">
        <v>5940</v>
      </c>
      <c r="F9829" t="s">
        <v>5941</v>
      </c>
      <c r="G9829" t="s">
        <v>80</v>
      </c>
      <c r="H9829" t="s">
        <v>81</v>
      </c>
      <c r="I9829" s="2">
        <v>0</v>
      </c>
      <c r="J9829" s="2">
        <v>0</v>
      </c>
      <c r="K9829" s="2">
        <v>1</v>
      </c>
      <c r="L9829" t="s">
        <v>995</v>
      </c>
      <c r="M9829" t="s">
        <v>83</v>
      </c>
      <c r="N9829" t="s">
        <v>91</v>
      </c>
      <c r="O9829" t="s">
        <v>85</v>
      </c>
      <c r="P9829" t="s">
        <v>86</v>
      </c>
      <c r="Q9829">
        <v>67</v>
      </c>
      <c r="R9829">
        <v>68</v>
      </c>
      <c r="S9829">
        <v>69</v>
      </c>
      <c r="T9829">
        <v>70</v>
      </c>
      <c r="U9829">
        <v>71</v>
      </c>
      <c r="V9829">
        <v>72</v>
      </c>
      <c r="W9829">
        <v>73</v>
      </c>
      <c r="X9829">
        <v>74</v>
      </c>
      <c r="Y9829">
        <v>76</v>
      </c>
      <c r="Z9829">
        <v>77</v>
      </c>
      <c r="AA9829">
        <v>78</v>
      </c>
      <c r="AB9829">
        <v>79</v>
      </c>
      <c r="AC9829">
        <v>80</v>
      </c>
      <c r="AD9829">
        <v>81</v>
      </c>
      <c r="AE9829">
        <v>82</v>
      </c>
      <c r="AF9829">
        <v>83</v>
      </c>
      <c r="AG9829">
        <v>84</v>
      </c>
      <c r="AH9829">
        <v>85</v>
      </c>
      <c r="AI9829">
        <v>86</v>
      </c>
      <c r="AJ9829">
        <v>87</v>
      </c>
      <c r="AK9829">
        <v>88</v>
      </c>
      <c r="AL9829">
        <v>89</v>
      </c>
      <c r="AM9829">
        <v>89</v>
      </c>
      <c r="AN9829">
        <v>89</v>
      </c>
      <c r="AO9829">
        <v>89</v>
      </c>
      <c r="AP9829">
        <v>90</v>
      </c>
      <c r="AQ9829">
        <v>90</v>
      </c>
    </row>
    <row r="9830" spans="1:43">
      <c r="A9830" t="s">
        <v>6130</v>
      </c>
      <c r="B9830" t="s">
        <v>6131</v>
      </c>
      <c r="C9830" t="s">
        <v>6132</v>
      </c>
      <c r="D9830" t="s">
        <v>6133</v>
      </c>
      <c r="E9830" t="s">
        <v>5940</v>
      </c>
      <c r="F9830" t="s">
        <v>5941</v>
      </c>
      <c r="G9830" t="s">
        <v>80</v>
      </c>
      <c r="H9830" t="s">
        <v>81</v>
      </c>
      <c r="I9830" s="2">
        <v>0</v>
      </c>
      <c r="J9830" s="2">
        <v>0</v>
      </c>
      <c r="K9830" s="2">
        <v>1</v>
      </c>
      <c r="L9830" t="s">
        <v>995</v>
      </c>
      <c r="M9830" t="s">
        <v>83</v>
      </c>
      <c r="N9830" t="s">
        <v>84</v>
      </c>
      <c r="O9830" t="s">
        <v>85</v>
      </c>
      <c r="P9830" t="s">
        <v>86</v>
      </c>
      <c r="Q9830">
        <v>20</v>
      </c>
      <c r="R9830">
        <v>20</v>
      </c>
      <c r="S9830">
        <v>21</v>
      </c>
      <c r="T9830">
        <v>21</v>
      </c>
      <c r="U9830">
        <v>21</v>
      </c>
      <c r="V9830">
        <v>22</v>
      </c>
      <c r="W9830">
        <v>22</v>
      </c>
      <c r="X9830">
        <v>22</v>
      </c>
      <c r="Y9830">
        <v>23</v>
      </c>
      <c r="Z9830">
        <v>23</v>
      </c>
      <c r="AA9830">
        <v>23</v>
      </c>
      <c r="AB9830">
        <v>24</v>
      </c>
      <c r="AC9830">
        <v>24</v>
      </c>
      <c r="AD9830">
        <v>24</v>
      </c>
      <c r="AE9830">
        <v>25</v>
      </c>
      <c r="AF9830">
        <v>25</v>
      </c>
      <c r="AG9830">
        <v>25</v>
      </c>
      <c r="AH9830">
        <v>26</v>
      </c>
      <c r="AI9830">
        <v>26</v>
      </c>
      <c r="AJ9830">
        <v>26</v>
      </c>
      <c r="AK9830">
        <v>27</v>
      </c>
      <c r="AL9830">
        <v>27</v>
      </c>
      <c r="AM9830">
        <v>27</v>
      </c>
      <c r="AN9830">
        <v>27</v>
      </c>
      <c r="AO9830">
        <v>27</v>
      </c>
      <c r="AP9830">
        <v>27</v>
      </c>
      <c r="AQ9830">
        <v>27</v>
      </c>
    </row>
    <row r="9831" spans="1:43">
      <c r="A9831" t="s">
        <v>6130</v>
      </c>
      <c r="B9831" t="s">
        <v>6131</v>
      </c>
      <c r="C9831" t="s">
        <v>6132</v>
      </c>
      <c r="D9831" t="s">
        <v>6133</v>
      </c>
      <c r="E9831" t="s">
        <v>5940</v>
      </c>
      <c r="F9831" t="s">
        <v>5941</v>
      </c>
      <c r="G9831" t="s">
        <v>80</v>
      </c>
      <c r="H9831" t="s">
        <v>81</v>
      </c>
      <c r="I9831" s="2">
        <v>0</v>
      </c>
      <c r="J9831" s="2">
        <v>0</v>
      </c>
      <c r="K9831" s="2">
        <v>1</v>
      </c>
      <c r="L9831" t="s">
        <v>995</v>
      </c>
      <c r="M9831" t="s">
        <v>87</v>
      </c>
      <c r="N9831" t="s">
        <v>88</v>
      </c>
      <c r="O9831" t="s">
        <v>85</v>
      </c>
      <c r="P9831" t="s">
        <v>86</v>
      </c>
      <c r="Q9831">
        <v>20</v>
      </c>
      <c r="R9831">
        <v>20</v>
      </c>
      <c r="S9831">
        <v>20</v>
      </c>
      <c r="T9831">
        <v>20</v>
      </c>
      <c r="U9831">
        <v>20</v>
      </c>
      <c r="V9831">
        <v>20</v>
      </c>
      <c r="W9831">
        <v>21</v>
      </c>
      <c r="X9831">
        <v>21</v>
      </c>
      <c r="Y9831">
        <v>21</v>
      </c>
      <c r="Z9831">
        <v>21</v>
      </c>
      <c r="AA9831">
        <v>21</v>
      </c>
      <c r="AB9831">
        <v>21</v>
      </c>
      <c r="AC9831">
        <v>21</v>
      </c>
      <c r="AD9831">
        <v>22</v>
      </c>
      <c r="AE9831">
        <v>22</v>
      </c>
      <c r="AF9831">
        <v>22</v>
      </c>
      <c r="AG9831">
        <v>22</v>
      </c>
      <c r="AH9831">
        <v>22</v>
      </c>
      <c r="AI9831">
        <v>22</v>
      </c>
      <c r="AJ9831">
        <v>23</v>
      </c>
      <c r="AK9831">
        <v>23</v>
      </c>
      <c r="AL9831">
        <v>23</v>
      </c>
      <c r="AM9831">
        <v>23</v>
      </c>
      <c r="AN9831">
        <v>23</v>
      </c>
      <c r="AO9831">
        <v>23</v>
      </c>
      <c r="AP9831">
        <v>23</v>
      </c>
      <c r="AQ9831">
        <v>24</v>
      </c>
    </row>
    <row r="9832" spans="1:43">
      <c r="A9832" t="s">
        <v>6130</v>
      </c>
      <c r="B9832" t="s">
        <v>6131</v>
      </c>
      <c r="C9832" t="s">
        <v>6132</v>
      </c>
      <c r="D9832" t="s">
        <v>6133</v>
      </c>
      <c r="E9832" t="s">
        <v>5940</v>
      </c>
      <c r="F9832" t="s">
        <v>5941</v>
      </c>
      <c r="G9832" t="s">
        <v>80</v>
      </c>
      <c r="H9832" t="s">
        <v>81</v>
      </c>
      <c r="I9832" s="2">
        <v>0</v>
      </c>
      <c r="J9832" s="2">
        <v>0</v>
      </c>
      <c r="K9832" s="2">
        <v>1</v>
      </c>
      <c r="L9832" t="s">
        <v>995</v>
      </c>
      <c r="M9832" t="s">
        <v>89</v>
      </c>
      <c r="N9832" t="s">
        <v>90</v>
      </c>
      <c r="O9832" t="s">
        <v>85</v>
      </c>
      <c r="P9832" t="s">
        <v>86</v>
      </c>
      <c r="Q9832">
        <v>20</v>
      </c>
      <c r="R9832">
        <v>21</v>
      </c>
      <c r="S9832">
        <v>21</v>
      </c>
      <c r="T9832">
        <v>22</v>
      </c>
      <c r="U9832">
        <v>22</v>
      </c>
      <c r="V9832">
        <v>23</v>
      </c>
      <c r="W9832">
        <v>23</v>
      </c>
      <c r="X9832">
        <v>23</v>
      </c>
      <c r="Y9832">
        <v>24</v>
      </c>
      <c r="Z9832">
        <v>24</v>
      </c>
      <c r="AA9832">
        <v>25</v>
      </c>
      <c r="AB9832">
        <v>25</v>
      </c>
      <c r="AC9832">
        <v>26</v>
      </c>
      <c r="AD9832">
        <v>26</v>
      </c>
      <c r="AE9832">
        <v>26</v>
      </c>
      <c r="AF9832">
        <v>26</v>
      </c>
      <c r="AG9832">
        <v>27</v>
      </c>
      <c r="AH9832">
        <v>27</v>
      </c>
      <c r="AI9832">
        <v>27</v>
      </c>
      <c r="AJ9832">
        <v>27</v>
      </c>
      <c r="AK9832">
        <v>27</v>
      </c>
      <c r="AL9832">
        <v>27</v>
      </c>
      <c r="AM9832">
        <v>27</v>
      </c>
      <c r="AN9832">
        <v>27</v>
      </c>
      <c r="AO9832">
        <v>27</v>
      </c>
      <c r="AP9832">
        <v>27</v>
      </c>
      <c r="AQ9832">
        <v>27</v>
      </c>
    </row>
    <row r="9833" spans="1:43">
      <c r="A9833" t="s">
        <v>6130</v>
      </c>
      <c r="B9833" t="s">
        <v>6131</v>
      </c>
      <c r="C9833" t="s">
        <v>6132</v>
      </c>
      <c r="D9833" t="s">
        <v>6133</v>
      </c>
      <c r="E9833" t="s">
        <v>5940</v>
      </c>
      <c r="F9833" t="s">
        <v>5941</v>
      </c>
      <c r="G9833" t="s">
        <v>80</v>
      </c>
      <c r="H9833" t="s">
        <v>81</v>
      </c>
      <c r="I9833" s="2">
        <v>0</v>
      </c>
      <c r="J9833" s="2">
        <v>0</v>
      </c>
      <c r="K9833" s="2">
        <v>1</v>
      </c>
      <c r="L9833" t="s">
        <v>995</v>
      </c>
      <c r="M9833" t="s">
        <v>83</v>
      </c>
      <c r="N9833" t="s">
        <v>91</v>
      </c>
      <c r="O9833" t="s">
        <v>85</v>
      </c>
      <c r="P9833" t="s">
        <v>86</v>
      </c>
      <c r="Q9833">
        <v>20</v>
      </c>
      <c r="R9833">
        <v>20</v>
      </c>
      <c r="S9833">
        <v>21</v>
      </c>
      <c r="T9833">
        <v>21</v>
      </c>
      <c r="U9833">
        <v>21</v>
      </c>
      <c r="V9833">
        <v>22</v>
      </c>
      <c r="W9833">
        <v>22</v>
      </c>
      <c r="X9833">
        <v>22</v>
      </c>
      <c r="Y9833">
        <v>23</v>
      </c>
      <c r="Z9833">
        <v>23</v>
      </c>
      <c r="AA9833">
        <v>23</v>
      </c>
      <c r="AB9833">
        <v>24</v>
      </c>
      <c r="AC9833">
        <v>24</v>
      </c>
      <c r="AD9833">
        <v>24</v>
      </c>
      <c r="AE9833">
        <v>25</v>
      </c>
      <c r="AF9833">
        <v>25</v>
      </c>
      <c r="AG9833">
        <v>25</v>
      </c>
      <c r="AH9833">
        <v>26</v>
      </c>
      <c r="AI9833">
        <v>26</v>
      </c>
      <c r="AJ9833">
        <v>26</v>
      </c>
      <c r="AK9833">
        <v>27</v>
      </c>
      <c r="AL9833">
        <v>27</v>
      </c>
      <c r="AM9833">
        <v>27</v>
      </c>
      <c r="AN9833">
        <v>27</v>
      </c>
      <c r="AO9833">
        <v>27</v>
      </c>
      <c r="AP9833">
        <v>27</v>
      </c>
      <c r="AQ9833">
        <v>27</v>
      </c>
    </row>
    <row r="9834" spans="1:43">
      <c r="A9834" t="s">
        <v>6134</v>
      </c>
      <c r="B9834" t="s">
        <v>6135</v>
      </c>
      <c r="C9834" t="s">
        <v>5964</v>
      </c>
      <c r="D9834" t="s">
        <v>5965</v>
      </c>
      <c r="E9834" t="s">
        <v>5940</v>
      </c>
      <c r="F9834" t="s">
        <v>5941</v>
      </c>
      <c r="G9834" t="s">
        <v>80</v>
      </c>
      <c r="H9834" t="s">
        <v>81</v>
      </c>
      <c r="I9834" s="2">
        <v>0</v>
      </c>
      <c r="J9834" s="2">
        <v>0</v>
      </c>
      <c r="K9834" s="2">
        <v>1</v>
      </c>
      <c r="L9834" t="s">
        <v>995</v>
      </c>
      <c r="M9834" t="s">
        <v>83</v>
      </c>
      <c r="N9834" t="s">
        <v>84</v>
      </c>
      <c r="O9834" t="s">
        <v>85</v>
      </c>
      <c r="P9834" t="s">
        <v>86</v>
      </c>
      <c r="Q9834">
        <v>25</v>
      </c>
      <c r="R9834">
        <v>25</v>
      </c>
      <c r="S9834">
        <v>26</v>
      </c>
      <c r="T9834">
        <v>26</v>
      </c>
      <c r="U9834">
        <v>27</v>
      </c>
      <c r="V9834">
        <v>27</v>
      </c>
      <c r="W9834">
        <v>28</v>
      </c>
      <c r="X9834">
        <v>28</v>
      </c>
      <c r="Y9834">
        <v>28</v>
      </c>
      <c r="Z9834">
        <v>29</v>
      </c>
      <c r="AA9834">
        <v>29</v>
      </c>
      <c r="AB9834">
        <v>30</v>
      </c>
      <c r="AC9834">
        <v>30</v>
      </c>
      <c r="AD9834">
        <v>30</v>
      </c>
      <c r="AE9834">
        <v>31</v>
      </c>
      <c r="AF9834">
        <v>31</v>
      </c>
      <c r="AG9834">
        <v>31</v>
      </c>
      <c r="AH9834">
        <v>32</v>
      </c>
      <c r="AI9834">
        <v>32</v>
      </c>
      <c r="AJ9834">
        <v>33</v>
      </c>
      <c r="AK9834">
        <v>33</v>
      </c>
      <c r="AL9834">
        <v>33</v>
      </c>
      <c r="AM9834">
        <v>33</v>
      </c>
      <c r="AN9834">
        <v>33</v>
      </c>
      <c r="AO9834">
        <v>33</v>
      </c>
      <c r="AP9834">
        <v>34</v>
      </c>
      <c r="AQ9834">
        <v>34</v>
      </c>
    </row>
    <row r="9835" spans="1:43">
      <c r="A9835" t="s">
        <v>6134</v>
      </c>
      <c r="B9835" t="s">
        <v>6135</v>
      </c>
      <c r="C9835" t="s">
        <v>5964</v>
      </c>
      <c r="D9835" t="s">
        <v>5965</v>
      </c>
      <c r="E9835" t="s">
        <v>5940</v>
      </c>
      <c r="F9835" t="s">
        <v>5941</v>
      </c>
      <c r="G9835" t="s">
        <v>80</v>
      </c>
      <c r="H9835" t="s">
        <v>81</v>
      </c>
      <c r="I9835" s="2">
        <v>0</v>
      </c>
      <c r="J9835" s="2">
        <v>0</v>
      </c>
      <c r="K9835" s="2">
        <v>1</v>
      </c>
      <c r="L9835" t="s">
        <v>995</v>
      </c>
      <c r="M9835" t="s">
        <v>87</v>
      </c>
      <c r="N9835" t="s">
        <v>88</v>
      </c>
      <c r="O9835" t="s">
        <v>85</v>
      </c>
      <c r="P9835" t="s">
        <v>86</v>
      </c>
      <c r="Q9835">
        <v>25</v>
      </c>
      <c r="R9835">
        <v>25</v>
      </c>
      <c r="S9835">
        <v>25</v>
      </c>
      <c r="T9835">
        <v>25</v>
      </c>
      <c r="U9835">
        <v>26</v>
      </c>
      <c r="V9835">
        <v>26</v>
      </c>
      <c r="W9835">
        <v>26</v>
      </c>
      <c r="X9835">
        <v>26</v>
      </c>
      <c r="Y9835">
        <v>26</v>
      </c>
      <c r="Z9835">
        <v>26</v>
      </c>
      <c r="AA9835">
        <v>27</v>
      </c>
      <c r="AB9835">
        <v>27</v>
      </c>
      <c r="AC9835">
        <v>27</v>
      </c>
      <c r="AD9835">
        <v>27</v>
      </c>
      <c r="AE9835">
        <v>27</v>
      </c>
      <c r="AF9835">
        <v>27</v>
      </c>
      <c r="AG9835">
        <v>28</v>
      </c>
      <c r="AH9835">
        <v>28</v>
      </c>
      <c r="AI9835">
        <v>28</v>
      </c>
      <c r="AJ9835">
        <v>28</v>
      </c>
      <c r="AK9835">
        <v>28</v>
      </c>
      <c r="AL9835">
        <v>28</v>
      </c>
      <c r="AM9835">
        <v>29</v>
      </c>
      <c r="AN9835">
        <v>29</v>
      </c>
      <c r="AO9835">
        <v>29</v>
      </c>
      <c r="AP9835">
        <v>29</v>
      </c>
      <c r="AQ9835">
        <v>29</v>
      </c>
    </row>
    <row r="9836" spans="1:43">
      <c r="A9836" t="s">
        <v>6134</v>
      </c>
      <c r="B9836" t="s">
        <v>6135</v>
      </c>
      <c r="C9836" t="s">
        <v>5964</v>
      </c>
      <c r="D9836" t="s">
        <v>5965</v>
      </c>
      <c r="E9836" t="s">
        <v>5940</v>
      </c>
      <c r="F9836" t="s">
        <v>5941</v>
      </c>
      <c r="G9836" t="s">
        <v>80</v>
      </c>
      <c r="H9836" t="s">
        <v>81</v>
      </c>
      <c r="I9836" s="2">
        <v>0</v>
      </c>
      <c r="J9836" s="2">
        <v>0</v>
      </c>
      <c r="K9836" s="2">
        <v>1</v>
      </c>
      <c r="L9836" t="s">
        <v>995</v>
      </c>
      <c r="M9836" t="s">
        <v>89</v>
      </c>
      <c r="N9836" t="s">
        <v>90</v>
      </c>
      <c r="O9836" t="s">
        <v>85</v>
      </c>
      <c r="P9836" t="s">
        <v>86</v>
      </c>
      <c r="Q9836">
        <v>25</v>
      </c>
      <c r="R9836">
        <v>26</v>
      </c>
      <c r="S9836">
        <v>27</v>
      </c>
      <c r="T9836">
        <v>27</v>
      </c>
      <c r="U9836">
        <v>28</v>
      </c>
      <c r="V9836">
        <v>28</v>
      </c>
      <c r="W9836">
        <v>29</v>
      </c>
      <c r="X9836">
        <v>29</v>
      </c>
      <c r="Y9836">
        <v>30</v>
      </c>
      <c r="Z9836">
        <v>30</v>
      </c>
      <c r="AA9836">
        <v>31</v>
      </c>
      <c r="AB9836">
        <v>31</v>
      </c>
      <c r="AC9836">
        <v>32</v>
      </c>
      <c r="AD9836">
        <v>32</v>
      </c>
      <c r="AE9836">
        <v>33</v>
      </c>
      <c r="AF9836">
        <v>33</v>
      </c>
      <c r="AG9836">
        <v>33</v>
      </c>
      <c r="AH9836">
        <v>33</v>
      </c>
      <c r="AI9836">
        <v>33</v>
      </c>
      <c r="AJ9836">
        <v>33</v>
      </c>
      <c r="AK9836">
        <v>33</v>
      </c>
      <c r="AL9836">
        <v>33</v>
      </c>
      <c r="AM9836">
        <v>34</v>
      </c>
      <c r="AN9836">
        <v>34</v>
      </c>
      <c r="AO9836">
        <v>34</v>
      </c>
      <c r="AP9836">
        <v>34</v>
      </c>
      <c r="AQ9836">
        <v>34</v>
      </c>
    </row>
    <row r="9837" spans="1:43">
      <c r="A9837" t="s">
        <v>6134</v>
      </c>
      <c r="B9837" t="s">
        <v>6135</v>
      </c>
      <c r="C9837" t="s">
        <v>5964</v>
      </c>
      <c r="D9837" t="s">
        <v>5965</v>
      </c>
      <c r="E9837" t="s">
        <v>5940</v>
      </c>
      <c r="F9837" t="s">
        <v>5941</v>
      </c>
      <c r="G9837" t="s">
        <v>80</v>
      </c>
      <c r="H9837" t="s">
        <v>81</v>
      </c>
      <c r="I9837" s="2">
        <v>0</v>
      </c>
      <c r="J9837" s="2">
        <v>0</v>
      </c>
      <c r="K9837" s="2">
        <v>1</v>
      </c>
      <c r="L9837" t="s">
        <v>995</v>
      </c>
      <c r="M9837" t="s">
        <v>83</v>
      </c>
      <c r="N9837" t="s">
        <v>91</v>
      </c>
      <c r="O9837" t="s">
        <v>85</v>
      </c>
      <c r="P9837" t="s">
        <v>86</v>
      </c>
      <c r="Q9837">
        <v>25</v>
      </c>
      <c r="R9837">
        <v>25</v>
      </c>
      <c r="S9837">
        <v>26</v>
      </c>
      <c r="T9837">
        <v>26</v>
      </c>
      <c r="U9837">
        <v>27</v>
      </c>
      <c r="V9837">
        <v>27</v>
      </c>
      <c r="W9837">
        <v>28</v>
      </c>
      <c r="X9837">
        <v>28</v>
      </c>
      <c r="Y9837">
        <v>28</v>
      </c>
      <c r="Z9837">
        <v>29</v>
      </c>
      <c r="AA9837">
        <v>29</v>
      </c>
      <c r="AB9837">
        <v>30</v>
      </c>
      <c r="AC9837">
        <v>30</v>
      </c>
      <c r="AD9837">
        <v>30</v>
      </c>
      <c r="AE9837">
        <v>31</v>
      </c>
      <c r="AF9837">
        <v>31</v>
      </c>
      <c r="AG9837">
        <v>31</v>
      </c>
      <c r="AH9837">
        <v>32</v>
      </c>
      <c r="AI9837">
        <v>32</v>
      </c>
      <c r="AJ9837">
        <v>33</v>
      </c>
      <c r="AK9837">
        <v>33</v>
      </c>
      <c r="AL9837">
        <v>33</v>
      </c>
      <c r="AM9837">
        <v>33</v>
      </c>
      <c r="AN9837">
        <v>33</v>
      </c>
      <c r="AO9837">
        <v>33</v>
      </c>
      <c r="AP9837">
        <v>34</v>
      </c>
      <c r="AQ9837">
        <v>34</v>
      </c>
    </row>
    <row r="9838" spans="1:43">
      <c r="A9838" t="s">
        <v>6136</v>
      </c>
      <c r="B9838" t="s">
        <v>6137</v>
      </c>
      <c r="C9838" t="s">
        <v>6132</v>
      </c>
      <c r="D9838" t="s">
        <v>6133</v>
      </c>
      <c r="E9838" t="s">
        <v>5940</v>
      </c>
      <c r="F9838" t="s">
        <v>5941</v>
      </c>
      <c r="G9838" t="s">
        <v>80</v>
      </c>
      <c r="H9838" t="s">
        <v>81</v>
      </c>
      <c r="I9838" s="2">
        <v>0</v>
      </c>
      <c r="J9838" s="2">
        <v>0</v>
      </c>
      <c r="K9838" s="2">
        <v>1</v>
      </c>
      <c r="L9838" t="s">
        <v>995</v>
      </c>
      <c r="M9838" t="s">
        <v>83</v>
      </c>
      <c r="N9838" t="s">
        <v>84</v>
      </c>
      <c r="O9838" t="s">
        <v>85</v>
      </c>
      <c r="P9838" t="s">
        <v>86</v>
      </c>
      <c r="Q9838">
        <v>22</v>
      </c>
      <c r="R9838">
        <v>23</v>
      </c>
      <c r="S9838">
        <v>23</v>
      </c>
      <c r="T9838">
        <v>23</v>
      </c>
      <c r="U9838">
        <v>24</v>
      </c>
      <c r="V9838">
        <v>24</v>
      </c>
      <c r="W9838">
        <v>25</v>
      </c>
      <c r="X9838">
        <v>25</v>
      </c>
      <c r="Y9838">
        <v>25</v>
      </c>
      <c r="Z9838">
        <v>26</v>
      </c>
      <c r="AA9838">
        <v>26</v>
      </c>
      <c r="AB9838">
        <v>27</v>
      </c>
      <c r="AC9838">
        <v>27</v>
      </c>
      <c r="AD9838">
        <v>27</v>
      </c>
      <c r="AE9838">
        <v>28</v>
      </c>
      <c r="AF9838">
        <v>28</v>
      </c>
      <c r="AG9838">
        <v>28</v>
      </c>
      <c r="AH9838">
        <v>29</v>
      </c>
      <c r="AI9838">
        <v>29</v>
      </c>
      <c r="AJ9838">
        <v>30</v>
      </c>
      <c r="AK9838">
        <v>30</v>
      </c>
      <c r="AL9838">
        <v>30</v>
      </c>
      <c r="AM9838">
        <v>30</v>
      </c>
      <c r="AN9838">
        <v>30</v>
      </c>
      <c r="AO9838">
        <v>31</v>
      </c>
      <c r="AP9838">
        <v>31</v>
      </c>
      <c r="AQ9838">
        <v>31</v>
      </c>
    </row>
    <row r="9839" spans="1:43">
      <c r="A9839" t="s">
        <v>6136</v>
      </c>
      <c r="B9839" t="s">
        <v>6137</v>
      </c>
      <c r="C9839" t="s">
        <v>6132</v>
      </c>
      <c r="D9839" t="s">
        <v>6133</v>
      </c>
      <c r="E9839" t="s">
        <v>5940</v>
      </c>
      <c r="F9839" t="s">
        <v>5941</v>
      </c>
      <c r="G9839" t="s">
        <v>80</v>
      </c>
      <c r="H9839" t="s">
        <v>81</v>
      </c>
      <c r="I9839" s="2">
        <v>0</v>
      </c>
      <c r="J9839" s="2">
        <v>0</v>
      </c>
      <c r="K9839" s="2">
        <v>1</v>
      </c>
      <c r="L9839" t="s">
        <v>995</v>
      </c>
      <c r="M9839" t="s">
        <v>87</v>
      </c>
      <c r="N9839" t="s">
        <v>88</v>
      </c>
      <c r="O9839" t="s">
        <v>85</v>
      </c>
      <c r="P9839" t="s">
        <v>86</v>
      </c>
      <c r="Q9839">
        <v>22</v>
      </c>
      <c r="R9839">
        <v>22</v>
      </c>
      <c r="S9839">
        <v>22</v>
      </c>
      <c r="T9839">
        <v>23</v>
      </c>
      <c r="U9839">
        <v>23</v>
      </c>
      <c r="V9839">
        <v>23</v>
      </c>
      <c r="W9839">
        <v>23</v>
      </c>
      <c r="X9839">
        <v>23</v>
      </c>
      <c r="Y9839">
        <v>23</v>
      </c>
      <c r="Z9839">
        <v>24</v>
      </c>
      <c r="AA9839">
        <v>24</v>
      </c>
      <c r="AB9839">
        <v>24</v>
      </c>
      <c r="AC9839">
        <v>24</v>
      </c>
      <c r="AD9839">
        <v>24</v>
      </c>
      <c r="AE9839">
        <v>24</v>
      </c>
      <c r="AF9839">
        <v>25</v>
      </c>
      <c r="AG9839">
        <v>25</v>
      </c>
      <c r="AH9839">
        <v>25</v>
      </c>
      <c r="AI9839">
        <v>25</v>
      </c>
      <c r="AJ9839">
        <v>25</v>
      </c>
      <c r="AK9839">
        <v>26</v>
      </c>
      <c r="AL9839">
        <v>26</v>
      </c>
      <c r="AM9839">
        <v>26</v>
      </c>
      <c r="AN9839">
        <v>26</v>
      </c>
      <c r="AO9839">
        <v>26</v>
      </c>
      <c r="AP9839">
        <v>26</v>
      </c>
      <c r="AQ9839">
        <v>27</v>
      </c>
    </row>
    <row r="9840" spans="1:43">
      <c r="A9840" t="s">
        <v>6136</v>
      </c>
      <c r="B9840" t="s">
        <v>6137</v>
      </c>
      <c r="C9840" t="s">
        <v>6132</v>
      </c>
      <c r="D9840" t="s">
        <v>6133</v>
      </c>
      <c r="E9840" t="s">
        <v>5940</v>
      </c>
      <c r="F9840" t="s">
        <v>5941</v>
      </c>
      <c r="G9840" t="s">
        <v>80</v>
      </c>
      <c r="H9840" t="s">
        <v>81</v>
      </c>
      <c r="I9840" s="2">
        <v>0</v>
      </c>
      <c r="J9840" s="2">
        <v>0</v>
      </c>
      <c r="K9840" s="2">
        <v>1</v>
      </c>
      <c r="L9840" t="s">
        <v>995</v>
      </c>
      <c r="M9840" t="s">
        <v>89</v>
      </c>
      <c r="N9840" t="s">
        <v>90</v>
      </c>
      <c r="O9840" t="s">
        <v>85</v>
      </c>
      <c r="P9840" t="s">
        <v>86</v>
      </c>
      <c r="Q9840">
        <v>22</v>
      </c>
      <c r="R9840">
        <v>23</v>
      </c>
      <c r="S9840">
        <v>24</v>
      </c>
      <c r="T9840">
        <v>24</v>
      </c>
      <c r="U9840">
        <v>25</v>
      </c>
      <c r="V9840">
        <v>25</v>
      </c>
      <c r="W9840">
        <v>26</v>
      </c>
      <c r="X9840">
        <v>26</v>
      </c>
      <c r="Y9840">
        <v>27</v>
      </c>
      <c r="Z9840">
        <v>27</v>
      </c>
      <c r="AA9840">
        <v>28</v>
      </c>
      <c r="AB9840">
        <v>28</v>
      </c>
      <c r="AC9840">
        <v>29</v>
      </c>
      <c r="AD9840">
        <v>29</v>
      </c>
      <c r="AE9840">
        <v>30</v>
      </c>
      <c r="AF9840">
        <v>30</v>
      </c>
      <c r="AG9840">
        <v>30</v>
      </c>
      <c r="AH9840">
        <v>30</v>
      </c>
      <c r="AI9840">
        <v>30</v>
      </c>
      <c r="AJ9840">
        <v>30</v>
      </c>
      <c r="AK9840">
        <v>30</v>
      </c>
      <c r="AL9840">
        <v>30</v>
      </c>
      <c r="AM9840">
        <v>31</v>
      </c>
      <c r="AN9840">
        <v>31</v>
      </c>
      <c r="AO9840">
        <v>31</v>
      </c>
      <c r="AP9840">
        <v>31</v>
      </c>
      <c r="AQ9840">
        <v>31</v>
      </c>
    </row>
    <row r="9841" spans="1:43">
      <c r="A9841" t="s">
        <v>6136</v>
      </c>
      <c r="B9841" t="s">
        <v>6137</v>
      </c>
      <c r="C9841" t="s">
        <v>6132</v>
      </c>
      <c r="D9841" t="s">
        <v>6133</v>
      </c>
      <c r="E9841" t="s">
        <v>5940</v>
      </c>
      <c r="F9841" t="s">
        <v>5941</v>
      </c>
      <c r="G9841" t="s">
        <v>80</v>
      </c>
      <c r="H9841" t="s">
        <v>81</v>
      </c>
      <c r="I9841" s="2">
        <v>0</v>
      </c>
      <c r="J9841" s="2">
        <v>0</v>
      </c>
      <c r="K9841" s="2">
        <v>1</v>
      </c>
      <c r="L9841" t="s">
        <v>995</v>
      </c>
      <c r="M9841" t="s">
        <v>83</v>
      </c>
      <c r="N9841" t="s">
        <v>91</v>
      </c>
      <c r="O9841" t="s">
        <v>85</v>
      </c>
      <c r="P9841" t="s">
        <v>86</v>
      </c>
      <c r="Q9841">
        <v>22</v>
      </c>
      <c r="R9841">
        <v>23</v>
      </c>
      <c r="S9841">
        <v>23</v>
      </c>
      <c r="T9841">
        <v>23</v>
      </c>
      <c r="U9841">
        <v>24</v>
      </c>
      <c r="V9841">
        <v>24</v>
      </c>
      <c r="W9841">
        <v>25</v>
      </c>
      <c r="X9841">
        <v>25</v>
      </c>
      <c r="Y9841">
        <v>25</v>
      </c>
      <c r="Z9841">
        <v>26</v>
      </c>
      <c r="AA9841">
        <v>26</v>
      </c>
      <c r="AB9841">
        <v>27</v>
      </c>
      <c r="AC9841">
        <v>27</v>
      </c>
      <c r="AD9841">
        <v>27</v>
      </c>
      <c r="AE9841">
        <v>28</v>
      </c>
      <c r="AF9841">
        <v>28</v>
      </c>
      <c r="AG9841">
        <v>28</v>
      </c>
      <c r="AH9841">
        <v>29</v>
      </c>
      <c r="AI9841">
        <v>29</v>
      </c>
      <c r="AJ9841">
        <v>30</v>
      </c>
      <c r="AK9841">
        <v>30</v>
      </c>
      <c r="AL9841">
        <v>30</v>
      </c>
      <c r="AM9841">
        <v>30</v>
      </c>
      <c r="AN9841">
        <v>30</v>
      </c>
      <c r="AO9841">
        <v>31</v>
      </c>
      <c r="AP9841">
        <v>31</v>
      </c>
      <c r="AQ9841">
        <v>31</v>
      </c>
    </row>
    <row r="9842" spans="1:43">
      <c r="A9842" t="s">
        <v>6138</v>
      </c>
      <c r="B9842" t="s">
        <v>6139</v>
      </c>
      <c r="C9842" t="s">
        <v>6132</v>
      </c>
      <c r="D9842" t="s">
        <v>6133</v>
      </c>
      <c r="E9842" t="s">
        <v>5940</v>
      </c>
      <c r="F9842" t="s">
        <v>5941</v>
      </c>
      <c r="G9842" t="s">
        <v>80</v>
      </c>
      <c r="H9842" t="s">
        <v>81</v>
      </c>
      <c r="I9842" s="2">
        <v>0</v>
      </c>
      <c r="J9842" s="2">
        <v>0</v>
      </c>
      <c r="K9842" s="2">
        <v>1</v>
      </c>
      <c r="L9842" t="s">
        <v>995</v>
      </c>
      <c r="M9842" t="s">
        <v>83</v>
      </c>
      <c r="N9842" t="s">
        <v>84</v>
      </c>
      <c r="O9842" t="s">
        <v>85</v>
      </c>
      <c r="P9842" t="s">
        <v>86</v>
      </c>
      <c r="Q9842">
        <v>0</v>
      </c>
      <c r="R9842">
        <v>0</v>
      </c>
      <c r="S9842">
        <v>0</v>
      </c>
      <c r="T9842">
        <v>0</v>
      </c>
      <c r="U9842">
        <v>0</v>
      </c>
      <c r="V9842">
        <v>0</v>
      </c>
      <c r="W9842">
        <v>0</v>
      </c>
      <c r="X9842">
        <v>0</v>
      </c>
      <c r="Y9842">
        <v>0</v>
      </c>
      <c r="Z9842">
        <v>0</v>
      </c>
      <c r="AA9842">
        <v>0</v>
      </c>
      <c r="AB9842">
        <v>0</v>
      </c>
      <c r="AC9842">
        <v>0</v>
      </c>
      <c r="AD9842">
        <v>0</v>
      </c>
      <c r="AE9842">
        <v>0</v>
      </c>
      <c r="AF9842">
        <v>0</v>
      </c>
      <c r="AG9842">
        <v>0</v>
      </c>
      <c r="AH9842">
        <v>0</v>
      </c>
      <c r="AI9842">
        <v>0</v>
      </c>
      <c r="AJ9842">
        <v>0</v>
      </c>
      <c r="AK9842">
        <v>0</v>
      </c>
      <c r="AL9842">
        <v>0</v>
      </c>
      <c r="AM9842">
        <v>0</v>
      </c>
      <c r="AN9842">
        <v>0</v>
      </c>
      <c r="AO9842">
        <v>0</v>
      </c>
      <c r="AP9842">
        <v>0</v>
      </c>
      <c r="AQ9842">
        <v>0</v>
      </c>
    </row>
    <row r="9843" spans="1:43">
      <c r="A9843" t="s">
        <v>6138</v>
      </c>
      <c r="B9843" t="s">
        <v>6139</v>
      </c>
      <c r="C9843" t="s">
        <v>6132</v>
      </c>
      <c r="D9843" t="s">
        <v>6133</v>
      </c>
      <c r="E9843" t="s">
        <v>5940</v>
      </c>
      <c r="F9843" t="s">
        <v>5941</v>
      </c>
      <c r="G9843" t="s">
        <v>80</v>
      </c>
      <c r="H9843" t="s">
        <v>81</v>
      </c>
      <c r="I9843" s="2">
        <v>0</v>
      </c>
      <c r="J9843" s="2">
        <v>0</v>
      </c>
      <c r="K9843" s="2">
        <v>1</v>
      </c>
      <c r="L9843" t="s">
        <v>995</v>
      </c>
      <c r="M9843" t="s">
        <v>87</v>
      </c>
      <c r="N9843" t="s">
        <v>88</v>
      </c>
      <c r="O9843" t="s">
        <v>85</v>
      </c>
      <c r="P9843" t="s">
        <v>86</v>
      </c>
      <c r="Q9843">
        <v>0</v>
      </c>
      <c r="R9843">
        <v>0</v>
      </c>
      <c r="S9843">
        <v>0</v>
      </c>
      <c r="T9843">
        <v>0</v>
      </c>
      <c r="U9843">
        <v>0</v>
      </c>
      <c r="V9843">
        <v>0</v>
      </c>
      <c r="W9843">
        <v>0</v>
      </c>
      <c r="X9843">
        <v>0</v>
      </c>
      <c r="Y9843">
        <v>0</v>
      </c>
      <c r="Z9843">
        <v>0</v>
      </c>
      <c r="AA9843">
        <v>0</v>
      </c>
      <c r="AB9843">
        <v>0</v>
      </c>
      <c r="AC9843">
        <v>0</v>
      </c>
      <c r="AD9843">
        <v>0</v>
      </c>
      <c r="AE9843">
        <v>0</v>
      </c>
      <c r="AF9843">
        <v>0</v>
      </c>
      <c r="AG9843">
        <v>0</v>
      </c>
      <c r="AH9843">
        <v>0</v>
      </c>
      <c r="AI9843">
        <v>0</v>
      </c>
      <c r="AJ9843">
        <v>0</v>
      </c>
      <c r="AK9843">
        <v>0</v>
      </c>
      <c r="AL9843">
        <v>0</v>
      </c>
      <c r="AM9843">
        <v>0</v>
      </c>
      <c r="AN9843">
        <v>0</v>
      </c>
      <c r="AO9843">
        <v>0</v>
      </c>
      <c r="AP9843">
        <v>0</v>
      </c>
      <c r="AQ9843">
        <v>0</v>
      </c>
    </row>
    <row r="9844" spans="1:43">
      <c r="A9844" t="s">
        <v>6138</v>
      </c>
      <c r="B9844" t="s">
        <v>6139</v>
      </c>
      <c r="C9844" t="s">
        <v>6132</v>
      </c>
      <c r="D9844" t="s">
        <v>6133</v>
      </c>
      <c r="E9844" t="s">
        <v>5940</v>
      </c>
      <c r="F9844" t="s">
        <v>5941</v>
      </c>
      <c r="G9844" t="s">
        <v>80</v>
      </c>
      <c r="H9844" t="s">
        <v>81</v>
      </c>
      <c r="I9844" s="2">
        <v>0</v>
      </c>
      <c r="J9844" s="2">
        <v>0</v>
      </c>
      <c r="K9844" s="2">
        <v>1</v>
      </c>
      <c r="L9844" t="s">
        <v>995</v>
      </c>
      <c r="M9844" t="s">
        <v>89</v>
      </c>
      <c r="N9844" t="s">
        <v>90</v>
      </c>
      <c r="O9844" t="s">
        <v>85</v>
      </c>
      <c r="P9844" t="s">
        <v>86</v>
      </c>
      <c r="Q9844">
        <v>0</v>
      </c>
      <c r="R9844">
        <v>0</v>
      </c>
      <c r="S9844">
        <v>0</v>
      </c>
      <c r="T9844">
        <v>0</v>
      </c>
      <c r="U9844">
        <v>0</v>
      </c>
      <c r="V9844">
        <v>0</v>
      </c>
      <c r="W9844">
        <v>0</v>
      </c>
      <c r="X9844">
        <v>0</v>
      </c>
      <c r="Y9844">
        <v>0</v>
      </c>
      <c r="Z9844">
        <v>0</v>
      </c>
      <c r="AA9844">
        <v>0</v>
      </c>
      <c r="AB9844">
        <v>0</v>
      </c>
      <c r="AC9844">
        <v>0</v>
      </c>
      <c r="AD9844">
        <v>0</v>
      </c>
      <c r="AE9844">
        <v>0</v>
      </c>
      <c r="AF9844">
        <v>0</v>
      </c>
      <c r="AG9844">
        <v>0</v>
      </c>
      <c r="AH9844">
        <v>0</v>
      </c>
      <c r="AI9844">
        <v>0</v>
      </c>
      <c r="AJ9844">
        <v>0</v>
      </c>
      <c r="AK9844">
        <v>0</v>
      </c>
      <c r="AL9844">
        <v>0</v>
      </c>
      <c r="AM9844">
        <v>0</v>
      </c>
      <c r="AN9844">
        <v>0</v>
      </c>
      <c r="AO9844">
        <v>0</v>
      </c>
      <c r="AP9844">
        <v>0</v>
      </c>
      <c r="AQ9844">
        <v>0</v>
      </c>
    </row>
    <row r="9845" spans="1:43">
      <c r="A9845" t="s">
        <v>6138</v>
      </c>
      <c r="B9845" t="s">
        <v>6139</v>
      </c>
      <c r="C9845" t="s">
        <v>6132</v>
      </c>
      <c r="D9845" t="s">
        <v>6133</v>
      </c>
      <c r="E9845" t="s">
        <v>5940</v>
      </c>
      <c r="F9845" t="s">
        <v>5941</v>
      </c>
      <c r="G9845" t="s">
        <v>80</v>
      </c>
      <c r="H9845" t="s">
        <v>81</v>
      </c>
      <c r="I9845" s="2">
        <v>0</v>
      </c>
      <c r="J9845" s="2">
        <v>0</v>
      </c>
      <c r="K9845" s="2">
        <v>1</v>
      </c>
      <c r="L9845" t="s">
        <v>995</v>
      </c>
      <c r="M9845" t="s">
        <v>83</v>
      </c>
      <c r="N9845" t="s">
        <v>91</v>
      </c>
      <c r="O9845" t="s">
        <v>85</v>
      </c>
      <c r="P9845" t="s">
        <v>86</v>
      </c>
      <c r="Q9845">
        <v>0</v>
      </c>
      <c r="R9845">
        <v>0</v>
      </c>
      <c r="S9845">
        <v>0</v>
      </c>
      <c r="T9845">
        <v>0</v>
      </c>
      <c r="U9845">
        <v>0</v>
      </c>
      <c r="V9845">
        <v>0</v>
      </c>
      <c r="W9845">
        <v>0</v>
      </c>
      <c r="X9845">
        <v>0</v>
      </c>
      <c r="Y9845">
        <v>0</v>
      </c>
      <c r="Z9845">
        <v>0</v>
      </c>
      <c r="AA9845">
        <v>0</v>
      </c>
      <c r="AB9845">
        <v>0</v>
      </c>
      <c r="AC9845">
        <v>0</v>
      </c>
      <c r="AD9845">
        <v>0</v>
      </c>
      <c r="AE9845">
        <v>0</v>
      </c>
      <c r="AF9845">
        <v>0</v>
      </c>
      <c r="AG9845">
        <v>0</v>
      </c>
      <c r="AH9845">
        <v>0</v>
      </c>
      <c r="AI9845">
        <v>0</v>
      </c>
      <c r="AJ9845">
        <v>0</v>
      </c>
      <c r="AK9845">
        <v>0</v>
      </c>
      <c r="AL9845">
        <v>0</v>
      </c>
      <c r="AM9845">
        <v>0</v>
      </c>
      <c r="AN9845">
        <v>0</v>
      </c>
      <c r="AO9845">
        <v>0</v>
      </c>
      <c r="AP9845">
        <v>0</v>
      </c>
      <c r="AQ9845">
        <v>0</v>
      </c>
    </row>
    <row r="9846" spans="1:43">
      <c r="A9846" t="s">
        <v>6140</v>
      </c>
      <c r="B9846" t="s">
        <v>6141</v>
      </c>
      <c r="C9846" t="s">
        <v>6132</v>
      </c>
      <c r="D9846" t="s">
        <v>6133</v>
      </c>
      <c r="E9846" t="s">
        <v>5940</v>
      </c>
      <c r="F9846" t="s">
        <v>5941</v>
      </c>
      <c r="G9846" t="s">
        <v>80</v>
      </c>
      <c r="H9846" t="s">
        <v>81</v>
      </c>
      <c r="I9846" s="2">
        <v>0</v>
      </c>
      <c r="J9846" s="2">
        <v>0</v>
      </c>
      <c r="K9846" s="2">
        <v>1</v>
      </c>
      <c r="L9846" t="s">
        <v>995</v>
      </c>
      <c r="M9846" t="s">
        <v>83</v>
      </c>
      <c r="N9846" t="s">
        <v>84</v>
      </c>
      <c r="O9846" t="s">
        <v>85</v>
      </c>
      <c r="P9846" t="s">
        <v>86</v>
      </c>
      <c r="Q9846">
        <v>26</v>
      </c>
      <c r="R9846">
        <v>27</v>
      </c>
      <c r="S9846">
        <v>27</v>
      </c>
      <c r="T9846">
        <v>28</v>
      </c>
      <c r="U9846">
        <v>28</v>
      </c>
      <c r="V9846">
        <v>29</v>
      </c>
      <c r="W9846">
        <v>29</v>
      </c>
      <c r="X9846">
        <v>29</v>
      </c>
      <c r="Y9846">
        <v>30</v>
      </c>
      <c r="Z9846">
        <v>30</v>
      </c>
      <c r="AA9846">
        <v>31</v>
      </c>
      <c r="AB9846">
        <v>31</v>
      </c>
      <c r="AC9846">
        <v>32</v>
      </c>
      <c r="AD9846">
        <v>32</v>
      </c>
      <c r="AE9846">
        <v>33</v>
      </c>
      <c r="AF9846">
        <v>33</v>
      </c>
      <c r="AG9846">
        <v>34</v>
      </c>
      <c r="AH9846">
        <v>34</v>
      </c>
      <c r="AI9846">
        <v>35</v>
      </c>
      <c r="AJ9846">
        <v>35</v>
      </c>
      <c r="AK9846">
        <v>35</v>
      </c>
      <c r="AL9846">
        <v>36</v>
      </c>
      <c r="AM9846">
        <v>36</v>
      </c>
      <c r="AN9846">
        <v>36</v>
      </c>
      <c r="AO9846">
        <v>36</v>
      </c>
      <c r="AP9846">
        <v>36</v>
      </c>
      <c r="AQ9846">
        <v>36</v>
      </c>
    </row>
    <row r="9847" spans="1:43">
      <c r="A9847" t="s">
        <v>6140</v>
      </c>
      <c r="B9847" t="s">
        <v>6141</v>
      </c>
      <c r="C9847" t="s">
        <v>6132</v>
      </c>
      <c r="D9847" t="s">
        <v>6133</v>
      </c>
      <c r="E9847" t="s">
        <v>5940</v>
      </c>
      <c r="F9847" t="s">
        <v>5941</v>
      </c>
      <c r="G9847" t="s">
        <v>80</v>
      </c>
      <c r="H9847" t="s">
        <v>81</v>
      </c>
      <c r="I9847" s="2">
        <v>0</v>
      </c>
      <c r="J9847" s="2">
        <v>0</v>
      </c>
      <c r="K9847" s="2">
        <v>1</v>
      </c>
      <c r="L9847" t="s">
        <v>995</v>
      </c>
      <c r="M9847" t="s">
        <v>87</v>
      </c>
      <c r="N9847" t="s">
        <v>88</v>
      </c>
      <c r="O9847" t="s">
        <v>85</v>
      </c>
      <c r="P9847" t="s">
        <v>86</v>
      </c>
      <c r="Q9847">
        <v>26</v>
      </c>
      <c r="R9847">
        <v>26</v>
      </c>
      <c r="S9847">
        <v>26</v>
      </c>
      <c r="T9847">
        <v>27</v>
      </c>
      <c r="U9847">
        <v>27</v>
      </c>
      <c r="V9847">
        <v>27</v>
      </c>
      <c r="W9847">
        <v>27</v>
      </c>
      <c r="X9847">
        <v>27</v>
      </c>
      <c r="Y9847">
        <v>28</v>
      </c>
      <c r="Z9847">
        <v>28</v>
      </c>
      <c r="AA9847">
        <v>28</v>
      </c>
      <c r="AB9847">
        <v>28</v>
      </c>
      <c r="AC9847">
        <v>29</v>
      </c>
      <c r="AD9847">
        <v>29</v>
      </c>
      <c r="AE9847">
        <v>29</v>
      </c>
      <c r="AF9847">
        <v>29</v>
      </c>
      <c r="AG9847">
        <v>29</v>
      </c>
      <c r="AH9847">
        <v>30</v>
      </c>
      <c r="AI9847">
        <v>30</v>
      </c>
      <c r="AJ9847">
        <v>30</v>
      </c>
      <c r="AK9847">
        <v>30</v>
      </c>
      <c r="AL9847">
        <v>30</v>
      </c>
      <c r="AM9847">
        <v>31</v>
      </c>
      <c r="AN9847">
        <v>31</v>
      </c>
      <c r="AO9847">
        <v>31</v>
      </c>
      <c r="AP9847">
        <v>31</v>
      </c>
      <c r="AQ9847">
        <v>31</v>
      </c>
    </row>
    <row r="9848" spans="1:43">
      <c r="A9848" t="s">
        <v>6140</v>
      </c>
      <c r="B9848" t="s">
        <v>6141</v>
      </c>
      <c r="C9848" t="s">
        <v>6132</v>
      </c>
      <c r="D9848" t="s">
        <v>6133</v>
      </c>
      <c r="E9848" t="s">
        <v>5940</v>
      </c>
      <c r="F9848" t="s">
        <v>5941</v>
      </c>
      <c r="G9848" t="s">
        <v>80</v>
      </c>
      <c r="H9848" t="s">
        <v>81</v>
      </c>
      <c r="I9848" s="2">
        <v>0</v>
      </c>
      <c r="J9848" s="2">
        <v>0</v>
      </c>
      <c r="K9848" s="2">
        <v>1</v>
      </c>
      <c r="L9848" t="s">
        <v>995</v>
      </c>
      <c r="M9848" t="s">
        <v>89</v>
      </c>
      <c r="N9848" t="s">
        <v>90</v>
      </c>
      <c r="O9848" t="s">
        <v>85</v>
      </c>
      <c r="P9848" t="s">
        <v>86</v>
      </c>
      <c r="Q9848">
        <v>26</v>
      </c>
      <c r="R9848">
        <v>26</v>
      </c>
      <c r="S9848">
        <v>27</v>
      </c>
      <c r="T9848">
        <v>28</v>
      </c>
      <c r="U9848">
        <v>28</v>
      </c>
      <c r="V9848">
        <v>29</v>
      </c>
      <c r="W9848">
        <v>30</v>
      </c>
      <c r="X9848">
        <v>30</v>
      </c>
      <c r="Y9848">
        <v>31</v>
      </c>
      <c r="Z9848">
        <v>31</v>
      </c>
      <c r="AA9848">
        <v>32</v>
      </c>
      <c r="AB9848">
        <v>32</v>
      </c>
      <c r="AC9848">
        <v>33</v>
      </c>
      <c r="AD9848">
        <v>34</v>
      </c>
      <c r="AE9848">
        <v>34</v>
      </c>
      <c r="AF9848">
        <v>34</v>
      </c>
      <c r="AG9848">
        <v>34</v>
      </c>
      <c r="AH9848">
        <v>34</v>
      </c>
      <c r="AI9848">
        <v>35</v>
      </c>
      <c r="AJ9848">
        <v>35</v>
      </c>
      <c r="AK9848">
        <v>35</v>
      </c>
      <c r="AL9848">
        <v>35</v>
      </c>
      <c r="AM9848">
        <v>35</v>
      </c>
      <c r="AN9848">
        <v>35</v>
      </c>
      <c r="AO9848">
        <v>35</v>
      </c>
      <c r="AP9848">
        <v>35</v>
      </c>
      <c r="AQ9848">
        <v>36</v>
      </c>
    </row>
    <row r="9849" spans="1:43">
      <c r="A9849" t="s">
        <v>6140</v>
      </c>
      <c r="B9849" t="s">
        <v>6141</v>
      </c>
      <c r="C9849" t="s">
        <v>6132</v>
      </c>
      <c r="D9849" t="s">
        <v>6133</v>
      </c>
      <c r="E9849" t="s">
        <v>5940</v>
      </c>
      <c r="F9849" t="s">
        <v>5941</v>
      </c>
      <c r="G9849" t="s">
        <v>80</v>
      </c>
      <c r="H9849" t="s">
        <v>81</v>
      </c>
      <c r="I9849" s="2">
        <v>0</v>
      </c>
      <c r="J9849" s="2">
        <v>0</v>
      </c>
      <c r="K9849" s="2">
        <v>1</v>
      </c>
      <c r="L9849" t="s">
        <v>995</v>
      </c>
      <c r="M9849" t="s">
        <v>83</v>
      </c>
      <c r="N9849" t="s">
        <v>91</v>
      </c>
      <c r="O9849" t="s">
        <v>85</v>
      </c>
      <c r="P9849" t="s">
        <v>86</v>
      </c>
      <c r="Q9849">
        <v>26</v>
      </c>
      <c r="R9849">
        <v>27</v>
      </c>
      <c r="S9849">
        <v>27</v>
      </c>
      <c r="T9849">
        <v>28</v>
      </c>
      <c r="U9849">
        <v>28</v>
      </c>
      <c r="V9849">
        <v>29</v>
      </c>
      <c r="W9849">
        <v>29</v>
      </c>
      <c r="X9849">
        <v>29</v>
      </c>
      <c r="Y9849">
        <v>30</v>
      </c>
      <c r="Z9849">
        <v>30</v>
      </c>
      <c r="AA9849">
        <v>31</v>
      </c>
      <c r="AB9849">
        <v>31</v>
      </c>
      <c r="AC9849">
        <v>32</v>
      </c>
      <c r="AD9849">
        <v>32</v>
      </c>
      <c r="AE9849">
        <v>33</v>
      </c>
      <c r="AF9849">
        <v>33</v>
      </c>
      <c r="AG9849">
        <v>34</v>
      </c>
      <c r="AH9849">
        <v>34</v>
      </c>
      <c r="AI9849">
        <v>35</v>
      </c>
      <c r="AJ9849">
        <v>35</v>
      </c>
      <c r="AK9849">
        <v>35</v>
      </c>
      <c r="AL9849">
        <v>36</v>
      </c>
      <c r="AM9849">
        <v>36</v>
      </c>
      <c r="AN9849">
        <v>36</v>
      </c>
      <c r="AO9849">
        <v>36</v>
      </c>
      <c r="AP9849">
        <v>36</v>
      </c>
      <c r="AQ9849">
        <v>36</v>
      </c>
    </row>
    <row r="9850" spans="1:43">
      <c r="A9850" t="s">
        <v>6142</v>
      </c>
      <c r="B9850" t="s">
        <v>6143</v>
      </c>
      <c r="C9850" t="s">
        <v>5964</v>
      </c>
      <c r="D9850" t="s">
        <v>5965</v>
      </c>
      <c r="E9850" t="s">
        <v>5940</v>
      </c>
      <c r="F9850" t="s">
        <v>5941</v>
      </c>
      <c r="G9850" t="s">
        <v>80</v>
      </c>
      <c r="H9850" t="s">
        <v>81</v>
      </c>
      <c r="I9850" s="2">
        <v>0</v>
      </c>
      <c r="J9850" s="2">
        <v>0</v>
      </c>
      <c r="K9850" s="2">
        <v>1</v>
      </c>
      <c r="L9850" t="s">
        <v>995</v>
      </c>
      <c r="M9850" t="s">
        <v>83</v>
      </c>
      <c r="N9850" t="s">
        <v>84</v>
      </c>
      <c r="O9850" t="s">
        <v>85</v>
      </c>
      <c r="P9850" t="s">
        <v>86</v>
      </c>
      <c r="Q9850">
        <v>71</v>
      </c>
      <c r="R9850">
        <v>72</v>
      </c>
      <c r="S9850">
        <v>73</v>
      </c>
      <c r="T9850">
        <v>74</v>
      </c>
      <c r="U9850">
        <v>75</v>
      </c>
      <c r="V9850">
        <v>77</v>
      </c>
      <c r="W9850">
        <v>78</v>
      </c>
      <c r="X9850">
        <v>79</v>
      </c>
      <c r="Y9850">
        <v>80</v>
      </c>
      <c r="Z9850">
        <v>81</v>
      </c>
      <c r="AA9850">
        <v>82</v>
      </c>
      <c r="AB9850">
        <v>83</v>
      </c>
      <c r="AC9850">
        <v>85</v>
      </c>
      <c r="AD9850">
        <v>86</v>
      </c>
      <c r="AE9850">
        <v>87</v>
      </c>
      <c r="AF9850">
        <v>88</v>
      </c>
      <c r="AG9850">
        <v>89</v>
      </c>
      <c r="AH9850">
        <v>90</v>
      </c>
      <c r="AI9850">
        <v>91</v>
      </c>
      <c r="AJ9850">
        <v>92</v>
      </c>
      <c r="AK9850">
        <v>93</v>
      </c>
      <c r="AL9850">
        <v>94</v>
      </c>
      <c r="AM9850">
        <v>94</v>
      </c>
      <c r="AN9850">
        <v>94</v>
      </c>
      <c r="AO9850">
        <v>95</v>
      </c>
      <c r="AP9850">
        <v>95</v>
      </c>
      <c r="AQ9850">
        <v>95</v>
      </c>
    </row>
    <row r="9851" spans="1:43">
      <c r="A9851" t="s">
        <v>6142</v>
      </c>
      <c r="B9851" t="s">
        <v>6143</v>
      </c>
      <c r="C9851" t="s">
        <v>5964</v>
      </c>
      <c r="D9851" t="s">
        <v>5965</v>
      </c>
      <c r="E9851" t="s">
        <v>5940</v>
      </c>
      <c r="F9851" t="s">
        <v>5941</v>
      </c>
      <c r="G9851" t="s">
        <v>80</v>
      </c>
      <c r="H9851" t="s">
        <v>81</v>
      </c>
      <c r="I9851" s="2">
        <v>0</v>
      </c>
      <c r="J9851" s="2">
        <v>0</v>
      </c>
      <c r="K9851" s="2">
        <v>1</v>
      </c>
      <c r="L9851" t="s">
        <v>995</v>
      </c>
      <c r="M9851" t="s">
        <v>87</v>
      </c>
      <c r="N9851" t="s">
        <v>88</v>
      </c>
      <c r="O9851" t="s">
        <v>85</v>
      </c>
      <c r="P9851" t="s">
        <v>86</v>
      </c>
      <c r="Q9851">
        <v>71</v>
      </c>
      <c r="R9851">
        <v>72</v>
      </c>
      <c r="S9851">
        <v>72</v>
      </c>
      <c r="T9851">
        <v>73</v>
      </c>
      <c r="U9851">
        <v>73</v>
      </c>
      <c r="V9851">
        <v>73</v>
      </c>
      <c r="W9851">
        <v>74</v>
      </c>
      <c r="X9851">
        <v>74</v>
      </c>
      <c r="Y9851">
        <v>75</v>
      </c>
      <c r="Z9851">
        <v>75</v>
      </c>
      <c r="AA9851">
        <v>76</v>
      </c>
      <c r="AB9851">
        <v>76</v>
      </c>
      <c r="AC9851">
        <v>77</v>
      </c>
      <c r="AD9851">
        <v>77</v>
      </c>
      <c r="AE9851">
        <v>78</v>
      </c>
      <c r="AF9851">
        <v>78</v>
      </c>
      <c r="AG9851">
        <v>79</v>
      </c>
      <c r="AH9851">
        <v>79</v>
      </c>
      <c r="AI9851">
        <v>80</v>
      </c>
      <c r="AJ9851">
        <v>80</v>
      </c>
      <c r="AK9851">
        <v>81</v>
      </c>
      <c r="AL9851">
        <v>81</v>
      </c>
      <c r="AM9851">
        <v>82</v>
      </c>
      <c r="AN9851">
        <v>82</v>
      </c>
      <c r="AO9851">
        <v>83</v>
      </c>
      <c r="AP9851">
        <v>83</v>
      </c>
      <c r="AQ9851">
        <v>84</v>
      </c>
    </row>
    <row r="9852" spans="1:43">
      <c r="A9852" t="s">
        <v>6142</v>
      </c>
      <c r="B9852" t="s">
        <v>6143</v>
      </c>
      <c r="C9852" t="s">
        <v>5964</v>
      </c>
      <c r="D9852" t="s">
        <v>5965</v>
      </c>
      <c r="E9852" t="s">
        <v>5940</v>
      </c>
      <c r="F9852" t="s">
        <v>5941</v>
      </c>
      <c r="G9852" t="s">
        <v>80</v>
      </c>
      <c r="H9852" t="s">
        <v>81</v>
      </c>
      <c r="I9852" s="2">
        <v>0</v>
      </c>
      <c r="J9852" s="2">
        <v>0</v>
      </c>
      <c r="K9852" s="2">
        <v>1</v>
      </c>
      <c r="L9852" t="s">
        <v>995</v>
      </c>
      <c r="M9852" t="s">
        <v>89</v>
      </c>
      <c r="N9852" t="s">
        <v>90</v>
      </c>
      <c r="O9852" t="s">
        <v>85</v>
      </c>
      <c r="P9852" t="s">
        <v>86</v>
      </c>
      <c r="Q9852">
        <v>71</v>
      </c>
      <c r="R9852">
        <v>73</v>
      </c>
      <c r="S9852">
        <v>75</v>
      </c>
      <c r="T9852">
        <v>77</v>
      </c>
      <c r="U9852">
        <v>78</v>
      </c>
      <c r="V9852">
        <v>80</v>
      </c>
      <c r="W9852">
        <v>82</v>
      </c>
      <c r="X9852">
        <v>83</v>
      </c>
      <c r="Y9852">
        <v>85</v>
      </c>
      <c r="Z9852">
        <v>86</v>
      </c>
      <c r="AA9852">
        <v>87</v>
      </c>
      <c r="AB9852">
        <v>89</v>
      </c>
      <c r="AC9852">
        <v>90</v>
      </c>
      <c r="AD9852">
        <v>92</v>
      </c>
      <c r="AE9852">
        <v>93</v>
      </c>
      <c r="AF9852">
        <v>93</v>
      </c>
      <c r="AG9852">
        <v>93</v>
      </c>
      <c r="AH9852">
        <v>93</v>
      </c>
      <c r="AI9852">
        <v>94</v>
      </c>
      <c r="AJ9852">
        <v>94</v>
      </c>
      <c r="AK9852">
        <v>94</v>
      </c>
      <c r="AL9852">
        <v>94</v>
      </c>
      <c r="AM9852">
        <v>95</v>
      </c>
      <c r="AN9852">
        <v>95</v>
      </c>
      <c r="AO9852">
        <v>95</v>
      </c>
      <c r="AP9852">
        <v>95</v>
      </c>
      <c r="AQ9852">
        <v>95</v>
      </c>
    </row>
    <row r="9853" spans="1:43">
      <c r="A9853" t="s">
        <v>6142</v>
      </c>
      <c r="B9853" t="s">
        <v>6143</v>
      </c>
      <c r="C9853" t="s">
        <v>5964</v>
      </c>
      <c r="D9853" t="s">
        <v>5965</v>
      </c>
      <c r="E9853" t="s">
        <v>5940</v>
      </c>
      <c r="F9853" t="s">
        <v>5941</v>
      </c>
      <c r="G9853" t="s">
        <v>80</v>
      </c>
      <c r="H9853" t="s">
        <v>81</v>
      </c>
      <c r="I9853" s="2">
        <v>0</v>
      </c>
      <c r="J9853" s="2">
        <v>0</v>
      </c>
      <c r="K9853" s="2">
        <v>1</v>
      </c>
      <c r="L9853" t="s">
        <v>995</v>
      </c>
      <c r="M9853" t="s">
        <v>83</v>
      </c>
      <c r="N9853" t="s">
        <v>91</v>
      </c>
      <c r="O9853" t="s">
        <v>85</v>
      </c>
      <c r="P9853" t="s">
        <v>86</v>
      </c>
      <c r="Q9853">
        <v>71</v>
      </c>
      <c r="R9853">
        <v>72</v>
      </c>
      <c r="S9853">
        <v>73</v>
      </c>
      <c r="T9853">
        <v>74</v>
      </c>
      <c r="U9853">
        <v>75</v>
      </c>
      <c r="V9853">
        <v>77</v>
      </c>
      <c r="W9853">
        <v>78</v>
      </c>
      <c r="X9853">
        <v>79</v>
      </c>
      <c r="Y9853">
        <v>80</v>
      </c>
      <c r="Z9853">
        <v>81</v>
      </c>
      <c r="AA9853">
        <v>82</v>
      </c>
      <c r="AB9853">
        <v>83</v>
      </c>
      <c r="AC9853">
        <v>85</v>
      </c>
      <c r="AD9853">
        <v>86</v>
      </c>
      <c r="AE9853">
        <v>87</v>
      </c>
      <c r="AF9853">
        <v>88</v>
      </c>
      <c r="AG9853">
        <v>89</v>
      </c>
      <c r="AH9853">
        <v>90</v>
      </c>
      <c r="AI9853">
        <v>91</v>
      </c>
      <c r="AJ9853">
        <v>92</v>
      </c>
      <c r="AK9853">
        <v>93</v>
      </c>
      <c r="AL9853">
        <v>94</v>
      </c>
      <c r="AM9853">
        <v>94</v>
      </c>
      <c r="AN9853">
        <v>94</v>
      </c>
      <c r="AO9853">
        <v>95</v>
      </c>
      <c r="AP9853">
        <v>95</v>
      </c>
      <c r="AQ9853">
        <v>95</v>
      </c>
    </row>
    <row r="9854" spans="1:43">
      <c r="A9854" t="s">
        <v>6144</v>
      </c>
      <c r="B9854" t="s">
        <v>6145</v>
      </c>
      <c r="C9854" t="s">
        <v>5948</v>
      </c>
      <c r="D9854" t="s">
        <v>5949</v>
      </c>
      <c r="E9854" t="s">
        <v>5940</v>
      </c>
      <c r="F9854" t="s">
        <v>5941</v>
      </c>
      <c r="G9854" t="s">
        <v>80</v>
      </c>
      <c r="H9854" t="s">
        <v>81</v>
      </c>
      <c r="I9854" s="2">
        <v>0</v>
      </c>
      <c r="J9854" s="2">
        <v>0</v>
      </c>
      <c r="K9854" s="2">
        <v>1</v>
      </c>
      <c r="L9854" t="s">
        <v>995</v>
      </c>
      <c r="M9854" t="s">
        <v>83</v>
      </c>
      <c r="N9854" t="s">
        <v>84</v>
      </c>
      <c r="O9854" t="s">
        <v>85</v>
      </c>
      <c r="P9854" t="s">
        <v>86</v>
      </c>
      <c r="Q9854">
        <v>38</v>
      </c>
      <c r="R9854">
        <v>39</v>
      </c>
      <c r="S9854">
        <v>39</v>
      </c>
      <c r="T9854">
        <v>40</v>
      </c>
      <c r="U9854">
        <v>41</v>
      </c>
      <c r="V9854">
        <v>41</v>
      </c>
      <c r="W9854">
        <v>42</v>
      </c>
      <c r="X9854">
        <v>42</v>
      </c>
      <c r="Y9854">
        <v>43</v>
      </c>
      <c r="Z9854">
        <v>44</v>
      </c>
      <c r="AA9854">
        <v>44</v>
      </c>
      <c r="AB9854">
        <v>45</v>
      </c>
      <c r="AC9854">
        <v>46</v>
      </c>
      <c r="AD9854">
        <v>46</v>
      </c>
      <c r="AE9854">
        <v>47</v>
      </c>
      <c r="AF9854">
        <v>48</v>
      </c>
      <c r="AG9854">
        <v>48</v>
      </c>
      <c r="AH9854">
        <v>49</v>
      </c>
      <c r="AI9854">
        <v>50</v>
      </c>
      <c r="AJ9854">
        <v>50</v>
      </c>
      <c r="AK9854">
        <v>51</v>
      </c>
      <c r="AL9854">
        <v>51</v>
      </c>
      <c r="AM9854">
        <v>52</v>
      </c>
      <c r="AN9854">
        <v>52</v>
      </c>
      <c r="AO9854">
        <v>52</v>
      </c>
      <c r="AP9854">
        <v>52</v>
      </c>
      <c r="AQ9854">
        <v>52</v>
      </c>
    </row>
    <row r="9855" spans="1:43">
      <c r="A9855" t="s">
        <v>6144</v>
      </c>
      <c r="B9855" t="s">
        <v>6145</v>
      </c>
      <c r="C9855" t="s">
        <v>5948</v>
      </c>
      <c r="D9855" t="s">
        <v>5949</v>
      </c>
      <c r="E9855" t="s">
        <v>5940</v>
      </c>
      <c r="F9855" t="s">
        <v>5941</v>
      </c>
      <c r="G9855" t="s">
        <v>80</v>
      </c>
      <c r="H9855" t="s">
        <v>81</v>
      </c>
      <c r="I9855" s="2">
        <v>0</v>
      </c>
      <c r="J9855" s="2">
        <v>0</v>
      </c>
      <c r="K9855" s="2">
        <v>1</v>
      </c>
      <c r="L9855" t="s">
        <v>995</v>
      </c>
      <c r="M9855" t="s">
        <v>87</v>
      </c>
      <c r="N9855" t="s">
        <v>88</v>
      </c>
      <c r="O9855" t="s">
        <v>85</v>
      </c>
      <c r="P9855" t="s">
        <v>86</v>
      </c>
      <c r="Q9855">
        <v>38</v>
      </c>
      <c r="R9855">
        <v>38</v>
      </c>
      <c r="S9855">
        <v>38</v>
      </c>
      <c r="T9855">
        <v>38</v>
      </c>
      <c r="U9855">
        <v>39</v>
      </c>
      <c r="V9855">
        <v>39</v>
      </c>
      <c r="W9855">
        <v>39</v>
      </c>
      <c r="X9855">
        <v>40</v>
      </c>
      <c r="Y9855">
        <v>40</v>
      </c>
      <c r="Z9855">
        <v>40</v>
      </c>
      <c r="AA9855">
        <v>40</v>
      </c>
      <c r="AB9855">
        <v>41</v>
      </c>
      <c r="AC9855">
        <v>41</v>
      </c>
      <c r="AD9855">
        <v>41</v>
      </c>
      <c r="AE9855">
        <v>42</v>
      </c>
      <c r="AF9855">
        <v>42</v>
      </c>
      <c r="AG9855">
        <v>42</v>
      </c>
      <c r="AH9855">
        <v>43</v>
      </c>
      <c r="AI9855">
        <v>43</v>
      </c>
      <c r="AJ9855">
        <v>43</v>
      </c>
      <c r="AK9855">
        <v>43</v>
      </c>
      <c r="AL9855">
        <v>44</v>
      </c>
      <c r="AM9855">
        <v>44</v>
      </c>
      <c r="AN9855">
        <v>44</v>
      </c>
      <c r="AO9855">
        <v>45</v>
      </c>
      <c r="AP9855">
        <v>45</v>
      </c>
      <c r="AQ9855">
        <v>45</v>
      </c>
    </row>
    <row r="9856" spans="1:43">
      <c r="A9856" t="s">
        <v>6144</v>
      </c>
      <c r="B9856" t="s">
        <v>6145</v>
      </c>
      <c r="C9856" t="s">
        <v>5948</v>
      </c>
      <c r="D9856" t="s">
        <v>5949</v>
      </c>
      <c r="E9856" t="s">
        <v>5940</v>
      </c>
      <c r="F9856" t="s">
        <v>5941</v>
      </c>
      <c r="G9856" t="s">
        <v>80</v>
      </c>
      <c r="H9856" t="s">
        <v>81</v>
      </c>
      <c r="I9856" s="2">
        <v>0</v>
      </c>
      <c r="J9856" s="2">
        <v>0</v>
      </c>
      <c r="K9856" s="2">
        <v>1</v>
      </c>
      <c r="L9856" t="s">
        <v>995</v>
      </c>
      <c r="M9856" t="s">
        <v>89</v>
      </c>
      <c r="N9856" t="s">
        <v>90</v>
      </c>
      <c r="O9856" t="s">
        <v>85</v>
      </c>
      <c r="P9856" t="s">
        <v>86</v>
      </c>
      <c r="Q9856">
        <v>38</v>
      </c>
      <c r="R9856">
        <v>39</v>
      </c>
      <c r="S9856">
        <v>40</v>
      </c>
      <c r="T9856">
        <v>41</v>
      </c>
      <c r="U9856">
        <v>42</v>
      </c>
      <c r="V9856">
        <v>43</v>
      </c>
      <c r="W9856">
        <v>44</v>
      </c>
      <c r="X9856">
        <v>45</v>
      </c>
      <c r="Y9856">
        <v>46</v>
      </c>
      <c r="Z9856">
        <v>47</v>
      </c>
      <c r="AA9856">
        <v>47</v>
      </c>
      <c r="AB9856">
        <v>48</v>
      </c>
      <c r="AC9856">
        <v>49</v>
      </c>
      <c r="AD9856">
        <v>50</v>
      </c>
      <c r="AE9856">
        <v>51</v>
      </c>
      <c r="AF9856">
        <v>51</v>
      </c>
      <c r="AG9856">
        <v>51</v>
      </c>
      <c r="AH9856">
        <v>51</v>
      </c>
      <c r="AI9856">
        <v>51</v>
      </c>
      <c r="AJ9856">
        <v>52</v>
      </c>
      <c r="AK9856">
        <v>52</v>
      </c>
      <c r="AL9856">
        <v>52</v>
      </c>
      <c r="AM9856">
        <v>52</v>
      </c>
      <c r="AN9856">
        <v>52</v>
      </c>
      <c r="AO9856">
        <v>52</v>
      </c>
      <c r="AP9856">
        <v>53</v>
      </c>
      <c r="AQ9856">
        <v>53</v>
      </c>
    </row>
    <row r="9857" spans="1:43">
      <c r="A9857" t="s">
        <v>6144</v>
      </c>
      <c r="B9857" t="s">
        <v>6145</v>
      </c>
      <c r="C9857" t="s">
        <v>5948</v>
      </c>
      <c r="D9857" t="s">
        <v>5949</v>
      </c>
      <c r="E9857" t="s">
        <v>5940</v>
      </c>
      <c r="F9857" t="s">
        <v>5941</v>
      </c>
      <c r="G9857" t="s">
        <v>80</v>
      </c>
      <c r="H9857" t="s">
        <v>81</v>
      </c>
      <c r="I9857" s="2">
        <v>0</v>
      </c>
      <c r="J9857" s="2">
        <v>0</v>
      </c>
      <c r="K9857" s="2">
        <v>1</v>
      </c>
      <c r="L9857" t="s">
        <v>995</v>
      </c>
      <c r="M9857" t="s">
        <v>83</v>
      </c>
      <c r="N9857" t="s">
        <v>91</v>
      </c>
      <c r="O9857" t="s">
        <v>85</v>
      </c>
      <c r="P9857" t="s">
        <v>86</v>
      </c>
      <c r="Q9857">
        <v>38</v>
      </c>
      <c r="R9857">
        <v>39</v>
      </c>
      <c r="S9857">
        <v>39</v>
      </c>
      <c r="T9857">
        <v>40</v>
      </c>
      <c r="U9857">
        <v>41</v>
      </c>
      <c r="V9857">
        <v>41</v>
      </c>
      <c r="W9857">
        <v>42</v>
      </c>
      <c r="X9857">
        <v>42</v>
      </c>
      <c r="Y9857">
        <v>43</v>
      </c>
      <c r="Z9857">
        <v>44</v>
      </c>
      <c r="AA9857">
        <v>44</v>
      </c>
      <c r="AB9857">
        <v>45</v>
      </c>
      <c r="AC9857">
        <v>46</v>
      </c>
      <c r="AD9857">
        <v>46</v>
      </c>
      <c r="AE9857">
        <v>47</v>
      </c>
      <c r="AF9857">
        <v>48</v>
      </c>
      <c r="AG9857">
        <v>48</v>
      </c>
      <c r="AH9857">
        <v>49</v>
      </c>
      <c r="AI9857">
        <v>50</v>
      </c>
      <c r="AJ9857">
        <v>50</v>
      </c>
      <c r="AK9857">
        <v>51</v>
      </c>
      <c r="AL9857">
        <v>51</v>
      </c>
      <c r="AM9857">
        <v>52</v>
      </c>
      <c r="AN9857">
        <v>52</v>
      </c>
      <c r="AO9857">
        <v>52</v>
      </c>
      <c r="AP9857">
        <v>52</v>
      </c>
      <c r="AQ9857">
        <v>52</v>
      </c>
    </row>
    <row r="9858" spans="1:43">
      <c r="A9858" t="s">
        <v>6146</v>
      </c>
      <c r="B9858" t="s">
        <v>6147</v>
      </c>
      <c r="C9858" t="s">
        <v>5948</v>
      </c>
      <c r="D9858" t="s">
        <v>5949</v>
      </c>
      <c r="E9858" t="s">
        <v>5940</v>
      </c>
      <c r="F9858" t="s">
        <v>5941</v>
      </c>
      <c r="G9858" t="s">
        <v>80</v>
      </c>
      <c r="H9858" t="s">
        <v>81</v>
      </c>
      <c r="I9858" s="2">
        <v>0</v>
      </c>
      <c r="J9858" s="2">
        <v>0</v>
      </c>
      <c r="K9858" s="2">
        <v>1</v>
      </c>
      <c r="L9858" t="s">
        <v>995</v>
      </c>
      <c r="M9858" t="s">
        <v>83</v>
      </c>
      <c r="N9858" t="s">
        <v>84</v>
      </c>
      <c r="O9858" t="s">
        <v>85</v>
      </c>
      <c r="P9858" t="s">
        <v>86</v>
      </c>
      <c r="Q9858">
        <v>15</v>
      </c>
      <c r="R9858">
        <v>15</v>
      </c>
      <c r="S9858">
        <v>16</v>
      </c>
      <c r="T9858">
        <v>16</v>
      </c>
      <c r="U9858">
        <v>16</v>
      </c>
      <c r="V9858">
        <v>16</v>
      </c>
      <c r="W9858">
        <v>17</v>
      </c>
      <c r="X9858">
        <v>17</v>
      </c>
      <c r="Y9858">
        <v>17</v>
      </c>
      <c r="Z9858">
        <v>17</v>
      </c>
      <c r="AA9858">
        <v>18</v>
      </c>
      <c r="AB9858">
        <v>18</v>
      </c>
      <c r="AC9858">
        <v>18</v>
      </c>
      <c r="AD9858">
        <v>18</v>
      </c>
      <c r="AE9858">
        <v>19</v>
      </c>
      <c r="AF9858">
        <v>19</v>
      </c>
      <c r="AG9858">
        <v>19</v>
      </c>
      <c r="AH9858">
        <v>19</v>
      </c>
      <c r="AI9858">
        <v>20</v>
      </c>
      <c r="AJ9858">
        <v>20</v>
      </c>
      <c r="AK9858">
        <v>20</v>
      </c>
      <c r="AL9858">
        <v>20</v>
      </c>
      <c r="AM9858">
        <v>21</v>
      </c>
      <c r="AN9858">
        <v>21</v>
      </c>
      <c r="AO9858">
        <v>21</v>
      </c>
      <c r="AP9858">
        <v>21</v>
      </c>
      <c r="AQ9858">
        <v>21</v>
      </c>
    </row>
    <row r="9859" spans="1:43">
      <c r="A9859" t="s">
        <v>6146</v>
      </c>
      <c r="B9859" t="s">
        <v>6147</v>
      </c>
      <c r="C9859" t="s">
        <v>5948</v>
      </c>
      <c r="D9859" t="s">
        <v>5949</v>
      </c>
      <c r="E9859" t="s">
        <v>5940</v>
      </c>
      <c r="F9859" t="s">
        <v>5941</v>
      </c>
      <c r="G9859" t="s">
        <v>80</v>
      </c>
      <c r="H9859" t="s">
        <v>81</v>
      </c>
      <c r="I9859" s="2">
        <v>0</v>
      </c>
      <c r="J9859" s="2">
        <v>0</v>
      </c>
      <c r="K9859" s="2">
        <v>1</v>
      </c>
      <c r="L9859" t="s">
        <v>995</v>
      </c>
      <c r="M9859" t="s">
        <v>87</v>
      </c>
      <c r="N9859" t="s">
        <v>88</v>
      </c>
      <c r="O9859" t="s">
        <v>85</v>
      </c>
      <c r="P9859" t="s">
        <v>86</v>
      </c>
      <c r="Q9859">
        <v>15</v>
      </c>
      <c r="R9859">
        <v>15</v>
      </c>
      <c r="S9859">
        <v>15</v>
      </c>
      <c r="T9859">
        <v>15</v>
      </c>
      <c r="U9859">
        <v>15</v>
      </c>
      <c r="V9859">
        <v>15</v>
      </c>
      <c r="W9859">
        <v>16</v>
      </c>
      <c r="X9859">
        <v>16</v>
      </c>
      <c r="Y9859">
        <v>16</v>
      </c>
      <c r="Z9859">
        <v>16</v>
      </c>
      <c r="AA9859">
        <v>16</v>
      </c>
      <c r="AB9859">
        <v>16</v>
      </c>
      <c r="AC9859">
        <v>16</v>
      </c>
      <c r="AD9859">
        <v>16</v>
      </c>
      <c r="AE9859">
        <v>17</v>
      </c>
      <c r="AF9859">
        <v>17</v>
      </c>
      <c r="AG9859">
        <v>17</v>
      </c>
      <c r="AH9859">
        <v>17</v>
      </c>
      <c r="AI9859">
        <v>17</v>
      </c>
      <c r="AJ9859">
        <v>17</v>
      </c>
      <c r="AK9859">
        <v>17</v>
      </c>
      <c r="AL9859">
        <v>17</v>
      </c>
      <c r="AM9859">
        <v>18</v>
      </c>
      <c r="AN9859">
        <v>18</v>
      </c>
      <c r="AO9859">
        <v>18</v>
      </c>
      <c r="AP9859">
        <v>18</v>
      </c>
      <c r="AQ9859">
        <v>18</v>
      </c>
    </row>
    <row r="9860" spans="1:43">
      <c r="A9860" t="s">
        <v>6146</v>
      </c>
      <c r="B9860" t="s">
        <v>6147</v>
      </c>
      <c r="C9860" t="s">
        <v>5948</v>
      </c>
      <c r="D9860" t="s">
        <v>5949</v>
      </c>
      <c r="E9860" t="s">
        <v>5940</v>
      </c>
      <c r="F9860" t="s">
        <v>5941</v>
      </c>
      <c r="G9860" t="s">
        <v>80</v>
      </c>
      <c r="H9860" t="s">
        <v>81</v>
      </c>
      <c r="I9860" s="2">
        <v>0</v>
      </c>
      <c r="J9860" s="2">
        <v>0</v>
      </c>
      <c r="K9860" s="2">
        <v>1</v>
      </c>
      <c r="L9860" t="s">
        <v>995</v>
      </c>
      <c r="M9860" t="s">
        <v>89</v>
      </c>
      <c r="N9860" t="s">
        <v>90</v>
      </c>
      <c r="O9860" t="s">
        <v>85</v>
      </c>
      <c r="P9860" t="s">
        <v>86</v>
      </c>
      <c r="Q9860">
        <v>15</v>
      </c>
      <c r="R9860">
        <v>16</v>
      </c>
      <c r="S9860">
        <v>16</v>
      </c>
      <c r="T9860">
        <v>16</v>
      </c>
      <c r="U9860">
        <v>17</v>
      </c>
      <c r="V9860">
        <v>17</v>
      </c>
      <c r="W9860">
        <v>17</v>
      </c>
      <c r="X9860">
        <v>18</v>
      </c>
      <c r="Y9860">
        <v>18</v>
      </c>
      <c r="Z9860">
        <v>19</v>
      </c>
      <c r="AA9860">
        <v>19</v>
      </c>
      <c r="AB9860">
        <v>19</v>
      </c>
      <c r="AC9860">
        <v>20</v>
      </c>
      <c r="AD9860">
        <v>20</v>
      </c>
      <c r="AE9860">
        <v>20</v>
      </c>
      <c r="AF9860">
        <v>20</v>
      </c>
      <c r="AG9860">
        <v>20</v>
      </c>
      <c r="AH9860">
        <v>20</v>
      </c>
      <c r="AI9860">
        <v>20</v>
      </c>
      <c r="AJ9860">
        <v>20</v>
      </c>
      <c r="AK9860">
        <v>21</v>
      </c>
      <c r="AL9860">
        <v>21</v>
      </c>
      <c r="AM9860">
        <v>21</v>
      </c>
      <c r="AN9860">
        <v>21</v>
      </c>
      <c r="AO9860">
        <v>21</v>
      </c>
      <c r="AP9860">
        <v>21</v>
      </c>
      <c r="AQ9860">
        <v>21</v>
      </c>
    </row>
    <row r="9861" spans="1:43">
      <c r="A9861" t="s">
        <v>6146</v>
      </c>
      <c r="B9861" t="s">
        <v>6147</v>
      </c>
      <c r="C9861" t="s">
        <v>5948</v>
      </c>
      <c r="D9861" t="s">
        <v>5949</v>
      </c>
      <c r="E9861" t="s">
        <v>5940</v>
      </c>
      <c r="F9861" t="s">
        <v>5941</v>
      </c>
      <c r="G9861" t="s">
        <v>80</v>
      </c>
      <c r="H9861" t="s">
        <v>81</v>
      </c>
      <c r="I9861" s="2">
        <v>0</v>
      </c>
      <c r="J9861" s="2">
        <v>0</v>
      </c>
      <c r="K9861" s="2">
        <v>1</v>
      </c>
      <c r="L9861" t="s">
        <v>995</v>
      </c>
      <c r="M9861" t="s">
        <v>83</v>
      </c>
      <c r="N9861" t="s">
        <v>91</v>
      </c>
      <c r="O9861" t="s">
        <v>85</v>
      </c>
      <c r="P9861" t="s">
        <v>86</v>
      </c>
      <c r="Q9861">
        <v>15</v>
      </c>
      <c r="R9861">
        <v>15</v>
      </c>
      <c r="S9861">
        <v>16</v>
      </c>
      <c r="T9861">
        <v>16</v>
      </c>
      <c r="U9861">
        <v>16</v>
      </c>
      <c r="V9861">
        <v>16</v>
      </c>
      <c r="W9861">
        <v>17</v>
      </c>
      <c r="X9861">
        <v>17</v>
      </c>
      <c r="Y9861">
        <v>17</v>
      </c>
      <c r="Z9861">
        <v>17</v>
      </c>
      <c r="AA9861">
        <v>18</v>
      </c>
      <c r="AB9861">
        <v>18</v>
      </c>
      <c r="AC9861">
        <v>18</v>
      </c>
      <c r="AD9861">
        <v>18</v>
      </c>
      <c r="AE9861">
        <v>19</v>
      </c>
      <c r="AF9861">
        <v>19</v>
      </c>
      <c r="AG9861">
        <v>19</v>
      </c>
      <c r="AH9861">
        <v>19</v>
      </c>
      <c r="AI9861">
        <v>20</v>
      </c>
      <c r="AJ9861">
        <v>20</v>
      </c>
      <c r="AK9861">
        <v>20</v>
      </c>
      <c r="AL9861">
        <v>20</v>
      </c>
      <c r="AM9861">
        <v>21</v>
      </c>
      <c r="AN9861">
        <v>21</v>
      </c>
      <c r="AO9861">
        <v>21</v>
      </c>
      <c r="AP9861">
        <v>21</v>
      </c>
      <c r="AQ9861">
        <v>21</v>
      </c>
    </row>
    <row r="9862" spans="1:43">
      <c r="A9862" t="s">
        <v>6148</v>
      </c>
      <c r="B9862" t="s">
        <v>6149</v>
      </c>
      <c r="C9862" t="s">
        <v>6132</v>
      </c>
      <c r="D9862" t="s">
        <v>6133</v>
      </c>
      <c r="E9862" t="s">
        <v>5940</v>
      </c>
      <c r="F9862" t="s">
        <v>5941</v>
      </c>
      <c r="G9862" t="s">
        <v>80</v>
      </c>
      <c r="H9862" t="s">
        <v>81</v>
      </c>
      <c r="I9862" s="2">
        <v>0</v>
      </c>
      <c r="J9862" s="2">
        <v>0</v>
      </c>
      <c r="K9862" s="2">
        <v>1</v>
      </c>
      <c r="L9862" t="s">
        <v>995</v>
      </c>
      <c r="M9862" t="s">
        <v>83</v>
      </c>
      <c r="N9862" t="s">
        <v>84</v>
      </c>
      <c r="O9862" t="s">
        <v>85</v>
      </c>
      <c r="P9862" t="s">
        <v>86</v>
      </c>
      <c r="Q9862">
        <v>34</v>
      </c>
      <c r="R9862">
        <v>35</v>
      </c>
      <c r="S9862">
        <v>35</v>
      </c>
      <c r="T9862">
        <v>36</v>
      </c>
      <c r="U9862">
        <v>37</v>
      </c>
      <c r="V9862">
        <v>37</v>
      </c>
      <c r="W9862">
        <v>38</v>
      </c>
      <c r="X9862">
        <v>38</v>
      </c>
      <c r="Y9862">
        <v>39</v>
      </c>
      <c r="Z9862">
        <v>40</v>
      </c>
      <c r="AA9862">
        <v>40</v>
      </c>
      <c r="AB9862">
        <v>41</v>
      </c>
      <c r="AC9862">
        <v>41</v>
      </c>
      <c r="AD9862">
        <v>42</v>
      </c>
      <c r="AE9862">
        <v>43</v>
      </c>
      <c r="AF9862">
        <v>43</v>
      </c>
      <c r="AG9862">
        <v>44</v>
      </c>
      <c r="AH9862">
        <v>44</v>
      </c>
      <c r="AI9862">
        <v>45</v>
      </c>
      <c r="AJ9862">
        <v>46</v>
      </c>
      <c r="AK9862">
        <v>46</v>
      </c>
      <c r="AL9862">
        <v>47</v>
      </c>
      <c r="AM9862">
        <v>47</v>
      </c>
      <c r="AN9862">
        <v>47</v>
      </c>
      <c r="AO9862">
        <v>47</v>
      </c>
      <c r="AP9862">
        <v>47</v>
      </c>
      <c r="AQ9862">
        <v>47</v>
      </c>
    </row>
    <row r="9863" spans="1:43">
      <c r="A9863" t="s">
        <v>6148</v>
      </c>
      <c r="B9863" t="s">
        <v>6149</v>
      </c>
      <c r="C9863" t="s">
        <v>6132</v>
      </c>
      <c r="D9863" t="s">
        <v>6133</v>
      </c>
      <c r="E9863" t="s">
        <v>5940</v>
      </c>
      <c r="F9863" t="s">
        <v>5941</v>
      </c>
      <c r="G9863" t="s">
        <v>80</v>
      </c>
      <c r="H9863" t="s">
        <v>81</v>
      </c>
      <c r="I9863" s="2">
        <v>0</v>
      </c>
      <c r="J9863" s="2">
        <v>0</v>
      </c>
      <c r="K9863" s="2">
        <v>1</v>
      </c>
      <c r="L9863" t="s">
        <v>995</v>
      </c>
      <c r="M9863" t="s">
        <v>87</v>
      </c>
      <c r="N9863" t="s">
        <v>88</v>
      </c>
      <c r="O9863" t="s">
        <v>85</v>
      </c>
      <c r="P9863" t="s">
        <v>86</v>
      </c>
      <c r="Q9863">
        <v>34</v>
      </c>
      <c r="R9863">
        <v>34</v>
      </c>
      <c r="S9863">
        <v>34</v>
      </c>
      <c r="T9863">
        <v>35</v>
      </c>
      <c r="U9863">
        <v>35</v>
      </c>
      <c r="V9863">
        <v>35</v>
      </c>
      <c r="W9863">
        <v>35</v>
      </c>
      <c r="X9863">
        <v>36</v>
      </c>
      <c r="Y9863">
        <v>36</v>
      </c>
      <c r="Z9863">
        <v>36</v>
      </c>
      <c r="AA9863">
        <v>37</v>
      </c>
      <c r="AB9863">
        <v>37</v>
      </c>
      <c r="AC9863">
        <v>37</v>
      </c>
      <c r="AD9863">
        <v>37</v>
      </c>
      <c r="AE9863">
        <v>38</v>
      </c>
      <c r="AF9863">
        <v>38</v>
      </c>
      <c r="AG9863">
        <v>38</v>
      </c>
      <c r="AH9863">
        <v>39</v>
      </c>
      <c r="AI9863">
        <v>39</v>
      </c>
      <c r="AJ9863">
        <v>39</v>
      </c>
      <c r="AK9863">
        <v>39</v>
      </c>
      <c r="AL9863">
        <v>40</v>
      </c>
      <c r="AM9863">
        <v>40</v>
      </c>
      <c r="AN9863">
        <v>40</v>
      </c>
      <c r="AO9863">
        <v>40</v>
      </c>
      <c r="AP9863">
        <v>41</v>
      </c>
      <c r="AQ9863">
        <v>41</v>
      </c>
    </row>
    <row r="9864" spans="1:43">
      <c r="A9864" t="s">
        <v>6148</v>
      </c>
      <c r="B9864" t="s">
        <v>6149</v>
      </c>
      <c r="C9864" t="s">
        <v>6132</v>
      </c>
      <c r="D9864" t="s">
        <v>6133</v>
      </c>
      <c r="E9864" t="s">
        <v>5940</v>
      </c>
      <c r="F9864" t="s">
        <v>5941</v>
      </c>
      <c r="G9864" t="s">
        <v>80</v>
      </c>
      <c r="H9864" t="s">
        <v>81</v>
      </c>
      <c r="I9864" s="2">
        <v>0</v>
      </c>
      <c r="J9864" s="2">
        <v>0</v>
      </c>
      <c r="K9864" s="2">
        <v>1</v>
      </c>
      <c r="L9864" t="s">
        <v>995</v>
      </c>
      <c r="M9864" t="s">
        <v>89</v>
      </c>
      <c r="N9864" t="s">
        <v>90</v>
      </c>
      <c r="O9864" t="s">
        <v>85</v>
      </c>
      <c r="P9864" t="s">
        <v>86</v>
      </c>
      <c r="Q9864">
        <v>34</v>
      </c>
      <c r="R9864">
        <v>35</v>
      </c>
      <c r="S9864">
        <v>36</v>
      </c>
      <c r="T9864">
        <v>37</v>
      </c>
      <c r="U9864">
        <v>38</v>
      </c>
      <c r="V9864">
        <v>39</v>
      </c>
      <c r="W9864">
        <v>40</v>
      </c>
      <c r="X9864">
        <v>41</v>
      </c>
      <c r="Y9864">
        <v>41</v>
      </c>
      <c r="Z9864">
        <v>42</v>
      </c>
      <c r="AA9864">
        <v>43</v>
      </c>
      <c r="AB9864">
        <v>44</v>
      </c>
      <c r="AC9864">
        <v>44</v>
      </c>
      <c r="AD9864">
        <v>45</v>
      </c>
      <c r="AE9864">
        <v>46</v>
      </c>
      <c r="AF9864">
        <v>46</v>
      </c>
      <c r="AG9864">
        <v>46</v>
      </c>
      <c r="AH9864">
        <v>46</v>
      </c>
      <c r="AI9864">
        <v>46</v>
      </c>
      <c r="AJ9864">
        <v>47</v>
      </c>
      <c r="AK9864">
        <v>47</v>
      </c>
      <c r="AL9864">
        <v>47</v>
      </c>
      <c r="AM9864">
        <v>47</v>
      </c>
      <c r="AN9864">
        <v>47</v>
      </c>
      <c r="AO9864">
        <v>47</v>
      </c>
      <c r="AP9864">
        <v>48</v>
      </c>
      <c r="AQ9864">
        <v>48</v>
      </c>
    </row>
    <row r="9865" spans="1:43">
      <c r="A9865" t="s">
        <v>6148</v>
      </c>
      <c r="B9865" t="s">
        <v>6149</v>
      </c>
      <c r="C9865" t="s">
        <v>6132</v>
      </c>
      <c r="D9865" t="s">
        <v>6133</v>
      </c>
      <c r="E9865" t="s">
        <v>5940</v>
      </c>
      <c r="F9865" t="s">
        <v>5941</v>
      </c>
      <c r="G9865" t="s">
        <v>80</v>
      </c>
      <c r="H9865" t="s">
        <v>81</v>
      </c>
      <c r="I9865" s="2">
        <v>0</v>
      </c>
      <c r="J9865" s="2">
        <v>0</v>
      </c>
      <c r="K9865" s="2">
        <v>1</v>
      </c>
      <c r="L9865" t="s">
        <v>995</v>
      </c>
      <c r="M9865" t="s">
        <v>83</v>
      </c>
      <c r="N9865" t="s">
        <v>91</v>
      </c>
      <c r="O9865" t="s">
        <v>85</v>
      </c>
      <c r="P9865" t="s">
        <v>86</v>
      </c>
      <c r="Q9865">
        <v>34</v>
      </c>
      <c r="R9865">
        <v>35</v>
      </c>
      <c r="S9865">
        <v>35</v>
      </c>
      <c r="T9865">
        <v>36</v>
      </c>
      <c r="U9865">
        <v>37</v>
      </c>
      <c r="V9865">
        <v>37</v>
      </c>
      <c r="W9865">
        <v>38</v>
      </c>
      <c r="X9865">
        <v>38</v>
      </c>
      <c r="Y9865">
        <v>39</v>
      </c>
      <c r="Z9865">
        <v>40</v>
      </c>
      <c r="AA9865">
        <v>40</v>
      </c>
      <c r="AB9865">
        <v>41</v>
      </c>
      <c r="AC9865">
        <v>41</v>
      </c>
      <c r="AD9865">
        <v>42</v>
      </c>
      <c r="AE9865">
        <v>43</v>
      </c>
      <c r="AF9865">
        <v>43</v>
      </c>
      <c r="AG9865">
        <v>44</v>
      </c>
      <c r="AH9865">
        <v>44</v>
      </c>
      <c r="AI9865">
        <v>45</v>
      </c>
      <c r="AJ9865">
        <v>46</v>
      </c>
      <c r="AK9865">
        <v>46</v>
      </c>
      <c r="AL9865">
        <v>47</v>
      </c>
      <c r="AM9865">
        <v>47</v>
      </c>
      <c r="AN9865">
        <v>47</v>
      </c>
      <c r="AO9865">
        <v>47</v>
      </c>
      <c r="AP9865">
        <v>47</v>
      </c>
      <c r="AQ9865">
        <v>47</v>
      </c>
    </row>
    <row r="9866" spans="1:43">
      <c r="A9866" t="s">
        <v>6150</v>
      </c>
      <c r="B9866" t="s">
        <v>6151</v>
      </c>
      <c r="C9866" t="s">
        <v>5948</v>
      </c>
      <c r="D9866" t="s">
        <v>5949</v>
      </c>
      <c r="E9866" t="s">
        <v>5940</v>
      </c>
      <c r="F9866" t="s">
        <v>5941</v>
      </c>
      <c r="G9866" t="s">
        <v>80</v>
      </c>
      <c r="H9866" t="s">
        <v>81</v>
      </c>
      <c r="I9866" s="2">
        <v>0</v>
      </c>
      <c r="J9866" s="2">
        <v>0</v>
      </c>
      <c r="K9866" s="2">
        <v>1</v>
      </c>
      <c r="L9866" t="s">
        <v>995</v>
      </c>
      <c r="M9866" t="s">
        <v>83</v>
      </c>
      <c r="N9866" t="s">
        <v>84</v>
      </c>
      <c r="O9866" t="s">
        <v>85</v>
      </c>
      <c r="P9866" t="s">
        <v>86</v>
      </c>
      <c r="Q9866">
        <v>26</v>
      </c>
      <c r="R9866">
        <v>26</v>
      </c>
      <c r="S9866">
        <v>27</v>
      </c>
      <c r="T9866">
        <v>27</v>
      </c>
      <c r="U9866">
        <v>28</v>
      </c>
      <c r="V9866">
        <v>28</v>
      </c>
      <c r="W9866">
        <v>28</v>
      </c>
      <c r="X9866">
        <v>29</v>
      </c>
      <c r="Y9866">
        <v>29</v>
      </c>
      <c r="Z9866">
        <v>30</v>
      </c>
      <c r="AA9866">
        <v>30</v>
      </c>
      <c r="AB9866">
        <v>31</v>
      </c>
      <c r="AC9866">
        <v>31</v>
      </c>
      <c r="AD9866">
        <v>32</v>
      </c>
      <c r="AE9866">
        <v>32</v>
      </c>
      <c r="AF9866">
        <v>32</v>
      </c>
      <c r="AG9866">
        <v>33</v>
      </c>
      <c r="AH9866">
        <v>33</v>
      </c>
      <c r="AI9866">
        <v>34</v>
      </c>
      <c r="AJ9866">
        <v>34</v>
      </c>
      <c r="AK9866">
        <v>35</v>
      </c>
      <c r="AL9866">
        <v>35</v>
      </c>
      <c r="AM9866">
        <v>35</v>
      </c>
      <c r="AN9866">
        <v>35</v>
      </c>
      <c r="AO9866">
        <v>35</v>
      </c>
      <c r="AP9866">
        <v>35</v>
      </c>
      <c r="AQ9866">
        <v>36</v>
      </c>
    </row>
    <row r="9867" spans="1:43">
      <c r="A9867" t="s">
        <v>6150</v>
      </c>
      <c r="B9867" t="s">
        <v>6151</v>
      </c>
      <c r="C9867" t="s">
        <v>5948</v>
      </c>
      <c r="D9867" t="s">
        <v>5949</v>
      </c>
      <c r="E9867" t="s">
        <v>5940</v>
      </c>
      <c r="F9867" t="s">
        <v>5941</v>
      </c>
      <c r="G9867" t="s">
        <v>80</v>
      </c>
      <c r="H9867" t="s">
        <v>81</v>
      </c>
      <c r="I9867" s="2">
        <v>0</v>
      </c>
      <c r="J9867" s="2">
        <v>0</v>
      </c>
      <c r="K9867" s="2">
        <v>1</v>
      </c>
      <c r="L9867" t="s">
        <v>995</v>
      </c>
      <c r="M9867" t="s">
        <v>87</v>
      </c>
      <c r="N9867" t="s">
        <v>88</v>
      </c>
      <c r="O9867" t="s">
        <v>85</v>
      </c>
      <c r="P9867" t="s">
        <v>86</v>
      </c>
      <c r="Q9867">
        <v>26</v>
      </c>
      <c r="R9867">
        <v>26</v>
      </c>
      <c r="S9867">
        <v>26</v>
      </c>
      <c r="T9867">
        <v>26</v>
      </c>
      <c r="U9867">
        <v>26</v>
      </c>
      <c r="V9867">
        <v>26</v>
      </c>
      <c r="W9867">
        <v>27</v>
      </c>
      <c r="X9867">
        <v>27</v>
      </c>
      <c r="Y9867">
        <v>27</v>
      </c>
      <c r="Z9867">
        <v>27</v>
      </c>
      <c r="AA9867">
        <v>27</v>
      </c>
      <c r="AB9867">
        <v>28</v>
      </c>
      <c r="AC9867">
        <v>28</v>
      </c>
      <c r="AD9867">
        <v>28</v>
      </c>
      <c r="AE9867">
        <v>28</v>
      </c>
      <c r="AF9867">
        <v>28</v>
      </c>
      <c r="AG9867">
        <v>29</v>
      </c>
      <c r="AH9867">
        <v>29</v>
      </c>
      <c r="AI9867">
        <v>29</v>
      </c>
      <c r="AJ9867">
        <v>29</v>
      </c>
      <c r="AK9867">
        <v>29</v>
      </c>
      <c r="AL9867">
        <v>30</v>
      </c>
      <c r="AM9867">
        <v>30</v>
      </c>
      <c r="AN9867">
        <v>30</v>
      </c>
      <c r="AO9867">
        <v>30</v>
      </c>
      <c r="AP9867">
        <v>31</v>
      </c>
      <c r="AQ9867">
        <v>31</v>
      </c>
    </row>
    <row r="9868" spans="1:43">
      <c r="A9868" t="s">
        <v>6150</v>
      </c>
      <c r="B9868" t="s">
        <v>6151</v>
      </c>
      <c r="C9868" t="s">
        <v>5948</v>
      </c>
      <c r="D9868" t="s">
        <v>5949</v>
      </c>
      <c r="E9868" t="s">
        <v>5940</v>
      </c>
      <c r="F9868" t="s">
        <v>5941</v>
      </c>
      <c r="G9868" t="s">
        <v>80</v>
      </c>
      <c r="H9868" t="s">
        <v>81</v>
      </c>
      <c r="I9868" s="2">
        <v>0</v>
      </c>
      <c r="J9868" s="2">
        <v>0</v>
      </c>
      <c r="K9868" s="2">
        <v>1</v>
      </c>
      <c r="L9868" t="s">
        <v>995</v>
      </c>
      <c r="M9868" t="s">
        <v>89</v>
      </c>
      <c r="N9868" t="s">
        <v>90</v>
      </c>
      <c r="O9868" t="s">
        <v>85</v>
      </c>
      <c r="P9868" t="s">
        <v>86</v>
      </c>
      <c r="Q9868">
        <v>26</v>
      </c>
      <c r="R9868">
        <v>27</v>
      </c>
      <c r="S9868">
        <v>27</v>
      </c>
      <c r="T9868">
        <v>28</v>
      </c>
      <c r="U9868">
        <v>29</v>
      </c>
      <c r="V9868">
        <v>29</v>
      </c>
      <c r="W9868">
        <v>30</v>
      </c>
      <c r="X9868">
        <v>30</v>
      </c>
      <c r="Y9868">
        <v>31</v>
      </c>
      <c r="Z9868">
        <v>32</v>
      </c>
      <c r="AA9868">
        <v>32</v>
      </c>
      <c r="AB9868">
        <v>33</v>
      </c>
      <c r="AC9868">
        <v>33</v>
      </c>
      <c r="AD9868">
        <v>34</v>
      </c>
      <c r="AE9868">
        <v>34</v>
      </c>
      <c r="AF9868">
        <v>34</v>
      </c>
      <c r="AG9868">
        <v>35</v>
      </c>
      <c r="AH9868">
        <v>35</v>
      </c>
      <c r="AI9868">
        <v>35</v>
      </c>
      <c r="AJ9868">
        <v>35</v>
      </c>
      <c r="AK9868">
        <v>35</v>
      </c>
      <c r="AL9868">
        <v>35</v>
      </c>
      <c r="AM9868">
        <v>35</v>
      </c>
      <c r="AN9868">
        <v>35</v>
      </c>
      <c r="AO9868">
        <v>36</v>
      </c>
      <c r="AP9868">
        <v>36</v>
      </c>
      <c r="AQ9868">
        <v>36</v>
      </c>
    </row>
    <row r="9869" spans="1:43">
      <c r="A9869" t="s">
        <v>6150</v>
      </c>
      <c r="B9869" t="s">
        <v>6151</v>
      </c>
      <c r="C9869" t="s">
        <v>5948</v>
      </c>
      <c r="D9869" t="s">
        <v>5949</v>
      </c>
      <c r="E9869" t="s">
        <v>5940</v>
      </c>
      <c r="F9869" t="s">
        <v>5941</v>
      </c>
      <c r="G9869" t="s">
        <v>80</v>
      </c>
      <c r="H9869" t="s">
        <v>81</v>
      </c>
      <c r="I9869" s="2">
        <v>0</v>
      </c>
      <c r="J9869" s="2">
        <v>0</v>
      </c>
      <c r="K9869" s="2">
        <v>1</v>
      </c>
      <c r="L9869" t="s">
        <v>995</v>
      </c>
      <c r="M9869" t="s">
        <v>83</v>
      </c>
      <c r="N9869" t="s">
        <v>91</v>
      </c>
      <c r="O9869" t="s">
        <v>85</v>
      </c>
      <c r="P9869" t="s">
        <v>86</v>
      </c>
      <c r="Q9869">
        <v>26</v>
      </c>
      <c r="R9869">
        <v>26</v>
      </c>
      <c r="S9869">
        <v>27</v>
      </c>
      <c r="T9869">
        <v>27</v>
      </c>
      <c r="U9869">
        <v>28</v>
      </c>
      <c r="V9869">
        <v>28</v>
      </c>
      <c r="W9869">
        <v>28</v>
      </c>
      <c r="X9869">
        <v>29</v>
      </c>
      <c r="Y9869">
        <v>29</v>
      </c>
      <c r="Z9869">
        <v>30</v>
      </c>
      <c r="AA9869">
        <v>30</v>
      </c>
      <c r="AB9869">
        <v>31</v>
      </c>
      <c r="AC9869">
        <v>31</v>
      </c>
      <c r="AD9869">
        <v>32</v>
      </c>
      <c r="AE9869">
        <v>32</v>
      </c>
      <c r="AF9869">
        <v>32</v>
      </c>
      <c r="AG9869">
        <v>33</v>
      </c>
      <c r="AH9869">
        <v>33</v>
      </c>
      <c r="AI9869">
        <v>34</v>
      </c>
      <c r="AJ9869">
        <v>34</v>
      </c>
      <c r="AK9869">
        <v>35</v>
      </c>
      <c r="AL9869">
        <v>35</v>
      </c>
      <c r="AM9869">
        <v>35</v>
      </c>
      <c r="AN9869">
        <v>35</v>
      </c>
      <c r="AO9869">
        <v>35</v>
      </c>
      <c r="AP9869">
        <v>35</v>
      </c>
      <c r="AQ9869">
        <v>36</v>
      </c>
    </row>
    <row r="9870" spans="1:43">
      <c r="A9870" t="s">
        <v>6152</v>
      </c>
      <c r="B9870" t="s">
        <v>6153</v>
      </c>
      <c r="C9870" t="s">
        <v>6006</v>
      </c>
      <c r="D9870" t="s">
        <v>6007</v>
      </c>
      <c r="E9870" t="s">
        <v>5940</v>
      </c>
      <c r="F9870" t="s">
        <v>5941</v>
      </c>
      <c r="G9870" t="s">
        <v>80</v>
      </c>
      <c r="H9870" t="s">
        <v>81</v>
      </c>
      <c r="I9870" s="2">
        <v>0</v>
      </c>
      <c r="J9870" s="2">
        <v>0</v>
      </c>
      <c r="K9870" s="2">
        <v>1</v>
      </c>
      <c r="L9870" t="s">
        <v>995</v>
      </c>
      <c r="M9870" t="s">
        <v>83</v>
      </c>
      <c r="N9870" t="s">
        <v>84</v>
      </c>
      <c r="O9870" t="s">
        <v>85</v>
      </c>
      <c r="P9870" t="s">
        <v>86</v>
      </c>
      <c r="Q9870">
        <v>37</v>
      </c>
      <c r="R9870">
        <v>38</v>
      </c>
      <c r="S9870">
        <v>39</v>
      </c>
      <c r="T9870">
        <v>39</v>
      </c>
      <c r="U9870">
        <v>40</v>
      </c>
      <c r="V9870">
        <v>41</v>
      </c>
      <c r="W9870">
        <v>41</v>
      </c>
      <c r="X9870">
        <v>42</v>
      </c>
      <c r="Y9870">
        <v>42</v>
      </c>
      <c r="Z9870">
        <v>43</v>
      </c>
      <c r="AA9870">
        <v>44</v>
      </c>
      <c r="AB9870">
        <v>44</v>
      </c>
      <c r="AC9870">
        <v>45</v>
      </c>
      <c r="AD9870">
        <v>46</v>
      </c>
      <c r="AE9870">
        <v>46</v>
      </c>
      <c r="AF9870">
        <v>47</v>
      </c>
      <c r="AG9870">
        <v>48</v>
      </c>
      <c r="AH9870">
        <v>48</v>
      </c>
      <c r="AI9870">
        <v>49</v>
      </c>
      <c r="AJ9870">
        <v>50</v>
      </c>
      <c r="AK9870">
        <v>50</v>
      </c>
      <c r="AL9870">
        <v>51</v>
      </c>
      <c r="AM9870">
        <v>51</v>
      </c>
      <c r="AN9870">
        <v>51</v>
      </c>
      <c r="AO9870">
        <v>51</v>
      </c>
      <c r="AP9870">
        <v>51</v>
      </c>
      <c r="AQ9870">
        <v>52</v>
      </c>
    </row>
    <row r="9871" spans="1:43">
      <c r="A9871" t="s">
        <v>6152</v>
      </c>
      <c r="B9871" t="s">
        <v>6153</v>
      </c>
      <c r="C9871" t="s">
        <v>6006</v>
      </c>
      <c r="D9871" t="s">
        <v>6007</v>
      </c>
      <c r="E9871" t="s">
        <v>5940</v>
      </c>
      <c r="F9871" t="s">
        <v>5941</v>
      </c>
      <c r="G9871" t="s">
        <v>80</v>
      </c>
      <c r="H9871" t="s">
        <v>81</v>
      </c>
      <c r="I9871" s="2">
        <v>0</v>
      </c>
      <c r="J9871" s="2">
        <v>0</v>
      </c>
      <c r="K9871" s="2">
        <v>1</v>
      </c>
      <c r="L9871" t="s">
        <v>995</v>
      </c>
      <c r="M9871" t="s">
        <v>87</v>
      </c>
      <c r="N9871" t="s">
        <v>88</v>
      </c>
      <c r="O9871" t="s">
        <v>85</v>
      </c>
      <c r="P9871" t="s">
        <v>86</v>
      </c>
      <c r="Q9871">
        <v>37</v>
      </c>
      <c r="R9871">
        <v>37</v>
      </c>
      <c r="S9871">
        <v>38</v>
      </c>
      <c r="T9871">
        <v>38</v>
      </c>
      <c r="U9871">
        <v>38</v>
      </c>
      <c r="V9871">
        <v>38</v>
      </c>
      <c r="W9871">
        <v>39</v>
      </c>
      <c r="X9871">
        <v>39</v>
      </c>
      <c r="Y9871">
        <v>39</v>
      </c>
      <c r="Z9871">
        <v>40</v>
      </c>
      <c r="AA9871">
        <v>40</v>
      </c>
      <c r="AB9871">
        <v>40</v>
      </c>
      <c r="AC9871">
        <v>40</v>
      </c>
      <c r="AD9871">
        <v>41</v>
      </c>
      <c r="AE9871">
        <v>41</v>
      </c>
      <c r="AF9871">
        <v>41</v>
      </c>
      <c r="AG9871">
        <v>42</v>
      </c>
      <c r="AH9871">
        <v>42</v>
      </c>
      <c r="AI9871">
        <v>42</v>
      </c>
      <c r="AJ9871">
        <v>43</v>
      </c>
      <c r="AK9871">
        <v>43</v>
      </c>
      <c r="AL9871">
        <v>43</v>
      </c>
      <c r="AM9871">
        <v>43</v>
      </c>
      <c r="AN9871">
        <v>44</v>
      </c>
      <c r="AO9871">
        <v>44</v>
      </c>
      <c r="AP9871">
        <v>44</v>
      </c>
      <c r="AQ9871">
        <v>45</v>
      </c>
    </row>
    <row r="9872" spans="1:43">
      <c r="A9872" t="s">
        <v>6152</v>
      </c>
      <c r="B9872" t="s">
        <v>6153</v>
      </c>
      <c r="C9872" t="s">
        <v>6006</v>
      </c>
      <c r="D9872" t="s">
        <v>6007</v>
      </c>
      <c r="E9872" t="s">
        <v>5940</v>
      </c>
      <c r="F9872" t="s">
        <v>5941</v>
      </c>
      <c r="G9872" t="s">
        <v>80</v>
      </c>
      <c r="H9872" t="s">
        <v>81</v>
      </c>
      <c r="I9872" s="2">
        <v>0</v>
      </c>
      <c r="J9872" s="2">
        <v>0</v>
      </c>
      <c r="K9872" s="2">
        <v>1</v>
      </c>
      <c r="L9872" t="s">
        <v>995</v>
      </c>
      <c r="M9872" t="s">
        <v>89</v>
      </c>
      <c r="N9872" t="s">
        <v>90</v>
      </c>
      <c r="O9872" t="s">
        <v>85</v>
      </c>
      <c r="P9872" t="s">
        <v>86</v>
      </c>
      <c r="Q9872">
        <v>37</v>
      </c>
      <c r="R9872">
        <v>38</v>
      </c>
      <c r="S9872">
        <v>39</v>
      </c>
      <c r="T9872">
        <v>40</v>
      </c>
      <c r="U9872">
        <v>40</v>
      </c>
      <c r="V9872">
        <v>41</v>
      </c>
      <c r="W9872">
        <v>42</v>
      </c>
      <c r="X9872">
        <v>43</v>
      </c>
      <c r="Y9872">
        <v>44</v>
      </c>
      <c r="Z9872">
        <v>45</v>
      </c>
      <c r="AA9872">
        <v>46</v>
      </c>
      <c r="AB9872">
        <v>47</v>
      </c>
      <c r="AC9872">
        <v>47</v>
      </c>
      <c r="AD9872">
        <v>48</v>
      </c>
      <c r="AE9872">
        <v>49</v>
      </c>
      <c r="AF9872">
        <v>49</v>
      </c>
      <c r="AG9872">
        <v>49</v>
      </c>
      <c r="AH9872">
        <v>49</v>
      </c>
      <c r="AI9872">
        <v>50</v>
      </c>
      <c r="AJ9872">
        <v>50</v>
      </c>
      <c r="AK9872">
        <v>50</v>
      </c>
      <c r="AL9872">
        <v>50</v>
      </c>
      <c r="AM9872">
        <v>50</v>
      </c>
      <c r="AN9872">
        <v>51</v>
      </c>
      <c r="AO9872">
        <v>51</v>
      </c>
      <c r="AP9872">
        <v>51</v>
      </c>
      <c r="AQ9872">
        <v>51</v>
      </c>
    </row>
    <row r="9873" spans="1:43">
      <c r="A9873" t="s">
        <v>6152</v>
      </c>
      <c r="B9873" t="s">
        <v>6153</v>
      </c>
      <c r="C9873" t="s">
        <v>6006</v>
      </c>
      <c r="D9873" t="s">
        <v>6007</v>
      </c>
      <c r="E9873" t="s">
        <v>5940</v>
      </c>
      <c r="F9873" t="s">
        <v>5941</v>
      </c>
      <c r="G9873" t="s">
        <v>80</v>
      </c>
      <c r="H9873" t="s">
        <v>81</v>
      </c>
      <c r="I9873" s="2">
        <v>0</v>
      </c>
      <c r="J9873" s="2">
        <v>0</v>
      </c>
      <c r="K9873" s="2">
        <v>1</v>
      </c>
      <c r="L9873" t="s">
        <v>995</v>
      </c>
      <c r="M9873" t="s">
        <v>83</v>
      </c>
      <c r="N9873" t="s">
        <v>91</v>
      </c>
      <c r="O9873" t="s">
        <v>85</v>
      </c>
      <c r="P9873" t="s">
        <v>86</v>
      </c>
      <c r="Q9873">
        <v>37</v>
      </c>
      <c r="R9873">
        <v>38</v>
      </c>
      <c r="S9873">
        <v>39</v>
      </c>
      <c r="T9873">
        <v>39</v>
      </c>
      <c r="U9873">
        <v>40</v>
      </c>
      <c r="V9873">
        <v>41</v>
      </c>
      <c r="W9873">
        <v>41</v>
      </c>
      <c r="X9873">
        <v>42</v>
      </c>
      <c r="Y9873">
        <v>42</v>
      </c>
      <c r="Z9873">
        <v>43</v>
      </c>
      <c r="AA9873">
        <v>44</v>
      </c>
      <c r="AB9873">
        <v>44</v>
      </c>
      <c r="AC9873">
        <v>45</v>
      </c>
      <c r="AD9873">
        <v>46</v>
      </c>
      <c r="AE9873">
        <v>46</v>
      </c>
      <c r="AF9873">
        <v>47</v>
      </c>
      <c r="AG9873">
        <v>48</v>
      </c>
      <c r="AH9873">
        <v>48</v>
      </c>
      <c r="AI9873">
        <v>49</v>
      </c>
      <c r="AJ9873">
        <v>50</v>
      </c>
      <c r="AK9873">
        <v>50</v>
      </c>
      <c r="AL9873">
        <v>51</v>
      </c>
      <c r="AM9873">
        <v>51</v>
      </c>
      <c r="AN9873">
        <v>51</v>
      </c>
      <c r="AO9873">
        <v>51</v>
      </c>
      <c r="AP9873">
        <v>51</v>
      </c>
      <c r="AQ9873">
        <v>52</v>
      </c>
    </row>
    <row r="9874" spans="1:43">
      <c r="A9874" t="s">
        <v>6154</v>
      </c>
      <c r="B9874" t="s">
        <v>6155</v>
      </c>
      <c r="C9874" t="s">
        <v>6006</v>
      </c>
      <c r="D9874" t="s">
        <v>6007</v>
      </c>
      <c r="E9874" t="s">
        <v>5940</v>
      </c>
      <c r="F9874" t="s">
        <v>5941</v>
      </c>
      <c r="G9874" t="s">
        <v>80</v>
      </c>
      <c r="H9874" t="s">
        <v>81</v>
      </c>
      <c r="I9874" s="2">
        <v>0</v>
      </c>
      <c r="J9874" s="2">
        <v>0</v>
      </c>
      <c r="K9874" s="2">
        <v>1</v>
      </c>
      <c r="L9874" t="s">
        <v>995</v>
      </c>
      <c r="M9874" t="s">
        <v>83</v>
      </c>
      <c r="N9874" t="s">
        <v>84</v>
      </c>
      <c r="O9874" t="s">
        <v>85</v>
      </c>
      <c r="P9874" t="s">
        <v>86</v>
      </c>
      <c r="Q9874">
        <v>14</v>
      </c>
      <c r="R9874">
        <v>14</v>
      </c>
      <c r="S9874">
        <v>14</v>
      </c>
      <c r="T9874">
        <v>15</v>
      </c>
      <c r="U9874">
        <v>15</v>
      </c>
      <c r="V9874">
        <v>15</v>
      </c>
      <c r="W9874">
        <v>15</v>
      </c>
      <c r="X9874">
        <v>16</v>
      </c>
      <c r="Y9874">
        <v>16</v>
      </c>
      <c r="Z9874">
        <v>16</v>
      </c>
      <c r="AA9874">
        <v>16</v>
      </c>
      <c r="AB9874">
        <v>17</v>
      </c>
      <c r="AC9874">
        <v>17</v>
      </c>
      <c r="AD9874">
        <v>17</v>
      </c>
      <c r="AE9874">
        <v>17</v>
      </c>
      <c r="AF9874">
        <v>18</v>
      </c>
      <c r="AG9874">
        <v>18</v>
      </c>
      <c r="AH9874">
        <v>18</v>
      </c>
      <c r="AI9874">
        <v>18</v>
      </c>
      <c r="AJ9874">
        <v>19</v>
      </c>
      <c r="AK9874">
        <v>19</v>
      </c>
      <c r="AL9874">
        <v>19</v>
      </c>
      <c r="AM9874">
        <v>19</v>
      </c>
      <c r="AN9874">
        <v>19</v>
      </c>
      <c r="AO9874">
        <v>19</v>
      </c>
      <c r="AP9874">
        <v>19</v>
      </c>
      <c r="AQ9874">
        <v>19</v>
      </c>
    </row>
    <row r="9875" spans="1:43">
      <c r="A9875" t="s">
        <v>6154</v>
      </c>
      <c r="B9875" t="s">
        <v>6155</v>
      </c>
      <c r="C9875" t="s">
        <v>6006</v>
      </c>
      <c r="D9875" t="s">
        <v>6007</v>
      </c>
      <c r="E9875" t="s">
        <v>5940</v>
      </c>
      <c r="F9875" t="s">
        <v>5941</v>
      </c>
      <c r="G9875" t="s">
        <v>80</v>
      </c>
      <c r="H9875" t="s">
        <v>81</v>
      </c>
      <c r="I9875" s="2">
        <v>0</v>
      </c>
      <c r="J9875" s="2">
        <v>0</v>
      </c>
      <c r="K9875" s="2">
        <v>1</v>
      </c>
      <c r="L9875" t="s">
        <v>995</v>
      </c>
      <c r="M9875" t="s">
        <v>87</v>
      </c>
      <c r="N9875" t="s">
        <v>88</v>
      </c>
      <c r="O9875" t="s">
        <v>85</v>
      </c>
      <c r="P9875" t="s">
        <v>86</v>
      </c>
      <c r="Q9875">
        <v>14</v>
      </c>
      <c r="R9875">
        <v>14</v>
      </c>
      <c r="S9875">
        <v>14</v>
      </c>
      <c r="T9875">
        <v>14</v>
      </c>
      <c r="U9875">
        <v>14</v>
      </c>
      <c r="V9875">
        <v>14</v>
      </c>
      <c r="W9875">
        <v>14</v>
      </c>
      <c r="X9875">
        <v>15</v>
      </c>
      <c r="Y9875">
        <v>15</v>
      </c>
      <c r="Z9875">
        <v>15</v>
      </c>
      <c r="AA9875">
        <v>15</v>
      </c>
      <c r="AB9875">
        <v>15</v>
      </c>
      <c r="AC9875">
        <v>15</v>
      </c>
      <c r="AD9875">
        <v>15</v>
      </c>
      <c r="AE9875">
        <v>15</v>
      </c>
      <c r="AF9875">
        <v>15</v>
      </c>
      <c r="AG9875">
        <v>16</v>
      </c>
      <c r="AH9875">
        <v>16</v>
      </c>
      <c r="AI9875">
        <v>16</v>
      </c>
      <c r="AJ9875">
        <v>16</v>
      </c>
      <c r="AK9875">
        <v>16</v>
      </c>
      <c r="AL9875">
        <v>16</v>
      </c>
      <c r="AM9875">
        <v>16</v>
      </c>
      <c r="AN9875">
        <v>16</v>
      </c>
      <c r="AO9875">
        <v>16</v>
      </c>
      <c r="AP9875">
        <v>17</v>
      </c>
      <c r="AQ9875">
        <v>17</v>
      </c>
    </row>
    <row r="9876" spans="1:43">
      <c r="A9876" t="s">
        <v>6154</v>
      </c>
      <c r="B9876" t="s">
        <v>6155</v>
      </c>
      <c r="C9876" t="s">
        <v>6006</v>
      </c>
      <c r="D9876" t="s">
        <v>6007</v>
      </c>
      <c r="E9876" t="s">
        <v>5940</v>
      </c>
      <c r="F9876" t="s">
        <v>5941</v>
      </c>
      <c r="G9876" t="s">
        <v>80</v>
      </c>
      <c r="H9876" t="s">
        <v>81</v>
      </c>
      <c r="I9876" s="2">
        <v>0</v>
      </c>
      <c r="J9876" s="2">
        <v>0</v>
      </c>
      <c r="K9876" s="2">
        <v>1</v>
      </c>
      <c r="L9876" t="s">
        <v>995</v>
      </c>
      <c r="M9876" t="s">
        <v>89</v>
      </c>
      <c r="N9876" t="s">
        <v>90</v>
      </c>
      <c r="O9876" t="s">
        <v>85</v>
      </c>
      <c r="P9876" t="s">
        <v>86</v>
      </c>
      <c r="Q9876">
        <v>14</v>
      </c>
      <c r="R9876">
        <v>14</v>
      </c>
      <c r="S9876">
        <v>15</v>
      </c>
      <c r="T9876">
        <v>15</v>
      </c>
      <c r="U9876">
        <v>15</v>
      </c>
      <c r="V9876">
        <v>16</v>
      </c>
      <c r="W9876">
        <v>16</v>
      </c>
      <c r="X9876">
        <v>17</v>
      </c>
      <c r="Y9876">
        <v>17</v>
      </c>
      <c r="Z9876">
        <v>17</v>
      </c>
      <c r="AA9876">
        <v>17</v>
      </c>
      <c r="AB9876">
        <v>18</v>
      </c>
      <c r="AC9876">
        <v>18</v>
      </c>
      <c r="AD9876">
        <v>18</v>
      </c>
      <c r="AE9876">
        <v>19</v>
      </c>
      <c r="AF9876">
        <v>19</v>
      </c>
      <c r="AG9876">
        <v>19</v>
      </c>
      <c r="AH9876">
        <v>19</v>
      </c>
      <c r="AI9876">
        <v>19</v>
      </c>
      <c r="AJ9876">
        <v>19</v>
      </c>
      <c r="AK9876">
        <v>19</v>
      </c>
      <c r="AL9876">
        <v>19</v>
      </c>
      <c r="AM9876">
        <v>19</v>
      </c>
      <c r="AN9876">
        <v>19</v>
      </c>
      <c r="AO9876">
        <v>19</v>
      </c>
      <c r="AP9876">
        <v>19</v>
      </c>
      <c r="AQ9876">
        <v>19</v>
      </c>
    </row>
    <row r="9877" spans="1:43">
      <c r="A9877" t="s">
        <v>6154</v>
      </c>
      <c r="B9877" t="s">
        <v>6155</v>
      </c>
      <c r="C9877" t="s">
        <v>6006</v>
      </c>
      <c r="D9877" t="s">
        <v>6007</v>
      </c>
      <c r="E9877" t="s">
        <v>5940</v>
      </c>
      <c r="F9877" t="s">
        <v>5941</v>
      </c>
      <c r="G9877" t="s">
        <v>80</v>
      </c>
      <c r="H9877" t="s">
        <v>81</v>
      </c>
      <c r="I9877" s="2">
        <v>0</v>
      </c>
      <c r="J9877" s="2">
        <v>0</v>
      </c>
      <c r="K9877" s="2">
        <v>1</v>
      </c>
      <c r="L9877" t="s">
        <v>995</v>
      </c>
      <c r="M9877" t="s">
        <v>83</v>
      </c>
      <c r="N9877" t="s">
        <v>91</v>
      </c>
      <c r="O9877" t="s">
        <v>85</v>
      </c>
      <c r="P9877" t="s">
        <v>86</v>
      </c>
      <c r="Q9877">
        <v>14</v>
      </c>
      <c r="R9877">
        <v>14</v>
      </c>
      <c r="S9877">
        <v>14</v>
      </c>
      <c r="T9877">
        <v>15</v>
      </c>
      <c r="U9877">
        <v>15</v>
      </c>
      <c r="V9877">
        <v>15</v>
      </c>
      <c r="W9877">
        <v>15</v>
      </c>
      <c r="X9877">
        <v>16</v>
      </c>
      <c r="Y9877">
        <v>16</v>
      </c>
      <c r="Z9877">
        <v>16</v>
      </c>
      <c r="AA9877">
        <v>16</v>
      </c>
      <c r="AB9877">
        <v>17</v>
      </c>
      <c r="AC9877">
        <v>17</v>
      </c>
      <c r="AD9877">
        <v>17</v>
      </c>
      <c r="AE9877">
        <v>17</v>
      </c>
      <c r="AF9877">
        <v>18</v>
      </c>
      <c r="AG9877">
        <v>18</v>
      </c>
      <c r="AH9877">
        <v>18</v>
      </c>
      <c r="AI9877">
        <v>18</v>
      </c>
      <c r="AJ9877">
        <v>19</v>
      </c>
      <c r="AK9877">
        <v>19</v>
      </c>
      <c r="AL9877">
        <v>19</v>
      </c>
      <c r="AM9877">
        <v>19</v>
      </c>
      <c r="AN9877">
        <v>19</v>
      </c>
      <c r="AO9877">
        <v>19</v>
      </c>
      <c r="AP9877">
        <v>19</v>
      </c>
      <c r="AQ9877">
        <v>19</v>
      </c>
    </row>
    <row r="9878" spans="1:43">
      <c r="A9878" t="s">
        <v>6156</v>
      </c>
      <c r="B9878" t="s">
        <v>6157</v>
      </c>
      <c r="C9878" t="s">
        <v>6158</v>
      </c>
      <c r="D9878" t="s">
        <v>6159</v>
      </c>
      <c r="E9878" t="s">
        <v>5940</v>
      </c>
      <c r="F9878" t="s">
        <v>5941</v>
      </c>
      <c r="G9878" t="s">
        <v>80</v>
      </c>
      <c r="H9878" t="s">
        <v>81</v>
      </c>
      <c r="I9878" s="2">
        <v>0</v>
      </c>
      <c r="J9878" s="2">
        <v>0</v>
      </c>
      <c r="K9878" s="2">
        <v>1</v>
      </c>
      <c r="L9878" t="s">
        <v>995</v>
      </c>
      <c r="M9878" t="s">
        <v>83</v>
      </c>
      <c r="N9878" t="s">
        <v>84</v>
      </c>
      <c r="O9878" t="s">
        <v>85</v>
      </c>
      <c r="P9878" t="s">
        <v>86</v>
      </c>
      <c r="Q9878">
        <v>21</v>
      </c>
      <c r="R9878">
        <v>21</v>
      </c>
      <c r="S9878">
        <v>22</v>
      </c>
      <c r="T9878">
        <v>22</v>
      </c>
      <c r="U9878">
        <v>23</v>
      </c>
      <c r="V9878">
        <v>23</v>
      </c>
      <c r="W9878">
        <v>23</v>
      </c>
      <c r="X9878">
        <v>24</v>
      </c>
      <c r="Y9878">
        <v>24</v>
      </c>
      <c r="Z9878">
        <v>24</v>
      </c>
      <c r="AA9878">
        <v>25</v>
      </c>
      <c r="AB9878">
        <v>25</v>
      </c>
      <c r="AC9878">
        <v>26</v>
      </c>
      <c r="AD9878">
        <v>26</v>
      </c>
      <c r="AE9878">
        <v>26</v>
      </c>
      <c r="AF9878">
        <v>27</v>
      </c>
      <c r="AG9878">
        <v>27</v>
      </c>
      <c r="AH9878">
        <v>27</v>
      </c>
      <c r="AI9878">
        <v>28</v>
      </c>
      <c r="AJ9878">
        <v>28</v>
      </c>
      <c r="AK9878">
        <v>28</v>
      </c>
      <c r="AL9878">
        <v>29</v>
      </c>
      <c r="AM9878">
        <v>29</v>
      </c>
      <c r="AN9878">
        <v>29</v>
      </c>
      <c r="AO9878">
        <v>29</v>
      </c>
      <c r="AP9878">
        <v>29</v>
      </c>
      <c r="AQ9878">
        <v>29</v>
      </c>
    </row>
    <row r="9879" spans="1:43">
      <c r="A9879" t="s">
        <v>6156</v>
      </c>
      <c r="B9879" t="s">
        <v>6157</v>
      </c>
      <c r="C9879" t="s">
        <v>6158</v>
      </c>
      <c r="D9879" t="s">
        <v>6159</v>
      </c>
      <c r="E9879" t="s">
        <v>5940</v>
      </c>
      <c r="F9879" t="s">
        <v>5941</v>
      </c>
      <c r="G9879" t="s">
        <v>80</v>
      </c>
      <c r="H9879" t="s">
        <v>81</v>
      </c>
      <c r="I9879" s="2">
        <v>0</v>
      </c>
      <c r="J9879" s="2">
        <v>0</v>
      </c>
      <c r="K9879" s="2">
        <v>1</v>
      </c>
      <c r="L9879" t="s">
        <v>995</v>
      </c>
      <c r="M9879" t="s">
        <v>87</v>
      </c>
      <c r="N9879" t="s">
        <v>88</v>
      </c>
      <c r="O9879" t="s">
        <v>85</v>
      </c>
      <c r="P9879" t="s">
        <v>86</v>
      </c>
      <c r="Q9879">
        <v>21</v>
      </c>
      <c r="R9879">
        <v>21</v>
      </c>
      <c r="S9879">
        <v>21</v>
      </c>
      <c r="T9879">
        <v>21</v>
      </c>
      <c r="U9879">
        <v>22</v>
      </c>
      <c r="V9879">
        <v>22</v>
      </c>
      <c r="W9879">
        <v>22</v>
      </c>
      <c r="X9879">
        <v>22</v>
      </c>
      <c r="Y9879">
        <v>22</v>
      </c>
      <c r="Z9879">
        <v>22</v>
      </c>
      <c r="AA9879">
        <v>23</v>
      </c>
      <c r="AB9879">
        <v>23</v>
      </c>
      <c r="AC9879">
        <v>23</v>
      </c>
      <c r="AD9879">
        <v>23</v>
      </c>
      <c r="AE9879">
        <v>23</v>
      </c>
      <c r="AF9879">
        <v>23</v>
      </c>
      <c r="AG9879">
        <v>24</v>
      </c>
      <c r="AH9879">
        <v>24</v>
      </c>
      <c r="AI9879">
        <v>24</v>
      </c>
      <c r="AJ9879">
        <v>24</v>
      </c>
      <c r="AK9879">
        <v>24</v>
      </c>
      <c r="AL9879">
        <v>24</v>
      </c>
      <c r="AM9879">
        <v>25</v>
      </c>
      <c r="AN9879">
        <v>25</v>
      </c>
      <c r="AO9879">
        <v>25</v>
      </c>
      <c r="AP9879">
        <v>25</v>
      </c>
      <c r="AQ9879">
        <v>25</v>
      </c>
    </row>
    <row r="9880" spans="1:43">
      <c r="A9880" t="s">
        <v>6156</v>
      </c>
      <c r="B9880" t="s">
        <v>6157</v>
      </c>
      <c r="C9880" t="s">
        <v>6158</v>
      </c>
      <c r="D9880" t="s">
        <v>6159</v>
      </c>
      <c r="E9880" t="s">
        <v>5940</v>
      </c>
      <c r="F9880" t="s">
        <v>5941</v>
      </c>
      <c r="G9880" t="s">
        <v>80</v>
      </c>
      <c r="H9880" t="s">
        <v>81</v>
      </c>
      <c r="I9880" s="2">
        <v>0</v>
      </c>
      <c r="J9880" s="2">
        <v>0</v>
      </c>
      <c r="K9880" s="2">
        <v>1</v>
      </c>
      <c r="L9880" t="s">
        <v>995</v>
      </c>
      <c r="M9880" t="s">
        <v>89</v>
      </c>
      <c r="N9880" t="s">
        <v>90</v>
      </c>
      <c r="O9880" t="s">
        <v>85</v>
      </c>
      <c r="P9880" t="s">
        <v>86</v>
      </c>
      <c r="Q9880">
        <v>21</v>
      </c>
      <c r="R9880">
        <v>22</v>
      </c>
      <c r="S9880">
        <v>22</v>
      </c>
      <c r="T9880">
        <v>23</v>
      </c>
      <c r="U9880">
        <v>23</v>
      </c>
      <c r="V9880">
        <v>24</v>
      </c>
      <c r="W9880">
        <v>24</v>
      </c>
      <c r="X9880">
        <v>25</v>
      </c>
      <c r="Y9880">
        <v>25</v>
      </c>
      <c r="Z9880">
        <v>26</v>
      </c>
      <c r="AA9880">
        <v>26</v>
      </c>
      <c r="AB9880">
        <v>27</v>
      </c>
      <c r="AC9880">
        <v>27</v>
      </c>
      <c r="AD9880">
        <v>28</v>
      </c>
      <c r="AE9880">
        <v>28</v>
      </c>
      <c r="AF9880">
        <v>28</v>
      </c>
      <c r="AG9880">
        <v>28</v>
      </c>
      <c r="AH9880">
        <v>28</v>
      </c>
      <c r="AI9880">
        <v>29</v>
      </c>
      <c r="AJ9880">
        <v>29</v>
      </c>
      <c r="AK9880">
        <v>29</v>
      </c>
      <c r="AL9880">
        <v>29</v>
      </c>
      <c r="AM9880">
        <v>29</v>
      </c>
      <c r="AN9880">
        <v>29</v>
      </c>
      <c r="AO9880">
        <v>29</v>
      </c>
      <c r="AP9880">
        <v>29</v>
      </c>
      <c r="AQ9880">
        <v>29</v>
      </c>
    </row>
    <row r="9881" spans="1:43">
      <c r="A9881" t="s">
        <v>6156</v>
      </c>
      <c r="B9881" t="s">
        <v>6157</v>
      </c>
      <c r="C9881" t="s">
        <v>6158</v>
      </c>
      <c r="D9881" t="s">
        <v>6159</v>
      </c>
      <c r="E9881" t="s">
        <v>5940</v>
      </c>
      <c r="F9881" t="s">
        <v>5941</v>
      </c>
      <c r="G9881" t="s">
        <v>80</v>
      </c>
      <c r="H9881" t="s">
        <v>81</v>
      </c>
      <c r="I9881" s="2">
        <v>0</v>
      </c>
      <c r="J9881" s="2">
        <v>0</v>
      </c>
      <c r="K9881" s="2">
        <v>1</v>
      </c>
      <c r="L9881" t="s">
        <v>995</v>
      </c>
      <c r="M9881" t="s">
        <v>83</v>
      </c>
      <c r="N9881" t="s">
        <v>91</v>
      </c>
      <c r="O9881" t="s">
        <v>85</v>
      </c>
      <c r="P9881" t="s">
        <v>86</v>
      </c>
      <c r="Q9881">
        <v>21</v>
      </c>
      <c r="R9881">
        <v>21</v>
      </c>
      <c r="S9881">
        <v>22</v>
      </c>
      <c r="T9881">
        <v>22</v>
      </c>
      <c r="U9881">
        <v>23</v>
      </c>
      <c r="V9881">
        <v>23</v>
      </c>
      <c r="W9881">
        <v>23</v>
      </c>
      <c r="X9881">
        <v>24</v>
      </c>
      <c r="Y9881">
        <v>24</v>
      </c>
      <c r="Z9881">
        <v>24</v>
      </c>
      <c r="AA9881">
        <v>25</v>
      </c>
      <c r="AB9881">
        <v>25</v>
      </c>
      <c r="AC9881">
        <v>26</v>
      </c>
      <c r="AD9881">
        <v>26</v>
      </c>
      <c r="AE9881">
        <v>26</v>
      </c>
      <c r="AF9881">
        <v>27</v>
      </c>
      <c r="AG9881">
        <v>27</v>
      </c>
      <c r="AH9881">
        <v>27</v>
      </c>
      <c r="AI9881">
        <v>28</v>
      </c>
      <c r="AJ9881">
        <v>28</v>
      </c>
      <c r="AK9881">
        <v>28</v>
      </c>
      <c r="AL9881">
        <v>29</v>
      </c>
      <c r="AM9881">
        <v>29</v>
      </c>
      <c r="AN9881">
        <v>29</v>
      </c>
      <c r="AO9881">
        <v>29</v>
      </c>
      <c r="AP9881">
        <v>29</v>
      </c>
      <c r="AQ9881">
        <v>29</v>
      </c>
    </row>
    <row r="9882" spans="1:43">
      <c r="A9882" t="s">
        <v>6160</v>
      </c>
      <c r="B9882" t="s">
        <v>6161</v>
      </c>
      <c r="C9882" t="s">
        <v>6158</v>
      </c>
      <c r="D9882" t="s">
        <v>6159</v>
      </c>
      <c r="E9882" t="s">
        <v>5940</v>
      </c>
      <c r="F9882" t="s">
        <v>5941</v>
      </c>
      <c r="G9882" t="s">
        <v>80</v>
      </c>
      <c r="H9882" t="s">
        <v>81</v>
      </c>
      <c r="I9882" s="2">
        <v>0</v>
      </c>
      <c r="J9882" s="2">
        <v>0</v>
      </c>
      <c r="K9882" s="2">
        <v>1</v>
      </c>
      <c r="L9882" t="s">
        <v>995</v>
      </c>
      <c r="M9882" t="s">
        <v>83</v>
      </c>
      <c r="N9882" t="s">
        <v>84</v>
      </c>
      <c r="O9882" t="s">
        <v>85</v>
      </c>
      <c r="P9882" t="s">
        <v>86</v>
      </c>
      <c r="Q9882">
        <v>9</v>
      </c>
      <c r="R9882">
        <v>9</v>
      </c>
      <c r="S9882">
        <v>9</v>
      </c>
      <c r="T9882">
        <v>9</v>
      </c>
      <c r="U9882">
        <v>9</v>
      </c>
      <c r="V9882">
        <v>9</v>
      </c>
      <c r="W9882">
        <v>10</v>
      </c>
      <c r="X9882">
        <v>10</v>
      </c>
      <c r="Y9882">
        <v>10</v>
      </c>
      <c r="Z9882">
        <v>10</v>
      </c>
      <c r="AA9882">
        <v>10</v>
      </c>
      <c r="AB9882">
        <v>10</v>
      </c>
      <c r="AC9882">
        <v>10</v>
      </c>
      <c r="AD9882">
        <v>11</v>
      </c>
      <c r="AE9882">
        <v>11</v>
      </c>
      <c r="AF9882">
        <v>11</v>
      </c>
      <c r="AG9882">
        <v>11</v>
      </c>
      <c r="AH9882">
        <v>11</v>
      </c>
      <c r="AI9882">
        <v>11</v>
      </c>
      <c r="AJ9882">
        <v>12</v>
      </c>
      <c r="AK9882">
        <v>12</v>
      </c>
      <c r="AL9882">
        <v>12</v>
      </c>
      <c r="AM9882">
        <v>12</v>
      </c>
      <c r="AN9882">
        <v>12</v>
      </c>
      <c r="AO9882">
        <v>12</v>
      </c>
      <c r="AP9882">
        <v>12</v>
      </c>
      <c r="AQ9882">
        <v>12</v>
      </c>
    </row>
    <row r="9883" spans="1:43">
      <c r="A9883" t="s">
        <v>6160</v>
      </c>
      <c r="B9883" t="s">
        <v>6161</v>
      </c>
      <c r="C9883" t="s">
        <v>6158</v>
      </c>
      <c r="D9883" t="s">
        <v>6159</v>
      </c>
      <c r="E9883" t="s">
        <v>5940</v>
      </c>
      <c r="F9883" t="s">
        <v>5941</v>
      </c>
      <c r="G9883" t="s">
        <v>80</v>
      </c>
      <c r="H9883" t="s">
        <v>81</v>
      </c>
      <c r="I9883" s="2">
        <v>0</v>
      </c>
      <c r="J9883" s="2">
        <v>0</v>
      </c>
      <c r="K9883" s="2">
        <v>1</v>
      </c>
      <c r="L9883" t="s">
        <v>995</v>
      </c>
      <c r="M9883" t="s">
        <v>87</v>
      </c>
      <c r="N9883" t="s">
        <v>88</v>
      </c>
      <c r="O9883" t="s">
        <v>85</v>
      </c>
      <c r="P9883" t="s">
        <v>86</v>
      </c>
      <c r="Q9883">
        <v>9</v>
      </c>
      <c r="R9883">
        <v>9</v>
      </c>
      <c r="S9883">
        <v>9</v>
      </c>
      <c r="T9883">
        <v>9</v>
      </c>
      <c r="U9883">
        <v>9</v>
      </c>
      <c r="V9883">
        <v>9</v>
      </c>
      <c r="W9883">
        <v>9</v>
      </c>
      <c r="X9883">
        <v>9</v>
      </c>
      <c r="Y9883">
        <v>9</v>
      </c>
      <c r="Z9883">
        <v>9</v>
      </c>
      <c r="AA9883">
        <v>9</v>
      </c>
      <c r="AB9883">
        <v>9</v>
      </c>
      <c r="AC9883">
        <v>9</v>
      </c>
      <c r="AD9883">
        <v>9</v>
      </c>
      <c r="AE9883">
        <v>10</v>
      </c>
      <c r="AF9883">
        <v>10</v>
      </c>
      <c r="AG9883">
        <v>10</v>
      </c>
      <c r="AH9883">
        <v>10</v>
      </c>
      <c r="AI9883">
        <v>10</v>
      </c>
      <c r="AJ9883">
        <v>10</v>
      </c>
      <c r="AK9883">
        <v>10</v>
      </c>
      <c r="AL9883">
        <v>10</v>
      </c>
      <c r="AM9883">
        <v>10</v>
      </c>
      <c r="AN9883">
        <v>10</v>
      </c>
      <c r="AO9883">
        <v>10</v>
      </c>
      <c r="AP9883">
        <v>10</v>
      </c>
      <c r="AQ9883">
        <v>10</v>
      </c>
    </row>
    <row r="9884" spans="1:43">
      <c r="A9884" t="s">
        <v>6160</v>
      </c>
      <c r="B9884" t="s">
        <v>6161</v>
      </c>
      <c r="C9884" t="s">
        <v>6158</v>
      </c>
      <c r="D9884" t="s">
        <v>6159</v>
      </c>
      <c r="E9884" t="s">
        <v>5940</v>
      </c>
      <c r="F9884" t="s">
        <v>5941</v>
      </c>
      <c r="G9884" t="s">
        <v>80</v>
      </c>
      <c r="H9884" t="s">
        <v>81</v>
      </c>
      <c r="I9884" s="2">
        <v>0</v>
      </c>
      <c r="J9884" s="2">
        <v>0</v>
      </c>
      <c r="K9884" s="2">
        <v>1</v>
      </c>
      <c r="L9884" t="s">
        <v>995</v>
      </c>
      <c r="M9884" t="s">
        <v>89</v>
      </c>
      <c r="N9884" t="s">
        <v>90</v>
      </c>
      <c r="O9884" t="s">
        <v>85</v>
      </c>
      <c r="P9884" t="s">
        <v>86</v>
      </c>
      <c r="Q9884">
        <v>9</v>
      </c>
      <c r="R9884">
        <v>9</v>
      </c>
      <c r="S9884">
        <v>9</v>
      </c>
      <c r="T9884">
        <v>9</v>
      </c>
      <c r="U9884">
        <v>10</v>
      </c>
      <c r="V9884">
        <v>10</v>
      </c>
      <c r="W9884">
        <v>10</v>
      </c>
      <c r="X9884">
        <v>10</v>
      </c>
      <c r="Y9884">
        <v>10</v>
      </c>
      <c r="Z9884">
        <v>11</v>
      </c>
      <c r="AA9884">
        <v>11</v>
      </c>
      <c r="AB9884">
        <v>11</v>
      </c>
      <c r="AC9884">
        <v>11</v>
      </c>
      <c r="AD9884">
        <v>11</v>
      </c>
      <c r="AE9884">
        <v>12</v>
      </c>
      <c r="AF9884">
        <v>12</v>
      </c>
      <c r="AG9884">
        <v>12</v>
      </c>
      <c r="AH9884">
        <v>12</v>
      </c>
      <c r="AI9884">
        <v>12</v>
      </c>
      <c r="AJ9884">
        <v>12</v>
      </c>
      <c r="AK9884">
        <v>12</v>
      </c>
      <c r="AL9884">
        <v>12</v>
      </c>
      <c r="AM9884">
        <v>12</v>
      </c>
      <c r="AN9884">
        <v>12</v>
      </c>
      <c r="AO9884">
        <v>12</v>
      </c>
      <c r="AP9884">
        <v>12</v>
      </c>
      <c r="AQ9884">
        <v>12</v>
      </c>
    </row>
    <row r="9885" spans="1:43">
      <c r="A9885" t="s">
        <v>6160</v>
      </c>
      <c r="B9885" t="s">
        <v>6161</v>
      </c>
      <c r="C9885" t="s">
        <v>6158</v>
      </c>
      <c r="D9885" t="s">
        <v>6159</v>
      </c>
      <c r="E9885" t="s">
        <v>5940</v>
      </c>
      <c r="F9885" t="s">
        <v>5941</v>
      </c>
      <c r="G9885" t="s">
        <v>80</v>
      </c>
      <c r="H9885" t="s">
        <v>81</v>
      </c>
      <c r="I9885" s="2">
        <v>0</v>
      </c>
      <c r="J9885" s="2">
        <v>0</v>
      </c>
      <c r="K9885" s="2">
        <v>1</v>
      </c>
      <c r="L9885" t="s">
        <v>995</v>
      </c>
      <c r="M9885" t="s">
        <v>83</v>
      </c>
      <c r="N9885" t="s">
        <v>91</v>
      </c>
      <c r="O9885" t="s">
        <v>85</v>
      </c>
      <c r="P9885" t="s">
        <v>86</v>
      </c>
      <c r="Q9885">
        <v>9</v>
      </c>
      <c r="R9885">
        <v>9</v>
      </c>
      <c r="S9885">
        <v>9</v>
      </c>
      <c r="T9885">
        <v>9</v>
      </c>
      <c r="U9885">
        <v>9</v>
      </c>
      <c r="V9885">
        <v>9</v>
      </c>
      <c r="W9885">
        <v>10</v>
      </c>
      <c r="X9885">
        <v>10</v>
      </c>
      <c r="Y9885">
        <v>10</v>
      </c>
      <c r="Z9885">
        <v>10</v>
      </c>
      <c r="AA9885">
        <v>10</v>
      </c>
      <c r="AB9885">
        <v>10</v>
      </c>
      <c r="AC9885">
        <v>10</v>
      </c>
      <c r="AD9885">
        <v>11</v>
      </c>
      <c r="AE9885">
        <v>11</v>
      </c>
      <c r="AF9885">
        <v>11</v>
      </c>
      <c r="AG9885">
        <v>11</v>
      </c>
      <c r="AH9885">
        <v>11</v>
      </c>
      <c r="AI9885">
        <v>11</v>
      </c>
      <c r="AJ9885">
        <v>12</v>
      </c>
      <c r="AK9885">
        <v>12</v>
      </c>
      <c r="AL9885">
        <v>12</v>
      </c>
      <c r="AM9885">
        <v>12</v>
      </c>
      <c r="AN9885">
        <v>12</v>
      </c>
      <c r="AO9885">
        <v>12</v>
      </c>
      <c r="AP9885">
        <v>12</v>
      </c>
      <c r="AQ9885">
        <v>12</v>
      </c>
    </row>
    <row r="9886" spans="1:43">
      <c r="A9886" t="s">
        <v>6162</v>
      </c>
      <c r="B9886" t="s">
        <v>6163</v>
      </c>
      <c r="C9886" t="s">
        <v>6158</v>
      </c>
      <c r="D9886" t="s">
        <v>6159</v>
      </c>
      <c r="E9886" t="s">
        <v>5940</v>
      </c>
      <c r="F9886" t="s">
        <v>5941</v>
      </c>
      <c r="G9886" t="s">
        <v>80</v>
      </c>
      <c r="H9886" t="s">
        <v>81</v>
      </c>
      <c r="I9886" s="2">
        <v>0</v>
      </c>
      <c r="J9886" s="2">
        <v>0</v>
      </c>
      <c r="K9886" s="2">
        <v>1</v>
      </c>
      <c r="L9886" t="s">
        <v>995</v>
      </c>
      <c r="M9886" t="s">
        <v>83</v>
      </c>
      <c r="N9886" t="s">
        <v>84</v>
      </c>
      <c r="O9886" t="s">
        <v>85</v>
      </c>
      <c r="P9886" t="s">
        <v>86</v>
      </c>
      <c r="Q9886">
        <v>10</v>
      </c>
      <c r="R9886">
        <v>10</v>
      </c>
      <c r="S9886">
        <v>11</v>
      </c>
      <c r="T9886">
        <v>11</v>
      </c>
      <c r="U9886">
        <v>11</v>
      </c>
      <c r="V9886">
        <v>11</v>
      </c>
      <c r="W9886">
        <v>11</v>
      </c>
      <c r="X9886">
        <v>11</v>
      </c>
      <c r="Y9886">
        <v>12</v>
      </c>
      <c r="Z9886">
        <v>12</v>
      </c>
      <c r="AA9886">
        <v>12</v>
      </c>
      <c r="AB9886">
        <v>12</v>
      </c>
      <c r="AC9886">
        <v>12</v>
      </c>
      <c r="AD9886">
        <v>13</v>
      </c>
      <c r="AE9886">
        <v>13</v>
      </c>
      <c r="AF9886">
        <v>13</v>
      </c>
      <c r="AG9886">
        <v>13</v>
      </c>
      <c r="AH9886">
        <v>13</v>
      </c>
      <c r="AI9886">
        <v>13</v>
      </c>
      <c r="AJ9886">
        <v>14</v>
      </c>
      <c r="AK9886">
        <v>14</v>
      </c>
      <c r="AL9886">
        <v>14</v>
      </c>
      <c r="AM9886">
        <v>14</v>
      </c>
      <c r="AN9886">
        <v>14</v>
      </c>
      <c r="AO9886">
        <v>14</v>
      </c>
      <c r="AP9886">
        <v>14</v>
      </c>
      <c r="AQ9886">
        <v>14</v>
      </c>
    </row>
    <row r="9887" spans="1:43">
      <c r="A9887" t="s">
        <v>6162</v>
      </c>
      <c r="B9887" t="s">
        <v>6163</v>
      </c>
      <c r="C9887" t="s">
        <v>6158</v>
      </c>
      <c r="D9887" t="s">
        <v>6159</v>
      </c>
      <c r="E9887" t="s">
        <v>5940</v>
      </c>
      <c r="F9887" t="s">
        <v>5941</v>
      </c>
      <c r="G9887" t="s">
        <v>80</v>
      </c>
      <c r="H9887" t="s">
        <v>81</v>
      </c>
      <c r="I9887" s="2">
        <v>0</v>
      </c>
      <c r="J9887" s="2">
        <v>0</v>
      </c>
      <c r="K9887" s="2">
        <v>1</v>
      </c>
      <c r="L9887" t="s">
        <v>995</v>
      </c>
      <c r="M9887" t="s">
        <v>87</v>
      </c>
      <c r="N9887" t="s">
        <v>88</v>
      </c>
      <c r="O9887" t="s">
        <v>85</v>
      </c>
      <c r="P9887" t="s">
        <v>86</v>
      </c>
      <c r="Q9887">
        <v>10</v>
      </c>
      <c r="R9887">
        <v>10</v>
      </c>
      <c r="S9887">
        <v>10</v>
      </c>
      <c r="T9887">
        <v>10</v>
      </c>
      <c r="U9887">
        <v>10</v>
      </c>
      <c r="V9887">
        <v>10</v>
      </c>
      <c r="W9887">
        <v>11</v>
      </c>
      <c r="X9887">
        <v>11</v>
      </c>
      <c r="Y9887">
        <v>11</v>
      </c>
      <c r="Z9887">
        <v>11</v>
      </c>
      <c r="AA9887">
        <v>11</v>
      </c>
      <c r="AB9887">
        <v>11</v>
      </c>
      <c r="AC9887">
        <v>11</v>
      </c>
      <c r="AD9887">
        <v>11</v>
      </c>
      <c r="AE9887">
        <v>11</v>
      </c>
      <c r="AF9887">
        <v>11</v>
      </c>
      <c r="AG9887">
        <v>11</v>
      </c>
      <c r="AH9887">
        <v>11</v>
      </c>
      <c r="AI9887">
        <v>12</v>
      </c>
      <c r="AJ9887">
        <v>12</v>
      </c>
      <c r="AK9887">
        <v>12</v>
      </c>
      <c r="AL9887">
        <v>12</v>
      </c>
      <c r="AM9887">
        <v>12</v>
      </c>
      <c r="AN9887">
        <v>12</v>
      </c>
      <c r="AO9887">
        <v>12</v>
      </c>
      <c r="AP9887">
        <v>12</v>
      </c>
      <c r="AQ9887">
        <v>12</v>
      </c>
    </row>
    <row r="9888" spans="1:43">
      <c r="A9888" t="s">
        <v>6162</v>
      </c>
      <c r="B9888" t="s">
        <v>6163</v>
      </c>
      <c r="C9888" t="s">
        <v>6158</v>
      </c>
      <c r="D9888" t="s">
        <v>6159</v>
      </c>
      <c r="E9888" t="s">
        <v>5940</v>
      </c>
      <c r="F9888" t="s">
        <v>5941</v>
      </c>
      <c r="G9888" t="s">
        <v>80</v>
      </c>
      <c r="H9888" t="s">
        <v>81</v>
      </c>
      <c r="I9888" s="2">
        <v>0</v>
      </c>
      <c r="J9888" s="2">
        <v>0</v>
      </c>
      <c r="K9888" s="2">
        <v>1</v>
      </c>
      <c r="L9888" t="s">
        <v>995</v>
      </c>
      <c r="M9888" t="s">
        <v>89</v>
      </c>
      <c r="N9888" t="s">
        <v>90</v>
      </c>
      <c r="O9888" t="s">
        <v>85</v>
      </c>
      <c r="P9888" t="s">
        <v>86</v>
      </c>
      <c r="Q9888">
        <v>10</v>
      </c>
      <c r="R9888">
        <v>11</v>
      </c>
      <c r="S9888">
        <v>11</v>
      </c>
      <c r="T9888">
        <v>11</v>
      </c>
      <c r="U9888">
        <v>11</v>
      </c>
      <c r="V9888">
        <v>12</v>
      </c>
      <c r="W9888">
        <v>12</v>
      </c>
      <c r="X9888">
        <v>12</v>
      </c>
      <c r="Y9888">
        <v>12</v>
      </c>
      <c r="Z9888">
        <v>13</v>
      </c>
      <c r="AA9888">
        <v>13</v>
      </c>
      <c r="AB9888">
        <v>13</v>
      </c>
      <c r="AC9888">
        <v>13</v>
      </c>
      <c r="AD9888">
        <v>13</v>
      </c>
      <c r="AE9888">
        <v>14</v>
      </c>
      <c r="AF9888">
        <v>14</v>
      </c>
      <c r="AG9888">
        <v>14</v>
      </c>
      <c r="AH9888">
        <v>14</v>
      </c>
      <c r="AI9888">
        <v>14</v>
      </c>
      <c r="AJ9888">
        <v>14</v>
      </c>
      <c r="AK9888">
        <v>14</v>
      </c>
      <c r="AL9888">
        <v>14</v>
      </c>
      <c r="AM9888">
        <v>14</v>
      </c>
      <c r="AN9888">
        <v>14</v>
      </c>
      <c r="AO9888">
        <v>14</v>
      </c>
      <c r="AP9888">
        <v>14</v>
      </c>
      <c r="AQ9888">
        <v>14</v>
      </c>
    </row>
    <row r="9889" spans="1:43">
      <c r="A9889" t="s">
        <v>6162</v>
      </c>
      <c r="B9889" t="s">
        <v>6163</v>
      </c>
      <c r="C9889" t="s">
        <v>6158</v>
      </c>
      <c r="D9889" t="s">
        <v>6159</v>
      </c>
      <c r="E9889" t="s">
        <v>5940</v>
      </c>
      <c r="F9889" t="s">
        <v>5941</v>
      </c>
      <c r="G9889" t="s">
        <v>80</v>
      </c>
      <c r="H9889" t="s">
        <v>81</v>
      </c>
      <c r="I9889" s="2">
        <v>0</v>
      </c>
      <c r="J9889" s="2">
        <v>0</v>
      </c>
      <c r="K9889" s="2">
        <v>1</v>
      </c>
      <c r="L9889" t="s">
        <v>995</v>
      </c>
      <c r="M9889" t="s">
        <v>83</v>
      </c>
      <c r="N9889" t="s">
        <v>91</v>
      </c>
      <c r="O9889" t="s">
        <v>85</v>
      </c>
      <c r="P9889" t="s">
        <v>86</v>
      </c>
      <c r="Q9889">
        <v>10</v>
      </c>
      <c r="R9889">
        <v>10</v>
      </c>
      <c r="S9889">
        <v>11</v>
      </c>
      <c r="T9889">
        <v>11</v>
      </c>
      <c r="U9889">
        <v>11</v>
      </c>
      <c r="V9889">
        <v>11</v>
      </c>
      <c r="W9889">
        <v>11</v>
      </c>
      <c r="X9889">
        <v>11</v>
      </c>
      <c r="Y9889">
        <v>12</v>
      </c>
      <c r="Z9889">
        <v>12</v>
      </c>
      <c r="AA9889">
        <v>12</v>
      </c>
      <c r="AB9889">
        <v>12</v>
      </c>
      <c r="AC9889">
        <v>12</v>
      </c>
      <c r="AD9889">
        <v>13</v>
      </c>
      <c r="AE9889">
        <v>13</v>
      </c>
      <c r="AF9889">
        <v>13</v>
      </c>
      <c r="AG9889">
        <v>13</v>
      </c>
      <c r="AH9889">
        <v>13</v>
      </c>
      <c r="AI9889">
        <v>13</v>
      </c>
      <c r="AJ9889">
        <v>14</v>
      </c>
      <c r="AK9889">
        <v>14</v>
      </c>
      <c r="AL9889">
        <v>14</v>
      </c>
      <c r="AM9889">
        <v>14</v>
      </c>
      <c r="AN9889">
        <v>14</v>
      </c>
      <c r="AO9889">
        <v>14</v>
      </c>
      <c r="AP9889">
        <v>14</v>
      </c>
      <c r="AQ9889">
        <v>14</v>
      </c>
    </row>
    <row r="9890" spans="1:43">
      <c r="A9890" t="s">
        <v>6164</v>
      </c>
      <c r="B9890" t="s">
        <v>6165</v>
      </c>
      <c r="C9890" t="s">
        <v>6158</v>
      </c>
      <c r="D9890" t="s">
        <v>6159</v>
      </c>
      <c r="E9890" t="s">
        <v>5940</v>
      </c>
      <c r="F9890" t="s">
        <v>5941</v>
      </c>
      <c r="G9890" t="s">
        <v>80</v>
      </c>
      <c r="H9890" t="s">
        <v>81</v>
      </c>
      <c r="I9890" s="2">
        <v>0</v>
      </c>
      <c r="J9890" s="2">
        <v>0</v>
      </c>
      <c r="K9890" s="2">
        <v>1</v>
      </c>
      <c r="L9890" t="s">
        <v>995</v>
      </c>
      <c r="M9890" t="s">
        <v>83</v>
      </c>
      <c r="N9890" t="s">
        <v>84</v>
      </c>
      <c r="O9890" t="s">
        <v>85</v>
      </c>
      <c r="P9890" t="s">
        <v>86</v>
      </c>
      <c r="Q9890">
        <v>32</v>
      </c>
      <c r="R9890">
        <v>32</v>
      </c>
      <c r="S9890">
        <v>33</v>
      </c>
      <c r="T9890">
        <v>34</v>
      </c>
      <c r="U9890">
        <v>34</v>
      </c>
      <c r="V9890">
        <v>35</v>
      </c>
      <c r="W9890">
        <v>35</v>
      </c>
      <c r="X9890">
        <v>36</v>
      </c>
      <c r="Y9890">
        <v>36</v>
      </c>
      <c r="Z9890">
        <v>37</v>
      </c>
      <c r="AA9890">
        <v>37</v>
      </c>
      <c r="AB9890">
        <v>38</v>
      </c>
      <c r="AC9890">
        <v>39</v>
      </c>
      <c r="AD9890">
        <v>39</v>
      </c>
      <c r="AE9890">
        <v>40</v>
      </c>
      <c r="AF9890">
        <v>40</v>
      </c>
      <c r="AG9890">
        <v>41</v>
      </c>
      <c r="AH9890">
        <v>41</v>
      </c>
      <c r="AI9890">
        <v>42</v>
      </c>
      <c r="AJ9890">
        <v>43</v>
      </c>
      <c r="AK9890">
        <v>43</v>
      </c>
      <c r="AL9890">
        <v>43</v>
      </c>
      <c r="AM9890">
        <v>44</v>
      </c>
      <c r="AN9890">
        <v>44</v>
      </c>
      <c r="AO9890">
        <v>44</v>
      </c>
      <c r="AP9890">
        <v>44</v>
      </c>
      <c r="AQ9890">
        <v>44</v>
      </c>
    </row>
    <row r="9891" spans="1:43">
      <c r="A9891" t="s">
        <v>6164</v>
      </c>
      <c r="B9891" t="s">
        <v>6165</v>
      </c>
      <c r="C9891" t="s">
        <v>6158</v>
      </c>
      <c r="D9891" t="s">
        <v>6159</v>
      </c>
      <c r="E9891" t="s">
        <v>5940</v>
      </c>
      <c r="F9891" t="s">
        <v>5941</v>
      </c>
      <c r="G9891" t="s">
        <v>80</v>
      </c>
      <c r="H9891" t="s">
        <v>81</v>
      </c>
      <c r="I9891" s="2">
        <v>0</v>
      </c>
      <c r="J9891" s="2">
        <v>0</v>
      </c>
      <c r="K9891" s="2">
        <v>1</v>
      </c>
      <c r="L9891" t="s">
        <v>995</v>
      </c>
      <c r="M9891" t="s">
        <v>87</v>
      </c>
      <c r="N9891" t="s">
        <v>88</v>
      </c>
      <c r="O9891" t="s">
        <v>85</v>
      </c>
      <c r="P9891" t="s">
        <v>86</v>
      </c>
      <c r="Q9891">
        <v>32</v>
      </c>
      <c r="R9891">
        <v>32</v>
      </c>
      <c r="S9891">
        <v>32</v>
      </c>
      <c r="T9891">
        <v>32</v>
      </c>
      <c r="U9891">
        <v>33</v>
      </c>
      <c r="V9891">
        <v>33</v>
      </c>
      <c r="W9891">
        <v>33</v>
      </c>
      <c r="X9891">
        <v>33</v>
      </c>
      <c r="Y9891">
        <v>34</v>
      </c>
      <c r="Z9891">
        <v>34</v>
      </c>
      <c r="AA9891">
        <v>34</v>
      </c>
      <c r="AB9891">
        <v>34</v>
      </c>
      <c r="AC9891">
        <v>35</v>
      </c>
      <c r="AD9891">
        <v>35</v>
      </c>
      <c r="AE9891">
        <v>35</v>
      </c>
      <c r="AF9891">
        <v>35</v>
      </c>
      <c r="AG9891">
        <v>36</v>
      </c>
      <c r="AH9891">
        <v>36</v>
      </c>
      <c r="AI9891">
        <v>36</v>
      </c>
      <c r="AJ9891">
        <v>36</v>
      </c>
      <c r="AK9891">
        <v>37</v>
      </c>
      <c r="AL9891">
        <v>37</v>
      </c>
      <c r="AM9891">
        <v>37</v>
      </c>
      <c r="AN9891">
        <v>37</v>
      </c>
      <c r="AO9891">
        <v>38</v>
      </c>
      <c r="AP9891">
        <v>38</v>
      </c>
      <c r="AQ9891">
        <v>38</v>
      </c>
    </row>
    <row r="9892" spans="1:43">
      <c r="A9892" t="s">
        <v>6164</v>
      </c>
      <c r="B9892" t="s">
        <v>6165</v>
      </c>
      <c r="C9892" t="s">
        <v>6158</v>
      </c>
      <c r="D9892" t="s">
        <v>6159</v>
      </c>
      <c r="E9892" t="s">
        <v>5940</v>
      </c>
      <c r="F9892" t="s">
        <v>5941</v>
      </c>
      <c r="G9892" t="s">
        <v>80</v>
      </c>
      <c r="H9892" t="s">
        <v>81</v>
      </c>
      <c r="I9892" s="2">
        <v>0</v>
      </c>
      <c r="J9892" s="2">
        <v>0</v>
      </c>
      <c r="K9892" s="2">
        <v>1</v>
      </c>
      <c r="L9892" t="s">
        <v>995</v>
      </c>
      <c r="M9892" t="s">
        <v>89</v>
      </c>
      <c r="N9892" t="s">
        <v>90</v>
      </c>
      <c r="O9892" t="s">
        <v>85</v>
      </c>
      <c r="P9892" t="s">
        <v>86</v>
      </c>
      <c r="Q9892">
        <v>32</v>
      </c>
      <c r="R9892">
        <v>33</v>
      </c>
      <c r="S9892">
        <v>34</v>
      </c>
      <c r="T9892">
        <v>35</v>
      </c>
      <c r="U9892">
        <v>35</v>
      </c>
      <c r="V9892">
        <v>36</v>
      </c>
      <c r="W9892">
        <v>37</v>
      </c>
      <c r="X9892">
        <v>38</v>
      </c>
      <c r="Y9892">
        <v>39</v>
      </c>
      <c r="Z9892">
        <v>39</v>
      </c>
      <c r="AA9892">
        <v>40</v>
      </c>
      <c r="AB9892">
        <v>41</v>
      </c>
      <c r="AC9892">
        <v>41</v>
      </c>
      <c r="AD9892">
        <v>42</v>
      </c>
      <c r="AE9892">
        <v>43</v>
      </c>
      <c r="AF9892">
        <v>43</v>
      </c>
      <c r="AG9892">
        <v>43</v>
      </c>
      <c r="AH9892">
        <v>43</v>
      </c>
      <c r="AI9892">
        <v>43</v>
      </c>
      <c r="AJ9892">
        <v>43</v>
      </c>
      <c r="AK9892">
        <v>44</v>
      </c>
      <c r="AL9892">
        <v>44</v>
      </c>
      <c r="AM9892">
        <v>44</v>
      </c>
      <c r="AN9892">
        <v>44</v>
      </c>
      <c r="AO9892">
        <v>44</v>
      </c>
      <c r="AP9892">
        <v>44</v>
      </c>
      <c r="AQ9892">
        <v>44</v>
      </c>
    </row>
    <row r="9893" spans="1:43">
      <c r="A9893" t="s">
        <v>6164</v>
      </c>
      <c r="B9893" t="s">
        <v>6165</v>
      </c>
      <c r="C9893" t="s">
        <v>6158</v>
      </c>
      <c r="D9893" t="s">
        <v>6159</v>
      </c>
      <c r="E9893" t="s">
        <v>5940</v>
      </c>
      <c r="F9893" t="s">
        <v>5941</v>
      </c>
      <c r="G9893" t="s">
        <v>80</v>
      </c>
      <c r="H9893" t="s">
        <v>81</v>
      </c>
      <c r="I9893" s="2">
        <v>0</v>
      </c>
      <c r="J9893" s="2">
        <v>0</v>
      </c>
      <c r="K9893" s="2">
        <v>1</v>
      </c>
      <c r="L9893" t="s">
        <v>995</v>
      </c>
      <c r="M9893" t="s">
        <v>83</v>
      </c>
      <c r="N9893" t="s">
        <v>91</v>
      </c>
      <c r="O9893" t="s">
        <v>85</v>
      </c>
      <c r="P9893" t="s">
        <v>86</v>
      </c>
      <c r="Q9893">
        <v>32</v>
      </c>
      <c r="R9893">
        <v>32</v>
      </c>
      <c r="S9893">
        <v>33</v>
      </c>
      <c r="T9893">
        <v>34</v>
      </c>
      <c r="U9893">
        <v>34</v>
      </c>
      <c r="V9893">
        <v>35</v>
      </c>
      <c r="W9893">
        <v>35</v>
      </c>
      <c r="X9893">
        <v>36</v>
      </c>
      <c r="Y9893">
        <v>36</v>
      </c>
      <c r="Z9893">
        <v>37</v>
      </c>
      <c r="AA9893">
        <v>37</v>
      </c>
      <c r="AB9893">
        <v>38</v>
      </c>
      <c r="AC9893">
        <v>39</v>
      </c>
      <c r="AD9893">
        <v>39</v>
      </c>
      <c r="AE9893">
        <v>40</v>
      </c>
      <c r="AF9893">
        <v>40</v>
      </c>
      <c r="AG9893">
        <v>41</v>
      </c>
      <c r="AH9893">
        <v>41</v>
      </c>
      <c r="AI9893">
        <v>42</v>
      </c>
      <c r="AJ9893">
        <v>43</v>
      </c>
      <c r="AK9893">
        <v>43</v>
      </c>
      <c r="AL9893">
        <v>43</v>
      </c>
      <c r="AM9893">
        <v>44</v>
      </c>
      <c r="AN9893">
        <v>44</v>
      </c>
      <c r="AO9893">
        <v>44</v>
      </c>
      <c r="AP9893">
        <v>44</v>
      </c>
      <c r="AQ9893">
        <v>44</v>
      </c>
    </row>
    <row r="9894" spans="1:43">
      <c r="A9894" t="s">
        <v>6166</v>
      </c>
      <c r="B9894" t="s">
        <v>6167</v>
      </c>
      <c r="C9894" t="s">
        <v>6158</v>
      </c>
      <c r="D9894" t="s">
        <v>6159</v>
      </c>
      <c r="E9894" t="s">
        <v>5940</v>
      </c>
      <c r="F9894" t="s">
        <v>5941</v>
      </c>
      <c r="G9894" t="s">
        <v>80</v>
      </c>
      <c r="H9894" t="s">
        <v>81</v>
      </c>
      <c r="I9894" s="2">
        <v>0</v>
      </c>
      <c r="J9894" s="2">
        <v>0</v>
      </c>
      <c r="K9894" s="2">
        <v>1</v>
      </c>
      <c r="L9894" t="s">
        <v>995</v>
      </c>
      <c r="M9894" t="s">
        <v>83</v>
      </c>
      <c r="N9894" t="s">
        <v>84</v>
      </c>
      <c r="O9894" t="s">
        <v>85</v>
      </c>
      <c r="P9894" t="s">
        <v>86</v>
      </c>
      <c r="Q9894">
        <v>21</v>
      </c>
      <c r="R9894">
        <v>21</v>
      </c>
      <c r="S9894">
        <v>21</v>
      </c>
      <c r="T9894">
        <v>22</v>
      </c>
      <c r="U9894">
        <v>22</v>
      </c>
      <c r="V9894">
        <v>22</v>
      </c>
      <c r="W9894">
        <v>23</v>
      </c>
      <c r="X9894">
        <v>23</v>
      </c>
      <c r="Y9894">
        <v>23</v>
      </c>
      <c r="Z9894">
        <v>24</v>
      </c>
      <c r="AA9894">
        <v>24</v>
      </c>
      <c r="AB9894">
        <v>24</v>
      </c>
      <c r="AC9894">
        <v>25</v>
      </c>
      <c r="AD9894">
        <v>25</v>
      </c>
      <c r="AE9894">
        <v>26</v>
      </c>
      <c r="AF9894">
        <v>26</v>
      </c>
      <c r="AG9894">
        <v>26</v>
      </c>
      <c r="AH9894">
        <v>27</v>
      </c>
      <c r="AI9894">
        <v>27</v>
      </c>
      <c r="AJ9894">
        <v>27</v>
      </c>
      <c r="AK9894">
        <v>28</v>
      </c>
      <c r="AL9894">
        <v>28</v>
      </c>
      <c r="AM9894">
        <v>28</v>
      </c>
      <c r="AN9894">
        <v>28</v>
      </c>
      <c r="AO9894">
        <v>28</v>
      </c>
      <c r="AP9894">
        <v>28</v>
      </c>
      <c r="AQ9894">
        <v>28</v>
      </c>
    </row>
    <row r="9895" spans="1:43">
      <c r="A9895" t="s">
        <v>6166</v>
      </c>
      <c r="B9895" t="s">
        <v>6167</v>
      </c>
      <c r="C9895" t="s">
        <v>6158</v>
      </c>
      <c r="D9895" t="s">
        <v>6159</v>
      </c>
      <c r="E9895" t="s">
        <v>5940</v>
      </c>
      <c r="F9895" t="s">
        <v>5941</v>
      </c>
      <c r="G9895" t="s">
        <v>80</v>
      </c>
      <c r="H9895" t="s">
        <v>81</v>
      </c>
      <c r="I9895" s="2">
        <v>0</v>
      </c>
      <c r="J9895" s="2">
        <v>0</v>
      </c>
      <c r="K9895" s="2">
        <v>1</v>
      </c>
      <c r="L9895" t="s">
        <v>995</v>
      </c>
      <c r="M9895" t="s">
        <v>87</v>
      </c>
      <c r="N9895" t="s">
        <v>88</v>
      </c>
      <c r="O9895" t="s">
        <v>85</v>
      </c>
      <c r="P9895" t="s">
        <v>86</v>
      </c>
      <c r="Q9895">
        <v>21</v>
      </c>
      <c r="R9895">
        <v>21</v>
      </c>
      <c r="S9895">
        <v>22</v>
      </c>
      <c r="T9895">
        <v>22</v>
      </c>
      <c r="U9895">
        <v>22</v>
      </c>
      <c r="V9895">
        <v>22</v>
      </c>
      <c r="W9895">
        <v>22</v>
      </c>
      <c r="X9895">
        <v>22</v>
      </c>
      <c r="Y9895">
        <v>23</v>
      </c>
      <c r="Z9895">
        <v>23</v>
      </c>
      <c r="AA9895">
        <v>23</v>
      </c>
      <c r="AB9895">
        <v>23</v>
      </c>
      <c r="AC9895">
        <v>23</v>
      </c>
      <c r="AD9895">
        <v>23</v>
      </c>
      <c r="AE9895">
        <v>24</v>
      </c>
      <c r="AF9895">
        <v>24</v>
      </c>
      <c r="AG9895">
        <v>24</v>
      </c>
      <c r="AH9895">
        <v>24</v>
      </c>
      <c r="AI9895">
        <v>24</v>
      </c>
      <c r="AJ9895">
        <v>24</v>
      </c>
      <c r="AK9895">
        <v>25</v>
      </c>
      <c r="AL9895">
        <v>25</v>
      </c>
      <c r="AM9895">
        <v>25</v>
      </c>
      <c r="AN9895">
        <v>25</v>
      </c>
      <c r="AO9895">
        <v>25</v>
      </c>
      <c r="AP9895">
        <v>25</v>
      </c>
      <c r="AQ9895">
        <v>26</v>
      </c>
    </row>
    <row r="9896" spans="1:43">
      <c r="A9896" t="s">
        <v>6166</v>
      </c>
      <c r="B9896" t="s">
        <v>6167</v>
      </c>
      <c r="C9896" t="s">
        <v>6158</v>
      </c>
      <c r="D9896" t="s">
        <v>6159</v>
      </c>
      <c r="E9896" t="s">
        <v>5940</v>
      </c>
      <c r="F9896" t="s">
        <v>5941</v>
      </c>
      <c r="G9896" t="s">
        <v>80</v>
      </c>
      <c r="H9896" t="s">
        <v>81</v>
      </c>
      <c r="I9896" s="2">
        <v>0</v>
      </c>
      <c r="J9896" s="2">
        <v>0</v>
      </c>
      <c r="K9896" s="2">
        <v>1</v>
      </c>
      <c r="L9896" t="s">
        <v>995</v>
      </c>
      <c r="M9896" t="s">
        <v>89</v>
      </c>
      <c r="N9896" t="s">
        <v>90</v>
      </c>
      <c r="O9896" t="s">
        <v>85</v>
      </c>
      <c r="P9896" t="s">
        <v>86</v>
      </c>
      <c r="Q9896">
        <v>21</v>
      </c>
      <c r="R9896">
        <v>21</v>
      </c>
      <c r="S9896">
        <v>22</v>
      </c>
      <c r="T9896">
        <v>22</v>
      </c>
      <c r="U9896">
        <v>23</v>
      </c>
      <c r="V9896">
        <v>23</v>
      </c>
      <c r="W9896">
        <v>24</v>
      </c>
      <c r="X9896">
        <v>24</v>
      </c>
      <c r="Y9896">
        <v>25</v>
      </c>
      <c r="Z9896">
        <v>25</v>
      </c>
      <c r="AA9896">
        <v>26</v>
      </c>
      <c r="AB9896">
        <v>26</v>
      </c>
      <c r="AC9896">
        <v>27</v>
      </c>
      <c r="AD9896">
        <v>27</v>
      </c>
      <c r="AE9896">
        <v>27</v>
      </c>
      <c r="AF9896">
        <v>27</v>
      </c>
      <c r="AG9896">
        <v>28</v>
      </c>
      <c r="AH9896">
        <v>28</v>
      </c>
      <c r="AI9896">
        <v>28</v>
      </c>
      <c r="AJ9896">
        <v>28</v>
      </c>
      <c r="AK9896">
        <v>28</v>
      </c>
      <c r="AL9896">
        <v>28</v>
      </c>
      <c r="AM9896">
        <v>28</v>
      </c>
      <c r="AN9896">
        <v>28</v>
      </c>
      <c r="AO9896">
        <v>28</v>
      </c>
      <c r="AP9896">
        <v>28</v>
      </c>
      <c r="AQ9896">
        <v>28</v>
      </c>
    </row>
    <row r="9897" spans="1:43">
      <c r="A9897" t="s">
        <v>6166</v>
      </c>
      <c r="B9897" t="s">
        <v>6167</v>
      </c>
      <c r="C9897" t="s">
        <v>6158</v>
      </c>
      <c r="D9897" t="s">
        <v>6159</v>
      </c>
      <c r="E9897" t="s">
        <v>5940</v>
      </c>
      <c r="F9897" t="s">
        <v>5941</v>
      </c>
      <c r="G9897" t="s">
        <v>80</v>
      </c>
      <c r="H9897" t="s">
        <v>81</v>
      </c>
      <c r="I9897" s="2">
        <v>0</v>
      </c>
      <c r="J9897" s="2">
        <v>0</v>
      </c>
      <c r="K9897" s="2">
        <v>1</v>
      </c>
      <c r="L9897" t="s">
        <v>995</v>
      </c>
      <c r="M9897" t="s">
        <v>83</v>
      </c>
      <c r="N9897" t="s">
        <v>91</v>
      </c>
      <c r="O9897" t="s">
        <v>85</v>
      </c>
      <c r="P9897" t="s">
        <v>86</v>
      </c>
      <c r="Q9897">
        <v>21</v>
      </c>
      <c r="R9897">
        <v>21</v>
      </c>
      <c r="S9897">
        <v>21</v>
      </c>
      <c r="T9897">
        <v>22</v>
      </c>
      <c r="U9897">
        <v>22</v>
      </c>
      <c r="V9897">
        <v>22</v>
      </c>
      <c r="W9897">
        <v>23</v>
      </c>
      <c r="X9897">
        <v>23</v>
      </c>
      <c r="Y9897">
        <v>23</v>
      </c>
      <c r="Z9897">
        <v>24</v>
      </c>
      <c r="AA9897">
        <v>24</v>
      </c>
      <c r="AB9897">
        <v>24</v>
      </c>
      <c r="AC9897">
        <v>25</v>
      </c>
      <c r="AD9897">
        <v>25</v>
      </c>
      <c r="AE9897">
        <v>26</v>
      </c>
      <c r="AF9897">
        <v>26</v>
      </c>
      <c r="AG9897">
        <v>26</v>
      </c>
      <c r="AH9897">
        <v>27</v>
      </c>
      <c r="AI9897">
        <v>27</v>
      </c>
      <c r="AJ9897">
        <v>27</v>
      </c>
      <c r="AK9897">
        <v>28</v>
      </c>
      <c r="AL9897">
        <v>28</v>
      </c>
      <c r="AM9897">
        <v>28</v>
      </c>
      <c r="AN9897">
        <v>28</v>
      </c>
      <c r="AO9897">
        <v>28</v>
      </c>
      <c r="AP9897">
        <v>28</v>
      </c>
      <c r="AQ9897">
        <v>28</v>
      </c>
    </row>
    <row r="9898" spans="1:43">
      <c r="A9898" t="s">
        <v>6168</v>
      </c>
      <c r="B9898" t="s">
        <v>6169</v>
      </c>
      <c r="C9898" t="s">
        <v>5992</v>
      </c>
      <c r="D9898" t="s">
        <v>5993</v>
      </c>
      <c r="E9898" t="s">
        <v>5940</v>
      </c>
      <c r="F9898" t="s">
        <v>5941</v>
      </c>
      <c r="G9898" t="s">
        <v>80</v>
      </c>
      <c r="H9898" t="s">
        <v>81</v>
      </c>
      <c r="I9898" s="2">
        <v>0</v>
      </c>
      <c r="J9898" s="2">
        <v>0</v>
      </c>
      <c r="K9898" s="2">
        <v>1</v>
      </c>
      <c r="L9898" t="s">
        <v>995</v>
      </c>
      <c r="M9898" t="s">
        <v>83</v>
      </c>
      <c r="N9898" t="s">
        <v>84</v>
      </c>
      <c r="O9898" t="s">
        <v>85</v>
      </c>
      <c r="P9898" t="s">
        <v>86</v>
      </c>
      <c r="Q9898">
        <v>10</v>
      </c>
      <c r="R9898">
        <v>11</v>
      </c>
      <c r="S9898">
        <v>11</v>
      </c>
      <c r="T9898">
        <v>11</v>
      </c>
      <c r="U9898">
        <v>11</v>
      </c>
      <c r="V9898">
        <v>11</v>
      </c>
      <c r="W9898">
        <v>11</v>
      </c>
      <c r="X9898">
        <v>12</v>
      </c>
      <c r="Y9898">
        <v>12</v>
      </c>
      <c r="Z9898">
        <v>12</v>
      </c>
      <c r="AA9898">
        <v>12</v>
      </c>
      <c r="AB9898">
        <v>12</v>
      </c>
      <c r="AC9898">
        <v>12</v>
      </c>
      <c r="AD9898">
        <v>13</v>
      </c>
      <c r="AE9898">
        <v>13</v>
      </c>
      <c r="AF9898">
        <v>13</v>
      </c>
      <c r="AG9898">
        <v>13</v>
      </c>
      <c r="AH9898">
        <v>13</v>
      </c>
      <c r="AI9898">
        <v>14</v>
      </c>
      <c r="AJ9898">
        <v>14</v>
      </c>
      <c r="AK9898">
        <v>14</v>
      </c>
      <c r="AL9898">
        <v>14</v>
      </c>
      <c r="AM9898">
        <v>14</v>
      </c>
      <c r="AN9898">
        <v>14</v>
      </c>
      <c r="AO9898">
        <v>14</v>
      </c>
      <c r="AP9898">
        <v>14</v>
      </c>
      <c r="AQ9898">
        <v>14</v>
      </c>
    </row>
    <row r="9899" spans="1:43">
      <c r="A9899" t="s">
        <v>6168</v>
      </c>
      <c r="B9899" t="s">
        <v>6169</v>
      </c>
      <c r="C9899" t="s">
        <v>5992</v>
      </c>
      <c r="D9899" t="s">
        <v>5993</v>
      </c>
      <c r="E9899" t="s">
        <v>5940</v>
      </c>
      <c r="F9899" t="s">
        <v>5941</v>
      </c>
      <c r="G9899" t="s">
        <v>80</v>
      </c>
      <c r="H9899" t="s">
        <v>81</v>
      </c>
      <c r="I9899" s="2">
        <v>0</v>
      </c>
      <c r="J9899" s="2">
        <v>0</v>
      </c>
      <c r="K9899" s="2">
        <v>1</v>
      </c>
      <c r="L9899" t="s">
        <v>995</v>
      </c>
      <c r="M9899" t="s">
        <v>87</v>
      </c>
      <c r="N9899" t="s">
        <v>88</v>
      </c>
      <c r="O9899" t="s">
        <v>85</v>
      </c>
      <c r="P9899" t="s">
        <v>86</v>
      </c>
      <c r="Q9899">
        <v>10</v>
      </c>
      <c r="R9899">
        <v>10</v>
      </c>
      <c r="S9899">
        <v>10</v>
      </c>
      <c r="T9899">
        <v>10</v>
      </c>
      <c r="U9899">
        <v>11</v>
      </c>
      <c r="V9899">
        <v>11</v>
      </c>
      <c r="W9899">
        <v>11</v>
      </c>
      <c r="X9899">
        <v>11</v>
      </c>
      <c r="Y9899">
        <v>11</v>
      </c>
      <c r="Z9899">
        <v>11</v>
      </c>
      <c r="AA9899">
        <v>11</v>
      </c>
      <c r="AB9899">
        <v>11</v>
      </c>
      <c r="AC9899">
        <v>11</v>
      </c>
      <c r="AD9899">
        <v>11</v>
      </c>
      <c r="AE9899">
        <v>11</v>
      </c>
      <c r="AF9899">
        <v>11</v>
      </c>
      <c r="AG9899">
        <v>12</v>
      </c>
      <c r="AH9899">
        <v>12</v>
      </c>
      <c r="AI9899">
        <v>12</v>
      </c>
      <c r="AJ9899">
        <v>12</v>
      </c>
      <c r="AK9899">
        <v>12</v>
      </c>
      <c r="AL9899">
        <v>12</v>
      </c>
      <c r="AM9899">
        <v>12</v>
      </c>
      <c r="AN9899">
        <v>12</v>
      </c>
      <c r="AO9899">
        <v>12</v>
      </c>
      <c r="AP9899">
        <v>12</v>
      </c>
      <c r="AQ9899">
        <v>12</v>
      </c>
    </row>
    <row r="9900" spans="1:43">
      <c r="A9900" t="s">
        <v>6168</v>
      </c>
      <c r="B9900" t="s">
        <v>6169</v>
      </c>
      <c r="C9900" t="s">
        <v>5992</v>
      </c>
      <c r="D9900" t="s">
        <v>5993</v>
      </c>
      <c r="E9900" t="s">
        <v>5940</v>
      </c>
      <c r="F9900" t="s">
        <v>5941</v>
      </c>
      <c r="G9900" t="s">
        <v>80</v>
      </c>
      <c r="H9900" t="s">
        <v>81</v>
      </c>
      <c r="I9900" s="2">
        <v>0</v>
      </c>
      <c r="J9900" s="2">
        <v>0</v>
      </c>
      <c r="K9900" s="2">
        <v>1</v>
      </c>
      <c r="L9900" t="s">
        <v>995</v>
      </c>
      <c r="M9900" t="s">
        <v>89</v>
      </c>
      <c r="N9900" t="s">
        <v>90</v>
      </c>
      <c r="O9900" t="s">
        <v>85</v>
      </c>
      <c r="P9900" t="s">
        <v>86</v>
      </c>
      <c r="Q9900">
        <v>10</v>
      </c>
      <c r="R9900">
        <v>11</v>
      </c>
      <c r="S9900">
        <v>11</v>
      </c>
      <c r="T9900">
        <v>11</v>
      </c>
      <c r="U9900">
        <v>11</v>
      </c>
      <c r="V9900">
        <v>12</v>
      </c>
      <c r="W9900">
        <v>12</v>
      </c>
      <c r="X9900">
        <v>12</v>
      </c>
      <c r="Y9900">
        <v>12</v>
      </c>
      <c r="Z9900">
        <v>13</v>
      </c>
      <c r="AA9900">
        <v>13</v>
      </c>
      <c r="AB9900">
        <v>13</v>
      </c>
      <c r="AC9900">
        <v>13</v>
      </c>
      <c r="AD9900">
        <v>14</v>
      </c>
      <c r="AE9900">
        <v>14</v>
      </c>
      <c r="AF9900">
        <v>14</v>
      </c>
      <c r="AG9900">
        <v>14</v>
      </c>
      <c r="AH9900">
        <v>14</v>
      </c>
      <c r="AI9900">
        <v>14</v>
      </c>
      <c r="AJ9900">
        <v>14</v>
      </c>
      <c r="AK9900">
        <v>14</v>
      </c>
      <c r="AL9900">
        <v>14</v>
      </c>
      <c r="AM9900">
        <v>14</v>
      </c>
      <c r="AN9900">
        <v>14</v>
      </c>
      <c r="AO9900">
        <v>14</v>
      </c>
      <c r="AP9900">
        <v>14</v>
      </c>
      <c r="AQ9900">
        <v>14</v>
      </c>
    </row>
    <row r="9901" spans="1:43">
      <c r="A9901" t="s">
        <v>6168</v>
      </c>
      <c r="B9901" t="s">
        <v>6169</v>
      </c>
      <c r="C9901" t="s">
        <v>5992</v>
      </c>
      <c r="D9901" t="s">
        <v>5993</v>
      </c>
      <c r="E9901" t="s">
        <v>5940</v>
      </c>
      <c r="F9901" t="s">
        <v>5941</v>
      </c>
      <c r="G9901" t="s">
        <v>80</v>
      </c>
      <c r="H9901" t="s">
        <v>81</v>
      </c>
      <c r="I9901" s="2">
        <v>0</v>
      </c>
      <c r="J9901" s="2">
        <v>0</v>
      </c>
      <c r="K9901" s="2">
        <v>1</v>
      </c>
      <c r="L9901" t="s">
        <v>995</v>
      </c>
      <c r="M9901" t="s">
        <v>83</v>
      </c>
      <c r="N9901" t="s">
        <v>91</v>
      </c>
      <c r="O9901" t="s">
        <v>85</v>
      </c>
      <c r="P9901" t="s">
        <v>86</v>
      </c>
      <c r="Q9901">
        <v>10</v>
      </c>
      <c r="R9901">
        <v>11</v>
      </c>
      <c r="S9901">
        <v>11</v>
      </c>
      <c r="T9901">
        <v>11</v>
      </c>
      <c r="U9901">
        <v>11</v>
      </c>
      <c r="V9901">
        <v>11</v>
      </c>
      <c r="W9901">
        <v>11</v>
      </c>
      <c r="X9901">
        <v>12</v>
      </c>
      <c r="Y9901">
        <v>12</v>
      </c>
      <c r="Z9901">
        <v>12</v>
      </c>
      <c r="AA9901">
        <v>12</v>
      </c>
      <c r="AB9901">
        <v>12</v>
      </c>
      <c r="AC9901">
        <v>12</v>
      </c>
      <c r="AD9901">
        <v>13</v>
      </c>
      <c r="AE9901">
        <v>13</v>
      </c>
      <c r="AF9901">
        <v>13</v>
      </c>
      <c r="AG9901">
        <v>13</v>
      </c>
      <c r="AH9901">
        <v>13</v>
      </c>
      <c r="AI9901">
        <v>14</v>
      </c>
      <c r="AJ9901">
        <v>14</v>
      </c>
      <c r="AK9901">
        <v>14</v>
      </c>
      <c r="AL9901">
        <v>14</v>
      </c>
      <c r="AM9901">
        <v>14</v>
      </c>
      <c r="AN9901">
        <v>14</v>
      </c>
      <c r="AO9901">
        <v>14</v>
      </c>
      <c r="AP9901">
        <v>14</v>
      </c>
      <c r="AQ9901">
        <v>14</v>
      </c>
    </row>
    <row r="9902" spans="1:43">
      <c r="A9902" t="s">
        <v>6170</v>
      </c>
      <c r="B9902" t="s">
        <v>6171</v>
      </c>
      <c r="C9902" t="s">
        <v>6172</v>
      </c>
      <c r="D9902" t="s">
        <v>6173</v>
      </c>
      <c r="E9902" t="s">
        <v>6174</v>
      </c>
      <c r="F9902" t="s">
        <v>6175</v>
      </c>
      <c r="G9902" t="s">
        <v>80</v>
      </c>
      <c r="H9902" t="s">
        <v>81</v>
      </c>
      <c r="I9902" s="2">
        <v>0</v>
      </c>
      <c r="J9902" s="2">
        <v>1</v>
      </c>
      <c r="K9902" s="2">
        <v>0</v>
      </c>
      <c r="L9902" t="s">
        <v>82</v>
      </c>
      <c r="M9902" t="s">
        <v>83</v>
      </c>
      <c r="N9902" t="s">
        <v>84</v>
      </c>
      <c r="O9902" t="s">
        <v>85</v>
      </c>
      <c r="P9902" t="s">
        <v>86</v>
      </c>
      <c r="Q9902">
        <v>118</v>
      </c>
      <c r="R9902">
        <v>120</v>
      </c>
      <c r="S9902">
        <v>121</v>
      </c>
      <c r="T9902">
        <v>122</v>
      </c>
      <c r="U9902">
        <v>124</v>
      </c>
      <c r="V9902">
        <v>125</v>
      </c>
      <c r="W9902">
        <v>126</v>
      </c>
      <c r="X9902">
        <v>128</v>
      </c>
      <c r="Y9902">
        <v>129</v>
      </c>
      <c r="Z9902">
        <v>130</v>
      </c>
      <c r="AA9902">
        <v>132</v>
      </c>
      <c r="AB9902">
        <v>133</v>
      </c>
      <c r="AC9902">
        <v>134</v>
      </c>
      <c r="AD9902">
        <v>135</v>
      </c>
      <c r="AE9902">
        <v>137</v>
      </c>
      <c r="AF9902">
        <v>138</v>
      </c>
      <c r="AG9902">
        <v>139</v>
      </c>
      <c r="AH9902">
        <v>140</v>
      </c>
      <c r="AI9902">
        <v>141</v>
      </c>
      <c r="AJ9902">
        <v>142</v>
      </c>
      <c r="AK9902">
        <v>143</v>
      </c>
      <c r="AL9902">
        <v>143</v>
      </c>
      <c r="AM9902">
        <v>143</v>
      </c>
      <c r="AN9902">
        <v>143</v>
      </c>
      <c r="AO9902">
        <v>143</v>
      </c>
      <c r="AP9902">
        <v>142</v>
      </c>
      <c r="AQ9902">
        <v>142</v>
      </c>
    </row>
    <row r="9903" spans="1:43">
      <c r="A9903" t="s">
        <v>6170</v>
      </c>
      <c r="B9903" t="s">
        <v>6171</v>
      </c>
      <c r="C9903" t="s">
        <v>6172</v>
      </c>
      <c r="D9903" t="s">
        <v>6173</v>
      </c>
      <c r="E9903" t="s">
        <v>6174</v>
      </c>
      <c r="F9903" t="s">
        <v>6175</v>
      </c>
      <c r="G9903" t="s">
        <v>80</v>
      </c>
      <c r="H9903" t="s">
        <v>81</v>
      </c>
      <c r="I9903" s="2">
        <v>0</v>
      </c>
      <c r="J9903" s="2">
        <v>1</v>
      </c>
      <c r="K9903" s="2">
        <v>0</v>
      </c>
      <c r="L9903" t="s">
        <v>82</v>
      </c>
      <c r="M9903" t="s">
        <v>87</v>
      </c>
      <c r="N9903" t="s">
        <v>88</v>
      </c>
      <c r="O9903" t="s">
        <v>85</v>
      </c>
      <c r="P9903" t="s">
        <v>86</v>
      </c>
      <c r="Q9903">
        <v>118</v>
      </c>
      <c r="R9903">
        <v>118</v>
      </c>
      <c r="S9903">
        <v>119</v>
      </c>
      <c r="T9903">
        <v>119</v>
      </c>
      <c r="U9903">
        <v>119</v>
      </c>
      <c r="V9903">
        <v>120</v>
      </c>
      <c r="W9903">
        <v>120</v>
      </c>
      <c r="X9903">
        <v>120</v>
      </c>
      <c r="Y9903">
        <v>120</v>
      </c>
      <c r="Z9903">
        <v>121</v>
      </c>
      <c r="AA9903">
        <v>121</v>
      </c>
      <c r="AB9903">
        <v>121</v>
      </c>
      <c r="AC9903">
        <v>121</v>
      </c>
      <c r="AD9903">
        <v>122</v>
      </c>
      <c r="AE9903">
        <v>122</v>
      </c>
      <c r="AF9903">
        <v>122</v>
      </c>
      <c r="AG9903">
        <v>122</v>
      </c>
      <c r="AH9903">
        <v>123</v>
      </c>
      <c r="AI9903">
        <v>123</v>
      </c>
      <c r="AJ9903">
        <v>123</v>
      </c>
      <c r="AK9903">
        <v>123</v>
      </c>
      <c r="AL9903">
        <v>123</v>
      </c>
      <c r="AM9903">
        <v>124</v>
      </c>
      <c r="AN9903">
        <v>124</v>
      </c>
      <c r="AO9903">
        <v>124</v>
      </c>
      <c r="AP9903">
        <v>124</v>
      </c>
      <c r="AQ9903">
        <v>124</v>
      </c>
    </row>
    <row r="9904" spans="1:43">
      <c r="A9904" t="s">
        <v>6170</v>
      </c>
      <c r="B9904" t="s">
        <v>6171</v>
      </c>
      <c r="C9904" t="s">
        <v>6172</v>
      </c>
      <c r="D9904" t="s">
        <v>6173</v>
      </c>
      <c r="E9904" t="s">
        <v>6174</v>
      </c>
      <c r="F9904" t="s">
        <v>6175</v>
      </c>
      <c r="G9904" t="s">
        <v>80</v>
      </c>
      <c r="H9904" t="s">
        <v>81</v>
      </c>
      <c r="I9904" s="2">
        <v>0</v>
      </c>
      <c r="J9904" s="2">
        <v>1</v>
      </c>
      <c r="K9904" s="2">
        <v>0</v>
      </c>
      <c r="L9904" t="s">
        <v>82</v>
      </c>
      <c r="M9904" t="s">
        <v>89</v>
      </c>
      <c r="N9904" t="s">
        <v>90</v>
      </c>
      <c r="O9904" t="s">
        <v>85</v>
      </c>
      <c r="P9904" t="s">
        <v>86</v>
      </c>
      <c r="Q9904">
        <v>118</v>
      </c>
      <c r="R9904">
        <v>121</v>
      </c>
      <c r="S9904">
        <v>123</v>
      </c>
      <c r="T9904">
        <v>125</v>
      </c>
      <c r="U9904">
        <v>128</v>
      </c>
      <c r="V9904">
        <v>130</v>
      </c>
      <c r="W9904">
        <v>132</v>
      </c>
      <c r="X9904">
        <v>134</v>
      </c>
      <c r="Y9904">
        <v>136</v>
      </c>
      <c r="Z9904">
        <v>138</v>
      </c>
      <c r="AA9904">
        <v>139</v>
      </c>
      <c r="AB9904">
        <v>141</v>
      </c>
      <c r="AC9904">
        <v>143</v>
      </c>
      <c r="AD9904">
        <v>145</v>
      </c>
      <c r="AE9904">
        <v>145</v>
      </c>
      <c r="AF9904">
        <v>145</v>
      </c>
      <c r="AG9904">
        <v>145</v>
      </c>
      <c r="AH9904">
        <v>145</v>
      </c>
      <c r="AI9904">
        <v>144</v>
      </c>
      <c r="AJ9904">
        <v>144</v>
      </c>
      <c r="AK9904">
        <v>144</v>
      </c>
      <c r="AL9904">
        <v>144</v>
      </c>
      <c r="AM9904">
        <v>143</v>
      </c>
      <c r="AN9904">
        <v>143</v>
      </c>
      <c r="AO9904">
        <v>143</v>
      </c>
      <c r="AP9904">
        <v>142</v>
      </c>
      <c r="AQ9904">
        <v>142</v>
      </c>
    </row>
    <row r="9905" spans="1:43">
      <c r="A9905" t="s">
        <v>6170</v>
      </c>
      <c r="B9905" t="s">
        <v>6171</v>
      </c>
      <c r="C9905" t="s">
        <v>6172</v>
      </c>
      <c r="D9905" t="s">
        <v>6173</v>
      </c>
      <c r="E9905" t="s">
        <v>6174</v>
      </c>
      <c r="F9905" t="s">
        <v>6175</v>
      </c>
      <c r="G9905" t="s">
        <v>80</v>
      </c>
      <c r="H9905" t="s">
        <v>81</v>
      </c>
      <c r="I9905" s="2">
        <v>0</v>
      </c>
      <c r="J9905" s="2">
        <v>1</v>
      </c>
      <c r="K9905" s="2">
        <v>0</v>
      </c>
      <c r="L9905" t="s">
        <v>82</v>
      </c>
      <c r="M9905" t="s">
        <v>83</v>
      </c>
      <c r="N9905" t="s">
        <v>91</v>
      </c>
      <c r="O9905" t="s">
        <v>85</v>
      </c>
      <c r="P9905" t="s">
        <v>86</v>
      </c>
      <c r="Q9905">
        <v>118</v>
      </c>
      <c r="R9905">
        <v>120</v>
      </c>
      <c r="S9905">
        <v>121</v>
      </c>
      <c r="T9905">
        <v>122</v>
      </c>
      <c r="U9905">
        <v>124</v>
      </c>
      <c r="V9905">
        <v>125</v>
      </c>
      <c r="W9905">
        <v>126</v>
      </c>
      <c r="X9905">
        <v>128</v>
      </c>
      <c r="Y9905">
        <v>129</v>
      </c>
      <c r="Z9905">
        <v>130</v>
      </c>
      <c r="AA9905">
        <v>132</v>
      </c>
      <c r="AB9905">
        <v>133</v>
      </c>
      <c r="AC9905">
        <v>134</v>
      </c>
      <c r="AD9905">
        <v>135</v>
      </c>
      <c r="AE9905">
        <v>137</v>
      </c>
      <c r="AF9905">
        <v>138</v>
      </c>
      <c r="AG9905">
        <v>139</v>
      </c>
      <c r="AH9905">
        <v>140</v>
      </c>
      <c r="AI9905">
        <v>141</v>
      </c>
      <c r="AJ9905">
        <v>142</v>
      </c>
      <c r="AK9905">
        <v>143</v>
      </c>
      <c r="AL9905">
        <v>143</v>
      </c>
      <c r="AM9905">
        <v>143</v>
      </c>
      <c r="AN9905">
        <v>143</v>
      </c>
      <c r="AO9905">
        <v>143</v>
      </c>
      <c r="AP9905">
        <v>142</v>
      </c>
      <c r="AQ9905">
        <v>142</v>
      </c>
    </row>
    <row r="9906" spans="1:43">
      <c r="A9906" t="s">
        <v>6176</v>
      </c>
      <c r="B9906" t="s">
        <v>6177</v>
      </c>
      <c r="C9906" t="s">
        <v>6172</v>
      </c>
      <c r="D9906" t="s">
        <v>6173</v>
      </c>
      <c r="E9906" t="s">
        <v>6174</v>
      </c>
      <c r="F9906" t="s">
        <v>6175</v>
      </c>
      <c r="G9906" t="s">
        <v>80</v>
      </c>
      <c r="H9906" t="s">
        <v>81</v>
      </c>
      <c r="I9906" s="2">
        <v>0</v>
      </c>
      <c r="J9906" s="2">
        <v>1</v>
      </c>
      <c r="K9906" s="2">
        <v>0</v>
      </c>
      <c r="L9906" t="s">
        <v>82</v>
      </c>
      <c r="M9906" t="s">
        <v>83</v>
      </c>
      <c r="N9906" t="s">
        <v>84</v>
      </c>
      <c r="O9906" t="s">
        <v>85</v>
      </c>
      <c r="P9906" t="s">
        <v>86</v>
      </c>
      <c r="Q9906">
        <v>47</v>
      </c>
      <c r="R9906">
        <v>48</v>
      </c>
      <c r="S9906">
        <v>49</v>
      </c>
      <c r="T9906">
        <v>49</v>
      </c>
      <c r="U9906">
        <v>50</v>
      </c>
      <c r="V9906">
        <v>50</v>
      </c>
      <c r="W9906">
        <v>51</v>
      </c>
      <c r="X9906">
        <v>51</v>
      </c>
      <c r="Y9906">
        <v>52</v>
      </c>
      <c r="Z9906">
        <v>52</v>
      </c>
      <c r="AA9906">
        <v>53</v>
      </c>
      <c r="AB9906">
        <v>53</v>
      </c>
      <c r="AC9906">
        <v>54</v>
      </c>
      <c r="AD9906">
        <v>54</v>
      </c>
      <c r="AE9906">
        <v>55</v>
      </c>
      <c r="AF9906">
        <v>55</v>
      </c>
      <c r="AG9906">
        <v>56</v>
      </c>
      <c r="AH9906">
        <v>56</v>
      </c>
      <c r="AI9906">
        <v>57</v>
      </c>
      <c r="AJ9906">
        <v>57</v>
      </c>
      <c r="AK9906">
        <v>57</v>
      </c>
      <c r="AL9906">
        <v>58</v>
      </c>
      <c r="AM9906">
        <v>57</v>
      </c>
      <c r="AN9906">
        <v>57</v>
      </c>
      <c r="AO9906">
        <v>57</v>
      </c>
      <c r="AP9906">
        <v>57</v>
      </c>
      <c r="AQ9906">
        <v>57</v>
      </c>
    </row>
    <row r="9907" spans="1:43">
      <c r="A9907" t="s">
        <v>6176</v>
      </c>
      <c r="B9907" t="s">
        <v>6177</v>
      </c>
      <c r="C9907" t="s">
        <v>6172</v>
      </c>
      <c r="D9907" t="s">
        <v>6173</v>
      </c>
      <c r="E9907" t="s">
        <v>6174</v>
      </c>
      <c r="F9907" t="s">
        <v>6175</v>
      </c>
      <c r="G9907" t="s">
        <v>80</v>
      </c>
      <c r="H9907" t="s">
        <v>81</v>
      </c>
      <c r="I9907" s="2">
        <v>0</v>
      </c>
      <c r="J9907" s="2">
        <v>1</v>
      </c>
      <c r="K9907" s="2">
        <v>0</v>
      </c>
      <c r="L9907" t="s">
        <v>82</v>
      </c>
      <c r="M9907" t="s">
        <v>87</v>
      </c>
      <c r="N9907" t="s">
        <v>88</v>
      </c>
      <c r="O9907" t="s">
        <v>85</v>
      </c>
      <c r="P9907" t="s">
        <v>86</v>
      </c>
      <c r="Q9907">
        <v>47</v>
      </c>
      <c r="R9907">
        <v>47</v>
      </c>
      <c r="S9907">
        <v>47</v>
      </c>
      <c r="T9907">
        <v>47</v>
      </c>
      <c r="U9907">
        <v>47</v>
      </c>
      <c r="V9907">
        <v>48</v>
      </c>
      <c r="W9907">
        <v>48</v>
      </c>
      <c r="X9907">
        <v>48</v>
      </c>
      <c r="Y9907">
        <v>48</v>
      </c>
      <c r="Z9907">
        <v>48</v>
      </c>
      <c r="AA9907">
        <v>48</v>
      </c>
      <c r="AB9907">
        <v>48</v>
      </c>
      <c r="AC9907">
        <v>48</v>
      </c>
      <c r="AD9907">
        <v>48</v>
      </c>
      <c r="AE9907">
        <v>49</v>
      </c>
      <c r="AF9907">
        <v>49</v>
      </c>
      <c r="AG9907">
        <v>49</v>
      </c>
      <c r="AH9907">
        <v>49</v>
      </c>
      <c r="AI9907">
        <v>49</v>
      </c>
      <c r="AJ9907">
        <v>49</v>
      </c>
      <c r="AK9907">
        <v>49</v>
      </c>
      <c r="AL9907">
        <v>49</v>
      </c>
      <c r="AM9907">
        <v>49</v>
      </c>
      <c r="AN9907">
        <v>49</v>
      </c>
      <c r="AO9907">
        <v>49</v>
      </c>
      <c r="AP9907">
        <v>49</v>
      </c>
      <c r="AQ9907">
        <v>49</v>
      </c>
    </row>
    <row r="9908" spans="1:43">
      <c r="A9908" t="s">
        <v>6176</v>
      </c>
      <c r="B9908" t="s">
        <v>6177</v>
      </c>
      <c r="C9908" t="s">
        <v>6172</v>
      </c>
      <c r="D9908" t="s">
        <v>6173</v>
      </c>
      <c r="E9908" t="s">
        <v>6174</v>
      </c>
      <c r="F9908" t="s">
        <v>6175</v>
      </c>
      <c r="G9908" t="s">
        <v>80</v>
      </c>
      <c r="H9908" t="s">
        <v>81</v>
      </c>
      <c r="I9908" s="2">
        <v>0</v>
      </c>
      <c r="J9908" s="2">
        <v>1</v>
      </c>
      <c r="K9908" s="2">
        <v>0</v>
      </c>
      <c r="L9908" t="s">
        <v>82</v>
      </c>
      <c r="M9908" t="s">
        <v>89</v>
      </c>
      <c r="N9908" t="s">
        <v>90</v>
      </c>
      <c r="O9908" t="s">
        <v>85</v>
      </c>
      <c r="P9908" t="s">
        <v>86</v>
      </c>
      <c r="Q9908">
        <v>47</v>
      </c>
      <c r="R9908">
        <v>48</v>
      </c>
      <c r="S9908">
        <v>49</v>
      </c>
      <c r="T9908">
        <v>50</v>
      </c>
      <c r="U9908">
        <v>51</v>
      </c>
      <c r="V9908">
        <v>52</v>
      </c>
      <c r="W9908">
        <v>52</v>
      </c>
      <c r="X9908">
        <v>53</v>
      </c>
      <c r="Y9908">
        <v>54</v>
      </c>
      <c r="Z9908">
        <v>55</v>
      </c>
      <c r="AA9908">
        <v>55</v>
      </c>
      <c r="AB9908">
        <v>56</v>
      </c>
      <c r="AC9908">
        <v>57</v>
      </c>
      <c r="AD9908">
        <v>57</v>
      </c>
      <c r="AE9908">
        <v>58</v>
      </c>
      <c r="AF9908">
        <v>58</v>
      </c>
      <c r="AG9908">
        <v>58</v>
      </c>
      <c r="AH9908">
        <v>57</v>
      </c>
      <c r="AI9908">
        <v>57</v>
      </c>
      <c r="AJ9908">
        <v>57</v>
      </c>
      <c r="AK9908">
        <v>57</v>
      </c>
      <c r="AL9908">
        <v>57</v>
      </c>
      <c r="AM9908">
        <v>57</v>
      </c>
      <c r="AN9908">
        <v>57</v>
      </c>
      <c r="AO9908">
        <v>57</v>
      </c>
      <c r="AP9908">
        <v>57</v>
      </c>
      <c r="AQ9908">
        <v>56</v>
      </c>
    </row>
    <row r="9909" spans="1:43">
      <c r="A9909" t="s">
        <v>6176</v>
      </c>
      <c r="B9909" t="s">
        <v>6177</v>
      </c>
      <c r="C9909" t="s">
        <v>6172</v>
      </c>
      <c r="D9909" t="s">
        <v>6173</v>
      </c>
      <c r="E9909" t="s">
        <v>6174</v>
      </c>
      <c r="F9909" t="s">
        <v>6175</v>
      </c>
      <c r="G9909" t="s">
        <v>80</v>
      </c>
      <c r="H9909" t="s">
        <v>81</v>
      </c>
      <c r="I9909" s="2">
        <v>0</v>
      </c>
      <c r="J9909" s="2">
        <v>1</v>
      </c>
      <c r="K9909" s="2">
        <v>0</v>
      </c>
      <c r="L9909" t="s">
        <v>82</v>
      </c>
      <c r="M9909" t="s">
        <v>83</v>
      </c>
      <c r="N9909" t="s">
        <v>91</v>
      </c>
      <c r="O9909" t="s">
        <v>85</v>
      </c>
      <c r="P9909" t="s">
        <v>86</v>
      </c>
      <c r="Q9909">
        <v>47</v>
      </c>
      <c r="R9909">
        <v>48</v>
      </c>
      <c r="S9909">
        <v>49</v>
      </c>
      <c r="T9909">
        <v>49</v>
      </c>
      <c r="U9909">
        <v>50</v>
      </c>
      <c r="V9909">
        <v>50</v>
      </c>
      <c r="W9909">
        <v>51</v>
      </c>
      <c r="X9909">
        <v>51</v>
      </c>
      <c r="Y9909">
        <v>52</v>
      </c>
      <c r="Z9909">
        <v>52</v>
      </c>
      <c r="AA9909">
        <v>53</v>
      </c>
      <c r="AB9909">
        <v>53</v>
      </c>
      <c r="AC9909">
        <v>54</v>
      </c>
      <c r="AD9909">
        <v>54</v>
      </c>
      <c r="AE9909">
        <v>55</v>
      </c>
      <c r="AF9909">
        <v>55</v>
      </c>
      <c r="AG9909">
        <v>56</v>
      </c>
      <c r="AH9909">
        <v>56</v>
      </c>
      <c r="AI9909">
        <v>57</v>
      </c>
      <c r="AJ9909">
        <v>57</v>
      </c>
      <c r="AK9909">
        <v>57</v>
      </c>
      <c r="AL9909">
        <v>58</v>
      </c>
      <c r="AM9909">
        <v>57</v>
      </c>
      <c r="AN9909">
        <v>57</v>
      </c>
      <c r="AO9909">
        <v>57</v>
      </c>
      <c r="AP9909">
        <v>57</v>
      </c>
      <c r="AQ9909">
        <v>57</v>
      </c>
    </row>
    <row r="9910" spans="1:43">
      <c r="A9910" t="s">
        <v>6178</v>
      </c>
      <c r="B9910" t="s">
        <v>6179</v>
      </c>
      <c r="C9910" t="s">
        <v>6180</v>
      </c>
      <c r="D9910" t="s">
        <v>6181</v>
      </c>
      <c r="E9910" t="s">
        <v>6174</v>
      </c>
      <c r="F9910" t="s">
        <v>6175</v>
      </c>
      <c r="G9910" t="s">
        <v>80</v>
      </c>
      <c r="H9910" t="s">
        <v>81</v>
      </c>
      <c r="I9910" s="2">
        <v>0</v>
      </c>
      <c r="J9910" s="2">
        <v>1</v>
      </c>
      <c r="K9910" s="2">
        <v>0</v>
      </c>
      <c r="L9910" t="s">
        <v>82</v>
      </c>
      <c r="M9910" t="s">
        <v>83</v>
      </c>
      <c r="N9910" t="s">
        <v>84</v>
      </c>
      <c r="O9910" t="s">
        <v>85</v>
      </c>
      <c r="P9910" t="s">
        <v>86</v>
      </c>
      <c r="Q9910">
        <v>71</v>
      </c>
      <c r="R9910">
        <v>72</v>
      </c>
      <c r="S9910">
        <v>72</v>
      </c>
      <c r="T9910">
        <v>73</v>
      </c>
      <c r="U9910">
        <v>74</v>
      </c>
      <c r="V9910">
        <v>75</v>
      </c>
      <c r="W9910">
        <v>76</v>
      </c>
      <c r="X9910">
        <v>76</v>
      </c>
      <c r="Y9910">
        <v>77</v>
      </c>
      <c r="Z9910">
        <v>78</v>
      </c>
      <c r="AA9910">
        <v>79</v>
      </c>
      <c r="AB9910">
        <v>80</v>
      </c>
      <c r="AC9910">
        <v>80</v>
      </c>
      <c r="AD9910">
        <v>81</v>
      </c>
      <c r="AE9910">
        <v>82</v>
      </c>
      <c r="AF9910">
        <v>82</v>
      </c>
      <c r="AG9910">
        <v>83</v>
      </c>
      <c r="AH9910">
        <v>84</v>
      </c>
      <c r="AI9910">
        <v>84</v>
      </c>
      <c r="AJ9910">
        <v>85</v>
      </c>
      <c r="AK9910">
        <v>86</v>
      </c>
      <c r="AL9910">
        <v>86</v>
      </c>
      <c r="AM9910">
        <v>86</v>
      </c>
      <c r="AN9910">
        <v>85</v>
      </c>
      <c r="AO9910">
        <v>85</v>
      </c>
      <c r="AP9910">
        <v>85</v>
      </c>
      <c r="AQ9910">
        <v>85</v>
      </c>
    </row>
    <row r="9911" spans="1:43">
      <c r="A9911" t="s">
        <v>6178</v>
      </c>
      <c r="B9911" t="s">
        <v>6179</v>
      </c>
      <c r="C9911" t="s">
        <v>6180</v>
      </c>
      <c r="D9911" t="s">
        <v>6181</v>
      </c>
      <c r="E9911" t="s">
        <v>6174</v>
      </c>
      <c r="F9911" t="s">
        <v>6175</v>
      </c>
      <c r="G9911" t="s">
        <v>80</v>
      </c>
      <c r="H9911" t="s">
        <v>81</v>
      </c>
      <c r="I9911" s="2">
        <v>0</v>
      </c>
      <c r="J9911" s="2">
        <v>1</v>
      </c>
      <c r="K9911" s="2">
        <v>0</v>
      </c>
      <c r="L9911" t="s">
        <v>82</v>
      </c>
      <c r="M9911" t="s">
        <v>87</v>
      </c>
      <c r="N9911" t="s">
        <v>88</v>
      </c>
      <c r="O9911" t="s">
        <v>85</v>
      </c>
      <c r="P9911" t="s">
        <v>86</v>
      </c>
      <c r="Q9911">
        <v>71</v>
      </c>
      <c r="R9911">
        <v>71</v>
      </c>
      <c r="S9911">
        <v>71</v>
      </c>
      <c r="T9911">
        <v>72</v>
      </c>
      <c r="U9911">
        <v>72</v>
      </c>
      <c r="V9911">
        <v>72</v>
      </c>
      <c r="W9911">
        <v>72</v>
      </c>
      <c r="X9911">
        <v>72</v>
      </c>
      <c r="Y9911">
        <v>72</v>
      </c>
      <c r="Z9911">
        <v>73</v>
      </c>
      <c r="AA9911">
        <v>73</v>
      </c>
      <c r="AB9911">
        <v>73</v>
      </c>
      <c r="AC9911">
        <v>73</v>
      </c>
      <c r="AD9911">
        <v>73</v>
      </c>
      <c r="AE9911">
        <v>73</v>
      </c>
      <c r="AF9911">
        <v>73</v>
      </c>
      <c r="AG9911">
        <v>74</v>
      </c>
      <c r="AH9911">
        <v>74</v>
      </c>
      <c r="AI9911">
        <v>74</v>
      </c>
      <c r="AJ9911">
        <v>74</v>
      </c>
      <c r="AK9911">
        <v>74</v>
      </c>
      <c r="AL9911">
        <v>74</v>
      </c>
      <c r="AM9911">
        <v>74</v>
      </c>
      <c r="AN9911">
        <v>74</v>
      </c>
      <c r="AO9911">
        <v>74</v>
      </c>
      <c r="AP9911">
        <v>75</v>
      </c>
      <c r="AQ9911">
        <v>75</v>
      </c>
    </row>
    <row r="9912" spans="1:43">
      <c r="A9912" t="s">
        <v>6178</v>
      </c>
      <c r="B9912" t="s">
        <v>6179</v>
      </c>
      <c r="C9912" t="s">
        <v>6180</v>
      </c>
      <c r="D9912" t="s">
        <v>6181</v>
      </c>
      <c r="E9912" t="s">
        <v>6174</v>
      </c>
      <c r="F9912" t="s">
        <v>6175</v>
      </c>
      <c r="G9912" t="s">
        <v>80</v>
      </c>
      <c r="H9912" t="s">
        <v>81</v>
      </c>
      <c r="I9912" s="2">
        <v>0</v>
      </c>
      <c r="J9912" s="2">
        <v>1</v>
      </c>
      <c r="K9912" s="2">
        <v>0</v>
      </c>
      <c r="L9912" t="s">
        <v>82</v>
      </c>
      <c r="M9912" t="s">
        <v>89</v>
      </c>
      <c r="N9912" t="s">
        <v>90</v>
      </c>
      <c r="O9912" t="s">
        <v>85</v>
      </c>
      <c r="P9912" t="s">
        <v>86</v>
      </c>
      <c r="Q9912">
        <v>71</v>
      </c>
      <c r="R9912">
        <v>73</v>
      </c>
      <c r="S9912">
        <v>74</v>
      </c>
      <c r="T9912">
        <v>76</v>
      </c>
      <c r="U9912">
        <v>77</v>
      </c>
      <c r="V9912">
        <v>78</v>
      </c>
      <c r="W9912">
        <v>80</v>
      </c>
      <c r="X9912">
        <v>81</v>
      </c>
      <c r="Y9912">
        <v>82</v>
      </c>
      <c r="Z9912">
        <v>83</v>
      </c>
      <c r="AA9912">
        <v>84</v>
      </c>
      <c r="AB9912">
        <v>85</v>
      </c>
      <c r="AC9912">
        <v>86</v>
      </c>
      <c r="AD9912">
        <v>87</v>
      </c>
      <c r="AE9912">
        <v>88</v>
      </c>
      <c r="AF9912">
        <v>87</v>
      </c>
      <c r="AG9912">
        <v>87</v>
      </c>
      <c r="AH9912">
        <v>87</v>
      </c>
      <c r="AI9912">
        <v>87</v>
      </c>
      <c r="AJ9912">
        <v>87</v>
      </c>
      <c r="AK9912">
        <v>87</v>
      </c>
      <c r="AL9912">
        <v>86</v>
      </c>
      <c r="AM9912">
        <v>86</v>
      </c>
      <c r="AN9912">
        <v>86</v>
      </c>
      <c r="AO9912">
        <v>86</v>
      </c>
      <c r="AP9912">
        <v>86</v>
      </c>
      <c r="AQ9912">
        <v>85</v>
      </c>
    </row>
    <row r="9913" spans="1:43">
      <c r="A9913" t="s">
        <v>6178</v>
      </c>
      <c r="B9913" t="s">
        <v>6179</v>
      </c>
      <c r="C9913" t="s">
        <v>6180</v>
      </c>
      <c r="D9913" t="s">
        <v>6181</v>
      </c>
      <c r="E9913" t="s">
        <v>6174</v>
      </c>
      <c r="F9913" t="s">
        <v>6175</v>
      </c>
      <c r="G9913" t="s">
        <v>80</v>
      </c>
      <c r="H9913" t="s">
        <v>81</v>
      </c>
      <c r="I9913" s="2">
        <v>0</v>
      </c>
      <c r="J9913" s="2">
        <v>1</v>
      </c>
      <c r="K9913" s="2">
        <v>0</v>
      </c>
      <c r="L9913" t="s">
        <v>82</v>
      </c>
      <c r="M9913" t="s">
        <v>83</v>
      </c>
      <c r="N9913" t="s">
        <v>91</v>
      </c>
      <c r="O9913" t="s">
        <v>85</v>
      </c>
      <c r="P9913" t="s">
        <v>86</v>
      </c>
      <c r="Q9913">
        <v>71</v>
      </c>
      <c r="R9913">
        <v>72</v>
      </c>
      <c r="S9913">
        <v>72</v>
      </c>
      <c r="T9913">
        <v>73</v>
      </c>
      <c r="U9913">
        <v>74</v>
      </c>
      <c r="V9913">
        <v>75</v>
      </c>
      <c r="W9913">
        <v>76</v>
      </c>
      <c r="X9913">
        <v>76</v>
      </c>
      <c r="Y9913">
        <v>77</v>
      </c>
      <c r="Z9913">
        <v>78</v>
      </c>
      <c r="AA9913">
        <v>79</v>
      </c>
      <c r="AB9913">
        <v>80</v>
      </c>
      <c r="AC9913">
        <v>80</v>
      </c>
      <c r="AD9913">
        <v>81</v>
      </c>
      <c r="AE9913">
        <v>82</v>
      </c>
      <c r="AF9913">
        <v>82</v>
      </c>
      <c r="AG9913">
        <v>83</v>
      </c>
      <c r="AH9913">
        <v>84</v>
      </c>
      <c r="AI9913">
        <v>84</v>
      </c>
      <c r="AJ9913">
        <v>85</v>
      </c>
      <c r="AK9913">
        <v>86</v>
      </c>
      <c r="AL9913">
        <v>86</v>
      </c>
      <c r="AM9913">
        <v>86</v>
      </c>
      <c r="AN9913">
        <v>85</v>
      </c>
      <c r="AO9913">
        <v>85</v>
      </c>
      <c r="AP9913">
        <v>85</v>
      </c>
      <c r="AQ9913">
        <v>85</v>
      </c>
    </row>
    <row r="9914" spans="1:43">
      <c r="A9914" t="s">
        <v>6182</v>
      </c>
      <c r="B9914" t="s">
        <v>6183</v>
      </c>
      <c r="C9914" t="s">
        <v>6172</v>
      </c>
      <c r="D9914" t="s">
        <v>6173</v>
      </c>
      <c r="E9914" t="s">
        <v>6174</v>
      </c>
      <c r="F9914" t="s">
        <v>6175</v>
      </c>
      <c r="G9914" t="s">
        <v>80</v>
      </c>
      <c r="H9914" t="s">
        <v>81</v>
      </c>
      <c r="I9914" s="2">
        <v>0</v>
      </c>
      <c r="J9914" s="2">
        <v>1</v>
      </c>
      <c r="K9914" s="2">
        <v>0</v>
      </c>
      <c r="L9914" t="s">
        <v>82</v>
      </c>
      <c r="M9914" t="s">
        <v>83</v>
      </c>
      <c r="N9914" t="s">
        <v>84</v>
      </c>
      <c r="O9914" t="s">
        <v>85</v>
      </c>
      <c r="P9914" t="s">
        <v>86</v>
      </c>
      <c r="Q9914">
        <v>45</v>
      </c>
      <c r="R9914">
        <v>45</v>
      </c>
      <c r="S9914">
        <v>46</v>
      </c>
      <c r="T9914">
        <v>46</v>
      </c>
      <c r="U9914">
        <v>47</v>
      </c>
      <c r="V9914">
        <v>47</v>
      </c>
      <c r="W9914">
        <v>48</v>
      </c>
      <c r="X9914">
        <v>48</v>
      </c>
      <c r="Y9914">
        <v>49</v>
      </c>
      <c r="Z9914">
        <v>49</v>
      </c>
      <c r="AA9914">
        <v>50</v>
      </c>
      <c r="AB9914">
        <v>50</v>
      </c>
      <c r="AC9914">
        <v>51</v>
      </c>
      <c r="AD9914">
        <v>51</v>
      </c>
      <c r="AE9914">
        <v>51</v>
      </c>
      <c r="AF9914">
        <v>52</v>
      </c>
      <c r="AG9914">
        <v>52</v>
      </c>
      <c r="AH9914">
        <v>53</v>
      </c>
      <c r="AI9914">
        <v>53</v>
      </c>
      <c r="AJ9914">
        <v>54</v>
      </c>
      <c r="AK9914">
        <v>54</v>
      </c>
      <c r="AL9914">
        <v>54</v>
      </c>
      <c r="AM9914">
        <v>54</v>
      </c>
      <c r="AN9914">
        <v>54</v>
      </c>
      <c r="AO9914">
        <v>54</v>
      </c>
      <c r="AP9914">
        <v>53</v>
      </c>
      <c r="AQ9914">
        <v>53</v>
      </c>
    </row>
    <row r="9915" spans="1:43">
      <c r="A9915" t="s">
        <v>6182</v>
      </c>
      <c r="B9915" t="s">
        <v>6183</v>
      </c>
      <c r="C9915" t="s">
        <v>6172</v>
      </c>
      <c r="D9915" t="s">
        <v>6173</v>
      </c>
      <c r="E9915" t="s">
        <v>6174</v>
      </c>
      <c r="F9915" t="s">
        <v>6175</v>
      </c>
      <c r="G9915" t="s">
        <v>80</v>
      </c>
      <c r="H9915" t="s">
        <v>81</v>
      </c>
      <c r="I9915" s="2">
        <v>0</v>
      </c>
      <c r="J9915" s="2">
        <v>1</v>
      </c>
      <c r="K9915" s="2">
        <v>0</v>
      </c>
      <c r="L9915" t="s">
        <v>82</v>
      </c>
      <c r="M9915" t="s">
        <v>87</v>
      </c>
      <c r="N9915" t="s">
        <v>88</v>
      </c>
      <c r="O9915" t="s">
        <v>85</v>
      </c>
      <c r="P9915" t="s">
        <v>86</v>
      </c>
      <c r="Q9915">
        <v>45</v>
      </c>
      <c r="R9915">
        <v>45</v>
      </c>
      <c r="S9915">
        <v>45</v>
      </c>
      <c r="T9915">
        <v>46</v>
      </c>
      <c r="U9915">
        <v>46</v>
      </c>
      <c r="V9915">
        <v>46</v>
      </c>
      <c r="W9915">
        <v>46</v>
      </c>
      <c r="X9915">
        <v>46</v>
      </c>
      <c r="Y9915">
        <v>46</v>
      </c>
      <c r="Z9915">
        <v>46</v>
      </c>
      <c r="AA9915">
        <v>46</v>
      </c>
      <c r="AB9915">
        <v>46</v>
      </c>
      <c r="AC9915">
        <v>46</v>
      </c>
      <c r="AD9915">
        <v>46</v>
      </c>
      <c r="AE9915">
        <v>47</v>
      </c>
      <c r="AF9915">
        <v>47</v>
      </c>
      <c r="AG9915">
        <v>47</v>
      </c>
      <c r="AH9915">
        <v>47</v>
      </c>
      <c r="AI9915">
        <v>47</v>
      </c>
      <c r="AJ9915">
        <v>47</v>
      </c>
      <c r="AK9915">
        <v>47</v>
      </c>
      <c r="AL9915">
        <v>47</v>
      </c>
      <c r="AM9915">
        <v>47</v>
      </c>
      <c r="AN9915">
        <v>47</v>
      </c>
      <c r="AO9915">
        <v>47</v>
      </c>
      <c r="AP9915">
        <v>47</v>
      </c>
      <c r="AQ9915">
        <v>47</v>
      </c>
    </row>
    <row r="9916" spans="1:43">
      <c r="A9916" t="s">
        <v>6182</v>
      </c>
      <c r="B9916" t="s">
        <v>6183</v>
      </c>
      <c r="C9916" t="s">
        <v>6172</v>
      </c>
      <c r="D9916" t="s">
        <v>6173</v>
      </c>
      <c r="E9916" t="s">
        <v>6174</v>
      </c>
      <c r="F9916" t="s">
        <v>6175</v>
      </c>
      <c r="G9916" t="s">
        <v>80</v>
      </c>
      <c r="H9916" t="s">
        <v>81</v>
      </c>
      <c r="I9916" s="2">
        <v>0</v>
      </c>
      <c r="J9916" s="2">
        <v>1</v>
      </c>
      <c r="K9916" s="2">
        <v>0</v>
      </c>
      <c r="L9916" t="s">
        <v>82</v>
      </c>
      <c r="M9916" t="s">
        <v>89</v>
      </c>
      <c r="N9916" t="s">
        <v>90</v>
      </c>
      <c r="O9916" t="s">
        <v>85</v>
      </c>
      <c r="P9916" t="s">
        <v>86</v>
      </c>
      <c r="Q9916">
        <v>45</v>
      </c>
      <c r="R9916">
        <v>46</v>
      </c>
      <c r="S9916">
        <v>47</v>
      </c>
      <c r="T9916">
        <v>48</v>
      </c>
      <c r="U9916">
        <v>49</v>
      </c>
      <c r="V9916">
        <v>49</v>
      </c>
      <c r="W9916">
        <v>50</v>
      </c>
      <c r="X9916">
        <v>51</v>
      </c>
      <c r="Y9916">
        <v>52</v>
      </c>
      <c r="Z9916">
        <v>52</v>
      </c>
      <c r="AA9916">
        <v>53</v>
      </c>
      <c r="AB9916">
        <v>54</v>
      </c>
      <c r="AC9916">
        <v>54</v>
      </c>
      <c r="AD9916">
        <v>55</v>
      </c>
      <c r="AE9916">
        <v>55</v>
      </c>
      <c r="AF9916">
        <v>55</v>
      </c>
      <c r="AG9916">
        <v>55</v>
      </c>
      <c r="AH9916">
        <v>55</v>
      </c>
      <c r="AI9916">
        <v>55</v>
      </c>
      <c r="AJ9916">
        <v>55</v>
      </c>
      <c r="AK9916">
        <v>55</v>
      </c>
      <c r="AL9916">
        <v>54</v>
      </c>
      <c r="AM9916">
        <v>54</v>
      </c>
      <c r="AN9916">
        <v>54</v>
      </c>
      <c r="AO9916">
        <v>54</v>
      </c>
      <c r="AP9916">
        <v>54</v>
      </c>
      <c r="AQ9916">
        <v>54</v>
      </c>
    </row>
    <row r="9917" spans="1:43">
      <c r="A9917" t="s">
        <v>6182</v>
      </c>
      <c r="B9917" t="s">
        <v>6183</v>
      </c>
      <c r="C9917" t="s">
        <v>6172</v>
      </c>
      <c r="D9917" t="s">
        <v>6173</v>
      </c>
      <c r="E9917" t="s">
        <v>6174</v>
      </c>
      <c r="F9917" t="s">
        <v>6175</v>
      </c>
      <c r="G9917" t="s">
        <v>80</v>
      </c>
      <c r="H9917" t="s">
        <v>81</v>
      </c>
      <c r="I9917" s="2">
        <v>0</v>
      </c>
      <c r="J9917" s="2">
        <v>1</v>
      </c>
      <c r="K9917" s="2">
        <v>0</v>
      </c>
      <c r="L9917" t="s">
        <v>82</v>
      </c>
      <c r="M9917" t="s">
        <v>83</v>
      </c>
      <c r="N9917" t="s">
        <v>91</v>
      </c>
      <c r="O9917" t="s">
        <v>85</v>
      </c>
      <c r="P9917" t="s">
        <v>86</v>
      </c>
      <c r="Q9917">
        <v>45</v>
      </c>
      <c r="R9917">
        <v>45</v>
      </c>
      <c r="S9917">
        <v>46</v>
      </c>
      <c r="T9917">
        <v>46</v>
      </c>
      <c r="U9917">
        <v>47</v>
      </c>
      <c r="V9917">
        <v>47</v>
      </c>
      <c r="W9917">
        <v>48</v>
      </c>
      <c r="X9917">
        <v>48</v>
      </c>
      <c r="Y9917">
        <v>49</v>
      </c>
      <c r="Z9917">
        <v>49</v>
      </c>
      <c r="AA9917">
        <v>50</v>
      </c>
      <c r="AB9917">
        <v>50</v>
      </c>
      <c r="AC9917">
        <v>51</v>
      </c>
      <c r="AD9917">
        <v>51</v>
      </c>
      <c r="AE9917">
        <v>51</v>
      </c>
      <c r="AF9917">
        <v>52</v>
      </c>
      <c r="AG9917">
        <v>52</v>
      </c>
      <c r="AH9917">
        <v>53</v>
      </c>
      <c r="AI9917">
        <v>53</v>
      </c>
      <c r="AJ9917">
        <v>54</v>
      </c>
      <c r="AK9917">
        <v>54</v>
      </c>
      <c r="AL9917">
        <v>54</v>
      </c>
      <c r="AM9917">
        <v>54</v>
      </c>
      <c r="AN9917">
        <v>54</v>
      </c>
      <c r="AO9917">
        <v>54</v>
      </c>
      <c r="AP9917">
        <v>53</v>
      </c>
      <c r="AQ9917">
        <v>53</v>
      </c>
    </row>
    <row r="9918" spans="1:43">
      <c r="A9918" t="s">
        <v>6184</v>
      </c>
      <c r="B9918" t="s">
        <v>6185</v>
      </c>
      <c r="C9918" t="s">
        <v>6172</v>
      </c>
      <c r="D9918" t="s">
        <v>6173</v>
      </c>
      <c r="E9918" t="s">
        <v>6174</v>
      </c>
      <c r="F9918" t="s">
        <v>6175</v>
      </c>
      <c r="G9918" t="s">
        <v>80</v>
      </c>
      <c r="H9918" t="s">
        <v>81</v>
      </c>
      <c r="I9918" s="2">
        <v>0</v>
      </c>
      <c r="J9918" s="2">
        <v>1</v>
      </c>
      <c r="K9918" s="2">
        <v>0</v>
      </c>
      <c r="L9918" t="s">
        <v>82</v>
      </c>
      <c r="M9918" t="s">
        <v>83</v>
      </c>
      <c r="N9918" t="s">
        <v>84</v>
      </c>
      <c r="O9918" t="s">
        <v>85</v>
      </c>
      <c r="P9918" t="s">
        <v>86</v>
      </c>
      <c r="Q9918">
        <v>84</v>
      </c>
      <c r="R9918">
        <v>85</v>
      </c>
      <c r="S9918">
        <v>86</v>
      </c>
      <c r="T9918">
        <v>87</v>
      </c>
      <c r="U9918">
        <v>88</v>
      </c>
      <c r="V9918">
        <v>89</v>
      </c>
      <c r="W9918">
        <v>90</v>
      </c>
      <c r="X9918">
        <v>91</v>
      </c>
      <c r="Y9918">
        <v>92</v>
      </c>
      <c r="Z9918">
        <v>93</v>
      </c>
      <c r="AA9918">
        <v>94</v>
      </c>
      <c r="AB9918">
        <v>95</v>
      </c>
      <c r="AC9918">
        <v>95</v>
      </c>
      <c r="AD9918">
        <v>96</v>
      </c>
      <c r="AE9918">
        <v>97</v>
      </c>
      <c r="AF9918">
        <v>98</v>
      </c>
      <c r="AG9918">
        <v>99</v>
      </c>
      <c r="AH9918">
        <v>99</v>
      </c>
      <c r="AI9918">
        <v>100</v>
      </c>
      <c r="AJ9918">
        <v>101</v>
      </c>
      <c r="AK9918">
        <v>102</v>
      </c>
      <c r="AL9918">
        <v>102</v>
      </c>
      <c r="AM9918">
        <v>101</v>
      </c>
      <c r="AN9918">
        <v>101</v>
      </c>
      <c r="AO9918">
        <v>101</v>
      </c>
      <c r="AP9918">
        <v>101</v>
      </c>
      <c r="AQ9918">
        <v>100</v>
      </c>
    </row>
    <row r="9919" spans="1:43">
      <c r="A9919" t="s">
        <v>6184</v>
      </c>
      <c r="B9919" t="s">
        <v>6185</v>
      </c>
      <c r="C9919" t="s">
        <v>6172</v>
      </c>
      <c r="D9919" t="s">
        <v>6173</v>
      </c>
      <c r="E9919" t="s">
        <v>6174</v>
      </c>
      <c r="F9919" t="s">
        <v>6175</v>
      </c>
      <c r="G9919" t="s">
        <v>80</v>
      </c>
      <c r="H9919" t="s">
        <v>81</v>
      </c>
      <c r="I9919" s="2">
        <v>0</v>
      </c>
      <c r="J9919" s="2">
        <v>1</v>
      </c>
      <c r="K9919" s="2">
        <v>0</v>
      </c>
      <c r="L9919" t="s">
        <v>82</v>
      </c>
      <c r="M9919" t="s">
        <v>87</v>
      </c>
      <c r="N9919" t="s">
        <v>88</v>
      </c>
      <c r="O9919" t="s">
        <v>85</v>
      </c>
      <c r="P9919" t="s">
        <v>86</v>
      </c>
      <c r="Q9919">
        <v>84</v>
      </c>
      <c r="R9919">
        <v>85</v>
      </c>
      <c r="S9919">
        <v>85</v>
      </c>
      <c r="T9919">
        <v>85</v>
      </c>
      <c r="U9919">
        <v>85</v>
      </c>
      <c r="V9919">
        <v>85</v>
      </c>
      <c r="W9919">
        <v>86</v>
      </c>
      <c r="X9919">
        <v>86</v>
      </c>
      <c r="Y9919">
        <v>86</v>
      </c>
      <c r="Z9919">
        <v>86</v>
      </c>
      <c r="AA9919">
        <v>86</v>
      </c>
      <c r="AB9919">
        <v>86</v>
      </c>
      <c r="AC9919">
        <v>87</v>
      </c>
      <c r="AD9919">
        <v>87</v>
      </c>
      <c r="AE9919">
        <v>87</v>
      </c>
      <c r="AF9919">
        <v>87</v>
      </c>
      <c r="AG9919">
        <v>87</v>
      </c>
      <c r="AH9919">
        <v>87</v>
      </c>
      <c r="AI9919">
        <v>87</v>
      </c>
      <c r="AJ9919">
        <v>88</v>
      </c>
      <c r="AK9919">
        <v>88</v>
      </c>
      <c r="AL9919">
        <v>88</v>
      </c>
      <c r="AM9919">
        <v>88</v>
      </c>
      <c r="AN9919">
        <v>88</v>
      </c>
      <c r="AO9919">
        <v>88</v>
      </c>
      <c r="AP9919">
        <v>88</v>
      </c>
      <c r="AQ9919">
        <v>88</v>
      </c>
    </row>
    <row r="9920" spans="1:43">
      <c r="A9920" t="s">
        <v>6184</v>
      </c>
      <c r="B9920" t="s">
        <v>6185</v>
      </c>
      <c r="C9920" t="s">
        <v>6172</v>
      </c>
      <c r="D9920" t="s">
        <v>6173</v>
      </c>
      <c r="E9920" t="s">
        <v>6174</v>
      </c>
      <c r="F9920" t="s">
        <v>6175</v>
      </c>
      <c r="G9920" t="s">
        <v>80</v>
      </c>
      <c r="H9920" t="s">
        <v>81</v>
      </c>
      <c r="I9920" s="2">
        <v>0</v>
      </c>
      <c r="J9920" s="2">
        <v>1</v>
      </c>
      <c r="K9920" s="2">
        <v>0</v>
      </c>
      <c r="L9920" t="s">
        <v>82</v>
      </c>
      <c r="M9920" t="s">
        <v>89</v>
      </c>
      <c r="N9920" t="s">
        <v>90</v>
      </c>
      <c r="O9920" t="s">
        <v>85</v>
      </c>
      <c r="P9920" t="s">
        <v>86</v>
      </c>
      <c r="Q9920">
        <v>84</v>
      </c>
      <c r="R9920">
        <v>86</v>
      </c>
      <c r="S9920">
        <v>87</v>
      </c>
      <c r="T9920">
        <v>89</v>
      </c>
      <c r="U9920">
        <v>91</v>
      </c>
      <c r="V9920">
        <v>92</v>
      </c>
      <c r="W9920">
        <v>94</v>
      </c>
      <c r="X9920">
        <v>95</v>
      </c>
      <c r="Y9920">
        <v>96</v>
      </c>
      <c r="Z9920">
        <v>98</v>
      </c>
      <c r="AA9920">
        <v>99</v>
      </c>
      <c r="AB9920">
        <v>100</v>
      </c>
      <c r="AC9920">
        <v>101</v>
      </c>
      <c r="AD9920">
        <v>102</v>
      </c>
      <c r="AE9920">
        <v>103</v>
      </c>
      <c r="AF9920">
        <v>103</v>
      </c>
      <c r="AG9920">
        <v>103</v>
      </c>
      <c r="AH9920">
        <v>102</v>
      </c>
      <c r="AI9920">
        <v>102</v>
      </c>
      <c r="AJ9920">
        <v>102</v>
      </c>
      <c r="AK9920">
        <v>102</v>
      </c>
      <c r="AL9920">
        <v>101</v>
      </c>
      <c r="AM9920">
        <v>101</v>
      </c>
      <c r="AN9920">
        <v>101</v>
      </c>
      <c r="AO9920">
        <v>101</v>
      </c>
      <c r="AP9920">
        <v>100</v>
      </c>
      <c r="AQ9920">
        <v>100</v>
      </c>
    </row>
    <row r="9921" spans="1:43">
      <c r="A9921" t="s">
        <v>6184</v>
      </c>
      <c r="B9921" t="s">
        <v>6185</v>
      </c>
      <c r="C9921" t="s">
        <v>6172</v>
      </c>
      <c r="D9921" t="s">
        <v>6173</v>
      </c>
      <c r="E9921" t="s">
        <v>6174</v>
      </c>
      <c r="F9921" t="s">
        <v>6175</v>
      </c>
      <c r="G9921" t="s">
        <v>80</v>
      </c>
      <c r="H9921" t="s">
        <v>81</v>
      </c>
      <c r="I9921" s="2">
        <v>0</v>
      </c>
      <c r="J9921" s="2">
        <v>1</v>
      </c>
      <c r="K9921" s="2">
        <v>0</v>
      </c>
      <c r="L9921" t="s">
        <v>82</v>
      </c>
      <c r="M9921" t="s">
        <v>83</v>
      </c>
      <c r="N9921" t="s">
        <v>91</v>
      </c>
      <c r="O9921" t="s">
        <v>85</v>
      </c>
      <c r="P9921" t="s">
        <v>86</v>
      </c>
      <c r="Q9921">
        <v>84</v>
      </c>
      <c r="R9921">
        <v>85</v>
      </c>
      <c r="S9921">
        <v>86</v>
      </c>
      <c r="T9921">
        <v>87</v>
      </c>
      <c r="U9921">
        <v>88</v>
      </c>
      <c r="V9921">
        <v>89</v>
      </c>
      <c r="W9921">
        <v>90</v>
      </c>
      <c r="X9921">
        <v>91</v>
      </c>
      <c r="Y9921">
        <v>92</v>
      </c>
      <c r="Z9921">
        <v>93</v>
      </c>
      <c r="AA9921">
        <v>94</v>
      </c>
      <c r="AB9921">
        <v>95</v>
      </c>
      <c r="AC9921">
        <v>95</v>
      </c>
      <c r="AD9921">
        <v>96</v>
      </c>
      <c r="AE9921">
        <v>97</v>
      </c>
      <c r="AF9921">
        <v>98</v>
      </c>
      <c r="AG9921">
        <v>99</v>
      </c>
      <c r="AH9921">
        <v>99</v>
      </c>
      <c r="AI9921">
        <v>100</v>
      </c>
      <c r="AJ9921">
        <v>101</v>
      </c>
      <c r="AK9921">
        <v>102</v>
      </c>
      <c r="AL9921">
        <v>102</v>
      </c>
      <c r="AM9921">
        <v>101</v>
      </c>
      <c r="AN9921">
        <v>101</v>
      </c>
      <c r="AO9921">
        <v>101</v>
      </c>
      <c r="AP9921">
        <v>101</v>
      </c>
      <c r="AQ9921">
        <v>100</v>
      </c>
    </row>
    <row r="9922" spans="1:43">
      <c r="A9922" t="s">
        <v>6186</v>
      </c>
      <c r="B9922" t="s">
        <v>6187</v>
      </c>
      <c r="C9922" t="s">
        <v>6188</v>
      </c>
      <c r="D9922" t="s">
        <v>6189</v>
      </c>
      <c r="E9922" t="s">
        <v>6174</v>
      </c>
      <c r="F9922" t="s">
        <v>6175</v>
      </c>
      <c r="G9922" t="s">
        <v>80</v>
      </c>
      <c r="H9922" t="s">
        <v>81</v>
      </c>
      <c r="I9922" s="2">
        <v>0</v>
      </c>
      <c r="J9922" s="2">
        <v>1</v>
      </c>
      <c r="K9922" s="2">
        <v>0</v>
      </c>
      <c r="L9922" t="s">
        <v>82</v>
      </c>
      <c r="M9922" t="s">
        <v>83</v>
      </c>
      <c r="N9922" t="s">
        <v>84</v>
      </c>
      <c r="O9922" t="s">
        <v>85</v>
      </c>
      <c r="P9922" t="s">
        <v>86</v>
      </c>
      <c r="Q9922">
        <v>82</v>
      </c>
      <c r="R9922">
        <v>83</v>
      </c>
      <c r="S9922">
        <v>84</v>
      </c>
      <c r="T9922">
        <v>85</v>
      </c>
      <c r="U9922">
        <v>86</v>
      </c>
      <c r="V9922">
        <v>87</v>
      </c>
      <c r="W9922">
        <v>88</v>
      </c>
      <c r="X9922">
        <v>89</v>
      </c>
      <c r="Y9922">
        <v>89</v>
      </c>
      <c r="Z9922">
        <v>90</v>
      </c>
      <c r="AA9922">
        <v>91</v>
      </c>
      <c r="AB9922">
        <v>92</v>
      </c>
      <c r="AC9922">
        <v>93</v>
      </c>
      <c r="AD9922">
        <v>94</v>
      </c>
      <c r="AE9922">
        <v>94</v>
      </c>
      <c r="AF9922">
        <v>95</v>
      </c>
      <c r="AG9922">
        <v>96</v>
      </c>
      <c r="AH9922">
        <v>97</v>
      </c>
      <c r="AI9922">
        <v>97</v>
      </c>
      <c r="AJ9922">
        <v>98</v>
      </c>
      <c r="AK9922">
        <v>99</v>
      </c>
      <c r="AL9922">
        <v>99</v>
      </c>
      <c r="AM9922">
        <v>99</v>
      </c>
      <c r="AN9922">
        <v>99</v>
      </c>
      <c r="AO9922">
        <v>98</v>
      </c>
      <c r="AP9922">
        <v>98</v>
      </c>
      <c r="AQ9922">
        <v>98</v>
      </c>
    </row>
    <row r="9923" spans="1:43">
      <c r="A9923" t="s">
        <v>6186</v>
      </c>
      <c r="B9923" t="s">
        <v>6187</v>
      </c>
      <c r="C9923" t="s">
        <v>6188</v>
      </c>
      <c r="D9923" t="s">
        <v>6189</v>
      </c>
      <c r="E9923" t="s">
        <v>6174</v>
      </c>
      <c r="F9923" t="s">
        <v>6175</v>
      </c>
      <c r="G9923" t="s">
        <v>80</v>
      </c>
      <c r="H9923" t="s">
        <v>81</v>
      </c>
      <c r="I9923" s="2">
        <v>0</v>
      </c>
      <c r="J9923" s="2">
        <v>1</v>
      </c>
      <c r="K9923" s="2">
        <v>0</v>
      </c>
      <c r="L9923" t="s">
        <v>82</v>
      </c>
      <c r="M9923" t="s">
        <v>87</v>
      </c>
      <c r="N9923" t="s">
        <v>88</v>
      </c>
      <c r="O9923" t="s">
        <v>85</v>
      </c>
      <c r="P9923" t="s">
        <v>86</v>
      </c>
      <c r="Q9923">
        <v>82</v>
      </c>
      <c r="R9923">
        <v>82</v>
      </c>
      <c r="S9923">
        <v>83</v>
      </c>
      <c r="T9923">
        <v>83</v>
      </c>
      <c r="U9923">
        <v>83</v>
      </c>
      <c r="V9923">
        <v>83</v>
      </c>
      <c r="W9923">
        <v>83</v>
      </c>
      <c r="X9923">
        <v>84</v>
      </c>
      <c r="Y9923">
        <v>84</v>
      </c>
      <c r="Z9923">
        <v>84</v>
      </c>
      <c r="AA9923">
        <v>84</v>
      </c>
      <c r="AB9923">
        <v>84</v>
      </c>
      <c r="AC9923">
        <v>84</v>
      </c>
      <c r="AD9923">
        <v>84</v>
      </c>
      <c r="AE9923">
        <v>85</v>
      </c>
      <c r="AF9923">
        <v>85</v>
      </c>
      <c r="AG9923">
        <v>85</v>
      </c>
      <c r="AH9923">
        <v>85</v>
      </c>
      <c r="AI9923">
        <v>85</v>
      </c>
      <c r="AJ9923">
        <v>85</v>
      </c>
      <c r="AK9923">
        <v>85</v>
      </c>
      <c r="AL9923">
        <v>85</v>
      </c>
      <c r="AM9923">
        <v>85</v>
      </c>
      <c r="AN9923">
        <v>86</v>
      </c>
      <c r="AO9923">
        <v>86</v>
      </c>
      <c r="AP9923">
        <v>86</v>
      </c>
      <c r="AQ9923">
        <v>86</v>
      </c>
    </row>
    <row r="9924" spans="1:43">
      <c r="A9924" t="s">
        <v>6186</v>
      </c>
      <c r="B9924" t="s">
        <v>6187</v>
      </c>
      <c r="C9924" t="s">
        <v>6188</v>
      </c>
      <c r="D9924" t="s">
        <v>6189</v>
      </c>
      <c r="E9924" t="s">
        <v>6174</v>
      </c>
      <c r="F9924" t="s">
        <v>6175</v>
      </c>
      <c r="G9924" t="s">
        <v>80</v>
      </c>
      <c r="H9924" t="s">
        <v>81</v>
      </c>
      <c r="I9924" s="2">
        <v>0</v>
      </c>
      <c r="J9924" s="2">
        <v>1</v>
      </c>
      <c r="K9924" s="2">
        <v>0</v>
      </c>
      <c r="L9924" t="s">
        <v>82</v>
      </c>
      <c r="M9924" t="s">
        <v>89</v>
      </c>
      <c r="N9924" t="s">
        <v>90</v>
      </c>
      <c r="O9924" t="s">
        <v>85</v>
      </c>
      <c r="P9924" t="s">
        <v>86</v>
      </c>
      <c r="Q9924">
        <v>82</v>
      </c>
      <c r="R9924">
        <v>83</v>
      </c>
      <c r="S9924">
        <v>85</v>
      </c>
      <c r="T9924">
        <v>87</v>
      </c>
      <c r="U9924">
        <v>88</v>
      </c>
      <c r="V9924">
        <v>90</v>
      </c>
      <c r="W9924">
        <v>91</v>
      </c>
      <c r="X9924">
        <v>93</v>
      </c>
      <c r="Y9924">
        <v>94</v>
      </c>
      <c r="Z9924">
        <v>95</v>
      </c>
      <c r="AA9924">
        <v>96</v>
      </c>
      <c r="AB9924">
        <v>97</v>
      </c>
      <c r="AC9924">
        <v>99</v>
      </c>
      <c r="AD9924">
        <v>100</v>
      </c>
      <c r="AE9924">
        <v>100</v>
      </c>
      <c r="AF9924">
        <v>100</v>
      </c>
      <c r="AG9924">
        <v>100</v>
      </c>
      <c r="AH9924">
        <v>100</v>
      </c>
      <c r="AI9924">
        <v>100</v>
      </c>
      <c r="AJ9924">
        <v>99</v>
      </c>
      <c r="AK9924">
        <v>99</v>
      </c>
      <c r="AL9924">
        <v>99</v>
      </c>
      <c r="AM9924">
        <v>99</v>
      </c>
      <c r="AN9924">
        <v>98</v>
      </c>
      <c r="AO9924">
        <v>98</v>
      </c>
      <c r="AP9924">
        <v>98</v>
      </c>
      <c r="AQ9924">
        <v>98</v>
      </c>
    </row>
    <row r="9925" spans="1:43">
      <c r="A9925" t="s">
        <v>6186</v>
      </c>
      <c r="B9925" t="s">
        <v>6187</v>
      </c>
      <c r="C9925" t="s">
        <v>6188</v>
      </c>
      <c r="D9925" t="s">
        <v>6189</v>
      </c>
      <c r="E9925" t="s">
        <v>6174</v>
      </c>
      <c r="F9925" t="s">
        <v>6175</v>
      </c>
      <c r="G9925" t="s">
        <v>80</v>
      </c>
      <c r="H9925" t="s">
        <v>81</v>
      </c>
      <c r="I9925" s="2">
        <v>0</v>
      </c>
      <c r="J9925" s="2">
        <v>1</v>
      </c>
      <c r="K9925" s="2">
        <v>0</v>
      </c>
      <c r="L9925" t="s">
        <v>82</v>
      </c>
      <c r="M9925" t="s">
        <v>83</v>
      </c>
      <c r="N9925" t="s">
        <v>91</v>
      </c>
      <c r="O9925" t="s">
        <v>85</v>
      </c>
      <c r="P9925" t="s">
        <v>86</v>
      </c>
      <c r="Q9925">
        <v>82</v>
      </c>
      <c r="R9925">
        <v>83</v>
      </c>
      <c r="S9925">
        <v>84</v>
      </c>
      <c r="T9925">
        <v>85</v>
      </c>
      <c r="U9925">
        <v>86</v>
      </c>
      <c r="V9925">
        <v>87</v>
      </c>
      <c r="W9925">
        <v>88</v>
      </c>
      <c r="X9925">
        <v>89</v>
      </c>
      <c r="Y9925">
        <v>89</v>
      </c>
      <c r="Z9925">
        <v>90</v>
      </c>
      <c r="AA9925">
        <v>91</v>
      </c>
      <c r="AB9925">
        <v>92</v>
      </c>
      <c r="AC9925">
        <v>93</v>
      </c>
      <c r="AD9925">
        <v>94</v>
      </c>
      <c r="AE9925">
        <v>94</v>
      </c>
      <c r="AF9925">
        <v>95</v>
      </c>
      <c r="AG9925">
        <v>96</v>
      </c>
      <c r="AH9925">
        <v>97</v>
      </c>
      <c r="AI9925">
        <v>97</v>
      </c>
      <c r="AJ9925">
        <v>98</v>
      </c>
      <c r="AK9925">
        <v>99</v>
      </c>
      <c r="AL9925">
        <v>99</v>
      </c>
      <c r="AM9925">
        <v>99</v>
      </c>
      <c r="AN9925">
        <v>99</v>
      </c>
      <c r="AO9925">
        <v>98</v>
      </c>
      <c r="AP9925">
        <v>98</v>
      </c>
      <c r="AQ9925">
        <v>98</v>
      </c>
    </row>
    <row r="9926" spans="1:43">
      <c r="A9926" t="s">
        <v>6190</v>
      </c>
      <c r="B9926" t="s">
        <v>6191</v>
      </c>
      <c r="C9926" t="s">
        <v>6192</v>
      </c>
      <c r="D9926" t="s">
        <v>6193</v>
      </c>
      <c r="E9926" t="s">
        <v>6174</v>
      </c>
      <c r="F9926" t="s">
        <v>6175</v>
      </c>
      <c r="G9926" t="s">
        <v>80</v>
      </c>
      <c r="H9926" t="s">
        <v>81</v>
      </c>
      <c r="I9926" s="2">
        <v>0</v>
      </c>
      <c r="J9926" s="2">
        <v>1</v>
      </c>
      <c r="K9926" s="2">
        <v>0</v>
      </c>
      <c r="L9926" t="s">
        <v>82</v>
      </c>
      <c r="M9926" t="s">
        <v>83</v>
      </c>
      <c r="N9926" t="s">
        <v>84</v>
      </c>
      <c r="O9926" t="s">
        <v>85</v>
      </c>
      <c r="P9926" t="s">
        <v>86</v>
      </c>
      <c r="Q9926">
        <v>39</v>
      </c>
      <c r="R9926">
        <v>39</v>
      </c>
      <c r="S9926">
        <v>40</v>
      </c>
      <c r="T9926">
        <v>40</v>
      </c>
      <c r="U9926">
        <v>41</v>
      </c>
      <c r="V9926">
        <v>41</v>
      </c>
      <c r="W9926">
        <v>41</v>
      </c>
      <c r="X9926">
        <v>42</v>
      </c>
      <c r="Y9926">
        <v>42</v>
      </c>
      <c r="Z9926">
        <v>43</v>
      </c>
      <c r="AA9926">
        <v>43</v>
      </c>
      <c r="AB9926">
        <v>44</v>
      </c>
      <c r="AC9926">
        <v>44</v>
      </c>
      <c r="AD9926">
        <v>44</v>
      </c>
      <c r="AE9926">
        <v>45</v>
      </c>
      <c r="AF9926">
        <v>45</v>
      </c>
      <c r="AG9926">
        <v>45</v>
      </c>
      <c r="AH9926">
        <v>46</v>
      </c>
      <c r="AI9926">
        <v>46</v>
      </c>
      <c r="AJ9926">
        <v>46</v>
      </c>
      <c r="AK9926">
        <v>47</v>
      </c>
      <c r="AL9926">
        <v>47</v>
      </c>
      <c r="AM9926">
        <v>47</v>
      </c>
      <c r="AN9926">
        <v>47</v>
      </c>
      <c r="AO9926">
        <v>46</v>
      </c>
      <c r="AP9926">
        <v>46</v>
      </c>
      <c r="AQ9926">
        <v>46</v>
      </c>
    </row>
    <row r="9927" spans="1:43">
      <c r="A9927" t="s">
        <v>6190</v>
      </c>
      <c r="B9927" t="s">
        <v>6191</v>
      </c>
      <c r="C9927" t="s">
        <v>6192</v>
      </c>
      <c r="D9927" t="s">
        <v>6193</v>
      </c>
      <c r="E9927" t="s">
        <v>6174</v>
      </c>
      <c r="F9927" t="s">
        <v>6175</v>
      </c>
      <c r="G9927" t="s">
        <v>80</v>
      </c>
      <c r="H9927" t="s">
        <v>81</v>
      </c>
      <c r="I9927" s="2">
        <v>0</v>
      </c>
      <c r="J9927" s="2">
        <v>1</v>
      </c>
      <c r="K9927" s="2">
        <v>0</v>
      </c>
      <c r="L9927" t="s">
        <v>82</v>
      </c>
      <c r="M9927" t="s">
        <v>87</v>
      </c>
      <c r="N9927" t="s">
        <v>88</v>
      </c>
      <c r="O9927" t="s">
        <v>85</v>
      </c>
      <c r="P9927" t="s">
        <v>86</v>
      </c>
      <c r="Q9927">
        <v>39</v>
      </c>
      <c r="R9927">
        <v>40</v>
      </c>
      <c r="S9927">
        <v>40</v>
      </c>
      <c r="T9927">
        <v>40</v>
      </c>
      <c r="U9927">
        <v>40</v>
      </c>
      <c r="V9927">
        <v>40</v>
      </c>
      <c r="W9927">
        <v>40</v>
      </c>
      <c r="X9927">
        <v>40</v>
      </c>
      <c r="Y9927">
        <v>40</v>
      </c>
      <c r="Z9927">
        <v>40</v>
      </c>
      <c r="AA9927">
        <v>40</v>
      </c>
      <c r="AB9927">
        <v>40</v>
      </c>
      <c r="AC9927">
        <v>40</v>
      </c>
      <c r="AD9927">
        <v>40</v>
      </c>
      <c r="AE9927">
        <v>41</v>
      </c>
      <c r="AF9927">
        <v>41</v>
      </c>
      <c r="AG9927">
        <v>41</v>
      </c>
      <c r="AH9927">
        <v>41</v>
      </c>
      <c r="AI9927">
        <v>41</v>
      </c>
      <c r="AJ9927">
        <v>41</v>
      </c>
      <c r="AK9927">
        <v>41</v>
      </c>
      <c r="AL9927">
        <v>41</v>
      </c>
      <c r="AM9927">
        <v>41</v>
      </c>
      <c r="AN9927">
        <v>41</v>
      </c>
      <c r="AO9927">
        <v>41</v>
      </c>
      <c r="AP9927">
        <v>41</v>
      </c>
      <c r="AQ9927">
        <v>41</v>
      </c>
    </row>
    <row r="9928" spans="1:43">
      <c r="A9928" t="s">
        <v>6190</v>
      </c>
      <c r="B9928" t="s">
        <v>6191</v>
      </c>
      <c r="C9928" t="s">
        <v>6192</v>
      </c>
      <c r="D9928" t="s">
        <v>6193</v>
      </c>
      <c r="E9928" t="s">
        <v>6174</v>
      </c>
      <c r="F9928" t="s">
        <v>6175</v>
      </c>
      <c r="G9928" t="s">
        <v>80</v>
      </c>
      <c r="H9928" t="s">
        <v>81</v>
      </c>
      <c r="I9928" s="2">
        <v>0</v>
      </c>
      <c r="J9928" s="2">
        <v>1</v>
      </c>
      <c r="K9928" s="2">
        <v>0</v>
      </c>
      <c r="L9928" t="s">
        <v>82</v>
      </c>
      <c r="M9928" t="s">
        <v>89</v>
      </c>
      <c r="N9928" t="s">
        <v>90</v>
      </c>
      <c r="O9928" t="s">
        <v>85</v>
      </c>
      <c r="P9928" t="s">
        <v>86</v>
      </c>
      <c r="Q9928">
        <v>39</v>
      </c>
      <c r="R9928">
        <v>40</v>
      </c>
      <c r="S9928">
        <v>41</v>
      </c>
      <c r="T9928">
        <v>42</v>
      </c>
      <c r="U9928">
        <v>42</v>
      </c>
      <c r="V9928">
        <v>43</v>
      </c>
      <c r="W9928">
        <v>44</v>
      </c>
      <c r="X9928">
        <v>44</v>
      </c>
      <c r="Y9928">
        <v>45</v>
      </c>
      <c r="Z9928">
        <v>45</v>
      </c>
      <c r="AA9928">
        <v>46</v>
      </c>
      <c r="AB9928">
        <v>47</v>
      </c>
      <c r="AC9928">
        <v>47</v>
      </c>
      <c r="AD9928">
        <v>48</v>
      </c>
      <c r="AE9928">
        <v>48</v>
      </c>
      <c r="AF9928">
        <v>48</v>
      </c>
      <c r="AG9928">
        <v>48</v>
      </c>
      <c r="AH9928">
        <v>48</v>
      </c>
      <c r="AI9928">
        <v>48</v>
      </c>
      <c r="AJ9928">
        <v>47</v>
      </c>
      <c r="AK9928">
        <v>47</v>
      </c>
      <c r="AL9928">
        <v>47</v>
      </c>
      <c r="AM9928">
        <v>47</v>
      </c>
      <c r="AN9928">
        <v>47</v>
      </c>
      <c r="AO9928">
        <v>47</v>
      </c>
      <c r="AP9928">
        <v>47</v>
      </c>
      <c r="AQ9928">
        <v>47</v>
      </c>
    </row>
    <row r="9929" spans="1:43">
      <c r="A9929" t="s">
        <v>6190</v>
      </c>
      <c r="B9929" t="s">
        <v>6191</v>
      </c>
      <c r="C9929" t="s">
        <v>6192</v>
      </c>
      <c r="D9929" t="s">
        <v>6193</v>
      </c>
      <c r="E9929" t="s">
        <v>6174</v>
      </c>
      <c r="F9929" t="s">
        <v>6175</v>
      </c>
      <c r="G9929" t="s">
        <v>80</v>
      </c>
      <c r="H9929" t="s">
        <v>81</v>
      </c>
      <c r="I9929" s="2">
        <v>0</v>
      </c>
      <c r="J9929" s="2">
        <v>1</v>
      </c>
      <c r="K9929" s="2">
        <v>0</v>
      </c>
      <c r="L9929" t="s">
        <v>82</v>
      </c>
      <c r="M9929" t="s">
        <v>83</v>
      </c>
      <c r="N9929" t="s">
        <v>91</v>
      </c>
      <c r="O9929" t="s">
        <v>85</v>
      </c>
      <c r="P9929" t="s">
        <v>86</v>
      </c>
      <c r="Q9929">
        <v>39</v>
      </c>
      <c r="R9929">
        <v>39</v>
      </c>
      <c r="S9929">
        <v>40</v>
      </c>
      <c r="T9929">
        <v>40</v>
      </c>
      <c r="U9929">
        <v>41</v>
      </c>
      <c r="V9929">
        <v>41</v>
      </c>
      <c r="W9929">
        <v>41</v>
      </c>
      <c r="X9929">
        <v>42</v>
      </c>
      <c r="Y9929">
        <v>42</v>
      </c>
      <c r="Z9929">
        <v>43</v>
      </c>
      <c r="AA9929">
        <v>43</v>
      </c>
      <c r="AB9929">
        <v>44</v>
      </c>
      <c r="AC9929">
        <v>44</v>
      </c>
      <c r="AD9929">
        <v>44</v>
      </c>
      <c r="AE9929">
        <v>45</v>
      </c>
      <c r="AF9929">
        <v>45</v>
      </c>
      <c r="AG9929">
        <v>45</v>
      </c>
      <c r="AH9929">
        <v>46</v>
      </c>
      <c r="AI9929">
        <v>46</v>
      </c>
      <c r="AJ9929">
        <v>46</v>
      </c>
      <c r="AK9929">
        <v>47</v>
      </c>
      <c r="AL9929">
        <v>47</v>
      </c>
      <c r="AM9929">
        <v>47</v>
      </c>
      <c r="AN9929">
        <v>47</v>
      </c>
      <c r="AO9929">
        <v>46</v>
      </c>
      <c r="AP9929">
        <v>46</v>
      </c>
      <c r="AQ9929">
        <v>46</v>
      </c>
    </row>
    <row r="9930" spans="1:43">
      <c r="A9930" t="s">
        <v>6194</v>
      </c>
      <c r="B9930" t="s">
        <v>6195</v>
      </c>
      <c r="C9930" t="s">
        <v>6196</v>
      </c>
      <c r="D9930" t="s">
        <v>6197</v>
      </c>
      <c r="E9930" t="s">
        <v>6174</v>
      </c>
      <c r="F9930" t="s">
        <v>6175</v>
      </c>
      <c r="G9930" t="s">
        <v>80</v>
      </c>
      <c r="H9930" t="s">
        <v>81</v>
      </c>
      <c r="I9930" s="2">
        <v>0</v>
      </c>
      <c r="J9930" s="2">
        <v>1</v>
      </c>
      <c r="K9930" s="2">
        <v>0</v>
      </c>
      <c r="L9930" t="s">
        <v>82</v>
      </c>
      <c r="M9930" t="s">
        <v>83</v>
      </c>
      <c r="N9930" t="s">
        <v>84</v>
      </c>
      <c r="O9930" t="s">
        <v>85</v>
      </c>
      <c r="P9930" t="s">
        <v>86</v>
      </c>
      <c r="Q9930">
        <v>93</v>
      </c>
      <c r="R9930">
        <v>94</v>
      </c>
      <c r="S9930">
        <v>95</v>
      </c>
      <c r="T9930">
        <v>97</v>
      </c>
      <c r="U9930">
        <v>98</v>
      </c>
      <c r="V9930">
        <v>99</v>
      </c>
      <c r="W9930">
        <v>100</v>
      </c>
      <c r="X9930">
        <v>101</v>
      </c>
      <c r="Y9930">
        <v>102</v>
      </c>
      <c r="Z9930">
        <v>103</v>
      </c>
      <c r="AA9930">
        <v>104</v>
      </c>
      <c r="AB9930">
        <v>105</v>
      </c>
      <c r="AC9930">
        <v>106</v>
      </c>
      <c r="AD9930">
        <v>107</v>
      </c>
      <c r="AE9930">
        <v>107</v>
      </c>
      <c r="AF9930">
        <v>108</v>
      </c>
      <c r="AG9930">
        <v>109</v>
      </c>
      <c r="AH9930">
        <v>110</v>
      </c>
      <c r="AI9930">
        <v>111</v>
      </c>
      <c r="AJ9930">
        <v>112</v>
      </c>
      <c r="AK9930">
        <v>112</v>
      </c>
      <c r="AL9930">
        <v>113</v>
      </c>
      <c r="AM9930">
        <v>112</v>
      </c>
      <c r="AN9930">
        <v>112</v>
      </c>
      <c r="AO9930">
        <v>112</v>
      </c>
      <c r="AP9930">
        <v>111</v>
      </c>
      <c r="AQ9930">
        <v>111</v>
      </c>
    </row>
    <row r="9931" spans="1:43">
      <c r="A9931" t="s">
        <v>6194</v>
      </c>
      <c r="B9931" t="s">
        <v>6195</v>
      </c>
      <c r="C9931" t="s">
        <v>6196</v>
      </c>
      <c r="D9931" t="s">
        <v>6197</v>
      </c>
      <c r="E9931" t="s">
        <v>6174</v>
      </c>
      <c r="F9931" t="s">
        <v>6175</v>
      </c>
      <c r="G9931" t="s">
        <v>80</v>
      </c>
      <c r="H9931" t="s">
        <v>81</v>
      </c>
      <c r="I9931" s="2">
        <v>0</v>
      </c>
      <c r="J9931" s="2">
        <v>1</v>
      </c>
      <c r="K9931" s="2">
        <v>0</v>
      </c>
      <c r="L9931" t="s">
        <v>82</v>
      </c>
      <c r="M9931" t="s">
        <v>87</v>
      </c>
      <c r="N9931" t="s">
        <v>88</v>
      </c>
      <c r="O9931" t="s">
        <v>85</v>
      </c>
      <c r="P9931" t="s">
        <v>86</v>
      </c>
      <c r="Q9931">
        <v>93</v>
      </c>
      <c r="R9931">
        <v>94</v>
      </c>
      <c r="S9931">
        <v>94</v>
      </c>
      <c r="T9931">
        <v>94</v>
      </c>
      <c r="U9931">
        <v>94</v>
      </c>
      <c r="V9931">
        <v>94</v>
      </c>
      <c r="W9931">
        <v>95</v>
      </c>
      <c r="X9931">
        <v>95</v>
      </c>
      <c r="Y9931">
        <v>95</v>
      </c>
      <c r="Z9931">
        <v>95</v>
      </c>
      <c r="AA9931">
        <v>95</v>
      </c>
      <c r="AB9931">
        <v>96</v>
      </c>
      <c r="AC9931">
        <v>96</v>
      </c>
      <c r="AD9931">
        <v>96</v>
      </c>
      <c r="AE9931">
        <v>96</v>
      </c>
      <c r="AF9931">
        <v>96</v>
      </c>
      <c r="AG9931">
        <v>96</v>
      </c>
      <c r="AH9931">
        <v>96</v>
      </c>
      <c r="AI9931">
        <v>97</v>
      </c>
      <c r="AJ9931">
        <v>97</v>
      </c>
      <c r="AK9931">
        <v>97</v>
      </c>
      <c r="AL9931">
        <v>97</v>
      </c>
      <c r="AM9931">
        <v>97</v>
      </c>
      <c r="AN9931">
        <v>97</v>
      </c>
      <c r="AO9931">
        <v>97</v>
      </c>
      <c r="AP9931">
        <v>97</v>
      </c>
      <c r="AQ9931">
        <v>97</v>
      </c>
    </row>
    <row r="9932" spans="1:43">
      <c r="A9932" t="s">
        <v>6194</v>
      </c>
      <c r="B9932" t="s">
        <v>6195</v>
      </c>
      <c r="C9932" t="s">
        <v>6196</v>
      </c>
      <c r="D9932" t="s">
        <v>6197</v>
      </c>
      <c r="E9932" t="s">
        <v>6174</v>
      </c>
      <c r="F9932" t="s">
        <v>6175</v>
      </c>
      <c r="G9932" t="s">
        <v>80</v>
      </c>
      <c r="H9932" t="s">
        <v>81</v>
      </c>
      <c r="I9932" s="2">
        <v>0</v>
      </c>
      <c r="J9932" s="2">
        <v>1</v>
      </c>
      <c r="K9932" s="2">
        <v>0</v>
      </c>
      <c r="L9932" t="s">
        <v>82</v>
      </c>
      <c r="M9932" t="s">
        <v>89</v>
      </c>
      <c r="N9932" t="s">
        <v>90</v>
      </c>
      <c r="O9932" t="s">
        <v>85</v>
      </c>
      <c r="P9932" t="s">
        <v>86</v>
      </c>
      <c r="Q9932">
        <v>93</v>
      </c>
      <c r="R9932">
        <v>95</v>
      </c>
      <c r="S9932">
        <v>97</v>
      </c>
      <c r="T9932">
        <v>99</v>
      </c>
      <c r="U9932">
        <v>100</v>
      </c>
      <c r="V9932">
        <v>102</v>
      </c>
      <c r="W9932">
        <v>104</v>
      </c>
      <c r="X9932">
        <v>105</v>
      </c>
      <c r="Y9932">
        <v>107</v>
      </c>
      <c r="Z9932">
        <v>108</v>
      </c>
      <c r="AA9932">
        <v>110</v>
      </c>
      <c r="AB9932">
        <v>111</v>
      </c>
      <c r="AC9932">
        <v>112</v>
      </c>
      <c r="AD9932">
        <v>114</v>
      </c>
      <c r="AE9932">
        <v>114</v>
      </c>
      <c r="AF9932">
        <v>114</v>
      </c>
      <c r="AG9932">
        <v>114</v>
      </c>
      <c r="AH9932">
        <v>114</v>
      </c>
      <c r="AI9932">
        <v>113</v>
      </c>
      <c r="AJ9932">
        <v>113</v>
      </c>
      <c r="AK9932">
        <v>113</v>
      </c>
      <c r="AL9932">
        <v>112</v>
      </c>
      <c r="AM9932">
        <v>112</v>
      </c>
      <c r="AN9932">
        <v>112</v>
      </c>
      <c r="AO9932">
        <v>112</v>
      </c>
      <c r="AP9932">
        <v>111</v>
      </c>
      <c r="AQ9932">
        <v>111</v>
      </c>
    </row>
    <row r="9933" spans="1:43">
      <c r="A9933" t="s">
        <v>6194</v>
      </c>
      <c r="B9933" t="s">
        <v>6195</v>
      </c>
      <c r="C9933" t="s">
        <v>6196</v>
      </c>
      <c r="D9933" t="s">
        <v>6197</v>
      </c>
      <c r="E9933" t="s">
        <v>6174</v>
      </c>
      <c r="F9933" t="s">
        <v>6175</v>
      </c>
      <c r="G9933" t="s">
        <v>80</v>
      </c>
      <c r="H9933" t="s">
        <v>81</v>
      </c>
      <c r="I9933" s="2">
        <v>0</v>
      </c>
      <c r="J9933" s="2">
        <v>1</v>
      </c>
      <c r="K9933" s="2">
        <v>0</v>
      </c>
      <c r="L9933" t="s">
        <v>82</v>
      </c>
      <c r="M9933" t="s">
        <v>83</v>
      </c>
      <c r="N9933" t="s">
        <v>91</v>
      </c>
      <c r="O9933" t="s">
        <v>85</v>
      </c>
      <c r="P9933" t="s">
        <v>86</v>
      </c>
      <c r="Q9933">
        <v>93</v>
      </c>
      <c r="R9933">
        <v>94</v>
      </c>
      <c r="S9933">
        <v>95</v>
      </c>
      <c r="T9933">
        <v>97</v>
      </c>
      <c r="U9933">
        <v>98</v>
      </c>
      <c r="V9933">
        <v>99</v>
      </c>
      <c r="W9933">
        <v>100</v>
      </c>
      <c r="X9933">
        <v>101</v>
      </c>
      <c r="Y9933">
        <v>102</v>
      </c>
      <c r="Z9933">
        <v>103</v>
      </c>
      <c r="AA9933">
        <v>104</v>
      </c>
      <c r="AB9933">
        <v>105</v>
      </c>
      <c r="AC9933">
        <v>106</v>
      </c>
      <c r="AD9933">
        <v>107</v>
      </c>
      <c r="AE9933">
        <v>107</v>
      </c>
      <c r="AF9933">
        <v>108</v>
      </c>
      <c r="AG9933">
        <v>109</v>
      </c>
      <c r="AH9933">
        <v>110</v>
      </c>
      <c r="AI9933">
        <v>111</v>
      </c>
      <c r="AJ9933">
        <v>112</v>
      </c>
      <c r="AK9933">
        <v>112</v>
      </c>
      <c r="AL9933">
        <v>113</v>
      </c>
      <c r="AM9933">
        <v>112</v>
      </c>
      <c r="AN9933">
        <v>112</v>
      </c>
      <c r="AO9933">
        <v>112</v>
      </c>
      <c r="AP9933">
        <v>111</v>
      </c>
      <c r="AQ9933">
        <v>111</v>
      </c>
    </row>
    <row r="9934" spans="1:43">
      <c r="A9934" t="s">
        <v>6198</v>
      </c>
      <c r="B9934" t="s">
        <v>6199</v>
      </c>
      <c r="C9934" t="s">
        <v>6200</v>
      </c>
      <c r="D9934" t="s">
        <v>6201</v>
      </c>
      <c r="E9934" t="s">
        <v>6174</v>
      </c>
      <c r="F9934" t="s">
        <v>6175</v>
      </c>
      <c r="G9934" t="s">
        <v>80</v>
      </c>
      <c r="H9934" t="s">
        <v>81</v>
      </c>
      <c r="I9934" s="2">
        <v>0</v>
      </c>
      <c r="J9934" s="2">
        <v>1</v>
      </c>
      <c r="K9934" s="2">
        <v>0</v>
      </c>
      <c r="L9934" t="s">
        <v>82</v>
      </c>
      <c r="M9934" t="s">
        <v>83</v>
      </c>
      <c r="N9934" t="s">
        <v>84</v>
      </c>
      <c r="O9934" t="s">
        <v>85</v>
      </c>
      <c r="P9934" t="s">
        <v>86</v>
      </c>
      <c r="Q9934">
        <v>36</v>
      </c>
      <c r="R9934">
        <v>37</v>
      </c>
      <c r="S9934">
        <v>37</v>
      </c>
      <c r="T9934">
        <v>38</v>
      </c>
      <c r="U9934">
        <v>38</v>
      </c>
      <c r="V9934">
        <v>39</v>
      </c>
      <c r="W9934">
        <v>39</v>
      </c>
      <c r="X9934">
        <v>39</v>
      </c>
      <c r="Y9934">
        <v>40</v>
      </c>
      <c r="Z9934">
        <v>40</v>
      </c>
      <c r="AA9934">
        <v>41</v>
      </c>
      <c r="AB9934">
        <v>41</v>
      </c>
      <c r="AC9934">
        <v>41</v>
      </c>
      <c r="AD9934">
        <v>42</v>
      </c>
      <c r="AE9934">
        <v>42</v>
      </c>
      <c r="AF9934">
        <v>42</v>
      </c>
      <c r="AG9934">
        <v>43</v>
      </c>
      <c r="AH9934">
        <v>43</v>
      </c>
      <c r="AI9934">
        <v>43</v>
      </c>
      <c r="AJ9934">
        <v>44</v>
      </c>
      <c r="AK9934">
        <v>44</v>
      </c>
      <c r="AL9934">
        <v>44</v>
      </c>
      <c r="AM9934">
        <v>44</v>
      </c>
      <c r="AN9934">
        <v>44</v>
      </c>
      <c r="AO9934">
        <v>44</v>
      </c>
      <c r="AP9934">
        <v>43</v>
      </c>
      <c r="AQ9934">
        <v>43</v>
      </c>
    </row>
    <row r="9935" spans="1:43">
      <c r="A9935" t="s">
        <v>6198</v>
      </c>
      <c r="B9935" t="s">
        <v>6199</v>
      </c>
      <c r="C9935" t="s">
        <v>6200</v>
      </c>
      <c r="D9935" t="s">
        <v>6201</v>
      </c>
      <c r="E9935" t="s">
        <v>6174</v>
      </c>
      <c r="F9935" t="s">
        <v>6175</v>
      </c>
      <c r="G9935" t="s">
        <v>80</v>
      </c>
      <c r="H9935" t="s">
        <v>81</v>
      </c>
      <c r="I9935" s="2">
        <v>0</v>
      </c>
      <c r="J9935" s="2">
        <v>1</v>
      </c>
      <c r="K9935" s="2">
        <v>0</v>
      </c>
      <c r="L9935" t="s">
        <v>82</v>
      </c>
      <c r="M9935" t="s">
        <v>87</v>
      </c>
      <c r="N9935" t="s">
        <v>88</v>
      </c>
      <c r="O9935" t="s">
        <v>85</v>
      </c>
      <c r="P9935" t="s">
        <v>86</v>
      </c>
      <c r="Q9935">
        <v>36</v>
      </c>
      <c r="R9935">
        <v>36</v>
      </c>
      <c r="S9935">
        <v>36</v>
      </c>
      <c r="T9935">
        <v>36</v>
      </c>
      <c r="U9935">
        <v>36</v>
      </c>
      <c r="V9935">
        <v>37</v>
      </c>
      <c r="W9935">
        <v>37</v>
      </c>
      <c r="X9935">
        <v>37</v>
      </c>
      <c r="Y9935">
        <v>37</v>
      </c>
      <c r="Z9935">
        <v>37</v>
      </c>
      <c r="AA9935">
        <v>37</v>
      </c>
      <c r="AB9935">
        <v>37</v>
      </c>
      <c r="AC9935">
        <v>37</v>
      </c>
      <c r="AD9935">
        <v>37</v>
      </c>
      <c r="AE9935">
        <v>37</v>
      </c>
      <c r="AF9935">
        <v>37</v>
      </c>
      <c r="AG9935">
        <v>37</v>
      </c>
      <c r="AH9935">
        <v>37</v>
      </c>
      <c r="AI9935">
        <v>37</v>
      </c>
      <c r="AJ9935">
        <v>37</v>
      </c>
      <c r="AK9935">
        <v>37</v>
      </c>
      <c r="AL9935">
        <v>37</v>
      </c>
      <c r="AM9935">
        <v>37</v>
      </c>
      <c r="AN9935">
        <v>37</v>
      </c>
      <c r="AO9935">
        <v>38</v>
      </c>
      <c r="AP9935">
        <v>38</v>
      </c>
      <c r="AQ9935">
        <v>38</v>
      </c>
    </row>
    <row r="9936" spans="1:43">
      <c r="A9936" t="s">
        <v>6198</v>
      </c>
      <c r="B9936" t="s">
        <v>6199</v>
      </c>
      <c r="C9936" t="s">
        <v>6200</v>
      </c>
      <c r="D9936" t="s">
        <v>6201</v>
      </c>
      <c r="E9936" t="s">
        <v>6174</v>
      </c>
      <c r="F9936" t="s">
        <v>6175</v>
      </c>
      <c r="G9936" t="s">
        <v>80</v>
      </c>
      <c r="H9936" t="s">
        <v>81</v>
      </c>
      <c r="I9936" s="2">
        <v>0</v>
      </c>
      <c r="J9936" s="2">
        <v>1</v>
      </c>
      <c r="K9936" s="2">
        <v>0</v>
      </c>
      <c r="L9936" t="s">
        <v>82</v>
      </c>
      <c r="M9936" t="s">
        <v>89</v>
      </c>
      <c r="N9936" t="s">
        <v>90</v>
      </c>
      <c r="O9936" t="s">
        <v>85</v>
      </c>
      <c r="P9936" t="s">
        <v>86</v>
      </c>
      <c r="Q9936">
        <v>36</v>
      </c>
      <c r="R9936">
        <v>37</v>
      </c>
      <c r="S9936">
        <v>37</v>
      </c>
      <c r="T9936">
        <v>38</v>
      </c>
      <c r="U9936">
        <v>39</v>
      </c>
      <c r="V9936">
        <v>39</v>
      </c>
      <c r="W9936">
        <v>40</v>
      </c>
      <c r="X9936">
        <v>41</v>
      </c>
      <c r="Y9936">
        <v>41</v>
      </c>
      <c r="Z9936">
        <v>42</v>
      </c>
      <c r="AA9936">
        <v>42</v>
      </c>
      <c r="AB9936">
        <v>43</v>
      </c>
      <c r="AC9936">
        <v>43</v>
      </c>
      <c r="AD9936">
        <v>44</v>
      </c>
      <c r="AE9936">
        <v>44</v>
      </c>
      <c r="AF9936">
        <v>44</v>
      </c>
      <c r="AG9936">
        <v>44</v>
      </c>
      <c r="AH9936">
        <v>44</v>
      </c>
      <c r="AI9936">
        <v>44</v>
      </c>
      <c r="AJ9936">
        <v>44</v>
      </c>
      <c r="AK9936">
        <v>43</v>
      </c>
      <c r="AL9936">
        <v>43</v>
      </c>
      <c r="AM9936">
        <v>43</v>
      </c>
      <c r="AN9936">
        <v>43</v>
      </c>
      <c r="AO9936">
        <v>43</v>
      </c>
      <c r="AP9936">
        <v>43</v>
      </c>
      <c r="AQ9936">
        <v>43</v>
      </c>
    </row>
    <row r="9937" spans="1:43">
      <c r="A9937" t="s">
        <v>6198</v>
      </c>
      <c r="B9937" t="s">
        <v>6199</v>
      </c>
      <c r="C9937" t="s">
        <v>6200</v>
      </c>
      <c r="D9937" t="s">
        <v>6201</v>
      </c>
      <c r="E9937" t="s">
        <v>6174</v>
      </c>
      <c r="F9937" t="s">
        <v>6175</v>
      </c>
      <c r="G9937" t="s">
        <v>80</v>
      </c>
      <c r="H9937" t="s">
        <v>81</v>
      </c>
      <c r="I9937" s="2">
        <v>0</v>
      </c>
      <c r="J9937" s="2">
        <v>1</v>
      </c>
      <c r="K9937" s="2">
        <v>0</v>
      </c>
      <c r="L9937" t="s">
        <v>82</v>
      </c>
      <c r="M9937" t="s">
        <v>83</v>
      </c>
      <c r="N9937" t="s">
        <v>91</v>
      </c>
      <c r="O9937" t="s">
        <v>85</v>
      </c>
      <c r="P9937" t="s">
        <v>86</v>
      </c>
      <c r="Q9937">
        <v>36</v>
      </c>
      <c r="R9937">
        <v>37</v>
      </c>
      <c r="S9937">
        <v>37</v>
      </c>
      <c r="T9937">
        <v>38</v>
      </c>
      <c r="U9937">
        <v>38</v>
      </c>
      <c r="V9937">
        <v>39</v>
      </c>
      <c r="W9937">
        <v>39</v>
      </c>
      <c r="X9937">
        <v>39</v>
      </c>
      <c r="Y9937">
        <v>40</v>
      </c>
      <c r="Z9937">
        <v>40</v>
      </c>
      <c r="AA9937">
        <v>41</v>
      </c>
      <c r="AB9937">
        <v>41</v>
      </c>
      <c r="AC9937">
        <v>41</v>
      </c>
      <c r="AD9937">
        <v>42</v>
      </c>
      <c r="AE9937">
        <v>42</v>
      </c>
      <c r="AF9937">
        <v>42</v>
      </c>
      <c r="AG9937">
        <v>43</v>
      </c>
      <c r="AH9937">
        <v>43</v>
      </c>
      <c r="AI9937">
        <v>43</v>
      </c>
      <c r="AJ9937">
        <v>44</v>
      </c>
      <c r="AK9937">
        <v>44</v>
      </c>
      <c r="AL9937">
        <v>44</v>
      </c>
      <c r="AM9937">
        <v>44</v>
      </c>
      <c r="AN9937">
        <v>44</v>
      </c>
      <c r="AO9937">
        <v>44</v>
      </c>
      <c r="AP9937">
        <v>43</v>
      </c>
      <c r="AQ9937">
        <v>43</v>
      </c>
    </row>
    <row r="9938" spans="1:43">
      <c r="A9938" t="s">
        <v>6202</v>
      </c>
      <c r="B9938" t="s">
        <v>6203</v>
      </c>
      <c r="C9938" t="s">
        <v>6200</v>
      </c>
      <c r="D9938" t="s">
        <v>6201</v>
      </c>
      <c r="E9938" t="s">
        <v>6174</v>
      </c>
      <c r="F9938" t="s">
        <v>6175</v>
      </c>
      <c r="G9938" t="s">
        <v>80</v>
      </c>
      <c r="H9938" t="s">
        <v>81</v>
      </c>
      <c r="I9938" s="2">
        <v>0</v>
      </c>
      <c r="J9938" s="2">
        <v>1</v>
      </c>
      <c r="K9938" s="2">
        <v>0</v>
      </c>
      <c r="L9938" t="s">
        <v>82</v>
      </c>
      <c r="M9938" t="s">
        <v>83</v>
      </c>
      <c r="N9938" t="s">
        <v>84</v>
      </c>
      <c r="O9938" t="s">
        <v>85</v>
      </c>
      <c r="P9938" t="s">
        <v>86</v>
      </c>
      <c r="Q9938">
        <v>35</v>
      </c>
      <c r="R9938">
        <v>35</v>
      </c>
      <c r="S9938">
        <v>36</v>
      </c>
      <c r="T9938">
        <v>36</v>
      </c>
      <c r="U9938">
        <v>37</v>
      </c>
      <c r="V9938">
        <v>37</v>
      </c>
      <c r="W9938">
        <v>37</v>
      </c>
      <c r="X9938">
        <v>38</v>
      </c>
      <c r="Y9938">
        <v>38</v>
      </c>
      <c r="Z9938">
        <v>39</v>
      </c>
      <c r="AA9938">
        <v>39</v>
      </c>
      <c r="AB9938">
        <v>39</v>
      </c>
      <c r="AC9938">
        <v>40</v>
      </c>
      <c r="AD9938">
        <v>40</v>
      </c>
      <c r="AE9938">
        <v>40</v>
      </c>
      <c r="AF9938">
        <v>41</v>
      </c>
      <c r="AG9938">
        <v>41</v>
      </c>
      <c r="AH9938">
        <v>41</v>
      </c>
      <c r="AI9938">
        <v>42</v>
      </c>
      <c r="AJ9938">
        <v>42</v>
      </c>
      <c r="AK9938">
        <v>42</v>
      </c>
      <c r="AL9938">
        <v>42</v>
      </c>
      <c r="AM9938">
        <v>42</v>
      </c>
      <c r="AN9938">
        <v>42</v>
      </c>
      <c r="AO9938">
        <v>42</v>
      </c>
      <c r="AP9938">
        <v>42</v>
      </c>
      <c r="AQ9938">
        <v>42</v>
      </c>
    </row>
    <row r="9939" spans="1:43">
      <c r="A9939" t="s">
        <v>6202</v>
      </c>
      <c r="B9939" t="s">
        <v>6203</v>
      </c>
      <c r="C9939" t="s">
        <v>6200</v>
      </c>
      <c r="D9939" t="s">
        <v>6201</v>
      </c>
      <c r="E9939" t="s">
        <v>6174</v>
      </c>
      <c r="F9939" t="s">
        <v>6175</v>
      </c>
      <c r="G9939" t="s">
        <v>80</v>
      </c>
      <c r="H9939" t="s">
        <v>81</v>
      </c>
      <c r="I9939" s="2">
        <v>0</v>
      </c>
      <c r="J9939" s="2">
        <v>1</v>
      </c>
      <c r="K9939" s="2">
        <v>0</v>
      </c>
      <c r="L9939" t="s">
        <v>82</v>
      </c>
      <c r="M9939" t="s">
        <v>87</v>
      </c>
      <c r="N9939" t="s">
        <v>88</v>
      </c>
      <c r="O9939" t="s">
        <v>85</v>
      </c>
      <c r="P9939" t="s">
        <v>86</v>
      </c>
      <c r="Q9939">
        <v>35</v>
      </c>
      <c r="R9939">
        <v>35</v>
      </c>
      <c r="S9939">
        <v>35</v>
      </c>
      <c r="T9939">
        <v>35</v>
      </c>
      <c r="U9939">
        <v>35</v>
      </c>
      <c r="V9939">
        <v>35</v>
      </c>
      <c r="W9939">
        <v>35</v>
      </c>
      <c r="X9939">
        <v>35</v>
      </c>
      <c r="Y9939">
        <v>35</v>
      </c>
      <c r="Z9939">
        <v>35</v>
      </c>
      <c r="AA9939">
        <v>36</v>
      </c>
      <c r="AB9939">
        <v>36</v>
      </c>
      <c r="AC9939">
        <v>36</v>
      </c>
      <c r="AD9939">
        <v>36</v>
      </c>
      <c r="AE9939">
        <v>36</v>
      </c>
      <c r="AF9939">
        <v>36</v>
      </c>
      <c r="AG9939">
        <v>36</v>
      </c>
      <c r="AH9939">
        <v>36</v>
      </c>
      <c r="AI9939">
        <v>36</v>
      </c>
      <c r="AJ9939">
        <v>36</v>
      </c>
      <c r="AK9939">
        <v>36</v>
      </c>
      <c r="AL9939">
        <v>36</v>
      </c>
      <c r="AM9939">
        <v>36</v>
      </c>
      <c r="AN9939">
        <v>36</v>
      </c>
      <c r="AO9939">
        <v>36</v>
      </c>
      <c r="AP9939">
        <v>36</v>
      </c>
      <c r="AQ9939">
        <v>36</v>
      </c>
    </row>
    <row r="9940" spans="1:43">
      <c r="A9940" t="s">
        <v>6202</v>
      </c>
      <c r="B9940" t="s">
        <v>6203</v>
      </c>
      <c r="C9940" t="s">
        <v>6200</v>
      </c>
      <c r="D9940" t="s">
        <v>6201</v>
      </c>
      <c r="E9940" t="s">
        <v>6174</v>
      </c>
      <c r="F9940" t="s">
        <v>6175</v>
      </c>
      <c r="G9940" t="s">
        <v>80</v>
      </c>
      <c r="H9940" t="s">
        <v>81</v>
      </c>
      <c r="I9940" s="2">
        <v>0</v>
      </c>
      <c r="J9940" s="2">
        <v>1</v>
      </c>
      <c r="K9940" s="2">
        <v>0</v>
      </c>
      <c r="L9940" t="s">
        <v>82</v>
      </c>
      <c r="M9940" t="s">
        <v>89</v>
      </c>
      <c r="N9940" t="s">
        <v>90</v>
      </c>
      <c r="O9940" t="s">
        <v>85</v>
      </c>
      <c r="P9940" t="s">
        <v>86</v>
      </c>
      <c r="Q9940">
        <v>35</v>
      </c>
      <c r="R9940">
        <v>36</v>
      </c>
      <c r="S9940">
        <v>37</v>
      </c>
      <c r="T9940">
        <v>37</v>
      </c>
      <c r="U9940">
        <v>38</v>
      </c>
      <c r="V9940">
        <v>39</v>
      </c>
      <c r="W9940">
        <v>39</v>
      </c>
      <c r="X9940">
        <v>40</v>
      </c>
      <c r="Y9940">
        <v>41</v>
      </c>
      <c r="Z9940">
        <v>41</v>
      </c>
      <c r="AA9940">
        <v>42</v>
      </c>
      <c r="AB9940">
        <v>42</v>
      </c>
      <c r="AC9940">
        <v>43</v>
      </c>
      <c r="AD9940">
        <v>43</v>
      </c>
      <c r="AE9940">
        <v>43</v>
      </c>
      <c r="AF9940">
        <v>43</v>
      </c>
      <c r="AG9940">
        <v>43</v>
      </c>
      <c r="AH9940">
        <v>43</v>
      </c>
      <c r="AI9940">
        <v>43</v>
      </c>
      <c r="AJ9940">
        <v>43</v>
      </c>
      <c r="AK9940">
        <v>43</v>
      </c>
      <c r="AL9940">
        <v>43</v>
      </c>
      <c r="AM9940">
        <v>43</v>
      </c>
      <c r="AN9940">
        <v>43</v>
      </c>
      <c r="AO9940">
        <v>43</v>
      </c>
      <c r="AP9940">
        <v>42</v>
      </c>
      <c r="AQ9940">
        <v>42</v>
      </c>
    </row>
    <row r="9941" spans="1:43">
      <c r="A9941" t="s">
        <v>6202</v>
      </c>
      <c r="B9941" t="s">
        <v>6203</v>
      </c>
      <c r="C9941" t="s">
        <v>6200</v>
      </c>
      <c r="D9941" t="s">
        <v>6201</v>
      </c>
      <c r="E9941" t="s">
        <v>6174</v>
      </c>
      <c r="F9941" t="s">
        <v>6175</v>
      </c>
      <c r="G9941" t="s">
        <v>80</v>
      </c>
      <c r="H9941" t="s">
        <v>81</v>
      </c>
      <c r="I9941" s="2">
        <v>0</v>
      </c>
      <c r="J9941" s="2">
        <v>1</v>
      </c>
      <c r="K9941" s="2">
        <v>0</v>
      </c>
      <c r="L9941" t="s">
        <v>82</v>
      </c>
      <c r="M9941" t="s">
        <v>83</v>
      </c>
      <c r="N9941" t="s">
        <v>91</v>
      </c>
      <c r="O9941" t="s">
        <v>85</v>
      </c>
      <c r="P9941" t="s">
        <v>86</v>
      </c>
      <c r="Q9941">
        <v>35</v>
      </c>
      <c r="R9941">
        <v>35</v>
      </c>
      <c r="S9941">
        <v>36</v>
      </c>
      <c r="T9941">
        <v>36</v>
      </c>
      <c r="U9941">
        <v>37</v>
      </c>
      <c r="V9941">
        <v>37</v>
      </c>
      <c r="W9941">
        <v>37</v>
      </c>
      <c r="X9941">
        <v>38</v>
      </c>
      <c r="Y9941">
        <v>38</v>
      </c>
      <c r="Z9941">
        <v>39</v>
      </c>
      <c r="AA9941">
        <v>39</v>
      </c>
      <c r="AB9941">
        <v>39</v>
      </c>
      <c r="AC9941">
        <v>40</v>
      </c>
      <c r="AD9941">
        <v>40</v>
      </c>
      <c r="AE9941">
        <v>40</v>
      </c>
      <c r="AF9941">
        <v>41</v>
      </c>
      <c r="AG9941">
        <v>41</v>
      </c>
      <c r="AH9941">
        <v>41</v>
      </c>
      <c r="AI9941">
        <v>42</v>
      </c>
      <c r="AJ9941">
        <v>42</v>
      </c>
      <c r="AK9941">
        <v>42</v>
      </c>
      <c r="AL9941">
        <v>42</v>
      </c>
      <c r="AM9941">
        <v>42</v>
      </c>
      <c r="AN9941">
        <v>42</v>
      </c>
      <c r="AO9941">
        <v>42</v>
      </c>
      <c r="AP9941">
        <v>42</v>
      </c>
      <c r="AQ9941">
        <v>42</v>
      </c>
    </row>
    <row r="9942" spans="1:43">
      <c r="A9942" t="s">
        <v>6204</v>
      </c>
      <c r="B9942" t="s">
        <v>6205</v>
      </c>
      <c r="C9942" t="s">
        <v>6200</v>
      </c>
      <c r="D9942" t="s">
        <v>6201</v>
      </c>
      <c r="E9942" t="s">
        <v>6174</v>
      </c>
      <c r="F9942" t="s">
        <v>6175</v>
      </c>
      <c r="G9942" t="s">
        <v>80</v>
      </c>
      <c r="H9942" t="s">
        <v>81</v>
      </c>
      <c r="I9942" s="2">
        <v>0</v>
      </c>
      <c r="J9942" s="2">
        <v>1</v>
      </c>
      <c r="K9942" s="2">
        <v>0</v>
      </c>
      <c r="L9942" t="s">
        <v>82</v>
      </c>
      <c r="M9942" t="s">
        <v>83</v>
      </c>
      <c r="N9942" t="s">
        <v>84</v>
      </c>
      <c r="O9942" t="s">
        <v>85</v>
      </c>
      <c r="P9942" t="s">
        <v>86</v>
      </c>
      <c r="Q9942">
        <v>52</v>
      </c>
      <c r="R9942">
        <v>53</v>
      </c>
      <c r="S9942">
        <v>53</v>
      </c>
      <c r="T9942">
        <v>54</v>
      </c>
      <c r="U9942">
        <v>55</v>
      </c>
      <c r="V9942">
        <v>55</v>
      </c>
      <c r="W9942">
        <v>56</v>
      </c>
      <c r="X9942">
        <v>56</v>
      </c>
      <c r="Y9942">
        <v>57</v>
      </c>
      <c r="Z9942">
        <v>57</v>
      </c>
      <c r="AA9942">
        <v>58</v>
      </c>
      <c r="AB9942">
        <v>59</v>
      </c>
      <c r="AC9942">
        <v>59</v>
      </c>
      <c r="AD9942">
        <v>60</v>
      </c>
      <c r="AE9942">
        <v>60</v>
      </c>
      <c r="AF9942">
        <v>61</v>
      </c>
      <c r="AG9942">
        <v>61</v>
      </c>
      <c r="AH9942">
        <v>62</v>
      </c>
      <c r="AI9942">
        <v>62</v>
      </c>
      <c r="AJ9942">
        <v>63</v>
      </c>
      <c r="AK9942">
        <v>63</v>
      </c>
      <c r="AL9942">
        <v>63</v>
      </c>
      <c r="AM9942">
        <v>63</v>
      </c>
      <c r="AN9942">
        <v>63</v>
      </c>
      <c r="AO9942">
        <v>63</v>
      </c>
      <c r="AP9942">
        <v>63</v>
      </c>
      <c r="AQ9942">
        <v>63</v>
      </c>
    </row>
    <row r="9943" spans="1:43">
      <c r="A9943" t="s">
        <v>6204</v>
      </c>
      <c r="B9943" t="s">
        <v>6205</v>
      </c>
      <c r="C9943" t="s">
        <v>6200</v>
      </c>
      <c r="D9943" t="s">
        <v>6201</v>
      </c>
      <c r="E9943" t="s">
        <v>6174</v>
      </c>
      <c r="F9943" t="s">
        <v>6175</v>
      </c>
      <c r="G9943" t="s">
        <v>80</v>
      </c>
      <c r="H9943" t="s">
        <v>81</v>
      </c>
      <c r="I9943" s="2">
        <v>0</v>
      </c>
      <c r="J9943" s="2">
        <v>1</v>
      </c>
      <c r="K9943" s="2">
        <v>0</v>
      </c>
      <c r="L9943" t="s">
        <v>82</v>
      </c>
      <c r="M9943" t="s">
        <v>87</v>
      </c>
      <c r="N9943" t="s">
        <v>88</v>
      </c>
      <c r="O9943" t="s">
        <v>85</v>
      </c>
      <c r="P9943" t="s">
        <v>86</v>
      </c>
      <c r="Q9943">
        <v>52</v>
      </c>
      <c r="R9943">
        <v>52</v>
      </c>
      <c r="S9943">
        <v>52</v>
      </c>
      <c r="T9943">
        <v>52</v>
      </c>
      <c r="U9943">
        <v>52</v>
      </c>
      <c r="V9943">
        <v>52</v>
      </c>
      <c r="W9943">
        <v>52</v>
      </c>
      <c r="X9943">
        <v>52</v>
      </c>
      <c r="Y9943">
        <v>53</v>
      </c>
      <c r="Z9943">
        <v>53</v>
      </c>
      <c r="AA9943">
        <v>53</v>
      </c>
      <c r="AB9943">
        <v>53</v>
      </c>
      <c r="AC9943">
        <v>53</v>
      </c>
      <c r="AD9943">
        <v>53</v>
      </c>
      <c r="AE9943">
        <v>53</v>
      </c>
      <c r="AF9943">
        <v>53</v>
      </c>
      <c r="AG9943">
        <v>53</v>
      </c>
      <c r="AH9943">
        <v>54</v>
      </c>
      <c r="AI9943">
        <v>54</v>
      </c>
      <c r="AJ9943">
        <v>54</v>
      </c>
      <c r="AK9943">
        <v>54</v>
      </c>
      <c r="AL9943">
        <v>54</v>
      </c>
      <c r="AM9943">
        <v>54</v>
      </c>
      <c r="AN9943">
        <v>54</v>
      </c>
      <c r="AO9943">
        <v>54</v>
      </c>
      <c r="AP9943">
        <v>54</v>
      </c>
      <c r="AQ9943">
        <v>54</v>
      </c>
    </row>
    <row r="9944" spans="1:43">
      <c r="A9944" t="s">
        <v>6204</v>
      </c>
      <c r="B9944" t="s">
        <v>6205</v>
      </c>
      <c r="C9944" t="s">
        <v>6200</v>
      </c>
      <c r="D9944" t="s">
        <v>6201</v>
      </c>
      <c r="E9944" t="s">
        <v>6174</v>
      </c>
      <c r="F9944" t="s">
        <v>6175</v>
      </c>
      <c r="G9944" t="s">
        <v>80</v>
      </c>
      <c r="H9944" t="s">
        <v>81</v>
      </c>
      <c r="I9944" s="2">
        <v>0</v>
      </c>
      <c r="J9944" s="2">
        <v>1</v>
      </c>
      <c r="K9944" s="2">
        <v>0</v>
      </c>
      <c r="L9944" t="s">
        <v>82</v>
      </c>
      <c r="M9944" t="s">
        <v>89</v>
      </c>
      <c r="N9944" t="s">
        <v>90</v>
      </c>
      <c r="O9944" t="s">
        <v>85</v>
      </c>
      <c r="P9944" t="s">
        <v>86</v>
      </c>
      <c r="Q9944">
        <v>52</v>
      </c>
      <c r="R9944">
        <v>53</v>
      </c>
      <c r="S9944">
        <v>54</v>
      </c>
      <c r="T9944">
        <v>55</v>
      </c>
      <c r="U9944">
        <v>56</v>
      </c>
      <c r="V9944">
        <v>57</v>
      </c>
      <c r="W9944">
        <v>58</v>
      </c>
      <c r="X9944">
        <v>58</v>
      </c>
      <c r="Y9944">
        <v>59</v>
      </c>
      <c r="Z9944">
        <v>60</v>
      </c>
      <c r="AA9944">
        <v>61</v>
      </c>
      <c r="AB9944">
        <v>62</v>
      </c>
      <c r="AC9944">
        <v>62</v>
      </c>
      <c r="AD9944">
        <v>63</v>
      </c>
      <c r="AE9944">
        <v>64</v>
      </c>
      <c r="AF9944">
        <v>64</v>
      </c>
      <c r="AG9944">
        <v>63</v>
      </c>
      <c r="AH9944">
        <v>63</v>
      </c>
      <c r="AI9944">
        <v>63</v>
      </c>
      <c r="AJ9944">
        <v>63</v>
      </c>
      <c r="AK9944">
        <v>63</v>
      </c>
      <c r="AL9944">
        <v>63</v>
      </c>
      <c r="AM9944">
        <v>63</v>
      </c>
      <c r="AN9944">
        <v>63</v>
      </c>
      <c r="AO9944">
        <v>63</v>
      </c>
      <c r="AP9944">
        <v>62</v>
      </c>
      <c r="AQ9944">
        <v>62</v>
      </c>
    </row>
    <row r="9945" spans="1:43">
      <c r="A9945" t="s">
        <v>6204</v>
      </c>
      <c r="B9945" t="s">
        <v>6205</v>
      </c>
      <c r="C9945" t="s">
        <v>6200</v>
      </c>
      <c r="D9945" t="s">
        <v>6201</v>
      </c>
      <c r="E9945" t="s">
        <v>6174</v>
      </c>
      <c r="F9945" t="s">
        <v>6175</v>
      </c>
      <c r="G9945" t="s">
        <v>80</v>
      </c>
      <c r="H9945" t="s">
        <v>81</v>
      </c>
      <c r="I9945" s="2">
        <v>0</v>
      </c>
      <c r="J9945" s="2">
        <v>1</v>
      </c>
      <c r="K9945" s="2">
        <v>0</v>
      </c>
      <c r="L9945" t="s">
        <v>82</v>
      </c>
      <c r="M9945" t="s">
        <v>83</v>
      </c>
      <c r="N9945" t="s">
        <v>91</v>
      </c>
      <c r="O9945" t="s">
        <v>85</v>
      </c>
      <c r="P9945" t="s">
        <v>86</v>
      </c>
      <c r="Q9945">
        <v>52</v>
      </c>
      <c r="R9945">
        <v>53</v>
      </c>
      <c r="S9945">
        <v>53</v>
      </c>
      <c r="T9945">
        <v>54</v>
      </c>
      <c r="U9945">
        <v>55</v>
      </c>
      <c r="V9945">
        <v>55</v>
      </c>
      <c r="W9945">
        <v>56</v>
      </c>
      <c r="X9945">
        <v>56</v>
      </c>
      <c r="Y9945">
        <v>57</v>
      </c>
      <c r="Z9945">
        <v>57</v>
      </c>
      <c r="AA9945">
        <v>58</v>
      </c>
      <c r="AB9945">
        <v>59</v>
      </c>
      <c r="AC9945">
        <v>59</v>
      </c>
      <c r="AD9945">
        <v>60</v>
      </c>
      <c r="AE9945">
        <v>60</v>
      </c>
      <c r="AF9945">
        <v>61</v>
      </c>
      <c r="AG9945">
        <v>61</v>
      </c>
      <c r="AH9945">
        <v>62</v>
      </c>
      <c r="AI9945">
        <v>62</v>
      </c>
      <c r="AJ9945">
        <v>63</v>
      </c>
      <c r="AK9945">
        <v>63</v>
      </c>
      <c r="AL9945">
        <v>63</v>
      </c>
      <c r="AM9945">
        <v>63</v>
      </c>
      <c r="AN9945">
        <v>63</v>
      </c>
      <c r="AO9945">
        <v>63</v>
      </c>
      <c r="AP9945">
        <v>63</v>
      </c>
      <c r="AQ9945">
        <v>63</v>
      </c>
    </row>
    <row r="9946" spans="1:43">
      <c r="A9946" t="s">
        <v>6206</v>
      </c>
      <c r="B9946" t="s">
        <v>6207</v>
      </c>
      <c r="C9946" t="s">
        <v>6200</v>
      </c>
      <c r="D9946" t="s">
        <v>6201</v>
      </c>
      <c r="E9946" t="s">
        <v>6174</v>
      </c>
      <c r="F9946" t="s">
        <v>6175</v>
      </c>
      <c r="G9946" t="s">
        <v>80</v>
      </c>
      <c r="H9946" t="s">
        <v>81</v>
      </c>
      <c r="I9946" s="2">
        <v>0</v>
      </c>
      <c r="J9946" s="2">
        <v>1</v>
      </c>
      <c r="K9946" s="2">
        <v>0</v>
      </c>
      <c r="L9946" t="s">
        <v>82</v>
      </c>
      <c r="M9946" t="s">
        <v>83</v>
      </c>
      <c r="N9946" t="s">
        <v>84</v>
      </c>
      <c r="O9946" t="s">
        <v>85</v>
      </c>
      <c r="P9946" t="s">
        <v>86</v>
      </c>
      <c r="Q9946">
        <v>56</v>
      </c>
      <c r="R9946">
        <v>57</v>
      </c>
      <c r="S9946">
        <v>57</v>
      </c>
      <c r="T9946">
        <v>58</v>
      </c>
      <c r="U9946">
        <v>59</v>
      </c>
      <c r="V9946">
        <v>59</v>
      </c>
      <c r="W9946">
        <v>60</v>
      </c>
      <c r="X9946">
        <v>61</v>
      </c>
      <c r="Y9946">
        <v>61</v>
      </c>
      <c r="Z9946">
        <v>62</v>
      </c>
      <c r="AA9946">
        <v>62</v>
      </c>
      <c r="AB9946">
        <v>63</v>
      </c>
      <c r="AC9946">
        <v>64</v>
      </c>
      <c r="AD9946">
        <v>64</v>
      </c>
      <c r="AE9946">
        <v>65</v>
      </c>
      <c r="AF9946">
        <v>65</v>
      </c>
      <c r="AG9946">
        <v>66</v>
      </c>
      <c r="AH9946">
        <v>66</v>
      </c>
      <c r="AI9946">
        <v>67</v>
      </c>
      <c r="AJ9946">
        <v>67</v>
      </c>
      <c r="AK9946">
        <v>68</v>
      </c>
      <c r="AL9946">
        <v>68</v>
      </c>
      <c r="AM9946">
        <v>68</v>
      </c>
      <c r="AN9946">
        <v>68</v>
      </c>
      <c r="AO9946">
        <v>67</v>
      </c>
      <c r="AP9946">
        <v>67</v>
      </c>
      <c r="AQ9946">
        <v>67</v>
      </c>
    </row>
    <row r="9947" spans="1:43">
      <c r="A9947" t="s">
        <v>6206</v>
      </c>
      <c r="B9947" t="s">
        <v>6207</v>
      </c>
      <c r="C9947" t="s">
        <v>6200</v>
      </c>
      <c r="D9947" t="s">
        <v>6201</v>
      </c>
      <c r="E9947" t="s">
        <v>6174</v>
      </c>
      <c r="F9947" t="s">
        <v>6175</v>
      </c>
      <c r="G9947" t="s">
        <v>80</v>
      </c>
      <c r="H9947" t="s">
        <v>81</v>
      </c>
      <c r="I9947" s="2">
        <v>0</v>
      </c>
      <c r="J9947" s="2">
        <v>1</v>
      </c>
      <c r="K9947" s="2">
        <v>0</v>
      </c>
      <c r="L9947" t="s">
        <v>82</v>
      </c>
      <c r="M9947" t="s">
        <v>87</v>
      </c>
      <c r="N9947" t="s">
        <v>88</v>
      </c>
      <c r="O9947" t="s">
        <v>85</v>
      </c>
      <c r="P9947" t="s">
        <v>86</v>
      </c>
      <c r="Q9947">
        <v>56</v>
      </c>
      <c r="R9947">
        <v>56</v>
      </c>
      <c r="S9947">
        <v>56</v>
      </c>
      <c r="T9947">
        <v>56</v>
      </c>
      <c r="U9947">
        <v>56</v>
      </c>
      <c r="V9947">
        <v>56</v>
      </c>
      <c r="W9947">
        <v>56</v>
      </c>
      <c r="X9947">
        <v>57</v>
      </c>
      <c r="Y9947">
        <v>57</v>
      </c>
      <c r="Z9947">
        <v>57</v>
      </c>
      <c r="AA9947">
        <v>57</v>
      </c>
      <c r="AB9947">
        <v>57</v>
      </c>
      <c r="AC9947">
        <v>57</v>
      </c>
      <c r="AD9947">
        <v>57</v>
      </c>
      <c r="AE9947">
        <v>57</v>
      </c>
      <c r="AF9947">
        <v>57</v>
      </c>
      <c r="AG9947">
        <v>57</v>
      </c>
      <c r="AH9947">
        <v>58</v>
      </c>
      <c r="AI9947">
        <v>58</v>
      </c>
      <c r="AJ9947">
        <v>58</v>
      </c>
      <c r="AK9947">
        <v>58</v>
      </c>
      <c r="AL9947">
        <v>58</v>
      </c>
      <c r="AM9947">
        <v>58</v>
      </c>
      <c r="AN9947">
        <v>58</v>
      </c>
      <c r="AO9947">
        <v>58</v>
      </c>
      <c r="AP9947">
        <v>58</v>
      </c>
      <c r="AQ9947">
        <v>58</v>
      </c>
    </row>
    <row r="9948" spans="1:43">
      <c r="A9948" t="s">
        <v>6206</v>
      </c>
      <c r="B9948" t="s">
        <v>6207</v>
      </c>
      <c r="C9948" t="s">
        <v>6200</v>
      </c>
      <c r="D9948" t="s">
        <v>6201</v>
      </c>
      <c r="E9948" t="s">
        <v>6174</v>
      </c>
      <c r="F9948" t="s">
        <v>6175</v>
      </c>
      <c r="G9948" t="s">
        <v>80</v>
      </c>
      <c r="H9948" t="s">
        <v>81</v>
      </c>
      <c r="I9948" s="2">
        <v>0</v>
      </c>
      <c r="J9948" s="2">
        <v>1</v>
      </c>
      <c r="K9948" s="2">
        <v>0</v>
      </c>
      <c r="L9948" t="s">
        <v>82</v>
      </c>
      <c r="M9948" t="s">
        <v>89</v>
      </c>
      <c r="N9948" t="s">
        <v>90</v>
      </c>
      <c r="O9948" t="s">
        <v>85</v>
      </c>
      <c r="P9948" t="s">
        <v>86</v>
      </c>
      <c r="Q9948">
        <v>56</v>
      </c>
      <c r="R9948">
        <v>57</v>
      </c>
      <c r="S9948">
        <v>58</v>
      </c>
      <c r="T9948">
        <v>59</v>
      </c>
      <c r="U9948">
        <v>60</v>
      </c>
      <c r="V9948">
        <v>61</v>
      </c>
      <c r="W9948">
        <v>62</v>
      </c>
      <c r="X9948">
        <v>63</v>
      </c>
      <c r="Y9948">
        <v>64</v>
      </c>
      <c r="Z9948">
        <v>65</v>
      </c>
      <c r="AA9948">
        <v>66</v>
      </c>
      <c r="AB9948">
        <v>66</v>
      </c>
      <c r="AC9948">
        <v>67</v>
      </c>
      <c r="AD9948">
        <v>68</v>
      </c>
      <c r="AE9948">
        <v>68</v>
      </c>
      <c r="AF9948">
        <v>68</v>
      </c>
      <c r="AG9948">
        <v>68</v>
      </c>
      <c r="AH9948">
        <v>68</v>
      </c>
      <c r="AI9948">
        <v>68</v>
      </c>
      <c r="AJ9948">
        <v>68</v>
      </c>
      <c r="AK9948">
        <v>68</v>
      </c>
      <c r="AL9948">
        <v>67</v>
      </c>
      <c r="AM9948">
        <v>67</v>
      </c>
      <c r="AN9948">
        <v>67</v>
      </c>
      <c r="AO9948">
        <v>67</v>
      </c>
      <c r="AP9948">
        <v>67</v>
      </c>
      <c r="AQ9948">
        <v>67</v>
      </c>
    </row>
    <row r="9949" spans="1:43">
      <c r="A9949" t="s">
        <v>6206</v>
      </c>
      <c r="B9949" t="s">
        <v>6207</v>
      </c>
      <c r="C9949" t="s">
        <v>6200</v>
      </c>
      <c r="D9949" t="s">
        <v>6201</v>
      </c>
      <c r="E9949" t="s">
        <v>6174</v>
      </c>
      <c r="F9949" t="s">
        <v>6175</v>
      </c>
      <c r="G9949" t="s">
        <v>80</v>
      </c>
      <c r="H9949" t="s">
        <v>81</v>
      </c>
      <c r="I9949" s="2">
        <v>0</v>
      </c>
      <c r="J9949" s="2">
        <v>1</v>
      </c>
      <c r="K9949" s="2">
        <v>0</v>
      </c>
      <c r="L9949" t="s">
        <v>82</v>
      </c>
      <c r="M9949" t="s">
        <v>83</v>
      </c>
      <c r="N9949" t="s">
        <v>91</v>
      </c>
      <c r="O9949" t="s">
        <v>85</v>
      </c>
      <c r="P9949" t="s">
        <v>86</v>
      </c>
      <c r="Q9949">
        <v>56</v>
      </c>
      <c r="R9949">
        <v>57</v>
      </c>
      <c r="S9949">
        <v>57</v>
      </c>
      <c r="T9949">
        <v>58</v>
      </c>
      <c r="U9949">
        <v>59</v>
      </c>
      <c r="V9949">
        <v>59</v>
      </c>
      <c r="W9949">
        <v>60</v>
      </c>
      <c r="X9949">
        <v>61</v>
      </c>
      <c r="Y9949">
        <v>61</v>
      </c>
      <c r="Z9949">
        <v>62</v>
      </c>
      <c r="AA9949">
        <v>62</v>
      </c>
      <c r="AB9949">
        <v>63</v>
      </c>
      <c r="AC9949">
        <v>64</v>
      </c>
      <c r="AD9949">
        <v>64</v>
      </c>
      <c r="AE9949">
        <v>65</v>
      </c>
      <c r="AF9949">
        <v>65</v>
      </c>
      <c r="AG9949">
        <v>66</v>
      </c>
      <c r="AH9949">
        <v>66</v>
      </c>
      <c r="AI9949">
        <v>67</v>
      </c>
      <c r="AJ9949">
        <v>67</v>
      </c>
      <c r="AK9949">
        <v>68</v>
      </c>
      <c r="AL9949">
        <v>68</v>
      </c>
      <c r="AM9949">
        <v>68</v>
      </c>
      <c r="AN9949">
        <v>68</v>
      </c>
      <c r="AO9949">
        <v>67</v>
      </c>
      <c r="AP9949">
        <v>67</v>
      </c>
      <c r="AQ9949">
        <v>67</v>
      </c>
    </row>
    <row r="9950" spans="1:43">
      <c r="A9950" t="s">
        <v>6208</v>
      </c>
      <c r="B9950" t="s">
        <v>6209</v>
      </c>
      <c r="C9950" t="s">
        <v>6200</v>
      </c>
      <c r="D9950" t="s">
        <v>6201</v>
      </c>
      <c r="E9950" t="s">
        <v>6174</v>
      </c>
      <c r="F9950" t="s">
        <v>6175</v>
      </c>
      <c r="G9950" t="s">
        <v>80</v>
      </c>
      <c r="H9950" t="s">
        <v>81</v>
      </c>
      <c r="I9950" s="2">
        <v>0</v>
      </c>
      <c r="J9950" s="2">
        <v>1</v>
      </c>
      <c r="K9950" s="2">
        <v>0</v>
      </c>
      <c r="L9950" t="s">
        <v>82</v>
      </c>
      <c r="M9950" t="s">
        <v>83</v>
      </c>
      <c r="N9950" t="s">
        <v>84</v>
      </c>
      <c r="O9950" t="s">
        <v>85</v>
      </c>
      <c r="P9950" t="s">
        <v>86</v>
      </c>
      <c r="Q9950">
        <v>46</v>
      </c>
      <c r="R9950">
        <v>46</v>
      </c>
      <c r="S9950">
        <v>47</v>
      </c>
      <c r="T9950">
        <v>47</v>
      </c>
      <c r="U9950">
        <v>48</v>
      </c>
      <c r="V9950">
        <v>48</v>
      </c>
      <c r="W9950">
        <v>49</v>
      </c>
      <c r="X9950">
        <v>49</v>
      </c>
      <c r="Y9950">
        <v>50</v>
      </c>
      <c r="Z9950">
        <v>50</v>
      </c>
      <c r="AA9950">
        <v>51</v>
      </c>
      <c r="AB9950">
        <v>51</v>
      </c>
      <c r="AC9950">
        <v>51</v>
      </c>
      <c r="AD9950">
        <v>52</v>
      </c>
      <c r="AE9950">
        <v>52</v>
      </c>
      <c r="AF9950">
        <v>53</v>
      </c>
      <c r="AG9950">
        <v>53</v>
      </c>
      <c r="AH9950">
        <v>54</v>
      </c>
      <c r="AI9950">
        <v>54</v>
      </c>
      <c r="AJ9950">
        <v>54</v>
      </c>
      <c r="AK9950">
        <v>55</v>
      </c>
      <c r="AL9950">
        <v>55</v>
      </c>
      <c r="AM9950">
        <v>55</v>
      </c>
      <c r="AN9950">
        <v>54</v>
      </c>
      <c r="AO9950">
        <v>54</v>
      </c>
      <c r="AP9950">
        <v>54</v>
      </c>
      <c r="AQ9950">
        <v>54</v>
      </c>
    </row>
    <row r="9951" spans="1:43">
      <c r="A9951" t="s">
        <v>6208</v>
      </c>
      <c r="B9951" t="s">
        <v>6209</v>
      </c>
      <c r="C9951" t="s">
        <v>6200</v>
      </c>
      <c r="D9951" t="s">
        <v>6201</v>
      </c>
      <c r="E9951" t="s">
        <v>6174</v>
      </c>
      <c r="F9951" t="s">
        <v>6175</v>
      </c>
      <c r="G9951" t="s">
        <v>80</v>
      </c>
      <c r="H9951" t="s">
        <v>81</v>
      </c>
      <c r="I9951" s="2">
        <v>0</v>
      </c>
      <c r="J9951" s="2">
        <v>1</v>
      </c>
      <c r="K9951" s="2">
        <v>0</v>
      </c>
      <c r="L9951" t="s">
        <v>82</v>
      </c>
      <c r="M9951" t="s">
        <v>87</v>
      </c>
      <c r="N9951" t="s">
        <v>88</v>
      </c>
      <c r="O9951" t="s">
        <v>85</v>
      </c>
      <c r="P9951" t="s">
        <v>86</v>
      </c>
      <c r="Q9951">
        <v>46</v>
      </c>
      <c r="R9951">
        <v>46</v>
      </c>
      <c r="S9951">
        <v>46</v>
      </c>
      <c r="T9951">
        <v>46</v>
      </c>
      <c r="U9951">
        <v>47</v>
      </c>
      <c r="V9951">
        <v>47</v>
      </c>
      <c r="W9951">
        <v>47</v>
      </c>
      <c r="X9951">
        <v>47</v>
      </c>
      <c r="Y9951">
        <v>47</v>
      </c>
      <c r="Z9951">
        <v>47</v>
      </c>
      <c r="AA9951">
        <v>47</v>
      </c>
      <c r="AB9951">
        <v>47</v>
      </c>
      <c r="AC9951">
        <v>47</v>
      </c>
      <c r="AD9951">
        <v>47</v>
      </c>
      <c r="AE9951">
        <v>47</v>
      </c>
      <c r="AF9951">
        <v>47</v>
      </c>
      <c r="AG9951">
        <v>47</v>
      </c>
      <c r="AH9951">
        <v>48</v>
      </c>
      <c r="AI9951">
        <v>48</v>
      </c>
      <c r="AJ9951">
        <v>48</v>
      </c>
      <c r="AK9951">
        <v>48</v>
      </c>
      <c r="AL9951">
        <v>48</v>
      </c>
      <c r="AM9951">
        <v>48</v>
      </c>
      <c r="AN9951">
        <v>48</v>
      </c>
      <c r="AO9951">
        <v>48</v>
      </c>
      <c r="AP9951">
        <v>48</v>
      </c>
      <c r="AQ9951">
        <v>48</v>
      </c>
    </row>
    <row r="9952" spans="1:43">
      <c r="A9952" t="s">
        <v>6208</v>
      </c>
      <c r="B9952" t="s">
        <v>6209</v>
      </c>
      <c r="C9952" t="s">
        <v>6200</v>
      </c>
      <c r="D9952" t="s">
        <v>6201</v>
      </c>
      <c r="E9952" t="s">
        <v>6174</v>
      </c>
      <c r="F9952" t="s">
        <v>6175</v>
      </c>
      <c r="G9952" t="s">
        <v>80</v>
      </c>
      <c r="H9952" t="s">
        <v>81</v>
      </c>
      <c r="I9952" s="2">
        <v>0</v>
      </c>
      <c r="J9952" s="2">
        <v>1</v>
      </c>
      <c r="K9952" s="2">
        <v>0</v>
      </c>
      <c r="L9952" t="s">
        <v>82</v>
      </c>
      <c r="M9952" t="s">
        <v>89</v>
      </c>
      <c r="N9952" t="s">
        <v>90</v>
      </c>
      <c r="O9952" t="s">
        <v>85</v>
      </c>
      <c r="P9952" t="s">
        <v>86</v>
      </c>
      <c r="Q9952">
        <v>46</v>
      </c>
      <c r="R9952">
        <v>47</v>
      </c>
      <c r="S9952">
        <v>48</v>
      </c>
      <c r="T9952">
        <v>49</v>
      </c>
      <c r="U9952">
        <v>50</v>
      </c>
      <c r="V9952">
        <v>50</v>
      </c>
      <c r="W9952">
        <v>51</v>
      </c>
      <c r="X9952">
        <v>52</v>
      </c>
      <c r="Y9952">
        <v>53</v>
      </c>
      <c r="Z9952">
        <v>53</v>
      </c>
      <c r="AA9952">
        <v>54</v>
      </c>
      <c r="AB9952">
        <v>55</v>
      </c>
      <c r="AC9952">
        <v>55</v>
      </c>
      <c r="AD9952">
        <v>56</v>
      </c>
      <c r="AE9952">
        <v>56</v>
      </c>
      <c r="AF9952">
        <v>56</v>
      </c>
      <c r="AG9952">
        <v>56</v>
      </c>
      <c r="AH9952">
        <v>56</v>
      </c>
      <c r="AI9952">
        <v>56</v>
      </c>
      <c r="AJ9952">
        <v>55</v>
      </c>
      <c r="AK9952">
        <v>55</v>
      </c>
      <c r="AL9952">
        <v>55</v>
      </c>
      <c r="AM9952">
        <v>55</v>
      </c>
      <c r="AN9952">
        <v>55</v>
      </c>
      <c r="AO9952">
        <v>55</v>
      </c>
      <c r="AP9952">
        <v>55</v>
      </c>
      <c r="AQ9952">
        <v>54</v>
      </c>
    </row>
    <row r="9953" spans="1:43">
      <c r="A9953" t="s">
        <v>6208</v>
      </c>
      <c r="B9953" t="s">
        <v>6209</v>
      </c>
      <c r="C9953" t="s">
        <v>6200</v>
      </c>
      <c r="D9953" t="s">
        <v>6201</v>
      </c>
      <c r="E9953" t="s">
        <v>6174</v>
      </c>
      <c r="F9953" t="s">
        <v>6175</v>
      </c>
      <c r="G9953" t="s">
        <v>80</v>
      </c>
      <c r="H9953" t="s">
        <v>81</v>
      </c>
      <c r="I9953" s="2">
        <v>0</v>
      </c>
      <c r="J9953" s="2">
        <v>1</v>
      </c>
      <c r="K9953" s="2">
        <v>0</v>
      </c>
      <c r="L9953" t="s">
        <v>82</v>
      </c>
      <c r="M9953" t="s">
        <v>83</v>
      </c>
      <c r="N9953" t="s">
        <v>91</v>
      </c>
      <c r="O9953" t="s">
        <v>85</v>
      </c>
      <c r="P9953" t="s">
        <v>86</v>
      </c>
      <c r="Q9953">
        <v>46</v>
      </c>
      <c r="R9953">
        <v>46</v>
      </c>
      <c r="S9953">
        <v>47</v>
      </c>
      <c r="T9953">
        <v>47</v>
      </c>
      <c r="U9953">
        <v>48</v>
      </c>
      <c r="V9953">
        <v>48</v>
      </c>
      <c r="W9953">
        <v>49</v>
      </c>
      <c r="X9953">
        <v>49</v>
      </c>
      <c r="Y9953">
        <v>50</v>
      </c>
      <c r="Z9953">
        <v>50</v>
      </c>
      <c r="AA9953">
        <v>51</v>
      </c>
      <c r="AB9953">
        <v>51</v>
      </c>
      <c r="AC9953">
        <v>51</v>
      </c>
      <c r="AD9953">
        <v>52</v>
      </c>
      <c r="AE9953">
        <v>52</v>
      </c>
      <c r="AF9953">
        <v>53</v>
      </c>
      <c r="AG9953">
        <v>53</v>
      </c>
      <c r="AH9953">
        <v>54</v>
      </c>
      <c r="AI9953">
        <v>54</v>
      </c>
      <c r="AJ9953">
        <v>54</v>
      </c>
      <c r="AK9953">
        <v>55</v>
      </c>
      <c r="AL9953">
        <v>55</v>
      </c>
      <c r="AM9953">
        <v>55</v>
      </c>
      <c r="AN9953">
        <v>54</v>
      </c>
      <c r="AO9953">
        <v>54</v>
      </c>
      <c r="AP9953">
        <v>54</v>
      </c>
      <c r="AQ9953">
        <v>54</v>
      </c>
    </row>
    <row r="9954" spans="1:43">
      <c r="A9954" t="s">
        <v>6210</v>
      </c>
      <c r="B9954" t="s">
        <v>6211</v>
      </c>
      <c r="C9954" t="s">
        <v>6212</v>
      </c>
      <c r="D9954" t="s">
        <v>6213</v>
      </c>
      <c r="E9954" t="s">
        <v>6174</v>
      </c>
      <c r="F9954" t="s">
        <v>6175</v>
      </c>
      <c r="G9954" t="s">
        <v>80</v>
      </c>
      <c r="H9954" t="s">
        <v>81</v>
      </c>
      <c r="I9954" s="2">
        <v>0</v>
      </c>
      <c r="J9954" s="2">
        <v>1</v>
      </c>
      <c r="K9954" s="2">
        <v>0</v>
      </c>
      <c r="L9954" t="s">
        <v>82</v>
      </c>
      <c r="M9954" t="s">
        <v>83</v>
      </c>
      <c r="N9954" t="s">
        <v>84</v>
      </c>
      <c r="O9954" t="s">
        <v>85</v>
      </c>
      <c r="P9954" t="s">
        <v>86</v>
      </c>
      <c r="Q9954">
        <v>35</v>
      </c>
      <c r="R9954">
        <v>35</v>
      </c>
      <c r="S9954">
        <v>36</v>
      </c>
      <c r="T9954">
        <v>36</v>
      </c>
      <c r="U9954">
        <v>37</v>
      </c>
      <c r="V9954">
        <v>37</v>
      </c>
      <c r="W9954">
        <v>37</v>
      </c>
      <c r="X9954">
        <v>38</v>
      </c>
      <c r="Y9954">
        <v>38</v>
      </c>
      <c r="Z9954">
        <v>39</v>
      </c>
      <c r="AA9954">
        <v>39</v>
      </c>
      <c r="AB9954">
        <v>39</v>
      </c>
      <c r="AC9954">
        <v>40</v>
      </c>
      <c r="AD9954">
        <v>40</v>
      </c>
      <c r="AE9954">
        <v>40</v>
      </c>
      <c r="AF9954">
        <v>41</v>
      </c>
      <c r="AG9954">
        <v>41</v>
      </c>
      <c r="AH9954">
        <v>41</v>
      </c>
      <c r="AI9954">
        <v>42</v>
      </c>
      <c r="AJ9954">
        <v>42</v>
      </c>
      <c r="AK9954">
        <v>42</v>
      </c>
      <c r="AL9954">
        <v>42</v>
      </c>
      <c r="AM9954">
        <v>42</v>
      </c>
      <c r="AN9954">
        <v>42</v>
      </c>
      <c r="AO9954">
        <v>42</v>
      </c>
      <c r="AP9954">
        <v>42</v>
      </c>
      <c r="AQ9954">
        <v>42</v>
      </c>
    </row>
    <row r="9955" spans="1:43">
      <c r="A9955" t="s">
        <v>6210</v>
      </c>
      <c r="B9955" t="s">
        <v>6211</v>
      </c>
      <c r="C9955" t="s">
        <v>6212</v>
      </c>
      <c r="D9955" t="s">
        <v>6213</v>
      </c>
      <c r="E9955" t="s">
        <v>6174</v>
      </c>
      <c r="F9955" t="s">
        <v>6175</v>
      </c>
      <c r="G9955" t="s">
        <v>80</v>
      </c>
      <c r="H9955" t="s">
        <v>81</v>
      </c>
      <c r="I9955" s="2">
        <v>0</v>
      </c>
      <c r="J9955" s="2">
        <v>1</v>
      </c>
      <c r="K9955" s="2">
        <v>0</v>
      </c>
      <c r="L9955" t="s">
        <v>82</v>
      </c>
      <c r="M9955" t="s">
        <v>87</v>
      </c>
      <c r="N9955" t="s">
        <v>88</v>
      </c>
      <c r="O9955" t="s">
        <v>85</v>
      </c>
      <c r="P9955" t="s">
        <v>86</v>
      </c>
      <c r="Q9955">
        <v>35</v>
      </c>
      <c r="R9955">
        <v>35</v>
      </c>
      <c r="S9955">
        <v>35</v>
      </c>
      <c r="T9955">
        <v>35</v>
      </c>
      <c r="U9955">
        <v>35</v>
      </c>
      <c r="V9955">
        <v>35</v>
      </c>
      <c r="W9955">
        <v>35</v>
      </c>
      <c r="X9955">
        <v>35</v>
      </c>
      <c r="Y9955">
        <v>35</v>
      </c>
      <c r="Z9955">
        <v>35</v>
      </c>
      <c r="AA9955">
        <v>35</v>
      </c>
      <c r="AB9955">
        <v>36</v>
      </c>
      <c r="AC9955">
        <v>36</v>
      </c>
      <c r="AD9955">
        <v>36</v>
      </c>
      <c r="AE9955">
        <v>36</v>
      </c>
      <c r="AF9955">
        <v>36</v>
      </c>
      <c r="AG9955">
        <v>36</v>
      </c>
      <c r="AH9955">
        <v>36</v>
      </c>
      <c r="AI9955">
        <v>36</v>
      </c>
      <c r="AJ9955">
        <v>36</v>
      </c>
      <c r="AK9955">
        <v>36</v>
      </c>
      <c r="AL9955">
        <v>36</v>
      </c>
      <c r="AM9955">
        <v>36</v>
      </c>
      <c r="AN9955">
        <v>36</v>
      </c>
      <c r="AO9955">
        <v>36</v>
      </c>
      <c r="AP9955">
        <v>36</v>
      </c>
      <c r="AQ9955">
        <v>36</v>
      </c>
    </row>
    <row r="9956" spans="1:43">
      <c r="A9956" t="s">
        <v>6210</v>
      </c>
      <c r="B9956" t="s">
        <v>6211</v>
      </c>
      <c r="C9956" t="s">
        <v>6212</v>
      </c>
      <c r="D9956" t="s">
        <v>6213</v>
      </c>
      <c r="E9956" t="s">
        <v>6174</v>
      </c>
      <c r="F9956" t="s">
        <v>6175</v>
      </c>
      <c r="G9956" t="s">
        <v>80</v>
      </c>
      <c r="H9956" t="s">
        <v>81</v>
      </c>
      <c r="I9956" s="2">
        <v>0</v>
      </c>
      <c r="J9956" s="2">
        <v>1</v>
      </c>
      <c r="K9956" s="2">
        <v>0</v>
      </c>
      <c r="L9956" t="s">
        <v>82</v>
      </c>
      <c r="M9956" t="s">
        <v>89</v>
      </c>
      <c r="N9956" t="s">
        <v>90</v>
      </c>
      <c r="O9956" t="s">
        <v>85</v>
      </c>
      <c r="P9956" t="s">
        <v>86</v>
      </c>
      <c r="Q9956">
        <v>35</v>
      </c>
      <c r="R9956">
        <v>36</v>
      </c>
      <c r="S9956">
        <v>37</v>
      </c>
      <c r="T9956">
        <v>37</v>
      </c>
      <c r="U9956">
        <v>38</v>
      </c>
      <c r="V9956">
        <v>39</v>
      </c>
      <c r="W9956">
        <v>39</v>
      </c>
      <c r="X9956">
        <v>40</v>
      </c>
      <c r="Y9956">
        <v>41</v>
      </c>
      <c r="Z9956">
        <v>41</v>
      </c>
      <c r="AA9956">
        <v>42</v>
      </c>
      <c r="AB9956">
        <v>42</v>
      </c>
      <c r="AC9956">
        <v>43</v>
      </c>
      <c r="AD9956">
        <v>43</v>
      </c>
      <c r="AE9956">
        <v>43</v>
      </c>
      <c r="AF9956">
        <v>43</v>
      </c>
      <c r="AG9956">
        <v>43</v>
      </c>
      <c r="AH9956">
        <v>43</v>
      </c>
      <c r="AI9956">
        <v>43</v>
      </c>
      <c r="AJ9956">
        <v>43</v>
      </c>
      <c r="AK9956">
        <v>43</v>
      </c>
      <c r="AL9956">
        <v>43</v>
      </c>
      <c r="AM9956">
        <v>43</v>
      </c>
      <c r="AN9956">
        <v>43</v>
      </c>
      <c r="AO9956">
        <v>43</v>
      </c>
      <c r="AP9956">
        <v>43</v>
      </c>
      <c r="AQ9956">
        <v>42</v>
      </c>
    </row>
    <row r="9957" spans="1:43">
      <c r="A9957" t="s">
        <v>6210</v>
      </c>
      <c r="B9957" t="s">
        <v>6211</v>
      </c>
      <c r="C9957" t="s">
        <v>6212</v>
      </c>
      <c r="D9957" t="s">
        <v>6213</v>
      </c>
      <c r="E9957" t="s">
        <v>6174</v>
      </c>
      <c r="F9957" t="s">
        <v>6175</v>
      </c>
      <c r="G9957" t="s">
        <v>80</v>
      </c>
      <c r="H9957" t="s">
        <v>81</v>
      </c>
      <c r="I9957" s="2">
        <v>0</v>
      </c>
      <c r="J9957" s="2">
        <v>1</v>
      </c>
      <c r="K9957" s="2">
        <v>0</v>
      </c>
      <c r="L9957" t="s">
        <v>82</v>
      </c>
      <c r="M9957" t="s">
        <v>83</v>
      </c>
      <c r="N9957" t="s">
        <v>91</v>
      </c>
      <c r="O9957" t="s">
        <v>85</v>
      </c>
      <c r="P9957" t="s">
        <v>86</v>
      </c>
      <c r="Q9957">
        <v>35</v>
      </c>
      <c r="R9957">
        <v>35</v>
      </c>
      <c r="S9957">
        <v>36</v>
      </c>
      <c r="T9957">
        <v>36</v>
      </c>
      <c r="U9957">
        <v>37</v>
      </c>
      <c r="V9957">
        <v>37</v>
      </c>
      <c r="W9957">
        <v>37</v>
      </c>
      <c r="X9957">
        <v>38</v>
      </c>
      <c r="Y9957">
        <v>38</v>
      </c>
      <c r="Z9957">
        <v>39</v>
      </c>
      <c r="AA9957">
        <v>39</v>
      </c>
      <c r="AB9957">
        <v>39</v>
      </c>
      <c r="AC9957">
        <v>40</v>
      </c>
      <c r="AD9957">
        <v>40</v>
      </c>
      <c r="AE9957">
        <v>40</v>
      </c>
      <c r="AF9957">
        <v>41</v>
      </c>
      <c r="AG9957">
        <v>41</v>
      </c>
      <c r="AH9957">
        <v>41</v>
      </c>
      <c r="AI9957">
        <v>42</v>
      </c>
      <c r="AJ9957">
        <v>42</v>
      </c>
      <c r="AK9957">
        <v>42</v>
      </c>
      <c r="AL9957">
        <v>42</v>
      </c>
      <c r="AM9957">
        <v>42</v>
      </c>
      <c r="AN9957">
        <v>42</v>
      </c>
      <c r="AO9957">
        <v>42</v>
      </c>
      <c r="AP9957">
        <v>42</v>
      </c>
      <c r="AQ9957">
        <v>42</v>
      </c>
    </row>
    <row r="9958" spans="1:43">
      <c r="A9958" t="s">
        <v>6214</v>
      </c>
      <c r="B9958" t="s">
        <v>6215</v>
      </c>
      <c r="C9958" t="s">
        <v>6212</v>
      </c>
      <c r="D9958" t="s">
        <v>6213</v>
      </c>
      <c r="E9958" t="s">
        <v>6174</v>
      </c>
      <c r="F9958" t="s">
        <v>6175</v>
      </c>
      <c r="G9958" t="s">
        <v>80</v>
      </c>
      <c r="H9958" t="s">
        <v>81</v>
      </c>
      <c r="I9958" s="2">
        <v>0</v>
      </c>
      <c r="J9958" s="2">
        <v>1</v>
      </c>
      <c r="K9958" s="2">
        <v>0</v>
      </c>
      <c r="L9958" t="s">
        <v>82</v>
      </c>
      <c r="M9958" t="s">
        <v>83</v>
      </c>
      <c r="N9958" t="s">
        <v>84</v>
      </c>
      <c r="O9958" t="s">
        <v>85</v>
      </c>
      <c r="P9958" t="s">
        <v>86</v>
      </c>
      <c r="Q9958">
        <v>11</v>
      </c>
      <c r="R9958">
        <v>11</v>
      </c>
      <c r="S9958">
        <v>11</v>
      </c>
      <c r="T9958">
        <v>12</v>
      </c>
      <c r="U9958">
        <v>12</v>
      </c>
      <c r="V9958">
        <v>12</v>
      </c>
      <c r="W9958">
        <v>12</v>
      </c>
      <c r="X9958">
        <v>12</v>
      </c>
      <c r="Y9958">
        <v>12</v>
      </c>
      <c r="Z9958">
        <v>12</v>
      </c>
      <c r="AA9958">
        <v>12</v>
      </c>
      <c r="AB9958">
        <v>13</v>
      </c>
      <c r="AC9958">
        <v>13</v>
      </c>
      <c r="AD9958">
        <v>13</v>
      </c>
      <c r="AE9958">
        <v>13</v>
      </c>
      <c r="AF9958">
        <v>13</v>
      </c>
      <c r="AG9958">
        <v>13</v>
      </c>
      <c r="AH9958">
        <v>13</v>
      </c>
      <c r="AI9958">
        <v>13</v>
      </c>
      <c r="AJ9958">
        <v>13</v>
      </c>
      <c r="AK9958">
        <v>14</v>
      </c>
      <c r="AL9958">
        <v>14</v>
      </c>
      <c r="AM9958">
        <v>14</v>
      </c>
      <c r="AN9958">
        <v>14</v>
      </c>
      <c r="AO9958">
        <v>13</v>
      </c>
      <c r="AP9958">
        <v>13</v>
      </c>
      <c r="AQ9958">
        <v>13</v>
      </c>
    </row>
    <row r="9959" spans="1:43">
      <c r="A9959" t="s">
        <v>6214</v>
      </c>
      <c r="B9959" t="s">
        <v>6215</v>
      </c>
      <c r="C9959" t="s">
        <v>6212</v>
      </c>
      <c r="D9959" t="s">
        <v>6213</v>
      </c>
      <c r="E9959" t="s">
        <v>6174</v>
      </c>
      <c r="F9959" t="s">
        <v>6175</v>
      </c>
      <c r="G9959" t="s">
        <v>80</v>
      </c>
      <c r="H9959" t="s">
        <v>81</v>
      </c>
      <c r="I9959" s="2">
        <v>0</v>
      </c>
      <c r="J9959" s="2">
        <v>1</v>
      </c>
      <c r="K9959" s="2">
        <v>0</v>
      </c>
      <c r="L9959" t="s">
        <v>82</v>
      </c>
      <c r="M9959" t="s">
        <v>87</v>
      </c>
      <c r="N9959" t="s">
        <v>88</v>
      </c>
      <c r="O9959" t="s">
        <v>85</v>
      </c>
      <c r="P9959" t="s">
        <v>86</v>
      </c>
      <c r="Q9959">
        <v>11</v>
      </c>
      <c r="R9959">
        <v>11</v>
      </c>
      <c r="S9959">
        <v>11</v>
      </c>
      <c r="T9959">
        <v>11</v>
      </c>
      <c r="U9959">
        <v>11</v>
      </c>
      <c r="V9959">
        <v>11</v>
      </c>
      <c r="W9959">
        <v>11</v>
      </c>
      <c r="X9959">
        <v>11</v>
      </c>
      <c r="Y9959">
        <v>11</v>
      </c>
      <c r="Z9959">
        <v>11</v>
      </c>
      <c r="AA9959">
        <v>11</v>
      </c>
      <c r="AB9959">
        <v>11</v>
      </c>
      <c r="AC9959">
        <v>11</v>
      </c>
      <c r="AD9959">
        <v>11</v>
      </c>
      <c r="AE9959">
        <v>11</v>
      </c>
      <c r="AF9959">
        <v>11</v>
      </c>
      <c r="AG9959">
        <v>12</v>
      </c>
      <c r="AH9959">
        <v>12</v>
      </c>
      <c r="AI9959">
        <v>12</v>
      </c>
      <c r="AJ9959">
        <v>12</v>
      </c>
      <c r="AK9959">
        <v>12</v>
      </c>
      <c r="AL9959">
        <v>12</v>
      </c>
      <c r="AM9959">
        <v>12</v>
      </c>
      <c r="AN9959">
        <v>12</v>
      </c>
      <c r="AO9959">
        <v>12</v>
      </c>
      <c r="AP9959">
        <v>12</v>
      </c>
      <c r="AQ9959">
        <v>12</v>
      </c>
    </row>
    <row r="9960" spans="1:43">
      <c r="A9960" t="s">
        <v>6214</v>
      </c>
      <c r="B9960" t="s">
        <v>6215</v>
      </c>
      <c r="C9960" t="s">
        <v>6212</v>
      </c>
      <c r="D9960" t="s">
        <v>6213</v>
      </c>
      <c r="E9960" t="s">
        <v>6174</v>
      </c>
      <c r="F9960" t="s">
        <v>6175</v>
      </c>
      <c r="G9960" t="s">
        <v>80</v>
      </c>
      <c r="H9960" t="s">
        <v>81</v>
      </c>
      <c r="I9960" s="2">
        <v>0</v>
      </c>
      <c r="J9960" s="2">
        <v>1</v>
      </c>
      <c r="K9960" s="2">
        <v>0</v>
      </c>
      <c r="L9960" t="s">
        <v>82</v>
      </c>
      <c r="M9960" t="s">
        <v>89</v>
      </c>
      <c r="N9960" t="s">
        <v>90</v>
      </c>
      <c r="O9960" t="s">
        <v>85</v>
      </c>
      <c r="P9960" t="s">
        <v>86</v>
      </c>
      <c r="Q9960">
        <v>11</v>
      </c>
      <c r="R9960">
        <v>12</v>
      </c>
      <c r="S9960">
        <v>12</v>
      </c>
      <c r="T9960">
        <v>12</v>
      </c>
      <c r="U9960">
        <v>12</v>
      </c>
      <c r="V9960">
        <v>12</v>
      </c>
      <c r="W9960">
        <v>13</v>
      </c>
      <c r="X9960">
        <v>13</v>
      </c>
      <c r="Y9960">
        <v>13</v>
      </c>
      <c r="Z9960">
        <v>13</v>
      </c>
      <c r="AA9960">
        <v>13</v>
      </c>
      <c r="AB9960">
        <v>13</v>
      </c>
      <c r="AC9960">
        <v>14</v>
      </c>
      <c r="AD9960">
        <v>14</v>
      </c>
      <c r="AE9960">
        <v>14</v>
      </c>
      <c r="AF9960">
        <v>14</v>
      </c>
      <c r="AG9960">
        <v>14</v>
      </c>
      <c r="AH9960">
        <v>14</v>
      </c>
      <c r="AI9960">
        <v>14</v>
      </c>
      <c r="AJ9960">
        <v>14</v>
      </c>
      <c r="AK9960">
        <v>14</v>
      </c>
      <c r="AL9960">
        <v>14</v>
      </c>
      <c r="AM9960">
        <v>14</v>
      </c>
      <c r="AN9960">
        <v>14</v>
      </c>
      <c r="AO9960">
        <v>14</v>
      </c>
      <c r="AP9960">
        <v>14</v>
      </c>
      <c r="AQ9960">
        <v>14</v>
      </c>
    </row>
    <row r="9961" spans="1:43">
      <c r="A9961" t="s">
        <v>6214</v>
      </c>
      <c r="B9961" t="s">
        <v>6215</v>
      </c>
      <c r="C9961" t="s">
        <v>6212</v>
      </c>
      <c r="D9961" t="s">
        <v>6213</v>
      </c>
      <c r="E9961" t="s">
        <v>6174</v>
      </c>
      <c r="F9961" t="s">
        <v>6175</v>
      </c>
      <c r="G9961" t="s">
        <v>80</v>
      </c>
      <c r="H9961" t="s">
        <v>81</v>
      </c>
      <c r="I9961" s="2">
        <v>0</v>
      </c>
      <c r="J9961" s="2">
        <v>1</v>
      </c>
      <c r="K9961" s="2">
        <v>0</v>
      </c>
      <c r="L9961" t="s">
        <v>82</v>
      </c>
      <c r="M9961" t="s">
        <v>83</v>
      </c>
      <c r="N9961" t="s">
        <v>91</v>
      </c>
      <c r="O9961" t="s">
        <v>85</v>
      </c>
      <c r="P9961" t="s">
        <v>86</v>
      </c>
      <c r="Q9961">
        <v>11</v>
      </c>
      <c r="R9961">
        <v>11</v>
      </c>
      <c r="S9961">
        <v>11</v>
      </c>
      <c r="T9961">
        <v>12</v>
      </c>
      <c r="U9961">
        <v>12</v>
      </c>
      <c r="V9961">
        <v>12</v>
      </c>
      <c r="W9961">
        <v>12</v>
      </c>
      <c r="X9961">
        <v>12</v>
      </c>
      <c r="Y9961">
        <v>12</v>
      </c>
      <c r="Z9961">
        <v>12</v>
      </c>
      <c r="AA9961">
        <v>12</v>
      </c>
      <c r="AB9961">
        <v>13</v>
      </c>
      <c r="AC9961">
        <v>13</v>
      </c>
      <c r="AD9961">
        <v>13</v>
      </c>
      <c r="AE9961">
        <v>13</v>
      </c>
      <c r="AF9961">
        <v>13</v>
      </c>
      <c r="AG9961">
        <v>13</v>
      </c>
      <c r="AH9961">
        <v>13</v>
      </c>
      <c r="AI9961">
        <v>13</v>
      </c>
      <c r="AJ9961">
        <v>13</v>
      </c>
      <c r="AK9961">
        <v>14</v>
      </c>
      <c r="AL9961">
        <v>14</v>
      </c>
      <c r="AM9961">
        <v>14</v>
      </c>
      <c r="AN9961">
        <v>14</v>
      </c>
      <c r="AO9961">
        <v>13</v>
      </c>
      <c r="AP9961">
        <v>13</v>
      </c>
      <c r="AQ9961">
        <v>13</v>
      </c>
    </row>
    <row r="9962" spans="1:43">
      <c r="A9962" t="s">
        <v>6216</v>
      </c>
      <c r="B9962" t="s">
        <v>6217</v>
      </c>
      <c r="C9962" t="s">
        <v>6212</v>
      </c>
      <c r="D9962" t="s">
        <v>6213</v>
      </c>
      <c r="E9962" t="s">
        <v>6174</v>
      </c>
      <c r="F9962" t="s">
        <v>6175</v>
      </c>
      <c r="G9962" t="s">
        <v>80</v>
      </c>
      <c r="H9962" t="s">
        <v>81</v>
      </c>
      <c r="I9962" s="2">
        <v>0</v>
      </c>
      <c r="J9962" s="2">
        <v>1</v>
      </c>
      <c r="K9962" s="2">
        <v>0</v>
      </c>
      <c r="L9962" t="s">
        <v>82</v>
      </c>
      <c r="M9962" t="s">
        <v>83</v>
      </c>
      <c r="N9962" t="s">
        <v>84</v>
      </c>
      <c r="O9962" t="s">
        <v>85</v>
      </c>
      <c r="P9962" t="s">
        <v>86</v>
      </c>
      <c r="Q9962">
        <v>31</v>
      </c>
      <c r="R9962">
        <v>32</v>
      </c>
      <c r="S9962">
        <v>32</v>
      </c>
      <c r="T9962">
        <v>32</v>
      </c>
      <c r="U9962">
        <v>33</v>
      </c>
      <c r="V9962">
        <v>33</v>
      </c>
      <c r="W9962">
        <v>34</v>
      </c>
      <c r="X9962">
        <v>34</v>
      </c>
      <c r="Y9962">
        <v>34</v>
      </c>
      <c r="Z9962">
        <v>35</v>
      </c>
      <c r="AA9962">
        <v>35</v>
      </c>
      <c r="AB9962">
        <v>35</v>
      </c>
      <c r="AC9962">
        <v>36</v>
      </c>
      <c r="AD9962">
        <v>36</v>
      </c>
      <c r="AE9962">
        <v>36</v>
      </c>
      <c r="AF9962">
        <v>36</v>
      </c>
      <c r="AG9962">
        <v>37</v>
      </c>
      <c r="AH9962">
        <v>37</v>
      </c>
      <c r="AI9962">
        <v>37</v>
      </c>
      <c r="AJ9962">
        <v>38</v>
      </c>
      <c r="AK9962">
        <v>38</v>
      </c>
      <c r="AL9962">
        <v>38</v>
      </c>
      <c r="AM9962">
        <v>38</v>
      </c>
      <c r="AN9962">
        <v>38</v>
      </c>
      <c r="AO9962">
        <v>38</v>
      </c>
      <c r="AP9962">
        <v>38</v>
      </c>
      <c r="AQ9962">
        <v>37</v>
      </c>
    </row>
    <row r="9963" spans="1:43">
      <c r="A9963" t="s">
        <v>6216</v>
      </c>
      <c r="B9963" t="s">
        <v>6217</v>
      </c>
      <c r="C9963" t="s">
        <v>6212</v>
      </c>
      <c r="D9963" t="s">
        <v>6213</v>
      </c>
      <c r="E9963" t="s">
        <v>6174</v>
      </c>
      <c r="F9963" t="s">
        <v>6175</v>
      </c>
      <c r="G9963" t="s">
        <v>80</v>
      </c>
      <c r="H9963" t="s">
        <v>81</v>
      </c>
      <c r="I9963" s="2">
        <v>0</v>
      </c>
      <c r="J9963" s="2">
        <v>1</v>
      </c>
      <c r="K9963" s="2">
        <v>0</v>
      </c>
      <c r="L9963" t="s">
        <v>82</v>
      </c>
      <c r="M9963" t="s">
        <v>87</v>
      </c>
      <c r="N9963" t="s">
        <v>88</v>
      </c>
      <c r="O9963" t="s">
        <v>85</v>
      </c>
      <c r="P9963" t="s">
        <v>86</v>
      </c>
      <c r="Q9963">
        <v>31</v>
      </c>
      <c r="R9963">
        <v>31</v>
      </c>
      <c r="S9963">
        <v>31</v>
      </c>
      <c r="T9963">
        <v>31</v>
      </c>
      <c r="U9963">
        <v>31</v>
      </c>
      <c r="V9963">
        <v>31</v>
      </c>
      <c r="W9963">
        <v>32</v>
      </c>
      <c r="X9963">
        <v>32</v>
      </c>
      <c r="Y9963">
        <v>32</v>
      </c>
      <c r="Z9963">
        <v>32</v>
      </c>
      <c r="AA9963">
        <v>32</v>
      </c>
      <c r="AB9963">
        <v>32</v>
      </c>
      <c r="AC9963">
        <v>32</v>
      </c>
      <c r="AD9963">
        <v>32</v>
      </c>
      <c r="AE9963">
        <v>32</v>
      </c>
      <c r="AF9963">
        <v>32</v>
      </c>
      <c r="AG9963">
        <v>32</v>
      </c>
      <c r="AH9963">
        <v>32</v>
      </c>
      <c r="AI9963">
        <v>32</v>
      </c>
      <c r="AJ9963">
        <v>32</v>
      </c>
      <c r="AK9963">
        <v>32</v>
      </c>
      <c r="AL9963">
        <v>32</v>
      </c>
      <c r="AM9963">
        <v>32</v>
      </c>
      <c r="AN9963">
        <v>32</v>
      </c>
      <c r="AO9963">
        <v>33</v>
      </c>
      <c r="AP9963">
        <v>33</v>
      </c>
      <c r="AQ9963">
        <v>33</v>
      </c>
    </row>
    <row r="9964" spans="1:43">
      <c r="A9964" t="s">
        <v>6216</v>
      </c>
      <c r="B9964" t="s">
        <v>6217</v>
      </c>
      <c r="C9964" t="s">
        <v>6212</v>
      </c>
      <c r="D9964" t="s">
        <v>6213</v>
      </c>
      <c r="E9964" t="s">
        <v>6174</v>
      </c>
      <c r="F9964" t="s">
        <v>6175</v>
      </c>
      <c r="G9964" t="s">
        <v>80</v>
      </c>
      <c r="H9964" t="s">
        <v>81</v>
      </c>
      <c r="I9964" s="2">
        <v>0</v>
      </c>
      <c r="J9964" s="2">
        <v>1</v>
      </c>
      <c r="K9964" s="2">
        <v>0</v>
      </c>
      <c r="L9964" t="s">
        <v>82</v>
      </c>
      <c r="M9964" t="s">
        <v>89</v>
      </c>
      <c r="N9964" t="s">
        <v>90</v>
      </c>
      <c r="O9964" t="s">
        <v>85</v>
      </c>
      <c r="P9964" t="s">
        <v>86</v>
      </c>
      <c r="Q9964">
        <v>31</v>
      </c>
      <c r="R9964">
        <v>31</v>
      </c>
      <c r="S9964">
        <v>32</v>
      </c>
      <c r="T9964">
        <v>33</v>
      </c>
      <c r="U9964">
        <v>33</v>
      </c>
      <c r="V9964">
        <v>34</v>
      </c>
      <c r="W9964">
        <v>34</v>
      </c>
      <c r="X9964">
        <v>35</v>
      </c>
      <c r="Y9964">
        <v>35</v>
      </c>
      <c r="Z9964">
        <v>36</v>
      </c>
      <c r="AA9964">
        <v>36</v>
      </c>
      <c r="AB9964">
        <v>37</v>
      </c>
      <c r="AC9964">
        <v>37</v>
      </c>
      <c r="AD9964">
        <v>38</v>
      </c>
      <c r="AE9964">
        <v>38</v>
      </c>
      <c r="AF9964">
        <v>38</v>
      </c>
      <c r="AG9964">
        <v>38</v>
      </c>
      <c r="AH9964">
        <v>38</v>
      </c>
      <c r="AI9964">
        <v>37</v>
      </c>
      <c r="AJ9964">
        <v>37</v>
      </c>
      <c r="AK9964">
        <v>37</v>
      </c>
      <c r="AL9964">
        <v>37</v>
      </c>
      <c r="AM9964">
        <v>37</v>
      </c>
      <c r="AN9964">
        <v>37</v>
      </c>
      <c r="AO9964">
        <v>37</v>
      </c>
      <c r="AP9964">
        <v>37</v>
      </c>
      <c r="AQ9964">
        <v>37</v>
      </c>
    </row>
    <row r="9965" spans="1:43">
      <c r="A9965" t="s">
        <v>6216</v>
      </c>
      <c r="B9965" t="s">
        <v>6217</v>
      </c>
      <c r="C9965" t="s">
        <v>6212</v>
      </c>
      <c r="D9965" t="s">
        <v>6213</v>
      </c>
      <c r="E9965" t="s">
        <v>6174</v>
      </c>
      <c r="F9965" t="s">
        <v>6175</v>
      </c>
      <c r="G9965" t="s">
        <v>80</v>
      </c>
      <c r="H9965" t="s">
        <v>81</v>
      </c>
      <c r="I9965" s="2">
        <v>0</v>
      </c>
      <c r="J9965" s="2">
        <v>1</v>
      </c>
      <c r="K9965" s="2">
        <v>0</v>
      </c>
      <c r="L9965" t="s">
        <v>82</v>
      </c>
      <c r="M9965" t="s">
        <v>83</v>
      </c>
      <c r="N9965" t="s">
        <v>91</v>
      </c>
      <c r="O9965" t="s">
        <v>85</v>
      </c>
      <c r="P9965" t="s">
        <v>86</v>
      </c>
      <c r="Q9965">
        <v>31</v>
      </c>
      <c r="R9965">
        <v>32</v>
      </c>
      <c r="S9965">
        <v>32</v>
      </c>
      <c r="T9965">
        <v>32</v>
      </c>
      <c r="U9965">
        <v>33</v>
      </c>
      <c r="V9965">
        <v>33</v>
      </c>
      <c r="W9965">
        <v>34</v>
      </c>
      <c r="X9965">
        <v>34</v>
      </c>
      <c r="Y9965">
        <v>34</v>
      </c>
      <c r="Z9965">
        <v>35</v>
      </c>
      <c r="AA9965">
        <v>35</v>
      </c>
      <c r="AB9965">
        <v>35</v>
      </c>
      <c r="AC9965">
        <v>36</v>
      </c>
      <c r="AD9965">
        <v>36</v>
      </c>
      <c r="AE9965">
        <v>36</v>
      </c>
      <c r="AF9965">
        <v>36</v>
      </c>
      <c r="AG9965">
        <v>37</v>
      </c>
      <c r="AH9965">
        <v>37</v>
      </c>
      <c r="AI9965">
        <v>37</v>
      </c>
      <c r="AJ9965">
        <v>38</v>
      </c>
      <c r="AK9965">
        <v>38</v>
      </c>
      <c r="AL9965">
        <v>38</v>
      </c>
      <c r="AM9965">
        <v>38</v>
      </c>
      <c r="AN9965">
        <v>38</v>
      </c>
      <c r="AO9965">
        <v>38</v>
      </c>
      <c r="AP9965">
        <v>38</v>
      </c>
      <c r="AQ9965">
        <v>37</v>
      </c>
    </row>
    <row r="9966" spans="1:43">
      <c r="A9966" t="s">
        <v>6218</v>
      </c>
      <c r="B9966" t="s">
        <v>6219</v>
      </c>
      <c r="C9966" t="s">
        <v>6220</v>
      </c>
      <c r="D9966" t="s">
        <v>6221</v>
      </c>
      <c r="E9966" t="s">
        <v>6174</v>
      </c>
      <c r="F9966" t="s">
        <v>6175</v>
      </c>
      <c r="G9966" t="s">
        <v>80</v>
      </c>
      <c r="H9966" t="s">
        <v>81</v>
      </c>
      <c r="I9966" s="2">
        <v>0</v>
      </c>
      <c r="J9966" s="2">
        <v>1</v>
      </c>
      <c r="K9966" s="2">
        <v>0</v>
      </c>
      <c r="L9966" t="s">
        <v>82</v>
      </c>
      <c r="M9966" t="s">
        <v>83</v>
      </c>
      <c r="N9966" t="s">
        <v>84</v>
      </c>
      <c r="O9966" t="s">
        <v>85</v>
      </c>
      <c r="P9966" t="s">
        <v>86</v>
      </c>
      <c r="Q9966">
        <v>55</v>
      </c>
      <c r="R9966">
        <v>55</v>
      </c>
      <c r="S9966">
        <v>56</v>
      </c>
      <c r="T9966">
        <v>57</v>
      </c>
      <c r="U9966">
        <v>57</v>
      </c>
      <c r="V9966">
        <v>58</v>
      </c>
      <c r="W9966">
        <v>59</v>
      </c>
      <c r="X9966">
        <v>59</v>
      </c>
      <c r="Y9966">
        <v>60</v>
      </c>
      <c r="Z9966">
        <v>61</v>
      </c>
      <c r="AA9966">
        <v>61</v>
      </c>
      <c r="AB9966">
        <v>62</v>
      </c>
      <c r="AC9966">
        <v>62</v>
      </c>
      <c r="AD9966">
        <v>63</v>
      </c>
      <c r="AE9966">
        <v>63</v>
      </c>
      <c r="AF9966">
        <v>64</v>
      </c>
      <c r="AG9966">
        <v>64</v>
      </c>
      <c r="AH9966">
        <v>65</v>
      </c>
      <c r="AI9966">
        <v>66</v>
      </c>
      <c r="AJ9966">
        <v>66</v>
      </c>
      <c r="AK9966">
        <v>67</v>
      </c>
      <c r="AL9966">
        <v>67</v>
      </c>
      <c r="AM9966">
        <v>67</v>
      </c>
      <c r="AN9966">
        <v>67</v>
      </c>
      <c r="AO9966">
        <v>66</v>
      </c>
      <c r="AP9966">
        <v>66</v>
      </c>
      <c r="AQ9966">
        <v>66</v>
      </c>
    </row>
    <row r="9967" spans="1:43">
      <c r="A9967" t="s">
        <v>6218</v>
      </c>
      <c r="B9967" t="s">
        <v>6219</v>
      </c>
      <c r="C9967" t="s">
        <v>6220</v>
      </c>
      <c r="D9967" t="s">
        <v>6221</v>
      </c>
      <c r="E9967" t="s">
        <v>6174</v>
      </c>
      <c r="F9967" t="s">
        <v>6175</v>
      </c>
      <c r="G9967" t="s">
        <v>80</v>
      </c>
      <c r="H9967" t="s">
        <v>81</v>
      </c>
      <c r="I9967" s="2">
        <v>0</v>
      </c>
      <c r="J9967" s="2">
        <v>1</v>
      </c>
      <c r="K9967" s="2">
        <v>0</v>
      </c>
      <c r="L9967" t="s">
        <v>82</v>
      </c>
      <c r="M9967" t="s">
        <v>87</v>
      </c>
      <c r="N9967" t="s">
        <v>88</v>
      </c>
      <c r="O9967" t="s">
        <v>85</v>
      </c>
      <c r="P9967" t="s">
        <v>86</v>
      </c>
      <c r="Q9967">
        <v>55</v>
      </c>
      <c r="R9967">
        <v>55</v>
      </c>
      <c r="S9967">
        <v>55</v>
      </c>
      <c r="T9967">
        <v>56</v>
      </c>
      <c r="U9967">
        <v>56</v>
      </c>
      <c r="V9967">
        <v>56</v>
      </c>
      <c r="W9967">
        <v>56</v>
      </c>
      <c r="X9967">
        <v>56</v>
      </c>
      <c r="Y9967">
        <v>56</v>
      </c>
      <c r="Z9967">
        <v>57</v>
      </c>
      <c r="AA9967">
        <v>57</v>
      </c>
      <c r="AB9967">
        <v>57</v>
      </c>
      <c r="AC9967">
        <v>57</v>
      </c>
      <c r="AD9967">
        <v>57</v>
      </c>
      <c r="AE9967">
        <v>57</v>
      </c>
      <c r="AF9967">
        <v>57</v>
      </c>
      <c r="AG9967">
        <v>57</v>
      </c>
      <c r="AH9967">
        <v>58</v>
      </c>
      <c r="AI9967">
        <v>58</v>
      </c>
      <c r="AJ9967">
        <v>58</v>
      </c>
      <c r="AK9967">
        <v>58</v>
      </c>
      <c r="AL9967">
        <v>58</v>
      </c>
      <c r="AM9967">
        <v>58</v>
      </c>
      <c r="AN9967">
        <v>58</v>
      </c>
      <c r="AO9967">
        <v>58</v>
      </c>
      <c r="AP9967">
        <v>58</v>
      </c>
      <c r="AQ9967">
        <v>58</v>
      </c>
    </row>
    <row r="9968" spans="1:43">
      <c r="A9968" t="s">
        <v>6218</v>
      </c>
      <c r="B9968" t="s">
        <v>6219</v>
      </c>
      <c r="C9968" t="s">
        <v>6220</v>
      </c>
      <c r="D9968" t="s">
        <v>6221</v>
      </c>
      <c r="E9968" t="s">
        <v>6174</v>
      </c>
      <c r="F9968" t="s">
        <v>6175</v>
      </c>
      <c r="G9968" t="s">
        <v>80</v>
      </c>
      <c r="H9968" t="s">
        <v>81</v>
      </c>
      <c r="I9968" s="2">
        <v>0</v>
      </c>
      <c r="J9968" s="2">
        <v>1</v>
      </c>
      <c r="K9968" s="2">
        <v>0</v>
      </c>
      <c r="L9968" t="s">
        <v>82</v>
      </c>
      <c r="M9968" t="s">
        <v>89</v>
      </c>
      <c r="N9968" t="s">
        <v>90</v>
      </c>
      <c r="O9968" t="s">
        <v>85</v>
      </c>
      <c r="P9968" t="s">
        <v>86</v>
      </c>
      <c r="Q9968">
        <v>55</v>
      </c>
      <c r="R9968">
        <v>56</v>
      </c>
      <c r="S9968">
        <v>57</v>
      </c>
      <c r="T9968">
        <v>59</v>
      </c>
      <c r="U9968">
        <v>60</v>
      </c>
      <c r="V9968">
        <v>61</v>
      </c>
      <c r="W9968">
        <v>62</v>
      </c>
      <c r="X9968">
        <v>63</v>
      </c>
      <c r="Y9968">
        <v>63</v>
      </c>
      <c r="Z9968">
        <v>64</v>
      </c>
      <c r="AA9968">
        <v>65</v>
      </c>
      <c r="AB9968">
        <v>66</v>
      </c>
      <c r="AC9968">
        <v>67</v>
      </c>
      <c r="AD9968">
        <v>68</v>
      </c>
      <c r="AE9968">
        <v>68</v>
      </c>
      <c r="AF9968">
        <v>68</v>
      </c>
      <c r="AG9968">
        <v>68</v>
      </c>
      <c r="AH9968">
        <v>68</v>
      </c>
      <c r="AI9968">
        <v>68</v>
      </c>
      <c r="AJ9968">
        <v>68</v>
      </c>
      <c r="AK9968">
        <v>67</v>
      </c>
      <c r="AL9968">
        <v>67</v>
      </c>
      <c r="AM9968">
        <v>67</v>
      </c>
      <c r="AN9968">
        <v>67</v>
      </c>
      <c r="AO9968">
        <v>67</v>
      </c>
      <c r="AP9968">
        <v>67</v>
      </c>
      <c r="AQ9968">
        <v>67</v>
      </c>
    </row>
    <row r="9969" spans="1:43">
      <c r="A9969" t="s">
        <v>6218</v>
      </c>
      <c r="B9969" t="s">
        <v>6219</v>
      </c>
      <c r="C9969" t="s">
        <v>6220</v>
      </c>
      <c r="D9969" t="s">
        <v>6221</v>
      </c>
      <c r="E9969" t="s">
        <v>6174</v>
      </c>
      <c r="F9969" t="s">
        <v>6175</v>
      </c>
      <c r="G9969" t="s">
        <v>80</v>
      </c>
      <c r="H9969" t="s">
        <v>81</v>
      </c>
      <c r="I9969" s="2">
        <v>0</v>
      </c>
      <c r="J9969" s="2">
        <v>1</v>
      </c>
      <c r="K9969" s="2">
        <v>0</v>
      </c>
      <c r="L9969" t="s">
        <v>82</v>
      </c>
      <c r="M9969" t="s">
        <v>83</v>
      </c>
      <c r="N9969" t="s">
        <v>91</v>
      </c>
      <c r="O9969" t="s">
        <v>85</v>
      </c>
      <c r="P9969" t="s">
        <v>86</v>
      </c>
      <c r="Q9969">
        <v>55</v>
      </c>
      <c r="R9969">
        <v>55</v>
      </c>
      <c r="S9969">
        <v>56</v>
      </c>
      <c r="T9969">
        <v>57</v>
      </c>
      <c r="U9969">
        <v>57</v>
      </c>
      <c r="V9969">
        <v>58</v>
      </c>
      <c r="W9969">
        <v>59</v>
      </c>
      <c r="X9969">
        <v>59</v>
      </c>
      <c r="Y9969">
        <v>60</v>
      </c>
      <c r="Z9969">
        <v>61</v>
      </c>
      <c r="AA9969">
        <v>61</v>
      </c>
      <c r="AB9969">
        <v>62</v>
      </c>
      <c r="AC9969">
        <v>62</v>
      </c>
      <c r="AD9969">
        <v>63</v>
      </c>
      <c r="AE9969">
        <v>63</v>
      </c>
      <c r="AF9969">
        <v>64</v>
      </c>
      <c r="AG9969">
        <v>64</v>
      </c>
      <c r="AH9969">
        <v>65</v>
      </c>
      <c r="AI9969">
        <v>66</v>
      </c>
      <c r="AJ9969">
        <v>66</v>
      </c>
      <c r="AK9969">
        <v>67</v>
      </c>
      <c r="AL9969">
        <v>67</v>
      </c>
      <c r="AM9969">
        <v>67</v>
      </c>
      <c r="AN9969">
        <v>67</v>
      </c>
      <c r="AO9969">
        <v>66</v>
      </c>
      <c r="AP9969">
        <v>66</v>
      </c>
      <c r="AQ9969">
        <v>66</v>
      </c>
    </row>
    <row r="9970" spans="1:43">
      <c r="A9970" t="s">
        <v>6222</v>
      </c>
      <c r="B9970" t="s">
        <v>6223</v>
      </c>
      <c r="C9970" t="s">
        <v>6212</v>
      </c>
      <c r="D9970" t="s">
        <v>6213</v>
      </c>
      <c r="E9970" t="s">
        <v>6174</v>
      </c>
      <c r="F9970" t="s">
        <v>6175</v>
      </c>
      <c r="G9970" t="s">
        <v>80</v>
      </c>
      <c r="H9970" t="s">
        <v>81</v>
      </c>
      <c r="I9970" s="2">
        <v>0</v>
      </c>
      <c r="J9970" s="2">
        <v>1</v>
      </c>
      <c r="K9970" s="2">
        <v>0</v>
      </c>
      <c r="L9970" t="s">
        <v>82</v>
      </c>
      <c r="M9970" t="s">
        <v>83</v>
      </c>
      <c r="N9970" t="s">
        <v>84</v>
      </c>
      <c r="O9970" t="s">
        <v>85</v>
      </c>
      <c r="P9970" t="s">
        <v>86</v>
      </c>
      <c r="Q9970">
        <v>46</v>
      </c>
      <c r="R9970">
        <v>47</v>
      </c>
      <c r="S9970">
        <v>47</v>
      </c>
      <c r="T9970">
        <v>48</v>
      </c>
      <c r="U9970">
        <v>48</v>
      </c>
      <c r="V9970">
        <v>49</v>
      </c>
      <c r="W9970">
        <v>49</v>
      </c>
      <c r="X9970">
        <v>50</v>
      </c>
      <c r="Y9970">
        <v>50</v>
      </c>
      <c r="Z9970">
        <v>51</v>
      </c>
      <c r="AA9970">
        <v>51</v>
      </c>
      <c r="AB9970">
        <v>52</v>
      </c>
      <c r="AC9970">
        <v>52</v>
      </c>
      <c r="AD9970">
        <v>53</v>
      </c>
      <c r="AE9970">
        <v>53</v>
      </c>
      <c r="AF9970">
        <v>54</v>
      </c>
      <c r="AG9970">
        <v>54</v>
      </c>
      <c r="AH9970">
        <v>55</v>
      </c>
      <c r="AI9970">
        <v>55</v>
      </c>
      <c r="AJ9970">
        <v>55</v>
      </c>
      <c r="AK9970">
        <v>56</v>
      </c>
      <c r="AL9970">
        <v>56</v>
      </c>
      <c r="AM9970">
        <v>56</v>
      </c>
      <c r="AN9970">
        <v>56</v>
      </c>
      <c r="AO9970">
        <v>56</v>
      </c>
      <c r="AP9970">
        <v>56</v>
      </c>
      <c r="AQ9970">
        <v>56</v>
      </c>
    </row>
    <row r="9971" spans="1:43">
      <c r="A9971" t="s">
        <v>6222</v>
      </c>
      <c r="B9971" t="s">
        <v>6223</v>
      </c>
      <c r="C9971" t="s">
        <v>6212</v>
      </c>
      <c r="D9971" t="s">
        <v>6213</v>
      </c>
      <c r="E9971" t="s">
        <v>6174</v>
      </c>
      <c r="F9971" t="s">
        <v>6175</v>
      </c>
      <c r="G9971" t="s">
        <v>80</v>
      </c>
      <c r="H9971" t="s">
        <v>81</v>
      </c>
      <c r="I9971" s="2">
        <v>0</v>
      </c>
      <c r="J9971" s="2">
        <v>1</v>
      </c>
      <c r="K9971" s="2">
        <v>0</v>
      </c>
      <c r="L9971" t="s">
        <v>82</v>
      </c>
      <c r="M9971" t="s">
        <v>87</v>
      </c>
      <c r="N9971" t="s">
        <v>88</v>
      </c>
      <c r="O9971" t="s">
        <v>85</v>
      </c>
      <c r="P9971" t="s">
        <v>86</v>
      </c>
      <c r="Q9971">
        <v>46</v>
      </c>
      <c r="R9971">
        <v>46</v>
      </c>
      <c r="S9971">
        <v>46</v>
      </c>
      <c r="T9971">
        <v>46</v>
      </c>
      <c r="U9971">
        <v>46</v>
      </c>
      <c r="V9971">
        <v>46</v>
      </c>
      <c r="W9971">
        <v>46</v>
      </c>
      <c r="X9971">
        <v>46</v>
      </c>
      <c r="Y9971">
        <v>47</v>
      </c>
      <c r="Z9971">
        <v>47</v>
      </c>
      <c r="AA9971">
        <v>47</v>
      </c>
      <c r="AB9971">
        <v>47</v>
      </c>
      <c r="AC9971">
        <v>47</v>
      </c>
      <c r="AD9971">
        <v>47</v>
      </c>
      <c r="AE9971">
        <v>47</v>
      </c>
      <c r="AF9971">
        <v>47</v>
      </c>
      <c r="AG9971">
        <v>47</v>
      </c>
      <c r="AH9971">
        <v>47</v>
      </c>
      <c r="AI9971">
        <v>47</v>
      </c>
      <c r="AJ9971">
        <v>48</v>
      </c>
      <c r="AK9971">
        <v>48</v>
      </c>
      <c r="AL9971">
        <v>48</v>
      </c>
      <c r="AM9971">
        <v>48</v>
      </c>
      <c r="AN9971">
        <v>48</v>
      </c>
      <c r="AO9971">
        <v>48</v>
      </c>
      <c r="AP9971">
        <v>48</v>
      </c>
      <c r="AQ9971">
        <v>48</v>
      </c>
    </row>
    <row r="9972" spans="1:43">
      <c r="A9972" t="s">
        <v>6222</v>
      </c>
      <c r="B9972" t="s">
        <v>6223</v>
      </c>
      <c r="C9972" t="s">
        <v>6212</v>
      </c>
      <c r="D9972" t="s">
        <v>6213</v>
      </c>
      <c r="E9972" t="s">
        <v>6174</v>
      </c>
      <c r="F9972" t="s">
        <v>6175</v>
      </c>
      <c r="G9972" t="s">
        <v>80</v>
      </c>
      <c r="H9972" t="s">
        <v>81</v>
      </c>
      <c r="I9972" s="2">
        <v>0</v>
      </c>
      <c r="J9972" s="2">
        <v>1</v>
      </c>
      <c r="K9972" s="2">
        <v>0</v>
      </c>
      <c r="L9972" t="s">
        <v>82</v>
      </c>
      <c r="M9972" t="s">
        <v>89</v>
      </c>
      <c r="N9972" t="s">
        <v>90</v>
      </c>
      <c r="O9972" t="s">
        <v>85</v>
      </c>
      <c r="P9972" t="s">
        <v>86</v>
      </c>
      <c r="Q9972">
        <v>46</v>
      </c>
      <c r="R9972">
        <v>47</v>
      </c>
      <c r="S9972">
        <v>48</v>
      </c>
      <c r="T9972">
        <v>49</v>
      </c>
      <c r="U9972">
        <v>50</v>
      </c>
      <c r="V9972">
        <v>51</v>
      </c>
      <c r="W9972">
        <v>52</v>
      </c>
      <c r="X9972">
        <v>53</v>
      </c>
      <c r="Y9972">
        <v>53</v>
      </c>
      <c r="Z9972">
        <v>54</v>
      </c>
      <c r="AA9972">
        <v>55</v>
      </c>
      <c r="AB9972">
        <v>55</v>
      </c>
      <c r="AC9972">
        <v>56</v>
      </c>
      <c r="AD9972">
        <v>57</v>
      </c>
      <c r="AE9972">
        <v>57</v>
      </c>
      <c r="AF9972">
        <v>57</v>
      </c>
      <c r="AG9972">
        <v>57</v>
      </c>
      <c r="AH9972">
        <v>57</v>
      </c>
      <c r="AI9972">
        <v>57</v>
      </c>
      <c r="AJ9972">
        <v>57</v>
      </c>
      <c r="AK9972">
        <v>57</v>
      </c>
      <c r="AL9972">
        <v>57</v>
      </c>
      <c r="AM9972">
        <v>56</v>
      </c>
      <c r="AN9972">
        <v>56</v>
      </c>
      <c r="AO9972">
        <v>56</v>
      </c>
      <c r="AP9972">
        <v>56</v>
      </c>
      <c r="AQ9972">
        <v>56</v>
      </c>
    </row>
    <row r="9973" spans="1:43">
      <c r="A9973" t="s">
        <v>6222</v>
      </c>
      <c r="B9973" t="s">
        <v>6223</v>
      </c>
      <c r="C9973" t="s">
        <v>6212</v>
      </c>
      <c r="D9973" t="s">
        <v>6213</v>
      </c>
      <c r="E9973" t="s">
        <v>6174</v>
      </c>
      <c r="F9973" t="s">
        <v>6175</v>
      </c>
      <c r="G9973" t="s">
        <v>80</v>
      </c>
      <c r="H9973" t="s">
        <v>81</v>
      </c>
      <c r="I9973" s="2">
        <v>0</v>
      </c>
      <c r="J9973" s="2">
        <v>1</v>
      </c>
      <c r="K9973" s="2">
        <v>0</v>
      </c>
      <c r="L9973" t="s">
        <v>82</v>
      </c>
      <c r="M9973" t="s">
        <v>83</v>
      </c>
      <c r="N9973" t="s">
        <v>91</v>
      </c>
      <c r="O9973" t="s">
        <v>85</v>
      </c>
      <c r="P9973" t="s">
        <v>86</v>
      </c>
      <c r="Q9973">
        <v>46</v>
      </c>
      <c r="R9973">
        <v>47</v>
      </c>
      <c r="S9973">
        <v>47</v>
      </c>
      <c r="T9973">
        <v>48</v>
      </c>
      <c r="U9973">
        <v>48</v>
      </c>
      <c r="V9973">
        <v>49</v>
      </c>
      <c r="W9973">
        <v>49</v>
      </c>
      <c r="X9973">
        <v>50</v>
      </c>
      <c r="Y9973">
        <v>50</v>
      </c>
      <c r="Z9973">
        <v>51</v>
      </c>
      <c r="AA9973">
        <v>51</v>
      </c>
      <c r="AB9973">
        <v>52</v>
      </c>
      <c r="AC9973">
        <v>52</v>
      </c>
      <c r="AD9973">
        <v>53</v>
      </c>
      <c r="AE9973">
        <v>53</v>
      </c>
      <c r="AF9973">
        <v>54</v>
      </c>
      <c r="AG9973">
        <v>54</v>
      </c>
      <c r="AH9973">
        <v>55</v>
      </c>
      <c r="AI9973">
        <v>55</v>
      </c>
      <c r="AJ9973">
        <v>55</v>
      </c>
      <c r="AK9973">
        <v>56</v>
      </c>
      <c r="AL9973">
        <v>56</v>
      </c>
      <c r="AM9973">
        <v>56</v>
      </c>
      <c r="AN9973">
        <v>56</v>
      </c>
      <c r="AO9973">
        <v>56</v>
      </c>
      <c r="AP9973">
        <v>56</v>
      </c>
      <c r="AQ9973">
        <v>56</v>
      </c>
    </row>
    <row r="9974" spans="1:43">
      <c r="A9974" t="s">
        <v>6224</v>
      </c>
      <c r="B9974" t="s">
        <v>6225</v>
      </c>
      <c r="C9974" t="s">
        <v>6226</v>
      </c>
      <c r="D9974" t="s">
        <v>6227</v>
      </c>
      <c r="E9974" t="s">
        <v>6174</v>
      </c>
      <c r="F9974" t="s">
        <v>6175</v>
      </c>
      <c r="G9974" t="s">
        <v>80</v>
      </c>
      <c r="H9974" t="s">
        <v>81</v>
      </c>
      <c r="I9974" s="2">
        <v>0</v>
      </c>
      <c r="J9974" s="2">
        <v>1</v>
      </c>
      <c r="K9974" s="2">
        <v>0</v>
      </c>
      <c r="L9974" t="s">
        <v>82</v>
      </c>
      <c r="M9974" t="s">
        <v>83</v>
      </c>
      <c r="N9974" t="s">
        <v>84</v>
      </c>
      <c r="O9974" t="s">
        <v>85</v>
      </c>
      <c r="P9974" t="s">
        <v>86</v>
      </c>
      <c r="Q9974">
        <v>79</v>
      </c>
      <c r="R9974">
        <v>80</v>
      </c>
      <c r="S9974">
        <v>81</v>
      </c>
      <c r="T9974">
        <v>82</v>
      </c>
      <c r="U9974">
        <v>83</v>
      </c>
      <c r="V9974">
        <v>84</v>
      </c>
      <c r="W9974">
        <v>85</v>
      </c>
      <c r="X9974">
        <v>86</v>
      </c>
      <c r="Y9974">
        <v>86</v>
      </c>
      <c r="Z9974">
        <v>87</v>
      </c>
      <c r="AA9974">
        <v>88</v>
      </c>
      <c r="AB9974">
        <v>89</v>
      </c>
      <c r="AC9974">
        <v>90</v>
      </c>
      <c r="AD9974">
        <v>91</v>
      </c>
      <c r="AE9974">
        <v>91</v>
      </c>
      <c r="AF9974">
        <v>92</v>
      </c>
      <c r="AG9974">
        <v>93</v>
      </c>
      <c r="AH9974">
        <v>94</v>
      </c>
      <c r="AI9974">
        <v>94</v>
      </c>
      <c r="AJ9974">
        <v>95</v>
      </c>
      <c r="AK9974">
        <v>96</v>
      </c>
      <c r="AL9974">
        <v>96</v>
      </c>
      <c r="AM9974">
        <v>95</v>
      </c>
      <c r="AN9974">
        <v>95</v>
      </c>
      <c r="AO9974">
        <v>95</v>
      </c>
      <c r="AP9974">
        <v>95</v>
      </c>
      <c r="AQ9974">
        <v>95</v>
      </c>
    </row>
    <row r="9975" spans="1:43">
      <c r="A9975" t="s">
        <v>6224</v>
      </c>
      <c r="B9975" t="s">
        <v>6225</v>
      </c>
      <c r="C9975" t="s">
        <v>6226</v>
      </c>
      <c r="D9975" t="s">
        <v>6227</v>
      </c>
      <c r="E9975" t="s">
        <v>6174</v>
      </c>
      <c r="F9975" t="s">
        <v>6175</v>
      </c>
      <c r="G9975" t="s">
        <v>80</v>
      </c>
      <c r="H9975" t="s">
        <v>81</v>
      </c>
      <c r="I9975" s="2">
        <v>0</v>
      </c>
      <c r="J9975" s="2">
        <v>1</v>
      </c>
      <c r="K9975" s="2">
        <v>0</v>
      </c>
      <c r="L9975" t="s">
        <v>82</v>
      </c>
      <c r="M9975" t="s">
        <v>87</v>
      </c>
      <c r="N9975" t="s">
        <v>88</v>
      </c>
      <c r="O9975" t="s">
        <v>85</v>
      </c>
      <c r="P9975" t="s">
        <v>86</v>
      </c>
      <c r="Q9975">
        <v>79</v>
      </c>
      <c r="R9975">
        <v>80</v>
      </c>
      <c r="S9975">
        <v>80</v>
      </c>
      <c r="T9975">
        <v>80</v>
      </c>
      <c r="U9975">
        <v>80</v>
      </c>
      <c r="V9975">
        <v>80</v>
      </c>
      <c r="W9975">
        <v>81</v>
      </c>
      <c r="X9975">
        <v>81</v>
      </c>
      <c r="Y9975">
        <v>81</v>
      </c>
      <c r="Z9975">
        <v>81</v>
      </c>
      <c r="AA9975">
        <v>81</v>
      </c>
      <c r="AB9975">
        <v>81</v>
      </c>
      <c r="AC9975">
        <v>82</v>
      </c>
      <c r="AD9975">
        <v>82</v>
      </c>
      <c r="AE9975">
        <v>82</v>
      </c>
      <c r="AF9975">
        <v>82</v>
      </c>
      <c r="AG9975">
        <v>82</v>
      </c>
      <c r="AH9975">
        <v>82</v>
      </c>
      <c r="AI9975">
        <v>82</v>
      </c>
      <c r="AJ9975">
        <v>83</v>
      </c>
      <c r="AK9975">
        <v>83</v>
      </c>
      <c r="AL9975">
        <v>83</v>
      </c>
      <c r="AM9975">
        <v>83</v>
      </c>
      <c r="AN9975">
        <v>83</v>
      </c>
      <c r="AO9975">
        <v>83</v>
      </c>
      <c r="AP9975">
        <v>83</v>
      </c>
      <c r="AQ9975">
        <v>83</v>
      </c>
    </row>
    <row r="9976" spans="1:43">
      <c r="A9976" t="s">
        <v>6224</v>
      </c>
      <c r="B9976" t="s">
        <v>6225</v>
      </c>
      <c r="C9976" t="s">
        <v>6226</v>
      </c>
      <c r="D9976" t="s">
        <v>6227</v>
      </c>
      <c r="E9976" t="s">
        <v>6174</v>
      </c>
      <c r="F9976" t="s">
        <v>6175</v>
      </c>
      <c r="G9976" t="s">
        <v>80</v>
      </c>
      <c r="H9976" t="s">
        <v>81</v>
      </c>
      <c r="I9976" s="2">
        <v>0</v>
      </c>
      <c r="J9976" s="2">
        <v>1</v>
      </c>
      <c r="K9976" s="2">
        <v>0</v>
      </c>
      <c r="L9976" t="s">
        <v>82</v>
      </c>
      <c r="M9976" t="s">
        <v>89</v>
      </c>
      <c r="N9976" t="s">
        <v>90</v>
      </c>
      <c r="O9976" t="s">
        <v>85</v>
      </c>
      <c r="P9976" t="s">
        <v>86</v>
      </c>
      <c r="Q9976">
        <v>79</v>
      </c>
      <c r="R9976">
        <v>81</v>
      </c>
      <c r="S9976">
        <v>82</v>
      </c>
      <c r="T9976">
        <v>84</v>
      </c>
      <c r="U9976">
        <v>85</v>
      </c>
      <c r="V9976">
        <v>87</v>
      </c>
      <c r="W9976">
        <v>88</v>
      </c>
      <c r="X9976">
        <v>89</v>
      </c>
      <c r="Y9976">
        <v>91</v>
      </c>
      <c r="Z9976">
        <v>92</v>
      </c>
      <c r="AA9976">
        <v>93</v>
      </c>
      <c r="AB9976">
        <v>94</v>
      </c>
      <c r="AC9976">
        <v>95</v>
      </c>
      <c r="AD9976">
        <v>96</v>
      </c>
      <c r="AE9976">
        <v>97</v>
      </c>
      <c r="AF9976">
        <v>97</v>
      </c>
      <c r="AG9976">
        <v>96</v>
      </c>
      <c r="AH9976">
        <v>96</v>
      </c>
      <c r="AI9976">
        <v>96</v>
      </c>
      <c r="AJ9976">
        <v>96</v>
      </c>
      <c r="AK9976">
        <v>96</v>
      </c>
      <c r="AL9976">
        <v>95</v>
      </c>
      <c r="AM9976">
        <v>95</v>
      </c>
      <c r="AN9976">
        <v>95</v>
      </c>
      <c r="AO9976">
        <v>95</v>
      </c>
      <c r="AP9976">
        <v>94</v>
      </c>
      <c r="AQ9976">
        <v>94</v>
      </c>
    </row>
    <row r="9977" spans="1:43">
      <c r="A9977" t="s">
        <v>6224</v>
      </c>
      <c r="B9977" t="s">
        <v>6225</v>
      </c>
      <c r="C9977" t="s">
        <v>6226</v>
      </c>
      <c r="D9977" t="s">
        <v>6227</v>
      </c>
      <c r="E9977" t="s">
        <v>6174</v>
      </c>
      <c r="F9977" t="s">
        <v>6175</v>
      </c>
      <c r="G9977" t="s">
        <v>80</v>
      </c>
      <c r="H9977" t="s">
        <v>81</v>
      </c>
      <c r="I9977" s="2">
        <v>0</v>
      </c>
      <c r="J9977" s="2">
        <v>1</v>
      </c>
      <c r="K9977" s="2">
        <v>0</v>
      </c>
      <c r="L9977" t="s">
        <v>82</v>
      </c>
      <c r="M9977" t="s">
        <v>83</v>
      </c>
      <c r="N9977" t="s">
        <v>91</v>
      </c>
      <c r="O9977" t="s">
        <v>85</v>
      </c>
      <c r="P9977" t="s">
        <v>86</v>
      </c>
      <c r="Q9977">
        <v>79</v>
      </c>
      <c r="R9977">
        <v>80</v>
      </c>
      <c r="S9977">
        <v>81</v>
      </c>
      <c r="T9977">
        <v>82</v>
      </c>
      <c r="U9977">
        <v>83</v>
      </c>
      <c r="V9977">
        <v>84</v>
      </c>
      <c r="W9977">
        <v>85</v>
      </c>
      <c r="X9977">
        <v>86</v>
      </c>
      <c r="Y9977">
        <v>86</v>
      </c>
      <c r="Z9977">
        <v>87</v>
      </c>
      <c r="AA9977">
        <v>88</v>
      </c>
      <c r="AB9977">
        <v>89</v>
      </c>
      <c r="AC9977">
        <v>90</v>
      </c>
      <c r="AD9977">
        <v>91</v>
      </c>
      <c r="AE9977">
        <v>91</v>
      </c>
      <c r="AF9977">
        <v>92</v>
      </c>
      <c r="AG9977">
        <v>93</v>
      </c>
      <c r="AH9977">
        <v>94</v>
      </c>
      <c r="AI9977">
        <v>94</v>
      </c>
      <c r="AJ9977">
        <v>95</v>
      </c>
      <c r="AK9977">
        <v>96</v>
      </c>
      <c r="AL9977">
        <v>96</v>
      </c>
      <c r="AM9977">
        <v>95</v>
      </c>
      <c r="AN9977">
        <v>95</v>
      </c>
      <c r="AO9977">
        <v>95</v>
      </c>
      <c r="AP9977">
        <v>95</v>
      </c>
      <c r="AQ9977">
        <v>95</v>
      </c>
    </row>
    <row r="9978" spans="1:43">
      <c r="A9978" t="s">
        <v>6228</v>
      </c>
      <c r="B9978" t="s">
        <v>6229</v>
      </c>
      <c r="C9978" t="s">
        <v>6220</v>
      </c>
      <c r="D9978" t="s">
        <v>6221</v>
      </c>
      <c r="E9978" t="s">
        <v>6174</v>
      </c>
      <c r="F9978" t="s">
        <v>6175</v>
      </c>
      <c r="G9978" t="s">
        <v>80</v>
      </c>
      <c r="H9978" t="s">
        <v>81</v>
      </c>
      <c r="I9978" s="2">
        <v>0</v>
      </c>
      <c r="J9978" s="2">
        <v>1</v>
      </c>
      <c r="K9978" s="2">
        <v>0</v>
      </c>
      <c r="L9978" t="s">
        <v>82</v>
      </c>
      <c r="M9978" t="s">
        <v>83</v>
      </c>
      <c r="N9978" t="s">
        <v>84</v>
      </c>
      <c r="O9978" t="s">
        <v>85</v>
      </c>
      <c r="P9978" t="s">
        <v>86</v>
      </c>
      <c r="Q9978">
        <v>80</v>
      </c>
      <c r="R9978">
        <v>81</v>
      </c>
      <c r="S9978">
        <v>82</v>
      </c>
      <c r="T9978">
        <v>83</v>
      </c>
      <c r="U9978">
        <v>84</v>
      </c>
      <c r="V9978">
        <v>85</v>
      </c>
      <c r="W9978">
        <v>86</v>
      </c>
      <c r="X9978">
        <v>87</v>
      </c>
      <c r="Y9978">
        <v>88</v>
      </c>
      <c r="Z9978">
        <v>89</v>
      </c>
      <c r="AA9978">
        <v>90</v>
      </c>
      <c r="AB9978">
        <v>90</v>
      </c>
      <c r="AC9978">
        <v>91</v>
      </c>
      <c r="AD9978">
        <v>92</v>
      </c>
      <c r="AE9978">
        <v>93</v>
      </c>
      <c r="AF9978">
        <v>94</v>
      </c>
      <c r="AG9978">
        <v>95</v>
      </c>
      <c r="AH9978">
        <v>95</v>
      </c>
      <c r="AI9978">
        <v>96</v>
      </c>
      <c r="AJ9978">
        <v>97</v>
      </c>
      <c r="AK9978">
        <v>98</v>
      </c>
      <c r="AL9978">
        <v>98</v>
      </c>
      <c r="AM9978">
        <v>98</v>
      </c>
      <c r="AN9978">
        <v>98</v>
      </c>
      <c r="AO9978">
        <v>98</v>
      </c>
      <c r="AP9978">
        <v>98</v>
      </c>
      <c r="AQ9978">
        <v>98</v>
      </c>
    </row>
    <row r="9979" spans="1:43">
      <c r="A9979" t="s">
        <v>6228</v>
      </c>
      <c r="B9979" t="s">
        <v>6229</v>
      </c>
      <c r="C9979" t="s">
        <v>6220</v>
      </c>
      <c r="D9979" t="s">
        <v>6221</v>
      </c>
      <c r="E9979" t="s">
        <v>6174</v>
      </c>
      <c r="F9979" t="s">
        <v>6175</v>
      </c>
      <c r="G9979" t="s">
        <v>80</v>
      </c>
      <c r="H9979" t="s">
        <v>81</v>
      </c>
      <c r="I9979" s="2">
        <v>0</v>
      </c>
      <c r="J9979" s="2">
        <v>1</v>
      </c>
      <c r="K9979" s="2">
        <v>0</v>
      </c>
      <c r="L9979" t="s">
        <v>82</v>
      </c>
      <c r="M9979" t="s">
        <v>87</v>
      </c>
      <c r="N9979" t="s">
        <v>88</v>
      </c>
      <c r="O9979" t="s">
        <v>85</v>
      </c>
      <c r="P9979" t="s">
        <v>86</v>
      </c>
      <c r="Q9979">
        <v>80</v>
      </c>
      <c r="R9979">
        <v>80</v>
      </c>
      <c r="S9979">
        <v>81</v>
      </c>
      <c r="T9979">
        <v>81</v>
      </c>
      <c r="U9979">
        <v>81</v>
      </c>
      <c r="V9979">
        <v>81</v>
      </c>
      <c r="W9979">
        <v>82</v>
      </c>
      <c r="X9979">
        <v>82</v>
      </c>
      <c r="Y9979">
        <v>82</v>
      </c>
      <c r="Z9979">
        <v>82</v>
      </c>
      <c r="AA9979">
        <v>82</v>
      </c>
      <c r="AB9979">
        <v>83</v>
      </c>
      <c r="AC9979">
        <v>83</v>
      </c>
      <c r="AD9979">
        <v>83</v>
      </c>
      <c r="AE9979">
        <v>83</v>
      </c>
      <c r="AF9979">
        <v>84</v>
      </c>
      <c r="AG9979">
        <v>84</v>
      </c>
      <c r="AH9979">
        <v>84</v>
      </c>
      <c r="AI9979">
        <v>84</v>
      </c>
      <c r="AJ9979">
        <v>84</v>
      </c>
      <c r="AK9979">
        <v>84</v>
      </c>
      <c r="AL9979">
        <v>85</v>
      </c>
      <c r="AM9979">
        <v>85</v>
      </c>
      <c r="AN9979">
        <v>85</v>
      </c>
      <c r="AO9979">
        <v>85</v>
      </c>
      <c r="AP9979">
        <v>85</v>
      </c>
      <c r="AQ9979">
        <v>85</v>
      </c>
    </row>
    <row r="9980" spans="1:43">
      <c r="A9980" t="s">
        <v>6228</v>
      </c>
      <c r="B9980" t="s">
        <v>6229</v>
      </c>
      <c r="C9980" t="s">
        <v>6220</v>
      </c>
      <c r="D9980" t="s">
        <v>6221</v>
      </c>
      <c r="E9980" t="s">
        <v>6174</v>
      </c>
      <c r="F9980" t="s">
        <v>6175</v>
      </c>
      <c r="G9980" t="s">
        <v>80</v>
      </c>
      <c r="H9980" t="s">
        <v>81</v>
      </c>
      <c r="I9980" s="2">
        <v>0</v>
      </c>
      <c r="J9980" s="2">
        <v>1</v>
      </c>
      <c r="K9980" s="2">
        <v>0</v>
      </c>
      <c r="L9980" t="s">
        <v>82</v>
      </c>
      <c r="M9980" t="s">
        <v>89</v>
      </c>
      <c r="N9980" t="s">
        <v>90</v>
      </c>
      <c r="O9980" t="s">
        <v>85</v>
      </c>
      <c r="P9980" t="s">
        <v>86</v>
      </c>
      <c r="Q9980">
        <v>80</v>
      </c>
      <c r="R9980">
        <v>81</v>
      </c>
      <c r="S9980">
        <v>83</v>
      </c>
      <c r="T9980">
        <v>85</v>
      </c>
      <c r="U9980">
        <v>86</v>
      </c>
      <c r="V9980">
        <v>88</v>
      </c>
      <c r="W9980">
        <v>89</v>
      </c>
      <c r="X9980">
        <v>91</v>
      </c>
      <c r="Y9980">
        <v>92</v>
      </c>
      <c r="Z9980">
        <v>93</v>
      </c>
      <c r="AA9980">
        <v>94</v>
      </c>
      <c r="AB9980">
        <v>96</v>
      </c>
      <c r="AC9980">
        <v>97</v>
      </c>
      <c r="AD9980">
        <v>98</v>
      </c>
      <c r="AE9980">
        <v>99</v>
      </c>
      <c r="AF9980">
        <v>99</v>
      </c>
      <c r="AG9980">
        <v>99</v>
      </c>
      <c r="AH9980">
        <v>98</v>
      </c>
      <c r="AI9980">
        <v>98</v>
      </c>
      <c r="AJ9980">
        <v>98</v>
      </c>
      <c r="AK9980">
        <v>98</v>
      </c>
      <c r="AL9980">
        <v>98</v>
      </c>
      <c r="AM9980">
        <v>98</v>
      </c>
      <c r="AN9980">
        <v>98</v>
      </c>
      <c r="AO9980">
        <v>98</v>
      </c>
      <c r="AP9980">
        <v>98</v>
      </c>
      <c r="AQ9980">
        <v>98</v>
      </c>
    </row>
    <row r="9981" spans="1:43">
      <c r="A9981" t="s">
        <v>6228</v>
      </c>
      <c r="B9981" t="s">
        <v>6229</v>
      </c>
      <c r="C9981" t="s">
        <v>6220</v>
      </c>
      <c r="D9981" t="s">
        <v>6221</v>
      </c>
      <c r="E9981" t="s">
        <v>6174</v>
      </c>
      <c r="F9981" t="s">
        <v>6175</v>
      </c>
      <c r="G9981" t="s">
        <v>80</v>
      </c>
      <c r="H9981" t="s">
        <v>81</v>
      </c>
      <c r="I9981" s="2">
        <v>0</v>
      </c>
      <c r="J9981" s="2">
        <v>1</v>
      </c>
      <c r="K9981" s="2">
        <v>0</v>
      </c>
      <c r="L9981" t="s">
        <v>82</v>
      </c>
      <c r="M9981" t="s">
        <v>83</v>
      </c>
      <c r="N9981" t="s">
        <v>91</v>
      </c>
      <c r="O9981" t="s">
        <v>85</v>
      </c>
      <c r="P9981" t="s">
        <v>86</v>
      </c>
      <c r="Q9981">
        <v>80</v>
      </c>
      <c r="R9981">
        <v>81</v>
      </c>
      <c r="S9981">
        <v>82</v>
      </c>
      <c r="T9981">
        <v>83</v>
      </c>
      <c r="U9981">
        <v>84</v>
      </c>
      <c r="V9981">
        <v>85</v>
      </c>
      <c r="W9981">
        <v>86</v>
      </c>
      <c r="X9981">
        <v>87</v>
      </c>
      <c r="Y9981">
        <v>88</v>
      </c>
      <c r="Z9981">
        <v>89</v>
      </c>
      <c r="AA9981">
        <v>90</v>
      </c>
      <c r="AB9981">
        <v>90</v>
      </c>
      <c r="AC9981">
        <v>91</v>
      </c>
      <c r="AD9981">
        <v>92</v>
      </c>
      <c r="AE9981">
        <v>93</v>
      </c>
      <c r="AF9981">
        <v>94</v>
      </c>
      <c r="AG9981">
        <v>95</v>
      </c>
      <c r="AH9981">
        <v>95</v>
      </c>
      <c r="AI9981">
        <v>96</v>
      </c>
      <c r="AJ9981">
        <v>97</v>
      </c>
      <c r="AK9981">
        <v>98</v>
      </c>
      <c r="AL9981">
        <v>98</v>
      </c>
      <c r="AM9981">
        <v>98</v>
      </c>
      <c r="AN9981">
        <v>98</v>
      </c>
      <c r="AO9981">
        <v>98</v>
      </c>
      <c r="AP9981">
        <v>98</v>
      </c>
      <c r="AQ9981">
        <v>98</v>
      </c>
    </row>
    <row r="9982" spans="1:43">
      <c r="A9982" t="s">
        <v>6230</v>
      </c>
      <c r="B9982" t="s">
        <v>6231</v>
      </c>
      <c r="C9982" t="s">
        <v>6212</v>
      </c>
      <c r="D9982" t="s">
        <v>6213</v>
      </c>
      <c r="E9982" t="s">
        <v>6174</v>
      </c>
      <c r="F9982" t="s">
        <v>6175</v>
      </c>
      <c r="G9982" t="s">
        <v>80</v>
      </c>
      <c r="H9982" t="s">
        <v>81</v>
      </c>
      <c r="I9982" s="2">
        <v>0</v>
      </c>
      <c r="J9982" s="2">
        <v>1</v>
      </c>
      <c r="K9982" s="2">
        <v>0</v>
      </c>
      <c r="L9982" t="s">
        <v>82</v>
      </c>
      <c r="M9982" t="s">
        <v>83</v>
      </c>
      <c r="N9982" t="s">
        <v>84</v>
      </c>
      <c r="O9982" t="s">
        <v>85</v>
      </c>
      <c r="P9982" t="s">
        <v>86</v>
      </c>
      <c r="Q9982">
        <v>25</v>
      </c>
      <c r="R9982">
        <v>25</v>
      </c>
      <c r="S9982">
        <v>26</v>
      </c>
      <c r="T9982">
        <v>26</v>
      </c>
      <c r="U9982">
        <v>26</v>
      </c>
      <c r="V9982">
        <v>27</v>
      </c>
      <c r="W9982">
        <v>27</v>
      </c>
      <c r="X9982">
        <v>27</v>
      </c>
      <c r="Y9982">
        <v>27</v>
      </c>
      <c r="Z9982">
        <v>28</v>
      </c>
      <c r="AA9982">
        <v>28</v>
      </c>
      <c r="AB9982">
        <v>28</v>
      </c>
      <c r="AC9982">
        <v>28</v>
      </c>
      <c r="AD9982">
        <v>29</v>
      </c>
      <c r="AE9982">
        <v>29</v>
      </c>
      <c r="AF9982">
        <v>29</v>
      </c>
      <c r="AG9982">
        <v>29</v>
      </c>
      <c r="AH9982">
        <v>30</v>
      </c>
      <c r="AI9982">
        <v>30</v>
      </c>
      <c r="AJ9982">
        <v>30</v>
      </c>
      <c r="AK9982">
        <v>30</v>
      </c>
      <c r="AL9982">
        <v>30</v>
      </c>
      <c r="AM9982">
        <v>30</v>
      </c>
      <c r="AN9982">
        <v>30</v>
      </c>
      <c r="AO9982">
        <v>30</v>
      </c>
      <c r="AP9982">
        <v>30</v>
      </c>
      <c r="AQ9982">
        <v>30</v>
      </c>
    </row>
    <row r="9983" spans="1:43">
      <c r="A9983" t="s">
        <v>6230</v>
      </c>
      <c r="B9983" t="s">
        <v>6231</v>
      </c>
      <c r="C9983" t="s">
        <v>6212</v>
      </c>
      <c r="D9983" t="s">
        <v>6213</v>
      </c>
      <c r="E9983" t="s">
        <v>6174</v>
      </c>
      <c r="F9983" t="s">
        <v>6175</v>
      </c>
      <c r="G9983" t="s">
        <v>80</v>
      </c>
      <c r="H9983" t="s">
        <v>81</v>
      </c>
      <c r="I9983" s="2">
        <v>0</v>
      </c>
      <c r="J9983" s="2">
        <v>1</v>
      </c>
      <c r="K9983" s="2">
        <v>0</v>
      </c>
      <c r="L9983" t="s">
        <v>82</v>
      </c>
      <c r="M9983" t="s">
        <v>87</v>
      </c>
      <c r="N9983" t="s">
        <v>88</v>
      </c>
      <c r="O9983" t="s">
        <v>85</v>
      </c>
      <c r="P9983" t="s">
        <v>86</v>
      </c>
      <c r="Q9983">
        <v>25</v>
      </c>
      <c r="R9983">
        <v>25</v>
      </c>
      <c r="S9983">
        <v>25</v>
      </c>
      <c r="T9983">
        <v>25</v>
      </c>
      <c r="U9983">
        <v>25</v>
      </c>
      <c r="V9983">
        <v>25</v>
      </c>
      <c r="W9983">
        <v>25</v>
      </c>
      <c r="X9983">
        <v>25</v>
      </c>
      <c r="Y9983">
        <v>25</v>
      </c>
      <c r="Z9983">
        <v>25</v>
      </c>
      <c r="AA9983">
        <v>25</v>
      </c>
      <c r="AB9983">
        <v>25</v>
      </c>
      <c r="AC9983">
        <v>26</v>
      </c>
      <c r="AD9983">
        <v>26</v>
      </c>
      <c r="AE9983">
        <v>26</v>
      </c>
      <c r="AF9983">
        <v>26</v>
      </c>
      <c r="AG9983">
        <v>26</v>
      </c>
      <c r="AH9983">
        <v>26</v>
      </c>
      <c r="AI9983">
        <v>26</v>
      </c>
      <c r="AJ9983">
        <v>26</v>
      </c>
      <c r="AK9983">
        <v>26</v>
      </c>
      <c r="AL9983">
        <v>26</v>
      </c>
      <c r="AM9983">
        <v>26</v>
      </c>
      <c r="AN9983">
        <v>26</v>
      </c>
      <c r="AO9983">
        <v>26</v>
      </c>
      <c r="AP9983">
        <v>26</v>
      </c>
      <c r="AQ9983">
        <v>26</v>
      </c>
    </row>
    <row r="9984" spans="1:43">
      <c r="A9984" t="s">
        <v>6230</v>
      </c>
      <c r="B9984" t="s">
        <v>6231</v>
      </c>
      <c r="C9984" t="s">
        <v>6212</v>
      </c>
      <c r="D9984" t="s">
        <v>6213</v>
      </c>
      <c r="E9984" t="s">
        <v>6174</v>
      </c>
      <c r="F9984" t="s">
        <v>6175</v>
      </c>
      <c r="G9984" t="s">
        <v>80</v>
      </c>
      <c r="H9984" t="s">
        <v>81</v>
      </c>
      <c r="I9984" s="2">
        <v>0</v>
      </c>
      <c r="J9984" s="2">
        <v>1</v>
      </c>
      <c r="K9984" s="2">
        <v>0</v>
      </c>
      <c r="L9984" t="s">
        <v>82</v>
      </c>
      <c r="M9984" t="s">
        <v>89</v>
      </c>
      <c r="N9984" t="s">
        <v>90</v>
      </c>
      <c r="O9984" t="s">
        <v>85</v>
      </c>
      <c r="P9984" t="s">
        <v>86</v>
      </c>
      <c r="Q9984">
        <v>25</v>
      </c>
      <c r="R9984">
        <v>26</v>
      </c>
      <c r="S9984">
        <v>26</v>
      </c>
      <c r="T9984">
        <v>27</v>
      </c>
      <c r="U9984">
        <v>27</v>
      </c>
      <c r="V9984">
        <v>28</v>
      </c>
      <c r="W9984">
        <v>28</v>
      </c>
      <c r="X9984">
        <v>29</v>
      </c>
      <c r="Y9984">
        <v>29</v>
      </c>
      <c r="Z9984">
        <v>29</v>
      </c>
      <c r="AA9984">
        <v>30</v>
      </c>
      <c r="AB9984">
        <v>30</v>
      </c>
      <c r="AC9984">
        <v>31</v>
      </c>
      <c r="AD9984">
        <v>31</v>
      </c>
      <c r="AE9984">
        <v>31</v>
      </c>
      <c r="AF9984">
        <v>31</v>
      </c>
      <c r="AG9984">
        <v>31</v>
      </c>
      <c r="AH9984">
        <v>31</v>
      </c>
      <c r="AI9984">
        <v>31</v>
      </c>
      <c r="AJ9984">
        <v>31</v>
      </c>
      <c r="AK9984">
        <v>31</v>
      </c>
      <c r="AL9984">
        <v>31</v>
      </c>
      <c r="AM9984">
        <v>31</v>
      </c>
      <c r="AN9984">
        <v>31</v>
      </c>
      <c r="AO9984">
        <v>31</v>
      </c>
      <c r="AP9984">
        <v>30</v>
      </c>
      <c r="AQ9984">
        <v>30</v>
      </c>
    </row>
    <row r="9985" spans="1:43">
      <c r="A9985" t="s">
        <v>6230</v>
      </c>
      <c r="B9985" t="s">
        <v>6231</v>
      </c>
      <c r="C9985" t="s">
        <v>6212</v>
      </c>
      <c r="D9985" t="s">
        <v>6213</v>
      </c>
      <c r="E9985" t="s">
        <v>6174</v>
      </c>
      <c r="F9985" t="s">
        <v>6175</v>
      </c>
      <c r="G9985" t="s">
        <v>80</v>
      </c>
      <c r="H9985" t="s">
        <v>81</v>
      </c>
      <c r="I9985" s="2">
        <v>0</v>
      </c>
      <c r="J9985" s="2">
        <v>1</v>
      </c>
      <c r="K9985" s="2">
        <v>0</v>
      </c>
      <c r="L9985" t="s">
        <v>82</v>
      </c>
      <c r="M9985" t="s">
        <v>83</v>
      </c>
      <c r="N9985" t="s">
        <v>91</v>
      </c>
      <c r="O9985" t="s">
        <v>85</v>
      </c>
      <c r="P9985" t="s">
        <v>86</v>
      </c>
      <c r="Q9985">
        <v>25</v>
      </c>
      <c r="R9985">
        <v>25</v>
      </c>
      <c r="S9985">
        <v>26</v>
      </c>
      <c r="T9985">
        <v>26</v>
      </c>
      <c r="U9985">
        <v>26</v>
      </c>
      <c r="V9985">
        <v>27</v>
      </c>
      <c r="W9985">
        <v>27</v>
      </c>
      <c r="X9985">
        <v>27</v>
      </c>
      <c r="Y9985">
        <v>27</v>
      </c>
      <c r="Z9985">
        <v>28</v>
      </c>
      <c r="AA9985">
        <v>28</v>
      </c>
      <c r="AB9985">
        <v>28</v>
      </c>
      <c r="AC9985">
        <v>28</v>
      </c>
      <c r="AD9985">
        <v>29</v>
      </c>
      <c r="AE9985">
        <v>29</v>
      </c>
      <c r="AF9985">
        <v>29</v>
      </c>
      <c r="AG9985">
        <v>29</v>
      </c>
      <c r="AH9985">
        <v>30</v>
      </c>
      <c r="AI9985">
        <v>30</v>
      </c>
      <c r="AJ9985">
        <v>30</v>
      </c>
      <c r="AK9985">
        <v>30</v>
      </c>
      <c r="AL9985">
        <v>30</v>
      </c>
      <c r="AM9985">
        <v>30</v>
      </c>
      <c r="AN9985">
        <v>30</v>
      </c>
      <c r="AO9985">
        <v>30</v>
      </c>
      <c r="AP9985">
        <v>30</v>
      </c>
      <c r="AQ9985">
        <v>30</v>
      </c>
    </row>
    <row r="9986" spans="1:43">
      <c r="A9986" t="s">
        <v>6232</v>
      </c>
      <c r="B9986" t="s">
        <v>6233</v>
      </c>
      <c r="C9986" t="s">
        <v>6234</v>
      </c>
      <c r="D9986" t="s">
        <v>6235</v>
      </c>
      <c r="E9986" t="s">
        <v>6174</v>
      </c>
      <c r="F9986" t="s">
        <v>6175</v>
      </c>
      <c r="G9986" t="s">
        <v>80</v>
      </c>
      <c r="H9986" t="s">
        <v>81</v>
      </c>
      <c r="I9986" s="2">
        <v>0</v>
      </c>
      <c r="J9986" s="2">
        <v>1</v>
      </c>
      <c r="K9986" s="2">
        <v>0</v>
      </c>
      <c r="L9986" t="s">
        <v>82</v>
      </c>
      <c r="M9986" t="s">
        <v>83</v>
      </c>
      <c r="N9986" t="s">
        <v>84</v>
      </c>
      <c r="O9986" t="s">
        <v>85</v>
      </c>
      <c r="P9986" t="s">
        <v>86</v>
      </c>
      <c r="Q9986">
        <v>53</v>
      </c>
      <c r="R9986">
        <v>53</v>
      </c>
      <c r="S9986">
        <v>54</v>
      </c>
      <c r="T9986">
        <v>55</v>
      </c>
      <c r="U9986">
        <v>55</v>
      </c>
      <c r="V9986">
        <v>56</v>
      </c>
      <c r="W9986">
        <v>56</v>
      </c>
      <c r="X9986">
        <v>57</v>
      </c>
      <c r="Y9986">
        <v>58</v>
      </c>
      <c r="Z9986">
        <v>58</v>
      </c>
      <c r="AA9986">
        <v>59</v>
      </c>
      <c r="AB9986">
        <v>59</v>
      </c>
      <c r="AC9986">
        <v>60</v>
      </c>
      <c r="AD9986">
        <v>60</v>
      </c>
      <c r="AE9986">
        <v>61</v>
      </c>
      <c r="AF9986">
        <v>61</v>
      </c>
      <c r="AG9986">
        <v>62</v>
      </c>
      <c r="AH9986">
        <v>62</v>
      </c>
      <c r="AI9986">
        <v>63</v>
      </c>
      <c r="AJ9986">
        <v>63</v>
      </c>
      <c r="AK9986">
        <v>64</v>
      </c>
      <c r="AL9986">
        <v>64</v>
      </c>
      <c r="AM9986">
        <v>64</v>
      </c>
      <c r="AN9986">
        <v>64</v>
      </c>
      <c r="AO9986">
        <v>64</v>
      </c>
      <c r="AP9986">
        <v>64</v>
      </c>
      <c r="AQ9986">
        <v>63</v>
      </c>
    </row>
    <row r="9987" spans="1:43">
      <c r="A9987" t="s">
        <v>6232</v>
      </c>
      <c r="B9987" t="s">
        <v>6233</v>
      </c>
      <c r="C9987" t="s">
        <v>6234</v>
      </c>
      <c r="D9987" t="s">
        <v>6235</v>
      </c>
      <c r="E9987" t="s">
        <v>6174</v>
      </c>
      <c r="F9987" t="s">
        <v>6175</v>
      </c>
      <c r="G9987" t="s">
        <v>80</v>
      </c>
      <c r="H9987" t="s">
        <v>81</v>
      </c>
      <c r="I9987" s="2">
        <v>0</v>
      </c>
      <c r="J9987" s="2">
        <v>1</v>
      </c>
      <c r="K9987" s="2">
        <v>0</v>
      </c>
      <c r="L9987" t="s">
        <v>82</v>
      </c>
      <c r="M9987" t="s">
        <v>87</v>
      </c>
      <c r="N9987" t="s">
        <v>88</v>
      </c>
      <c r="O9987" t="s">
        <v>85</v>
      </c>
      <c r="P9987" t="s">
        <v>86</v>
      </c>
      <c r="Q9987">
        <v>53</v>
      </c>
      <c r="R9987">
        <v>53</v>
      </c>
      <c r="S9987">
        <v>54</v>
      </c>
      <c r="T9987">
        <v>54</v>
      </c>
      <c r="U9987">
        <v>54</v>
      </c>
      <c r="V9987">
        <v>54</v>
      </c>
      <c r="W9987">
        <v>54</v>
      </c>
      <c r="X9987">
        <v>54</v>
      </c>
      <c r="Y9987">
        <v>54</v>
      </c>
      <c r="Z9987">
        <v>54</v>
      </c>
      <c r="AA9987">
        <v>55</v>
      </c>
      <c r="AB9987">
        <v>55</v>
      </c>
      <c r="AC9987">
        <v>55</v>
      </c>
      <c r="AD9987">
        <v>55</v>
      </c>
      <c r="AE9987">
        <v>55</v>
      </c>
      <c r="AF9987">
        <v>55</v>
      </c>
      <c r="AG9987">
        <v>55</v>
      </c>
      <c r="AH9987">
        <v>55</v>
      </c>
      <c r="AI9987">
        <v>55</v>
      </c>
      <c r="AJ9987">
        <v>55</v>
      </c>
      <c r="AK9987">
        <v>55</v>
      </c>
      <c r="AL9987">
        <v>56</v>
      </c>
      <c r="AM9987">
        <v>56</v>
      </c>
      <c r="AN9987">
        <v>56</v>
      </c>
      <c r="AO9987">
        <v>56</v>
      </c>
      <c r="AP9987">
        <v>56</v>
      </c>
      <c r="AQ9987">
        <v>56</v>
      </c>
    </row>
    <row r="9988" spans="1:43">
      <c r="A9988" t="s">
        <v>6232</v>
      </c>
      <c r="B9988" t="s">
        <v>6233</v>
      </c>
      <c r="C9988" t="s">
        <v>6234</v>
      </c>
      <c r="D9988" t="s">
        <v>6235</v>
      </c>
      <c r="E9988" t="s">
        <v>6174</v>
      </c>
      <c r="F9988" t="s">
        <v>6175</v>
      </c>
      <c r="G9988" t="s">
        <v>80</v>
      </c>
      <c r="H9988" t="s">
        <v>81</v>
      </c>
      <c r="I9988" s="2">
        <v>0</v>
      </c>
      <c r="J9988" s="2">
        <v>1</v>
      </c>
      <c r="K9988" s="2">
        <v>0</v>
      </c>
      <c r="L9988" t="s">
        <v>82</v>
      </c>
      <c r="M9988" t="s">
        <v>89</v>
      </c>
      <c r="N9988" t="s">
        <v>90</v>
      </c>
      <c r="O9988" t="s">
        <v>85</v>
      </c>
      <c r="P9988" t="s">
        <v>86</v>
      </c>
      <c r="Q9988">
        <v>53</v>
      </c>
      <c r="R9988">
        <v>54</v>
      </c>
      <c r="S9988">
        <v>55</v>
      </c>
      <c r="T9988">
        <v>56</v>
      </c>
      <c r="U9988">
        <v>57</v>
      </c>
      <c r="V9988">
        <v>58</v>
      </c>
      <c r="W9988">
        <v>59</v>
      </c>
      <c r="X9988">
        <v>60</v>
      </c>
      <c r="Y9988">
        <v>61</v>
      </c>
      <c r="Z9988">
        <v>62</v>
      </c>
      <c r="AA9988">
        <v>63</v>
      </c>
      <c r="AB9988">
        <v>63</v>
      </c>
      <c r="AC9988">
        <v>64</v>
      </c>
      <c r="AD9988">
        <v>65</v>
      </c>
      <c r="AE9988">
        <v>65</v>
      </c>
      <c r="AF9988">
        <v>65</v>
      </c>
      <c r="AG9988">
        <v>65</v>
      </c>
      <c r="AH9988">
        <v>65</v>
      </c>
      <c r="AI9988">
        <v>65</v>
      </c>
      <c r="AJ9988">
        <v>65</v>
      </c>
      <c r="AK9988">
        <v>65</v>
      </c>
      <c r="AL9988">
        <v>65</v>
      </c>
      <c r="AM9988">
        <v>65</v>
      </c>
      <c r="AN9988">
        <v>64</v>
      </c>
      <c r="AO9988">
        <v>64</v>
      </c>
      <c r="AP9988">
        <v>64</v>
      </c>
      <c r="AQ9988">
        <v>64</v>
      </c>
    </row>
    <row r="9989" spans="1:43">
      <c r="A9989" t="s">
        <v>6232</v>
      </c>
      <c r="B9989" t="s">
        <v>6233</v>
      </c>
      <c r="C9989" t="s">
        <v>6234</v>
      </c>
      <c r="D9989" t="s">
        <v>6235</v>
      </c>
      <c r="E9989" t="s">
        <v>6174</v>
      </c>
      <c r="F9989" t="s">
        <v>6175</v>
      </c>
      <c r="G9989" t="s">
        <v>80</v>
      </c>
      <c r="H9989" t="s">
        <v>81</v>
      </c>
      <c r="I9989" s="2">
        <v>0</v>
      </c>
      <c r="J9989" s="2">
        <v>1</v>
      </c>
      <c r="K9989" s="2">
        <v>0</v>
      </c>
      <c r="L9989" t="s">
        <v>82</v>
      </c>
      <c r="M9989" t="s">
        <v>83</v>
      </c>
      <c r="N9989" t="s">
        <v>91</v>
      </c>
      <c r="O9989" t="s">
        <v>85</v>
      </c>
      <c r="P9989" t="s">
        <v>86</v>
      </c>
      <c r="Q9989">
        <v>53</v>
      </c>
      <c r="R9989">
        <v>53</v>
      </c>
      <c r="S9989">
        <v>54</v>
      </c>
      <c r="T9989">
        <v>55</v>
      </c>
      <c r="U9989">
        <v>55</v>
      </c>
      <c r="V9989">
        <v>56</v>
      </c>
      <c r="W9989">
        <v>56</v>
      </c>
      <c r="X9989">
        <v>57</v>
      </c>
      <c r="Y9989">
        <v>58</v>
      </c>
      <c r="Z9989">
        <v>58</v>
      </c>
      <c r="AA9989">
        <v>59</v>
      </c>
      <c r="AB9989">
        <v>59</v>
      </c>
      <c r="AC9989">
        <v>60</v>
      </c>
      <c r="AD9989">
        <v>60</v>
      </c>
      <c r="AE9989">
        <v>61</v>
      </c>
      <c r="AF9989">
        <v>61</v>
      </c>
      <c r="AG9989">
        <v>62</v>
      </c>
      <c r="AH9989">
        <v>62</v>
      </c>
      <c r="AI9989">
        <v>63</v>
      </c>
      <c r="AJ9989">
        <v>63</v>
      </c>
      <c r="AK9989">
        <v>64</v>
      </c>
      <c r="AL9989">
        <v>64</v>
      </c>
      <c r="AM9989">
        <v>64</v>
      </c>
      <c r="AN9989">
        <v>64</v>
      </c>
      <c r="AO9989">
        <v>64</v>
      </c>
      <c r="AP9989">
        <v>64</v>
      </c>
      <c r="AQ9989">
        <v>63</v>
      </c>
    </row>
    <row r="9990" spans="1:43">
      <c r="A9990" t="s">
        <v>6236</v>
      </c>
      <c r="B9990" t="s">
        <v>6237</v>
      </c>
      <c r="C9990" t="s">
        <v>6234</v>
      </c>
      <c r="D9990" t="s">
        <v>6235</v>
      </c>
      <c r="E9990" t="s">
        <v>6174</v>
      </c>
      <c r="F9990" t="s">
        <v>6175</v>
      </c>
      <c r="G9990" t="s">
        <v>80</v>
      </c>
      <c r="H9990" t="s">
        <v>81</v>
      </c>
      <c r="I9990" s="2">
        <v>0</v>
      </c>
      <c r="J9990" s="2">
        <v>1</v>
      </c>
      <c r="K9990" s="2">
        <v>0</v>
      </c>
      <c r="L9990" t="s">
        <v>82</v>
      </c>
      <c r="M9990" t="s">
        <v>83</v>
      </c>
      <c r="N9990" t="s">
        <v>84</v>
      </c>
      <c r="O9990" t="s">
        <v>85</v>
      </c>
      <c r="P9990" t="s">
        <v>86</v>
      </c>
      <c r="Q9990">
        <v>87</v>
      </c>
      <c r="R9990">
        <v>88</v>
      </c>
      <c r="S9990">
        <v>89</v>
      </c>
      <c r="T9990">
        <v>90</v>
      </c>
      <c r="U9990">
        <v>91</v>
      </c>
      <c r="V9990">
        <v>92</v>
      </c>
      <c r="W9990">
        <v>93</v>
      </c>
      <c r="X9990">
        <v>93</v>
      </c>
      <c r="Y9990">
        <v>94</v>
      </c>
      <c r="Z9990">
        <v>95</v>
      </c>
      <c r="AA9990">
        <v>96</v>
      </c>
      <c r="AB9990">
        <v>97</v>
      </c>
      <c r="AC9990">
        <v>98</v>
      </c>
      <c r="AD9990">
        <v>99</v>
      </c>
      <c r="AE9990">
        <v>100</v>
      </c>
      <c r="AF9990">
        <v>101</v>
      </c>
      <c r="AG9990">
        <v>101</v>
      </c>
      <c r="AH9990">
        <v>102</v>
      </c>
      <c r="AI9990">
        <v>103</v>
      </c>
      <c r="AJ9990">
        <v>104</v>
      </c>
      <c r="AK9990">
        <v>104</v>
      </c>
      <c r="AL9990">
        <v>105</v>
      </c>
      <c r="AM9990">
        <v>104</v>
      </c>
      <c r="AN9990">
        <v>104</v>
      </c>
      <c r="AO9990">
        <v>104</v>
      </c>
      <c r="AP9990">
        <v>104</v>
      </c>
      <c r="AQ9990">
        <v>103</v>
      </c>
    </row>
    <row r="9991" spans="1:43">
      <c r="A9991" t="s">
        <v>6236</v>
      </c>
      <c r="B9991" t="s">
        <v>6237</v>
      </c>
      <c r="C9991" t="s">
        <v>6234</v>
      </c>
      <c r="D9991" t="s">
        <v>6235</v>
      </c>
      <c r="E9991" t="s">
        <v>6174</v>
      </c>
      <c r="F9991" t="s">
        <v>6175</v>
      </c>
      <c r="G9991" t="s">
        <v>80</v>
      </c>
      <c r="H9991" t="s">
        <v>81</v>
      </c>
      <c r="I9991" s="2">
        <v>0</v>
      </c>
      <c r="J9991" s="2">
        <v>1</v>
      </c>
      <c r="K9991" s="2">
        <v>0</v>
      </c>
      <c r="L9991" t="s">
        <v>82</v>
      </c>
      <c r="M9991" t="s">
        <v>87</v>
      </c>
      <c r="N9991" t="s">
        <v>88</v>
      </c>
      <c r="O9991" t="s">
        <v>85</v>
      </c>
      <c r="P9991" t="s">
        <v>86</v>
      </c>
      <c r="Q9991">
        <v>87</v>
      </c>
      <c r="R9991">
        <v>87</v>
      </c>
      <c r="S9991">
        <v>87</v>
      </c>
      <c r="T9991">
        <v>87</v>
      </c>
      <c r="U9991">
        <v>88</v>
      </c>
      <c r="V9991">
        <v>88</v>
      </c>
      <c r="W9991">
        <v>88</v>
      </c>
      <c r="X9991">
        <v>88</v>
      </c>
      <c r="Y9991">
        <v>88</v>
      </c>
      <c r="Z9991">
        <v>88</v>
      </c>
      <c r="AA9991">
        <v>89</v>
      </c>
      <c r="AB9991">
        <v>89</v>
      </c>
      <c r="AC9991">
        <v>89</v>
      </c>
      <c r="AD9991">
        <v>89</v>
      </c>
      <c r="AE9991">
        <v>89</v>
      </c>
      <c r="AF9991">
        <v>89</v>
      </c>
      <c r="AG9991">
        <v>89</v>
      </c>
      <c r="AH9991">
        <v>90</v>
      </c>
      <c r="AI9991">
        <v>90</v>
      </c>
      <c r="AJ9991">
        <v>90</v>
      </c>
      <c r="AK9991">
        <v>90</v>
      </c>
      <c r="AL9991">
        <v>90</v>
      </c>
      <c r="AM9991">
        <v>90</v>
      </c>
      <c r="AN9991">
        <v>90</v>
      </c>
      <c r="AO9991">
        <v>90</v>
      </c>
      <c r="AP9991">
        <v>90</v>
      </c>
      <c r="AQ9991">
        <v>90</v>
      </c>
    </row>
    <row r="9992" spans="1:43">
      <c r="A9992" t="s">
        <v>6236</v>
      </c>
      <c r="B9992" t="s">
        <v>6237</v>
      </c>
      <c r="C9992" t="s">
        <v>6234</v>
      </c>
      <c r="D9992" t="s">
        <v>6235</v>
      </c>
      <c r="E9992" t="s">
        <v>6174</v>
      </c>
      <c r="F9992" t="s">
        <v>6175</v>
      </c>
      <c r="G9992" t="s">
        <v>80</v>
      </c>
      <c r="H9992" t="s">
        <v>81</v>
      </c>
      <c r="I9992" s="2">
        <v>0</v>
      </c>
      <c r="J9992" s="2">
        <v>1</v>
      </c>
      <c r="K9992" s="2">
        <v>0</v>
      </c>
      <c r="L9992" t="s">
        <v>82</v>
      </c>
      <c r="M9992" t="s">
        <v>89</v>
      </c>
      <c r="N9992" t="s">
        <v>90</v>
      </c>
      <c r="O9992" t="s">
        <v>85</v>
      </c>
      <c r="P9992" t="s">
        <v>86</v>
      </c>
      <c r="Q9992">
        <v>87</v>
      </c>
      <c r="R9992">
        <v>89</v>
      </c>
      <c r="S9992">
        <v>91</v>
      </c>
      <c r="T9992">
        <v>93</v>
      </c>
      <c r="U9992">
        <v>94</v>
      </c>
      <c r="V9992">
        <v>96</v>
      </c>
      <c r="W9992">
        <v>97</v>
      </c>
      <c r="X9992">
        <v>99</v>
      </c>
      <c r="Y9992">
        <v>100</v>
      </c>
      <c r="Z9992">
        <v>101</v>
      </c>
      <c r="AA9992">
        <v>103</v>
      </c>
      <c r="AB9992">
        <v>104</v>
      </c>
      <c r="AC9992">
        <v>105</v>
      </c>
      <c r="AD9992">
        <v>106</v>
      </c>
      <c r="AE9992">
        <v>107</v>
      </c>
      <c r="AF9992">
        <v>107</v>
      </c>
      <c r="AG9992">
        <v>107</v>
      </c>
      <c r="AH9992">
        <v>106</v>
      </c>
      <c r="AI9992">
        <v>106</v>
      </c>
      <c r="AJ9992">
        <v>106</v>
      </c>
      <c r="AK9992">
        <v>106</v>
      </c>
      <c r="AL9992">
        <v>105</v>
      </c>
      <c r="AM9992">
        <v>105</v>
      </c>
      <c r="AN9992">
        <v>105</v>
      </c>
      <c r="AO9992">
        <v>105</v>
      </c>
      <c r="AP9992">
        <v>104</v>
      </c>
      <c r="AQ9992">
        <v>104</v>
      </c>
    </row>
    <row r="9993" spans="1:43">
      <c r="A9993" t="s">
        <v>6236</v>
      </c>
      <c r="B9993" t="s">
        <v>6237</v>
      </c>
      <c r="C9993" t="s">
        <v>6234</v>
      </c>
      <c r="D9993" t="s">
        <v>6235</v>
      </c>
      <c r="E9993" t="s">
        <v>6174</v>
      </c>
      <c r="F9993" t="s">
        <v>6175</v>
      </c>
      <c r="G9993" t="s">
        <v>80</v>
      </c>
      <c r="H9993" t="s">
        <v>81</v>
      </c>
      <c r="I9993" s="2">
        <v>0</v>
      </c>
      <c r="J9993" s="2">
        <v>1</v>
      </c>
      <c r="K9993" s="2">
        <v>0</v>
      </c>
      <c r="L9993" t="s">
        <v>82</v>
      </c>
      <c r="M9993" t="s">
        <v>83</v>
      </c>
      <c r="N9993" t="s">
        <v>91</v>
      </c>
      <c r="O9993" t="s">
        <v>85</v>
      </c>
      <c r="P9993" t="s">
        <v>86</v>
      </c>
      <c r="Q9993">
        <v>87</v>
      </c>
      <c r="R9993">
        <v>88</v>
      </c>
      <c r="S9993">
        <v>89</v>
      </c>
      <c r="T9993">
        <v>90</v>
      </c>
      <c r="U9993">
        <v>91</v>
      </c>
      <c r="V9993">
        <v>92</v>
      </c>
      <c r="W9993">
        <v>93</v>
      </c>
      <c r="X9993">
        <v>93</v>
      </c>
      <c r="Y9993">
        <v>94</v>
      </c>
      <c r="Z9993">
        <v>95</v>
      </c>
      <c r="AA9993">
        <v>96</v>
      </c>
      <c r="AB9993">
        <v>97</v>
      </c>
      <c r="AC9993">
        <v>98</v>
      </c>
      <c r="AD9993">
        <v>99</v>
      </c>
      <c r="AE9993">
        <v>100</v>
      </c>
      <c r="AF9993">
        <v>101</v>
      </c>
      <c r="AG9993">
        <v>101</v>
      </c>
      <c r="AH9993">
        <v>102</v>
      </c>
      <c r="AI9993">
        <v>103</v>
      </c>
      <c r="AJ9993">
        <v>104</v>
      </c>
      <c r="AK9993">
        <v>104</v>
      </c>
      <c r="AL9993">
        <v>105</v>
      </c>
      <c r="AM9993">
        <v>104</v>
      </c>
      <c r="AN9993">
        <v>104</v>
      </c>
      <c r="AO9993">
        <v>104</v>
      </c>
      <c r="AP9993">
        <v>104</v>
      </c>
      <c r="AQ9993">
        <v>103</v>
      </c>
    </row>
    <row r="9994" spans="1:43">
      <c r="A9994" t="s">
        <v>6238</v>
      </c>
      <c r="B9994" t="s">
        <v>6239</v>
      </c>
      <c r="C9994" t="s">
        <v>6234</v>
      </c>
      <c r="D9994" t="s">
        <v>6235</v>
      </c>
      <c r="E9994" t="s">
        <v>6174</v>
      </c>
      <c r="F9994" t="s">
        <v>6175</v>
      </c>
      <c r="G9994" t="s">
        <v>80</v>
      </c>
      <c r="H9994" t="s">
        <v>81</v>
      </c>
      <c r="I9994" s="2">
        <v>0</v>
      </c>
      <c r="J9994" s="2">
        <v>1</v>
      </c>
      <c r="K9994" s="2">
        <v>0</v>
      </c>
      <c r="L9994" t="s">
        <v>82</v>
      </c>
      <c r="M9994" t="s">
        <v>83</v>
      </c>
      <c r="N9994" t="s">
        <v>84</v>
      </c>
      <c r="O9994" t="s">
        <v>85</v>
      </c>
      <c r="P9994" t="s">
        <v>86</v>
      </c>
      <c r="Q9994">
        <v>64</v>
      </c>
      <c r="R9994">
        <v>64</v>
      </c>
      <c r="S9994">
        <v>65</v>
      </c>
      <c r="T9994">
        <v>66</v>
      </c>
      <c r="U9994">
        <v>66</v>
      </c>
      <c r="V9994">
        <v>67</v>
      </c>
      <c r="W9994">
        <v>68</v>
      </c>
      <c r="X9994">
        <v>68</v>
      </c>
      <c r="Y9994">
        <v>69</v>
      </c>
      <c r="Z9994">
        <v>70</v>
      </c>
      <c r="AA9994">
        <v>70</v>
      </c>
      <c r="AB9994">
        <v>71</v>
      </c>
      <c r="AC9994">
        <v>72</v>
      </c>
      <c r="AD9994">
        <v>72</v>
      </c>
      <c r="AE9994">
        <v>73</v>
      </c>
      <c r="AF9994">
        <v>73</v>
      </c>
      <c r="AG9994">
        <v>74</v>
      </c>
      <c r="AH9994">
        <v>75</v>
      </c>
      <c r="AI9994">
        <v>75</v>
      </c>
      <c r="AJ9994">
        <v>76</v>
      </c>
      <c r="AK9994">
        <v>76</v>
      </c>
      <c r="AL9994">
        <v>76</v>
      </c>
      <c r="AM9994">
        <v>76</v>
      </c>
      <c r="AN9994">
        <v>76</v>
      </c>
      <c r="AO9994">
        <v>75</v>
      </c>
      <c r="AP9994">
        <v>75</v>
      </c>
      <c r="AQ9994">
        <v>75</v>
      </c>
    </row>
    <row r="9995" spans="1:43">
      <c r="A9995" t="s">
        <v>6238</v>
      </c>
      <c r="B9995" t="s">
        <v>6239</v>
      </c>
      <c r="C9995" t="s">
        <v>6234</v>
      </c>
      <c r="D9995" t="s">
        <v>6235</v>
      </c>
      <c r="E9995" t="s">
        <v>6174</v>
      </c>
      <c r="F9995" t="s">
        <v>6175</v>
      </c>
      <c r="G9995" t="s">
        <v>80</v>
      </c>
      <c r="H9995" t="s">
        <v>81</v>
      </c>
      <c r="I9995" s="2">
        <v>0</v>
      </c>
      <c r="J9995" s="2">
        <v>1</v>
      </c>
      <c r="K9995" s="2">
        <v>0</v>
      </c>
      <c r="L9995" t="s">
        <v>82</v>
      </c>
      <c r="M9995" t="s">
        <v>87</v>
      </c>
      <c r="N9995" t="s">
        <v>88</v>
      </c>
      <c r="O9995" t="s">
        <v>85</v>
      </c>
      <c r="P9995" t="s">
        <v>86</v>
      </c>
      <c r="Q9995">
        <v>64</v>
      </c>
      <c r="R9995">
        <v>64</v>
      </c>
      <c r="S9995">
        <v>64</v>
      </c>
      <c r="T9995">
        <v>64</v>
      </c>
      <c r="U9995">
        <v>64</v>
      </c>
      <c r="V9995">
        <v>65</v>
      </c>
      <c r="W9995">
        <v>65</v>
      </c>
      <c r="X9995">
        <v>65</v>
      </c>
      <c r="Y9995">
        <v>65</v>
      </c>
      <c r="Z9995">
        <v>65</v>
      </c>
      <c r="AA9995">
        <v>65</v>
      </c>
      <c r="AB9995">
        <v>65</v>
      </c>
      <c r="AC9995">
        <v>65</v>
      </c>
      <c r="AD9995">
        <v>65</v>
      </c>
      <c r="AE9995">
        <v>65</v>
      </c>
      <c r="AF9995">
        <v>65</v>
      </c>
      <c r="AG9995">
        <v>66</v>
      </c>
      <c r="AH9995">
        <v>66</v>
      </c>
      <c r="AI9995">
        <v>66</v>
      </c>
      <c r="AJ9995">
        <v>66</v>
      </c>
      <c r="AK9995">
        <v>66</v>
      </c>
      <c r="AL9995">
        <v>66</v>
      </c>
      <c r="AM9995">
        <v>66</v>
      </c>
      <c r="AN9995">
        <v>66</v>
      </c>
      <c r="AO9995">
        <v>66</v>
      </c>
      <c r="AP9995">
        <v>66</v>
      </c>
      <c r="AQ9995">
        <v>66</v>
      </c>
    </row>
    <row r="9996" spans="1:43">
      <c r="A9996" t="s">
        <v>6238</v>
      </c>
      <c r="B9996" t="s">
        <v>6239</v>
      </c>
      <c r="C9996" t="s">
        <v>6234</v>
      </c>
      <c r="D9996" t="s">
        <v>6235</v>
      </c>
      <c r="E9996" t="s">
        <v>6174</v>
      </c>
      <c r="F9996" t="s">
        <v>6175</v>
      </c>
      <c r="G9996" t="s">
        <v>80</v>
      </c>
      <c r="H9996" t="s">
        <v>81</v>
      </c>
      <c r="I9996" s="2">
        <v>0</v>
      </c>
      <c r="J9996" s="2">
        <v>1</v>
      </c>
      <c r="K9996" s="2">
        <v>0</v>
      </c>
      <c r="L9996" t="s">
        <v>82</v>
      </c>
      <c r="M9996" t="s">
        <v>89</v>
      </c>
      <c r="N9996" t="s">
        <v>90</v>
      </c>
      <c r="O9996" t="s">
        <v>85</v>
      </c>
      <c r="P9996" t="s">
        <v>86</v>
      </c>
      <c r="Q9996">
        <v>64</v>
      </c>
      <c r="R9996">
        <v>65</v>
      </c>
      <c r="S9996">
        <v>67</v>
      </c>
      <c r="T9996">
        <v>68</v>
      </c>
      <c r="U9996">
        <v>69</v>
      </c>
      <c r="V9996">
        <v>70</v>
      </c>
      <c r="W9996">
        <v>71</v>
      </c>
      <c r="X9996">
        <v>72</v>
      </c>
      <c r="Y9996">
        <v>73</v>
      </c>
      <c r="Z9996">
        <v>74</v>
      </c>
      <c r="AA9996">
        <v>75</v>
      </c>
      <c r="AB9996">
        <v>76</v>
      </c>
      <c r="AC9996">
        <v>77</v>
      </c>
      <c r="AD9996">
        <v>78</v>
      </c>
      <c r="AE9996">
        <v>78</v>
      </c>
      <c r="AF9996">
        <v>78</v>
      </c>
      <c r="AG9996">
        <v>78</v>
      </c>
      <c r="AH9996">
        <v>78</v>
      </c>
      <c r="AI9996">
        <v>77</v>
      </c>
      <c r="AJ9996">
        <v>77</v>
      </c>
      <c r="AK9996">
        <v>77</v>
      </c>
      <c r="AL9996">
        <v>77</v>
      </c>
      <c r="AM9996">
        <v>76</v>
      </c>
      <c r="AN9996">
        <v>76</v>
      </c>
      <c r="AO9996">
        <v>76</v>
      </c>
      <c r="AP9996">
        <v>76</v>
      </c>
      <c r="AQ9996">
        <v>75</v>
      </c>
    </row>
    <row r="9997" spans="1:43">
      <c r="A9997" t="s">
        <v>6238</v>
      </c>
      <c r="B9997" t="s">
        <v>6239</v>
      </c>
      <c r="C9997" t="s">
        <v>6234</v>
      </c>
      <c r="D9997" t="s">
        <v>6235</v>
      </c>
      <c r="E9997" t="s">
        <v>6174</v>
      </c>
      <c r="F9997" t="s">
        <v>6175</v>
      </c>
      <c r="G9997" t="s">
        <v>80</v>
      </c>
      <c r="H9997" t="s">
        <v>81</v>
      </c>
      <c r="I9997" s="2">
        <v>0</v>
      </c>
      <c r="J9997" s="2">
        <v>1</v>
      </c>
      <c r="K9997" s="2">
        <v>0</v>
      </c>
      <c r="L9997" t="s">
        <v>82</v>
      </c>
      <c r="M9997" t="s">
        <v>83</v>
      </c>
      <c r="N9997" t="s">
        <v>91</v>
      </c>
      <c r="O9997" t="s">
        <v>85</v>
      </c>
      <c r="P9997" t="s">
        <v>86</v>
      </c>
      <c r="Q9997">
        <v>64</v>
      </c>
      <c r="R9997">
        <v>64</v>
      </c>
      <c r="S9997">
        <v>65</v>
      </c>
      <c r="T9997">
        <v>66</v>
      </c>
      <c r="U9997">
        <v>66</v>
      </c>
      <c r="V9997">
        <v>67</v>
      </c>
      <c r="W9997">
        <v>68</v>
      </c>
      <c r="X9997">
        <v>68</v>
      </c>
      <c r="Y9997">
        <v>69</v>
      </c>
      <c r="Z9997">
        <v>70</v>
      </c>
      <c r="AA9997">
        <v>70</v>
      </c>
      <c r="AB9997">
        <v>71</v>
      </c>
      <c r="AC9997">
        <v>72</v>
      </c>
      <c r="AD9997">
        <v>72</v>
      </c>
      <c r="AE9997">
        <v>73</v>
      </c>
      <c r="AF9997">
        <v>73</v>
      </c>
      <c r="AG9997">
        <v>74</v>
      </c>
      <c r="AH9997">
        <v>75</v>
      </c>
      <c r="AI9997">
        <v>75</v>
      </c>
      <c r="AJ9997">
        <v>76</v>
      </c>
      <c r="AK9997">
        <v>76</v>
      </c>
      <c r="AL9997">
        <v>76</v>
      </c>
      <c r="AM9997">
        <v>76</v>
      </c>
      <c r="AN9997">
        <v>76</v>
      </c>
      <c r="AO9997">
        <v>75</v>
      </c>
      <c r="AP9997">
        <v>75</v>
      </c>
      <c r="AQ9997">
        <v>75</v>
      </c>
    </row>
    <row r="9998" spans="1:43">
      <c r="A9998" t="s">
        <v>6240</v>
      </c>
      <c r="B9998" t="s">
        <v>6241</v>
      </c>
      <c r="C9998" t="s">
        <v>6242</v>
      </c>
      <c r="D9998" t="s">
        <v>6243</v>
      </c>
      <c r="E9998" t="s">
        <v>6174</v>
      </c>
      <c r="F9998" t="s">
        <v>6175</v>
      </c>
      <c r="G9998" t="s">
        <v>80</v>
      </c>
      <c r="H9998" t="s">
        <v>81</v>
      </c>
      <c r="I9998" s="2">
        <v>0</v>
      </c>
      <c r="J9998" s="2">
        <v>1</v>
      </c>
      <c r="K9998" s="2">
        <v>0</v>
      </c>
      <c r="L9998" t="s">
        <v>82</v>
      </c>
      <c r="M9998" t="s">
        <v>83</v>
      </c>
      <c r="N9998" t="s">
        <v>84</v>
      </c>
      <c r="O9998" t="s">
        <v>85</v>
      </c>
      <c r="P9998" t="s">
        <v>86</v>
      </c>
      <c r="Q9998">
        <v>72</v>
      </c>
      <c r="R9998">
        <v>73</v>
      </c>
      <c r="S9998">
        <v>74</v>
      </c>
      <c r="T9998">
        <v>75</v>
      </c>
      <c r="U9998">
        <v>76</v>
      </c>
      <c r="V9998">
        <v>77</v>
      </c>
      <c r="W9998">
        <v>78</v>
      </c>
      <c r="X9998">
        <v>79</v>
      </c>
      <c r="Y9998">
        <v>79</v>
      </c>
      <c r="Z9998">
        <v>80</v>
      </c>
      <c r="AA9998">
        <v>81</v>
      </c>
      <c r="AB9998">
        <v>82</v>
      </c>
      <c r="AC9998">
        <v>83</v>
      </c>
      <c r="AD9998">
        <v>83</v>
      </c>
      <c r="AE9998">
        <v>84</v>
      </c>
      <c r="AF9998">
        <v>85</v>
      </c>
      <c r="AG9998">
        <v>86</v>
      </c>
      <c r="AH9998">
        <v>86</v>
      </c>
      <c r="AI9998">
        <v>87</v>
      </c>
      <c r="AJ9998">
        <v>88</v>
      </c>
      <c r="AK9998">
        <v>88</v>
      </c>
      <c r="AL9998">
        <v>89</v>
      </c>
      <c r="AM9998">
        <v>88</v>
      </c>
      <c r="AN9998">
        <v>88</v>
      </c>
      <c r="AO9998">
        <v>88</v>
      </c>
      <c r="AP9998">
        <v>88</v>
      </c>
      <c r="AQ9998">
        <v>88</v>
      </c>
    </row>
    <row r="9999" spans="1:43">
      <c r="A9999" t="s">
        <v>6240</v>
      </c>
      <c r="B9999" t="s">
        <v>6241</v>
      </c>
      <c r="C9999" t="s">
        <v>6242</v>
      </c>
      <c r="D9999" t="s">
        <v>6243</v>
      </c>
      <c r="E9999" t="s">
        <v>6174</v>
      </c>
      <c r="F9999" t="s">
        <v>6175</v>
      </c>
      <c r="G9999" t="s">
        <v>80</v>
      </c>
      <c r="H9999" t="s">
        <v>81</v>
      </c>
      <c r="I9999" s="2">
        <v>0</v>
      </c>
      <c r="J9999" s="2">
        <v>1</v>
      </c>
      <c r="K9999" s="2">
        <v>0</v>
      </c>
      <c r="L9999" t="s">
        <v>82</v>
      </c>
      <c r="M9999" t="s">
        <v>87</v>
      </c>
      <c r="N9999" t="s">
        <v>88</v>
      </c>
      <c r="O9999" t="s">
        <v>85</v>
      </c>
      <c r="P9999" t="s">
        <v>86</v>
      </c>
      <c r="Q9999">
        <v>72</v>
      </c>
      <c r="R9999">
        <v>72</v>
      </c>
      <c r="S9999">
        <v>72</v>
      </c>
      <c r="T9999">
        <v>72</v>
      </c>
      <c r="U9999">
        <v>73</v>
      </c>
      <c r="V9999">
        <v>73</v>
      </c>
      <c r="W9999">
        <v>73</v>
      </c>
      <c r="X9999">
        <v>73</v>
      </c>
      <c r="Y9999">
        <v>73</v>
      </c>
      <c r="Z9999">
        <v>74</v>
      </c>
      <c r="AA9999">
        <v>74</v>
      </c>
      <c r="AB9999">
        <v>74</v>
      </c>
      <c r="AC9999">
        <v>74</v>
      </c>
      <c r="AD9999">
        <v>74</v>
      </c>
      <c r="AE9999">
        <v>74</v>
      </c>
      <c r="AF9999">
        <v>75</v>
      </c>
      <c r="AG9999">
        <v>75</v>
      </c>
      <c r="AH9999">
        <v>75</v>
      </c>
      <c r="AI9999">
        <v>75</v>
      </c>
      <c r="AJ9999">
        <v>75</v>
      </c>
      <c r="AK9999">
        <v>75</v>
      </c>
      <c r="AL9999">
        <v>75</v>
      </c>
      <c r="AM9999">
        <v>75</v>
      </c>
      <c r="AN9999">
        <v>76</v>
      </c>
      <c r="AO9999">
        <v>76</v>
      </c>
      <c r="AP9999">
        <v>76</v>
      </c>
      <c r="AQ9999">
        <v>76</v>
      </c>
    </row>
    <row r="10000" spans="1:43">
      <c r="A10000" t="s">
        <v>6240</v>
      </c>
      <c r="B10000" t="s">
        <v>6241</v>
      </c>
      <c r="C10000" t="s">
        <v>6242</v>
      </c>
      <c r="D10000" t="s">
        <v>6243</v>
      </c>
      <c r="E10000" t="s">
        <v>6174</v>
      </c>
      <c r="F10000" t="s">
        <v>6175</v>
      </c>
      <c r="G10000" t="s">
        <v>80</v>
      </c>
      <c r="H10000" t="s">
        <v>81</v>
      </c>
      <c r="I10000" s="2">
        <v>0</v>
      </c>
      <c r="J10000" s="2">
        <v>1</v>
      </c>
      <c r="K10000" s="2">
        <v>0</v>
      </c>
      <c r="L10000" t="s">
        <v>82</v>
      </c>
      <c r="M10000" t="s">
        <v>89</v>
      </c>
      <c r="N10000" t="s">
        <v>90</v>
      </c>
      <c r="O10000" t="s">
        <v>85</v>
      </c>
      <c r="P10000" t="s">
        <v>86</v>
      </c>
      <c r="Q10000">
        <v>72</v>
      </c>
      <c r="R10000">
        <v>74</v>
      </c>
      <c r="S10000">
        <v>75</v>
      </c>
      <c r="T10000">
        <v>77</v>
      </c>
      <c r="U10000">
        <v>78</v>
      </c>
      <c r="V10000">
        <v>79</v>
      </c>
      <c r="W10000">
        <v>81</v>
      </c>
      <c r="X10000">
        <v>82</v>
      </c>
      <c r="Y10000">
        <v>83</v>
      </c>
      <c r="Z10000">
        <v>84</v>
      </c>
      <c r="AA10000">
        <v>85</v>
      </c>
      <c r="AB10000">
        <v>86</v>
      </c>
      <c r="AC10000">
        <v>88</v>
      </c>
      <c r="AD10000">
        <v>89</v>
      </c>
      <c r="AE10000">
        <v>89</v>
      </c>
      <c r="AF10000">
        <v>89</v>
      </c>
      <c r="AG10000">
        <v>89</v>
      </c>
      <c r="AH10000">
        <v>89</v>
      </c>
      <c r="AI10000">
        <v>89</v>
      </c>
      <c r="AJ10000">
        <v>89</v>
      </c>
      <c r="AK10000">
        <v>89</v>
      </c>
      <c r="AL10000">
        <v>89</v>
      </c>
      <c r="AM10000">
        <v>88</v>
      </c>
      <c r="AN10000">
        <v>88</v>
      </c>
      <c r="AO10000">
        <v>88</v>
      </c>
      <c r="AP10000">
        <v>88</v>
      </c>
      <c r="AQ10000">
        <v>88</v>
      </c>
    </row>
    <row r="10001" spans="1:43">
      <c r="A10001" t="s">
        <v>6240</v>
      </c>
      <c r="B10001" t="s">
        <v>6241</v>
      </c>
      <c r="C10001" t="s">
        <v>6242</v>
      </c>
      <c r="D10001" t="s">
        <v>6243</v>
      </c>
      <c r="E10001" t="s">
        <v>6174</v>
      </c>
      <c r="F10001" t="s">
        <v>6175</v>
      </c>
      <c r="G10001" t="s">
        <v>80</v>
      </c>
      <c r="H10001" t="s">
        <v>81</v>
      </c>
      <c r="I10001" s="2">
        <v>0</v>
      </c>
      <c r="J10001" s="2">
        <v>1</v>
      </c>
      <c r="K10001" s="2">
        <v>0</v>
      </c>
      <c r="L10001" t="s">
        <v>82</v>
      </c>
      <c r="M10001" t="s">
        <v>83</v>
      </c>
      <c r="N10001" t="s">
        <v>91</v>
      </c>
      <c r="O10001" t="s">
        <v>85</v>
      </c>
      <c r="P10001" t="s">
        <v>86</v>
      </c>
      <c r="Q10001">
        <v>72</v>
      </c>
      <c r="R10001">
        <v>73</v>
      </c>
      <c r="S10001">
        <v>74</v>
      </c>
      <c r="T10001">
        <v>75</v>
      </c>
      <c r="U10001">
        <v>76</v>
      </c>
      <c r="V10001">
        <v>77</v>
      </c>
      <c r="W10001">
        <v>78</v>
      </c>
      <c r="X10001">
        <v>79</v>
      </c>
      <c r="Y10001">
        <v>79</v>
      </c>
      <c r="Z10001">
        <v>80</v>
      </c>
      <c r="AA10001">
        <v>81</v>
      </c>
      <c r="AB10001">
        <v>82</v>
      </c>
      <c r="AC10001">
        <v>83</v>
      </c>
      <c r="AD10001">
        <v>83</v>
      </c>
      <c r="AE10001">
        <v>84</v>
      </c>
      <c r="AF10001">
        <v>85</v>
      </c>
      <c r="AG10001">
        <v>86</v>
      </c>
      <c r="AH10001">
        <v>86</v>
      </c>
      <c r="AI10001">
        <v>87</v>
      </c>
      <c r="AJ10001">
        <v>88</v>
      </c>
      <c r="AK10001">
        <v>88</v>
      </c>
      <c r="AL10001">
        <v>89</v>
      </c>
      <c r="AM10001">
        <v>88</v>
      </c>
      <c r="AN10001">
        <v>88</v>
      </c>
      <c r="AO10001">
        <v>88</v>
      </c>
      <c r="AP10001">
        <v>88</v>
      </c>
      <c r="AQ10001">
        <v>88</v>
      </c>
    </row>
    <row r="10002" spans="1:43">
      <c r="A10002" t="s">
        <v>6244</v>
      </c>
      <c r="B10002" t="s">
        <v>6245</v>
      </c>
      <c r="C10002" t="s">
        <v>6242</v>
      </c>
      <c r="D10002" t="s">
        <v>6243</v>
      </c>
      <c r="E10002" t="s">
        <v>6174</v>
      </c>
      <c r="F10002" t="s">
        <v>6175</v>
      </c>
      <c r="G10002" t="s">
        <v>80</v>
      </c>
      <c r="H10002" t="s">
        <v>81</v>
      </c>
      <c r="I10002" s="2">
        <v>0</v>
      </c>
      <c r="J10002" s="2">
        <v>1</v>
      </c>
      <c r="K10002" s="2">
        <v>0</v>
      </c>
      <c r="L10002" t="s">
        <v>82</v>
      </c>
      <c r="M10002" t="s">
        <v>83</v>
      </c>
      <c r="N10002" t="s">
        <v>84</v>
      </c>
      <c r="O10002" t="s">
        <v>85</v>
      </c>
      <c r="P10002" t="s">
        <v>86</v>
      </c>
      <c r="Q10002">
        <v>18</v>
      </c>
      <c r="R10002">
        <v>18</v>
      </c>
      <c r="S10002">
        <v>19</v>
      </c>
      <c r="T10002">
        <v>19</v>
      </c>
      <c r="U10002">
        <v>19</v>
      </c>
      <c r="V10002">
        <v>19</v>
      </c>
      <c r="W10002">
        <v>19</v>
      </c>
      <c r="X10002">
        <v>20</v>
      </c>
      <c r="Y10002">
        <v>20</v>
      </c>
      <c r="Z10002">
        <v>20</v>
      </c>
      <c r="AA10002">
        <v>20</v>
      </c>
      <c r="AB10002">
        <v>20</v>
      </c>
      <c r="AC10002">
        <v>21</v>
      </c>
      <c r="AD10002">
        <v>21</v>
      </c>
      <c r="AE10002">
        <v>21</v>
      </c>
      <c r="AF10002">
        <v>21</v>
      </c>
      <c r="AG10002">
        <v>21</v>
      </c>
      <c r="AH10002">
        <v>21</v>
      </c>
      <c r="AI10002">
        <v>22</v>
      </c>
      <c r="AJ10002">
        <v>22</v>
      </c>
      <c r="AK10002">
        <v>22</v>
      </c>
      <c r="AL10002">
        <v>22</v>
      </c>
      <c r="AM10002">
        <v>22</v>
      </c>
      <c r="AN10002">
        <v>22</v>
      </c>
      <c r="AO10002">
        <v>22</v>
      </c>
      <c r="AP10002">
        <v>22</v>
      </c>
      <c r="AQ10002">
        <v>22</v>
      </c>
    </row>
    <row r="10003" spans="1:43">
      <c r="A10003" t="s">
        <v>6244</v>
      </c>
      <c r="B10003" t="s">
        <v>6245</v>
      </c>
      <c r="C10003" t="s">
        <v>6242</v>
      </c>
      <c r="D10003" t="s">
        <v>6243</v>
      </c>
      <c r="E10003" t="s">
        <v>6174</v>
      </c>
      <c r="F10003" t="s">
        <v>6175</v>
      </c>
      <c r="G10003" t="s">
        <v>80</v>
      </c>
      <c r="H10003" t="s">
        <v>81</v>
      </c>
      <c r="I10003" s="2">
        <v>0</v>
      </c>
      <c r="J10003" s="2">
        <v>1</v>
      </c>
      <c r="K10003" s="2">
        <v>0</v>
      </c>
      <c r="L10003" t="s">
        <v>82</v>
      </c>
      <c r="M10003" t="s">
        <v>87</v>
      </c>
      <c r="N10003" t="s">
        <v>88</v>
      </c>
      <c r="O10003" t="s">
        <v>85</v>
      </c>
      <c r="P10003" t="s">
        <v>86</v>
      </c>
      <c r="Q10003">
        <v>18</v>
      </c>
      <c r="R10003">
        <v>18</v>
      </c>
      <c r="S10003">
        <v>18</v>
      </c>
      <c r="T10003">
        <v>18</v>
      </c>
      <c r="U10003">
        <v>18</v>
      </c>
      <c r="V10003">
        <v>18</v>
      </c>
      <c r="W10003">
        <v>18</v>
      </c>
      <c r="X10003">
        <v>18</v>
      </c>
      <c r="Y10003">
        <v>18</v>
      </c>
      <c r="Z10003">
        <v>18</v>
      </c>
      <c r="AA10003">
        <v>18</v>
      </c>
      <c r="AB10003">
        <v>18</v>
      </c>
      <c r="AC10003">
        <v>18</v>
      </c>
      <c r="AD10003">
        <v>18</v>
      </c>
      <c r="AE10003">
        <v>18</v>
      </c>
      <c r="AF10003">
        <v>18</v>
      </c>
      <c r="AG10003">
        <v>19</v>
      </c>
      <c r="AH10003">
        <v>19</v>
      </c>
      <c r="AI10003">
        <v>19</v>
      </c>
      <c r="AJ10003">
        <v>19</v>
      </c>
      <c r="AK10003">
        <v>19</v>
      </c>
      <c r="AL10003">
        <v>19</v>
      </c>
      <c r="AM10003">
        <v>19</v>
      </c>
      <c r="AN10003">
        <v>19</v>
      </c>
      <c r="AO10003">
        <v>19</v>
      </c>
      <c r="AP10003">
        <v>19</v>
      </c>
      <c r="AQ10003">
        <v>19</v>
      </c>
    </row>
    <row r="10004" spans="1:43">
      <c r="A10004" t="s">
        <v>6244</v>
      </c>
      <c r="B10004" t="s">
        <v>6245</v>
      </c>
      <c r="C10004" t="s">
        <v>6242</v>
      </c>
      <c r="D10004" t="s">
        <v>6243</v>
      </c>
      <c r="E10004" t="s">
        <v>6174</v>
      </c>
      <c r="F10004" t="s">
        <v>6175</v>
      </c>
      <c r="G10004" t="s">
        <v>80</v>
      </c>
      <c r="H10004" t="s">
        <v>81</v>
      </c>
      <c r="I10004" s="2">
        <v>0</v>
      </c>
      <c r="J10004" s="2">
        <v>1</v>
      </c>
      <c r="K10004" s="2">
        <v>0</v>
      </c>
      <c r="L10004" t="s">
        <v>82</v>
      </c>
      <c r="M10004" t="s">
        <v>89</v>
      </c>
      <c r="N10004" t="s">
        <v>90</v>
      </c>
      <c r="O10004" t="s">
        <v>85</v>
      </c>
      <c r="P10004" t="s">
        <v>86</v>
      </c>
      <c r="Q10004">
        <v>18</v>
      </c>
      <c r="R10004">
        <v>19</v>
      </c>
      <c r="S10004">
        <v>19</v>
      </c>
      <c r="T10004">
        <v>19</v>
      </c>
      <c r="U10004">
        <v>20</v>
      </c>
      <c r="V10004">
        <v>20</v>
      </c>
      <c r="W10004">
        <v>20</v>
      </c>
      <c r="X10004">
        <v>21</v>
      </c>
      <c r="Y10004">
        <v>21</v>
      </c>
      <c r="Z10004">
        <v>21</v>
      </c>
      <c r="AA10004">
        <v>21</v>
      </c>
      <c r="AB10004">
        <v>22</v>
      </c>
      <c r="AC10004">
        <v>22</v>
      </c>
      <c r="AD10004">
        <v>22</v>
      </c>
      <c r="AE10004">
        <v>22</v>
      </c>
      <c r="AF10004">
        <v>22</v>
      </c>
      <c r="AG10004">
        <v>22</v>
      </c>
      <c r="AH10004">
        <v>22</v>
      </c>
      <c r="AI10004">
        <v>22</v>
      </c>
      <c r="AJ10004">
        <v>22</v>
      </c>
      <c r="AK10004">
        <v>22</v>
      </c>
      <c r="AL10004">
        <v>22</v>
      </c>
      <c r="AM10004">
        <v>22</v>
      </c>
      <c r="AN10004">
        <v>22</v>
      </c>
      <c r="AO10004">
        <v>22</v>
      </c>
      <c r="AP10004">
        <v>22</v>
      </c>
      <c r="AQ10004">
        <v>22</v>
      </c>
    </row>
    <row r="10005" spans="1:43">
      <c r="A10005" t="s">
        <v>6244</v>
      </c>
      <c r="B10005" t="s">
        <v>6245</v>
      </c>
      <c r="C10005" t="s">
        <v>6242</v>
      </c>
      <c r="D10005" t="s">
        <v>6243</v>
      </c>
      <c r="E10005" t="s">
        <v>6174</v>
      </c>
      <c r="F10005" t="s">
        <v>6175</v>
      </c>
      <c r="G10005" t="s">
        <v>80</v>
      </c>
      <c r="H10005" t="s">
        <v>81</v>
      </c>
      <c r="I10005" s="2">
        <v>0</v>
      </c>
      <c r="J10005" s="2">
        <v>1</v>
      </c>
      <c r="K10005" s="2">
        <v>0</v>
      </c>
      <c r="L10005" t="s">
        <v>82</v>
      </c>
      <c r="M10005" t="s">
        <v>83</v>
      </c>
      <c r="N10005" t="s">
        <v>91</v>
      </c>
      <c r="O10005" t="s">
        <v>85</v>
      </c>
      <c r="P10005" t="s">
        <v>86</v>
      </c>
      <c r="Q10005">
        <v>18</v>
      </c>
      <c r="R10005">
        <v>18</v>
      </c>
      <c r="S10005">
        <v>19</v>
      </c>
      <c r="T10005">
        <v>19</v>
      </c>
      <c r="U10005">
        <v>19</v>
      </c>
      <c r="V10005">
        <v>19</v>
      </c>
      <c r="W10005">
        <v>19</v>
      </c>
      <c r="X10005">
        <v>20</v>
      </c>
      <c r="Y10005">
        <v>20</v>
      </c>
      <c r="Z10005">
        <v>20</v>
      </c>
      <c r="AA10005">
        <v>20</v>
      </c>
      <c r="AB10005">
        <v>20</v>
      </c>
      <c r="AC10005">
        <v>21</v>
      </c>
      <c r="AD10005">
        <v>21</v>
      </c>
      <c r="AE10005">
        <v>21</v>
      </c>
      <c r="AF10005">
        <v>21</v>
      </c>
      <c r="AG10005">
        <v>21</v>
      </c>
      <c r="AH10005">
        <v>21</v>
      </c>
      <c r="AI10005">
        <v>22</v>
      </c>
      <c r="AJ10005">
        <v>22</v>
      </c>
      <c r="AK10005">
        <v>22</v>
      </c>
      <c r="AL10005">
        <v>22</v>
      </c>
      <c r="AM10005">
        <v>22</v>
      </c>
      <c r="AN10005">
        <v>22</v>
      </c>
      <c r="AO10005">
        <v>22</v>
      </c>
      <c r="AP10005">
        <v>22</v>
      </c>
      <c r="AQ10005">
        <v>22</v>
      </c>
    </row>
    <row r="10006" spans="1:43">
      <c r="A10006" t="s">
        <v>6246</v>
      </c>
      <c r="B10006" t="s">
        <v>6247</v>
      </c>
      <c r="C10006" t="s">
        <v>6242</v>
      </c>
      <c r="D10006" t="s">
        <v>6243</v>
      </c>
      <c r="E10006" t="s">
        <v>6174</v>
      </c>
      <c r="F10006" t="s">
        <v>6175</v>
      </c>
      <c r="G10006" t="s">
        <v>80</v>
      </c>
      <c r="H10006" t="s">
        <v>81</v>
      </c>
      <c r="I10006" s="2">
        <v>0</v>
      </c>
      <c r="J10006" s="2">
        <v>1</v>
      </c>
      <c r="K10006" s="2">
        <v>0</v>
      </c>
      <c r="L10006" t="s">
        <v>82</v>
      </c>
      <c r="M10006" t="s">
        <v>83</v>
      </c>
      <c r="N10006" t="s">
        <v>84</v>
      </c>
      <c r="O10006" t="s">
        <v>85</v>
      </c>
      <c r="P10006" t="s">
        <v>86</v>
      </c>
      <c r="Q10006">
        <v>115</v>
      </c>
      <c r="R10006">
        <v>116</v>
      </c>
      <c r="S10006">
        <v>118</v>
      </c>
      <c r="T10006">
        <v>119</v>
      </c>
      <c r="U10006">
        <v>120</v>
      </c>
      <c r="V10006">
        <v>122</v>
      </c>
      <c r="W10006">
        <v>123</v>
      </c>
      <c r="X10006">
        <v>124</v>
      </c>
      <c r="Y10006">
        <v>125</v>
      </c>
      <c r="Z10006">
        <v>127</v>
      </c>
      <c r="AA10006">
        <v>128</v>
      </c>
      <c r="AB10006">
        <v>129</v>
      </c>
      <c r="AC10006">
        <v>130</v>
      </c>
      <c r="AD10006">
        <v>131</v>
      </c>
      <c r="AE10006">
        <v>132</v>
      </c>
      <c r="AF10006">
        <v>133</v>
      </c>
      <c r="AG10006">
        <v>134</v>
      </c>
      <c r="AH10006">
        <v>135</v>
      </c>
      <c r="AI10006">
        <v>136</v>
      </c>
      <c r="AJ10006">
        <v>137</v>
      </c>
      <c r="AK10006">
        <v>138</v>
      </c>
      <c r="AL10006">
        <v>139</v>
      </c>
      <c r="AM10006">
        <v>138</v>
      </c>
      <c r="AN10006">
        <v>138</v>
      </c>
      <c r="AO10006">
        <v>137</v>
      </c>
      <c r="AP10006">
        <v>137</v>
      </c>
      <c r="AQ10006">
        <v>137</v>
      </c>
    </row>
    <row r="10007" spans="1:43">
      <c r="A10007" t="s">
        <v>6246</v>
      </c>
      <c r="B10007" t="s">
        <v>6247</v>
      </c>
      <c r="C10007" t="s">
        <v>6242</v>
      </c>
      <c r="D10007" t="s">
        <v>6243</v>
      </c>
      <c r="E10007" t="s">
        <v>6174</v>
      </c>
      <c r="F10007" t="s">
        <v>6175</v>
      </c>
      <c r="G10007" t="s">
        <v>80</v>
      </c>
      <c r="H10007" t="s">
        <v>81</v>
      </c>
      <c r="I10007" s="2">
        <v>0</v>
      </c>
      <c r="J10007" s="2">
        <v>1</v>
      </c>
      <c r="K10007" s="2">
        <v>0</v>
      </c>
      <c r="L10007" t="s">
        <v>82</v>
      </c>
      <c r="M10007" t="s">
        <v>87</v>
      </c>
      <c r="N10007" t="s">
        <v>88</v>
      </c>
      <c r="O10007" t="s">
        <v>85</v>
      </c>
      <c r="P10007" t="s">
        <v>86</v>
      </c>
      <c r="Q10007">
        <v>115</v>
      </c>
      <c r="R10007">
        <v>115</v>
      </c>
      <c r="S10007">
        <v>116</v>
      </c>
      <c r="T10007">
        <v>116</v>
      </c>
      <c r="U10007">
        <v>116</v>
      </c>
      <c r="V10007">
        <v>116</v>
      </c>
      <c r="W10007">
        <v>117</v>
      </c>
      <c r="X10007">
        <v>117</v>
      </c>
      <c r="Y10007">
        <v>117</v>
      </c>
      <c r="Z10007">
        <v>117</v>
      </c>
      <c r="AA10007">
        <v>117</v>
      </c>
      <c r="AB10007">
        <v>118</v>
      </c>
      <c r="AC10007">
        <v>118</v>
      </c>
      <c r="AD10007">
        <v>118</v>
      </c>
      <c r="AE10007">
        <v>118</v>
      </c>
      <c r="AF10007">
        <v>118</v>
      </c>
      <c r="AG10007">
        <v>118</v>
      </c>
      <c r="AH10007">
        <v>118</v>
      </c>
      <c r="AI10007">
        <v>119</v>
      </c>
      <c r="AJ10007">
        <v>119</v>
      </c>
      <c r="AK10007">
        <v>119</v>
      </c>
      <c r="AL10007">
        <v>119</v>
      </c>
      <c r="AM10007">
        <v>119</v>
      </c>
      <c r="AN10007">
        <v>119</v>
      </c>
      <c r="AO10007">
        <v>119</v>
      </c>
      <c r="AP10007">
        <v>119</v>
      </c>
      <c r="AQ10007">
        <v>119</v>
      </c>
    </row>
    <row r="10008" spans="1:43">
      <c r="A10008" t="s">
        <v>6246</v>
      </c>
      <c r="B10008" t="s">
        <v>6247</v>
      </c>
      <c r="C10008" t="s">
        <v>6242</v>
      </c>
      <c r="D10008" t="s">
        <v>6243</v>
      </c>
      <c r="E10008" t="s">
        <v>6174</v>
      </c>
      <c r="F10008" t="s">
        <v>6175</v>
      </c>
      <c r="G10008" t="s">
        <v>80</v>
      </c>
      <c r="H10008" t="s">
        <v>81</v>
      </c>
      <c r="I10008" s="2">
        <v>0</v>
      </c>
      <c r="J10008" s="2">
        <v>1</v>
      </c>
      <c r="K10008" s="2">
        <v>0</v>
      </c>
      <c r="L10008" t="s">
        <v>82</v>
      </c>
      <c r="M10008" t="s">
        <v>89</v>
      </c>
      <c r="N10008" t="s">
        <v>90</v>
      </c>
      <c r="O10008" t="s">
        <v>85</v>
      </c>
      <c r="P10008" t="s">
        <v>86</v>
      </c>
      <c r="Q10008">
        <v>115</v>
      </c>
      <c r="R10008">
        <v>118</v>
      </c>
      <c r="S10008">
        <v>120</v>
      </c>
      <c r="T10008">
        <v>122</v>
      </c>
      <c r="U10008">
        <v>124</v>
      </c>
      <c r="V10008">
        <v>126</v>
      </c>
      <c r="W10008">
        <v>128</v>
      </c>
      <c r="X10008">
        <v>130</v>
      </c>
      <c r="Y10008">
        <v>132</v>
      </c>
      <c r="Z10008">
        <v>134</v>
      </c>
      <c r="AA10008">
        <v>135</v>
      </c>
      <c r="AB10008">
        <v>137</v>
      </c>
      <c r="AC10008">
        <v>139</v>
      </c>
      <c r="AD10008">
        <v>140</v>
      </c>
      <c r="AE10008">
        <v>141</v>
      </c>
      <c r="AF10008">
        <v>141</v>
      </c>
      <c r="AG10008">
        <v>140</v>
      </c>
      <c r="AH10008">
        <v>140</v>
      </c>
      <c r="AI10008">
        <v>140</v>
      </c>
      <c r="AJ10008">
        <v>139</v>
      </c>
      <c r="AK10008">
        <v>139</v>
      </c>
      <c r="AL10008">
        <v>138</v>
      </c>
      <c r="AM10008">
        <v>138</v>
      </c>
      <c r="AN10008">
        <v>138</v>
      </c>
      <c r="AO10008">
        <v>137</v>
      </c>
      <c r="AP10008">
        <v>137</v>
      </c>
      <c r="AQ10008">
        <v>136</v>
      </c>
    </row>
    <row r="10009" spans="1:43">
      <c r="A10009" t="s">
        <v>6246</v>
      </c>
      <c r="B10009" t="s">
        <v>6247</v>
      </c>
      <c r="C10009" t="s">
        <v>6242</v>
      </c>
      <c r="D10009" t="s">
        <v>6243</v>
      </c>
      <c r="E10009" t="s">
        <v>6174</v>
      </c>
      <c r="F10009" t="s">
        <v>6175</v>
      </c>
      <c r="G10009" t="s">
        <v>80</v>
      </c>
      <c r="H10009" t="s">
        <v>81</v>
      </c>
      <c r="I10009" s="2">
        <v>0</v>
      </c>
      <c r="J10009" s="2">
        <v>1</v>
      </c>
      <c r="K10009" s="2">
        <v>0</v>
      </c>
      <c r="L10009" t="s">
        <v>82</v>
      </c>
      <c r="M10009" t="s">
        <v>83</v>
      </c>
      <c r="N10009" t="s">
        <v>91</v>
      </c>
      <c r="O10009" t="s">
        <v>85</v>
      </c>
      <c r="P10009" t="s">
        <v>86</v>
      </c>
      <c r="Q10009">
        <v>115</v>
      </c>
      <c r="R10009">
        <v>116</v>
      </c>
      <c r="S10009">
        <v>118</v>
      </c>
      <c r="T10009">
        <v>119</v>
      </c>
      <c r="U10009">
        <v>120</v>
      </c>
      <c r="V10009">
        <v>122</v>
      </c>
      <c r="W10009">
        <v>123</v>
      </c>
      <c r="X10009">
        <v>124</v>
      </c>
      <c r="Y10009">
        <v>125</v>
      </c>
      <c r="Z10009">
        <v>127</v>
      </c>
      <c r="AA10009">
        <v>128</v>
      </c>
      <c r="AB10009">
        <v>129</v>
      </c>
      <c r="AC10009">
        <v>130</v>
      </c>
      <c r="AD10009">
        <v>131</v>
      </c>
      <c r="AE10009">
        <v>132</v>
      </c>
      <c r="AF10009">
        <v>133</v>
      </c>
      <c r="AG10009">
        <v>134</v>
      </c>
      <c r="AH10009">
        <v>135</v>
      </c>
      <c r="AI10009">
        <v>136</v>
      </c>
      <c r="AJ10009">
        <v>137</v>
      </c>
      <c r="AK10009">
        <v>138</v>
      </c>
      <c r="AL10009">
        <v>139</v>
      </c>
      <c r="AM10009">
        <v>138</v>
      </c>
      <c r="AN10009">
        <v>138</v>
      </c>
      <c r="AO10009">
        <v>137</v>
      </c>
      <c r="AP10009">
        <v>137</v>
      </c>
      <c r="AQ10009">
        <v>137</v>
      </c>
    </row>
    <row r="10010" spans="1:43">
      <c r="A10010" t="s">
        <v>6248</v>
      </c>
      <c r="B10010" t="s">
        <v>6249</v>
      </c>
      <c r="C10010" t="s">
        <v>6242</v>
      </c>
      <c r="D10010" t="s">
        <v>6243</v>
      </c>
      <c r="E10010" t="s">
        <v>6174</v>
      </c>
      <c r="F10010" t="s">
        <v>6175</v>
      </c>
      <c r="G10010" t="s">
        <v>80</v>
      </c>
      <c r="H10010" t="s">
        <v>81</v>
      </c>
      <c r="I10010" s="2">
        <v>0</v>
      </c>
      <c r="J10010" s="2">
        <v>1</v>
      </c>
      <c r="K10010" s="2">
        <v>0</v>
      </c>
      <c r="L10010" t="s">
        <v>82</v>
      </c>
      <c r="M10010" t="s">
        <v>83</v>
      </c>
      <c r="N10010" t="s">
        <v>84</v>
      </c>
      <c r="O10010" t="s">
        <v>85</v>
      </c>
      <c r="P10010" t="s">
        <v>86</v>
      </c>
      <c r="Q10010">
        <v>34</v>
      </c>
      <c r="R10010">
        <v>34</v>
      </c>
      <c r="S10010">
        <v>35</v>
      </c>
      <c r="T10010">
        <v>35</v>
      </c>
      <c r="U10010">
        <v>36</v>
      </c>
      <c r="V10010">
        <v>36</v>
      </c>
      <c r="W10010">
        <v>36</v>
      </c>
      <c r="X10010">
        <v>37</v>
      </c>
      <c r="Y10010">
        <v>37</v>
      </c>
      <c r="Z10010">
        <v>37</v>
      </c>
      <c r="AA10010">
        <v>38</v>
      </c>
      <c r="AB10010">
        <v>38</v>
      </c>
      <c r="AC10010">
        <v>38</v>
      </c>
      <c r="AD10010">
        <v>39</v>
      </c>
      <c r="AE10010">
        <v>39</v>
      </c>
      <c r="AF10010">
        <v>39</v>
      </c>
      <c r="AG10010">
        <v>40</v>
      </c>
      <c r="AH10010">
        <v>40</v>
      </c>
      <c r="AI10010">
        <v>40</v>
      </c>
      <c r="AJ10010">
        <v>41</v>
      </c>
      <c r="AK10010">
        <v>41</v>
      </c>
      <c r="AL10010">
        <v>41</v>
      </c>
      <c r="AM10010">
        <v>41</v>
      </c>
      <c r="AN10010">
        <v>41</v>
      </c>
      <c r="AO10010">
        <v>41</v>
      </c>
      <c r="AP10010">
        <v>40</v>
      </c>
      <c r="AQ10010">
        <v>40</v>
      </c>
    </row>
    <row r="10011" spans="1:43">
      <c r="A10011" t="s">
        <v>6248</v>
      </c>
      <c r="B10011" t="s">
        <v>6249</v>
      </c>
      <c r="C10011" t="s">
        <v>6242</v>
      </c>
      <c r="D10011" t="s">
        <v>6243</v>
      </c>
      <c r="E10011" t="s">
        <v>6174</v>
      </c>
      <c r="F10011" t="s">
        <v>6175</v>
      </c>
      <c r="G10011" t="s">
        <v>80</v>
      </c>
      <c r="H10011" t="s">
        <v>81</v>
      </c>
      <c r="I10011" s="2">
        <v>0</v>
      </c>
      <c r="J10011" s="2">
        <v>1</v>
      </c>
      <c r="K10011" s="2">
        <v>0</v>
      </c>
      <c r="L10011" t="s">
        <v>82</v>
      </c>
      <c r="M10011" t="s">
        <v>87</v>
      </c>
      <c r="N10011" t="s">
        <v>88</v>
      </c>
      <c r="O10011" t="s">
        <v>85</v>
      </c>
      <c r="P10011" t="s">
        <v>86</v>
      </c>
      <c r="Q10011">
        <v>34</v>
      </c>
      <c r="R10011">
        <v>34</v>
      </c>
      <c r="S10011">
        <v>34</v>
      </c>
      <c r="T10011">
        <v>34</v>
      </c>
      <c r="U10011">
        <v>34</v>
      </c>
      <c r="V10011">
        <v>34</v>
      </c>
      <c r="W10011">
        <v>34</v>
      </c>
      <c r="X10011">
        <v>34</v>
      </c>
      <c r="Y10011">
        <v>34</v>
      </c>
      <c r="Z10011">
        <v>34</v>
      </c>
      <c r="AA10011">
        <v>34</v>
      </c>
      <c r="AB10011">
        <v>34</v>
      </c>
      <c r="AC10011">
        <v>34</v>
      </c>
      <c r="AD10011">
        <v>35</v>
      </c>
      <c r="AE10011">
        <v>35</v>
      </c>
      <c r="AF10011">
        <v>35</v>
      </c>
      <c r="AG10011">
        <v>35</v>
      </c>
      <c r="AH10011">
        <v>35</v>
      </c>
      <c r="AI10011">
        <v>35</v>
      </c>
      <c r="AJ10011">
        <v>35</v>
      </c>
      <c r="AK10011">
        <v>35</v>
      </c>
      <c r="AL10011">
        <v>35</v>
      </c>
      <c r="AM10011">
        <v>35</v>
      </c>
      <c r="AN10011">
        <v>35</v>
      </c>
      <c r="AO10011">
        <v>35</v>
      </c>
      <c r="AP10011">
        <v>35</v>
      </c>
      <c r="AQ10011">
        <v>35</v>
      </c>
    </row>
    <row r="10012" spans="1:43">
      <c r="A10012" t="s">
        <v>6248</v>
      </c>
      <c r="B10012" t="s">
        <v>6249</v>
      </c>
      <c r="C10012" t="s">
        <v>6242</v>
      </c>
      <c r="D10012" t="s">
        <v>6243</v>
      </c>
      <c r="E10012" t="s">
        <v>6174</v>
      </c>
      <c r="F10012" t="s">
        <v>6175</v>
      </c>
      <c r="G10012" t="s">
        <v>80</v>
      </c>
      <c r="H10012" t="s">
        <v>81</v>
      </c>
      <c r="I10012" s="2">
        <v>0</v>
      </c>
      <c r="J10012" s="2">
        <v>1</v>
      </c>
      <c r="K10012" s="2">
        <v>0</v>
      </c>
      <c r="L10012" t="s">
        <v>82</v>
      </c>
      <c r="M10012" t="s">
        <v>89</v>
      </c>
      <c r="N10012" t="s">
        <v>90</v>
      </c>
      <c r="O10012" t="s">
        <v>85</v>
      </c>
      <c r="P10012" t="s">
        <v>86</v>
      </c>
      <c r="Q10012">
        <v>34</v>
      </c>
      <c r="R10012">
        <v>35</v>
      </c>
      <c r="S10012">
        <v>36</v>
      </c>
      <c r="T10012">
        <v>36</v>
      </c>
      <c r="U10012">
        <v>37</v>
      </c>
      <c r="V10012">
        <v>38</v>
      </c>
      <c r="W10012">
        <v>38</v>
      </c>
      <c r="X10012">
        <v>39</v>
      </c>
      <c r="Y10012">
        <v>39</v>
      </c>
      <c r="Z10012">
        <v>40</v>
      </c>
      <c r="AA10012">
        <v>40</v>
      </c>
      <c r="AB10012">
        <v>41</v>
      </c>
      <c r="AC10012">
        <v>41</v>
      </c>
      <c r="AD10012">
        <v>42</v>
      </c>
      <c r="AE10012">
        <v>42</v>
      </c>
      <c r="AF10012">
        <v>42</v>
      </c>
      <c r="AG10012">
        <v>42</v>
      </c>
      <c r="AH10012">
        <v>42</v>
      </c>
      <c r="AI10012">
        <v>42</v>
      </c>
      <c r="AJ10012">
        <v>41</v>
      </c>
      <c r="AK10012">
        <v>41</v>
      </c>
      <c r="AL10012">
        <v>41</v>
      </c>
      <c r="AM10012">
        <v>41</v>
      </c>
      <c r="AN10012">
        <v>41</v>
      </c>
      <c r="AO10012">
        <v>41</v>
      </c>
      <c r="AP10012">
        <v>41</v>
      </c>
      <c r="AQ10012">
        <v>41</v>
      </c>
    </row>
    <row r="10013" spans="1:43">
      <c r="A10013" t="s">
        <v>6248</v>
      </c>
      <c r="B10013" t="s">
        <v>6249</v>
      </c>
      <c r="C10013" t="s">
        <v>6242</v>
      </c>
      <c r="D10013" t="s">
        <v>6243</v>
      </c>
      <c r="E10013" t="s">
        <v>6174</v>
      </c>
      <c r="F10013" t="s">
        <v>6175</v>
      </c>
      <c r="G10013" t="s">
        <v>80</v>
      </c>
      <c r="H10013" t="s">
        <v>81</v>
      </c>
      <c r="I10013" s="2">
        <v>0</v>
      </c>
      <c r="J10013" s="2">
        <v>1</v>
      </c>
      <c r="K10013" s="2">
        <v>0</v>
      </c>
      <c r="L10013" t="s">
        <v>82</v>
      </c>
      <c r="M10013" t="s">
        <v>83</v>
      </c>
      <c r="N10013" t="s">
        <v>91</v>
      </c>
      <c r="O10013" t="s">
        <v>85</v>
      </c>
      <c r="P10013" t="s">
        <v>86</v>
      </c>
      <c r="Q10013">
        <v>34</v>
      </c>
      <c r="R10013">
        <v>34</v>
      </c>
      <c r="S10013">
        <v>35</v>
      </c>
      <c r="T10013">
        <v>35</v>
      </c>
      <c r="U10013">
        <v>36</v>
      </c>
      <c r="V10013">
        <v>36</v>
      </c>
      <c r="W10013">
        <v>36</v>
      </c>
      <c r="X10013">
        <v>37</v>
      </c>
      <c r="Y10013">
        <v>37</v>
      </c>
      <c r="Z10013">
        <v>37</v>
      </c>
      <c r="AA10013">
        <v>38</v>
      </c>
      <c r="AB10013">
        <v>38</v>
      </c>
      <c r="AC10013">
        <v>38</v>
      </c>
      <c r="AD10013">
        <v>39</v>
      </c>
      <c r="AE10013">
        <v>39</v>
      </c>
      <c r="AF10013">
        <v>39</v>
      </c>
      <c r="AG10013">
        <v>40</v>
      </c>
      <c r="AH10013">
        <v>40</v>
      </c>
      <c r="AI10013">
        <v>40</v>
      </c>
      <c r="AJ10013">
        <v>41</v>
      </c>
      <c r="AK10013">
        <v>41</v>
      </c>
      <c r="AL10013">
        <v>41</v>
      </c>
      <c r="AM10013">
        <v>41</v>
      </c>
      <c r="AN10013">
        <v>41</v>
      </c>
      <c r="AO10013">
        <v>41</v>
      </c>
      <c r="AP10013">
        <v>40</v>
      </c>
      <c r="AQ10013">
        <v>40</v>
      </c>
    </row>
    <row r="10014" spans="1:43">
      <c r="A10014" t="s">
        <v>6250</v>
      </c>
      <c r="B10014" t="s">
        <v>6251</v>
      </c>
      <c r="C10014" t="s">
        <v>6220</v>
      </c>
      <c r="D10014" t="s">
        <v>6221</v>
      </c>
      <c r="E10014" t="s">
        <v>6174</v>
      </c>
      <c r="F10014" t="s">
        <v>6175</v>
      </c>
      <c r="G10014" t="s">
        <v>80</v>
      </c>
      <c r="H10014" t="s">
        <v>81</v>
      </c>
      <c r="I10014" s="2">
        <v>0</v>
      </c>
      <c r="J10014" s="2">
        <v>1</v>
      </c>
      <c r="K10014" s="2">
        <v>0</v>
      </c>
      <c r="L10014" t="s">
        <v>82</v>
      </c>
      <c r="M10014" t="s">
        <v>83</v>
      </c>
      <c r="N10014" t="s">
        <v>84</v>
      </c>
      <c r="O10014" t="s">
        <v>85</v>
      </c>
      <c r="P10014" t="s">
        <v>86</v>
      </c>
      <c r="Q10014">
        <v>95</v>
      </c>
      <c r="R10014">
        <v>96</v>
      </c>
      <c r="S10014">
        <v>97</v>
      </c>
      <c r="T10014">
        <v>98</v>
      </c>
      <c r="U10014">
        <v>100</v>
      </c>
      <c r="V10014">
        <v>101</v>
      </c>
      <c r="W10014">
        <v>102</v>
      </c>
      <c r="X10014">
        <v>103</v>
      </c>
      <c r="Y10014">
        <v>104</v>
      </c>
      <c r="Z10014">
        <v>105</v>
      </c>
      <c r="AA10014">
        <v>106</v>
      </c>
      <c r="AB10014">
        <v>107</v>
      </c>
      <c r="AC10014">
        <v>108</v>
      </c>
      <c r="AD10014">
        <v>109</v>
      </c>
      <c r="AE10014">
        <v>110</v>
      </c>
      <c r="AF10014">
        <v>111</v>
      </c>
      <c r="AG10014">
        <v>112</v>
      </c>
      <c r="AH10014">
        <v>113</v>
      </c>
      <c r="AI10014">
        <v>114</v>
      </c>
      <c r="AJ10014">
        <v>115</v>
      </c>
      <c r="AK10014">
        <v>116</v>
      </c>
      <c r="AL10014">
        <v>116</v>
      </c>
      <c r="AM10014">
        <v>116</v>
      </c>
      <c r="AN10014">
        <v>116</v>
      </c>
      <c r="AO10014">
        <v>116</v>
      </c>
      <c r="AP10014">
        <v>115</v>
      </c>
      <c r="AQ10014">
        <v>115</v>
      </c>
    </row>
    <row r="10015" spans="1:43">
      <c r="A10015" t="s">
        <v>6250</v>
      </c>
      <c r="B10015" t="s">
        <v>6251</v>
      </c>
      <c r="C10015" t="s">
        <v>6220</v>
      </c>
      <c r="D10015" t="s">
        <v>6221</v>
      </c>
      <c r="E10015" t="s">
        <v>6174</v>
      </c>
      <c r="F10015" t="s">
        <v>6175</v>
      </c>
      <c r="G10015" t="s">
        <v>80</v>
      </c>
      <c r="H10015" t="s">
        <v>81</v>
      </c>
      <c r="I10015" s="2">
        <v>0</v>
      </c>
      <c r="J10015" s="2">
        <v>1</v>
      </c>
      <c r="K10015" s="2">
        <v>0</v>
      </c>
      <c r="L10015" t="s">
        <v>82</v>
      </c>
      <c r="M10015" t="s">
        <v>87</v>
      </c>
      <c r="N10015" t="s">
        <v>88</v>
      </c>
      <c r="O10015" t="s">
        <v>85</v>
      </c>
      <c r="P10015" t="s">
        <v>86</v>
      </c>
      <c r="Q10015">
        <v>95</v>
      </c>
      <c r="R10015">
        <v>95</v>
      </c>
      <c r="S10015">
        <v>96</v>
      </c>
      <c r="T10015">
        <v>96</v>
      </c>
      <c r="U10015">
        <v>96</v>
      </c>
      <c r="V10015">
        <v>96</v>
      </c>
      <c r="W10015">
        <v>97</v>
      </c>
      <c r="X10015">
        <v>97</v>
      </c>
      <c r="Y10015">
        <v>97</v>
      </c>
      <c r="Z10015">
        <v>97</v>
      </c>
      <c r="AA10015">
        <v>98</v>
      </c>
      <c r="AB10015">
        <v>98</v>
      </c>
      <c r="AC10015">
        <v>98</v>
      </c>
      <c r="AD10015">
        <v>98</v>
      </c>
      <c r="AE10015">
        <v>99</v>
      </c>
      <c r="AF10015">
        <v>99</v>
      </c>
      <c r="AG10015">
        <v>99</v>
      </c>
      <c r="AH10015">
        <v>99</v>
      </c>
      <c r="AI10015">
        <v>99</v>
      </c>
      <c r="AJ10015">
        <v>100</v>
      </c>
      <c r="AK10015">
        <v>100</v>
      </c>
      <c r="AL10015">
        <v>100</v>
      </c>
      <c r="AM10015">
        <v>100</v>
      </c>
      <c r="AN10015">
        <v>100</v>
      </c>
      <c r="AO10015">
        <v>100</v>
      </c>
      <c r="AP10015">
        <v>101</v>
      </c>
      <c r="AQ10015">
        <v>101</v>
      </c>
    </row>
    <row r="10016" spans="1:43">
      <c r="A10016" t="s">
        <v>6250</v>
      </c>
      <c r="B10016" t="s">
        <v>6251</v>
      </c>
      <c r="C10016" t="s">
        <v>6220</v>
      </c>
      <c r="D10016" t="s">
        <v>6221</v>
      </c>
      <c r="E10016" t="s">
        <v>6174</v>
      </c>
      <c r="F10016" t="s">
        <v>6175</v>
      </c>
      <c r="G10016" t="s">
        <v>80</v>
      </c>
      <c r="H10016" t="s">
        <v>81</v>
      </c>
      <c r="I10016" s="2">
        <v>0</v>
      </c>
      <c r="J10016" s="2">
        <v>1</v>
      </c>
      <c r="K10016" s="2">
        <v>0</v>
      </c>
      <c r="L10016" t="s">
        <v>82</v>
      </c>
      <c r="M10016" t="s">
        <v>89</v>
      </c>
      <c r="N10016" t="s">
        <v>90</v>
      </c>
      <c r="O10016" t="s">
        <v>85</v>
      </c>
      <c r="P10016" t="s">
        <v>86</v>
      </c>
      <c r="Q10016">
        <v>95</v>
      </c>
      <c r="R10016">
        <v>97</v>
      </c>
      <c r="S10016">
        <v>99</v>
      </c>
      <c r="T10016">
        <v>101</v>
      </c>
      <c r="U10016">
        <v>103</v>
      </c>
      <c r="V10016">
        <v>104</v>
      </c>
      <c r="W10016">
        <v>106</v>
      </c>
      <c r="X10016">
        <v>108</v>
      </c>
      <c r="Y10016">
        <v>109</v>
      </c>
      <c r="Z10016">
        <v>111</v>
      </c>
      <c r="AA10016">
        <v>112</v>
      </c>
      <c r="AB10016">
        <v>114</v>
      </c>
      <c r="AC10016">
        <v>115</v>
      </c>
      <c r="AD10016">
        <v>116</v>
      </c>
      <c r="AE10016">
        <v>117</v>
      </c>
      <c r="AF10016">
        <v>117</v>
      </c>
      <c r="AG10016">
        <v>117</v>
      </c>
      <c r="AH10016">
        <v>117</v>
      </c>
      <c r="AI10016">
        <v>117</v>
      </c>
      <c r="AJ10016">
        <v>117</v>
      </c>
      <c r="AK10016">
        <v>116</v>
      </c>
      <c r="AL10016">
        <v>116</v>
      </c>
      <c r="AM10016">
        <v>116</v>
      </c>
      <c r="AN10016">
        <v>116</v>
      </c>
      <c r="AO10016">
        <v>116</v>
      </c>
      <c r="AP10016">
        <v>116</v>
      </c>
      <c r="AQ10016">
        <v>115</v>
      </c>
    </row>
    <row r="10017" spans="1:43">
      <c r="A10017" t="s">
        <v>6250</v>
      </c>
      <c r="B10017" t="s">
        <v>6251</v>
      </c>
      <c r="C10017" t="s">
        <v>6220</v>
      </c>
      <c r="D10017" t="s">
        <v>6221</v>
      </c>
      <c r="E10017" t="s">
        <v>6174</v>
      </c>
      <c r="F10017" t="s">
        <v>6175</v>
      </c>
      <c r="G10017" t="s">
        <v>80</v>
      </c>
      <c r="H10017" t="s">
        <v>81</v>
      </c>
      <c r="I10017" s="2">
        <v>0</v>
      </c>
      <c r="J10017" s="2">
        <v>1</v>
      </c>
      <c r="K10017" s="2">
        <v>0</v>
      </c>
      <c r="L10017" t="s">
        <v>82</v>
      </c>
      <c r="M10017" t="s">
        <v>83</v>
      </c>
      <c r="N10017" t="s">
        <v>91</v>
      </c>
      <c r="O10017" t="s">
        <v>85</v>
      </c>
      <c r="P10017" t="s">
        <v>86</v>
      </c>
      <c r="Q10017">
        <v>95</v>
      </c>
      <c r="R10017">
        <v>96</v>
      </c>
      <c r="S10017">
        <v>97</v>
      </c>
      <c r="T10017">
        <v>98</v>
      </c>
      <c r="U10017">
        <v>100</v>
      </c>
      <c r="V10017">
        <v>101</v>
      </c>
      <c r="W10017">
        <v>102</v>
      </c>
      <c r="X10017">
        <v>103</v>
      </c>
      <c r="Y10017">
        <v>104</v>
      </c>
      <c r="Z10017">
        <v>105</v>
      </c>
      <c r="AA10017">
        <v>106</v>
      </c>
      <c r="AB10017">
        <v>107</v>
      </c>
      <c r="AC10017">
        <v>108</v>
      </c>
      <c r="AD10017">
        <v>109</v>
      </c>
      <c r="AE10017">
        <v>110</v>
      </c>
      <c r="AF10017">
        <v>111</v>
      </c>
      <c r="AG10017">
        <v>112</v>
      </c>
      <c r="AH10017">
        <v>113</v>
      </c>
      <c r="AI10017">
        <v>114</v>
      </c>
      <c r="AJ10017">
        <v>115</v>
      </c>
      <c r="AK10017">
        <v>116</v>
      </c>
      <c r="AL10017">
        <v>116</v>
      </c>
      <c r="AM10017">
        <v>116</v>
      </c>
      <c r="AN10017">
        <v>116</v>
      </c>
      <c r="AO10017">
        <v>116</v>
      </c>
      <c r="AP10017">
        <v>115</v>
      </c>
      <c r="AQ10017">
        <v>115</v>
      </c>
    </row>
    <row r="10018" spans="1:43">
      <c r="A10018" t="s">
        <v>6252</v>
      </c>
      <c r="B10018" t="s">
        <v>6253</v>
      </c>
      <c r="C10018" t="s">
        <v>6242</v>
      </c>
      <c r="D10018" t="s">
        <v>6243</v>
      </c>
      <c r="E10018" t="s">
        <v>6174</v>
      </c>
      <c r="F10018" t="s">
        <v>6175</v>
      </c>
      <c r="G10018" t="s">
        <v>80</v>
      </c>
      <c r="H10018" t="s">
        <v>81</v>
      </c>
      <c r="I10018" s="2">
        <v>0</v>
      </c>
      <c r="J10018" s="2">
        <v>1</v>
      </c>
      <c r="K10018" s="2">
        <v>0</v>
      </c>
      <c r="L10018" t="s">
        <v>82</v>
      </c>
      <c r="M10018" t="s">
        <v>83</v>
      </c>
      <c r="N10018" t="s">
        <v>84</v>
      </c>
      <c r="O10018" t="s">
        <v>85</v>
      </c>
      <c r="P10018" t="s">
        <v>86</v>
      </c>
      <c r="Q10018">
        <v>64</v>
      </c>
      <c r="R10018">
        <v>65</v>
      </c>
      <c r="S10018">
        <v>65</v>
      </c>
      <c r="T10018">
        <v>66</v>
      </c>
      <c r="U10018">
        <v>67</v>
      </c>
      <c r="V10018">
        <v>68</v>
      </c>
      <c r="W10018">
        <v>68</v>
      </c>
      <c r="X10018">
        <v>69</v>
      </c>
      <c r="Y10018">
        <v>70</v>
      </c>
      <c r="Z10018">
        <v>70</v>
      </c>
      <c r="AA10018">
        <v>71</v>
      </c>
      <c r="AB10018">
        <v>72</v>
      </c>
      <c r="AC10018">
        <v>72</v>
      </c>
      <c r="AD10018">
        <v>73</v>
      </c>
      <c r="AE10018">
        <v>74</v>
      </c>
      <c r="AF10018">
        <v>74</v>
      </c>
      <c r="AG10018">
        <v>75</v>
      </c>
      <c r="AH10018">
        <v>75</v>
      </c>
      <c r="AI10018">
        <v>76</v>
      </c>
      <c r="AJ10018">
        <v>76</v>
      </c>
      <c r="AK10018">
        <v>77</v>
      </c>
      <c r="AL10018">
        <v>77</v>
      </c>
      <c r="AM10018">
        <v>77</v>
      </c>
      <c r="AN10018">
        <v>77</v>
      </c>
      <c r="AO10018">
        <v>76</v>
      </c>
      <c r="AP10018">
        <v>76</v>
      </c>
      <c r="AQ10018">
        <v>76</v>
      </c>
    </row>
    <row r="10019" spans="1:43">
      <c r="A10019" t="s">
        <v>6252</v>
      </c>
      <c r="B10019" t="s">
        <v>6253</v>
      </c>
      <c r="C10019" t="s">
        <v>6242</v>
      </c>
      <c r="D10019" t="s">
        <v>6243</v>
      </c>
      <c r="E10019" t="s">
        <v>6174</v>
      </c>
      <c r="F10019" t="s">
        <v>6175</v>
      </c>
      <c r="G10019" t="s">
        <v>80</v>
      </c>
      <c r="H10019" t="s">
        <v>81</v>
      </c>
      <c r="I10019" s="2">
        <v>0</v>
      </c>
      <c r="J10019" s="2">
        <v>1</v>
      </c>
      <c r="K10019" s="2">
        <v>0</v>
      </c>
      <c r="L10019" t="s">
        <v>82</v>
      </c>
      <c r="M10019" t="s">
        <v>87</v>
      </c>
      <c r="N10019" t="s">
        <v>88</v>
      </c>
      <c r="O10019" t="s">
        <v>85</v>
      </c>
      <c r="P10019" t="s">
        <v>86</v>
      </c>
      <c r="Q10019">
        <v>64</v>
      </c>
      <c r="R10019">
        <v>65</v>
      </c>
      <c r="S10019">
        <v>65</v>
      </c>
      <c r="T10019">
        <v>65</v>
      </c>
      <c r="U10019">
        <v>65</v>
      </c>
      <c r="V10019">
        <v>65</v>
      </c>
      <c r="W10019">
        <v>65</v>
      </c>
      <c r="X10019">
        <v>65</v>
      </c>
      <c r="Y10019">
        <v>65</v>
      </c>
      <c r="Z10019">
        <v>66</v>
      </c>
      <c r="AA10019">
        <v>66</v>
      </c>
      <c r="AB10019">
        <v>66</v>
      </c>
      <c r="AC10019">
        <v>66</v>
      </c>
      <c r="AD10019">
        <v>66</v>
      </c>
      <c r="AE10019">
        <v>66</v>
      </c>
      <c r="AF10019">
        <v>66</v>
      </c>
      <c r="AG10019">
        <v>66</v>
      </c>
      <c r="AH10019">
        <v>66</v>
      </c>
      <c r="AI10019">
        <v>66</v>
      </c>
      <c r="AJ10019">
        <v>66</v>
      </c>
      <c r="AK10019">
        <v>67</v>
      </c>
      <c r="AL10019">
        <v>67</v>
      </c>
      <c r="AM10019">
        <v>67</v>
      </c>
      <c r="AN10019">
        <v>67</v>
      </c>
      <c r="AO10019">
        <v>67</v>
      </c>
      <c r="AP10019">
        <v>67</v>
      </c>
      <c r="AQ10019">
        <v>67</v>
      </c>
    </row>
    <row r="10020" spans="1:43">
      <c r="A10020" t="s">
        <v>6252</v>
      </c>
      <c r="B10020" t="s">
        <v>6253</v>
      </c>
      <c r="C10020" t="s">
        <v>6242</v>
      </c>
      <c r="D10020" t="s">
        <v>6243</v>
      </c>
      <c r="E10020" t="s">
        <v>6174</v>
      </c>
      <c r="F10020" t="s">
        <v>6175</v>
      </c>
      <c r="G10020" t="s">
        <v>80</v>
      </c>
      <c r="H10020" t="s">
        <v>81</v>
      </c>
      <c r="I10020" s="2">
        <v>0</v>
      </c>
      <c r="J10020" s="2">
        <v>1</v>
      </c>
      <c r="K10020" s="2">
        <v>0</v>
      </c>
      <c r="L10020" t="s">
        <v>82</v>
      </c>
      <c r="M10020" t="s">
        <v>89</v>
      </c>
      <c r="N10020" t="s">
        <v>90</v>
      </c>
      <c r="O10020" t="s">
        <v>85</v>
      </c>
      <c r="P10020" t="s">
        <v>86</v>
      </c>
      <c r="Q10020">
        <v>64</v>
      </c>
      <c r="R10020">
        <v>65</v>
      </c>
      <c r="S10020">
        <v>66</v>
      </c>
      <c r="T10020">
        <v>67</v>
      </c>
      <c r="U10020">
        <v>69</v>
      </c>
      <c r="V10020">
        <v>70</v>
      </c>
      <c r="W10020">
        <v>71</v>
      </c>
      <c r="X10020">
        <v>72</v>
      </c>
      <c r="Y10020">
        <v>73</v>
      </c>
      <c r="Z10020">
        <v>74</v>
      </c>
      <c r="AA10020">
        <v>75</v>
      </c>
      <c r="AB10020">
        <v>76</v>
      </c>
      <c r="AC10020">
        <v>77</v>
      </c>
      <c r="AD10020">
        <v>77</v>
      </c>
      <c r="AE10020">
        <v>78</v>
      </c>
      <c r="AF10020">
        <v>78</v>
      </c>
      <c r="AG10020">
        <v>78</v>
      </c>
      <c r="AH10020">
        <v>77</v>
      </c>
      <c r="AI10020">
        <v>77</v>
      </c>
      <c r="AJ10020">
        <v>77</v>
      </c>
      <c r="AK10020">
        <v>77</v>
      </c>
      <c r="AL10020">
        <v>77</v>
      </c>
      <c r="AM10020">
        <v>76</v>
      </c>
      <c r="AN10020">
        <v>76</v>
      </c>
      <c r="AO10020">
        <v>76</v>
      </c>
      <c r="AP10020">
        <v>76</v>
      </c>
      <c r="AQ10020">
        <v>75</v>
      </c>
    </row>
    <row r="10021" spans="1:43">
      <c r="A10021" t="s">
        <v>6252</v>
      </c>
      <c r="B10021" t="s">
        <v>6253</v>
      </c>
      <c r="C10021" t="s">
        <v>6242</v>
      </c>
      <c r="D10021" t="s">
        <v>6243</v>
      </c>
      <c r="E10021" t="s">
        <v>6174</v>
      </c>
      <c r="F10021" t="s">
        <v>6175</v>
      </c>
      <c r="G10021" t="s">
        <v>80</v>
      </c>
      <c r="H10021" t="s">
        <v>81</v>
      </c>
      <c r="I10021" s="2">
        <v>0</v>
      </c>
      <c r="J10021" s="2">
        <v>1</v>
      </c>
      <c r="K10021" s="2">
        <v>0</v>
      </c>
      <c r="L10021" t="s">
        <v>82</v>
      </c>
      <c r="M10021" t="s">
        <v>83</v>
      </c>
      <c r="N10021" t="s">
        <v>91</v>
      </c>
      <c r="O10021" t="s">
        <v>85</v>
      </c>
      <c r="P10021" t="s">
        <v>86</v>
      </c>
      <c r="Q10021">
        <v>64</v>
      </c>
      <c r="R10021">
        <v>65</v>
      </c>
      <c r="S10021">
        <v>65</v>
      </c>
      <c r="T10021">
        <v>66</v>
      </c>
      <c r="U10021">
        <v>67</v>
      </c>
      <c r="V10021">
        <v>68</v>
      </c>
      <c r="W10021">
        <v>68</v>
      </c>
      <c r="X10021">
        <v>69</v>
      </c>
      <c r="Y10021">
        <v>70</v>
      </c>
      <c r="Z10021">
        <v>70</v>
      </c>
      <c r="AA10021">
        <v>71</v>
      </c>
      <c r="AB10021">
        <v>72</v>
      </c>
      <c r="AC10021">
        <v>72</v>
      </c>
      <c r="AD10021">
        <v>73</v>
      </c>
      <c r="AE10021">
        <v>74</v>
      </c>
      <c r="AF10021">
        <v>74</v>
      </c>
      <c r="AG10021">
        <v>75</v>
      </c>
      <c r="AH10021">
        <v>75</v>
      </c>
      <c r="AI10021">
        <v>76</v>
      </c>
      <c r="AJ10021">
        <v>76</v>
      </c>
      <c r="AK10021">
        <v>77</v>
      </c>
      <c r="AL10021">
        <v>77</v>
      </c>
      <c r="AM10021">
        <v>77</v>
      </c>
      <c r="AN10021">
        <v>77</v>
      </c>
      <c r="AO10021">
        <v>76</v>
      </c>
      <c r="AP10021">
        <v>76</v>
      </c>
      <c r="AQ10021">
        <v>76</v>
      </c>
    </row>
    <row r="10022" spans="1:43">
      <c r="A10022" t="s">
        <v>6254</v>
      </c>
      <c r="B10022" t="s">
        <v>6255</v>
      </c>
      <c r="C10022" t="s">
        <v>6256</v>
      </c>
      <c r="D10022" t="s">
        <v>6257</v>
      </c>
      <c r="E10022" t="s">
        <v>6174</v>
      </c>
      <c r="F10022" t="s">
        <v>6175</v>
      </c>
      <c r="G10022" t="s">
        <v>80</v>
      </c>
      <c r="H10022" t="s">
        <v>81</v>
      </c>
      <c r="I10022" s="2">
        <v>0</v>
      </c>
      <c r="J10022" s="2">
        <v>1</v>
      </c>
      <c r="K10022" s="2">
        <v>0</v>
      </c>
      <c r="L10022" t="s">
        <v>82</v>
      </c>
      <c r="M10022" t="s">
        <v>83</v>
      </c>
      <c r="N10022" t="s">
        <v>84</v>
      </c>
      <c r="O10022" t="s">
        <v>85</v>
      </c>
      <c r="P10022" t="s">
        <v>86</v>
      </c>
      <c r="Q10022">
        <v>40</v>
      </c>
      <c r="R10022">
        <v>41</v>
      </c>
      <c r="S10022">
        <v>41</v>
      </c>
      <c r="T10022">
        <v>42</v>
      </c>
      <c r="U10022">
        <v>42</v>
      </c>
      <c r="V10022">
        <v>42</v>
      </c>
      <c r="W10022">
        <v>43</v>
      </c>
      <c r="X10022">
        <v>43</v>
      </c>
      <c r="Y10022">
        <v>44</v>
      </c>
      <c r="Z10022">
        <v>44</v>
      </c>
      <c r="AA10022">
        <v>45</v>
      </c>
      <c r="AB10022">
        <v>45</v>
      </c>
      <c r="AC10022">
        <v>46</v>
      </c>
      <c r="AD10022">
        <v>46</v>
      </c>
      <c r="AE10022">
        <v>46</v>
      </c>
      <c r="AF10022">
        <v>47</v>
      </c>
      <c r="AG10022">
        <v>47</v>
      </c>
      <c r="AH10022">
        <v>48</v>
      </c>
      <c r="AI10022">
        <v>48</v>
      </c>
      <c r="AJ10022">
        <v>48</v>
      </c>
      <c r="AK10022">
        <v>49</v>
      </c>
      <c r="AL10022">
        <v>49</v>
      </c>
      <c r="AM10022">
        <v>49</v>
      </c>
      <c r="AN10022">
        <v>49</v>
      </c>
      <c r="AO10022">
        <v>48</v>
      </c>
      <c r="AP10022">
        <v>48</v>
      </c>
      <c r="AQ10022">
        <v>48</v>
      </c>
    </row>
    <row r="10023" spans="1:43">
      <c r="A10023" t="s">
        <v>6254</v>
      </c>
      <c r="B10023" t="s">
        <v>6255</v>
      </c>
      <c r="C10023" t="s">
        <v>6256</v>
      </c>
      <c r="D10023" t="s">
        <v>6257</v>
      </c>
      <c r="E10023" t="s">
        <v>6174</v>
      </c>
      <c r="F10023" t="s">
        <v>6175</v>
      </c>
      <c r="G10023" t="s">
        <v>80</v>
      </c>
      <c r="H10023" t="s">
        <v>81</v>
      </c>
      <c r="I10023" s="2">
        <v>0</v>
      </c>
      <c r="J10023" s="2">
        <v>1</v>
      </c>
      <c r="K10023" s="2">
        <v>0</v>
      </c>
      <c r="L10023" t="s">
        <v>82</v>
      </c>
      <c r="M10023" t="s">
        <v>87</v>
      </c>
      <c r="N10023" t="s">
        <v>88</v>
      </c>
      <c r="O10023" t="s">
        <v>85</v>
      </c>
      <c r="P10023" t="s">
        <v>86</v>
      </c>
      <c r="Q10023">
        <v>40</v>
      </c>
      <c r="R10023">
        <v>40</v>
      </c>
      <c r="S10023">
        <v>40</v>
      </c>
      <c r="T10023">
        <v>40</v>
      </c>
      <c r="U10023">
        <v>40</v>
      </c>
      <c r="V10023">
        <v>40</v>
      </c>
      <c r="W10023">
        <v>40</v>
      </c>
      <c r="X10023">
        <v>40</v>
      </c>
      <c r="Y10023">
        <v>41</v>
      </c>
      <c r="Z10023">
        <v>41</v>
      </c>
      <c r="AA10023">
        <v>41</v>
      </c>
      <c r="AB10023">
        <v>41</v>
      </c>
      <c r="AC10023">
        <v>41</v>
      </c>
      <c r="AD10023">
        <v>41</v>
      </c>
      <c r="AE10023">
        <v>41</v>
      </c>
      <c r="AF10023">
        <v>41</v>
      </c>
      <c r="AG10023">
        <v>41</v>
      </c>
      <c r="AH10023">
        <v>41</v>
      </c>
      <c r="AI10023">
        <v>41</v>
      </c>
      <c r="AJ10023">
        <v>41</v>
      </c>
      <c r="AK10023">
        <v>41</v>
      </c>
      <c r="AL10023">
        <v>41</v>
      </c>
      <c r="AM10023">
        <v>42</v>
      </c>
      <c r="AN10023">
        <v>42</v>
      </c>
      <c r="AO10023">
        <v>42</v>
      </c>
      <c r="AP10023">
        <v>42</v>
      </c>
      <c r="AQ10023">
        <v>42</v>
      </c>
    </row>
    <row r="10024" spans="1:43">
      <c r="A10024" t="s">
        <v>6254</v>
      </c>
      <c r="B10024" t="s">
        <v>6255</v>
      </c>
      <c r="C10024" t="s">
        <v>6256</v>
      </c>
      <c r="D10024" t="s">
        <v>6257</v>
      </c>
      <c r="E10024" t="s">
        <v>6174</v>
      </c>
      <c r="F10024" t="s">
        <v>6175</v>
      </c>
      <c r="G10024" t="s">
        <v>80</v>
      </c>
      <c r="H10024" t="s">
        <v>81</v>
      </c>
      <c r="I10024" s="2">
        <v>0</v>
      </c>
      <c r="J10024" s="2">
        <v>1</v>
      </c>
      <c r="K10024" s="2">
        <v>0</v>
      </c>
      <c r="L10024" t="s">
        <v>82</v>
      </c>
      <c r="M10024" t="s">
        <v>89</v>
      </c>
      <c r="N10024" t="s">
        <v>90</v>
      </c>
      <c r="O10024" t="s">
        <v>85</v>
      </c>
      <c r="P10024" t="s">
        <v>86</v>
      </c>
      <c r="Q10024">
        <v>40</v>
      </c>
      <c r="R10024">
        <v>41</v>
      </c>
      <c r="S10024">
        <v>42</v>
      </c>
      <c r="T10024">
        <v>43</v>
      </c>
      <c r="U10024">
        <v>44</v>
      </c>
      <c r="V10024">
        <v>44</v>
      </c>
      <c r="W10024">
        <v>45</v>
      </c>
      <c r="X10024">
        <v>46</v>
      </c>
      <c r="Y10024">
        <v>46</v>
      </c>
      <c r="Z10024">
        <v>47</v>
      </c>
      <c r="AA10024">
        <v>48</v>
      </c>
      <c r="AB10024">
        <v>48</v>
      </c>
      <c r="AC10024">
        <v>49</v>
      </c>
      <c r="AD10024">
        <v>49</v>
      </c>
      <c r="AE10024">
        <v>50</v>
      </c>
      <c r="AF10024">
        <v>50</v>
      </c>
      <c r="AG10024">
        <v>50</v>
      </c>
      <c r="AH10024">
        <v>50</v>
      </c>
      <c r="AI10024">
        <v>49</v>
      </c>
      <c r="AJ10024">
        <v>49</v>
      </c>
      <c r="AK10024">
        <v>49</v>
      </c>
      <c r="AL10024">
        <v>49</v>
      </c>
      <c r="AM10024">
        <v>49</v>
      </c>
      <c r="AN10024">
        <v>49</v>
      </c>
      <c r="AO10024">
        <v>49</v>
      </c>
      <c r="AP10024">
        <v>49</v>
      </c>
      <c r="AQ10024">
        <v>49</v>
      </c>
    </row>
    <row r="10025" spans="1:43">
      <c r="A10025" t="s">
        <v>6254</v>
      </c>
      <c r="B10025" t="s">
        <v>6255</v>
      </c>
      <c r="C10025" t="s">
        <v>6256</v>
      </c>
      <c r="D10025" t="s">
        <v>6257</v>
      </c>
      <c r="E10025" t="s">
        <v>6174</v>
      </c>
      <c r="F10025" t="s">
        <v>6175</v>
      </c>
      <c r="G10025" t="s">
        <v>80</v>
      </c>
      <c r="H10025" t="s">
        <v>81</v>
      </c>
      <c r="I10025" s="2">
        <v>0</v>
      </c>
      <c r="J10025" s="2">
        <v>1</v>
      </c>
      <c r="K10025" s="2">
        <v>0</v>
      </c>
      <c r="L10025" t="s">
        <v>82</v>
      </c>
      <c r="M10025" t="s">
        <v>83</v>
      </c>
      <c r="N10025" t="s">
        <v>91</v>
      </c>
      <c r="O10025" t="s">
        <v>85</v>
      </c>
      <c r="P10025" t="s">
        <v>86</v>
      </c>
      <c r="Q10025">
        <v>40</v>
      </c>
      <c r="R10025">
        <v>41</v>
      </c>
      <c r="S10025">
        <v>41</v>
      </c>
      <c r="T10025">
        <v>42</v>
      </c>
      <c r="U10025">
        <v>42</v>
      </c>
      <c r="V10025">
        <v>42</v>
      </c>
      <c r="W10025">
        <v>43</v>
      </c>
      <c r="X10025">
        <v>43</v>
      </c>
      <c r="Y10025">
        <v>44</v>
      </c>
      <c r="Z10025">
        <v>44</v>
      </c>
      <c r="AA10025">
        <v>45</v>
      </c>
      <c r="AB10025">
        <v>45</v>
      </c>
      <c r="AC10025">
        <v>46</v>
      </c>
      <c r="AD10025">
        <v>46</v>
      </c>
      <c r="AE10025">
        <v>46</v>
      </c>
      <c r="AF10025">
        <v>47</v>
      </c>
      <c r="AG10025">
        <v>47</v>
      </c>
      <c r="AH10025">
        <v>48</v>
      </c>
      <c r="AI10025">
        <v>48</v>
      </c>
      <c r="AJ10025">
        <v>48</v>
      </c>
      <c r="AK10025">
        <v>49</v>
      </c>
      <c r="AL10025">
        <v>49</v>
      </c>
      <c r="AM10025">
        <v>49</v>
      </c>
      <c r="AN10025">
        <v>49</v>
      </c>
      <c r="AO10025">
        <v>48</v>
      </c>
      <c r="AP10025">
        <v>48</v>
      </c>
      <c r="AQ10025">
        <v>48</v>
      </c>
    </row>
    <row r="10026" spans="1:43">
      <c r="A10026" t="s">
        <v>6258</v>
      </c>
      <c r="B10026" t="s">
        <v>6259</v>
      </c>
      <c r="C10026" t="s">
        <v>6256</v>
      </c>
      <c r="D10026" t="s">
        <v>6257</v>
      </c>
      <c r="E10026" t="s">
        <v>6174</v>
      </c>
      <c r="F10026" t="s">
        <v>6175</v>
      </c>
      <c r="G10026" t="s">
        <v>80</v>
      </c>
      <c r="H10026" t="s">
        <v>81</v>
      </c>
      <c r="I10026" s="2">
        <v>0</v>
      </c>
      <c r="J10026" s="2">
        <v>1</v>
      </c>
      <c r="K10026" s="2">
        <v>0</v>
      </c>
      <c r="L10026" t="s">
        <v>82</v>
      </c>
      <c r="M10026" t="s">
        <v>83</v>
      </c>
      <c r="N10026" t="s">
        <v>84</v>
      </c>
      <c r="O10026" t="s">
        <v>85</v>
      </c>
      <c r="P10026" t="s">
        <v>86</v>
      </c>
      <c r="Q10026">
        <v>31</v>
      </c>
      <c r="R10026">
        <v>32</v>
      </c>
      <c r="S10026">
        <v>32</v>
      </c>
      <c r="T10026">
        <v>33</v>
      </c>
      <c r="U10026">
        <v>33</v>
      </c>
      <c r="V10026">
        <v>33</v>
      </c>
      <c r="W10026">
        <v>34</v>
      </c>
      <c r="X10026">
        <v>34</v>
      </c>
      <c r="Y10026">
        <v>34</v>
      </c>
      <c r="Z10026">
        <v>35</v>
      </c>
      <c r="AA10026">
        <v>35</v>
      </c>
      <c r="AB10026">
        <v>36</v>
      </c>
      <c r="AC10026">
        <v>36</v>
      </c>
      <c r="AD10026">
        <v>36</v>
      </c>
      <c r="AE10026">
        <v>37</v>
      </c>
      <c r="AF10026">
        <v>37</v>
      </c>
      <c r="AG10026">
        <v>37</v>
      </c>
      <c r="AH10026">
        <v>38</v>
      </c>
      <c r="AI10026">
        <v>38</v>
      </c>
      <c r="AJ10026">
        <v>38</v>
      </c>
      <c r="AK10026">
        <v>39</v>
      </c>
      <c r="AL10026">
        <v>39</v>
      </c>
      <c r="AM10026">
        <v>39</v>
      </c>
      <c r="AN10026">
        <v>39</v>
      </c>
      <c r="AO10026">
        <v>39</v>
      </c>
      <c r="AP10026">
        <v>39</v>
      </c>
      <c r="AQ10026">
        <v>39</v>
      </c>
    </row>
    <row r="10027" spans="1:43">
      <c r="A10027" t="s">
        <v>6258</v>
      </c>
      <c r="B10027" t="s">
        <v>6259</v>
      </c>
      <c r="C10027" t="s">
        <v>6256</v>
      </c>
      <c r="D10027" t="s">
        <v>6257</v>
      </c>
      <c r="E10027" t="s">
        <v>6174</v>
      </c>
      <c r="F10027" t="s">
        <v>6175</v>
      </c>
      <c r="G10027" t="s">
        <v>80</v>
      </c>
      <c r="H10027" t="s">
        <v>81</v>
      </c>
      <c r="I10027" s="2">
        <v>0</v>
      </c>
      <c r="J10027" s="2">
        <v>1</v>
      </c>
      <c r="K10027" s="2">
        <v>0</v>
      </c>
      <c r="L10027" t="s">
        <v>82</v>
      </c>
      <c r="M10027" t="s">
        <v>87</v>
      </c>
      <c r="N10027" t="s">
        <v>88</v>
      </c>
      <c r="O10027" t="s">
        <v>85</v>
      </c>
      <c r="P10027" t="s">
        <v>86</v>
      </c>
      <c r="Q10027">
        <v>31</v>
      </c>
      <c r="R10027">
        <v>31</v>
      </c>
      <c r="S10027">
        <v>31</v>
      </c>
      <c r="T10027">
        <v>31</v>
      </c>
      <c r="U10027">
        <v>31</v>
      </c>
      <c r="V10027">
        <v>32</v>
      </c>
      <c r="W10027">
        <v>32</v>
      </c>
      <c r="X10027">
        <v>32</v>
      </c>
      <c r="Y10027">
        <v>32</v>
      </c>
      <c r="Z10027">
        <v>32</v>
      </c>
      <c r="AA10027">
        <v>32</v>
      </c>
      <c r="AB10027">
        <v>32</v>
      </c>
      <c r="AC10027">
        <v>32</v>
      </c>
      <c r="AD10027">
        <v>32</v>
      </c>
      <c r="AE10027">
        <v>32</v>
      </c>
      <c r="AF10027">
        <v>32</v>
      </c>
      <c r="AG10027">
        <v>32</v>
      </c>
      <c r="AH10027">
        <v>33</v>
      </c>
      <c r="AI10027">
        <v>33</v>
      </c>
      <c r="AJ10027">
        <v>33</v>
      </c>
      <c r="AK10027">
        <v>33</v>
      </c>
      <c r="AL10027">
        <v>33</v>
      </c>
      <c r="AM10027">
        <v>33</v>
      </c>
      <c r="AN10027">
        <v>33</v>
      </c>
      <c r="AO10027">
        <v>33</v>
      </c>
      <c r="AP10027">
        <v>33</v>
      </c>
      <c r="AQ10027">
        <v>33</v>
      </c>
    </row>
    <row r="10028" spans="1:43">
      <c r="A10028" t="s">
        <v>6258</v>
      </c>
      <c r="B10028" t="s">
        <v>6259</v>
      </c>
      <c r="C10028" t="s">
        <v>6256</v>
      </c>
      <c r="D10028" t="s">
        <v>6257</v>
      </c>
      <c r="E10028" t="s">
        <v>6174</v>
      </c>
      <c r="F10028" t="s">
        <v>6175</v>
      </c>
      <c r="G10028" t="s">
        <v>80</v>
      </c>
      <c r="H10028" t="s">
        <v>81</v>
      </c>
      <c r="I10028" s="2">
        <v>0</v>
      </c>
      <c r="J10028" s="2">
        <v>1</v>
      </c>
      <c r="K10028" s="2">
        <v>0</v>
      </c>
      <c r="L10028" t="s">
        <v>82</v>
      </c>
      <c r="M10028" t="s">
        <v>89</v>
      </c>
      <c r="N10028" t="s">
        <v>90</v>
      </c>
      <c r="O10028" t="s">
        <v>85</v>
      </c>
      <c r="P10028" t="s">
        <v>86</v>
      </c>
      <c r="Q10028">
        <v>31</v>
      </c>
      <c r="R10028">
        <v>31</v>
      </c>
      <c r="S10028">
        <v>32</v>
      </c>
      <c r="T10028">
        <v>33</v>
      </c>
      <c r="U10028">
        <v>33</v>
      </c>
      <c r="V10028">
        <v>34</v>
      </c>
      <c r="W10028">
        <v>34</v>
      </c>
      <c r="X10028">
        <v>35</v>
      </c>
      <c r="Y10028">
        <v>35</v>
      </c>
      <c r="Z10028">
        <v>36</v>
      </c>
      <c r="AA10028">
        <v>36</v>
      </c>
      <c r="AB10028">
        <v>37</v>
      </c>
      <c r="AC10028">
        <v>37</v>
      </c>
      <c r="AD10028">
        <v>38</v>
      </c>
      <c r="AE10028">
        <v>38</v>
      </c>
      <c r="AF10028">
        <v>38</v>
      </c>
      <c r="AG10028">
        <v>38</v>
      </c>
      <c r="AH10028">
        <v>38</v>
      </c>
      <c r="AI10028">
        <v>38</v>
      </c>
      <c r="AJ10028">
        <v>38</v>
      </c>
      <c r="AK10028">
        <v>38</v>
      </c>
      <c r="AL10028">
        <v>38</v>
      </c>
      <c r="AM10028">
        <v>38</v>
      </c>
      <c r="AN10028">
        <v>38</v>
      </c>
      <c r="AO10028">
        <v>38</v>
      </c>
      <c r="AP10028">
        <v>38</v>
      </c>
      <c r="AQ10028">
        <v>38</v>
      </c>
    </row>
    <row r="10029" spans="1:43">
      <c r="A10029" t="s">
        <v>6258</v>
      </c>
      <c r="B10029" t="s">
        <v>6259</v>
      </c>
      <c r="C10029" t="s">
        <v>6256</v>
      </c>
      <c r="D10029" t="s">
        <v>6257</v>
      </c>
      <c r="E10029" t="s">
        <v>6174</v>
      </c>
      <c r="F10029" t="s">
        <v>6175</v>
      </c>
      <c r="G10029" t="s">
        <v>80</v>
      </c>
      <c r="H10029" t="s">
        <v>81</v>
      </c>
      <c r="I10029" s="2">
        <v>0</v>
      </c>
      <c r="J10029" s="2">
        <v>1</v>
      </c>
      <c r="K10029" s="2">
        <v>0</v>
      </c>
      <c r="L10029" t="s">
        <v>82</v>
      </c>
      <c r="M10029" t="s">
        <v>83</v>
      </c>
      <c r="N10029" t="s">
        <v>91</v>
      </c>
      <c r="O10029" t="s">
        <v>85</v>
      </c>
      <c r="P10029" t="s">
        <v>86</v>
      </c>
      <c r="Q10029">
        <v>31</v>
      </c>
      <c r="R10029">
        <v>32</v>
      </c>
      <c r="S10029">
        <v>32</v>
      </c>
      <c r="T10029">
        <v>33</v>
      </c>
      <c r="U10029">
        <v>33</v>
      </c>
      <c r="V10029">
        <v>33</v>
      </c>
      <c r="W10029">
        <v>34</v>
      </c>
      <c r="X10029">
        <v>34</v>
      </c>
      <c r="Y10029">
        <v>34</v>
      </c>
      <c r="Z10029">
        <v>35</v>
      </c>
      <c r="AA10029">
        <v>35</v>
      </c>
      <c r="AB10029">
        <v>36</v>
      </c>
      <c r="AC10029">
        <v>36</v>
      </c>
      <c r="AD10029">
        <v>36</v>
      </c>
      <c r="AE10029">
        <v>37</v>
      </c>
      <c r="AF10029">
        <v>37</v>
      </c>
      <c r="AG10029">
        <v>37</v>
      </c>
      <c r="AH10029">
        <v>38</v>
      </c>
      <c r="AI10029">
        <v>38</v>
      </c>
      <c r="AJ10029">
        <v>38</v>
      </c>
      <c r="AK10029">
        <v>39</v>
      </c>
      <c r="AL10029">
        <v>39</v>
      </c>
      <c r="AM10029">
        <v>39</v>
      </c>
      <c r="AN10029">
        <v>39</v>
      </c>
      <c r="AO10029">
        <v>39</v>
      </c>
      <c r="AP10029">
        <v>39</v>
      </c>
      <c r="AQ10029">
        <v>39</v>
      </c>
    </row>
    <row r="10030" spans="1:43">
      <c r="A10030" t="s">
        <v>6260</v>
      </c>
      <c r="B10030" t="s">
        <v>6261</v>
      </c>
      <c r="C10030" t="s">
        <v>6262</v>
      </c>
      <c r="D10030" t="s">
        <v>6263</v>
      </c>
      <c r="E10030" t="s">
        <v>6174</v>
      </c>
      <c r="F10030" t="s">
        <v>6175</v>
      </c>
      <c r="G10030" t="s">
        <v>80</v>
      </c>
      <c r="H10030" t="s">
        <v>81</v>
      </c>
      <c r="I10030" s="2">
        <v>0</v>
      </c>
      <c r="J10030" s="2">
        <v>1</v>
      </c>
      <c r="K10030" s="2">
        <v>0</v>
      </c>
      <c r="L10030" t="s">
        <v>82</v>
      </c>
      <c r="M10030" t="s">
        <v>83</v>
      </c>
      <c r="N10030" t="s">
        <v>84</v>
      </c>
      <c r="O10030" t="s">
        <v>85</v>
      </c>
      <c r="P10030" t="s">
        <v>86</v>
      </c>
      <c r="Q10030">
        <v>60</v>
      </c>
      <c r="R10030">
        <v>61</v>
      </c>
      <c r="S10030">
        <v>62</v>
      </c>
      <c r="T10030">
        <v>63</v>
      </c>
      <c r="U10030">
        <v>63</v>
      </c>
      <c r="V10030">
        <v>64</v>
      </c>
      <c r="W10030">
        <v>65</v>
      </c>
      <c r="X10030">
        <v>66</v>
      </c>
      <c r="Y10030">
        <v>66</v>
      </c>
      <c r="Z10030">
        <v>67</v>
      </c>
      <c r="AA10030">
        <v>68</v>
      </c>
      <c r="AB10030">
        <v>68</v>
      </c>
      <c r="AC10030">
        <v>69</v>
      </c>
      <c r="AD10030">
        <v>70</v>
      </c>
      <c r="AE10030">
        <v>70</v>
      </c>
      <c r="AF10030">
        <v>71</v>
      </c>
      <c r="AG10030">
        <v>72</v>
      </c>
      <c r="AH10030">
        <v>72</v>
      </c>
      <c r="AI10030">
        <v>73</v>
      </c>
      <c r="AJ10030">
        <v>73</v>
      </c>
      <c r="AK10030">
        <v>74</v>
      </c>
      <c r="AL10030">
        <v>74</v>
      </c>
      <c r="AM10030">
        <v>74</v>
      </c>
      <c r="AN10030">
        <v>74</v>
      </c>
      <c r="AO10030">
        <v>74</v>
      </c>
      <c r="AP10030">
        <v>74</v>
      </c>
      <c r="AQ10030">
        <v>74</v>
      </c>
    </row>
    <row r="10031" spans="1:43">
      <c r="A10031" t="s">
        <v>6260</v>
      </c>
      <c r="B10031" t="s">
        <v>6261</v>
      </c>
      <c r="C10031" t="s">
        <v>6262</v>
      </c>
      <c r="D10031" t="s">
        <v>6263</v>
      </c>
      <c r="E10031" t="s">
        <v>6174</v>
      </c>
      <c r="F10031" t="s">
        <v>6175</v>
      </c>
      <c r="G10031" t="s">
        <v>80</v>
      </c>
      <c r="H10031" t="s">
        <v>81</v>
      </c>
      <c r="I10031" s="2">
        <v>0</v>
      </c>
      <c r="J10031" s="2">
        <v>1</v>
      </c>
      <c r="K10031" s="2">
        <v>0</v>
      </c>
      <c r="L10031" t="s">
        <v>82</v>
      </c>
      <c r="M10031" t="s">
        <v>87</v>
      </c>
      <c r="N10031" t="s">
        <v>88</v>
      </c>
      <c r="O10031" t="s">
        <v>85</v>
      </c>
      <c r="P10031" t="s">
        <v>86</v>
      </c>
      <c r="Q10031">
        <v>60</v>
      </c>
      <c r="R10031">
        <v>60</v>
      </c>
      <c r="S10031">
        <v>60</v>
      </c>
      <c r="T10031">
        <v>60</v>
      </c>
      <c r="U10031">
        <v>61</v>
      </c>
      <c r="V10031">
        <v>61</v>
      </c>
      <c r="W10031">
        <v>61</v>
      </c>
      <c r="X10031">
        <v>61</v>
      </c>
      <c r="Y10031">
        <v>61</v>
      </c>
      <c r="Z10031">
        <v>62</v>
      </c>
      <c r="AA10031">
        <v>62</v>
      </c>
      <c r="AB10031">
        <v>62</v>
      </c>
      <c r="AC10031">
        <v>62</v>
      </c>
      <c r="AD10031">
        <v>62</v>
      </c>
      <c r="AE10031">
        <v>62</v>
      </c>
      <c r="AF10031">
        <v>63</v>
      </c>
      <c r="AG10031">
        <v>63</v>
      </c>
      <c r="AH10031">
        <v>63</v>
      </c>
      <c r="AI10031">
        <v>63</v>
      </c>
      <c r="AJ10031">
        <v>63</v>
      </c>
      <c r="AK10031">
        <v>63</v>
      </c>
      <c r="AL10031">
        <v>63</v>
      </c>
      <c r="AM10031">
        <v>64</v>
      </c>
      <c r="AN10031">
        <v>64</v>
      </c>
      <c r="AO10031">
        <v>64</v>
      </c>
      <c r="AP10031">
        <v>64</v>
      </c>
      <c r="AQ10031">
        <v>64</v>
      </c>
    </row>
    <row r="10032" spans="1:43">
      <c r="A10032" t="s">
        <v>6260</v>
      </c>
      <c r="B10032" t="s">
        <v>6261</v>
      </c>
      <c r="C10032" t="s">
        <v>6262</v>
      </c>
      <c r="D10032" t="s">
        <v>6263</v>
      </c>
      <c r="E10032" t="s">
        <v>6174</v>
      </c>
      <c r="F10032" t="s">
        <v>6175</v>
      </c>
      <c r="G10032" t="s">
        <v>80</v>
      </c>
      <c r="H10032" t="s">
        <v>81</v>
      </c>
      <c r="I10032" s="2">
        <v>0</v>
      </c>
      <c r="J10032" s="2">
        <v>1</v>
      </c>
      <c r="K10032" s="2">
        <v>0</v>
      </c>
      <c r="L10032" t="s">
        <v>82</v>
      </c>
      <c r="M10032" t="s">
        <v>89</v>
      </c>
      <c r="N10032" t="s">
        <v>90</v>
      </c>
      <c r="O10032" t="s">
        <v>85</v>
      </c>
      <c r="P10032" t="s">
        <v>86</v>
      </c>
      <c r="Q10032">
        <v>60</v>
      </c>
      <c r="R10032">
        <v>61</v>
      </c>
      <c r="S10032">
        <v>62</v>
      </c>
      <c r="T10032">
        <v>64</v>
      </c>
      <c r="U10032">
        <v>65</v>
      </c>
      <c r="V10032">
        <v>66</v>
      </c>
      <c r="W10032">
        <v>67</v>
      </c>
      <c r="X10032">
        <v>68</v>
      </c>
      <c r="Y10032">
        <v>69</v>
      </c>
      <c r="Z10032">
        <v>70</v>
      </c>
      <c r="AA10032">
        <v>71</v>
      </c>
      <c r="AB10032">
        <v>72</v>
      </c>
      <c r="AC10032">
        <v>73</v>
      </c>
      <c r="AD10032">
        <v>74</v>
      </c>
      <c r="AE10032">
        <v>74</v>
      </c>
      <c r="AF10032">
        <v>74</v>
      </c>
      <c r="AG10032">
        <v>74</v>
      </c>
      <c r="AH10032">
        <v>74</v>
      </c>
      <c r="AI10032">
        <v>74</v>
      </c>
      <c r="AJ10032">
        <v>74</v>
      </c>
      <c r="AK10032">
        <v>74</v>
      </c>
      <c r="AL10032">
        <v>74</v>
      </c>
      <c r="AM10032">
        <v>74</v>
      </c>
      <c r="AN10032">
        <v>74</v>
      </c>
      <c r="AO10032">
        <v>73</v>
      </c>
      <c r="AP10032">
        <v>73</v>
      </c>
      <c r="AQ10032">
        <v>73</v>
      </c>
    </row>
    <row r="10033" spans="1:43">
      <c r="A10033" t="s">
        <v>6260</v>
      </c>
      <c r="B10033" t="s">
        <v>6261</v>
      </c>
      <c r="C10033" t="s">
        <v>6262</v>
      </c>
      <c r="D10033" t="s">
        <v>6263</v>
      </c>
      <c r="E10033" t="s">
        <v>6174</v>
      </c>
      <c r="F10033" t="s">
        <v>6175</v>
      </c>
      <c r="G10033" t="s">
        <v>80</v>
      </c>
      <c r="H10033" t="s">
        <v>81</v>
      </c>
      <c r="I10033" s="2">
        <v>0</v>
      </c>
      <c r="J10033" s="2">
        <v>1</v>
      </c>
      <c r="K10033" s="2">
        <v>0</v>
      </c>
      <c r="L10033" t="s">
        <v>82</v>
      </c>
      <c r="M10033" t="s">
        <v>83</v>
      </c>
      <c r="N10033" t="s">
        <v>91</v>
      </c>
      <c r="O10033" t="s">
        <v>85</v>
      </c>
      <c r="P10033" t="s">
        <v>86</v>
      </c>
      <c r="Q10033">
        <v>60</v>
      </c>
      <c r="R10033">
        <v>61</v>
      </c>
      <c r="S10033">
        <v>62</v>
      </c>
      <c r="T10033">
        <v>63</v>
      </c>
      <c r="U10033">
        <v>63</v>
      </c>
      <c r="V10033">
        <v>64</v>
      </c>
      <c r="W10033">
        <v>65</v>
      </c>
      <c r="X10033">
        <v>66</v>
      </c>
      <c r="Y10033">
        <v>66</v>
      </c>
      <c r="Z10033">
        <v>67</v>
      </c>
      <c r="AA10033">
        <v>68</v>
      </c>
      <c r="AB10033">
        <v>68</v>
      </c>
      <c r="AC10033">
        <v>69</v>
      </c>
      <c r="AD10033">
        <v>70</v>
      </c>
      <c r="AE10033">
        <v>70</v>
      </c>
      <c r="AF10033">
        <v>71</v>
      </c>
      <c r="AG10033">
        <v>72</v>
      </c>
      <c r="AH10033">
        <v>72</v>
      </c>
      <c r="AI10033">
        <v>73</v>
      </c>
      <c r="AJ10033">
        <v>73</v>
      </c>
      <c r="AK10033">
        <v>74</v>
      </c>
      <c r="AL10033">
        <v>74</v>
      </c>
      <c r="AM10033">
        <v>74</v>
      </c>
      <c r="AN10033">
        <v>74</v>
      </c>
      <c r="AO10033">
        <v>74</v>
      </c>
      <c r="AP10033">
        <v>74</v>
      </c>
      <c r="AQ10033">
        <v>74</v>
      </c>
    </row>
    <row r="10034" spans="1:43">
      <c r="A10034" t="s">
        <v>6264</v>
      </c>
      <c r="B10034" t="s">
        <v>6265</v>
      </c>
      <c r="C10034" t="s">
        <v>6266</v>
      </c>
      <c r="D10034" t="s">
        <v>6267</v>
      </c>
      <c r="E10034" t="s">
        <v>6174</v>
      </c>
      <c r="F10034" t="s">
        <v>6175</v>
      </c>
      <c r="G10034" t="s">
        <v>80</v>
      </c>
      <c r="H10034" t="s">
        <v>81</v>
      </c>
      <c r="I10034" s="2">
        <v>0</v>
      </c>
      <c r="J10034" s="2">
        <v>1</v>
      </c>
      <c r="K10034" s="2">
        <v>0</v>
      </c>
      <c r="L10034" t="s">
        <v>82</v>
      </c>
      <c r="M10034" t="s">
        <v>83</v>
      </c>
      <c r="N10034" t="s">
        <v>84</v>
      </c>
      <c r="O10034" t="s">
        <v>85</v>
      </c>
      <c r="P10034" t="s">
        <v>86</v>
      </c>
      <c r="Q10034">
        <v>80</v>
      </c>
      <c r="R10034">
        <v>81</v>
      </c>
      <c r="S10034">
        <v>82</v>
      </c>
      <c r="T10034">
        <v>83</v>
      </c>
      <c r="U10034">
        <v>84</v>
      </c>
      <c r="V10034">
        <v>85</v>
      </c>
      <c r="W10034">
        <v>86</v>
      </c>
      <c r="X10034">
        <v>87</v>
      </c>
      <c r="Y10034">
        <v>88</v>
      </c>
      <c r="Z10034">
        <v>89</v>
      </c>
      <c r="AA10034">
        <v>89</v>
      </c>
      <c r="AB10034">
        <v>90</v>
      </c>
      <c r="AC10034">
        <v>91</v>
      </c>
      <c r="AD10034">
        <v>92</v>
      </c>
      <c r="AE10034">
        <v>93</v>
      </c>
      <c r="AF10034">
        <v>94</v>
      </c>
      <c r="AG10034">
        <v>94</v>
      </c>
      <c r="AH10034">
        <v>95</v>
      </c>
      <c r="AI10034">
        <v>96</v>
      </c>
      <c r="AJ10034">
        <v>97</v>
      </c>
      <c r="AK10034">
        <v>97</v>
      </c>
      <c r="AL10034">
        <v>98</v>
      </c>
      <c r="AM10034">
        <v>98</v>
      </c>
      <c r="AN10034">
        <v>97</v>
      </c>
      <c r="AO10034">
        <v>97</v>
      </c>
      <c r="AP10034">
        <v>97</v>
      </c>
      <c r="AQ10034">
        <v>97</v>
      </c>
    </row>
    <row r="10035" spans="1:43">
      <c r="A10035" t="s">
        <v>6264</v>
      </c>
      <c r="B10035" t="s">
        <v>6265</v>
      </c>
      <c r="C10035" t="s">
        <v>6266</v>
      </c>
      <c r="D10035" t="s">
        <v>6267</v>
      </c>
      <c r="E10035" t="s">
        <v>6174</v>
      </c>
      <c r="F10035" t="s">
        <v>6175</v>
      </c>
      <c r="G10035" t="s">
        <v>80</v>
      </c>
      <c r="H10035" t="s">
        <v>81</v>
      </c>
      <c r="I10035" s="2">
        <v>0</v>
      </c>
      <c r="J10035" s="2">
        <v>1</v>
      </c>
      <c r="K10035" s="2">
        <v>0</v>
      </c>
      <c r="L10035" t="s">
        <v>82</v>
      </c>
      <c r="M10035" t="s">
        <v>87</v>
      </c>
      <c r="N10035" t="s">
        <v>88</v>
      </c>
      <c r="O10035" t="s">
        <v>85</v>
      </c>
      <c r="P10035" t="s">
        <v>86</v>
      </c>
      <c r="Q10035">
        <v>80</v>
      </c>
      <c r="R10035">
        <v>80</v>
      </c>
      <c r="S10035">
        <v>81</v>
      </c>
      <c r="T10035">
        <v>81</v>
      </c>
      <c r="U10035">
        <v>81</v>
      </c>
      <c r="V10035">
        <v>81</v>
      </c>
      <c r="W10035">
        <v>82</v>
      </c>
      <c r="X10035">
        <v>82</v>
      </c>
      <c r="Y10035">
        <v>82</v>
      </c>
      <c r="Z10035">
        <v>82</v>
      </c>
      <c r="AA10035">
        <v>82</v>
      </c>
      <c r="AB10035">
        <v>83</v>
      </c>
      <c r="AC10035">
        <v>83</v>
      </c>
      <c r="AD10035">
        <v>83</v>
      </c>
      <c r="AE10035">
        <v>83</v>
      </c>
      <c r="AF10035">
        <v>83</v>
      </c>
      <c r="AG10035">
        <v>84</v>
      </c>
      <c r="AH10035">
        <v>84</v>
      </c>
      <c r="AI10035">
        <v>84</v>
      </c>
      <c r="AJ10035">
        <v>84</v>
      </c>
      <c r="AK10035">
        <v>84</v>
      </c>
      <c r="AL10035">
        <v>85</v>
      </c>
      <c r="AM10035">
        <v>85</v>
      </c>
      <c r="AN10035">
        <v>85</v>
      </c>
      <c r="AO10035">
        <v>85</v>
      </c>
      <c r="AP10035">
        <v>85</v>
      </c>
      <c r="AQ10035">
        <v>85</v>
      </c>
    </row>
    <row r="10036" spans="1:43">
      <c r="A10036" t="s">
        <v>6264</v>
      </c>
      <c r="B10036" t="s">
        <v>6265</v>
      </c>
      <c r="C10036" t="s">
        <v>6266</v>
      </c>
      <c r="D10036" t="s">
        <v>6267</v>
      </c>
      <c r="E10036" t="s">
        <v>6174</v>
      </c>
      <c r="F10036" t="s">
        <v>6175</v>
      </c>
      <c r="G10036" t="s">
        <v>80</v>
      </c>
      <c r="H10036" t="s">
        <v>81</v>
      </c>
      <c r="I10036" s="2">
        <v>0</v>
      </c>
      <c r="J10036" s="2">
        <v>1</v>
      </c>
      <c r="K10036" s="2">
        <v>0</v>
      </c>
      <c r="L10036" t="s">
        <v>82</v>
      </c>
      <c r="M10036" t="s">
        <v>89</v>
      </c>
      <c r="N10036" t="s">
        <v>90</v>
      </c>
      <c r="O10036" t="s">
        <v>85</v>
      </c>
      <c r="P10036" t="s">
        <v>86</v>
      </c>
      <c r="Q10036">
        <v>80</v>
      </c>
      <c r="R10036">
        <v>82</v>
      </c>
      <c r="S10036">
        <v>84</v>
      </c>
      <c r="T10036">
        <v>85</v>
      </c>
      <c r="U10036">
        <v>87</v>
      </c>
      <c r="V10036">
        <v>89</v>
      </c>
      <c r="W10036">
        <v>90</v>
      </c>
      <c r="X10036">
        <v>91</v>
      </c>
      <c r="Y10036">
        <v>93</v>
      </c>
      <c r="Z10036">
        <v>94</v>
      </c>
      <c r="AA10036">
        <v>95</v>
      </c>
      <c r="AB10036">
        <v>96</v>
      </c>
      <c r="AC10036">
        <v>98</v>
      </c>
      <c r="AD10036">
        <v>99</v>
      </c>
      <c r="AE10036">
        <v>99</v>
      </c>
      <c r="AF10036">
        <v>99</v>
      </c>
      <c r="AG10036">
        <v>99</v>
      </c>
      <c r="AH10036">
        <v>99</v>
      </c>
      <c r="AI10036">
        <v>99</v>
      </c>
      <c r="AJ10036">
        <v>99</v>
      </c>
      <c r="AK10036">
        <v>99</v>
      </c>
      <c r="AL10036">
        <v>99</v>
      </c>
      <c r="AM10036">
        <v>98</v>
      </c>
      <c r="AN10036">
        <v>98</v>
      </c>
      <c r="AO10036">
        <v>98</v>
      </c>
      <c r="AP10036">
        <v>98</v>
      </c>
      <c r="AQ10036">
        <v>98</v>
      </c>
    </row>
    <row r="10037" spans="1:43">
      <c r="A10037" t="s">
        <v>6264</v>
      </c>
      <c r="B10037" t="s">
        <v>6265</v>
      </c>
      <c r="C10037" t="s">
        <v>6266</v>
      </c>
      <c r="D10037" t="s">
        <v>6267</v>
      </c>
      <c r="E10037" t="s">
        <v>6174</v>
      </c>
      <c r="F10037" t="s">
        <v>6175</v>
      </c>
      <c r="G10037" t="s">
        <v>80</v>
      </c>
      <c r="H10037" t="s">
        <v>81</v>
      </c>
      <c r="I10037" s="2">
        <v>0</v>
      </c>
      <c r="J10037" s="2">
        <v>1</v>
      </c>
      <c r="K10037" s="2">
        <v>0</v>
      </c>
      <c r="L10037" t="s">
        <v>82</v>
      </c>
      <c r="M10037" t="s">
        <v>83</v>
      </c>
      <c r="N10037" t="s">
        <v>91</v>
      </c>
      <c r="O10037" t="s">
        <v>85</v>
      </c>
      <c r="P10037" t="s">
        <v>86</v>
      </c>
      <c r="Q10037">
        <v>80</v>
      </c>
      <c r="R10037">
        <v>81</v>
      </c>
      <c r="S10037">
        <v>82</v>
      </c>
      <c r="T10037">
        <v>83</v>
      </c>
      <c r="U10037">
        <v>84</v>
      </c>
      <c r="V10037">
        <v>85</v>
      </c>
      <c r="W10037">
        <v>86</v>
      </c>
      <c r="X10037">
        <v>87</v>
      </c>
      <c r="Y10037">
        <v>88</v>
      </c>
      <c r="Z10037">
        <v>89</v>
      </c>
      <c r="AA10037">
        <v>89</v>
      </c>
      <c r="AB10037">
        <v>90</v>
      </c>
      <c r="AC10037">
        <v>91</v>
      </c>
      <c r="AD10037">
        <v>92</v>
      </c>
      <c r="AE10037">
        <v>93</v>
      </c>
      <c r="AF10037">
        <v>94</v>
      </c>
      <c r="AG10037">
        <v>94</v>
      </c>
      <c r="AH10037">
        <v>95</v>
      </c>
      <c r="AI10037">
        <v>96</v>
      </c>
      <c r="AJ10037">
        <v>97</v>
      </c>
      <c r="AK10037">
        <v>97</v>
      </c>
      <c r="AL10037">
        <v>98</v>
      </c>
      <c r="AM10037">
        <v>98</v>
      </c>
      <c r="AN10037">
        <v>97</v>
      </c>
      <c r="AO10037">
        <v>97</v>
      </c>
      <c r="AP10037">
        <v>97</v>
      </c>
      <c r="AQ10037">
        <v>97</v>
      </c>
    </row>
    <row r="10038" spans="1:43">
      <c r="A10038" t="s">
        <v>6268</v>
      </c>
      <c r="B10038" t="s">
        <v>6269</v>
      </c>
      <c r="C10038" t="s">
        <v>6262</v>
      </c>
      <c r="D10038" t="s">
        <v>6263</v>
      </c>
      <c r="E10038" t="s">
        <v>6174</v>
      </c>
      <c r="F10038" t="s">
        <v>6175</v>
      </c>
      <c r="G10038" t="s">
        <v>80</v>
      </c>
      <c r="H10038" t="s">
        <v>81</v>
      </c>
      <c r="I10038" s="2">
        <v>0</v>
      </c>
      <c r="J10038" s="2">
        <v>1</v>
      </c>
      <c r="K10038" s="2">
        <v>0</v>
      </c>
      <c r="L10038" t="s">
        <v>82</v>
      </c>
      <c r="M10038" t="s">
        <v>83</v>
      </c>
      <c r="N10038" t="s">
        <v>84</v>
      </c>
      <c r="O10038" t="s">
        <v>85</v>
      </c>
      <c r="P10038" t="s">
        <v>86</v>
      </c>
      <c r="Q10038">
        <v>260</v>
      </c>
      <c r="R10038">
        <v>263</v>
      </c>
      <c r="S10038">
        <v>266</v>
      </c>
      <c r="T10038">
        <v>269</v>
      </c>
      <c r="U10038">
        <v>273</v>
      </c>
      <c r="V10038">
        <v>276</v>
      </c>
      <c r="W10038">
        <v>279</v>
      </c>
      <c r="X10038">
        <v>282</v>
      </c>
      <c r="Y10038">
        <v>286</v>
      </c>
      <c r="Z10038">
        <v>289</v>
      </c>
      <c r="AA10038">
        <v>292</v>
      </c>
      <c r="AB10038">
        <v>295</v>
      </c>
      <c r="AC10038">
        <v>298</v>
      </c>
      <c r="AD10038">
        <v>301</v>
      </c>
      <c r="AE10038">
        <v>304</v>
      </c>
      <c r="AF10038">
        <v>306</v>
      </c>
      <c r="AG10038">
        <v>309</v>
      </c>
      <c r="AH10038">
        <v>312</v>
      </c>
      <c r="AI10038">
        <v>315</v>
      </c>
      <c r="AJ10038">
        <v>318</v>
      </c>
      <c r="AK10038">
        <v>320</v>
      </c>
      <c r="AL10038">
        <v>321</v>
      </c>
      <c r="AM10038">
        <v>321</v>
      </c>
      <c r="AN10038">
        <v>321</v>
      </c>
      <c r="AO10038">
        <v>321</v>
      </c>
      <c r="AP10038">
        <v>321</v>
      </c>
      <c r="AQ10038">
        <v>321</v>
      </c>
    </row>
    <row r="10039" spans="1:43">
      <c r="A10039" t="s">
        <v>6268</v>
      </c>
      <c r="B10039" t="s">
        <v>6269</v>
      </c>
      <c r="C10039" t="s">
        <v>6262</v>
      </c>
      <c r="D10039" t="s">
        <v>6263</v>
      </c>
      <c r="E10039" t="s">
        <v>6174</v>
      </c>
      <c r="F10039" t="s">
        <v>6175</v>
      </c>
      <c r="G10039" t="s">
        <v>80</v>
      </c>
      <c r="H10039" t="s">
        <v>81</v>
      </c>
      <c r="I10039" s="2">
        <v>0</v>
      </c>
      <c r="J10039" s="2">
        <v>1</v>
      </c>
      <c r="K10039" s="2">
        <v>0</v>
      </c>
      <c r="L10039" t="s">
        <v>82</v>
      </c>
      <c r="M10039" t="s">
        <v>87</v>
      </c>
      <c r="N10039" t="s">
        <v>88</v>
      </c>
      <c r="O10039" t="s">
        <v>85</v>
      </c>
      <c r="P10039" t="s">
        <v>86</v>
      </c>
      <c r="Q10039">
        <v>260</v>
      </c>
      <c r="R10039">
        <v>261</v>
      </c>
      <c r="S10039">
        <v>262</v>
      </c>
      <c r="T10039">
        <v>263</v>
      </c>
      <c r="U10039">
        <v>264</v>
      </c>
      <c r="V10039">
        <v>265</v>
      </c>
      <c r="W10039">
        <v>265</v>
      </c>
      <c r="X10039">
        <v>266</v>
      </c>
      <c r="Y10039">
        <v>267</v>
      </c>
      <c r="Z10039">
        <v>268</v>
      </c>
      <c r="AA10039">
        <v>269</v>
      </c>
      <c r="AB10039">
        <v>269</v>
      </c>
      <c r="AC10039">
        <v>270</v>
      </c>
      <c r="AD10039">
        <v>271</v>
      </c>
      <c r="AE10039">
        <v>272</v>
      </c>
      <c r="AF10039">
        <v>272</v>
      </c>
      <c r="AG10039">
        <v>273</v>
      </c>
      <c r="AH10039">
        <v>274</v>
      </c>
      <c r="AI10039">
        <v>274</v>
      </c>
      <c r="AJ10039">
        <v>275</v>
      </c>
      <c r="AK10039">
        <v>276</v>
      </c>
      <c r="AL10039">
        <v>276</v>
      </c>
      <c r="AM10039">
        <v>277</v>
      </c>
      <c r="AN10039">
        <v>278</v>
      </c>
      <c r="AO10039">
        <v>278</v>
      </c>
      <c r="AP10039">
        <v>279</v>
      </c>
      <c r="AQ10039">
        <v>279</v>
      </c>
    </row>
    <row r="10040" spans="1:43">
      <c r="A10040" t="s">
        <v>6268</v>
      </c>
      <c r="B10040" t="s">
        <v>6269</v>
      </c>
      <c r="C10040" t="s">
        <v>6262</v>
      </c>
      <c r="D10040" t="s">
        <v>6263</v>
      </c>
      <c r="E10040" t="s">
        <v>6174</v>
      </c>
      <c r="F10040" t="s">
        <v>6175</v>
      </c>
      <c r="G10040" t="s">
        <v>80</v>
      </c>
      <c r="H10040" t="s">
        <v>81</v>
      </c>
      <c r="I10040" s="2">
        <v>0</v>
      </c>
      <c r="J10040" s="2">
        <v>1</v>
      </c>
      <c r="K10040" s="2">
        <v>0</v>
      </c>
      <c r="L10040" t="s">
        <v>82</v>
      </c>
      <c r="M10040" t="s">
        <v>89</v>
      </c>
      <c r="N10040" t="s">
        <v>90</v>
      </c>
      <c r="O10040" t="s">
        <v>85</v>
      </c>
      <c r="P10040" t="s">
        <v>86</v>
      </c>
      <c r="Q10040">
        <v>260</v>
      </c>
      <c r="R10040">
        <v>265</v>
      </c>
      <c r="S10040">
        <v>271</v>
      </c>
      <c r="T10040">
        <v>276</v>
      </c>
      <c r="U10040">
        <v>282</v>
      </c>
      <c r="V10040">
        <v>287</v>
      </c>
      <c r="W10040">
        <v>292</v>
      </c>
      <c r="X10040">
        <v>296</v>
      </c>
      <c r="Y10040">
        <v>301</v>
      </c>
      <c r="Z10040">
        <v>305</v>
      </c>
      <c r="AA10040">
        <v>309</v>
      </c>
      <c r="AB10040">
        <v>313</v>
      </c>
      <c r="AC10040">
        <v>317</v>
      </c>
      <c r="AD10040">
        <v>321</v>
      </c>
      <c r="AE10040">
        <v>324</v>
      </c>
      <c r="AF10040">
        <v>324</v>
      </c>
      <c r="AG10040">
        <v>324</v>
      </c>
      <c r="AH10040">
        <v>324</v>
      </c>
      <c r="AI10040">
        <v>324</v>
      </c>
      <c r="AJ10040">
        <v>324</v>
      </c>
      <c r="AK10040">
        <v>324</v>
      </c>
      <c r="AL10040">
        <v>324</v>
      </c>
      <c r="AM10040">
        <v>323</v>
      </c>
      <c r="AN10040">
        <v>323</v>
      </c>
      <c r="AO10040">
        <v>323</v>
      </c>
      <c r="AP10040">
        <v>323</v>
      </c>
      <c r="AQ10040">
        <v>323</v>
      </c>
    </row>
    <row r="10041" spans="1:43">
      <c r="A10041" t="s">
        <v>6268</v>
      </c>
      <c r="B10041" t="s">
        <v>6269</v>
      </c>
      <c r="C10041" t="s">
        <v>6262</v>
      </c>
      <c r="D10041" t="s">
        <v>6263</v>
      </c>
      <c r="E10041" t="s">
        <v>6174</v>
      </c>
      <c r="F10041" t="s">
        <v>6175</v>
      </c>
      <c r="G10041" t="s">
        <v>80</v>
      </c>
      <c r="H10041" t="s">
        <v>81</v>
      </c>
      <c r="I10041" s="2">
        <v>0</v>
      </c>
      <c r="J10041" s="2">
        <v>1</v>
      </c>
      <c r="K10041" s="2">
        <v>0</v>
      </c>
      <c r="L10041" t="s">
        <v>82</v>
      </c>
      <c r="M10041" t="s">
        <v>83</v>
      </c>
      <c r="N10041" t="s">
        <v>91</v>
      </c>
      <c r="O10041" t="s">
        <v>85</v>
      </c>
      <c r="P10041" t="s">
        <v>86</v>
      </c>
      <c r="Q10041">
        <v>260</v>
      </c>
      <c r="R10041">
        <v>263</v>
      </c>
      <c r="S10041">
        <v>266</v>
      </c>
      <c r="T10041">
        <v>269</v>
      </c>
      <c r="U10041">
        <v>273</v>
      </c>
      <c r="V10041">
        <v>276</v>
      </c>
      <c r="W10041">
        <v>279</v>
      </c>
      <c r="X10041">
        <v>282</v>
      </c>
      <c r="Y10041">
        <v>286</v>
      </c>
      <c r="Z10041">
        <v>289</v>
      </c>
      <c r="AA10041">
        <v>292</v>
      </c>
      <c r="AB10041">
        <v>295</v>
      </c>
      <c r="AC10041">
        <v>298</v>
      </c>
      <c r="AD10041">
        <v>301</v>
      </c>
      <c r="AE10041">
        <v>304</v>
      </c>
      <c r="AF10041">
        <v>306</v>
      </c>
      <c r="AG10041">
        <v>309</v>
      </c>
      <c r="AH10041">
        <v>312</v>
      </c>
      <c r="AI10041">
        <v>315</v>
      </c>
      <c r="AJ10041">
        <v>318</v>
      </c>
      <c r="AK10041">
        <v>320</v>
      </c>
      <c r="AL10041">
        <v>321</v>
      </c>
      <c r="AM10041">
        <v>321</v>
      </c>
      <c r="AN10041">
        <v>321</v>
      </c>
      <c r="AO10041">
        <v>321</v>
      </c>
      <c r="AP10041">
        <v>321</v>
      </c>
      <c r="AQ10041">
        <v>321</v>
      </c>
    </row>
    <row r="10042" spans="1:43">
      <c r="A10042" t="s">
        <v>6270</v>
      </c>
      <c r="B10042" t="s">
        <v>6271</v>
      </c>
      <c r="C10042" t="s">
        <v>6266</v>
      </c>
      <c r="D10042" t="s">
        <v>6267</v>
      </c>
      <c r="E10042" t="s">
        <v>6174</v>
      </c>
      <c r="F10042" t="s">
        <v>6175</v>
      </c>
      <c r="G10042" t="s">
        <v>80</v>
      </c>
      <c r="H10042" t="s">
        <v>81</v>
      </c>
      <c r="I10042" s="2">
        <v>0</v>
      </c>
      <c r="J10042" s="2">
        <v>1</v>
      </c>
      <c r="K10042" s="2">
        <v>0</v>
      </c>
      <c r="L10042" t="s">
        <v>82</v>
      </c>
      <c r="M10042" t="s">
        <v>83</v>
      </c>
      <c r="N10042" t="s">
        <v>84</v>
      </c>
      <c r="O10042" t="s">
        <v>85</v>
      </c>
      <c r="P10042" t="s">
        <v>86</v>
      </c>
      <c r="Q10042">
        <v>17</v>
      </c>
      <c r="R10042">
        <v>17</v>
      </c>
      <c r="S10042">
        <v>17</v>
      </c>
      <c r="T10042">
        <v>18</v>
      </c>
      <c r="U10042">
        <v>18</v>
      </c>
      <c r="V10042">
        <v>18</v>
      </c>
      <c r="W10042">
        <v>18</v>
      </c>
      <c r="X10042">
        <v>19</v>
      </c>
      <c r="Y10042">
        <v>19</v>
      </c>
      <c r="Z10042">
        <v>19</v>
      </c>
      <c r="AA10042">
        <v>19</v>
      </c>
      <c r="AB10042">
        <v>19</v>
      </c>
      <c r="AC10042">
        <v>20</v>
      </c>
      <c r="AD10042">
        <v>20</v>
      </c>
      <c r="AE10042">
        <v>20</v>
      </c>
      <c r="AF10042">
        <v>20</v>
      </c>
      <c r="AG10042">
        <v>20</v>
      </c>
      <c r="AH10042">
        <v>20</v>
      </c>
      <c r="AI10042">
        <v>21</v>
      </c>
      <c r="AJ10042">
        <v>21</v>
      </c>
      <c r="AK10042">
        <v>21</v>
      </c>
      <c r="AL10042">
        <v>21</v>
      </c>
      <c r="AM10042">
        <v>21</v>
      </c>
      <c r="AN10042">
        <v>21</v>
      </c>
      <c r="AO10042">
        <v>21</v>
      </c>
      <c r="AP10042">
        <v>21</v>
      </c>
      <c r="AQ10042">
        <v>21</v>
      </c>
    </row>
    <row r="10043" spans="1:43">
      <c r="A10043" t="s">
        <v>6270</v>
      </c>
      <c r="B10043" t="s">
        <v>6271</v>
      </c>
      <c r="C10043" t="s">
        <v>6266</v>
      </c>
      <c r="D10043" t="s">
        <v>6267</v>
      </c>
      <c r="E10043" t="s">
        <v>6174</v>
      </c>
      <c r="F10043" t="s">
        <v>6175</v>
      </c>
      <c r="G10043" t="s">
        <v>80</v>
      </c>
      <c r="H10043" t="s">
        <v>81</v>
      </c>
      <c r="I10043" s="2">
        <v>0</v>
      </c>
      <c r="J10043" s="2">
        <v>1</v>
      </c>
      <c r="K10043" s="2">
        <v>0</v>
      </c>
      <c r="L10043" t="s">
        <v>82</v>
      </c>
      <c r="M10043" t="s">
        <v>87</v>
      </c>
      <c r="N10043" t="s">
        <v>88</v>
      </c>
      <c r="O10043" t="s">
        <v>85</v>
      </c>
      <c r="P10043" t="s">
        <v>86</v>
      </c>
      <c r="Q10043">
        <v>17</v>
      </c>
      <c r="R10043">
        <v>17</v>
      </c>
      <c r="S10043">
        <v>17</v>
      </c>
      <c r="T10043">
        <v>17</v>
      </c>
      <c r="U10043">
        <v>17</v>
      </c>
      <c r="V10043">
        <v>17</v>
      </c>
      <c r="W10043">
        <v>17</v>
      </c>
      <c r="X10043">
        <v>17</v>
      </c>
      <c r="Y10043">
        <v>17</v>
      </c>
      <c r="Z10043">
        <v>17</v>
      </c>
      <c r="AA10043">
        <v>17</v>
      </c>
      <c r="AB10043">
        <v>17</v>
      </c>
      <c r="AC10043">
        <v>18</v>
      </c>
      <c r="AD10043">
        <v>18</v>
      </c>
      <c r="AE10043">
        <v>18</v>
      </c>
      <c r="AF10043">
        <v>18</v>
      </c>
      <c r="AG10043">
        <v>18</v>
      </c>
      <c r="AH10043">
        <v>18</v>
      </c>
      <c r="AI10043">
        <v>18</v>
      </c>
      <c r="AJ10043">
        <v>18</v>
      </c>
      <c r="AK10043">
        <v>18</v>
      </c>
      <c r="AL10043">
        <v>18</v>
      </c>
      <c r="AM10043">
        <v>18</v>
      </c>
      <c r="AN10043">
        <v>18</v>
      </c>
      <c r="AO10043">
        <v>18</v>
      </c>
      <c r="AP10043">
        <v>18</v>
      </c>
      <c r="AQ10043">
        <v>18</v>
      </c>
    </row>
    <row r="10044" spans="1:43">
      <c r="A10044" t="s">
        <v>6270</v>
      </c>
      <c r="B10044" t="s">
        <v>6271</v>
      </c>
      <c r="C10044" t="s">
        <v>6266</v>
      </c>
      <c r="D10044" t="s">
        <v>6267</v>
      </c>
      <c r="E10044" t="s">
        <v>6174</v>
      </c>
      <c r="F10044" t="s">
        <v>6175</v>
      </c>
      <c r="G10044" t="s">
        <v>80</v>
      </c>
      <c r="H10044" t="s">
        <v>81</v>
      </c>
      <c r="I10044" s="2">
        <v>0</v>
      </c>
      <c r="J10044" s="2">
        <v>1</v>
      </c>
      <c r="K10044" s="2">
        <v>0</v>
      </c>
      <c r="L10044" t="s">
        <v>82</v>
      </c>
      <c r="M10044" t="s">
        <v>89</v>
      </c>
      <c r="N10044" t="s">
        <v>90</v>
      </c>
      <c r="O10044" t="s">
        <v>85</v>
      </c>
      <c r="P10044" t="s">
        <v>86</v>
      </c>
      <c r="Q10044">
        <v>17</v>
      </c>
      <c r="R10044">
        <v>18</v>
      </c>
      <c r="S10044">
        <v>18</v>
      </c>
      <c r="T10044">
        <v>18</v>
      </c>
      <c r="U10044">
        <v>19</v>
      </c>
      <c r="V10044">
        <v>19</v>
      </c>
      <c r="W10044">
        <v>19</v>
      </c>
      <c r="X10044">
        <v>20</v>
      </c>
      <c r="Y10044">
        <v>20</v>
      </c>
      <c r="Z10044">
        <v>20</v>
      </c>
      <c r="AA10044">
        <v>20</v>
      </c>
      <c r="AB10044">
        <v>21</v>
      </c>
      <c r="AC10044">
        <v>21</v>
      </c>
      <c r="AD10044">
        <v>21</v>
      </c>
      <c r="AE10044">
        <v>21</v>
      </c>
      <c r="AF10044">
        <v>21</v>
      </c>
      <c r="AG10044">
        <v>21</v>
      </c>
      <c r="AH10044">
        <v>21</v>
      </c>
      <c r="AI10044">
        <v>21</v>
      </c>
      <c r="AJ10044">
        <v>21</v>
      </c>
      <c r="AK10044">
        <v>21</v>
      </c>
      <c r="AL10044">
        <v>21</v>
      </c>
      <c r="AM10044">
        <v>21</v>
      </c>
      <c r="AN10044">
        <v>21</v>
      </c>
      <c r="AO10044">
        <v>21</v>
      </c>
      <c r="AP10044">
        <v>21</v>
      </c>
      <c r="AQ10044">
        <v>21</v>
      </c>
    </row>
    <row r="10045" spans="1:43">
      <c r="A10045" t="s">
        <v>6270</v>
      </c>
      <c r="B10045" t="s">
        <v>6271</v>
      </c>
      <c r="C10045" t="s">
        <v>6266</v>
      </c>
      <c r="D10045" t="s">
        <v>6267</v>
      </c>
      <c r="E10045" t="s">
        <v>6174</v>
      </c>
      <c r="F10045" t="s">
        <v>6175</v>
      </c>
      <c r="G10045" t="s">
        <v>80</v>
      </c>
      <c r="H10045" t="s">
        <v>81</v>
      </c>
      <c r="I10045" s="2">
        <v>0</v>
      </c>
      <c r="J10045" s="2">
        <v>1</v>
      </c>
      <c r="K10045" s="2">
        <v>0</v>
      </c>
      <c r="L10045" t="s">
        <v>82</v>
      </c>
      <c r="M10045" t="s">
        <v>83</v>
      </c>
      <c r="N10045" t="s">
        <v>91</v>
      </c>
      <c r="O10045" t="s">
        <v>85</v>
      </c>
      <c r="P10045" t="s">
        <v>86</v>
      </c>
      <c r="Q10045">
        <v>17</v>
      </c>
      <c r="R10045">
        <v>17</v>
      </c>
      <c r="S10045">
        <v>17</v>
      </c>
      <c r="T10045">
        <v>18</v>
      </c>
      <c r="U10045">
        <v>18</v>
      </c>
      <c r="V10045">
        <v>18</v>
      </c>
      <c r="W10045">
        <v>18</v>
      </c>
      <c r="X10045">
        <v>19</v>
      </c>
      <c r="Y10045">
        <v>19</v>
      </c>
      <c r="Z10045">
        <v>19</v>
      </c>
      <c r="AA10045">
        <v>19</v>
      </c>
      <c r="AB10045">
        <v>19</v>
      </c>
      <c r="AC10045">
        <v>20</v>
      </c>
      <c r="AD10045">
        <v>20</v>
      </c>
      <c r="AE10045">
        <v>20</v>
      </c>
      <c r="AF10045">
        <v>20</v>
      </c>
      <c r="AG10045">
        <v>20</v>
      </c>
      <c r="AH10045">
        <v>20</v>
      </c>
      <c r="AI10045">
        <v>21</v>
      </c>
      <c r="AJ10045">
        <v>21</v>
      </c>
      <c r="AK10045">
        <v>21</v>
      </c>
      <c r="AL10045">
        <v>21</v>
      </c>
      <c r="AM10045">
        <v>21</v>
      </c>
      <c r="AN10045">
        <v>21</v>
      </c>
      <c r="AO10045">
        <v>21</v>
      </c>
      <c r="AP10045">
        <v>21</v>
      </c>
      <c r="AQ10045">
        <v>21</v>
      </c>
    </row>
    <row r="10046" spans="1:43">
      <c r="A10046" t="s">
        <v>6272</v>
      </c>
      <c r="B10046" t="s">
        <v>6273</v>
      </c>
      <c r="C10046" t="s">
        <v>6262</v>
      </c>
      <c r="D10046" t="s">
        <v>6263</v>
      </c>
      <c r="E10046" t="s">
        <v>6174</v>
      </c>
      <c r="F10046" t="s">
        <v>6175</v>
      </c>
      <c r="G10046" t="s">
        <v>80</v>
      </c>
      <c r="H10046" t="s">
        <v>81</v>
      </c>
      <c r="I10046" s="2">
        <v>0</v>
      </c>
      <c r="J10046" s="2">
        <v>1</v>
      </c>
      <c r="K10046" s="2">
        <v>0</v>
      </c>
      <c r="L10046" t="s">
        <v>82</v>
      </c>
      <c r="M10046" t="s">
        <v>83</v>
      </c>
      <c r="N10046" t="s">
        <v>84</v>
      </c>
      <c r="O10046" t="s">
        <v>85</v>
      </c>
      <c r="P10046" t="s">
        <v>86</v>
      </c>
      <c r="Q10046">
        <v>54</v>
      </c>
      <c r="R10046">
        <v>55</v>
      </c>
      <c r="S10046">
        <v>55</v>
      </c>
      <c r="T10046">
        <v>56</v>
      </c>
      <c r="U10046">
        <v>57</v>
      </c>
      <c r="V10046">
        <v>57</v>
      </c>
      <c r="W10046">
        <v>58</v>
      </c>
      <c r="X10046">
        <v>59</v>
      </c>
      <c r="Y10046">
        <v>59</v>
      </c>
      <c r="Z10046">
        <v>60</v>
      </c>
      <c r="AA10046">
        <v>61</v>
      </c>
      <c r="AB10046">
        <v>61</v>
      </c>
      <c r="AC10046">
        <v>62</v>
      </c>
      <c r="AD10046">
        <v>62</v>
      </c>
      <c r="AE10046">
        <v>63</v>
      </c>
      <c r="AF10046">
        <v>63</v>
      </c>
      <c r="AG10046">
        <v>64</v>
      </c>
      <c r="AH10046">
        <v>65</v>
      </c>
      <c r="AI10046">
        <v>65</v>
      </c>
      <c r="AJ10046">
        <v>66</v>
      </c>
      <c r="AK10046">
        <v>66</v>
      </c>
      <c r="AL10046">
        <v>66</v>
      </c>
      <c r="AM10046">
        <v>66</v>
      </c>
      <c r="AN10046">
        <v>66</v>
      </c>
      <c r="AO10046">
        <v>66</v>
      </c>
      <c r="AP10046">
        <v>66</v>
      </c>
      <c r="AQ10046">
        <v>66</v>
      </c>
    </row>
    <row r="10047" spans="1:43">
      <c r="A10047" t="s">
        <v>6272</v>
      </c>
      <c r="B10047" t="s">
        <v>6273</v>
      </c>
      <c r="C10047" t="s">
        <v>6262</v>
      </c>
      <c r="D10047" t="s">
        <v>6263</v>
      </c>
      <c r="E10047" t="s">
        <v>6174</v>
      </c>
      <c r="F10047" t="s">
        <v>6175</v>
      </c>
      <c r="G10047" t="s">
        <v>80</v>
      </c>
      <c r="H10047" t="s">
        <v>81</v>
      </c>
      <c r="I10047" s="2">
        <v>0</v>
      </c>
      <c r="J10047" s="2">
        <v>1</v>
      </c>
      <c r="K10047" s="2">
        <v>0</v>
      </c>
      <c r="L10047" t="s">
        <v>82</v>
      </c>
      <c r="M10047" t="s">
        <v>87</v>
      </c>
      <c r="N10047" t="s">
        <v>88</v>
      </c>
      <c r="O10047" t="s">
        <v>85</v>
      </c>
      <c r="P10047" t="s">
        <v>86</v>
      </c>
      <c r="Q10047">
        <v>54</v>
      </c>
      <c r="R10047">
        <v>55</v>
      </c>
      <c r="S10047">
        <v>55</v>
      </c>
      <c r="T10047">
        <v>55</v>
      </c>
      <c r="U10047">
        <v>55</v>
      </c>
      <c r="V10047">
        <v>55</v>
      </c>
      <c r="W10047">
        <v>55</v>
      </c>
      <c r="X10047">
        <v>56</v>
      </c>
      <c r="Y10047">
        <v>56</v>
      </c>
      <c r="Z10047">
        <v>56</v>
      </c>
      <c r="AA10047">
        <v>56</v>
      </c>
      <c r="AB10047">
        <v>56</v>
      </c>
      <c r="AC10047">
        <v>56</v>
      </c>
      <c r="AD10047">
        <v>57</v>
      </c>
      <c r="AE10047">
        <v>57</v>
      </c>
      <c r="AF10047">
        <v>57</v>
      </c>
      <c r="AG10047">
        <v>57</v>
      </c>
      <c r="AH10047">
        <v>57</v>
      </c>
      <c r="AI10047">
        <v>57</v>
      </c>
      <c r="AJ10047">
        <v>57</v>
      </c>
      <c r="AK10047">
        <v>58</v>
      </c>
      <c r="AL10047">
        <v>58</v>
      </c>
      <c r="AM10047">
        <v>58</v>
      </c>
      <c r="AN10047">
        <v>58</v>
      </c>
      <c r="AO10047">
        <v>58</v>
      </c>
      <c r="AP10047">
        <v>58</v>
      </c>
      <c r="AQ10047">
        <v>58</v>
      </c>
    </row>
    <row r="10048" spans="1:43">
      <c r="A10048" t="s">
        <v>6272</v>
      </c>
      <c r="B10048" t="s">
        <v>6273</v>
      </c>
      <c r="C10048" t="s">
        <v>6262</v>
      </c>
      <c r="D10048" t="s">
        <v>6263</v>
      </c>
      <c r="E10048" t="s">
        <v>6174</v>
      </c>
      <c r="F10048" t="s">
        <v>6175</v>
      </c>
      <c r="G10048" t="s">
        <v>80</v>
      </c>
      <c r="H10048" t="s">
        <v>81</v>
      </c>
      <c r="I10048" s="2">
        <v>0</v>
      </c>
      <c r="J10048" s="2">
        <v>1</v>
      </c>
      <c r="K10048" s="2">
        <v>0</v>
      </c>
      <c r="L10048" t="s">
        <v>82</v>
      </c>
      <c r="M10048" t="s">
        <v>89</v>
      </c>
      <c r="N10048" t="s">
        <v>90</v>
      </c>
      <c r="O10048" t="s">
        <v>85</v>
      </c>
      <c r="P10048" t="s">
        <v>86</v>
      </c>
      <c r="Q10048">
        <v>54</v>
      </c>
      <c r="R10048">
        <v>55</v>
      </c>
      <c r="S10048">
        <v>57</v>
      </c>
      <c r="T10048">
        <v>58</v>
      </c>
      <c r="U10048">
        <v>59</v>
      </c>
      <c r="V10048">
        <v>60</v>
      </c>
      <c r="W10048">
        <v>61</v>
      </c>
      <c r="X10048">
        <v>62</v>
      </c>
      <c r="Y10048">
        <v>63</v>
      </c>
      <c r="Z10048">
        <v>64</v>
      </c>
      <c r="AA10048">
        <v>64</v>
      </c>
      <c r="AB10048">
        <v>65</v>
      </c>
      <c r="AC10048">
        <v>66</v>
      </c>
      <c r="AD10048">
        <v>67</v>
      </c>
      <c r="AE10048">
        <v>67</v>
      </c>
      <c r="AF10048">
        <v>67</v>
      </c>
      <c r="AG10048">
        <v>67</v>
      </c>
      <c r="AH10048">
        <v>67</v>
      </c>
      <c r="AI10048">
        <v>67</v>
      </c>
      <c r="AJ10048">
        <v>67</v>
      </c>
      <c r="AK10048">
        <v>67</v>
      </c>
      <c r="AL10048">
        <v>67</v>
      </c>
      <c r="AM10048">
        <v>67</v>
      </c>
      <c r="AN10048">
        <v>67</v>
      </c>
      <c r="AO10048">
        <v>67</v>
      </c>
      <c r="AP10048">
        <v>67</v>
      </c>
      <c r="AQ10048">
        <v>67</v>
      </c>
    </row>
    <row r="10049" spans="1:43">
      <c r="A10049" t="s">
        <v>6272</v>
      </c>
      <c r="B10049" t="s">
        <v>6273</v>
      </c>
      <c r="C10049" t="s">
        <v>6262</v>
      </c>
      <c r="D10049" t="s">
        <v>6263</v>
      </c>
      <c r="E10049" t="s">
        <v>6174</v>
      </c>
      <c r="F10049" t="s">
        <v>6175</v>
      </c>
      <c r="G10049" t="s">
        <v>80</v>
      </c>
      <c r="H10049" t="s">
        <v>81</v>
      </c>
      <c r="I10049" s="2">
        <v>0</v>
      </c>
      <c r="J10049" s="2">
        <v>1</v>
      </c>
      <c r="K10049" s="2">
        <v>0</v>
      </c>
      <c r="L10049" t="s">
        <v>82</v>
      </c>
      <c r="M10049" t="s">
        <v>83</v>
      </c>
      <c r="N10049" t="s">
        <v>91</v>
      </c>
      <c r="O10049" t="s">
        <v>85</v>
      </c>
      <c r="P10049" t="s">
        <v>86</v>
      </c>
      <c r="Q10049">
        <v>54</v>
      </c>
      <c r="R10049">
        <v>55</v>
      </c>
      <c r="S10049">
        <v>55</v>
      </c>
      <c r="T10049">
        <v>56</v>
      </c>
      <c r="U10049">
        <v>57</v>
      </c>
      <c r="V10049">
        <v>57</v>
      </c>
      <c r="W10049">
        <v>58</v>
      </c>
      <c r="X10049">
        <v>59</v>
      </c>
      <c r="Y10049">
        <v>59</v>
      </c>
      <c r="Z10049">
        <v>60</v>
      </c>
      <c r="AA10049">
        <v>61</v>
      </c>
      <c r="AB10049">
        <v>61</v>
      </c>
      <c r="AC10049">
        <v>62</v>
      </c>
      <c r="AD10049">
        <v>62</v>
      </c>
      <c r="AE10049">
        <v>63</v>
      </c>
      <c r="AF10049">
        <v>63</v>
      </c>
      <c r="AG10049">
        <v>64</v>
      </c>
      <c r="AH10049">
        <v>65</v>
      </c>
      <c r="AI10049">
        <v>65</v>
      </c>
      <c r="AJ10049">
        <v>66</v>
      </c>
      <c r="AK10049">
        <v>66</v>
      </c>
      <c r="AL10049">
        <v>66</v>
      </c>
      <c r="AM10049">
        <v>66</v>
      </c>
      <c r="AN10049">
        <v>66</v>
      </c>
      <c r="AO10049">
        <v>66</v>
      </c>
      <c r="AP10049">
        <v>66</v>
      </c>
      <c r="AQ10049">
        <v>66</v>
      </c>
    </row>
    <row r="10050" spans="1:43">
      <c r="A10050" t="s">
        <v>6274</v>
      </c>
      <c r="B10050" t="s">
        <v>6275</v>
      </c>
      <c r="C10050" t="s">
        <v>6196</v>
      </c>
      <c r="D10050" t="s">
        <v>6197</v>
      </c>
      <c r="E10050" t="s">
        <v>6174</v>
      </c>
      <c r="F10050" t="s">
        <v>6175</v>
      </c>
      <c r="G10050" t="s">
        <v>80</v>
      </c>
      <c r="H10050" t="s">
        <v>81</v>
      </c>
      <c r="I10050" s="2">
        <v>0</v>
      </c>
      <c r="J10050" s="2">
        <v>1</v>
      </c>
      <c r="K10050" s="2">
        <v>0</v>
      </c>
      <c r="L10050" t="s">
        <v>82</v>
      </c>
      <c r="M10050" t="s">
        <v>83</v>
      </c>
      <c r="N10050" t="s">
        <v>84</v>
      </c>
      <c r="O10050" t="s">
        <v>85</v>
      </c>
      <c r="P10050" t="s">
        <v>86</v>
      </c>
      <c r="Q10050">
        <v>68</v>
      </c>
      <c r="R10050">
        <v>69</v>
      </c>
      <c r="S10050">
        <v>70</v>
      </c>
      <c r="T10050">
        <v>71</v>
      </c>
      <c r="U10050">
        <v>71</v>
      </c>
      <c r="V10050">
        <v>72</v>
      </c>
      <c r="W10050">
        <v>73</v>
      </c>
      <c r="X10050">
        <v>74</v>
      </c>
      <c r="Y10050">
        <v>74</v>
      </c>
      <c r="Z10050">
        <v>75</v>
      </c>
      <c r="AA10050">
        <v>76</v>
      </c>
      <c r="AB10050">
        <v>77</v>
      </c>
      <c r="AC10050">
        <v>77</v>
      </c>
      <c r="AD10050">
        <v>78</v>
      </c>
      <c r="AE10050">
        <v>79</v>
      </c>
      <c r="AF10050">
        <v>79</v>
      </c>
      <c r="AG10050">
        <v>80</v>
      </c>
      <c r="AH10050">
        <v>81</v>
      </c>
      <c r="AI10050">
        <v>81</v>
      </c>
      <c r="AJ10050">
        <v>82</v>
      </c>
      <c r="AK10050">
        <v>83</v>
      </c>
      <c r="AL10050">
        <v>83</v>
      </c>
      <c r="AM10050">
        <v>83</v>
      </c>
      <c r="AN10050">
        <v>83</v>
      </c>
      <c r="AO10050">
        <v>83</v>
      </c>
      <c r="AP10050">
        <v>82</v>
      </c>
      <c r="AQ10050">
        <v>82</v>
      </c>
    </row>
    <row r="10051" spans="1:43">
      <c r="A10051" t="s">
        <v>6274</v>
      </c>
      <c r="B10051" t="s">
        <v>6275</v>
      </c>
      <c r="C10051" t="s">
        <v>6196</v>
      </c>
      <c r="D10051" t="s">
        <v>6197</v>
      </c>
      <c r="E10051" t="s">
        <v>6174</v>
      </c>
      <c r="F10051" t="s">
        <v>6175</v>
      </c>
      <c r="G10051" t="s">
        <v>80</v>
      </c>
      <c r="H10051" t="s">
        <v>81</v>
      </c>
      <c r="I10051" s="2">
        <v>0</v>
      </c>
      <c r="J10051" s="2">
        <v>1</v>
      </c>
      <c r="K10051" s="2">
        <v>0</v>
      </c>
      <c r="L10051" t="s">
        <v>82</v>
      </c>
      <c r="M10051" t="s">
        <v>87</v>
      </c>
      <c r="N10051" t="s">
        <v>88</v>
      </c>
      <c r="O10051" t="s">
        <v>85</v>
      </c>
      <c r="P10051" t="s">
        <v>86</v>
      </c>
      <c r="Q10051">
        <v>68</v>
      </c>
      <c r="R10051">
        <v>69</v>
      </c>
      <c r="S10051">
        <v>69</v>
      </c>
      <c r="T10051">
        <v>69</v>
      </c>
      <c r="U10051">
        <v>69</v>
      </c>
      <c r="V10051">
        <v>69</v>
      </c>
      <c r="W10051">
        <v>69</v>
      </c>
      <c r="X10051">
        <v>70</v>
      </c>
      <c r="Y10051">
        <v>70</v>
      </c>
      <c r="Z10051">
        <v>70</v>
      </c>
      <c r="AA10051">
        <v>70</v>
      </c>
      <c r="AB10051">
        <v>70</v>
      </c>
      <c r="AC10051">
        <v>70</v>
      </c>
      <c r="AD10051">
        <v>71</v>
      </c>
      <c r="AE10051">
        <v>71</v>
      </c>
      <c r="AF10051">
        <v>71</v>
      </c>
      <c r="AG10051">
        <v>71</v>
      </c>
      <c r="AH10051">
        <v>71</v>
      </c>
      <c r="AI10051">
        <v>71</v>
      </c>
      <c r="AJ10051">
        <v>71</v>
      </c>
      <c r="AK10051">
        <v>71</v>
      </c>
      <c r="AL10051">
        <v>72</v>
      </c>
      <c r="AM10051">
        <v>72</v>
      </c>
      <c r="AN10051">
        <v>72</v>
      </c>
      <c r="AO10051">
        <v>72</v>
      </c>
      <c r="AP10051">
        <v>72</v>
      </c>
      <c r="AQ10051">
        <v>72</v>
      </c>
    </row>
    <row r="10052" spans="1:43">
      <c r="A10052" t="s">
        <v>6274</v>
      </c>
      <c r="B10052" t="s">
        <v>6275</v>
      </c>
      <c r="C10052" t="s">
        <v>6196</v>
      </c>
      <c r="D10052" t="s">
        <v>6197</v>
      </c>
      <c r="E10052" t="s">
        <v>6174</v>
      </c>
      <c r="F10052" t="s">
        <v>6175</v>
      </c>
      <c r="G10052" t="s">
        <v>80</v>
      </c>
      <c r="H10052" t="s">
        <v>81</v>
      </c>
      <c r="I10052" s="2">
        <v>0</v>
      </c>
      <c r="J10052" s="2">
        <v>1</v>
      </c>
      <c r="K10052" s="2">
        <v>0</v>
      </c>
      <c r="L10052" t="s">
        <v>82</v>
      </c>
      <c r="M10052" t="s">
        <v>89</v>
      </c>
      <c r="N10052" t="s">
        <v>90</v>
      </c>
      <c r="O10052" t="s">
        <v>85</v>
      </c>
      <c r="P10052" t="s">
        <v>86</v>
      </c>
      <c r="Q10052">
        <v>68</v>
      </c>
      <c r="R10052">
        <v>69</v>
      </c>
      <c r="S10052">
        <v>70</v>
      </c>
      <c r="T10052">
        <v>72</v>
      </c>
      <c r="U10052">
        <v>73</v>
      </c>
      <c r="V10052">
        <v>74</v>
      </c>
      <c r="W10052">
        <v>76</v>
      </c>
      <c r="X10052">
        <v>77</v>
      </c>
      <c r="Y10052">
        <v>78</v>
      </c>
      <c r="Z10052">
        <v>79</v>
      </c>
      <c r="AA10052">
        <v>80</v>
      </c>
      <c r="AB10052">
        <v>81</v>
      </c>
      <c r="AC10052">
        <v>82</v>
      </c>
      <c r="AD10052">
        <v>83</v>
      </c>
      <c r="AE10052">
        <v>84</v>
      </c>
      <c r="AF10052">
        <v>84</v>
      </c>
      <c r="AG10052">
        <v>83</v>
      </c>
      <c r="AH10052">
        <v>83</v>
      </c>
      <c r="AI10052">
        <v>83</v>
      </c>
      <c r="AJ10052">
        <v>83</v>
      </c>
      <c r="AK10052">
        <v>83</v>
      </c>
      <c r="AL10052">
        <v>83</v>
      </c>
      <c r="AM10052">
        <v>83</v>
      </c>
      <c r="AN10052">
        <v>82</v>
      </c>
      <c r="AO10052">
        <v>82</v>
      </c>
      <c r="AP10052">
        <v>82</v>
      </c>
      <c r="AQ10052">
        <v>82</v>
      </c>
    </row>
    <row r="10053" spans="1:43">
      <c r="A10053" t="s">
        <v>6274</v>
      </c>
      <c r="B10053" t="s">
        <v>6275</v>
      </c>
      <c r="C10053" t="s">
        <v>6196</v>
      </c>
      <c r="D10053" t="s">
        <v>6197</v>
      </c>
      <c r="E10053" t="s">
        <v>6174</v>
      </c>
      <c r="F10053" t="s">
        <v>6175</v>
      </c>
      <c r="G10053" t="s">
        <v>80</v>
      </c>
      <c r="H10053" t="s">
        <v>81</v>
      </c>
      <c r="I10053" s="2">
        <v>0</v>
      </c>
      <c r="J10053" s="2">
        <v>1</v>
      </c>
      <c r="K10053" s="2">
        <v>0</v>
      </c>
      <c r="L10053" t="s">
        <v>82</v>
      </c>
      <c r="M10053" t="s">
        <v>83</v>
      </c>
      <c r="N10053" t="s">
        <v>91</v>
      </c>
      <c r="O10053" t="s">
        <v>85</v>
      </c>
      <c r="P10053" t="s">
        <v>86</v>
      </c>
      <c r="Q10053">
        <v>68</v>
      </c>
      <c r="R10053">
        <v>69</v>
      </c>
      <c r="S10053">
        <v>70</v>
      </c>
      <c r="T10053">
        <v>71</v>
      </c>
      <c r="U10053">
        <v>71</v>
      </c>
      <c r="V10053">
        <v>72</v>
      </c>
      <c r="W10053">
        <v>73</v>
      </c>
      <c r="X10053">
        <v>74</v>
      </c>
      <c r="Y10053">
        <v>74</v>
      </c>
      <c r="Z10053">
        <v>75</v>
      </c>
      <c r="AA10053">
        <v>76</v>
      </c>
      <c r="AB10053">
        <v>77</v>
      </c>
      <c r="AC10053">
        <v>77</v>
      </c>
      <c r="AD10053">
        <v>78</v>
      </c>
      <c r="AE10053">
        <v>79</v>
      </c>
      <c r="AF10053">
        <v>79</v>
      </c>
      <c r="AG10053">
        <v>80</v>
      </c>
      <c r="AH10053">
        <v>81</v>
      </c>
      <c r="AI10053">
        <v>81</v>
      </c>
      <c r="AJ10053">
        <v>82</v>
      </c>
      <c r="AK10053">
        <v>83</v>
      </c>
      <c r="AL10053">
        <v>83</v>
      </c>
      <c r="AM10053">
        <v>83</v>
      </c>
      <c r="AN10053">
        <v>83</v>
      </c>
      <c r="AO10053">
        <v>83</v>
      </c>
      <c r="AP10053">
        <v>82</v>
      </c>
      <c r="AQ10053">
        <v>82</v>
      </c>
    </row>
    <row r="10054" spans="1:43">
      <c r="A10054" t="s">
        <v>6276</v>
      </c>
      <c r="B10054" t="s">
        <v>6277</v>
      </c>
      <c r="C10054" t="s">
        <v>6256</v>
      </c>
      <c r="D10054" t="s">
        <v>6257</v>
      </c>
      <c r="E10054" t="s">
        <v>6174</v>
      </c>
      <c r="F10054" t="s">
        <v>6175</v>
      </c>
      <c r="G10054" t="s">
        <v>80</v>
      </c>
      <c r="H10054" t="s">
        <v>81</v>
      </c>
      <c r="I10054" s="2">
        <v>0</v>
      </c>
      <c r="J10054" s="2">
        <v>1</v>
      </c>
      <c r="K10054" s="2">
        <v>0</v>
      </c>
      <c r="L10054" t="s">
        <v>82</v>
      </c>
      <c r="M10054" t="s">
        <v>83</v>
      </c>
      <c r="N10054" t="s">
        <v>84</v>
      </c>
      <c r="O10054" t="s">
        <v>85</v>
      </c>
      <c r="P10054" t="s">
        <v>86</v>
      </c>
      <c r="Q10054">
        <v>92</v>
      </c>
      <c r="R10054">
        <v>94</v>
      </c>
      <c r="S10054">
        <v>95</v>
      </c>
      <c r="T10054">
        <v>96</v>
      </c>
      <c r="U10054">
        <v>97</v>
      </c>
      <c r="V10054">
        <v>98</v>
      </c>
      <c r="W10054">
        <v>99</v>
      </c>
      <c r="X10054">
        <v>100</v>
      </c>
      <c r="Y10054">
        <v>102</v>
      </c>
      <c r="Z10054">
        <v>103</v>
      </c>
      <c r="AA10054">
        <v>104</v>
      </c>
      <c r="AB10054">
        <v>105</v>
      </c>
      <c r="AC10054">
        <v>106</v>
      </c>
      <c r="AD10054">
        <v>107</v>
      </c>
      <c r="AE10054">
        <v>108</v>
      </c>
      <c r="AF10054">
        <v>109</v>
      </c>
      <c r="AG10054">
        <v>110</v>
      </c>
      <c r="AH10054">
        <v>111</v>
      </c>
      <c r="AI10054">
        <v>112</v>
      </c>
      <c r="AJ10054">
        <v>113</v>
      </c>
      <c r="AK10054">
        <v>114</v>
      </c>
      <c r="AL10054">
        <v>114</v>
      </c>
      <c r="AM10054">
        <v>114</v>
      </c>
      <c r="AN10054">
        <v>114</v>
      </c>
      <c r="AO10054">
        <v>114</v>
      </c>
      <c r="AP10054">
        <v>114</v>
      </c>
      <c r="AQ10054">
        <v>114</v>
      </c>
    </row>
    <row r="10055" spans="1:43">
      <c r="A10055" t="s">
        <v>6276</v>
      </c>
      <c r="B10055" t="s">
        <v>6277</v>
      </c>
      <c r="C10055" t="s">
        <v>6256</v>
      </c>
      <c r="D10055" t="s">
        <v>6257</v>
      </c>
      <c r="E10055" t="s">
        <v>6174</v>
      </c>
      <c r="F10055" t="s">
        <v>6175</v>
      </c>
      <c r="G10055" t="s">
        <v>80</v>
      </c>
      <c r="H10055" t="s">
        <v>81</v>
      </c>
      <c r="I10055" s="2">
        <v>0</v>
      </c>
      <c r="J10055" s="2">
        <v>1</v>
      </c>
      <c r="K10055" s="2">
        <v>0</v>
      </c>
      <c r="L10055" t="s">
        <v>82</v>
      </c>
      <c r="M10055" t="s">
        <v>87</v>
      </c>
      <c r="N10055" t="s">
        <v>88</v>
      </c>
      <c r="O10055" t="s">
        <v>85</v>
      </c>
      <c r="P10055" t="s">
        <v>86</v>
      </c>
      <c r="Q10055">
        <v>92</v>
      </c>
      <c r="R10055">
        <v>92</v>
      </c>
      <c r="S10055">
        <v>92</v>
      </c>
      <c r="T10055">
        <v>92</v>
      </c>
      <c r="U10055">
        <v>93</v>
      </c>
      <c r="V10055">
        <v>93</v>
      </c>
      <c r="W10055">
        <v>93</v>
      </c>
      <c r="X10055">
        <v>94</v>
      </c>
      <c r="Y10055">
        <v>94</v>
      </c>
      <c r="Z10055">
        <v>94</v>
      </c>
      <c r="AA10055">
        <v>94</v>
      </c>
      <c r="AB10055">
        <v>95</v>
      </c>
      <c r="AC10055">
        <v>95</v>
      </c>
      <c r="AD10055">
        <v>95</v>
      </c>
      <c r="AE10055">
        <v>96</v>
      </c>
      <c r="AF10055">
        <v>96</v>
      </c>
      <c r="AG10055">
        <v>96</v>
      </c>
      <c r="AH10055">
        <v>96</v>
      </c>
      <c r="AI10055">
        <v>97</v>
      </c>
      <c r="AJ10055">
        <v>97</v>
      </c>
      <c r="AK10055">
        <v>97</v>
      </c>
      <c r="AL10055">
        <v>97</v>
      </c>
      <c r="AM10055">
        <v>97</v>
      </c>
      <c r="AN10055">
        <v>98</v>
      </c>
      <c r="AO10055">
        <v>98</v>
      </c>
      <c r="AP10055">
        <v>98</v>
      </c>
      <c r="AQ10055">
        <v>98</v>
      </c>
    </row>
    <row r="10056" spans="1:43">
      <c r="A10056" t="s">
        <v>6276</v>
      </c>
      <c r="B10056" t="s">
        <v>6277</v>
      </c>
      <c r="C10056" t="s">
        <v>6256</v>
      </c>
      <c r="D10056" t="s">
        <v>6257</v>
      </c>
      <c r="E10056" t="s">
        <v>6174</v>
      </c>
      <c r="F10056" t="s">
        <v>6175</v>
      </c>
      <c r="G10056" t="s">
        <v>80</v>
      </c>
      <c r="H10056" t="s">
        <v>81</v>
      </c>
      <c r="I10056" s="2">
        <v>0</v>
      </c>
      <c r="J10056" s="2">
        <v>1</v>
      </c>
      <c r="K10056" s="2">
        <v>0</v>
      </c>
      <c r="L10056" t="s">
        <v>82</v>
      </c>
      <c r="M10056" t="s">
        <v>89</v>
      </c>
      <c r="N10056" t="s">
        <v>90</v>
      </c>
      <c r="O10056" t="s">
        <v>85</v>
      </c>
      <c r="P10056" t="s">
        <v>86</v>
      </c>
      <c r="Q10056">
        <v>92</v>
      </c>
      <c r="R10056">
        <v>94</v>
      </c>
      <c r="S10056">
        <v>96</v>
      </c>
      <c r="T10056">
        <v>98</v>
      </c>
      <c r="U10056">
        <v>100</v>
      </c>
      <c r="V10056">
        <v>102</v>
      </c>
      <c r="W10056">
        <v>103</v>
      </c>
      <c r="X10056">
        <v>105</v>
      </c>
      <c r="Y10056">
        <v>107</v>
      </c>
      <c r="Z10056">
        <v>108</v>
      </c>
      <c r="AA10056">
        <v>110</v>
      </c>
      <c r="AB10056">
        <v>111</v>
      </c>
      <c r="AC10056">
        <v>113</v>
      </c>
      <c r="AD10056">
        <v>114</v>
      </c>
      <c r="AE10056">
        <v>115</v>
      </c>
      <c r="AF10056">
        <v>115</v>
      </c>
      <c r="AG10056">
        <v>115</v>
      </c>
      <c r="AH10056">
        <v>115</v>
      </c>
      <c r="AI10056">
        <v>115</v>
      </c>
      <c r="AJ10056">
        <v>115</v>
      </c>
      <c r="AK10056">
        <v>115</v>
      </c>
      <c r="AL10056">
        <v>115</v>
      </c>
      <c r="AM10056">
        <v>115</v>
      </c>
      <c r="AN10056">
        <v>115</v>
      </c>
      <c r="AO10056">
        <v>115</v>
      </c>
      <c r="AP10056">
        <v>115</v>
      </c>
      <c r="AQ10056">
        <v>114</v>
      </c>
    </row>
    <row r="10057" spans="1:43">
      <c r="A10057" t="s">
        <v>6276</v>
      </c>
      <c r="B10057" t="s">
        <v>6277</v>
      </c>
      <c r="C10057" t="s">
        <v>6256</v>
      </c>
      <c r="D10057" t="s">
        <v>6257</v>
      </c>
      <c r="E10057" t="s">
        <v>6174</v>
      </c>
      <c r="F10057" t="s">
        <v>6175</v>
      </c>
      <c r="G10057" t="s">
        <v>80</v>
      </c>
      <c r="H10057" t="s">
        <v>81</v>
      </c>
      <c r="I10057" s="2">
        <v>0</v>
      </c>
      <c r="J10057" s="2">
        <v>1</v>
      </c>
      <c r="K10057" s="2">
        <v>0</v>
      </c>
      <c r="L10057" t="s">
        <v>82</v>
      </c>
      <c r="M10057" t="s">
        <v>83</v>
      </c>
      <c r="N10057" t="s">
        <v>91</v>
      </c>
      <c r="O10057" t="s">
        <v>85</v>
      </c>
      <c r="P10057" t="s">
        <v>86</v>
      </c>
      <c r="Q10057">
        <v>92</v>
      </c>
      <c r="R10057">
        <v>94</v>
      </c>
      <c r="S10057">
        <v>95</v>
      </c>
      <c r="T10057">
        <v>96</v>
      </c>
      <c r="U10057">
        <v>97</v>
      </c>
      <c r="V10057">
        <v>98</v>
      </c>
      <c r="W10057">
        <v>99</v>
      </c>
      <c r="X10057">
        <v>100</v>
      </c>
      <c r="Y10057">
        <v>102</v>
      </c>
      <c r="Z10057">
        <v>103</v>
      </c>
      <c r="AA10057">
        <v>104</v>
      </c>
      <c r="AB10057">
        <v>105</v>
      </c>
      <c r="AC10057">
        <v>106</v>
      </c>
      <c r="AD10057">
        <v>107</v>
      </c>
      <c r="AE10057">
        <v>108</v>
      </c>
      <c r="AF10057">
        <v>109</v>
      </c>
      <c r="AG10057">
        <v>110</v>
      </c>
      <c r="AH10057">
        <v>111</v>
      </c>
      <c r="AI10057">
        <v>112</v>
      </c>
      <c r="AJ10057">
        <v>113</v>
      </c>
      <c r="AK10057">
        <v>114</v>
      </c>
      <c r="AL10057">
        <v>114</v>
      </c>
      <c r="AM10057">
        <v>114</v>
      </c>
      <c r="AN10057">
        <v>114</v>
      </c>
      <c r="AO10057">
        <v>114</v>
      </c>
      <c r="AP10057">
        <v>114</v>
      </c>
      <c r="AQ10057">
        <v>114</v>
      </c>
    </row>
    <row r="10058" spans="1:43">
      <c r="A10058" t="s">
        <v>6278</v>
      </c>
      <c r="B10058" t="s">
        <v>6279</v>
      </c>
      <c r="C10058" t="s">
        <v>6196</v>
      </c>
      <c r="D10058" t="s">
        <v>6197</v>
      </c>
      <c r="E10058" t="s">
        <v>6174</v>
      </c>
      <c r="F10058" t="s">
        <v>6175</v>
      </c>
      <c r="G10058" t="s">
        <v>80</v>
      </c>
      <c r="H10058" t="s">
        <v>81</v>
      </c>
      <c r="I10058" s="2">
        <v>0</v>
      </c>
      <c r="J10058" s="2">
        <v>1</v>
      </c>
      <c r="K10058" s="2">
        <v>0</v>
      </c>
      <c r="L10058" t="s">
        <v>82</v>
      </c>
      <c r="M10058" t="s">
        <v>83</v>
      </c>
      <c r="N10058" t="s">
        <v>84</v>
      </c>
      <c r="O10058" t="s">
        <v>85</v>
      </c>
      <c r="P10058" t="s">
        <v>86</v>
      </c>
      <c r="Q10058">
        <v>73</v>
      </c>
      <c r="R10058">
        <v>74</v>
      </c>
      <c r="S10058">
        <v>75</v>
      </c>
      <c r="T10058">
        <v>76</v>
      </c>
      <c r="U10058">
        <v>77</v>
      </c>
      <c r="V10058">
        <v>78</v>
      </c>
      <c r="W10058">
        <v>78</v>
      </c>
      <c r="X10058">
        <v>79</v>
      </c>
      <c r="Y10058">
        <v>80</v>
      </c>
      <c r="Z10058">
        <v>81</v>
      </c>
      <c r="AA10058">
        <v>82</v>
      </c>
      <c r="AB10058">
        <v>83</v>
      </c>
      <c r="AC10058">
        <v>84</v>
      </c>
      <c r="AD10058">
        <v>84</v>
      </c>
      <c r="AE10058">
        <v>85</v>
      </c>
      <c r="AF10058">
        <v>86</v>
      </c>
      <c r="AG10058">
        <v>87</v>
      </c>
      <c r="AH10058">
        <v>88</v>
      </c>
      <c r="AI10058">
        <v>88</v>
      </c>
      <c r="AJ10058">
        <v>89</v>
      </c>
      <c r="AK10058">
        <v>90</v>
      </c>
      <c r="AL10058">
        <v>90</v>
      </c>
      <c r="AM10058">
        <v>90</v>
      </c>
      <c r="AN10058">
        <v>90</v>
      </c>
      <c r="AO10058">
        <v>90</v>
      </c>
      <c r="AP10058">
        <v>90</v>
      </c>
      <c r="AQ10058">
        <v>90</v>
      </c>
    </row>
    <row r="10059" spans="1:43">
      <c r="A10059" t="s">
        <v>6278</v>
      </c>
      <c r="B10059" t="s">
        <v>6279</v>
      </c>
      <c r="C10059" t="s">
        <v>6196</v>
      </c>
      <c r="D10059" t="s">
        <v>6197</v>
      </c>
      <c r="E10059" t="s">
        <v>6174</v>
      </c>
      <c r="F10059" t="s">
        <v>6175</v>
      </c>
      <c r="G10059" t="s">
        <v>80</v>
      </c>
      <c r="H10059" t="s">
        <v>81</v>
      </c>
      <c r="I10059" s="2">
        <v>0</v>
      </c>
      <c r="J10059" s="2">
        <v>1</v>
      </c>
      <c r="K10059" s="2">
        <v>0</v>
      </c>
      <c r="L10059" t="s">
        <v>82</v>
      </c>
      <c r="M10059" t="s">
        <v>87</v>
      </c>
      <c r="N10059" t="s">
        <v>88</v>
      </c>
      <c r="O10059" t="s">
        <v>85</v>
      </c>
      <c r="P10059" t="s">
        <v>86</v>
      </c>
      <c r="Q10059">
        <v>73</v>
      </c>
      <c r="R10059">
        <v>74</v>
      </c>
      <c r="S10059">
        <v>74</v>
      </c>
      <c r="T10059">
        <v>74</v>
      </c>
      <c r="U10059">
        <v>74</v>
      </c>
      <c r="V10059">
        <v>75</v>
      </c>
      <c r="W10059">
        <v>75</v>
      </c>
      <c r="X10059">
        <v>75</v>
      </c>
      <c r="Y10059">
        <v>75</v>
      </c>
      <c r="Z10059">
        <v>75</v>
      </c>
      <c r="AA10059">
        <v>76</v>
      </c>
      <c r="AB10059">
        <v>76</v>
      </c>
      <c r="AC10059">
        <v>76</v>
      </c>
      <c r="AD10059">
        <v>76</v>
      </c>
      <c r="AE10059">
        <v>76</v>
      </c>
      <c r="AF10059">
        <v>77</v>
      </c>
      <c r="AG10059">
        <v>77</v>
      </c>
      <c r="AH10059">
        <v>77</v>
      </c>
      <c r="AI10059">
        <v>77</v>
      </c>
      <c r="AJ10059">
        <v>77</v>
      </c>
      <c r="AK10059">
        <v>77</v>
      </c>
      <c r="AL10059">
        <v>78</v>
      </c>
      <c r="AM10059">
        <v>78</v>
      </c>
      <c r="AN10059">
        <v>78</v>
      </c>
      <c r="AO10059">
        <v>78</v>
      </c>
      <c r="AP10059">
        <v>78</v>
      </c>
      <c r="AQ10059">
        <v>78</v>
      </c>
    </row>
    <row r="10060" spans="1:43">
      <c r="A10060" t="s">
        <v>6278</v>
      </c>
      <c r="B10060" t="s">
        <v>6279</v>
      </c>
      <c r="C10060" t="s">
        <v>6196</v>
      </c>
      <c r="D10060" t="s">
        <v>6197</v>
      </c>
      <c r="E10060" t="s">
        <v>6174</v>
      </c>
      <c r="F10060" t="s">
        <v>6175</v>
      </c>
      <c r="G10060" t="s">
        <v>80</v>
      </c>
      <c r="H10060" t="s">
        <v>81</v>
      </c>
      <c r="I10060" s="2">
        <v>0</v>
      </c>
      <c r="J10060" s="2">
        <v>1</v>
      </c>
      <c r="K10060" s="2">
        <v>0</v>
      </c>
      <c r="L10060" t="s">
        <v>82</v>
      </c>
      <c r="M10060" t="s">
        <v>89</v>
      </c>
      <c r="N10060" t="s">
        <v>90</v>
      </c>
      <c r="O10060" t="s">
        <v>85</v>
      </c>
      <c r="P10060" t="s">
        <v>86</v>
      </c>
      <c r="Q10060">
        <v>73</v>
      </c>
      <c r="R10060">
        <v>74</v>
      </c>
      <c r="S10060">
        <v>76</v>
      </c>
      <c r="T10060">
        <v>77</v>
      </c>
      <c r="U10060">
        <v>79</v>
      </c>
      <c r="V10060">
        <v>80</v>
      </c>
      <c r="W10060">
        <v>82</v>
      </c>
      <c r="X10060">
        <v>83</v>
      </c>
      <c r="Y10060">
        <v>84</v>
      </c>
      <c r="Z10060">
        <v>85</v>
      </c>
      <c r="AA10060">
        <v>86</v>
      </c>
      <c r="AB10060">
        <v>88</v>
      </c>
      <c r="AC10060">
        <v>89</v>
      </c>
      <c r="AD10060">
        <v>90</v>
      </c>
      <c r="AE10060">
        <v>91</v>
      </c>
      <c r="AF10060">
        <v>91</v>
      </c>
      <c r="AG10060">
        <v>91</v>
      </c>
      <c r="AH10060">
        <v>91</v>
      </c>
      <c r="AI10060">
        <v>90</v>
      </c>
      <c r="AJ10060">
        <v>90</v>
      </c>
      <c r="AK10060">
        <v>90</v>
      </c>
      <c r="AL10060">
        <v>90</v>
      </c>
      <c r="AM10060">
        <v>90</v>
      </c>
      <c r="AN10060">
        <v>90</v>
      </c>
      <c r="AO10060">
        <v>90</v>
      </c>
      <c r="AP10060">
        <v>90</v>
      </c>
      <c r="AQ10060">
        <v>90</v>
      </c>
    </row>
    <row r="10061" spans="1:43">
      <c r="A10061" t="s">
        <v>6278</v>
      </c>
      <c r="B10061" t="s">
        <v>6279</v>
      </c>
      <c r="C10061" t="s">
        <v>6196</v>
      </c>
      <c r="D10061" t="s">
        <v>6197</v>
      </c>
      <c r="E10061" t="s">
        <v>6174</v>
      </c>
      <c r="F10061" t="s">
        <v>6175</v>
      </c>
      <c r="G10061" t="s">
        <v>80</v>
      </c>
      <c r="H10061" t="s">
        <v>81</v>
      </c>
      <c r="I10061" s="2">
        <v>0</v>
      </c>
      <c r="J10061" s="2">
        <v>1</v>
      </c>
      <c r="K10061" s="2">
        <v>0</v>
      </c>
      <c r="L10061" t="s">
        <v>82</v>
      </c>
      <c r="M10061" t="s">
        <v>83</v>
      </c>
      <c r="N10061" t="s">
        <v>91</v>
      </c>
      <c r="O10061" t="s">
        <v>85</v>
      </c>
      <c r="P10061" t="s">
        <v>86</v>
      </c>
      <c r="Q10061">
        <v>73</v>
      </c>
      <c r="R10061">
        <v>74</v>
      </c>
      <c r="S10061">
        <v>75</v>
      </c>
      <c r="T10061">
        <v>76</v>
      </c>
      <c r="U10061">
        <v>77</v>
      </c>
      <c r="V10061">
        <v>78</v>
      </c>
      <c r="W10061">
        <v>78</v>
      </c>
      <c r="X10061">
        <v>79</v>
      </c>
      <c r="Y10061">
        <v>80</v>
      </c>
      <c r="Z10061">
        <v>81</v>
      </c>
      <c r="AA10061">
        <v>82</v>
      </c>
      <c r="AB10061">
        <v>83</v>
      </c>
      <c r="AC10061">
        <v>84</v>
      </c>
      <c r="AD10061">
        <v>84</v>
      </c>
      <c r="AE10061">
        <v>85</v>
      </c>
      <c r="AF10061">
        <v>86</v>
      </c>
      <c r="AG10061">
        <v>87</v>
      </c>
      <c r="AH10061">
        <v>88</v>
      </c>
      <c r="AI10061">
        <v>88</v>
      </c>
      <c r="AJ10061">
        <v>89</v>
      </c>
      <c r="AK10061">
        <v>90</v>
      </c>
      <c r="AL10061">
        <v>90</v>
      </c>
      <c r="AM10061">
        <v>90</v>
      </c>
      <c r="AN10061">
        <v>90</v>
      </c>
      <c r="AO10061">
        <v>90</v>
      </c>
      <c r="AP10061">
        <v>90</v>
      </c>
      <c r="AQ10061">
        <v>90</v>
      </c>
    </row>
    <row r="10062" spans="1:43">
      <c r="A10062" t="s">
        <v>6280</v>
      </c>
      <c r="B10062" t="s">
        <v>6281</v>
      </c>
      <c r="C10062" t="s">
        <v>6192</v>
      </c>
      <c r="D10062" t="s">
        <v>6193</v>
      </c>
      <c r="E10062" t="s">
        <v>6174</v>
      </c>
      <c r="F10062" t="s">
        <v>6175</v>
      </c>
      <c r="G10062" t="s">
        <v>80</v>
      </c>
      <c r="H10062" t="s">
        <v>81</v>
      </c>
      <c r="I10062" s="2">
        <v>0</v>
      </c>
      <c r="J10062" s="2">
        <v>1</v>
      </c>
      <c r="K10062" s="2">
        <v>0</v>
      </c>
      <c r="L10062" t="s">
        <v>82</v>
      </c>
      <c r="M10062" t="s">
        <v>83</v>
      </c>
      <c r="N10062" t="s">
        <v>84</v>
      </c>
      <c r="O10062" t="s">
        <v>85</v>
      </c>
      <c r="P10062" t="s">
        <v>86</v>
      </c>
      <c r="Q10062">
        <v>23</v>
      </c>
      <c r="R10062">
        <v>23</v>
      </c>
      <c r="S10062">
        <v>23</v>
      </c>
      <c r="T10062">
        <v>23</v>
      </c>
      <c r="U10062">
        <v>24</v>
      </c>
      <c r="V10062">
        <v>24</v>
      </c>
      <c r="W10062">
        <v>24</v>
      </c>
      <c r="X10062">
        <v>25</v>
      </c>
      <c r="Y10062">
        <v>25</v>
      </c>
      <c r="Z10062">
        <v>25</v>
      </c>
      <c r="AA10062">
        <v>25</v>
      </c>
      <c r="AB10062">
        <v>26</v>
      </c>
      <c r="AC10062">
        <v>26</v>
      </c>
      <c r="AD10062">
        <v>26</v>
      </c>
      <c r="AE10062">
        <v>26</v>
      </c>
      <c r="AF10062">
        <v>27</v>
      </c>
      <c r="AG10062">
        <v>27</v>
      </c>
      <c r="AH10062">
        <v>27</v>
      </c>
      <c r="AI10062">
        <v>27</v>
      </c>
      <c r="AJ10062">
        <v>28</v>
      </c>
      <c r="AK10062">
        <v>28</v>
      </c>
      <c r="AL10062">
        <v>28</v>
      </c>
      <c r="AM10062">
        <v>28</v>
      </c>
      <c r="AN10062">
        <v>28</v>
      </c>
      <c r="AO10062">
        <v>28</v>
      </c>
      <c r="AP10062">
        <v>28</v>
      </c>
      <c r="AQ10062">
        <v>28</v>
      </c>
    </row>
    <row r="10063" spans="1:43">
      <c r="A10063" t="s">
        <v>6280</v>
      </c>
      <c r="B10063" t="s">
        <v>6281</v>
      </c>
      <c r="C10063" t="s">
        <v>6192</v>
      </c>
      <c r="D10063" t="s">
        <v>6193</v>
      </c>
      <c r="E10063" t="s">
        <v>6174</v>
      </c>
      <c r="F10063" t="s">
        <v>6175</v>
      </c>
      <c r="G10063" t="s">
        <v>80</v>
      </c>
      <c r="H10063" t="s">
        <v>81</v>
      </c>
      <c r="I10063" s="2">
        <v>0</v>
      </c>
      <c r="J10063" s="2">
        <v>1</v>
      </c>
      <c r="K10063" s="2">
        <v>0</v>
      </c>
      <c r="L10063" t="s">
        <v>82</v>
      </c>
      <c r="M10063" t="s">
        <v>87</v>
      </c>
      <c r="N10063" t="s">
        <v>88</v>
      </c>
      <c r="O10063" t="s">
        <v>85</v>
      </c>
      <c r="P10063" t="s">
        <v>86</v>
      </c>
      <c r="Q10063">
        <v>23</v>
      </c>
      <c r="R10063">
        <v>23</v>
      </c>
      <c r="S10063">
        <v>24</v>
      </c>
      <c r="T10063">
        <v>24</v>
      </c>
      <c r="U10063">
        <v>24</v>
      </c>
      <c r="V10063">
        <v>24</v>
      </c>
      <c r="W10063">
        <v>24</v>
      </c>
      <c r="X10063">
        <v>24</v>
      </c>
      <c r="Y10063">
        <v>24</v>
      </c>
      <c r="Z10063">
        <v>24</v>
      </c>
      <c r="AA10063">
        <v>24</v>
      </c>
      <c r="AB10063">
        <v>24</v>
      </c>
      <c r="AC10063">
        <v>24</v>
      </c>
      <c r="AD10063">
        <v>24</v>
      </c>
      <c r="AE10063">
        <v>24</v>
      </c>
      <c r="AF10063">
        <v>24</v>
      </c>
      <c r="AG10063">
        <v>24</v>
      </c>
      <c r="AH10063">
        <v>25</v>
      </c>
      <c r="AI10063">
        <v>25</v>
      </c>
      <c r="AJ10063">
        <v>25</v>
      </c>
      <c r="AK10063">
        <v>25</v>
      </c>
      <c r="AL10063">
        <v>25</v>
      </c>
      <c r="AM10063">
        <v>25</v>
      </c>
      <c r="AN10063">
        <v>25</v>
      </c>
      <c r="AO10063">
        <v>25</v>
      </c>
      <c r="AP10063">
        <v>25</v>
      </c>
      <c r="AQ10063">
        <v>25</v>
      </c>
    </row>
    <row r="10064" spans="1:43">
      <c r="A10064" t="s">
        <v>6280</v>
      </c>
      <c r="B10064" t="s">
        <v>6281</v>
      </c>
      <c r="C10064" t="s">
        <v>6192</v>
      </c>
      <c r="D10064" t="s">
        <v>6193</v>
      </c>
      <c r="E10064" t="s">
        <v>6174</v>
      </c>
      <c r="F10064" t="s">
        <v>6175</v>
      </c>
      <c r="G10064" t="s">
        <v>80</v>
      </c>
      <c r="H10064" t="s">
        <v>81</v>
      </c>
      <c r="I10064" s="2">
        <v>0</v>
      </c>
      <c r="J10064" s="2">
        <v>1</v>
      </c>
      <c r="K10064" s="2">
        <v>0</v>
      </c>
      <c r="L10064" t="s">
        <v>82</v>
      </c>
      <c r="M10064" t="s">
        <v>89</v>
      </c>
      <c r="N10064" t="s">
        <v>90</v>
      </c>
      <c r="O10064" t="s">
        <v>85</v>
      </c>
      <c r="P10064" t="s">
        <v>86</v>
      </c>
      <c r="Q10064">
        <v>23</v>
      </c>
      <c r="R10064">
        <v>23</v>
      </c>
      <c r="S10064">
        <v>24</v>
      </c>
      <c r="T10064">
        <v>24</v>
      </c>
      <c r="U10064">
        <v>25</v>
      </c>
      <c r="V10064">
        <v>25</v>
      </c>
      <c r="W10064">
        <v>26</v>
      </c>
      <c r="X10064">
        <v>26</v>
      </c>
      <c r="Y10064">
        <v>26</v>
      </c>
      <c r="Z10064">
        <v>27</v>
      </c>
      <c r="AA10064">
        <v>27</v>
      </c>
      <c r="AB10064">
        <v>27</v>
      </c>
      <c r="AC10064">
        <v>28</v>
      </c>
      <c r="AD10064">
        <v>28</v>
      </c>
      <c r="AE10064">
        <v>28</v>
      </c>
      <c r="AF10064">
        <v>28</v>
      </c>
      <c r="AG10064">
        <v>28</v>
      </c>
      <c r="AH10064">
        <v>28</v>
      </c>
      <c r="AI10064">
        <v>28</v>
      </c>
      <c r="AJ10064">
        <v>28</v>
      </c>
      <c r="AK10064">
        <v>28</v>
      </c>
      <c r="AL10064">
        <v>28</v>
      </c>
      <c r="AM10064">
        <v>28</v>
      </c>
      <c r="AN10064">
        <v>28</v>
      </c>
      <c r="AO10064">
        <v>28</v>
      </c>
      <c r="AP10064">
        <v>28</v>
      </c>
      <c r="AQ10064">
        <v>28</v>
      </c>
    </row>
    <row r="10065" spans="1:43">
      <c r="A10065" t="s">
        <v>6280</v>
      </c>
      <c r="B10065" t="s">
        <v>6281</v>
      </c>
      <c r="C10065" t="s">
        <v>6192</v>
      </c>
      <c r="D10065" t="s">
        <v>6193</v>
      </c>
      <c r="E10065" t="s">
        <v>6174</v>
      </c>
      <c r="F10065" t="s">
        <v>6175</v>
      </c>
      <c r="G10065" t="s">
        <v>80</v>
      </c>
      <c r="H10065" t="s">
        <v>81</v>
      </c>
      <c r="I10065" s="2">
        <v>0</v>
      </c>
      <c r="J10065" s="2">
        <v>1</v>
      </c>
      <c r="K10065" s="2">
        <v>0</v>
      </c>
      <c r="L10065" t="s">
        <v>82</v>
      </c>
      <c r="M10065" t="s">
        <v>83</v>
      </c>
      <c r="N10065" t="s">
        <v>91</v>
      </c>
      <c r="O10065" t="s">
        <v>85</v>
      </c>
      <c r="P10065" t="s">
        <v>86</v>
      </c>
      <c r="Q10065">
        <v>23</v>
      </c>
      <c r="R10065">
        <v>23</v>
      </c>
      <c r="S10065">
        <v>23</v>
      </c>
      <c r="T10065">
        <v>23</v>
      </c>
      <c r="U10065">
        <v>24</v>
      </c>
      <c r="V10065">
        <v>24</v>
      </c>
      <c r="W10065">
        <v>24</v>
      </c>
      <c r="X10065">
        <v>25</v>
      </c>
      <c r="Y10065">
        <v>25</v>
      </c>
      <c r="Z10065">
        <v>25</v>
      </c>
      <c r="AA10065">
        <v>25</v>
      </c>
      <c r="AB10065">
        <v>26</v>
      </c>
      <c r="AC10065">
        <v>26</v>
      </c>
      <c r="AD10065">
        <v>26</v>
      </c>
      <c r="AE10065">
        <v>26</v>
      </c>
      <c r="AF10065">
        <v>27</v>
      </c>
      <c r="AG10065">
        <v>27</v>
      </c>
      <c r="AH10065">
        <v>27</v>
      </c>
      <c r="AI10065">
        <v>27</v>
      </c>
      <c r="AJ10065">
        <v>28</v>
      </c>
      <c r="AK10065">
        <v>28</v>
      </c>
      <c r="AL10065">
        <v>28</v>
      </c>
      <c r="AM10065">
        <v>28</v>
      </c>
      <c r="AN10065">
        <v>28</v>
      </c>
      <c r="AO10065">
        <v>28</v>
      </c>
      <c r="AP10065">
        <v>28</v>
      </c>
      <c r="AQ10065">
        <v>28</v>
      </c>
    </row>
    <row r="10066" spans="1:43">
      <c r="A10066" t="s">
        <v>6282</v>
      </c>
      <c r="B10066" t="s">
        <v>6283</v>
      </c>
      <c r="C10066" t="s">
        <v>6192</v>
      </c>
      <c r="D10066" t="s">
        <v>6193</v>
      </c>
      <c r="E10066" t="s">
        <v>6174</v>
      </c>
      <c r="F10066" t="s">
        <v>6175</v>
      </c>
      <c r="G10066" t="s">
        <v>80</v>
      </c>
      <c r="H10066" t="s">
        <v>81</v>
      </c>
      <c r="I10066" s="2">
        <v>0</v>
      </c>
      <c r="J10066" s="2">
        <v>1</v>
      </c>
      <c r="K10066" s="2">
        <v>0</v>
      </c>
      <c r="L10066" t="s">
        <v>82</v>
      </c>
      <c r="M10066" t="s">
        <v>83</v>
      </c>
      <c r="N10066" t="s">
        <v>84</v>
      </c>
      <c r="O10066" t="s">
        <v>85</v>
      </c>
      <c r="P10066" t="s">
        <v>86</v>
      </c>
      <c r="Q10066">
        <v>91</v>
      </c>
      <c r="R10066">
        <v>92</v>
      </c>
      <c r="S10066">
        <v>94</v>
      </c>
      <c r="T10066">
        <v>95</v>
      </c>
      <c r="U10066">
        <v>96</v>
      </c>
      <c r="V10066">
        <v>97</v>
      </c>
      <c r="W10066">
        <v>98</v>
      </c>
      <c r="X10066">
        <v>99</v>
      </c>
      <c r="Y10066">
        <v>100</v>
      </c>
      <c r="Z10066">
        <v>102</v>
      </c>
      <c r="AA10066">
        <v>103</v>
      </c>
      <c r="AB10066">
        <v>104</v>
      </c>
      <c r="AC10066">
        <v>105</v>
      </c>
      <c r="AD10066">
        <v>106</v>
      </c>
      <c r="AE10066">
        <v>107</v>
      </c>
      <c r="AF10066">
        <v>108</v>
      </c>
      <c r="AG10066">
        <v>109</v>
      </c>
      <c r="AH10066">
        <v>110</v>
      </c>
      <c r="AI10066">
        <v>111</v>
      </c>
      <c r="AJ10066">
        <v>111</v>
      </c>
      <c r="AK10066">
        <v>112</v>
      </c>
      <c r="AL10066">
        <v>113</v>
      </c>
      <c r="AM10066">
        <v>113</v>
      </c>
      <c r="AN10066">
        <v>113</v>
      </c>
      <c r="AO10066">
        <v>112</v>
      </c>
      <c r="AP10066">
        <v>112</v>
      </c>
      <c r="AQ10066">
        <v>112</v>
      </c>
    </row>
    <row r="10067" spans="1:43">
      <c r="A10067" t="s">
        <v>6282</v>
      </c>
      <c r="B10067" t="s">
        <v>6283</v>
      </c>
      <c r="C10067" t="s">
        <v>6192</v>
      </c>
      <c r="D10067" t="s">
        <v>6193</v>
      </c>
      <c r="E10067" t="s">
        <v>6174</v>
      </c>
      <c r="F10067" t="s">
        <v>6175</v>
      </c>
      <c r="G10067" t="s">
        <v>80</v>
      </c>
      <c r="H10067" t="s">
        <v>81</v>
      </c>
      <c r="I10067" s="2">
        <v>0</v>
      </c>
      <c r="J10067" s="2">
        <v>1</v>
      </c>
      <c r="K10067" s="2">
        <v>0</v>
      </c>
      <c r="L10067" t="s">
        <v>82</v>
      </c>
      <c r="M10067" t="s">
        <v>87</v>
      </c>
      <c r="N10067" t="s">
        <v>88</v>
      </c>
      <c r="O10067" t="s">
        <v>85</v>
      </c>
      <c r="P10067" t="s">
        <v>86</v>
      </c>
      <c r="Q10067">
        <v>91</v>
      </c>
      <c r="R10067">
        <v>92</v>
      </c>
      <c r="S10067">
        <v>92</v>
      </c>
      <c r="T10067">
        <v>92</v>
      </c>
      <c r="U10067">
        <v>93</v>
      </c>
      <c r="V10067">
        <v>93</v>
      </c>
      <c r="W10067">
        <v>93</v>
      </c>
      <c r="X10067">
        <v>94</v>
      </c>
      <c r="Y10067">
        <v>94</v>
      </c>
      <c r="Z10067">
        <v>94</v>
      </c>
      <c r="AA10067">
        <v>94</v>
      </c>
      <c r="AB10067">
        <v>95</v>
      </c>
      <c r="AC10067">
        <v>95</v>
      </c>
      <c r="AD10067">
        <v>95</v>
      </c>
      <c r="AE10067">
        <v>96</v>
      </c>
      <c r="AF10067">
        <v>96</v>
      </c>
      <c r="AG10067">
        <v>96</v>
      </c>
      <c r="AH10067">
        <v>96</v>
      </c>
      <c r="AI10067">
        <v>96</v>
      </c>
      <c r="AJ10067">
        <v>97</v>
      </c>
      <c r="AK10067">
        <v>97</v>
      </c>
      <c r="AL10067">
        <v>97</v>
      </c>
      <c r="AM10067">
        <v>97</v>
      </c>
      <c r="AN10067">
        <v>98</v>
      </c>
      <c r="AO10067">
        <v>98</v>
      </c>
      <c r="AP10067">
        <v>98</v>
      </c>
      <c r="AQ10067">
        <v>98</v>
      </c>
    </row>
    <row r="10068" spans="1:43">
      <c r="A10068" t="s">
        <v>6282</v>
      </c>
      <c r="B10068" t="s">
        <v>6283</v>
      </c>
      <c r="C10068" t="s">
        <v>6192</v>
      </c>
      <c r="D10068" t="s">
        <v>6193</v>
      </c>
      <c r="E10068" t="s">
        <v>6174</v>
      </c>
      <c r="F10068" t="s">
        <v>6175</v>
      </c>
      <c r="G10068" t="s">
        <v>80</v>
      </c>
      <c r="H10068" t="s">
        <v>81</v>
      </c>
      <c r="I10068" s="2">
        <v>0</v>
      </c>
      <c r="J10068" s="2">
        <v>1</v>
      </c>
      <c r="K10068" s="2">
        <v>0</v>
      </c>
      <c r="L10068" t="s">
        <v>82</v>
      </c>
      <c r="M10068" t="s">
        <v>89</v>
      </c>
      <c r="N10068" t="s">
        <v>90</v>
      </c>
      <c r="O10068" t="s">
        <v>85</v>
      </c>
      <c r="P10068" t="s">
        <v>86</v>
      </c>
      <c r="Q10068">
        <v>91</v>
      </c>
      <c r="R10068">
        <v>93</v>
      </c>
      <c r="S10068">
        <v>95</v>
      </c>
      <c r="T10068">
        <v>97</v>
      </c>
      <c r="U10068">
        <v>99</v>
      </c>
      <c r="V10068">
        <v>101</v>
      </c>
      <c r="W10068">
        <v>102</v>
      </c>
      <c r="X10068">
        <v>104</v>
      </c>
      <c r="Y10068">
        <v>105</v>
      </c>
      <c r="Z10068">
        <v>107</v>
      </c>
      <c r="AA10068">
        <v>108</v>
      </c>
      <c r="AB10068">
        <v>110</v>
      </c>
      <c r="AC10068">
        <v>111</v>
      </c>
      <c r="AD10068">
        <v>113</v>
      </c>
      <c r="AE10068">
        <v>113</v>
      </c>
      <c r="AF10068">
        <v>113</v>
      </c>
      <c r="AG10068">
        <v>113</v>
      </c>
      <c r="AH10068">
        <v>113</v>
      </c>
      <c r="AI10068">
        <v>113</v>
      </c>
      <c r="AJ10068">
        <v>113</v>
      </c>
      <c r="AK10068">
        <v>113</v>
      </c>
      <c r="AL10068">
        <v>113</v>
      </c>
      <c r="AM10068">
        <v>113</v>
      </c>
      <c r="AN10068">
        <v>113</v>
      </c>
      <c r="AO10068">
        <v>113</v>
      </c>
      <c r="AP10068">
        <v>113</v>
      </c>
      <c r="AQ10068">
        <v>113</v>
      </c>
    </row>
    <row r="10069" spans="1:43">
      <c r="A10069" t="s">
        <v>6282</v>
      </c>
      <c r="B10069" t="s">
        <v>6283</v>
      </c>
      <c r="C10069" t="s">
        <v>6192</v>
      </c>
      <c r="D10069" t="s">
        <v>6193</v>
      </c>
      <c r="E10069" t="s">
        <v>6174</v>
      </c>
      <c r="F10069" t="s">
        <v>6175</v>
      </c>
      <c r="G10069" t="s">
        <v>80</v>
      </c>
      <c r="H10069" t="s">
        <v>81</v>
      </c>
      <c r="I10069" s="2">
        <v>0</v>
      </c>
      <c r="J10069" s="2">
        <v>1</v>
      </c>
      <c r="K10069" s="2">
        <v>0</v>
      </c>
      <c r="L10069" t="s">
        <v>82</v>
      </c>
      <c r="M10069" t="s">
        <v>83</v>
      </c>
      <c r="N10069" t="s">
        <v>91</v>
      </c>
      <c r="O10069" t="s">
        <v>85</v>
      </c>
      <c r="P10069" t="s">
        <v>86</v>
      </c>
      <c r="Q10069">
        <v>91</v>
      </c>
      <c r="R10069">
        <v>92</v>
      </c>
      <c r="S10069">
        <v>94</v>
      </c>
      <c r="T10069">
        <v>95</v>
      </c>
      <c r="U10069">
        <v>96</v>
      </c>
      <c r="V10069">
        <v>97</v>
      </c>
      <c r="W10069">
        <v>98</v>
      </c>
      <c r="X10069">
        <v>99</v>
      </c>
      <c r="Y10069">
        <v>100</v>
      </c>
      <c r="Z10069">
        <v>102</v>
      </c>
      <c r="AA10069">
        <v>103</v>
      </c>
      <c r="AB10069">
        <v>104</v>
      </c>
      <c r="AC10069">
        <v>105</v>
      </c>
      <c r="AD10069">
        <v>106</v>
      </c>
      <c r="AE10069">
        <v>107</v>
      </c>
      <c r="AF10069">
        <v>108</v>
      </c>
      <c r="AG10069">
        <v>109</v>
      </c>
      <c r="AH10069">
        <v>110</v>
      </c>
      <c r="AI10069">
        <v>111</v>
      </c>
      <c r="AJ10069">
        <v>111</v>
      </c>
      <c r="AK10069">
        <v>112</v>
      </c>
      <c r="AL10069">
        <v>113</v>
      </c>
      <c r="AM10069">
        <v>113</v>
      </c>
      <c r="AN10069">
        <v>113</v>
      </c>
      <c r="AO10069">
        <v>112</v>
      </c>
      <c r="AP10069">
        <v>112</v>
      </c>
      <c r="AQ10069">
        <v>112</v>
      </c>
    </row>
    <row r="10070" spans="1:43">
      <c r="A10070" t="s">
        <v>6284</v>
      </c>
      <c r="B10070" t="s">
        <v>6285</v>
      </c>
      <c r="C10070" t="s">
        <v>6196</v>
      </c>
      <c r="D10070" t="s">
        <v>6197</v>
      </c>
      <c r="E10070" t="s">
        <v>6174</v>
      </c>
      <c r="F10070" t="s">
        <v>6175</v>
      </c>
      <c r="G10070" t="s">
        <v>80</v>
      </c>
      <c r="H10070" t="s">
        <v>81</v>
      </c>
      <c r="I10070" s="2">
        <v>0</v>
      </c>
      <c r="J10070" s="2">
        <v>1</v>
      </c>
      <c r="K10070" s="2">
        <v>0</v>
      </c>
      <c r="L10070" t="s">
        <v>82</v>
      </c>
      <c r="M10070" t="s">
        <v>83</v>
      </c>
      <c r="N10070" t="s">
        <v>84</v>
      </c>
      <c r="O10070" t="s">
        <v>85</v>
      </c>
      <c r="P10070" t="s">
        <v>86</v>
      </c>
      <c r="Q10070">
        <v>93</v>
      </c>
      <c r="R10070">
        <v>94</v>
      </c>
      <c r="S10070">
        <v>95</v>
      </c>
      <c r="T10070">
        <v>96</v>
      </c>
      <c r="U10070">
        <v>97</v>
      </c>
      <c r="V10070">
        <v>99</v>
      </c>
      <c r="W10070">
        <v>100</v>
      </c>
      <c r="X10070">
        <v>101</v>
      </c>
      <c r="Y10070">
        <v>102</v>
      </c>
      <c r="Z10070">
        <v>103</v>
      </c>
      <c r="AA10070">
        <v>104</v>
      </c>
      <c r="AB10070">
        <v>105</v>
      </c>
      <c r="AC10070">
        <v>106</v>
      </c>
      <c r="AD10070">
        <v>107</v>
      </c>
      <c r="AE10070">
        <v>108</v>
      </c>
      <c r="AF10070">
        <v>109</v>
      </c>
      <c r="AG10070">
        <v>110</v>
      </c>
      <c r="AH10070">
        <v>111</v>
      </c>
      <c r="AI10070">
        <v>112</v>
      </c>
      <c r="AJ10070">
        <v>113</v>
      </c>
      <c r="AK10070">
        <v>114</v>
      </c>
      <c r="AL10070">
        <v>115</v>
      </c>
      <c r="AM10070">
        <v>115</v>
      </c>
      <c r="AN10070">
        <v>115</v>
      </c>
      <c r="AO10070">
        <v>115</v>
      </c>
      <c r="AP10070">
        <v>115</v>
      </c>
      <c r="AQ10070">
        <v>115</v>
      </c>
    </row>
    <row r="10071" spans="1:43">
      <c r="A10071" t="s">
        <v>6284</v>
      </c>
      <c r="B10071" t="s">
        <v>6285</v>
      </c>
      <c r="C10071" t="s">
        <v>6196</v>
      </c>
      <c r="D10071" t="s">
        <v>6197</v>
      </c>
      <c r="E10071" t="s">
        <v>6174</v>
      </c>
      <c r="F10071" t="s">
        <v>6175</v>
      </c>
      <c r="G10071" t="s">
        <v>80</v>
      </c>
      <c r="H10071" t="s">
        <v>81</v>
      </c>
      <c r="I10071" s="2">
        <v>0</v>
      </c>
      <c r="J10071" s="2">
        <v>1</v>
      </c>
      <c r="K10071" s="2">
        <v>0</v>
      </c>
      <c r="L10071" t="s">
        <v>82</v>
      </c>
      <c r="M10071" t="s">
        <v>87</v>
      </c>
      <c r="N10071" t="s">
        <v>88</v>
      </c>
      <c r="O10071" t="s">
        <v>85</v>
      </c>
      <c r="P10071" t="s">
        <v>86</v>
      </c>
      <c r="Q10071">
        <v>93</v>
      </c>
      <c r="R10071">
        <v>93</v>
      </c>
      <c r="S10071">
        <v>94</v>
      </c>
      <c r="T10071">
        <v>94</v>
      </c>
      <c r="U10071">
        <v>94</v>
      </c>
      <c r="V10071">
        <v>94</v>
      </c>
      <c r="W10071">
        <v>95</v>
      </c>
      <c r="X10071">
        <v>95</v>
      </c>
      <c r="Y10071">
        <v>95</v>
      </c>
      <c r="Z10071">
        <v>96</v>
      </c>
      <c r="AA10071">
        <v>96</v>
      </c>
      <c r="AB10071">
        <v>96</v>
      </c>
      <c r="AC10071">
        <v>96</v>
      </c>
      <c r="AD10071">
        <v>97</v>
      </c>
      <c r="AE10071">
        <v>97</v>
      </c>
      <c r="AF10071">
        <v>97</v>
      </c>
      <c r="AG10071">
        <v>97</v>
      </c>
      <c r="AH10071">
        <v>98</v>
      </c>
      <c r="AI10071">
        <v>98</v>
      </c>
      <c r="AJ10071">
        <v>98</v>
      </c>
      <c r="AK10071">
        <v>98</v>
      </c>
      <c r="AL10071">
        <v>98</v>
      </c>
      <c r="AM10071">
        <v>99</v>
      </c>
      <c r="AN10071">
        <v>99</v>
      </c>
      <c r="AO10071">
        <v>99</v>
      </c>
      <c r="AP10071">
        <v>99</v>
      </c>
      <c r="AQ10071">
        <v>99</v>
      </c>
    </row>
    <row r="10072" spans="1:43">
      <c r="A10072" t="s">
        <v>6284</v>
      </c>
      <c r="B10072" t="s">
        <v>6285</v>
      </c>
      <c r="C10072" t="s">
        <v>6196</v>
      </c>
      <c r="D10072" t="s">
        <v>6197</v>
      </c>
      <c r="E10072" t="s">
        <v>6174</v>
      </c>
      <c r="F10072" t="s">
        <v>6175</v>
      </c>
      <c r="G10072" t="s">
        <v>80</v>
      </c>
      <c r="H10072" t="s">
        <v>81</v>
      </c>
      <c r="I10072" s="2">
        <v>0</v>
      </c>
      <c r="J10072" s="2">
        <v>1</v>
      </c>
      <c r="K10072" s="2">
        <v>0</v>
      </c>
      <c r="L10072" t="s">
        <v>82</v>
      </c>
      <c r="M10072" t="s">
        <v>89</v>
      </c>
      <c r="N10072" t="s">
        <v>90</v>
      </c>
      <c r="O10072" t="s">
        <v>85</v>
      </c>
      <c r="P10072" t="s">
        <v>86</v>
      </c>
      <c r="Q10072">
        <v>93</v>
      </c>
      <c r="R10072">
        <v>95</v>
      </c>
      <c r="S10072">
        <v>97</v>
      </c>
      <c r="T10072">
        <v>99</v>
      </c>
      <c r="U10072">
        <v>100</v>
      </c>
      <c r="V10072">
        <v>102</v>
      </c>
      <c r="W10072">
        <v>104</v>
      </c>
      <c r="X10072">
        <v>106</v>
      </c>
      <c r="Y10072">
        <v>107</v>
      </c>
      <c r="Z10072">
        <v>109</v>
      </c>
      <c r="AA10072">
        <v>110</v>
      </c>
      <c r="AB10072">
        <v>112</v>
      </c>
      <c r="AC10072">
        <v>113</v>
      </c>
      <c r="AD10072">
        <v>115</v>
      </c>
      <c r="AE10072">
        <v>115</v>
      </c>
      <c r="AF10072">
        <v>115</v>
      </c>
      <c r="AG10072">
        <v>115</v>
      </c>
      <c r="AH10072">
        <v>115</v>
      </c>
      <c r="AI10072">
        <v>115</v>
      </c>
      <c r="AJ10072">
        <v>115</v>
      </c>
      <c r="AK10072">
        <v>115</v>
      </c>
      <c r="AL10072">
        <v>115</v>
      </c>
      <c r="AM10072">
        <v>115</v>
      </c>
      <c r="AN10072">
        <v>115</v>
      </c>
      <c r="AO10072">
        <v>115</v>
      </c>
      <c r="AP10072">
        <v>115</v>
      </c>
      <c r="AQ10072">
        <v>115</v>
      </c>
    </row>
    <row r="10073" spans="1:43">
      <c r="A10073" t="s">
        <v>6284</v>
      </c>
      <c r="B10073" t="s">
        <v>6285</v>
      </c>
      <c r="C10073" t="s">
        <v>6196</v>
      </c>
      <c r="D10073" t="s">
        <v>6197</v>
      </c>
      <c r="E10073" t="s">
        <v>6174</v>
      </c>
      <c r="F10073" t="s">
        <v>6175</v>
      </c>
      <c r="G10073" t="s">
        <v>80</v>
      </c>
      <c r="H10073" t="s">
        <v>81</v>
      </c>
      <c r="I10073" s="2">
        <v>0</v>
      </c>
      <c r="J10073" s="2">
        <v>1</v>
      </c>
      <c r="K10073" s="2">
        <v>0</v>
      </c>
      <c r="L10073" t="s">
        <v>82</v>
      </c>
      <c r="M10073" t="s">
        <v>83</v>
      </c>
      <c r="N10073" t="s">
        <v>91</v>
      </c>
      <c r="O10073" t="s">
        <v>85</v>
      </c>
      <c r="P10073" t="s">
        <v>86</v>
      </c>
      <c r="Q10073">
        <v>93</v>
      </c>
      <c r="R10073">
        <v>94</v>
      </c>
      <c r="S10073">
        <v>95</v>
      </c>
      <c r="T10073">
        <v>96</v>
      </c>
      <c r="U10073">
        <v>97</v>
      </c>
      <c r="V10073">
        <v>99</v>
      </c>
      <c r="W10073">
        <v>100</v>
      </c>
      <c r="X10073">
        <v>101</v>
      </c>
      <c r="Y10073">
        <v>102</v>
      </c>
      <c r="Z10073">
        <v>103</v>
      </c>
      <c r="AA10073">
        <v>104</v>
      </c>
      <c r="AB10073">
        <v>105</v>
      </c>
      <c r="AC10073">
        <v>106</v>
      </c>
      <c r="AD10073">
        <v>107</v>
      </c>
      <c r="AE10073">
        <v>108</v>
      </c>
      <c r="AF10073">
        <v>109</v>
      </c>
      <c r="AG10073">
        <v>110</v>
      </c>
      <c r="AH10073">
        <v>111</v>
      </c>
      <c r="AI10073">
        <v>112</v>
      </c>
      <c r="AJ10073">
        <v>113</v>
      </c>
      <c r="AK10073">
        <v>114</v>
      </c>
      <c r="AL10073">
        <v>115</v>
      </c>
      <c r="AM10073">
        <v>115</v>
      </c>
      <c r="AN10073">
        <v>115</v>
      </c>
      <c r="AO10073">
        <v>115</v>
      </c>
      <c r="AP10073">
        <v>115</v>
      </c>
      <c r="AQ10073">
        <v>115</v>
      </c>
    </row>
    <row r="10074" spans="1:43">
      <c r="A10074" t="s">
        <v>6286</v>
      </c>
      <c r="B10074" t="s">
        <v>6287</v>
      </c>
      <c r="C10074" t="s">
        <v>6192</v>
      </c>
      <c r="D10074" t="s">
        <v>6193</v>
      </c>
      <c r="E10074" t="s">
        <v>6174</v>
      </c>
      <c r="F10074" t="s">
        <v>6175</v>
      </c>
      <c r="G10074" t="s">
        <v>80</v>
      </c>
      <c r="H10074" t="s">
        <v>81</v>
      </c>
      <c r="I10074" s="2">
        <v>0</v>
      </c>
      <c r="J10074" s="2">
        <v>1</v>
      </c>
      <c r="K10074" s="2">
        <v>0</v>
      </c>
      <c r="L10074" t="s">
        <v>82</v>
      </c>
      <c r="M10074" t="s">
        <v>83</v>
      </c>
      <c r="N10074" t="s">
        <v>84</v>
      </c>
      <c r="O10074" t="s">
        <v>85</v>
      </c>
      <c r="P10074" t="s">
        <v>86</v>
      </c>
      <c r="Q10074">
        <v>0</v>
      </c>
      <c r="R10074">
        <v>0</v>
      </c>
      <c r="S10074">
        <v>0</v>
      </c>
      <c r="T10074">
        <v>0</v>
      </c>
      <c r="U10074">
        <v>0</v>
      </c>
      <c r="V10074">
        <v>0</v>
      </c>
      <c r="W10074">
        <v>0</v>
      </c>
      <c r="X10074">
        <v>0</v>
      </c>
      <c r="Y10074">
        <v>0</v>
      </c>
      <c r="Z10074">
        <v>0</v>
      </c>
      <c r="AA10074">
        <v>0</v>
      </c>
      <c r="AB10074">
        <v>0</v>
      </c>
      <c r="AC10074">
        <v>0</v>
      </c>
      <c r="AD10074">
        <v>0</v>
      </c>
      <c r="AE10074">
        <v>0</v>
      </c>
      <c r="AF10074">
        <v>0</v>
      </c>
      <c r="AG10074">
        <v>0</v>
      </c>
      <c r="AH10074">
        <v>0</v>
      </c>
      <c r="AI10074">
        <v>0</v>
      </c>
      <c r="AJ10074">
        <v>0</v>
      </c>
      <c r="AK10074">
        <v>0</v>
      </c>
      <c r="AL10074">
        <v>0</v>
      </c>
      <c r="AM10074">
        <v>0</v>
      </c>
      <c r="AN10074">
        <v>0</v>
      </c>
      <c r="AO10074">
        <v>0</v>
      </c>
      <c r="AP10074">
        <v>0</v>
      </c>
      <c r="AQ10074">
        <v>0</v>
      </c>
    </row>
    <row r="10075" spans="1:43">
      <c r="A10075" t="s">
        <v>6286</v>
      </c>
      <c r="B10075" t="s">
        <v>6287</v>
      </c>
      <c r="C10075" t="s">
        <v>6192</v>
      </c>
      <c r="D10075" t="s">
        <v>6193</v>
      </c>
      <c r="E10075" t="s">
        <v>6174</v>
      </c>
      <c r="F10075" t="s">
        <v>6175</v>
      </c>
      <c r="G10075" t="s">
        <v>80</v>
      </c>
      <c r="H10075" t="s">
        <v>81</v>
      </c>
      <c r="I10075" s="2">
        <v>0</v>
      </c>
      <c r="J10075" s="2">
        <v>1</v>
      </c>
      <c r="K10075" s="2">
        <v>0</v>
      </c>
      <c r="L10075" t="s">
        <v>82</v>
      </c>
      <c r="M10075" t="s">
        <v>87</v>
      </c>
      <c r="N10075" t="s">
        <v>88</v>
      </c>
      <c r="O10075" t="s">
        <v>85</v>
      </c>
      <c r="P10075" t="s">
        <v>86</v>
      </c>
      <c r="Q10075">
        <v>0</v>
      </c>
      <c r="R10075">
        <v>0</v>
      </c>
      <c r="S10075">
        <v>0</v>
      </c>
      <c r="T10075">
        <v>0</v>
      </c>
      <c r="U10075">
        <v>0</v>
      </c>
      <c r="V10075">
        <v>0</v>
      </c>
      <c r="W10075">
        <v>0</v>
      </c>
      <c r="X10075">
        <v>0</v>
      </c>
      <c r="Y10075">
        <v>0</v>
      </c>
      <c r="Z10075">
        <v>0</v>
      </c>
      <c r="AA10075">
        <v>0</v>
      </c>
      <c r="AB10075">
        <v>0</v>
      </c>
      <c r="AC10075">
        <v>0</v>
      </c>
      <c r="AD10075">
        <v>0</v>
      </c>
      <c r="AE10075">
        <v>0</v>
      </c>
      <c r="AF10075">
        <v>0</v>
      </c>
      <c r="AG10075">
        <v>0</v>
      </c>
      <c r="AH10075">
        <v>0</v>
      </c>
      <c r="AI10075">
        <v>0</v>
      </c>
      <c r="AJ10075">
        <v>0</v>
      </c>
      <c r="AK10075">
        <v>0</v>
      </c>
      <c r="AL10075">
        <v>0</v>
      </c>
      <c r="AM10075">
        <v>0</v>
      </c>
      <c r="AN10075">
        <v>0</v>
      </c>
      <c r="AO10075">
        <v>0</v>
      </c>
      <c r="AP10075">
        <v>0</v>
      </c>
      <c r="AQ10075">
        <v>0</v>
      </c>
    </row>
    <row r="10076" spans="1:43">
      <c r="A10076" t="s">
        <v>6286</v>
      </c>
      <c r="B10076" t="s">
        <v>6287</v>
      </c>
      <c r="C10076" t="s">
        <v>6192</v>
      </c>
      <c r="D10076" t="s">
        <v>6193</v>
      </c>
      <c r="E10076" t="s">
        <v>6174</v>
      </c>
      <c r="F10076" t="s">
        <v>6175</v>
      </c>
      <c r="G10076" t="s">
        <v>80</v>
      </c>
      <c r="H10076" t="s">
        <v>81</v>
      </c>
      <c r="I10076" s="2">
        <v>0</v>
      </c>
      <c r="J10076" s="2">
        <v>1</v>
      </c>
      <c r="K10076" s="2">
        <v>0</v>
      </c>
      <c r="L10076" t="s">
        <v>82</v>
      </c>
      <c r="M10076" t="s">
        <v>89</v>
      </c>
      <c r="N10076" t="s">
        <v>90</v>
      </c>
      <c r="O10076" t="s">
        <v>85</v>
      </c>
      <c r="P10076" t="s">
        <v>86</v>
      </c>
      <c r="Q10076">
        <v>0</v>
      </c>
      <c r="R10076">
        <v>0</v>
      </c>
      <c r="S10076">
        <v>0</v>
      </c>
      <c r="T10076">
        <v>0</v>
      </c>
      <c r="U10076">
        <v>0</v>
      </c>
      <c r="V10076">
        <v>0</v>
      </c>
      <c r="W10076">
        <v>0</v>
      </c>
      <c r="X10076">
        <v>0</v>
      </c>
      <c r="Y10076">
        <v>0</v>
      </c>
      <c r="Z10076">
        <v>0</v>
      </c>
      <c r="AA10076">
        <v>0</v>
      </c>
      <c r="AB10076">
        <v>0</v>
      </c>
      <c r="AC10076">
        <v>0</v>
      </c>
      <c r="AD10076">
        <v>0</v>
      </c>
      <c r="AE10076">
        <v>0</v>
      </c>
      <c r="AF10076">
        <v>0</v>
      </c>
      <c r="AG10076">
        <v>0</v>
      </c>
      <c r="AH10076">
        <v>0</v>
      </c>
      <c r="AI10076">
        <v>0</v>
      </c>
      <c r="AJ10076">
        <v>0</v>
      </c>
      <c r="AK10076">
        <v>0</v>
      </c>
      <c r="AL10076">
        <v>0</v>
      </c>
      <c r="AM10076">
        <v>0</v>
      </c>
      <c r="AN10076">
        <v>0</v>
      </c>
      <c r="AO10076">
        <v>0</v>
      </c>
      <c r="AP10076">
        <v>0</v>
      </c>
      <c r="AQ10076">
        <v>0</v>
      </c>
    </row>
    <row r="10077" spans="1:43">
      <c r="A10077" t="s">
        <v>6286</v>
      </c>
      <c r="B10077" t="s">
        <v>6287</v>
      </c>
      <c r="C10077" t="s">
        <v>6192</v>
      </c>
      <c r="D10077" t="s">
        <v>6193</v>
      </c>
      <c r="E10077" t="s">
        <v>6174</v>
      </c>
      <c r="F10077" t="s">
        <v>6175</v>
      </c>
      <c r="G10077" t="s">
        <v>80</v>
      </c>
      <c r="H10077" t="s">
        <v>81</v>
      </c>
      <c r="I10077" s="2">
        <v>0</v>
      </c>
      <c r="J10077" s="2">
        <v>1</v>
      </c>
      <c r="K10077" s="2">
        <v>0</v>
      </c>
      <c r="L10077" t="s">
        <v>82</v>
      </c>
      <c r="M10077" t="s">
        <v>83</v>
      </c>
      <c r="N10077" t="s">
        <v>91</v>
      </c>
      <c r="O10077" t="s">
        <v>85</v>
      </c>
      <c r="P10077" t="s">
        <v>86</v>
      </c>
      <c r="Q10077">
        <v>0</v>
      </c>
      <c r="R10077">
        <v>0</v>
      </c>
      <c r="S10077">
        <v>0</v>
      </c>
      <c r="T10077">
        <v>0</v>
      </c>
      <c r="U10077">
        <v>0</v>
      </c>
      <c r="V10077">
        <v>0</v>
      </c>
      <c r="W10077">
        <v>0</v>
      </c>
      <c r="X10077">
        <v>0</v>
      </c>
      <c r="Y10077">
        <v>0</v>
      </c>
      <c r="Z10077">
        <v>0</v>
      </c>
      <c r="AA10077">
        <v>0</v>
      </c>
      <c r="AB10077">
        <v>0</v>
      </c>
      <c r="AC10077">
        <v>0</v>
      </c>
      <c r="AD10077">
        <v>0</v>
      </c>
      <c r="AE10077">
        <v>0</v>
      </c>
      <c r="AF10077">
        <v>0</v>
      </c>
      <c r="AG10077">
        <v>0</v>
      </c>
      <c r="AH10077">
        <v>0</v>
      </c>
      <c r="AI10077">
        <v>0</v>
      </c>
      <c r="AJ10077">
        <v>0</v>
      </c>
      <c r="AK10077">
        <v>0</v>
      </c>
      <c r="AL10077">
        <v>0</v>
      </c>
      <c r="AM10077">
        <v>0</v>
      </c>
      <c r="AN10077">
        <v>0</v>
      </c>
      <c r="AO10077">
        <v>0</v>
      </c>
      <c r="AP10077">
        <v>0</v>
      </c>
      <c r="AQ10077">
        <v>0</v>
      </c>
    </row>
    <row r="10078" spans="1:43">
      <c r="A10078" t="s">
        <v>6288</v>
      </c>
      <c r="B10078" t="s">
        <v>6289</v>
      </c>
      <c r="C10078" t="s">
        <v>6220</v>
      </c>
      <c r="D10078" t="s">
        <v>6221</v>
      </c>
      <c r="E10078" t="s">
        <v>6174</v>
      </c>
      <c r="F10078" t="s">
        <v>6175</v>
      </c>
      <c r="G10078" t="s">
        <v>80</v>
      </c>
      <c r="H10078" t="s">
        <v>81</v>
      </c>
      <c r="I10078" s="2">
        <v>0</v>
      </c>
      <c r="J10078" s="2">
        <v>1</v>
      </c>
      <c r="K10078" s="2">
        <v>0</v>
      </c>
      <c r="L10078" t="s">
        <v>82</v>
      </c>
      <c r="M10078" t="s">
        <v>83</v>
      </c>
      <c r="N10078" t="s">
        <v>84</v>
      </c>
      <c r="O10078" t="s">
        <v>85</v>
      </c>
      <c r="P10078" t="s">
        <v>86</v>
      </c>
      <c r="Q10078">
        <v>56</v>
      </c>
      <c r="R10078">
        <v>57</v>
      </c>
      <c r="S10078">
        <v>58</v>
      </c>
      <c r="T10078">
        <v>58</v>
      </c>
      <c r="U10078">
        <v>59</v>
      </c>
      <c r="V10078">
        <v>60</v>
      </c>
      <c r="W10078">
        <v>60</v>
      </c>
      <c r="X10078">
        <v>61</v>
      </c>
      <c r="Y10078">
        <v>62</v>
      </c>
      <c r="Z10078">
        <v>62</v>
      </c>
      <c r="AA10078">
        <v>63</v>
      </c>
      <c r="AB10078">
        <v>64</v>
      </c>
      <c r="AC10078">
        <v>64</v>
      </c>
      <c r="AD10078">
        <v>65</v>
      </c>
      <c r="AE10078">
        <v>66</v>
      </c>
      <c r="AF10078">
        <v>66</v>
      </c>
      <c r="AG10078">
        <v>67</v>
      </c>
      <c r="AH10078">
        <v>67</v>
      </c>
      <c r="AI10078">
        <v>68</v>
      </c>
      <c r="AJ10078">
        <v>68</v>
      </c>
      <c r="AK10078">
        <v>69</v>
      </c>
      <c r="AL10078">
        <v>69</v>
      </c>
      <c r="AM10078">
        <v>69</v>
      </c>
      <c r="AN10078">
        <v>69</v>
      </c>
      <c r="AO10078">
        <v>69</v>
      </c>
      <c r="AP10078">
        <v>69</v>
      </c>
      <c r="AQ10078">
        <v>69</v>
      </c>
    </row>
    <row r="10079" spans="1:43">
      <c r="A10079" t="s">
        <v>6288</v>
      </c>
      <c r="B10079" t="s">
        <v>6289</v>
      </c>
      <c r="C10079" t="s">
        <v>6220</v>
      </c>
      <c r="D10079" t="s">
        <v>6221</v>
      </c>
      <c r="E10079" t="s">
        <v>6174</v>
      </c>
      <c r="F10079" t="s">
        <v>6175</v>
      </c>
      <c r="G10079" t="s">
        <v>80</v>
      </c>
      <c r="H10079" t="s">
        <v>81</v>
      </c>
      <c r="I10079" s="2">
        <v>0</v>
      </c>
      <c r="J10079" s="2">
        <v>1</v>
      </c>
      <c r="K10079" s="2">
        <v>0</v>
      </c>
      <c r="L10079" t="s">
        <v>82</v>
      </c>
      <c r="M10079" t="s">
        <v>87</v>
      </c>
      <c r="N10079" t="s">
        <v>88</v>
      </c>
      <c r="O10079" t="s">
        <v>85</v>
      </c>
      <c r="P10079" t="s">
        <v>86</v>
      </c>
      <c r="Q10079">
        <v>56</v>
      </c>
      <c r="R10079">
        <v>56</v>
      </c>
      <c r="S10079">
        <v>56</v>
      </c>
      <c r="T10079">
        <v>56</v>
      </c>
      <c r="U10079">
        <v>56</v>
      </c>
      <c r="V10079">
        <v>57</v>
      </c>
      <c r="W10079">
        <v>57</v>
      </c>
      <c r="X10079">
        <v>57</v>
      </c>
      <c r="Y10079">
        <v>57</v>
      </c>
      <c r="Z10079">
        <v>57</v>
      </c>
      <c r="AA10079">
        <v>57</v>
      </c>
      <c r="AB10079">
        <v>58</v>
      </c>
      <c r="AC10079">
        <v>58</v>
      </c>
      <c r="AD10079">
        <v>58</v>
      </c>
      <c r="AE10079">
        <v>58</v>
      </c>
      <c r="AF10079">
        <v>58</v>
      </c>
      <c r="AG10079">
        <v>58</v>
      </c>
      <c r="AH10079">
        <v>58</v>
      </c>
      <c r="AI10079">
        <v>59</v>
      </c>
      <c r="AJ10079">
        <v>59</v>
      </c>
      <c r="AK10079">
        <v>59</v>
      </c>
      <c r="AL10079">
        <v>59</v>
      </c>
      <c r="AM10079">
        <v>59</v>
      </c>
      <c r="AN10079">
        <v>59</v>
      </c>
      <c r="AO10079">
        <v>59</v>
      </c>
      <c r="AP10079">
        <v>60</v>
      </c>
      <c r="AQ10079">
        <v>60</v>
      </c>
    </row>
    <row r="10080" spans="1:43">
      <c r="A10080" t="s">
        <v>6288</v>
      </c>
      <c r="B10080" t="s">
        <v>6289</v>
      </c>
      <c r="C10080" t="s">
        <v>6220</v>
      </c>
      <c r="D10080" t="s">
        <v>6221</v>
      </c>
      <c r="E10080" t="s">
        <v>6174</v>
      </c>
      <c r="F10080" t="s">
        <v>6175</v>
      </c>
      <c r="G10080" t="s">
        <v>80</v>
      </c>
      <c r="H10080" t="s">
        <v>81</v>
      </c>
      <c r="I10080" s="2">
        <v>0</v>
      </c>
      <c r="J10080" s="2">
        <v>1</v>
      </c>
      <c r="K10080" s="2">
        <v>0</v>
      </c>
      <c r="L10080" t="s">
        <v>82</v>
      </c>
      <c r="M10080" t="s">
        <v>89</v>
      </c>
      <c r="N10080" t="s">
        <v>90</v>
      </c>
      <c r="O10080" t="s">
        <v>85</v>
      </c>
      <c r="P10080" t="s">
        <v>86</v>
      </c>
      <c r="Q10080">
        <v>56</v>
      </c>
      <c r="R10080">
        <v>57</v>
      </c>
      <c r="S10080">
        <v>58</v>
      </c>
      <c r="T10080">
        <v>59</v>
      </c>
      <c r="U10080">
        <v>60</v>
      </c>
      <c r="V10080">
        <v>61</v>
      </c>
      <c r="W10080">
        <v>62</v>
      </c>
      <c r="X10080">
        <v>63</v>
      </c>
      <c r="Y10080">
        <v>64</v>
      </c>
      <c r="Z10080">
        <v>65</v>
      </c>
      <c r="AA10080">
        <v>66</v>
      </c>
      <c r="AB10080">
        <v>67</v>
      </c>
      <c r="AC10080">
        <v>68</v>
      </c>
      <c r="AD10080">
        <v>69</v>
      </c>
      <c r="AE10080">
        <v>69</v>
      </c>
      <c r="AF10080">
        <v>69</v>
      </c>
      <c r="AG10080">
        <v>69</v>
      </c>
      <c r="AH10080">
        <v>69</v>
      </c>
      <c r="AI10080">
        <v>69</v>
      </c>
      <c r="AJ10080">
        <v>69</v>
      </c>
      <c r="AK10080">
        <v>69</v>
      </c>
      <c r="AL10080">
        <v>69</v>
      </c>
      <c r="AM10080">
        <v>69</v>
      </c>
      <c r="AN10080">
        <v>69</v>
      </c>
      <c r="AO10080">
        <v>69</v>
      </c>
      <c r="AP10080">
        <v>69</v>
      </c>
      <c r="AQ10080">
        <v>69</v>
      </c>
    </row>
    <row r="10081" spans="1:43">
      <c r="A10081" t="s">
        <v>6288</v>
      </c>
      <c r="B10081" t="s">
        <v>6289</v>
      </c>
      <c r="C10081" t="s">
        <v>6220</v>
      </c>
      <c r="D10081" t="s">
        <v>6221</v>
      </c>
      <c r="E10081" t="s">
        <v>6174</v>
      </c>
      <c r="F10081" t="s">
        <v>6175</v>
      </c>
      <c r="G10081" t="s">
        <v>80</v>
      </c>
      <c r="H10081" t="s">
        <v>81</v>
      </c>
      <c r="I10081" s="2">
        <v>0</v>
      </c>
      <c r="J10081" s="2">
        <v>1</v>
      </c>
      <c r="K10081" s="2">
        <v>0</v>
      </c>
      <c r="L10081" t="s">
        <v>82</v>
      </c>
      <c r="M10081" t="s">
        <v>83</v>
      </c>
      <c r="N10081" t="s">
        <v>91</v>
      </c>
      <c r="O10081" t="s">
        <v>85</v>
      </c>
      <c r="P10081" t="s">
        <v>86</v>
      </c>
      <c r="Q10081">
        <v>56</v>
      </c>
      <c r="R10081">
        <v>57</v>
      </c>
      <c r="S10081">
        <v>58</v>
      </c>
      <c r="T10081">
        <v>58</v>
      </c>
      <c r="U10081">
        <v>59</v>
      </c>
      <c r="V10081">
        <v>60</v>
      </c>
      <c r="W10081">
        <v>60</v>
      </c>
      <c r="X10081">
        <v>61</v>
      </c>
      <c r="Y10081">
        <v>62</v>
      </c>
      <c r="Z10081">
        <v>62</v>
      </c>
      <c r="AA10081">
        <v>63</v>
      </c>
      <c r="AB10081">
        <v>64</v>
      </c>
      <c r="AC10081">
        <v>64</v>
      </c>
      <c r="AD10081">
        <v>65</v>
      </c>
      <c r="AE10081">
        <v>66</v>
      </c>
      <c r="AF10081">
        <v>66</v>
      </c>
      <c r="AG10081">
        <v>67</v>
      </c>
      <c r="AH10081">
        <v>67</v>
      </c>
      <c r="AI10081">
        <v>68</v>
      </c>
      <c r="AJ10081">
        <v>68</v>
      </c>
      <c r="AK10081">
        <v>69</v>
      </c>
      <c r="AL10081">
        <v>69</v>
      </c>
      <c r="AM10081">
        <v>69</v>
      </c>
      <c r="AN10081">
        <v>69</v>
      </c>
      <c r="AO10081">
        <v>69</v>
      </c>
      <c r="AP10081">
        <v>69</v>
      </c>
      <c r="AQ10081">
        <v>69</v>
      </c>
    </row>
    <row r="10082" spans="1:43">
      <c r="A10082" t="s">
        <v>6290</v>
      </c>
      <c r="B10082" t="s">
        <v>6291</v>
      </c>
      <c r="C10082" t="s">
        <v>6192</v>
      </c>
      <c r="D10082" t="s">
        <v>6193</v>
      </c>
      <c r="E10082" t="s">
        <v>6174</v>
      </c>
      <c r="F10082" t="s">
        <v>6175</v>
      </c>
      <c r="G10082" t="s">
        <v>80</v>
      </c>
      <c r="H10082" t="s">
        <v>81</v>
      </c>
      <c r="I10082" s="2">
        <v>0</v>
      </c>
      <c r="J10082" s="2">
        <v>1</v>
      </c>
      <c r="K10082" s="2">
        <v>0</v>
      </c>
      <c r="L10082" t="s">
        <v>82</v>
      </c>
      <c r="M10082" t="s">
        <v>83</v>
      </c>
      <c r="N10082" t="s">
        <v>84</v>
      </c>
      <c r="O10082" t="s">
        <v>85</v>
      </c>
      <c r="P10082" t="s">
        <v>86</v>
      </c>
      <c r="Q10082">
        <v>45</v>
      </c>
      <c r="R10082">
        <v>46</v>
      </c>
      <c r="S10082">
        <v>46</v>
      </c>
      <c r="T10082">
        <v>47</v>
      </c>
      <c r="U10082">
        <v>47</v>
      </c>
      <c r="V10082">
        <v>48</v>
      </c>
      <c r="W10082">
        <v>48</v>
      </c>
      <c r="X10082">
        <v>49</v>
      </c>
      <c r="Y10082">
        <v>49</v>
      </c>
      <c r="Z10082">
        <v>50</v>
      </c>
      <c r="AA10082">
        <v>50</v>
      </c>
      <c r="AB10082">
        <v>51</v>
      </c>
      <c r="AC10082">
        <v>51</v>
      </c>
      <c r="AD10082">
        <v>51</v>
      </c>
      <c r="AE10082">
        <v>52</v>
      </c>
      <c r="AF10082">
        <v>52</v>
      </c>
      <c r="AG10082">
        <v>53</v>
      </c>
      <c r="AH10082">
        <v>53</v>
      </c>
      <c r="AI10082">
        <v>54</v>
      </c>
      <c r="AJ10082">
        <v>54</v>
      </c>
      <c r="AK10082">
        <v>54</v>
      </c>
      <c r="AL10082">
        <v>54</v>
      </c>
      <c r="AM10082">
        <v>54</v>
      </c>
      <c r="AN10082">
        <v>54</v>
      </c>
      <c r="AO10082">
        <v>54</v>
      </c>
      <c r="AP10082">
        <v>54</v>
      </c>
      <c r="AQ10082">
        <v>54</v>
      </c>
    </row>
    <row r="10083" spans="1:43">
      <c r="A10083" t="s">
        <v>6290</v>
      </c>
      <c r="B10083" t="s">
        <v>6291</v>
      </c>
      <c r="C10083" t="s">
        <v>6192</v>
      </c>
      <c r="D10083" t="s">
        <v>6193</v>
      </c>
      <c r="E10083" t="s">
        <v>6174</v>
      </c>
      <c r="F10083" t="s">
        <v>6175</v>
      </c>
      <c r="G10083" t="s">
        <v>80</v>
      </c>
      <c r="H10083" t="s">
        <v>81</v>
      </c>
      <c r="I10083" s="2">
        <v>0</v>
      </c>
      <c r="J10083" s="2">
        <v>1</v>
      </c>
      <c r="K10083" s="2">
        <v>0</v>
      </c>
      <c r="L10083" t="s">
        <v>82</v>
      </c>
      <c r="M10083" t="s">
        <v>87</v>
      </c>
      <c r="N10083" t="s">
        <v>88</v>
      </c>
      <c r="O10083" t="s">
        <v>85</v>
      </c>
      <c r="P10083" t="s">
        <v>86</v>
      </c>
      <c r="Q10083">
        <v>45</v>
      </c>
      <c r="R10083">
        <v>45</v>
      </c>
      <c r="S10083">
        <v>45</v>
      </c>
      <c r="T10083">
        <v>45</v>
      </c>
      <c r="U10083">
        <v>45</v>
      </c>
      <c r="V10083">
        <v>45</v>
      </c>
      <c r="W10083">
        <v>45</v>
      </c>
      <c r="X10083">
        <v>45</v>
      </c>
      <c r="Y10083">
        <v>45</v>
      </c>
      <c r="Z10083">
        <v>46</v>
      </c>
      <c r="AA10083">
        <v>46</v>
      </c>
      <c r="AB10083">
        <v>46</v>
      </c>
      <c r="AC10083">
        <v>46</v>
      </c>
      <c r="AD10083">
        <v>46</v>
      </c>
      <c r="AE10083">
        <v>46</v>
      </c>
      <c r="AF10083">
        <v>46</v>
      </c>
      <c r="AG10083">
        <v>46</v>
      </c>
      <c r="AH10083">
        <v>46</v>
      </c>
      <c r="AI10083">
        <v>46</v>
      </c>
      <c r="AJ10083">
        <v>46</v>
      </c>
      <c r="AK10083">
        <v>46</v>
      </c>
      <c r="AL10083">
        <v>46</v>
      </c>
      <c r="AM10083">
        <v>46</v>
      </c>
      <c r="AN10083">
        <v>46</v>
      </c>
      <c r="AO10083">
        <v>46</v>
      </c>
      <c r="AP10083">
        <v>47</v>
      </c>
      <c r="AQ10083">
        <v>47</v>
      </c>
    </row>
    <row r="10084" spans="1:43">
      <c r="A10084" t="s">
        <v>6290</v>
      </c>
      <c r="B10084" t="s">
        <v>6291</v>
      </c>
      <c r="C10084" t="s">
        <v>6192</v>
      </c>
      <c r="D10084" t="s">
        <v>6193</v>
      </c>
      <c r="E10084" t="s">
        <v>6174</v>
      </c>
      <c r="F10084" t="s">
        <v>6175</v>
      </c>
      <c r="G10084" t="s">
        <v>80</v>
      </c>
      <c r="H10084" t="s">
        <v>81</v>
      </c>
      <c r="I10084" s="2">
        <v>0</v>
      </c>
      <c r="J10084" s="2">
        <v>1</v>
      </c>
      <c r="K10084" s="2">
        <v>0</v>
      </c>
      <c r="L10084" t="s">
        <v>82</v>
      </c>
      <c r="M10084" t="s">
        <v>89</v>
      </c>
      <c r="N10084" t="s">
        <v>90</v>
      </c>
      <c r="O10084" t="s">
        <v>85</v>
      </c>
      <c r="P10084" t="s">
        <v>86</v>
      </c>
      <c r="Q10084">
        <v>45</v>
      </c>
      <c r="R10084">
        <v>46</v>
      </c>
      <c r="S10084">
        <v>47</v>
      </c>
      <c r="T10084">
        <v>48</v>
      </c>
      <c r="U10084">
        <v>49</v>
      </c>
      <c r="V10084">
        <v>50</v>
      </c>
      <c r="W10084">
        <v>51</v>
      </c>
      <c r="X10084">
        <v>51</v>
      </c>
      <c r="Y10084">
        <v>52</v>
      </c>
      <c r="Z10084">
        <v>53</v>
      </c>
      <c r="AA10084">
        <v>53</v>
      </c>
      <c r="AB10084">
        <v>54</v>
      </c>
      <c r="AC10084">
        <v>55</v>
      </c>
      <c r="AD10084">
        <v>55</v>
      </c>
      <c r="AE10084">
        <v>56</v>
      </c>
      <c r="AF10084">
        <v>56</v>
      </c>
      <c r="AG10084">
        <v>55</v>
      </c>
      <c r="AH10084">
        <v>55</v>
      </c>
      <c r="AI10084">
        <v>55</v>
      </c>
      <c r="AJ10084">
        <v>55</v>
      </c>
      <c r="AK10084">
        <v>55</v>
      </c>
      <c r="AL10084">
        <v>55</v>
      </c>
      <c r="AM10084">
        <v>55</v>
      </c>
      <c r="AN10084">
        <v>55</v>
      </c>
      <c r="AO10084">
        <v>54</v>
      </c>
      <c r="AP10084">
        <v>54</v>
      </c>
      <c r="AQ10084">
        <v>54</v>
      </c>
    </row>
    <row r="10085" spans="1:43">
      <c r="A10085" t="s">
        <v>6290</v>
      </c>
      <c r="B10085" t="s">
        <v>6291</v>
      </c>
      <c r="C10085" t="s">
        <v>6192</v>
      </c>
      <c r="D10085" t="s">
        <v>6193</v>
      </c>
      <c r="E10085" t="s">
        <v>6174</v>
      </c>
      <c r="F10085" t="s">
        <v>6175</v>
      </c>
      <c r="G10085" t="s">
        <v>80</v>
      </c>
      <c r="H10085" t="s">
        <v>81</v>
      </c>
      <c r="I10085" s="2">
        <v>0</v>
      </c>
      <c r="J10085" s="2">
        <v>1</v>
      </c>
      <c r="K10085" s="2">
        <v>0</v>
      </c>
      <c r="L10085" t="s">
        <v>82</v>
      </c>
      <c r="M10085" t="s">
        <v>83</v>
      </c>
      <c r="N10085" t="s">
        <v>91</v>
      </c>
      <c r="O10085" t="s">
        <v>85</v>
      </c>
      <c r="P10085" t="s">
        <v>86</v>
      </c>
      <c r="Q10085">
        <v>45</v>
      </c>
      <c r="R10085">
        <v>46</v>
      </c>
      <c r="S10085">
        <v>46</v>
      </c>
      <c r="T10085">
        <v>47</v>
      </c>
      <c r="U10085">
        <v>47</v>
      </c>
      <c r="V10085">
        <v>48</v>
      </c>
      <c r="W10085">
        <v>48</v>
      </c>
      <c r="X10085">
        <v>49</v>
      </c>
      <c r="Y10085">
        <v>49</v>
      </c>
      <c r="Z10085">
        <v>50</v>
      </c>
      <c r="AA10085">
        <v>50</v>
      </c>
      <c r="AB10085">
        <v>51</v>
      </c>
      <c r="AC10085">
        <v>51</v>
      </c>
      <c r="AD10085">
        <v>51</v>
      </c>
      <c r="AE10085">
        <v>52</v>
      </c>
      <c r="AF10085">
        <v>52</v>
      </c>
      <c r="AG10085">
        <v>53</v>
      </c>
      <c r="AH10085">
        <v>53</v>
      </c>
      <c r="AI10085">
        <v>54</v>
      </c>
      <c r="AJ10085">
        <v>54</v>
      </c>
      <c r="AK10085">
        <v>54</v>
      </c>
      <c r="AL10085">
        <v>54</v>
      </c>
      <c r="AM10085">
        <v>54</v>
      </c>
      <c r="AN10085">
        <v>54</v>
      </c>
      <c r="AO10085">
        <v>54</v>
      </c>
      <c r="AP10085">
        <v>54</v>
      </c>
      <c r="AQ10085">
        <v>54</v>
      </c>
    </row>
    <row r="10086" spans="1:43">
      <c r="A10086" t="s">
        <v>6292</v>
      </c>
      <c r="B10086" t="s">
        <v>6293</v>
      </c>
      <c r="C10086" t="s">
        <v>6262</v>
      </c>
      <c r="D10086" t="s">
        <v>6263</v>
      </c>
      <c r="E10086" t="s">
        <v>6174</v>
      </c>
      <c r="F10086" t="s">
        <v>6175</v>
      </c>
      <c r="G10086" t="s">
        <v>80</v>
      </c>
      <c r="H10086" t="s">
        <v>81</v>
      </c>
      <c r="I10086" s="2">
        <v>0</v>
      </c>
      <c r="J10086" s="2">
        <v>1</v>
      </c>
      <c r="K10086" s="2">
        <v>0</v>
      </c>
      <c r="L10086" t="s">
        <v>82</v>
      </c>
      <c r="M10086" t="s">
        <v>83</v>
      </c>
      <c r="N10086" t="s">
        <v>84</v>
      </c>
      <c r="O10086" t="s">
        <v>85</v>
      </c>
      <c r="P10086" t="s">
        <v>86</v>
      </c>
      <c r="Q10086">
        <v>59</v>
      </c>
      <c r="R10086">
        <v>60</v>
      </c>
      <c r="S10086">
        <v>61</v>
      </c>
      <c r="T10086">
        <v>62</v>
      </c>
      <c r="U10086">
        <v>62</v>
      </c>
      <c r="V10086">
        <v>63</v>
      </c>
      <c r="W10086">
        <v>64</v>
      </c>
      <c r="X10086">
        <v>64</v>
      </c>
      <c r="Y10086">
        <v>65</v>
      </c>
      <c r="Z10086">
        <v>66</v>
      </c>
      <c r="AA10086">
        <v>66</v>
      </c>
      <c r="AB10086">
        <v>67</v>
      </c>
      <c r="AC10086">
        <v>67</v>
      </c>
      <c r="AD10086">
        <v>68</v>
      </c>
      <c r="AE10086">
        <v>69</v>
      </c>
      <c r="AF10086">
        <v>69</v>
      </c>
      <c r="AG10086">
        <v>70</v>
      </c>
      <c r="AH10086">
        <v>70</v>
      </c>
      <c r="AI10086">
        <v>71</v>
      </c>
      <c r="AJ10086">
        <v>71</v>
      </c>
      <c r="AK10086">
        <v>72</v>
      </c>
      <c r="AL10086">
        <v>72</v>
      </c>
      <c r="AM10086">
        <v>72</v>
      </c>
      <c r="AN10086">
        <v>71</v>
      </c>
      <c r="AO10086">
        <v>71</v>
      </c>
      <c r="AP10086">
        <v>71</v>
      </c>
      <c r="AQ10086">
        <v>71</v>
      </c>
    </row>
    <row r="10087" spans="1:43">
      <c r="A10087" t="s">
        <v>6292</v>
      </c>
      <c r="B10087" t="s">
        <v>6293</v>
      </c>
      <c r="C10087" t="s">
        <v>6262</v>
      </c>
      <c r="D10087" t="s">
        <v>6263</v>
      </c>
      <c r="E10087" t="s">
        <v>6174</v>
      </c>
      <c r="F10087" t="s">
        <v>6175</v>
      </c>
      <c r="G10087" t="s">
        <v>80</v>
      </c>
      <c r="H10087" t="s">
        <v>81</v>
      </c>
      <c r="I10087" s="2">
        <v>0</v>
      </c>
      <c r="J10087" s="2">
        <v>1</v>
      </c>
      <c r="K10087" s="2">
        <v>0</v>
      </c>
      <c r="L10087" t="s">
        <v>82</v>
      </c>
      <c r="M10087" t="s">
        <v>87</v>
      </c>
      <c r="N10087" t="s">
        <v>88</v>
      </c>
      <c r="O10087" t="s">
        <v>85</v>
      </c>
      <c r="P10087" t="s">
        <v>86</v>
      </c>
      <c r="Q10087">
        <v>59</v>
      </c>
      <c r="R10087">
        <v>59</v>
      </c>
      <c r="S10087">
        <v>59</v>
      </c>
      <c r="T10087">
        <v>59</v>
      </c>
      <c r="U10087">
        <v>59</v>
      </c>
      <c r="V10087">
        <v>60</v>
      </c>
      <c r="W10087">
        <v>60</v>
      </c>
      <c r="X10087">
        <v>60</v>
      </c>
      <c r="Y10087">
        <v>60</v>
      </c>
      <c r="Z10087">
        <v>60</v>
      </c>
      <c r="AA10087">
        <v>60</v>
      </c>
      <c r="AB10087">
        <v>60</v>
      </c>
      <c r="AC10087">
        <v>60</v>
      </c>
      <c r="AD10087">
        <v>61</v>
      </c>
      <c r="AE10087">
        <v>61</v>
      </c>
      <c r="AF10087">
        <v>61</v>
      </c>
      <c r="AG10087">
        <v>61</v>
      </c>
      <c r="AH10087">
        <v>61</v>
      </c>
      <c r="AI10087">
        <v>61</v>
      </c>
      <c r="AJ10087">
        <v>61</v>
      </c>
      <c r="AK10087">
        <v>61</v>
      </c>
      <c r="AL10087">
        <v>61</v>
      </c>
      <c r="AM10087">
        <v>61</v>
      </c>
      <c r="AN10087">
        <v>61</v>
      </c>
      <c r="AO10087">
        <v>62</v>
      </c>
      <c r="AP10087">
        <v>62</v>
      </c>
      <c r="AQ10087">
        <v>62</v>
      </c>
    </row>
    <row r="10088" spans="1:43">
      <c r="A10088" t="s">
        <v>6292</v>
      </c>
      <c r="B10088" t="s">
        <v>6293</v>
      </c>
      <c r="C10088" t="s">
        <v>6262</v>
      </c>
      <c r="D10088" t="s">
        <v>6263</v>
      </c>
      <c r="E10088" t="s">
        <v>6174</v>
      </c>
      <c r="F10088" t="s">
        <v>6175</v>
      </c>
      <c r="G10088" t="s">
        <v>80</v>
      </c>
      <c r="H10088" t="s">
        <v>81</v>
      </c>
      <c r="I10088" s="2">
        <v>0</v>
      </c>
      <c r="J10088" s="2">
        <v>1</v>
      </c>
      <c r="K10088" s="2">
        <v>0</v>
      </c>
      <c r="L10088" t="s">
        <v>82</v>
      </c>
      <c r="M10088" t="s">
        <v>89</v>
      </c>
      <c r="N10088" t="s">
        <v>90</v>
      </c>
      <c r="O10088" t="s">
        <v>85</v>
      </c>
      <c r="P10088" t="s">
        <v>86</v>
      </c>
      <c r="Q10088">
        <v>59</v>
      </c>
      <c r="R10088">
        <v>60</v>
      </c>
      <c r="S10088">
        <v>61</v>
      </c>
      <c r="T10088">
        <v>63</v>
      </c>
      <c r="U10088">
        <v>64</v>
      </c>
      <c r="V10088">
        <v>65</v>
      </c>
      <c r="W10088">
        <v>66</v>
      </c>
      <c r="X10088">
        <v>67</v>
      </c>
      <c r="Y10088">
        <v>68</v>
      </c>
      <c r="Z10088">
        <v>69</v>
      </c>
      <c r="AA10088">
        <v>70</v>
      </c>
      <c r="AB10088">
        <v>70</v>
      </c>
      <c r="AC10088">
        <v>71</v>
      </c>
      <c r="AD10088">
        <v>72</v>
      </c>
      <c r="AE10088">
        <v>72</v>
      </c>
      <c r="AF10088">
        <v>72</v>
      </c>
      <c r="AG10088">
        <v>72</v>
      </c>
      <c r="AH10088">
        <v>72</v>
      </c>
      <c r="AI10088">
        <v>72</v>
      </c>
      <c r="AJ10088">
        <v>72</v>
      </c>
      <c r="AK10088">
        <v>71</v>
      </c>
      <c r="AL10088">
        <v>71</v>
      </c>
      <c r="AM10088">
        <v>71</v>
      </c>
      <c r="AN10088">
        <v>71</v>
      </c>
      <c r="AO10088">
        <v>71</v>
      </c>
      <c r="AP10088">
        <v>71</v>
      </c>
      <c r="AQ10088">
        <v>70</v>
      </c>
    </row>
    <row r="10089" spans="1:43">
      <c r="A10089" t="s">
        <v>6292</v>
      </c>
      <c r="B10089" t="s">
        <v>6293</v>
      </c>
      <c r="C10089" t="s">
        <v>6262</v>
      </c>
      <c r="D10089" t="s">
        <v>6263</v>
      </c>
      <c r="E10089" t="s">
        <v>6174</v>
      </c>
      <c r="F10089" t="s">
        <v>6175</v>
      </c>
      <c r="G10089" t="s">
        <v>80</v>
      </c>
      <c r="H10089" t="s">
        <v>81</v>
      </c>
      <c r="I10089" s="2">
        <v>0</v>
      </c>
      <c r="J10089" s="2">
        <v>1</v>
      </c>
      <c r="K10089" s="2">
        <v>0</v>
      </c>
      <c r="L10089" t="s">
        <v>82</v>
      </c>
      <c r="M10089" t="s">
        <v>83</v>
      </c>
      <c r="N10089" t="s">
        <v>91</v>
      </c>
      <c r="O10089" t="s">
        <v>85</v>
      </c>
      <c r="P10089" t="s">
        <v>86</v>
      </c>
      <c r="Q10089">
        <v>59</v>
      </c>
      <c r="R10089">
        <v>60</v>
      </c>
      <c r="S10089">
        <v>61</v>
      </c>
      <c r="T10089">
        <v>62</v>
      </c>
      <c r="U10089">
        <v>62</v>
      </c>
      <c r="V10089">
        <v>63</v>
      </c>
      <c r="W10089">
        <v>64</v>
      </c>
      <c r="X10089">
        <v>64</v>
      </c>
      <c r="Y10089">
        <v>65</v>
      </c>
      <c r="Z10089">
        <v>66</v>
      </c>
      <c r="AA10089">
        <v>66</v>
      </c>
      <c r="AB10089">
        <v>67</v>
      </c>
      <c r="AC10089">
        <v>67</v>
      </c>
      <c r="AD10089">
        <v>68</v>
      </c>
      <c r="AE10089">
        <v>69</v>
      </c>
      <c r="AF10089">
        <v>69</v>
      </c>
      <c r="AG10089">
        <v>70</v>
      </c>
      <c r="AH10089">
        <v>70</v>
      </c>
      <c r="AI10089">
        <v>71</v>
      </c>
      <c r="AJ10089">
        <v>71</v>
      </c>
      <c r="AK10089">
        <v>72</v>
      </c>
      <c r="AL10089">
        <v>72</v>
      </c>
      <c r="AM10089">
        <v>72</v>
      </c>
      <c r="AN10089">
        <v>71</v>
      </c>
      <c r="AO10089">
        <v>71</v>
      </c>
      <c r="AP10089">
        <v>71</v>
      </c>
      <c r="AQ10089">
        <v>71</v>
      </c>
    </row>
    <row r="10090" spans="1:43">
      <c r="A10090" t="s">
        <v>6294</v>
      </c>
      <c r="B10090" t="s">
        <v>6295</v>
      </c>
      <c r="C10090" t="s">
        <v>6262</v>
      </c>
      <c r="D10090" t="s">
        <v>6263</v>
      </c>
      <c r="E10090" t="s">
        <v>6174</v>
      </c>
      <c r="F10090" t="s">
        <v>6175</v>
      </c>
      <c r="G10090" t="s">
        <v>80</v>
      </c>
      <c r="H10090" t="s">
        <v>81</v>
      </c>
      <c r="I10090" s="2">
        <v>0</v>
      </c>
      <c r="J10090" s="2">
        <v>1</v>
      </c>
      <c r="K10090" s="2">
        <v>0</v>
      </c>
      <c r="L10090" t="s">
        <v>82</v>
      </c>
      <c r="M10090" t="s">
        <v>83</v>
      </c>
      <c r="N10090" t="s">
        <v>84</v>
      </c>
      <c r="O10090" t="s">
        <v>85</v>
      </c>
      <c r="P10090" t="s">
        <v>86</v>
      </c>
      <c r="Q10090">
        <v>44</v>
      </c>
      <c r="R10090">
        <v>44</v>
      </c>
      <c r="S10090">
        <v>45</v>
      </c>
      <c r="T10090">
        <v>45</v>
      </c>
      <c r="U10090">
        <v>46</v>
      </c>
      <c r="V10090">
        <v>46</v>
      </c>
      <c r="W10090">
        <v>47</v>
      </c>
      <c r="X10090">
        <v>47</v>
      </c>
      <c r="Y10090">
        <v>48</v>
      </c>
      <c r="Z10090">
        <v>48</v>
      </c>
      <c r="AA10090">
        <v>49</v>
      </c>
      <c r="AB10090">
        <v>49</v>
      </c>
      <c r="AC10090">
        <v>49</v>
      </c>
      <c r="AD10090">
        <v>50</v>
      </c>
      <c r="AE10090">
        <v>50</v>
      </c>
      <c r="AF10090">
        <v>51</v>
      </c>
      <c r="AG10090">
        <v>51</v>
      </c>
      <c r="AH10090">
        <v>51</v>
      </c>
      <c r="AI10090">
        <v>52</v>
      </c>
      <c r="AJ10090">
        <v>52</v>
      </c>
      <c r="AK10090">
        <v>53</v>
      </c>
      <c r="AL10090">
        <v>53</v>
      </c>
      <c r="AM10090">
        <v>53</v>
      </c>
      <c r="AN10090">
        <v>52</v>
      </c>
      <c r="AO10090">
        <v>52</v>
      </c>
      <c r="AP10090">
        <v>52</v>
      </c>
      <c r="AQ10090">
        <v>52</v>
      </c>
    </row>
    <row r="10091" spans="1:43">
      <c r="A10091" t="s">
        <v>6294</v>
      </c>
      <c r="B10091" t="s">
        <v>6295</v>
      </c>
      <c r="C10091" t="s">
        <v>6262</v>
      </c>
      <c r="D10091" t="s">
        <v>6263</v>
      </c>
      <c r="E10091" t="s">
        <v>6174</v>
      </c>
      <c r="F10091" t="s">
        <v>6175</v>
      </c>
      <c r="G10091" t="s">
        <v>80</v>
      </c>
      <c r="H10091" t="s">
        <v>81</v>
      </c>
      <c r="I10091" s="2">
        <v>0</v>
      </c>
      <c r="J10091" s="2">
        <v>1</v>
      </c>
      <c r="K10091" s="2">
        <v>0</v>
      </c>
      <c r="L10091" t="s">
        <v>82</v>
      </c>
      <c r="M10091" t="s">
        <v>87</v>
      </c>
      <c r="N10091" t="s">
        <v>88</v>
      </c>
      <c r="O10091" t="s">
        <v>85</v>
      </c>
      <c r="P10091" t="s">
        <v>86</v>
      </c>
      <c r="Q10091">
        <v>44</v>
      </c>
      <c r="R10091">
        <v>44</v>
      </c>
      <c r="S10091">
        <v>44</v>
      </c>
      <c r="T10091">
        <v>44</v>
      </c>
      <c r="U10091">
        <v>45</v>
      </c>
      <c r="V10091">
        <v>45</v>
      </c>
      <c r="W10091">
        <v>45</v>
      </c>
      <c r="X10091">
        <v>45</v>
      </c>
      <c r="Y10091">
        <v>45</v>
      </c>
      <c r="Z10091">
        <v>45</v>
      </c>
      <c r="AA10091">
        <v>45</v>
      </c>
      <c r="AB10091">
        <v>45</v>
      </c>
      <c r="AC10091">
        <v>45</v>
      </c>
      <c r="AD10091">
        <v>45</v>
      </c>
      <c r="AE10091">
        <v>45</v>
      </c>
      <c r="AF10091">
        <v>46</v>
      </c>
      <c r="AG10091">
        <v>46</v>
      </c>
      <c r="AH10091">
        <v>46</v>
      </c>
      <c r="AI10091">
        <v>46</v>
      </c>
      <c r="AJ10091">
        <v>46</v>
      </c>
      <c r="AK10091">
        <v>46</v>
      </c>
      <c r="AL10091">
        <v>46</v>
      </c>
      <c r="AM10091">
        <v>46</v>
      </c>
      <c r="AN10091">
        <v>46</v>
      </c>
      <c r="AO10091">
        <v>46</v>
      </c>
      <c r="AP10091">
        <v>46</v>
      </c>
      <c r="AQ10091">
        <v>46</v>
      </c>
    </row>
    <row r="10092" spans="1:43">
      <c r="A10092" t="s">
        <v>6294</v>
      </c>
      <c r="B10092" t="s">
        <v>6295</v>
      </c>
      <c r="C10092" t="s">
        <v>6262</v>
      </c>
      <c r="D10092" t="s">
        <v>6263</v>
      </c>
      <c r="E10092" t="s">
        <v>6174</v>
      </c>
      <c r="F10092" t="s">
        <v>6175</v>
      </c>
      <c r="G10092" t="s">
        <v>80</v>
      </c>
      <c r="H10092" t="s">
        <v>81</v>
      </c>
      <c r="I10092" s="2">
        <v>0</v>
      </c>
      <c r="J10092" s="2">
        <v>1</v>
      </c>
      <c r="K10092" s="2">
        <v>0</v>
      </c>
      <c r="L10092" t="s">
        <v>82</v>
      </c>
      <c r="M10092" t="s">
        <v>89</v>
      </c>
      <c r="N10092" t="s">
        <v>90</v>
      </c>
      <c r="O10092" t="s">
        <v>85</v>
      </c>
      <c r="P10092" t="s">
        <v>86</v>
      </c>
      <c r="Q10092">
        <v>44</v>
      </c>
      <c r="R10092">
        <v>45</v>
      </c>
      <c r="S10092">
        <v>46</v>
      </c>
      <c r="T10092">
        <v>47</v>
      </c>
      <c r="U10092">
        <v>47</v>
      </c>
      <c r="V10092">
        <v>48</v>
      </c>
      <c r="W10092">
        <v>49</v>
      </c>
      <c r="X10092">
        <v>50</v>
      </c>
      <c r="Y10092">
        <v>50</v>
      </c>
      <c r="Z10092">
        <v>51</v>
      </c>
      <c r="AA10092">
        <v>52</v>
      </c>
      <c r="AB10092">
        <v>52</v>
      </c>
      <c r="AC10092">
        <v>53</v>
      </c>
      <c r="AD10092">
        <v>54</v>
      </c>
      <c r="AE10092">
        <v>54</v>
      </c>
      <c r="AF10092">
        <v>54</v>
      </c>
      <c r="AG10092">
        <v>54</v>
      </c>
      <c r="AH10092">
        <v>54</v>
      </c>
      <c r="AI10092">
        <v>53</v>
      </c>
      <c r="AJ10092">
        <v>53</v>
      </c>
      <c r="AK10092">
        <v>53</v>
      </c>
      <c r="AL10092">
        <v>53</v>
      </c>
      <c r="AM10092">
        <v>53</v>
      </c>
      <c r="AN10092">
        <v>53</v>
      </c>
      <c r="AO10092">
        <v>53</v>
      </c>
      <c r="AP10092">
        <v>53</v>
      </c>
      <c r="AQ10092">
        <v>52</v>
      </c>
    </row>
    <row r="10093" spans="1:43">
      <c r="A10093" t="s">
        <v>6294</v>
      </c>
      <c r="B10093" t="s">
        <v>6295</v>
      </c>
      <c r="C10093" t="s">
        <v>6262</v>
      </c>
      <c r="D10093" t="s">
        <v>6263</v>
      </c>
      <c r="E10093" t="s">
        <v>6174</v>
      </c>
      <c r="F10093" t="s">
        <v>6175</v>
      </c>
      <c r="G10093" t="s">
        <v>80</v>
      </c>
      <c r="H10093" t="s">
        <v>81</v>
      </c>
      <c r="I10093" s="2">
        <v>0</v>
      </c>
      <c r="J10093" s="2">
        <v>1</v>
      </c>
      <c r="K10093" s="2">
        <v>0</v>
      </c>
      <c r="L10093" t="s">
        <v>82</v>
      </c>
      <c r="M10093" t="s">
        <v>83</v>
      </c>
      <c r="N10093" t="s">
        <v>91</v>
      </c>
      <c r="O10093" t="s">
        <v>85</v>
      </c>
      <c r="P10093" t="s">
        <v>86</v>
      </c>
      <c r="Q10093">
        <v>44</v>
      </c>
      <c r="R10093">
        <v>44</v>
      </c>
      <c r="S10093">
        <v>45</v>
      </c>
      <c r="T10093">
        <v>45</v>
      </c>
      <c r="U10093">
        <v>46</v>
      </c>
      <c r="V10093">
        <v>46</v>
      </c>
      <c r="W10093">
        <v>47</v>
      </c>
      <c r="X10093">
        <v>47</v>
      </c>
      <c r="Y10093">
        <v>48</v>
      </c>
      <c r="Z10093">
        <v>48</v>
      </c>
      <c r="AA10093">
        <v>49</v>
      </c>
      <c r="AB10093">
        <v>49</v>
      </c>
      <c r="AC10093">
        <v>49</v>
      </c>
      <c r="AD10093">
        <v>50</v>
      </c>
      <c r="AE10093">
        <v>50</v>
      </c>
      <c r="AF10093">
        <v>51</v>
      </c>
      <c r="AG10093">
        <v>51</v>
      </c>
      <c r="AH10093">
        <v>51</v>
      </c>
      <c r="AI10093">
        <v>52</v>
      </c>
      <c r="AJ10093">
        <v>52</v>
      </c>
      <c r="AK10093">
        <v>53</v>
      </c>
      <c r="AL10093">
        <v>53</v>
      </c>
      <c r="AM10093">
        <v>53</v>
      </c>
      <c r="AN10093">
        <v>52</v>
      </c>
      <c r="AO10093">
        <v>52</v>
      </c>
      <c r="AP10093">
        <v>52</v>
      </c>
      <c r="AQ10093">
        <v>52</v>
      </c>
    </row>
    <row r="10094" spans="1:43">
      <c r="A10094" t="s">
        <v>6296</v>
      </c>
      <c r="B10094" t="s">
        <v>6297</v>
      </c>
      <c r="C10094" t="s">
        <v>6262</v>
      </c>
      <c r="D10094" t="s">
        <v>6263</v>
      </c>
      <c r="E10094" t="s">
        <v>6174</v>
      </c>
      <c r="F10094" t="s">
        <v>6175</v>
      </c>
      <c r="G10094" t="s">
        <v>80</v>
      </c>
      <c r="H10094" t="s">
        <v>81</v>
      </c>
      <c r="I10094" s="2">
        <v>0</v>
      </c>
      <c r="J10094" s="2">
        <v>1</v>
      </c>
      <c r="K10094" s="2">
        <v>0</v>
      </c>
      <c r="L10094" t="s">
        <v>82</v>
      </c>
      <c r="M10094" t="s">
        <v>83</v>
      </c>
      <c r="N10094" t="s">
        <v>84</v>
      </c>
      <c r="O10094" t="s">
        <v>85</v>
      </c>
      <c r="P10094" t="s">
        <v>86</v>
      </c>
      <c r="Q10094">
        <v>122</v>
      </c>
      <c r="R10094">
        <v>124</v>
      </c>
      <c r="S10094">
        <v>125</v>
      </c>
      <c r="T10094">
        <v>127</v>
      </c>
      <c r="U10094">
        <v>128</v>
      </c>
      <c r="V10094">
        <v>130</v>
      </c>
      <c r="W10094">
        <v>131</v>
      </c>
      <c r="X10094">
        <v>133</v>
      </c>
      <c r="Y10094">
        <v>134</v>
      </c>
      <c r="Z10094">
        <v>135</v>
      </c>
      <c r="AA10094">
        <v>137</v>
      </c>
      <c r="AB10094">
        <v>138</v>
      </c>
      <c r="AC10094">
        <v>139</v>
      </c>
      <c r="AD10094">
        <v>141</v>
      </c>
      <c r="AE10094">
        <v>142</v>
      </c>
      <c r="AF10094">
        <v>143</v>
      </c>
      <c r="AG10094">
        <v>144</v>
      </c>
      <c r="AH10094">
        <v>145</v>
      </c>
      <c r="AI10094">
        <v>146</v>
      </c>
      <c r="AJ10094">
        <v>148</v>
      </c>
      <c r="AK10094">
        <v>149</v>
      </c>
      <c r="AL10094">
        <v>149</v>
      </c>
      <c r="AM10094">
        <v>149</v>
      </c>
      <c r="AN10094">
        <v>148</v>
      </c>
      <c r="AO10094">
        <v>148</v>
      </c>
      <c r="AP10094">
        <v>148</v>
      </c>
      <c r="AQ10094">
        <v>148</v>
      </c>
    </row>
    <row r="10095" spans="1:43">
      <c r="A10095" t="s">
        <v>6296</v>
      </c>
      <c r="B10095" t="s">
        <v>6297</v>
      </c>
      <c r="C10095" t="s">
        <v>6262</v>
      </c>
      <c r="D10095" t="s">
        <v>6263</v>
      </c>
      <c r="E10095" t="s">
        <v>6174</v>
      </c>
      <c r="F10095" t="s">
        <v>6175</v>
      </c>
      <c r="G10095" t="s">
        <v>80</v>
      </c>
      <c r="H10095" t="s">
        <v>81</v>
      </c>
      <c r="I10095" s="2">
        <v>0</v>
      </c>
      <c r="J10095" s="2">
        <v>1</v>
      </c>
      <c r="K10095" s="2">
        <v>0</v>
      </c>
      <c r="L10095" t="s">
        <v>82</v>
      </c>
      <c r="M10095" t="s">
        <v>87</v>
      </c>
      <c r="N10095" t="s">
        <v>88</v>
      </c>
      <c r="O10095" t="s">
        <v>85</v>
      </c>
      <c r="P10095" t="s">
        <v>86</v>
      </c>
      <c r="Q10095">
        <v>122</v>
      </c>
      <c r="R10095">
        <v>122</v>
      </c>
      <c r="S10095">
        <v>123</v>
      </c>
      <c r="T10095">
        <v>123</v>
      </c>
      <c r="U10095">
        <v>124</v>
      </c>
      <c r="V10095">
        <v>124</v>
      </c>
      <c r="W10095">
        <v>124</v>
      </c>
      <c r="X10095">
        <v>125</v>
      </c>
      <c r="Y10095">
        <v>125</v>
      </c>
      <c r="Z10095">
        <v>125</v>
      </c>
      <c r="AA10095">
        <v>125</v>
      </c>
      <c r="AB10095">
        <v>126</v>
      </c>
      <c r="AC10095">
        <v>126</v>
      </c>
      <c r="AD10095">
        <v>126</v>
      </c>
      <c r="AE10095">
        <v>127</v>
      </c>
      <c r="AF10095">
        <v>127</v>
      </c>
      <c r="AG10095">
        <v>127</v>
      </c>
      <c r="AH10095">
        <v>127</v>
      </c>
      <c r="AI10095">
        <v>128</v>
      </c>
      <c r="AJ10095">
        <v>128</v>
      </c>
      <c r="AK10095">
        <v>128</v>
      </c>
      <c r="AL10095">
        <v>128</v>
      </c>
      <c r="AM10095">
        <v>129</v>
      </c>
      <c r="AN10095">
        <v>129</v>
      </c>
      <c r="AO10095">
        <v>129</v>
      </c>
      <c r="AP10095">
        <v>129</v>
      </c>
      <c r="AQ10095">
        <v>130</v>
      </c>
    </row>
    <row r="10096" spans="1:43">
      <c r="A10096" t="s">
        <v>6296</v>
      </c>
      <c r="B10096" t="s">
        <v>6297</v>
      </c>
      <c r="C10096" t="s">
        <v>6262</v>
      </c>
      <c r="D10096" t="s">
        <v>6263</v>
      </c>
      <c r="E10096" t="s">
        <v>6174</v>
      </c>
      <c r="F10096" t="s">
        <v>6175</v>
      </c>
      <c r="G10096" t="s">
        <v>80</v>
      </c>
      <c r="H10096" t="s">
        <v>81</v>
      </c>
      <c r="I10096" s="2">
        <v>0</v>
      </c>
      <c r="J10096" s="2">
        <v>1</v>
      </c>
      <c r="K10096" s="2">
        <v>0</v>
      </c>
      <c r="L10096" t="s">
        <v>82</v>
      </c>
      <c r="M10096" t="s">
        <v>89</v>
      </c>
      <c r="N10096" t="s">
        <v>90</v>
      </c>
      <c r="O10096" t="s">
        <v>85</v>
      </c>
      <c r="P10096" t="s">
        <v>86</v>
      </c>
      <c r="Q10096">
        <v>122</v>
      </c>
      <c r="R10096">
        <v>125</v>
      </c>
      <c r="S10096">
        <v>127</v>
      </c>
      <c r="T10096">
        <v>130</v>
      </c>
      <c r="U10096">
        <v>132</v>
      </c>
      <c r="V10096">
        <v>135</v>
      </c>
      <c r="W10096">
        <v>137</v>
      </c>
      <c r="X10096">
        <v>139</v>
      </c>
      <c r="Y10096">
        <v>141</v>
      </c>
      <c r="Z10096">
        <v>143</v>
      </c>
      <c r="AA10096">
        <v>144</v>
      </c>
      <c r="AB10096">
        <v>146</v>
      </c>
      <c r="AC10096">
        <v>148</v>
      </c>
      <c r="AD10096">
        <v>150</v>
      </c>
      <c r="AE10096">
        <v>151</v>
      </c>
      <c r="AF10096">
        <v>151</v>
      </c>
      <c r="AG10096">
        <v>150</v>
      </c>
      <c r="AH10096">
        <v>150</v>
      </c>
      <c r="AI10096">
        <v>150</v>
      </c>
      <c r="AJ10096">
        <v>150</v>
      </c>
      <c r="AK10096">
        <v>149</v>
      </c>
      <c r="AL10096">
        <v>149</v>
      </c>
      <c r="AM10096">
        <v>149</v>
      </c>
      <c r="AN10096">
        <v>149</v>
      </c>
      <c r="AO10096">
        <v>148</v>
      </c>
      <c r="AP10096">
        <v>148</v>
      </c>
      <c r="AQ10096">
        <v>148</v>
      </c>
    </row>
    <row r="10097" spans="1:43">
      <c r="A10097" t="s">
        <v>6296</v>
      </c>
      <c r="B10097" t="s">
        <v>6297</v>
      </c>
      <c r="C10097" t="s">
        <v>6262</v>
      </c>
      <c r="D10097" t="s">
        <v>6263</v>
      </c>
      <c r="E10097" t="s">
        <v>6174</v>
      </c>
      <c r="F10097" t="s">
        <v>6175</v>
      </c>
      <c r="G10097" t="s">
        <v>80</v>
      </c>
      <c r="H10097" t="s">
        <v>81</v>
      </c>
      <c r="I10097" s="2">
        <v>0</v>
      </c>
      <c r="J10097" s="2">
        <v>1</v>
      </c>
      <c r="K10097" s="2">
        <v>0</v>
      </c>
      <c r="L10097" t="s">
        <v>82</v>
      </c>
      <c r="M10097" t="s">
        <v>83</v>
      </c>
      <c r="N10097" t="s">
        <v>91</v>
      </c>
      <c r="O10097" t="s">
        <v>85</v>
      </c>
      <c r="P10097" t="s">
        <v>86</v>
      </c>
      <c r="Q10097">
        <v>122</v>
      </c>
      <c r="R10097">
        <v>124</v>
      </c>
      <c r="S10097">
        <v>125</v>
      </c>
      <c r="T10097">
        <v>127</v>
      </c>
      <c r="U10097">
        <v>128</v>
      </c>
      <c r="V10097">
        <v>130</v>
      </c>
      <c r="W10097">
        <v>131</v>
      </c>
      <c r="X10097">
        <v>133</v>
      </c>
      <c r="Y10097">
        <v>134</v>
      </c>
      <c r="Z10097">
        <v>135</v>
      </c>
      <c r="AA10097">
        <v>137</v>
      </c>
      <c r="AB10097">
        <v>138</v>
      </c>
      <c r="AC10097">
        <v>139</v>
      </c>
      <c r="AD10097">
        <v>141</v>
      </c>
      <c r="AE10097">
        <v>142</v>
      </c>
      <c r="AF10097">
        <v>143</v>
      </c>
      <c r="AG10097">
        <v>144</v>
      </c>
      <c r="AH10097">
        <v>145</v>
      </c>
      <c r="AI10097">
        <v>146</v>
      </c>
      <c r="AJ10097">
        <v>148</v>
      </c>
      <c r="AK10097">
        <v>149</v>
      </c>
      <c r="AL10097">
        <v>149</v>
      </c>
      <c r="AM10097">
        <v>149</v>
      </c>
      <c r="AN10097">
        <v>148</v>
      </c>
      <c r="AO10097">
        <v>148</v>
      </c>
      <c r="AP10097">
        <v>148</v>
      </c>
      <c r="AQ10097">
        <v>148</v>
      </c>
    </row>
    <row r="10098" spans="1:43">
      <c r="A10098" t="s">
        <v>6298</v>
      </c>
      <c r="B10098" t="s">
        <v>6299</v>
      </c>
      <c r="C10098" t="s">
        <v>6300</v>
      </c>
      <c r="D10098" t="s">
        <v>6301</v>
      </c>
      <c r="E10098" t="s">
        <v>6174</v>
      </c>
      <c r="F10098" t="s">
        <v>6175</v>
      </c>
      <c r="G10098" t="s">
        <v>80</v>
      </c>
      <c r="H10098" t="s">
        <v>81</v>
      </c>
      <c r="I10098" s="2">
        <v>0</v>
      </c>
      <c r="J10098" s="2">
        <v>1</v>
      </c>
      <c r="K10098" s="2">
        <v>0</v>
      </c>
      <c r="L10098" t="s">
        <v>82</v>
      </c>
      <c r="M10098" t="s">
        <v>83</v>
      </c>
      <c r="N10098" t="s">
        <v>84</v>
      </c>
      <c r="O10098" t="s">
        <v>85</v>
      </c>
      <c r="P10098" t="s">
        <v>86</v>
      </c>
      <c r="Q10098">
        <v>62</v>
      </c>
      <c r="R10098">
        <v>63</v>
      </c>
      <c r="S10098">
        <v>64</v>
      </c>
      <c r="T10098">
        <v>64</v>
      </c>
      <c r="U10098">
        <v>65</v>
      </c>
      <c r="V10098">
        <v>66</v>
      </c>
      <c r="W10098">
        <v>67</v>
      </c>
      <c r="X10098">
        <v>67</v>
      </c>
      <c r="Y10098">
        <v>68</v>
      </c>
      <c r="Z10098">
        <v>69</v>
      </c>
      <c r="AA10098">
        <v>69</v>
      </c>
      <c r="AB10098">
        <v>70</v>
      </c>
      <c r="AC10098">
        <v>71</v>
      </c>
      <c r="AD10098">
        <v>71</v>
      </c>
      <c r="AE10098">
        <v>72</v>
      </c>
      <c r="AF10098">
        <v>73</v>
      </c>
      <c r="AG10098">
        <v>73</v>
      </c>
      <c r="AH10098">
        <v>74</v>
      </c>
      <c r="AI10098">
        <v>74</v>
      </c>
      <c r="AJ10098">
        <v>75</v>
      </c>
      <c r="AK10098">
        <v>75</v>
      </c>
      <c r="AL10098">
        <v>75</v>
      </c>
      <c r="AM10098">
        <v>75</v>
      </c>
      <c r="AN10098">
        <v>75</v>
      </c>
      <c r="AO10098">
        <v>75</v>
      </c>
      <c r="AP10098">
        <v>75</v>
      </c>
      <c r="AQ10098">
        <v>75</v>
      </c>
    </row>
    <row r="10099" spans="1:43">
      <c r="A10099" t="s">
        <v>6298</v>
      </c>
      <c r="B10099" t="s">
        <v>6299</v>
      </c>
      <c r="C10099" t="s">
        <v>6300</v>
      </c>
      <c r="D10099" t="s">
        <v>6301</v>
      </c>
      <c r="E10099" t="s">
        <v>6174</v>
      </c>
      <c r="F10099" t="s">
        <v>6175</v>
      </c>
      <c r="G10099" t="s">
        <v>80</v>
      </c>
      <c r="H10099" t="s">
        <v>81</v>
      </c>
      <c r="I10099" s="2">
        <v>0</v>
      </c>
      <c r="J10099" s="2">
        <v>1</v>
      </c>
      <c r="K10099" s="2">
        <v>0</v>
      </c>
      <c r="L10099" t="s">
        <v>82</v>
      </c>
      <c r="M10099" t="s">
        <v>87</v>
      </c>
      <c r="N10099" t="s">
        <v>88</v>
      </c>
      <c r="O10099" t="s">
        <v>85</v>
      </c>
      <c r="P10099" t="s">
        <v>86</v>
      </c>
      <c r="Q10099">
        <v>62</v>
      </c>
      <c r="R10099">
        <v>62</v>
      </c>
      <c r="S10099">
        <v>62</v>
      </c>
      <c r="T10099">
        <v>62</v>
      </c>
      <c r="U10099">
        <v>62</v>
      </c>
      <c r="V10099">
        <v>62</v>
      </c>
      <c r="W10099">
        <v>63</v>
      </c>
      <c r="X10099">
        <v>63</v>
      </c>
      <c r="Y10099">
        <v>63</v>
      </c>
      <c r="Z10099">
        <v>63</v>
      </c>
      <c r="AA10099">
        <v>63</v>
      </c>
      <c r="AB10099">
        <v>63</v>
      </c>
      <c r="AC10099">
        <v>63</v>
      </c>
      <c r="AD10099">
        <v>64</v>
      </c>
      <c r="AE10099">
        <v>64</v>
      </c>
      <c r="AF10099">
        <v>64</v>
      </c>
      <c r="AG10099">
        <v>64</v>
      </c>
      <c r="AH10099">
        <v>64</v>
      </c>
      <c r="AI10099">
        <v>64</v>
      </c>
      <c r="AJ10099">
        <v>64</v>
      </c>
      <c r="AK10099">
        <v>64</v>
      </c>
      <c r="AL10099">
        <v>65</v>
      </c>
      <c r="AM10099">
        <v>65</v>
      </c>
      <c r="AN10099">
        <v>65</v>
      </c>
      <c r="AO10099">
        <v>65</v>
      </c>
      <c r="AP10099">
        <v>65</v>
      </c>
      <c r="AQ10099">
        <v>65</v>
      </c>
    </row>
    <row r="10100" spans="1:43">
      <c r="A10100" t="s">
        <v>6298</v>
      </c>
      <c r="B10100" t="s">
        <v>6299</v>
      </c>
      <c r="C10100" t="s">
        <v>6300</v>
      </c>
      <c r="D10100" t="s">
        <v>6301</v>
      </c>
      <c r="E10100" t="s">
        <v>6174</v>
      </c>
      <c r="F10100" t="s">
        <v>6175</v>
      </c>
      <c r="G10100" t="s">
        <v>80</v>
      </c>
      <c r="H10100" t="s">
        <v>81</v>
      </c>
      <c r="I10100" s="2">
        <v>0</v>
      </c>
      <c r="J10100" s="2">
        <v>1</v>
      </c>
      <c r="K10100" s="2">
        <v>0</v>
      </c>
      <c r="L10100" t="s">
        <v>82</v>
      </c>
      <c r="M10100" t="s">
        <v>89</v>
      </c>
      <c r="N10100" t="s">
        <v>90</v>
      </c>
      <c r="O10100" t="s">
        <v>85</v>
      </c>
      <c r="P10100" t="s">
        <v>86</v>
      </c>
      <c r="Q10100">
        <v>62</v>
      </c>
      <c r="R10100">
        <v>63</v>
      </c>
      <c r="S10100">
        <v>64</v>
      </c>
      <c r="T10100">
        <v>65</v>
      </c>
      <c r="U10100">
        <v>67</v>
      </c>
      <c r="V10100">
        <v>68</v>
      </c>
      <c r="W10100">
        <v>69</v>
      </c>
      <c r="X10100">
        <v>70</v>
      </c>
      <c r="Y10100">
        <v>71</v>
      </c>
      <c r="Z10100">
        <v>72</v>
      </c>
      <c r="AA10100">
        <v>73</v>
      </c>
      <c r="AB10100">
        <v>74</v>
      </c>
      <c r="AC10100">
        <v>75</v>
      </c>
      <c r="AD10100">
        <v>76</v>
      </c>
      <c r="AE10100">
        <v>76</v>
      </c>
      <c r="AF10100">
        <v>76</v>
      </c>
      <c r="AG10100">
        <v>76</v>
      </c>
      <c r="AH10100">
        <v>76</v>
      </c>
      <c r="AI10100">
        <v>76</v>
      </c>
      <c r="AJ10100">
        <v>75</v>
      </c>
      <c r="AK10100">
        <v>75</v>
      </c>
      <c r="AL10100">
        <v>75</v>
      </c>
      <c r="AM10100">
        <v>75</v>
      </c>
      <c r="AN10100">
        <v>75</v>
      </c>
      <c r="AO10100">
        <v>75</v>
      </c>
      <c r="AP10100">
        <v>74</v>
      </c>
      <c r="AQ10100">
        <v>74</v>
      </c>
    </row>
    <row r="10101" spans="1:43">
      <c r="A10101" t="s">
        <v>6298</v>
      </c>
      <c r="B10101" t="s">
        <v>6299</v>
      </c>
      <c r="C10101" t="s">
        <v>6300</v>
      </c>
      <c r="D10101" t="s">
        <v>6301</v>
      </c>
      <c r="E10101" t="s">
        <v>6174</v>
      </c>
      <c r="F10101" t="s">
        <v>6175</v>
      </c>
      <c r="G10101" t="s">
        <v>80</v>
      </c>
      <c r="H10101" t="s">
        <v>81</v>
      </c>
      <c r="I10101" s="2">
        <v>0</v>
      </c>
      <c r="J10101" s="2">
        <v>1</v>
      </c>
      <c r="K10101" s="2">
        <v>0</v>
      </c>
      <c r="L10101" t="s">
        <v>82</v>
      </c>
      <c r="M10101" t="s">
        <v>83</v>
      </c>
      <c r="N10101" t="s">
        <v>91</v>
      </c>
      <c r="O10101" t="s">
        <v>85</v>
      </c>
      <c r="P10101" t="s">
        <v>86</v>
      </c>
      <c r="Q10101">
        <v>62</v>
      </c>
      <c r="R10101">
        <v>63</v>
      </c>
      <c r="S10101">
        <v>64</v>
      </c>
      <c r="T10101">
        <v>64</v>
      </c>
      <c r="U10101">
        <v>65</v>
      </c>
      <c r="V10101">
        <v>66</v>
      </c>
      <c r="W10101">
        <v>67</v>
      </c>
      <c r="X10101">
        <v>67</v>
      </c>
      <c r="Y10101">
        <v>68</v>
      </c>
      <c r="Z10101">
        <v>69</v>
      </c>
      <c r="AA10101">
        <v>69</v>
      </c>
      <c r="AB10101">
        <v>70</v>
      </c>
      <c r="AC10101">
        <v>71</v>
      </c>
      <c r="AD10101">
        <v>71</v>
      </c>
      <c r="AE10101">
        <v>72</v>
      </c>
      <c r="AF10101">
        <v>73</v>
      </c>
      <c r="AG10101">
        <v>73</v>
      </c>
      <c r="AH10101">
        <v>74</v>
      </c>
      <c r="AI10101">
        <v>74</v>
      </c>
      <c r="AJ10101">
        <v>75</v>
      </c>
      <c r="AK10101">
        <v>75</v>
      </c>
      <c r="AL10101">
        <v>75</v>
      </c>
      <c r="AM10101">
        <v>75</v>
      </c>
      <c r="AN10101">
        <v>75</v>
      </c>
      <c r="AO10101">
        <v>75</v>
      </c>
      <c r="AP10101">
        <v>75</v>
      </c>
      <c r="AQ10101">
        <v>75</v>
      </c>
    </row>
    <row r="10102" spans="1:43">
      <c r="A10102" t="s">
        <v>6302</v>
      </c>
      <c r="B10102" t="s">
        <v>6303</v>
      </c>
      <c r="C10102" t="s">
        <v>6300</v>
      </c>
      <c r="D10102" t="s">
        <v>6301</v>
      </c>
      <c r="E10102" t="s">
        <v>6174</v>
      </c>
      <c r="F10102" t="s">
        <v>6175</v>
      </c>
      <c r="G10102" t="s">
        <v>80</v>
      </c>
      <c r="H10102" t="s">
        <v>81</v>
      </c>
      <c r="I10102" s="2">
        <v>0</v>
      </c>
      <c r="J10102" s="2">
        <v>1</v>
      </c>
      <c r="K10102" s="2">
        <v>0</v>
      </c>
      <c r="L10102" t="s">
        <v>82</v>
      </c>
      <c r="M10102" t="s">
        <v>83</v>
      </c>
      <c r="N10102" t="s">
        <v>84</v>
      </c>
      <c r="O10102" t="s">
        <v>85</v>
      </c>
      <c r="P10102" t="s">
        <v>86</v>
      </c>
      <c r="Q10102">
        <v>19</v>
      </c>
      <c r="R10102">
        <v>19</v>
      </c>
      <c r="S10102">
        <v>19</v>
      </c>
      <c r="T10102">
        <v>20</v>
      </c>
      <c r="U10102">
        <v>20</v>
      </c>
      <c r="V10102">
        <v>20</v>
      </c>
      <c r="W10102">
        <v>20</v>
      </c>
      <c r="X10102">
        <v>20</v>
      </c>
      <c r="Y10102">
        <v>21</v>
      </c>
      <c r="Z10102">
        <v>21</v>
      </c>
      <c r="AA10102">
        <v>21</v>
      </c>
      <c r="AB10102">
        <v>21</v>
      </c>
      <c r="AC10102">
        <v>21</v>
      </c>
      <c r="AD10102">
        <v>21</v>
      </c>
      <c r="AE10102">
        <v>22</v>
      </c>
      <c r="AF10102">
        <v>22</v>
      </c>
      <c r="AG10102">
        <v>22</v>
      </c>
      <c r="AH10102">
        <v>22</v>
      </c>
      <c r="AI10102">
        <v>22</v>
      </c>
      <c r="AJ10102">
        <v>22</v>
      </c>
      <c r="AK10102">
        <v>23</v>
      </c>
      <c r="AL10102">
        <v>23</v>
      </c>
      <c r="AM10102">
        <v>22</v>
      </c>
      <c r="AN10102">
        <v>22</v>
      </c>
      <c r="AO10102">
        <v>22</v>
      </c>
      <c r="AP10102">
        <v>22</v>
      </c>
      <c r="AQ10102">
        <v>22</v>
      </c>
    </row>
    <row r="10103" spans="1:43">
      <c r="A10103" t="s">
        <v>6302</v>
      </c>
      <c r="B10103" t="s">
        <v>6303</v>
      </c>
      <c r="C10103" t="s">
        <v>6300</v>
      </c>
      <c r="D10103" t="s">
        <v>6301</v>
      </c>
      <c r="E10103" t="s">
        <v>6174</v>
      </c>
      <c r="F10103" t="s">
        <v>6175</v>
      </c>
      <c r="G10103" t="s">
        <v>80</v>
      </c>
      <c r="H10103" t="s">
        <v>81</v>
      </c>
      <c r="I10103" s="2">
        <v>0</v>
      </c>
      <c r="J10103" s="2">
        <v>1</v>
      </c>
      <c r="K10103" s="2">
        <v>0</v>
      </c>
      <c r="L10103" t="s">
        <v>82</v>
      </c>
      <c r="M10103" t="s">
        <v>87</v>
      </c>
      <c r="N10103" t="s">
        <v>88</v>
      </c>
      <c r="O10103" t="s">
        <v>85</v>
      </c>
      <c r="P10103" t="s">
        <v>86</v>
      </c>
      <c r="Q10103">
        <v>19</v>
      </c>
      <c r="R10103">
        <v>19</v>
      </c>
      <c r="S10103">
        <v>19</v>
      </c>
      <c r="T10103">
        <v>19</v>
      </c>
      <c r="U10103">
        <v>19</v>
      </c>
      <c r="V10103">
        <v>19</v>
      </c>
      <c r="W10103">
        <v>19</v>
      </c>
      <c r="X10103">
        <v>19</v>
      </c>
      <c r="Y10103">
        <v>19</v>
      </c>
      <c r="Z10103">
        <v>19</v>
      </c>
      <c r="AA10103">
        <v>19</v>
      </c>
      <c r="AB10103">
        <v>19</v>
      </c>
      <c r="AC10103">
        <v>19</v>
      </c>
      <c r="AD10103">
        <v>19</v>
      </c>
      <c r="AE10103">
        <v>19</v>
      </c>
      <c r="AF10103">
        <v>19</v>
      </c>
      <c r="AG10103">
        <v>19</v>
      </c>
      <c r="AH10103">
        <v>19</v>
      </c>
      <c r="AI10103">
        <v>19</v>
      </c>
      <c r="AJ10103">
        <v>19</v>
      </c>
      <c r="AK10103">
        <v>19</v>
      </c>
      <c r="AL10103">
        <v>19</v>
      </c>
      <c r="AM10103">
        <v>19</v>
      </c>
      <c r="AN10103">
        <v>19</v>
      </c>
      <c r="AO10103">
        <v>19</v>
      </c>
      <c r="AP10103">
        <v>19</v>
      </c>
      <c r="AQ10103">
        <v>19</v>
      </c>
    </row>
    <row r="10104" spans="1:43">
      <c r="A10104" t="s">
        <v>6302</v>
      </c>
      <c r="B10104" t="s">
        <v>6303</v>
      </c>
      <c r="C10104" t="s">
        <v>6300</v>
      </c>
      <c r="D10104" t="s">
        <v>6301</v>
      </c>
      <c r="E10104" t="s">
        <v>6174</v>
      </c>
      <c r="F10104" t="s">
        <v>6175</v>
      </c>
      <c r="G10104" t="s">
        <v>80</v>
      </c>
      <c r="H10104" t="s">
        <v>81</v>
      </c>
      <c r="I10104" s="2">
        <v>0</v>
      </c>
      <c r="J10104" s="2">
        <v>1</v>
      </c>
      <c r="K10104" s="2">
        <v>0</v>
      </c>
      <c r="L10104" t="s">
        <v>82</v>
      </c>
      <c r="M10104" t="s">
        <v>89</v>
      </c>
      <c r="N10104" t="s">
        <v>90</v>
      </c>
      <c r="O10104" t="s">
        <v>85</v>
      </c>
      <c r="P10104" t="s">
        <v>86</v>
      </c>
      <c r="Q10104">
        <v>19</v>
      </c>
      <c r="R10104">
        <v>20</v>
      </c>
      <c r="S10104">
        <v>20</v>
      </c>
      <c r="T10104">
        <v>20</v>
      </c>
      <c r="U10104">
        <v>21</v>
      </c>
      <c r="V10104">
        <v>21</v>
      </c>
      <c r="W10104">
        <v>21</v>
      </c>
      <c r="X10104">
        <v>22</v>
      </c>
      <c r="Y10104">
        <v>22</v>
      </c>
      <c r="Z10104">
        <v>22</v>
      </c>
      <c r="AA10104">
        <v>22</v>
      </c>
      <c r="AB10104">
        <v>23</v>
      </c>
      <c r="AC10104">
        <v>23</v>
      </c>
      <c r="AD10104">
        <v>23</v>
      </c>
      <c r="AE10104">
        <v>23</v>
      </c>
      <c r="AF10104">
        <v>23</v>
      </c>
      <c r="AG10104">
        <v>23</v>
      </c>
      <c r="AH10104">
        <v>23</v>
      </c>
      <c r="AI10104">
        <v>23</v>
      </c>
      <c r="AJ10104">
        <v>23</v>
      </c>
      <c r="AK10104">
        <v>23</v>
      </c>
      <c r="AL10104">
        <v>23</v>
      </c>
      <c r="AM10104">
        <v>23</v>
      </c>
      <c r="AN10104">
        <v>23</v>
      </c>
      <c r="AO10104">
        <v>22</v>
      </c>
      <c r="AP10104">
        <v>22</v>
      </c>
      <c r="AQ10104">
        <v>22</v>
      </c>
    </row>
    <row r="10105" spans="1:43">
      <c r="A10105" t="s">
        <v>6302</v>
      </c>
      <c r="B10105" t="s">
        <v>6303</v>
      </c>
      <c r="C10105" t="s">
        <v>6300</v>
      </c>
      <c r="D10105" t="s">
        <v>6301</v>
      </c>
      <c r="E10105" t="s">
        <v>6174</v>
      </c>
      <c r="F10105" t="s">
        <v>6175</v>
      </c>
      <c r="G10105" t="s">
        <v>80</v>
      </c>
      <c r="H10105" t="s">
        <v>81</v>
      </c>
      <c r="I10105" s="2">
        <v>0</v>
      </c>
      <c r="J10105" s="2">
        <v>1</v>
      </c>
      <c r="K10105" s="2">
        <v>0</v>
      </c>
      <c r="L10105" t="s">
        <v>82</v>
      </c>
      <c r="M10105" t="s">
        <v>83</v>
      </c>
      <c r="N10105" t="s">
        <v>91</v>
      </c>
      <c r="O10105" t="s">
        <v>85</v>
      </c>
      <c r="P10105" t="s">
        <v>86</v>
      </c>
      <c r="Q10105">
        <v>19</v>
      </c>
      <c r="R10105">
        <v>19</v>
      </c>
      <c r="S10105">
        <v>19</v>
      </c>
      <c r="T10105">
        <v>20</v>
      </c>
      <c r="U10105">
        <v>20</v>
      </c>
      <c r="V10105">
        <v>20</v>
      </c>
      <c r="W10105">
        <v>20</v>
      </c>
      <c r="X10105">
        <v>20</v>
      </c>
      <c r="Y10105">
        <v>21</v>
      </c>
      <c r="Z10105">
        <v>21</v>
      </c>
      <c r="AA10105">
        <v>21</v>
      </c>
      <c r="AB10105">
        <v>21</v>
      </c>
      <c r="AC10105">
        <v>21</v>
      </c>
      <c r="AD10105">
        <v>21</v>
      </c>
      <c r="AE10105">
        <v>22</v>
      </c>
      <c r="AF10105">
        <v>22</v>
      </c>
      <c r="AG10105">
        <v>22</v>
      </c>
      <c r="AH10105">
        <v>22</v>
      </c>
      <c r="AI10105">
        <v>22</v>
      </c>
      <c r="AJ10105">
        <v>22</v>
      </c>
      <c r="AK10105">
        <v>23</v>
      </c>
      <c r="AL10105">
        <v>23</v>
      </c>
      <c r="AM10105">
        <v>22</v>
      </c>
      <c r="AN10105">
        <v>22</v>
      </c>
      <c r="AO10105">
        <v>22</v>
      </c>
      <c r="AP10105">
        <v>22</v>
      </c>
      <c r="AQ10105">
        <v>22</v>
      </c>
    </row>
    <row r="10106" spans="1:43">
      <c r="A10106" t="s">
        <v>6304</v>
      </c>
      <c r="B10106" t="s">
        <v>6305</v>
      </c>
      <c r="C10106" t="s">
        <v>6306</v>
      </c>
      <c r="D10106" t="s">
        <v>6307</v>
      </c>
      <c r="E10106" t="s">
        <v>6174</v>
      </c>
      <c r="F10106" t="s">
        <v>6175</v>
      </c>
      <c r="G10106" t="s">
        <v>80</v>
      </c>
      <c r="H10106" t="s">
        <v>81</v>
      </c>
      <c r="I10106" s="2">
        <v>0</v>
      </c>
      <c r="J10106" s="2">
        <v>1</v>
      </c>
      <c r="K10106" s="2">
        <v>0</v>
      </c>
      <c r="L10106" t="s">
        <v>82</v>
      </c>
      <c r="M10106" t="s">
        <v>83</v>
      </c>
      <c r="N10106" t="s">
        <v>84</v>
      </c>
      <c r="O10106" t="s">
        <v>85</v>
      </c>
      <c r="P10106" t="s">
        <v>86</v>
      </c>
      <c r="Q10106">
        <v>91</v>
      </c>
      <c r="R10106">
        <v>92</v>
      </c>
      <c r="S10106">
        <v>93</v>
      </c>
      <c r="T10106">
        <v>94</v>
      </c>
      <c r="U10106">
        <v>95</v>
      </c>
      <c r="V10106">
        <v>96</v>
      </c>
      <c r="W10106">
        <v>97</v>
      </c>
      <c r="X10106">
        <v>99</v>
      </c>
      <c r="Y10106">
        <v>100</v>
      </c>
      <c r="Z10106">
        <v>101</v>
      </c>
      <c r="AA10106">
        <v>102</v>
      </c>
      <c r="AB10106">
        <v>103</v>
      </c>
      <c r="AC10106">
        <v>103</v>
      </c>
      <c r="AD10106">
        <v>104</v>
      </c>
      <c r="AE10106">
        <v>105</v>
      </c>
      <c r="AF10106">
        <v>106</v>
      </c>
      <c r="AG10106">
        <v>107</v>
      </c>
      <c r="AH10106">
        <v>108</v>
      </c>
      <c r="AI10106">
        <v>109</v>
      </c>
      <c r="AJ10106">
        <v>109</v>
      </c>
      <c r="AK10106">
        <v>110</v>
      </c>
      <c r="AL10106">
        <v>110</v>
      </c>
      <c r="AM10106">
        <v>110</v>
      </c>
      <c r="AN10106">
        <v>110</v>
      </c>
      <c r="AO10106">
        <v>110</v>
      </c>
      <c r="AP10106">
        <v>109</v>
      </c>
      <c r="AQ10106">
        <v>109</v>
      </c>
    </row>
    <row r="10107" spans="1:43">
      <c r="A10107" t="s">
        <v>6304</v>
      </c>
      <c r="B10107" t="s">
        <v>6305</v>
      </c>
      <c r="C10107" t="s">
        <v>6306</v>
      </c>
      <c r="D10107" t="s">
        <v>6307</v>
      </c>
      <c r="E10107" t="s">
        <v>6174</v>
      </c>
      <c r="F10107" t="s">
        <v>6175</v>
      </c>
      <c r="G10107" t="s">
        <v>80</v>
      </c>
      <c r="H10107" t="s">
        <v>81</v>
      </c>
      <c r="I10107" s="2">
        <v>0</v>
      </c>
      <c r="J10107" s="2">
        <v>1</v>
      </c>
      <c r="K10107" s="2">
        <v>0</v>
      </c>
      <c r="L10107" t="s">
        <v>82</v>
      </c>
      <c r="M10107" t="s">
        <v>87</v>
      </c>
      <c r="N10107" t="s">
        <v>88</v>
      </c>
      <c r="O10107" t="s">
        <v>85</v>
      </c>
      <c r="P10107" t="s">
        <v>86</v>
      </c>
      <c r="Q10107">
        <v>91</v>
      </c>
      <c r="R10107">
        <v>91</v>
      </c>
      <c r="S10107">
        <v>92</v>
      </c>
      <c r="T10107">
        <v>92</v>
      </c>
      <c r="U10107">
        <v>92</v>
      </c>
      <c r="V10107">
        <v>92</v>
      </c>
      <c r="W10107">
        <v>93</v>
      </c>
      <c r="X10107">
        <v>93</v>
      </c>
      <c r="Y10107">
        <v>93</v>
      </c>
      <c r="Z10107">
        <v>93</v>
      </c>
      <c r="AA10107">
        <v>93</v>
      </c>
      <c r="AB10107">
        <v>94</v>
      </c>
      <c r="AC10107">
        <v>94</v>
      </c>
      <c r="AD10107">
        <v>94</v>
      </c>
      <c r="AE10107">
        <v>94</v>
      </c>
      <c r="AF10107">
        <v>94</v>
      </c>
      <c r="AG10107">
        <v>95</v>
      </c>
      <c r="AH10107">
        <v>95</v>
      </c>
      <c r="AI10107">
        <v>95</v>
      </c>
      <c r="AJ10107">
        <v>95</v>
      </c>
      <c r="AK10107">
        <v>95</v>
      </c>
      <c r="AL10107">
        <v>95</v>
      </c>
      <c r="AM10107">
        <v>96</v>
      </c>
      <c r="AN10107">
        <v>96</v>
      </c>
      <c r="AO10107">
        <v>96</v>
      </c>
      <c r="AP10107">
        <v>96</v>
      </c>
      <c r="AQ10107">
        <v>96</v>
      </c>
    </row>
    <row r="10108" spans="1:43">
      <c r="A10108" t="s">
        <v>6304</v>
      </c>
      <c r="B10108" t="s">
        <v>6305</v>
      </c>
      <c r="C10108" t="s">
        <v>6306</v>
      </c>
      <c r="D10108" t="s">
        <v>6307</v>
      </c>
      <c r="E10108" t="s">
        <v>6174</v>
      </c>
      <c r="F10108" t="s">
        <v>6175</v>
      </c>
      <c r="G10108" t="s">
        <v>80</v>
      </c>
      <c r="H10108" t="s">
        <v>81</v>
      </c>
      <c r="I10108" s="2">
        <v>0</v>
      </c>
      <c r="J10108" s="2">
        <v>1</v>
      </c>
      <c r="K10108" s="2">
        <v>0</v>
      </c>
      <c r="L10108" t="s">
        <v>82</v>
      </c>
      <c r="M10108" t="s">
        <v>89</v>
      </c>
      <c r="N10108" t="s">
        <v>90</v>
      </c>
      <c r="O10108" t="s">
        <v>85</v>
      </c>
      <c r="P10108" t="s">
        <v>86</v>
      </c>
      <c r="Q10108">
        <v>91</v>
      </c>
      <c r="R10108">
        <v>93</v>
      </c>
      <c r="S10108">
        <v>95</v>
      </c>
      <c r="T10108">
        <v>96</v>
      </c>
      <c r="U10108">
        <v>98</v>
      </c>
      <c r="V10108">
        <v>100</v>
      </c>
      <c r="W10108">
        <v>102</v>
      </c>
      <c r="X10108">
        <v>103</v>
      </c>
      <c r="Y10108">
        <v>104</v>
      </c>
      <c r="Z10108">
        <v>106</v>
      </c>
      <c r="AA10108">
        <v>107</v>
      </c>
      <c r="AB10108">
        <v>108</v>
      </c>
      <c r="AC10108">
        <v>110</v>
      </c>
      <c r="AD10108">
        <v>111</v>
      </c>
      <c r="AE10108">
        <v>112</v>
      </c>
      <c r="AF10108">
        <v>111</v>
      </c>
      <c r="AG10108">
        <v>111</v>
      </c>
      <c r="AH10108">
        <v>111</v>
      </c>
      <c r="AI10108">
        <v>111</v>
      </c>
      <c r="AJ10108">
        <v>110</v>
      </c>
      <c r="AK10108">
        <v>110</v>
      </c>
      <c r="AL10108">
        <v>110</v>
      </c>
      <c r="AM10108">
        <v>110</v>
      </c>
      <c r="AN10108">
        <v>109</v>
      </c>
      <c r="AO10108">
        <v>109</v>
      </c>
      <c r="AP10108">
        <v>109</v>
      </c>
      <c r="AQ10108">
        <v>109</v>
      </c>
    </row>
    <row r="10109" spans="1:43">
      <c r="A10109" t="s">
        <v>6304</v>
      </c>
      <c r="B10109" t="s">
        <v>6305</v>
      </c>
      <c r="C10109" t="s">
        <v>6306</v>
      </c>
      <c r="D10109" t="s">
        <v>6307</v>
      </c>
      <c r="E10109" t="s">
        <v>6174</v>
      </c>
      <c r="F10109" t="s">
        <v>6175</v>
      </c>
      <c r="G10109" t="s">
        <v>80</v>
      </c>
      <c r="H10109" t="s">
        <v>81</v>
      </c>
      <c r="I10109" s="2">
        <v>0</v>
      </c>
      <c r="J10109" s="2">
        <v>1</v>
      </c>
      <c r="K10109" s="2">
        <v>0</v>
      </c>
      <c r="L10109" t="s">
        <v>82</v>
      </c>
      <c r="M10109" t="s">
        <v>83</v>
      </c>
      <c r="N10109" t="s">
        <v>91</v>
      </c>
      <c r="O10109" t="s">
        <v>85</v>
      </c>
      <c r="P10109" t="s">
        <v>86</v>
      </c>
      <c r="Q10109">
        <v>91</v>
      </c>
      <c r="R10109">
        <v>92</v>
      </c>
      <c r="S10109">
        <v>93</v>
      </c>
      <c r="T10109">
        <v>94</v>
      </c>
      <c r="U10109">
        <v>95</v>
      </c>
      <c r="V10109">
        <v>96</v>
      </c>
      <c r="W10109">
        <v>97</v>
      </c>
      <c r="X10109">
        <v>99</v>
      </c>
      <c r="Y10109">
        <v>100</v>
      </c>
      <c r="Z10109">
        <v>101</v>
      </c>
      <c r="AA10109">
        <v>102</v>
      </c>
      <c r="AB10109">
        <v>103</v>
      </c>
      <c r="AC10109">
        <v>103</v>
      </c>
      <c r="AD10109">
        <v>104</v>
      </c>
      <c r="AE10109">
        <v>105</v>
      </c>
      <c r="AF10109">
        <v>106</v>
      </c>
      <c r="AG10109">
        <v>107</v>
      </c>
      <c r="AH10109">
        <v>108</v>
      </c>
      <c r="AI10109">
        <v>109</v>
      </c>
      <c r="AJ10109">
        <v>109</v>
      </c>
      <c r="AK10109">
        <v>110</v>
      </c>
      <c r="AL10109">
        <v>110</v>
      </c>
      <c r="AM10109">
        <v>110</v>
      </c>
      <c r="AN10109">
        <v>110</v>
      </c>
      <c r="AO10109">
        <v>110</v>
      </c>
      <c r="AP10109">
        <v>109</v>
      </c>
      <c r="AQ10109">
        <v>109</v>
      </c>
    </row>
    <row r="10110" spans="1:43">
      <c r="A10110" t="s">
        <v>6308</v>
      </c>
      <c r="B10110" t="s">
        <v>6309</v>
      </c>
      <c r="C10110" t="s">
        <v>6310</v>
      </c>
      <c r="D10110" t="s">
        <v>6311</v>
      </c>
      <c r="E10110" t="s">
        <v>6174</v>
      </c>
      <c r="F10110" t="s">
        <v>6175</v>
      </c>
      <c r="G10110" t="s">
        <v>80</v>
      </c>
      <c r="H10110" t="s">
        <v>81</v>
      </c>
      <c r="I10110" s="2">
        <v>0</v>
      </c>
      <c r="J10110" s="2">
        <v>1</v>
      </c>
      <c r="K10110" s="2">
        <v>0</v>
      </c>
      <c r="L10110" t="s">
        <v>82</v>
      </c>
      <c r="M10110" t="s">
        <v>83</v>
      </c>
      <c r="N10110" t="s">
        <v>84</v>
      </c>
      <c r="O10110" t="s">
        <v>85</v>
      </c>
      <c r="P10110" t="s">
        <v>86</v>
      </c>
      <c r="Q10110">
        <v>21</v>
      </c>
      <c r="R10110">
        <v>21</v>
      </c>
      <c r="S10110">
        <v>22</v>
      </c>
      <c r="T10110">
        <v>22</v>
      </c>
      <c r="U10110">
        <v>22</v>
      </c>
      <c r="V10110">
        <v>22</v>
      </c>
      <c r="W10110">
        <v>23</v>
      </c>
      <c r="X10110">
        <v>23</v>
      </c>
      <c r="Y10110">
        <v>23</v>
      </c>
      <c r="Z10110">
        <v>23</v>
      </c>
      <c r="AA10110">
        <v>24</v>
      </c>
      <c r="AB10110">
        <v>24</v>
      </c>
      <c r="AC10110">
        <v>24</v>
      </c>
      <c r="AD10110">
        <v>24</v>
      </c>
      <c r="AE10110">
        <v>25</v>
      </c>
      <c r="AF10110">
        <v>25</v>
      </c>
      <c r="AG10110">
        <v>25</v>
      </c>
      <c r="AH10110">
        <v>25</v>
      </c>
      <c r="AI10110">
        <v>26</v>
      </c>
      <c r="AJ10110">
        <v>26</v>
      </c>
      <c r="AK10110">
        <v>26</v>
      </c>
      <c r="AL10110">
        <v>26</v>
      </c>
      <c r="AM10110">
        <v>26</v>
      </c>
      <c r="AN10110">
        <v>26</v>
      </c>
      <c r="AO10110">
        <v>26</v>
      </c>
      <c r="AP10110">
        <v>26</v>
      </c>
      <c r="AQ10110">
        <v>26</v>
      </c>
    </row>
    <row r="10111" spans="1:43">
      <c r="A10111" t="s">
        <v>6308</v>
      </c>
      <c r="B10111" t="s">
        <v>6309</v>
      </c>
      <c r="C10111" t="s">
        <v>6310</v>
      </c>
      <c r="D10111" t="s">
        <v>6311</v>
      </c>
      <c r="E10111" t="s">
        <v>6174</v>
      </c>
      <c r="F10111" t="s">
        <v>6175</v>
      </c>
      <c r="G10111" t="s">
        <v>80</v>
      </c>
      <c r="H10111" t="s">
        <v>81</v>
      </c>
      <c r="I10111" s="2">
        <v>0</v>
      </c>
      <c r="J10111" s="2">
        <v>1</v>
      </c>
      <c r="K10111" s="2">
        <v>0</v>
      </c>
      <c r="L10111" t="s">
        <v>82</v>
      </c>
      <c r="M10111" t="s">
        <v>87</v>
      </c>
      <c r="N10111" t="s">
        <v>88</v>
      </c>
      <c r="O10111" t="s">
        <v>85</v>
      </c>
      <c r="P10111" t="s">
        <v>86</v>
      </c>
      <c r="Q10111">
        <v>21</v>
      </c>
      <c r="R10111">
        <v>21</v>
      </c>
      <c r="S10111">
        <v>21</v>
      </c>
      <c r="T10111">
        <v>21</v>
      </c>
      <c r="U10111">
        <v>21</v>
      </c>
      <c r="V10111">
        <v>21</v>
      </c>
      <c r="W10111">
        <v>21</v>
      </c>
      <c r="X10111">
        <v>21</v>
      </c>
      <c r="Y10111">
        <v>21</v>
      </c>
      <c r="Z10111">
        <v>21</v>
      </c>
      <c r="AA10111">
        <v>22</v>
      </c>
      <c r="AB10111">
        <v>22</v>
      </c>
      <c r="AC10111">
        <v>22</v>
      </c>
      <c r="AD10111">
        <v>22</v>
      </c>
      <c r="AE10111">
        <v>22</v>
      </c>
      <c r="AF10111">
        <v>22</v>
      </c>
      <c r="AG10111">
        <v>22</v>
      </c>
      <c r="AH10111">
        <v>22</v>
      </c>
      <c r="AI10111">
        <v>22</v>
      </c>
      <c r="AJ10111">
        <v>22</v>
      </c>
      <c r="AK10111">
        <v>22</v>
      </c>
      <c r="AL10111">
        <v>22</v>
      </c>
      <c r="AM10111">
        <v>22</v>
      </c>
      <c r="AN10111">
        <v>22</v>
      </c>
      <c r="AO10111">
        <v>22</v>
      </c>
      <c r="AP10111">
        <v>22</v>
      </c>
      <c r="AQ10111">
        <v>22</v>
      </c>
    </row>
    <row r="10112" spans="1:43">
      <c r="A10112" t="s">
        <v>6308</v>
      </c>
      <c r="B10112" t="s">
        <v>6309</v>
      </c>
      <c r="C10112" t="s">
        <v>6310</v>
      </c>
      <c r="D10112" t="s">
        <v>6311</v>
      </c>
      <c r="E10112" t="s">
        <v>6174</v>
      </c>
      <c r="F10112" t="s">
        <v>6175</v>
      </c>
      <c r="G10112" t="s">
        <v>80</v>
      </c>
      <c r="H10112" t="s">
        <v>81</v>
      </c>
      <c r="I10112" s="2">
        <v>0</v>
      </c>
      <c r="J10112" s="2">
        <v>1</v>
      </c>
      <c r="K10112" s="2">
        <v>0</v>
      </c>
      <c r="L10112" t="s">
        <v>82</v>
      </c>
      <c r="M10112" t="s">
        <v>89</v>
      </c>
      <c r="N10112" t="s">
        <v>90</v>
      </c>
      <c r="O10112" t="s">
        <v>85</v>
      </c>
      <c r="P10112" t="s">
        <v>86</v>
      </c>
      <c r="Q10112">
        <v>21</v>
      </c>
      <c r="R10112">
        <v>22</v>
      </c>
      <c r="S10112">
        <v>22</v>
      </c>
      <c r="T10112">
        <v>23</v>
      </c>
      <c r="U10112">
        <v>23</v>
      </c>
      <c r="V10112">
        <v>23</v>
      </c>
      <c r="W10112">
        <v>24</v>
      </c>
      <c r="X10112">
        <v>24</v>
      </c>
      <c r="Y10112">
        <v>25</v>
      </c>
      <c r="Z10112">
        <v>25</v>
      </c>
      <c r="AA10112">
        <v>25</v>
      </c>
      <c r="AB10112">
        <v>26</v>
      </c>
      <c r="AC10112">
        <v>26</v>
      </c>
      <c r="AD10112">
        <v>26</v>
      </c>
      <c r="AE10112">
        <v>26</v>
      </c>
      <c r="AF10112">
        <v>26</v>
      </c>
      <c r="AG10112">
        <v>26</v>
      </c>
      <c r="AH10112">
        <v>26</v>
      </c>
      <c r="AI10112">
        <v>26</v>
      </c>
      <c r="AJ10112">
        <v>26</v>
      </c>
      <c r="AK10112">
        <v>26</v>
      </c>
      <c r="AL10112">
        <v>26</v>
      </c>
      <c r="AM10112">
        <v>26</v>
      </c>
      <c r="AN10112">
        <v>26</v>
      </c>
      <c r="AO10112">
        <v>26</v>
      </c>
      <c r="AP10112">
        <v>26</v>
      </c>
      <c r="AQ10112">
        <v>26</v>
      </c>
    </row>
    <row r="10113" spans="1:43">
      <c r="A10113" t="s">
        <v>6308</v>
      </c>
      <c r="B10113" t="s">
        <v>6309</v>
      </c>
      <c r="C10113" t="s">
        <v>6310</v>
      </c>
      <c r="D10113" t="s">
        <v>6311</v>
      </c>
      <c r="E10113" t="s">
        <v>6174</v>
      </c>
      <c r="F10113" t="s">
        <v>6175</v>
      </c>
      <c r="G10113" t="s">
        <v>80</v>
      </c>
      <c r="H10113" t="s">
        <v>81</v>
      </c>
      <c r="I10113" s="2">
        <v>0</v>
      </c>
      <c r="J10113" s="2">
        <v>1</v>
      </c>
      <c r="K10113" s="2">
        <v>0</v>
      </c>
      <c r="L10113" t="s">
        <v>82</v>
      </c>
      <c r="M10113" t="s">
        <v>83</v>
      </c>
      <c r="N10113" t="s">
        <v>91</v>
      </c>
      <c r="O10113" t="s">
        <v>85</v>
      </c>
      <c r="P10113" t="s">
        <v>86</v>
      </c>
      <c r="Q10113">
        <v>21</v>
      </c>
      <c r="R10113">
        <v>21</v>
      </c>
      <c r="S10113">
        <v>22</v>
      </c>
      <c r="T10113">
        <v>22</v>
      </c>
      <c r="U10113">
        <v>22</v>
      </c>
      <c r="V10113">
        <v>22</v>
      </c>
      <c r="W10113">
        <v>23</v>
      </c>
      <c r="X10113">
        <v>23</v>
      </c>
      <c r="Y10113">
        <v>23</v>
      </c>
      <c r="Z10113">
        <v>23</v>
      </c>
      <c r="AA10113">
        <v>24</v>
      </c>
      <c r="AB10113">
        <v>24</v>
      </c>
      <c r="AC10113">
        <v>24</v>
      </c>
      <c r="AD10113">
        <v>24</v>
      </c>
      <c r="AE10113">
        <v>25</v>
      </c>
      <c r="AF10113">
        <v>25</v>
      </c>
      <c r="AG10113">
        <v>25</v>
      </c>
      <c r="AH10113">
        <v>25</v>
      </c>
      <c r="AI10113">
        <v>26</v>
      </c>
      <c r="AJ10113">
        <v>26</v>
      </c>
      <c r="AK10113">
        <v>26</v>
      </c>
      <c r="AL10113">
        <v>26</v>
      </c>
      <c r="AM10113">
        <v>26</v>
      </c>
      <c r="AN10113">
        <v>26</v>
      </c>
      <c r="AO10113">
        <v>26</v>
      </c>
      <c r="AP10113">
        <v>26</v>
      </c>
      <c r="AQ10113">
        <v>26</v>
      </c>
    </row>
    <row r="10114" spans="1:43">
      <c r="A10114" t="s">
        <v>6312</v>
      </c>
      <c r="B10114" t="s">
        <v>6313</v>
      </c>
      <c r="C10114" t="s">
        <v>6306</v>
      </c>
      <c r="D10114" t="s">
        <v>6307</v>
      </c>
      <c r="E10114" t="s">
        <v>6174</v>
      </c>
      <c r="F10114" t="s">
        <v>6175</v>
      </c>
      <c r="G10114" t="s">
        <v>80</v>
      </c>
      <c r="H10114" t="s">
        <v>81</v>
      </c>
      <c r="I10114" s="2">
        <v>0</v>
      </c>
      <c r="J10114" s="2">
        <v>1</v>
      </c>
      <c r="K10114" s="2">
        <v>0</v>
      </c>
      <c r="L10114" t="s">
        <v>82</v>
      </c>
      <c r="M10114" t="s">
        <v>83</v>
      </c>
      <c r="N10114" t="s">
        <v>84</v>
      </c>
      <c r="O10114" t="s">
        <v>85</v>
      </c>
      <c r="P10114" t="s">
        <v>86</v>
      </c>
      <c r="Q10114">
        <v>72</v>
      </c>
      <c r="R10114">
        <v>73</v>
      </c>
      <c r="S10114">
        <v>74</v>
      </c>
      <c r="T10114">
        <v>75</v>
      </c>
      <c r="U10114">
        <v>76</v>
      </c>
      <c r="V10114">
        <v>77</v>
      </c>
      <c r="W10114">
        <v>78</v>
      </c>
      <c r="X10114">
        <v>79</v>
      </c>
      <c r="Y10114">
        <v>80</v>
      </c>
      <c r="Z10114">
        <v>80</v>
      </c>
      <c r="AA10114">
        <v>81</v>
      </c>
      <c r="AB10114">
        <v>82</v>
      </c>
      <c r="AC10114">
        <v>83</v>
      </c>
      <c r="AD10114">
        <v>84</v>
      </c>
      <c r="AE10114">
        <v>85</v>
      </c>
      <c r="AF10114">
        <v>85</v>
      </c>
      <c r="AG10114">
        <v>86</v>
      </c>
      <c r="AH10114">
        <v>87</v>
      </c>
      <c r="AI10114">
        <v>88</v>
      </c>
      <c r="AJ10114">
        <v>88</v>
      </c>
      <c r="AK10114">
        <v>89</v>
      </c>
      <c r="AL10114">
        <v>89</v>
      </c>
      <c r="AM10114">
        <v>89</v>
      </c>
      <c r="AN10114">
        <v>89</v>
      </c>
      <c r="AO10114">
        <v>89</v>
      </c>
      <c r="AP10114">
        <v>89</v>
      </c>
      <c r="AQ10114">
        <v>89</v>
      </c>
    </row>
    <row r="10115" spans="1:43">
      <c r="A10115" t="s">
        <v>6312</v>
      </c>
      <c r="B10115" t="s">
        <v>6313</v>
      </c>
      <c r="C10115" t="s">
        <v>6306</v>
      </c>
      <c r="D10115" t="s">
        <v>6307</v>
      </c>
      <c r="E10115" t="s">
        <v>6174</v>
      </c>
      <c r="F10115" t="s">
        <v>6175</v>
      </c>
      <c r="G10115" t="s">
        <v>80</v>
      </c>
      <c r="H10115" t="s">
        <v>81</v>
      </c>
      <c r="I10115" s="2">
        <v>0</v>
      </c>
      <c r="J10115" s="2">
        <v>1</v>
      </c>
      <c r="K10115" s="2">
        <v>0</v>
      </c>
      <c r="L10115" t="s">
        <v>82</v>
      </c>
      <c r="M10115" t="s">
        <v>87</v>
      </c>
      <c r="N10115" t="s">
        <v>88</v>
      </c>
      <c r="O10115" t="s">
        <v>85</v>
      </c>
      <c r="P10115" t="s">
        <v>86</v>
      </c>
      <c r="Q10115">
        <v>72</v>
      </c>
      <c r="R10115">
        <v>72</v>
      </c>
      <c r="S10115">
        <v>72</v>
      </c>
      <c r="T10115">
        <v>72</v>
      </c>
      <c r="U10115">
        <v>73</v>
      </c>
      <c r="V10115">
        <v>73</v>
      </c>
      <c r="W10115">
        <v>73</v>
      </c>
      <c r="X10115">
        <v>73</v>
      </c>
      <c r="Y10115">
        <v>74</v>
      </c>
      <c r="Z10115">
        <v>74</v>
      </c>
      <c r="AA10115">
        <v>74</v>
      </c>
      <c r="AB10115">
        <v>74</v>
      </c>
      <c r="AC10115">
        <v>74</v>
      </c>
      <c r="AD10115">
        <v>75</v>
      </c>
      <c r="AE10115">
        <v>75</v>
      </c>
      <c r="AF10115">
        <v>75</v>
      </c>
      <c r="AG10115">
        <v>75</v>
      </c>
      <c r="AH10115">
        <v>75</v>
      </c>
      <c r="AI10115">
        <v>76</v>
      </c>
      <c r="AJ10115">
        <v>76</v>
      </c>
      <c r="AK10115">
        <v>76</v>
      </c>
      <c r="AL10115">
        <v>76</v>
      </c>
      <c r="AM10115">
        <v>76</v>
      </c>
      <c r="AN10115">
        <v>77</v>
      </c>
      <c r="AO10115">
        <v>77</v>
      </c>
      <c r="AP10115">
        <v>77</v>
      </c>
      <c r="AQ10115">
        <v>77</v>
      </c>
    </row>
    <row r="10116" spans="1:43">
      <c r="A10116" t="s">
        <v>6312</v>
      </c>
      <c r="B10116" t="s">
        <v>6313</v>
      </c>
      <c r="C10116" t="s">
        <v>6306</v>
      </c>
      <c r="D10116" t="s">
        <v>6307</v>
      </c>
      <c r="E10116" t="s">
        <v>6174</v>
      </c>
      <c r="F10116" t="s">
        <v>6175</v>
      </c>
      <c r="G10116" t="s">
        <v>80</v>
      </c>
      <c r="H10116" t="s">
        <v>81</v>
      </c>
      <c r="I10116" s="2">
        <v>0</v>
      </c>
      <c r="J10116" s="2">
        <v>1</v>
      </c>
      <c r="K10116" s="2">
        <v>0</v>
      </c>
      <c r="L10116" t="s">
        <v>82</v>
      </c>
      <c r="M10116" t="s">
        <v>89</v>
      </c>
      <c r="N10116" t="s">
        <v>90</v>
      </c>
      <c r="O10116" t="s">
        <v>85</v>
      </c>
      <c r="P10116" t="s">
        <v>86</v>
      </c>
      <c r="Q10116">
        <v>72</v>
      </c>
      <c r="R10116">
        <v>74</v>
      </c>
      <c r="S10116">
        <v>75</v>
      </c>
      <c r="T10116">
        <v>77</v>
      </c>
      <c r="U10116">
        <v>78</v>
      </c>
      <c r="V10116">
        <v>79</v>
      </c>
      <c r="W10116">
        <v>81</v>
      </c>
      <c r="X10116">
        <v>82</v>
      </c>
      <c r="Y10116">
        <v>83</v>
      </c>
      <c r="Z10116">
        <v>85</v>
      </c>
      <c r="AA10116">
        <v>86</v>
      </c>
      <c r="AB10116">
        <v>87</v>
      </c>
      <c r="AC10116">
        <v>88</v>
      </c>
      <c r="AD10116">
        <v>89</v>
      </c>
      <c r="AE10116">
        <v>90</v>
      </c>
      <c r="AF10116">
        <v>90</v>
      </c>
      <c r="AG10116">
        <v>90</v>
      </c>
      <c r="AH10116">
        <v>90</v>
      </c>
      <c r="AI10116">
        <v>90</v>
      </c>
      <c r="AJ10116">
        <v>90</v>
      </c>
      <c r="AK10116">
        <v>90</v>
      </c>
      <c r="AL10116">
        <v>90</v>
      </c>
      <c r="AM10116">
        <v>90</v>
      </c>
      <c r="AN10116">
        <v>90</v>
      </c>
      <c r="AO10116">
        <v>90</v>
      </c>
      <c r="AP10116">
        <v>90</v>
      </c>
      <c r="AQ10116">
        <v>89</v>
      </c>
    </row>
    <row r="10117" spans="1:43">
      <c r="A10117" t="s">
        <v>6312</v>
      </c>
      <c r="B10117" t="s">
        <v>6313</v>
      </c>
      <c r="C10117" t="s">
        <v>6306</v>
      </c>
      <c r="D10117" t="s">
        <v>6307</v>
      </c>
      <c r="E10117" t="s">
        <v>6174</v>
      </c>
      <c r="F10117" t="s">
        <v>6175</v>
      </c>
      <c r="G10117" t="s">
        <v>80</v>
      </c>
      <c r="H10117" t="s">
        <v>81</v>
      </c>
      <c r="I10117" s="2">
        <v>0</v>
      </c>
      <c r="J10117" s="2">
        <v>1</v>
      </c>
      <c r="K10117" s="2">
        <v>0</v>
      </c>
      <c r="L10117" t="s">
        <v>82</v>
      </c>
      <c r="M10117" t="s">
        <v>83</v>
      </c>
      <c r="N10117" t="s">
        <v>91</v>
      </c>
      <c r="O10117" t="s">
        <v>85</v>
      </c>
      <c r="P10117" t="s">
        <v>86</v>
      </c>
      <c r="Q10117">
        <v>72</v>
      </c>
      <c r="R10117">
        <v>73</v>
      </c>
      <c r="S10117">
        <v>74</v>
      </c>
      <c r="T10117">
        <v>75</v>
      </c>
      <c r="U10117">
        <v>76</v>
      </c>
      <c r="V10117">
        <v>77</v>
      </c>
      <c r="W10117">
        <v>78</v>
      </c>
      <c r="X10117">
        <v>79</v>
      </c>
      <c r="Y10117">
        <v>80</v>
      </c>
      <c r="Z10117">
        <v>80</v>
      </c>
      <c r="AA10117">
        <v>81</v>
      </c>
      <c r="AB10117">
        <v>82</v>
      </c>
      <c r="AC10117">
        <v>83</v>
      </c>
      <c r="AD10117">
        <v>84</v>
      </c>
      <c r="AE10117">
        <v>85</v>
      </c>
      <c r="AF10117">
        <v>85</v>
      </c>
      <c r="AG10117">
        <v>86</v>
      </c>
      <c r="AH10117">
        <v>87</v>
      </c>
      <c r="AI10117">
        <v>88</v>
      </c>
      <c r="AJ10117">
        <v>88</v>
      </c>
      <c r="AK10117">
        <v>89</v>
      </c>
      <c r="AL10117">
        <v>89</v>
      </c>
      <c r="AM10117">
        <v>89</v>
      </c>
      <c r="AN10117">
        <v>89</v>
      </c>
      <c r="AO10117">
        <v>89</v>
      </c>
      <c r="AP10117">
        <v>89</v>
      </c>
      <c r="AQ10117">
        <v>89</v>
      </c>
    </row>
    <row r="10118" spans="1:43">
      <c r="A10118" t="s">
        <v>6314</v>
      </c>
      <c r="B10118" t="s">
        <v>6315</v>
      </c>
      <c r="C10118" t="s">
        <v>6300</v>
      </c>
      <c r="D10118" t="s">
        <v>6301</v>
      </c>
      <c r="E10118" t="s">
        <v>6174</v>
      </c>
      <c r="F10118" t="s">
        <v>6175</v>
      </c>
      <c r="G10118" t="s">
        <v>80</v>
      </c>
      <c r="H10118" t="s">
        <v>81</v>
      </c>
      <c r="I10118" s="2">
        <v>0</v>
      </c>
      <c r="J10118" s="2">
        <v>1</v>
      </c>
      <c r="K10118" s="2">
        <v>0</v>
      </c>
      <c r="L10118" t="s">
        <v>82</v>
      </c>
      <c r="M10118" t="s">
        <v>83</v>
      </c>
      <c r="N10118" t="s">
        <v>84</v>
      </c>
      <c r="O10118" t="s">
        <v>85</v>
      </c>
      <c r="P10118" t="s">
        <v>86</v>
      </c>
      <c r="Q10118">
        <v>27</v>
      </c>
      <c r="R10118">
        <v>28</v>
      </c>
      <c r="S10118">
        <v>28</v>
      </c>
      <c r="T10118">
        <v>28</v>
      </c>
      <c r="U10118">
        <v>29</v>
      </c>
      <c r="V10118">
        <v>29</v>
      </c>
      <c r="W10118">
        <v>29</v>
      </c>
      <c r="X10118">
        <v>30</v>
      </c>
      <c r="Y10118">
        <v>30</v>
      </c>
      <c r="Z10118">
        <v>30</v>
      </c>
      <c r="AA10118">
        <v>31</v>
      </c>
      <c r="AB10118">
        <v>31</v>
      </c>
      <c r="AC10118">
        <v>31</v>
      </c>
      <c r="AD10118">
        <v>32</v>
      </c>
      <c r="AE10118">
        <v>32</v>
      </c>
      <c r="AF10118">
        <v>32</v>
      </c>
      <c r="AG10118">
        <v>32</v>
      </c>
      <c r="AH10118">
        <v>33</v>
      </c>
      <c r="AI10118">
        <v>33</v>
      </c>
      <c r="AJ10118">
        <v>33</v>
      </c>
      <c r="AK10118">
        <v>34</v>
      </c>
      <c r="AL10118">
        <v>34</v>
      </c>
      <c r="AM10118">
        <v>34</v>
      </c>
      <c r="AN10118">
        <v>34</v>
      </c>
      <c r="AO10118">
        <v>34</v>
      </c>
      <c r="AP10118">
        <v>33</v>
      </c>
      <c r="AQ10118">
        <v>33</v>
      </c>
    </row>
    <row r="10119" spans="1:43">
      <c r="A10119" t="s">
        <v>6314</v>
      </c>
      <c r="B10119" t="s">
        <v>6315</v>
      </c>
      <c r="C10119" t="s">
        <v>6300</v>
      </c>
      <c r="D10119" t="s">
        <v>6301</v>
      </c>
      <c r="E10119" t="s">
        <v>6174</v>
      </c>
      <c r="F10119" t="s">
        <v>6175</v>
      </c>
      <c r="G10119" t="s">
        <v>80</v>
      </c>
      <c r="H10119" t="s">
        <v>81</v>
      </c>
      <c r="I10119" s="2">
        <v>0</v>
      </c>
      <c r="J10119" s="2">
        <v>1</v>
      </c>
      <c r="K10119" s="2">
        <v>0</v>
      </c>
      <c r="L10119" t="s">
        <v>82</v>
      </c>
      <c r="M10119" t="s">
        <v>87</v>
      </c>
      <c r="N10119" t="s">
        <v>88</v>
      </c>
      <c r="O10119" t="s">
        <v>85</v>
      </c>
      <c r="P10119" t="s">
        <v>86</v>
      </c>
      <c r="Q10119">
        <v>27</v>
      </c>
      <c r="R10119">
        <v>27</v>
      </c>
      <c r="S10119">
        <v>27</v>
      </c>
      <c r="T10119">
        <v>27</v>
      </c>
      <c r="U10119">
        <v>28</v>
      </c>
      <c r="V10119">
        <v>28</v>
      </c>
      <c r="W10119">
        <v>28</v>
      </c>
      <c r="X10119">
        <v>28</v>
      </c>
      <c r="Y10119">
        <v>28</v>
      </c>
      <c r="Z10119">
        <v>28</v>
      </c>
      <c r="AA10119">
        <v>28</v>
      </c>
      <c r="AB10119">
        <v>28</v>
      </c>
      <c r="AC10119">
        <v>28</v>
      </c>
      <c r="AD10119">
        <v>28</v>
      </c>
      <c r="AE10119">
        <v>28</v>
      </c>
      <c r="AF10119">
        <v>28</v>
      </c>
      <c r="AG10119">
        <v>28</v>
      </c>
      <c r="AH10119">
        <v>28</v>
      </c>
      <c r="AI10119">
        <v>29</v>
      </c>
      <c r="AJ10119">
        <v>29</v>
      </c>
      <c r="AK10119">
        <v>29</v>
      </c>
      <c r="AL10119">
        <v>29</v>
      </c>
      <c r="AM10119">
        <v>29</v>
      </c>
      <c r="AN10119">
        <v>29</v>
      </c>
      <c r="AO10119">
        <v>29</v>
      </c>
      <c r="AP10119">
        <v>29</v>
      </c>
      <c r="AQ10119">
        <v>29</v>
      </c>
    </row>
    <row r="10120" spans="1:43">
      <c r="A10120" t="s">
        <v>6314</v>
      </c>
      <c r="B10120" t="s">
        <v>6315</v>
      </c>
      <c r="C10120" t="s">
        <v>6300</v>
      </c>
      <c r="D10120" t="s">
        <v>6301</v>
      </c>
      <c r="E10120" t="s">
        <v>6174</v>
      </c>
      <c r="F10120" t="s">
        <v>6175</v>
      </c>
      <c r="G10120" t="s">
        <v>80</v>
      </c>
      <c r="H10120" t="s">
        <v>81</v>
      </c>
      <c r="I10120" s="2">
        <v>0</v>
      </c>
      <c r="J10120" s="2">
        <v>1</v>
      </c>
      <c r="K10120" s="2">
        <v>0</v>
      </c>
      <c r="L10120" t="s">
        <v>82</v>
      </c>
      <c r="M10120" t="s">
        <v>89</v>
      </c>
      <c r="N10120" t="s">
        <v>90</v>
      </c>
      <c r="O10120" t="s">
        <v>85</v>
      </c>
      <c r="P10120" t="s">
        <v>86</v>
      </c>
      <c r="Q10120">
        <v>27</v>
      </c>
      <c r="R10120">
        <v>27</v>
      </c>
      <c r="S10120">
        <v>28</v>
      </c>
      <c r="T10120">
        <v>28</v>
      </c>
      <c r="U10120">
        <v>29</v>
      </c>
      <c r="V10120">
        <v>29</v>
      </c>
      <c r="W10120">
        <v>30</v>
      </c>
      <c r="X10120">
        <v>30</v>
      </c>
      <c r="Y10120">
        <v>31</v>
      </c>
      <c r="Z10120">
        <v>31</v>
      </c>
      <c r="AA10120">
        <v>32</v>
      </c>
      <c r="AB10120">
        <v>32</v>
      </c>
      <c r="AC10120">
        <v>33</v>
      </c>
      <c r="AD10120">
        <v>33</v>
      </c>
      <c r="AE10120">
        <v>33</v>
      </c>
      <c r="AF10120">
        <v>33</v>
      </c>
      <c r="AG10120">
        <v>33</v>
      </c>
      <c r="AH10120">
        <v>33</v>
      </c>
      <c r="AI10120">
        <v>33</v>
      </c>
      <c r="AJ10120">
        <v>33</v>
      </c>
      <c r="AK10120">
        <v>33</v>
      </c>
      <c r="AL10120">
        <v>33</v>
      </c>
      <c r="AM10120">
        <v>33</v>
      </c>
      <c r="AN10120">
        <v>33</v>
      </c>
      <c r="AO10120">
        <v>33</v>
      </c>
      <c r="AP10120">
        <v>33</v>
      </c>
      <c r="AQ10120">
        <v>33</v>
      </c>
    </row>
    <row r="10121" spans="1:43">
      <c r="A10121" t="s">
        <v>6314</v>
      </c>
      <c r="B10121" t="s">
        <v>6315</v>
      </c>
      <c r="C10121" t="s">
        <v>6300</v>
      </c>
      <c r="D10121" t="s">
        <v>6301</v>
      </c>
      <c r="E10121" t="s">
        <v>6174</v>
      </c>
      <c r="F10121" t="s">
        <v>6175</v>
      </c>
      <c r="G10121" t="s">
        <v>80</v>
      </c>
      <c r="H10121" t="s">
        <v>81</v>
      </c>
      <c r="I10121" s="2">
        <v>0</v>
      </c>
      <c r="J10121" s="2">
        <v>1</v>
      </c>
      <c r="K10121" s="2">
        <v>0</v>
      </c>
      <c r="L10121" t="s">
        <v>82</v>
      </c>
      <c r="M10121" t="s">
        <v>83</v>
      </c>
      <c r="N10121" t="s">
        <v>91</v>
      </c>
      <c r="O10121" t="s">
        <v>85</v>
      </c>
      <c r="P10121" t="s">
        <v>86</v>
      </c>
      <c r="Q10121">
        <v>27</v>
      </c>
      <c r="R10121">
        <v>28</v>
      </c>
      <c r="S10121">
        <v>28</v>
      </c>
      <c r="T10121">
        <v>28</v>
      </c>
      <c r="U10121">
        <v>29</v>
      </c>
      <c r="V10121">
        <v>29</v>
      </c>
      <c r="W10121">
        <v>29</v>
      </c>
      <c r="X10121">
        <v>30</v>
      </c>
      <c r="Y10121">
        <v>30</v>
      </c>
      <c r="Z10121">
        <v>30</v>
      </c>
      <c r="AA10121">
        <v>31</v>
      </c>
      <c r="AB10121">
        <v>31</v>
      </c>
      <c r="AC10121">
        <v>31</v>
      </c>
      <c r="AD10121">
        <v>32</v>
      </c>
      <c r="AE10121">
        <v>32</v>
      </c>
      <c r="AF10121">
        <v>32</v>
      </c>
      <c r="AG10121">
        <v>32</v>
      </c>
      <c r="AH10121">
        <v>33</v>
      </c>
      <c r="AI10121">
        <v>33</v>
      </c>
      <c r="AJ10121">
        <v>33</v>
      </c>
      <c r="AK10121">
        <v>34</v>
      </c>
      <c r="AL10121">
        <v>34</v>
      </c>
      <c r="AM10121">
        <v>34</v>
      </c>
      <c r="AN10121">
        <v>34</v>
      </c>
      <c r="AO10121">
        <v>34</v>
      </c>
      <c r="AP10121">
        <v>33</v>
      </c>
      <c r="AQ10121">
        <v>33</v>
      </c>
    </row>
    <row r="10122" spans="1:43">
      <c r="A10122" t="s">
        <v>6316</v>
      </c>
      <c r="B10122" t="s">
        <v>6317</v>
      </c>
      <c r="C10122" t="s">
        <v>6310</v>
      </c>
      <c r="D10122" t="s">
        <v>6311</v>
      </c>
      <c r="E10122" t="s">
        <v>6174</v>
      </c>
      <c r="F10122" t="s">
        <v>6175</v>
      </c>
      <c r="G10122" t="s">
        <v>80</v>
      </c>
      <c r="H10122" t="s">
        <v>81</v>
      </c>
      <c r="I10122" s="2">
        <v>0</v>
      </c>
      <c r="J10122" s="2">
        <v>1</v>
      </c>
      <c r="K10122" s="2">
        <v>0</v>
      </c>
      <c r="L10122" t="s">
        <v>82</v>
      </c>
      <c r="M10122" t="s">
        <v>83</v>
      </c>
      <c r="N10122" t="s">
        <v>84</v>
      </c>
      <c r="O10122" t="s">
        <v>85</v>
      </c>
      <c r="P10122" t="s">
        <v>86</v>
      </c>
      <c r="Q10122">
        <v>55</v>
      </c>
      <c r="R10122">
        <v>56</v>
      </c>
      <c r="S10122">
        <v>57</v>
      </c>
      <c r="T10122">
        <v>57</v>
      </c>
      <c r="U10122">
        <v>58</v>
      </c>
      <c r="V10122">
        <v>59</v>
      </c>
      <c r="W10122">
        <v>59</v>
      </c>
      <c r="X10122">
        <v>60</v>
      </c>
      <c r="Y10122">
        <v>61</v>
      </c>
      <c r="Z10122">
        <v>62</v>
      </c>
      <c r="AA10122">
        <v>62</v>
      </c>
      <c r="AB10122">
        <v>63</v>
      </c>
      <c r="AC10122">
        <v>63</v>
      </c>
      <c r="AD10122">
        <v>64</v>
      </c>
      <c r="AE10122">
        <v>65</v>
      </c>
      <c r="AF10122">
        <v>65</v>
      </c>
      <c r="AG10122">
        <v>66</v>
      </c>
      <c r="AH10122">
        <v>66</v>
      </c>
      <c r="AI10122">
        <v>67</v>
      </c>
      <c r="AJ10122">
        <v>68</v>
      </c>
      <c r="AK10122">
        <v>68</v>
      </c>
      <c r="AL10122">
        <v>68</v>
      </c>
      <c r="AM10122">
        <v>68</v>
      </c>
      <c r="AN10122">
        <v>68</v>
      </c>
      <c r="AO10122">
        <v>68</v>
      </c>
      <c r="AP10122">
        <v>68</v>
      </c>
      <c r="AQ10122">
        <v>68</v>
      </c>
    </row>
    <row r="10123" spans="1:43">
      <c r="A10123" t="s">
        <v>6316</v>
      </c>
      <c r="B10123" t="s">
        <v>6317</v>
      </c>
      <c r="C10123" t="s">
        <v>6310</v>
      </c>
      <c r="D10123" t="s">
        <v>6311</v>
      </c>
      <c r="E10123" t="s">
        <v>6174</v>
      </c>
      <c r="F10123" t="s">
        <v>6175</v>
      </c>
      <c r="G10123" t="s">
        <v>80</v>
      </c>
      <c r="H10123" t="s">
        <v>81</v>
      </c>
      <c r="I10123" s="2">
        <v>0</v>
      </c>
      <c r="J10123" s="2">
        <v>1</v>
      </c>
      <c r="K10123" s="2">
        <v>0</v>
      </c>
      <c r="L10123" t="s">
        <v>82</v>
      </c>
      <c r="M10123" t="s">
        <v>87</v>
      </c>
      <c r="N10123" t="s">
        <v>88</v>
      </c>
      <c r="O10123" t="s">
        <v>85</v>
      </c>
      <c r="P10123" t="s">
        <v>86</v>
      </c>
      <c r="Q10123">
        <v>55</v>
      </c>
      <c r="R10123">
        <v>55</v>
      </c>
      <c r="S10123">
        <v>55</v>
      </c>
      <c r="T10123">
        <v>55</v>
      </c>
      <c r="U10123">
        <v>56</v>
      </c>
      <c r="V10123">
        <v>56</v>
      </c>
      <c r="W10123">
        <v>56</v>
      </c>
      <c r="X10123">
        <v>56</v>
      </c>
      <c r="Y10123">
        <v>56</v>
      </c>
      <c r="Z10123">
        <v>56</v>
      </c>
      <c r="AA10123">
        <v>57</v>
      </c>
      <c r="AB10123">
        <v>57</v>
      </c>
      <c r="AC10123">
        <v>57</v>
      </c>
      <c r="AD10123">
        <v>57</v>
      </c>
      <c r="AE10123">
        <v>57</v>
      </c>
      <c r="AF10123">
        <v>57</v>
      </c>
      <c r="AG10123">
        <v>58</v>
      </c>
      <c r="AH10123">
        <v>58</v>
      </c>
      <c r="AI10123">
        <v>58</v>
      </c>
      <c r="AJ10123">
        <v>58</v>
      </c>
      <c r="AK10123">
        <v>58</v>
      </c>
      <c r="AL10123">
        <v>58</v>
      </c>
      <c r="AM10123">
        <v>58</v>
      </c>
      <c r="AN10123">
        <v>58</v>
      </c>
      <c r="AO10123">
        <v>59</v>
      </c>
      <c r="AP10123">
        <v>59</v>
      </c>
      <c r="AQ10123">
        <v>59</v>
      </c>
    </row>
    <row r="10124" spans="1:43">
      <c r="A10124" t="s">
        <v>6316</v>
      </c>
      <c r="B10124" t="s">
        <v>6317</v>
      </c>
      <c r="C10124" t="s">
        <v>6310</v>
      </c>
      <c r="D10124" t="s">
        <v>6311</v>
      </c>
      <c r="E10124" t="s">
        <v>6174</v>
      </c>
      <c r="F10124" t="s">
        <v>6175</v>
      </c>
      <c r="G10124" t="s">
        <v>80</v>
      </c>
      <c r="H10124" t="s">
        <v>81</v>
      </c>
      <c r="I10124" s="2">
        <v>0</v>
      </c>
      <c r="J10124" s="2">
        <v>1</v>
      </c>
      <c r="K10124" s="2">
        <v>0</v>
      </c>
      <c r="L10124" t="s">
        <v>82</v>
      </c>
      <c r="M10124" t="s">
        <v>89</v>
      </c>
      <c r="N10124" t="s">
        <v>90</v>
      </c>
      <c r="O10124" t="s">
        <v>85</v>
      </c>
      <c r="P10124" t="s">
        <v>86</v>
      </c>
      <c r="Q10124">
        <v>55</v>
      </c>
      <c r="R10124">
        <v>56</v>
      </c>
      <c r="S10124">
        <v>57</v>
      </c>
      <c r="T10124">
        <v>58</v>
      </c>
      <c r="U10124">
        <v>59</v>
      </c>
      <c r="V10124">
        <v>60</v>
      </c>
      <c r="W10124">
        <v>62</v>
      </c>
      <c r="X10124">
        <v>63</v>
      </c>
      <c r="Y10124">
        <v>63</v>
      </c>
      <c r="Z10124">
        <v>64</v>
      </c>
      <c r="AA10124">
        <v>65</v>
      </c>
      <c r="AB10124">
        <v>66</v>
      </c>
      <c r="AC10124">
        <v>67</v>
      </c>
      <c r="AD10124">
        <v>68</v>
      </c>
      <c r="AE10124">
        <v>68</v>
      </c>
      <c r="AF10124">
        <v>68</v>
      </c>
      <c r="AG10124">
        <v>68</v>
      </c>
      <c r="AH10124">
        <v>68</v>
      </c>
      <c r="AI10124">
        <v>68</v>
      </c>
      <c r="AJ10124">
        <v>68</v>
      </c>
      <c r="AK10124">
        <v>68</v>
      </c>
      <c r="AL10124">
        <v>68</v>
      </c>
      <c r="AM10124">
        <v>68</v>
      </c>
      <c r="AN10124">
        <v>68</v>
      </c>
      <c r="AO10124">
        <v>68</v>
      </c>
      <c r="AP10124">
        <v>68</v>
      </c>
      <c r="AQ10124">
        <v>68</v>
      </c>
    </row>
    <row r="10125" spans="1:43">
      <c r="A10125" t="s">
        <v>6316</v>
      </c>
      <c r="B10125" t="s">
        <v>6317</v>
      </c>
      <c r="C10125" t="s">
        <v>6310</v>
      </c>
      <c r="D10125" t="s">
        <v>6311</v>
      </c>
      <c r="E10125" t="s">
        <v>6174</v>
      </c>
      <c r="F10125" t="s">
        <v>6175</v>
      </c>
      <c r="G10125" t="s">
        <v>80</v>
      </c>
      <c r="H10125" t="s">
        <v>81</v>
      </c>
      <c r="I10125" s="2">
        <v>0</v>
      </c>
      <c r="J10125" s="2">
        <v>1</v>
      </c>
      <c r="K10125" s="2">
        <v>0</v>
      </c>
      <c r="L10125" t="s">
        <v>82</v>
      </c>
      <c r="M10125" t="s">
        <v>83</v>
      </c>
      <c r="N10125" t="s">
        <v>91</v>
      </c>
      <c r="O10125" t="s">
        <v>85</v>
      </c>
      <c r="P10125" t="s">
        <v>86</v>
      </c>
      <c r="Q10125">
        <v>55</v>
      </c>
      <c r="R10125">
        <v>56</v>
      </c>
      <c r="S10125">
        <v>57</v>
      </c>
      <c r="T10125">
        <v>57</v>
      </c>
      <c r="U10125">
        <v>58</v>
      </c>
      <c r="V10125">
        <v>59</v>
      </c>
      <c r="W10125">
        <v>59</v>
      </c>
      <c r="X10125">
        <v>60</v>
      </c>
      <c r="Y10125">
        <v>61</v>
      </c>
      <c r="Z10125">
        <v>62</v>
      </c>
      <c r="AA10125">
        <v>62</v>
      </c>
      <c r="AB10125">
        <v>63</v>
      </c>
      <c r="AC10125">
        <v>63</v>
      </c>
      <c r="AD10125">
        <v>64</v>
      </c>
      <c r="AE10125">
        <v>65</v>
      </c>
      <c r="AF10125">
        <v>65</v>
      </c>
      <c r="AG10125">
        <v>66</v>
      </c>
      <c r="AH10125">
        <v>66</v>
      </c>
      <c r="AI10125">
        <v>67</v>
      </c>
      <c r="AJ10125">
        <v>68</v>
      </c>
      <c r="AK10125">
        <v>68</v>
      </c>
      <c r="AL10125">
        <v>68</v>
      </c>
      <c r="AM10125">
        <v>68</v>
      </c>
      <c r="AN10125">
        <v>68</v>
      </c>
      <c r="AO10125">
        <v>68</v>
      </c>
      <c r="AP10125">
        <v>68</v>
      </c>
      <c r="AQ10125">
        <v>68</v>
      </c>
    </row>
    <row r="10126" spans="1:43">
      <c r="A10126" t="s">
        <v>6318</v>
      </c>
      <c r="B10126" t="s">
        <v>6319</v>
      </c>
      <c r="C10126" t="s">
        <v>6300</v>
      </c>
      <c r="D10126" t="s">
        <v>6301</v>
      </c>
      <c r="E10126" t="s">
        <v>6174</v>
      </c>
      <c r="F10126" t="s">
        <v>6175</v>
      </c>
      <c r="G10126" t="s">
        <v>80</v>
      </c>
      <c r="H10126" t="s">
        <v>81</v>
      </c>
      <c r="I10126" s="2">
        <v>0</v>
      </c>
      <c r="J10126" s="2">
        <v>1</v>
      </c>
      <c r="K10126" s="2">
        <v>0</v>
      </c>
      <c r="L10126" t="s">
        <v>82</v>
      </c>
      <c r="M10126" t="s">
        <v>83</v>
      </c>
      <c r="N10126" t="s">
        <v>84</v>
      </c>
      <c r="O10126" t="s">
        <v>85</v>
      </c>
      <c r="P10126" t="s">
        <v>86</v>
      </c>
      <c r="Q10126">
        <v>22</v>
      </c>
      <c r="R10126">
        <v>22</v>
      </c>
      <c r="S10126">
        <v>22</v>
      </c>
      <c r="T10126">
        <v>23</v>
      </c>
      <c r="U10126">
        <v>23</v>
      </c>
      <c r="V10126">
        <v>23</v>
      </c>
      <c r="W10126">
        <v>23</v>
      </c>
      <c r="X10126">
        <v>24</v>
      </c>
      <c r="Y10126">
        <v>24</v>
      </c>
      <c r="Z10126">
        <v>24</v>
      </c>
      <c r="AA10126">
        <v>24</v>
      </c>
      <c r="AB10126">
        <v>25</v>
      </c>
      <c r="AC10126">
        <v>25</v>
      </c>
      <c r="AD10126">
        <v>25</v>
      </c>
      <c r="AE10126">
        <v>25</v>
      </c>
      <c r="AF10126">
        <v>26</v>
      </c>
      <c r="AG10126">
        <v>26</v>
      </c>
      <c r="AH10126">
        <v>26</v>
      </c>
      <c r="AI10126">
        <v>26</v>
      </c>
      <c r="AJ10126">
        <v>26</v>
      </c>
      <c r="AK10126">
        <v>27</v>
      </c>
      <c r="AL10126">
        <v>27</v>
      </c>
      <c r="AM10126">
        <v>27</v>
      </c>
      <c r="AN10126">
        <v>27</v>
      </c>
      <c r="AO10126">
        <v>26</v>
      </c>
      <c r="AP10126">
        <v>26</v>
      </c>
      <c r="AQ10126">
        <v>26</v>
      </c>
    </row>
    <row r="10127" spans="1:43">
      <c r="A10127" t="s">
        <v>6318</v>
      </c>
      <c r="B10127" t="s">
        <v>6319</v>
      </c>
      <c r="C10127" t="s">
        <v>6300</v>
      </c>
      <c r="D10127" t="s">
        <v>6301</v>
      </c>
      <c r="E10127" t="s">
        <v>6174</v>
      </c>
      <c r="F10127" t="s">
        <v>6175</v>
      </c>
      <c r="G10127" t="s">
        <v>80</v>
      </c>
      <c r="H10127" t="s">
        <v>81</v>
      </c>
      <c r="I10127" s="2">
        <v>0</v>
      </c>
      <c r="J10127" s="2">
        <v>1</v>
      </c>
      <c r="K10127" s="2">
        <v>0</v>
      </c>
      <c r="L10127" t="s">
        <v>82</v>
      </c>
      <c r="M10127" t="s">
        <v>87</v>
      </c>
      <c r="N10127" t="s">
        <v>88</v>
      </c>
      <c r="O10127" t="s">
        <v>85</v>
      </c>
      <c r="P10127" t="s">
        <v>86</v>
      </c>
      <c r="Q10127">
        <v>22</v>
      </c>
      <c r="R10127">
        <v>22</v>
      </c>
      <c r="S10127">
        <v>22</v>
      </c>
      <c r="T10127">
        <v>22</v>
      </c>
      <c r="U10127">
        <v>22</v>
      </c>
      <c r="V10127">
        <v>22</v>
      </c>
      <c r="W10127">
        <v>22</v>
      </c>
      <c r="X10127">
        <v>22</v>
      </c>
      <c r="Y10127">
        <v>22</v>
      </c>
      <c r="Z10127">
        <v>22</v>
      </c>
      <c r="AA10127">
        <v>22</v>
      </c>
      <c r="AB10127">
        <v>22</v>
      </c>
      <c r="AC10127">
        <v>22</v>
      </c>
      <c r="AD10127">
        <v>22</v>
      </c>
      <c r="AE10127">
        <v>22</v>
      </c>
      <c r="AF10127">
        <v>22</v>
      </c>
      <c r="AG10127">
        <v>23</v>
      </c>
      <c r="AH10127">
        <v>23</v>
      </c>
      <c r="AI10127">
        <v>23</v>
      </c>
      <c r="AJ10127">
        <v>23</v>
      </c>
      <c r="AK10127">
        <v>23</v>
      </c>
      <c r="AL10127">
        <v>23</v>
      </c>
      <c r="AM10127">
        <v>23</v>
      </c>
      <c r="AN10127">
        <v>23</v>
      </c>
      <c r="AO10127">
        <v>23</v>
      </c>
      <c r="AP10127">
        <v>23</v>
      </c>
      <c r="AQ10127">
        <v>23</v>
      </c>
    </row>
    <row r="10128" spans="1:43">
      <c r="A10128" t="s">
        <v>6318</v>
      </c>
      <c r="B10128" t="s">
        <v>6319</v>
      </c>
      <c r="C10128" t="s">
        <v>6300</v>
      </c>
      <c r="D10128" t="s">
        <v>6301</v>
      </c>
      <c r="E10128" t="s">
        <v>6174</v>
      </c>
      <c r="F10128" t="s">
        <v>6175</v>
      </c>
      <c r="G10128" t="s">
        <v>80</v>
      </c>
      <c r="H10128" t="s">
        <v>81</v>
      </c>
      <c r="I10128" s="2">
        <v>0</v>
      </c>
      <c r="J10128" s="2">
        <v>1</v>
      </c>
      <c r="K10128" s="2">
        <v>0</v>
      </c>
      <c r="L10128" t="s">
        <v>82</v>
      </c>
      <c r="M10128" t="s">
        <v>89</v>
      </c>
      <c r="N10128" t="s">
        <v>90</v>
      </c>
      <c r="O10128" t="s">
        <v>85</v>
      </c>
      <c r="P10128" t="s">
        <v>86</v>
      </c>
      <c r="Q10128">
        <v>22</v>
      </c>
      <c r="R10128">
        <v>22</v>
      </c>
      <c r="S10128">
        <v>23</v>
      </c>
      <c r="T10128">
        <v>23</v>
      </c>
      <c r="U10128">
        <v>24</v>
      </c>
      <c r="V10128">
        <v>24</v>
      </c>
      <c r="W10128">
        <v>25</v>
      </c>
      <c r="X10128">
        <v>25</v>
      </c>
      <c r="Y10128">
        <v>25</v>
      </c>
      <c r="Z10128">
        <v>26</v>
      </c>
      <c r="AA10128">
        <v>26</v>
      </c>
      <c r="AB10128">
        <v>26</v>
      </c>
      <c r="AC10128">
        <v>27</v>
      </c>
      <c r="AD10128">
        <v>27</v>
      </c>
      <c r="AE10128">
        <v>27</v>
      </c>
      <c r="AF10128">
        <v>27</v>
      </c>
      <c r="AG10128">
        <v>27</v>
      </c>
      <c r="AH10128">
        <v>27</v>
      </c>
      <c r="AI10128">
        <v>27</v>
      </c>
      <c r="AJ10128">
        <v>27</v>
      </c>
      <c r="AK10128">
        <v>27</v>
      </c>
      <c r="AL10128">
        <v>27</v>
      </c>
      <c r="AM10128">
        <v>27</v>
      </c>
      <c r="AN10128">
        <v>27</v>
      </c>
      <c r="AO10128">
        <v>27</v>
      </c>
      <c r="AP10128">
        <v>27</v>
      </c>
      <c r="AQ10128">
        <v>27</v>
      </c>
    </row>
    <row r="10129" spans="1:43">
      <c r="A10129" t="s">
        <v>6318</v>
      </c>
      <c r="B10129" t="s">
        <v>6319</v>
      </c>
      <c r="C10129" t="s">
        <v>6300</v>
      </c>
      <c r="D10129" t="s">
        <v>6301</v>
      </c>
      <c r="E10129" t="s">
        <v>6174</v>
      </c>
      <c r="F10129" t="s">
        <v>6175</v>
      </c>
      <c r="G10129" t="s">
        <v>80</v>
      </c>
      <c r="H10129" t="s">
        <v>81</v>
      </c>
      <c r="I10129" s="2">
        <v>0</v>
      </c>
      <c r="J10129" s="2">
        <v>1</v>
      </c>
      <c r="K10129" s="2">
        <v>0</v>
      </c>
      <c r="L10129" t="s">
        <v>82</v>
      </c>
      <c r="M10129" t="s">
        <v>83</v>
      </c>
      <c r="N10129" t="s">
        <v>91</v>
      </c>
      <c r="O10129" t="s">
        <v>85</v>
      </c>
      <c r="P10129" t="s">
        <v>86</v>
      </c>
      <c r="Q10129">
        <v>22</v>
      </c>
      <c r="R10129">
        <v>22</v>
      </c>
      <c r="S10129">
        <v>22</v>
      </c>
      <c r="T10129">
        <v>23</v>
      </c>
      <c r="U10129">
        <v>23</v>
      </c>
      <c r="V10129">
        <v>23</v>
      </c>
      <c r="W10129">
        <v>23</v>
      </c>
      <c r="X10129">
        <v>24</v>
      </c>
      <c r="Y10129">
        <v>24</v>
      </c>
      <c r="Z10129">
        <v>24</v>
      </c>
      <c r="AA10129">
        <v>24</v>
      </c>
      <c r="AB10129">
        <v>25</v>
      </c>
      <c r="AC10129">
        <v>25</v>
      </c>
      <c r="AD10129">
        <v>25</v>
      </c>
      <c r="AE10129">
        <v>25</v>
      </c>
      <c r="AF10129">
        <v>26</v>
      </c>
      <c r="AG10129">
        <v>26</v>
      </c>
      <c r="AH10129">
        <v>26</v>
      </c>
      <c r="AI10129">
        <v>26</v>
      </c>
      <c r="AJ10129">
        <v>26</v>
      </c>
      <c r="AK10129">
        <v>27</v>
      </c>
      <c r="AL10129">
        <v>27</v>
      </c>
      <c r="AM10129">
        <v>27</v>
      </c>
      <c r="AN10129">
        <v>27</v>
      </c>
      <c r="AO10129">
        <v>26</v>
      </c>
      <c r="AP10129">
        <v>26</v>
      </c>
      <c r="AQ10129">
        <v>26</v>
      </c>
    </row>
    <row r="10130" spans="1:43">
      <c r="A10130" t="s">
        <v>6320</v>
      </c>
      <c r="B10130" t="s">
        <v>6321</v>
      </c>
      <c r="C10130" t="s">
        <v>6300</v>
      </c>
      <c r="D10130" t="s">
        <v>6301</v>
      </c>
      <c r="E10130" t="s">
        <v>6174</v>
      </c>
      <c r="F10130" t="s">
        <v>6175</v>
      </c>
      <c r="G10130" t="s">
        <v>80</v>
      </c>
      <c r="H10130" t="s">
        <v>81</v>
      </c>
      <c r="I10130" s="2">
        <v>0</v>
      </c>
      <c r="J10130" s="2">
        <v>1</v>
      </c>
      <c r="K10130" s="2">
        <v>0</v>
      </c>
      <c r="L10130" t="s">
        <v>82</v>
      </c>
      <c r="M10130" t="s">
        <v>83</v>
      </c>
      <c r="N10130" t="s">
        <v>84</v>
      </c>
      <c r="O10130" t="s">
        <v>85</v>
      </c>
      <c r="P10130" t="s">
        <v>86</v>
      </c>
      <c r="Q10130">
        <v>39</v>
      </c>
      <c r="R10130">
        <v>40</v>
      </c>
      <c r="S10130">
        <v>40</v>
      </c>
      <c r="T10130">
        <v>41</v>
      </c>
      <c r="U10130">
        <v>41</v>
      </c>
      <c r="V10130">
        <v>42</v>
      </c>
      <c r="W10130">
        <v>42</v>
      </c>
      <c r="X10130">
        <v>43</v>
      </c>
      <c r="Y10130">
        <v>43</v>
      </c>
      <c r="Z10130">
        <v>44</v>
      </c>
      <c r="AA10130">
        <v>44</v>
      </c>
      <c r="AB10130">
        <v>44</v>
      </c>
      <c r="AC10130">
        <v>45</v>
      </c>
      <c r="AD10130">
        <v>45</v>
      </c>
      <c r="AE10130">
        <v>46</v>
      </c>
      <c r="AF10130">
        <v>46</v>
      </c>
      <c r="AG10130">
        <v>46</v>
      </c>
      <c r="AH10130">
        <v>47</v>
      </c>
      <c r="AI10130">
        <v>47</v>
      </c>
      <c r="AJ10130">
        <v>47</v>
      </c>
      <c r="AK10130">
        <v>48</v>
      </c>
      <c r="AL10130">
        <v>48</v>
      </c>
      <c r="AM10130">
        <v>48</v>
      </c>
      <c r="AN10130">
        <v>48</v>
      </c>
      <c r="AO10130">
        <v>48</v>
      </c>
      <c r="AP10130">
        <v>47</v>
      </c>
      <c r="AQ10130">
        <v>47</v>
      </c>
    </row>
    <row r="10131" spans="1:43">
      <c r="A10131" t="s">
        <v>6320</v>
      </c>
      <c r="B10131" t="s">
        <v>6321</v>
      </c>
      <c r="C10131" t="s">
        <v>6300</v>
      </c>
      <c r="D10131" t="s">
        <v>6301</v>
      </c>
      <c r="E10131" t="s">
        <v>6174</v>
      </c>
      <c r="F10131" t="s">
        <v>6175</v>
      </c>
      <c r="G10131" t="s">
        <v>80</v>
      </c>
      <c r="H10131" t="s">
        <v>81</v>
      </c>
      <c r="I10131" s="2">
        <v>0</v>
      </c>
      <c r="J10131" s="2">
        <v>1</v>
      </c>
      <c r="K10131" s="2">
        <v>0</v>
      </c>
      <c r="L10131" t="s">
        <v>82</v>
      </c>
      <c r="M10131" t="s">
        <v>87</v>
      </c>
      <c r="N10131" t="s">
        <v>88</v>
      </c>
      <c r="O10131" t="s">
        <v>85</v>
      </c>
      <c r="P10131" t="s">
        <v>86</v>
      </c>
      <c r="Q10131">
        <v>39</v>
      </c>
      <c r="R10131">
        <v>39</v>
      </c>
      <c r="S10131">
        <v>39</v>
      </c>
      <c r="T10131">
        <v>39</v>
      </c>
      <c r="U10131">
        <v>39</v>
      </c>
      <c r="V10131">
        <v>40</v>
      </c>
      <c r="W10131">
        <v>40</v>
      </c>
      <c r="X10131">
        <v>40</v>
      </c>
      <c r="Y10131">
        <v>40</v>
      </c>
      <c r="Z10131">
        <v>40</v>
      </c>
      <c r="AA10131">
        <v>40</v>
      </c>
      <c r="AB10131">
        <v>40</v>
      </c>
      <c r="AC10131">
        <v>40</v>
      </c>
      <c r="AD10131">
        <v>40</v>
      </c>
      <c r="AE10131">
        <v>40</v>
      </c>
      <c r="AF10131">
        <v>40</v>
      </c>
      <c r="AG10131">
        <v>41</v>
      </c>
      <c r="AH10131">
        <v>41</v>
      </c>
      <c r="AI10131">
        <v>41</v>
      </c>
      <c r="AJ10131">
        <v>41</v>
      </c>
      <c r="AK10131">
        <v>41</v>
      </c>
      <c r="AL10131">
        <v>41</v>
      </c>
      <c r="AM10131">
        <v>41</v>
      </c>
      <c r="AN10131">
        <v>41</v>
      </c>
      <c r="AO10131">
        <v>41</v>
      </c>
      <c r="AP10131">
        <v>41</v>
      </c>
      <c r="AQ10131">
        <v>41</v>
      </c>
    </row>
    <row r="10132" spans="1:43">
      <c r="A10132" t="s">
        <v>6320</v>
      </c>
      <c r="B10132" t="s">
        <v>6321</v>
      </c>
      <c r="C10132" t="s">
        <v>6300</v>
      </c>
      <c r="D10132" t="s">
        <v>6301</v>
      </c>
      <c r="E10132" t="s">
        <v>6174</v>
      </c>
      <c r="F10132" t="s">
        <v>6175</v>
      </c>
      <c r="G10132" t="s">
        <v>80</v>
      </c>
      <c r="H10132" t="s">
        <v>81</v>
      </c>
      <c r="I10132" s="2">
        <v>0</v>
      </c>
      <c r="J10132" s="2">
        <v>1</v>
      </c>
      <c r="K10132" s="2">
        <v>0</v>
      </c>
      <c r="L10132" t="s">
        <v>82</v>
      </c>
      <c r="M10132" t="s">
        <v>89</v>
      </c>
      <c r="N10132" t="s">
        <v>90</v>
      </c>
      <c r="O10132" t="s">
        <v>85</v>
      </c>
      <c r="P10132" t="s">
        <v>86</v>
      </c>
      <c r="Q10132">
        <v>39</v>
      </c>
      <c r="R10132">
        <v>40</v>
      </c>
      <c r="S10132">
        <v>40</v>
      </c>
      <c r="T10132">
        <v>41</v>
      </c>
      <c r="U10132">
        <v>42</v>
      </c>
      <c r="V10132">
        <v>43</v>
      </c>
      <c r="W10132">
        <v>43</v>
      </c>
      <c r="X10132">
        <v>44</v>
      </c>
      <c r="Y10132">
        <v>45</v>
      </c>
      <c r="Z10132">
        <v>45</v>
      </c>
      <c r="AA10132">
        <v>46</v>
      </c>
      <c r="AB10132">
        <v>46</v>
      </c>
      <c r="AC10132">
        <v>47</v>
      </c>
      <c r="AD10132">
        <v>48</v>
      </c>
      <c r="AE10132">
        <v>48</v>
      </c>
      <c r="AF10132">
        <v>48</v>
      </c>
      <c r="AG10132">
        <v>48</v>
      </c>
      <c r="AH10132">
        <v>48</v>
      </c>
      <c r="AI10132">
        <v>47</v>
      </c>
      <c r="AJ10132">
        <v>47</v>
      </c>
      <c r="AK10132">
        <v>47</v>
      </c>
      <c r="AL10132">
        <v>47</v>
      </c>
      <c r="AM10132">
        <v>47</v>
      </c>
      <c r="AN10132">
        <v>47</v>
      </c>
      <c r="AO10132">
        <v>47</v>
      </c>
      <c r="AP10132">
        <v>47</v>
      </c>
      <c r="AQ10132">
        <v>47</v>
      </c>
    </row>
    <row r="10133" spans="1:43">
      <c r="A10133" t="s">
        <v>6320</v>
      </c>
      <c r="B10133" t="s">
        <v>6321</v>
      </c>
      <c r="C10133" t="s">
        <v>6300</v>
      </c>
      <c r="D10133" t="s">
        <v>6301</v>
      </c>
      <c r="E10133" t="s">
        <v>6174</v>
      </c>
      <c r="F10133" t="s">
        <v>6175</v>
      </c>
      <c r="G10133" t="s">
        <v>80</v>
      </c>
      <c r="H10133" t="s">
        <v>81</v>
      </c>
      <c r="I10133" s="2">
        <v>0</v>
      </c>
      <c r="J10133" s="2">
        <v>1</v>
      </c>
      <c r="K10133" s="2">
        <v>0</v>
      </c>
      <c r="L10133" t="s">
        <v>82</v>
      </c>
      <c r="M10133" t="s">
        <v>83</v>
      </c>
      <c r="N10133" t="s">
        <v>91</v>
      </c>
      <c r="O10133" t="s">
        <v>85</v>
      </c>
      <c r="P10133" t="s">
        <v>86</v>
      </c>
      <c r="Q10133">
        <v>39</v>
      </c>
      <c r="R10133">
        <v>40</v>
      </c>
      <c r="S10133">
        <v>40</v>
      </c>
      <c r="T10133">
        <v>41</v>
      </c>
      <c r="U10133">
        <v>41</v>
      </c>
      <c r="V10133">
        <v>42</v>
      </c>
      <c r="W10133">
        <v>42</v>
      </c>
      <c r="X10133">
        <v>43</v>
      </c>
      <c r="Y10133">
        <v>43</v>
      </c>
      <c r="Z10133">
        <v>44</v>
      </c>
      <c r="AA10133">
        <v>44</v>
      </c>
      <c r="AB10133">
        <v>44</v>
      </c>
      <c r="AC10133">
        <v>45</v>
      </c>
      <c r="AD10133">
        <v>45</v>
      </c>
      <c r="AE10133">
        <v>46</v>
      </c>
      <c r="AF10133">
        <v>46</v>
      </c>
      <c r="AG10133">
        <v>46</v>
      </c>
      <c r="AH10133">
        <v>47</v>
      </c>
      <c r="AI10133">
        <v>47</v>
      </c>
      <c r="AJ10133">
        <v>47</v>
      </c>
      <c r="AK10133">
        <v>48</v>
      </c>
      <c r="AL10133">
        <v>48</v>
      </c>
      <c r="AM10133">
        <v>48</v>
      </c>
      <c r="AN10133">
        <v>48</v>
      </c>
      <c r="AO10133">
        <v>48</v>
      </c>
      <c r="AP10133">
        <v>47</v>
      </c>
      <c r="AQ10133">
        <v>47</v>
      </c>
    </row>
    <row r="10134" spans="1:43">
      <c r="A10134" t="s">
        <v>6322</v>
      </c>
      <c r="B10134" t="s">
        <v>6323</v>
      </c>
      <c r="C10134" t="s">
        <v>6256</v>
      </c>
      <c r="D10134" t="s">
        <v>6257</v>
      </c>
      <c r="E10134" t="s">
        <v>6174</v>
      </c>
      <c r="F10134" t="s">
        <v>6175</v>
      </c>
      <c r="G10134" t="s">
        <v>80</v>
      </c>
      <c r="H10134" t="s">
        <v>81</v>
      </c>
      <c r="I10134" s="2">
        <v>0</v>
      </c>
      <c r="J10134" s="2">
        <v>1</v>
      </c>
      <c r="K10134" s="2">
        <v>0</v>
      </c>
      <c r="L10134" t="s">
        <v>82</v>
      </c>
      <c r="M10134" t="s">
        <v>83</v>
      </c>
      <c r="N10134" t="s">
        <v>84</v>
      </c>
      <c r="O10134" t="s">
        <v>85</v>
      </c>
      <c r="P10134" t="s">
        <v>86</v>
      </c>
      <c r="Q10134">
        <v>106</v>
      </c>
      <c r="R10134">
        <v>107</v>
      </c>
      <c r="S10134">
        <v>108</v>
      </c>
      <c r="T10134">
        <v>109</v>
      </c>
      <c r="U10134">
        <v>111</v>
      </c>
      <c r="V10134">
        <v>112</v>
      </c>
      <c r="W10134">
        <v>113</v>
      </c>
      <c r="X10134">
        <v>114</v>
      </c>
      <c r="Y10134">
        <v>116</v>
      </c>
      <c r="Z10134">
        <v>117</v>
      </c>
      <c r="AA10134">
        <v>118</v>
      </c>
      <c r="AB10134">
        <v>119</v>
      </c>
      <c r="AC10134">
        <v>120</v>
      </c>
      <c r="AD10134">
        <v>121</v>
      </c>
      <c r="AE10134">
        <v>122</v>
      </c>
      <c r="AF10134">
        <v>123</v>
      </c>
      <c r="AG10134">
        <v>124</v>
      </c>
      <c r="AH10134">
        <v>125</v>
      </c>
      <c r="AI10134">
        <v>126</v>
      </c>
      <c r="AJ10134">
        <v>127</v>
      </c>
      <c r="AK10134">
        <v>128</v>
      </c>
      <c r="AL10134">
        <v>128</v>
      </c>
      <c r="AM10134">
        <v>128</v>
      </c>
      <c r="AN10134">
        <v>128</v>
      </c>
      <c r="AO10134">
        <v>128</v>
      </c>
      <c r="AP10134">
        <v>127</v>
      </c>
      <c r="AQ10134">
        <v>127</v>
      </c>
    </row>
    <row r="10135" spans="1:43">
      <c r="A10135" t="s">
        <v>6322</v>
      </c>
      <c r="B10135" t="s">
        <v>6323</v>
      </c>
      <c r="C10135" t="s">
        <v>6256</v>
      </c>
      <c r="D10135" t="s">
        <v>6257</v>
      </c>
      <c r="E10135" t="s">
        <v>6174</v>
      </c>
      <c r="F10135" t="s">
        <v>6175</v>
      </c>
      <c r="G10135" t="s">
        <v>80</v>
      </c>
      <c r="H10135" t="s">
        <v>81</v>
      </c>
      <c r="I10135" s="2">
        <v>0</v>
      </c>
      <c r="J10135" s="2">
        <v>1</v>
      </c>
      <c r="K10135" s="2">
        <v>0</v>
      </c>
      <c r="L10135" t="s">
        <v>82</v>
      </c>
      <c r="M10135" t="s">
        <v>87</v>
      </c>
      <c r="N10135" t="s">
        <v>88</v>
      </c>
      <c r="O10135" t="s">
        <v>85</v>
      </c>
      <c r="P10135" t="s">
        <v>86</v>
      </c>
      <c r="Q10135">
        <v>106</v>
      </c>
      <c r="R10135">
        <v>106</v>
      </c>
      <c r="S10135">
        <v>106</v>
      </c>
      <c r="T10135">
        <v>107</v>
      </c>
      <c r="U10135">
        <v>107</v>
      </c>
      <c r="V10135">
        <v>107</v>
      </c>
      <c r="W10135">
        <v>107</v>
      </c>
      <c r="X10135">
        <v>108</v>
      </c>
      <c r="Y10135">
        <v>108</v>
      </c>
      <c r="Z10135">
        <v>108</v>
      </c>
      <c r="AA10135">
        <v>108</v>
      </c>
      <c r="AB10135">
        <v>109</v>
      </c>
      <c r="AC10135">
        <v>109</v>
      </c>
      <c r="AD10135">
        <v>109</v>
      </c>
      <c r="AE10135">
        <v>109</v>
      </c>
      <c r="AF10135">
        <v>109</v>
      </c>
      <c r="AG10135">
        <v>110</v>
      </c>
      <c r="AH10135">
        <v>110</v>
      </c>
      <c r="AI10135">
        <v>110</v>
      </c>
      <c r="AJ10135">
        <v>110</v>
      </c>
      <c r="AK10135">
        <v>110</v>
      </c>
      <c r="AL10135">
        <v>110</v>
      </c>
      <c r="AM10135">
        <v>111</v>
      </c>
      <c r="AN10135">
        <v>111</v>
      </c>
      <c r="AO10135">
        <v>111</v>
      </c>
      <c r="AP10135">
        <v>111</v>
      </c>
      <c r="AQ10135">
        <v>111</v>
      </c>
    </row>
    <row r="10136" spans="1:43">
      <c r="A10136" t="s">
        <v>6322</v>
      </c>
      <c r="B10136" t="s">
        <v>6323</v>
      </c>
      <c r="C10136" t="s">
        <v>6256</v>
      </c>
      <c r="D10136" t="s">
        <v>6257</v>
      </c>
      <c r="E10136" t="s">
        <v>6174</v>
      </c>
      <c r="F10136" t="s">
        <v>6175</v>
      </c>
      <c r="G10136" t="s">
        <v>80</v>
      </c>
      <c r="H10136" t="s">
        <v>81</v>
      </c>
      <c r="I10136" s="2">
        <v>0</v>
      </c>
      <c r="J10136" s="2">
        <v>1</v>
      </c>
      <c r="K10136" s="2">
        <v>0</v>
      </c>
      <c r="L10136" t="s">
        <v>82</v>
      </c>
      <c r="M10136" t="s">
        <v>89</v>
      </c>
      <c r="N10136" t="s">
        <v>90</v>
      </c>
      <c r="O10136" t="s">
        <v>85</v>
      </c>
      <c r="P10136" t="s">
        <v>86</v>
      </c>
      <c r="Q10136">
        <v>106</v>
      </c>
      <c r="R10136">
        <v>108</v>
      </c>
      <c r="S10136">
        <v>110</v>
      </c>
      <c r="T10136">
        <v>112</v>
      </c>
      <c r="U10136">
        <v>114</v>
      </c>
      <c r="V10136">
        <v>116</v>
      </c>
      <c r="W10136">
        <v>118</v>
      </c>
      <c r="X10136">
        <v>120</v>
      </c>
      <c r="Y10136">
        <v>121</v>
      </c>
      <c r="Z10136">
        <v>123</v>
      </c>
      <c r="AA10136">
        <v>125</v>
      </c>
      <c r="AB10136">
        <v>126</v>
      </c>
      <c r="AC10136">
        <v>128</v>
      </c>
      <c r="AD10136">
        <v>129</v>
      </c>
      <c r="AE10136">
        <v>130</v>
      </c>
      <c r="AF10136">
        <v>130</v>
      </c>
      <c r="AG10136">
        <v>130</v>
      </c>
      <c r="AH10136">
        <v>130</v>
      </c>
      <c r="AI10136">
        <v>129</v>
      </c>
      <c r="AJ10136">
        <v>129</v>
      </c>
      <c r="AK10136">
        <v>129</v>
      </c>
      <c r="AL10136">
        <v>129</v>
      </c>
      <c r="AM10136">
        <v>128</v>
      </c>
      <c r="AN10136">
        <v>128</v>
      </c>
      <c r="AO10136">
        <v>128</v>
      </c>
      <c r="AP10136">
        <v>128</v>
      </c>
      <c r="AQ10136">
        <v>127</v>
      </c>
    </row>
    <row r="10137" spans="1:43">
      <c r="A10137" t="s">
        <v>6322</v>
      </c>
      <c r="B10137" t="s">
        <v>6323</v>
      </c>
      <c r="C10137" t="s">
        <v>6256</v>
      </c>
      <c r="D10137" t="s">
        <v>6257</v>
      </c>
      <c r="E10137" t="s">
        <v>6174</v>
      </c>
      <c r="F10137" t="s">
        <v>6175</v>
      </c>
      <c r="G10137" t="s">
        <v>80</v>
      </c>
      <c r="H10137" t="s">
        <v>81</v>
      </c>
      <c r="I10137" s="2">
        <v>0</v>
      </c>
      <c r="J10137" s="2">
        <v>1</v>
      </c>
      <c r="K10137" s="2">
        <v>0</v>
      </c>
      <c r="L10137" t="s">
        <v>82</v>
      </c>
      <c r="M10137" t="s">
        <v>83</v>
      </c>
      <c r="N10137" t="s">
        <v>91</v>
      </c>
      <c r="O10137" t="s">
        <v>85</v>
      </c>
      <c r="P10137" t="s">
        <v>86</v>
      </c>
      <c r="Q10137">
        <v>106</v>
      </c>
      <c r="R10137">
        <v>107</v>
      </c>
      <c r="S10137">
        <v>108</v>
      </c>
      <c r="T10137">
        <v>109</v>
      </c>
      <c r="U10137">
        <v>111</v>
      </c>
      <c r="V10137">
        <v>112</v>
      </c>
      <c r="W10137">
        <v>113</v>
      </c>
      <c r="X10137">
        <v>114</v>
      </c>
      <c r="Y10137">
        <v>116</v>
      </c>
      <c r="Z10137">
        <v>117</v>
      </c>
      <c r="AA10137">
        <v>118</v>
      </c>
      <c r="AB10137">
        <v>119</v>
      </c>
      <c r="AC10137">
        <v>120</v>
      </c>
      <c r="AD10137">
        <v>121</v>
      </c>
      <c r="AE10137">
        <v>122</v>
      </c>
      <c r="AF10137">
        <v>123</v>
      </c>
      <c r="AG10137">
        <v>124</v>
      </c>
      <c r="AH10137">
        <v>125</v>
      </c>
      <c r="AI10137">
        <v>126</v>
      </c>
      <c r="AJ10137">
        <v>127</v>
      </c>
      <c r="AK10137">
        <v>128</v>
      </c>
      <c r="AL10137">
        <v>128</v>
      </c>
      <c r="AM10137">
        <v>128</v>
      </c>
      <c r="AN10137">
        <v>128</v>
      </c>
      <c r="AO10137">
        <v>128</v>
      </c>
      <c r="AP10137">
        <v>127</v>
      </c>
      <c r="AQ10137">
        <v>127</v>
      </c>
    </row>
    <row r="10138" spans="1:43">
      <c r="A10138" t="s">
        <v>6324</v>
      </c>
      <c r="B10138" t="s">
        <v>6325</v>
      </c>
      <c r="C10138" t="s">
        <v>6326</v>
      </c>
      <c r="D10138" t="s">
        <v>6327</v>
      </c>
      <c r="E10138" t="s">
        <v>6174</v>
      </c>
      <c r="F10138" t="s">
        <v>6175</v>
      </c>
      <c r="G10138" t="s">
        <v>80</v>
      </c>
      <c r="H10138" t="s">
        <v>81</v>
      </c>
      <c r="I10138" s="2">
        <v>0</v>
      </c>
      <c r="J10138" s="2">
        <v>1</v>
      </c>
      <c r="K10138" s="2">
        <v>0</v>
      </c>
      <c r="L10138" t="s">
        <v>82</v>
      </c>
      <c r="M10138" t="s">
        <v>83</v>
      </c>
      <c r="N10138" t="s">
        <v>84</v>
      </c>
      <c r="O10138" t="s">
        <v>85</v>
      </c>
      <c r="P10138" t="s">
        <v>86</v>
      </c>
      <c r="Q10138">
        <v>47</v>
      </c>
      <c r="R10138">
        <v>48</v>
      </c>
      <c r="S10138">
        <v>48</v>
      </c>
      <c r="T10138">
        <v>49</v>
      </c>
      <c r="U10138">
        <v>49</v>
      </c>
      <c r="V10138">
        <v>50</v>
      </c>
      <c r="W10138">
        <v>51</v>
      </c>
      <c r="X10138">
        <v>51</v>
      </c>
      <c r="Y10138">
        <v>52</v>
      </c>
      <c r="Z10138">
        <v>52</v>
      </c>
      <c r="AA10138">
        <v>53</v>
      </c>
      <c r="AB10138">
        <v>53</v>
      </c>
      <c r="AC10138">
        <v>54</v>
      </c>
      <c r="AD10138">
        <v>54</v>
      </c>
      <c r="AE10138">
        <v>55</v>
      </c>
      <c r="AF10138">
        <v>55</v>
      </c>
      <c r="AG10138">
        <v>55</v>
      </c>
      <c r="AH10138">
        <v>56</v>
      </c>
      <c r="AI10138">
        <v>56</v>
      </c>
      <c r="AJ10138">
        <v>57</v>
      </c>
      <c r="AK10138">
        <v>57</v>
      </c>
      <c r="AL10138">
        <v>57</v>
      </c>
      <c r="AM10138">
        <v>57</v>
      </c>
      <c r="AN10138">
        <v>57</v>
      </c>
      <c r="AO10138">
        <v>57</v>
      </c>
      <c r="AP10138">
        <v>57</v>
      </c>
      <c r="AQ10138">
        <v>57</v>
      </c>
    </row>
    <row r="10139" spans="1:43">
      <c r="A10139" t="s">
        <v>6324</v>
      </c>
      <c r="B10139" t="s">
        <v>6325</v>
      </c>
      <c r="C10139" t="s">
        <v>6326</v>
      </c>
      <c r="D10139" t="s">
        <v>6327</v>
      </c>
      <c r="E10139" t="s">
        <v>6174</v>
      </c>
      <c r="F10139" t="s">
        <v>6175</v>
      </c>
      <c r="G10139" t="s">
        <v>80</v>
      </c>
      <c r="H10139" t="s">
        <v>81</v>
      </c>
      <c r="I10139" s="2">
        <v>0</v>
      </c>
      <c r="J10139" s="2">
        <v>1</v>
      </c>
      <c r="K10139" s="2">
        <v>0</v>
      </c>
      <c r="L10139" t="s">
        <v>82</v>
      </c>
      <c r="M10139" t="s">
        <v>87</v>
      </c>
      <c r="N10139" t="s">
        <v>88</v>
      </c>
      <c r="O10139" t="s">
        <v>85</v>
      </c>
      <c r="P10139" t="s">
        <v>86</v>
      </c>
      <c r="Q10139">
        <v>47</v>
      </c>
      <c r="R10139">
        <v>47</v>
      </c>
      <c r="S10139">
        <v>47</v>
      </c>
      <c r="T10139">
        <v>47</v>
      </c>
      <c r="U10139">
        <v>47</v>
      </c>
      <c r="V10139">
        <v>47</v>
      </c>
      <c r="W10139">
        <v>47</v>
      </c>
      <c r="X10139">
        <v>48</v>
      </c>
      <c r="Y10139">
        <v>48</v>
      </c>
      <c r="Z10139">
        <v>48</v>
      </c>
      <c r="AA10139">
        <v>48</v>
      </c>
      <c r="AB10139">
        <v>48</v>
      </c>
      <c r="AC10139">
        <v>48</v>
      </c>
      <c r="AD10139">
        <v>48</v>
      </c>
      <c r="AE10139">
        <v>48</v>
      </c>
      <c r="AF10139">
        <v>48</v>
      </c>
      <c r="AG10139">
        <v>49</v>
      </c>
      <c r="AH10139">
        <v>49</v>
      </c>
      <c r="AI10139">
        <v>49</v>
      </c>
      <c r="AJ10139">
        <v>49</v>
      </c>
      <c r="AK10139">
        <v>49</v>
      </c>
      <c r="AL10139">
        <v>49</v>
      </c>
      <c r="AM10139">
        <v>49</v>
      </c>
      <c r="AN10139">
        <v>49</v>
      </c>
      <c r="AO10139">
        <v>49</v>
      </c>
      <c r="AP10139">
        <v>49</v>
      </c>
      <c r="AQ10139">
        <v>49</v>
      </c>
    </row>
    <row r="10140" spans="1:43">
      <c r="A10140" t="s">
        <v>6324</v>
      </c>
      <c r="B10140" t="s">
        <v>6325</v>
      </c>
      <c r="C10140" t="s">
        <v>6326</v>
      </c>
      <c r="D10140" t="s">
        <v>6327</v>
      </c>
      <c r="E10140" t="s">
        <v>6174</v>
      </c>
      <c r="F10140" t="s">
        <v>6175</v>
      </c>
      <c r="G10140" t="s">
        <v>80</v>
      </c>
      <c r="H10140" t="s">
        <v>81</v>
      </c>
      <c r="I10140" s="2">
        <v>0</v>
      </c>
      <c r="J10140" s="2">
        <v>1</v>
      </c>
      <c r="K10140" s="2">
        <v>0</v>
      </c>
      <c r="L10140" t="s">
        <v>82</v>
      </c>
      <c r="M10140" t="s">
        <v>89</v>
      </c>
      <c r="N10140" t="s">
        <v>90</v>
      </c>
      <c r="O10140" t="s">
        <v>85</v>
      </c>
      <c r="P10140" t="s">
        <v>86</v>
      </c>
      <c r="Q10140">
        <v>47</v>
      </c>
      <c r="R10140">
        <v>48</v>
      </c>
      <c r="S10140">
        <v>49</v>
      </c>
      <c r="T10140">
        <v>49</v>
      </c>
      <c r="U10140">
        <v>50</v>
      </c>
      <c r="V10140">
        <v>51</v>
      </c>
      <c r="W10140">
        <v>52</v>
      </c>
      <c r="X10140">
        <v>53</v>
      </c>
      <c r="Y10140">
        <v>54</v>
      </c>
      <c r="Z10140">
        <v>54</v>
      </c>
      <c r="AA10140">
        <v>55</v>
      </c>
      <c r="AB10140">
        <v>56</v>
      </c>
      <c r="AC10140">
        <v>56</v>
      </c>
      <c r="AD10140">
        <v>57</v>
      </c>
      <c r="AE10140">
        <v>58</v>
      </c>
      <c r="AF10140">
        <v>57</v>
      </c>
      <c r="AG10140">
        <v>57</v>
      </c>
      <c r="AH10140">
        <v>57</v>
      </c>
      <c r="AI10140">
        <v>57</v>
      </c>
      <c r="AJ10140">
        <v>57</v>
      </c>
      <c r="AK10140">
        <v>57</v>
      </c>
      <c r="AL10140">
        <v>57</v>
      </c>
      <c r="AM10140">
        <v>57</v>
      </c>
      <c r="AN10140">
        <v>57</v>
      </c>
      <c r="AO10140">
        <v>57</v>
      </c>
      <c r="AP10140">
        <v>56</v>
      </c>
      <c r="AQ10140">
        <v>56</v>
      </c>
    </row>
    <row r="10141" spans="1:43">
      <c r="A10141" t="s">
        <v>6324</v>
      </c>
      <c r="B10141" t="s">
        <v>6325</v>
      </c>
      <c r="C10141" t="s">
        <v>6326</v>
      </c>
      <c r="D10141" t="s">
        <v>6327</v>
      </c>
      <c r="E10141" t="s">
        <v>6174</v>
      </c>
      <c r="F10141" t="s">
        <v>6175</v>
      </c>
      <c r="G10141" t="s">
        <v>80</v>
      </c>
      <c r="H10141" t="s">
        <v>81</v>
      </c>
      <c r="I10141" s="2">
        <v>0</v>
      </c>
      <c r="J10141" s="2">
        <v>1</v>
      </c>
      <c r="K10141" s="2">
        <v>0</v>
      </c>
      <c r="L10141" t="s">
        <v>82</v>
      </c>
      <c r="M10141" t="s">
        <v>83</v>
      </c>
      <c r="N10141" t="s">
        <v>91</v>
      </c>
      <c r="O10141" t="s">
        <v>85</v>
      </c>
      <c r="P10141" t="s">
        <v>86</v>
      </c>
      <c r="Q10141">
        <v>47</v>
      </c>
      <c r="R10141">
        <v>48</v>
      </c>
      <c r="S10141">
        <v>48</v>
      </c>
      <c r="T10141">
        <v>49</v>
      </c>
      <c r="U10141">
        <v>49</v>
      </c>
      <c r="V10141">
        <v>50</v>
      </c>
      <c r="W10141">
        <v>51</v>
      </c>
      <c r="X10141">
        <v>51</v>
      </c>
      <c r="Y10141">
        <v>52</v>
      </c>
      <c r="Z10141">
        <v>52</v>
      </c>
      <c r="AA10141">
        <v>53</v>
      </c>
      <c r="AB10141">
        <v>53</v>
      </c>
      <c r="AC10141">
        <v>54</v>
      </c>
      <c r="AD10141">
        <v>54</v>
      </c>
      <c r="AE10141">
        <v>55</v>
      </c>
      <c r="AF10141">
        <v>55</v>
      </c>
      <c r="AG10141">
        <v>55</v>
      </c>
      <c r="AH10141">
        <v>56</v>
      </c>
      <c r="AI10141">
        <v>56</v>
      </c>
      <c r="AJ10141">
        <v>57</v>
      </c>
      <c r="AK10141">
        <v>57</v>
      </c>
      <c r="AL10141">
        <v>57</v>
      </c>
      <c r="AM10141">
        <v>57</v>
      </c>
      <c r="AN10141">
        <v>57</v>
      </c>
      <c r="AO10141">
        <v>57</v>
      </c>
      <c r="AP10141">
        <v>57</v>
      </c>
      <c r="AQ10141">
        <v>57</v>
      </c>
    </row>
    <row r="10142" spans="1:43">
      <c r="A10142" t="s">
        <v>6328</v>
      </c>
      <c r="B10142" t="s">
        <v>6329</v>
      </c>
      <c r="C10142" t="s">
        <v>6326</v>
      </c>
      <c r="D10142" t="s">
        <v>6327</v>
      </c>
      <c r="E10142" t="s">
        <v>6174</v>
      </c>
      <c r="F10142" t="s">
        <v>6175</v>
      </c>
      <c r="G10142" t="s">
        <v>80</v>
      </c>
      <c r="H10142" t="s">
        <v>81</v>
      </c>
      <c r="I10142" s="2">
        <v>0</v>
      </c>
      <c r="J10142" s="2">
        <v>1</v>
      </c>
      <c r="K10142" s="2">
        <v>0</v>
      </c>
      <c r="L10142" t="s">
        <v>82</v>
      </c>
      <c r="M10142" t="s">
        <v>83</v>
      </c>
      <c r="N10142" t="s">
        <v>84</v>
      </c>
      <c r="O10142" t="s">
        <v>85</v>
      </c>
      <c r="P10142" t="s">
        <v>86</v>
      </c>
      <c r="Q10142">
        <v>86</v>
      </c>
      <c r="R10142">
        <v>87</v>
      </c>
      <c r="S10142">
        <v>88</v>
      </c>
      <c r="T10142">
        <v>89</v>
      </c>
      <c r="U10142">
        <v>90</v>
      </c>
      <c r="V10142">
        <v>91</v>
      </c>
      <c r="W10142">
        <v>92</v>
      </c>
      <c r="X10142">
        <v>93</v>
      </c>
      <c r="Y10142">
        <v>94</v>
      </c>
      <c r="Z10142">
        <v>95</v>
      </c>
      <c r="AA10142">
        <v>96</v>
      </c>
      <c r="AB10142">
        <v>97</v>
      </c>
      <c r="AC10142">
        <v>98</v>
      </c>
      <c r="AD10142">
        <v>99</v>
      </c>
      <c r="AE10142">
        <v>100</v>
      </c>
      <c r="AF10142">
        <v>101</v>
      </c>
      <c r="AG10142">
        <v>101</v>
      </c>
      <c r="AH10142">
        <v>102</v>
      </c>
      <c r="AI10142">
        <v>103</v>
      </c>
      <c r="AJ10142">
        <v>104</v>
      </c>
      <c r="AK10142">
        <v>105</v>
      </c>
      <c r="AL10142">
        <v>105</v>
      </c>
      <c r="AM10142">
        <v>105</v>
      </c>
      <c r="AN10142">
        <v>104</v>
      </c>
      <c r="AO10142">
        <v>104</v>
      </c>
      <c r="AP10142">
        <v>104</v>
      </c>
      <c r="AQ10142">
        <v>104</v>
      </c>
    </row>
    <row r="10143" spans="1:43">
      <c r="A10143" t="s">
        <v>6328</v>
      </c>
      <c r="B10143" t="s">
        <v>6329</v>
      </c>
      <c r="C10143" t="s">
        <v>6326</v>
      </c>
      <c r="D10143" t="s">
        <v>6327</v>
      </c>
      <c r="E10143" t="s">
        <v>6174</v>
      </c>
      <c r="F10143" t="s">
        <v>6175</v>
      </c>
      <c r="G10143" t="s">
        <v>80</v>
      </c>
      <c r="H10143" t="s">
        <v>81</v>
      </c>
      <c r="I10143" s="2">
        <v>0</v>
      </c>
      <c r="J10143" s="2">
        <v>1</v>
      </c>
      <c r="K10143" s="2">
        <v>0</v>
      </c>
      <c r="L10143" t="s">
        <v>82</v>
      </c>
      <c r="M10143" t="s">
        <v>87</v>
      </c>
      <c r="N10143" t="s">
        <v>88</v>
      </c>
      <c r="O10143" t="s">
        <v>85</v>
      </c>
      <c r="P10143" t="s">
        <v>86</v>
      </c>
      <c r="Q10143">
        <v>86</v>
      </c>
      <c r="R10143">
        <v>87</v>
      </c>
      <c r="S10143">
        <v>87</v>
      </c>
      <c r="T10143">
        <v>87</v>
      </c>
      <c r="U10143">
        <v>87</v>
      </c>
      <c r="V10143">
        <v>88</v>
      </c>
      <c r="W10143">
        <v>88</v>
      </c>
      <c r="X10143">
        <v>88</v>
      </c>
      <c r="Y10143">
        <v>88</v>
      </c>
      <c r="Z10143">
        <v>88</v>
      </c>
      <c r="AA10143">
        <v>89</v>
      </c>
      <c r="AB10143">
        <v>89</v>
      </c>
      <c r="AC10143">
        <v>89</v>
      </c>
      <c r="AD10143">
        <v>89</v>
      </c>
      <c r="AE10143">
        <v>89</v>
      </c>
      <c r="AF10143">
        <v>89</v>
      </c>
      <c r="AG10143">
        <v>90</v>
      </c>
      <c r="AH10143">
        <v>90</v>
      </c>
      <c r="AI10143">
        <v>90</v>
      </c>
      <c r="AJ10143">
        <v>90</v>
      </c>
      <c r="AK10143">
        <v>90</v>
      </c>
      <c r="AL10143">
        <v>90</v>
      </c>
      <c r="AM10143">
        <v>90</v>
      </c>
      <c r="AN10143">
        <v>91</v>
      </c>
      <c r="AO10143">
        <v>91</v>
      </c>
      <c r="AP10143">
        <v>91</v>
      </c>
      <c r="AQ10143">
        <v>91</v>
      </c>
    </row>
    <row r="10144" spans="1:43">
      <c r="A10144" t="s">
        <v>6328</v>
      </c>
      <c r="B10144" t="s">
        <v>6329</v>
      </c>
      <c r="C10144" t="s">
        <v>6326</v>
      </c>
      <c r="D10144" t="s">
        <v>6327</v>
      </c>
      <c r="E10144" t="s">
        <v>6174</v>
      </c>
      <c r="F10144" t="s">
        <v>6175</v>
      </c>
      <c r="G10144" t="s">
        <v>80</v>
      </c>
      <c r="H10144" t="s">
        <v>81</v>
      </c>
      <c r="I10144" s="2">
        <v>0</v>
      </c>
      <c r="J10144" s="2">
        <v>1</v>
      </c>
      <c r="K10144" s="2">
        <v>0</v>
      </c>
      <c r="L10144" t="s">
        <v>82</v>
      </c>
      <c r="M10144" t="s">
        <v>89</v>
      </c>
      <c r="N10144" t="s">
        <v>90</v>
      </c>
      <c r="O10144" t="s">
        <v>85</v>
      </c>
      <c r="P10144" t="s">
        <v>86</v>
      </c>
      <c r="Q10144">
        <v>86</v>
      </c>
      <c r="R10144">
        <v>88</v>
      </c>
      <c r="S10144">
        <v>90</v>
      </c>
      <c r="T10144">
        <v>91</v>
      </c>
      <c r="U10144">
        <v>93</v>
      </c>
      <c r="V10144">
        <v>94</v>
      </c>
      <c r="W10144">
        <v>96</v>
      </c>
      <c r="X10144">
        <v>98</v>
      </c>
      <c r="Y10144">
        <v>99</v>
      </c>
      <c r="Z10144">
        <v>100</v>
      </c>
      <c r="AA10144">
        <v>101</v>
      </c>
      <c r="AB10144">
        <v>103</v>
      </c>
      <c r="AC10144">
        <v>104</v>
      </c>
      <c r="AD10144">
        <v>105</v>
      </c>
      <c r="AE10144">
        <v>106</v>
      </c>
      <c r="AF10144">
        <v>106</v>
      </c>
      <c r="AG10144">
        <v>106</v>
      </c>
      <c r="AH10144">
        <v>105</v>
      </c>
      <c r="AI10144">
        <v>105</v>
      </c>
      <c r="AJ10144">
        <v>105</v>
      </c>
      <c r="AK10144">
        <v>105</v>
      </c>
      <c r="AL10144">
        <v>105</v>
      </c>
      <c r="AM10144">
        <v>105</v>
      </c>
      <c r="AN10144">
        <v>104</v>
      </c>
      <c r="AO10144">
        <v>104</v>
      </c>
      <c r="AP10144">
        <v>104</v>
      </c>
      <c r="AQ10144">
        <v>104</v>
      </c>
    </row>
    <row r="10145" spans="1:43">
      <c r="A10145" t="s">
        <v>6328</v>
      </c>
      <c r="B10145" t="s">
        <v>6329</v>
      </c>
      <c r="C10145" t="s">
        <v>6326</v>
      </c>
      <c r="D10145" t="s">
        <v>6327</v>
      </c>
      <c r="E10145" t="s">
        <v>6174</v>
      </c>
      <c r="F10145" t="s">
        <v>6175</v>
      </c>
      <c r="G10145" t="s">
        <v>80</v>
      </c>
      <c r="H10145" t="s">
        <v>81</v>
      </c>
      <c r="I10145" s="2">
        <v>0</v>
      </c>
      <c r="J10145" s="2">
        <v>1</v>
      </c>
      <c r="K10145" s="2">
        <v>0</v>
      </c>
      <c r="L10145" t="s">
        <v>82</v>
      </c>
      <c r="M10145" t="s">
        <v>83</v>
      </c>
      <c r="N10145" t="s">
        <v>91</v>
      </c>
      <c r="O10145" t="s">
        <v>85</v>
      </c>
      <c r="P10145" t="s">
        <v>86</v>
      </c>
      <c r="Q10145">
        <v>86</v>
      </c>
      <c r="R10145">
        <v>87</v>
      </c>
      <c r="S10145">
        <v>88</v>
      </c>
      <c r="T10145">
        <v>89</v>
      </c>
      <c r="U10145">
        <v>90</v>
      </c>
      <c r="V10145">
        <v>91</v>
      </c>
      <c r="W10145">
        <v>92</v>
      </c>
      <c r="X10145">
        <v>93</v>
      </c>
      <c r="Y10145">
        <v>94</v>
      </c>
      <c r="Z10145">
        <v>95</v>
      </c>
      <c r="AA10145">
        <v>96</v>
      </c>
      <c r="AB10145">
        <v>97</v>
      </c>
      <c r="AC10145">
        <v>98</v>
      </c>
      <c r="AD10145">
        <v>99</v>
      </c>
      <c r="AE10145">
        <v>100</v>
      </c>
      <c r="AF10145">
        <v>101</v>
      </c>
      <c r="AG10145">
        <v>101</v>
      </c>
      <c r="AH10145">
        <v>102</v>
      </c>
      <c r="AI10145">
        <v>103</v>
      </c>
      <c r="AJ10145">
        <v>104</v>
      </c>
      <c r="AK10145">
        <v>105</v>
      </c>
      <c r="AL10145">
        <v>105</v>
      </c>
      <c r="AM10145">
        <v>105</v>
      </c>
      <c r="AN10145">
        <v>104</v>
      </c>
      <c r="AO10145">
        <v>104</v>
      </c>
      <c r="AP10145">
        <v>104</v>
      </c>
      <c r="AQ10145">
        <v>104</v>
      </c>
    </row>
    <row r="10146" spans="1:43">
      <c r="A10146" t="s">
        <v>6330</v>
      </c>
      <c r="B10146" t="s">
        <v>6331</v>
      </c>
      <c r="C10146" t="s">
        <v>6256</v>
      </c>
      <c r="D10146" t="s">
        <v>6257</v>
      </c>
      <c r="E10146" t="s">
        <v>6174</v>
      </c>
      <c r="F10146" t="s">
        <v>6175</v>
      </c>
      <c r="G10146" t="s">
        <v>80</v>
      </c>
      <c r="H10146" t="s">
        <v>81</v>
      </c>
      <c r="I10146" s="2">
        <v>0</v>
      </c>
      <c r="J10146" s="2">
        <v>1</v>
      </c>
      <c r="K10146" s="2">
        <v>0</v>
      </c>
      <c r="L10146" t="s">
        <v>82</v>
      </c>
      <c r="M10146" t="s">
        <v>83</v>
      </c>
      <c r="N10146" t="s">
        <v>84</v>
      </c>
      <c r="O10146" t="s">
        <v>85</v>
      </c>
      <c r="P10146" t="s">
        <v>86</v>
      </c>
      <c r="Q10146">
        <v>106</v>
      </c>
      <c r="R10146">
        <v>107</v>
      </c>
      <c r="S10146">
        <v>109</v>
      </c>
      <c r="T10146">
        <v>110</v>
      </c>
      <c r="U10146">
        <v>111</v>
      </c>
      <c r="V10146">
        <v>112</v>
      </c>
      <c r="W10146">
        <v>114</v>
      </c>
      <c r="X10146">
        <v>115</v>
      </c>
      <c r="Y10146">
        <v>116</v>
      </c>
      <c r="Z10146">
        <v>117</v>
      </c>
      <c r="AA10146">
        <v>118</v>
      </c>
      <c r="AB10146">
        <v>119</v>
      </c>
      <c r="AC10146">
        <v>120</v>
      </c>
      <c r="AD10146">
        <v>122</v>
      </c>
      <c r="AE10146">
        <v>123</v>
      </c>
      <c r="AF10146">
        <v>124</v>
      </c>
      <c r="AG10146">
        <v>125</v>
      </c>
      <c r="AH10146">
        <v>126</v>
      </c>
      <c r="AI10146">
        <v>127</v>
      </c>
      <c r="AJ10146">
        <v>128</v>
      </c>
      <c r="AK10146">
        <v>129</v>
      </c>
      <c r="AL10146">
        <v>129</v>
      </c>
      <c r="AM10146">
        <v>129</v>
      </c>
      <c r="AN10146">
        <v>128</v>
      </c>
      <c r="AO10146">
        <v>128</v>
      </c>
      <c r="AP10146">
        <v>128</v>
      </c>
      <c r="AQ10146">
        <v>128</v>
      </c>
    </row>
    <row r="10147" spans="1:43">
      <c r="A10147" t="s">
        <v>6330</v>
      </c>
      <c r="B10147" t="s">
        <v>6331</v>
      </c>
      <c r="C10147" t="s">
        <v>6256</v>
      </c>
      <c r="D10147" t="s">
        <v>6257</v>
      </c>
      <c r="E10147" t="s">
        <v>6174</v>
      </c>
      <c r="F10147" t="s">
        <v>6175</v>
      </c>
      <c r="G10147" t="s">
        <v>80</v>
      </c>
      <c r="H10147" t="s">
        <v>81</v>
      </c>
      <c r="I10147" s="2">
        <v>0</v>
      </c>
      <c r="J10147" s="2">
        <v>1</v>
      </c>
      <c r="K10147" s="2">
        <v>0</v>
      </c>
      <c r="L10147" t="s">
        <v>82</v>
      </c>
      <c r="M10147" t="s">
        <v>87</v>
      </c>
      <c r="N10147" t="s">
        <v>88</v>
      </c>
      <c r="O10147" t="s">
        <v>85</v>
      </c>
      <c r="P10147" t="s">
        <v>86</v>
      </c>
      <c r="Q10147">
        <v>106</v>
      </c>
      <c r="R10147">
        <v>106</v>
      </c>
      <c r="S10147">
        <v>107</v>
      </c>
      <c r="T10147">
        <v>107</v>
      </c>
      <c r="U10147">
        <v>107</v>
      </c>
      <c r="V10147">
        <v>107</v>
      </c>
      <c r="W10147">
        <v>108</v>
      </c>
      <c r="X10147">
        <v>108</v>
      </c>
      <c r="Y10147">
        <v>108</v>
      </c>
      <c r="Z10147">
        <v>108</v>
      </c>
      <c r="AA10147">
        <v>109</v>
      </c>
      <c r="AB10147">
        <v>109</v>
      </c>
      <c r="AC10147">
        <v>109</v>
      </c>
      <c r="AD10147">
        <v>109</v>
      </c>
      <c r="AE10147">
        <v>110</v>
      </c>
      <c r="AF10147">
        <v>110</v>
      </c>
      <c r="AG10147">
        <v>110</v>
      </c>
      <c r="AH10147">
        <v>110</v>
      </c>
      <c r="AI10147">
        <v>110</v>
      </c>
      <c r="AJ10147">
        <v>110</v>
      </c>
      <c r="AK10147">
        <v>111</v>
      </c>
      <c r="AL10147">
        <v>111</v>
      </c>
      <c r="AM10147">
        <v>111</v>
      </c>
      <c r="AN10147">
        <v>111</v>
      </c>
      <c r="AO10147">
        <v>111</v>
      </c>
      <c r="AP10147">
        <v>111</v>
      </c>
      <c r="AQ10147">
        <v>111</v>
      </c>
    </row>
    <row r="10148" spans="1:43">
      <c r="A10148" t="s">
        <v>6330</v>
      </c>
      <c r="B10148" t="s">
        <v>6331</v>
      </c>
      <c r="C10148" t="s">
        <v>6256</v>
      </c>
      <c r="D10148" t="s">
        <v>6257</v>
      </c>
      <c r="E10148" t="s">
        <v>6174</v>
      </c>
      <c r="F10148" t="s">
        <v>6175</v>
      </c>
      <c r="G10148" t="s">
        <v>80</v>
      </c>
      <c r="H10148" t="s">
        <v>81</v>
      </c>
      <c r="I10148" s="2">
        <v>0</v>
      </c>
      <c r="J10148" s="2">
        <v>1</v>
      </c>
      <c r="K10148" s="2">
        <v>0</v>
      </c>
      <c r="L10148" t="s">
        <v>82</v>
      </c>
      <c r="M10148" t="s">
        <v>89</v>
      </c>
      <c r="N10148" t="s">
        <v>90</v>
      </c>
      <c r="O10148" t="s">
        <v>85</v>
      </c>
      <c r="P10148" t="s">
        <v>86</v>
      </c>
      <c r="Q10148">
        <v>106</v>
      </c>
      <c r="R10148">
        <v>108</v>
      </c>
      <c r="S10148">
        <v>110</v>
      </c>
      <c r="T10148">
        <v>112</v>
      </c>
      <c r="U10148">
        <v>114</v>
      </c>
      <c r="V10148">
        <v>116</v>
      </c>
      <c r="W10148">
        <v>118</v>
      </c>
      <c r="X10148">
        <v>120</v>
      </c>
      <c r="Y10148">
        <v>122</v>
      </c>
      <c r="Z10148">
        <v>123</v>
      </c>
      <c r="AA10148">
        <v>125</v>
      </c>
      <c r="AB10148">
        <v>127</v>
      </c>
      <c r="AC10148">
        <v>128</v>
      </c>
      <c r="AD10148">
        <v>130</v>
      </c>
      <c r="AE10148">
        <v>131</v>
      </c>
      <c r="AF10148">
        <v>130</v>
      </c>
      <c r="AG10148">
        <v>130</v>
      </c>
      <c r="AH10148">
        <v>130</v>
      </c>
      <c r="AI10148">
        <v>130</v>
      </c>
      <c r="AJ10148">
        <v>130</v>
      </c>
      <c r="AK10148">
        <v>129</v>
      </c>
      <c r="AL10148">
        <v>129</v>
      </c>
      <c r="AM10148">
        <v>129</v>
      </c>
      <c r="AN10148">
        <v>129</v>
      </c>
      <c r="AO10148">
        <v>128</v>
      </c>
      <c r="AP10148">
        <v>128</v>
      </c>
      <c r="AQ10148">
        <v>128</v>
      </c>
    </row>
    <row r="10149" spans="1:43">
      <c r="A10149" t="s">
        <v>6330</v>
      </c>
      <c r="B10149" t="s">
        <v>6331</v>
      </c>
      <c r="C10149" t="s">
        <v>6256</v>
      </c>
      <c r="D10149" t="s">
        <v>6257</v>
      </c>
      <c r="E10149" t="s">
        <v>6174</v>
      </c>
      <c r="F10149" t="s">
        <v>6175</v>
      </c>
      <c r="G10149" t="s">
        <v>80</v>
      </c>
      <c r="H10149" t="s">
        <v>81</v>
      </c>
      <c r="I10149" s="2">
        <v>0</v>
      </c>
      <c r="J10149" s="2">
        <v>1</v>
      </c>
      <c r="K10149" s="2">
        <v>0</v>
      </c>
      <c r="L10149" t="s">
        <v>82</v>
      </c>
      <c r="M10149" t="s">
        <v>83</v>
      </c>
      <c r="N10149" t="s">
        <v>91</v>
      </c>
      <c r="O10149" t="s">
        <v>85</v>
      </c>
      <c r="P10149" t="s">
        <v>86</v>
      </c>
      <c r="Q10149">
        <v>106</v>
      </c>
      <c r="R10149">
        <v>107</v>
      </c>
      <c r="S10149">
        <v>109</v>
      </c>
      <c r="T10149">
        <v>110</v>
      </c>
      <c r="U10149">
        <v>111</v>
      </c>
      <c r="V10149">
        <v>112</v>
      </c>
      <c r="W10149">
        <v>114</v>
      </c>
      <c r="X10149">
        <v>115</v>
      </c>
      <c r="Y10149">
        <v>116</v>
      </c>
      <c r="Z10149">
        <v>117</v>
      </c>
      <c r="AA10149">
        <v>118</v>
      </c>
      <c r="AB10149">
        <v>119</v>
      </c>
      <c r="AC10149">
        <v>120</v>
      </c>
      <c r="AD10149">
        <v>122</v>
      </c>
      <c r="AE10149">
        <v>123</v>
      </c>
      <c r="AF10149">
        <v>124</v>
      </c>
      <c r="AG10149">
        <v>125</v>
      </c>
      <c r="AH10149">
        <v>126</v>
      </c>
      <c r="AI10149">
        <v>127</v>
      </c>
      <c r="AJ10149">
        <v>128</v>
      </c>
      <c r="AK10149">
        <v>129</v>
      </c>
      <c r="AL10149">
        <v>129</v>
      </c>
      <c r="AM10149">
        <v>129</v>
      </c>
      <c r="AN10149">
        <v>128</v>
      </c>
      <c r="AO10149">
        <v>128</v>
      </c>
      <c r="AP10149">
        <v>128</v>
      </c>
      <c r="AQ10149">
        <v>128</v>
      </c>
    </row>
    <row r="10150" spans="1:43">
      <c r="A10150" t="s">
        <v>6332</v>
      </c>
      <c r="B10150" t="s">
        <v>6333</v>
      </c>
      <c r="C10150" t="s">
        <v>6266</v>
      </c>
      <c r="D10150" t="s">
        <v>6267</v>
      </c>
      <c r="E10150" t="s">
        <v>6174</v>
      </c>
      <c r="F10150" t="s">
        <v>6175</v>
      </c>
      <c r="G10150" t="s">
        <v>80</v>
      </c>
      <c r="H10150" t="s">
        <v>81</v>
      </c>
      <c r="I10150" s="2">
        <v>0</v>
      </c>
      <c r="J10150" s="2">
        <v>1</v>
      </c>
      <c r="K10150" s="2">
        <v>0</v>
      </c>
      <c r="L10150" t="s">
        <v>82</v>
      </c>
      <c r="M10150" t="s">
        <v>83</v>
      </c>
      <c r="N10150" t="s">
        <v>84</v>
      </c>
      <c r="O10150" t="s">
        <v>85</v>
      </c>
      <c r="P10150" t="s">
        <v>86</v>
      </c>
      <c r="Q10150">
        <v>19</v>
      </c>
      <c r="R10150">
        <v>19</v>
      </c>
      <c r="S10150">
        <v>19</v>
      </c>
      <c r="T10150">
        <v>20</v>
      </c>
      <c r="U10150">
        <v>20</v>
      </c>
      <c r="V10150">
        <v>20</v>
      </c>
      <c r="W10150">
        <v>20</v>
      </c>
      <c r="X10150">
        <v>20</v>
      </c>
      <c r="Y10150">
        <v>21</v>
      </c>
      <c r="Z10150">
        <v>21</v>
      </c>
      <c r="AA10150">
        <v>21</v>
      </c>
      <c r="AB10150">
        <v>21</v>
      </c>
      <c r="AC10150">
        <v>22</v>
      </c>
      <c r="AD10150">
        <v>22</v>
      </c>
      <c r="AE10150">
        <v>22</v>
      </c>
      <c r="AF10150">
        <v>22</v>
      </c>
      <c r="AG10150">
        <v>22</v>
      </c>
      <c r="AH10150">
        <v>22</v>
      </c>
      <c r="AI10150">
        <v>23</v>
      </c>
      <c r="AJ10150">
        <v>23</v>
      </c>
      <c r="AK10150">
        <v>23</v>
      </c>
      <c r="AL10150">
        <v>23</v>
      </c>
      <c r="AM10150">
        <v>23</v>
      </c>
      <c r="AN10150">
        <v>23</v>
      </c>
      <c r="AO10150">
        <v>23</v>
      </c>
      <c r="AP10150">
        <v>23</v>
      </c>
      <c r="AQ10150">
        <v>23</v>
      </c>
    </row>
    <row r="10151" spans="1:43">
      <c r="A10151" t="s">
        <v>6332</v>
      </c>
      <c r="B10151" t="s">
        <v>6333</v>
      </c>
      <c r="C10151" t="s">
        <v>6266</v>
      </c>
      <c r="D10151" t="s">
        <v>6267</v>
      </c>
      <c r="E10151" t="s">
        <v>6174</v>
      </c>
      <c r="F10151" t="s">
        <v>6175</v>
      </c>
      <c r="G10151" t="s">
        <v>80</v>
      </c>
      <c r="H10151" t="s">
        <v>81</v>
      </c>
      <c r="I10151" s="2">
        <v>0</v>
      </c>
      <c r="J10151" s="2">
        <v>1</v>
      </c>
      <c r="K10151" s="2">
        <v>0</v>
      </c>
      <c r="L10151" t="s">
        <v>82</v>
      </c>
      <c r="M10151" t="s">
        <v>87</v>
      </c>
      <c r="N10151" t="s">
        <v>88</v>
      </c>
      <c r="O10151" t="s">
        <v>85</v>
      </c>
      <c r="P10151" t="s">
        <v>86</v>
      </c>
      <c r="Q10151">
        <v>19</v>
      </c>
      <c r="R10151">
        <v>19</v>
      </c>
      <c r="S10151">
        <v>19</v>
      </c>
      <c r="T10151">
        <v>19</v>
      </c>
      <c r="U10151">
        <v>19</v>
      </c>
      <c r="V10151">
        <v>19</v>
      </c>
      <c r="W10151">
        <v>19</v>
      </c>
      <c r="X10151">
        <v>19</v>
      </c>
      <c r="Y10151">
        <v>19</v>
      </c>
      <c r="Z10151">
        <v>19</v>
      </c>
      <c r="AA10151">
        <v>19</v>
      </c>
      <c r="AB10151">
        <v>19</v>
      </c>
      <c r="AC10151">
        <v>19</v>
      </c>
      <c r="AD10151">
        <v>19</v>
      </c>
      <c r="AE10151">
        <v>19</v>
      </c>
      <c r="AF10151">
        <v>19</v>
      </c>
      <c r="AG10151">
        <v>19</v>
      </c>
      <c r="AH10151">
        <v>20</v>
      </c>
      <c r="AI10151">
        <v>20</v>
      </c>
      <c r="AJ10151">
        <v>20</v>
      </c>
      <c r="AK10151">
        <v>20</v>
      </c>
      <c r="AL10151">
        <v>20</v>
      </c>
      <c r="AM10151">
        <v>20</v>
      </c>
      <c r="AN10151">
        <v>20</v>
      </c>
      <c r="AO10151">
        <v>20</v>
      </c>
      <c r="AP10151">
        <v>20</v>
      </c>
      <c r="AQ10151">
        <v>20</v>
      </c>
    </row>
    <row r="10152" spans="1:43">
      <c r="A10152" t="s">
        <v>6332</v>
      </c>
      <c r="B10152" t="s">
        <v>6333</v>
      </c>
      <c r="C10152" t="s">
        <v>6266</v>
      </c>
      <c r="D10152" t="s">
        <v>6267</v>
      </c>
      <c r="E10152" t="s">
        <v>6174</v>
      </c>
      <c r="F10152" t="s">
        <v>6175</v>
      </c>
      <c r="G10152" t="s">
        <v>80</v>
      </c>
      <c r="H10152" t="s">
        <v>81</v>
      </c>
      <c r="I10152" s="2">
        <v>0</v>
      </c>
      <c r="J10152" s="2">
        <v>1</v>
      </c>
      <c r="K10152" s="2">
        <v>0</v>
      </c>
      <c r="L10152" t="s">
        <v>82</v>
      </c>
      <c r="M10152" t="s">
        <v>89</v>
      </c>
      <c r="N10152" t="s">
        <v>90</v>
      </c>
      <c r="O10152" t="s">
        <v>85</v>
      </c>
      <c r="P10152" t="s">
        <v>86</v>
      </c>
      <c r="Q10152">
        <v>19</v>
      </c>
      <c r="R10152">
        <v>19</v>
      </c>
      <c r="S10152">
        <v>20</v>
      </c>
      <c r="T10152">
        <v>20</v>
      </c>
      <c r="U10152">
        <v>21</v>
      </c>
      <c r="V10152">
        <v>21</v>
      </c>
      <c r="W10152">
        <v>21</v>
      </c>
      <c r="X10152">
        <v>22</v>
      </c>
      <c r="Y10152">
        <v>22</v>
      </c>
      <c r="Z10152">
        <v>22</v>
      </c>
      <c r="AA10152">
        <v>22</v>
      </c>
      <c r="AB10152">
        <v>23</v>
      </c>
      <c r="AC10152">
        <v>23</v>
      </c>
      <c r="AD10152">
        <v>23</v>
      </c>
      <c r="AE10152">
        <v>23</v>
      </c>
      <c r="AF10152">
        <v>23</v>
      </c>
      <c r="AG10152">
        <v>23</v>
      </c>
      <c r="AH10152">
        <v>23</v>
      </c>
      <c r="AI10152">
        <v>23</v>
      </c>
      <c r="AJ10152">
        <v>23</v>
      </c>
      <c r="AK10152">
        <v>23</v>
      </c>
      <c r="AL10152">
        <v>23</v>
      </c>
      <c r="AM10152">
        <v>23</v>
      </c>
      <c r="AN10152">
        <v>23</v>
      </c>
      <c r="AO10152">
        <v>23</v>
      </c>
      <c r="AP10152">
        <v>23</v>
      </c>
      <c r="AQ10152">
        <v>23</v>
      </c>
    </row>
    <row r="10153" spans="1:43">
      <c r="A10153" t="s">
        <v>6332</v>
      </c>
      <c r="B10153" t="s">
        <v>6333</v>
      </c>
      <c r="C10153" t="s">
        <v>6266</v>
      </c>
      <c r="D10153" t="s">
        <v>6267</v>
      </c>
      <c r="E10153" t="s">
        <v>6174</v>
      </c>
      <c r="F10153" t="s">
        <v>6175</v>
      </c>
      <c r="G10153" t="s">
        <v>80</v>
      </c>
      <c r="H10153" t="s">
        <v>81</v>
      </c>
      <c r="I10153" s="2">
        <v>0</v>
      </c>
      <c r="J10153" s="2">
        <v>1</v>
      </c>
      <c r="K10153" s="2">
        <v>0</v>
      </c>
      <c r="L10153" t="s">
        <v>82</v>
      </c>
      <c r="M10153" t="s">
        <v>83</v>
      </c>
      <c r="N10153" t="s">
        <v>91</v>
      </c>
      <c r="O10153" t="s">
        <v>85</v>
      </c>
      <c r="P10153" t="s">
        <v>86</v>
      </c>
      <c r="Q10153">
        <v>19</v>
      </c>
      <c r="R10153">
        <v>19</v>
      </c>
      <c r="S10153">
        <v>19</v>
      </c>
      <c r="T10153">
        <v>20</v>
      </c>
      <c r="U10153">
        <v>20</v>
      </c>
      <c r="V10153">
        <v>20</v>
      </c>
      <c r="W10153">
        <v>20</v>
      </c>
      <c r="X10153">
        <v>20</v>
      </c>
      <c r="Y10153">
        <v>21</v>
      </c>
      <c r="Z10153">
        <v>21</v>
      </c>
      <c r="AA10153">
        <v>21</v>
      </c>
      <c r="AB10153">
        <v>21</v>
      </c>
      <c r="AC10153">
        <v>22</v>
      </c>
      <c r="AD10153">
        <v>22</v>
      </c>
      <c r="AE10153">
        <v>22</v>
      </c>
      <c r="AF10153">
        <v>22</v>
      </c>
      <c r="AG10153">
        <v>22</v>
      </c>
      <c r="AH10153">
        <v>22</v>
      </c>
      <c r="AI10153">
        <v>23</v>
      </c>
      <c r="AJ10153">
        <v>23</v>
      </c>
      <c r="AK10153">
        <v>23</v>
      </c>
      <c r="AL10153">
        <v>23</v>
      </c>
      <c r="AM10153">
        <v>23</v>
      </c>
      <c r="AN10153">
        <v>23</v>
      </c>
      <c r="AO10153">
        <v>23</v>
      </c>
      <c r="AP10153">
        <v>23</v>
      </c>
      <c r="AQ10153">
        <v>23</v>
      </c>
    </row>
    <row r="10154" spans="1:43">
      <c r="A10154" t="s">
        <v>6334</v>
      </c>
      <c r="B10154" t="s">
        <v>6335</v>
      </c>
      <c r="C10154" t="s">
        <v>6326</v>
      </c>
      <c r="D10154" t="s">
        <v>6327</v>
      </c>
      <c r="E10154" t="s">
        <v>6174</v>
      </c>
      <c r="F10154" t="s">
        <v>6175</v>
      </c>
      <c r="G10154" t="s">
        <v>80</v>
      </c>
      <c r="H10154" t="s">
        <v>81</v>
      </c>
      <c r="I10154" s="2">
        <v>0</v>
      </c>
      <c r="J10154" s="2">
        <v>1</v>
      </c>
      <c r="K10154" s="2">
        <v>0</v>
      </c>
      <c r="L10154" t="s">
        <v>82</v>
      </c>
      <c r="M10154" t="s">
        <v>83</v>
      </c>
      <c r="N10154" t="s">
        <v>84</v>
      </c>
      <c r="O10154" t="s">
        <v>85</v>
      </c>
      <c r="P10154" t="s">
        <v>86</v>
      </c>
      <c r="Q10154">
        <v>60</v>
      </c>
      <c r="R10154">
        <v>60</v>
      </c>
      <c r="S10154">
        <v>61</v>
      </c>
      <c r="T10154">
        <v>62</v>
      </c>
      <c r="U10154">
        <v>63</v>
      </c>
      <c r="V10154">
        <v>63</v>
      </c>
      <c r="W10154">
        <v>64</v>
      </c>
      <c r="X10154">
        <v>65</v>
      </c>
      <c r="Y10154">
        <v>65</v>
      </c>
      <c r="Z10154">
        <v>66</v>
      </c>
      <c r="AA10154">
        <v>67</v>
      </c>
      <c r="AB10154">
        <v>67</v>
      </c>
      <c r="AC10154">
        <v>68</v>
      </c>
      <c r="AD10154">
        <v>69</v>
      </c>
      <c r="AE10154">
        <v>69</v>
      </c>
      <c r="AF10154">
        <v>70</v>
      </c>
      <c r="AG10154">
        <v>70</v>
      </c>
      <c r="AH10154">
        <v>71</v>
      </c>
      <c r="AI10154">
        <v>72</v>
      </c>
      <c r="AJ10154">
        <v>72</v>
      </c>
      <c r="AK10154">
        <v>73</v>
      </c>
      <c r="AL10154">
        <v>73</v>
      </c>
      <c r="AM10154">
        <v>73</v>
      </c>
      <c r="AN10154">
        <v>73</v>
      </c>
      <c r="AO10154">
        <v>72</v>
      </c>
      <c r="AP10154">
        <v>72</v>
      </c>
      <c r="AQ10154">
        <v>72</v>
      </c>
    </row>
    <row r="10155" spans="1:43">
      <c r="A10155" t="s">
        <v>6334</v>
      </c>
      <c r="B10155" t="s">
        <v>6335</v>
      </c>
      <c r="C10155" t="s">
        <v>6326</v>
      </c>
      <c r="D10155" t="s">
        <v>6327</v>
      </c>
      <c r="E10155" t="s">
        <v>6174</v>
      </c>
      <c r="F10155" t="s">
        <v>6175</v>
      </c>
      <c r="G10155" t="s">
        <v>80</v>
      </c>
      <c r="H10155" t="s">
        <v>81</v>
      </c>
      <c r="I10155" s="2">
        <v>0</v>
      </c>
      <c r="J10155" s="2">
        <v>1</v>
      </c>
      <c r="K10155" s="2">
        <v>0</v>
      </c>
      <c r="L10155" t="s">
        <v>82</v>
      </c>
      <c r="M10155" t="s">
        <v>87</v>
      </c>
      <c r="N10155" t="s">
        <v>88</v>
      </c>
      <c r="O10155" t="s">
        <v>85</v>
      </c>
      <c r="P10155" t="s">
        <v>86</v>
      </c>
      <c r="Q10155">
        <v>60</v>
      </c>
      <c r="R10155">
        <v>60</v>
      </c>
      <c r="S10155">
        <v>60</v>
      </c>
      <c r="T10155">
        <v>61</v>
      </c>
      <c r="U10155">
        <v>61</v>
      </c>
      <c r="V10155">
        <v>61</v>
      </c>
      <c r="W10155">
        <v>61</v>
      </c>
      <c r="X10155">
        <v>61</v>
      </c>
      <c r="Y10155">
        <v>61</v>
      </c>
      <c r="Z10155">
        <v>62</v>
      </c>
      <c r="AA10155">
        <v>62</v>
      </c>
      <c r="AB10155">
        <v>62</v>
      </c>
      <c r="AC10155">
        <v>62</v>
      </c>
      <c r="AD10155">
        <v>62</v>
      </c>
      <c r="AE10155">
        <v>62</v>
      </c>
      <c r="AF10155">
        <v>62</v>
      </c>
      <c r="AG10155">
        <v>63</v>
      </c>
      <c r="AH10155">
        <v>63</v>
      </c>
      <c r="AI10155">
        <v>63</v>
      </c>
      <c r="AJ10155">
        <v>63</v>
      </c>
      <c r="AK10155">
        <v>63</v>
      </c>
      <c r="AL10155">
        <v>63</v>
      </c>
      <c r="AM10155">
        <v>63</v>
      </c>
      <c r="AN10155">
        <v>63</v>
      </c>
      <c r="AO10155">
        <v>64</v>
      </c>
      <c r="AP10155">
        <v>64</v>
      </c>
      <c r="AQ10155">
        <v>64</v>
      </c>
    </row>
    <row r="10156" spans="1:43">
      <c r="A10156" t="s">
        <v>6334</v>
      </c>
      <c r="B10156" t="s">
        <v>6335</v>
      </c>
      <c r="C10156" t="s">
        <v>6326</v>
      </c>
      <c r="D10156" t="s">
        <v>6327</v>
      </c>
      <c r="E10156" t="s">
        <v>6174</v>
      </c>
      <c r="F10156" t="s">
        <v>6175</v>
      </c>
      <c r="G10156" t="s">
        <v>80</v>
      </c>
      <c r="H10156" t="s">
        <v>81</v>
      </c>
      <c r="I10156" s="2">
        <v>0</v>
      </c>
      <c r="J10156" s="2">
        <v>1</v>
      </c>
      <c r="K10156" s="2">
        <v>0</v>
      </c>
      <c r="L10156" t="s">
        <v>82</v>
      </c>
      <c r="M10156" t="s">
        <v>89</v>
      </c>
      <c r="N10156" t="s">
        <v>90</v>
      </c>
      <c r="O10156" t="s">
        <v>85</v>
      </c>
      <c r="P10156" t="s">
        <v>86</v>
      </c>
      <c r="Q10156">
        <v>60</v>
      </c>
      <c r="R10156">
        <v>61</v>
      </c>
      <c r="S10156">
        <v>63</v>
      </c>
      <c r="T10156">
        <v>64</v>
      </c>
      <c r="U10156">
        <v>65</v>
      </c>
      <c r="V10156">
        <v>66</v>
      </c>
      <c r="W10156">
        <v>67</v>
      </c>
      <c r="X10156">
        <v>68</v>
      </c>
      <c r="Y10156">
        <v>69</v>
      </c>
      <c r="Z10156">
        <v>70</v>
      </c>
      <c r="AA10156">
        <v>71</v>
      </c>
      <c r="AB10156">
        <v>72</v>
      </c>
      <c r="AC10156">
        <v>73</v>
      </c>
      <c r="AD10156">
        <v>74</v>
      </c>
      <c r="AE10156">
        <v>74</v>
      </c>
      <c r="AF10156">
        <v>74</v>
      </c>
      <c r="AG10156">
        <v>74</v>
      </c>
      <c r="AH10156">
        <v>74</v>
      </c>
      <c r="AI10156">
        <v>74</v>
      </c>
      <c r="AJ10156">
        <v>74</v>
      </c>
      <c r="AK10156">
        <v>74</v>
      </c>
      <c r="AL10156">
        <v>73</v>
      </c>
      <c r="AM10156">
        <v>73</v>
      </c>
      <c r="AN10156">
        <v>73</v>
      </c>
      <c r="AO10156">
        <v>73</v>
      </c>
      <c r="AP10156">
        <v>73</v>
      </c>
      <c r="AQ10156">
        <v>73</v>
      </c>
    </row>
    <row r="10157" spans="1:43">
      <c r="A10157" t="s">
        <v>6334</v>
      </c>
      <c r="B10157" t="s">
        <v>6335</v>
      </c>
      <c r="C10157" t="s">
        <v>6326</v>
      </c>
      <c r="D10157" t="s">
        <v>6327</v>
      </c>
      <c r="E10157" t="s">
        <v>6174</v>
      </c>
      <c r="F10157" t="s">
        <v>6175</v>
      </c>
      <c r="G10157" t="s">
        <v>80</v>
      </c>
      <c r="H10157" t="s">
        <v>81</v>
      </c>
      <c r="I10157" s="2">
        <v>0</v>
      </c>
      <c r="J10157" s="2">
        <v>1</v>
      </c>
      <c r="K10157" s="2">
        <v>0</v>
      </c>
      <c r="L10157" t="s">
        <v>82</v>
      </c>
      <c r="M10157" t="s">
        <v>83</v>
      </c>
      <c r="N10157" t="s">
        <v>91</v>
      </c>
      <c r="O10157" t="s">
        <v>85</v>
      </c>
      <c r="P10157" t="s">
        <v>86</v>
      </c>
      <c r="Q10157">
        <v>60</v>
      </c>
      <c r="R10157">
        <v>60</v>
      </c>
      <c r="S10157">
        <v>61</v>
      </c>
      <c r="T10157">
        <v>62</v>
      </c>
      <c r="U10157">
        <v>63</v>
      </c>
      <c r="V10157">
        <v>63</v>
      </c>
      <c r="W10157">
        <v>64</v>
      </c>
      <c r="X10157">
        <v>65</v>
      </c>
      <c r="Y10157">
        <v>65</v>
      </c>
      <c r="Z10157">
        <v>66</v>
      </c>
      <c r="AA10157">
        <v>67</v>
      </c>
      <c r="AB10157">
        <v>67</v>
      </c>
      <c r="AC10157">
        <v>68</v>
      </c>
      <c r="AD10157">
        <v>69</v>
      </c>
      <c r="AE10157">
        <v>69</v>
      </c>
      <c r="AF10157">
        <v>70</v>
      </c>
      <c r="AG10157">
        <v>70</v>
      </c>
      <c r="AH10157">
        <v>71</v>
      </c>
      <c r="AI10157">
        <v>72</v>
      </c>
      <c r="AJ10157">
        <v>72</v>
      </c>
      <c r="AK10157">
        <v>73</v>
      </c>
      <c r="AL10157">
        <v>73</v>
      </c>
      <c r="AM10157">
        <v>73</v>
      </c>
      <c r="AN10157">
        <v>73</v>
      </c>
      <c r="AO10157">
        <v>72</v>
      </c>
      <c r="AP10157">
        <v>72</v>
      </c>
      <c r="AQ10157">
        <v>72</v>
      </c>
    </row>
    <row r="10158" spans="1:43">
      <c r="A10158" t="s">
        <v>6336</v>
      </c>
      <c r="B10158" t="s">
        <v>6337</v>
      </c>
      <c r="C10158" t="s">
        <v>6326</v>
      </c>
      <c r="D10158" t="s">
        <v>6327</v>
      </c>
      <c r="E10158" t="s">
        <v>6174</v>
      </c>
      <c r="F10158" t="s">
        <v>6175</v>
      </c>
      <c r="G10158" t="s">
        <v>80</v>
      </c>
      <c r="H10158" t="s">
        <v>81</v>
      </c>
      <c r="I10158" s="2">
        <v>0</v>
      </c>
      <c r="J10158" s="2">
        <v>1</v>
      </c>
      <c r="K10158" s="2">
        <v>0</v>
      </c>
      <c r="L10158" t="s">
        <v>82</v>
      </c>
      <c r="M10158" t="s">
        <v>83</v>
      </c>
      <c r="N10158" t="s">
        <v>84</v>
      </c>
      <c r="O10158" t="s">
        <v>85</v>
      </c>
      <c r="P10158" t="s">
        <v>86</v>
      </c>
      <c r="Q10158">
        <v>79</v>
      </c>
      <c r="R10158">
        <v>80</v>
      </c>
      <c r="S10158">
        <v>81</v>
      </c>
      <c r="T10158">
        <v>82</v>
      </c>
      <c r="U10158">
        <v>83</v>
      </c>
      <c r="V10158">
        <v>84</v>
      </c>
      <c r="W10158">
        <v>85</v>
      </c>
      <c r="X10158">
        <v>86</v>
      </c>
      <c r="Y10158">
        <v>87</v>
      </c>
      <c r="Z10158">
        <v>88</v>
      </c>
      <c r="AA10158">
        <v>89</v>
      </c>
      <c r="AB10158">
        <v>90</v>
      </c>
      <c r="AC10158">
        <v>90</v>
      </c>
      <c r="AD10158">
        <v>91</v>
      </c>
      <c r="AE10158">
        <v>92</v>
      </c>
      <c r="AF10158">
        <v>93</v>
      </c>
      <c r="AG10158">
        <v>94</v>
      </c>
      <c r="AH10158">
        <v>94</v>
      </c>
      <c r="AI10158">
        <v>95</v>
      </c>
      <c r="AJ10158">
        <v>96</v>
      </c>
      <c r="AK10158">
        <v>97</v>
      </c>
      <c r="AL10158">
        <v>97</v>
      </c>
      <c r="AM10158">
        <v>97</v>
      </c>
      <c r="AN10158">
        <v>96</v>
      </c>
      <c r="AO10158">
        <v>96</v>
      </c>
      <c r="AP10158">
        <v>96</v>
      </c>
      <c r="AQ10158">
        <v>96</v>
      </c>
    </row>
    <row r="10159" spans="1:43">
      <c r="A10159" t="s">
        <v>6336</v>
      </c>
      <c r="B10159" t="s">
        <v>6337</v>
      </c>
      <c r="C10159" t="s">
        <v>6326</v>
      </c>
      <c r="D10159" t="s">
        <v>6327</v>
      </c>
      <c r="E10159" t="s">
        <v>6174</v>
      </c>
      <c r="F10159" t="s">
        <v>6175</v>
      </c>
      <c r="G10159" t="s">
        <v>80</v>
      </c>
      <c r="H10159" t="s">
        <v>81</v>
      </c>
      <c r="I10159" s="2">
        <v>0</v>
      </c>
      <c r="J10159" s="2">
        <v>1</v>
      </c>
      <c r="K10159" s="2">
        <v>0</v>
      </c>
      <c r="L10159" t="s">
        <v>82</v>
      </c>
      <c r="M10159" t="s">
        <v>87</v>
      </c>
      <c r="N10159" t="s">
        <v>88</v>
      </c>
      <c r="O10159" t="s">
        <v>85</v>
      </c>
      <c r="P10159" t="s">
        <v>86</v>
      </c>
      <c r="Q10159">
        <v>79</v>
      </c>
      <c r="R10159">
        <v>80</v>
      </c>
      <c r="S10159">
        <v>80</v>
      </c>
      <c r="T10159">
        <v>80</v>
      </c>
      <c r="U10159">
        <v>80</v>
      </c>
      <c r="V10159">
        <v>81</v>
      </c>
      <c r="W10159">
        <v>81</v>
      </c>
      <c r="X10159">
        <v>81</v>
      </c>
      <c r="Y10159">
        <v>81</v>
      </c>
      <c r="Z10159">
        <v>82</v>
      </c>
      <c r="AA10159">
        <v>82</v>
      </c>
      <c r="AB10159">
        <v>82</v>
      </c>
      <c r="AC10159">
        <v>82</v>
      </c>
      <c r="AD10159">
        <v>82</v>
      </c>
      <c r="AE10159">
        <v>82</v>
      </c>
      <c r="AF10159">
        <v>83</v>
      </c>
      <c r="AG10159">
        <v>83</v>
      </c>
      <c r="AH10159">
        <v>83</v>
      </c>
      <c r="AI10159">
        <v>83</v>
      </c>
      <c r="AJ10159">
        <v>83</v>
      </c>
      <c r="AK10159">
        <v>84</v>
      </c>
      <c r="AL10159">
        <v>84</v>
      </c>
      <c r="AM10159">
        <v>84</v>
      </c>
      <c r="AN10159">
        <v>84</v>
      </c>
      <c r="AO10159">
        <v>84</v>
      </c>
      <c r="AP10159">
        <v>84</v>
      </c>
      <c r="AQ10159">
        <v>84</v>
      </c>
    </row>
    <row r="10160" spans="1:43">
      <c r="A10160" t="s">
        <v>6336</v>
      </c>
      <c r="B10160" t="s">
        <v>6337</v>
      </c>
      <c r="C10160" t="s">
        <v>6326</v>
      </c>
      <c r="D10160" t="s">
        <v>6327</v>
      </c>
      <c r="E10160" t="s">
        <v>6174</v>
      </c>
      <c r="F10160" t="s">
        <v>6175</v>
      </c>
      <c r="G10160" t="s">
        <v>80</v>
      </c>
      <c r="H10160" t="s">
        <v>81</v>
      </c>
      <c r="I10160" s="2">
        <v>0</v>
      </c>
      <c r="J10160" s="2">
        <v>1</v>
      </c>
      <c r="K10160" s="2">
        <v>0</v>
      </c>
      <c r="L10160" t="s">
        <v>82</v>
      </c>
      <c r="M10160" t="s">
        <v>89</v>
      </c>
      <c r="N10160" t="s">
        <v>90</v>
      </c>
      <c r="O10160" t="s">
        <v>85</v>
      </c>
      <c r="P10160" t="s">
        <v>86</v>
      </c>
      <c r="Q10160">
        <v>79</v>
      </c>
      <c r="R10160">
        <v>81</v>
      </c>
      <c r="S10160">
        <v>82</v>
      </c>
      <c r="T10160">
        <v>84</v>
      </c>
      <c r="U10160">
        <v>85</v>
      </c>
      <c r="V10160">
        <v>87</v>
      </c>
      <c r="W10160">
        <v>88</v>
      </c>
      <c r="X10160">
        <v>90</v>
      </c>
      <c r="Y10160">
        <v>91</v>
      </c>
      <c r="Z10160">
        <v>92</v>
      </c>
      <c r="AA10160">
        <v>93</v>
      </c>
      <c r="AB10160">
        <v>94</v>
      </c>
      <c r="AC10160">
        <v>96</v>
      </c>
      <c r="AD10160">
        <v>97</v>
      </c>
      <c r="AE10160">
        <v>98</v>
      </c>
      <c r="AF10160">
        <v>97</v>
      </c>
      <c r="AG10160">
        <v>97</v>
      </c>
      <c r="AH10160">
        <v>97</v>
      </c>
      <c r="AI10160">
        <v>97</v>
      </c>
      <c r="AJ10160">
        <v>97</v>
      </c>
      <c r="AK10160">
        <v>97</v>
      </c>
      <c r="AL10160">
        <v>97</v>
      </c>
      <c r="AM10160">
        <v>96</v>
      </c>
      <c r="AN10160">
        <v>96</v>
      </c>
      <c r="AO10160">
        <v>96</v>
      </c>
      <c r="AP10160">
        <v>96</v>
      </c>
      <c r="AQ10160">
        <v>96</v>
      </c>
    </row>
    <row r="10161" spans="1:43">
      <c r="A10161" t="s">
        <v>6336</v>
      </c>
      <c r="B10161" t="s">
        <v>6337</v>
      </c>
      <c r="C10161" t="s">
        <v>6326</v>
      </c>
      <c r="D10161" t="s">
        <v>6327</v>
      </c>
      <c r="E10161" t="s">
        <v>6174</v>
      </c>
      <c r="F10161" t="s">
        <v>6175</v>
      </c>
      <c r="G10161" t="s">
        <v>80</v>
      </c>
      <c r="H10161" t="s">
        <v>81</v>
      </c>
      <c r="I10161" s="2">
        <v>0</v>
      </c>
      <c r="J10161" s="2">
        <v>1</v>
      </c>
      <c r="K10161" s="2">
        <v>0</v>
      </c>
      <c r="L10161" t="s">
        <v>82</v>
      </c>
      <c r="M10161" t="s">
        <v>83</v>
      </c>
      <c r="N10161" t="s">
        <v>91</v>
      </c>
      <c r="O10161" t="s">
        <v>85</v>
      </c>
      <c r="P10161" t="s">
        <v>86</v>
      </c>
      <c r="Q10161">
        <v>79</v>
      </c>
      <c r="R10161">
        <v>80</v>
      </c>
      <c r="S10161">
        <v>81</v>
      </c>
      <c r="T10161">
        <v>82</v>
      </c>
      <c r="U10161">
        <v>83</v>
      </c>
      <c r="V10161">
        <v>84</v>
      </c>
      <c r="W10161">
        <v>85</v>
      </c>
      <c r="X10161">
        <v>86</v>
      </c>
      <c r="Y10161">
        <v>87</v>
      </c>
      <c r="Z10161">
        <v>88</v>
      </c>
      <c r="AA10161">
        <v>89</v>
      </c>
      <c r="AB10161">
        <v>90</v>
      </c>
      <c r="AC10161">
        <v>90</v>
      </c>
      <c r="AD10161">
        <v>91</v>
      </c>
      <c r="AE10161">
        <v>92</v>
      </c>
      <c r="AF10161">
        <v>93</v>
      </c>
      <c r="AG10161">
        <v>94</v>
      </c>
      <c r="AH10161">
        <v>94</v>
      </c>
      <c r="AI10161">
        <v>95</v>
      </c>
      <c r="AJ10161">
        <v>96</v>
      </c>
      <c r="AK10161">
        <v>97</v>
      </c>
      <c r="AL10161">
        <v>97</v>
      </c>
      <c r="AM10161">
        <v>97</v>
      </c>
      <c r="AN10161">
        <v>96</v>
      </c>
      <c r="AO10161">
        <v>96</v>
      </c>
      <c r="AP10161">
        <v>96</v>
      </c>
      <c r="AQ10161">
        <v>96</v>
      </c>
    </row>
    <row r="10162" spans="1:43">
      <c r="A10162" t="s">
        <v>6338</v>
      </c>
      <c r="B10162" t="s">
        <v>6339</v>
      </c>
      <c r="C10162" t="s">
        <v>6326</v>
      </c>
      <c r="D10162" t="s">
        <v>6327</v>
      </c>
      <c r="E10162" t="s">
        <v>6174</v>
      </c>
      <c r="F10162" t="s">
        <v>6175</v>
      </c>
      <c r="G10162" t="s">
        <v>80</v>
      </c>
      <c r="H10162" t="s">
        <v>81</v>
      </c>
      <c r="I10162" s="2">
        <v>0</v>
      </c>
      <c r="J10162" s="2">
        <v>1</v>
      </c>
      <c r="K10162" s="2">
        <v>0</v>
      </c>
      <c r="L10162" t="s">
        <v>82</v>
      </c>
      <c r="M10162" t="s">
        <v>83</v>
      </c>
      <c r="N10162" t="s">
        <v>84</v>
      </c>
      <c r="O10162" t="s">
        <v>85</v>
      </c>
      <c r="P10162" t="s">
        <v>86</v>
      </c>
      <c r="Q10162">
        <v>31</v>
      </c>
      <c r="R10162">
        <v>31</v>
      </c>
      <c r="S10162">
        <v>32</v>
      </c>
      <c r="T10162">
        <v>32</v>
      </c>
      <c r="U10162">
        <v>32</v>
      </c>
      <c r="V10162">
        <v>33</v>
      </c>
      <c r="W10162">
        <v>33</v>
      </c>
      <c r="X10162">
        <v>33</v>
      </c>
      <c r="Y10162">
        <v>34</v>
      </c>
      <c r="Z10162">
        <v>34</v>
      </c>
      <c r="AA10162">
        <v>35</v>
      </c>
      <c r="AB10162">
        <v>35</v>
      </c>
      <c r="AC10162">
        <v>35</v>
      </c>
      <c r="AD10162">
        <v>35</v>
      </c>
      <c r="AE10162">
        <v>36</v>
      </c>
      <c r="AF10162">
        <v>36</v>
      </c>
      <c r="AG10162">
        <v>36</v>
      </c>
      <c r="AH10162">
        <v>37</v>
      </c>
      <c r="AI10162">
        <v>37</v>
      </c>
      <c r="AJ10162">
        <v>37</v>
      </c>
      <c r="AK10162">
        <v>38</v>
      </c>
      <c r="AL10162">
        <v>38</v>
      </c>
      <c r="AM10162">
        <v>38</v>
      </c>
      <c r="AN10162">
        <v>38</v>
      </c>
      <c r="AO10162">
        <v>37</v>
      </c>
      <c r="AP10162">
        <v>37</v>
      </c>
      <c r="AQ10162">
        <v>37</v>
      </c>
    </row>
    <row r="10163" spans="1:43">
      <c r="A10163" t="s">
        <v>6338</v>
      </c>
      <c r="B10163" t="s">
        <v>6339</v>
      </c>
      <c r="C10163" t="s">
        <v>6326</v>
      </c>
      <c r="D10163" t="s">
        <v>6327</v>
      </c>
      <c r="E10163" t="s">
        <v>6174</v>
      </c>
      <c r="F10163" t="s">
        <v>6175</v>
      </c>
      <c r="G10163" t="s">
        <v>80</v>
      </c>
      <c r="H10163" t="s">
        <v>81</v>
      </c>
      <c r="I10163" s="2">
        <v>0</v>
      </c>
      <c r="J10163" s="2">
        <v>1</v>
      </c>
      <c r="K10163" s="2">
        <v>0</v>
      </c>
      <c r="L10163" t="s">
        <v>82</v>
      </c>
      <c r="M10163" t="s">
        <v>87</v>
      </c>
      <c r="N10163" t="s">
        <v>88</v>
      </c>
      <c r="O10163" t="s">
        <v>85</v>
      </c>
      <c r="P10163" t="s">
        <v>86</v>
      </c>
      <c r="Q10163">
        <v>31</v>
      </c>
      <c r="R10163">
        <v>31</v>
      </c>
      <c r="S10163">
        <v>31</v>
      </c>
      <c r="T10163">
        <v>31</v>
      </c>
      <c r="U10163">
        <v>31</v>
      </c>
      <c r="V10163">
        <v>31</v>
      </c>
      <c r="W10163">
        <v>31</v>
      </c>
      <c r="X10163">
        <v>31</v>
      </c>
      <c r="Y10163">
        <v>31</v>
      </c>
      <c r="Z10163">
        <v>31</v>
      </c>
      <c r="AA10163">
        <v>31</v>
      </c>
      <c r="AB10163">
        <v>31</v>
      </c>
      <c r="AC10163">
        <v>32</v>
      </c>
      <c r="AD10163">
        <v>32</v>
      </c>
      <c r="AE10163">
        <v>32</v>
      </c>
      <c r="AF10163">
        <v>32</v>
      </c>
      <c r="AG10163">
        <v>32</v>
      </c>
      <c r="AH10163">
        <v>32</v>
      </c>
      <c r="AI10163">
        <v>32</v>
      </c>
      <c r="AJ10163">
        <v>32</v>
      </c>
      <c r="AK10163">
        <v>32</v>
      </c>
      <c r="AL10163">
        <v>32</v>
      </c>
      <c r="AM10163">
        <v>32</v>
      </c>
      <c r="AN10163">
        <v>32</v>
      </c>
      <c r="AO10163">
        <v>32</v>
      </c>
      <c r="AP10163">
        <v>32</v>
      </c>
      <c r="AQ10163">
        <v>32</v>
      </c>
    </row>
    <row r="10164" spans="1:43">
      <c r="A10164" t="s">
        <v>6338</v>
      </c>
      <c r="B10164" t="s">
        <v>6339</v>
      </c>
      <c r="C10164" t="s">
        <v>6326</v>
      </c>
      <c r="D10164" t="s">
        <v>6327</v>
      </c>
      <c r="E10164" t="s">
        <v>6174</v>
      </c>
      <c r="F10164" t="s">
        <v>6175</v>
      </c>
      <c r="G10164" t="s">
        <v>80</v>
      </c>
      <c r="H10164" t="s">
        <v>81</v>
      </c>
      <c r="I10164" s="2">
        <v>0</v>
      </c>
      <c r="J10164" s="2">
        <v>1</v>
      </c>
      <c r="K10164" s="2">
        <v>0</v>
      </c>
      <c r="L10164" t="s">
        <v>82</v>
      </c>
      <c r="M10164" t="s">
        <v>89</v>
      </c>
      <c r="N10164" t="s">
        <v>90</v>
      </c>
      <c r="O10164" t="s">
        <v>85</v>
      </c>
      <c r="P10164" t="s">
        <v>86</v>
      </c>
      <c r="Q10164">
        <v>31</v>
      </c>
      <c r="R10164">
        <v>32</v>
      </c>
      <c r="S10164">
        <v>32</v>
      </c>
      <c r="T10164">
        <v>33</v>
      </c>
      <c r="U10164">
        <v>34</v>
      </c>
      <c r="V10164">
        <v>34</v>
      </c>
      <c r="W10164">
        <v>35</v>
      </c>
      <c r="X10164">
        <v>35</v>
      </c>
      <c r="Y10164">
        <v>36</v>
      </c>
      <c r="Z10164">
        <v>36</v>
      </c>
      <c r="AA10164">
        <v>37</v>
      </c>
      <c r="AB10164">
        <v>37</v>
      </c>
      <c r="AC10164">
        <v>38</v>
      </c>
      <c r="AD10164">
        <v>38</v>
      </c>
      <c r="AE10164">
        <v>38</v>
      </c>
      <c r="AF10164">
        <v>38</v>
      </c>
      <c r="AG10164">
        <v>38</v>
      </c>
      <c r="AH10164">
        <v>38</v>
      </c>
      <c r="AI10164">
        <v>38</v>
      </c>
      <c r="AJ10164">
        <v>38</v>
      </c>
      <c r="AK10164">
        <v>38</v>
      </c>
      <c r="AL10164">
        <v>38</v>
      </c>
      <c r="AM10164">
        <v>38</v>
      </c>
      <c r="AN10164">
        <v>38</v>
      </c>
      <c r="AO10164">
        <v>38</v>
      </c>
      <c r="AP10164">
        <v>38</v>
      </c>
      <c r="AQ10164">
        <v>38</v>
      </c>
    </row>
    <row r="10165" spans="1:43">
      <c r="A10165" t="s">
        <v>6338</v>
      </c>
      <c r="B10165" t="s">
        <v>6339</v>
      </c>
      <c r="C10165" t="s">
        <v>6326</v>
      </c>
      <c r="D10165" t="s">
        <v>6327</v>
      </c>
      <c r="E10165" t="s">
        <v>6174</v>
      </c>
      <c r="F10165" t="s">
        <v>6175</v>
      </c>
      <c r="G10165" t="s">
        <v>80</v>
      </c>
      <c r="H10165" t="s">
        <v>81</v>
      </c>
      <c r="I10165" s="2">
        <v>0</v>
      </c>
      <c r="J10165" s="2">
        <v>1</v>
      </c>
      <c r="K10165" s="2">
        <v>0</v>
      </c>
      <c r="L10165" t="s">
        <v>82</v>
      </c>
      <c r="M10165" t="s">
        <v>83</v>
      </c>
      <c r="N10165" t="s">
        <v>91</v>
      </c>
      <c r="O10165" t="s">
        <v>85</v>
      </c>
      <c r="P10165" t="s">
        <v>86</v>
      </c>
      <c r="Q10165">
        <v>31</v>
      </c>
      <c r="R10165">
        <v>31</v>
      </c>
      <c r="S10165">
        <v>32</v>
      </c>
      <c r="T10165">
        <v>32</v>
      </c>
      <c r="U10165">
        <v>32</v>
      </c>
      <c r="V10165">
        <v>33</v>
      </c>
      <c r="W10165">
        <v>33</v>
      </c>
      <c r="X10165">
        <v>33</v>
      </c>
      <c r="Y10165">
        <v>34</v>
      </c>
      <c r="Z10165">
        <v>34</v>
      </c>
      <c r="AA10165">
        <v>35</v>
      </c>
      <c r="AB10165">
        <v>35</v>
      </c>
      <c r="AC10165">
        <v>35</v>
      </c>
      <c r="AD10165">
        <v>35</v>
      </c>
      <c r="AE10165">
        <v>36</v>
      </c>
      <c r="AF10165">
        <v>36</v>
      </c>
      <c r="AG10165">
        <v>36</v>
      </c>
      <c r="AH10165">
        <v>37</v>
      </c>
      <c r="AI10165">
        <v>37</v>
      </c>
      <c r="AJ10165">
        <v>37</v>
      </c>
      <c r="AK10165">
        <v>38</v>
      </c>
      <c r="AL10165">
        <v>38</v>
      </c>
      <c r="AM10165">
        <v>38</v>
      </c>
      <c r="AN10165">
        <v>38</v>
      </c>
      <c r="AO10165">
        <v>37</v>
      </c>
      <c r="AP10165">
        <v>37</v>
      </c>
      <c r="AQ10165">
        <v>37</v>
      </c>
    </row>
    <row r="10166" spans="1:43">
      <c r="A10166" t="s">
        <v>6340</v>
      </c>
      <c r="B10166" t="s">
        <v>6341</v>
      </c>
      <c r="C10166" t="s">
        <v>6342</v>
      </c>
      <c r="D10166" t="s">
        <v>6343</v>
      </c>
      <c r="E10166" t="s">
        <v>6174</v>
      </c>
      <c r="F10166" t="s">
        <v>6175</v>
      </c>
      <c r="G10166" t="s">
        <v>80</v>
      </c>
      <c r="H10166" t="s">
        <v>81</v>
      </c>
      <c r="I10166" s="2">
        <v>0</v>
      </c>
      <c r="J10166" s="2">
        <v>1</v>
      </c>
      <c r="K10166" s="2">
        <v>0</v>
      </c>
      <c r="L10166" t="s">
        <v>82</v>
      </c>
      <c r="M10166" t="s">
        <v>83</v>
      </c>
      <c r="N10166" t="s">
        <v>84</v>
      </c>
      <c r="O10166" t="s">
        <v>85</v>
      </c>
      <c r="P10166" t="s">
        <v>86</v>
      </c>
      <c r="Q10166">
        <v>24</v>
      </c>
      <c r="R10166">
        <v>24</v>
      </c>
      <c r="S10166">
        <v>24</v>
      </c>
      <c r="T10166">
        <v>25</v>
      </c>
      <c r="U10166">
        <v>25</v>
      </c>
      <c r="V10166">
        <v>25</v>
      </c>
      <c r="W10166">
        <v>26</v>
      </c>
      <c r="X10166">
        <v>26</v>
      </c>
      <c r="Y10166">
        <v>26</v>
      </c>
      <c r="Z10166">
        <v>26</v>
      </c>
      <c r="AA10166">
        <v>27</v>
      </c>
      <c r="AB10166">
        <v>27</v>
      </c>
      <c r="AC10166">
        <v>27</v>
      </c>
      <c r="AD10166">
        <v>27</v>
      </c>
      <c r="AE10166">
        <v>28</v>
      </c>
      <c r="AF10166">
        <v>28</v>
      </c>
      <c r="AG10166">
        <v>28</v>
      </c>
      <c r="AH10166">
        <v>28</v>
      </c>
      <c r="AI10166">
        <v>28</v>
      </c>
      <c r="AJ10166">
        <v>29</v>
      </c>
      <c r="AK10166">
        <v>29</v>
      </c>
      <c r="AL10166">
        <v>29</v>
      </c>
      <c r="AM10166">
        <v>29</v>
      </c>
      <c r="AN10166">
        <v>29</v>
      </c>
      <c r="AO10166">
        <v>29</v>
      </c>
      <c r="AP10166">
        <v>29</v>
      </c>
      <c r="AQ10166">
        <v>29</v>
      </c>
    </row>
    <row r="10167" spans="1:43">
      <c r="A10167" t="s">
        <v>6340</v>
      </c>
      <c r="B10167" t="s">
        <v>6341</v>
      </c>
      <c r="C10167" t="s">
        <v>6342</v>
      </c>
      <c r="D10167" t="s">
        <v>6343</v>
      </c>
      <c r="E10167" t="s">
        <v>6174</v>
      </c>
      <c r="F10167" t="s">
        <v>6175</v>
      </c>
      <c r="G10167" t="s">
        <v>80</v>
      </c>
      <c r="H10167" t="s">
        <v>81</v>
      </c>
      <c r="I10167" s="2">
        <v>0</v>
      </c>
      <c r="J10167" s="2">
        <v>1</v>
      </c>
      <c r="K10167" s="2">
        <v>0</v>
      </c>
      <c r="L10167" t="s">
        <v>82</v>
      </c>
      <c r="M10167" t="s">
        <v>87</v>
      </c>
      <c r="N10167" t="s">
        <v>88</v>
      </c>
      <c r="O10167" t="s">
        <v>85</v>
      </c>
      <c r="P10167" t="s">
        <v>86</v>
      </c>
      <c r="Q10167">
        <v>24</v>
      </c>
      <c r="R10167">
        <v>24</v>
      </c>
      <c r="S10167">
        <v>24</v>
      </c>
      <c r="T10167">
        <v>24</v>
      </c>
      <c r="U10167">
        <v>24</v>
      </c>
      <c r="V10167">
        <v>24</v>
      </c>
      <c r="W10167">
        <v>24</v>
      </c>
      <c r="X10167">
        <v>24</v>
      </c>
      <c r="Y10167">
        <v>24</v>
      </c>
      <c r="Z10167">
        <v>24</v>
      </c>
      <c r="AA10167">
        <v>24</v>
      </c>
      <c r="AB10167">
        <v>24</v>
      </c>
      <c r="AC10167">
        <v>24</v>
      </c>
      <c r="AD10167">
        <v>24</v>
      </c>
      <c r="AE10167">
        <v>24</v>
      </c>
      <c r="AF10167">
        <v>24</v>
      </c>
      <c r="AG10167">
        <v>24</v>
      </c>
      <c r="AH10167">
        <v>25</v>
      </c>
      <c r="AI10167">
        <v>25</v>
      </c>
      <c r="AJ10167">
        <v>25</v>
      </c>
      <c r="AK10167">
        <v>25</v>
      </c>
      <c r="AL10167">
        <v>25</v>
      </c>
      <c r="AM10167">
        <v>25</v>
      </c>
      <c r="AN10167">
        <v>25</v>
      </c>
      <c r="AO10167">
        <v>25</v>
      </c>
      <c r="AP10167">
        <v>25</v>
      </c>
      <c r="AQ10167">
        <v>25</v>
      </c>
    </row>
    <row r="10168" spans="1:43">
      <c r="A10168" t="s">
        <v>6340</v>
      </c>
      <c r="B10168" t="s">
        <v>6341</v>
      </c>
      <c r="C10168" t="s">
        <v>6342</v>
      </c>
      <c r="D10168" t="s">
        <v>6343</v>
      </c>
      <c r="E10168" t="s">
        <v>6174</v>
      </c>
      <c r="F10168" t="s">
        <v>6175</v>
      </c>
      <c r="G10168" t="s">
        <v>80</v>
      </c>
      <c r="H10168" t="s">
        <v>81</v>
      </c>
      <c r="I10168" s="2">
        <v>0</v>
      </c>
      <c r="J10168" s="2">
        <v>1</v>
      </c>
      <c r="K10168" s="2">
        <v>0</v>
      </c>
      <c r="L10168" t="s">
        <v>82</v>
      </c>
      <c r="M10168" t="s">
        <v>89</v>
      </c>
      <c r="N10168" t="s">
        <v>90</v>
      </c>
      <c r="O10168" t="s">
        <v>85</v>
      </c>
      <c r="P10168" t="s">
        <v>86</v>
      </c>
      <c r="Q10168">
        <v>24</v>
      </c>
      <c r="R10168">
        <v>25</v>
      </c>
      <c r="S10168">
        <v>25</v>
      </c>
      <c r="T10168">
        <v>25</v>
      </c>
      <c r="U10168">
        <v>26</v>
      </c>
      <c r="V10168">
        <v>26</v>
      </c>
      <c r="W10168">
        <v>27</v>
      </c>
      <c r="X10168">
        <v>27</v>
      </c>
      <c r="Y10168">
        <v>28</v>
      </c>
      <c r="Z10168">
        <v>28</v>
      </c>
      <c r="AA10168">
        <v>28</v>
      </c>
      <c r="AB10168">
        <v>29</v>
      </c>
      <c r="AC10168">
        <v>29</v>
      </c>
      <c r="AD10168">
        <v>29</v>
      </c>
      <c r="AE10168">
        <v>30</v>
      </c>
      <c r="AF10168">
        <v>29</v>
      </c>
      <c r="AG10168">
        <v>29</v>
      </c>
      <c r="AH10168">
        <v>29</v>
      </c>
      <c r="AI10168">
        <v>29</v>
      </c>
      <c r="AJ10168">
        <v>29</v>
      </c>
      <c r="AK10168">
        <v>29</v>
      </c>
      <c r="AL10168">
        <v>29</v>
      </c>
      <c r="AM10168">
        <v>29</v>
      </c>
      <c r="AN10168">
        <v>29</v>
      </c>
      <c r="AO10168">
        <v>29</v>
      </c>
      <c r="AP10168">
        <v>29</v>
      </c>
      <c r="AQ10168">
        <v>29</v>
      </c>
    </row>
    <row r="10169" spans="1:43">
      <c r="A10169" t="s">
        <v>6340</v>
      </c>
      <c r="B10169" t="s">
        <v>6341</v>
      </c>
      <c r="C10169" t="s">
        <v>6342</v>
      </c>
      <c r="D10169" t="s">
        <v>6343</v>
      </c>
      <c r="E10169" t="s">
        <v>6174</v>
      </c>
      <c r="F10169" t="s">
        <v>6175</v>
      </c>
      <c r="G10169" t="s">
        <v>80</v>
      </c>
      <c r="H10169" t="s">
        <v>81</v>
      </c>
      <c r="I10169" s="2">
        <v>0</v>
      </c>
      <c r="J10169" s="2">
        <v>1</v>
      </c>
      <c r="K10169" s="2">
        <v>0</v>
      </c>
      <c r="L10169" t="s">
        <v>82</v>
      </c>
      <c r="M10169" t="s">
        <v>83</v>
      </c>
      <c r="N10169" t="s">
        <v>91</v>
      </c>
      <c r="O10169" t="s">
        <v>85</v>
      </c>
      <c r="P10169" t="s">
        <v>86</v>
      </c>
      <c r="Q10169">
        <v>24</v>
      </c>
      <c r="R10169">
        <v>24</v>
      </c>
      <c r="S10169">
        <v>24</v>
      </c>
      <c r="T10169">
        <v>25</v>
      </c>
      <c r="U10169">
        <v>25</v>
      </c>
      <c r="V10169">
        <v>25</v>
      </c>
      <c r="W10169">
        <v>26</v>
      </c>
      <c r="X10169">
        <v>26</v>
      </c>
      <c r="Y10169">
        <v>26</v>
      </c>
      <c r="Z10169">
        <v>26</v>
      </c>
      <c r="AA10169">
        <v>27</v>
      </c>
      <c r="AB10169">
        <v>27</v>
      </c>
      <c r="AC10169">
        <v>27</v>
      </c>
      <c r="AD10169">
        <v>27</v>
      </c>
      <c r="AE10169">
        <v>28</v>
      </c>
      <c r="AF10169">
        <v>28</v>
      </c>
      <c r="AG10169">
        <v>28</v>
      </c>
      <c r="AH10169">
        <v>28</v>
      </c>
      <c r="AI10169">
        <v>28</v>
      </c>
      <c r="AJ10169">
        <v>29</v>
      </c>
      <c r="AK10169">
        <v>29</v>
      </c>
      <c r="AL10169">
        <v>29</v>
      </c>
      <c r="AM10169">
        <v>29</v>
      </c>
      <c r="AN10169">
        <v>29</v>
      </c>
      <c r="AO10169">
        <v>29</v>
      </c>
      <c r="AP10169">
        <v>29</v>
      </c>
      <c r="AQ10169">
        <v>29</v>
      </c>
    </row>
    <row r="10170" spans="1:43">
      <c r="A10170" t="s">
        <v>6344</v>
      </c>
      <c r="B10170" t="s">
        <v>6345</v>
      </c>
      <c r="C10170" t="s">
        <v>6342</v>
      </c>
      <c r="D10170" t="s">
        <v>6343</v>
      </c>
      <c r="E10170" t="s">
        <v>6174</v>
      </c>
      <c r="F10170" t="s">
        <v>6175</v>
      </c>
      <c r="G10170" t="s">
        <v>80</v>
      </c>
      <c r="H10170" t="s">
        <v>81</v>
      </c>
      <c r="I10170" s="2">
        <v>0</v>
      </c>
      <c r="J10170" s="2">
        <v>1</v>
      </c>
      <c r="K10170" s="2">
        <v>0</v>
      </c>
      <c r="L10170" t="s">
        <v>82</v>
      </c>
      <c r="M10170" t="s">
        <v>83</v>
      </c>
      <c r="N10170" t="s">
        <v>84</v>
      </c>
      <c r="O10170" t="s">
        <v>85</v>
      </c>
      <c r="P10170" t="s">
        <v>86</v>
      </c>
      <c r="Q10170">
        <v>26</v>
      </c>
      <c r="R10170">
        <v>27</v>
      </c>
      <c r="S10170">
        <v>27</v>
      </c>
      <c r="T10170">
        <v>27</v>
      </c>
      <c r="U10170">
        <v>27</v>
      </c>
      <c r="V10170">
        <v>28</v>
      </c>
      <c r="W10170">
        <v>28</v>
      </c>
      <c r="X10170">
        <v>28</v>
      </c>
      <c r="Y10170">
        <v>29</v>
      </c>
      <c r="Z10170">
        <v>29</v>
      </c>
      <c r="AA10170">
        <v>29</v>
      </c>
      <c r="AB10170">
        <v>29</v>
      </c>
      <c r="AC10170">
        <v>30</v>
      </c>
      <c r="AD10170">
        <v>30</v>
      </c>
      <c r="AE10170">
        <v>30</v>
      </c>
      <c r="AF10170">
        <v>30</v>
      </c>
      <c r="AG10170">
        <v>31</v>
      </c>
      <c r="AH10170">
        <v>31</v>
      </c>
      <c r="AI10170">
        <v>31</v>
      </c>
      <c r="AJ10170">
        <v>31</v>
      </c>
      <c r="AK10170">
        <v>32</v>
      </c>
      <c r="AL10170">
        <v>32</v>
      </c>
      <c r="AM10170">
        <v>32</v>
      </c>
      <c r="AN10170">
        <v>32</v>
      </c>
      <c r="AO10170">
        <v>32</v>
      </c>
      <c r="AP10170">
        <v>31</v>
      </c>
      <c r="AQ10170">
        <v>31</v>
      </c>
    </row>
    <row r="10171" spans="1:43">
      <c r="A10171" t="s">
        <v>6344</v>
      </c>
      <c r="B10171" t="s">
        <v>6345</v>
      </c>
      <c r="C10171" t="s">
        <v>6342</v>
      </c>
      <c r="D10171" t="s">
        <v>6343</v>
      </c>
      <c r="E10171" t="s">
        <v>6174</v>
      </c>
      <c r="F10171" t="s">
        <v>6175</v>
      </c>
      <c r="G10171" t="s">
        <v>80</v>
      </c>
      <c r="H10171" t="s">
        <v>81</v>
      </c>
      <c r="I10171" s="2">
        <v>0</v>
      </c>
      <c r="J10171" s="2">
        <v>1</v>
      </c>
      <c r="K10171" s="2">
        <v>0</v>
      </c>
      <c r="L10171" t="s">
        <v>82</v>
      </c>
      <c r="M10171" t="s">
        <v>87</v>
      </c>
      <c r="N10171" t="s">
        <v>88</v>
      </c>
      <c r="O10171" t="s">
        <v>85</v>
      </c>
      <c r="P10171" t="s">
        <v>86</v>
      </c>
      <c r="Q10171">
        <v>26</v>
      </c>
      <c r="R10171">
        <v>26</v>
      </c>
      <c r="S10171">
        <v>26</v>
      </c>
      <c r="T10171">
        <v>26</v>
      </c>
      <c r="U10171">
        <v>26</v>
      </c>
      <c r="V10171">
        <v>26</v>
      </c>
      <c r="W10171">
        <v>26</v>
      </c>
      <c r="X10171">
        <v>26</v>
      </c>
      <c r="Y10171">
        <v>26</v>
      </c>
      <c r="Z10171">
        <v>27</v>
      </c>
      <c r="AA10171">
        <v>27</v>
      </c>
      <c r="AB10171">
        <v>27</v>
      </c>
      <c r="AC10171">
        <v>27</v>
      </c>
      <c r="AD10171">
        <v>27</v>
      </c>
      <c r="AE10171">
        <v>27</v>
      </c>
      <c r="AF10171">
        <v>27</v>
      </c>
      <c r="AG10171">
        <v>27</v>
      </c>
      <c r="AH10171">
        <v>27</v>
      </c>
      <c r="AI10171">
        <v>27</v>
      </c>
      <c r="AJ10171">
        <v>27</v>
      </c>
      <c r="AK10171">
        <v>27</v>
      </c>
      <c r="AL10171">
        <v>27</v>
      </c>
      <c r="AM10171">
        <v>27</v>
      </c>
      <c r="AN10171">
        <v>27</v>
      </c>
      <c r="AO10171">
        <v>27</v>
      </c>
      <c r="AP10171">
        <v>27</v>
      </c>
      <c r="AQ10171">
        <v>27</v>
      </c>
    </row>
    <row r="10172" spans="1:43">
      <c r="A10172" t="s">
        <v>6344</v>
      </c>
      <c r="B10172" t="s">
        <v>6345</v>
      </c>
      <c r="C10172" t="s">
        <v>6342</v>
      </c>
      <c r="D10172" t="s">
        <v>6343</v>
      </c>
      <c r="E10172" t="s">
        <v>6174</v>
      </c>
      <c r="F10172" t="s">
        <v>6175</v>
      </c>
      <c r="G10172" t="s">
        <v>80</v>
      </c>
      <c r="H10172" t="s">
        <v>81</v>
      </c>
      <c r="I10172" s="2">
        <v>0</v>
      </c>
      <c r="J10172" s="2">
        <v>1</v>
      </c>
      <c r="K10172" s="2">
        <v>0</v>
      </c>
      <c r="L10172" t="s">
        <v>82</v>
      </c>
      <c r="M10172" t="s">
        <v>89</v>
      </c>
      <c r="N10172" t="s">
        <v>90</v>
      </c>
      <c r="O10172" t="s">
        <v>85</v>
      </c>
      <c r="P10172" t="s">
        <v>86</v>
      </c>
      <c r="Q10172">
        <v>26</v>
      </c>
      <c r="R10172">
        <v>27</v>
      </c>
      <c r="S10172">
        <v>27</v>
      </c>
      <c r="T10172">
        <v>28</v>
      </c>
      <c r="U10172">
        <v>29</v>
      </c>
      <c r="V10172">
        <v>29</v>
      </c>
      <c r="W10172">
        <v>29</v>
      </c>
      <c r="X10172">
        <v>30</v>
      </c>
      <c r="Y10172">
        <v>30</v>
      </c>
      <c r="Z10172">
        <v>31</v>
      </c>
      <c r="AA10172">
        <v>31</v>
      </c>
      <c r="AB10172">
        <v>31</v>
      </c>
      <c r="AC10172">
        <v>32</v>
      </c>
      <c r="AD10172">
        <v>32</v>
      </c>
      <c r="AE10172">
        <v>32</v>
      </c>
      <c r="AF10172">
        <v>32</v>
      </c>
      <c r="AG10172">
        <v>32</v>
      </c>
      <c r="AH10172">
        <v>32</v>
      </c>
      <c r="AI10172">
        <v>32</v>
      </c>
      <c r="AJ10172">
        <v>32</v>
      </c>
      <c r="AK10172">
        <v>32</v>
      </c>
      <c r="AL10172">
        <v>32</v>
      </c>
      <c r="AM10172">
        <v>32</v>
      </c>
      <c r="AN10172">
        <v>32</v>
      </c>
      <c r="AO10172">
        <v>32</v>
      </c>
      <c r="AP10172">
        <v>32</v>
      </c>
      <c r="AQ10172">
        <v>32</v>
      </c>
    </row>
    <row r="10173" spans="1:43">
      <c r="A10173" t="s">
        <v>6344</v>
      </c>
      <c r="B10173" t="s">
        <v>6345</v>
      </c>
      <c r="C10173" t="s">
        <v>6342</v>
      </c>
      <c r="D10173" t="s">
        <v>6343</v>
      </c>
      <c r="E10173" t="s">
        <v>6174</v>
      </c>
      <c r="F10173" t="s">
        <v>6175</v>
      </c>
      <c r="G10173" t="s">
        <v>80</v>
      </c>
      <c r="H10173" t="s">
        <v>81</v>
      </c>
      <c r="I10173" s="2">
        <v>0</v>
      </c>
      <c r="J10173" s="2">
        <v>1</v>
      </c>
      <c r="K10173" s="2">
        <v>0</v>
      </c>
      <c r="L10173" t="s">
        <v>82</v>
      </c>
      <c r="M10173" t="s">
        <v>83</v>
      </c>
      <c r="N10173" t="s">
        <v>91</v>
      </c>
      <c r="O10173" t="s">
        <v>85</v>
      </c>
      <c r="P10173" t="s">
        <v>86</v>
      </c>
      <c r="Q10173">
        <v>26</v>
      </c>
      <c r="R10173">
        <v>27</v>
      </c>
      <c r="S10173">
        <v>27</v>
      </c>
      <c r="T10173">
        <v>27</v>
      </c>
      <c r="U10173">
        <v>27</v>
      </c>
      <c r="V10173">
        <v>28</v>
      </c>
      <c r="W10173">
        <v>28</v>
      </c>
      <c r="X10173">
        <v>28</v>
      </c>
      <c r="Y10173">
        <v>29</v>
      </c>
      <c r="Z10173">
        <v>29</v>
      </c>
      <c r="AA10173">
        <v>29</v>
      </c>
      <c r="AB10173">
        <v>29</v>
      </c>
      <c r="AC10173">
        <v>30</v>
      </c>
      <c r="AD10173">
        <v>30</v>
      </c>
      <c r="AE10173">
        <v>30</v>
      </c>
      <c r="AF10173">
        <v>30</v>
      </c>
      <c r="AG10173">
        <v>31</v>
      </c>
      <c r="AH10173">
        <v>31</v>
      </c>
      <c r="AI10173">
        <v>31</v>
      </c>
      <c r="AJ10173">
        <v>31</v>
      </c>
      <c r="AK10173">
        <v>32</v>
      </c>
      <c r="AL10173">
        <v>32</v>
      </c>
      <c r="AM10173">
        <v>32</v>
      </c>
      <c r="AN10173">
        <v>32</v>
      </c>
      <c r="AO10173">
        <v>32</v>
      </c>
      <c r="AP10173">
        <v>31</v>
      </c>
      <c r="AQ10173">
        <v>31</v>
      </c>
    </row>
    <row r="10174" spans="1:43">
      <c r="A10174" t="s">
        <v>6346</v>
      </c>
      <c r="B10174" t="s">
        <v>6347</v>
      </c>
      <c r="C10174" t="s">
        <v>6306</v>
      </c>
      <c r="D10174" t="s">
        <v>6307</v>
      </c>
      <c r="E10174" t="s">
        <v>6174</v>
      </c>
      <c r="F10174" t="s">
        <v>6175</v>
      </c>
      <c r="G10174" t="s">
        <v>80</v>
      </c>
      <c r="H10174" t="s">
        <v>81</v>
      </c>
      <c r="I10174" s="2">
        <v>0</v>
      </c>
      <c r="J10174" s="2">
        <v>1</v>
      </c>
      <c r="K10174" s="2">
        <v>0</v>
      </c>
      <c r="L10174" t="s">
        <v>82</v>
      </c>
      <c r="M10174" t="s">
        <v>83</v>
      </c>
      <c r="N10174" t="s">
        <v>84</v>
      </c>
      <c r="O10174" t="s">
        <v>85</v>
      </c>
      <c r="P10174" t="s">
        <v>86</v>
      </c>
      <c r="Q10174">
        <v>87</v>
      </c>
      <c r="R10174">
        <v>88</v>
      </c>
      <c r="S10174">
        <v>89</v>
      </c>
      <c r="T10174">
        <v>90</v>
      </c>
      <c r="U10174">
        <v>91</v>
      </c>
      <c r="V10174">
        <v>92</v>
      </c>
      <c r="W10174">
        <v>93</v>
      </c>
      <c r="X10174">
        <v>94</v>
      </c>
      <c r="Y10174">
        <v>95</v>
      </c>
      <c r="Z10174">
        <v>96</v>
      </c>
      <c r="AA10174">
        <v>97</v>
      </c>
      <c r="AB10174">
        <v>98</v>
      </c>
      <c r="AC10174">
        <v>99</v>
      </c>
      <c r="AD10174">
        <v>100</v>
      </c>
      <c r="AE10174">
        <v>100</v>
      </c>
      <c r="AF10174">
        <v>101</v>
      </c>
      <c r="AG10174">
        <v>102</v>
      </c>
      <c r="AH10174">
        <v>103</v>
      </c>
      <c r="AI10174">
        <v>104</v>
      </c>
      <c r="AJ10174">
        <v>105</v>
      </c>
      <c r="AK10174">
        <v>106</v>
      </c>
      <c r="AL10174">
        <v>106</v>
      </c>
      <c r="AM10174">
        <v>106</v>
      </c>
      <c r="AN10174">
        <v>105</v>
      </c>
      <c r="AO10174">
        <v>105</v>
      </c>
      <c r="AP10174">
        <v>105</v>
      </c>
      <c r="AQ10174">
        <v>105</v>
      </c>
    </row>
    <row r="10175" spans="1:43">
      <c r="A10175" t="s">
        <v>6346</v>
      </c>
      <c r="B10175" t="s">
        <v>6347</v>
      </c>
      <c r="C10175" t="s">
        <v>6306</v>
      </c>
      <c r="D10175" t="s">
        <v>6307</v>
      </c>
      <c r="E10175" t="s">
        <v>6174</v>
      </c>
      <c r="F10175" t="s">
        <v>6175</v>
      </c>
      <c r="G10175" t="s">
        <v>80</v>
      </c>
      <c r="H10175" t="s">
        <v>81</v>
      </c>
      <c r="I10175" s="2">
        <v>0</v>
      </c>
      <c r="J10175" s="2">
        <v>1</v>
      </c>
      <c r="K10175" s="2">
        <v>0</v>
      </c>
      <c r="L10175" t="s">
        <v>82</v>
      </c>
      <c r="M10175" t="s">
        <v>87</v>
      </c>
      <c r="N10175" t="s">
        <v>88</v>
      </c>
      <c r="O10175" t="s">
        <v>85</v>
      </c>
      <c r="P10175" t="s">
        <v>86</v>
      </c>
      <c r="Q10175">
        <v>87</v>
      </c>
      <c r="R10175">
        <v>87</v>
      </c>
      <c r="S10175">
        <v>87</v>
      </c>
      <c r="T10175">
        <v>88</v>
      </c>
      <c r="U10175">
        <v>88</v>
      </c>
      <c r="V10175">
        <v>88</v>
      </c>
      <c r="W10175">
        <v>88</v>
      </c>
      <c r="X10175">
        <v>89</v>
      </c>
      <c r="Y10175">
        <v>89</v>
      </c>
      <c r="Z10175">
        <v>89</v>
      </c>
      <c r="AA10175">
        <v>89</v>
      </c>
      <c r="AB10175">
        <v>89</v>
      </c>
      <c r="AC10175">
        <v>90</v>
      </c>
      <c r="AD10175">
        <v>90</v>
      </c>
      <c r="AE10175">
        <v>90</v>
      </c>
      <c r="AF10175">
        <v>90</v>
      </c>
      <c r="AG10175">
        <v>90</v>
      </c>
      <c r="AH10175">
        <v>90</v>
      </c>
      <c r="AI10175">
        <v>91</v>
      </c>
      <c r="AJ10175">
        <v>91</v>
      </c>
      <c r="AK10175">
        <v>91</v>
      </c>
      <c r="AL10175">
        <v>91</v>
      </c>
      <c r="AM10175">
        <v>91</v>
      </c>
      <c r="AN10175">
        <v>91</v>
      </c>
      <c r="AO10175">
        <v>92</v>
      </c>
      <c r="AP10175">
        <v>92</v>
      </c>
      <c r="AQ10175">
        <v>92</v>
      </c>
    </row>
    <row r="10176" spans="1:43">
      <c r="A10176" t="s">
        <v>6346</v>
      </c>
      <c r="B10176" t="s">
        <v>6347</v>
      </c>
      <c r="C10176" t="s">
        <v>6306</v>
      </c>
      <c r="D10176" t="s">
        <v>6307</v>
      </c>
      <c r="E10176" t="s">
        <v>6174</v>
      </c>
      <c r="F10176" t="s">
        <v>6175</v>
      </c>
      <c r="G10176" t="s">
        <v>80</v>
      </c>
      <c r="H10176" t="s">
        <v>81</v>
      </c>
      <c r="I10176" s="2">
        <v>0</v>
      </c>
      <c r="J10176" s="2">
        <v>1</v>
      </c>
      <c r="K10176" s="2">
        <v>0</v>
      </c>
      <c r="L10176" t="s">
        <v>82</v>
      </c>
      <c r="M10176" t="s">
        <v>89</v>
      </c>
      <c r="N10176" t="s">
        <v>90</v>
      </c>
      <c r="O10176" t="s">
        <v>85</v>
      </c>
      <c r="P10176" t="s">
        <v>86</v>
      </c>
      <c r="Q10176">
        <v>87</v>
      </c>
      <c r="R10176">
        <v>89</v>
      </c>
      <c r="S10176">
        <v>91</v>
      </c>
      <c r="T10176">
        <v>93</v>
      </c>
      <c r="U10176">
        <v>94</v>
      </c>
      <c r="V10176">
        <v>96</v>
      </c>
      <c r="W10176">
        <v>98</v>
      </c>
      <c r="X10176">
        <v>99</v>
      </c>
      <c r="Y10176">
        <v>101</v>
      </c>
      <c r="Z10176">
        <v>102</v>
      </c>
      <c r="AA10176">
        <v>103</v>
      </c>
      <c r="AB10176">
        <v>104</v>
      </c>
      <c r="AC10176">
        <v>106</v>
      </c>
      <c r="AD10176">
        <v>107</v>
      </c>
      <c r="AE10176">
        <v>108</v>
      </c>
      <c r="AF10176">
        <v>108</v>
      </c>
      <c r="AG10176">
        <v>108</v>
      </c>
      <c r="AH10176">
        <v>107</v>
      </c>
      <c r="AI10176">
        <v>107</v>
      </c>
      <c r="AJ10176">
        <v>107</v>
      </c>
      <c r="AK10176">
        <v>107</v>
      </c>
      <c r="AL10176">
        <v>107</v>
      </c>
      <c r="AM10176">
        <v>107</v>
      </c>
      <c r="AN10176">
        <v>106</v>
      </c>
      <c r="AO10176">
        <v>106</v>
      </c>
      <c r="AP10176">
        <v>106</v>
      </c>
      <c r="AQ10176">
        <v>106</v>
      </c>
    </row>
    <row r="10177" spans="1:43">
      <c r="A10177" t="s">
        <v>6346</v>
      </c>
      <c r="B10177" t="s">
        <v>6347</v>
      </c>
      <c r="C10177" t="s">
        <v>6306</v>
      </c>
      <c r="D10177" t="s">
        <v>6307</v>
      </c>
      <c r="E10177" t="s">
        <v>6174</v>
      </c>
      <c r="F10177" t="s">
        <v>6175</v>
      </c>
      <c r="G10177" t="s">
        <v>80</v>
      </c>
      <c r="H10177" t="s">
        <v>81</v>
      </c>
      <c r="I10177" s="2">
        <v>0</v>
      </c>
      <c r="J10177" s="2">
        <v>1</v>
      </c>
      <c r="K10177" s="2">
        <v>0</v>
      </c>
      <c r="L10177" t="s">
        <v>82</v>
      </c>
      <c r="M10177" t="s">
        <v>83</v>
      </c>
      <c r="N10177" t="s">
        <v>91</v>
      </c>
      <c r="O10177" t="s">
        <v>85</v>
      </c>
      <c r="P10177" t="s">
        <v>86</v>
      </c>
      <c r="Q10177">
        <v>87</v>
      </c>
      <c r="R10177">
        <v>88</v>
      </c>
      <c r="S10177">
        <v>89</v>
      </c>
      <c r="T10177">
        <v>90</v>
      </c>
      <c r="U10177">
        <v>91</v>
      </c>
      <c r="V10177">
        <v>92</v>
      </c>
      <c r="W10177">
        <v>93</v>
      </c>
      <c r="X10177">
        <v>94</v>
      </c>
      <c r="Y10177">
        <v>95</v>
      </c>
      <c r="Z10177">
        <v>96</v>
      </c>
      <c r="AA10177">
        <v>97</v>
      </c>
      <c r="AB10177">
        <v>98</v>
      </c>
      <c r="AC10177">
        <v>99</v>
      </c>
      <c r="AD10177">
        <v>100</v>
      </c>
      <c r="AE10177">
        <v>100</v>
      </c>
      <c r="AF10177">
        <v>101</v>
      </c>
      <c r="AG10177">
        <v>102</v>
      </c>
      <c r="AH10177">
        <v>103</v>
      </c>
      <c r="AI10177">
        <v>104</v>
      </c>
      <c r="AJ10177">
        <v>105</v>
      </c>
      <c r="AK10177">
        <v>106</v>
      </c>
      <c r="AL10177">
        <v>106</v>
      </c>
      <c r="AM10177">
        <v>106</v>
      </c>
      <c r="AN10177">
        <v>105</v>
      </c>
      <c r="AO10177">
        <v>105</v>
      </c>
      <c r="AP10177">
        <v>105</v>
      </c>
      <c r="AQ10177">
        <v>105</v>
      </c>
    </row>
    <row r="10178" spans="1:43">
      <c r="A10178" t="s">
        <v>6348</v>
      </c>
      <c r="B10178" t="s">
        <v>6349</v>
      </c>
      <c r="C10178" t="s">
        <v>6310</v>
      </c>
      <c r="D10178" t="s">
        <v>6311</v>
      </c>
      <c r="E10178" t="s">
        <v>6174</v>
      </c>
      <c r="F10178" t="s">
        <v>6175</v>
      </c>
      <c r="G10178" t="s">
        <v>80</v>
      </c>
      <c r="H10178" t="s">
        <v>81</v>
      </c>
      <c r="I10178" s="2">
        <v>0</v>
      </c>
      <c r="J10178" s="2">
        <v>1</v>
      </c>
      <c r="K10178" s="2">
        <v>0</v>
      </c>
      <c r="L10178" t="s">
        <v>82</v>
      </c>
      <c r="M10178" t="s">
        <v>83</v>
      </c>
      <c r="N10178" t="s">
        <v>84</v>
      </c>
      <c r="O10178" t="s">
        <v>85</v>
      </c>
      <c r="P10178" t="s">
        <v>86</v>
      </c>
      <c r="Q10178">
        <v>19</v>
      </c>
      <c r="R10178">
        <v>19</v>
      </c>
      <c r="S10178">
        <v>19</v>
      </c>
      <c r="T10178">
        <v>20</v>
      </c>
      <c r="U10178">
        <v>20</v>
      </c>
      <c r="V10178">
        <v>20</v>
      </c>
      <c r="W10178">
        <v>20</v>
      </c>
      <c r="X10178">
        <v>20</v>
      </c>
      <c r="Y10178">
        <v>21</v>
      </c>
      <c r="Z10178">
        <v>21</v>
      </c>
      <c r="AA10178">
        <v>21</v>
      </c>
      <c r="AB10178">
        <v>21</v>
      </c>
      <c r="AC10178">
        <v>21</v>
      </c>
      <c r="AD10178">
        <v>22</v>
      </c>
      <c r="AE10178">
        <v>22</v>
      </c>
      <c r="AF10178">
        <v>22</v>
      </c>
      <c r="AG10178">
        <v>22</v>
      </c>
      <c r="AH10178">
        <v>22</v>
      </c>
      <c r="AI10178">
        <v>23</v>
      </c>
      <c r="AJ10178">
        <v>23</v>
      </c>
      <c r="AK10178">
        <v>23</v>
      </c>
      <c r="AL10178">
        <v>23</v>
      </c>
      <c r="AM10178">
        <v>23</v>
      </c>
      <c r="AN10178">
        <v>23</v>
      </c>
      <c r="AO10178">
        <v>23</v>
      </c>
      <c r="AP10178">
        <v>23</v>
      </c>
      <c r="AQ10178">
        <v>23</v>
      </c>
    </row>
    <row r="10179" spans="1:43">
      <c r="A10179" t="s">
        <v>6348</v>
      </c>
      <c r="B10179" t="s">
        <v>6349</v>
      </c>
      <c r="C10179" t="s">
        <v>6310</v>
      </c>
      <c r="D10179" t="s">
        <v>6311</v>
      </c>
      <c r="E10179" t="s">
        <v>6174</v>
      </c>
      <c r="F10179" t="s">
        <v>6175</v>
      </c>
      <c r="G10179" t="s">
        <v>80</v>
      </c>
      <c r="H10179" t="s">
        <v>81</v>
      </c>
      <c r="I10179" s="2">
        <v>0</v>
      </c>
      <c r="J10179" s="2">
        <v>1</v>
      </c>
      <c r="K10179" s="2">
        <v>0</v>
      </c>
      <c r="L10179" t="s">
        <v>82</v>
      </c>
      <c r="M10179" t="s">
        <v>87</v>
      </c>
      <c r="N10179" t="s">
        <v>88</v>
      </c>
      <c r="O10179" t="s">
        <v>85</v>
      </c>
      <c r="P10179" t="s">
        <v>86</v>
      </c>
      <c r="Q10179">
        <v>19</v>
      </c>
      <c r="R10179">
        <v>19</v>
      </c>
      <c r="S10179">
        <v>19</v>
      </c>
      <c r="T10179">
        <v>19</v>
      </c>
      <c r="U10179">
        <v>19</v>
      </c>
      <c r="V10179">
        <v>19</v>
      </c>
      <c r="W10179">
        <v>19</v>
      </c>
      <c r="X10179">
        <v>19</v>
      </c>
      <c r="Y10179">
        <v>19</v>
      </c>
      <c r="Z10179">
        <v>19</v>
      </c>
      <c r="AA10179">
        <v>19</v>
      </c>
      <c r="AB10179">
        <v>19</v>
      </c>
      <c r="AC10179">
        <v>19</v>
      </c>
      <c r="AD10179">
        <v>19</v>
      </c>
      <c r="AE10179">
        <v>19</v>
      </c>
      <c r="AF10179">
        <v>19</v>
      </c>
      <c r="AG10179">
        <v>19</v>
      </c>
      <c r="AH10179">
        <v>19</v>
      </c>
      <c r="AI10179">
        <v>19</v>
      </c>
      <c r="AJ10179">
        <v>19</v>
      </c>
      <c r="AK10179">
        <v>20</v>
      </c>
      <c r="AL10179">
        <v>20</v>
      </c>
      <c r="AM10179">
        <v>20</v>
      </c>
      <c r="AN10179">
        <v>20</v>
      </c>
      <c r="AO10179">
        <v>20</v>
      </c>
      <c r="AP10179">
        <v>20</v>
      </c>
      <c r="AQ10179">
        <v>20</v>
      </c>
    </row>
    <row r="10180" spans="1:43">
      <c r="A10180" t="s">
        <v>6348</v>
      </c>
      <c r="B10180" t="s">
        <v>6349</v>
      </c>
      <c r="C10180" t="s">
        <v>6310</v>
      </c>
      <c r="D10180" t="s">
        <v>6311</v>
      </c>
      <c r="E10180" t="s">
        <v>6174</v>
      </c>
      <c r="F10180" t="s">
        <v>6175</v>
      </c>
      <c r="G10180" t="s">
        <v>80</v>
      </c>
      <c r="H10180" t="s">
        <v>81</v>
      </c>
      <c r="I10180" s="2">
        <v>0</v>
      </c>
      <c r="J10180" s="2">
        <v>1</v>
      </c>
      <c r="K10180" s="2">
        <v>0</v>
      </c>
      <c r="L10180" t="s">
        <v>82</v>
      </c>
      <c r="M10180" t="s">
        <v>89</v>
      </c>
      <c r="N10180" t="s">
        <v>90</v>
      </c>
      <c r="O10180" t="s">
        <v>85</v>
      </c>
      <c r="P10180" t="s">
        <v>86</v>
      </c>
      <c r="Q10180">
        <v>19</v>
      </c>
      <c r="R10180">
        <v>19</v>
      </c>
      <c r="S10180">
        <v>20</v>
      </c>
      <c r="T10180">
        <v>20</v>
      </c>
      <c r="U10180">
        <v>21</v>
      </c>
      <c r="V10180">
        <v>21</v>
      </c>
      <c r="W10180">
        <v>21</v>
      </c>
      <c r="X10180">
        <v>22</v>
      </c>
      <c r="Y10180">
        <v>22</v>
      </c>
      <c r="Z10180">
        <v>22</v>
      </c>
      <c r="AA10180">
        <v>22</v>
      </c>
      <c r="AB10180">
        <v>23</v>
      </c>
      <c r="AC10180">
        <v>23</v>
      </c>
      <c r="AD10180">
        <v>23</v>
      </c>
      <c r="AE10180">
        <v>23</v>
      </c>
      <c r="AF10180">
        <v>23</v>
      </c>
      <c r="AG10180">
        <v>23</v>
      </c>
      <c r="AH10180">
        <v>23</v>
      </c>
      <c r="AI10180">
        <v>23</v>
      </c>
      <c r="AJ10180">
        <v>23</v>
      </c>
      <c r="AK10180">
        <v>23</v>
      </c>
      <c r="AL10180">
        <v>23</v>
      </c>
      <c r="AM10180">
        <v>23</v>
      </c>
      <c r="AN10180">
        <v>23</v>
      </c>
      <c r="AO10180">
        <v>23</v>
      </c>
      <c r="AP10180">
        <v>23</v>
      </c>
      <c r="AQ10180">
        <v>23</v>
      </c>
    </row>
    <row r="10181" spans="1:43">
      <c r="A10181" t="s">
        <v>6348</v>
      </c>
      <c r="B10181" t="s">
        <v>6349</v>
      </c>
      <c r="C10181" t="s">
        <v>6310</v>
      </c>
      <c r="D10181" t="s">
        <v>6311</v>
      </c>
      <c r="E10181" t="s">
        <v>6174</v>
      </c>
      <c r="F10181" t="s">
        <v>6175</v>
      </c>
      <c r="G10181" t="s">
        <v>80</v>
      </c>
      <c r="H10181" t="s">
        <v>81</v>
      </c>
      <c r="I10181" s="2">
        <v>0</v>
      </c>
      <c r="J10181" s="2">
        <v>1</v>
      </c>
      <c r="K10181" s="2">
        <v>0</v>
      </c>
      <c r="L10181" t="s">
        <v>82</v>
      </c>
      <c r="M10181" t="s">
        <v>83</v>
      </c>
      <c r="N10181" t="s">
        <v>91</v>
      </c>
      <c r="O10181" t="s">
        <v>85</v>
      </c>
      <c r="P10181" t="s">
        <v>86</v>
      </c>
      <c r="Q10181">
        <v>19</v>
      </c>
      <c r="R10181">
        <v>19</v>
      </c>
      <c r="S10181">
        <v>19</v>
      </c>
      <c r="T10181">
        <v>20</v>
      </c>
      <c r="U10181">
        <v>20</v>
      </c>
      <c r="V10181">
        <v>20</v>
      </c>
      <c r="W10181">
        <v>20</v>
      </c>
      <c r="X10181">
        <v>20</v>
      </c>
      <c r="Y10181">
        <v>21</v>
      </c>
      <c r="Z10181">
        <v>21</v>
      </c>
      <c r="AA10181">
        <v>21</v>
      </c>
      <c r="AB10181">
        <v>21</v>
      </c>
      <c r="AC10181">
        <v>21</v>
      </c>
      <c r="AD10181">
        <v>22</v>
      </c>
      <c r="AE10181">
        <v>22</v>
      </c>
      <c r="AF10181">
        <v>22</v>
      </c>
      <c r="AG10181">
        <v>22</v>
      </c>
      <c r="AH10181">
        <v>22</v>
      </c>
      <c r="AI10181">
        <v>23</v>
      </c>
      <c r="AJ10181">
        <v>23</v>
      </c>
      <c r="AK10181">
        <v>23</v>
      </c>
      <c r="AL10181">
        <v>23</v>
      </c>
      <c r="AM10181">
        <v>23</v>
      </c>
      <c r="AN10181">
        <v>23</v>
      </c>
      <c r="AO10181">
        <v>23</v>
      </c>
      <c r="AP10181">
        <v>23</v>
      </c>
      <c r="AQ10181">
        <v>23</v>
      </c>
    </row>
    <row r="10182" spans="1:43">
      <c r="A10182" t="s">
        <v>6350</v>
      </c>
      <c r="B10182" t="s">
        <v>6351</v>
      </c>
      <c r="C10182" t="s">
        <v>6352</v>
      </c>
      <c r="D10182" t="s">
        <v>6353</v>
      </c>
      <c r="E10182" t="s">
        <v>6174</v>
      </c>
      <c r="F10182" t="s">
        <v>6175</v>
      </c>
      <c r="G10182" t="s">
        <v>80</v>
      </c>
      <c r="H10182" t="s">
        <v>81</v>
      </c>
      <c r="I10182" s="2">
        <v>0</v>
      </c>
      <c r="J10182" s="2">
        <v>1</v>
      </c>
      <c r="K10182" s="2">
        <v>0</v>
      </c>
      <c r="L10182" t="s">
        <v>82</v>
      </c>
      <c r="M10182" t="s">
        <v>83</v>
      </c>
      <c r="N10182" t="s">
        <v>84</v>
      </c>
      <c r="O10182" t="s">
        <v>85</v>
      </c>
      <c r="P10182" t="s">
        <v>86</v>
      </c>
      <c r="Q10182">
        <v>12</v>
      </c>
      <c r="R10182">
        <v>12</v>
      </c>
      <c r="S10182">
        <v>12</v>
      </c>
      <c r="T10182">
        <v>13</v>
      </c>
      <c r="U10182">
        <v>13</v>
      </c>
      <c r="V10182">
        <v>13</v>
      </c>
      <c r="W10182">
        <v>13</v>
      </c>
      <c r="X10182">
        <v>13</v>
      </c>
      <c r="Y10182">
        <v>13</v>
      </c>
      <c r="Z10182">
        <v>13</v>
      </c>
      <c r="AA10182">
        <v>13</v>
      </c>
      <c r="AB10182">
        <v>14</v>
      </c>
      <c r="AC10182">
        <v>14</v>
      </c>
      <c r="AD10182">
        <v>14</v>
      </c>
      <c r="AE10182">
        <v>14</v>
      </c>
      <c r="AF10182">
        <v>14</v>
      </c>
      <c r="AG10182">
        <v>14</v>
      </c>
      <c r="AH10182">
        <v>14</v>
      </c>
      <c r="AI10182">
        <v>14</v>
      </c>
      <c r="AJ10182">
        <v>15</v>
      </c>
      <c r="AK10182">
        <v>15</v>
      </c>
      <c r="AL10182">
        <v>15</v>
      </c>
      <c r="AM10182">
        <v>15</v>
      </c>
      <c r="AN10182">
        <v>15</v>
      </c>
      <c r="AO10182">
        <v>15</v>
      </c>
      <c r="AP10182">
        <v>15</v>
      </c>
      <c r="AQ10182">
        <v>14</v>
      </c>
    </row>
    <row r="10183" spans="1:43">
      <c r="A10183" t="s">
        <v>6350</v>
      </c>
      <c r="B10183" t="s">
        <v>6351</v>
      </c>
      <c r="C10183" t="s">
        <v>6352</v>
      </c>
      <c r="D10183" t="s">
        <v>6353</v>
      </c>
      <c r="E10183" t="s">
        <v>6174</v>
      </c>
      <c r="F10183" t="s">
        <v>6175</v>
      </c>
      <c r="G10183" t="s">
        <v>80</v>
      </c>
      <c r="H10183" t="s">
        <v>81</v>
      </c>
      <c r="I10183" s="2">
        <v>0</v>
      </c>
      <c r="J10183" s="2">
        <v>1</v>
      </c>
      <c r="K10183" s="2">
        <v>0</v>
      </c>
      <c r="L10183" t="s">
        <v>82</v>
      </c>
      <c r="M10183" t="s">
        <v>87</v>
      </c>
      <c r="N10183" t="s">
        <v>88</v>
      </c>
      <c r="O10183" t="s">
        <v>85</v>
      </c>
      <c r="P10183" t="s">
        <v>86</v>
      </c>
      <c r="Q10183">
        <v>12</v>
      </c>
      <c r="R10183">
        <v>12</v>
      </c>
      <c r="S10183">
        <v>12</v>
      </c>
      <c r="T10183">
        <v>12</v>
      </c>
      <c r="U10183">
        <v>12</v>
      </c>
      <c r="V10183">
        <v>12</v>
      </c>
      <c r="W10183">
        <v>12</v>
      </c>
      <c r="X10183">
        <v>12</v>
      </c>
      <c r="Y10183">
        <v>12</v>
      </c>
      <c r="Z10183">
        <v>12</v>
      </c>
      <c r="AA10183">
        <v>12</v>
      </c>
      <c r="AB10183">
        <v>12</v>
      </c>
      <c r="AC10183">
        <v>12</v>
      </c>
      <c r="AD10183">
        <v>12</v>
      </c>
      <c r="AE10183">
        <v>12</v>
      </c>
      <c r="AF10183">
        <v>12</v>
      </c>
      <c r="AG10183">
        <v>12</v>
      </c>
      <c r="AH10183">
        <v>12</v>
      </c>
      <c r="AI10183">
        <v>12</v>
      </c>
      <c r="AJ10183">
        <v>12</v>
      </c>
      <c r="AK10183">
        <v>12</v>
      </c>
      <c r="AL10183">
        <v>12</v>
      </c>
      <c r="AM10183">
        <v>13</v>
      </c>
      <c r="AN10183">
        <v>13</v>
      </c>
      <c r="AO10183">
        <v>13</v>
      </c>
      <c r="AP10183">
        <v>13</v>
      </c>
      <c r="AQ10183">
        <v>13</v>
      </c>
    </row>
    <row r="10184" spans="1:43">
      <c r="A10184" t="s">
        <v>6350</v>
      </c>
      <c r="B10184" t="s">
        <v>6351</v>
      </c>
      <c r="C10184" t="s">
        <v>6352</v>
      </c>
      <c r="D10184" t="s">
        <v>6353</v>
      </c>
      <c r="E10184" t="s">
        <v>6174</v>
      </c>
      <c r="F10184" t="s">
        <v>6175</v>
      </c>
      <c r="G10184" t="s">
        <v>80</v>
      </c>
      <c r="H10184" t="s">
        <v>81</v>
      </c>
      <c r="I10184" s="2">
        <v>0</v>
      </c>
      <c r="J10184" s="2">
        <v>1</v>
      </c>
      <c r="K10184" s="2">
        <v>0</v>
      </c>
      <c r="L10184" t="s">
        <v>82</v>
      </c>
      <c r="M10184" t="s">
        <v>89</v>
      </c>
      <c r="N10184" t="s">
        <v>90</v>
      </c>
      <c r="O10184" t="s">
        <v>85</v>
      </c>
      <c r="P10184" t="s">
        <v>86</v>
      </c>
      <c r="Q10184">
        <v>12</v>
      </c>
      <c r="R10184">
        <v>12</v>
      </c>
      <c r="S10184">
        <v>13</v>
      </c>
      <c r="T10184">
        <v>13</v>
      </c>
      <c r="U10184">
        <v>13</v>
      </c>
      <c r="V10184">
        <v>13</v>
      </c>
      <c r="W10184">
        <v>14</v>
      </c>
      <c r="X10184">
        <v>14</v>
      </c>
      <c r="Y10184">
        <v>14</v>
      </c>
      <c r="Z10184">
        <v>14</v>
      </c>
      <c r="AA10184">
        <v>14</v>
      </c>
      <c r="AB10184">
        <v>15</v>
      </c>
      <c r="AC10184">
        <v>15</v>
      </c>
      <c r="AD10184">
        <v>15</v>
      </c>
      <c r="AE10184">
        <v>15</v>
      </c>
      <c r="AF10184">
        <v>15</v>
      </c>
      <c r="AG10184">
        <v>15</v>
      </c>
      <c r="AH10184">
        <v>15</v>
      </c>
      <c r="AI10184">
        <v>15</v>
      </c>
      <c r="AJ10184">
        <v>15</v>
      </c>
      <c r="AK10184">
        <v>15</v>
      </c>
      <c r="AL10184">
        <v>15</v>
      </c>
      <c r="AM10184">
        <v>15</v>
      </c>
      <c r="AN10184">
        <v>15</v>
      </c>
      <c r="AO10184">
        <v>15</v>
      </c>
      <c r="AP10184">
        <v>15</v>
      </c>
      <c r="AQ10184">
        <v>15</v>
      </c>
    </row>
    <row r="10185" spans="1:43">
      <c r="A10185" t="s">
        <v>6350</v>
      </c>
      <c r="B10185" t="s">
        <v>6351</v>
      </c>
      <c r="C10185" t="s">
        <v>6352</v>
      </c>
      <c r="D10185" t="s">
        <v>6353</v>
      </c>
      <c r="E10185" t="s">
        <v>6174</v>
      </c>
      <c r="F10185" t="s">
        <v>6175</v>
      </c>
      <c r="G10185" t="s">
        <v>80</v>
      </c>
      <c r="H10185" t="s">
        <v>81</v>
      </c>
      <c r="I10185" s="2">
        <v>0</v>
      </c>
      <c r="J10185" s="2">
        <v>1</v>
      </c>
      <c r="K10185" s="2">
        <v>0</v>
      </c>
      <c r="L10185" t="s">
        <v>82</v>
      </c>
      <c r="M10185" t="s">
        <v>83</v>
      </c>
      <c r="N10185" t="s">
        <v>91</v>
      </c>
      <c r="O10185" t="s">
        <v>85</v>
      </c>
      <c r="P10185" t="s">
        <v>86</v>
      </c>
      <c r="Q10185">
        <v>12</v>
      </c>
      <c r="R10185">
        <v>12</v>
      </c>
      <c r="S10185">
        <v>12</v>
      </c>
      <c r="T10185">
        <v>13</v>
      </c>
      <c r="U10185">
        <v>13</v>
      </c>
      <c r="V10185">
        <v>13</v>
      </c>
      <c r="W10185">
        <v>13</v>
      </c>
      <c r="X10185">
        <v>13</v>
      </c>
      <c r="Y10185">
        <v>13</v>
      </c>
      <c r="Z10185">
        <v>13</v>
      </c>
      <c r="AA10185">
        <v>13</v>
      </c>
      <c r="AB10185">
        <v>14</v>
      </c>
      <c r="AC10185">
        <v>14</v>
      </c>
      <c r="AD10185">
        <v>14</v>
      </c>
      <c r="AE10185">
        <v>14</v>
      </c>
      <c r="AF10185">
        <v>14</v>
      </c>
      <c r="AG10185">
        <v>14</v>
      </c>
      <c r="AH10185">
        <v>14</v>
      </c>
      <c r="AI10185">
        <v>14</v>
      </c>
      <c r="AJ10185">
        <v>15</v>
      </c>
      <c r="AK10185">
        <v>15</v>
      </c>
      <c r="AL10185">
        <v>15</v>
      </c>
      <c r="AM10185">
        <v>15</v>
      </c>
      <c r="AN10185">
        <v>15</v>
      </c>
      <c r="AO10185">
        <v>15</v>
      </c>
      <c r="AP10185">
        <v>15</v>
      </c>
      <c r="AQ10185">
        <v>14</v>
      </c>
    </row>
    <row r="10186" spans="1:43">
      <c r="A10186" t="s">
        <v>6354</v>
      </c>
      <c r="B10186" t="s">
        <v>6355</v>
      </c>
      <c r="C10186" t="s">
        <v>6352</v>
      </c>
      <c r="D10186" t="s">
        <v>6353</v>
      </c>
      <c r="E10186" t="s">
        <v>6174</v>
      </c>
      <c r="F10186" t="s">
        <v>6175</v>
      </c>
      <c r="G10186" t="s">
        <v>80</v>
      </c>
      <c r="H10186" t="s">
        <v>81</v>
      </c>
      <c r="I10186" s="2">
        <v>0</v>
      </c>
      <c r="J10186" s="2">
        <v>1</v>
      </c>
      <c r="K10186" s="2">
        <v>0</v>
      </c>
      <c r="L10186" t="s">
        <v>82</v>
      </c>
      <c r="M10186" t="s">
        <v>83</v>
      </c>
      <c r="N10186" t="s">
        <v>84</v>
      </c>
      <c r="O10186" t="s">
        <v>85</v>
      </c>
      <c r="P10186" t="s">
        <v>86</v>
      </c>
      <c r="Q10186">
        <v>23</v>
      </c>
      <c r="R10186">
        <v>23</v>
      </c>
      <c r="S10186">
        <v>23</v>
      </c>
      <c r="T10186">
        <v>24</v>
      </c>
      <c r="U10186">
        <v>24</v>
      </c>
      <c r="V10186">
        <v>24</v>
      </c>
      <c r="W10186">
        <v>25</v>
      </c>
      <c r="X10186">
        <v>25</v>
      </c>
      <c r="Y10186">
        <v>25</v>
      </c>
      <c r="Z10186">
        <v>25</v>
      </c>
      <c r="AA10186">
        <v>26</v>
      </c>
      <c r="AB10186">
        <v>26</v>
      </c>
      <c r="AC10186">
        <v>26</v>
      </c>
      <c r="AD10186">
        <v>26</v>
      </c>
      <c r="AE10186">
        <v>27</v>
      </c>
      <c r="AF10186">
        <v>27</v>
      </c>
      <c r="AG10186">
        <v>27</v>
      </c>
      <c r="AH10186">
        <v>27</v>
      </c>
      <c r="AI10186">
        <v>27</v>
      </c>
      <c r="AJ10186">
        <v>28</v>
      </c>
      <c r="AK10186">
        <v>28</v>
      </c>
      <c r="AL10186">
        <v>28</v>
      </c>
      <c r="AM10186">
        <v>28</v>
      </c>
      <c r="AN10186">
        <v>28</v>
      </c>
      <c r="AO10186">
        <v>28</v>
      </c>
      <c r="AP10186">
        <v>28</v>
      </c>
      <c r="AQ10186">
        <v>28</v>
      </c>
    </row>
    <row r="10187" spans="1:43">
      <c r="A10187" t="s">
        <v>6354</v>
      </c>
      <c r="B10187" t="s">
        <v>6355</v>
      </c>
      <c r="C10187" t="s">
        <v>6352</v>
      </c>
      <c r="D10187" t="s">
        <v>6353</v>
      </c>
      <c r="E10187" t="s">
        <v>6174</v>
      </c>
      <c r="F10187" t="s">
        <v>6175</v>
      </c>
      <c r="G10187" t="s">
        <v>80</v>
      </c>
      <c r="H10187" t="s">
        <v>81</v>
      </c>
      <c r="I10187" s="2">
        <v>0</v>
      </c>
      <c r="J10187" s="2">
        <v>1</v>
      </c>
      <c r="K10187" s="2">
        <v>0</v>
      </c>
      <c r="L10187" t="s">
        <v>82</v>
      </c>
      <c r="M10187" t="s">
        <v>87</v>
      </c>
      <c r="N10187" t="s">
        <v>88</v>
      </c>
      <c r="O10187" t="s">
        <v>85</v>
      </c>
      <c r="P10187" t="s">
        <v>86</v>
      </c>
      <c r="Q10187">
        <v>23</v>
      </c>
      <c r="R10187">
        <v>23</v>
      </c>
      <c r="S10187">
        <v>23</v>
      </c>
      <c r="T10187">
        <v>23</v>
      </c>
      <c r="U10187">
        <v>23</v>
      </c>
      <c r="V10187">
        <v>23</v>
      </c>
      <c r="W10187">
        <v>23</v>
      </c>
      <c r="X10187">
        <v>23</v>
      </c>
      <c r="Y10187">
        <v>23</v>
      </c>
      <c r="Z10187">
        <v>23</v>
      </c>
      <c r="AA10187">
        <v>23</v>
      </c>
      <c r="AB10187">
        <v>23</v>
      </c>
      <c r="AC10187">
        <v>23</v>
      </c>
      <c r="AD10187">
        <v>23</v>
      </c>
      <c r="AE10187">
        <v>23</v>
      </c>
      <c r="AF10187">
        <v>24</v>
      </c>
      <c r="AG10187">
        <v>24</v>
      </c>
      <c r="AH10187">
        <v>24</v>
      </c>
      <c r="AI10187">
        <v>24</v>
      </c>
      <c r="AJ10187">
        <v>24</v>
      </c>
      <c r="AK10187">
        <v>24</v>
      </c>
      <c r="AL10187">
        <v>24</v>
      </c>
      <c r="AM10187">
        <v>24</v>
      </c>
      <c r="AN10187">
        <v>24</v>
      </c>
      <c r="AO10187">
        <v>24</v>
      </c>
      <c r="AP10187">
        <v>24</v>
      </c>
      <c r="AQ10187">
        <v>24</v>
      </c>
    </row>
    <row r="10188" spans="1:43">
      <c r="A10188" t="s">
        <v>6354</v>
      </c>
      <c r="B10188" t="s">
        <v>6355</v>
      </c>
      <c r="C10188" t="s">
        <v>6352</v>
      </c>
      <c r="D10188" t="s">
        <v>6353</v>
      </c>
      <c r="E10188" t="s">
        <v>6174</v>
      </c>
      <c r="F10188" t="s">
        <v>6175</v>
      </c>
      <c r="G10188" t="s">
        <v>80</v>
      </c>
      <c r="H10188" t="s">
        <v>81</v>
      </c>
      <c r="I10188" s="2">
        <v>0</v>
      </c>
      <c r="J10188" s="2">
        <v>1</v>
      </c>
      <c r="K10188" s="2">
        <v>0</v>
      </c>
      <c r="L10188" t="s">
        <v>82</v>
      </c>
      <c r="M10188" t="s">
        <v>89</v>
      </c>
      <c r="N10188" t="s">
        <v>90</v>
      </c>
      <c r="O10188" t="s">
        <v>85</v>
      </c>
      <c r="P10188" t="s">
        <v>86</v>
      </c>
      <c r="Q10188">
        <v>23</v>
      </c>
      <c r="R10188">
        <v>24</v>
      </c>
      <c r="S10188">
        <v>24</v>
      </c>
      <c r="T10188">
        <v>25</v>
      </c>
      <c r="U10188">
        <v>25</v>
      </c>
      <c r="V10188">
        <v>25</v>
      </c>
      <c r="W10188">
        <v>26</v>
      </c>
      <c r="X10188">
        <v>26</v>
      </c>
      <c r="Y10188">
        <v>27</v>
      </c>
      <c r="Z10188">
        <v>27</v>
      </c>
      <c r="AA10188">
        <v>27</v>
      </c>
      <c r="AB10188">
        <v>28</v>
      </c>
      <c r="AC10188">
        <v>28</v>
      </c>
      <c r="AD10188">
        <v>28</v>
      </c>
      <c r="AE10188">
        <v>28</v>
      </c>
      <c r="AF10188">
        <v>28</v>
      </c>
      <c r="AG10188">
        <v>28</v>
      </c>
      <c r="AH10188">
        <v>28</v>
      </c>
      <c r="AI10188">
        <v>28</v>
      </c>
      <c r="AJ10188">
        <v>28</v>
      </c>
      <c r="AK10188">
        <v>28</v>
      </c>
      <c r="AL10188">
        <v>28</v>
      </c>
      <c r="AM10188">
        <v>28</v>
      </c>
      <c r="AN10188">
        <v>28</v>
      </c>
      <c r="AO10188">
        <v>28</v>
      </c>
      <c r="AP10188">
        <v>28</v>
      </c>
      <c r="AQ10188">
        <v>28</v>
      </c>
    </row>
    <row r="10189" spans="1:43">
      <c r="A10189" t="s">
        <v>6354</v>
      </c>
      <c r="B10189" t="s">
        <v>6355</v>
      </c>
      <c r="C10189" t="s">
        <v>6352</v>
      </c>
      <c r="D10189" t="s">
        <v>6353</v>
      </c>
      <c r="E10189" t="s">
        <v>6174</v>
      </c>
      <c r="F10189" t="s">
        <v>6175</v>
      </c>
      <c r="G10189" t="s">
        <v>80</v>
      </c>
      <c r="H10189" t="s">
        <v>81</v>
      </c>
      <c r="I10189" s="2">
        <v>0</v>
      </c>
      <c r="J10189" s="2">
        <v>1</v>
      </c>
      <c r="K10189" s="2">
        <v>0</v>
      </c>
      <c r="L10189" t="s">
        <v>82</v>
      </c>
      <c r="M10189" t="s">
        <v>83</v>
      </c>
      <c r="N10189" t="s">
        <v>91</v>
      </c>
      <c r="O10189" t="s">
        <v>85</v>
      </c>
      <c r="P10189" t="s">
        <v>86</v>
      </c>
      <c r="Q10189">
        <v>23</v>
      </c>
      <c r="R10189">
        <v>23</v>
      </c>
      <c r="S10189">
        <v>23</v>
      </c>
      <c r="T10189">
        <v>24</v>
      </c>
      <c r="U10189">
        <v>24</v>
      </c>
      <c r="V10189">
        <v>24</v>
      </c>
      <c r="W10189">
        <v>25</v>
      </c>
      <c r="X10189">
        <v>25</v>
      </c>
      <c r="Y10189">
        <v>25</v>
      </c>
      <c r="Z10189">
        <v>25</v>
      </c>
      <c r="AA10189">
        <v>26</v>
      </c>
      <c r="AB10189">
        <v>26</v>
      </c>
      <c r="AC10189">
        <v>26</v>
      </c>
      <c r="AD10189">
        <v>26</v>
      </c>
      <c r="AE10189">
        <v>27</v>
      </c>
      <c r="AF10189">
        <v>27</v>
      </c>
      <c r="AG10189">
        <v>27</v>
      </c>
      <c r="AH10189">
        <v>27</v>
      </c>
      <c r="AI10189">
        <v>27</v>
      </c>
      <c r="AJ10189">
        <v>28</v>
      </c>
      <c r="AK10189">
        <v>28</v>
      </c>
      <c r="AL10189">
        <v>28</v>
      </c>
      <c r="AM10189">
        <v>28</v>
      </c>
      <c r="AN10189">
        <v>28</v>
      </c>
      <c r="AO10189">
        <v>28</v>
      </c>
      <c r="AP10189">
        <v>28</v>
      </c>
      <c r="AQ10189">
        <v>28</v>
      </c>
    </row>
    <row r="10190" spans="1:43">
      <c r="A10190" t="s">
        <v>6356</v>
      </c>
      <c r="B10190" t="s">
        <v>6357</v>
      </c>
      <c r="C10190" t="s">
        <v>6352</v>
      </c>
      <c r="D10190" t="s">
        <v>6353</v>
      </c>
      <c r="E10190" t="s">
        <v>6174</v>
      </c>
      <c r="F10190" t="s">
        <v>6175</v>
      </c>
      <c r="G10190" t="s">
        <v>80</v>
      </c>
      <c r="H10190" t="s">
        <v>81</v>
      </c>
      <c r="I10190" s="2">
        <v>0</v>
      </c>
      <c r="J10190" s="2">
        <v>1</v>
      </c>
      <c r="K10190" s="2">
        <v>0</v>
      </c>
      <c r="L10190" t="s">
        <v>82</v>
      </c>
      <c r="M10190" t="s">
        <v>83</v>
      </c>
      <c r="N10190" t="s">
        <v>84</v>
      </c>
      <c r="O10190" t="s">
        <v>85</v>
      </c>
      <c r="P10190" t="s">
        <v>86</v>
      </c>
      <c r="Q10190">
        <v>46</v>
      </c>
      <c r="R10190">
        <v>46</v>
      </c>
      <c r="S10190">
        <v>47</v>
      </c>
      <c r="T10190">
        <v>47</v>
      </c>
      <c r="U10190">
        <v>48</v>
      </c>
      <c r="V10190">
        <v>48</v>
      </c>
      <c r="W10190">
        <v>49</v>
      </c>
      <c r="X10190">
        <v>49</v>
      </c>
      <c r="Y10190">
        <v>50</v>
      </c>
      <c r="Z10190">
        <v>50</v>
      </c>
      <c r="AA10190">
        <v>51</v>
      </c>
      <c r="AB10190">
        <v>51</v>
      </c>
      <c r="AC10190">
        <v>52</v>
      </c>
      <c r="AD10190">
        <v>52</v>
      </c>
      <c r="AE10190">
        <v>53</v>
      </c>
      <c r="AF10190">
        <v>53</v>
      </c>
      <c r="AG10190">
        <v>54</v>
      </c>
      <c r="AH10190">
        <v>54</v>
      </c>
      <c r="AI10190">
        <v>54</v>
      </c>
      <c r="AJ10190">
        <v>55</v>
      </c>
      <c r="AK10190">
        <v>55</v>
      </c>
      <c r="AL10190">
        <v>55</v>
      </c>
      <c r="AM10190">
        <v>55</v>
      </c>
      <c r="AN10190">
        <v>55</v>
      </c>
      <c r="AO10190">
        <v>55</v>
      </c>
      <c r="AP10190">
        <v>55</v>
      </c>
      <c r="AQ10190">
        <v>55</v>
      </c>
    </row>
    <row r="10191" spans="1:43">
      <c r="A10191" t="s">
        <v>6356</v>
      </c>
      <c r="B10191" t="s">
        <v>6357</v>
      </c>
      <c r="C10191" t="s">
        <v>6352</v>
      </c>
      <c r="D10191" t="s">
        <v>6353</v>
      </c>
      <c r="E10191" t="s">
        <v>6174</v>
      </c>
      <c r="F10191" t="s">
        <v>6175</v>
      </c>
      <c r="G10191" t="s">
        <v>80</v>
      </c>
      <c r="H10191" t="s">
        <v>81</v>
      </c>
      <c r="I10191" s="2">
        <v>0</v>
      </c>
      <c r="J10191" s="2">
        <v>1</v>
      </c>
      <c r="K10191" s="2">
        <v>0</v>
      </c>
      <c r="L10191" t="s">
        <v>82</v>
      </c>
      <c r="M10191" t="s">
        <v>87</v>
      </c>
      <c r="N10191" t="s">
        <v>88</v>
      </c>
      <c r="O10191" t="s">
        <v>85</v>
      </c>
      <c r="P10191" t="s">
        <v>86</v>
      </c>
      <c r="Q10191">
        <v>46</v>
      </c>
      <c r="R10191">
        <v>46</v>
      </c>
      <c r="S10191">
        <v>46</v>
      </c>
      <c r="T10191">
        <v>47</v>
      </c>
      <c r="U10191">
        <v>47</v>
      </c>
      <c r="V10191">
        <v>47</v>
      </c>
      <c r="W10191">
        <v>47</v>
      </c>
      <c r="X10191">
        <v>47</v>
      </c>
      <c r="Y10191">
        <v>47</v>
      </c>
      <c r="Z10191">
        <v>47</v>
      </c>
      <c r="AA10191">
        <v>47</v>
      </c>
      <c r="AB10191">
        <v>47</v>
      </c>
      <c r="AC10191">
        <v>47</v>
      </c>
      <c r="AD10191">
        <v>48</v>
      </c>
      <c r="AE10191">
        <v>48</v>
      </c>
      <c r="AF10191">
        <v>48</v>
      </c>
      <c r="AG10191">
        <v>48</v>
      </c>
      <c r="AH10191">
        <v>48</v>
      </c>
      <c r="AI10191">
        <v>48</v>
      </c>
      <c r="AJ10191">
        <v>48</v>
      </c>
      <c r="AK10191">
        <v>48</v>
      </c>
      <c r="AL10191">
        <v>48</v>
      </c>
      <c r="AM10191">
        <v>48</v>
      </c>
      <c r="AN10191">
        <v>48</v>
      </c>
      <c r="AO10191">
        <v>48</v>
      </c>
      <c r="AP10191">
        <v>48</v>
      </c>
      <c r="AQ10191">
        <v>48</v>
      </c>
    </row>
    <row r="10192" spans="1:43">
      <c r="A10192" t="s">
        <v>6356</v>
      </c>
      <c r="B10192" t="s">
        <v>6357</v>
      </c>
      <c r="C10192" t="s">
        <v>6352</v>
      </c>
      <c r="D10192" t="s">
        <v>6353</v>
      </c>
      <c r="E10192" t="s">
        <v>6174</v>
      </c>
      <c r="F10192" t="s">
        <v>6175</v>
      </c>
      <c r="G10192" t="s">
        <v>80</v>
      </c>
      <c r="H10192" t="s">
        <v>81</v>
      </c>
      <c r="I10192" s="2">
        <v>0</v>
      </c>
      <c r="J10192" s="2">
        <v>1</v>
      </c>
      <c r="K10192" s="2">
        <v>0</v>
      </c>
      <c r="L10192" t="s">
        <v>82</v>
      </c>
      <c r="M10192" t="s">
        <v>89</v>
      </c>
      <c r="N10192" t="s">
        <v>90</v>
      </c>
      <c r="O10192" t="s">
        <v>85</v>
      </c>
      <c r="P10192" t="s">
        <v>86</v>
      </c>
      <c r="Q10192">
        <v>46</v>
      </c>
      <c r="R10192">
        <v>47</v>
      </c>
      <c r="S10192">
        <v>48</v>
      </c>
      <c r="T10192">
        <v>49</v>
      </c>
      <c r="U10192">
        <v>50</v>
      </c>
      <c r="V10192">
        <v>51</v>
      </c>
      <c r="W10192">
        <v>51</v>
      </c>
      <c r="X10192">
        <v>52</v>
      </c>
      <c r="Y10192">
        <v>53</v>
      </c>
      <c r="Z10192">
        <v>53</v>
      </c>
      <c r="AA10192">
        <v>54</v>
      </c>
      <c r="AB10192">
        <v>55</v>
      </c>
      <c r="AC10192">
        <v>55</v>
      </c>
      <c r="AD10192">
        <v>56</v>
      </c>
      <c r="AE10192">
        <v>56</v>
      </c>
      <c r="AF10192">
        <v>56</v>
      </c>
      <c r="AG10192">
        <v>56</v>
      </c>
      <c r="AH10192">
        <v>56</v>
      </c>
      <c r="AI10192">
        <v>56</v>
      </c>
      <c r="AJ10192">
        <v>56</v>
      </c>
      <c r="AK10192">
        <v>56</v>
      </c>
      <c r="AL10192">
        <v>56</v>
      </c>
      <c r="AM10192">
        <v>56</v>
      </c>
      <c r="AN10192">
        <v>55</v>
      </c>
      <c r="AO10192">
        <v>55</v>
      </c>
      <c r="AP10192">
        <v>55</v>
      </c>
      <c r="AQ10192">
        <v>55</v>
      </c>
    </row>
    <row r="10193" spans="1:43">
      <c r="A10193" t="s">
        <v>6356</v>
      </c>
      <c r="B10193" t="s">
        <v>6357</v>
      </c>
      <c r="C10193" t="s">
        <v>6352</v>
      </c>
      <c r="D10193" t="s">
        <v>6353</v>
      </c>
      <c r="E10193" t="s">
        <v>6174</v>
      </c>
      <c r="F10193" t="s">
        <v>6175</v>
      </c>
      <c r="G10193" t="s">
        <v>80</v>
      </c>
      <c r="H10193" t="s">
        <v>81</v>
      </c>
      <c r="I10193" s="2">
        <v>0</v>
      </c>
      <c r="J10193" s="2">
        <v>1</v>
      </c>
      <c r="K10193" s="2">
        <v>0</v>
      </c>
      <c r="L10193" t="s">
        <v>82</v>
      </c>
      <c r="M10193" t="s">
        <v>83</v>
      </c>
      <c r="N10193" t="s">
        <v>91</v>
      </c>
      <c r="O10193" t="s">
        <v>85</v>
      </c>
      <c r="P10193" t="s">
        <v>86</v>
      </c>
      <c r="Q10193">
        <v>46</v>
      </c>
      <c r="R10193">
        <v>46</v>
      </c>
      <c r="S10193">
        <v>47</v>
      </c>
      <c r="T10193">
        <v>47</v>
      </c>
      <c r="U10193">
        <v>48</v>
      </c>
      <c r="V10193">
        <v>48</v>
      </c>
      <c r="W10193">
        <v>49</v>
      </c>
      <c r="X10193">
        <v>49</v>
      </c>
      <c r="Y10193">
        <v>50</v>
      </c>
      <c r="Z10193">
        <v>50</v>
      </c>
      <c r="AA10193">
        <v>51</v>
      </c>
      <c r="AB10193">
        <v>51</v>
      </c>
      <c r="AC10193">
        <v>52</v>
      </c>
      <c r="AD10193">
        <v>52</v>
      </c>
      <c r="AE10193">
        <v>53</v>
      </c>
      <c r="AF10193">
        <v>53</v>
      </c>
      <c r="AG10193">
        <v>54</v>
      </c>
      <c r="AH10193">
        <v>54</v>
      </c>
      <c r="AI10193">
        <v>54</v>
      </c>
      <c r="AJ10193">
        <v>55</v>
      </c>
      <c r="AK10193">
        <v>55</v>
      </c>
      <c r="AL10193">
        <v>55</v>
      </c>
      <c r="AM10193">
        <v>55</v>
      </c>
      <c r="AN10193">
        <v>55</v>
      </c>
      <c r="AO10193">
        <v>55</v>
      </c>
      <c r="AP10193">
        <v>55</v>
      </c>
      <c r="AQ10193">
        <v>55</v>
      </c>
    </row>
    <row r="10194" spans="1:43">
      <c r="A10194" t="s">
        <v>6358</v>
      </c>
      <c r="B10194" t="s">
        <v>6359</v>
      </c>
      <c r="C10194" t="s">
        <v>6310</v>
      </c>
      <c r="D10194" t="s">
        <v>6311</v>
      </c>
      <c r="E10194" t="s">
        <v>6174</v>
      </c>
      <c r="F10194" t="s">
        <v>6175</v>
      </c>
      <c r="G10194" t="s">
        <v>80</v>
      </c>
      <c r="H10194" t="s">
        <v>81</v>
      </c>
      <c r="I10194" s="2">
        <v>0</v>
      </c>
      <c r="J10194" s="2">
        <v>1</v>
      </c>
      <c r="K10194" s="2">
        <v>0</v>
      </c>
      <c r="L10194" t="s">
        <v>82</v>
      </c>
      <c r="M10194" t="s">
        <v>83</v>
      </c>
      <c r="N10194" t="s">
        <v>84</v>
      </c>
      <c r="O10194" t="s">
        <v>85</v>
      </c>
      <c r="P10194" t="s">
        <v>86</v>
      </c>
      <c r="Q10194">
        <v>35</v>
      </c>
      <c r="R10194">
        <v>36</v>
      </c>
      <c r="S10194">
        <v>36</v>
      </c>
      <c r="T10194">
        <v>37</v>
      </c>
      <c r="U10194">
        <v>37</v>
      </c>
      <c r="V10194">
        <v>38</v>
      </c>
      <c r="W10194">
        <v>38</v>
      </c>
      <c r="X10194">
        <v>38</v>
      </c>
      <c r="Y10194">
        <v>39</v>
      </c>
      <c r="Z10194">
        <v>39</v>
      </c>
      <c r="AA10194">
        <v>40</v>
      </c>
      <c r="AB10194">
        <v>40</v>
      </c>
      <c r="AC10194">
        <v>40</v>
      </c>
      <c r="AD10194">
        <v>41</v>
      </c>
      <c r="AE10194">
        <v>41</v>
      </c>
      <c r="AF10194">
        <v>41</v>
      </c>
      <c r="AG10194">
        <v>42</v>
      </c>
      <c r="AH10194">
        <v>42</v>
      </c>
      <c r="AI10194">
        <v>42</v>
      </c>
      <c r="AJ10194">
        <v>43</v>
      </c>
      <c r="AK10194">
        <v>43</v>
      </c>
      <c r="AL10194">
        <v>43</v>
      </c>
      <c r="AM10194">
        <v>43</v>
      </c>
      <c r="AN10194">
        <v>43</v>
      </c>
      <c r="AO10194">
        <v>43</v>
      </c>
      <c r="AP10194">
        <v>43</v>
      </c>
      <c r="AQ10194">
        <v>43</v>
      </c>
    </row>
    <row r="10195" spans="1:43">
      <c r="A10195" t="s">
        <v>6358</v>
      </c>
      <c r="B10195" t="s">
        <v>6359</v>
      </c>
      <c r="C10195" t="s">
        <v>6310</v>
      </c>
      <c r="D10195" t="s">
        <v>6311</v>
      </c>
      <c r="E10195" t="s">
        <v>6174</v>
      </c>
      <c r="F10195" t="s">
        <v>6175</v>
      </c>
      <c r="G10195" t="s">
        <v>80</v>
      </c>
      <c r="H10195" t="s">
        <v>81</v>
      </c>
      <c r="I10195" s="2">
        <v>0</v>
      </c>
      <c r="J10195" s="2">
        <v>1</v>
      </c>
      <c r="K10195" s="2">
        <v>0</v>
      </c>
      <c r="L10195" t="s">
        <v>82</v>
      </c>
      <c r="M10195" t="s">
        <v>87</v>
      </c>
      <c r="N10195" t="s">
        <v>88</v>
      </c>
      <c r="O10195" t="s">
        <v>85</v>
      </c>
      <c r="P10195" t="s">
        <v>86</v>
      </c>
      <c r="Q10195">
        <v>35</v>
      </c>
      <c r="R10195">
        <v>35</v>
      </c>
      <c r="S10195">
        <v>35</v>
      </c>
      <c r="T10195">
        <v>35</v>
      </c>
      <c r="U10195">
        <v>35</v>
      </c>
      <c r="V10195">
        <v>36</v>
      </c>
      <c r="W10195">
        <v>36</v>
      </c>
      <c r="X10195">
        <v>36</v>
      </c>
      <c r="Y10195">
        <v>36</v>
      </c>
      <c r="Z10195">
        <v>36</v>
      </c>
      <c r="AA10195">
        <v>36</v>
      </c>
      <c r="AB10195">
        <v>36</v>
      </c>
      <c r="AC10195">
        <v>36</v>
      </c>
      <c r="AD10195">
        <v>36</v>
      </c>
      <c r="AE10195">
        <v>36</v>
      </c>
      <c r="AF10195">
        <v>36</v>
      </c>
      <c r="AG10195">
        <v>36</v>
      </c>
      <c r="AH10195">
        <v>37</v>
      </c>
      <c r="AI10195">
        <v>37</v>
      </c>
      <c r="AJ10195">
        <v>37</v>
      </c>
      <c r="AK10195">
        <v>37</v>
      </c>
      <c r="AL10195">
        <v>37</v>
      </c>
      <c r="AM10195">
        <v>37</v>
      </c>
      <c r="AN10195">
        <v>37</v>
      </c>
      <c r="AO10195">
        <v>37</v>
      </c>
      <c r="AP10195">
        <v>37</v>
      </c>
      <c r="AQ10195">
        <v>37</v>
      </c>
    </row>
    <row r="10196" spans="1:43">
      <c r="A10196" t="s">
        <v>6358</v>
      </c>
      <c r="B10196" t="s">
        <v>6359</v>
      </c>
      <c r="C10196" t="s">
        <v>6310</v>
      </c>
      <c r="D10196" t="s">
        <v>6311</v>
      </c>
      <c r="E10196" t="s">
        <v>6174</v>
      </c>
      <c r="F10196" t="s">
        <v>6175</v>
      </c>
      <c r="G10196" t="s">
        <v>80</v>
      </c>
      <c r="H10196" t="s">
        <v>81</v>
      </c>
      <c r="I10196" s="2">
        <v>0</v>
      </c>
      <c r="J10196" s="2">
        <v>1</v>
      </c>
      <c r="K10196" s="2">
        <v>0</v>
      </c>
      <c r="L10196" t="s">
        <v>82</v>
      </c>
      <c r="M10196" t="s">
        <v>89</v>
      </c>
      <c r="N10196" t="s">
        <v>90</v>
      </c>
      <c r="O10196" t="s">
        <v>85</v>
      </c>
      <c r="P10196" t="s">
        <v>86</v>
      </c>
      <c r="Q10196">
        <v>35</v>
      </c>
      <c r="R10196">
        <v>36</v>
      </c>
      <c r="S10196">
        <v>36</v>
      </c>
      <c r="T10196">
        <v>37</v>
      </c>
      <c r="U10196">
        <v>38</v>
      </c>
      <c r="V10196">
        <v>38</v>
      </c>
      <c r="W10196">
        <v>39</v>
      </c>
      <c r="X10196">
        <v>40</v>
      </c>
      <c r="Y10196">
        <v>40</v>
      </c>
      <c r="Z10196">
        <v>41</v>
      </c>
      <c r="AA10196">
        <v>41</v>
      </c>
      <c r="AB10196">
        <v>42</v>
      </c>
      <c r="AC10196">
        <v>42</v>
      </c>
      <c r="AD10196">
        <v>43</v>
      </c>
      <c r="AE10196">
        <v>43</v>
      </c>
      <c r="AF10196">
        <v>43</v>
      </c>
      <c r="AG10196">
        <v>43</v>
      </c>
      <c r="AH10196">
        <v>43</v>
      </c>
      <c r="AI10196">
        <v>43</v>
      </c>
      <c r="AJ10196">
        <v>43</v>
      </c>
      <c r="AK10196">
        <v>43</v>
      </c>
      <c r="AL10196">
        <v>43</v>
      </c>
      <c r="AM10196">
        <v>42</v>
      </c>
      <c r="AN10196">
        <v>42</v>
      </c>
      <c r="AO10196">
        <v>42</v>
      </c>
      <c r="AP10196">
        <v>42</v>
      </c>
      <c r="AQ10196">
        <v>42</v>
      </c>
    </row>
    <row r="10197" spans="1:43">
      <c r="A10197" t="s">
        <v>6358</v>
      </c>
      <c r="B10197" t="s">
        <v>6359</v>
      </c>
      <c r="C10197" t="s">
        <v>6310</v>
      </c>
      <c r="D10197" t="s">
        <v>6311</v>
      </c>
      <c r="E10197" t="s">
        <v>6174</v>
      </c>
      <c r="F10197" t="s">
        <v>6175</v>
      </c>
      <c r="G10197" t="s">
        <v>80</v>
      </c>
      <c r="H10197" t="s">
        <v>81</v>
      </c>
      <c r="I10197" s="2">
        <v>0</v>
      </c>
      <c r="J10197" s="2">
        <v>1</v>
      </c>
      <c r="K10197" s="2">
        <v>0</v>
      </c>
      <c r="L10197" t="s">
        <v>82</v>
      </c>
      <c r="M10197" t="s">
        <v>83</v>
      </c>
      <c r="N10197" t="s">
        <v>91</v>
      </c>
      <c r="O10197" t="s">
        <v>85</v>
      </c>
      <c r="P10197" t="s">
        <v>86</v>
      </c>
      <c r="Q10197">
        <v>35</v>
      </c>
      <c r="R10197">
        <v>36</v>
      </c>
      <c r="S10197">
        <v>36</v>
      </c>
      <c r="T10197">
        <v>37</v>
      </c>
      <c r="U10197">
        <v>37</v>
      </c>
      <c r="V10197">
        <v>38</v>
      </c>
      <c r="W10197">
        <v>38</v>
      </c>
      <c r="X10197">
        <v>38</v>
      </c>
      <c r="Y10197">
        <v>39</v>
      </c>
      <c r="Z10197">
        <v>39</v>
      </c>
      <c r="AA10197">
        <v>40</v>
      </c>
      <c r="AB10197">
        <v>40</v>
      </c>
      <c r="AC10197">
        <v>40</v>
      </c>
      <c r="AD10197">
        <v>41</v>
      </c>
      <c r="AE10197">
        <v>41</v>
      </c>
      <c r="AF10197">
        <v>41</v>
      </c>
      <c r="AG10197">
        <v>42</v>
      </c>
      <c r="AH10197">
        <v>42</v>
      </c>
      <c r="AI10197">
        <v>42</v>
      </c>
      <c r="AJ10197">
        <v>43</v>
      </c>
      <c r="AK10197">
        <v>43</v>
      </c>
      <c r="AL10197">
        <v>43</v>
      </c>
      <c r="AM10197">
        <v>43</v>
      </c>
      <c r="AN10197">
        <v>43</v>
      </c>
      <c r="AO10197">
        <v>43</v>
      </c>
      <c r="AP10197">
        <v>43</v>
      </c>
      <c r="AQ10197">
        <v>43</v>
      </c>
    </row>
    <row r="10198" spans="1:43">
      <c r="A10198" t="s">
        <v>6360</v>
      </c>
      <c r="B10198" t="s">
        <v>6361</v>
      </c>
      <c r="C10198" t="s">
        <v>6310</v>
      </c>
      <c r="D10198" t="s">
        <v>6311</v>
      </c>
      <c r="E10198" t="s">
        <v>6174</v>
      </c>
      <c r="F10198" t="s">
        <v>6175</v>
      </c>
      <c r="G10198" t="s">
        <v>80</v>
      </c>
      <c r="H10198" t="s">
        <v>81</v>
      </c>
      <c r="I10198" s="2">
        <v>0</v>
      </c>
      <c r="J10198" s="2">
        <v>1</v>
      </c>
      <c r="K10198" s="2">
        <v>0</v>
      </c>
      <c r="L10198" t="s">
        <v>82</v>
      </c>
      <c r="M10198" t="s">
        <v>83</v>
      </c>
      <c r="N10198" t="s">
        <v>84</v>
      </c>
      <c r="O10198" t="s">
        <v>85</v>
      </c>
      <c r="P10198" t="s">
        <v>86</v>
      </c>
      <c r="Q10198">
        <v>21</v>
      </c>
      <c r="R10198">
        <v>21</v>
      </c>
      <c r="S10198">
        <v>21</v>
      </c>
      <c r="T10198">
        <v>22</v>
      </c>
      <c r="U10198">
        <v>22</v>
      </c>
      <c r="V10198">
        <v>22</v>
      </c>
      <c r="W10198">
        <v>22</v>
      </c>
      <c r="X10198">
        <v>23</v>
      </c>
      <c r="Y10198">
        <v>23</v>
      </c>
      <c r="Z10198">
        <v>23</v>
      </c>
      <c r="AA10198">
        <v>23</v>
      </c>
      <c r="AB10198">
        <v>23</v>
      </c>
      <c r="AC10198">
        <v>24</v>
      </c>
      <c r="AD10198">
        <v>24</v>
      </c>
      <c r="AE10198">
        <v>24</v>
      </c>
      <c r="AF10198">
        <v>24</v>
      </c>
      <c r="AG10198">
        <v>25</v>
      </c>
      <c r="AH10198">
        <v>25</v>
      </c>
      <c r="AI10198">
        <v>25</v>
      </c>
      <c r="AJ10198">
        <v>25</v>
      </c>
      <c r="AK10198">
        <v>25</v>
      </c>
      <c r="AL10198">
        <v>25</v>
      </c>
      <c r="AM10198">
        <v>25</v>
      </c>
      <c r="AN10198">
        <v>25</v>
      </c>
      <c r="AO10198">
        <v>25</v>
      </c>
      <c r="AP10198">
        <v>25</v>
      </c>
      <c r="AQ10198">
        <v>25</v>
      </c>
    </row>
    <row r="10199" spans="1:43">
      <c r="A10199" t="s">
        <v>6360</v>
      </c>
      <c r="B10199" t="s">
        <v>6361</v>
      </c>
      <c r="C10199" t="s">
        <v>6310</v>
      </c>
      <c r="D10199" t="s">
        <v>6311</v>
      </c>
      <c r="E10199" t="s">
        <v>6174</v>
      </c>
      <c r="F10199" t="s">
        <v>6175</v>
      </c>
      <c r="G10199" t="s">
        <v>80</v>
      </c>
      <c r="H10199" t="s">
        <v>81</v>
      </c>
      <c r="I10199" s="2">
        <v>0</v>
      </c>
      <c r="J10199" s="2">
        <v>1</v>
      </c>
      <c r="K10199" s="2">
        <v>0</v>
      </c>
      <c r="L10199" t="s">
        <v>82</v>
      </c>
      <c r="M10199" t="s">
        <v>87</v>
      </c>
      <c r="N10199" t="s">
        <v>88</v>
      </c>
      <c r="O10199" t="s">
        <v>85</v>
      </c>
      <c r="P10199" t="s">
        <v>86</v>
      </c>
      <c r="Q10199">
        <v>21</v>
      </c>
      <c r="R10199">
        <v>21</v>
      </c>
      <c r="S10199">
        <v>21</v>
      </c>
      <c r="T10199">
        <v>21</v>
      </c>
      <c r="U10199">
        <v>21</v>
      </c>
      <c r="V10199">
        <v>21</v>
      </c>
      <c r="W10199">
        <v>21</v>
      </c>
      <c r="X10199">
        <v>21</v>
      </c>
      <c r="Y10199">
        <v>21</v>
      </c>
      <c r="Z10199">
        <v>21</v>
      </c>
      <c r="AA10199">
        <v>21</v>
      </c>
      <c r="AB10199">
        <v>21</v>
      </c>
      <c r="AC10199">
        <v>21</v>
      </c>
      <c r="AD10199">
        <v>21</v>
      </c>
      <c r="AE10199">
        <v>21</v>
      </c>
      <c r="AF10199">
        <v>21</v>
      </c>
      <c r="AG10199">
        <v>21</v>
      </c>
      <c r="AH10199">
        <v>21</v>
      </c>
      <c r="AI10199">
        <v>21</v>
      </c>
      <c r="AJ10199">
        <v>22</v>
      </c>
      <c r="AK10199">
        <v>22</v>
      </c>
      <c r="AL10199">
        <v>22</v>
      </c>
      <c r="AM10199">
        <v>22</v>
      </c>
      <c r="AN10199">
        <v>22</v>
      </c>
      <c r="AO10199">
        <v>22</v>
      </c>
      <c r="AP10199">
        <v>22</v>
      </c>
      <c r="AQ10199">
        <v>22</v>
      </c>
    </row>
    <row r="10200" spans="1:43">
      <c r="A10200" t="s">
        <v>6360</v>
      </c>
      <c r="B10200" t="s">
        <v>6361</v>
      </c>
      <c r="C10200" t="s">
        <v>6310</v>
      </c>
      <c r="D10200" t="s">
        <v>6311</v>
      </c>
      <c r="E10200" t="s">
        <v>6174</v>
      </c>
      <c r="F10200" t="s">
        <v>6175</v>
      </c>
      <c r="G10200" t="s">
        <v>80</v>
      </c>
      <c r="H10200" t="s">
        <v>81</v>
      </c>
      <c r="I10200" s="2">
        <v>0</v>
      </c>
      <c r="J10200" s="2">
        <v>1</v>
      </c>
      <c r="K10200" s="2">
        <v>0</v>
      </c>
      <c r="L10200" t="s">
        <v>82</v>
      </c>
      <c r="M10200" t="s">
        <v>89</v>
      </c>
      <c r="N10200" t="s">
        <v>90</v>
      </c>
      <c r="O10200" t="s">
        <v>85</v>
      </c>
      <c r="P10200" t="s">
        <v>86</v>
      </c>
      <c r="Q10200">
        <v>21</v>
      </c>
      <c r="R10200">
        <v>22</v>
      </c>
      <c r="S10200">
        <v>22</v>
      </c>
      <c r="T10200">
        <v>22</v>
      </c>
      <c r="U10200">
        <v>23</v>
      </c>
      <c r="V10200">
        <v>23</v>
      </c>
      <c r="W10200">
        <v>23</v>
      </c>
      <c r="X10200">
        <v>24</v>
      </c>
      <c r="Y10200">
        <v>24</v>
      </c>
      <c r="Z10200">
        <v>24</v>
      </c>
      <c r="AA10200">
        <v>25</v>
      </c>
      <c r="AB10200">
        <v>25</v>
      </c>
      <c r="AC10200">
        <v>25</v>
      </c>
      <c r="AD10200">
        <v>26</v>
      </c>
      <c r="AE10200">
        <v>26</v>
      </c>
      <c r="AF10200">
        <v>26</v>
      </c>
      <c r="AG10200">
        <v>26</v>
      </c>
      <c r="AH10200">
        <v>26</v>
      </c>
      <c r="AI10200">
        <v>26</v>
      </c>
      <c r="AJ10200">
        <v>26</v>
      </c>
      <c r="AK10200">
        <v>26</v>
      </c>
      <c r="AL10200">
        <v>26</v>
      </c>
      <c r="AM10200">
        <v>25</v>
      </c>
      <c r="AN10200">
        <v>25</v>
      </c>
      <c r="AO10200">
        <v>25</v>
      </c>
      <c r="AP10200">
        <v>25</v>
      </c>
      <c r="AQ10200">
        <v>25</v>
      </c>
    </row>
    <row r="10201" spans="1:43">
      <c r="A10201" t="s">
        <v>6360</v>
      </c>
      <c r="B10201" t="s">
        <v>6361</v>
      </c>
      <c r="C10201" t="s">
        <v>6310</v>
      </c>
      <c r="D10201" t="s">
        <v>6311</v>
      </c>
      <c r="E10201" t="s">
        <v>6174</v>
      </c>
      <c r="F10201" t="s">
        <v>6175</v>
      </c>
      <c r="G10201" t="s">
        <v>80</v>
      </c>
      <c r="H10201" t="s">
        <v>81</v>
      </c>
      <c r="I10201" s="2">
        <v>0</v>
      </c>
      <c r="J10201" s="2">
        <v>1</v>
      </c>
      <c r="K10201" s="2">
        <v>0</v>
      </c>
      <c r="L10201" t="s">
        <v>82</v>
      </c>
      <c r="M10201" t="s">
        <v>83</v>
      </c>
      <c r="N10201" t="s">
        <v>91</v>
      </c>
      <c r="O10201" t="s">
        <v>85</v>
      </c>
      <c r="P10201" t="s">
        <v>86</v>
      </c>
      <c r="Q10201">
        <v>21</v>
      </c>
      <c r="R10201">
        <v>21</v>
      </c>
      <c r="S10201">
        <v>21</v>
      </c>
      <c r="T10201">
        <v>22</v>
      </c>
      <c r="U10201">
        <v>22</v>
      </c>
      <c r="V10201">
        <v>22</v>
      </c>
      <c r="W10201">
        <v>22</v>
      </c>
      <c r="X10201">
        <v>23</v>
      </c>
      <c r="Y10201">
        <v>23</v>
      </c>
      <c r="Z10201">
        <v>23</v>
      </c>
      <c r="AA10201">
        <v>23</v>
      </c>
      <c r="AB10201">
        <v>23</v>
      </c>
      <c r="AC10201">
        <v>24</v>
      </c>
      <c r="AD10201">
        <v>24</v>
      </c>
      <c r="AE10201">
        <v>24</v>
      </c>
      <c r="AF10201">
        <v>24</v>
      </c>
      <c r="AG10201">
        <v>25</v>
      </c>
      <c r="AH10201">
        <v>25</v>
      </c>
      <c r="AI10201">
        <v>25</v>
      </c>
      <c r="AJ10201">
        <v>25</v>
      </c>
      <c r="AK10201">
        <v>25</v>
      </c>
      <c r="AL10201">
        <v>25</v>
      </c>
      <c r="AM10201">
        <v>25</v>
      </c>
      <c r="AN10201">
        <v>25</v>
      </c>
      <c r="AO10201">
        <v>25</v>
      </c>
      <c r="AP10201">
        <v>25</v>
      </c>
      <c r="AQ10201">
        <v>25</v>
      </c>
    </row>
    <row r="10202" spans="1:43">
      <c r="A10202" t="s">
        <v>6362</v>
      </c>
      <c r="B10202" t="s">
        <v>6363</v>
      </c>
      <c r="C10202" t="s">
        <v>6364</v>
      </c>
      <c r="D10202" t="s">
        <v>6365</v>
      </c>
      <c r="E10202" t="s">
        <v>6174</v>
      </c>
      <c r="F10202" t="s">
        <v>6175</v>
      </c>
      <c r="G10202" t="s">
        <v>80</v>
      </c>
      <c r="H10202" t="s">
        <v>81</v>
      </c>
      <c r="I10202" s="2">
        <v>0</v>
      </c>
      <c r="J10202" s="2">
        <v>1</v>
      </c>
      <c r="K10202" s="2">
        <v>0</v>
      </c>
      <c r="L10202" t="s">
        <v>82</v>
      </c>
      <c r="M10202" t="s">
        <v>83</v>
      </c>
      <c r="N10202" t="s">
        <v>84</v>
      </c>
      <c r="O10202" t="s">
        <v>85</v>
      </c>
      <c r="P10202" t="s">
        <v>86</v>
      </c>
      <c r="Q10202">
        <v>57</v>
      </c>
      <c r="R10202">
        <v>57</v>
      </c>
      <c r="S10202">
        <v>58</v>
      </c>
      <c r="T10202">
        <v>59</v>
      </c>
      <c r="U10202">
        <v>60</v>
      </c>
      <c r="V10202">
        <v>60</v>
      </c>
      <c r="W10202">
        <v>61</v>
      </c>
      <c r="X10202">
        <v>62</v>
      </c>
      <c r="Y10202">
        <v>62</v>
      </c>
      <c r="Z10202">
        <v>63</v>
      </c>
      <c r="AA10202">
        <v>64</v>
      </c>
      <c r="AB10202">
        <v>64</v>
      </c>
      <c r="AC10202">
        <v>65</v>
      </c>
      <c r="AD10202">
        <v>65</v>
      </c>
      <c r="AE10202">
        <v>66</v>
      </c>
      <c r="AF10202">
        <v>67</v>
      </c>
      <c r="AG10202">
        <v>67</v>
      </c>
      <c r="AH10202">
        <v>68</v>
      </c>
      <c r="AI10202">
        <v>68</v>
      </c>
      <c r="AJ10202">
        <v>69</v>
      </c>
      <c r="AK10202">
        <v>69</v>
      </c>
      <c r="AL10202">
        <v>69</v>
      </c>
      <c r="AM10202">
        <v>69</v>
      </c>
      <c r="AN10202">
        <v>69</v>
      </c>
      <c r="AO10202">
        <v>69</v>
      </c>
      <c r="AP10202">
        <v>69</v>
      </c>
      <c r="AQ10202">
        <v>69</v>
      </c>
    </row>
    <row r="10203" spans="1:43">
      <c r="A10203" t="s">
        <v>6362</v>
      </c>
      <c r="B10203" t="s">
        <v>6363</v>
      </c>
      <c r="C10203" t="s">
        <v>6364</v>
      </c>
      <c r="D10203" t="s">
        <v>6365</v>
      </c>
      <c r="E10203" t="s">
        <v>6174</v>
      </c>
      <c r="F10203" t="s">
        <v>6175</v>
      </c>
      <c r="G10203" t="s">
        <v>80</v>
      </c>
      <c r="H10203" t="s">
        <v>81</v>
      </c>
      <c r="I10203" s="2">
        <v>0</v>
      </c>
      <c r="J10203" s="2">
        <v>1</v>
      </c>
      <c r="K10203" s="2">
        <v>0</v>
      </c>
      <c r="L10203" t="s">
        <v>82</v>
      </c>
      <c r="M10203" t="s">
        <v>87</v>
      </c>
      <c r="N10203" t="s">
        <v>88</v>
      </c>
      <c r="O10203" t="s">
        <v>85</v>
      </c>
      <c r="P10203" t="s">
        <v>86</v>
      </c>
      <c r="Q10203">
        <v>57</v>
      </c>
      <c r="R10203">
        <v>57</v>
      </c>
      <c r="S10203">
        <v>58</v>
      </c>
      <c r="T10203">
        <v>58</v>
      </c>
      <c r="U10203">
        <v>58</v>
      </c>
      <c r="V10203">
        <v>58</v>
      </c>
      <c r="W10203">
        <v>58</v>
      </c>
      <c r="X10203">
        <v>58</v>
      </c>
      <c r="Y10203">
        <v>59</v>
      </c>
      <c r="Z10203">
        <v>59</v>
      </c>
      <c r="AA10203">
        <v>59</v>
      </c>
      <c r="AB10203">
        <v>59</v>
      </c>
      <c r="AC10203">
        <v>59</v>
      </c>
      <c r="AD10203">
        <v>59</v>
      </c>
      <c r="AE10203">
        <v>59</v>
      </c>
      <c r="AF10203">
        <v>60</v>
      </c>
      <c r="AG10203">
        <v>60</v>
      </c>
      <c r="AH10203">
        <v>60</v>
      </c>
      <c r="AI10203">
        <v>60</v>
      </c>
      <c r="AJ10203">
        <v>60</v>
      </c>
      <c r="AK10203">
        <v>60</v>
      </c>
      <c r="AL10203">
        <v>60</v>
      </c>
      <c r="AM10203">
        <v>61</v>
      </c>
      <c r="AN10203">
        <v>61</v>
      </c>
      <c r="AO10203">
        <v>61</v>
      </c>
      <c r="AP10203">
        <v>61</v>
      </c>
      <c r="AQ10203">
        <v>61</v>
      </c>
    </row>
    <row r="10204" spans="1:43">
      <c r="A10204" t="s">
        <v>6362</v>
      </c>
      <c r="B10204" t="s">
        <v>6363</v>
      </c>
      <c r="C10204" t="s">
        <v>6364</v>
      </c>
      <c r="D10204" t="s">
        <v>6365</v>
      </c>
      <c r="E10204" t="s">
        <v>6174</v>
      </c>
      <c r="F10204" t="s">
        <v>6175</v>
      </c>
      <c r="G10204" t="s">
        <v>80</v>
      </c>
      <c r="H10204" t="s">
        <v>81</v>
      </c>
      <c r="I10204" s="2">
        <v>0</v>
      </c>
      <c r="J10204" s="2">
        <v>1</v>
      </c>
      <c r="K10204" s="2">
        <v>0</v>
      </c>
      <c r="L10204" t="s">
        <v>82</v>
      </c>
      <c r="M10204" t="s">
        <v>89</v>
      </c>
      <c r="N10204" t="s">
        <v>90</v>
      </c>
      <c r="O10204" t="s">
        <v>85</v>
      </c>
      <c r="P10204" t="s">
        <v>86</v>
      </c>
      <c r="Q10204">
        <v>57</v>
      </c>
      <c r="R10204">
        <v>58</v>
      </c>
      <c r="S10204">
        <v>60</v>
      </c>
      <c r="T10204">
        <v>61</v>
      </c>
      <c r="U10204">
        <v>62</v>
      </c>
      <c r="V10204">
        <v>63</v>
      </c>
      <c r="W10204">
        <v>64</v>
      </c>
      <c r="X10204">
        <v>65</v>
      </c>
      <c r="Y10204">
        <v>66</v>
      </c>
      <c r="Z10204">
        <v>67</v>
      </c>
      <c r="AA10204">
        <v>68</v>
      </c>
      <c r="AB10204">
        <v>68</v>
      </c>
      <c r="AC10204">
        <v>69</v>
      </c>
      <c r="AD10204">
        <v>70</v>
      </c>
      <c r="AE10204">
        <v>71</v>
      </c>
      <c r="AF10204">
        <v>71</v>
      </c>
      <c r="AG10204">
        <v>70</v>
      </c>
      <c r="AH10204">
        <v>70</v>
      </c>
      <c r="AI10204">
        <v>70</v>
      </c>
      <c r="AJ10204">
        <v>70</v>
      </c>
      <c r="AK10204">
        <v>70</v>
      </c>
      <c r="AL10204">
        <v>70</v>
      </c>
      <c r="AM10204">
        <v>70</v>
      </c>
      <c r="AN10204">
        <v>70</v>
      </c>
      <c r="AO10204">
        <v>70</v>
      </c>
      <c r="AP10204">
        <v>70</v>
      </c>
      <c r="AQ10204">
        <v>69</v>
      </c>
    </row>
    <row r="10205" spans="1:43">
      <c r="A10205" t="s">
        <v>6362</v>
      </c>
      <c r="B10205" t="s">
        <v>6363</v>
      </c>
      <c r="C10205" t="s">
        <v>6364</v>
      </c>
      <c r="D10205" t="s">
        <v>6365</v>
      </c>
      <c r="E10205" t="s">
        <v>6174</v>
      </c>
      <c r="F10205" t="s">
        <v>6175</v>
      </c>
      <c r="G10205" t="s">
        <v>80</v>
      </c>
      <c r="H10205" t="s">
        <v>81</v>
      </c>
      <c r="I10205" s="2">
        <v>0</v>
      </c>
      <c r="J10205" s="2">
        <v>1</v>
      </c>
      <c r="K10205" s="2">
        <v>0</v>
      </c>
      <c r="L10205" t="s">
        <v>82</v>
      </c>
      <c r="M10205" t="s">
        <v>83</v>
      </c>
      <c r="N10205" t="s">
        <v>91</v>
      </c>
      <c r="O10205" t="s">
        <v>85</v>
      </c>
      <c r="P10205" t="s">
        <v>86</v>
      </c>
      <c r="Q10205">
        <v>57</v>
      </c>
      <c r="R10205">
        <v>57</v>
      </c>
      <c r="S10205">
        <v>58</v>
      </c>
      <c r="T10205">
        <v>59</v>
      </c>
      <c r="U10205">
        <v>60</v>
      </c>
      <c r="V10205">
        <v>60</v>
      </c>
      <c r="W10205">
        <v>61</v>
      </c>
      <c r="X10205">
        <v>62</v>
      </c>
      <c r="Y10205">
        <v>62</v>
      </c>
      <c r="Z10205">
        <v>63</v>
      </c>
      <c r="AA10205">
        <v>64</v>
      </c>
      <c r="AB10205">
        <v>64</v>
      </c>
      <c r="AC10205">
        <v>65</v>
      </c>
      <c r="AD10205">
        <v>65</v>
      </c>
      <c r="AE10205">
        <v>66</v>
      </c>
      <c r="AF10205">
        <v>67</v>
      </c>
      <c r="AG10205">
        <v>67</v>
      </c>
      <c r="AH10205">
        <v>68</v>
      </c>
      <c r="AI10205">
        <v>68</v>
      </c>
      <c r="AJ10205">
        <v>69</v>
      </c>
      <c r="AK10205">
        <v>69</v>
      </c>
      <c r="AL10205">
        <v>69</v>
      </c>
      <c r="AM10205">
        <v>69</v>
      </c>
      <c r="AN10205">
        <v>69</v>
      </c>
      <c r="AO10205">
        <v>69</v>
      </c>
      <c r="AP10205">
        <v>69</v>
      </c>
      <c r="AQ10205">
        <v>69</v>
      </c>
    </row>
    <row r="10206" spans="1:43">
      <c r="A10206" t="s">
        <v>6366</v>
      </c>
      <c r="B10206" t="s">
        <v>6367</v>
      </c>
      <c r="C10206" t="s">
        <v>6368</v>
      </c>
      <c r="D10206" t="s">
        <v>6369</v>
      </c>
      <c r="E10206" t="s">
        <v>6174</v>
      </c>
      <c r="F10206" t="s">
        <v>6175</v>
      </c>
      <c r="G10206" t="s">
        <v>80</v>
      </c>
      <c r="H10206" t="s">
        <v>81</v>
      </c>
      <c r="I10206" s="2">
        <v>0</v>
      </c>
      <c r="J10206" s="2">
        <v>1</v>
      </c>
      <c r="K10206" s="2">
        <v>0</v>
      </c>
      <c r="L10206" t="s">
        <v>82</v>
      </c>
      <c r="M10206" t="s">
        <v>83</v>
      </c>
      <c r="N10206" t="s">
        <v>84</v>
      </c>
      <c r="O10206" t="s">
        <v>85</v>
      </c>
      <c r="P10206" t="s">
        <v>86</v>
      </c>
      <c r="Q10206">
        <v>29</v>
      </c>
      <c r="R10206">
        <v>30</v>
      </c>
      <c r="S10206">
        <v>30</v>
      </c>
      <c r="T10206">
        <v>31</v>
      </c>
      <c r="U10206">
        <v>31</v>
      </c>
      <c r="V10206">
        <v>31</v>
      </c>
      <c r="W10206">
        <v>32</v>
      </c>
      <c r="X10206">
        <v>32</v>
      </c>
      <c r="Y10206">
        <v>32</v>
      </c>
      <c r="Z10206">
        <v>33</v>
      </c>
      <c r="AA10206">
        <v>33</v>
      </c>
      <c r="AB10206">
        <v>33</v>
      </c>
      <c r="AC10206">
        <v>34</v>
      </c>
      <c r="AD10206">
        <v>34</v>
      </c>
      <c r="AE10206">
        <v>34</v>
      </c>
      <c r="AF10206">
        <v>35</v>
      </c>
      <c r="AG10206">
        <v>35</v>
      </c>
      <c r="AH10206">
        <v>35</v>
      </c>
      <c r="AI10206">
        <v>36</v>
      </c>
      <c r="AJ10206">
        <v>36</v>
      </c>
      <c r="AK10206">
        <v>36</v>
      </c>
      <c r="AL10206">
        <v>36</v>
      </c>
      <c r="AM10206">
        <v>36</v>
      </c>
      <c r="AN10206">
        <v>36</v>
      </c>
      <c r="AO10206">
        <v>36</v>
      </c>
      <c r="AP10206">
        <v>36</v>
      </c>
      <c r="AQ10206">
        <v>36</v>
      </c>
    </row>
    <row r="10207" spans="1:43">
      <c r="A10207" t="s">
        <v>6366</v>
      </c>
      <c r="B10207" t="s">
        <v>6367</v>
      </c>
      <c r="C10207" t="s">
        <v>6368</v>
      </c>
      <c r="D10207" t="s">
        <v>6369</v>
      </c>
      <c r="E10207" t="s">
        <v>6174</v>
      </c>
      <c r="F10207" t="s">
        <v>6175</v>
      </c>
      <c r="G10207" t="s">
        <v>80</v>
      </c>
      <c r="H10207" t="s">
        <v>81</v>
      </c>
      <c r="I10207" s="2">
        <v>0</v>
      </c>
      <c r="J10207" s="2">
        <v>1</v>
      </c>
      <c r="K10207" s="2">
        <v>0</v>
      </c>
      <c r="L10207" t="s">
        <v>82</v>
      </c>
      <c r="M10207" t="s">
        <v>87</v>
      </c>
      <c r="N10207" t="s">
        <v>88</v>
      </c>
      <c r="O10207" t="s">
        <v>85</v>
      </c>
      <c r="P10207" t="s">
        <v>86</v>
      </c>
      <c r="Q10207">
        <v>29</v>
      </c>
      <c r="R10207">
        <v>29</v>
      </c>
      <c r="S10207">
        <v>29</v>
      </c>
      <c r="T10207">
        <v>29</v>
      </c>
      <c r="U10207">
        <v>30</v>
      </c>
      <c r="V10207">
        <v>30</v>
      </c>
      <c r="W10207">
        <v>30</v>
      </c>
      <c r="X10207">
        <v>30</v>
      </c>
      <c r="Y10207">
        <v>30</v>
      </c>
      <c r="Z10207">
        <v>30</v>
      </c>
      <c r="AA10207">
        <v>30</v>
      </c>
      <c r="AB10207">
        <v>30</v>
      </c>
      <c r="AC10207">
        <v>30</v>
      </c>
      <c r="AD10207">
        <v>30</v>
      </c>
      <c r="AE10207">
        <v>30</v>
      </c>
      <c r="AF10207">
        <v>30</v>
      </c>
      <c r="AG10207">
        <v>31</v>
      </c>
      <c r="AH10207">
        <v>31</v>
      </c>
      <c r="AI10207">
        <v>31</v>
      </c>
      <c r="AJ10207">
        <v>31</v>
      </c>
      <c r="AK10207">
        <v>31</v>
      </c>
      <c r="AL10207">
        <v>31</v>
      </c>
      <c r="AM10207">
        <v>31</v>
      </c>
      <c r="AN10207">
        <v>31</v>
      </c>
      <c r="AO10207">
        <v>31</v>
      </c>
      <c r="AP10207">
        <v>31</v>
      </c>
      <c r="AQ10207">
        <v>31</v>
      </c>
    </row>
    <row r="10208" spans="1:43">
      <c r="A10208" t="s">
        <v>6366</v>
      </c>
      <c r="B10208" t="s">
        <v>6367</v>
      </c>
      <c r="C10208" t="s">
        <v>6368</v>
      </c>
      <c r="D10208" t="s">
        <v>6369</v>
      </c>
      <c r="E10208" t="s">
        <v>6174</v>
      </c>
      <c r="F10208" t="s">
        <v>6175</v>
      </c>
      <c r="G10208" t="s">
        <v>80</v>
      </c>
      <c r="H10208" t="s">
        <v>81</v>
      </c>
      <c r="I10208" s="2">
        <v>0</v>
      </c>
      <c r="J10208" s="2">
        <v>1</v>
      </c>
      <c r="K10208" s="2">
        <v>0</v>
      </c>
      <c r="L10208" t="s">
        <v>82</v>
      </c>
      <c r="M10208" t="s">
        <v>89</v>
      </c>
      <c r="N10208" t="s">
        <v>90</v>
      </c>
      <c r="O10208" t="s">
        <v>85</v>
      </c>
      <c r="P10208" t="s">
        <v>86</v>
      </c>
      <c r="Q10208">
        <v>29</v>
      </c>
      <c r="R10208">
        <v>29</v>
      </c>
      <c r="S10208">
        <v>30</v>
      </c>
      <c r="T10208">
        <v>31</v>
      </c>
      <c r="U10208">
        <v>31</v>
      </c>
      <c r="V10208">
        <v>32</v>
      </c>
      <c r="W10208">
        <v>32</v>
      </c>
      <c r="X10208">
        <v>33</v>
      </c>
      <c r="Y10208">
        <v>33</v>
      </c>
      <c r="Z10208">
        <v>34</v>
      </c>
      <c r="AA10208">
        <v>34</v>
      </c>
      <c r="AB10208">
        <v>35</v>
      </c>
      <c r="AC10208">
        <v>35</v>
      </c>
      <c r="AD10208">
        <v>36</v>
      </c>
      <c r="AE10208">
        <v>36</v>
      </c>
      <c r="AF10208">
        <v>36</v>
      </c>
      <c r="AG10208">
        <v>36</v>
      </c>
      <c r="AH10208">
        <v>36</v>
      </c>
      <c r="AI10208">
        <v>36</v>
      </c>
      <c r="AJ10208">
        <v>36</v>
      </c>
      <c r="AK10208">
        <v>36</v>
      </c>
      <c r="AL10208">
        <v>36</v>
      </c>
      <c r="AM10208">
        <v>36</v>
      </c>
      <c r="AN10208">
        <v>36</v>
      </c>
      <c r="AO10208">
        <v>35</v>
      </c>
      <c r="AP10208">
        <v>35</v>
      </c>
      <c r="AQ10208">
        <v>35</v>
      </c>
    </row>
    <row r="10209" spans="1:43">
      <c r="A10209" t="s">
        <v>6366</v>
      </c>
      <c r="B10209" t="s">
        <v>6367</v>
      </c>
      <c r="C10209" t="s">
        <v>6368</v>
      </c>
      <c r="D10209" t="s">
        <v>6369</v>
      </c>
      <c r="E10209" t="s">
        <v>6174</v>
      </c>
      <c r="F10209" t="s">
        <v>6175</v>
      </c>
      <c r="G10209" t="s">
        <v>80</v>
      </c>
      <c r="H10209" t="s">
        <v>81</v>
      </c>
      <c r="I10209" s="2">
        <v>0</v>
      </c>
      <c r="J10209" s="2">
        <v>1</v>
      </c>
      <c r="K10209" s="2">
        <v>0</v>
      </c>
      <c r="L10209" t="s">
        <v>82</v>
      </c>
      <c r="M10209" t="s">
        <v>83</v>
      </c>
      <c r="N10209" t="s">
        <v>91</v>
      </c>
      <c r="O10209" t="s">
        <v>85</v>
      </c>
      <c r="P10209" t="s">
        <v>86</v>
      </c>
      <c r="Q10209">
        <v>29</v>
      </c>
      <c r="R10209">
        <v>30</v>
      </c>
      <c r="S10209">
        <v>30</v>
      </c>
      <c r="T10209">
        <v>31</v>
      </c>
      <c r="U10209">
        <v>31</v>
      </c>
      <c r="V10209">
        <v>31</v>
      </c>
      <c r="W10209">
        <v>32</v>
      </c>
      <c r="X10209">
        <v>32</v>
      </c>
      <c r="Y10209">
        <v>32</v>
      </c>
      <c r="Z10209">
        <v>33</v>
      </c>
      <c r="AA10209">
        <v>33</v>
      </c>
      <c r="AB10209">
        <v>33</v>
      </c>
      <c r="AC10209">
        <v>34</v>
      </c>
      <c r="AD10209">
        <v>34</v>
      </c>
      <c r="AE10209">
        <v>34</v>
      </c>
      <c r="AF10209">
        <v>35</v>
      </c>
      <c r="AG10209">
        <v>35</v>
      </c>
      <c r="AH10209">
        <v>35</v>
      </c>
      <c r="AI10209">
        <v>36</v>
      </c>
      <c r="AJ10209">
        <v>36</v>
      </c>
      <c r="AK10209">
        <v>36</v>
      </c>
      <c r="AL10209">
        <v>36</v>
      </c>
      <c r="AM10209">
        <v>36</v>
      </c>
      <c r="AN10209">
        <v>36</v>
      </c>
      <c r="AO10209">
        <v>36</v>
      </c>
      <c r="AP10209">
        <v>36</v>
      </c>
      <c r="AQ10209">
        <v>36</v>
      </c>
    </row>
    <row r="10210" spans="1:43">
      <c r="A10210" t="s">
        <v>6370</v>
      </c>
      <c r="B10210" t="s">
        <v>6371</v>
      </c>
      <c r="C10210" t="s">
        <v>6234</v>
      </c>
      <c r="D10210" t="s">
        <v>6235</v>
      </c>
      <c r="E10210" t="s">
        <v>6174</v>
      </c>
      <c r="F10210" t="s">
        <v>6175</v>
      </c>
      <c r="G10210" t="s">
        <v>80</v>
      </c>
      <c r="H10210" t="s">
        <v>81</v>
      </c>
      <c r="I10210" s="2">
        <v>0</v>
      </c>
      <c r="J10210" s="2">
        <v>1</v>
      </c>
      <c r="K10210" s="2">
        <v>0</v>
      </c>
      <c r="L10210" t="s">
        <v>82</v>
      </c>
      <c r="M10210" t="s">
        <v>83</v>
      </c>
      <c r="N10210" t="s">
        <v>84</v>
      </c>
      <c r="O10210" t="s">
        <v>85</v>
      </c>
      <c r="P10210" t="s">
        <v>86</v>
      </c>
      <c r="Q10210">
        <v>67</v>
      </c>
      <c r="R10210">
        <v>68</v>
      </c>
      <c r="S10210">
        <v>69</v>
      </c>
      <c r="T10210">
        <v>70</v>
      </c>
      <c r="U10210">
        <v>70</v>
      </c>
      <c r="V10210">
        <v>71</v>
      </c>
      <c r="W10210">
        <v>72</v>
      </c>
      <c r="X10210">
        <v>73</v>
      </c>
      <c r="Y10210">
        <v>74</v>
      </c>
      <c r="Z10210">
        <v>74</v>
      </c>
      <c r="AA10210">
        <v>75</v>
      </c>
      <c r="AB10210">
        <v>76</v>
      </c>
      <c r="AC10210">
        <v>77</v>
      </c>
      <c r="AD10210">
        <v>77</v>
      </c>
      <c r="AE10210">
        <v>78</v>
      </c>
      <c r="AF10210">
        <v>79</v>
      </c>
      <c r="AG10210">
        <v>79</v>
      </c>
      <c r="AH10210">
        <v>80</v>
      </c>
      <c r="AI10210">
        <v>80</v>
      </c>
      <c r="AJ10210">
        <v>81</v>
      </c>
      <c r="AK10210">
        <v>82</v>
      </c>
      <c r="AL10210">
        <v>82</v>
      </c>
      <c r="AM10210">
        <v>82</v>
      </c>
      <c r="AN10210">
        <v>82</v>
      </c>
      <c r="AO10210">
        <v>81</v>
      </c>
      <c r="AP10210">
        <v>81</v>
      </c>
      <c r="AQ10210">
        <v>81</v>
      </c>
    </row>
    <row r="10211" spans="1:43">
      <c r="A10211" t="s">
        <v>6370</v>
      </c>
      <c r="B10211" t="s">
        <v>6371</v>
      </c>
      <c r="C10211" t="s">
        <v>6234</v>
      </c>
      <c r="D10211" t="s">
        <v>6235</v>
      </c>
      <c r="E10211" t="s">
        <v>6174</v>
      </c>
      <c r="F10211" t="s">
        <v>6175</v>
      </c>
      <c r="G10211" t="s">
        <v>80</v>
      </c>
      <c r="H10211" t="s">
        <v>81</v>
      </c>
      <c r="I10211" s="2">
        <v>0</v>
      </c>
      <c r="J10211" s="2">
        <v>1</v>
      </c>
      <c r="K10211" s="2">
        <v>0</v>
      </c>
      <c r="L10211" t="s">
        <v>82</v>
      </c>
      <c r="M10211" t="s">
        <v>87</v>
      </c>
      <c r="N10211" t="s">
        <v>88</v>
      </c>
      <c r="O10211" t="s">
        <v>85</v>
      </c>
      <c r="P10211" t="s">
        <v>86</v>
      </c>
      <c r="Q10211">
        <v>67</v>
      </c>
      <c r="R10211">
        <v>67</v>
      </c>
      <c r="S10211">
        <v>67</v>
      </c>
      <c r="T10211">
        <v>67</v>
      </c>
      <c r="U10211">
        <v>67</v>
      </c>
      <c r="V10211">
        <v>68</v>
      </c>
      <c r="W10211">
        <v>68</v>
      </c>
      <c r="X10211">
        <v>68</v>
      </c>
      <c r="Y10211">
        <v>68</v>
      </c>
      <c r="Z10211">
        <v>68</v>
      </c>
      <c r="AA10211">
        <v>68</v>
      </c>
      <c r="AB10211">
        <v>69</v>
      </c>
      <c r="AC10211">
        <v>69</v>
      </c>
      <c r="AD10211">
        <v>69</v>
      </c>
      <c r="AE10211">
        <v>69</v>
      </c>
      <c r="AF10211">
        <v>69</v>
      </c>
      <c r="AG10211">
        <v>69</v>
      </c>
      <c r="AH10211">
        <v>69</v>
      </c>
      <c r="AI10211">
        <v>70</v>
      </c>
      <c r="AJ10211">
        <v>70</v>
      </c>
      <c r="AK10211">
        <v>70</v>
      </c>
      <c r="AL10211">
        <v>70</v>
      </c>
      <c r="AM10211">
        <v>70</v>
      </c>
      <c r="AN10211">
        <v>70</v>
      </c>
      <c r="AO10211">
        <v>70</v>
      </c>
      <c r="AP10211">
        <v>70</v>
      </c>
      <c r="AQ10211">
        <v>70</v>
      </c>
    </row>
    <row r="10212" spans="1:43">
      <c r="A10212" t="s">
        <v>6370</v>
      </c>
      <c r="B10212" t="s">
        <v>6371</v>
      </c>
      <c r="C10212" t="s">
        <v>6234</v>
      </c>
      <c r="D10212" t="s">
        <v>6235</v>
      </c>
      <c r="E10212" t="s">
        <v>6174</v>
      </c>
      <c r="F10212" t="s">
        <v>6175</v>
      </c>
      <c r="G10212" t="s">
        <v>80</v>
      </c>
      <c r="H10212" t="s">
        <v>81</v>
      </c>
      <c r="I10212" s="2">
        <v>0</v>
      </c>
      <c r="J10212" s="2">
        <v>1</v>
      </c>
      <c r="K10212" s="2">
        <v>0</v>
      </c>
      <c r="L10212" t="s">
        <v>82</v>
      </c>
      <c r="M10212" t="s">
        <v>89</v>
      </c>
      <c r="N10212" t="s">
        <v>90</v>
      </c>
      <c r="O10212" t="s">
        <v>85</v>
      </c>
      <c r="P10212" t="s">
        <v>86</v>
      </c>
      <c r="Q10212">
        <v>67</v>
      </c>
      <c r="R10212">
        <v>68</v>
      </c>
      <c r="S10212">
        <v>70</v>
      </c>
      <c r="T10212">
        <v>71</v>
      </c>
      <c r="U10212">
        <v>72</v>
      </c>
      <c r="V10212">
        <v>74</v>
      </c>
      <c r="W10212">
        <v>75</v>
      </c>
      <c r="X10212">
        <v>76</v>
      </c>
      <c r="Y10212">
        <v>77</v>
      </c>
      <c r="Z10212">
        <v>78</v>
      </c>
      <c r="AA10212">
        <v>79</v>
      </c>
      <c r="AB10212">
        <v>80</v>
      </c>
      <c r="AC10212">
        <v>81</v>
      </c>
      <c r="AD10212">
        <v>82</v>
      </c>
      <c r="AE10212">
        <v>82</v>
      </c>
      <c r="AF10212">
        <v>82</v>
      </c>
      <c r="AG10212">
        <v>82</v>
      </c>
      <c r="AH10212">
        <v>82</v>
      </c>
      <c r="AI10212">
        <v>82</v>
      </c>
      <c r="AJ10212">
        <v>82</v>
      </c>
      <c r="AK10212">
        <v>82</v>
      </c>
      <c r="AL10212">
        <v>82</v>
      </c>
      <c r="AM10212">
        <v>81</v>
      </c>
      <c r="AN10212">
        <v>81</v>
      </c>
      <c r="AO10212">
        <v>81</v>
      </c>
      <c r="AP10212">
        <v>81</v>
      </c>
      <c r="AQ10212">
        <v>81</v>
      </c>
    </row>
    <row r="10213" spans="1:43">
      <c r="A10213" t="s">
        <v>6370</v>
      </c>
      <c r="B10213" t="s">
        <v>6371</v>
      </c>
      <c r="C10213" t="s">
        <v>6234</v>
      </c>
      <c r="D10213" t="s">
        <v>6235</v>
      </c>
      <c r="E10213" t="s">
        <v>6174</v>
      </c>
      <c r="F10213" t="s">
        <v>6175</v>
      </c>
      <c r="G10213" t="s">
        <v>80</v>
      </c>
      <c r="H10213" t="s">
        <v>81</v>
      </c>
      <c r="I10213" s="2">
        <v>0</v>
      </c>
      <c r="J10213" s="2">
        <v>1</v>
      </c>
      <c r="K10213" s="2">
        <v>0</v>
      </c>
      <c r="L10213" t="s">
        <v>82</v>
      </c>
      <c r="M10213" t="s">
        <v>83</v>
      </c>
      <c r="N10213" t="s">
        <v>91</v>
      </c>
      <c r="O10213" t="s">
        <v>85</v>
      </c>
      <c r="P10213" t="s">
        <v>86</v>
      </c>
      <c r="Q10213">
        <v>67</v>
      </c>
      <c r="R10213">
        <v>68</v>
      </c>
      <c r="S10213">
        <v>69</v>
      </c>
      <c r="T10213">
        <v>70</v>
      </c>
      <c r="U10213">
        <v>70</v>
      </c>
      <c r="V10213">
        <v>71</v>
      </c>
      <c r="W10213">
        <v>72</v>
      </c>
      <c r="X10213">
        <v>73</v>
      </c>
      <c r="Y10213">
        <v>74</v>
      </c>
      <c r="Z10213">
        <v>74</v>
      </c>
      <c r="AA10213">
        <v>75</v>
      </c>
      <c r="AB10213">
        <v>76</v>
      </c>
      <c r="AC10213">
        <v>77</v>
      </c>
      <c r="AD10213">
        <v>77</v>
      </c>
      <c r="AE10213">
        <v>78</v>
      </c>
      <c r="AF10213">
        <v>79</v>
      </c>
      <c r="AG10213">
        <v>79</v>
      </c>
      <c r="AH10213">
        <v>80</v>
      </c>
      <c r="AI10213">
        <v>80</v>
      </c>
      <c r="AJ10213">
        <v>81</v>
      </c>
      <c r="AK10213">
        <v>82</v>
      </c>
      <c r="AL10213">
        <v>82</v>
      </c>
      <c r="AM10213">
        <v>82</v>
      </c>
      <c r="AN10213">
        <v>82</v>
      </c>
      <c r="AO10213">
        <v>81</v>
      </c>
      <c r="AP10213">
        <v>81</v>
      </c>
      <c r="AQ10213">
        <v>81</v>
      </c>
    </row>
    <row r="10214" spans="1:43">
      <c r="A10214" t="s">
        <v>6372</v>
      </c>
      <c r="B10214" t="s">
        <v>6373</v>
      </c>
      <c r="C10214" t="s">
        <v>6368</v>
      </c>
      <c r="D10214" t="s">
        <v>6369</v>
      </c>
      <c r="E10214" t="s">
        <v>6174</v>
      </c>
      <c r="F10214" t="s">
        <v>6175</v>
      </c>
      <c r="G10214" t="s">
        <v>80</v>
      </c>
      <c r="H10214" t="s">
        <v>81</v>
      </c>
      <c r="I10214" s="2">
        <v>0</v>
      </c>
      <c r="J10214" s="2">
        <v>1</v>
      </c>
      <c r="K10214" s="2">
        <v>0</v>
      </c>
      <c r="L10214" t="s">
        <v>82</v>
      </c>
      <c r="M10214" t="s">
        <v>83</v>
      </c>
      <c r="N10214" t="s">
        <v>84</v>
      </c>
      <c r="O10214" t="s">
        <v>85</v>
      </c>
      <c r="P10214" t="s">
        <v>86</v>
      </c>
      <c r="Q10214">
        <v>27</v>
      </c>
      <c r="R10214">
        <v>27</v>
      </c>
      <c r="S10214">
        <v>28</v>
      </c>
      <c r="T10214">
        <v>28</v>
      </c>
      <c r="U10214">
        <v>29</v>
      </c>
      <c r="V10214">
        <v>29</v>
      </c>
      <c r="W10214">
        <v>29</v>
      </c>
      <c r="X10214">
        <v>30</v>
      </c>
      <c r="Y10214">
        <v>30</v>
      </c>
      <c r="Z10214">
        <v>30</v>
      </c>
      <c r="AA10214">
        <v>30</v>
      </c>
      <c r="AB10214">
        <v>31</v>
      </c>
      <c r="AC10214">
        <v>31</v>
      </c>
      <c r="AD10214">
        <v>31</v>
      </c>
      <c r="AE10214">
        <v>32</v>
      </c>
      <c r="AF10214">
        <v>32</v>
      </c>
      <c r="AG10214">
        <v>32</v>
      </c>
      <c r="AH10214">
        <v>33</v>
      </c>
      <c r="AI10214">
        <v>33</v>
      </c>
      <c r="AJ10214">
        <v>33</v>
      </c>
      <c r="AK10214">
        <v>33</v>
      </c>
      <c r="AL10214">
        <v>33</v>
      </c>
      <c r="AM10214">
        <v>33</v>
      </c>
      <c r="AN10214">
        <v>33</v>
      </c>
      <c r="AO10214">
        <v>33</v>
      </c>
      <c r="AP10214">
        <v>33</v>
      </c>
      <c r="AQ10214">
        <v>33</v>
      </c>
    </row>
    <row r="10215" spans="1:43">
      <c r="A10215" t="s">
        <v>6372</v>
      </c>
      <c r="B10215" t="s">
        <v>6373</v>
      </c>
      <c r="C10215" t="s">
        <v>6368</v>
      </c>
      <c r="D10215" t="s">
        <v>6369</v>
      </c>
      <c r="E10215" t="s">
        <v>6174</v>
      </c>
      <c r="F10215" t="s">
        <v>6175</v>
      </c>
      <c r="G10215" t="s">
        <v>80</v>
      </c>
      <c r="H10215" t="s">
        <v>81</v>
      </c>
      <c r="I10215" s="2">
        <v>0</v>
      </c>
      <c r="J10215" s="2">
        <v>1</v>
      </c>
      <c r="K10215" s="2">
        <v>0</v>
      </c>
      <c r="L10215" t="s">
        <v>82</v>
      </c>
      <c r="M10215" t="s">
        <v>87</v>
      </c>
      <c r="N10215" t="s">
        <v>88</v>
      </c>
      <c r="O10215" t="s">
        <v>85</v>
      </c>
      <c r="P10215" t="s">
        <v>86</v>
      </c>
      <c r="Q10215">
        <v>27</v>
      </c>
      <c r="R10215">
        <v>27</v>
      </c>
      <c r="S10215">
        <v>27</v>
      </c>
      <c r="T10215">
        <v>27</v>
      </c>
      <c r="U10215">
        <v>27</v>
      </c>
      <c r="V10215">
        <v>27</v>
      </c>
      <c r="W10215">
        <v>27</v>
      </c>
      <c r="X10215">
        <v>28</v>
      </c>
      <c r="Y10215">
        <v>28</v>
      </c>
      <c r="Z10215">
        <v>28</v>
      </c>
      <c r="AA10215">
        <v>28</v>
      </c>
      <c r="AB10215">
        <v>28</v>
      </c>
      <c r="AC10215">
        <v>28</v>
      </c>
      <c r="AD10215">
        <v>28</v>
      </c>
      <c r="AE10215">
        <v>28</v>
      </c>
      <c r="AF10215">
        <v>28</v>
      </c>
      <c r="AG10215">
        <v>28</v>
      </c>
      <c r="AH10215">
        <v>28</v>
      </c>
      <c r="AI10215">
        <v>28</v>
      </c>
      <c r="AJ10215">
        <v>28</v>
      </c>
      <c r="AK10215">
        <v>28</v>
      </c>
      <c r="AL10215">
        <v>29</v>
      </c>
      <c r="AM10215">
        <v>29</v>
      </c>
      <c r="AN10215">
        <v>29</v>
      </c>
      <c r="AO10215">
        <v>29</v>
      </c>
      <c r="AP10215">
        <v>29</v>
      </c>
      <c r="AQ10215">
        <v>29</v>
      </c>
    </row>
    <row r="10216" spans="1:43">
      <c r="A10216" t="s">
        <v>6372</v>
      </c>
      <c r="B10216" t="s">
        <v>6373</v>
      </c>
      <c r="C10216" t="s">
        <v>6368</v>
      </c>
      <c r="D10216" t="s">
        <v>6369</v>
      </c>
      <c r="E10216" t="s">
        <v>6174</v>
      </c>
      <c r="F10216" t="s">
        <v>6175</v>
      </c>
      <c r="G10216" t="s">
        <v>80</v>
      </c>
      <c r="H10216" t="s">
        <v>81</v>
      </c>
      <c r="I10216" s="2">
        <v>0</v>
      </c>
      <c r="J10216" s="2">
        <v>1</v>
      </c>
      <c r="K10216" s="2">
        <v>0</v>
      </c>
      <c r="L10216" t="s">
        <v>82</v>
      </c>
      <c r="M10216" t="s">
        <v>89</v>
      </c>
      <c r="N10216" t="s">
        <v>90</v>
      </c>
      <c r="O10216" t="s">
        <v>85</v>
      </c>
      <c r="P10216" t="s">
        <v>86</v>
      </c>
      <c r="Q10216">
        <v>27</v>
      </c>
      <c r="R10216">
        <v>28</v>
      </c>
      <c r="S10216">
        <v>29</v>
      </c>
      <c r="T10216">
        <v>29</v>
      </c>
      <c r="U10216">
        <v>30</v>
      </c>
      <c r="V10216">
        <v>30</v>
      </c>
      <c r="W10216">
        <v>31</v>
      </c>
      <c r="X10216">
        <v>31</v>
      </c>
      <c r="Y10216">
        <v>32</v>
      </c>
      <c r="Z10216">
        <v>32</v>
      </c>
      <c r="AA10216">
        <v>32</v>
      </c>
      <c r="AB10216">
        <v>33</v>
      </c>
      <c r="AC10216">
        <v>33</v>
      </c>
      <c r="AD10216">
        <v>34</v>
      </c>
      <c r="AE10216">
        <v>34</v>
      </c>
      <c r="AF10216">
        <v>34</v>
      </c>
      <c r="AG10216">
        <v>34</v>
      </c>
      <c r="AH10216">
        <v>34</v>
      </c>
      <c r="AI10216">
        <v>34</v>
      </c>
      <c r="AJ10216">
        <v>34</v>
      </c>
      <c r="AK10216">
        <v>34</v>
      </c>
      <c r="AL10216">
        <v>34</v>
      </c>
      <c r="AM10216">
        <v>34</v>
      </c>
      <c r="AN10216">
        <v>34</v>
      </c>
      <c r="AO10216">
        <v>34</v>
      </c>
      <c r="AP10216">
        <v>34</v>
      </c>
      <c r="AQ10216">
        <v>34</v>
      </c>
    </row>
    <row r="10217" spans="1:43">
      <c r="A10217" t="s">
        <v>6372</v>
      </c>
      <c r="B10217" t="s">
        <v>6373</v>
      </c>
      <c r="C10217" t="s">
        <v>6368</v>
      </c>
      <c r="D10217" t="s">
        <v>6369</v>
      </c>
      <c r="E10217" t="s">
        <v>6174</v>
      </c>
      <c r="F10217" t="s">
        <v>6175</v>
      </c>
      <c r="G10217" t="s">
        <v>80</v>
      </c>
      <c r="H10217" t="s">
        <v>81</v>
      </c>
      <c r="I10217" s="2">
        <v>0</v>
      </c>
      <c r="J10217" s="2">
        <v>1</v>
      </c>
      <c r="K10217" s="2">
        <v>0</v>
      </c>
      <c r="L10217" t="s">
        <v>82</v>
      </c>
      <c r="M10217" t="s">
        <v>83</v>
      </c>
      <c r="N10217" t="s">
        <v>91</v>
      </c>
      <c r="O10217" t="s">
        <v>85</v>
      </c>
      <c r="P10217" t="s">
        <v>86</v>
      </c>
      <c r="Q10217">
        <v>27</v>
      </c>
      <c r="R10217">
        <v>27</v>
      </c>
      <c r="S10217">
        <v>28</v>
      </c>
      <c r="T10217">
        <v>28</v>
      </c>
      <c r="U10217">
        <v>29</v>
      </c>
      <c r="V10217">
        <v>29</v>
      </c>
      <c r="W10217">
        <v>29</v>
      </c>
      <c r="X10217">
        <v>30</v>
      </c>
      <c r="Y10217">
        <v>30</v>
      </c>
      <c r="Z10217">
        <v>30</v>
      </c>
      <c r="AA10217">
        <v>30</v>
      </c>
      <c r="AB10217">
        <v>31</v>
      </c>
      <c r="AC10217">
        <v>31</v>
      </c>
      <c r="AD10217">
        <v>31</v>
      </c>
      <c r="AE10217">
        <v>32</v>
      </c>
      <c r="AF10217">
        <v>32</v>
      </c>
      <c r="AG10217">
        <v>32</v>
      </c>
      <c r="AH10217">
        <v>33</v>
      </c>
      <c r="AI10217">
        <v>33</v>
      </c>
      <c r="AJ10217">
        <v>33</v>
      </c>
      <c r="AK10217">
        <v>33</v>
      </c>
      <c r="AL10217">
        <v>33</v>
      </c>
      <c r="AM10217">
        <v>33</v>
      </c>
      <c r="AN10217">
        <v>33</v>
      </c>
      <c r="AO10217">
        <v>33</v>
      </c>
      <c r="AP10217">
        <v>33</v>
      </c>
      <c r="AQ10217">
        <v>33</v>
      </c>
    </row>
    <row r="10218" spans="1:43">
      <c r="A10218" t="s">
        <v>6374</v>
      </c>
      <c r="B10218" t="s">
        <v>6375</v>
      </c>
      <c r="C10218" t="s">
        <v>6368</v>
      </c>
      <c r="D10218" t="s">
        <v>6369</v>
      </c>
      <c r="E10218" t="s">
        <v>6174</v>
      </c>
      <c r="F10218" t="s">
        <v>6175</v>
      </c>
      <c r="G10218" t="s">
        <v>80</v>
      </c>
      <c r="H10218" t="s">
        <v>81</v>
      </c>
      <c r="I10218" s="2">
        <v>0</v>
      </c>
      <c r="J10218" s="2">
        <v>1</v>
      </c>
      <c r="K10218" s="2">
        <v>0</v>
      </c>
      <c r="L10218" t="s">
        <v>82</v>
      </c>
      <c r="M10218" t="s">
        <v>83</v>
      </c>
      <c r="N10218" t="s">
        <v>84</v>
      </c>
      <c r="O10218" t="s">
        <v>85</v>
      </c>
      <c r="P10218" t="s">
        <v>86</v>
      </c>
      <c r="Q10218">
        <v>78</v>
      </c>
      <c r="R10218">
        <v>79</v>
      </c>
      <c r="S10218">
        <v>80</v>
      </c>
      <c r="T10218">
        <v>80</v>
      </c>
      <c r="U10218">
        <v>81</v>
      </c>
      <c r="V10218">
        <v>82</v>
      </c>
      <c r="W10218">
        <v>83</v>
      </c>
      <c r="X10218">
        <v>84</v>
      </c>
      <c r="Y10218">
        <v>85</v>
      </c>
      <c r="Z10218">
        <v>86</v>
      </c>
      <c r="AA10218">
        <v>87</v>
      </c>
      <c r="AB10218">
        <v>87</v>
      </c>
      <c r="AC10218">
        <v>88</v>
      </c>
      <c r="AD10218">
        <v>89</v>
      </c>
      <c r="AE10218">
        <v>90</v>
      </c>
      <c r="AF10218">
        <v>90</v>
      </c>
      <c r="AG10218">
        <v>91</v>
      </c>
      <c r="AH10218">
        <v>92</v>
      </c>
      <c r="AI10218">
        <v>93</v>
      </c>
      <c r="AJ10218">
        <v>93</v>
      </c>
      <c r="AK10218">
        <v>94</v>
      </c>
      <c r="AL10218">
        <v>94</v>
      </c>
      <c r="AM10218">
        <v>94</v>
      </c>
      <c r="AN10218">
        <v>94</v>
      </c>
      <c r="AO10218">
        <v>94</v>
      </c>
      <c r="AP10218">
        <v>93</v>
      </c>
      <c r="AQ10218">
        <v>93</v>
      </c>
    </row>
    <row r="10219" spans="1:43">
      <c r="A10219" t="s">
        <v>6374</v>
      </c>
      <c r="B10219" t="s">
        <v>6375</v>
      </c>
      <c r="C10219" t="s">
        <v>6368</v>
      </c>
      <c r="D10219" t="s">
        <v>6369</v>
      </c>
      <c r="E10219" t="s">
        <v>6174</v>
      </c>
      <c r="F10219" t="s">
        <v>6175</v>
      </c>
      <c r="G10219" t="s">
        <v>80</v>
      </c>
      <c r="H10219" t="s">
        <v>81</v>
      </c>
      <c r="I10219" s="2">
        <v>0</v>
      </c>
      <c r="J10219" s="2">
        <v>1</v>
      </c>
      <c r="K10219" s="2">
        <v>0</v>
      </c>
      <c r="L10219" t="s">
        <v>82</v>
      </c>
      <c r="M10219" t="s">
        <v>87</v>
      </c>
      <c r="N10219" t="s">
        <v>88</v>
      </c>
      <c r="O10219" t="s">
        <v>85</v>
      </c>
      <c r="P10219" t="s">
        <v>86</v>
      </c>
      <c r="Q10219">
        <v>78</v>
      </c>
      <c r="R10219">
        <v>78</v>
      </c>
      <c r="S10219">
        <v>78</v>
      </c>
      <c r="T10219">
        <v>79</v>
      </c>
      <c r="U10219">
        <v>79</v>
      </c>
      <c r="V10219">
        <v>79</v>
      </c>
      <c r="W10219">
        <v>79</v>
      </c>
      <c r="X10219">
        <v>79</v>
      </c>
      <c r="Y10219">
        <v>79</v>
      </c>
      <c r="Z10219">
        <v>80</v>
      </c>
      <c r="AA10219">
        <v>80</v>
      </c>
      <c r="AB10219">
        <v>80</v>
      </c>
      <c r="AC10219">
        <v>80</v>
      </c>
      <c r="AD10219">
        <v>80</v>
      </c>
      <c r="AE10219">
        <v>80</v>
      </c>
      <c r="AF10219">
        <v>81</v>
      </c>
      <c r="AG10219">
        <v>81</v>
      </c>
      <c r="AH10219">
        <v>81</v>
      </c>
      <c r="AI10219">
        <v>81</v>
      </c>
      <c r="AJ10219">
        <v>81</v>
      </c>
      <c r="AK10219">
        <v>81</v>
      </c>
      <c r="AL10219">
        <v>81</v>
      </c>
      <c r="AM10219">
        <v>81</v>
      </c>
      <c r="AN10219">
        <v>82</v>
      </c>
      <c r="AO10219">
        <v>82</v>
      </c>
      <c r="AP10219">
        <v>82</v>
      </c>
      <c r="AQ10219">
        <v>82</v>
      </c>
    </row>
    <row r="10220" spans="1:43">
      <c r="A10220" t="s">
        <v>6374</v>
      </c>
      <c r="B10220" t="s">
        <v>6375</v>
      </c>
      <c r="C10220" t="s">
        <v>6368</v>
      </c>
      <c r="D10220" t="s">
        <v>6369</v>
      </c>
      <c r="E10220" t="s">
        <v>6174</v>
      </c>
      <c r="F10220" t="s">
        <v>6175</v>
      </c>
      <c r="G10220" t="s">
        <v>80</v>
      </c>
      <c r="H10220" t="s">
        <v>81</v>
      </c>
      <c r="I10220" s="2">
        <v>0</v>
      </c>
      <c r="J10220" s="2">
        <v>1</v>
      </c>
      <c r="K10220" s="2">
        <v>0</v>
      </c>
      <c r="L10220" t="s">
        <v>82</v>
      </c>
      <c r="M10220" t="s">
        <v>89</v>
      </c>
      <c r="N10220" t="s">
        <v>90</v>
      </c>
      <c r="O10220" t="s">
        <v>85</v>
      </c>
      <c r="P10220" t="s">
        <v>86</v>
      </c>
      <c r="Q10220">
        <v>78</v>
      </c>
      <c r="R10220">
        <v>80</v>
      </c>
      <c r="S10220">
        <v>82</v>
      </c>
      <c r="T10220">
        <v>83</v>
      </c>
      <c r="U10220">
        <v>85</v>
      </c>
      <c r="V10220">
        <v>86</v>
      </c>
      <c r="W10220">
        <v>87</v>
      </c>
      <c r="X10220">
        <v>89</v>
      </c>
      <c r="Y10220">
        <v>90</v>
      </c>
      <c r="Z10220">
        <v>91</v>
      </c>
      <c r="AA10220">
        <v>92</v>
      </c>
      <c r="AB10220">
        <v>93</v>
      </c>
      <c r="AC10220">
        <v>95</v>
      </c>
      <c r="AD10220">
        <v>96</v>
      </c>
      <c r="AE10220">
        <v>96</v>
      </c>
      <c r="AF10220">
        <v>96</v>
      </c>
      <c r="AG10220">
        <v>96</v>
      </c>
      <c r="AH10220">
        <v>96</v>
      </c>
      <c r="AI10220">
        <v>96</v>
      </c>
      <c r="AJ10220">
        <v>95</v>
      </c>
      <c r="AK10220">
        <v>95</v>
      </c>
      <c r="AL10220">
        <v>95</v>
      </c>
      <c r="AM10220">
        <v>95</v>
      </c>
      <c r="AN10220">
        <v>95</v>
      </c>
      <c r="AO10220">
        <v>94</v>
      </c>
      <c r="AP10220">
        <v>94</v>
      </c>
      <c r="AQ10220">
        <v>94</v>
      </c>
    </row>
    <row r="10221" spans="1:43">
      <c r="A10221" t="s">
        <v>6374</v>
      </c>
      <c r="B10221" t="s">
        <v>6375</v>
      </c>
      <c r="C10221" t="s">
        <v>6368</v>
      </c>
      <c r="D10221" t="s">
        <v>6369</v>
      </c>
      <c r="E10221" t="s">
        <v>6174</v>
      </c>
      <c r="F10221" t="s">
        <v>6175</v>
      </c>
      <c r="G10221" t="s">
        <v>80</v>
      </c>
      <c r="H10221" t="s">
        <v>81</v>
      </c>
      <c r="I10221" s="2">
        <v>0</v>
      </c>
      <c r="J10221" s="2">
        <v>1</v>
      </c>
      <c r="K10221" s="2">
        <v>0</v>
      </c>
      <c r="L10221" t="s">
        <v>82</v>
      </c>
      <c r="M10221" t="s">
        <v>83</v>
      </c>
      <c r="N10221" t="s">
        <v>91</v>
      </c>
      <c r="O10221" t="s">
        <v>85</v>
      </c>
      <c r="P10221" t="s">
        <v>86</v>
      </c>
      <c r="Q10221">
        <v>78</v>
      </c>
      <c r="R10221">
        <v>79</v>
      </c>
      <c r="S10221">
        <v>80</v>
      </c>
      <c r="T10221">
        <v>80</v>
      </c>
      <c r="U10221">
        <v>81</v>
      </c>
      <c r="V10221">
        <v>82</v>
      </c>
      <c r="W10221">
        <v>83</v>
      </c>
      <c r="X10221">
        <v>84</v>
      </c>
      <c r="Y10221">
        <v>85</v>
      </c>
      <c r="Z10221">
        <v>86</v>
      </c>
      <c r="AA10221">
        <v>87</v>
      </c>
      <c r="AB10221">
        <v>87</v>
      </c>
      <c r="AC10221">
        <v>88</v>
      </c>
      <c r="AD10221">
        <v>89</v>
      </c>
      <c r="AE10221">
        <v>90</v>
      </c>
      <c r="AF10221">
        <v>90</v>
      </c>
      <c r="AG10221">
        <v>91</v>
      </c>
      <c r="AH10221">
        <v>92</v>
      </c>
      <c r="AI10221">
        <v>93</v>
      </c>
      <c r="AJ10221">
        <v>93</v>
      </c>
      <c r="AK10221">
        <v>94</v>
      </c>
      <c r="AL10221">
        <v>94</v>
      </c>
      <c r="AM10221">
        <v>94</v>
      </c>
      <c r="AN10221">
        <v>94</v>
      </c>
      <c r="AO10221">
        <v>94</v>
      </c>
      <c r="AP10221">
        <v>93</v>
      </c>
      <c r="AQ10221">
        <v>93</v>
      </c>
    </row>
    <row r="10222" spans="1:43">
      <c r="A10222" t="s">
        <v>6376</v>
      </c>
      <c r="B10222" t="s">
        <v>6377</v>
      </c>
      <c r="C10222" t="s">
        <v>6364</v>
      </c>
      <c r="D10222" t="s">
        <v>6365</v>
      </c>
      <c r="E10222" t="s">
        <v>6174</v>
      </c>
      <c r="F10222" t="s">
        <v>6175</v>
      </c>
      <c r="G10222" t="s">
        <v>80</v>
      </c>
      <c r="H10222" t="s">
        <v>81</v>
      </c>
      <c r="I10222" s="2">
        <v>0</v>
      </c>
      <c r="J10222" s="2">
        <v>1</v>
      </c>
      <c r="K10222" s="2">
        <v>0</v>
      </c>
      <c r="L10222" t="s">
        <v>82</v>
      </c>
      <c r="M10222" t="s">
        <v>83</v>
      </c>
      <c r="N10222" t="s">
        <v>84</v>
      </c>
      <c r="O10222" t="s">
        <v>85</v>
      </c>
      <c r="P10222" t="s">
        <v>86</v>
      </c>
      <c r="Q10222">
        <v>36</v>
      </c>
      <c r="R10222">
        <v>36</v>
      </c>
      <c r="S10222">
        <v>37</v>
      </c>
      <c r="T10222">
        <v>37</v>
      </c>
      <c r="U10222">
        <v>38</v>
      </c>
      <c r="V10222">
        <v>38</v>
      </c>
      <c r="W10222">
        <v>38</v>
      </c>
      <c r="X10222">
        <v>39</v>
      </c>
      <c r="Y10222">
        <v>39</v>
      </c>
      <c r="Z10222">
        <v>40</v>
      </c>
      <c r="AA10222">
        <v>40</v>
      </c>
      <c r="AB10222">
        <v>41</v>
      </c>
      <c r="AC10222">
        <v>41</v>
      </c>
      <c r="AD10222">
        <v>41</v>
      </c>
      <c r="AE10222">
        <v>42</v>
      </c>
      <c r="AF10222">
        <v>42</v>
      </c>
      <c r="AG10222">
        <v>42</v>
      </c>
      <c r="AH10222">
        <v>43</v>
      </c>
      <c r="AI10222">
        <v>43</v>
      </c>
      <c r="AJ10222">
        <v>43</v>
      </c>
      <c r="AK10222">
        <v>44</v>
      </c>
      <c r="AL10222">
        <v>44</v>
      </c>
      <c r="AM10222">
        <v>44</v>
      </c>
      <c r="AN10222">
        <v>44</v>
      </c>
      <c r="AO10222">
        <v>44</v>
      </c>
      <c r="AP10222">
        <v>44</v>
      </c>
      <c r="AQ10222">
        <v>44</v>
      </c>
    </row>
    <row r="10223" spans="1:43">
      <c r="A10223" t="s">
        <v>6376</v>
      </c>
      <c r="B10223" t="s">
        <v>6377</v>
      </c>
      <c r="C10223" t="s">
        <v>6364</v>
      </c>
      <c r="D10223" t="s">
        <v>6365</v>
      </c>
      <c r="E10223" t="s">
        <v>6174</v>
      </c>
      <c r="F10223" t="s">
        <v>6175</v>
      </c>
      <c r="G10223" t="s">
        <v>80</v>
      </c>
      <c r="H10223" t="s">
        <v>81</v>
      </c>
      <c r="I10223" s="2">
        <v>0</v>
      </c>
      <c r="J10223" s="2">
        <v>1</v>
      </c>
      <c r="K10223" s="2">
        <v>0</v>
      </c>
      <c r="L10223" t="s">
        <v>82</v>
      </c>
      <c r="M10223" t="s">
        <v>87</v>
      </c>
      <c r="N10223" t="s">
        <v>88</v>
      </c>
      <c r="O10223" t="s">
        <v>85</v>
      </c>
      <c r="P10223" t="s">
        <v>86</v>
      </c>
      <c r="Q10223">
        <v>36</v>
      </c>
      <c r="R10223">
        <v>37</v>
      </c>
      <c r="S10223">
        <v>37</v>
      </c>
      <c r="T10223">
        <v>37</v>
      </c>
      <c r="U10223">
        <v>37</v>
      </c>
      <c r="V10223">
        <v>37</v>
      </c>
      <c r="W10223">
        <v>37</v>
      </c>
      <c r="X10223">
        <v>37</v>
      </c>
      <c r="Y10223">
        <v>37</v>
      </c>
      <c r="Z10223">
        <v>37</v>
      </c>
      <c r="AA10223">
        <v>38</v>
      </c>
      <c r="AB10223">
        <v>38</v>
      </c>
      <c r="AC10223">
        <v>38</v>
      </c>
      <c r="AD10223">
        <v>38</v>
      </c>
      <c r="AE10223">
        <v>38</v>
      </c>
      <c r="AF10223">
        <v>38</v>
      </c>
      <c r="AG10223">
        <v>38</v>
      </c>
      <c r="AH10223">
        <v>38</v>
      </c>
      <c r="AI10223">
        <v>38</v>
      </c>
      <c r="AJ10223">
        <v>38</v>
      </c>
      <c r="AK10223">
        <v>38</v>
      </c>
      <c r="AL10223">
        <v>39</v>
      </c>
      <c r="AM10223">
        <v>39</v>
      </c>
      <c r="AN10223">
        <v>39</v>
      </c>
      <c r="AO10223">
        <v>39</v>
      </c>
      <c r="AP10223">
        <v>39</v>
      </c>
      <c r="AQ10223">
        <v>39</v>
      </c>
    </row>
    <row r="10224" spans="1:43">
      <c r="A10224" t="s">
        <v>6376</v>
      </c>
      <c r="B10224" t="s">
        <v>6377</v>
      </c>
      <c r="C10224" t="s">
        <v>6364</v>
      </c>
      <c r="D10224" t="s">
        <v>6365</v>
      </c>
      <c r="E10224" t="s">
        <v>6174</v>
      </c>
      <c r="F10224" t="s">
        <v>6175</v>
      </c>
      <c r="G10224" t="s">
        <v>80</v>
      </c>
      <c r="H10224" t="s">
        <v>81</v>
      </c>
      <c r="I10224" s="2">
        <v>0</v>
      </c>
      <c r="J10224" s="2">
        <v>1</v>
      </c>
      <c r="K10224" s="2">
        <v>0</v>
      </c>
      <c r="L10224" t="s">
        <v>82</v>
      </c>
      <c r="M10224" t="s">
        <v>89</v>
      </c>
      <c r="N10224" t="s">
        <v>90</v>
      </c>
      <c r="O10224" t="s">
        <v>85</v>
      </c>
      <c r="P10224" t="s">
        <v>86</v>
      </c>
      <c r="Q10224">
        <v>36</v>
      </c>
      <c r="R10224">
        <v>37</v>
      </c>
      <c r="S10224">
        <v>38</v>
      </c>
      <c r="T10224">
        <v>38</v>
      </c>
      <c r="U10224">
        <v>39</v>
      </c>
      <c r="V10224">
        <v>40</v>
      </c>
      <c r="W10224">
        <v>40</v>
      </c>
      <c r="X10224">
        <v>41</v>
      </c>
      <c r="Y10224">
        <v>42</v>
      </c>
      <c r="Z10224">
        <v>42</v>
      </c>
      <c r="AA10224">
        <v>43</v>
      </c>
      <c r="AB10224">
        <v>43</v>
      </c>
      <c r="AC10224">
        <v>44</v>
      </c>
      <c r="AD10224">
        <v>44</v>
      </c>
      <c r="AE10224">
        <v>45</v>
      </c>
      <c r="AF10224">
        <v>45</v>
      </c>
      <c r="AG10224">
        <v>44</v>
      </c>
      <c r="AH10224">
        <v>44</v>
      </c>
      <c r="AI10224">
        <v>44</v>
      </c>
      <c r="AJ10224">
        <v>44</v>
      </c>
      <c r="AK10224">
        <v>44</v>
      </c>
      <c r="AL10224">
        <v>44</v>
      </c>
      <c r="AM10224">
        <v>44</v>
      </c>
      <c r="AN10224">
        <v>44</v>
      </c>
      <c r="AO10224">
        <v>44</v>
      </c>
      <c r="AP10224">
        <v>44</v>
      </c>
      <c r="AQ10224">
        <v>44</v>
      </c>
    </row>
    <row r="10225" spans="1:43">
      <c r="A10225" t="s">
        <v>6376</v>
      </c>
      <c r="B10225" t="s">
        <v>6377</v>
      </c>
      <c r="C10225" t="s">
        <v>6364</v>
      </c>
      <c r="D10225" t="s">
        <v>6365</v>
      </c>
      <c r="E10225" t="s">
        <v>6174</v>
      </c>
      <c r="F10225" t="s">
        <v>6175</v>
      </c>
      <c r="G10225" t="s">
        <v>80</v>
      </c>
      <c r="H10225" t="s">
        <v>81</v>
      </c>
      <c r="I10225" s="2">
        <v>0</v>
      </c>
      <c r="J10225" s="2">
        <v>1</v>
      </c>
      <c r="K10225" s="2">
        <v>0</v>
      </c>
      <c r="L10225" t="s">
        <v>82</v>
      </c>
      <c r="M10225" t="s">
        <v>83</v>
      </c>
      <c r="N10225" t="s">
        <v>91</v>
      </c>
      <c r="O10225" t="s">
        <v>85</v>
      </c>
      <c r="P10225" t="s">
        <v>86</v>
      </c>
      <c r="Q10225">
        <v>36</v>
      </c>
      <c r="R10225">
        <v>36</v>
      </c>
      <c r="S10225">
        <v>37</v>
      </c>
      <c r="T10225">
        <v>37</v>
      </c>
      <c r="U10225">
        <v>38</v>
      </c>
      <c r="V10225">
        <v>38</v>
      </c>
      <c r="W10225">
        <v>38</v>
      </c>
      <c r="X10225">
        <v>39</v>
      </c>
      <c r="Y10225">
        <v>39</v>
      </c>
      <c r="Z10225">
        <v>40</v>
      </c>
      <c r="AA10225">
        <v>40</v>
      </c>
      <c r="AB10225">
        <v>41</v>
      </c>
      <c r="AC10225">
        <v>41</v>
      </c>
      <c r="AD10225">
        <v>41</v>
      </c>
      <c r="AE10225">
        <v>42</v>
      </c>
      <c r="AF10225">
        <v>42</v>
      </c>
      <c r="AG10225">
        <v>42</v>
      </c>
      <c r="AH10225">
        <v>43</v>
      </c>
      <c r="AI10225">
        <v>43</v>
      </c>
      <c r="AJ10225">
        <v>43</v>
      </c>
      <c r="AK10225">
        <v>44</v>
      </c>
      <c r="AL10225">
        <v>44</v>
      </c>
      <c r="AM10225">
        <v>44</v>
      </c>
      <c r="AN10225">
        <v>44</v>
      </c>
      <c r="AO10225">
        <v>44</v>
      </c>
      <c r="AP10225">
        <v>44</v>
      </c>
      <c r="AQ10225">
        <v>44</v>
      </c>
    </row>
    <row r="10226" spans="1:43">
      <c r="A10226" t="s">
        <v>6378</v>
      </c>
      <c r="B10226" t="s">
        <v>6379</v>
      </c>
      <c r="C10226" t="s">
        <v>6364</v>
      </c>
      <c r="D10226" t="s">
        <v>6365</v>
      </c>
      <c r="E10226" t="s">
        <v>6174</v>
      </c>
      <c r="F10226" t="s">
        <v>6175</v>
      </c>
      <c r="G10226" t="s">
        <v>80</v>
      </c>
      <c r="H10226" t="s">
        <v>81</v>
      </c>
      <c r="I10226" s="2">
        <v>0</v>
      </c>
      <c r="J10226" s="2">
        <v>1</v>
      </c>
      <c r="K10226" s="2">
        <v>0</v>
      </c>
      <c r="L10226" t="s">
        <v>82</v>
      </c>
      <c r="M10226" t="s">
        <v>83</v>
      </c>
      <c r="N10226" t="s">
        <v>84</v>
      </c>
      <c r="O10226" t="s">
        <v>85</v>
      </c>
      <c r="P10226" t="s">
        <v>86</v>
      </c>
      <c r="Q10226">
        <v>24</v>
      </c>
      <c r="R10226">
        <v>24</v>
      </c>
      <c r="S10226">
        <v>25</v>
      </c>
      <c r="T10226">
        <v>25</v>
      </c>
      <c r="U10226">
        <v>25</v>
      </c>
      <c r="V10226">
        <v>26</v>
      </c>
      <c r="W10226">
        <v>26</v>
      </c>
      <c r="X10226">
        <v>26</v>
      </c>
      <c r="Y10226">
        <v>26</v>
      </c>
      <c r="Z10226">
        <v>27</v>
      </c>
      <c r="AA10226">
        <v>27</v>
      </c>
      <c r="AB10226">
        <v>27</v>
      </c>
      <c r="AC10226">
        <v>28</v>
      </c>
      <c r="AD10226">
        <v>28</v>
      </c>
      <c r="AE10226">
        <v>28</v>
      </c>
      <c r="AF10226">
        <v>28</v>
      </c>
      <c r="AG10226">
        <v>29</v>
      </c>
      <c r="AH10226">
        <v>29</v>
      </c>
      <c r="AI10226">
        <v>29</v>
      </c>
      <c r="AJ10226">
        <v>29</v>
      </c>
      <c r="AK10226">
        <v>29</v>
      </c>
      <c r="AL10226">
        <v>30</v>
      </c>
      <c r="AM10226">
        <v>29</v>
      </c>
      <c r="AN10226">
        <v>29</v>
      </c>
      <c r="AO10226">
        <v>29</v>
      </c>
      <c r="AP10226">
        <v>29</v>
      </c>
      <c r="AQ10226">
        <v>29</v>
      </c>
    </row>
    <row r="10227" spans="1:43">
      <c r="A10227" t="s">
        <v>6378</v>
      </c>
      <c r="B10227" t="s">
        <v>6379</v>
      </c>
      <c r="C10227" t="s">
        <v>6364</v>
      </c>
      <c r="D10227" t="s">
        <v>6365</v>
      </c>
      <c r="E10227" t="s">
        <v>6174</v>
      </c>
      <c r="F10227" t="s">
        <v>6175</v>
      </c>
      <c r="G10227" t="s">
        <v>80</v>
      </c>
      <c r="H10227" t="s">
        <v>81</v>
      </c>
      <c r="I10227" s="2">
        <v>0</v>
      </c>
      <c r="J10227" s="2">
        <v>1</v>
      </c>
      <c r="K10227" s="2">
        <v>0</v>
      </c>
      <c r="L10227" t="s">
        <v>82</v>
      </c>
      <c r="M10227" t="s">
        <v>87</v>
      </c>
      <c r="N10227" t="s">
        <v>88</v>
      </c>
      <c r="O10227" t="s">
        <v>85</v>
      </c>
      <c r="P10227" t="s">
        <v>86</v>
      </c>
      <c r="Q10227">
        <v>24</v>
      </c>
      <c r="R10227">
        <v>24</v>
      </c>
      <c r="S10227">
        <v>24</v>
      </c>
      <c r="T10227">
        <v>24</v>
      </c>
      <c r="U10227">
        <v>24</v>
      </c>
      <c r="V10227">
        <v>24</v>
      </c>
      <c r="W10227">
        <v>24</v>
      </c>
      <c r="X10227">
        <v>24</v>
      </c>
      <c r="Y10227">
        <v>24</v>
      </c>
      <c r="Z10227">
        <v>25</v>
      </c>
      <c r="AA10227">
        <v>25</v>
      </c>
      <c r="AB10227">
        <v>25</v>
      </c>
      <c r="AC10227">
        <v>25</v>
      </c>
      <c r="AD10227">
        <v>25</v>
      </c>
      <c r="AE10227">
        <v>25</v>
      </c>
      <c r="AF10227">
        <v>25</v>
      </c>
      <c r="AG10227">
        <v>25</v>
      </c>
      <c r="AH10227">
        <v>25</v>
      </c>
      <c r="AI10227">
        <v>25</v>
      </c>
      <c r="AJ10227">
        <v>25</v>
      </c>
      <c r="AK10227">
        <v>25</v>
      </c>
      <c r="AL10227">
        <v>25</v>
      </c>
      <c r="AM10227">
        <v>25</v>
      </c>
      <c r="AN10227">
        <v>25</v>
      </c>
      <c r="AO10227">
        <v>25</v>
      </c>
      <c r="AP10227">
        <v>25</v>
      </c>
      <c r="AQ10227">
        <v>26</v>
      </c>
    </row>
    <row r="10228" spans="1:43">
      <c r="A10228" t="s">
        <v>6378</v>
      </c>
      <c r="B10228" t="s">
        <v>6379</v>
      </c>
      <c r="C10228" t="s">
        <v>6364</v>
      </c>
      <c r="D10228" t="s">
        <v>6365</v>
      </c>
      <c r="E10228" t="s">
        <v>6174</v>
      </c>
      <c r="F10228" t="s">
        <v>6175</v>
      </c>
      <c r="G10228" t="s">
        <v>80</v>
      </c>
      <c r="H10228" t="s">
        <v>81</v>
      </c>
      <c r="I10228" s="2">
        <v>0</v>
      </c>
      <c r="J10228" s="2">
        <v>1</v>
      </c>
      <c r="K10228" s="2">
        <v>0</v>
      </c>
      <c r="L10228" t="s">
        <v>82</v>
      </c>
      <c r="M10228" t="s">
        <v>89</v>
      </c>
      <c r="N10228" t="s">
        <v>90</v>
      </c>
      <c r="O10228" t="s">
        <v>85</v>
      </c>
      <c r="P10228" t="s">
        <v>86</v>
      </c>
      <c r="Q10228">
        <v>24</v>
      </c>
      <c r="R10228">
        <v>25</v>
      </c>
      <c r="S10228">
        <v>25</v>
      </c>
      <c r="T10228">
        <v>26</v>
      </c>
      <c r="U10228">
        <v>26</v>
      </c>
      <c r="V10228">
        <v>27</v>
      </c>
      <c r="W10228">
        <v>27</v>
      </c>
      <c r="X10228">
        <v>28</v>
      </c>
      <c r="Y10228">
        <v>28</v>
      </c>
      <c r="Z10228">
        <v>28</v>
      </c>
      <c r="AA10228">
        <v>29</v>
      </c>
      <c r="AB10228">
        <v>29</v>
      </c>
      <c r="AC10228">
        <v>29</v>
      </c>
      <c r="AD10228">
        <v>30</v>
      </c>
      <c r="AE10228">
        <v>30</v>
      </c>
      <c r="AF10228">
        <v>30</v>
      </c>
      <c r="AG10228">
        <v>30</v>
      </c>
      <c r="AH10228">
        <v>30</v>
      </c>
      <c r="AI10228">
        <v>30</v>
      </c>
      <c r="AJ10228">
        <v>30</v>
      </c>
      <c r="AK10228">
        <v>30</v>
      </c>
      <c r="AL10228">
        <v>30</v>
      </c>
      <c r="AM10228">
        <v>30</v>
      </c>
      <c r="AN10228">
        <v>30</v>
      </c>
      <c r="AO10228">
        <v>30</v>
      </c>
      <c r="AP10228">
        <v>30</v>
      </c>
      <c r="AQ10228">
        <v>30</v>
      </c>
    </row>
    <row r="10229" spans="1:43">
      <c r="A10229" t="s">
        <v>6378</v>
      </c>
      <c r="B10229" t="s">
        <v>6379</v>
      </c>
      <c r="C10229" t="s">
        <v>6364</v>
      </c>
      <c r="D10229" t="s">
        <v>6365</v>
      </c>
      <c r="E10229" t="s">
        <v>6174</v>
      </c>
      <c r="F10229" t="s">
        <v>6175</v>
      </c>
      <c r="G10229" t="s">
        <v>80</v>
      </c>
      <c r="H10229" t="s">
        <v>81</v>
      </c>
      <c r="I10229" s="2">
        <v>0</v>
      </c>
      <c r="J10229" s="2">
        <v>1</v>
      </c>
      <c r="K10229" s="2">
        <v>0</v>
      </c>
      <c r="L10229" t="s">
        <v>82</v>
      </c>
      <c r="M10229" t="s">
        <v>83</v>
      </c>
      <c r="N10229" t="s">
        <v>91</v>
      </c>
      <c r="O10229" t="s">
        <v>85</v>
      </c>
      <c r="P10229" t="s">
        <v>86</v>
      </c>
      <c r="Q10229">
        <v>24</v>
      </c>
      <c r="R10229">
        <v>24</v>
      </c>
      <c r="S10229">
        <v>25</v>
      </c>
      <c r="T10229">
        <v>25</v>
      </c>
      <c r="U10229">
        <v>25</v>
      </c>
      <c r="V10229">
        <v>26</v>
      </c>
      <c r="W10229">
        <v>26</v>
      </c>
      <c r="X10229">
        <v>26</v>
      </c>
      <c r="Y10229">
        <v>26</v>
      </c>
      <c r="Z10229">
        <v>27</v>
      </c>
      <c r="AA10229">
        <v>27</v>
      </c>
      <c r="AB10229">
        <v>27</v>
      </c>
      <c r="AC10229">
        <v>28</v>
      </c>
      <c r="AD10229">
        <v>28</v>
      </c>
      <c r="AE10229">
        <v>28</v>
      </c>
      <c r="AF10229">
        <v>28</v>
      </c>
      <c r="AG10229">
        <v>29</v>
      </c>
      <c r="AH10229">
        <v>29</v>
      </c>
      <c r="AI10229">
        <v>29</v>
      </c>
      <c r="AJ10229">
        <v>29</v>
      </c>
      <c r="AK10229">
        <v>29</v>
      </c>
      <c r="AL10229">
        <v>30</v>
      </c>
      <c r="AM10229">
        <v>29</v>
      </c>
      <c r="AN10229">
        <v>29</v>
      </c>
      <c r="AO10229">
        <v>29</v>
      </c>
      <c r="AP10229">
        <v>29</v>
      </c>
      <c r="AQ10229">
        <v>29</v>
      </c>
    </row>
    <row r="10230" spans="1:43">
      <c r="A10230" t="s">
        <v>6380</v>
      </c>
      <c r="B10230" t="s">
        <v>6381</v>
      </c>
      <c r="C10230" t="s">
        <v>6234</v>
      </c>
      <c r="D10230" t="s">
        <v>6235</v>
      </c>
      <c r="E10230" t="s">
        <v>6174</v>
      </c>
      <c r="F10230" t="s">
        <v>6175</v>
      </c>
      <c r="G10230" t="s">
        <v>80</v>
      </c>
      <c r="H10230" t="s">
        <v>81</v>
      </c>
      <c r="I10230" s="2">
        <v>0</v>
      </c>
      <c r="J10230" s="2">
        <v>1</v>
      </c>
      <c r="K10230" s="2">
        <v>0</v>
      </c>
      <c r="L10230" t="s">
        <v>82</v>
      </c>
      <c r="M10230" t="s">
        <v>83</v>
      </c>
      <c r="N10230" t="s">
        <v>84</v>
      </c>
      <c r="O10230" t="s">
        <v>85</v>
      </c>
      <c r="P10230" t="s">
        <v>86</v>
      </c>
      <c r="Q10230">
        <v>30</v>
      </c>
      <c r="R10230">
        <v>30</v>
      </c>
      <c r="S10230">
        <v>31</v>
      </c>
      <c r="T10230">
        <v>31</v>
      </c>
      <c r="U10230">
        <v>31</v>
      </c>
      <c r="V10230">
        <v>32</v>
      </c>
      <c r="W10230">
        <v>32</v>
      </c>
      <c r="X10230">
        <v>32</v>
      </c>
      <c r="Y10230">
        <v>33</v>
      </c>
      <c r="Z10230">
        <v>33</v>
      </c>
      <c r="AA10230">
        <v>33</v>
      </c>
      <c r="AB10230">
        <v>33</v>
      </c>
      <c r="AC10230">
        <v>34</v>
      </c>
      <c r="AD10230">
        <v>34</v>
      </c>
      <c r="AE10230">
        <v>34</v>
      </c>
      <c r="AF10230">
        <v>35</v>
      </c>
      <c r="AG10230">
        <v>35</v>
      </c>
      <c r="AH10230">
        <v>35</v>
      </c>
      <c r="AI10230">
        <v>35</v>
      </c>
      <c r="AJ10230">
        <v>36</v>
      </c>
      <c r="AK10230">
        <v>36</v>
      </c>
      <c r="AL10230">
        <v>36</v>
      </c>
      <c r="AM10230">
        <v>36</v>
      </c>
      <c r="AN10230">
        <v>36</v>
      </c>
      <c r="AO10230">
        <v>36</v>
      </c>
      <c r="AP10230">
        <v>35</v>
      </c>
      <c r="AQ10230">
        <v>35</v>
      </c>
    </row>
    <row r="10231" spans="1:43">
      <c r="A10231" t="s">
        <v>6380</v>
      </c>
      <c r="B10231" t="s">
        <v>6381</v>
      </c>
      <c r="C10231" t="s">
        <v>6234</v>
      </c>
      <c r="D10231" t="s">
        <v>6235</v>
      </c>
      <c r="E10231" t="s">
        <v>6174</v>
      </c>
      <c r="F10231" t="s">
        <v>6175</v>
      </c>
      <c r="G10231" t="s">
        <v>80</v>
      </c>
      <c r="H10231" t="s">
        <v>81</v>
      </c>
      <c r="I10231" s="2">
        <v>0</v>
      </c>
      <c r="J10231" s="2">
        <v>1</v>
      </c>
      <c r="K10231" s="2">
        <v>0</v>
      </c>
      <c r="L10231" t="s">
        <v>82</v>
      </c>
      <c r="M10231" t="s">
        <v>87</v>
      </c>
      <c r="N10231" t="s">
        <v>88</v>
      </c>
      <c r="O10231" t="s">
        <v>85</v>
      </c>
      <c r="P10231" t="s">
        <v>86</v>
      </c>
      <c r="Q10231">
        <v>30</v>
      </c>
      <c r="R10231">
        <v>30</v>
      </c>
      <c r="S10231">
        <v>30</v>
      </c>
      <c r="T10231">
        <v>30</v>
      </c>
      <c r="U10231">
        <v>30</v>
      </c>
      <c r="V10231">
        <v>30</v>
      </c>
      <c r="W10231">
        <v>30</v>
      </c>
      <c r="X10231">
        <v>30</v>
      </c>
      <c r="Y10231">
        <v>30</v>
      </c>
      <c r="Z10231">
        <v>30</v>
      </c>
      <c r="AA10231">
        <v>30</v>
      </c>
      <c r="AB10231">
        <v>30</v>
      </c>
      <c r="AC10231">
        <v>30</v>
      </c>
      <c r="AD10231">
        <v>30</v>
      </c>
      <c r="AE10231">
        <v>30</v>
      </c>
      <c r="AF10231">
        <v>30</v>
      </c>
      <c r="AG10231">
        <v>30</v>
      </c>
      <c r="AH10231">
        <v>30</v>
      </c>
      <c r="AI10231">
        <v>30</v>
      </c>
      <c r="AJ10231">
        <v>31</v>
      </c>
      <c r="AK10231">
        <v>31</v>
      </c>
      <c r="AL10231">
        <v>31</v>
      </c>
      <c r="AM10231">
        <v>31</v>
      </c>
      <c r="AN10231">
        <v>31</v>
      </c>
      <c r="AO10231">
        <v>31</v>
      </c>
      <c r="AP10231">
        <v>31</v>
      </c>
      <c r="AQ10231">
        <v>31</v>
      </c>
    </row>
    <row r="10232" spans="1:43">
      <c r="A10232" t="s">
        <v>6380</v>
      </c>
      <c r="B10232" t="s">
        <v>6381</v>
      </c>
      <c r="C10232" t="s">
        <v>6234</v>
      </c>
      <c r="D10232" t="s">
        <v>6235</v>
      </c>
      <c r="E10232" t="s">
        <v>6174</v>
      </c>
      <c r="F10232" t="s">
        <v>6175</v>
      </c>
      <c r="G10232" t="s">
        <v>80</v>
      </c>
      <c r="H10232" t="s">
        <v>81</v>
      </c>
      <c r="I10232" s="2">
        <v>0</v>
      </c>
      <c r="J10232" s="2">
        <v>1</v>
      </c>
      <c r="K10232" s="2">
        <v>0</v>
      </c>
      <c r="L10232" t="s">
        <v>82</v>
      </c>
      <c r="M10232" t="s">
        <v>89</v>
      </c>
      <c r="N10232" t="s">
        <v>90</v>
      </c>
      <c r="O10232" t="s">
        <v>85</v>
      </c>
      <c r="P10232" t="s">
        <v>86</v>
      </c>
      <c r="Q10232">
        <v>30</v>
      </c>
      <c r="R10232">
        <v>31</v>
      </c>
      <c r="S10232">
        <v>31</v>
      </c>
      <c r="T10232">
        <v>32</v>
      </c>
      <c r="U10232">
        <v>33</v>
      </c>
      <c r="V10232">
        <v>33</v>
      </c>
      <c r="W10232">
        <v>34</v>
      </c>
      <c r="X10232">
        <v>34</v>
      </c>
      <c r="Y10232">
        <v>35</v>
      </c>
      <c r="Z10232">
        <v>35</v>
      </c>
      <c r="AA10232">
        <v>35</v>
      </c>
      <c r="AB10232">
        <v>36</v>
      </c>
      <c r="AC10232">
        <v>36</v>
      </c>
      <c r="AD10232">
        <v>37</v>
      </c>
      <c r="AE10232">
        <v>37</v>
      </c>
      <c r="AF10232">
        <v>37</v>
      </c>
      <c r="AG10232">
        <v>37</v>
      </c>
      <c r="AH10232">
        <v>37</v>
      </c>
      <c r="AI10232">
        <v>36</v>
      </c>
      <c r="AJ10232">
        <v>36</v>
      </c>
      <c r="AK10232">
        <v>36</v>
      </c>
      <c r="AL10232">
        <v>36</v>
      </c>
      <c r="AM10232">
        <v>36</v>
      </c>
      <c r="AN10232">
        <v>36</v>
      </c>
      <c r="AO10232">
        <v>36</v>
      </c>
      <c r="AP10232">
        <v>36</v>
      </c>
      <c r="AQ10232">
        <v>36</v>
      </c>
    </row>
    <row r="10233" spans="1:43">
      <c r="A10233" t="s">
        <v>6380</v>
      </c>
      <c r="B10233" t="s">
        <v>6381</v>
      </c>
      <c r="C10233" t="s">
        <v>6234</v>
      </c>
      <c r="D10233" t="s">
        <v>6235</v>
      </c>
      <c r="E10233" t="s">
        <v>6174</v>
      </c>
      <c r="F10233" t="s">
        <v>6175</v>
      </c>
      <c r="G10233" t="s">
        <v>80</v>
      </c>
      <c r="H10233" t="s">
        <v>81</v>
      </c>
      <c r="I10233" s="2">
        <v>0</v>
      </c>
      <c r="J10233" s="2">
        <v>1</v>
      </c>
      <c r="K10233" s="2">
        <v>0</v>
      </c>
      <c r="L10233" t="s">
        <v>82</v>
      </c>
      <c r="M10233" t="s">
        <v>83</v>
      </c>
      <c r="N10233" t="s">
        <v>91</v>
      </c>
      <c r="O10233" t="s">
        <v>85</v>
      </c>
      <c r="P10233" t="s">
        <v>86</v>
      </c>
      <c r="Q10233">
        <v>30</v>
      </c>
      <c r="R10233">
        <v>30</v>
      </c>
      <c r="S10233">
        <v>31</v>
      </c>
      <c r="T10233">
        <v>31</v>
      </c>
      <c r="U10233">
        <v>31</v>
      </c>
      <c r="V10233">
        <v>32</v>
      </c>
      <c r="W10233">
        <v>32</v>
      </c>
      <c r="X10233">
        <v>32</v>
      </c>
      <c r="Y10233">
        <v>33</v>
      </c>
      <c r="Z10233">
        <v>33</v>
      </c>
      <c r="AA10233">
        <v>33</v>
      </c>
      <c r="AB10233">
        <v>33</v>
      </c>
      <c r="AC10233">
        <v>34</v>
      </c>
      <c r="AD10233">
        <v>34</v>
      </c>
      <c r="AE10233">
        <v>34</v>
      </c>
      <c r="AF10233">
        <v>35</v>
      </c>
      <c r="AG10233">
        <v>35</v>
      </c>
      <c r="AH10233">
        <v>35</v>
      </c>
      <c r="AI10233">
        <v>35</v>
      </c>
      <c r="AJ10233">
        <v>36</v>
      </c>
      <c r="AK10233">
        <v>36</v>
      </c>
      <c r="AL10233">
        <v>36</v>
      </c>
      <c r="AM10233">
        <v>36</v>
      </c>
      <c r="AN10233">
        <v>36</v>
      </c>
      <c r="AO10233">
        <v>36</v>
      </c>
      <c r="AP10233">
        <v>35</v>
      </c>
      <c r="AQ10233">
        <v>35</v>
      </c>
    </row>
    <row r="10234" spans="1:43">
      <c r="A10234" t="s">
        <v>6382</v>
      </c>
      <c r="B10234" t="s">
        <v>6383</v>
      </c>
      <c r="C10234" t="s">
        <v>6364</v>
      </c>
      <c r="D10234" t="s">
        <v>6365</v>
      </c>
      <c r="E10234" t="s">
        <v>6174</v>
      </c>
      <c r="F10234" t="s">
        <v>6175</v>
      </c>
      <c r="G10234" t="s">
        <v>80</v>
      </c>
      <c r="H10234" t="s">
        <v>81</v>
      </c>
      <c r="I10234" s="2">
        <v>0</v>
      </c>
      <c r="J10234" s="2">
        <v>1</v>
      </c>
      <c r="K10234" s="2">
        <v>0</v>
      </c>
      <c r="L10234" t="s">
        <v>82</v>
      </c>
      <c r="M10234" t="s">
        <v>83</v>
      </c>
      <c r="N10234" t="s">
        <v>84</v>
      </c>
      <c r="O10234" t="s">
        <v>85</v>
      </c>
      <c r="P10234" t="s">
        <v>86</v>
      </c>
      <c r="Q10234">
        <v>83</v>
      </c>
      <c r="R10234">
        <v>84</v>
      </c>
      <c r="S10234">
        <v>85</v>
      </c>
      <c r="T10234">
        <v>87</v>
      </c>
      <c r="U10234">
        <v>88</v>
      </c>
      <c r="V10234">
        <v>89</v>
      </c>
      <c r="W10234">
        <v>90</v>
      </c>
      <c r="X10234">
        <v>91</v>
      </c>
      <c r="Y10234">
        <v>92</v>
      </c>
      <c r="Z10234">
        <v>93</v>
      </c>
      <c r="AA10234">
        <v>94</v>
      </c>
      <c r="AB10234">
        <v>94</v>
      </c>
      <c r="AC10234">
        <v>95</v>
      </c>
      <c r="AD10234">
        <v>96</v>
      </c>
      <c r="AE10234">
        <v>97</v>
      </c>
      <c r="AF10234">
        <v>98</v>
      </c>
      <c r="AG10234">
        <v>99</v>
      </c>
      <c r="AH10234">
        <v>99</v>
      </c>
      <c r="AI10234">
        <v>100</v>
      </c>
      <c r="AJ10234">
        <v>101</v>
      </c>
      <c r="AK10234">
        <v>102</v>
      </c>
      <c r="AL10234">
        <v>102</v>
      </c>
      <c r="AM10234">
        <v>102</v>
      </c>
      <c r="AN10234">
        <v>102</v>
      </c>
      <c r="AO10234">
        <v>102</v>
      </c>
      <c r="AP10234">
        <v>102</v>
      </c>
      <c r="AQ10234">
        <v>101</v>
      </c>
    </row>
    <row r="10235" spans="1:43">
      <c r="A10235" t="s">
        <v>6382</v>
      </c>
      <c r="B10235" t="s">
        <v>6383</v>
      </c>
      <c r="C10235" t="s">
        <v>6364</v>
      </c>
      <c r="D10235" t="s">
        <v>6365</v>
      </c>
      <c r="E10235" t="s">
        <v>6174</v>
      </c>
      <c r="F10235" t="s">
        <v>6175</v>
      </c>
      <c r="G10235" t="s">
        <v>80</v>
      </c>
      <c r="H10235" t="s">
        <v>81</v>
      </c>
      <c r="I10235" s="2">
        <v>0</v>
      </c>
      <c r="J10235" s="2">
        <v>1</v>
      </c>
      <c r="K10235" s="2">
        <v>0</v>
      </c>
      <c r="L10235" t="s">
        <v>82</v>
      </c>
      <c r="M10235" t="s">
        <v>87</v>
      </c>
      <c r="N10235" t="s">
        <v>88</v>
      </c>
      <c r="O10235" t="s">
        <v>85</v>
      </c>
      <c r="P10235" t="s">
        <v>86</v>
      </c>
      <c r="Q10235">
        <v>83</v>
      </c>
      <c r="R10235">
        <v>83</v>
      </c>
      <c r="S10235">
        <v>83</v>
      </c>
      <c r="T10235">
        <v>83</v>
      </c>
      <c r="U10235">
        <v>84</v>
      </c>
      <c r="V10235">
        <v>84</v>
      </c>
      <c r="W10235">
        <v>84</v>
      </c>
      <c r="X10235">
        <v>84</v>
      </c>
      <c r="Y10235">
        <v>85</v>
      </c>
      <c r="Z10235">
        <v>85</v>
      </c>
      <c r="AA10235">
        <v>85</v>
      </c>
      <c r="AB10235">
        <v>85</v>
      </c>
      <c r="AC10235">
        <v>86</v>
      </c>
      <c r="AD10235">
        <v>86</v>
      </c>
      <c r="AE10235">
        <v>86</v>
      </c>
      <c r="AF10235">
        <v>86</v>
      </c>
      <c r="AG10235">
        <v>86</v>
      </c>
      <c r="AH10235">
        <v>87</v>
      </c>
      <c r="AI10235">
        <v>87</v>
      </c>
      <c r="AJ10235">
        <v>87</v>
      </c>
      <c r="AK10235">
        <v>87</v>
      </c>
      <c r="AL10235">
        <v>87</v>
      </c>
      <c r="AM10235">
        <v>88</v>
      </c>
      <c r="AN10235">
        <v>88</v>
      </c>
      <c r="AO10235">
        <v>88</v>
      </c>
      <c r="AP10235">
        <v>88</v>
      </c>
      <c r="AQ10235">
        <v>88</v>
      </c>
    </row>
    <row r="10236" spans="1:43">
      <c r="A10236" t="s">
        <v>6382</v>
      </c>
      <c r="B10236" t="s">
        <v>6383</v>
      </c>
      <c r="C10236" t="s">
        <v>6364</v>
      </c>
      <c r="D10236" t="s">
        <v>6365</v>
      </c>
      <c r="E10236" t="s">
        <v>6174</v>
      </c>
      <c r="F10236" t="s">
        <v>6175</v>
      </c>
      <c r="G10236" t="s">
        <v>80</v>
      </c>
      <c r="H10236" t="s">
        <v>81</v>
      </c>
      <c r="I10236" s="2">
        <v>0</v>
      </c>
      <c r="J10236" s="2">
        <v>1</v>
      </c>
      <c r="K10236" s="2">
        <v>0</v>
      </c>
      <c r="L10236" t="s">
        <v>82</v>
      </c>
      <c r="M10236" t="s">
        <v>89</v>
      </c>
      <c r="N10236" t="s">
        <v>90</v>
      </c>
      <c r="O10236" t="s">
        <v>85</v>
      </c>
      <c r="P10236" t="s">
        <v>86</v>
      </c>
      <c r="Q10236">
        <v>83</v>
      </c>
      <c r="R10236">
        <v>85</v>
      </c>
      <c r="S10236">
        <v>87</v>
      </c>
      <c r="T10236">
        <v>88</v>
      </c>
      <c r="U10236">
        <v>90</v>
      </c>
      <c r="V10236">
        <v>92</v>
      </c>
      <c r="W10236">
        <v>93</v>
      </c>
      <c r="X10236">
        <v>95</v>
      </c>
      <c r="Y10236">
        <v>96</v>
      </c>
      <c r="Z10236">
        <v>97</v>
      </c>
      <c r="AA10236">
        <v>98</v>
      </c>
      <c r="AB10236">
        <v>100</v>
      </c>
      <c r="AC10236">
        <v>101</v>
      </c>
      <c r="AD10236">
        <v>102</v>
      </c>
      <c r="AE10236">
        <v>103</v>
      </c>
      <c r="AF10236">
        <v>103</v>
      </c>
      <c r="AG10236">
        <v>103</v>
      </c>
      <c r="AH10236">
        <v>103</v>
      </c>
      <c r="AI10236">
        <v>102</v>
      </c>
      <c r="AJ10236">
        <v>102</v>
      </c>
      <c r="AK10236">
        <v>102</v>
      </c>
      <c r="AL10236">
        <v>102</v>
      </c>
      <c r="AM10236">
        <v>102</v>
      </c>
      <c r="AN10236">
        <v>102</v>
      </c>
      <c r="AO10236">
        <v>102</v>
      </c>
      <c r="AP10236">
        <v>101</v>
      </c>
      <c r="AQ10236">
        <v>101</v>
      </c>
    </row>
    <row r="10237" spans="1:43">
      <c r="A10237" t="s">
        <v>6382</v>
      </c>
      <c r="B10237" t="s">
        <v>6383</v>
      </c>
      <c r="C10237" t="s">
        <v>6364</v>
      </c>
      <c r="D10237" t="s">
        <v>6365</v>
      </c>
      <c r="E10237" t="s">
        <v>6174</v>
      </c>
      <c r="F10237" t="s">
        <v>6175</v>
      </c>
      <c r="G10237" t="s">
        <v>80</v>
      </c>
      <c r="H10237" t="s">
        <v>81</v>
      </c>
      <c r="I10237" s="2">
        <v>0</v>
      </c>
      <c r="J10237" s="2">
        <v>1</v>
      </c>
      <c r="K10237" s="2">
        <v>0</v>
      </c>
      <c r="L10237" t="s">
        <v>82</v>
      </c>
      <c r="M10237" t="s">
        <v>83</v>
      </c>
      <c r="N10237" t="s">
        <v>91</v>
      </c>
      <c r="O10237" t="s">
        <v>85</v>
      </c>
      <c r="P10237" t="s">
        <v>86</v>
      </c>
      <c r="Q10237">
        <v>83</v>
      </c>
      <c r="R10237">
        <v>84</v>
      </c>
      <c r="S10237">
        <v>85</v>
      </c>
      <c r="T10237">
        <v>87</v>
      </c>
      <c r="U10237">
        <v>88</v>
      </c>
      <c r="V10237">
        <v>89</v>
      </c>
      <c r="W10237">
        <v>90</v>
      </c>
      <c r="X10237">
        <v>91</v>
      </c>
      <c r="Y10237">
        <v>92</v>
      </c>
      <c r="Z10237">
        <v>93</v>
      </c>
      <c r="AA10237">
        <v>94</v>
      </c>
      <c r="AB10237">
        <v>94</v>
      </c>
      <c r="AC10237">
        <v>95</v>
      </c>
      <c r="AD10237">
        <v>96</v>
      </c>
      <c r="AE10237">
        <v>97</v>
      </c>
      <c r="AF10237">
        <v>98</v>
      </c>
      <c r="AG10237">
        <v>99</v>
      </c>
      <c r="AH10237">
        <v>99</v>
      </c>
      <c r="AI10237">
        <v>100</v>
      </c>
      <c r="AJ10237">
        <v>101</v>
      </c>
      <c r="AK10237">
        <v>102</v>
      </c>
      <c r="AL10237">
        <v>102</v>
      </c>
      <c r="AM10237">
        <v>102</v>
      </c>
      <c r="AN10237">
        <v>102</v>
      </c>
      <c r="AO10237">
        <v>102</v>
      </c>
      <c r="AP10237">
        <v>102</v>
      </c>
      <c r="AQ10237">
        <v>101</v>
      </c>
    </row>
    <row r="10238" spans="1:43">
      <c r="A10238" t="s">
        <v>6384</v>
      </c>
      <c r="B10238" t="s">
        <v>6385</v>
      </c>
      <c r="C10238" t="s">
        <v>6386</v>
      </c>
      <c r="D10238" t="s">
        <v>6387</v>
      </c>
      <c r="E10238" t="s">
        <v>6174</v>
      </c>
      <c r="F10238" t="s">
        <v>6175</v>
      </c>
      <c r="G10238" t="s">
        <v>80</v>
      </c>
      <c r="H10238" t="s">
        <v>81</v>
      </c>
      <c r="I10238" s="2">
        <v>0</v>
      </c>
      <c r="J10238" s="2">
        <v>1</v>
      </c>
      <c r="K10238" s="2">
        <v>0</v>
      </c>
      <c r="L10238" t="s">
        <v>82</v>
      </c>
      <c r="M10238" t="s">
        <v>83</v>
      </c>
      <c r="N10238" t="s">
        <v>84</v>
      </c>
      <c r="O10238" t="s">
        <v>85</v>
      </c>
      <c r="P10238" t="s">
        <v>86</v>
      </c>
      <c r="Q10238">
        <v>34</v>
      </c>
      <c r="R10238">
        <v>35</v>
      </c>
      <c r="S10238">
        <v>35</v>
      </c>
      <c r="T10238">
        <v>35</v>
      </c>
      <c r="U10238">
        <v>36</v>
      </c>
      <c r="V10238">
        <v>36</v>
      </c>
      <c r="W10238">
        <v>37</v>
      </c>
      <c r="X10238">
        <v>37</v>
      </c>
      <c r="Y10238">
        <v>38</v>
      </c>
      <c r="Z10238">
        <v>38</v>
      </c>
      <c r="AA10238">
        <v>38</v>
      </c>
      <c r="AB10238">
        <v>39</v>
      </c>
      <c r="AC10238">
        <v>39</v>
      </c>
      <c r="AD10238">
        <v>40</v>
      </c>
      <c r="AE10238">
        <v>40</v>
      </c>
      <c r="AF10238">
        <v>40</v>
      </c>
      <c r="AG10238">
        <v>41</v>
      </c>
      <c r="AH10238">
        <v>41</v>
      </c>
      <c r="AI10238">
        <v>41</v>
      </c>
      <c r="AJ10238">
        <v>42</v>
      </c>
      <c r="AK10238">
        <v>42</v>
      </c>
      <c r="AL10238">
        <v>42</v>
      </c>
      <c r="AM10238">
        <v>42</v>
      </c>
      <c r="AN10238">
        <v>42</v>
      </c>
      <c r="AO10238">
        <v>42</v>
      </c>
      <c r="AP10238">
        <v>42</v>
      </c>
      <c r="AQ10238">
        <v>42</v>
      </c>
    </row>
    <row r="10239" spans="1:43">
      <c r="A10239" t="s">
        <v>6384</v>
      </c>
      <c r="B10239" t="s">
        <v>6385</v>
      </c>
      <c r="C10239" t="s">
        <v>6386</v>
      </c>
      <c r="D10239" t="s">
        <v>6387</v>
      </c>
      <c r="E10239" t="s">
        <v>6174</v>
      </c>
      <c r="F10239" t="s">
        <v>6175</v>
      </c>
      <c r="G10239" t="s">
        <v>80</v>
      </c>
      <c r="H10239" t="s">
        <v>81</v>
      </c>
      <c r="I10239" s="2">
        <v>0</v>
      </c>
      <c r="J10239" s="2">
        <v>1</v>
      </c>
      <c r="K10239" s="2">
        <v>0</v>
      </c>
      <c r="L10239" t="s">
        <v>82</v>
      </c>
      <c r="M10239" t="s">
        <v>87</v>
      </c>
      <c r="N10239" t="s">
        <v>88</v>
      </c>
      <c r="O10239" t="s">
        <v>85</v>
      </c>
      <c r="P10239" t="s">
        <v>86</v>
      </c>
      <c r="Q10239">
        <v>34</v>
      </c>
      <c r="R10239">
        <v>34</v>
      </c>
      <c r="S10239">
        <v>34</v>
      </c>
      <c r="T10239">
        <v>34</v>
      </c>
      <c r="U10239">
        <v>34</v>
      </c>
      <c r="V10239">
        <v>34</v>
      </c>
      <c r="W10239">
        <v>35</v>
      </c>
      <c r="X10239">
        <v>35</v>
      </c>
      <c r="Y10239">
        <v>35</v>
      </c>
      <c r="Z10239">
        <v>35</v>
      </c>
      <c r="AA10239">
        <v>35</v>
      </c>
      <c r="AB10239">
        <v>35</v>
      </c>
      <c r="AC10239">
        <v>35</v>
      </c>
      <c r="AD10239">
        <v>35</v>
      </c>
      <c r="AE10239">
        <v>35</v>
      </c>
      <c r="AF10239">
        <v>35</v>
      </c>
      <c r="AG10239">
        <v>36</v>
      </c>
      <c r="AH10239">
        <v>36</v>
      </c>
      <c r="AI10239">
        <v>36</v>
      </c>
      <c r="AJ10239">
        <v>36</v>
      </c>
      <c r="AK10239">
        <v>36</v>
      </c>
      <c r="AL10239">
        <v>36</v>
      </c>
      <c r="AM10239">
        <v>36</v>
      </c>
      <c r="AN10239">
        <v>36</v>
      </c>
      <c r="AO10239">
        <v>36</v>
      </c>
      <c r="AP10239">
        <v>36</v>
      </c>
      <c r="AQ10239">
        <v>36</v>
      </c>
    </row>
    <row r="10240" spans="1:43">
      <c r="A10240" t="s">
        <v>6384</v>
      </c>
      <c r="B10240" t="s">
        <v>6385</v>
      </c>
      <c r="C10240" t="s">
        <v>6386</v>
      </c>
      <c r="D10240" t="s">
        <v>6387</v>
      </c>
      <c r="E10240" t="s">
        <v>6174</v>
      </c>
      <c r="F10240" t="s">
        <v>6175</v>
      </c>
      <c r="G10240" t="s">
        <v>80</v>
      </c>
      <c r="H10240" t="s">
        <v>81</v>
      </c>
      <c r="I10240" s="2">
        <v>0</v>
      </c>
      <c r="J10240" s="2">
        <v>1</v>
      </c>
      <c r="K10240" s="2">
        <v>0</v>
      </c>
      <c r="L10240" t="s">
        <v>82</v>
      </c>
      <c r="M10240" t="s">
        <v>89</v>
      </c>
      <c r="N10240" t="s">
        <v>90</v>
      </c>
      <c r="O10240" t="s">
        <v>85</v>
      </c>
      <c r="P10240" t="s">
        <v>86</v>
      </c>
      <c r="Q10240">
        <v>34</v>
      </c>
      <c r="R10240">
        <v>35</v>
      </c>
      <c r="S10240">
        <v>36</v>
      </c>
      <c r="T10240">
        <v>37</v>
      </c>
      <c r="U10240">
        <v>37</v>
      </c>
      <c r="V10240">
        <v>38</v>
      </c>
      <c r="W10240">
        <v>39</v>
      </c>
      <c r="X10240">
        <v>39</v>
      </c>
      <c r="Y10240">
        <v>40</v>
      </c>
      <c r="Z10240">
        <v>40</v>
      </c>
      <c r="AA10240">
        <v>41</v>
      </c>
      <c r="AB10240">
        <v>41</v>
      </c>
      <c r="AC10240">
        <v>42</v>
      </c>
      <c r="AD10240">
        <v>42</v>
      </c>
      <c r="AE10240">
        <v>43</v>
      </c>
      <c r="AF10240">
        <v>43</v>
      </c>
      <c r="AG10240">
        <v>43</v>
      </c>
      <c r="AH10240">
        <v>43</v>
      </c>
      <c r="AI10240">
        <v>43</v>
      </c>
      <c r="AJ10240">
        <v>43</v>
      </c>
      <c r="AK10240">
        <v>43</v>
      </c>
      <c r="AL10240">
        <v>43</v>
      </c>
      <c r="AM10240">
        <v>43</v>
      </c>
      <c r="AN10240">
        <v>43</v>
      </c>
      <c r="AO10240">
        <v>43</v>
      </c>
      <c r="AP10240">
        <v>42</v>
      </c>
      <c r="AQ10240">
        <v>42</v>
      </c>
    </row>
    <row r="10241" spans="1:43">
      <c r="A10241" t="s">
        <v>6384</v>
      </c>
      <c r="B10241" t="s">
        <v>6385</v>
      </c>
      <c r="C10241" t="s">
        <v>6386</v>
      </c>
      <c r="D10241" t="s">
        <v>6387</v>
      </c>
      <c r="E10241" t="s">
        <v>6174</v>
      </c>
      <c r="F10241" t="s">
        <v>6175</v>
      </c>
      <c r="G10241" t="s">
        <v>80</v>
      </c>
      <c r="H10241" t="s">
        <v>81</v>
      </c>
      <c r="I10241" s="2">
        <v>0</v>
      </c>
      <c r="J10241" s="2">
        <v>1</v>
      </c>
      <c r="K10241" s="2">
        <v>0</v>
      </c>
      <c r="L10241" t="s">
        <v>82</v>
      </c>
      <c r="M10241" t="s">
        <v>83</v>
      </c>
      <c r="N10241" t="s">
        <v>91</v>
      </c>
      <c r="O10241" t="s">
        <v>85</v>
      </c>
      <c r="P10241" t="s">
        <v>86</v>
      </c>
      <c r="Q10241">
        <v>34</v>
      </c>
      <c r="R10241">
        <v>35</v>
      </c>
      <c r="S10241">
        <v>35</v>
      </c>
      <c r="T10241">
        <v>35</v>
      </c>
      <c r="U10241">
        <v>36</v>
      </c>
      <c r="V10241">
        <v>36</v>
      </c>
      <c r="W10241">
        <v>37</v>
      </c>
      <c r="X10241">
        <v>37</v>
      </c>
      <c r="Y10241">
        <v>38</v>
      </c>
      <c r="Z10241">
        <v>38</v>
      </c>
      <c r="AA10241">
        <v>38</v>
      </c>
      <c r="AB10241">
        <v>39</v>
      </c>
      <c r="AC10241">
        <v>39</v>
      </c>
      <c r="AD10241">
        <v>40</v>
      </c>
      <c r="AE10241">
        <v>40</v>
      </c>
      <c r="AF10241">
        <v>40</v>
      </c>
      <c r="AG10241">
        <v>41</v>
      </c>
      <c r="AH10241">
        <v>41</v>
      </c>
      <c r="AI10241">
        <v>41</v>
      </c>
      <c r="AJ10241">
        <v>42</v>
      </c>
      <c r="AK10241">
        <v>42</v>
      </c>
      <c r="AL10241">
        <v>42</v>
      </c>
      <c r="AM10241">
        <v>42</v>
      </c>
      <c r="AN10241">
        <v>42</v>
      </c>
      <c r="AO10241">
        <v>42</v>
      </c>
      <c r="AP10241">
        <v>42</v>
      </c>
      <c r="AQ10241">
        <v>42</v>
      </c>
    </row>
    <row r="10242" spans="1:43">
      <c r="A10242" t="s">
        <v>6388</v>
      </c>
      <c r="B10242" t="s">
        <v>6389</v>
      </c>
      <c r="C10242" t="s">
        <v>6390</v>
      </c>
      <c r="D10242" t="s">
        <v>6391</v>
      </c>
      <c r="E10242" t="s">
        <v>6174</v>
      </c>
      <c r="F10242" t="s">
        <v>6175</v>
      </c>
      <c r="G10242" t="s">
        <v>80</v>
      </c>
      <c r="H10242" t="s">
        <v>81</v>
      </c>
      <c r="I10242" s="2">
        <v>0</v>
      </c>
      <c r="J10242" s="2">
        <v>1</v>
      </c>
      <c r="K10242" s="2">
        <v>0</v>
      </c>
      <c r="L10242" t="s">
        <v>82</v>
      </c>
      <c r="M10242" t="s">
        <v>83</v>
      </c>
      <c r="N10242" t="s">
        <v>84</v>
      </c>
      <c r="O10242" t="s">
        <v>85</v>
      </c>
      <c r="P10242" t="s">
        <v>86</v>
      </c>
      <c r="Q10242">
        <v>33</v>
      </c>
      <c r="R10242">
        <v>33</v>
      </c>
      <c r="S10242">
        <v>34</v>
      </c>
      <c r="T10242">
        <v>34</v>
      </c>
      <c r="U10242">
        <v>35</v>
      </c>
      <c r="V10242">
        <v>35</v>
      </c>
      <c r="W10242">
        <v>35</v>
      </c>
      <c r="X10242">
        <v>36</v>
      </c>
      <c r="Y10242">
        <v>36</v>
      </c>
      <c r="Z10242">
        <v>36</v>
      </c>
      <c r="AA10242">
        <v>37</v>
      </c>
      <c r="AB10242">
        <v>37</v>
      </c>
      <c r="AC10242">
        <v>37</v>
      </c>
      <c r="AD10242">
        <v>37</v>
      </c>
      <c r="AE10242">
        <v>38</v>
      </c>
      <c r="AF10242">
        <v>38</v>
      </c>
      <c r="AG10242">
        <v>38</v>
      </c>
      <c r="AH10242">
        <v>39</v>
      </c>
      <c r="AI10242">
        <v>39</v>
      </c>
      <c r="AJ10242">
        <v>39</v>
      </c>
      <c r="AK10242">
        <v>39</v>
      </c>
      <c r="AL10242">
        <v>39</v>
      </c>
      <c r="AM10242">
        <v>39</v>
      </c>
      <c r="AN10242">
        <v>39</v>
      </c>
      <c r="AO10242">
        <v>39</v>
      </c>
      <c r="AP10242">
        <v>39</v>
      </c>
      <c r="AQ10242">
        <v>39</v>
      </c>
    </row>
    <row r="10243" spans="1:43">
      <c r="A10243" t="s">
        <v>6388</v>
      </c>
      <c r="B10243" t="s">
        <v>6389</v>
      </c>
      <c r="C10243" t="s">
        <v>6390</v>
      </c>
      <c r="D10243" t="s">
        <v>6391</v>
      </c>
      <c r="E10243" t="s">
        <v>6174</v>
      </c>
      <c r="F10243" t="s">
        <v>6175</v>
      </c>
      <c r="G10243" t="s">
        <v>80</v>
      </c>
      <c r="H10243" t="s">
        <v>81</v>
      </c>
      <c r="I10243" s="2">
        <v>0</v>
      </c>
      <c r="J10243" s="2">
        <v>1</v>
      </c>
      <c r="K10243" s="2">
        <v>0</v>
      </c>
      <c r="L10243" t="s">
        <v>82</v>
      </c>
      <c r="M10243" t="s">
        <v>87</v>
      </c>
      <c r="N10243" t="s">
        <v>88</v>
      </c>
      <c r="O10243" t="s">
        <v>85</v>
      </c>
      <c r="P10243" t="s">
        <v>86</v>
      </c>
      <c r="Q10243">
        <v>33</v>
      </c>
      <c r="R10243">
        <v>33</v>
      </c>
      <c r="S10243">
        <v>33</v>
      </c>
      <c r="T10243">
        <v>33</v>
      </c>
      <c r="U10243">
        <v>33</v>
      </c>
      <c r="V10243">
        <v>33</v>
      </c>
      <c r="W10243">
        <v>33</v>
      </c>
      <c r="X10243">
        <v>33</v>
      </c>
      <c r="Y10243">
        <v>33</v>
      </c>
      <c r="Z10243">
        <v>33</v>
      </c>
      <c r="AA10243">
        <v>33</v>
      </c>
      <c r="AB10243">
        <v>33</v>
      </c>
      <c r="AC10243">
        <v>33</v>
      </c>
      <c r="AD10243">
        <v>33</v>
      </c>
      <c r="AE10243">
        <v>33</v>
      </c>
      <c r="AF10243">
        <v>33</v>
      </c>
      <c r="AG10243">
        <v>33</v>
      </c>
      <c r="AH10243">
        <v>33</v>
      </c>
      <c r="AI10243">
        <v>34</v>
      </c>
      <c r="AJ10243">
        <v>34</v>
      </c>
      <c r="AK10243">
        <v>34</v>
      </c>
      <c r="AL10243">
        <v>34</v>
      </c>
      <c r="AM10243">
        <v>34</v>
      </c>
      <c r="AN10243">
        <v>34</v>
      </c>
      <c r="AO10243">
        <v>34</v>
      </c>
      <c r="AP10243">
        <v>34</v>
      </c>
      <c r="AQ10243">
        <v>34</v>
      </c>
    </row>
    <row r="10244" spans="1:43">
      <c r="A10244" t="s">
        <v>6388</v>
      </c>
      <c r="B10244" t="s">
        <v>6389</v>
      </c>
      <c r="C10244" t="s">
        <v>6390</v>
      </c>
      <c r="D10244" t="s">
        <v>6391</v>
      </c>
      <c r="E10244" t="s">
        <v>6174</v>
      </c>
      <c r="F10244" t="s">
        <v>6175</v>
      </c>
      <c r="G10244" t="s">
        <v>80</v>
      </c>
      <c r="H10244" t="s">
        <v>81</v>
      </c>
      <c r="I10244" s="2">
        <v>0</v>
      </c>
      <c r="J10244" s="2">
        <v>1</v>
      </c>
      <c r="K10244" s="2">
        <v>0</v>
      </c>
      <c r="L10244" t="s">
        <v>82</v>
      </c>
      <c r="M10244" t="s">
        <v>89</v>
      </c>
      <c r="N10244" t="s">
        <v>90</v>
      </c>
      <c r="O10244" t="s">
        <v>85</v>
      </c>
      <c r="P10244" t="s">
        <v>86</v>
      </c>
      <c r="Q10244">
        <v>33</v>
      </c>
      <c r="R10244">
        <v>34</v>
      </c>
      <c r="S10244">
        <v>35</v>
      </c>
      <c r="T10244">
        <v>35</v>
      </c>
      <c r="U10244">
        <v>36</v>
      </c>
      <c r="V10244">
        <v>37</v>
      </c>
      <c r="W10244">
        <v>37</v>
      </c>
      <c r="X10244">
        <v>38</v>
      </c>
      <c r="Y10244">
        <v>38</v>
      </c>
      <c r="Z10244">
        <v>39</v>
      </c>
      <c r="AA10244">
        <v>39</v>
      </c>
      <c r="AB10244">
        <v>39</v>
      </c>
      <c r="AC10244">
        <v>40</v>
      </c>
      <c r="AD10244">
        <v>40</v>
      </c>
      <c r="AE10244">
        <v>40</v>
      </c>
      <c r="AF10244">
        <v>40</v>
      </c>
      <c r="AG10244">
        <v>40</v>
      </c>
      <c r="AH10244">
        <v>40</v>
      </c>
      <c r="AI10244">
        <v>40</v>
      </c>
      <c r="AJ10244">
        <v>40</v>
      </c>
      <c r="AK10244">
        <v>40</v>
      </c>
      <c r="AL10244">
        <v>40</v>
      </c>
      <c r="AM10244">
        <v>39</v>
      </c>
      <c r="AN10244">
        <v>39</v>
      </c>
      <c r="AO10244">
        <v>39</v>
      </c>
      <c r="AP10244">
        <v>39</v>
      </c>
      <c r="AQ10244">
        <v>39</v>
      </c>
    </row>
    <row r="10245" spans="1:43">
      <c r="A10245" t="s">
        <v>6388</v>
      </c>
      <c r="B10245" t="s">
        <v>6389</v>
      </c>
      <c r="C10245" t="s">
        <v>6390</v>
      </c>
      <c r="D10245" t="s">
        <v>6391</v>
      </c>
      <c r="E10245" t="s">
        <v>6174</v>
      </c>
      <c r="F10245" t="s">
        <v>6175</v>
      </c>
      <c r="G10245" t="s">
        <v>80</v>
      </c>
      <c r="H10245" t="s">
        <v>81</v>
      </c>
      <c r="I10245" s="2">
        <v>0</v>
      </c>
      <c r="J10245" s="2">
        <v>1</v>
      </c>
      <c r="K10245" s="2">
        <v>0</v>
      </c>
      <c r="L10245" t="s">
        <v>82</v>
      </c>
      <c r="M10245" t="s">
        <v>83</v>
      </c>
      <c r="N10245" t="s">
        <v>91</v>
      </c>
      <c r="O10245" t="s">
        <v>85</v>
      </c>
      <c r="P10245" t="s">
        <v>86</v>
      </c>
      <c r="Q10245">
        <v>33</v>
      </c>
      <c r="R10245">
        <v>33</v>
      </c>
      <c r="S10245">
        <v>34</v>
      </c>
      <c r="T10245">
        <v>34</v>
      </c>
      <c r="U10245">
        <v>35</v>
      </c>
      <c r="V10245">
        <v>35</v>
      </c>
      <c r="W10245">
        <v>35</v>
      </c>
      <c r="X10245">
        <v>36</v>
      </c>
      <c r="Y10245">
        <v>36</v>
      </c>
      <c r="Z10245">
        <v>36</v>
      </c>
      <c r="AA10245">
        <v>37</v>
      </c>
      <c r="AB10245">
        <v>37</v>
      </c>
      <c r="AC10245">
        <v>37</v>
      </c>
      <c r="AD10245">
        <v>37</v>
      </c>
      <c r="AE10245">
        <v>38</v>
      </c>
      <c r="AF10245">
        <v>38</v>
      </c>
      <c r="AG10245">
        <v>38</v>
      </c>
      <c r="AH10245">
        <v>39</v>
      </c>
      <c r="AI10245">
        <v>39</v>
      </c>
      <c r="AJ10245">
        <v>39</v>
      </c>
      <c r="AK10245">
        <v>39</v>
      </c>
      <c r="AL10245">
        <v>39</v>
      </c>
      <c r="AM10245">
        <v>39</v>
      </c>
      <c r="AN10245">
        <v>39</v>
      </c>
      <c r="AO10245">
        <v>39</v>
      </c>
      <c r="AP10245">
        <v>39</v>
      </c>
      <c r="AQ10245">
        <v>39</v>
      </c>
    </row>
    <row r="10246" spans="1:43">
      <c r="A10246" t="s">
        <v>6392</v>
      </c>
      <c r="B10246" t="s">
        <v>6393</v>
      </c>
      <c r="C10246" t="s">
        <v>6390</v>
      </c>
      <c r="D10246" t="s">
        <v>6391</v>
      </c>
      <c r="E10246" t="s">
        <v>6174</v>
      </c>
      <c r="F10246" t="s">
        <v>6175</v>
      </c>
      <c r="G10246" t="s">
        <v>80</v>
      </c>
      <c r="H10246" t="s">
        <v>81</v>
      </c>
      <c r="I10246" s="2">
        <v>0</v>
      </c>
      <c r="J10246" s="2">
        <v>1</v>
      </c>
      <c r="K10246" s="2">
        <v>0</v>
      </c>
      <c r="L10246" t="s">
        <v>82</v>
      </c>
      <c r="M10246" t="s">
        <v>83</v>
      </c>
      <c r="N10246" t="s">
        <v>84</v>
      </c>
      <c r="O10246" t="s">
        <v>85</v>
      </c>
      <c r="P10246" t="s">
        <v>86</v>
      </c>
      <c r="Q10246">
        <v>119</v>
      </c>
      <c r="R10246">
        <v>120</v>
      </c>
      <c r="S10246">
        <v>122</v>
      </c>
      <c r="T10246">
        <v>123</v>
      </c>
      <c r="U10246">
        <v>124</v>
      </c>
      <c r="V10246">
        <v>126</v>
      </c>
      <c r="W10246">
        <v>127</v>
      </c>
      <c r="X10246">
        <v>128</v>
      </c>
      <c r="Y10246">
        <v>130</v>
      </c>
      <c r="Z10246">
        <v>131</v>
      </c>
      <c r="AA10246">
        <v>132</v>
      </c>
      <c r="AB10246">
        <v>134</v>
      </c>
      <c r="AC10246">
        <v>135</v>
      </c>
      <c r="AD10246">
        <v>136</v>
      </c>
      <c r="AE10246">
        <v>137</v>
      </c>
      <c r="AF10246">
        <v>138</v>
      </c>
      <c r="AG10246">
        <v>139</v>
      </c>
      <c r="AH10246">
        <v>140</v>
      </c>
      <c r="AI10246">
        <v>141</v>
      </c>
      <c r="AJ10246">
        <v>143</v>
      </c>
      <c r="AK10246">
        <v>144</v>
      </c>
      <c r="AL10246">
        <v>144</v>
      </c>
      <c r="AM10246">
        <v>143</v>
      </c>
      <c r="AN10246">
        <v>143</v>
      </c>
      <c r="AO10246">
        <v>143</v>
      </c>
      <c r="AP10246">
        <v>142</v>
      </c>
      <c r="AQ10246">
        <v>142</v>
      </c>
    </row>
    <row r="10247" spans="1:43">
      <c r="A10247" t="s">
        <v>6392</v>
      </c>
      <c r="B10247" t="s">
        <v>6393</v>
      </c>
      <c r="C10247" t="s">
        <v>6390</v>
      </c>
      <c r="D10247" t="s">
        <v>6391</v>
      </c>
      <c r="E10247" t="s">
        <v>6174</v>
      </c>
      <c r="F10247" t="s">
        <v>6175</v>
      </c>
      <c r="G10247" t="s">
        <v>80</v>
      </c>
      <c r="H10247" t="s">
        <v>81</v>
      </c>
      <c r="I10247" s="2">
        <v>0</v>
      </c>
      <c r="J10247" s="2">
        <v>1</v>
      </c>
      <c r="K10247" s="2">
        <v>0</v>
      </c>
      <c r="L10247" t="s">
        <v>82</v>
      </c>
      <c r="M10247" t="s">
        <v>87</v>
      </c>
      <c r="N10247" t="s">
        <v>88</v>
      </c>
      <c r="O10247" t="s">
        <v>85</v>
      </c>
      <c r="P10247" t="s">
        <v>86</v>
      </c>
      <c r="Q10247">
        <v>119</v>
      </c>
      <c r="R10247">
        <v>119</v>
      </c>
      <c r="S10247">
        <v>119</v>
      </c>
      <c r="T10247">
        <v>120</v>
      </c>
      <c r="U10247">
        <v>120</v>
      </c>
      <c r="V10247">
        <v>120</v>
      </c>
      <c r="W10247">
        <v>120</v>
      </c>
      <c r="X10247">
        <v>121</v>
      </c>
      <c r="Y10247">
        <v>121</v>
      </c>
      <c r="Z10247">
        <v>121</v>
      </c>
      <c r="AA10247">
        <v>121</v>
      </c>
      <c r="AB10247">
        <v>122</v>
      </c>
      <c r="AC10247">
        <v>122</v>
      </c>
      <c r="AD10247">
        <v>122</v>
      </c>
      <c r="AE10247">
        <v>122</v>
      </c>
      <c r="AF10247">
        <v>122</v>
      </c>
      <c r="AG10247">
        <v>123</v>
      </c>
      <c r="AH10247">
        <v>123</v>
      </c>
      <c r="AI10247">
        <v>123</v>
      </c>
      <c r="AJ10247">
        <v>123</v>
      </c>
      <c r="AK10247">
        <v>123</v>
      </c>
      <c r="AL10247">
        <v>123</v>
      </c>
      <c r="AM10247">
        <v>124</v>
      </c>
      <c r="AN10247">
        <v>124</v>
      </c>
      <c r="AO10247">
        <v>124</v>
      </c>
      <c r="AP10247">
        <v>124</v>
      </c>
      <c r="AQ10247">
        <v>124</v>
      </c>
    </row>
    <row r="10248" spans="1:43">
      <c r="A10248" t="s">
        <v>6392</v>
      </c>
      <c r="B10248" t="s">
        <v>6393</v>
      </c>
      <c r="C10248" t="s">
        <v>6390</v>
      </c>
      <c r="D10248" t="s">
        <v>6391</v>
      </c>
      <c r="E10248" t="s">
        <v>6174</v>
      </c>
      <c r="F10248" t="s">
        <v>6175</v>
      </c>
      <c r="G10248" t="s">
        <v>80</v>
      </c>
      <c r="H10248" t="s">
        <v>81</v>
      </c>
      <c r="I10248" s="2">
        <v>0</v>
      </c>
      <c r="J10248" s="2">
        <v>1</v>
      </c>
      <c r="K10248" s="2">
        <v>0</v>
      </c>
      <c r="L10248" t="s">
        <v>82</v>
      </c>
      <c r="M10248" t="s">
        <v>89</v>
      </c>
      <c r="N10248" t="s">
        <v>90</v>
      </c>
      <c r="O10248" t="s">
        <v>85</v>
      </c>
      <c r="P10248" t="s">
        <v>86</v>
      </c>
      <c r="Q10248">
        <v>119</v>
      </c>
      <c r="R10248">
        <v>121</v>
      </c>
      <c r="S10248">
        <v>124</v>
      </c>
      <c r="T10248">
        <v>126</v>
      </c>
      <c r="U10248">
        <v>128</v>
      </c>
      <c r="V10248">
        <v>130</v>
      </c>
      <c r="W10248">
        <v>133</v>
      </c>
      <c r="X10248">
        <v>135</v>
      </c>
      <c r="Y10248">
        <v>136</v>
      </c>
      <c r="Z10248">
        <v>138</v>
      </c>
      <c r="AA10248">
        <v>140</v>
      </c>
      <c r="AB10248">
        <v>142</v>
      </c>
      <c r="AC10248">
        <v>143</v>
      </c>
      <c r="AD10248">
        <v>145</v>
      </c>
      <c r="AE10248">
        <v>146</v>
      </c>
      <c r="AF10248">
        <v>146</v>
      </c>
      <c r="AG10248">
        <v>145</v>
      </c>
      <c r="AH10248">
        <v>145</v>
      </c>
      <c r="AI10248">
        <v>145</v>
      </c>
      <c r="AJ10248">
        <v>145</v>
      </c>
      <c r="AK10248">
        <v>144</v>
      </c>
      <c r="AL10248">
        <v>144</v>
      </c>
      <c r="AM10248">
        <v>144</v>
      </c>
      <c r="AN10248">
        <v>143</v>
      </c>
      <c r="AO10248">
        <v>143</v>
      </c>
      <c r="AP10248">
        <v>142</v>
      </c>
      <c r="AQ10248">
        <v>142</v>
      </c>
    </row>
    <row r="10249" spans="1:43">
      <c r="A10249" t="s">
        <v>6392</v>
      </c>
      <c r="B10249" t="s">
        <v>6393</v>
      </c>
      <c r="C10249" t="s">
        <v>6390</v>
      </c>
      <c r="D10249" t="s">
        <v>6391</v>
      </c>
      <c r="E10249" t="s">
        <v>6174</v>
      </c>
      <c r="F10249" t="s">
        <v>6175</v>
      </c>
      <c r="G10249" t="s">
        <v>80</v>
      </c>
      <c r="H10249" t="s">
        <v>81</v>
      </c>
      <c r="I10249" s="2">
        <v>0</v>
      </c>
      <c r="J10249" s="2">
        <v>1</v>
      </c>
      <c r="K10249" s="2">
        <v>0</v>
      </c>
      <c r="L10249" t="s">
        <v>82</v>
      </c>
      <c r="M10249" t="s">
        <v>83</v>
      </c>
      <c r="N10249" t="s">
        <v>91</v>
      </c>
      <c r="O10249" t="s">
        <v>85</v>
      </c>
      <c r="P10249" t="s">
        <v>86</v>
      </c>
      <c r="Q10249">
        <v>119</v>
      </c>
      <c r="R10249">
        <v>120</v>
      </c>
      <c r="S10249">
        <v>122</v>
      </c>
      <c r="T10249">
        <v>123</v>
      </c>
      <c r="U10249">
        <v>124</v>
      </c>
      <c r="V10249">
        <v>126</v>
      </c>
      <c r="W10249">
        <v>127</v>
      </c>
      <c r="X10249">
        <v>128</v>
      </c>
      <c r="Y10249">
        <v>130</v>
      </c>
      <c r="Z10249">
        <v>131</v>
      </c>
      <c r="AA10249">
        <v>132</v>
      </c>
      <c r="AB10249">
        <v>134</v>
      </c>
      <c r="AC10249">
        <v>135</v>
      </c>
      <c r="AD10249">
        <v>136</v>
      </c>
      <c r="AE10249">
        <v>137</v>
      </c>
      <c r="AF10249">
        <v>138</v>
      </c>
      <c r="AG10249">
        <v>139</v>
      </c>
      <c r="AH10249">
        <v>140</v>
      </c>
      <c r="AI10249">
        <v>141</v>
      </c>
      <c r="AJ10249">
        <v>143</v>
      </c>
      <c r="AK10249">
        <v>144</v>
      </c>
      <c r="AL10249">
        <v>144</v>
      </c>
      <c r="AM10249">
        <v>143</v>
      </c>
      <c r="AN10249">
        <v>143</v>
      </c>
      <c r="AO10249">
        <v>143</v>
      </c>
      <c r="AP10249">
        <v>142</v>
      </c>
      <c r="AQ10249">
        <v>142</v>
      </c>
    </row>
    <row r="10250" spans="1:43">
      <c r="A10250" t="s">
        <v>6394</v>
      </c>
      <c r="B10250" t="s">
        <v>6395</v>
      </c>
      <c r="C10250" t="s">
        <v>6390</v>
      </c>
      <c r="D10250" t="s">
        <v>6391</v>
      </c>
      <c r="E10250" t="s">
        <v>6174</v>
      </c>
      <c r="F10250" t="s">
        <v>6175</v>
      </c>
      <c r="G10250" t="s">
        <v>80</v>
      </c>
      <c r="H10250" t="s">
        <v>81</v>
      </c>
      <c r="I10250" s="2">
        <v>0</v>
      </c>
      <c r="J10250" s="2">
        <v>1</v>
      </c>
      <c r="K10250" s="2">
        <v>0</v>
      </c>
      <c r="L10250" t="s">
        <v>82</v>
      </c>
      <c r="M10250" t="s">
        <v>83</v>
      </c>
      <c r="N10250" t="s">
        <v>84</v>
      </c>
      <c r="O10250" t="s">
        <v>85</v>
      </c>
      <c r="P10250" t="s">
        <v>86</v>
      </c>
      <c r="Q10250">
        <v>102</v>
      </c>
      <c r="R10250">
        <v>103</v>
      </c>
      <c r="S10250">
        <v>104</v>
      </c>
      <c r="T10250">
        <v>106</v>
      </c>
      <c r="U10250">
        <v>107</v>
      </c>
      <c r="V10250">
        <v>108</v>
      </c>
      <c r="W10250">
        <v>109</v>
      </c>
      <c r="X10250">
        <v>110</v>
      </c>
      <c r="Y10250">
        <v>111</v>
      </c>
      <c r="Z10250">
        <v>113</v>
      </c>
      <c r="AA10250">
        <v>114</v>
      </c>
      <c r="AB10250">
        <v>115</v>
      </c>
      <c r="AC10250">
        <v>116</v>
      </c>
      <c r="AD10250">
        <v>117</v>
      </c>
      <c r="AE10250">
        <v>118</v>
      </c>
      <c r="AF10250">
        <v>119</v>
      </c>
      <c r="AG10250">
        <v>120</v>
      </c>
      <c r="AH10250">
        <v>120</v>
      </c>
      <c r="AI10250">
        <v>121</v>
      </c>
      <c r="AJ10250">
        <v>122</v>
      </c>
      <c r="AK10250">
        <v>123</v>
      </c>
      <c r="AL10250">
        <v>123</v>
      </c>
      <c r="AM10250">
        <v>123</v>
      </c>
      <c r="AN10250">
        <v>123</v>
      </c>
      <c r="AO10250">
        <v>122</v>
      </c>
      <c r="AP10250">
        <v>122</v>
      </c>
      <c r="AQ10250">
        <v>122</v>
      </c>
    </row>
    <row r="10251" spans="1:43">
      <c r="A10251" t="s">
        <v>6394</v>
      </c>
      <c r="B10251" t="s">
        <v>6395</v>
      </c>
      <c r="C10251" t="s">
        <v>6390</v>
      </c>
      <c r="D10251" t="s">
        <v>6391</v>
      </c>
      <c r="E10251" t="s">
        <v>6174</v>
      </c>
      <c r="F10251" t="s">
        <v>6175</v>
      </c>
      <c r="G10251" t="s">
        <v>80</v>
      </c>
      <c r="H10251" t="s">
        <v>81</v>
      </c>
      <c r="I10251" s="2">
        <v>0</v>
      </c>
      <c r="J10251" s="2">
        <v>1</v>
      </c>
      <c r="K10251" s="2">
        <v>0</v>
      </c>
      <c r="L10251" t="s">
        <v>82</v>
      </c>
      <c r="M10251" t="s">
        <v>87</v>
      </c>
      <c r="N10251" t="s">
        <v>88</v>
      </c>
      <c r="O10251" t="s">
        <v>85</v>
      </c>
      <c r="P10251" t="s">
        <v>86</v>
      </c>
      <c r="Q10251">
        <v>102</v>
      </c>
      <c r="R10251">
        <v>102</v>
      </c>
      <c r="S10251">
        <v>103</v>
      </c>
      <c r="T10251">
        <v>103</v>
      </c>
      <c r="U10251">
        <v>103</v>
      </c>
      <c r="V10251">
        <v>103</v>
      </c>
      <c r="W10251">
        <v>104</v>
      </c>
      <c r="X10251">
        <v>104</v>
      </c>
      <c r="Y10251">
        <v>104</v>
      </c>
      <c r="Z10251">
        <v>104</v>
      </c>
      <c r="AA10251">
        <v>104</v>
      </c>
      <c r="AB10251">
        <v>105</v>
      </c>
      <c r="AC10251">
        <v>105</v>
      </c>
      <c r="AD10251">
        <v>105</v>
      </c>
      <c r="AE10251">
        <v>105</v>
      </c>
      <c r="AF10251">
        <v>105</v>
      </c>
      <c r="AG10251">
        <v>106</v>
      </c>
      <c r="AH10251">
        <v>106</v>
      </c>
      <c r="AI10251">
        <v>106</v>
      </c>
      <c r="AJ10251">
        <v>106</v>
      </c>
      <c r="AK10251">
        <v>106</v>
      </c>
      <c r="AL10251">
        <v>106</v>
      </c>
      <c r="AM10251">
        <v>106</v>
      </c>
      <c r="AN10251">
        <v>107</v>
      </c>
      <c r="AO10251">
        <v>107</v>
      </c>
      <c r="AP10251">
        <v>107</v>
      </c>
      <c r="AQ10251">
        <v>107</v>
      </c>
    </row>
    <row r="10252" spans="1:43">
      <c r="A10252" t="s">
        <v>6394</v>
      </c>
      <c r="B10252" t="s">
        <v>6395</v>
      </c>
      <c r="C10252" t="s">
        <v>6390</v>
      </c>
      <c r="D10252" t="s">
        <v>6391</v>
      </c>
      <c r="E10252" t="s">
        <v>6174</v>
      </c>
      <c r="F10252" t="s">
        <v>6175</v>
      </c>
      <c r="G10252" t="s">
        <v>80</v>
      </c>
      <c r="H10252" t="s">
        <v>81</v>
      </c>
      <c r="I10252" s="2">
        <v>0</v>
      </c>
      <c r="J10252" s="2">
        <v>1</v>
      </c>
      <c r="K10252" s="2">
        <v>0</v>
      </c>
      <c r="L10252" t="s">
        <v>82</v>
      </c>
      <c r="M10252" t="s">
        <v>89</v>
      </c>
      <c r="N10252" t="s">
        <v>90</v>
      </c>
      <c r="O10252" t="s">
        <v>85</v>
      </c>
      <c r="P10252" t="s">
        <v>86</v>
      </c>
      <c r="Q10252">
        <v>102</v>
      </c>
      <c r="R10252">
        <v>104</v>
      </c>
      <c r="S10252">
        <v>106</v>
      </c>
      <c r="T10252">
        <v>108</v>
      </c>
      <c r="U10252">
        <v>110</v>
      </c>
      <c r="V10252">
        <v>112</v>
      </c>
      <c r="W10252">
        <v>114</v>
      </c>
      <c r="X10252">
        <v>115</v>
      </c>
      <c r="Y10252">
        <v>117</v>
      </c>
      <c r="Z10252">
        <v>119</v>
      </c>
      <c r="AA10252">
        <v>120</v>
      </c>
      <c r="AB10252">
        <v>121</v>
      </c>
      <c r="AC10252">
        <v>123</v>
      </c>
      <c r="AD10252">
        <v>124</v>
      </c>
      <c r="AE10252">
        <v>125</v>
      </c>
      <c r="AF10252">
        <v>125</v>
      </c>
      <c r="AG10252">
        <v>125</v>
      </c>
      <c r="AH10252">
        <v>124</v>
      </c>
      <c r="AI10252">
        <v>124</v>
      </c>
      <c r="AJ10252">
        <v>124</v>
      </c>
      <c r="AK10252">
        <v>123</v>
      </c>
      <c r="AL10252">
        <v>123</v>
      </c>
      <c r="AM10252">
        <v>123</v>
      </c>
      <c r="AN10252">
        <v>123</v>
      </c>
      <c r="AO10252">
        <v>122</v>
      </c>
      <c r="AP10252">
        <v>122</v>
      </c>
      <c r="AQ10252">
        <v>122</v>
      </c>
    </row>
    <row r="10253" spans="1:43">
      <c r="A10253" t="s">
        <v>6394</v>
      </c>
      <c r="B10253" t="s">
        <v>6395</v>
      </c>
      <c r="C10253" t="s">
        <v>6390</v>
      </c>
      <c r="D10253" t="s">
        <v>6391</v>
      </c>
      <c r="E10253" t="s">
        <v>6174</v>
      </c>
      <c r="F10253" t="s">
        <v>6175</v>
      </c>
      <c r="G10253" t="s">
        <v>80</v>
      </c>
      <c r="H10253" t="s">
        <v>81</v>
      </c>
      <c r="I10253" s="2">
        <v>0</v>
      </c>
      <c r="J10253" s="2">
        <v>1</v>
      </c>
      <c r="K10253" s="2">
        <v>0</v>
      </c>
      <c r="L10253" t="s">
        <v>82</v>
      </c>
      <c r="M10253" t="s">
        <v>83</v>
      </c>
      <c r="N10253" t="s">
        <v>91</v>
      </c>
      <c r="O10253" t="s">
        <v>85</v>
      </c>
      <c r="P10253" t="s">
        <v>86</v>
      </c>
      <c r="Q10253">
        <v>102</v>
      </c>
      <c r="R10253">
        <v>103</v>
      </c>
      <c r="S10253">
        <v>104</v>
      </c>
      <c r="T10253">
        <v>106</v>
      </c>
      <c r="U10253">
        <v>107</v>
      </c>
      <c r="V10253">
        <v>108</v>
      </c>
      <c r="W10253">
        <v>109</v>
      </c>
      <c r="X10253">
        <v>110</v>
      </c>
      <c r="Y10253">
        <v>111</v>
      </c>
      <c r="Z10253">
        <v>113</v>
      </c>
      <c r="AA10253">
        <v>114</v>
      </c>
      <c r="AB10253">
        <v>115</v>
      </c>
      <c r="AC10253">
        <v>116</v>
      </c>
      <c r="AD10253">
        <v>117</v>
      </c>
      <c r="AE10253">
        <v>118</v>
      </c>
      <c r="AF10253">
        <v>119</v>
      </c>
      <c r="AG10253">
        <v>120</v>
      </c>
      <c r="AH10253">
        <v>120</v>
      </c>
      <c r="AI10253">
        <v>121</v>
      </c>
      <c r="AJ10253">
        <v>122</v>
      </c>
      <c r="AK10253">
        <v>123</v>
      </c>
      <c r="AL10253">
        <v>123</v>
      </c>
      <c r="AM10253">
        <v>123</v>
      </c>
      <c r="AN10253">
        <v>123</v>
      </c>
      <c r="AO10253">
        <v>122</v>
      </c>
      <c r="AP10253">
        <v>122</v>
      </c>
      <c r="AQ10253">
        <v>122</v>
      </c>
    </row>
    <row r="10254" spans="1:43">
      <c r="A10254" t="s">
        <v>6396</v>
      </c>
      <c r="B10254" t="s">
        <v>6397</v>
      </c>
      <c r="C10254" t="s">
        <v>6398</v>
      </c>
      <c r="D10254" t="s">
        <v>6399</v>
      </c>
      <c r="E10254" t="s">
        <v>6174</v>
      </c>
      <c r="F10254" t="s">
        <v>6175</v>
      </c>
      <c r="G10254" t="s">
        <v>80</v>
      </c>
      <c r="H10254" t="s">
        <v>81</v>
      </c>
      <c r="I10254" s="2">
        <v>0</v>
      </c>
      <c r="J10254" s="2">
        <v>1</v>
      </c>
      <c r="K10254" s="2">
        <v>0</v>
      </c>
      <c r="L10254" t="s">
        <v>82</v>
      </c>
      <c r="M10254" t="s">
        <v>83</v>
      </c>
      <c r="N10254" t="s">
        <v>84</v>
      </c>
      <c r="O10254" t="s">
        <v>85</v>
      </c>
      <c r="P10254" t="s">
        <v>86</v>
      </c>
      <c r="Q10254">
        <v>24</v>
      </c>
      <c r="R10254">
        <v>24</v>
      </c>
      <c r="S10254">
        <v>25</v>
      </c>
      <c r="T10254">
        <v>25</v>
      </c>
      <c r="U10254">
        <v>25</v>
      </c>
      <c r="V10254">
        <v>26</v>
      </c>
      <c r="W10254">
        <v>26</v>
      </c>
      <c r="X10254">
        <v>26</v>
      </c>
      <c r="Y10254">
        <v>26</v>
      </c>
      <c r="Z10254">
        <v>27</v>
      </c>
      <c r="AA10254">
        <v>27</v>
      </c>
      <c r="AB10254">
        <v>27</v>
      </c>
      <c r="AC10254">
        <v>27</v>
      </c>
      <c r="AD10254">
        <v>28</v>
      </c>
      <c r="AE10254">
        <v>28</v>
      </c>
      <c r="AF10254">
        <v>28</v>
      </c>
      <c r="AG10254">
        <v>28</v>
      </c>
      <c r="AH10254">
        <v>28</v>
      </c>
      <c r="AI10254">
        <v>29</v>
      </c>
      <c r="AJ10254">
        <v>29</v>
      </c>
      <c r="AK10254">
        <v>29</v>
      </c>
      <c r="AL10254">
        <v>29</v>
      </c>
      <c r="AM10254">
        <v>29</v>
      </c>
      <c r="AN10254">
        <v>29</v>
      </c>
      <c r="AO10254">
        <v>29</v>
      </c>
      <c r="AP10254">
        <v>29</v>
      </c>
      <c r="AQ10254">
        <v>29</v>
      </c>
    </row>
    <row r="10255" spans="1:43">
      <c r="A10255" t="s">
        <v>6396</v>
      </c>
      <c r="B10255" t="s">
        <v>6397</v>
      </c>
      <c r="C10255" t="s">
        <v>6398</v>
      </c>
      <c r="D10255" t="s">
        <v>6399</v>
      </c>
      <c r="E10255" t="s">
        <v>6174</v>
      </c>
      <c r="F10255" t="s">
        <v>6175</v>
      </c>
      <c r="G10255" t="s">
        <v>80</v>
      </c>
      <c r="H10255" t="s">
        <v>81</v>
      </c>
      <c r="I10255" s="2">
        <v>0</v>
      </c>
      <c r="J10255" s="2">
        <v>1</v>
      </c>
      <c r="K10255" s="2">
        <v>0</v>
      </c>
      <c r="L10255" t="s">
        <v>82</v>
      </c>
      <c r="M10255" t="s">
        <v>87</v>
      </c>
      <c r="N10255" t="s">
        <v>88</v>
      </c>
      <c r="O10255" t="s">
        <v>85</v>
      </c>
      <c r="P10255" t="s">
        <v>86</v>
      </c>
      <c r="Q10255">
        <v>24</v>
      </c>
      <c r="R10255">
        <v>24</v>
      </c>
      <c r="S10255">
        <v>24</v>
      </c>
      <c r="T10255">
        <v>24</v>
      </c>
      <c r="U10255">
        <v>24</v>
      </c>
      <c r="V10255">
        <v>24</v>
      </c>
      <c r="W10255">
        <v>24</v>
      </c>
      <c r="X10255">
        <v>24</v>
      </c>
      <c r="Y10255">
        <v>24</v>
      </c>
      <c r="Z10255">
        <v>24</v>
      </c>
      <c r="AA10255">
        <v>24</v>
      </c>
      <c r="AB10255">
        <v>24</v>
      </c>
      <c r="AC10255">
        <v>24</v>
      </c>
      <c r="AD10255">
        <v>24</v>
      </c>
      <c r="AE10255">
        <v>25</v>
      </c>
      <c r="AF10255">
        <v>25</v>
      </c>
      <c r="AG10255">
        <v>25</v>
      </c>
      <c r="AH10255">
        <v>25</v>
      </c>
      <c r="AI10255">
        <v>25</v>
      </c>
      <c r="AJ10255">
        <v>25</v>
      </c>
      <c r="AK10255">
        <v>25</v>
      </c>
      <c r="AL10255">
        <v>25</v>
      </c>
      <c r="AM10255">
        <v>25</v>
      </c>
      <c r="AN10255">
        <v>25</v>
      </c>
      <c r="AO10255">
        <v>25</v>
      </c>
      <c r="AP10255">
        <v>25</v>
      </c>
      <c r="AQ10255">
        <v>25</v>
      </c>
    </row>
    <row r="10256" spans="1:43">
      <c r="A10256" t="s">
        <v>6396</v>
      </c>
      <c r="B10256" t="s">
        <v>6397</v>
      </c>
      <c r="C10256" t="s">
        <v>6398</v>
      </c>
      <c r="D10256" t="s">
        <v>6399</v>
      </c>
      <c r="E10256" t="s">
        <v>6174</v>
      </c>
      <c r="F10256" t="s">
        <v>6175</v>
      </c>
      <c r="G10256" t="s">
        <v>80</v>
      </c>
      <c r="H10256" t="s">
        <v>81</v>
      </c>
      <c r="I10256" s="2">
        <v>0</v>
      </c>
      <c r="J10256" s="2">
        <v>1</v>
      </c>
      <c r="K10256" s="2">
        <v>0</v>
      </c>
      <c r="L10256" t="s">
        <v>82</v>
      </c>
      <c r="M10256" t="s">
        <v>89</v>
      </c>
      <c r="N10256" t="s">
        <v>90</v>
      </c>
      <c r="O10256" t="s">
        <v>85</v>
      </c>
      <c r="P10256" t="s">
        <v>86</v>
      </c>
      <c r="Q10256">
        <v>24</v>
      </c>
      <c r="R10256">
        <v>25</v>
      </c>
      <c r="S10256">
        <v>25</v>
      </c>
      <c r="T10256">
        <v>26</v>
      </c>
      <c r="U10256">
        <v>26</v>
      </c>
      <c r="V10256">
        <v>27</v>
      </c>
      <c r="W10256">
        <v>27</v>
      </c>
      <c r="X10256">
        <v>27</v>
      </c>
      <c r="Y10256">
        <v>28</v>
      </c>
      <c r="Z10256">
        <v>28</v>
      </c>
      <c r="AA10256">
        <v>29</v>
      </c>
      <c r="AB10256">
        <v>29</v>
      </c>
      <c r="AC10256">
        <v>29</v>
      </c>
      <c r="AD10256">
        <v>30</v>
      </c>
      <c r="AE10256">
        <v>30</v>
      </c>
      <c r="AF10256">
        <v>30</v>
      </c>
      <c r="AG10256">
        <v>30</v>
      </c>
      <c r="AH10256">
        <v>30</v>
      </c>
      <c r="AI10256">
        <v>29</v>
      </c>
      <c r="AJ10256">
        <v>29</v>
      </c>
      <c r="AK10256">
        <v>29</v>
      </c>
      <c r="AL10256">
        <v>29</v>
      </c>
      <c r="AM10256">
        <v>29</v>
      </c>
      <c r="AN10256">
        <v>29</v>
      </c>
      <c r="AO10256">
        <v>29</v>
      </c>
      <c r="AP10256">
        <v>29</v>
      </c>
      <c r="AQ10256">
        <v>29</v>
      </c>
    </row>
    <row r="10257" spans="1:43">
      <c r="A10257" t="s">
        <v>6396</v>
      </c>
      <c r="B10257" t="s">
        <v>6397</v>
      </c>
      <c r="C10257" t="s">
        <v>6398</v>
      </c>
      <c r="D10257" t="s">
        <v>6399</v>
      </c>
      <c r="E10257" t="s">
        <v>6174</v>
      </c>
      <c r="F10257" t="s">
        <v>6175</v>
      </c>
      <c r="G10257" t="s">
        <v>80</v>
      </c>
      <c r="H10257" t="s">
        <v>81</v>
      </c>
      <c r="I10257" s="2">
        <v>0</v>
      </c>
      <c r="J10257" s="2">
        <v>1</v>
      </c>
      <c r="K10257" s="2">
        <v>0</v>
      </c>
      <c r="L10257" t="s">
        <v>82</v>
      </c>
      <c r="M10257" t="s">
        <v>83</v>
      </c>
      <c r="N10257" t="s">
        <v>91</v>
      </c>
      <c r="O10257" t="s">
        <v>85</v>
      </c>
      <c r="P10257" t="s">
        <v>86</v>
      </c>
      <c r="Q10257">
        <v>24</v>
      </c>
      <c r="R10257">
        <v>24</v>
      </c>
      <c r="S10257">
        <v>25</v>
      </c>
      <c r="T10257">
        <v>25</v>
      </c>
      <c r="U10257">
        <v>25</v>
      </c>
      <c r="V10257">
        <v>26</v>
      </c>
      <c r="W10257">
        <v>26</v>
      </c>
      <c r="X10257">
        <v>26</v>
      </c>
      <c r="Y10257">
        <v>26</v>
      </c>
      <c r="Z10257">
        <v>27</v>
      </c>
      <c r="AA10257">
        <v>27</v>
      </c>
      <c r="AB10257">
        <v>27</v>
      </c>
      <c r="AC10257">
        <v>27</v>
      </c>
      <c r="AD10257">
        <v>28</v>
      </c>
      <c r="AE10257">
        <v>28</v>
      </c>
      <c r="AF10257">
        <v>28</v>
      </c>
      <c r="AG10257">
        <v>28</v>
      </c>
      <c r="AH10257">
        <v>28</v>
      </c>
      <c r="AI10257">
        <v>29</v>
      </c>
      <c r="AJ10257">
        <v>29</v>
      </c>
      <c r="AK10257">
        <v>29</v>
      </c>
      <c r="AL10257">
        <v>29</v>
      </c>
      <c r="AM10257">
        <v>29</v>
      </c>
      <c r="AN10257">
        <v>29</v>
      </c>
      <c r="AO10257">
        <v>29</v>
      </c>
      <c r="AP10257">
        <v>29</v>
      </c>
      <c r="AQ10257">
        <v>29</v>
      </c>
    </row>
    <row r="10258" spans="1:43">
      <c r="A10258" t="s">
        <v>6400</v>
      </c>
      <c r="B10258" t="s">
        <v>6401</v>
      </c>
      <c r="C10258" t="s">
        <v>6402</v>
      </c>
      <c r="D10258" t="s">
        <v>6403</v>
      </c>
      <c r="E10258" t="s">
        <v>6174</v>
      </c>
      <c r="F10258" t="s">
        <v>6175</v>
      </c>
      <c r="G10258" t="s">
        <v>80</v>
      </c>
      <c r="H10258" t="s">
        <v>81</v>
      </c>
      <c r="I10258" s="2">
        <v>0</v>
      </c>
      <c r="J10258" s="2">
        <v>1</v>
      </c>
      <c r="K10258" s="2">
        <v>0</v>
      </c>
      <c r="L10258" t="s">
        <v>82</v>
      </c>
      <c r="M10258" t="s">
        <v>83</v>
      </c>
      <c r="N10258" t="s">
        <v>84</v>
      </c>
      <c r="O10258" t="s">
        <v>85</v>
      </c>
      <c r="P10258" t="s">
        <v>86</v>
      </c>
      <c r="Q10258">
        <v>132</v>
      </c>
      <c r="R10258">
        <v>133</v>
      </c>
      <c r="S10258">
        <v>135</v>
      </c>
      <c r="T10258">
        <v>137</v>
      </c>
      <c r="U10258">
        <v>138</v>
      </c>
      <c r="V10258">
        <v>140</v>
      </c>
      <c r="W10258">
        <v>141</v>
      </c>
      <c r="X10258">
        <v>143</v>
      </c>
      <c r="Y10258">
        <v>144</v>
      </c>
      <c r="Z10258">
        <v>146</v>
      </c>
      <c r="AA10258">
        <v>147</v>
      </c>
      <c r="AB10258">
        <v>148</v>
      </c>
      <c r="AC10258">
        <v>150</v>
      </c>
      <c r="AD10258">
        <v>151</v>
      </c>
      <c r="AE10258">
        <v>152</v>
      </c>
      <c r="AF10258">
        <v>154</v>
      </c>
      <c r="AG10258">
        <v>155</v>
      </c>
      <c r="AH10258">
        <v>156</v>
      </c>
      <c r="AI10258">
        <v>157</v>
      </c>
      <c r="AJ10258">
        <v>159</v>
      </c>
      <c r="AK10258">
        <v>160</v>
      </c>
      <c r="AL10258">
        <v>160</v>
      </c>
      <c r="AM10258">
        <v>160</v>
      </c>
      <c r="AN10258">
        <v>159</v>
      </c>
      <c r="AO10258">
        <v>159</v>
      </c>
      <c r="AP10258">
        <v>159</v>
      </c>
      <c r="AQ10258">
        <v>159</v>
      </c>
    </row>
    <row r="10259" spans="1:43">
      <c r="A10259" t="s">
        <v>6400</v>
      </c>
      <c r="B10259" t="s">
        <v>6401</v>
      </c>
      <c r="C10259" t="s">
        <v>6402</v>
      </c>
      <c r="D10259" t="s">
        <v>6403</v>
      </c>
      <c r="E10259" t="s">
        <v>6174</v>
      </c>
      <c r="F10259" t="s">
        <v>6175</v>
      </c>
      <c r="G10259" t="s">
        <v>80</v>
      </c>
      <c r="H10259" t="s">
        <v>81</v>
      </c>
      <c r="I10259" s="2">
        <v>0</v>
      </c>
      <c r="J10259" s="2">
        <v>1</v>
      </c>
      <c r="K10259" s="2">
        <v>0</v>
      </c>
      <c r="L10259" t="s">
        <v>82</v>
      </c>
      <c r="M10259" t="s">
        <v>87</v>
      </c>
      <c r="N10259" t="s">
        <v>88</v>
      </c>
      <c r="O10259" t="s">
        <v>85</v>
      </c>
      <c r="P10259" t="s">
        <v>86</v>
      </c>
      <c r="Q10259">
        <v>132</v>
      </c>
      <c r="R10259">
        <v>132</v>
      </c>
      <c r="S10259">
        <v>132</v>
      </c>
      <c r="T10259">
        <v>133</v>
      </c>
      <c r="U10259">
        <v>133</v>
      </c>
      <c r="V10259">
        <v>133</v>
      </c>
      <c r="W10259">
        <v>134</v>
      </c>
      <c r="X10259">
        <v>134</v>
      </c>
      <c r="Y10259">
        <v>134</v>
      </c>
      <c r="Z10259">
        <v>135</v>
      </c>
      <c r="AA10259">
        <v>135</v>
      </c>
      <c r="AB10259">
        <v>135</v>
      </c>
      <c r="AC10259">
        <v>135</v>
      </c>
      <c r="AD10259">
        <v>136</v>
      </c>
      <c r="AE10259">
        <v>136</v>
      </c>
      <c r="AF10259">
        <v>136</v>
      </c>
      <c r="AG10259">
        <v>136</v>
      </c>
      <c r="AH10259">
        <v>137</v>
      </c>
      <c r="AI10259">
        <v>137</v>
      </c>
      <c r="AJ10259">
        <v>137</v>
      </c>
      <c r="AK10259">
        <v>137</v>
      </c>
      <c r="AL10259">
        <v>138</v>
      </c>
      <c r="AM10259">
        <v>138</v>
      </c>
      <c r="AN10259">
        <v>138</v>
      </c>
      <c r="AO10259">
        <v>138</v>
      </c>
      <c r="AP10259">
        <v>138</v>
      </c>
      <c r="AQ10259">
        <v>138</v>
      </c>
    </row>
    <row r="10260" spans="1:43">
      <c r="A10260" t="s">
        <v>6400</v>
      </c>
      <c r="B10260" t="s">
        <v>6401</v>
      </c>
      <c r="C10260" t="s">
        <v>6402</v>
      </c>
      <c r="D10260" t="s">
        <v>6403</v>
      </c>
      <c r="E10260" t="s">
        <v>6174</v>
      </c>
      <c r="F10260" t="s">
        <v>6175</v>
      </c>
      <c r="G10260" t="s">
        <v>80</v>
      </c>
      <c r="H10260" t="s">
        <v>81</v>
      </c>
      <c r="I10260" s="2">
        <v>0</v>
      </c>
      <c r="J10260" s="2">
        <v>1</v>
      </c>
      <c r="K10260" s="2">
        <v>0</v>
      </c>
      <c r="L10260" t="s">
        <v>82</v>
      </c>
      <c r="M10260" t="s">
        <v>89</v>
      </c>
      <c r="N10260" t="s">
        <v>90</v>
      </c>
      <c r="O10260" t="s">
        <v>85</v>
      </c>
      <c r="P10260" t="s">
        <v>86</v>
      </c>
      <c r="Q10260">
        <v>132</v>
      </c>
      <c r="R10260">
        <v>135</v>
      </c>
      <c r="S10260">
        <v>137</v>
      </c>
      <c r="T10260">
        <v>140</v>
      </c>
      <c r="U10260">
        <v>143</v>
      </c>
      <c r="V10260">
        <v>145</v>
      </c>
      <c r="W10260">
        <v>147</v>
      </c>
      <c r="X10260">
        <v>150</v>
      </c>
      <c r="Y10260">
        <v>152</v>
      </c>
      <c r="Z10260">
        <v>154</v>
      </c>
      <c r="AA10260">
        <v>156</v>
      </c>
      <c r="AB10260">
        <v>157</v>
      </c>
      <c r="AC10260">
        <v>160</v>
      </c>
      <c r="AD10260">
        <v>161</v>
      </c>
      <c r="AE10260">
        <v>162</v>
      </c>
      <c r="AF10260">
        <v>162</v>
      </c>
      <c r="AG10260">
        <v>162</v>
      </c>
      <c r="AH10260">
        <v>162</v>
      </c>
      <c r="AI10260">
        <v>161</v>
      </c>
      <c r="AJ10260">
        <v>161</v>
      </c>
      <c r="AK10260">
        <v>161</v>
      </c>
      <c r="AL10260">
        <v>161</v>
      </c>
      <c r="AM10260">
        <v>160</v>
      </c>
      <c r="AN10260">
        <v>160</v>
      </c>
      <c r="AO10260">
        <v>160</v>
      </c>
      <c r="AP10260">
        <v>159</v>
      </c>
      <c r="AQ10260">
        <v>159</v>
      </c>
    </row>
    <row r="10261" spans="1:43">
      <c r="A10261" t="s">
        <v>6400</v>
      </c>
      <c r="B10261" t="s">
        <v>6401</v>
      </c>
      <c r="C10261" t="s">
        <v>6402</v>
      </c>
      <c r="D10261" t="s">
        <v>6403</v>
      </c>
      <c r="E10261" t="s">
        <v>6174</v>
      </c>
      <c r="F10261" t="s">
        <v>6175</v>
      </c>
      <c r="G10261" t="s">
        <v>80</v>
      </c>
      <c r="H10261" t="s">
        <v>81</v>
      </c>
      <c r="I10261" s="2">
        <v>0</v>
      </c>
      <c r="J10261" s="2">
        <v>1</v>
      </c>
      <c r="K10261" s="2">
        <v>0</v>
      </c>
      <c r="L10261" t="s">
        <v>82</v>
      </c>
      <c r="M10261" t="s">
        <v>83</v>
      </c>
      <c r="N10261" t="s">
        <v>91</v>
      </c>
      <c r="O10261" t="s">
        <v>85</v>
      </c>
      <c r="P10261" t="s">
        <v>86</v>
      </c>
      <c r="Q10261">
        <v>132</v>
      </c>
      <c r="R10261">
        <v>133</v>
      </c>
      <c r="S10261">
        <v>135</v>
      </c>
      <c r="T10261">
        <v>137</v>
      </c>
      <c r="U10261">
        <v>138</v>
      </c>
      <c r="V10261">
        <v>140</v>
      </c>
      <c r="W10261">
        <v>141</v>
      </c>
      <c r="X10261">
        <v>143</v>
      </c>
      <c r="Y10261">
        <v>144</v>
      </c>
      <c r="Z10261">
        <v>146</v>
      </c>
      <c r="AA10261">
        <v>147</v>
      </c>
      <c r="AB10261">
        <v>148</v>
      </c>
      <c r="AC10261">
        <v>150</v>
      </c>
      <c r="AD10261">
        <v>151</v>
      </c>
      <c r="AE10261">
        <v>152</v>
      </c>
      <c r="AF10261">
        <v>154</v>
      </c>
      <c r="AG10261">
        <v>155</v>
      </c>
      <c r="AH10261">
        <v>156</v>
      </c>
      <c r="AI10261">
        <v>157</v>
      </c>
      <c r="AJ10261">
        <v>159</v>
      </c>
      <c r="AK10261">
        <v>160</v>
      </c>
      <c r="AL10261">
        <v>160</v>
      </c>
      <c r="AM10261">
        <v>160</v>
      </c>
      <c r="AN10261">
        <v>159</v>
      </c>
      <c r="AO10261">
        <v>159</v>
      </c>
      <c r="AP10261">
        <v>159</v>
      </c>
      <c r="AQ10261">
        <v>159</v>
      </c>
    </row>
    <row r="10262" spans="1:43">
      <c r="A10262" t="s">
        <v>6404</v>
      </c>
      <c r="B10262" t="s">
        <v>6405</v>
      </c>
      <c r="C10262" t="s">
        <v>6402</v>
      </c>
      <c r="D10262" t="s">
        <v>6403</v>
      </c>
      <c r="E10262" t="s">
        <v>6174</v>
      </c>
      <c r="F10262" t="s">
        <v>6175</v>
      </c>
      <c r="G10262" t="s">
        <v>80</v>
      </c>
      <c r="H10262" t="s">
        <v>81</v>
      </c>
      <c r="I10262" s="2">
        <v>0</v>
      </c>
      <c r="J10262" s="2">
        <v>1</v>
      </c>
      <c r="K10262" s="2">
        <v>0</v>
      </c>
      <c r="L10262" t="s">
        <v>82</v>
      </c>
      <c r="M10262" t="s">
        <v>83</v>
      </c>
      <c r="N10262" t="s">
        <v>84</v>
      </c>
      <c r="O10262" t="s">
        <v>85</v>
      </c>
      <c r="P10262" t="s">
        <v>86</v>
      </c>
      <c r="Q10262">
        <v>35</v>
      </c>
      <c r="R10262">
        <v>36</v>
      </c>
      <c r="S10262">
        <v>36</v>
      </c>
      <c r="T10262">
        <v>37</v>
      </c>
      <c r="U10262">
        <v>37</v>
      </c>
      <c r="V10262">
        <v>37</v>
      </c>
      <c r="W10262">
        <v>38</v>
      </c>
      <c r="X10262">
        <v>38</v>
      </c>
      <c r="Y10262">
        <v>39</v>
      </c>
      <c r="Z10262">
        <v>39</v>
      </c>
      <c r="AA10262">
        <v>39</v>
      </c>
      <c r="AB10262">
        <v>40</v>
      </c>
      <c r="AC10262">
        <v>40</v>
      </c>
      <c r="AD10262">
        <v>41</v>
      </c>
      <c r="AE10262">
        <v>41</v>
      </c>
      <c r="AF10262">
        <v>41</v>
      </c>
      <c r="AG10262">
        <v>42</v>
      </c>
      <c r="AH10262">
        <v>42</v>
      </c>
      <c r="AI10262">
        <v>42</v>
      </c>
      <c r="AJ10262">
        <v>43</v>
      </c>
      <c r="AK10262">
        <v>43</v>
      </c>
      <c r="AL10262">
        <v>43</v>
      </c>
      <c r="AM10262">
        <v>43</v>
      </c>
      <c r="AN10262">
        <v>43</v>
      </c>
      <c r="AO10262">
        <v>43</v>
      </c>
      <c r="AP10262">
        <v>43</v>
      </c>
      <c r="AQ10262">
        <v>43</v>
      </c>
    </row>
    <row r="10263" spans="1:43">
      <c r="A10263" t="s">
        <v>6404</v>
      </c>
      <c r="B10263" t="s">
        <v>6405</v>
      </c>
      <c r="C10263" t="s">
        <v>6402</v>
      </c>
      <c r="D10263" t="s">
        <v>6403</v>
      </c>
      <c r="E10263" t="s">
        <v>6174</v>
      </c>
      <c r="F10263" t="s">
        <v>6175</v>
      </c>
      <c r="G10263" t="s">
        <v>80</v>
      </c>
      <c r="H10263" t="s">
        <v>81</v>
      </c>
      <c r="I10263" s="2">
        <v>0</v>
      </c>
      <c r="J10263" s="2">
        <v>1</v>
      </c>
      <c r="K10263" s="2">
        <v>0</v>
      </c>
      <c r="L10263" t="s">
        <v>82</v>
      </c>
      <c r="M10263" t="s">
        <v>87</v>
      </c>
      <c r="N10263" t="s">
        <v>88</v>
      </c>
      <c r="O10263" t="s">
        <v>85</v>
      </c>
      <c r="P10263" t="s">
        <v>86</v>
      </c>
      <c r="Q10263">
        <v>35</v>
      </c>
      <c r="R10263">
        <v>35</v>
      </c>
      <c r="S10263">
        <v>35</v>
      </c>
      <c r="T10263">
        <v>35</v>
      </c>
      <c r="U10263">
        <v>35</v>
      </c>
      <c r="V10263">
        <v>35</v>
      </c>
      <c r="W10263">
        <v>36</v>
      </c>
      <c r="X10263">
        <v>36</v>
      </c>
      <c r="Y10263">
        <v>36</v>
      </c>
      <c r="Z10263">
        <v>36</v>
      </c>
      <c r="AA10263">
        <v>36</v>
      </c>
      <c r="AB10263">
        <v>36</v>
      </c>
      <c r="AC10263">
        <v>36</v>
      </c>
      <c r="AD10263">
        <v>36</v>
      </c>
      <c r="AE10263">
        <v>36</v>
      </c>
      <c r="AF10263">
        <v>36</v>
      </c>
      <c r="AG10263">
        <v>36</v>
      </c>
      <c r="AH10263">
        <v>36</v>
      </c>
      <c r="AI10263">
        <v>37</v>
      </c>
      <c r="AJ10263">
        <v>37</v>
      </c>
      <c r="AK10263">
        <v>37</v>
      </c>
      <c r="AL10263">
        <v>37</v>
      </c>
      <c r="AM10263">
        <v>37</v>
      </c>
      <c r="AN10263">
        <v>37</v>
      </c>
      <c r="AO10263">
        <v>37</v>
      </c>
      <c r="AP10263">
        <v>37</v>
      </c>
      <c r="AQ10263">
        <v>37</v>
      </c>
    </row>
    <row r="10264" spans="1:43">
      <c r="A10264" t="s">
        <v>6404</v>
      </c>
      <c r="B10264" t="s">
        <v>6405</v>
      </c>
      <c r="C10264" t="s">
        <v>6402</v>
      </c>
      <c r="D10264" t="s">
        <v>6403</v>
      </c>
      <c r="E10264" t="s">
        <v>6174</v>
      </c>
      <c r="F10264" t="s">
        <v>6175</v>
      </c>
      <c r="G10264" t="s">
        <v>80</v>
      </c>
      <c r="H10264" t="s">
        <v>81</v>
      </c>
      <c r="I10264" s="2">
        <v>0</v>
      </c>
      <c r="J10264" s="2">
        <v>1</v>
      </c>
      <c r="K10264" s="2">
        <v>0</v>
      </c>
      <c r="L10264" t="s">
        <v>82</v>
      </c>
      <c r="M10264" t="s">
        <v>89</v>
      </c>
      <c r="N10264" t="s">
        <v>90</v>
      </c>
      <c r="O10264" t="s">
        <v>85</v>
      </c>
      <c r="P10264" t="s">
        <v>86</v>
      </c>
      <c r="Q10264">
        <v>35</v>
      </c>
      <c r="R10264">
        <v>35</v>
      </c>
      <c r="S10264">
        <v>36</v>
      </c>
      <c r="T10264">
        <v>37</v>
      </c>
      <c r="U10264">
        <v>37</v>
      </c>
      <c r="V10264">
        <v>38</v>
      </c>
      <c r="W10264">
        <v>39</v>
      </c>
      <c r="X10264">
        <v>39</v>
      </c>
      <c r="Y10264">
        <v>40</v>
      </c>
      <c r="Z10264">
        <v>41</v>
      </c>
      <c r="AA10264">
        <v>41</v>
      </c>
      <c r="AB10264">
        <v>42</v>
      </c>
      <c r="AC10264">
        <v>42</v>
      </c>
      <c r="AD10264">
        <v>43</v>
      </c>
      <c r="AE10264">
        <v>43</v>
      </c>
      <c r="AF10264">
        <v>43</v>
      </c>
      <c r="AG10264">
        <v>43</v>
      </c>
      <c r="AH10264">
        <v>43</v>
      </c>
      <c r="AI10264">
        <v>43</v>
      </c>
      <c r="AJ10264">
        <v>43</v>
      </c>
      <c r="AK10264">
        <v>43</v>
      </c>
      <c r="AL10264">
        <v>42</v>
      </c>
      <c r="AM10264">
        <v>42</v>
      </c>
      <c r="AN10264">
        <v>42</v>
      </c>
      <c r="AO10264">
        <v>42</v>
      </c>
      <c r="AP10264">
        <v>42</v>
      </c>
      <c r="AQ10264">
        <v>42</v>
      </c>
    </row>
    <row r="10265" spans="1:43">
      <c r="A10265" t="s">
        <v>6404</v>
      </c>
      <c r="B10265" t="s">
        <v>6405</v>
      </c>
      <c r="C10265" t="s">
        <v>6402</v>
      </c>
      <c r="D10265" t="s">
        <v>6403</v>
      </c>
      <c r="E10265" t="s">
        <v>6174</v>
      </c>
      <c r="F10265" t="s">
        <v>6175</v>
      </c>
      <c r="G10265" t="s">
        <v>80</v>
      </c>
      <c r="H10265" t="s">
        <v>81</v>
      </c>
      <c r="I10265" s="2">
        <v>0</v>
      </c>
      <c r="J10265" s="2">
        <v>1</v>
      </c>
      <c r="K10265" s="2">
        <v>0</v>
      </c>
      <c r="L10265" t="s">
        <v>82</v>
      </c>
      <c r="M10265" t="s">
        <v>83</v>
      </c>
      <c r="N10265" t="s">
        <v>91</v>
      </c>
      <c r="O10265" t="s">
        <v>85</v>
      </c>
      <c r="P10265" t="s">
        <v>86</v>
      </c>
      <c r="Q10265">
        <v>35</v>
      </c>
      <c r="R10265">
        <v>36</v>
      </c>
      <c r="S10265">
        <v>36</v>
      </c>
      <c r="T10265">
        <v>37</v>
      </c>
      <c r="U10265">
        <v>37</v>
      </c>
      <c r="V10265">
        <v>37</v>
      </c>
      <c r="W10265">
        <v>38</v>
      </c>
      <c r="X10265">
        <v>38</v>
      </c>
      <c r="Y10265">
        <v>39</v>
      </c>
      <c r="Z10265">
        <v>39</v>
      </c>
      <c r="AA10265">
        <v>39</v>
      </c>
      <c r="AB10265">
        <v>40</v>
      </c>
      <c r="AC10265">
        <v>40</v>
      </c>
      <c r="AD10265">
        <v>41</v>
      </c>
      <c r="AE10265">
        <v>41</v>
      </c>
      <c r="AF10265">
        <v>41</v>
      </c>
      <c r="AG10265">
        <v>42</v>
      </c>
      <c r="AH10265">
        <v>42</v>
      </c>
      <c r="AI10265">
        <v>42</v>
      </c>
      <c r="AJ10265">
        <v>43</v>
      </c>
      <c r="AK10265">
        <v>43</v>
      </c>
      <c r="AL10265">
        <v>43</v>
      </c>
      <c r="AM10265">
        <v>43</v>
      </c>
      <c r="AN10265">
        <v>43</v>
      </c>
      <c r="AO10265">
        <v>43</v>
      </c>
      <c r="AP10265">
        <v>43</v>
      </c>
      <c r="AQ10265">
        <v>43</v>
      </c>
    </row>
    <row r="10266" spans="1:43">
      <c r="A10266" t="s">
        <v>6406</v>
      </c>
      <c r="B10266" t="s">
        <v>6407</v>
      </c>
      <c r="C10266" t="s">
        <v>6398</v>
      </c>
      <c r="D10266" t="s">
        <v>6399</v>
      </c>
      <c r="E10266" t="s">
        <v>6174</v>
      </c>
      <c r="F10266" t="s">
        <v>6175</v>
      </c>
      <c r="G10266" t="s">
        <v>80</v>
      </c>
      <c r="H10266" t="s">
        <v>81</v>
      </c>
      <c r="I10266" s="2">
        <v>0</v>
      </c>
      <c r="J10266" s="2">
        <v>1</v>
      </c>
      <c r="K10266" s="2">
        <v>0</v>
      </c>
      <c r="L10266" t="s">
        <v>82</v>
      </c>
      <c r="M10266" t="s">
        <v>83</v>
      </c>
      <c r="N10266" t="s">
        <v>84</v>
      </c>
      <c r="O10266" t="s">
        <v>85</v>
      </c>
      <c r="P10266" t="s">
        <v>86</v>
      </c>
      <c r="Q10266">
        <v>0</v>
      </c>
      <c r="R10266">
        <v>0</v>
      </c>
      <c r="S10266">
        <v>0</v>
      </c>
      <c r="T10266">
        <v>0</v>
      </c>
      <c r="U10266">
        <v>0</v>
      </c>
      <c r="V10266">
        <v>0</v>
      </c>
      <c r="W10266">
        <v>0</v>
      </c>
      <c r="X10266">
        <v>0</v>
      </c>
      <c r="Y10266">
        <v>0</v>
      </c>
      <c r="Z10266">
        <v>0</v>
      </c>
      <c r="AA10266">
        <v>0</v>
      </c>
      <c r="AB10266">
        <v>0</v>
      </c>
      <c r="AC10266">
        <v>0</v>
      </c>
      <c r="AD10266">
        <v>0</v>
      </c>
      <c r="AE10266">
        <v>0</v>
      </c>
      <c r="AF10266">
        <v>0</v>
      </c>
      <c r="AG10266">
        <v>0</v>
      </c>
      <c r="AH10266">
        <v>0</v>
      </c>
      <c r="AI10266">
        <v>0</v>
      </c>
      <c r="AJ10266">
        <v>0</v>
      </c>
      <c r="AK10266">
        <v>0</v>
      </c>
      <c r="AL10266">
        <v>0</v>
      </c>
      <c r="AM10266">
        <v>0</v>
      </c>
      <c r="AN10266">
        <v>0</v>
      </c>
      <c r="AO10266">
        <v>0</v>
      </c>
      <c r="AP10266">
        <v>0</v>
      </c>
      <c r="AQ10266">
        <v>0</v>
      </c>
    </row>
    <row r="10267" spans="1:43">
      <c r="A10267" t="s">
        <v>6406</v>
      </c>
      <c r="B10267" t="s">
        <v>6407</v>
      </c>
      <c r="C10267" t="s">
        <v>6398</v>
      </c>
      <c r="D10267" t="s">
        <v>6399</v>
      </c>
      <c r="E10267" t="s">
        <v>6174</v>
      </c>
      <c r="F10267" t="s">
        <v>6175</v>
      </c>
      <c r="G10267" t="s">
        <v>80</v>
      </c>
      <c r="H10267" t="s">
        <v>81</v>
      </c>
      <c r="I10267" s="2">
        <v>0</v>
      </c>
      <c r="J10267" s="2">
        <v>1</v>
      </c>
      <c r="K10267" s="2">
        <v>0</v>
      </c>
      <c r="L10267" t="s">
        <v>82</v>
      </c>
      <c r="M10267" t="s">
        <v>87</v>
      </c>
      <c r="N10267" t="s">
        <v>88</v>
      </c>
      <c r="O10267" t="s">
        <v>85</v>
      </c>
      <c r="P10267" t="s">
        <v>86</v>
      </c>
      <c r="Q10267">
        <v>0</v>
      </c>
      <c r="R10267">
        <v>0</v>
      </c>
      <c r="S10267">
        <v>0</v>
      </c>
      <c r="T10267">
        <v>0</v>
      </c>
      <c r="U10267">
        <v>0</v>
      </c>
      <c r="V10267">
        <v>0</v>
      </c>
      <c r="W10267">
        <v>0</v>
      </c>
      <c r="X10267">
        <v>0</v>
      </c>
      <c r="Y10267">
        <v>0</v>
      </c>
      <c r="Z10267">
        <v>0</v>
      </c>
      <c r="AA10267">
        <v>0</v>
      </c>
      <c r="AB10267">
        <v>0</v>
      </c>
      <c r="AC10267">
        <v>0</v>
      </c>
      <c r="AD10267">
        <v>0</v>
      </c>
      <c r="AE10267">
        <v>0</v>
      </c>
      <c r="AF10267">
        <v>0</v>
      </c>
      <c r="AG10267">
        <v>0</v>
      </c>
      <c r="AH10267">
        <v>0</v>
      </c>
      <c r="AI10267">
        <v>0</v>
      </c>
      <c r="AJ10267">
        <v>0</v>
      </c>
      <c r="AK10267">
        <v>0</v>
      </c>
      <c r="AL10267">
        <v>0</v>
      </c>
      <c r="AM10267">
        <v>0</v>
      </c>
      <c r="AN10267">
        <v>0</v>
      </c>
      <c r="AO10267">
        <v>0</v>
      </c>
      <c r="AP10267">
        <v>0</v>
      </c>
      <c r="AQ10267">
        <v>0</v>
      </c>
    </row>
    <row r="10268" spans="1:43">
      <c r="A10268" t="s">
        <v>6406</v>
      </c>
      <c r="B10268" t="s">
        <v>6407</v>
      </c>
      <c r="C10268" t="s">
        <v>6398</v>
      </c>
      <c r="D10268" t="s">
        <v>6399</v>
      </c>
      <c r="E10268" t="s">
        <v>6174</v>
      </c>
      <c r="F10268" t="s">
        <v>6175</v>
      </c>
      <c r="G10268" t="s">
        <v>80</v>
      </c>
      <c r="H10268" t="s">
        <v>81</v>
      </c>
      <c r="I10268" s="2">
        <v>0</v>
      </c>
      <c r="J10268" s="2">
        <v>1</v>
      </c>
      <c r="K10268" s="2">
        <v>0</v>
      </c>
      <c r="L10268" t="s">
        <v>82</v>
      </c>
      <c r="M10268" t="s">
        <v>89</v>
      </c>
      <c r="N10268" t="s">
        <v>90</v>
      </c>
      <c r="O10268" t="s">
        <v>85</v>
      </c>
      <c r="P10268" t="s">
        <v>86</v>
      </c>
      <c r="Q10268">
        <v>0</v>
      </c>
      <c r="R10268">
        <v>0</v>
      </c>
      <c r="S10268">
        <v>0</v>
      </c>
      <c r="T10268">
        <v>0</v>
      </c>
      <c r="U10268">
        <v>0</v>
      </c>
      <c r="V10268">
        <v>0</v>
      </c>
      <c r="W10268">
        <v>0</v>
      </c>
      <c r="X10268">
        <v>0</v>
      </c>
      <c r="Y10268">
        <v>0</v>
      </c>
      <c r="Z10268">
        <v>0</v>
      </c>
      <c r="AA10268">
        <v>0</v>
      </c>
      <c r="AB10268">
        <v>0</v>
      </c>
      <c r="AC10268">
        <v>0</v>
      </c>
      <c r="AD10268">
        <v>0</v>
      </c>
      <c r="AE10268">
        <v>0</v>
      </c>
      <c r="AF10268">
        <v>0</v>
      </c>
      <c r="AG10268">
        <v>0</v>
      </c>
      <c r="AH10268">
        <v>0</v>
      </c>
      <c r="AI10268">
        <v>0</v>
      </c>
      <c r="AJ10268">
        <v>0</v>
      </c>
      <c r="AK10268">
        <v>0</v>
      </c>
      <c r="AL10268">
        <v>0</v>
      </c>
      <c r="AM10268">
        <v>0</v>
      </c>
      <c r="AN10268">
        <v>0</v>
      </c>
      <c r="AO10268">
        <v>0</v>
      </c>
      <c r="AP10268">
        <v>0</v>
      </c>
      <c r="AQ10268">
        <v>0</v>
      </c>
    </row>
    <row r="10269" spans="1:43">
      <c r="A10269" t="s">
        <v>6406</v>
      </c>
      <c r="B10269" t="s">
        <v>6407</v>
      </c>
      <c r="C10269" t="s">
        <v>6398</v>
      </c>
      <c r="D10269" t="s">
        <v>6399</v>
      </c>
      <c r="E10269" t="s">
        <v>6174</v>
      </c>
      <c r="F10269" t="s">
        <v>6175</v>
      </c>
      <c r="G10269" t="s">
        <v>80</v>
      </c>
      <c r="H10269" t="s">
        <v>81</v>
      </c>
      <c r="I10269" s="2">
        <v>0</v>
      </c>
      <c r="J10269" s="2">
        <v>1</v>
      </c>
      <c r="K10269" s="2">
        <v>0</v>
      </c>
      <c r="L10269" t="s">
        <v>82</v>
      </c>
      <c r="M10269" t="s">
        <v>83</v>
      </c>
      <c r="N10269" t="s">
        <v>91</v>
      </c>
      <c r="O10269" t="s">
        <v>85</v>
      </c>
      <c r="P10269" t="s">
        <v>86</v>
      </c>
      <c r="Q10269">
        <v>0</v>
      </c>
      <c r="R10269">
        <v>0</v>
      </c>
      <c r="S10269">
        <v>0</v>
      </c>
      <c r="T10269">
        <v>0</v>
      </c>
      <c r="U10269">
        <v>0</v>
      </c>
      <c r="V10269">
        <v>0</v>
      </c>
      <c r="W10269">
        <v>0</v>
      </c>
      <c r="X10269">
        <v>0</v>
      </c>
      <c r="Y10269">
        <v>0</v>
      </c>
      <c r="Z10269">
        <v>0</v>
      </c>
      <c r="AA10269">
        <v>0</v>
      </c>
      <c r="AB10269">
        <v>0</v>
      </c>
      <c r="AC10269">
        <v>0</v>
      </c>
      <c r="AD10269">
        <v>0</v>
      </c>
      <c r="AE10269">
        <v>0</v>
      </c>
      <c r="AF10269">
        <v>0</v>
      </c>
      <c r="AG10269">
        <v>0</v>
      </c>
      <c r="AH10269">
        <v>0</v>
      </c>
      <c r="AI10269">
        <v>0</v>
      </c>
      <c r="AJ10269">
        <v>0</v>
      </c>
      <c r="AK10269">
        <v>0</v>
      </c>
      <c r="AL10269">
        <v>0</v>
      </c>
      <c r="AM10269">
        <v>0</v>
      </c>
      <c r="AN10269">
        <v>0</v>
      </c>
      <c r="AO10269">
        <v>0</v>
      </c>
      <c r="AP10269">
        <v>0</v>
      </c>
      <c r="AQ10269">
        <v>0</v>
      </c>
    </row>
    <row r="10270" spans="1:43">
      <c r="A10270" t="s">
        <v>6408</v>
      </c>
      <c r="B10270" t="s">
        <v>6409</v>
      </c>
      <c r="C10270" t="s">
        <v>6398</v>
      </c>
      <c r="D10270" t="s">
        <v>6399</v>
      </c>
      <c r="E10270" t="s">
        <v>6174</v>
      </c>
      <c r="F10270" t="s">
        <v>6175</v>
      </c>
      <c r="G10270" t="s">
        <v>80</v>
      </c>
      <c r="H10270" t="s">
        <v>81</v>
      </c>
      <c r="I10270" s="2">
        <v>0</v>
      </c>
      <c r="J10270" s="2">
        <v>1</v>
      </c>
      <c r="K10270" s="2">
        <v>0</v>
      </c>
      <c r="L10270" t="s">
        <v>82</v>
      </c>
      <c r="M10270" t="s">
        <v>83</v>
      </c>
      <c r="N10270" t="s">
        <v>84</v>
      </c>
      <c r="O10270" t="s">
        <v>85</v>
      </c>
      <c r="P10270" t="s">
        <v>86</v>
      </c>
      <c r="Q10270">
        <v>86</v>
      </c>
      <c r="R10270">
        <v>87</v>
      </c>
      <c r="S10270">
        <v>88</v>
      </c>
      <c r="T10270">
        <v>89</v>
      </c>
      <c r="U10270">
        <v>90</v>
      </c>
      <c r="V10270">
        <v>91</v>
      </c>
      <c r="W10270">
        <v>92</v>
      </c>
      <c r="X10270">
        <v>93</v>
      </c>
      <c r="Y10270">
        <v>94</v>
      </c>
      <c r="Z10270">
        <v>95</v>
      </c>
      <c r="AA10270">
        <v>96</v>
      </c>
      <c r="AB10270">
        <v>97</v>
      </c>
      <c r="AC10270">
        <v>98</v>
      </c>
      <c r="AD10270">
        <v>98</v>
      </c>
      <c r="AE10270">
        <v>99</v>
      </c>
      <c r="AF10270">
        <v>100</v>
      </c>
      <c r="AG10270">
        <v>101</v>
      </c>
      <c r="AH10270">
        <v>102</v>
      </c>
      <c r="AI10270">
        <v>102</v>
      </c>
      <c r="AJ10270">
        <v>103</v>
      </c>
      <c r="AK10270">
        <v>104</v>
      </c>
      <c r="AL10270">
        <v>104</v>
      </c>
      <c r="AM10270">
        <v>104</v>
      </c>
      <c r="AN10270">
        <v>104</v>
      </c>
      <c r="AO10270">
        <v>103</v>
      </c>
      <c r="AP10270">
        <v>103</v>
      </c>
      <c r="AQ10270">
        <v>103</v>
      </c>
    </row>
    <row r="10271" spans="1:43">
      <c r="A10271" t="s">
        <v>6408</v>
      </c>
      <c r="B10271" t="s">
        <v>6409</v>
      </c>
      <c r="C10271" t="s">
        <v>6398</v>
      </c>
      <c r="D10271" t="s">
        <v>6399</v>
      </c>
      <c r="E10271" t="s">
        <v>6174</v>
      </c>
      <c r="F10271" t="s">
        <v>6175</v>
      </c>
      <c r="G10271" t="s">
        <v>80</v>
      </c>
      <c r="H10271" t="s">
        <v>81</v>
      </c>
      <c r="I10271" s="2">
        <v>0</v>
      </c>
      <c r="J10271" s="2">
        <v>1</v>
      </c>
      <c r="K10271" s="2">
        <v>0</v>
      </c>
      <c r="L10271" t="s">
        <v>82</v>
      </c>
      <c r="M10271" t="s">
        <v>87</v>
      </c>
      <c r="N10271" t="s">
        <v>88</v>
      </c>
      <c r="O10271" t="s">
        <v>85</v>
      </c>
      <c r="P10271" t="s">
        <v>86</v>
      </c>
      <c r="Q10271">
        <v>86</v>
      </c>
      <c r="R10271">
        <v>86</v>
      </c>
      <c r="S10271">
        <v>86</v>
      </c>
      <c r="T10271">
        <v>87</v>
      </c>
      <c r="U10271">
        <v>87</v>
      </c>
      <c r="V10271">
        <v>87</v>
      </c>
      <c r="W10271">
        <v>87</v>
      </c>
      <c r="X10271">
        <v>88</v>
      </c>
      <c r="Y10271">
        <v>88</v>
      </c>
      <c r="Z10271">
        <v>88</v>
      </c>
      <c r="AA10271">
        <v>88</v>
      </c>
      <c r="AB10271">
        <v>88</v>
      </c>
      <c r="AC10271">
        <v>89</v>
      </c>
      <c r="AD10271">
        <v>89</v>
      </c>
      <c r="AE10271">
        <v>89</v>
      </c>
      <c r="AF10271">
        <v>89</v>
      </c>
      <c r="AG10271">
        <v>89</v>
      </c>
      <c r="AH10271">
        <v>89</v>
      </c>
      <c r="AI10271">
        <v>90</v>
      </c>
      <c r="AJ10271">
        <v>90</v>
      </c>
      <c r="AK10271">
        <v>90</v>
      </c>
      <c r="AL10271">
        <v>90</v>
      </c>
      <c r="AM10271">
        <v>90</v>
      </c>
      <c r="AN10271">
        <v>90</v>
      </c>
      <c r="AO10271">
        <v>90</v>
      </c>
      <c r="AP10271">
        <v>91</v>
      </c>
      <c r="AQ10271">
        <v>91</v>
      </c>
    </row>
    <row r="10272" spans="1:43">
      <c r="A10272" t="s">
        <v>6408</v>
      </c>
      <c r="B10272" t="s">
        <v>6409</v>
      </c>
      <c r="C10272" t="s">
        <v>6398</v>
      </c>
      <c r="D10272" t="s">
        <v>6399</v>
      </c>
      <c r="E10272" t="s">
        <v>6174</v>
      </c>
      <c r="F10272" t="s">
        <v>6175</v>
      </c>
      <c r="G10272" t="s">
        <v>80</v>
      </c>
      <c r="H10272" t="s">
        <v>81</v>
      </c>
      <c r="I10272" s="2">
        <v>0</v>
      </c>
      <c r="J10272" s="2">
        <v>1</v>
      </c>
      <c r="K10272" s="2">
        <v>0</v>
      </c>
      <c r="L10272" t="s">
        <v>82</v>
      </c>
      <c r="M10272" t="s">
        <v>89</v>
      </c>
      <c r="N10272" t="s">
        <v>90</v>
      </c>
      <c r="O10272" t="s">
        <v>85</v>
      </c>
      <c r="P10272" t="s">
        <v>86</v>
      </c>
      <c r="Q10272">
        <v>86</v>
      </c>
      <c r="R10272">
        <v>87</v>
      </c>
      <c r="S10272">
        <v>89</v>
      </c>
      <c r="T10272">
        <v>91</v>
      </c>
      <c r="U10272">
        <v>92</v>
      </c>
      <c r="V10272">
        <v>94</v>
      </c>
      <c r="W10272">
        <v>96</v>
      </c>
      <c r="X10272">
        <v>97</v>
      </c>
      <c r="Y10272">
        <v>98</v>
      </c>
      <c r="Z10272">
        <v>100</v>
      </c>
      <c r="AA10272">
        <v>101</v>
      </c>
      <c r="AB10272">
        <v>102</v>
      </c>
      <c r="AC10272">
        <v>103</v>
      </c>
      <c r="AD10272">
        <v>105</v>
      </c>
      <c r="AE10272">
        <v>105</v>
      </c>
      <c r="AF10272">
        <v>105</v>
      </c>
      <c r="AG10272">
        <v>105</v>
      </c>
      <c r="AH10272">
        <v>105</v>
      </c>
      <c r="AI10272">
        <v>104</v>
      </c>
      <c r="AJ10272">
        <v>104</v>
      </c>
      <c r="AK10272">
        <v>104</v>
      </c>
      <c r="AL10272">
        <v>104</v>
      </c>
      <c r="AM10272">
        <v>104</v>
      </c>
      <c r="AN10272">
        <v>103</v>
      </c>
      <c r="AO10272">
        <v>103</v>
      </c>
      <c r="AP10272">
        <v>103</v>
      </c>
      <c r="AQ10272">
        <v>103</v>
      </c>
    </row>
    <row r="10273" spans="1:43">
      <c r="A10273" t="s">
        <v>6408</v>
      </c>
      <c r="B10273" t="s">
        <v>6409</v>
      </c>
      <c r="C10273" t="s">
        <v>6398</v>
      </c>
      <c r="D10273" t="s">
        <v>6399</v>
      </c>
      <c r="E10273" t="s">
        <v>6174</v>
      </c>
      <c r="F10273" t="s">
        <v>6175</v>
      </c>
      <c r="G10273" t="s">
        <v>80</v>
      </c>
      <c r="H10273" t="s">
        <v>81</v>
      </c>
      <c r="I10273" s="2">
        <v>0</v>
      </c>
      <c r="J10273" s="2">
        <v>1</v>
      </c>
      <c r="K10273" s="2">
        <v>0</v>
      </c>
      <c r="L10273" t="s">
        <v>82</v>
      </c>
      <c r="M10273" t="s">
        <v>83</v>
      </c>
      <c r="N10273" t="s">
        <v>91</v>
      </c>
      <c r="O10273" t="s">
        <v>85</v>
      </c>
      <c r="P10273" t="s">
        <v>86</v>
      </c>
      <c r="Q10273">
        <v>86</v>
      </c>
      <c r="R10273">
        <v>87</v>
      </c>
      <c r="S10273">
        <v>88</v>
      </c>
      <c r="T10273">
        <v>89</v>
      </c>
      <c r="U10273">
        <v>90</v>
      </c>
      <c r="V10273">
        <v>91</v>
      </c>
      <c r="W10273">
        <v>92</v>
      </c>
      <c r="X10273">
        <v>93</v>
      </c>
      <c r="Y10273">
        <v>94</v>
      </c>
      <c r="Z10273">
        <v>95</v>
      </c>
      <c r="AA10273">
        <v>96</v>
      </c>
      <c r="AB10273">
        <v>97</v>
      </c>
      <c r="AC10273">
        <v>98</v>
      </c>
      <c r="AD10273">
        <v>98</v>
      </c>
      <c r="AE10273">
        <v>99</v>
      </c>
      <c r="AF10273">
        <v>100</v>
      </c>
      <c r="AG10273">
        <v>101</v>
      </c>
      <c r="AH10273">
        <v>102</v>
      </c>
      <c r="AI10273">
        <v>102</v>
      </c>
      <c r="AJ10273">
        <v>103</v>
      </c>
      <c r="AK10273">
        <v>104</v>
      </c>
      <c r="AL10273">
        <v>104</v>
      </c>
      <c r="AM10273">
        <v>104</v>
      </c>
      <c r="AN10273">
        <v>104</v>
      </c>
      <c r="AO10273">
        <v>103</v>
      </c>
      <c r="AP10273">
        <v>103</v>
      </c>
      <c r="AQ10273">
        <v>103</v>
      </c>
    </row>
    <row r="10274" spans="1:43">
      <c r="A10274" t="s">
        <v>6410</v>
      </c>
      <c r="B10274" t="s">
        <v>6411</v>
      </c>
      <c r="C10274" t="s">
        <v>6398</v>
      </c>
      <c r="D10274" t="s">
        <v>6399</v>
      </c>
      <c r="E10274" t="s">
        <v>6174</v>
      </c>
      <c r="F10274" t="s">
        <v>6175</v>
      </c>
      <c r="G10274" t="s">
        <v>80</v>
      </c>
      <c r="H10274" t="s">
        <v>81</v>
      </c>
      <c r="I10274" s="2">
        <v>0</v>
      </c>
      <c r="J10274" s="2">
        <v>1</v>
      </c>
      <c r="K10274" s="2">
        <v>0</v>
      </c>
      <c r="L10274" t="s">
        <v>82</v>
      </c>
      <c r="M10274" t="s">
        <v>83</v>
      </c>
      <c r="N10274" t="s">
        <v>84</v>
      </c>
      <c r="O10274" t="s">
        <v>85</v>
      </c>
      <c r="P10274" t="s">
        <v>86</v>
      </c>
      <c r="Q10274">
        <v>136</v>
      </c>
      <c r="R10274">
        <v>137</v>
      </c>
      <c r="S10274">
        <v>139</v>
      </c>
      <c r="T10274">
        <v>141</v>
      </c>
      <c r="U10274">
        <v>142</v>
      </c>
      <c r="V10274">
        <v>144</v>
      </c>
      <c r="W10274">
        <v>145</v>
      </c>
      <c r="X10274">
        <v>147</v>
      </c>
      <c r="Y10274">
        <v>148</v>
      </c>
      <c r="Z10274">
        <v>150</v>
      </c>
      <c r="AA10274">
        <v>151</v>
      </c>
      <c r="AB10274">
        <v>153</v>
      </c>
      <c r="AC10274">
        <v>154</v>
      </c>
      <c r="AD10274">
        <v>156</v>
      </c>
      <c r="AE10274">
        <v>157</v>
      </c>
      <c r="AF10274">
        <v>158</v>
      </c>
      <c r="AG10274">
        <v>159</v>
      </c>
      <c r="AH10274">
        <v>161</v>
      </c>
      <c r="AI10274">
        <v>162</v>
      </c>
      <c r="AJ10274">
        <v>163</v>
      </c>
      <c r="AK10274">
        <v>164</v>
      </c>
      <c r="AL10274">
        <v>164</v>
      </c>
      <c r="AM10274">
        <v>164</v>
      </c>
      <c r="AN10274">
        <v>164</v>
      </c>
      <c r="AO10274">
        <v>163</v>
      </c>
      <c r="AP10274">
        <v>163</v>
      </c>
      <c r="AQ10274">
        <v>163</v>
      </c>
    </row>
    <row r="10275" spans="1:43">
      <c r="A10275" t="s">
        <v>6410</v>
      </c>
      <c r="B10275" t="s">
        <v>6411</v>
      </c>
      <c r="C10275" t="s">
        <v>6398</v>
      </c>
      <c r="D10275" t="s">
        <v>6399</v>
      </c>
      <c r="E10275" t="s">
        <v>6174</v>
      </c>
      <c r="F10275" t="s">
        <v>6175</v>
      </c>
      <c r="G10275" t="s">
        <v>80</v>
      </c>
      <c r="H10275" t="s">
        <v>81</v>
      </c>
      <c r="I10275" s="2">
        <v>0</v>
      </c>
      <c r="J10275" s="2">
        <v>1</v>
      </c>
      <c r="K10275" s="2">
        <v>0</v>
      </c>
      <c r="L10275" t="s">
        <v>82</v>
      </c>
      <c r="M10275" t="s">
        <v>87</v>
      </c>
      <c r="N10275" t="s">
        <v>88</v>
      </c>
      <c r="O10275" t="s">
        <v>85</v>
      </c>
      <c r="P10275" t="s">
        <v>86</v>
      </c>
      <c r="Q10275">
        <v>136</v>
      </c>
      <c r="R10275">
        <v>136</v>
      </c>
      <c r="S10275">
        <v>136</v>
      </c>
      <c r="T10275">
        <v>137</v>
      </c>
      <c r="U10275">
        <v>137</v>
      </c>
      <c r="V10275">
        <v>137</v>
      </c>
      <c r="W10275">
        <v>138</v>
      </c>
      <c r="X10275">
        <v>138</v>
      </c>
      <c r="Y10275">
        <v>138</v>
      </c>
      <c r="Z10275">
        <v>139</v>
      </c>
      <c r="AA10275">
        <v>139</v>
      </c>
      <c r="AB10275">
        <v>139</v>
      </c>
      <c r="AC10275">
        <v>139</v>
      </c>
      <c r="AD10275">
        <v>140</v>
      </c>
      <c r="AE10275">
        <v>140</v>
      </c>
      <c r="AF10275">
        <v>140</v>
      </c>
      <c r="AG10275">
        <v>140</v>
      </c>
      <c r="AH10275">
        <v>141</v>
      </c>
      <c r="AI10275">
        <v>141</v>
      </c>
      <c r="AJ10275">
        <v>141</v>
      </c>
      <c r="AK10275">
        <v>141</v>
      </c>
      <c r="AL10275">
        <v>142</v>
      </c>
      <c r="AM10275">
        <v>142</v>
      </c>
      <c r="AN10275">
        <v>142</v>
      </c>
      <c r="AO10275">
        <v>142</v>
      </c>
      <c r="AP10275">
        <v>142</v>
      </c>
      <c r="AQ10275">
        <v>142</v>
      </c>
    </row>
    <row r="10276" spans="1:43">
      <c r="A10276" t="s">
        <v>6410</v>
      </c>
      <c r="B10276" t="s">
        <v>6411</v>
      </c>
      <c r="C10276" t="s">
        <v>6398</v>
      </c>
      <c r="D10276" t="s">
        <v>6399</v>
      </c>
      <c r="E10276" t="s">
        <v>6174</v>
      </c>
      <c r="F10276" t="s">
        <v>6175</v>
      </c>
      <c r="G10276" t="s">
        <v>80</v>
      </c>
      <c r="H10276" t="s">
        <v>81</v>
      </c>
      <c r="I10276" s="2">
        <v>0</v>
      </c>
      <c r="J10276" s="2">
        <v>1</v>
      </c>
      <c r="K10276" s="2">
        <v>0</v>
      </c>
      <c r="L10276" t="s">
        <v>82</v>
      </c>
      <c r="M10276" t="s">
        <v>89</v>
      </c>
      <c r="N10276" t="s">
        <v>90</v>
      </c>
      <c r="O10276" t="s">
        <v>85</v>
      </c>
      <c r="P10276" t="s">
        <v>86</v>
      </c>
      <c r="Q10276">
        <v>136</v>
      </c>
      <c r="R10276">
        <v>139</v>
      </c>
      <c r="S10276">
        <v>142</v>
      </c>
      <c r="T10276">
        <v>144</v>
      </c>
      <c r="U10276">
        <v>147</v>
      </c>
      <c r="V10276">
        <v>149</v>
      </c>
      <c r="W10276">
        <v>152</v>
      </c>
      <c r="X10276">
        <v>154</v>
      </c>
      <c r="Y10276">
        <v>156</v>
      </c>
      <c r="Z10276">
        <v>158</v>
      </c>
      <c r="AA10276">
        <v>160</v>
      </c>
      <c r="AB10276">
        <v>162</v>
      </c>
      <c r="AC10276">
        <v>164</v>
      </c>
      <c r="AD10276">
        <v>166</v>
      </c>
      <c r="AE10276">
        <v>167</v>
      </c>
      <c r="AF10276">
        <v>167</v>
      </c>
      <c r="AG10276">
        <v>166</v>
      </c>
      <c r="AH10276">
        <v>166</v>
      </c>
      <c r="AI10276">
        <v>166</v>
      </c>
      <c r="AJ10276">
        <v>165</v>
      </c>
      <c r="AK10276">
        <v>165</v>
      </c>
      <c r="AL10276">
        <v>165</v>
      </c>
      <c r="AM10276">
        <v>164</v>
      </c>
      <c r="AN10276">
        <v>164</v>
      </c>
      <c r="AO10276">
        <v>163</v>
      </c>
      <c r="AP10276">
        <v>163</v>
      </c>
      <c r="AQ10276">
        <v>163</v>
      </c>
    </row>
    <row r="10277" spans="1:43">
      <c r="A10277" t="s">
        <v>6410</v>
      </c>
      <c r="B10277" t="s">
        <v>6411</v>
      </c>
      <c r="C10277" t="s">
        <v>6398</v>
      </c>
      <c r="D10277" t="s">
        <v>6399</v>
      </c>
      <c r="E10277" t="s">
        <v>6174</v>
      </c>
      <c r="F10277" t="s">
        <v>6175</v>
      </c>
      <c r="G10277" t="s">
        <v>80</v>
      </c>
      <c r="H10277" t="s">
        <v>81</v>
      </c>
      <c r="I10277" s="2">
        <v>0</v>
      </c>
      <c r="J10277" s="2">
        <v>1</v>
      </c>
      <c r="K10277" s="2">
        <v>0</v>
      </c>
      <c r="L10277" t="s">
        <v>82</v>
      </c>
      <c r="M10277" t="s">
        <v>83</v>
      </c>
      <c r="N10277" t="s">
        <v>91</v>
      </c>
      <c r="O10277" t="s">
        <v>85</v>
      </c>
      <c r="P10277" t="s">
        <v>86</v>
      </c>
      <c r="Q10277">
        <v>136</v>
      </c>
      <c r="R10277">
        <v>137</v>
      </c>
      <c r="S10277">
        <v>139</v>
      </c>
      <c r="T10277">
        <v>141</v>
      </c>
      <c r="U10277">
        <v>142</v>
      </c>
      <c r="V10277">
        <v>144</v>
      </c>
      <c r="W10277">
        <v>145</v>
      </c>
      <c r="X10277">
        <v>147</v>
      </c>
      <c r="Y10277">
        <v>148</v>
      </c>
      <c r="Z10277">
        <v>150</v>
      </c>
      <c r="AA10277">
        <v>151</v>
      </c>
      <c r="AB10277">
        <v>153</v>
      </c>
      <c r="AC10277">
        <v>154</v>
      </c>
      <c r="AD10277">
        <v>156</v>
      </c>
      <c r="AE10277">
        <v>157</v>
      </c>
      <c r="AF10277">
        <v>158</v>
      </c>
      <c r="AG10277">
        <v>159</v>
      </c>
      <c r="AH10277">
        <v>161</v>
      </c>
      <c r="AI10277">
        <v>162</v>
      </c>
      <c r="AJ10277">
        <v>163</v>
      </c>
      <c r="AK10277">
        <v>164</v>
      </c>
      <c r="AL10277">
        <v>164</v>
      </c>
      <c r="AM10277">
        <v>164</v>
      </c>
      <c r="AN10277">
        <v>164</v>
      </c>
      <c r="AO10277">
        <v>163</v>
      </c>
      <c r="AP10277">
        <v>163</v>
      </c>
      <c r="AQ10277">
        <v>163</v>
      </c>
    </row>
    <row r="10278" spans="1:43">
      <c r="A10278" t="s">
        <v>6412</v>
      </c>
      <c r="B10278" t="s">
        <v>6413</v>
      </c>
      <c r="C10278" t="s">
        <v>6180</v>
      </c>
      <c r="D10278" t="s">
        <v>6181</v>
      </c>
      <c r="E10278" t="s">
        <v>6174</v>
      </c>
      <c r="F10278" t="s">
        <v>6175</v>
      </c>
      <c r="G10278" t="s">
        <v>80</v>
      </c>
      <c r="H10278" t="s">
        <v>81</v>
      </c>
      <c r="I10278" s="2">
        <v>0</v>
      </c>
      <c r="J10278" s="2">
        <v>1</v>
      </c>
      <c r="K10278" s="2">
        <v>0</v>
      </c>
      <c r="L10278" t="s">
        <v>82</v>
      </c>
      <c r="M10278" t="s">
        <v>83</v>
      </c>
      <c r="N10278" t="s">
        <v>84</v>
      </c>
      <c r="O10278" t="s">
        <v>85</v>
      </c>
      <c r="P10278" t="s">
        <v>86</v>
      </c>
      <c r="Q10278">
        <v>45</v>
      </c>
      <c r="R10278">
        <v>45</v>
      </c>
      <c r="S10278">
        <v>46</v>
      </c>
      <c r="T10278">
        <v>46</v>
      </c>
      <c r="U10278">
        <v>47</v>
      </c>
      <c r="V10278">
        <v>47</v>
      </c>
      <c r="W10278">
        <v>48</v>
      </c>
      <c r="X10278">
        <v>48</v>
      </c>
      <c r="Y10278">
        <v>49</v>
      </c>
      <c r="Z10278">
        <v>49</v>
      </c>
      <c r="AA10278">
        <v>50</v>
      </c>
      <c r="AB10278">
        <v>50</v>
      </c>
      <c r="AC10278">
        <v>51</v>
      </c>
      <c r="AD10278">
        <v>51</v>
      </c>
      <c r="AE10278">
        <v>52</v>
      </c>
      <c r="AF10278">
        <v>52</v>
      </c>
      <c r="AG10278">
        <v>52</v>
      </c>
      <c r="AH10278">
        <v>53</v>
      </c>
      <c r="AI10278">
        <v>53</v>
      </c>
      <c r="AJ10278">
        <v>54</v>
      </c>
      <c r="AK10278">
        <v>54</v>
      </c>
      <c r="AL10278">
        <v>54</v>
      </c>
      <c r="AM10278">
        <v>54</v>
      </c>
      <c r="AN10278">
        <v>54</v>
      </c>
      <c r="AO10278">
        <v>54</v>
      </c>
      <c r="AP10278">
        <v>54</v>
      </c>
      <c r="AQ10278">
        <v>54</v>
      </c>
    </row>
    <row r="10279" spans="1:43">
      <c r="A10279" t="s">
        <v>6412</v>
      </c>
      <c r="B10279" t="s">
        <v>6413</v>
      </c>
      <c r="C10279" t="s">
        <v>6180</v>
      </c>
      <c r="D10279" t="s">
        <v>6181</v>
      </c>
      <c r="E10279" t="s">
        <v>6174</v>
      </c>
      <c r="F10279" t="s">
        <v>6175</v>
      </c>
      <c r="G10279" t="s">
        <v>80</v>
      </c>
      <c r="H10279" t="s">
        <v>81</v>
      </c>
      <c r="I10279" s="2">
        <v>0</v>
      </c>
      <c r="J10279" s="2">
        <v>1</v>
      </c>
      <c r="K10279" s="2">
        <v>0</v>
      </c>
      <c r="L10279" t="s">
        <v>82</v>
      </c>
      <c r="M10279" t="s">
        <v>87</v>
      </c>
      <c r="N10279" t="s">
        <v>88</v>
      </c>
      <c r="O10279" t="s">
        <v>85</v>
      </c>
      <c r="P10279" t="s">
        <v>86</v>
      </c>
      <c r="Q10279">
        <v>45</v>
      </c>
      <c r="R10279">
        <v>45</v>
      </c>
      <c r="S10279">
        <v>45</v>
      </c>
      <c r="T10279">
        <v>46</v>
      </c>
      <c r="U10279">
        <v>46</v>
      </c>
      <c r="V10279">
        <v>46</v>
      </c>
      <c r="W10279">
        <v>46</v>
      </c>
      <c r="X10279">
        <v>46</v>
      </c>
      <c r="Y10279">
        <v>46</v>
      </c>
      <c r="Z10279">
        <v>46</v>
      </c>
      <c r="AA10279">
        <v>46</v>
      </c>
      <c r="AB10279">
        <v>46</v>
      </c>
      <c r="AC10279">
        <v>47</v>
      </c>
      <c r="AD10279">
        <v>47</v>
      </c>
      <c r="AE10279">
        <v>47</v>
      </c>
      <c r="AF10279">
        <v>47</v>
      </c>
      <c r="AG10279">
        <v>47</v>
      </c>
      <c r="AH10279">
        <v>47</v>
      </c>
      <c r="AI10279">
        <v>47</v>
      </c>
      <c r="AJ10279">
        <v>47</v>
      </c>
      <c r="AK10279">
        <v>47</v>
      </c>
      <c r="AL10279">
        <v>47</v>
      </c>
      <c r="AM10279">
        <v>47</v>
      </c>
      <c r="AN10279">
        <v>48</v>
      </c>
      <c r="AO10279">
        <v>48</v>
      </c>
      <c r="AP10279">
        <v>48</v>
      </c>
      <c r="AQ10279">
        <v>48</v>
      </c>
    </row>
    <row r="10280" spans="1:43">
      <c r="A10280" t="s">
        <v>6412</v>
      </c>
      <c r="B10280" t="s">
        <v>6413</v>
      </c>
      <c r="C10280" t="s">
        <v>6180</v>
      </c>
      <c r="D10280" t="s">
        <v>6181</v>
      </c>
      <c r="E10280" t="s">
        <v>6174</v>
      </c>
      <c r="F10280" t="s">
        <v>6175</v>
      </c>
      <c r="G10280" t="s">
        <v>80</v>
      </c>
      <c r="H10280" t="s">
        <v>81</v>
      </c>
      <c r="I10280" s="2">
        <v>0</v>
      </c>
      <c r="J10280" s="2">
        <v>1</v>
      </c>
      <c r="K10280" s="2">
        <v>0</v>
      </c>
      <c r="L10280" t="s">
        <v>82</v>
      </c>
      <c r="M10280" t="s">
        <v>89</v>
      </c>
      <c r="N10280" t="s">
        <v>90</v>
      </c>
      <c r="O10280" t="s">
        <v>85</v>
      </c>
      <c r="P10280" t="s">
        <v>86</v>
      </c>
      <c r="Q10280">
        <v>45</v>
      </c>
      <c r="R10280">
        <v>46</v>
      </c>
      <c r="S10280">
        <v>47</v>
      </c>
      <c r="T10280">
        <v>48</v>
      </c>
      <c r="U10280">
        <v>49</v>
      </c>
      <c r="V10280">
        <v>49</v>
      </c>
      <c r="W10280">
        <v>50</v>
      </c>
      <c r="X10280">
        <v>51</v>
      </c>
      <c r="Y10280">
        <v>52</v>
      </c>
      <c r="Z10280">
        <v>52</v>
      </c>
      <c r="AA10280">
        <v>53</v>
      </c>
      <c r="AB10280">
        <v>54</v>
      </c>
      <c r="AC10280">
        <v>54</v>
      </c>
      <c r="AD10280">
        <v>55</v>
      </c>
      <c r="AE10280">
        <v>55</v>
      </c>
      <c r="AF10280">
        <v>55</v>
      </c>
      <c r="AG10280">
        <v>55</v>
      </c>
      <c r="AH10280">
        <v>55</v>
      </c>
      <c r="AI10280">
        <v>55</v>
      </c>
      <c r="AJ10280">
        <v>55</v>
      </c>
      <c r="AK10280">
        <v>55</v>
      </c>
      <c r="AL10280">
        <v>55</v>
      </c>
      <c r="AM10280">
        <v>54</v>
      </c>
      <c r="AN10280">
        <v>54</v>
      </c>
      <c r="AO10280">
        <v>54</v>
      </c>
      <c r="AP10280">
        <v>54</v>
      </c>
      <c r="AQ10280">
        <v>54</v>
      </c>
    </row>
    <row r="10281" spans="1:43">
      <c r="A10281" t="s">
        <v>6412</v>
      </c>
      <c r="B10281" t="s">
        <v>6413</v>
      </c>
      <c r="C10281" t="s">
        <v>6180</v>
      </c>
      <c r="D10281" t="s">
        <v>6181</v>
      </c>
      <c r="E10281" t="s">
        <v>6174</v>
      </c>
      <c r="F10281" t="s">
        <v>6175</v>
      </c>
      <c r="G10281" t="s">
        <v>80</v>
      </c>
      <c r="H10281" t="s">
        <v>81</v>
      </c>
      <c r="I10281" s="2">
        <v>0</v>
      </c>
      <c r="J10281" s="2">
        <v>1</v>
      </c>
      <c r="K10281" s="2">
        <v>0</v>
      </c>
      <c r="L10281" t="s">
        <v>82</v>
      </c>
      <c r="M10281" t="s">
        <v>83</v>
      </c>
      <c r="N10281" t="s">
        <v>91</v>
      </c>
      <c r="O10281" t="s">
        <v>85</v>
      </c>
      <c r="P10281" t="s">
        <v>86</v>
      </c>
      <c r="Q10281">
        <v>45</v>
      </c>
      <c r="R10281">
        <v>45</v>
      </c>
      <c r="S10281">
        <v>46</v>
      </c>
      <c r="T10281">
        <v>46</v>
      </c>
      <c r="U10281">
        <v>47</v>
      </c>
      <c r="V10281">
        <v>47</v>
      </c>
      <c r="W10281">
        <v>48</v>
      </c>
      <c r="X10281">
        <v>48</v>
      </c>
      <c r="Y10281">
        <v>49</v>
      </c>
      <c r="Z10281">
        <v>49</v>
      </c>
      <c r="AA10281">
        <v>50</v>
      </c>
      <c r="AB10281">
        <v>50</v>
      </c>
      <c r="AC10281">
        <v>51</v>
      </c>
      <c r="AD10281">
        <v>51</v>
      </c>
      <c r="AE10281">
        <v>52</v>
      </c>
      <c r="AF10281">
        <v>52</v>
      </c>
      <c r="AG10281">
        <v>52</v>
      </c>
      <c r="AH10281">
        <v>53</v>
      </c>
      <c r="AI10281">
        <v>53</v>
      </c>
      <c r="AJ10281">
        <v>54</v>
      </c>
      <c r="AK10281">
        <v>54</v>
      </c>
      <c r="AL10281">
        <v>54</v>
      </c>
      <c r="AM10281">
        <v>54</v>
      </c>
      <c r="AN10281">
        <v>54</v>
      </c>
      <c r="AO10281">
        <v>54</v>
      </c>
      <c r="AP10281">
        <v>54</v>
      </c>
      <c r="AQ10281">
        <v>54</v>
      </c>
    </row>
    <row r="10282" spans="1:43">
      <c r="A10282" t="s">
        <v>6414</v>
      </c>
      <c r="B10282" t="s">
        <v>6415</v>
      </c>
      <c r="C10282" t="s">
        <v>6180</v>
      </c>
      <c r="D10282" t="s">
        <v>6181</v>
      </c>
      <c r="E10282" t="s">
        <v>6174</v>
      </c>
      <c r="F10282" t="s">
        <v>6175</v>
      </c>
      <c r="G10282" t="s">
        <v>80</v>
      </c>
      <c r="H10282" t="s">
        <v>81</v>
      </c>
      <c r="I10282" s="2">
        <v>0</v>
      </c>
      <c r="J10282" s="2">
        <v>1</v>
      </c>
      <c r="K10282" s="2">
        <v>0</v>
      </c>
      <c r="L10282" t="s">
        <v>82</v>
      </c>
      <c r="M10282" t="s">
        <v>83</v>
      </c>
      <c r="N10282" t="s">
        <v>84</v>
      </c>
      <c r="O10282" t="s">
        <v>85</v>
      </c>
      <c r="P10282" t="s">
        <v>86</v>
      </c>
      <c r="Q10282">
        <v>47</v>
      </c>
      <c r="R10282">
        <v>48</v>
      </c>
      <c r="S10282">
        <v>49</v>
      </c>
      <c r="T10282">
        <v>49</v>
      </c>
      <c r="U10282">
        <v>50</v>
      </c>
      <c r="V10282">
        <v>50</v>
      </c>
      <c r="W10282">
        <v>51</v>
      </c>
      <c r="X10282">
        <v>51</v>
      </c>
      <c r="Y10282">
        <v>52</v>
      </c>
      <c r="Z10282">
        <v>52</v>
      </c>
      <c r="AA10282">
        <v>53</v>
      </c>
      <c r="AB10282">
        <v>53</v>
      </c>
      <c r="AC10282">
        <v>54</v>
      </c>
      <c r="AD10282">
        <v>54</v>
      </c>
      <c r="AE10282">
        <v>55</v>
      </c>
      <c r="AF10282">
        <v>55</v>
      </c>
      <c r="AG10282">
        <v>56</v>
      </c>
      <c r="AH10282">
        <v>56</v>
      </c>
      <c r="AI10282">
        <v>57</v>
      </c>
      <c r="AJ10282">
        <v>57</v>
      </c>
      <c r="AK10282">
        <v>57</v>
      </c>
      <c r="AL10282">
        <v>58</v>
      </c>
      <c r="AM10282">
        <v>57</v>
      </c>
      <c r="AN10282">
        <v>57</v>
      </c>
      <c r="AO10282">
        <v>57</v>
      </c>
      <c r="AP10282">
        <v>57</v>
      </c>
      <c r="AQ10282">
        <v>57</v>
      </c>
    </row>
    <row r="10283" spans="1:43">
      <c r="A10283" t="s">
        <v>6414</v>
      </c>
      <c r="B10283" t="s">
        <v>6415</v>
      </c>
      <c r="C10283" t="s">
        <v>6180</v>
      </c>
      <c r="D10283" t="s">
        <v>6181</v>
      </c>
      <c r="E10283" t="s">
        <v>6174</v>
      </c>
      <c r="F10283" t="s">
        <v>6175</v>
      </c>
      <c r="G10283" t="s">
        <v>80</v>
      </c>
      <c r="H10283" t="s">
        <v>81</v>
      </c>
      <c r="I10283" s="2">
        <v>0</v>
      </c>
      <c r="J10283" s="2">
        <v>1</v>
      </c>
      <c r="K10283" s="2">
        <v>0</v>
      </c>
      <c r="L10283" t="s">
        <v>82</v>
      </c>
      <c r="M10283" t="s">
        <v>87</v>
      </c>
      <c r="N10283" t="s">
        <v>88</v>
      </c>
      <c r="O10283" t="s">
        <v>85</v>
      </c>
      <c r="P10283" t="s">
        <v>86</v>
      </c>
      <c r="Q10283">
        <v>47</v>
      </c>
      <c r="R10283">
        <v>47</v>
      </c>
      <c r="S10283">
        <v>47</v>
      </c>
      <c r="T10283">
        <v>47</v>
      </c>
      <c r="U10283">
        <v>47</v>
      </c>
      <c r="V10283">
        <v>48</v>
      </c>
      <c r="W10283">
        <v>48</v>
      </c>
      <c r="X10283">
        <v>48</v>
      </c>
      <c r="Y10283">
        <v>48</v>
      </c>
      <c r="Z10283">
        <v>48</v>
      </c>
      <c r="AA10283">
        <v>48</v>
      </c>
      <c r="AB10283">
        <v>48</v>
      </c>
      <c r="AC10283">
        <v>48</v>
      </c>
      <c r="AD10283">
        <v>49</v>
      </c>
      <c r="AE10283">
        <v>49</v>
      </c>
      <c r="AF10283">
        <v>49</v>
      </c>
      <c r="AG10283">
        <v>49</v>
      </c>
      <c r="AH10283">
        <v>49</v>
      </c>
      <c r="AI10283">
        <v>49</v>
      </c>
      <c r="AJ10283">
        <v>49</v>
      </c>
      <c r="AK10283">
        <v>49</v>
      </c>
      <c r="AL10283">
        <v>49</v>
      </c>
      <c r="AM10283">
        <v>49</v>
      </c>
      <c r="AN10283">
        <v>49</v>
      </c>
      <c r="AO10283">
        <v>49</v>
      </c>
      <c r="AP10283">
        <v>50</v>
      </c>
      <c r="AQ10283">
        <v>50</v>
      </c>
    </row>
    <row r="10284" spans="1:43">
      <c r="A10284" t="s">
        <v>6414</v>
      </c>
      <c r="B10284" t="s">
        <v>6415</v>
      </c>
      <c r="C10284" t="s">
        <v>6180</v>
      </c>
      <c r="D10284" t="s">
        <v>6181</v>
      </c>
      <c r="E10284" t="s">
        <v>6174</v>
      </c>
      <c r="F10284" t="s">
        <v>6175</v>
      </c>
      <c r="G10284" t="s">
        <v>80</v>
      </c>
      <c r="H10284" t="s">
        <v>81</v>
      </c>
      <c r="I10284" s="2">
        <v>0</v>
      </c>
      <c r="J10284" s="2">
        <v>1</v>
      </c>
      <c r="K10284" s="2">
        <v>0</v>
      </c>
      <c r="L10284" t="s">
        <v>82</v>
      </c>
      <c r="M10284" t="s">
        <v>89</v>
      </c>
      <c r="N10284" t="s">
        <v>90</v>
      </c>
      <c r="O10284" t="s">
        <v>85</v>
      </c>
      <c r="P10284" t="s">
        <v>86</v>
      </c>
      <c r="Q10284">
        <v>47</v>
      </c>
      <c r="R10284">
        <v>48</v>
      </c>
      <c r="S10284">
        <v>49</v>
      </c>
      <c r="T10284">
        <v>50</v>
      </c>
      <c r="U10284">
        <v>51</v>
      </c>
      <c r="V10284">
        <v>52</v>
      </c>
      <c r="W10284">
        <v>52</v>
      </c>
      <c r="X10284">
        <v>53</v>
      </c>
      <c r="Y10284">
        <v>54</v>
      </c>
      <c r="Z10284">
        <v>55</v>
      </c>
      <c r="AA10284">
        <v>55</v>
      </c>
      <c r="AB10284">
        <v>56</v>
      </c>
      <c r="AC10284">
        <v>57</v>
      </c>
      <c r="AD10284">
        <v>57</v>
      </c>
      <c r="AE10284">
        <v>58</v>
      </c>
      <c r="AF10284">
        <v>58</v>
      </c>
      <c r="AG10284">
        <v>58</v>
      </c>
      <c r="AH10284">
        <v>57</v>
      </c>
      <c r="AI10284">
        <v>57</v>
      </c>
      <c r="AJ10284">
        <v>57</v>
      </c>
      <c r="AK10284">
        <v>57</v>
      </c>
      <c r="AL10284">
        <v>57</v>
      </c>
      <c r="AM10284">
        <v>57</v>
      </c>
      <c r="AN10284">
        <v>57</v>
      </c>
      <c r="AO10284">
        <v>57</v>
      </c>
      <c r="AP10284">
        <v>56</v>
      </c>
      <c r="AQ10284">
        <v>56</v>
      </c>
    </row>
    <row r="10285" spans="1:43">
      <c r="A10285" t="s">
        <v>6414</v>
      </c>
      <c r="B10285" t="s">
        <v>6415</v>
      </c>
      <c r="C10285" t="s">
        <v>6180</v>
      </c>
      <c r="D10285" t="s">
        <v>6181</v>
      </c>
      <c r="E10285" t="s">
        <v>6174</v>
      </c>
      <c r="F10285" t="s">
        <v>6175</v>
      </c>
      <c r="G10285" t="s">
        <v>80</v>
      </c>
      <c r="H10285" t="s">
        <v>81</v>
      </c>
      <c r="I10285" s="2">
        <v>0</v>
      </c>
      <c r="J10285" s="2">
        <v>1</v>
      </c>
      <c r="K10285" s="2">
        <v>0</v>
      </c>
      <c r="L10285" t="s">
        <v>82</v>
      </c>
      <c r="M10285" t="s">
        <v>83</v>
      </c>
      <c r="N10285" t="s">
        <v>91</v>
      </c>
      <c r="O10285" t="s">
        <v>85</v>
      </c>
      <c r="P10285" t="s">
        <v>86</v>
      </c>
      <c r="Q10285">
        <v>47</v>
      </c>
      <c r="R10285">
        <v>48</v>
      </c>
      <c r="S10285">
        <v>49</v>
      </c>
      <c r="T10285">
        <v>49</v>
      </c>
      <c r="U10285">
        <v>50</v>
      </c>
      <c r="V10285">
        <v>50</v>
      </c>
      <c r="W10285">
        <v>51</v>
      </c>
      <c r="X10285">
        <v>51</v>
      </c>
      <c r="Y10285">
        <v>52</v>
      </c>
      <c r="Z10285">
        <v>52</v>
      </c>
      <c r="AA10285">
        <v>53</v>
      </c>
      <c r="AB10285">
        <v>53</v>
      </c>
      <c r="AC10285">
        <v>54</v>
      </c>
      <c r="AD10285">
        <v>54</v>
      </c>
      <c r="AE10285">
        <v>55</v>
      </c>
      <c r="AF10285">
        <v>55</v>
      </c>
      <c r="AG10285">
        <v>56</v>
      </c>
      <c r="AH10285">
        <v>56</v>
      </c>
      <c r="AI10285">
        <v>57</v>
      </c>
      <c r="AJ10285">
        <v>57</v>
      </c>
      <c r="AK10285">
        <v>57</v>
      </c>
      <c r="AL10285">
        <v>58</v>
      </c>
      <c r="AM10285">
        <v>57</v>
      </c>
      <c r="AN10285">
        <v>57</v>
      </c>
      <c r="AO10285">
        <v>57</v>
      </c>
      <c r="AP10285">
        <v>57</v>
      </c>
      <c r="AQ10285">
        <v>57</v>
      </c>
    </row>
    <row r="10286" spans="1:43">
      <c r="A10286" t="s">
        <v>6416</v>
      </c>
      <c r="B10286" t="s">
        <v>6417</v>
      </c>
      <c r="C10286" t="s">
        <v>6180</v>
      </c>
      <c r="D10286" t="s">
        <v>6181</v>
      </c>
      <c r="E10286" t="s">
        <v>6174</v>
      </c>
      <c r="F10286" t="s">
        <v>6175</v>
      </c>
      <c r="G10286" t="s">
        <v>80</v>
      </c>
      <c r="H10286" t="s">
        <v>81</v>
      </c>
      <c r="I10286" s="2">
        <v>0</v>
      </c>
      <c r="J10286" s="2">
        <v>1</v>
      </c>
      <c r="K10286" s="2">
        <v>0</v>
      </c>
      <c r="L10286" t="s">
        <v>82</v>
      </c>
      <c r="M10286" t="s">
        <v>83</v>
      </c>
      <c r="N10286" t="s">
        <v>84</v>
      </c>
      <c r="O10286" t="s">
        <v>85</v>
      </c>
      <c r="P10286" t="s">
        <v>86</v>
      </c>
      <c r="Q10286">
        <v>19</v>
      </c>
      <c r="R10286">
        <v>19</v>
      </c>
      <c r="S10286">
        <v>20</v>
      </c>
      <c r="T10286">
        <v>20</v>
      </c>
      <c r="U10286">
        <v>20</v>
      </c>
      <c r="V10286">
        <v>20</v>
      </c>
      <c r="W10286">
        <v>21</v>
      </c>
      <c r="X10286">
        <v>21</v>
      </c>
      <c r="Y10286">
        <v>21</v>
      </c>
      <c r="Z10286">
        <v>21</v>
      </c>
      <c r="AA10286">
        <v>21</v>
      </c>
      <c r="AB10286">
        <v>22</v>
      </c>
      <c r="AC10286">
        <v>22</v>
      </c>
      <c r="AD10286">
        <v>22</v>
      </c>
      <c r="AE10286">
        <v>22</v>
      </c>
      <c r="AF10286">
        <v>22</v>
      </c>
      <c r="AG10286">
        <v>23</v>
      </c>
      <c r="AH10286">
        <v>23</v>
      </c>
      <c r="AI10286">
        <v>23</v>
      </c>
      <c r="AJ10286">
        <v>23</v>
      </c>
      <c r="AK10286">
        <v>23</v>
      </c>
      <c r="AL10286">
        <v>23</v>
      </c>
      <c r="AM10286">
        <v>23</v>
      </c>
      <c r="AN10286">
        <v>23</v>
      </c>
      <c r="AO10286">
        <v>23</v>
      </c>
      <c r="AP10286">
        <v>23</v>
      </c>
      <c r="AQ10286">
        <v>23</v>
      </c>
    </row>
    <row r="10287" spans="1:43">
      <c r="A10287" t="s">
        <v>6416</v>
      </c>
      <c r="B10287" t="s">
        <v>6417</v>
      </c>
      <c r="C10287" t="s">
        <v>6180</v>
      </c>
      <c r="D10287" t="s">
        <v>6181</v>
      </c>
      <c r="E10287" t="s">
        <v>6174</v>
      </c>
      <c r="F10287" t="s">
        <v>6175</v>
      </c>
      <c r="G10287" t="s">
        <v>80</v>
      </c>
      <c r="H10287" t="s">
        <v>81</v>
      </c>
      <c r="I10287" s="2">
        <v>0</v>
      </c>
      <c r="J10287" s="2">
        <v>1</v>
      </c>
      <c r="K10287" s="2">
        <v>0</v>
      </c>
      <c r="L10287" t="s">
        <v>82</v>
      </c>
      <c r="M10287" t="s">
        <v>87</v>
      </c>
      <c r="N10287" t="s">
        <v>88</v>
      </c>
      <c r="O10287" t="s">
        <v>85</v>
      </c>
      <c r="P10287" t="s">
        <v>86</v>
      </c>
      <c r="Q10287">
        <v>19</v>
      </c>
      <c r="R10287">
        <v>19</v>
      </c>
      <c r="S10287">
        <v>19</v>
      </c>
      <c r="T10287">
        <v>19</v>
      </c>
      <c r="U10287">
        <v>19</v>
      </c>
      <c r="V10287">
        <v>19</v>
      </c>
      <c r="W10287">
        <v>19</v>
      </c>
      <c r="X10287">
        <v>19</v>
      </c>
      <c r="Y10287">
        <v>19</v>
      </c>
      <c r="Z10287">
        <v>19</v>
      </c>
      <c r="AA10287">
        <v>20</v>
      </c>
      <c r="AB10287">
        <v>20</v>
      </c>
      <c r="AC10287">
        <v>20</v>
      </c>
      <c r="AD10287">
        <v>20</v>
      </c>
      <c r="AE10287">
        <v>20</v>
      </c>
      <c r="AF10287">
        <v>20</v>
      </c>
      <c r="AG10287">
        <v>20</v>
      </c>
      <c r="AH10287">
        <v>20</v>
      </c>
      <c r="AI10287">
        <v>20</v>
      </c>
      <c r="AJ10287">
        <v>20</v>
      </c>
      <c r="AK10287">
        <v>20</v>
      </c>
      <c r="AL10287">
        <v>20</v>
      </c>
      <c r="AM10287">
        <v>20</v>
      </c>
      <c r="AN10287">
        <v>20</v>
      </c>
      <c r="AO10287">
        <v>20</v>
      </c>
      <c r="AP10287">
        <v>20</v>
      </c>
      <c r="AQ10287">
        <v>20</v>
      </c>
    </row>
    <row r="10288" spans="1:43">
      <c r="A10288" t="s">
        <v>6416</v>
      </c>
      <c r="B10288" t="s">
        <v>6417</v>
      </c>
      <c r="C10288" t="s">
        <v>6180</v>
      </c>
      <c r="D10288" t="s">
        <v>6181</v>
      </c>
      <c r="E10288" t="s">
        <v>6174</v>
      </c>
      <c r="F10288" t="s">
        <v>6175</v>
      </c>
      <c r="G10288" t="s">
        <v>80</v>
      </c>
      <c r="H10288" t="s">
        <v>81</v>
      </c>
      <c r="I10288" s="2">
        <v>0</v>
      </c>
      <c r="J10288" s="2">
        <v>1</v>
      </c>
      <c r="K10288" s="2">
        <v>0</v>
      </c>
      <c r="L10288" t="s">
        <v>82</v>
      </c>
      <c r="M10288" t="s">
        <v>89</v>
      </c>
      <c r="N10288" t="s">
        <v>90</v>
      </c>
      <c r="O10288" t="s">
        <v>85</v>
      </c>
      <c r="P10288" t="s">
        <v>86</v>
      </c>
      <c r="Q10288">
        <v>19</v>
      </c>
      <c r="R10288">
        <v>20</v>
      </c>
      <c r="S10288">
        <v>20</v>
      </c>
      <c r="T10288">
        <v>21</v>
      </c>
      <c r="U10288">
        <v>21</v>
      </c>
      <c r="V10288">
        <v>21</v>
      </c>
      <c r="W10288">
        <v>22</v>
      </c>
      <c r="X10288">
        <v>22</v>
      </c>
      <c r="Y10288">
        <v>22</v>
      </c>
      <c r="Z10288">
        <v>23</v>
      </c>
      <c r="AA10288">
        <v>23</v>
      </c>
      <c r="AB10288">
        <v>23</v>
      </c>
      <c r="AC10288">
        <v>23</v>
      </c>
      <c r="AD10288">
        <v>24</v>
      </c>
      <c r="AE10288">
        <v>24</v>
      </c>
      <c r="AF10288">
        <v>24</v>
      </c>
      <c r="AG10288">
        <v>24</v>
      </c>
      <c r="AH10288">
        <v>24</v>
      </c>
      <c r="AI10288">
        <v>24</v>
      </c>
      <c r="AJ10288">
        <v>24</v>
      </c>
      <c r="AK10288">
        <v>24</v>
      </c>
      <c r="AL10288">
        <v>24</v>
      </c>
      <c r="AM10288">
        <v>23</v>
      </c>
      <c r="AN10288">
        <v>23</v>
      </c>
      <c r="AO10288">
        <v>23</v>
      </c>
      <c r="AP10288">
        <v>23</v>
      </c>
      <c r="AQ10288">
        <v>23</v>
      </c>
    </row>
    <row r="10289" spans="1:43">
      <c r="A10289" t="s">
        <v>6416</v>
      </c>
      <c r="B10289" t="s">
        <v>6417</v>
      </c>
      <c r="C10289" t="s">
        <v>6180</v>
      </c>
      <c r="D10289" t="s">
        <v>6181</v>
      </c>
      <c r="E10289" t="s">
        <v>6174</v>
      </c>
      <c r="F10289" t="s">
        <v>6175</v>
      </c>
      <c r="G10289" t="s">
        <v>80</v>
      </c>
      <c r="H10289" t="s">
        <v>81</v>
      </c>
      <c r="I10289" s="2">
        <v>0</v>
      </c>
      <c r="J10289" s="2">
        <v>1</v>
      </c>
      <c r="K10289" s="2">
        <v>0</v>
      </c>
      <c r="L10289" t="s">
        <v>82</v>
      </c>
      <c r="M10289" t="s">
        <v>83</v>
      </c>
      <c r="N10289" t="s">
        <v>91</v>
      </c>
      <c r="O10289" t="s">
        <v>85</v>
      </c>
      <c r="P10289" t="s">
        <v>86</v>
      </c>
      <c r="Q10289">
        <v>19</v>
      </c>
      <c r="R10289">
        <v>19</v>
      </c>
      <c r="S10289">
        <v>20</v>
      </c>
      <c r="T10289">
        <v>20</v>
      </c>
      <c r="U10289">
        <v>20</v>
      </c>
      <c r="V10289">
        <v>20</v>
      </c>
      <c r="W10289">
        <v>21</v>
      </c>
      <c r="X10289">
        <v>21</v>
      </c>
      <c r="Y10289">
        <v>21</v>
      </c>
      <c r="Z10289">
        <v>21</v>
      </c>
      <c r="AA10289">
        <v>21</v>
      </c>
      <c r="AB10289">
        <v>22</v>
      </c>
      <c r="AC10289">
        <v>22</v>
      </c>
      <c r="AD10289">
        <v>22</v>
      </c>
      <c r="AE10289">
        <v>22</v>
      </c>
      <c r="AF10289">
        <v>22</v>
      </c>
      <c r="AG10289">
        <v>23</v>
      </c>
      <c r="AH10289">
        <v>23</v>
      </c>
      <c r="AI10289">
        <v>23</v>
      </c>
      <c r="AJ10289">
        <v>23</v>
      </c>
      <c r="AK10289">
        <v>23</v>
      </c>
      <c r="AL10289">
        <v>23</v>
      </c>
      <c r="AM10289">
        <v>23</v>
      </c>
      <c r="AN10289">
        <v>23</v>
      </c>
      <c r="AO10289">
        <v>23</v>
      </c>
      <c r="AP10289">
        <v>23</v>
      </c>
      <c r="AQ10289">
        <v>23</v>
      </c>
    </row>
    <row r="10290" spans="1:43">
      <c r="A10290" t="s">
        <v>6418</v>
      </c>
      <c r="B10290" t="s">
        <v>6419</v>
      </c>
      <c r="C10290" t="s">
        <v>6180</v>
      </c>
      <c r="D10290" t="s">
        <v>6181</v>
      </c>
      <c r="E10290" t="s">
        <v>6174</v>
      </c>
      <c r="F10290" t="s">
        <v>6175</v>
      </c>
      <c r="G10290" t="s">
        <v>80</v>
      </c>
      <c r="H10290" t="s">
        <v>81</v>
      </c>
      <c r="I10290" s="2">
        <v>0</v>
      </c>
      <c r="J10290" s="2">
        <v>1</v>
      </c>
      <c r="K10290" s="2">
        <v>0</v>
      </c>
      <c r="L10290" t="s">
        <v>82</v>
      </c>
      <c r="M10290" t="s">
        <v>83</v>
      </c>
      <c r="N10290" t="s">
        <v>84</v>
      </c>
      <c r="O10290" t="s">
        <v>85</v>
      </c>
      <c r="P10290" t="s">
        <v>86</v>
      </c>
      <c r="Q10290">
        <v>65</v>
      </c>
      <c r="R10290">
        <v>66</v>
      </c>
      <c r="S10290">
        <v>67</v>
      </c>
      <c r="T10290">
        <v>68</v>
      </c>
      <c r="U10290">
        <v>68</v>
      </c>
      <c r="V10290">
        <v>69</v>
      </c>
      <c r="W10290">
        <v>70</v>
      </c>
      <c r="X10290">
        <v>71</v>
      </c>
      <c r="Y10290">
        <v>71</v>
      </c>
      <c r="Z10290">
        <v>72</v>
      </c>
      <c r="AA10290">
        <v>73</v>
      </c>
      <c r="AB10290">
        <v>73</v>
      </c>
      <c r="AC10290">
        <v>74</v>
      </c>
      <c r="AD10290">
        <v>75</v>
      </c>
      <c r="AE10290">
        <v>75</v>
      </c>
      <c r="AF10290">
        <v>76</v>
      </c>
      <c r="AG10290">
        <v>77</v>
      </c>
      <c r="AH10290">
        <v>77</v>
      </c>
      <c r="AI10290">
        <v>78</v>
      </c>
      <c r="AJ10290">
        <v>78</v>
      </c>
      <c r="AK10290">
        <v>79</v>
      </c>
      <c r="AL10290">
        <v>79</v>
      </c>
      <c r="AM10290">
        <v>79</v>
      </c>
      <c r="AN10290">
        <v>79</v>
      </c>
      <c r="AO10290">
        <v>79</v>
      </c>
      <c r="AP10290">
        <v>78</v>
      </c>
      <c r="AQ10290">
        <v>78</v>
      </c>
    </row>
    <row r="10291" spans="1:43">
      <c r="A10291" t="s">
        <v>6418</v>
      </c>
      <c r="B10291" t="s">
        <v>6419</v>
      </c>
      <c r="C10291" t="s">
        <v>6180</v>
      </c>
      <c r="D10291" t="s">
        <v>6181</v>
      </c>
      <c r="E10291" t="s">
        <v>6174</v>
      </c>
      <c r="F10291" t="s">
        <v>6175</v>
      </c>
      <c r="G10291" t="s">
        <v>80</v>
      </c>
      <c r="H10291" t="s">
        <v>81</v>
      </c>
      <c r="I10291" s="2">
        <v>0</v>
      </c>
      <c r="J10291" s="2">
        <v>1</v>
      </c>
      <c r="K10291" s="2">
        <v>0</v>
      </c>
      <c r="L10291" t="s">
        <v>82</v>
      </c>
      <c r="M10291" t="s">
        <v>87</v>
      </c>
      <c r="N10291" t="s">
        <v>88</v>
      </c>
      <c r="O10291" t="s">
        <v>85</v>
      </c>
      <c r="P10291" t="s">
        <v>86</v>
      </c>
      <c r="Q10291">
        <v>65</v>
      </c>
      <c r="R10291">
        <v>65</v>
      </c>
      <c r="S10291">
        <v>65</v>
      </c>
      <c r="T10291">
        <v>65</v>
      </c>
      <c r="U10291">
        <v>65</v>
      </c>
      <c r="V10291">
        <v>65</v>
      </c>
      <c r="W10291">
        <v>66</v>
      </c>
      <c r="X10291">
        <v>66</v>
      </c>
      <c r="Y10291">
        <v>66</v>
      </c>
      <c r="Z10291">
        <v>66</v>
      </c>
      <c r="AA10291">
        <v>66</v>
      </c>
      <c r="AB10291">
        <v>66</v>
      </c>
      <c r="AC10291">
        <v>66</v>
      </c>
      <c r="AD10291">
        <v>67</v>
      </c>
      <c r="AE10291">
        <v>67</v>
      </c>
      <c r="AF10291">
        <v>67</v>
      </c>
      <c r="AG10291">
        <v>67</v>
      </c>
      <c r="AH10291">
        <v>67</v>
      </c>
      <c r="AI10291">
        <v>67</v>
      </c>
      <c r="AJ10291">
        <v>67</v>
      </c>
      <c r="AK10291">
        <v>67</v>
      </c>
      <c r="AL10291">
        <v>67</v>
      </c>
      <c r="AM10291">
        <v>68</v>
      </c>
      <c r="AN10291">
        <v>68</v>
      </c>
      <c r="AO10291">
        <v>68</v>
      </c>
      <c r="AP10291">
        <v>68</v>
      </c>
      <c r="AQ10291">
        <v>68</v>
      </c>
    </row>
    <row r="10292" spans="1:43">
      <c r="A10292" t="s">
        <v>6418</v>
      </c>
      <c r="B10292" t="s">
        <v>6419</v>
      </c>
      <c r="C10292" t="s">
        <v>6180</v>
      </c>
      <c r="D10292" t="s">
        <v>6181</v>
      </c>
      <c r="E10292" t="s">
        <v>6174</v>
      </c>
      <c r="F10292" t="s">
        <v>6175</v>
      </c>
      <c r="G10292" t="s">
        <v>80</v>
      </c>
      <c r="H10292" t="s">
        <v>81</v>
      </c>
      <c r="I10292" s="2">
        <v>0</v>
      </c>
      <c r="J10292" s="2">
        <v>1</v>
      </c>
      <c r="K10292" s="2">
        <v>0</v>
      </c>
      <c r="L10292" t="s">
        <v>82</v>
      </c>
      <c r="M10292" t="s">
        <v>89</v>
      </c>
      <c r="N10292" t="s">
        <v>90</v>
      </c>
      <c r="O10292" t="s">
        <v>85</v>
      </c>
      <c r="P10292" t="s">
        <v>86</v>
      </c>
      <c r="Q10292">
        <v>65</v>
      </c>
      <c r="R10292">
        <v>66</v>
      </c>
      <c r="S10292">
        <v>67</v>
      </c>
      <c r="T10292">
        <v>69</v>
      </c>
      <c r="U10292">
        <v>70</v>
      </c>
      <c r="V10292">
        <v>71</v>
      </c>
      <c r="W10292">
        <v>72</v>
      </c>
      <c r="X10292">
        <v>73</v>
      </c>
      <c r="Y10292">
        <v>75</v>
      </c>
      <c r="Z10292">
        <v>76</v>
      </c>
      <c r="AA10292">
        <v>76</v>
      </c>
      <c r="AB10292">
        <v>77</v>
      </c>
      <c r="AC10292">
        <v>78</v>
      </c>
      <c r="AD10292">
        <v>79</v>
      </c>
      <c r="AE10292">
        <v>80</v>
      </c>
      <c r="AF10292">
        <v>80</v>
      </c>
      <c r="AG10292">
        <v>79</v>
      </c>
      <c r="AH10292">
        <v>79</v>
      </c>
      <c r="AI10292">
        <v>79</v>
      </c>
      <c r="AJ10292">
        <v>79</v>
      </c>
      <c r="AK10292">
        <v>79</v>
      </c>
      <c r="AL10292">
        <v>79</v>
      </c>
      <c r="AM10292">
        <v>79</v>
      </c>
      <c r="AN10292">
        <v>78</v>
      </c>
      <c r="AO10292">
        <v>78</v>
      </c>
      <c r="AP10292">
        <v>78</v>
      </c>
      <c r="AQ10292">
        <v>78</v>
      </c>
    </row>
    <row r="10293" spans="1:43">
      <c r="A10293" t="s">
        <v>6418</v>
      </c>
      <c r="B10293" t="s">
        <v>6419</v>
      </c>
      <c r="C10293" t="s">
        <v>6180</v>
      </c>
      <c r="D10293" t="s">
        <v>6181</v>
      </c>
      <c r="E10293" t="s">
        <v>6174</v>
      </c>
      <c r="F10293" t="s">
        <v>6175</v>
      </c>
      <c r="G10293" t="s">
        <v>80</v>
      </c>
      <c r="H10293" t="s">
        <v>81</v>
      </c>
      <c r="I10293" s="2">
        <v>0</v>
      </c>
      <c r="J10293" s="2">
        <v>1</v>
      </c>
      <c r="K10293" s="2">
        <v>0</v>
      </c>
      <c r="L10293" t="s">
        <v>82</v>
      </c>
      <c r="M10293" t="s">
        <v>83</v>
      </c>
      <c r="N10293" t="s">
        <v>91</v>
      </c>
      <c r="O10293" t="s">
        <v>85</v>
      </c>
      <c r="P10293" t="s">
        <v>86</v>
      </c>
      <c r="Q10293">
        <v>65</v>
      </c>
      <c r="R10293">
        <v>66</v>
      </c>
      <c r="S10293">
        <v>67</v>
      </c>
      <c r="T10293">
        <v>68</v>
      </c>
      <c r="U10293">
        <v>68</v>
      </c>
      <c r="V10293">
        <v>69</v>
      </c>
      <c r="W10293">
        <v>70</v>
      </c>
      <c r="X10293">
        <v>71</v>
      </c>
      <c r="Y10293">
        <v>71</v>
      </c>
      <c r="Z10293">
        <v>72</v>
      </c>
      <c r="AA10293">
        <v>73</v>
      </c>
      <c r="AB10293">
        <v>73</v>
      </c>
      <c r="AC10293">
        <v>74</v>
      </c>
      <c r="AD10293">
        <v>75</v>
      </c>
      <c r="AE10293">
        <v>75</v>
      </c>
      <c r="AF10293">
        <v>76</v>
      </c>
      <c r="AG10293">
        <v>77</v>
      </c>
      <c r="AH10293">
        <v>77</v>
      </c>
      <c r="AI10293">
        <v>78</v>
      </c>
      <c r="AJ10293">
        <v>78</v>
      </c>
      <c r="AK10293">
        <v>79</v>
      </c>
      <c r="AL10293">
        <v>79</v>
      </c>
      <c r="AM10293">
        <v>79</v>
      </c>
      <c r="AN10293">
        <v>79</v>
      </c>
      <c r="AO10293">
        <v>79</v>
      </c>
      <c r="AP10293">
        <v>78</v>
      </c>
      <c r="AQ10293">
        <v>78</v>
      </c>
    </row>
    <row r="10294" spans="1:43">
      <c r="A10294" t="s">
        <v>6420</v>
      </c>
      <c r="B10294" t="s">
        <v>6421</v>
      </c>
      <c r="C10294" t="s">
        <v>6422</v>
      </c>
      <c r="D10294" t="s">
        <v>6423</v>
      </c>
      <c r="E10294" t="s">
        <v>6174</v>
      </c>
      <c r="F10294" t="s">
        <v>6175</v>
      </c>
      <c r="G10294" t="s">
        <v>80</v>
      </c>
      <c r="H10294" t="s">
        <v>81</v>
      </c>
      <c r="I10294" s="2">
        <v>0</v>
      </c>
      <c r="J10294" s="2">
        <v>1</v>
      </c>
      <c r="K10294" s="2">
        <v>0</v>
      </c>
      <c r="L10294" t="s">
        <v>82</v>
      </c>
      <c r="M10294" t="s">
        <v>83</v>
      </c>
      <c r="N10294" t="s">
        <v>84</v>
      </c>
      <c r="O10294" t="s">
        <v>85</v>
      </c>
      <c r="P10294" t="s">
        <v>86</v>
      </c>
      <c r="Q10294">
        <v>95</v>
      </c>
      <c r="R10294">
        <v>96</v>
      </c>
      <c r="S10294">
        <v>98</v>
      </c>
      <c r="T10294">
        <v>99</v>
      </c>
      <c r="U10294">
        <v>100</v>
      </c>
      <c r="V10294">
        <v>101</v>
      </c>
      <c r="W10294">
        <v>102</v>
      </c>
      <c r="X10294">
        <v>104</v>
      </c>
      <c r="Y10294">
        <v>105</v>
      </c>
      <c r="Z10294">
        <v>106</v>
      </c>
      <c r="AA10294">
        <v>107</v>
      </c>
      <c r="AB10294">
        <v>108</v>
      </c>
      <c r="AC10294">
        <v>109</v>
      </c>
      <c r="AD10294">
        <v>110</v>
      </c>
      <c r="AE10294">
        <v>111</v>
      </c>
      <c r="AF10294">
        <v>112</v>
      </c>
      <c r="AG10294">
        <v>113</v>
      </c>
      <c r="AH10294">
        <v>114</v>
      </c>
      <c r="AI10294">
        <v>115</v>
      </c>
      <c r="AJ10294">
        <v>116</v>
      </c>
      <c r="AK10294">
        <v>117</v>
      </c>
      <c r="AL10294">
        <v>117</v>
      </c>
      <c r="AM10294">
        <v>117</v>
      </c>
      <c r="AN10294">
        <v>117</v>
      </c>
      <c r="AO10294">
        <v>117</v>
      </c>
      <c r="AP10294">
        <v>117</v>
      </c>
      <c r="AQ10294">
        <v>117</v>
      </c>
    </row>
    <row r="10295" spans="1:43">
      <c r="A10295" t="s">
        <v>6420</v>
      </c>
      <c r="B10295" t="s">
        <v>6421</v>
      </c>
      <c r="C10295" t="s">
        <v>6422</v>
      </c>
      <c r="D10295" t="s">
        <v>6423</v>
      </c>
      <c r="E10295" t="s">
        <v>6174</v>
      </c>
      <c r="F10295" t="s">
        <v>6175</v>
      </c>
      <c r="G10295" t="s">
        <v>80</v>
      </c>
      <c r="H10295" t="s">
        <v>81</v>
      </c>
      <c r="I10295" s="2">
        <v>0</v>
      </c>
      <c r="J10295" s="2">
        <v>1</v>
      </c>
      <c r="K10295" s="2">
        <v>0</v>
      </c>
      <c r="L10295" t="s">
        <v>82</v>
      </c>
      <c r="M10295" t="s">
        <v>87</v>
      </c>
      <c r="N10295" t="s">
        <v>88</v>
      </c>
      <c r="O10295" t="s">
        <v>85</v>
      </c>
      <c r="P10295" t="s">
        <v>86</v>
      </c>
      <c r="Q10295">
        <v>95</v>
      </c>
      <c r="R10295">
        <v>96</v>
      </c>
      <c r="S10295">
        <v>96</v>
      </c>
      <c r="T10295">
        <v>96</v>
      </c>
      <c r="U10295">
        <v>97</v>
      </c>
      <c r="V10295">
        <v>97</v>
      </c>
      <c r="W10295">
        <v>97</v>
      </c>
      <c r="X10295">
        <v>97</v>
      </c>
      <c r="Y10295">
        <v>98</v>
      </c>
      <c r="Z10295">
        <v>98</v>
      </c>
      <c r="AA10295">
        <v>98</v>
      </c>
      <c r="AB10295">
        <v>99</v>
      </c>
      <c r="AC10295">
        <v>99</v>
      </c>
      <c r="AD10295">
        <v>99</v>
      </c>
      <c r="AE10295">
        <v>99</v>
      </c>
      <c r="AF10295">
        <v>100</v>
      </c>
      <c r="AG10295">
        <v>100</v>
      </c>
      <c r="AH10295">
        <v>100</v>
      </c>
      <c r="AI10295">
        <v>100</v>
      </c>
      <c r="AJ10295">
        <v>100</v>
      </c>
      <c r="AK10295">
        <v>101</v>
      </c>
      <c r="AL10295">
        <v>101</v>
      </c>
      <c r="AM10295">
        <v>101</v>
      </c>
      <c r="AN10295">
        <v>101</v>
      </c>
      <c r="AO10295">
        <v>101</v>
      </c>
      <c r="AP10295">
        <v>102</v>
      </c>
      <c r="AQ10295">
        <v>102</v>
      </c>
    </row>
    <row r="10296" spans="1:43">
      <c r="A10296" t="s">
        <v>6420</v>
      </c>
      <c r="B10296" t="s">
        <v>6421</v>
      </c>
      <c r="C10296" t="s">
        <v>6422</v>
      </c>
      <c r="D10296" t="s">
        <v>6423</v>
      </c>
      <c r="E10296" t="s">
        <v>6174</v>
      </c>
      <c r="F10296" t="s">
        <v>6175</v>
      </c>
      <c r="G10296" t="s">
        <v>80</v>
      </c>
      <c r="H10296" t="s">
        <v>81</v>
      </c>
      <c r="I10296" s="2">
        <v>0</v>
      </c>
      <c r="J10296" s="2">
        <v>1</v>
      </c>
      <c r="K10296" s="2">
        <v>0</v>
      </c>
      <c r="L10296" t="s">
        <v>82</v>
      </c>
      <c r="M10296" t="s">
        <v>89</v>
      </c>
      <c r="N10296" t="s">
        <v>90</v>
      </c>
      <c r="O10296" t="s">
        <v>85</v>
      </c>
      <c r="P10296" t="s">
        <v>86</v>
      </c>
      <c r="Q10296">
        <v>95</v>
      </c>
      <c r="R10296">
        <v>97</v>
      </c>
      <c r="S10296">
        <v>99</v>
      </c>
      <c r="T10296">
        <v>101</v>
      </c>
      <c r="U10296">
        <v>103</v>
      </c>
      <c r="V10296">
        <v>105</v>
      </c>
      <c r="W10296">
        <v>107</v>
      </c>
      <c r="X10296">
        <v>108</v>
      </c>
      <c r="Y10296">
        <v>110</v>
      </c>
      <c r="Z10296">
        <v>111</v>
      </c>
      <c r="AA10296">
        <v>113</v>
      </c>
      <c r="AB10296">
        <v>114</v>
      </c>
      <c r="AC10296">
        <v>116</v>
      </c>
      <c r="AD10296">
        <v>117</v>
      </c>
      <c r="AE10296">
        <v>118</v>
      </c>
      <c r="AF10296">
        <v>118</v>
      </c>
      <c r="AG10296">
        <v>118</v>
      </c>
      <c r="AH10296">
        <v>118</v>
      </c>
      <c r="AI10296">
        <v>118</v>
      </c>
      <c r="AJ10296">
        <v>118</v>
      </c>
      <c r="AK10296">
        <v>118</v>
      </c>
      <c r="AL10296">
        <v>117</v>
      </c>
      <c r="AM10296">
        <v>117</v>
      </c>
      <c r="AN10296">
        <v>117</v>
      </c>
      <c r="AO10296">
        <v>117</v>
      </c>
      <c r="AP10296">
        <v>117</v>
      </c>
      <c r="AQ10296">
        <v>117</v>
      </c>
    </row>
    <row r="10297" spans="1:43">
      <c r="A10297" t="s">
        <v>6420</v>
      </c>
      <c r="B10297" t="s">
        <v>6421</v>
      </c>
      <c r="C10297" t="s">
        <v>6422</v>
      </c>
      <c r="D10297" t="s">
        <v>6423</v>
      </c>
      <c r="E10297" t="s">
        <v>6174</v>
      </c>
      <c r="F10297" t="s">
        <v>6175</v>
      </c>
      <c r="G10297" t="s">
        <v>80</v>
      </c>
      <c r="H10297" t="s">
        <v>81</v>
      </c>
      <c r="I10297" s="2">
        <v>0</v>
      </c>
      <c r="J10297" s="2">
        <v>1</v>
      </c>
      <c r="K10297" s="2">
        <v>0</v>
      </c>
      <c r="L10297" t="s">
        <v>82</v>
      </c>
      <c r="M10297" t="s">
        <v>83</v>
      </c>
      <c r="N10297" t="s">
        <v>91</v>
      </c>
      <c r="O10297" t="s">
        <v>85</v>
      </c>
      <c r="P10297" t="s">
        <v>86</v>
      </c>
      <c r="Q10297">
        <v>95</v>
      </c>
      <c r="R10297">
        <v>96</v>
      </c>
      <c r="S10297">
        <v>98</v>
      </c>
      <c r="T10297">
        <v>99</v>
      </c>
      <c r="U10297">
        <v>100</v>
      </c>
      <c r="V10297">
        <v>101</v>
      </c>
      <c r="W10297">
        <v>102</v>
      </c>
      <c r="X10297">
        <v>104</v>
      </c>
      <c r="Y10297">
        <v>105</v>
      </c>
      <c r="Z10297">
        <v>106</v>
      </c>
      <c r="AA10297">
        <v>107</v>
      </c>
      <c r="AB10297">
        <v>108</v>
      </c>
      <c r="AC10297">
        <v>109</v>
      </c>
      <c r="AD10297">
        <v>110</v>
      </c>
      <c r="AE10297">
        <v>111</v>
      </c>
      <c r="AF10297">
        <v>112</v>
      </c>
      <c r="AG10297">
        <v>113</v>
      </c>
      <c r="AH10297">
        <v>114</v>
      </c>
      <c r="AI10297">
        <v>115</v>
      </c>
      <c r="AJ10297">
        <v>116</v>
      </c>
      <c r="AK10297">
        <v>117</v>
      </c>
      <c r="AL10297">
        <v>117</v>
      </c>
      <c r="AM10297">
        <v>117</v>
      </c>
      <c r="AN10297">
        <v>117</v>
      </c>
      <c r="AO10297">
        <v>117</v>
      </c>
      <c r="AP10297">
        <v>117</v>
      </c>
      <c r="AQ10297">
        <v>117</v>
      </c>
    </row>
    <row r="10298" spans="1:43">
      <c r="A10298" t="s">
        <v>6424</v>
      </c>
      <c r="B10298" t="s">
        <v>6425</v>
      </c>
      <c r="C10298" t="s">
        <v>6422</v>
      </c>
      <c r="D10298" t="s">
        <v>6423</v>
      </c>
      <c r="E10298" t="s">
        <v>6174</v>
      </c>
      <c r="F10298" t="s">
        <v>6175</v>
      </c>
      <c r="G10298" t="s">
        <v>80</v>
      </c>
      <c r="H10298" t="s">
        <v>81</v>
      </c>
      <c r="I10298" s="2">
        <v>0</v>
      </c>
      <c r="J10298" s="2">
        <v>1</v>
      </c>
      <c r="K10298" s="2">
        <v>0</v>
      </c>
      <c r="L10298" t="s">
        <v>82</v>
      </c>
      <c r="M10298" t="s">
        <v>83</v>
      </c>
      <c r="N10298" t="s">
        <v>84</v>
      </c>
      <c r="O10298" t="s">
        <v>85</v>
      </c>
      <c r="P10298" t="s">
        <v>86</v>
      </c>
      <c r="Q10298">
        <v>40</v>
      </c>
      <c r="R10298">
        <v>41</v>
      </c>
      <c r="S10298">
        <v>41</v>
      </c>
      <c r="T10298">
        <v>42</v>
      </c>
      <c r="U10298">
        <v>42</v>
      </c>
      <c r="V10298">
        <v>42</v>
      </c>
      <c r="W10298">
        <v>43</v>
      </c>
      <c r="X10298">
        <v>43</v>
      </c>
      <c r="Y10298">
        <v>44</v>
      </c>
      <c r="Z10298">
        <v>44</v>
      </c>
      <c r="AA10298">
        <v>45</v>
      </c>
      <c r="AB10298">
        <v>45</v>
      </c>
      <c r="AC10298">
        <v>46</v>
      </c>
      <c r="AD10298">
        <v>46</v>
      </c>
      <c r="AE10298">
        <v>47</v>
      </c>
      <c r="AF10298">
        <v>47</v>
      </c>
      <c r="AG10298">
        <v>47</v>
      </c>
      <c r="AH10298">
        <v>48</v>
      </c>
      <c r="AI10298">
        <v>48</v>
      </c>
      <c r="AJ10298">
        <v>49</v>
      </c>
      <c r="AK10298">
        <v>49</v>
      </c>
      <c r="AL10298">
        <v>49</v>
      </c>
      <c r="AM10298">
        <v>49</v>
      </c>
      <c r="AN10298">
        <v>49</v>
      </c>
      <c r="AO10298">
        <v>49</v>
      </c>
      <c r="AP10298">
        <v>49</v>
      </c>
      <c r="AQ10298">
        <v>49</v>
      </c>
    </row>
    <row r="10299" spans="1:43">
      <c r="A10299" t="s">
        <v>6424</v>
      </c>
      <c r="B10299" t="s">
        <v>6425</v>
      </c>
      <c r="C10299" t="s">
        <v>6422</v>
      </c>
      <c r="D10299" t="s">
        <v>6423</v>
      </c>
      <c r="E10299" t="s">
        <v>6174</v>
      </c>
      <c r="F10299" t="s">
        <v>6175</v>
      </c>
      <c r="G10299" t="s">
        <v>80</v>
      </c>
      <c r="H10299" t="s">
        <v>81</v>
      </c>
      <c r="I10299" s="2">
        <v>0</v>
      </c>
      <c r="J10299" s="2">
        <v>1</v>
      </c>
      <c r="K10299" s="2">
        <v>0</v>
      </c>
      <c r="L10299" t="s">
        <v>82</v>
      </c>
      <c r="M10299" t="s">
        <v>87</v>
      </c>
      <c r="N10299" t="s">
        <v>88</v>
      </c>
      <c r="O10299" t="s">
        <v>85</v>
      </c>
      <c r="P10299" t="s">
        <v>86</v>
      </c>
      <c r="Q10299">
        <v>40</v>
      </c>
      <c r="R10299">
        <v>40</v>
      </c>
      <c r="S10299">
        <v>40</v>
      </c>
      <c r="T10299">
        <v>40</v>
      </c>
      <c r="U10299">
        <v>40</v>
      </c>
      <c r="V10299">
        <v>40</v>
      </c>
      <c r="W10299">
        <v>40</v>
      </c>
      <c r="X10299">
        <v>41</v>
      </c>
      <c r="Y10299">
        <v>41</v>
      </c>
      <c r="Z10299">
        <v>41</v>
      </c>
      <c r="AA10299">
        <v>41</v>
      </c>
      <c r="AB10299">
        <v>41</v>
      </c>
      <c r="AC10299">
        <v>41</v>
      </c>
      <c r="AD10299">
        <v>41</v>
      </c>
      <c r="AE10299">
        <v>41</v>
      </c>
      <c r="AF10299">
        <v>41</v>
      </c>
      <c r="AG10299">
        <v>41</v>
      </c>
      <c r="AH10299">
        <v>42</v>
      </c>
      <c r="AI10299">
        <v>42</v>
      </c>
      <c r="AJ10299">
        <v>42</v>
      </c>
      <c r="AK10299">
        <v>42</v>
      </c>
      <c r="AL10299">
        <v>42</v>
      </c>
      <c r="AM10299">
        <v>42</v>
      </c>
      <c r="AN10299">
        <v>42</v>
      </c>
      <c r="AO10299">
        <v>42</v>
      </c>
      <c r="AP10299">
        <v>42</v>
      </c>
      <c r="AQ10299">
        <v>42</v>
      </c>
    </row>
    <row r="10300" spans="1:43">
      <c r="A10300" t="s">
        <v>6424</v>
      </c>
      <c r="B10300" t="s">
        <v>6425</v>
      </c>
      <c r="C10300" t="s">
        <v>6422</v>
      </c>
      <c r="D10300" t="s">
        <v>6423</v>
      </c>
      <c r="E10300" t="s">
        <v>6174</v>
      </c>
      <c r="F10300" t="s">
        <v>6175</v>
      </c>
      <c r="G10300" t="s">
        <v>80</v>
      </c>
      <c r="H10300" t="s">
        <v>81</v>
      </c>
      <c r="I10300" s="2">
        <v>0</v>
      </c>
      <c r="J10300" s="2">
        <v>1</v>
      </c>
      <c r="K10300" s="2">
        <v>0</v>
      </c>
      <c r="L10300" t="s">
        <v>82</v>
      </c>
      <c r="M10300" t="s">
        <v>89</v>
      </c>
      <c r="N10300" t="s">
        <v>90</v>
      </c>
      <c r="O10300" t="s">
        <v>85</v>
      </c>
      <c r="P10300" t="s">
        <v>86</v>
      </c>
      <c r="Q10300">
        <v>40</v>
      </c>
      <c r="R10300">
        <v>41</v>
      </c>
      <c r="S10300">
        <v>42</v>
      </c>
      <c r="T10300">
        <v>43</v>
      </c>
      <c r="U10300">
        <v>44</v>
      </c>
      <c r="V10300">
        <v>44</v>
      </c>
      <c r="W10300">
        <v>45</v>
      </c>
      <c r="X10300">
        <v>46</v>
      </c>
      <c r="Y10300">
        <v>47</v>
      </c>
      <c r="Z10300">
        <v>47</v>
      </c>
      <c r="AA10300">
        <v>48</v>
      </c>
      <c r="AB10300">
        <v>48</v>
      </c>
      <c r="AC10300">
        <v>49</v>
      </c>
      <c r="AD10300">
        <v>50</v>
      </c>
      <c r="AE10300">
        <v>50</v>
      </c>
      <c r="AF10300">
        <v>50</v>
      </c>
      <c r="AG10300">
        <v>50</v>
      </c>
      <c r="AH10300">
        <v>50</v>
      </c>
      <c r="AI10300">
        <v>50</v>
      </c>
      <c r="AJ10300">
        <v>50</v>
      </c>
      <c r="AK10300">
        <v>50</v>
      </c>
      <c r="AL10300">
        <v>50</v>
      </c>
      <c r="AM10300">
        <v>50</v>
      </c>
      <c r="AN10300">
        <v>50</v>
      </c>
      <c r="AO10300">
        <v>50</v>
      </c>
      <c r="AP10300">
        <v>49</v>
      </c>
      <c r="AQ10300">
        <v>49</v>
      </c>
    </row>
    <row r="10301" spans="1:43">
      <c r="A10301" t="s">
        <v>6424</v>
      </c>
      <c r="B10301" t="s">
        <v>6425</v>
      </c>
      <c r="C10301" t="s">
        <v>6422</v>
      </c>
      <c r="D10301" t="s">
        <v>6423</v>
      </c>
      <c r="E10301" t="s">
        <v>6174</v>
      </c>
      <c r="F10301" t="s">
        <v>6175</v>
      </c>
      <c r="G10301" t="s">
        <v>80</v>
      </c>
      <c r="H10301" t="s">
        <v>81</v>
      </c>
      <c r="I10301" s="2">
        <v>0</v>
      </c>
      <c r="J10301" s="2">
        <v>1</v>
      </c>
      <c r="K10301" s="2">
        <v>0</v>
      </c>
      <c r="L10301" t="s">
        <v>82</v>
      </c>
      <c r="M10301" t="s">
        <v>83</v>
      </c>
      <c r="N10301" t="s">
        <v>91</v>
      </c>
      <c r="O10301" t="s">
        <v>85</v>
      </c>
      <c r="P10301" t="s">
        <v>86</v>
      </c>
      <c r="Q10301">
        <v>40</v>
      </c>
      <c r="R10301">
        <v>41</v>
      </c>
      <c r="S10301">
        <v>41</v>
      </c>
      <c r="T10301">
        <v>42</v>
      </c>
      <c r="U10301">
        <v>42</v>
      </c>
      <c r="V10301">
        <v>42</v>
      </c>
      <c r="W10301">
        <v>43</v>
      </c>
      <c r="X10301">
        <v>43</v>
      </c>
      <c r="Y10301">
        <v>44</v>
      </c>
      <c r="Z10301">
        <v>44</v>
      </c>
      <c r="AA10301">
        <v>45</v>
      </c>
      <c r="AB10301">
        <v>45</v>
      </c>
      <c r="AC10301">
        <v>46</v>
      </c>
      <c r="AD10301">
        <v>46</v>
      </c>
      <c r="AE10301">
        <v>47</v>
      </c>
      <c r="AF10301">
        <v>47</v>
      </c>
      <c r="AG10301">
        <v>47</v>
      </c>
      <c r="AH10301">
        <v>48</v>
      </c>
      <c r="AI10301">
        <v>48</v>
      </c>
      <c r="AJ10301">
        <v>49</v>
      </c>
      <c r="AK10301">
        <v>49</v>
      </c>
      <c r="AL10301">
        <v>49</v>
      </c>
      <c r="AM10301">
        <v>49</v>
      </c>
      <c r="AN10301">
        <v>49</v>
      </c>
      <c r="AO10301">
        <v>49</v>
      </c>
      <c r="AP10301">
        <v>49</v>
      </c>
      <c r="AQ10301">
        <v>49</v>
      </c>
    </row>
    <row r="10302" spans="1:43">
      <c r="A10302" t="s">
        <v>6426</v>
      </c>
      <c r="B10302" t="s">
        <v>6427</v>
      </c>
      <c r="C10302" t="s">
        <v>6428</v>
      </c>
      <c r="D10302" t="s">
        <v>6429</v>
      </c>
      <c r="E10302" t="s">
        <v>6174</v>
      </c>
      <c r="F10302" t="s">
        <v>6175</v>
      </c>
      <c r="G10302" t="s">
        <v>80</v>
      </c>
      <c r="H10302" t="s">
        <v>81</v>
      </c>
      <c r="I10302" s="2">
        <v>0</v>
      </c>
      <c r="J10302" s="2">
        <v>1</v>
      </c>
      <c r="K10302" s="2">
        <v>0</v>
      </c>
      <c r="L10302" t="s">
        <v>82</v>
      </c>
      <c r="M10302" t="s">
        <v>83</v>
      </c>
      <c r="N10302" t="s">
        <v>84</v>
      </c>
      <c r="O10302" t="s">
        <v>85</v>
      </c>
      <c r="P10302" t="s">
        <v>86</v>
      </c>
      <c r="Q10302">
        <v>57</v>
      </c>
      <c r="R10302">
        <v>58</v>
      </c>
      <c r="S10302">
        <v>59</v>
      </c>
      <c r="T10302">
        <v>60</v>
      </c>
      <c r="U10302">
        <v>60</v>
      </c>
      <c r="V10302">
        <v>61</v>
      </c>
      <c r="W10302">
        <v>62</v>
      </c>
      <c r="X10302">
        <v>62</v>
      </c>
      <c r="Y10302">
        <v>63</v>
      </c>
      <c r="Z10302">
        <v>64</v>
      </c>
      <c r="AA10302">
        <v>64</v>
      </c>
      <c r="AB10302">
        <v>65</v>
      </c>
      <c r="AC10302">
        <v>65</v>
      </c>
      <c r="AD10302">
        <v>66</v>
      </c>
      <c r="AE10302">
        <v>67</v>
      </c>
      <c r="AF10302">
        <v>67</v>
      </c>
      <c r="AG10302">
        <v>68</v>
      </c>
      <c r="AH10302">
        <v>68</v>
      </c>
      <c r="AI10302">
        <v>69</v>
      </c>
      <c r="AJ10302">
        <v>69</v>
      </c>
      <c r="AK10302">
        <v>70</v>
      </c>
      <c r="AL10302">
        <v>70</v>
      </c>
      <c r="AM10302">
        <v>70</v>
      </c>
      <c r="AN10302">
        <v>70</v>
      </c>
      <c r="AO10302">
        <v>70</v>
      </c>
      <c r="AP10302">
        <v>69</v>
      </c>
      <c r="AQ10302">
        <v>69</v>
      </c>
    </row>
    <row r="10303" spans="1:43">
      <c r="A10303" t="s">
        <v>6426</v>
      </c>
      <c r="B10303" t="s">
        <v>6427</v>
      </c>
      <c r="C10303" t="s">
        <v>6428</v>
      </c>
      <c r="D10303" t="s">
        <v>6429</v>
      </c>
      <c r="E10303" t="s">
        <v>6174</v>
      </c>
      <c r="F10303" t="s">
        <v>6175</v>
      </c>
      <c r="G10303" t="s">
        <v>80</v>
      </c>
      <c r="H10303" t="s">
        <v>81</v>
      </c>
      <c r="I10303" s="2">
        <v>0</v>
      </c>
      <c r="J10303" s="2">
        <v>1</v>
      </c>
      <c r="K10303" s="2">
        <v>0</v>
      </c>
      <c r="L10303" t="s">
        <v>82</v>
      </c>
      <c r="M10303" t="s">
        <v>87</v>
      </c>
      <c r="N10303" t="s">
        <v>88</v>
      </c>
      <c r="O10303" t="s">
        <v>85</v>
      </c>
      <c r="P10303" t="s">
        <v>86</v>
      </c>
      <c r="Q10303">
        <v>57</v>
      </c>
      <c r="R10303">
        <v>57</v>
      </c>
      <c r="S10303">
        <v>57</v>
      </c>
      <c r="T10303">
        <v>57</v>
      </c>
      <c r="U10303">
        <v>58</v>
      </c>
      <c r="V10303">
        <v>58</v>
      </c>
      <c r="W10303">
        <v>58</v>
      </c>
      <c r="X10303">
        <v>58</v>
      </c>
      <c r="Y10303">
        <v>58</v>
      </c>
      <c r="Z10303">
        <v>58</v>
      </c>
      <c r="AA10303">
        <v>58</v>
      </c>
      <c r="AB10303">
        <v>59</v>
      </c>
      <c r="AC10303">
        <v>59</v>
      </c>
      <c r="AD10303">
        <v>59</v>
      </c>
      <c r="AE10303">
        <v>59</v>
      </c>
      <c r="AF10303">
        <v>59</v>
      </c>
      <c r="AG10303">
        <v>59</v>
      </c>
      <c r="AH10303">
        <v>59</v>
      </c>
      <c r="AI10303">
        <v>59</v>
      </c>
      <c r="AJ10303">
        <v>59</v>
      </c>
      <c r="AK10303">
        <v>60</v>
      </c>
      <c r="AL10303">
        <v>60</v>
      </c>
      <c r="AM10303">
        <v>60</v>
      </c>
      <c r="AN10303">
        <v>60</v>
      </c>
      <c r="AO10303">
        <v>60</v>
      </c>
      <c r="AP10303">
        <v>60</v>
      </c>
      <c r="AQ10303">
        <v>60</v>
      </c>
    </row>
    <row r="10304" spans="1:43">
      <c r="A10304" t="s">
        <v>6426</v>
      </c>
      <c r="B10304" t="s">
        <v>6427</v>
      </c>
      <c r="C10304" t="s">
        <v>6428</v>
      </c>
      <c r="D10304" t="s">
        <v>6429</v>
      </c>
      <c r="E10304" t="s">
        <v>6174</v>
      </c>
      <c r="F10304" t="s">
        <v>6175</v>
      </c>
      <c r="G10304" t="s">
        <v>80</v>
      </c>
      <c r="H10304" t="s">
        <v>81</v>
      </c>
      <c r="I10304" s="2">
        <v>0</v>
      </c>
      <c r="J10304" s="2">
        <v>1</v>
      </c>
      <c r="K10304" s="2">
        <v>0</v>
      </c>
      <c r="L10304" t="s">
        <v>82</v>
      </c>
      <c r="M10304" t="s">
        <v>89</v>
      </c>
      <c r="N10304" t="s">
        <v>90</v>
      </c>
      <c r="O10304" t="s">
        <v>85</v>
      </c>
      <c r="P10304" t="s">
        <v>86</v>
      </c>
      <c r="Q10304">
        <v>57</v>
      </c>
      <c r="R10304">
        <v>58</v>
      </c>
      <c r="S10304">
        <v>59</v>
      </c>
      <c r="T10304">
        <v>61</v>
      </c>
      <c r="U10304">
        <v>62</v>
      </c>
      <c r="V10304">
        <v>63</v>
      </c>
      <c r="W10304">
        <v>64</v>
      </c>
      <c r="X10304">
        <v>65</v>
      </c>
      <c r="Y10304">
        <v>66</v>
      </c>
      <c r="Z10304">
        <v>66</v>
      </c>
      <c r="AA10304">
        <v>67</v>
      </c>
      <c r="AB10304">
        <v>68</v>
      </c>
      <c r="AC10304">
        <v>69</v>
      </c>
      <c r="AD10304">
        <v>70</v>
      </c>
      <c r="AE10304">
        <v>70</v>
      </c>
      <c r="AF10304">
        <v>70</v>
      </c>
      <c r="AG10304">
        <v>70</v>
      </c>
      <c r="AH10304">
        <v>70</v>
      </c>
      <c r="AI10304">
        <v>70</v>
      </c>
      <c r="AJ10304">
        <v>70</v>
      </c>
      <c r="AK10304">
        <v>70</v>
      </c>
      <c r="AL10304">
        <v>69</v>
      </c>
      <c r="AM10304">
        <v>69</v>
      </c>
      <c r="AN10304">
        <v>69</v>
      </c>
      <c r="AO10304">
        <v>69</v>
      </c>
      <c r="AP10304">
        <v>69</v>
      </c>
      <c r="AQ10304">
        <v>69</v>
      </c>
    </row>
    <row r="10305" spans="1:43">
      <c r="A10305" t="s">
        <v>6426</v>
      </c>
      <c r="B10305" t="s">
        <v>6427</v>
      </c>
      <c r="C10305" t="s">
        <v>6428</v>
      </c>
      <c r="D10305" t="s">
        <v>6429</v>
      </c>
      <c r="E10305" t="s">
        <v>6174</v>
      </c>
      <c r="F10305" t="s">
        <v>6175</v>
      </c>
      <c r="G10305" t="s">
        <v>80</v>
      </c>
      <c r="H10305" t="s">
        <v>81</v>
      </c>
      <c r="I10305" s="2">
        <v>0</v>
      </c>
      <c r="J10305" s="2">
        <v>1</v>
      </c>
      <c r="K10305" s="2">
        <v>0</v>
      </c>
      <c r="L10305" t="s">
        <v>82</v>
      </c>
      <c r="M10305" t="s">
        <v>83</v>
      </c>
      <c r="N10305" t="s">
        <v>91</v>
      </c>
      <c r="O10305" t="s">
        <v>85</v>
      </c>
      <c r="P10305" t="s">
        <v>86</v>
      </c>
      <c r="Q10305">
        <v>57</v>
      </c>
      <c r="R10305">
        <v>58</v>
      </c>
      <c r="S10305">
        <v>59</v>
      </c>
      <c r="T10305">
        <v>60</v>
      </c>
      <c r="U10305">
        <v>60</v>
      </c>
      <c r="V10305">
        <v>61</v>
      </c>
      <c r="W10305">
        <v>62</v>
      </c>
      <c r="X10305">
        <v>62</v>
      </c>
      <c r="Y10305">
        <v>63</v>
      </c>
      <c r="Z10305">
        <v>64</v>
      </c>
      <c r="AA10305">
        <v>64</v>
      </c>
      <c r="AB10305">
        <v>65</v>
      </c>
      <c r="AC10305">
        <v>65</v>
      </c>
      <c r="AD10305">
        <v>66</v>
      </c>
      <c r="AE10305">
        <v>67</v>
      </c>
      <c r="AF10305">
        <v>67</v>
      </c>
      <c r="AG10305">
        <v>68</v>
      </c>
      <c r="AH10305">
        <v>68</v>
      </c>
      <c r="AI10305">
        <v>69</v>
      </c>
      <c r="AJ10305">
        <v>69</v>
      </c>
      <c r="AK10305">
        <v>70</v>
      </c>
      <c r="AL10305">
        <v>70</v>
      </c>
      <c r="AM10305">
        <v>70</v>
      </c>
      <c r="AN10305">
        <v>70</v>
      </c>
      <c r="AO10305">
        <v>70</v>
      </c>
      <c r="AP10305">
        <v>69</v>
      </c>
      <c r="AQ10305">
        <v>69</v>
      </c>
    </row>
    <row r="10306" spans="1:43">
      <c r="A10306" t="s">
        <v>6430</v>
      </c>
      <c r="B10306" t="s">
        <v>6431</v>
      </c>
      <c r="C10306" t="s">
        <v>6432</v>
      </c>
      <c r="D10306" t="s">
        <v>6433</v>
      </c>
      <c r="E10306" t="s">
        <v>6174</v>
      </c>
      <c r="F10306" t="s">
        <v>6175</v>
      </c>
      <c r="G10306" t="s">
        <v>80</v>
      </c>
      <c r="H10306" t="s">
        <v>81</v>
      </c>
      <c r="I10306" s="2">
        <v>0</v>
      </c>
      <c r="J10306" s="2">
        <v>1</v>
      </c>
      <c r="K10306" s="2">
        <v>0</v>
      </c>
      <c r="L10306" t="s">
        <v>82</v>
      </c>
      <c r="M10306" t="s">
        <v>83</v>
      </c>
      <c r="N10306" t="s">
        <v>84</v>
      </c>
      <c r="O10306" t="s">
        <v>85</v>
      </c>
      <c r="P10306" t="s">
        <v>86</v>
      </c>
      <c r="Q10306">
        <v>31</v>
      </c>
      <c r="R10306">
        <v>32</v>
      </c>
      <c r="S10306">
        <v>32</v>
      </c>
      <c r="T10306">
        <v>32</v>
      </c>
      <c r="U10306">
        <v>33</v>
      </c>
      <c r="V10306">
        <v>33</v>
      </c>
      <c r="W10306">
        <v>34</v>
      </c>
      <c r="X10306">
        <v>34</v>
      </c>
      <c r="Y10306">
        <v>34</v>
      </c>
      <c r="Z10306">
        <v>35</v>
      </c>
      <c r="AA10306">
        <v>35</v>
      </c>
      <c r="AB10306">
        <v>36</v>
      </c>
      <c r="AC10306">
        <v>36</v>
      </c>
      <c r="AD10306">
        <v>36</v>
      </c>
      <c r="AE10306">
        <v>37</v>
      </c>
      <c r="AF10306">
        <v>37</v>
      </c>
      <c r="AG10306">
        <v>37</v>
      </c>
      <c r="AH10306">
        <v>38</v>
      </c>
      <c r="AI10306">
        <v>38</v>
      </c>
      <c r="AJ10306">
        <v>38</v>
      </c>
      <c r="AK10306">
        <v>39</v>
      </c>
      <c r="AL10306">
        <v>39</v>
      </c>
      <c r="AM10306">
        <v>39</v>
      </c>
      <c r="AN10306">
        <v>39</v>
      </c>
      <c r="AO10306">
        <v>39</v>
      </c>
      <c r="AP10306">
        <v>39</v>
      </c>
      <c r="AQ10306">
        <v>39</v>
      </c>
    </row>
    <row r="10307" spans="1:43">
      <c r="A10307" t="s">
        <v>6430</v>
      </c>
      <c r="B10307" t="s">
        <v>6431</v>
      </c>
      <c r="C10307" t="s">
        <v>6432</v>
      </c>
      <c r="D10307" t="s">
        <v>6433</v>
      </c>
      <c r="E10307" t="s">
        <v>6174</v>
      </c>
      <c r="F10307" t="s">
        <v>6175</v>
      </c>
      <c r="G10307" t="s">
        <v>80</v>
      </c>
      <c r="H10307" t="s">
        <v>81</v>
      </c>
      <c r="I10307" s="2">
        <v>0</v>
      </c>
      <c r="J10307" s="2">
        <v>1</v>
      </c>
      <c r="K10307" s="2">
        <v>0</v>
      </c>
      <c r="L10307" t="s">
        <v>82</v>
      </c>
      <c r="M10307" t="s">
        <v>87</v>
      </c>
      <c r="N10307" t="s">
        <v>88</v>
      </c>
      <c r="O10307" t="s">
        <v>85</v>
      </c>
      <c r="P10307" t="s">
        <v>86</v>
      </c>
      <c r="Q10307">
        <v>31</v>
      </c>
      <c r="R10307">
        <v>31</v>
      </c>
      <c r="S10307">
        <v>31</v>
      </c>
      <c r="T10307">
        <v>31</v>
      </c>
      <c r="U10307">
        <v>31</v>
      </c>
      <c r="V10307">
        <v>32</v>
      </c>
      <c r="W10307">
        <v>32</v>
      </c>
      <c r="X10307">
        <v>32</v>
      </c>
      <c r="Y10307">
        <v>32</v>
      </c>
      <c r="Z10307">
        <v>32</v>
      </c>
      <c r="AA10307">
        <v>32</v>
      </c>
      <c r="AB10307">
        <v>32</v>
      </c>
      <c r="AC10307">
        <v>32</v>
      </c>
      <c r="AD10307">
        <v>32</v>
      </c>
      <c r="AE10307">
        <v>33</v>
      </c>
      <c r="AF10307">
        <v>33</v>
      </c>
      <c r="AG10307">
        <v>33</v>
      </c>
      <c r="AH10307">
        <v>33</v>
      </c>
      <c r="AI10307">
        <v>33</v>
      </c>
      <c r="AJ10307">
        <v>33</v>
      </c>
      <c r="AK10307">
        <v>33</v>
      </c>
      <c r="AL10307">
        <v>33</v>
      </c>
      <c r="AM10307">
        <v>33</v>
      </c>
      <c r="AN10307">
        <v>33</v>
      </c>
      <c r="AO10307">
        <v>34</v>
      </c>
      <c r="AP10307">
        <v>34</v>
      </c>
      <c r="AQ10307">
        <v>34</v>
      </c>
    </row>
    <row r="10308" spans="1:43">
      <c r="A10308" t="s">
        <v>6430</v>
      </c>
      <c r="B10308" t="s">
        <v>6431</v>
      </c>
      <c r="C10308" t="s">
        <v>6432</v>
      </c>
      <c r="D10308" t="s">
        <v>6433</v>
      </c>
      <c r="E10308" t="s">
        <v>6174</v>
      </c>
      <c r="F10308" t="s">
        <v>6175</v>
      </c>
      <c r="G10308" t="s">
        <v>80</v>
      </c>
      <c r="H10308" t="s">
        <v>81</v>
      </c>
      <c r="I10308" s="2">
        <v>0</v>
      </c>
      <c r="J10308" s="2">
        <v>1</v>
      </c>
      <c r="K10308" s="2">
        <v>0</v>
      </c>
      <c r="L10308" t="s">
        <v>82</v>
      </c>
      <c r="M10308" t="s">
        <v>89</v>
      </c>
      <c r="N10308" t="s">
        <v>90</v>
      </c>
      <c r="O10308" t="s">
        <v>85</v>
      </c>
      <c r="P10308" t="s">
        <v>86</v>
      </c>
      <c r="Q10308">
        <v>31</v>
      </c>
      <c r="R10308">
        <v>32</v>
      </c>
      <c r="S10308">
        <v>33</v>
      </c>
      <c r="T10308">
        <v>33</v>
      </c>
      <c r="U10308">
        <v>34</v>
      </c>
      <c r="V10308">
        <v>35</v>
      </c>
      <c r="W10308">
        <v>35</v>
      </c>
      <c r="X10308">
        <v>36</v>
      </c>
      <c r="Y10308">
        <v>36</v>
      </c>
      <c r="Z10308">
        <v>37</v>
      </c>
      <c r="AA10308">
        <v>37</v>
      </c>
      <c r="AB10308">
        <v>38</v>
      </c>
      <c r="AC10308">
        <v>38</v>
      </c>
      <c r="AD10308">
        <v>39</v>
      </c>
      <c r="AE10308">
        <v>39</v>
      </c>
      <c r="AF10308">
        <v>39</v>
      </c>
      <c r="AG10308">
        <v>39</v>
      </c>
      <c r="AH10308">
        <v>39</v>
      </c>
      <c r="AI10308">
        <v>39</v>
      </c>
      <c r="AJ10308">
        <v>39</v>
      </c>
      <c r="AK10308">
        <v>39</v>
      </c>
      <c r="AL10308">
        <v>39</v>
      </c>
      <c r="AM10308">
        <v>39</v>
      </c>
      <c r="AN10308">
        <v>39</v>
      </c>
      <c r="AO10308">
        <v>39</v>
      </c>
      <c r="AP10308">
        <v>39</v>
      </c>
      <c r="AQ10308">
        <v>39</v>
      </c>
    </row>
    <row r="10309" spans="1:43">
      <c r="A10309" t="s">
        <v>6430</v>
      </c>
      <c r="B10309" t="s">
        <v>6431</v>
      </c>
      <c r="C10309" t="s">
        <v>6432</v>
      </c>
      <c r="D10309" t="s">
        <v>6433</v>
      </c>
      <c r="E10309" t="s">
        <v>6174</v>
      </c>
      <c r="F10309" t="s">
        <v>6175</v>
      </c>
      <c r="G10309" t="s">
        <v>80</v>
      </c>
      <c r="H10309" t="s">
        <v>81</v>
      </c>
      <c r="I10309" s="2">
        <v>0</v>
      </c>
      <c r="J10309" s="2">
        <v>1</v>
      </c>
      <c r="K10309" s="2">
        <v>0</v>
      </c>
      <c r="L10309" t="s">
        <v>82</v>
      </c>
      <c r="M10309" t="s">
        <v>83</v>
      </c>
      <c r="N10309" t="s">
        <v>91</v>
      </c>
      <c r="O10309" t="s">
        <v>85</v>
      </c>
      <c r="P10309" t="s">
        <v>86</v>
      </c>
      <c r="Q10309">
        <v>31</v>
      </c>
      <c r="R10309">
        <v>32</v>
      </c>
      <c r="S10309">
        <v>32</v>
      </c>
      <c r="T10309">
        <v>32</v>
      </c>
      <c r="U10309">
        <v>33</v>
      </c>
      <c r="V10309">
        <v>33</v>
      </c>
      <c r="W10309">
        <v>34</v>
      </c>
      <c r="X10309">
        <v>34</v>
      </c>
      <c r="Y10309">
        <v>34</v>
      </c>
      <c r="Z10309">
        <v>35</v>
      </c>
      <c r="AA10309">
        <v>35</v>
      </c>
      <c r="AB10309">
        <v>36</v>
      </c>
      <c r="AC10309">
        <v>36</v>
      </c>
      <c r="AD10309">
        <v>36</v>
      </c>
      <c r="AE10309">
        <v>37</v>
      </c>
      <c r="AF10309">
        <v>37</v>
      </c>
      <c r="AG10309">
        <v>37</v>
      </c>
      <c r="AH10309">
        <v>38</v>
      </c>
      <c r="AI10309">
        <v>38</v>
      </c>
      <c r="AJ10309">
        <v>38</v>
      </c>
      <c r="AK10309">
        <v>39</v>
      </c>
      <c r="AL10309">
        <v>39</v>
      </c>
      <c r="AM10309">
        <v>39</v>
      </c>
      <c r="AN10309">
        <v>39</v>
      </c>
      <c r="AO10309">
        <v>39</v>
      </c>
      <c r="AP10309">
        <v>39</v>
      </c>
      <c r="AQ10309">
        <v>39</v>
      </c>
    </row>
    <row r="10310" spans="1:43">
      <c r="A10310" t="s">
        <v>6434</v>
      </c>
      <c r="B10310" t="s">
        <v>6435</v>
      </c>
      <c r="C10310" t="s">
        <v>6432</v>
      </c>
      <c r="D10310" t="s">
        <v>6433</v>
      </c>
      <c r="E10310" t="s">
        <v>6174</v>
      </c>
      <c r="F10310" t="s">
        <v>6175</v>
      </c>
      <c r="G10310" t="s">
        <v>80</v>
      </c>
      <c r="H10310" t="s">
        <v>81</v>
      </c>
      <c r="I10310" s="2">
        <v>0</v>
      </c>
      <c r="J10310" s="2">
        <v>1</v>
      </c>
      <c r="K10310" s="2">
        <v>0</v>
      </c>
      <c r="L10310" t="s">
        <v>82</v>
      </c>
      <c r="M10310" t="s">
        <v>83</v>
      </c>
      <c r="N10310" t="s">
        <v>84</v>
      </c>
      <c r="O10310" t="s">
        <v>85</v>
      </c>
      <c r="P10310" t="s">
        <v>86</v>
      </c>
      <c r="Q10310">
        <v>25</v>
      </c>
      <c r="R10310">
        <v>26</v>
      </c>
      <c r="S10310">
        <v>26</v>
      </c>
      <c r="T10310">
        <v>26</v>
      </c>
      <c r="U10310">
        <v>27</v>
      </c>
      <c r="V10310">
        <v>27</v>
      </c>
      <c r="W10310">
        <v>27</v>
      </c>
      <c r="X10310">
        <v>28</v>
      </c>
      <c r="Y10310">
        <v>28</v>
      </c>
      <c r="Z10310">
        <v>28</v>
      </c>
      <c r="AA10310">
        <v>29</v>
      </c>
      <c r="AB10310">
        <v>29</v>
      </c>
      <c r="AC10310">
        <v>29</v>
      </c>
      <c r="AD10310">
        <v>30</v>
      </c>
      <c r="AE10310">
        <v>30</v>
      </c>
      <c r="AF10310">
        <v>30</v>
      </c>
      <c r="AG10310">
        <v>30</v>
      </c>
      <c r="AH10310">
        <v>31</v>
      </c>
      <c r="AI10310">
        <v>31</v>
      </c>
      <c r="AJ10310">
        <v>31</v>
      </c>
      <c r="AK10310">
        <v>32</v>
      </c>
      <c r="AL10310">
        <v>32</v>
      </c>
      <c r="AM10310">
        <v>32</v>
      </c>
      <c r="AN10310">
        <v>32</v>
      </c>
      <c r="AO10310">
        <v>32</v>
      </c>
      <c r="AP10310">
        <v>32</v>
      </c>
      <c r="AQ10310">
        <v>32</v>
      </c>
    </row>
    <row r="10311" spans="1:43">
      <c r="A10311" t="s">
        <v>6434</v>
      </c>
      <c r="B10311" t="s">
        <v>6435</v>
      </c>
      <c r="C10311" t="s">
        <v>6432</v>
      </c>
      <c r="D10311" t="s">
        <v>6433</v>
      </c>
      <c r="E10311" t="s">
        <v>6174</v>
      </c>
      <c r="F10311" t="s">
        <v>6175</v>
      </c>
      <c r="G10311" t="s">
        <v>80</v>
      </c>
      <c r="H10311" t="s">
        <v>81</v>
      </c>
      <c r="I10311" s="2">
        <v>0</v>
      </c>
      <c r="J10311" s="2">
        <v>1</v>
      </c>
      <c r="K10311" s="2">
        <v>0</v>
      </c>
      <c r="L10311" t="s">
        <v>82</v>
      </c>
      <c r="M10311" t="s">
        <v>87</v>
      </c>
      <c r="N10311" t="s">
        <v>88</v>
      </c>
      <c r="O10311" t="s">
        <v>85</v>
      </c>
      <c r="P10311" t="s">
        <v>86</v>
      </c>
      <c r="Q10311">
        <v>25</v>
      </c>
      <c r="R10311">
        <v>25</v>
      </c>
      <c r="S10311">
        <v>25</v>
      </c>
      <c r="T10311">
        <v>26</v>
      </c>
      <c r="U10311">
        <v>26</v>
      </c>
      <c r="V10311">
        <v>26</v>
      </c>
      <c r="W10311">
        <v>26</v>
      </c>
      <c r="X10311">
        <v>26</v>
      </c>
      <c r="Y10311">
        <v>26</v>
      </c>
      <c r="Z10311">
        <v>26</v>
      </c>
      <c r="AA10311">
        <v>26</v>
      </c>
      <c r="AB10311">
        <v>26</v>
      </c>
      <c r="AC10311">
        <v>26</v>
      </c>
      <c r="AD10311">
        <v>26</v>
      </c>
      <c r="AE10311">
        <v>27</v>
      </c>
      <c r="AF10311">
        <v>27</v>
      </c>
      <c r="AG10311">
        <v>27</v>
      </c>
      <c r="AH10311">
        <v>27</v>
      </c>
      <c r="AI10311">
        <v>27</v>
      </c>
      <c r="AJ10311">
        <v>27</v>
      </c>
      <c r="AK10311">
        <v>27</v>
      </c>
      <c r="AL10311">
        <v>27</v>
      </c>
      <c r="AM10311">
        <v>27</v>
      </c>
      <c r="AN10311">
        <v>27</v>
      </c>
      <c r="AO10311">
        <v>27</v>
      </c>
      <c r="AP10311">
        <v>27</v>
      </c>
      <c r="AQ10311">
        <v>27</v>
      </c>
    </row>
    <row r="10312" spans="1:43">
      <c r="A10312" t="s">
        <v>6434</v>
      </c>
      <c r="B10312" t="s">
        <v>6435</v>
      </c>
      <c r="C10312" t="s">
        <v>6432</v>
      </c>
      <c r="D10312" t="s">
        <v>6433</v>
      </c>
      <c r="E10312" t="s">
        <v>6174</v>
      </c>
      <c r="F10312" t="s">
        <v>6175</v>
      </c>
      <c r="G10312" t="s">
        <v>80</v>
      </c>
      <c r="H10312" t="s">
        <v>81</v>
      </c>
      <c r="I10312" s="2">
        <v>0</v>
      </c>
      <c r="J10312" s="2">
        <v>1</v>
      </c>
      <c r="K10312" s="2">
        <v>0</v>
      </c>
      <c r="L10312" t="s">
        <v>82</v>
      </c>
      <c r="M10312" t="s">
        <v>89</v>
      </c>
      <c r="N10312" t="s">
        <v>90</v>
      </c>
      <c r="O10312" t="s">
        <v>85</v>
      </c>
      <c r="P10312" t="s">
        <v>86</v>
      </c>
      <c r="Q10312">
        <v>25</v>
      </c>
      <c r="R10312">
        <v>25</v>
      </c>
      <c r="S10312">
        <v>26</v>
      </c>
      <c r="T10312">
        <v>26</v>
      </c>
      <c r="U10312">
        <v>27</v>
      </c>
      <c r="V10312">
        <v>27</v>
      </c>
      <c r="W10312">
        <v>28</v>
      </c>
      <c r="X10312">
        <v>28</v>
      </c>
      <c r="Y10312">
        <v>29</v>
      </c>
      <c r="Z10312">
        <v>29</v>
      </c>
      <c r="AA10312">
        <v>30</v>
      </c>
      <c r="AB10312">
        <v>30</v>
      </c>
      <c r="AC10312">
        <v>30</v>
      </c>
      <c r="AD10312">
        <v>31</v>
      </c>
      <c r="AE10312">
        <v>31</v>
      </c>
      <c r="AF10312">
        <v>31</v>
      </c>
      <c r="AG10312">
        <v>31</v>
      </c>
      <c r="AH10312">
        <v>31</v>
      </c>
      <c r="AI10312">
        <v>31</v>
      </c>
      <c r="AJ10312">
        <v>31</v>
      </c>
      <c r="AK10312">
        <v>31</v>
      </c>
      <c r="AL10312">
        <v>31</v>
      </c>
      <c r="AM10312">
        <v>31</v>
      </c>
      <c r="AN10312">
        <v>31</v>
      </c>
      <c r="AO10312">
        <v>31</v>
      </c>
      <c r="AP10312">
        <v>31</v>
      </c>
      <c r="AQ10312">
        <v>31</v>
      </c>
    </row>
    <row r="10313" spans="1:43">
      <c r="A10313" t="s">
        <v>6434</v>
      </c>
      <c r="B10313" t="s">
        <v>6435</v>
      </c>
      <c r="C10313" t="s">
        <v>6432</v>
      </c>
      <c r="D10313" t="s">
        <v>6433</v>
      </c>
      <c r="E10313" t="s">
        <v>6174</v>
      </c>
      <c r="F10313" t="s">
        <v>6175</v>
      </c>
      <c r="G10313" t="s">
        <v>80</v>
      </c>
      <c r="H10313" t="s">
        <v>81</v>
      </c>
      <c r="I10313" s="2">
        <v>0</v>
      </c>
      <c r="J10313" s="2">
        <v>1</v>
      </c>
      <c r="K10313" s="2">
        <v>0</v>
      </c>
      <c r="L10313" t="s">
        <v>82</v>
      </c>
      <c r="M10313" t="s">
        <v>83</v>
      </c>
      <c r="N10313" t="s">
        <v>91</v>
      </c>
      <c r="O10313" t="s">
        <v>85</v>
      </c>
      <c r="P10313" t="s">
        <v>86</v>
      </c>
      <c r="Q10313">
        <v>25</v>
      </c>
      <c r="R10313">
        <v>26</v>
      </c>
      <c r="S10313">
        <v>26</v>
      </c>
      <c r="T10313">
        <v>26</v>
      </c>
      <c r="U10313">
        <v>27</v>
      </c>
      <c r="V10313">
        <v>27</v>
      </c>
      <c r="W10313">
        <v>27</v>
      </c>
      <c r="X10313">
        <v>28</v>
      </c>
      <c r="Y10313">
        <v>28</v>
      </c>
      <c r="Z10313">
        <v>28</v>
      </c>
      <c r="AA10313">
        <v>29</v>
      </c>
      <c r="AB10313">
        <v>29</v>
      </c>
      <c r="AC10313">
        <v>29</v>
      </c>
      <c r="AD10313">
        <v>30</v>
      </c>
      <c r="AE10313">
        <v>30</v>
      </c>
      <c r="AF10313">
        <v>30</v>
      </c>
      <c r="AG10313">
        <v>30</v>
      </c>
      <c r="AH10313">
        <v>31</v>
      </c>
      <c r="AI10313">
        <v>31</v>
      </c>
      <c r="AJ10313">
        <v>31</v>
      </c>
      <c r="AK10313">
        <v>32</v>
      </c>
      <c r="AL10313">
        <v>32</v>
      </c>
      <c r="AM10313">
        <v>32</v>
      </c>
      <c r="AN10313">
        <v>32</v>
      </c>
      <c r="AO10313">
        <v>32</v>
      </c>
      <c r="AP10313">
        <v>32</v>
      </c>
      <c r="AQ10313">
        <v>32</v>
      </c>
    </row>
    <row r="10314" spans="1:43">
      <c r="A10314" t="s">
        <v>6436</v>
      </c>
      <c r="B10314" t="s">
        <v>6437</v>
      </c>
      <c r="C10314" t="s">
        <v>6432</v>
      </c>
      <c r="D10314" t="s">
        <v>6433</v>
      </c>
      <c r="E10314" t="s">
        <v>6174</v>
      </c>
      <c r="F10314" t="s">
        <v>6175</v>
      </c>
      <c r="G10314" t="s">
        <v>80</v>
      </c>
      <c r="H10314" t="s">
        <v>81</v>
      </c>
      <c r="I10314" s="2">
        <v>0</v>
      </c>
      <c r="J10314" s="2">
        <v>1</v>
      </c>
      <c r="K10314" s="2">
        <v>0</v>
      </c>
      <c r="L10314" t="s">
        <v>82</v>
      </c>
      <c r="M10314" t="s">
        <v>83</v>
      </c>
      <c r="N10314" t="s">
        <v>84</v>
      </c>
      <c r="O10314" t="s">
        <v>85</v>
      </c>
      <c r="P10314" t="s">
        <v>86</v>
      </c>
      <c r="Q10314">
        <v>63</v>
      </c>
      <c r="R10314">
        <v>64</v>
      </c>
      <c r="S10314">
        <v>64</v>
      </c>
      <c r="T10314">
        <v>65</v>
      </c>
      <c r="U10314">
        <v>66</v>
      </c>
      <c r="V10314">
        <v>67</v>
      </c>
      <c r="W10314">
        <v>68</v>
      </c>
      <c r="X10314">
        <v>69</v>
      </c>
      <c r="Y10314">
        <v>69</v>
      </c>
      <c r="Z10314">
        <v>70</v>
      </c>
      <c r="AA10314">
        <v>71</v>
      </c>
      <c r="AB10314">
        <v>72</v>
      </c>
      <c r="AC10314">
        <v>72</v>
      </c>
      <c r="AD10314">
        <v>73</v>
      </c>
      <c r="AE10314">
        <v>74</v>
      </c>
      <c r="AF10314">
        <v>74</v>
      </c>
      <c r="AG10314">
        <v>75</v>
      </c>
      <c r="AH10314">
        <v>76</v>
      </c>
      <c r="AI10314">
        <v>77</v>
      </c>
      <c r="AJ10314">
        <v>77</v>
      </c>
      <c r="AK10314">
        <v>78</v>
      </c>
      <c r="AL10314">
        <v>78</v>
      </c>
      <c r="AM10314">
        <v>78</v>
      </c>
      <c r="AN10314">
        <v>78</v>
      </c>
      <c r="AO10314">
        <v>78</v>
      </c>
      <c r="AP10314">
        <v>78</v>
      </c>
      <c r="AQ10314">
        <v>78</v>
      </c>
    </row>
    <row r="10315" spans="1:43">
      <c r="A10315" t="s">
        <v>6436</v>
      </c>
      <c r="B10315" t="s">
        <v>6437</v>
      </c>
      <c r="C10315" t="s">
        <v>6432</v>
      </c>
      <c r="D10315" t="s">
        <v>6433</v>
      </c>
      <c r="E10315" t="s">
        <v>6174</v>
      </c>
      <c r="F10315" t="s">
        <v>6175</v>
      </c>
      <c r="G10315" t="s">
        <v>80</v>
      </c>
      <c r="H10315" t="s">
        <v>81</v>
      </c>
      <c r="I10315" s="2">
        <v>0</v>
      </c>
      <c r="J10315" s="2">
        <v>1</v>
      </c>
      <c r="K10315" s="2">
        <v>0</v>
      </c>
      <c r="L10315" t="s">
        <v>82</v>
      </c>
      <c r="M10315" t="s">
        <v>87</v>
      </c>
      <c r="N10315" t="s">
        <v>88</v>
      </c>
      <c r="O10315" t="s">
        <v>85</v>
      </c>
      <c r="P10315" t="s">
        <v>86</v>
      </c>
      <c r="Q10315">
        <v>63</v>
      </c>
      <c r="R10315">
        <v>63</v>
      </c>
      <c r="S10315">
        <v>64</v>
      </c>
      <c r="T10315">
        <v>64</v>
      </c>
      <c r="U10315">
        <v>64</v>
      </c>
      <c r="V10315">
        <v>64</v>
      </c>
      <c r="W10315">
        <v>65</v>
      </c>
      <c r="X10315">
        <v>65</v>
      </c>
      <c r="Y10315">
        <v>65</v>
      </c>
      <c r="Z10315">
        <v>65</v>
      </c>
      <c r="AA10315">
        <v>66</v>
      </c>
      <c r="AB10315">
        <v>66</v>
      </c>
      <c r="AC10315">
        <v>66</v>
      </c>
      <c r="AD10315">
        <v>66</v>
      </c>
      <c r="AE10315">
        <v>66</v>
      </c>
      <c r="AF10315">
        <v>67</v>
      </c>
      <c r="AG10315">
        <v>67</v>
      </c>
      <c r="AH10315">
        <v>67</v>
      </c>
      <c r="AI10315">
        <v>67</v>
      </c>
      <c r="AJ10315">
        <v>67</v>
      </c>
      <c r="AK10315">
        <v>68</v>
      </c>
      <c r="AL10315">
        <v>68</v>
      </c>
      <c r="AM10315">
        <v>68</v>
      </c>
      <c r="AN10315">
        <v>68</v>
      </c>
      <c r="AO10315">
        <v>68</v>
      </c>
      <c r="AP10315">
        <v>69</v>
      </c>
      <c r="AQ10315">
        <v>69</v>
      </c>
    </row>
    <row r="10316" spans="1:43">
      <c r="A10316" t="s">
        <v>6436</v>
      </c>
      <c r="B10316" t="s">
        <v>6437</v>
      </c>
      <c r="C10316" t="s">
        <v>6432</v>
      </c>
      <c r="D10316" t="s">
        <v>6433</v>
      </c>
      <c r="E10316" t="s">
        <v>6174</v>
      </c>
      <c r="F10316" t="s">
        <v>6175</v>
      </c>
      <c r="G10316" t="s">
        <v>80</v>
      </c>
      <c r="H10316" t="s">
        <v>81</v>
      </c>
      <c r="I10316" s="2">
        <v>0</v>
      </c>
      <c r="J10316" s="2">
        <v>1</v>
      </c>
      <c r="K10316" s="2">
        <v>0</v>
      </c>
      <c r="L10316" t="s">
        <v>82</v>
      </c>
      <c r="M10316" t="s">
        <v>89</v>
      </c>
      <c r="N10316" t="s">
        <v>90</v>
      </c>
      <c r="O10316" t="s">
        <v>85</v>
      </c>
      <c r="P10316" t="s">
        <v>86</v>
      </c>
      <c r="Q10316">
        <v>63</v>
      </c>
      <c r="R10316">
        <v>65</v>
      </c>
      <c r="S10316">
        <v>66</v>
      </c>
      <c r="T10316">
        <v>67</v>
      </c>
      <c r="U10316">
        <v>69</v>
      </c>
      <c r="V10316">
        <v>70</v>
      </c>
      <c r="W10316">
        <v>71</v>
      </c>
      <c r="X10316">
        <v>72</v>
      </c>
      <c r="Y10316">
        <v>73</v>
      </c>
      <c r="Z10316">
        <v>74</v>
      </c>
      <c r="AA10316">
        <v>75</v>
      </c>
      <c r="AB10316">
        <v>76</v>
      </c>
      <c r="AC10316">
        <v>77</v>
      </c>
      <c r="AD10316">
        <v>78</v>
      </c>
      <c r="AE10316">
        <v>79</v>
      </c>
      <c r="AF10316">
        <v>79</v>
      </c>
      <c r="AG10316">
        <v>79</v>
      </c>
      <c r="AH10316">
        <v>79</v>
      </c>
      <c r="AI10316">
        <v>79</v>
      </c>
      <c r="AJ10316">
        <v>79</v>
      </c>
      <c r="AK10316">
        <v>79</v>
      </c>
      <c r="AL10316">
        <v>79</v>
      </c>
      <c r="AM10316">
        <v>79</v>
      </c>
      <c r="AN10316">
        <v>79</v>
      </c>
      <c r="AO10316">
        <v>79</v>
      </c>
      <c r="AP10316">
        <v>79</v>
      </c>
      <c r="AQ10316">
        <v>79</v>
      </c>
    </row>
    <row r="10317" spans="1:43">
      <c r="A10317" t="s">
        <v>6436</v>
      </c>
      <c r="B10317" t="s">
        <v>6437</v>
      </c>
      <c r="C10317" t="s">
        <v>6432</v>
      </c>
      <c r="D10317" t="s">
        <v>6433</v>
      </c>
      <c r="E10317" t="s">
        <v>6174</v>
      </c>
      <c r="F10317" t="s">
        <v>6175</v>
      </c>
      <c r="G10317" t="s">
        <v>80</v>
      </c>
      <c r="H10317" t="s">
        <v>81</v>
      </c>
      <c r="I10317" s="2">
        <v>0</v>
      </c>
      <c r="J10317" s="2">
        <v>1</v>
      </c>
      <c r="K10317" s="2">
        <v>0</v>
      </c>
      <c r="L10317" t="s">
        <v>82</v>
      </c>
      <c r="M10317" t="s">
        <v>83</v>
      </c>
      <c r="N10317" t="s">
        <v>91</v>
      </c>
      <c r="O10317" t="s">
        <v>85</v>
      </c>
      <c r="P10317" t="s">
        <v>86</v>
      </c>
      <c r="Q10317">
        <v>63</v>
      </c>
      <c r="R10317">
        <v>64</v>
      </c>
      <c r="S10317">
        <v>64</v>
      </c>
      <c r="T10317">
        <v>65</v>
      </c>
      <c r="U10317">
        <v>66</v>
      </c>
      <c r="V10317">
        <v>67</v>
      </c>
      <c r="W10317">
        <v>68</v>
      </c>
      <c r="X10317">
        <v>69</v>
      </c>
      <c r="Y10317">
        <v>69</v>
      </c>
      <c r="Z10317">
        <v>70</v>
      </c>
      <c r="AA10317">
        <v>71</v>
      </c>
      <c r="AB10317">
        <v>72</v>
      </c>
      <c r="AC10317">
        <v>72</v>
      </c>
      <c r="AD10317">
        <v>73</v>
      </c>
      <c r="AE10317">
        <v>74</v>
      </c>
      <c r="AF10317">
        <v>74</v>
      </c>
      <c r="AG10317">
        <v>75</v>
      </c>
      <c r="AH10317">
        <v>76</v>
      </c>
      <c r="AI10317">
        <v>77</v>
      </c>
      <c r="AJ10317">
        <v>77</v>
      </c>
      <c r="AK10317">
        <v>78</v>
      </c>
      <c r="AL10317">
        <v>78</v>
      </c>
      <c r="AM10317">
        <v>78</v>
      </c>
      <c r="AN10317">
        <v>78</v>
      </c>
      <c r="AO10317">
        <v>78</v>
      </c>
      <c r="AP10317">
        <v>78</v>
      </c>
      <c r="AQ10317">
        <v>78</v>
      </c>
    </row>
    <row r="10318" spans="1:43">
      <c r="A10318" t="s">
        <v>6438</v>
      </c>
      <c r="B10318" t="s">
        <v>6439</v>
      </c>
      <c r="C10318" t="s">
        <v>6422</v>
      </c>
      <c r="D10318" t="s">
        <v>6423</v>
      </c>
      <c r="E10318" t="s">
        <v>6174</v>
      </c>
      <c r="F10318" t="s">
        <v>6175</v>
      </c>
      <c r="G10318" t="s">
        <v>80</v>
      </c>
      <c r="H10318" t="s">
        <v>81</v>
      </c>
      <c r="I10318" s="2">
        <v>0</v>
      </c>
      <c r="J10318" s="2">
        <v>1</v>
      </c>
      <c r="K10318" s="2">
        <v>0</v>
      </c>
      <c r="L10318" t="s">
        <v>82</v>
      </c>
      <c r="M10318" t="s">
        <v>83</v>
      </c>
      <c r="N10318" t="s">
        <v>84</v>
      </c>
      <c r="O10318" t="s">
        <v>85</v>
      </c>
      <c r="P10318" t="s">
        <v>86</v>
      </c>
      <c r="Q10318">
        <v>97</v>
      </c>
      <c r="R10318">
        <v>99</v>
      </c>
      <c r="S10318">
        <v>100</v>
      </c>
      <c r="T10318">
        <v>101</v>
      </c>
      <c r="U10318">
        <v>102</v>
      </c>
      <c r="V10318">
        <v>104</v>
      </c>
      <c r="W10318">
        <v>105</v>
      </c>
      <c r="X10318">
        <v>106</v>
      </c>
      <c r="Y10318">
        <v>107</v>
      </c>
      <c r="Z10318">
        <v>109</v>
      </c>
      <c r="AA10318">
        <v>110</v>
      </c>
      <c r="AB10318">
        <v>111</v>
      </c>
      <c r="AC10318">
        <v>112</v>
      </c>
      <c r="AD10318">
        <v>113</v>
      </c>
      <c r="AE10318">
        <v>114</v>
      </c>
      <c r="AF10318">
        <v>115</v>
      </c>
      <c r="AG10318">
        <v>116</v>
      </c>
      <c r="AH10318">
        <v>117</v>
      </c>
      <c r="AI10318">
        <v>118</v>
      </c>
      <c r="AJ10318">
        <v>119</v>
      </c>
      <c r="AK10318">
        <v>120</v>
      </c>
      <c r="AL10318">
        <v>121</v>
      </c>
      <c r="AM10318">
        <v>121</v>
      </c>
      <c r="AN10318">
        <v>121</v>
      </c>
      <c r="AO10318">
        <v>120</v>
      </c>
      <c r="AP10318">
        <v>120</v>
      </c>
      <c r="AQ10318">
        <v>120</v>
      </c>
    </row>
    <row r="10319" spans="1:43">
      <c r="A10319" t="s">
        <v>6438</v>
      </c>
      <c r="B10319" t="s">
        <v>6439</v>
      </c>
      <c r="C10319" t="s">
        <v>6422</v>
      </c>
      <c r="D10319" t="s">
        <v>6423</v>
      </c>
      <c r="E10319" t="s">
        <v>6174</v>
      </c>
      <c r="F10319" t="s">
        <v>6175</v>
      </c>
      <c r="G10319" t="s">
        <v>80</v>
      </c>
      <c r="H10319" t="s">
        <v>81</v>
      </c>
      <c r="I10319" s="2">
        <v>0</v>
      </c>
      <c r="J10319" s="2">
        <v>1</v>
      </c>
      <c r="K10319" s="2">
        <v>0</v>
      </c>
      <c r="L10319" t="s">
        <v>82</v>
      </c>
      <c r="M10319" t="s">
        <v>87</v>
      </c>
      <c r="N10319" t="s">
        <v>88</v>
      </c>
      <c r="O10319" t="s">
        <v>85</v>
      </c>
      <c r="P10319" t="s">
        <v>86</v>
      </c>
      <c r="Q10319">
        <v>97</v>
      </c>
      <c r="R10319">
        <v>98</v>
      </c>
      <c r="S10319">
        <v>98</v>
      </c>
      <c r="T10319">
        <v>99</v>
      </c>
      <c r="U10319">
        <v>99</v>
      </c>
      <c r="V10319">
        <v>99</v>
      </c>
      <c r="W10319">
        <v>100</v>
      </c>
      <c r="X10319">
        <v>100</v>
      </c>
      <c r="Y10319">
        <v>100</v>
      </c>
      <c r="Z10319">
        <v>101</v>
      </c>
      <c r="AA10319">
        <v>101</v>
      </c>
      <c r="AB10319">
        <v>101</v>
      </c>
      <c r="AC10319">
        <v>101</v>
      </c>
      <c r="AD10319">
        <v>102</v>
      </c>
      <c r="AE10319">
        <v>102</v>
      </c>
      <c r="AF10319">
        <v>102</v>
      </c>
      <c r="AG10319">
        <v>103</v>
      </c>
      <c r="AH10319">
        <v>103</v>
      </c>
      <c r="AI10319">
        <v>103</v>
      </c>
      <c r="AJ10319">
        <v>103</v>
      </c>
      <c r="AK10319">
        <v>104</v>
      </c>
      <c r="AL10319">
        <v>104</v>
      </c>
      <c r="AM10319">
        <v>104</v>
      </c>
      <c r="AN10319">
        <v>105</v>
      </c>
      <c r="AO10319">
        <v>105</v>
      </c>
      <c r="AP10319">
        <v>105</v>
      </c>
      <c r="AQ10319">
        <v>105</v>
      </c>
    </row>
    <row r="10320" spans="1:43">
      <c r="A10320" t="s">
        <v>6438</v>
      </c>
      <c r="B10320" t="s">
        <v>6439</v>
      </c>
      <c r="C10320" t="s">
        <v>6422</v>
      </c>
      <c r="D10320" t="s">
        <v>6423</v>
      </c>
      <c r="E10320" t="s">
        <v>6174</v>
      </c>
      <c r="F10320" t="s">
        <v>6175</v>
      </c>
      <c r="G10320" t="s">
        <v>80</v>
      </c>
      <c r="H10320" t="s">
        <v>81</v>
      </c>
      <c r="I10320" s="2">
        <v>0</v>
      </c>
      <c r="J10320" s="2">
        <v>1</v>
      </c>
      <c r="K10320" s="2">
        <v>0</v>
      </c>
      <c r="L10320" t="s">
        <v>82</v>
      </c>
      <c r="M10320" t="s">
        <v>89</v>
      </c>
      <c r="N10320" t="s">
        <v>90</v>
      </c>
      <c r="O10320" t="s">
        <v>85</v>
      </c>
      <c r="P10320" t="s">
        <v>86</v>
      </c>
      <c r="Q10320">
        <v>97</v>
      </c>
      <c r="R10320">
        <v>99</v>
      </c>
      <c r="S10320">
        <v>101</v>
      </c>
      <c r="T10320">
        <v>103</v>
      </c>
      <c r="U10320">
        <v>105</v>
      </c>
      <c r="V10320">
        <v>107</v>
      </c>
      <c r="W10320">
        <v>109</v>
      </c>
      <c r="X10320">
        <v>111</v>
      </c>
      <c r="Y10320">
        <v>113</v>
      </c>
      <c r="Z10320">
        <v>114</v>
      </c>
      <c r="AA10320">
        <v>116</v>
      </c>
      <c r="AB10320">
        <v>117</v>
      </c>
      <c r="AC10320">
        <v>119</v>
      </c>
      <c r="AD10320">
        <v>120</v>
      </c>
      <c r="AE10320">
        <v>121</v>
      </c>
      <c r="AF10320">
        <v>121</v>
      </c>
      <c r="AG10320">
        <v>121</v>
      </c>
      <c r="AH10320">
        <v>121</v>
      </c>
      <c r="AI10320">
        <v>121</v>
      </c>
      <c r="AJ10320">
        <v>121</v>
      </c>
      <c r="AK10320">
        <v>121</v>
      </c>
      <c r="AL10320">
        <v>121</v>
      </c>
      <c r="AM10320">
        <v>121</v>
      </c>
      <c r="AN10320">
        <v>121</v>
      </c>
      <c r="AO10320">
        <v>121</v>
      </c>
      <c r="AP10320">
        <v>121</v>
      </c>
      <c r="AQ10320">
        <v>121</v>
      </c>
    </row>
    <row r="10321" spans="1:43">
      <c r="A10321" t="s">
        <v>6438</v>
      </c>
      <c r="B10321" t="s">
        <v>6439</v>
      </c>
      <c r="C10321" t="s">
        <v>6422</v>
      </c>
      <c r="D10321" t="s">
        <v>6423</v>
      </c>
      <c r="E10321" t="s">
        <v>6174</v>
      </c>
      <c r="F10321" t="s">
        <v>6175</v>
      </c>
      <c r="G10321" t="s">
        <v>80</v>
      </c>
      <c r="H10321" t="s">
        <v>81</v>
      </c>
      <c r="I10321" s="2">
        <v>0</v>
      </c>
      <c r="J10321" s="2">
        <v>1</v>
      </c>
      <c r="K10321" s="2">
        <v>0</v>
      </c>
      <c r="L10321" t="s">
        <v>82</v>
      </c>
      <c r="M10321" t="s">
        <v>83</v>
      </c>
      <c r="N10321" t="s">
        <v>91</v>
      </c>
      <c r="O10321" t="s">
        <v>85</v>
      </c>
      <c r="P10321" t="s">
        <v>86</v>
      </c>
      <c r="Q10321">
        <v>97</v>
      </c>
      <c r="R10321">
        <v>99</v>
      </c>
      <c r="S10321">
        <v>100</v>
      </c>
      <c r="T10321">
        <v>101</v>
      </c>
      <c r="U10321">
        <v>102</v>
      </c>
      <c r="V10321">
        <v>104</v>
      </c>
      <c r="W10321">
        <v>105</v>
      </c>
      <c r="X10321">
        <v>106</v>
      </c>
      <c r="Y10321">
        <v>107</v>
      </c>
      <c r="Z10321">
        <v>109</v>
      </c>
      <c r="AA10321">
        <v>110</v>
      </c>
      <c r="AB10321">
        <v>111</v>
      </c>
      <c r="AC10321">
        <v>112</v>
      </c>
      <c r="AD10321">
        <v>113</v>
      </c>
      <c r="AE10321">
        <v>114</v>
      </c>
      <c r="AF10321">
        <v>115</v>
      </c>
      <c r="AG10321">
        <v>116</v>
      </c>
      <c r="AH10321">
        <v>117</v>
      </c>
      <c r="AI10321">
        <v>118</v>
      </c>
      <c r="AJ10321">
        <v>119</v>
      </c>
      <c r="AK10321">
        <v>120</v>
      </c>
      <c r="AL10321">
        <v>121</v>
      </c>
      <c r="AM10321">
        <v>121</v>
      </c>
      <c r="AN10321">
        <v>121</v>
      </c>
      <c r="AO10321">
        <v>120</v>
      </c>
      <c r="AP10321">
        <v>120</v>
      </c>
      <c r="AQ10321">
        <v>120</v>
      </c>
    </row>
    <row r="10322" spans="1:43">
      <c r="A10322" t="s">
        <v>6440</v>
      </c>
      <c r="B10322" t="s">
        <v>6441</v>
      </c>
      <c r="C10322" t="s">
        <v>6422</v>
      </c>
      <c r="D10322" t="s">
        <v>6423</v>
      </c>
      <c r="E10322" t="s">
        <v>6174</v>
      </c>
      <c r="F10322" t="s">
        <v>6175</v>
      </c>
      <c r="G10322" t="s">
        <v>80</v>
      </c>
      <c r="H10322" t="s">
        <v>81</v>
      </c>
      <c r="I10322" s="2">
        <v>0</v>
      </c>
      <c r="J10322" s="2">
        <v>1</v>
      </c>
      <c r="K10322" s="2">
        <v>0</v>
      </c>
      <c r="L10322" t="s">
        <v>82</v>
      </c>
      <c r="M10322" t="s">
        <v>83</v>
      </c>
      <c r="N10322" t="s">
        <v>84</v>
      </c>
      <c r="O10322" t="s">
        <v>85</v>
      </c>
      <c r="P10322" t="s">
        <v>86</v>
      </c>
      <c r="Q10322">
        <v>96</v>
      </c>
      <c r="R10322">
        <v>98</v>
      </c>
      <c r="S10322">
        <v>99</v>
      </c>
      <c r="T10322">
        <v>100</v>
      </c>
      <c r="U10322">
        <v>101</v>
      </c>
      <c r="V10322">
        <v>102</v>
      </c>
      <c r="W10322">
        <v>103</v>
      </c>
      <c r="X10322">
        <v>105</v>
      </c>
      <c r="Y10322">
        <v>106</v>
      </c>
      <c r="Z10322">
        <v>107</v>
      </c>
      <c r="AA10322">
        <v>108</v>
      </c>
      <c r="AB10322">
        <v>109</v>
      </c>
      <c r="AC10322">
        <v>110</v>
      </c>
      <c r="AD10322">
        <v>111</v>
      </c>
      <c r="AE10322">
        <v>112</v>
      </c>
      <c r="AF10322">
        <v>113</v>
      </c>
      <c r="AG10322">
        <v>114</v>
      </c>
      <c r="AH10322">
        <v>115</v>
      </c>
      <c r="AI10322">
        <v>115</v>
      </c>
      <c r="AJ10322">
        <v>116</v>
      </c>
      <c r="AK10322">
        <v>117</v>
      </c>
      <c r="AL10322">
        <v>117</v>
      </c>
      <c r="AM10322">
        <v>117</v>
      </c>
      <c r="AN10322">
        <v>117</v>
      </c>
      <c r="AO10322">
        <v>117</v>
      </c>
      <c r="AP10322">
        <v>117</v>
      </c>
      <c r="AQ10322">
        <v>116</v>
      </c>
    </row>
    <row r="10323" spans="1:43">
      <c r="A10323" t="s">
        <v>6440</v>
      </c>
      <c r="B10323" t="s">
        <v>6441</v>
      </c>
      <c r="C10323" t="s">
        <v>6422</v>
      </c>
      <c r="D10323" t="s">
        <v>6423</v>
      </c>
      <c r="E10323" t="s">
        <v>6174</v>
      </c>
      <c r="F10323" t="s">
        <v>6175</v>
      </c>
      <c r="G10323" t="s">
        <v>80</v>
      </c>
      <c r="H10323" t="s">
        <v>81</v>
      </c>
      <c r="I10323" s="2">
        <v>0</v>
      </c>
      <c r="J10323" s="2">
        <v>1</v>
      </c>
      <c r="K10323" s="2">
        <v>0</v>
      </c>
      <c r="L10323" t="s">
        <v>82</v>
      </c>
      <c r="M10323" t="s">
        <v>87</v>
      </c>
      <c r="N10323" t="s">
        <v>88</v>
      </c>
      <c r="O10323" t="s">
        <v>85</v>
      </c>
      <c r="P10323" t="s">
        <v>86</v>
      </c>
      <c r="Q10323">
        <v>96</v>
      </c>
      <c r="R10323">
        <v>96</v>
      </c>
      <c r="S10323">
        <v>96</v>
      </c>
      <c r="T10323">
        <v>96</v>
      </c>
      <c r="U10323">
        <v>97</v>
      </c>
      <c r="V10323">
        <v>97</v>
      </c>
      <c r="W10323">
        <v>97</v>
      </c>
      <c r="X10323">
        <v>97</v>
      </c>
      <c r="Y10323">
        <v>98</v>
      </c>
      <c r="Z10323">
        <v>98</v>
      </c>
      <c r="AA10323">
        <v>98</v>
      </c>
      <c r="AB10323">
        <v>98</v>
      </c>
      <c r="AC10323">
        <v>99</v>
      </c>
      <c r="AD10323">
        <v>99</v>
      </c>
      <c r="AE10323">
        <v>99</v>
      </c>
      <c r="AF10323">
        <v>99</v>
      </c>
      <c r="AG10323">
        <v>99</v>
      </c>
      <c r="AH10323">
        <v>100</v>
      </c>
      <c r="AI10323">
        <v>100</v>
      </c>
      <c r="AJ10323">
        <v>100</v>
      </c>
      <c r="AK10323">
        <v>100</v>
      </c>
      <c r="AL10323">
        <v>100</v>
      </c>
      <c r="AM10323">
        <v>101</v>
      </c>
      <c r="AN10323">
        <v>101</v>
      </c>
      <c r="AO10323">
        <v>101</v>
      </c>
      <c r="AP10323">
        <v>101</v>
      </c>
      <c r="AQ10323">
        <v>101</v>
      </c>
    </row>
    <row r="10324" spans="1:43">
      <c r="A10324" t="s">
        <v>6440</v>
      </c>
      <c r="B10324" t="s">
        <v>6441</v>
      </c>
      <c r="C10324" t="s">
        <v>6422</v>
      </c>
      <c r="D10324" t="s">
        <v>6423</v>
      </c>
      <c r="E10324" t="s">
        <v>6174</v>
      </c>
      <c r="F10324" t="s">
        <v>6175</v>
      </c>
      <c r="G10324" t="s">
        <v>80</v>
      </c>
      <c r="H10324" t="s">
        <v>81</v>
      </c>
      <c r="I10324" s="2">
        <v>0</v>
      </c>
      <c r="J10324" s="2">
        <v>1</v>
      </c>
      <c r="K10324" s="2">
        <v>0</v>
      </c>
      <c r="L10324" t="s">
        <v>82</v>
      </c>
      <c r="M10324" t="s">
        <v>89</v>
      </c>
      <c r="N10324" t="s">
        <v>90</v>
      </c>
      <c r="O10324" t="s">
        <v>85</v>
      </c>
      <c r="P10324" t="s">
        <v>86</v>
      </c>
      <c r="Q10324">
        <v>96</v>
      </c>
      <c r="R10324">
        <v>98</v>
      </c>
      <c r="S10324">
        <v>100</v>
      </c>
      <c r="T10324">
        <v>102</v>
      </c>
      <c r="U10324">
        <v>104</v>
      </c>
      <c r="V10324">
        <v>106</v>
      </c>
      <c r="W10324">
        <v>108</v>
      </c>
      <c r="X10324">
        <v>109</v>
      </c>
      <c r="Y10324">
        <v>111</v>
      </c>
      <c r="Z10324">
        <v>112</v>
      </c>
      <c r="AA10324">
        <v>114</v>
      </c>
      <c r="AB10324">
        <v>115</v>
      </c>
      <c r="AC10324">
        <v>117</v>
      </c>
      <c r="AD10324">
        <v>118</v>
      </c>
      <c r="AE10324">
        <v>119</v>
      </c>
      <c r="AF10324">
        <v>119</v>
      </c>
      <c r="AG10324">
        <v>118</v>
      </c>
      <c r="AH10324">
        <v>118</v>
      </c>
      <c r="AI10324">
        <v>118</v>
      </c>
      <c r="AJ10324">
        <v>118</v>
      </c>
      <c r="AK10324">
        <v>118</v>
      </c>
      <c r="AL10324">
        <v>117</v>
      </c>
      <c r="AM10324">
        <v>117</v>
      </c>
      <c r="AN10324">
        <v>117</v>
      </c>
      <c r="AO10324">
        <v>117</v>
      </c>
      <c r="AP10324">
        <v>117</v>
      </c>
      <c r="AQ10324">
        <v>116</v>
      </c>
    </row>
    <row r="10325" spans="1:43">
      <c r="A10325" t="s">
        <v>6440</v>
      </c>
      <c r="B10325" t="s">
        <v>6441</v>
      </c>
      <c r="C10325" t="s">
        <v>6422</v>
      </c>
      <c r="D10325" t="s">
        <v>6423</v>
      </c>
      <c r="E10325" t="s">
        <v>6174</v>
      </c>
      <c r="F10325" t="s">
        <v>6175</v>
      </c>
      <c r="G10325" t="s">
        <v>80</v>
      </c>
      <c r="H10325" t="s">
        <v>81</v>
      </c>
      <c r="I10325" s="2">
        <v>0</v>
      </c>
      <c r="J10325" s="2">
        <v>1</v>
      </c>
      <c r="K10325" s="2">
        <v>0</v>
      </c>
      <c r="L10325" t="s">
        <v>82</v>
      </c>
      <c r="M10325" t="s">
        <v>83</v>
      </c>
      <c r="N10325" t="s">
        <v>91</v>
      </c>
      <c r="O10325" t="s">
        <v>85</v>
      </c>
      <c r="P10325" t="s">
        <v>86</v>
      </c>
      <c r="Q10325">
        <v>96</v>
      </c>
      <c r="R10325">
        <v>98</v>
      </c>
      <c r="S10325">
        <v>99</v>
      </c>
      <c r="T10325">
        <v>100</v>
      </c>
      <c r="U10325">
        <v>101</v>
      </c>
      <c r="V10325">
        <v>102</v>
      </c>
      <c r="W10325">
        <v>103</v>
      </c>
      <c r="X10325">
        <v>105</v>
      </c>
      <c r="Y10325">
        <v>106</v>
      </c>
      <c r="Z10325">
        <v>107</v>
      </c>
      <c r="AA10325">
        <v>108</v>
      </c>
      <c r="AB10325">
        <v>109</v>
      </c>
      <c r="AC10325">
        <v>110</v>
      </c>
      <c r="AD10325">
        <v>111</v>
      </c>
      <c r="AE10325">
        <v>112</v>
      </c>
      <c r="AF10325">
        <v>113</v>
      </c>
      <c r="AG10325">
        <v>114</v>
      </c>
      <c r="AH10325">
        <v>115</v>
      </c>
      <c r="AI10325">
        <v>115</v>
      </c>
      <c r="AJ10325">
        <v>116</v>
      </c>
      <c r="AK10325">
        <v>117</v>
      </c>
      <c r="AL10325">
        <v>117</v>
      </c>
      <c r="AM10325">
        <v>117</v>
      </c>
      <c r="AN10325">
        <v>117</v>
      </c>
      <c r="AO10325">
        <v>117</v>
      </c>
      <c r="AP10325">
        <v>117</v>
      </c>
      <c r="AQ10325">
        <v>116</v>
      </c>
    </row>
    <row r="10326" spans="1:43">
      <c r="A10326" t="s">
        <v>6442</v>
      </c>
      <c r="B10326" t="s">
        <v>6443</v>
      </c>
      <c r="C10326" t="s">
        <v>6386</v>
      </c>
      <c r="D10326" t="s">
        <v>6387</v>
      </c>
      <c r="E10326" t="s">
        <v>6174</v>
      </c>
      <c r="F10326" t="s">
        <v>6175</v>
      </c>
      <c r="G10326" t="s">
        <v>80</v>
      </c>
      <c r="H10326" t="s">
        <v>81</v>
      </c>
      <c r="I10326" s="2">
        <v>0</v>
      </c>
      <c r="J10326" s="2">
        <v>1</v>
      </c>
      <c r="K10326" s="2">
        <v>0</v>
      </c>
      <c r="L10326" t="s">
        <v>82</v>
      </c>
      <c r="M10326" t="s">
        <v>83</v>
      </c>
      <c r="N10326" t="s">
        <v>84</v>
      </c>
      <c r="O10326" t="s">
        <v>85</v>
      </c>
      <c r="P10326" t="s">
        <v>86</v>
      </c>
      <c r="Q10326">
        <v>57</v>
      </c>
      <c r="R10326">
        <v>58</v>
      </c>
      <c r="S10326">
        <v>59</v>
      </c>
      <c r="T10326">
        <v>60</v>
      </c>
      <c r="U10326">
        <v>60</v>
      </c>
      <c r="V10326">
        <v>61</v>
      </c>
      <c r="W10326">
        <v>62</v>
      </c>
      <c r="X10326">
        <v>62</v>
      </c>
      <c r="Y10326">
        <v>63</v>
      </c>
      <c r="Z10326">
        <v>64</v>
      </c>
      <c r="AA10326">
        <v>64</v>
      </c>
      <c r="AB10326">
        <v>65</v>
      </c>
      <c r="AC10326">
        <v>66</v>
      </c>
      <c r="AD10326">
        <v>66</v>
      </c>
      <c r="AE10326">
        <v>67</v>
      </c>
      <c r="AF10326">
        <v>68</v>
      </c>
      <c r="AG10326">
        <v>68</v>
      </c>
      <c r="AH10326">
        <v>69</v>
      </c>
      <c r="AI10326">
        <v>69</v>
      </c>
      <c r="AJ10326">
        <v>70</v>
      </c>
      <c r="AK10326">
        <v>71</v>
      </c>
      <c r="AL10326">
        <v>71</v>
      </c>
      <c r="AM10326">
        <v>71</v>
      </c>
      <c r="AN10326">
        <v>71</v>
      </c>
      <c r="AO10326">
        <v>71</v>
      </c>
      <c r="AP10326">
        <v>71</v>
      </c>
      <c r="AQ10326">
        <v>71</v>
      </c>
    </row>
    <row r="10327" spans="1:43">
      <c r="A10327" t="s">
        <v>6442</v>
      </c>
      <c r="B10327" t="s">
        <v>6443</v>
      </c>
      <c r="C10327" t="s">
        <v>6386</v>
      </c>
      <c r="D10327" t="s">
        <v>6387</v>
      </c>
      <c r="E10327" t="s">
        <v>6174</v>
      </c>
      <c r="F10327" t="s">
        <v>6175</v>
      </c>
      <c r="G10327" t="s">
        <v>80</v>
      </c>
      <c r="H10327" t="s">
        <v>81</v>
      </c>
      <c r="I10327" s="2">
        <v>0</v>
      </c>
      <c r="J10327" s="2">
        <v>1</v>
      </c>
      <c r="K10327" s="2">
        <v>0</v>
      </c>
      <c r="L10327" t="s">
        <v>82</v>
      </c>
      <c r="M10327" t="s">
        <v>87</v>
      </c>
      <c r="N10327" t="s">
        <v>88</v>
      </c>
      <c r="O10327" t="s">
        <v>85</v>
      </c>
      <c r="P10327" t="s">
        <v>86</v>
      </c>
      <c r="Q10327">
        <v>57</v>
      </c>
      <c r="R10327">
        <v>57</v>
      </c>
      <c r="S10327">
        <v>57</v>
      </c>
      <c r="T10327">
        <v>57</v>
      </c>
      <c r="U10327">
        <v>58</v>
      </c>
      <c r="V10327">
        <v>58</v>
      </c>
      <c r="W10327">
        <v>58</v>
      </c>
      <c r="X10327">
        <v>58</v>
      </c>
      <c r="Y10327">
        <v>58</v>
      </c>
      <c r="Z10327">
        <v>59</v>
      </c>
      <c r="AA10327">
        <v>59</v>
      </c>
      <c r="AB10327">
        <v>59</v>
      </c>
      <c r="AC10327">
        <v>59</v>
      </c>
      <c r="AD10327">
        <v>59</v>
      </c>
      <c r="AE10327">
        <v>59</v>
      </c>
      <c r="AF10327">
        <v>60</v>
      </c>
      <c r="AG10327">
        <v>60</v>
      </c>
      <c r="AH10327">
        <v>60</v>
      </c>
      <c r="AI10327">
        <v>60</v>
      </c>
      <c r="AJ10327">
        <v>60</v>
      </c>
      <c r="AK10327">
        <v>60</v>
      </c>
      <c r="AL10327">
        <v>60</v>
      </c>
      <c r="AM10327">
        <v>61</v>
      </c>
      <c r="AN10327">
        <v>61</v>
      </c>
      <c r="AO10327">
        <v>61</v>
      </c>
      <c r="AP10327">
        <v>61</v>
      </c>
      <c r="AQ10327">
        <v>61</v>
      </c>
    </row>
    <row r="10328" spans="1:43">
      <c r="A10328" t="s">
        <v>6442</v>
      </c>
      <c r="B10328" t="s">
        <v>6443</v>
      </c>
      <c r="C10328" t="s">
        <v>6386</v>
      </c>
      <c r="D10328" t="s">
        <v>6387</v>
      </c>
      <c r="E10328" t="s">
        <v>6174</v>
      </c>
      <c r="F10328" t="s">
        <v>6175</v>
      </c>
      <c r="G10328" t="s">
        <v>80</v>
      </c>
      <c r="H10328" t="s">
        <v>81</v>
      </c>
      <c r="I10328" s="2">
        <v>0</v>
      </c>
      <c r="J10328" s="2">
        <v>1</v>
      </c>
      <c r="K10328" s="2">
        <v>0</v>
      </c>
      <c r="L10328" t="s">
        <v>82</v>
      </c>
      <c r="M10328" t="s">
        <v>89</v>
      </c>
      <c r="N10328" t="s">
        <v>90</v>
      </c>
      <c r="O10328" t="s">
        <v>85</v>
      </c>
      <c r="P10328" t="s">
        <v>86</v>
      </c>
      <c r="Q10328">
        <v>57</v>
      </c>
      <c r="R10328">
        <v>58</v>
      </c>
      <c r="S10328">
        <v>59</v>
      </c>
      <c r="T10328">
        <v>60</v>
      </c>
      <c r="U10328">
        <v>62</v>
      </c>
      <c r="V10328">
        <v>63</v>
      </c>
      <c r="W10328">
        <v>64</v>
      </c>
      <c r="X10328">
        <v>65</v>
      </c>
      <c r="Y10328">
        <v>66</v>
      </c>
      <c r="Z10328">
        <v>67</v>
      </c>
      <c r="AA10328">
        <v>68</v>
      </c>
      <c r="AB10328">
        <v>68</v>
      </c>
      <c r="AC10328">
        <v>69</v>
      </c>
      <c r="AD10328">
        <v>70</v>
      </c>
      <c r="AE10328">
        <v>71</v>
      </c>
      <c r="AF10328">
        <v>71</v>
      </c>
      <c r="AG10328">
        <v>71</v>
      </c>
      <c r="AH10328">
        <v>71</v>
      </c>
      <c r="AI10328">
        <v>71</v>
      </c>
      <c r="AJ10328">
        <v>71</v>
      </c>
      <c r="AK10328">
        <v>71</v>
      </c>
      <c r="AL10328">
        <v>71</v>
      </c>
      <c r="AM10328">
        <v>71</v>
      </c>
      <c r="AN10328">
        <v>71</v>
      </c>
      <c r="AO10328">
        <v>70</v>
      </c>
      <c r="AP10328">
        <v>70</v>
      </c>
      <c r="AQ10328">
        <v>70</v>
      </c>
    </row>
    <row r="10329" spans="1:43">
      <c r="A10329" t="s">
        <v>6442</v>
      </c>
      <c r="B10329" t="s">
        <v>6443</v>
      </c>
      <c r="C10329" t="s">
        <v>6386</v>
      </c>
      <c r="D10329" t="s">
        <v>6387</v>
      </c>
      <c r="E10329" t="s">
        <v>6174</v>
      </c>
      <c r="F10329" t="s">
        <v>6175</v>
      </c>
      <c r="G10329" t="s">
        <v>80</v>
      </c>
      <c r="H10329" t="s">
        <v>81</v>
      </c>
      <c r="I10329" s="2">
        <v>0</v>
      </c>
      <c r="J10329" s="2">
        <v>1</v>
      </c>
      <c r="K10329" s="2">
        <v>0</v>
      </c>
      <c r="L10329" t="s">
        <v>82</v>
      </c>
      <c r="M10329" t="s">
        <v>83</v>
      </c>
      <c r="N10329" t="s">
        <v>91</v>
      </c>
      <c r="O10329" t="s">
        <v>85</v>
      </c>
      <c r="P10329" t="s">
        <v>86</v>
      </c>
      <c r="Q10329">
        <v>57</v>
      </c>
      <c r="R10329">
        <v>58</v>
      </c>
      <c r="S10329">
        <v>59</v>
      </c>
      <c r="T10329">
        <v>60</v>
      </c>
      <c r="U10329">
        <v>60</v>
      </c>
      <c r="V10329">
        <v>61</v>
      </c>
      <c r="W10329">
        <v>62</v>
      </c>
      <c r="X10329">
        <v>62</v>
      </c>
      <c r="Y10329">
        <v>63</v>
      </c>
      <c r="Z10329">
        <v>64</v>
      </c>
      <c r="AA10329">
        <v>64</v>
      </c>
      <c r="AB10329">
        <v>65</v>
      </c>
      <c r="AC10329">
        <v>66</v>
      </c>
      <c r="AD10329">
        <v>66</v>
      </c>
      <c r="AE10329">
        <v>67</v>
      </c>
      <c r="AF10329">
        <v>68</v>
      </c>
      <c r="AG10329">
        <v>68</v>
      </c>
      <c r="AH10329">
        <v>69</v>
      </c>
      <c r="AI10329">
        <v>69</v>
      </c>
      <c r="AJ10329">
        <v>70</v>
      </c>
      <c r="AK10329">
        <v>71</v>
      </c>
      <c r="AL10329">
        <v>71</v>
      </c>
      <c r="AM10329">
        <v>71</v>
      </c>
      <c r="AN10329">
        <v>71</v>
      </c>
      <c r="AO10329">
        <v>71</v>
      </c>
      <c r="AP10329">
        <v>71</v>
      </c>
      <c r="AQ10329">
        <v>71</v>
      </c>
    </row>
    <row r="10330" spans="1:43">
      <c r="A10330" t="s">
        <v>6444</v>
      </c>
      <c r="B10330" t="s">
        <v>6445</v>
      </c>
      <c r="C10330" t="s">
        <v>6402</v>
      </c>
      <c r="D10330" t="s">
        <v>6403</v>
      </c>
      <c r="E10330" t="s">
        <v>6174</v>
      </c>
      <c r="F10330" t="s">
        <v>6175</v>
      </c>
      <c r="G10330" t="s">
        <v>80</v>
      </c>
      <c r="H10330" t="s">
        <v>81</v>
      </c>
      <c r="I10330" s="2">
        <v>0</v>
      </c>
      <c r="J10330" s="2">
        <v>1</v>
      </c>
      <c r="K10330" s="2">
        <v>0</v>
      </c>
      <c r="L10330" t="s">
        <v>82</v>
      </c>
      <c r="M10330" t="s">
        <v>83</v>
      </c>
      <c r="N10330" t="s">
        <v>84</v>
      </c>
      <c r="O10330" t="s">
        <v>85</v>
      </c>
      <c r="P10330" t="s">
        <v>86</v>
      </c>
      <c r="Q10330">
        <v>48</v>
      </c>
      <c r="R10330">
        <v>49</v>
      </c>
      <c r="S10330">
        <v>50</v>
      </c>
      <c r="T10330">
        <v>50</v>
      </c>
      <c r="U10330">
        <v>51</v>
      </c>
      <c r="V10330">
        <v>51</v>
      </c>
      <c r="W10330">
        <v>52</v>
      </c>
      <c r="X10330">
        <v>52</v>
      </c>
      <c r="Y10330">
        <v>53</v>
      </c>
      <c r="Z10330">
        <v>54</v>
      </c>
      <c r="AA10330">
        <v>54</v>
      </c>
      <c r="AB10330">
        <v>55</v>
      </c>
      <c r="AC10330">
        <v>55</v>
      </c>
      <c r="AD10330">
        <v>56</v>
      </c>
      <c r="AE10330">
        <v>56</v>
      </c>
      <c r="AF10330">
        <v>57</v>
      </c>
      <c r="AG10330">
        <v>57</v>
      </c>
      <c r="AH10330">
        <v>58</v>
      </c>
      <c r="AI10330">
        <v>58</v>
      </c>
      <c r="AJ10330">
        <v>59</v>
      </c>
      <c r="AK10330">
        <v>59</v>
      </c>
      <c r="AL10330">
        <v>59</v>
      </c>
      <c r="AM10330">
        <v>59</v>
      </c>
      <c r="AN10330">
        <v>59</v>
      </c>
      <c r="AO10330">
        <v>59</v>
      </c>
      <c r="AP10330">
        <v>59</v>
      </c>
      <c r="AQ10330">
        <v>59</v>
      </c>
    </row>
    <row r="10331" spans="1:43">
      <c r="A10331" t="s">
        <v>6444</v>
      </c>
      <c r="B10331" t="s">
        <v>6445</v>
      </c>
      <c r="C10331" t="s">
        <v>6402</v>
      </c>
      <c r="D10331" t="s">
        <v>6403</v>
      </c>
      <c r="E10331" t="s">
        <v>6174</v>
      </c>
      <c r="F10331" t="s">
        <v>6175</v>
      </c>
      <c r="G10331" t="s">
        <v>80</v>
      </c>
      <c r="H10331" t="s">
        <v>81</v>
      </c>
      <c r="I10331" s="2">
        <v>0</v>
      </c>
      <c r="J10331" s="2">
        <v>1</v>
      </c>
      <c r="K10331" s="2">
        <v>0</v>
      </c>
      <c r="L10331" t="s">
        <v>82</v>
      </c>
      <c r="M10331" t="s">
        <v>87</v>
      </c>
      <c r="N10331" t="s">
        <v>88</v>
      </c>
      <c r="O10331" t="s">
        <v>85</v>
      </c>
      <c r="P10331" t="s">
        <v>86</v>
      </c>
      <c r="Q10331">
        <v>48</v>
      </c>
      <c r="R10331">
        <v>48</v>
      </c>
      <c r="S10331">
        <v>48</v>
      </c>
      <c r="T10331">
        <v>48</v>
      </c>
      <c r="U10331">
        <v>48</v>
      </c>
      <c r="V10331">
        <v>49</v>
      </c>
      <c r="W10331">
        <v>49</v>
      </c>
      <c r="X10331">
        <v>49</v>
      </c>
      <c r="Y10331">
        <v>49</v>
      </c>
      <c r="Z10331">
        <v>49</v>
      </c>
      <c r="AA10331">
        <v>49</v>
      </c>
      <c r="AB10331">
        <v>49</v>
      </c>
      <c r="AC10331">
        <v>50</v>
      </c>
      <c r="AD10331">
        <v>50</v>
      </c>
      <c r="AE10331">
        <v>50</v>
      </c>
      <c r="AF10331">
        <v>50</v>
      </c>
      <c r="AG10331">
        <v>50</v>
      </c>
      <c r="AH10331">
        <v>50</v>
      </c>
      <c r="AI10331">
        <v>50</v>
      </c>
      <c r="AJ10331">
        <v>50</v>
      </c>
      <c r="AK10331">
        <v>50</v>
      </c>
      <c r="AL10331">
        <v>51</v>
      </c>
      <c r="AM10331">
        <v>51</v>
      </c>
      <c r="AN10331">
        <v>51</v>
      </c>
      <c r="AO10331">
        <v>51</v>
      </c>
      <c r="AP10331">
        <v>51</v>
      </c>
      <c r="AQ10331">
        <v>51</v>
      </c>
    </row>
    <row r="10332" spans="1:43">
      <c r="A10332" t="s">
        <v>6444</v>
      </c>
      <c r="B10332" t="s">
        <v>6445</v>
      </c>
      <c r="C10332" t="s">
        <v>6402</v>
      </c>
      <c r="D10332" t="s">
        <v>6403</v>
      </c>
      <c r="E10332" t="s">
        <v>6174</v>
      </c>
      <c r="F10332" t="s">
        <v>6175</v>
      </c>
      <c r="G10332" t="s">
        <v>80</v>
      </c>
      <c r="H10332" t="s">
        <v>81</v>
      </c>
      <c r="I10332" s="2">
        <v>0</v>
      </c>
      <c r="J10332" s="2">
        <v>1</v>
      </c>
      <c r="K10332" s="2">
        <v>0</v>
      </c>
      <c r="L10332" t="s">
        <v>82</v>
      </c>
      <c r="M10332" t="s">
        <v>89</v>
      </c>
      <c r="N10332" t="s">
        <v>90</v>
      </c>
      <c r="O10332" t="s">
        <v>85</v>
      </c>
      <c r="P10332" t="s">
        <v>86</v>
      </c>
      <c r="Q10332">
        <v>48</v>
      </c>
      <c r="R10332">
        <v>49</v>
      </c>
      <c r="S10332">
        <v>50</v>
      </c>
      <c r="T10332">
        <v>51</v>
      </c>
      <c r="U10332">
        <v>52</v>
      </c>
      <c r="V10332">
        <v>53</v>
      </c>
      <c r="W10332">
        <v>54</v>
      </c>
      <c r="X10332">
        <v>54</v>
      </c>
      <c r="Y10332">
        <v>55</v>
      </c>
      <c r="Z10332">
        <v>56</v>
      </c>
      <c r="AA10332">
        <v>57</v>
      </c>
      <c r="AB10332">
        <v>57</v>
      </c>
      <c r="AC10332">
        <v>58</v>
      </c>
      <c r="AD10332">
        <v>59</v>
      </c>
      <c r="AE10332">
        <v>59</v>
      </c>
      <c r="AF10332">
        <v>59</v>
      </c>
      <c r="AG10332">
        <v>59</v>
      </c>
      <c r="AH10332">
        <v>59</v>
      </c>
      <c r="AI10332">
        <v>59</v>
      </c>
      <c r="AJ10332">
        <v>59</v>
      </c>
      <c r="AK10332">
        <v>59</v>
      </c>
      <c r="AL10332">
        <v>59</v>
      </c>
      <c r="AM10332">
        <v>59</v>
      </c>
      <c r="AN10332">
        <v>59</v>
      </c>
      <c r="AO10332">
        <v>59</v>
      </c>
      <c r="AP10332">
        <v>59</v>
      </c>
      <c r="AQ10332">
        <v>59</v>
      </c>
    </row>
    <row r="10333" spans="1:43">
      <c r="A10333" t="s">
        <v>6444</v>
      </c>
      <c r="B10333" t="s">
        <v>6445</v>
      </c>
      <c r="C10333" t="s">
        <v>6402</v>
      </c>
      <c r="D10333" t="s">
        <v>6403</v>
      </c>
      <c r="E10333" t="s">
        <v>6174</v>
      </c>
      <c r="F10333" t="s">
        <v>6175</v>
      </c>
      <c r="G10333" t="s">
        <v>80</v>
      </c>
      <c r="H10333" t="s">
        <v>81</v>
      </c>
      <c r="I10333" s="2">
        <v>0</v>
      </c>
      <c r="J10333" s="2">
        <v>1</v>
      </c>
      <c r="K10333" s="2">
        <v>0</v>
      </c>
      <c r="L10333" t="s">
        <v>82</v>
      </c>
      <c r="M10333" t="s">
        <v>83</v>
      </c>
      <c r="N10333" t="s">
        <v>91</v>
      </c>
      <c r="O10333" t="s">
        <v>85</v>
      </c>
      <c r="P10333" t="s">
        <v>86</v>
      </c>
      <c r="Q10333">
        <v>48</v>
      </c>
      <c r="R10333">
        <v>49</v>
      </c>
      <c r="S10333">
        <v>50</v>
      </c>
      <c r="T10333">
        <v>50</v>
      </c>
      <c r="U10333">
        <v>51</v>
      </c>
      <c r="V10333">
        <v>51</v>
      </c>
      <c r="W10333">
        <v>52</v>
      </c>
      <c r="X10333">
        <v>52</v>
      </c>
      <c r="Y10333">
        <v>53</v>
      </c>
      <c r="Z10333">
        <v>54</v>
      </c>
      <c r="AA10333">
        <v>54</v>
      </c>
      <c r="AB10333">
        <v>55</v>
      </c>
      <c r="AC10333">
        <v>55</v>
      </c>
      <c r="AD10333">
        <v>56</v>
      </c>
      <c r="AE10333">
        <v>56</v>
      </c>
      <c r="AF10333">
        <v>57</v>
      </c>
      <c r="AG10333">
        <v>57</v>
      </c>
      <c r="AH10333">
        <v>58</v>
      </c>
      <c r="AI10333">
        <v>58</v>
      </c>
      <c r="AJ10333">
        <v>59</v>
      </c>
      <c r="AK10333">
        <v>59</v>
      </c>
      <c r="AL10333">
        <v>59</v>
      </c>
      <c r="AM10333">
        <v>59</v>
      </c>
      <c r="AN10333">
        <v>59</v>
      </c>
      <c r="AO10333">
        <v>59</v>
      </c>
      <c r="AP10333">
        <v>59</v>
      </c>
      <c r="AQ10333">
        <v>59</v>
      </c>
    </row>
    <row r="10334" spans="1:43">
      <c r="A10334" t="s">
        <v>6446</v>
      </c>
      <c r="B10334" t="s">
        <v>6447</v>
      </c>
      <c r="C10334" t="s">
        <v>6386</v>
      </c>
      <c r="D10334" t="s">
        <v>6387</v>
      </c>
      <c r="E10334" t="s">
        <v>6174</v>
      </c>
      <c r="F10334" t="s">
        <v>6175</v>
      </c>
      <c r="G10334" t="s">
        <v>80</v>
      </c>
      <c r="H10334" t="s">
        <v>81</v>
      </c>
      <c r="I10334" s="2">
        <v>0</v>
      </c>
      <c r="J10334" s="2">
        <v>1</v>
      </c>
      <c r="K10334" s="2">
        <v>0</v>
      </c>
      <c r="L10334" t="s">
        <v>82</v>
      </c>
      <c r="M10334" t="s">
        <v>83</v>
      </c>
      <c r="N10334" t="s">
        <v>84</v>
      </c>
      <c r="O10334" t="s">
        <v>85</v>
      </c>
      <c r="P10334" t="s">
        <v>86</v>
      </c>
      <c r="Q10334">
        <v>48</v>
      </c>
      <c r="R10334">
        <v>49</v>
      </c>
      <c r="S10334">
        <v>49</v>
      </c>
      <c r="T10334">
        <v>50</v>
      </c>
      <c r="U10334">
        <v>51</v>
      </c>
      <c r="V10334">
        <v>51</v>
      </c>
      <c r="W10334">
        <v>52</v>
      </c>
      <c r="X10334">
        <v>52</v>
      </c>
      <c r="Y10334">
        <v>53</v>
      </c>
      <c r="Z10334">
        <v>53</v>
      </c>
      <c r="AA10334">
        <v>54</v>
      </c>
      <c r="AB10334">
        <v>55</v>
      </c>
      <c r="AC10334">
        <v>55</v>
      </c>
      <c r="AD10334">
        <v>56</v>
      </c>
      <c r="AE10334">
        <v>56</v>
      </c>
      <c r="AF10334">
        <v>57</v>
      </c>
      <c r="AG10334">
        <v>57</v>
      </c>
      <c r="AH10334">
        <v>58</v>
      </c>
      <c r="AI10334">
        <v>58</v>
      </c>
      <c r="AJ10334">
        <v>59</v>
      </c>
      <c r="AK10334">
        <v>59</v>
      </c>
      <c r="AL10334">
        <v>59</v>
      </c>
      <c r="AM10334">
        <v>59</v>
      </c>
      <c r="AN10334">
        <v>59</v>
      </c>
      <c r="AO10334">
        <v>59</v>
      </c>
      <c r="AP10334">
        <v>59</v>
      </c>
      <c r="AQ10334">
        <v>59</v>
      </c>
    </row>
    <row r="10335" spans="1:43">
      <c r="A10335" t="s">
        <v>6446</v>
      </c>
      <c r="B10335" t="s">
        <v>6447</v>
      </c>
      <c r="C10335" t="s">
        <v>6386</v>
      </c>
      <c r="D10335" t="s">
        <v>6387</v>
      </c>
      <c r="E10335" t="s">
        <v>6174</v>
      </c>
      <c r="F10335" t="s">
        <v>6175</v>
      </c>
      <c r="G10335" t="s">
        <v>80</v>
      </c>
      <c r="H10335" t="s">
        <v>81</v>
      </c>
      <c r="I10335" s="2">
        <v>0</v>
      </c>
      <c r="J10335" s="2">
        <v>1</v>
      </c>
      <c r="K10335" s="2">
        <v>0</v>
      </c>
      <c r="L10335" t="s">
        <v>82</v>
      </c>
      <c r="M10335" t="s">
        <v>87</v>
      </c>
      <c r="N10335" t="s">
        <v>88</v>
      </c>
      <c r="O10335" t="s">
        <v>85</v>
      </c>
      <c r="P10335" t="s">
        <v>86</v>
      </c>
      <c r="Q10335">
        <v>48</v>
      </c>
      <c r="R10335">
        <v>48</v>
      </c>
      <c r="S10335">
        <v>48</v>
      </c>
      <c r="T10335">
        <v>48</v>
      </c>
      <c r="U10335">
        <v>48</v>
      </c>
      <c r="V10335">
        <v>48</v>
      </c>
      <c r="W10335">
        <v>49</v>
      </c>
      <c r="X10335">
        <v>49</v>
      </c>
      <c r="Y10335">
        <v>49</v>
      </c>
      <c r="Z10335">
        <v>49</v>
      </c>
      <c r="AA10335">
        <v>49</v>
      </c>
      <c r="AB10335">
        <v>49</v>
      </c>
      <c r="AC10335">
        <v>49</v>
      </c>
      <c r="AD10335">
        <v>50</v>
      </c>
      <c r="AE10335">
        <v>50</v>
      </c>
      <c r="AF10335">
        <v>50</v>
      </c>
      <c r="AG10335">
        <v>50</v>
      </c>
      <c r="AH10335">
        <v>50</v>
      </c>
      <c r="AI10335">
        <v>50</v>
      </c>
      <c r="AJ10335">
        <v>50</v>
      </c>
      <c r="AK10335">
        <v>50</v>
      </c>
      <c r="AL10335">
        <v>51</v>
      </c>
      <c r="AM10335">
        <v>51</v>
      </c>
      <c r="AN10335">
        <v>51</v>
      </c>
      <c r="AO10335">
        <v>51</v>
      </c>
      <c r="AP10335">
        <v>51</v>
      </c>
      <c r="AQ10335">
        <v>51</v>
      </c>
    </row>
    <row r="10336" spans="1:43">
      <c r="A10336" t="s">
        <v>6446</v>
      </c>
      <c r="B10336" t="s">
        <v>6447</v>
      </c>
      <c r="C10336" t="s">
        <v>6386</v>
      </c>
      <c r="D10336" t="s">
        <v>6387</v>
      </c>
      <c r="E10336" t="s">
        <v>6174</v>
      </c>
      <c r="F10336" t="s">
        <v>6175</v>
      </c>
      <c r="G10336" t="s">
        <v>80</v>
      </c>
      <c r="H10336" t="s">
        <v>81</v>
      </c>
      <c r="I10336" s="2">
        <v>0</v>
      </c>
      <c r="J10336" s="2">
        <v>1</v>
      </c>
      <c r="K10336" s="2">
        <v>0</v>
      </c>
      <c r="L10336" t="s">
        <v>82</v>
      </c>
      <c r="M10336" t="s">
        <v>89</v>
      </c>
      <c r="N10336" t="s">
        <v>90</v>
      </c>
      <c r="O10336" t="s">
        <v>85</v>
      </c>
      <c r="P10336" t="s">
        <v>86</v>
      </c>
      <c r="Q10336">
        <v>48</v>
      </c>
      <c r="R10336">
        <v>49</v>
      </c>
      <c r="S10336">
        <v>50</v>
      </c>
      <c r="T10336">
        <v>51</v>
      </c>
      <c r="U10336">
        <v>52</v>
      </c>
      <c r="V10336">
        <v>52</v>
      </c>
      <c r="W10336">
        <v>53</v>
      </c>
      <c r="X10336">
        <v>54</v>
      </c>
      <c r="Y10336">
        <v>55</v>
      </c>
      <c r="Z10336">
        <v>56</v>
      </c>
      <c r="AA10336">
        <v>57</v>
      </c>
      <c r="AB10336">
        <v>57</v>
      </c>
      <c r="AC10336">
        <v>58</v>
      </c>
      <c r="AD10336">
        <v>59</v>
      </c>
      <c r="AE10336">
        <v>59</v>
      </c>
      <c r="AF10336">
        <v>59</v>
      </c>
      <c r="AG10336">
        <v>59</v>
      </c>
      <c r="AH10336">
        <v>59</v>
      </c>
      <c r="AI10336">
        <v>59</v>
      </c>
      <c r="AJ10336">
        <v>59</v>
      </c>
      <c r="AK10336">
        <v>59</v>
      </c>
      <c r="AL10336">
        <v>59</v>
      </c>
      <c r="AM10336">
        <v>59</v>
      </c>
      <c r="AN10336">
        <v>59</v>
      </c>
      <c r="AO10336">
        <v>59</v>
      </c>
      <c r="AP10336">
        <v>59</v>
      </c>
      <c r="AQ10336">
        <v>58</v>
      </c>
    </row>
    <row r="10337" spans="1:43">
      <c r="A10337" t="s">
        <v>6446</v>
      </c>
      <c r="B10337" t="s">
        <v>6447</v>
      </c>
      <c r="C10337" t="s">
        <v>6386</v>
      </c>
      <c r="D10337" t="s">
        <v>6387</v>
      </c>
      <c r="E10337" t="s">
        <v>6174</v>
      </c>
      <c r="F10337" t="s">
        <v>6175</v>
      </c>
      <c r="G10337" t="s">
        <v>80</v>
      </c>
      <c r="H10337" t="s">
        <v>81</v>
      </c>
      <c r="I10337" s="2">
        <v>0</v>
      </c>
      <c r="J10337" s="2">
        <v>1</v>
      </c>
      <c r="K10337" s="2">
        <v>0</v>
      </c>
      <c r="L10337" t="s">
        <v>82</v>
      </c>
      <c r="M10337" t="s">
        <v>83</v>
      </c>
      <c r="N10337" t="s">
        <v>91</v>
      </c>
      <c r="O10337" t="s">
        <v>85</v>
      </c>
      <c r="P10337" t="s">
        <v>86</v>
      </c>
      <c r="Q10337">
        <v>48</v>
      </c>
      <c r="R10337">
        <v>49</v>
      </c>
      <c r="S10337">
        <v>49</v>
      </c>
      <c r="T10337">
        <v>50</v>
      </c>
      <c r="U10337">
        <v>51</v>
      </c>
      <c r="V10337">
        <v>51</v>
      </c>
      <c r="W10337">
        <v>52</v>
      </c>
      <c r="X10337">
        <v>52</v>
      </c>
      <c r="Y10337">
        <v>53</v>
      </c>
      <c r="Z10337">
        <v>53</v>
      </c>
      <c r="AA10337">
        <v>54</v>
      </c>
      <c r="AB10337">
        <v>55</v>
      </c>
      <c r="AC10337">
        <v>55</v>
      </c>
      <c r="AD10337">
        <v>56</v>
      </c>
      <c r="AE10337">
        <v>56</v>
      </c>
      <c r="AF10337">
        <v>57</v>
      </c>
      <c r="AG10337">
        <v>57</v>
      </c>
      <c r="AH10337">
        <v>58</v>
      </c>
      <c r="AI10337">
        <v>58</v>
      </c>
      <c r="AJ10337">
        <v>59</v>
      </c>
      <c r="AK10337">
        <v>59</v>
      </c>
      <c r="AL10337">
        <v>59</v>
      </c>
      <c r="AM10337">
        <v>59</v>
      </c>
      <c r="AN10337">
        <v>59</v>
      </c>
      <c r="AO10337">
        <v>59</v>
      </c>
      <c r="AP10337">
        <v>59</v>
      </c>
      <c r="AQ10337">
        <v>59</v>
      </c>
    </row>
    <row r="10338" spans="1:43">
      <c r="A10338" t="s">
        <v>6448</v>
      </c>
      <c r="B10338" t="s">
        <v>6449</v>
      </c>
      <c r="C10338" t="s">
        <v>6386</v>
      </c>
      <c r="D10338" t="s">
        <v>6387</v>
      </c>
      <c r="E10338" t="s">
        <v>6174</v>
      </c>
      <c r="F10338" t="s">
        <v>6175</v>
      </c>
      <c r="G10338" t="s">
        <v>80</v>
      </c>
      <c r="H10338" t="s">
        <v>81</v>
      </c>
      <c r="I10338" s="2">
        <v>0</v>
      </c>
      <c r="J10338" s="2">
        <v>1</v>
      </c>
      <c r="K10338" s="2">
        <v>0</v>
      </c>
      <c r="L10338" t="s">
        <v>82</v>
      </c>
      <c r="M10338" t="s">
        <v>83</v>
      </c>
      <c r="N10338" t="s">
        <v>84</v>
      </c>
      <c r="O10338" t="s">
        <v>85</v>
      </c>
      <c r="P10338" t="s">
        <v>86</v>
      </c>
      <c r="Q10338">
        <v>57</v>
      </c>
      <c r="R10338">
        <v>58</v>
      </c>
      <c r="S10338">
        <v>59</v>
      </c>
      <c r="T10338">
        <v>59</v>
      </c>
      <c r="U10338">
        <v>60</v>
      </c>
      <c r="V10338">
        <v>61</v>
      </c>
      <c r="W10338">
        <v>61</v>
      </c>
      <c r="X10338">
        <v>62</v>
      </c>
      <c r="Y10338">
        <v>63</v>
      </c>
      <c r="Z10338">
        <v>63</v>
      </c>
      <c r="AA10338">
        <v>64</v>
      </c>
      <c r="AB10338">
        <v>65</v>
      </c>
      <c r="AC10338">
        <v>65</v>
      </c>
      <c r="AD10338">
        <v>66</v>
      </c>
      <c r="AE10338">
        <v>66</v>
      </c>
      <c r="AF10338">
        <v>67</v>
      </c>
      <c r="AG10338">
        <v>67</v>
      </c>
      <c r="AH10338">
        <v>68</v>
      </c>
      <c r="AI10338">
        <v>69</v>
      </c>
      <c r="AJ10338">
        <v>69</v>
      </c>
      <c r="AK10338">
        <v>70</v>
      </c>
      <c r="AL10338">
        <v>70</v>
      </c>
      <c r="AM10338">
        <v>70</v>
      </c>
      <c r="AN10338">
        <v>70</v>
      </c>
      <c r="AO10338">
        <v>69</v>
      </c>
      <c r="AP10338">
        <v>69</v>
      </c>
      <c r="AQ10338">
        <v>69</v>
      </c>
    </row>
    <row r="10339" spans="1:43">
      <c r="A10339" t="s">
        <v>6448</v>
      </c>
      <c r="B10339" t="s">
        <v>6449</v>
      </c>
      <c r="C10339" t="s">
        <v>6386</v>
      </c>
      <c r="D10339" t="s">
        <v>6387</v>
      </c>
      <c r="E10339" t="s">
        <v>6174</v>
      </c>
      <c r="F10339" t="s">
        <v>6175</v>
      </c>
      <c r="G10339" t="s">
        <v>80</v>
      </c>
      <c r="H10339" t="s">
        <v>81</v>
      </c>
      <c r="I10339" s="2">
        <v>0</v>
      </c>
      <c r="J10339" s="2">
        <v>1</v>
      </c>
      <c r="K10339" s="2">
        <v>0</v>
      </c>
      <c r="L10339" t="s">
        <v>82</v>
      </c>
      <c r="M10339" t="s">
        <v>87</v>
      </c>
      <c r="N10339" t="s">
        <v>88</v>
      </c>
      <c r="O10339" t="s">
        <v>85</v>
      </c>
      <c r="P10339" t="s">
        <v>86</v>
      </c>
      <c r="Q10339">
        <v>57</v>
      </c>
      <c r="R10339">
        <v>57</v>
      </c>
      <c r="S10339">
        <v>57</v>
      </c>
      <c r="T10339">
        <v>57</v>
      </c>
      <c r="U10339">
        <v>57</v>
      </c>
      <c r="V10339">
        <v>57</v>
      </c>
      <c r="W10339">
        <v>58</v>
      </c>
      <c r="X10339">
        <v>58</v>
      </c>
      <c r="Y10339">
        <v>58</v>
      </c>
      <c r="Z10339">
        <v>58</v>
      </c>
      <c r="AA10339">
        <v>58</v>
      </c>
      <c r="AB10339">
        <v>58</v>
      </c>
      <c r="AC10339">
        <v>58</v>
      </c>
      <c r="AD10339">
        <v>59</v>
      </c>
      <c r="AE10339">
        <v>59</v>
      </c>
      <c r="AF10339">
        <v>59</v>
      </c>
      <c r="AG10339">
        <v>59</v>
      </c>
      <c r="AH10339">
        <v>59</v>
      </c>
      <c r="AI10339">
        <v>59</v>
      </c>
      <c r="AJ10339">
        <v>59</v>
      </c>
      <c r="AK10339">
        <v>59</v>
      </c>
      <c r="AL10339">
        <v>60</v>
      </c>
      <c r="AM10339">
        <v>60</v>
      </c>
      <c r="AN10339">
        <v>60</v>
      </c>
      <c r="AO10339">
        <v>60</v>
      </c>
      <c r="AP10339">
        <v>60</v>
      </c>
      <c r="AQ10339">
        <v>60</v>
      </c>
    </row>
    <row r="10340" spans="1:43">
      <c r="A10340" t="s">
        <v>6448</v>
      </c>
      <c r="B10340" t="s">
        <v>6449</v>
      </c>
      <c r="C10340" t="s">
        <v>6386</v>
      </c>
      <c r="D10340" t="s">
        <v>6387</v>
      </c>
      <c r="E10340" t="s">
        <v>6174</v>
      </c>
      <c r="F10340" t="s">
        <v>6175</v>
      </c>
      <c r="G10340" t="s">
        <v>80</v>
      </c>
      <c r="H10340" t="s">
        <v>81</v>
      </c>
      <c r="I10340" s="2">
        <v>0</v>
      </c>
      <c r="J10340" s="2">
        <v>1</v>
      </c>
      <c r="K10340" s="2">
        <v>0</v>
      </c>
      <c r="L10340" t="s">
        <v>82</v>
      </c>
      <c r="M10340" t="s">
        <v>89</v>
      </c>
      <c r="N10340" t="s">
        <v>90</v>
      </c>
      <c r="O10340" t="s">
        <v>85</v>
      </c>
      <c r="P10340" t="s">
        <v>86</v>
      </c>
      <c r="Q10340">
        <v>57</v>
      </c>
      <c r="R10340">
        <v>58</v>
      </c>
      <c r="S10340">
        <v>59</v>
      </c>
      <c r="T10340">
        <v>60</v>
      </c>
      <c r="U10340">
        <v>61</v>
      </c>
      <c r="V10340">
        <v>62</v>
      </c>
      <c r="W10340">
        <v>63</v>
      </c>
      <c r="X10340">
        <v>64</v>
      </c>
      <c r="Y10340">
        <v>65</v>
      </c>
      <c r="Z10340">
        <v>66</v>
      </c>
      <c r="AA10340">
        <v>67</v>
      </c>
      <c r="AB10340">
        <v>68</v>
      </c>
      <c r="AC10340">
        <v>69</v>
      </c>
      <c r="AD10340">
        <v>70</v>
      </c>
      <c r="AE10340">
        <v>70</v>
      </c>
      <c r="AF10340">
        <v>70</v>
      </c>
      <c r="AG10340">
        <v>70</v>
      </c>
      <c r="AH10340">
        <v>70</v>
      </c>
      <c r="AI10340">
        <v>70</v>
      </c>
      <c r="AJ10340">
        <v>70</v>
      </c>
      <c r="AK10340">
        <v>70</v>
      </c>
      <c r="AL10340">
        <v>69</v>
      </c>
      <c r="AM10340">
        <v>69</v>
      </c>
      <c r="AN10340">
        <v>69</v>
      </c>
      <c r="AO10340">
        <v>69</v>
      </c>
      <c r="AP10340">
        <v>69</v>
      </c>
      <c r="AQ10340">
        <v>69</v>
      </c>
    </row>
    <row r="10341" spans="1:43">
      <c r="A10341" t="s">
        <v>6448</v>
      </c>
      <c r="B10341" t="s">
        <v>6449</v>
      </c>
      <c r="C10341" t="s">
        <v>6386</v>
      </c>
      <c r="D10341" t="s">
        <v>6387</v>
      </c>
      <c r="E10341" t="s">
        <v>6174</v>
      </c>
      <c r="F10341" t="s">
        <v>6175</v>
      </c>
      <c r="G10341" t="s">
        <v>80</v>
      </c>
      <c r="H10341" t="s">
        <v>81</v>
      </c>
      <c r="I10341" s="2">
        <v>0</v>
      </c>
      <c r="J10341" s="2">
        <v>1</v>
      </c>
      <c r="K10341" s="2">
        <v>0</v>
      </c>
      <c r="L10341" t="s">
        <v>82</v>
      </c>
      <c r="M10341" t="s">
        <v>83</v>
      </c>
      <c r="N10341" t="s">
        <v>91</v>
      </c>
      <c r="O10341" t="s">
        <v>85</v>
      </c>
      <c r="P10341" t="s">
        <v>86</v>
      </c>
      <c r="Q10341">
        <v>57</v>
      </c>
      <c r="R10341">
        <v>58</v>
      </c>
      <c r="S10341">
        <v>59</v>
      </c>
      <c r="T10341">
        <v>59</v>
      </c>
      <c r="U10341">
        <v>60</v>
      </c>
      <c r="V10341">
        <v>61</v>
      </c>
      <c r="W10341">
        <v>61</v>
      </c>
      <c r="X10341">
        <v>62</v>
      </c>
      <c r="Y10341">
        <v>63</v>
      </c>
      <c r="Z10341">
        <v>63</v>
      </c>
      <c r="AA10341">
        <v>64</v>
      </c>
      <c r="AB10341">
        <v>65</v>
      </c>
      <c r="AC10341">
        <v>65</v>
      </c>
      <c r="AD10341">
        <v>66</v>
      </c>
      <c r="AE10341">
        <v>66</v>
      </c>
      <c r="AF10341">
        <v>67</v>
      </c>
      <c r="AG10341">
        <v>67</v>
      </c>
      <c r="AH10341">
        <v>68</v>
      </c>
      <c r="AI10341">
        <v>69</v>
      </c>
      <c r="AJ10341">
        <v>69</v>
      </c>
      <c r="AK10341">
        <v>70</v>
      </c>
      <c r="AL10341">
        <v>70</v>
      </c>
      <c r="AM10341">
        <v>70</v>
      </c>
      <c r="AN10341">
        <v>70</v>
      </c>
      <c r="AO10341">
        <v>69</v>
      </c>
      <c r="AP10341">
        <v>69</v>
      </c>
      <c r="AQ10341">
        <v>69</v>
      </c>
    </row>
    <row r="10342" spans="1:43">
      <c r="A10342" t="s">
        <v>6450</v>
      </c>
      <c r="B10342" t="s">
        <v>6451</v>
      </c>
      <c r="C10342" t="s">
        <v>6386</v>
      </c>
      <c r="D10342" t="s">
        <v>6387</v>
      </c>
      <c r="E10342" t="s">
        <v>6174</v>
      </c>
      <c r="F10342" t="s">
        <v>6175</v>
      </c>
      <c r="G10342" t="s">
        <v>80</v>
      </c>
      <c r="H10342" t="s">
        <v>81</v>
      </c>
      <c r="I10342" s="2">
        <v>0</v>
      </c>
      <c r="J10342" s="2">
        <v>1</v>
      </c>
      <c r="K10342" s="2">
        <v>0</v>
      </c>
      <c r="L10342" t="s">
        <v>82</v>
      </c>
      <c r="M10342" t="s">
        <v>83</v>
      </c>
      <c r="N10342" t="s">
        <v>84</v>
      </c>
      <c r="O10342" t="s">
        <v>85</v>
      </c>
      <c r="P10342" t="s">
        <v>86</v>
      </c>
      <c r="Q10342">
        <v>51</v>
      </c>
      <c r="R10342">
        <v>51</v>
      </c>
      <c r="S10342">
        <v>52</v>
      </c>
      <c r="T10342">
        <v>52</v>
      </c>
      <c r="U10342">
        <v>53</v>
      </c>
      <c r="V10342">
        <v>54</v>
      </c>
      <c r="W10342">
        <v>54</v>
      </c>
      <c r="X10342">
        <v>55</v>
      </c>
      <c r="Y10342">
        <v>55</v>
      </c>
      <c r="Z10342">
        <v>56</v>
      </c>
      <c r="AA10342">
        <v>57</v>
      </c>
      <c r="AB10342">
        <v>57</v>
      </c>
      <c r="AC10342">
        <v>58</v>
      </c>
      <c r="AD10342">
        <v>58</v>
      </c>
      <c r="AE10342">
        <v>59</v>
      </c>
      <c r="AF10342">
        <v>59</v>
      </c>
      <c r="AG10342">
        <v>60</v>
      </c>
      <c r="AH10342">
        <v>60</v>
      </c>
      <c r="AI10342">
        <v>61</v>
      </c>
      <c r="AJ10342">
        <v>61</v>
      </c>
      <c r="AK10342">
        <v>62</v>
      </c>
      <c r="AL10342">
        <v>62</v>
      </c>
      <c r="AM10342">
        <v>62</v>
      </c>
      <c r="AN10342">
        <v>62</v>
      </c>
      <c r="AO10342">
        <v>61</v>
      </c>
      <c r="AP10342">
        <v>61</v>
      </c>
      <c r="AQ10342">
        <v>61</v>
      </c>
    </row>
    <row r="10343" spans="1:43">
      <c r="A10343" t="s">
        <v>6450</v>
      </c>
      <c r="B10343" t="s">
        <v>6451</v>
      </c>
      <c r="C10343" t="s">
        <v>6386</v>
      </c>
      <c r="D10343" t="s">
        <v>6387</v>
      </c>
      <c r="E10343" t="s">
        <v>6174</v>
      </c>
      <c r="F10343" t="s">
        <v>6175</v>
      </c>
      <c r="G10343" t="s">
        <v>80</v>
      </c>
      <c r="H10343" t="s">
        <v>81</v>
      </c>
      <c r="I10343" s="2">
        <v>0</v>
      </c>
      <c r="J10343" s="2">
        <v>1</v>
      </c>
      <c r="K10343" s="2">
        <v>0</v>
      </c>
      <c r="L10343" t="s">
        <v>82</v>
      </c>
      <c r="M10343" t="s">
        <v>87</v>
      </c>
      <c r="N10343" t="s">
        <v>88</v>
      </c>
      <c r="O10343" t="s">
        <v>85</v>
      </c>
      <c r="P10343" t="s">
        <v>86</v>
      </c>
      <c r="Q10343">
        <v>51</v>
      </c>
      <c r="R10343">
        <v>51</v>
      </c>
      <c r="S10343">
        <v>51</v>
      </c>
      <c r="T10343">
        <v>52</v>
      </c>
      <c r="U10343">
        <v>52</v>
      </c>
      <c r="V10343">
        <v>52</v>
      </c>
      <c r="W10343">
        <v>52</v>
      </c>
      <c r="X10343">
        <v>52</v>
      </c>
      <c r="Y10343">
        <v>52</v>
      </c>
      <c r="Z10343">
        <v>52</v>
      </c>
      <c r="AA10343">
        <v>53</v>
      </c>
      <c r="AB10343">
        <v>53</v>
      </c>
      <c r="AC10343">
        <v>53</v>
      </c>
      <c r="AD10343">
        <v>53</v>
      </c>
      <c r="AE10343">
        <v>53</v>
      </c>
      <c r="AF10343">
        <v>53</v>
      </c>
      <c r="AG10343">
        <v>53</v>
      </c>
      <c r="AH10343">
        <v>53</v>
      </c>
      <c r="AI10343">
        <v>53</v>
      </c>
      <c r="AJ10343">
        <v>54</v>
      </c>
      <c r="AK10343">
        <v>54</v>
      </c>
      <c r="AL10343">
        <v>54</v>
      </c>
      <c r="AM10343">
        <v>54</v>
      </c>
      <c r="AN10343">
        <v>54</v>
      </c>
      <c r="AO10343">
        <v>54</v>
      </c>
      <c r="AP10343">
        <v>54</v>
      </c>
      <c r="AQ10343">
        <v>54</v>
      </c>
    </row>
    <row r="10344" spans="1:43">
      <c r="A10344" t="s">
        <v>6450</v>
      </c>
      <c r="B10344" t="s">
        <v>6451</v>
      </c>
      <c r="C10344" t="s">
        <v>6386</v>
      </c>
      <c r="D10344" t="s">
        <v>6387</v>
      </c>
      <c r="E10344" t="s">
        <v>6174</v>
      </c>
      <c r="F10344" t="s">
        <v>6175</v>
      </c>
      <c r="G10344" t="s">
        <v>80</v>
      </c>
      <c r="H10344" t="s">
        <v>81</v>
      </c>
      <c r="I10344" s="2">
        <v>0</v>
      </c>
      <c r="J10344" s="2">
        <v>1</v>
      </c>
      <c r="K10344" s="2">
        <v>0</v>
      </c>
      <c r="L10344" t="s">
        <v>82</v>
      </c>
      <c r="M10344" t="s">
        <v>89</v>
      </c>
      <c r="N10344" t="s">
        <v>90</v>
      </c>
      <c r="O10344" t="s">
        <v>85</v>
      </c>
      <c r="P10344" t="s">
        <v>86</v>
      </c>
      <c r="Q10344">
        <v>51</v>
      </c>
      <c r="R10344">
        <v>52</v>
      </c>
      <c r="S10344">
        <v>53</v>
      </c>
      <c r="T10344">
        <v>54</v>
      </c>
      <c r="U10344">
        <v>55</v>
      </c>
      <c r="V10344">
        <v>56</v>
      </c>
      <c r="W10344">
        <v>57</v>
      </c>
      <c r="X10344">
        <v>58</v>
      </c>
      <c r="Y10344">
        <v>59</v>
      </c>
      <c r="Z10344">
        <v>60</v>
      </c>
      <c r="AA10344">
        <v>60</v>
      </c>
      <c r="AB10344">
        <v>61</v>
      </c>
      <c r="AC10344">
        <v>62</v>
      </c>
      <c r="AD10344">
        <v>63</v>
      </c>
      <c r="AE10344">
        <v>63</v>
      </c>
      <c r="AF10344">
        <v>63</v>
      </c>
      <c r="AG10344">
        <v>63</v>
      </c>
      <c r="AH10344">
        <v>63</v>
      </c>
      <c r="AI10344">
        <v>63</v>
      </c>
      <c r="AJ10344">
        <v>62</v>
      </c>
      <c r="AK10344">
        <v>62</v>
      </c>
      <c r="AL10344">
        <v>62</v>
      </c>
      <c r="AM10344">
        <v>62</v>
      </c>
      <c r="AN10344">
        <v>62</v>
      </c>
      <c r="AO10344">
        <v>62</v>
      </c>
      <c r="AP10344">
        <v>62</v>
      </c>
      <c r="AQ10344">
        <v>62</v>
      </c>
    </row>
    <row r="10345" spans="1:43">
      <c r="A10345" t="s">
        <v>6450</v>
      </c>
      <c r="B10345" t="s">
        <v>6451</v>
      </c>
      <c r="C10345" t="s">
        <v>6386</v>
      </c>
      <c r="D10345" t="s">
        <v>6387</v>
      </c>
      <c r="E10345" t="s">
        <v>6174</v>
      </c>
      <c r="F10345" t="s">
        <v>6175</v>
      </c>
      <c r="G10345" t="s">
        <v>80</v>
      </c>
      <c r="H10345" t="s">
        <v>81</v>
      </c>
      <c r="I10345" s="2">
        <v>0</v>
      </c>
      <c r="J10345" s="2">
        <v>1</v>
      </c>
      <c r="K10345" s="2">
        <v>0</v>
      </c>
      <c r="L10345" t="s">
        <v>82</v>
      </c>
      <c r="M10345" t="s">
        <v>83</v>
      </c>
      <c r="N10345" t="s">
        <v>91</v>
      </c>
      <c r="O10345" t="s">
        <v>85</v>
      </c>
      <c r="P10345" t="s">
        <v>86</v>
      </c>
      <c r="Q10345">
        <v>51</v>
      </c>
      <c r="R10345">
        <v>51</v>
      </c>
      <c r="S10345">
        <v>52</v>
      </c>
      <c r="T10345">
        <v>52</v>
      </c>
      <c r="U10345">
        <v>53</v>
      </c>
      <c r="V10345">
        <v>54</v>
      </c>
      <c r="W10345">
        <v>54</v>
      </c>
      <c r="X10345">
        <v>55</v>
      </c>
      <c r="Y10345">
        <v>55</v>
      </c>
      <c r="Z10345">
        <v>56</v>
      </c>
      <c r="AA10345">
        <v>57</v>
      </c>
      <c r="AB10345">
        <v>57</v>
      </c>
      <c r="AC10345">
        <v>58</v>
      </c>
      <c r="AD10345">
        <v>58</v>
      </c>
      <c r="AE10345">
        <v>59</v>
      </c>
      <c r="AF10345">
        <v>59</v>
      </c>
      <c r="AG10345">
        <v>60</v>
      </c>
      <c r="AH10345">
        <v>60</v>
      </c>
      <c r="AI10345">
        <v>61</v>
      </c>
      <c r="AJ10345">
        <v>61</v>
      </c>
      <c r="AK10345">
        <v>62</v>
      </c>
      <c r="AL10345">
        <v>62</v>
      </c>
      <c r="AM10345">
        <v>62</v>
      </c>
      <c r="AN10345">
        <v>62</v>
      </c>
      <c r="AO10345">
        <v>61</v>
      </c>
      <c r="AP10345">
        <v>61</v>
      </c>
      <c r="AQ10345">
        <v>61</v>
      </c>
    </row>
    <row r="10346" spans="1:43">
      <c r="A10346" t="s">
        <v>6452</v>
      </c>
      <c r="B10346" t="s">
        <v>6453</v>
      </c>
      <c r="C10346" t="s">
        <v>6368</v>
      </c>
      <c r="D10346" t="s">
        <v>6369</v>
      </c>
      <c r="E10346" t="s">
        <v>6174</v>
      </c>
      <c r="F10346" t="s">
        <v>6175</v>
      </c>
      <c r="G10346" t="s">
        <v>80</v>
      </c>
      <c r="H10346" t="s">
        <v>81</v>
      </c>
      <c r="I10346" s="2">
        <v>0</v>
      </c>
      <c r="J10346" s="2">
        <v>1</v>
      </c>
      <c r="K10346" s="2">
        <v>0</v>
      </c>
      <c r="L10346" t="s">
        <v>82</v>
      </c>
      <c r="M10346" t="s">
        <v>83</v>
      </c>
      <c r="N10346" t="s">
        <v>84</v>
      </c>
      <c r="O10346" t="s">
        <v>85</v>
      </c>
      <c r="P10346" t="s">
        <v>86</v>
      </c>
      <c r="Q10346">
        <v>70</v>
      </c>
      <c r="R10346">
        <v>71</v>
      </c>
      <c r="S10346">
        <v>72</v>
      </c>
      <c r="T10346">
        <v>72</v>
      </c>
      <c r="U10346">
        <v>73</v>
      </c>
      <c r="V10346">
        <v>74</v>
      </c>
      <c r="W10346">
        <v>75</v>
      </c>
      <c r="X10346">
        <v>76</v>
      </c>
      <c r="Y10346">
        <v>76</v>
      </c>
      <c r="Z10346">
        <v>77</v>
      </c>
      <c r="AA10346">
        <v>78</v>
      </c>
      <c r="AB10346">
        <v>78</v>
      </c>
      <c r="AC10346">
        <v>79</v>
      </c>
      <c r="AD10346">
        <v>80</v>
      </c>
      <c r="AE10346">
        <v>80</v>
      </c>
      <c r="AF10346">
        <v>81</v>
      </c>
      <c r="AG10346">
        <v>82</v>
      </c>
      <c r="AH10346">
        <v>82</v>
      </c>
      <c r="AI10346">
        <v>83</v>
      </c>
      <c r="AJ10346">
        <v>84</v>
      </c>
      <c r="AK10346">
        <v>84</v>
      </c>
      <c r="AL10346">
        <v>84</v>
      </c>
      <c r="AM10346">
        <v>84</v>
      </c>
      <c r="AN10346">
        <v>84</v>
      </c>
      <c r="AO10346">
        <v>84</v>
      </c>
      <c r="AP10346">
        <v>83</v>
      </c>
      <c r="AQ10346">
        <v>83</v>
      </c>
    </row>
    <row r="10347" spans="1:43">
      <c r="A10347" t="s">
        <v>6452</v>
      </c>
      <c r="B10347" t="s">
        <v>6453</v>
      </c>
      <c r="C10347" t="s">
        <v>6368</v>
      </c>
      <c r="D10347" t="s">
        <v>6369</v>
      </c>
      <c r="E10347" t="s">
        <v>6174</v>
      </c>
      <c r="F10347" t="s">
        <v>6175</v>
      </c>
      <c r="G10347" t="s">
        <v>80</v>
      </c>
      <c r="H10347" t="s">
        <v>81</v>
      </c>
      <c r="I10347" s="2">
        <v>0</v>
      </c>
      <c r="J10347" s="2">
        <v>1</v>
      </c>
      <c r="K10347" s="2">
        <v>0</v>
      </c>
      <c r="L10347" t="s">
        <v>82</v>
      </c>
      <c r="M10347" t="s">
        <v>87</v>
      </c>
      <c r="N10347" t="s">
        <v>88</v>
      </c>
      <c r="O10347" t="s">
        <v>85</v>
      </c>
      <c r="P10347" t="s">
        <v>86</v>
      </c>
      <c r="Q10347">
        <v>70</v>
      </c>
      <c r="R10347">
        <v>70</v>
      </c>
      <c r="S10347">
        <v>71</v>
      </c>
      <c r="T10347">
        <v>71</v>
      </c>
      <c r="U10347">
        <v>71</v>
      </c>
      <c r="V10347">
        <v>71</v>
      </c>
      <c r="W10347">
        <v>71</v>
      </c>
      <c r="X10347">
        <v>71</v>
      </c>
      <c r="Y10347">
        <v>72</v>
      </c>
      <c r="Z10347">
        <v>72</v>
      </c>
      <c r="AA10347">
        <v>72</v>
      </c>
      <c r="AB10347">
        <v>72</v>
      </c>
      <c r="AC10347">
        <v>72</v>
      </c>
      <c r="AD10347">
        <v>72</v>
      </c>
      <c r="AE10347">
        <v>72</v>
      </c>
      <c r="AF10347">
        <v>72</v>
      </c>
      <c r="AG10347">
        <v>72</v>
      </c>
      <c r="AH10347">
        <v>73</v>
      </c>
      <c r="AI10347">
        <v>73</v>
      </c>
      <c r="AJ10347">
        <v>73</v>
      </c>
      <c r="AK10347">
        <v>73</v>
      </c>
      <c r="AL10347">
        <v>73</v>
      </c>
      <c r="AM10347">
        <v>73</v>
      </c>
      <c r="AN10347">
        <v>73</v>
      </c>
      <c r="AO10347">
        <v>73</v>
      </c>
      <c r="AP10347">
        <v>73</v>
      </c>
      <c r="AQ10347">
        <v>73</v>
      </c>
    </row>
    <row r="10348" spans="1:43">
      <c r="A10348" t="s">
        <v>6452</v>
      </c>
      <c r="B10348" t="s">
        <v>6453</v>
      </c>
      <c r="C10348" t="s">
        <v>6368</v>
      </c>
      <c r="D10348" t="s">
        <v>6369</v>
      </c>
      <c r="E10348" t="s">
        <v>6174</v>
      </c>
      <c r="F10348" t="s">
        <v>6175</v>
      </c>
      <c r="G10348" t="s">
        <v>80</v>
      </c>
      <c r="H10348" t="s">
        <v>81</v>
      </c>
      <c r="I10348" s="2">
        <v>0</v>
      </c>
      <c r="J10348" s="2">
        <v>1</v>
      </c>
      <c r="K10348" s="2">
        <v>0</v>
      </c>
      <c r="L10348" t="s">
        <v>82</v>
      </c>
      <c r="M10348" t="s">
        <v>89</v>
      </c>
      <c r="N10348" t="s">
        <v>90</v>
      </c>
      <c r="O10348" t="s">
        <v>85</v>
      </c>
      <c r="P10348" t="s">
        <v>86</v>
      </c>
      <c r="Q10348">
        <v>70</v>
      </c>
      <c r="R10348">
        <v>71</v>
      </c>
      <c r="S10348">
        <v>72</v>
      </c>
      <c r="T10348">
        <v>74</v>
      </c>
      <c r="U10348">
        <v>75</v>
      </c>
      <c r="V10348">
        <v>76</v>
      </c>
      <c r="W10348">
        <v>78</v>
      </c>
      <c r="X10348">
        <v>79</v>
      </c>
      <c r="Y10348">
        <v>80</v>
      </c>
      <c r="Z10348">
        <v>81</v>
      </c>
      <c r="AA10348">
        <v>82</v>
      </c>
      <c r="AB10348">
        <v>83</v>
      </c>
      <c r="AC10348">
        <v>84</v>
      </c>
      <c r="AD10348">
        <v>85</v>
      </c>
      <c r="AE10348">
        <v>85</v>
      </c>
      <c r="AF10348">
        <v>85</v>
      </c>
      <c r="AG10348">
        <v>85</v>
      </c>
      <c r="AH10348">
        <v>85</v>
      </c>
      <c r="AI10348">
        <v>85</v>
      </c>
      <c r="AJ10348">
        <v>84</v>
      </c>
      <c r="AK10348">
        <v>84</v>
      </c>
      <c r="AL10348">
        <v>84</v>
      </c>
      <c r="AM10348">
        <v>84</v>
      </c>
      <c r="AN10348">
        <v>83</v>
      </c>
      <c r="AO10348">
        <v>83</v>
      </c>
      <c r="AP10348">
        <v>83</v>
      </c>
      <c r="AQ10348">
        <v>83</v>
      </c>
    </row>
    <row r="10349" spans="1:43">
      <c r="A10349" t="s">
        <v>6452</v>
      </c>
      <c r="B10349" t="s">
        <v>6453</v>
      </c>
      <c r="C10349" t="s">
        <v>6368</v>
      </c>
      <c r="D10349" t="s">
        <v>6369</v>
      </c>
      <c r="E10349" t="s">
        <v>6174</v>
      </c>
      <c r="F10349" t="s">
        <v>6175</v>
      </c>
      <c r="G10349" t="s">
        <v>80</v>
      </c>
      <c r="H10349" t="s">
        <v>81</v>
      </c>
      <c r="I10349" s="2">
        <v>0</v>
      </c>
      <c r="J10349" s="2">
        <v>1</v>
      </c>
      <c r="K10349" s="2">
        <v>0</v>
      </c>
      <c r="L10349" t="s">
        <v>82</v>
      </c>
      <c r="M10349" t="s">
        <v>83</v>
      </c>
      <c r="N10349" t="s">
        <v>91</v>
      </c>
      <c r="O10349" t="s">
        <v>85</v>
      </c>
      <c r="P10349" t="s">
        <v>86</v>
      </c>
      <c r="Q10349">
        <v>70</v>
      </c>
      <c r="R10349">
        <v>71</v>
      </c>
      <c r="S10349">
        <v>72</v>
      </c>
      <c r="T10349">
        <v>72</v>
      </c>
      <c r="U10349">
        <v>73</v>
      </c>
      <c r="V10349">
        <v>74</v>
      </c>
      <c r="W10349">
        <v>75</v>
      </c>
      <c r="X10349">
        <v>76</v>
      </c>
      <c r="Y10349">
        <v>76</v>
      </c>
      <c r="Z10349">
        <v>77</v>
      </c>
      <c r="AA10349">
        <v>78</v>
      </c>
      <c r="AB10349">
        <v>78</v>
      </c>
      <c r="AC10349">
        <v>79</v>
      </c>
      <c r="AD10349">
        <v>80</v>
      </c>
      <c r="AE10349">
        <v>80</v>
      </c>
      <c r="AF10349">
        <v>81</v>
      </c>
      <c r="AG10349">
        <v>82</v>
      </c>
      <c r="AH10349">
        <v>82</v>
      </c>
      <c r="AI10349">
        <v>83</v>
      </c>
      <c r="AJ10349">
        <v>84</v>
      </c>
      <c r="AK10349">
        <v>84</v>
      </c>
      <c r="AL10349">
        <v>84</v>
      </c>
      <c r="AM10349">
        <v>84</v>
      </c>
      <c r="AN10349">
        <v>84</v>
      </c>
      <c r="AO10349">
        <v>84</v>
      </c>
      <c r="AP10349">
        <v>83</v>
      </c>
      <c r="AQ10349">
        <v>83</v>
      </c>
    </row>
    <row r="10350" spans="1:43">
      <c r="A10350" t="s">
        <v>6454</v>
      </c>
      <c r="B10350" t="s">
        <v>6455</v>
      </c>
      <c r="C10350" t="s">
        <v>6364</v>
      </c>
      <c r="D10350" t="s">
        <v>6365</v>
      </c>
      <c r="E10350" t="s">
        <v>6174</v>
      </c>
      <c r="F10350" t="s">
        <v>6175</v>
      </c>
      <c r="G10350" t="s">
        <v>80</v>
      </c>
      <c r="H10350" t="s">
        <v>81</v>
      </c>
      <c r="I10350" s="2">
        <v>0</v>
      </c>
      <c r="J10350" s="2">
        <v>1</v>
      </c>
      <c r="K10350" s="2">
        <v>0</v>
      </c>
      <c r="L10350" t="s">
        <v>82</v>
      </c>
      <c r="M10350" t="s">
        <v>83</v>
      </c>
      <c r="N10350" t="s">
        <v>84</v>
      </c>
      <c r="O10350" t="s">
        <v>85</v>
      </c>
      <c r="P10350" t="s">
        <v>86</v>
      </c>
      <c r="Q10350">
        <v>50</v>
      </c>
      <c r="R10350">
        <v>51</v>
      </c>
      <c r="S10350">
        <v>52</v>
      </c>
      <c r="T10350">
        <v>52</v>
      </c>
      <c r="U10350">
        <v>53</v>
      </c>
      <c r="V10350">
        <v>53</v>
      </c>
      <c r="W10350">
        <v>54</v>
      </c>
      <c r="X10350">
        <v>54</v>
      </c>
      <c r="Y10350">
        <v>55</v>
      </c>
      <c r="Z10350">
        <v>56</v>
      </c>
      <c r="AA10350">
        <v>56</v>
      </c>
      <c r="AB10350">
        <v>57</v>
      </c>
      <c r="AC10350">
        <v>57</v>
      </c>
      <c r="AD10350">
        <v>58</v>
      </c>
      <c r="AE10350">
        <v>58</v>
      </c>
      <c r="AF10350">
        <v>59</v>
      </c>
      <c r="AG10350">
        <v>59</v>
      </c>
      <c r="AH10350">
        <v>60</v>
      </c>
      <c r="AI10350">
        <v>60</v>
      </c>
      <c r="AJ10350">
        <v>60</v>
      </c>
      <c r="AK10350">
        <v>61</v>
      </c>
      <c r="AL10350">
        <v>61</v>
      </c>
      <c r="AM10350">
        <v>61</v>
      </c>
      <c r="AN10350">
        <v>61</v>
      </c>
      <c r="AO10350">
        <v>61</v>
      </c>
      <c r="AP10350">
        <v>60</v>
      </c>
      <c r="AQ10350">
        <v>60</v>
      </c>
    </row>
    <row r="10351" spans="1:43">
      <c r="A10351" t="s">
        <v>6454</v>
      </c>
      <c r="B10351" t="s">
        <v>6455</v>
      </c>
      <c r="C10351" t="s">
        <v>6364</v>
      </c>
      <c r="D10351" t="s">
        <v>6365</v>
      </c>
      <c r="E10351" t="s">
        <v>6174</v>
      </c>
      <c r="F10351" t="s">
        <v>6175</v>
      </c>
      <c r="G10351" t="s">
        <v>80</v>
      </c>
      <c r="H10351" t="s">
        <v>81</v>
      </c>
      <c r="I10351" s="2">
        <v>0</v>
      </c>
      <c r="J10351" s="2">
        <v>1</v>
      </c>
      <c r="K10351" s="2">
        <v>0</v>
      </c>
      <c r="L10351" t="s">
        <v>82</v>
      </c>
      <c r="M10351" t="s">
        <v>87</v>
      </c>
      <c r="N10351" t="s">
        <v>88</v>
      </c>
      <c r="O10351" t="s">
        <v>85</v>
      </c>
      <c r="P10351" t="s">
        <v>86</v>
      </c>
      <c r="Q10351">
        <v>50</v>
      </c>
      <c r="R10351">
        <v>50</v>
      </c>
      <c r="S10351">
        <v>50</v>
      </c>
      <c r="T10351">
        <v>50</v>
      </c>
      <c r="U10351">
        <v>50</v>
      </c>
      <c r="V10351">
        <v>51</v>
      </c>
      <c r="W10351">
        <v>51</v>
      </c>
      <c r="X10351">
        <v>51</v>
      </c>
      <c r="Y10351">
        <v>51</v>
      </c>
      <c r="Z10351">
        <v>51</v>
      </c>
      <c r="AA10351">
        <v>51</v>
      </c>
      <c r="AB10351">
        <v>51</v>
      </c>
      <c r="AC10351">
        <v>51</v>
      </c>
      <c r="AD10351">
        <v>51</v>
      </c>
      <c r="AE10351">
        <v>52</v>
      </c>
      <c r="AF10351">
        <v>52</v>
      </c>
      <c r="AG10351">
        <v>52</v>
      </c>
      <c r="AH10351">
        <v>52</v>
      </c>
      <c r="AI10351">
        <v>52</v>
      </c>
      <c r="AJ10351">
        <v>52</v>
      </c>
      <c r="AK10351">
        <v>52</v>
      </c>
      <c r="AL10351">
        <v>52</v>
      </c>
      <c r="AM10351">
        <v>52</v>
      </c>
      <c r="AN10351">
        <v>52</v>
      </c>
      <c r="AO10351">
        <v>52</v>
      </c>
      <c r="AP10351">
        <v>52</v>
      </c>
      <c r="AQ10351">
        <v>52</v>
      </c>
    </row>
    <row r="10352" spans="1:43">
      <c r="A10352" t="s">
        <v>6454</v>
      </c>
      <c r="B10352" t="s">
        <v>6455</v>
      </c>
      <c r="C10352" t="s">
        <v>6364</v>
      </c>
      <c r="D10352" t="s">
        <v>6365</v>
      </c>
      <c r="E10352" t="s">
        <v>6174</v>
      </c>
      <c r="F10352" t="s">
        <v>6175</v>
      </c>
      <c r="G10352" t="s">
        <v>80</v>
      </c>
      <c r="H10352" t="s">
        <v>81</v>
      </c>
      <c r="I10352" s="2">
        <v>0</v>
      </c>
      <c r="J10352" s="2">
        <v>1</v>
      </c>
      <c r="K10352" s="2">
        <v>0</v>
      </c>
      <c r="L10352" t="s">
        <v>82</v>
      </c>
      <c r="M10352" t="s">
        <v>89</v>
      </c>
      <c r="N10352" t="s">
        <v>90</v>
      </c>
      <c r="O10352" t="s">
        <v>85</v>
      </c>
      <c r="P10352" t="s">
        <v>86</v>
      </c>
      <c r="Q10352">
        <v>50</v>
      </c>
      <c r="R10352">
        <v>51</v>
      </c>
      <c r="S10352">
        <v>52</v>
      </c>
      <c r="T10352">
        <v>53</v>
      </c>
      <c r="U10352">
        <v>54</v>
      </c>
      <c r="V10352">
        <v>55</v>
      </c>
      <c r="W10352">
        <v>56</v>
      </c>
      <c r="X10352">
        <v>57</v>
      </c>
      <c r="Y10352">
        <v>57</v>
      </c>
      <c r="Z10352">
        <v>58</v>
      </c>
      <c r="AA10352">
        <v>59</v>
      </c>
      <c r="AB10352">
        <v>59</v>
      </c>
      <c r="AC10352">
        <v>60</v>
      </c>
      <c r="AD10352">
        <v>61</v>
      </c>
      <c r="AE10352">
        <v>61</v>
      </c>
      <c r="AF10352">
        <v>61</v>
      </c>
      <c r="AG10352">
        <v>61</v>
      </c>
      <c r="AH10352">
        <v>61</v>
      </c>
      <c r="AI10352">
        <v>61</v>
      </c>
      <c r="AJ10352">
        <v>61</v>
      </c>
      <c r="AK10352">
        <v>61</v>
      </c>
      <c r="AL10352">
        <v>60</v>
      </c>
      <c r="AM10352">
        <v>60</v>
      </c>
      <c r="AN10352">
        <v>60</v>
      </c>
      <c r="AO10352">
        <v>60</v>
      </c>
      <c r="AP10352">
        <v>60</v>
      </c>
      <c r="AQ10352">
        <v>60</v>
      </c>
    </row>
    <row r="10353" spans="1:43">
      <c r="A10353" t="s">
        <v>6454</v>
      </c>
      <c r="B10353" t="s">
        <v>6455</v>
      </c>
      <c r="C10353" t="s">
        <v>6364</v>
      </c>
      <c r="D10353" t="s">
        <v>6365</v>
      </c>
      <c r="E10353" t="s">
        <v>6174</v>
      </c>
      <c r="F10353" t="s">
        <v>6175</v>
      </c>
      <c r="G10353" t="s">
        <v>80</v>
      </c>
      <c r="H10353" t="s">
        <v>81</v>
      </c>
      <c r="I10353" s="2">
        <v>0</v>
      </c>
      <c r="J10353" s="2">
        <v>1</v>
      </c>
      <c r="K10353" s="2">
        <v>0</v>
      </c>
      <c r="L10353" t="s">
        <v>82</v>
      </c>
      <c r="M10353" t="s">
        <v>83</v>
      </c>
      <c r="N10353" t="s">
        <v>91</v>
      </c>
      <c r="O10353" t="s">
        <v>85</v>
      </c>
      <c r="P10353" t="s">
        <v>86</v>
      </c>
      <c r="Q10353">
        <v>50</v>
      </c>
      <c r="R10353">
        <v>51</v>
      </c>
      <c r="S10353">
        <v>52</v>
      </c>
      <c r="T10353">
        <v>52</v>
      </c>
      <c r="U10353">
        <v>53</v>
      </c>
      <c r="V10353">
        <v>53</v>
      </c>
      <c r="W10353">
        <v>54</v>
      </c>
      <c r="X10353">
        <v>54</v>
      </c>
      <c r="Y10353">
        <v>55</v>
      </c>
      <c r="Z10353">
        <v>56</v>
      </c>
      <c r="AA10353">
        <v>56</v>
      </c>
      <c r="AB10353">
        <v>57</v>
      </c>
      <c r="AC10353">
        <v>57</v>
      </c>
      <c r="AD10353">
        <v>58</v>
      </c>
      <c r="AE10353">
        <v>58</v>
      </c>
      <c r="AF10353">
        <v>59</v>
      </c>
      <c r="AG10353">
        <v>59</v>
      </c>
      <c r="AH10353">
        <v>60</v>
      </c>
      <c r="AI10353">
        <v>60</v>
      </c>
      <c r="AJ10353">
        <v>60</v>
      </c>
      <c r="AK10353">
        <v>61</v>
      </c>
      <c r="AL10353">
        <v>61</v>
      </c>
      <c r="AM10353">
        <v>61</v>
      </c>
      <c r="AN10353">
        <v>61</v>
      </c>
      <c r="AO10353">
        <v>61</v>
      </c>
      <c r="AP10353">
        <v>60</v>
      </c>
      <c r="AQ10353">
        <v>60</v>
      </c>
    </row>
    <row r="10354" spans="1:43">
      <c r="A10354" t="s">
        <v>6456</v>
      </c>
      <c r="B10354" t="s">
        <v>6457</v>
      </c>
      <c r="C10354" t="s">
        <v>6368</v>
      </c>
      <c r="D10354" t="s">
        <v>6369</v>
      </c>
      <c r="E10354" t="s">
        <v>6174</v>
      </c>
      <c r="F10354" t="s">
        <v>6175</v>
      </c>
      <c r="G10354" t="s">
        <v>80</v>
      </c>
      <c r="H10354" t="s">
        <v>81</v>
      </c>
      <c r="I10354" s="2">
        <v>0</v>
      </c>
      <c r="J10354" s="2">
        <v>1</v>
      </c>
      <c r="K10354" s="2">
        <v>0</v>
      </c>
      <c r="L10354" t="s">
        <v>82</v>
      </c>
      <c r="M10354" t="s">
        <v>83</v>
      </c>
      <c r="N10354" t="s">
        <v>84</v>
      </c>
      <c r="O10354" t="s">
        <v>85</v>
      </c>
      <c r="P10354" t="s">
        <v>86</v>
      </c>
      <c r="Q10354">
        <v>67</v>
      </c>
      <c r="R10354">
        <v>68</v>
      </c>
      <c r="S10354">
        <v>69</v>
      </c>
      <c r="T10354">
        <v>70</v>
      </c>
      <c r="U10354">
        <v>70</v>
      </c>
      <c r="V10354">
        <v>71</v>
      </c>
      <c r="W10354">
        <v>72</v>
      </c>
      <c r="X10354">
        <v>73</v>
      </c>
      <c r="Y10354">
        <v>73</v>
      </c>
      <c r="Z10354">
        <v>74</v>
      </c>
      <c r="AA10354">
        <v>75</v>
      </c>
      <c r="AB10354">
        <v>76</v>
      </c>
      <c r="AC10354">
        <v>76</v>
      </c>
      <c r="AD10354">
        <v>77</v>
      </c>
      <c r="AE10354">
        <v>77</v>
      </c>
      <c r="AF10354">
        <v>78</v>
      </c>
      <c r="AG10354">
        <v>79</v>
      </c>
      <c r="AH10354">
        <v>79</v>
      </c>
      <c r="AI10354">
        <v>80</v>
      </c>
      <c r="AJ10354">
        <v>80</v>
      </c>
      <c r="AK10354">
        <v>81</v>
      </c>
      <c r="AL10354">
        <v>81</v>
      </c>
      <c r="AM10354">
        <v>81</v>
      </c>
      <c r="AN10354">
        <v>81</v>
      </c>
      <c r="AO10354">
        <v>80</v>
      </c>
      <c r="AP10354">
        <v>80</v>
      </c>
      <c r="AQ10354">
        <v>80</v>
      </c>
    </row>
    <row r="10355" spans="1:43">
      <c r="A10355" t="s">
        <v>6456</v>
      </c>
      <c r="B10355" t="s">
        <v>6457</v>
      </c>
      <c r="C10355" t="s">
        <v>6368</v>
      </c>
      <c r="D10355" t="s">
        <v>6369</v>
      </c>
      <c r="E10355" t="s">
        <v>6174</v>
      </c>
      <c r="F10355" t="s">
        <v>6175</v>
      </c>
      <c r="G10355" t="s">
        <v>80</v>
      </c>
      <c r="H10355" t="s">
        <v>81</v>
      </c>
      <c r="I10355" s="2">
        <v>0</v>
      </c>
      <c r="J10355" s="2">
        <v>1</v>
      </c>
      <c r="K10355" s="2">
        <v>0</v>
      </c>
      <c r="L10355" t="s">
        <v>82</v>
      </c>
      <c r="M10355" t="s">
        <v>87</v>
      </c>
      <c r="N10355" t="s">
        <v>88</v>
      </c>
      <c r="O10355" t="s">
        <v>85</v>
      </c>
      <c r="P10355" t="s">
        <v>86</v>
      </c>
      <c r="Q10355">
        <v>67</v>
      </c>
      <c r="R10355">
        <v>67</v>
      </c>
      <c r="S10355">
        <v>67</v>
      </c>
      <c r="T10355">
        <v>67</v>
      </c>
      <c r="U10355">
        <v>67</v>
      </c>
      <c r="V10355">
        <v>68</v>
      </c>
      <c r="W10355">
        <v>68</v>
      </c>
      <c r="X10355">
        <v>68</v>
      </c>
      <c r="Y10355">
        <v>68</v>
      </c>
      <c r="Z10355">
        <v>68</v>
      </c>
      <c r="AA10355">
        <v>68</v>
      </c>
      <c r="AB10355">
        <v>68</v>
      </c>
      <c r="AC10355">
        <v>68</v>
      </c>
      <c r="AD10355">
        <v>68</v>
      </c>
      <c r="AE10355">
        <v>69</v>
      </c>
      <c r="AF10355">
        <v>69</v>
      </c>
      <c r="AG10355">
        <v>69</v>
      </c>
      <c r="AH10355">
        <v>69</v>
      </c>
      <c r="AI10355">
        <v>69</v>
      </c>
      <c r="AJ10355">
        <v>69</v>
      </c>
      <c r="AK10355">
        <v>69</v>
      </c>
      <c r="AL10355">
        <v>69</v>
      </c>
      <c r="AM10355">
        <v>69</v>
      </c>
      <c r="AN10355">
        <v>69</v>
      </c>
      <c r="AO10355">
        <v>69</v>
      </c>
      <c r="AP10355">
        <v>69</v>
      </c>
      <c r="AQ10355">
        <v>69</v>
      </c>
    </row>
    <row r="10356" spans="1:43">
      <c r="A10356" t="s">
        <v>6456</v>
      </c>
      <c r="B10356" t="s">
        <v>6457</v>
      </c>
      <c r="C10356" t="s">
        <v>6368</v>
      </c>
      <c r="D10356" t="s">
        <v>6369</v>
      </c>
      <c r="E10356" t="s">
        <v>6174</v>
      </c>
      <c r="F10356" t="s">
        <v>6175</v>
      </c>
      <c r="G10356" t="s">
        <v>80</v>
      </c>
      <c r="H10356" t="s">
        <v>81</v>
      </c>
      <c r="I10356" s="2">
        <v>0</v>
      </c>
      <c r="J10356" s="2">
        <v>1</v>
      </c>
      <c r="K10356" s="2">
        <v>0</v>
      </c>
      <c r="L10356" t="s">
        <v>82</v>
      </c>
      <c r="M10356" t="s">
        <v>89</v>
      </c>
      <c r="N10356" t="s">
        <v>90</v>
      </c>
      <c r="O10356" t="s">
        <v>85</v>
      </c>
      <c r="P10356" t="s">
        <v>86</v>
      </c>
      <c r="Q10356">
        <v>67</v>
      </c>
      <c r="R10356">
        <v>68</v>
      </c>
      <c r="S10356">
        <v>70</v>
      </c>
      <c r="T10356">
        <v>71</v>
      </c>
      <c r="U10356">
        <v>72</v>
      </c>
      <c r="V10356">
        <v>73</v>
      </c>
      <c r="W10356">
        <v>75</v>
      </c>
      <c r="X10356">
        <v>76</v>
      </c>
      <c r="Y10356">
        <v>77</v>
      </c>
      <c r="Z10356">
        <v>78</v>
      </c>
      <c r="AA10356">
        <v>79</v>
      </c>
      <c r="AB10356">
        <v>80</v>
      </c>
      <c r="AC10356">
        <v>81</v>
      </c>
      <c r="AD10356">
        <v>82</v>
      </c>
      <c r="AE10356">
        <v>82</v>
      </c>
      <c r="AF10356">
        <v>82</v>
      </c>
      <c r="AG10356">
        <v>82</v>
      </c>
      <c r="AH10356">
        <v>82</v>
      </c>
      <c r="AI10356">
        <v>81</v>
      </c>
      <c r="AJ10356">
        <v>81</v>
      </c>
      <c r="AK10356">
        <v>81</v>
      </c>
      <c r="AL10356">
        <v>81</v>
      </c>
      <c r="AM10356">
        <v>80</v>
      </c>
      <c r="AN10356">
        <v>80</v>
      </c>
      <c r="AO10356">
        <v>80</v>
      </c>
      <c r="AP10356">
        <v>80</v>
      </c>
      <c r="AQ10356">
        <v>79</v>
      </c>
    </row>
    <row r="10357" spans="1:43">
      <c r="A10357" t="s">
        <v>6456</v>
      </c>
      <c r="B10357" t="s">
        <v>6457</v>
      </c>
      <c r="C10357" t="s">
        <v>6368</v>
      </c>
      <c r="D10357" t="s">
        <v>6369</v>
      </c>
      <c r="E10357" t="s">
        <v>6174</v>
      </c>
      <c r="F10357" t="s">
        <v>6175</v>
      </c>
      <c r="G10357" t="s">
        <v>80</v>
      </c>
      <c r="H10357" t="s">
        <v>81</v>
      </c>
      <c r="I10357" s="2">
        <v>0</v>
      </c>
      <c r="J10357" s="2">
        <v>1</v>
      </c>
      <c r="K10357" s="2">
        <v>0</v>
      </c>
      <c r="L10357" t="s">
        <v>82</v>
      </c>
      <c r="M10357" t="s">
        <v>83</v>
      </c>
      <c r="N10357" t="s">
        <v>91</v>
      </c>
      <c r="O10357" t="s">
        <v>85</v>
      </c>
      <c r="P10357" t="s">
        <v>86</v>
      </c>
      <c r="Q10357">
        <v>67</v>
      </c>
      <c r="R10357">
        <v>68</v>
      </c>
      <c r="S10357">
        <v>69</v>
      </c>
      <c r="T10357">
        <v>70</v>
      </c>
      <c r="U10357">
        <v>70</v>
      </c>
      <c r="V10357">
        <v>71</v>
      </c>
      <c r="W10357">
        <v>72</v>
      </c>
      <c r="X10357">
        <v>73</v>
      </c>
      <c r="Y10357">
        <v>73</v>
      </c>
      <c r="Z10357">
        <v>74</v>
      </c>
      <c r="AA10357">
        <v>75</v>
      </c>
      <c r="AB10357">
        <v>76</v>
      </c>
      <c r="AC10357">
        <v>76</v>
      </c>
      <c r="AD10357">
        <v>77</v>
      </c>
      <c r="AE10357">
        <v>77</v>
      </c>
      <c r="AF10357">
        <v>78</v>
      </c>
      <c r="AG10357">
        <v>79</v>
      </c>
      <c r="AH10357">
        <v>79</v>
      </c>
      <c r="AI10357">
        <v>80</v>
      </c>
      <c r="AJ10357">
        <v>80</v>
      </c>
      <c r="AK10357">
        <v>81</v>
      </c>
      <c r="AL10357">
        <v>81</v>
      </c>
      <c r="AM10357">
        <v>81</v>
      </c>
      <c r="AN10357">
        <v>81</v>
      </c>
      <c r="AO10357">
        <v>80</v>
      </c>
      <c r="AP10357">
        <v>80</v>
      </c>
      <c r="AQ10357">
        <v>80</v>
      </c>
    </row>
    <row r="10358" spans="1:43">
      <c r="A10358" t="s">
        <v>6458</v>
      </c>
      <c r="B10358" t="s">
        <v>6459</v>
      </c>
      <c r="C10358" t="s">
        <v>6402</v>
      </c>
      <c r="D10358" t="s">
        <v>6403</v>
      </c>
      <c r="E10358" t="s">
        <v>6174</v>
      </c>
      <c r="F10358" t="s">
        <v>6175</v>
      </c>
      <c r="G10358" t="s">
        <v>80</v>
      </c>
      <c r="H10358" t="s">
        <v>81</v>
      </c>
      <c r="I10358" s="2">
        <v>0</v>
      </c>
      <c r="J10358" s="2">
        <v>1</v>
      </c>
      <c r="K10358" s="2">
        <v>0</v>
      </c>
      <c r="L10358" t="s">
        <v>82</v>
      </c>
      <c r="M10358" t="s">
        <v>83</v>
      </c>
      <c r="N10358" t="s">
        <v>84</v>
      </c>
      <c r="O10358" t="s">
        <v>85</v>
      </c>
      <c r="P10358" t="s">
        <v>86</v>
      </c>
      <c r="Q10358">
        <v>35</v>
      </c>
      <c r="R10358">
        <v>35</v>
      </c>
      <c r="S10358">
        <v>35</v>
      </c>
      <c r="T10358">
        <v>36</v>
      </c>
      <c r="U10358">
        <v>36</v>
      </c>
      <c r="V10358">
        <v>37</v>
      </c>
      <c r="W10358">
        <v>37</v>
      </c>
      <c r="X10358">
        <v>37</v>
      </c>
      <c r="Y10358">
        <v>38</v>
      </c>
      <c r="Z10358">
        <v>38</v>
      </c>
      <c r="AA10358">
        <v>39</v>
      </c>
      <c r="AB10358">
        <v>39</v>
      </c>
      <c r="AC10358">
        <v>39</v>
      </c>
      <c r="AD10358">
        <v>40</v>
      </c>
      <c r="AE10358">
        <v>40</v>
      </c>
      <c r="AF10358">
        <v>40</v>
      </c>
      <c r="AG10358">
        <v>41</v>
      </c>
      <c r="AH10358">
        <v>41</v>
      </c>
      <c r="AI10358">
        <v>41</v>
      </c>
      <c r="AJ10358">
        <v>42</v>
      </c>
      <c r="AK10358">
        <v>42</v>
      </c>
      <c r="AL10358">
        <v>42</v>
      </c>
      <c r="AM10358">
        <v>42</v>
      </c>
      <c r="AN10358">
        <v>42</v>
      </c>
      <c r="AO10358">
        <v>42</v>
      </c>
      <c r="AP10358">
        <v>42</v>
      </c>
      <c r="AQ10358">
        <v>42</v>
      </c>
    </row>
    <row r="10359" spans="1:43">
      <c r="A10359" t="s">
        <v>6458</v>
      </c>
      <c r="B10359" t="s">
        <v>6459</v>
      </c>
      <c r="C10359" t="s">
        <v>6402</v>
      </c>
      <c r="D10359" t="s">
        <v>6403</v>
      </c>
      <c r="E10359" t="s">
        <v>6174</v>
      </c>
      <c r="F10359" t="s">
        <v>6175</v>
      </c>
      <c r="G10359" t="s">
        <v>80</v>
      </c>
      <c r="H10359" t="s">
        <v>81</v>
      </c>
      <c r="I10359" s="2">
        <v>0</v>
      </c>
      <c r="J10359" s="2">
        <v>1</v>
      </c>
      <c r="K10359" s="2">
        <v>0</v>
      </c>
      <c r="L10359" t="s">
        <v>82</v>
      </c>
      <c r="M10359" t="s">
        <v>87</v>
      </c>
      <c r="N10359" t="s">
        <v>88</v>
      </c>
      <c r="O10359" t="s">
        <v>85</v>
      </c>
      <c r="P10359" t="s">
        <v>86</v>
      </c>
      <c r="Q10359">
        <v>35</v>
      </c>
      <c r="R10359">
        <v>35</v>
      </c>
      <c r="S10359">
        <v>35</v>
      </c>
      <c r="T10359">
        <v>36</v>
      </c>
      <c r="U10359">
        <v>36</v>
      </c>
      <c r="V10359">
        <v>36</v>
      </c>
      <c r="W10359">
        <v>36</v>
      </c>
      <c r="X10359">
        <v>36</v>
      </c>
      <c r="Y10359">
        <v>36</v>
      </c>
      <c r="Z10359">
        <v>36</v>
      </c>
      <c r="AA10359">
        <v>36</v>
      </c>
      <c r="AB10359">
        <v>36</v>
      </c>
      <c r="AC10359">
        <v>36</v>
      </c>
      <c r="AD10359">
        <v>36</v>
      </c>
      <c r="AE10359">
        <v>37</v>
      </c>
      <c r="AF10359">
        <v>37</v>
      </c>
      <c r="AG10359">
        <v>37</v>
      </c>
      <c r="AH10359">
        <v>37</v>
      </c>
      <c r="AI10359">
        <v>37</v>
      </c>
      <c r="AJ10359">
        <v>37</v>
      </c>
      <c r="AK10359">
        <v>37</v>
      </c>
      <c r="AL10359">
        <v>37</v>
      </c>
      <c r="AM10359">
        <v>37</v>
      </c>
      <c r="AN10359">
        <v>37</v>
      </c>
      <c r="AO10359">
        <v>37</v>
      </c>
      <c r="AP10359">
        <v>37</v>
      </c>
      <c r="AQ10359">
        <v>37</v>
      </c>
    </row>
    <row r="10360" spans="1:43">
      <c r="A10360" t="s">
        <v>6458</v>
      </c>
      <c r="B10360" t="s">
        <v>6459</v>
      </c>
      <c r="C10360" t="s">
        <v>6402</v>
      </c>
      <c r="D10360" t="s">
        <v>6403</v>
      </c>
      <c r="E10360" t="s">
        <v>6174</v>
      </c>
      <c r="F10360" t="s">
        <v>6175</v>
      </c>
      <c r="G10360" t="s">
        <v>80</v>
      </c>
      <c r="H10360" t="s">
        <v>81</v>
      </c>
      <c r="I10360" s="2">
        <v>0</v>
      </c>
      <c r="J10360" s="2">
        <v>1</v>
      </c>
      <c r="K10360" s="2">
        <v>0</v>
      </c>
      <c r="L10360" t="s">
        <v>82</v>
      </c>
      <c r="M10360" t="s">
        <v>89</v>
      </c>
      <c r="N10360" t="s">
        <v>90</v>
      </c>
      <c r="O10360" t="s">
        <v>85</v>
      </c>
      <c r="P10360" t="s">
        <v>86</v>
      </c>
      <c r="Q10360">
        <v>35</v>
      </c>
      <c r="R10360">
        <v>36</v>
      </c>
      <c r="S10360">
        <v>36</v>
      </c>
      <c r="T10360">
        <v>37</v>
      </c>
      <c r="U10360">
        <v>38</v>
      </c>
      <c r="V10360">
        <v>38</v>
      </c>
      <c r="W10360">
        <v>39</v>
      </c>
      <c r="X10360">
        <v>40</v>
      </c>
      <c r="Y10360">
        <v>40</v>
      </c>
      <c r="Z10360">
        <v>41</v>
      </c>
      <c r="AA10360">
        <v>41</v>
      </c>
      <c r="AB10360">
        <v>42</v>
      </c>
      <c r="AC10360">
        <v>42</v>
      </c>
      <c r="AD10360">
        <v>43</v>
      </c>
      <c r="AE10360">
        <v>43</v>
      </c>
      <c r="AF10360">
        <v>43</v>
      </c>
      <c r="AG10360">
        <v>43</v>
      </c>
      <c r="AH10360">
        <v>43</v>
      </c>
      <c r="AI10360">
        <v>43</v>
      </c>
      <c r="AJ10360">
        <v>43</v>
      </c>
      <c r="AK10360">
        <v>43</v>
      </c>
      <c r="AL10360">
        <v>43</v>
      </c>
      <c r="AM10360">
        <v>42</v>
      </c>
      <c r="AN10360">
        <v>42</v>
      </c>
      <c r="AO10360">
        <v>42</v>
      </c>
      <c r="AP10360">
        <v>42</v>
      </c>
      <c r="AQ10360">
        <v>42</v>
      </c>
    </row>
    <row r="10361" spans="1:43">
      <c r="A10361" t="s">
        <v>6458</v>
      </c>
      <c r="B10361" t="s">
        <v>6459</v>
      </c>
      <c r="C10361" t="s">
        <v>6402</v>
      </c>
      <c r="D10361" t="s">
        <v>6403</v>
      </c>
      <c r="E10361" t="s">
        <v>6174</v>
      </c>
      <c r="F10361" t="s">
        <v>6175</v>
      </c>
      <c r="G10361" t="s">
        <v>80</v>
      </c>
      <c r="H10361" t="s">
        <v>81</v>
      </c>
      <c r="I10361" s="2">
        <v>0</v>
      </c>
      <c r="J10361" s="2">
        <v>1</v>
      </c>
      <c r="K10361" s="2">
        <v>0</v>
      </c>
      <c r="L10361" t="s">
        <v>82</v>
      </c>
      <c r="M10361" t="s">
        <v>83</v>
      </c>
      <c r="N10361" t="s">
        <v>91</v>
      </c>
      <c r="O10361" t="s">
        <v>85</v>
      </c>
      <c r="P10361" t="s">
        <v>86</v>
      </c>
      <c r="Q10361">
        <v>35</v>
      </c>
      <c r="R10361">
        <v>35</v>
      </c>
      <c r="S10361">
        <v>35</v>
      </c>
      <c r="T10361">
        <v>36</v>
      </c>
      <c r="U10361">
        <v>36</v>
      </c>
      <c r="V10361">
        <v>37</v>
      </c>
      <c r="W10361">
        <v>37</v>
      </c>
      <c r="X10361">
        <v>37</v>
      </c>
      <c r="Y10361">
        <v>38</v>
      </c>
      <c r="Z10361">
        <v>38</v>
      </c>
      <c r="AA10361">
        <v>39</v>
      </c>
      <c r="AB10361">
        <v>39</v>
      </c>
      <c r="AC10361">
        <v>39</v>
      </c>
      <c r="AD10361">
        <v>40</v>
      </c>
      <c r="AE10361">
        <v>40</v>
      </c>
      <c r="AF10361">
        <v>40</v>
      </c>
      <c r="AG10361">
        <v>41</v>
      </c>
      <c r="AH10361">
        <v>41</v>
      </c>
      <c r="AI10361">
        <v>41</v>
      </c>
      <c r="AJ10361">
        <v>42</v>
      </c>
      <c r="AK10361">
        <v>42</v>
      </c>
      <c r="AL10361">
        <v>42</v>
      </c>
      <c r="AM10361">
        <v>42</v>
      </c>
      <c r="AN10361">
        <v>42</v>
      </c>
      <c r="AO10361">
        <v>42</v>
      </c>
      <c r="AP10361">
        <v>42</v>
      </c>
      <c r="AQ10361">
        <v>42</v>
      </c>
    </row>
    <row r="10362" spans="1:43">
      <c r="A10362" t="s">
        <v>6460</v>
      </c>
      <c r="B10362" t="s">
        <v>6461</v>
      </c>
      <c r="C10362" t="s">
        <v>6462</v>
      </c>
      <c r="D10362" t="s">
        <v>6463</v>
      </c>
      <c r="E10362" t="s">
        <v>6174</v>
      </c>
      <c r="F10362" t="s">
        <v>6175</v>
      </c>
      <c r="G10362" t="s">
        <v>80</v>
      </c>
      <c r="H10362" t="s">
        <v>81</v>
      </c>
      <c r="I10362" s="2">
        <v>0</v>
      </c>
      <c r="J10362" s="2">
        <v>1</v>
      </c>
      <c r="K10362" s="2">
        <v>0</v>
      </c>
      <c r="L10362" t="s">
        <v>82</v>
      </c>
      <c r="M10362" t="s">
        <v>83</v>
      </c>
      <c r="N10362" t="s">
        <v>84</v>
      </c>
      <c r="O10362" t="s">
        <v>85</v>
      </c>
      <c r="P10362" t="s">
        <v>86</v>
      </c>
      <c r="Q10362">
        <v>72</v>
      </c>
      <c r="R10362">
        <v>73</v>
      </c>
      <c r="S10362">
        <v>74</v>
      </c>
      <c r="T10362">
        <v>75</v>
      </c>
      <c r="U10362">
        <v>75</v>
      </c>
      <c r="V10362">
        <v>76</v>
      </c>
      <c r="W10362">
        <v>77</v>
      </c>
      <c r="X10362">
        <v>78</v>
      </c>
      <c r="Y10362">
        <v>79</v>
      </c>
      <c r="Z10362">
        <v>80</v>
      </c>
      <c r="AA10362">
        <v>80</v>
      </c>
      <c r="AB10362">
        <v>81</v>
      </c>
      <c r="AC10362">
        <v>82</v>
      </c>
      <c r="AD10362">
        <v>82</v>
      </c>
      <c r="AE10362">
        <v>83</v>
      </c>
      <c r="AF10362">
        <v>84</v>
      </c>
      <c r="AG10362">
        <v>85</v>
      </c>
      <c r="AH10362">
        <v>85</v>
      </c>
      <c r="AI10362">
        <v>86</v>
      </c>
      <c r="AJ10362">
        <v>87</v>
      </c>
      <c r="AK10362">
        <v>87</v>
      </c>
      <c r="AL10362">
        <v>87</v>
      </c>
      <c r="AM10362">
        <v>87</v>
      </c>
      <c r="AN10362">
        <v>87</v>
      </c>
      <c r="AO10362">
        <v>87</v>
      </c>
      <c r="AP10362">
        <v>87</v>
      </c>
      <c r="AQ10362">
        <v>86</v>
      </c>
    </row>
    <row r="10363" spans="1:43">
      <c r="A10363" t="s">
        <v>6460</v>
      </c>
      <c r="B10363" t="s">
        <v>6461</v>
      </c>
      <c r="C10363" t="s">
        <v>6462</v>
      </c>
      <c r="D10363" t="s">
        <v>6463</v>
      </c>
      <c r="E10363" t="s">
        <v>6174</v>
      </c>
      <c r="F10363" t="s">
        <v>6175</v>
      </c>
      <c r="G10363" t="s">
        <v>80</v>
      </c>
      <c r="H10363" t="s">
        <v>81</v>
      </c>
      <c r="I10363" s="2">
        <v>0</v>
      </c>
      <c r="J10363" s="2">
        <v>1</v>
      </c>
      <c r="K10363" s="2">
        <v>0</v>
      </c>
      <c r="L10363" t="s">
        <v>82</v>
      </c>
      <c r="M10363" t="s">
        <v>87</v>
      </c>
      <c r="N10363" t="s">
        <v>88</v>
      </c>
      <c r="O10363" t="s">
        <v>85</v>
      </c>
      <c r="P10363" t="s">
        <v>86</v>
      </c>
      <c r="Q10363">
        <v>72</v>
      </c>
      <c r="R10363">
        <v>73</v>
      </c>
      <c r="S10363">
        <v>73</v>
      </c>
      <c r="T10363">
        <v>73</v>
      </c>
      <c r="U10363">
        <v>73</v>
      </c>
      <c r="V10363">
        <v>73</v>
      </c>
      <c r="W10363">
        <v>73</v>
      </c>
      <c r="X10363">
        <v>74</v>
      </c>
      <c r="Y10363">
        <v>74</v>
      </c>
      <c r="Z10363">
        <v>74</v>
      </c>
      <c r="AA10363">
        <v>74</v>
      </c>
      <c r="AB10363">
        <v>74</v>
      </c>
      <c r="AC10363">
        <v>74</v>
      </c>
      <c r="AD10363">
        <v>74</v>
      </c>
      <c r="AE10363">
        <v>75</v>
      </c>
      <c r="AF10363">
        <v>75</v>
      </c>
      <c r="AG10363">
        <v>75</v>
      </c>
      <c r="AH10363">
        <v>75</v>
      </c>
      <c r="AI10363">
        <v>75</v>
      </c>
      <c r="AJ10363">
        <v>75</v>
      </c>
      <c r="AK10363">
        <v>75</v>
      </c>
      <c r="AL10363">
        <v>75</v>
      </c>
      <c r="AM10363">
        <v>76</v>
      </c>
      <c r="AN10363">
        <v>76</v>
      </c>
      <c r="AO10363">
        <v>76</v>
      </c>
      <c r="AP10363">
        <v>76</v>
      </c>
      <c r="AQ10363">
        <v>76</v>
      </c>
    </row>
    <row r="10364" spans="1:43">
      <c r="A10364" t="s">
        <v>6460</v>
      </c>
      <c r="B10364" t="s">
        <v>6461</v>
      </c>
      <c r="C10364" t="s">
        <v>6462</v>
      </c>
      <c r="D10364" t="s">
        <v>6463</v>
      </c>
      <c r="E10364" t="s">
        <v>6174</v>
      </c>
      <c r="F10364" t="s">
        <v>6175</v>
      </c>
      <c r="G10364" t="s">
        <v>80</v>
      </c>
      <c r="H10364" t="s">
        <v>81</v>
      </c>
      <c r="I10364" s="2">
        <v>0</v>
      </c>
      <c r="J10364" s="2">
        <v>1</v>
      </c>
      <c r="K10364" s="2">
        <v>0</v>
      </c>
      <c r="L10364" t="s">
        <v>82</v>
      </c>
      <c r="M10364" t="s">
        <v>89</v>
      </c>
      <c r="N10364" t="s">
        <v>90</v>
      </c>
      <c r="O10364" t="s">
        <v>85</v>
      </c>
      <c r="P10364" t="s">
        <v>86</v>
      </c>
      <c r="Q10364">
        <v>72</v>
      </c>
      <c r="R10364">
        <v>73</v>
      </c>
      <c r="S10364">
        <v>75</v>
      </c>
      <c r="T10364">
        <v>76</v>
      </c>
      <c r="U10364">
        <v>77</v>
      </c>
      <c r="V10364">
        <v>79</v>
      </c>
      <c r="W10364">
        <v>80</v>
      </c>
      <c r="X10364">
        <v>81</v>
      </c>
      <c r="Y10364">
        <v>82</v>
      </c>
      <c r="Z10364">
        <v>83</v>
      </c>
      <c r="AA10364">
        <v>85</v>
      </c>
      <c r="AB10364">
        <v>86</v>
      </c>
      <c r="AC10364">
        <v>87</v>
      </c>
      <c r="AD10364">
        <v>88</v>
      </c>
      <c r="AE10364">
        <v>88</v>
      </c>
      <c r="AF10364">
        <v>88</v>
      </c>
      <c r="AG10364">
        <v>88</v>
      </c>
      <c r="AH10364">
        <v>88</v>
      </c>
      <c r="AI10364">
        <v>88</v>
      </c>
      <c r="AJ10364">
        <v>87</v>
      </c>
      <c r="AK10364">
        <v>87</v>
      </c>
      <c r="AL10364">
        <v>87</v>
      </c>
      <c r="AM10364">
        <v>87</v>
      </c>
      <c r="AN10364">
        <v>87</v>
      </c>
      <c r="AO10364">
        <v>86</v>
      </c>
      <c r="AP10364">
        <v>86</v>
      </c>
      <c r="AQ10364">
        <v>86</v>
      </c>
    </row>
    <row r="10365" spans="1:43">
      <c r="A10365" t="s">
        <v>6460</v>
      </c>
      <c r="B10365" t="s">
        <v>6461</v>
      </c>
      <c r="C10365" t="s">
        <v>6462</v>
      </c>
      <c r="D10365" t="s">
        <v>6463</v>
      </c>
      <c r="E10365" t="s">
        <v>6174</v>
      </c>
      <c r="F10365" t="s">
        <v>6175</v>
      </c>
      <c r="G10365" t="s">
        <v>80</v>
      </c>
      <c r="H10365" t="s">
        <v>81</v>
      </c>
      <c r="I10365" s="2">
        <v>0</v>
      </c>
      <c r="J10365" s="2">
        <v>1</v>
      </c>
      <c r="K10365" s="2">
        <v>0</v>
      </c>
      <c r="L10365" t="s">
        <v>82</v>
      </c>
      <c r="M10365" t="s">
        <v>83</v>
      </c>
      <c r="N10365" t="s">
        <v>91</v>
      </c>
      <c r="O10365" t="s">
        <v>85</v>
      </c>
      <c r="P10365" t="s">
        <v>86</v>
      </c>
      <c r="Q10365">
        <v>72</v>
      </c>
      <c r="R10365">
        <v>73</v>
      </c>
      <c r="S10365">
        <v>74</v>
      </c>
      <c r="T10365">
        <v>75</v>
      </c>
      <c r="U10365">
        <v>75</v>
      </c>
      <c r="V10365">
        <v>76</v>
      </c>
      <c r="W10365">
        <v>77</v>
      </c>
      <c r="X10365">
        <v>78</v>
      </c>
      <c r="Y10365">
        <v>79</v>
      </c>
      <c r="Z10365">
        <v>80</v>
      </c>
      <c r="AA10365">
        <v>80</v>
      </c>
      <c r="AB10365">
        <v>81</v>
      </c>
      <c r="AC10365">
        <v>82</v>
      </c>
      <c r="AD10365">
        <v>82</v>
      </c>
      <c r="AE10365">
        <v>83</v>
      </c>
      <c r="AF10365">
        <v>84</v>
      </c>
      <c r="AG10365">
        <v>85</v>
      </c>
      <c r="AH10365">
        <v>85</v>
      </c>
      <c r="AI10365">
        <v>86</v>
      </c>
      <c r="AJ10365">
        <v>87</v>
      </c>
      <c r="AK10365">
        <v>87</v>
      </c>
      <c r="AL10365">
        <v>87</v>
      </c>
      <c r="AM10365">
        <v>87</v>
      </c>
      <c r="AN10365">
        <v>87</v>
      </c>
      <c r="AO10365">
        <v>87</v>
      </c>
      <c r="AP10365">
        <v>87</v>
      </c>
      <c r="AQ10365">
        <v>86</v>
      </c>
    </row>
    <row r="10366" spans="1:43">
      <c r="A10366" t="s">
        <v>6464</v>
      </c>
      <c r="B10366" t="s">
        <v>6465</v>
      </c>
      <c r="C10366" t="s">
        <v>6462</v>
      </c>
      <c r="D10366" t="s">
        <v>6463</v>
      </c>
      <c r="E10366" t="s">
        <v>6174</v>
      </c>
      <c r="F10366" t="s">
        <v>6175</v>
      </c>
      <c r="G10366" t="s">
        <v>80</v>
      </c>
      <c r="H10366" t="s">
        <v>81</v>
      </c>
      <c r="I10366" s="2">
        <v>0</v>
      </c>
      <c r="J10366" s="2">
        <v>1</v>
      </c>
      <c r="K10366" s="2">
        <v>0</v>
      </c>
      <c r="L10366" t="s">
        <v>82</v>
      </c>
      <c r="M10366" t="s">
        <v>83</v>
      </c>
      <c r="N10366" t="s">
        <v>84</v>
      </c>
      <c r="O10366" t="s">
        <v>85</v>
      </c>
      <c r="P10366" t="s">
        <v>86</v>
      </c>
      <c r="Q10366">
        <v>74</v>
      </c>
      <c r="R10366">
        <v>75</v>
      </c>
      <c r="S10366">
        <v>76</v>
      </c>
      <c r="T10366">
        <v>76</v>
      </c>
      <c r="U10366">
        <v>77</v>
      </c>
      <c r="V10366">
        <v>78</v>
      </c>
      <c r="W10366">
        <v>79</v>
      </c>
      <c r="X10366">
        <v>80</v>
      </c>
      <c r="Y10366">
        <v>81</v>
      </c>
      <c r="Z10366">
        <v>82</v>
      </c>
      <c r="AA10366">
        <v>82</v>
      </c>
      <c r="AB10366">
        <v>83</v>
      </c>
      <c r="AC10366">
        <v>84</v>
      </c>
      <c r="AD10366">
        <v>85</v>
      </c>
      <c r="AE10366">
        <v>86</v>
      </c>
      <c r="AF10366">
        <v>86</v>
      </c>
      <c r="AG10366">
        <v>87</v>
      </c>
      <c r="AH10366">
        <v>88</v>
      </c>
      <c r="AI10366">
        <v>89</v>
      </c>
      <c r="AJ10366">
        <v>89</v>
      </c>
      <c r="AK10366">
        <v>90</v>
      </c>
      <c r="AL10366">
        <v>90</v>
      </c>
      <c r="AM10366">
        <v>90</v>
      </c>
      <c r="AN10366">
        <v>90</v>
      </c>
      <c r="AO10366">
        <v>90</v>
      </c>
      <c r="AP10366">
        <v>90</v>
      </c>
      <c r="AQ10366">
        <v>89</v>
      </c>
    </row>
    <row r="10367" spans="1:43">
      <c r="A10367" t="s">
        <v>6464</v>
      </c>
      <c r="B10367" t="s">
        <v>6465</v>
      </c>
      <c r="C10367" t="s">
        <v>6462</v>
      </c>
      <c r="D10367" t="s">
        <v>6463</v>
      </c>
      <c r="E10367" t="s">
        <v>6174</v>
      </c>
      <c r="F10367" t="s">
        <v>6175</v>
      </c>
      <c r="G10367" t="s">
        <v>80</v>
      </c>
      <c r="H10367" t="s">
        <v>81</v>
      </c>
      <c r="I10367" s="2">
        <v>0</v>
      </c>
      <c r="J10367" s="2">
        <v>1</v>
      </c>
      <c r="K10367" s="2">
        <v>0</v>
      </c>
      <c r="L10367" t="s">
        <v>82</v>
      </c>
      <c r="M10367" t="s">
        <v>87</v>
      </c>
      <c r="N10367" t="s">
        <v>88</v>
      </c>
      <c r="O10367" t="s">
        <v>85</v>
      </c>
      <c r="P10367" t="s">
        <v>86</v>
      </c>
      <c r="Q10367">
        <v>74</v>
      </c>
      <c r="R10367">
        <v>74</v>
      </c>
      <c r="S10367">
        <v>75</v>
      </c>
      <c r="T10367">
        <v>75</v>
      </c>
      <c r="U10367">
        <v>75</v>
      </c>
      <c r="V10367">
        <v>75</v>
      </c>
      <c r="W10367">
        <v>75</v>
      </c>
      <c r="X10367">
        <v>76</v>
      </c>
      <c r="Y10367">
        <v>76</v>
      </c>
      <c r="Z10367">
        <v>76</v>
      </c>
      <c r="AA10367">
        <v>76</v>
      </c>
      <c r="AB10367">
        <v>76</v>
      </c>
      <c r="AC10367">
        <v>76</v>
      </c>
      <c r="AD10367">
        <v>77</v>
      </c>
      <c r="AE10367">
        <v>77</v>
      </c>
      <c r="AF10367">
        <v>77</v>
      </c>
      <c r="AG10367">
        <v>77</v>
      </c>
      <c r="AH10367">
        <v>77</v>
      </c>
      <c r="AI10367">
        <v>77</v>
      </c>
      <c r="AJ10367">
        <v>78</v>
      </c>
      <c r="AK10367">
        <v>78</v>
      </c>
      <c r="AL10367">
        <v>78</v>
      </c>
      <c r="AM10367">
        <v>78</v>
      </c>
      <c r="AN10367">
        <v>78</v>
      </c>
      <c r="AO10367">
        <v>78</v>
      </c>
      <c r="AP10367">
        <v>78</v>
      </c>
      <c r="AQ10367">
        <v>78</v>
      </c>
    </row>
    <row r="10368" spans="1:43">
      <c r="A10368" t="s">
        <v>6464</v>
      </c>
      <c r="B10368" t="s">
        <v>6465</v>
      </c>
      <c r="C10368" t="s">
        <v>6462</v>
      </c>
      <c r="D10368" t="s">
        <v>6463</v>
      </c>
      <c r="E10368" t="s">
        <v>6174</v>
      </c>
      <c r="F10368" t="s">
        <v>6175</v>
      </c>
      <c r="G10368" t="s">
        <v>80</v>
      </c>
      <c r="H10368" t="s">
        <v>81</v>
      </c>
      <c r="I10368" s="2">
        <v>0</v>
      </c>
      <c r="J10368" s="2">
        <v>1</v>
      </c>
      <c r="K10368" s="2">
        <v>0</v>
      </c>
      <c r="L10368" t="s">
        <v>82</v>
      </c>
      <c r="M10368" t="s">
        <v>89</v>
      </c>
      <c r="N10368" t="s">
        <v>90</v>
      </c>
      <c r="O10368" t="s">
        <v>85</v>
      </c>
      <c r="P10368" t="s">
        <v>86</v>
      </c>
      <c r="Q10368">
        <v>74</v>
      </c>
      <c r="R10368">
        <v>76</v>
      </c>
      <c r="S10368">
        <v>77</v>
      </c>
      <c r="T10368">
        <v>79</v>
      </c>
      <c r="U10368">
        <v>80</v>
      </c>
      <c r="V10368">
        <v>82</v>
      </c>
      <c r="W10368">
        <v>83</v>
      </c>
      <c r="X10368">
        <v>84</v>
      </c>
      <c r="Y10368">
        <v>86</v>
      </c>
      <c r="Z10368">
        <v>87</v>
      </c>
      <c r="AA10368">
        <v>88</v>
      </c>
      <c r="AB10368">
        <v>89</v>
      </c>
      <c r="AC10368">
        <v>90</v>
      </c>
      <c r="AD10368">
        <v>91</v>
      </c>
      <c r="AE10368">
        <v>92</v>
      </c>
      <c r="AF10368">
        <v>92</v>
      </c>
      <c r="AG10368">
        <v>92</v>
      </c>
      <c r="AH10368">
        <v>92</v>
      </c>
      <c r="AI10368">
        <v>91</v>
      </c>
      <c r="AJ10368">
        <v>91</v>
      </c>
      <c r="AK10368">
        <v>91</v>
      </c>
      <c r="AL10368">
        <v>91</v>
      </c>
      <c r="AM10368">
        <v>91</v>
      </c>
      <c r="AN10368">
        <v>91</v>
      </c>
      <c r="AO10368">
        <v>91</v>
      </c>
      <c r="AP10368">
        <v>90</v>
      </c>
      <c r="AQ10368">
        <v>90</v>
      </c>
    </row>
    <row r="10369" spans="1:43">
      <c r="A10369" t="s">
        <v>6464</v>
      </c>
      <c r="B10369" t="s">
        <v>6465</v>
      </c>
      <c r="C10369" t="s">
        <v>6462</v>
      </c>
      <c r="D10369" t="s">
        <v>6463</v>
      </c>
      <c r="E10369" t="s">
        <v>6174</v>
      </c>
      <c r="F10369" t="s">
        <v>6175</v>
      </c>
      <c r="G10369" t="s">
        <v>80</v>
      </c>
      <c r="H10369" t="s">
        <v>81</v>
      </c>
      <c r="I10369" s="2">
        <v>0</v>
      </c>
      <c r="J10369" s="2">
        <v>1</v>
      </c>
      <c r="K10369" s="2">
        <v>0</v>
      </c>
      <c r="L10369" t="s">
        <v>82</v>
      </c>
      <c r="M10369" t="s">
        <v>83</v>
      </c>
      <c r="N10369" t="s">
        <v>91</v>
      </c>
      <c r="O10369" t="s">
        <v>85</v>
      </c>
      <c r="P10369" t="s">
        <v>86</v>
      </c>
      <c r="Q10369">
        <v>74</v>
      </c>
      <c r="R10369">
        <v>75</v>
      </c>
      <c r="S10369">
        <v>76</v>
      </c>
      <c r="T10369">
        <v>76</v>
      </c>
      <c r="U10369">
        <v>77</v>
      </c>
      <c r="V10369">
        <v>78</v>
      </c>
      <c r="W10369">
        <v>79</v>
      </c>
      <c r="X10369">
        <v>80</v>
      </c>
      <c r="Y10369">
        <v>81</v>
      </c>
      <c r="Z10369">
        <v>82</v>
      </c>
      <c r="AA10369">
        <v>82</v>
      </c>
      <c r="AB10369">
        <v>83</v>
      </c>
      <c r="AC10369">
        <v>84</v>
      </c>
      <c r="AD10369">
        <v>85</v>
      </c>
      <c r="AE10369">
        <v>86</v>
      </c>
      <c r="AF10369">
        <v>86</v>
      </c>
      <c r="AG10369">
        <v>87</v>
      </c>
      <c r="AH10369">
        <v>88</v>
      </c>
      <c r="AI10369">
        <v>89</v>
      </c>
      <c r="AJ10369">
        <v>89</v>
      </c>
      <c r="AK10369">
        <v>90</v>
      </c>
      <c r="AL10369">
        <v>90</v>
      </c>
      <c r="AM10369">
        <v>90</v>
      </c>
      <c r="AN10369">
        <v>90</v>
      </c>
      <c r="AO10369">
        <v>90</v>
      </c>
      <c r="AP10369">
        <v>90</v>
      </c>
      <c r="AQ10369">
        <v>89</v>
      </c>
    </row>
    <row r="10370" spans="1:43">
      <c r="A10370" t="s">
        <v>6466</v>
      </c>
      <c r="B10370" t="s">
        <v>6467</v>
      </c>
      <c r="C10370" t="s">
        <v>6468</v>
      </c>
      <c r="D10370" t="s">
        <v>6469</v>
      </c>
      <c r="E10370" t="s">
        <v>6174</v>
      </c>
      <c r="F10370" t="s">
        <v>6175</v>
      </c>
      <c r="G10370" t="s">
        <v>80</v>
      </c>
      <c r="H10370" t="s">
        <v>81</v>
      </c>
      <c r="I10370" s="2">
        <v>0</v>
      </c>
      <c r="J10370" s="2">
        <v>1</v>
      </c>
      <c r="K10370" s="2">
        <v>0</v>
      </c>
      <c r="L10370" t="s">
        <v>82</v>
      </c>
      <c r="M10370" t="s">
        <v>83</v>
      </c>
      <c r="N10370" t="s">
        <v>84</v>
      </c>
      <c r="O10370" t="s">
        <v>85</v>
      </c>
      <c r="P10370" t="s">
        <v>86</v>
      </c>
      <c r="Q10370">
        <v>28</v>
      </c>
      <c r="R10370">
        <v>29</v>
      </c>
      <c r="S10370">
        <v>29</v>
      </c>
      <c r="T10370">
        <v>29</v>
      </c>
      <c r="U10370">
        <v>29</v>
      </c>
      <c r="V10370">
        <v>30</v>
      </c>
      <c r="W10370">
        <v>30</v>
      </c>
      <c r="X10370">
        <v>30</v>
      </c>
      <c r="Y10370">
        <v>31</v>
      </c>
      <c r="Z10370">
        <v>31</v>
      </c>
      <c r="AA10370">
        <v>31</v>
      </c>
      <c r="AB10370">
        <v>32</v>
      </c>
      <c r="AC10370">
        <v>32</v>
      </c>
      <c r="AD10370">
        <v>32</v>
      </c>
      <c r="AE10370">
        <v>32</v>
      </c>
      <c r="AF10370">
        <v>33</v>
      </c>
      <c r="AG10370">
        <v>33</v>
      </c>
      <c r="AH10370">
        <v>33</v>
      </c>
      <c r="AI10370">
        <v>33</v>
      </c>
      <c r="AJ10370">
        <v>34</v>
      </c>
      <c r="AK10370">
        <v>34</v>
      </c>
      <c r="AL10370">
        <v>34</v>
      </c>
      <c r="AM10370">
        <v>34</v>
      </c>
      <c r="AN10370">
        <v>34</v>
      </c>
      <c r="AO10370">
        <v>34</v>
      </c>
      <c r="AP10370">
        <v>34</v>
      </c>
      <c r="AQ10370">
        <v>33</v>
      </c>
    </row>
    <row r="10371" spans="1:43">
      <c r="A10371" t="s">
        <v>6466</v>
      </c>
      <c r="B10371" t="s">
        <v>6467</v>
      </c>
      <c r="C10371" t="s">
        <v>6468</v>
      </c>
      <c r="D10371" t="s">
        <v>6469</v>
      </c>
      <c r="E10371" t="s">
        <v>6174</v>
      </c>
      <c r="F10371" t="s">
        <v>6175</v>
      </c>
      <c r="G10371" t="s">
        <v>80</v>
      </c>
      <c r="H10371" t="s">
        <v>81</v>
      </c>
      <c r="I10371" s="2">
        <v>0</v>
      </c>
      <c r="J10371" s="2">
        <v>1</v>
      </c>
      <c r="K10371" s="2">
        <v>0</v>
      </c>
      <c r="L10371" t="s">
        <v>82</v>
      </c>
      <c r="M10371" t="s">
        <v>87</v>
      </c>
      <c r="N10371" t="s">
        <v>88</v>
      </c>
      <c r="O10371" t="s">
        <v>85</v>
      </c>
      <c r="P10371" t="s">
        <v>86</v>
      </c>
      <c r="Q10371">
        <v>28</v>
      </c>
      <c r="R10371">
        <v>28</v>
      </c>
      <c r="S10371">
        <v>28</v>
      </c>
      <c r="T10371">
        <v>28</v>
      </c>
      <c r="U10371">
        <v>28</v>
      </c>
      <c r="V10371">
        <v>28</v>
      </c>
      <c r="W10371">
        <v>28</v>
      </c>
      <c r="X10371">
        <v>28</v>
      </c>
      <c r="Y10371">
        <v>28</v>
      </c>
      <c r="Z10371">
        <v>28</v>
      </c>
      <c r="AA10371">
        <v>29</v>
      </c>
      <c r="AB10371">
        <v>29</v>
      </c>
      <c r="AC10371">
        <v>29</v>
      </c>
      <c r="AD10371">
        <v>29</v>
      </c>
      <c r="AE10371">
        <v>29</v>
      </c>
      <c r="AF10371">
        <v>29</v>
      </c>
      <c r="AG10371">
        <v>29</v>
      </c>
      <c r="AH10371">
        <v>29</v>
      </c>
      <c r="AI10371">
        <v>29</v>
      </c>
      <c r="AJ10371">
        <v>29</v>
      </c>
      <c r="AK10371">
        <v>29</v>
      </c>
      <c r="AL10371">
        <v>29</v>
      </c>
      <c r="AM10371">
        <v>29</v>
      </c>
      <c r="AN10371">
        <v>29</v>
      </c>
      <c r="AO10371">
        <v>29</v>
      </c>
      <c r="AP10371">
        <v>29</v>
      </c>
      <c r="AQ10371">
        <v>29</v>
      </c>
    </row>
    <row r="10372" spans="1:43">
      <c r="A10372" t="s">
        <v>6466</v>
      </c>
      <c r="B10372" t="s">
        <v>6467</v>
      </c>
      <c r="C10372" t="s">
        <v>6468</v>
      </c>
      <c r="D10372" t="s">
        <v>6469</v>
      </c>
      <c r="E10372" t="s">
        <v>6174</v>
      </c>
      <c r="F10372" t="s">
        <v>6175</v>
      </c>
      <c r="G10372" t="s">
        <v>80</v>
      </c>
      <c r="H10372" t="s">
        <v>81</v>
      </c>
      <c r="I10372" s="2">
        <v>0</v>
      </c>
      <c r="J10372" s="2">
        <v>1</v>
      </c>
      <c r="K10372" s="2">
        <v>0</v>
      </c>
      <c r="L10372" t="s">
        <v>82</v>
      </c>
      <c r="M10372" t="s">
        <v>89</v>
      </c>
      <c r="N10372" t="s">
        <v>90</v>
      </c>
      <c r="O10372" t="s">
        <v>85</v>
      </c>
      <c r="P10372" t="s">
        <v>86</v>
      </c>
      <c r="Q10372">
        <v>28</v>
      </c>
      <c r="R10372">
        <v>29</v>
      </c>
      <c r="S10372">
        <v>30</v>
      </c>
      <c r="T10372">
        <v>30</v>
      </c>
      <c r="U10372">
        <v>31</v>
      </c>
      <c r="V10372">
        <v>31</v>
      </c>
      <c r="W10372">
        <v>32</v>
      </c>
      <c r="X10372">
        <v>32</v>
      </c>
      <c r="Y10372">
        <v>33</v>
      </c>
      <c r="Z10372">
        <v>33</v>
      </c>
      <c r="AA10372">
        <v>33</v>
      </c>
      <c r="AB10372">
        <v>34</v>
      </c>
      <c r="AC10372">
        <v>34</v>
      </c>
      <c r="AD10372">
        <v>35</v>
      </c>
      <c r="AE10372">
        <v>35</v>
      </c>
      <c r="AF10372">
        <v>35</v>
      </c>
      <c r="AG10372">
        <v>35</v>
      </c>
      <c r="AH10372">
        <v>35</v>
      </c>
      <c r="AI10372">
        <v>34</v>
      </c>
      <c r="AJ10372">
        <v>34</v>
      </c>
      <c r="AK10372">
        <v>34</v>
      </c>
      <c r="AL10372">
        <v>34</v>
      </c>
      <c r="AM10372">
        <v>34</v>
      </c>
      <c r="AN10372">
        <v>34</v>
      </c>
      <c r="AO10372">
        <v>34</v>
      </c>
      <c r="AP10372">
        <v>34</v>
      </c>
      <c r="AQ10372">
        <v>34</v>
      </c>
    </row>
    <row r="10373" spans="1:43">
      <c r="A10373" t="s">
        <v>6466</v>
      </c>
      <c r="B10373" t="s">
        <v>6467</v>
      </c>
      <c r="C10373" t="s">
        <v>6468</v>
      </c>
      <c r="D10373" t="s">
        <v>6469</v>
      </c>
      <c r="E10373" t="s">
        <v>6174</v>
      </c>
      <c r="F10373" t="s">
        <v>6175</v>
      </c>
      <c r="G10373" t="s">
        <v>80</v>
      </c>
      <c r="H10373" t="s">
        <v>81</v>
      </c>
      <c r="I10373" s="2">
        <v>0</v>
      </c>
      <c r="J10373" s="2">
        <v>1</v>
      </c>
      <c r="K10373" s="2">
        <v>0</v>
      </c>
      <c r="L10373" t="s">
        <v>82</v>
      </c>
      <c r="M10373" t="s">
        <v>83</v>
      </c>
      <c r="N10373" t="s">
        <v>91</v>
      </c>
      <c r="O10373" t="s">
        <v>85</v>
      </c>
      <c r="P10373" t="s">
        <v>86</v>
      </c>
      <c r="Q10373">
        <v>28</v>
      </c>
      <c r="R10373">
        <v>29</v>
      </c>
      <c r="S10373">
        <v>29</v>
      </c>
      <c r="T10373">
        <v>29</v>
      </c>
      <c r="U10373">
        <v>29</v>
      </c>
      <c r="V10373">
        <v>30</v>
      </c>
      <c r="W10373">
        <v>30</v>
      </c>
      <c r="X10373">
        <v>30</v>
      </c>
      <c r="Y10373">
        <v>31</v>
      </c>
      <c r="Z10373">
        <v>31</v>
      </c>
      <c r="AA10373">
        <v>31</v>
      </c>
      <c r="AB10373">
        <v>32</v>
      </c>
      <c r="AC10373">
        <v>32</v>
      </c>
      <c r="AD10373">
        <v>32</v>
      </c>
      <c r="AE10373">
        <v>32</v>
      </c>
      <c r="AF10373">
        <v>33</v>
      </c>
      <c r="AG10373">
        <v>33</v>
      </c>
      <c r="AH10373">
        <v>33</v>
      </c>
      <c r="AI10373">
        <v>33</v>
      </c>
      <c r="AJ10373">
        <v>34</v>
      </c>
      <c r="AK10373">
        <v>34</v>
      </c>
      <c r="AL10373">
        <v>34</v>
      </c>
      <c r="AM10373">
        <v>34</v>
      </c>
      <c r="AN10373">
        <v>34</v>
      </c>
      <c r="AO10373">
        <v>34</v>
      </c>
      <c r="AP10373">
        <v>34</v>
      </c>
      <c r="AQ10373">
        <v>33</v>
      </c>
    </row>
    <row r="10374" spans="1:43">
      <c r="A10374" t="s">
        <v>6470</v>
      </c>
      <c r="B10374" t="s">
        <v>6471</v>
      </c>
      <c r="C10374" t="s">
        <v>6342</v>
      </c>
      <c r="D10374" t="s">
        <v>6343</v>
      </c>
      <c r="E10374" t="s">
        <v>6174</v>
      </c>
      <c r="F10374" t="s">
        <v>6175</v>
      </c>
      <c r="G10374" t="s">
        <v>80</v>
      </c>
      <c r="H10374" t="s">
        <v>81</v>
      </c>
      <c r="I10374" s="2">
        <v>0</v>
      </c>
      <c r="J10374" s="2">
        <v>1</v>
      </c>
      <c r="K10374" s="2">
        <v>0</v>
      </c>
      <c r="L10374" t="s">
        <v>82</v>
      </c>
      <c r="M10374" t="s">
        <v>83</v>
      </c>
      <c r="N10374" t="s">
        <v>84</v>
      </c>
      <c r="O10374" t="s">
        <v>85</v>
      </c>
      <c r="P10374" t="s">
        <v>86</v>
      </c>
      <c r="Q10374">
        <v>92</v>
      </c>
      <c r="R10374">
        <v>93</v>
      </c>
      <c r="S10374">
        <v>94</v>
      </c>
      <c r="T10374">
        <v>95</v>
      </c>
      <c r="U10374">
        <v>96</v>
      </c>
      <c r="V10374">
        <v>98</v>
      </c>
      <c r="W10374">
        <v>99</v>
      </c>
      <c r="X10374">
        <v>100</v>
      </c>
      <c r="Y10374">
        <v>101</v>
      </c>
      <c r="Z10374">
        <v>102</v>
      </c>
      <c r="AA10374">
        <v>103</v>
      </c>
      <c r="AB10374">
        <v>104</v>
      </c>
      <c r="AC10374">
        <v>104</v>
      </c>
      <c r="AD10374">
        <v>105</v>
      </c>
      <c r="AE10374">
        <v>106</v>
      </c>
      <c r="AF10374">
        <v>107</v>
      </c>
      <c r="AG10374">
        <v>108</v>
      </c>
      <c r="AH10374">
        <v>109</v>
      </c>
      <c r="AI10374">
        <v>110</v>
      </c>
      <c r="AJ10374">
        <v>110</v>
      </c>
      <c r="AK10374">
        <v>111</v>
      </c>
      <c r="AL10374">
        <v>111</v>
      </c>
      <c r="AM10374">
        <v>111</v>
      </c>
      <c r="AN10374">
        <v>111</v>
      </c>
      <c r="AO10374">
        <v>111</v>
      </c>
      <c r="AP10374">
        <v>110</v>
      </c>
      <c r="AQ10374">
        <v>110</v>
      </c>
    </row>
    <row r="10375" spans="1:43">
      <c r="A10375" t="s">
        <v>6470</v>
      </c>
      <c r="B10375" t="s">
        <v>6471</v>
      </c>
      <c r="C10375" t="s">
        <v>6342</v>
      </c>
      <c r="D10375" t="s">
        <v>6343</v>
      </c>
      <c r="E10375" t="s">
        <v>6174</v>
      </c>
      <c r="F10375" t="s">
        <v>6175</v>
      </c>
      <c r="G10375" t="s">
        <v>80</v>
      </c>
      <c r="H10375" t="s">
        <v>81</v>
      </c>
      <c r="I10375" s="2">
        <v>0</v>
      </c>
      <c r="J10375" s="2">
        <v>1</v>
      </c>
      <c r="K10375" s="2">
        <v>0</v>
      </c>
      <c r="L10375" t="s">
        <v>82</v>
      </c>
      <c r="M10375" t="s">
        <v>87</v>
      </c>
      <c r="N10375" t="s">
        <v>88</v>
      </c>
      <c r="O10375" t="s">
        <v>85</v>
      </c>
      <c r="P10375" t="s">
        <v>86</v>
      </c>
      <c r="Q10375">
        <v>92</v>
      </c>
      <c r="R10375">
        <v>93</v>
      </c>
      <c r="S10375">
        <v>93</v>
      </c>
      <c r="T10375">
        <v>93</v>
      </c>
      <c r="U10375">
        <v>93</v>
      </c>
      <c r="V10375">
        <v>93</v>
      </c>
      <c r="W10375">
        <v>94</v>
      </c>
      <c r="X10375">
        <v>94</v>
      </c>
      <c r="Y10375">
        <v>94</v>
      </c>
      <c r="Z10375">
        <v>94</v>
      </c>
      <c r="AA10375">
        <v>94</v>
      </c>
      <c r="AB10375">
        <v>95</v>
      </c>
      <c r="AC10375">
        <v>95</v>
      </c>
      <c r="AD10375">
        <v>95</v>
      </c>
      <c r="AE10375">
        <v>95</v>
      </c>
      <c r="AF10375">
        <v>95</v>
      </c>
      <c r="AG10375">
        <v>95</v>
      </c>
      <c r="AH10375">
        <v>96</v>
      </c>
      <c r="AI10375">
        <v>96</v>
      </c>
      <c r="AJ10375">
        <v>96</v>
      </c>
      <c r="AK10375">
        <v>96</v>
      </c>
      <c r="AL10375">
        <v>96</v>
      </c>
      <c r="AM10375">
        <v>96</v>
      </c>
      <c r="AN10375">
        <v>96</v>
      </c>
      <c r="AO10375">
        <v>96</v>
      </c>
      <c r="AP10375">
        <v>96</v>
      </c>
      <c r="AQ10375">
        <v>97</v>
      </c>
    </row>
    <row r="10376" spans="1:43">
      <c r="A10376" t="s">
        <v>6470</v>
      </c>
      <c r="B10376" t="s">
        <v>6471</v>
      </c>
      <c r="C10376" t="s">
        <v>6342</v>
      </c>
      <c r="D10376" t="s">
        <v>6343</v>
      </c>
      <c r="E10376" t="s">
        <v>6174</v>
      </c>
      <c r="F10376" t="s">
        <v>6175</v>
      </c>
      <c r="G10376" t="s">
        <v>80</v>
      </c>
      <c r="H10376" t="s">
        <v>81</v>
      </c>
      <c r="I10376" s="2">
        <v>0</v>
      </c>
      <c r="J10376" s="2">
        <v>1</v>
      </c>
      <c r="K10376" s="2">
        <v>0</v>
      </c>
      <c r="L10376" t="s">
        <v>82</v>
      </c>
      <c r="M10376" t="s">
        <v>89</v>
      </c>
      <c r="N10376" t="s">
        <v>90</v>
      </c>
      <c r="O10376" t="s">
        <v>85</v>
      </c>
      <c r="P10376" t="s">
        <v>86</v>
      </c>
      <c r="Q10376">
        <v>92</v>
      </c>
      <c r="R10376">
        <v>94</v>
      </c>
      <c r="S10376">
        <v>96</v>
      </c>
      <c r="T10376">
        <v>98</v>
      </c>
      <c r="U10376">
        <v>99</v>
      </c>
      <c r="V10376">
        <v>101</v>
      </c>
      <c r="W10376">
        <v>103</v>
      </c>
      <c r="X10376">
        <v>104</v>
      </c>
      <c r="Y10376">
        <v>106</v>
      </c>
      <c r="Z10376">
        <v>107</v>
      </c>
      <c r="AA10376">
        <v>108</v>
      </c>
      <c r="AB10376">
        <v>110</v>
      </c>
      <c r="AC10376">
        <v>111</v>
      </c>
      <c r="AD10376">
        <v>112</v>
      </c>
      <c r="AE10376">
        <v>113</v>
      </c>
      <c r="AF10376">
        <v>113</v>
      </c>
      <c r="AG10376">
        <v>113</v>
      </c>
      <c r="AH10376">
        <v>112</v>
      </c>
      <c r="AI10376">
        <v>112</v>
      </c>
      <c r="AJ10376">
        <v>112</v>
      </c>
      <c r="AK10376">
        <v>112</v>
      </c>
      <c r="AL10376">
        <v>111</v>
      </c>
      <c r="AM10376">
        <v>111</v>
      </c>
      <c r="AN10376">
        <v>111</v>
      </c>
      <c r="AO10376">
        <v>110</v>
      </c>
      <c r="AP10376">
        <v>110</v>
      </c>
      <c r="AQ10376">
        <v>110</v>
      </c>
    </row>
    <row r="10377" spans="1:43">
      <c r="A10377" t="s">
        <v>6470</v>
      </c>
      <c r="B10377" t="s">
        <v>6471</v>
      </c>
      <c r="C10377" t="s">
        <v>6342</v>
      </c>
      <c r="D10377" t="s">
        <v>6343</v>
      </c>
      <c r="E10377" t="s">
        <v>6174</v>
      </c>
      <c r="F10377" t="s">
        <v>6175</v>
      </c>
      <c r="G10377" t="s">
        <v>80</v>
      </c>
      <c r="H10377" t="s">
        <v>81</v>
      </c>
      <c r="I10377" s="2">
        <v>0</v>
      </c>
      <c r="J10377" s="2">
        <v>1</v>
      </c>
      <c r="K10377" s="2">
        <v>0</v>
      </c>
      <c r="L10377" t="s">
        <v>82</v>
      </c>
      <c r="M10377" t="s">
        <v>83</v>
      </c>
      <c r="N10377" t="s">
        <v>91</v>
      </c>
      <c r="O10377" t="s">
        <v>85</v>
      </c>
      <c r="P10377" t="s">
        <v>86</v>
      </c>
      <c r="Q10377">
        <v>92</v>
      </c>
      <c r="R10377">
        <v>93</v>
      </c>
      <c r="S10377">
        <v>94</v>
      </c>
      <c r="T10377">
        <v>95</v>
      </c>
      <c r="U10377">
        <v>96</v>
      </c>
      <c r="V10377">
        <v>98</v>
      </c>
      <c r="W10377">
        <v>99</v>
      </c>
      <c r="X10377">
        <v>100</v>
      </c>
      <c r="Y10377">
        <v>101</v>
      </c>
      <c r="Z10377">
        <v>102</v>
      </c>
      <c r="AA10377">
        <v>103</v>
      </c>
      <c r="AB10377">
        <v>104</v>
      </c>
      <c r="AC10377">
        <v>104</v>
      </c>
      <c r="AD10377">
        <v>105</v>
      </c>
      <c r="AE10377">
        <v>106</v>
      </c>
      <c r="AF10377">
        <v>107</v>
      </c>
      <c r="AG10377">
        <v>108</v>
      </c>
      <c r="AH10377">
        <v>109</v>
      </c>
      <c r="AI10377">
        <v>110</v>
      </c>
      <c r="AJ10377">
        <v>110</v>
      </c>
      <c r="AK10377">
        <v>111</v>
      </c>
      <c r="AL10377">
        <v>111</v>
      </c>
      <c r="AM10377">
        <v>111</v>
      </c>
      <c r="AN10377">
        <v>111</v>
      </c>
      <c r="AO10377">
        <v>111</v>
      </c>
      <c r="AP10377">
        <v>110</v>
      </c>
      <c r="AQ10377">
        <v>110</v>
      </c>
    </row>
    <row r="10378" spans="1:43">
      <c r="A10378" t="s">
        <v>6472</v>
      </c>
      <c r="B10378" t="s">
        <v>6473</v>
      </c>
      <c r="C10378" t="s">
        <v>6342</v>
      </c>
      <c r="D10378" t="s">
        <v>6343</v>
      </c>
      <c r="E10378" t="s">
        <v>6174</v>
      </c>
      <c r="F10378" t="s">
        <v>6175</v>
      </c>
      <c r="G10378" t="s">
        <v>80</v>
      </c>
      <c r="H10378" t="s">
        <v>81</v>
      </c>
      <c r="I10378" s="2">
        <v>0</v>
      </c>
      <c r="J10378" s="2">
        <v>1</v>
      </c>
      <c r="K10378" s="2">
        <v>0</v>
      </c>
      <c r="L10378" t="s">
        <v>82</v>
      </c>
      <c r="M10378" t="s">
        <v>83</v>
      </c>
      <c r="N10378" t="s">
        <v>84</v>
      </c>
      <c r="O10378" t="s">
        <v>85</v>
      </c>
      <c r="P10378" t="s">
        <v>86</v>
      </c>
      <c r="Q10378">
        <v>32</v>
      </c>
      <c r="R10378">
        <v>33</v>
      </c>
      <c r="S10378">
        <v>33</v>
      </c>
      <c r="T10378">
        <v>33</v>
      </c>
      <c r="U10378">
        <v>34</v>
      </c>
      <c r="V10378">
        <v>34</v>
      </c>
      <c r="W10378">
        <v>34</v>
      </c>
      <c r="X10378">
        <v>35</v>
      </c>
      <c r="Y10378">
        <v>35</v>
      </c>
      <c r="Z10378">
        <v>35</v>
      </c>
      <c r="AA10378">
        <v>36</v>
      </c>
      <c r="AB10378">
        <v>36</v>
      </c>
      <c r="AC10378">
        <v>36</v>
      </c>
      <c r="AD10378">
        <v>37</v>
      </c>
      <c r="AE10378">
        <v>37</v>
      </c>
      <c r="AF10378">
        <v>37</v>
      </c>
      <c r="AG10378">
        <v>38</v>
      </c>
      <c r="AH10378">
        <v>38</v>
      </c>
      <c r="AI10378">
        <v>38</v>
      </c>
      <c r="AJ10378">
        <v>38</v>
      </c>
      <c r="AK10378">
        <v>39</v>
      </c>
      <c r="AL10378">
        <v>39</v>
      </c>
      <c r="AM10378">
        <v>39</v>
      </c>
      <c r="AN10378">
        <v>39</v>
      </c>
      <c r="AO10378">
        <v>38</v>
      </c>
      <c r="AP10378">
        <v>38</v>
      </c>
      <c r="AQ10378">
        <v>38</v>
      </c>
    </row>
    <row r="10379" spans="1:43">
      <c r="A10379" t="s">
        <v>6472</v>
      </c>
      <c r="B10379" t="s">
        <v>6473</v>
      </c>
      <c r="C10379" t="s">
        <v>6342</v>
      </c>
      <c r="D10379" t="s">
        <v>6343</v>
      </c>
      <c r="E10379" t="s">
        <v>6174</v>
      </c>
      <c r="F10379" t="s">
        <v>6175</v>
      </c>
      <c r="G10379" t="s">
        <v>80</v>
      </c>
      <c r="H10379" t="s">
        <v>81</v>
      </c>
      <c r="I10379" s="2">
        <v>0</v>
      </c>
      <c r="J10379" s="2">
        <v>1</v>
      </c>
      <c r="K10379" s="2">
        <v>0</v>
      </c>
      <c r="L10379" t="s">
        <v>82</v>
      </c>
      <c r="M10379" t="s">
        <v>87</v>
      </c>
      <c r="N10379" t="s">
        <v>88</v>
      </c>
      <c r="O10379" t="s">
        <v>85</v>
      </c>
      <c r="P10379" t="s">
        <v>86</v>
      </c>
      <c r="Q10379">
        <v>32</v>
      </c>
      <c r="R10379">
        <v>32</v>
      </c>
      <c r="S10379">
        <v>32</v>
      </c>
      <c r="T10379">
        <v>32</v>
      </c>
      <c r="U10379">
        <v>32</v>
      </c>
      <c r="V10379">
        <v>32</v>
      </c>
      <c r="W10379">
        <v>32</v>
      </c>
      <c r="X10379">
        <v>32</v>
      </c>
      <c r="Y10379">
        <v>32</v>
      </c>
      <c r="Z10379">
        <v>33</v>
      </c>
      <c r="AA10379">
        <v>33</v>
      </c>
      <c r="AB10379">
        <v>33</v>
      </c>
      <c r="AC10379">
        <v>33</v>
      </c>
      <c r="AD10379">
        <v>33</v>
      </c>
      <c r="AE10379">
        <v>33</v>
      </c>
      <c r="AF10379">
        <v>33</v>
      </c>
      <c r="AG10379">
        <v>33</v>
      </c>
      <c r="AH10379">
        <v>33</v>
      </c>
      <c r="AI10379">
        <v>33</v>
      </c>
      <c r="AJ10379">
        <v>33</v>
      </c>
      <c r="AK10379">
        <v>33</v>
      </c>
      <c r="AL10379">
        <v>33</v>
      </c>
      <c r="AM10379">
        <v>33</v>
      </c>
      <c r="AN10379">
        <v>33</v>
      </c>
      <c r="AO10379">
        <v>33</v>
      </c>
      <c r="AP10379">
        <v>33</v>
      </c>
      <c r="AQ10379">
        <v>33</v>
      </c>
    </row>
    <row r="10380" spans="1:43">
      <c r="A10380" t="s">
        <v>6472</v>
      </c>
      <c r="B10380" t="s">
        <v>6473</v>
      </c>
      <c r="C10380" t="s">
        <v>6342</v>
      </c>
      <c r="D10380" t="s">
        <v>6343</v>
      </c>
      <c r="E10380" t="s">
        <v>6174</v>
      </c>
      <c r="F10380" t="s">
        <v>6175</v>
      </c>
      <c r="G10380" t="s">
        <v>80</v>
      </c>
      <c r="H10380" t="s">
        <v>81</v>
      </c>
      <c r="I10380" s="2">
        <v>0</v>
      </c>
      <c r="J10380" s="2">
        <v>1</v>
      </c>
      <c r="K10380" s="2">
        <v>0</v>
      </c>
      <c r="L10380" t="s">
        <v>82</v>
      </c>
      <c r="M10380" t="s">
        <v>89</v>
      </c>
      <c r="N10380" t="s">
        <v>90</v>
      </c>
      <c r="O10380" t="s">
        <v>85</v>
      </c>
      <c r="P10380" t="s">
        <v>86</v>
      </c>
      <c r="Q10380">
        <v>32</v>
      </c>
      <c r="R10380">
        <v>33</v>
      </c>
      <c r="S10380">
        <v>34</v>
      </c>
      <c r="T10380">
        <v>34</v>
      </c>
      <c r="U10380">
        <v>35</v>
      </c>
      <c r="V10380">
        <v>36</v>
      </c>
      <c r="W10380">
        <v>36</v>
      </c>
      <c r="X10380">
        <v>37</v>
      </c>
      <c r="Y10380">
        <v>37</v>
      </c>
      <c r="Z10380">
        <v>38</v>
      </c>
      <c r="AA10380">
        <v>38</v>
      </c>
      <c r="AB10380">
        <v>39</v>
      </c>
      <c r="AC10380">
        <v>39</v>
      </c>
      <c r="AD10380">
        <v>39</v>
      </c>
      <c r="AE10380">
        <v>40</v>
      </c>
      <c r="AF10380">
        <v>40</v>
      </c>
      <c r="AG10380">
        <v>40</v>
      </c>
      <c r="AH10380">
        <v>39</v>
      </c>
      <c r="AI10380">
        <v>39</v>
      </c>
      <c r="AJ10380">
        <v>39</v>
      </c>
      <c r="AK10380">
        <v>39</v>
      </c>
      <c r="AL10380">
        <v>39</v>
      </c>
      <c r="AM10380">
        <v>39</v>
      </c>
      <c r="AN10380">
        <v>39</v>
      </c>
      <c r="AO10380">
        <v>39</v>
      </c>
      <c r="AP10380">
        <v>39</v>
      </c>
      <c r="AQ10380">
        <v>38</v>
      </c>
    </row>
    <row r="10381" spans="1:43">
      <c r="A10381" t="s">
        <v>6472</v>
      </c>
      <c r="B10381" t="s">
        <v>6473</v>
      </c>
      <c r="C10381" t="s">
        <v>6342</v>
      </c>
      <c r="D10381" t="s">
        <v>6343</v>
      </c>
      <c r="E10381" t="s">
        <v>6174</v>
      </c>
      <c r="F10381" t="s">
        <v>6175</v>
      </c>
      <c r="G10381" t="s">
        <v>80</v>
      </c>
      <c r="H10381" t="s">
        <v>81</v>
      </c>
      <c r="I10381" s="2">
        <v>0</v>
      </c>
      <c r="J10381" s="2">
        <v>1</v>
      </c>
      <c r="K10381" s="2">
        <v>0</v>
      </c>
      <c r="L10381" t="s">
        <v>82</v>
      </c>
      <c r="M10381" t="s">
        <v>83</v>
      </c>
      <c r="N10381" t="s">
        <v>91</v>
      </c>
      <c r="O10381" t="s">
        <v>85</v>
      </c>
      <c r="P10381" t="s">
        <v>86</v>
      </c>
      <c r="Q10381">
        <v>32</v>
      </c>
      <c r="R10381">
        <v>33</v>
      </c>
      <c r="S10381">
        <v>33</v>
      </c>
      <c r="T10381">
        <v>33</v>
      </c>
      <c r="U10381">
        <v>34</v>
      </c>
      <c r="V10381">
        <v>34</v>
      </c>
      <c r="W10381">
        <v>34</v>
      </c>
      <c r="X10381">
        <v>35</v>
      </c>
      <c r="Y10381">
        <v>35</v>
      </c>
      <c r="Z10381">
        <v>35</v>
      </c>
      <c r="AA10381">
        <v>36</v>
      </c>
      <c r="AB10381">
        <v>36</v>
      </c>
      <c r="AC10381">
        <v>36</v>
      </c>
      <c r="AD10381">
        <v>37</v>
      </c>
      <c r="AE10381">
        <v>37</v>
      </c>
      <c r="AF10381">
        <v>37</v>
      </c>
      <c r="AG10381">
        <v>38</v>
      </c>
      <c r="AH10381">
        <v>38</v>
      </c>
      <c r="AI10381">
        <v>38</v>
      </c>
      <c r="AJ10381">
        <v>38</v>
      </c>
      <c r="AK10381">
        <v>39</v>
      </c>
      <c r="AL10381">
        <v>39</v>
      </c>
      <c r="AM10381">
        <v>39</v>
      </c>
      <c r="AN10381">
        <v>39</v>
      </c>
      <c r="AO10381">
        <v>38</v>
      </c>
      <c r="AP10381">
        <v>38</v>
      </c>
      <c r="AQ10381">
        <v>38</v>
      </c>
    </row>
    <row r="10382" spans="1:43">
      <c r="A10382" t="s">
        <v>6474</v>
      </c>
      <c r="B10382" t="s">
        <v>6475</v>
      </c>
      <c r="C10382" t="s">
        <v>6462</v>
      </c>
      <c r="D10382" t="s">
        <v>6463</v>
      </c>
      <c r="E10382" t="s">
        <v>6174</v>
      </c>
      <c r="F10382" t="s">
        <v>6175</v>
      </c>
      <c r="G10382" t="s">
        <v>80</v>
      </c>
      <c r="H10382" t="s">
        <v>81</v>
      </c>
      <c r="I10382" s="2">
        <v>0</v>
      </c>
      <c r="J10382" s="2">
        <v>1</v>
      </c>
      <c r="K10382" s="2">
        <v>0</v>
      </c>
      <c r="L10382" t="s">
        <v>82</v>
      </c>
      <c r="M10382" t="s">
        <v>83</v>
      </c>
      <c r="N10382" t="s">
        <v>84</v>
      </c>
      <c r="O10382" t="s">
        <v>85</v>
      </c>
      <c r="P10382" t="s">
        <v>86</v>
      </c>
      <c r="Q10382">
        <v>21</v>
      </c>
      <c r="R10382">
        <v>21</v>
      </c>
      <c r="S10382">
        <v>21</v>
      </c>
      <c r="T10382">
        <v>22</v>
      </c>
      <c r="U10382">
        <v>22</v>
      </c>
      <c r="V10382">
        <v>22</v>
      </c>
      <c r="W10382">
        <v>22</v>
      </c>
      <c r="X10382">
        <v>23</v>
      </c>
      <c r="Y10382">
        <v>23</v>
      </c>
      <c r="Z10382">
        <v>23</v>
      </c>
      <c r="AA10382">
        <v>23</v>
      </c>
      <c r="AB10382">
        <v>23</v>
      </c>
      <c r="AC10382">
        <v>24</v>
      </c>
      <c r="AD10382">
        <v>24</v>
      </c>
      <c r="AE10382">
        <v>24</v>
      </c>
      <c r="AF10382">
        <v>24</v>
      </c>
      <c r="AG10382">
        <v>24</v>
      </c>
      <c r="AH10382">
        <v>25</v>
      </c>
      <c r="AI10382">
        <v>25</v>
      </c>
      <c r="AJ10382">
        <v>25</v>
      </c>
      <c r="AK10382">
        <v>25</v>
      </c>
      <c r="AL10382">
        <v>25</v>
      </c>
      <c r="AM10382">
        <v>25</v>
      </c>
      <c r="AN10382">
        <v>25</v>
      </c>
      <c r="AO10382">
        <v>25</v>
      </c>
      <c r="AP10382">
        <v>25</v>
      </c>
      <c r="AQ10382">
        <v>25</v>
      </c>
    </row>
    <row r="10383" spans="1:43">
      <c r="A10383" t="s">
        <v>6474</v>
      </c>
      <c r="B10383" t="s">
        <v>6475</v>
      </c>
      <c r="C10383" t="s">
        <v>6462</v>
      </c>
      <c r="D10383" t="s">
        <v>6463</v>
      </c>
      <c r="E10383" t="s">
        <v>6174</v>
      </c>
      <c r="F10383" t="s">
        <v>6175</v>
      </c>
      <c r="G10383" t="s">
        <v>80</v>
      </c>
      <c r="H10383" t="s">
        <v>81</v>
      </c>
      <c r="I10383" s="2">
        <v>0</v>
      </c>
      <c r="J10383" s="2">
        <v>1</v>
      </c>
      <c r="K10383" s="2">
        <v>0</v>
      </c>
      <c r="L10383" t="s">
        <v>82</v>
      </c>
      <c r="M10383" t="s">
        <v>87</v>
      </c>
      <c r="N10383" t="s">
        <v>88</v>
      </c>
      <c r="O10383" t="s">
        <v>85</v>
      </c>
      <c r="P10383" t="s">
        <v>86</v>
      </c>
      <c r="Q10383">
        <v>21</v>
      </c>
      <c r="R10383">
        <v>21</v>
      </c>
      <c r="S10383">
        <v>21</v>
      </c>
      <c r="T10383">
        <v>21</v>
      </c>
      <c r="U10383">
        <v>21</v>
      </c>
      <c r="V10383">
        <v>21</v>
      </c>
      <c r="W10383">
        <v>21</v>
      </c>
      <c r="X10383">
        <v>21</v>
      </c>
      <c r="Y10383">
        <v>21</v>
      </c>
      <c r="Z10383">
        <v>21</v>
      </c>
      <c r="AA10383">
        <v>21</v>
      </c>
      <c r="AB10383">
        <v>21</v>
      </c>
      <c r="AC10383">
        <v>21</v>
      </c>
      <c r="AD10383">
        <v>21</v>
      </c>
      <c r="AE10383">
        <v>21</v>
      </c>
      <c r="AF10383">
        <v>21</v>
      </c>
      <c r="AG10383">
        <v>21</v>
      </c>
      <c r="AH10383">
        <v>21</v>
      </c>
      <c r="AI10383">
        <v>21</v>
      </c>
      <c r="AJ10383">
        <v>21</v>
      </c>
      <c r="AK10383">
        <v>22</v>
      </c>
      <c r="AL10383">
        <v>22</v>
      </c>
      <c r="AM10383">
        <v>22</v>
      </c>
      <c r="AN10383">
        <v>22</v>
      </c>
      <c r="AO10383">
        <v>22</v>
      </c>
      <c r="AP10383">
        <v>22</v>
      </c>
      <c r="AQ10383">
        <v>22</v>
      </c>
    </row>
    <row r="10384" spans="1:43">
      <c r="A10384" t="s">
        <v>6474</v>
      </c>
      <c r="B10384" t="s">
        <v>6475</v>
      </c>
      <c r="C10384" t="s">
        <v>6462</v>
      </c>
      <c r="D10384" t="s">
        <v>6463</v>
      </c>
      <c r="E10384" t="s">
        <v>6174</v>
      </c>
      <c r="F10384" t="s">
        <v>6175</v>
      </c>
      <c r="G10384" t="s">
        <v>80</v>
      </c>
      <c r="H10384" t="s">
        <v>81</v>
      </c>
      <c r="I10384" s="2">
        <v>0</v>
      </c>
      <c r="J10384" s="2">
        <v>1</v>
      </c>
      <c r="K10384" s="2">
        <v>0</v>
      </c>
      <c r="L10384" t="s">
        <v>82</v>
      </c>
      <c r="M10384" t="s">
        <v>89</v>
      </c>
      <c r="N10384" t="s">
        <v>90</v>
      </c>
      <c r="O10384" t="s">
        <v>85</v>
      </c>
      <c r="P10384" t="s">
        <v>86</v>
      </c>
      <c r="Q10384">
        <v>21</v>
      </c>
      <c r="R10384">
        <v>22</v>
      </c>
      <c r="S10384">
        <v>22</v>
      </c>
      <c r="T10384">
        <v>22</v>
      </c>
      <c r="U10384">
        <v>23</v>
      </c>
      <c r="V10384">
        <v>23</v>
      </c>
      <c r="W10384">
        <v>24</v>
      </c>
      <c r="X10384">
        <v>24</v>
      </c>
      <c r="Y10384">
        <v>24</v>
      </c>
      <c r="Z10384">
        <v>24</v>
      </c>
      <c r="AA10384">
        <v>25</v>
      </c>
      <c r="AB10384">
        <v>25</v>
      </c>
      <c r="AC10384">
        <v>25</v>
      </c>
      <c r="AD10384">
        <v>26</v>
      </c>
      <c r="AE10384">
        <v>26</v>
      </c>
      <c r="AF10384">
        <v>26</v>
      </c>
      <c r="AG10384">
        <v>26</v>
      </c>
      <c r="AH10384">
        <v>26</v>
      </c>
      <c r="AI10384">
        <v>26</v>
      </c>
      <c r="AJ10384">
        <v>26</v>
      </c>
      <c r="AK10384">
        <v>25</v>
      </c>
      <c r="AL10384">
        <v>25</v>
      </c>
      <c r="AM10384">
        <v>25</v>
      </c>
      <c r="AN10384">
        <v>25</v>
      </c>
      <c r="AO10384">
        <v>25</v>
      </c>
      <c r="AP10384">
        <v>25</v>
      </c>
      <c r="AQ10384">
        <v>25</v>
      </c>
    </row>
    <row r="10385" spans="1:43">
      <c r="A10385" t="s">
        <v>6474</v>
      </c>
      <c r="B10385" t="s">
        <v>6475</v>
      </c>
      <c r="C10385" t="s">
        <v>6462</v>
      </c>
      <c r="D10385" t="s">
        <v>6463</v>
      </c>
      <c r="E10385" t="s">
        <v>6174</v>
      </c>
      <c r="F10385" t="s">
        <v>6175</v>
      </c>
      <c r="G10385" t="s">
        <v>80</v>
      </c>
      <c r="H10385" t="s">
        <v>81</v>
      </c>
      <c r="I10385" s="2">
        <v>0</v>
      </c>
      <c r="J10385" s="2">
        <v>1</v>
      </c>
      <c r="K10385" s="2">
        <v>0</v>
      </c>
      <c r="L10385" t="s">
        <v>82</v>
      </c>
      <c r="M10385" t="s">
        <v>83</v>
      </c>
      <c r="N10385" t="s">
        <v>91</v>
      </c>
      <c r="O10385" t="s">
        <v>85</v>
      </c>
      <c r="P10385" t="s">
        <v>86</v>
      </c>
      <c r="Q10385">
        <v>21</v>
      </c>
      <c r="R10385">
        <v>21</v>
      </c>
      <c r="S10385">
        <v>21</v>
      </c>
      <c r="T10385">
        <v>22</v>
      </c>
      <c r="U10385">
        <v>22</v>
      </c>
      <c r="V10385">
        <v>22</v>
      </c>
      <c r="W10385">
        <v>22</v>
      </c>
      <c r="X10385">
        <v>23</v>
      </c>
      <c r="Y10385">
        <v>23</v>
      </c>
      <c r="Z10385">
        <v>23</v>
      </c>
      <c r="AA10385">
        <v>23</v>
      </c>
      <c r="AB10385">
        <v>23</v>
      </c>
      <c r="AC10385">
        <v>24</v>
      </c>
      <c r="AD10385">
        <v>24</v>
      </c>
      <c r="AE10385">
        <v>24</v>
      </c>
      <c r="AF10385">
        <v>24</v>
      </c>
      <c r="AG10385">
        <v>24</v>
      </c>
      <c r="AH10385">
        <v>25</v>
      </c>
      <c r="AI10385">
        <v>25</v>
      </c>
      <c r="AJ10385">
        <v>25</v>
      </c>
      <c r="AK10385">
        <v>25</v>
      </c>
      <c r="AL10385">
        <v>25</v>
      </c>
      <c r="AM10385">
        <v>25</v>
      </c>
      <c r="AN10385">
        <v>25</v>
      </c>
      <c r="AO10385">
        <v>25</v>
      </c>
      <c r="AP10385">
        <v>25</v>
      </c>
      <c r="AQ10385">
        <v>25</v>
      </c>
    </row>
    <row r="10386" spans="1:43">
      <c r="A10386" t="s">
        <v>6476</v>
      </c>
      <c r="B10386" t="s">
        <v>6477</v>
      </c>
      <c r="C10386" t="s">
        <v>6478</v>
      </c>
      <c r="D10386" t="s">
        <v>6479</v>
      </c>
      <c r="E10386" t="s">
        <v>6174</v>
      </c>
      <c r="F10386" t="s">
        <v>6175</v>
      </c>
      <c r="G10386" t="s">
        <v>80</v>
      </c>
      <c r="H10386" t="s">
        <v>81</v>
      </c>
      <c r="I10386" s="2">
        <v>0</v>
      </c>
      <c r="J10386" s="2">
        <v>1</v>
      </c>
      <c r="K10386" s="2">
        <v>0</v>
      </c>
      <c r="L10386" t="s">
        <v>82</v>
      </c>
      <c r="M10386" t="s">
        <v>83</v>
      </c>
      <c r="N10386" t="s">
        <v>84</v>
      </c>
      <c r="O10386" t="s">
        <v>85</v>
      </c>
      <c r="P10386" t="s">
        <v>86</v>
      </c>
      <c r="Q10386">
        <v>63</v>
      </c>
      <c r="R10386">
        <v>64</v>
      </c>
      <c r="S10386">
        <v>65</v>
      </c>
      <c r="T10386">
        <v>66</v>
      </c>
      <c r="U10386">
        <v>67</v>
      </c>
      <c r="V10386">
        <v>67</v>
      </c>
      <c r="W10386">
        <v>68</v>
      </c>
      <c r="X10386">
        <v>69</v>
      </c>
      <c r="Y10386">
        <v>70</v>
      </c>
      <c r="Z10386">
        <v>70</v>
      </c>
      <c r="AA10386">
        <v>71</v>
      </c>
      <c r="AB10386">
        <v>72</v>
      </c>
      <c r="AC10386">
        <v>72</v>
      </c>
      <c r="AD10386">
        <v>73</v>
      </c>
      <c r="AE10386">
        <v>74</v>
      </c>
      <c r="AF10386">
        <v>74</v>
      </c>
      <c r="AG10386">
        <v>75</v>
      </c>
      <c r="AH10386">
        <v>76</v>
      </c>
      <c r="AI10386">
        <v>76</v>
      </c>
      <c r="AJ10386">
        <v>77</v>
      </c>
      <c r="AK10386">
        <v>77</v>
      </c>
      <c r="AL10386">
        <v>78</v>
      </c>
      <c r="AM10386">
        <v>77</v>
      </c>
      <c r="AN10386">
        <v>77</v>
      </c>
      <c r="AO10386">
        <v>77</v>
      </c>
      <c r="AP10386">
        <v>77</v>
      </c>
      <c r="AQ10386">
        <v>77</v>
      </c>
    </row>
    <row r="10387" spans="1:43">
      <c r="A10387" t="s">
        <v>6476</v>
      </c>
      <c r="B10387" t="s">
        <v>6477</v>
      </c>
      <c r="C10387" t="s">
        <v>6478</v>
      </c>
      <c r="D10387" t="s">
        <v>6479</v>
      </c>
      <c r="E10387" t="s">
        <v>6174</v>
      </c>
      <c r="F10387" t="s">
        <v>6175</v>
      </c>
      <c r="G10387" t="s">
        <v>80</v>
      </c>
      <c r="H10387" t="s">
        <v>81</v>
      </c>
      <c r="I10387" s="2">
        <v>0</v>
      </c>
      <c r="J10387" s="2">
        <v>1</v>
      </c>
      <c r="K10387" s="2">
        <v>0</v>
      </c>
      <c r="L10387" t="s">
        <v>82</v>
      </c>
      <c r="M10387" t="s">
        <v>87</v>
      </c>
      <c r="N10387" t="s">
        <v>88</v>
      </c>
      <c r="O10387" t="s">
        <v>85</v>
      </c>
      <c r="P10387" t="s">
        <v>86</v>
      </c>
      <c r="Q10387">
        <v>63</v>
      </c>
      <c r="R10387">
        <v>63</v>
      </c>
      <c r="S10387">
        <v>63</v>
      </c>
      <c r="T10387">
        <v>63</v>
      </c>
      <c r="U10387">
        <v>64</v>
      </c>
      <c r="V10387">
        <v>64</v>
      </c>
      <c r="W10387">
        <v>64</v>
      </c>
      <c r="X10387">
        <v>64</v>
      </c>
      <c r="Y10387">
        <v>64</v>
      </c>
      <c r="Z10387">
        <v>64</v>
      </c>
      <c r="AA10387">
        <v>65</v>
      </c>
      <c r="AB10387">
        <v>65</v>
      </c>
      <c r="AC10387">
        <v>65</v>
      </c>
      <c r="AD10387">
        <v>65</v>
      </c>
      <c r="AE10387">
        <v>65</v>
      </c>
      <c r="AF10387">
        <v>65</v>
      </c>
      <c r="AG10387">
        <v>65</v>
      </c>
      <c r="AH10387">
        <v>66</v>
      </c>
      <c r="AI10387">
        <v>66</v>
      </c>
      <c r="AJ10387">
        <v>66</v>
      </c>
      <c r="AK10387">
        <v>66</v>
      </c>
      <c r="AL10387">
        <v>66</v>
      </c>
      <c r="AM10387">
        <v>66</v>
      </c>
      <c r="AN10387">
        <v>66</v>
      </c>
      <c r="AO10387">
        <v>66</v>
      </c>
      <c r="AP10387">
        <v>67</v>
      </c>
      <c r="AQ10387">
        <v>67</v>
      </c>
    </row>
    <row r="10388" spans="1:43">
      <c r="A10388" t="s">
        <v>6476</v>
      </c>
      <c r="B10388" t="s">
        <v>6477</v>
      </c>
      <c r="C10388" t="s">
        <v>6478</v>
      </c>
      <c r="D10388" t="s">
        <v>6479</v>
      </c>
      <c r="E10388" t="s">
        <v>6174</v>
      </c>
      <c r="F10388" t="s">
        <v>6175</v>
      </c>
      <c r="G10388" t="s">
        <v>80</v>
      </c>
      <c r="H10388" t="s">
        <v>81</v>
      </c>
      <c r="I10388" s="2">
        <v>0</v>
      </c>
      <c r="J10388" s="2">
        <v>1</v>
      </c>
      <c r="K10388" s="2">
        <v>0</v>
      </c>
      <c r="L10388" t="s">
        <v>82</v>
      </c>
      <c r="M10388" t="s">
        <v>89</v>
      </c>
      <c r="N10388" t="s">
        <v>90</v>
      </c>
      <c r="O10388" t="s">
        <v>85</v>
      </c>
      <c r="P10388" t="s">
        <v>86</v>
      </c>
      <c r="Q10388">
        <v>63</v>
      </c>
      <c r="R10388">
        <v>64</v>
      </c>
      <c r="S10388">
        <v>66</v>
      </c>
      <c r="T10388">
        <v>67</v>
      </c>
      <c r="U10388">
        <v>68</v>
      </c>
      <c r="V10388">
        <v>69</v>
      </c>
      <c r="W10388">
        <v>71</v>
      </c>
      <c r="X10388">
        <v>72</v>
      </c>
      <c r="Y10388">
        <v>73</v>
      </c>
      <c r="Z10388">
        <v>74</v>
      </c>
      <c r="AA10388">
        <v>75</v>
      </c>
      <c r="AB10388">
        <v>76</v>
      </c>
      <c r="AC10388">
        <v>77</v>
      </c>
      <c r="AD10388">
        <v>78</v>
      </c>
      <c r="AE10388">
        <v>78</v>
      </c>
      <c r="AF10388">
        <v>78</v>
      </c>
      <c r="AG10388">
        <v>78</v>
      </c>
      <c r="AH10388">
        <v>78</v>
      </c>
      <c r="AI10388">
        <v>78</v>
      </c>
      <c r="AJ10388">
        <v>78</v>
      </c>
      <c r="AK10388">
        <v>77</v>
      </c>
      <c r="AL10388">
        <v>77</v>
      </c>
      <c r="AM10388">
        <v>77</v>
      </c>
      <c r="AN10388">
        <v>77</v>
      </c>
      <c r="AO10388">
        <v>77</v>
      </c>
      <c r="AP10388">
        <v>77</v>
      </c>
      <c r="AQ10388">
        <v>77</v>
      </c>
    </row>
    <row r="10389" spans="1:43">
      <c r="A10389" t="s">
        <v>6476</v>
      </c>
      <c r="B10389" t="s">
        <v>6477</v>
      </c>
      <c r="C10389" t="s">
        <v>6478</v>
      </c>
      <c r="D10389" t="s">
        <v>6479</v>
      </c>
      <c r="E10389" t="s">
        <v>6174</v>
      </c>
      <c r="F10389" t="s">
        <v>6175</v>
      </c>
      <c r="G10389" t="s">
        <v>80</v>
      </c>
      <c r="H10389" t="s">
        <v>81</v>
      </c>
      <c r="I10389" s="2">
        <v>0</v>
      </c>
      <c r="J10389" s="2">
        <v>1</v>
      </c>
      <c r="K10389" s="2">
        <v>0</v>
      </c>
      <c r="L10389" t="s">
        <v>82</v>
      </c>
      <c r="M10389" t="s">
        <v>83</v>
      </c>
      <c r="N10389" t="s">
        <v>91</v>
      </c>
      <c r="O10389" t="s">
        <v>85</v>
      </c>
      <c r="P10389" t="s">
        <v>86</v>
      </c>
      <c r="Q10389">
        <v>63</v>
      </c>
      <c r="R10389">
        <v>64</v>
      </c>
      <c r="S10389">
        <v>65</v>
      </c>
      <c r="T10389">
        <v>66</v>
      </c>
      <c r="U10389">
        <v>67</v>
      </c>
      <c r="V10389">
        <v>67</v>
      </c>
      <c r="W10389">
        <v>68</v>
      </c>
      <c r="X10389">
        <v>69</v>
      </c>
      <c r="Y10389">
        <v>70</v>
      </c>
      <c r="Z10389">
        <v>70</v>
      </c>
      <c r="AA10389">
        <v>71</v>
      </c>
      <c r="AB10389">
        <v>72</v>
      </c>
      <c r="AC10389">
        <v>72</v>
      </c>
      <c r="AD10389">
        <v>73</v>
      </c>
      <c r="AE10389">
        <v>74</v>
      </c>
      <c r="AF10389">
        <v>74</v>
      </c>
      <c r="AG10389">
        <v>75</v>
      </c>
      <c r="AH10389">
        <v>76</v>
      </c>
      <c r="AI10389">
        <v>76</v>
      </c>
      <c r="AJ10389">
        <v>77</v>
      </c>
      <c r="AK10389">
        <v>77</v>
      </c>
      <c r="AL10389">
        <v>78</v>
      </c>
      <c r="AM10389">
        <v>77</v>
      </c>
      <c r="AN10389">
        <v>77</v>
      </c>
      <c r="AO10389">
        <v>77</v>
      </c>
      <c r="AP10389">
        <v>77</v>
      </c>
      <c r="AQ10389">
        <v>77</v>
      </c>
    </row>
    <row r="10390" spans="1:43">
      <c r="A10390" t="s">
        <v>6480</v>
      </c>
      <c r="B10390" t="s">
        <v>6481</v>
      </c>
      <c r="C10390" t="s">
        <v>6478</v>
      </c>
      <c r="D10390" t="s">
        <v>6479</v>
      </c>
      <c r="E10390" t="s">
        <v>6174</v>
      </c>
      <c r="F10390" t="s">
        <v>6175</v>
      </c>
      <c r="G10390" t="s">
        <v>80</v>
      </c>
      <c r="H10390" t="s">
        <v>81</v>
      </c>
      <c r="I10390" s="2">
        <v>0</v>
      </c>
      <c r="J10390" s="2">
        <v>1</v>
      </c>
      <c r="K10390" s="2">
        <v>0</v>
      </c>
      <c r="L10390" t="s">
        <v>82</v>
      </c>
      <c r="M10390" t="s">
        <v>83</v>
      </c>
      <c r="N10390" t="s">
        <v>84</v>
      </c>
      <c r="O10390" t="s">
        <v>85</v>
      </c>
      <c r="P10390" t="s">
        <v>86</v>
      </c>
      <c r="Q10390">
        <v>38</v>
      </c>
      <c r="R10390">
        <v>39</v>
      </c>
      <c r="S10390">
        <v>39</v>
      </c>
      <c r="T10390">
        <v>40</v>
      </c>
      <c r="U10390">
        <v>40</v>
      </c>
      <c r="V10390">
        <v>41</v>
      </c>
      <c r="W10390">
        <v>41</v>
      </c>
      <c r="X10390">
        <v>42</v>
      </c>
      <c r="Y10390">
        <v>42</v>
      </c>
      <c r="Z10390">
        <v>42</v>
      </c>
      <c r="AA10390">
        <v>43</v>
      </c>
      <c r="AB10390">
        <v>43</v>
      </c>
      <c r="AC10390">
        <v>44</v>
      </c>
      <c r="AD10390">
        <v>44</v>
      </c>
      <c r="AE10390">
        <v>44</v>
      </c>
      <c r="AF10390">
        <v>45</v>
      </c>
      <c r="AG10390">
        <v>45</v>
      </c>
      <c r="AH10390">
        <v>46</v>
      </c>
      <c r="AI10390">
        <v>46</v>
      </c>
      <c r="AJ10390">
        <v>46</v>
      </c>
      <c r="AK10390">
        <v>47</v>
      </c>
      <c r="AL10390">
        <v>47</v>
      </c>
      <c r="AM10390">
        <v>47</v>
      </c>
      <c r="AN10390">
        <v>47</v>
      </c>
      <c r="AO10390">
        <v>46</v>
      </c>
      <c r="AP10390">
        <v>46</v>
      </c>
      <c r="AQ10390">
        <v>46</v>
      </c>
    </row>
    <row r="10391" spans="1:43">
      <c r="A10391" t="s">
        <v>6480</v>
      </c>
      <c r="B10391" t="s">
        <v>6481</v>
      </c>
      <c r="C10391" t="s">
        <v>6478</v>
      </c>
      <c r="D10391" t="s">
        <v>6479</v>
      </c>
      <c r="E10391" t="s">
        <v>6174</v>
      </c>
      <c r="F10391" t="s">
        <v>6175</v>
      </c>
      <c r="G10391" t="s">
        <v>80</v>
      </c>
      <c r="H10391" t="s">
        <v>81</v>
      </c>
      <c r="I10391" s="2">
        <v>0</v>
      </c>
      <c r="J10391" s="2">
        <v>1</v>
      </c>
      <c r="K10391" s="2">
        <v>0</v>
      </c>
      <c r="L10391" t="s">
        <v>82</v>
      </c>
      <c r="M10391" t="s">
        <v>87</v>
      </c>
      <c r="N10391" t="s">
        <v>88</v>
      </c>
      <c r="O10391" t="s">
        <v>85</v>
      </c>
      <c r="P10391" t="s">
        <v>86</v>
      </c>
      <c r="Q10391">
        <v>38</v>
      </c>
      <c r="R10391">
        <v>38</v>
      </c>
      <c r="S10391">
        <v>38</v>
      </c>
      <c r="T10391">
        <v>38</v>
      </c>
      <c r="U10391">
        <v>38</v>
      </c>
      <c r="V10391">
        <v>38</v>
      </c>
      <c r="W10391">
        <v>39</v>
      </c>
      <c r="X10391">
        <v>39</v>
      </c>
      <c r="Y10391">
        <v>39</v>
      </c>
      <c r="Z10391">
        <v>39</v>
      </c>
      <c r="AA10391">
        <v>39</v>
      </c>
      <c r="AB10391">
        <v>39</v>
      </c>
      <c r="AC10391">
        <v>39</v>
      </c>
      <c r="AD10391">
        <v>39</v>
      </c>
      <c r="AE10391">
        <v>39</v>
      </c>
      <c r="AF10391">
        <v>39</v>
      </c>
      <c r="AG10391">
        <v>39</v>
      </c>
      <c r="AH10391">
        <v>40</v>
      </c>
      <c r="AI10391">
        <v>40</v>
      </c>
      <c r="AJ10391">
        <v>40</v>
      </c>
      <c r="AK10391">
        <v>40</v>
      </c>
      <c r="AL10391">
        <v>40</v>
      </c>
      <c r="AM10391">
        <v>40</v>
      </c>
      <c r="AN10391">
        <v>40</v>
      </c>
      <c r="AO10391">
        <v>40</v>
      </c>
      <c r="AP10391">
        <v>40</v>
      </c>
      <c r="AQ10391">
        <v>40</v>
      </c>
    </row>
    <row r="10392" spans="1:43">
      <c r="A10392" t="s">
        <v>6480</v>
      </c>
      <c r="B10392" t="s">
        <v>6481</v>
      </c>
      <c r="C10392" t="s">
        <v>6478</v>
      </c>
      <c r="D10392" t="s">
        <v>6479</v>
      </c>
      <c r="E10392" t="s">
        <v>6174</v>
      </c>
      <c r="F10392" t="s">
        <v>6175</v>
      </c>
      <c r="G10392" t="s">
        <v>80</v>
      </c>
      <c r="H10392" t="s">
        <v>81</v>
      </c>
      <c r="I10392" s="2">
        <v>0</v>
      </c>
      <c r="J10392" s="2">
        <v>1</v>
      </c>
      <c r="K10392" s="2">
        <v>0</v>
      </c>
      <c r="L10392" t="s">
        <v>82</v>
      </c>
      <c r="M10392" t="s">
        <v>89</v>
      </c>
      <c r="N10392" t="s">
        <v>90</v>
      </c>
      <c r="O10392" t="s">
        <v>85</v>
      </c>
      <c r="P10392" t="s">
        <v>86</v>
      </c>
      <c r="Q10392">
        <v>38</v>
      </c>
      <c r="R10392">
        <v>38</v>
      </c>
      <c r="S10392">
        <v>39</v>
      </c>
      <c r="T10392">
        <v>40</v>
      </c>
      <c r="U10392">
        <v>41</v>
      </c>
      <c r="V10392">
        <v>41</v>
      </c>
      <c r="W10392">
        <v>42</v>
      </c>
      <c r="X10392">
        <v>43</v>
      </c>
      <c r="Y10392">
        <v>43</v>
      </c>
      <c r="Z10392">
        <v>44</v>
      </c>
      <c r="AA10392">
        <v>45</v>
      </c>
      <c r="AB10392">
        <v>45</v>
      </c>
      <c r="AC10392">
        <v>46</v>
      </c>
      <c r="AD10392">
        <v>46</v>
      </c>
      <c r="AE10392">
        <v>47</v>
      </c>
      <c r="AF10392">
        <v>47</v>
      </c>
      <c r="AG10392">
        <v>46</v>
      </c>
      <c r="AH10392">
        <v>46</v>
      </c>
      <c r="AI10392">
        <v>46</v>
      </c>
      <c r="AJ10392">
        <v>46</v>
      </c>
      <c r="AK10392">
        <v>46</v>
      </c>
      <c r="AL10392">
        <v>46</v>
      </c>
      <c r="AM10392">
        <v>46</v>
      </c>
      <c r="AN10392">
        <v>46</v>
      </c>
      <c r="AO10392">
        <v>46</v>
      </c>
      <c r="AP10392">
        <v>46</v>
      </c>
      <c r="AQ10392">
        <v>46</v>
      </c>
    </row>
    <row r="10393" spans="1:43">
      <c r="A10393" t="s">
        <v>6480</v>
      </c>
      <c r="B10393" t="s">
        <v>6481</v>
      </c>
      <c r="C10393" t="s">
        <v>6478</v>
      </c>
      <c r="D10393" t="s">
        <v>6479</v>
      </c>
      <c r="E10393" t="s">
        <v>6174</v>
      </c>
      <c r="F10393" t="s">
        <v>6175</v>
      </c>
      <c r="G10393" t="s">
        <v>80</v>
      </c>
      <c r="H10393" t="s">
        <v>81</v>
      </c>
      <c r="I10393" s="2">
        <v>0</v>
      </c>
      <c r="J10393" s="2">
        <v>1</v>
      </c>
      <c r="K10393" s="2">
        <v>0</v>
      </c>
      <c r="L10393" t="s">
        <v>82</v>
      </c>
      <c r="M10393" t="s">
        <v>83</v>
      </c>
      <c r="N10393" t="s">
        <v>91</v>
      </c>
      <c r="O10393" t="s">
        <v>85</v>
      </c>
      <c r="P10393" t="s">
        <v>86</v>
      </c>
      <c r="Q10393">
        <v>38</v>
      </c>
      <c r="R10393">
        <v>39</v>
      </c>
      <c r="S10393">
        <v>39</v>
      </c>
      <c r="T10393">
        <v>40</v>
      </c>
      <c r="U10393">
        <v>40</v>
      </c>
      <c r="V10393">
        <v>41</v>
      </c>
      <c r="W10393">
        <v>41</v>
      </c>
      <c r="X10393">
        <v>42</v>
      </c>
      <c r="Y10393">
        <v>42</v>
      </c>
      <c r="Z10393">
        <v>42</v>
      </c>
      <c r="AA10393">
        <v>43</v>
      </c>
      <c r="AB10393">
        <v>43</v>
      </c>
      <c r="AC10393">
        <v>44</v>
      </c>
      <c r="AD10393">
        <v>44</v>
      </c>
      <c r="AE10393">
        <v>44</v>
      </c>
      <c r="AF10393">
        <v>45</v>
      </c>
      <c r="AG10393">
        <v>45</v>
      </c>
      <c r="AH10393">
        <v>46</v>
      </c>
      <c r="AI10393">
        <v>46</v>
      </c>
      <c r="AJ10393">
        <v>46</v>
      </c>
      <c r="AK10393">
        <v>47</v>
      </c>
      <c r="AL10393">
        <v>47</v>
      </c>
      <c r="AM10393">
        <v>47</v>
      </c>
      <c r="AN10393">
        <v>47</v>
      </c>
      <c r="AO10393">
        <v>46</v>
      </c>
      <c r="AP10393">
        <v>46</v>
      </c>
      <c r="AQ10393">
        <v>46</v>
      </c>
    </row>
    <row r="10394" spans="1:43">
      <c r="A10394" t="s">
        <v>6482</v>
      </c>
      <c r="B10394" t="s">
        <v>6483</v>
      </c>
      <c r="C10394" t="s">
        <v>6462</v>
      </c>
      <c r="D10394" t="s">
        <v>6463</v>
      </c>
      <c r="E10394" t="s">
        <v>6174</v>
      </c>
      <c r="F10394" t="s">
        <v>6175</v>
      </c>
      <c r="G10394" t="s">
        <v>80</v>
      </c>
      <c r="H10394" t="s">
        <v>81</v>
      </c>
      <c r="I10394" s="2">
        <v>0</v>
      </c>
      <c r="J10394" s="2">
        <v>1</v>
      </c>
      <c r="K10394" s="2">
        <v>0</v>
      </c>
      <c r="L10394" t="s">
        <v>82</v>
      </c>
      <c r="M10394" t="s">
        <v>83</v>
      </c>
      <c r="N10394" t="s">
        <v>84</v>
      </c>
      <c r="O10394" t="s">
        <v>85</v>
      </c>
      <c r="P10394" t="s">
        <v>86</v>
      </c>
      <c r="Q10394">
        <v>22</v>
      </c>
      <c r="R10394">
        <v>23</v>
      </c>
      <c r="S10394">
        <v>23</v>
      </c>
      <c r="T10394">
        <v>23</v>
      </c>
      <c r="U10394">
        <v>24</v>
      </c>
      <c r="V10394">
        <v>24</v>
      </c>
      <c r="W10394">
        <v>24</v>
      </c>
      <c r="X10394">
        <v>24</v>
      </c>
      <c r="Y10394">
        <v>25</v>
      </c>
      <c r="Z10394">
        <v>25</v>
      </c>
      <c r="AA10394">
        <v>25</v>
      </c>
      <c r="AB10394">
        <v>25</v>
      </c>
      <c r="AC10394">
        <v>26</v>
      </c>
      <c r="AD10394">
        <v>26</v>
      </c>
      <c r="AE10394">
        <v>26</v>
      </c>
      <c r="AF10394">
        <v>26</v>
      </c>
      <c r="AG10394">
        <v>26</v>
      </c>
      <c r="AH10394">
        <v>27</v>
      </c>
      <c r="AI10394">
        <v>27</v>
      </c>
      <c r="AJ10394">
        <v>27</v>
      </c>
      <c r="AK10394">
        <v>27</v>
      </c>
      <c r="AL10394">
        <v>27</v>
      </c>
      <c r="AM10394">
        <v>27</v>
      </c>
      <c r="AN10394">
        <v>27</v>
      </c>
      <c r="AO10394">
        <v>27</v>
      </c>
      <c r="AP10394">
        <v>27</v>
      </c>
      <c r="AQ10394">
        <v>27</v>
      </c>
    </row>
    <row r="10395" spans="1:43">
      <c r="A10395" t="s">
        <v>6482</v>
      </c>
      <c r="B10395" t="s">
        <v>6483</v>
      </c>
      <c r="C10395" t="s">
        <v>6462</v>
      </c>
      <c r="D10395" t="s">
        <v>6463</v>
      </c>
      <c r="E10395" t="s">
        <v>6174</v>
      </c>
      <c r="F10395" t="s">
        <v>6175</v>
      </c>
      <c r="G10395" t="s">
        <v>80</v>
      </c>
      <c r="H10395" t="s">
        <v>81</v>
      </c>
      <c r="I10395" s="2">
        <v>0</v>
      </c>
      <c r="J10395" s="2">
        <v>1</v>
      </c>
      <c r="K10395" s="2">
        <v>0</v>
      </c>
      <c r="L10395" t="s">
        <v>82</v>
      </c>
      <c r="M10395" t="s">
        <v>87</v>
      </c>
      <c r="N10395" t="s">
        <v>88</v>
      </c>
      <c r="O10395" t="s">
        <v>85</v>
      </c>
      <c r="P10395" t="s">
        <v>86</v>
      </c>
      <c r="Q10395">
        <v>22</v>
      </c>
      <c r="R10395">
        <v>22</v>
      </c>
      <c r="S10395">
        <v>22</v>
      </c>
      <c r="T10395">
        <v>22</v>
      </c>
      <c r="U10395">
        <v>22</v>
      </c>
      <c r="V10395">
        <v>23</v>
      </c>
      <c r="W10395">
        <v>23</v>
      </c>
      <c r="X10395">
        <v>23</v>
      </c>
      <c r="Y10395">
        <v>23</v>
      </c>
      <c r="Z10395">
        <v>23</v>
      </c>
      <c r="AA10395">
        <v>23</v>
      </c>
      <c r="AB10395">
        <v>23</v>
      </c>
      <c r="AC10395">
        <v>23</v>
      </c>
      <c r="AD10395">
        <v>23</v>
      </c>
      <c r="AE10395">
        <v>23</v>
      </c>
      <c r="AF10395">
        <v>23</v>
      </c>
      <c r="AG10395">
        <v>23</v>
      </c>
      <c r="AH10395">
        <v>23</v>
      </c>
      <c r="AI10395">
        <v>23</v>
      </c>
      <c r="AJ10395">
        <v>23</v>
      </c>
      <c r="AK10395">
        <v>23</v>
      </c>
      <c r="AL10395">
        <v>23</v>
      </c>
      <c r="AM10395">
        <v>23</v>
      </c>
      <c r="AN10395">
        <v>23</v>
      </c>
      <c r="AO10395">
        <v>23</v>
      </c>
      <c r="AP10395">
        <v>23</v>
      </c>
      <c r="AQ10395">
        <v>24</v>
      </c>
    </row>
    <row r="10396" spans="1:43">
      <c r="A10396" t="s">
        <v>6482</v>
      </c>
      <c r="B10396" t="s">
        <v>6483</v>
      </c>
      <c r="C10396" t="s">
        <v>6462</v>
      </c>
      <c r="D10396" t="s">
        <v>6463</v>
      </c>
      <c r="E10396" t="s">
        <v>6174</v>
      </c>
      <c r="F10396" t="s">
        <v>6175</v>
      </c>
      <c r="G10396" t="s">
        <v>80</v>
      </c>
      <c r="H10396" t="s">
        <v>81</v>
      </c>
      <c r="I10396" s="2">
        <v>0</v>
      </c>
      <c r="J10396" s="2">
        <v>1</v>
      </c>
      <c r="K10396" s="2">
        <v>0</v>
      </c>
      <c r="L10396" t="s">
        <v>82</v>
      </c>
      <c r="M10396" t="s">
        <v>89</v>
      </c>
      <c r="N10396" t="s">
        <v>90</v>
      </c>
      <c r="O10396" t="s">
        <v>85</v>
      </c>
      <c r="P10396" t="s">
        <v>86</v>
      </c>
      <c r="Q10396">
        <v>22</v>
      </c>
      <c r="R10396">
        <v>22</v>
      </c>
      <c r="S10396">
        <v>23</v>
      </c>
      <c r="T10396">
        <v>23</v>
      </c>
      <c r="U10396">
        <v>23</v>
      </c>
      <c r="V10396">
        <v>24</v>
      </c>
      <c r="W10396">
        <v>24</v>
      </c>
      <c r="X10396">
        <v>25</v>
      </c>
      <c r="Y10396">
        <v>25</v>
      </c>
      <c r="Z10396">
        <v>25</v>
      </c>
      <c r="AA10396">
        <v>26</v>
      </c>
      <c r="AB10396">
        <v>26</v>
      </c>
      <c r="AC10396">
        <v>26</v>
      </c>
      <c r="AD10396">
        <v>27</v>
      </c>
      <c r="AE10396">
        <v>27</v>
      </c>
      <c r="AF10396">
        <v>27</v>
      </c>
      <c r="AG10396">
        <v>27</v>
      </c>
      <c r="AH10396">
        <v>27</v>
      </c>
      <c r="AI10396">
        <v>27</v>
      </c>
      <c r="AJ10396">
        <v>27</v>
      </c>
      <c r="AK10396">
        <v>27</v>
      </c>
      <c r="AL10396">
        <v>27</v>
      </c>
      <c r="AM10396">
        <v>27</v>
      </c>
      <c r="AN10396">
        <v>27</v>
      </c>
      <c r="AO10396">
        <v>27</v>
      </c>
      <c r="AP10396">
        <v>26</v>
      </c>
      <c r="AQ10396">
        <v>26</v>
      </c>
    </row>
    <row r="10397" spans="1:43">
      <c r="A10397" t="s">
        <v>6482</v>
      </c>
      <c r="B10397" t="s">
        <v>6483</v>
      </c>
      <c r="C10397" t="s">
        <v>6462</v>
      </c>
      <c r="D10397" t="s">
        <v>6463</v>
      </c>
      <c r="E10397" t="s">
        <v>6174</v>
      </c>
      <c r="F10397" t="s">
        <v>6175</v>
      </c>
      <c r="G10397" t="s">
        <v>80</v>
      </c>
      <c r="H10397" t="s">
        <v>81</v>
      </c>
      <c r="I10397" s="2">
        <v>0</v>
      </c>
      <c r="J10397" s="2">
        <v>1</v>
      </c>
      <c r="K10397" s="2">
        <v>0</v>
      </c>
      <c r="L10397" t="s">
        <v>82</v>
      </c>
      <c r="M10397" t="s">
        <v>83</v>
      </c>
      <c r="N10397" t="s">
        <v>91</v>
      </c>
      <c r="O10397" t="s">
        <v>85</v>
      </c>
      <c r="P10397" t="s">
        <v>86</v>
      </c>
      <c r="Q10397">
        <v>22</v>
      </c>
      <c r="R10397">
        <v>23</v>
      </c>
      <c r="S10397">
        <v>23</v>
      </c>
      <c r="T10397">
        <v>23</v>
      </c>
      <c r="U10397">
        <v>24</v>
      </c>
      <c r="V10397">
        <v>24</v>
      </c>
      <c r="W10397">
        <v>24</v>
      </c>
      <c r="X10397">
        <v>24</v>
      </c>
      <c r="Y10397">
        <v>25</v>
      </c>
      <c r="Z10397">
        <v>25</v>
      </c>
      <c r="AA10397">
        <v>25</v>
      </c>
      <c r="AB10397">
        <v>25</v>
      </c>
      <c r="AC10397">
        <v>26</v>
      </c>
      <c r="AD10397">
        <v>26</v>
      </c>
      <c r="AE10397">
        <v>26</v>
      </c>
      <c r="AF10397">
        <v>26</v>
      </c>
      <c r="AG10397">
        <v>26</v>
      </c>
      <c r="AH10397">
        <v>27</v>
      </c>
      <c r="AI10397">
        <v>27</v>
      </c>
      <c r="AJ10397">
        <v>27</v>
      </c>
      <c r="AK10397">
        <v>27</v>
      </c>
      <c r="AL10397">
        <v>27</v>
      </c>
      <c r="AM10397">
        <v>27</v>
      </c>
      <c r="AN10397">
        <v>27</v>
      </c>
      <c r="AO10397">
        <v>27</v>
      </c>
      <c r="AP10397">
        <v>27</v>
      </c>
      <c r="AQ10397">
        <v>27</v>
      </c>
    </row>
    <row r="10398" spans="1:43">
      <c r="A10398" t="s">
        <v>6484</v>
      </c>
      <c r="B10398" t="s">
        <v>6485</v>
      </c>
      <c r="C10398" t="s">
        <v>6486</v>
      </c>
      <c r="D10398" t="s">
        <v>6487</v>
      </c>
      <c r="E10398" t="s">
        <v>6174</v>
      </c>
      <c r="F10398" t="s">
        <v>6175</v>
      </c>
      <c r="G10398" t="s">
        <v>80</v>
      </c>
      <c r="H10398" t="s">
        <v>81</v>
      </c>
      <c r="I10398" s="2">
        <v>0</v>
      </c>
      <c r="J10398" s="2">
        <v>1</v>
      </c>
      <c r="K10398" s="2">
        <v>0</v>
      </c>
      <c r="L10398" t="s">
        <v>82</v>
      </c>
      <c r="M10398" t="s">
        <v>83</v>
      </c>
      <c r="N10398" t="s">
        <v>84</v>
      </c>
      <c r="O10398" t="s">
        <v>85</v>
      </c>
      <c r="P10398" t="s">
        <v>86</v>
      </c>
      <c r="Q10398">
        <v>26</v>
      </c>
      <c r="R10398">
        <v>27</v>
      </c>
      <c r="S10398">
        <v>27</v>
      </c>
      <c r="T10398">
        <v>27</v>
      </c>
      <c r="U10398">
        <v>28</v>
      </c>
      <c r="V10398">
        <v>28</v>
      </c>
      <c r="W10398">
        <v>28</v>
      </c>
      <c r="X10398">
        <v>29</v>
      </c>
      <c r="Y10398">
        <v>29</v>
      </c>
      <c r="Z10398">
        <v>29</v>
      </c>
      <c r="AA10398">
        <v>29</v>
      </c>
      <c r="AB10398">
        <v>30</v>
      </c>
      <c r="AC10398">
        <v>30</v>
      </c>
      <c r="AD10398">
        <v>30</v>
      </c>
      <c r="AE10398">
        <v>31</v>
      </c>
      <c r="AF10398">
        <v>31</v>
      </c>
      <c r="AG10398">
        <v>31</v>
      </c>
      <c r="AH10398">
        <v>31</v>
      </c>
      <c r="AI10398">
        <v>32</v>
      </c>
      <c r="AJ10398">
        <v>32</v>
      </c>
      <c r="AK10398">
        <v>32</v>
      </c>
      <c r="AL10398">
        <v>32</v>
      </c>
      <c r="AM10398">
        <v>32</v>
      </c>
      <c r="AN10398">
        <v>32</v>
      </c>
      <c r="AO10398">
        <v>32</v>
      </c>
      <c r="AP10398">
        <v>32</v>
      </c>
      <c r="AQ10398">
        <v>32</v>
      </c>
    </row>
    <row r="10399" spans="1:43">
      <c r="A10399" t="s">
        <v>6484</v>
      </c>
      <c r="B10399" t="s">
        <v>6485</v>
      </c>
      <c r="C10399" t="s">
        <v>6486</v>
      </c>
      <c r="D10399" t="s">
        <v>6487</v>
      </c>
      <c r="E10399" t="s">
        <v>6174</v>
      </c>
      <c r="F10399" t="s">
        <v>6175</v>
      </c>
      <c r="G10399" t="s">
        <v>80</v>
      </c>
      <c r="H10399" t="s">
        <v>81</v>
      </c>
      <c r="I10399" s="2">
        <v>0</v>
      </c>
      <c r="J10399" s="2">
        <v>1</v>
      </c>
      <c r="K10399" s="2">
        <v>0</v>
      </c>
      <c r="L10399" t="s">
        <v>82</v>
      </c>
      <c r="M10399" t="s">
        <v>87</v>
      </c>
      <c r="N10399" t="s">
        <v>88</v>
      </c>
      <c r="O10399" t="s">
        <v>85</v>
      </c>
      <c r="P10399" t="s">
        <v>86</v>
      </c>
      <c r="Q10399">
        <v>26</v>
      </c>
      <c r="R10399">
        <v>26</v>
      </c>
      <c r="S10399">
        <v>26</v>
      </c>
      <c r="T10399">
        <v>26</v>
      </c>
      <c r="U10399">
        <v>26</v>
      </c>
      <c r="V10399">
        <v>27</v>
      </c>
      <c r="W10399">
        <v>27</v>
      </c>
      <c r="X10399">
        <v>27</v>
      </c>
      <c r="Y10399">
        <v>27</v>
      </c>
      <c r="Z10399">
        <v>27</v>
      </c>
      <c r="AA10399">
        <v>27</v>
      </c>
      <c r="AB10399">
        <v>27</v>
      </c>
      <c r="AC10399">
        <v>27</v>
      </c>
      <c r="AD10399">
        <v>27</v>
      </c>
      <c r="AE10399">
        <v>27</v>
      </c>
      <c r="AF10399">
        <v>27</v>
      </c>
      <c r="AG10399">
        <v>27</v>
      </c>
      <c r="AH10399">
        <v>27</v>
      </c>
      <c r="AI10399">
        <v>27</v>
      </c>
      <c r="AJ10399">
        <v>27</v>
      </c>
      <c r="AK10399">
        <v>27</v>
      </c>
      <c r="AL10399">
        <v>27</v>
      </c>
      <c r="AM10399">
        <v>27</v>
      </c>
      <c r="AN10399">
        <v>27</v>
      </c>
      <c r="AO10399">
        <v>28</v>
      </c>
      <c r="AP10399">
        <v>28</v>
      </c>
      <c r="AQ10399">
        <v>28</v>
      </c>
    </row>
    <row r="10400" spans="1:43">
      <c r="A10400" t="s">
        <v>6484</v>
      </c>
      <c r="B10400" t="s">
        <v>6485</v>
      </c>
      <c r="C10400" t="s">
        <v>6486</v>
      </c>
      <c r="D10400" t="s">
        <v>6487</v>
      </c>
      <c r="E10400" t="s">
        <v>6174</v>
      </c>
      <c r="F10400" t="s">
        <v>6175</v>
      </c>
      <c r="G10400" t="s">
        <v>80</v>
      </c>
      <c r="H10400" t="s">
        <v>81</v>
      </c>
      <c r="I10400" s="2">
        <v>0</v>
      </c>
      <c r="J10400" s="2">
        <v>1</v>
      </c>
      <c r="K10400" s="2">
        <v>0</v>
      </c>
      <c r="L10400" t="s">
        <v>82</v>
      </c>
      <c r="M10400" t="s">
        <v>89</v>
      </c>
      <c r="N10400" t="s">
        <v>90</v>
      </c>
      <c r="O10400" t="s">
        <v>85</v>
      </c>
      <c r="P10400" t="s">
        <v>86</v>
      </c>
      <c r="Q10400">
        <v>26</v>
      </c>
      <c r="R10400">
        <v>26</v>
      </c>
      <c r="S10400">
        <v>27</v>
      </c>
      <c r="T10400">
        <v>27</v>
      </c>
      <c r="U10400">
        <v>28</v>
      </c>
      <c r="V10400">
        <v>28</v>
      </c>
      <c r="W10400">
        <v>29</v>
      </c>
      <c r="X10400">
        <v>29</v>
      </c>
      <c r="Y10400">
        <v>30</v>
      </c>
      <c r="Z10400">
        <v>30</v>
      </c>
      <c r="AA10400">
        <v>30</v>
      </c>
      <c r="AB10400">
        <v>31</v>
      </c>
      <c r="AC10400">
        <v>31</v>
      </c>
      <c r="AD10400">
        <v>32</v>
      </c>
      <c r="AE10400">
        <v>32</v>
      </c>
      <c r="AF10400">
        <v>32</v>
      </c>
      <c r="AG10400">
        <v>32</v>
      </c>
      <c r="AH10400">
        <v>32</v>
      </c>
      <c r="AI10400">
        <v>32</v>
      </c>
      <c r="AJ10400">
        <v>31</v>
      </c>
      <c r="AK10400">
        <v>31</v>
      </c>
      <c r="AL10400">
        <v>31</v>
      </c>
      <c r="AM10400">
        <v>31</v>
      </c>
      <c r="AN10400">
        <v>31</v>
      </c>
      <c r="AO10400">
        <v>31</v>
      </c>
      <c r="AP10400">
        <v>31</v>
      </c>
      <c r="AQ10400">
        <v>31</v>
      </c>
    </row>
    <row r="10401" spans="1:43">
      <c r="A10401" t="s">
        <v>6484</v>
      </c>
      <c r="B10401" t="s">
        <v>6485</v>
      </c>
      <c r="C10401" t="s">
        <v>6486</v>
      </c>
      <c r="D10401" t="s">
        <v>6487</v>
      </c>
      <c r="E10401" t="s">
        <v>6174</v>
      </c>
      <c r="F10401" t="s">
        <v>6175</v>
      </c>
      <c r="G10401" t="s">
        <v>80</v>
      </c>
      <c r="H10401" t="s">
        <v>81</v>
      </c>
      <c r="I10401" s="2">
        <v>0</v>
      </c>
      <c r="J10401" s="2">
        <v>1</v>
      </c>
      <c r="K10401" s="2">
        <v>0</v>
      </c>
      <c r="L10401" t="s">
        <v>82</v>
      </c>
      <c r="M10401" t="s">
        <v>83</v>
      </c>
      <c r="N10401" t="s">
        <v>91</v>
      </c>
      <c r="O10401" t="s">
        <v>85</v>
      </c>
      <c r="P10401" t="s">
        <v>86</v>
      </c>
      <c r="Q10401">
        <v>26</v>
      </c>
      <c r="R10401">
        <v>27</v>
      </c>
      <c r="S10401">
        <v>27</v>
      </c>
      <c r="T10401">
        <v>27</v>
      </c>
      <c r="U10401">
        <v>28</v>
      </c>
      <c r="V10401">
        <v>28</v>
      </c>
      <c r="W10401">
        <v>28</v>
      </c>
      <c r="X10401">
        <v>29</v>
      </c>
      <c r="Y10401">
        <v>29</v>
      </c>
      <c r="Z10401">
        <v>29</v>
      </c>
      <c r="AA10401">
        <v>29</v>
      </c>
      <c r="AB10401">
        <v>30</v>
      </c>
      <c r="AC10401">
        <v>30</v>
      </c>
      <c r="AD10401">
        <v>30</v>
      </c>
      <c r="AE10401">
        <v>31</v>
      </c>
      <c r="AF10401">
        <v>31</v>
      </c>
      <c r="AG10401">
        <v>31</v>
      </c>
      <c r="AH10401">
        <v>31</v>
      </c>
      <c r="AI10401">
        <v>32</v>
      </c>
      <c r="AJ10401">
        <v>32</v>
      </c>
      <c r="AK10401">
        <v>32</v>
      </c>
      <c r="AL10401">
        <v>32</v>
      </c>
      <c r="AM10401">
        <v>32</v>
      </c>
      <c r="AN10401">
        <v>32</v>
      </c>
      <c r="AO10401">
        <v>32</v>
      </c>
      <c r="AP10401">
        <v>32</v>
      </c>
      <c r="AQ10401">
        <v>32</v>
      </c>
    </row>
    <row r="10402" spans="1:43">
      <c r="A10402" t="s">
        <v>6488</v>
      </c>
      <c r="B10402" t="s">
        <v>6489</v>
      </c>
      <c r="C10402" t="s">
        <v>6486</v>
      </c>
      <c r="D10402" t="s">
        <v>6487</v>
      </c>
      <c r="E10402" t="s">
        <v>6174</v>
      </c>
      <c r="F10402" t="s">
        <v>6175</v>
      </c>
      <c r="G10402" t="s">
        <v>80</v>
      </c>
      <c r="H10402" t="s">
        <v>81</v>
      </c>
      <c r="I10402" s="2">
        <v>0</v>
      </c>
      <c r="J10402" s="2">
        <v>1</v>
      </c>
      <c r="K10402" s="2">
        <v>0</v>
      </c>
      <c r="L10402" t="s">
        <v>82</v>
      </c>
      <c r="M10402" t="s">
        <v>83</v>
      </c>
      <c r="N10402" t="s">
        <v>84</v>
      </c>
      <c r="O10402" t="s">
        <v>85</v>
      </c>
      <c r="P10402" t="s">
        <v>86</v>
      </c>
      <c r="Q10402">
        <v>7</v>
      </c>
      <c r="R10402">
        <v>8</v>
      </c>
      <c r="S10402">
        <v>8</v>
      </c>
      <c r="T10402">
        <v>8</v>
      </c>
      <c r="U10402">
        <v>8</v>
      </c>
      <c r="V10402">
        <v>8</v>
      </c>
      <c r="W10402">
        <v>8</v>
      </c>
      <c r="X10402">
        <v>8</v>
      </c>
      <c r="Y10402">
        <v>8</v>
      </c>
      <c r="Z10402">
        <v>8</v>
      </c>
      <c r="AA10402">
        <v>8</v>
      </c>
      <c r="AB10402">
        <v>8</v>
      </c>
      <c r="AC10402">
        <v>8</v>
      </c>
      <c r="AD10402">
        <v>9</v>
      </c>
      <c r="AE10402">
        <v>9</v>
      </c>
      <c r="AF10402">
        <v>9</v>
      </c>
      <c r="AG10402">
        <v>9</v>
      </c>
      <c r="AH10402">
        <v>9</v>
      </c>
      <c r="AI10402">
        <v>9</v>
      </c>
      <c r="AJ10402">
        <v>9</v>
      </c>
      <c r="AK10402">
        <v>9</v>
      </c>
      <c r="AL10402">
        <v>9</v>
      </c>
      <c r="AM10402">
        <v>9</v>
      </c>
      <c r="AN10402">
        <v>9</v>
      </c>
      <c r="AO10402">
        <v>9</v>
      </c>
      <c r="AP10402">
        <v>9</v>
      </c>
      <c r="AQ10402">
        <v>9</v>
      </c>
    </row>
    <row r="10403" spans="1:43">
      <c r="A10403" t="s">
        <v>6488</v>
      </c>
      <c r="B10403" t="s">
        <v>6489</v>
      </c>
      <c r="C10403" t="s">
        <v>6486</v>
      </c>
      <c r="D10403" t="s">
        <v>6487</v>
      </c>
      <c r="E10403" t="s">
        <v>6174</v>
      </c>
      <c r="F10403" t="s">
        <v>6175</v>
      </c>
      <c r="G10403" t="s">
        <v>80</v>
      </c>
      <c r="H10403" t="s">
        <v>81</v>
      </c>
      <c r="I10403" s="2">
        <v>0</v>
      </c>
      <c r="J10403" s="2">
        <v>1</v>
      </c>
      <c r="K10403" s="2">
        <v>0</v>
      </c>
      <c r="L10403" t="s">
        <v>82</v>
      </c>
      <c r="M10403" t="s">
        <v>87</v>
      </c>
      <c r="N10403" t="s">
        <v>88</v>
      </c>
      <c r="O10403" t="s">
        <v>85</v>
      </c>
      <c r="P10403" t="s">
        <v>86</v>
      </c>
      <c r="Q10403">
        <v>7</v>
      </c>
      <c r="R10403">
        <v>7</v>
      </c>
      <c r="S10403">
        <v>7</v>
      </c>
      <c r="T10403">
        <v>7</v>
      </c>
      <c r="U10403">
        <v>7</v>
      </c>
      <c r="V10403">
        <v>7</v>
      </c>
      <c r="W10403">
        <v>7</v>
      </c>
      <c r="X10403">
        <v>8</v>
      </c>
      <c r="Y10403">
        <v>8</v>
      </c>
      <c r="Z10403">
        <v>8</v>
      </c>
      <c r="AA10403">
        <v>8</v>
      </c>
      <c r="AB10403">
        <v>8</v>
      </c>
      <c r="AC10403">
        <v>8</v>
      </c>
      <c r="AD10403">
        <v>8</v>
      </c>
      <c r="AE10403">
        <v>8</v>
      </c>
      <c r="AF10403">
        <v>8</v>
      </c>
      <c r="AG10403">
        <v>8</v>
      </c>
      <c r="AH10403">
        <v>8</v>
      </c>
      <c r="AI10403">
        <v>8</v>
      </c>
      <c r="AJ10403">
        <v>8</v>
      </c>
      <c r="AK10403">
        <v>8</v>
      </c>
      <c r="AL10403">
        <v>8</v>
      </c>
      <c r="AM10403">
        <v>8</v>
      </c>
      <c r="AN10403">
        <v>8</v>
      </c>
      <c r="AO10403">
        <v>8</v>
      </c>
      <c r="AP10403">
        <v>8</v>
      </c>
      <c r="AQ10403">
        <v>8</v>
      </c>
    </row>
    <row r="10404" spans="1:43">
      <c r="A10404" t="s">
        <v>6488</v>
      </c>
      <c r="B10404" t="s">
        <v>6489</v>
      </c>
      <c r="C10404" t="s">
        <v>6486</v>
      </c>
      <c r="D10404" t="s">
        <v>6487</v>
      </c>
      <c r="E10404" t="s">
        <v>6174</v>
      </c>
      <c r="F10404" t="s">
        <v>6175</v>
      </c>
      <c r="G10404" t="s">
        <v>80</v>
      </c>
      <c r="H10404" t="s">
        <v>81</v>
      </c>
      <c r="I10404" s="2">
        <v>0</v>
      </c>
      <c r="J10404" s="2">
        <v>1</v>
      </c>
      <c r="K10404" s="2">
        <v>0</v>
      </c>
      <c r="L10404" t="s">
        <v>82</v>
      </c>
      <c r="M10404" t="s">
        <v>89</v>
      </c>
      <c r="N10404" t="s">
        <v>90</v>
      </c>
      <c r="O10404" t="s">
        <v>85</v>
      </c>
      <c r="P10404" t="s">
        <v>86</v>
      </c>
      <c r="Q10404">
        <v>7</v>
      </c>
      <c r="R10404">
        <v>7</v>
      </c>
      <c r="S10404">
        <v>7</v>
      </c>
      <c r="T10404">
        <v>7</v>
      </c>
      <c r="U10404">
        <v>7</v>
      </c>
      <c r="V10404">
        <v>7</v>
      </c>
      <c r="W10404">
        <v>7</v>
      </c>
      <c r="X10404">
        <v>8</v>
      </c>
      <c r="Y10404">
        <v>8</v>
      </c>
      <c r="Z10404">
        <v>8</v>
      </c>
      <c r="AA10404">
        <v>8</v>
      </c>
      <c r="AB10404">
        <v>8</v>
      </c>
      <c r="AC10404">
        <v>8</v>
      </c>
      <c r="AD10404">
        <v>8</v>
      </c>
      <c r="AE10404">
        <v>8</v>
      </c>
      <c r="AF10404">
        <v>8</v>
      </c>
      <c r="AG10404">
        <v>8</v>
      </c>
      <c r="AH10404">
        <v>8</v>
      </c>
      <c r="AI10404">
        <v>8</v>
      </c>
      <c r="AJ10404">
        <v>8</v>
      </c>
      <c r="AK10404">
        <v>8</v>
      </c>
      <c r="AL10404">
        <v>8</v>
      </c>
      <c r="AM10404">
        <v>8</v>
      </c>
      <c r="AN10404">
        <v>8</v>
      </c>
      <c r="AO10404">
        <v>8</v>
      </c>
      <c r="AP10404">
        <v>8</v>
      </c>
      <c r="AQ10404">
        <v>8</v>
      </c>
    </row>
    <row r="10405" spans="1:43">
      <c r="A10405" t="s">
        <v>6488</v>
      </c>
      <c r="B10405" t="s">
        <v>6489</v>
      </c>
      <c r="C10405" t="s">
        <v>6486</v>
      </c>
      <c r="D10405" t="s">
        <v>6487</v>
      </c>
      <c r="E10405" t="s">
        <v>6174</v>
      </c>
      <c r="F10405" t="s">
        <v>6175</v>
      </c>
      <c r="G10405" t="s">
        <v>80</v>
      </c>
      <c r="H10405" t="s">
        <v>81</v>
      </c>
      <c r="I10405" s="2">
        <v>0</v>
      </c>
      <c r="J10405" s="2">
        <v>1</v>
      </c>
      <c r="K10405" s="2">
        <v>0</v>
      </c>
      <c r="L10405" t="s">
        <v>82</v>
      </c>
      <c r="M10405" t="s">
        <v>83</v>
      </c>
      <c r="N10405" t="s">
        <v>91</v>
      </c>
      <c r="O10405" t="s">
        <v>85</v>
      </c>
      <c r="P10405" t="s">
        <v>86</v>
      </c>
      <c r="Q10405">
        <v>7</v>
      </c>
      <c r="R10405">
        <v>8</v>
      </c>
      <c r="S10405">
        <v>8</v>
      </c>
      <c r="T10405">
        <v>8</v>
      </c>
      <c r="U10405">
        <v>8</v>
      </c>
      <c r="V10405">
        <v>8</v>
      </c>
      <c r="W10405">
        <v>8</v>
      </c>
      <c r="X10405">
        <v>8</v>
      </c>
      <c r="Y10405">
        <v>8</v>
      </c>
      <c r="Z10405">
        <v>8</v>
      </c>
      <c r="AA10405">
        <v>8</v>
      </c>
      <c r="AB10405">
        <v>8</v>
      </c>
      <c r="AC10405">
        <v>8</v>
      </c>
      <c r="AD10405">
        <v>9</v>
      </c>
      <c r="AE10405">
        <v>9</v>
      </c>
      <c r="AF10405">
        <v>9</v>
      </c>
      <c r="AG10405">
        <v>9</v>
      </c>
      <c r="AH10405">
        <v>9</v>
      </c>
      <c r="AI10405">
        <v>9</v>
      </c>
      <c r="AJ10405">
        <v>9</v>
      </c>
      <c r="AK10405">
        <v>9</v>
      </c>
      <c r="AL10405">
        <v>9</v>
      </c>
      <c r="AM10405">
        <v>9</v>
      </c>
      <c r="AN10405">
        <v>9</v>
      </c>
      <c r="AO10405">
        <v>9</v>
      </c>
      <c r="AP10405">
        <v>9</v>
      </c>
      <c r="AQ10405">
        <v>9</v>
      </c>
    </row>
    <row r="10406" spans="1:43">
      <c r="A10406" t="s">
        <v>6490</v>
      </c>
      <c r="B10406" t="s">
        <v>6491</v>
      </c>
      <c r="C10406" t="s">
        <v>6428</v>
      </c>
      <c r="D10406" t="s">
        <v>6429</v>
      </c>
      <c r="E10406" t="s">
        <v>6174</v>
      </c>
      <c r="F10406" t="s">
        <v>6175</v>
      </c>
      <c r="G10406" t="s">
        <v>80</v>
      </c>
      <c r="H10406" t="s">
        <v>81</v>
      </c>
      <c r="I10406" s="2">
        <v>0</v>
      </c>
      <c r="J10406" s="2">
        <v>0.74</v>
      </c>
      <c r="K10406" s="2">
        <v>0.26</v>
      </c>
      <c r="L10406" t="s">
        <v>82</v>
      </c>
      <c r="M10406" t="s">
        <v>83</v>
      </c>
      <c r="N10406" t="s">
        <v>84</v>
      </c>
      <c r="O10406" t="s">
        <v>85</v>
      </c>
      <c r="P10406" t="s">
        <v>86</v>
      </c>
      <c r="Q10406">
        <v>17</v>
      </c>
      <c r="R10406">
        <v>17</v>
      </c>
      <c r="S10406">
        <v>17</v>
      </c>
      <c r="T10406">
        <v>17</v>
      </c>
      <c r="U10406">
        <v>17</v>
      </c>
      <c r="V10406">
        <v>18</v>
      </c>
      <c r="W10406">
        <v>18</v>
      </c>
      <c r="X10406">
        <v>18</v>
      </c>
      <c r="Y10406">
        <v>18</v>
      </c>
      <c r="Z10406">
        <v>18</v>
      </c>
      <c r="AA10406">
        <v>19</v>
      </c>
      <c r="AB10406">
        <v>19</v>
      </c>
      <c r="AC10406">
        <v>19</v>
      </c>
      <c r="AD10406">
        <v>19</v>
      </c>
      <c r="AE10406">
        <v>19</v>
      </c>
      <c r="AF10406">
        <v>19</v>
      </c>
      <c r="AG10406">
        <v>20</v>
      </c>
      <c r="AH10406">
        <v>20</v>
      </c>
      <c r="AI10406">
        <v>20</v>
      </c>
      <c r="AJ10406">
        <v>20</v>
      </c>
      <c r="AK10406">
        <v>20</v>
      </c>
      <c r="AL10406">
        <v>20</v>
      </c>
      <c r="AM10406">
        <v>20</v>
      </c>
      <c r="AN10406">
        <v>20</v>
      </c>
      <c r="AO10406">
        <v>20</v>
      </c>
      <c r="AP10406">
        <v>20</v>
      </c>
      <c r="AQ10406">
        <v>20</v>
      </c>
    </row>
    <row r="10407" spans="1:43">
      <c r="A10407" t="s">
        <v>6490</v>
      </c>
      <c r="B10407" t="s">
        <v>6491</v>
      </c>
      <c r="C10407" t="s">
        <v>6428</v>
      </c>
      <c r="D10407" t="s">
        <v>6429</v>
      </c>
      <c r="E10407" t="s">
        <v>6174</v>
      </c>
      <c r="F10407" t="s">
        <v>6175</v>
      </c>
      <c r="G10407" t="s">
        <v>80</v>
      </c>
      <c r="H10407" t="s">
        <v>81</v>
      </c>
      <c r="I10407" s="2">
        <v>0</v>
      </c>
      <c r="J10407" s="2">
        <v>0.74</v>
      </c>
      <c r="K10407" s="2">
        <v>0.26</v>
      </c>
      <c r="L10407" t="s">
        <v>82</v>
      </c>
      <c r="M10407" t="s">
        <v>87</v>
      </c>
      <c r="N10407" t="s">
        <v>88</v>
      </c>
      <c r="O10407" t="s">
        <v>85</v>
      </c>
      <c r="P10407" t="s">
        <v>86</v>
      </c>
      <c r="Q10407">
        <v>17</v>
      </c>
      <c r="R10407">
        <v>18</v>
      </c>
      <c r="S10407">
        <v>18</v>
      </c>
      <c r="T10407">
        <v>18</v>
      </c>
      <c r="U10407">
        <v>18</v>
      </c>
      <c r="V10407">
        <v>18</v>
      </c>
      <c r="W10407">
        <v>18</v>
      </c>
      <c r="X10407">
        <v>18</v>
      </c>
      <c r="Y10407">
        <v>18</v>
      </c>
      <c r="Z10407">
        <v>18</v>
      </c>
      <c r="AA10407">
        <v>18</v>
      </c>
      <c r="AB10407">
        <v>18</v>
      </c>
      <c r="AC10407">
        <v>18</v>
      </c>
      <c r="AD10407">
        <v>18</v>
      </c>
      <c r="AE10407">
        <v>18</v>
      </c>
      <c r="AF10407">
        <v>18</v>
      </c>
      <c r="AG10407">
        <v>18</v>
      </c>
      <c r="AH10407">
        <v>18</v>
      </c>
      <c r="AI10407">
        <v>18</v>
      </c>
      <c r="AJ10407">
        <v>18</v>
      </c>
      <c r="AK10407">
        <v>18</v>
      </c>
      <c r="AL10407">
        <v>18</v>
      </c>
      <c r="AM10407">
        <v>18</v>
      </c>
      <c r="AN10407">
        <v>18</v>
      </c>
      <c r="AO10407">
        <v>18</v>
      </c>
      <c r="AP10407">
        <v>18</v>
      </c>
      <c r="AQ10407">
        <v>18</v>
      </c>
    </row>
    <row r="10408" spans="1:43">
      <c r="A10408" t="s">
        <v>6490</v>
      </c>
      <c r="B10408" t="s">
        <v>6491</v>
      </c>
      <c r="C10408" t="s">
        <v>6428</v>
      </c>
      <c r="D10408" t="s">
        <v>6429</v>
      </c>
      <c r="E10408" t="s">
        <v>6174</v>
      </c>
      <c r="F10408" t="s">
        <v>6175</v>
      </c>
      <c r="G10408" t="s">
        <v>80</v>
      </c>
      <c r="H10408" t="s">
        <v>81</v>
      </c>
      <c r="I10408" s="2">
        <v>0</v>
      </c>
      <c r="J10408" s="2">
        <v>0.74</v>
      </c>
      <c r="K10408" s="2">
        <v>0.26</v>
      </c>
      <c r="L10408" t="s">
        <v>82</v>
      </c>
      <c r="M10408" t="s">
        <v>89</v>
      </c>
      <c r="N10408" t="s">
        <v>90</v>
      </c>
      <c r="O10408" t="s">
        <v>85</v>
      </c>
      <c r="P10408" t="s">
        <v>86</v>
      </c>
      <c r="Q10408">
        <v>17</v>
      </c>
      <c r="R10408">
        <v>17</v>
      </c>
      <c r="S10408">
        <v>17</v>
      </c>
      <c r="T10408">
        <v>18</v>
      </c>
      <c r="U10408">
        <v>18</v>
      </c>
      <c r="V10408">
        <v>18</v>
      </c>
      <c r="W10408">
        <v>19</v>
      </c>
      <c r="X10408">
        <v>19</v>
      </c>
      <c r="Y10408">
        <v>19</v>
      </c>
      <c r="Z10408">
        <v>20</v>
      </c>
      <c r="AA10408">
        <v>20</v>
      </c>
      <c r="AB10408">
        <v>20</v>
      </c>
      <c r="AC10408">
        <v>20</v>
      </c>
      <c r="AD10408">
        <v>20</v>
      </c>
      <c r="AE10408">
        <v>21</v>
      </c>
      <c r="AF10408">
        <v>21</v>
      </c>
      <c r="AG10408">
        <v>21</v>
      </c>
      <c r="AH10408">
        <v>20</v>
      </c>
      <c r="AI10408">
        <v>20</v>
      </c>
      <c r="AJ10408">
        <v>20</v>
      </c>
      <c r="AK10408">
        <v>20</v>
      </c>
      <c r="AL10408">
        <v>20</v>
      </c>
      <c r="AM10408">
        <v>20</v>
      </c>
      <c r="AN10408">
        <v>20</v>
      </c>
      <c r="AO10408">
        <v>20</v>
      </c>
      <c r="AP10408">
        <v>20</v>
      </c>
      <c r="AQ10408">
        <v>20</v>
      </c>
    </row>
    <row r="10409" spans="1:43">
      <c r="A10409" t="s">
        <v>6490</v>
      </c>
      <c r="B10409" t="s">
        <v>6491</v>
      </c>
      <c r="C10409" t="s">
        <v>6428</v>
      </c>
      <c r="D10409" t="s">
        <v>6429</v>
      </c>
      <c r="E10409" t="s">
        <v>6174</v>
      </c>
      <c r="F10409" t="s">
        <v>6175</v>
      </c>
      <c r="G10409" t="s">
        <v>80</v>
      </c>
      <c r="H10409" t="s">
        <v>81</v>
      </c>
      <c r="I10409" s="2">
        <v>0</v>
      </c>
      <c r="J10409" s="2">
        <v>0.74</v>
      </c>
      <c r="K10409" s="2">
        <v>0.26</v>
      </c>
      <c r="L10409" t="s">
        <v>82</v>
      </c>
      <c r="M10409" t="s">
        <v>83</v>
      </c>
      <c r="N10409" t="s">
        <v>91</v>
      </c>
      <c r="O10409" t="s">
        <v>85</v>
      </c>
      <c r="P10409" t="s">
        <v>86</v>
      </c>
      <c r="Q10409">
        <v>17</v>
      </c>
      <c r="R10409">
        <v>17</v>
      </c>
      <c r="S10409">
        <v>17</v>
      </c>
      <c r="T10409">
        <v>17</v>
      </c>
      <c r="U10409">
        <v>17</v>
      </c>
      <c r="V10409">
        <v>18</v>
      </c>
      <c r="W10409">
        <v>18</v>
      </c>
      <c r="X10409">
        <v>18</v>
      </c>
      <c r="Y10409">
        <v>18</v>
      </c>
      <c r="Z10409">
        <v>18</v>
      </c>
      <c r="AA10409">
        <v>19</v>
      </c>
      <c r="AB10409">
        <v>19</v>
      </c>
      <c r="AC10409">
        <v>19</v>
      </c>
      <c r="AD10409">
        <v>19</v>
      </c>
      <c r="AE10409">
        <v>19</v>
      </c>
      <c r="AF10409">
        <v>19</v>
      </c>
      <c r="AG10409">
        <v>20</v>
      </c>
      <c r="AH10409">
        <v>20</v>
      </c>
      <c r="AI10409">
        <v>20</v>
      </c>
      <c r="AJ10409">
        <v>20</v>
      </c>
      <c r="AK10409">
        <v>20</v>
      </c>
      <c r="AL10409">
        <v>20</v>
      </c>
      <c r="AM10409">
        <v>20</v>
      </c>
      <c r="AN10409">
        <v>20</v>
      </c>
      <c r="AO10409">
        <v>20</v>
      </c>
      <c r="AP10409">
        <v>20</v>
      </c>
      <c r="AQ10409">
        <v>20</v>
      </c>
    </row>
    <row r="10410" spans="1:43">
      <c r="A10410" t="s">
        <v>6492</v>
      </c>
      <c r="B10410" t="s">
        <v>6493</v>
      </c>
      <c r="C10410" t="s">
        <v>6486</v>
      </c>
      <c r="D10410" t="s">
        <v>6487</v>
      </c>
      <c r="E10410" t="s">
        <v>6174</v>
      </c>
      <c r="F10410" t="s">
        <v>6175</v>
      </c>
      <c r="G10410" t="s">
        <v>80</v>
      </c>
      <c r="H10410" t="s">
        <v>81</v>
      </c>
      <c r="I10410" s="2">
        <v>0</v>
      </c>
      <c r="J10410" s="2">
        <v>1</v>
      </c>
      <c r="K10410" s="2">
        <v>0</v>
      </c>
      <c r="L10410" t="s">
        <v>82</v>
      </c>
      <c r="M10410" t="s">
        <v>83</v>
      </c>
      <c r="N10410" t="s">
        <v>84</v>
      </c>
      <c r="O10410" t="s">
        <v>85</v>
      </c>
      <c r="P10410" t="s">
        <v>86</v>
      </c>
      <c r="Q10410">
        <v>10</v>
      </c>
      <c r="R10410">
        <v>11</v>
      </c>
      <c r="S10410">
        <v>11</v>
      </c>
      <c r="T10410">
        <v>11</v>
      </c>
      <c r="U10410">
        <v>11</v>
      </c>
      <c r="V10410">
        <v>11</v>
      </c>
      <c r="W10410">
        <v>11</v>
      </c>
      <c r="X10410">
        <v>11</v>
      </c>
      <c r="Y10410">
        <v>11</v>
      </c>
      <c r="Z10410">
        <v>12</v>
      </c>
      <c r="AA10410">
        <v>12</v>
      </c>
      <c r="AB10410">
        <v>12</v>
      </c>
      <c r="AC10410">
        <v>12</v>
      </c>
      <c r="AD10410">
        <v>12</v>
      </c>
      <c r="AE10410">
        <v>12</v>
      </c>
      <c r="AF10410">
        <v>12</v>
      </c>
      <c r="AG10410">
        <v>12</v>
      </c>
      <c r="AH10410">
        <v>12</v>
      </c>
      <c r="AI10410">
        <v>12</v>
      </c>
      <c r="AJ10410">
        <v>13</v>
      </c>
      <c r="AK10410">
        <v>13</v>
      </c>
      <c r="AL10410">
        <v>13</v>
      </c>
      <c r="AM10410">
        <v>13</v>
      </c>
      <c r="AN10410">
        <v>13</v>
      </c>
      <c r="AO10410">
        <v>13</v>
      </c>
      <c r="AP10410">
        <v>13</v>
      </c>
      <c r="AQ10410">
        <v>13</v>
      </c>
    </row>
    <row r="10411" spans="1:43">
      <c r="A10411" t="s">
        <v>6492</v>
      </c>
      <c r="B10411" t="s">
        <v>6493</v>
      </c>
      <c r="C10411" t="s">
        <v>6486</v>
      </c>
      <c r="D10411" t="s">
        <v>6487</v>
      </c>
      <c r="E10411" t="s">
        <v>6174</v>
      </c>
      <c r="F10411" t="s">
        <v>6175</v>
      </c>
      <c r="G10411" t="s">
        <v>80</v>
      </c>
      <c r="H10411" t="s">
        <v>81</v>
      </c>
      <c r="I10411" s="2">
        <v>0</v>
      </c>
      <c r="J10411" s="2">
        <v>1</v>
      </c>
      <c r="K10411" s="2">
        <v>0</v>
      </c>
      <c r="L10411" t="s">
        <v>82</v>
      </c>
      <c r="M10411" t="s">
        <v>87</v>
      </c>
      <c r="N10411" t="s">
        <v>88</v>
      </c>
      <c r="O10411" t="s">
        <v>85</v>
      </c>
      <c r="P10411" t="s">
        <v>86</v>
      </c>
      <c r="Q10411">
        <v>10</v>
      </c>
      <c r="R10411">
        <v>10</v>
      </c>
      <c r="S10411">
        <v>10</v>
      </c>
      <c r="T10411">
        <v>10</v>
      </c>
      <c r="U10411">
        <v>10</v>
      </c>
      <c r="V10411">
        <v>10</v>
      </c>
      <c r="W10411">
        <v>11</v>
      </c>
      <c r="X10411">
        <v>11</v>
      </c>
      <c r="Y10411">
        <v>11</v>
      </c>
      <c r="Z10411">
        <v>11</v>
      </c>
      <c r="AA10411">
        <v>11</v>
      </c>
      <c r="AB10411">
        <v>11</v>
      </c>
      <c r="AC10411">
        <v>11</v>
      </c>
      <c r="AD10411">
        <v>11</v>
      </c>
      <c r="AE10411">
        <v>11</v>
      </c>
      <c r="AF10411">
        <v>11</v>
      </c>
      <c r="AG10411">
        <v>11</v>
      </c>
      <c r="AH10411">
        <v>11</v>
      </c>
      <c r="AI10411">
        <v>11</v>
      </c>
      <c r="AJ10411">
        <v>11</v>
      </c>
      <c r="AK10411">
        <v>11</v>
      </c>
      <c r="AL10411">
        <v>11</v>
      </c>
      <c r="AM10411">
        <v>11</v>
      </c>
      <c r="AN10411">
        <v>11</v>
      </c>
      <c r="AO10411">
        <v>11</v>
      </c>
      <c r="AP10411">
        <v>11</v>
      </c>
      <c r="AQ10411">
        <v>11</v>
      </c>
    </row>
    <row r="10412" spans="1:43">
      <c r="A10412" t="s">
        <v>6492</v>
      </c>
      <c r="B10412" t="s">
        <v>6493</v>
      </c>
      <c r="C10412" t="s">
        <v>6486</v>
      </c>
      <c r="D10412" t="s">
        <v>6487</v>
      </c>
      <c r="E10412" t="s">
        <v>6174</v>
      </c>
      <c r="F10412" t="s">
        <v>6175</v>
      </c>
      <c r="G10412" t="s">
        <v>80</v>
      </c>
      <c r="H10412" t="s">
        <v>81</v>
      </c>
      <c r="I10412" s="2">
        <v>0</v>
      </c>
      <c r="J10412" s="2">
        <v>1</v>
      </c>
      <c r="K10412" s="2">
        <v>0</v>
      </c>
      <c r="L10412" t="s">
        <v>82</v>
      </c>
      <c r="M10412" t="s">
        <v>89</v>
      </c>
      <c r="N10412" t="s">
        <v>90</v>
      </c>
      <c r="O10412" t="s">
        <v>85</v>
      </c>
      <c r="P10412" t="s">
        <v>86</v>
      </c>
      <c r="Q10412">
        <v>10</v>
      </c>
      <c r="R10412">
        <v>10</v>
      </c>
      <c r="S10412">
        <v>10</v>
      </c>
      <c r="T10412">
        <v>10</v>
      </c>
      <c r="U10412">
        <v>10</v>
      </c>
      <c r="V10412">
        <v>11</v>
      </c>
      <c r="W10412">
        <v>11</v>
      </c>
      <c r="X10412">
        <v>11</v>
      </c>
      <c r="Y10412">
        <v>11</v>
      </c>
      <c r="Z10412">
        <v>11</v>
      </c>
      <c r="AA10412">
        <v>11</v>
      </c>
      <c r="AB10412">
        <v>12</v>
      </c>
      <c r="AC10412">
        <v>12</v>
      </c>
      <c r="AD10412">
        <v>12</v>
      </c>
      <c r="AE10412">
        <v>12</v>
      </c>
      <c r="AF10412">
        <v>12</v>
      </c>
      <c r="AG10412">
        <v>12</v>
      </c>
      <c r="AH10412">
        <v>12</v>
      </c>
      <c r="AI10412">
        <v>12</v>
      </c>
      <c r="AJ10412">
        <v>12</v>
      </c>
      <c r="AK10412">
        <v>12</v>
      </c>
      <c r="AL10412">
        <v>12</v>
      </c>
      <c r="AM10412">
        <v>12</v>
      </c>
      <c r="AN10412">
        <v>12</v>
      </c>
      <c r="AO10412">
        <v>12</v>
      </c>
      <c r="AP10412">
        <v>12</v>
      </c>
      <c r="AQ10412">
        <v>12</v>
      </c>
    </row>
    <row r="10413" spans="1:43">
      <c r="A10413" t="s">
        <v>6492</v>
      </c>
      <c r="B10413" t="s">
        <v>6493</v>
      </c>
      <c r="C10413" t="s">
        <v>6486</v>
      </c>
      <c r="D10413" t="s">
        <v>6487</v>
      </c>
      <c r="E10413" t="s">
        <v>6174</v>
      </c>
      <c r="F10413" t="s">
        <v>6175</v>
      </c>
      <c r="G10413" t="s">
        <v>80</v>
      </c>
      <c r="H10413" t="s">
        <v>81</v>
      </c>
      <c r="I10413" s="2">
        <v>0</v>
      </c>
      <c r="J10413" s="2">
        <v>1</v>
      </c>
      <c r="K10413" s="2">
        <v>0</v>
      </c>
      <c r="L10413" t="s">
        <v>82</v>
      </c>
      <c r="M10413" t="s">
        <v>83</v>
      </c>
      <c r="N10413" t="s">
        <v>91</v>
      </c>
      <c r="O10413" t="s">
        <v>85</v>
      </c>
      <c r="P10413" t="s">
        <v>86</v>
      </c>
      <c r="Q10413">
        <v>10</v>
      </c>
      <c r="R10413">
        <v>11</v>
      </c>
      <c r="S10413">
        <v>11</v>
      </c>
      <c r="T10413">
        <v>11</v>
      </c>
      <c r="U10413">
        <v>11</v>
      </c>
      <c r="V10413">
        <v>11</v>
      </c>
      <c r="W10413">
        <v>11</v>
      </c>
      <c r="X10413">
        <v>11</v>
      </c>
      <c r="Y10413">
        <v>11</v>
      </c>
      <c r="Z10413">
        <v>12</v>
      </c>
      <c r="AA10413">
        <v>12</v>
      </c>
      <c r="AB10413">
        <v>12</v>
      </c>
      <c r="AC10413">
        <v>12</v>
      </c>
      <c r="AD10413">
        <v>12</v>
      </c>
      <c r="AE10413">
        <v>12</v>
      </c>
      <c r="AF10413">
        <v>12</v>
      </c>
      <c r="AG10413">
        <v>12</v>
      </c>
      <c r="AH10413">
        <v>12</v>
      </c>
      <c r="AI10413">
        <v>12</v>
      </c>
      <c r="AJ10413">
        <v>13</v>
      </c>
      <c r="AK10413">
        <v>13</v>
      </c>
      <c r="AL10413">
        <v>13</v>
      </c>
      <c r="AM10413">
        <v>13</v>
      </c>
      <c r="AN10413">
        <v>13</v>
      </c>
      <c r="AO10413">
        <v>13</v>
      </c>
      <c r="AP10413">
        <v>13</v>
      </c>
      <c r="AQ10413">
        <v>13</v>
      </c>
    </row>
    <row r="10414" spans="1:43">
      <c r="A10414" t="s">
        <v>6494</v>
      </c>
      <c r="B10414" t="s">
        <v>6495</v>
      </c>
      <c r="C10414" t="s">
        <v>6486</v>
      </c>
      <c r="D10414" t="s">
        <v>6487</v>
      </c>
      <c r="E10414" t="s">
        <v>6174</v>
      </c>
      <c r="F10414" t="s">
        <v>6175</v>
      </c>
      <c r="G10414" t="s">
        <v>80</v>
      </c>
      <c r="H10414" t="s">
        <v>81</v>
      </c>
      <c r="I10414" s="2">
        <v>0</v>
      </c>
      <c r="J10414" s="2">
        <v>1</v>
      </c>
      <c r="K10414" s="2">
        <v>0</v>
      </c>
      <c r="L10414" t="s">
        <v>82</v>
      </c>
      <c r="M10414" t="s">
        <v>83</v>
      </c>
      <c r="N10414" t="s">
        <v>84</v>
      </c>
      <c r="O10414" t="s">
        <v>85</v>
      </c>
      <c r="P10414" t="s">
        <v>86</v>
      </c>
      <c r="Q10414">
        <v>10</v>
      </c>
      <c r="R10414">
        <v>10</v>
      </c>
      <c r="S10414">
        <v>10</v>
      </c>
      <c r="T10414">
        <v>10</v>
      </c>
      <c r="U10414">
        <v>10</v>
      </c>
      <c r="V10414">
        <v>10</v>
      </c>
      <c r="W10414">
        <v>11</v>
      </c>
      <c r="X10414">
        <v>11</v>
      </c>
      <c r="Y10414">
        <v>11</v>
      </c>
      <c r="Z10414">
        <v>11</v>
      </c>
      <c r="AA10414">
        <v>11</v>
      </c>
      <c r="AB10414">
        <v>11</v>
      </c>
      <c r="AC10414">
        <v>11</v>
      </c>
      <c r="AD10414">
        <v>11</v>
      </c>
      <c r="AE10414">
        <v>11</v>
      </c>
      <c r="AF10414">
        <v>12</v>
      </c>
      <c r="AG10414">
        <v>12</v>
      </c>
      <c r="AH10414">
        <v>12</v>
      </c>
      <c r="AI10414">
        <v>12</v>
      </c>
      <c r="AJ10414">
        <v>12</v>
      </c>
      <c r="AK10414">
        <v>12</v>
      </c>
      <c r="AL10414">
        <v>12</v>
      </c>
      <c r="AM10414">
        <v>12</v>
      </c>
      <c r="AN10414">
        <v>12</v>
      </c>
      <c r="AO10414">
        <v>12</v>
      </c>
      <c r="AP10414">
        <v>12</v>
      </c>
      <c r="AQ10414">
        <v>12</v>
      </c>
    </row>
    <row r="10415" spans="1:43">
      <c r="A10415" t="s">
        <v>6494</v>
      </c>
      <c r="B10415" t="s">
        <v>6495</v>
      </c>
      <c r="C10415" t="s">
        <v>6486</v>
      </c>
      <c r="D10415" t="s">
        <v>6487</v>
      </c>
      <c r="E10415" t="s">
        <v>6174</v>
      </c>
      <c r="F10415" t="s">
        <v>6175</v>
      </c>
      <c r="G10415" t="s">
        <v>80</v>
      </c>
      <c r="H10415" t="s">
        <v>81</v>
      </c>
      <c r="I10415" s="2">
        <v>0</v>
      </c>
      <c r="J10415" s="2">
        <v>1</v>
      </c>
      <c r="K10415" s="2">
        <v>0</v>
      </c>
      <c r="L10415" t="s">
        <v>82</v>
      </c>
      <c r="M10415" t="s">
        <v>87</v>
      </c>
      <c r="N10415" t="s">
        <v>88</v>
      </c>
      <c r="O10415" t="s">
        <v>85</v>
      </c>
      <c r="P10415" t="s">
        <v>86</v>
      </c>
      <c r="Q10415">
        <v>10</v>
      </c>
      <c r="R10415">
        <v>10</v>
      </c>
      <c r="S10415">
        <v>10</v>
      </c>
      <c r="T10415">
        <v>10</v>
      </c>
      <c r="U10415">
        <v>10</v>
      </c>
      <c r="V10415">
        <v>10</v>
      </c>
      <c r="W10415">
        <v>10</v>
      </c>
      <c r="X10415">
        <v>10</v>
      </c>
      <c r="Y10415">
        <v>10</v>
      </c>
      <c r="Z10415">
        <v>10</v>
      </c>
      <c r="AA10415">
        <v>10</v>
      </c>
      <c r="AB10415">
        <v>10</v>
      </c>
      <c r="AC10415">
        <v>10</v>
      </c>
      <c r="AD10415">
        <v>10</v>
      </c>
      <c r="AE10415">
        <v>10</v>
      </c>
      <c r="AF10415">
        <v>10</v>
      </c>
      <c r="AG10415">
        <v>10</v>
      </c>
      <c r="AH10415">
        <v>10</v>
      </c>
      <c r="AI10415">
        <v>10</v>
      </c>
      <c r="AJ10415">
        <v>10</v>
      </c>
      <c r="AK10415">
        <v>10</v>
      </c>
      <c r="AL10415">
        <v>10</v>
      </c>
      <c r="AM10415">
        <v>10</v>
      </c>
      <c r="AN10415">
        <v>10</v>
      </c>
      <c r="AO10415">
        <v>10</v>
      </c>
      <c r="AP10415">
        <v>10</v>
      </c>
      <c r="AQ10415">
        <v>10</v>
      </c>
    </row>
    <row r="10416" spans="1:43">
      <c r="A10416" t="s">
        <v>6494</v>
      </c>
      <c r="B10416" t="s">
        <v>6495</v>
      </c>
      <c r="C10416" t="s">
        <v>6486</v>
      </c>
      <c r="D10416" t="s">
        <v>6487</v>
      </c>
      <c r="E10416" t="s">
        <v>6174</v>
      </c>
      <c r="F10416" t="s">
        <v>6175</v>
      </c>
      <c r="G10416" t="s">
        <v>80</v>
      </c>
      <c r="H10416" t="s">
        <v>81</v>
      </c>
      <c r="I10416" s="2">
        <v>0</v>
      </c>
      <c r="J10416" s="2">
        <v>1</v>
      </c>
      <c r="K10416" s="2">
        <v>0</v>
      </c>
      <c r="L10416" t="s">
        <v>82</v>
      </c>
      <c r="M10416" t="s">
        <v>89</v>
      </c>
      <c r="N10416" t="s">
        <v>90</v>
      </c>
      <c r="O10416" t="s">
        <v>85</v>
      </c>
      <c r="P10416" t="s">
        <v>86</v>
      </c>
      <c r="Q10416">
        <v>10</v>
      </c>
      <c r="R10416">
        <v>10</v>
      </c>
      <c r="S10416">
        <v>10</v>
      </c>
      <c r="T10416">
        <v>11</v>
      </c>
      <c r="U10416">
        <v>11</v>
      </c>
      <c r="V10416">
        <v>11</v>
      </c>
      <c r="W10416">
        <v>11</v>
      </c>
      <c r="X10416">
        <v>11</v>
      </c>
      <c r="Y10416">
        <v>11</v>
      </c>
      <c r="Z10416">
        <v>12</v>
      </c>
      <c r="AA10416">
        <v>12</v>
      </c>
      <c r="AB10416">
        <v>12</v>
      </c>
      <c r="AC10416">
        <v>12</v>
      </c>
      <c r="AD10416">
        <v>12</v>
      </c>
      <c r="AE10416">
        <v>12</v>
      </c>
      <c r="AF10416">
        <v>12</v>
      </c>
      <c r="AG10416">
        <v>12</v>
      </c>
      <c r="AH10416">
        <v>12</v>
      </c>
      <c r="AI10416">
        <v>12</v>
      </c>
      <c r="AJ10416">
        <v>12</v>
      </c>
      <c r="AK10416">
        <v>12</v>
      </c>
      <c r="AL10416">
        <v>12</v>
      </c>
      <c r="AM10416">
        <v>12</v>
      </c>
      <c r="AN10416">
        <v>12</v>
      </c>
      <c r="AO10416">
        <v>12</v>
      </c>
      <c r="AP10416">
        <v>12</v>
      </c>
      <c r="AQ10416">
        <v>12</v>
      </c>
    </row>
    <row r="10417" spans="1:43">
      <c r="A10417" t="s">
        <v>6494</v>
      </c>
      <c r="B10417" t="s">
        <v>6495</v>
      </c>
      <c r="C10417" t="s">
        <v>6486</v>
      </c>
      <c r="D10417" t="s">
        <v>6487</v>
      </c>
      <c r="E10417" t="s">
        <v>6174</v>
      </c>
      <c r="F10417" t="s">
        <v>6175</v>
      </c>
      <c r="G10417" t="s">
        <v>80</v>
      </c>
      <c r="H10417" t="s">
        <v>81</v>
      </c>
      <c r="I10417" s="2">
        <v>0</v>
      </c>
      <c r="J10417" s="2">
        <v>1</v>
      </c>
      <c r="K10417" s="2">
        <v>0</v>
      </c>
      <c r="L10417" t="s">
        <v>82</v>
      </c>
      <c r="M10417" t="s">
        <v>83</v>
      </c>
      <c r="N10417" t="s">
        <v>91</v>
      </c>
      <c r="O10417" t="s">
        <v>85</v>
      </c>
      <c r="P10417" t="s">
        <v>86</v>
      </c>
      <c r="Q10417">
        <v>10</v>
      </c>
      <c r="R10417">
        <v>10</v>
      </c>
      <c r="S10417">
        <v>10</v>
      </c>
      <c r="T10417">
        <v>10</v>
      </c>
      <c r="U10417">
        <v>10</v>
      </c>
      <c r="V10417">
        <v>10</v>
      </c>
      <c r="W10417">
        <v>11</v>
      </c>
      <c r="X10417">
        <v>11</v>
      </c>
      <c r="Y10417">
        <v>11</v>
      </c>
      <c r="Z10417">
        <v>11</v>
      </c>
      <c r="AA10417">
        <v>11</v>
      </c>
      <c r="AB10417">
        <v>11</v>
      </c>
      <c r="AC10417">
        <v>11</v>
      </c>
      <c r="AD10417">
        <v>11</v>
      </c>
      <c r="AE10417">
        <v>11</v>
      </c>
      <c r="AF10417">
        <v>12</v>
      </c>
      <c r="AG10417">
        <v>12</v>
      </c>
      <c r="AH10417">
        <v>12</v>
      </c>
      <c r="AI10417">
        <v>12</v>
      </c>
      <c r="AJ10417">
        <v>12</v>
      </c>
      <c r="AK10417">
        <v>12</v>
      </c>
      <c r="AL10417">
        <v>12</v>
      </c>
      <c r="AM10417">
        <v>12</v>
      </c>
      <c r="AN10417">
        <v>12</v>
      </c>
      <c r="AO10417">
        <v>12</v>
      </c>
      <c r="AP10417">
        <v>12</v>
      </c>
      <c r="AQ10417">
        <v>12</v>
      </c>
    </row>
    <row r="10418" spans="1:43">
      <c r="A10418" t="s">
        <v>6496</v>
      </c>
      <c r="B10418" t="s">
        <v>6497</v>
      </c>
      <c r="C10418" t="s">
        <v>6428</v>
      </c>
      <c r="D10418" t="s">
        <v>6429</v>
      </c>
      <c r="E10418" t="s">
        <v>6174</v>
      </c>
      <c r="F10418" t="s">
        <v>6175</v>
      </c>
      <c r="G10418" t="s">
        <v>80</v>
      </c>
      <c r="H10418" t="s">
        <v>81</v>
      </c>
      <c r="I10418" s="2">
        <v>0</v>
      </c>
      <c r="J10418" s="2">
        <v>1</v>
      </c>
      <c r="K10418" s="2">
        <v>0</v>
      </c>
      <c r="L10418" t="s">
        <v>82</v>
      </c>
      <c r="M10418" t="s">
        <v>83</v>
      </c>
      <c r="N10418" t="s">
        <v>84</v>
      </c>
      <c r="O10418" t="s">
        <v>85</v>
      </c>
      <c r="P10418" t="s">
        <v>86</v>
      </c>
      <c r="Q10418">
        <v>26</v>
      </c>
      <c r="R10418">
        <v>26</v>
      </c>
      <c r="S10418">
        <v>26</v>
      </c>
      <c r="T10418">
        <v>27</v>
      </c>
      <c r="U10418">
        <v>27</v>
      </c>
      <c r="V10418">
        <v>27</v>
      </c>
      <c r="W10418">
        <v>28</v>
      </c>
      <c r="X10418">
        <v>28</v>
      </c>
      <c r="Y10418">
        <v>28</v>
      </c>
      <c r="Z10418">
        <v>28</v>
      </c>
      <c r="AA10418">
        <v>29</v>
      </c>
      <c r="AB10418">
        <v>29</v>
      </c>
      <c r="AC10418">
        <v>29</v>
      </c>
      <c r="AD10418">
        <v>29</v>
      </c>
      <c r="AE10418">
        <v>30</v>
      </c>
      <c r="AF10418">
        <v>30</v>
      </c>
      <c r="AG10418">
        <v>30</v>
      </c>
      <c r="AH10418">
        <v>30</v>
      </c>
      <c r="AI10418">
        <v>31</v>
      </c>
      <c r="AJ10418">
        <v>31</v>
      </c>
      <c r="AK10418">
        <v>31</v>
      </c>
      <c r="AL10418">
        <v>31</v>
      </c>
      <c r="AM10418">
        <v>31</v>
      </c>
      <c r="AN10418">
        <v>31</v>
      </c>
      <c r="AO10418">
        <v>31</v>
      </c>
      <c r="AP10418">
        <v>31</v>
      </c>
      <c r="AQ10418">
        <v>31</v>
      </c>
    </row>
    <row r="10419" spans="1:43">
      <c r="A10419" t="s">
        <v>6496</v>
      </c>
      <c r="B10419" t="s">
        <v>6497</v>
      </c>
      <c r="C10419" t="s">
        <v>6428</v>
      </c>
      <c r="D10419" t="s">
        <v>6429</v>
      </c>
      <c r="E10419" t="s">
        <v>6174</v>
      </c>
      <c r="F10419" t="s">
        <v>6175</v>
      </c>
      <c r="G10419" t="s">
        <v>80</v>
      </c>
      <c r="H10419" t="s">
        <v>81</v>
      </c>
      <c r="I10419" s="2">
        <v>0</v>
      </c>
      <c r="J10419" s="2">
        <v>1</v>
      </c>
      <c r="K10419" s="2">
        <v>0</v>
      </c>
      <c r="L10419" t="s">
        <v>82</v>
      </c>
      <c r="M10419" t="s">
        <v>87</v>
      </c>
      <c r="N10419" t="s">
        <v>88</v>
      </c>
      <c r="O10419" t="s">
        <v>85</v>
      </c>
      <c r="P10419" t="s">
        <v>86</v>
      </c>
      <c r="Q10419">
        <v>26</v>
      </c>
      <c r="R10419">
        <v>27</v>
      </c>
      <c r="S10419">
        <v>27</v>
      </c>
      <c r="T10419">
        <v>27</v>
      </c>
      <c r="U10419">
        <v>27</v>
      </c>
      <c r="V10419">
        <v>27</v>
      </c>
      <c r="W10419">
        <v>27</v>
      </c>
      <c r="X10419">
        <v>27</v>
      </c>
      <c r="Y10419">
        <v>27</v>
      </c>
      <c r="Z10419">
        <v>27</v>
      </c>
      <c r="AA10419">
        <v>27</v>
      </c>
      <c r="AB10419">
        <v>27</v>
      </c>
      <c r="AC10419">
        <v>27</v>
      </c>
      <c r="AD10419">
        <v>27</v>
      </c>
      <c r="AE10419">
        <v>27</v>
      </c>
      <c r="AF10419">
        <v>27</v>
      </c>
      <c r="AG10419">
        <v>27</v>
      </c>
      <c r="AH10419">
        <v>27</v>
      </c>
      <c r="AI10419">
        <v>27</v>
      </c>
      <c r="AJ10419">
        <v>27</v>
      </c>
      <c r="AK10419">
        <v>27</v>
      </c>
      <c r="AL10419">
        <v>28</v>
      </c>
      <c r="AM10419">
        <v>28</v>
      </c>
      <c r="AN10419">
        <v>28</v>
      </c>
      <c r="AO10419">
        <v>28</v>
      </c>
      <c r="AP10419">
        <v>28</v>
      </c>
      <c r="AQ10419">
        <v>28</v>
      </c>
    </row>
    <row r="10420" spans="1:43">
      <c r="A10420" t="s">
        <v>6496</v>
      </c>
      <c r="B10420" t="s">
        <v>6497</v>
      </c>
      <c r="C10420" t="s">
        <v>6428</v>
      </c>
      <c r="D10420" t="s">
        <v>6429</v>
      </c>
      <c r="E10420" t="s">
        <v>6174</v>
      </c>
      <c r="F10420" t="s">
        <v>6175</v>
      </c>
      <c r="G10420" t="s">
        <v>80</v>
      </c>
      <c r="H10420" t="s">
        <v>81</v>
      </c>
      <c r="I10420" s="2">
        <v>0</v>
      </c>
      <c r="J10420" s="2">
        <v>1</v>
      </c>
      <c r="K10420" s="2">
        <v>0</v>
      </c>
      <c r="L10420" t="s">
        <v>82</v>
      </c>
      <c r="M10420" t="s">
        <v>89</v>
      </c>
      <c r="N10420" t="s">
        <v>90</v>
      </c>
      <c r="O10420" t="s">
        <v>85</v>
      </c>
      <c r="P10420" t="s">
        <v>86</v>
      </c>
      <c r="Q10420">
        <v>26</v>
      </c>
      <c r="R10420">
        <v>26</v>
      </c>
      <c r="S10420">
        <v>27</v>
      </c>
      <c r="T10420">
        <v>28</v>
      </c>
      <c r="U10420">
        <v>28</v>
      </c>
      <c r="V10420">
        <v>28</v>
      </c>
      <c r="W10420">
        <v>29</v>
      </c>
      <c r="X10420">
        <v>29</v>
      </c>
      <c r="Y10420">
        <v>30</v>
      </c>
      <c r="Z10420">
        <v>30</v>
      </c>
      <c r="AA10420">
        <v>31</v>
      </c>
      <c r="AB10420">
        <v>31</v>
      </c>
      <c r="AC10420">
        <v>31</v>
      </c>
      <c r="AD10420">
        <v>32</v>
      </c>
      <c r="AE10420">
        <v>32</v>
      </c>
      <c r="AF10420">
        <v>32</v>
      </c>
      <c r="AG10420">
        <v>32</v>
      </c>
      <c r="AH10420">
        <v>32</v>
      </c>
      <c r="AI10420">
        <v>32</v>
      </c>
      <c r="AJ10420">
        <v>31</v>
      </c>
      <c r="AK10420">
        <v>31</v>
      </c>
      <c r="AL10420">
        <v>31</v>
      </c>
      <c r="AM10420">
        <v>31</v>
      </c>
      <c r="AN10420">
        <v>31</v>
      </c>
      <c r="AO10420">
        <v>31</v>
      </c>
      <c r="AP10420">
        <v>31</v>
      </c>
      <c r="AQ10420">
        <v>31</v>
      </c>
    </row>
    <row r="10421" spans="1:43">
      <c r="A10421" t="s">
        <v>6496</v>
      </c>
      <c r="B10421" t="s">
        <v>6497</v>
      </c>
      <c r="C10421" t="s">
        <v>6428</v>
      </c>
      <c r="D10421" t="s">
        <v>6429</v>
      </c>
      <c r="E10421" t="s">
        <v>6174</v>
      </c>
      <c r="F10421" t="s">
        <v>6175</v>
      </c>
      <c r="G10421" t="s">
        <v>80</v>
      </c>
      <c r="H10421" t="s">
        <v>81</v>
      </c>
      <c r="I10421" s="2">
        <v>0</v>
      </c>
      <c r="J10421" s="2">
        <v>1</v>
      </c>
      <c r="K10421" s="2">
        <v>0</v>
      </c>
      <c r="L10421" t="s">
        <v>82</v>
      </c>
      <c r="M10421" t="s">
        <v>83</v>
      </c>
      <c r="N10421" t="s">
        <v>91</v>
      </c>
      <c r="O10421" t="s">
        <v>85</v>
      </c>
      <c r="P10421" t="s">
        <v>86</v>
      </c>
      <c r="Q10421">
        <v>26</v>
      </c>
      <c r="R10421">
        <v>26</v>
      </c>
      <c r="S10421">
        <v>26</v>
      </c>
      <c r="T10421">
        <v>27</v>
      </c>
      <c r="U10421">
        <v>27</v>
      </c>
      <c r="V10421">
        <v>27</v>
      </c>
      <c r="W10421">
        <v>28</v>
      </c>
      <c r="X10421">
        <v>28</v>
      </c>
      <c r="Y10421">
        <v>28</v>
      </c>
      <c r="Z10421">
        <v>28</v>
      </c>
      <c r="AA10421">
        <v>29</v>
      </c>
      <c r="AB10421">
        <v>29</v>
      </c>
      <c r="AC10421">
        <v>29</v>
      </c>
      <c r="AD10421">
        <v>29</v>
      </c>
      <c r="AE10421">
        <v>30</v>
      </c>
      <c r="AF10421">
        <v>30</v>
      </c>
      <c r="AG10421">
        <v>30</v>
      </c>
      <c r="AH10421">
        <v>30</v>
      </c>
      <c r="AI10421">
        <v>31</v>
      </c>
      <c r="AJ10421">
        <v>31</v>
      </c>
      <c r="AK10421">
        <v>31</v>
      </c>
      <c r="AL10421">
        <v>31</v>
      </c>
      <c r="AM10421">
        <v>31</v>
      </c>
      <c r="AN10421">
        <v>31</v>
      </c>
      <c r="AO10421">
        <v>31</v>
      </c>
      <c r="AP10421">
        <v>31</v>
      </c>
      <c r="AQ10421">
        <v>31</v>
      </c>
    </row>
    <row r="10422" spans="1:43">
      <c r="A10422" t="s">
        <v>6498</v>
      </c>
      <c r="B10422" t="s">
        <v>6499</v>
      </c>
      <c r="C10422" t="s">
        <v>6428</v>
      </c>
      <c r="D10422" t="s">
        <v>6429</v>
      </c>
      <c r="E10422" t="s">
        <v>6174</v>
      </c>
      <c r="F10422" t="s">
        <v>6175</v>
      </c>
      <c r="G10422" t="s">
        <v>80</v>
      </c>
      <c r="H10422" t="s">
        <v>81</v>
      </c>
      <c r="I10422" s="2">
        <v>0</v>
      </c>
      <c r="J10422" s="2">
        <v>1</v>
      </c>
      <c r="K10422" s="2">
        <v>0</v>
      </c>
      <c r="L10422" t="s">
        <v>82</v>
      </c>
      <c r="M10422" t="s">
        <v>83</v>
      </c>
      <c r="N10422" t="s">
        <v>84</v>
      </c>
      <c r="O10422" t="s">
        <v>85</v>
      </c>
      <c r="P10422" t="s">
        <v>86</v>
      </c>
      <c r="Q10422">
        <v>72</v>
      </c>
      <c r="R10422">
        <v>73</v>
      </c>
      <c r="S10422">
        <v>74</v>
      </c>
      <c r="T10422">
        <v>75</v>
      </c>
      <c r="U10422">
        <v>75</v>
      </c>
      <c r="V10422">
        <v>76</v>
      </c>
      <c r="W10422">
        <v>77</v>
      </c>
      <c r="X10422">
        <v>78</v>
      </c>
      <c r="Y10422">
        <v>79</v>
      </c>
      <c r="Z10422">
        <v>80</v>
      </c>
      <c r="AA10422">
        <v>80</v>
      </c>
      <c r="AB10422">
        <v>81</v>
      </c>
      <c r="AC10422">
        <v>82</v>
      </c>
      <c r="AD10422">
        <v>83</v>
      </c>
      <c r="AE10422">
        <v>83</v>
      </c>
      <c r="AF10422">
        <v>84</v>
      </c>
      <c r="AG10422">
        <v>85</v>
      </c>
      <c r="AH10422">
        <v>85</v>
      </c>
      <c r="AI10422">
        <v>86</v>
      </c>
      <c r="AJ10422">
        <v>87</v>
      </c>
      <c r="AK10422">
        <v>87</v>
      </c>
      <c r="AL10422">
        <v>87</v>
      </c>
      <c r="AM10422">
        <v>87</v>
      </c>
      <c r="AN10422">
        <v>87</v>
      </c>
      <c r="AO10422">
        <v>87</v>
      </c>
      <c r="AP10422">
        <v>87</v>
      </c>
      <c r="AQ10422">
        <v>87</v>
      </c>
    </row>
    <row r="10423" spans="1:43">
      <c r="A10423" t="s">
        <v>6498</v>
      </c>
      <c r="B10423" t="s">
        <v>6499</v>
      </c>
      <c r="C10423" t="s">
        <v>6428</v>
      </c>
      <c r="D10423" t="s">
        <v>6429</v>
      </c>
      <c r="E10423" t="s">
        <v>6174</v>
      </c>
      <c r="F10423" t="s">
        <v>6175</v>
      </c>
      <c r="G10423" t="s">
        <v>80</v>
      </c>
      <c r="H10423" t="s">
        <v>81</v>
      </c>
      <c r="I10423" s="2">
        <v>0</v>
      </c>
      <c r="J10423" s="2">
        <v>1</v>
      </c>
      <c r="K10423" s="2">
        <v>0</v>
      </c>
      <c r="L10423" t="s">
        <v>82</v>
      </c>
      <c r="M10423" t="s">
        <v>87</v>
      </c>
      <c r="N10423" t="s">
        <v>88</v>
      </c>
      <c r="O10423" t="s">
        <v>85</v>
      </c>
      <c r="P10423" t="s">
        <v>86</v>
      </c>
      <c r="Q10423">
        <v>72</v>
      </c>
      <c r="R10423">
        <v>73</v>
      </c>
      <c r="S10423">
        <v>73</v>
      </c>
      <c r="T10423">
        <v>73</v>
      </c>
      <c r="U10423">
        <v>73</v>
      </c>
      <c r="V10423">
        <v>73</v>
      </c>
      <c r="W10423">
        <v>73</v>
      </c>
      <c r="X10423">
        <v>74</v>
      </c>
      <c r="Y10423">
        <v>74</v>
      </c>
      <c r="Z10423">
        <v>74</v>
      </c>
      <c r="AA10423">
        <v>74</v>
      </c>
      <c r="AB10423">
        <v>74</v>
      </c>
      <c r="AC10423">
        <v>75</v>
      </c>
      <c r="AD10423">
        <v>75</v>
      </c>
      <c r="AE10423">
        <v>75</v>
      </c>
      <c r="AF10423">
        <v>75</v>
      </c>
      <c r="AG10423">
        <v>75</v>
      </c>
      <c r="AH10423">
        <v>75</v>
      </c>
      <c r="AI10423">
        <v>75</v>
      </c>
      <c r="AJ10423">
        <v>75</v>
      </c>
      <c r="AK10423">
        <v>76</v>
      </c>
      <c r="AL10423">
        <v>76</v>
      </c>
      <c r="AM10423">
        <v>76</v>
      </c>
      <c r="AN10423">
        <v>76</v>
      </c>
      <c r="AO10423">
        <v>76</v>
      </c>
      <c r="AP10423">
        <v>76</v>
      </c>
      <c r="AQ10423">
        <v>76</v>
      </c>
    </row>
    <row r="10424" spans="1:43">
      <c r="A10424" t="s">
        <v>6498</v>
      </c>
      <c r="B10424" t="s">
        <v>6499</v>
      </c>
      <c r="C10424" t="s">
        <v>6428</v>
      </c>
      <c r="D10424" t="s">
        <v>6429</v>
      </c>
      <c r="E10424" t="s">
        <v>6174</v>
      </c>
      <c r="F10424" t="s">
        <v>6175</v>
      </c>
      <c r="G10424" t="s">
        <v>80</v>
      </c>
      <c r="H10424" t="s">
        <v>81</v>
      </c>
      <c r="I10424" s="2">
        <v>0</v>
      </c>
      <c r="J10424" s="2">
        <v>1</v>
      </c>
      <c r="K10424" s="2">
        <v>0</v>
      </c>
      <c r="L10424" t="s">
        <v>82</v>
      </c>
      <c r="M10424" t="s">
        <v>89</v>
      </c>
      <c r="N10424" t="s">
        <v>90</v>
      </c>
      <c r="O10424" t="s">
        <v>85</v>
      </c>
      <c r="P10424" t="s">
        <v>86</v>
      </c>
      <c r="Q10424">
        <v>72</v>
      </c>
      <c r="R10424">
        <v>73</v>
      </c>
      <c r="S10424">
        <v>75</v>
      </c>
      <c r="T10424">
        <v>76</v>
      </c>
      <c r="U10424">
        <v>77</v>
      </c>
      <c r="V10424">
        <v>79</v>
      </c>
      <c r="W10424">
        <v>80</v>
      </c>
      <c r="X10424">
        <v>81</v>
      </c>
      <c r="Y10424">
        <v>82</v>
      </c>
      <c r="Z10424">
        <v>84</v>
      </c>
      <c r="AA10424">
        <v>85</v>
      </c>
      <c r="AB10424">
        <v>86</v>
      </c>
      <c r="AC10424">
        <v>87</v>
      </c>
      <c r="AD10424">
        <v>88</v>
      </c>
      <c r="AE10424">
        <v>88</v>
      </c>
      <c r="AF10424">
        <v>88</v>
      </c>
      <c r="AG10424">
        <v>88</v>
      </c>
      <c r="AH10424">
        <v>88</v>
      </c>
      <c r="AI10424">
        <v>88</v>
      </c>
      <c r="AJ10424">
        <v>88</v>
      </c>
      <c r="AK10424">
        <v>87</v>
      </c>
      <c r="AL10424">
        <v>87</v>
      </c>
      <c r="AM10424">
        <v>87</v>
      </c>
      <c r="AN10424">
        <v>87</v>
      </c>
      <c r="AO10424">
        <v>87</v>
      </c>
      <c r="AP10424">
        <v>87</v>
      </c>
      <c r="AQ10424">
        <v>86</v>
      </c>
    </row>
    <row r="10425" spans="1:43">
      <c r="A10425" t="s">
        <v>6498</v>
      </c>
      <c r="B10425" t="s">
        <v>6499</v>
      </c>
      <c r="C10425" t="s">
        <v>6428</v>
      </c>
      <c r="D10425" t="s">
        <v>6429</v>
      </c>
      <c r="E10425" t="s">
        <v>6174</v>
      </c>
      <c r="F10425" t="s">
        <v>6175</v>
      </c>
      <c r="G10425" t="s">
        <v>80</v>
      </c>
      <c r="H10425" t="s">
        <v>81</v>
      </c>
      <c r="I10425" s="2">
        <v>0</v>
      </c>
      <c r="J10425" s="2">
        <v>1</v>
      </c>
      <c r="K10425" s="2">
        <v>0</v>
      </c>
      <c r="L10425" t="s">
        <v>82</v>
      </c>
      <c r="M10425" t="s">
        <v>83</v>
      </c>
      <c r="N10425" t="s">
        <v>91</v>
      </c>
      <c r="O10425" t="s">
        <v>85</v>
      </c>
      <c r="P10425" t="s">
        <v>86</v>
      </c>
      <c r="Q10425">
        <v>72</v>
      </c>
      <c r="R10425">
        <v>73</v>
      </c>
      <c r="S10425">
        <v>74</v>
      </c>
      <c r="T10425">
        <v>75</v>
      </c>
      <c r="U10425">
        <v>75</v>
      </c>
      <c r="V10425">
        <v>76</v>
      </c>
      <c r="W10425">
        <v>77</v>
      </c>
      <c r="X10425">
        <v>78</v>
      </c>
      <c r="Y10425">
        <v>79</v>
      </c>
      <c r="Z10425">
        <v>80</v>
      </c>
      <c r="AA10425">
        <v>80</v>
      </c>
      <c r="AB10425">
        <v>81</v>
      </c>
      <c r="AC10425">
        <v>82</v>
      </c>
      <c r="AD10425">
        <v>83</v>
      </c>
      <c r="AE10425">
        <v>83</v>
      </c>
      <c r="AF10425">
        <v>84</v>
      </c>
      <c r="AG10425">
        <v>85</v>
      </c>
      <c r="AH10425">
        <v>85</v>
      </c>
      <c r="AI10425">
        <v>86</v>
      </c>
      <c r="AJ10425">
        <v>87</v>
      </c>
      <c r="AK10425">
        <v>87</v>
      </c>
      <c r="AL10425">
        <v>87</v>
      </c>
      <c r="AM10425">
        <v>87</v>
      </c>
      <c r="AN10425">
        <v>87</v>
      </c>
      <c r="AO10425">
        <v>87</v>
      </c>
      <c r="AP10425">
        <v>87</v>
      </c>
      <c r="AQ10425">
        <v>87</v>
      </c>
    </row>
    <row r="10426" spans="1:43">
      <c r="A10426" t="s">
        <v>6500</v>
      </c>
      <c r="B10426" t="s">
        <v>6501</v>
      </c>
      <c r="C10426" t="s">
        <v>6486</v>
      </c>
      <c r="D10426" t="s">
        <v>6487</v>
      </c>
      <c r="E10426" t="s">
        <v>6174</v>
      </c>
      <c r="F10426" t="s">
        <v>6175</v>
      </c>
      <c r="G10426" t="s">
        <v>80</v>
      </c>
      <c r="H10426" t="s">
        <v>81</v>
      </c>
      <c r="I10426" s="2">
        <v>0</v>
      </c>
      <c r="J10426" s="2">
        <v>1</v>
      </c>
      <c r="K10426" s="2">
        <v>0</v>
      </c>
      <c r="L10426" t="s">
        <v>82</v>
      </c>
      <c r="M10426" t="s">
        <v>83</v>
      </c>
      <c r="N10426" t="s">
        <v>84</v>
      </c>
      <c r="O10426" t="s">
        <v>85</v>
      </c>
      <c r="P10426" t="s">
        <v>86</v>
      </c>
      <c r="Q10426">
        <v>6</v>
      </c>
      <c r="R10426">
        <v>6</v>
      </c>
      <c r="S10426">
        <v>6</v>
      </c>
      <c r="T10426">
        <v>6</v>
      </c>
      <c r="U10426">
        <v>6</v>
      </c>
      <c r="V10426">
        <v>6</v>
      </c>
      <c r="W10426">
        <v>6</v>
      </c>
      <c r="X10426">
        <v>6</v>
      </c>
      <c r="Y10426">
        <v>6</v>
      </c>
      <c r="Z10426">
        <v>6</v>
      </c>
      <c r="AA10426">
        <v>6</v>
      </c>
      <c r="AB10426">
        <v>6</v>
      </c>
      <c r="AC10426">
        <v>6</v>
      </c>
      <c r="AD10426">
        <v>6</v>
      </c>
      <c r="AE10426">
        <v>7</v>
      </c>
      <c r="AF10426">
        <v>7</v>
      </c>
      <c r="AG10426">
        <v>7</v>
      </c>
      <c r="AH10426">
        <v>7</v>
      </c>
      <c r="AI10426">
        <v>7</v>
      </c>
      <c r="AJ10426">
        <v>7</v>
      </c>
      <c r="AK10426">
        <v>7</v>
      </c>
      <c r="AL10426">
        <v>7</v>
      </c>
      <c r="AM10426">
        <v>7</v>
      </c>
      <c r="AN10426">
        <v>7</v>
      </c>
      <c r="AO10426">
        <v>7</v>
      </c>
      <c r="AP10426">
        <v>7</v>
      </c>
      <c r="AQ10426">
        <v>7</v>
      </c>
    </row>
    <row r="10427" spans="1:43">
      <c r="A10427" t="s">
        <v>6500</v>
      </c>
      <c r="B10427" t="s">
        <v>6501</v>
      </c>
      <c r="C10427" t="s">
        <v>6486</v>
      </c>
      <c r="D10427" t="s">
        <v>6487</v>
      </c>
      <c r="E10427" t="s">
        <v>6174</v>
      </c>
      <c r="F10427" t="s">
        <v>6175</v>
      </c>
      <c r="G10427" t="s">
        <v>80</v>
      </c>
      <c r="H10427" t="s">
        <v>81</v>
      </c>
      <c r="I10427" s="2">
        <v>0</v>
      </c>
      <c r="J10427" s="2">
        <v>1</v>
      </c>
      <c r="K10427" s="2">
        <v>0</v>
      </c>
      <c r="L10427" t="s">
        <v>82</v>
      </c>
      <c r="M10427" t="s">
        <v>87</v>
      </c>
      <c r="N10427" t="s">
        <v>88</v>
      </c>
      <c r="O10427" t="s">
        <v>85</v>
      </c>
      <c r="P10427" t="s">
        <v>86</v>
      </c>
      <c r="Q10427">
        <v>6</v>
      </c>
      <c r="R10427">
        <v>6</v>
      </c>
      <c r="S10427">
        <v>6</v>
      </c>
      <c r="T10427">
        <v>6</v>
      </c>
      <c r="U10427">
        <v>6</v>
      </c>
      <c r="V10427">
        <v>6</v>
      </c>
      <c r="W10427">
        <v>6</v>
      </c>
      <c r="X10427">
        <v>6</v>
      </c>
      <c r="Y10427">
        <v>6</v>
      </c>
      <c r="Z10427">
        <v>6</v>
      </c>
      <c r="AA10427">
        <v>6</v>
      </c>
      <c r="AB10427">
        <v>6</v>
      </c>
      <c r="AC10427">
        <v>6</v>
      </c>
      <c r="AD10427">
        <v>6</v>
      </c>
      <c r="AE10427">
        <v>6</v>
      </c>
      <c r="AF10427">
        <v>6</v>
      </c>
      <c r="AG10427">
        <v>6</v>
      </c>
      <c r="AH10427">
        <v>6</v>
      </c>
      <c r="AI10427">
        <v>6</v>
      </c>
      <c r="AJ10427">
        <v>6</v>
      </c>
      <c r="AK10427">
        <v>6</v>
      </c>
      <c r="AL10427">
        <v>6</v>
      </c>
      <c r="AM10427">
        <v>6</v>
      </c>
      <c r="AN10427">
        <v>6</v>
      </c>
      <c r="AO10427">
        <v>6</v>
      </c>
      <c r="AP10427">
        <v>6</v>
      </c>
      <c r="AQ10427">
        <v>6</v>
      </c>
    </row>
    <row r="10428" spans="1:43">
      <c r="A10428" t="s">
        <v>6500</v>
      </c>
      <c r="B10428" t="s">
        <v>6501</v>
      </c>
      <c r="C10428" t="s">
        <v>6486</v>
      </c>
      <c r="D10428" t="s">
        <v>6487</v>
      </c>
      <c r="E10428" t="s">
        <v>6174</v>
      </c>
      <c r="F10428" t="s">
        <v>6175</v>
      </c>
      <c r="G10428" t="s">
        <v>80</v>
      </c>
      <c r="H10428" t="s">
        <v>81</v>
      </c>
      <c r="I10428" s="2">
        <v>0</v>
      </c>
      <c r="J10428" s="2">
        <v>1</v>
      </c>
      <c r="K10428" s="2">
        <v>0</v>
      </c>
      <c r="L10428" t="s">
        <v>82</v>
      </c>
      <c r="M10428" t="s">
        <v>89</v>
      </c>
      <c r="N10428" t="s">
        <v>90</v>
      </c>
      <c r="O10428" t="s">
        <v>85</v>
      </c>
      <c r="P10428" t="s">
        <v>86</v>
      </c>
      <c r="Q10428">
        <v>6</v>
      </c>
      <c r="R10428">
        <v>6</v>
      </c>
      <c r="S10428">
        <v>6</v>
      </c>
      <c r="T10428">
        <v>6</v>
      </c>
      <c r="U10428">
        <v>6</v>
      </c>
      <c r="V10428">
        <v>6</v>
      </c>
      <c r="W10428">
        <v>6</v>
      </c>
      <c r="X10428">
        <v>6</v>
      </c>
      <c r="Y10428">
        <v>7</v>
      </c>
      <c r="Z10428">
        <v>7</v>
      </c>
      <c r="AA10428">
        <v>7</v>
      </c>
      <c r="AB10428">
        <v>7</v>
      </c>
      <c r="AC10428">
        <v>7</v>
      </c>
      <c r="AD10428">
        <v>7</v>
      </c>
      <c r="AE10428">
        <v>7</v>
      </c>
      <c r="AF10428">
        <v>7</v>
      </c>
      <c r="AG10428">
        <v>7</v>
      </c>
      <c r="AH10428">
        <v>7</v>
      </c>
      <c r="AI10428">
        <v>7</v>
      </c>
      <c r="AJ10428">
        <v>7</v>
      </c>
      <c r="AK10428">
        <v>7</v>
      </c>
      <c r="AL10428">
        <v>7</v>
      </c>
      <c r="AM10428">
        <v>7</v>
      </c>
      <c r="AN10428">
        <v>7</v>
      </c>
      <c r="AO10428">
        <v>7</v>
      </c>
      <c r="AP10428">
        <v>7</v>
      </c>
      <c r="AQ10428">
        <v>7</v>
      </c>
    </row>
    <row r="10429" spans="1:43">
      <c r="A10429" t="s">
        <v>6500</v>
      </c>
      <c r="B10429" t="s">
        <v>6501</v>
      </c>
      <c r="C10429" t="s">
        <v>6486</v>
      </c>
      <c r="D10429" t="s">
        <v>6487</v>
      </c>
      <c r="E10429" t="s">
        <v>6174</v>
      </c>
      <c r="F10429" t="s">
        <v>6175</v>
      </c>
      <c r="G10429" t="s">
        <v>80</v>
      </c>
      <c r="H10429" t="s">
        <v>81</v>
      </c>
      <c r="I10429" s="2">
        <v>0</v>
      </c>
      <c r="J10429" s="2">
        <v>1</v>
      </c>
      <c r="K10429" s="2">
        <v>0</v>
      </c>
      <c r="L10429" t="s">
        <v>82</v>
      </c>
      <c r="M10429" t="s">
        <v>83</v>
      </c>
      <c r="N10429" t="s">
        <v>91</v>
      </c>
      <c r="O10429" t="s">
        <v>85</v>
      </c>
      <c r="P10429" t="s">
        <v>86</v>
      </c>
      <c r="Q10429">
        <v>6</v>
      </c>
      <c r="R10429">
        <v>6</v>
      </c>
      <c r="S10429">
        <v>6</v>
      </c>
      <c r="T10429">
        <v>6</v>
      </c>
      <c r="U10429">
        <v>6</v>
      </c>
      <c r="V10429">
        <v>6</v>
      </c>
      <c r="W10429">
        <v>6</v>
      </c>
      <c r="X10429">
        <v>6</v>
      </c>
      <c r="Y10429">
        <v>6</v>
      </c>
      <c r="Z10429">
        <v>6</v>
      </c>
      <c r="AA10429">
        <v>6</v>
      </c>
      <c r="AB10429">
        <v>6</v>
      </c>
      <c r="AC10429">
        <v>6</v>
      </c>
      <c r="AD10429">
        <v>6</v>
      </c>
      <c r="AE10429">
        <v>7</v>
      </c>
      <c r="AF10429">
        <v>7</v>
      </c>
      <c r="AG10429">
        <v>7</v>
      </c>
      <c r="AH10429">
        <v>7</v>
      </c>
      <c r="AI10429">
        <v>7</v>
      </c>
      <c r="AJ10429">
        <v>7</v>
      </c>
      <c r="AK10429">
        <v>7</v>
      </c>
      <c r="AL10429">
        <v>7</v>
      </c>
      <c r="AM10429">
        <v>7</v>
      </c>
      <c r="AN10429">
        <v>7</v>
      </c>
      <c r="AO10429">
        <v>7</v>
      </c>
      <c r="AP10429">
        <v>7</v>
      </c>
      <c r="AQ10429">
        <v>7</v>
      </c>
    </row>
    <row r="10430" spans="1:43">
      <c r="A10430" t="s">
        <v>6502</v>
      </c>
      <c r="B10430" t="s">
        <v>6503</v>
      </c>
      <c r="C10430" t="s">
        <v>6428</v>
      </c>
      <c r="D10430" t="s">
        <v>6429</v>
      </c>
      <c r="E10430" t="s">
        <v>6174</v>
      </c>
      <c r="F10430" t="s">
        <v>6175</v>
      </c>
      <c r="G10430" t="s">
        <v>80</v>
      </c>
      <c r="H10430" t="s">
        <v>81</v>
      </c>
      <c r="I10430" s="2">
        <v>0</v>
      </c>
      <c r="J10430" s="2">
        <v>1</v>
      </c>
      <c r="K10430" s="2">
        <v>0</v>
      </c>
      <c r="L10430" t="s">
        <v>82</v>
      </c>
      <c r="M10430" t="s">
        <v>83</v>
      </c>
      <c r="N10430" t="s">
        <v>84</v>
      </c>
      <c r="O10430" t="s">
        <v>85</v>
      </c>
      <c r="P10430" t="s">
        <v>86</v>
      </c>
      <c r="Q10430">
        <v>37</v>
      </c>
      <c r="R10430">
        <v>37</v>
      </c>
      <c r="S10430">
        <v>38</v>
      </c>
      <c r="T10430">
        <v>38</v>
      </c>
      <c r="U10430">
        <v>39</v>
      </c>
      <c r="V10430">
        <v>39</v>
      </c>
      <c r="W10430">
        <v>40</v>
      </c>
      <c r="X10430">
        <v>40</v>
      </c>
      <c r="Y10430">
        <v>40</v>
      </c>
      <c r="Z10430">
        <v>41</v>
      </c>
      <c r="AA10430">
        <v>41</v>
      </c>
      <c r="AB10430">
        <v>42</v>
      </c>
      <c r="AC10430">
        <v>42</v>
      </c>
      <c r="AD10430">
        <v>42</v>
      </c>
      <c r="AE10430">
        <v>43</v>
      </c>
      <c r="AF10430">
        <v>43</v>
      </c>
      <c r="AG10430">
        <v>43</v>
      </c>
      <c r="AH10430">
        <v>44</v>
      </c>
      <c r="AI10430">
        <v>44</v>
      </c>
      <c r="AJ10430">
        <v>44</v>
      </c>
      <c r="AK10430">
        <v>45</v>
      </c>
      <c r="AL10430">
        <v>45</v>
      </c>
      <c r="AM10430">
        <v>45</v>
      </c>
      <c r="AN10430">
        <v>45</v>
      </c>
      <c r="AO10430">
        <v>44</v>
      </c>
      <c r="AP10430">
        <v>44</v>
      </c>
      <c r="AQ10430">
        <v>44</v>
      </c>
    </row>
    <row r="10431" spans="1:43">
      <c r="A10431" t="s">
        <v>6502</v>
      </c>
      <c r="B10431" t="s">
        <v>6503</v>
      </c>
      <c r="C10431" t="s">
        <v>6428</v>
      </c>
      <c r="D10431" t="s">
        <v>6429</v>
      </c>
      <c r="E10431" t="s">
        <v>6174</v>
      </c>
      <c r="F10431" t="s">
        <v>6175</v>
      </c>
      <c r="G10431" t="s">
        <v>80</v>
      </c>
      <c r="H10431" t="s">
        <v>81</v>
      </c>
      <c r="I10431" s="2">
        <v>0</v>
      </c>
      <c r="J10431" s="2">
        <v>1</v>
      </c>
      <c r="K10431" s="2">
        <v>0</v>
      </c>
      <c r="L10431" t="s">
        <v>82</v>
      </c>
      <c r="M10431" t="s">
        <v>87</v>
      </c>
      <c r="N10431" t="s">
        <v>88</v>
      </c>
      <c r="O10431" t="s">
        <v>85</v>
      </c>
      <c r="P10431" t="s">
        <v>86</v>
      </c>
      <c r="Q10431">
        <v>37</v>
      </c>
      <c r="R10431">
        <v>37</v>
      </c>
      <c r="S10431">
        <v>37</v>
      </c>
      <c r="T10431">
        <v>37</v>
      </c>
      <c r="U10431">
        <v>37</v>
      </c>
      <c r="V10431">
        <v>37</v>
      </c>
      <c r="W10431">
        <v>37</v>
      </c>
      <c r="X10431">
        <v>37</v>
      </c>
      <c r="Y10431">
        <v>37</v>
      </c>
      <c r="Z10431">
        <v>37</v>
      </c>
      <c r="AA10431">
        <v>37</v>
      </c>
      <c r="AB10431">
        <v>38</v>
      </c>
      <c r="AC10431">
        <v>38</v>
      </c>
      <c r="AD10431">
        <v>38</v>
      </c>
      <c r="AE10431">
        <v>38</v>
      </c>
      <c r="AF10431">
        <v>38</v>
      </c>
      <c r="AG10431">
        <v>38</v>
      </c>
      <c r="AH10431">
        <v>38</v>
      </c>
      <c r="AI10431">
        <v>38</v>
      </c>
      <c r="AJ10431">
        <v>38</v>
      </c>
      <c r="AK10431">
        <v>38</v>
      </c>
      <c r="AL10431">
        <v>38</v>
      </c>
      <c r="AM10431">
        <v>38</v>
      </c>
      <c r="AN10431">
        <v>38</v>
      </c>
      <c r="AO10431">
        <v>38</v>
      </c>
      <c r="AP10431">
        <v>38</v>
      </c>
      <c r="AQ10431">
        <v>38</v>
      </c>
    </row>
    <row r="10432" spans="1:43">
      <c r="A10432" t="s">
        <v>6502</v>
      </c>
      <c r="B10432" t="s">
        <v>6503</v>
      </c>
      <c r="C10432" t="s">
        <v>6428</v>
      </c>
      <c r="D10432" t="s">
        <v>6429</v>
      </c>
      <c r="E10432" t="s">
        <v>6174</v>
      </c>
      <c r="F10432" t="s">
        <v>6175</v>
      </c>
      <c r="G10432" t="s">
        <v>80</v>
      </c>
      <c r="H10432" t="s">
        <v>81</v>
      </c>
      <c r="I10432" s="2">
        <v>0</v>
      </c>
      <c r="J10432" s="2">
        <v>1</v>
      </c>
      <c r="K10432" s="2">
        <v>0</v>
      </c>
      <c r="L10432" t="s">
        <v>82</v>
      </c>
      <c r="M10432" t="s">
        <v>89</v>
      </c>
      <c r="N10432" t="s">
        <v>90</v>
      </c>
      <c r="O10432" t="s">
        <v>85</v>
      </c>
      <c r="P10432" t="s">
        <v>86</v>
      </c>
      <c r="Q10432">
        <v>37</v>
      </c>
      <c r="R10432">
        <v>38</v>
      </c>
      <c r="S10432">
        <v>39</v>
      </c>
      <c r="T10432">
        <v>39</v>
      </c>
      <c r="U10432">
        <v>40</v>
      </c>
      <c r="V10432">
        <v>41</v>
      </c>
      <c r="W10432">
        <v>42</v>
      </c>
      <c r="X10432">
        <v>42</v>
      </c>
      <c r="Y10432">
        <v>43</v>
      </c>
      <c r="Z10432">
        <v>43</v>
      </c>
      <c r="AA10432">
        <v>44</v>
      </c>
      <c r="AB10432">
        <v>44</v>
      </c>
      <c r="AC10432">
        <v>45</v>
      </c>
      <c r="AD10432">
        <v>45</v>
      </c>
      <c r="AE10432">
        <v>46</v>
      </c>
      <c r="AF10432">
        <v>46</v>
      </c>
      <c r="AG10432">
        <v>46</v>
      </c>
      <c r="AH10432">
        <v>45</v>
      </c>
      <c r="AI10432">
        <v>45</v>
      </c>
      <c r="AJ10432">
        <v>45</v>
      </c>
      <c r="AK10432">
        <v>45</v>
      </c>
      <c r="AL10432">
        <v>45</v>
      </c>
      <c r="AM10432">
        <v>45</v>
      </c>
      <c r="AN10432">
        <v>45</v>
      </c>
      <c r="AO10432">
        <v>45</v>
      </c>
      <c r="AP10432">
        <v>45</v>
      </c>
      <c r="AQ10432">
        <v>45</v>
      </c>
    </row>
    <row r="10433" spans="1:43">
      <c r="A10433" t="s">
        <v>6502</v>
      </c>
      <c r="B10433" t="s">
        <v>6503</v>
      </c>
      <c r="C10433" t="s">
        <v>6428</v>
      </c>
      <c r="D10433" t="s">
        <v>6429</v>
      </c>
      <c r="E10433" t="s">
        <v>6174</v>
      </c>
      <c r="F10433" t="s">
        <v>6175</v>
      </c>
      <c r="G10433" t="s">
        <v>80</v>
      </c>
      <c r="H10433" t="s">
        <v>81</v>
      </c>
      <c r="I10433" s="2">
        <v>0</v>
      </c>
      <c r="J10433" s="2">
        <v>1</v>
      </c>
      <c r="K10433" s="2">
        <v>0</v>
      </c>
      <c r="L10433" t="s">
        <v>82</v>
      </c>
      <c r="M10433" t="s">
        <v>83</v>
      </c>
      <c r="N10433" t="s">
        <v>91</v>
      </c>
      <c r="O10433" t="s">
        <v>85</v>
      </c>
      <c r="P10433" t="s">
        <v>86</v>
      </c>
      <c r="Q10433">
        <v>37</v>
      </c>
      <c r="R10433">
        <v>37</v>
      </c>
      <c r="S10433">
        <v>38</v>
      </c>
      <c r="T10433">
        <v>38</v>
      </c>
      <c r="U10433">
        <v>39</v>
      </c>
      <c r="V10433">
        <v>39</v>
      </c>
      <c r="W10433">
        <v>40</v>
      </c>
      <c r="X10433">
        <v>40</v>
      </c>
      <c r="Y10433">
        <v>40</v>
      </c>
      <c r="Z10433">
        <v>41</v>
      </c>
      <c r="AA10433">
        <v>41</v>
      </c>
      <c r="AB10433">
        <v>42</v>
      </c>
      <c r="AC10433">
        <v>42</v>
      </c>
      <c r="AD10433">
        <v>42</v>
      </c>
      <c r="AE10433">
        <v>43</v>
      </c>
      <c r="AF10433">
        <v>43</v>
      </c>
      <c r="AG10433">
        <v>43</v>
      </c>
      <c r="AH10433">
        <v>44</v>
      </c>
      <c r="AI10433">
        <v>44</v>
      </c>
      <c r="AJ10433">
        <v>44</v>
      </c>
      <c r="AK10433">
        <v>45</v>
      </c>
      <c r="AL10433">
        <v>45</v>
      </c>
      <c r="AM10433">
        <v>45</v>
      </c>
      <c r="AN10433">
        <v>45</v>
      </c>
      <c r="AO10433">
        <v>44</v>
      </c>
      <c r="AP10433">
        <v>44</v>
      </c>
      <c r="AQ10433">
        <v>44</v>
      </c>
    </row>
    <row r="10434" spans="1:43">
      <c r="A10434" t="s">
        <v>6504</v>
      </c>
      <c r="B10434" t="s">
        <v>6505</v>
      </c>
      <c r="C10434" t="s">
        <v>6422</v>
      </c>
      <c r="D10434" t="s">
        <v>6423</v>
      </c>
      <c r="E10434" t="s">
        <v>6174</v>
      </c>
      <c r="F10434" t="s">
        <v>6175</v>
      </c>
      <c r="G10434" t="s">
        <v>80</v>
      </c>
      <c r="H10434" t="s">
        <v>81</v>
      </c>
      <c r="I10434" s="2">
        <v>0</v>
      </c>
      <c r="J10434" s="2">
        <v>1</v>
      </c>
      <c r="K10434" s="2">
        <v>0</v>
      </c>
      <c r="L10434" t="s">
        <v>82</v>
      </c>
      <c r="M10434" t="s">
        <v>83</v>
      </c>
      <c r="N10434" t="s">
        <v>84</v>
      </c>
      <c r="O10434" t="s">
        <v>85</v>
      </c>
      <c r="P10434" t="s">
        <v>86</v>
      </c>
      <c r="Q10434">
        <v>49</v>
      </c>
      <c r="R10434">
        <v>49</v>
      </c>
      <c r="S10434">
        <v>50</v>
      </c>
      <c r="T10434">
        <v>50</v>
      </c>
      <c r="U10434">
        <v>51</v>
      </c>
      <c r="V10434">
        <v>52</v>
      </c>
      <c r="W10434">
        <v>52</v>
      </c>
      <c r="X10434">
        <v>53</v>
      </c>
      <c r="Y10434">
        <v>53</v>
      </c>
      <c r="Z10434">
        <v>54</v>
      </c>
      <c r="AA10434">
        <v>54</v>
      </c>
      <c r="AB10434">
        <v>55</v>
      </c>
      <c r="AC10434">
        <v>55</v>
      </c>
      <c r="AD10434">
        <v>56</v>
      </c>
      <c r="AE10434">
        <v>56</v>
      </c>
      <c r="AF10434">
        <v>57</v>
      </c>
      <c r="AG10434">
        <v>57</v>
      </c>
      <c r="AH10434">
        <v>58</v>
      </c>
      <c r="AI10434">
        <v>58</v>
      </c>
      <c r="AJ10434">
        <v>58</v>
      </c>
      <c r="AK10434">
        <v>59</v>
      </c>
      <c r="AL10434">
        <v>59</v>
      </c>
      <c r="AM10434">
        <v>59</v>
      </c>
      <c r="AN10434">
        <v>59</v>
      </c>
      <c r="AO10434">
        <v>58</v>
      </c>
      <c r="AP10434">
        <v>58</v>
      </c>
      <c r="AQ10434">
        <v>58</v>
      </c>
    </row>
    <row r="10435" spans="1:43">
      <c r="A10435" t="s">
        <v>6504</v>
      </c>
      <c r="B10435" t="s">
        <v>6505</v>
      </c>
      <c r="C10435" t="s">
        <v>6422</v>
      </c>
      <c r="D10435" t="s">
        <v>6423</v>
      </c>
      <c r="E10435" t="s">
        <v>6174</v>
      </c>
      <c r="F10435" t="s">
        <v>6175</v>
      </c>
      <c r="G10435" t="s">
        <v>80</v>
      </c>
      <c r="H10435" t="s">
        <v>81</v>
      </c>
      <c r="I10435" s="2">
        <v>0</v>
      </c>
      <c r="J10435" s="2">
        <v>1</v>
      </c>
      <c r="K10435" s="2">
        <v>0</v>
      </c>
      <c r="L10435" t="s">
        <v>82</v>
      </c>
      <c r="M10435" t="s">
        <v>87</v>
      </c>
      <c r="N10435" t="s">
        <v>88</v>
      </c>
      <c r="O10435" t="s">
        <v>85</v>
      </c>
      <c r="P10435" t="s">
        <v>86</v>
      </c>
      <c r="Q10435">
        <v>49</v>
      </c>
      <c r="R10435">
        <v>49</v>
      </c>
      <c r="S10435">
        <v>50</v>
      </c>
      <c r="T10435">
        <v>50</v>
      </c>
      <c r="U10435">
        <v>50</v>
      </c>
      <c r="V10435">
        <v>50</v>
      </c>
      <c r="W10435">
        <v>50</v>
      </c>
      <c r="X10435">
        <v>50</v>
      </c>
      <c r="Y10435">
        <v>50</v>
      </c>
      <c r="Z10435">
        <v>50</v>
      </c>
      <c r="AA10435">
        <v>50</v>
      </c>
      <c r="AB10435">
        <v>51</v>
      </c>
      <c r="AC10435">
        <v>51</v>
      </c>
      <c r="AD10435">
        <v>51</v>
      </c>
      <c r="AE10435">
        <v>51</v>
      </c>
      <c r="AF10435">
        <v>51</v>
      </c>
      <c r="AG10435">
        <v>51</v>
      </c>
      <c r="AH10435">
        <v>51</v>
      </c>
      <c r="AI10435">
        <v>51</v>
      </c>
      <c r="AJ10435">
        <v>51</v>
      </c>
      <c r="AK10435">
        <v>51</v>
      </c>
      <c r="AL10435">
        <v>51</v>
      </c>
      <c r="AM10435">
        <v>51</v>
      </c>
      <c r="AN10435">
        <v>51</v>
      </c>
      <c r="AO10435">
        <v>52</v>
      </c>
      <c r="AP10435">
        <v>52</v>
      </c>
      <c r="AQ10435">
        <v>52</v>
      </c>
    </row>
    <row r="10436" spans="1:43">
      <c r="A10436" t="s">
        <v>6504</v>
      </c>
      <c r="B10436" t="s">
        <v>6505</v>
      </c>
      <c r="C10436" t="s">
        <v>6422</v>
      </c>
      <c r="D10436" t="s">
        <v>6423</v>
      </c>
      <c r="E10436" t="s">
        <v>6174</v>
      </c>
      <c r="F10436" t="s">
        <v>6175</v>
      </c>
      <c r="G10436" t="s">
        <v>80</v>
      </c>
      <c r="H10436" t="s">
        <v>81</v>
      </c>
      <c r="I10436" s="2">
        <v>0</v>
      </c>
      <c r="J10436" s="2">
        <v>1</v>
      </c>
      <c r="K10436" s="2">
        <v>0</v>
      </c>
      <c r="L10436" t="s">
        <v>82</v>
      </c>
      <c r="M10436" t="s">
        <v>89</v>
      </c>
      <c r="N10436" t="s">
        <v>90</v>
      </c>
      <c r="O10436" t="s">
        <v>85</v>
      </c>
      <c r="P10436" t="s">
        <v>86</v>
      </c>
      <c r="Q10436">
        <v>49</v>
      </c>
      <c r="R10436">
        <v>50</v>
      </c>
      <c r="S10436">
        <v>51</v>
      </c>
      <c r="T10436">
        <v>52</v>
      </c>
      <c r="U10436">
        <v>53</v>
      </c>
      <c r="V10436">
        <v>54</v>
      </c>
      <c r="W10436">
        <v>55</v>
      </c>
      <c r="X10436">
        <v>56</v>
      </c>
      <c r="Y10436">
        <v>56</v>
      </c>
      <c r="Z10436">
        <v>57</v>
      </c>
      <c r="AA10436">
        <v>58</v>
      </c>
      <c r="AB10436">
        <v>58</v>
      </c>
      <c r="AC10436">
        <v>59</v>
      </c>
      <c r="AD10436">
        <v>60</v>
      </c>
      <c r="AE10436">
        <v>60</v>
      </c>
      <c r="AF10436">
        <v>60</v>
      </c>
      <c r="AG10436">
        <v>60</v>
      </c>
      <c r="AH10436">
        <v>60</v>
      </c>
      <c r="AI10436">
        <v>60</v>
      </c>
      <c r="AJ10436">
        <v>59</v>
      </c>
      <c r="AK10436">
        <v>59</v>
      </c>
      <c r="AL10436">
        <v>59</v>
      </c>
      <c r="AM10436">
        <v>59</v>
      </c>
      <c r="AN10436">
        <v>59</v>
      </c>
      <c r="AO10436">
        <v>59</v>
      </c>
      <c r="AP10436">
        <v>59</v>
      </c>
      <c r="AQ10436">
        <v>58</v>
      </c>
    </row>
    <row r="10437" spans="1:43">
      <c r="A10437" t="s">
        <v>6504</v>
      </c>
      <c r="B10437" t="s">
        <v>6505</v>
      </c>
      <c r="C10437" t="s">
        <v>6422</v>
      </c>
      <c r="D10437" t="s">
        <v>6423</v>
      </c>
      <c r="E10437" t="s">
        <v>6174</v>
      </c>
      <c r="F10437" t="s">
        <v>6175</v>
      </c>
      <c r="G10437" t="s">
        <v>80</v>
      </c>
      <c r="H10437" t="s">
        <v>81</v>
      </c>
      <c r="I10437" s="2">
        <v>0</v>
      </c>
      <c r="J10437" s="2">
        <v>1</v>
      </c>
      <c r="K10437" s="2">
        <v>0</v>
      </c>
      <c r="L10437" t="s">
        <v>82</v>
      </c>
      <c r="M10437" t="s">
        <v>83</v>
      </c>
      <c r="N10437" t="s">
        <v>91</v>
      </c>
      <c r="O10437" t="s">
        <v>85</v>
      </c>
      <c r="P10437" t="s">
        <v>86</v>
      </c>
      <c r="Q10437">
        <v>49</v>
      </c>
      <c r="R10437">
        <v>49</v>
      </c>
      <c r="S10437">
        <v>50</v>
      </c>
      <c r="T10437">
        <v>50</v>
      </c>
      <c r="U10437">
        <v>51</v>
      </c>
      <c r="V10437">
        <v>52</v>
      </c>
      <c r="W10437">
        <v>52</v>
      </c>
      <c r="X10437">
        <v>53</v>
      </c>
      <c r="Y10437">
        <v>53</v>
      </c>
      <c r="Z10437">
        <v>54</v>
      </c>
      <c r="AA10437">
        <v>54</v>
      </c>
      <c r="AB10437">
        <v>55</v>
      </c>
      <c r="AC10437">
        <v>55</v>
      </c>
      <c r="AD10437">
        <v>56</v>
      </c>
      <c r="AE10437">
        <v>56</v>
      </c>
      <c r="AF10437">
        <v>57</v>
      </c>
      <c r="AG10437">
        <v>57</v>
      </c>
      <c r="AH10437">
        <v>58</v>
      </c>
      <c r="AI10437">
        <v>58</v>
      </c>
      <c r="AJ10437">
        <v>58</v>
      </c>
      <c r="AK10437">
        <v>59</v>
      </c>
      <c r="AL10437">
        <v>59</v>
      </c>
      <c r="AM10437">
        <v>59</v>
      </c>
      <c r="AN10437">
        <v>59</v>
      </c>
      <c r="AO10437">
        <v>58</v>
      </c>
      <c r="AP10437">
        <v>58</v>
      </c>
      <c r="AQ10437">
        <v>58</v>
      </c>
    </row>
    <row r="10438" spans="1:43">
      <c r="A10438" t="s">
        <v>6506</v>
      </c>
      <c r="B10438" t="s">
        <v>6507</v>
      </c>
      <c r="C10438" t="s">
        <v>6352</v>
      </c>
      <c r="D10438" t="s">
        <v>6353</v>
      </c>
      <c r="E10438" t="s">
        <v>6174</v>
      </c>
      <c r="F10438" t="s">
        <v>6175</v>
      </c>
      <c r="G10438" t="s">
        <v>80</v>
      </c>
      <c r="H10438" t="s">
        <v>81</v>
      </c>
      <c r="I10438" s="2">
        <v>0</v>
      </c>
      <c r="J10438" s="2">
        <v>1</v>
      </c>
      <c r="K10438" s="2">
        <v>0</v>
      </c>
      <c r="L10438" t="s">
        <v>82</v>
      </c>
      <c r="M10438" t="s">
        <v>83</v>
      </c>
      <c r="N10438" t="s">
        <v>84</v>
      </c>
      <c r="O10438" t="s">
        <v>85</v>
      </c>
      <c r="P10438" t="s">
        <v>86</v>
      </c>
      <c r="Q10438">
        <v>16</v>
      </c>
      <c r="R10438">
        <v>17</v>
      </c>
      <c r="S10438">
        <v>17</v>
      </c>
      <c r="T10438">
        <v>17</v>
      </c>
      <c r="U10438">
        <v>17</v>
      </c>
      <c r="V10438">
        <v>17</v>
      </c>
      <c r="W10438">
        <v>17</v>
      </c>
      <c r="X10438">
        <v>18</v>
      </c>
      <c r="Y10438">
        <v>18</v>
      </c>
      <c r="Z10438">
        <v>18</v>
      </c>
      <c r="AA10438">
        <v>18</v>
      </c>
      <c r="AB10438">
        <v>18</v>
      </c>
      <c r="AC10438">
        <v>19</v>
      </c>
      <c r="AD10438">
        <v>19</v>
      </c>
      <c r="AE10438">
        <v>19</v>
      </c>
      <c r="AF10438">
        <v>19</v>
      </c>
      <c r="AG10438">
        <v>19</v>
      </c>
      <c r="AH10438">
        <v>19</v>
      </c>
      <c r="AI10438">
        <v>19</v>
      </c>
      <c r="AJ10438">
        <v>20</v>
      </c>
      <c r="AK10438">
        <v>20</v>
      </c>
      <c r="AL10438">
        <v>20</v>
      </c>
      <c r="AM10438">
        <v>20</v>
      </c>
      <c r="AN10438">
        <v>20</v>
      </c>
      <c r="AO10438">
        <v>20</v>
      </c>
      <c r="AP10438">
        <v>20</v>
      </c>
      <c r="AQ10438">
        <v>19</v>
      </c>
    </row>
    <row r="10439" spans="1:43">
      <c r="A10439" t="s">
        <v>6506</v>
      </c>
      <c r="B10439" t="s">
        <v>6507</v>
      </c>
      <c r="C10439" t="s">
        <v>6352</v>
      </c>
      <c r="D10439" t="s">
        <v>6353</v>
      </c>
      <c r="E10439" t="s">
        <v>6174</v>
      </c>
      <c r="F10439" t="s">
        <v>6175</v>
      </c>
      <c r="G10439" t="s">
        <v>80</v>
      </c>
      <c r="H10439" t="s">
        <v>81</v>
      </c>
      <c r="I10439" s="2">
        <v>0</v>
      </c>
      <c r="J10439" s="2">
        <v>1</v>
      </c>
      <c r="K10439" s="2">
        <v>0</v>
      </c>
      <c r="L10439" t="s">
        <v>82</v>
      </c>
      <c r="M10439" t="s">
        <v>87</v>
      </c>
      <c r="N10439" t="s">
        <v>88</v>
      </c>
      <c r="O10439" t="s">
        <v>85</v>
      </c>
      <c r="P10439" t="s">
        <v>86</v>
      </c>
      <c r="Q10439">
        <v>16</v>
      </c>
      <c r="R10439">
        <v>16</v>
      </c>
      <c r="S10439">
        <v>16</v>
      </c>
      <c r="T10439">
        <v>16</v>
      </c>
      <c r="U10439">
        <v>16</v>
      </c>
      <c r="V10439">
        <v>16</v>
      </c>
      <c r="W10439">
        <v>16</v>
      </c>
      <c r="X10439">
        <v>16</v>
      </c>
      <c r="Y10439">
        <v>16</v>
      </c>
      <c r="Z10439">
        <v>17</v>
      </c>
      <c r="AA10439">
        <v>17</v>
      </c>
      <c r="AB10439">
        <v>17</v>
      </c>
      <c r="AC10439">
        <v>17</v>
      </c>
      <c r="AD10439">
        <v>17</v>
      </c>
      <c r="AE10439">
        <v>17</v>
      </c>
      <c r="AF10439">
        <v>17</v>
      </c>
      <c r="AG10439">
        <v>17</v>
      </c>
      <c r="AH10439">
        <v>17</v>
      </c>
      <c r="AI10439">
        <v>17</v>
      </c>
      <c r="AJ10439">
        <v>17</v>
      </c>
      <c r="AK10439">
        <v>17</v>
      </c>
      <c r="AL10439">
        <v>17</v>
      </c>
      <c r="AM10439">
        <v>17</v>
      </c>
      <c r="AN10439">
        <v>17</v>
      </c>
      <c r="AO10439">
        <v>17</v>
      </c>
      <c r="AP10439">
        <v>17</v>
      </c>
      <c r="AQ10439">
        <v>17</v>
      </c>
    </row>
    <row r="10440" spans="1:43">
      <c r="A10440" t="s">
        <v>6506</v>
      </c>
      <c r="B10440" t="s">
        <v>6507</v>
      </c>
      <c r="C10440" t="s">
        <v>6352</v>
      </c>
      <c r="D10440" t="s">
        <v>6353</v>
      </c>
      <c r="E10440" t="s">
        <v>6174</v>
      </c>
      <c r="F10440" t="s">
        <v>6175</v>
      </c>
      <c r="G10440" t="s">
        <v>80</v>
      </c>
      <c r="H10440" t="s">
        <v>81</v>
      </c>
      <c r="I10440" s="2">
        <v>0</v>
      </c>
      <c r="J10440" s="2">
        <v>1</v>
      </c>
      <c r="K10440" s="2">
        <v>0</v>
      </c>
      <c r="L10440" t="s">
        <v>82</v>
      </c>
      <c r="M10440" t="s">
        <v>89</v>
      </c>
      <c r="N10440" t="s">
        <v>90</v>
      </c>
      <c r="O10440" t="s">
        <v>85</v>
      </c>
      <c r="P10440" t="s">
        <v>86</v>
      </c>
      <c r="Q10440">
        <v>16</v>
      </c>
      <c r="R10440">
        <v>17</v>
      </c>
      <c r="S10440">
        <v>17</v>
      </c>
      <c r="T10440">
        <v>17</v>
      </c>
      <c r="U10440">
        <v>18</v>
      </c>
      <c r="V10440">
        <v>18</v>
      </c>
      <c r="W10440">
        <v>18</v>
      </c>
      <c r="X10440">
        <v>19</v>
      </c>
      <c r="Y10440">
        <v>19</v>
      </c>
      <c r="Z10440">
        <v>19</v>
      </c>
      <c r="AA10440">
        <v>19</v>
      </c>
      <c r="AB10440">
        <v>20</v>
      </c>
      <c r="AC10440">
        <v>20</v>
      </c>
      <c r="AD10440">
        <v>20</v>
      </c>
      <c r="AE10440">
        <v>20</v>
      </c>
      <c r="AF10440">
        <v>20</v>
      </c>
      <c r="AG10440">
        <v>20</v>
      </c>
      <c r="AH10440">
        <v>20</v>
      </c>
      <c r="AI10440">
        <v>20</v>
      </c>
      <c r="AJ10440">
        <v>20</v>
      </c>
      <c r="AK10440">
        <v>20</v>
      </c>
      <c r="AL10440">
        <v>20</v>
      </c>
      <c r="AM10440">
        <v>20</v>
      </c>
      <c r="AN10440">
        <v>20</v>
      </c>
      <c r="AO10440">
        <v>20</v>
      </c>
      <c r="AP10440">
        <v>20</v>
      </c>
      <c r="AQ10440">
        <v>20</v>
      </c>
    </row>
    <row r="10441" spans="1:43">
      <c r="A10441" t="s">
        <v>6506</v>
      </c>
      <c r="B10441" t="s">
        <v>6507</v>
      </c>
      <c r="C10441" t="s">
        <v>6352</v>
      </c>
      <c r="D10441" t="s">
        <v>6353</v>
      </c>
      <c r="E10441" t="s">
        <v>6174</v>
      </c>
      <c r="F10441" t="s">
        <v>6175</v>
      </c>
      <c r="G10441" t="s">
        <v>80</v>
      </c>
      <c r="H10441" t="s">
        <v>81</v>
      </c>
      <c r="I10441" s="2">
        <v>0</v>
      </c>
      <c r="J10441" s="2">
        <v>1</v>
      </c>
      <c r="K10441" s="2">
        <v>0</v>
      </c>
      <c r="L10441" t="s">
        <v>82</v>
      </c>
      <c r="M10441" t="s">
        <v>83</v>
      </c>
      <c r="N10441" t="s">
        <v>91</v>
      </c>
      <c r="O10441" t="s">
        <v>85</v>
      </c>
      <c r="P10441" t="s">
        <v>86</v>
      </c>
      <c r="Q10441">
        <v>16</v>
      </c>
      <c r="R10441">
        <v>17</v>
      </c>
      <c r="S10441">
        <v>17</v>
      </c>
      <c r="T10441">
        <v>17</v>
      </c>
      <c r="U10441">
        <v>17</v>
      </c>
      <c r="V10441">
        <v>17</v>
      </c>
      <c r="W10441">
        <v>17</v>
      </c>
      <c r="X10441">
        <v>18</v>
      </c>
      <c r="Y10441">
        <v>18</v>
      </c>
      <c r="Z10441">
        <v>18</v>
      </c>
      <c r="AA10441">
        <v>18</v>
      </c>
      <c r="AB10441">
        <v>18</v>
      </c>
      <c r="AC10441">
        <v>19</v>
      </c>
      <c r="AD10441">
        <v>19</v>
      </c>
      <c r="AE10441">
        <v>19</v>
      </c>
      <c r="AF10441">
        <v>19</v>
      </c>
      <c r="AG10441">
        <v>19</v>
      </c>
      <c r="AH10441">
        <v>19</v>
      </c>
      <c r="AI10441">
        <v>19</v>
      </c>
      <c r="AJ10441">
        <v>20</v>
      </c>
      <c r="AK10441">
        <v>20</v>
      </c>
      <c r="AL10441">
        <v>20</v>
      </c>
      <c r="AM10441">
        <v>20</v>
      </c>
      <c r="AN10441">
        <v>20</v>
      </c>
      <c r="AO10441">
        <v>20</v>
      </c>
      <c r="AP10441">
        <v>20</v>
      </c>
      <c r="AQ10441">
        <v>19</v>
      </c>
    </row>
    <row r="10442" spans="1:43">
      <c r="A10442" t="s">
        <v>6508</v>
      </c>
      <c r="B10442" t="s">
        <v>6509</v>
      </c>
      <c r="C10442" t="s">
        <v>6422</v>
      </c>
      <c r="D10442" t="s">
        <v>6423</v>
      </c>
      <c r="E10442" t="s">
        <v>6174</v>
      </c>
      <c r="F10442" t="s">
        <v>6175</v>
      </c>
      <c r="G10442" t="s">
        <v>80</v>
      </c>
      <c r="H10442" t="s">
        <v>81</v>
      </c>
      <c r="I10442" s="2">
        <v>0</v>
      </c>
      <c r="J10442" s="2">
        <v>1</v>
      </c>
      <c r="K10442" s="2">
        <v>0</v>
      </c>
      <c r="L10442" t="s">
        <v>82</v>
      </c>
      <c r="M10442" t="s">
        <v>83</v>
      </c>
      <c r="N10442" t="s">
        <v>84</v>
      </c>
      <c r="O10442" t="s">
        <v>85</v>
      </c>
      <c r="P10442" t="s">
        <v>86</v>
      </c>
      <c r="Q10442">
        <v>94</v>
      </c>
      <c r="R10442">
        <v>95</v>
      </c>
      <c r="S10442">
        <v>96</v>
      </c>
      <c r="T10442">
        <v>98</v>
      </c>
      <c r="U10442">
        <v>99</v>
      </c>
      <c r="V10442">
        <v>100</v>
      </c>
      <c r="W10442">
        <v>101</v>
      </c>
      <c r="X10442">
        <v>102</v>
      </c>
      <c r="Y10442">
        <v>103</v>
      </c>
      <c r="Z10442">
        <v>104</v>
      </c>
      <c r="AA10442">
        <v>105</v>
      </c>
      <c r="AB10442">
        <v>106</v>
      </c>
      <c r="AC10442">
        <v>107</v>
      </c>
      <c r="AD10442">
        <v>108</v>
      </c>
      <c r="AE10442">
        <v>109</v>
      </c>
      <c r="AF10442">
        <v>110</v>
      </c>
      <c r="AG10442">
        <v>110</v>
      </c>
      <c r="AH10442">
        <v>111</v>
      </c>
      <c r="AI10442">
        <v>112</v>
      </c>
      <c r="AJ10442">
        <v>113</v>
      </c>
      <c r="AK10442">
        <v>114</v>
      </c>
      <c r="AL10442">
        <v>114</v>
      </c>
      <c r="AM10442">
        <v>114</v>
      </c>
      <c r="AN10442">
        <v>113</v>
      </c>
      <c r="AO10442">
        <v>113</v>
      </c>
      <c r="AP10442">
        <v>113</v>
      </c>
      <c r="AQ10442">
        <v>112</v>
      </c>
    </row>
    <row r="10443" spans="1:43">
      <c r="A10443" t="s">
        <v>6508</v>
      </c>
      <c r="B10443" t="s">
        <v>6509</v>
      </c>
      <c r="C10443" t="s">
        <v>6422</v>
      </c>
      <c r="D10443" t="s">
        <v>6423</v>
      </c>
      <c r="E10443" t="s">
        <v>6174</v>
      </c>
      <c r="F10443" t="s">
        <v>6175</v>
      </c>
      <c r="G10443" t="s">
        <v>80</v>
      </c>
      <c r="H10443" t="s">
        <v>81</v>
      </c>
      <c r="I10443" s="2">
        <v>0</v>
      </c>
      <c r="J10443" s="2">
        <v>1</v>
      </c>
      <c r="K10443" s="2">
        <v>0</v>
      </c>
      <c r="L10443" t="s">
        <v>82</v>
      </c>
      <c r="M10443" t="s">
        <v>87</v>
      </c>
      <c r="N10443" t="s">
        <v>88</v>
      </c>
      <c r="O10443" t="s">
        <v>85</v>
      </c>
      <c r="P10443" t="s">
        <v>86</v>
      </c>
      <c r="Q10443">
        <v>94</v>
      </c>
      <c r="R10443">
        <v>95</v>
      </c>
      <c r="S10443">
        <v>95</v>
      </c>
      <c r="T10443">
        <v>95</v>
      </c>
      <c r="U10443">
        <v>95</v>
      </c>
      <c r="V10443">
        <v>95</v>
      </c>
      <c r="W10443">
        <v>96</v>
      </c>
      <c r="X10443">
        <v>96</v>
      </c>
      <c r="Y10443">
        <v>96</v>
      </c>
      <c r="Z10443">
        <v>96</v>
      </c>
      <c r="AA10443">
        <v>97</v>
      </c>
      <c r="AB10443">
        <v>97</v>
      </c>
      <c r="AC10443">
        <v>97</v>
      </c>
      <c r="AD10443">
        <v>97</v>
      </c>
      <c r="AE10443">
        <v>97</v>
      </c>
      <c r="AF10443">
        <v>97</v>
      </c>
      <c r="AG10443">
        <v>98</v>
      </c>
      <c r="AH10443">
        <v>98</v>
      </c>
      <c r="AI10443">
        <v>98</v>
      </c>
      <c r="AJ10443">
        <v>98</v>
      </c>
      <c r="AK10443">
        <v>98</v>
      </c>
      <c r="AL10443">
        <v>98</v>
      </c>
      <c r="AM10443">
        <v>98</v>
      </c>
      <c r="AN10443">
        <v>99</v>
      </c>
      <c r="AO10443">
        <v>99</v>
      </c>
      <c r="AP10443">
        <v>99</v>
      </c>
      <c r="AQ10443">
        <v>99</v>
      </c>
    </row>
    <row r="10444" spans="1:43">
      <c r="A10444" t="s">
        <v>6508</v>
      </c>
      <c r="B10444" t="s">
        <v>6509</v>
      </c>
      <c r="C10444" t="s">
        <v>6422</v>
      </c>
      <c r="D10444" t="s">
        <v>6423</v>
      </c>
      <c r="E10444" t="s">
        <v>6174</v>
      </c>
      <c r="F10444" t="s">
        <v>6175</v>
      </c>
      <c r="G10444" t="s">
        <v>80</v>
      </c>
      <c r="H10444" t="s">
        <v>81</v>
      </c>
      <c r="I10444" s="2">
        <v>0</v>
      </c>
      <c r="J10444" s="2">
        <v>1</v>
      </c>
      <c r="K10444" s="2">
        <v>0</v>
      </c>
      <c r="L10444" t="s">
        <v>82</v>
      </c>
      <c r="M10444" t="s">
        <v>89</v>
      </c>
      <c r="N10444" t="s">
        <v>90</v>
      </c>
      <c r="O10444" t="s">
        <v>85</v>
      </c>
      <c r="P10444" t="s">
        <v>86</v>
      </c>
      <c r="Q10444">
        <v>94</v>
      </c>
      <c r="R10444">
        <v>96</v>
      </c>
      <c r="S10444">
        <v>98</v>
      </c>
      <c r="T10444">
        <v>100</v>
      </c>
      <c r="U10444">
        <v>102</v>
      </c>
      <c r="V10444">
        <v>103</v>
      </c>
      <c r="W10444">
        <v>105</v>
      </c>
      <c r="X10444">
        <v>107</v>
      </c>
      <c r="Y10444">
        <v>108</v>
      </c>
      <c r="Z10444">
        <v>109</v>
      </c>
      <c r="AA10444">
        <v>111</v>
      </c>
      <c r="AB10444">
        <v>112</v>
      </c>
      <c r="AC10444">
        <v>113</v>
      </c>
      <c r="AD10444">
        <v>115</v>
      </c>
      <c r="AE10444">
        <v>115</v>
      </c>
      <c r="AF10444">
        <v>115</v>
      </c>
      <c r="AG10444">
        <v>115</v>
      </c>
      <c r="AH10444">
        <v>115</v>
      </c>
      <c r="AI10444">
        <v>114</v>
      </c>
      <c r="AJ10444">
        <v>114</v>
      </c>
      <c r="AK10444">
        <v>114</v>
      </c>
      <c r="AL10444">
        <v>114</v>
      </c>
      <c r="AM10444">
        <v>113</v>
      </c>
      <c r="AN10444">
        <v>113</v>
      </c>
      <c r="AO10444">
        <v>113</v>
      </c>
      <c r="AP10444">
        <v>112</v>
      </c>
      <c r="AQ10444">
        <v>112</v>
      </c>
    </row>
    <row r="10445" spans="1:43">
      <c r="A10445" t="s">
        <v>6508</v>
      </c>
      <c r="B10445" t="s">
        <v>6509</v>
      </c>
      <c r="C10445" t="s">
        <v>6422</v>
      </c>
      <c r="D10445" t="s">
        <v>6423</v>
      </c>
      <c r="E10445" t="s">
        <v>6174</v>
      </c>
      <c r="F10445" t="s">
        <v>6175</v>
      </c>
      <c r="G10445" t="s">
        <v>80</v>
      </c>
      <c r="H10445" t="s">
        <v>81</v>
      </c>
      <c r="I10445" s="2">
        <v>0</v>
      </c>
      <c r="J10445" s="2">
        <v>1</v>
      </c>
      <c r="K10445" s="2">
        <v>0</v>
      </c>
      <c r="L10445" t="s">
        <v>82</v>
      </c>
      <c r="M10445" t="s">
        <v>83</v>
      </c>
      <c r="N10445" t="s">
        <v>91</v>
      </c>
      <c r="O10445" t="s">
        <v>85</v>
      </c>
      <c r="P10445" t="s">
        <v>86</v>
      </c>
      <c r="Q10445">
        <v>94</v>
      </c>
      <c r="R10445">
        <v>95</v>
      </c>
      <c r="S10445">
        <v>96</v>
      </c>
      <c r="T10445">
        <v>98</v>
      </c>
      <c r="U10445">
        <v>99</v>
      </c>
      <c r="V10445">
        <v>100</v>
      </c>
      <c r="W10445">
        <v>101</v>
      </c>
      <c r="X10445">
        <v>102</v>
      </c>
      <c r="Y10445">
        <v>103</v>
      </c>
      <c r="Z10445">
        <v>104</v>
      </c>
      <c r="AA10445">
        <v>105</v>
      </c>
      <c r="AB10445">
        <v>106</v>
      </c>
      <c r="AC10445">
        <v>107</v>
      </c>
      <c r="AD10445">
        <v>108</v>
      </c>
      <c r="AE10445">
        <v>109</v>
      </c>
      <c r="AF10445">
        <v>110</v>
      </c>
      <c r="AG10445">
        <v>110</v>
      </c>
      <c r="AH10445">
        <v>111</v>
      </c>
      <c r="AI10445">
        <v>112</v>
      </c>
      <c r="AJ10445">
        <v>113</v>
      </c>
      <c r="AK10445">
        <v>114</v>
      </c>
      <c r="AL10445">
        <v>114</v>
      </c>
      <c r="AM10445">
        <v>114</v>
      </c>
      <c r="AN10445">
        <v>113</v>
      </c>
      <c r="AO10445">
        <v>113</v>
      </c>
      <c r="AP10445">
        <v>113</v>
      </c>
      <c r="AQ10445">
        <v>112</v>
      </c>
    </row>
    <row r="10446" spans="1:43">
      <c r="A10446" t="s">
        <v>6510</v>
      </c>
      <c r="B10446" t="s">
        <v>6511</v>
      </c>
      <c r="C10446" t="s">
        <v>6462</v>
      </c>
      <c r="D10446" t="s">
        <v>6463</v>
      </c>
      <c r="E10446" t="s">
        <v>6174</v>
      </c>
      <c r="F10446" t="s">
        <v>6175</v>
      </c>
      <c r="G10446" t="s">
        <v>80</v>
      </c>
      <c r="H10446" t="s">
        <v>81</v>
      </c>
      <c r="I10446" s="2">
        <v>0</v>
      </c>
      <c r="J10446" s="2">
        <v>1</v>
      </c>
      <c r="K10446" s="2">
        <v>0</v>
      </c>
      <c r="L10446" t="s">
        <v>82</v>
      </c>
      <c r="M10446" t="s">
        <v>83</v>
      </c>
      <c r="N10446" t="s">
        <v>84</v>
      </c>
      <c r="O10446" t="s">
        <v>85</v>
      </c>
      <c r="P10446" t="s">
        <v>86</v>
      </c>
      <c r="Q10446">
        <v>34</v>
      </c>
      <c r="R10446">
        <v>35</v>
      </c>
      <c r="S10446">
        <v>35</v>
      </c>
      <c r="T10446">
        <v>35</v>
      </c>
      <c r="U10446">
        <v>36</v>
      </c>
      <c r="V10446">
        <v>36</v>
      </c>
      <c r="W10446">
        <v>37</v>
      </c>
      <c r="X10446">
        <v>37</v>
      </c>
      <c r="Y10446">
        <v>37</v>
      </c>
      <c r="Z10446">
        <v>38</v>
      </c>
      <c r="AA10446">
        <v>38</v>
      </c>
      <c r="AB10446">
        <v>39</v>
      </c>
      <c r="AC10446">
        <v>39</v>
      </c>
      <c r="AD10446">
        <v>39</v>
      </c>
      <c r="AE10446">
        <v>40</v>
      </c>
      <c r="AF10446">
        <v>40</v>
      </c>
      <c r="AG10446">
        <v>40</v>
      </c>
      <c r="AH10446">
        <v>40</v>
      </c>
      <c r="AI10446">
        <v>41</v>
      </c>
      <c r="AJ10446">
        <v>41</v>
      </c>
      <c r="AK10446">
        <v>41</v>
      </c>
      <c r="AL10446">
        <v>41</v>
      </c>
      <c r="AM10446">
        <v>41</v>
      </c>
      <c r="AN10446">
        <v>41</v>
      </c>
      <c r="AO10446">
        <v>41</v>
      </c>
      <c r="AP10446">
        <v>41</v>
      </c>
      <c r="AQ10446">
        <v>41</v>
      </c>
    </row>
    <row r="10447" spans="1:43">
      <c r="A10447" t="s">
        <v>6510</v>
      </c>
      <c r="B10447" t="s">
        <v>6511</v>
      </c>
      <c r="C10447" t="s">
        <v>6462</v>
      </c>
      <c r="D10447" t="s">
        <v>6463</v>
      </c>
      <c r="E10447" t="s">
        <v>6174</v>
      </c>
      <c r="F10447" t="s">
        <v>6175</v>
      </c>
      <c r="G10447" t="s">
        <v>80</v>
      </c>
      <c r="H10447" t="s">
        <v>81</v>
      </c>
      <c r="I10447" s="2">
        <v>0</v>
      </c>
      <c r="J10447" s="2">
        <v>1</v>
      </c>
      <c r="K10447" s="2">
        <v>0</v>
      </c>
      <c r="L10447" t="s">
        <v>82</v>
      </c>
      <c r="M10447" t="s">
        <v>87</v>
      </c>
      <c r="N10447" t="s">
        <v>88</v>
      </c>
      <c r="O10447" t="s">
        <v>85</v>
      </c>
      <c r="P10447" t="s">
        <v>86</v>
      </c>
      <c r="Q10447">
        <v>34</v>
      </c>
      <c r="R10447">
        <v>34</v>
      </c>
      <c r="S10447">
        <v>34</v>
      </c>
      <c r="T10447">
        <v>34</v>
      </c>
      <c r="U10447">
        <v>34</v>
      </c>
      <c r="V10447">
        <v>34</v>
      </c>
      <c r="W10447">
        <v>34</v>
      </c>
      <c r="X10447">
        <v>35</v>
      </c>
      <c r="Y10447">
        <v>35</v>
      </c>
      <c r="Z10447">
        <v>35</v>
      </c>
      <c r="AA10447">
        <v>35</v>
      </c>
      <c r="AB10447">
        <v>35</v>
      </c>
      <c r="AC10447">
        <v>35</v>
      </c>
      <c r="AD10447">
        <v>35</v>
      </c>
      <c r="AE10447">
        <v>35</v>
      </c>
      <c r="AF10447">
        <v>35</v>
      </c>
      <c r="AG10447">
        <v>35</v>
      </c>
      <c r="AH10447">
        <v>35</v>
      </c>
      <c r="AI10447">
        <v>35</v>
      </c>
      <c r="AJ10447">
        <v>35</v>
      </c>
      <c r="AK10447">
        <v>35</v>
      </c>
      <c r="AL10447">
        <v>35</v>
      </c>
      <c r="AM10447">
        <v>35</v>
      </c>
      <c r="AN10447">
        <v>35</v>
      </c>
      <c r="AO10447">
        <v>36</v>
      </c>
      <c r="AP10447">
        <v>36</v>
      </c>
      <c r="AQ10447">
        <v>36</v>
      </c>
    </row>
    <row r="10448" spans="1:43">
      <c r="A10448" t="s">
        <v>6510</v>
      </c>
      <c r="B10448" t="s">
        <v>6511</v>
      </c>
      <c r="C10448" t="s">
        <v>6462</v>
      </c>
      <c r="D10448" t="s">
        <v>6463</v>
      </c>
      <c r="E10448" t="s">
        <v>6174</v>
      </c>
      <c r="F10448" t="s">
        <v>6175</v>
      </c>
      <c r="G10448" t="s">
        <v>80</v>
      </c>
      <c r="H10448" t="s">
        <v>81</v>
      </c>
      <c r="I10448" s="2">
        <v>0</v>
      </c>
      <c r="J10448" s="2">
        <v>1</v>
      </c>
      <c r="K10448" s="2">
        <v>0</v>
      </c>
      <c r="L10448" t="s">
        <v>82</v>
      </c>
      <c r="M10448" t="s">
        <v>89</v>
      </c>
      <c r="N10448" t="s">
        <v>90</v>
      </c>
      <c r="O10448" t="s">
        <v>85</v>
      </c>
      <c r="P10448" t="s">
        <v>86</v>
      </c>
      <c r="Q10448">
        <v>34</v>
      </c>
      <c r="R10448">
        <v>34</v>
      </c>
      <c r="S10448">
        <v>35</v>
      </c>
      <c r="T10448">
        <v>36</v>
      </c>
      <c r="U10448">
        <v>36</v>
      </c>
      <c r="V10448">
        <v>37</v>
      </c>
      <c r="W10448">
        <v>38</v>
      </c>
      <c r="X10448">
        <v>38</v>
      </c>
      <c r="Y10448">
        <v>39</v>
      </c>
      <c r="Z10448">
        <v>39</v>
      </c>
      <c r="AA10448">
        <v>40</v>
      </c>
      <c r="AB10448">
        <v>40</v>
      </c>
      <c r="AC10448">
        <v>41</v>
      </c>
      <c r="AD10448">
        <v>41</v>
      </c>
      <c r="AE10448">
        <v>41</v>
      </c>
      <c r="AF10448">
        <v>41</v>
      </c>
      <c r="AG10448">
        <v>41</v>
      </c>
      <c r="AH10448">
        <v>41</v>
      </c>
      <c r="AI10448">
        <v>41</v>
      </c>
      <c r="AJ10448">
        <v>41</v>
      </c>
      <c r="AK10448">
        <v>41</v>
      </c>
      <c r="AL10448">
        <v>41</v>
      </c>
      <c r="AM10448">
        <v>40</v>
      </c>
      <c r="AN10448">
        <v>40</v>
      </c>
      <c r="AO10448">
        <v>40</v>
      </c>
      <c r="AP10448">
        <v>40</v>
      </c>
      <c r="AQ10448">
        <v>40</v>
      </c>
    </row>
    <row r="10449" spans="1:43">
      <c r="A10449" t="s">
        <v>6510</v>
      </c>
      <c r="B10449" t="s">
        <v>6511</v>
      </c>
      <c r="C10449" t="s">
        <v>6462</v>
      </c>
      <c r="D10449" t="s">
        <v>6463</v>
      </c>
      <c r="E10449" t="s">
        <v>6174</v>
      </c>
      <c r="F10449" t="s">
        <v>6175</v>
      </c>
      <c r="G10449" t="s">
        <v>80</v>
      </c>
      <c r="H10449" t="s">
        <v>81</v>
      </c>
      <c r="I10449" s="2">
        <v>0</v>
      </c>
      <c r="J10449" s="2">
        <v>1</v>
      </c>
      <c r="K10449" s="2">
        <v>0</v>
      </c>
      <c r="L10449" t="s">
        <v>82</v>
      </c>
      <c r="M10449" t="s">
        <v>83</v>
      </c>
      <c r="N10449" t="s">
        <v>91</v>
      </c>
      <c r="O10449" t="s">
        <v>85</v>
      </c>
      <c r="P10449" t="s">
        <v>86</v>
      </c>
      <c r="Q10449">
        <v>34</v>
      </c>
      <c r="R10449">
        <v>35</v>
      </c>
      <c r="S10449">
        <v>35</v>
      </c>
      <c r="T10449">
        <v>35</v>
      </c>
      <c r="U10449">
        <v>36</v>
      </c>
      <c r="V10449">
        <v>36</v>
      </c>
      <c r="W10449">
        <v>37</v>
      </c>
      <c r="X10449">
        <v>37</v>
      </c>
      <c r="Y10449">
        <v>37</v>
      </c>
      <c r="Z10449">
        <v>38</v>
      </c>
      <c r="AA10449">
        <v>38</v>
      </c>
      <c r="AB10449">
        <v>39</v>
      </c>
      <c r="AC10449">
        <v>39</v>
      </c>
      <c r="AD10449">
        <v>39</v>
      </c>
      <c r="AE10449">
        <v>40</v>
      </c>
      <c r="AF10449">
        <v>40</v>
      </c>
      <c r="AG10449">
        <v>40</v>
      </c>
      <c r="AH10449">
        <v>40</v>
      </c>
      <c r="AI10449">
        <v>41</v>
      </c>
      <c r="AJ10449">
        <v>41</v>
      </c>
      <c r="AK10449">
        <v>41</v>
      </c>
      <c r="AL10449">
        <v>41</v>
      </c>
      <c r="AM10449">
        <v>41</v>
      </c>
      <c r="AN10449">
        <v>41</v>
      </c>
      <c r="AO10449">
        <v>41</v>
      </c>
      <c r="AP10449">
        <v>41</v>
      </c>
      <c r="AQ10449">
        <v>41</v>
      </c>
    </row>
    <row r="10450" spans="1:43">
      <c r="A10450" t="s">
        <v>6512</v>
      </c>
      <c r="B10450" t="s">
        <v>6513</v>
      </c>
      <c r="C10450" t="s">
        <v>6342</v>
      </c>
      <c r="D10450" t="s">
        <v>6343</v>
      </c>
      <c r="E10450" t="s">
        <v>6174</v>
      </c>
      <c r="F10450" t="s">
        <v>6175</v>
      </c>
      <c r="G10450" t="s">
        <v>80</v>
      </c>
      <c r="H10450" t="s">
        <v>81</v>
      </c>
      <c r="I10450" s="2">
        <v>0</v>
      </c>
      <c r="J10450" s="2">
        <v>1</v>
      </c>
      <c r="K10450" s="2">
        <v>0</v>
      </c>
      <c r="L10450" t="s">
        <v>82</v>
      </c>
      <c r="M10450" t="s">
        <v>83</v>
      </c>
      <c r="N10450" t="s">
        <v>84</v>
      </c>
      <c r="O10450" t="s">
        <v>85</v>
      </c>
      <c r="P10450" t="s">
        <v>86</v>
      </c>
      <c r="Q10450">
        <v>38</v>
      </c>
      <c r="R10450">
        <v>39</v>
      </c>
      <c r="S10450">
        <v>39</v>
      </c>
      <c r="T10450">
        <v>40</v>
      </c>
      <c r="U10450">
        <v>40</v>
      </c>
      <c r="V10450">
        <v>41</v>
      </c>
      <c r="W10450">
        <v>41</v>
      </c>
      <c r="X10450">
        <v>42</v>
      </c>
      <c r="Y10450">
        <v>42</v>
      </c>
      <c r="Z10450">
        <v>42</v>
      </c>
      <c r="AA10450">
        <v>43</v>
      </c>
      <c r="AB10450">
        <v>43</v>
      </c>
      <c r="AC10450">
        <v>44</v>
      </c>
      <c r="AD10450">
        <v>44</v>
      </c>
      <c r="AE10450">
        <v>44</v>
      </c>
      <c r="AF10450">
        <v>45</v>
      </c>
      <c r="AG10450">
        <v>45</v>
      </c>
      <c r="AH10450">
        <v>45</v>
      </c>
      <c r="AI10450">
        <v>46</v>
      </c>
      <c r="AJ10450">
        <v>46</v>
      </c>
      <c r="AK10450">
        <v>46</v>
      </c>
      <c r="AL10450">
        <v>46</v>
      </c>
      <c r="AM10450">
        <v>46</v>
      </c>
      <c r="AN10450">
        <v>46</v>
      </c>
      <c r="AO10450">
        <v>46</v>
      </c>
      <c r="AP10450">
        <v>46</v>
      </c>
      <c r="AQ10450">
        <v>46</v>
      </c>
    </row>
    <row r="10451" spans="1:43">
      <c r="A10451" t="s">
        <v>6512</v>
      </c>
      <c r="B10451" t="s">
        <v>6513</v>
      </c>
      <c r="C10451" t="s">
        <v>6342</v>
      </c>
      <c r="D10451" t="s">
        <v>6343</v>
      </c>
      <c r="E10451" t="s">
        <v>6174</v>
      </c>
      <c r="F10451" t="s">
        <v>6175</v>
      </c>
      <c r="G10451" t="s">
        <v>80</v>
      </c>
      <c r="H10451" t="s">
        <v>81</v>
      </c>
      <c r="I10451" s="2">
        <v>0</v>
      </c>
      <c r="J10451" s="2">
        <v>1</v>
      </c>
      <c r="K10451" s="2">
        <v>0</v>
      </c>
      <c r="L10451" t="s">
        <v>82</v>
      </c>
      <c r="M10451" t="s">
        <v>87</v>
      </c>
      <c r="N10451" t="s">
        <v>88</v>
      </c>
      <c r="O10451" t="s">
        <v>85</v>
      </c>
      <c r="P10451" t="s">
        <v>86</v>
      </c>
      <c r="Q10451">
        <v>38</v>
      </c>
      <c r="R10451">
        <v>38</v>
      </c>
      <c r="S10451">
        <v>38</v>
      </c>
      <c r="T10451">
        <v>38</v>
      </c>
      <c r="U10451">
        <v>39</v>
      </c>
      <c r="V10451">
        <v>39</v>
      </c>
      <c r="W10451">
        <v>39</v>
      </c>
      <c r="X10451">
        <v>39</v>
      </c>
      <c r="Y10451">
        <v>39</v>
      </c>
      <c r="Z10451">
        <v>39</v>
      </c>
      <c r="AA10451">
        <v>39</v>
      </c>
      <c r="AB10451">
        <v>39</v>
      </c>
      <c r="AC10451">
        <v>39</v>
      </c>
      <c r="AD10451">
        <v>39</v>
      </c>
      <c r="AE10451">
        <v>39</v>
      </c>
      <c r="AF10451">
        <v>39</v>
      </c>
      <c r="AG10451">
        <v>39</v>
      </c>
      <c r="AH10451">
        <v>40</v>
      </c>
      <c r="AI10451">
        <v>40</v>
      </c>
      <c r="AJ10451">
        <v>40</v>
      </c>
      <c r="AK10451">
        <v>40</v>
      </c>
      <c r="AL10451">
        <v>40</v>
      </c>
      <c r="AM10451">
        <v>40</v>
      </c>
      <c r="AN10451">
        <v>40</v>
      </c>
      <c r="AO10451">
        <v>40</v>
      </c>
      <c r="AP10451">
        <v>40</v>
      </c>
      <c r="AQ10451">
        <v>40</v>
      </c>
    </row>
    <row r="10452" spans="1:43">
      <c r="A10452" t="s">
        <v>6512</v>
      </c>
      <c r="B10452" t="s">
        <v>6513</v>
      </c>
      <c r="C10452" t="s">
        <v>6342</v>
      </c>
      <c r="D10452" t="s">
        <v>6343</v>
      </c>
      <c r="E10452" t="s">
        <v>6174</v>
      </c>
      <c r="F10452" t="s">
        <v>6175</v>
      </c>
      <c r="G10452" t="s">
        <v>80</v>
      </c>
      <c r="H10452" t="s">
        <v>81</v>
      </c>
      <c r="I10452" s="2">
        <v>0</v>
      </c>
      <c r="J10452" s="2">
        <v>1</v>
      </c>
      <c r="K10452" s="2">
        <v>0</v>
      </c>
      <c r="L10452" t="s">
        <v>82</v>
      </c>
      <c r="M10452" t="s">
        <v>89</v>
      </c>
      <c r="N10452" t="s">
        <v>90</v>
      </c>
      <c r="O10452" t="s">
        <v>85</v>
      </c>
      <c r="P10452" t="s">
        <v>86</v>
      </c>
      <c r="Q10452">
        <v>38</v>
      </c>
      <c r="R10452">
        <v>39</v>
      </c>
      <c r="S10452">
        <v>39</v>
      </c>
      <c r="T10452">
        <v>40</v>
      </c>
      <c r="U10452">
        <v>41</v>
      </c>
      <c r="V10452">
        <v>42</v>
      </c>
      <c r="W10452">
        <v>42</v>
      </c>
      <c r="X10452">
        <v>43</v>
      </c>
      <c r="Y10452">
        <v>44</v>
      </c>
      <c r="Z10452">
        <v>44</v>
      </c>
      <c r="AA10452">
        <v>45</v>
      </c>
      <c r="AB10452">
        <v>45</v>
      </c>
      <c r="AC10452">
        <v>46</v>
      </c>
      <c r="AD10452">
        <v>46</v>
      </c>
      <c r="AE10452">
        <v>47</v>
      </c>
      <c r="AF10452">
        <v>46</v>
      </c>
      <c r="AG10452">
        <v>46</v>
      </c>
      <c r="AH10452">
        <v>46</v>
      </c>
      <c r="AI10452">
        <v>46</v>
      </c>
      <c r="AJ10452">
        <v>46</v>
      </c>
      <c r="AK10452">
        <v>46</v>
      </c>
      <c r="AL10452">
        <v>46</v>
      </c>
      <c r="AM10452">
        <v>46</v>
      </c>
      <c r="AN10452">
        <v>45</v>
      </c>
      <c r="AO10452">
        <v>45</v>
      </c>
      <c r="AP10452">
        <v>45</v>
      </c>
      <c r="AQ10452">
        <v>45</v>
      </c>
    </row>
    <row r="10453" spans="1:43">
      <c r="A10453" t="s">
        <v>6512</v>
      </c>
      <c r="B10453" t="s">
        <v>6513</v>
      </c>
      <c r="C10453" t="s">
        <v>6342</v>
      </c>
      <c r="D10453" t="s">
        <v>6343</v>
      </c>
      <c r="E10453" t="s">
        <v>6174</v>
      </c>
      <c r="F10453" t="s">
        <v>6175</v>
      </c>
      <c r="G10453" t="s">
        <v>80</v>
      </c>
      <c r="H10453" t="s">
        <v>81</v>
      </c>
      <c r="I10453" s="2">
        <v>0</v>
      </c>
      <c r="J10453" s="2">
        <v>1</v>
      </c>
      <c r="K10453" s="2">
        <v>0</v>
      </c>
      <c r="L10453" t="s">
        <v>82</v>
      </c>
      <c r="M10453" t="s">
        <v>83</v>
      </c>
      <c r="N10453" t="s">
        <v>91</v>
      </c>
      <c r="O10453" t="s">
        <v>85</v>
      </c>
      <c r="P10453" t="s">
        <v>86</v>
      </c>
      <c r="Q10453">
        <v>38</v>
      </c>
      <c r="R10453">
        <v>39</v>
      </c>
      <c r="S10453">
        <v>39</v>
      </c>
      <c r="T10453">
        <v>40</v>
      </c>
      <c r="U10453">
        <v>40</v>
      </c>
      <c r="V10453">
        <v>41</v>
      </c>
      <c r="W10453">
        <v>41</v>
      </c>
      <c r="X10453">
        <v>42</v>
      </c>
      <c r="Y10453">
        <v>42</v>
      </c>
      <c r="Z10453">
        <v>42</v>
      </c>
      <c r="AA10453">
        <v>43</v>
      </c>
      <c r="AB10453">
        <v>43</v>
      </c>
      <c r="AC10453">
        <v>44</v>
      </c>
      <c r="AD10453">
        <v>44</v>
      </c>
      <c r="AE10453">
        <v>44</v>
      </c>
      <c r="AF10453">
        <v>45</v>
      </c>
      <c r="AG10453">
        <v>45</v>
      </c>
      <c r="AH10453">
        <v>45</v>
      </c>
      <c r="AI10453">
        <v>46</v>
      </c>
      <c r="AJ10453">
        <v>46</v>
      </c>
      <c r="AK10453">
        <v>46</v>
      </c>
      <c r="AL10453">
        <v>46</v>
      </c>
      <c r="AM10453">
        <v>46</v>
      </c>
      <c r="AN10453">
        <v>46</v>
      </c>
      <c r="AO10453">
        <v>46</v>
      </c>
      <c r="AP10453">
        <v>46</v>
      </c>
      <c r="AQ10453">
        <v>46</v>
      </c>
    </row>
    <row r="10454" spans="1:43">
      <c r="A10454" t="s">
        <v>6514</v>
      </c>
      <c r="B10454" t="s">
        <v>6515</v>
      </c>
      <c r="C10454" t="s">
        <v>6432</v>
      </c>
      <c r="D10454" t="s">
        <v>6433</v>
      </c>
      <c r="E10454" t="s">
        <v>6174</v>
      </c>
      <c r="F10454" t="s">
        <v>6175</v>
      </c>
      <c r="G10454" t="s">
        <v>80</v>
      </c>
      <c r="H10454" t="s">
        <v>81</v>
      </c>
      <c r="I10454" s="2">
        <v>0</v>
      </c>
      <c r="J10454" s="2">
        <v>1</v>
      </c>
      <c r="K10454" s="2">
        <v>0</v>
      </c>
      <c r="L10454" t="s">
        <v>82</v>
      </c>
      <c r="M10454" t="s">
        <v>83</v>
      </c>
      <c r="N10454" t="s">
        <v>84</v>
      </c>
      <c r="O10454" t="s">
        <v>85</v>
      </c>
      <c r="P10454" t="s">
        <v>86</v>
      </c>
      <c r="Q10454">
        <v>166</v>
      </c>
      <c r="R10454">
        <v>168</v>
      </c>
      <c r="S10454">
        <v>170</v>
      </c>
      <c r="T10454">
        <v>172</v>
      </c>
      <c r="U10454">
        <v>174</v>
      </c>
      <c r="V10454">
        <v>177</v>
      </c>
      <c r="W10454">
        <v>179</v>
      </c>
      <c r="X10454">
        <v>181</v>
      </c>
      <c r="Y10454">
        <v>183</v>
      </c>
      <c r="Z10454">
        <v>185</v>
      </c>
      <c r="AA10454">
        <v>187</v>
      </c>
      <c r="AB10454">
        <v>188</v>
      </c>
      <c r="AC10454">
        <v>190</v>
      </c>
      <c r="AD10454">
        <v>192</v>
      </c>
      <c r="AE10454">
        <v>194</v>
      </c>
      <c r="AF10454">
        <v>195</v>
      </c>
      <c r="AG10454">
        <v>197</v>
      </c>
      <c r="AH10454">
        <v>199</v>
      </c>
      <c r="AI10454">
        <v>200</v>
      </c>
      <c r="AJ10454">
        <v>202</v>
      </c>
      <c r="AK10454">
        <v>204</v>
      </c>
      <c r="AL10454">
        <v>204</v>
      </c>
      <c r="AM10454">
        <v>204</v>
      </c>
      <c r="AN10454">
        <v>204</v>
      </c>
      <c r="AO10454">
        <v>203</v>
      </c>
      <c r="AP10454">
        <v>203</v>
      </c>
      <c r="AQ10454">
        <v>203</v>
      </c>
    </row>
    <row r="10455" spans="1:43">
      <c r="A10455" t="s">
        <v>6514</v>
      </c>
      <c r="B10455" t="s">
        <v>6515</v>
      </c>
      <c r="C10455" t="s">
        <v>6432</v>
      </c>
      <c r="D10455" t="s">
        <v>6433</v>
      </c>
      <c r="E10455" t="s">
        <v>6174</v>
      </c>
      <c r="F10455" t="s">
        <v>6175</v>
      </c>
      <c r="G10455" t="s">
        <v>80</v>
      </c>
      <c r="H10455" t="s">
        <v>81</v>
      </c>
      <c r="I10455" s="2">
        <v>0</v>
      </c>
      <c r="J10455" s="2">
        <v>1</v>
      </c>
      <c r="K10455" s="2">
        <v>0</v>
      </c>
      <c r="L10455" t="s">
        <v>82</v>
      </c>
      <c r="M10455" t="s">
        <v>87</v>
      </c>
      <c r="N10455" t="s">
        <v>88</v>
      </c>
      <c r="O10455" t="s">
        <v>85</v>
      </c>
      <c r="P10455" t="s">
        <v>86</v>
      </c>
      <c r="Q10455">
        <v>166</v>
      </c>
      <c r="R10455">
        <v>166</v>
      </c>
      <c r="S10455">
        <v>167</v>
      </c>
      <c r="T10455">
        <v>167</v>
      </c>
      <c r="U10455">
        <v>168</v>
      </c>
      <c r="V10455">
        <v>168</v>
      </c>
      <c r="W10455">
        <v>169</v>
      </c>
      <c r="X10455">
        <v>169</v>
      </c>
      <c r="Y10455">
        <v>170</v>
      </c>
      <c r="Z10455">
        <v>170</v>
      </c>
      <c r="AA10455">
        <v>171</v>
      </c>
      <c r="AB10455">
        <v>171</v>
      </c>
      <c r="AC10455">
        <v>172</v>
      </c>
      <c r="AD10455">
        <v>172</v>
      </c>
      <c r="AE10455">
        <v>173</v>
      </c>
      <c r="AF10455">
        <v>173</v>
      </c>
      <c r="AG10455">
        <v>174</v>
      </c>
      <c r="AH10455">
        <v>174</v>
      </c>
      <c r="AI10455">
        <v>174</v>
      </c>
      <c r="AJ10455">
        <v>175</v>
      </c>
      <c r="AK10455">
        <v>175</v>
      </c>
      <c r="AL10455">
        <v>176</v>
      </c>
      <c r="AM10455">
        <v>176</v>
      </c>
      <c r="AN10455">
        <v>176</v>
      </c>
      <c r="AO10455">
        <v>177</v>
      </c>
      <c r="AP10455">
        <v>177</v>
      </c>
      <c r="AQ10455">
        <v>177</v>
      </c>
    </row>
    <row r="10456" spans="1:43">
      <c r="A10456" t="s">
        <v>6514</v>
      </c>
      <c r="B10456" t="s">
        <v>6515</v>
      </c>
      <c r="C10456" t="s">
        <v>6432</v>
      </c>
      <c r="D10456" t="s">
        <v>6433</v>
      </c>
      <c r="E10456" t="s">
        <v>6174</v>
      </c>
      <c r="F10456" t="s">
        <v>6175</v>
      </c>
      <c r="G10456" t="s">
        <v>80</v>
      </c>
      <c r="H10456" t="s">
        <v>81</v>
      </c>
      <c r="I10456" s="2">
        <v>0</v>
      </c>
      <c r="J10456" s="2">
        <v>1</v>
      </c>
      <c r="K10456" s="2">
        <v>0</v>
      </c>
      <c r="L10456" t="s">
        <v>82</v>
      </c>
      <c r="M10456" t="s">
        <v>89</v>
      </c>
      <c r="N10456" t="s">
        <v>90</v>
      </c>
      <c r="O10456" t="s">
        <v>85</v>
      </c>
      <c r="P10456" t="s">
        <v>86</v>
      </c>
      <c r="Q10456">
        <v>166</v>
      </c>
      <c r="R10456">
        <v>169</v>
      </c>
      <c r="S10456">
        <v>173</v>
      </c>
      <c r="T10456">
        <v>176</v>
      </c>
      <c r="U10456">
        <v>179</v>
      </c>
      <c r="V10456">
        <v>183</v>
      </c>
      <c r="W10456">
        <v>186</v>
      </c>
      <c r="X10456">
        <v>189</v>
      </c>
      <c r="Y10456">
        <v>191</v>
      </c>
      <c r="Z10456">
        <v>194</v>
      </c>
      <c r="AA10456">
        <v>196</v>
      </c>
      <c r="AB10456">
        <v>199</v>
      </c>
      <c r="AC10456">
        <v>201</v>
      </c>
      <c r="AD10456">
        <v>204</v>
      </c>
      <c r="AE10456">
        <v>205</v>
      </c>
      <c r="AF10456">
        <v>205</v>
      </c>
      <c r="AG10456">
        <v>205</v>
      </c>
      <c r="AH10456">
        <v>205</v>
      </c>
      <c r="AI10456">
        <v>205</v>
      </c>
      <c r="AJ10456">
        <v>205</v>
      </c>
      <c r="AK10456">
        <v>204</v>
      </c>
      <c r="AL10456">
        <v>204</v>
      </c>
      <c r="AM10456">
        <v>204</v>
      </c>
      <c r="AN10456">
        <v>204</v>
      </c>
      <c r="AO10456">
        <v>203</v>
      </c>
      <c r="AP10456">
        <v>203</v>
      </c>
      <c r="AQ10456">
        <v>203</v>
      </c>
    </row>
    <row r="10457" spans="1:43">
      <c r="A10457" t="s">
        <v>6514</v>
      </c>
      <c r="B10457" t="s">
        <v>6515</v>
      </c>
      <c r="C10457" t="s">
        <v>6432</v>
      </c>
      <c r="D10457" t="s">
        <v>6433</v>
      </c>
      <c r="E10457" t="s">
        <v>6174</v>
      </c>
      <c r="F10457" t="s">
        <v>6175</v>
      </c>
      <c r="G10457" t="s">
        <v>80</v>
      </c>
      <c r="H10457" t="s">
        <v>81</v>
      </c>
      <c r="I10457" s="2">
        <v>0</v>
      </c>
      <c r="J10457" s="2">
        <v>1</v>
      </c>
      <c r="K10457" s="2">
        <v>0</v>
      </c>
      <c r="L10457" t="s">
        <v>82</v>
      </c>
      <c r="M10457" t="s">
        <v>83</v>
      </c>
      <c r="N10457" t="s">
        <v>91</v>
      </c>
      <c r="O10457" t="s">
        <v>85</v>
      </c>
      <c r="P10457" t="s">
        <v>86</v>
      </c>
      <c r="Q10457">
        <v>166</v>
      </c>
      <c r="R10457">
        <v>168</v>
      </c>
      <c r="S10457">
        <v>170</v>
      </c>
      <c r="T10457">
        <v>172</v>
      </c>
      <c r="U10457">
        <v>174</v>
      </c>
      <c r="V10457">
        <v>177</v>
      </c>
      <c r="W10457">
        <v>179</v>
      </c>
      <c r="X10457">
        <v>181</v>
      </c>
      <c r="Y10457">
        <v>183</v>
      </c>
      <c r="Z10457">
        <v>185</v>
      </c>
      <c r="AA10457">
        <v>187</v>
      </c>
      <c r="AB10457">
        <v>188</v>
      </c>
      <c r="AC10457">
        <v>190</v>
      </c>
      <c r="AD10457">
        <v>192</v>
      </c>
      <c r="AE10457">
        <v>194</v>
      </c>
      <c r="AF10457">
        <v>195</v>
      </c>
      <c r="AG10457">
        <v>197</v>
      </c>
      <c r="AH10457">
        <v>199</v>
      </c>
      <c r="AI10457">
        <v>200</v>
      </c>
      <c r="AJ10457">
        <v>202</v>
      </c>
      <c r="AK10457">
        <v>204</v>
      </c>
      <c r="AL10457">
        <v>204</v>
      </c>
      <c r="AM10457">
        <v>204</v>
      </c>
      <c r="AN10457">
        <v>204</v>
      </c>
      <c r="AO10457">
        <v>203</v>
      </c>
      <c r="AP10457">
        <v>203</v>
      </c>
      <c r="AQ10457">
        <v>203</v>
      </c>
    </row>
    <row r="10458" spans="1:43">
      <c r="A10458" t="s">
        <v>6516</v>
      </c>
      <c r="B10458" t="s">
        <v>6517</v>
      </c>
      <c r="C10458" t="s">
        <v>6352</v>
      </c>
      <c r="D10458" t="s">
        <v>6353</v>
      </c>
      <c r="E10458" t="s">
        <v>6174</v>
      </c>
      <c r="F10458" t="s">
        <v>6175</v>
      </c>
      <c r="G10458" t="s">
        <v>80</v>
      </c>
      <c r="H10458" t="s">
        <v>81</v>
      </c>
      <c r="I10458" s="2">
        <v>0</v>
      </c>
      <c r="J10458" s="2">
        <v>1</v>
      </c>
      <c r="K10458" s="2">
        <v>0</v>
      </c>
      <c r="L10458" t="s">
        <v>82</v>
      </c>
      <c r="M10458" t="s">
        <v>83</v>
      </c>
      <c r="N10458" t="s">
        <v>84</v>
      </c>
      <c r="O10458" t="s">
        <v>85</v>
      </c>
      <c r="P10458" t="s">
        <v>86</v>
      </c>
      <c r="Q10458">
        <v>56</v>
      </c>
      <c r="R10458">
        <v>57</v>
      </c>
      <c r="S10458">
        <v>57</v>
      </c>
      <c r="T10458">
        <v>58</v>
      </c>
      <c r="U10458">
        <v>59</v>
      </c>
      <c r="V10458">
        <v>59</v>
      </c>
      <c r="W10458">
        <v>60</v>
      </c>
      <c r="X10458">
        <v>61</v>
      </c>
      <c r="Y10458">
        <v>61</v>
      </c>
      <c r="Z10458">
        <v>62</v>
      </c>
      <c r="AA10458">
        <v>62</v>
      </c>
      <c r="AB10458">
        <v>63</v>
      </c>
      <c r="AC10458">
        <v>63</v>
      </c>
      <c r="AD10458">
        <v>64</v>
      </c>
      <c r="AE10458">
        <v>65</v>
      </c>
      <c r="AF10458">
        <v>65</v>
      </c>
      <c r="AG10458">
        <v>66</v>
      </c>
      <c r="AH10458">
        <v>66</v>
      </c>
      <c r="AI10458">
        <v>67</v>
      </c>
      <c r="AJ10458">
        <v>67</v>
      </c>
      <c r="AK10458">
        <v>67</v>
      </c>
      <c r="AL10458">
        <v>68</v>
      </c>
      <c r="AM10458">
        <v>67</v>
      </c>
      <c r="AN10458">
        <v>67</v>
      </c>
      <c r="AO10458">
        <v>67</v>
      </c>
      <c r="AP10458">
        <v>67</v>
      </c>
      <c r="AQ10458">
        <v>67</v>
      </c>
    </row>
    <row r="10459" spans="1:43">
      <c r="A10459" t="s">
        <v>6516</v>
      </c>
      <c r="B10459" t="s">
        <v>6517</v>
      </c>
      <c r="C10459" t="s">
        <v>6352</v>
      </c>
      <c r="D10459" t="s">
        <v>6353</v>
      </c>
      <c r="E10459" t="s">
        <v>6174</v>
      </c>
      <c r="F10459" t="s">
        <v>6175</v>
      </c>
      <c r="G10459" t="s">
        <v>80</v>
      </c>
      <c r="H10459" t="s">
        <v>81</v>
      </c>
      <c r="I10459" s="2">
        <v>0</v>
      </c>
      <c r="J10459" s="2">
        <v>1</v>
      </c>
      <c r="K10459" s="2">
        <v>0</v>
      </c>
      <c r="L10459" t="s">
        <v>82</v>
      </c>
      <c r="M10459" t="s">
        <v>87</v>
      </c>
      <c r="N10459" t="s">
        <v>88</v>
      </c>
      <c r="O10459" t="s">
        <v>85</v>
      </c>
      <c r="P10459" t="s">
        <v>86</v>
      </c>
      <c r="Q10459">
        <v>56</v>
      </c>
      <c r="R10459">
        <v>57</v>
      </c>
      <c r="S10459">
        <v>57</v>
      </c>
      <c r="T10459">
        <v>57</v>
      </c>
      <c r="U10459">
        <v>57</v>
      </c>
      <c r="V10459">
        <v>57</v>
      </c>
      <c r="W10459">
        <v>57</v>
      </c>
      <c r="X10459">
        <v>57</v>
      </c>
      <c r="Y10459">
        <v>58</v>
      </c>
      <c r="Z10459">
        <v>58</v>
      </c>
      <c r="AA10459">
        <v>58</v>
      </c>
      <c r="AB10459">
        <v>58</v>
      </c>
      <c r="AC10459">
        <v>58</v>
      </c>
      <c r="AD10459">
        <v>58</v>
      </c>
      <c r="AE10459">
        <v>58</v>
      </c>
      <c r="AF10459">
        <v>58</v>
      </c>
      <c r="AG10459">
        <v>58</v>
      </c>
      <c r="AH10459">
        <v>58</v>
      </c>
      <c r="AI10459">
        <v>59</v>
      </c>
      <c r="AJ10459">
        <v>59</v>
      </c>
      <c r="AK10459">
        <v>59</v>
      </c>
      <c r="AL10459">
        <v>59</v>
      </c>
      <c r="AM10459">
        <v>59</v>
      </c>
      <c r="AN10459">
        <v>59</v>
      </c>
      <c r="AO10459">
        <v>59</v>
      </c>
      <c r="AP10459">
        <v>59</v>
      </c>
      <c r="AQ10459">
        <v>59</v>
      </c>
    </row>
    <row r="10460" spans="1:43">
      <c r="A10460" t="s">
        <v>6516</v>
      </c>
      <c r="B10460" t="s">
        <v>6517</v>
      </c>
      <c r="C10460" t="s">
        <v>6352</v>
      </c>
      <c r="D10460" t="s">
        <v>6353</v>
      </c>
      <c r="E10460" t="s">
        <v>6174</v>
      </c>
      <c r="F10460" t="s">
        <v>6175</v>
      </c>
      <c r="G10460" t="s">
        <v>80</v>
      </c>
      <c r="H10460" t="s">
        <v>81</v>
      </c>
      <c r="I10460" s="2">
        <v>0</v>
      </c>
      <c r="J10460" s="2">
        <v>1</v>
      </c>
      <c r="K10460" s="2">
        <v>0</v>
      </c>
      <c r="L10460" t="s">
        <v>82</v>
      </c>
      <c r="M10460" t="s">
        <v>89</v>
      </c>
      <c r="N10460" t="s">
        <v>90</v>
      </c>
      <c r="O10460" t="s">
        <v>85</v>
      </c>
      <c r="P10460" t="s">
        <v>86</v>
      </c>
      <c r="Q10460">
        <v>56</v>
      </c>
      <c r="R10460">
        <v>58</v>
      </c>
      <c r="S10460">
        <v>59</v>
      </c>
      <c r="T10460">
        <v>60</v>
      </c>
      <c r="U10460">
        <v>61</v>
      </c>
      <c r="V10460">
        <v>62</v>
      </c>
      <c r="W10460">
        <v>63</v>
      </c>
      <c r="X10460">
        <v>64</v>
      </c>
      <c r="Y10460">
        <v>65</v>
      </c>
      <c r="Z10460">
        <v>66</v>
      </c>
      <c r="AA10460">
        <v>66</v>
      </c>
      <c r="AB10460">
        <v>67</v>
      </c>
      <c r="AC10460">
        <v>68</v>
      </c>
      <c r="AD10460">
        <v>69</v>
      </c>
      <c r="AE10460">
        <v>69</v>
      </c>
      <c r="AF10460">
        <v>69</v>
      </c>
      <c r="AG10460">
        <v>69</v>
      </c>
      <c r="AH10460">
        <v>69</v>
      </c>
      <c r="AI10460">
        <v>68</v>
      </c>
      <c r="AJ10460">
        <v>68</v>
      </c>
      <c r="AK10460">
        <v>68</v>
      </c>
      <c r="AL10460">
        <v>68</v>
      </c>
      <c r="AM10460">
        <v>68</v>
      </c>
      <c r="AN10460">
        <v>68</v>
      </c>
      <c r="AO10460">
        <v>67</v>
      </c>
      <c r="AP10460">
        <v>67</v>
      </c>
      <c r="AQ10460">
        <v>67</v>
      </c>
    </row>
    <row r="10461" spans="1:43">
      <c r="A10461" t="s">
        <v>6516</v>
      </c>
      <c r="B10461" t="s">
        <v>6517</v>
      </c>
      <c r="C10461" t="s">
        <v>6352</v>
      </c>
      <c r="D10461" t="s">
        <v>6353</v>
      </c>
      <c r="E10461" t="s">
        <v>6174</v>
      </c>
      <c r="F10461" t="s">
        <v>6175</v>
      </c>
      <c r="G10461" t="s">
        <v>80</v>
      </c>
      <c r="H10461" t="s">
        <v>81</v>
      </c>
      <c r="I10461" s="2">
        <v>0</v>
      </c>
      <c r="J10461" s="2">
        <v>1</v>
      </c>
      <c r="K10461" s="2">
        <v>0</v>
      </c>
      <c r="L10461" t="s">
        <v>82</v>
      </c>
      <c r="M10461" t="s">
        <v>83</v>
      </c>
      <c r="N10461" t="s">
        <v>91</v>
      </c>
      <c r="O10461" t="s">
        <v>85</v>
      </c>
      <c r="P10461" t="s">
        <v>86</v>
      </c>
      <c r="Q10461">
        <v>56</v>
      </c>
      <c r="R10461">
        <v>57</v>
      </c>
      <c r="S10461">
        <v>57</v>
      </c>
      <c r="T10461">
        <v>58</v>
      </c>
      <c r="U10461">
        <v>59</v>
      </c>
      <c r="V10461">
        <v>59</v>
      </c>
      <c r="W10461">
        <v>60</v>
      </c>
      <c r="X10461">
        <v>61</v>
      </c>
      <c r="Y10461">
        <v>61</v>
      </c>
      <c r="Z10461">
        <v>62</v>
      </c>
      <c r="AA10461">
        <v>62</v>
      </c>
      <c r="AB10461">
        <v>63</v>
      </c>
      <c r="AC10461">
        <v>63</v>
      </c>
      <c r="AD10461">
        <v>64</v>
      </c>
      <c r="AE10461">
        <v>65</v>
      </c>
      <c r="AF10461">
        <v>65</v>
      </c>
      <c r="AG10461">
        <v>66</v>
      </c>
      <c r="AH10461">
        <v>66</v>
      </c>
      <c r="AI10461">
        <v>67</v>
      </c>
      <c r="AJ10461">
        <v>67</v>
      </c>
      <c r="AK10461">
        <v>67</v>
      </c>
      <c r="AL10461">
        <v>68</v>
      </c>
      <c r="AM10461">
        <v>67</v>
      </c>
      <c r="AN10461">
        <v>67</v>
      </c>
      <c r="AO10461">
        <v>67</v>
      </c>
      <c r="AP10461">
        <v>67</v>
      </c>
      <c r="AQ10461">
        <v>67</v>
      </c>
    </row>
    <row r="10462" spans="1:43">
      <c r="A10462" t="s">
        <v>6518</v>
      </c>
      <c r="B10462" t="s">
        <v>6519</v>
      </c>
      <c r="C10462" t="s">
        <v>6432</v>
      </c>
      <c r="D10462" t="s">
        <v>6433</v>
      </c>
      <c r="E10462" t="s">
        <v>6174</v>
      </c>
      <c r="F10462" t="s">
        <v>6175</v>
      </c>
      <c r="G10462" t="s">
        <v>80</v>
      </c>
      <c r="H10462" t="s">
        <v>81</v>
      </c>
      <c r="I10462" s="2">
        <v>0</v>
      </c>
      <c r="J10462" s="2">
        <v>1</v>
      </c>
      <c r="K10462" s="2">
        <v>0</v>
      </c>
      <c r="L10462" t="s">
        <v>82</v>
      </c>
      <c r="M10462" t="s">
        <v>83</v>
      </c>
      <c r="N10462" t="s">
        <v>84</v>
      </c>
      <c r="O10462" t="s">
        <v>85</v>
      </c>
      <c r="P10462" t="s">
        <v>86</v>
      </c>
      <c r="Q10462">
        <v>33</v>
      </c>
      <c r="R10462">
        <v>34</v>
      </c>
      <c r="S10462">
        <v>34</v>
      </c>
      <c r="T10462">
        <v>34</v>
      </c>
      <c r="U10462">
        <v>35</v>
      </c>
      <c r="V10462">
        <v>35</v>
      </c>
      <c r="W10462">
        <v>36</v>
      </c>
      <c r="X10462">
        <v>36</v>
      </c>
      <c r="Y10462">
        <v>36</v>
      </c>
      <c r="Z10462">
        <v>37</v>
      </c>
      <c r="AA10462">
        <v>37</v>
      </c>
      <c r="AB10462">
        <v>38</v>
      </c>
      <c r="AC10462">
        <v>38</v>
      </c>
      <c r="AD10462">
        <v>38</v>
      </c>
      <c r="AE10462">
        <v>38</v>
      </c>
      <c r="AF10462">
        <v>39</v>
      </c>
      <c r="AG10462">
        <v>39</v>
      </c>
      <c r="AH10462">
        <v>39</v>
      </c>
      <c r="AI10462">
        <v>40</v>
      </c>
      <c r="AJ10462">
        <v>40</v>
      </c>
      <c r="AK10462">
        <v>40</v>
      </c>
      <c r="AL10462">
        <v>40</v>
      </c>
      <c r="AM10462">
        <v>40</v>
      </c>
      <c r="AN10462">
        <v>40</v>
      </c>
      <c r="AO10462">
        <v>40</v>
      </c>
      <c r="AP10462">
        <v>40</v>
      </c>
      <c r="AQ10462">
        <v>40</v>
      </c>
    </row>
    <row r="10463" spans="1:43">
      <c r="A10463" t="s">
        <v>6518</v>
      </c>
      <c r="B10463" t="s">
        <v>6519</v>
      </c>
      <c r="C10463" t="s">
        <v>6432</v>
      </c>
      <c r="D10463" t="s">
        <v>6433</v>
      </c>
      <c r="E10463" t="s">
        <v>6174</v>
      </c>
      <c r="F10463" t="s">
        <v>6175</v>
      </c>
      <c r="G10463" t="s">
        <v>80</v>
      </c>
      <c r="H10463" t="s">
        <v>81</v>
      </c>
      <c r="I10463" s="2">
        <v>0</v>
      </c>
      <c r="J10463" s="2">
        <v>1</v>
      </c>
      <c r="K10463" s="2">
        <v>0</v>
      </c>
      <c r="L10463" t="s">
        <v>82</v>
      </c>
      <c r="M10463" t="s">
        <v>87</v>
      </c>
      <c r="N10463" t="s">
        <v>88</v>
      </c>
      <c r="O10463" t="s">
        <v>85</v>
      </c>
      <c r="P10463" t="s">
        <v>86</v>
      </c>
      <c r="Q10463">
        <v>33</v>
      </c>
      <c r="R10463">
        <v>33</v>
      </c>
      <c r="S10463">
        <v>33</v>
      </c>
      <c r="T10463">
        <v>33</v>
      </c>
      <c r="U10463">
        <v>33</v>
      </c>
      <c r="V10463">
        <v>33</v>
      </c>
      <c r="W10463">
        <v>33</v>
      </c>
      <c r="X10463">
        <v>34</v>
      </c>
      <c r="Y10463">
        <v>34</v>
      </c>
      <c r="Z10463">
        <v>34</v>
      </c>
      <c r="AA10463">
        <v>34</v>
      </c>
      <c r="AB10463">
        <v>34</v>
      </c>
      <c r="AC10463">
        <v>34</v>
      </c>
      <c r="AD10463">
        <v>34</v>
      </c>
      <c r="AE10463">
        <v>34</v>
      </c>
      <c r="AF10463">
        <v>34</v>
      </c>
      <c r="AG10463">
        <v>34</v>
      </c>
      <c r="AH10463">
        <v>34</v>
      </c>
      <c r="AI10463">
        <v>34</v>
      </c>
      <c r="AJ10463">
        <v>34</v>
      </c>
      <c r="AK10463">
        <v>35</v>
      </c>
      <c r="AL10463">
        <v>35</v>
      </c>
      <c r="AM10463">
        <v>35</v>
      </c>
      <c r="AN10463">
        <v>35</v>
      </c>
      <c r="AO10463">
        <v>35</v>
      </c>
      <c r="AP10463">
        <v>35</v>
      </c>
      <c r="AQ10463">
        <v>35</v>
      </c>
    </row>
    <row r="10464" spans="1:43">
      <c r="A10464" t="s">
        <v>6518</v>
      </c>
      <c r="B10464" t="s">
        <v>6519</v>
      </c>
      <c r="C10464" t="s">
        <v>6432</v>
      </c>
      <c r="D10464" t="s">
        <v>6433</v>
      </c>
      <c r="E10464" t="s">
        <v>6174</v>
      </c>
      <c r="F10464" t="s">
        <v>6175</v>
      </c>
      <c r="G10464" t="s">
        <v>80</v>
      </c>
      <c r="H10464" t="s">
        <v>81</v>
      </c>
      <c r="I10464" s="2">
        <v>0</v>
      </c>
      <c r="J10464" s="2">
        <v>1</v>
      </c>
      <c r="K10464" s="2">
        <v>0</v>
      </c>
      <c r="L10464" t="s">
        <v>82</v>
      </c>
      <c r="M10464" t="s">
        <v>89</v>
      </c>
      <c r="N10464" t="s">
        <v>90</v>
      </c>
      <c r="O10464" t="s">
        <v>85</v>
      </c>
      <c r="P10464" t="s">
        <v>86</v>
      </c>
      <c r="Q10464">
        <v>33</v>
      </c>
      <c r="R10464">
        <v>33</v>
      </c>
      <c r="S10464">
        <v>34</v>
      </c>
      <c r="T10464">
        <v>35</v>
      </c>
      <c r="U10464">
        <v>35</v>
      </c>
      <c r="V10464">
        <v>36</v>
      </c>
      <c r="W10464">
        <v>36</v>
      </c>
      <c r="X10464">
        <v>37</v>
      </c>
      <c r="Y10464">
        <v>38</v>
      </c>
      <c r="Z10464">
        <v>38</v>
      </c>
      <c r="AA10464">
        <v>39</v>
      </c>
      <c r="AB10464">
        <v>39</v>
      </c>
      <c r="AC10464">
        <v>39</v>
      </c>
      <c r="AD10464">
        <v>40</v>
      </c>
      <c r="AE10464">
        <v>40</v>
      </c>
      <c r="AF10464">
        <v>40</v>
      </c>
      <c r="AG10464">
        <v>40</v>
      </c>
      <c r="AH10464">
        <v>40</v>
      </c>
      <c r="AI10464">
        <v>40</v>
      </c>
      <c r="AJ10464">
        <v>40</v>
      </c>
      <c r="AK10464">
        <v>40</v>
      </c>
      <c r="AL10464">
        <v>40</v>
      </c>
      <c r="AM10464">
        <v>40</v>
      </c>
      <c r="AN10464">
        <v>40</v>
      </c>
      <c r="AO10464">
        <v>39</v>
      </c>
      <c r="AP10464">
        <v>39</v>
      </c>
      <c r="AQ10464">
        <v>39</v>
      </c>
    </row>
    <row r="10465" spans="1:43">
      <c r="A10465" t="s">
        <v>6518</v>
      </c>
      <c r="B10465" t="s">
        <v>6519</v>
      </c>
      <c r="C10465" t="s">
        <v>6432</v>
      </c>
      <c r="D10465" t="s">
        <v>6433</v>
      </c>
      <c r="E10465" t="s">
        <v>6174</v>
      </c>
      <c r="F10465" t="s">
        <v>6175</v>
      </c>
      <c r="G10465" t="s">
        <v>80</v>
      </c>
      <c r="H10465" t="s">
        <v>81</v>
      </c>
      <c r="I10465" s="2">
        <v>0</v>
      </c>
      <c r="J10465" s="2">
        <v>1</v>
      </c>
      <c r="K10465" s="2">
        <v>0</v>
      </c>
      <c r="L10465" t="s">
        <v>82</v>
      </c>
      <c r="M10465" t="s">
        <v>83</v>
      </c>
      <c r="N10465" t="s">
        <v>91</v>
      </c>
      <c r="O10465" t="s">
        <v>85</v>
      </c>
      <c r="P10465" t="s">
        <v>86</v>
      </c>
      <c r="Q10465">
        <v>33</v>
      </c>
      <c r="R10465">
        <v>34</v>
      </c>
      <c r="S10465">
        <v>34</v>
      </c>
      <c r="T10465">
        <v>34</v>
      </c>
      <c r="U10465">
        <v>35</v>
      </c>
      <c r="V10465">
        <v>35</v>
      </c>
      <c r="W10465">
        <v>36</v>
      </c>
      <c r="X10465">
        <v>36</v>
      </c>
      <c r="Y10465">
        <v>36</v>
      </c>
      <c r="Z10465">
        <v>37</v>
      </c>
      <c r="AA10465">
        <v>37</v>
      </c>
      <c r="AB10465">
        <v>38</v>
      </c>
      <c r="AC10465">
        <v>38</v>
      </c>
      <c r="AD10465">
        <v>38</v>
      </c>
      <c r="AE10465">
        <v>38</v>
      </c>
      <c r="AF10465">
        <v>39</v>
      </c>
      <c r="AG10465">
        <v>39</v>
      </c>
      <c r="AH10465">
        <v>39</v>
      </c>
      <c r="AI10465">
        <v>40</v>
      </c>
      <c r="AJ10465">
        <v>40</v>
      </c>
      <c r="AK10465">
        <v>40</v>
      </c>
      <c r="AL10465">
        <v>40</v>
      </c>
      <c r="AM10465">
        <v>40</v>
      </c>
      <c r="AN10465">
        <v>40</v>
      </c>
      <c r="AO10465">
        <v>40</v>
      </c>
      <c r="AP10465">
        <v>40</v>
      </c>
      <c r="AQ10465">
        <v>40</v>
      </c>
    </row>
    <row r="10466" spans="1:43">
      <c r="A10466" t="s">
        <v>6520</v>
      </c>
      <c r="B10466" t="s">
        <v>6521</v>
      </c>
      <c r="C10466" t="s">
        <v>6226</v>
      </c>
      <c r="D10466" t="s">
        <v>6227</v>
      </c>
      <c r="E10466" t="s">
        <v>6174</v>
      </c>
      <c r="F10466" t="s">
        <v>6175</v>
      </c>
      <c r="G10466" t="s">
        <v>80</v>
      </c>
      <c r="H10466" t="s">
        <v>81</v>
      </c>
      <c r="I10466" s="2">
        <v>0</v>
      </c>
      <c r="J10466" s="2">
        <v>1</v>
      </c>
      <c r="K10466" s="2">
        <v>0</v>
      </c>
      <c r="L10466" t="s">
        <v>82</v>
      </c>
      <c r="M10466" t="s">
        <v>83</v>
      </c>
      <c r="N10466" t="s">
        <v>84</v>
      </c>
      <c r="O10466" t="s">
        <v>85</v>
      </c>
      <c r="P10466" t="s">
        <v>86</v>
      </c>
      <c r="Q10466">
        <v>6</v>
      </c>
      <c r="R10466">
        <v>6</v>
      </c>
      <c r="S10466">
        <v>6</v>
      </c>
      <c r="T10466">
        <v>6</v>
      </c>
      <c r="U10466">
        <v>6</v>
      </c>
      <c r="V10466">
        <v>6</v>
      </c>
      <c r="W10466">
        <v>6</v>
      </c>
      <c r="X10466">
        <v>7</v>
      </c>
      <c r="Y10466">
        <v>7</v>
      </c>
      <c r="Z10466">
        <v>7</v>
      </c>
      <c r="AA10466">
        <v>7</v>
      </c>
      <c r="AB10466">
        <v>7</v>
      </c>
      <c r="AC10466">
        <v>7</v>
      </c>
      <c r="AD10466">
        <v>7</v>
      </c>
      <c r="AE10466">
        <v>7</v>
      </c>
      <c r="AF10466">
        <v>7</v>
      </c>
      <c r="AG10466">
        <v>7</v>
      </c>
      <c r="AH10466">
        <v>7</v>
      </c>
      <c r="AI10466">
        <v>7</v>
      </c>
      <c r="AJ10466">
        <v>7</v>
      </c>
      <c r="AK10466">
        <v>7</v>
      </c>
      <c r="AL10466">
        <v>7</v>
      </c>
      <c r="AM10466">
        <v>7</v>
      </c>
      <c r="AN10466">
        <v>7</v>
      </c>
      <c r="AO10466">
        <v>7</v>
      </c>
      <c r="AP10466">
        <v>7</v>
      </c>
      <c r="AQ10466">
        <v>7</v>
      </c>
    </row>
    <row r="10467" spans="1:43">
      <c r="A10467" t="s">
        <v>6520</v>
      </c>
      <c r="B10467" t="s">
        <v>6521</v>
      </c>
      <c r="C10467" t="s">
        <v>6226</v>
      </c>
      <c r="D10467" t="s">
        <v>6227</v>
      </c>
      <c r="E10467" t="s">
        <v>6174</v>
      </c>
      <c r="F10467" t="s">
        <v>6175</v>
      </c>
      <c r="G10467" t="s">
        <v>80</v>
      </c>
      <c r="H10467" t="s">
        <v>81</v>
      </c>
      <c r="I10467" s="2">
        <v>0</v>
      </c>
      <c r="J10467" s="2">
        <v>1</v>
      </c>
      <c r="K10467" s="2">
        <v>0</v>
      </c>
      <c r="L10467" t="s">
        <v>82</v>
      </c>
      <c r="M10467" t="s">
        <v>87</v>
      </c>
      <c r="N10467" t="s">
        <v>88</v>
      </c>
      <c r="O10467" t="s">
        <v>85</v>
      </c>
      <c r="P10467" t="s">
        <v>86</v>
      </c>
      <c r="Q10467">
        <v>6</v>
      </c>
      <c r="R10467">
        <v>6</v>
      </c>
      <c r="S10467">
        <v>6</v>
      </c>
      <c r="T10467">
        <v>6</v>
      </c>
      <c r="U10467">
        <v>6</v>
      </c>
      <c r="V10467">
        <v>6</v>
      </c>
      <c r="W10467">
        <v>6</v>
      </c>
      <c r="X10467">
        <v>6</v>
      </c>
      <c r="Y10467">
        <v>6</v>
      </c>
      <c r="Z10467">
        <v>6</v>
      </c>
      <c r="AA10467">
        <v>6</v>
      </c>
      <c r="AB10467">
        <v>6</v>
      </c>
      <c r="AC10467">
        <v>6</v>
      </c>
      <c r="AD10467">
        <v>6</v>
      </c>
      <c r="AE10467">
        <v>6</v>
      </c>
      <c r="AF10467">
        <v>6</v>
      </c>
      <c r="AG10467">
        <v>6</v>
      </c>
      <c r="AH10467">
        <v>6</v>
      </c>
      <c r="AI10467">
        <v>6</v>
      </c>
      <c r="AJ10467">
        <v>6</v>
      </c>
      <c r="AK10467">
        <v>6</v>
      </c>
      <c r="AL10467">
        <v>6</v>
      </c>
      <c r="AM10467">
        <v>6</v>
      </c>
      <c r="AN10467">
        <v>6</v>
      </c>
      <c r="AO10467">
        <v>6</v>
      </c>
      <c r="AP10467">
        <v>6</v>
      </c>
      <c r="AQ10467">
        <v>6</v>
      </c>
    </row>
    <row r="10468" spans="1:43">
      <c r="A10468" t="s">
        <v>6520</v>
      </c>
      <c r="B10468" t="s">
        <v>6521</v>
      </c>
      <c r="C10468" t="s">
        <v>6226</v>
      </c>
      <c r="D10468" t="s">
        <v>6227</v>
      </c>
      <c r="E10468" t="s">
        <v>6174</v>
      </c>
      <c r="F10468" t="s">
        <v>6175</v>
      </c>
      <c r="G10468" t="s">
        <v>80</v>
      </c>
      <c r="H10468" t="s">
        <v>81</v>
      </c>
      <c r="I10468" s="2">
        <v>0</v>
      </c>
      <c r="J10468" s="2">
        <v>1</v>
      </c>
      <c r="K10468" s="2">
        <v>0</v>
      </c>
      <c r="L10468" t="s">
        <v>82</v>
      </c>
      <c r="M10468" t="s">
        <v>89</v>
      </c>
      <c r="N10468" t="s">
        <v>90</v>
      </c>
      <c r="O10468" t="s">
        <v>85</v>
      </c>
      <c r="P10468" t="s">
        <v>86</v>
      </c>
      <c r="Q10468">
        <v>6</v>
      </c>
      <c r="R10468">
        <v>6</v>
      </c>
      <c r="S10468">
        <v>6</v>
      </c>
      <c r="T10468">
        <v>6</v>
      </c>
      <c r="U10468">
        <v>7</v>
      </c>
      <c r="V10468">
        <v>7</v>
      </c>
      <c r="W10468">
        <v>7</v>
      </c>
      <c r="X10468">
        <v>7</v>
      </c>
      <c r="Y10468">
        <v>7</v>
      </c>
      <c r="Z10468">
        <v>7</v>
      </c>
      <c r="AA10468">
        <v>7</v>
      </c>
      <c r="AB10468">
        <v>7</v>
      </c>
      <c r="AC10468">
        <v>7</v>
      </c>
      <c r="AD10468">
        <v>7</v>
      </c>
      <c r="AE10468">
        <v>7</v>
      </c>
      <c r="AF10468">
        <v>7</v>
      </c>
      <c r="AG10468">
        <v>7</v>
      </c>
      <c r="AH10468">
        <v>7</v>
      </c>
      <c r="AI10468">
        <v>7</v>
      </c>
      <c r="AJ10468">
        <v>7</v>
      </c>
      <c r="AK10468">
        <v>7</v>
      </c>
      <c r="AL10468">
        <v>7</v>
      </c>
      <c r="AM10468">
        <v>7</v>
      </c>
      <c r="AN10468">
        <v>7</v>
      </c>
      <c r="AO10468">
        <v>7</v>
      </c>
      <c r="AP10468">
        <v>7</v>
      </c>
      <c r="AQ10468">
        <v>7</v>
      </c>
    </row>
    <row r="10469" spans="1:43">
      <c r="A10469" t="s">
        <v>6520</v>
      </c>
      <c r="B10469" t="s">
        <v>6521</v>
      </c>
      <c r="C10469" t="s">
        <v>6226</v>
      </c>
      <c r="D10469" t="s">
        <v>6227</v>
      </c>
      <c r="E10469" t="s">
        <v>6174</v>
      </c>
      <c r="F10469" t="s">
        <v>6175</v>
      </c>
      <c r="G10469" t="s">
        <v>80</v>
      </c>
      <c r="H10469" t="s">
        <v>81</v>
      </c>
      <c r="I10469" s="2">
        <v>0</v>
      </c>
      <c r="J10469" s="2">
        <v>1</v>
      </c>
      <c r="K10469" s="2">
        <v>0</v>
      </c>
      <c r="L10469" t="s">
        <v>82</v>
      </c>
      <c r="M10469" t="s">
        <v>83</v>
      </c>
      <c r="N10469" t="s">
        <v>91</v>
      </c>
      <c r="O10469" t="s">
        <v>85</v>
      </c>
      <c r="P10469" t="s">
        <v>86</v>
      </c>
      <c r="Q10469">
        <v>6</v>
      </c>
      <c r="R10469">
        <v>6</v>
      </c>
      <c r="S10469">
        <v>6</v>
      </c>
      <c r="T10469">
        <v>6</v>
      </c>
      <c r="U10469">
        <v>6</v>
      </c>
      <c r="V10469">
        <v>6</v>
      </c>
      <c r="W10469">
        <v>6</v>
      </c>
      <c r="X10469">
        <v>7</v>
      </c>
      <c r="Y10469">
        <v>7</v>
      </c>
      <c r="Z10469">
        <v>7</v>
      </c>
      <c r="AA10469">
        <v>7</v>
      </c>
      <c r="AB10469">
        <v>7</v>
      </c>
      <c r="AC10469">
        <v>7</v>
      </c>
      <c r="AD10469">
        <v>7</v>
      </c>
      <c r="AE10469">
        <v>7</v>
      </c>
      <c r="AF10469">
        <v>7</v>
      </c>
      <c r="AG10469">
        <v>7</v>
      </c>
      <c r="AH10469">
        <v>7</v>
      </c>
      <c r="AI10469">
        <v>7</v>
      </c>
      <c r="AJ10469">
        <v>7</v>
      </c>
      <c r="AK10469">
        <v>7</v>
      </c>
      <c r="AL10469">
        <v>7</v>
      </c>
      <c r="AM10469">
        <v>7</v>
      </c>
      <c r="AN10469">
        <v>7</v>
      </c>
      <c r="AO10469">
        <v>7</v>
      </c>
      <c r="AP10469">
        <v>7</v>
      </c>
      <c r="AQ10469">
        <v>7</v>
      </c>
    </row>
    <row r="10470" spans="1:43">
      <c r="A10470" t="s">
        <v>6522</v>
      </c>
      <c r="B10470" t="s">
        <v>6523</v>
      </c>
      <c r="C10470" t="s">
        <v>6226</v>
      </c>
      <c r="D10470" t="s">
        <v>6227</v>
      </c>
      <c r="E10470" t="s">
        <v>6174</v>
      </c>
      <c r="F10470" t="s">
        <v>6175</v>
      </c>
      <c r="G10470" t="s">
        <v>80</v>
      </c>
      <c r="H10470" t="s">
        <v>81</v>
      </c>
      <c r="I10470" s="2">
        <v>0</v>
      </c>
      <c r="J10470" s="2">
        <v>1</v>
      </c>
      <c r="K10470" s="2">
        <v>0</v>
      </c>
      <c r="L10470" t="s">
        <v>82</v>
      </c>
      <c r="M10470" t="s">
        <v>83</v>
      </c>
      <c r="N10470" t="s">
        <v>84</v>
      </c>
      <c r="O10470" t="s">
        <v>85</v>
      </c>
      <c r="P10470" t="s">
        <v>86</v>
      </c>
      <c r="Q10470">
        <v>65</v>
      </c>
      <c r="R10470">
        <v>66</v>
      </c>
      <c r="S10470">
        <v>67</v>
      </c>
      <c r="T10470">
        <v>68</v>
      </c>
      <c r="U10470">
        <v>68</v>
      </c>
      <c r="V10470">
        <v>69</v>
      </c>
      <c r="W10470">
        <v>70</v>
      </c>
      <c r="X10470">
        <v>71</v>
      </c>
      <c r="Y10470">
        <v>71</v>
      </c>
      <c r="Z10470">
        <v>72</v>
      </c>
      <c r="AA10470">
        <v>73</v>
      </c>
      <c r="AB10470">
        <v>73</v>
      </c>
      <c r="AC10470">
        <v>74</v>
      </c>
      <c r="AD10470">
        <v>75</v>
      </c>
      <c r="AE10470">
        <v>75</v>
      </c>
      <c r="AF10470">
        <v>76</v>
      </c>
      <c r="AG10470">
        <v>76</v>
      </c>
      <c r="AH10470">
        <v>77</v>
      </c>
      <c r="AI10470">
        <v>78</v>
      </c>
      <c r="AJ10470">
        <v>78</v>
      </c>
      <c r="AK10470">
        <v>79</v>
      </c>
      <c r="AL10470">
        <v>79</v>
      </c>
      <c r="AM10470">
        <v>79</v>
      </c>
      <c r="AN10470">
        <v>78</v>
      </c>
      <c r="AO10470">
        <v>78</v>
      </c>
      <c r="AP10470">
        <v>78</v>
      </c>
      <c r="AQ10470">
        <v>78</v>
      </c>
    </row>
    <row r="10471" spans="1:43">
      <c r="A10471" t="s">
        <v>6522</v>
      </c>
      <c r="B10471" t="s">
        <v>6523</v>
      </c>
      <c r="C10471" t="s">
        <v>6226</v>
      </c>
      <c r="D10471" t="s">
        <v>6227</v>
      </c>
      <c r="E10471" t="s">
        <v>6174</v>
      </c>
      <c r="F10471" t="s">
        <v>6175</v>
      </c>
      <c r="G10471" t="s">
        <v>80</v>
      </c>
      <c r="H10471" t="s">
        <v>81</v>
      </c>
      <c r="I10471" s="2">
        <v>0</v>
      </c>
      <c r="J10471" s="2">
        <v>1</v>
      </c>
      <c r="K10471" s="2">
        <v>0</v>
      </c>
      <c r="L10471" t="s">
        <v>82</v>
      </c>
      <c r="M10471" t="s">
        <v>87</v>
      </c>
      <c r="N10471" t="s">
        <v>88</v>
      </c>
      <c r="O10471" t="s">
        <v>85</v>
      </c>
      <c r="P10471" t="s">
        <v>86</v>
      </c>
      <c r="Q10471">
        <v>65</v>
      </c>
      <c r="R10471">
        <v>65</v>
      </c>
      <c r="S10471">
        <v>65</v>
      </c>
      <c r="T10471">
        <v>65</v>
      </c>
      <c r="U10471">
        <v>65</v>
      </c>
      <c r="V10471">
        <v>66</v>
      </c>
      <c r="W10471">
        <v>66</v>
      </c>
      <c r="X10471">
        <v>66</v>
      </c>
      <c r="Y10471">
        <v>66</v>
      </c>
      <c r="Z10471">
        <v>66</v>
      </c>
      <c r="AA10471">
        <v>66</v>
      </c>
      <c r="AB10471">
        <v>66</v>
      </c>
      <c r="AC10471">
        <v>66</v>
      </c>
      <c r="AD10471">
        <v>67</v>
      </c>
      <c r="AE10471">
        <v>67</v>
      </c>
      <c r="AF10471">
        <v>67</v>
      </c>
      <c r="AG10471">
        <v>67</v>
      </c>
      <c r="AH10471">
        <v>67</v>
      </c>
      <c r="AI10471">
        <v>67</v>
      </c>
      <c r="AJ10471">
        <v>67</v>
      </c>
      <c r="AK10471">
        <v>67</v>
      </c>
      <c r="AL10471">
        <v>67</v>
      </c>
      <c r="AM10471">
        <v>67</v>
      </c>
      <c r="AN10471">
        <v>67</v>
      </c>
      <c r="AO10471">
        <v>67</v>
      </c>
      <c r="AP10471">
        <v>68</v>
      </c>
      <c r="AQ10471">
        <v>68</v>
      </c>
    </row>
    <row r="10472" spans="1:43">
      <c r="A10472" t="s">
        <v>6522</v>
      </c>
      <c r="B10472" t="s">
        <v>6523</v>
      </c>
      <c r="C10472" t="s">
        <v>6226</v>
      </c>
      <c r="D10472" t="s">
        <v>6227</v>
      </c>
      <c r="E10472" t="s">
        <v>6174</v>
      </c>
      <c r="F10472" t="s">
        <v>6175</v>
      </c>
      <c r="G10472" t="s">
        <v>80</v>
      </c>
      <c r="H10472" t="s">
        <v>81</v>
      </c>
      <c r="I10472" s="2">
        <v>0</v>
      </c>
      <c r="J10472" s="2">
        <v>1</v>
      </c>
      <c r="K10472" s="2">
        <v>0</v>
      </c>
      <c r="L10472" t="s">
        <v>82</v>
      </c>
      <c r="M10472" t="s">
        <v>89</v>
      </c>
      <c r="N10472" t="s">
        <v>90</v>
      </c>
      <c r="O10472" t="s">
        <v>85</v>
      </c>
      <c r="P10472" t="s">
        <v>86</v>
      </c>
      <c r="Q10472">
        <v>65</v>
      </c>
      <c r="R10472">
        <v>66</v>
      </c>
      <c r="S10472">
        <v>68</v>
      </c>
      <c r="T10472">
        <v>69</v>
      </c>
      <c r="U10472">
        <v>70</v>
      </c>
      <c r="V10472">
        <v>71</v>
      </c>
      <c r="W10472">
        <v>72</v>
      </c>
      <c r="X10472">
        <v>74</v>
      </c>
      <c r="Y10472">
        <v>75</v>
      </c>
      <c r="Z10472">
        <v>76</v>
      </c>
      <c r="AA10472">
        <v>76</v>
      </c>
      <c r="AB10472">
        <v>77</v>
      </c>
      <c r="AC10472">
        <v>78</v>
      </c>
      <c r="AD10472">
        <v>79</v>
      </c>
      <c r="AE10472">
        <v>80</v>
      </c>
      <c r="AF10472">
        <v>80</v>
      </c>
      <c r="AG10472">
        <v>79</v>
      </c>
      <c r="AH10472">
        <v>79</v>
      </c>
      <c r="AI10472">
        <v>79</v>
      </c>
      <c r="AJ10472">
        <v>79</v>
      </c>
      <c r="AK10472">
        <v>79</v>
      </c>
      <c r="AL10472">
        <v>78</v>
      </c>
      <c r="AM10472">
        <v>78</v>
      </c>
      <c r="AN10472">
        <v>78</v>
      </c>
      <c r="AO10472">
        <v>78</v>
      </c>
      <c r="AP10472">
        <v>78</v>
      </c>
      <c r="AQ10472">
        <v>77</v>
      </c>
    </row>
    <row r="10473" spans="1:43">
      <c r="A10473" t="s">
        <v>6522</v>
      </c>
      <c r="B10473" t="s">
        <v>6523</v>
      </c>
      <c r="C10473" t="s">
        <v>6226</v>
      </c>
      <c r="D10473" t="s">
        <v>6227</v>
      </c>
      <c r="E10473" t="s">
        <v>6174</v>
      </c>
      <c r="F10473" t="s">
        <v>6175</v>
      </c>
      <c r="G10473" t="s">
        <v>80</v>
      </c>
      <c r="H10473" t="s">
        <v>81</v>
      </c>
      <c r="I10473" s="2">
        <v>0</v>
      </c>
      <c r="J10473" s="2">
        <v>1</v>
      </c>
      <c r="K10473" s="2">
        <v>0</v>
      </c>
      <c r="L10473" t="s">
        <v>82</v>
      </c>
      <c r="M10473" t="s">
        <v>83</v>
      </c>
      <c r="N10473" t="s">
        <v>91</v>
      </c>
      <c r="O10473" t="s">
        <v>85</v>
      </c>
      <c r="P10473" t="s">
        <v>86</v>
      </c>
      <c r="Q10473">
        <v>65</v>
      </c>
      <c r="R10473">
        <v>66</v>
      </c>
      <c r="S10473">
        <v>67</v>
      </c>
      <c r="T10473">
        <v>68</v>
      </c>
      <c r="U10473">
        <v>68</v>
      </c>
      <c r="V10473">
        <v>69</v>
      </c>
      <c r="W10473">
        <v>70</v>
      </c>
      <c r="X10473">
        <v>71</v>
      </c>
      <c r="Y10473">
        <v>71</v>
      </c>
      <c r="Z10473">
        <v>72</v>
      </c>
      <c r="AA10473">
        <v>73</v>
      </c>
      <c r="AB10473">
        <v>73</v>
      </c>
      <c r="AC10473">
        <v>74</v>
      </c>
      <c r="AD10473">
        <v>75</v>
      </c>
      <c r="AE10473">
        <v>75</v>
      </c>
      <c r="AF10473">
        <v>76</v>
      </c>
      <c r="AG10473">
        <v>76</v>
      </c>
      <c r="AH10473">
        <v>77</v>
      </c>
      <c r="AI10473">
        <v>78</v>
      </c>
      <c r="AJ10473">
        <v>78</v>
      </c>
      <c r="AK10473">
        <v>79</v>
      </c>
      <c r="AL10473">
        <v>79</v>
      </c>
      <c r="AM10473">
        <v>79</v>
      </c>
      <c r="AN10473">
        <v>78</v>
      </c>
      <c r="AO10473">
        <v>78</v>
      </c>
      <c r="AP10473">
        <v>78</v>
      </c>
      <c r="AQ10473">
        <v>78</v>
      </c>
    </row>
    <row r="10474" spans="1:43">
      <c r="A10474" t="s">
        <v>6524</v>
      </c>
      <c r="B10474" t="s">
        <v>6525</v>
      </c>
      <c r="C10474" t="s">
        <v>6226</v>
      </c>
      <c r="D10474" t="s">
        <v>6227</v>
      </c>
      <c r="E10474" t="s">
        <v>6174</v>
      </c>
      <c r="F10474" t="s">
        <v>6175</v>
      </c>
      <c r="G10474" t="s">
        <v>80</v>
      </c>
      <c r="H10474" t="s">
        <v>81</v>
      </c>
      <c r="I10474" s="2">
        <v>0</v>
      </c>
      <c r="J10474" s="2">
        <v>1</v>
      </c>
      <c r="K10474" s="2">
        <v>0</v>
      </c>
      <c r="L10474" t="s">
        <v>82</v>
      </c>
      <c r="M10474" t="s">
        <v>83</v>
      </c>
      <c r="N10474" t="s">
        <v>84</v>
      </c>
      <c r="O10474" t="s">
        <v>85</v>
      </c>
      <c r="P10474" t="s">
        <v>86</v>
      </c>
      <c r="Q10474">
        <v>17</v>
      </c>
      <c r="R10474">
        <v>18</v>
      </c>
      <c r="S10474">
        <v>18</v>
      </c>
      <c r="T10474">
        <v>18</v>
      </c>
      <c r="U10474">
        <v>18</v>
      </c>
      <c r="V10474">
        <v>19</v>
      </c>
      <c r="W10474">
        <v>19</v>
      </c>
      <c r="X10474">
        <v>19</v>
      </c>
      <c r="Y10474">
        <v>19</v>
      </c>
      <c r="Z10474">
        <v>19</v>
      </c>
      <c r="AA10474">
        <v>19</v>
      </c>
      <c r="AB10474">
        <v>20</v>
      </c>
      <c r="AC10474">
        <v>20</v>
      </c>
      <c r="AD10474">
        <v>20</v>
      </c>
      <c r="AE10474">
        <v>20</v>
      </c>
      <c r="AF10474">
        <v>20</v>
      </c>
      <c r="AG10474">
        <v>20</v>
      </c>
      <c r="AH10474">
        <v>21</v>
      </c>
      <c r="AI10474">
        <v>21</v>
      </c>
      <c r="AJ10474">
        <v>21</v>
      </c>
      <c r="AK10474">
        <v>21</v>
      </c>
      <c r="AL10474">
        <v>21</v>
      </c>
      <c r="AM10474">
        <v>21</v>
      </c>
      <c r="AN10474">
        <v>21</v>
      </c>
      <c r="AO10474">
        <v>21</v>
      </c>
      <c r="AP10474">
        <v>21</v>
      </c>
      <c r="AQ10474">
        <v>21</v>
      </c>
    </row>
    <row r="10475" spans="1:43">
      <c r="A10475" t="s">
        <v>6524</v>
      </c>
      <c r="B10475" t="s">
        <v>6525</v>
      </c>
      <c r="C10475" t="s">
        <v>6226</v>
      </c>
      <c r="D10475" t="s">
        <v>6227</v>
      </c>
      <c r="E10475" t="s">
        <v>6174</v>
      </c>
      <c r="F10475" t="s">
        <v>6175</v>
      </c>
      <c r="G10475" t="s">
        <v>80</v>
      </c>
      <c r="H10475" t="s">
        <v>81</v>
      </c>
      <c r="I10475" s="2">
        <v>0</v>
      </c>
      <c r="J10475" s="2">
        <v>1</v>
      </c>
      <c r="K10475" s="2">
        <v>0</v>
      </c>
      <c r="L10475" t="s">
        <v>82</v>
      </c>
      <c r="M10475" t="s">
        <v>87</v>
      </c>
      <c r="N10475" t="s">
        <v>88</v>
      </c>
      <c r="O10475" t="s">
        <v>85</v>
      </c>
      <c r="P10475" t="s">
        <v>86</v>
      </c>
      <c r="Q10475">
        <v>17</v>
      </c>
      <c r="R10475">
        <v>17</v>
      </c>
      <c r="S10475">
        <v>17</v>
      </c>
      <c r="T10475">
        <v>17</v>
      </c>
      <c r="U10475">
        <v>17</v>
      </c>
      <c r="V10475">
        <v>18</v>
      </c>
      <c r="W10475">
        <v>18</v>
      </c>
      <c r="X10475">
        <v>18</v>
      </c>
      <c r="Y10475">
        <v>18</v>
      </c>
      <c r="Z10475">
        <v>18</v>
      </c>
      <c r="AA10475">
        <v>18</v>
      </c>
      <c r="AB10475">
        <v>18</v>
      </c>
      <c r="AC10475">
        <v>18</v>
      </c>
      <c r="AD10475">
        <v>18</v>
      </c>
      <c r="AE10475">
        <v>18</v>
      </c>
      <c r="AF10475">
        <v>18</v>
      </c>
      <c r="AG10475">
        <v>18</v>
      </c>
      <c r="AH10475">
        <v>18</v>
      </c>
      <c r="AI10475">
        <v>18</v>
      </c>
      <c r="AJ10475">
        <v>18</v>
      </c>
      <c r="AK10475">
        <v>18</v>
      </c>
      <c r="AL10475">
        <v>18</v>
      </c>
      <c r="AM10475">
        <v>18</v>
      </c>
      <c r="AN10475">
        <v>18</v>
      </c>
      <c r="AO10475">
        <v>18</v>
      </c>
      <c r="AP10475">
        <v>18</v>
      </c>
      <c r="AQ10475">
        <v>18</v>
      </c>
    </row>
    <row r="10476" spans="1:43">
      <c r="A10476" t="s">
        <v>6524</v>
      </c>
      <c r="B10476" t="s">
        <v>6525</v>
      </c>
      <c r="C10476" t="s">
        <v>6226</v>
      </c>
      <c r="D10476" t="s">
        <v>6227</v>
      </c>
      <c r="E10476" t="s">
        <v>6174</v>
      </c>
      <c r="F10476" t="s">
        <v>6175</v>
      </c>
      <c r="G10476" t="s">
        <v>80</v>
      </c>
      <c r="H10476" t="s">
        <v>81</v>
      </c>
      <c r="I10476" s="2">
        <v>0</v>
      </c>
      <c r="J10476" s="2">
        <v>1</v>
      </c>
      <c r="K10476" s="2">
        <v>0</v>
      </c>
      <c r="L10476" t="s">
        <v>82</v>
      </c>
      <c r="M10476" t="s">
        <v>89</v>
      </c>
      <c r="N10476" t="s">
        <v>90</v>
      </c>
      <c r="O10476" t="s">
        <v>85</v>
      </c>
      <c r="P10476" t="s">
        <v>86</v>
      </c>
      <c r="Q10476">
        <v>17</v>
      </c>
      <c r="R10476">
        <v>17</v>
      </c>
      <c r="S10476">
        <v>17</v>
      </c>
      <c r="T10476">
        <v>18</v>
      </c>
      <c r="U10476">
        <v>18</v>
      </c>
      <c r="V10476">
        <v>18</v>
      </c>
      <c r="W10476">
        <v>19</v>
      </c>
      <c r="X10476">
        <v>19</v>
      </c>
      <c r="Y10476">
        <v>19</v>
      </c>
      <c r="Z10476">
        <v>19</v>
      </c>
      <c r="AA10476">
        <v>20</v>
      </c>
      <c r="AB10476">
        <v>20</v>
      </c>
      <c r="AC10476">
        <v>20</v>
      </c>
      <c r="AD10476">
        <v>20</v>
      </c>
      <c r="AE10476">
        <v>21</v>
      </c>
      <c r="AF10476">
        <v>21</v>
      </c>
      <c r="AG10476">
        <v>21</v>
      </c>
      <c r="AH10476">
        <v>20</v>
      </c>
      <c r="AI10476">
        <v>20</v>
      </c>
      <c r="AJ10476">
        <v>20</v>
      </c>
      <c r="AK10476">
        <v>20</v>
      </c>
      <c r="AL10476">
        <v>20</v>
      </c>
      <c r="AM10476">
        <v>20</v>
      </c>
      <c r="AN10476">
        <v>20</v>
      </c>
      <c r="AO10476">
        <v>20</v>
      </c>
      <c r="AP10476">
        <v>20</v>
      </c>
      <c r="AQ10476">
        <v>20</v>
      </c>
    </row>
    <row r="10477" spans="1:43">
      <c r="A10477" t="s">
        <v>6524</v>
      </c>
      <c r="B10477" t="s">
        <v>6525</v>
      </c>
      <c r="C10477" t="s">
        <v>6226</v>
      </c>
      <c r="D10477" t="s">
        <v>6227</v>
      </c>
      <c r="E10477" t="s">
        <v>6174</v>
      </c>
      <c r="F10477" t="s">
        <v>6175</v>
      </c>
      <c r="G10477" t="s">
        <v>80</v>
      </c>
      <c r="H10477" t="s">
        <v>81</v>
      </c>
      <c r="I10477" s="2">
        <v>0</v>
      </c>
      <c r="J10477" s="2">
        <v>1</v>
      </c>
      <c r="K10477" s="2">
        <v>0</v>
      </c>
      <c r="L10477" t="s">
        <v>82</v>
      </c>
      <c r="M10477" t="s">
        <v>83</v>
      </c>
      <c r="N10477" t="s">
        <v>91</v>
      </c>
      <c r="O10477" t="s">
        <v>85</v>
      </c>
      <c r="P10477" t="s">
        <v>86</v>
      </c>
      <c r="Q10477">
        <v>17</v>
      </c>
      <c r="R10477">
        <v>18</v>
      </c>
      <c r="S10477">
        <v>18</v>
      </c>
      <c r="T10477">
        <v>18</v>
      </c>
      <c r="U10477">
        <v>18</v>
      </c>
      <c r="V10477">
        <v>19</v>
      </c>
      <c r="W10477">
        <v>19</v>
      </c>
      <c r="X10477">
        <v>19</v>
      </c>
      <c r="Y10477">
        <v>19</v>
      </c>
      <c r="Z10477">
        <v>19</v>
      </c>
      <c r="AA10477">
        <v>19</v>
      </c>
      <c r="AB10477">
        <v>20</v>
      </c>
      <c r="AC10477">
        <v>20</v>
      </c>
      <c r="AD10477">
        <v>20</v>
      </c>
      <c r="AE10477">
        <v>20</v>
      </c>
      <c r="AF10477">
        <v>20</v>
      </c>
      <c r="AG10477">
        <v>20</v>
      </c>
      <c r="AH10477">
        <v>21</v>
      </c>
      <c r="AI10477">
        <v>21</v>
      </c>
      <c r="AJ10477">
        <v>21</v>
      </c>
      <c r="AK10477">
        <v>21</v>
      </c>
      <c r="AL10477">
        <v>21</v>
      </c>
      <c r="AM10477">
        <v>21</v>
      </c>
      <c r="AN10477">
        <v>21</v>
      </c>
      <c r="AO10477">
        <v>21</v>
      </c>
      <c r="AP10477">
        <v>21</v>
      </c>
      <c r="AQ10477">
        <v>21</v>
      </c>
    </row>
    <row r="10478" spans="1:43">
      <c r="A10478" t="s">
        <v>6526</v>
      </c>
      <c r="B10478" t="s">
        <v>6527</v>
      </c>
      <c r="C10478" t="s">
        <v>6478</v>
      </c>
      <c r="D10478" t="s">
        <v>6479</v>
      </c>
      <c r="E10478" t="s">
        <v>6174</v>
      </c>
      <c r="F10478" t="s">
        <v>6175</v>
      </c>
      <c r="G10478" t="s">
        <v>80</v>
      </c>
      <c r="H10478" t="s">
        <v>81</v>
      </c>
      <c r="I10478" s="2">
        <v>0</v>
      </c>
      <c r="J10478" s="2">
        <v>1</v>
      </c>
      <c r="K10478" s="2">
        <v>0</v>
      </c>
      <c r="L10478" t="s">
        <v>82</v>
      </c>
      <c r="M10478" t="s">
        <v>83</v>
      </c>
      <c r="N10478" t="s">
        <v>84</v>
      </c>
      <c r="O10478" t="s">
        <v>85</v>
      </c>
      <c r="P10478" t="s">
        <v>86</v>
      </c>
      <c r="Q10478">
        <v>12</v>
      </c>
      <c r="R10478">
        <v>12</v>
      </c>
      <c r="S10478">
        <v>12</v>
      </c>
      <c r="T10478">
        <v>12</v>
      </c>
      <c r="U10478">
        <v>12</v>
      </c>
      <c r="V10478">
        <v>12</v>
      </c>
      <c r="W10478">
        <v>12</v>
      </c>
      <c r="X10478">
        <v>12</v>
      </c>
      <c r="Y10478">
        <v>13</v>
      </c>
      <c r="Z10478">
        <v>13</v>
      </c>
      <c r="AA10478">
        <v>13</v>
      </c>
      <c r="AB10478">
        <v>13</v>
      </c>
      <c r="AC10478">
        <v>13</v>
      </c>
      <c r="AD10478">
        <v>13</v>
      </c>
      <c r="AE10478">
        <v>13</v>
      </c>
      <c r="AF10478">
        <v>13</v>
      </c>
      <c r="AG10478">
        <v>14</v>
      </c>
      <c r="AH10478">
        <v>14</v>
      </c>
      <c r="AI10478">
        <v>14</v>
      </c>
      <c r="AJ10478">
        <v>14</v>
      </c>
      <c r="AK10478">
        <v>14</v>
      </c>
      <c r="AL10478">
        <v>14</v>
      </c>
      <c r="AM10478">
        <v>14</v>
      </c>
      <c r="AN10478">
        <v>14</v>
      </c>
      <c r="AO10478">
        <v>14</v>
      </c>
      <c r="AP10478">
        <v>14</v>
      </c>
      <c r="AQ10478">
        <v>14</v>
      </c>
    </row>
    <row r="10479" spans="1:43">
      <c r="A10479" t="s">
        <v>6526</v>
      </c>
      <c r="B10479" t="s">
        <v>6527</v>
      </c>
      <c r="C10479" t="s">
        <v>6478</v>
      </c>
      <c r="D10479" t="s">
        <v>6479</v>
      </c>
      <c r="E10479" t="s">
        <v>6174</v>
      </c>
      <c r="F10479" t="s">
        <v>6175</v>
      </c>
      <c r="G10479" t="s">
        <v>80</v>
      </c>
      <c r="H10479" t="s">
        <v>81</v>
      </c>
      <c r="I10479" s="2">
        <v>0</v>
      </c>
      <c r="J10479" s="2">
        <v>1</v>
      </c>
      <c r="K10479" s="2">
        <v>0</v>
      </c>
      <c r="L10479" t="s">
        <v>82</v>
      </c>
      <c r="M10479" t="s">
        <v>87</v>
      </c>
      <c r="N10479" t="s">
        <v>88</v>
      </c>
      <c r="O10479" t="s">
        <v>85</v>
      </c>
      <c r="P10479" t="s">
        <v>86</v>
      </c>
      <c r="Q10479">
        <v>12</v>
      </c>
      <c r="R10479">
        <v>12</v>
      </c>
      <c r="S10479">
        <v>12</v>
      </c>
      <c r="T10479">
        <v>13</v>
      </c>
      <c r="U10479">
        <v>13</v>
      </c>
      <c r="V10479">
        <v>13</v>
      </c>
      <c r="W10479">
        <v>13</v>
      </c>
      <c r="X10479">
        <v>13</v>
      </c>
      <c r="Y10479">
        <v>13</v>
      </c>
      <c r="Z10479">
        <v>13</v>
      </c>
      <c r="AA10479">
        <v>13</v>
      </c>
      <c r="AB10479">
        <v>13</v>
      </c>
      <c r="AC10479">
        <v>13</v>
      </c>
      <c r="AD10479">
        <v>13</v>
      </c>
      <c r="AE10479">
        <v>13</v>
      </c>
      <c r="AF10479">
        <v>13</v>
      </c>
      <c r="AG10479">
        <v>13</v>
      </c>
      <c r="AH10479">
        <v>13</v>
      </c>
      <c r="AI10479">
        <v>13</v>
      </c>
      <c r="AJ10479">
        <v>13</v>
      </c>
      <c r="AK10479">
        <v>13</v>
      </c>
      <c r="AL10479">
        <v>13</v>
      </c>
      <c r="AM10479">
        <v>13</v>
      </c>
      <c r="AN10479">
        <v>13</v>
      </c>
      <c r="AO10479">
        <v>13</v>
      </c>
      <c r="AP10479">
        <v>13</v>
      </c>
      <c r="AQ10479">
        <v>13</v>
      </c>
    </row>
    <row r="10480" spans="1:43">
      <c r="A10480" t="s">
        <v>6526</v>
      </c>
      <c r="B10480" t="s">
        <v>6527</v>
      </c>
      <c r="C10480" t="s">
        <v>6478</v>
      </c>
      <c r="D10480" t="s">
        <v>6479</v>
      </c>
      <c r="E10480" t="s">
        <v>6174</v>
      </c>
      <c r="F10480" t="s">
        <v>6175</v>
      </c>
      <c r="G10480" t="s">
        <v>80</v>
      </c>
      <c r="H10480" t="s">
        <v>81</v>
      </c>
      <c r="I10480" s="2">
        <v>0</v>
      </c>
      <c r="J10480" s="2">
        <v>1</v>
      </c>
      <c r="K10480" s="2">
        <v>0</v>
      </c>
      <c r="L10480" t="s">
        <v>82</v>
      </c>
      <c r="M10480" t="s">
        <v>89</v>
      </c>
      <c r="N10480" t="s">
        <v>90</v>
      </c>
      <c r="O10480" t="s">
        <v>85</v>
      </c>
      <c r="P10480" t="s">
        <v>86</v>
      </c>
      <c r="Q10480">
        <v>12</v>
      </c>
      <c r="R10480">
        <v>12</v>
      </c>
      <c r="S10480">
        <v>12</v>
      </c>
      <c r="T10480">
        <v>12</v>
      </c>
      <c r="U10480">
        <v>13</v>
      </c>
      <c r="V10480">
        <v>13</v>
      </c>
      <c r="W10480">
        <v>13</v>
      </c>
      <c r="X10480">
        <v>13</v>
      </c>
      <c r="Y10480">
        <v>13</v>
      </c>
      <c r="Z10480">
        <v>14</v>
      </c>
      <c r="AA10480">
        <v>14</v>
      </c>
      <c r="AB10480">
        <v>14</v>
      </c>
      <c r="AC10480">
        <v>14</v>
      </c>
      <c r="AD10480">
        <v>14</v>
      </c>
      <c r="AE10480">
        <v>14</v>
      </c>
      <c r="AF10480">
        <v>14</v>
      </c>
      <c r="AG10480">
        <v>14</v>
      </c>
      <c r="AH10480">
        <v>14</v>
      </c>
      <c r="AI10480">
        <v>14</v>
      </c>
      <c r="AJ10480">
        <v>14</v>
      </c>
      <c r="AK10480">
        <v>14</v>
      </c>
      <c r="AL10480">
        <v>14</v>
      </c>
      <c r="AM10480">
        <v>14</v>
      </c>
      <c r="AN10480">
        <v>14</v>
      </c>
      <c r="AO10480">
        <v>14</v>
      </c>
      <c r="AP10480">
        <v>14</v>
      </c>
      <c r="AQ10480">
        <v>14</v>
      </c>
    </row>
    <row r="10481" spans="1:43">
      <c r="A10481" t="s">
        <v>6526</v>
      </c>
      <c r="B10481" t="s">
        <v>6527</v>
      </c>
      <c r="C10481" t="s">
        <v>6478</v>
      </c>
      <c r="D10481" t="s">
        <v>6479</v>
      </c>
      <c r="E10481" t="s">
        <v>6174</v>
      </c>
      <c r="F10481" t="s">
        <v>6175</v>
      </c>
      <c r="G10481" t="s">
        <v>80</v>
      </c>
      <c r="H10481" t="s">
        <v>81</v>
      </c>
      <c r="I10481" s="2">
        <v>0</v>
      </c>
      <c r="J10481" s="2">
        <v>1</v>
      </c>
      <c r="K10481" s="2">
        <v>0</v>
      </c>
      <c r="L10481" t="s">
        <v>82</v>
      </c>
      <c r="M10481" t="s">
        <v>83</v>
      </c>
      <c r="N10481" t="s">
        <v>91</v>
      </c>
      <c r="O10481" t="s">
        <v>85</v>
      </c>
      <c r="P10481" t="s">
        <v>86</v>
      </c>
      <c r="Q10481">
        <v>12</v>
      </c>
      <c r="R10481">
        <v>12</v>
      </c>
      <c r="S10481">
        <v>12</v>
      </c>
      <c r="T10481">
        <v>12</v>
      </c>
      <c r="U10481">
        <v>12</v>
      </c>
      <c r="V10481">
        <v>12</v>
      </c>
      <c r="W10481">
        <v>12</v>
      </c>
      <c r="X10481">
        <v>12</v>
      </c>
      <c r="Y10481">
        <v>13</v>
      </c>
      <c r="Z10481">
        <v>13</v>
      </c>
      <c r="AA10481">
        <v>13</v>
      </c>
      <c r="AB10481">
        <v>13</v>
      </c>
      <c r="AC10481">
        <v>13</v>
      </c>
      <c r="AD10481">
        <v>13</v>
      </c>
      <c r="AE10481">
        <v>13</v>
      </c>
      <c r="AF10481">
        <v>13</v>
      </c>
      <c r="AG10481">
        <v>14</v>
      </c>
      <c r="AH10481">
        <v>14</v>
      </c>
      <c r="AI10481">
        <v>14</v>
      </c>
      <c r="AJ10481">
        <v>14</v>
      </c>
      <c r="AK10481">
        <v>14</v>
      </c>
      <c r="AL10481">
        <v>14</v>
      </c>
      <c r="AM10481">
        <v>14</v>
      </c>
      <c r="AN10481">
        <v>14</v>
      </c>
      <c r="AO10481">
        <v>14</v>
      </c>
      <c r="AP10481">
        <v>14</v>
      </c>
      <c r="AQ10481">
        <v>14</v>
      </c>
    </row>
    <row r="10482" spans="1:43">
      <c r="A10482" t="s">
        <v>6528</v>
      </c>
      <c r="B10482" t="s">
        <v>6529</v>
      </c>
      <c r="C10482" t="s">
        <v>6478</v>
      </c>
      <c r="D10482" t="s">
        <v>6479</v>
      </c>
      <c r="E10482" t="s">
        <v>6174</v>
      </c>
      <c r="F10482" t="s">
        <v>6175</v>
      </c>
      <c r="G10482" t="s">
        <v>80</v>
      </c>
      <c r="H10482" t="s">
        <v>81</v>
      </c>
      <c r="I10482" s="2">
        <v>0</v>
      </c>
      <c r="J10482" s="2">
        <v>1</v>
      </c>
      <c r="K10482" s="2">
        <v>0</v>
      </c>
      <c r="L10482" t="s">
        <v>82</v>
      </c>
      <c r="M10482" t="s">
        <v>83</v>
      </c>
      <c r="N10482" t="s">
        <v>84</v>
      </c>
      <c r="O10482" t="s">
        <v>85</v>
      </c>
      <c r="P10482" t="s">
        <v>86</v>
      </c>
      <c r="Q10482">
        <v>16</v>
      </c>
      <c r="R10482">
        <v>17</v>
      </c>
      <c r="S10482">
        <v>17</v>
      </c>
      <c r="T10482">
        <v>17</v>
      </c>
      <c r="U10482">
        <v>17</v>
      </c>
      <c r="V10482">
        <v>17</v>
      </c>
      <c r="W10482">
        <v>17</v>
      </c>
      <c r="X10482">
        <v>18</v>
      </c>
      <c r="Y10482">
        <v>18</v>
      </c>
      <c r="Z10482">
        <v>18</v>
      </c>
      <c r="AA10482">
        <v>18</v>
      </c>
      <c r="AB10482">
        <v>18</v>
      </c>
      <c r="AC10482">
        <v>19</v>
      </c>
      <c r="AD10482">
        <v>19</v>
      </c>
      <c r="AE10482">
        <v>19</v>
      </c>
      <c r="AF10482">
        <v>19</v>
      </c>
      <c r="AG10482">
        <v>19</v>
      </c>
      <c r="AH10482">
        <v>19</v>
      </c>
      <c r="AI10482">
        <v>19</v>
      </c>
      <c r="AJ10482">
        <v>20</v>
      </c>
      <c r="AK10482">
        <v>20</v>
      </c>
      <c r="AL10482">
        <v>20</v>
      </c>
      <c r="AM10482">
        <v>20</v>
      </c>
      <c r="AN10482">
        <v>20</v>
      </c>
      <c r="AO10482">
        <v>20</v>
      </c>
      <c r="AP10482">
        <v>19</v>
      </c>
      <c r="AQ10482">
        <v>19</v>
      </c>
    </row>
    <row r="10483" spans="1:43">
      <c r="A10483" t="s">
        <v>6528</v>
      </c>
      <c r="B10483" t="s">
        <v>6529</v>
      </c>
      <c r="C10483" t="s">
        <v>6478</v>
      </c>
      <c r="D10483" t="s">
        <v>6479</v>
      </c>
      <c r="E10483" t="s">
        <v>6174</v>
      </c>
      <c r="F10483" t="s">
        <v>6175</v>
      </c>
      <c r="G10483" t="s">
        <v>80</v>
      </c>
      <c r="H10483" t="s">
        <v>81</v>
      </c>
      <c r="I10483" s="2">
        <v>0</v>
      </c>
      <c r="J10483" s="2">
        <v>1</v>
      </c>
      <c r="K10483" s="2">
        <v>0</v>
      </c>
      <c r="L10483" t="s">
        <v>82</v>
      </c>
      <c r="M10483" t="s">
        <v>87</v>
      </c>
      <c r="N10483" t="s">
        <v>88</v>
      </c>
      <c r="O10483" t="s">
        <v>85</v>
      </c>
      <c r="P10483" t="s">
        <v>86</v>
      </c>
      <c r="Q10483">
        <v>16</v>
      </c>
      <c r="R10483">
        <v>16</v>
      </c>
      <c r="S10483">
        <v>16</v>
      </c>
      <c r="T10483">
        <v>16</v>
      </c>
      <c r="U10483">
        <v>16</v>
      </c>
      <c r="V10483">
        <v>16</v>
      </c>
      <c r="W10483">
        <v>16</v>
      </c>
      <c r="X10483">
        <v>16</v>
      </c>
      <c r="Y10483">
        <v>16</v>
      </c>
      <c r="Z10483">
        <v>17</v>
      </c>
      <c r="AA10483">
        <v>17</v>
      </c>
      <c r="AB10483">
        <v>17</v>
      </c>
      <c r="AC10483">
        <v>17</v>
      </c>
      <c r="AD10483">
        <v>17</v>
      </c>
      <c r="AE10483">
        <v>17</v>
      </c>
      <c r="AF10483">
        <v>17</v>
      </c>
      <c r="AG10483">
        <v>17</v>
      </c>
      <c r="AH10483">
        <v>17</v>
      </c>
      <c r="AI10483">
        <v>17</v>
      </c>
      <c r="AJ10483">
        <v>17</v>
      </c>
      <c r="AK10483">
        <v>17</v>
      </c>
      <c r="AL10483">
        <v>17</v>
      </c>
      <c r="AM10483">
        <v>17</v>
      </c>
      <c r="AN10483">
        <v>17</v>
      </c>
      <c r="AO10483">
        <v>17</v>
      </c>
      <c r="AP10483">
        <v>17</v>
      </c>
      <c r="AQ10483">
        <v>17</v>
      </c>
    </row>
    <row r="10484" spans="1:43">
      <c r="A10484" t="s">
        <v>6528</v>
      </c>
      <c r="B10484" t="s">
        <v>6529</v>
      </c>
      <c r="C10484" t="s">
        <v>6478</v>
      </c>
      <c r="D10484" t="s">
        <v>6479</v>
      </c>
      <c r="E10484" t="s">
        <v>6174</v>
      </c>
      <c r="F10484" t="s">
        <v>6175</v>
      </c>
      <c r="G10484" t="s">
        <v>80</v>
      </c>
      <c r="H10484" t="s">
        <v>81</v>
      </c>
      <c r="I10484" s="2">
        <v>0</v>
      </c>
      <c r="J10484" s="2">
        <v>1</v>
      </c>
      <c r="K10484" s="2">
        <v>0</v>
      </c>
      <c r="L10484" t="s">
        <v>82</v>
      </c>
      <c r="M10484" t="s">
        <v>89</v>
      </c>
      <c r="N10484" t="s">
        <v>90</v>
      </c>
      <c r="O10484" t="s">
        <v>85</v>
      </c>
      <c r="P10484" t="s">
        <v>86</v>
      </c>
      <c r="Q10484">
        <v>16</v>
      </c>
      <c r="R10484">
        <v>17</v>
      </c>
      <c r="S10484">
        <v>17</v>
      </c>
      <c r="T10484">
        <v>17</v>
      </c>
      <c r="U10484">
        <v>18</v>
      </c>
      <c r="V10484">
        <v>18</v>
      </c>
      <c r="W10484">
        <v>18</v>
      </c>
      <c r="X10484">
        <v>19</v>
      </c>
      <c r="Y10484">
        <v>19</v>
      </c>
      <c r="Z10484">
        <v>19</v>
      </c>
      <c r="AA10484">
        <v>19</v>
      </c>
      <c r="AB10484">
        <v>20</v>
      </c>
      <c r="AC10484">
        <v>20</v>
      </c>
      <c r="AD10484">
        <v>20</v>
      </c>
      <c r="AE10484">
        <v>20</v>
      </c>
      <c r="AF10484">
        <v>20</v>
      </c>
      <c r="AG10484">
        <v>20</v>
      </c>
      <c r="AH10484">
        <v>20</v>
      </c>
      <c r="AI10484">
        <v>20</v>
      </c>
      <c r="AJ10484">
        <v>20</v>
      </c>
      <c r="AK10484">
        <v>20</v>
      </c>
      <c r="AL10484">
        <v>20</v>
      </c>
      <c r="AM10484">
        <v>20</v>
      </c>
      <c r="AN10484">
        <v>20</v>
      </c>
      <c r="AO10484">
        <v>20</v>
      </c>
      <c r="AP10484">
        <v>20</v>
      </c>
      <c r="AQ10484">
        <v>20</v>
      </c>
    </row>
    <row r="10485" spans="1:43">
      <c r="A10485" t="s">
        <v>6528</v>
      </c>
      <c r="B10485" t="s">
        <v>6529</v>
      </c>
      <c r="C10485" t="s">
        <v>6478</v>
      </c>
      <c r="D10485" t="s">
        <v>6479</v>
      </c>
      <c r="E10485" t="s">
        <v>6174</v>
      </c>
      <c r="F10485" t="s">
        <v>6175</v>
      </c>
      <c r="G10485" t="s">
        <v>80</v>
      </c>
      <c r="H10485" t="s">
        <v>81</v>
      </c>
      <c r="I10485" s="2">
        <v>0</v>
      </c>
      <c r="J10485" s="2">
        <v>1</v>
      </c>
      <c r="K10485" s="2">
        <v>0</v>
      </c>
      <c r="L10485" t="s">
        <v>82</v>
      </c>
      <c r="M10485" t="s">
        <v>83</v>
      </c>
      <c r="N10485" t="s">
        <v>91</v>
      </c>
      <c r="O10485" t="s">
        <v>85</v>
      </c>
      <c r="P10485" t="s">
        <v>86</v>
      </c>
      <c r="Q10485">
        <v>16</v>
      </c>
      <c r="R10485">
        <v>17</v>
      </c>
      <c r="S10485">
        <v>17</v>
      </c>
      <c r="T10485">
        <v>17</v>
      </c>
      <c r="U10485">
        <v>17</v>
      </c>
      <c r="V10485">
        <v>17</v>
      </c>
      <c r="W10485">
        <v>17</v>
      </c>
      <c r="X10485">
        <v>18</v>
      </c>
      <c r="Y10485">
        <v>18</v>
      </c>
      <c r="Z10485">
        <v>18</v>
      </c>
      <c r="AA10485">
        <v>18</v>
      </c>
      <c r="AB10485">
        <v>18</v>
      </c>
      <c r="AC10485">
        <v>19</v>
      </c>
      <c r="AD10485">
        <v>19</v>
      </c>
      <c r="AE10485">
        <v>19</v>
      </c>
      <c r="AF10485">
        <v>19</v>
      </c>
      <c r="AG10485">
        <v>19</v>
      </c>
      <c r="AH10485">
        <v>19</v>
      </c>
      <c r="AI10485">
        <v>19</v>
      </c>
      <c r="AJ10485">
        <v>20</v>
      </c>
      <c r="AK10485">
        <v>20</v>
      </c>
      <c r="AL10485">
        <v>20</v>
      </c>
      <c r="AM10485">
        <v>20</v>
      </c>
      <c r="AN10485">
        <v>20</v>
      </c>
      <c r="AO10485">
        <v>20</v>
      </c>
      <c r="AP10485">
        <v>19</v>
      </c>
      <c r="AQ10485">
        <v>19</v>
      </c>
    </row>
    <row r="10486" spans="1:43">
      <c r="A10486" t="s">
        <v>6530</v>
      </c>
      <c r="B10486" t="s">
        <v>6531</v>
      </c>
      <c r="C10486" t="s">
        <v>6226</v>
      </c>
      <c r="D10486" t="s">
        <v>6227</v>
      </c>
      <c r="E10486" t="s">
        <v>6174</v>
      </c>
      <c r="F10486" t="s">
        <v>6175</v>
      </c>
      <c r="G10486" t="s">
        <v>80</v>
      </c>
      <c r="H10486" t="s">
        <v>81</v>
      </c>
      <c r="I10486" s="2">
        <v>0</v>
      </c>
      <c r="J10486" s="2">
        <v>1</v>
      </c>
      <c r="K10486" s="2">
        <v>0</v>
      </c>
      <c r="L10486" t="s">
        <v>82</v>
      </c>
      <c r="M10486" t="s">
        <v>83</v>
      </c>
      <c r="N10486" t="s">
        <v>84</v>
      </c>
      <c r="O10486" t="s">
        <v>85</v>
      </c>
      <c r="P10486" t="s">
        <v>86</v>
      </c>
      <c r="Q10486">
        <v>31</v>
      </c>
      <c r="R10486">
        <v>32</v>
      </c>
      <c r="S10486">
        <v>32</v>
      </c>
      <c r="T10486">
        <v>32</v>
      </c>
      <c r="U10486">
        <v>33</v>
      </c>
      <c r="V10486">
        <v>33</v>
      </c>
      <c r="W10486">
        <v>33</v>
      </c>
      <c r="X10486">
        <v>34</v>
      </c>
      <c r="Y10486">
        <v>34</v>
      </c>
      <c r="Z10486">
        <v>34</v>
      </c>
      <c r="AA10486">
        <v>35</v>
      </c>
      <c r="AB10486">
        <v>35</v>
      </c>
      <c r="AC10486">
        <v>35</v>
      </c>
      <c r="AD10486">
        <v>36</v>
      </c>
      <c r="AE10486">
        <v>36</v>
      </c>
      <c r="AF10486">
        <v>36</v>
      </c>
      <c r="AG10486">
        <v>37</v>
      </c>
      <c r="AH10486">
        <v>37</v>
      </c>
      <c r="AI10486">
        <v>37</v>
      </c>
      <c r="AJ10486">
        <v>37</v>
      </c>
      <c r="AK10486">
        <v>38</v>
      </c>
      <c r="AL10486">
        <v>38</v>
      </c>
      <c r="AM10486">
        <v>38</v>
      </c>
      <c r="AN10486">
        <v>37</v>
      </c>
      <c r="AO10486">
        <v>37</v>
      </c>
      <c r="AP10486">
        <v>37</v>
      </c>
      <c r="AQ10486">
        <v>37</v>
      </c>
    </row>
    <row r="10487" spans="1:43">
      <c r="A10487" t="s">
        <v>6530</v>
      </c>
      <c r="B10487" t="s">
        <v>6531</v>
      </c>
      <c r="C10487" t="s">
        <v>6226</v>
      </c>
      <c r="D10487" t="s">
        <v>6227</v>
      </c>
      <c r="E10487" t="s">
        <v>6174</v>
      </c>
      <c r="F10487" t="s">
        <v>6175</v>
      </c>
      <c r="G10487" t="s">
        <v>80</v>
      </c>
      <c r="H10487" t="s">
        <v>81</v>
      </c>
      <c r="I10487" s="2">
        <v>0</v>
      </c>
      <c r="J10487" s="2">
        <v>1</v>
      </c>
      <c r="K10487" s="2">
        <v>0</v>
      </c>
      <c r="L10487" t="s">
        <v>82</v>
      </c>
      <c r="M10487" t="s">
        <v>87</v>
      </c>
      <c r="N10487" t="s">
        <v>88</v>
      </c>
      <c r="O10487" t="s">
        <v>85</v>
      </c>
      <c r="P10487" t="s">
        <v>86</v>
      </c>
      <c r="Q10487">
        <v>31</v>
      </c>
      <c r="R10487">
        <v>31</v>
      </c>
      <c r="S10487">
        <v>31</v>
      </c>
      <c r="T10487">
        <v>31</v>
      </c>
      <c r="U10487">
        <v>31</v>
      </c>
      <c r="V10487">
        <v>31</v>
      </c>
      <c r="W10487">
        <v>31</v>
      </c>
      <c r="X10487">
        <v>31</v>
      </c>
      <c r="Y10487">
        <v>31</v>
      </c>
      <c r="Z10487">
        <v>32</v>
      </c>
      <c r="AA10487">
        <v>32</v>
      </c>
      <c r="AB10487">
        <v>32</v>
      </c>
      <c r="AC10487">
        <v>32</v>
      </c>
      <c r="AD10487">
        <v>32</v>
      </c>
      <c r="AE10487">
        <v>32</v>
      </c>
      <c r="AF10487">
        <v>32</v>
      </c>
      <c r="AG10487">
        <v>32</v>
      </c>
      <c r="AH10487">
        <v>32</v>
      </c>
      <c r="AI10487">
        <v>32</v>
      </c>
      <c r="AJ10487">
        <v>32</v>
      </c>
      <c r="AK10487">
        <v>32</v>
      </c>
      <c r="AL10487">
        <v>32</v>
      </c>
      <c r="AM10487">
        <v>32</v>
      </c>
      <c r="AN10487">
        <v>32</v>
      </c>
      <c r="AO10487">
        <v>32</v>
      </c>
      <c r="AP10487">
        <v>32</v>
      </c>
      <c r="AQ10487">
        <v>32</v>
      </c>
    </row>
    <row r="10488" spans="1:43">
      <c r="A10488" t="s">
        <v>6530</v>
      </c>
      <c r="B10488" t="s">
        <v>6531</v>
      </c>
      <c r="C10488" t="s">
        <v>6226</v>
      </c>
      <c r="D10488" t="s">
        <v>6227</v>
      </c>
      <c r="E10488" t="s">
        <v>6174</v>
      </c>
      <c r="F10488" t="s">
        <v>6175</v>
      </c>
      <c r="G10488" t="s">
        <v>80</v>
      </c>
      <c r="H10488" t="s">
        <v>81</v>
      </c>
      <c r="I10488" s="2">
        <v>0</v>
      </c>
      <c r="J10488" s="2">
        <v>1</v>
      </c>
      <c r="K10488" s="2">
        <v>0</v>
      </c>
      <c r="L10488" t="s">
        <v>82</v>
      </c>
      <c r="M10488" t="s">
        <v>89</v>
      </c>
      <c r="N10488" t="s">
        <v>90</v>
      </c>
      <c r="O10488" t="s">
        <v>85</v>
      </c>
      <c r="P10488" t="s">
        <v>86</v>
      </c>
      <c r="Q10488">
        <v>31</v>
      </c>
      <c r="R10488">
        <v>32</v>
      </c>
      <c r="S10488">
        <v>33</v>
      </c>
      <c r="T10488">
        <v>33</v>
      </c>
      <c r="U10488">
        <v>34</v>
      </c>
      <c r="V10488">
        <v>35</v>
      </c>
      <c r="W10488">
        <v>35</v>
      </c>
      <c r="X10488">
        <v>36</v>
      </c>
      <c r="Y10488">
        <v>36</v>
      </c>
      <c r="Z10488">
        <v>37</v>
      </c>
      <c r="AA10488">
        <v>37</v>
      </c>
      <c r="AB10488">
        <v>37</v>
      </c>
      <c r="AC10488">
        <v>38</v>
      </c>
      <c r="AD10488">
        <v>38</v>
      </c>
      <c r="AE10488">
        <v>39</v>
      </c>
      <c r="AF10488">
        <v>38</v>
      </c>
      <c r="AG10488">
        <v>38</v>
      </c>
      <c r="AH10488">
        <v>38</v>
      </c>
      <c r="AI10488">
        <v>38</v>
      </c>
      <c r="AJ10488">
        <v>38</v>
      </c>
      <c r="AK10488">
        <v>38</v>
      </c>
      <c r="AL10488">
        <v>38</v>
      </c>
      <c r="AM10488">
        <v>38</v>
      </c>
      <c r="AN10488">
        <v>38</v>
      </c>
      <c r="AO10488">
        <v>38</v>
      </c>
      <c r="AP10488">
        <v>38</v>
      </c>
      <c r="AQ10488">
        <v>37</v>
      </c>
    </row>
    <row r="10489" spans="1:43">
      <c r="A10489" t="s">
        <v>6530</v>
      </c>
      <c r="B10489" t="s">
        <v>6531</v>
      </c>
      <c r="C10489" t="s">
        <v>6226</v>
      </c>
      <c r="D10489" t="s">
        <v>6227</v>
      </c>
      <c r="E10489" t="s">
        <v>6174</v>
      </c>
      <c r="F10489" t="s">
        <v>6175</v>
      </c>
      <c r="G10489" t="s">
        <v>80</v>
      </c>
      <c r="H10489" t="s">
        <v>81</v>
      </c>
      <c r="I10489" s="2">
        <v>0</v>
      </c>
      <c r="J10489" s="2">
        <v>1</v>
      </c>
      <c r="K10489" s="2">
        <v>0</v>
      </c>
      <c r="L10489" t="s">
        <v>82</v>
      </c>
      <c r="M10489" t="s">
        <v>83</v>
      </c>
      <c r="N10489" t="s">
        <v>91</v>
      </c>
      <c r="O10489" t="s">
        <v>85</v>
      </c>
      <c r="P10489" t="s">
        <v>86</v>
      </c>
      <c r="Q10489">
        <v>31</v>
      </c>
      <c r="R10489">
        <v>32</v>
      </c>
      <c r="S10489">
        <v>32</v>
      </c>
      <c r="T10489">
        <v>32</v>
      </c>
      <c r="U10489">
        <v>33</v>
      </c>
      <c r="V10489">
        <v>33</v>
      </c>
      <c r="W10489">
        <v>33</v>
      </c>
      <c r="X10489">
        <v>34</v>
      </c>
      <c r="Y10489">
        <v>34</v>
      </c>
      <c r="Z10489">
        <v>34</v>
      </c>
      <c r="AA10489">
        <v>35</v>
      </c>
      <c r="AB10489">
        <v>35</v>
      </c>
      <c r="AC10489">
        <v>35</v>
      </c>
      <c r="AD10489">
        <v>36</v>
      </c>
      <c r="AE10489">
        <v>36</v>
      </c>
      <c r="AF10489">
        <v>36</v>
      </c>
      <c r="AG10489">
        <v>37</v>
      </c>
      <c r="AH10489">
        <v>37</v>
      </c>
      <c r="AI10489">
        <v>37</v>
      </c>
      <c r="AJ10489">
        <v>37</v>
      </c>
      <c r="AK10489">
        <v>38</v>
      </c>
      <c r="AL10489">
        <v>38</v>
      </c>
      <c r="AM10489">
        <v>38</v>
      </c>
      <c r="AN10489">
        <v>37</v>
      </c>
      <c r="AO10489">
        <v>37</v>
      </c>
      <c r="AP10489">
        <v>37</v>
      </c>
      <c r="AQ10489">
        <v>37</v>
      </c>
    </row>
    <row r="10490" spans="1:43">
      <c r="A10490" t="s">
        <v>6532</v>
      </c>
      <c r="B10490" t="s">
        <v>6533</v>
      </c>
      <c r="C10490" t="s">
        <v>6478</v>
      </c>
      <c r="D10490" t="s">
        <v>6479</v>
      </c>
      <c r="E10490" t="s">
        <v>6174</v>
      </c>
      <c r="F10490" t="s">
        <v>6175</v>
      </c>
      <c r="G10490" t="s">
        <v>80</v>
      </c>
      <c r="H10490" t="s">
        <v>81</v>
      </c>
      <c r="I10490" s="2">
        <v>0</v>
      </c>
      <c r="J10490" s="2">
        <v>1</v>
      </c>
      <c r="K10490" s="2">
        <v>0</v>
      </c>
      <c r="L10490" t="s">
        <v>82</v>
      </c>
      <c r="M10490" t="s">
        <v>83</v>
      </c>
      <c r="N10490" t="s">
        <v>84</v>
      </c>
      <c r="O10490" t="s">
        <v>85</v>
      </c>
      <c r="P10490" t="s">
        <v>86</v>
      </c>
      <c r="Q10490">
        <v>21</v>
      </c>
      <c r="R10490">
        <v>22</v>
      </c>
      <c r="S10490">
        <v>22</v>
      </c>
      <c r="T10490">
        <v>22</v>
      </c>
      <c r="U10490">
        <v>22</v>
      </c>
      <c r="V10490">
        <v>23</v>
      </c>
      <c r="W10490">
        <v>23</v>
      </c>
      <c r="X10490">
        <v>23</v>
      </c>
      <c r="Y10490">
        <v>23</v>
      </c>
      <c r="Z10490">
        <v>24</v>
      </c>
      <c r="AA10490">
        <v>24</v>
      </c>
      <c r="AB10490">
        <v>24</v>
      </c>
      <c r="AC10490">
        <v>24</v>
      </c>
      <c r="AD10490">
        <v>25</v>
      </c>
      <c r="AE10490">
        <v>25</v>
      </c>
      <c r="AF10490">
        <v>25</v>
      </c>
      <c r="AG10490">
        <v>25</v>
      </c>
      <c r="AH10490">
        <v>25</v>
      </c>
      <c r="AI10490">
        <v>26</v>
      </c>
      <c r="AJ10490">
        <v>26</v>
      </c>
      <c r="AK10490">
        <v>26</v>
      </c>
      <c r="AL10490">
        <v>26</v>
      </c>
      <c r="AM10490">
        <v>26</v>
      </c>
      <c r="AN10490">
        <v>26</v>
      </c>
      <c r="AO10490">
        <v>26</v>
      </c>
      <c r="AP10490">
        <v>26</v>
      </c>
      <c r="AQ10490">
        <v>26</v>
      </c>
    </row>
    <row r="10491" spans="1:43">
      <c r="A10491" t="s">
        <v>6532</v>
      </c>
      <c r="B10491" t="s">
        <v>6533</v>
      </c>
      <c r="C10491" t="s">
        <v>6478</v>
      </c>
      <c r="D10491" t="s">
        <v>6479</v>
      </c>
      <c r="E10491" t="s">
        <v>6174</v>
      </c>
      <c r="F10491" t="s">
        <v>6175</v>
      </c>
      <c r="G10491" t="s">
        <v>80</v>
      </c>
      <c r="H10491" t="s">
        <v>81</v>
      </c>
      <c r="I10491" s="2">
        <v>0</v>
      </c>
      <c r="J10491" s="2">
        <v>1</v>
      </c>
      <c r="K10491" s="2">
        <v>0</v>
      </c>
      <c r="L10491" t="s">
        <v>82</v>
      </c>
      <c r="M10491" t="s">
        <v>87</v>
      </c>
      <c r="N10491" t="s">
        <v>88</v>
      </c>
      <c r="O10491" t="s">
        <v>85</v>
      </c>
      <c r="P10491" t="s">
        <v>86</v>
      </c>
      <c r="Q10491">
        <v>21</v>
      </c>
      <c r="R10491">
        <v>21</v>
      </c>
      <c r="S10491">
        <v>21</v>
      </c>
      <c r="T10491">
        <v>21</v>
      </c>
      <c r="U10491">
        <v>21</v>
      </c>
      <c r="V10491">
        <v>21</v>
      </c>
      <c r="W10491">
        <v>21</v>
      </c>
      <c r="X10491">
        <v>22</v>
      </c>
      <c r="Y10491">
        <v>22</v>
      </c>
      <c r="Z10491">
        <v>22</v>
      </c>
      <c r="AA10491">
        <v>22</v>
      </c>
      <c r="AB10491">
        <v>22</v>
      </c>
      <c r="AC10491">
        <v>22</v>
      </c>
      <c r="AD10491">
        <v>22</v>
      </c>
      <c r="AE10491">
        <v>22</v>
      </c>
      <c r="AF10491">
        <v>22</v>
      </c>
      <c r="AG10491">
        <v>22</v>
      </c>
      <c r="AH10491">
        <v>22</v>
      </c>
      <c r="AI10491">
        <v>22</v>
      </c>
      <c r="AJ10491">
        <v>22</v>
      </c>
      <c r="AK10491">
        <v>22</v>
      </c>
      <c r="AL10491">
        <v>22</v>
      </c>
      <c r="AM10491">
        <v>22</v>
      </c>
      <c r="AN10491">
        <v>22</v>
      </c>
      <c r="AO10491">
        <v>22</v>
      </c>
      <c r="AP10491">
        <v>22</v>
      </c>
      <c r="AQ10491">
        <v>22</v>
      </c>
    </row>
    <row r="10492" spans="1:43">
      <c r="A10492" t="s">
        <v>6532</v>
      </c>
      <c r="B10492" t="s">
        <v>6533</v>
      </c>
      <c r="C10492" t="s">
        <v>6478</v>
      </c>
      <c r="D10492" t="s">
        <v>6479</v>
      </c>
      <c r="E10492" t="s">
        <v>6174</v>
      </c>
      <c r="F10492" t="s">
        <v>6175</v>
      </c>
      <c r="G10492" t="s">
        <v>80</v>
      </c>
      <c r="H10492" t="s">
        <v>81</v>
      </c>
      <c r="I10492" s="2">
        <v>0</v>
      </c>
      <c r="J10492" s="2">
        <v>1</v>
      </c>
      <c r="K10492" s="2">
        <v>0</v>
      </c>
      <c r="L10492" t="s">
        <v>82</v>
      </c>
      <c r="M10492" t="s">
        <v>89</v>
      </c>
      <c r="N10492" t="s">
        <v>90</v>
      </c>
      <c r="O10492" t="s">
        <v>85</v>
      </c>
      <c r="P10492" t="s">
        <v>86</v>
      </c>
      <c r="Q10492">
        <v>21</v>
      </c>
      <c r="R10492">
        <v>21</v>
      </c>
      <c r="S10492">
        <v>21</v>
      </c>
      <c r="T10492">
        <v>22</v>
      </c>
      <c r="U10492">
        <v>22</v>
      </c>
      <c r="V10492">
        <v>23</v>
      </c>
      <c r="W10492">
        <v>23</v>
      </c>
      <c r="X10492">
        <v>23</v>
      </c>
      <c r="Y10492">
        <v>24</v>
      </c>
      <c r="Z10492">
        <v>24</v>
      </c>
      <c r="AA10492">
        <v>24</v>
      </c>
      <c r="AB10492">
        <v>25</v>
      </c>
      <c r="AC10492">
        <v>25</v>
      </c>
      <c r="AD10492">
        <v>25</v>
      </c>
      <c r="AE10492">
        <v>26</v>
      </c>
      <c r="AF10492">
        <v>25</v>
      </c>
      <c r="AG10492">
        <v>25</v>
      </c>
      <c r="AH10492">
        <v>25</v>
      </c>
      <c r="AI10492">
        <v>25</v>
      </c>
      <c r="AJ10492">
        <v>25</v>
      </c>
      <c r="AK10492">
        <v>25</v>
      </c>
      <c r="AL10492">
        <v>25</v>
      </c>
      <c r="AM10492">
        <v>25</v>
      </c>
      <c r="AN10492">
        <v>25</v>
      </c>
      <c r="AO10492">
        <v>25</v>
      </c>
      <c r="AP10492">
        <v>25</v>
      </c>
      <c r="AQ10492">
        <v>25</v>
      </c>
    </row>
    <row r="10493" spans="1:43">
      <c r="A10493" t="s">
        <v>6532</v>
      </c>
      <c r="B10493" t="s">
        <v>6533</v>
      </c>
      <c r="C10493" t="s">
        <v>6478</v>
      </c>
      <c r="D10493" t="s">
        <v>6479</v>
      </c>
      <c r="E10493" t="s">
        <v>6174</v>
      </c>
      <c r="F10493" t="s">
        <v>6175</v>
      </c>
      <c r="G10493" t="s">
        <v>80</v>
      </c>
      <c r="H10493" t="s">
        <v>81</v>
      </c>
      <c r="I10493" s="2">
        <v>0</v>
      </c>
      <c r="J10493" s="2">
        <v>1</v>
      </c>
      <c r="K10493" s="2">
        <v>0</v>
      </c>
      <c r="L10493" t="s">
        <v>82</v>
      </c>
      <c r="M10493" t="s">
        <v>83</v>
      </c>
      <c r="N10493" t="s">
        <v>91</v>
      </c>
      <c r="O10493" t="s">
        <v>85</v>
      </c>
      <c r="P10493" t="s">
        <v>86</v>
      </c>
      <c r="Q10493">
        <v>21</v>
      </c>
      <c r="R10493">
        <v>22</v>
      </c>
      <c r="S10493">
        <v>22</v>
      </c>
      <c r="T10493">
        <v>22</v>
      </c>
      <c r="U10493">
        <v>22</v>
      </c>
      <c r="V10493">
        <v>23</v>
      </c>
      <c r="W10493">
        <v>23</v>
      </c>
      <c r="X10493">
        <v>23</v>
      </c>
      <c r="Y10493">
        <v>23</v>
      </c>
      <c r="Z10493">
        <v>24</v>
      </c>
      <c r="AA10493">
        <v>24</v>
      </c>
      <c r="AB10493">
        <v>24</v>
      </c>
      <c r="AC10493">
        <v>24</v>
      </c>
      <c r="AD10493">
        <v>25</v>
      </c>
      <c r="AE10493">
        <v>25</v>
      </c>
      <c r="AF10493">
        <v>25</v>
      </c>
      <c r="AG10493">
        <v>25</v>
      </c>
      <c r="AH10493">
        <v>25</v>
      </c>
      <c r="AI10493">
        <v>26</v>
      </c>
      <c r="AJ10493">
        <v>26</v>
      </c>
      <c r="AK10493">
        <v>26</v>
      </c>
      <c r="AL10493">
        <v>26</v>
      </c>
      <c r="AM10493">
        <v>26</v>
      </c>
      <c r="AN10493">
        <v>26</v>
      </c>
      <c r="AO10493">
        <v>26</v>
      </c>
      <c r="AP10493">
        <v>26</v>
      </c>
      <c r="AQ10493">
        <v>26</v>
      </c>
    </row>
    <row r="10494" spans="1:43">
      <c r="A10494" t="s">
        <v>6534</v>
      </c>
      <c r="B10494" t="s">
        <v>6535</v>
      </c>
      <c r="C10494" t="s">
        <v>6226</v>
      </c>
      <c r="D10494" t="s">
        <v>6227</v>
      </c>
      <c r="E10494" t="s">
        <v>6174</v>
      </c>
      <c r="F10494" t="s">
        <v>6175</v>
      </c>
      <c r="G10494" t="s">
        <v>80</v>
      </c>
      <c r="H10494" t="s">
        <v>81</v>
      </c>
      <c r="I10494" s="2">
        <v>0</v>
      </c>
      <c r="J10494" s="2">
        <v>1</v>
      </c>
      <c r="K10494" s="2">
        <v>0</v>
      </c>
      <c r="L10494" t="s">
        <v>82</v>
      </c>
      <c r="M10494" t="s">
        <v>83</v>
      </c>
      <c r="N10494" t="s">
        <v>84</v>
      </c>
      <c r="O10494" t="s">
        <v>85</v>
      </c>
      <c r="P10494" t="s">
        <v>86</v>
      </c>
      <c r="Q10494">
        <v>28</v>
      </c>
      <c r="R10494">
        <v>29</v>
      </c>
      <c r="S10494">
        <v>29</v>
      </c>
      <c r="T10494">
        <v>29</v>
      </c>
      <c r="U10494">
        <v>30</v>
      </c>
      <c r="V10494">
        <v>30</v>
      </c>
      <c r="W10494">
        <v>30</v>
      </c>
      <c r="X10494">
        <v>31</v>
      </c>
      <c r="Y10494">
        <v>31</v>
      </c>
      <c r="Z10494">
        <v>31</v>
      </c>
      <c r="AA10494">
        <v>32</v>
      </c>
      <c r="AB10494">
        <v>32</v>
      </c>
      <c r="AC10494">
        <v>32</v>
      </c>
      <c r="AD10494">
        <v>32</v>
      </c>
      <c r="AE10494">
        <v>33</v>
      </c>
      <c r="AF10494">
        <v>33</v>
      </c>
      <c r="AG10494">
        <v>33</v>
      </c>
      <c r="AH10494">
        <v>33</v>
      </c>
      <c r="AI10494">
        <v>34</v>
      </c>
      <c r="AJ10494">
        <v>34</v>
      </c>
      <c r="AK10494">
        <v>34</v>
      </c>
      <c r="AL10494">
        <v>34</v>
      </c>
      <c r="AM10494">
        <v>34</v>
      </c>
      <c r="AN10494">
        <v>34</v>
      </c>
      <c r="AO10494">
        <v>34</v>
      </c>
      <c r="AP10494">
        <v>34</v>
      </c>
      <c r="AQ10494">
        <v>34</v>
      </c>
    </row>
    <row r="10495" spans="1:43">
      <c r="A10495" t="s">
        <v>6534</v>
      </c>
      <c r="B10495" t="s">
        <v>6535</v>
      </c>
      <c r="C10495" t="s">
        <v>6226</v>
      </c>
      <c r="D10495" t="s">
        <v>6227</v>
      </c>
      <c r="E10495" t="s">
        <v>6174</v>
      </c>
      <c r="F10495" t="s">
        <v>6175</v>
      </c>
      <c r="G10495" t="s">
        <v>80</v>
      </c>
      <c r="H10495" t="s">
        <v>81</v>
      </c>
      <c r="I10495" s="2">
        <v>0</v>
      </c>
      <c r="J10495" s="2">
        <v>1</v>
      </c>
      <c r="K10495" s="2">
        <v>0</v>
      </c>
      <c r="L10495" t="s">
        <v>82</v>
      </c>
      <c r="M10495" t="s">
        <v>87</v>
      </c>
      <c r="N10495" t="s">
        <v>88</v>
      </c>
      <c r="O10495" t="s">
        <v>85</v>
      </c>
      <c r="P10495" t="s">
        <v>86</v>
      </c>
      <c r="Q10495">
        <v>28</v>
      </c>
      <c r="R10495">
        <v>28</v>
      </c>
      <c r="S10495">
        <v>28</v>
      </c>
      <c r="T10495">
        <v>28</v>
      </c>
      <c r="U10495">
        <v>28</v>
      </c>
      <c r="V10495">
        <v>28</v>
      </c>
      <c r="W10495">
        <v>28</v>
      </c>
      <c r="X10495">
        <v>29</v>
      </c>
      <c r="Y10495">
        <v>29</v>
      </c>
      <c r="Z10495">
        <v>29</v>
      </c>
      <c r="AA10495">
        <v>29</v>
      </c>
      <c r="AB10495">
        <v>29</v>
      </c>
      <c r="AC10495">
        <v>29</v>
      </c>
      <c r="AD10495">
        <v>29</v>
      </c>
      <c r="AE10495">
        <v>29</v>
      </c>
      <c r="AF10495">
        <v>29</v>
      </c>
      <c r="AG10495">
        <v>29</v>
      </c>
      <c r="AH10495">
        <v>29</v>
      </c>
      <c r="AI10495">
        <v>29</v>
      </c>
      <c r="AJ10495">
        <v>29</v>
      </c>
      <c r="AK10495">
        <v>29</v>
      </c>
      <c r="AL10495">
        <v>29</v>
      </c>
      <c r="AM10495">
        <v>29</v>
      </c>
      <c r="AN10495">
        <v>29</v>
      </c>
      <c r="AO10495">
        <v>29</v>
      </c>
      <c r="AP10495">
        <v>29</v>
      </c>
      <c r="AQ10495">
        <v>29</v>
      </c>
    </row>
    <row r="10496" spans="1:43">
      <c r="A10496" t="s">
        <v>6534</v>
      </c>
      <c r="B10496" t="s">
        <v>6535</v>
      </c>
      <c r="C10496" t="s">
        <v>6226</v>
      </c>
      <c r="D10496" t="s">
        <v>6227</v>
      </c>
      <c r="E10496" t="s">
        <v>6174</v>
      </c>
      <c r="F10496" t="s">
        <v>6175</v>
      </c>
      <c r="G10496" t="s">
        <v>80</v>
      </c>
      <c r="H10496" t="s">
        <v>81</v>
      </c>
      <c r="I10496" s="2">
        <v>0</v>
      </c>
      <c r="J10496" s="2">
        <v>1</v>
      </c>
      <c r="K10496" s="2">
        <v>0</v>
      </c>
      <c r="L10496" t="s">
        <v>82</v>
      </c>
      <c r="M10496" t="s">
        <v>89</v>
      </c>
      <c r="N10496" t="s">
        <v>90</v>
      </c>
      <c r="O10496" t="s">
        <v>85</v>
      </c>
      <c r="P10496" t="s">
        <v>86</v>
      </c>
      <c r="Q10496">
        <v>28</v>
      </c>
      <c r="R10496">
        <v>28</v>
      </c>
      <c r="S10496">
        <v>29</v>
      </c>
      <c r="T10496">
        <v>29</v>
      </c>
      <c r="U10496">
        <v>30</v>
      </c>
      <c r="V10496">
        <v>30</v>
      </c>
      <c r="W10496">
        <v>31</v>
      </c>
      <c r="X10496">
        <v>31</v>
      </c>
      <c r="Y10496">
        <v>32</v>
      </c>
      <c r="Z10496">
        <v>32</v>
      </c>
      <c r="AA10496">
        <v>33</v>
      </c>
      <c r="AB10496">
        <v>33</v>
      </c>
      <c r="AC10496">
        <v>33</v>
      </c>
      <c r="AD10496">
        <v>34</v>
      </c>
      <c r="AE10496">
        <v>34</v>
      </c>
      <c r="AF10496">
        <v>34</v>
      </c>
      <c r="AG10496">
        <v>34</v>
      </c>
      <c r="AH10496">
        <v>34</v>
      </c>
      <c r="AI10496">
        <v>34</v>
      </c>
      <c r="AJ10496">
        <v>34</v>
      </c>
      <c r="AK10496">
        <v>34</v>
      </c>
      <c r="AL10496">
        <v>33</v>
      </c>
      <c r="AM10496">
        <v>33</v>
      </c>
      <c r="AN10496">
        <v>33</v>
      </c>
      <c r="AO10496">
        <v>33</v>
      </c>
      <c r="AP10496">
        <v>33</v>
      </c>
      <c r="AQ10496">
        <v>33</v>
      </c>
    </row>
    <row r="10497" spans="1:43">
      <c r="A10497" t="s">
        <v>6534</v>
      </c>
      <c r="B10497" t="s">
        <v>6535</v>
      </c>
      <c r="C10497" t="s">
        <v>6226</v>
      </c>
      <c r="D10497" t="s">
        <v>6227</v>
      </c>
      <c r="E10497" t="s">
        <v>6174</v>
      </c>
      <c r="F10497" t="s">
        <v>6175</v>
      </c>
      <c r="G10497" t="s">
        <v>80</v>
      </c>
      <c r="H10497" t="s">
        <v>81</v>
      </c>
      <c r="I10497" s="2">
        <v>0</v>
      </c>
      <c r="J10497" s="2">
        <v>1</v>
      </c>
      <c r="K10497" s="2">
        <v>0</v>
      </c>
      <c r="L10497" t="s">
        <v>82</v>
      </c>
      <c r="M10497" t="s">
        <v>83</v>
      </c>
      <c r="N10497" t="s">
        <v>91</v>
      </c>
      <c r="O10497" t="s">
        <v>85</v>
      </c>
      <c r="P10497" t="s">
        <v>86</v>
      </c>
      <c r="Q10497">
        <v>28</v>
      </c>
      <c r="R10497">
        <v>29</v>
      </c>
      <c r="S10497">
        <v>29</v>
      </c>
      <c r="T10497">
        <v>29</v>
      </c>
      <c r="U10497">
        <v>30</v>
      </c>
      <c r="V10497">
        <v>30</v>
      </c>
      <c r="W10497">
        <v>30</v>
      </c>
      <c r="X10497">
        <v>31</v>
      </c>
      <c r="Y10497">
        <v>31</v>
      </c>
      <c r="Z10497">
        <v>31</v>
      </c>
      <c r="AA10497">
        <v>32</v>
      </c>
      <c r="AB10497">
        <v>32</v>
      </c>
      <c r="AC10497">
        <v>32</v>
      </c>
      <c r="AD10497">
        <v>32</v>
      </c>
      <c r="AE10497">
        <v>33</v>
      </c>
      <c r="AF10497">
        <v>33</v>
      </c>
      <c r="AG10497">
        <v>33</v>
      </c>
      <c r="AH10497">
        <v>33</v>
      </c>
      <c r="AI10497">
        <v>34</v>
      </c>
      <c r="AJ10497">
        <v>34</v>
      </c>
      <c r="AK10497">
        <v>34</v>
      </c>
      <c r="AL10497">
        <v>34</v>
      </c>
      <c r="AM10497">
        <v>34</v>
      </c>
      <c r="AN10497">
        <v>34</v>
      </c>
      <c r="AO10497">
        <v>34</v>
      </c>
      <c r="AP10497">
        <v>34</v>
      </c>
      <c r="AQ10497">
        <v>34</v>
      </c>
    </row>
    <row r="10498" spans="1:43">
      <c r="A10498" t="s">
        <v>6536</v>
      </c>
      <c r="B10498" t="s">
        <v>6537</v>
      </c>
      <c r="C10498" t="s">
        <v>6538</v>
      </c>
      <c r="D10498" t="s">
        <v>6539</v>
      </c>
      <c r="E10498" t="s">
        <v>6174</v>
      </c>
      <c r="F10498" t="s">
        <v>6175</v>
      </c>
      <c r="G10498" t="s">
        <v>80</v>
      </c>
      <c r="H10498" t="s">
        <v>81</v>
      </c>
      <c r="I10498" s="2">
        <v>0</v>
      </c>
      <c r="J10498" s="2">
        <v>1</v>
      </c>
      <c r="K10498" s="2">
        <v>0</v>
      </c>
      <c r="L10498" t="s">
        <v>82</v>
      </c>
      <c r="M10498" t="s">
        <v>83</v>
      </c>
      <c r="N10498" t="s">
        <v>84</v>
      </c>
      <c r="O10498" t="s">
        <v>85</v>
      </c>
      <c r="P10498" t="s">
        <v>86</v>
      </c>
      <c r="Q10498">
        <v>34</v>
      </c>
      <c r="R10498">
        <v>35</v>
      </c>
      <c r="S10498">
        <v>35</v>
      </c>
      <c r="T10498">
        <v>35</v>
      </c>
      <c r="U10498">
        <v>36</v>
      </c>
      <c r="V10498">
        <v>36</v>
      </c>
      <c r="W10498">
        <v>37</v>
      </c>
      <c r="X10498">
        <v>37</v>
      </c>
      <c r="Y10498">
        <v>37</v>
      </c>
      <c r="Z10498">
        <v>38</v>
      </c>
      <c r="AA10498">
        <v>38</v>
      </c>
      <c r="AB10498">
        <v>39</v>
      </c>
      <c r="AC10498">
        <v>39</v>
      </c>
      <c r="AD10498">
        <v>39</v>
      </c>
      <c r="AE10498">
        <v>40</v>
      </c>
      <c r="AF10498">
        <v>40</v>
      </c>
      <c r="AG10498">
        <v>40</v>
      </c>
      <c r="AH10498">
        <v>41</v>
      </c>
      <c r="AI10498">
        <v>41</v>
      </c>
      <c r="AJ10498">
        <v>41</v>
      </c>
      <c r="AK10498">
        <v>42</v>
      </c>
      <c r="AL10498">
        <v>42</v>
      </c>
      <c r="AM10498">
        <v>42</v>
      </c>
      <c r="AN10498">
        <v>41</v>
      </c>
      <c r="AO10498">
        <v>41</v>
      </c>
      <c r="AP10498">
        <v>41</v>
      </c>
      <c r="AQ10498">
        <v>41</v>
      </c>
    </row>
    <row r="10499" spans="1:43">
      <c r="A10499" t="s">
        <v>6536</v>
      </c>
      <c r="B10499" t="s">
        <v>6537</v>
      </c>
      <c r="C10499" t="s">
        <v>6538</v>
      </c>
      <c r="D10499" t="s">
        <v>6539</v>
      </c>
      <c r="E10499" t="s">
        <v>6174</v>
      </c>
      <c r="F10499" t="s">
        <v>6175</v>
      </c>
      <c r="G10499" t="s">
        <v>80</v>
      </c>
      <c r="H10499" t="s">
        <v>81</v>
      </c>
      <c r="I10499" s="2">
        <v>0</v>
      </c>
      <c r="J10499" s="2">
        <v>1</v>
      </c>
      <c r="K10499" s="2">
        <v>0</v>
      </c>
      <c r="L10499" t="s">
        <v>82</v>
      </c>
      <c r="M10499" t="s">
        <v>87</v>
      </c>
      <c r="N10499" t="s">
        <v>88</v>
      </c>
      <c r="O10499" t="s">
        <v>85</v>
      </c>
      <c r="P10499" t="s">
        <v>86</v>
      </c>
      <c r="Q10499">
        <v>34</v>
      </c>
      <c r="R10499">
        <v>34</v>
      </c>
      <c r="S10499">
        <v>34</v>
      </c>
      <c r="T10499">
        <v>34</v>
      </c>
      <c r="U10499">
        <v>34</v>
      </c>
      <c r="V10499">
        <v>34</v>
      </c>
      <c r="W10499">
        <v>34</v>
      </c>
      <c r="X10499">
        <v>34</v>
      </c>
      <c r="Y10499">
        <v>35</v>
      </c>
      <c r="Z10499">
        <v>35</v>
      </c>
      <c r="AA10499">
        <v>35</v>
      </c>
      <c r="AB10499">
        <v>35</v>
      </c>
      <c r="AC10499">
        <v>35</v>
      </c>
      <c r="AD10499">
        <v>35</v>
      </c>
      <c r="AE10499">
        <v>35</v>
      </c>
      <c r="AF10499">
        <v>35</v>
      </c>
      <c r="AG10499">
        <v>35</v>
      </c>
      <c r="AH10499">
        <v>35</v>
      </c>
      <c r="AI10499">
        <v>35</v>
      </c>
      <c r="AJ10499">
        <v>35</v>
      </c>
      <c r="AK10499">
        <v>35</v>
      </c>
      <c r="AL10499">
        <v>36</v>
      </c>
      <c r="AM10499">
        <v>36</v>
      </c>
      <c r="AN10499">
        <v>36</v>
      </c>
      <c r="AO10499">
        <v>36</v>
      </c>
      <c r="AP10499">
        <v>36</v>
      </c>
      <c r="AQ10499">
        <v>36</v>
      </c>
    </row>
    <row r="10500" spans="1:43">
      <c r="A10500" t="s">
        <v>6536</v>
      </c>
      <c r="B10500" t="s">
        <v>6537</v>
      </c>
      <c r="C10500" t="s">
        <v>6538</v>
      </c>
      <c r="D10500" t="s">
        <v>6539</v>
      </c>
      <c r="E10500" t="s">
        <v>6174</v>
      </c>
      <c r="F10500" t="s">
        <v>6175</v>
      </c>
      <c r="G10500" t="s">
        <v>80</v>
      </c>
      <c r="H10500" t="s">
        <v>81</v>
      </c>
      <c r="I10500" s="2">
        <v>0</v>
      </c>
      <c r="J10500" s="2">
        <v>1</v>
      </c>
      <c r="K10500" s="2">
        <v>0</v>
      </c>
      <c r="L10500" t="s">
        <v>82</v>
      </c>
      <c r="M10500" t="s">
        <v>89</v>
      </c>
      <c r="N10500" t="s">
        <v>90</v>
      </c>
      <c r="O10500" t="s">
        <v>85</v>
      </c>
      <c r="P10500" t="s">
        <v>86</v>
      </c>
      <c r="Q10500">
        <v>34</v>
      </c>
      <c r="R10500">
        <v>35</v>
      </c>
      <c r="S10500">
        <v>36</v>
      </c>
      <c r="T10500">
        <v>37</v>
      </c>
      <c r="U10500">
        <v>37</v>
      </c>
      <c r="V10500">
        <v>38</v>
      </c>
      <c r="W10500">
        <v>38</v>
      </c>
      <c r="X10500">
        <v>39</v>
      </c>
      <c r="Y10500">
        <v>40</v>
      </c>
      <c r="Z10500">
        <v>40</v>
      </c>
      <c r="AA10500">
        <v>41</v>
      </c>
      <c r="AB10500">
        <v>41</v>
      </c>
      <c r="AC10500">
        <v>42</v>
      </c>
      <c r="AD10500">
        <v>42</v>
      </c>
      <c r="AE10500">
        <v>42</v>
      </c>
      <c r="AF10500">
        <v>42</v>
      </c>
      <c r="AG10500">
        <v>42</v>
      </c>
      <c r="AH10500">
        <v>42</v>
      </c>
      <c r="AI10500">
        <v>42</v>
      </c>
      <c r="AJ10500">
        <v>42</v>
      </c>
      <c r="AK10500">
        <v>42</v>
      </c>
      <c r="AL10500">
        <v>42</v>
      </c>
      <c r="AM10500">
        <v>42</v>
      </c>
      <c r="AN10500">
        <v>42</v>
      </c>
      <c r="AO10500">
        <v>42</v>
      </c>
      <c r="AP10500">
        <v>42</v>
      </c>
      <c r="AQ10500">
        <v>42</v>
      </c>
    </row>
    <row r="10501" spans="1:43">
      <c r="A10501" t="s">
        <v>6536</v>
      </c>
      <c r="B10501" t="s">
        <v>6537</v>
      </c>
      <c r="C10501" t="s">
        <v>6538</v>
      </c>
      <c r="D10501" t="s">
        <v>6539</v>
      </c>
      <c r="E10501" t="s">
        <v>6174</v>
      </c>
      <c r="F10501" t="s">
        <v>6175</v>
      </c>
      <c r="G10501" t="s">
        <v>80</v>
      </c>
      <c r="H10501" t="s">
        <v>81</v>
      </c>
      <c r="I10501" s="2">
        <v>0</v>
      </c>
      <c r="J10501" s="2">
        <v>1</v>
      </c>
      <c r="K10501" s="2">
        <v>0</v>
      </c>
      <c r="L10501" t="s">
        <v>82</v>
      </c>
      <c r="M10501" t="s">
        <v>83</v>
      </c>
      <c r="N10501" t="s">
        <v>91</v>
      </c>
      <c r="O10501" t="s">
        <v>85</v>
      </c>
      <c r="P10501" t="s">
        <v>86</v>
      </c>
      <c r="Q10501">
        <v>34</v>
      </c>
      <c r="R10501">
        <v>35</v>
      </c>
      <c r="S10501">
        <v>35</v>
      </c>
      <c r="T10501">
        <v>35</v>
      </c>
      <c r="U10501">
        <v>36</v>
      </c>
      <c r="V10501">
        <v>36</v>
      </c>
      <c r="W10501">
        <v>37</v>
      </c>
      <c r="X10501">
        <v>37</v>
      </c>
      <c r="Y10501">
        <v>37</v>
      </c>
      <c r="Z10501">
        <v>38</v>
      </c>
      <c r="AA10501">
        <v>38</v>
      </c>
      <c r="AB10501">
        <v>39</v>
      </c>
      <c r="AC10501">
        <v>39</v>
      </c>
      <c r="AD10501">
        <v>39</v>
      </c>
      <c r="AE10501">
        <v>40</v>
      </c>
      <c r="AF10501">
        <v>40</v>
      </c>
      <c r="AG10501">
        <v>40</v>
      </c>
      <c r="AH10501">
        <v>41</v>
      </c>
      <c r="AI10501">
        <v>41</v>
      </c>
      <c r="AJ10501">
        <v>41</v>
      </c>
      <c r="AK10501">
        <v>42</v>
      </c>
      <c r="AL10501">
        <v>42</v>
      </c>
      <c r="AM10501">
        <v>42</v>
      </c>
      <c r="AN10501">
        <v>41</v>
      </c>
      <c r="AO10501">
        <v>41</v>
      </c>
      <c r="AP10501">
        <v>41</v>
      </c>
      <c r="AQ10501">
        <v>41</v>
      </c>
    </row>
    <row r="10502" spans="1:43">
      <c r="A10502" t="s">
        <v>6540</v>
      </c>
      <c r="B10502" t="s">
        <v>6541</v>
      </c>
      <c r="C10502" t="s">
        <v>6538</v>
      </c>
      <c r="D10502" t="s">
        <v>6539</v>
      </c>
      <c r="E10502" t="s">
        <v>6174</v>
      </c>
      <c r="F10502" t="s">
        <v>6175</v>
      </c>
      <c r="G10502" t="s">
        <v>80</v>
      </c>
      <c r="H10502" t="s">
        <v>81</v>
      </c>
      <c r="I10502" s="2">
        <v>0</v>
      </c>
      <c r="J10502" s="2">
        <v>1</v>
      </c>
      <c r="K10502" s="2">
        <v>0</v>
      </c>
      <c r="L10502" t="s">
        <v>82</v>
      </c>
      <c r="M10502" t="s">
        <v>83</v>
      </c>
      <c r="N10502" t="s">
        <v>84</v>
      </c>
      <c r="O10502" t="s">
        <v>85</v>
      </c>
      <c r="P10502" t="s">
        <v>86</v>
      </c>
      <c r="Q10502">
        <v>52</v>
      </c>
      <c r="R10502">
        <v>52</v>
      </c>
      <c r="S10502">
        <v>53</v>
      </c>
      <c r="T10502">
        <v>53</v>
      </c>
      <c r="U10502">
        <v>54</v>
      </c>
      <c r="V10502">
        <v>55</v>
      </c>
      <c r="W10502">
        <v>55</v>
      </c>
      <c r="X10502">
        <v>56</v>
      </c>
      <c r="Y10502">
        <v>56</v>
      </c>
      <c r="Z10502">
        <v>57</v>
      </c>
      <c r="AA10502">
        <v>58</v>
      </c>
      <c r="AB10502">
        <v>58</v>
      </c>
      <c r="AC10502">
        <v>59</v>
      </c>
      <c r="AD10502">
        <v>59</v>
      </c>
      <c r="AE10502">
        <v>60</v>
      </c>
      <c r="AF10502">
        <v>60</v>
      </c>
      <c r="AG10502">
        <v>61</v>
      </c>
      <c r="AH10502">
        <v>61</v>
      </c>
      <c r="AI10502">
        <v>62</v>
      </c>
      <c r="AJ10502">
        <v>62</v>
      </c>
      <c r="AK10502">
        <v>62</v>
      </c>
      <c r="AL10502">
        <v>63</v>
      </c>
      <c r="AM10502">
        <v>62</v>
      </c>
      <c r="AN10502">
        <v>62</v>
      </c>
      <c r="AO10502">
        <v>62</v>
      </c>
      <c r="AP10502">
        <v>62</v>
      </c>
      <c r="AQ10502">
        <v>62</v>
      </c>
    </row>
    <row r="10503" spans="1:43">
      <c r="A10503" t="s">
        <v>6540</v>
      </c>
      <c r="B10503" t="s">
        <v>6541</v>
      </c>
      <c r="C10503" t="s">
        <v>6538</v>
      </c>
      <c r="D10503" t="s">
        <v>6539</v>
      </c>
      <c r="E10503" t="s">
        <v>6174</v>
      </c>
      <c r="F10503" t="s">
        <v>6175</v>
      </c>
      <c r="G10503" t="s">
        <v>80</v>
      </c>
      <c r="H10503" t="s">
        <v>81</v>
      </c>
      <c r="I10503" s="2">
        <v>0</v>
      </c>
      <c r="J10503" s="2">
        <v>1</v>
      </c>
      <c r="K10503" s="2">
        <v>0</v>
      </c>
      <c r="L10503" t="s">
        <v>82</v>
      </c>
      <c r="M10503" t="s">
        <v>87</v>
      </c>
      <c r="N10503" t="s">
        <v>88</v>
      </c>
      <c r="O10503" t="s">
        <v>85</v>
      </c>
      <c r="P10503" t="s">
        <v>86</v>
      </c>
      <c r="Q10503">
        <v>52</v>
      </c>
      <c r="R10503">
        <v>52</v>
      </c>
      <c r="S10503">
        <v>52</v>
      </c>
      <c r="T10503">
        <v>53</v>
      </c>
      <c r="U10503">
        <v>53</v>
      </c>
      <c r="V10503">
        <v>53</v>
      </c>
      <c r="W10503">
        <v>53</v>
      </c>
      <c r="X10503">
        <v>53</v>
      </c>
      <c r="Y10503">
        <v>53</v>
      </c>
      <c r="Z10503">
        <v>53</v>
      </c>
      <c r="AA10503">
        <v>53</v>
      </c>
      <c r="AB10503">
        <v>54</v>
      </c>
      <c r="AC10503">
        <v>54</v>
      </c>
      <c r="AD10503">
        <v>54</v>
      </c>
      <c r="AE10503">
        <v>54</v>
      </c>
      <c r="AF10503">
        <v>54</v>
      </c>
      <c r="AG10503">
        <v>54</v>
      </c>
      <c r="AH10503">
        <v>54</v>
      </c>
      <c r="AI10503">
        <v>54</v>
      </c>
      <c r="AJ10503">
        <v>54</v>
      </c>
      <c r="AK10503">
        <v>54</v>
      </c>
      <c r="AL10503">
        <v>55</v>
      </c>
      <c r="AM10503">
        <v>55</v>
      </c>
      <c r="AN10503">
        <v>55</v>
      </c>
      <c r="AO10503">
        <v>55</v>
      </c>
      <c r="AP10503">
        <v>55</v>
      </c>
      <c r="AQ10503">
        <v>55</v>
      </c>
    </row>
    <row r="10504" spans="1:43">
      <c r="A10504" t="s">
        <v>6540</v>
      </c>
      <c r="B10504" t="s">
        <v>6541</v>
      </c>
      <c r="C10504" t="s">
        <v>6538</v>
      </c>
      <c r="D10504" t="s">
        <v>6539</v>
      </c>
      <c r="E10504" t="s">
        <v>6174</v>
      </c>
      <c r="F10504" t="s">
        <v>6175</v>
      </c>
      <c r="G10504" t="s">
        <v>80</v>
      </c>
      <c r="H10504" t="s">
        <v>81</v>
      </c>
      <c r="I10504" s="2">
        <v>0</v>
      </c>
      <c r="J10504" s="2">
        <v>1</v>
      </c>
      <c r="K10504" s="2">
        <v>0</v>
      </c>
      <c r="L10504" t="s">
        <v>82</v>
      </c>
      <c r="M10504" t="s">
        <v>89</v>
      </c>
      <c r="N10504" t="s">
        <v>90</v>
      </c>
      <c r="O10504" t="s">
        <v>85</v>
      </c>
      <c r="P10504" t="s">
        <v>86</v>
      </c>
      <c r="Q10504">
        <v>52</v>
      </c>
      <c r="R10504">
        <v>53</v>
      </c>
      <c r="S10504">
        <v>54</v>
      </c>
      <c r="T10504">
        <v>55</v>
      </c>
      <c r="U10504">
        <v>56</v>
      </c>
      <c r="V10504">
        <v>57</v>
      </c>
      <c r="W10504">
        <v>58</v>
      </c>
      <c r="X10504">
        <v>59</v>
      </c>
      <c r="Y10504">
        <v>60</v>
      </c>
      <c r="Z10504">
        <v>61</v>
      </c>
      <c r="AA10504">
        <v>61</v>
      </c>
      <c r="AB10504">
        <v>62</v>
      </c>
      <c r="AC10504">
        <v>63</v>
      </c>
      <c r="AD10504">
        <v>63</v>
      </c>
      <c r="AE10504">
        <v>64</v>
      </c>
      <c r="AF10504">
        <v>64</v>
      </c>
      <c r="AG10504">
        <v>64</v>
      </c>
      <c r="AH10504">
        <v>64</v>
      </c>
      <c r="AI10504">
        <v>63</v>
      </c>
      <c r="AJ10504">
        <v>63</v>
      </c>
      <c r="AK10504">
        <v>63</v>
      </c>
      <c r="AL10504">
        <v>63</v>
      </c>
      <c r="AM10504">
        <v>63</v>
      </c>
      <c r="AN10504">
        <v>63</v>
      </c>
      <c r="AO10504">
        <v>63</v>
      </c>
      <c r="AP10504">
        <v>62</v>
      </c>
      <c r="AQ10504">
        <v>62</v>
      </c>
    </row>
    <row r="10505" spans="1:43">
      <c r="A10505" t="s">
        <v>6540</v>
      </c>
      <c r="B10505" t="s">
        <v>6541</v>
      </c>
      <c r="C10505" t="s">
        <v>6538</v>
      </c>
      <c r="D10505" t="s">
        <v>6539</v>
      </c>
      <c r="E10505" t="s">
        <v>6174</v>
      </c>
      <c r="F10505" t="s">
        <v>6175</v>
      </c>
      <c r="G10505" t="s">
        <v>80</v>
      </c>
      <c r="H10505" t="s">
        <v>81</v>
      </c>
      <c r="I10505" s="2">
        <v>0</v>
      </c>
      <c r="J10505" s="2">
        <v>1</v>
      </c>
      <c r="K10505" s="2">
        <v>0</v>
      </c>
      <c r="L10505" t="s">
        <v>82</v>
      </c>
      <c r="M10505" t="s">
        <v>83</v>
      </c>
      <c r="N10505" t="s">
        <v>91</v>
      </c>
      <c r="O10505" t="s">
        <v>85</v>
      </c>
      <c r="P10505" t="s">
        <v>86</v>
      </c>
      <c r="Q10505">
        <v>52</v>
      </c>
      <c r="R10505">
        <v>52</v>
      </c>
      <c r="S10505">
        <v>53</v>
      </c>
      <c r="T10505">
        <v>53</v>
      </c>
      <c r="U10505">
        <v>54</v>
      </c>
      <c r="V10505">
        <v>55</v>
      </c>
      <c r="W10505">
        <v>55</v>
      </c>
      <c r="X10505">
        <v>56</v>
      </c>
      <c r="Y10505">
        <v>56</v>
      </c>
      <c r="Z10505">
        <v>57</v>
      </c>
      <c r="AA10505">
        <v>58</v>
      </c>
      <c r="AB10505">
        <v>58</v>
      </c>
      <c r="AC10505">
        <v>59</v>
      </c>
      <c r="AD10505">
        <v>59</v>
      </c>
      <c r="AE10505">
        <v>60</v>
      </c>
      <c r="AF10505">
        <v>60</v>
      </c>
      <c r="AG10505">
        <v>61</v>
      </c>
      <c r="AH10505">
        <v>61</v>
      </c>
      <c r="AI10505">
        <v>62</v>
      </c>
      <c r="AJ10505">
        <v>62</v>
      </c>
      <c r="AK10505">
        <v>62</v>
      </c>
      <c r="AL10505">
        <v>63</v>
      </c>
      <c r="AM10505">
        <v>62</v>
      </c>
      <c r="AN10505">
        <v>62</v>
      </c>
      <c r="AO10505">
        <v>62</v>
      </c>
      <c r="AP10505">
        <v>62</v>
      </c>
      <c r="AQ10505">
        <v>62</v>
      </c>
    </row>
    <row r="10506" spans="1:43">
      <c r="A10506" t="s">
        <v>6542</v>
      </c>
      <c r="B10506" t="s">
        <v>6543</v>
      </c>
      <c r="C10506" t="s">
        <v>6306</v>
      </c>
      <c r="D10506" t="s">
        <v>6307</v>
      </c>
      <c r="E10506" t="s">
        <v>6174</v>
      </c>
      <c r="F10506" t="s">
        <v>6175</v>
      </c>
      <c r="G10506" t="s">
        <v>80</v>
      </c>
      <c r="H10506" t="s">
        <v>81</v>
      </c>
      <c r="I10506" s="2">
        <v>0</v>
      </c>
      <c r="J10506" s="2">
        <v>1</v>
      </c>
      <c r="K10506" s="2">
        <v>0</v>
      </c>
      <c r="L10506" t="s">
        <v>82</v>
      </c>
      <c r="M10506" t="s">
        <v>83</v>
      </c>
      <c r="N10506" t="s">
        <v>84</v>
      </c>
      <c r="O10506" t="s">
        <v>85</v>
      </c>
      <c r="P10506" t="s">
        <v>86</v>
      </c>
      <c r="Q10506">
        <v>81</v>
      </c>
      <c r="R10506">
        <v>82</v>
      </c>
      <c r="S10506">
        <v>83</v>
      </c>
      <c r="T10506">
        <v>84</v>
      </c>
      <c r="U10506">
        <v>85</v>
      </c>
      <c r="V10506">
        <v>86</v>
      </c>
      <c r="W10506">
        <v>87</v>
      </c>
      <c r="X10506">
        <v>88</v>
      </c>
      <c r="Y10506">
        <v>89</v>
      </c>
      <c r="Z10506">
        <v>90</v>
      </c>
      <c r="AA10506">
        <v>91</v>
      </c>
      <c r="AB10506">
        <v>92</v>
      </c>
      <c r="AC10506">
        <v>93</v>
      </c>
      <c r="AD10506">
        <v>93</v>
      </c>
      <c r="AE10506">
        <v>94</v>
      </c>
      <c r="AF10506">
        <v>95</v>
      </c>
      <c r="AG10506">
        <v>96</v>
      </c>
      <c r="AH10506">
        <v>97</v>
      </c>
      <c r="AI10506">
        <v>98</v>
      </c>
      <c r="AJ10506">
        <v>98</v>
      </c>
      <c r="AK10506">
        <v>99</v>
      </c>
      <c r="AL10506">
        <v>100</v>
      </c>
      <c r="AM10506">
        <v>99</v>
      </c>
      <c r="AN10506">
        <v>99</v>
      </c>
      <c r="AO10506">
        <v>99</v>
      </c>
      <c r="AP10506">
        <v>99</v>
      </c>
      <c r="AQ10506">
        <v>99</v>
      </c>
    </row>
    <row r="10507" spans="1:43">
      <c r="A10507" t="s">
        <v>6542</v>
      </c>
      <c r="B10507" t="s">
        <v>6543</v>
      </c>
      <c r="C10507" t="s">
        <v>6306</v>
      </c>
      <c r="D10507" t="s">
        <v>6307</v>
      </c>
      <c r="E10507" t="s">
        <v>6174</v>
      </c>
      <c r="F10507" t="s">
        <v>6175</v>
      </c>
      <c r="G10507" t="s">
        <v>80</v>
      </c>
      <c r="H10507" t="s">
        <v>81</v>
      </c>
      <c r="I10507" s="2">
        <v>0</v>
      </c>
      <c r="J10507" s="2">
        <v>1</v>
      </c>
      <c r="K10507" s="2">
        <v>0</v>
      </c>
      <c r="L10507" t="s">
        <v>82</v>
      </c>
      <c r="M10507" t="s">
        <v>87</v>
      </c>
      <c r="N10507" t="s">
        <v>88</v>
      </c>
      <c r="O10507" t="s">
        <v>85</v>
      </c>
      <c r="P10507" t="s">
        <v>86</v>
      </c>
      <c r="Q10507">
        <v>81</v>
      </c>
      <c r="R10507">
        <v>81</v>
      </c>
      <c r="S10507">
        <v>82</v>
      </c>
      <c r="T10507">
        <v>82</v>
      </c>
      <c r="U10507">
        <v>82</v>
      </c>
      <c r="V10507">
        <v>82</v>
      </c>
      <c r="W10507">
        <v>83</v>
      </c>
      <c r="X10507">
        <v>83</v>
      </c>
      <c r="Y10507">
        <v>83</v>
      </c>
      <c r="Z10507">
        <v>83</v>
      </c>
      <c r="AA10507">
        <v>84</v>
      </c>
      <c r="AB10507">
        <v>84</v>
      </c>
      <c r="AC10507">
        <v>84</v>
      </c>
      <c r="AD10507">
        <v>84</v>
      </c>
      <c r="AE10507">
        <v>84</v>
      </c>
      <c r="AF10507">
        <v>85</v>
      </c>
      <c r="AG10507">
        <v>85</v>
      </c>
      <c r="AH10507">
        <v>85</v>
      </c>
      <c r="AI10507">
        <v>85</v>
      </c>
      <c r="AJ10507">
        <v>85</v>
      </c>
      <c r="AK10507">
        <v>86</v>
      </c>
      <c r="AL10507">
        <v>86</v>
      </c>
      <c r="AM10507">
        <v>86</v>
      </c>
      <c r="AN10507">
        <v>86</v>
      </c>
      <c r="AO10507">
        <v>86</v>
      </c>
      <c r="AP10507">
        <v>86</v>
      </c>
      <c r="AQ10507">
        <v>87</v>
      </c>
    </row>
    <row r="10508" spans="1:43">
      <c r="A10508" t="s">
        <v>6542</v>
      </c>
      <c r="B10508" t="s">
        <v>6543</v>
      </c>
      <c r="C10508" t="s">
        <v>6306</v>
      </c>
      <c r="D10508" t="s">
        <v>6307</v>
      </c>
      <c r="E10508" t="s">
        <v>6174</v>
      </c>
      <c r="F10508" t="s">
        <v>6175</v>
      </c>
      <c r="G10508" t="s">
        <v>80</v>
      </c>
      <c r="H10508" t="s">
        <v>81</v>
      </c>
      <c r="I10508" s="2">
        <v>0</v>
      </c>
      <c r="J10508" s="2">
        <v>1</v>
      </c>
      <c r="K10508" s="2">
        <v>0</v>
      </c>
      <c r="L10508" t="s">
        <v>82</v>
      </c>
      <c r="M10508" t="s">
        <v>89</v>
      </c>
      <c r="N10508" t="s">
        <v>90</v>
      </c>
      <c r="O10508" t="s">
        <v>85</v>
      </c>
      <c r="P10508" t="s">
        <v>86</v>
      </c>
      <c r="Q10508">
        <v>81</v>
      </c>
      <c r="R10508">
        <v>82</v>
      </c>
      <c r="S10508">
        <v>84</v>
      </c>
      <c r="T10508">
        <v>86</v>
      </c>
      <c r="U10508">
        <v>87</v>
      </c>
      <c r="V10508">
        <v>89</v>
      </c>
      <c r="W10508">
        <v>90</v>
      </c>
      <c r="X10508">
        <v>92</v>
      </c>
      <c r="Y10508">
        <v>93</v>
      </c>
      <c r="Z10508">
        <v>94</v>
      </c>
      <c r="AA10508">
        <v>96</v>
      </c>
      <c r="AB10508">
        <v>97</v>
      </c>
      <c r="AC10508">
        <v>98</v>
      </c>
      <c r="AD10508">
        <v>99</v>
      </c>
      <c r="AE10508">
        <v>100</v>
      </c>
      <c r="AF10508">
        <v>100</v>
      </c>
      <c r="AG10508">
        <v>100</v>
      </c>
      <c r="AH10508">
        <v>100</v>
      </c>
      <c r="AI10508">
        <v>100</v>
      </c>
      <c r="AJ10508">
        <v>100</v>
      </c>
      <c r="AK10508">
        <v>100</v>
      </c>
      <c r="AL10508">
        <v>100</v>
      </c>
      <c r="AM10508">
        <v>100</v>
      </c>
      <c r="AN10508">
        <v>100</v>
      </c>
      <c r="AO10508">
        <v>99</v>
      </c>
      <c r="AP10508">
        <v>99</v>
      </c>
      <c r="AQ10508">
        <v>99</v>
      </c>
    </row>
    <row r="10509" spans="1:43">
      <c r="A10509" t="s">
        <v>6542</v>
      </c>
      <c r="B10509" t="s">
        <v>6543</v>
      </c>
      <c r="C10509" t="s">
        <v>6306</v>
      </c>
      <c r="D10509" t="s">
        <v>6307</v>
      </c>
      <c r="E10509" t="s">
        <v>6174</v>
      </c>
      <c r="F10509" t="s">
        <v>6175</v>
      </c>
      <c r="G10509" t="s">
        <v>80</v>
      </c>
      <c r="H10509" t="s">
        <v>81</v>
      </c>
      <c r="I10509" s="2">
        <v>0</v>
      </c>
      <c r="J10509" s="2">
        <v>1</v>
      </c>
      <c r="K10509" s="2">
        <v>0</v>
      </c>
      <c r="L10509" t="s">
        <v>82</v>
      </c>
      <c r="M10509" t="s">
        <v>83</v>
      </c>
      <c r="N10509" t="s">
        <v>91</v>
      </c>
      <c r="O10509" t="s">
        <v>85</v>
      </c>
      <c r="P10509" t="s">
        <v>86</v>
      </c>
      <c r="Q10509">
        <v>81</v>
      </c>
      <c r="R10509">
        <v>82</v>
      </c>
      <c r="S10509">
        <v>83</v>
      </c>
      <c r="T10509">
        <v>84</v>
      </c>
      <c r="U10509">
        <v>85</v>
      </c>
      <c r="V10509">
        <v>86</v>
      </c>
      <c r="W10509">
        <v>87</v>
      </c>
      <c r="X10509">
        <v>88</v>
      </c>
      <c r="Y10509">
        <v>89</v>
      </c>
      <c r="Z10509">
        <v>90</v>
      </c>
      <c r="AA10509">
        <v>91</v>
      </c>
      <c r="AB10509">
        <v>92</v>
      </c>
      <c r="AC10509">
        <v>93</v>
      </c>
      <c r="AD10509">
        <v>93</v>
      </c>
      <c r="AE10509">
        <v>94</v>
      </c>
      <c r="AF10509">
        <v>95</v>
      </c>
      <c r="AG10509">
        <v>96</v>
      </c>
      <c r="AH10509">
        <v>97</v>
      </c>
      <c r="AI10509">
        <v>98</v>
      </c>
      <c r="AJ10509">
        <v>98</v>
      </c>
      <c r="AK10509">
        <v>99</v>
      </c>
      <c r="AL10509">
        <v>100</v>
      </c>
      <c r="AM10509">
        <v>99</v>
      </c>
      <c r="AN10509">
        <v>99</v>
      </c>
      <c r="AO10509">
        <v>99</v>
      </c>
      <c r="AP10509">
        <v>99</v>
      </c>
      <c r="AQ10509">
        <v>99</v>
      </c>
    </row>
    <row r="10510" spans="1:43">
      <c r="A10510" t="s">
        <v>6544</v>
      </c>
      <c r="B10510" t="s">
        <v>6545</v>
      </c>
      <c r="C10510" t="s">
        <v>6306</v>
      </c>
      <c r="D10510" t="s">
        <v>6307</v>
      </c>
      <c r="E10510" t="s">
        <v>6174</v>
      </c>
      <c r="F10510" t="s">
        <v>6175</v>
      </c>
      <c r="G10510" t="s">
        <v>80</v>
      </c>
      <c r="H10510" t="s">
        <v>81</v>
      </c>
      <c r="I10510" s="2">
        <v>0</v>
      </c>
      <c r="J10510" s="2">
        <v>1</v>
      </c>
      <c r="K10510" s="2">
        <v>0</v>
      </c>
      <c r="L10510" t="s">
        <v>82</v>
      </c>
      <c r="M10510" t="s">
        <v>83</v>
      </c>
      <c r="N10510" t="s">
        <v>84</v>
      </c>
      <c r="O10510" t="s">
        <v>85</v>
      </c>
      <c r="P10510" t="s">
        <v>86</v>
      </c>
      <c r="Q10510">
        <v>68</v>
      </c>
      <c r="R10510">
        <v>68</v>
      </c>
      <c r="S10510">
        <v>69</v>
      </c>
      <c r="T10510">
        <v>70</v>
      </c>
      <c r="U10510">
        <v>71</v>
      </c>
      <c r="V10510">
        <v>72</v>
      </c>
      <c r="W10510">
        <v>73</v>
      </c>
      <c r="X10510">
        <v>74</v>
      </c>
      <c r="Y10510">
        <v>74</v>
      </c>
      <c r="Z10510">
        <v>75</v>
      </c>
      <c r="AA10510">
        <v>76</v>
      </c>
      <c r="AB10510">
        <v>77</v>
      </c>
      <c r="AC10510">
        <v>77</v>
      </c>
      <c r="AD10510">
        <v>78</v>
      </c>
      <c r="AE10510">
        <v>79</v>
      </c>
      <c r="AF10510">
        <v>80</v>
      </c>
      <c r="AG10510">
        <v>80</v>
      </c>
      <c r="AH10510">
        <v>81</v>
      </c>
      <c r="AI10510">
        <v>82</v>
      </c>
      <c r="AJ10510">
        <v>83</v>
      </c>
      <c r="AK10510">
        <v>83</v>
      </c>
      <c r="AL10510">
        <v>83</v>
      </c>
      <c r="AM10510">
        <v>83</v>
      </c>
      <c r="AN10510">
        <v>83</v>
      </c>
      <c r="AO10510">
        <v>83</v>
      </c>
      <c r="AP10510">
        <v>83</v>
      </c>
      <c r="AQ10510">
        <v>83</v>
      </c>
    </row>
    <row r="10511" spans="1:43">
      <c r="A10511" t="s">
        <v>6544</v>
      </c>
      <c r="B10511" t="s">
        <v>6545</v>
      </c>
      <c r="C10511" t="s">
        <v>6306</v>
      </c>
      <c r="D10511" t="s">
        <v>6307</v>
      </c>
      <c r="E10511" t="s">
        <v>6174</v>
      </c>
      <c r="F10511" t="s">
        <v>6175</v>
      </c>
      <c r="G10511" t="s">
        <v>80</v>
      </c>
      <c r="H10511" t="s">
        <v>81</v>
      </c>
      <c r="I10511" s="2">
        <v>0</v>
      </c>
      <c r="J10511" s="2">
        <v>1</v>
      </c>
      <c r="K10511" s="2">
        <v>0</v>
      </c>
      <c r="L10511" t="s">
        <v>82</v>
      </c>
      <c r="M10511" t="s">
        <v>87</v>
      </c>
      <c r="N10511" t="s">
        <v>88</v>
      </c>
      <c r="O10511" t="s">
        <v>85</v>
      </c>
      <c r="P10511" t="s">
        <v>86</v>
      </c>
      <c r="Q10511">
        <v>68</v>
      </c>
      <c r="R10511">
        <v>68</v>
      </c>
      <c r="S10511">
        <v>68</v>
      </c>
      <c r="T10511">
        <v>69</v>
      </c>
      <c r="U10511">
        <v>69</v>
      </c>
      <c r="V10511">
        <v>69</v>
      </c>
      <c r="W10511">
        <v>69</v>
      </c>
      <c r="X10511">
        <v>70</v>
      </c>
      <c r="Y10511">
        <v>70</v>
      </c>
      <c r="Z10511">
        <v>70</v>
      </c>
      <c r="AA10511">
        <v>70</v>
      </c>
      <c r="AB10511">
        <v>70</v>
      </c>
      <c r="AC10511">
        <v>71</v>
      </c>
      <c r="AD10511">
        <v>71</v>
      </c>
      <c r="AE10511">
        <v>71</v>
      </c>
      <c r="AF10511">
        <v>71</v>
      </c>
      <c r="AG10511">
        <v>71</v>
      </c>
      <c r="AH10511">
        <v>71</v>
      </c>
      <c r="AI10511">
        <v>72</v>
      </c>
      <c r="AJ10511">
        <v>72</v>
      </c>
      <c r="AK10511">
        <v>72</v>
      </c>
      <c r="AL10511">
        <v>72</v>
      </c>
      <c r="AM10511">
        <v>72</v>
      </c>
      <c r="AN10511">
        <v>72</v>
      </c>
      <c r="AO10511">
        <v>73</v>
      </c>
      <c r="AP10511">
        <v>73</v>
      </c>
      <c r="AQ10511">
        <v>73</v>
      </c>
    </row>
    <row r="10512" spans="1:43">
      <c r="A10512" t="s">
        <v>6544</v>
      </c>
      <c r="B10512" t="s">
        <v>6545</v>
      </c>
      <c r="C10512" t="s">
        <v>6306</v>
      </c>
      <c r="D10512" t="s">
        <v>6307</v>
      </c>
      <c r="E10512" t="s">
        <v>6174</v>
      </c>
      <c r="F10512" t="s">
        <v>6175</v>
      </c>
      <c r="G10512" t="s">
        <v>80</v>
      </c>
      <c r="H10512" t="s">
        <v>81</v>
      </c>
      <c r="I10512" s="2">
        <v>0</v>
      </c>
      <c r="J10512" s="2">
        <v>1</v>
      </c>
      <c r="K10512" s="2">
        <v>0</v>
      </c>
      <c r="L10512" t="s">
        <v>82</v>
      </c>
      <c r="M10512" t="s">
        <v>89</v>
      </c>
      <c r="N10512" t="s">
        <v>90</v>
      </c>
      <c r="O10512" t="s">
        <v>85</v>
      </c>
      <c r="P10512" t="s">
        <v>86</v>
      </c>
      <c r="Q10512">
        <v>68</v>
      </c>
      <c r="R10512">
        <v>70</v>
      </c>
      <c r="S10512">
        <v>71</v>
      </c>
      <c r="T10512">
        <v>72</v>
      </c>
      <c r="U10512">
        <v>74</v>
      </c>
      <c r="V10512">
        <v>75</v>
      </c>
      <c r="W10512">
        <v>76</v>
      </c>
      <c r="X10512">
        <v>78</v>
      </c>
      <c r="Y10512">
        <v>79</v>
      </c>
      <c r="Z10512">
        <v>80</v>
      </c>
      <c r="AA10512">
        <v>81</v>
      </c>
      <c r="AB10512">
        <v>82</v>
      </c>
      <c r="AC10512">
        <v>83</v>
      </c>
      <c r="AD10512">
        <v>84</v>
      </c>
      <c r="AE10512">
        <v>85</v>
      </c>
      <c r="AF10512">
        <v>85</v>
      </c>
      <c r="AG10512">
        <v>85</v>
      </c>
      <c r="AH10512">
        <v>85</v>
      </c>
      <c r="AI10512">
        <v>85</v>
      </c>
      <c r="AJ10512">
        <v>85</v>
      </c>
      <c r="AK10512">
        <v>85</v>
      </c>
      <c r="AL10512">
        <v>85</v>
      </c>
      <c r="AM10512">
        <v>84</v>
      </c>
      <c r="AN10512">
        <v>84</v>
      </c>
      <c r="AO10512">
        <v>84</v>
      </c>
      <c r="AP10512">
        <v>84</v>
      </c>
      <c r="AQ10512">
        <v>84</v>
      </c>
    </row>
    <row r="10513" spans="1:43">
      <c r="A10513" t="s">
        <v>6544</v>
      </c>
      <c r="B10513" t="s">
        <v>6545</v>
      </c>
      <c r="C10513" t="s">
        <v>6306</v>
      </c>
      <c r="D10513" t="s">
        <v>6307</v>
      </c>
      <c r="E10513" t="s">
        <v>6174</v>
      </c>
      <c r="F10513" t="s">
        <v>6175</v>
      </c>
      <c r="G10513" t="s">
        <v>80</v>
      </c>
      <c r="H10513" t="s">
        <v>81</v>
      </c>
      <c r="I10513" s="2">
        <v>0</v>
      </c>
      <c r="J10513" s="2">
        <v>1</v>
      </c>
      <c r="K10513" s="2">
        <v>0</v>
      </c>
      <c r="L10513" t="s">
        <v>82</v>
      </c>
      <c r="M10513" t="s">
        <v>83</v>
      </c>
      <c r="N10513" t="s">
        <v>91</v>
      </c>
      <c r="O10513" t="s">
        <v>85</v>
      </c>
      <c r="P10513" t="s">
        <v>86</v>
      </c>
      <c r="Q10513">
        <v>68</v>
      </c>
      <c r="R10513">
        <v>68</v>
      </c>
      <c r="S10513">
        <v>69</v>
      </c>
      <c r="T10513">
        <v>70</v>
      </c>
      <c r="U10513">
        <v>71</v>
      </c>
      <c r="V10513">
        <v>72</v>
      </c>
      <c r="W10513">
        <v>73</v>
      </c>
      <c r="X10513">
        <v>74</v>
      </c>
      <c r="Y10513">
        <v>74</v>
      </c>
      <c r="Z10513">
        <v>75</v>
      </c>
      <c r="AA10513">
        <v>76</v>
      </c>
      <c r="AB10513">
        <v>77</v>
      </c>
      <c r="AC10513">
        <v>77</v>
      </c>
      <c r="AD10513">
        <v>78</v>
      </c>
      <c r="AE10513">
        <v>79</v>
      </c>
      <c r="AF10513">
        <v>80</v>
      </c>
      <c r="AG10513">
        <v>80</v>
      </c>
      <c r="AH10513">
        <v>81</v>
      </c>
      <c r="AI10513">
        <v>82</v>
      </c>
      <c r="AJ10513">
        <v>83</v>
      </c>
      <c r="AK10513">
        <v>83</v>
      </c>
      <c r="AL10513">
        <v>83</v>
      </c>
      <c r="AM10513">
        <v>83</v>
      </c>
      <c r="AN10513">
        <v>83</v>
      </c>
      <c r="AO10513">
        <v>83</v>
      </c>
      <c r="AP10513">
        <v>83</v>
      </c>
      <c r="AQ10513">
        <v>83</v>
      </c>
    </row>
    <row r="10514" spans="1:43">
      <c r="A10514" t="s">
        <v>6546</v>
      </c>
      <c r="B10514" t="s">
        <v>6547</v>
      </c>
      <c r="C10514" t="s">
        <v>6538</v>
      </c>
      <c r="D10514" t="s">
        <v>6539</v>
      </c>
      <c r="E10514" t="s">
        <v>6174</v>
      </c>
      <c r="F10514" t="s">
        <v>6175</v>
      </c>
      <c r="G10514" t="s">
        <v>80</v>
      </c>
      <c r="H10514" t="s">
        <v>81</v>
      </c>
      <c r="I10514" s="2">
        <v>0</v>
      </c>
      <c r="J10514" s="2">
        <v>1</v>
      </c>
      <c r="K10514" s="2">
        <v>0</v>
      </c>
      <c r="L10514" t="s">
        <v>82</v>
      </c>
      <c r="M10514" t="s">
        <v>83</v>
      </c>
      <c r="N10514" t="s">
        <v>84</v>
      </c>
      <c r="O10514" t="s">
        <v>85</v>
      </c>
      <c r="P10514" t="s">
        <v>86</v>
      </c>
      <c r="Q10514">
        <v>17</v>
      </c>
      <c r="R10514">
        <v>17</v>
      </c>
      <c r="S10514">
        <v>18</v>
      </c>
      <c r="T10514">
        <v>18</v>
      </c>
      <c r="U10514">
        <v>18</v>
      </c>
      <c r="V10514">
        <v>18</v>
      </c>
      <c r="W10514">
        <v>18</v>
      </c>
      <c r="X10514">
        <v>19</v>
      </c>
      <c r="Y10514">
        <v>19</v>
      </c>
      <c r="Z10514">
        <v>19</v>
      </c>
      <c r="AA10514">
        <v>19</v>
      </c>
      <c r="AB10514">
        <v>19</v>
      </c>
      <c r="AC10514">
        <v>20</v>
      </c>
      <c r="AD10514">
        <v>20</v>
      </c>
      <c r="AE10514">
        <v>20</v>
      </c>
      <c r="AF10514">
        <v>20</v>
      </c>
      <c r="AG10514">
        <v>20</v>
      </c>
      <c r="AH10514">
        <v>20</v>
      </c>
      <c r="AI10514">
        <v>21</v>
      </c>
      <c r="AJ10514">
        <v>21</v>
      </c>
      <c r="AK10514">
        <v>21</v>
      </c>
      <c r="AL10514">
        <v>21</v>
      </c>
      <c r="AM10514">
        <v>21</v>
      </c>
      <c r="AN10514">
        <v>21</v>
      </c>
      <c r="AO10514">
        <v>21</v>
      </c>
      <c r="AP10514">
        <v>21</v>
      </c>
      <c r="AQ10514">
        <v>21</v>
      </c>
    </row>
    <row r="10515" spans="1:43">
      <c r="A10515" t="s">
        <v>6546</v>
      </c>
      <c r="B10515" t="s">
        <v>6547</v>
      </c>
      <c r="C10515" t="s">
        <v>6538</v>
      </c>
      <c r="D10515" t="s">
        <v>6539</v>
      </c>
      <c r="E10515" t="s">
        <v>6174</v>
      </c>
      <c r="F10515" t="s">
        <v>6175</v>
      </c>
      <c r="G10515" t="s">
        <v>80</v>
      </c>
      <c r="H10515" t="s">
        <v>81</v>
      </c>
      <c r="I10515" s="2">
        <v>0</v>
      </c>
      <c r="J10515" s="2">
        <v>1</v>
      </c>
      <c r="K10515" s="2">
        <v>0</v>
      </c>
      <c r="L10515" t="s">
        <v>82</v>
      </c>
      <c r="M10515" t="s">
        <v>87</v>
      </c>
      <c r="N10515" t="s">
        <v>88</v>
      </c>
      <c r="O10515" t="s">
        <v>85</v>
      </c>
      <c r="P10515" t="s">
        <v>86</v>
      </c>
      <c r="Q10515">
        <v>17</v>
      </c>
      <c r="R10515">
        <v>17</v>
      </c>
      <c r="S10515">
        <v>17</v>
      </c>
      <c r="T10515">
        <v>17</v>
      </c>
      <c r="U10515">
        <v>17</v>
      </c>
      <c r="V10515">
        <v>17</v>
      </c>
      <c r="W10515">
        <v>17</v>
      </c>
      <c r="X10515">
        <v>17</v>
      </c>
      <c r="Y10515">
        <v>17</v>
      </c>
      <c r="Z10515">
        <v>17</v>
      </c>
      <c r="AA10515">
        <v>17</v>
      </c>
      <c r="AB10515">
        <v>18</v>
      </c>
      <c r="AC10515">
        <v>18</v>
      </c>
      <c r="AD10515">
        <v>18</v>
      </c>
      <c r="AE10515">
        <v>18</v>
      </c>
      <c r="AF10515">
        <v>18</v>
      </c>
      <c r="AG10515">
        <v>18</v>
      </c>
      <c r="AH10515">
        <v>18</v>
      </c>
      <c r="AI10515">
        <v>18</v>
      </c>
      <c r="AJ10515">
        <v>18</v>
      </c>
      <c r="AK10515">
        <v>18</v>
      </c>
      <c r="AL10515">
        <v>18</v>
      </c>
      <c r="AM10515">
        <v>18</v>
      </c>
      <c r="AN10515">
        <v>18</v>
      </c>
      <c r="AO10515">
        <v>18</v>
      </c>
      <c r="AP10515">
        <v>18</v>
      </c>
      <c r="AQ10515">
        <v>18</v>
      </c>
    </row>
    <row r="10516" spans="1:43">
      <c r="A10516" t="s">
        <v>6546</v>
      </c>
      <c r="B10516" t="s">
        <v>6547</v>
      </c>
      <c r="C10516" t="s">
        <v>6538</v>
      </c>
      <c r="D10516" t="s">
        <v>6539</v>
      </c>
      <c r="E10516" t="s">
        <v>6174</v>
      </c>
      <c r="F10516" t="s">
        <v>6175</v>
      </c>
      <c r="G10516" t="s">
        <v>80</v>
      </c>
      <c r="H10516" t="s">
        <v>81</v>
      </c>
      <c r="I10516" s="2">
        <v>0</v>
      </c>
      <c r="J10516" s="2">
        <v>1</v>
      </c>
      <c r="K10516" s="2">
        <v>0</v>
      </c>
      <c r="L10516" t="s">
        <v>82</v>
      </c>
      <c r="M10516" t="s">
        <v>89</v>
      </c>
      <c r="N10516" t="s">
        <v>90</v>
      </c>
      <c r="O10516" t="s">
        <v>85</v>
      </c>
      <c r="P10516" t="s">
        <v>86</v>
      </c>
      <c r="Q10516">
        <v>17</v>
      </c>
      <c r="R10516">
        <v>18</v>
      </c>
      <c r="S10516">
        <v>18</v>
      </c>
      <c r="T10516">
        <v>18</v>
      </c>
      <c r="U10516">
        <v>19</v>
      </c>
      <c r="V10516">
        <v>19</v>
      </c>
      <c r="W10516">
        <v>19</v>
      </c>
      <c r="X10516">
        <v>20</v>
      </c>
      <c r="Y10516">
        <v>20</v>
      </c>
      <c r="Z10516">
        <v>20</v>
      </c>
      <c r="AA10516">
        <v>20</v>
      </c>
      <c r="AB10516">
        <v>21</v>
      </c>
      <c r="AC10516">
        <v>21</v>
      </c>
      <c r="AD10516">
        <v>21</v>
      </c>
      <c r="AE10516">
        <v>21</v>
      </c>
      <c r="AF10516">
        <v>21</v>
      </c>
      <c r="AG10516">
        <v>21</v>
      </c>
      <c r="AH10516">
        <v>21</v>
      </c>
      <c r="AI10516">
        <v>21</v>
      </c>
      <c r="AJ10516">
        <v>21</v>
      </c>
      <c r="AK10516">
        <v>21</v>
      </c>
      <c r="AL10516">
        <v>21</v>
      </c>
      <c r="AM10516">
        <v>21</v>
      </c>
      <c r="AN10516">
        <v>21</v>
      </c>
      <c r="AO10516">
        <v>21</v>
      </c>
      <c r="AP10516">
        <v>21</v>
      </c>
      <c r="AQ10516">
        <v>21</v>
      </c>
    </row>
    <row r="10517" spans="1:43">
      <c r="A10517" t="s">
        <v>6546</v>
      </c>
      <c r="B10517" t="s">
        <v>6547</v>
      </c>
      <c r="C10517" t="s">
        <v>6538</v>
      </c>
      <c r="D10517" t="s">
        <v>6539</v>
      </c>
      <c r="E10517" t="s">
        <v>6174</v>
      </c>
      <c r="F10517" t="s">
        <v>6175</v>
      </c>
      <c r="G10517" t="s">
        <v>80</v>
      </c>
      <c r="H10517" t="s">
        <v>81</v>
      </c>
      <c r="I10517" s="2">
        <v>0</v>
      </c>
      <c r="J10517" s="2">
        <v>1</v>
      </c>
      <c r="K10517" s="2">
        <v>0</v>
      </c>
      <c r="L10517" t="s">
        <v>82</v>
      </c>
      <c r="M10517" t="s">
        <v>83</v>
      </c>
      <c r="N10517" t="s">
        <v>91</v>
      </c>
      <c r="O10517" t="s">
        <v>85</v>
      </c>
      <c r="P10517" t="s">
        <v>86</v>
      </c>
      <c r="Q10517">
        <v>17</v>
      </c>
      <c r="R10517">
        <v>17</v>
      </c>
      <c r="S10517">
        <v>18</v>
      </c>
      <c r="T10517">
        <v>18</v>
      </c>
      <c r="U10517">
        <v>18</v>
      </c>
      <c r="V10517">
        <v>18</v>
      </c>
      <c r="W10517">
        <v>18</v>
      </c>
      <c r="X10517">
        <v>19</v>
      </c>
      <c r="Y10517">
        <v>19</v>
      </c>
      <c r="Z10517">
        <v>19</v>
      </c>
      <c r="AA10517">
        <v>19</v>
      </c>
      <c r="AB10517">
        <v>19</v>
      </c>
      <c r="AC10517">
        <v>20</v>
      </c>
      <c r="AD10517">
        <v>20</v>
      </c>
      <c r="AE10517">
        <v>20</v>
      </c>
      <c r="AF10517">
        <v>20</v>
      </c>
      <c r="AG10517">
        <v>20</v>
      </c>
      <c r="AH10517">
        <v>20</v>
      </c>
      <c r="AI10517">
        <v>21</v>
      </c>
      <c r="AJ10517">
        <v>21</v>
      </c>
      <c r="AK10517">
        <v>21</v>
      </c>
      <c r="AL10517">
        <v>21</v>
      </c>
      <c r="AM10517">
        <v>21</v>
      </c>
      <c r="AN10517">
        <v>21</v>
      </c>
      <c r="AO10517">
        <v>21</v>
      </c>
      <c r="AP10517">
        <v>21</v>
      </c>
      <c r="AQ10517">
        <v>21</v>
      </c>
    </row>
    <row r="10518" spans="1:43">
      <c r="A10518" t="s">
        <v>6548</v>
      </c>
      <c r="B10518" t="s">
        <v>6549</v>
      </c>
      <c r="C10518" t="s">
        <v>6538</v>
      </c>
      <c r="D10518" t="s">
        <v>6539</v>
      </c>
      <c r="E10518" t="s">
        <v>6174</v>
      </c>
      <c r="F10518" t="s">
        <v>6175</v>
      </c>
      <c r="G10518" t="s">
        <v>80</v>
      </c>
      <c r="H10518" t="s">
        <v>81</v>
      </c>
      <c r="I10518" s="2">
        <v>0</v>
      </c>
      <c r="J10518" s="2">
        <v>1</v>
      </c>
      <c r="K10518" s="2">
        <v>0</v>
      </c>
      <c r="L10518" t="s">
        <v>82</v>
      </c>
      <c r="M10518" t="s">
        <v>83</v>
      </c>
      <c r="N10518" t="s">
        <v>84</v>
      </c>
      <c r="O10518" t="s">
        <v>85</v>
      </c>
      <c r="P10518" t="s">
        <v>86</v>
      </c>
      <c r="Q10518">
        <v>71</v>
      </c>
      <c r="R10518">
        <v>72</v>
      </c>
      <c r="S10518">
        <v>73</v>
      </c>
      <c r="T10518">
        <v>74</v>
      </c>
      <c r="U10518">
        <v>75</v>
      </c>
      <c r="V10518">
        <v>75</v>
      </c>
      <c r="W10518">
        <v>76</v>
      </c>
      <c r="X10518">
        <v>77</v>
      </c>
      <c r="Y10518">
        <v>78</v>
      </c>
      <c r="Z10518">
        <v>79</v>
      </c>
      <c r="AA10518">
        <v>79</v>
      </c>
      <c r="AB10518">
        <v>80</v>
      </c>
      <c r="AC10518">
        <v>81</v>
      </c>
      <c r="AD10518">
        <v>82</v>
      </c>
      <c r="AE10518">
        <v>82</v>
      </c>
      <c r="AF10518">
        <v>83</v>
      </c>
      <c r="AG10518">
        <v>84</v>
      </c>
      <c r="AH10518">
        <v>84</v>
      </c>
      <c r="AI10518">
        <v>85</v>
      </c>
      <c r="AJ10518">
        <v>86</v>
      </c>
      <c r="AK10518">
        <v>86</v>
      </c>
      <c r="AL10518">
        <v>86</v>
      </c>
      <c r="AM10518">
        <v>86</v>
      </c>
      <c r="AN10518">
        <v>86</v>
      </c>
      <c r="AO10518">
        <v>86</v>
      </c>
      <c r="AP10518">
        <v>86</v>
      </c>
      <c r="AQ10518">
        <v>86</v>
      </c>
    </row>
    <row r="10519" spans="1:43">
      <c r="A10519" t="s">
        <v>6548</v>
      </c>
      <c r="B10519" t="s">
        <v>6549</v>
      </c>
      <c r="C10519" t="s">
        <v>6538</v>
      </c>
      <c r="D10519" t="s">
        <v>6539</v>
      </c>
      <c r="E10519" t="s">
        <v>6174</v>
      </c>
      <c r="F10519" t="s">
        <v>6175</v>
      </c>
      <c r="G10519" t="s">
        <v>80</v>
      </c>
      <c r="H10519" t="s">
        <v>81</v>
      </c>
      <c r="I10519" s="2">
        <v>0</v>
      </c>
      <c r="J10519" s="2">
        <v>1</v>
      </c>
      <c r="K10519" s="2">
        <v>0</v>
      </c>
      <c r="L10519" t="s">
        <v>82</v>
      </c>
      <c r="M10519" t="s">
        <v>87</v>
      </c>
      <c r="N10519" t="s">
        <v>88</v>
      </c>
      <c r="O10519" t="s">
        <v>85</v>
      </c>
      <c r="P10519" t="s">
        <v>86</v>
      </c>
      <c r="Q10519">
        <v>71</v>
      </c>
      <c r="R10519">
        <v>71</v>
      </c>
      <c r="S10519">
        <v>71</v>
      </c>
      <c r="T10519">
        <v>71</v>
      </c>
      <c r="U10519">
        <v>71</v>
      </c>
      <c r="V10519">
        <v>71</v>
      </c>
      <c r="W10519">
        <v>72</v>
      </c>
      <c r="X10519">
        <v>72</v>
      </c>
      <c r="Y10519">
        <v>72</v>
      </c>
      <c r="Z10519">
        <v>72</v>
      </c>
      <c r="AA10519">
        <v>72</v>
      </c>
      <c r="AB10519">
        <v>72</v>
      </c>
      <c r="AC10519">
        <v>73</v>
      </c>
      <c r="AD10519">
        <v>73</v>
      </c>
      <c r="AE10519">
        <v>73</v>
      </c>
      <c r="AF10519">
        <v>73</v>
      </c>
      <c r="AG10519">
        <v>73</v>
      </c>
      <c r="AH10519">
        <v>73</v>
      </c>
      <c r="AI10519">
        <v>73</v>
      </c>
      <c r="AJ10519">
        <v>74</v>
      </c>
      <c r="AK10519">
        <v>74</v>
      </c>
      <c r="AL10519">
        <v>74</v>
      </c>
      <c r="AM10519">
        <v>74</v>
      </c>
      <c r="AN10519">
        <v>74</v>
      </c>
      <c r="AO10519">
        <v>74</v>
      </c>
      <c r="AP10519">
        <v>74</v>
      </c>
      <c r="AQ10519">
        <v>74</v>
      </c>
    </row>
    <row r="10520" spans="1:43">
      <c r="A10520" t="s">
        <v>6548</v>
      </c>
      <c r="B10520" t="s">
        <v>6549</v>
      </c>
      <c r="C10520" t="s">
        <v>6538</v>
      </c>
      <c r="D10520" t="s">
        <v>6539</v>
      </c>
      <c r="E10520" t="s">
        <v>6174</v>
      </c>
      <c r="F10520" t="s">
        <v>6175</v>
      </c>
      <c r="G10520" t="s">
        <v>80</v>
      </c>
      <c r="H10520" t="s">
        <v>81</v>
      </c>
      <c r="I10520" s="2">
        <v>0</v>
      </c>
      <c r="J10520" s="2">
        <v>1</v>
      </c>
      <c r="K10520" s="2">
        <v>0</v>
      </c>
      <c r="L10520" t="s">
        <v>82</v>
      </c>
      <c r="M10520" t="s">
        <v>89</v>
      </c>
      <c r="N10520" t="s">
        <v>90</v>
      </c>
      <c r="O10520" t="s">
        <v>85</v>
      </c>
      <c r="P10520" t="s">
        <v>86</v>
      </c>
      <c r="Q10520">
        <v>71</v>
      </c>
      <c r="R10520">
        <v>72</v>
      </c>
      <c r="S10520">
        <v>74</v>
      </c>
      <c r="T10520">
        <v>75</v>
      </c>
      <c r="U10520">
        <v>77</v>
      </c>
      <c r="V10520">
        <v>78</v>
      </c>
      <c r="W10520">
        <v>79</v>
      </c>
      <c r="X10520">
        <v>80</v>
      </c>
      <c r="Y10520">
        <v>81</v>
      </c>
      <c r="Z10520">
        <v>83</v>
      </c>
      <c r="AA10520">
        <v>84</v>
      </c>
      <c r="AB10520">
        <v>85</v>
      </c>
      <c r="AC10520">
        <v>86</v>
      </c>
      <c r="AD10520">
        <v>87</v>
      </c>
      <c r="AE10520">
        <v>87</v>
      </c>
      <c r="AF10520">
        <v>87</v>
      </c>
      <c r="AG10520">
        <v>87</v>
      </c>
      <c r="AH10520">
        <v>87</v>
      </c>
      <c r="AI10520">
        <v>87</v>
      </c>
      <c r="AJ10520">
        <v>86</v>
      </c>
      <c r="AK10520">
        <v>86</v>
      </c>
      <c r="AL10520">
        <v>86</v>
      </c>
      <c r="AM10520">
        <v>86</v>
      </c>
      <c r="AN10520">
        <v>86</v>
      </c>
      <c r="AO10520">
        <v>85</v>
      </c>
      <c r="AP10520">
        <v>85</v>
      </c>
      <c r="AQ10520">
        <v>85</v>
      </c>
    </row>
    <row r="10521" spans="1:43">
      <c r="A10521" t="s">
        <v>6548</v>
      </c>
      <c r="B10521" t="s">
        <v>6549</v>
      </c>
      <c r="C10521" t="s">
        <v>6538</v>
      </c>
      <c r="D10521" t="s">
        <v>6539</v>
      </c>
      <c r="E10521" t="s">
        <v>6174</v>
      </c>
      <c r="F10521" t="s">
        <v>6175</v>
      </c>
      <c r="G10521" t="s">
        <v>80</v>
      </c>
      <c r="H10521" t="s">
        <v>81</v>
      </c>
      <c r="I10521" s="2">
        <v>0</v>
      </c>
      <c r="J10521" s="2">
        <v>1</v>
      </c>
      <c r="K10521" s="2">
        <v>0</v>
      </c>
      <c r="L10521" t="s">
        <v>82</v>
      </c>
      <c r="M10521" t="s">
        <v>83</v>
      </c>
      <c r="N10521" t="s">
        <v>91</v>
      </c>
      <c r="O10521" t="s">
        <v>85</v>
      </c>
      <c r="P10521" t="s">
        <v>86</v>
      </c>
      <c r="Q10521">
        <v>71</v>
      </c>
      <c r="R10521">
        <v>72</v>
      </c>
      <c r="S10521">
        <v>73</v>
      </c>
      <c r="T10521">
        <v>74</v>
      </c>
      <c r="U10521">
        <v>75</v>
      </c>
      <c r="V10521">
        <v>75</v>
      </c>
      <c r="W10521">
        <v>76</v>
      </c>
      <c r="X10521">
        <v>77</v>
      </c>
      <c r="Y10521">
        <v>78</v>
      </c>
      <c r="Z10521">
        <v>79</v>
      </c>
      <c r="AA10521">
        <v>79</v>
      </c>
      <c r="AB10521">
        <v>80</v>
      </c>
      <c r="AC10521">
        <v>81</v>
      </c>
      <c r="AD10521">
        <v>82</v>
      </c>
      <c r="AE10521">
        <v>82</v>
      </c>
      <c r="AF10521">
        <v>83</v>
      </c>
      <c r="AG10521">
        <v>84</v>
      </c>
      <c r="AH10521">
        <v>84</v>
      </c>
      <c r="AI10521">
        <v>85</v>
      </c>
      <c r="AJ10521">
        <v>86</v>
      </c>
      <c r="AK10521">
        <v>86</v>
      </c>
      <c r="AL10521">
        <v>86</v>
      </c>
      <c r="AM10521">
        <v>86</v>
      </c>
      <c r="AN10521">
        <v>86</v>
      </c>
      <c r="AO10521">
        <v>86</v>
      </c>
      <c r="AP10521">
        <v>86</v>
      </c>
      <c r="AQ10521">
        <v>86</v>
      </c>
    </row>
    <row r="10522" spans="1:43">
      <c r="A10522" t="s">
        <v>6550</v>
      </c>
      <c r="B10522" t="s">
        <v>6551</v>
      </c>
      <c r="C10522" t="s">
        <v>6538</v>
      </c>
      <c r="D10522" t="s">
        <v>6539</v>
      </c>
      <c r="E10522" t="s">
        <v>6174</v>
      </c>
      <c r="F10522" t="s">
        <v>6175</v>
      </c>
      <c r="G10522" t="s">
        <v>80</v>
      </c>
      <c r="H10522" t="s">
        <v>81</v>
      </c>
      <c r="I10522" s="2">
        <v>0</v>
      </c>
      <c r="J10522" s="2">
        <v>1</v>
      </c>
      <c r="K10522" s="2">
        <v>0</v>
      </c>
      <c r="L10522" t="s">
        <v>82</v>
      </c>
      <c r="M10522" t="s">
        <v>83</v>
      </c>
      <c r="N10522" t="s">
        <v>84</v>
      </c>
      <c r="O10522" t="s">
        <v>85</v>
      </c>
      <c r="P10522" t="s">
        <v>86</v>
      </c>
      <c r="Q10522">
        <v>79</v>
      </c>
      <c r="R10522">
        <v>79</v>
      </c>
      <c r="S10522">
        <v>80</v>
      </c>
      <c r="T10522">
        <v>81</v>
      </c>
      <c r="U10522">
        <v>82</v>
      </c>
      <c r="V10522">
        <v>83</v>
      </c>
      <c r="W10522">
        <v>84</v>
      </c>
      <c r="X10522">
        <v>85</v>
      </c>
      <c r="Y10522">
        <v>86</v>
      </c>
      <c r="Z10522">
        <v>87</v>
      </c>
      <c r="AA10522">
        <v>88</v>
      </c>
      <c r="AB10522">
        <v>89</v>
      </c>
      <c r="AC10522">
        <v>89</v>
      </c>
      <c r="AD10522">
        <v>90</v>
      </c>
      <c r="AE10522">
        <v>91</v>
      </c>
      <c r="AF10522">
        <v>92</v>
      </c>
      <c r="AG10522">
        <v>92</v>
      </c>
      <c r="AH10522">
        <v>93</v>
      </c>
      <c r="AI10522">
        <v>94</v>
      </c>
      <c r="AJ10522">
        <v>95</v>
      </c>
      <c r="AK10522">
        <v>95</v>
      </c>
      <c r="AL10522">
        <v>95</v>
      </c>
      <c r="AM10522">
        <v>95</v>
      </c>
      <c r="AN10522">
        <v>95</v>
      </c>
      <c r="AO10522">
        <v>95</v>
      </c>
      <c r="AP10522">
        <v>95</v>
      </c>
      <c r="AQ10522">
        <v>94</v>
      </c>
    </row>
    <row r="10523" spans="1:43">
      <c r="A10523" t="s">
        <v>6550</v>
      </c>
      <c r="B10523" t="s">
        <v>6551</v>
      </c>
      <c r="C10523" t="s">
        <v>6538</v>
      </c>
      <c r="D10523" t="s">
        <v>6539</v>
      </c>
      <c r="E10523" t="s">
        <v>6174</v>
      </c>
      <c r="F10523" t="s">
        <v>6175</v>
      </c>
      <c r="G10523" t="s">
        <v>80</v>
      </c>
      <c r="H10523" t="s">
        <v>81</v>
      </c>
      <c r="I10523" s="2">
        <v>0</v>
      </c>
      <c r="J10523" s="2">
        <v>1</v>
      </c>
      <c r="K10523" s="2">
        <v>0</v>
      </c>
      <c r="L10523" t="s">
        <v>82</v>
      </c>
      <c r="M10523" t="s">
        <v>87</v>
      </c>
      <c r="N10523" t="s">
        <v>88</v>
      </c>
      <c r="O10523" t="s">
        <v>85</v>
      </c>
      <c r="P10523" t="s">
        <v>86</v>
      </c>
      <c r="Q10523">
        <v>79</v>
      </c>
      <c r="R10523">
        <v>79</v>
      </c>
      <c r="S10523">
        <v>79</v>
      </c>
      <c r="T10523">
        <v>79</v>
      </c>
      <c r="U10523">
        <v>80</v>
      </c>
      <c r="V10523">
        <v>80</v>
      </c>
      <c r="W10523">
        <v>80</v>
      </c>
      <c r="X10523">
        <v>80</v>
      </c>
      <c r="Y10523">
        <v>81</v>
      </c>
      <c r="Z10523">
        <v>81</v>
      </c>
      <c r="AA10523">
        <v>81</v>
      </c>
      <c r="AB10523">
        <v>81</v>
      </c>
      <c r="AC10523">
        <v>81</v>
      </c>
      <c r="AD10523">
        <v>81</v>
      </c>
      <c r="AE10523">
        <v>82</v>
      </c>
      <c r="AF10523">
        <v>82</v>
      </c>
      <c r="AG10523">
        <v>82</v>
      </c>
      <c r="AH10523">
        <v>82</v>
      </c>
      <c r="AI10523">
        <v>82</v>
      </c>
      <c r="AJ10523">
        <v>82</v>
      </c>
      <c r="AK10523">
        <v>83</v>
      </c>
      <c r="AL10523">
        <v>83</v>
      </c>
      <c r="AM10523">
        <v>83</v>
      </c>
      <c r="AN10523">
        <v>83</v>
      </c>
      <c r="AO10523">
        <v>83</v>
      </c>
      <c r="AP10523">
        <v>83</v>
      </c>
      <c r="AQ10523">
        <v>83</v>
      </c>
    </row>
    <row r="10524" spans="1:43">
      <c r="A10524" t="s">
        <v>6550</v>
      </c>
      <c r="B10524" t="s">
        <v>6551</v>
      </c>
      <c r="C10524" t="s">
        <v>6538</v>
      </c>
      <c r="D10524" t="s">
        <v>6539</v>
      </c>
      <c r="E10524" t="s">
        <v>6174</v>
      </c>
      <c r="F10524" t="s">
        <v>6175</v>
      </c>
      <c r="G10524" t="s">
        <v>80</v>
      </c>
      <c r="H10524" t="s">
        <v>81</v>
      </c>
      <c r="I10524" s="2">
        <v>0</v>
      </c>
      <c r="J10524" s="2">
        <v>1</v>
      </c>
      <c r="K10524" s="2">
        <v>0</v>
      </c>
      <c r="L10524" t="s">
        <v>82</v>
      </c>
      <c r="M10524" t="s">
        <v>89</v>
      </c>
      <c r="N10524" t="s">
        <v>90</v>
      </c>
      <c r="O10524" t="s">
        <v>85</v>
      </c>
      <c r="P10524" t="s">
        <v>86</v>
      </c>
      <c r="Q10524">
        <v>79</v>
      </c>
      <c r="R10524">
        <v>81</v>
      </c>
      <c r="S10524">
        <v>83</v>
      </c>
      <c r="T10524">
        <v>84</v>
      </c>
      <c r="U10524">
        <v>86</v>
      </c>
      <c r="V10524">
        <v>87</v>
      </c>
      <c r="W10524">
        <v>89</v>
      </c>
      <c r="X10524">
        <v>90</v>
      </c>
      <c r="Y10524">
        <v>91</v>
      </c>
      <c r="Z10524">
        <v>92</v>
      </c>
      <c r="AA10524">
        <v>93</v>
      </c>
      <c r="AB10524">
        <v>94</v>
      </c>
      <c r="AC10524">
        <v>96</v>
      </c>
      <c r="AD10524">
        <v>97</v>
      </c>
      <c r="AE10524">
        <v>97</v>
      </c>
      <c r="AF10524">
        <v>97</v>
      </c>
      <c r="AG10524">
        <v>97</v>
      </c>
      <c r="AH10524">
        <v>97</v>
      </c>
      <c r="AI10524">
        <v>97</v>
      </c>
      <c r="AJ10524">
        <v>96</v>
      </c>
      <c r="AK10524">
        <v>96</v>
      </c>
      <c r="AL10524">
        <v>96</v>
      </c>
      <c r="AM10524">
        <v>96</v>
      </c>
      <c r="AN10524">
        <v>96</v>
      </c>
      <c r="AO10524">
        <v>96</v>
      </c>
      <c r="AP10524">
        <v>95</v>
      </c>
      <c r="AQ10524">
        <v>95</v>
      </c>
    </row>
    <row r="10525" spans="1:43">
      <c r="A10525" t="s">
        <v>6550</v>
      </c>
      <c r="B10525" t="s">
        <v>6551</v>
      </c>
      <c r="C10525" t="s">
        <v>6538</v>
      </c>
      <c r="D10525" t="s">
        <v>6539</v>
      </c>
      <c r="E10525" t="s">
        <v>6174</v>
      </c>
      <c r="F10525" t="s">
        <v>6175</v>
      </c>
      <c r="G10525" t="s">
        <v>80</v>
      </c>
      <c r="H10525" t="s">
        <v>81</v>
      </c>
      <c r="I10525" s="2">
        <v>0</v>
      </c>
      <c r="J10525" s="2">
        <v>1</v>
      </c>
      <c r="K10525" s="2">
        <v>0</v>
      </c>
      <c r="L10525" t="s">
        <v>82</v>
      </c>
      <c r="M10525" t="s">
        <v>83</v>
      </c>
      <c r="N10525" t="s">
        <v>91</v>
      </c>
      <c r="O10525" t="s">
        <v>85</v>
      </c>
      <c r="P10525" t="s">
        <v>86</v>
      </c>
      <c r="Q10525">
        <v>79</v>
      </c>
      <c r="R10525">
        <v>79</v>
      </c>
      <c r="S10525">
        <v>80</v>
      </c>
      <c r="T10525">
        <v>81</v>
      </c>
      <c r="U10525">
        <v>82</v>
      </c>
      <c r="V10525">
        <v>83</v>
      </c>
      <c r="W10525">
        <v>84</v>
      </c>
      <c r="X10525">
        <v>85</v>
      </c>
      <c r="Y10525">
        <v>86</v>
      </c>
      <c r="Z10525">
        <v>87</v>
      </c>
      <c r="AA10525">
        <v>88</v>
      </c>
      <c r="AB10525">
        <v>89</v>
      </c>
      <c r="AC10525">
        <v>89</v>
      </c>
      <c r="AD10525">
        <v>90</v>
      </c>
      <c r="AE10525">
        <v>91</v>
      </c>
      <c r="AF10525">
        <v>92</v>
      </c>
      <c r="AG10525">
        <v>92</v>
      </c>
      <c r="AH10525">
        <v>93</v>
      </c>
      <c r="AI10525">
        <v>94</v>
      </c>
      <c r="AJ10525">
        <v>95</v>
      </c>
      <c r="AK10525">
        <v>95</v>
      </c>
      <c r="AL10525">
        <v>95</v>
      </c>
      <c r="AM10525">
        <v>95</v>
      </c>
      <c r="AN10525">
        <v>95</v>
      </c>
      <c r="AO10525">
        <v>95</v>
      </c>
      <c r="AP10525">
        <v>95</v>
      </c>
      <c r="AQ10525">
        <v>94</v>
      </c>
    </row>
    <row r="10526" spans="1:43">
      <c r="A10526" t="s">
        <v>6552</v>
      </c>
      <c r="B10526" t="s">
        <v>6553</v>
      </c>
      <c r="C10526" t="s">
        <v>6188</v>
      </c>
      <c r="D10526" t="s">
        <v>6189</v>
      </c>
      <c r="E10526" t="s">
        <v>6174</v>
      </c>
      <c r="F10526" t="s">
        <v>6175</v>
      </c>
      <c r="G10526" t="s">
        <v>80</v>
      </c>
      <c r="H10526" t="s">
        <v>81</v>
      </c>
      <c r="I10526" s="2">
        <v>0</v>
      </c>
      <c r="J10526" s="2">
        <v>1</v>
      </c>
      <c r="K10526" s="2">
        <v>0</v>
      </c>
      <c r="L10526" t="s">
        <v>82</v>
      </c>
      <c r="M10526" t="s">
        <v>83</v>
      </c>
      <c r="N10526" t="s">
        <v>84</v>
      </c>
      <c r="O10526" t="s">
        <v>85</v>
      </c>
      <c r="P10526" t="s">
        <v>86</v>
      </c>
      <c r="Q10526">
        <v>15</v>
      </c>
      <c r="R10526">
        <v>15</v>
      </c>
      <c r="S10526">
        <v>15</v>
      </c>
      <c r="T10526">
        <v>15</v>
      </c>
      <c r="U10526">
        <v>16</v>
      </c>
      <c r="V10526">
        <v>16</v>
      </c>
      <c r="W10526">
        <v>16</v>
      </c>
      <c r="X10526">
        <v>16</v>
      </c>
      <c r="Y10526">
        <v>16</v>
      </c>
      <c r="Z10526">
        <v>16</v>
      </c>
      <c r="AA10526">
        <v>17</v>
      </c>
      <c r="AB10526">
        <v>17</v>
      </c>
      <c r="AC10526">
        <v>17</v>
      </c>
      <c r="AD10526">
        <v>17</v>
      </c>
      <c r="AE10526">
        <v>17</v>
      </c>
      <c r="AF10526">
        <v>17</v>
      </c>
      <c r="AG10526">
        <v>17</v>
      </c>
      <c r="AH10526">
        <v>18</v>
      </c>
      <c r="AI10526">
        <v>18</v>
      </c>
      <c r="AJ10526">
        <v>18</v>
      </c>
      <c r="AK10526">
        <v>18</v>
      </c>
      <c r="AL10526">
        <v>18</v>
      </c>
      <c r="AM10526">
        <v>18</v>
      </c>
      <c r="AN10526">
        <v>18</v>
      </c>
      <c r="AO10526">
        <v>18</v>
      </c>
      <c r="AP10526">
        <v>18</v>
      </c>
      <c r="AQ10526">
        <v>18</v>
      </c>
    </row>
    <row r="10527" spans="1:43">
      <c r="A10527" t="s">
        <v>6552</v>
      </c>
      <c r="B10527" t="s">
        <v>6553</v>
      </c>
      <c r="C10527" t="s">
        <v>6188</v>
      </c>
      <c r="D10527" t="s">
        <v>6189</v>
      </c>
      <c r="E10527" t="s">
        <v>6174</v>
      </c>
      <c r="F10527" t="s">
        <v>6175</v>
      </c>
      <c r="G10527" t="s">
        <v>80</v>
      </c>
      <c r="H10527" t="s">
        <v>81</v>
      </c>
      <c r="I10527" s="2">
        <v>0</v>
      </c>
      <c r="J10527" s="2">
        <v>1</v>
      </c>
      <c r="K10527" s="2">
        <v>0</v>
      </c>
      <c r="L10527" t="s">
        <v>82</v>
      </c>
      <c r="M10527" t="s">
        <v>87</v>
      </c>
      <c r="N10527" t="s">
        <v>88</v>
      </c>
      <c r="O10527" t="s">
        <v>85</v>
      </c>
      <c r="P10527" t="s">
        <v>86</v>
      </c>
      <c r="Q10527">
        <v>15</v>
      </c>
      <c r="R10527">
        <v>15</v>
      </c>
      <c r="S10527">
        <v>15</v>
      </c>
      <c r="T10527">
        <v>15</v>
      </c>
      <c r="U10527">
        <v>15</v>
      </c>
      <c r="V10527">
        <v>15</v>
      </c>
      <c r="W10527">
        <v>15</v>
      </c>
      <c r="X10527">
        <v>15</v>
      </c>
      <c r="Y10527">
        <v>15</v>
      </c>
      <c r="Z10527">
        <v>15</v>
      </c>
      <c r="AA10527">
        <v>15</v>
      </c>
      <c r="AB10527">
        <v>15</v>
      </c>
      <c r="AC10527">
        <v>15</v>
      </c>
      <c r="AD10527">
        <v>15</v>
      </c>
      <c r="AE10527">
        <v>15</v>
      </c>
      <c r="AF10527">
        <v>15</v>
      </c>
      <c r="AG10527">
        <v>15</v>
      </c>
      <c r="AH10527">
        <v>15</v>
      </c>
      <c r="AI10527">
        <v>15</v>
      </c>
      <c r="AJ10527">
        <v>15</v>
      </c>
      <c r="AK10527">
        <v>15</v>
      </c>
      <c r="AL10527">
        <v>15</v>
      </c>
      <c r="AM10527">
        <v>15</v>
      </c>
      <c r="AN10527">
        <v>15</v>
      </c>
      <c r="AO10527">
        <v>15</v>
      </c>
      <c r="AP10527">
        <v>15</v>
      </c>
      <c r="AQ10527">
        <v>15</v>
      </c>
    </row>
    <row r="10528" spans="1:43">
      <c r="A10528" t="s">
        <v>6552</v>
      </c>
      <c r="B10528" t="s">
        <v>6553</v>
      </c>
      <c r="C10528" t="s">
        <v>6188</v>
      </c>
      <c r="D10528" t="s">
        <v>6189</v>
      </c>
      <c r="E10528" t="s">
        <v>6174</v>
      </c>
      <c r="F10528" t="s">
        <v>6175</v>
      </c>
      <c r="G10528" t="s">
        <v>80</v>
      </c>
      <c r="H10528" t="s">
        <v>81</v>
      </c>
      <c r="I10528" s="2">
        <v>0</v>
      </c>
      <c r="J10528" s="2">
        <v>1</v>
      </c>
      <c r="K10528" s="2">
        <v>0</v>
      </c>
      <c r="L10528" t="s">
        <v>82</v>
      </c>
      <c r="M10528" t="s">
        <v>89</v>
      </c>
      <c r="N10528" t="s">
        <v>90</v>
      </c>
      <c r="O10528" t="s">
        <v>85</v>
      </c>
      <c r="P10528" t="s">
        <v>86</v>
      </c>
      <c r="Q10528">
        <v>15</v>
      </c>
      <c r="R10528">
        <v>15</v>
      </c>
      <c r="S10528">
        <v>16</v>
      </c>
      <c r="T10528">
        <v>16</v>
      </c>
      <c r="U10528">
        <v>16</v>
      </c>
      <c r="V10528">
        <v>17</v>
      </c>
      <c r="W10528">
        <v>17</v>
      </c>
      <c r="X10528">
        <v>17</v>
      </c>
      <c r="Y10528">
        <v>17</v>
      </c>
      <c r="Z10528">
        <v>17</v>
      </c>
      <c r="AA10528">
        <v>18</v>
      </c>
      <c r="AB10528">
        <v>18</v>
      </c>
      <c r="AC10528">
        <v>18</v>
      </c>
      <c r="AD10528">
        <v>18</v>
      </c>
      <c r="AE10528">
        <v>18</v>
      </c>
      <c r="AF10528">
        <v>18</v>
      </c>
      <c r="AG10528">
        <v>18</v>
      </c>
      <c r="AH10528">
        <v>18</v>
      </c>
      <c r="AI10528">
        <v>18</v>
      </c>
      <c r="AJ10528">
        <v>18</v>
      </c>
      <c r="AK10528">
        <v>18</v>
      </c>
      <c r="AL10528">
        <v>18</v>
      </c>
      <c r="AM10528">
        <v>18</v>
      </c>
      <c r="AN10528">
        <v>18</v>
      </c>
      <c r="AO10528">
        <v>18</v>
      </c>
      <c r="AP10528">
        <v>18</v>
      </c>
      <c r="AQ10528">
        <v>18</v>
      </c>
    </row>
    <row r="10529" spans="1:43">
      <c r="A10529" t="s">
        <v>6552</v>
      </c>
      <c r="B10529" t="s">
        <v>6553</v>
      </c>
      <c r="C10529" t="s">
        <v>6188</v>
      </c>
      <c r="D10529" t="s">
        <v>6189</v>
      </c>
      <c r="E10529" t="s">
        <v>6174</v>
      </c>
      <c r="F10529" t="s">
        <v>6175</v>
      </c>
      <c r="G10529" t="s">
        <v>80</v>
      </c>
      <c r="H10529" t="s">
        <v>81</v>
      </c>
      <c r="I10529" s="2">
        <v>0</v>
      </c>
      <c r="J10529" s="2">
        <v>1</v>
      </c>
      <c r="K10529" s="2">
        <v>0</v>
      </c>
      <c r="L10529" t="s">
        <v>82</v>
      </c>
      <c r="M10529" t="s">
        <v>83</v>
      </c>
      <c r="N10529" t="s">
        <v>91</v>
      </c>
      <c r="O10529" t="s">
        <v>85</v>
      </c>
      <c r="P10529" t="s">
        <v>86</v>
      </c>
      <c r="Q10529">
        <v>15</v>
      </c>
      <c r="R10529">
        <v>15</v>
      </c>
      <c r="S10529">
        <v>15</v>
      </c>
      <c r="T10529">
        <v>15</v>
      </c>
      <c r="U10529">
        <v>16</v>
      </c>
      <c r="V10529">
        <v>16</v>
      </c>
      <c r="W10529">
        <v>16</v>
      </c>
      <c r="X10529">
        <v>16</v>
      </c>
      <c r="Y10529">
        <v>16</v>
      </c>
      <c r="Z10529">
        <v>16</v>
      </c>
      <c r="AA10529">
        <v>17</v>
      </c>
      <c r="AB10529">
        <v>17</v>
      </c>
      <c r="AC10529">
        <v>17</v>
      </c>
      <c r="AD10529">
        <v>17</v>
      </c>
      <c r="AE10529">
        <v>17</v>
      </c>
      <c r="AF10529">
        <v>17</v>
      </c>
      <c r="AG10529">
        <v>17</v>
      </c>
      <c r="AH10529">
        <v>18</v>
      </c>
      <c r="AI10529">
        <v>18</v>
      </c>
      <c r="AJ10529">
        <v>18</v>
      </c>
      <c r="AK10529">
        <v>18</v>
      </c>
      <c r="AL10529">
        <v>18</v>
      </c>
      <c r="AM10529">
        <v>18</v>
      </c>
      <c r="AN10529">
        <v>18</v>
      </c>
      <c r="AO10529">
        <v>18</v>
      </c>
      <c r="AP10529">
        <v>18</v>
      </c>
      <c r="AQ10529">
        <v>18</v>
      </c>
    </row>
    <row r="10530" spans="1:43">
      <c r="A10530" t="s">
        <v>6554</v>
      </c>
      <c r="B10530" t="s">
        <v>6555</v>
      </c>
      <c r="C10530" t="s">
        <v>6468</v>
      </c>
      <c r="D10530" t="s">
        <v>6469</v>
      </c>
      <c r="E10530" t="s">
        <v>6174</v>
      </c>
      <c r="F10530" t="s">
        <v>6175</v>
      </c>
      <c r="G10530" t="s">
        <v>80</v>
      </c>
      <c r="H10530" t="s">
        <v>81</v>
      </c>
      <c r="I10530" s="2">
        <v>0</v>
      </c>
      <c r="J10530" s="2">
        <v>1</v>
      </c>
      <c r="K10530" s="2">
        <v>0</v>
      </c>
      <c r="L10530" t="s">
        <v>82</v>
      </c>
      <c r="M10530" t="s">
        <v>83</v>
      </c>
      <c r="N10530" t="s">
        <v>84</v>
      </c>
      <c r="O10530" t="s">
        <v>85</v>
      </c>
      <c r="P10530" t="s">
        <v>86</v>
      </c>
      <c r="Q10530">
        <v>22</v>
      </c>
      <c r="R10530">
        <v>23</v>
      </c>
      <c r="S10530">
        <v>23</v>
      </c>
      <c r="T10530">
        <v>23</v>
      </c>
      <c r="U10530">
        <v>23</v>
      </c>
      <c r="V10530">
        <v>24</v>
      </c>
      <c r="W10530">
        <v>24</v>
      </c>
      <c r="X10530">
        <v>24</v>
      </c>
      <c r="Y10530">
        <v>24</v>
      </c>
      <c r="Z10530">
        <v>25</v>
      </c>
      <c r="AA10530">
        <v>25</v>
      </c>
      <c r="AB10530">
        <v>25</v>
      </c>
      <c r="AC10530">
        <v>25</v>
      </c>
      <c r="AD10530">
        <v>26</v>
      </c>
      <c r="AE10530">
        <v>26</v>
      </c>
      <c r="AF10530">
        <v>26</v>
      </c>
      <c r="AG10530">
        <v>26</v>
      </c>
      <c r="AH10530">
        <v>26</v>
      </c>
      <c r="AI10530">
        <v>27</v>
      </c>
      <c r="AJ10530">
        <v>27</v>
      </c>
      <c r="AK10530">
        <v>27</v>
      </c>
      <c r="AL10530">
        <v>27</v>
      </c>
      <c r="AM10530">
        <v>27</v>
      </c>
      <c r="AN10530">
        <v>27</v>
      </c>
      <c r="AO10530">
        <v>27</v>
      </c>
      <c r="AP10530">
        <v>27</v>
      </c>
      <c r="AQ10530">
        <v>26</v>
      </c>
    </row>
    <row r="10531" spans="1:43">
      <c r="A10531" t="s">
        <v>6554</v>
      </c>
      <c r="B10531" t="s">
        <v>6555</v>
      </c>
      <c r="C10531" t="s">
        <v>6468</v>
      </c>
      <c r="D10531" t="s">
        <v>6469</v>
      </c>
      <c r="E10531" t="s">
        <v>6174</v>
      </c>
      <c r="F10531" t="s">
        <v>6175</v>
      </c>
      <c r="G10531" t="s">
        <v>80</v>
      </c>
      <c r="H10531" t="s">
        <v>81</v>
      </c>
      <c r="I10531" s="2">
        <v>0</v>
      </c>
      <c r="J10531" s="2">
        <v>1</v>
      </c>
      <c r="K10531" s="2">
        <v>0</v>
      </c>
      <c r="L10531" t="s">
        <v>82</v>
      </c>
      <c r="M10531" t="s">
        <v>87</v>
      </c>
      <c r="N10531" t="s">
        <v>88</v>
      </c>
      <c r="O10531" t="s">
        <v>85</v>
      </c>
      <c r="P10531" t="s">
        <v>86</v>
      </c>
      <c r="Q10531">
        <v>22</v>
      </c>
      <c r="R10531">
        <v>22</v>
      </c>
      <c r="S10531">
        <v>22</v>
      </c>
      <c r="T10531">
        <v>22</v>
      </c>
      <c r="U10531">
        <v>22</v>
      </c>
      <c r="V10531">
        <v>22</v>
      </c>
      <c r="W10531">
        <v>23</v>
      </c>
      <c r="X10531">
        <v>23</v>
      </c>
      <c r="Y10531">
        <v>23</v>
      </c>
      <c r="Z10531">
        <v>23</v>
      </c>
      <c r="AA10531">
        <v>23</v>
      </c>
      <c r="AB10531">
        <v>23</v>
      </c>
      <c r="AC10531">
        <v>23</v>
      </c>
      <c r="AD10531">
        <v>23</v>
      </c>
      <c r="AE10531">
        <v>23</v>
      </c>
      <c r="AF10531">
        <v>23</v>
      </c>
      <c r="AG10531">
        <v>23</v>
      </c>
      <c r="AH10531">
        <v>23</v>
      </c>
      <c r="AI10531">
        <v>23</v>
      </c>
      <c r="AJ10531">
        <v>23</v>
      </c>
      <c r="AK10531">
        <v>23</v>
      </c>
      <c r="AL10531">
        <v>23</v>
      </c>
      <c r="AM10531">
        <v>23</v>
      </c>
      <c r="AN10531">
        <v>23</v>
      </c>
      <c r="AO10531">
        <v>23</v>
      </c>
      <c r="AP10531">
        <v>23</v>
      </c>
      <c r="AQ10531">
        <v>23</v>
      </c>
    </row>
    <row r="10532" spans="1:43">
      <c r="A10532" t="s">
        <v>6554</v>
      </c>
      <c r="B10532" t="s">
        <v>6555</v>
      </c>
      <c r="C10532" t="s">
        <v>6468</v>
      </c>
      <c r="D10532" t="s">
        <v>6469</v>
      </c>
      <c r="E10532" t="s">
        <v>6174</v>
      </c>
      <c r="F10532" t="s">
        <v>6175</v>
      </c>
      <c r="G10532" t="s">
        <v>80</v>
      </c>
      <c r="H10532" t="s">
        <v>81</v>
      </c>
      <c r="I10532" s="2">
        <v>0</v>
      </c>
      <c r="J10532" s="2">
        <v>1</v>
      </c>
      <c r="K10532" s="2">
        <v>0</v>
      </c>
      <c r="L10532" t="s">
        <v>82</v>
      </c>
      <c r="M10532" t="s">
        <v>89</v>
      </c>
      <c r="N10532" t="s">
        <v>90</v>
      </c>
      <c r="O10532" t="s">
        <v>85</v>
      </c>
      <c r="P10532" t="s">
        <v>86</v>
      </c>
      <c r="Q10532">
        <v>22</v>
      </c>
      <c r="R10532">
        <v>22</v>
      </c>
      <c r="S10532">
        <v>23</v>
      </c>
      <c r="T10532">
        <v>23</v>
      </c>
      <c r="U10532">
        <v>23</v>
      </c>
      <c r="V10532">
        <v>24</v>
      </c>
      <c r="W10532">
        <v>24</v>
      </c>
      <c r="X10532">
        <v>25</v>
      </c>
      <c r="Y10532">
        <v>25</v>
      </c>
      <c r="Z10532">
        <v>25</v>
      </c>
      <c r="AA10532">
        <v>26</v>
      </c>
      <c r="AB10532">
        <v>26</v>
      </c>
      <c r="AC10532">
        <v>26</v>
      </c>
      <c r="AD10532">
        <v>26</v>
      </c>
      <c r="AE10532">
        <v>27</v>
      </c>
      <c r="AF10532">
        <v>27</v>
      </c>
      <c r="AG10532">
        <v>26</v>
      </c>
      <c r="AH10532">
        <v>26</v>
      </c>
      <c r="AI10532">
        <v>26</v>
      </c>
      <c r="AJ10532">
        <v>26</v>
      </c>
      <c r="AK10532">
        <v>26</v>
      </c>
      <c r="AL10532">
        <v>26</v>
      </c>
      <c r="AM10532">
        <v>26</v>
      </c>
      <c r="AN10532">
        <v>26</v>
      </c>
      <c r="AO10532">
        <v>26</v>
      </c>
      <c r="AP10532">
        <v>26</v>
      </c>
      <c r="AQ10532">
        <v>26</v>
      </c>
    </row>
    <row r="10533" spans="1:43">
      <c r="A10533" t="s">
        <v>6554</v>
      </c>
      <c r="B10533" t="s">
        <v>6555</v>
      </c>
      <c r="C10533" t="s">
        <v>6468</v>
      </c>
      <c r="D10533" t="s">
        <v>6469</v>
      </c>
      <c r="E10533" t="s">
        <v>6174</v>
      </c>
      <c r="F10533" t="s">
        <v>6175</v>
      </c>
      <c r="G10533" t="s">
        <v>80</v>
      </c>
      <c r="H10533" t="s">
        <v>81</v>
      </c>
      <c r="I10533" s="2">
        <v>0</v>
      </c>
      <c r="J10533" s="2">
        <v>1</v>
      </c>
      <c r="K10533" s="2">
        <v>0</v>
      </c>
      <c r="L10533" t="s">
        <v>82</v>
      </c>
      <c r="M10533" t="s">
        <v>83</v>
      </c>
      <c r="N10533" t="s">
        <v>91</v>
      </c>
      <c r="O10533" t="s">
        <v>85</v>
      </c>
      <c r="P10533" t="s">
        <v>86</v>
      </c>
      <c r="Q10533">
        <v>22</v>
      </c>
      <c r="R10533">
        <v>23</v>
      </c>
      <c r="S10533">
        <v>23</v>
      </c>
      <c r="T10533">
        <v>23</v>
      </c>
      <c r="U10533">
        <v>23</v>
      </c>
      <c r="V10533">
        <v>24</v>
      </c>
      <c r="W10533">
        <v>24</v>
      </c>
      <c r="X10533">
        <v>24</v>
      </c>
      <c r="Y10533">
        <v>24</v>
      </c>
      <c r="Z10533">
        <v>25</v>
      </c>
      <c r="AA10533">
        <v>25</v>
      </c>
      <c r="AB10533">
        <v>25</v>
      </c>
      <c r="AC10533">
        <v>25</v>
      </c>
      <c r="AD10533">
        <v>26</v>
      </c>
      <c r="AE10533">
        <v>26</v>
      </c>
      <c r="AF10533">
        <v>26</v>
      </c>
      <c r="AG10533">
        <v>26</v>
      </c>
      <c r="AH10533">
        <v>26</v>
      </c>
      <c r="AI10533">
        <v>27</v>
      </c>
      <c r="AJ10533">
        <v>27</v>
      </c>
      <c r="AK10533">
        <v>27</v>
      </c>
      <c r="AL10533">
        <v>27</v>
      </c>
      <c r="AM10533">
        <v>27</v>
      </c>
      <c r="AN10533">
        <v>27</v>
      </c>
      <c r="AO10533">
        <v>27</v>
      </c>
      <c r="AP10533">
        <v>27</v>
      </c>
      <c r="AQ10533">
        <v>26</v>
      </c>
    </row>
    <row r="10534" spans="1:43">
      <c r="A10534" t="s">
        <v>6556</v>
      </c>
      <c r="B10534" t="s">
        <v>6557</v>
      </c>
      <c r="C10534" t="s">
        <v>6188</v>
      </c>
      <c r="D10534" t="s">
        <v>6189</v>
      </c>
      <c r="E10534" t="s">
        <v>6174</v>
      </c>
      <c r="F10534" t="s">
        <v>6175</v>
      </c>
      <c r="G10534" t="s">
        <v>80</v>
      </c>
      <c r="H10534" t="s">
        <v>81</v>
      </c>
      <c r="I10534" s="2">
        <v>0</v>
      </c>
      <c r="J10534" s="2">
        <v>1</v>
      </c>
      <c r="K10534" s="2">
        <v>0</v>
      </c>
      <c r="L10534" t="s">
        <v>82</v>
      </c>
      <c r="M10534" t="s">
        <v>83</v>
      </c>
      <c r="N10534" t="s">
        <v>84</v>
      </c>
      <c r="O10534" t="s">
        <v>85</v>
      </c>
      <c r="P10534" t="s">
        <v>86</v>
      </c>
      <c r="Q10534">
        <v>40</v>
      </c>
      <c r="R10534">
        <v>41</v>
      </c>
      <c r="S10534">
        <v>41</v>
      </c>
      <c r="T10534">
        <v>42</v>
      </c>
      <c r="U10534">
        <v>42</v>
      </c>
      <c r="V10534">
        <v>42</v>
      </c>
      <c r="W10534">
        <v>43</v>
      </c>
      <c r="X10534">
        <v>43</v>
      </c>
      <c r="Y10534">
        <v>44</v>
      </c>
      <c r="Z10534">
        <v>44</v>
      </c>
      <c r="AA10534">
        <v>45</v>
      </c>
      <c r="AB10534">
        <v>45</v>
      </c>
      <c r="AC10534">
        <v>45</v>
      </c>
      <c r="AD10534">
        <v>46</v>
      </c>
      <c r="AE10534">
        <v>46</v>
      </c>
      <c r="AF10534">
        <v>46</v>
      </c>
      <c r="AG10534">
        <v>47</v>
      </c>
      <c r="AH10534">
        <v>47</v>
      </c>
      <c r="AI10534">
        <v>47</v>
      </c>
      <c r="AJ10534">
        <v>48</v>
      </c>
      <c r="AK10534">
        <v>48</v>
      </c>
      <c r="AL10534">
        <v>48</v>
      </c>
      <c r="AM10534">
        <v>48</v>
      </c>
      <c r="AN10534">
        <v>48</v>
      </c>
      <c r="AO10534">
        <v>48</v>
      </c>
      <c r="AP10534">
        <v>48</v>
      </c>
      <c r="AQ10534">
        <v>47</v>
      </c>
    </row>
    <row r="10535" spans="1:43">
      <c r="A10535" t="s">
        <v>6556</v>
      </c>
      <c r="B10535" t="s">
        <v>6557</v>
      </c>
      <c r="C10535" t="s">
        <v>6188</v>
      </c>
      <c r="D10535" t="s">
        <v>6189</v>
      </c>
      <c r="E10535" t="s">
        <v>6174</v>
      </c>
      <c r="F10535" t="s">
        <v>6175</v>
      </c>
      <c r="G10535" t="s">
        <v>80</v>
      </c>
      <c r="H10535" t="s">
        <v>81</v>
      </c>
      <c r="I10535" s="2">
        <v>0</v>
      </c>
      <c r="J10535" s="2">
        <v>1</v>
      </c>
      <c r="K10535" s="2">
        <v>0</v>
      </c>
      <c r="L10535" t="s">
        <v>82</v>
      </c>
      <c r="M10535" t="s">
        <v>87</v>
      </c>
      <c r="N10535" t="s">
        <v>88</v>
      </c>
      <c r="O10535" t="s">
        <v>85</v>
      </c>
      <c r="P10535" t="s">
        <v>86</v>
      </c>
      <c r="Q10535">
        <v>40</v>
      </c>
      <c r="R10535">
        <v>40</v>
      </c>
      <c r="S10535">
        <v>40</v>
      </c>
      <c r="T10535">
        <v>40</v>
      </c>
      <c r="U10535">
        <v>40</v>
      </c>
      <c r="V10535">
        <v>40</v>
      </c>
      <c r="W10535">
        <v>40</v>
      </c>
      <c r="X10535">
        <v>40</v>
      </c>
      <c r="Y10535">
        <v>40</v>
      </c>
      <c r="Z10535">
        <v>40</v>
      </c>
      <c r="AA10535">
        <v>41</v>
      </c>
      <c r="AB10535">
        <v>41</v>
      </c>
      <c r="AC10535">
        <v>41</v>
      </c>
      <c r="AD10535">
        <v>41</v>
      </c>
      <c r="AE10535">
        <v>41</v>
      </c>
      <c r="AF10535">
        <v>41</v>
      </c>
      <c r="AG10535">
        <v>41</v>
      </c>
      <c r="AH10535">
        <v>41</v>
      </c>
      <c r="AI10535">
        <v>41</v>
      </c>
      <c r="AJ10535">
        <v>41</v>
      </c>
      <c r="AK10535">
        <v>41</v>
      </c>
      <c r="AL10535">
        <v>41</v>
      </c>
      <c r="AM10535">
        <v>41</v>
      </c>
      <c r="AN10535">
        <v>41</v>
      </c>
      <c r="AO10535">
        <v>41</v>
      </c>
      <c r="AP10535">
        <v>41</v>
      </c>
      <c r="AQ10535">
        <v>41</v>
      </c>
    </row>
    <row r="10536" spans="1:43">
      <c r="A10536" t="s">
        <v>6556</v>
      </c>
      <c r="B10536" t="s">
        <v>6557</v>
      </c>
      <c r="C10536" t="s">
        <v>6188</v>
      </c>
      <c r="D10536" t="s">
        <v>6189</v>
      </c>
      <c r="E10536" t="s">
        <v>6174</v>
      </c>
      <c r="F10536" t="s">
        <v>6175</v>
      </c>
      <c r="G10536" t="s">
        <v>80</v>
      </c>
      <c r="H10536" t="s">
        <v>81</v>
      </c>
      <c r="I10536" s="2">
        <v>0</v>
      </c>
      <c r="J10536" s="2">
        <v>1</v>
      </c>
      <c r="K10536" s="2">
        <v>0</v>
      </c>
      <c r="L10536" t="s">
        <v>82</v>
      </c>
      <c r="M10536" t="s">
        <v>89</v>
      </c>
      <c r="N10536" t="s">
        <v>90</v>
      </c>
      <c r="O10536" t="s">
        <v>85</v>
      </c>
      <c r="P10536" t="s">
        <v>86</v>
      </c>
      <c r="Q10536">
        <v>40</v>
      </c>
      <c r="R10536">
        <v>40</v>
      </c>
      <c r="S10536">
        <v>41</v>
      </c>
      <c r="T10536">
        <v>42</v>
      </c>
      <c r="U10536">
        <v>43</v>
      </c>
      <c r="V10536">
        <v>43</v>
      </c>
      <c r="W10536">
        <v>44</v>
      </c>
      <c r="X10536">
        <v>45</v>
      </c>
      <c r="Y10536">
        <v>45</v>
      </c>
      <c r="Z10536">
        <v>46</v>
      </c>
      <c r="AA10536">
        <v>47</v>
      </c>
      <c r="AB10536">
        <v>47</v>
      </c>
      <c r="AC10536">
        <v>48</v>
      </c>
      <c r="AD10536">
        <v>48</v>
      </c>
      <c r="AE10536">
        <v>49</v>
      </c>
      <c r="AF10536">
        <v>48</v>
      </c>
      <c r="AG10536">
        <v>48</v>
      </c>
      <c r="AH10536">
        <v>48</v>
      </c>
      <c r="AI10536">
        <v>48</v>
      </c>
      <c r="AJ10536">
        <v>48</v>
      </c>
      <c r="AK10536">
        <v>48</v>
      </c>
      <c r="AL10536">
        <v>47</v>
      </c>
      <c r="AM10536">
        <v>47</v>
      </c>
      <c r="AN10536">
        <v>47</v>
      </c>
      <c r="AO10536">
        <v>47</v>
      </c>
      <c r="AP10536">
        <v>47</v>
      </c>
      <c r="AQ10536">
        <v>47</v>
      </c>
    </row>
    <row r="10537" spans="1:43">
      <c r="A10537" t="s">
        <v>6556</v>
      </c>
      <c r="B10537" t="s">
        <v>6557</v>
      </c>
      <c r="C10537" t="s">
        <v>6188</v>
      </c>
      <c r="D10537" t="s">
        <v>6189</v>
      </c>
      <c r="E10537" t="s">
        <v>6174</v>
      </c>
      <c r="F10537" t="s">
        <v>6175</v>
      </c>
      <c r="G10537" t="s">
        <v>80</v>
      </c>
      <c r="H10537" t="s">
        <v>81</v>
      </c>
      <c r="I10537" s="2">
        <v>0</v>
      </c>
      <c r="J10537" s="2">
        <v>1</v>
      </c>
      <c r="K10537" s="2">
        <v>0</v>
      </c>
      <c r="L10537" t="s">
        <v>82</v>
      </c>
      <c r="M10537" t="s">
        <v>83</v>
      </c>
      <c r="N10537" t="s">
        <v>91</v>
      </c>
      <c r="O10537" t="s">
        <v>85</v>
      </c>
      <c r="P10537" t="s">
        <v>86</v>
      </c>
      <c r="Q10537">
        <v>40</v>
      </c>
      <c r="R10537">
        <v>41</v>
      </c>
      <c r="S10537">
        <v>41</v>
      </c>
      <c r="T10537">
        <v>42</v>
      </c>
      <c r="U10537">
        <v>42</v>
      </c>
      <c r="V10537">
        <v>42</v>
      </c>
      <c r="W10537">
        <v>43</v>
      </c>
      <c r="X10537">
        <v>43</v>
      </c>
      <c r="Y10537">
        <v>44</v>
      </c>
      <c r="Z10537">
        <v>44</v>
      </c>
      <c r="AA10537">
        <v>45</v>
      </c>
      <c r="AB10537">
        <v>45</v>
      </c>
      <c r="AC10537">
        <v>45</v>
      </c>
      <c r="AD10537">
        <v>46</v>
      </c>
      <c r="AE10537">
        <v>46</v>
      </c>
      <c r="AF10537">
        <v>46</v>
      </c>
      <c r="AG10537">
        <v>47</v>
      </c>
      <c r="AH10537">
        <v>47</v>
      </c>
      <c r="AI10537">
        <v>47</v>
      </c>
      <c r="AJ10537">
        <v>48</v>
      </c>
      <c r="AK10537">
        <v>48</v>
      </c>
      <c r="AL10537">
        <v>48</v>
      </c>
      <c r="AM10537">
        <v>48</v>
      </c>
      <c r="AN10537">
        <v>48</v>
      </c>
      <c r="AO10537">
        <v>48</v>
      </c>
      <c r="AP10537">
        <v>48</v>
      </c>
      <c r="AQ10537">
        <v>47</v>
      </c>
    </row>
    <row r="10538" spans="1:43">
      <c r="A10538" t="s">
        <v>6558</v>
      </c>
      <c r="B10538" t="s">
        <v>6559</v>
      </c>
      <c r="C10538" t="s">
        <v>6468</v>
      </c>
      <c r="D10538" t="s">
        <v>6469</v>
      </c>
      <c r="E10538" t="s">
        <v>6174</v>
      </c>
      <c r="F10538" t="s">
        <v>6175</v>
      </c>
      <c r="G10538" t="s">
        <v>80</v>
      </c>
      <c r="H10538" t="s">
        <v>81</v>
      </c>
      <c r="I10538" s="2">
        <v>0</v>
      </c>
      <c r="J10538" s="2">
        <v>1</v>
      </c>
      <c r="K10538" s="2">
        <v>0</v>
      </c>
      <c r="L10538" t="s">
        <v>82</v>
      </c>
      <c r="M10538" t="s">
        <v>83</v>
      </c>
      <c r="N10538" t="s">
        <v>84</v>
      </c>
      <c r="O10538" t="s">
        <v>85</v>
      </c>
      <c r="P10538" t="s">
        <v>86</v>
      </c>
      <c r="Q10538">
        <v>82</v>
      </c>
      <c r="R10538">
        <v>83</v>
      </c>
      <c r="S10538">
        <v>84</v>
      </c>
      <c r="T10538">
        <v>85</v>
      </c>
      <c r="U10538">
        <v>86</v>
      </c>
      <c r="V10538">
        <v>87</v>
      </c>
      <c r="W10538">
        <v>87</v>
      </c>
      <c r="X10538">
        <v>88</v>
      </c>
      <c r="Y10538">
        <v>89</v>
      </c>
      <c r="Z10538">
        <v>90</v>
      </c>
      <c r="AA10538">
        <v>91</v>
      </c>
      <c r="AB10538">
        <v>92</v>
      </c>
      <c r="AC10538">
        <v>93</v>
      </c>
      <c r="AD10538">
        <v>93</v>
      </c>
      <c r="AE10538">
        <v>94</v>
      </c>
      <c r="AF10538">
        <v>95</v>
      </c>
      <c r="AG10538">
        <v>96</v>
      </c>
      <c r="AH10538">
        <v>96</v>
      </c>
      <c r="AI10538">
        <v>97</v>
      </c>
      <c r="AJ10538">
        <v>98</v>
      </c>
      <c r="AK10538">
        <v>98</v>
      </c>
      <c r="AL10538">
        <v>98</v>
      </c>
      <c r="AM10538">
        <v>98</v>
      </c>
      <c r="AN10538">
        <v>98</v>
      </c>
      <c r="AO10538">
        <v>98</v>
      </c>
      <c r="AP10538">
        <v>97</v>
      </c>
      <c r="AQ10538">
        <v>97</v>
      </c>
    </row>
    <row r="10539" spans="1:43">
      <c r="A10539" t="s">
        <v>6558</v>
      </c>
      <c r="B10539" t="s">
        <v>6559</v>
      </c>
      <c r="C10539" t="s">
        <v>6468</v>
      </c>
      <c r="D10539" t="s">
        <v>6469</v>
      </c>
      <c r="E10539" t="s">
        <v>6174</v>
      </c>
      <c r="F10539" t="s">
        <v>6175</v>
      </c>
      <c r="G10539" t="s">
        <v>80</v>
      </c>
      <c r="H10539" t="s">
        <v>81</v>
      </c>
      <c r="I10539" s="2">
        <v>0</v>
      </c>
      <c r="J10539" s="2">
        <v>1</v>
      </c>
      <c r="K10539" s="2">
        <v>0</v>
      </c>
      <c r="L10539" t="s">
        <v>82</v>
      </c>
      <c r="M10539" t="s">
        <v>87</v>
      </c>
      <c r="N10539" t="s">
        <v>88</v>
      </c>
      <c r="O10539" t="s">
        <v>85</v>
      </c>
      <c r="P10539" t="s">
        <v>86</v>
      </c>
      <c r="Q10539">
        <v>82</v>
      </c>
      <c r="R10539">
        <v>82</v>
      </c>
      <c r="S10539">
        <v>82</v>
      </c>
      <c r="T10539">
        <v>83</v>
      </c>
      <c r="U10539">
        <v>83</v>
      </c>
      <c r="V10539">
        <v>83</v>
      </c>
      <c r="W10539">
        <v>83</v>
      </c>
      <c r="X10539">
        <v>83</v>
      </c>
      <c r="Y10539">
        <v>83</v>
      </c>
      <c r="Z10539">
        <v>84</v>
      </c>
      <c r="AA10539">
        <v>84</v>
      </c>
      <c r="AB10539">
        <v>84</v>
      </c>
      <c r="AC10539">
        <v>84</v>
      </c>
      <c r="AD10539">
        <v>84</v>
      </c>
      <c r="AE10539">
        <v>84</v>
      </c>
      <c r="AF10539">
        <v>84</v>
      </c>
      <c r="AG10539">
        <v>85</v>
      </c>
      <c r="AH10539">
        <v>85</v>
      </c>
      <c r="AI10539">
        <v>85</v>
      </c>
      <c r="AJ10539">
        <v>85</v>
      </c>
      <c r="AK10539">
        <v>85</v>
      </c>
      <c r="AL10539">
        <v>85</v>
      </c>
      <c r="AM10539">
        <v>85</v>
      </c>
      <c r="AN10539">
        <v>85</v>
      </c>
      <c r="AO10539">
        <v>85</v>
      </c>
      <c r="AP10539">
        <v>85</v>
      </c>
      <c r="AQ10539">
        <v>85</v>
      </c>
    </row>
    <row r="10540" spans="1:43">
      <c r="A10540" t="s">
        <v>6558</v>
      </c>
      <c r="B10540" t="s">
        <v>6559</v>
      </c>
      <c r="C10540" t="s">
        <v>6468</v>
      </c>
      <c r="D10540" t="s">
        <v>6469</v>
      </c>
      <c r="E10540" t="s">
        <v>6174</v>
      </c>
      <c r="F10540" t="s">
        <v>6175</v>
      </c>
      <c r="G10540" t="s">
        <v>80</v>
      </c>
      <c r="H10540" t="s">
        <v>81</v>
      </c>
      <c r="I10540" s="2">
        <v>0</v>
      </c>
      <c r="J10540" s="2">
        <v>1</v>
      </c>
      <c r="K10540" s="2">
        <v>0</v>
      </c>
      <c r="L10540" t="s">
        <v>82</v>
      </c>
      <c r="M10540" t="s">
        <v>89</v>
      </c>
      <c r="N10540" t="s">
        <v>90</v>
      </c>
      <c r="O10540" t="s">
        <v>85</v>
      </c>
      <c r="P10540" t="s">
        <v>86</v>
      </c>
      <c r="Q10540">
        <v>82</v>
      </c>
      <c r="R10540">
        <v>83</v>
      </c>
      <c r="S10540">
        <v>85</v>
      </c>
      <c r="T10540">
        <v>86</v>
      </c>
      <c r="U10540">
        <v>88</v>
      </c>
      <c r="V10540">
        <v>89</v>
      </c>
      <c r="W10540">
        <v>91</v>
      </c>
      <c r="X10540">
        <v>92</v>
      </c>
      <c r="Y10540">
        <v>94</v>
      </c>
      <c r="Z10540">
        <v>95</v>
      </c>
      <c r="AA10540">
        <v>96</v>
      </c>
      <c r="AB10540">
        <v>97</v>
      </c>
      <c r="AC10540">
        <v>98</v>
      </c>
      <c r="AD10540">
        <v>99</v>
      </c>
      <c r="AE10540">
        <v>100</v>
      </c>
      <c r="AF10540">
        <v>100</v>
      </c>
      <c r="AG10540">
        <v>99</v>
      </c>
      <c r="AH10540">
        <v>99</v>
      </c>
      <c r="AI10540">
        <v>99</v>
      </c>
      <c r="AJ10540">
        <v>99</v>
      </c>
      <c r="AK10540">
        <v>98</v>
      </c>
      <c r="AL10540">
        <v>98</v>
      </c>
      <c r="AM10540">
        <v>98</v>
      </c>
      <c r="AN10540">
        <v>98</v>
      </c>
      <c r="AO10540">
        <v>97</v>
      </c>
      <c r="AP10540">
        <v>97</v>
      </c>
      <c r="AQ10540">
        <v>97</v>
      </c>
    </row>
    <row r="10541" spans="1:43">
      <c r="A10541" t="s">
        <v>6558</v>
      </c>
      <c r="B10541" t="s">
        <v>6559</v>
      </c>
      <c r="C10541" t="s">
        <v>6468</v>
      </c>
      <c r="D10541" t="s">
        <v>6469</v>
      </c>
      <c r="E10541" t="s">
        <v>6174</v>
      </c>
      <c r="F10541" t="s">
        <v>6175</v>
      </c>
      <c r="G10541" t="s">
        <v>80</v>
      </c>
      <c r="H10541" t="s">
        <v>81</v>
      </c>
      <c r="I10541" s="2">
        <v>0</v>
      </c>
      <c r="J10541" s="2">
        <v>1</v>
      </c>
      <c r="K10541" s="2">
        <v>0</v>
      </c>
      <c r="L10541" t="s">
        <v>82</v>
      </c>
      <c r="M10541" t="s">
        <v>83</v>
      </c>
      <c r="N10541" t="s">
        <v>91</v>
      </c>
      <c r="O10541" t="s">
        <v>85</v>
      </c>
      <c r="P10541" t="s">
        <v>86</v>
      </c>
      <c r="Q10541">
        <v>82</v>
      </c>
      <c r="R10541">
        <v>83</v>
      </c>
      <c r="S10541">
        <v>84</v>
      </c>
      <c r="T10541">
        <v>85</v>
      </c>
      <c r="U10541">
        <v>86</v>
      </c>
      <c r="V10541">
        <v>87</v>
      </c>
      <c r="W10541">
        <v>87</v>
      </c>
      <c r="X10541">
        <v>88</v>
      </c>
      <c r="Y10541">
        <v>89</v>
      </c>
      <c r="Z10541">
        <v>90</v>
      </c>
      <c r="AA10541">
        <v>91</v>
      </c>
      <c r="AB10541">
        <v>92</v>
      </c>
      <c r="AC10541">
        <v>93</v>
      </c>
      <c r="AD10541">
        <v>93</v>
      </c>
      <c r="AE10541">
        <v>94</v>
      </c>
      <c r="AF10541">
        <v>95</v>
      </c>
      <c r="AG10541">
        <v>96</v>
      </c>
      <c r="AH10541">
        <v>96</v>
      </c>
      <c r="AI10541">
        <v>97</v>
      </c>
      <c r="AJ10541">
        <v>98</v>
      </c>
      <c r="AK10541">
        <v>98</v>
      </c>
      <c r="AL10541">
        <v>98</v>
      </c>
      <c r="AM10541">
        <v>98</v>
      </c>
      <c r="AN10541">
        <v>98</v>
      </c>
      <c r="AO10541">
        <v>98</v>
      </c>
      <c r="AP10541">
        <v>97</v>
      </c>
      <c r="AQ10541">
        <v>97</v>
      </c>
    </row>
    <row r="10542" spans="1:43">
      <c r="A10542" t="s">
        <v>6560</v>
      </c>
      <c r="B10542" t="s">
        <v>6561</v>
      </c>
      <c r="C10542" t="s">
        <v>6468</v>
      </c>
      <c r="D10542" t="s">
        <v>6469</v>
      </c>
      <c r="E10542" t="s">
        <v>6174</v>
      </c>
      <c r="F10542" t="s">
        <v>6175</v>
      </c>
      <c r="G10542" t="s">
        <v>80</v>
      </c>
      <c r="H10542" t="s">
        <v>81</v>
      </c>
      <c r="I10542" s="2">
        <v>0</v>
      </c>
      <c r="J10542" s="2">
        <v>1</v>
      </c>
      <c r="K10542" s="2">
        <v>0</v>
      </c>
      <c r="L10542" t="s">
        <v>82</v>
      </c>
      <c r="M10542" t="s">
        <v>83</v>
      </c>
      <c r="N10542" t="s">
        <v>84</v>
      </c>
      <c r="O10542" t="s">
        <v>85</v>
      </c>
      <c r="P10542" t="s">
        <v>86</v>
      </c>
      <c r="Q10542">
        <v>26</v>
      </c>
      <c r="R10542">
        <v>26</v>
      </c>
      <c r="S10542">
        <v>26</v>
      </c>
      <c r="T10542">
        <v>26</v>
      </c>
      <c r="U10542">
        <v>27</v>
      </c>
      <c r="V10542">
        <v>27</v>
      </c>
      <c r="W10542">
        <v>27</v>
      </c>
      <c r="X10542">
        <v>28</v>
      </c>
      <c r="Y10542">
        <v>28</v>
      </c>
      <c r="Z10542">
        <v>28</v>
      </c>
      <c r="AA10542">
        <v>28</v>
      </c>
      <c r="AB10542">
        <v>29</v>
      </c>
      <c r="AC10542">
        <v>29</v>
      </c>
      <c r="AD10542">
        <v>29</v>
      </c>
      <c r="AE10542">
        <v>29</v>
      </c>
      <c r="AF10542">
        <v>30</v>
      </c>
      <c r="AG10542">
        <v>30</v>
      </c>
      <c r="AH10542">
        <v>30</v>
      </c>
      <c r="AI10542">
        <v>30</v>
      </c>
      <c r="AJ10542">
        <v>30</v>
      </c>
      <c r="AK10542">
        <v>31</v>
      </c>
      <c r="AL10542">
        <v>31</v>
      </c>
      <c r="AM10542">
        <v>31</v>
      </c>
      <c r="AN10542">
        <v>31</v>
      </c>
      <c r="AO10542">
        <v>30</v>
      </c>
      <c r="AP10542">
        <v>30</v>
      </c>
      <c r="AQ10542">
        <v>30</v>
      </c>
    </row>
    <row r="10543" spans="1:43">
      <c r="A10543" t="s">
        <v>6560</v>
      </c>
      <c r="B10543" t="s">
        <v>6561</v>
      </c>
      <c r="C10543" t="s">
        <v>6468</v>
      </c>
      <c r="D10543" t="s">
        <v>6469</v>
      </c>
      <c r="E10543" t="s">
        <v>6174</v>
      </c>
      <c r="F10543" t="s">
        <v>6175</v>
      </c>
      <c r="G10543" t="s">
        <v>80</v>
      </c>
      <c r="H10543" t="s">
        <v>81</v>
      </c>
      <c r="I10543" s="2">
        <v>0</v>
      </c>
      <c r="J10543" s="2">
        <v>1</v>
      </c>
      <c r="K10543" s="2">
        <v>0</v>
      </c>
      <c r="L10543" t="s">
        <v>82</v>
      </c>
      <c r="M10543" t="s">
        <v>87</v>
      </c>
      <c r="N10543" t="s">
        <v>88</v>
      </c>
      <c r="O10543" t="s">
        <v>85</v>
      </c>
      <c r="P10543" t="s">
        <v>86</v>
      </c>
      <c r="Q10543">
        <v>26</v>
      </c>
      <c r="R10543">
        <v>26</v>
      </c>
      <c r="S10543">
        <v>27</v>
      </c>
      <c r="T10543">
        <v>27</v>
      </c>
      <c r="U10543">
        <v>27</v>
      </c>
      <c r="V10543">
        <v>27</v>
      </c>
      <c r="W10543">
        <v>27</v>
      </c>
      <c r="X10543">
        <v>27</v>
      </c>
      <c r="Y10543">
        <v>27</v>
      </c>
      <c r="Z10543">
        <v>27</v>
      </c>
      <c r="AA10543">
        <v>27</v>
      </c>
      <c r="AB10543">
        <v>27</v>
      </c>
      <c r="AC10543">
        <v>27</v>
      </c>
      <c r="AD10543">
        <v>27</v>
      </c>
      <c r="AE10543">
        <v>27</v>
      </c>
      <c r="AF10543">
        <v>27</v>
      </c>
      <c r="AG10543">
        <v>27</v>
      </c>
      <c r="AH10543">
        <v>27</v>
      </c>
      <c r="AI10543">
        <v>27</v>
      </c>
      <c r="AJ10543">
        <v>27</v>
      </c>
      <c r="AK10543">
        <v>27</v>
      </c>
      <c r="AL10543">
        <v>27</v>
      </c>
      <c r="AM10543">
        <v>27</v>
      </c>
      <c r="AN10543">
        <v>27</v>
      </c>
      <c r="AO10543">
        <v>27</v>
      </c>
      <c r="AP10543">
        <v>27</v>
      </c>
      <c r="AQ10543">
        <v>27</v>
      </c>
    </row>
    <row r="10544" spans="1:43">
      <c r="A10544" t="s">
        <v>6560</v>
      </c>
      <c r="B10544" t="s">
        <v>6561</v>
      </c>
      <c r="C10544" t="s">
        <v>6468</v>
      </c>
      <c r="D10544" t="s">
        <v>6469</v>
      </c>
      <c r="E10544" t="s">
        <v>6174</v>
      </c>
      <c r="F10544" t="s">
        <v>6175</v>
      </c>
      <c r="G10544" t="s">
        <v>80</v>
      </c>
      <c r="H10544" t="s">
        <v>81</v>
      </c>
      <c r="I10544" s="2">
        <v>0</v>
      </c>
      <c r="J10544" s="2">
        <v>1</v>
      </c>
      <c r="K10544" s="2">
        <v>0</v>
      </c>
      <c r="L10544" t="s">
        <v>82</v>
      </c>
      <c r="M10544" t="s">
        <v>89</v>
      </c>
      <c r="N10544" t="s">
        <v>90</v>
      </c>
      <c r="O10544" t="s">
        <v>85</v>
      </c>
      <c r="P10544" t="s">
        <v>86</v>
      </c>
      <c r="Q10544">
        <v>26</v>
      </c>
      <c r="R10544">
        <v>26</v>
      </c>
      <c r="S10544">
        <v>27</v>
      </c>
      <c r="T10544">
        <v>27</v>
      </c>
      <c r="U10544">
        <v>28</v>
      </c>
      <c r="V10544">
        <v>28</v>
      </c>
      <c r="W10544">
        <v>29</v>
      </c>
      <c r="X10544">
        <v>29</v>
      </c>
      <c r="Y10544">
        <v>30</v>
      </c>
      <c r="Z10544">
        <v>30</v>
      </c>
      <c r="AA10544">
        <v>30</v>
      </c>
      <c r="AB10544">
        <v>31</v>
      </c>
      <c r="AC10544">
        <v>31</v>
      </c>
      <c r="AD10544">
        <v>31</v>
      </c>
      <c r="AE10544">
        <v>32</v>
      </c>
      <c r="AF10544">
        <v>31</v>
      </c>
      <c r="AG10544">
        <v>31</v>
      </c>
      <c r="AH10544">
        <v>31</v>
      </c>
      <c r="AI10544">
        <v>31</v>
      </c>
      <c r="AJ10544">
        <v>31</v>
      </c>
      <c r="AK10544">
        <v>31</v>
      </c>
      <c r="AL10544">
        <v>31</v>
      </c>
      <c r="AM10544">
        <v>31</v>
      </c>
      <c r="AN10544">
        <v>31</v>
      </c>
      <c r="AO10544">
        <v>31</v>
      </c>
      <c r="AP10544">
        <v>31</v>
      </c>
      <c r="AQ10544">
        <v>30</v>
      </c>
    </row>
    <row r="10545" spans="1:43">
      <c r="A10545" t="s">
        <v>6560</v>
      </c>
      <c r="B10545" t="s">
        <v>6561</v>
      </c>
      <c r="C10545" t="s">
        <v>6468</v>
      </c>
      <c r="D10545" t="s">
        <v>6469</v>
      </c>
      <c r="E10545" t="s">
        <v>6174</v>
      </c>
      <c r="F10545" t="s">
        <v>6175</v>
      </c>
      <c r="G10545" t="s">
        <v>80</v>
      </c>
      <c r="H10545" t="s">
        <v>81</v>
      </c>
      <c r="I10545" s="2">
        <v>0</v>
      </c>
      <c r="J10545" s="2">
        <v>1</v>
      </c>
      <c r="K10545" s="2">
        <v>0</v>
      </c>
      <c r="L10545" t="s">
        <v>82</v>
      </c>
      <c r="M10545" t="s">
        <v>83</v>
      </c>
      <c r="N10545" t="s">
        <v>91</v>
      </c>
      <c r="O10545" t="s">
        <v>85</v>
      </c>
      <c r="P10545" t="s">
        <v>86</v>
      </c>
      <c r="Q10545">
        <v>26</v>
      </c>
      <c r="R10545">
        <v>26</v>
      </c>
      <c r="S10545">
        <v>26</v>
      </c>
      <c r="T10545">
        <v>26</v>
      </c>
      <c r="U10545">
        <v>27</v>
      </c>
      <c r="V10545">
        <v>27</v>
      </c>
      <c r="W10545">
        <v>27</v>
      </c>
      <c r="X10545">
        <v>28</v>
      </c>
      <c r="Y10545">
        <v>28</v>
      </c>
      <c r="Z10545">
        <v>28</v>
      </c>
      <c r="AA10545">
        <v>28</v>
      </c>
      <c r="AB10545">
        <v>29</v>
      </c>
      <c r="AC10545">
        <v>29</v>
      </c>
      <c r="AD10545">
        <v>29</v>
      </c>
      <c r="AE10545">
        <v>29</v>
      </c>
      <c r="AF10545">
        <v>30</v>
      </c>
      <c r="AG10545">
        <v>30</v>
      </c>
      <c r="AH10545">
        <v>30</v>
      </c>
      <c r="AI10545">
        <v>30</v>
      </c>
      <c r="AJ10545">
        <v>30</v>
      </c>
      <c r="AK10545">
        <v>31</v>
      </c>
      <c r="AL10545">
        <v>31</v>
      </c>
      <c r="AM10545">
        <v>31</v>
      </c>
      <c r="AN10545">
        <v>31</v>
      </c>
      <c r="AO10545">
        <v>30</v>
      </c>
      <c r="AP10545">
        <v>30</v>
      </c>
      <c r="AQ10545">
        <v>30</v>
      </c>
    </row>
    <row r="10546" spans="1:43">
      <c r="A10546" t="s">
        <v>6562</v>
      </c>
      <c r="B10546" t="s">
        <v>6563</v>
      </c>
      <c r="C10546" t="s">
        <v>6196</v>
      </c>
      <c r="D10546" t="s">
        <v>6197</v>
      </c>
      <c r="E10546" t="s">
        <v>6174</v>
      </c>
      <c r="F10546" t="s">
        <v>6175</v>
      </c>
      <c r="G10546" t="s">
        <v>80</v>
      </c>
      <c r="H10546" t="s">
        <v>81</v>
      </c>
      <c r="I10546" s="2">
        <v>0</v>
      </c>
      <c r="J10546" s="2">
        <v>1</v>
      </c>
      <c r="K10546" s="2">
        <v>0</v>
      </c>
      <c r="L10546" t="s">
        <v>82</v>
      </c>
      <c r="M10546" t="s">
        <v>83</v>
      </c>
      <c r="N10546" t="s">
        <v>84</v>
      </c>
      <c r="O10546" t="s">
        <v>85</v>
      </c>
      <c r="P10546" t="s">
        <v>86</v>
      </c>
      <c r="Q10546">
        <v>64</v>
      </c>
      <c r="R10546">
        <v>65</v>
      </c>
      <c r="S10546">
        <v>66</v>
      </c>
      <c r="T10546">
        <v>67</v>
      </c>
      <c r="U10546">
        <v>67</v>
      </c>
      <c r="V10546">
        <v>68</v>
      </c>
      <c r="W10546">
        <v>69</v>
      </c>
      <c r="X10546">
        <v>70</v>
      </c>
      <c r="Y10546">
        <v>70</v>
      </c>
      <c r="Z10546">
        <v>71</v>
      </c>
      <c r="AA10546">
        <v>72</v>
      </c>
      <c r="AB10546">
        <v>72</v>
      </c>
      <c r="AC10546">
        <v>73</v>
      </c>
      <c r="AD10546">
        <v>74</v>
      </c>
      <c r="AE10546">
        <v>74</v>
      </c>
      <c r="AF10546">
        <v>75</v>
      </c>
      <c r="AG10546">
        <v>76</v>
      </c>
      <c r="AH10546">
        <v>76</v>
      </c>
      <c r="AI10546">
        <v>77</v>
      </c>
      <c r="AJ10546">
        <v>77</v>
      </c>
      <c r="AK10546">
        <v>78</v>
      </c>
      <c r="AL10546">
        <v>78</v>
      </c>
      <c r="AM10546">
        <v>78</v>
      </c>
      <c r="AN10546">
        <v>78</v>
      </c>
      <c r="AO10546">
        <v>78</v>
      </c>
      <c r="AP10546">
        <v>78</v>
      </c>
      <c r="AQ10546">
        <v>77</v>
      </c>
    </row>
    <row r="10547" spans="1:43">
      <c r="A10547" t="s">
        <v>6562</v>
      </c>
      <c r="B10547" t="s">
        <v>6563</v>
      </c>
      <c r="C10547" t="s">
        <v>6196</v>
      </c>
      <c r="D10547" t="s">
        <v>6197</v>
      </c>
      <c r="E10547" t="s">
        <v>6174</v>
      </c>
      <c r="F10547" t="s">
        <v>6175</v>
      </c>
      <c r="G10547" t="s">
        <v>80</v>
      </c>
      <c r="H10547" t="s">
        <v>81</v>
      </c>
      <c r="I10547" s="2">
        <v>0</v>
      </c>
      <c r="J10547" s="2">
        <v>1</v>
      </c>
      <c r="K10547" s="2">
        <v>0</v>
      </c>
      <c r="L10547" t="s">
        <v>82</v>
      </c>
      <c r="M10547" t="s">
        <v>87</v>
      </c>
      <c r="N10547" t="s">
        <v>88</v>
      </c>
      <c r="O10547" t="s">
        <v>85</v>
      </c>
      <c r="P10547" t="s">
        <v>86</v>
      </c>
      <c r="Q10547">
        <v>64</v>
      </c>
      <c r="R10547">
        <v>64</v>
      </c>
      <c r="S10547">
        <v>64</v>
      </c>
      <c r="T10547">
        <v>64</v>
      </c>
      <c r="U10547">
        <v>64</v>
      </c>
      <c r="V10547">
        <v>65</v>
      </c>
      <c r="W10547">
        <v>65</v>
      </c>
      <c r="X10547">
        <v>65</v>
      </c>
      <c r="Y10547">
        <v>65</v>
      </c>
      <c r="Z10547">
        <v>65</v>
      </c>
      <c r="AA10547">
        <v>65</v>
      </c>
      <c r="AB10547">
        <v>65</v>
      </c>
      <c r="AC10547">
        <v>66</v>
      </c>
      <c r="AD10547">
        <v>66</v>
      </c>
      <c r="AE10547">
        <v>66</v>
      </c>
      <c r="AF10547">
        <v>66</v>
      </c>
      <c r="AG10547">
        <v>66</v>
      </c>
      <c r="AH10547">
        <v>66</v>
      </c>
      <c r="AI10547">
        <v>66</v>
      </c>
      <c r="AJ10547">
        <v>66</v>
      </c>
      <c r="AK10547">
        <v>66</v>
      </c>
      <c r="AL10547">
        <v>67</v>
      </c>
      <c r="AM10547">
        <v>67</v>
      </c>
      <c r="AN10547">
        <v>67</v>
      </c>
      <c r="AO10547">
        <v>67</v>
      </c>
      <c r="AP10547">
        <v>67</v>
      </c>
      <c r="AQ10547">
        <v>67</v>
      </c>
    </row>
    <row r="10548" spans="1:43">
      <c r="A10548" t="s">
        <v>6562</v>
      </c>
      <c r="B10548" t="s">
        <v>6563</v>
      </c>
      <c r="C10548" t="s">
        <v>6196</v>
      </c>
      <c r="D10548" t="s">
        <v>6197</v>
      </c>
      <c r="E10548" t="s">
        <v>6174</v>
      </c>
      <c r="F10548" t="s">
        <v>6175</v>
      </c>
      <c r="G10548" t="s">
        <v>80</v>
      </c>
      <c r="H10548" t="s">
        <v>81</v>
      </c>
      <c r="I10548" s="2">
        <v>0</v>
      </c>
      <c r="J10548" s="2">
        <v>1</v>
      </c>
      <c r="K10548" s="2">
        <v>0</v>
      </c>
      <c r="L10548" t="s">
        <v>82</v>
      </c>
      <c r="M10548" t="s">
        <v>89</v>
      </c>
      <c r="N10548" t="s">
        <v>90</v>
      </c>
      <c r="O10548" t="s">
        <v>85</v>
      </c>
      <c r="P10548" t="s">
        <v>86</v>
      </c>
      <c r="Q10548">
        <v>64</v>
      </c>
      <c r="R10548">
        <v>65</v>
      </c>
      <c r="S10548">
        <v>67</v>
      </c>
      <c r="T10548">
        <v>68</v>
      </c>
      <c r="U10548">
        <v>69</v>
      </c>
      <c r="V10548">
        <v>70</v>
      </c>
      <c r="W10548">
        <v>71</v>
      </c>
      <c r="X10548">
        <v>72</v>
      </c>
      <c r="Y10548">
        <v>73</v>
      </c>
      <c r="Z10548">
        <v>74</v>
      </c>
      <c r="AA10548">
        <v>75</v>
      </c>
      <c r="AB10548">
        <v>76</v>
      </c>
      <c r="AC10548">
        <v>77</v>
      </c>
      <c r="AD10548">
        <v>78</v>
      </c>
      <c r="AE10548">
        <v>79</v>
      </c>
      <c r="AF10548">
        <v>79</v>
      </c>
      <c r="AG10548">
        <v>79</v>
      </c>
      <c r="AH10548">
        <v>78</v>
      </c>
      <c r="AI10548">
        <v>78</v>
      </c>
      <c r="AJ10548">
        <v>78</v>
      </c>
      <c r="AK10548">
        <v>78</v>
      </c>
      <c r="AL10548">
        <v>78</v>
      </c>
      <c r="AM10548">
        <v>78</v>
      </c>
      <c r="AN10548">
        <v>78</v>
      </c>
      <c r="AO10548">
        <v>77</v>
      </c>
      <c r="AP10548">
        <v>77</v>
      </c>
      <c r="AQ10548">
        <v>77</v>
      </c>
    </row>
    <row r="10549" spans="1:43">
      <c r="A10549" t="s">
        <v>6562</v>
      </c>
      <c r="B10549" t="s">
        <v>6563</v>
      </c>
      <c r="C10549" t="s">
        <v>6196</v>
      </c>
      <c r="D10549" t="s">
        <v>6197</v>
      </c>
      <c r="E10549" t="s">
        <v>6174</v>
      </c>
      <c r="F10549" t="s">
        <v>6175</v>
      </c>
      <c r="G10549" t="s">
        <v>80</v>
      </c>
      <c r="H10549" t="s">
        <v>81</v>
      </c>
      <c r="I10549" s="2">
        <v>0</v>
      </c>
      <c r="J10549" s="2">
        <v>1</v>
      </c>
      <c r="K10549" s="2">
        <v>0</v>
      </c>
      <c r="L10549" t="s">
        <v>82</v>
      </c>
      <c r="M10549" t="s">
        <v>83</v>
      </c>
      <c r="N10549" t="s">
        <v>91</v>
      </c>
      <c r="O10549" t="s">
        <v>85</v>
      </c>
      <c r="P10549" t="s">
        <v>86</v>
      </c>
      <c r="Q10549">
        <v>64</v>
      </c>
      <c r="R10549">
        <v>65</v>
      </c>
      <c r="S10549">
        <v>66</v>
      </c>
      <c r="T10549">
        <v>67</v>
      </c>
      <c r="U10549">
        <v>67</v>
      </c>
      <c r="V10549">
        <v>68</v>
      </c>
      <c r="W10549">
        <v>69</v>
      </c>
      <c r="X10549">
        <v>70</v>
      </c>
      <c r="Y10549">
        <v>70</v>
      </c>
      <c r="Z10549">
        <v>71</v>
      </c>
      <c r="AA10549">
        <v>72</v>
      </c>
      <c r="AB10549">
        <v>72</v>
      </c>
      <c r="AC10549">
        <v>73</v>
      </c>
      <c r="AD10549">
        <v>74</v>
      </c>
      <c r="AE10549">
        <v>74</v>
      </c>
      <c r="AF10549">
        <v>75</v>
      </c>
      <c r="AG10549">
        <v>76</v>
      </c>
      <c r="AH10549">
        <v>76</v>
      </c>
      <c r="AI10549">
        <v>77</v>
      </c>
      <c r="AJ10549">
        <v>77</v>
      </c>
      <c r="AK10549">
        <v>78</v>
      </c>
      <c r="AL10549">
        <v>78</v>
      </c>
      <c r="AM10549">
        <v>78</v>
      </c>
      <c r="AN10549">
        <v>78</v>
      </c>
      <c r="AO10549">
        <v>78</v>
      </c>
      <c r="AP10549">
        <v>78</v>
      </c>
      <c r="AQ10549">
        <v>77</v>
      </c>
    </row>
    <row r="10550" spans="1:43">
      <c r="A10550" t="s">
        <v>6564</v>
      </c>
      <c r="B10550" t="s">
        <v>6565</v>
      </c>
      <c r="C10550" t="s">
        <v>6188</v>
      </c>
      <c r="D10550" t="s">
        <v>6189</v>
      </c>
      <c r="E10550" t="s">
        <v>6174</v>
      </c>
      <c r="F10550" t="s">
        <v>6175</v>
      </c>
      <c r="G10550" t="s">
        <v>80</v>
      </c>
      <c r="H10550" t="s">
        <v>81</v>
      </c>
      <c r="I10550" s="2">
        <v>0</v>
      </c>
      <c r="J10550" s="2">
        <v>1</v>
      </c>
      <c r="K10550" s="2">
        <v>0</v>
      </c>
      <c r="L10550" t="s">
        <v>82</v>
      </c>
      <c r="M10550" t="s">
        <v>83</v>
      </c>
      <c r="N10550" t="s">
        <v>84</v>
      </c>
      <c r="O10550" t="s">
        <v>85</v>
      </c>
      <c r="P10550" t="s">
        <v>86</v>
      </c>
      <c r="Q10550">
        <v>56</v>
      </c>
      <c r="R10550">
        <v>57</v>
      </c>
      <c r="S10550">
        <v>58</v>
      </c>
      <c r="T10550">
        <v>58</v>
      </c>
      <c r="U10550">
        <v>59</v>
      </c>
      <c r="V10550">
        <v>60</v>
      </c>
      <c r="W10550">
        <v>60</v>
      </c>
      <c r="X10550">
        <v>61</v>
      </c>
      <c r="Y10550">
        <v>61</v>
      </c>
      <c r="Z10550">
        <v>62</v>
      </c>
      <c r="AA10550">
        <v>62</v>
      </c>
      <c r="AB10550">
        <v>63</v>
      </c>
      <c r="AC10550">
        <v>63</v>
      </c>
      <c r="AD10550">
        <v>64</v>
      </c>
      <c r="AE10550">
        <v>65</v>
      </c>
      <c r="AF10550">
        <v>65</v>
      </c>
      <c r="AG10550">
        <v>66</v>
      </c>
      <c r="AH10550">
        <v>66</v>
      </c>
      <c r="AI10550">
        <v>67</v>
      </c>
      <c r="AJ10550">
        <v>67</v>
      </c>
      <c r="AK10550">
        <v>68</v>
      </c>
      <c r="AL10550">
        <v>68</v>
      </c>
      <c r="AM10550">
        <v>67</v>
      </c>
      <c r="AN10550">
        <v>67</v>
      </c>
      <c r="AO10550">
        <v>67</v>
      </c>
      <c r="AP10550">
        <v>67</v>
      </c>
      <c r="AQ10550">
        <v>66</v>
      </c>
    </row>
    <row r="10551" spans="1:43">
      <c r="A10551" t="s">
        <v>6564</v>
      </c>
      <c r="B10551" t="s">
        <v>6565</v>
      </c>
      <c r="C10551" t="s">
        <v>6188</v>
      </c>
      <c r="D10551" t="s">
        <v>6189</v>
      </c>
      <c r="E10551" t="s">
        <v>6174</v>
      </c>
      <c r="F10551" t="s">
        <v>6175</v>
      </c>
      <c r="G10551" t="s">
        <v>80</v>
      </c>
      <c r="H10551" t="s">
        <v>81</v>
      </c>
      <c r="I10551" s="2">
        <v>0</v>
      </c>
      <c r="J10551" s="2">
        <v>1</v>
      </c>
      <c r="K10551" s="2">
        <v>0</v>
      </c>
      <c r="L10551" t="s">
        <v>82</v>
      </c>
      <c r="M10551" t="s">
        <v>87</v>
      </c>
      <c r="N10551" t="s">
        <v>88</v>
      </c>
      <c r="O10551" t="s">
        <v>85</v>
      </c>
      <c r="P10551" t="s">
        <v>86</v>
      </c>
      <c r="Q10551">
        <v>56</v>
      </c>
      <c r="R10551">
        <v>56</v>
      </c>
      <c r="S10551">
        <v>56</v>
      </c>
      <c r="T10551">
        <v>56</v>
      </c>
      <c r="U10551">
        <v>56</v>
      </c>
      <c r="V10551">
        <v>56</v>
      </c>
      <c r="W10551">
        <v>56</v>
      </c>
      <c r="X10551">
        <v>57</v>
      </c>
      <c r="Y10551">
        <v>57</v>
      </c>
      <c r="Z10551">
        <v>57</v>
      </c>
      <c r="AA10551">
        <v>57</v>
      </c>
      <c r="AB10551">
        <v>57</v>
      </c>
      <c r="AC10551">
        <v>57</v>
      </c>
      <c r="AD10551">
        <v>57</v>
      </c>
      <c r="AE10551">
        <v>57</v>
      </c>
      <c r="AF10551">
        <v>57</v>
      </c>
      <c r="AG10551">
        <v>57</v>
      </c>
      <c r="AH10551">
        <v>57</v>
      </c>
      <c r="AI10551">
        <v>57</v>
      </c>
      <c r="AJ10551">
        <v>57</v>
      </c>
      <c r="AK10551">
        <v>57</v>
      </c>
      <c r="AL10551">
        <v>57</v>
      </c>
      <c r="AM10551">
        <v>57</v>
      </c>
      <c r="AN10551">
        <v>57</v>
      </c>
      <c r="AO10551">
        <v>57</v>
      </c>
      <c r="AP10551">
        <v>57</v>
      </c>
      <c r="AQ10551">
        <v>57</v>
      </c>
    </row>
    <row r="10552" spans="1:43">
      <c r="A10552" t="s">
        <v>6564</v>
      </c>
      <c r="B10552" t="s">
        <v>6565</v>
      </c>
      <c r="C10552" t="s">
        <v>6188</v>
      </c>
      <c r="D10552" t="s">
        <v>6189</v>
      </c>
      <c r="E10552" t="s">
        <v>6174</v>
      </c>
      <c r="F10552" t="s">
        <v>6175</v>
      </c>
      <c r="G10552" t="s">
        <v>80</v>
      </c>
      <c r="H10552" t="s">
        <v>81</v>
      </c>
      <c r="I10552" s="2">
        <v>0</v>
      </c>
      <c r="J10552" s="2">
        <v>1</v>
      </c>
      <c r="K10552" s="2">
        <v>0</v>
      </c>
      <c r="L10552" t="s">
        <v>82</v>
      </c>
      <c r="M10552" t="s">
        <v>89</v>
      </c>
      <c r="N10552" t="s">
        <v>90</v>
      </c>
      <c r="O10552" t="s">
        <v>85</v>
      </c>
      <c r="P10552" t="s">
        <v>86</v>
      </c>
      <c r="Q10552">
        <v>56</v>
      </c>
      <c r="R10552">
        <v>57</v>
      </c>
      <c r="S10552">
        <v>58</v>
      </c>
      <c r="T10552">
        <v>59</v>
      </c>
      <c r="U10552">
        <v>60</v>
      </c>
      <c r="V10552">
        <v>61</v>
      </c>
      <c r="W10552">
        <v>62</v>
      </c>
      <c r="X10552">
        <v>63</v>
      </c>
      <c r="Y10552">
        <v>64</v>
      </c>
      <c r="Z10552">
        <v>65</v>
      </c>
      <c r="AA10552">
        <v>66</v>
      </c>
      <c r="AB10552">
        <v>66</v>
      </c>
      <c r="AC10552">
        <v>67</v>
      </c>
      <c r="AD10552">
        <v>68</v>
      </c>
      <c r="AE10552">
        <v>68</v>
      </c>
      <c r="AF10552">
        <v>68</v>
      </c>
      <c r="AG10552">
        <v>68</v>
      </c>
      <c r="AH10552">
        <v>68</v>
      </c>
      <c r="AI10552">
        <v>68</v>
      </c>
      <c r="AJ10552">
        <v>67</v>
      </c>
      <c r="AK10552">
        <v>67</v>
      </c>
      <c r="AL10552">
        <v>67</v>
      </c>
      <c r="AM10552">
        <v>67</v>
      </c>
      <c r="AN10552">
        <v>67</v>
      </c>
      <c r="AO10552">
        <v>66</v>
      </c>
      <c r="AP10552">
        <v>66</v>
      </c>
      <c r="AQ10552">
        <v>66</v>
      </c>
    </row>
    <row r="10553" spans="1:43">
      <c r="A10553" t="s">
        <v>6564</v>
      </c>
      <c r="B10553" t="s">
        <v>6565</v>
      </c>
      <c r="C10553" t="s">
        <v>6188</v>
      </c>
      <c r="D10553" t="s">
        <v>6189</v>
      </c>
      <c r="E10553" t="s">
        <v>6174</v>
      </c>
      <c r="F10553" t="s">
        <v>6175</v>
      </c>
      <c r="G10553" t="s">
        <v>80</v>
      </c>
      <c r="H10553" t="s">
        <v>81</v>
      </c>
      <c r="I10553" s="2">
        <v>0</v>
      </c>
      <c r="J10553" s="2">
        <v>1</v>
      </c>
      <c r="K10553" s="2">
        <v>0</v>
      </c>
      <c r="L10553" t="s">
        <v>82</v>
      </c>
      <c r="M10553" t="s">
        <v>83</v>
      </c>
      <c r="N10553" t="s">
        <v>91</v>
      </c>
      <c r="O10553" t="s">
        <v>85</v>
      </c>
      <c r="P10553" t="s">
        <v>86</v>
      </c>
      <c r="Q10553">
        <v>56</v>
      </c>
      <c r="R10553">
        <v>57</v>
      </c>
      <c r="S10553">
        <v>58</v>
      </c>
      <c r="T10553">
        <v>58</v>
      </c>
      <c r="U10553">
        <v>59</v>
      </c>
      <c r="V10553">
        <v>60</v>
      </c>
      <c r="W10553">
        <v>60</v>
      </c>
      <c r="X10553">
        <v>61</v>
      </c>
      <c r="Y10553">
        <v>61</v>
      </c>
      <c r="Z10553">
        <v>62</v>
      </c>
      <c r="AA10553">
        <v>62</v>
      </c>
      <c r="AB10553">
        <v>63</v>
      </c>
      <c r="AC10553">
        <v>63</v>
      </c>
      <c r="AD10553">
        <v>64</v>
      </c>
      <c r="AE10553">
        <v>65</v>
      </c>
      <c r="AF10553">
        <v>65</v>
      </c>
      <c r="AG10553">
        <v>66</v>
      </c>
      <c r="AH10553">
        <v>66</v>
      </c>
      <c r="AI10553">
        <v>67</v>
      </c>
      <c r="AJ10553">
        <v>67</v>
      </c>
      <c r="AK10553">
        <v>68</v>
      </c>
      <c r="AL10553">
        <v>68</v>
      </c>
      <c r="AM10553">
        <v>67</v>
      </c>
      <c r="AN10553">
        <v>67</v>
      </c>
      <c r="AO10553">
        <v>67</v>
      </c>
      <c r="AP10553">
        <v>67</v>
      </c>
      <c r="AQ10553">
        <v>66</v>
      </c>
    </row>
    <row r="10554" spans="1:43">
      <c r="A10554" t="s">
        <v>6566</v>
      </c>
      <c r="B10554" t="s">
        <v>6567</v>
      </c>
      <c r="C10554" t="s">
        <v>6188</v>
      </c>
      <c r="D10554" t="s">
        <v>6189</v>
      </c>
      <c r="E10554" t="s">
        <v>6174</v>
      </c>
      <c r="F10554" t="s">
        <v>6175</v>
      </c>
      <c r="G10554" t="s">
        <v>80</v>
      </c>
      <c r="H10554" t="s">
        <v>81</v>
      </c>
      <c r="I10554" s="2">
        <v>0</v>
      </c>
      <c r="J10554" s="2">
        <v>1</v>
      </c>
      <c r="K10554" s="2">
        <v>0</v>
      </c>
      <c r="L10554" t="s">
        <v>82</v>
      </c>
      <c r="M10554" t="s">
        <v>83</v>
      </c>
      <c r="N10554" t="s">
        <v>84</v>
      </c>
      <c r="O10554" t="s">
        <v>85</v>
      </c>
      <c r="P10554" t="s">
        <v>86</v>
      </c>
      <c r="Q10554">
        <v>35</v>
      </c>
      <c r="R10554">
        <v>36</v>
      </c>
      <c r="S10554">
        <v>36</v>
      </c>
      <c r="T10554">
        <v>37</v>
      </c>
      <c r="U10554">
        <v>37</v>
      </c>
      <c r="V10554">
        <v>37</v>
      </c>
      <c r="W10554">
        <v>38</v>
      </c>
      <c r="X10554">
        <v>38</v>
      </c>
      <c r="Y10554">
        <v>38</v>
      </c>
      <c r="Z10554">
        <v>39</v>
      </c>
      <c r="AA10554">
        <v>39</v>
      </c>
      <c r="AB10554">
        <v>40</v>
      </c>
      <c r="AC10554">
        <v>40</v>
      </c>
      <c r="AD10554">
        <v>40</v>
      </c>
      <c r="AE10554">
        <v>41</v>
      </c>
      <c r="AF10554">
        <v>41</v>
      </c>
      <c r="AG10554">
        <v>41</v>
      </c>
      <c r="AH10554">
        <v>42</v>
      </c>
      <c r="AI10554">
        <v>42</v>
      </c>
      <c r="AJ10554">
        <v>42</v>
      </c>
      <c r="AK10554">
        <v>42</v>
      </c>
      <c r="AL10554">
        <v>42</v>
      </c>
      <c r="AM10554">
        <v>42</v>
      </c>
      <c r="AN10554">
        <v>42</v>
      </c>
      <c r="AO10554">
        <v>42</v>
      </c>
      <c r="AP10554">
        <v>42</v>
      </c>
      <c r="AQ10554">
        <v>42</v>
      </c>
    </row>
    <row r="10555" spans="1:43">
      <c r="A10555" t="s">
        <v>6566</v>
      </c>
      <c r="B10555" t="s">
        <v>6567</v>
      </c>
      <c r="C10555" t="s">
        <v>6188</v>
      </c>
      <c r="D10555" t="s">
        <v>6189</v>
      </c>
      <c r="E10555" t="s">
        <v>6174</v>
      </c>
      <c r="F10555" t="s">
        <v>6175</v>
      </c>
      <c r="G10555" t="s">
        <v>80</v>
      </c>
      <c r="H10555" t="s">
        <v>81</v>
      </c>
      <c r="I10555" s="2">
        <v>0</v>
      </c>
      <c r="J10555" s="2">
        <v>1</v>
      </c>
      <c r="K10555" s="2">
        <v>0</v>
      </c>
      <c r="L10555" t="s">
        <v>82</v>
      </c>
      <c r="M10555" t="s">
        <v>87</v>
      </c>
      <c r="N10555" t="s">
        <v>88</v>
      </c>
      <c r="O10555" t="s">
        <v>85</v>
      </c>
      <c r="P10555" t="s">
        <v>86</v>
      </c>
      <c r="Q10555">
        <v>35</v>
      </c>
      <c r="R10555">
        <v>35</v>
      </c>
      <c r="S10555">
        <v>35</v>
      </c>
      <c r="T10555">
        <v>35</v>
      </c>
      <c r="U10555">
        <v>35</v>
      </c>
      <c r="V10555">
        <v>35</v>
      </c>
      <c r="W10555">
        <v>35</v>
      </c>
      <c r="X10555">
        <v>35</v>
      </c>
      <c r="Y10555">
        <v>36</v>
      </c>
      <c r="Z10555">
        <v>36</v>
      </c>
      <c r="AA10555">
        <v>36</v>
      </c>
      <c r="AB10555">
        <v>36</v>
      </c>
      <c r="AC10555">
        <v>36</v>
      </c>
      <c r="AD10555">
        <v>36</v>
      </c>
      <c r="AE10555">
        <v>36</v>
      </c>
      <c r="AF10555">
        <v>36</v>
      </c>
      <c r="AG10555">
        <v>36</v>
      </c>
      <c r="AH10555">
        <v>36</v>
      </c>
      <c r="AI10555">
        <v>36</v>
      </c>
      <c r="AJ10555">
        <v>36</v>
      </c>
      <c r="AK10555">
        <v>36</v>
      </c>
      <c r="AL10555">
        <v>36</v>
      </c>
      <c r="AM10555">
        <v>36</v>
      </c>
      <c r="AN10555">
        <v>36</v>
      </c>
      <c r="AO10555">
        <v>36</v>
      </c>
      <c r="AP10555">
        <v>36</v>
      </c>
      <c r="AQ10555">
        <v>36</v>
      </c>
    </row>
    <row r="10556" spans="1:43">
      <c r="A10556" t="s">
        <v>6566</v>
      </c>
      <c r="B10556" t="s">
        <v>6567</v>
      </c>
      <c r="C10556" t="s">
        <v>6188</v>
      </c>
      <c r="D10556" t="s">
        <v>6189</v>
      </c>
      <c r="E10556" t="s">
        <v>6174</v>
      </c>
      <c r="F10556" t="s">
        <v>6175</v>
      </c>
      <c r="G10556" t="s">
        <v>80</v>
      </c>
      <c r="H10556" t="s">
        <v>81</v>
      </c>
      <c r="I10556" s="2">
        <v>0</v>
      </c>
      <c r="J10556" s="2">
        <v>1</v>
      </c>
      <c r="K10556" s="2">
        <v>0</v>
      </c>
      <c r="L10556" t="s">
        <v>82</v>
      </c>
      <c r="M10556" t="s">
        <v>89</v>
      </c>
      <c r="N10556" t="s">
        <v>90</v>
      </c>
      <c r="O10556" t="s">
        <v>85</v>
      </c>
      <c r="P10556" t="s">
        <v>86</v>
      </c>
      <c r="Q10556">
        <v>35</v>
      </c>
      <c r="R10556">
        <v>35</v>
      </c>
      <c r="S10556">
        <v>36</v>
      </c>
      <c r="T10556">
        <v>37</v>
      </c>
      <c r="U10556">
        <v>37</v>
      </c>
      <c r="V10556">
        <v>38</v>
      </c>
      <c r="W10556">
        <v>39</v>
      </c>
      <c r="X10556">
        <v>39</v>
      </c>
      <c r="Y10556">
        <v>40</v>
      </c>
      <c r="Z10556">
        <v>40</v>
      </c>
      <c r="AA10556">
        <v>41</v>
      </c>
      <c r="AB10556">
        <v>41</v>
      </c>
      <c r="AC10556">
        <v>42</v>
      </c>
      <c r="AD10556">
        <v>42</v>
      </c>
      <c r="AE10556">
        <v>43</v>
      </c>
      <c r="AF10556">
        <v>42</v>
      </c>
      <c r="AG10556">
        <v>42</v>
      </c>
      <c r="AH10556">
        <v>42</v>
      </c>
      <c r="AI10556">
        <v>42</v>
      </c>
      <c r="AJ10556">
        <v>42</v>
      </c>
      <c r="AK10556">
        <v>42</v>
      </c>
      <c r="AL10556">
        <v>42</v>
      </c>
      <c r="AM10556">
        <v>42</v>
      </c>
      <c r="AN10556">
        <v>42</v>
      </c>
      <c r="AO10556">
        <v>41</v>
      </c>
      <c r="AP10556">
        <v>41</v>
      </c>
      <c r="AQ10556">
        <v>41</v>
      </c>
    </row>
    <row r="10557" spans="1:43">
      <c r="A10557" t="s">
        <v>6566</v>
      </c>
      <c r="B10557" t="s">
        <v>6567</v>
      </c>
      <c r="C10557" t="s">
        <v>6188</v>
      </c>
      <c r="D10557" t="s">
        <v>6189</v>
      </c>
      <c r="E10557" t="s">
        <v>6174</v>
      </c>
      <c r="F10557" t="s">
        <v>6175</v>
      </c>
      <c r="G10557" t="s">
        <v>80</v>
      </c>
      <c r="H10557" t="s">
        <v>81</v>
      </c>
      <c r="I10557" s="2">
        <v>0</v>
      </c>
      <c r="J10557" s="2">
        <v>1</v>
      </c>
      <c r="K10557" s="2">
        <v>0</v>
      </c>
      <c r="L10557" t="s">
        <v>82</v>
      </c>
      <c r="M10557" t="s">
        <v>83</v>
      </c>
      <c r="N10557" t="s">
        <v>91</v>
      </c>
      <c r="O10557" t="s">
        <v>85</v>
      </c>
      <c r="P10557" t="s">
        <v>86</v>
      </c>
      <c r="Q10557">
        <v>35</v>
      </c>
      <c r="R10557">
        <v>36</v>
      </c>
      <c r="S10557">
        <v>36</v>
      </c>
      <c r="T10557">
        <v>37</v>
      </c>
      <c r="U10557">
        <v>37</v>
      </c>
      <c r="V10557">
        <v>37</v>
      </c>
      <c r="W10557">
        <v>38</v>
      </c>
      <c r="X10557">
        <v>38</v>
      </c>
      <c r="Y10557">
        <v>38</v>
      </c>
      <c r="Z10557">
        <v>39</v>
      </c>
      <c r="AA10557">
        <v>39</v>
      </c>
      <c r="AB10557">
        <v>40</v>
      </c>
      <c r="AC10557">
        <v>40</v>
      </c>
      <c r="AD10557">
        <v>40</v>
      </c>
      <c r="AE10557">
        <v>41</v>
      </c>
      <c r="AF10557">
        <v>41</v>
      </c>
      <c r="AG10557">
        <v>41</v>
      </c>
      <c r="AH10557">
        <v>42</v>
      </c>
      <c r="AI10557">
        <v>42</v>
      </c>
      <c r="AJ10557">
        <v>42</v>
      </c>
      <c r="AK10557">
        <v>42</v>
      </c>
      <c r="AL10557">
        <v>42</v>
      </c>
      <c r="AM10557">
        <v>42</v>
      </c>
      <c r="AN10557">
        <v>42</v>
      </c>
      <c r="AO10557">
        <v>42</v>
      </c>
      <c r="AP10557">
        <v>42</v>
      </c>
      <c r="AQ10557">
        <v>42</v>
      </c>
    </row>
    <row r="10558" spans="1:43">
      <c r="A10558" t="s">
        <v>6568</v>
      </c>
      <c r="B10558" t="s">
        <v>6569</v>
      </c>
      <c r="C10558" t="s">
        <v>6468</v>
      </c>
      <c r="D10558" t="s">
        <v>6469</v>
      </c>
      <c r="E10558" t="s">
        <v>6174</v>
      </c>
      <c r="F10558" t="s">
        <v>6175</v>
      </c>
      <c r="G10558" t="s">
        <v>80</v>
      </c>
      <c r="H10558" t="s">
        <v>81</v>
      </c>
      <c r="I10558" s="2">
        <v>0</v>
      </c>
      <c r="J10558" s="2">
        <v>1</v>
      </c>
      <c r="K10558" s="2">
        <v>0</v>
      </c>
      <c r="L10558" t="s">
        <v>82</v>
      </c>
      <c r="M10558" t="s">
        <v>83</v>
      </c>
      <c r="N10558" t="s">
        <v>84</v>
      </c>
      <c r="O10558" t="s">
        <v>85</v>
      </c>
      <c r="P10558" t="s">
        <v>86</v>
      </c>
      <c r="Q10558">
        <v>46</v>
      </c>
      <c r="R10558">
        <v>47</v>
      </c>
      <c r="S10558">
        <v>47</v>
      </c>
      <c r="T10558">
        <v>48</v>
      </c>
      <c r="U10558">
        <v>48</v>
      </c>
      <c r="V10558">
        <v>49</v>
      </c>
      <c r="W10558">
        <v>49</v>
      </c>
      <c r="X10558">
        <v>50</v>
      </c>
      <c r="Y10558">
        <v>50</v>
      </c>
      <c r="Z10558">
        <v>51</v>
      </c>
      <c r="AA10558">
        <v>51</v>
      </c>
      <c r="AB10558">
        <v>51</v>
      </c>
      <c r="AC10558">
        <v>52</v>
      </c>
      <c r="AD10558">
        <v>52</v>
      </c>
      <c r="AE10558">
        <v>53</v>
      </c>
      <c r="AF10558">
        <v>53</v>
      </c>
      <c r="AG10558">
        <v>54</v>
      </c>
      <c r="AH10558">
        <v>54</v>
      </c>
      <c r="AI10558">
        <v>54</v>
      </c>
      <c r="AJ10558">
        <v>55</v>
      </c>
      <c r="AK10558">
        <v>55</v>
      </c>
      <c r="AL10558">
        <v>55</v>
      </c>
      <c r="AM10558">
        <v>55</v>
      </c>
      <c r="AN10558">
        <v>55</v>
      </c>
      <c r="AO10558">
        <v>55</v>
      </c>
      <c r="AP10558">
        <v>54</v>
      </c>
      <c r="AQ10558">
        <v>54</v>
      </c>
    </row>
    <row r="10559" spans="1:43">
      <c r="A10559" t="s">
        <v>6568</v>
      </c>
      <c r="B10559" t="s">
        <v>6569</v>
      </c>
      <c r="C10559" t="s">
        <v>6468</v>
      </c>
      <c r="D10559" t="s">
        <v>6469</v>
      </c>
      <c r="E10559" t="s">
        <v>6174</v>
      </c>
      <c r="F10559" t="s">
        <v>6175</v>
      </c>
      <c r="G10559" t="s">
        <v>80</v>
      </c>
      <c r="H10559" t="s">
        <v>81</v>
      </c>
      <c r="I10559" s="2">
        <v>0</v>
      </c>
      <c r="J10559" s="2">
        <v>1</v>
      </c>
      <c r="K10559" s="2">
        <v>0</v>
      </c>
      <c r="L10559" t="s">
        <v>82</v>
      </c>
      <c r="M10559" t="s">
        <v>87</v>
      </c>
      <c r="N10559" t="s">
        <v>88</v>
      </c>
      <c r="O10559" t="s">
        <v>85</v>
      </c>
      <c r="P10559" t="s">
        <v>86</v>
      </c>
      <c r="Q10559">
        <v>46</v>
      </c>
      <c r="R10559">
        <v>46</v>
      </c>
      <c r="S10559">
        <v>46</v>
      </c>
      <c r="T10559">
        <v>46</v>
      </c>
      <c r="U10559">
        <v>46</v>
      </c>
      <c r="V10559">
        <v>46</v>
      </c>
      <c r="W10559">
        <v>46</v>
      </c>
      <c r="X10559">
        <v>46</v>
      </c>
      <c r="Y10559">
        <v>46</v>
      </c>
      <c r="Z10559">
        <v>46</v>
      </c>
      <c r="AA10559">
        <v>46</v>
      </c>
      <c r="AB10559">
        <v>46</v>
      </c>
      <c r="AC10559">
        <v>47</v>
      </c>
      <c r="AD10559">
        <v>47</v>
      </c>
      <c r="AE10559">
        <v>47</v>
      </c>
      <c r="AF10559">
        <v>47</v>
      </c>
      <c r="AG10559">
        <v>47</v>
      </c>
      <c r="AH10559">
        <v>47</v>
      </c>
      <c r="AI10559">
        <v>47</v>
      </c>
      <c r="AJ10559">
        <v>47</v>
      </c>
      <c r="AK10559">
        <v>47</v>
      </c>
      <c r="AL10559">
        <v>47</v>
      </c>
      <c r="AM10559">
        <v>47</v>
      </c>
      <c r="AN10559">
        <v>47</v>
      </c>
      <c r="AO10559">
        <v>47</v>
      </c>
      <c r="AP10559">
        <v>47</v>
      </c>
      <c r="AQ10559">
        <v>47</v>
      </c>
    </row>
    <row r="10560" spans="1:43">
      <c r="A10560" t="s">
        <v>6568</v>
      </c>
      <c r="B10560" t="s">
        <v>6569</v>
      </c>
      <c r="C10560" t="s">
        <v>6468</v>
      </c>
      <c r="D10560" t="s">
        <v>6469</v>
      </c>
      <c r="E10560" t="s">
        <v>6174</v>
      </c>
      <c r="F10560" t="s">
        <v>6175</v>
      </c>
      <c r="G10560" t="s">
        <v>80</v>
      </c>
      <c r="H10560" t="s">
        <v>81</v>
      </c>
      <c r="I10560" s="2">
        <v>0</v>
      </c>
      <c r="J10560" s="2">
        <v>1</v>
      </c>
      <c r="K10560" s="2">
        <v>0</v>
      </c>
      <c r="L10560" t="s">
        <v>82</v>
      </c>
      <c r="M10560" t="s">
        <v>89</v>
      </c>
      <c r="N10560" t="s">
        <v>90</v>
      </c>
      <c r="O10560" t="s">
        <v>85</v>
      </c>
      <c r="P10560" t="s">
        <v>86</v>
      </c>
      <c r="Q10560">
        <v>46</v>
      </c>
      <c r="R10560">
        <v>46</v>
      </c>
      <c r="S10560">
        <v>47</v>
      </c>
      <c r="T10560">
        <v>48</v>
      </c>
      <c r="U10560">
        <v>49</v>
      </c>
      <c r="V10560">
        <v>50</v>
      </c>
      <c r="W10560">
        <v>51</v>
      </c>
      <c r="X10560">
        <v>51</v>
      </c>
      <c r="Y10560">
        <v>52</v>
      </c>
      <c r="Z10560">
        <v>53</v>
      </c>
      <c r="AA10560">
        <v>53</v>
      </c>
      <c r="AB10560">
        <v>54</v>
      </c>
      <c r="AC10560">
        <v>55</v>
      </c>
      <c r="AD10560">
        <v>55</v>
      </c>
      <c r="AE10560">
        <v>56</v>
      </c>
      <c r="AF10560">
        <v>56</v>
      </c>
      <c r="AG10560">
        <v>55</v>
      </c>
      <c r="AH10560">
        <v>55</v>
      </c>
      <c r="AI10560">
        <v>55</v>
      </c>
      <c r="AJ10560">
        <v>55</v>
      </c>
      <c r="AK10560">
        <v>55</v>
      </c>
      <c r="AL10560">
        <v>55</v>
      </c>
      <c r="AM10560">
        <v>54</v>
      </c>
      <c r="AN10560">
        <v>54</v>
      </c>
      <c r="AO10560">
        <v>54</v>
      </c>
      <c r="AP10560">
        <v>54</v>
      </c>
      <c r="AQ10560">
        <v>54</v>
      </c>
    </row>
    <row r="10561" spans="1:43">
      <c r="A10561" t="s">
        <v>6568</v>
      </c>
      <c r="B10561" t="s">
        <v>6569</v>
      </c>
      <c r="C10561" t="s">
        <v>6468</v>
      </c>
      <c r="D10561" t="s">
        <v>6469</v>
      </c>
      <c r="E10561" t="s">
        <v>6174</v>
      </c>
      <c r="F10561" t="s">
        <v>6175</v>
      </c>
      <c r="G10561" t="s">
        <v>80</v>
      </c>
      <c r="H10561" t="s">
        <v>81</v>
      </c>
      <c r="I10561" s="2">
        <v>0</v>
      </c>
      <c r="J10561" s="2">
        <v>1</v>
      </c>
      <c r="K10561" s="2">
        <v>0</v>
      </c>
      <c r="L10561" t="s">
        <v>82</v>
      </c>
      <c r="M10561" t="s">
        <v>83</v>
      </c>
      <c r="N10561" t="s">
        <v>91</v>
      </c>
      <c r="O10561" t="s">
        <v>85</v>
      </c>
      <c r="P10561" t="s">
        <v>86</v>
      </c>
      <c r="Q10561">
        <v>46</v>
      </c>
      <c r="R10561">
        <v>47</v>
      </c>
      <c r="S10561">
        <v>47</v>
      </c>
      <c r="T10561">
        <v>48</v>
      </c>
      <c r="U10561">
        <v>48</v>
      </c>
      <c r="V10561">
        <v>49</v>
      </c>
      <c r="W10561">
        <v>49</v>
      </c>
      <c r="X10561">
        <v>50</v>
      </c>
      <c r="Y10561">
        <v>50</v>
      </c>
      <c r="Z10561">
        <v>51</v>
      </c>
      <c r="AA10561">
        <v>51</v>
      </c>
      <c r="AB10561">
        <v>51</v>
      </c>
      <c r="AC10561">
        <v>52</v>
      </c>
      <c r="AD10561">
        <v>52</v>
      </c>
      <c r="AE10561">
        <v>53</v>
      </c>
      <c r="AF10561">
        <v>53</v>
      </c>
      <c r="AG10561">
        <v>54</v>
      </c>
      <c r="AH10561">
        <v>54</v>
      </c>
      <c r="AI10561">
        <v>54</v>
      </c>
      <c r="AJ10561">
        <v>55</v>
      </c>
      <c r="AK10561">
        <v>55</v>
      </c>
      <c r="AL10561">
        <v>55</v>
      </c>
      <c r="AM10561">
        <v>55</v>
      </c>
      <c r="AN10561">
        <v>55</v>
      </c>
      <c r="AO10561">
        <v>55</v>
      </c>
      <c r="AP10561">
        <v>54</v>
      </c>
      <c r="AQ10561">
        <v>54</v>
      </c>
    </row>
    <row r="10562" spans="1:43">
      <c r="A10562" t="s">
        <v>6570</v>
      </c>
      <c r="B10562" t="s">
        <v>6571</v>
      </c>
      <c r="C10562" t="s">
        <v>6390</v>
      </c>
      <c r="D10562" t="s">
        <v>6391</v>
      </c>
      <c r="E10562" t="s">
        <v>6174</v>
      </c>
      <c r="F10562" t="s">
        <v>6175</v>
      </c>
      <c r="G10562" t="s">
        <v>80</v>
      </c>
      <c r="H10562" t="s">
        <v>81</v>
      </c>
      <c r="I10562" s="2">
        <v>0</v>
      </c>
      <c r="J10562" s="2">
        <v>1</v>
      </c>
      <c r="K10562" s="2">
        <v>0</v>
      </c>
      <c r="L10562" t="s">
        <v>82</v>
      </c>
      <c r="M10562" t="s">
        <v>83</v>
      </c>
      <c r="N10562" t="s">
        <v>84</v>
      </c>
      <c r="O10562" t="s">
        <v>85</v>
      </c>
      <c r="P10562" t="s">
        <v>86</v>
      </c>
      <c r="Q10562">
        <v>38</v>
      </c>
      <c r="R10562">
        <v>39</v>
      </c>
      <c r="S10562">
        <v>39</v>
      </c>
      <c r="T10562">
        <v>40</v>
      </c>
      <c r="U10562">
        <v>40</v>
      </c>
      <c r="V10562">
        <v>41</v>
      </c>
      <c r="W10562">
        <v>41</v>
      </c>
      <c r="X10562">
        <v>42</v>
      </c>
      <c r="Y10562">
        <v>42</v>
      </c>
      <c r="Z10562">
        <v>42</v>
      </c>
      <c r="AA10562">
        <v>43</v>
      </c>
      <c r="AB10562">
        <v>43</v>
      </c>
      <c r="AC10562">
        <v>44</v>
      </c>
      <c r="AD10562">
        <v>44</v>
      </c>
      <c r="AE10562">
        <v>44</v>
      </c>
      <c r="AF10562">
        <v>45</v>
      </c>
      <c r="AG10562">
        <v>45</v>
      </c>
      <c r="AH10562">
        <v>46</v>
      </c>
      <c r="AI10562">
        <v>46</v>
      </c>
      <c r="AJ10562">
        <v>46</v>
      </c>
      <c r="AK10562">
        <v>47</v>
      </c>
      <c r="AL10562">
        <v>47</v>
      </c>
      <c r="AM10562">
        <v>47</v>
      </c>
      <c r="AN10562">
        <v>47</v>
      </c>
      <c r="AO10562">
        <v>47</v>
      </c>
      <c r="AP10562">
        <v>46</v>
      </c>
      <c r="AQ10562">
        <v>46</v>
      </c>
    </row>
    <row r="10563" spans="1:43">
      <c r="A10563" t="s">
        <v>6570</v>
      </c>
      <c r="B10563" t="s">
        <v>6571</v>
      </c>
      <c r="C10563" t="s">
        <v>6390</v>
      </c>
      <c r="D10563" t="s">
        <v>6391</v>
      </c>
      <c r="E10563" t="s">
        <v>6174</v>
      </c>
      <c r="F10563" t="s">
        <v>6175</v>
      </c>
      <c r="G10563" t="s">
        <v>80</v>
      </c>
      <c r="H10563" t="s">
        <v>81</v>
      </c>
      <c r="I10563" s="2">
        <v>0</v>
      </c>
      <c r="J10563" s="2">
        <v>1</v>
      </c>
      <c r="K10563" s="2">
        <v>0</v>
      </c>
      <c r="L10563" t="s">
        <v>82</v>
      </c>
      <c r="M10563" t="s">
        <v>87</v>
      </c>
      <c r="N10563" t="s">
        <v>88</v>
      </c>
      <c r="O10563" t="s">
        <v>85</v>
      </c>
      <c r="P10563" t="s">
        <v>86</v>
      </c>
      <c r="Q10563">
        <v>38</v>
      </c>
      <c r="R10563">
        <v>38</v>
      </c>
      <c r="S10563">
        <v>38</v>
      </c>
      <c r="T10563">
        <v>38</v>
      </c>
      <c r="U10563">
        <v>38</v>
      </c>
      <c r="V10563">
        <v>38</v>
      </c>
      <c r="W10563">
        <v>39</v>
      </c>
      <c r="X10563">
        <v>39</v>
      </c>
      <c r="Y10563">
        <v>39</v>
      </c>
      <c r="Z10563">
        <v>39</v>
      </c>
      <c r="AA10563">
        <v>39</v>
      </c>
      <c r="AB10563">
        <v>39</v>
      </c>
      <c r="AC10563">
        <v>39</v>
      </c>
      <c r="AD10563">
        <v>39</v>
      </c>
      <c r="AE10563">
        <v>39</v>
      </c>
      <c r="AF10563">
        <v>39</v>
      </c>
      <c r="AG10563">
        <v>40</v>
      </c>
      <c r="AH10563">
        <v>40</v>
      </c>
      <c r="AI10563">
        <v>40</v>
      </c>
      <c r="AJ10563">
        <v>40</v>
      </c>
      <c r="AK10563">
        <v>40</v>
      </c>
      <c r="AL10563">
        <v>40</v>
      </c>
      <c r="AM10563">
        <v>40</v>
      </c>
      <c r="AN10563">
        <v>40</v>
      </c>
      <c r="AO10563">
        <v>40</v>
      </c>
      <c r="AP10563">
        <v>40</v>
      </c>
      <c r="AQ10563">
        <v>40</v>
      </c>
    </row>
    <row r="10564" spans="1:43">
      <c r="A10564" t="s">
        <v>6570</v>
      </c>
      <c r="B10564" t="s">
        <v>6571</v>
      </c>
      <c r="C10564" t="s">
        <v>6390</v>
      </c>
      <c r="D10564" t="s">
        <v>6391</v>
      </c>
      <c r="E10564" t="s">
        <v>6174</v>
      </c>
      <c r="F10564" t="s">
        <v>6175</v>
      </c>
      <c r="G10564" t="s">
        <v>80</v>
      </c>
      <c r="H10564" t="s">
        <v>81</v>
      </c>
      <c r="I10564" s="2">
        <v>0</v>
      </c>
      <c r="J10564" s="2">
        <v>1</v>
      </c>
      <c r="K10564" s="2">
        <v>0</v>
      </c>
      <c r="L10564" t="s">
        <v>82</v>
      </c>
      <c r="M10564" t="s">
        <v>89</v>
      </c>
      <c r="N10564" t="s">
        <v>90</v>
      </c>
      <c r="O10564" t="s">
        <v>85</v>
      </c>
      <c r="P10564" t="s">
        <v>86</v>
      </c>
      <c r="Q10564">
        <v>38</v>
      </c>
      <c r="R10564">
        <v>38</v>
      </c>
      <c r="S10564">
        <v>39</v>
      </c>
      <c r="T10564">
        <v>40</v>
      </c>
      <c r="U10564">
        <v>41</v>
      </c>
      <c r="V10564">
        <v>41</v>
      </c>
      <c r="W10564">
        <v>42</v>
      </c>
      <c r="X10564">
        <v>43</v>
      </c>
      <c r="Y10564">
        <v>43</v>
      </c>
      <c r="Z10564">
        <v>44</v>
      </c>
      <c r="AA10564">
        <v>45</v>
      </c>
      <c r="AB10564">
        <v>45</v>
      </c>
      <c r="AC10564">
        <v>46</v>
      </c>
      <c r="AD10564">
        <v>46</v>
      </c>
      <c r="AE10564">
        <v>47</v>
      </c>
      <c r="AF10564">
        <v>47</v>
      </c>
      <c r="AG10564">
        <v>47</v>
      </c>
      <c r="AH10564">
        <v>46</v>
      </c>
      <c r="AI10564">
        <v>46</v>
      </c>
      <c r="AJ10564">
        <v>46</v>
      </c>
      <c r="AK10564">
        <v>46</v>
      </c>
      <c r="AL10564">
        <v>46</v>
      </c>
      <c r="AM10564">
        <v>46</v>
      </c>
      <c r="AN10564">
        <v>46</v>
      </c>
      <c r="AO10564">
        <v>46</v>
      </c>
      <c r="AP10564">
        <v>46</v>
      </c>
      <c r="AQ10564">
        <v>46</v>
      </c>
    </row>
    <row r="10565" spans="1:43">
      <c r="A10565" t="s">
        <v>6570</v>
      </c>
      <c r="B10565" t="s">
        <v>6571</v>
      </c>
      <c r="C10565" t="s">
        <v>6390</v>
      </c>
      <c r="D10565" t="s">
        <v>6391</v>
      </c>
      <c r="E10565" t="s">
        <v>6174</v>
      </c>
      <c r="F10565" t="s">
        <v>6175</v>
      </c>
      <c r="G10565" t="s">
        <v>80</v>
      </c>
      <c r="H10565" t="s">
        <v>81</v>
      </c>
      <c r="I10565" s="2">
        <v>0</v>
      </c>
      <c r="J10565" s="2">
        <v>1</v>
      </c>
      <c r="K10565" s="2">
        <v>0</v>
      </c>
      <c r="L10565" t="s">
        <v>82</v>
      </c>
      <c r="M10565" t="s">
        <v>83</v>
      </c>
      <c r="N10565" t="s">
        <v>91</v>
      </c>
      <c r="O10565" t="s">
        <v>85</v>
      </c>
      <c r="P10565" t="s">
        <v>86</v>
      </c>
      <c r="Q10565">
        <v>38</v>
      </c>
      <c r="R10565">
        <v>39</v>
      </c>
      <c r="S10565">
        <v>39</v>
      </c>
      <c r="T10565">
        <v>40</v>
      </c>
      <c r="U10565">
        <v>40</v>
      </c>
      <c r="V10565">
        <v>41</v>
      </c>
      <c r="W10565">
        <v>41</v>
      </c>
      <c r="X10565">
        <v>42</v>
      </c>
      <c r="Y10565">
        <v>42</v>
      </c>
      <c r="Z10565">
        <v>42</v>
      </c>
      <c r="AA10565">
        <v>43</v>
      </c>
      <c r="AB10565">
        <v>43</v>
      </c>
      <c r="AC10565">
        <v>44</v>
      </c>
      <c r="AD10565">
        <v>44</v>
      </c>
      <c r="AE10565">
        <v>44</v>
      </c>
      <c r="AF10565">
        <v>45</v>
      </c>
      <c r="AG10565">
        <v>45</v>
      </c>
      <c r="AH10565">
        <v>46</v>
      </c>
      <c r="AI10565">
        <v>46</v>
      </c>
      <c r="AJ10565">
        <v>46</v>
      </c>
      <c r="AK10565">
        <v>47</v>
      </c>
      <c r="AL10565">
        <v>47</v>
      </c>
      <c r="AM10565">
        <v>47</v>
      </c>
      <c r="AN10565">
        <v>47</v>
      </c>
      <c r="AO10565">
        <v>47</v>
      </c>
      <c r="AP10565">
        <v>46</v>
      </c>
      <c r="AQ10565">
        <v>46</v>
      </c>
    </row>
    <row r="10566" spans="1:43">
      <c r="A10566" t="s">
        <v>6572</v>
      </c>
      <c r="B10566" t="s">
        <v>6573</v>
      </c>
      <c r="C10566" t="s">
        <v>6574</v>
      </c>
      <c r="D10566" t="s">
        <v>6575</v>
      </c>
      <c r="E10566" t="s">
        <v>6174</v>
      </c>
      <c r="F10566" t="s">
        <v>6175</v>
      </c>
      <c r="G10566" t="s">
        <v>80</v>
      </c>
      <c r="H10566" t="s">
        <v>81</v>
      </c>
      <c r="I10566" s="2">
        <v>0</v>
      </c>
      <c r="J10566" s="2">
        <v>1</v>
      </c>
      <c r="K10566" s="2">
        <v>0</v>
      </c>
      <c r="L10566" t="s">
        <v>82</v>
      </c>
      <c r="M10566" t="s">
        <v>83</v>
      </c>
      <c r="N10566" t="s">
        <v>84</v>
      </c>
      <c r="O10566" t="s">
        <v>85</v>
      </c>
      <c r="P10566" t="s">
        <v>86</v>
      </c>
      <c r="Q10566">
        <v>75</v>
      </c>
      <c r="R10566">
        <v>76</v>
      </c>
      <c r="S10566">
        <v>77</v>
      </c>
      <c r="T10566">
        <v>78</v>
      </c>
      <c r="U10566">
        <v>79</v>
      </c>
      <c r="V10566">
        <v>80</v>
      </c>
      <c r="W10566">
        <v>81</v>
      </c>
      <c r="X10566">
        <v>82</v>
      </c>
      <c r="Y10566">
        <v>82</v>
      </c>
      <c r="Z10566">
        <v>83</v>
      </c>
      <c r="AA10566">
        <v>84</v>
      </c>
      <c r="AB10566">
        <v>85</v>
      </c>
      <c r="AC10566">
        <v>86</v>
      </c>
      <c r="AD10566">
        <v>86</v>
      </c>
      <c r="AE10566">
        <v>87</v>
      </c>
      <c r="AF10566">
        <v>88</v>
      </c>
      <c r="AG10566">
        <v>88</v>
      </c>
      <c r="AH10566">
        <v>89</v>
      </c>
      <c r="AI10566">
        <v>90</v>
      </c>
      <c r="AJ10566">
        <v>91</v>
      </c>
      <c r="AK10566">
        <v>91</v>
      </c>
      <c r="AL10566">
        <v>91</v>
      </c>
      <c r="AM10566">
        <v>91</v>
      </c>
      <c r="AN10566">
        <v>91</v>
      </c>
      <c r="AO10566">
        <v>91</v>
      </c>
      <c r="AP10566">
        <v>90</v>
      </c>
      <c r="AQ10566">
        <v>90</v>
      </c>
    </row>
    <row r="10567" spans="1:43">
      <c r="A10567" t="s">
        <v>6572</v>
      </c>
      <c r="B10567" t="s">
        <v>6573</v>
      </c>
      <c r="C10567" t="s">
        <v>6574</v>
      </c>
      <c r="D10567" t="s">
        <v>6575</v>
      </c>
      <c r="E10567" t="s">
        <v>6174</v>
      </c>
      <c r="F10567" t="s">
        <v>6175</v>
      </c>
      <c r="G10567" t="s">
        <v>80</v>
      </c>
      <c r="H10567" t="s">
        <v>81</v>
      </c>
      <c r="I10567" s="2">
        <v>0</v>
      </c>
      <c r="J10567" s="2">
        <v>1</v>
      </c>
      <c r="K10567" s="2">
        <v>0</v>
      </c>
      <c r="L10567" t="s">
        <v>82</v>
      </c>
      <c r="M10567" t="s">
        <v>87</v>
      </c>
      <c r="N10567" t="s">
        <v>88</v>
      </c>
      <c r="O10567" t="s">
        <v>85</v>
      </c>
      <c r="P10567" t="s">
        <v>86</v>
      </c>
      <c r="Q10567">
        <v>75</v>
      </c>
      <c r="R10567">
        <v>75</v>
      </c>
      <c r="S10567">
        <v>75</v>
      </c>
      <c r="T10567">
        <v>75</v>
      </c>
      <c r="U10567">
        <v>75</v>
      </c>
      <c r="V10567">
        <v>76</v>
      </c>
      <c r="W10567">
        <v>76</v>
      </c>
      <c r="X10567">
        <v>76</v>
      </c>
      <c r="Y10567">
        <v>76</v>
      </c>
      <c r="Z10567">
        <v>76</v>
      </c>
      <c r="AA10567">
        <v>77</v>
      </c>
      <c r="AB10567">
        <v>77</v>
      </c>
      <c r="AC10567">
        <v>77</v>
      </c>
      <c r="AD10567">
        <v>77</v>
      </c>
      <c r="AE10567">
        <v>77</v>
      </c>
      <c r="AF10567">
        <v>77</v>
      </c>
      <c r="AG10567">
        <v>77</v>
      </c>
      <c r="AH10567">
        <v>78</v>
      </c>
      <c r="AI10567">
        <v>78</v>
      </c>
      <c r="AJ10567">
        <v>78</v>
      </c>
      <c r="AK10567">
        <v>78</v>
      </c>
      <c r="AL10567">
        <v>78</v>
      </c>
      <c r="AM10567">
        <v>78</v>
      </c>
      <c r="AN10567">
        <v>78</v>
      </c>
      <c r="AO10567">
        <v>78</v>
      </c>
      <c r="AP10567">
        <v>78</v>
      </c>
      <c r="AQ10567">
        <v>78</v>
      </c>
    </row>
    <row r="10568" spans="1:43">
      <c r="A10568" t="s">
        <v>6572</v>
      </c>
      <c r="B10568" t="s">
        <v>6573</v>
      </c>
      <c r="C10568" t="s">
        <v>6574</v>
      </c>
      <c r="D10568" t="s">
        <v>6575</v>
      </c>
      <c r="E10568" t="s">
        <v>6174</v>
      </c>
      <c r="F10568" t="s">
        <v>6175</v>
      </c>
      <c r="G10568" t="s">
        <v>80</v>
      </c>
      <c r="H10568" t="s">
        <v>81</v>
      </c>
      <c r="I10568" s="2">
        <v>0</v>
      </c>
      <c r="J10568" s="2">
        <v>1</v>
      </c>
      <c r="K10568" s="2">
        <v>0</v>
      </c>
      <c r="L10568" t="s">
        <v>82</v>
      </c>
      <c r="M10568" t="s">
        <v>89</v>
      </c>
      <c r="N10568" t="s">
        <v>90</v>
      </c>
      <c r="O10568" t="s">
        <v>85</v>
      </c>
      <c r="P10568" t="s">
        <v>86</v>
      </c>
      <c r="Q10568">
        <v>75</v>
      </c>
      <c r="R10568">
        <v>77</v>
      </c>
      <c r="S10568">
        <v>78</v>
      </c>
      <c r="T10568">
        <v>80</v>
      </c>
      <c r="U10568">
        <v>81</v>
      </c>
      <c r="V10568">
        <v>83</v>
      </c>
      <c r="W10568">
        <v>84</v>
      </c>
      <c r="X10568">
        <v>85</v>
      </c>
      <c r="Y10568">
        <v>86</v>
      </c>
      <c r="Z10568">
        <v>87</v>
      </c>
      <c r="AA10568">
        <v>88</v>
      </c>
      <c r="AB10568">
        <v>90</v>
      </c>
      <c r="AC10568">
        <v>91</v>
      </c>
      <c r="AD10568">
        <v>92</v>
      </c>
      <c r="AE10568">
        <v>92</v>
      </c>
      <c r="AF10568">
        <v>92</v>
      </c>
      <c r="AG10568">
        <v>92</v>
      </c>
      <c r="AH10568">
        <v>92</v>
      </c>
      <c r="AI10568">
        <v>92</v>
      </c>
      <c r="AJ10568">
        <v>91</v>
      </c>
      <c r="AK10568">
        <v>91</v>
      </c>
      <c r="AL10568">
        <v>91</v>
      </c>
      <c r="AM10568">
        <v>91</v>
      </c>
      <c r="AN10568">
        <v>91</v>
      </c>
      <c r="AO10568">
        <v>90</v>
      </c>
      <c r="AP10568">
        <v>90</v>
      </c>
      <c r="AQ10568">
        <v>90</v>
      </c>
    </row>
    <row r="10569" spans="1:43">
      <c r="A10569" t="s">
        <v>6572</v>
      </c>
      <c r="B10569" t="s">
        <v>6573</v>
      </c>
      <c r="C10569" t="s">
        <v>6574</v>
      </c>
      <c r="D10569" t="s">
        <v>6575</v>
      </c>
      <c r="E10569" t="s">
        <v>6174</v>
      </c>
      <c r="F10569" t="s">
        <v>6175</v>
      </c>
      <c r="G10569" t="s">
        <v>80</v>
      </c>
      <c r="H10569" t="s">
        <v>81</v>
      </c>
      <c r="I10569" s="2">
        <v>0</v>
      </c>
      <c r="J10569" s="2">
        <v>1</v>
      </c>
      <c r="K10569" s="2">
        <v>0</v>
      </c>
      <c r="L10569" t="s">
        <v>82</v>
      </c>
      <c r="M10569" t="s">
        <v>83</v>
      </c>
      <c r="N10569" t="s">
        <v>91</v>
      </c>
      <c r="O10569" t="s">
        <v>85</v>
      </c>
      <c r="P10569" t="s">
        <v>86</v>
      </c>
      <c r="Q10569">
        <v>75</v>
      </c>
      <c r="R10569">
        <v>76</v>
      </c>
      <c r="S10569">
        <v>77</v>
      </c>
      <c r="T10569">
        <v>78</v>
      </c>
      <c r="U10569">
        <v>79</v>
      </c>
      <c r="V10569">
        <v>80</v>
      </c>
      <c r="W10569">
        <v>81</v>
      </c>
      <c r="X10569">
        <v>82</v>
      </c>
      <c r="Y10569">
        <v>82</v>
      </c>
      <c r="Z10569">
        <v>83</v>
      </c>
      <c r="AA10569">
        <v>84</v>
      </c>
      <c r="AB10569">
        <v>85</v>
      </c>
      <c r="AC10569">
        <v>86</v>
      </c>
      <c r="AD10569">
        <v>86</v>
      </c>
      <c r="AE10569">
        <v>87</v>
      </c>
      <c r="AF10569">
        <v>88</v>
      </c>
      <c r="AG10569">
        <v>88</v>
      </c>
      <c r="AH10569">
        <v>89</v>
      </c>
      <c r="AI10569">
        <v>90</v>
      </c>
      <c r="AJ10569">
        <v>91</v>
      </c>
      <c r="AK10569">
        <v>91</v>
      </c>
      <c r="AL10569">
        <v>91</v>
      </c>
      <c r="AM10569">
        <v>91</v>
      </c>
      <c r="AN10569">
        <v>91</v>
      </c>
      <c r="AO10569">
        <v>91</v>
      </c>
      <c r="AP10569">
        <v>90</v>
      </c>
      <c r="AQ10569">
        <v>90</v>
      </c>
    </row>
    <row r="10570" spans="1:43">
      <c r="A10570" t="s">
        <v>6576</v>
      </c>
      <c r="B10570" t="s">
        <v>6577</v>
      </c>
      <c r="C10570" t="s">
        <v>6266</v>
      </c>
      <c r="D10570" t="s">
        <v>6267</v>
      </c>
      <c r="E10570" t="s">
        <v>6174</v>
      </c>
      <c r="F10570" t="s">
        <v>6175</v>
      </c>
      <c r="G10570" t="s">
        <v>80</v>
      </c>
      <c r="H10570" t="s">
        <v>81</v>
      </c>
      <c r="I10570" s="2">
        <v>0</v>
      </c>
      <c r="J10570" s="2">
        <v>1</v>
      </c>
      <c r="K10570" s="2">
        <v>0</v>
      </c>
      <c r="L10570" t="s">
        <v>82</v>
      </c>
      <c r="M10570" t="s">
        <v>83</v>
      </c>
      <c r="N10570" t="s">
        <v>84</v>
      </c>
      <c r="O10570" t="s">
        <v>85</v>
      </c>
      <c r="P10570" t="s">
        <v>86</v>
      </c>
      <c r="Q10570">
        <v>123</v>
      </c>
      <c r="R10570">
        <v>125</v>
      </c>
      <c r="S10570">
        <v>126</v>
      </c>
      <c r="T10570">
        <v>128</v>
      </c>
      <c r="U10570">
        <v>129</v>
      </c>
      <c r="V10570">
        <v>131</v>
      </c>
      <c r="W10570">
        <v>132</v>
      </c>
      <c r="X10570">
        <v>134</v>
      </c>
      <c r="Y10570">
        <v>135</v>
      </c>
      <c r="Z10570">
        <v>137</v>
      </c>
      <c r="AA10570">
        <v>138</v>
      </c>
      <c r="AB10570">
        <v>139</v>
      </c>
      <c r="AC10570">
        <v>141</v>
      </c>
      <c r="AD10570">
        <v>142</v>
      </c>
      <c r="AE10570">
        <v>143</v>
      </c>
      <c r="AF10570">
        <v>144</v>
      </c>
      <c r="AG10570">
        <v>145</v>
      </c>
      <c r="AH10570">
        <v>147</v>
      </c>
      <c r="AI10570">
        <v>148</v>
      </c>
      <c r="AJ10570">
        <v>149</v>
      </c>
      <c r="AK10570">
        <v>150</v>
      </c>
      <c r="AL10570">
        <v>150</v>
      </c>
      <c r="AM10570">
        <v>150</v>
      </c>
      <c r="AN10570">
        <v>150</v>
      </c>
      <c r="AO10570">
        <v>150</v>
      </c>
      <c r="AP10570">
        <v>150</v>
      </c>
      <c r="AQ10570">
        <v>149</v>
      </c>
    </row>
    <row r="10571" spans="1:43">
      <c r="A10571" t="s">
        <v>6576</v>
      </c>
      <c r="B10571" t="s">
        <v>6577</v>
      </c>
      <c r="C10571" t="s">
        <v>6266</v>
      </c>
      <c r="D10571" t="s">
        <v>6267</v>
      </c>
      <c r="E10571" t="s">
        <v>6174</v>
      </c>
      <c r="F10571" t="s">
        <v>6175</v>
      </c>
      <c r="G10571" t="s">
        <v>80</v>
      </c>
      <c r="H10571" t="s">
        <v>81</v>
      </c>
      <c r="I10571" s="2">
        <v>0</v>
      </c>
      <c r="J10571" s="2">
        <v>1</v>
      </c>
      <c r="K10571" s="2">
        <v>0</v>
      </c>
      <c r="L10571" t="s">
        <v>82</v>
      </c>
      <c r="M10571" t="s">
        <v>87</v>
      </c>
      <c r="N10571" t="s">
        <v>88</v>
      </c>
      <c r="O10571" t="s">
        <v>85</v>
      </c>
      <c r="P10571" t="s">
        <v>86</v>
      </c>
      <c r="Q10571">
        <v>123</v>
      </c>
      <c r="R10571">
        <v>123</v>
      </c>
      <c r="S10571">
        <v>124</v>
      </c>
      <c r="T10571">
        <v>124</v>
      </c>
      <c r="U10571">
        <v>124</v>
      </c>
      <c r="V10571">
        <v>125</v>
      </c>
      <c r="W10571">
        <v>125</v>
      </c>
      <c r="X10571">
        <v>126</v>
      </c>
      <c r="Y10571">
        <v>126</v>
      </c>
      <c r="Z10571">
        <v>126</v>
      </c>
      <c r="AA10571">
        <v>127</v>
      </c>
      <c r="AB10571">
        <v>127</v>
      </c>
      <c r="AC10571">
        <v>127</v>
      </c>
      <c r="AD10571">
        <v>127</v>
      </c>
      <c r="AE10571">
        <v>128</v>
      </c>
      <c r="AF10571">
        <v>128</v>
      </c>
      <c r="AG10571">
        <v>128</v>
      </c>
      <c r="AH10571">
        <v>129</v>
      </c>
      <c r="AI10571">
        <v>129</v>
      </c>
      <c r="AJ10571">
        <v>129</v>
      </c>
      <c r="AK10571">
        <v>129</v>
      </c>
      <c r="AL10571">
        <v>130</v>
      </c>
      <c r="AM10571">
        <v>130</v>
      </c>
      <c r="AN10571">
        <v>130</v>
      </c>
      <c r="AO10571">
        <v>130</v>
      </c>
      <c r="AP10571">
        <v>131</v>
      </c>
      <c r="AQ10571">
        <v>131</v>
      </c>
    </row>
    <row r="10572" spans="1:43">
      <c r="A10572" t="s">
        <v>6576</v>
      </c>
      <c r="B10572" t="s">
        <v>6577</v>
      </c>
      <c r="C10572" t="s">
        <v>6266</v>
      </c>
      <c r="D10572" t="s">
        <v>6267</v>
      </c>
      <c r="E10572" t="s">
        <v>6174</v>
      </c>
      <c r="F10572" t="s">
        <v>6175</v>
      </c>
      <c r="G10572" t="s">
        <v>80</v>
      </c>
      <c r="H10572" t="s">
        <v>81</v>
      </c>
      <c r="I10572" s="2">
        <v>0</v>
      </c>
      <c r="J10572" s="2">
        <v>1</v>
      </c>
      <c r="K10572" s="2">
        <v>0</v>
      </c>
      <c r="L10572" t="s">
        <v>82</v>
      </c>
      <c r="M10572" t="s">
        <v>89</v>
      </c>
      <c r="N10572" t="s">
        <v>90</v>
      </c>
      <c r="O10572" t="s">
        <v>85</v>
      </c>
      <c r="P10572" t="s">
        <v>86</v>
      </c>
      <c r="Q10572">
        <v>123</v>
      </c>
      <c r="R10572">
        <v>126</v>
      </c>
      <c r="S10572">
        <v>128</v>
      </c>
      <c r="T10572">
        <v>131</v>
      </c>
      <c r="U10572">
        <v>133</v>
      </c>
      <c r="V10572">
        <v>136</v>
      </c>
      <c r="W10572">
        <v>138</v>
      </c>
      <c r="X10572">
        <v>140</v>
      </c>
      <c r="Y10572">
        <v>142</v>
      </c>
      <c r="Z10572">
        <v>144</v>
      </c>
      <c r="AA10572">
        <v>146</v>
      </c>
      <c r="AB10572">
        <v>147</v>
      </c>
      <c r="AC10572">
        <v>149</v>
      </c>
      <c r="AD10572">
        <v>151</v>
      </c>
      <c r="AE10572">
        <v>152</v>
      </c>
      <c r="AF10572">
        <v>152</v>
      </c>
      <c r="AG10572">
        <v>152</v>
      </c>
      <c r="AH10572">
        <v>152</v>
      </c>
      <c r="AI10572">
        <v>151</v>
      </c>
      <c r="AJ10572">
        <v>151</v>
      </c>
      <c r="AK10572">
        <v>151</v>
      </c>
      <c r="AL10572">
        <v>151</v>
      </c>
      <c r="AM10572">
        <v>151</v>
      </c>
      <c r="AN10572">
        <v>150</v>
      </c>
      <c r="AO10572">
        <v>150</v>
      </c>
      <c r="AP10572">
        <v>150</v>
      </c>
      <c r="AQ10572">
        <v>150</v>
      </c>
    </row>
    <row r="10573" spans="1:43">
      <c r="A10573" t="s">
        <v>6576</v>
      </c>
      <c r="B10573" t="s">
        <v>6577</v>
      </c>
      <c r="C10573" t="s">
        <v>6266</v>
      </c>
      <c r="D10573" t="s">
        <v>6267</v>
      </c>
      <c r="E10573" t="s">
        <v>6174</v>
      </c>
      <c r="F10573" t="s">
        <v>6175</v>
      </c>
      <c r="G10573" t="s">
        <v>80</v>
      </c>
      <c r="H10573" t="s">
        <v>81</v>
      </c>
      <c r="I10573" s="2">
        <v>0</v>
      </c>
      <c r="J10573" s="2">
        <v>1</v>
      </c>
      <c r="K10573" s="2">
        <v>0</v>
      </c>
      <c r="L10573" t="s">
        <v>82</v>
      </c>
      <c r="M10573" t="s">
        <v>83</v>
      </c>
      <c r="N10573" t="s">
        <v>91</v>
      </c>
      <c r="O10573" t="s">
        <v>85</v>
      </c>
      <c r="P10573" t="s">
        <v>86</v>
      </c>
      <c r="Q10573">
        <v>123</v>
      </c>
      <c r="R10573">
        <v>125</v>
      </c>
      <c r="S10573">
        <v>126</v>
      </c>
      <c r="T10573">
        <v>128</v>
      </c>
      <c r="U10573">
        <v>129</v>
      </c>
      <c r="V10573">
        <v>131</v>
      </c>
      <c r="W10573">
        <v>132</v>
      </c>
      <c r="X10573">
        <v>134</v>
      </c>
      <c r="Y10573">
        <v>135</v>
      </c>
      <c r="Z10573">
        <v>137</v>
      </c>
      <c r="AA10573">
        <v>138</v>
      </c>
      <c r="AB10573">
        <v>139</v>
      </c>
      <c r="AC10573">
        <v>141</v>
      </c>
      <c r="AD10573">
        <v>142</v>
      </c>
      <c r="AE10573">
        <v>143</v>
      </c>
      <c r="AF10573">
        <v>144</v>
      </c>
      <c r="AG10573">
        <v>145</v>
      </c>
      <c r="AH10573">
        <v>147</v>
      </c>
      <c r="AI10573">
        <v>148</v>
      </c>
      <c r="AJ10573">
        <v>149</v>
      </c>
      <c r="AK10573">
        <v>150</v>
      </c>
      <c r="AL10573">
        <v>150</v>
      </c>
      <c r="AM10573">
        <v>150</v>
      </c>
      <c r="AN10573">
        <v>150</v>
      </c>
      <c r="AO10573">
        <v>150</v>
      </c>
      <c r="AP10573">
        <v>150</v>
      </c>
      <c r="AQ10573">
        <v>149</v>
      </c>
    </row>
    <row r="10574" spans="1:43">
      <c r="A10574" t="s">
        <v>6578</v>
      </c>
      <c r="B10574" t="s">
        <v>6579</v>
      </c>
      <c r="C10574" t="s">
        <v>6390</v>
      </c>
      <c r="D10574" t="s">
        <v>6391</v>
      </c>
      <c r="E10574" t="s">
        <v>6174</v>
      </c>
      <c r="F10574" t="s">
        <v>6175</v>
      </c>
      <c r="G10574" t="s">
        <v>80</v>
      </c>
      <c r="H10574" t="s">
        <v>81</v>
      </c>
      <c r="I10574" s="2">
        <v>0</v>
      </c>
      <c r="J10574" s="2">
        <v>1</v>
      </c>
      <c r="K10574" s="2">
        <v>0</v>
      </c>
      <c r="L10574" t="s">
        <v>82</v>
      </c>
      <c r="M10574" t="s">
        <v>83</v>
      </c>
      <c r="N10574" t="s">
        <v>84</v>
      </c>
      <c r="O10574" t="s">
        <v>85</v>
      </c>
      <c r="P10574" t="s">
        <v>86</v>
      </c>
      <c r="Q10574">
        <v>87</v>
      </c>
      <c r="R10574">
        <v>88</v>
      </c>
      <c r="S10574">
        <v>90</v>
      </c>
      <c r="T10574">
        <v>91</v>
      </c>
      <c r="U10574">
        <v>92</v>
      </c>
      <c r="V10574">
        <v>93</v>
      </c>
      <c r="W10574">
        <v>94</v>
      </c>
      <c r="X10574">
        <v>95</v>
      </c>
      <c r="Y10574">
        <v>96</v>
      </c>
      <c r="Z10574">
        <v>97</v>
      </c>
      <c r="AA10574">
        <v>98</v>
      </c>
      <c r="AB10574">
        <v>99</v>
      </c>
      <c r="AC10574">
        <v>100</v>
      </c>
      <c r="AD10574">
        <v>100</v>
      </c>
      <c r="AE10574">
        <v>101</v>
      </c>
      <c r="AF10574">
        <v>102</v>
      </c>
      <c r="AG10574">
        <v>103</v>
      </c>
      <c r="AH10574">
        <v>104</v>
      </c>
      <c r="AI10574">
        <v>105</v>
      </c>
      <c r="AJ10574">
        <v>106</v>
      </c>
      <c r="AK10574">
        <v>106</v>
      </c>
      <c r="AL10574">
        <v>107</v>
      </c>
      <c r="AM10574">
        <v>106</v>
      </c>
      <c r="AN10574">
        <v>106</v>
      </c>
      <c r="AO10574">
        <v>106</v>
      </c>
      <c r="AP10574">
        <v>106</v>
      </c>
      <c r="AQ10574">
        <v>106</v>
      </c>
    </row>
    <row r="10575" spans="1:43">
      <c r="A10575" t="s">
        <v>6578</v>
      </c>
      <c r="B10575" t="s">
        <v>6579</v>
      </c>
      <c r="C10575" t="s">
        <v>6390</v>
      </c>
      <c r="D10575" t="s">
        <v>6391</v>
      </c>
      <c r="E10575" t="s">
        <v>6174</v>
      </c>
      <c r="F10575" t="s">
        <v>6175</v>
      </c>
      <c r="G10575" t="s">
        <v>80</v>
      </c>
      <c r="H10575" t="s">
        <v>81</v>
      </c>
      <c r="I10575" s="2">
        <v>0</v>
      </c>
      <c r="J10575" s="2">
        <v>1</v>
      </c>
      <c r="K10575" s="2">
        <v>0</v>
      </c>
      <c r="L10575" t="s">
        <v>82</v>
      </c>
      <c r="M10575" t="s">
        <v>87</v>
      </c>
      <c r="N10575" t="s">
        <v>88</v>
      </c>
      <c r="O10575" t="s">
        <v>85</v>
      </c>
      <c r="P10575" t="s">
        <v>86</v>
      </c>
      <c r="Q10575">
        <v>87</v>
      </c>
      <c r="R10575">
        <v>87</v>
      </c>
      <c r="S10575">
        <v>87</v>
      </c>
      <c r="T10575">
        <v>87</v>
      </c>
      <c r="U10575">
        <v>88</v>
      </c>
      <c r="V10575">
        <v>88</v>
      </c>
      <c r="W10575">
        <v>88</v>
      </c>
      <c r="X10575">
        <v>88</v>
      </c>
      <c r="Y10575">
        <v>89</v>
      </c>
      <c r="Z10575">
        <v>89</v>
      </c>
      <c r="AA10575">
        <v>89</v>
      </c>
      <c r="AB10575">
        <v>89</v>
      </c>
      <c r="AC10575">
        <v>89</v>
      </c>
      <c r="AD10575">
        <v>90</v>
      </c>
      <c r="AE10575">
        <v>90</v>
      </c>
      <c r="AF10575">
        <v>90</v>
      </c>
      <c r="AG10575">
        <v>90</v>
      </c>
      <c r="AH10575">
        <v>90</v>
      </c>
      <c r="AI10575">
        <v>91</v>
      </c>
      <c r="AJ10575">
        <v>91</v>
      </c>
      <c r="AK10575">
        <v>91</v>
      </c>
      <c r="AL10575">
        <v>91</v>
      </c>
      <c r="AM10575">
        <v>91</v>
      </c>
      <c r="AN10575">
        <v>91</v>
      </c>
      <c r="AO10575">
        <v>92</v>
      </c>
      <c r="AP10575">
        <v>92</v>
      </c>
      <c r="AQ10575">
        <v>92</v>
      </c>
    </row>
    <row r="10576" spans="1:43">
      <c r="A10576" t="s">
        <v>6578</v>
      </c>
      <c r="B10576" t="s">
        <v>6579</v>
      </c>
      <c r="C10576" t="s">
        <v>6390</v>
      </c>
      <c r="D10576" t="s">
        <v>6391</v>
      </c>
      <c r="E10576" t="s">
        <v>6174</v>
      </c>
      <c r="F10576" t="s">
        <v>6175</v>
      </c>
      <c r="G10576" t="s">
        <v>80</v>
      </c>
      <c r="H10576" t="s">
        <v>81</v>
      </c>
      <c r="I10576" s="2">
        <v>0</v>
      </c>
      <c r="J10576" s="2">
        <v>1</v>
      </c>
      <c r="K10576" s="2">
        <v>0</v>
      </c>
      <c r="L10576" t="s">
        <v>82</v>
      </c>
      <c r="M10576" t="s">
        <v>89</v>
      </c>
      <c r="N10576" t="s">
        <v>90</v>
      </c>
      <c r="O10576" t="s">
        <v>85</v>
      </c>
      <c r="P10576" t="s">
        <v>86</v>
      </c>
      <c r="Q10576">
        <v>87</v>
      </c>
      <c r="R10576">
        <v>89</v>
      </c>
      <c r="S10576">
        <v>91</v>
      </c>
      <c r="T10576">
        <v>93</v>
      </c>
      <c r="U10576">
        <v>94</v>
      </c>
      <c r="V10576">
        <v>96</v>
      </c>
      <c r="W10576">
        <v>98</v>
      </c>
      <c r="X10576">
        <v>99</v>
      </c>
      <c r="Y10576">
        <v>100</v>
      </c>
      <c r="Z10576">
        <v>102</v>
      </c>
      <c r="AA10576">
        <v>103</v>
      </c>
      <c r="AB10576">
        <v>104</v>
      </c>
      <c r="AC10576">
        <v>106</v>
      </c>
      <c r="AD10576">
        <v>107</v>
      </c>
      <c r="AE10576">
        <v>108</v>
      </c>
      <c r="AF10576">
        <v>107</v>
      </c>
      <c r="AG10576">
        <v>107</v>
      </c>
      <c r="AH10576">
        <v>107</v>
      </c>
      <c r="AI10576">
        <v>107</v>
      </c>
      <c r="AJ10576">
        <v>107</v>
      </c>
      <c r="AK10576">
        <v>107</v>
      </c>
      <c r="AL10576">
        <v>106</v>
      </c>
      <c r="AM10576">
        <v>106</v>
      </c>
      <c r="AN10576">
        <v>106</v>
      </c>
      <c r="AO10576">
        <v>106</v>
      </c>
      <c r="AP10576">
        <v>106</v>
      </c>
      <c r="AQ10576">
        <v>106</v>
      </c>
    </row>
    <row r="10577" spans="1:43">
      <c r="A10577" t="s">
        <v>6578</v>
      </c>
      <c r="B10577" t="s">
        <v>6579</v>
      </c>
      <c r="C10577" t="s">
        <v>6390</v>
      </c>
      <c r="D10577" t="s">
        <v>6391</v>
      </c>
      <c r="E10577" t="s">
        <v>6174</v>
      </c>
      <c r="F10577" t="s">
        <v>6175</v>
      </c>
      <c r="G10577" t="s">
        <v>80</v>
      </c>
      <c r="H10577" t="s">
        <v>81</v>
      </c>
      <c r="I10577" s="2">
        <v>0</v>
      </c>
      <c r="J10577" s="2">
        <v>1</v>
      </c>
      <c r="K10577" s="2">
        <v>0</v>
      </c>
      <c r="L10577" t="s">
        <v>82</v>
      </c>
      <c r="M10577" t="s">
        <v>83</v>
      </c>
      <c r="N10577" t="s">
        <v>91</v>
      </c>
      <c r="O10577" t="s">
        <v>85</v>
      </c>
      <c r="P10577" t="s">
        <v>86</v>
      </c>
      <c r="Q10577">
        <v>87</v>
      </c>
      <c r="R10577">
        <v>88</v>
      </c>
      <c r="S10577">
        <v>90</v>
      </c>
      <c r="T10577">
        <v>91</v>
      </c>
      <c r="U10577">
        <v>92</v>
      </c>
      <c r="V10577">
        <v>93</v>
      </c>
      <c r="W10577">
        <v>94</v>
      </c>
      <c r="X10577">
        <v>95</v>
      </c>
      <c r="Y10577">
        <v>96</v>
      </c>
      <c r="Z10577">
        <v>97</v>
      </c>
      <c r="AA10577">
        <v>98</v>
      </c>
      <c r="AB10577">
        <v>99</v>
      </c>
      <c r="AC10577">
        <v>100</v>
      </c>
      <c r="AD10577">
        <v>100</v>
      </c>
      <c r="AE10577">
        <v>101</v>
      </c>
      <c r="AF10577">
        <v>102</v>
      </c>
      <c r="AG10577">
        <v>103</v>
      </c>
      <c r="AH10577">
        <v>104</v>
      </c>
      <c r="AI10577">
        <v>105</v>
      </c>
      <c r="AJ10577">
        <v>106</v>
      </c>
      <c r="AK10577">
        <v>106</v>
      </c>
      <c r="AL10577">
        <v>107</v>
      </c>
      <c r="AM10577">
        <v>106</v>
      </c>
      <c r="AN10577">
        <v>106</v>
      </c>
      <c r="AO10577">
        <v>106</v>
      </c>
      <c r="AP10577">
        <v>106</v>
      </c>
      <c r="AQ10577">
        <v>106</v>
      </c>
    </row>
    <row r="10578" spans="1:43">
      <c r="A10578" t="s">
        <v>6580</v>
      </c>
      <c r="B10578" t="s">
        <v>6581</v>
      </c>
      <c r="C10578" t="s">
        <v>6574</v>
      </c>
      <c r="D10578" t="s">
        <v>6575</v>
      </c>
      <c r="E10578" t="s">
        <v>6174</v>
      </c>
      <c r="F10578" t="s">
        <v>6175</v>
      </c>
      <c r="G10578" t="s">
        <v>80</v>
      </c>
      <c r="H10578" t="s">
        <v>81</v>
      </c>
      <c r="I10578" s="2">
        <v>0</v>
      </c>
      <c r="J10578" s="2">
        <v>1</v>
      </c>
      <c r="K10578" s="2">
        <v>0</v>
      </c>
      <c r="L10578" t="s">
        <v>82</v>
      </c>
      <c r="M10578" t="s">
        <v>83</v>
      </c>
      <c r="N10578" t="s">
        <v>84</v>
      </c>
      <c r="O10578" t="s">
        <v>85</v>
      </c>
      <c r="P10578" t="s">
        <v>86</v>
      </c>
      <c r="Q10578">
        <v>7</v>
      </c>
      <c r="R10578">
        <v>7</v>
      </c>
      <c r="S10578">
        <v>7</v>
      </c>
      <c r="T10578">
        <v>7</v>
      </c>
      <c r="U10578">
        <v>7</v>
      </c>
      <c r="V10578">
        <v>8</v>
      </c>
      <c r="W10578">
        <v>8</v>
      </c>
      <c r="X10578">
        <v>8</v>
      </c>
      <c r="Y10578">
        <v>8</v>
      </c>
      <c r="Z10578">
        <v>8</v>
      </c>
      <c r="AA10578">
        <v>8</v>
      </c>
      <c r="AB10578">
        <v>8</v>
      </c>
      <c r="AC10578">
        <v>8</v>
      </c>
      <c r="AD10578">
        <v>8</v>
      </c>
      <c r="AE10578">
        <v>8</v>
      </c>
      <c r="AF10578">
        <v>8</v>
      </c>
      <c r="AG10578">
        <v>8</v>
      </c>
      <c r="AH10578">
        <v>8</v>
      </c>
      <c r="AI10578">
        <v>9</v>
      </c>
      <c r="AJ10578">
        <v>9</v>
      </c>
      <c r="AK10578">
        <v>9</v>
      </c>
      <c r="AL10578">
        <v>9</v>
      </c>
      <c r="AM10578">
        <v>9</v>
      </c>
      <c r="AN10578">
        <v>9</v>
      </c>
      <c r="AO10578">
        <v>9</v>
      </c>
      <c r="AP10578">
        <v>9</v>
      </c>
      <c r="AQ10578">
        <v>9</v>
      </c>
    </row>
    <row r="10579" spans="1:43">
      <c r="A10579" t="s">
        <v>6580</v>
      </c>
      <c r="B10579" t="s">
        <v>6581</v>
      </c>
      <c r="C10579" t="s">
        <v>6574</v>
      </c>
      <c r="D10579" t="s">
        <v>6575</v>
      </c>
      <c r="E10579" t="s">
        <v>6174</v>
      </c>
      <c r="F10579" t="s">
        <v>6175</v>
      </c>
      <c r="G10579" t="s">
        <v>80</v>
      </c>
      <c r="H10579" t="s">
        <v>81</v>
      </c>
      <c r="I10579" s="2">
        <v>0</v>
      </c>
      <c r="J10579" s="2">
        <v>1</v>
      </c>
      <c r="K10579" s="2">
        <v>0</v>
      </c>
      <c r="L10579" t="s">
        <v>82</v>
      </c>
      <c r="M10579" t="s">
        <v>87</v>
      </c>
      <c r="N10579" t="s">
        <v>88</v>
      </c>
      <c r="O10579" t="s">
        <v>85</v>
      </c>
      <c r="P10579" t="s">
        <v>86</v>
      </c>
      <c r="Q10579">
        <v>7</v>
      </c>
      <c r="R10579">
        <v>7</v>
      </c>
      <c r="S10579">
        <v>7</v>
      </c>
      <c r="T10579">
        <v>7</v>
      </c>
      <c r="U10579">
        <v>7</v>
      </c>
      <c r="V10579">
        <v>7</v>
      </c>
      <c r="W10579">
        <v>7</v>
      </c>
      <c r="X10579">
        <v>7</v>
      </c>
      <c r="Y10579">
        <v>7</v>
      </c>
      <c r="Z10579">
        <v>7</v>
      </c>
      <c r="AA10579">
        <v>7</v>
      </c>
      <c r="AB10579">
        <v>7</v>
      </c>
      <c r="AC10579">
        <v>7</v>
      </c>
      <c r="AD10579">
        <v>7</v>
      </c>
      <c r="AE10579">
        <v>7</v>
      </c>
      <c r="AF10579">
        <v>7</v>
      </c>
      <c r="AG10579">
        <v>7</v>
      </c>
      <c r="AH10579">
        <v>7</v>
      </c>
      <c r="AI10579">
        <v>7</v>
      </c>
      <c r="AJ10579">
        <v>7</v>
      </c>
      <c r="AK10579">
        <v>7</v>
      </c>
      <c r="AL10579">
        <v>7</v>
      </c>
      <c r="AM10579">
        <v>7</v>
      </c>
      <c r="AN10579">
        <v>7</v>
      </c>
      <c r="AO10579">
        <v>7</v>
      </c>
      <c r="AP10579">
        <v>7</v>
      </c>
      <c r="AQ10579">
        <v>7</v>
      </c>
    </row>
    <row r="10580" spans="1:43">
      <c r="A10580" t="s">
        <v>6580</v>
      </c>
      <c r="B10580" t="s">
        <v>6581</v>
      </c>
      <c r="C10580" t="s">
        <v>6574</v>
      </c>
      <c r="D10580" t="s">
        <v>6575</v>
      </c>
      <c r="E10580" t="s">
        <v>6174</v>
      </c>
      <c r="F10580" t="s">
        <v>6175</v>
      </c>
      <c r="G10580" t="s">
        <v>80</v>
      </c>
      <c r="H10580" t="s">
        <v>81</v>
      </c>
      <c r="I10580" s="2">
        <v>0</v>
      </c>
      <c r="J10580" s="2">
        <v>1</v>
      </c>
      <c r="K10580" s="2">
        <v>0</v>
      </c>
      <c r="L10580" t="s">
        <v>82</v>
      </c>
      <c r="M10580" t="s">
        <v>89</v>
      </c>
      <c r="N10580" t="s">
        <v>90</v>
      </c>
      <c r="O10580" t="s">
        <v>85</v>
      </c>
      <c r="P10580" t="s">
        <v>86</v>
      </c>
      <c r="Q10580">
        <v>7</v>
      </c>
      <c r="R10580">
        <v>7</v>
      </c>
      <c r="S10580">
        <v>7</v>
      </c>
      <c r="T10580">
        <v>8</v>
      </c>
      <c r="U10580">
        <v>8</v>
      </c>
      <c r="V10580">
        <v>8</v>
      </c>
      <c r="W10580">
        <v>8</v>
      </c>
      <c r="X10580">
        <v>8</v>
      </c>
      <c r="Y10580">
        <v>8</v>
      </c>
      <c r="Z10580">
        <v>8</v>
      </c>
      <c r="AA10580">
        <v>8</v>
      </c>
      <c r="AB10580">
        <v>9</v>
      </c>
      <c r="AC10580">
        <v>9</v>
      </c>
      <c r="AD10580">
        <v>9</v>
      </c>
      <c r="AE10580">
        <v>9</v>
      </c>
      <c r="AF10580">
        <v>9</v>
      </c>
      <c r="AG10580">
        <v>9</v>
      </c>
      <c r="AH10580">
        <v>9</v>
      </c>
      <c r="AI10580">
        <v>9</v>
      </c>
      <c r="AJ10580">
        <v>9</v>
      </c>
      <c r="AK10580">
        <v>9</v>
      </c>
      <c r="AL10580">
        <v>9</v>
      </c>
      <c r="AM10580">
        <v>9</v>
      </c>
      <c r="AN10580">
        <v>9</v>
      </c>
      <c r="AO10580">
        <v>9</v>
      </c>
      <c r="AP10580">
        <v>9</v>
      </c>
      <c r="AQ10580">
        <v>9</v>
      </c>
    </row>
    <row r="10581" spans="1:43">
      <c r="A10581" t="s">
        <v>6580</v>
      </c>
      <c r="B10581" t="s">
        <v>6581</v>
      </c>
      <c r="C10581" t="s">
        <v>6574</v>
      </c>
      <c r="D10581" t="s">
        <v>6575</v>
      </c>
      <c r="E10581" t="s">
        <v>6174</v>
      </c>
      <c r="F10581" t="s">
        <v>6175</v>
      </c>
      <c r="G10581" t="s">
        <v>80</v>
      </c>
      <c r="H10581" t="s">
        <v>81</v>
      </c>
      <c r="I10581" s="2">
        <v>0</v>
      </c>
      <c r="J10581" s="2">
        <v>1</v>
      </c>
      <c r="K10581" s="2">
        <v>0</v>
      </c>
      <c r="L10581" t="s">
        <v>82</v>
      </c>
      <c r="M10581" t="s">
        <v>83</v>
      </c>
      <c r="N10581" t="s">
        <v>91</v>
      </c>
      <c r="O10581" t="s">
        <v>85</v>
      </c>
      <c r="P10581" t="s">
        <v>86</v>
      </c>
      <c r="Q10581">
        <v>7</v>
      </c>
      <c r="R10581">
        <v>7</v>
      </c>
      <c r="S10581">
        <v>7</v>
      </c>
      <c r="T10581">
        <v>7</v>
      </c>
      <c r="U10581">
        <v>7</v>
      </c>
      <c r="V10581">
        <v>8</v>
      </c>
      <c r="W10581">
        <v>8</v>
      </c>
      <c r="X10581">
        <v>8</v>
      </c>
      <c r="Y10581">
        <v>8</v>
      </c>
      <c r="Z10581">
        <v>8</v>
      </c>
      <c r="AA10581">
        <v>8</v>
      </c>
      <c r="AB10581">
        <v>8</v>
      </c>
      <c r="AC10581">
        <v>8</v>
      </c>
      <c r="AD10581">
        <v>8</v>
      </c>
      <c r="AE10581">
        <v>8</v>
      </c>
      <c r="AF10581">
        <v>8</v>
      </c>
      <c r="AG10581">
        <v>8</v>
      </c>
      <c r="AH10581">
        <v>8</v>
      </c>
      <c r="AI10581">
        <v>9</v>
      </c>
      <c r="AJ10581">
        <v>9</v>
      </c>
      <c r="AK10581">
        <v>9</v>
      </c>
      <c r="AL10581">
        <v>9</v>
      </c>
      <c r="AM10581">
        <v>9</v>
      </c>
      <c r="AN10581">
        <v>9</v>
      </c>
      <c r="AO10581">
        <v>9</v>
      </c>
      <c r="AP10581">
        <v>9</v>
      </c>
      <c r="AQ10581">
        <v>9</v>
      </c>
    </row>
    <row r="10582" spans="1:43">
      <c r="A10582" t="s">
        <v>6582</v>
      </c>
      <c r="B10582" t="s">
        <v>6583</v>
      </c>
      <c r="C10582" t="s">
        <v>6574</v>
      </c>
      <c r="D10582" t="s">
        <v>6575</v>
      </c>
      <c r="E10582" t="s">
        <v>6174</v>
      </c>
      <c r="F10582" t="s">
        <v>6175</v>
      </c>
      <c r="G10582" t="s">
        <v>80</v>
      </c>
      <c r="H10582" t="s">
        <v>81</v>
      </c>
      <c r="I10582" s="2">
        <v>0</v>
      </c>
      <c r="J10582" s="2">
        <v>1</v>
      </c>
      <c r="K10582" s="2">
        <v>0</v>
      </c>
      <c r="L10582" t="s">
        <v>82</v>
      </c>
      <c r="M10582" t="s">
        <v>83</v>
      </c>
      <c r="N10582" t="s">
        <v>84</v>
      </c>
      <c r="O10582" t="s">
        <v>85</v>
      </c>
      <c r="P10582" t="s">
        <v>86</v>
      </c>
      <c r="Q10582">
        <v>47</v>
      </c>
      <c r="R10582">
        <v>48</v>
      </c>
      <c r="S10582">
        <v>48</v>
      </c>
      <c r="T10582">
        <v>49</v>
      </c>
      <c r="U10582">
        <v>49</v>
      </c>
      <c r="V10582">
        <v>50</v>
      </c>
      <c r="W10582">
        <v>50</v>
      </c>
      <c r="X10582">
        <v>51</v>
      </c>
      <c r="Y10582">
        <v>51</v>
      </c>
      <c r="Z10582">
        <v>52</v>
      </c>
      <c r="AA10582">
        <v>52</v>
      </c>
      <c r="AB10582">
        <v>53</v>
      </c>
      <c r="AC10582">
        <v>53</v>
      </c>
      <c r="AD10582">
        <v>54</v>
      </c>
      <c r="AE10582">
        <v>54</v>
      </c>
      <c r="AF10582">
        <v>55</v>
      </c>
      <c r="AG10582">
        <v>55</v>
      </c>
      <c r="AH10582">
        <v>55</v>
      </c>
      <c r="AI10582">
        <v>56</v>
      </c>
      <c r="AJ10582">
        <v>56</v>
      </c>
      <c r="AK10582">
        <v>57</v>
      </c>
      <c r="AL10582">
        <v>57</v>
      </c>
      <c r="AM10582">
        <v>57</v>
      </c>
      <c r="AN10582">
        <v>56</v>
      </c>
      <c r="AO10582">
        <v>56</v>
      </c>
      <c r="AP10582">
        <v>56</v>
      </c>
      <c r="AQ10582">
        <v>56</v>
      </c>
    </row>
    <row r="10583" spans="1:43">
      <c r="A10583" t="s">
        <v>6582</v>
      </c>
      <c r="B10583" t="s">
        <v>6583</v>
      </c>
      <c r="C10583" t="s">
        <v>6574</v>
      </c>
      <c r="D10583" t="s">
        <v>6575</v>
      </c>
      <c r="E10583" t="s">
        <v>6174</v>
      </c>
      <c r="F10583" t="s">
        <v>6175</v>
      </c>
      <c r="G10583" t="s">
        <v>80</v>
      </c>
      <c r="H10583" t="s">
        <v>81</v>
      </c>
      <c r="I10583" s="2">
        <v>0</v>
      </c>
      <c r="J10583" s="2">
        <v>1</v>
      </c>
      <c r="K10583" s="2">
        <v>0</v>
      </c>
      <c r="L10583" t="s">
        <v>82</v>
      </c>
      <c r="M10583" t="s">
        <v>87</v>
      </c>
      <c r="N10583" t="s">
        <v>88</v>
      </c>
      <c r="O10583" t="s">
        <v>85</v>
      </c>
      <c r="P10583" t="s">
        <v>86</v>
      </c>
      <c r="Q10583">
        <v>47</v>
      </c>
      <c r="R10583">
        <v>47</v>
      </c>
      <c r="S10583">
        <v>47</v>
      </c>
      <c r="T10583">
        <v>47</v>
      </c>
      <c r="U10583">
        <v>47</v>
      </c>
      <c r="V10583">
        <v>47</v>
      </c>
      <c r="W10583">
        <v>47</v>
      </c>
      <c r="X10583">
        <v>47</v>
      </c>
      <c r="Y10583">
        <v>47</v>
      </c>
      <c r="Z10583">
        <v>47</v>
      </c>
      <c r="AA10583">
        <v>48</v>
      </c>
      <c r="AB10583">
        <v>48</v>
      </c>
      <c r="AC10583">
        <v>48</v>
      </c>
      <c r="AD10583">
        <v>48</v>
      </c>
      <c r="AE10583">
        <v>48</v>
      </c>
      <c r="AF10583">
        <v>48</v>
      </c>
      <c r="AG10583">
        <v>48</v>
      </c>
      <c r="AH10583">
        <v>48</v>
      </c>
      <c r="AI10583">
        <v>48</v>
      </c>
      <c r="AJ10583">
        <v>48</v>
      </c>
      <c r="AK10583">
        <v>48</v>
      </c>
      <c r="AL10583">
        <v>48</v>
      </c>
      <c r="AM10583">
        <v>48</v>
      </c>
      <c r="AN10583">
        <v>49</v>
      </c>
      <c r="AO10583">
        <v>49</v>
      </c>
      <c r="AP10583">
        <v>49</v>
      </c>
      <c r="AQ10583">
        <v>49</v>
      </c>
    </row>
    <row r="10584" spans="1:43">
      <c r="A10584" t="s">
        <v>6582</v>
      </c>
      <c r="B10584" t="s">
        <v>6583</v>
      </c>
      <c r="C10584" t="s">
        <v>6574</v>
      </c>
      <c r="D10584" t="s">
        <v>6575</v>
      </c>
      <c r="E10584" t="s">
        <v>6174</v>
      </c>
      <c r="F10584" t="s">
        <v>6175</v>
      </c>
      <c r="G10584" t="s">
        <v>80</v>
      </c>
      <c r="H10584" t="s">
        <v>81</v>
      </c>
      <c r="I10584" s="2">
        <v>0</v>
      </c>
      <c r="J10584" s="2">
        <v>1</v>
      </c>
      <c r="K10584" s="2">
        <v>0</v>
      </c>
      <c r="L10584" t="s">
        <v>82</v>
      </c>
      <c r="M10584" t="s">
        <v>89</v>
      </c>
      <c r="N10584" t="s">
        <v>90</v>
      </c>
      <c r="O10584" t="s">
        <v>85</v>
      </c>
      <c r="P10584" t="s">
        <v>86</v>
      </c>
      <c r="Q10584">
        <v>47</v>
      </c>
      <c r="R10584">
        <v>48</v>
      </c>
      <c r="S10584">
        <v>49</v>
      </c>
      <c r="T10584">
        <v>50</v>
      </c>
      <c r="U10584">
        <v>51</v>
      </c>
      <c r="V10584">
        <v>52</v>
      </c>
      <c r="W10584">
        <v>53</v>
      </c>
      <c r="X10584">
        <v>54</v>
      </c>
      <c r="Y10584">
        <v>54</v>
      </c>
      <c r="Z10584">
        <v>55</v>
      </c>
      <c r="AA10584">
        <v>56</v>
      </c>
      <c r="AB10584">
        <v>56</v>
      </c>
      <c r="AC10584">
        <v>57</v>
      </c>
      <c r="AD10584">
        <v>58</v>
      </c>
      <c r="AE10584">
        <v>58</v>
      </c>
      <c r="AF10584">
        <v>58</v>
      </c>
      <c r="AG10584">
        <v>58</v>
      </c>
      <c r="AH10584">
        <v>58</v>
      </c>
      <c r="AI10584">
        <v>57</v>
      </c>
      <c r="AJ10584">
        <v>57</v>
      </c>
      <c r="AK10584">
        <v>57</v>
      </c>
      <c r="AL10584">
        <v>57</v>
      </c>
      <c r="AM10584">
        <v>57</v>
      </c>
      <c r="AN10584">
        <v>57</v>
      </c>
      <c r="AO10584">
        <v>57</v>
      </c>
      <c r="AP10584">
        <v>56</v>
      </c>
      <c r="AQ10584">
        <v>56</v>
      </c>
    </row>
    <row r="10585" spans="1:43">
      <c r="A10585" t="s">
        <v>6582</v>
      </c>
      <c r="B10585" t="s">
        <v>6583</v>
      </c>
      <c r="C10585" t="s">
        <v>6574</v>
      </c>
      <c r="D10585" t="s">
        <v>6575</v>
      </c>
      <c r="E10585" t="s">
        <v>6174</v>
      </c>
      <c r="F10585" t="s">
        <v>6175</v>
      </c>
      <c r="G10585" t="s">
        <v>80</v>
      </c>
      <c r="H10585" t="s">
        <v>81</v>
      </c>
      <c r="I10585" s="2">
        <v>0</v>
      </c>
      <c r="J10585" s="2">
        <v>1</v>
      </c>
      <c r="K10585" s="2">
        <v>0</v>
      </c>
      <c r="L10585" t="s">
        <v>82</v>
      </c>
      <c r="M10585" t="s">
        <v>83</v>
      </c>
      <c r="N10585" t="s">
        <v>91</v>
      </c>
      <c r="O10585" t="s">
        <v>85</v>
      </c>
      <c r="P10585" t="s">
        <v>86</v>
      </c>
      <c r="Q10585">
        <v>47</v>
      </c>
      <c r="R10585">
        <v>48</v>
      </c>
      <c r="S10585">
        <v>48</v>
      </c>
      <c r="T10585">
        <v>49</v>
      </c>
      <c r="U10585">
        <v>49</v>
      </c>
      <c r="V10585">
        <v>50</v>
      </c>
      <c r="W10585">
        <v>50</v>
      </c>
      <c r="X10585">
        <v>51</v>
      </c>
      <c r="Y10585">
        <v>51</v>
      </c>
      <c r="Z10585">
        <v>52</v>
      </c>
      <c r="AA10585">
        <v>52</v>
      </c>
      <c r="AB10585">
        <v>53</v>
      </c>
      <c r="AC10585">
        <v>53</v>
      </c>
      <c r="AD10585">
        <v>54</v>
      </c>
      <c r="AE10585">
        <v>54</v>
      </c>
      <c r="AF10585">
        <v>55</v>
      </c>
      <c r="AG10585">
        <v>55</v>
      </c>
      <c r="AH10585">
        <v>55</v>
      </c>
      <c r="AI10585">
        <v>56</v>
      </c>
      <c r="AJ10585">
        <v>56</v>
      </c>
      <c r="AK10585">
        <v>57</v>
      </c>
      <c r="AL10585">
        <v>57</v>
      </c>
      <c r="AM10585">
        <v>57</v>
      </c>
      <c r="AN10585">
        <v>56</v>
      </c>
      <c r="AO10585">
        <v>56</v>
      </c>
      <c r="AP10585">
        <v>56</v>
      </c>
      <c r="AQ10585">
        <v>56</v>
      </c>
    </row>
    <row r="10586" spans="1:43">
      <c r="A10586" t="s">
        <v>6584</v>
      </c>
      <c r="B10586" t="s">
        <v>6585</v>
      </c>
      <c r="C10586" t="s">
        <v>6574</v>
      </c>
      <c r="D10586" t="s">
        <v>6575</v>
      </c>
      <c r="E10586" t="s">
        <v>6174</v>
      </c>
      <c r="F10586" t="s">
        <v>6175</v>
      </c>
      <c r="G10586" t="s">
        <v>80</v>
      </c>
      <c r="H10586" t="s">
        <v>81</v>
      </c>
      <c r="I10586" s="2">
        <v>0</v>
      </c>
      <c r="J10586" s="2">
        <v>1</v>
      </c>
      <c r="K10586" s="2">
        <v>0</v>
      </c>
      <c r="L10586" t="s">
        <v>82</v>
      </c>
      <c r="M10586" t="s">
        <v>83</v>
      </c>
      <c r="N10586" t="s">
        <v>84</v>
      </c>
      <c r="O10586" t="s">
        <v>85</v>
      </c>
      <c r="P10586" t="s">
        <v>86</v>
      </c>
      <c r="Q10586">
        <v>83</v>
      </c>
      <c r="R10586">
        <v>84</v>
      </c>
      <c r="S10586">
        <v>85</v>
      </c>
      <c r="T10586">
        <v>86</v>
      </c>
      <c r="U10586">
        <v>87</v>
      </c>
      <c r="V10586">
        <v>88</v>
      </c>
      <c r="W10586">
        <v>89</v>
      </c>
      <c r="X10586">
        <v>90</v>
      </c>
      <c r="Y10586">
        <v>90</v>
      </c>
      <c r="Z10586">
        <v>91</v>
      </c>
      <c r="AA10586">
        <v>92</v>
      </c>
      <c r="AB10586">
        <v>93</v>
      </c>
      <c r="AC10586">
        <v>94</v>
      </c>
      <c r="AD10586">
        <v>95</v>
      </c>
      <c r="AE10586">
        <v>96</v>
      </c>
      <c r="AF10586">
        <v>96</v>
      </c>
      <c r="AG10586">
        <v>97</v>
      </c>
      <c r="AH10586">
        <v>98</v>
      </c>
      <c r="AI10586">
        <v>99</v>
      </c>
      <c r="AJ10586">
        <v>99</v>
      </c>
      <c r="AK10586">
        <v>100</v>
      </c>
      <c r="AL10586">
        <v>100</v>
      </c>
      <c r="AM10586">
        <v>100</v>
      </c>
      <c r="AN10586">
        <v>100</v>
      </c>
      <c r="AO10586">
        <v>99</v>
      </c>
      <c r="AP10586">
        <v>99</v>
      </c>
      <c r="AQ10586">
        <v>99</v>
      </c>
    </row>
    <row r="10587" spans="1:43">
      <c r="A10587" t="s">
        <v>6584</v>
      </c>
      <c r="B10587" t="s">
        <v>6585</v>
      </c>
      <c r="C10587" t="s">
        <v>6574</v>
      </c>
      <c r="D10587" t="s">
        <v>6575</v>
      </c>
      <c r="E10587" t="s">
        <v>6174</v>
      </c>
      <c r="F10587" t="s">
        <v>6175</v>
      </c>
      <c r="G10587" t="s">
        <v>80</v>
      </c>
      <c r="H10587" t="s">
        <v>81</v>
      </c>
      <c r="I10587" s="2">
        <v>0</v>
      </c>
      <c r="J10587" s="2">
        <v>1</v>
      </c>
      <c r="K10587" s="2">
        <v>0</v>
      </c>
      <c r="L10587" t="s">
        <v>82</v>
      </c>
      <c r="M10587" t="s">
        <v>87</v>
      </c>
      <c r="N10587" t="s">
        <v>88</v>
      </c>
      <c r="O10587" t="s">
        <v>85</v>
      </c>
      <c r="P10587" t="s">
        <v>86</v>
      </c>
      <c r="Q10587">
        <v>83</v>
      </c>
      <c r="R10587">
        <v>83</v>
      </c>
      <c r="S10587">
        <v>83</v>
      </c>
      <c r="T10587">
        <v>84</v>
      </c>
      <c r="U10587">
        <v>84</v>
      </c>
      <c r="V10587">
        <v>84</v>
      </c>
      <c r="W10587">
        <v>84</v>
      </c>
      <c r="X10587">
        <v>84</v>
      </c>
      <c r="Y10587">
        <v>85</v>
      </c>
      <c r="Z10587">
        <v>85</v>
      </c>
      <c r="AA10587">
        <v>85</v>
      </c>
      <c r="AB10587">
        <v>85</v>
      </c>
      <c r="AC10587">
        <v>85</v>
      </c>
      <c r="AD10587">
        <v>85</v>
      </c>
      <c r="AE10587">
        <v>86</v>
      </c>
      <c r="AF10587">
        <v>86</v>
      </c>
      <c r="AG10587">
        <v>86</v>
      </c>
      <c r="AH10587">
        <v>86</v>
      </c>
      <c r="AI10587">
        <v>86</v>
      </c>
      <c r="AJ10587">
        <v>86</v>
      </c>
      <c r="AK10587">
        <v>86</v>
      </c>
      <c r="AL10587">
        <v>86</v>
      </c>
      <c r="AM10587">
        <v>87</v>
      </c>
      <c r="AN10587">
        <v>87</v>
      </c>
      <c r="AO10587">
        <v>87</v>
      </c>
      <c r="AP10587">
        <v>87</v>
      </c>
      <c r="AQ10587">
        <v>87</v>
      </c>
    </row>
    <row r="10588" spans="1:43">
      <c r="A10588" t="s">
        <v>6584</v>
      </c>
      <c r="B10588" t="s">
        <v>6585</v>
      </c>
      <c r="C10588" t="s">
        <v>6574</v>
      </c>
      <c r="D10588" t="s">
        <v>6575</v>
      </c>
      <c r="E10588" t="s">
        <v>6174</v>
      </c>
      <c r="F10588" t="s">
        <v>6175</v>
      </c>
      <c r="G10588" t="s">
        <v>80</v>
      </c>
      <c r="H10588" t="s">
        <v>81</v>
      </c>
      <c r="I10588" s="2">
        <v>0</v>
      </c>
      <c r="J10588" s="2">
        <v>1</v>
      </c>
      <c r="K10588" s="2">
        <v>0</v>
      </c>
      <c r="L10588" t="s">
        <v>82</v>
      </c>
      <c r="M10588" t="s">
        <v>89</v>
      </c>
      <c r="N10588" t="s">
        <v>90</v>
      </c>
      <c r="O10588" t="s">
        <v>85</v>
      </c>
      <c r="P10588" t="s">
        <v>86</v>
      </c>
      <c r="Q10588">
        <v>83</v>
      </c>
      <c r="R10588">
        <v>84</v>
      </c>
      <c r="S10588">
        <v>86</v>
      </c>
      <c r="T10588">
        <v>88</v>
      </c>
      <c r="U10588">
        <v>89</v>
      </c>
      <c r="V10588">
        <v>91</v>
      </c>
      <c r="W10588">
        <v>92</v>
      </c>
      <c r="X10588">
        <v>94</v>
      </c>
      <c r="Y10588">
        <v>95</v>
      </c>
      <c r="Z10588">
        <v>96</v>
      </c>
      <c r="AA10588">
        <v>97</v>
      </c>
      <c r="AB10588">
        <v>98</v>
      </c>
      <c r="AC10588">
        <v>100</v>
      </c>
      <c r="AD10588">
        <v>101</v>
      </c>
      <c r="AE10588">
        <v>101</v>
      </c>
      <c r="AF10588">
        <v>101</v>
      </c>
      <c r="AG10588">
        <v>101</v>
      </c>
      <c r="AH10588">
        <v>101</v>
      </c>
      <c r="AI10588">
        <v>101</v>
      </c>
      <c r="AJ10588">
        <v>100</v>
      </c>
      <c r="AK10588">
        <v>100</v>
      </c>
      <c r="AL10588">
        <v>100</v>
      </c>
      <c r="AM10588">
        <v>100</v>
      </c>
      <c r="AN10588">
        <v>99</v>
      </c>
      <c r="AO10588">
        <v>99</v>
      </c>
      <c r="AP10588">
        <v>99</v>
      </c>
      <c r="AQ10588">
        <v>99</v>
      </c>
    </row>
    <row r="10589" spans="1:43">
      <c r="A10589" t="s">
        <v>6584</v>
      </c>
      <c r="B10589" t="s">
        <v>6585</v>
      </c>
      <c r="C10589" t="s">
        <v>6574</v>
      </c>
      <c r="D10589" t="s">
        <v>6575</v>
      </c>
      <c r="E10589" t="s">
        <v>6174</v>
      </c>
      <c r="F10589" t="s">
        <v>6175</v>
      </c>
      <c r="G10589" t="s">
        <v>80</v>
      </c>
      <c r="H10589" t="s">
        <v>81</v>
      </c>
      <c r="I10589" s="2">
        <v>0</v>
      </c>
      <c r="J10589" s="2">
        <v>1</v>
      </c>
      <c r="K10589" s="2">
        <v>0</v>
      </c>
      <c r="L10589" t="s">
        <v>82</v>
      </c>
      <c r="M10589" t="s">
        <v>83</v>
      </c>
      <c r="N10589" t="s">
        <v>91</v>
      </c>
      <c r="O10589" t="s">
        <v>85</v>
      </c>
      <c r="P10589" t="s">
        <v>86</v>
      </c>
      <c r="Q10589">
        <v>83</v>
      </c>
      <c r="R10589">
        <v>84</v>
      </c>
      <c r="S10589">
        <v>85</v>
      </c>
      <c r="T10589">
        <v>86</v>
      </c>
      <c r="U10589">
        <v>87</v>
      </c>
      <c r="V10589">
        <v>88</v>
      </c>
      <c r="W10589">
        <v>89</v>
      </c>
      <c r="X10589">
        <v>90</v>
      </c>
      <c r="Y10589">
        <v>90</v>
      </c>
      <c r="Z10589">
        <v>91</v>
      </c>
      <c r="AA10589">
        <v>92</v>
      </c>
      <c r="AB10589">
        <v>93</v>
      </c>
      <c r="AC10589">
        <v>94</v>
      </c>
      <c r="AD10589">
        <v>95</v>
      </c>
      <c r="AE10589">
        <v>96</v>
      </c>
      <c r="AF10589">
        <v>96</v>
      </c>
      <c r="AG10589">
        <v>97</v>
      </c>
      <c r="AH10589">
        <v>98</v>
      </c>
      <c r="AI10589">
        <v>99</v>
      </c>
      <c r="AJ10589">
        <v>99</v>
      </c>
      <c r="AK10589">
        <v>100</v>
      </c>
      <c r="AL10589">
        <v>100</v>
      </c>
      <c r="AM10589">
        <v>100</v>
      </c>
      <c r="AN10589">
        <v>100</v>
      </c>
      <c r="AO10589">
        <v>99</v>
      </c>
      <c r="AP10589">
        <v>99</v>
      </c>
      <c r="AQ10589">
        <v>99</v>
      </c>
    </row>
    <row r="10590" spans="1:43">
      <c r="A10590" t="s">
        <v>6586</v>
      </c>
      <c r="B10590" t="s">
        <v>6587</v>
      </c>
      <c r="C10590" t="s">
        <v>6574</v>
      </c>
      <c r="D10590" t="s">
        <v>6575</v>
      </c>
      <c r="E10590" t="s">
        <v>6174</v>
      </c>
      <c r="F10590" t="s">
        <v>6175</v>
      </c>
      <c r="G10590" t="s">
        <v>80</v>
      </c>
      <c r="H10590" t="s">
        <v>81</v>
      </c>
      <c r="I10590" s="2">
        <v>0</v>
      </c>
      <c r="J10590" s="2">
        <v>1</v>
      </c>
      <c r="K10590" s="2">
        <v>0</v>
      </c>
      <c r="L10590" t="s">
        <v>82</v>
      </c>
      <c r="M10590" t="s">
        <v>83</v>
      </c>
      <c r="N10590" t="s">
        <v>84</v>
      </c>
      <c r="O10590" t="s">
        <v>85</v>
      </c>
      <c r="P10590" t="s">
        <v>86</v>
      </c>
      <c r="Q10590">
        <v>28</v>
      </c>
      <c r="R10590">
        <v>29</v>
      </c>
      <c r="S10590">
        <v>29</v>
      </c>
      <c r="T10590">
        <v>29</v>
      </c>
      <c r="U10590">
        <v>30</v>
      </c>
      <c r="V10590">
        <v>30</v>
      </c>
      <c r="W10590">
        <v>30</v>
      </c>
      <c r="X10590">
        <v>31</v>
      </c>
      <c r="Y10590">
        <v>31</v>
      </c>
      <c r="Z10590">
        <v>31</v>
      </c>
      <c r="AA10590">
        <v>32</v>
      </c>
      <c r="AB10590">
        <v>32</v>
      </c>
      <c r="AC10590">
        <v>32</v>
      </c>
      <c r="AD10590">
        <v>33</v>
      </c>
      <c r="AE10590">
        <v>33</v>
      </c>
      <c r="AF10590">
        <v>33</v>
      </c>
      <c r="AG10590">
        <v>33</v>
      </c>
      <c r="AH10590">
        <v>34</v>
      </c>
      <c r="AI10590">
        <v>34</v>
      </c>
      <c r="AJ10590">
        <v>34</v>
      </c>
      <c r="AK10590">
        <v>35</v>
      </c>
      <c r="AL10590">
        <v>35</v>
      </c>
      <c r="AM10590">
        <v>35</v>
      </c>
      <c r="AN10590">
        <v>35</v>
      </c>
      <c r="AO10590">
        <v>34</v>
      </c>
      <c r="AP10590">
        <v>34</v>
      </c>
      <c r="AQ10590">
        <v>34</v>
      </c>
    </row>
    <row r="10591" spans="1:43">
      <c r="A10591" t="s">
        <v>6586</v>
      </c>
      <c r="B10591" t="s">
        <v>6587</v>
      </c>
      <c r="C10591" t="s">
        <v>6574</v>
      </c>
      <c r="D10591" t="s">
        <v>6575</v>
      </c>
      <c r="E10591" t="s">
        <v>6174</v>
      </c>
      <c r="F10591" t="s">
        <v>6175</v>
      </c>
      <c r="G10591" t="s">
        <v>80</v>
      </c>
      <c r="H10591" t="s">
        <v>81</v>
      </c>
      <c r="I10591" s="2">
        <v>0</v>
      </c>
      <c r="J10591" s="2">
        <v>1</v>
      </c>
      <c r="K10591" s="2">
        <v>0</v>
      </c>
      <c r="L10591" t="s">
        <v>82</v>
      </c>
      <c r="M10591" t="s">
        <v>87</v>
      </c>
      <c r="N10591" t="s">
        <v>88</v>
      </c>
      <c r="O10591" t="s">
        <v>85</v>
      </c>
      <c r="P10591" t="s">
        <v>86</v>
      </c>
      <c r="Q10591">
        <v>28</v>
      </c>
      <c r="R10591">
        <v>28</v>
      </c>
      <c r="S10591">
        <v>28</v>
      </c>
      <c r="T10591">
        <v>28</v>
      </c>
      <c r="U10591">
        <v>28</v>
      </c>
      <c r="V10591">
        <v>28</v>
      </c>
      <c r="W10591">
        <v>29</v>
      </c>
      <c r="X10591">
        <v>29</v>
      </c>
      <c r="Y10591">
        <v>29</v>
      </c>
      <c r="Z10591">
        <v>29</v>
      </c>
      <c r="AA10591">
        <v>29</v>
      </c>
      <c r="AB10591">
        <v>29</v>
      </c>
      <c r="AC10591">
        <v>29</v>
      </c>
      <c r="AD10591">
        <v>29</v>
      </c>
      <c r="AE10591">
        <v>29</v>
      </c>
      <c r="AF10591">
        <v>29</v>
      </c>
      <c r="AG10591">
        <v>29</v>
      </c>
      <c r="AH10591">
        <v>29</v>
      </c>
      <c r="AI10591">
        <v>29</v>
      </c>
      <c r="AJ10591">
        <v>29</v>
      </c>
      <c r="AK10591">
        <v>30</v>
      </c>
      <c r="AL10591">
        <v>30</v>
      </c>
      <c r="AM10591">
        <v>30</v>
      </c>
      <c r="AN10591">
        <v>30</v>
      </c>
      <c r="AO10591">
        <v>30</v>
      </c>
      <c r="AP10591">
        <v>30</v>
      </c>
      <c r="AQ10591">
        <v>30</v>
      </c>
    </row>
    <row r="10592" spans="1:43">
      <c r="A10592" t="s">
        <v>6586</v>
      </c>
      <c r="B10592" t="s">
        <v>6587</v>
      </c>
      <c r="C10592" t="s">
        <v>6574</v>
      </c>
      <c r="D10592" t="s">
        <v>6575</v>
      </c>
      <c r="E10592" t="s">
        <v>6174</v>
      </c>
      <c r="F10592" t="s">
        <v>6175</v>
      </c>
      <c r="G10592" t="s">
        <v>80</v>
      </c>
      <c r="H10592" t="s">
        <v>81</v>
      </c>
      <c r="I10592" s="2">
        <v>0</v>
      </c>
      <c r="J10592" s="2">
        <v>1</v>
      </c>
      <c r="K10592" s="2">
        <v>0</v>
      </c>
      <c r="L10592" t="s">
        <v>82</v>
      </c>
      <c r="M10592" t="s">
        <v>89</v>
      </c>
      <c r="N10592" t="s">
        <v>90</v>
      </c>
      <c r="O10592" t="s">
        <v>85</v>
      </c>
      <c r="P10592" t="s">
        <v>86</v>
      </c>
      <c r="Q10592">
        <v>28</v>
      </c>
      <c r="R10592">
        <v>28</v>
      </c>
      <c r="S10592">
        <v>29</v>
      </c>
      <c r="T10592">
        <v>29</v>
      </c>
      <c r="U10592">
        <v>30</v>
      </c>
      <c r="V10592">
        <v>30</v>
      </c>
      <c r="W10592">
        <v>31</v>
      </c>
      <c r="X10592">
        <v>31</v>
      </c>
      <c r="Y10592">
        <v>32</v>
      </c>
      <c r="Z10592">
        <v>32</v>
      </c>
      <c r="AA10592">
        <v>33</v>
      </c>
      <c r="AB10592">
        <v>33</v>
      </c>
      <c r="AC10592">
        <v>34</v>
      </c>
      <c r="AD10592">
        <v>34</v>
      </c>
      <c r="AE10592">
        <v>34</v>
      </c>
      <c r="AF10592">
        <v>34</v>
      </c>
      <c r="AG10592">
        <v>34</v>
      </c>
      <c r="AH10592">
        <v>34</v>
      </c>
      <c r="AI10592">
        <v>34</v>
      </c>
      <c r="AJ10592">
        <v>34</v>
      </c>
      <c r="AK10592">
        <v>34</v>
      </c>
      <c r="AL10592">
        <v>34</v>
      </c>
      <c r="AM10592">
        <v>34</v>
      </c>
      <c r="AN10592">
        <v>34</v>
      </c>
      <c r="AO10592">
        <v>34</v>
      </c>
      <c r="AP10592">
        <v>34</v>
      </c>
      <c r="AQ10592">
        <v>34</v>
      </c>
    </row>
    <row r="10593" spans="1:43">
      <c r="A10593" t="s">
        <v>6586</v>
      </c>
      <c r="B10593" t="s">
        <v>6587</v>
      </c>
      <c r="C10593" t="s">
        <v>6574</v>
      </c>
      <c r="D10593" t="s">
        <v>6575</v>
      </c>
      <c r="E10593" t="s">
        <v>6174</v>
      </c>
      <c r="F10593" t="s">
        <v>6175</v>
      </c>
      <c r="G10593" t="s">
        <v>80</v>
      </c>
      <c r="H10593" t="s">
        <v>81</v>
      </c>
      <c r="I10593" s="2">
        <v>0</v>
      </c>
      <c r="J10593" s="2">
        <v>1</v>
      </c>
      <c r="K10593" s="2">
        <v>0</v>
      </c>
      <c r="L10593" t="s">
        <v>82</v>
      </c>
      <c r="M10593" t="s">
        <v>83</v>
      </c>
      <c r="N10593" t="s">
        <v>91</v>
      </c>
      <c r="O10593" t="s">
        <v>85</v>
      </c>
      <c r="P10593" t="s">
        <v>86</v>
      </c>
      <c r="Q10593">
        <v>28</v>
      </c>
      <c r="R10593">
        <v>29</v>
      </c>
      <c r="S10593">
        <v>29</v>
      </c>
      <c r="T10593">
        <v>29</v>
      </c>
      <c r="U10593">
        <v>30</v>
      </c>
      <c r="V10593">
        <v>30</v>
      </c>
      <c r="W10593">
        <v>30</v>
      </c>
      <c r="X10593">
        <v>31</v>
      </c>
      <c r="Y10593">
        <v>31</v>
      </c>
      <c r="Z10593">
        <v>31</v>
      </c>
      <c r="AA10593">
        <v>32</v>
      </c>
      <c r="AB10593">
        <v>32</v>
      </c>
      <c r="AC10593">
        <v>32</v>
      </c>
      <c r="AD10593">
        <v>33</v>
      </c>
      <c r="AE10593">
        <v>33</v>
      </c>
      <c r="AF10593">
        <v>33</v>
      </c>
      <c r="AG10593">
        <v>33</v>
      </c>
      <c r="AH10593">
        <v>34</v>
      </c>
      <c r="AI10593">
        <v>34</v>
      </c>
      <c r="AJ10593">
        <v>34</v>
      </c>
      <c r="AK10593">
        <v>35</v>
      </c>
      <c r="AL10593">
        <v>35</v>
      </c>
      <c r="AM10593">
        <v>35</v>
      </c>
      <c r="AN10593">
        <v>35</v>
      </c>
      <c r="AO10593">
        <v>34</v>
      </c>
      <c r="AP10593">
        <v>34</v>
      </c>
      <c r="AQ10593">
        <v>34</v>
      </c>
    </row>
    <row r="10594" spans="1:43">
      <c r="A10594" t="s">
        <v>6588</v>
      </c>
      <c r="B10594" t="s">
        <v>6589</v>
      </c>
      <c r="C10594" t="s">
        <v>6266</v>
      </c>
      <c r="D10594" t="s">
        <v>6267</v>
      </c>
      <c r="E10594" t="s">
        <v>6174</v>
      </c>
      <c r="F10594" t="s">
        <v>6175</v>
      </c>
      <c r="G10594" t="s">
        <v>80</v>
      </c>
      <c r="H10594" t="s">
        <v>81</v>
      </c>
      <c r="I10594" s="2">
        <v>0</v>
      </c>
      <c r="J10594" s="2">
        <v>1</v>
      </c>
      <c r="K10594" s="2">
        <v>0</v>
      </c>
      <c r="L10594" t="s">
        <v>82</v>
      </c>
      <c r="M10594" t="s">
        <v>83</v>
      </c>
      <c r="N10594" t="s">
        <v>84</v>
      </c>
      <c r="O10594" t="s">
        <v>85</v>
      </c>
      <c r="P10594" t="s">
        <v>86</v>
      </c>
      <c r="Q10594">
        <v>18</v>
      </c>
      <c r="R10594">
        <v>19</v>
      </c>
      <c r="S10594">
        <v>19</v>
      </c>
      <c r="T10594">
        <v>19</v>
      </c>
      <c r="U10594">
        <v>19</v>
      </c>
      <c r="V10594">
        <v>20</v>
      </c>
      <c r="W10594">
        <v>20</v>
      </c>
      <c r="X10594">
        <v>20</v>
      </c>
      <c r="Y10594">
        <v>20</v>
      </c>
      <c r="Z10594">
        <v>20</v>
      </c>
      <c r="AA10594">
        <v>21</v>
      </c>
      <c r="AB10594">
        <v>21</v>
      </c>
      <c r="AC10594">
        <v>21</v>
      </c>
      <c r="AD10594">
        <v>21</v>
      </c>
      <c r="AE10594">
        <v>21</v>
      </c>
      <c r="AF10594">
        <v>22</v>
      </c>
      <c r="AG10594">
        <v>22</v>
      </c>
      <c r="AH10594">
        <v>22</v>
      </c>
      <c r="AI10594">
        <v>22</v>
      </c>
      <c r="AJ10594">
        <v>22</v>
      </c>
      <c r="AK10594">
        <v>22</v>
      </c>
      <c r="AL10594">
        <v>23</v>
      </c>
      <c r="AM10594">
        <v>22</v>
      </c>
      <c r="AN10594">
        <v>22</v>
      </c>
      <c r="AO10594">
        <v>22</v>
      </c>
      <c r="AP10594">
        <v>22</v>
      </c>
      <c r="AQ10594">
        <v>22</v>
      </c>
    </row>
    <row r="10595" spans="1:43">
      <c r="A10595" t="s">
        <v>6588</v>
      </c>
      <c r="B10595" t="s">
        <v>6589</v>
      </c>
      <c r="C10595" t="s">
        <v>6266</v>
      </c>
      <c r="D10595" t="s">
        <v>6267</v>
      </c>
      <c r="E10595" t="s">
        <v>6174</v>
      </c>
      <c r="F10595" t="s">
        <v>6175</v>
      </c>
      <c r="G10595" t="s">
        <v>80</v>
      </c>
      <c r="H10595" t="s">
        <v>81</v>
      </c>
      <c r="I10595" s="2">
        <v>0</v>
      </c>
      <c r="J10595" s="2">
        <v>1</v>
      </c>
      <c r="K10595" s="2">
        <v>0</v>
      </c>
      <c r="L10595" t="s">
        <v>82</v>
      </c>
      <c r="M10595" t="s">
        <v>87</v>
      </c>
      <c r="N10595" t="s">
        <v>88</v>
      </c>
      <c r="O10595" t="s">
        <v>85</v>
      </c>
      <c r="P10595" t="s">
        <v>86</v>
      </c>
      <c r="Q10595">
        <v>18</v>
      </c>
      <c r="R10595">
        <v>18</v>
      </c>
      <c r="S10595">
        <v>18</v>
      </c>
      <c r="T10595">
        <v>18</v>
      </c>
      <c r="U10595">
        <v>19</v>
      </c>
      <c r="V10595">
        <v>19</v>
      </c>
      <c r="W10595">
        <v>19</v>
      </c>
      <c r="X10595">
        <v>19</v>
      </c>
      <c r="Y10595">
        <v>19</v>
      </c>
      <c r="Z10595">
        <v>19</v>
      </c>
      <c r="AA10595">
        <v>19</v>
      </c>
      <c r="AB10595">
        <v>19</v>
      </c>
      <c r="AC10595">
        <v>19</v>
      </c>
      <c r="AD10595">
        <v>19</v>
      </c>
      <c r="AE10595">
        <v>19</v>
      </c>
      <c r="AF10595">
        <v>19</v>
      </c>
      <c r="AG10595">
        <v>19</v>
      </c>
      <c r="AH10595">
        <v>19</v>
      </c>
      <c r="AI10595">
        <v>19</v>
      </c>
      <c r="AJ10595">
        <v>19</v>
      </c>
      <c r="AK10595">
        <v>19</v>
      </c>
      <c r="AL10595">
        <v>19</v>
      </c>
      <c r="AM10595">
        <v>19</v>
      </c>
      <c r="AN10595">
        <v>19</v>
      </c>
      <c r="AO10595">
        <v>19</v>
      </c>
      <c r="AP10595">
        <v>19</v>
      </c>
      <c r="AQ10595">
        <v>19</v>
      </c>
    </row>
    <row r="10596" spans="1:43">
      <c r="A10596" t="s">
        <v>6588</v>
      </c>
      <c r="B10596" t="s">
        <v>6589</v>
      </c>
      <c r="C10596" t="s">
        <v>6266</v>
      </c>
      <c r="D10596" t="s">
        <v>6267</v>
      </c>
      <c r="E10596" t="s">
        <v>6174</v>
      </c>
      <c r="F10596" t="s">
        <v>6175</v>
      </c>
      <c r="G10596" t="s">
        <v>80</v>
      </c>
      <c r="H10596" t="s">
        <v>81</v>
      </c>
      <c r="I10596" s="2">
        <v>0</v>
      </c>
      <c r="J10596" s="2">
        <v>1</v>
      </c>
      <c r="K10596" s="2">
        <v>0</v>
      </c>
      <c r="L10596" t="s">
        <v>82</v>
      </c>
      <c r="M10596" t="s">
        <v>89</v>
      </c>
      <c r="N10596" t="s">
        <v>90</v>
      </c>
      <c r="O10596" t="s">
        <v>85</v>
      </c>
      <c r="P10596" t="s">
        <v>86</v>
      </c>
      <c r="Q10596">
        <v>18</v>
      </c>
      <c r="R10596">
        <v>18</v>
      </c>
      <c r="S10596">
        <v>18</v>
      </c>
      <c r="T10596">
        <v>19</v>
      </c>
      <c r="U10596">
        <v>19</v>
      </c>
      <c r="V10596">
        <v>19</v>
      </c>
      <c r="W10596">
        <v>20</v>
      </c>
      <c r="X10596">
        <v>20</v>
      </c>
      <c r="Y10596">
        <v>20</v>
      </c>
      <c r="Z10596">
        <v>21</v>
      </c>
      <c r="AA10596">
        <v>21</v>
      </c>
      <c r="AB10596">
        <v>21</v>
      </c>
      <c r="AC10596">
        <v>22</v>
      </c>
      <c r="AD10596">
        <v>22</v>
      </c>
      <c r="AE10596">
        <v>22</v>
      </c>
      <c r="AF10596">
        <v>22</v>
      </c>
      <c r="AG10596">
        <v>22</v>
      </c>
      <c r="AH10596">
        <v>22</v>
      </c>
      <c r="AI10596">
        <v>22</v>
      </c>
      <c r="AJ10596">
        <v>22</v>
      </c>
      <c r="AK10596">
        <v>22</v>
      </c>
      <c r="AL10596">
        <v>22</v>
      </c>
      <c r="AM10596">
        <v>22</v>
      </c>
      <c r="AN10596">
        <v>22</v>
      </c>
      <c r="AO10596">
        <v>22</v>
      </c>
      <c r="AP10596">
        <v>22</v>
      </c>
      <c r="AQ10596">
        <v>22</v>
      </c>
    </row>
    <row r="10597" spans="1:43">
      <c r="A10597" t="s">
        <v>6588</v>
      </c>
      <c r="B10597" t="s">
        <v>6589</v>
      </c>
      <c r="C10597" t="s">
        <v>6266</v>
      </c>
      <c r="D10597" t="s">
        <v>6267</v>
      </c>
      <c r="E10597" t="s">
        <v>6174</v>
      </c>
      <c r="F10597" t="s">
        <v>6175</v>
      </c>
      <c r="G10597" t="s">
        <v>80</v>
      </c>
      <c r="H10597" t="s">
        <v>81</v>
      </c>
      <c r="I10597" s="2">
        <v>0</v>
      </c>
      <c r="J10597" s="2">
        <v>1</v>
      </c>
      <c r="K10597" s="2">
        <v>0</v>
      </c>
      <c r="L10597" t="s">
        <v>82</v>
      </c>
      <c r="M10597" t="s">
        <v>83</v>
      </c>
      <c r="N10597" t="s">
        <v>91</v>
      </c>
      <c r="O10597" t="s">
        <v>85</v>
      </c>
      <c r="P10597" t="s">
        <v>86</v>
      </c>
      <c r="Q10597">
        <v>18</v>
      </c>
      <c r="R10597">
        <v>19</v>
      </c>
      <c r="S10597">
        <v>19</v>
      </c>
      <c r="T10597">
        <v>19</v>
      </c>
      <c r="U10597">
        <v>19</v>
      </c>
      <c r="V10597">
        <v>20</v>
      </c>
      <c r="W10597">
        <v>20</v>
      </c>
      <c r="X10597">
        <v>20</v>
      </c>
      <c r="Y10597">
        <v>20</v>
      </c>
      <c r="Z10597">
        <v>20</v>
      </c>
      <c r="AA10597">
        <v>21</v>
      </c>
      <c r="AB10597">
        <v>21</v>
      </c>
      <c r="AC10597">
        <v>21</v>
      </c>
      <c r="AD10597">
        <v>21</v>
      </c>
      <c r="AE10597">
        <v>21</v>
      </c>
      <c r="AF10597">
        <v>22</v>
      </c>
      <c r="AG10597">
        <v>22</v>
      </c>
      <c r="AH10597">
        <v>22</v>
      </c>
      <c r="AI10597">
        <v>22</v>
      </c>
      <c r="AJ10597">
        <v>22</v>
      </c>
      <c r="AK10597">
        <v>22</v>
      </c>
      <c r="AL10597">
        <v>23</v>
      </c>
      <c r="AM10597">
        <v>22</v>
      </c>
      <c r="AN10597">
        <v>22</v>
      </c>
      <c r="AO10597">
        <v>22</v>
      </c>
      <c r="AP10597">
        <v>22</v>
      </c>
      <c r="AQ10597">
        <v>22</v>
      </c>
    </row>
    <row r="10598" spans="1:43">
      <c r="A10598" t="s">
        <v>6590</v>
      </c>
      <c r="B10598" t="s">
        <v>6591</v>
      </c>
      <c r="C10598" t="s">
        <v>6592</v>
      </c>
      <c r="D10598" t="s">
        <v>6593</v>
      </c>
      <c r="E10598" t="s">
        <v>6594</v>
      </c>
      <c r="F10598" t="s">
        <v>6595</v>
      </c>
      <c r="G10598" t="s">
        <v>80</v>
      </c>
      <c r="H10598" t="s">
        <v>81</v>
      </c>
      <c r="I10598" s="2">
        <v>0</v>
      </c>
      <c r="J10598" s="2">
        <v>1</v>
      </c>
      <c r="K10598" s="2">
        <v>0</v>
      </c>
      <c r="L10598" t="s">
        <v>82</v>
      </c>
      <c r="M10598" t="s">
        <v>83</v>
      </c>
      <c r="N10598" t="s">
        <v>84</v>
      </c>
      <c r="O10598" t="s">
        <v>85</v>
      </c>
      <c r="P10598" t="s">
        <v>86</v>
      </c>
      <c r="Q10598">
        <v>24</v>
      </c>
      <c r="R10598">
        <v>24</v>
      </c>
      <c r="S10598">
        <v>24</v>
      </c>
      <c r="T10598">
        <v>25</v>
      </c>
      <c r="U10598">
        <v>25</v>
      </c>
      <c r="V10598">
        <v>25</v>
      </c>
      <c r="W10598">
        <v>25</v>
      </c>
      <c r="X10598">
        <v>25</v>
      </c>
      <c r="Y10598">
        <v>25</v>
      </c>
      <c r="Z10598">
        <v>25</v>
      </c>
      <c r="AA10598">
        <v>25</v>
      </c>
      <c r="AB10598">
        <v>25</v>
      </c>
      <c r="AC10598">
        <v>25</v>
      </c>
      <c r="AD10598">
        <v>25</v>
      </c>
      <c r="AE10598">
        <v>25</v>
      </c>
      <c r="AF10598">
        <v>25</v>
      </c>
      <c r="AG10598">
        <v>25</v>
      </c>
      <c r="AH10598">
        <v>25</v>
      </c>
      <c r="AI10598">
        <v>25</v>
      </c>
      <c r="AJ10598">
        <v>25</v>
      </c>
      <c r="AK10598">
        <v>25</v>
      </c>
      <c r="AL10598">
        <v>25</v>
      </c>
      <c r="AM10598">
        <v>25</v>
      </c>
      <c r="AN10598">
        <v>25</v>
      </c>
      <c r="AO10598">
        <v>25</v>
      </c>
      <c r="AP10598">
        <v>24</v>
      </c>
      <c r="AQ10598">
        <v>24</v>
      </c>
    </row>
    <row r="10599" spans="1:43">
      <c r="A10599" t="s">
        <v>6590</v>
      </c>
      <c r="B10599" t="s">
        <v>6591</v>
      </c>
      <c r="C10599" t="s">
        <v>6592</v>
      </c>
      <c r="D10599" t="s">
        <v>6593</v>
      </c>
      <c r="E10599" t="s">
        <v>6594</v>
      </c>
      <c r="F10599" t="s">
        <v>6595</v>
      </c>
      <c r="G10599" t="s">
        <v>80</v>
      </c>
      <c r="H10599" t="s">
        <v>81</v>
      </c>
      <c r="I10599" s="2">
        <v>0</v>
      </c>
      <c r="J10599" s="2">
        <v>1</v>
      </c>
      <c r="K10599" s="2">
        <v>0</v>
      </c>
      <c r="L10599" t="s">
        <v>82</v>
      </c>
      <c r="M10599" t="s">
        <v>87</v>
      </c>
      <c r="N10599" t="s">
        <v>88</v>
      </c>
      <c r="O10599" t="s">
        <v>85</v>
      </c>
      <c r="P10599" t="s">
        <v>86</v>
      </c>
      <c r="Q10599">
        <v>24</v>
      </c>
      <c r="R10599">
        <v>24</v>
      </c>
      <c r="S10599">
        <v>24</v>
      </c>
      <c r="T10599">
        <v>24</v>
      </c>
      <c r="U10599">
        <v>24</v>
      </c>
      <c r="V10599">
        <v>24</v>
      </c>
      <c r="W10599">
        <v>23</v>
      </c>
      <c r="X10599">
        <v>23</v>
      </c>
      <c r="Y10599">
        <v>23</v>
      </c>
      <c r="Z10599">
        <v>23</v>
      </c>
      <c r="AA10599">
        <v>23</v>
      </c>
      <c r="AB10599">
        <v>23</v>
      </c>
      <c r="AC10599">
        <v>23</v>
      </c>
      <c r="AD10599">
        <v>23</v>
      </c>
      <c r="AE10599">
        <v>23</v>
      </c>
      <c r="AF10599">
        <v>22</v>
      </c>
      <c r="AG10599">
        <v>22</v>
      </c>
      <c r="AH10599">
        <v>22</v>
      </c>
      <c r="AI10599">
        <v>22</v>
      </c>
      <c r="AJ10599">
        <v>22</v>
      </c>
      <c r="AK10599">
        <v>22</v>
      </c>
      <c r="AL10599">
        <v>22</v>
      </c>
      <c r="AM10599">
        <v>22</v>
      </c>
      <c r="AN10599">
        <v>21</v>
      </c>
      <c r="AO10599">
        <v>21</v>
      </c>
      <c r="AP10599">
        <v>21</v>
      </c>
      <c r="AQ10599">
        <v>21</v>
      </c>
    </row>
    <row r="10600" spans="1:43">
      <c r="A10600" t="s">
        <v>6590</v>
      </c>
      <c r="B10600" t="s">
        <v>6591</v>
      </c>
      <c r="C10600" t="s">
        <v>6592</v>
      </c>
      <c r="D10600" t="s">
        <v>6593</v>
      </c>
      <c r="E10600" t="s">
        <v>6594</v>
      </c>
      <c r="F10600" t="s">
        <v>6595</v>
      </c>
      <c r="G10600" t="s">
        <v>80</v>
      </c>
      <c r="H10600" t="s">
        <v>81</v>
      </c>
      <c r="I10600" s="2">
        <v>0</v>
      </c>
      <c r="J10600" s="2">
        <v>1</v>
      </c>
      <c r="K10600" s="2">
        <v>0</v>
      </c>
      <c r="L10600" t="s">
        <v>82</v>
      </c>
      <c r="M10600" t="s">
        <v>89</v>
      </c>
      <c r="N10600" t="s">
        <v>90</v>
      </c>
      <c r="O10600" t="s">
        <v>85</v>
      </c>
      <c r="P10600" t="s">
        <v>86</v>
      </c>
      <c r="Q10600">
        <v>24</v>
      </c>
      <c r="R10600">
        <v>25</v>
      </c>
      <c r="S10600">
        <v>25</v>
      </c>
      <c r="T10600">
        <v>25</v>
      </c>
      <c r="U10600">
        <v>26</v>
      </c>
      <c r="V10600">
        <v>26</v>
      </c>
      <c r="W10600">
        <v>26</v>
      </c>
      <c r="X10600">
        <v>26</v>
      </c>
      <c r="Y10600">
        <v>27</v>
      </c>
      <c r="Z10600">
        <v>27</v>
      </c>
      <c r="AA10600">
        <v>27</v>
      </c>
      <c r="AB10600">
        <v>27</v>
      </c>
      <c r="AC10600">
        <v>27</v>
      </c>
      <c r="AD10600">
        <v>27</v>
      </c>
      <c r="AE10600">
        <v>27</v>
      </c>
      <c r="AF10600">
        <v>27</v>
      </c>
      <c r="AG10600">
        <v>27</v>
      </c>
      <c r="AH10600">
        <v>26</v>
      </c>
      <c r="AI10600">
        <v>26</v>
      </c>
      <c r="AJ10600">
        <v>26</v>
      </c>
      <c r="AK10600">
        <v>26</v>
      </c>
      <c r="AL10600">
        <v>26</v>
      </c>
      <c r="AM10600">
        <v>25</v>
      </c>
      <c r="AN10600">
        <v>25</v>
      </c>
      <c r="AO10600">
        <v>25</v>
      </c>
      <c r="AP10600">
        <v>25</v>
      </c>
      <c r="AQ10600">
        <v>24</v>
      </c>
    </row>
    <row r="10601" spans="1:43">
      <c r="A10601" t="s">
        <v>6590</v>
      </c>
      <c r="B10601" t="s">
        <v>6591</v>
      </c>
      <c r="C10601" t="s">
        <v>6592</v>
      </c>
      <c r="D10601" t="s">
        <v>6593</v>
      </c>
      <c r="E10601" t="s">
        <v>6594</v>
      </c>
      <c r="F10601" t="s">
        <v>6595</v>
      </c>
      <c r="G10601" t="s">
        <v>80</v>
      </c>
      <c r="H10601" t="s">
        <v>81</v>
      </c>
      <c r="I10601" s="2">
        <v>0</v>
      </c>
      <c r="J10601" s="2">
        <v>1</v>
      </c>
      <c r="K10601" s="2">
        <v>0</v>
      </c>
      <c r="L10601" t="s">
        <v>82</v>
      </c>
      <c r="M10601" t="s">
        <v>83</v>
      </c>
      <c r="N10601" t="s">
        <v>91</v>
      </c>
      <c r="O10601" t="s">
        <v>85</v>
      </c>
      <c r="P10601" t="s">
        <v>86</v>
      </c>
      <c r="Q10601">
        <v>24</v>
      </c>
      <c r="R10601">
        <v>24</v>
      </c>
      <c r="S10601">
        <v>24</v>
      </c>
      <c r="T10601">
        <v>25</v>
      </c>
      <c r="U10601">
        <v>25</v>
      </c>
      <c r="V10601">
        <v>25</v>
      </c>
      <c r="W10601">
        <v>25</v>
      </c>
      <c r="X10601">
        <v>25</v>
      </c>
      <c r="Y10601">
        <v>25</v>
      </c>
      <c r="Z10601">
        <v>25</v>
      </c>
      <c r="AA10601">
        <v>25</v>
      </c>
      <c r="AB10601">
        <v>25</v>
      </c>
      <c r="AC10601">
        <v>25</v>
      </c>
      <c r="AD10601">
        <v>25</v>
      </c>
      <c r="AE10601">
        <v>25</v>
      </c>
      <c r="AF10601">
        <v>25</v>
      </c>
      <c r="AG10601">
        <v>25</v>
      </c>
      <c r="AH10601">
        <v>25</v>
      </c>
      <c r="AI10601">
        <v>25</v>
      </c>
      <c r="AJ10601">
        <v>25</v>
      </c>
      <c r="AK10601">
        <v>25</v>
      </c>
      <c r="AL10601">
        <v>25</v>
      </c>
      <c r="AM10601">
        <v>25</v>
      </c>
      <c r="AN10601">
        <v>25</v>
      </c>
      <c r="AO10601">
        <v>25</v>
      </c>
      <c r="AP10601">
        <v>24</v>
      </c>
      <c r="AQ10601">
        <v>24</v>
      </c>
    </row>
    <row r="10602" spans="1:43">
      <c r="A10602" t="s">
        <v>6596</v>
      </c>
      <c r="B10602" t="s">
        <v>6597</v>
      </c>
      <c r="C10602" t="s">
        <v>6592</v>
      </c>
      <c r="D10602" t="s">
        <v>6593</v>
      </c>
      <c r="E10602" t="s">
        <v>6594</v>
      </c>
      <c r="F10602" t="s">
        <v>6595</v>
      </c>
      <c r="G10602" t="s">
        <v>80</v>
      </c>
      <c r="H10602" t="s">
        <v>81</v>
      </c>
      <c r="I10602" s="2">
        <v>0</v>
      </c>
      <c r="J10602" s="2">
        <v>1</v>
      </c>
      <c r="K10602" s="2">
        <v>0</v>
      </c>
      <c r="L10602" t="s">
        <v>82</v>
      </c>
      <c r="M10602" t="s">
        <v>83</v>
      </c>
      <c r="N10602" t="s">
        <v>84</v>
      </c>
      <c r="O10602" t="s">
        <v>85</v>
      </c>
      <c r="P10602" t="s">
        <v>86</v>
      </c>
      <c r="Q10602">
        <v>61</v>
      </c>
      <c r="R10602">
        <v>61</v>
      </c>
      <c r="S10602">
        <v>62</v>
      </c>
      <c r="T10602">
        <v>62</v>
      </c>
      <c r="U10602">
        <v>62</v>
      </c>
      <c r="V10602">
        <v>63</v>
      </c>
      <c r="W10602">
        <v>63</v>
      </c>
      <c r="X10602">
        <v>63</v>
      </c>
      <c r="Y10602">
        <v>64</v>
      </c>
      <c r="Z10602">
        <v>64</v>
      </c>
      <c r="AA10602">
        <v>64</v>
      </c>
      <c r="AB10602">
        <v>64</v>
      </c>
      <c r="AC10602">
        <v>64</v>
      </c>
      <c r="AD10602">
        <v>65</v>
      </c>
      <c r="AE10602">
        <v>65</v>
      </c>
      <c r="AF10602">
        <v>65</v>
      </c>
      <c r="AG10602">
        <v>65</v>
      </c>
      <c r="AH10602">
        <v>65</v>
      </c>
      <c r="AI10602">
        <v>65</v>
      </c>
      <c r="AJ10602">
        <v>65</v>
      </c>
      <c r="AK10602">
        <v>65</v>
      </c>
      <c r="AL10602">
        <v>65</v>
      </c>
      <c r="AM10602">
        <v>64</v>
      </c>
      <c r="AN10602">
        <v>64</v>
      </c>
      <c r="AO10602">
        <v>63</v>
      </c>
      <c r="AP10602">
        <v>63</v>
      </c>
      <c r="AQ10602">
        <v>62</v>
      </c>
    </row>
    <row r="10603" spans="1:43">
      <c r="A10603" t="s">
        <v>6596</v>
      </c>
      <c r="B10603" t="s">
        <v>6597</v>
      </c>
      <c r="C10603" t="s">
        <v>6592</v>
      </c>
      <c r="D10603" t="s">
        <v>6593</v>
      </c>
      <c r="E10603" t="s">
        <v>6594</v>
      </c>
      <c r="F10603" t="s">
        <v>6595</v>
      </c>
      <c r="G10603" t="s">
        <v>80</v>
      </c>
      <c r="H10603" t="s">
        <v>81</v>
      </c>
      <c r="I10603" s="2">
        <v>0</v>
      </c>
      <c r="J10603" s="2">
        <v>1</v>
      </c>
      <c r="K10603" s="2">
        <v>0</v>
      </c>
      <c r="L10603" t="s">
        <v>82</v>
      </c>
      <c r="M10603" t="s">
        <v>87</v>
      </c>
      <c r="N10603" t="s">
        <v>88</v>
      </c>
      <c r="O10603" t="s">
        <v>85</v>
      </c>
      <c r="P10603" t="s">
        <v>86</v>
      </c>
      <c r="Q10603">
        <v>61</v>
      </c>
      <c r="R10603">
        <v>61</v>
      </c>
      <c r="S10603">
        <v>61</v>
      </c>
      <c r="T10603">
        <v>61</v>
      </c>
      <c r="U10603">
        <v>61</v>
      </c>
      <c r="V10603">
        <v>60</v>
      </c>
      <c r="W10603">
        <v>60</v>
      </c>
      <c r="X10603">
        <v>60</v>
      </c>
      <c r="Y10603">
        <v>60</v>
      </c>
      <c r="Z10603">
        <v>60</v>
      </c>
      <c r="AA10603">
        <v>59</v>
      </c>
      <c r="AB10603">
        <v>59</v>
      </c>
      <c r="AC10603">
        <v>59</v>
      </c>
      <c r="AD10603">
        <v>58</v>
      </c>
      <c r="AE10603">
        <v>58</v>
      </c>
      <c r="AF10603">
        <v>58</v>
      </c>
      <c r="AG10603">
        <v>58</v>
      </c>
      <c r="AH10603">
        <v>57</v>
      </c>
      <c r="AI10603">
        <v>57</v>
      </c>
      <c r="AJ10603">
        <v>57</v>
      </c>
      <c r="AK10603">
        <v>56</v>
      </c>
      <c r="AL10603">
        <v>56</v>
      </c>
      <c r="AM10603">
        <v>56</v>
      </c>
      <c r="AN10603">
        <v>56</v>
      </c>
      <c r="AO10603">
        <v>55</v>
      </c>
      <c r="AP10603">
        <v>55</v>
      </c>
      <c r="AQ10603">
        <v>55</v>
      </c>
    </row>
    <row r="10604" spans="1:43">
      <c r="A10604" t="s">
        <v>6596</v>
      </c>
      <c r="B10604" t="s">
        <v>6597</v>
      </c>
      <c r="C10604" t="s">
        <v>6592</v>
      </c>
      <c r="D10604" t="s">
        <v>6593</v>
      </c>
      <c r="E10604" t="s">
        <v>6594</v>
      </c>
      <c r="F10604" t="s">
        <v>6595</v>
      </c>
      <c r="G10604" t="s">
        <v>80</v>
      </c>
      <c r="H10604" t="s">
        <v>81</v>
      </c>
      <c r="I10604" s="2">
        <v>0</v>
      </c>
      <c r="J10604" s="2">
        <v>1</v>
      </c>
      <c r="K10604" s="2">
        <v>0</v>
      </c>
      <c r="L10604" t="s">
        <v>82</v>
      </c>
      <c r="M10604" t="s">
        <v>89</v>
      </c>
      <c r="N10604" t="s">
        <v>90</v>
      </c>
      <c r="O10604" t="s">
        <v>85</v>
      </c>
      <c r="P10604" t="s">
        <v>86</v>
      </c>
      <c r="Q10604">
        <v>61</v>
      </c>
      <c r="R10604">
        <v>62</v>
      </c>
      <c r="S10604">
        <v>63</v>
      </c>
      <c r="T10604">
        <v>64</v>
      </c>
      <c r="U10604">
        <v>65</v>
      </c>
      <c r="V10604">
        <v>66</v>
      </c>
      <c r="W10604">
        <v>66</v>
      </c>
      <c r="X10604">
        <v>67</v>
      </c>
      <c r="Y10604">
        <v>67</v>
      </c>
      <c r="Z10604">
        <v>68</v>
      </c>
      <c r="AA10604">
        <v>68</v>
      </c>
      <c r="AB10604">
        <v>69</v>
      </c>
      <c r="AC10604">
        <v>69</v>
      </c>
      <c r="AD10604">
        <v>69</v>
      </c>
      <c r="AE10604">
        <v>69</v>
      </c>
      <c r="AF10604">
        <v>69</v>
      </c>
      <c r="AG10604">
        <v>68</v>
      </c>
      <c r="AH10604">
        <v>68</v>
      </c>
      <c r="AI10604">
        <v>67</v>
      </c>
      <c r="AJ10604">
        <v>67</v>
      </c>
      <c r="AK10604">
        <v>66</v>
      </c>
      <c r="AL10604">
        <v>66</v>
      </c>
      <c r="AM10604">
        <v>65</v>
      </c>
      <c r="AN10604">
        <v>65</v>
      </c>
      <c r="AO10604">
        <v>64</v>
      </c>
      <c r="AP10604">
        <v>64</v>
      </c>
      <c r="AQ10604">
        <v>63</v>
      </c>
    </row>
    <row r="10605" spans="1:43">
      <c r="A10605" t="s">
        <v>6596</v>
      </c>
      <c r="B10605" t="s">
        <v>6597</v>
      </c>
      <c r="C10605" t="s">
        <v>6592</v>
      </c>
      <c r="D10605" t="s">
        <v>6593</v>
      </c>
      <c r="E10605" t="s">
        <v>6594</v>
      </c>
      <c r="F10605" t="s">
        <v>6595</v>
      </c>
      <c r="G10605" t="s">
        <v>80</v>
      </c>
      <c r="H10605" t="s">
        <v>81</v>
      </c>
      <c r="I10605" s="2">
        <v>0</v>
      </c>
      <c r="J10605" s="2">
        <v>1</v>
      </c>
      <c r="K10605" s="2">
        <v>0</v>
      </c>
      <c r="L10605" t="s">
        <v>82</v>
      </c>
      <c r="M10605" t="s">
        <v>83</v>
      </c>
      <c r="N10605" t="s">
        <v>91</v>
      </c>
      <c r="O10605" t="s">
        <v>85</v>
      </c>
      <c r="P10605" t="s">
        <v>86</v>
      </c>
      <c r="Q10605">
        <v>61</v>
      </c>
      <c r="R10605">
        <v>61</v>
      </c>
      <c r="S10605">
        <v>62</v>
      </c>
      <c r="T10605">
        <v>62</v>
      </c>
      <c r="U10605">
        <v>62</v>
      </c>
      <c r="V10605">
        <v>63</v>
      </c>
      <c r="W10605">
        <v>63</v>
      </c>
      <c r="X10605">
        <v>63</v>
      </c>
      <c r="Y10605">
        <v>64</v>
      </c>
      <c r="Z10605">
        <v>64</v>
      </c>
      <c r="AA10605">
        <v>64</v>
      </c>
      <c r="AB10605">
        <v>64</v>
      </c>
      <c r="AC10605">
        <v>64</v>
      </c>
      <c r="AD10605">
        <v>65</v>
      </c>
      <c r="AE10605">
        <v>65</v>
      </c>
      <c r="AF10605">
        <v>65</v>
      </c>
      <c r="AG10605">
        <v>65</v>
      </c>
      <c r="AH10605">
        <v>65</v>
      </c>
      <c r="AI10605">
        <v>65</v>
      </c>
      <c r="AJ10605">
        <v>65</v>
      </c>
      <c r="AK10605">
        <v>65</v>
      </c>
      <c r="AL10605">
        <v>65</v>
      </c>
      <c r="AM10605">
        <v>64</v>
      </c>
      <c r="AN10605">
        <v>64</v>
      </c>
      <c r="AO10605">
        <v>63</v>
      </c>
      <c r="AP10605">
        <v>63</v>
      </c>
      <c r="AQ10605">
        <v>62</v>
      </c>
    </row>
    <row r="10606" spans="1:43">
      <c r="A10606" t="s">
        <v>6598</v>
      </c>
      <c r="B10606" t="s">
        <v>6599</v>
      </c>
      <c r="C10606" t="s">
        <v>6592</v>
      </c>
      <c r="D10606" t="s">
        <v>6593</v>
      </c>
      <c r="E10606" t="s">
        <v>6594</v>
      </c>
      <c r="F10606" t="s">
        <v>6595</v>
      </c>
      <c r="G10606" t="s">
        <v>80</v>
      </c>
      <c r="H10606" t="s">
        <v>81</v>
      </c>
      <c r="I10606" s="2">
        <v>0</v>
      </c>
      <c r="J10606" s="2">
        <v>1</v>
      </c>
      <c r="K10606" s="2">
        <v>0</v>
      </c>
      <c r="L10606" t="s">
        <v>82</v>
      </c>
      <c r="M10606" t="s">
        <v>83</v>
      </c>
      <c r="N10606" t="s">
        <v>84</v>
      </c>
      <c r="O10606" t="s">
        <v>85</v>
      </c>
      <c r="P10606" t="s">
        <v>86</v>
      </c>
      <c r="Q10606">
        <v>3</v>
      </c>
      <c r="R10606">
        <v>3</v>
      </c>
      <c r="S10606">
        <v>3</v>
      </c>
      <c r="T10606">
        <v>3</v>
      </c>
      <c r="U10606">
        <v>3</v>
      </c>
      <c r="V10606">
        <v>3</v>
      </c>
      <c r="W10606">
        <v>3</v>
      </c>
      <c r="X10606">
        <v>3</v>
      </c>
      <c r="Y10606">
        <v>3</v>
      </c>
      <c r="Z10606">
        <v>3</v>
      </c>
      <c r="AA10606">
        <v>3</v>
      </c>
      <c r="AB10606">
        <v>3</v>
      </c>
      <c r="AC10606">
        <v>3</v>
      </c>
      <c r="AD10606">
        <v>3</v>
      </c>
      <c r="AE10606">
        <v>3</v>
      </c>
      <c r="AF10606">
        <v>3</v>
      </c>
      <c r="AG10606">
        <v>3</v>
      </c>
      <c r="AH10606">
        <v>3</v>
      </c>
      <c r="AI10606">
        <v>3</v>
      </c>
      <c r="AJ10606">
        <v>3</v>
      </c>
      <c r="AK10606">
        <v>3</v>
      </c>
      <c r="AL10606">
        <v>3</v>
      </c>
      <c r="AM10606">
        <v>3</v>
      </c>
      <c r="AN10606">
        <v>3</v>
      </c>
      <c r="AO10606">
        <v>3</v>
      </c>
      <c r="AP10606">
        <v>3</v>
      </c>
      <c r="AQ10606">
        <v>3</v>
      </c>
    </row>
    <row r="10607" spans="1:43">
      <c r="A10607" t="s">
        <v>6598</v>
      </c>
      <c r="B10607" t="s">
        <v>6599</v>
      </c>
      <c r="C10607" t="s">
        <v>6592</v>
      </c>
      <c r="D10607" t="s">
        <v>6593</v>
      </c>
      <c r="E10607" t="s">
        <v>6594</v>
      </c>
      <c r="F10607" t="s">
        <v>6595</v>
      </c>
      <c r="G10607" t="s">
        <v>80</v>
      </c>
      <c r="H10607" t="s">
        <v>81</v>
      </c>
      <c r="I10607" s="2">
        <v>0</v>
      </c>
      <c r="J10607" s="2">
        <v>1</v>
      </c>
      <c r="K10607" s="2">
        <v>0</v>
      </c>
      <c r="L10607" t="s">
        <v>82</v>
      </c>
      <c r="M10607" t="s">
        <v>87</v>
      </c>
      <c r="N10607" t="s">
        <v>88</v>
      </c>
      <c r="O10607" t="s">
        <v>85</v>
      </c>
      <c r="P10607" t="s">
        <v>86</v>
      </c>
      <c r="Q10607">
        <v>3</v>
      </c>
      <c r="R10607">
        <v>3</v>
      </c>
      <c r="S10607">
        <v>3</v>
      </c>
      <c r="T10607">
        <v>3</v>
      </c>
      <c r="U10607">
        <v>3</v>
      </c>
      <c r="V10607">
        <v>3</v>
      </c>
      <c r="W10607">
        <v>3</v>
      </c>
      <c r="X10607">
        <v>3</v>
      </c>
      <c r="Y10607">
        <v>3</v>
      </c>
      <c r="Z10607">
        <v>3</v>
      </c>
      <c r="AA10607">
        <v>3</v>
      </c>
      <c r="AB10607">
        <v>3</v>
      </c>
      <c r="AC10607">
        <v>3</v>
      </c>
      <c r="AD10607">
        <v>3</v>
      </c>
      <c r="AE10607">
        <v>3</v>
      </c>
      <c r="AF10607">
        <v>3</v>
      </c>
      <c r="AG10607">
        <v>3</v>
      </c>
      <c r="AH10607">
        <v>3</v>
      </c>
      <c r="AI10607">
        <v>3</v>
      </c>
      <c r="AJ10607">
        <v>3</v>
      </c>
      <c r="AK10607">
        <v>3</v>
      </c>
      <c r="AL10607">
        <v>3</v>
      </c>
      <c r="AM10607">
        <v>3</v>
      </c>
      <c r="AN10607">
        <v>3</v>
      </c>
      <c r="AO10607">
        <v>3</v>
      </c>
      <c r="AP10607">
        <v>3</v>
      </c>
      <c r="AQ10607">
        <v>3</v>
      </c>
    </row>
    <row r="10608" spans="1:43">
      <c r="A10608" t="s">
        <v>6598</v>
      </c>
      <c r="B10608" t="s">
        <v>6599</v>
      </c>
      <c r="C10608" t="s">
        <v>6592</v>
      </c>
      <c r="D10608" t="s">
        <v>6593</v>
      </c>
      <c r="E10608" t="s">
        <v>6594</v>
      </c>
      <c r="F10608" t="s">
        <v>6595</v>
      </c>
      <c r="G10608" t="s">
        <v>80</v>
      </c>
      <c r="H10608" t="s">
        <v>81</v>
      </c>
      <c r="I10608" s="2">
        <v>0</v>
      </c>
      <c r="J10608" s="2">
        <v>1</v>
      </c>
      <c r="K10608" s="2">
        <v>0</v>
      </c>
      <c r="L10608" t="s">
        <v>82</v>
      </c>
      <c r="M10608" t="s">
        <v>89</v>
      </c>
      <c r="N10608" t="s">
        <v>90</v>
      </c>
      <c r="O10608" t="s">
        <v>85</v>
      </c>
      <c r="P10608" t="s">
        <v>86</v>
      </c>
      <c r="Q10608">
        <v>3</v>
      </c>
      <c r="R10608">
        <v>3</v>
      </c>
      <c r="S10608">
        <v>3</v>
      </c>
      <c r="T10608">
        <v>3</v>
      </c>
      <c r="U10608">
        <v>3</v>
      </c>
      <c r="V10608">
        <v>3</v>
      </c>
      <c r="W10608">
        <v>3</v>
      </c>
      <c r="X10608">
        <v>3</v>
      </c>
      <c r="Y10608">
        <v>4</v>
      </c>
      <c r="Z10608">
        <v>4</v>
      </c>
      <c r="AA10608">
        <v>4</v>
      </c>
      <c r="AB10608">
        <v>4</v>
      </c>
      <c r="AC10608">
        <v>4</v>
      </c>
      <c r="AD10608">
        <v>4</v>
      </c>
      <c r="AE10608">
        <v>4</v>
      </c>
      <c r="AF10608">
        <v>4</v>
      </c>
      <c r="AG10608">
        <v>4</v>
      </c>
      <c r="AH10608">
        <v>4</v>
      </c>
      <c r="AI10608">
        <v>3</v>
      </c>
      <c r="AJ10608">
        <v>3</v>
      </c>
      <c r="AK10608">
        <v>3</v>
      </c>
      <c r="AL10608">
        <v>3</v>
      </c>
      <c r="AM10608">
        <v>3</v>
      </c>
      <c r="AN10608">
        <v>3</v>
      </c>
      <c r="AO10608">
        <v>3</v>
      </c>
      <c r="AP10608">
        <v>3</v>
      </c>
      <c r="AQ10608">
        <v>3</v>
      </c>
    </row>
    <row r="10609" spans="1:43">
      <c r="A10609" t="s">
        <v>6598</v>
      </c>
      <c r="B10609" t="s">
        <v>6599</v>
      </c>
      <c r="C10609" t="s">
        <v>6592</v>
      </c>
      <c r="D10609" t="s">
        <v>6593</v>
      </c>
      <c r="E10609" t="s">
        <v>6594</v>
      </c>
      <c r="F10609" t="s">
        <v>6595</v>
      </c>
      <c r="G10609" t="s">
        <v>80</v>
      </c>
      <c r="H10609" t="s">
        <v>81</v>
      </c>
      <c r="I10609" s="2">
        <v>0</v>
      </c>
      <c r="J10609" s="2">
        <v>1</v>
      </c>
      <c r="K10609" s="2">
        <v>0</v>
      </c>
      <c r="L10609" t="s">
        <v>82</v>
      </c>
      <c r="M10609" t="s">
        <v>83</v>
      </c>
      <c r="N10609" t="s">
        <v>91</v>
      </c>
      <c r="O10609" t="s">
        <v>85</v>
      </c>
      <c r="P10609" t="s">
        <v>86</v>
      </c>
      <c r="Q10609">
        <v>3</v>
      </c>
      <c r="R10609">
        <v>3</v>
      </c>
      <c r="S10609">
        <v>3</v>
      </c>
      <c r="T10609">
        <v>3</v>
      </c>
      <c r="U10609">
        <v>3</v>
      </c>
      <c r="V10609">
        <v>3</v>
      </c>
      <c r="W10609">
        <v>3</v>
      </c>
      <c r="X10609">
        <v>3</v>
      </c>
      <c r="Y10609">
        <v>3</v>
      </c>
      <c r="Z10609">
        <v>3</v>
      </c>
      <c r="AA10609">
        <v>3</v>
      </c>
      <c r="AB10609">
        <v>3</v>
      </c>
      <c r="AC10609">
        <v>3</v>
      </c>
      <c r="AD10609">
        <v>3</v>
      </c>
      <c r="AE10609">
        <v>3</v>
      </c>
      <c r="AF10609">
        <v>3</v>
      </c>
      <c r="AG10609">
        <v>3</v>
      </c>
      <c r="AH10609">
        <v>3</v>
      </c>
      <c r="AI10609">
        <v>3</v>
      </c>
      <c r="AJ10609">
        <v>3</v>
      </c>
      <c r="AK10609">
        <v>3</v>
      </c>
      <c r="AL10609">
        <v>3</v>
      </c>
      <c r="AM10609">
        <v>3</v>
      </c>
      <c r="AN10609">
        <v>3</v>
      </c>
      <c r="AO10609">
        <v>3</v>
      </c>
      <c r="AP10609">
        <v>3</v>
      </c>
      <c r="AQ10609">
        <v>3</v>
      </c>
    </row>
    <row r="10610" spans="1:43">
      <c r="A10610" t="s">
        <v>6600</v>
      </c>
      <c r="B10610" t="s">
        <v>6601</v>
      </c>
      <c r="C10610" t="s">
        <v>6592</v>
      </c>
      <c r="D10610" t="s">
        <v>6593</v>
      </c>
      <c r="E10610" t="s">
        <v>6594</v>
      </c>
      <c r="F10610" t="s">
        <v>6595</v>
      </c>
      <c r="G10610" t="s">
        <v>80</v>
      </c>
      <c r="H10610" t="s">
        <v>81</v>
      </c>
      <c r="I10610" s="2">
        <v>0</v>
      </c>
      <c r="J10610" s="2">
        <v>1</v>
      </c>
      <c r="K10610" s="2">
        <v>0</v>
      </c>
      <c r="L10610" t="s">
        <v>82</v>
      </c>
      <c r="M10610" t="s">
        <v>83</v>
      </c>
      <c r="N10610" t="s">
        <v>84</v>
      </c>
      <c r="O10610" t="s">
        <v>85</v>
      </c>
      <c r="P10610" t="s">
        <v>86</v>
      </c>
      <c r="Q10610">
        <v>36</v>
      </c>
      <c r="R10610">
        <v>36</v>
      </c>
      <c r="S10610">
        <v>36</v>
      </c>
      <c r="T10610">
        <v>37</v>
      </c>
      <c r="U10610">
        <v>37</v>
      </c>
      <c r="V10610">
        <v>37</v>
      </c>
      <c r="W10610">
        <v>37</v>
      </c>
      <c r="X10610">
        <v>37</v>
      </c>
      <c r="Y10610">
        <v>37</v>
      </c>
      <c r="Z10610">
        <v>38</v>
      </c>
      <c r="AA10610">
        <v>38</v>
      </c>
      <c r="AB10610">
        <v>38</v>
      </c>
      <c r="AC10610">
        <v>38</v>
      </c>
      <c r="AD10610">
        <v>38</v>
      </c>
      <c r="AE10610">
        <v>38</v>
      </c>
      <c r="AF10610">
        <v>38</v>
      </c>
      <c r="AG10610">
        <v>38</v>
      </c>
      <c r="AH10610">
        <v>38</v>
      </c>
      <c r="AI10610">
        <v>38</v>
      </c>
      <c r="AJ10610">
        <v>38</v>
      </c>
      <c r="AK10610">
        <v>38</v>
      </c>
      <c r="AL10610">
        <v>38</v>
      </c>
      <c r="AM10610">
        <v>37</v>
      </c>
      <c r="AN10610">
        <v>37</v>
      </c>
      <c r="AO10610">
        <v>37</v>
      </c>
      <c r="AP10610">
        <v>36</v>
      </c>
      <c r="AQ10610">
        <v>36</v>
      </c>
    </row>
    <row r="10611" spans="1:43">
      <c r="A10611" t="s">
        <v>6600</v>
      </c>
      <c r="B10611" t="s">
        <v>6601</v>
      </c>
      <c r="C10611" t="s">
        <v>6592</v>
      </c>
      <c r="D10611" t="s">
        <v>6593</v>
      </c>
      <c r="E10611" t="s">
        <v>6594</v>
      </c>
      <c r="F10611" t="s">
        <v>6595</v>
      </c>
      <c r="G10611" t="s">
        <v>80</v>
      </c>
      <c r="H10611" t="s">
        <v>81</v>
      </c>
      <c r="I10611" s="2">
        <v>0</v>
      </c>
      <c r="J10611" s="2">
        <v>1</v>
      </c>
      <c r="K10611" s="2">
        <v>0</v>
      </c>
      <c r="L10611" t="s">
        <v>82</v>
      </c>
      <c r="M10611" t="s">
        <v>87</v>
      </c>
      <c r="N10611" t="s">
        <v>88</v>
      </c>
      <c r="O10611" t="s">
        <v>85</v>
      </c>
      <c r="P10611" t="s">
        <v>86</v>
      </c>
      <c r="Q10611">
        <v>36</v>
      </c>
      <c r="R10611">
        <v>36</v>
      </c>
      <c r="S10611">
        <v>35</v>
      </c>
      <c r="T10611">
        <v>35</v>
      </c>
      <c r="U10611">
        <v>35</v>
      </c>
      <c r="V10611">
        <v>35</v>
      </c>
      <c r="W10611">
        <v>35</v>
      </c>
      <c r="X10611">
        <v>35</v>
      </c>
      <c r="Y10611">
        <v>35</v>
      </c>
      <c r="Z10611">
        <v>34</v>
      </c>
      <c r="AA10611">
        <v>34</v>
      </c>
      <c r="AB10611">
        <v>34</v>
      </c>
      <c r="AC10611">
        <v>34</v>
      </c>
      <c r="AD10611">
        <v>34</v>
      </c>
      <c r="AE10611">
        <v>34</v>
      </c>
      <c r="AF10611">
        <v>33</v>
      </c>
      <c r="AG10611">
        <v>33</v>
      </c>
      <c r="AH10611">
        <v>33</v>
      </c>
      <c r="AI10611">
        <v>33</v>
      </c>
      <c r="AJ10611">
        <v>33</v>
      </c>
      <c r="AK10611">
        <v>32</v>
      </c>
      <c r="AL10611">
        <v>32</v>
      </c>
      <c r="AM10611">
        <v>32</v>
      </c>
      <c r="AN10611">
        <v>32</v>
      </c>
      <c r="AO10611">
        <v>32</v>
      </c>
      <c r="AP10611">
        <v>32</v>
      </c>
      <c r="AQ10611">
        <v>31</v>
      </c>
    </row>
    <row r="10612" spans="1:43">
      <c r="A10612" t="s">
        <v>6600</v>
      </c>
      <c r="B10612" t="s">
        <v>6601</v>
      </c>
      <c r="C10612" t="s">
        <v>6592</v>
      </c>
      <c r="D10612" t="s">
        <v>6593</v>
      </c>
      <c r="E10612" t="s">
        <v>6594</v>
      </c>
      <c r="F10612" t="s">
        <v>6595</v>
      </c>
      <c r="G10612" t="s">
        <v>80</v>
      </c>
      <c r="H10612" t="s">
        <v>81</v>
      </c>
      <c r="I10612" s="2">
        <v>0</v>
      </c>
      <c r="J10612" s="2">
        <v>1</v>
      </c>
      <c r="K10612" s="2">
        <v>0</v>
      </c>
      <c r="L10612" t="s">
        <v>82</v>
      </c>
      <c r="M10612" t="s">
        <v>89</v>
      </c>
      <c r="N10612" t="s">
        <v>90</v>
      </c>
      <c r="O10612" t="s">
        <v>85</v>
      </c>
      <c r="P10612" t="s">
        <v>86</v>
      </c>
      <c r="Q10612">
        <v>36</v>
      </c>
      <c r="R10612">
        <v>37</v>
      </c>
      <c r="S10612">
        <v>37</v>
      </c>
      <c r="T10612">
        <v>38</v>
      </c>
      <c r="U10612">
        <v>38</v>
      </c>
      <c r="V10612">
        <v>39</v>
      </c>
      <c r="W10612">
        <v>39</v>
      </c>
      <c r="X10612">
        <v>39</v>
      </c>
      <c r="Y10612">
        <v>40</v>
      </c>
      <c r="Z10612">
        <v>40</v>
      </c>
      <c r="AA10612">
        <v>40</v>
      </c>
      <c r="AB10612">
        <v>40</v>
      </c>
      <c r="AC10612">
        <v>40</v>
      </c>
      <c r="AD10612">
        <v>41</v>
      </c>
      <c r="AE10612">
        <v>41</v>
      </c>
      <c r="AF10612">
        <v>40</v>
      </c>
      <c r="AG10612">
        <v>40</v>
      </c>
      <c r="AH10612">
        <v>39</v>
      </c>
      <c r="AI10612">
        <v>39</v>
      </c>
      <c r="AJ10612">
        <v>39</v>
      </c>
      <c r="AK10612">
        <v>38</v>
      </c>
      <c r="AL10612">
        <v>38</v>
      </c>
      <c r="AM10612">
        <v>38</v>
      </c>
      <c r="AN10612">
        <v>37</v>
      </c>
      <c r="AO10612">
        <v>37</v>
      </c>
      <c r="AP10612">
        <v>37</v>
      </c>
      <c r="AQ10612">
        <v>36</v>
      </c>
    </row>
    <row r="10613" spans="1:43">
      <c r="A10613" t="s">
        <v>6600</v>
      </c>
      <c r="B10613" t="s">
        <v>6601</v>
      </c>
      <c r="C10613" t="s">
        <v>6592</v>
      </c>
      <c r="D10613" t="s">
        <v>6593</v>
      </c>
      <c r="E10613" t="s">
        <v>6594</v>
      </c>
      <c r="F10613" t="s">
        <v>6595</v>
      </c>
      <c r="G10613" t="s">
        <v>80</v>
      </c>
      <c r="H10613" t="s">
        <v>81</v>
      </c>
      <c r="I10613" s="2">
        <v>0</v>
      </c>
      <c r="J10613" s="2">
        <v>1</v>
      </c>
      <c r="K10613" s="2">
        <v>0</v>
      </c>
      <c r="L10613" t="s">
        <v>82</v>
      </c>
      <c r="M10613" t="s">
        <v>83</v>
      </c>
      <c r="N10613" t="s">
        <v>91</v>
      </c>
      <c r="O10613" t="s">
        <v>85</v>
      </c>
      <c r="P10613" t="s">
        <v>86</v>
      </c>
      <c r="Q10613">
        <v>36</v>
      </c>
      <c r="R10613">
        <v>36</v>
      </c>
      <c r="S10613">
        <v>36</v>
      </c>
      <c r="T10613">
        <v>37</v>
      </c>
      <c r="U10613">
        <v>37</v>
      </c>
      <c r="V10613">
        <v>37</v>
      </c>
      <c r="W10613">
        <v>37</v>
      </c>
      <c r="X10613">
        <v>37</v>
      </c>
      <c r="Y10613">
        <v>37</v>
      </c>
      <c r="Z10613">
        <v>38</v>
      </c>
      <c r="AA10613">
        <v>38</v>
      </c>
      <c r="AB10613">
        <v>38</v>
      </c>
      <c r="AC10613">
        <v>38</v>
      </c>
      <c r="AD10613">
        <v>38</v>
      </c>
      <c r="AE10613">
        <v>38</v>
      </c>
      <c r="AF10613">
        <v>38</v>
      </c>
      <c r="AG10613">
        <v>38</v>
      </c>
      <c r="AH10613">
        <v>38</v>
      </c>
      <c r="AI10613">
        <v>38</v>
      </c>
      <c r="AJ10613">
        <v>38</v>
      </c>
      <c r="AK10613">
        <v>38</v>
      </c>
      <c r="AL10613">
        <v>38</v>
      </c>
      <c r="AM10613">
        <v>37</v>
      </c>
      <c r="AN10613">
        <v>37</v>
      </c>
      <c r="AO10613">
        <v>37</v>
      </c>
      <c r="AP10613">
        <v>36</v>
      </c>
      <c r="AQ10613">
        <v>36</v>
      </c>
    </row>
    <row r="10614" spans="1:43">
      <c r="A10614" t="s">
        <v>6602</v>
      </c>
      <c r="B10614" t="s">
        <v>6603</v>
      </c>
      <c r="C10614" t="s">
        <v>6604</v>
      </c>
      <c r="D10614" t="s">
        <v>6605</v>
      </c>
      <c r="E10614" t="s">
        <v>6594</v>
      </c>
      <c r="F10614" t="s">
        <v>6595</v>
      </c>
      <c r="G10614" t="s">
        <v>80</v>
      </c>
      <c r="H10614" t="s">
        <v>81</v>
      </c>
      <c r="I10614" s="2">
        <v>0</v>
      </c>
      <c r="J10614" s="2">
        <v>1</v>
      </c>
      <c r="K10614" s="2">
        <v>0</v>
      </c>
      <c r="L10614" t="s">
        <v>82</v>
      </c>
      <c r="M10614" t="s">
        <v>83</v>
      </c>
      <c r="N10614" t="s">
        <v>84</v>
      </c>
      <c r="O10614" t="s">
        <v>85</v>
      </c>
      <c r="P10614" t="s">
        <v>86</v>
      </c>
      <c r="Q10614">
        <v>32</v>
      </c>
      <c r="R10614">
        <v>32</v>
      </c>
      <c r="S10614">
        <v>32</v>
      </c>
      <c r="T10614">
        <v>32</v>
      </c>
      <c r="U10614">
        <v>32</v>
      </c>
      <c r="V10614">
        <v>32</v>
      </c>
      <c r="W10614">
        <v>33</v>
      </c>
      <c r="X10614">
        <v>33</v>
      </c>
      <c r="Y10614">
        <v>33</v>
      </c>
      <c r="Z10614">
        <v>33</v>
      </c>
      <c r="AA10614">
        <v>33</v>
      </c>
      <c r="AB10614">
        <v>33</v>
      </c>
      <c r="AC10614">
        <v>33</v>
      </c>
      <c r="AD10614">
        <v>33</v>
      </c>
      <c r="AE10614">
        <v>33</v>
      </c>
      <c r="AF10614">
        <v>33</v>
      </c>
      <c r="AG10614">
        <v>33</v>
      </c>
      <c r="AH10614">
        <v>33</v>
      </c>
      <c r="AI10614">
        <v>33</v>
      </c>
      <c r="AJ10614">
        <v>33</v>
      </c>
      <c r="AK10614">
        <v>33</v>
      </c>
      <c r="AL10614">
        <v>33</v>
      </c>
      <c r="AM10614">
        <v>33</v>
      </c>
      <c r="AN10614">
        <v>32</v>
      </c>
      <c r="AO10614">
        <v>32</v>
      </c>
      <c r="AP10614">
        <v>32</v>
      </c>
      <c r="AQ10614">
        <v>31</v>
      </c>
    </row>
    <row r="10615" spans="1:43">
      <c r="A10615" t="s">
        <v>6602</v>
      </c>
      <c r="B10615" t="s">
        <v>6603</v>
      </c>
      <c r="C10615" t="s">
        <v>6604</v>
      </c>
      <c r="D10615" t="s">
        <v>6605</v>
      </c>
      <c r="E10615" t="s">
        <v>6594</v>
      </c>
      <c r="F10615" t="s">
        <v>6595</v>
      </c>
      <c r="G10615" t="s">
        <v>80</v>
      </c>
      <c r="H10615" t="s">
        <v>81</v>
      </c>
      <c r="I10615" s="2">
        <v>0</v>
      </c>
      <c r="J10615" s="2">
        <v>1</v>
      </c>
      <c r="K10615" s="2">
        <v>0</v>
      </c>
      <c r="L10615" t="s">
        <v>82</v>
      </c>
      <c r="M10615" t="s">
        <v>87</v>
      </c>
      <c r="N10615" t="s">
        <v>88</v>
      </c>
      <c r="O10615" t="s">
        <v>85</v>
      </c>
      <c r="P10615" t="s">
        <v>86</v>
      </c>
      <c r="Q10615">
        <v>32</v>
      </c>
      <c r="R10615">
        <v>32</v>
      </c>
      <c r="S10615">
        <v>32</v>
      </c>
      <c r="T10615">
        <v>32</v>
      </c>
      <c r="U10615">
        <v>32</v>
      </c>
      <c r="V10615">
        <v>32</v>
      </c>
      <c r="W10615">
        <v>32</v>
      </c>
      <c r="X10615">
        <v>32</v>
      </c>
      <c r="Y10615">
        <v>31</v>
      </c>
      <c r="Z10615">
        <v>31</v>
      </c>
      <c r="AA10615">
        <v>31</v>
      </c>
      <c r="AB10615">
        <v>31</v>
      </c>
      <c r="AC10615">
        <v>31</v>
      </c>
      <c r="AD10615">
        <v>31</v>
      </c>
      <c r="AE10615">
        <v>30</v>
      </c>
      <c r="AF10615">
        <v>30</v>
      </c>
      <c r="AG10615">
        <v>30</v>
      </c>
      <c r="AH10615">
        <v>30</v>
      </c>
      <c r="AI10615">
        <v>30</v>
      </c>
      <c r="AJ10615">
        <v>29</v>
      </c>
      <c r="AK10615">
        <v>29</v>
      </c>
      <c r="AL10615">
        <v>29</v>
      </c>
      <c r="AM10615">
        <v>29</v>
      </c>
      <c r="AN10615">
        <v>29</v>
      </c>
      <c r="AO10615">
        <v>29</v>
      </c>
      <c r="AP10615">
        <v>28</v>
      </c>
      <c r="AQ10615">
        <v>28</v>
      </c>
    </row>
    <row r="10616" spans="1:43">
      <c r="A10616" t="s">
        <v>6602</v>
      </c>
      <c r="B10616" t="s">
        <v>6603</v>
      </c>
      <c r="C10616" t="s">
        <v>6604</v>
      </c>
      <c r="D10616" t="s">
        <v>6605</v>
      </c>
      <c r="E10616" t="s">
        <v>6594</v>
      </c>
      <c r="F10616" t="s">
        <v>6595</v>
      </c>
      <c r="G10616" t="s">
        <v>80</v>
      </c>
      <c r="H10616" t="s">
        <v>81</v>
      </c>
      <c r="I10616" s="2">
        <v>0</v>
      </c>
      <c r="J10616" s="2">
        <v>1</v>
      </c>
      <c r="K10616" s="2">
        <v>0</v>
      </c>
      <c r="L10616" t="s">
        <v>82</v>
      </c>
      <c r="M10616" t="s">
        <v>89</v>
      </c>
      <c r="N10616" t="s">
        <v>90</v>
      </c>
      <c r="O10616" t="s">
        <v>85</v>
      </c>
      <c r="P10616" t="s">
        <v>86</v>
      </c>
      <c r="Q10616">
        <v>32</v>
      </c>
      <c r="R10616">
        <v>32</v>
      </c>
      <c r="S10616">
        <v>33</v>
      </c>
      <c r="T10616">
        <v>33</v>
      </c>
      <c r="U10616">
        <v>34</v>
      </c>
      <c r="V10616">
        <v>34</v>
      </c>
      <c r="W10616">
        <v>34</v>
      </c>
      <c r="X10616">
        <v>35</v>
      </c>
      <c r="Y10616">
        <v>35</v>
      </c>
      <c r="Z10616">
        <v>35</v>
      </c>
      <c r="AA10616">
        <v>35</v>
      </c>
      <c r="AB10616">
        <v>35</v>
      </c>
      <c r="AC10616">
        <v>35</v>
      </c>
      <c r="AD10616">
        <v>36</v>
      </c>
      <c r="AE10616">
        <v>36</v>
      </c>
      <c r="AF10616">
        <v>35</v>
      </c>
      <c r="AG10616">
        <v>35</v>
      </c>
      <c r="AH10616">
        <v>35</v>
      </c>
      <c r="AI10616">
        <v>34</v>
      </c>
      <c r="AJ10616">
        <v>34</v>
      </c>
      <c r="AK10616">
        <v>34</v>
      </c>
      <c r="AL10616">
        <v>33</v>
      </c>
      <c r="AM10616">
        <v>33</v>
      </c>
      <c r="AN10616">
        <v>33</v>
      </c>
      <c r="AO10616">
        <v>32</v>
      </c>
      <c r="AP10616">
        <v>32</v>
      </c>
      <c r="AQ10616">
        <v>32</v>
      </c>
    </row>
    <row r="10617" spans="1:43">
      <c r="A10617" t="s">
        <v>6602</v>
      </c>
      <c r="B10617" t="s">
        <v>6603</v>
      </c>
      <c r="C10617" t="s">
        <v>6604</v>
      </c>
      <c r="D10617" t="s">
        <v>6605</v>
      </c>
      <c r="E10617" t="s">
        <v>6594</v>
      </c>
      <c r="F10617" t="s">
        <v>6595</v>
      </c>
      <c r="G10617" t="s">
        <v>80</v>
      </c>
      <c r="H10617" t="s">
        <v>81</v>
      </c>
      <c r="I10617" s="2">
        <v>0</v>
      </c>
      <c r="J10617" s="2">
        <v>1</v>
      </c>
      <c r="K10617" s="2">
        <v>0</v>
      </c>
      <c r="L10617" t="s">
        <v>82</v>
      </c>
      <c r="M10617" t="s">
        <v>83</v>
      </c>
      <c r="N10617" t="s">
        <v>91</v>
      </c>
      <c r="O10617" t="s">
        <v>85</v>
      </c>
      <c r="P10617" t="s">
        <v>86</v>
      </c>
      <c r="Q10617">
        <v>32</v>
      </c>
      <c r="R10617">
        <v>32</v>
      </c>
      <c r="S10617">
        <v>32</v>
      </c>
      <c r="T10617">
        <v>32</v>
      </c>
      <c r="U10617">
        <v>32</v>
      </c>
      <c r="V10617">
        <v>32</v>
      </c>
      <c r="W10617">
        <v>33</v>
      </c>
      <c r="X10617">
        <v>33</v>
      </c>
      <c r="Y10617">
        <v>33</v>
      </c>
      <c r="Z10617">
        <v>33</v>
      </c>
      <c r="AA10617">
        <v>33</v>
      </c>
      <c r="AB10617">
        <v>33</v>
      </c>
      <c r="AC10617">
        <v>33</v>
      </c>
      <c r="AD10617">
        <v>33</v>
      </c>
      <c r="AE10617">
        <v>33</v>
      </c>
      <c r="AF10617">
        <v>33</v>
      </c>
      <c r="AG10617">
        <v>33</v>
      </c>
      <c r="AH10617">
        <v>33</v>
      </c>
      <c r="AI10617">
        <v>33</v>
      </c>
      <c r="AJ10617">
        <v>33</v>
      </c>
      <c r="AK10617">
        <v>33</v>
      </c>
      <c r="AL10617">
        <v>33</v>
      </c>
      <c r="AM10617">
        <v>33</v>
      </c>
      <c r="AN10617">
        <v>32</v>
      </c>
      <c r="AO10617">
        <v>32</v>
      </c>
      <c r="AP10617">
        <v>32</v>
      </c>
      <c r="AQ10617">
        <v>31</v>
      </c>
    </row>
    <row r="10618" spans="1:43">
      <c r="A10618" t="s">
        <v>6606</v>
      </c>
      <c r="B10618" t="s">
        <v>6607</v>
      </c>
      <c r="C10618" t="s">
        <v>6604</v>
      </c>
      <c r="D10618" t="s">
        <v>6605</v>
      </c>
      <c r="E10618" t="s">
        <v>6594</v>
      </c>
      <c r="F10618" t="s">
        <v>6595</v>
      </c>
      <c r="G10618" t="s">
        <v>80</v>
      </c>
      <c r="H10618" t="s">
        <v>81</v>
      </c>
      <c r="I10618" s="2">
        <v>0</v>
      </c>
      <c r="J10618" s="2">
        <v>1</v>
      </c>
      <c r="K10618" s="2">
        <v>0</v>
      </c>
      <c r="L10618" t="s">
        <v>82</v>
      </c>
      <c r="M10618" t="s">
        <v>83</v>
      </c>
      <c r="N10618" t="s">
        <v>84</v>
      </c>
      <c r="O10618" t="s">
        <v>85</v>
      </c>
      <c r="P10618" t="s">
        <v>86</v>
      </c>
      <c r="Q10618">
        <v>32</v>
      </c>
      <c r="R10618">
        <v>32</v>
      </c>
      <c r="S10618">
        <v>32</v>
      </c>
      <c r="T10618">
        <v>32</v>
      </c>
      <c r="U10618">
        <v>33</v>
      </c>
      <c r="V10618">
        <v>33</v>
      </c>
      <c r="W10618">
        <v>33</v>
      </c>
      <c r="X10618">
        <v>33</v>
      </c>
      <c r="Y10618">
        <v>33</v>
      </c>
      <c r="Z10618">
        <v>33</v>
      </c>
      <c r="AA10618">
        <v>33</v>
      </c>
      <c r="AB10618">
        <v>33</v>
      </c>
      <c r="AC10618">
        <v>33</v>
      </c>
      <c r="AD10618">
        <v>34</v>
      </c>
      <c r="AE10618">
        <v>34</v>
      </c>
      <c r="AF10618">
        <v>34</v>
      </c>
      <c r="AG10618">
        <v>34</v>
      </c>
      <c r="AH10618">
        <v>34</v>
      </c>
      <c r="AI10618">
        <v>34</v>
      </c>
      <c r="AJ10618">
        <v>34</v>
      </c>
      <c r="AK10618">
        <v>34</v>
      </c>
      <c r="AL10618">
        <v>33</v>
      </c>
      <c r="AM10618">
        <v>33</v>
      </c>
      <c r="AN10618">
        <v>33</v>
      </c>
      <c r="AO10618">
        <v>33</v>
      </c>
      <c r="AP10618">
        <v>32</v>
      </c>
      <c r="AQ10618">
        <v>32</v>
      </c>
    </row>
    <row r="10619" spans="1:43">
      <c r="A10619" t="s">
        <v>6606</v>
      </c>
      <c r="B10619" t="s">
        <v>6607</v>
      </c>
      <c r="C10619" t="s">
        <v>6604</v>
      </c>
      <c r="D10619" t="s">
        <v>6605</v>
      </c>
      <c r="E10619" t="s">
        <v>6594</v>
      </c>
      <c r="F10619" t="s">
        <v>6595</v>
      </c>
      <c r="G10619" t="s">
        <v>80</v>
      </c>
      <c r="H10619" t="s">
        <v>81</v>
      </c>
      <c r="I10619" s="2">
        <v>0</v>
      </c>
      <c r="J10619" s="2">
        <v>1</v>
      </c>
      <c r="K10619" s="2">
        <v>0</v>
      </c>
      <c r="L10619" t="s">
        <v>82</v>
      </c>
      <c r="M10619" t="s">
        <v>87</v>
      </c>
      <c r="N10619" t="s">
        <v>88</v>
      </c>
      <c r="O10619" t="s">
        <v>85</v>
      </c>
      <c r="P10619" t="s">
        <v>86</v>
      </c>
      <c r="Q10619">
        <v>32</v>
      </c>
      <c r="R10619">
        <v>32</v>
      </c>
      <c r="S10619">
        <v>32</v>
      </c>
      <c r="T10619">
        <v>32</v>
      </c>
      <c r="U10619">
        <v>32</v>
      </c>
      <c r="V10619">
        <v>32</v>
      </c>
      <c r="W10619">
        <v>32</v>
      </c>
      <c r="X10619">
        <v>32</v>
      </c>
      <c r="Y10619">
        <v>32</v>
      </c>
      <c r="Z10619">
        <v>31</v>
      </c>
      <c r="AA10619">
        <v>31</v>
      </c>
      <c r="AB10619">
        <v>31</v>
      </c>
      <c r="AC10619">
        <v>31</v>
      </c>
      <c r="AD10619">
        <v>31</v>
      </c>
      <c r="AE10619">
        <v>31</v>
      </c>
      <c r="AF10619">
        <v>31</v>
      </c>
      <c r="AG10619">
        <v>30</v>
      </c>
      <c r="AH10619">
        <v>30</v>
      </c>
      <c r="AI10619">
        <v>30</v>
      </c>
      <c r="AJ10619">
        <v>30</v>
      </c>
      <c r="AK10619">
        <v>30</v>
      </c>
      <c r="AL10619">
        <v>30</v>
      </c>
      <c r="AM10619">
        <v>29</v>
      </c>
      <c r="AN10619">
        <v>29</v>
      </c>
      <c r="AO10619">
        <v>29</v>
      </c>
      <c r="AP10619">
        <v>29</v>
      </c>
      <c r="AQ10619">
        <v>29</v>
      </c>
    </row>
    <row r="10620" spans="1:43">
      <c r="A10620" t="s">
        <v>6606</v>
      </c>
      <c r="B10620" t="s">
        <v>6607</v>
      </c>
      <c r="C10620" t="s">
        <v>6604</v>
      </c>
      <c r="D10620" t="s">
        <v>6605</v>
      </c>
      <c r="E10620" t="s">
        <v>6594</v>
      </c>
      <c r="F10620" t="s">
        <v>6595</v>
      </c>
      <c r="G10620" t="s">
        <v>80</v>
      </c>
      <c r="H10620" t="s">
        <v>81</v>
      </c>
      <c r="I10620" s="2">
        <v>0</v>
      </c>
      <c r="J10620" s="2">
        <v>1</v>
      </c>
      <c r="K10620" s="2">
        <v>0</v>
      </c>
      <c r="L10620" t="s">
        <v>82</v>
      </c>
      <c r="M10620" t="s">
        <v>89</v>
      </c>
      <c r="N10620" t="s">
        <v>90</v>
      </c>
      <c r="O10620" t="s">
        <v>85</v>
      </c>
      <c r="P10620" t="s">
        <v>86</v>
      </c>
      <c r="Q10620">
        <v>32</v>
      </c>
      <c r="R10620">
        <v>32</v>
      </c>
      <c r="S10620">
        <v>33</v>
      </c>
      <c r="T10620">
        <v>33</v>
      </c>
      <c r="U10620">
        <v>34</v>
      </c>
      <c r="V10620">
        <v>34</v>
      </c>
      <c r="W10620">
        <v>35</v>
      </c>
      <c r="X10620">
        <v>35</v>
      </c>
      <c r="Y10620">
        <v>35</v>
      </c>
      <c r="Z10620">
        <v>35</v>
      </c>
      <c r="AA10620">
        <v>35</v>
      </c>
      <c r="AB10620">
        <v>36</v>
      </c>
      <c r="AC10620">
        <v>36</v>
      </c>
      <c r="AD10620">
        <v>36</v>
      </c>
      <c r="AE10620">
        <v>36</v>
      </c>
      <c r="AF10620">
        <v>36</v>
      </c>
      <c r="AG10620">
        <v>35</v>
      </c>
      <c r="AH10620">
        <v>35</v>
      </c>
      <c r="AI10620">
        <v>35</v>
      </c>
      <c r="AJ10620">
        <v>34</v>
      </c>
      <c r="AK10620">
        <v>34</v>
      </c>
      <c r="AL10620">
        <v>34</v>
      </c>
      <c r="AM10620">
        <v>34</v>
      </c>
      <c r="AN10620">
        <v>33</v>
      </c>
      <c r="AO10620">
        <v>33</v>
      </c>
      <c r="AP10620">
        <v>33</v>
      </c>
      <c r="AQ10620">
        <v>33</v>
      </c>
    </row>
    <row r="10621" spans="1:43">
      <c r="A10621" t="s">
        <v>6606</v>
      </c>
      <c r="B10621" t="s">
        <v>6607</v>
      </c>
      <c r="C10621" t="s">
        <v>6604</v>
      </c>
      <c r="D10621" t="s">
        <v>6605</v>
      </c>
      <c r="E10621" t="s">
        <v>6594</v>
      </c>
      <c r="F10621" t="s">
        <v>6595</v>
      </c>
      <c r="G10621" t="s">
        <v>80</v>
      </c>
      <c r="H10621" t="s">
        <v>81</v>
      </c>
      <c r="I10621" s="2">
        <v>0</v>
      </c>
      <c r="J10621" s="2">
        <v>1</v>
      </c>
      <c r="K10621" s="2">
        <v>0</v>
      </c>
      <c r="L10621" t="s">
        <v>82</v>
      </c>
      <c r="M10621" t="s">
        <v>83</v>
      </c>
      <c r="N10621" t="s">
        <v>91</v>
      </c>
      <c r="O10621" t="s">
        <v>85</v>
      </c>
      <c r="P10621" t="s">
        <v>86</v>
      </c>
      <c r="Q10621">
        <v>32</v>
      </c>
      <c r="R10621">
        <v>32</v>
      </c>
      <c r="S10621">
        <v>32</v>
      </c>
      <c r="T10621">
        <v>32</v>
      </c>
      <c r="U10621">
        <v>33</v>
      </c>
      <c r="V10621">
        <v>33</v>
      </c>
      <c r="W10621">
        <v>33</v>
      </c>
      <c r="X10621">
        <v>33</v>
      </c>
      <c r="Y10621">
        <v>33</v>
      </c>
      <c r="Z10621">
        <v>33</v>
      </c>
      <c r="AA10621">
        <v>33</v>
      </c>
      <c r="AB10621">
        <v>33</v>
      </c>
      <c r="AC10621">
        <v>33</v>
      </c>
      <c r="AD10621">
        <v>34</v>
      </c>
      <c r="AE10621">
        <v>34</v>
      </c>
      <c r="AF10621">
        <v>34</v>
      </c>
      <c r="AG10621">
        <v>34</v>
      </c>
      <c r="AH10621">
        <v>34</v>
      </c>
      <c r="AI10621">
        <v>34</v>
      </c>
      <c r="AJ10621">
        <v>34</v>
      </c>
      <c r="AK10621">
        <v>34</v>
      </c>
      <c r="AL10621">
        <v>33</v>
      </c>
      <c r="AM10621">
        <v>33</v>
      </c>
      <c r="AN10621">
        <v>33</v>
      </c>
      <c r="AO10621">
        <v>33</v>
      </c>
      <c r="AP10621">
        <v>32</v>
      </c>
      <c r="AQ10621">
        <v>32</v>
      </c>
    </row>
    <row r="10622" spans="1:43">
      <c r="A10622" t="s">
        <v>6608</v>
      </c>
      <c r="B10622" t="s">
        <v>6609</v>
      </c>
      <c r="C10622" t="s">
        <v>6604</v>
      </c>
      <c r="D10622" t="s">
        <v>6605</v>
      </c>
      <c r="E10622" t="s">
        <v>6594</v>
      </c>
      <c r="F10622" t="s">
        <v>6595</v>
      </c>
      <c r="G10622" t="s">
        <v>80</v>
      </c>
      <c r="H10622" t="s">
        <v>81</v>
      </c>
      <c r="I10622" s="2">
        <v>0</v>
      </c>
      <c r="J10622" s="2">
        <v>1</v>
      </c>
      <c r="K10622" s="2">
        <v>0</v>
      </c>
      <c r="L10622" t="s">
        <v>82</v>
      </c>
      <c r="M10622" t="s">
        <v>83</v>
      </c>
      <c r="N10622" t="s">
        <v>84</v>
      </c>
      <c r="O10622" t="s">
        <v>85</v>
      </c>
      <c r="P10622" t="s">
        <v>86</v>
      </c>
      <c r="Q10622">
        <v>14</v>
      </c>
      <c r="R10622">
        <v>14</v>
      </c>
      <c r="S10622">
        <v>14</v>
      </c>
      <c r="T10622">
        <v>15</v>
      </c>
      <c r="U10622">
        <v>15</v>
      </c>
      <c r="V10622">
        <v>15</v>
      </c>
      <c r="W10622">
        <v>15</v>
      </c>
      <c r="X10622">
        <v>15</v>
      </c>
      <c r="Y10622">
        <v>15</v>
      </c>
      <c r="Z10622">
        <v>15</v>
      </c>
      <c r="AA10622">
        <v>15</v>
      </c>
      <c r="AB10622">
        <v>15</v>
      </c>
      <c r="AC10622">
        <v>15</v>
      </c>
      <c r="AD10622">
        <v>15</v>
      </c>
      <c r="AE10622">
        <v>15</v>
      </c>
      <c r="AF10622">
        <v>15</v>
      </c>
      <c r="AG10622">
        <v>15</v>
      </c>
      <c r="AH10622">
        <v>15</v>
      </c>
      <c r="AI10622">
        <v>15</v>
      </c>
      <c r="AJ10622">
        <v>15</v>
      </c>
      <c r="AK10622">
        <v>15</v>
      </c>
      <c r="AL10622">
        <v>15</v>
      </c>
      <c r="AM10622">
        <v>15</v>
      </c>
      <c r="AN10622">
        <v>15</v>
      </c>
      <c r="AO10622">
        <v>15</v>
      </c>
      <c r="AP10622">
        <v>15</v>
      </c>
      <c r="AQ10622">
        <v>14</v>
      </c>
    </row>
    <row r="10623" spans="1:43">
      <c r="A10623" t="s">
        <v>6608</v>
      </c>
      <c r="B10623" t="s">
        <v>6609</v>
      </c>
      <c r="C10623" t="s">
        <v>6604</v>
      </c>
      <c r="D10623" t="s">
        <v>6605</v>
      </c>
      <c r="E10623" t="s">
        <v>6594</v>
      </c>
      <c r="F10623" t="s">
        <v>6595</v>
      </c>
      <c r="G10623" t="s">
        <v>80</v>
      </c>
      <c r="H10623" t="s">
        <v>81</v>
      </c>
      <c r="I10623" s="2">
        <v>0</v>
      </c>
      <c r="J10623" s="2">
        <v>1</v>
      </c>
      <c r="K10623" s="2">
        <v>0</v>
      </c>
      <c r="L10623" t="s">
        <v>82</v>
      </c>
      <c r="M10623" t="s">
        <v>87</v>
      </c>
      <c r="N10623" t="s">
        <v>88</v>
      </c>
      <c r="O10623" t="s">
        <v>85</v>
      </c>
      <c r="P10623" t="s">
        <v>86</v>
      </c>
      <c r="Q10623">
        <v>14</v>
      </c>
      <c r="R10623">
        <v>14</v>
      </c>
      <c r="S10623">
        <v>14</v>
      </c>
      <c r="T10623">
        <v>14</v>
      </c>
      <c r="U10623">
        <v>14</v>
      </c>
      <c r="V10623">
        <v>14</v>
      </c>
      <c r="W10623">
        <v>14</v>
      </c>
      <c r="X10623">
        <v>14</v>
      </c>
      <c r="Y10623">
        <v>14</v>
      </c>
      <c r="Z10623">
        <v>14</v>
      </c>
      <c r="AA10623">
        <v>14</v>
      </c>
      <c r="AB10623">
        <v>14</v>
      </c>
      <c r="AC10623">
        <v>13</v>
      </c>
      <c r="AD10623">
        <v>13</v>
      </c>
      <c r="AE10623">
        <v>13</v>
      </c>
      <c r="AF10623">
        <v>13</v>
      </c>
      <c r="AG10623">
        <v>13</v>
      </c>
      <c r="AH10623">
        <v>13</v>
      </c>
      <c r="AI10623">
        <v>13</v>
      </c>
      <c r="AJ10623">
        <v>13</v>
      </c>
      <c r="AK10623">
        <v>13</v>
      </c>
      <c r="AL10623">
        <v>13</v>
      </c>
      <c r="AM10623">
        <v>13</v>
      </c>
      <c r="AN10623">
        <v>13</v>
      </c>
      <c r="AO10623">
        <v>13</v>
      </c>
      <c r="AP10623">
        <v>13</v>
      </c>
      <c r="AQ10623">
        <v>12</v>
      </c>
    </row>
    <row r="10624" spans="1:43">
      <c r="A10624" t="s">
        <v>6608</v>
      </c>
      <c r="B10624" t="s">
        <v>6609</v>
      </c>
      <c r="C10624" t="s">
        <v>6604</v>
      </c>
      <c r="D10624" t="s">
        <v>6605</v>
      </c>
      <c r="E10624" t="s">
        <v>6594</v>
      </c>
      <c r="F10624" t="s">
        <v>6595</v>
      </c>
      <c r="G10624" t="s">
        <v>80</v>
      </c>
      <c r="H10624" t="s">
        <v>81</v>
      </c>
      <c r="I10624" s="2">
        <v>0</v>
      </c>
      <c r="J10624" s="2">
        <v>1</v>
      </c>
      <c r="K10624" s="2">
        <v>0</v>
      </c>
      <c r="L10624" t="s">
        <v>82</v>
      </c>
      <c r="M10624" t="s">
        <v>89</v>
      </c>
      <c r="N10624" t="s">
        <v>90</v>
      </c>
      <c r="O10624" t="s">
        <v>85</v>
      </c>
      <c r="P10624" t="s">
        <v>86</v>
      </c>
      <c r="Q10624">
        <v>14</v>
      </c>
      <c r="R10624">
        <v>15</v>
      </c>
      <c r="S10624">
        <v>15</v>
      </c>
      <c r="T10624">
        <v>15</v>
      </c>
      <c r="U10624">
        <v>15</v>
      </c>
      <c r="V10624">
        <v>15</v>
      </c>
      <c r="W10624">
        <v>15</v>
      </c>
      <c r="X10624">
        <v>16</v>
      </c>
      <c r="Y10624">
        <v>16</v>
      </c>
      <c r="Z10624">
        <v>16</v>
      </c>
      <c r="AA10624">
        <v>16</v>
      </c>
      <c r="AB10624">
        <v>16</v>
      </c>
      <c r="AC10624">
        <v>16</v>
      </c>
      <c r="AD10624">
        <v>16</v>
      </c>
      <c r="AE10624">
        <v>16</v>
      </c>
      <c r="AF10624">
        <v>16</v>
      </c>
      <c r="AG10624">
        <v>16</v>
      </c>
      <c r="AH10624">
        <v>16</v>
      </c>
      <c r="AI10624">
        <v>16</v>
      </c>
      <c r="AJ10624">
        <v>16</v>
      </c>
      <c r="AK10624">
        <v>15</v>
      </c>
      <c r="AL10624">
        <v>15</v>
      </c>
      <c r="AM10624">
        <v>15</v>
      </c>
      <c r="AN10624">
        <v>15</v>
      </c>
      <c r="AO10624">
        <v>15</v>
      </c>
      <c r="AP10624">
        <v>15</v>
      </c>
      <c r="AQ10624">
        <v>15</v>
      </c>
    </row>
    <row r="10625" spans="1:43">
      <c r="A10625" t="s">
        <v>6608</v>
      </c>
      <c r="B10625" t="s">
        <v>6609</v>
      </c>
      <c r="C10625" t="s">
        <v>6604</v>
      </c>
      <c r="D10625" t="s">
        <v>6605</v>
      </c>
      <c r="E10625" t="s">
        <v>6594</v>
      </c>
      <c r="F10625" t="s">
        <v>6595</v>
      </c>
      <c r="G10625" t="s">
        <v>80</v>
      </c>
      <c r="H10625" t="s">
        <v>81</v>
      </c>
      <c r="I10625" s="2">
        <v>0</v>
      </c>
      <c r="J10625" s="2">
        <v>1</v>
      </c>
      <c r="K10625" s="2">
        <v>0</v>
      </c>
      <c r="L10625" t="s">
        <v>82</v>
      </c>
      <c r="M10625" t="s">
        <v>83</v>
      </c>
      <c r="N10625" t="s">
        <v>91</v>
      </c>
      <c r="O10625" t="s">
        <v>85</v>
      </c>
      <c r="P10625" t="s">
        <v>86</v>
      </c>
      <c r="Q10625">
        <v>14</v>
      </c>
      <c r="R10625">
        <v>14</v>
      </c>
      <c r="S10625">
        <v>14</v>
      </c>
      <c r="T10625">
        <v>15</v>
      </c>
      <c r="U10625">
        <v>15</v>
      </c>
      <c r="V10625">
        <v>15</v>
      </c>
      <c r="W10625">
        <v>15</v>
      </c>
      <c r="X10625">
        <v>15</v>
      </c>
      <c r="Y10625">
        <v>15</v>
      </c>
      <c r="Z10625">
        <v>15</v>
      </c>
      <c r="AA10625">
        <v>15</v>
      </c>
      <c r="AB10625">
        <v>15</v>
      </c>
      <c r="AC10625">
        <v>15</v>
      </c>
      <c r="AD10625">
        <v>15</v>
      </c>
      <c r="AE10625">
        <v>15</v>
      </c>
      <c r="AF10625">
        <v>15</v>
      </c>
      <c r="AG10625">
        <v>15</v>
      </c>
      <c r="AH10625">
        <v>15</v>
      </c>
      <c r="AI10625">
        <v>15</v>
      </c>
      <c r="AJ10625">
        <v>15</v>
      </c>
      <c r="AK10625">
        <v>15</v>
      </c>
      <c r="AL10625">
        <v>15</v>
      </c>
      <c r="AM10625">
        <v>15</v>
      </c>
      <c r="AN10625">
        <v>15</v>
      </c>
      <c r="AO10625">
        <v>15</v>
      </c>
      <c r="AP10625">
        <v>15</v>
      </c>
      <c r="AQ10625">
        <v>14</v>
      </c>
    </row>
    <row r="10626" spans="1:43">
      <c r="A10626" t="s">
        <v>6610</v>
      </c>
      <c r="B10626" t="s">
        <v>6611</v>
      </c>
      <c r="C10626" t="s">
        <v>6604</v>
      </c>
      <c r="D10626" t="s">
        <v>6605</v>
      </c>
      <c r="E10626" t="s">
        <v>6594</v>
      </c>
      <c r="F10626" t="s">
        <v>6595</v>
      </c>
      <c r="G10626" t="s">
        <v>80</v>
      </c>
      <c r="H10626" t="s">
        <v>81</v>
      </c>
      <c r="I10626" s="2">
        <v>0</v>
      </c>
      <c r="J10626" s="2">
        <v>1</v>
      </c>
      <c r="K10626" s="2">
        <v>0</v>
      </c>
      <c r="L10626" t="s">
        <v>82</v>
      </c>
      <c r="M10626" t="s">
        <v>83</v>
      </c>
      <c r="N10626" t="s">
        <v>84</v>
      </c>
      <c r="O10626" t="s">
        <v>85</v>
      </c>
      <c r="P10626" t="s">
        <v>86</v>
      </c>
      <c r="Q10626">
        <v>25</v>
      </c>
      <c r="R10626">
        <v>25</v>
      </c>
      <c r="S10626">
        <v>25</v>
      </c>
      <c r="T10626">
        <v>26</v>
      </c>
      <c r="U10626">
        <v>26</v>
      </c>
      <c r="V10626">
        <v>26</v>
      </c>
      <c r="W10626">
        <v>26</v>
      </c>
      <c r="X10626">
        <v>26</v>
      </c>
      <c r="Y10626">
        <v>26</v>
      </c>
      <c r="Z10626">
        <v>26</v>
      </c>
      <c r="AA10626">
        <v>26</v>
      </c>
      <c r="AB10626">
        <v>26</v>
      </c>
      <c r="AC10626">
        <v>26</v>
      </c>
      <c r="AD10626">
        <v>26</v>
      </c>
      <c r="AE10626">
        <v>26</v>
      </c>
      <c r="AF10626">
        <v>26</v>
      </c>
      <c r="AG10626">
        <v>26</v>
      </c>
      <c r="AH10626">
        <v>26</v>
      </c>
      <c r="AI10626">
        <v>26</v>
      </c>
      <c r="AJ10626">
        <v>26</v>
      </c>
      <c r="AK10626">
        <v>26</v>
      </c>
      <c r="AL10626">
        <v>26</v>
      </c>
      <c r="AM10626">
        <v>26</v>
      </c>
      <c r="AN10626">
        <v>26</v>
      </c>
      <c r="AO10626">
        <v>26</v>
      </c>
      <c r="AP10626">
        <v>25</v>
      </c>
      <c r="AQ10626">
        <v>25</v>
      </c>
    </row>
    <row r="10627" spans="1:43">
      <c r="A10627" t="s">
        <v>6610</v>
      </c>
      <c r="B10627" t="s">
        <v>6611</v>
      </c>
      <c r="C10627" t="s">
        <v>6604</v>
      </c>
      <c r="D10627" t="s">
        <v>6605</v>
      </c>
      <c r="E10627" t="s">
        <v>6594</v>
      </c>
      <c r="F10627" t="s">
        <v>6595</v>
      </c>
      <c r="G10627" t="s">
        <v>80</v>
      </c>
      <c r="H10627" t="s">
        <v>81</v>
      </c>
      <c r="I10627" s="2">
        <v>0</v>
      </c>
      <c r="J10627" s="2">
        <v>1</v>
      </c>
      <c r="K10627" s="2">
        <v>0</v>
      </c>
      <c r="L10627" t="s">
        <v>82</v>
      </c>
      <c r="M10627" t="s">
        <v>87</v>
      </c>
      <c r="N10627" t="s">
        <v>88</v>
      </c>
      <c r="O10627" t="s">
        <v>85</v>
      </c>
      <c r="P10627" t="s">
        <v>86</v>
      </c>
      <c r="Q10627">
        <v>25</v>
      </c>
      <c r="R10627">
        <v>25</v>
      </c>
      <c r="S10627">
        <v>25</v>
      </c>
      <c r="T10627">
        <v>25</v>
      </c>
      <c r="U10627">
        <v>25</v>
      </c>
      <c r="V10627">
        <v>24</v>
      </c>
      <c r="W10627">
        <v>24</v>
      </c>
      <c r="X10627">
        <v>24</v>
      </c>
      <c r="Y10627">
        <v>24</v>
      </c>
      <c r="Z10627">
        <v>24</v>
      </c>
      <c r="AA10627">
        <v>24</v>
      </c>
      <c r="AB10627">
        <v>24</v>
      </c>
      <c r="AC10627">
        <v>24</v>
      </c>
      <c r="AD10627">
        <v>24</v>
      </c>
      <c r="AE10627">
        <v>23</v>
      </c>
      <c r="AF10627">
        <v>23</v>
      </c>
      <c r="AG10627">
        <v>23</v>
      </c>
      <c r="AH10627">
        <v>23</v>
      </c>
      <c r="AI10627">
        <v>23</v>
      </c>
      <c r="AJ10627">
        <v>23</v>
      </c>
      <c r="AK10627">
        <v>23</v>
      </c>
      <c r="AL10627">
        <v>23</v>
      </c>
      <c r="AM10627">
        <v>22</v>
      </c>
      <c r="AN10627">
        <v>22</v>
      </c>
      <c r="AO10627">
        <v>22</v>
      </c>
      <c r="AP10627">
        <v>22</v>
      </c>
      <c r="AQ10627">
        <v>22</v>
      </c>
    </row>
    <row r="10628" spans="1:43">
      <c r="A10628" t="s">
        <v>6610</v>
      </c>
      <c r="B10628" t="s">
        <v>6611</v>
      </c>
      <c r="C10628" t="s">
        <v>6604</v>
      </c>
      <c r="D10628" t="s">
        <v>6605</v>
      </c>
      <c r="E10628" t="s">
        <v>6594</v>
      </c>
      <c r="F10628" t="s">
        <v>6595</v>
      </c>
      <c r="G10628" t="s">
        <v>80</v>
      </c>
      <c r="H10628" t="s">
        <v>81</v>
      </c>
      <c r="I10628" s="2">
        <v>0</v>
      </c>
      <c r="J10628" s="2">
        <v>1</v>
      </c>
      <c r="K10628" s="2">
        <v>0</v>
      </c>
      <c r="L10628" t="s">
        <v>82</v>
      </c>
      <c r="M10628" t="s">
        <v>89</v>
      </c>
      <c r="N10628" t="s">
        <v>90</v>
      </c>
      <c r="O10628" t="s">
        <v>85</v>
      </c>
      <c r="P10628" t="s">
        <v>86</v>
      </c>
      <c r="Q10628">
        <v>25</v>
      </c>
      <c r="R10628">
        <v>26</v>
      </c>
      <c r="S10628">
        <v>26</v>
      </c>
      <c r="T10628">
        <v>26</v>
      </c>
      <c r="U10628">
        <v>27</v>
      </c>
      <c r="V10628">
        <v>27</v>
      </c>
      <c r="W10628">
        <v>27</v>
      </c>
      <c r="X10628">
        <v>27</v>
      </c>
      <c r="Y10628">
        <v>28</v>
      </c>
      <c r="Z10628">
        <v>28</v>
      </c>
      <c r="AA10628">
        <v>28</v>
      </c>
      <c r="AB10628">
        <v>28</v>
      </c>
      <c r="AC10628">
        <v>28</v>
      </c>
      <c r="AD10628">
        <v>28</v>
      </c>
      <c r="AE10628">
        <v>28</v>
      </c>
      <c r="AF10628">
        <v>28</v>
      </c>
      <c r="AG10628">
        <v>28</v>
      </c>
      <c r="AH10628">
        <v>27</v>
      </c>
      <c r="AI10628">
        <v>27</v>
      </c>
      <c r="AJ10628">
        <v>27</v>
      </c>
      <c r="AK10628">
        <v>27</v>
      </c>
      <c r="AL10628">
        <v>27</v>
      </c>
      <c r="AM10628">
        <v>26</v>
      </c>
      <c r="AN10628">
        <v>26</v>
      </c>
      <c r="AO10628">
        <v>26</v>
      </c>
      <c r="AP10628">
        <v>26</v>
      </c>
      <c r="AQ10628">
        <v>25</v>
      </c>
    </row>
    <row r="10629" spans="1:43">
      <c r="A10629" t="s">
        <v>6610</v>
      </c>
      <c r="B10629" t="s">
        <v>6611</v>
      </c>
      <c r="C10629" t="s">
        <v>6604</v>
      </c>
      <c r="D10629" t="s">
        <v>6605</v>
      </c>
      <c r="E10629" t="s">
        <v>6594</v>
      </c>
      <c r="F10629" t="s">
        <v>6595</v>
      </c>
      <c r="G10629" t="s">
        <v>80</v>
      </c>
      <c r="H10629" t="s">
        <v>81</v>
      </c>
      <c r="I10629" s="2">
        <v>0</v>
      </c>
      <c r="J10629" s="2">
        <v>1</v>
      </c>
      <c r="K10629" s="2">
        <v>0</v>
      </c>
      <c r="L10629" t="s">
        <v>82</v>
      </c>
      <c r="M10629" t="s">
        <v>83</v>
      </c>
      <c r="N10629" t="s">
        <v>91</v>
      </c>
      <c r="O10629" t="s">
        <v>85</v>
      </c>
      <c r="P10629" t="s">
        <v>86</v>
      </c>
      <c r="Q10629">
        <v>25</v>
      </c>
      <c r="R10629">
        <v>25</v>
      </c>
      <c r="S10629">
        <v>25</v>
      </c>
      <c r="T10629">
        <v>26</v>
      </c>
      <c r="U10629">
        <v>26</v>
      </c>
      <c r="V10629">
        <v>26</v>
      </c>
      <c r="W10629">
        <v>26</v>
      </c>
      <c r="X10629">
        <v>26</v>
      </c>
      <c r="Y10629">
        <v>26</v>
      </c>
      <c r="Z10629">
        <v>26</v>
      </c>
      <c r="AA10629">
        <v>26</v>
      </c>
      <c r="AB10629">
        <v>26</v>
      </c>
      <c r="AC10629">
        <v>26</v>
      </c>
      <c r="AD10629">
        <v>26</v>
      </c>
      <c r="AE10629">
        <v>26</v>
      </c>
      <c r="AF10629">
        <v>26</v>
      </c>
      <c r="AG10629">
        <v>26</v>
      </c>
      <c r="AH10629">
        <v>26</v>
      </c>
      <c r="AI10629">
        <v>26</v>
      </c>
      <c r="AJ10629">
        <v>26</v>
      </c>
      <c r="AK10629">
        <v>26</v>
      </c>
      <c r="AL10629">
        <v>26</v>
      </c>
      <c r="AM10629">
        <v>26</v>
      </c>
      <c r="AN10629">
        <v>26</v>
      </c>
      <c r="AO10629">
        <v>26</v>
      </c>
      <c r="AP10629">
        <v>25</v>
      </c>
      <c r="AQ10629">
        <v>25</v>
      </c>
    </row>
    <row r="10630" spans="1:43">
      <c r="A10630" t="s">
        <v>6612</v>
      </c>
      <c r="B10630" t="s">
        <v>6613</v>
      </c>
      <c r="C10630" t="s">
        <v>6604</v>
      </c>
      <c r="D10630" t="s">
        <v>6605</v>
      </c>
      <c r="E10630" t="s">
        <v>6594</v>
      </c>
      <c r="F10630" t="s">
        <v>6595</v>
      </c>
      <c r="G10630" t="s">
        <v>80</v>
      </c>
      <c r="H10630" t="s">
        <v>81</v>
      </c>
      <c r="I10630" s="2">
        <v>0</v>
      </c>
      <c r="J10630" s="2">
        <v>1</v>
      </c>
      <c r="K10630" s="2">
        <v>0</v>
      </c>
      <c r="L10630" t="s">
        <v>82</v>
      </c>
      <c r="M10630" t="s">
        <v>83</v>
      </c>
      <c r="N10630" t="s">
        <v>84</v>
      </c>
      <c r="O10630" t="s">
        <v>85</v>
      </c>
      <c r="P10630" t="s">
        <v>86</v>
      </c>
      <c r="Q10630">
        <v>3</v>
      </c>
      <c r="R10630">
        <v>4</v>
      </c>
      <c r="S10630">
        <v>4</v>
      </c>
      <c r="T10630">
        <v>4</v>
      </c>
      <c r="U10630">
        <v>4</v>
      </c>
      <c r="V10630">
        <v>4</v>
      </c>
      <c r="W10630">
        <v>4</v>
      </c>
      <c r="X10630">
        <v>4</v>
      </c>
      <c r="Y10630">
        <v>4</v>
      </c>
      <c r="Z10630">
        <v>4</v>
      </c>
      <c r="AA10630">
        <v>4</v>
      </c>
      <c r="AB10630">
        <v>4</v>
      </c>
      <c r="AC10630">
        <v>4</v>
      </c>
      <c r="AD10630">
        <v>4</v>
      </c>
      <c r="AE10630">
        <v>4</v>
      </c>
      <c r="AF10630">
        <v>4</v>
      </c>
      <c r="AG10630">
        <v>4</v>
      </c>
      <c r="AH10630">
        <v>4</v>
      </c>
      <c r="AI10630">
        <v>4</v>
      </c>
      <c r="AJ10630">
        <v>4</v>
      </c>
      <c r="AK10630">
        <v>4</v>
      </c>
      <c r="AL10630">
        <v>4</v>
      </c>
      <c r="AM10630">
        <v>4</v>
      </c>
      <c r="AN10630">
        <v>4</v>
      </c>
      <c r="AO10630">
        <v>4</v>
      </c>
      <c r="AP10630">
        <v>4</v>
      </c>
      <c r="AQ10630">
        <v>4</v>
      </c>
    </row>
    <row r="10631" spans="1:43">
      <c r="A10631" t="s">
        <v>6612</v>
      </c>
      <c r="B10631" t="s">
        <v>6613</v>
      </c>
      <c r="C10631" t="s">
        <v>6604</v>
      </c>
      <c r="D10631" t="s">
        <v>6605</v>
      </c>
      <c r="E10631" t="s">
        <v>6594</v>
      </c>
      <c r="F10631" t="s">
        <v>6595</v>
      </c>
      <c r="G10631" t="s">
        <v>80</v>
      </c>
      <c r="H10631" t="s">
        <v>81</v>
      </c>
      <c r="I10631" s="2">
        <v>0</v>
      </c>
      <c r="J10631" s="2">
        <v>1</v>
      </c>
      <c r="K10631" s="2">
        <v>0</v>
      </c>
      <c r="L10631" t="s">
        <v>82</v>
      </c>
      <c r="M10631" t="s">
        <v>87</v>
      </c>
      <c r="N10631" t="s">
        <v>88</v>
      </c>
      <c r="O10631" t="s">
        <v>85</v>
      </c>
      <c r="P10631" t="s">
        <v>86</v>
      </c>
      <c r="Q10631">
        <v>3</v>
      </c>
      <c r="R10631">
        <v>3</v>
      </c>
      <c r="S10631">
        <v>3</v>
      </c>
      <c r="T10631">
        <v>3</v>
      </c>
      <c r="U10631">
        <v>3</v>
      </c>
      <c r="V10631">
        <v>3</v>
      </c>
      <c r="W10631">
        <v>3</v>
      </c>
      <c r="X10631">
        <v>3</v>
      </c>
      <c r="Y10631">
        <v>3</v>
      </c>
      <c r="Z10631">
        <v>3</v>
      </c>
      <c r="AA10631">
        <v>3</v>
      </c>
      <c r="AB10631">
        <v>3</v>
      </c>
      <c r="AC10631">
        <v>3</v>
      </c>
      <c r="AD10631">
        <v>3</v>
      </c>
      <c r="AE10631">
        <v>3</v>
      </c>
      <c r="AF10631">
        <v>3</v>
      </c>
      <c r="AG10631">
        <v>3</v>
      </c>
      <c r="AH10631">
        <v>3</v>
      </c>
      <c r="AI10631">
        <v>3</v>
      </c>
      <c r="AJ10631">
        <v>3</v>
      </c>
      <c r="AK10631">
        <v>3</v>
      </c>
      <c r="AL10631">
        <v>3</v>
      </c>
      <c r="AM10631">
        <v>3</v>
      </c>
      <c r="AN10631">
        <v>3</v>
      </c>
      <c r="AO10631">
        <v>3</v>
      </c>
      <c r="AP10631">
        <v>3</v>
      </c>
      <c r="AQ10631">
        <v>3</v>
      </c>
    </row>
    <row r="10632" spans="1:43">
      <c r="A10632" t="s">
        <v>6612</v>
      </c>
      <c r="B10632" t="s">
        <v>6613</v>
      </c>
      <c r="C10632" t="s">
        <v>6604</v>
      </c>
      <c r="D10632" t="s">
        <v>6605</v>
      </c>
      <c r="E10632" t="s">
        <v>6594</v>
      </c>
      <c r="F10632" t="s">
        <v>6595</v>
      </c>
      <c r="G10632" t="s">
        <v>80</v>
      </c>
      <c r="H10632" t="s">
        <v>81</v>
      </c>
      <c r="I10632" s="2">
        <v>0</v>
      </c>
      <c r="J10632" s="2">
        <v>1</v>
      </c>
      <c r="K10632" s="2">
        <v>0</v>
      </c>
      <c r="L10632" t="s">
        <v>82</v>
      </c>
      <c r="M10632" t="s">
        <v>89</v>
      </c>
      <c r="N10632" t="s">
        <v>90</v>
      </c>
      <c r="O10632" t="s">
        <v>85</v>
      </c>
      <c r="P10632" t="s">
        <v>86</v>
      </c>
      <c r="Q10632">
        <v>3</v>
      </c>
      <c r="R10632">
        <v>3</v>
      </c>
      <c r="S10632">
        <v>3</v>
      </c>
      <c r="T10632">
        <v>3</v>
      </c>
      <c r="U10632">
        <v>3</v>
      </c>
      <c r="V10632">
        <v>3</v>
      </c>
      <c r="W10632">
        <v>3</v>
      </c>
      <c r="X10632">
        <v>3</v>
      </c>
      <c r="Y10632">
        <v>3</v>
      </c>
      <c r="Z10632">
        <v>3</v>
      </c>
      <c r="AA10632">
        <v>3</v>
      </c>
      <c r="AB10632">
        <v>3</v>
      </c>
      <c r="AC10632">
        <v>3</v>
      </c>
      <c r="AD10632">
        <v>3</v>
      </c>
      <c r="AE10632">
        <v>3</v>
      </c>
      <c r="AF10632">
        <v>3</v>
      </c>
      <c r="AG10632">
        <v>3</v>
      </c>
      <c r="AH10632">
        <v>3</v>
      </c>
      <c r="AI10632">
        <v>3</v>
      </c>
      <c r="AJ10632">
        <v>3</v>
      </c>
      <c r="AK10632">
        <v>3</v>
      </c>
      <c r="AL10632">
        <v>3</v>
      </c>
      <c r="AM10632">
        <v>3</v>
      </c>
      <c r="AN10632">
        <v>3</v>
      </c>
      <c r="AO10632">
        <v>3</v>
      </c>
      <c r="AP10632">
        <v>3</v>
      </c>
      <c r="AQ10632">
        <v>3</v>
      </c>
    </row>
    <row r="10633" spans="1:43">
      <c r="A10633" t="s">
        <v>6612</v>
      </c>
      <c r="B10633" t="s">
        <v>6613</v>
      </c>
      <c r="C10633" t="s">
        <v>6604</v>
      </c>
      <c r="D10633" t="s">
        <v>6605</v>
      </c>
      <c r="E10633" t="s">
        <v>6594</v>
      </c>
      <c r="F10633" t="s">
        <v>6595</v>
      </c>
      <c r="G10633" t="s">
        <v>80</v>
      </c>
      <c r="H10633" t="s">
        <v>81</v>
      </c>
      <c r="I10633" s="2">
        <v>0</v>
      </c>
      <c r="J10633" s="2">
        <v>1</v>
      </c>
      <c r="K10633" s="2">
        <v>0</v>
      </c>
      <c r="L10633" t="s">
        <v>82</v>
      </c>
      <c r="M10633" t="s">
        <v>83</v>
      </c>
      <c r="N10633" t="s">
        <v>91</v>
      </c>
      <c r="O10633" t="s">
        <v>85</v>
      </c>
      <c r="P10633" t="s">
        <v>86</v>
      </c>
      <c r="Q10633">
        <v>3</v>
      </c>
      <c r="R10633">
        <v>4</v>
      </c>
      <c r="S10633">
        <v>4</v>
      </c>
      <c r="T10633">
        <v>4</v>
      </c>
      <c r="U10633">
        <v>4</v>
      </c>
      <c r="V10633">
        <v>4</v>
      </c>
      <c r="W10633">
        <v>4</v>
      </c>
      <c r="X10633">
        <v>4</v>
      </c>
      <c r="Y10633">
        <v>4</v>
      </c>
      <c r="Z10633">
        <v>4</v>
      </c>
      <c r="AA10633">
        <v>4</v>
      </c>
      <c r="AB10633">
        <v>4</v>
      </c>
      <c r="AC10633">
        <v>4</v>
      </c>
      <c r="AD10633">
        <v>4</v>
      </c>
      <c r="AE10633">
        <v>4</v>
      </c>
      <c r="AF10633">
        <v>4</v>
      </c>
      <c r="AG10633">
        <v>4</v>
      </c>
      <c r="AH10633">
        <v>4</v>
      </c>
      <c r="AI10633">
        <v>4</v>
      </c>
      <c r="AJ10633">
        <v>4</v>
      </c>
      <c r="AK10633">
        <v>4</v>
      </c>
      <c r="AL10633">
        <v>4</v>
      </c>
      <c r="AM10633">
        <v>4</v>
      </c>
      <c r="AN10633">
        <v>4</v>
      </c>
      <c r="AO10633">
        <v>4</v>
      </c>
      <c r="AP10633">
        <v>4</v>
      </c>
      <c r="AQ10633">
        <v>4</v>
      </c>
    </row>
    <row r="10634" spans="1:43">
      <c r="A10634" t="s">
        <v>6614</v>
      </c>
      <c r="B10634" t="s">
        <v>6615</v>
      </c>
      <c r="C10634" t="s">
        <v>6616</v>
      </c>
      <c r="D10634" t="s">
        <v>6617</v>
      </c>
      <c r="E10634" t="s">
        <v>6594</v>
      </c>
      <c r="F10634" t="s">
        <v>6595</v>
      </c>
      <c r="G10634" t="s">
        <v>80</v>
      </c>
      <c r="H10634" t="s">
        <v>81</v>
      </c>
      <c r="I10634" s="2">
        <v>0</v>
      </c>
      <c r="J10634" s="2">
        <v>1</v>
      </c>
      <c r="K10634" s="2">
        <v>0</v>
      </c>
      <c r="L10634" t="s">
        <v>82</v>
      </c>
      <c r="M10634" t="s">
        <v>83</v>
      </c>
      <c r="N10634" t="s">
        <v>84</v>
      </c>
      <c r="O10634" t="s">
        <v>85</v>
      </c>
      <c r="P10634" t="s">
        <v>86</v>
      </c>
      <c r="Q10634">
        <v>51</v>
      </c>
      <c r="R10634">
        <v>51</v>
      </c>
      <c r="S10634">
        <v>52</v>
      </c>
      <c r="T10634">
        <v>52</v>
      </c>
      <c r="U10634">
        <v>52</v>
      </c>
      <c r="V10634">
        <v>52</v>
      </c>
      <c r="W10634">
        <v>53</v>
      </c>
      <c r="X10634">
        <v>53</v>
      </c>
      <c r="Y10634">
        <v>53</v>
      </c>
      <c r="Z10634">
        <v>53</v>
      </c>
      <c r="AA10634">
        <v>53</v>
      </c>
      <c r="AB10634">
        <v>53</v>
      </c>
      <c r="AC10634">
        <v>53</v>
      </c>
      <c r="AD10634">
        <v>53</v>
      </c>
      <c r="AE10634">
        <v>53</v>
      </c>
      <c r="AF10634">
        <v>53</v>
      </c>
      <c r="AG10634">
        <v>53</v>
      </c>
      <c r="AH10634">
        <v>53</v>
      </c>
      <c r="AI10634">
        <v>53</v>
      </c>
      <c r="AJ10634">
        <v>53</v>
      </c>
      <c r="AK10634">
        <v>53</v>
      </c>
      <c r="AL10634">
        <v>53</v>
      </c>
      <c r="AM10634">
        <v>52</v>
      </c>
      <c r="AN10634">
        <v>52</v>
      </c>
      <c r="AO10634">
        <v>51</v>
      </c>
      <c r="AP10634">
        <v>51</v>
      </c>
      <c r="AQ10634">
        <v>50</v>
      </c>
    </row>
    <row r="10635" spans="1:43">
      <c r="A10635" t="s">
        <v>6614</v>
      </c>
      <c r="B10635" t="s">
        <v>6615</v>
      </c>
      <c r="C10635" t="s">
        <v>6616</v>
      </c>
      <c r="D10635" t="s">
        <v>6617</v>
      </c>
      <c r="E10635" t="s">
        <v>6594</v>
      </c>
      <c r="F10635" t="s">
        <v>6595</v>
      </c>
      <c r="G10635" t="s">
        <v>80</v>
      </c>
      <c r="H10635" t="s">
        <v>81</v>
      </c>
      <c r="I10635" s="2">
        <v>0</v>
      </c>
      <c r="J10635" s="2">
        <v>1</v>
      </c>
      <c r="K10635" s="2">
        <v>0</v>
      </c>
      <c r="L10635" t="s">
        <v>82</v>
      </c>
      <c r="M10635" t="s">
        <v>87</v>
      </c>
      <c r="N10635" t="s">
        <v>88</v>
      </c>
      <c r="O10635" t="s">
        <v>85</v>
      </c>
      <c r="P10635" t="s">
        <v>86</v>
      </c>
      <c r="Q10635">
        <v>51</v>
      </c>
      <c r="R10635">
        <v>51</v>
      </c>
      <c r="S10635">
        <v>51</v>
      </c>
      <c r="T10635">
        <v>51</v>
      </c>
      <c r="U10635">
        <v>51</v>
      </c>
      <c r="V10635">
        <v>51</v>
      </c>
      <c r="W10635">
        <v>50</v>
      </c>
      <c r="X10635">
        <v>50</v>
      </c>
      <c r="Y10635">
        <v>50</v>
      </c>
      <c r="Z10635">
        <v>50</v>
      </c>
      <c r="AA10635">
        <v>49</v>
      </c>
      <c r="AB10635">
        <v>49</v>
      </c>
      <c r="AC10635">
        <v>49</v>
      </c>
      <c r="AD10635">
        <v>49</v>
      </c>
      <c r="AE10635">
        <v>48</v>
      </c>
      <c r="AF10635">
        <v>48</v>
      </c>
      <c r="AG10635">
        <v>48</v>
      </c>
      <c r="AH10635">
        <v>47</v>
      </c>
      <c r="AI10635">
        <v>47</v>
      </c>
      <c r="AJ10635">
        <v>47</v>
      </c>
      <c r="AK10635">
        <v>47</v>
      </c>
      <c r="AL10635">
        <v>46</v>
      </c>
      <c r="AM10635">
        <v>46</v>
      </c>
      <c r="AN10635">
        <v>46</v>
      </c>
      <c r="AO10635">
        <v>45</v>
      </c>
      <c r="AP10635">
        <v>45</v>
      </c>
      <c r="AQ10635">
        <v>45</v>
      </c>
    </row>
    <row r="10636" spans="1:43">
      <c r="A10636" t="s">
        <v>6614</v>
      </c>
      <c r="B10636" t="s">
        <v>6615</v>
      </c>
      <c r="C10636" t="s">
        <v>6616</v>
      </c>
      <c r="D10636" t="s">
        <v>6617</v>
      </c>
      <c r="E10636" t="s">
        <v>6594</v>
      </c>
      <c r="F10636" t="s">
        <v>6595</v>
      </c>
      <c r="G10636" t="s">
        <v>80</v>
      </c>
      <c r="H10636" t="s">
        <v>81</v>
      </c>
      <c r="I10636" s="2">
        <v>0</v>
      </c>
      <c r="J10636" s="2">
        <v>1</v>
      </c>
      <c r="K10636" s="2">
        <v>0</v>
      </c>
      <c r="L10636" t="s">
        <v>82</v>
      </c>
      <c r="M10636" t="s">
        <v>89</v>
      </c>
      <c r="N10636" t="s">
        <v>90</v>
      </c>
      <c r="O10636" t="s">
        <v>85</v>
      </c>
      <c r="P10636" t="s">
        <v>86</v>
      </c>
      <c r="Q10636">
        <v>51</v>
      </c>
      <c r="R10636">
        <v>52</v>
      </c>
      <c r="S10636">
        <v>53</v>
      </c>
      <c r="T10636">
        <v>54</v>
      </c>
      <c r="U10636">
        <v>54</v>
      </c>
      <c r="V10636">
        <v>55</v>
      </c>
      <c r="W10636">
        <v>55</v>
      </c>
      <c r="X10636">
        <v>56</v>
      </c>
      <c r="Y10636">
        <v>56</v>
      </c>
      <c r="Z10636">
        <v>56</v>
      </c>
      <c r="AA10636">
        <v>57</v>
      </c>
      <c r="AB10636">
        <v>57</v>
      </c>
      <c r="AC10636">
        <v>57</v>
      </c>
      <c r="AD10636">
        <v>57</v>
      </c>
      <c r="AE10636">
        <v>57</v>
      </c>
      <c r="AF10636">
        <v>57</v>
      </c>
      <c r="AG10636">
        <v>56</v>
      </c>
      <c r="AH10636">
        <v>55</v>
      </c>
      <c r="AI10636">
        <v>55</v>
      </c>
      <c r="AJ10636">
        <v>54</v>
      </c>
      <c r="AK10636">
        <v>54</v>
      </c>
      <c r="AL10636">
        <v>53</v>
      </c>
      <c r="AM10636">
        <v>53</v>
      </c>
      <c r="AN10636">
        <v>52</v>
      </c>
      <c r="AO10636">
        <v>52</v>
      </c>
      <c r="AP10636">
        <v>51</v>
      </c>
      <c r="AQ10636">
        <v>51</v>
      </c>
    </row>
    <row r="10637" spans="1:43">
      <c r="A10637" t="s">
        <v>6614</v>
      </c>
      <c r="B10637" t="s">
        <v>6615</v>
      </c>
      <c r="C10637" t="s">
        <v>6616</v>
      </c>
      <c r="D10637" t="s">
        <v>6617</v>
      </c>
      <c r="E10637" t="s">
        <v>6594</v>
      </c>
      <c r="F10637" t="s">
        <v>6595</v>
      </c>
      <c r="G10637" t="s">
        <v>80</v>
      </c>
      <c r="H10637" t="s">
        <v>81</v>
      </c>
      <c r="I10637" s="2">
        <v>0</v>
      </c>
      <c r="J10637" s="2">
        <v>1</v>
      </c>
      <c r="K10637" s="2">
        <v>0</v>
      </c>
      <c r="L10637" t="s">
        <v>82</v>
      </c>
      <c r="M10637" t="s">
        <v>83</v>
      </c>
      <c r="N10637" t="s">
        <v>91</v>
      </c>
      <c r="O10637" t="s">
        <v>85</v>
      </c>
      <c r="P10637" t="s">
        <v>86</v>
      </c>
      <c r="Q10637">
        <v>51</v>
      </c>
      <c r="R10637">
        <v>51</v>
      </c>
      <c r="S10637">
        <v>52</v>
      </c>
      <c r="T10637">
        <v>52</v>
      </c>
      <c r="U10637">
        <v>52</v>
      </c>
      <c r="V10637">
        <v>52</v>
      </c>
      <c r="W10637">
        <v>53</v>
      </c>
      <c r="X10637">
        <v>53</v>
      </c>
      <c r="Y10637">
        <v>53</v>
      </c>
      <c r="Z10637">
        <v>53</v>
      </c>
      <c r="AA10637">
        <v>53</v>
      </c>
      <c r="AB10637">
        <v>53</v>
      </c>
      <c r="AC10637">
        <v>53</v>
      </c>
      <c r="AD10637">
        <v>53</v>
      </c>
      <c r="AE10637">
        <v>53</v>
      </c>
      <c r="AF10637">
        <v>53</v>
      </c>
      <c r="AG10637">
        <v>53</v>
      </c>
      <c r="AH10637">
        <v>53</v>
      </c>
      <c r="AI10637">
        <v>53</v>
      </c>
      <c r="AJ10637">
        <v>53</v>
      </c>
      <c r="AK10637">
        <v>53</v>
      </c>
      <c r="AL10637">
        <v>53</v>
      </c>
      <c r="AM10637">
        <v>52</v>
      </c>
      <c r="AN10637">
        <v>52</v>
      </c>
      <c r="AO10637">
        <v>51</v>
      </c>
      <c r="AP10637">
        <v>51</v>
      </c>
      <c r="AQ10637">
        <v>50</v>
      </c>
    </row>
    <row r="10638" spans="1:43">
      <c r="A10638" t="s">
        <v>6618</v>
      </c>
      <c r="B10638" t="s">
        <v>6619</v>
      </c>
      <c r="C10638" t="s">
        <v>6620</v>
      </c>
      <c r="D10638" t="s">
        <v>6621</v>
      </c>
      <c r="E10638" t="s">
        <v>6594</v>
      </c>
      <c r="F10638" t="s">
        <v>6595</v>
      </c>
      <c r="G10638" t="s">
        <v>80</v>
      </c>
      <c r="H10638" t="s">
        <v>81</v>
      </c>
      <c r="I10638" s="2">
        <v>0</v>
      </c>
      <c r="J10638" s="2">
        <v>1</v>
      </c>
      <c r="K10638" s="2">
        <v>0</v>
      </c>
      <c r="L10638" t="s">
        <v>82</v>
      </c>
      <c r="M10638" t="s">
        <v>83</v>
      </c>
      <c r="N10638" t="s">
        <v>84</v>
      </c>
      <c r="O10638" t="s">
        <v>85</v>
      </c>
      <c r="P10638" t="s">
        <v>86</v>
      </c>
      <c r="Q10638">
        <v>74</v>
      </c>
      <c r="R10638">
        <v>74</v>
      </c>
      <c r="S10638">
        <v>75</v>
      </c>
      <c r="T10638">
        <v>75</v>
      </c>
      <c r="U10638">
        <v>75</v>
      </c>
      <c r="V10638">
        <v>76</v>
      </c>
      <c r="W10638">
        <v>76</v>
      </c>
      <c r="X10638">
        <v>77</v>
      </c>
      <c r="Y10638">
        <v>77</v>
      </c>
      <c r="Z10638">
        <v>77</v>
      </c>
      <c r="AA10638">
        <v>77</v>
      </c>
      <c r="AB10638">
        <v>78</v>
      </c>
      <c r="AC10638">
        <v>78</v>
      </c>
      <c r="AD10638">
        <v>78</v>
      </c>
      <c r="AE10638">
        <v>78</v>
      </c>
      <c r="AF10638">
        <v>78</v>
      </c>
      <c r="AG10638">
        <v>78</v>
      </c>
      <c r="AH10638">
        <v>78</v>
      </c>
      <c r="AI10638">
        <v>78</v>
      </c>
      <c r="AJ10638">
        <v>78</v>
      </c>
      <c r="AK10638">
        <v>78</v>
      </c>
      <c r="AL10638">
        <v>78</v>
      </c>
      <c r="AM10638">
        <v>77</v>
      </c>
      <c r="AN10638">
        <v>76</v>
      </c>
      <c r="AO10638">
        <v>76</v>
      </c>
      <c r="AP10638">
        <v>75</v>
      </c>
      <c r="AQ10638">
        <v>75</v>
      </c>
    </row>
    <row r="10639" spans="1:43">
      <c r="A10639" t="s">
        <v>6618</v>
      </c>
      <c r="B10639" t="s">
        <v>6619</v>
      </c>
      <c r="C10639" t="s">
        <v>6620</v>
      </c>
      <c r="D10639" t="s">
        <v>6621</v>
      </c>
      <c r="E10639" t="s">
        <v>6594</v>
      </c>
      <c r="F10639" t="s">
        <v>6595</v>
      </c>
      <c r="G10639" t="s">
        <v>80</v>
      </c>
      <c r="H10639" t="s">
        <v>81</v>
      </c>
      <c r="I10639" s="2">
        <v>0</v>
      </c>
      <c r="J10639" s="2">
        <v>1</v>
      </c>
      <c r="K10639" s="2">
        <v>0</v>
      </c>
      <c r="L10639" t="s">
        <v>82</v>
      </c>
      <c r="M10639" t="s">
        <v>87</v>
      </c>
      <c r="N10639" t="s">
        <v>88</v>
      </c>
      <c r="O10639" t="s">
        <v>85</v>
      </c>
      <c r="P10639" t="s">
        <v>86</v>
      </c>
      <c r="Q10639">
        <v>74</v>
      </c>
      <c r="R10639">
        <v>74</v>
      </c>
      <c r="S10639">
        <v>74</v>
      </c>
      <c r="T10639">
        <v>73</v>
      </c>
      <c r="U10639">
        <v>73</v>
      </c>
      <c r="V10639">
        <v>73</v>
      </c>
      <c r="W10639">
        <v>73</v>
      </c>
      <c r="X10639">
        <v>72</v>
      </c>
      <c r="Y10639">
        <v>72</v>
      </c>
      <c r="Z10639">
        <v>72</v>
      </c>
      <c r="AA10639">
        <v>71</v>
      </c>
      <c r="AB10639">
        <v>71</v>
      </c>
      <c r="AC10639">
        <v>71</v>
      </c>
      <c r="AD10639">
        <v>70</v>
      </c>
      <c r="AE10639">
        <v>70</v>
      </c>
      <c r="AF10639">
        <v>70</v>
      </c>
      <c r="AG10639">
        <v>69</v>
      </c>
      <c r="AH10639">
        <v>69</v>
      </c>
      <c r="AI10639">
        <v>69</v>
      </c>
      <c r="AJ10639">
        <v>68</v>
      </c>
      <c r="AK10639">
        <v>68</v>
      </c>
      <c r="AL10639">
        <v>67</v>
      </c>
      <c r="AM10639">
        <v>67</v>
      </c>
      <c r="AN10639">
        <v>67</v>
      </c>
      <c r="AO10639">
        <v>66</v>
      </c>
      <c r="AP10639">
        <v>66</v>
      </c>
      <c r="AQ10639">
        <v>66</v>
      </c>
    </row>
    <row r="10640" spans="1:43">
      <c r="A10640" t="s">
        <v>6618</v>
      </c>
      <c r="B10640" t="s">
        <v>6619</v>
      </c>
      <c r="C10640" t="s">
        <v>6620</v>
      </c>
      <c r="D10640" t="s">
        <v>6621</v>
      </c>
      <c r="E10640" t="s">
        <v>6594</v>
      </c>
      <c r="F10640" t="s">
        <v>6595</v>
      </c>
      <c r="G10640" t="s">
        <v>80</v>
      </c>
      <c r="H10640" t="s">
        <v>81</v>
      </c>
      <c r="I10640" s="2">
        <v>0</v>
      </c>
      <c r="J10640" s="2">
        <v>1</v>
      </c>
      <c r="K10640" s="2">
        <v>0</v>
      </c>
      <c r="L10640" t="s">
        <v>82</v>
      </c>
      <c r="M10640" t="s">
        <v>89</v>
      </c>
      <c r="N10640" t="s">
        <v>90</v>
      </c>
      <c r="O10640" t="s">
        <v>85</v>
      </c>
      <c r="P10640" t="s">
        <v>86</v>
      </c>
      <c r="Q10640">
        <v>74</v>
      </c>
      <c r="R10640">
        <v>75</v>
      </c>
      <c r="S10640">
        <v>76</v>
      </c>
      <c r="T10640">
        <v>78</v>
      </c>
      <c r="U10640">
        <v>78</v>
      </c>
      <c r="V10640">
        <v>79</v>
      </c>
      <c r="W10640">
        <v>80</v>
      </c>
      <c r="X10640">
        <v>81</v>
      </c>
      <c r="Y10640">
        <v>81</v>
      </c>
      <c r="Z10640">
        <v>82</v>
      </c>
      <c r="AA10640">
        <v>82</v>
      </c>
      <c r="AB10640">
        <v>83</v>
      </c>
      <c r="AC10640">
        <v>83</v>
      </c>
      <c r="AD10640">
        <v>83</v>
      </c>
      <c r="AE10640">
        <v>83</v>
      </c>
      <c r="AF10640">
        <v>83</v>
      </c>
      <c r="AG10640">
        <v>82</v>
      </c>
      <c r="AH10640">
        <v>81</v>
      </c>
      <c r="AI10640">
        <v>81</v>
      </c>
      <c r="AJ10640">
        <v>80</v>
      </c>
      <c r="AK10640">
        <v>79</v>
      </c>
      <c r="AL10640">
        <v>79</v>
      </c>
      <c r="AM10640">
        <v>78</v>
      </c>
      <c r="AN10640">
        <v>77</v>
      </c>
      <c r="AO10640">
        <v>77</v>
      </c>
      <c r="AP10640">
        <v>76</v>
      </c>
      <c r="AQ10640">
        <v>75</v>
      </c>
    </row>
    <row r="10641" spans="1:43">
      <c r="A10641" t="s">
        <v>6618</v>
      </c>
      <c r="B10641" t="s">
        <v>6619</v>
      </c>
      <c r="C10641" t="s">
        <v>6620</v>
      </c>
      <c r="D10641" t="s">
        <v>6621</v>
      </c>
      <c r="E10641" t="s">
        <v>6594</v>
      </c>
      <c r="F10641" t="s">
        <v>6595</v>
      </c>
      <c r="G10641" t="s">
        <v>80</v>
      </c>
      <c r="H10641" t="s">
        <v>81</v>
      </c>
      <c r="I10641" s="2">
        <v>0</v>
      </c>
      <c r="J10641" s="2">
        <v>1</v>
      </c>
      <c r="K10641" s="2">
        <v>0</v>
      </c>
      <c r="L10641" t="s">
        <v>82</v>
      </c>
      <c r="M10641" t="s">
        <v>83</v>
      </c>
      <c r="N10641" t="s">
        <v>91</v>
      </c>
      <c r="O10641" t="s">
        <v>85</v>
      </c>
      <c r="P10641" t="s">
        <v>86</v>
      </c>
      <c r="Q10641">
        <v>74</v>
      </c>
      <c r="R10641">
        <v>74</v>
      </c>
      <c r="S10641">
        <v>75</v>
      </c>
      <c r="T10641">
        <v>75</v>
      </c>
      <c r="U10641">
        <v>75</v>
      </c>
      <c r="V10641">
        <v>76</v>
      </c>
      <c r="W10641">
        <v>76</v>
      </c>
      <c r="X10641">
        <v>77</v>
      </c>
      <c r="Y10641">
        <v>77</v>
      </c>
      <c r="Z10641">
        <v>77</v>
      </c>
      <c r="AA10641">
        <v>77</v>
      </c>
      <c r="AB10641">
        <v>78</v>
      </c>
      <c r="AC10641">
        <v>78</v>
      </c>
      <c r="AD10641">
        <v>78</v>
      </c>
      <c r="AE10641">
        <v>78</v>
      </c>
      <c r="AF10641">
        <v>78</v>
      </c>
      <c r="AG10641">
        <v>78</v>
      </c>
      <c r="AH10641">
        <v>78</v>
      </c>
      <c r="AI10641">
        <v>78</v>
      </c>
      <c r="AJ10641">
        <v>78</v>
      </c>
      <c r="AK10641">
        <v>78</v>
      </c>
      <c r="AL10641">
        <v>78</v>
      </c>
      <c r="AM10641">
        <v>77</v>
      </c>
      <c r="AN10641">
        <v>76</v>
      </c>
      <c r="AO10641">
        <v>76</v>
      </c>
      <c r="AP10641">
        <v>75</v>
      </c>
      <c r="AQ10641">
        <v>75</v>
      </c>
    </row>
    <row r="10642" spans="1:43">
      <c r="A10642" t="s">
        <v>6622</v>
      </c>
      <c r="B10642" t="s">
        <v>6623</v>
      </c>
      <c r="C10642" t="s">
        <v>6616</v>
      </c>
      <c r="D10642" t="s">
        <v>6617</v>
      </c>
      <c r="E10642" t="s">
        <v>6594</v>
      </c>
      <c r="F10642" t="s">
        <v>6595</v>
      </c>
      <c r="G10642" t="s">
        <v>80</v>
      </c>
      <c r="H10642" t="s">
        <v>81</v>
      </c>
      <c r="I10642" s="2">
        <v>0</v>
      </c>
      <c r="J10642" s="2">
        <v>1</v>
      </c>
      <c r="K10642" s="2">
        <v>0</v>
      </c>
      <c r="L10642" t="s">
        <v>82</v>
      </c>
      <c r="M10642" t="s">
        <v>83</v>
      </c>
      <c r="N10642" t="s">
        <v>84</v>
      </c>
      <c r="O10642" t="s">
        <v>85</v>
      </c>
      <c r="P10642" t="s">
        <v>86</v>
      </c>
      <c r="Q10642">
        <v>141</v>
      </c>
      <c r="R10642">
        <v>142</v>
      </c>
      <c r="S10642">
        <v>143</v>
      </c>
      <c r="T10642">
        <v>143</v>
      </c>
      <c r="U10642">
        <v>144</v>
      </c>
      <c r="V10642">
        <v>145</v>
      </c>
      <c r="W10642">
        <v>145</v>
      </c>
      <c r="X10642">
        <v>146</v>
      </c>
      <c r="Y10642">
        <v>147</v>
      </c>
      <c r="Z10642">
        <v>147</v>
      </c>
      <c r="AA10642">
        <v>147</v>
      </c>
      <c r="AB10642">
        <v>148</v>
      </c>
      <c r="AC10642">
        <v>148</v>
      </c>
      <c r="AD10642">
        <v>148</v>
      </c>
      <c r="AE10642">
        <v>148</v>
      </c>
      <c r="AF10642">
        <v>148</v>
      </c>
      <c r="AG10642">
        <v>148</v>
      </c>
      <c r="AH10642">
        <v>148</v>
      </c>
      <c r="AI10642">
        <v>148</v>
      </c>
      <c r="AJ10642">
        <v>148</v>
      </c>
      <c r="AK10642">
        <v>148</v>
      </c>
      <c r="AL10642">
        <v>147</v>
      </c>
      <c r="AM10642">
        <v>146</v>
      </c>
      <c r="AN10642">
        <v>144</v>
      </c>
      <c r="AO10642">
        <v>143</v>
      </c>
      <c r="AP10642">
        <v>142</v>
      </c>
      <c r="AQ10642">
        <v>141</v>
      </c>
    </row>
    <row r="10643" spans="1:43">
      <c r="A10643" t="s">
        <v>6622</v>
      </c>
      <c r="B10643" t="s">
        <v>6623</v>
      </c>
      <c r="C10643" t="s">
        <v>6616</v>
      </c>
      <c r="D10643" t="s">
        <v>6617</v>
      </c>
      <c r="E10643" t="s">
        <v>6594</v>
      </c>
      <c r="F10643" t="s">
        <v>6595</v>
      </c>
      <c r="G10643" t="s">
        <v>80</v>
      </c>
      <c r="H10643" t="s">
        <v>81</v>
      </c>
      <c r="I10643" s="2">
        <v>0</v>
      </c>
      <c r="J10643" s="2">
        <v>1</v>
      </c>
      <c r="K10643" s="2">
        <v>0</v>
      </c>
      <c r="L10643" t="s">
        <v>82</v>
      </c>
      <c r="M10643" t="s">
        <v>87</v>
      </c>
      <c r="N10643" t="s">
        <v>88</v>
      </c>
      <c r="O10643" t="s">
        <v>85</v>
      </c>
      <c r="P10643" t="s">
        <v>86</v>
      </c>
      <c r="Q10643">
        <v>141</v>
      </c>
      <c r="R10643">
        <v>141</v>
      </c>
      <c r="S10643">
        <v>141</v>
      </c>
      <c r="T10643">
        <v>140</v>
      </c>
      <c r="U10643">
        <v>140</v>
      </c>
      <c r="V10643">
        <v>139</v>
      </c>
      <c r="W10643">
        <v>139</v>
      </c>
      <c r="X10643">
        <v>138</v>
      </c>
      <c r="Y10643">
        <v>137</v>
      </c>
      <c r="Z10643">
        <v>137</v>
      </c>
      <c r="AA10643">
        <v>136</v>
      </c>
      <c r="AB10643">
        <v>135</v>
      </c>
      <c r="AC10643">
        <v>135</v>
      </c>
      <c r="AD10643">
        <v>134</v>
      </c>
      <c r="AE10643">
        <v>133</v>
      </c>
      <c r="AF10643">
        <v>133</v>
      </c>
      <c r="AG10643">
        <v>132</v>
      </c>
      <c r="AH10643">
        <v>131</v>
      </c>
      <c r="AI10643">
        <v>130</v>
      </c>
      <c r="AJ10643">
        <v>129</v>
      </c>
      <c r="AK10643">
        <v>129</v>
      </c>
      <c r="AL10643">
        <v>128</v>
      </c>
      <c r="AM10643">
        <v>127</v>
      </c>
      <c r="AN10643">
        <v>126</v>
      </c>
      <c r="AO10643">
        <v>126</v>
      </c>
      <c r="AP10643">
        <v>125</v>
      </c>
      <c r="AQ10643">
        <v>124</v>
      </c>
    </row>
    <row r="10644" spans="1:43">
      <c r="A10644" t="s">
        <v>6622</v>
      </c>
      <c r="B10644" t="s">
        <v>6623</v>
      </c>
      <c r="C10644" t="s">
        <v>6616</v>
      </c>
      <c r="D10644" t="s">
        <v>6617</v>
      </c>
      <c r="E10644" t="s">
        <v>6594</v>
      </c>
      <c r="F10644" t="s">
        <v>6595</v>
      </c>
      <c r="G10644" t="s">
        <v>80</v>
      </c>
      <c r="H10644" t="s">
        <v>81</v>
      </c>
      <c r="I10644" s="2">
        <v>0</v>
      </c>
      <c r="J10644" s="2">
        <v>1</v>
      </c>
      <c r="K10644" s="2">
        <v>0</v>
      </c>
      <c r="L10644" t="s">
        <v>82</v>
      </c>
      <c r="M10644" t="s">
        <v>89</v>
      </c>
      <c r="N10644" t="s">
        <v>90</v>
      </c>
      <c r="O10644" t="s">
        <v>85</v>
      </c>
      <c r="P10644" t="s">
        <v>86</v>
      </c>
      <c r="Q10644">
        <v>141</v>
      </c>
      <c r="R10644">
        <v>143</v>
      </c>
      <c r="S10644">
        <v>145</v>
      </c>
      <c r="T10644">
        <v>147</v>
      </c>
      <c r="U10644">
        <v>149</v>
      </c>
      <c r="V10644">
        <v>150</v>
      </c>
      <c r="W10644">
        <v>152</v>
      </c>
      <c r="X10644">
        <v>153</v>
      </c>
      <c r="Y10644">
        <v>154</v>
      </c>
      <c r="Z10644">
        <v>155</v>
      </c>
      <c r="AA10644">
        <v>156</v>
      </c>
      <c r="AB10644">
        <v>156</v>
      </c>
      <c r="AC10644">
        <v>157</v>
      </c>
      <c r="AD10644">
        <v>158</v>
      </c>
      <c r="AE10644">
        <v>158</v>
      </c>
      <c r="AF10644">
        <v>156</v>
      </c>
      <c r="AG10644">
        <v>155</v>
      </c>
      <c r="AH10644">
        <v>153</v>
      </c>
      <c r="AI10644">
        <v>152</v>
      </c>
      <c r="AJ10644">
        <v>150</v>
      </c>
      <c r="AK10644">
        <v>149</v>
      </c>
      <c r="AL10644">
        <v>148</v>
      </c>
      <c r="AM10644">
        <v>146</v>
      </c>
      <c r="AN10644">
        <v>145</v>
      </c>
      <c r="AO10644">
        <v>144</v>
      </c>
      <c r="AP10644">
        <v>142</v>
      </c>
      <c r="AQ10644">
        <v>141</v>
      </c>
    </row>
    <row r="10645" spans="1:43">
      <c r="A10645" t="s">
        <v>6622</v>
      </c>
      <c r="B10645" t="s">
        <v>6623</v>
      </c>
      <c r="C10645" t="s">
        <v>6616</v>
      </c>
      <c r="D10645" t="s">
        <v>6617</v>
      </c>
      <c r="E10645" t="s">
        <v>6594</v>
      </c>
      <c r="F10645" t="s">
        <v>6595</v>
      </c>
      <c r="G10645" t="s">
        <v>80</v>
      </c>
      <c r="H10645" t="s">
        <v>81</v>
      </c>
      <c r="I10645" s="2">
        <v>0</v>
      </c>
      <c r="J10645" s="2">
        <v>1</v>
      </c>
      <c r="K10645" s="2">
        <v>0</v>
      </c>
      <c r="L10645" t="s">
        <v>82</v>
      </c>
      <c r="M10645" t="s">
        <v>83</v>
      </c>
      <c r="N10645" t="s">
        <v>91</v>
      </c>
      <c r="O10645" t="s">
        <v>85</v>
      </c>
      <c r="P10645" t="s">
        <v>86</v>
      </c>
      <c r="Q10645">
        <v>141</v>
      </c>
      <c r="R10645">
        <v>142</v>
      </c>
      <c r="S10645">
        <v>143</v>
      </c>
      <c r="T10645">
        <v>143</v>
      </c>
      <c r="U10645">
        <v>144</v>
      </c>
      <c r="V10645">
        <v>145</v>
      </c>
      <c r="W10645">
        <v>145</v>
      </c>
      <c r="X10645">
        <v>146</v>
      </c>
      <c r="Y10645">
        <v>147</v>
      </c>
      <c r="Z10645">
        <v>147</v>
      </c>
      <c r="AA10645">
        <v>147</v>
      </c>
      <c r="AB10645">
        <v>148</v>
      </c>
      <c r="AC10645">
        <v>148</v>
      </c>
      <c r="AD10645">
        <v>148</v>
      </c>
      <c r="AE10645">
        <v>148</v>
      </c>
      <c r="AF10645">
        <v>148</v>
      </c>
      <c r="AG10645">
        <v>148</v>
      </c>
      <c r="AH10645">
        <v>148</v>
      </c>
      <c r="AI10645">
        <v>148</v>
      </c>
      <c r="AJ10645">
        <v>148</v>
      </c>
      <c r="AK10645">
        <v>148</v>
      </c>
      <c r="AL10645">
        <v>147</v>
      </c>
      <c r="AM10645">
        <v>146</v>
      </c>
      <c r="AN10645">
        <v>144</v>
      </c>
      <c r="AO10645">
        <v>143</v>
      </c>
      <c r="AP10645">
        <v>142</v>
      </c>
      <c r="AQ10645">
        <v>141</v>
      </c>
    </row>
    <row r="10646" spans="1:43">
      <c r="A10646" t="s">
        <v>6624</v>
      </c>
      <c r="B10646" t="s">
        <v>6625</v>
      </c>
      <c r="C10646" t="s">
        <v>6620</v>
      </c>
      <c r="D10646" t="s">
        <v>6621</v>
      </c>
      <c r="E10646" t="s">
        <v>6594</v>
      </c>
      <c r="F10646" t="s">
        <v>6595</v>
      </c>
      <c r="G10646" t="s">
        <v>80</v>
      </c>
      <c r="H10646" t="s">
        <v>81</v>
      </c>
      <c r="I10646" s="2">
        <v>0</v>
      </c>
      <c r="J10646" s="2">
        <v>1</v>
      </c>
      <c r="K10646" s="2">
        <v>0</v>
      </c>
      <c r="L10646" t="s">
        <v>82</v>
      </c>
      <c r="M10646" t="s">
        <v>83</v>
      </c>
      <c r="N10646" t="s">
        <v>84</v>
      </c>
      <c r="O10646" t="s">
        <v>85</v>
      </c>
      <c r="P10646" t="s">
        <v>86</v>
      </c>
      <c r="Q10646">
        <v>22</v>
      </c>
      <c r="R10646">
        <v>22</v>
      </c>
      <c r="S10646">
        <v>22</v>
      </c>
      <c r="T10646">
        <v>22</v>
      </c>
      <c r="U10646">
        <v>22</v>
      </c>
      <c r="V10646">
        <v>22</v>
      </c>
      <c r="W10646">
        <v>22</v>
      </c>
      <c r="X10646">
        <v>23</v>
      </c>
      <c r="Y10646">
        <v>23</v>
      </c>
      <c r="Z10646">
        <v>23</v>
      </c>
      <c r="AA10646">
        <v>23</v>
      </c>
      <c r="AB10646">
        <v>23</v>
      </c>
      <c r="AC10646">
        <v>23</v>
      </c>
      <c r="AD10646">
        <v>23</v>
      </c>
      <c r="AE10646">
        <v>23</v>
      </c>
      <c r="AF10646">
        <v>23</v>
      </c>
      <c r="AG10646">
        <v>23</v>
      </c>
      <c r="AH10646">
        <v>23</v>
      </c>
      <c r="AI10646">
        <v>23</v>
      </c>
      <c r="AJ10646">
        <v>23</v>
      </c>
      <c r="AK10646">
        <v>23</v>
      </c>
      <c r="AL10646">
        <v>23</v>
      </c>
      <c r="AM10646">
        <v>23</v>
      </c>
      <c r="AN10646">
        <v>22</v>
      </c>
      <c r="AO10646">
        <v>22</v>
      </c>
      <c r="AP10646">
        <v>22</v>
      </c>
      <c r="AQ10646">
        <v>22</v>
      </c>
    </row>
    <row r="10647" spans="1:43">
      <c r="A10647" t="s">
        <v>6624</v>
      </c>
      <c r="B10647" t="s">
        <v>6625</v>
      </c>
      <c r="C10647" t="s">
        <v>6620</v>
      </c>
      <c r="D10647" t="s">
        <v>6621</v>
      </c>
      <c r="E10647" t="s">
        <v>6594</v>
      </c>
      <c r="F10647" t="s">
        <v>6595</v>
      </c>
      <c r="G10647" t="s">
        <v>80</v>
      </c>
      <c r="H10647" t="s">
        <v>81</v>
      </c>
      <c r="I10647" s="2">
        <v>0</v>
      </c>
      <c r="J10647" s="2">
        <v>1</v>
      </c>
      <c r="K10647" s="2">
        <v>0</v>
      </c>
      <c r="L10647" t="s">
        <v>82</v>
      </c>
      <c r="M10647" t="s">
        <v>87</v>
      </c>
      <c r="N10647" t="s">
        <v>88</v>
      </c>
      <c r="O10647" t="s">
        <v>85</v>
      </c>
      <c r="P10647" t="s">
        <v>86</v>
      </c>
      <c r="Q10647">
        <v>22</v>
      </c>
      <c r="R10647">
        <v>21</v>
      </c>
      <c r="S10647">
        <v>21</v>
      </c>
      <c r="T10647">
        <v>21</v>
      </c>
      <c r="U10647">
        <v>21</v>
      </c>
      <c r="V10647">
        <v>21</v>
      </c>
      <c r="W10647">
        <v>21</v>
      </c>
      <c r="X10647">
        <v>21</v>
      </c>
      <c r="Y10647">
        <v>21</v>
      </c>
      <c r="Z10647">
        <v>21</v>
      </c>
      <c r="AA10647">
        <v>21</v>
      </c>
      <c r="AB10647">
        <v>21</v>
      </c>
      <c r="AC10647">
        <v>21</v>
      </c>
      <c r="AD10647">
        <v>20</v>
      </c>
      <c r="AE10647">
        <v>20</v>
      </c>
      <c r="AF10647">
        <v>20</v>
      </c>
      <c r="AG10647">
        <v>20</v>
      </c>
      <c r="AH10647">
        <v>20</v>
      </c>
      <c r="AI10647">
        <v>20</v>
      </c>
      <c r="AJ10647">
        <v>20</v>
      </c>
      <c r="AK10647">
        <v>20</v>
      </c>
      <c r="AL10647">
        <v>20</v>
      </c>
      <c r="AM10647">
        <v>19</v>
      </c>
      <c r="AN10647">
        <v>19</v>
      </c>
      <c r="AO10647">
        <v>19</v>
      </c>
      <c r="AP10647">
        <v>19</v>
      </c>
      <c r="AQ10647">
        <v>19</v>
      </c>
    </row>
    <row r="10648" spans="1:43">
      <c r="A10648" t="s">
        <v>6624</v>
      </c>
      <c r="B10648" t="s">
        <v>6625</v>
      </c>
      <c r="C10648" t="s">
        <v>6620</v>
      </c>
      <c r="D10648" t="s">
        <v>6621</v>
      </c>
      <c r="E10648" t="s">
        <v>6594</v>
      </c>
      <c r="F10648" t="s">
        <v>6595</v>
      </c>
      <c r="G10648" t="s">
        <v>80</v>
      </c>
      <c r="H10648" t="s">
        <v>81</v>
      </c>
      <c r="I10648" s="2">
        <v>0</v>
      </c>
      <c r="J10648" s="2">
        <v>1</v>
      </c>
      <c r="K10648" s="2">
        <v>0</v>
      </c>
      <c r="L10648" t="s">
        <v>82</v>
      </c>
      <c r="M10648" t="s">
        <v>89</v>
      </c>
      <c r="N10648" t="s">
        <v>90</v>
      </c>
      <c r="O10648" t="s">
        <v>85</v>
      </c>
      <c r="P10648" t="s">
        <v>86</v>
      </c>
      <c r="Q10648">
        <v>22</v>
      </c>
      <c r="R10648">
        <v>22</v>
      </c>
      <c r="S10648">
        <v>23</v>
      </c>
      <c r="T10648">
        <v>23</v>
      </c>
      <c r="U10648">
        <v>23</v>
      </c>
      <c r="V10648">
        <v>23</v>
      </c>
      <c r="W10648">
        <v>24</v>
      </c>
      <c r="X10648">
        <v>24</v>
      </c>
      <c r="Y10648">
        <v>24</v>
      </c>
      <c r="Z10648">
        <v>24</v>
      </c>
      <c r="AA10648">
        <v>24</v>
      </c>
      <c r="AB10648">
        <v>24</v>
      </c>
      <c r="AC10648">
        <v>25</v>
      </c>
      <c r="AD10648">
        <v>25</v>
      </c>
      <c r="AE10648">
        <v>25</v>
      </c>
      <c r="AF10648">
        <v>24</v>
      </c>
      <c r="AG10648">
        <v>24</v>
      </c>
      <c r="AH10648">
        <v>24</v>
      </c>
      <c r="AI10648">
        <v>24</v>
      </c>
      <c r="AJ10648">
        <v>24</v>
      </c>
      <c r="AK10648">
        <v>23</v>
      </c>
      <c r="AL10648">
        <v>23</v>
      </c>
      <c r="AM10648">
        <v>23</v>
      </c>
      <c r="AN10648">
        <v>23</v>
      </c>
      <c r="AO10648">
        <v>23</v>
      </c>
      <c r="AP10648">
        <v>22</v>
      </c>
      <c r="AQ10648">
        <v>22</v>
      </c>
    </row>
    <row r="10649" spans="1:43">
      <c r="A10649" t="s">
        <v>6624</v>
      </c>
      <c r="B10649" t="s">
        <v>6625</v>
      </c>
      <c r="C10649" t="s">
        <v>6620</v>
      </c>
      <c r="D10649" t="s">
        <v>6621</v>
      </c>
      <c r="E10649" t="s">
        <v>6594</v>
      </c>
      <c r="F10649" t="s">
        <v>6595</v>
      </c>
      <c r="G10649" t="s">
        <v>80</v>
      </c>
      <c r="H10649" t="s">
        <v>81</v>
      </c>
      <c r="I10649" s="2">
        <v>0</v>
      </c>
      <c r="J10649" s="2">
        <v>1</v>
      </c>
      <c r="K10649" s="2">
        <v>0</v>
      </c>
      <c r="L10649" t="s">
        <v>82</v>
      </c>
      <c r="M10649" t="s">
        <v>83</v>
      </c>
      <c r="N10649" t="s">
        <v>91</v>
      </c>
      <c r="O10649" t="s">
        <v>85</v>
      </c>
      <c r="P10649" t="s">
        <v>86</v>
      </c>
      <c r="Q10649">
        <v>22</v>
      </c>
      <c r="R10649">
        <v>22</v>
      </c>
      <c r="S10649">
        <v>22</v>
      </c>
      <c r="T10649">
        <v>22</v>
      </c>
      <c r="U10649">
        <v>22</v>
      </c>
      <c r="V10649">
        <v>22</v>
      </c>
      <c r="W10649">
        <v>22</v>
      </c>
      <c r="X10649">
        <v>23</v>
      </c>
      <c r="Y10649">
        <v>23</v>
      </c>
      <c r="Z10649">
        <v>23</v>
      </c>
      <c r="AA10649">
        <v>23</v>
      </c>
      <c r="AB10649">
        <v>23</v>
      </c>
      <c r="AC10649">
        <v>23</v>
      </c>
      <c r="AD10649">
        <v>23</v>
      </c>
      <c r="AE10649">
        <v>23</v>
      </c>
      <c r="AF10649">
        <v>23</v>
      </c>
      <c r="AG10649">
        <v>23</v>
      </c>
      <c r="AH10649">
        <v>23</v>
      </c>
      <c r="AI10649">
        <v>23</v>
      </c>
      <c r="AJ10649">
        <v>23</v>
      </c>
      <c r="AK10649">
        <v>23</v>
      </c>
      <c r="AL10649">
        <v>23</v>
      </c>
      <c r="AM10649">
        <v>23</v>
      </c>
      <c r="AN10649">
        <v>22</v>
      </c>
      <c r="AO10649">
        <v>22</v>
      </c>
      <c r="AP10649">
        <v>22</v>
      </c>
      <c r="AQ10649">
        <v>22</v>
      </c>
    </row>
    <row r="10650" spans="1:43">
      <c r="A10650" t="s">
        <v>6626</v>
      </c>
      <c r="B10650" t="s">
        <v>6627</v>
      </c>
      <c r="C10650" t="s">
        <v>6616</v>
      </c>
      <c r="D10650" t="s">
        <v>6617</v>
      </c>
      <c r="E10650" t="s">
        <v>6594</v>
      </c>
      <c r="F10650" t="s">
        <v>6595</v>
      </c>
      <c r="G10650" t="s">
        <v>80</v>
      </c>
      <c r="H10650" t="s">
        <v>81</v>
      </c>
      <c r="I10650" s="2">
        <v>0</v>
      </c>
      <c r="J10650" s="2">
        <v>1</v>
      </c>
      <c r="K10650" s="2">
        <v>0</v>
      </c>
      <c r="L10650" t="s">
        <v>82</v>
      </c>
      <c r="M10650" t="s">
        <v>83</v>
      </c>
      <c r="N10650" t="s">
        <v>84</v>
      </c>
      <c r="O10650" t="s">
        <v>85</v>
      </c>
      <c r="P10650" t="s">
        <v>86</v>
      </c>
      <c r="Q10650">
        <v>30</v>
      </c>
      <c r="R10650">
        <v>30</v>
      </c>
      <c r="S10650">
        <v>30</v>
      </c>
      <c r="T10650">
        <v>30</v>
      </c>
      <c r="U10650">
        <v>31</v>
      </c>
      <c r="V10650">
        <v>31</v>
      </c>
      <c r="W10650">
        <v>31</v>
      </c>
      <c r="X10650">
        <v>31</v>
      </c>
      <c r="Y10650">
        <v>31</v>
      </c>
      <c r="Z10650">
        <v>31</v>
      </c>
      <c r="AA10650">
        <v>31</v>
      </c>
      <c r="AB10650">
        <v>31</v>
      </c>
      <c r="AC10650">
        <v>31</v>
      </c>
      <c r="AD10650">
        <v>31</v>
      </c>
      <c r="AE10650">
        <v>31</v>
      </c>
      <c r="AF10650">
        <v>31</v>
      </c>
      <c r="AG10650">
        <v>31</v>
      </c>
      <c r="AH10650">
        <v>31</v>
      </c>
      <c r="AI10650">
        <v>31</v>
      </c>
      <c r="AJ10650">
        <v>31</v>
      </c>
      <c r="AK10650">
        <v>31</v>
      </c>
      <c r="AL10650">
        <v>31</v>
      </c>
      <c r="AM10650">
        <v>30</v>
      </c>
      <c r="AN10650">
        <v>30</v>
      </c>
      <c r="AO10650">
        <v>30</v>
      </c>
      <c r="AP10650">
        <v>30</v>
      </c>
      <c r="AQ10650">
        <v>29</v>
      </c>
    </row>
    <row r="10651" spans="1:43">
      <c r="A10651" t="s">
        <v>6626</v>
      </c>
      <c r="B10651" t="s">
        <v>6627</v>
      </c>
      <c r="C10651" t="s">
        <v>6616</v>
      </c>
      <c r="D10651" t="s">
        <v>6617</v>
      </c>
      <c r="E10651" t="s">
        <v>6594</v>
      </c>
      <c r="F10651" t="s">
        <v>6595</v>
      </c>
      <c r="G10651" t="s">
        <v>80</v>
      </c>
      <c r="H10651" t="s">
        <v>81</v>
      </c>
      <c r="I10651" s="2">
        <v>0</v>
      </c>
      <c r="J10651" s="2">
        <v>1</v>
      </c>
      <c r="K10651" s="2">
        <v>0</v>
      </c>
      <c r="L10651" t="s">
        <v>82</v>
      </c>
      <c r="M10651" t="s">
        <v>87</v>
      </c>
      <c r="N10651" t="s">
        <v>88</v>
      </c>
      <c r="O10651" t="s">
        <v>85</v>
      </c>
      <c r="P10651" t="s">
        <v>86</v>
      </c>
      <c r="Q10651">
        <v>30</v>
      </c>
      <c r="R10651">
        <v>29</v>
      </c>
      <c r="S10651">
        <v>29</v>
      </c>
      <c r="T10651">
        <v>29</v>
      </c>
      <c r="U10651">
        <v>29</v>
      </c>
      <c r="V10651">
        <v>29</v>
      </c>
      <c r="W10651">
        <v>29</v>
      </c>
      <c r="X10651">
        <v>29</v>
      </c>
      <c r="Y10651">
        <v>29</v>
      </c>
      <c r="Z10651">
        <v>28</v>
      </c>
      <c r="AA10651">
        <v>28</v>
      </c>
      <c r="AB10651">
        <v>28</v>
      </c>
      <c r="AC10651">
        <v>28</v>
      </c>
      <c r="AD10651">
        <v>28</v>
      </c>
      <c r="AE10651">
        <v>28</v>
      </c>
      <c r="AF10651">
        <v>27</v>
      </c>
      <c r="AG10651">
        <v>27</v>
      </c>
      <c r="AH10651">
        <v>27</v>
      </c>
      <c r="AI10651">
        <v>27</v>
      </c>
      <c r="AJ10651">
        <v>27</v>
      </c>
      <c r="AK10651">
        <v>27</v>
      </c>
      <c r="AL10651">
        <v>26</v>
      </c>
      <c r="AM10651">
        <v>26</v>
      </c>
      <c r="AN10651">
        <v>26</v>
      </c>
      <c r="AO10651">
        <v>26</v>
      </c>
      <c r="AP10651">
        <v>26</v>
      </c>
      <c r="AQ10651">
        <v>26</v>
      </c>
    </row>
    <row r="10652" spans="1:43">
      <c r="A10652" t="s">
        <v>6626</v>
      </c>
      <c r="B10652" t="s">
        <v>6627</v>
      </c>
      <c r="C10652" t="s">
        <v>6616</v>
      </c>
      <c r="D10652" t="s">
        <v>6617</v>
      </c>
      <c r="E10652" t="s">
        <v>6594</v>
      </c>
      <c r="F10652" t="s">
        <v>6595</v>
      </c>
      <c r="G10652" t="s">
        <v>80</v>
      </c>
      <c r="H10652" t="s">
        <v>81</v>
      </c>
      <c r="I10652" s="2">
        <v>0</v>
      </c>
      <c r="J10652" s="2">
        <v>1</v>
      </c>
      <c r="K10652" s="2">
        <v>0</v>
      </c>
      <c r="L10652" t="s">
        <v>82</v>
      </c>
      <c r="M10652" t="s">
        <v>89</v>
      </c>
      <c r="N10652" t="s">
        <v>90</v>
      </c>
      <c r="O10652" t="s">
        <v>85</v>
      </c>
      <c r="P10652" t="s">
        <v>86</v>
      </c>
      <c r="Q10652">
        <v>30</v>
      </c>
      <c r="R10652">
        <v>31</v>
      </c>
      <c r="S10652">
        <v>31</v>
      </c>
      <c r="T10652">
        <v>31</v>
      </c>
      <c r="U10652">
        <v>32</v>
      </c>
      <c r="V10652">
        <v>32</v>
      </c>
      <c r="W10652">
        <v>32</v>
      </c>
      <c r="X10652">
        <v>33</v>
      </c>
      <c r="Y10652">
        <v>33</v>
      </c>
      <c r="Z10652">
        <v>33</v>
      </c>
      <c r="AA10652">
        <v>33</v>
      </c>
      <c r="AB10652">
        <v>33</v>
      </c>
      <c r="AC10652">
        <v>33</v>
      </c>
      <c r="AD10652">
        <v>33</v>
      </c>
      <c r="AE10652">
        <v>33</v>
      </c>
      <c r="AF10652">
        <v>33</v>
      </c>
      <c r="AG10652">
        <v>33</v>
      </c>
      <c r="AH10652">
        <v>32</v>
      </c>
      <c r="AI10652">
        <v>32</v>
      </c>
      <c r="AJ10652">
        <v>32</v>
      </c>
      <c r="AK10652">
        <v>31</v>
      </c>
      <c r="AL10652">
        <v>31</v>
      </c>
      <c r="AM10652">
        <v>31</v>
      </c>
      <c r="AN10652">
        <v>30</v>
      </c>
      <c r="AO10652">
        <v>30</v>
      </c>
      <c r="AP10652">
        <v>30</v>
      </c>
      <c r="AQ10652">
        <v>29</v>
      </c>
    </row>
    <row r="10653" spans="1:43">
      <c r="A10653" t="s">
        <v>6626</v>
      </c>
      <c r="B10653" t="s">
        <v>6627</v>
      </c>
      <c r="C10653" t="s">
        <v>6616</v>
      </c>
      <c r="D10653" t="s">
        <v>6617</v>
      </c>
      <c r="E10653" t="s">
        <v>6594</v>
      </c>
      <c r="F10653" t="s">
        <v>6595</v>
      </c>
      <c r="G10653" t="s">
        <v>80</v>
      </c>
      <c r="H10653" t="s">
        <v>81</v>
      </c>
      <c r="I10653" s="2">
        <v>0</v>
      </c>
      <c r="J10653" s="2">
        <v>1</v>
      </c>
      <c r="K10653" s="2">
        <v>0</v>
      </c>
      <c r="L10653" t="s">
        <v>82</v>
      </c>
      <c r="M10653" t="s">
        <v>83</v>
      </c>
      <c r="N10653" t="s">
        <v>91</v>
      </c>
      <c r="O10653" t="s">
        <v>85</v>
      </c>
      <c r="P10653" t="s">
        <v>86</v>
      </c>
      <c r="Q10653">
        <v>30</v>
      </c>
      <c r="R10653">
        <v>30</v>
      </c>
      <c r="S10653">
        <v>30</v>
      </c>
      <c r="T10653">
        <v>30</v>
      </c>
      <c r="U10653">
        <v>31</v>
      </c>
      <c r="V10653">
        <v>31</v>
      </c>
      <c r="W10653">
        <v>31</v>
      </c>
      <c r="X10653">
        <v>31</v>
      </c>
      <c r="Y10653">
        <v>31</v>
      </c>
      <c r="Z10653">
        <v>31</v>
      </c>
      <c r="AA10653">
        <v>31</v>
      </c>
      <c r="AB10653">
        <v>31</v>
      </c>
      <c r="AC10653">
        <v>31</v>
      </c>
      <c r="AD10653">
        <v>31</v>
      </c>
      <c r="AE10653">
        <v>31</v>
      </c>
      <c r="AF10653">
        <v>31</v>
      </c>
      <c r="AG10653">
        <v>31</v>
      </c>
      <c r="AH10653">
        <v>31</v>
      </c>
      <c r="AI10653">
        <v>31</v>
      </c>
      <c r="AJ10653">
        <v>31</v>
      </c>
      <c r="AK10653">
        <v>31</v>
      </c>
      <c r="AL10653">
        <v>31</v>
      </c>
      <c r="AM10653">
        <v>30</v>
      </c>
      <c r="AN10653">
        <v>30</v>
      </c>
      <c r="AO10653">
        <v>30</v>
      </c>
      <c r="AP10653">
        <v>30</v>
      </c>
      <c r="AQ10653">
        <v>29</v>
      </c>
    </row>
    <row r="10654" spans="1:43">
      <c r="A10654" t="s">
        <v>6628</v>
      </c>
      <c r="B10654" t="s">
        <v>6629</v>
      </c>
      <c r="C10654" t="s">
        <v>6616</v>
      </c>
      <c r="D10654" t="s">
        <v>6617</v>
      </c>
      <c r="E10654" t="s">
        <v>6594</v>
      </c>
      <c r="F10654" t="s">
        <v>6595</v>
      </c>
      <c r="G10654" t="s">
        <v>80</v>
      </c>
      <c r="H10654" t="s">
        <v>81</v>
      </c>
      <c r="I10654" s="2">
        <v>0</v>
      </c>
      <c r="J10654" s="2">
        <v>1</v>
      </c>
      <c r="K10654" s="2">
        <v>0</v>
      </c>
      <c r="L10654" t="s">
        <v>82</v>
      </c>
      <c r="M10654" t="s">
        <v>83</v>
      </c>
      <c r="N10654" t="s">
        <v>84</v>
      </c>
      <c r="O10654" t="s">
        <v>85</v>
      </c>
      <c r="P10654" t="s">
        <v>86</v>
      </c>
      <c r="Q10654">
        <v>86</v>
      </c>
      <c r="R10654">
        <v>87</v>
      </c>
      <c r="S10654">
        <v>87</v>
      </c>
      <c r="T10654">
        <v>88</v>
      </c>
      <c r="U10654">
        <v>89</v>
      </c>
      <c r="V10654">
        <v>89</v>
      </c>
      <c r="W10654">
        <v>89</v>
      </c>
      <c r="X10654">
        <v>90</v>
      </c>
      <c r="Y10654">
        <v>90</v>
      </c>
      <c r="Z10654">
        <v>91</v>
      </c>
      <c r="AA10654">
        <v>91</v>
      </c>
      <c r="AB10654">
        <v>91</v>
      </c>
      <c r="AC10654">
        <v>91</v>
      </c>
      <c r="AD10654">
        <v>92</v>
      </c>
      <c r="AE10654">
        <v>92</v>
      </c>
      <c r="AF10654">
        <v>92</v>
      </c>
      <c r="AG10654">
        <v>92</v>
      </c>
      <c r="AH10654">
        <v>92</v>
      </c>
      <c r="AI10654">
        <v>92</v>
      </c>
      <c r="AJ10654">
        <v>92</v>
      </c>
      <c r="AK10654">
        <v>92</v>
      </c>
      <c r="AL10654">
        <v>91</v>
      </c>
      <c r="AM10654">
        <v>91</v>
      </c>
      <c r="AN10654">
        <v>90</v>
      </c>
      <c r="AO10654">
        <v>89</v>
      </c>
      <c r="AP10654">
        <v>89</v>
      </c>
      <c r="AQ10654">
        <v>88</v>
      </c>
    </row>
    <row r="10655" spans="1:43">
      <c r="A10655" t="s">
        <v>6628</v>
      </c>
      <c r="B10655" t="s">
        <v>6629</v>
      </c>
      <c r="C10655" t="s">
        <v>6616</v>
      </c>
      <c r="D10655" t="s">
        <v>6617</v>
      </c>
      <c r="E10655" t="s">
        <v>6594</v>
      </c>
      <c r="F10655" t="s">
        <v>6595</v>
      </c>
      <c r="G10655" t="s">
        <v>80</v>
      </c>
      <c r="H10655" t="s">
        <v>81</v>
      </c>
      <c r="I10655" s="2">
        <v>0</v>
      </c>
      <c r="J10655" s="2">
        <v>1</v>
      </c>
      <c r="K10655" s="2">
        <v>0</v>
      </c>
      <c r="L10655" t="s">
        <v>82</v>
      </c>
      <c r="M10655" t="s">
        <v>87</v>
      </c>
      <c r="N10655" t="s">
        <v>88</v>
      </c>
      <c r="O10655" t="s">
        <v>85</v>
      </c>
      <c r="P10655" t="s">
        <v>86</v>
      </c>
      <c r="Q10655">
        <v>86</v>
      </c>
      <c r="R10655">
        <v>86</v>
      </c>
      <c r="S10655">
        <v>86</v>
      </c>
      <c r="T10655">
        <v>86</v>
      </c>
      <c r="U10655">
        <v>86</v>
      </c>
      <c r="V10655">
        <v>85</v>
      </c>
      <c r="W10655">
        <v>85</v>
      </c>
      <c r="X10655">
        <v>85</v>
      </c>
      <c r="Y10655">
        <v>84</v>
      </c>
      <c r="Z10655">
        <v>84</v>
      </c>
      <c r="AA10655">
        <v>84</v>
      </c>
      <c r="AB10655">
        <v>83</v>
      </c>
      <c r="AC10655">
        <v>83</v>
      </c>
      <c r="AD10655">
        <v>83</v>
      </c>
      <c r="AE10655">
        <v>82</v>
      </c>
      <c r="AF10655">
        <v>82</v>
      </c>
      <c r="AG10655">
        <v>81</v>
      </c>
      <c r="AH10655">
        <v>81</v>
      </c>
      <c r="AI10655">
        <v>81</v>
      </c>
      <c r="AJ10655">
        <v>80</v>
      </c>
      <c r="AK10655">
        <v>80</v>
      </c>
      <c r="AL10655">
        <v>79</v>
      </c>
      <c r="AM10655">
        <v>79</v>
      </c>
      <c r="AN10655">
        <v>79</v>
      </c>
      <c r="AO10655">
        <v>78</v>
      </c>
      <c r="AP10655">
        <v>78</v>
      </c>
      <c r="AQ10655">
        <v>77</v>
      </c>
    </row>
    <row r="10656" spans="1:43">
      <c r="A10656" t="s">
        <v>6628</v>
      </c>
      <c r="B10656" t="s">
        <v>6629</v>
      </c>
      <c r="C10656" t="s">
        <v>6616</v>
      </c>
      <c r="D10656" t="s">
        <v>6617</v>
      </c>
      <c r="E10656" t="s">
        <v>6594</v>
      </c>
      <c r="F10656" t="s">
        <v>6595</v>
      </c>
      <c r="G10656" t="s">
        <v>80</v>
      </c>
      <c r="H10656" t="s">
        <v>81</v>
      </c>
      <c r="I10656" s="2">
        <v>0</v>
      </c>
      <c r="J10656" s="2">
        <v>1</v>
      </c>
      <c r="K10656" s="2">
        <v>0</v>
      </c>
      <c r="L10656" t="s">
        <v>82</v>
      </c>
      <c r="M10656" t="s">
        <v>89</v>
      </c>
      <c r="N10656" t="s">
        <v>90</v>
      </c>
      <c r="O10656" t="s">
        <v>85</v>
      </c>
      <c r="P10656" t="s">
        <v>86</v>
      </c>
      <c r="Q10656">
        <v>86</v>
      </c>
      <c r="R10656">
        <v>87</v>
      </c>
      <c r="S10656">
        <v>89</v>
      </c>
      <c r="T10656">
        <v>90</v>
      </c>
      <c r="U10656">
        <v>91</v>
      </c>
      <c r="V10656">
        <v>92</v>
      </c>
      <c r="W10656">
        <v>93</v>
      </c>
      <c r="X10656">
        <v>94</v>
      </c>
      <c r="Y10656">
        <v>95</v>
      </c>
      <c r="Z10656">
        <v>95</v>
      </c>
      <c r="AA10656">
        <v>96</v>
      </c>
      <c r="AB10656">
        <v>96</v>
      </c>
      <c r="AC10656">
        <v>97</v>
      </c>
      <c r="AD10656">
        <v>97</v>
      </c>
      <c r="AE10656">
        <v>97</v>
      </c>
      <c r="AF10656">
        <v>96</v>
      </c>
      <c r="AG10656">
        <v>96</v>
      </c>
      <c r="AH10656">
        <v>95</v>
      </c>
      <c r="AI10656">
        <v>94</v>
      </c>
      <c r="AJ10656">
        <v>93</v>
      </c>
      <c r="AK10656">
        <v>92</v>
      </c>
      <c r="AL10656">
        <v>92</v>
      </c>
      <c r="AM10656">
        <v>91</v>
      </c>
      <c r="AN10656">
        <v>90</v>
      </c>
      <c r="AO10656">
        <v>90</v>
      </c>
      <c r="AP10656">
        <v>89</v>
      </c>
      <c r="AQ10656">
        <v>88</v>
      </c>
    </row>
    <row r="10657" spans="1:43">
      <c r="A10657" t="s">
        <v>6628</v>
      </c>
      <c r="B10657" t="s">
        <v>6629</v>
      </c>
      <c r="C10657" t="s">
        <v>6616</v>
      </c>
      <c r="D10657" t="s">
        <v>6617</v>
      </c>
      <c r="E10657" t="s">
        <v>6594</v>
      </c>
      <c r="F10657" t="s">
        <v>6595</v>
      </c>
      <c r="G10657" t="s">
        <v>80</v>
      </c>
      <c r="H10657" t="s">
        <v>81</v>
      </c>
      <c r="I10657" s="2">
        <v>0</v>
      </c>
      <c r="J10657" s="2">
        <v>1</v>
      </c>
      <c r="K10657" s="2">
        <v>0</v>
      </c>
      <c r="L10657" t="s">
        <v>82</v>
      </c>
      <c r="M10657" t="s">
        <v>83</v>
      </c>
      <c r="N10657" t="s">
        <v>91</v>
      </c>
      <c r="O10657" t="s">
        <v>85</v>
      </c>
      <c r="P10657" t="s">
        <v>86</v>
      </c>
      <c r="Q10657">
        <v>86</v>
      </c>
      <c r="R10657">
        <v>87</v>
      </c>
      <c r="S10657">
        <v>87</v>
      </c>
      <c r="T10657">
        <v>88</v>
      </c>
      <c r="U10657">
        <v>89</v>
      </c>
      <c r="V10657">
        <v>89</v>
      </c>
      <c r="W10657">
        <v>89</v>
      </c>
      <c r="X10657">
        <v>90</v>
      </c>
      <c r="Y10657">
        <v>90</v>
      </c>
      <c r="Z10657">
        <v>91</v>
      </c>
      <c r="AA10657">
        <v>91</v>
      </c>
      <c r="AB10657">
        <v>91</v>
      </c>
      <c r="AC10657">
        <v>91</v>
      </c>
      <c r="AD10657">
        <v>92</v>
      </c>
      <c r="AE10657">
        <v>92</v>
      </c>
      <c r="AF10657">
        <v>92</v>
      </c>
      <c r="AG10657">
        <v>92</v>
      </c>
      <c r="AH10657">
        <v>92</v>
      </c>
      <c r="AI10657">
        <v>92</v>
      </c>
      <c r="AJ10657">
        <v>92</v>
      </c>
      <c r="AK10657">
        <v>92</v>
      </c>
      <c r="AL10657">
        <v>91</v>
      </c>
      <c r="AM10657">
        <v>91</v>
      </c>
      <c r="AN10657">
        <v>90</v>
      </c>
      <c r="AO10657">
        <v>89</v>
      </c>
      <c r="AP10657">
        <v>89</v>
      </c>
      <c r="AQ10657">
        <v>88</v>
      </c>
    </row>
    <row r="10658" spans="1:43">
      <c r="A10658" t="s">
        <v>6630</v>
      </c>
      <c r="B10658" t="s">
        <v>6631</v>
      </c>
      <c r="C10658" t="s">
        <v>6620</v>
      </c>
      <c r="D10658" t="s">
        <v>6621</v>
      </c>
      <c r="E10658" t="s">
        <v>6594</v>
      </c>
      <c r="F10658" t="s">
        <v>6595</v>
      </c>
      <c r="G10658" t="s">
        <v>80</v>
      </c>
      <c r="H10658" t="s">
        <v>81</v>
      </c>
      <c r="I10658" s="2">
        <v>0</v>
      </c>
      <c r="J10658" s="2">
        <v>1</v>
      </c>
      <c r="K10658" s="2">
        <v>0</v>
      </c>
      <c r="L10658" t="s">
        <v>82</v>
      </c>
      <c r="M10658" t="s">
        <v>83</v>
      </c>
      <c r="N10658" t="s">
        <v>84</v>
      </c>
      <c r="O10658" t="s">
        <v>85</v>
      </c>
      <c r="P10658" t="s">
        <v>86</v>
      </c>
      <c r="Q10658">
        <v>28</v>
      </c>
      <c r="R10658">
        <v>28</v>
      </c>
      <c r="S10658">
        <v>28</v>
      </c>
      <c r="T10658">
        <v>28</v>
      </c>
      <c r="U10658">
        <v>28</v>
      </c>
      <c r="V10658">
        <v>29</v>
      </c>
      <c r="W10658">
        <v>29</v>
      </c>
      <c r="X10658">
        <v>29</v>
      </c>
      <c r="Y10658">
        <v>29</v>
      </c>
      <c r="Z10658">
        <v>29</v>
      </c>
      <c r="AA10658">
        <v>29</v>
      </c>
      <c r="AB10658">
        <v>29</v>
      </c>
      <c r="AC10658">
        <v>29</v>
      </c>
      <c r="AD10658">
        <v>29</v>
      </c>
      <c r="AE10658">
        <v>29</v>
      </c>
      <c r="AF10658">
        <v>29</v>
      </c>
      <c r="AG10658">
        <v>29</v>
      </c>
      <c r="AH10658">
        <v>29</v>
      </c>
      <c r="AI10658">
        <v>29</v>
      </c>
      <c r="AJ10658">
        <v>29</v>
      </c>
      <c r="AK10658">
        <v>28</v>
      </c>
      <c r="AL10658">
        <v>28</v>
      </c>
      <c r="AM10658">
        <v>28</v>
      </c>
      <c r="AN10658">
        <v>28</v>
      </c>
      <c r="AO10658">
        <v>27</v>
      </c>
      <c r="AP10658">
        <v>27</v>
      </c>
      <c r="AQ10658">
        <v>27</v>
      </c>
    </row>
    <row r="10659" spans="1:43">
      <c r="A10659" t="s">
        <v>6630</v>
      </c>
      <c r="B10659" t="s">
        <v>6631</v>
      </c>
      <c r="C10659" t="s">
        <v>6620</v>
      </c>
      <c r="D10659" t="s">
        <v>6621</v>
      </c>
      <c r="E10659" t="s">
        <v>6594</v>
      </c>
      <c r="F10659" t="s">
        <v>6595</v>
      </c>
      <c r="G10659" t="s">
        <v>80</v>
      </c>
      <c r="H10659" t="s">
        <v>81</v>
      </c>
      <c r="I10659" s="2">
        <v>0</v>
      </c>
      <c r="J10659" s="2">
        <v>1</v>
      </c>
      <c r="K10659" s="2">
        <v>0</v>
      </c>
      <c r="L10659" t="s">
        <v>82</v>
      </c>
      <c r="M10659" t="s">
        <v>87</v>
      </c>
      <c r="N10659" t="s">
        <v>88</v>
      </c>
      <c r="O10659" t="s">
        <v>85</v>
      </c>
      <c r="P10659" t="s">
        <v>86</v>
      </c>
      <c r="Q10659">
        <v>28</v>
      </c>
      <c r="R10659">
        <v>28</v>
      </c>
      <c r="S10659">
        <v>27</v>
      </c>
      <c r="T10659">
        <v>27</v>
      </c>
      <c r="U10659">
        <v>27</v>
      </c>
      <c r="V10659">
        <v>27</v>
      </c>
      <c r="W10659">
        <v>27</v>
      </c>
      <c r="X10659">
        <v>27</v>
      </c>
      <c r="Y10659">
        <v>27</v>
      </c>
      <c r="Z10659">
        <v>26</v>
      </c>
      <c r="AA10659">
        <v>26</v>
      </c>
      <c r="AB10659">
        <v>26</v>
      </c>
      <c r="AC10659">
        <v>26</v>
      </c>
      <c r="AD10659">
        <v>26</v>
      </c>
      <c r="AE10659">
        <v>25</v>
      </c>
      <c r="AF10659">
        <v>25</v>
      </c>
      <c r="AG10659">
        <v>25</v>
      </c>
      <c r="AH10659">
        <v>25</v>
      </c>
      <c r="AI10659">
        <v>25</v>
      </c>
      <c r="AJ10659">
        <v>25</v>
      </c>
      <c r="AK10659">
        <v>24</v>
      </c>
      <c r="AL10659">
        <v>24</v>
      </c>
      <c r="AM10659">
        <v>24</v>
      </c>
      <c r="AN10659">
        <v>24</v>
      </c>
      <c r="AO10659">
        <v>24</v>
      </c>
      <c r="AP10659">
        <v>23</v>
      </c>
      <c r="AQ10659">
        <v>23</v>
      </c>
    </row>
    <row r="10660" spans="1:43">
      <c r="A10660" t="s">
        <v>6630</v>
      </c>
      <c r="B10660" t="s">
        <v>6631</v>
      </c>
      <c r="C10660" t="s">
        <v>6620</v>
      </c>
      <c r="D10660" t="s">
        <v>6621</v>
      </c>
      <c r="E10660" t="s">
        <v>6594</v>
      </c>
      <c r="F10660" t="s">
        <v>6595</v>
      </c>
      <c r="G10660" t="s">
        <v>80</v>
      </c>
      <c r="H10660" t="s">
        <v>81</v>
      </c>
      <c r="I10660" s="2">
        <v>0</v>
      </c>
      <c r="J10660" s="2">
        <v>1</v>
      </c>
      <c r="K10660" s="2">
        <v>0</v>
      </c>
      <c r="L10660" t="s">
        <v>82</v>
      </c>
      <c r="M10660" t="s">
        <v>89</v>
      </c>
      <c r="N10660" t="s">
        <v>90</v>
      </c>
      <c r="O10660" t="s">
        <v>85</v>
      </c>
      <c r="P10660" t="s">
        <v>86</v>
      </c>
      <c r="Q10660">
        <v>28</v>
      </c>
      <c r="R10660">
        <v>29</v>
      </c>
      <c r="S10660">
        <v>29</v>
      </c>
      <c r="T10660">
        <v>29</v>
      </c>
      <c r="U10660">
        <v>30</v>
      </c>
      <c r="V10660">
        <v>30</v>
      </c>
      <c r="W10660">
        <v>30</v>
      </c>
      <c r="X10660">
        <v>30</v>
      </c>
      <c r="Y10660">
        <v>30</v>
      </c>
      <c r="Z10660">
        <v>31</v>
      </c>
      <c r="AA10660">
        <v>31</v>
      </c>
      <c r="AB10660">
        <v>31</v>
      </c>
      <c r="AC10660">
        <v>31</v>
      </c>
      <c r="AD10660">
        <v>31</v>
      </c>
      <c r="AE10660">
        <v>31</v>
      </c>
      <c r="AF10660">
        <v>31</v>
      </c>
      <c r="AG10660">
        <v>30</v>
      </c>
      <c r="AH10660">
        <v>30</v>
      </c>
      <c r="AI10660">
        <v>29</v>
      </c>
      <c r="AJ10660">
        <v>29</v>
      </c>
      <c r="AK10660">
        <v>29</v>
      </c>
      <c r="AL10660">
        <v>28</v>
      </c>
      <c r="AM10660">
        <v>28</v>
      </c>
      <c r="AN10660">
        <v>28</v>
      </c>
      <c r="AO10660">
        <v>28</v>
      </c>
      <c r="AP10660">
        <v>27</v>
      </c>
      <c r="AQ10660">
        <v>27</v>
      </c>
    </row>
    <row r="10661" spans="1:43">
      <c r="A10661" t="s">
        <v>6630</v>
      </c>
      <c r="B10661" t="s">
        <v>6631</v>
      </c>
      <c r="C10661" t="s">
        <v>6620</v>
      </c>
      <c r="D10661" t="s">
        <v>6621</v>
      </c>
      <c r="E10661" t="s">
        <v>6594</v>
      </c>
      <c r="F10661" t="s">
        <v>6595</v>
      </c>
      <c r="G10661" t="s">
        <v>80</v>
      </c>
      <c r="H10661" t="s">
        <v>81</v>
      </c>
      <c r="I10661" s="2">
        <v>0</v>
      </c>
      <c r="J10661" s="2">
        <v>1</v>
      </c>
      <c r="K10661" s="2">
        <v>0</v>
      </c>
      <c r="L10661" t="s">
        <v>82</v>
      </c>
      <c r="M10661" t="s">
        <v>83</v>
      </c>
      <c r="N10661" t="s">
        <v>91</v>
      </c>
      <c r="O10661" t="s">
        <v>85</v>
      </c>
      <c r="P10661" t="s">
        <v>86</v>
      </c>
      <c r="Q10661">
        <v>28</v>
      </c>
      <c r="R10661">
        <v>28</v>
      </c>
      <c r="S10661">
        <v>28</v>
      </c>
      <c r="T10661">
        <v>28</v>
      </c>
      <c r="U10661">
        <v>28</v>
      </c>
      <c r="V10661">
        <v>29</v>
      </c>
      <c r="W10661">
        <v>29</v>
      </c>
      <c r="X10661">
        <v>29</v>
      </c>
      <c r="Y10661">
        <v>29</v>
      </c>
      <c r="Z10661">
        <v>29</v>
      </c>
      <c r="AA10661">
        <v>29</v>
      </c>
      <c r="AB10661">
        <v>29</v>
      </c>
      <c r="AC10661">
        <v>29</v>
      </c>
      <c r="AD10661">
        <v>29</v>
      </c>
      <c r="AE10661">
        <v>29</v>
      </c>
      <c r="AF10661">
        <v>29</v>
      </c>
      <c r="AG10661">
        <v>29</v>
      </c>
      <c r="AH10661">
        <v>29</v>
      </c>
      <c r="AI10661">
        <v>29</v>
      </c>
      <c r="AJ10661">
        <v>29</v>
      </c>
      <c r="AK10661">
        <v>28</v>
      </c>
      <c r="AL10661">
        <v>28</v>
      </c>
      <c r="AM10661">
        <v>28</v>
      </c>
      <c r="AN10661">
        <v>28</v>
      </c>
      <c r="AO10661">
        <v>27</v>
      </c>
      <c r="AP10661">
        <v>27</v>
      </c>
      <c r="AQ10661">
        <v>27</v>
      </c>
    </row>
    <row r="10662" spans="1:43">
      <c r="A10662" t="s">
        <v>6632</v>
      </c>
      <c r="B10662" t="s">
        <v>6633</v>
      </c>
      <c r="C10662" t="s">
        <v>6620</v>
      </c>
      <c r="D10662" t="s">
        <v>6621</v>
      </c>
      <c r="E10662" t="s">
        <v>6594</v>
      </c>
      <c r="F10662" t="s">
        <v>6595</v>
      </c>
      <c r="G10662" t="s">
        <v>80</v>
      </c>
      <c r="H10662" t="s">
        <v>81</v>
      </c>
      <c r="I10662" s="2">
        <v>0</v>
      </c>
      <c r="J10662" s="2">
        <v>1</v>
      </c>
      <c r="K10662" s="2">
        <v>0</v>
      </c>
      <c r="L10662" t="s">
        <v>82</v>
      </c>
      <c r="M10662" t="s">
        <v>83</v>
      </c>
      <c r="N10662" t="s">
        <v>84</v>
      </c>
      <c r="O10662" t="s">
        <v>85</v>
      </c>
      <c r="P10662" t="s">
        <v>86</v>
      </c>
      <c r="Q10662">
        <v>31</v>
      </c>
      <c r="R10662">
        <v>31</v>
      </c>
      <c r="S10662">
        <v>31</v>
      </c>
      <c r="T10662">
        <v>31</v>
      </c>
      <c r="U10662">
        <v>32</v>
      </c>
      <c r="V10662">
        <v>32</v>
      </c>
      <c r="W10662">
        <v>32</v>
      </c>
      <c r="X10662">
        <v>32</v>
      </c>
      <c r="Y10662">
        <v>32</v>
      </c>
      <c r="Z10662">
        <v>32</v>
      </c>
      <c r="AA10662">
        <v>32</v>
      </c>
      <c r="AB10662">
        <v>32</v>
      </c>
      <c r="AC10662">
        <v>32</v>
      </c>
      <c r="AD10662">
        <v>32</v>
      </c>
      <c r="AE10662">
        <v>32</v>
      </c>
      <c r="AF10662">
        <v>32</v>
      </c>
      <c r="AG10662">
        <v>32</v>
      </c>
      <c r="AH10662">
        <v>32</v>
      </c>
      <c r="AI10662">
        <v>32</v>
      </c>
      <c r="AJ10662">
        <v>32</v>
      </c>
      <c r="AK10662">
        <v>32</v>
      </c>
      <c r="AL10662">
        <v>32</v>
      </c>
      <c r="AM10662">
        <v>32</v>
      </c>
      <c r="AN10662">
        <v>32</v>
      </c>
      <c r="AO10662">
        <v>31</v>
      </c>
      <c r="AP10662">
        <v>31</v>
      </c>
      <c r="AQ10662">
        <v>31</v>
      </c>
    </row>
    <row r="10663" spans="1:43">
      <c r="A10663" t="s">
        <v>6632</v>
      </c>
      <c r="B10663" t="s">
        <v>6633</v>
      </c>
      <c r="C10663" t="s">
        <v>6620</v>
      </c>
      <c r="D10663" t="s">
        <v>6621</v>
      </c>
      <c r="E10663" t="s">
        <v>6594</v>
      </c>
      <c r="F10663" t="s">
        <v>6595</v>
      </c>
      <c r="G10663" t="s">
        <v>80</v>
      </c>
      <c r="H10663" t="s">
        <v>81</v>
      </c>
      <c r="I10663" s="2">
        <v>0</v>
      </c>
      <c r="J10663" s="2">
        <v>1</v>
      </c>
      <c r="K10663" s="2">
        <v>0</v>
      </c>
      <c r="L10663" t="s">
        <v>82</v>
      </c>
      <c r="M10663" t="s">
        <v>87</v>
      </c>
      <c r="N10663" t="s">
        <v>88</v>
      </c>
      <c r="O10663" t="s">
        <v>85</v>
      </c>
      <c r="P10663" t="s">
        <v>86</v>
      </c>
      <c r="Q10663">
        <v>31</v>
      </c>
      <c r="R10663">
        <v>31</v>
      </c>
      <c r="S10663">
        <v>30</v>
      </c>
      <c r="T10663">
        <v>30</v>
      </c>
      <c r="U10663">
        <v>30</v>
      </c>
      <c r="V10663">
        <v>30</v>
      </c>
      <c r="W10663">
        <v>30</v>
      </c>
      <c r="X10663">
        <v>30</v>
      </c>
      <c r="Y10663">
        <v>30</v>
      </c>
      <c r="Z10663">
        <v>30</v>
      </c>
      <c r="AA10663">
        <v>29</v>
      </c>
      <c r="AB10663">
        <v>29</v>
      </c>
      <c r="AC10663">
        <v>29</v>
      </c>
      <c r="AD10663">
        <v>29</v>
      </c>
      <c r="AE10663">
        <v>29</v>
      </c>
      <c r="AF10663">
        <v>29</v>
      </c>
      <c r="AG10663">
        <v>28</v>
      </c>
      <c r="AH10663">
        <v>28</v>
      </c>
      <c r="AI10663">
        <v>28</v>
      </c>
      <c r="AJ10663">
        <v>28</v>
      </c>
      <c r="AK10663">
        <v>28</v>
      </c>
      <c r="AL10663">
        <v>27</v>
      </c>
      <c r="AM10663">
        <v>27</v>
      </c>
      <c r="AN10663">
        <v>27</v>
      </c>
      <c r="AO10663">
        <v>27</v>
      </c>
      <c r="AP10663">
        <v>27</v>
      </c>
      <c r="AQ10663">
        <v>27</v>
      </c>
    </row>
    <row r="10664" spans="1:43">
      <c r="A10664" t="s">
        <v>6632</v>
      </c>
      <c r="B10664" t="s">
        <v>6633</v>
      </c>
      <c r="C10664" t="s">
        <v>6620</v>
      </c>
      <c r="D10664" t="s">
        <v>6621</v>
      </c>
      <c r="E10664" t="s">
        <v>6594</v>
      </c>
      <c r="F10664" t="s">
        <v>6595</v>
      </c>
      <c r="G10664" t="s">
        <v>80</v>
      </c>
      <c r="H10664" t="s">
        <v>81</v>
      </c>
      <c r="I10664" s="2">
        <v>0</v>
      </c>
      <c r="J10664" s="2">
        <v>1</v>
      </c>
      <c r="K10664" s="2">
        <v>0</v>
      </c>
      <c r="L10664" t="s">
        <v>82</v>
      </c>
      <c r="M10664" t="s">
        <v>89</v>
      </c>
      <c r="N10664" t="s">
        <v>90</v>
      </c>
      <c r="O10664" t="s">
        <v>85</v>
      </c>
      <c r="P10664" t="s">
        <v>86</v>
      </c>
      <c r="Q10664">
        <v>31</v>
      </c>
      <c r="R10664">
        <v>32</v>
      </c>
      <c r="S10664">
        <v>32</v>
      </c>
      <c r="T10664">
        <v>33</v>
      </c>
      <c r="U10664">
        <v>33</v>
      </c>
      <c r="V10664">
        <v>33</v>
      </c>
      <c r="W10664">
        <v>34</v>
      </c>
      <c r="X10664">
        <v>34</v>
      </c>
      <c r="Y10664">
        <v>34</v>
      </c>
      <c r="Z10664">
        <v>34</v>
      </c>
      <c r="AA10664">
        <v>34</v>
      </c>
      <c r="AB10664">
        <v>35</v>
      </c>
      <c r="AC10664">
        <v>35</v>
      </c>
      <c r="AD10664">
        <v>35</v>
      </c>
      <c r="AE10664">
        <v>35</v>
      </c>
      <c r="AF10664">
        <v>34</v>
      </c>
      <c r="AG10664">
        <v>34</v>
      </c>
      <c r="AH10664">
        <v>34</v>
      </c>
      <c r="AI10664">
        <v>33</v>
      </c>
      <c r="AJ10664">
        <v>33</v>
      </c>
      <c r="AK10664">
        <v>33</v>
      </c>
      <c r="AL10664">
        <v>33</v>
      </c>
      <c r="AM10664">
        <v>32</v>
      </c>
      <c r="AN10664">
        <v>32</v>
      </c>
      <c r="AO10664">
        <v>32</v>
      </c>
      <c r="AP10664">
        <v>31</v>
      </c>
      <c r="AQ10664">
        <v>31</v>
      </c>
    </row>
    <row r="10665" spans="1:43">
      <c r="A10665" t="s">
        <v>6632</v>
      </c>
      <c r="B10665" t="s">
        <v>6633</v>
      </c>
      <c r="C10665" t="s">
        <v>6620</v>
      </c>
      <c r="D10665" t="s">
        <v>6621</v>
      </c>
      <c r="E10665" t="s">
        <v>6594</v>
      </c>
      <c r="F10665" t="s">
        <v>6595</v>
      </c>
      <c r="G10665" t="s">
        <v>80</v>
      </c>
      <c r="H10665" t="s">
        <v>81</v>
      </c>
      <c r="I10665" s="2">
        <v>0</v>
      </c>
      <c r="J10665" s="2">
        <v>1</v>
      </c>
      <c r="K10665" s="2">
        <v>0</v>
      </c>
      <c r="L10665" t="s">
        <v>82</v>
      </c>
      <c r="M10665" t="s">
        <v>83</v>
      </c>
      <c r="N10665" t="s">
        <v>91</v>
      </c>
      <c r="O10665" t="s">
        <v>85</v>
      </c>
      <c r="P10665" t="s">
        <v>86</v>
      </c>
      <c r="Q10665">
        <v>31</v>
      </c>
      <c r="R10665">
        <v>31</v>
      </c>
      <c r="S10665">
        <v>31</v>
      </c>
      <c r="T10665">
        <v>31</v>
      </c>
      <c r="U10665">
        <v>32</v>
      </c>
      <c r="V10665">
        <v>32</v>
      </c>
      <c r="W10665">
        <v>32</v>
      </c>
      <c r="X10665">
        <v>32</v>
      </c>
      <c r="Y10665">
        <v>32</v>
      </c>
      <c r="Z10665">
        <v>32</v>
      </c>
      <c r="AA10665">
        <v>32</v>
      </c>
      <c r="AB10665">
        <v>32</v>
      </c>
      <c r="AC10665">
        <v>32</v>
      </c>
      <c r="AD10665">
        <v>32</v>
      </c>
      <c r="AE10665">
        <v>32</v>
      </c>
      <c r="AF10665">
        <v>32</v>
      </c>
      <c r="AG10665">
        <v>32</v>
      </c>
      <c r="AH10665">
        <v>32</v>
      </c>
      <c r="AI10665">
        <v>32</v>
      </c>
      <c r="AJ10665">
        <v>32</v>
      </c>
      <c r="AK10665">
        <v>32</v>
      </c>
      <c r="AL10665">
        <v>32</v>
      </c>
      <c r="AM10665">
        <v>32</v>
      </c>
      <c r="AN10665">
        <v>32</v>
      </c>
      <c r="AO10665">
        <v>31</v>
      </c>
      <c r="AP10665">
        <v>31</v>
      </c>
      <c r="AQ10665">
        <v>31</v>
      </c>
    </row>
    <row r="10666" spans="1:43">
      <c r="A10666" t="s">
        <v>6634</v>
      </c>
      <c r="B10666" t="s">
        <v>6635</v>
      </c>
      <c r="C10666" t="s">
        <v>6620</v>
      </c>
      <c r="D10666" t="s">
        <v>6621</v>
      </c>
      <c r="E10666" t="s">
        <v>6594</v>
      </c>
      <c r="F10666" t="s">
        <v>6595</v>
      </c>
      <c r="G10666" t="s">
        <v>80</v>
      </c>
      <c r="H10666" t="s">
        <v>81</v>
      </c>
      <c r="I10666" s="2">
        <v>0</v>
      </c>
      <c r="J10666" s="2">
        <v>1</v>
      </c>
      <c r="K10666" s="2">
        <v>0</v>
      </c>
      <c r="L10666" t="s">
        <v>82</v>
      </c>
      <c r="M10666" t="s">
        <v>83</v>
      </c>
      <c r="N10666" t="s">
        <v>84</v>
      </c>
      <c r="O10666" t="s">
        <v>85</v>
      </c>
      <c r="P10666" t="s">
        <v>86</v>
      </c>
      <c r="Q10666">
        <v>34</v>
      </c>
      <c r="R10666">
        <v>34</v>
      </c>
      <c r="S10666">
        <v>34</v>
      </c>
      <c r="T10666">
        <v>34</v>
      </c>
      <c r="U10666">
        <v>35</v>
      </c>
      <c r="V10666">
        <v>35</v>
      </c>
      <c r="W10666">
        <v>35</v>
      </c>
      <c r="X10666">
        <v>35</v>
      </c>
      <c r="Y10666">
        <v>35</v>
      </c>
      <c r="Z10666">
        <v>35</v>
      </c>
      <c r="AA10666">
        <v>35</v>
      </c>
      <c r="AB10666">
        <v>35</v>
      </c>
      <c r="AC10666">
        <v>35</v>
      </c>
      <c r="AD10666">
        <v>35</v>
      </c>
      <c r="AE10666">
        <v>35</v>
      </c>
      <c r="AF10666">
        <v>35</v>
      </c>
      <c r="AG10666">
        <v>35</v>
      </c>
      <c r="AH10666">
        <v>35</v>
      </c>
      <c r="AI10666">
        <v>35</v>
      </c>
      <c r="AJ10666">
        <v>35</v>
      </c>
      <c r="AK10666">
        <v>35</v>
      </c>
      <c r="AL10666">
        <v>35</v>
      </c>
      <c r="AM10666">
        <v>35</v>
      </c>
      <c r="AN10666">
        <v>35</v>
      </c>
      <c r="AO10666">
        <v>34</v>
      </c>
      <c r="AP10666">
        <v>34</v>
      </c>
      <c r="AQ10666">
        <v>34</v>
      </c>
    </row>
    <row r="10667" spans="1:43">
      <c r="A10667" t="s">
        <v>6634</v>
      </c>
      <c r="B10667" t="s">
        <v>6635</v>
      </c>
      <c r="C10667" t="s">
        <v>6620</v>
      </c>
      <c r="D10667" t="s">
        <v>6621</v>
      </c>
      <c r="E10667" t="s">
        <v>6594</v>
      </c>
      <c r="F10667" t="s">
        <v>6595</v>
      </c>
      <c r="G10667" t="s">
        <v>80</v>
      </c>
      <c r="H10667" t="s">
        <v>81</v>
      </c>
      <c r="I10667" s="2">
        <v>0</v>
      </c>
      <c r="J10667" s="2">
        <v>1</v>
      </c>
      <c r="K10667" s="2">
        <v>0</v>
      </c>
      <c r="L10667" t="s">
        <v>82</v>
      </c>
      <c r="M10667" t="s">
        <v>87</v>
      </c>
      <c r="N10667" t="s">
        <v>88</v>
      </c>
      <c r="O10667" t="s">
        <v>85</v>
      </c>
      <c r="P10667" t="s">
        <v>86</v>
      </c>
      <c r="Q10667">
        <v>34</v>
      </c>
      <c r="R10667">
        <v>34</v>
      </c>
      <c r="S10667">
        <v>34</v>
      </c>
      <c r="T10667">
        <v>34</v>
      </c>
      <c r="U10667">
        <v>34</v>
      </c>
      <c r="V10667">
        <v>34</v>
      </c>
      <c r="W10667">
        <v>34</v>
      </c>
      <c r="X10667">
        <v>34</v>
      </c>
      <c r="Y10667">
        <v>33</v>
      </c>
      <c r="Z10667">
        <v>33</v>
      </c>
      <c r="AA10667">
        <v>33</v>
      </c>
      <c r="AB10667">
        <v>33</v>
      </c>
      <c r="AC10667">
        <v>33</v>
      </c>
      <c r="AD10667">
        <v>33</v>
      </c>
      <c r="AE10667">
        <v>32</v>
      </c>
      <c r="AF10667">
        <v>32</v>
      </c>
      <c r="AG10667">
        <v>32</v>
      </c>
      <c r="AH10667">
        <v>32</v>
      </c>
      <c r="AI10667">
        <v>32</v>
      </c>
      <c r="AJ10667">
        <v>31</v>
      </c>
      <c r="AK10667">
        <v>31</v>
      </c>
      <c r="AL10667">
        <v>31</v>
      </c>
      <c r="AM10667">
        <v>31</v>
      </c>
      <c r="AN10667">
        <v>31</v>
      </c>
      <c r="AO10667">
        <v>30</v>
      </c>
      <c r="AP10667">
        <v>30</v>
      </c>
      <c r="AQ10667">
        <v>30</v>
      </c>
    </row>
    <row r="10668" spans="1:43">
      <c r="A10668" t="s">
        <v>6634</v>
      </c>
      <c r="B10668" t="s">
        <v>6635</v>
      </c>
      <c r="C10668" t="s">
        <v>6620</v>
      </c>
      <c r="D10668" t="s">
        <v>6621</v>
      </c>
      <c r="E10668" t="s">
        <v>6594</v>
      </c>
      <c r="F10668" t="s">
        <v>6595</v>
      </c>
      <c r="G10668" t="s">
        <v>80</v>
      </c>
      <c r="H10668" t="s">
        <v>81</v>
      </c>
      <c r="I10668" s="2">
        <v>0</v>
      </c>
      <c r="J10668" s="2">
        <v>1</v>
      </c>
      <c r="K10668" s="2">
        <v>0</v>
      </c>
      <c r="L10668" t="s">
        <v>82</v>
      </c>
      <c r="M10668" t="s">
        <v>89</v>
      </c>
      <c r="N10668" t="s">
        <v>90</v>
      </c>
      <c r="O10668" t="s">
        <v>85</v>
      </c>
      <c r="P10668" t="s">
        <v>86</v>
      </c>
      <c r="Q10668">
        <v>34</v>
      </c>
      <c r="R10668">
        <v>35</v>
      </c>
      <c r="S10668">
        <v>35</v>
      </c>
      <c r="T10668">
        <v>35</v>
      </c>
      <c r="U10668">
        <v>36</v>
      </c>
      <c r="V10668">
        <v>36</v>
      </c>
      <c r="W10668">
        <v>37</v>
      </c>
      <c r="X10668">
        <v>37</v>
      </c>
      <c r="Y10668">
        <v>37</v>
      </c>
      <c r="Z10668">
        <v>37</v>
      </c>
      <c r="AA10668">
        <v>38</v>
      </c>
      <c r="AB10668">
        <v>38</v>
      </c>
      <c r="AC10668">
        <v>38</v>
      </c>
      <c r="AD10668">
        <v>38</v>
      </c>
      <c r="AE10668">
        <v>38</v>
      </c>
      <c r="AF10668">
        <v>38</v>
      </c>
      <c r="AG10668">
        <v>37</v>
      </c>
      <c r="AH10668">
        <v>37</v>
      </c>
      <c r="AI10668">
        <v>37</v>
      </c>
      <c r="AJ10668">
        <v>36</v>
      </c>
      <c r="AK10668">
        <v>36</v>
      </c>
      <c r="AL10668">
        <v>36</v>
      </c>
      <c r="AM10668">
        <v>35</v>
      </c>
      <c r="AN10668">
        <v>35</v>
      </c>
      <c r="AO10668">
        <v>35</v>
      </c>
      <c r="AP10668">
        <v>34</v>
      </c>
      <c r="AQ10668">
        <v>34</v>
      </c>
    </row>
    <row r="10669" spans="1:43">
      <c r="A10669" t="s">
        <v>6634</v>
      </c>
      <c r="B10669" t="s">
        <v>6635</v>
      </c>
      <c r="C10669" t="s">
        <v>6620</v>
      </c>
      <c r="D10669" t="s">
        <v>6621</v>
      </c>
      <c r="E10669" t="s">
        <v>6594</v>
      </c>
      <c r="F10669" t="s">
        <v>6595</v>
      </c>
      <c r="G10669" t="s">
        <v>80</v>
      </c>
      <c r="H10669" t="s">
        <v>81</v>
      </c>
      <c r="I10669" s="2">
        <v>0</v>
      </c>
      <c r="J10669" s="2">
        <v>1</v>
      </c>
      <c r="K10669" s="2">
        <v>0</v>
      </c>
      <c r="L10669" t="s">
        <v>82</v>
      </c>
      <c r="M10669" t="s">
        <v>83</v>
      </c>
      <c r="N10669" t="s">
        <v>91</v>
      </c>
      <c r="O10669" t="s">
        <v>85</v>
      </c>
      <c r="P10669" t="s">
        <v>86</v>
      </c>
      <c r="Q10669">
        <v>34</v>
      </c>
      <c r="R10669">
        <v>34</v>
      </c>
      <c r="S10669">
        <v>34</v>
      </c>
      <c r="T10669">
        <v>34</v>
      </c>
      <c r="U10669">
        <v>35</v>
      </c>
      <c r="V10669">
        <v>35</v>
      </c>
      <c r="W10669">
        <v>35</v>
      </c>
      <c r="X10669">
        <v>35</v>
      </c>
      <c r="Y10669">
        <v>35</v>
      </c>
      <c r="Z10669">
        <v>35</v>
      </c>
      <c r="AA10669">
        <v>35</v>
      </c>
      <c r="AB10669">
        <v>35</v>
      </c>
      <c r="AC10669">
        <v>35</v>
      </c>
      <c r="AD10669">
        <v>35</v>
      </c>
      <c r="AE10669">
        <v>35</v>
      </c>
      <c r="AF10669">
        <v>35</v>
      </c>
      <c r="AG10669">
        <v>35</v>
      </c>
      <c r="AH10669">
        <v>35</v>
      </c>
      <c r="AI10669">
        <v>35</v>
      </c>
      <c r="AJ10669">
        <v>35</v>
      </c>
      <c r="AK10669">
        <v>35</v>
      </c>
      <c r="AL10669">
        <v>35</v>
      </c>
      <c r="AM10669">
        <v>35</v>
      </c>
      <c r="AN10669">
        <v>35</v>
      </c>
      <c r="AO10669">
        <v>34</v>
      </c>
      <c r="AP10669">
        <v>34</v>
      </c>
      <c r="AQ10669">
        <v>34</v>
      </c>
    </row>
    <row r="10670" spans="1:43">
      <c r="A10670" t="s">
        <v>6636</v>
      </c>
      <c r="B10670" t="s">
        <v>6637</v>
      </c>
      <c r="C10670" t="s">
        <v>6638</v>
      </c>
      <c r="D10670" t="s">
        <v>6639</v>
      </c>
      <c r="E10670" t="s">
        <v>6594</v>
      </c>
      <c r="F10670" t="s">
        <v>6595</v>
      </c>
      <c r="G10670" t="s">
        <v>80</v>
      </c>
      <c r="H10670" t="s">
        <v>81</v>
      </c>
      <c r="I10670" s="2">
        <v>0</v>
      </c>
      <c r="J10670" s="2">
        <v>1</v>
      </c>
      <c r="K10670" s="2">
        <v>0</v>
      </c>
      <c r="L10670" t="s">
        <v>82</v>
      </c>
      <c r="M10670" t="s">
        <v>83</v>
      </c>
      <c r="N10670" t="s">
        <v>84</v>
      </c>
      <c r="O10670" t="s">
        <v>85</v>
      </c>
      <c r="P10670" t="s">
        <v>86</v>
      </c>
      <c r="Q10670">
        <v>68</v>
      </c>
      <c r="R10670">
        <v>69</v>
      </c>
      <c r="S10670">
        <v>69</v>
      </c>
      <c r="T10670">
        <v>69</v>
      </c>
      <c r="U10670">
        <v>70</v>
      </c>
      <c r="V10670">
        <v>70</v>
      </c>
      <c r="W10670">
        <v>71</v>
      </c>
      <c r="X10670">
        <v>71</v>
      </c>
      <c r="Y10670">
        <v>71</v>
      </c>
      <c r="Z10670">
        <v>71</v>
      </c>
      <c r="AA10670">
        <v>72</v>
      </c>
      <c r="AB10670">
        <v>72</v>
      </c>
      <c r="AC10670">
        <v>72</v>
      </c>
      <c r="AD10670">
        <v>72</v>
      </c>
      <c r="AE10670">
        <v>72</v>
      </c>
      <c r="AF10670">
        <v>72</v>
      </c>
      <c r="AG10670">
        <v>72</v>
      </c>
      <c r="AH10670">
        <v>72</v>
      </c>
      <c r="AI10670">
        <v>72</v>
      </c>
      <c r="AJ10670">
        <v>72</v>
      </c>
      <c r="AK10670">
        <v>72</v>
      </c>
      <c r="AL10670">
        <v>72</v>
      </c>
      <c r="AM10670">
        <v>71</v>
      </c>
      <c r="AN10670">
        <v>71</v>
      </c>
      <c r="AO10670">
        <v>70</v>
      </c>
      <c r="AP10670">
        <v>70</v>
      </c>
      <c r="AQ10670">
        <v>69</v>
      </c>
    </row>
    <row r="10671" spans="1:43">
      <c r="A10671" t="s">
        <v>6636</v>
      </c>
      <c r="B10671" t="s">
        <v>6637</v>
      </c>
      <c r="C10671" t="s">
        <v>6638</v>
      </c>
      <c r="D10671" t="s">
        <v>6639</v>
      </c>
      <c r="E10671" t="s">
        <v>6594</v>
      </c>
      <c r="F10671" t="s">
        <v>6595</v>
      </c>
      <c r="G10671" t="s">
        <v>80</v>
      </c>
      <c r="H10671" t="s">
        <v>81</v>
      </c>
      <c r="I10671" s="2">
        <v>0</v>
      </c>
      <c r="J10671" s="2">
        <v>1</v>
      </c>
      <c r="K10671" s="2">
        <v>0</v>
      </c>
      <c r="L10671" t="s">
        <v>82</v>
      </c>
      <c r="M10671" t="s">
        <v>87</v>
      </c>
      <c r="N10671" t="s">
        <v>88</v>
      </c>
      <c r="O10671" t="s">
        <v>85</v>
      </c>
      <c r="P10671" t="s">
        <v>86</v>
      </c>
      <c r="Q10671">
        <v>68</v>
      </c>
      <c r="R10671">
        <v>68</v>
      </c>
      <c r="S10671">
        <v>68</v>
      </c>
      <c r="T10671">
        <v>68</v>
      </c>
      <c r="U10671">
        <v>68</v>
      </c>
      <c r="V10671">
        <v>68</v>
      </c>
      <c r="W10671">
        <v>67</v>
      </c>
      <c r="X10671">
        <v>67</v>
      </c>
      <c r="Y10671">
        <v>67</v>
      </c>
      <c r="Z10671">
        <v>66</v>
      </c>
      <c r="AA10671">
        <v>66</v>
      </c>
      <c r="AB10671">
        <v>66</v>
      </c>
      <c r="AC10671">
        <v>66</v>
      </c>
      <c r="AD10671">
        <v>65</v>
      </c>
      <c r="AE10671">
        <v>65</v>
      </c>
      <c r="AF10671">
        <v>65</v>
      </c>
      <c r="AG10671">
        <v>64</v>
      </c>
      <c r="AH10671">
        <v>64</v>
      </c>
      <c r="AI10671">
        <v>64</v>
      </c>
      <c r="AJ10671">
        <v>63</v>
      </c>
      <c r="AK10671">
        <v>63</v>
      </c>
      <c r="AL10671">
        <v>63</v>
      </c>
      <c r="AM10671">
        <v>62</v>
      </c>
      <c r="AN10671">
        <v>62</v>
      </c>
      <c r="AO10671">
        <v>62</v>
      </c>
      <c r="AP10671">
        <v>61</v>
      </c>
      <c r="AQ10671">
        <v>61</v>
      </c>
    </row>
    <row r="10672" spans="1:43">
      <c r="A10672" t="s">
        <v>6636</v>
      </c>
      <c r="B10672" t="s">
        <v>6637</v>
      </c>
      <c r="C10672" t="s">
        <v>6638</v>
      </c>
      <c r="D10672" t="s">
        <v>6639</v>
      </c>
      <c r="E10672" t="s">
        <v>6594</v>
      </c>
      <c r="F10672" t="s">
        <v>6595</v>
      </c>
      <c r="G10672" t="s">
        <v>80</v>
      </c>
      <c r="H10672" t="s">
        <v>81</v>
      </c>
      <c r="I10672" s="2">
        <v>0</v>
      </c>
      <c r="J10672" s="2">
        <v>1</v>
      </c>
      <c r="K10672" s="2">
        <v>0</v>
      </c>
      <c r="L10672" t="s">
        <v>82</v>
      </c>
      <c r="M10672" t="s">
        <v>89</v>
      </c>
      <c r="N10672" t="s">
        <v>90</v>
      </c>
      <c r="O10672" t="s">
        <v>85</v>
      </c>
      <c r="P10672" t="s">
        <v>86</v>
      </c>
      <c r="Q10672">
        <v>68</v>
      </c>
      <c r="R10672">
        <v>69</v>
      </c>
      <c r="S10672">
        <v>70</v>
      </c>
      <c r="T10672">
        <v>71</v>
      </c>
      <c r="U10672">
        <v>72</v>
      </c>
      <c r="V10672">
        <v>72</v>
      </c>
      <c r="W10672">
        <v>73</v>
      </c>
      <c r="X10672">
        <v>74</v>
      </c>
      <c r="Y10672">
        <v>74</v>
      </c>
      <c r="Z10672">
        <v>75</v>
      </c>
      <c r="AA10672">
        <v>75</v>
      </c>
      <c r="AB10672">
        <v>76</v>
      </c>
      <c r="AC10672">
        <v>76</v>
      </c>
      <c r="AD10672">
        <v>76</v>
      </c>
      <c r="AE10672">
        <v>76</v>
      </c>
      <c r="AF10672">
        <v>76</v>
      </c>
      <c r="AG10672">
        <v>75</v>
      </c>
      <c r="AH10672">
        <v>74</v>
      </c>
      <c r="AI10672">
        <v>74</v>
      </c>
      <c r="AJ10672">
        <v>73</v>
      </c>
      <c r="AK10672">
        <v>72</v>
      </c>
      <c r="AL10672">
        <v>72</v>
      </c>
      <c r="AM10672">
        <v>71</v>
      </c>
      <c r="AN10672">
        <v>71</v>
      </c>
      <c r="AO10672">
        <v>70</v>
      </c>
      <c r="AP10672">
        <v>70</v>
      </c>
      <c r="AQ10672">
        <v>69</v>
      </c>
    </row>
    <row r="10673" spans="1:43">
      <c r="A10673" t="s">
        <v>6636</v>
      </c>
      <c r="B10673" t="s">
        <v>6637</v>
      </c>
      <c r="C10673" t="s">
        <v>6638</v>
      </c>
      <c r="D10673" t="s">
        <v>6639</v>
      </c>
      <c r="E10673" t="s">
        <v>6594</v>
      </c>
      <c r="F10673" t="s">
        <v>6595</v>
      </c>
      <c r="G10673" t="s">
        <v>80</v>
      </c>
      <c r="H10673" t="s">
        <v>81</v>
      </c>
      <c r="I10673" s="2">
        <v>0</v>
      </c>
      <c r="J10673" s="2">
        <v>1</v>
      </c>
      <c r="K10673" s="2">
        <v>0</v>
      </c>
      <c r="L10673" t="s">
        <v>82</v>
      </c>
      <c r="M10673" t="s">
        <v>83</v>
      </c>
      <c r="N10673" t="s">
        <v>91</v>
      </c>
      <c r="O10673" t="s">
        <v>85</v>
      </c>
      <c r="P10673" t="s">
        <v>86</v>
      </c>
      <c r="Q10673">
        <v>68</v>
      </c>
      <c r="R10673">
        <v>69</v>
      </c>
      <c r="S10673">
        <v>69</v>
      </c>
      <c r="T10673">
        <v>69</v>
      </c>
      <c r="U10673">
        <v>70</v>
      </c>
      <c r="V10673">
        <v>70</v>
      </c>
      <c r="W10673">
        <v>71</v>
      </c>
      <c r="X10673">
        <v>71</v>
      </c>
      <c r="Y10673">
        <v>71</v>
      </c>
      <c r="Z10673">
        <v>71</v>
      </c>
      <c r="AA10673">
        <v>72</v>
      </c>
      <c r="AB10673">
        <v>72</v>
      </c>
      <c r="AC10673">
        <v>72</v>
      </c>
      <c r="AD10673">
        <v>72</v>
      </c>
      <c r="AE10673">
        <v>72</v>
      </c>
      <c r="AF10673">
        <v>72</v>
      </c>
      <c r="AG10673">
        <v>72</v>
      </c>
      <c r="AH10673">
        <v>72</v>
      </c>
      <c r="AI10673">
        <v>72</v>
      </c>
      <c r="AJ10673">
        <v>72</v>
      </c>
      <c r="AK10673">
        <v>72</v>
      </c>
      <c r="AL10673">
        <v>72</v>
      </c>
      <c r="AM10673">
        <v>71</v>
      </c>
      <c r="AN10673">
        <v>71</v>
      </c>
      <c r="AO10673">
        <v>70</v>
      </c>
      <c r="AP10673">
        <v>70</v>
      </c>
      <c r="AQ10673">
        <v>69</v>
      </c>
    </row>
    <row r="10674" spans="1:43">
      <c r="A10674" t="s">
        <v>6640</v>
      </c>
      <c r="B10674" t="s">
        <v>6641</v>
      </c>
      <c r="C10674" t="s">
        <v>6638</v>
      </c>
      <c r="D10674" t="s">
        <v>6639</v>
      </c>
      <c r="E10674" t="s">
        <v>6594</v>
      </c>
      <c r="F10674" t="s">
        <v>6595</v>
      </c>
      <c r="G10674" t="s">
        <v>80</v>
      </c>
      <c r="H10674" t="s">
        <v>81</v>
      </c>
      <c r="I10674" s="2">
        <v>0</v>
      </c>
      <c r="J10674" s="2">
        <v>1</v>
      </c>
      <c r="K10674" s="2">
        <v>0</v>
      </c>
      <c r="L10674" t="s">
        <v>82</v>
      </c>
      <c r="M10674" t="s">
        <v>83</v>
      </c>
      <c r="N10674" t="s">
        <v>84</v>
      </c>
      <c r="O10674" t="s">
        <v>85</v>
      </c>
      <c r="P10674" t="s">
        <v>86</v>
      </c>
      <c r="Q10674">
        <v>50</v>
      </c>
      <c r="R10674">
        <v>50</v>
      </c>
      <c r="S10674">
        <v>51</v>
      </c>
      <c r="T10674">
        <v>51</v>
      </c>
      <c r="U10674">
        <v>51</v>
      </c>
      <c r="V10674">
        <v>51</v>
      </c>
      <c r="W10674">
        <v>52</v>
      </c>
      <c r="X10674">
        <v>52</v>
      </c>
      <c r="Y10674">
        <v>52</v>
      </c>
      <c r="Z10674">
        <v>52</v>
      </c>
      <c r="AA10674">
        <v>52</v>
      </c>
      <c r="AB10674">
        <v>52</v>
      </c>
      <c r="AC10674">
        <v>53</v>
      </c>
      <c r="AD10674">
        <v>53</v>
      </c>
      <c r="AE10674">
        <v>53</v>
      </c>
      <c r="AF10674">
        <v>53</v>
      </c>
      <c r="AG10674">
        <v>53</v>
      </c>
      <c r="AH10674">
        <v>53</v>
      </c>
      <c r="AI10674">
        <v>53</v>
      </c>
      <c r="AJ10674">
        <v>53</v>
      </c>
      <c r="AK10674">
        <v>53</v>
      </c>
      <c r="AL10674">
        <v>52</v>
      </c>
      <c r="AM10674">
        <v>52</v>
      </c>
      <c r="AN10674">
        <v>51</v>
      </c>
      <c r="AO10674">
        <v>51</v>
      </c>
      <c r="AP10674">
        <v>50</v>
      </c>
      <c r="AQ10674">
        <v>50</v>
      </c>
    </row>
    <row r="10675" spans="1:43">
      <c r="A10675" t="s">
        <v>6640</v>
      </c>
      <c r="B10675" t="s">
        <v>6641</v>
      </c>
      <c r="C10675" t="s">
        <v>6638</v>
      </c>
      <c r="D10675" t="s">
        <v>6639</v>
      </c>
      <c r="E10675" t="s">
        <v>6594</v>
      </c>
      <c r="F10675" t="s">
        <v>6595</v>
      </c>
      <c r="G10675" t="s">
        <v>80</v>
      </c>
      <c r="H10675" t="s">
        <v>81</v>
      </c>
      <c r="I10675" s="2">
        <v>0</v>
      </c>
      <c r="J10675" s="2">
        <v>1</v>
      </c>
      <c r="K10675" s="2">
        <v>0</v>
      </c>
      <c r="L10675" t="s">
        <v>82</v>
      </c>
      <c r="M10675" t="s">
        <v>87</v>
      </c>
      <c r="N10675" t="s">
        <v>88</v>
      </c>
      <c r="O10675" t="s">
        <v>85</v>
      </c>
      <c r="P10675" t="s">
        <v>86</v>
      </c>
      <c r="Q10675">
        <v>50</v>
      </c>
      <c r="R10675">
        <v>49</v>
      </c>
      <c r="S10675">
        <v>49</v>
      </c>
      <c r="T10675">
        <v>49</v>
      </c>
      <c r="U10675">
        <v>49</v>
      </c>
      <c r="V10675">
        <v>49</v>
      </c>
      <c r="W10675">
        <v>49</v>
      </c>
      <c r="X10675">
        <v>48</v>
      </c>
      <c r="Y10675">
        <v>48</v>
      </c>
      <c r="Z10675">
        <v>48</v>
      </c>
      <c r="AA10675">
        <v>48</v>
      </c>
      <c r="AB10675">
        <v>47</v>
      </c>
      <c r="AC10675">
        <v>47</v>
      </c>
      <c r="AD10675">
        <v>47</v>
      </c>
      <c r="AE10675">
        <v>47</v>
      </c>
      <c r="AF10675">
        <v>46</v>
      </c>
      <c r="AG10675">
        <v>46</v>
      </c>
      <c r="AH10675">
        <v>46</v>
      </c>
      <c r="AI10675">
        <v>46</v>
      </c>
      <c r="AJ10675">
        <v>45</v>
      </c>
      <c r="AK10675">
        <v>45</v>
      </c>
      <c r="AL10675">
        <v>45</v>
      </c>
      <c r="AM10675">
        <v>44</v>
      </c>
      <c r="AN10675">
        <v>44</v>
      </c>
      <c r="AO10675">
        <v>44</v>
      </c>
      <c r="AP10675">
        <v>44</v>
      </c>
      <c r="AQ10675">
        <v>43</v>
      </c>
    </row>
    <row r="10676" spans="1:43">
      <c r="A10676" t="s">
        <v>6640</v>
      </c>
      <c r="B10676" t="s">
        <v>6641</v>
      </c>
      <c r="C10676" t="s">
        <v>6638</v>
      </c>
      <c r="D10676" t="s">
        <v>6639</v>
      </c>
      <c r="E10676" t="s">
        <v>6594</v>
      </c>
      <c r="F10676" t="s">
        <v>6595</v>
      </c>
      <c r="G10676" t="s">
        <v>80</v>
      </c>
      <c r="H10676" t="s">
        <v>81</v>
      </c>
      <c r="I10676" s="2">
        <v>0</v>
      </c>
      <c r="J10676" s="2">
        <v>1</v>
      </c>
      <c r="K10676" s="2">
        <v>0</v>
      </c>
      <c r="L10676" t="s">
        <v>82</v>
      </c>
      <c r="M10676" t="s">
        <v>89</v>
      </c>
      <c r="N10676" t="s">
        <v>90</v>
      </c>
      <c r="O10676" t="s">
        <v>85</v>
      </c>
      <c r="P10676" t="s">
        <v>86</v>
      </c>
      <c r="Q10676">
        <v>50</v>
      </c>
      <c r="R10676">
        <v>50</v>
      </c>
      <c r="S10676">
        <v>51</v>
      </c>
      <c r="T10676">
        <v>52</v>
      </c>
      <c r="U10676">
        <v>52</v>
      </c>
      <c r="V10676">
        <v>53</v>
      </c>
      <c r="W10676">
        <v>53</v>
      </c>
      <c r="X10676">
        <v>54</v>
      </c>
      <c r="Y10676">
        <v>54</v>
      </c>
      <c r="Z10676">
        <v>54</v>
      </c>
      <c r="AA10676">
        <v>55</v>
      </c>
      <c r="AB10676">
        <v>55</v>
      </c>
      <c r="AC10676">
        <v>55</v>
      </c>
      <c r="AD10676">
        <v>55</v>
      </c>
      <c r="AE10676">
        <v>55</v>
      </c>
      <c r="AF10676">
        <v>55</v>
      </c>
      <c r="AG10676">
        <v>54</v>
      </c>
      <c r="AH10676">
        <v>54</v>
      </c>
      <c r="AI10676">
        <v>53</v>
      </c>
      <c r="AJ10676">
        <v>53</v>
      </c>
      <c r="AK10676">
        <v>52</v>
      </c>
      <c r="AL10676">
        <v>52</v>
      </c>
      <c r="AM10676">
        <v>51</v>
      </c>
      <c r="AN10676">
        <v>51</v>
      </c>
      <c r="AO10676">
        <v>50</v>
      </c>
      <c r="AP10676">
        <v>50</v>
      </c>
      <c r="AQ10676">
        <v>49</v>
      </c>
    </row>
    <row r="10677" spans="1:43">
      <c r="A10677" t="s">
        <v>6640</v>
      </c>
      <c r="B10677" t="s">
        <v>6641</v>
      </c>
      <c r="C10677" t="s">
        <v>6638</v>
      </c>
      <c r="D10677" t="s">
        <v>6639</v>
      </c>
      <c r="E10677" t="s">
        <v>6594</v>
      </c>
      <c r="F10677" t="s">
        <v>6595</v>
      </c>
      <c r="G10677" t="s">
        <v>80</v>
      </c>
      <c r="H10677" t="s">
        <v>81</v>
      </c>
      <c r="I10677" s="2">
        <v>0</v>
      </c>
      <c r="J10677" s="2">
        <v>1</v>
      </c>
      <c r="K10677" s="2">
        <v>0</v>
      </c>
      <c r="L10677" t="s">
        <v>82</v>
      </c>
      <c r="M10677" t="s">
        <v>83</v>
      </c>
      <c r="N10677" t="s">
        <v>91</v>
      </c>
      <c r="O10677" t="s">
        <v>85</v>
      </c>
      <c r="P10677" t="s">
        <v>86</v>
      </c>
      <c r="Q10677">
        <v>50</v>
      </c>
      <c r="R10677">
        <v>50</v>
      </c>
      <c r="S10677">
        <v>51</v>
      </c>
      <c r="T10677">
        <v>51</v>
      </c>
      <c r="U10677">
        <v>51</v>
      </c>
      <c r="V10677">
        <v>51</v>
      </c>
      <c r="W10677">
        <v>52</v>
      </c>
      <c r="X10677">
        <v>52</v>
      </c>
      <c r="Y10677">
        <v>52</v>
      </c>
      <c r="Z10677">
        <v>52</v>
      </c>
      <c r="AA10677">
        <v>52</v>
      </c>
      <c r="AB10677">
        <v>52</v>
      </c>
      <c r="AC10677">
        <v>53</v>
      </c>
      <c r="AD10677">
        <v>53</v>
      </c>
      <c r="AE10677">
        <v>53</v>
      </c>
      <c r="AF10677">
        <v>53</v>
      </c>
      <c r="AG10677">
        <v>53</v>
      </c>
      <c r="AH10677">
        <v>53</v>
      </c>
      <c r="AI10677">
        <v>53</v>
      </c>
      <c r="AJ10677">
        <v>53</v>
      </c>
      <c r="AK10677">
        <v>53</v>
      </c>
      <c r="AL10677">
        <v>52</v>
      </c>
      <c r="AM10677">
        <v>52</v>
      </c>
      <c r="AN10677">
        <v>51</v>
      </c>
      <c r="AO10677">
        <v>51</v>
      </c>
      <c r="AP10677">
        <v>50</v>
      </c>
      <c r="AQ10677">
        <v>50</v>
      </c>
    </row>
    <row r="10678" spans="1:43">
      <c r="A10678" t="s">
        <v>6642</v>
      </c>
      <c r="B10678" t="s">
        <v>6643</v>
      </c>
      <c r="C10678" t="s">
        <v>6638</v>
      </c>
      <c r="D10678" t="s">
        <v>6639</v>
      </c>
      <c r="E10678" t="s">
        <v>6594</v>
      </c>
      <c r="F10678" t="s">
        <v>6595</v>
      </c>
      <c r="G10678" t="s">
        <v>80</v>
      </c>
      <c r="H10678" t="s">
        <v>81</v>
      </c>
      <c r="I10678" s="2">
        <v>0</v>
      </c>
      <c r="J10678" s="2">
        <v>1</v>
      </c>
      <c r="K10678" s="2">
        <v>0</v>
      </c>
      <c r="L10678" t="s">
        <v>82</v>
      </c>
      <c r="M10678" t="s">
        <v>83</v>
      </c>
      <c r="N10678" t="s">
        <v>84</v>
      </c>
      <c r="O10678" t="s">
        <v>85</v>
      </c>
      <c r="P10678" t="s">
        <v>86</v>
      </c>
      <c r="Q10678">
        <v>93</v>
      </c>
      <c r="R10678">
        <v>94</v>
      </c>
      <c r="S10678">
        <v>94</v>
      </c>
      <c r="T10678">
        <v>95</v>
      </c>
      <c r="U10678">
        <v>95</v>
      </c>
      <c r="V10678">
        <v>95</v>
      </c>
      <c r="W10678">
        <v>96</v>
      </c>
      <c r="X10678">
        <v>96</v>
      </c>
      <c r="Y10678">
        <v>96</v>
      </c>
      <c r="Z10678">
        <v>96</v>
      </c>
      <c r="AA10678">
        <v>96</v>
      </c>
      <c r="AB10678">
        <v>97</v>
      </c>
      <c r="AC10678">
        <v>97</v>
      </c>
      <c r="AD10678">
        <v>97</v>
      </c>
      <c r="AE10678">
        <v>97</v>
      </c>
      <c r="AF10678">
        <v>96</v>
      </c>
      <c r="AG10678">
        <v>96</v>
      </c>
      <c r="AH10678">
        <v>96</v>
      </c>
      <c r="AI10678">
        <v>96</v>
      </c>
      <c r="AJ10678">
        <v>96</v>
      </c>
      <c r="AK10678">
        <v>96</v>
      </c>
      <c r="AL10678">
        <v>95</v>
      </c>
      <c r="AM10678">
        <v>94</v>
      </c>
      <c r="AN10678">
        <v>93</v>
      </c>
      <c r="AO10678">
        <v>92</v>
      </c>
      <c r="AP10678">
        <v>91</v>
      </c>
      <c r="AQ10678">
        <v>90</v>
      </c>
    </row>
    <row r="10679" spans="1:43">
      <c r="A10679" t="s">
        <v>6642</v>
      </c>
      <c r="B10679" t="s">
        <v>6643</v>
      </c>
      <c r="C10679" t="s">
        <v>6638</v>
      </c>
      <c r="D10679" t="s">
        <v>6639</v>
      </c>
      <c r="E10679" t="s">
        <v>6594</v>
      </c>
      <c r="F10679" t="s">
        <v>6595</v>
      </c>
      <c r="G10679" t="s">
        <v>80</v>
      </c>
      <c r="H10679" t="s">
        <v>81</v>
      </c>
      <c r="I10679" s="2">
        <v>0</v>
      </c>
      <c r="J10679" s="2">
        <v>1</v>
      </c>
      <c r="K10679" s="2">
        <v>0</v>
      </c>
      <c r="L10679" t="s">
        <v>82</v>
      </c>
      <c r="M10679" t="s">
        <v>87</v>
      </c>
      <c r="N10679" t="s">
        <v>88</v>
      </c>
      <c r="O10679" t="s">
        <v>85</v>
      </c>
      <c r="P10679" t="s">
        <v>86</v>
      </c>
      <c r="Q10679">
        <v>93</v>
      </c>
      <c r="R10679">
        <v>93</v>
      </c>
      <c r="S10679">
        <v>93</v>
      </c>
      <c r="T10679">
        <v>92</v>
      </c>
      <c r="U10679">
        <v>92</v>
      </c>
      <c r="V10679">
        <v>91</v>
      </c>
      <c r="W10679">
        <v>91</v>
      </c>
      <c r="X10679">
        <v>90</v>
      </c>
      <c r="Y10679">
        <v>90</v>
      </c>
      <c r="Z10679">
        <v>89</v>
      </c>
      <c r="AA10679">
        <v>89</v>
      </c>
      <c r="AB10679">
        <v>88</v>
      </c>
      <c r="AC10679">
        <v>88</v>
      </c>
      <c r="AD10679">
        <v>87</v>
      </c>
      <c r="AE10679">
        <v>86</v>
      </c>
      <c r="AF10679">
        <v>86</v>
      </c>
      <c r="AG10679">
        <v>85</v>
      </c>
      <c r="AH10679">
        <v>85</v>
      </c>
      <c r="AI10679">
        <v>84</v>
      </c>
      <c r="AJ10679">
        <v>83</v>
      </c>
      <c r="AK10679">
        <v>83</v>
      </c>
      <c r="AL10679">
        <v>82</v>
      </c>
      <c r="AM10679">
        <v>82</v>
      </c>
      <c r="AN10679">
        <v>81</v>
      </c>
      <c r="AO10679">
        <v>80</v>
      </c>
      <c r="AP10679">
        <v>80</v>
      </c>
      <c r="AQ10679">
        <v>79</v>
      </c>
    </row>
    <row r="10680" spans="1:43">
      <c r="A10680" t="s">
        <v>6642</v>
      </c>
      <c r="B10680" t="s">
        <v>6643</v>
      </c>
      <c r="C10680" t="s">
        <v>6638</v>
      </c>
      <c r="D10680" t="s">
        <v>6639</v>
      </c>
      <c r="E10680" t="s">
        <v>6594</v>
      </c>
      <c r="F10680" t="s">
        <v>6595</v>
      </c>
      <c r="G10680" t="s">
        <v>80</v>
      </c>
      <c r="H10680" t="s">
        <v>81</v>
      </c>
      <c r="I10680" s="2">
        <v>0</v>
      </c>
      <c r="J10680" s="2">
        <v>1</v>
      </c>
      <c r="K10680" s="2">
        <v>0</v>
      </c>
      <c r="L10680" t="s">
        <v>82</v>
      </c>
      <c r="M10680" t="s">
        <v>89</v>
      </c>
      <c r="N10680" t="s">
        <v>90</v>
      </c>
      <c r="O10680" t="s">
        <v>85</v>
      </c>
      <c r="P10680" t="s">
        <v>86</v>
      </c>
      <c r="Q10680">
        <v>93</v>
      </c>
      <c r="R10680">
        <v>94</v>
      </c>
      <c r="S10680">
        <v>96</v>
      </c>
      <c r="T10680">
        <v>97</v>
      </c>
      <c r="U10680">
        <v>98</v>
      </c>
      <c r="V10680">
        <v>99</v>
      </c>
      <c r="W10680">
        <v>100</v>
      </c>
      <c r="X10680">
        <v>100</v>
      </c>
      <c r="Y10680">
        <v>101</v>
      </c>
      <c r="Z10680">
        <v>101</v>
      </c>
      <c r="AA10680">
        <v>102</v>
      </c>
      <c r="AB10680">
        <v>102</v>
      </c>
      <c r="AC10680">
        <v>103</v>
      </c>
      <c r="AD10680">
        <v>103</v>
      </c>
      <c r="AE10680">
        <v>103</v>
      </c>
      <c r="AF10680">
        <v>101</v>
      </c>
      <c r="AG10680">
        <v>100</v>
      </c>
      <c r="AH10680">
        <v>99</v>
      </c>
      <c r="AI10680">
        <v>98</v>
      </c>
      <c r="AJ10680">
        <v>97</v>
      </c>
      <c r="AK10680">
        <v>96</v>
      </c>
      <c r="AL10680">
        <v>95</v>
      </c>
      <c r="AM10680">
        <v>94</v>
      </c>
      <c r="AN10680">
        <v>93</v>
      </c>
      <c r="AO10680">
        <v>92</v>
      </c>
      <c r="AP10680">
        <v>91</v>
      </c>
      <c r="AQ10680">
        <v>90</v>
      </c>
    </row>
    <row r="10681" spans="1:43">
      <c r="A10681" t="s">
        <v>6642</v>
      </c>
      <c r="B10681" t="s">
        <v>6643</v>
      </c>
      <c r="C10681" t="s">
        <v>6638</v>
      </c>
      <c r="D10681" t="s">
        <v>6639</v>
      </c>
      <c r="E10681" t="s">
        <v>6594</v>
      </c>
      <c r="F10681" t="s">
        <v>6595</v>
      </c>
      <c r="G10681" t="s">
        <v>80</v>
      </c>
      <c r="H10681" t="s">
        <v>81</v>
      </c>
      <c r="I10681" s="2">
        <v>0</v>
      </c>
      <c r="J10681" s="2">
        <v>1</v>
      </c>
      <c r="K10681" s="2">
        <v>0</v>
      </c>
      <c r="L10681" t="s">
        <v>82</v>
      </c>
      <c r="M10681" t="s">
        <v>83</v>
      </c>
      <c r="N10681" t="s">
        <v>91</v>
      </c>
      <c r="O10681" t="s">
        <v>85</v>
      </c>
      <c r="P10681" t="s">
        <v>86</v>
      </c>
      <c r="Q10681">
        <v>93</v>
      </c>
      <c r="R10681">
        <v>94</v>
      </c>
      <c r="S10681">
        <v>94</v>
      </c>
      <c r="T10681">
        <v>95</v>
      </c>
      <c r="U10681">
        <v>95</v>
      </c>
      <c r="V10681">
        <v>95</v>
      </c>
      <c r="W10681">
        <v>96</v>
      </c>
      <c r="X10681">
        <v>96</v>
      </c>
      <c r="Y10681">
        <v>96</v>
      </c>
      <c r="Z10681">
        <v>96</v>
      </c>
      <c r="AA10681">
        <v>96</v>
      </c>
      <c r="AB10681">
        <v>97</v>
      </c>
      <c r="AC10681">
        <v>97</v>
      </c>
      <c r="AD10681">
        <v>97</v>
      </c>
      <c r="AE10681">
        <v>97</v>
      </c>
      <c r="AF10681">
        <v>96</v>
      </c>
      <c r="AG10681">
        <v>96</v>
      </c>
      <c r="AH10681">
        <v>96</v>
      </c>
      <c r="AI10681">
        <v>96</v>
      </c>
      <c r="AJ10681">
        <v>96</v>
      </c>
      <c r="AK10681">
        <v>96</v>
      </c>
      <c r="AL10681">
        <v>95</v>
      </c>
      <c r="AM10681">
        <v>94</v>
      </c>
      <c r="AN10681">
        <v>93</v>
      </c>
      <c r="AO10681">
        <v>92</v>
      </c>
      <c r="AP10681">
        <v>91</v>
      </c>
      <c r="AQ10681">
        <v>90</v>
      </c>
    </row>
    <row r="10682" spans="1:43">
      <c r="A10682" t="s">
        <v>6644</v>
      </c>
      <c r="B10682" t="s">
        <v>6645</v>
      </c>
      <c r="C10682" t="s">
        <v>6646</v>
      </c>
      <c r="D10682" t="s">
        <v>6647</v>
      </c>
      <c r="E10682" t="s">
        <v>6594</v>
      </c>
      <c r="F10682" t="s">
        <v>6595</v>
      </c>
      <c r="G10682" t="s">
        <v>80</v>
      </c>
      <c r="H10682" t="s">
        <v>81</v>
      </c>
      <c r="I10682" s="2">
        <v>0</v>
      </c>
      <c r="J10682" s="2">
        <v>1</v>
      </c>
      <c r="K10682" s="2">
        <v>0</v>
      </c>
      <c r="L10682" t="s">
        <v>82</v>
      </c>
      <c r="M10682" t="s">
        <v>83</v>
      </c>
      <c r="N10682" t="s">
        <v>84</v>
      </c>
      <c r="O10682" t="s">
        <v>85</v>
      </c>
      <c r="P10682" t="s">
        <v>86</v>
      </c>
      <c r="Q10682">
        <v>37</v>
      </c>
      <c r="R10682">
        <v>38</v>
      </c>
      <c r="S10682">
        <v>38</v>
      </c>
      <c r="T10682">
        <v>38</v>
      </c>
      <c r="U10682">
        <v>38</v>
      </c>
      <c r="V10682">
        <v>38</v>
      </c>
      <c r="W10682">
        <v>38</v>
      </c>
      <c r="X10682">
        <v>38</v>
      </c>
      <c r="Y10682">
        <v>38</v>
      </c>
      <c r="Z10682">
        <v>38</v>
      </c>
      <c r="AA10682">
        <v>38</v>
      </c>
      <c r="AB10682">
        <v>39</v>
      </c>
      <c r="AC10682">
        <v>39</v>
      </c>
      <c r="AD10682">
        <v>38</v>
      </c>
      <c r="AE10682">
        <v>38</v>
      </c>
      <c r="AF10682">
        <v>38</v>
      </c>
      <c r="AG10682">
        <v>38</v>
      </c>
      <c r="AH10682">
        <v>38</v>
      </c>
      <c r="AI10682">
        <v>38</v>
      </c>
      <c r="AJ10682">
        <v>38</v>
      </c>
      <c r="AK10682">
        <v>38</v>
      </c>
      <c r="AL10682">
        <v>38</v>
      </c>
      <c r="AM10682">
        <v>37</v>
      </c>
      <c r="AN10682">
        <v>37</v>
      </c>
      <c r="AO10682">
        <v>36</v>
      </c>
      <c r="AP10682">
        <v>36</v>
      </c>
      <c r="AQ10682">
        <v>36</v>
      </c>
    </row>
    <row r="10683" spans="1:43">
      <c r="A10683" t="s">
        <v>6644</v>
      </c>
      <c r="B10683" t="s">
        <v>6645</v>
      </c>
      <c r="C10683" t="s">
        <v>6646</v>
      </c>
      <c r="D10683" t="s">
        <v>6647</v>
      </c>
      <c r="E10683" t="s">
        <v>6594</v>
      </c>
      <c r="F10683" t="s">
        <v>6595</v>
      </c>
      <c r="G10683" t="s">
        <v>80</v>
      </c>
      <c r="H10683" t="s">
        <v>81</v>
      </c>
      <c r="I10683" s="2">
        <v>0</v>
      </c>
      <c r="J10683" s="2">
        <v>1</v>
      </c>
      <c r="K10683" s="2">
        <v>0</v>
      </c>
      <c r="L10683" t="s">
        <v>82</v>
      </c>
      <c r="M10683" t="s">
        <v>87</v>
      </c>
      <c r="N10683" t="s">
        <v>88</v>
      </c>
      <c r="O10683" t="s">
        <v>85</v>
      </c>
      <c r="P10683" t="s">
        <v>86</v>
      </c>
      <c r="Q10683">
        <v>37</v>
      </c>
      <c r="R10683">
        <v>37</v>
      </c>
      <c r="S10683">
        <v>37</v>
      </c>
      <c r="T10683">
        <v>37</v>
      </c>
      <c r="U10683">
        <v>36</v>
      </c>
      <c r="V10683">
        <v>36</v>
      </c>
      <c r="W10683">
        <v>36</v>
      </c>
      <c r="X10683">
        <v>36</v>
      </c>
      <c r="Y10683">
        <v>35</v>
      </c>
      <c r="Z10683">
        <v>35</v>
      </c>
      <c r="AA10683">
        <v>35</v>
      </c>
      <c r="AB10683">
        <v>35</v>
      </c>
      <c r="AC10683">
        <v>35</v>
      </c>
      <c r="AD10683">
        <v>34</v>
      </c>
      <c r="AE10683">
        <v>34</v>
      </c>
      <c r="AF10683">
        <v>34</v>
      </c>
      <c r="AG10683">
        <v>34</v>
      </c>
      <c r="AH10683">
        <v>33</v>
      </c>
      <c r="AI10683">
        <v>33</v>
      </c>
      <c r="AJ10683">
        <v>33</v>
      </c>
      <c r="AK10683">
        <v>32</v>
      </c>
      <c r="AL10683">
        <v>32</v>
      </c>
      <c r="AM10683">
        <v>32</v>
      </c>
      <c r="AN10683">
        <v>32</v>
      </c>
      <c r="AO10683">
        <v>31</v>
      </c>
      <c r="AP10683">
        <v>31</v>
      </c>
      <c r="AQ10683">
        <v>31</v>
      </c>
    </row>
    <row r="10684" spans="1:43">
      <c r="A10684" t="s">
        <v>6644</v>
      </c>
      <c r="B10684" t="s">
        <v>6645</v>
      </c>
      <c r="C10684" t="s">
        <v>6646</v>
      </c>
      <c r="D10684" t="s">
        <v>6647</v>
      </c>
      <c r="E10684" t="s">
        <v>6594</v>
      </c>
      <c r="F10684" t="s">
        <v>6595</v>
      </c>
      <c r="G10684" t="s">
        <v>80</v>
      </c>
      <c r="H10684" t="s">
        <v>81</v>
      </c>
      <c r="I10684" s="2">
        <v>0</v>
      </c>
      <c r="J10684" s="2">
        <v>1</v>
      </c>
      <c r="K10684" s="2">
        <v>0</v>
      </c>
      <c r="L10684" t="s">
        <v>82</v>
      </c>
      <c r="M10684" t="s">
        <v>89</v>
      </c>
      <c r="N10684" t="s">
        <v>90</v>
      </c>
      <c r="O10684" t="s">
        <v>85</v>
      </c>
      <c r="P10684" t="s">
        <v>86</v>
      </c>
      <c r="Q10684">
        <v>37</v>
      </c>
      <c r="R10684">
        <v>37</v>
      </c>
      <c r="S10684">
        <v>38</v>
      </c>
      <c r="T10684">
        <v>38</v>
      </c>
      <c r="U10684">
        <v>39</v>
      </c>
      <c r="V10684">
        <v>39</v>
      </c>
      <c r="W10684">
        <v>39</v>
      </c>
      <c r="X10684">
        <v>39</v>
      </c>
      <c r="Y10684">
        <v>40</v>
      </c>
      <c r="Z10684">
        <v>40</v>
      </c>
      <c r="AA10684">
        <v>40</v>
      </c>
      <c r="AB10684">
        <v>40</v>
      </c>
      <c r="AC10684">
        <v>40</v>
      </c>
      <c r="AD10684">
        <v>40</v>
      </c>
      <c r="AE10684">
        <v>40</v>
      </c>
      <c r="AF10684">
        <v>40</v>
      </c>
      <c r="AG10684">
        <v>39</v>
      </c>
      <c r="AH10684">
        <v>39</v>
      </c>
      <c r="AI10684">
        <v>38</v>
      </c>
      <c r="AJ10684">
        <v>38</v>
      </c>
      <c r="AK10684">
        <v>37</v>
      </c>
      <c r="AL10684">
        <v>37</v>
      </c>
      <c r="AM10684">
        <v>37</v>
      </c>
      <c r="AN10684">
        <v>36</v>
      </c>
      <c r="AO10684">
        <v>36</v>
      </c>
      <c r="AP10684">
        <v>35</v>
      </c>
      <c r="AQ10684">
        <v>35</v>
      </c>
    </row>
    <row r="10685" spans="1:43">
      <c r="A10685" t="s">
        <v>6644</v>
      </c>
      <c r="B10685" t="s">
        <v>6645</v>
      </c>
      <c r="C10685" t="s">
        <v>6646</v>
      </c>
      <c r="D10685" t="s">
        <v>6647</v>
      </c>
      <c r="E10685" t="s">
        <v>6594</v>
      </c>
      <c r="F10685" t="s">
        <v>6595</v>
      </c>
      <c r="G10685" t="s">
        <v>80</v>
      </c>
      <c r="H10685" t="s">
        <v>81</v>
      </c>
      <c r="I10685" s="2">
        <v>0</v>
      </c>
      <c r="J10685" s="2">
        <v>1</v>
      </c>
      <c r="K10685" s="2">
        <v>0</v>
      </c>
      <c r="L10685" t="s">
        <v>82</v>
      </c>
      <c r="M10685" t="s">
        <v>83</v>
      </c>
      <c r="N10685" t="s">
        <v>91</v>
      </c>
      <c r="O10685" t="s">
        <v>85</v>
      </c>
      <c r="P10685" t="s">
        <v>86</v>
      </c>
      <c r="Q10685">
        <v>37</v>
      </c>
      <c r="R10685">
        <v>38</v>
      </c>
      <c r="S10685">
        <v>38</v>
      </c>
      <c r="T10685">
        <v>38</v>
      </c>
      <c r="U10685">
        <v>38</v>
      </c>
      <c r="V10685">
        <v>38</v>
      </c>
      <c r="W10685">
        <v>38</v>
      </c>
      <c r="X10685">
        <v>38</v>
      </c>
      <c r="Y10685">
        <v>38</v>
      </c>
      <c r="Z10685">
        <v>38</v>
      </c>
      <c r="AA10685">
        <v>38</v>
      </c>
      <c r="AB10685">
        <v>39</v>
      </c>
      <c r="AC10685">
        <v>39</v>
      </c>
      <c r="AD10685">
        <v>38</v>
      </c>
      <c r="AE10685">
        <v>38</v>
      </c>
      <c r="AF10685">
        <v>38</v>
      </c>
      <c r="AG10685">
        <v>38</v>
      </c>
      <c r="AH10685">
        <v>38</v>
      </c>
      <c r="AI10685">
        <v>38</v>
      </c>
      <c r="AJ10685">
        <v>38</v>
      </c>
      <c r="AK10685">
        <v>38</v>
      </c>
      <c r="AL10685">
        <v>38</v>
      </c>
      <c r="AM10685">
        <v>37</v>
      </c>
      <c r="AN10685">
        <v>37</v>
      </c>
      <c r="AO10685">
        <v>36</v>
      </c>
      <c r="AP10685">
        <v>36</v>
      </c>
      <c r="AQ10685">
        <v>36</v>
      </c>
    </row>
    <row r="10686" spans="1:43">
      <c r="A10686" t="s">
        <v>6648</v>
      </c>
      <c r="B10686" t="s">
        <v>6649</v>
      </c>
      <c r="C10686" t="s">
        <v>6638</v>
      </c>
      <c r="D10686" t="s">
        <v>6639</v>
      </c>
      <c r="E10686" t="s">
        <v>6594</v>
      </c>
      <c r="F10686" t="s">
        <v>6595</v>
      </c>
      <c r="G10686" t="s">
        <v>80</v>
      </c>
      <c r="H10686" t="s">
        <v>81</v>
      </c>
      <c r="I10686" s="2">
        <v>0</v>
      </c>
      <c r="J10686" s="2">
        <v>1</v>
      </c>
      <c r="K10686" s="2">
        <v>0</v>
      </c>
      <c r="L10686" t="s">
        <v>82</v>
      </c>
      <c r="M10686" t="s">
        <v>83</v>
      </c>
      <c r="N10686" t="s">
        <v>84</v>
      </c>
      <c r="O10686" t="s">
        <v>85</v>
      </c>
      <c r="P10686" t="s">
        <v>86</v>
      </c>
      <c r="Q10686">
        <v>26</v>
      </c>
      <c r="R10686">
        <v>26</v>
      </c>
      <c r="S10686">
        <v>26</v>
      </c>
      <c r="T10686">
        <v>26</v>
      </c>
      <c r="U10686">
        <v>26</v>
      </c>
      <c r="V10686">
        <v>27</v>
      </c>
      <c r="W10686">
        <v>27</v>
      </c>
      <c r="X10686">
        <v>27</v>
      </c>
      <c r="Y10686">
        <v>27</v>
      </c>
      <c r="Z10686">
        <v>27</v>
      </c>
      <c r="AA10686">
        <v>27</v>
      </c>
      <c r="AB10686">
        <v>27</v>
      </c>
      <c r="AC10686">
        <v>27</v>
      </c>
      <c r="AD10686">
        <v>27</v>
      </c>
      <c r="AE10686">
        <v>27</v>
      </c>
      <c r="AF10686">
        <v>27</v>
      </c>
      <c r="AG10686">
        <v>27</v>
      </c>
      <c r="AH10686">
        <v>27</v>
      </c>
      <c r="AI10686">
        <v>27</v>
      </c>
      <c r="AJ10686">
        <v>27</v>
      </c>
      <c r="AK10686">
        <v>27</v>
      </c>
      <c r="AL10686">
        <v>26</v>
      </c>
      <c r="AM10686">
        <v>26</v>
      </c>
      <c r="AN10686">
        <v>26</v>
      </c>
      <c r="AO10686">
        <v>26</v>
      </c>
      <c r="AP10686">
        <v>25</v>
      </c>
      <c r="AQ10686">
        <v>25</v>
      </c>
    </row>
    <row r="10687" spans="1:43">
      <c r="A10687" t="s">
        <v>6648</v>
      </c>
      <c r="B10687" t="s">
        <v>6649</v>
      </c>
      <c r="C10687" t="s">
        <v>6638</v>
      </c>
      <c r="D10687" t="s">
        <v>6639</v>
      </c>
      <c r="E10687" t="s">
        <v>6594</v>
      </c>
      <c r="F10687" t="s">
        <v>6595</v>
      </c>
      <c r="G10687" t="s">
        <v>80</v>
      </c>
      <c r="H10687" t="s">
        <v>81</v>
      </c>
      <c r="I10687" s="2">
        <v>0</v>
      </c>
      <c r="J10687" s="2">
        <v>1</v>
      </c>
      <c r="K10687" s="2">
        <v>0</v>
      </c>
      <c r="L10687" t="s">
        <v>82</v>
      </c>
      <c r="M10687" t="s">
        <v>87</v>
      </c>
      <c r="N10687" t="s">
        <v>88</v>
      </c>
      <c r="O10687" t="s">
        <v>85</v>
      </c>
      <c r="P10687" t="s">
        <v>86</v>
      </c>
      <c r="Q10687">
        <v>26</v>
      </c>
      <c r="R10687">
        <v>26</v>
      </c>
      <c r="S10687">
        <v>26</v>
      </c>
      <c r="T10687">
        <v>25</v>
      </c>
      <c r="U10687">
        <v>25</v>
      </c>
      <c r="V10687">
        <v>25</v>
      </c>
      <c r="W10687">
        <v>25</v>
      </c>
      <c r="X10687">
        <v>25</v>
      </c>
      <c r="Y10687">
        <v>25</v>
      </c>
      <c r="Z10687">
        <v>25</v>
      </c>
      <c r="AA10687">
        <v>24</v>
      </c>
      <c r="AB10687">
        <v>24</v>
      </c>
      <c r="AC10687">
        <v>24</v>
      </c>
      <c r="AD10687">
        <v>24</v>
      </c>
      <c r="AE10687">
        <v>24</v>
      </c>
      <c r="AF10687">
        <v>24</v>
      </c>
      <c r="AG10687">
        <v>23</v>
      </c>
      <c r="AH10687">
        <v>23</v>
      </c>
      <c r="AI10687">
        <v>23</v>
      </c>
      <c r="AJ10687">
        <v>23</v>
      </c>
      <c r="AK10687">
        <v>23</v>
      </c>
      <c r="AL10687">
        <v>23</v>
      </c>
      <c r="AM10687">
        <v>22</v>
      </c>
      <c r="AN10687">
        <v>22</v>
      </c>
      <c r="AO10687">
        <v>22</v>
      </c>
      <c r="AP10687">
        <v>22</v>
      </c>
      <c r="AQ10687">
        <v>22</v>
      </c>
    </row>
    <row r="10688" spans="1:43">
      <c r="A10688" t="s">
        <v>6648</v>
      </c>
      <c r="B10688" t="s">
        <v>6649</v>
      </c>
      <c r="C10688" t="s">
        <v>6638</v>
      </c>
      <c r="D10688" t="s">
        <v>6639</v>
      </c>
      <c r="E10688" t="s">
        <v>6594</v>
      </c>
      <c r="F10688" t="s">
        <v>6595</v>
      </c>
      <c r="G10688" t="s">
        <v>80</v>
      </c>
      <c r="H10688" t="s">
        <v>81</v>
      </c>
      <c r="I10688" s="2">
        <v>0</v>
      </c>
      <c r="J10688" s="2">
        <v>1</v>
      </c>
      <c r="K10688" s="2">
        <v>0</v>
      </c>
      <c r="L10688" t="s">
        <v>82</v>
      </c>
      <c r="M10688" t="s">
        <v>89</v>
      </c>
      <c r="N10688" t="s">
        <v>90</v>
      </c>
      <c r="O10688" t="s">
        <v>85</v>
      </c>
      <c r="P10688" t="s">
        <v>86</v>
      </c>
      <c r="Q10688">
        <v>26</v>
      </c>
      <c r="R10688">
        <v>27</v>
      </c>
      <c r="S10688">
        <v>27</v>
      </c>
      <c r="T10688">
        <v>27</v>
      </c>
      <c r="U10688">
        <v>28</v>
      </c>
      <c r="V10688">
        <v>28</v>
      </c>
      <c r="W10688">
        <v>28</v>
      </c>
      <c r="X10688">
        <v>28</v>
      </c>
      <c r="Y10688">
        <v>28</v>
      </c>
      <c r="Z10688">
        <v>29</v>
      </c>
      <c r="AA10688">
        <v>29</v>
      </c>
      <c r="AB10688">
        <v>29</v>
      </c>
      <c r="AC10688">
        <v>29</v>
      </c>
      <c r="AD10688">
        <v>29</v>
      </c>
      <c r="AE10688">
        <v>29</v>
      </c>
      <c r="AF10688">
        <v>29</v>
      </c>
      <c r="AG10688">
        <v>28</v>
      </c>
      <c r="AH10688">
        <v>28</v>
      </c>
      <c r="AI10688">
        <v>28</v>
      </c>
      <c r="AJ10688">
        <v>27</v>
      </c>
      <c r="AK10688">
        <v>27</v>
      </c>
      <c r="AL10688">
        <v>27</v>
      </c>
      <c r="AM10688">
        <v>26</v>
      </c>
      <c r="AN10688">
        <v>26</v>
      </c>
      <c r="AO10688">
        <v>26</v>
      </c>
      <c r="AP10688">
        <v>26</v>
      </c>
      <c r="AQ10688">
        <v>25</v>
      </c>
    </row>
    <row r="10689" spans="1:43">
      <c r="A10689" t="s">
        <v>6648</v>
      </c>
      <c r="B10689" t="s">
        <v>6649</v>
      </c>
      <c r="C10689" t="s">
        <v>6638</v>
      </c>
      <c r="D10689" t="s">
        <v>6639</v>
      </c>
      <c r="E10689" t="s">
        <v>6594</v>
      </c>
      <c r="F10689" t="s">
        <v>6595</v>
      </c>
      <c r="G10689" t="s">
        <v>80</v>
      </c>
      <c r="H10689" t="s">
        <v>81</v>
      </c>
      <c r="I10689" s="2">
        <v>0</v>
      </c>
      <c r="J10689" s="2">
        <v>1</v>
      </c>
      <c r="K10689" s="2">
        <v>0</v>
      </c>
      <c r="L10689" t="s">
        <v>82</v>
      </c>
      <c r="M10689" t="s">
        <v>83</v>
      </c>
      <c r="N10689" t="s">
        <v>91</v>
      </c>
      <c r="O10689" t="s">
        <v>85</v>
      </c>
      <c r="P10689" t="s">
        <v>86</v>
      </c>
      <c r="Q10689">
        <v>26</v>
      </c>
      <c r="R10689">
        <v>26</v>
      </c>
      <c r="S10689">
        <v>26</v>
      </c>
      <c r="T10689">
        <v>26</v>
      </c>
      <c r="U10689">
        <v>26</v>
      </c>
      <c r="V10689">
        <v>27</v>
      </c>
      <c r="W10689">
        <v>27</v>
      </c>
      <c r="X10689">
        <v>27</v>
      </c>
      <c r="Y10689">
        <v>27</v>
      </c>
      <c r="Z10689">
        <v>27</v>
      </c>
      <c r="AA10689">
        <v>27</v>
      </c>
      <c r="AB10689">
        <v>27</v>
      </c>
      <c r="AC10689">
        <v>27</v>
      </c>
      <c r="AD10689">
        <v>27</v>
      </c>
      <c r="AE10689">
        <v>27</v>
      </c>
      <c r="AF10689">
        <v>27</v>
      </c>
      <c r="AG10689">
        <v>27</v>
      </c>
      <c r="AH10689">
        <v>27</v>
      </c>
      <c r="AI10689">
        <v>27</v>
      </c>
      <c r="AJ10689">
        <v>27</v>
      </c>
      <c r="AK10689">
        <v>27</v>
      </c>
      <c r="AL10689">
        <v>26</v>
      </c>
      <c r="AM10689">
        <v>26</v>
      </c>
      <c r="AN10689">
        <v>26</v>
      </c>
      <c r="AO10689">
        <v>26</v>
      </c>
      <c r="AP10689">
        <v>25</v>
      </c>
      <c r="AQ10689">
        <v>25</v>
      </c>
    </row>
    <row r="10690" spans="1:43">
      <c r="A10690" t="s">
        <v>6650</v>
      </c>
      <c r="B10690" t="s">
        <v>6651</v>
      </c>
      <c r="C10690" t="s">
        <v>6646</v>
      </c>
      <c r="D10690" t="s">
        <v>6647</v>
      </c>
      <c r="E10690" t="s">
        <v>6594</v>
      </c>
      <c r="F10690" t="s">
        <v>6595</v>
      </c>
      <c r="G10690" t="s">
        <v>80</v>
      </c>
      <c r="H10690" t="s">
        <v>81</v>
      </c>
      <c r="I10690" s="2">
        <v>0</v>
      </c>
      <c r="J10690" s="2">
        <v>1</v>
      </c>
      <c r="K10690" s="2">
        <v>0</v>
      </c>
      <c r="L10690" t="s">
        <v>82</v>
      </c>
      <c r="M10690" t="s">
        <v>83</v>
      </c>
      <c r="N10690" t="s">
        <v>84</v>
      </c>
      <c r="O10690" t="s">
        <v>85</v>
      </c>
      <c r="P10690" t="s">
        <v>86</v>
      </c>
      <c r="Q10690">
        <v>77</v>
      </c>
      <c r="R10690">
        <v>78</v>
      </c>
      <c r="S10690">
        <v>78</v>
      </c>
      <c r="T10690">
        <v>79</v>
      </c>
      <c r="U10690">
        <v>79</v>
      </c>
      <c r="V10690">
        <v>79</v>
      </c>
      <c r="W10690">
        <v>79</v>
      </c>
      <c r="X10690">
        <v>79</v>
      </c>
      <c r="Y10690">
        <v>80</v>
      </c>
      <c r="Z10690">
        <v>80</v>
      </c>
      <c r="AA10690">
        <v>80</v>
      </c>
      <c r="AB10690">
        <v>80</v>
      </c>
      <c r="AC10690">
        <v>80</v>
      </c>
      <c r="AD10690">
        <v>80</v>
      </c>
      <c r="AE10690">
        <v>80</v>
      </c>
      <c r="AF10690">
        <v>79</v>
      </c>
      <c r="AG10690">
        <v>79</v>
      </c>
      <c r="AH10690">
        <v>79</v>
      </c>
      <c r="AI10690">
        <v>79</v>
      </c>
      <c r="AJ10690">
        <v>79</v>
      </c>
      <c r="AK10690">
        <v>79</v>
      </c>
      <c r="AL10690">
        <v>78</v>
      </c>
      <c r="AM10690">
        <v>77</v>
      </c>
      <c r="AN10690">
        <v>76</v>
      </c>
      <c r="AO10690">
        <v>75</v>
      </c>
      <c r="AP10690">
        <v>74</v>
      </c>
      <c r="AQ10690">
        <v>74</v>
      </c>
    </row>
    <row r="10691" spans="1:43">
      <c r="A10691" t="s">
        <v>6650</v>
      </c>
      <c r="B10691" t="s">
        <v>6651</v>
      </c>
      <c r="C10691" t="s">
        <v>6646</v>
      </c>
      <c r="D10691" t="s">
        <v>6647</v>
      </c>
      <c r="E10691" t="s">
        <v>6594</v>
      </c>
      <c r="F10691" t="s">
        <v>6595</v>
      </c>
      <c r="G10691" t="s">
        <v>80</v>
      </c>
      <c r="H10691" t="s">
        <v>81</v>
      </c>
      <c r="I10691" s="2">
        <v>0</v>
      </c>
      <c r="J10691" s="2">
        <v>1</v>
      </c>
      <c r="K10691" s="2">
        <v>0</v>
      </c>
      <c r="L10691" t="s">
        <v>82</v>
      </c>
      <c r="M10691" t="s">
        <v>87</v>
      </c>
      <c r="N10691" t="s">
        <v>88</v>
      </c>
      <c r="O10691" t="s">
        <v>85</v>
      </c>
      <c r="P10691" t="s">
        <v>86</v>
      </c>
      <c r="Q10691">
        <v>77</v>
      </c>
      <c r="R10691">
        <v>76</v>
      </c>
      <c r="S10691">
        <v>76</v>
      </c>
      <c r="T10691">
        <v>76</v>
      </c>
      <c r="U10691">
        <v>75</v>
      </c>
      <c r="V10691">
        <v>75</v>
      </c>
      <c r="W10691">
        <v>74</v>
      </c>
      <c r="X10691">
        <v>74</v>
      </c>
      <c r="Y10691">
        <v>74</v>
      </c>
      <c r="Z10691">
        <v>73</v>
      </c>
      <c r="AA10691">
        <v>73</v>
      </c>
      <c r="AB10691">
        <v>72</v>
      </c>
      <c r="AC10691">
        <v>71</v>
      </c>
      <c r="AD10691">
        <v>71</v>
      </c>
      <c r="AE10691">
        <v>70</v>
      </c>
      <c r="AF10691">
        <v>70</v>
      </c>
      <c r="AG10691">
        <v>69</v>
      </c>
      <c r="AH10691">
        <v>69</v>
      </c>
      <c r="AI10691">
        <v>68</v>
      </c>
      <c r="AJ10691">
        <v>68</v>
      </c>
      <c r="AK10691">
        <v>67</v>
      </c>
      <c r="AL10691">
        <v>67</v>
      </c>
      <c r="AM10691">
        <v>66</v>
      </c>
      <c r="AN10691">
        <v>65</v>
      </c>
      <c r="AO10691">
        <v>65</v>
      </c>
      <c r="AP10691">
        <v>64</v>
      </c>
      <c r="AQ10691">
        <v>64</v>
      </c>
    </row>
    <row r="10692" spans="1:43">
      <c r="A10692" t="s">
        <v>6650</v>
      </c>
      <c r="B10692" t="s">
        <v>6651</v>
      </c>
      <c r="C10692" t="s">
        <v>6646</v>
      </c>
      <c r="D10692" t="s">
        <v>6647</v>
      </c>
      <c r="E10692" t="s">
        <v>6594</v>
      </c>
      <c r="F10692" t="s">
        <v>6595</v>
      </c>
      <c r="G10692" t="s">
        <v>80</v>
      </c>
      <c r="H10692" t="s">
        <v>81</v>
      </c>
      <c r="I10692" s="2">
        <v>0</v>
      </c>
      <c r="J10692" s="2">
        <v>1</v>
      </c>
      <c r="K10692" s="2">
        <v>0</v>
      </c>
      <c r="L10692" t="s">
        <v>82</v>
      </c>
      <c r="M10692" t="s">
        <v>89</v>
      </c>
      <c r="N10692" t="s">
        <v>90</v>
      </c>
      <c r="O10692" t="s">
        <v>85</v>
      </c>
      <c r="P10692" t="s">
        <v>86</v>
      </c>
      <c r="Q10692">
        <v>77</v>
      </c>
      <c r="R10692">
        <v>78</v>
      </c>
      <c r="S10692">
        <v>79</v>
      </c>
      <c r="T10692">
        <v>80</v>
      </c>
      <c r="U10692">
        <v>81</v>
      </c>
      <c r="V10692">
        <v>82</v>
      </c>
      <c r="W10692">
        <v>82</v>
      </c>
      <c r="X10692">
        <v>83</v>
      </c>
      <c r="Y10692">
        <v>83</v>
      </c>
      <c r="Z10692">
        <v>84</v>
      </c>
      <c r="AA10692">
        <v>84</v>
      </c>
      <c r="AB10692">
        <v>84</v>
      </c>
      <c r="AC10692">
        <v>84</v>
      </c>
      <c r="AD10692">
        <v>85</v>
      </c>
      <c r="AE10692">
        <v>84</v>
      </c>
      <c r="AF10692">
        <v>83</v>
      </c>
      <c r="AG10692">
        <v>82</v>
      </c>
      <c r="AH10692">
        <v>81</v>
      </c>
      <c r="AI10692">
        <v>80</v>
      </c>
      <c r="AJ10692">
        <v>79</v>
      </c>
      <c r="AK10692">
        <v>78</v>
      </c>
      <c r="AL10692">
        <v>77</v>
      </c>
      <c r="AM10692">
        <v>77</v>
      </c>
      <c r="AN10692">
        <v>76</v>
      </c>
      <c r="AO10692">
        <v>75</v>
      </c>
      <c r="AP10692">
        <v>74</v>
      </c>
      <c r="AQ10692">
        <v>73</v>
      </c>
    </row>
    <row r="10693" spans="1:43">
      <c r="A10693" t="s">
        <v>6650</v>
      </c>
      <c r="B10693" t="s">
        <v>6651</v>
      </c>
      <c r="C10693" t="s">
        <v>6646</v>
      </c>
      <c r="D10693" t="s">
        <v>6647</v>
      </c>
      <c r="E10693" t="s">
        <v>6594</v>
      </c>
      <c r="F10693" t="s">
        <v>6595</v>
      </c>
      <c r="G10693" t="s">
        <v>80</v>
      </c>
      <c r="H10693" t="s">
        <v>81</v>
      </c>
      <c r="I10693" s="2">
        <v>0</v>
      </c>
      <c r="J10693" s="2">
        <v>1</v>
      </c>
      <c r="K10693" s="2">
        <v>0</v>
      </c>
      <c r="L10693" t="s">
        <v>82</v>
      </c>
      <c r="M10693" t="s">
        <v>83</v>
      </c>
      <c r="N10693" t="s">
        <v>91</v>
      </c>
      <c r="O10693" t="s">
        <v>85</v>
      </c>
      <c r="P10693" t="s">
        <v>86</v>
      </c>
      <c r="Q10693">
        <v>77</v>
      </c>
      <c r="R10693">
        <v>78</v>
      </c>
      <c r="S10693">
        <v>78</v>
      </c>
      <c r="T10693">
        <v>79</v>
      </c>
      <c r="U10693">
        <v>79</v>
      </c>
      <c r="V10693">
        <v>79</v>
      </c>
      <c r="W10693">
        <v>79</v>
      </c>
      <c r="X10693">
        <v>79</v>
      </c>
      <c r="Y10693">
        <v>80</v>
      </c>
      <c r="Z10693">
        <v>80</v>
      </c>
      <c r="AA10693">
        <v>80</v>
      </c>
      <c r="AB10693">
        <v>80</v>
      </c>
      <c r="AC10693">
        <v>80</v>
      </c>
      <c r="AD10693">
        <v>80</v>
      </c>
      <c r="AE10693">
        <v>80</v>
      </c>
      <c r="AF10693">
        <v>79</v>
      </c>
      <c r="AG10693">
        <v>79</v>
      </c>
      <c r="AH10693">
        <v>79</v>
      </c>
      <c r="AI10693">
        <v>79</v>
      </c>
      <c r="AJ10693">
        <v>79</v>
      </c>
      <c r="AK10693">
        <v>79</v>
      </c>
      <c r="AL10693">
        <v>78</v>
      </c>
      <c r="AM10693">
        <v>77</v>
      </c>
      <c r="AN10693">
        <v>76</v>
      </c>
      <c r="AO10693">
        <v>75</v>
      </c>
      <c r="AP10693">
        <v>74</v>
      </c>
      <c r="AQ10693">
        <v>74</v>
      </c>
    </row>
    <row r="10694" spans="1:43">
      <c r="A10694" t="s">
        <v>6652</v>
      </c>
      <c r="B10694" t="s">
        <v>6653</v>
      </c>
      <c r="C10694" t="s">
        <v>6646</v>
      </c>
      <c r="D10694" t="s">
        <v>6647</v>
      </c>
      <c r="E10694" t="s">
        <v>6594</v>
      </c>
      <c r="F10694" t="s">
        <v>6595</v>
      </c>
      <c r="G10694" t="s">
        <v>80</v>
      </c>
      <c r="H10694" t="s">
        <v>81</v>
      </c>
      <c r="I10694" s="2">
        <v>0</v>
      </c>
      <c r="J10694" s="2">
        <v>1</v>
      </c>
      <c r="K10694" s="2">
        <v>0</v>
      </c>
      <c r="L10694" t="s">
        <v>82</v>
      </c>
      <c r="M10694" t="s">
        <v>83</v>
      </c>
      <c r="N10694" t="s">
        <v>84</v>
      </c>
      <c r="O10694" t="s">
        <v>85</v>
      </c>
      <c r="P10694" t="s">
        <v>86</v>
      </c>
      <c r="Q10694">
        <v>33</v>
      </c>
      <c r="R10694">
        <v>33</v>
      </c>
      <c r="S10694">
        <v>34</v>
      </c>
      <c r="T10694">
        <v>34</v>
      </c>
      <c r="U10694">
        <v>34</v>
      </c>
      <c r="V10694">
        <v>34</v>
      </c>
      <c r="W10694">
        <v>34</v>
      </c>
      <c r="X10694">
        <v>34</v>
      </c>
      <c r="Y10694">
        <v>34</v>
      </c>
      <c r="Z10694">
        <v>34</v>
      </c>
      <c r="AA10694">
        <v>34</v>
      </c>
      <c r="AB10694">
        <v>34</v>
      </c>
      <c r="AC10694">
        <v>35</v>
      </c>
      <c r="AD10694">
        <v>35</v>
      </c>
      <c r="AE10694">
        <v>34</v>
      </c>
      <c r="AF10694">
        <v>34</v>
      </c>
      <c r="AG10694">
        <v>34</v>
      </c>
      <c r="AH10694">
        <v>34</v>
      </c>
      <c r="AI10694">
        <v>34</v>
      </c>
      <c r="AJ10694">
        <v>34</v>
      </c>
      <c r="AK10694">
        <v>34</v>
      </c>
      <c r="AL10694">
        <v>34</v>
      </c>
      <c r="AM10694">
        <v>34</v>
      </c>
      <c r="AN10694">
        <v>33</v>
      </c>
      <c r="AO10694">
        <v>33</v>
      </c>
      <c r="AP10694">
        <v>33</v>
      </c>
      <c r="AQ10694">
        <v>32</v>
      </c>
    </row>
    <row r="10695" spans="1:43">
      <c r="A10695" t="s">
        <v>6652</v>
      </c>
      <c r="B10695" t="s">
        <v>6653</v>
      </c>
      <c r="C10695" t="s">
        <v>6646</v>
      </c>
      <c r="D10695" t="s">
        <v>6647</v>
      </c>
      <c r="E10695" t="s">
        <v>6594</v>
      </c>
      <c r="F10695" t="s">
        <v>6595</v>
      </c>
      <c r="G10695" t="s">
        <v>80</v>
      </c>
      <c r="H10695" t="s">
        <v>81</v>
      </c>
      <c r="I10695" s="2">
        <v>0</v>
      </c>
      <c r="J10695" s="2">
        <v>1</v>
      </c>
      <c r="K10695" s="2">
        <v>0</v>
      </c>
      <c r="L10695" t="s">
        <v>82</v>
      </c>
      <c r="M10695" t="s">
        <v>87</v>
      </c>
      <c r="N10695" t="s">
        <v>88</v>
      </c>
      <c r="O10695" t="s">
        <v>85</v>
      </c>
      <c r="P10695" t="s">
        <v>86</v>
      </c>
      <c r="Q10695">
        <v>33</v>
      </c>
      <c r="R10695">
        <v>33</v>
      </c>
      <c r="S10695">
        <v>33</v>
      </c>
      <c r="T10695">
        <v>33</v>
      </c>
      <c r="U10695">
        <v>32</v>
      </c>
      <c r="V10695">
        <v>32</v>
      </c>
      <c r="W10695">
        <v>32</v>
      </c>
      <c r="X10695">
        <v>32</v>
      </c>
      <c r="Y10695">
        <v>32</v>
      </c>
      <c r="Z10695">
        <v>32</v>
      </c>
      <c r="AA10695">
        <v>31</v>
      </c>
      <c r="AB10695">
        <v>31</v>
      </c>
      <c r="AC10695">
        <v>31</v>
      </c>
      <c r="AD10695">
        <v>31</v>
      </c>
      <c r="AE10695">
        <v>31</v>
      </c>
      <c r="AF10695">
        <v>30</v>
      </c>
      <c r="AG10695">
        <v>30</v>
      </c>
      <c r="AH10695">
        <v>30</v>
      </c>
      <c r="AI10695">
        <v>30</v>
      </c>
      <c r="AJ10695">
        <v>29</v>
      </c>
      <c r="AK10695">
        <v>29</v>
      </c>
      <c r="AL10695">
        <v>29</v>
      </c>
      <c r="AM10695">
        <v>29</v>
      </c>
      <c r="AN10695">
        <v>29</v>
      </c>
      <c r="AO10695">
        <v>28</v>
      </c>
      <c r="AP10695">
        <v>28</v>
      </c>
      <c r="AQ10695">
        <v>28</v>
      </c>
    </row>
    <row r="10696" spans="1:43">
      <c r="A10696" t="s">
        <v>6652</v>
      </c>
      <c r="B10696" t="s">
        <v>6653</v>
      </c>
      <c r="C10696" t="s">
        <v>6646</v>
      </c>
      <c r="D10696" t="s">
        <v>6647</v>
      </c>
      <c r="E10696" t="s">
        <v>6594</v>
      </c>
      <c r="F10696" t="s">
        <v>6595</v>
      </c>
      <c r="G10696" t="s">
        <v>80</v>
      </c>
      <c r="H10696" t="s">
        <v>81</v>
      </c>
      <c r="I10696" s="2">
        <v>0</v>
      </c>
      <c r="J10696" s="2">
        <v>1</v>
      </c>
      <c r="K10696" s="2">
        <v>0</v>
      </c>
      <c r="L10696" t="s">
        <v>82</v>
      </c>
      <c r="M10696" t="s">
        <v>89</v>
      </c>
      <c r="N10696" t="s">
        <v>90</v>
      </c>
      <c r="O10696" t="s">
        <v>85</v>
      </c>
      <c r="P10696" t="s">
        <v>86</v>
      </c>
      <c r="Q10696">
        <v>33</v>
      </c>
      <c r="R10696">
        <v>33</v>
      </c>
      <c r="S10696">
        <v>34</v>
      </c>
      <c r="T10696">
        <v>34</v>
      </c>
      <c r="U10696">
        <v>34</v>
      </c>
      <c r="V10696">
        <v>35</v>
      </c>
      <c r="W10696">
        <v>35</v>
      </c>
      <c r="X10696">
        <v>35</v>
      </c>
      <c r="Y10696">
        <v>35</v>
      </c>
      <c r="Z10696">
        <v>36</v>
      </c>
      <c r="AA10696">
        <v>36</v>
      </c>
      <c r="AB10696">
        <v>36</v>
      </c>
      <c r="AC10696">
        <v>36</v>
      </c>
      <c r="AD10696">
        <v>36</v>
      </c>
      <c r="AE10696">
        <v>36</v>
      </c>
      <c r="AF10696">
        <v>36</v>
      </c>
      <c r="AG10696">
        <v>35</v>
      </c>
      <c r="AH10696">
        <v>35</v>
      </c>
      <c r="AI10696">
        <v>34</v>
      </c>
      <c r="AJ10696">
        <v>34</v>
      </c>
      <c r="AK10696">
        <v>34</v>
      </c>
      <c r="AL10696">
        <v>33</v>
      </c>
      <c r="AM10696">
        <v>33</v>
      </c>
      <c r="AN10696">
        <v>33</v>
      </c>
      <c r="AO10696">
        <v>32</v>
      </c>
      <c r="AP10696">
        <v>32</v>
      </c>
      <c r="AQ10696">
        <v>31</v>
      </c>
    </row>
    <row r="10697" spans="1:43">
      <c r="A10697" t="s">
        <v>6652</v>
      </c>
      <c r="B10697" t="s">
        <v>6653</v>
      </c>
      <c r="C10697" t="s">
        <v>6646</v>
      </c>
      <c r="D10697" t="s">
        <v>6647</v>
      </c>
      <c r="E10697" t="s">
        <v>6594</v>
      </c>
      <c r="F10697" t="s">
        <v>6595</v>
      </c>
      <c r="G10697" t="s">
        <v>80</v>
      </c>
      <c r="H10697" t="s">
        <v>81</v>
      </c>
      <c r="I10697" s="2">
        <v>0</v>
      </c>
      <c r="J10697" s="2">
        <v>1</v>
      </c>
      <c r="K10697" s="2">
        <v>0</v>
      </c>
      <c r="L10697" t="s">
        <v>82</v>
      </c>
      <c r="M10697" t="s">
        <v>83</v>
      </c>
      <c r="N10697" t="s">
        <v>91</v>
      </c>
      <c r="O10697" t="s">
        <v>85</v>
      </c>
      <c r="P10697" t="s">
        <v>86</v>
      </c>
      <c r="Q10697">
        <v>33</v>
      </c>
      <c r="R10697">
        <v>33</v>
      </c>
      <c r="S10697">
        <v>34</v>
      </c>
      <c r="T10697">
        <v>34</v>
      </c>
      <c r="U10697">
        <v>34</v>
      </c>
      <c r="V10697">
        <v>34</v>
      </c>
      <c r="W10697">
        <v>34</v>
      </c>
      <c r="X10697">
        <v>34</v>
      </c>
      <c r="Y10697">
        <v>34</v>
      </c>
      <c r="Z10697">
        <v>34</v>
      </c>
      <c r="AA10697">
        <v>34</v>
      </c>
      <c r="AB10697">
        <v>34</v>
      </c>
      <c r="AC10697">
        <v>35</v>
      </c>
      <c r="AD10697">
        <v>35</v>
      </c>
      <c r="AE10697">
        <v>34</v>
      </c>
      <c r="AF10697">
        <v>34</v>
      </c>
      <c r="AG10697">
        <v>34</v>
      </c>
      <c r="AH10697">
        <v>34</v>
      </c>
      <c r="AI10697">
        <v>34</v>
      </c>
      <c r="AJ10697">
        <v>34</v>
      </c>
      <c r="AK10697">
        <v>34</v>
      </c>
      <c r="AL10697">
        <v>34</v>
      </c>
      <c r="AM10697">
        <v>34</v>
      </c>
      <c r="AN10697">
        <v>33</v>
      </c>
      <c r="AO10697">
        <v>33</v>
      </c>
      <c r="AP10697">
        <v>33</v>
      </c>
      <c r="AQ10697">
        <v>32</v>
      </c>
    </row>
    <row r="10698" spans="1:43">
      <c r="A10698" t="s">
        <v>6654</v>
      </c>
      <c r="B10698" t="s">
        <v>6655</v>
      </c>
      <c r="C10698" t="s">
        <v>6638</v>
      </c>
      <c r="D10698" t="s">
        <v>6639</v>
      </c>
      <c r="E10698" t="s">
        <v>6594</v>
      </c>
      <c r="F10698" t="s">
        <v>6595</v>
      </c>
      <c r="G10698" t="s">
        <v>80</v>
      </c>
      <c r="H10698" t="s">
        <v>81</v>
      </c>
      <c r="I10698" s="2">
        <v>0</v>
      </c>
      <c r="J10698" s="2">
        <v>1</v>
      </c>
      <c r="K10698" s="2">
        <v>0</v>
      </c>
      <c r="L10698" t="s">
        <v>82</v>
      </c>
      <c r="M10698" t="s">
        <v>83</v>
      </c>
      <c r="N10698" t="s">
        <v>84</v>
      </c>
      <c r="O10698" t="s">
        <v>85</v>
      </c>
      <c r="P10698" t="s">
        <v>86</v>
      </c>
      <c r="Q10698">
        <v>61</v>
      </c>
      <c r="R10698">
        <v>61</v>
      </c>
      <c r="S10698">
        <v>62</v>
      </c>
      <c r="T10698">
        <v>62</v>
      </c>
      <c r="U10698">
        <v>62</v>
      </c>
      <c r="V10698">
        <v>63</v>
      </c>
      <c r="W10698">
        <v>63</v>
      </c>
      <c r="X10698">
        <v>63</v>
      </c>
      <c r="Y10698">
        <v>64</v>
      </c>
      <c r="Z10698">
        <v>64</v>
      </c>
      <c r="AA10698">
        <v>64</v>
      </c>
      <c r="AB10698">
        <v>64</v>
      </c>
      <c r="AC10698">
        <v>64</v>
      </c>
      <c r="AD10698">
        <v>65</v>
      </c>
      <c r="AE10698">
        <v>65</v>
      </c>
      <c r="AF10698">
        <v>65</v>
      </c>
      <c r="AG10698">
        <v>65</v>
      </c>
      <c r="AH10698">
        <v>65</v>
      </c>
      <c r="AI10698">
        <v>65</v>
      </c>
      <c r="AJ10698">
        <v>65</v>
      </c>
      <c r="AK10698">
        <v>65</v>
      </c>
      <c r="AL10698">
        <v>64</v>
      </c>
      <c r="AM10698">
        <v>64</v>
      </c>
      <c r="AN10698">
        <v>63</v>
      </c>
      <c r="AO10698">
        <v>63</v>
      </c>
      <c r="AP10698">
        <v>62</v>
      </c>
      <c r="AQ10698">
        <v>62</v>
      </c>
    </row>
    <row r="10699" spans="1:43">
      <c r="A10699" t="s">
        <v>6654</v>
      </c>
      <c r="B10699" t="s">
        <v>6655</v>
      </c>
      <c r="C10699" t="s">
        <v>6638</v>
      </c>
      <c r="D10699" t="s">
        <v>6639</v>
      </c>
      <c r="E10699" t="s">
        <v>6594</v>
      </c>
      <c r="F10699" t="s">
        <v>6595</v>
      </c>
      <c r="G10699" t="s">
        <v>80</v>
      </c>
      <c r="H10699" t="s">
        <v>81</v>
      </c>
      <c r="I10699" s="2">
        <v>0</v>
      </c>
      <c r="J10699" s="2">
        <v>1</v>
      </c>
      <c r="K10699" s="2">
        <v>0</v>
      </c>
      <c r="L10699" t="s">
        <v>82</v>
      </c>
      <c r="M10699" t="s">
        <v>87</v>
      </c>
      <c r="N10699" t="s">
        <v>88</v>
      </c>
      <c r="O10699" t="s">
        <v>85</v>
      </c>
      <c r="P10699" t="s">
        <v>86</v>
      </c>
      <c r="Q10699">
        <v>61</v>
      </c>
      <c r="R10699">
        <v>61</v>
      </c>
      <c r="S10699">
        <v>61</v>
      </c>
      <c r="T10699">
        <v>61</v>
      </c>
      <c r="U10699">
        <v>61</v>
      </c>
      <c r="V10699">
        <v>61</v>
      </c>
      <c r="W10699">
        <v>60</v>
      </c>
      <c r="X10699">
        <v>60</v>
      </c>
      <c r="Y10699">
        <v>60</v>
      </c>
      <c r="Z10699">
        <v>60</v>
      </c>
      <c r="AA10699">
        <v>59</v>
      </c>
      <c r="AB10699">
        <v>59</v>
      </c>
      <c r="AC10699">
        <v>59</v>
      </c>
      <c r="AD10699">
        <v>59</v>
      </c>
      <c r="AE10699">
        <v>58</v>
      </c>
      <c r="AF10699">
        <v>58</v>
      </c>
      <c r="AG10699">
        <v>58</v>
      </c>
      <c r="AH10699">
        <v>57</v>
      </c>
      <c r="AI10699">
        <v>57</v>
      </c>
      <c r="AJ10699">
        <v>57</v>
      </c>
      <c r="AK10699">
        <v>57</v>
      </c>
      <c r="AL10699">
        <v>56</v>
      </c>
      <c r="AM10699">
        <v>56</v>
      </c>
      <c r="AN10699">
        <v>56</v>
      </c>
      <c r="AO10699">
        <v>55</v>
      </c>
      <c r="AP10699">
        <v>55</v>
      </c>
      <c r="AQ10699">
        <v>55</v>
      </c>
    </row>
    <row r="10700" spans="1:43">
      <c r="A10700" t="s">
        <v>6654</v>
      </c>
      <c r="B10700" t="s">
        <v>6655</v>
      </c>
      <c r="C10700" t="s">
        <v>6638</v>
      </c>
      <c r="D10700" t="s">
        <v>6639</v>
      </c>
      <c r="E10700" t="s">
        <v>6594</v>
      </c>
      <c r="F10700" t="s">
        <v>6595</v>
      </c>
      <c r="G10700" t="s">
        <v>80</v>
      </c>
      <c r="H10700" t="s">
        <v>81</v>
      </c>
      <c r="I10700" s="2">
        <v>0</v>
      </c>
      <c r="J10700" s="2">
        <v>1</v>
      </c>
      <c r="K10700" s="2">
        <v>0</v>
      </c>
      <c r="L10700" t="s">
        <v>82</v>
      </c>
      <c r="M10700" t="s">
        <v>89</v>
      </c>
      <c r="N10700" t="s">
        <v>90</v>
      </c>
      <c r="O10700" t="s">
        <v>85</v>
      </c>
      <c r="P10700" t="s">
        <v>86</v>
      </c>
      <c r="Q10700">
        <v>61</v>
      </c>
      <c r="R10700">
        <v>62</v>
      </c>
      <c r="S10700">
        <v>63</v>
      </c>
      <c r="T10700">
        <v>64</v>
      </c>
      <c r="U10700">
        <v>65</v>
      </c>
      <c r="V10700">
        <v>66</v>
      </c>
      <c r="W10700">
        <v>66</v>
      </c>
      <c r="X10700">
        <v>67</v>
      </c>
      <c r="Y10700">
        <v>67</v>
      </c>
      <c r="Z10700">
        <v>68</v>
      </c>
      <c r="AA10700">
        <v>68</v>
      </c>
      <c r="AB10700">
        <v>68</v>
      </c>
      <c r="AC10700">
        <v>69</v>
      </c>
      <c r="AD10700">
        <v>69</v>
      </c>
      <c r="AE10700">
        <v>69</v>
      </c>
      <c r="AF10700">
        <v>69</v>
      </c>
      <c r="AG10700">
        <v>68</v>
      </c>
      <c r="AH10700">
        <v>67</v>
      </c>
      <c r="AI10700">
        <v>67</v>
      </c>
      <c r="AJ10700">
        <v>66</v>
      </c>
      <c r="AK10700">
        <v>66</v>
      </c>
      <c r="AL10700">
        <v>65</v>
      </c>
      <c r="AM10700">
        <v>65</v>
      </c>
      <c r="AN10700">
        <v>64</v>
      </c>
      <c r="AO10700">
        <v>64</v>
      </c>
      <c r="AP10700">
        <v>63</v>
      </c>
      <c r="AQ10700">
        <v>63</v>
      </c>
    </row>
    <row r="10701" spans="1:43">
      <c r="A10701" t="s">
        <v>6654</v>
      </c>
      <c r="B10701" t="s">
        <v>6655</v>
      </c>
      <c r="C10701" t="s">
        <v>6638</v>
      </c>
      <c r="D10701" t="s">
        <v>6639</v>
      </c>
      <c r="E10701" t="s">
        <v>6594</v>
      </c>
      <c r="F10701" t="s">
        <v>6595</v>
      </c>
      <c r="G10701" t="s">
        <v>80</v>
      </c>
      <c r="H10701" t="s">
        <v>81</v>
      </c>
      <c r="I10701" s="2">
        <v>0</v>
      </c>
      <c r="J10701" s="2">
        <v>1</v>
      </c>
      <c r="K10701" s="2">
        <v>0</v>
      </c>
      <c r="L10701" t="s">
        <v>82</v>
      </c>
      <c r="M10701" t="s">
        <v>83</v>
      </c>
      <c r="N10701" t="s">
        <v>91</v>
      </c>
      <c r="O10701" t="s">
        <v>85</v>
      </c>
      <c r="P10701" t="s">
        <v>86</v>
      </c>
      <c r="Q10701">
        <v>61</v>
      </c>
      <c r="R10701">
        <v>61</v>
      </c>
      <c r="S10701">
        <v>62</v>
      </c>
      <c r="T10701">
        <v>62</v>
      </c>
      <c r="U10701">
        <v>62</v>
      </c>
      <c r="V10701">
        <v>63</v>
      </c>
      <c r="W10701">
        <v>63</v>
      </c>
      <c r="X10701">
        <v>63</v>
      </c>
      <c r="Y10701">
        <v>64</v>
      </c>
      <c r="Z10701">
        <v>64</v>
      </c>
      <c r="AA10701">
        <v>64</v>
      </c>
      <c r="AB10701">
        <v>64</v>
      </c>
      <c r="AC10701">
        <v>64</v>
      </c>
      <c r="AD10701">
        <v>65</v>
      </c>
      <c r="AE10701">
        <v>65</v>
      </c>
      <c r="AF10701">
        <v>65</v>
      </c>
      <c r="AG10701">
        <v>65</v>
      </c>
      <c r="AH10701">
        <v>65</v>
      </c>
      <c r="AI10701">
        <v>65</v>
      </c>
      <c r="AJ10701">
        <v>65</v>
      </c>
      <c r="AK10701">
        <v>65</v>
      </c>
      <c r="AL10701">
        <v>64</v>
      </c>
      <c r="AM10701">
        <v>64</v>
      </c>
      <c r="AN10701">
        <v>63</v>
      </c>
      <c r="AO10701">
        <v>63</v>
      </c>
      <c r="AP10701">
        <v>62</v>
      </c>
      <c r="AQ10701">
        <v>62</v>
      </c>
    </row>
    <row r="10702" spans="1:43">
      <c r="A10702" t="s">
        <v>6656</v>
      </c>
      <c r="B10702" t="s">
        <v>6657</v>
      </c>
      <c r="C10702" t="s">
        <v>6658</v>
      </c>
      <c r="D10702" t="s">
        <v>6659</v>
      </c>
      <c r="E10702" t="s">
        <v>6594</v>
      </c>
      <c r="F10702" t="s">
        <v>6595</v>
      </c>
      <c r="G10702" t="s">
        <v>80</v>
      </c>
      <c r="H10702" t="s">
        <v>81</v>
      </c>
      <c r="I10702" s="2">
        <v>0</v>
      </c>
      <c r="J10702" s="2">
        <v>1</v>
      </c>
      <c r="K10702" s="2">
        <v>0</v>
      </c>
      <c r="L10702" t="s">
        <v>82</v>
      </c>
      <c r="M10702" t="s">
        <v>83</v>
      </c>
      <c r="N10702" t="s">
        <v>84</v>
      </c>
      <c r="O10702" t="s">
        <v>85</v>
      </c>
      <c r="P10702" t="s">
        <v>86</v>
      </c>
      <c r="Q10702">
        <v>62</v>
      </c>
      <c r="R10702">
        <v>63</v>
      </c>
      <c r="S10702">
        <v>63</v>
      </c>
      <c r="T10702">
        <v>64</v>
      </c>
      <c r="U10702">
        <v>64</v>
      </c>
      <c r="V10702">
        <v>64</v>
      </c>
      <c r="W10702">
        <v>65</v>
      </c>
      <c r="X10702">
        <v>65</v>
      </c>
      <c r="Y10702">
        <v>65</v>
      </c>
      <c r="Z10702">
        <v>66</v>
      </c>
      <c r="AA10702">
        <v>66</v>
      </c>
      <c r="AB10702">
        <v>66</v>
      </c>
      <c r="AC10702">
        <v>66</v>
      </c>
      <c r="AD10702">
        <v>66</v>
      </c>
      <c r="AE10702">
        <v>66</v>
      </c>
      <c r="AF10702">
        <v>66</v>
      </c>
      <c r="AG10702">
        <v>67</v>
      </c>
      <c r="AH10702">
        <v>67</v>
      </c>
      <c r="AI10702">
        <v>67</v>
      </c>
      <c r="AJ10702">
        <v>67</v>
      </c>
      <c r="AK10702">
        <v>67</v>
      </c>
      <c r="AL10702">
        <v>66</v>
      </c>
      <c r="AM10702">
        <v>66</v>
      </c>
      <c r="AN10702">
        <v>65</v>
      </c>
      <c r="AO10702">
        <v>65</v>
      </c>
      <c r="AP10702">
        <v>64</v>
      </c>
      <c r="AQ10702">
        <v>64</v>
      </c>
    </row>
    <row r="10703" spans="1:43">
      <c r="A10703" t="s">
        <v>6656</v>
      </c>
      <c r="B10703" t="s">
        <v>6657</v>
      </c>
      <c r="C10703" t="s">
        <v>6658</v>
      </c>
      <c r="D10703" t="s">
        <v>6659</v>
      </c>
      <c r="E10703" t="s">
        <v>6594</v>
      </c>
      <c r="F10703" t="s">
        <v>6595</v>
      </c>
      <c r="G10703" t="s">
        <v>80</v>
      </c>
      <c r="H10703" t="s">
        <v>81</v>
      </c>
      <c r="I10703" s="2">
        <v>0</v>
      </c>
      <c r="J10703" s="2">
        <v>1</v>
      </c>
      <c r="K10703" s="2">
        <v>0</v>
      </c>
      <c r="L10703" t="s">
        <v>82</v>
      </c>
      <c r="M10703" t="s">
        <v>87</v>
      </c>
      <c r="N10703" t="s">
        <v>88</v>
      </c>
      <c r="O10703" t="s">
        <v>85</v>
      </c>
      <c r="P10703" t="s">
        <v>86</v>
      </c>
      <c r="Q10703">
        <v>62</v>
      </c>
      <c r="R10703">
        <v>62</v>
      </c>
      <c r="S10703">
        <v>61</v>
      </c>
      <c r="T10703">
        <v>61</v>
      </c>
      <c r="U10703">
        <v>61</v>
      </c>
      <c r="V10703">
        <v>61</v>
      </c>
      <c r="W10703">
        <v>61</v>
      </c>
      <c r="X10703">
        <v>61</v>
      </c>
      <c r="Y10703">
        <v>60</v>
      </c>
      <c r="Z10703">
        <v>60</v>
      </c>
      <c r="AA10703">
        <v>60</v>
      </c>
      <c r="AB10703">
        <v>60</v>
      </c>
      <c r="AC10703">
        <v>60</v>
      </c>
      <c r="AD10703">
        <v>59</v>
      </c>
      <c r="AE10703">
        <v>59</v>
      </c>
      <c r="AF10703">
        <v>59</v>
      </c>
      <c r="AG10703">
        <v>59</v>
      </c>
      <c r="AH10703">
        <v>58</v>
      </c>
      <c r="AI10703">
        <v>58</v>
      </c>
      <c r="AJ10703">
        <v>58</v>
      </c>
      <c r="AK10703">
        <v>57</v>
      </c>
      <c r="AL10703">
        <v>57</v>
      </c>
      <c r="AM10703">
        <v>57</v>
      </c>
      <c r="AN10703">
        <v>57</v>
      </c>
      <c r="AO10703">
        <v>56</v>
      </c>
      <c r="AP10703">
        <v>56</v>
      </c>
      <c r="AQ10703">
        <v>56</v>
      </c>
    </row>
    <row r="10704" spans="1:43">
      <c r="A10704" t="s">
        <v>6656</v>
      </c>
      <c r="B10704" t="s">
        <v>6657</v>
      </c>
      <c r="C10704" t="s">
        <v>6658</v>
      </c>
      <c r="D10704" t="s">
        <v>6659</v>
      </c>
      <c r="E10704" t="s">
        <v>6594</v>
      </c>
      <c r="F10704" t="s">
        <v>6595</v>
      </c>
      <c r="G10704" t="s">
        <v>80</v>
      </c>
      <c r="H10704" t="s">
        <v>81</v>
      </c>
      <c r="I10704" s="2">
        <v>0</v>
      </c>
      <c r="J10704" s="2">
        <v>1</v>
      </c>
      <c r="K10704" s="2">
        <v>0</v>
      </c>
      <c r="L10704" t="s">
        <v>82</v>
      </c>
      <c r="M10704" t="s">
        <v>89</v>
      </c>
      <c r="N10704" t="s">
        <v>90</v>
      </c>
      <c r="O10704" t="s">
        <v>85</v>
      </c>
      <c r="P10704" t="s">
        <v>86</v>
      </c>
      <c r="Q10704">
        <v>62</v>
      </c>
      <c r="R10704">
        <v>63</v>
      </c>
      <c r="S10704">
        <v>64</v>
      </c>
      <c r="T10704">
        <v>65</v>
      </c>
      <c r="U10704">
        <v>66</v>
      </c>
      <c r="V10704">
        <v>66</v>
      </c>
      <c r="W10704">
        <v>67</v>
      </c>
      <c r="X10704">
        <v>68</v>
      </c>
      <c r="Y10704">
        <v>68</v>
      </c>
      <c r="Z10704">
        <v>69</v>
      </c>
      <c r="AA10704">
        <v>69</v>
      </c>
      <c r="AB10704">
        <v>69</v>
      </c>
      <c r="AC10704">
        <v>70</v>
      </c>
      <c r="AD10704">
        <v>70</v>
      </c>
      <c r="AE10704">
        <v>70</v>
      </c>
      <c r="AF10704">
        <v>69</v>
      </c>
      <c r="AG10704">
        <v>69</v>
      </c>
      <c r="AH10704">
        <v>68</v>
      </c>
      <c r="AI10704">
        <v>68</v>
      </c>
      <c r="AJ10704">
        <v>67</v>
      </c>
      <c r="AK10704">
        <v>66</v>
      </c>
      <c r="AL10704">
        <v>66</v>
      </c>
      <c r="AM10704">
        <v>65</v>
      </c>
      <c r="AN10704">
        <v>65</v>
      </c>
      <c r="AO10704">
        <v>64</v>
      </c>
      <c r="AP10704">
        <v>64</v>
      </c>
      <c r="AQ10704">
        <v>63</v>
      </c>
    </row>
    <row r="10705" spans="1:43">
      <c r="A10705" t="s">
        <v>6656</v>
      </c>
      <c r="B10705" t="s">
        <v>6657</v>
      </c>
      <c r="C10705" t="s">
        <v>6658</v>
      </c>
      <c r="D10705" t="s">
        <v>6659</v>
      </c>
      <c r="E10705" t="s">
        <v>6594</v>
      </c>
      <c r="F10705" t="s">
        <v>6595</v>
      </c>
      <c r="G10705" t="s">
        <v>80</v>
      </c>
      <c r="H10705" t="s">
        <v>81</v>
      </c>
      <c r="I10705" s="2">
        <v>0</v>
      </c>
      <c r="J10705" s="2">
        <v>1</v>
      </c>
      <c r="K10705" s="2">
        <v>0</v>
      </c>
      <c r="L10705" t="s">
        <v>82</v>
      </c>
      <c r="M10705" t="s">
        <v>83</v>
      </c>
      <c r="N10705" t="s">
        <v>91</v>
      </c>
      <c r="O10705" t="s">
        <v>85</v>
      </c>
      <c r="P10705" t="s">
        <v>86</v>
      </c>
      <c r="Q10705">
        <v>62</v>
      </c>
      <c r="R10705">
        <v>63</v>
      </c>
      <c r="S10705">
        <v>63</v>
      </c>
      <c r="T10705">
        <v>64</v>
      </c>
      <c r="U10705">
        <v>64</v>
      </c>
      <c r="V10705">
        <v>64</v>
      </c>
      <c r="W10705">
        <v>65</v>
      </c>
      <c r="X10705">
        <v>65</v>
      </c>
      <c r="Y10705">
        <v>65</v>
      </c>
      <c r="Z10705">
        <v>66</v>
      </c>
      <c r="AA10705">
        <v>66</v>
      </c>
      <c r="AB10705">
        <v>66</v>
      </c>
      <c r="AC10705">
        <v>66</v>
      </c>
      <c r="AD10705">
        <v>66</v>
      </c>
      <c r="AE10705">
        <v>66</v>
      </c>
      <c r="AF10705">
        <v>66</v>
      </c>
      <c r="AG10705">
        <v>67</v>
      </c>
      <c r="AH10705">
        <v>67</v>
      </c>
      <c r="AI10705">
        <v>67</v>
      </c>
      <c r="AJ10705">
        <v>67</v>
      </c>
      <c r="AK10705">
        <v>67</v>
      </c>
      <c r="AL10705">
        <v>66</v>
      </c>
      <c r="AM10705">
        <v>66</v>
      </c>
      <c r="AN10705">
        <v>65</v>
      </c>
      <c r="AO10705">
        <v>65</v>
      </c>
      <c r="AP10705">
        <v>64</v>
      </c>
      <c r="AQ10705">
        <v>64</v>
      </c>
    </row>
    <row r="10706" spans="1:43">
      <c r="A10706" t="s">
        <v>6660</v>
      </c>
      <c r="B10706" t="s">
        <v>6661</v>
      </c>
      <c r="C10706" t="s">
        <v>6662</v>
      </c>
      <c r="D10706" t="s">
        <v>6663</v>
      </c>
      <c r="E10706" t="s">
        <v>6594</v>
      </c>
      <c r="F10706" t="s">
        <v>6595</v>
      </c>
      <c r="G10706" t="s">
        <v>80</v>
      </c>
      <c r="H10706" t="s">
        <v>81</v>
      </c>
      <c r="I10706" s="2">
        <v>0</v>
      </c>
      <c r="J10706" s="2">
        <v>1</v>
      </c>
      <c r="K10706" s="2">
        <v>0</v>
      </c>
      <c r="L10706" t="s">
        <v>82</v>
      </c>
      <c r="M10706" t="s">
        <v>83</v>
      </c>
      <c r="N10706" t="s">
        <v>84</v>
      </c>
      <c r="O10706" t="s">
        <v>85</v>
      </c>
      <c r="P10706" t="s">
        <v>86</v>
      </c>
      <c r="Q10706">
        <v>10</v>
      </c>
      <c r="R10706">
        <v>10</v>
      </c>
      <c r="S10706">
        <v>10</v>
      </c>
      <c r="T10706">
        <v>10</v>
      </c>
      <c r="U10706">
        <v>10</v>
      </c>
      <c r="V10706">
        <v>10</v>
      </c>
      <c r="W10706">
        <v>10</v>
      </c>
      <c r="X10706">
        <v>10</v>
      </c>
      <c r="Y10706">
        <v>10</v>
      </c>
      <c r="Z10706">
        <v>10</v>
      </c>
      <c r="AA10706">
        <v>10</v>
      </c>
      <c r="AB10706">
        <v>10</v>
      </c>
      <c r="AC10706">
        <v>10</v>
      </c>
      <c r="AD10706">
        <v>10</v>
      </c>
      <c r="AE10706">
        <v>10</v>
      </c>
      <c r="AF10706">
        <v>10</v>
      </c>
      <c r="AG10706">
        <v>10</v>
      </c>
      <c r="AH10706">
        <v>10</v>
      </c>
      <c r="AI10706">
        <v>10</v>
      </c>
      <c r="AJ10706">
        <v>10</v>
      </c>
      <c r="AK10706">
        <v>10</v>
      </c>
      <c r="AL10706">
        <v>10</v>
      </c>
      <c r="AM10706">
        <v>10</v>
      </c>
      <c r="AN10706">
        <v>10</v>
      </c>
      <c r="AO10706">
        <v>10</v>
      </c>
      <c r="AP10706">
        <v>10</v>
      </c>
      <c r="AQ10706">
        <v>10</v>
      </c>
    </row>
    <row r="10707" spans="1:43">
      <c r="A10707" t="s">
        <v>6660</v>
      </c>
      <c r="B10707" t="s">
        <v>6661</v>
      </c>
      <c r="C10707" t="s">
        <v>6662</v>
      </c>
      <c r="D10707" t="s">
        <v>6663</v>
      </c>
      <c r="E10707" t="s">
        <v>6594</v>
      </c>
      <c r="F10707" t="s">
        <v>6595</v>
      </c>
      <c r="G10707" t="s">
        <v>80</v>
      </c>
      <c r="H10707" t="s">
        <v>81</v>
      </c>
      <c r="I10707" s="2">
        <v>0</v>
      </c>
      <c r="J10707" s="2">
        <v>1</v>
      </c>
      <c r="K10707" s="2">
        <v>0</v>
      </c>
      <c r="L10707" t="s">
        <v>82</v>
      </c>
      <c r="M10707" t="s">
        <v>87</v>
      </c>
      <c r="N10707" t="s">
        <v>88</v>
      </c>
      <c r="O10707" t="s">
        <v>85</v>
      </c>
      <c r="P10707" t="s">
        <v>86</v>
      </c>
      <c r="Q10707">
        <v>10</v>
      </c>
      <c r="R10707">
        <v>10</v>
      </c>
      <c r="S10707">
        <v>10</v>
      </c>
      <c r="T10707">
        <v>10</v>
      </c>
      <c r="U10707">
        <v>10</v>
      </c>
      <c r="V10707">
        <v>9</v>
      </c>
      <c r="W10707">
        <v>9</v>
      </c>
      <c r="X10707">
        <v>9</v>
      </c>
      <c r="Y10707">
        <v>9</v>
      </c>
      <c r="Z10707">
        <v>9</v>
      </c>
      <c r="AA10707">
        <v>9</v>
      </c>
      <c r="AB10707">
        <v>9</v>
      </c>
      <c r="AC10707">
        <v>9</v>
      </c>
      <c r="AD10707">
        <v>9</v>
      </c>
      <c r="AE10707">
        <v>9</v>
      </c>
      <c r="AF10707">
        <v>9</v>
      </c>
      <c r="AG10707">
        <v>9</v>
      </c>
      <c r="AH10707">
        <v>9</v>
      </c>
      <c r="AI10707">
        <v>9</v>
      </c>
      <c r="AJ10707">
        <v>9</v>
      </c>
      <c r="AK10707">
        <v>9</v>
      </c>
      <c r="AL10707">
        <v>9</v>
      </c>
      <c r="AM10707">
        <v>9</v>
      </c>
      <c r="AN10707">
        <v>9</v>
      </c>
      <c r="AO10707">
        <v>9</v>
      </c>
      <c r="AP10707">
        <v>9</v>
      </c>
      <c r="AQ10707">
        <v>8</v>
      </c>
    </row>
    <row r="10708" spans="1:43">
      <c r="A10708" t="s">
        <v>6660</v>
      </c>
      <c r="B10708" t="s">
        <v>6661</v>
      </c>
      <c r="C10708" t="s">
        <v>6662</v>
      </c>
      <c r="D10708" t="s">
        <v>6663</v>
      </c>
      <c r="E10708" t="s">
        <v>6594</v>
      </c>
      <c r="F10708" t="s">
        <v>6595</v>
      </c>
      <c r="G10708" t="s">
        <v>80</v>
      </c>
      <c r="H10708" t="s">
        <v>81</v>
      </c>
      <c r="I10708" s="2">
        <v>0</v>
      </c>
      <c r="J10708" s="2">
        <v>1</v>
      </c>
      <c r="K10708" s="2">
        <v>0</v>
      </c>
      <c r="L10708" t="s">
        <v>82</v>
      </c>
      <c r="M10708" t="s">
        <v>89</v>
      </c>
      <c r="N10708" t="s">
        <v>90</v>
      </c>
      <c r="O10708" t="s">
        <v>85</v>
      </c>
      <c r="P10708" t="s">
        <v>86</v>
      </c>
      <c r="Q10708">
        <v>10</v>
      </c>
      <c r="R10708">
        <v>10</v>
      </c>
      <c r="S10708">
        <v>10</v>
      </c>
      <c r="T10708">
        <v>10</v>
      </c>
      <c r="U10708">
        <v>10</v>
      </c>
      <c r="V10708">
        <v>10</v>
      </c>
      <c r="W10708">
        <v>11</v>
      </c>
      <c r="X10708">
        <v>11</v>
      </c>
      <c r="Y10708">
        <v>11</v>
      </c>
      <c r="Z10708">
        <v>11</v>
      </c>
      <c r="AA10708">
        <v>11</v>
      </c>
      <c r="AB10708">
        <v>11</v>
      </c>
      <c r="AC10708">
        <v>11</v>
      </c>
      <c r="AD10708">
        <v>11</v>
      </c>
      <c r="AE10708">
        <v>11</v>
      </c>
      <c r="AF10708">
        <v>11</v>
      </c>
      <c r="AG10708">
        <v>11</v>
      </c>
      <c r="AH10708">
        <v>11</v>
      </c>
      <c r="AI10708">
        <v>11</v>
      </c>
      <c r="AJ10708">
        <v>10</v>
      </c>
      <c r="AK10708">
        <v>10</v>
      </c>
      <c r="AL10708">
        <v>10</v>
      </c>
      <c r="AM10708">
        <v>10</v>
      </c>
      <c r="AN10708">
        <v>10</v>
      </c>
      <c r="AO10708">
        <v>10</v>
      </c>
      <c r="AP10708">
        <v>10</v>
      </c>
      <c r="AQ10708">
        <v>10</v>
      </c>
    </row>
    <row r="10709" spans="1:43">
      <c r="A10709" t="s">
        <v>6660</v>
      </c>
      <c r="B10709" t="s">
        <v>6661</v>
      </c>
      <c r="C10709" t="s">
        <v>6662</v>
      </c>
      <c r="D10709" t="s">
        <v>6663</v>
      </c>
      <c r="E10709" t="s">
        <v>6594</v>
      </c>
      <c r="F10709" t="s">
        <v>6595</v>
      </c>
      <c r="G10709" t="s">
        <v>80</v>
      </c>
      <c r="H10709" t="s">
        <v>81</v>
      </c>
      <c r="I10709" s="2">
        <v>0</v>
      </c>
      <c r="J10709" s="2">
        <v>1</v>
      </c>
      <c r="K10709" s="2">
        <v>0</v>
      </c>
      <c r="L10709" t="s">
        <v>82</v>
      </c>
      <c r="M10709" t="s">
        <v>83</v>
      </c>
      <c r="N10709" t="s">
        <v>91</v>
      </c>
      <c r="O10709" t="s">
        <v>85</v>
      </c>
      <c r="P10709" t="s">
        <v>86</v>
      </c>
      <c r="Q10709">
        <v>10</v>
      </c>
      <c r="R10709">
        <v>10</v>
      </c>
      <c r="S10709">
        <v>10</v>
      </c>
      <c r="T10709">
        <v>10</v>
      </c>
      <c r="U10709">
        <v>10</v>
      </c>
      <c r="V10709">
        <v>10</v>
      </c>
      <c r="W10709">
        <v>10</v>
      </c>
      <c r="X10709">
        <v>10</v>
      </c>
      <c r="Y10709">
        <v>10</v>
      </c>
      <c r="Z10709">
        <v>10</v>
      </c>
      <c r="AA10709">
        <v>10</v>
      </c>
      <c r="AB10709">
        <v>10</v>
      </c>
      <c r="AC10709">
        <v>10</v>
      </c>
      <c r="AD10709">
        <v>10</v>
      </c>
      <c r="AE10709">
        <v>10</v>
      </c>
      <c r="AF10709">
        <v>10</v>
      </c>
      <c r="AG10709">
        <v>10</v>
      </c>
      <c r="AH10709">
        <v>10</v>
      </c>
      <c r="AI10709">
        <v>10</v>
      </c>
      <c r="AJ10709">
        <v>10</v>
      </c>
      <c r="AK10709">
        <v>10</v>
      </c>
      <c r="AL10709">
        <v>10</v>
      </c>
      <c r="AM10709">
        <v>10</v>
      </c>
      <c r="AN10709">
        <v>10</v>
      </c>
      <c r="AO10709">
        <v>10</v>
      </c>
      <c r="AP10709">
        <v>10</v>
      </c>
      <c r="AQ10709">
        <v>10</v>
      </c>
    </row>
    <row r="10710" spans="1:43">
      <c r="A10710" t="s">
        <v>6664</v>
      </c>
      <c r="B10710" t="s">
        <v>6665</v>
      </c>
      <c r="C10710" t="s">
        <v>6662</v>
      </c>
      <c r="D10710" t="s">
        <v>6663</v>
      </c>
      <c r="E10710" t="s">
        <v>6594</v>
      </c>
      <c r="F10710" t="s">
        <v>6595</v>
      </c>
      <c r="G10710" t="s">
        <v>80</v>
      </c>
      <c r="H10710" t="s">
        <v>81</v>
      </c>
      <c r="I10710" s="2">
        <v>0</v>
      </c>
      <c r="J10710" s="2">
        <v>1</v>
      </c>
      <c r="K10710" s="2">
        <v>0</v>
      </c>
      <c r="L10710" t="s">
        <v>82</v>
      </c>
      <c r="M10710" t="s">
        <v>83</v>
      </c>
      <c r="N10710" t="s">
        <v>84</v>
      </c>
      <c r="O10710" t="s">
        <v>85</v>
      </c>
      <c r="P10710" t="s">
        <v>86</v>
      </c>
      <c r="Q10710">
        <v>12</v>
      </c>
      <c r="R10710">
        <v>12</v>
      </c>
      <c r="S10710">
        <v>12</v>
      </c>
      <c r="T10710">
        <v>12</v>
      </c>
      <c r="U10710">
        <v>13</v>
      </c>
      <c r="V10710">
        <v>13</v>
      </c>
      <c r="W10710">
        <v>13</v>
      </c>
      <c r="X10710">
        <v>13</v>
      </c>
      <c r="Y10710">
        <v>13</v>
      </c>
      <c r="Z10710">
        <v>13</v>
      </c>
      <c r="AA10710">
        <v>13</v>
      </c>
      <c r="AB10710">
        <v>13</v>
      </c>
      <c r="AC10710">
        <v>13</v>
      </c>
      <c r="AD10710">
        <v>13</v>
      </c>
      <c r="AE10710">
        <v>13</v>
      </c>
      <c r="AF10710">
        <v>13</v>
      </c>
      <c r="AG10710">
        <v>13</v>
      </c>
      <c r="AH10710">
        <v>13</v>
      </c>
      <c r="AI10710">
        <v>13</v>
      </c>
      <c r="AJ10710">
        <v>13</v>
      </c>
      <c r="AK10710">
        <v>13</v>
      </c>
      <c r="AL10710">
        <v>13</v>
      </c>
      <c r="AM10710">
        <v>13</v>
      </c>
      <c r="AN10710">
        <v>13</v>
      </c>
      <c r="AO10710">
        <v>12</v>
      </c>
      <c r="AP10710">
        <v>12</v>
      </c>
      <c r="AQ10710">
        <v>12</v>
      </c>
    </row>
    <row r="10711" spans="1:43">
      <c r="A10711" t="s">
        <v>6664</v>
      </c>
      <c r="B10711" t="s">
        <v>6665</v>
      </c>
      <c r="C10711" t="s">
        <v>6662</v>
      </c>
      <c r="D10711" t="s">
        <v>6663</v>
      </c>
      <c r="E10711" t="s">
        <v>6594</v>
      </c>
      <c r="F10711" t="s">
        <v>6595</v>
      </c>
      <c r="G10711" t="s">
        <v>80</v>
      </c>
      <c r="H10711" t="s">
        <v>81</v>
      </c>
      <c r="I10711" s="2">
        <v>0</v>
      </c>
      <c r="J10711" s="2">
        <v>1</v>
      </c>
      <c r="K10711" s="2">
        <v>0</v>
      </c>
      <c r="L10711" t="s">
        <v>82</v>
      </c>
      <c r="M10711" t="s">
        <v>87</v>
      </c>
      <c r="N10711" t="s">
        <v>88</v>
      </c>
      <c r="O10711" t="s">
        <v>85</v>
      </c>
      <c r="P10711" t="s">
        <v>86</v>
      </c>
      <c r="Q10711">
        <v>12</v>
      </c>
      <c r="R10711">
        <v>12</v>
      </c>
      <c r="S10711">
        <v>12</v>
      </c>
      <c r="T10711">
        <v>12</v>
      </c>
      <c r="U10711">
        <v>12</v>
      </c>
      <c r="V10711">
        <v>12</v>
      </c>
      <c r="W10711">
        <v>12</v>
      </c>
      <c r="X10711">
        <v>12</v>
      </c>
      <c r="Y10711">
        <v>12</v>
      </c>
      <c r="Z10711">
        <v>12</v>
      </c>
      <c r="AA10711">
        <v>12</v>
      </c>
      <c r="AB10711">
        <v>12</v>
      </c>
      <c r="AC10711">
        <v>12</v>
      </c>
      <c r="AD10711">
        <v>12</v>
      </c>
      <c r="AE10711">
        <v>11</v>
      </c>
      <c r="AF10711">
        <v>11</v>
      </c>
      <c r="AG10711">
        <v>11</v>
      </c>
      <c r="AH10711">
        <v>11</v>
      </c>
      <c r="AI10711">
        <v>11</v>
      </c>
      <c r="AJ10711">
        <v>11</v>
      </c>
      <c r="AK10711">
        <v>11</v>
      </c>
      <c r="AL10711">
        <v>11</v>
      </c>
      <c r="AM10711">
        <v>11</v>
      </c>
      <c r="AN10711">
        <v>11</v>
      </c>
      <c r="AO10711">
        <v>11</v>
      </c>
      <c r="AP10711">
        <v>11</v>
      </c>
      <c r="AQ10711">
        <v>11</v>
      </c>
    </row>
    <row r="10712" spans="1:43">
      <c r="A10712" t="s">
        <v>6664</v>
      </c>
      <c r="B10712" t="s">
        <v>6665</v>
      </c>
      <c r="C10712" t="s">
        <v>6662</v>
      </c>
      <c r="D10712" t="s">
        <v>6663</v>
      </c>
      <c r="E10712" t="s">
        <v>6594</v>
      </c>
      <c r="F10712" t="s">
        <v>6595</v>
      </c>
      <c r="G10712" t="s">
        <v>80</v>
      </c>
      <c r="H10712" t="s">
        <v>81</v>
      </c>
      <c r="I10712" s="2">
        <v>0</v>
      </c>
      <c r="J10712" s="2">
        <v>1</v>
      </c>
      <c r="K10712" s="2">
        <v>0</v>
      </c>
      <c r="L10712" t="s">
        <v>82</v>
      </c>
      <c r="M10712" t="s">
        <v>89</v>
      </c>
      <c r="N10712" t="s">
        <v>90</v>
      </c>
      <c r="O10712" t="s">
        <v>85</v>
      </c>
      <c r="P10712" t="s">
        <v>86</v>
      </c>
      <c r="Q10712">
        <v>12</v>
      </c>
      <c r="R10712">
        <v>13</v>
      </c>
      <c r="S10712">
        <v>13</v>
      </c>
      <c r="T10712">
        <v>13</v>
      </c>
      <c r="U10712">
        <v>13</v>
      </c>
      <c r="V10712">
        <v>13</v>
      </c>
      <c r="W10712">
        <v>13</v>
      </c>
      <c r="X10712">
        <v>13</v>
      </c>
      <c r="Y10712">
        <v>14</v>
      </c>
      <c r="Z10712">
        <v>14</v>
      </c>
      <c r="AA10712">
        <v>14</v>
      </c>
      <c r="AB10712">
        <v>14</v>
      </c>
      <c r="AC10712">
        <v>14</v>
      </c>
      <c r="AD10712">
        <v>14</v>
      </c>
      <c r="AE10712">
        <v>14</v>
      </c>
      <c r="AF10712">
        <v>14</v>
      </c>
      <c r="AG10712">
        <v>14</v>
      </c>
      <c r="AH10712">
        <v>13</v>
      </c>
      <c r="AI10712">
        <v>13</v>
      </c>
      <c r="AJ10712">
        <v>13</v>
      </c>
      <c r="AK10712">
        <v>13</v>
      </c>
      <c r="AL10712">
        <v>13</v>
      </c>
      <c r="AM10712">
        <v>13</v>
      </c>
      <c r="AN10712">
        <v>13</v>
      </c>
      <c r="AO10712">
        <v>13</v>
      </c>
      <c r="AP10712">
        <v>12</v>
      </c>
      <c r="AQ10712">
        <v>12</v>
      </c>
    </row>
    <row r="10713" spans="1:43">
      <c r="A10713" t="s">
        <v>6664</v>
      </c>
      <c r="B10713" t="s">
        <v>6665</v>
      </c>
      <c r="C10713" t="s">
        <v>6662</v>
      </c>
      <c r="D10713" t="s">
        <v>6663</v>
      </c>
      <c r="E10713" t="s">
        <v>6594</v>
      </c>
      <c r="F10713" t="s">
        <v>6595</v>
      </c>
      <c r="G10713" t="s">
        <v>80</v>
      </c>
      <c r="H10713" t="s">
        <v>81</v>
      </c>
      <c r="I10713" s="2">
        <v>0</v>
      </c>
      <c r="J10713" s="2">
        <v>1</v>
      </c>
      <c r="K10713" s="2">
        <v>0</v>
      </c>
      <c r="L10713" t="s">
        <v>82</v>
      </c>
      <c r="M10713" t="s">
        <v>83</v>
      </c>
      <c r="N10713" t="s">
        <v>91</v>
      </c>
      <c r="O10713" t="s">
        <v>85</v>
      </c>
      <c r="P10713" t="s">
        <v>86</v>
      </c>
      <c r="Q10713">
        <v>12</v>
      </c>
      <c r="R10713">
        <v>12</v>
      </c>
      <c r="S10713">
        <v>12</v>
      </c>
      <c r="T10713">
        <v>12</v>
      </c>
      <c r="U10713">
        <v>13</v>
      </c>
      <c r="V10713">
        <v>13</v>
      </c>
      <c r="W10713">
        <v>13</v>
      </c>
      <c r="X10713">
        <v>13</v>
      </c>
      <c r="Y10713">
        <v>13</v>
      </c>
      <c r="Z10713">
        <v>13</v>
      </c>
      <c r="AA10713">
        <v>13</v>
      </c>
      <c r="AB10713">
        <v>13</v>
      </c>
      <c r="AC10713">
        <v>13</v>
      </c>
      <c r="AD10713">
        <v>13</v>
      </c>
      <c r="AE10713">
        <v>13</v>
      </c>
      <c r="AF10713">
        <v>13</v>
      </c>
      <c r="AG10713">
        <v>13</v>
      </c>
      <c r="AH10713">
        <v>13</v>
      </c>
      <c r="AI10713">
        <v>13</v>
      </c>
      <c r="AJ10713">
        <v>13</v>
      </c>
      <c r="AK10713">
        <v>13</v>
      </c>
      <c r="AL10713">
        <v>13</v>
      </c>
      <c r="AM10713">
        <v>13</v>
      </c>
      <c r="AN10713">
        <v>13</v>
      </c>
      <c r="AO10713">
        <v>12</v>
      </c>
      <c r="AP10713">
        <v>12</v>
      </c>
      <c r="AQ10713">
        <v>12</v>
      </c>
    </row>
    <row r="10714" spans="1:43">
      <c r="A10714" t="s">
        <v>6666</v>
      </c>
      <c r="B10714" t="s">
        <v>6667</v>
      </c>
      <c r="C10714" t="s">
        <v>6658</v>
      </c>
      <c r="D10714" t="s">
        <v>6659</v>
      </c>
      <c r="E10714" t="s">
        <v>6594</v>
      </c>
      <c r="F10714" t="s">
        <v>6595</v>
      </c>
      <c r="G10714" t="s">
        <v>80</v>
      </c>
      <c r="H10714" t="s">
        <v>81</v>
      </c>
      <c r="I10714" s="2">
        <v>0</v>
      </c>
      <c r="J10714" s="2">
        <v>1</v>
      </c>
      <c r="K10714" s="2">
        <v>0</v>
      </c>
      <c r="L10714" t="s">
        <v>82</v>
      </c>
      <c r="M10714" t="s">
        <v>83</v>
      </c>
      <c r="N10714" t="s">
        <v>84</v>
      </c>
      <c r="O10714" t="s">
        <v>85</v>
      </c>
      <c r="P10714" t="s">
        <v>86</v>
      </c>
      <c r="Q10714">
        <v>14</v>
      </c>
      <c r="R10714">
        <v>14</v>
      </c>
      <c r="S10714">
        <v>14</v>
      </c>
      <c r="T10714">
        <v>14</v>
      </c>
      <c r="U10714">
        <v>14</v>
      </c>
      <c r="V10714">
        <v>14</v>
      </c>
      <c r="W10714">
        <v>14</v>
      </c>
      <c r="X10714">
        <v>14</v>
      </c>
      <c r="Y10714">
        <v>14</v>
      </c>
      <c r="Z10714">
        <v>14</v>
      </c>
      <c r="AA10714">
        <v>14</v>
      </c>
      <c r="AB10714">
        <v>14</v>
      </c>
      <c r="AC10714">
        <v>14</v>
      </c>
      <c r="AD10714">
        <v>15</v>
      </c>
      <c r="AE10714">
        <v>15</v>
      </c>
      <c r="AF10714">
        <v>15</v>
      </c>
      <c r="AG10714">
        <v>15</v>
      </c>
      <c r="AH10714">
        <v>15</v>
      </c>
      <c r="AI10714">
        <v>14</v>
      </c>
      <c r="AJ10714">
        <v>14</v>
      </c>
      <c r="AK10714">
        <v>14</v>
      </c>
      <c r="AL10714">
        <v>14</v>
      </c>
      <c r="AM10714">
        <v>14</v>
      </c>
      <c r="AN10714">
        <v>14</v>
      </c>
      <c r="AO10714">
        <v>14</v>
      </c>
      <c r="AP10714">
        <v>14</v>
      </c>
      <c r="AQ10714">
        <v>14</v>
      </c>
    </row>
    <row r="10715" spans="1:43">
      <c r="A10715" t="s">
        <v>6666</v>
      </c>
      <c r="B10715" t="s">
        <v>6667</v>
      </c>
      <c r="C10715" t="s">
        <v>6658</v>
      </c>
      <c r="D10715" t="s">
        <v>6659</v>
      </c>
      <c r="E10715" t="s">
        <v>6594</v>
      </c>
      <c r="F10715" t="s">
        <v>6595</v>
      </c>
      <c r="G10715" t="s">
        <v>80</v>
      </c>
      <c r="H10715" t="s">
        <v>81</v>
      </c>
      <c r="I10715" s="2">
        <v>0</v>
      </c>
      <c r="J10715" s="2">
        <v>1</v>
      </c>
      <c r="K10715" s="2">
        <v>0</v>
      </c>
      <c r="L10715" t="s">
        <v>82</v>
      </c>
      <c r="M10715" t="s">
        <v>87</v>
      </c>
      <c r="N10715" t="s">
        <v>88</v>
      </c>
      <c r="O10715" t="s">
        <v>85</v>
      </c>
      <c r="P10715" t="s">
        <v>86</v>
      </c>
      <c r="Q10715">
        <v>14</v>
      </c>
      <c r="R10715">
        <v>14</v>
      </c>
      <c r="S10715">
        <v>14</v>
      </c>
      <c r="T10715">
        <v>14</v>
      </c>
      <c r="U10715">
        <v>14</v>
      </c>
      <c r="V10715">
        <v>13</v>
      </c>
      <c r="W10715">
        <v>13</v>
      </c>
      <c r="X10715">
        <v>13</v>
      </c>
      <c r="Y10715">
        <v>13</v>
      </c>
      <c r="Z10715">
        <v>13</v>
      </c>
      <c r="AA10715">
        <v>13</v>
      </c>
      <c r="AB10715">
        <v>13</v>
      </c>
      <c r="AC10715">
        <v>13</v>
      </c>
      <c r="AD10715">
        <v>13</v>
      </c>
      <c r="AE10715">
        <v>13</v>
      </c>
      <c r="AF10715">
        <v>13</v>
      </c>
      <c r="AG10715">
        <v>13</v>
      </c>
      <c r="AH10715">
        <v>13</v>
      </c>
      <c r="AI10715">
        <v>13</v>
      </c>
      <c r="AJ10715">
        <v>13</v>
      </c>
      <c r="AK10715">
        <v>12</v>
      </c>
      <c r="AL10715">
        <v>12</v>
      </c>
      <c r="AM10715">
        <v>12</v>
      </c>
      <c r="AN10715">
        <v>12</v>
      </c>
      <c r="AO10715">
        <v>12</v>
      </c>
      <c r="AP10715">
        <v>12</v>
      </c>
      <c r="AQ10715">
        <v>12</v>
      </c>
    </row>
    <row r="10716" spans="1:43">
      <c r="A10716" t="s">
        <v>6666</v>
      </c>
      <c r="B10716" t="s">
        <v>6667</v>
      </c>
      <c r="C10716" t="s">
        <v>6658</v>
      </c>
      <c r="D10716" t="s">
        <v>6659</v>
      </c>
      <c r="E10716" t="s">
        <v>6594</v>
      </c>
      <c r="F10716" t="s">
        <v>6595</v>
      </c>
      <c r="G10716" t="s">
        <v>80</v>
      </c>
      <c r="H10716" t="s">
        <v>81</v>
      </c>
      <c r="I10716" s="2">
        <v>0</v>
      </c>
      <c r="J10716" s="2">
        <v>1</v>
      </c>
      <c r="K10716" s="2">
        <v>0</v>
      </c>
      <c r="L10716" t="s">
        <v>82</v>
      </c>
      <c r="M10716" t="s">
        <v>89</v>
      </c>
      <c r="N10716" t="s">
        <v>90</v>
      </c>
      <c r="O10716" t="s">
        <v>85</v>
      </c>
      <c r="P10716" t="s">
        <v>86</v>
      </c>
      <c r="Q10716">
        <v>14</v>
      </c>
      <c r="R10716">
        <v>14</v>
      </c>
      <c r="S10716">
        <v>14</v>
      </c>
      <c r="T10716">
        <v>15</v>
      </c>
      <c r="U10716">
        <v>15</v>
      </c>
      <c r="V10716">
        <v>15</v>
      </c>
      <c r="W10716">
        <v>15</v>
      </c>
      <c r="X10716">
        <v>15</v>
      </c>
      <c r="Y10716">
        <v>15</v>
      </c>
      <c r="Z10716">
        <v>15</v>
      </c>
      <c r="AA10716">
        <v>15</v>
      </c>
      <c r="AB10716">
        <v>15</v>
      </c>
      <c r="AC10716">
        <v>15</v>
      </c>
      <c r="AD10716">
        <v>16</v>
      </c>
      <c r="AE10716">
        <v>15</v>
      </c>
      <c r="AF10716">
        <v>15</v>
      </c>
      <c r="AG10716">
        <v>15</v>
      </c>
      <c r="AH10716">
        <v>15</v>
      </c>
      <c r="AI10716">
        <v>15</v>
      </c>
      <c r="AJ10716">
        <v>15</v>
      </c>
      <c r="AK10716">
        <v>15</v>
      </c>
      <c r="AL10716">
        <v>14</v>
      </c>
      <c r="AM10716">
        <v>14</v>
      </c>
      <c r="AN10716">
        <v>14</v>
      </c>
      <c r="AO10716">
        <v>14</v>
      </c>
      <c r="AP10716">
        <v>14</v>
      </c>
      <c r="AQ10716">
        <v>14</v>
      </c>
    </row>
    <row r="10717" spans="1:43">
      <c r="A10717" t="s">
        <v>6666</v>
      </c>
      <c r="B10717" t="s">
        <v>6667</v>
      </c>
      <c r="C10717" t="s">
        <v>6658</v>
      </c>
      <c r="D10717" t="s">
        <v>6659</v>
      </c>
      <c r="E10717" t="s">
        <v>6594</v>
      </c>
      <c r="F10717" t="s">
        <v>6595</v>
      </c>
      <c r="G10717" t="s">
        <v>80</v>
      </c>
      <c r="H10717" t="s">
        <v>81</v>
      </c>
      <c r="I10717" s="2">
        <v>0</v>
      </c>
      <c r="J10717" s="2">
        <v>1</v>
      </c>
      <c r="K10717" s="2">
        <v>0</v>
      </c>
      <c r="L10717" t="s">
        <v>82</v>
      </c>
      <c r="M10717" t="s">
        <v>83</v>
      </c>
      <c r="N10717" t="s">
        <v>91</v>
      </c>
      <c r="O10717" t="s">
        <v>85</v>
      </c>
      <c r="P10717" t="s">
        <v>86</v>
      </c>
      <c r="Q10717">
        <v>14</v>
      </c>
      <c r="R10717">
        <v>14</v>
      </c>
      <c r="S10717">
        <v>14</v>
      </c>
      <c r="T10717">
        <v>14</v>
      </c>
      <c r="U10717">
        <v>14</v>
      </c>
      <c r="V10717">
        <v>14</v>
      </c>
      <c r="W10717">
        <v>14</v>
      </c>
      <c r="X10717">
        <v>14</v>
      </c>
      <c r="Y10717">
        <v>14</v>
      </c>
      <c r="Z10717">
        <v>14</v>
      </c>
      <c r="AA10717">
        <v>14</v>
      </c>
      <c r="AB10717">
        <v>14</v>
      </c>
      <c r="AC10717">
        <v>14</v>
      </c>
      <c r="AD10717">
        <v>15</v>
      </c>
      <c r="AE10717">
        <v>15</v>
      </c>
      <c r="AF10717">
        <v>15</v>
      </c>
      <c r="AG10717">
        <v>15</v>
      </c>
      <c r="AH10717">
        <v>15</v>
      </c>
      <c r="AI10717">
        <v>14</v>
      </c>
      <c r="AJ10717">
        <v>14</v>
      </c>
      <c r="AK10717">
        <v>14</v>
      </c>
      <c r="AL10717">
        <v>14</v>
      </c>
      <c r="AM10717">
        <v>14</v>
      </c>
      <c r="AN10717">
        <v>14</v>
      </c>
      <c r="AO10717">
        <v>14</v>
      </c>
      <c r="AP10717">
        <v>14</v>
      </c>
      <c r="AQ10717">
        <v>14</v>
      </c>
    </row>
    <row r="10718" spans="1:43">
      <c r="A10718" t="s">
        <v>6668</v>
      </c>
      <c r="B10718" t="s">
        <v>6669</v>
      </c>
      <c r="C10718" t="s">
        <v>6662</v>
      </c>
      <c r="D10718" t="s">
        <v>6663</v>
      </c>
      <c r="E10718" t="s">
        <v>6594</v>
      </c>
      <c r="F10718" t="s">
        <v>6595</v>
      </c>
      <c r="G10718" t="s">
        <v>80</v>
      </c>
      <c r="H10718" t="s">
        <v>81</v>
      </c>
      <c r="I10718" s="2">
        <v>0</v>
      </c>
      <c r="J10718" s="2">
        <v>1</v>
      </c>
      <c r="K10718" s="2">
        <v>0</v>
      </c>
      <c r="L10718" t="s">
        <v>82</v>
      </c>
      <c r="M10718" t="s">
        <v>83</v>
      </c>
      <c r="N10718" t="s">
        <v>84</v>
      </c>
      <c r="O10718" t="s">
        <v>85</v>
      </c>
      <c r="P10718" t="s">
        <v>86</v>
      </c>
      <c r="Q10718">
        <v>30</v>
      </c>
      <c r="R10718">
        <v>30</v>
      </c>
      <c r="S10718">
        <v>30</v>
      </c>
      <c r="T10718">
        <v>30</v>
      </c>
      <c r="U10718">
        <v>30</v>
      </c>
      <c r="V10718">
        <v>31</v>
      </c>
      <c r="W10718">
        <v>31</v>
      </c>
      <c r="X10718">
        <v>31</v>
      </c>
      <c r="Y10718">
        <v>31</v>
      </c>
      <c r="Z10718">
        <v>31</v>
      </c>
      <c r="AA10718">
        <v>31</v>
      </c>
      <c r="AB10718">
        <v>31</v>
      </c>
      <c r="AC10718">
        <v>31</v>
      </c>
      <c r="AD10718">
        <v>31</v>
      </c>
      <c r="AE10718">
        <v>31</v>
      </c>
      <c r="AF10718">
        <v>31</v>
      </c>
      <c r="AG10718">
        <v>31</v>
      </c>
      <c r="AH10718">
        <v>31</v>
      </c>
      <c r="AI10718">
        <v>31</v>
      </c>
      <c r="AJ10718">
        <v>31</v>
      </c>
      <c r="AK10718">
        <v>31</v>
      </c>
      <c r="AL10718">
        <v>31</v>
      </c>
      <c r="AM10718">
        <v>31</v>
      </c>
      <c r="AN10718">
        <v>30</v>
      </c>
      <c r="AO10718">
        <v>30</v>
      </c>
      <c r="AP10718">
        <v>30</v>
      </c>
      <c r="AQ10718">
        <v>30</v>
      </c>
    </row>
    <row r="10719" spans="1:43">
      <c r="A10719" t="s">
        <v>6668</v>
      </c>
      <c r="B10719" t="s">
        <v>6669</v>
      </c>
      <c r="C10719" t="s">
        <v>6662</v>
      </c>
      <c r="D10719" t="s">
        <v>6663</v>
      </c>
      <c r="E10719" t="s">
        <v>6594</v>
      </c>
      <c r="F10719" t="s">
        <v>6595</v>
      </c>
      <c r="G10719" t="s">
        <v>80</v>
      </c>
      <c r="H10719" t="s">
        <v>81</v>
      </c>
      <c r="I10719" s="2">
        <v>0</v>
      </c>
      <c r="J10719" s="2">
        <v>1</v>
      </c>
      <c r="K10719" s="2">
        <v>0</v>
      </c>
      <c r="L10719" t="s">
        <v>82</v>
      </c>
      <c r="M10719" t="s">
        <v>87</v>
      </c>
      <c r="N10719" t="s">
        <v>88</v>
      </c>
      <c r="O10719" t="s">
        <v>85</v>
      </c>
      <c r="P10719" t="s">
        <v>86</v>
      </c>
      <c r="Q10719">
        <v>30</v>
      </c>
      <c r="R10719">
        <v>30</v>
      </c>
      <c r="S10719">
        <v>30</v>
      </c>
      <c r="T10719">
        <v>30</v>
      </c>
      <c r="U10719">
        <v>30</v>
      </c>
      <c r="V10719">
        <v>30</v>
      </c>
      <c r="W10719">
        <v>30</v>
      </c>
      <c r="X10719">
        <v>30</v>
      </c>
      <c r="Y10719">
        <v>30</v>
      </c>
      <c r="Z10719">
        <v>29</v>
      </c>
      <c r="AA10719">
        <v>29</v>
      </c>
      <c r="AB10719">
        <v>29</v>
      </c>
      <c r="AC10719">
        <v>29</v>
      </c>
      <c r="AD10719">
        <v>29</v>
      </c>
      <c r="AE10719">
        <v>29</v>
      </c>
      <c r="AF10719">
        <v>29</v>
      </c>
      <c r="AG10719">
        <v>28</v>
      </c>
      <c r="AH10719">
        <v>28</v>
      </c>
      <c r="AI10719">
        <v>28</v>
      </c>
      <c r="AJ10719">
        <v>28</v>
      </c>
      <c r="AK10719">
        <v>28</v>
      </c>
      <c r="AL10719">
        <v>28</v>
      </c>
      <c r="AM10719">
        <v>27</v>
      </c>
      <c r="AN10719">
        <v>27</v>
      </c>
      <c r="AO10719">
        <v>27</v>
      </c>
      <c r="AP10719">
        <v>27</v>
      </c>
      <c r="AQ10719">
        <v>27</v>
      </c>
    </row>
    <row r="10720" spans="1:43">
      <c r="A10720" t="s">
        <v>6668</v>
      </c>
      <c r="B10720" t="s">
        <v>6669</v>
      </c>
      <c r="C10720" t="s">
        <v>6662</v>
      </c>
      <c r="D10720" t="s">
        <v>6663</v>
      </c>
      <c r="E10720" t="s">
        <v>6594</v>
      </c>
      <c r="F10720" t="s">
        <v>6595</v>
      </c>
      <c r="G10720" t="s">
        <v>80</v>
      </c>
      <c r="H10720" t="s">
        <v>81</v>
      </c>
      <c r="I10720" s="2">
        <v>0</v>
      </c>
      <c r="J10720" s="2">
        <v>1</v>
      </c>
      <c r="K10720" s="2">
        <v>0</v>
      </c>
      <c r="L10720" t="s">
        <v>82</v>
      </c>
      <c r="M10720" t="s">
        <v>89</v>
      </c>
      <c r="N10720" t="s">
        <v>90</v>
      </c>
      <c r="O10720" t="s">
        <v>85</v>
      </c>
      <c r="P10720" t="s">
        <v>86</v>
      </c>
      <c r="Q10720">
        <v>30</v>
      </c>
      <c r="R10720">
        <v>30</v>
      </c>
      <c r="S10720">
        <v>31</v>
      </c>
      <c r="T10720">
        <v>31</v>
      </c>
      <c r="U10720">
        <v>32</v>
      </c>
      <c r="V10720">
        <v>32</v>
      </c>
      <c r="W10720">
        <v>32</v>
      </c>
      <c r="X10720">
        <v>33</v>
      </c>
      <c r="Y10720">
        <v>33</v>
      </c>
      <c r="Z10720">
        <v>33</v>
      </c>
      <c r="AA10720">
        <v>33</v>
      </c>
      <c r="AB10720">
        <v>33</v>
      </c>
      <c r="AC10720">
        <v>33</v>
      </c>
      <c r="AD10720">
        <v>33</v>
      </c>
      <c r="AE10720">
        <v>33</v>
      </c>
      <c r="AF10720">
        <v>33</v>
      </c>
      <c r="AG10720">
        <v>33</v>
      </c>
      <c r="AH10720">
        <v>32</v>
      </c>
      <c r="AI10720">
        <v>32</v>
      </c>
      <c r="AJ10720">
        <v>32</v>
      </c>
      <c r="AK10720">
        <v>32</v>
      </c>
      <c r="AL10720">
        <v>31</v>
      </c>
      <c r="AM10720">
        <v>31</v>
      </c>
      <c r="AN10720">
        <v>31</v>
      </c>
      <c r="AO10720">
        <v>30</v>
      </c>
      <c r="AP10720">
        <v>30</v>
      </c>
      <c r="AQ10720">
        <v>30</v>
      </c>
    </row>
    <row r="10721" spans="1:43">
      <c r="A10721" t="s">
        <v>6668</v>
      </c>
      <c r="B10721" t="s">
        <v>6669</v>
      </c>
      <c r="C10721" t="s">
        <v>6662</v>
      </c>
      <c r="D10721" t="s">
        <v>6663</v>
      </c>
      <c r="E10721" t="s">
        <v>6594</v>
      </c>
      <c r="F10721" t="s">
        <v>6595</v>
      </c>
      <c r="G10721" t="s">
        <v>80</v>
      </c>
      <c r="H10721" t="s">
        <v>81</v>
      </c>
      <c r="I10721" s="2">
        <v>0</v>
      </c>
      <c r="J10721" s="2">
        <v>1</v>
      </c>
      <c r="K10721" s="2">
        <v>0</v>
      </c>
      <c r="L10721" t="s">
        <v>82</v>
      </c>
      <c r="M10721" t="s">
        <v>83</v>
      </c>
      <c r="N10721" t="s">
        <v>91</v>
      </c>
      <c r="O10721" t="s">
        <v>85</v>
      </c>
      <c r="P10721" t="s">
        <v>86</v>
      </c>
      <c r="Q10721">
        <v>30</v>
      </c>
      <c r="R10721">
        <v>30</v>
      </c>
      <c r="S10721">
        <v>30</v>
      </c>
      <c r="T10721">
        <v>30</v>
      </c>
      <c r="U10721">
        <v>30</v>
      </c>
      <c r="V10721">
        <v>31</v>
      </c>
      <c r="W10721">
        <v>31</v>
      </c>
      <c r="X10721">
        <v>31</v>
      </c>
      <c r="Y10721">
        <v>31</v>
      </c>
      <c r="Z10721">
        <v>31</v>
      </c>
      <c r="AA10721">
        <v>31</v>
      </c>
      <c r="AB10721">
        <v>31</v>
      </c>
      <c r="AC10721">
        <v>31</v>
      </c>
      <c r="AD10721">
        <v>31</v>
      </c>
      <c r="AE10721">
        <v>31</v>
      </c>
      <c r="AF10721">
        <v>31</v>
      </c>
      <c r="AG10721">
        <v>31</v>
      </c>
      <c r="AH10721">
        <v>31</v>
      </c>
      <c r="AI10721">
        <v>31</v>
      </c>
      <c r="AJ10721">
        <v>31</v>
      </c>
      <c r="AK10721">
        <v>31</v>
      </c>
      <c r="AL10721">
        <v>31</v>
      </c>
      <c r="AM10721">
        <v>31</v>
      </c>
      <c r="AN10721">
        <v>30</v>
      </c>
      <c r="AO10721">
        <v>30</v>
      </c>
      <c r="AP10721">
        <v>30</v>
      </c>
      <c r="AQ10721">
        <v>30</v>
      </c>
    </row>
    <row r="10722" spans="1:43">
      <c r="A10722" t="s">
        <v>6670</v>
      </c>
      <c r="B10722" t="s">
        <v>6671</v>
      </c>
      <c r="C10722" t="s">
        <v>6658</v>
      </c>
      <c r="D10722" t="s">
        <v>6659</v>
      </c>
      <c r="E10722" t="s">
        <v>6594</v>
      </c>
      <c r="F10722" t="s">
        <v>6595</v>
      </c>
      <c r="G10722" t="s">
        <v>80</v>
      </c>
      <c r="H10722" t="s">
        <v>81</v>
      </c>
      <c r="I10722" s="2">
        <v>0</v>
      </c>
      <c r="J10722" s="2">
        <v>1</v>
      </c>
      <c r="K10722" s="2">
        <v>0</v>
      </c>
      <c r="L10722" t="s">
        <v>82</v>
      </c>
      <c r="M10722" t="s">
        <v>83</v>
      </c>
      <c r="N10722" t="s">
        <v>84</v>
      </c>
      <c r="O10722" t="s">
        <v>85</v>
      </c>
      <c r="P10722" t="s">
        <v>86</v>
      </c>
      <c r="Q10722">
        <v>63</v>
      </c>
      <c r="R10722">
        <v>64</v>
      </c>
      <c r="S10722">
        <v>64</v>
      </c>
      <c r="T10722">
        <v>65</v>
      </c>
      <c r="U10722">
        <v>65</v>
      </c>
      <c r="V10722">
        <v>65</v>
      </c>
      <c r="W10722">
        <v>66</v>
      </c>
      <c r="X10722">
        <v>66</v>
      </c>
      <c r="Y10722">
        <v>67</v>
      </c>
      <c r="Z10722">
        <v>67</v>
      </c>
      <c r="AA10722">
        <v>67</v>
      </c>
      <c r="AB10722">
        <v>67</v>
      </c>
      <c r="AC10722">
        <v>67</v>
      </c>
      <c r="AD10722">
        <v>68</v>
      </c>
      <c r="AE10722">
        <v>68</v>
      </c>
      <c r="AF10722">
        <v>68</v>
      </c>
      <c r="AG10722">
        <v>68</v>
      </c>
      <c r="AH10722">
        <v>68</v>
      </c>
      <c r="AI10722">
        <v>68</v>
      </c>
      <c r="AJ10722">
        <v>68</v>
      </c>
      <c r="AK10722">
        <v>68</v>
      </c>
      <c r="AL10722">
        <v>68</v>
      </c>
      <c r="AM10722">
        <v>67</v>
      </c>
      <c r="AN10722">
        <v>67</v>
      </c>
      <c r="AO10722">
        <v>66</v>
      </c>
      <c r="AP10722">
        <v>66</v>
      </c>
      <c r="AQ10722">
        <v>65</v>
      </c>
    </row>
    <row r="10723" spans="1:43">
      <c r="A10723" t="s">
        <v>6670</v>
      </c>
      <c r="B10723" t="s">
        <v>6671</v>
      </c>
      <c r="C10723" t="s">
        <v>6658</v>
      </c>
      <c r="D10723" t="s">
        <v>6659</v>
      </c>
      <c r="E10723" t="s">
        <v>6594</v>
      </c>
      <c r="F10723" t="s">
        <v>6595</v>
      </c>
      <c r="G10723" t="s">
        <v>80</v>
      </c>
      <c r="H10723" t="s">
        <v>81</v>
      </c>
      <c r="I10723" s="2">
        <v>0</v>
      </c>
      <c r="J10723" s="2">
        <v>1</v>
      </c>
      <c r="K10723" s="2">
        <v>0</v>
      </c>
      <c r="L10723" t="s">
        <v>82</v>
      </c>
      <c r="M10723" t="s">
        <v>87</v>
      </c>
      <c r="N10723" t="s">
        <v>88</v>
      </c>
      <c r="O10723" t="s">
        <v>85</v>
      </c>
      <c r="P10723" t="s">
        <v>86</v>
      </c>
      <c r="Q10723">
        <v>63</v>
      </c>
      <c r="R10723">
        <v>63</v>
      </c>
      <c r="S10723">
        <v>62</v>
      </c>
      <c r="T10723">
        <v>62</v>
      </c>
      <c r="U10723">
        <v>62</v>
      </c>
      <c r="V10723">
        <v>62</v>
      </c>
      <c r="W10723">
        <v>62</v>
      </c>
      <c r="X10723">
        <v>62</v>
      </c>
      <c r="Y10723">
        <v>61</v>
      </c>
      <c r="Z10723">
        <v>61</v>
      </c>
      <c r="AA10723">
        <v>61</v>
      </c>
      <c r="AB10723">
        <v>61</v>
      </c>
      <c r="AC10723">
        <v>61</v>
      </c>
      <c r="AD10723">
        <v>60</v>
      </c>
      <c r="AE10723">
        <v>60</v>
      </c>
      <c r="AF10723">
        <v>60</v>
      </c>
      <c r="AG10723">
        <v>60</v>
      </c>
      <c r="AH10723">
        <v>59</v>
      </c>
      <c r="AI10723">
        <v>59</v>
      </c>
      <c r="AJ10723">
        <v>59</v>
      </c>
      <c r="AK10723">
        <v>59</v>
      </c>
      <c r="AL10723">
        <v>58</v>
      </c>
      <c r="AM10723">
        <v>58</v>
      </c>
      <c r="AN10723">
        <v>58</v>
      </c>
      <c r="AO10723">
        <v>58</v>
      </c>
      <c r="AP10723">
        <v>57</v>
      </c>
      <c r="AQ10723">
        <v>57</v>
      </c>
    </row>
    <row r="10724" spans="1:43">
      <c r="A10724" t="s">
        <v>6670</v>
      </c>
      <c r="B10724" t="s">
        <v>6671</v>
      </c>
      <c r="C10724" t="s">
        <v>6658</v>
      </c>
      <c r="D10724" t="s">
        <v>6659</v>
      </c>
      <c r="E10724" t="s">
        <v>6594</v>
      </c>
      <c r="F10724" t="s">
        <v>6595</v>
      </c>
      <c r="G10724" t="s">
        <v>80</v>
      </c>
      <c r="H10724" t="s">
        <v>81</v>
      </c>
      <c r="I10724" s="2">
        <v>0</v>
      </c>
      <c r="J10724" s="2">
        <v>1</v>
      </c>
      <c r="K10724" s="2">
        <v>0</v>
      </c>
      <c r="L10724" t="s">
        <v>82</v>
      </c>
      <c r="M10724" t="s">
        <v>89</v>
      </c>
      <c r="N10724" t="s">
        <v>90</v>
      </c>
      <c r="O10724" t="s">
        <v>85</v>
      </c>
      <c r="P10724" t="s">
        <v>86</v>
      </c>
      <c r="Q10724">
        <v>63</v>
      </c>
      <c r="R10724">
        <v>64</v>
      </c>
      <c r="S10724">
        <v>65</v>
      </c>
      <c r="T10724">
        <v>66</v>
      </c>
      <c r="U10724">
        <v>67</v>
      </c>
      <c r="V10724">
        <v>67</v>
      </c>
      <c r="W10724">
        <v>68</v>
      </c>
      <c r="X10724">
        <v>69</v>
      </c>
      <c r="Y10724">
        <v>69</v>
      </c>
      <c r="Z10724">
        <v>70</v>
      </c>
      <c r="AA10724">
        <v>70</v>
      </c>
      <c r="AB10724">
        <v>70</v>
      </c>
      <c r="AC10724">
        <v>71</v>
      </c>
      <c r="AD10724">
        <v>71</v>
      </c>
      <c r="AE10724">
        <v>71</v>
      </c>
      <c r="AF10724">
        <v>71</v>
      </c>
      <c r="AG10724">
        <v>70</v>
      </c>
      <c r="AH10724">
        <v>69</v>
      </c>
      <c r="AI10724">
        <v>69</v>
      </c>
      <c r="AJ10724">
        <v>68</v>
      </c>
      <c r="AK10724">
        <v>68</v>
      </c>
      <c r="AL10724">
        <v>67</v>
      </c>
      <c r="AM10724">
        <v>67</v>
      </c>
      <c r="AN10724">
        <v>66</v>
      </c>
      <c r="AO10724">
        <v>66</v>
      </c>
      <c r="AP10724">
        <v>65</v>
      </c>
      <c r="AQ10724">
        <v>65</v>
      </c>
    </row>
    <row r="10725" spans="1:43">
      <c r="A10725" t="s">
        <v>6670</v>
      </c>
      <c r="B10725" t="s">
        <v>6671</v>
      </c>
      <c r="C10725" t="s">
        <v>6658</v>
      </c>
      <c r="D10725" t="s">
        <v>6659</v>
      </c>
      <c r="E10725" t="s">
        <v>6594</v>
      </c>
      <c r="F10725" t="s">
        <v>6595</v>
      </c>
      <c r="G10725" t="s">
        <v>80</v>
      </c>
      <c r="H10725" t="s">
        <v>81</v>
      </c>
      <c r="I10725" s="2">
        <v>0</v>
      </c>
      <c r="J10725" s="2">
        <v>1</v>
      </c>
      <c r="K10725" s="2">
        <v>0</v>
      </c>
      <c r="L10725" t="s">
        <v>82</v>
      </c>
      <c r="M10725" t="s">
        <v>83</v>
      </c>
      <c r="N10725" t="s">
        <v>91</v>
      </c>
      <c r="O10725" t="s">
        <v>85</v>
      </c>
      <c r="P10725" t="s">
        <v>86</v>
      </c>
      <c r="Q10725">
        <v>63</v>
      </c>
      <c r="R10725">
        <v>64</v>
      </c>
      <c r="S10725">
        <v>64</v>
      </c>
      <c r="T10725">
        <v>65</v>
      </c>
      <c r="U10725">
        <v>65</v>
      </c>
      <c r="V10725">
        <v>65</v>
      </c>
      <c r="W10725">
        <v>66</v>
      </c>
      <c r="X10725">
        <v>66</v>
      </c>
      <c r="Y10725">
        <v>67</v>
      </c>
      <c r="Z10725">
        <v>67</v>
      </c>
      <c r="AA10725">
        <v>67</v>
      </c>
      <c r="AB10725">
        <v>67</v>
      </c>
      <c r="AC10725">
        <v>67</v>
      </c>
      <c r="AD10725">
        <v>68</v>
      </c>
      <c r="AE10725">
        <v>68</v>
      </c>
      <c r="AF10725">
        <v>68</v>
      </c>
      <c r="AG10725">
        <v>68</v>
      </c>
      <c r="AH10725">
        <v>68</v>
      </c>
      <c r="AI10725">
        <v>68</v>
      </c>
      <c r="AJ10725">
        <v>68</v>
      </c>
      <c r="AK10725">
        <v>68</v>
      </c>
      <c r="AL10725">
        <v>68</v>
      </c>
      <c r="AM10725">
        <v>67</v>
      </c>
      <c r="AN10725">
        <v>67</v>
      </c>
      <c r="AO10725">
        <v>66</v>
      </c>
      <c r="AP10725">
        <v>66</v>
      </c>
      <c r="AQ10725">
        <v>65</v>
      </c>
    </row>
    <row r="10726" spans="1:43">
      <c r="A10726" t="s">
        <v>6672</v>
      </c>
      <c r="B10726" t="s">
        <v>6673</v>
      </c>
      <c r="C10726" t="s">
        <v>6662</v>
      </c>
      <c r="D10726" t="s">
        <v>6663</v>
      </c>
      <c r="E10726" t="s">
        <v>6594</v>
      </c>
      <c r="F10726" t="s">
        <v>6595</v>
      </c>
      <c r="G10726" t="s">
        <v>80</v>
      </c>
      <c r="H10726" t="s">
        <v>81</v>
      </c>
      <c r="I10726" s="2">
        <v>0</v>
      </c>
      <c r="J10726" s="2">
        <v>1</v>
      </c>
      <c r="K10726" s="2">
        <v>0</v>
      </c>
      <c r="L10726" t="s">
        <v>82</v>
      </c>
      <c r="M10726" t="s">
        <v>83</v>
      </c>
      <c r="N10726" t="s">
        <v>84</v>
      </c>
      <c r="O10726" t="s">
        <v>85</v>
      </c>
      <c r="P10726" t="s">
        <v>86</v>
      </c>
      <c r="Q10726">
        <v>7</v>
      </c>
      <c r="R10726">
        <v>7</v>
      </c>
      <c r="S10726">
        <v>7</v>
      </c>
      <c r="T10726">
        <v>7</v>
      </c>
      <c r="U10726">
        <v>7</v>
      </c>
      <c r="V10726">
        <v>7</v>
      </c>
      <c r="W10726">
        <v>7</v>
      </c>
      <c r="X10726">
        <v>7</v>
      </c>
      <c r="Y10726">
        <v>7</v>
      </c>
      <c r="Z10726">
        <v>7</v>
      </c>
      <c r="AA10726">
        <v>7</v>
      </c>
      <c r="AB10726">
        <v>7</v>
      </c>
      <c r="AC10726">
        <v>7</v>
      </c>
      <c r="AD10726">
        <v>7</v>
      </c>
      <c r="AE10726">
        <v>7</v>
      </c>
      <c r="AF10726">
        <v>7</v>
      </c>
      <c r="AG10726">
        <v>7</v>
      </c>
      <c r="AH10726">
        <v>7</v>
      </c>
      <c r="AI10726">
        <v>7</v>
      </c>
      <c r="AJ10726">
        <v>7</v>
      </c>
      <c r="AK10726">
        <v>7</v>
      </c>
      <c r="AL10726">
        <v>7</v>
      </c>
      <c r="AM10726">
        <v>7</v>
      </c>
      <c r="AN10726">
        <v>7</v>
      </c>
      <c r="AO10726">
        <v>7</v>
      </c>
      <c r="AP10726">
        <v>7</v>
      </c>
      <c r="AQ10726">
        <v>7</v>
      </c>
    </row>
    <row r="10727" spans="1:43">
      <c r="A10727" t="s">
        <v>6672</v>
      </c>
      <c r="B10727" t="s">
        <v>6673</v>
      </c>
      <c r="C10727" t="s">
        <v>6662</v>
      </c>
      <c r="D10727" t="s">
        <v>6663</v>
      </c>
      <c r="E10727" t="s">
        <v>6594</v>
      </c>
      <c r="F10727" t="s">
        <v>6595</v>
      </c>
      <c r="G10727" t="s">
        <v>80</v>
      </c>
      <c r="H10727" t="s">
        <v>81</v>
      </c>
      <c r="I10727" s="2">
        <v>0</v>
      </c>
      <c r="J10727" s="2">
        <v>1</v>
      </c>
      <c r="K10727" s="2">
        <v>0</v>
      </c>
      <c r="L10727" t="s">
        <v>82</v>
      </c>
      <c r="M10727" t="s">
        <v>87</v>
      </c>
      <c r="N10727" t="s">
        <v>88</v>
      </c>
      <c r="O10727" t="s">
        <v>85</v>
      </c>
      <c r="P10727" t="s">
        <v>86</v>
      </c>
      <c r="Q10727">
        <v>7</v>
      </c>
      <c r="R10727">
        <v>7</v>
      </c>
      <c r="S10727">
        <v>7</v>
      </c>
      <c r="T10727">
        <v>7</v>
      </c>
      <c r="U10727">
        <v>7</v>
      </c>
      <c r="V10727">
        <v>7</v>
      </c>
      <c r="W10727">
        <v>7</v>
      </c>
      <c r="X10727">
        <v>7</v>
      </c>
      <c r="Y10727">
        <v>7</v>
      </c>
      <c r="Z10727">
        <v>7</v>
      </c>
      <c r="AA10727">
        <v>7</v>
      </c>
      <c r="AB10727">
        <v>7</v>
      </c>
      <c r="AC10727">
        <v>6</v>
      </c>
      <c r="AD10727">
        <v>6</v>
      </c>
      <c r="AE10727">
        <v>6</v>
      </c>
      <c r="AF10727">
        <v>6</v>
      </c>
      <c r="AG10727">
        <v>6</v>
      </c>
      <c r="AH10727">
        <v>6</v>
      </c>
      <c r="AI10727">
        <v>6</v>
      </c>
      <c r="AJ10727">
        <v>6</v>
      </c>
      <c r="AK10727">
        <v>6</v>
      </c>
      <c r="AL10727">
        <v>6</v>
      </c>
      <c r="AM10727">
        <v>6</v>
      </c>
      <c r="AN10727">
        <v>6</v>
      </c>
      <c r="AO10727">
        <v>6</v>
      </c>
      <c r="AP10727">
        <v>6</v>
      </c>
      <c r="AQ10727">
        <v>6</v>
      </c>
    </row>
    <row r="10728" spans="1:43">
      <c r="A10728" t="s">
        <v>6672</v>
      </c>
      <c r="B10728" t="s">
        <v>6673</v>
      </c>
      <c r="C10728" t="s">
        <v>6662</v>
      </c>
      <c r="D10728" t="s">
        <v>6663</v>
      </c>
      <c r="E10728" t="s">
        <v>6594</v>
      </c>
      <c r="F10728" t="s">
        <v>6595</v>
      </c>
      <c r="G10728" t="s">
        <v>80</v>
      </c>
      <c r="H10728" t="s">
        <v>81</v>
      </c>
      <c r="I10728" s="2">
        <v>0</v>
      </c>
      <c r="J10728" s="2">
        <v>1</v>
      </c>
      <c r="K10728" s="2">
        <v>0</v>
      </c>
      <c r="L10728" t="s">
        <v>82</v>
      </c>
      <c r="M10728" t="s">
        <v>89</v>
      </c>
      <c r="N10728" t="s">
        <v>90</v>
      </c>
      <c r="O10728" t="s">
        <v>85</v>
      </c>
      <c r="P10728" t="s">
        <v>86</v>
      </c>
      <c r="Q10728">
        <v>7</v>
      </c>
      <c r="R10728">
        <v>7</v>
      </c>
      <c r="S10728">
        <v>7</v>
      </c>
      <c r="T10728">
        <v>7</v>
      </c>
      <c r="U10728">
        <v>7</v>
      </c>
      <c r="V10728">
        <v>7</v>
      </c>
      <c r="W10728">
        <v>7</v>
      </c>
      <c r="X10728">
        <v>8</v>
      </c>
      <c r="Y10728">
        <v>8</v>
      </c>
      <c r="Z10728">
        <v>8</v>
      </c>
      <c r="AA10728">
        <v>8</v>
      </c>
      <c r="AB10728">
        <v>8</v>
      </c>
      <c r="AC10728">
        <v>8</v>
      </c>
      <c r="AD10728">
        <v>8</v>
      </c>
      <c r="AE10728">
        <v>8</v>
      </c>
      <c r="AF10728">
        <v>8</v>
      </c>
      <c r="AG10728">
        <v>8</v>
      </c>
      <c r="AH10728">
        <v>7</v>
      </c>
      <c r="AI10728">
        <v>7</v>
      </c>
      <c r="AJ10728">
        <v>7</v>
      </c>
      <c r="AK10728">
        <v>7</v>
      </c>
      <c r="AL10728">
        <v>7</v>
      </c>
      <c r="AM10728">
        <v>7</v>
      </c>
      <c r="AN10728">
        <v>7</v>
      </c>
      <c r="AO10728">
        <v>7</v>
      </c>
      <c r="AP10728">
        <v>7</v>
      </c>
      <c r="AQ10728">
        <v>7</v>
      </c>
    </row>
    <row r="10729" spans="1:43">
      <c r="A10729" t="s">
        <v>6672</v>
      </c>
      <c r="B10729" t="s">
        <v>6673</v>
      </c>
      <c r="C10729" t="s">
        <v>6662</v>
      </c>
      <c r="D10729" t="s">
        <v>6663</v>
      </c>
      <c r="E10729" t="s">
        <v>6594</v>
      </c>
      <c r="F10729" t="s">
        <v>6595</v>
      </c>
      <c r="G10729" t="s">
        <v>80</v>
      </c>
      <c r="H10729" t="s">
        <v>81</v>
      </c>
      <c r="I10729" s="2">
        <v>0</v>
      </c>
      <c r="J10729" s="2">
        <v>1</v>
      </c>
      <c r="K10729" s="2">
        <v>0</v>
      </c>
      <c r="L10729" t="s">
        <v>82</v>
      </c>
      <c r="M10729" t="s">
        <v>83</v>
      </c>
      <c r="N10729" t="s">
        <v>91</v>
      </c>
      <c r="O10729" t="s">
        <v>85</v>
      </c>
      <c r="P10729" t="s">
        <v>86</v>
      </c>
      <c r="Q10729">
        <v>7</v>
      </c>
      <c r="R10729">
        <v>7</v>
      </c>
      <c r="S10729">
        <v>7</v>
      </c>
      <c r="T10729">
        <v>7</v>
      </c>
      <c r="U10729">
        <v>7</v>
      </c>
      <c r="V10729">
        <v>7</v>
      </c>
      <c r="W10729">
        <v>7</v>
      </c>
      <c r="X10729">
        <v>7</v>
      </c>
      <c r="Y10729">
        <v>7</v>
      </c>
      <c r="Z10729">
        <v>7</v>
      </c>
      <c r="AA10729">
        <v>7</v>
      </c>
      <c r="AB10729">
        <v>7</v>
      </c>
      <c r="AC10729">
        <v>7</v>
      </c>
      <c r="AD10729">
        <v>7</v>
      </c>
      <c r="AE10729">
        <v>7</v>
      </c>
      <c r="AF10729">
        <v>7</v>
      </c>
      <c r="AG10729">
        <v>7</v>
      </c>
      <c r="AH10729">
        <v>7</v>
      </c>
      <c r="AI10729">
        <v>7</v>
      </c>
      <c r="AJ10729">
        <v>7</v>
      </c>
      <c r="AK10729">
        <v>7</v>
      </c>
      <c r="AL10729">
        <v>7</v>
      </c>
      <c r="AM10729">
        <v>7</v>
      </c>
      <c r="AN10729">
        <v>7</v>
      </c>
      <c r="AO10729">
        <v>7</v>
      </c>
      <c r="AP10729">
        <v>7</v>
      </c>
      <c r="AQ10729">
        <v>7</v>
      </c>
    </row>
    <row r="10730" spans="1:43">
      <c r="A10730" t="s">
        <v>6674</v>
      </c>
      <c r="B10730" t="s">
        <v>6675</v>
      </c>
      <c r="C10730" t="s">
        <v>6658</v>
      </c>
      <c r="D10730" t="s">
        <v>6659</v>
      </c>
      <c r="E10730" t="s">
        <v>6594</v>
      </c>
      <c r="F10730" t="s">
        <v>6595</v>
      </c>
      <c r="G10730" t="s">
        <v>80</v>
      </c>
      <c r="H10730" t="s">
        <v>81</v>
      </c>
      <c r="I10730" s="2">
        <v>0</v>
      </c>
      <c r="J10730" s="2">
        <v>1</v>
      </c>
      <c r="K10730" s="2">
        <v>0</v>
      </c>
      <c r="L10730" t="s">
        <v>82</v>
      </c>
      <c r="M10730" t="s">
        <v>83</v>
      </c>
      <c r="N10730" t="s">
        <v>84</v>
      </c>
      <c r="O10730" t="s">
        <v>85</v>
      </c>
      <c r="P10730" t="s">
        <v>86</v>
      </c>
      <c r="Q10730">
        <v>31</v>
      </c>
      <c r="R10730">
        <v>32</v>
      </c>
      <c r="S10730">
        <v>32</v>
      </c>
      <c r="T10730">
        <v>32</v>
      </c>
      <c r="U10730">
        <v>32</v>
      </c>
      <c r="V10730">
        <v>32</v>
      </c>
      <c r="W10730">
        <v>33</v>
      </c>
      <c r="X10730">
        <v>33</v>
      </c>
      <c r="Y10730">
        <v>33</v>
      </c>
      <c r="Z10730">
        <v>33</v>
      </c>
      <c r="AA10730">
        <v>33</v>
      </c>
      <c r="AB10730">
        <v>33</v>
      </c>
      <c r="AC10730">
        <v>33</v>
      </c>
      <c r="AD10730">
        <v>33</v>
      </c>
      <c r="AE10730">
        <v>34</v>
      </c>
      <c r="AF10730">
        <v>34</v>
      </c>
      <c r="AG10730">
        <v>34</v>
      </c>
      <c r="AH10730">
        <v>34</v>
      </c>
      <c r="AI10730">
        <v>34</v>
      </c>
      <c r="AJ10730">
        <v>34</v>
      </c>
      <c r="AK10730">
        <v>34</v>
      </c>
      <c r="AL10730">
        <v>33</v>
      </c>
      <c r="AM10730">
        <v>33</v>
      </c>
      <c r="AN10730">
        <v>33</v>
      </c>
      <c r="AO10730">
        <v>33</v>
      </c>
      <c r="AP10730">
        <v>32</v>
      </c>
      <c r="AQ10730">
        <v>32</v>
      </c>
    </row>
    <row r="10731" spans="1:43">
      <c r="A10731" t="s">
        <v>6674</v>
      </c>
      <c r="B10731" t="s">
        <v>6675</v>
      </c>
      <c r="C10731" t="s">
        <v>6658</v>
      </c>
      <c r="D10731" t="s">
        <v>6659</v>
      </c>
      <c r="E10731" t="s">
        <v>6594</v>
      </c>
      <c r="F10731" t="s">
        <v>6595</v>
      </c>
      <c r="G10731" t="s">
        <v>80</v>
      </c>
      <c r="H10731" t="s">
        <v>81</v>
      </c>
      <c r="I10731" s="2">
        <v>0</v>
      </c>
      <c r="J10731" s="2">
        <v>1</v>
      </c>
      <c r="K10731" s="2">
        <v>0</v>
      </c>
      <c r="L10731" t="s">
        <v>82</v>
      </c>
      <c r="M10731" t="s">
        <v>87</v>
      </c>
      <c r="N10731" t="s">
        <v>88</v>
      </c>
      <c r="O10731" t="s">
        <v>85</v>
      </c>
      <c r="P10731" t="s">
        <v>86</v>
      </c>
      <c r="Q10731">
        <v>31</v>
      </c>
      <c r="R10731">
        <v>31</v>
      </c>
      <c r="S10731">
        <v>31</v>
      </c>
      <c r="T10731">
        <v>31</v>
      </c>
      <c r="U10731">
        <v>31</v>
      </c>
      <c r="V10731">
        <v>31</v>
      </c>
      <c r="W10731">
        <v>31</v>
      </c>
      <c r="X10731">
        <v>31</v>
      </c>
      <c r="Y10731">
        <v>30</v>
      </c>
      <c r="Z10731">
        <v>30</v>
      </c>
      <c r="AA10731">
        <v>30</v>
      </c>
      <c r="AB10731">
        <v>30</v>
      </c>
      <c r="AC10731">
        <v>30</v>
      </c>
      <c r="AD10731">
        <v>30</v>
      </c>
      <c r="AE10731">
        <v>30</v>
      </c>
      <c r="AF10731">
        <v>30</v>
      </c>
      <c r="AG10731">
        <v>30</v>
      </c>
      <c r="AH10731">
        <v>29</v>
      </c>
      <c r="AI10731">
        <v>29</v>
      </c>
      <c r="AJ10731">
        <v>29</v>
      </c>
      <c r="AK10731">
        <v>29</v>
      </c>
      <c r="AL10731">
        <v>29</v>
      </c>
      <c r="AM10731">
        <v>29</v>
      </c>
      <c r="AN10731">
        <v>29</v>
      </c>
      <c r="AO10731">
        <v>29</v>
      </c>
      <c r="AP10731">
        <v>28</v>
      </c>
      <c r="AQ10731">
        <v>28</v>
      </c>
    </row>
    <row r="10732" spans="1:43">
      <c r="A10732" t="s">
        <v>6674</v>
      </c>
      <c r="B10732" t="s">
        <v>6675</v>
      </c>
      <c r="C10732" t="s">
        <v>6658</v>
      </c>
      <c r="D10732" t="s">
        <v>6659</v>
      </c>
      <c r="E10732" t="s">
        <v>6594</v>
      </c>
      <c r="F10732" t="s">
        <v>6595</v>
      </c>
      <c r="G10732" t="s">
        <v>80</v>
      </c>
      <c r="H10732" t="s">
        <v>81</v>
      </c>
      <c r="I10732" s="2">
        <v>0</v>
      </c>
      <c r="J10732" s="2">
        <v>1</v>
      </c>
      <c r="K10732" s="2">
        <v>0</v>
      </c>
      <c r="L10732" t="s">
        <v>82</v>
      </c>
      <c r="M10732" t="s">
        <v>89</v>
      </c>
      <c r="N10732" t="s">
        <v>90</v>
      </c>
      <c r="O10732" t="s">
        <v>85</v>
      </c>
      <c r="P10732" t="s">
        <v>86</v>
      </c>
      <c r="Q10732">
        <v>31</v>
      </c>
      <c r="R10732">
        <v>31</v>
      </c>
      <c r="S10732">
        <v>32</v>
      </c>
      <c r="T10732">
        <v>32</v>
      </c>
      <c r="U10732">
        <v>33</v>
      </c>
      <c r="V10732">
        <v>33</v>
      </c>
      <c r="W10732">
        <v>33</v>
      </c>
      <c r="X10732">
        <v>34</v>
      </c>
      <c r="Y10732">
        <v>34</v>
      </c>
      <c r="Z10732">
        <v>34</v>
      </c>
      <c r="AA10732">
        <v>34</v>
      </c>
      <c r="AB10732">
        <v>34</v>
      </c>
      <c r="AC10732">
        <v>35</v>
      </c>
      <c r="AD10732">
        <v>35</v>
      </c>
      <c r="AE10732">
        <v>35</v>
      </c>
      <c r="AF10732">
        <v>34</v>
      </c>
      <c r="AG10732">
        <v>34</v>
      </c>
      <c r="AH10732">
        <v>34</v>
      </c>
      <c r="AI10732">
        <v>34</v>
      </c>
      <c r="AJ10732">
        <v>33</v>
      </c>
      <c r="AK10732">
        <v>33</v>
      </c>
      <c r="AL10732">
        <v>33</v>
      </c>
      <c r="AM10732">
        <v>33</v>
      </c>
      <c r="AN10732">
        <v>32</v>
      </c>
      <c r="AO10732">
        <v>32</v>
      </c>
      <c r="AP10732">
        <v>32</v>
      </c>
      <c r="AQ10732">
        <v>32</v>
      </c>
    </row>
    <row r="10733" spans="1:43">
      <c r="A10733" t="s">
        <v>6674</v>
      </c>
      <c r="B10733" t="s">
        <v>6675</v>
      </c>
      <c r="C10733" t="s">
        <v>6658</v>
      </c>
      <c r="D10733" t="s">
        <v>6659</v>
      </c>
      <c r="E10733" t="s">
        <v>6594</v>
      </c>
      <c r="F10733" t="s">
        <v>6595</v>
      </c>
      <c r="G10733" t="s">
        <v>80</v>
      </c>
      <c r="H10733" t="s">
        <v>81</v>
      </c>
      <c r="I10733" s="2">
        <v>0</v>
      </c>
      <c r="J10733" s="2">
        <v>1</v>
      </c>
      <c r="K10733" s="2">
        <v>0</v>
      </c>
      <c r="L10733" t="s">
        <v>82</v>
      </c>
      <c r="M10733" t="s">
        <v>83</v>
      </c>
      <c r="N10733" t="s">
        <v>91</v>
      </c>
      <c r="O10733" t="s">
        <v>85</v>
      </c>
      <c r="P10733" t="s">
        <v>86</v>
      </c>
      <c r="Q10733">
        <v>31</v>
      </c>
      <c r="R10733">
        <v>32</v>
      </c>
      <c r="S10733">
        <v>32</v>
      </c>
      <c r="T10733">
        <v>32</v>
      </c>
      <c r="U10733">
        <v>32</v>
      </c>
      <c r="V10733">
        <v>32</v>
      </c>
      <c r="W10733">
        <v>33</v>
      </c>
      <c r="X10733">
        <v>33</v>
      </c>
      <c r="Y10733">
        <v>33</v>
      </c>
      <c r="Z10733">
        <v>33</v>
      </c>
      <c r="AA10733">
        <v>33</v>
      </c>
      <c r="AB10733">
        <v>33</v>
      </c>
      <c r="AC10733">
        <v>33</v>
      </c>
      <c r="AD10733">
        <v>33</v>
      </c>
      <c r="AE10733">
        <v>34</v>
      </c>
      <c r="AF10733">
        <v>34</v>
      </c>
      <c r="AG10733">
        <v>34</v>
      </c>
      <c r="AH10733">
        <v>34</v>
      </c>
      <c r="AI10733">
        <v>34</v>
      </c>
      <c r="AJ10733">
        <v>34</v>
      </c>
      <c r="AK10733">
        <v>34</v>
      </c>
      <c r="AL10733">
        <v>33</v>
      </c>
      <c r="AM10733">
        <v>33</v>
      </c>
      <c r="AN10733">
        <v>33</v>
      </c>
      <c r="AO10733">
        <v>33</v>
      </c>
      <c r="AP10733">
        <v>32</v>
      </c>
      <c r="AQ10733">
        <v>32</v>
      </c>
    </row>
    <row r="10734" spans="1:43">
      <c r="A10734" t="s">
        <v>6676</v>
      </c>
      <c r="B10734" t="s">
        <v>6677</v>
      </c>
      <c r="C10734" t="s">
        <v>6662</v>
      </c>
      <c r="D10734" t="s">
        <v>6663</v>
      </c>
      <c r="E10734" t="s">
        <v>6594</v>
      </c>
      <c r="F10734" t="s">
        <v>6595</v>
      </c>
      <c r="G10734" t="s">
        <v>80</v>
      </c>
      <c r="H10734" t="s">
        <v>81</v>
      </c>
      <c r="I10734" s="2">
        <v>0</v>
      </c>
      <c r="J10734" s="2">
        <v>1</v>
      </c>
      <c r="K10734" s="2">
        <v>0</v>
      </c>
      <c r="L10734" t="s">
        <v>82</v>
      </c>
      <c r="M10734" t="s">
        <v>83</v>
      </c>
      <c r="N10734" t="s">
        <v>84</v>
      </c>
      <c r="O10734" t="s">
        <v>85</v>
      </c>
      <c r="P10734" t="s">
        <v>86</v>
      </c>
      <c r="Q10734">
        <v>19</v>
      </c>
      <c r="R10734">
        <v>19</v>
      </c>
      <c r="S10734">
        <v>19</v>
      </c>
      <c r="T10734">
        <v>20</v>
      </c>
      <c r="U10734">
        <v>20</v>
      </c>
      <c r="V10734">
        <v>20</v>
      </c>
      <c r="W10734">
        <v>20</v>
      </c>
      <c r="X10734">
        <v>20</v>
      </c>
      <c r="Y10734">
        <v>20</v>
      </c>
      <c r="Z10734">
        <v>20</v>
      </c>
      <c r="AA10734">
        <v>20</v>
      </c>
      <c r="AB10734">
        <v>20</v>
      </c>
      <c r="AC10734">
        <v>20</v>
      </c>
      <c r="AD10734">
        <v>20</v>
      </c>
      <c r="AE10734">
        <v>20</v>
      </c>
      <c r="AF10734">
        <v>20</v>
      </c>
      <c r="AG10734">
        <v>20</v>
      </c>
      <c r="AH10734">
        <v>20</v>
      </c>
      <c r="AI10734">
        <v>20</v>
      </c>
      <c r="AJ10734">
        <v>20</v>
      </c>
      <c r="AK10734">
        <v>20</v>
      </c>
      <c r="AL10734">
        <v>20</v>
      </c>
      <c r="AM10734">
        <v>20</v>
      </c>
      <c r="AN10734">
        <v>20</v>
      </c>
      <c r="AO10734">
        <v>19</v>
      </c>
      <c r="AP10734">
        <v>19</v>
      </c>
      <c r="AQ10734">
        <v>19</v>
      </c>
    </row>
    <row r="10735" spans="1:43">
      <c r="A10735" t="s">
        <v>6676</v>
      </c>
      <c r="B10735" t="s">
        <v>6677</v>
      </c>
      <c r="C10735" t="s">
        <v>6662</v>
      </c>
      <c r="D10735" t="s">
        <v>6663</v>
      </c>
      <c r="E10735" t="s">
        <v>6594</v>
      </c>
      <c r="F10735" t="s">
        <v>6595</v>
      </c>
      <c r="G10735" t="s">
        <v>80</v>
      </c>
      <c r="H10735" t="s">
        <v>81</v>
      </c>
      <c r="I10735" s="2">
        <v>0</v>
      </c>
      <c r="J10735" s="2">
        <v>1</v>
      </c>
      <c r="K10735" s="2">
        <v>0</v>
      </c>
      <c r="L10735" t="s">
        <v>82</v>
      </c>
      <c r="M10735" t="s">
        <v>87</v>
      </c>
      <c r="N10735" t="s">
        <v>88</v>
      </c>
      <c r="O10735" t="s">
        <v>85</v>
      </c>
      <c r="P10735" t="s">
        <v>86</v>
      </c>
      <c r="Q10735">
        <v>19</v>
      </c>
      <c r="R10735">
        <v>19</v>
      </c>
      <c r="S10735">
        <v>19</v>
      </c>
      <c r="T10735">
        <v>19</v>
      </c>
      <c r="U10735">
        <v>19</v>
      </c>
      <c r="V10735">
        <v>19</v>
      </c>
      <c r="W10735">
        <v>19</v>
      </c>
      <c r="X10735">
        <v>19</v>
      </c>
      <c r="Y10735">
        <v>18</v>
      </c>
      <c r="Z10735">
        <v>18</v>
      </c>
      <c r="AA10735">
        <v>18</v>
      </c>
      <c r="AB10735">
        <v>18</v>
      </c>
      <c r="AC10735">
        <v>18</v>
      </c>
      <c r="AD10735">
        <v>18</v>
      </c>
      <c r="AE10735">
        <v>18</v>
      </c>
      <c r="AF10735">
        <v>18</v>
      </c>
      <c r="AG10735">
        <v>18</v>
      </c>
      <c r="AH10735">
        <v>18</v>
      </c>
      <c r="AI10735">
        <v>17</v>
      </c>
      <c r="AJ10735">
        <v>17</v>
      </c>
      <c r="AK10735">
        <v>17</v>
      </c>
      <c r="AL10735">
        <v>17</v>
      </c>
      <c r="AM10735">
        <v>17</v>
      </c>
      <c r="AN10735">
        <v>17</v>
      </c>
      <c r="AO10735">
        <v>17</v>
      </c>
      <c r="AP10735">
        <v>17</v>
      </c>
      <c r="AQ10735">
        <v>17</v>
      </c>
    </row>
    <row r="10736" spans="1:43">
      <c r="A10736" t="s">
        <v>6676</v>
      </c>
      <c r="B10736" t="s">
        <v>6677</v>
      </c>
      <c r="C10736" t="s">
        <v>6662</v>
      </c>
      <c r="D10736" t="s">
        <v>6663</v>
      </c>
      <c r="E10736" t="s">
        <v>6594</v>
      </c>
      <c r="F10736" t="s">
        <v>6595</v>
      </c>
      <c r="G10736" t="s">
        <v>80</v>
      </c>
      <c r="H10736" t="s">
        <v>81</v>
      </c>
      <c r="I10736" s="2">
        <v>0</v>
      </c>
      <c r="J10736" s="2">
        <v>1</v>
      </c>
      <c r="K10736" s="2">
        <v>0</v>
      </c>
      <c r="L10736" t="s">
        <v>82</v>
      </c>
      <c r="M10736" t="s">
        <v>89</v>
      </c>
      <c r="N10736" t="s">
        <v>90</v>
      </c>
      <c r="O10736" t="s">
        <v>85</v>
      </c>
      <c r="P10736" t="s">
        <v>86</v>
      </c>
      <c r="Q10736">
        <v>19</v>
      </c>
      <c r="R10736">
        <v>20</v>
      </c>
      <c r="S10736">
        <v>20</v>
      </c>
      <c r="T10736">
        <v>20</v>
      </c>
      <c r="U10736">
        <v>20</v>
      </c>
      <c r="V10736">
        <v>21</v>
      </c>
      <c r="W10736">
        <v>21</v>
      </c>
      <c r="X10736">
        <v>21</v>
      </c>
      <c r="Y10736">
        <v>21</v>
      </c>
      <c r="Z10736">
        <v>21</v>
      </c>
      <c r="AA10736">
        <v>21</v>
      </c>
      <c r="AB10736">
        <v>21</v>
      </c>
      <c r="AC10736">
        <v>21</v>
      </c>
      <c r="AD10736">
        <v>22</v>
      </c>
      <c r="AE10736">
        <v>22</v>
      </c>
      <c r="AF10736">
        <v>21</v>
      </c>
      <c r="AG10736">
        <v>21</v>
      </c>
      <c r="AH10736">
        <v>21</v>
      </c>
      <c r="AI10736">
        <v>21</v>
      </c>
      <c r="AJ10736">
        <v>21</v>
      </c>
      <c r="AK10736">
        <v>20</v>
      </c>
      <c r="AL10736">
        <v>20</v>
      </c>
      <c r="AM10736">
        <v>20</v>
      </c>
      <c r="AN10736">
        <v>20</v>
      </c>
      <c r="AO10736">
        <v>20</v>
      </c>
      <c r="AP10736">
        <v>19</v>
      </c>
      <c r="AQ10736">
        <v>19</v>
      </c>
    </row>
    <row r="10737" spans="1:43">
      <c r="A10737" t="s">
        <v>6676</v>
      </c>
      <c r="B10737" t="s">
        <v>6677</v>
      </c>
      <c r="C10737" t="s">
        <v>6662</v>
      </c>
      <c r="D10737" t="s">
        <v>6663</v>
      </c>
      <c r="E10737" t="s">
        <v>6594</v>
      </c>
      <c r="F10737" t="s">
        <v>6595</v>
      </c>
      <c r="G10737" t="s">
        <v>80</v>
      </c>
      <c r="H10737" t="s">
        <v>81</v>
      </c>
      <c r="I10737" s="2">
        <v>0</v>
      </c>
      <c r="J10737" s="2">
        <v>1</v>
      </c>
      <c r="K10737" s="2">
        <v>0</v>
      </c>
      <c r="L10737" t="s">
        <v>82</v>
      </c>
      <c r="M10737" t="s">
        <v>83</v>
      </c>
      <c r="N10737" t="s">
        <v>91</v>
      </c>
      <c r="O10737" t="s">
        <v>85</v>
      </c>
      <c r="P10737" t="s">
        <v>86</v>
      </c>
      <c r="Q10737">
        <v>19</v>
      </c>
      <c r="R10737">
        <v>19</v>
      </c>
      <c r="S10737">
        <v>19</v>
      </c>
      <c r="T10737">
        <v>20</v>
      </c>
      <c r="U10737">
        <v>20</v>
      </c>
      <c r="V10737">
        <v>20</v>
      </c>
      <c r="W10737">
        <v>20</v>
      </c>
      <c r="X10737">
        <v>20</v>
      </c>
      <c r="Y10737">
        <v>20</v>
      </c>
      <c r="Z10737">
        <v>20</v>
      </c>
      <c r="AA10737">
        <v>20</v>
      </c>
      <c r="AB10737">
        <v>20</v>
      </c>
      <c r="AC10737">
        <v>20</v>
      </c>
      <c r="AD10737">
        <v>20</v>
      </c>
      <c r="AE10737">
        <v>20</v>
      </c>
      <c r="AF10737">
        <v>20</v>
      </c>
      <c r="AG10737">
        <v>20</v>
      </c>
      <c r="AH10737">
        <v>20</v>
      </c>
      <c r="AI10737">
        <v>20</v>
      </c>
      <c r="AJ10737">
        <v>20</v>
      </c>
      <c r="AK10737">
        <v>20</v>
      </c>
      <c r="AL10737">
        <v>20</v>
      </c>
      <c r="AM10737">
        <v>20</v>
      </c>
      <c r="AN10737">
        <v>20</v>
      </c>
      <c r="AO10737">
        <v>19</v>
      </c>
      <c r="AP10737">
        <v>19</v>
      </c>
      <c r="AQ10737">
        <v>19</v>
      </c>
    </row>
    <row r="10738" spans="1:43">
      <c r="A10738" t="s">
        <v>6678</v>
      </c>
      <c r="B10738" t="s">
        <v>6679</v>
      </c>
      <c r="C10738" t="s">
        <v>6680</v>
      </c>
      <c r="D10738" t="s">
        <v>6681</v>
      </c>
      <c r="E10738" t="s">
        <v>6594</v>
      </c>
      <c r="F10738" t="s">
        <v>6595</v>
      </c>
      <c r="G10738" t="s">
        <v>80</v>
      </c>
      <c r="H10738" t="s">
        <v>81</v>
      </c>
      <c r="I10738" s="2">
        <v>0</v>
      </c>
      <c r="J10738" s="2">
        <v>1</v>
      </c>
      <c r="K10738" s="2">
        <v>0</v>
      </c>
      <c r="L10738" t="s">
        <v>82</v>
      </c>
      <c r="M10738" t="s">
        <v>83</v>
      </c>
      <c r="N10738" t="s">
        <v>84</v>
      </c>
      <c r="O10738" t="s">
        <v>85</v>
      </c>
      <c r="P10738" t="s">
        <v>86</v>
      </c>
      <c r="Q10738">
        <v>6</v>
      </c>
      <c r="R10738">
        <v>6</v>
      </c>
      <c r="S10738">
        <v>6</v>
      </c>
      <c r="T10738">
        <v>6</v>
      </c>
      <c r="U10738">
        <v>6</v>
      </c>
      <c r="V10738">
        <v>6</v>
      </c>
      <c r="W10738">
        <v>6</v>
      </c>
      <c r="X10738">
        <v>6</v>
      </c>
      <c r="Y10738">
        <v>6</v>
      </c>
      <c r="Z10738">
        <v>6</v>
      </c>
      <c r="AA10738">
        <v>6</v>
      </c>
      <c r="AB10738">
        <v>6</v>
      </c>
      <c r="AC10738">
        <v>6</v>
      </c>
      <c r="AD10738">
        <v>6</v>
      </c>
      <c r="AE10738">
        <v>6</v>
      </c>
      <c r="AF10738">
        <v>6</v>
      </c>
      <c r="AG10738">
        <v>6</v>
      </c>
      <c r="AH10738">
        <v>6</v>
      </c>
      <c r="AI10738">
        <v>6</v>
      </c>
      <c r="AJ10738">
        <v>6</v>
      </c>
      <c r="AK10738">
        <v>6</v>
      </c>
      <c r="AL10738">
        <v>6</v>
      </c>
      <c r="AM10738">
        <v>6</v>
      </c>
      <c r="AN10738">
        <v>6</v>
      </c>
      <c r="AO10738">
        <v>6</v>
      </c>
      <c r="AP10738">
        <v>6</v>
      </c>
      <c r="AQ10738">
        <v>5</v>
      </c>
    </row>
    <row r="10739" spans="1:43">
      <c r="A10739" t="s">
        <v>6678</v>
      </c>
      <c r="B10739" t="s">
        <v>6679</v>
      </c>
      <c r="C10739" t="s">
        <v>6680</v>
      </c>
      <c r="D10739" t="s">
        <v>6681</v>
      </c>
      <c r="E10739" t="s">
        <v>6594</v>
      </c>
      <c r="F10739" t="s">
        <v>6595</v>
      </c>
      <c r="G10739" t="s">
        <v>80</v>
      </c>
      <c r="H10739" t="s">
        <v>81</v>
      </c>
      <c r="I10739" s="2">
        <v>0</v>
      </c>
      <c r="J10739" s="2">
        <v>1</v>
      </c>
      <c r="K10739" s="2">
        <v>0</v>
      </c>
      <c r="L10739" t="s">
        <v>82</v>
      </c>
      <c r="M10739" t="s">
        <v>87</v>
      </c>
      <c r="N10739" t="s">
        <v>88</v>
      </c>
      <c r="O10739" t="s">
        <v>85</v>
      </c>
      <c r="P10739" t="s">
        <v>86</v>
      </c>
      <c r="Q10739">
        <v>6</v>
      </c>
      <c r="R10739">
        <v>6</v>
      </c>
      <c r="S10739">
        <v>6</v>
      </c>
      <c r="T10739">
        <v>6</v>
      </c>
      <c r="U10739">
        <v>6</v>
      </c>
      <c r="V10739">
        <v>6</v>
      </c>
      <c r="W10739">
        <v>5</v>
      </c>
      <c r="X10739">
        <v>5</v>
      </c>
      <c r="Y10739">
        <v>5</v>
      </c>
      <c r="Z10739">
        <v>5</v>
      </c>
      <c r="AA10739">
        <v>5</v>
      </c>
      <c r="AB10739">
        <v>5</v>
      </c>
      <c r="AC10739">
        <v>5</v>
      </c>
      <c r="AD10739">
        <v>5</v>
      </c>
      <c r="AE10739">
        <v>5</v>
      </c>
      <c r="AF10739">
        <v>5</v>
      </c>
      <c r="AG10739">
        <v>5</v>
      </c>
      <c r="AH10739">
        <v>5</v>
      </c>
      <c r="AI10739">
        <v>5</v>
      </c>
      <c r="AJ10739">
        <v>5</v>
      </c>
      <c r="AK10739">
        <v>5</v>
      </c>
      <c r="AL10739">
        <v>5</v>
      </c>
      <c r="AM10739">
        <v>5</v>
      </c>
      <c r="AN10739">
        <v>5</v>
      </c>
      <c r="AO10739">
        <v>5</v>
      </c>
      <c r="AP10739">
        <v>5</v>
      </c>
      <c r="AQ10739">
        <v>5</v>
      </c>
    </row>
    <row r="10740" spans="1:43">
      <c r="A10740" t="s">
        <v>6678</v>
      </c>
      <c r="B10740" t="s">
        <v>6679</v>
      </c>
      <c r="C10740" t="s">
        <v>6680</v>
      </c>
      <c r="D10740" t="s">
        <v>6681</v>
      </c>
      <c r="E10740" t="s">
        <v>6594</v>
      </c>
      <c r="F10740" t="s">
        <v>6595</v>
      </c>
      <c r="G10740" t="s">
        <v>80</v>
      </c>
      <c r="H10740" t="s">
        <v>81</v>
      </c>
      <c r="I10740" s="2">
        <v>0</v>
      </c>
      <c r="J10740" s="2">
        <v>1</v>
      </c>
      <c r="K10740" s="2">
        <v>0</v>
      </c>
      <c r="L10740" t="s">
        <v>82</v>
      </c>
      <c r="M10740" t="s">
        <v>89</v>
      </c>
      <c r="N10740" t="s">
        <v>90</v>
      </c>
      <c r="O10740" t="s">
        <v>85</v>
      </c>
      <c r="P10740" t="s">
        <v>86</v>
      </c>
      <c r="Q10740">
        <v>6</v>
      </c>
      <c r="R10740">
        <v>6</v>
      </c>
      <c r="S10740">
        <v>6</v>
      </c>
      <c r="T10740">
        <v>6</v>
      </c>
      <c r="U10740">
        <v>6</v>
      </c>
      <c r="V10740">
        <v>6</v>
      </c>
      <c r="W10740">
        <v>6</v>
      </c>
      <c r="X10740">
        <v>6</v>
      </c>
      <c r="Y10740">
        <v>6</v>
      </c>
      <c r="Z10740">
        <v>6</v>
      </c>
      <c r="AA10740">
        <v>6</v>
      </c>
      <c r="AB10740">
        <v>6</v>
      </c>
      <c r="AC10740">
        <v>6</v>
      </c>
      <c r="AD10740">
        <v>6</v>
      </c>
      <c r="AE10740">
        <v>6</v>
      </c>
      <c r="AF10740">
        <v>6</v>
      </c>
      <c r="AG10740">
        <v>6</v>
      </c>
      <c r="AH10740">
        <v>6</v>
      </c>
      <c r="AI10740">
        <v>6</v>
      </c>
      <c r="AJ10740">
        <v>6</v>
      </c>
      <c r="AK10740">
        <v>6</v>
      </c>
      <c r="AL10740">
        <v>6</v>
      </c>
      <c r="AM10740">
        <v>6</v>
      </c>
      <c r="AN10740">
        <v>6</v>
      </c>
      <c r="AO10740">
        <v>6</v>
      </c>
      <c r="AP10740">
        <v>6</v>
      </c>
      <c r="AQ10740">
        <v>6</v>
      </c>
    </row>
    <row r="10741" spans="1:43">
      <c r="A10741" t="s">
        <v>6678</v>
      </c>
      <c r="B10741" t="s">
        <v>6679</v>
      </c>
      <c r="C10741" t="s">
        <v>6680</v>
      </c>
      <c r="D10741" t="s">
        <v>6681</v>
      </c>
      <c r="E10741" t="s">
        <v>6594</v>
      </c>
      <c r="F10741" t="s">
        <v>6595</v>
      </c>
      <c r="G10741" t="s">
        <v>80</v>
      </c>
      <c r="H10741" t="s">
        <v>81</v>
      </c>
      <c r="I10741" s="2">
        <v>0</v>
      </c>
      <c r="J10741" s="2">
        <v>1</v>
      </c>
      <c r="K10741" s="2">
        <v>0</v>
      </c>
      <c r="L10741" t="s">
        <v>82</v>
      </c>
      <c r="M10741" t="s">
        <v>83</v>
      </c>
      <c r="N10741" t="s">
        <v>91</v>
      </c>
      <c r="O10741" t="s">
        <v>85</v>
      </c>
      <c r="P10741" t="s">
        <v>86</v>
      </c>
      <c r="Q10741">
        <v>6</v>
      </c>
      <c r="R10741">
        <v>6</v>
      </c>
      <c r="S10741">
        <v>6</v>
      </c>
      <c r="T10741">
        <v>6</v>
      </c>
      <c r="U10741">
        <v>6</v>
      </c>
      <c r="V10741">
        <v>6</v>
      </c>
      <c r="W10741">
        <v>6</v>
      </c>
      <c r="X10741">
        <v>6</v>
      </c>
      <c r="Y10741">
        <v>6</v>
      </c>
      <c r="Z10741">
        <v>6</v>
      </c>
      <c r="AA10741">
        <v>6</v>
      </c>
      <c r="AB10741">
        <v>6</v>
      </c>
      <c r="AC10741">
        <v>6</v>
      </c>
      <c r="AD10741">
        <v>6</v>
      </c>
      <c r="AE10741">
        <v>6</v>
      </c>
      <c r="AF10741">
        <v>6</v>
      </c>
      <c r="AG10741">
        <v>6</v>
      </c>
      <c r="AH10741">
        <v>6</v>
      </c>
      <c r="AI10741">
        <v>6</v>
      </c>
      <c r="AJ10741">
        <v>6</v>
      </c>
      <c r="AK10741">
        <v>6</v>
      </c>
      <c r="AL10741">
        <v>6</v>
      </c>
      <c r="AM10741">
        <v>6</v>
      </c>
      <c r="AN10741">
        <v>6</v>
      </c>
      <c r="AO10741">
        <v>6</v>
      </c>
      <c r="AP10741">
        <v>6</v>
      </c>
      <c r="AQ10741">
        <v>5</v>
      </c>
    </row>
    <row r="10742" spans="1:43">
      <c r="A10742" t="s">
        <v>6682</v>
      </c>
      <c r="B10742" t="s">
        <v>6683</v>
      </c>
      <c r="C10742" t="s">
        <v>6684</v>
      </c>
      <c r="D10742" t="s">
        <v>6685</v>
      </c>
      <c r="E10742" t="s">
        <v>6594</v>
      </c>
      <c r="F10742" t="s">
        <v>6595</v>
      </c>
      <c r="G10742" t="s">
        <v>80</v>
      </c>
      <c r="H10742" t="s">
        <v>81</v>
      </c>
      <c r="I10742" s="2">
        <v>0</v>
      </c>
      <c r="J10742" s="2">
        <v>1</v>
      </c>
      <c r="K10742" s="2">
        <v>0</v>
      </c>
      <c r="L10742" t="s">
        <v>82</v>
      </c>
      <c r="M10742" t="s">
        <v>83</v>
      </c>
      <c r="N10742" t="s">
        <v>84</v>
      </c>
      <c r="O10742" t="s">
        <v>85</v>
      </c>
      <c r="P10742" t="s">
        <v>86</v>
      </c>
      <c r="Q10742">
        <v>40</v>
      </c>
      <c r="R10742">
        <v>40</v>
      </c>
      <c r="S10742">
        <v>41</v>
      </c>
      <c r="T10742">
        <v>41</v>
      </c>
      <c r="U10742">
        <v>41</v>
      </c>
      <c r="V10742">
        <v>41</v>
      </c>
      <c r="W10742">
        <v>42</v>
      </c>
      <c r="X10742">
        <v>42</v>
      </c>
      <c r="Y10742">
        <v>42</v>
      </c>
      <c r="Z10742">
        <v>42</v>
      </c>
      <c r="AA10742">
        <v>42</v>
      </c>
      <c r="AB10742">
        <v>42</v>
      </c>
      <c r="AC10742">
        <v>42</v>
      </c>
      <c r="AD10742">
        <v>42</v>
      </c>
      <c r="AE10742">
        <v>42</v>
      </c>
      <c r="AF10742">
        <v>42</v>
      </c>
      <c r="AG10742">
        <v>42</v>
      </c>
      <c r="AH10742">
        <v>42</v>
      </c>
      <c r="AI10742">
        <v>42</v>
      </c>
      <c r="AJ10742">
        <v>42</v>
      </c>
      <c r="AK10742">
        <v>42</v>
      </c>
      <c r="AL10742">
        <v>42</v>
      </c>
      <c r="AM10742">
        <v>42</v>
      </c>
      <c r="AN10742">
        <v>41</v>
      </c>
      <c r="AO10742">
        <v>41</v>
      </c>
      <c r="AP10742">
        <v>41</v>
      </c>
      <c r="AQ10742">
        <v>40</v>
      </c>
    </row>
    <row r="10743" spans="1:43">
      <c r="A10743" t="s">
        <v>6682</v>
      </c>
      <c r="B10743" t="s">
        <v>6683</v>
      </c>
      <c r="C10743" t="s">
        <v>6684</v>
      </c>
      <c r="D10743" t="s">
        <v>6685</v>
      </c>
      <c r="E10743" t="s">
        <v>6594</v>
      </c>
      <c r="F10743" t="s">
        <v>6595</v>
      </c>
      <c r="G10743" t="s">
        <v>80</v>
      </c>
      <c r="H10743" t="s">
        <v>81</v>
      </c>
      <c r="I10743" s="2">
        <v>0</v>
      </c>
      <c r="J10743" s="2">
        <v>1</v>
      </c>
      <c r="K10743" s="2">
        <v>0</v>
      </c>
      <c r="L10743" t="s">
        <v>82</v>
      </c>
      <c r="M10743" t="s">
        <v>87</v>
      </c>
      <c r="N10743" t="s">
        <v>88</v>
      </c>
      <c r="O10743" t="s">
        <v>85</v>
      </c>
      <c r="P10743" t="s">
        <v>86</v>
      </c>
      <c r="Q10743">
        <v>40</v>
      </c>
      <c r="R10743">
        <v>40</v>
      </c>
      <c r="S10743">
        <v>40</v>
      </c>
      <c r="T10743">
        <v>39</v>
      </c>
      <c r="U10743">
        <v>39</v>
      </c>
      <c r="V10743">
        <v>39</v>
      </c>
      <c r="W10743">
        <v>39</v>
      </c>
      <c r="X10743">
        <v>39</v>
      </c>
      <c r="Y10743">
        <v>39</v>
      </c>
      <c r="Z10743">
        <v>39</v>
      </c>
      <c r="AA10743">
        <v>38</v>
      </c>
      <c r="AB10743">
        <v>38</v>
      </c>
      <c r="AC10743">
        <v>38</v>
      </c>
      <c r="AD10743">
        <v>38</v>
      </c>
      <c r="AE10743">
        <v>38</v>
      </c>
      <c r="AF10743">
        <v>37</v>
      </c>
      <c r="AG10743">
        <v>37</v>
      </c>
      <c r="AH10743">
        <v>37</v>
      </c>
      <c r="AI10743">
        <v>37</v>
      </c>
      <c r="AJ10743">
        <v>36</v>
      </c>
      <c r="AK10743">
        <v>36</v>
      </c>
      <c r="AL10743">
        <v>36</v>
      </c>
      <c r="AM10743">
        <v>36</v>
      </c>
      <c r="AN10743">
        <v>36</v>
      </c>
      <c r="AO10743">
        <v>35</v>
      </c>
      <c r="AP10743">
        <v>35</v>
      </c>
      <c r="AQ10743">
        <v>35</v>
      </c>
    </row>
    <row r="10744" spans="1:43">
      <c r="A10744" t="s">
        <v>6682</v>
      </c>
      <c r="B10744" t="s">
        <v>6683</v>
      </c>
      <c r="C10744" t="s">
        <v>6684</v>
      </c>
      <c r="D10744" t="s">
        <v>6685</v>
      </c>
      <c r="E10744" t="s">
        <v>6594</v>
      </c>
      <c r="F10744" t="s">
        <v>6595</v>
      </c>
      <c r="G10744" t="s">
        <v>80</v>
      </c>
      <c r="H10744" t="s">
        <v>81</v>
      </c>
      <c r="I10744" s="2">
        <v>0</v>
      </c>
      <c r="J10744" s="2">
        <v>1</v>
      </c>
      <c r="K10744" s="2">
        <v>0</v>
      </c>
      <c r="L10744" t="s">
        <v>82</v>
      </c>
      <c r="M10744" t="s">
        <v>89</v>
      </c>
      <c r="N10744" t="s">
        <v>90</v>
      </c>
      <c r="O10744" t="s">
        <v>85</v>
      </c>
      <c r="P10744" t="s">
        <v>86</v>
      </c>
      <c r="Q10744">
        <v>40</v>
      </c>
      <c r="R10744">
        <v>40</v>
      </c>
      <c r="S10744">
        <v>41</v>
      </c>
      <c r="T10744">
        <v>41</v>
      </c>
      <c r="U10744">
        <v>42</v>
      </c>
      <c r="V10744">
        <v>42</v>
      </c>
      <c r="W10744">
        <v>43</v>
      </c>
      <c r="X10744">
        <v>43</v>
      </c>
      <c r="Y10744">
        <v>43</v>
      </c>
      <c r="Z10744">
        <v>44</v>
      </c>
      <c r="AA10744">
        <v>44</v>
      </c>
      <c r="AB10744">
        <v>44</v>
      </c>
      <c r="AC10744">
        <v>44</v>
      </c>
      <c r="AD10744">
        <v>44</v>
      </c>
      <c r="AE10744">
        <v>44</v>
      </c>
      <c r="AF10744">
        <v>44</v>
      </c>
      <c r="AG10744">
        <v>44</v>
      </c>
      <c r="AH10744">
        <v>43</v>
      </c>
      <c r="AI10744">
        <v>43</v>
      </c>
      <c r="AJ10744">
        <v>42</v>
      </c>
      <c r="AK10744">
        <v>42</v>
      </c>
      <c r="AL10744">
        <v>42</v>
      </c>
      <c r="AM10744">
        <v>41</v>
      </c>
      <c r="AN10744">
        <v>41</v>
      </c>
      <c r="AO10744">
        <v>40</v>
      </c>
      <c r="AP10744">
        <v>40</v>
      </c>
      <c r="AQ10744">
        <v>40</v>
      </c>
    </row>
    <row r="10745" spans="1:43">
      <c r="A10745" t="s">
        <v>6682</v>
      </c>
      <c r="B10745" t="s">
        <v>6683</v>
      </c>
      <c r="C10745" t="s">
        <v>6684</v>
      </c>
      <c r="D10745" t="s">
        <v>6685</v>
      </c>
      <c r="E10745" t="s">
        <v>6594</v>
      </c>
      <c r="F10745" t="s">
        <v>6595</v>
      </c>
      <c r="G10745" t="s">
        <v>80</v>
      </c>
      <c r="H10745" t="s">
        <v>81</v>
      </c>
      <c r="I10745" s="2">
        <v>0</v>
      </c>
      <c r="J10745" s="2">
        <v>1</v>
      </c>
      <c r="K10745" s="2">
        <v>0</v>
      </c>
      <c r="L10745" t="s">
        <v>82</v>
      </c>
      <c r="M10745" t="s">
        <v>83</v>
      </c>
      <c r="N10745" t="s">
        <v>91</v>
      </c>
      <c r="O10745" t="s">
        <v>85</v>
      </c>
      <c r="P10745" t="s">
        <v>86</v>
      </c>
      <c r="Q10745">
        <v>40</v>
      </c>
      <c r="R10745">
        <v>40</v>
      </c>
      <c r="S10745">
        <v>41</v>
      </c>
      <c r="T10745">
        <v>41</v>
      </c>
      <c r="U10745">
        <v>41</v>
      </c>
      <c r="V10745">
        <v>41</v>
      </c>
      <c r="W10745">
        <v>42</v>
      </c>
      <c r="X10745">
        <v>42</v>
      </c>
      <c r="Y10745">
        <v>42</v>
      </c>
      <c r="Z10745">
        <v>42</v>
      </c>
      <c r="AA10745">
        <v>42</v>
      </c>
      <c r="AB10745">
        <v>42</v>
      </c>
      <c r="AC10745">
        <v>42</v>
      </c>
      <c r="AD10745">
        <v>42</v>
      </c>
      <c r="AE10745">
        <v>42</v>
      </c>
      <c r="AF10745">
        <v>42</v>
      </c>
      <c r="AG10745">
        <v>42</v>
      </c>
      <c r="AH10745">
        <v>42</v>
      </c>
      <c r="AI10745">
        <v>42</v>
      </c>
      <c r="AJ10745">
        <v>42</v>
      </c>
      <c r="AK10745">
        <v>42</v>
      </c>
      <c r="AL10745">
        <v>42</v>
      </c>
      <c r="AM10745">
        <v>42</v>
      </c>
      <c r="AN10745">
        <v>41</v>
      </c>
      <c r="AO10745">
        <v>41</v>
      </c>
      <c r="AP10745">
        <v>41</v>
      </c>
      <c r="AQ10745">
        <v>40</v>
      </c>
    </row>
    <row r="10746" spans="1:43">
      <c r="A10746" t="s">
        <v>6686</v>
      </c>
      <c r="B10746" t="s">
        <v>6687</v>
      </c>
      <c r="C10746" t="s">
        <v>6684</v>
      </c>
      <c r="D10746" t="s">
        <v>6685</v>
      </c>
      <c r="E10746" t="s">
        <v>6594</v>
      </c>
      <c r="F10746" t="s">
        <v>6595</v>
      </c>
      <c r="G10746" t="s">
        <v>80</v>
      </c>
      <c r="H10746" t="s">
        <v>81</v>
      </c>
      <c r="I10746" s="2">
        <v>0</v>
      </c>
      <c r="J10746" s="2">
        <v>1</v>
      </c>
      <c r="K10746" s="2">
        <v>0</v>
      </c>
      <c r="L10746" t="s">
        <v>82</v>
      </c>
      <c r="M10746" t="s">
        <v>83</v>
      </c>
      <c r="N10746" t="s">
        <v>84</v>
      </c>
      <c r="O10746" t="s">
        <v>85</v>
      </c>
      <c r="P10746" t="s">
        <v>86</v>
      </c>
      <c r="Q10746">
        <v>22</v>
      </c>
      <c r="R10746">
        <v>22</v>
      </c>
      <c r="S10746">
        <v>22</v>
      </c>
      <c r="T10746">
        <v>23</v>
      </c>
      <c r="U10746">
        <v>23</v>
      </c>
      <c r="V10746">
        <v>23</v>
      </c>
      <c r="W10746">
        <v>23</v>
      </c>
      <c r="X10746">
        <v>23</v>
      </c>
      <c r="Y10746">
        <v>23</v>
      </c>
      <c r="Z10746">
        <v>23</v>
      </c>
      <c r="AA10746">
        <v>23</v>
      </c>
      <c r="AB10746">
        <v>23</v>
      </c>
      <c r="AC10746">
        <v>23</v>
      </c>
      <c r="AD10746">
        <v>23</v>
      </c>
      <c r="AE10746">
        <v>23</v>
      </c>
      <c r="AF10746">
        <v>23</v>
      </c>
      <c r="AG10746">
        <v>23</v>
      </c>
      <c r="AH10746">
        <v>23</v>
      </c>
      <c r="AI10746">
        <v>23</v>
      </c>
      <c r="AJ10746">
        <v>23</v>
      </c>
      <c r="AK10746">
        <v>23</v>
      </c>
      <c r="AL10746">
        <v>23</v>
      </c>
      <c r="AM10746">
        <v>23</v>
      </c>
      <c r="AN10746">
        <v>23</v>
      </c>
      <c r="AO10746">
        <v>23</v>
      </c>
      <c r="AP10746">
        <v>22</v>
      </c>
      <c r="AQ10746">
        <v>22</v>
      </c>
    </row>
    <row r="10747" spans="1:43">
      <c r="A10747" t="s">
        <v>6686</v>
      </c>
      <c r="B10747" t="s">
        <v>6687</v>
      </c>
      <c r="C10747" t="s">
        <v>6684</v>
      </c>
      <c r="D10747" t="s">
        <v>6685</v>
      </c>
      <c r="E10747" t="s">
        <v>6594</v>
      </c>
      <c r="F10747" t="s">
        <v>6595</v>
      </c>
      <c r="G10747" t="s">
        <v>80</v>
      </c>
      <c r="H10747" t="s">
        <v>81</v>
      </c>
      <c r="I10747" s="2">
        <v>0</v>
      </c>
      <c r="J10747" s="2">
        <v>1</v>
      </c>
      <c r="K10747" s="2">
        <v>0</v>
      </c>
      <c r="L10747" t="s">
        <v>82</v>
      </c>
      <c r="M10747" t="s">
        <v>87</v>
      </c>
      <c r="N10747" t="s">
        <v>88</v>
      </c>
      <c r="O10747" t="s">
        <v>85</v>
      </c>
      <c r="P10747" t="s">
        <v>86</v>
      </c>
      <c r="Q10747">
        <v>22</v>
      </c>
      <c r="R10747">
        <v>22</v>
      </c>
      <c r="S10747">
        <v>22</v>
      </c>
      <c r="T10747">
        <v>22</v>
      </c>
      <c r="U10747">
        <v>22</v>
      </c>
      <c r="V10747">
        <v>22</v>
      </c>
      <c r="W10747">
        <v>22</v>
      </c>
      <c r="X10747">
        <v>21</v>
      </c>
      <c r="Y10747">
        <v>21</v>
      </c>
      <c r="Z10747">
        <v>21</v>
      </c>
      <c r="AA10747">
        <v>21</v>
      </c>
      <c r="AB10747">
        <v>21</v>
      </c>
      <c r="AC10747">
        <v>21</v>
      </c>
      <c r="AD10747">
        <v>21</v>
      </c>
      <c r="AE10747">
        <v>21</v>
      </c>
      <c r="AF10747">
        <v>21</v>
      </c>
      <c r="AG10747">
        <v>20</v>
      </c>
      <c r="AH10747">
        <v>20</v>
      </c>
      <c r="AI10747">
        <v>20</v>
      </c>
      <c r="AJ10747">
        <v>20</v>
      </c>
      <c r="AK10747">
        <v>20</v>
      </c>
      <c r="AL10747">
        <v>20</v>
      </c>
      <c r="AM10747">
        <v>20</v>
      </c>
      <c r="AN10747">
        <v>20</v>
      </c>
      <c r="AO10747">
        <v>19</v>
      </c>
      <c r="AP10747">
        <v>19</v>
      </c>
      <c r="AQ10747">
        <v>19</v>
      </c>
    </row>
    <row r="10748" spans="1:43">
      <c r="A10748" t="s">
        <v>6686</v>
      </c>
      <c r="B10748" t="s">
        <v>6687</v>
      </c>
      <c r="C10748" t="s">
        <v>6684</v>
      </c>
      <c r="D10748" t="s">
        <v>6685</v>
      </c>
      <c r="E10748" t="s">
        <v>6594</v>
      </c>
      <c r="F10748" t="s">
        <v>6595</v>
      </c>
      <c r="G10748" t="s">
        <v>80</v>
      </c>
      <c r="H10748" t="s">
        <v>81</v>
      </c>
      <c r="I10748" s="2">
        <v>0</v>
      </c>
      <c r="J10748" s="2">
        <v>1</v>
      </c>
      <c r="K10748" s="2">
        <v>0</v>
      </c>
      <c r="L10748" t="s">
        <v>82</v>
      </c>
      <c r="M10748" t="s">
        <v>89</v>
      </c>
      <c r="N10748" t="s">
        <v>90</v>
      </c>
      <c r="O10748" t="s">
        <v>85</v>
      </c>
      <c r="P10748" t="s">
        <v>86</v>
      </c>
      <c r="Q10748">
        <v>22</v>
      </c>
      <c r="R10748">
        <v>23</v>
      </c>
      <c r="S10748">
        <v>23</v>
      </c>
      <c r="T10748">
        <v>23</v>
      </c>
      <c r="U10748">
        <v>24</v>
      </c>
      <c r="V10748">
        <v>24</v>
      </c>
      <c r="W10748">
        <v>24</v>
      </c>
      <c r="X10748">
        <v>24</v>
      </c>
      <c r="Y10748">
        <v>24</v>
      </c>
      <c r="Z10748">
        <v>25</v>
      </c>
      <c r="AA10748">
        <v>25</v>
      </c>
      <c r="AB10748">
        <v>25</v>
      </c>
      <c r="AC10748">
        <v>25</v>
      </c>
      <c r="AD10748">
        <v>25</v>
      </c>
      <c r="AE10748">
        <v>25</v>
      </c>
      <c r="AF10748">
        <v>25</v>
      </c>
      <c r="AG10748">
        <v>25</v>
      </c>
      <c r="AH10748">
        <v>24</v>
      </c>
      <c r="AI10748">
        <v>24</v>
      </c>
      <c r="AJ10748">
        <v>24</v>
      </c>
      <c r="AK10748">
        <v>24</v>
      </c>
      <c r="AL10748">
        <v>23</v>
      </c>
      <c r="AM10748">
        <v>23</v>
      </c>
      <c r="AN10748">
        <v>23</v>
      </c>
      <c r="AO10748">
        <v>23</v>
      </c>
      <c r="AP10748">
        <v>23</v>
      </c>
      <c r="AQ10748">
        <v>22</v>
      </c>
    </row>
    <row r="10749" spans="1:43">
      <c r="A10749" t="s">
        <v>6686</v>
      </c>
      <c r="B10749" t="s">
        <v>6687</v>
      </c>
      <c r="C10749" t="s">
        <v>6684</v>
      </c>
      <c r="D10749" t="s">
        <v>6685</v>
      </c>
      <c r="E10749" t="s">
        <v>6594</v>
      </c>
      <c r="F10749" t="s">
        <v>6595</v>
      </c>
      <c r="G10749" t="s">
        <v>80</v>
      </c>
      <c r="H10749" t="s">
        <v>81</v>
      </c>
      <c r="I10749" s="2">
        <v>0</v>
      </c>
      <c r="J10749" s="2">
        <v>1</v>
      </c>
      <c r="K10749" s="2">
        <v>0</v>
      </c>
      <c r="L10749" t="s">
        <v>82</v>
      </c>
      <c r="M10749" t="s">
        <v>83</v>
      </c>
      <c r="N10749" t="s">
        <v>91</v>
      </c>
      <c r="O10749" t="s">
        <v>85</v>
      </c>
      <c r="P10749" t="s">
        <v>86</v>
      </c>
      <c r="Q10749">
        <v>22</v>
      </c>
      <c r="R10749">
        <v>22</v>
      </c>
      <c r="S10749">
        <v>22</v>
      </c>
      <c r="T10749">
        <v>23</v>
      </c>
      <c r="U10749">
        <v>23</v>
      </c>
      <c r="V10749">
        <v>23</v>
      </c>
      <c r="W10749">
        <v>23</v>
      </c>
      <c r="X10749">
        <v>23</v>
      </c>
      <c r="Y10749">
        <v>23</v>
      </c>
      <c r="Z10749">
        <v>23</v>
      </c>
      <c r="AA10749">
        <v>23</v>
      </c>
      <c r="AB10749">
        <v>23</v>
      </c>
      <c r="AC10749">
        <v>23</v>
      </c>
      <c r="AD10749">
        <v>23</v>
      </c>
      <c r="AE10749">
        <v>23</v>
      </c>
      <c r="AF10749">
        <v>23</v>
      </c>
      <c r="AG10749">
        <v>23</v>
      </c>
      <c r="AH10749">
        <v>23</v>
      </c>
      <c r="AI10749">
        <v>23</v>
      </c>
      <c r="AJ10749">
        <v>23</v>
      </c>
      <c r="AK10749">
        <v>23</v>
      </c>
      <c r="AL10749">
        <v>23</v>
      </c>
      <c r="AM10749">
        <v>23</v>
      </c>
      <c r="AN10749">
        <v>23</v>
      </c>
      <c r="AO10749">
        <v>23</v>
      </c>
      <c r="AP10749">
        <v>22</v>
      </c>
      <c r="AQ10749">
        <v>22</v>
      </c>
    </row>
    <row r="10750" spans="1:43">
      <c r="A10750" t="s">
        <v>6688</v>
      </c>
      <c r="B10750" t="s">
        <v>6689</v>
      </c>
      <c r="C10750" t="s">
        <v>6684</v>
      </c>
      <c r="D10750" t="s">
        <v>6685</v>
      </c>
      <c r="E10750" t="s">
        <v>6594</v>
      </c>
      <c r="F10750" t="s">
        <v>6595</v>
      </c>
      <c r="G10750" t="s">
        <v>80</v>
      </c>
      <c r="H10750" t="s">
        <v>81</v>
      </c>
      <c r="I10750" s="2">
        <v>0</v>
      </c>
      <c r="J10750" s="2">
        <v>1</v>
      </c>
      <c r="K10750" s="2">
        <v>0</v>
      </c>
      <c r="L10750" t="s">
        <v>82</v>
      </c>
      <c r="M10750" t="s">
        <v>83</v>
      </c>
      <c r="N10750" t="s">
        <v>84</v>
      </c>
      <c r="O10750" t="s">
        <v>85</v>
      </c>
      <c r="P10750" t="s">
        <v>86</v>
      </c>
      <c r="Q10750">
        <v>29</v>
      </c>
      <c r="R10750">
        <v>29</v>
      </c>
      <c r="S10750">
        <v>29</v>
      </c>
      <c r="T10750">
        <v>29</v>
      </c>
      <c r="U10750">
        <v>29</v>
      </c>
      <c r="V10750">
        <v>29</v>
      </c>
      <c r="W10750">
        <v>30</v>
      </c>
      <c r="X10750">
        <v>30</v>
      </c>
      <c r="Y10750">
        <v>30</v>
      </c>
      <c r="Z10750">
        <v>30</v>
      </c>
      <c r="AA10750">
        <v>30</v>
      </c>
      <c r="AB10750">
        <v>30</v>
      </c>
      <c r="AC10750">
        <v>30</v>
      </c>
      <c r="AD10750">
        <v>30</v>
      </c>
      <c r="AE10750">
        <v>30</v>
      </c>
      <c r="AF10750">
        <v>30</v>
      </c>
      <c r="AG10750">
        <v>30</v>
      </c>
      <c r="AH10750">
        <v>30</v>
      </c>
      <c r="AI10750">
        <v>30</v>
      </c>
      <c r="AJ10750">
        <v>30</v>
      </c>
      <c r="AK10750">
        <v>30</v>
      </c>
      <c r="AL10750">
        <v>30</v>
      </c>
      <c r="AM10750">
        <v>30</v>
      </c>
      <c r="AN10750">
        <v>29</v>
      </c>
      <c r="AO10750">
        <v>29</v>
      </c>
      <c r="AP10750">
        <v>29</v>
      </c>
      <c r="AQ10750">
        <v>29</v>
      </c>
    </row>
    <row r="10751" spans="1:43">
      <c r="A10751" t="s">
        <v>6688</v>
      </c>
      <c r="B10751" t="s">
        <v>6689</v>
      </c>
      <c r="C10751" t="s">
        <v>6684</v>
      </c>
      <c r="D10751" t="s">
        <v>6685</v>
      </c>
      <c r="E10751" t="s">
        <v>6594</v>
      </c>
      <c r="F10751" t="s">
        <v>6595</v>
      </c>
      <c r="G10751" t="s">
        <v>80</v>
      </c>
      <c r="H10751" t="s">
        <v>81</v>
      </c>
      <c r="I10751" s="2">
        <v>0</v>
      </c>
      <c r="J10751" s="2">
        <v>1</v>
      </c>
      <c r="K10751" s="2">
        <v>0</v>
      </c>
      <c r="L10751" t="s">
        <v>82</v>
      </c>
      <c r="M10751" t="s">
        <v>87</v>
      </c>
      <c r="N10751" t="s">
        <v>88</v>
      </c>
      <c r="O10751" t="s">
        <v>85</v>
      </c>
      <c r="P10751" t="s">
        <v>86</v>
      </c>
      <c r="Q10751">
        <v>29</v>
      </c>
      <c r="R10751">
        <v>29</v>
      </c>
      <c r="S10751">
        <v>29</v>
      </c>
      <c r="T10751">
        <v>29</v>
      </c>
      <c r="U10751">
        <v>29</v>
      </c>
      <c r="V10751">
        <v>29</v>
      </c>
      <c r="W10751">
        <v>29</v>
      </c>
      <c r="X10751">
        <v>29</v>
      </c>
      <c r="Y10751">
        <v>29</v>
      </c>
      <c r="Z10751">
        <v>28</v>
      </c>
      <c r="AA10751">
        <v>28</v>
      </c>
      <c r="AB10751">
        <v>28</v>
      </c>
      <c r="AC10751">
        <v>28</v>
      </c>
      <c r="AD10751">
        <v>28</v>
      </c>
      <c r="AE10751">
        <v>28</v>
      </c>
      <c r="AF10751">
        <v>28</v>
      </c>
      <c r="AG10751">
        <v>27</v>
      </c>
      <c r="AH10751">
        <v>27</v>
      </c>
      <c r="AI10751">
        <v>27</v>
      </c>
      <c r="AJ10751">
        <v>27</v>
      </c>
      <c r="AK10751">
        <v>27</v>
      </c>
      <c r="AL10751">
        <v>27</v>
      </c>
      <c r="AM10751">
        <v>26</v>
      </c>
      <c r="AN10751">
        <v>26</v>
      </c>
      <c r="AO10751">
        <v>26</v>
      </c>
      <c r="AP10751">
        <v>26</v>
      </c>
      <c r="AQ10751">
        <v>26</v>
      </c>
    </row>
    <row r="10752" spans="1:43">
      <c r="A10752" t="s">
        <v>6688</v>
      </c>
      <c r="B10752" t="s">
        <v>6689</v>
      </c>
      <c r="C10752" t="s">
        <v>6684</v>
      </c>
      <c r="D10752" t="s">
        <v>6685</v>
      </c>
      <c r="E10752" t="s">
        <v>6594</v>
      </c>
      <c r="F10752" t="s">
        <v>6595</v>
      </c>
      <c r="G10752" t="s">
        <v>80</v>
      </c>
      <c r="H10752" t="s">
        <v>81</v>
      </c>
      <c r="I10752" s="2">
        <v>0</v>
      </c>
      <c r="J10752" s="2">
        <v>1</v>
      </c>
      <c r="K10752" s="2">
        <v>0</v>
      </c>
      <c r="L10752" t="s">
        <v>82</v>
      </c>
      <c r="M10752" t="s">
        <v>89</v>
      </c>
      <c r="N10752" t="s">
        <v>90</v>
      </c>
      <c r="O10752" t="s">
        <v>85</v>
      </c>
      <c r="P10752" t="s">
        <v>86</v>
      </c>
      <c r="Q10752">
        <v>29</v>
      </c>
      <c r="R10752">
        <v>29</v>
      </c>
      <c r="S10752">
        <v>30</v>
      </c>
      <c r="T10752">
        <v>30</v>
      </c>
      <c r="U10752">
        <v>30</v>
      </c>
      <c r="V10752">
        <v>31</v>
      </c>
      <c r="W10752">
        <v>31</v>
      </c>
      <c r="X10752">
        <v>31</v>
      </c>
      <c r="Y10752">
        <v>32</v>
      </c>
      <c r="Z10752">
        <v>32</v>
      </c>
      <c r="AA10752">
        <v>32</v>
      </c>
      <c r="AB10752">
        <v>32</v>
      </c>
      <c r="AC10752">
        <v>32</v>
      </c>
      <c r="AD10752">
        <v>32</v>
      </c>
      <c r="AE10752">
        <v>32</v>
      </c>
      <c r="AF10752">
        <v>32</v>
      </c>
      <c r="AG10752">
        <v>32</v>
      </c>
      <c r="AH10752">
        <v>31</v>
      </c>
      <c r="AI10752">
        <v>31</v>
      </c>
      <c r="AJ10752">
        <v>31</v>
      </c>
      <c r="AK10752">
        <v>31</v>
      </c>
      <c r="AL10752">
        <v>30</v>
      </c>
      <c r="AM10752">
        <v>30</v>
      </c>
      <c r="AN10752">
        <v>30</v>
      </c>
      <c r="AO10752">
        <v>30</v>
      </c>
      <c r="AP10752">
        <v>29</v>
      </c>
      <c r="AQ10752">
        <v>29</v>
      </c>
    </row>
    <row r="10753" spans="1:43">
      <c r="A10753" t="s">
        <v>6688</v>
      </c>
      <c r="B10753" t="s">
        <v>6689</v>
      </c>
      <c r="C10753" t="s">
        <v>6684</v>
      </c>
      <c r="D10753" t="s">
        <v>6685</v>
      </c>
      <c r="E10753" t="s">
        <v>6594</v>
      </c>
      <c r="F10753" t="s">
        <v>6595</v>
      </c>
      <c r="G10753" t="s">
        <v>80</v>
      </c>
      <c r="H10753" t="s">
        <v>81</v>
      </c>
      <c r="I10753" s="2">
        <v>0</v>
      </c>
      <c r="J10753" s="2">
        <v>1</v>
      </c>
      <c r="K10753" s="2">
        <v>0</v>
      </c>
      <c r="L10753" t="s">
        <v>82</v>
      </c>
      <c r="M10753" t="s">
        <v>83</v>
      </c>
      <c r="N10753" t="s">
        <v>91</v>
      </c>
      <c r="O10753" t="s">
        <v>85</v>
      </c>
      <c r="P10753" t="s">
        <v>86</v>
      </c>
      <c r="Q10753">
        <v>29</v>
      </c>
      <c r="R10753">
        <v>29</v>
      </c>
      <c r="S10753">
        <v>29</v>
      </c>
      <c r="T10753">
        <v>29</v>
      </c>
      <c r="U10753">
        <v>29</v>
      </c>
      <c r="V10753">
        <v>29</v>
      </c>
      <c r="W10753">
        <v>30</v>
      </c>
      <c r="X10753">
        <v>30</v>
      </c>
      <c r="Y10753">
        <v>30</v>
      </c>
      <c r="Z10753">
        <v>30</v>
      </c>
      <c r="AA10753">
        <v>30</v>
      </c>
      <c r="AB10753">
        <v>30</v>
      </c>
      <c r="AC10753">
        <v>30</v>
      </c>
      <c r="AD10753">
        <v>30</v>
      </c>
      <c r="AE10753">
        <v>30</v>
      </c>
      <c r="AF10753">
        <v>30</v>
      </c>
      <c r="AG10753">
        <v>30</v>
      </c>
      <c r="AH10753">
        <v>30</v>
      </c>
      <c r="AI10753">
        <v>30</v>
      </c>
      <c r="AJ10753">
        <v>30</v>
      </c>
      <c r="AK10753">
        <v>30</v>
      </c>
      <c r="AL10753">
        <v>30</v>
      </c>
      <c r="AM10753">
        <v>30</v>
      </c>
      <c r="AN10753">
        <v>29</v>
      </c>
      <c r="AO10753">
        <v>29</v>
      </c>
      <c r="AP10753">
        <v>29</v>
      </c>
      <c r="AQ10753">
        <v>29</v>
      </c>
    </row>
    <row r="10754" spans="1:43">
      <c r="A10754" t="s">
        <v>6690</v>
      </c>
      <c r="B10754" t="s">
        <v>6691</v>
      </c>
      <c r="C10754" t="s">
        <v>6684</v>
      </c>
      <c r="D10754" t="s">
        <v>6685</v>
      </c>
      <c r="E10754" t="s">
        <v>6594</v>
      </c>
      <c r="F10754" t="s">
        <v>6595</v>
      </c>
      <c r="G10754" t="s">
        <v>80</v>
      </c>
      <c r="H10754" t="s">
        <v>81</v>
      </c>
      <c r="I10754" s="2">
        <v>0</v>
      </c>
      <c r="J10754" s="2">
        <v>1</v>
      </c>
      <c r="K10754" s="2">
        <v>0</v>
      </c>
      <c r="L10754" t="s">
        <v>82</v>
      </c>
      <c r="M10754" t="s">
        <v>83</v>
      </c>
      <c r="N10754" t="s">
        <v>84</v>
      </c>
      <c r="O10754" t="s">
        <v>85</v>
      </c>
      <c r="P10754" t="s">
        <v>86</v>
      </c>
      <c r="Q10754">
        <v>74</v>
      </c>
      <c r="R10754">
        <v>75</v>
      </c>
      <c r="S10754">
        <v>75</v>
      </c>
      <c r="T10754">
        <v>76</v>
      </c>
      <c r="U10754">
        <v>76</v>
      </c>
      <c r="V10754">
        <v>76</v>
      </c>
      <c r="W10754">
        <v>77</v>
      </c>
      <c r="X10754">
        <v>77</v>
      </c>
      <c r="Y10754">
        <v>77</v>
      </c>
      <c r="Z10754">
        <v>78</v>
      </c>
      <c r="AA10754">
        <v>78</v>
      </c>
      <c r="AB10754">
        <v>78</v>
      </c>
      <c r="AC10754">
        <v>78</v>
      </c>
      <c r="AD10754">
        <v>78</v>
      </c>
      <c r="AE10754">
        <v>78</v>
      </c>
      <c r="AF10754">
        <v>78</v>
      </c>
      <c r="AG10754">
        <v>78</v>
      </c>
      <c r="AH10754">
        <v>78</v>
      </c>
      <c r="AI10754">
        <v>78</v>
      </c>
      <c r="AJ10754">
        <v>78</v>
      </c>
      <c r="AK10754">
        <v>78</v>
      </c>
      <c r="AL10754">
        <v>78</v>
      </c>
      <c r="AM10754">
        <v>77</v>
      </c>
      <c r="AN10754">
        <v>76</v>
      </c>
      <c r="AO10754">
        <v>76</v>
      </c>
      <c r="AP10754">
        <v>75</v>
      </c>
      <c r="AQ10754">
        <v>74</v>
      </c>
    </row>
    <row r="10755" spans="1:43">
      <c r="A10755" t="s">
        <v>6690</v>
      </c>
      <c r="B10755" t="s">
        <v>6691</v>
      </c>
      <c r="C10755" t="s">
        <v>6684</v>
      </c>
      <c r="D10755" t="s">
        <v>6685</v>
      </c>
      <c r="E10755" t="s">
        <v>6594</v>
      </c>
      <c r="F10755" t="s">
        <v>6595</v>
      </c>
      <c r="G10755" t="s">
        <v>80</v>
      </c>
      <c r="H10755" t="s">
        <v>81</v>
      </c>
      <c r="I10755" s="2">
        <v>0</v>
      </c>
      <c r="J10755" s="2">
        <v>1</v>
      </c>
      <c r="K10755" s="2">
        <v>0</v>
      </c>
      <c r="L10755" t="s">
        <v>82</v>
      </c>
      <c r="M10755" t="s">
        <v>87</v>
      </c>
      <c r="N10755" t="s">
        <v>88</v>
      </c>
      <c r="O10755" t="s">
        <v>85</v>
      </c>
      <c r="P10755" t="s">
        <v>86</v>
      </c>
      <c r="Q10755">
        <v>74</v>
      </c>
      <c r="R10755">
        <v>74</v>
      </c>
      <c r="S10755">
        <v>74</v>
      </c>
      <c r="T10755">
        <v>74</v>
      </c>
      <c r="U10755">
        <v>74</v>
      </c>
      <c r="V10755">
        <v>73</v>
      </c>
      <c r="W10755">
        <v>73</v>
      </c>
      <c r="X10755">
        <v>73</v>
      </c>
      <c r="Y10755">
        <v>72</v>
      </c>
      <c r="Z10755">
        <v>72</v>
      </c>
      <c r="AA10755">
        <v>72</v>
      </c>
      <c r="AB10755">
        <v>71</v>
      </c>
      <c r="AC10755">
        <v>71</v>
      </c>
      <c r="AD10755">
        <v>71</v>
      </c>
      <c r="AE10755">
        <v>70</v>
      </c>
      <c r="AF10755">
        <v>70</v>
      </c>
      <c r="AG10755">
        <v>69</v>
      </c>
      <c r="AH10755">
        <v>69</v>
      </c>
      <c r="AI10755">
        <v>69</v>
      </c>
      <c r="AJ10755">
        <v>68</v>
      </c>
      <c r="AK10755">
        <v>68</v>
      </c>
      <c r="AL10755">
        <v>67</v>
      </c>
      <c r="AM10755">
        <v>67</v>
      </c>
      <c r="AN10755">
        <v>67</v>
      </c>
      <c r="AO10755">
        <v>66</v>
      </c>
      <c r="AP10755">
        <v>66</v>
      </c>
      <c r="AQ10755">
        <v>66</v>
      </c>
    </row>
    <row r="10756" spans="1:43">
      <c r="A10756" t="s">
        <v>6690</v>
      </c>
      <c r="B10756" t="s">
        <v>6691</v>
      </c>
      <c r="C10756" t="s">
        <v>6684</v>
      </c>
      <c r="D10756" t="s">
        <v>6685</v>
      </c>
      <c r="E10756" t="s">
        <v>6594</v>
      </c>
      <c r="F10756" t="s">
        <v>6595</v>
      </c>
      <c r="G10756" t="s">
        <v>80</v>
      </c>
      <c r="H10756" t="s">
        <v>81</v>
      </c>
      <c r="I10756" s="2">
        <v>0</v>
      </c>
      <c r="J10756" s="2">
        <v>1</v>
      </c>
      <c r="K10756" s="2">
        <v>0</v>
      </c>
      <c r="L10756" t="s">
        <v>82</v>
      </c>
      <c r="M10756" t="s">
        <v>89</v>
      </c>
      <c r="N10756" t="s">
        <v>90</v>
      </c>
      <c r="O10756" t="s">
        <v>85</v>
      </c>
      <c r="P10756" t="s">
        <v>86</v>
      </c>
      <c r="Q10756">
        <v>74</v>
      </c>
      <c r="R10756">
        <v>75</v>
      </c>
      <c r="S10756">
        <v>76</v>
      </c>
      <c r="T10756">
        <v>77</v>
      </c>
      <c r="U10756">
        <v>78</v>
      </c>
      <c r="V10756">
        <v>79</v>
      </c>
      <c r="W10756">
        <v>80</v>
      </c>
      <c r="X10756">
        <v>80</v>
      </c>
      <c r="Y10756">
        <v>81</v>
      </c>
      <c r="Z10756">
        <v>81</v>
      </c>
      <c r="AA10756">
        <v>82</v>
      </c>
      <c r="AB10756">
        <v>82</v>
      </c>
      <c r="AC10756">
        <v>83</v>
      </c>
      <c r="AD10756">
        <v>83</v>
      </c>
      <c r="AE10756">
        <v>83</v>
      </c>
      <c r="AF10756">
        <v>82</v>
      </c>
      <c r="AG10756">
        <v>81</v>
      </c>
      <c r="AH10756">
        <v>81</v>
      </c>
      <c r="AI10756">
        <v>80</v>
      </c>
      <c r="AJ10756">
        <v>79</v>
      </c>
      <c r="AK10756">
        <v>78</v>
      </c>
      <c r="AL10756">
        <v>78</v>
      </c>
      <c r="AM10756">
        <v>77</v>
      </c>
      <c r="AN10756">
        <v>76</v>
      </c>
      <c r="AO10756">
        <v>76</v>
      </c>
      <c r="AP10756">
        <v>75</v>
      </c>
      <c r="AQ10756">
        <v>74</v>
      </c>
    </row>
    <row r="10757" spans="1:43">
      <c r="A10757" t="s">
        <v>6690</v>
      </c>
      <c r="B10757" t="s">
        <v>6691</v>
      </c>
      <c r="C10757" t="s">
        <v>6684</v>
      </c>
      <c r="D10757" t="s">
        <v>6685</v>
      </c>
      <c r="E10757" t="s">
        <v>6594</v>
      </c>
      <c r="F10757" t="s">
        <v>6595</v>
      </c>
      <c r="G10757" t="s">
        <v>80</v>
      </c>
      <c r="H10757" t="s">
        <v>81</v>
      </c>
      <c r="I10757" s="2">
        <v>0</v>
      </c>
      <c r="J10757" s="2">
        <v>1</v>
      </c>
      <c r="K10757" s="2">
        <v>0</v>
      </c>
      <c r="L10757" t="s">
        <v>82</v>
      </c>
      <c r="M10757" t="s">
        <v>83</v>
      </c>
      <c r="N10757" t="s">
        <v>91</v>
      </c>
      <c r="O10757" t="s">
        <v>85</v>
      </c>
      <c r="P10757" t="s">
        <v>86</v>
      </c>
      <c r="Q10757">
        <v>74</v>
      </c>
      <c r="R10757">
        <v>75</v>
      </c>
      <c r="S10757">
        <v>75</v>
      </c>
      <c r="T10757">
        <v>76</v>
      </c>
      <c r="U10757">
        <v>76</v>
      </c>
      <c r="V10757">
        <v>76</v>
      </c>
      <c r="W10757">
        <v>77</v>
      </c>
      <c r="X10757">
        <v>77</v>
      </c>
      <c r="Y10757">
        <v>77</v>
      </c>
      <c r="Z10757">
        <v>78</v>
      </c>
      <c r="AA10757">
        <v>78</v>
      </c>
      <c r="AB10757">
        <v>78</v>
      </c>
      <c r="AC10757">
        <v>78</v>
      </c>
      <c r="AD10757">
        <v>78</v>
      </c>
      <c r="AE10757">
        <v>78</v>
      </c>
      <c r="AF10757">
        <v>78</v>
      </c>
      <c r="AG10757">
        <v>78</v>
      </c>
      <c r="AH10757">
        <v>78</v>
      </c>
      <c r="AI10757">
        <v>78</v>
      </c>
      <c r="AJ10757">
        <v>78</v>
      </c>
      <c r="AK10757">
        <v>78</v>
      </c>
      <c r="AL10757">
        <v>78</v>
      </c>
      <c r="AM10757">
        <v>77</v>
      </c>
      <c r="AN10757">
        <v>76</v>
      </c>
      <c r="AO10757">
        <v>76</v>
      </c>
      <c r="AP10757">
        <v>75</v>
      </c>
      <c r="AQ10757">
        <v>74</v>
      </c>
    </row>
    <row r="10758" spans="1:43">
      <c r="A10758" t="s">
        <v>6692</v>
      </c>
      <c r="B10758" t="s">
        <v>6693</v>
      </c>
      <c r="C10758" t="s">
        <v>6684</v>
      </c>
      <c r="D10758" t="s">
        <v>6685</v>
      </c>
      <c r="E10758" t="s">
        <v>6594</v>
      </c>
      <c r="F10758" t="s">
        <v>6595</v>
      </c>
      <c r="G10758" t="s">
        <v>80</v>
      </c>
      <c r="H10758" t="s">
        <v>81</v>
      </c>
      <c r="I10758" s="2">
        <v>0</v>
      </c>
      <c r="J10758" s="2">
        <v>1</v>
      </c>
      <c r="K10758" s="2">
        <v>0</v>
      </c>
      <c r="L10758" t="s">
        <v>82</v>
      </c>
      <c r="M10758" t="s">
        <v>83</v>
      </c>
      <c r="N10758" t="s">
        <v>84</v>
      </c>
      <c r="O10758" t="s">
        <v>85</v>
      </c>
      <c r="P10758" t="s">
        <v>86</v>
      </c>
      <c r="Q10758">
        <v>56</v>
      </c>
      <c r="R10758">
        <v>56</v>
      </c>
      <c r="S10758">
        <v>57</v>
      </c>
      <c r="T10758">
        <v>57</v>
      </c>
      <c r="U10758">
        <v>57</v>
      </c>
      <c r="V10758">
        <v>58</v>
      </c>
      <c r="W10758">
        <v>58</v>
      </c>
      <c r="X10758">
        <v>58</v>
      </c>
      <c r="Y10758">
        <v>58</v>
      </c>
      <c r="Z10758">
        <v>59</v>
      </c>
      <c r="AA10758">
        <v>59</v>
      </c>
      <c r="AB10758">
        <v>59</v>
      </c>
      <c r="AC10758">
        <v>59</v>
      </c>
      <c r="AD10758">
        <v>59</v>
      </c>
      <c r="AE10758">
        <v>59</v>
      </c>
      <c r="AF10758">
        <v>59</v>
      </c>
      <c r="AG10758">
        <v>59</v>
      </c>
      <c r="AH10758">
        <v>59</v>
      </c>
      <c r="AI10758">
        <v>59</v>
      </c>
      <c r="AJ10758">
        <v>59</v>
      </c>
      <c r="AK10758">
        <v>59</v>
      </c>
      <c r="AL10758">
        <v>59</v>
      </c>
      <c r="AM10758">
        <v>58</v>
      </c>
      <c r="AN10758">
        <v>58</v>
      </c>
      <c r="AO10758">
        <v>57</v>
      </c>
      <c r="AP10758">
        <v>57</v>
      </c>
      <c r="AQ10758">
        <v>56</v>
      </c>
    </row>
    <row r="10759" spans="1:43">
      <c r="A10759" t="s">
        <v>6692</v>
      </c>
      <c r="B10759" t="s">
        <v>6693</v>
      </c>
      <c r="C10759" t="s">
        <v>6684</v>
      </c>
      <c r="D10759" t="s">
        <v>6685</v>
      </c>
      <c r="E10759" t="s">
        <v>6594</v>
      </c>
      <c r="F10759" t="s">
        <v>6595</v>
      </c>
      <c r="G10759" t="s">
        <v>80</v>
      </c>
      <c r="H10759" t="s">
        <v>81</v>
      </c>
      <c r="I10759" s="2">
        <v>0</v>
      </c>
      <c r="J10759" s="2">
        <v>1</v>
      </c>
      <c r="K10759" s="2">
        <v>0</v>
      </c>
      <c r="L10759" t="s">
        <v>82</v>
      </c>
      <c r="M10759" t="s">
        <v>87</v>
      </c>
      <c r="N10759" t="s">
        <v>88</v>
      </c>
      <c r="O10759" t="s">
        <v>85</v>
      </c>
      <c r="P10759" t="s">
        <v>86</v>
      </c>
      <c r="Q10759">
        <v>56</v>
      </c>
      <c r="R10759">
        <v>55</v>
      </c>
      <c r="S10759">
        <v>55</v>
      </c>
      <c r="T10759">
        <v>55</v>
      </c>
      <c r="U10759">
        <v>55</v>
      </c>
      <c r="V10759">
        <v>55</v>
      </c>
      <c r="W10759">
        <v>55</v>
      </c>
      <c r="X10759">
        <v>54</v>
      </c>
      <c r="Y10759">
        <v>54</v>
      </c>
      <c r="Z10759">
        <v>54</v>
      </c>
      <c r="AA10759">
        <v>54</v>
      </c>
      <c r="AB10759">
        <v>53</v>
      </c>
      <c r="AC10759">
        <v>53</v>
      </c>
      <c r="AD10759">
        <v>53</v>
      </c>
      <c r="AE10759">
        <v>52</v>
      </c>
      <c r="AF10759">
        <v>52</v>
      </c>
      <c r="AG10759">
        <v>52</v>
      </c>
      <c r="AH10759">
        <v>52</v>
      </c>
      <c r="AI10759">
        <v>51</v>
      </c>
      <c r="AJ10759">
        <v>51</v>
      </c>
      <c r="AK10759">
        <v>51</v>
      </c>
      <c r="AL10759">
        <v>50</v>
      </c>
      <c r="AM10759">
        <v>50</v>
      </c>
      <c r="AN10759">
        <v>50</v>
      </c>
      <c r="AO10759">
        <v>50</v>
      </c>
      <c r="AP10759">
        <v>49</v>
      </c>
      <c r="AQ10759">
        <v>49</v>
      </c>
    </row>
    <row r="10760" spans="1:43">
      <c r="A10760" t="s">
        <v>6692</v>
      </c>
      <c r="B10760" t="s">
        <v>6693</v>
      </c>
      <c r="C10760" t="s">
        <v>6684</v>
      </c>
      <c r="D10760" t="s">
        <v>6685</v>
      </c>
      <c r="E10760" t="s">
        <v>6594</v>
      </c>
      <c r="F10760" t="s">
        <v>6595</v>
      </c>
      <c r="G10760" t="s">
        <v>80</v>
      </c>
      <c r="H10760" t="s">
        <v>81</v>
      </c>
      <c r="I10760" s="2">
        <v>0</v>
      </c>
      <c r="J10760" s="2">
        <v>1</v>
      </c>
      <c r="K10760" s="2">
        <v>0</v>
      </c>
      <c r="L10760" t="s">
        <v>82</v>
      </c>
      <c r="M10760" t="s">
        <v>89</v>
      </c>
      <c r="N10760" t="s">
        <v>90</v>
      </c>
      <c r="O10760" t="s">
        <v>85</v>
      </c>
      <c r="P10760" t="s">
        <v>86</v>
      </c>
      <c r="Q10760">
        <v>56</v>
      </c>
      <c r="R10760">
        <v>56</v>
      </c>
      <c r="S10760">
        <v>57</v>
      </c>
      <c r="T10760">
        <v>58</v>
      </c>
      <c r="U10760">
        <v>59</v>
      </c>
      <c r="V10760">
        <v>59</v>
      </c>
      <c r="W10760">
        <v>60</v>
      </c>
      <c r="X10760">
        <v>61</v>
      </c>
      <c r="Y10760">
        <v>61</v>
      </c>
      <c r="Z10760">
        <v>61</v>
      </c>
      <c r="AA10760">
        <v>62</v>
      </c>
      <c r="AB10760">
        <v>62</v>
      </c>
      <c r="AC10760">
        <v>62</v>
      </c>
      <c r="AD10760">
        <v>62</v>
      </c>
      <c r="AE10760">
        <v>62</v>
      </c>
      <c r="AF10760">
        <v>62</v>
      </c>
      <c r="AG10760">
        <v>61</v>
      </c>
      <c r="AH10760">
        <v>61</v>
      </c>
      <c r="AI10760">
        <v>60</v>
      </c>
      <c r="AJ10760">
        <v>60</v>
      </c>
      <c r="AK10760">
        <v>59</v>
      </c>
      <c r="AL10760">
        <v>59</v>
      </c>
      <c r="AM10760">
        <v>58</v>
      </c>
      <c r="AN10760">
        <v>58</v>
      </c>
      <c r="AO10760">
        <v>57</v>
      </c>
      <c r="AP10760">
        <v>57</v>
      </c>
      <c r="AQ10760">
        <v>56</v>
      </c>
    </row>
    <row r="10761" spans="1:43">
      <c r="A10761" t="s">
        <v>6692</v>
      </c>
      <c r="B10761" t="s">
        <v>6693</v>
      </c>
      <c r="C10761" t="s">
        <v>6684</v>
      </c>
      <c r="D10761" t="s">
        <v>6685</v>
      </c>
      <c r="E10761" t="s">
        <v>6594</v>
      </c>
      <c r="F10761" t="s">
        <v>6595</v>
      </c>
      <c r="G10761" t="s">
        <v>80</v>
      </c>
      <c r="H10761" t="s">
        <v>81</v>
      </c>
      <c r="I10761" s="2">
        <v>0</v>
      </c>
      <c r="J10761" s="2">
        <v>1</v>
      </c>
      <c r="K10761" s="2">
        <v>0</v>
      </c>
      <c r="L10761" t="s">
        <v>82</v>
      </c>
      <c r="M10761" t="s">
        <v>83</v>
      </c>
      <c r="N10761" t="s">
        <v>91</v>
      </c>
      <c r="O10761" t="s">
        <v>85</v>
      </c>
      <c r="P10761" t="s">
        <v>86</v>
      </c>
      <c r="Q10761">
        <v>56</v>
      </c>
      <c r="R10761">
        <v>56</v>
      </c>
      <c r="S10761">
        <v>57</v>
      </c>
      <c r="T10761">
        <v>57</v>
      </c>
      <c r="U10761">
        <v>57</v>
      </c>
      <c r="V10761">
        <v>58</v>
      </c>
      <c r="W10761">
        <v>58</v>
      </c>
      <c r="X10761">
        <v>58</v>
      </c>
      <c r="Y10761">
        <v>58</v>
      </c>
      <c r="Z10761">
        <v>59</v>
      </c>
      <c r="AA10761">
        <v>59</v>
      </c>
      <c r="AB10761">
        <v>59</v>
      </c>
      <c r="AC10761">
        <v>59</v>
      </c>
      <c r="AD10761">
        <v>59</v>
      </c>
      <c r="AE10761">
        <v>59</v>
      </c>
      <c r="AF10761">
        <v>59</v>
      </c>
      <c r="AG10761">
        <v>59</v>
      </c>
      <c r="AH10761">
        <v>59</v>
      </c>
      <c r="AI10761">
        <v>59</v>
      </c>
      <c r="AJ10761">
        <v>59</v>
      </c>
      <c r="AK10761">
        <v>59</v>
      </c>
      <c r="AL10761">
        <v>59</v>
      </c>
      <c r="AM10761">
        <v>58</v>
      </c>
      <c r="AN10761">
        <v>58</v>
      </c>
      <c r="AO10761">
        <v>57</v>
      </c>
      <c r="AP10761">
        <v>57</v>
      </c>
      <c r="AQ10761">
        <v>56</v>
      </c>
    </row>
    <row r="10762" spans="1:43">
      <c r="A10762" t="s">
        <v>6694</v>
      </c>
      <c r="B10762" t="s">
        <v>6695</v>
      </c>
      <c r="C10762" t="s">
        <v>6680</v>
      </c>
      <c r="D10762" t="s">
        <v>6681</v>
      </c>
      <c r="E10762" t="s">
        <v>6594</v>
      </c>
      <c r="F10762" t="s">
        <v>6595</v>
      </c>
      <c r="G10762" t="s">
        <v>80</v>
      </c>
      <c r="H10762" t="s">
        <v>81</v>
      </c>
      <c r="I10762" s="2">
        <v>0</v>
      </c>
      <c r="J10762" s="2">
        <v>1</v>
      </c>
      <c r="K10762" s="2">
        <v>0</v>
      </c>
      <c r="L10762" t="s">
        <v>82</v>
      </c>
      <c r="M10762" t="s">
        <v>83</v>
      </c>
      <c r="N10762" t="s">
        <v>84</v>
      </c>
      <c r="O10762" t="s">
        <v>85</v>
      </c>
      <c r="P10762" t="s">
        <v>86</v>
      </c>
      <c r="Q10762">
        <v>35</v>
      </c>
      <c r="R10762">
        <v>35</v>
      </c>
      <c r="S10762">
        <v>35</v>
      </c>
      <c r="T10762">
        <v>35</v>
      </c>
      <c r="U10762">
        <v>36</v>
      </c>
      <c r="V10762">
        <v>36</v>
      </c>
      <c r="W10762">
        <v>36</v>
      </c>
      <c r="X10762">
        <v>36</v>
      </c>
      <c r="Y10762">
        <v>36</v>
      </c>
      <c r="Z10762">
        <v>36</v>
      </c>
      <c r="AA10762">
        <v>36</v>
      </c>
      <c r="AB10762">
        <v>36</v>
      </c>
      <c r="AC10762">
        <v>36</v>
      </c>
      <c r="AD10762">
        <v>36</v>
      </c>
      <c r="AE10762">
        <v>36</v>
      </c>
      <c r="AF10762">
        <v>36</v>
      </c>
      <c r="AG10762">
        <v>36</v>
      </c>
      <c r="AH10762">
        <v>36</v>
      </c>
      <c r="AI10762">
        <v>36</v>
      </c>
      <c r="AJ10762">
        <v>36</v>
      </c>
      <c r="AK10762">
        <v>36</v>
      </c>
      <c r="AL10762">
        <v>36</v>
      </c>
      <c r="AM10762">
        <v>35</v>
      </c>
      <c r="AN10762">
        <v>35</v>
      </c>
      <c r="AO10762">
        <v>35</v>
      </c>
      <c r="AP10762">
        <v>34</v>
      </c>
      <c r="AQ10762">
        <v>34</v>
      </c>
    </row>
    <row r="10763" spans="1:43">
      <c r="A10763" t="s">
        <v>6694</v>
      </c>
      <c r="B10763" t="s">
        <v>6695</v>
      </c>
      <c r="C10763" t="s">
        <v>6680</v>
      </c>
      <c r="D10763" t="s">
        <v>6681</v>
      </c>
      <c r="E10763" t="s">
        <v>6594</v>
      </c>
      <c r="F10763" t="s">
        <v>6595</v>
      </c>
      <c r="G10763" t="s">
        <v>80</v>
      </c>
      <c r="H10763" t="s">
        <v>81</v>
      </c>
      <c r="I10763" s="2">
        <v>0</v>
      </c>
      <c r="J10763" s="2">
        <v>1</v>
      </c>
      <c r="K10763" s="2">
        <v>0</v>
      </c>
      <c r="L10763" t="s">
        <v>82</v>
      </c>
      <c r="M10763" t="s">
        <v>87</v>
      </c>
      <c r="N10763" t="s">
        <v>88</v>
      </c>
      <c r="O10763" t="s">
        <v>85</v>
      </c>
      <c r="P10763" t="s">
        <v>86</v>
      </c>
      <c r="Q10763">
        <v>35</v>
      </c>
      <c r="R10763">
        <v>35</v>
      </c>
      <c r="S10763">
        <v>35</v>
      </c>
      <c r="T10763">
        <v>35</v>
      </c>
      <c r="U10763">
        <v>35</v>
      </c>
      <c r="V10763">
        <v>35</v>
      </c>
      <c r="W10763">
        <v>35</v>
      </c>
      <c r="X10763">
        <v>34</v>
      </c>
      <c r="Y10763">
        <v>34</v>
      </c>
      <c r="Z10763">
        <v>34</v>
      </c>
      <c r="AA10763">
        <v>34</v>
      </c>
      <c r="AB10763">
        <v>34</v>
      </c>
      <c r="AC10763">
        <v>33</v>
      </c>
      <c r="AD10763">
        <v>33</v>
      </c>
      <c r="AE10763">
        <v>33</v>
      </c>
      <c r="AF10763">
        <v>33</v>
      </c>
      <c r="AG10763">
        <v>33</v>
      </c>
      <c r="AH10763">
        <v>32</v>
      </c>
      <c r="AI10763">
        <v>32</v>
      </c>
      <c r="AJ10763">
        <v>32</v>
      </c>
      <c r="AK10763">
        <v>32</v>
      </c>
      <c r="AL10763">
        <v>32</v>
      </c>
      <c r="AM10763">
        <v>31</v>
      </c>
      <c r="AN10763">
        <v>31</v>
      </c>
      <c r="AO10763">
        <v>31</v>
      </c>
      <c r="AP10763">
        <v>31</v>
      </c>
      <c r="AQ10763">
        <v>31</v>
      </c>
    </row>
    <row r="10764" spans="1:43">
      <c r="A10764" t="s">
        <v>6694</v>
      </c>
      <c r="B10764" t="s">
        <v>6695</v>
      </c>
      <c r="C10764" t="s">
        <v>6680</v>
      </c>
      <c r="D10764" t="s">
        <v>6681</v>
      </c>
      <c r="E10764" t="s">
        <v>6594</v>
      </c>
      <c r="F10764" t="s">
        <v>6595</v>
      </c>
      <c r="G10764" t="s">
        <v>80</v>
      </c>
      <c r="H10764" t="s">
        <v>81</v>
      </c>
      <c r="I10764" s="2">
        <v>0</v>
      </c>
      <c r="J10764" s="2">
        <v>1</v>
      </c>
      <c r="K10764" s="2">
        <v>0</v>
      </c>
      <c r="L10764" t="s">
        <v>82</v>
      </c>
      <c r="M10764" t="s">
        <v>89</v>
      </c>
      <c r="N10764" t="s">
        <v>90</v>
      </c>
      <c r="O10764" t="s">
        <v>85</v>
      </c>
      <c r="P10764" t="s">
        <v>86</v>
      </c>
      <c r="Q10764">
        <v>35</v>
      </c>
      <c r="R10764">
        <v>36</v>
      </c>
      <c r="S10764">
        <v>36</v>
      </c>
      <c r="T10764">
        <v>37</v>
      </c>
      <c r="U10764">
        <v>37</v>
      </c>
      <c r="V10764">
        <v>37</v>
      </c>
      <c r="W10764">
        <v>38</v>
      </c>
      <c r="X10764">
        <v>38</v>
      </c>
      <c r="Y10764">
        <v>38</v>
      </c>
      <c r="Z10764">
        <v>38</v>
      </c>
      <c r="AA10764">
        <v>39</v>
      </c>
      <c r="AB10764">
        <v>39</v>
      </c>
      <c r="AC10764">
        <v>39</v>
      </c>
      <c r="AD10764">
        <v>39</v>
      </c>
      <c r="AE10764">
        <v>39</v>
      </c>
      <c r="AF10764">
        <v>38</v>
      </c>
      <c r="AG10764">
        <v>38</v>
      </c>
      <c r="AH10764">
        <v>38</v>
      </c>
      <c r="AI10764">
        <v>37</v>
      </c>
      <c r="AJ10764">
        <v>37</v>
      </c>
      <c r="AK10764">
        <v>37</v>
      </c>
      <c r="AL10764">
        <v>36</v>
      </c>
      <c r="AM10764">
        <v>36</v>
      </c>
      <c r="AN10764">
        <v>35</v>
      </c>
      <c r="AO10764">
        <v>35</v>
      </c>
      <c r="AP10764">
        <v>35</v>
      </c>
      <c r="AQ10764">
        <v>34</v>
      </c>
    </row>
    <row r="10765" spans="1:43">
      <c r="A10765" t="s">
        <v>6694</v>
      </c>
      <c r="B10765" t="s">
        <v>6695</v>
      </c>
      <c r="C10765" t="s">
        <v>6680</v>
      </c>
      <c r="D10765" t="s">
        <v>6681</v>
      </c>
      <c r="E10765" t="s">
        <v>6594</v>
      </c>
      <c r="F10765" t="s">
        <v>6595</v>
      </c>
      <c r="G10765" t="s">
        <v>80</v>
      </c>
      <c r="H10765" t="s">
        <v>81</v>
      </c>
      <c r="I10765" s="2">
        <v>0</v>
      </c>
      <c r="J10765" s="2">
        <v>1</v>
      </c>
      <c r="K10765" s="2">
        <v>0</v>
      </c>
      <c r="L10765" t="s">
        <v>82</v>
      </c>
      <c r="M10765" t="s">
        <v>83</v>
      </c>
      <c r="N10765" t="s">
        <v>91</v>
      </c>
      <c r="O10765" t="s">
        <v>85</v>
      </c>
      <c r="P10765" t="s">
        <v>86</v>
      </c>
      <c r="Q10765">
        <v>35</v>
      </c>
      <c r="R10765">
        <v>35</v>
      </c>
      <c r="S10765">
        <v>35</v>
      </c>
      <c r="T10765">
        <v>35</v>
      </c>
      <c r="U10765">
        <v>36</v>
      </c>
      <c r="V10765">
        <v>36</v>
      </c>
      <c r="W10765">
        <v>36</v>
      </c>
      <c r="X10765">
        <v>36</v>
      </c>
      <c r="Y10765">
        <v>36</v>
      </c>
      <c r="Z10765">
        <v>36</v>
      </c>
      <c r="AA10765">
        <v>36</v>
      </c>
      <c r="AB10765">
        <v>36</v>
      </c>
      <c r="AC10765">
        <v>36</v>
      </c>
      <c r="AD10765">
        <v>36</v>
      </c>
      <c r="AE10765">
        <v>36</v>
      </c>
      <c r="AF10765">
        <v>36</v>
      </c>
      <c r="AG10765">
        <v>36</v>
      </c>
      <c r="AH10765">
        <v>36</v>
      </c>
      <c r="AI10765">
        <v>36</v>
      </c>
      <c r="AJ10765">
        <v>36</v>
      </c>
      <c r="AK10765">
        <v>36</v>
      </c>
      <c r="AL10765">
        <v>36</v>
      </c>
      <c r="AM10765">
        <v>35</v>
      </c>
      <c r="AN10765">
        <v>35</v>
      </c>
      <c r="AO10765">
        <v>35</v>
      </c>
      <c r="AP10765">
        <v>34</v>
      </c>
      <c r="AQ10765">
        <v>34</v>
      </c>
    </row>
    <row r="10766" spans="1:43">
      <c r="A10766" t="s">
        <v>6696</v>
      </c>
      <c r="B10766" t="s">
        <v>6697</v>
      </c>
      <c r="C10766" t="s">
        <v>6680</v>
      </c>
      <c r="D10766" t="s">
        <v>6681</v>
      </c>
      <c r="E10766" t="s">
        <v>6594</v>
      </c>
      <c r="F10766" t="s">
        <v>6595</v>
      </c>
      <c r="G10766" t="s">
        <v>80</v>
      </c>
      <c r="H10766" t="s">
        <v>81</v>
      </c>
      <c r="I10766" s="2">
        <v>0</v>
      </c>
      <c r="J10766" s="2">
        <v>1</v>
      </c>
      <c r="K10766" s="2">
        <v>0</v>
      </c>
      <c r="L10766" t="s">
        <v>82</v>
      </c>
      <c r="M10766" t="s">
        <v>83</v>
      </c>
      <c r="N10766" t="s">
        <v>84</v>
      </c>
      <c r="O10766" t="s">
        <v>85</v>
      </c>
      <c r="P10766" t="s">
        <v>86</v>
      </c>
      <c r="Q10766">
        <v>29</v>
      </c>
      <c r="R10766">
        <v>29</v>
      </c>
      <c r="S10766">
        <v>30</v>
      </c>
      <c r="T10766">
        <v>30</v>
      </c>
      <c r="U10766">
        <v>30</v>
      </c>
      <c r="V10766">
        <v>30</v>
      </c>
      <c r="W10766">
        <v>30</v>
      </c>
      <c r="X10766">
        <v>30</v>
      </c>
      <c r="Y10766">
        <v>30</v>
      </c>
      <c r="Z10766">
        <v>30</v>
      </c>
      <c r="AA10766">
        <v>30</v>
      </c>
      <c r="AB10766">
        <v>31</v>
      </c>
      <c r="AC10766">
        <v>31</v>
      </c>
      <c r="AD10766">
        <v>31</v>
      </c>
      <c r="AE10766">
        <v>31</v>
      </c>
      <c r="AF10766">
        <v>31</v>
      </c>
      <c r="AG10766">
        <v>31</v>
      </c>
      <c r="AH10766">
        <v>31</v>
      </c>
      <c r="AI10766">
        <v>31</v>
      </c>
      <c r="AJ10766">
        <v>30</v>
      </c>
      <c r="AK10766">
        <v>30</v>
      </c>
      <c r="AL10766">
        <v>30</v>
      </c>
      <c r="AM10766">
        <v>30</v>
      </c>
      <c r="AN10766">
        <v>30</v>
      </c>
      <c r="AO10766">
        <v>29</v>
      </c>
      <c r="AP10766">
        <v>29</v>
      </c>
      <c r="AQ10766">
        <v>29</v>
      </c>
    </row>
    <row r="10767" spans="1:43">
      <c r="A10767" t="s">
        <v>6696</v>
      </c>
      <c r="B10767" t="s">
        <v>6697</v>
      </c>
      <c r="C10767" t="s">
        <v>6680</v>
      </c>
      <c r="D10767" t="s">
        <v>6681</v>
      </c>
      <c r="E10767" t="s">
        <v>6594</v>
      </c>
      <c r="F10767" t="s">
        <v>6595</v>
      </c>
      <c r="G10767" t="s">
        <v>80</v>
      </c>
      <c r="H10767" t="s">
        <v>81</v>
      </c>
      <c r="I10767" s="2">
        <v>0</v>
      </c>
      <c r="J10767" s="2">
        <v>1</v>
      </c>
      <c r="K10767" s="2">
        <v>0</v>
      </c>
      <c r="L10767" t="s">
        <v>82</v>
      </c>
      <c r="M10767" t="s">
        <v>87</v>
      </c>
      <c r="N10767" t="s">
        <v>88</v>
      </c>
      <c r="O10767" t="s">
        <v>85</v>
      </c>
      <c r="P10767" t="s">
        <v>86</v>
      </c>
      <c r="Q10767">
        <v>29</v>
      </c>
      <c r="R10767">
        <v>29</v>
      </c>
      <c r="S10767">
        <v>29</v>
      </c>
      <c r="T10767">
        <v>29</v>
      </c>
      <c r="U10767">
        <v>29</v>
      </c>
      <c r="V10767">
        <v>28</v>
      </c>
      <c r="W10767">
        <v>28</v>
      </c>
      <c r="X10767">
        <v>28</v>
      </c>
      <c r="Y10767">
        <v>28</v>
      </c>
      <c r="Z10767">
        <v>28</v>
      </c>
      <c r="AA10767">
        <v>28</v>
      </c>
      <c r="AB10767">
        <v>28</v>
      </c>
      <c r="AC10767">
        <v>27</v>
      </c>
      <c r="AD10767">
        <v>27</v>
      </c>
      <c r="AE10767">
        <v>27</v>
      </c>
      <c r="AF10767">
        <v>27</v>
      </c>
      <c r="AG10767">
        <v>27</v>
      </c>
      <c r="AH10767">
        <v>27</v>
      </c>
      <c r="AI10767">
        <v>26</v>
      </c>
      <c r="AJ10767">
        <v>26</v>
      </c>
      <c r="AK10767">
        <v>26</v>
      </c>
      <c r="AL10767">
        <v>26</v>
      </c>
      <c r="AM10767">
        <v>26</v>
      </c>
      <c r="AN10767">
        <v>25</v>
      </c>
      <c r="AO10767">
        <v>25</v>
      </c>
      <c r="AP10767">
        <v>25</v>
      </c>
      <c r="AQ10767">
        <v>25</v>
      </c>
    </row>
    <row r="10768" spans="1:43">
      <c r="A10768" t="s">
        <v>6696</v>
      </c>
      <c r="B10768" t="s">
        <v>6697</v>
      </c>
      <c r="C10768" t="s">
        <v>6680</v>
      </c>
      <c r="D10768" t="s">
        <v>6681</v>
      </c>
      <c r="E10768" t="s">
        <v>6594</v>
      </c>
      <c r="F10768" t="s">
        <v>6595</v>
      </c>
      <c r="G10768" t="s">
        <v>80</v>
      </c>
      <c r="H10768" t="s">
        <v>81</v>
      </c>
      <c r="I10768" s="2">
        <v>0</v>
      </c>
      <c r="J10768" s="2">
        <v>1</v>
      </c>
      <c r="K10768" s="2">
        <v>0</v>
      </c>
      <c r="L10768" t="s">
        <v>82</v>
      </c>
      <c r="M10768" t="s">
        <v>89</v>
      </c>
      <c r="N10768" t="s">
        <v>90</v>
      </c>
      <c r="O10768" t="s">
        <v>85</v>
      </c>
      <c r="P10768" t="s">
        <v>86</v>
      </c>
      <c r="Q10768">
        <v>29</v>
      </c>
      <c r="R10768">
        <v>29</v>
      </c>
      <c r="S10768">
        <v>29</v>
      </c>
      <c r="T10768">
        <v>30</v>
      </c>
      <c r="U10768">
        <v>30</v>
      </c>
      <c r="V10768">
        <v>30</v>
      </c>
      <c r="W10768">
        <v>31</v>
      </c>
      <c r="X10768">
        <v>31</v>
      </c>
      <c r="Y10768">
        <v>31</v>
      </c>
      <c r="Z10768">
        <v>31</v>
      </c>
      <c r="AA10768">
        <v>31</v>
      </c>
      <c r="AB10768">
        <v>32</v>
      </c>
      <c r="AC10768">
        <v>32</v>
      </c>
      <c r="AD10768">
        <v>32</v>
      </c>
      <c r="AE10768">
        <v>32</v>
      </c>
      <c r="AF10768">
        <v>31</v>
      </c>
      <c r="AG10768">
        <v>31</v>
      </c>
      <c r="AH10768">
        <v>31</v>
      </c>
      <c r="AI10768">
        <v>30</v>
      </c>
      <c r="AJ10768">
        <v>30</v>
      </c>
      <c r="AK10768">
        <v>30</v>
      </c>
      <c r="AL10768">
        <v>30</v>
      </c>
      <c r="AM10768">
        <v>29</v>
      </c>
      <c r="AN10768">
        <v>29</v>
      </c>
      <c r="AO10768">
        <v>29</v>
      </c>
      <c r="AP10768">
        <v>28</v>
      </c>
      <c r="AQ10768">
        <v>28</v>
      </c>
    </row>
    <row r="10769" spans="1:43">
      <c r="A10769" t="s">
        <v>6696</v>
      </c>
      <c r="B10769" t="s">
        <v>6697</v>
      </c>
      <c r="C10769" t="s">
        <v>6680</v>
      </c>
      <c r="D10769" t="s">
        <v>6681</v>
      </c>
      <c r="E10769" t="s">
        <v>6594</v>
      </c>
      <c r="F10769" t="s">
        <v>6595</v>
      </c>
      <c r="G10769" t="s">
        <v>80</v>
      </c>
      <c r="H10769" t="s">
        <v>81</v>
      </c>
      <c r="I10769" s="2">
        <v>0</v>
      </c>
      <c r="J10769" s="2">
        <v>1</v>
      </c>
      <c r="K10769" s="2">
        <v>0</v>
      </c>
      <c r="L10769" t="s">
        <v>82</v>
      </c>
      <c r="M10769" t="s">
        <v>83</v>
      </c>
      <c r="N10769" t="s">
        <v>91</v>
      </c>
      <c r="O10769" t="s">
        <v>85</v>
      </c>
      <c r="P10769" t="s">
        <v>86</v>
      </c>
      <c r="Q10769">
        <v>29</v>
      </c>
      <c r="R10769">
        <v>29</v>
      </c>
      <c r="S10769">
        <v>30</v>
      </c>
      <c r="T10769">
        <v>30</v>
      </c>
      <c r="U10769">
        <v>30</v>
      </c>
      <c r="V10769">
        <v>30</v>
      </c>
      <c r="W10769">
        <v>30</v>
      </c>
      <c r="X10769">
        <v>30</v>
      </c>
      <c r="Y10769">
        <v>30</v>
      </c>
      <c r="Z10769">
        <v>30</v>
      </c>
      <c r="AA10769">
        <v>30</v>
      </c>
      <c r="AB10769">
        <v>31</v>
      </c>
      <c r="AC10769">
        <v>31</v>
      </c>
      <c r="AD10769">
        <v>31</v>
      </c>
      <c r="AE10769">
        <v>31</v>
      </c>
      <c r="AF10769">
        <v>31</v>
      </c>
      <c r="AG10769">
        <v>31</v>
      </c>
      <c r="AH10769">
        <v>31</v>
      </c>
      <c r="AI10769">
        <v>31</v>
      </c>
      <c r="AJ10769">
        <v>30</v>
      </c>
      <c r="AK10769">
        <v>30</v>
      </c>
      <c r="AL10769">
        <v>30</v>
      </c>
      <c r="AM10769">
        <v>30</v>
      </c>
      <c r="AN10769">
        <v>30</v>
      </c>
      <c r="AO10769">
        <v>29</v>
      </c>
      <c r="AP10769">
        <v>29</v>
      </c>
      <c r="AQ10769">
        <v>29</v>
      </c>
    </row>
    <row r="10770" spans="1:43">
      <c r="A10770" t="s">
        <v>6698</v>
      </c>
      <c r="B10770" t="s">
        <v>6699</v>
      </c>
      <c r="C10770" t="s">
        <v>6680</v>
      </c>
      <c r="D10770" t="s">
        <v>6681</v>
      </c>
      <c r="E10770" t="s">
        <v>6594</v>
      </c>
      <c r="F10770" t="s">
        <v>6595</v>
      </c>
      <c r="G10770" t="s">
        <v>80</v>
      </c>
      <c r="H10770" t="s">
        <v>81</v>
      </c>
      <c r="I10770" s="2">
        <v>0</v>
      </c>
      <c r="J10770" s="2">
        <v>1</v>
      </c>
      <c r="K10770" s="2">
        <v>0</v>
      </c>
      <c r="L10770" t="s">
        <v>82</v>
      </c>
      <c r="M10770" t="s">
        <v>83</v>
      </c>
      <c r="N10770" t="s">
        <v>84</v>
      </c>
      <c r="O10770" t="s">
        <v>85</v>
      </c>
      <c r="P10770" t="s">
        <v>86</v>
      </c>
      <c r="Q10770">
        <v>16</v>
      </c>
      <c r="R10770">
        <v>16</v>
      </c>
      <c r="S10770">
        <v>16</v>
      </c>
      <c r="T10770">
        <v>16</v>
      </c>
      <c r="U10770">
        <v>16</v>
      </c>
      <c r="V10770">
        <v>16</v>
      </c>
      <c r="W10770">
        <v>16</v>
      </c>
      <c r="X10770">
        <v>16</v>
      </c>
      <c r="Y10770">
        <v>16</v>
      </c>
      <c r="Z10770">
        <v>16</v>
      </c>
      <c r="AA10770">
        <v>16</v>
      </c>
      <c r="AB10770">
        <v>16</v>
      </c>
      <c r="AC10770">
        <v>16</v>
      </c>
      <c r="AD10770">
        <v>16</v>
      </c>
      <c r="AE10770">
        <v>16</v>
      </c>
      <c r="AF10770">
        <v>16</v>
      </c>
      <c r="AG10770">
        <v>16</v>
      </c>
      <c r="AH10770">
        <v>16</v>
      </c>
      <c r="AI10770">
        <v>16</v>
      </c>
      <c r="AJ10770">
        <v>16</v>
      </c>
      <c r="AK10770">
        <v>16</v>
      </c>
      <c r="AL10770">
        <v>16</v>
      </c>
      <c r="AM10770">
        <v>16</v>
      </c>
      <c r="AN10770">
        <v>15</v>
      </c>
      <c r="AO10770">
        <v>15</v>
      </c>
      <c r="AP10770">
        <v>15</v>
      </c>
      <c r="AQ10770">
        <v>15</v>
      </c>
    </row>
    <row r="10771" spans="1:43">
      <c r="A10771" t="s">
        <v>6698</v>
      </c>
      <c r="B10771" t="s">
        <v>6699</v>
      </c>
      <c r="C10771" t="s">
        <v>6680</v>
      </c>
      <c r="D10771" t="s">
        <v>6681</v>
      </c>
      <c r="E10771" t="s">
        <v>6594</v>
      </c>
      <c r="F10771" t="s">
        <v>6595</v>
      </c>
      <c r="G10771" t="s">
        <v>80</v>
      </c>
      <c r="H10771" t="s">
        <v>81</v>
      </c>
      <c r="I10771" s="2">
        <v>0</v>
      </c>
      <c r="J10771" s="2">
        <v>1</v>
      </c>
      <c r="K10771" s="2">
        <v>0</v>
      </c>
      <c r="L10771" t="s">
        <v>82</v>
      </c>
      <c r="M10771" t="s">
        <v>87</v>
      </c>
      <c r="N10771" t="s">
        <v>88</v>
      </c>
      <c r="O10771" t="s">
        <v>85</v>
      </c>
      <c r="P10771" t="s">
        <v>86</v>
      </c>
      <c r="Q10771">
        <v>16</v>
      </c>
      <c r="R10771">
        <v>15</v>
      </c>
      <c r="S10771">
        <v>15</v>
      </c>
      <c r="T10771">
        <v>15</v>
      </c>
      <c r="U10771">
        <v>15</v>
      </c>
      <c r="V10771">
        <v>15</v>
      </c>
      <c r="W10771">
        <v>15</v>
      </c>
      <c r="X10771">
        <v>15</v>
      </c>
      <c r="Y10771">
        <v>15</v>
      </c>
      <c r="Z10771">
        <v>15</v>
      </c>
      <c r="AA10771">
        <v>15</v>
      </c>
      <c r="AB10771">
        <v>15</v>
      </c>
      <c r="AC10771">
        <v>14</v>
      </c>
      <c r="AD10771">
        <v>14</v>
      </c>
      <c r="AE10771">
        <v>14</v>
      </c>
      <c r="AF10771">
        <v>14</v>
      </c>
      <c r="AG10771">
        <v>14</v>
      </c>
      <c r="AH10771">
        <v>14</v>
      </c>
      <c r="AI10771">
        <v>14</v>
      </c>
      <c r="AJ10771">
        <v>14</v>
      </c>
      <c r="AK10771">
        <v>14</v>
      </c>
      <c r="AL10771">
        <v>13</v>
      </c>
      <c r="AM10771">
        <v>13</v>
      </c>
      <c r="AN10771">
        <v>13</v>
      </c>
      <c r="AO10771">
        <v>13</v>
      </c>
      <c r="AP10771">
        <v>13</v>
      </c>
      <c r="AQ10771">
        <v>13</v>
      </c>
    </row>
    <row r="10772" spans="1:43">
      <c r="A10772" t="s">
        <v>6698</v>
      </c>
      <c r="B10772" t="s">
        <v>6699</v>
      </c>
      <c r="C10772" t="s">
        <v>6680</v>
      </c>
      <c r="D10772" t="s">
        <v>6681</v>
      </c>
      <c r="E10772" t="s">
        <v>6594</v>
      </c>
      <c r="F10772" t="s">
        <v>6595</v>
      </c>
      <c r="G10772" t="s">
        <v>80</v>
      </c>
      <c r="H10772" t="s">
        <v>81</v>
      </c>
      <c r="I10772" s="2">
        <v>0</v>
      </c>
      <c r="J10772" s="2">
        <v>1</v>
      </c>
      <c r="K10772" s="2">
        <v>0</v>
      </c>
      <c r="L10772" t="s">
        <v>82</v>
      </c>
      <c r="M10772" t="s">
        <v>89</v>
      </c>
      <c r="N10772" t="s">
        <v>90</v>
      </c>
      <c r="O10772" t="s">
        <v>85</v>
      </c>
      <c r="P10772" t="s">
        <v>86</v>
      </c>
      <c r="Q10772">
        <v>16</v>
      </c>
      <c r="R10772">
        <v>16</v>
      </c>
      <c r="S10772">
        <v>16</v>
      </c>
      <c r="T10772">
        <v>16</v>
      </c>
      <c r="U10772">
        <v>17</v>
      </c>
      <c r="V10772">
        <v>17</v>
      </c>
      <c r="W10772">
        <v>17</v>
      </c>
      <c r="X10772">
        <v>17</v>
      </c>
      <c r="Y10772">
        <v>17</v>
      </c>
      <c r="Z10772">
        <v>17</v>
      </c>
      <c r="AA10772">
        <v>17</v>
      </c>
      <c r="AB10772">
        <v>17</v>
      </c>
      <c r="AC10772">
        <v>17</v>
      </c>
      <c r="AD10772">
        <v>17</v>
      </c>
      <c r="AE10772">
        <v>17</v>
      </c>
      <c r="AF10772">
        <v>17</v>
      </c>
      <c r="AG10772">
        <v>17</v>
      </c>
      <c r="AH10772">
        <v>17</v>
      </c>
      <c r="AI10772">
        <v>16</v>
      </c>
      <c r="AJ10772">
        <v>16</v>
      </c>
      <c r="AK10772">
        <v>16</v>
      </c>
      <c r="AL10772">
        <v>16</v>
      </c>
      <c r="AM10772">
        <v>16</v>
      </c>
      <c r="AN10772">
        <v>16</v>
      </c>
      <c r="AO10772">
        <v>15</v>
      </c>
      <c r="AP10772">
        <v>15</v>
      </c>
      <c r="AQ10772">
        <v>15</v>
      </c>
    </row>
    <row r="10773" spans="1:43">
      <c r="A10773" t="s">
        <v>6698</v>
      </c>
      <c r="B10773" t="s">
        <v>6699</v>
      </c>
      <c r="C10773" t="s">
        <v>6680</v>
      </c>
      <c r="D10773" t="s">
        <v>6681</v>
      </c>
      <c r="E10773" t="s">
        <v>6594</v>
      </c>
      <c r="F10773" t="s">
        <v>6595</v>
      </c>
      <c r="G10773" t="s">
        <v>80</v>
      </c>
      <c r="H10773" t="s">
        <v>81</v>
      </c>
      <c r="I10773" s="2">
        <v>0</v>
      </c>
      <c r="J10773" s="2">
        <v>1</v>
      </c>
      <c r="K10773" s="2">
        <v>0</v>
      </c>
      <c r="L10773" t="s">
        <v>82</v>
      </c>
      <c r="M10773" t="s">
        <v>83</v>
      </c>
      <c r="N10773" t="s">
        <v>91</v>
      </c>
      <c r="O10773" t="s">
        <v>85</v>
      </c>
      <c r="P10773" t="s">
        <v>86</v>
      </c>
      <c r="Q10773">
        <v>16</v>
      </c>
      <c r="R10773">
        <v>16</v>
      </c>
      <c r="S10773">
        <v>16</v>
      </c>
      <c r="T10773">
        <v>16</v>
      </c>
      <c r="U10773">
        <v>16</v>
      </c>
      <c r="V10773">
        <v>16</v>
      </c>
      <c r="W10773">
        <v>16</v>
      </c>
      <c r="X10773">
        <v>16</v>
      </c>
      <c r="Y10773">
        <v>16</v>
      </c>
      <c r="Z10773">
        <v>16</v>
      </c>
      <c r="AA10773">
        <v>16</v>
      </c>
      <c r="AB10773">
        <v>16</v>
      </c>
      <c r="AC10773">
        <v>16</v>
      </c>
      <c r="AD10773">
        <v>16</v>
      </c>
      <c r="AE10773">
        <v>16</v>
      </c>
      <c r="AF10773">
        <v>16</v>
      </c>
      <c r="AG10773">
        <v>16</v>
      </c>
      <c r="AH10773">
        <v>16</v>
      </c>
      <c r="AI10773">
        <v>16</v>
      </c>
      <c r="AJ10773">
        <v>16</v>
      </c>
      <c r="AK10773">
        <v>16</v>
      </c>
      <c r="AL10773">
        <v>16</v>
      </c>
      <c r="AM10773">
        <v>16</v>
      </c>
      <c r="AN10773">
        <v>15</v>
      </c>
      <c r="AO10773">
        <v>15</v>
      </c>
      <c r="AP10773">
        <v>15</v>
      </c>
      <c r="AQ10773">
        <v>15</v>
      </c>
    </row>
    <row r="10774" spans="1:43">
      <c r="A10774" t="s">
        <v>6700</v>
      </c>
      <c r="B10774" t="s">
        <v>6701</v>
      </c>
      <c r="C10774" t="s">
        <v>6702</v>
      </c>
      <c r="D10774" t="s">
        <v>6703</v>
      </c>
      <c r="E10774" t="s">
        <v>6594</v>
      </c>
      <c r="F10774" t="s">
        <v>6595</v>
      </c>
      <c r="G10774" t="s">
        <v>80</v>
      </c>
      <c r="H10774" t="s">
        <v>81</v>
      </c>
      <c r="I10774" s="2">
        <v>0</v>
      </c>
      <c r="J10774" s="2">
        <v>1</v>
      </c>
      <c r="K10774" s="2">
        <v>0</v>
      </c>
      <c r="L10774" t="s">
        <v>82</v>
      </c>
      <c r="M10774" t="s">
        <v>83</v>
      </c>
      <c r="N10774" t="s">
        <v>84</v>
      </c>
      <c r="O10774" t="s">
        <v>85</v>
      </c>
      <c r="P10774" t="s">
        <v>86</v>
      </c>
      <c r="Q10774">
        <v>11</v>
      </c>
      <c r="R10774">
        <v>11</v>
      </c>
      <c r="S10774">
        <v>11</v>
      </c>
      <c r="T10774">
        <v>11</v>
      </c>
      <c r="U10774">
        <v>11</v>
      </c>
      <c r="V10774">
        <v>11</v>
      </c>
      <c r="W10774">
        <v>11</v>
      </c>
      <c r="X10774">
        <v>11</v>
      </c>
      <c r="Y10774">
        <v>11</v>
      </c>
      <c r="Z10774">
        <v>11</v>
      </c>
      <c r="AA10774">
        <v>11</v>
      </c>
      <c r="AB10774">
        <v>11</v>
      </c>
      <c r="AC10774">
        <v>11</v>
      </c>
      <c r="AD10774">
        <v>11</v>
      </c>
      <c r="AE10774">
        <v>11</v>
      </c>
      <c r="AF10774">
        <v>11</v>
      </c>
      <c r="AG10774">
        <v>11</v>
      </c>
      <c r="AH10774">
        <v>11</v>
      </c>
      <c r="AI10774">
        <v>11</v>
      </c>
      <c r="AJ10774">
        <v>11</v>
      </c>
      <c r="AK10774">
        <v>11</v>
      </c>
      <c r="AL10774">
        <v>11</v>
      </c>
      <c r="AM10774">
        <v>11</v>
      </c>
      <c r="AN10774">
        <v>11</v>
      </c>
      <c r="AO10774">
        <v>11</v>
      </c>
      <c r="AP10774">
        <v>11</v>
      </c>
      <c r="AQ10774">
        <v>11</v>
      </c>
    </row>
    <row r="10775" spans="1:43">
      <c r="A10775" t="s">
        <v>6700</v>
      </c>
      <c r="B10775" t="s">
        <v>6701</v>
      </c>
      <c r="C10775" t="s">
        <v>6702</v>
      </c>
      <c r="D10775" t="s">
        <v>6703</v>
      </c>
      <c r="E10775" t="s">
        <v>6594</v>
      </c>
      <c r="F10775" t="s">
        <v>6595</v>
      </c>
      <c r="G10775" t="s">
        <v>80</v>
      </c>
      <c r="H10775" t="s">
        <v>81</v>
      </c>
      <c r="I10775" s="2">
        <v>0</v>
      </c>
      <c r="J10775" s="2">
        <v>1</v>
      </c>
      <c r="K10775" s="2">
        <v>0</v>
      </c>
      <c r="L10775" t="s">
        <v>82</v>
      </c>
      <c r="M10775" t="s">
        <v>87</v>
      </c>
      <c r="N10775" t="s">
        <v>88</v>
      </c>
      <c r="O10775" t="s">
        <v>85</v>
      </c>
      <c r="P10775" t="s">
        <v>86</v>
      </c>
      <c r="Q10775">
        <v>11</v>
      </c>
      <c r="R10775">
        <v>11</v>
      </c>
      <c r="S10775">
        <v>11</v>
      </c>
      <c r="T10775">
        <v>11</v>
      </c>
      <c r="U10775">
        <v>11</v>
      </c>
      <c r="V10775">
        <v>11</v>
      </c>
      <c r="W10775">
        <v>11</v>
      </c>
      <c r="X10775">
        <v>11</v>
      </c>
      <c r="Y10775">
        <v>10</v>
      </c>
      <c r="Z10775">
        <v>10</v>
      </c>
      <c r="AA10775">
        <v>10</v>
      </c>
      <c r="AB10775">
        <v>10</v>
      </c>
      <c r="AC10775">
        <v>10</v>
      </c>
      <c r="AD10775">
        <v>10</v>
      </c>
      <c r="AE10775">
        <v>10</v>
      </c>
      <c r="AF10775">
        <v>10</v>
      </c>
      <c r="AG10775">
        <v>10</v>
      </c>
      <c r="AH10775">
        <v>10</v>
      </c>
      <c r="AI10775">
        <v>10</v>
      </c>
      <c r="AJ10775">
        <v>10</v>
      </c>
      <c r="AK10775">
        <v>10</v>
      </c>
      <c r="AL10775">
        <v>10</v>
      </c>
      <c r="AM10775">
        <v>10</v>
      </c>
      <c r="AN10775">
        <v>10</v>
      </c>
      <c r="AO10775">
        <v>10</v>
      </c>
      <c r="AP10775">
        <v>10</v>
      </c>
      <c r="AQ10775">
        <v>10</v>
      </c>
    </row>
    <row r="10776" spans="1:43">
      <c r="A10776" t="s">
        <v>6700</v>
      </c>
      <c r="B10776" t="s">
        <v>6701</v>
      </c>
      <c r="C10776" t="s">
        <v>6702</v>
      </c>
      <c r="D10776" t="s">
        <v>6703</v>
      </c>
      <c r="E10776" t="s">
        <v>6594</v>
      </c>
      <c r="F10776" t="s">
        <v>6595</v>
      </c>
      <c r="G10776" t="s">
        <v>80</v>
      </c>
      <c r="H10776" t="s">
        <v>81</v>
      </c>
      <c r="I10776" s="2">
        <v>0</v>
      </c>
      <c r="J10776" s="2">
        <v>1</v>
      </c>
      <c r="K10776" s="2">
        <v>0</v>
      </c>
      <c r="L10776" t="s">
        <v>82</v>
      </c>
      <c r="M10776" t="s">
        <v>89</v>
      </c>
      <c r="N10776" t="s">
        <v>90</v>
      </c>
      <c r="O10776" t="s">
        <v>85</v>
      </c>
      <c r="P10776" t="s">
        <v>86</v>
      </c>
      <c r="Q10776">
        <v>11</v>
      </c>
      <c r="R10776">
        <v>11</v>
      </c>
      <c r="S10776">
        <v>11</v>
      </c>
      <c r="T10776">
        <v>11</v>
      </c>
      <c r="U10776">
        <v>12</v>
      </c>
      <c r="V10776">
        <v>12</v>
      </c>
      <c r="W10776">
        <v>12</v>
      </c>
      <c r="X10776">
        <v>12</v>
      </c>
      <c r="Y10776">
        <v>12</v>
      </c>
      <c r="Z10776">
        <v>12</v>
      </c>
      <c r="AA10776">
        <v>12</v>
      </c>
      <c r="AB10776">
        <v>12</v>
      </c>
      <c r="AC10776">
        <v>12</v>
      </c>
      <c r="AD10776">
        <v>12</v>
      </c>
      <c r="AE10776">
        <v>12</v>
      </c>
      <c r="AF10776">
        <v>12</v>
      </c>
      <c r="AG10776">
        <v>12</v>
      </c>
      <c r="AH10776">
        <v>12</v>
      </c>
      <c r="AI10776">
        <v>12</v>
      </c>
      <c r="AJ10776">
        <v>12</v>
      </c>
      <c r="AK10776">
        <v>12</v>
      </c>
      <c r="AL10776">
        <v>12</v>
      </c>
      <c r="AM10776">
        <v>11</v>
      </c>
      <c r="AN10776">
        <v>11</v>
      </c>
      <c r="AO10776">
        <v>11</v>
      </c>
      <c r="AP10776">
        <v>11</v>
      </c>
      <c r="AQ10776">
        <v>11</v>
      </c>
    </row>
    <row r="10777" spans="1:43">
      <c r="A10777" t="s">
        <v>6700</v>
      </c>
      <c r="B10777" t="s">
        <v>6701</v>
      </c>
      <c r="C10777" t="s">
        <v>6702</v>
      </c>
      <c r="D10777" t="s">
        <v>6703</v>
      </c>
      <c r="E10777" t="s">
        <v>6594</v>
      </c>
      <c r="F10777" t="s">
        <v>6595</v>
      </c>
      <c r="G10777" t="s">
        <v>80</v>
      </c>
      <c r="H10777" t="s">
        <v>81</v>
      </c>
      <c r="I10777" s="2">
        <v>0</v>
      </c>
      <c r="J10777" s="2">
        <v>1</v>
      </c>
      <c r="K10777" s="2">
        <v>0</v>
      </c>
      <c r="L10777" t="s">
        <v>82</v>
      </c>
      <c r="M10777" t="s">
        <v>83</v>
      </c>
      <c r="N10777" t="s">
        <v>91</v>
      </c>
      <c r="O10777" t="s">
        <v>85</v>
      </c>
      <c r="P10777" t="s">
        <v>86</v>
      </c>
      <c r="Q10777">
        <v>11</v>
      </c>
      <c r="R10777">
        <v>11</v>
      </c>
      <c r="S10777">
        <v>11</v>
      </c>
      <c r="T10777">
        <v>11</v>
      </c>
      <c r="U10777">
        <v>11</v>
      </c>
      <c r="V10777">
        <v>11</v>
      </c>
      <c r="W10777">
        <v>11</v>
      </c>
      <c r="X10777">
        <v>11</v>
      </c>
      <c r="Y10777">
        <v>11</v>
      </c>
      <c r="Z10777">
        <v>11</v>
      </c>
      <c r="AA10777">
        <v>11</v>
      </c>
      <c r="AB10777">
        <v>11</v>
      </c>
      <c r="AC10777">
        <v>11</v>
      </c>
      <c r="AD10777">
        <v>11</v>
      </c>
      <c r="AE10777">
        <v>11</v>
      </c>
      <c r="AF10777">
        <v>11</v>
      </c>
      <c r="AG10777">
        <v>11</v>
      </c>
      <c r="AH10777">
        <v>11</v>
      </c>
      <c r="AI10777">
        <v>11</v>
      </c>
      <c r="AJ10777">
        <v>11</v>
      </c>
      <c r="AK10777">
        <v>11</v>
      </c>
      <c r="AL10777">
        <v>11</v>
      </c>
      <c r="AM10777">
        <v>11</v>
      </c>
      <c r="AN10777">
        <v>11</v>
      </c>
      <c r="AO10777">
        <v>11</v>
      </c>
      <c r="AP10777">
        <v>11</v>
      </c>
      <c r="AQ10777">
        <v>11</v>
      </c>
    </row>
    <row r="10778" spans="1:43">
      <c r="A10778" t="s">
        <v>6704</v>
      </c>
      <c r="B10778" t="s">
        <v>6705</v>
      </c>
      <c r="C10778" t="s">
        <v>6706</v>
      </c>
      <c r="D10778" t="s">
        <v>6707</v>
      </c>
      <c r="E10778" t="s">
        <v>6594</v>
      </c>
      <c r="F10778" t="s">
        <v>6595</v>
      </c>
      <c r="G10778" t="s">
        <v>80</v>
      </c>
      <c r="H10778" t="s">
        <v>81</v>
      </c>
      <c r="I10778" s="2">
        <v>0</v>
      </c>
      <c r="J10778" s="2">
        <v>1</v>
      </c>
      <c r="K10778" s="2">
        <v>0</v>
      </c>
      <c r="L10778" t="s">
        <v>82</v>
      </c>
      <c r="M10778" t="s">
        <v>83</v>
      </c>
      <c r="N10778" t="s">
        <v>84</v>
      </c>
      <c r="O10778" t="s">
        <v>85</v>
      </c>
      <c r="P10778" t="s">
        <v>86</v>
      </c>
      <c r="Q10778">
        <v>11</v>
      </c>
      <c r="R10778">
        <v>11</v>
      </c>
      <c r="S10778">
        <v>11</v>
      </c>
      <c r="T10778">
        <v>11</v>
      </c>
      <c r="U10778">
        <v>11</v>
      </c>
      <c r="V10778">
        <v>11</v>
      </c>
      <c r="W10778">
        <v>11</v>
      </c>
      <c r="X10778">
        <v>11</v>
      </c>
      <c r="Y10778">
        <v>11</v>
      </c>
      <c r="Z10778">
        <v>11</v>
      </c>
      <c r="AA10778">
        <v>11</v>
      </c>
      <c r="AB10778">
        <v>11</v>
      </c>
      <c r="AC10778">
        <v>11</v>
      </c>
      <c r="AD10778">
        <v>11</v>
      </c>
      <c r="AE10778">
        <v>11</v>
      </c>
      <c r="AF10778">
        <v>11</v>
      </c>
      <c r="AG10778">
        <v>11</v>
      </c>
      <c r="AH10778">
        <v>11</v>
      </c>
      <c r="AI10778">
        <v>11</v>
      </c>
      <c r="AJ10778">
        <v>11</v>
      </c>
      <c r="AK10778">
        <v>11</v>
      </c>
      <c r="AL10778">
        <v>11</v>
      </c>
      <c r="AM10778">
        <v>11</v>
      </c>
      <c r="AN10778">
        <v>11</v>
      </c>
      <c r="AO10778">
        <v>11</v>
      </c>
      <c r="AP10778">
        <v>11</v>
      </c>
      <c r="AQ10778">
        <v>11</v>
      </c>
    </row>
    <row r="10779" spans="1:43">
      <c r="A10779" t="s">
        <v>6704</v>
      </c>
      <c r="B10779" t="s">
        <v>6705</v>
      </c>
      <c r="C10779" t="s">
        <v>6706</v>
      </c>
      <c r="D10779" t="s">
        <v>6707</v>
      </c>
      <c r="E10779" t="s">
        <v>6594</v>
      </c>
      <c r="F10779" t="s">
        <v>6595</v>
      </c>
      <c r="G10779" t="s">
        <v>80</v>
      </c>
      <c r="H10779" t="s">
        <v>81</v>
      </c>
      <c r="I10779" s="2">
        <v>0</v>
      </c>
      <c r="J10779" s="2">
        <v>1</v>
      </c>
      <c r="K10779" s="2">
        <v>0</v>
      </c>
      <c r="L10779" t="s">
        <v>82</v>
      </c>
      <c r="M10779" t="s">
        <v>87</v>
      </c>
      <c r="N10779" t="s">
        <v>88</v>
      </c>
      <c r="O10779" t="s">
        <v>85</v>
      </c>
      <c r="P10779" t="s">
        <v>86</v>
      </c>
      <c r="Q10779">
        <v>11</v>
      </c>
      <c r="R10779">
        <v>11</v>
      </c>
      <c r="S10779">
        <v>11</v>
      </c>
      <c r="T10779">
        <v>11</v>
      </c>
      <c r="U10779">
        <v>11</v>
      </c>
      <c r="V10779">
        <v>11</v>
      </c>
      <c r="W10779">
        <v>11</v>
      </c>
      <c r="X10779">
        <v>11</v>
      </c>
      <c r="Y10779">
        <v>10</v>
      </c>
      <c r="Z10779">
        <v>10</v>
      </c>
      <c r="AA10779">
        <v>10</v>
      </c>
      <c r="AB10779">
        <v>10</v>
      </c>
      <c r="AC10779">
        <v>10</v>
      </c>
      <c r="AD10779">
        <v>10</v>
      </c>
      <c r="AE10779">
        <v>10</v>
      </c>
      <c r="AF10779">
        <v>10</v>
      </c>
      <c r="AG10779">
        <v>10</v>
      </c>
      <c r="AH10779">
        <v>10</v>
      </c>
      <c r="AI10779">
        <v>10</v>
      </c>
      <c r="AJ10779">
        <v>10</v>
      </c>
      <c r="AK10779">
        <v>10</v>
      </c>
      <c r="AL10779">
        <v>10</v>
      </c>
      <c r="AM10779">
        <v>10</v>
      </c>
      <c r="AN10779">
        <v>10</v>
      </c>
      <c r="AO10779">
        <v>10</v>
      </c>
      <c r="AP10779">
        <v>10</v>
      </c>
      <c r="AQ10779">
        <v>9</v>
      </c>
    </row>
    <row r="10780" spans="1:43">
      <c r="A10780" t="s">
        <v>6704</v>
      </c>
      <c r="B10780" t="s">
        <v>6705</v>
      </c>
      <c r="C10780" t="s">
        <v>6706</v>
      </c>
      <c r="D10780" t="s">
        <v>6707</v>
      </c>
      <c r="E10780" t="s">
        <v>6594</v>
      </c>
      <c r="F10780" t="s">
        <v>6595</v>
      </c>
      <c r="G10780" t="s">
        <v>80</v>
      </c>
      <c r="H10780" t="s">
        <v>81</v>
      </c>
      <c r="I10780" s="2">
        <v>0</v>
      </c>
      <c r="J10780" s="2">
        <v>1</v>
      </c>
      <c r="K10780" s="2">
        <v>0</v>
      </c>
      <c r="L10780" t="s">
        <v>82</v>
      </c>
      <c r="M10780" t="s">
        <v>89</v>
      </c>
      <c r="N10780" t="s">
        <v>90</v>
      </c>
      <c r="O10780" t="s">
        <v>85</v>
      </c>
      <c r="P10780" t="s">
        <v>86</v>
      </c>
      <c r="Q10780">
        <v>11</v>
      </c>
      <c r="R10780">
        <v>11</v>
      </c>
      <c r="S10780">
        <v>11</v>
      </c>
      <c r="T10780">
        <v>11</v>
      </c>
      <c r="U10780">
        <v>12</v>
      </c>
      <c r="V10780">
        <v>12</v>
      </c>
      <c r="W10780">
        <v>12</v>
      </c>
      <c r="X10780">
        <v>12</v>
      </c>
      <c r="Y10780">
        <v>12</v>
      </c>
      <c r="Z10780">
        <v>12</v>
      </c>
      <c r="AA10780">
        <v>12</v>
      </c>
      <c r="AB10780">
        <v>12</v>
      </c>
      <c r="AC10780">
        <v>12</v>
      </c>
      <c r="AD10780">
        <v>12</v>
      </c>
      <c r="AE10780">
        <v>12</v>
      </c>
      <c r="AF10780">
        <v>12</v>
      </c>
      <c r="AG10780">
        <v>12</v>
      </c>
      <c r="AH10780">
        <v>12</v>
      </c>
      <c r="AI10780">
        <v>12</v>
      </c>
      <c r="AJ10780">
        <v>12</v>
      </c>
      <c r="AK10780">
        <v>12</v>
      </c>
      <c r="AL10780">
        <v>11</v>
      </c>
      <c r="AM10780">
        <v>11</v>
      </c>
      <c r="AN10780">
        <v>11</v>
      </c>
      <c r="AO10780">
        <v>11</v>
      </c>
      <c r="AP10780">
        <v>11</v>
      </c>
      <c r="AQ10780">
        <v>11</v>
      </c>
    </row>
    <row r="10781" spans="1:43">
      <c r="A10781" t="s">
        <v>6704</v>
      </c>
      <c r="B10781" t="s">
        <v>6705</v>
      </c>
      <c r="C10781" t="s">
        <v>6706</v>
      </c>
      <c r="D10781" t="s">
        <v>6707</v>
      </c>
      <c r="E10781" t="s">
        <v>6594</v>
      </c>
      <c r="F10781" t="s">
        <v>6595</v>
      </c>
      <c r="G10781" t="s">
        <v>80</v>
      </c>
      <c r="H10781" t="s">
        <v>81</v>
      </c>
      <c r="I10781" s="2">
        <v>0</v>
      </c>
      <c r="J10781" s="2">
        <v>1</v>
      </c>
      <c r="K10781" s="2">
        <v>0</v>
      </c>
      <c r="L10781" t="s">
        <v>82</v>
      </c>
      <c r="M10781" t="s">
        <v>83</v>
      </c>
      <c r="N10781" t="s">
        <v>91</v>
      </c>
      <c r="O10781" t="s">
        <v>85</v>
      </c>
      <c r="P10781" t="s">
        <v>86</v>
      </c>
      <c r="Q10781">
        <v>11</v>
      </c>
      <c r="R10781">
        <v>11</v>
      </c>
      <c r="S10781">
        <v>11</v>
      </c>
      <c r="T10781">
        <v>11</v>
      </c>
      <c r="U10781">
        <v>11</v>
      </c>
      <c r="V10781">
        <v>11</v>
      </c>
      <c r="W10781">
        <v>11</v>
      </c>
      <c r="X10781">
        <v>11</v>
      </c>
      <c r="Y10781">
        <v>11</v>
      </c>
      <c r="Z10781">
        <v>11</v>
      </c>
      <c r="AA10781">
        <v>11</v>
      </c>
      <c r="AB10781">
        <v>11</v>
      </c>
      <c r="AC10781">
        <v>11</v>
      </c>
      <c r="AD10781">
        <v>11</v>
      </c>
      <c r="AE10781">
        <v>11</v>
      </c>
      <c r="AF10781">
        <v>11</v>
      </c>
      <c r="AG10781">
        <v>11</v>
      </c>
      <c r="AH10781">
        <v>11</v>
      </c>
      <c r="AI10781">
        <v>11</v>
      </c>
      <c r="AJ10781">
        <v>11</v>
      </c>
      <c r="AK10781">
        <v>11</v>
      </c>
      <c r="AL10781">
        <v>11</v>
      </c>
      <c r="AM10781">
        <v>11</v>
      </c>
      <c r="AN10781">
        <v>11</v>
      </c>
      <c r="AO10781">
        <v>11</v>
      </c>
      <c r="AP10781">
        <v>11</v>
      </c>
      <c r="AQ10781">
        <v>11</v>
      </c>
    </row>
    <row r="10782" spans="1:43">
      <c r="A10782" t="s">
        <v>6708</v>
      </c>
      <c r="B10782" t="s">
        <v>6709</v>
      </c>
      <c r="C10782" t="s">
        <v>6706</v>
      </c>
      <c r="D10782" t="s">
        <v>6707</v>
      </c>
      <c r="E10782" t="s">
        <v>6594</v>
      </c>
      <c r="F10782" t="s">
        <v>6595</v>
      </c>
      <c r="G10782" t="s">
        <v>80</v>
      </c>
      <c r="H10782" t="s">
        <v>81</v>
      </c>
      <c r="I10782" s="2">
        <v>0</v>
      </c>
      <c r="J10782" s="2">
        <v>1</v>
      </c>
      <c r="K10782" s="2">
        <v>0</v>
      </c>
      <c r="L10782" t="s">
        <v>82</v>
      </c>
      <c r="M10782" t="s">
        <v>83</v>
      </c>
      <c r="N10782" t="s">
        <v>84</v>
      </c>
      <c r="O10782" t="s">
        <v>85</v>
      </c>
      <c r="P10782" t="s">
        <v>86</v>
      </c>
      <c r="Q10782">
        <v>25</v>
      </c>
      <c r="R10782">
        <v>25</v>
      </c>
      <c r="S10782">
        <v>25</v>
      </c>
      <c r="T10782">
        <v>25</v>
      </c>
      <c r="U10782">
        <v>25</v>
      </c>
      <c r="V10782">
        <v>25</v>
      </c>
      <c r="W10782">
        <v>26</v>
      </c>
      <c r="X10782">
        <v>26</v>
      </c>
      <c r="Y10782">
        <v>26</v>
      </c>
      <c r="Z10782">
        <v>26</v>
      </c>
      <c r="AA10782">
        <v>26</v>
      </c>
      <c r="AB10782">
        <v>26</v>
      </c>
      <c r="AC10782">
        <v>26</v>
      </c>
      <c r="AD10782">
        <v>26</v>
      </c>
      <c r="AE10782">
        <v>26</v>
      </c>
      <c r="AF10782">
        <v>26</v>
      </c>
      <c r="AG10782">
        <v>26</v>
      </c>
      <c r="AH10782">
        <v>26</v>
      </c>
      <c r="AI10782">
        <v>26</v>
      </c>
      <c r="AJ10782">
        <v>26</v>
      </c>
      <c r="AK10782">
        <v>26</v>
      </c>
      <c r="AL10782">
        <v>26</v>
      </c>
      <c r="AM10782">
        <v>26</v>
      </c>
      <c r="AN10782">
        <v>25</v>
      </c>
      <c r="AO10782">
        <v>25</v>
      </c>
      <c r="AP10782">
        <v>25</v>
      </c>
      <c r="AQ10782">
        <v>25</v>
      </c>
    </row>
    <row r="10783" spans="1:43">
      <c r="A10783" t="s">
        <v>6708</v>
      </c>
      <c r="B10783" t="s">
        <v>6709</v>
      </c>
      <c r="C10783" t="s">
        <v>6706</v>
      </c>
      <c r="D10783" t="s">
        <v>6707</v>
      </c>
      <c r="E10783" t="s">
        <v>6594</v>
      </c>
      <c r="F10783" t="s">
        <v>6595</v>
      </c>
      <c r="G10783" t="s">
        <v>80</v>
      </c>
      <c r="H10783" t="s">
        <v>81</v>
      </c>
      <c r="I10783" s="2">
        <v>0</v>
      </c>
      <c r="J10783" s="2">
        <v>1</v>
      </c>
      <c r="K10783" s="2">
        <v>0</v>
      </c>
      <c r="L10783" t="s">
        <v>82</v>
      </c>
      <c r="M10783" t="s">
        <v>87</v>
      </c>
      <c r="N10783" t="s">
        <v>88</v>
      </c>
      <c r="O10783" t="s">
        <v>85</v>
      </c>
      <c r="P10783" t="s">
        <v>86</v>
      </c>
      <c r="Q10783">
        <v>25</v>
      </c>
      <c r="R10783">
        <v>25</v>
      </c>
      <c r="S10783">
        <v>25</v>
      </c>
      <c r="T10783">
        <v>25</v>
      </c>
      <c r="U10783">
        <v>25</v>
      </c>
      <c r="V10783">
        <v>25</v>
      </c>
      <c r="W10783">
        <v>25</v>
      </c>
      <c r="X10783">
        <v>25</v>
      </c>
      <c r="Y10783">
        <v>25</v>
      </c>
      <c r="Z10783">
        <v>25</v>
      </c>
      <c r="AA10783">
        <v>25</v>
      </c>
      <c r="AB10783">
        <v>24</v>
      </c>
      <c r="AC10783">
        <v>24</v>
      </c>
      <c r="AD10783">
        <v>24</v>
      </c>
      <c r="AE10783">
        <v>24</v>
      </c>
      <c r="AF10783">
        <v>24</v>
      </c>
      <c r="AG10783">
        <v>24</v>
      </c>
      <c r="AH10783">
        <v>24</v>
      </c>
      <c r="AI10783">
        <v>24</v>
      </c>
      <c r="AJ10783">
        <v>23</v>
      </c>
      <c r="AK10783">
        <v>23</v>
      </c>
      <c r="AL10783">
        <v>23</v>
      </c>
      <c r="AM10783">
        <v>23</v>
      </c>
      <c r="AN10783">
        <v>23</v>
      </c>
      <c r="AO10783">
        <v>23</v>
      </c>
      <c r="AP10783">
        <v>23</v>
      </c>
      <c r="AQ10783">
        <v>23</v>
      </c>
    </row>
    <row r="10784" spans="1:43">
      <c r="A10784" t="s">
        <v>6708</v>
      </c>
      <c r="B10784" t="s">
        <v>6709</v>
      </c>
      <c r="C10784" t="s">
        <v>6706</v>
      </c>
      <c r="D10784" t="s">
        <v>6707</v>
      </c>
      <c r="E10784" t="s">
        <v>6594</v>
      </c>
      <c r="F10784" t="s">
        <v>6595</v>
      </c>
      <c r="G10784" t="s">
        <v>80</v>
      </c>
      <c r="H10784" t="s">
        <v>81</v>
      </c>
      <c r="I10784" s="2">
        <v>0</v>
      </c>
      <c r="J10784" s="2">
        <v>1</v>
      </c>
      <c r="K10784" s="2">
        <v>0</v>
      </c>
      <c r="L10784" t="s">
        <v>82</v>
      </c>
      <c r="M10784" t="s">
        <v>89</v>
      </c>
      <c r="N10784" t="s">
        <v>90</v>
      </c>
      <c r="O10784" t="s">
        <v>85</v>
      </c>
      <c r="P10784" t="s">
        <v>86</v>
      </c>
      <c r="Q10784">
        <v>25</v>
      </c>
      <c r="R10784">
        <v>25</v>
      </c>
      <c r="S10784">
        <v>26</v>
      </c>
      <c r="T10784">
        <v>26</v>
      </c>
      <c r="U10784">
        <v>26</v>
      </c>
      <c r="V10784">
        <v>27</v>
      </c>
      <c r="W10784">
        <v>27</v>
      </c>
      <c r="X10784">
        <v>27</v>
      </c>
      <c r="Y10784">
        <v>27</v>
      </c>
      <c r="Z10784">
        <v>27</v>
      </c>
      <c r="AA10784">
        <v>28</v>
      </c>
      <c r="AB10784">
        <v>28</v>
      </c>
      <c r="AC10784">
        <v>28</v>
      </c>
      <c r="AD10784">
        <v>28</v>
      </c>
      <c r="AE10784">
        <v>28</v>
      </c>
      <c r="AF10784">
        <v>28</v>
      </c>
      <c r="AG10784">
        <v>27</v>
      </c>
      <c r="AH10784">
        <v>27</v>
      </c>
      <c r="AI10784">
        <v>27</v>
      </c>
      <c r="AJ10784">
        <v>27</v>
      </c>
      <c r="AK10784">
        <v>26</v>
      </c>
      <c r="AL10784">
        <v>26</v>
      </c>
      <c r="AM10784">
        <v>26</v>
      </c>
      <c r="AN10784">
        <v>26</v>
      </c>
      <c r="AO10784">
        <v>25</v>
      </c>
      <c r="AP10784">
        <v>25</v>
      </c>
      <c r="AQ10784">
        <v>25</v>
      </c>
    </row>
    <row r="10785" spans="1:43">
      <c r="A10785" t="s">
        <v>6708</v>
      </c>
      <c r="B10785" t="s">
        <v>6709</v>
      </c>
      <c r="C10785" t="s">
        <v>6706</v>
      </c>
      <c r="D10785" t="s">
        <v>6707</v>
      </c>
      <c r="E10785" t="s">
        <v>6594</v>
      </c>
      <c r="F10785" t="s">
        <v>6595</v>
      </c>
      <c r="G10785" t="s">
        <v>80</v>
      </c>
      <c r="H10785" t="s">
        <v>81</v>
      </c>
      <c r="I10785" s="2">
        <v>0</v>
      </c>
      <c r="J10785" s="2">
        <v>1</v>
      </c>
      <c r="K10785" s="2">
        <v>0</v>
      </c>
      <c r="L10785" t="s">
        <v>82</v>
      </c>
      <c r="M10785" t="s">
        <v>83</v>
      </c>
      <c r="N10785" t="s">
        <v>91</v>
      </c>
      <c r="O10785" t="s">
        <v>85</v>
      </c>
      <c r="P10785" t="s">
        <v>86</v>
      </c>
      <c r="Q10785">
        <v>25</v>
      </c>
      <c r="R10785">
        <v>25</v>
      </c>
      <c r="S10785">
        <v>25</v>
      </c>
      <c r="T10785">
        <v>25</v>
      </c>
      <c r="U10785">
        <v>25</v>
      </c>
      <c r="V10785">
        <v>25</v>
      </c>
      <c r="W10785">
        <v>26</v>
      </c>
      <c r="X10785">
        <v>26</v>
      </c>
      <c r="Y10785">
        <v>26</v>
      </c>
      <c r="Z10785">
        <v>26</v>
      </c>
      <c r="AA10785">
        <v>26</v>
      </c>
      <c r="AB10785">
        <v>26</v>
      </c>
      <c r="AC10785">
        <v>26</v>
      </c>
      <c r="AD10785">
        <v>26</v>
      </c>
      <c r="AE10785">
        <v>26</v>
      </c>
      <c r="AF10785">
        <v>26</v>
      </c>
      <c r="AG10785">
        <v>26</v>
      </c>
      <c r="AH10785">
        <v>26</v>
      </c>
      <c r="AI10785">
        <v>26</v>
      </c>
      <c r="AJ10785">
        <v>26</v>
      </c>
      <c r="AK10785">
        <v>26</v>
      </c>
      <c r="AL10785">
        <v>26</v>
      </c>
      <c r="AM10785">
        <v>26</v>
      </c>
      <c r="AN10785">
        <v>25</v>
      </c>
      <c r="AO10785">
        <v>25</v>
      </c>
      <c r="AP10785">
        <v>25</v>
      </c>
      <c r="AQ10785">
        <v>25</v>
      </c>
    </row>
    <row r="10786" spans="1:43">
      <c r="A10786" t="s">
        <v>6710</v>
      </c>
      <c r="B10786" t="s">
        <v>6711</v>
      </c>
      <c r="C10786" t="s">
        <v>6706</v>
      </c>
      <c r="D10786" t="s">
        <v>6707</v>
      </c>
      <c r="E10786" t="s">
        <v>6594</v>
      </c>
      <c r="F10786" t="s">
        <v>6595</v>
      </c>
      <c r="G10786" t="s">
        <v>80</v>
      </c>
      <c r="H10786" t="s">
        <v>81</v>
      </c>
      <c r="I10786" s="2">
        <v>0</v>
      </c>
      <c r="J10786" s="2">
        <v>1</v>
      </c>
      <c r="K10786" s="2">
        <v>0</v>
      </c>
      <c r="L10786" t="s">
        <v>82</v>
      </c>
      <c r="M10786" t="s">
        <v>83</v>
      </c>
      <c r="N10786" t="s">
        <v>84</v>
      </c>
      <c r="O10786" t="s">
        <v>85</v>
      </c>
      <c r="P10786" t="s">
        <v>86</v>
      </c>
      <c r="Q10786">
        <v>10</v>
      </c>
      <c r="R10786">
        <v>10</v>
      </c>
      <c r="S10786">
        <v>10</v>
      </c>
      <c r="T10786">
        <v>10</v>
      </c>
      <c r="U10786">
        <v>10</v>
      </c>
      <c r="V10786">
        <v>10</v>
      </c>
      <c r="W10786">
        <v>10</v>
      </c>
      <c r="X10786">
        <v>10</v>
      </c>
      <c r="Y10786">
        <v>10</v>
      </c>
      <c r="Z10786">
        <v>10</v>
      </c>
      <c r="AA10786">
        <v>10</v>
      </c>
      <c r="AB10786">
        <v>10</v>
      </c>
      <c r="AC10786">
        <v>11</v>
      </c>
      <c r="AD10786">
        <v>11</v>
      </c>
      <c r="AE10786">
        <v>11</v>
      </c>
      <c r="AF10786">
        <v>11</v>
      </c>
      <c r="AG10786">
        <v>11</v>
      </c>
      <c r="AH10786">
        <v>11</v>
      </c>
      <c r="AI10786">
        <v>11</v>
      </c>
      <c r="AJ10786">
        <v>11</v>
      </c>
      <c r="AK10786">
        <v>11</v>
      </c>
      <c r="AL10786">
        <v>10</v>
      </c>
      <c r="AM10786">
        <v>10</v>
      </c>
      <c r="AN10786">
        <v>10</v>
      </c>
      <c r="AO10786">
        <v>10</v>
      </c>
      <c r="AP10786">
        <v>10</v>
      </c>
      <c r="AQ10786">
        <v>10</v>
      </c>
    </row>
    <row r="10787" spans="1:43">
      <c r="A10787" t="s">
        <v>6710</v>
      </c>
      <c r="B10787" t="s">
        <v>6711</v>
      </c>
      <c r="C10787" t="s">
        <v>6706</v>
      </c>
      <c r="D10787" t="s">
        <v>6707</v>
      </c>
      <c r="E10787" t="s">
        <v>6594</v>
      </c>
      <c r="F10787" t="s">
        <v>6595</v>
      </c>
      <c r="G10787" t="s">
        <v>80</v>
      </c>
      <c r="H10787" t="s">
        <v>81</v>
      </c>
      <c r="I10787" s="2">
        <v>0</v>
      </c>
      <c r="J10787" s="2">
        <v>1</v>
      </c>
      <c r="K10787" s="2">
        <v>0</v>
      </c>
      <c r="L10787" t="s">
        <v>82</v>
      </c>
      <c r="M10787" t="s">
        <v>87</v>
      </c>
      <c r="N10787" t="s">
        <v>88</v>
      </c>
      <c r="O10787" t="s">
        <v>85</v>
      </c>
      <c r="P10787" t="s">
        <v>86</v>
      </c>
      <c r="Q10787">
        <v>10</v>
      </c>
      <c r="R10787">
        <v>10</v>
      </c>
      <c r="S10787">
        <v>10</v>
      </c>
      <c r="T10787">
        <v>10</v>
      </c>
      <c r="U10787">
        <v>10</v>
      </c>
      <c r="V10787">
        <v>10</v>
      </c>
      <c r="W10787">
        <v>10</v>
      </c>
      <c r="X10787">
        <v>10</v>
      </c>
      <c r="Y10787">
        <v>10</v>
      </c>
      <c r="Z10787">
        <v>10</v>
      </c>
      <c r="AA10787">
        <v>10</v>
      </c>
      <c r="AB10787">
        <v>9</v>
      </c>
      <c r="AC10787">
        <v>9</v>
      </c>
      <c r="AD10787">
        <v>9</v>
      </c>
      <c r="AE10787">
        <v>9</v>
      </c>
      <c r="AF10787">
        <v>9</v>
      </c>
      <c r="AG10787">
        <v>9</v>
      </c>
      <c r="AH10787">
        <v>9</v>
      </c>
      <c r="AI10787">
        <v>9</v>
      </c>
      <c r="AJ10787">
        <v>9</v>
      </c>
      <c r="AK10787">
        <v>9</v>
      </c>
      <c r="AL10787">
        <v>9</v>
      </c>
      <c r="AM10787">
        <v>9</v>
      </c>
      <c r="AN10787">
        <v>9</v>
      </c>
      <c r="AO10787">
        <v>9</v>
      </c>
      <c r="AP10787">
        <v>9</v>
      </c>
      <c r="AQ10787">
        <v>9</v>
      </c>
    </row>
    <row r="10788" spans="1:43">
      <c r="A10788" t="s">
        <v>6710</v>
      </c>
      <c r="B10788" t="s">
        <v>6711</v>
      </c>
      <c r="C10788" t="s">
        <v>6706</v>
      </c>
      <c r="D10788" t="s">
        <v>6707</v>
      </c>
      <c r="E10788" t="s">
        <v>6594</v>
      </c>
      <c r="F10788" t="s">
        <v>6595</v>
      </c>
      <c r="G10788" t="s">
        <v>80</v>
      </c>
      <c r="H10788" t="s">
        <v>81</v>
      </c>
      <c r="I10788" s="2">
        <v>0</v>
      </c>
      <c r="J10788" s="2">
        <v>1</v>
      </c>
      <c r="K10788" s="2">
        <v>0</v>
      </c>
      <c r="L10788" t="s">
        <v>82</v>
      </c>
      <c r="M10788" t="s">
        <v>89</v>
      </c>
      <c r="N10788" t="s">
        <v>90</v>
      </c>
      <c r="O10788" t="s">
        <v>85</v>
      </c>
      <c r="P10788" t="s">
        <v>86</v>
      </c>
      <c r="Q10788">
        <v>10</v>
      </c>
      <c r="R10788">
        <v>10</v>
      </c>
      <c r="S10788">
        <v>10</v>
      </c>
      <c r="T10788">
        <v>11</v>
      </c>
      <c r="U10788">
        <v>11</v>
      </c>
      <c r="V10788">
        <v>11</v>
      </c>
      <c r="W10788">
        <v>11</v>
      </c>
      <c r="X10788">
        <v>11</v>
      </c>
      <c r="Y10788">
        <v>11</v>
      </c>
      <c r="Z10788">
        <v>11</v>
      </c>
      <c r="AA10788">
        <v>11</v>
      </c>
      <c r="AB10788">
        <v>11</v>
      </c>
      <c r="AC10788">
        <v>11</v>
      </c>
      <c r="AD10788">
        <v>11</v>
      </c>
      <c r="AE10788">
        <v>11</v>
      </c>
      <c r="AF10788">
        <v>11</v>
      </c>
      <c r="AG10788">
        <v>11</v>
      </c>
      <c r="AH10788">
        <v>11</v>
      </c>
      <c r="AI10788">
        <v>11</v>
      </c>
      <c r="AJ10788">
        <v>11</v>
      </c>
      <c r="AK10788">
        <v>11</v>
      </c>
      <c r="AL10788">
        <v>11</v>
      </c>
      <c r="AM10788">
        <v>10</v>
      </c>
      <c r="AN10788">
        <v>10</v>
      </c>
      <c r="AO10788">
        <v>10</v>
      </c>
      <c r="AP10788">
        <v>10</v>
      </c>
      <c r="AQ10788">
        <v>10</v>
      </c>
    </row>
    <row r="10789" spans="1:43">
      <c r="A10789" t="s">
        <v>6710</v>
      </c>
      <c r="B10789" t="s">
        <v>6711</v>
      </c>
      <c r="C10789" t="s">
        <v>6706</v>
      </c>
      <c r="D10789" t="s">
        <v>6707</v>
      </c>
      <c r="E10789" t="s">
        <v>6594</v>
      </c>
      <c r="F10789" t="s">
        <v>6595</v>
      </c>
      <c r="G10789" t="s">
        <v>80</v>
      </c>
      <c r="H10789" t="s">
        <v>81</v>
      </c>
      <c r="I10789" s="2">
        <v>0</v>
      </c>
      <c r="J10789" s="2">
        <v>1</v>
      </c>
      <c r="K10789" s="2">
        <v>0</v>
      </c>
      <c r="L10789" t="s">
        <v>82</v>
      </c>
      <c r="M10789" t="s">
        <v>83</v>
      </c>
      <c r="N10789" t="s">
        <v>91</v>
      </c>
      <c r="O10789" t="s">
        <v>85</v>
      </c>
      <c r="P10789" t="s">
        <v>86</v>
      </c>
      <c r="Q10789">
        <v>10</v>
      </c>
      <c r="R10789">
        <v>10</v>
      </c>
      <c r="S10789">
        <v>10</v>
      </c>
      <c r="T10789">
        <v>10</v>
      </c>
      <c r="U10789">
        <v>10</v>
      </c>
      <c r="V10789">
        <v>10</v>
      </c>
      <c r="W10789">
        <v>10</v>
      </c>
      <c r="X10789">
        <v>10</v>
      </c>
      <c r="Y10789">
        <v>10</v>
      </c>
      <c r="Z10789">
        <v>10</v>
      </c>
      <c r="AA10789">
        <v>10</v>
      </c>
      <c r="AB10789">
        <v>10</v>
      </c>
      <c r="AC10789">
        <v>11</v>
      </c>
      <c r="AD10789">
        <v>11</v>
      </c>
      <c r="AE10789">
        <v>11</v>
      </c>
      <c r="AF10789">
        <v>11</v>
      </c>
      <c r="AG10789">
        <v>11</v>
      </c>
      <c r="AH10789">
        <v>11</v>
      </c>
      <c r="AI10789">
        <v>11</v>
      </c>
      <c r="AJ10789">
        <v>11</v>
      </c>
      <c r="AK10789">
        <v>11</v>
      </c>
      <c r="AL10789">
        <v>10</v>
      </c>
      <c r="AM10789">
        <v>10</v>
      </c>
      <c r="AN10789">
        <v>10</v>
      </c>
      <c r="AO10789">
        <v>10</v>
      </c>
      <c r="AP10789">
        <v>10</v>
      </c>
      <c r="AQ10789">
        <v>10</v>
      </c>
    </row>
    <row r="10790" spans="1:43">
      <c r="A10790" t="s">
        <v>6712</v>
      </c>
      <c r="B10790" t="s">
        <v>6713</v>
      </c>
      <c r="C10790" t="s">
        <v>6706</v>
      </c>
      <c r="D10790" t="s">
        <v>6707</v>
      </c>
      <c r="E10790" t="s">
        <v>6594</v>
      </c>
      <c r="F10790" t="s">
        <v>6595</v>
      </c>
      <c r="G10790" t="s">
        <v>80</v>
      </c>
      <c r="H10790" t="s">
        <v>81</v>
      </c>
      <c r="I10790" s="2">
        <v>0</v>
      </c>
      <c r="J10790" s="2">
        <v>1</v>
      </c>
      <c r="K10790" s="2">
        <v>0</v>
      </c>
      <c r="L10790" t="s">
        <v>82</v>
      </c>
      <c r="M10790" t="s">
        <v>83</v>
      </c>
      <c r="N10790" t="s">
        <v>84</v>
      </c>
      <c r="O10790" t="s">
        <v>85</v>
      </c>
      <c r="P10790" t="s">
        <v>86</v>
      </c>
      <c r="Q10790">
        <v>13</v>
      </c>
      <c r="R10790">
        <v>13</v>
      </c>
      <c r="S10790">
        <v>13</v>
      </c>
      <c r="T10790">
        <v>13</v>
      </c>
      <c r="U10790">
        <v>13</v>
      </c>
      <c r="V10790">
        <v>13</v>
      </c>
      <c r="W10790">
        <v>13</v>
      </c>
      <c r="X10790">
        <v>13</v>
      </c>
      <c r="Y10790">
        <v>13</v>
      </c>
      <c r="Z10790">
        <v>13</v>
      </c>
      <c r="AA10790">
        <v>13</v>
      </c>
      <c r="AB10790">
        <v>13</v>
      </c>
      <c r="AC10790">
        <v>13</v>
      </c>
      <c r="AD10790">
        <v>13</v>
      </c>
      <c r="AE10790">
        <v>13</v>
      </c>
      <c r="AF10790">
        <v>13</v>
      </c>
      <c r="AG10790">
        <v>13</v>
      </c>
      <c r="AH10790">
        <v>13</v>
      </c>
      <c r="AI10790">
        <v>13</v>
      </c>
      <c r="AJ10790">
        <v>13</v>
      </c>
      <c r="AK10790">
        <v>13</v>
      </c>
      <c r="AL10790">
        <v>13</v>
      </c>
      <c r="AM10790">
        <v>13</v>
      </c>
      <c r="AN10790">
        <v>13</v>
      </c>
      <c r="AO10790">
        <v>13</v>
      </c>
      <c r="AP10790">
        <v>13</v>
      </c>
      <c r="AQ10790">
        <v>13</v>
      </c>
    </row>
    <row r="10791" spans="1:43">
      <c r="A10791" t="s">
        <v>6712</v>
      </c>
      <c r="B10791" t="s">
        <v>6713</v>
      </c>
      <c r="C10791" t="s">
        <v>6706</v>
      </c>
      <c r="D10791" t="s">
        <v>6707</v>
      </c>
      <c r="E10791" t="s">
        <v>6594</v>
      </c>
      <c r="F10791" t="s">
        <v>6595</v>
      </c>
      <c r="G10791" t="s">
        <v>80</v>
      </c>
      <c r="H10791" t="s">
        <v>81</v>
      </c>
      <c r="I10791" s="2">
        <v>0</v>
      </c>
      <c r="J10791" s="2">
        <v>1</v>
      </c>
      <c r="K10791" s="2">
        <v>0</v>
      </c>
      <c r="L10791" t="s">
        <v>82</v>
      </c>
      <c r="M10791" t="s">
        <v>87</v>
      </c>
      <c r="N10791" t="s">
        <v>88</v>
      </c>
      <c r="O10791" t="s">
        <v>85</v>
      </c>
      <c r="P10791" t="s">
        <v>86</v>
      </c>
      <c r="Q10791">
        <v>13</v>
      </c>
      <c r="R10791">
        <v>13</v>
      </c>
      <c r="S10791">
        <v>13</v>
      </c>
      <c r="T10791">
        <v>12</v>
      </c>
      <c r="U10791">
        <v>12</v>
      </c>
      <c r="V10791">
        <v>12</v>
      </c>
      <c r="W10791">
        <v>12</v>
      </c>
      <c r="X10791">
        <v>12</v>
      </c>
      <c r="Y10791">
        <v>12</v>
      </c>
      <c r="Z10791">
        <v>12</v>
      </c>
      <c r="AA10791">
        <v>12</v>
      </c>
      <c r="AB10791">
        <v>12</v>
      </c>
      <c r="AC10791">
        <v>12</v>
      </c>
      <c r="AD10791">
        <v>12</v>
      </c>
      <c r="AE10791">
        <v>12</v>
      </c>
      <c r="AF10791">
        <v>12</v>
      </c>
      <c r="AG10791">
        <v>12</v>
      </c>
      <c r="AH10791">
        <v>12</v>
      </c>
      <c r="AI10791">
        <v>12</v>
      </c>
      <c r="AJ10791">
        <v>12</v>
      </c>
      <c r="AK10791">
        <v>11</v>
      </c>
      <c r="AL10791">
        <v>11</v>
      </c>
      <c r="AM10791">
        <v>11</v>
      </c>
      <c r="AN10791">
        <v>11</v>
      </c>
      <c r="AO10791">
        <v>11</v>
      </c>
      <c r="AP10791">
        <v>11</v>
      </c>
      <c r="AQ10791">
        <v>11</v>
      </c>
    </row>
    <row r="10792" spans="1:43">
      <c r="A10792" t="s">
        <v>6712</v>
      </c>
      <c r="B10792" t="s">
        <v>6713</v>
      </c>
      <c r="C10792" t="s">
        <v>6706</v>
      </c>
      <c r="D10792" t="s">
        <v>6707</v>
      </c>
      <c r="E10792" t="s">
        <v>6594</v>
      </c>
      <c r="F10792" t="s">
        <v>6595</v>
      </c>
      <c r="G10792" t="s">
        <v>80</v>
      </c>
      <c r="H10792" t="s">
        <v>81</v>
      </c>
      <c r="I10792" s="2">
        <v>0</v>
      </c>
      <c r="J10792" s="2">
        <v>1</v>
      </c>
      <c r="K10792" s="2">
        <v>0</v>
      </c>
      <c r="L10792" t="s">
        <v>82</v>
      </c>
      <c r="M10792" t="s">
        <v>89</v>
      </c>
      <c r="N10792" t="s">
        <v>90</v>
      </c>
      <c r="O10792" t="s">
        <v>85</v>
      </c>
      <c r="P10792" t="s">
        <v>86</v>
      </c>
      <c r="Q10792">
        <v>13</v>
      </c>
      <c r="R10792">
        <v>13</v>
      </c>
      <c r="S10792">
        <v>13</v>
      </c>
      <c r="T10792">
        <v>13</v>
      </c>
      <c r="U10792">
        <v>14</v>
      </c>
      <c r="V10792">
        <v>14</v>
      </c>
      <c r="W10792">
        <v>14</v>
      </c>
      <c r="X10792">
        <v>14</v>
      </c>
      <c r="Y10792">
        <v>14</v>
      </c>
      <c r="Z10792">
        <v>14</v>
      </c>
      <c r="AA10792">
        <v>14</v>
      </c>
      <c r="AB10792">
        <v>14</v>
      </c>
      <c r="AC10792">
        <v>14</v>
      </c>
      <c r="AD10792">
        <v>14</v>
      </c>
      <c r="AE10792">
        <v>14</v>
      </c>
      <c r="AF10792">
        <v>14</v>
      </c>
      <c r="AG10792">
        <v>14</v>
      </c>
      <c r="AH10792">
        <v>14</v>
      </c>
      <c r="AI10792">
        <v>14</v>
      </c>
      <c r="AJ10792">
        <v>14</v>
      </c>
      <c r="AK10792">
        <v>14</v>
      </c>
      <c r="AL10792">
        <v>13</v>
      </c>
      <c r="AM10792">
        <v>13</v>
      </c>
      <c r="AN10792">
        <v>13</v>
      </c>
      <c r="AO10792">
        <v>13</v>
      </c>
      <c r="AP10792">
        <v>13</v>
      </c>
      <c r="AQ10792">
        <v>13</v>
      </c>
    </row>
    <row r="10793" spans="1:43">
      <c r="A10793" t="s">
        <v>6712</v>
      </c>
      <c r="B10793" t="s">
        <v>6713</v>
      </c>
      <c r="C10793" t="s">
        <v>6706</v>
      </c>
      <c r="D10793" t="s">
        <v>6707</v>
      </c>
      <c r="E10793" t="s">
        <v>6594</v>
      </c>
      <c r="F10793" t="s">
        <v>6595</v>
      </c>
      <c r="G10793" t="s">
        <v>80</v>
      </c>
      <c r="H10793" t="s">
        <v>81</v>
      </c>
      <c r="I10793" s="2">
        <v>0</v>
      </c>
      <c r="J10793" s="2">
        <v>1</v>
      </c>
      <c r="K10793" s="2">
        <v>0</v>
      </c>
      <c r="L10793" t="s">
        <v>82</v>
      </c>
      <c r="M10793" t="s">
        <v>83</v>
      </c>
      <c r="N10793" t="s">
        <v>91</v>
      </c>
      <c r="O10793" t="s">
        <v>85</v>
      </c>
      <c r="P10793" t="s">
        <v>86</v>
      </c>
      <c r="Q10793">
        <v>13</v>
      </c>
      <c r="R10793">
        <v>13</v>
      </c>
      <c r="S10793">
        <v>13</v>
      </c>
      <c r="T10793">
        <v>13</v>
      </c>
      <c r="U10793">
        <v>13</v>
      </c>
      <c r="V10793">
        <v>13</v>
      </c>
      <c r="W10793">
        <v>13</v>
      </c>
      <c r="X10793">
        <v>13</v>
      </c>
      <c r="Y10793">
        <v>13</v>
      </c>
      <c r="Z10793">
        <v>13</v>
      </c>
      <c r="AA10793">
        <v>13</v>
      </c>
      <c r="AB10793">
        <v>13</v>
      </c>
      <c r="AC10793">
        <v>13</v>
      </c>
      <c r="AD10793">
        <v>13</v>
      </c>
      <c r="AE10793">
        <v>13</v>
      </c>
      <c r="AF10793">
        <v>13</v>
      </c>
      <c r="AG10793">
        <v>13</v>
      </c>
      <c r="AH10793">
        <v>13</v>
      </c>
      <c r="AI10793">
        <v>13</v>
      </c>
      <c r="AJ10793">
        <v>13</v>
      </c>
      <c r="AK10793">
        <v>13</v>
      </c>
      <c r="AL10793">
        <v>13</v>
      </c>
      <c r="AM10793">
        <v>13</v>
      </c>
      <c r="AN10793">
        <v>13</v>
      </c>
      <c r="AO10793">
        <v>13</v>
      </c>
      <c r="AP10793">
        <v>13</v>
      </c>
      <c r="AQ10793">
        <v>13</v>
      </c>
    </row>
    <row r="10794" spans="1:43">
      <c r="A10794" t="s">
        <v>6714</v>
      </c>
      <c r="B10794" t="s">
        <v>6715</v>
      </c>
      <c r="C10794" t="s">
        <v>6702</v>
      </c>
      <c r="D10794" t="s">
        <v>6703</v>
      </c>
      <c r="E10794" t="s">
        <v>6594</v>
      </c>
      <c r="F10794" t="s">
        <v>6595</v>
      </c>
      <c r="G10794" t="s">
        <v>80</v>
      </c>
      <c r="H10794" t="s">
        <v>81</v>
      </c>
      <c r="I10794" s="2">
        <v>0</v>
      </c>
      <c r="J10794" s="2">
        <v>1</v>
      </c>
      <c r="K10794" s="2">
        <v>0</v>
      </c>
      <c r="L10794" t="s">
        <v>82</v>
      </c>
      <c r="M10794" t="s">
        <v>83</v>
      </c>
      <c r="N10794" t="s">
        <v>84</v>
      </c>
      <c r="O10794" t="s">
        <v>85</v>
      </c>
      <c r="P10794" t="s">
        <v>86</v>
      </c>
      <c r="Q10794">
        <v>39</v>
      </c>
      <c r="R10794">
        <v>39</v>
      </c>
      <c r="S10794">
        <v>39</v>
      </c>
      <c r="T10794">
        <v>39</v>
      </c>
      <c r="U10794">
        <v>40</v>
      </c>
      <c r="V10794">
        <v>40</v>
      </c>
      <c r="W10794">
        <v>40</v>
      </c>
      <c r="X10794">
        <v>40</v>
      </c>
      <c r="Y10794">
        <v>40</v>
      </c>
      <c r="Z10794">
        <v>40</v>
      </c>
      <c r="AA10794">
        <v>41</v>
      </c>
      <c r="AB10794">
        <v>41</v>
      </c>
      <c r="AC10794">
        <v>41</v>
      </c>
      <c r="AD10794">
        <v>41</v>
      </c>
      <c r="AE10794">
        <v>41</v>
      </c>
      <c r="AF10794">
        <v>41</v>
      </c>
      <c r="AG10794">
        <v>41</v>
      </c>
      <c r="AH10794">
        <v>41</v>
      </c>
      <c r="AI10794">
        <v>41</v>
      </c>
      <c r="AJ10794">
        <v>41</v>
      </c>
      <c r="AK10794">
        <v>41</v>
      </c>
      <c r="AL10794">
        <v>41</v>
      </c>
      <c r="AM10794">
        <v>40</v>
      </c>
      <c r="AN10794">
        <v>40</v>
      </c>
      <c r="AO10794">
        <v>39</v>
      </c>
      <c r="AP10794">
        <v>39</v>
      </c>
      <c r="AQ10794">
        <v>39</v>
      </c>
    </row>
    <row r="10795" spans="1:43">
      <c r="A10795" t="s">
        <v>6714</v>
      </c>
      <c r="B10795" t="s">
        <v>6715</v>
      </c>
      <c r="C10795" t="s">
        <v>6702</v>
      </c>
      <c r="D10795" t="s">
        <v>6703</v>
      </c>
      <c r="E10795" t="s">
        <v>6594</v>
      </c>
      <c r="F10795" t="s">
        <v>6595</v>
      </c>
      <c r="G10795" t="s">
        <v>80</v>
      </c>
      <c r="H10795" t="s">
        <v>81</v>
      </c>
      <c r="I10795" s="2">
        <v>0</v>
      </c>
      <c r="J10795" s="2">
        <v>1</v>
      </c>
      <c r="K10795" s="2">
        <v>0</v>
      </c>
      <c r="L10795" t="s">
        <v>82</v>
      </c>
      <c r="M10795" t="s">
        <v>87</v>
      </c>
      <c r="N10795" t="s">
        <v>88</v>
      </c>
      <c r="O10795" t="s">
        <v>85</v>
      </c>
      <c r="P10795" t="s">
        <v>86</v>
      </c>
      <c r="Q10795">
        <v>39</v>
      </c>
      <c r="R10795">
        <v>39</v>
      </c>
      <c r="S10795">
        <v>39</v>
      </c>
      <c r="T10795">
        <v>39</v>
      </c>
      <c r="U10795">
        <v>39</v>
      </c>
      <c r="V10795">
        <v>39</v>
      </c>
      <c r="W10795">
        <v>39</v>
      </c>
      <c r="X10795">
        <v>38</v>
      </c>
      <c r="Y10795">
        <v>38</v>
      </c>
      <c r="Z10795">
        <v>38</v>
      </c>
      <c r="AA10795">
        <v>38</v>
      </c>
      <c r="AB10795">
        <v>38</v>
      </c>
      <c r="AC10795">
        <v>38</v>
      </c>
      <c r="AD10795">
        <v>37</v>
      </c>
      <c r="AE10795">
        <v>37</v>
      </c>
      <c r="AF10795">
        <v>37</v>
      </c>
      <c r="AG10795">
        <v>37</v>
      </c>
      <c r="AH10795">
        <v>37</v>
      </c>
      <c r="AI10795">
        <v>36</v>
      </c>
      <c r="AJ10795">
        <v>36</v>
      </c>
      <c r="AK10795">
        <v>36</v>
      </c>
      <c r="AL10795">
        <v>36</v>
      </c>
      <c r="AM10795">
        <v>35</v>
      </c>
      <c r="AN10795">
        <v>35</v>
      </c>
      <c r="AO10795">
        <v>35</v>
      </c>
      <c r="AP10795">
        <v>35</v>
      </c>
      <c r="AQ10795">
        <v>35</v>
      </c>
    </row>
    <row r="10796" spans="1:43">
      <c r="A10796" t="s">
        <v>6714</v>
      </c>
      <c r="B10796" t="s">
        <v>6715</v>
      </c>
      <c r="C10796" t="s">
        <v>6702</v>
      </c>
      <c r="D10796" t="s">
        <v>6703</v>
      </c>
      <c r="E10796" t="s">
        <v>6594</v>
      </c>
      <c r="F10796" t="s">
        <v>6595</v>
      </c>
      <c r="G10796" t="s">
        <v>80</v>
      </c>
      <c r="H10796" t="s">
        <v>81</v>
      </c>
      <c r="I10796" s="2">
        <v>0</v>
      </c>
      <c r="J10796" s="2">
        <v>1</v>
      </c>
      <c r="K10796" s="2">
        <v>0</v>
      </c>
      <c r="L10796" t="s">
        <v>82</v>
      </c>
      <c r="M10796" t="s">
        <v>89</v>
      </c>
      <c r="N10796" t="s">
        <v>90</v>
      </c>
      <c r="O10796" t="s">
        <v>85</v>
      </c>
      <c r="P10796" t="s">
        <v>86</v>
      </c>
      <c r="Q10796">
        <v>39</v>
      </c>
      <c r="R10796">
        <v>40</v>
      </c>
      <c r="S10796">
        <v>40</v>
      </c>
      <c r="T10796">
        <v>41</v>
      </c>
      <c r="U10796">
        <v>41</v>
      </c>
      <c r="V10796">
        <v>42</v>
      </c>
      <c r="W10796">
        <v>42</v>
      </c>
      <c r="X10796">
        <v>42</v>
      </c>
      <c r="Y10796">
        <v>43</v>
      </c>
      <c r="Z10796">
        <v>43</v>
      </c>
      <c r="AA10796">
        <v>43</v>
      </c>
      <c r="AB10796">
        <v>43</v>
      </c>
      <c r="AC10796">
        <v>44</v>
      </c>
      <c r="AD10796">
        <v>44</v>
      </c>
      <c r="AE10796">
        <v>44</v>
      </c>
      <c r="AF10796">
        <v>43</v>
      </c>
      <c r="AG10796">
        <v>43</v>
      </c>
      <c r="AH10796">
        <v>42</v>
      </c>
      <c r="AI10796">
        <v>42</v>
      </c>
      <c r="AJ10796">
        <v>42</v>
      </c>
      <c r="AK10796">
        <v>41</v>
      </c>
      <c r="AL10796">
        <v>41</v>
      </c>
      <c r="AM10796">
        <v>41</v>
      </c>
      <c r="AN10796">
        <v>40</v>
      </c>
      <c r="AO10796">
        <v>40</v>
      </c>
      <c r="AP10796">
        <v>40</v>
      </c>
      <c r="AQ10796">
        <v>39</v>
      </c>
    </row>
    <row r="10797" spans="1:43">
      <c r="A10797" t="s">
        <v>6714</v>
      </c>
      <c r="B10797" t="s">
        <v>6715</v>
      </c>
      <c r="C10797" t="s">
        <v>6702</v>
      </c>
      <c r="D10797" t="s">
        <v>6703</v>
      </c>
      <c r="E10797" t="s">
        <v>6594</v>
      </c>
      <c r="F10797" t="s">
        <v>6595</v>
      </c>
      <c r="G10797" t="s">
        <v>80</v>
      </c>
      <c r="H10797" t="s">
        <v>81</v>
      </c>
      <c r="I10797" s="2">
        <v>0</v>
      </c>
      <c r="J10797" s="2">
        <v>1</v>
      </c>
      <c r="K10797" s="2">
        <v>0</v>
      </c>
      <c r="L10797" t="s">
        <v>82</v>
      </c>
      <c r="M10797" t="s">
        <v>83</v>
      </c>
      <c r="N10797" t="s">
        <v>91</v>
      </c>
      <c r="O10797" t="s">
        <v>85</v>
      </c>
      <c r="P10797" t="s">
        <v>86</v>
      </c>
      <c r="Q10797">
        <v>39</v>
      </c>
      <c r="R10797">
        <v>39</v>
      </c>
      <c r="S10797">
        <v>39</v>
      </c>
      <c r="T10797">
        <v>39</v>
      </c>
      <c r="U10797">
        <v>40</v>
      </c>
      <c r="V10797">
        <v>40</v>
      </c>
      <c r="W10797">
        <v>40</v>
      </c>
      <c r="X10797">
        <v>40</v>
      </c>
      <c r="Y10797">
        <v>40</v>
      </c>
      <c r="Z10797">
        <v>40</v>
      </c>
      <c r="AA10797">
        <v>41</v>
      </c>
      <c r="AB10797">
        <v>41</v>
      </c>
      <c r="AC10797">
        <v>41</v>
      </c>
      <c r="AD10797">
        <v>41</v>
      </c>
      <c r="AE10797">
        <v>41</v>
      </c>
      <c r="AF10797">
        <v>41</v>
      </c>
      <c r="AG10797">
        <v>41</v>
      </c>
      <c r="AH10797">
        <v>41</v>
      </c>
      <c r="AI10797">
        <v>41</v>
      </c>
      <c r="AJ10797">
        <v>41</v>
      </c>
      <c r="AK10797">
        <v>41</v>
      </c>
      <c r="AL10797">
        <v>41</v>
      </c>
      <c r="AM10797">
        <v>40</v>
      </c>
      <c r="AN10797">
        <v>40</v>
      </c>
      <c r="AO10797">
        <v>39</v>
      </c>
      <c r="AP10797">
        <v>39</v>
      </c>
      <c r="AQ10797">
        <v>39</v>
      </c>
    </row>
    <row r="10798" spans="1:43">
      <c r="A10798" t="s">
        <v>6716</v>
      </c>
      <c r="B10798" t="s">
        <v>6717</v>
      </c>
      <c r="C10798" t="s">
        <v>6702</v>
      </c>
      <c r="D10798" t="s">
        <v>6703</v>
      </c>
      <c r="E10798" t="s">
        <v>6594</v>
      </c>
      <c r="F10798" t="s">
        <v>6595</v>
      </c>
      <c r="G10798" t="s">
        <v>80</v>
      </c>
      <c r="H10798" t="s">
        <v>81</v>
      </c>
      <c r="I10798" s="2">
        <v>0</v>
      </c>
      <c r="J10798" s="2">
        <v>1</v>
      </c>
      <c r="K10798" s="2">
        <v>0</v>
      </c>
      <c r="L10798" t="s">
        <v>82</v>
      </c>
      <c r="M10798" t="s">
        <v>83</v>
      </c>
      <c r="N10798" t="s">
        <v>84</v>
      </c>
      <c r="O10798" t="s">
        <v>85</v>
      </c>
      <c r="P10798" t="s">
        <v>86</v>
      </c>
      <c r="Q10798">
        <v>12</v>
      </c>
      <c r="R10798">
        <v>12</v>
      </c>
      <c r="S10798">
        <v>12</v>
      </c>
      <c r="T10798">
        <v>12</v>
      </c>
      <c r="U10798">
        <v>12</v>
      </c>
      <c r="V10798">
        <v>12</v>
      </c>
      <c r="W10798">
        <v>12</v>
      </c>
      <c r="X10798">
        <v>12</v>
      </c>
      <c r="Y10798">
        <v>12</v>
      </c>
      <c r="Z10798">
        <v>12</v>
      </c>
      <c r="AA10798">
        <v>12</v>
      </c>
      <c r="AB10798">
        <v>12</v>
      </c>
      <c r="AC10798">
        <v>12</v>
      </c>
      <c r="AD10798">
        <v>12</v>
      </c>
      <c r="AE10798">
        <v>12</v>
      </c>
      <c r="AF10798">
        <v>12</v>
      </c>
      <c r="AG10798">
        <v>12</v>
      </c>
      <c r="AH10798">
        <v>12</v>
      </c>
      <c r="AI10798">
        <v>12</v>
      </c>
      <c r="AJ10798">
        <v>12</v>
      </c>
      <c r="AK10798">
        <v>12</v>
      </c>
      <c r="AL10798">
        <v>12</v>
      </c>
      <c r="AM10798">
        <v>12</v>
      </c>
      <c r="AN10798">
        <v>12</v>
      </c>
      <c r="AO10798">
        <v>12</v>
      </c>
      <c r="AP10798">
        <v>12</v>
      </c>
      <c r="AQ10798">
        <v>12</v>
      </c>
    </row>
    <row r="10799" spans="1:43">
      <c r="A10799" t="s">
        <v>6716</v>
      </c>
      <c r="B10799" t="s">
        <v>6717</v>
      </c>
      <c r="C10799" t="s">
        <v>6702</v>
      </c>
      <c r="D10799" t="s">
        <v>6703</v>
      </c>
      <c r="E10799" t="s">
        <v>6594</v>
      </c>
      <c r="F10799" t="s">
        <v>6595</v>
      </c>
      <c r="G10799" t="s">
        <v>80</v>
      </c>
      <c r="H10799" t="s">
        <v>81</v>
      </c>
      <c r="I10799" s="2">
        <v>0</v>
      </c>
      <c r="J10799" s="2">
        <v>1</v>
      </c>
      <c r="K10799" s="2">
        <v>0</v>
      </c>
      <c r="L10799" t="s">
        <v>82</v>
      </c>
      <c r="M10799" t="s">
        <v>87</v>
      </c>
      <c r="N10799" t="s">
        <v>88</v>
      </c>
      <c r="O10799" t="s">
        <v>85</v>
      </c>
      <c r="P10799" t="s">
        <v>86</v>
      </c>
      <c r="Q10799">
        <v>12</v>
      </c>
      <c r="R10799">
        <v>11</v>
      </c>
      <c r="S10799">
        <v>11</v>
      </c>
      <c r="T10799">
        <v>11</v>
      </c>
      <c r="U10799">
        <v>11</v>
      </c>
      <c r="V10799">
        <v>11</v>
      </c>
      <c r="W10799">
        <v>11</v>
      </c>
      <c r="X10799">
        <v>11</v>
      </c>
      <c r="Y10799">
        <v>11</v>
      </c>
      <c r="Z10799">
        <v>11</v>
      </c>
      <c r="AA10799">
        <v>11</v>
      </c>
      <c r="AB10799">
        <v>11</v>
      </c>
      <c r="AC10799">
        <v>11</v>
      </c>
      <c r="AD10799">
        <v>11</v>
      </c>
      <c r="AE10799">
        <v>11</v>
      </c>
      <c r="AF10799">
        <v>11</v>
      </c>
      <c r="AG10799">
        <v>11</v>
      </c>
      <c r="AH10799">
        <v>11</v>
      </c>
      <c r="AI10799">
        <v>11</v>
      </c>
      <c r="AJ10799">
        <v>11</v>
      </c>
      <c r="AK10799">
        <v>11</v>
      </c>
      <c r="AL10799">
        <v>10</v>
      </c>
      <c r="AM10799">
        <v>10</v>
      </c>
      <c r="AN10799">
        <v>10</v>
      </c>
      <c r="AO10799">
        <v>10</v>
      </c>
      <c r="AP10799">
        <v>10</v>
      </c>
      <c r="AQ10799">
        <v>10</v>
      </c>
    </row>
    <row r="10800" spans="1:43">
      <c r="A10800" t="s">
        <v>6716</v>
      </c>
      <c r="B10800" t="s">
        <v>6717</v>
      </c>
      <c r="C10800" t="s">
        <v>6702</v>
      </c>
      <c r="D10800" t="s">
        <v>6703</v>
      </c>
      <c r="E10800" t="s">
        <v>6594</v>
      </c>
      <c r="F10800" t="s">
        <v>6595</v>
      </c>
      <c r="G10800" t="s">
        <v>80</v>
      </c>
      <c r="H10800" t="s">
        <v>81</v>
      </c>
      <c r="I10800" s="2">
        <v>0</v>
      </c>
      <c r="J10800" s="2">
        <v>1</v>
      </c>
      <c r="K10800" s="2">
        <v>0</v>
      </c>
      <c r="L10800" t="s">
        <v>82</v>
      </c>
      <c r="M10800" t="s">
        <v>89</v>
      </c>
      <c r="N10800" t="s">
        <v>90</v>
      </c>
      <c r="O10800" t="s">
        <v>85</v>
      </c>
      <c r="P10800" t="s">
        <v>86</v>
      </c>
      <c r="Q10800">
        <v>12</v>
      </c>
      <c r="R10800">
        <v>12</v>
      </c>
      <c r="S10800">
        <v>12</v>
      </c>
      <c r="T10800">
        <v>12</v>
      </c>
      <c r="U10800">
        <v>12</v>
      </c>
      <c r="V10800">
        <v>13</v>
      </c>
      <c r="W10800">
        <v>13</v>
      </c>
      <c r="X10800">
        <v>13</v>
      </c>
      <c r="Y10800">
        <v>13</v>
      </c>
      <c r="Z10800">
        <v>13</v>
      </c>
      <c r="AA10800">
        <v>13</v>
      </c>
      <c r="AB10800">
        <v>13</v>
      </c>
      <c r="AC10800">
        <v>13</v>
      </c>
      <c r="AD10800">
        <v>13</v>
      </c>
      <c r="AE10800">
        <v>13</v>
      </c>
      <c r="AF10800">
        <v>13</v>
      </c>
      <c r="AG10800">
        <v>13</v>
      </c>
      <c r="AH10800">
        <v>13</v>
      </c>
      <c r="AI10800">
        <v>13</v>
      </c>
      <c r="AJ10800">
        <v>13</v>
      </c>
      <c r="AK10800">
        <v>12</v>
      </c>
      <c r="AL10800">
        <v>12</v>
      </c>
      <c r="AM10800">
        <v>12</v>
      </c>
      <c r="AN10800">
        <v>12</v>
      </c>
      <c r="AO10800">
        <v>12</v>
      </c>
      <c r="AP10800">
        <v>12</v>
      </c>
      <c r="AQ10800">
        <v>12</v>
      </c>
    </row>
    <row r="10801" spans="1:43">
      <c r="A10801" t="s">
        <v>6716</v>
      </c>
      <c r="B10801" t="s">
        <v>6717</v>
      </c>
      <c r="C10801" t="s">
        <v>6702</v>
      </c>
      <c r="D10801" t="s">
        <v>6703</v>
      </c>
      <c r="E10801" t="s">
        <v>6594</v>
      </c>
      <c r="F10801" t="s">
        <v>6595</v>
      </c>
      <c r="G10801" t="s">
        <v>80</v>
      </c>
      <c r="H10801" t="s">
        <v>81</v>
      </c>
      <c r="I10801" s="2">
        <v>0</v>
      </c>
      <c r="J10801" s="2">
        <v>1</v>
      </c>
      <c r="K10801" s="2">
        <v>0</v>
      </c>
      <c r="L10801" t="s">
        <v>82</v>
      </c>
      <c r="M10801" t="s">
        <v>83</v>
      </c>
      <c r="N10801" t="s">
        <v>91</v>
      </c>
      <c r="O10801" t="s">
        <v>85</v>
      </c>
      <c r="P10801" t="s">
        <v>86</v>
      </c>
      <c r="Q10801">
        <v>12</v>
      </c>
      <c r="R10801">
        <v>12</v>
      </c>
      <c r="S10801">
        <v>12</v>
      </c>
      <c r="T10801">
        <v>12</v>
      </c>
      <c r="U10801">
        <v>12</v>
      </c>
      <c r="V10801">
        <v>12</v>
      </c>
      <c r="W10801">
        <v>12</v>
      </c>
      <c r="X10801">
        <v>12</v>
      </c>
      <c r="Y10801">
        <v>12</v>
      </c>
      <c r="Z10801">
        <v>12</v>
      </c>
      <c r="AA10801">
        <v>12</v>
      </c>
      <c r="AB10801">
        <v>12</v>
      </c>
      <c r="AC10801">
        <v>12</v>
      </c>
      <c r="AD10801">
        <v>12</v>
      </c>
      <c r="AE10801">
        <v>12</v>
      </c>
      <c r="AF10801">
        <v>12</v>
      </c>
      <c r="AG10801">
        <v>12</v>
      </c>
      <c r="AH10801">
        <v>12</v>
      </c>
      <c r="AI10801">
        <v>12</v>
      </c>
      <c r="AJ10801">
        <v>12</v>
      </c>
      <c r="AK10801">
        <v>12</v>
      </c>
      <c r="AL10801">
        <v>12</v>
      </c>
      <c r="AM10801">
        <v>12</v>
      </c>
      <c r="AN10801">
        <v>12</v>
      </c>
      <c r="AO10801">
        <v>12</v>
      </c>
      <c r="AP10801">
        <v>12</v>
      </c>
      <c r="AQ10801">
        <v>12</v>
      </c>
    </row>
    <row r="10802" spans="1:43">
      <c r="A10802" t="s">
        <v>6718</v>
      </c>
      <c r="B10802" t="s">
        <v>6719</v>
      </c>
      <c r="C10802" t="s">
        <v>6702</v>
      </c>
      <c r="D10802" t="s">
        <v>6703</v>
      </c>
      <c r="E10802" t="s">
        <v>6594</v>
      </c>
      <c r="F10802" t="s">
        <v>6595</v>
      </c>
      <c r="G10802" t="s">
        <v>80</v>
      </c>
      <c r="H10802" t="s">
        <v>81</v>
      </c>
      <c r="I10802" s="2">
        <v>0</v>
      </c>
      <c r="J10802" s="2">
        <v>1</v>
      </c>
      <c r="K10802" s="2">
        <v>0</v>
      </c>
      <c r="L10802" t="s">
        <v>82</v>
      </c>
      <c r="M10802" t="s">
        <v>83</v>
      </c>
      <c r="N10802" t="s">
        <v>84</v>
      </c>
      <c r="O10802" t="s">
        <v>85</v>
      </c>
      <c r="P10802" t="s">
        <v>86</v>
      </c>
      <c r="Q10802">
        <v>12</v>
      </c>
      <c r="R10802">
        <v>12</v>
      </c>
      <c r="S10802">
        <v>12</v>
      </c>
      <c r="T10802">
        <v>12</v>
      </c>
      <c r="U10802">
        <v>12</v>
      </c>
      <c r="V10802">
        <v>12</v>
      </c>
      <c r="W10802">
        <v>12</v>
      </c>
      <c r="X10802">
        <v>12</v>
      </c>
      <c r="Y10802">
        <v>12</v>
      </c>
      <c r="Z10802">
        <v>13</v>
      </c>
      <c r="AA10802">
        <v>13</v>
      </c>
      <c r="AB10802">
        <v>13</v>
      </c>
      <c r="AC10802">
        <v>13</v>
      </c>
      <c r="AD10802">
        <v>13</v>
      </c>
      <c r="AE10802">
        <v>13</v>
      </c>
      <c r="AF10802">
        <v>13</v>
      </c>
      <c r="AG10802">
        <v>13</v>
      </c>
      <c r="AH10802">
        <v>13</v>
      </c>
      <c r="AI10802">
        <v>13</v>
      </c>
      <c r="AJ10802">
        <v>13</v>
      </c>
      <c r="AK10802">
        <v>13</v>
      </c>
      <c r="AL10802">
        <v>13</v>
      </c>
      <c r="AM10802">
        <v>12</v>
      </c>
      <c r="AN10802">
        <v>12</v>
      </c>
      <c r="AO10802">
        <v>12</v>
      </c>
      <c r="AP10802">
        <v>12</v>
      </c>
      <c r="AQ10802">
        <v>12</v>
      </c>
    </row>
    <row r="10803" spans="1:43">
      <c r="A10803" t="s">
        <v>6718</v>
      </c>
      <c r="B10803" t="s">
        <v>6719</v>
      </c>
      <c r="C10803" t="s">
        <v>6702</v>
      </c>
      <c r="D10803" t="s">
        <v>6703</v>
      </c>
      <c r="E10803" t="s">
        <v>6594</v>
      </c>
      <c r="F10803" t="s">
        <v>6595</v>
      </c>
      <c r="G10803" t="s">
        <v>80</v>
      </c>
      <c r="H10803" t="s">
        <v>81</v>
      </c>
      <c r="I10803" s="2">
        <v>0</v>
      </c>
      <c r="J10803" s="2">
        <v>1</v>
      </c>
      <c r="K10803" s="2">
        <v>0</v>
      </c>
      <c r="L10803" t="s">
        <v>82</v>
      </c>
      <c r="M10803" t="s">
        <v>87</v>
      </c>
      <c r="N10803" t="s">
        <v>88</v>
      </c>
      <c r="O10803" t="s">
        <v>85</v>
      </c>
      <c r="P10803" t="s">
        <v>86</v>
      </c>
      <c r="Q10803">
        <v>12</v>
      </c>
      <c r="R10803">
        <v>12</v>
      </c>
      <c r="S10803">
        <v>12</v>
      </c>
      <c r="T10803">
        <v>12</v>
      </c>
      <c r="U10803">
        <v>12</v>
      </c>
      <c r="V10803">
        <v>12</v>
      </c>
      <c r="W10803">
        <v>12</v>
      </c>
      <c r="X10803">
        <v>12</v>
      </c>
      <c r="Y10803">
        <v>12</v>
      </c>
      <c r="Z10803">
        <v>11</v>
      </c>
      <c r="AA10803">
        <v>11</v>
      </c>
      <c r="AB10803">
        <v>11</v>
      </c>
      <c r="AC10803">
        <v>11</v>
      </c>
      <c r="AD10803">
        <v>11</v>
      </c>
      <c r="AE10803">
        <v>11</v>
      </c>
      <c r="AF10803">
        <v>11</v>
      </c>
      <c r="AG10803">
        <v>11</v>
      </c>
      <c r="AH10803">
        <v>11</v>
      </c>
      <c r="AI10803">
        <v>11</v>
      </c>
      <c r="AJ10803">
        <v>11</v>
      </c>
      <c r="AK10803">
        <v>11</v>
      </c>
      <c r="AL10803">
        <v>11</v>
      </c>
      <c r="AM10803">
        <v>11</v>
      </c>
      <c r="AN10803">
        <v>11</v>
      </c>
      <c r="AO10803">
        <v>11</v>
      </c>
      <c r="AP10803">
        <v>11</v>
      </c>
      <c r="AQ10803">
        <v>10</v>
      </c>
    </row>
    <row r="10804" spans="1:43">
      <c r="A10804" t="s">
        <v>6718</v>
      </c>
      <c r="B10804" t="s">
        <v>6719</v>
      </c>
      <c r="C10804" t="s">
        <v>6702</v>
      </c>
      <c r="D10804" t="s">
        <v>6703</v>
      </c>
      <c r="E10804" t="s">
        <v>6594</v>
      </c>
      <c r="F10804" t="s">
        <v>6595</v>
      </c>
      <c r="G10804" t="s">
        <v>80</v>
      </c>
      <c r="H10804" t="s">
        <v>81</v>
      </c>
      <c r="I10804" s="2">
        <v>0</v>
      </c>
      <c r="J10804" s="2">
        <v>1</v>
      </c>
      <c r="K10804" s="2">
        <v>0</v>
      </c>
      <c r="L10804" t="s">
        <v>82</v>
      </c>
      <c r="M10804" t="s">
        <v>89</v>
      </c>
      <c r="N10804" t="s">
        <v>90</v>
      </c>
      <c r="O10804" t="s">
        <v>85</v>
      </c>
      <c r="P10804" t="s">
        <v>86</v>
      </c>
      <c r="Q10804">
        <v>12</v>
      </c>
      <c r="R10804">
        <v>12</v>
      </c>
      <c r="S10804">
        <v>12</v>
      </c>
      <c r="T10804">
        <v>13</v>
      </c>
      <c r="U10804">
        <v>13</v>
      </c>
      <c r="V10804">
        <v>13</v>
      </c>
      <c r="W10804">
        <v>13</v>
      </c>
      <c r="X10804">
        <v>13</v>
      </c>
      <c r="Y10804">
        <v>13</v>
      </c>
      <c r="Z10804">
        <v>13</v>
      </c>
      <c r="AA10804">
        <v>13</v>
      </c>
      <c r="AB10804">
        <v>13</v>
      </c>
      <c r="AC10804">
        <v>14</v>
      </c>
      <c r="AD10804">
        <v>14</v>
      </c>
      <c r="AE10804">
        <v>14</v>
      </c>
      <c r="AF10804">
        <v>13</v>
      </c>
      <c r="AG10804">
        <v>13</v>
      </c>
      <c r="AH10804">
        <v>13</v>
      </c>
      <c r="AI10804">
        <v>13</v>
      </c>
      <c r="AJ10804">
        <v>13</v>
      </c>
      <c r="AK10804">
        <v>13</v>
      </c>
      <c r="AL10804">
        <v>13</v>
      </c>
      <c r="AM10804">
        <v>13</v>
      </c>
      <c r="AN10804">
        <v>12</v>
      </c>
      <c r="AO10804">
        <v>12</v>
      </c>
      <c r="AP10804">
        <v>12</v>
      </c>
      <c r="AQ10804">
        <v>12</v>
      </c>
    </row>
    <row r="10805" spans="1:43">
      <c r="A10805" t="s">
        <v>6718</v>
      </c>
      <c r="B10805" t="s">
        <v>6719</v>
      </c>
      <c r="C10805" t="s">
        <v>6702</v>
      </c>
      <c r="D10805" t="s">
        <v>6703</v>
      </c>
      <c r="E10805" t="s">
        <v>6594</v>
      </c>
      <c r="F10805" t="s">
        <v>6595</v>
      </c>
      <c r="G10805" t="s">
        <v>80</v>
      </c>
      <c r="H10805" t="s">
        <v>81</v>
      </c>
      <c r="I10805" s="2">
        <v>0</v>
      </c>
      <c r="J10805" s="2">
        <v>1</v>
      </c>
      <c r="K10805" s="2">
        <v>0</v>
      </c>
      <c r="L10805" t="s">
        <v>82</v>
      </c>
      <c r="M10805" t="s">
        <v>83</v>
      </c>
      <c r="N10805" t="s">
        <v>91</v>
      </c>
      <c r="O10805" t="s">
        <v>85</v>
      </c>
      <c r="P10805" t="s">
        <v>86</v>
      </c>
      <c r="Q10805">
        <v>12</v>
      </c>
      <c r="R10805">
        <v>12</v>
      </c>
      <c r="S10805">
        <v>12</v>
      </c>
      <c r="T10805">
        <v>12</v>
      </c>
      <c r="U10805">
        <v>12</v>
      </c>
      <c r="V10805">
        <v>12</v>
      </c>
      <c r="W10805">
        <v>12</v>
      </c>
      <c r="X10805">
        <v>12</v>
      </c>
      <c r="Y10805">
        <v>12</v>
      </c>
      <c r="Z10805">
        <v>13</v>
      </c>
      <c r="AA10805">
        <v>13</v>
      </c>
      <c r="AB10805">
        <v>13</v>
      </c>
      <c r="AC10805">
        <v>13</v>
      </c>
      <c r="AD10805">
        <v>13</v>
      </c>
      <c r="AE10805">
        <v>13</v>
      </c>
      <c r="AF10805">
        <v>13</v>
      </c>
      <c r="AG10805">
        <v>13</v>
      </c>
      <c r="AH10805">
        <v>13</v>
      </c>
      <c r="AI10805">
        <v>13</v>
      </c>
      <c r="AJ10805">
        <v>13</v>
      </c>
      <c r="AK10805">
        <v>13</v>
      </c>
      <c r="AL10805">
        <v>13</v>
      </c>
      <c r="AM10805">
        <v>12</v>
      </c>
      <c r="AN10805">
        <v>12</v>
      </c>
      <c r="AO10805">
        <v>12</v>
      </c>
      <c r="AP10805">
        <v>12</v>
      </c>
      <c r="AQ10805">
        <v>12</v>
      </c>
    </row>
    <row r="10806" spans="1:43">
      <c r="A10806" t="s">
        <v>6720</v>
      </c>
      <c r="B10806" t="s">
        <v>6721</v>
      </c>
      <c r="C10806" t="s">
        <v>6722</v>
      </c>
      <c r="D10806" t="s">
        <v>6723</v>
      </c>
      <c r="E10806" t="s">
        <v>6594</v>
      </c>
      <c r="F10806" t="s">
        <v>6595</v>
      </c>
      <c r="G10806" t="s">
        <v>80</v>
      </c>
      <c r="H10806" t="s">
        <v>81</v>
      </c>
      <c r="I10806" s="2">
        <v>0</v>
      </c>
      <c r="J10806" s="2">
        <v>1</v>
      </c>
      <c r="K10806" s="2">
        <v>0</v>
      </c>
      <c r="L10806" t="s">
        <v>82</v>
      </c>
      <c r="M10806" t="s">
        <v>83</v>
      </c>
      <c r="N10806" t="s">
        <v>84</v>
      </c>
      <c r="O10806" t="s">
        <v>85</v>
      </c>
      <c r="P10806" t="s">
        <v>86</v>
      </c>
      <c r="Q10806">
        <v>14</v>
      </c>
      <c r="R10806">
        <v>14</v>
      </c>
      <c r="S10806">
        <v>14</v>
      </c>
      <c r="T10806">
        <v>14</v>
      </c>
      <c r="U10806">
        <v>14</v>
      </c>
      <c r="V10806">
        <v>14</v>
      </c>
      <c r="W10806">
        <v>14</v>
      </c>
      <c r="X10806">
        <v>15</v>
      </c>
      <c r="Y10806">
        <v>15</v>
      </c>
      <c r="Z10806">
        <v>15</v>
      </c>
      <c r="AA10806">
        <v>15</v>
      </c>
      <c r="AB10806">
        <v>15</v>
      </c>
      <c r="AC10806">
        <v>15</v>
      </c>
      <c r="AD10806">
        <v>15</v>
      </c>
      <c r="AE10806">
        <v>15</v>
      </c>
      <c r="AF10806">
        <v>15</v>
      </c>
      <c r="AG10806">
        <v>15</v>
      </c>
      <c r="AH10806">
        <v>15</v>
      </c>
      <c r="AI10806">
        <v>15</v>
      </c>
      <c r="AJ10806">
        <v>15</v>
      </c>
      <c r="AK10806">
        <v>15</v>
      </c>
      <c r="AL10806">
        <v>15</v>
      </c>
      <c r="AM10806">
        <v>14</v>
      </c>
      <c r="AN10806">
        <v>14</v>
      </c>
      <c r="AO10806">
        <v>14</v>
      </c>
      <c r="AP10806">
        <v>14</v>
      </c>
      <c r="AQ10806">
        <v>14</v>
      </c>
    </row>
    <row r="10807" spans="1:43">
      <c r="A10807" t="s">
        <v>6720</v>
      </c>
      <c r="B10807" t="s">
        <v>6721</v>
      </c>
      <c r="C10807" t="s">
        <v>6722</v>
      </c>
      <c r="D10807" t="s">
        <v>6723</v>
      </c>
      <c r="E10807" t="s">
        <v>6594</v>
      </c>
      <c r="F10807" t="s">
        <v>6595</v>
      </c>
      <c r="G10807" t="s">
        <v>80</v>
      </c>
      <c r="H10807" t="s">
        <v>81</v>
      </c>
      <c r="I10807" s="2">
        <v>0</v>
      </c>
      <c r="J10807" s="2">
        <v>1</v>
      </c>
      <c r="K10807" s="2">
        <v>0</v>
      </c>
      <c r="L10807" t="s">
        <v>82</v>
      </c>
      <c r="M10807" t="s">
        <v>87</v>
      </c>
      <c r="N10807" t="s">
        <v>88</v>
      </c>
      <c r="O10807" t="s">
        <v>85</v>
      </c>
      <c r="P10807" t="s">
        <v>86</v>
      </c>
      <c r="Q10807">
        <v>14</v>
      </c>
      <c r="R10807">
        <v>14</v>
      </c>
      <c r="S10807">
        <v>14</v>
      </c>
      <c r="T10807">
        <v>14</v>
      </c>
      <c r="U10807">
        <v>14</v>
      </c>
      <c r="V10807">
        <v>14</v>
      </c>
      <c r="W10807">
        <v>14</v>
      </c>
      <c r="X10807">
        <v>14</v>
      </c>
      <c r="Y10807">
        <v>13</v>
      </c>
      <c r="Z10807">
        <v>13</v>
      </c>
      <c r="AA10807">
        <v>13</v>
      </c>
      <c r="AB10807">
        <v>13</v>
      </c>
      <c r="AC10807">
        <v>13</v>
      </c>
      <c r="AD10807">
        <v>13</v>
      </c>
      <c r="AE10807">
        <v>13</v>
      </c>
      <c r="AF10807">
        <v>13</v>
      </c>
      <c r="AG10807">
        <v>13</v>
      </c>
      <c r="AH10807">
        <v>13</v>
      </c>
      <c r="AI10807">
        <v>13</v>
      </c>
      <c r="AJ10807">
        <v>13</v>
      </c>
      <c r="AK10807">
        <v>13</v>
      </c>
      <c r="AL10807">
        <v>12</v>
      </c>
      <c r="AM10807">
        <v>12</v>
      </c>
      <c r="AN10807">
        <v>12</v>
      </c>
      <c r="AO10807">
        <v>12</v>
      </c>
      <c r="AP10807">
        <v>12</v>
      </c>
      <c r="AQ10807">
        <v>12</v>
      </c>
    </row>
    <row r="10808" spans="1:43">
      <c r="A10808" t="s">
        <v>6720</v>
      </c>
      <c r="B10808" t="s">
        <v>6721</v>
      </c>
      <c r="C10808" t="s">
        <v>6722</v>
      </c>
      <c r="D10808" t="s">
        <v>6723</v>
      </c>
      <c r="E10808" t="s">
        <v>6594</v>
      </c>
      <c r="F10808" t="s">
        <v>6595</v>
      </c>
      <c r="G10808" t="s">
        <v>80</v>
      </c>
      <c r="H10808" t="s">
        <v>81</v>
      </c>
      <c r="I10808" s="2">
        <v>0</v>
      </c>
      <c r="J10808" s="2">
        <v>1</v>
      </c>
      <c r="K10808" s="2">
        <v>0</v>
      </c>
      <c r="L10808" t="s">
        <v>82</v>
      </c>
      <c r="M10808" t="s">
        <v>89</v>
      </c>
      <c r="N10808" t="s">
        <v>90</v>
      </c>
      <c r="O10808" t="s">
        <v>85</v>
      </c>
      <c r="P10808" t="s">
        <v>86</v>
      </c>
      <c r="Q10808">
        <v>14</v>
      </c>
      <c r="R10808">
        <v>14</v>
      </c>
      <c r="S10808">
        <v>15</v>
      </c>
      <c r="T10808">
        <v>15</v>
      </c>
      <c r="U10808">
        <v>15</v>
      </c>
      <c r="V10808">
        <v>15</v>
      </c>
      <c r="W10808">
        <v>15</v>
      </c>
      <c r="X10808">
        <v>15</v>
      </c>
      <c r="Y10808">
        <v>15</v>
      </c>
      <c r="Z10808">
        <v>16</v>
      </c>
      <c r="AA10808">
        <v>16</v>
      </c>
      <c r="AB10808">
        <v>16</v>
      </c>
      <c r="AC10808">
        <v>16</v>
      </c>
      <c r="AD10808">
        <v>16</v>
      </c>
      <c r="AE10808">
        <v>16</v>
      </c>
      <c r="AF10808">
        <v>16</v>
      </c>
      <c r="AG10808">
        <v>15</v>
      </c>
      <c r="AH10808">
        <v>15</v>
      </c>
      <c r="AI10808">
        <v>15</v>
      </c>
      <c r="AJ10808">
        <v>15</v>
      </c>
      <c r="AK10808">
        <v>15</v>
      </c>
      <c r="AL10808">
        <v>15</v>
      </c>
      <c r="AM10808">
        <v>15</v>
      </c>
      <c r="AN10808">
        <v>14</v>
      </c>
      <c r="AO10808">
        <v>14</v>
      </c>
      <c r="AP10808">
        <v>14</v>
      </c>
      <c r="AQ10808">
        <v>14</v>
      </c>
    </row>
    <row r="10809" spans="1:43">
      <c r="A10809" t="s">
        <v>6720</v>
      </c>
      <c r="B10809" t="s">
        <v>6721</v>
      </c>
      <c r="C10809" t="s">
        <v>6722</v>
      </c>
      <c r="D10809" t="s">
        <v>6723</v>
      </c>
      <c r="E10809" t="s">
        <v>6594</v>
      </c>
      <c r="F10809" t="s">
        <v>6595</v>
      </c>
      <c r="G10809" t="s">
        <v>80</v>
      </c>
      <c r="H10809" t="s">
        <v>81</v>
      </c>
      <c r="I10809" s="2">
        <v>0</v>
      </c>
      <c r="J10809" s="2">
        <v>1</v>
      </c>
      <c r="K10809" s="2">
        <v>0</v>
      </c>
      <c r="L10809" t="s">
        <v>82</v>
      </c>
      <c r="M10809" t="s">
        <v>83</v>
      </c>
      <c r="N10809" t="s">
        <v>91</v>
      </c>
      <c r="O10809" t="s">
        <v>85</v>
      </c>
      <c r="P10809" t="s">
        <v>86</v>
      </c>
      <c r="Q10809">
        <v>14</v>
      </c>
      <c r="R10809">
        <v>14</v>
      </c>
      <c r="S10809">
        <v>14</v>
      </c>
      <c r="T10809">
        <v>14</v>
      </c>
      <c r="U10809">
        <v>14</v>
      </c>
      <c r="V10809">
        <v>14</v>
      </c>
      <c r="W10809">
        <v>14</v>
      </c>
      <c r="X10809">
        <v>15</v>
      </c>
      <c r="Y10809">
        <v>15</v>
      </c>
      <c r="Z10809">
        <v>15</v>
      </c>
      <c r="AA10809">
        <v>15</v>
      </c>
      <c r="AB10809">
        <v>15</v>
      </c>
      <c r="AC10809">
        <v>15</v>
      </c>
      <c r="AD10809">
        <v>15</v>
      </c>
      <c r="AE10809">
        <v>15</v>
      </c>
      <c r="AF10809">
        <v>15</v>
      </c>
      <c r="AG10809">
        <v>15</v>
      </c>
      <c r="AH10809">
        <v>15</v>
      </c>
      <c r="AI10809">
        <v>15</v>
      </c>
      <c r="AJ10809">
        <v>15</v>
      </c>
      <c r="AK10809">
        <v>15</v>
      </c>
      <c r="AL10809">
        <v>15</v>
      </c>
      <c r="AM10809">
        <v>14</v>
      </c>
      <c r="AN10809">
        <v>14</v>
      </c>
      <c r="AO10809">
        <v>14</v>
      </c>
      <c r="AP10809">
        <v>14</v>
      </c>
      <c r="AQ10809">
        <v>14</v>
      </c>
    </row>
    <row r="10810" spans="1:43">
      <c r="A10810" t="s">
        <v>6724</v>
      </c>
      <c r="B10810" t="s">
        <v>6725</v>
      </c>
      <c r="C10810" t="s">
        <v>6722</v>
      </c>
      <c r="D10810" t="s">
        <v>6723</v>
      </c>
      <c r="E10810" t="s">
        <v>6594</v>
      </c>
      <c r="F10810" t="s">
        <v>6595</v>
      </c>
      <c r="G10810" t="s">
        <v>80</v>
      </c>
      <c r="H10810" t="s">
        <v>81</v>
      </c>
      <c r="I10810" s="2">
        <v>0</v>
      </c>
      <c r="J10810" s="2">
        <v>1</v>
      </c>
      <c r="K10810" s="2">
        <v>0</v>
      </c>
      <c r="L10810" t="s">
        <v>82</v>
      </c>
      <c r="M10810" t="s">
        <v>83</v>
      </c>
      <c r="N10810" t="s">
        <v>84</v>
      </c>
      <c r="O10810" t="s">
        <v>85</v>
      </c>
      <c r="P10810" t="s">
        <v>86</v>
      </c>
      <c r="Q10810">
        <v>18</v>
      </c>
      <c r="R10810">
        <v>18</v>
      </c>
      <c r="S10810">
        <v>18</v>
      </c>
      <c r="T10810">
        <v>18</v>
      </c>
      <c r="U10810">
        <v>18</v>
      </c>
      <c r="V10810">
        <v>18</v>
      </c>
      <c r="W10810">
        <v>18</v>
      </c>
      <c r="X10810">
        <v>19</v>
      </c>
      <c r="Y10810">
        <v>19</v>
      </c>
      <c r="Z10810">
        <v>19</v>
      </c>
      <c r="AA10810">
        <v>19</v>
      </c>
      <c r="AB10810">
        <v>19</v>
      </c>
      <c r="AC10810">
        <v>19</v>
      </c>
      <c r="AD10810">
        <v>19</v>
      </c>
      <c r="AE10810">
        <v>19</v>
      </c>
      <c r="AF10810">
        <v>19</v>
      </c>
      <c r="AG10810">
        <v>19</v>
      </c>
      <c r="AH10810">
        <v>19</v>
      </c>
      <c r="AI10810">
        <v>19</v>
      </c>
      <c r="AJ10810">
        <v>19</v>
      </c>
      <c r="AK10810">
        <v>19</v>
      </c>
      <c r="AL10810">
        <v>19</v>
      </c>
      <c r="AM10810">
        <v>19</v>
      </c>
      <c r="AN10810">
        <v>18</v>
      </c>
      <c r="AO10810">
        <v>18</v>
      </c>
      <c r="AP10810">
        <v>18</v>
      </c>
      <c r="AQ10810">
        <v>18</v>
      </c>
    </row>
    <row r="10811" spans="1:43">
      <c r="A10811" t="s">
        <v>6724</v>
      </c>
      <c r="B10811" t="s">
        <v>6725</v>
      </c>
      <c r="C10811" t="s">
        <v>6722</v>
      </c>
      <c r="D10811" t="s">
        <v>6723</v>
      </c>
      <c r="E10811" t="s">
        <v>6594</v>
      </c>
      <c r="F10811" t="s">
        <v>6595</v>
      </c>
      <c r="G10811" t="s">
        <v>80</v>
      </c>
      <c r="H10811" t="s">
        <v>81</v>
      </c>
      <c r="I10811" s="2">
        <v>0</v>
      </c>
      <c r="J10811" s="2">
        <v>1</v>
      </c>
      <c r="K10811" s="2">
        <v>0</v>
      </c>
      <c r="L10811" t="s">
        <v>82</v>
      </c>
      <c r="M10811" t="s">
        <v>87</v>
      </c>
      <c r="N10811" t="s">
        <v>88</v>
      </c>
      <c r="O10811" t="s">
        <v>85</v>
      </c>
      <c r="P10811" t="s">
        <v>86</v>
      </c>
      <c r="Q10811">
        <v>18</v>
      </c>
      <c r="R10811">
        <v>18</v>
      </c>
      <c r="S10811">
        <v>18</v>
      </c>
      <c r="T10811">
        <v>18</v>
      </c>
      <c r="U10811">
        <v>17</v>
      </c>
      <c r="V10811">
        <v>17</v>
      </c>
      <c r="W10811">
        <v>17</v>
      </c>
      <c r="X10811">
        <v>17</v>
      </c>
      <c r="Y10811">
        <v>17</v>
      </c>
      <c r="Z10811">
        <v>17</v>
      </c>
      <c r="AA10811">
        <v>17</v>
      </c>
      <c r="AB10811">
        <v>17</v>
      </c>
      <c r="AC10811">
        <v>17</v>
      </c>
      <c r="AD10811">
        <v>17</v>
      </c>
      <c r="AE10811">
        <v>17</v>
      </c>
      <c r="AF10811">
        <v>17</v>
      </c>
      <c r="AG10811">
        <v>17</v>
      </c>
      <c r="AH10811">
        <v>16</v>
      </c>
      <c r="AI10811">
        <v>16</v>
      </c>
      <c r="AJ10811">
        <v>16</v>
      </c>
      <c r="AK10811">
        <v>16</v>
      </c>
      <c r="AL10811">
        <v>16</v>
      </c>
      <c r="AM10811">
        <v>16</v>
      </c>
      <c r="AN10811">
        <v>16</v>
      </c>
      <c r="AO10811">
        <v>16</v>
      </c>
      <c r="AP10811">
        <v>16</v>
      </c>
      <c r="AQ10811">
        <v>16</v>
      </c>
    </row>
    <row r="10812" spans="1:43">
      <c r="A10812" t="s">
        <v>6724</v>
      </c>
      <c r="B10812" t="s">
        <v>6725</v>
      </c>
      <c r="C10812" t="s">
        <v>6722</v>
      </c>
      <c r="D10812" t="s">
        <v>6723</v>
      </c>
      <c r="E10812" t="s">
        <v>6594</v>
      </c>
      <c r="F10812" t="s">
        <v>6595</v>
      </c>
      <c r="G10812" t="s">
        <v>80</v>
      </c>
      <c r="H10812" t="s">
        <v>81</v>
      </c>
      <c r="I10812" s="2">
        <v>0</v>
      </c>
      <c r="J10812" s="2">
        <v>1</v>
      </c>
      <c r="K10812" s="2">
        <v>0</v>
      </c>
      <c r="L10812" t="s">
        <v>82</v>
      </c>
      <c r="M10812" t="s">
        <v>89</v>
      </c>
      <c r="N10812" t="s">
        <v>90</v>
      </c>
      <c r="O10812" t="s">
        <v>85</v>
      </c>
      <c r="P10812" t="s">
        <v>86</v>
      </c>
      <c r="Q10812">
        <v>18</v>
      </c>
      <c r="R10812">
        <v>18</v>
      </c>
      <c r="S10812">
        <v>19</v>
      </c>
      <c r="T10812">
        <v>19</v>
      </c>
      <c r="U10812">
        <v>19</v>
      </c>
      <c r="V10812">
        <v>19</v>
      </c>
      <c r="W10812">
        <v>19</v>
      </c>
      <c r="X10812">
        <v>20</v>
      </c>
      <c r="Y10812">
        <v>20</v>
      </c>
      <c r="Z10812">
        <v>20</v>
      </c>
      <c r="AA10812">
        <v>20</v>
      </c>
      <c r="AB10812">
        <v>20</v>
      </c>
      <c r="AC10812">
        <v>20</v>
      </c>
      <c r="AD10812">
        <v>20</v>
      </c>
      <c r="AE10812">
        <v>20</v>
      </c>
      <c r="AF10812">
        <v>20</v>
      </c>
      <c r="AG10812">
        <v>20</v>
      </c>
      <c r="AH10812">
        <v>20</v>
      </c>
      <c r="AI10812">
        <v>19</v>
      </c>
      <c r="AJ10812">
        <v>19</v>
      </c>
      <c r="AK10812">
        <v>19</v>
      </c>
      <c r="AL10812">
        <v>19</v>
      </c>
      <c r="AM10812">
        <v>19</v>
      </c>
      <c r="AN10812">
        <v>19</v>
      </c>
      <c r="AO10812">
        <v>19</v>
      </c>
      <c r="AP10812">
        <v>18</v>
      </c>
      <c r="AQ10812">
        <v>18</v>
      </c>
    </row>
    <row r="10813" spans="1:43">
      <c r="A10813" t="s">
        <v>6724</v>
      </c>
      <c r="B10813" t="s">
        <v>6725</v>
      </c>
      <c r="C10813" t="s">
        <v>6722</v>
      </c>
      <c r="D10813" t="s">
        <v>6723</v>
      </c>
      <c r="E10813" t="s">
        <v>6594</v>
      </c>
      <c r="F10813" t="s">
        <v>6595</v>
      </c>
      <c r="G10813" t="s">
        <v>80</v>
      </c>
      <c r="H10813" t="s">
        <v>81</v>
      </c>
      <c r="I10813" s="2">
        <v>0</v>
      </c>
      <c r="J10813" s="2">
        <v>1</v>
      </c>
      <c r="K10813" s="2">
        <v>0</v>
      </c>
      <c r="L10813" t="s">
        <v>82</v>
      </c>
      <c r="M10813" t="s">
        <v>83</v>
      </c>
      <c r="N10813" t="s">
        <v>91</v>
      </c>
      <c r="O10813" t="s">
        <v>85</v>
      </c>
      <c r="P10813" t="s">
        <v>86</v>
      </c>
      <c r="Q10813">
        <v>18</v>
      </c>
      <c r="R10813">
        <v>18</v>
      </c>
      <c r="S10813">
        <v>18</v>
      </c>
      <c r="T10813">
        <v>18</v>
      </c>
      <c r="U10813">
        <v>18</v>
      </c>
      <c r="V10813">
        <v>18</v>
      </c>
      <c r="W10813">
        <v>18</v>
      </c>
      <c r="X10813">
        <v>19</v>
      </c>
      <c r="Y10813">
        <v>19</v>
      </c>
      <c r="Z10813">
        <v>19</v>
      </c>
      <c r="AA10813">
        <v>19</v>
      </c>
      <c r="AB10813">
        <v>19</v>
      </c>
      <c r="AC10813">
        <v>19</v>
      </c>
      <c r="AD10813">
        <v>19</v>
      </c>
      <c r="AE10813">
        <v>19</v>
      </c>
      <c r="AF10813">
        <v>19</v>
      </c>
      <c r="AG10813">
        <v>19</v>
      </c>
      <c r="AH10813">
        <v>19</v>
      </c>
      <c r="AI10813">
        <v>19</v>
      </c>
      <c r="AJ10813">
        <v>19</v>
      </c>
      <c r="AK10813">
        <v>19</v>
      </c>
      <c r="AL10813">
        <v>19</v>
      </c>
      <c r="AM10813">
        <v>19</v>
      </c>
      <c r="AN10813">
        <v>18</v>
      </c>
      <c r="AO10813">
        <v>18</v>
      </c>
      <c r="AP10813">
        <v>18</v>
      </c>
      <c r="AQ10813">
        <v>18</v>
      </c>
    </row>
    <row r="10814" spans="1:43">
      <c r="A10814" t="s">
        <v>6726</v>
      </c>
      <c r="B10814" t="s">
        <v>6727</v>
      </c>
      <c r="C10814" t="s">
        <v>6728</v>
      </c>
      <c r="D10814" t="s">
        <v>6729</v>
      </c>
      <c r="E10814" t="s">
        <v>6594</v>
      </c>
      <c r="F10814" t="s">
        <v>6595</v>
      </c>
      <c r="G10814" t="s">
        <v>80</v>
      </c>
      <c r="H10814" t="s">
        <v>81</v>
      </c>
      <c r="I10814" s="2">
        <v>0</v>
      </c>
      <c r="J10814" s="2">
        <v>1</v>
      </c>
      <c r="K10814" s="2">
        <v>0</v>
      </c>
      <c r="L10814" t="s">
        <v>82</v>
      </c>
      <c r="M10814" t="s">
        <v>83</v>
      </c>
      <c r="N10814" t="s">
        <v>84</v>
      </c>
      <c r="O10814" t="s">
        <v>85</v>
      </c>
      <c r="P10814" t="s">
        <v>86</v>
      </c>
      <c r="Q10814">
        <v>136</v>
      </c>
      <c r="R10814">
        <v>137</v>
      </c>
      <c r="S10814">
        <v>138</v>
      </c>
      <c r="T10814">
        <v>139</v>
      </c>
      <c r="U10814">
        <v>139</v>
      </c>
      <c r="V10814">
        <v>140</v>
      </c>
      <c r="W10814">
        <v>141</v>
      </c>
      <c r="X10814">
        <v>141</v>
      </c>
      <c r="Y10814">
        <v>142</v>
      </c>
      <c r="Z10814">
        <v>142</v>
      </c>
      <c r="AA10814">
        <v>142</v>
      </c>
      <c r="AB10814">
        <v>143</v>
      </c>
      <c r="AC10814">
        <v>143</v>
      </c>
      <c r="AD10814">
        <v>143</v>
      </c>
      <c r="AE10814">
        <v>143</v>
      </c>
      <c r="AF10814">
        <v>143</v>
      </c>
      <c r="AG10814">
        <v>143</v>
      </c>
      <c r="AH10814">
        <v>143</v>
      </c>
      <c r="AI10814">
        <v>143</v>
      </c>
      <c r="AJ10814">
        <v>143</v>
      </c>
      <c r="AK10814">
        <v>143</v>
      </c>
      <c r="AL10814">
        <v>142</v>
      </c>
      <c r="AM10814">
        <v>140</v>
      </c>
      <c r="AN10814">
        <v>139</v>
      </c>
      <c r="AO10814">
        <v>138</v>
      </c>
      <c r="AP10814">
        <v>137</v>
      </c>
      <c r="AQ10814">
        <v>135</v>
      </c>
    </row>
    <row r="10815" spans="1:43">
      <c r="A10815" t="s">
        <v>6726</v>
      </c>
      <c r="B10815" t="s">
        <v>6727</v>
      </c>
      <c r="C10815" t="s">
        <v>6728</v>
      </c>
      <c r="D10815" t="s">
        <v>6729</v>
      </c>
      <c r="E10815" t="s">
        <v>6594</v>
      </c>
      <c r="F10815" t="s">
        <v>6595</v>
      </c>
      <c r="G10815" t="s">
        <v>80</v>
      </c>
      <c r="H10815" t="s">
        <v>81</v>
      </c>
      <c r="I10815" s="2">
        <v>0</v>
      </c>
      <c r="J10815" s="2">
        <v>1</v>
      </c>
      <c r="K10815" s="2">
        <v>0</v>
      </c>
      <c r="L10815" t="s">
        <v>82</v>
      </c>
      <c r="M10815" t="s">
        <v>87</v>
      </c>
      <c r="N10815" t="s">
        <v>88</v>
      </c>
      <c r="O10815" t="s">
        <v>85</v>
      </c>
      <c r="P10815" t="s">
        <v>86</v>
      </c>
      <c r="Q10815">
        <v>136</v>
      </c>
      <c r="R10815">
        <v>136</v>
      </c>
      <c r="S10815">
        <v>135</v>
      </c>
      <c r="T10815">
        <v>135</v>
      </c>
      <c r="U10815">
        <v>134</v>
      </c>
      <c r="V10815">
        <v>134</v>
      </c>
      <c r="W10815">
        <v>133</v>
      </c>
      <c r="X10815">
        <v>132</v>
      </c>
      <c r="Y10815">
        <v>132</v>
      </c>
      <c r="Z10815">
        <v>131</v>
      </c>
      <c r="AA10815">
        <v>131</v>
      </c>
      <c r="AB10815">
        <v>130</v>
      </c>
      <c r="AC10815">
        <v>129</v>
      </c>
      <c r="AD10815">
        <v>128</v>
      </c>
      <c r="AE10815">
        <v>128</v>
      </c>
      <c r="AF10815">
        <v>127</v>
      </c>
      <c r="AG10815">
        <v>126</v>
      </c>
      <c r="AH10815">
        <v>125</v>
      </c>
      <c r="AI10815">
        <v>125</v>
      </c>
      <c r="AJ10815">
        <v>124</v>
      </c>
      <c r="AK10815">
        <v>123</v>
      </c>
      <c r="AL10815">
        <v>122</v>
      </c>
      <c r="AM10815">
        <v>121</v>
      </c>
      <c r="AN10815">
        <v>121</v>
      </c>
      <c r="AO10815">
        <v>120</v>
      </c>
      <c r="AP10815">
        <v>119</v>
      </c>
      <c r="AQ10815">
        <v>119</v>
      </c>
    </row>
    <row r="10816" spans="1:43">
      <c r="A10816" t="s">
        <v>6726</v>
      </c>
      <c r="B10816" t="s">
        <v>6727</v>
      </c>
      <c r="C10816" t="s">
        <v>6728</v>
      </c>
      <c r="D10816" t="s">
        <v>6729</v>
      </c>
      <c r="E10816" t="s">
        <v>6594</v>
      </c>
      <c r="F10816" t="s">
        <v>6595</v>
      </c>
      <c r="G10816" t="s">
        <v>80</v>
      </c>
      <c r="H10816" t="s">
        <v>81</v>
      </c>
      <c r="I10816" s="2">
        <v>0</v>
      </c>
      <c r="J10816" s="2">
        <v>1</v>
      </c>
      <c r="K10816" s="2">
        <v>0</v>
      </c>
      <c r="L10816" t="s">
        <v>82</v>
      </c>
      <c r="M10816" t="s">
        <v>89</v>
      </c>
      <c r="N10816" t="s">
        <v>90</v>
      </c>
      <c r="O10816" t="s">
        <v>85</v>
      </c>
      <c r="P10816" t="s">
        <v>86</v>
      </c>
      <c r="Q10816">
        <v>136</v>
      </c>
      <c r="R10816">
        <v>138</v>
      </c>
      <c r="S10816">
        <v>140</v>
      </c>
      <c r="T10816">
        <v>142</v>
      </c>
      <c r="U10816">
        <v>144</v>
      </c>
      <c r="V10816">
        <v>145</v>
      </c>
      <c r="W10816">
        <v>147</v>
      </c>
      <c r="X10816">
        <v>148</v>
      </c>
      <c r="Y10816">
        <v>149</v>
      </c>
      <c r="Z10816">
        <v>150</v>
      </c>
      <c r="AA10816">
        <v>150</v>
      </c>
      <c r="AB10816">
        <v>151</v>
      </c>
      <c r="AC10816">
        <v>152</v>
      </c>
      <c r="AD10816">
        <v>152</v>
      </c>
      <c r="AE10816">
        <v>152</v>
      </c>
      <c r="AF10816">
        <v>151</v>
      </c>
      <c r="AG10816">
        <v>149</v>
      </c>
      <c r="AH10816">
        <v>148</v>
      </c>
      <c r="AI10816">
        <v>146</v>
      </c>
      <c r="AJ10816">
        <v>145</v>
      </c>
      <c r="AK10816">
        <v>143</v>
      </c>
      <c r="AL10816">
        <v>142</v>
      </c>
      <c r="AM10816">
        <v>141</v>
      </c>
      <c r="AN10816">
        <v>139</v>
      </c>
      <c r="AO10816">
        <v>138</v>
      </c>
      <c r="AP10816">
        <v>137</v>
      </c>
      <c r="AQ10816">
        <v>136</v>
      </c>
    </row>
    <row r="10817" spans="1:43">
      <c r="A10817" t="s">
        <v>6726</v>
      </c>
      <c r="B10817" t="s">
        <v>6727</v>
      </c>
      <c r="C10817" t="s">
        <v>6728</v>
      </c>
      <c r="D10817" t="s">
        <v>6729</v>
      </c>
      <c r="E10817" t="s">
        <v>6594</v>
      </c>
      <c r="F10817" t="s">
        <v>6595</v>
      </c>
      <c r="G10817" t="s">
        <v>80</v>
      </c>
      <c r="H10817" t="s">
        <v>81</v>
      </c>
      <c r="I10817" s="2">
        <v>0</v>
      </c>
      <c r="J10817" s="2">
        <v>1</v>
      </c>
      <c r="K10817" s="2">
        <v>0</v>
      </c>
      <c r="L10817" t="s">
        <v>82</v>
      </c>
      <c r="M10817" t="s">
        <v>83</v>
      </c>
      <c r="N10817" t="s">
        <v>91</v>
      </c>
      <c r="O10817" t="s">
        <v>85</v>
      </c>
      <c r="P10817" t="s">
        <v>86</v>
      </c>
      <c r="Q10817">
        <v>136</v>
      </c>
      <c r="R10817">
        <v>137</v>
      </c>
      <c r="S10817">
        <v>138</v>
      </c>
      <c r="T10817">
        <v>139</v>
      </c>
      <c r="U10817">
        <v>139</v>
      </c>
      <c r="V10817">
        <v>140</v>
      </c>
      <c r="W10817">
        <v>141</v>
      </c>
      <c r="X10817">
        <v>141</v>
      </c>
      <c r="Y10817">
        <v>142</v>
      </c>
      <c r="Z10817">
        <v>142</v>
      </c>
      <c r="AA10817">
        <v>142</v>
      </c>
      <c r="AB10817">
        <v>143</v>
      </c>
      <c r="AC10817">
        <v>143</v>
      </c>
      <c r="AD10817">
        <v>143</v>
      </c>
      <c r="AE10817">
        <v>143</v>
      </c>
      <c r="AF10817">
        <v>143</v>
      </c>
      <c r="AG10817">
        <v>143</v>
      </c>
      <c r="AH10817">
        <v>143</v>
      </c>
      <c r="AI10817">
        <v>143</v>
      </c>
      <c r="AJ10817">
        <v>143</v>
      </c>
      <c r="AK10817">
        <v>143</v>
      </c>
      <c r="AL10817">
        <v>142</v>
      </c>
      <c r="AM10817">
        <v>140</v>
      </c>
      <c r="AN10817">
        <v>139</v>
      </c>
      <c r="AO10817">
        <v>138</v>
      </c>
      <c r="AP10817">
        <v>137</v>
      </c>
      <c r="AQ10817">
        <v>135</v>
      </c>
    </row>
    <row r="10818" spans="1:43">
      <c r="A10818" t="s">
        <v>6730</v>
      </c>
      <c r="B10818" t="s">
        <v>6731</v>
      </c>
      <c r="C10818" t="s">
        <v>6722</v>
      </c>
      <c r="D10818" t="s">
        <v>6723</v>
      </c>
      <c r="E10818" t="s">
        <v>6594</v>
      </c>
      <c r="F10818" t="s">
        <v>6595</v>
      </c>
      <c r="G10818" t="s">
        <v>80</v>
      </c>
      <c r="H10818" t="s">
        <v>81</v>
      </c>
      <c r="I10818" s="2">
        <v>0</v>
      </c>
      <c r="J10818" s="2">
        <v>1</v>
      </c>
      <c r="K10818" s="2">
        <v>0</v>
      </c>
      <c r="L10818" t="s">
        <v>82</v>
      </c>
      <c r="M10818" t="s">
        <v>83</v>
      </c>
      <c r="N10818" t="s">
        <v>84</v>
      </c>
      <c r="O10818" t="s">
        <v>85</v>
      </c>
      <c r="P10818" t="s">
        <v>86</v>
      </c>
      <c r="Q10818">
        <v>44</v>
      </c>
      <c r="R10818">
        <v>44</v>
      </c>
      <c r="S10818">
        <v>44</v>
      </c>
      <c r="T10818">
        <v>44</v>
      </c>
      <c r="U10818">
        <v>45</v>
      </c>
      <c r="V10818">
        <v>45</v>
      </c>
      <c r="W10818">
        <v>45</v>
      </c>
      <c r="X10818">
        <v>45</v>
      </c>
      <c r="Y10818">
        <v>45</v>
      </c>
      <c r="Z10818">
        <v>45</v>
      </c>
      <c r="AA10818">
        <v>46</v>
      </c>
      <c r="AB10818">
        <v>46</v>
      </c>
      <c r="AC10818">
        <v>46</v>
      </c>
      <c r="AD10818">
        <v>46</v>
      </c>
      <c r="AE10818">
        <v>46</v>
      </c>
      <c r="AF10818">
        <v>46</v>
      </c>
      <c r="AG10818">
        <v>46</v>
      </c>
      <c r="AH10818">
        <v>46</v>
      </c>
      <c r="AI10818">
        <v>46</v>
      </c>
      <c r="AJ10818">
        <v>46</v>
      </c>
      <c r="AK10818">
        <v>46</v>
      </c>
      <c r="AL10818">
        <v>45</v>
      </c>
      <c r="AM10818">
        <v>45</v>
      </c>
      <c r="AN10818">
        <v>44</v>
      </c>
      <c r="AO10818">
        <v>44</v>
      </c>
      <c r="AP10818">
        <v>44</v>
      </c>
      <c r="AQ10818">
        <v>43</v>
      </c>
    </row>
    <row r="10819" spans="1:43">
      <c r="A10819" t="s">
        <v>6730</v>
      </c>
      <c r="B10819" t="s">
        <v>6731</v>
      </c>
      <c r="C10819" t="s">
        <v>6722</v>
      </c>
      <c r="D10819" t="s">
        <v>6723</v>
      </c>
      <c r="E10819" t="s">
        <v>6594</v>
      </c>
      <c r="F10819" t="s">
        <v>6595</v>
      </c>
      <c r="G10819" t="s">
        <v>80</v>
      </c>
      <c r="H10819" t="s">
        <v>81</v>
      </c>
      <c r="I10819" s="2">
        <v>0</v>
      </c>
      <c r="J10819" s="2">
        <v>1</v>
      </c>
      <c r="K10819" s="2">
        <v>0</v>
      </c>
      <c r="L10819" t="s">
        <v>82</v>
      </c>
      <c r="M10819" t="s">
        <v>87</v>
      </c>
      <c r="N10819" t="s">
        <v>88</v>
      </c>
      <c r="O10819" t="s">
        <v>85</v>
      </c>
      <c r="P10819" t="s">
        <v>86</v>
      </c>
      <c r="Q10819">
        <v>44</v>
      </c>
      <c r="R10819">
        <v>44</v>
      </c>
      <c r="S10819">
        <v>44</v>
      </c>
      <c r="T10819">
        <v>44</v>
      </c>
      <c r="U10819">
        <v>44</v>
      </c>
      <c r="V10819">
        <v>43</v>
      </c>
      <c r="W10819">
        <v>43</v>
      </c>
      <c r="X10819">
        <v>43</v>
      </c>
      <c r="Y10819">
        <v>43</v>
      </c>
      <c r="Z10819">
        <v>43</v>
      </c>
      <c r="AA10819">
        <v>42</v>
      </c>
      <c r="AB10819">
        <v>42</v>
      </c>
      <c r="AC10819">
        <v>42</v>
      </c>
      <c r="AD10819">
        <v>42</v>
      </c>
      <c r="AE10819">
        <v>41</v>
      </c>
      <c r="AF10819">
        <v>41</v>
      </c>
      <c r="AG10819">
        <v>41</v>
      </c>
      <c r="AH10819">
        <v>41</v>
      </c>
      <c r="AI10819">
        <v>40</v>
      </c>
      <c r="AJ10819">
        <v>40</v>
      </c>
      <c r="AK10819">
        <v>40</v>
      </c>
      <c r="AL10819">
        <v>40</v>
      </c>
      <c r="AM10819">
        <v>40</v>
      </c>
      <c r="AN10819">
        <v>39</v>
      </c>
      <c r="AO10819">
        <v>39</v>
      </c>
      <c r="AP10819">
        <v>39</v>
      </c>
      <c r="AQ10819">
        <v>39</v>
      </c>
    </row>
    <row r="10820" spans="1:43">
      <c r="A10820" t="s">
        <v>6730</v>
      </c>
      <c r="B10820" t="s">
        <v>6731</v>
      </c>
      <c r="C10820" t="s">
        <v>6722</v>
      </c>
      <c r="D10820" t="s">
        <v>6723</v>
      </c>
      <c r="E10820" t="s">
        <v>6594</v>
      </c>
      <c r="F10820" t="s">
        <v>6595</v>
      </c>
      <c r="G10820" t="s">
        <v>80</v>
      </c>
      <c r="H10820" t="s">
        <v>81</v>
      </c>
      <c r="I10820" s="2">
        <v>0</v>
      </c>
      <c r="J10820" s="2">
        <v>1</v>
      </c>
      <c r="K10820" s="2">
        <v>0</v>
      </c>
      <c r="L10820" t="s">
        <v>82</v>
      </c>
      <c r="M10820" t="s">
        <v>89</v>
      </c>
      <c r="N10820" t="s">
        <v>90</v>
      </c>
      <c r="O10820" t="s">
        <v>85</v>
      </c>
      <c r="P10820" t="s">
        <v>86</v>
      </c>
      <c r="Q10820">
        <v>44</v>
      </c>
      <c r="R10820">
        <v>45</v>
      </c>
      <c r="S10820">
        <v>45</v>
      </c>
      <c r="T10820">
        <v>46</v>
      </c>
      <c r="U10820">
        <v>46</v>
      </c>
      <c r="V10820">
        <v>47</v>
      </c>
      <c r="W10820">
        <v>47</v>
      </c>
      <c r="X10820">
        <v>48</v>
      </c>
      <c r="Y10820">
        <v>48</v>
      </c>
      <c r="Z10820">
        <v>48</v>
      </c>
      <c r="AA10820">
        <v>48</v>
      </c>
      <c r="AB10820">
        <v>49</v>
      </c>
      <c r="AC10820">
        <v>49</v>
      </c>
      <c r="AD10820">
        <v>49</v>
      </c>
      <c r="AE10820">
        <v>49</v>
      </c>
      <c r="AF10820">
        <v>48</v>
      </c>
      <c r="AG10820">
        <v>48</v>
      </c>
      <c r="AH10820">
        <v>48</v>
      </c>
      <c r="AI10820">
        <v>47</v>
      </c>
      <c r="AJ10820">
        <v>47</v>
      </c>
      <c r="AK10820">
        <v>46</v>
      </c>
      <c r="AL10820">
        <v>46</v>
      </c>
      <c r="AM10820">
        <v>45</v>
      </c>
      <c r="AN10820">
        <v>45</v>
      </c>
      <c r="AO10820">
        <v>45</v>
      </c>
      <c r="AP10820">
        <v>44</v>
      </c>
      <c r="AQ10820">
        <v>44</v>
      </c>
    </row>
    <row r="10821" spans="1:43">
      <c r="A10821" t="s">
        <v>6730</v>
      </c>
      <c r="B10821" t="s">
        <v>6731</v>
      </c>
      <c r="C10821" t="s">
        <v>6722</v>
      </c>
      <c r="D10821" t="s">
        <v>6723</v>
      </c>
      <c r="E10821" t="s">
        <v>6594</v>
      </c>
      <c r="F10821" t="s">
        <v>6595</v>
      </c>
      <c r="G10821" t="s">
        <v>80</v>
      </c>
      <c r="H10821" t="s">
        <v>81</v>
      </c>
      <c r="I10821" s="2">
        <v>0</v>
      </c>
      <c r="J10821" s="2">
        <v>1</v>
      </c>
      <c r="K10821" s="2">
        <v>0</v>
      </c>
      <c r="L10821" t="s">
        <v>82</v>
      </c>
      <c r="M10821" t="s">
        <v>83</v>
      </c>
      <c r="N10821" t="s">
        <v>91</v>
      </c>
      <c r="O10821" t="s">
        <v>85</v>
      </c>
      <c r="P10821" t="s">
        <v>86</v>
      </c>
      <c r="Q10821">
        <v>44</v>
      </c>
      <c r="R10821">
        <v>44</v>
      </c>
      <c r="S10821">
        <v>44</v>
      </c>
      <c r="T10821">
        <v>44</v>
      </c>
      <c r="U10821">
        <v>45</v>
      </c>
      <c r="V10821">
        <v>45</v>
      </c>
      <c r="W10821">
        <v>45</v>
      </c>
      <c r="X10821">
        <v>45</v>
      </c>
      <c r="Y10821">
        <v>45</v>
      </c>
      <c r="Z10821">
        <v>45</v>
      </c>
      <c r="AA10821">
        <v>46</v>
      </c>
      <c r="AB10821">
        <v>46</v>
      </c>
      <c r="AC10821">
        <v>46</v>
      </c>
      <c r="AD10821">
        <v>46</v>
      </c>
      <c r="AE10821">
        <v>46</v>
      </c>
      <c r="AF10821">
        <v>46</v>
      </c>
      <c r="AG10821">
        <v>46</v>
      </c>
      <c r="AH10821">
        <v>46</v>
      </c>
      <c r="AI10821">
        <v>46</v>
      </c>
      <c r="AJ10821">
        <v>46</v>
      </c>
      <c r="AK10821">
        <v>46</v>
      </c>
      <c r="AL10821">
        <v>45</v>
      </c>
      <c r="AM10821">
        <v>45</v>
      </c>
      <c r="AN10821">
        <v>44</v>
      </c>
      <c r="AO10821">
        <v>44</v>
      </c>
      <c r="AP10821">
        <v>44</v>
      </c>
      <c r="AQ10821">
        <v>43</v>
      </c>
    </row>
    <row r="10822" spans="1:43">
      <c r="A10822" t="s">
        <v>6732</v>
      </c>
      <c r="B10822" t="s">
        <v>6733</v>
      </c>
      <c r="C10822" t="s">
        <v>6728</v>
      </c>
      <c r="D10822" t="s">
        <v>6729</v>
      </c>
      <c r="E10822" t="s">
        <v>6594</v>
      </c>
      <c r="F10822" t="s">
        <v>6595</v>
      </c>
      <c r="G10822" t="s">
        <v>80</v>
      </c>
      <c r="H10822" t="s">
        <v>81</v>
      </c>
      <c r="I10822" s="2">
        <v>0</v>
      </c>
      <c r="J10822" s="2">
        <v>1</v>
      </c>
      <c r="K10822" s="2">
        <v>0</v>
      </c>
      <c r="L10822" t="s">
        <v>82</v>
      </c>
      <c r="M10822" t="s">
        <v>83</v>
      </c>
      <c r="N10822" t="s">
        <v>84</v>
      </c>
      <c r="O10822" t="s">
        <v>85</v>
      </c>
      <c r="P10822" t="s">
        <v>86</v>
      </c>
      <c r="Q10822">
        <v>42</v>
      </c>
      <c r="R10822">
        <v>43</v>
      </c>
      <c r="S10822">
        <v>43</v>
      </c>
      <c r="T10822">
        <v>43</v>
      </c>
      <c r="U10822">
        <v>43</v>
      </c>
      <c r="V10822">
        <v>44</v>
      </c>
      <c r="W10822">
        <v>44</v>
      </c>
      <c r="X10822">
        <v>44</v>
      </c>
      <c r="Y10822">
        <v>44</v>
      </c>
      <c r="Z10822">
        <v>44</v>
      </c>
      <c r="AA10822">
        <v>44</v>
      </c>
      <c r="AB10822">
        <v>44</v>
      </c>
      <c r="AC10822">
        <v>44</v>
      </c>
      <c r="AD10822">
        <v>44</v>
      </c>
      <c r="AE10822">
        <v>44</v>
      </c>
      <c r="AF10822">
        <v>44</v>
      </c>
      <c r="AG10822">
        <v>44</v>
      </c>
      <c r="AH10822">
        <v>44</v>
      </c>
      <c r="AI10822">
        <v>44</v>
      </c>
      <c r="AJ10822">
        <v>44</v>
      </c>
      <c r="AK10822">
        <v>44</v>
      </c>
      <c r="AL10822">
        <v>44</v>
      </c>
      <c r="AM10822">
        <v>44</v>
      </c>
      <c r="AN10822">
        <v>43</v>
      </c>
      <c r="AO10822">
        <v>43</v>
      </c>
      <c r="AP10822">
        <v>43</v>
      </c>
      <c r="AQ10822">
        <v>42</v>
      </c>
    </row>
    <row r="10823" spans="1:43">
      <c r="A10823" t="s">
        <v>6732</v>
      </c>
      <c r="B10823" t="s">
        <v>6733</v>
      </c>
      <c r="C10823" t="s">
        <v>6728</v>
      </c>
      <c r="D10823" t="s">
        <v>6729</v>
      </c>
      <c r="E10823" t="s">
        <v>6594</v>
      </c>
      <c r="F10823" t="s">
        <v>6595</v>
      </c>
      <c r="G10823" t="s">
        <v>80</v>
      </c>
      <c r="H10823" t="s">
        <v>81</v>
      </c>
      <c r="I10823" s="2">
        <v>0</v>
      </c>
      <c r="J10823" s="2">
        <v>1</v>
      </c>
      <c r="K10823" s="2">
        <v>0</v>
      </c>
      <c r="L10823" t="s">
        <v>82</v>
      </c>
      <c r="M10823" t="s">
        <v>87</v>
      </c>
      <c r="N10823" t="s">
        <v>88</v>
      </c>
      <c r="O10823" t="s">
        <v>85</v>
      </c>
      <c r="P10823" t="s">
        <v>86</v>
      </c>
      <c r="Q10823">
        <v>42</v>
      </c>
      <c r="R10823">
        <v>42</v>
      </c>
      <c r="S10823">
        <v>42</v>
      </c>
      <c r="T10823">
        <v>42</v>
      </c>
      <c r="U10823">
        <v>41</v>
      </c>
      <c r="V10823">
        <v>41</v>
      </c>
      <c r="W10823">
        <v>41</v>
      </c>
      <c r="X10823">
        <v>41</v>
      </c>
      <c r="Y10823">
        <v>41</v>
      </c>
      <c r="Z10823">
        <v>41</v>
      </c>
      <c r="AA10823">
        <v>40</v>
      </c>
      <c r="AB10823">
        <v>40</v>
      </c>
      <c r="AC10823">
        <v>40</v>
      </c>
      <c r="AD10823">
        <v>40</v>
      </c>
      <c r="AE10823">
        <v>39</v>
      </c>
      <c r="AF10823">
        <v>39</v>
      </c>
      <c r="AG10823">
        <v>39</v>
      </c>
      <c r="AH10823">
        <v>39</v>
      </c>
      <c r="AI10823">
        <v>38</v>
      </c>
      <c r="AJ10823">
        <v>38</v>
      </c>
      <c r="AK10823">
        <v>38</v>
      </c>
      <c r="AL10823">
        <v>38</v>
      </c>
      <c r="AM10823">
        <v>38</v>
      </c>
      <c r="AN10823">
        <v>37</v>
      </c>
      <c r="AO10823">
        <v>37</v>
      </c>
      <c r="AP10823">
        <v>37</v>
      </c>
      <c r="AQ10823">
        <v>37</v>
      </c>
    </row>
    <row r="10824" spans="1:43">
      <c r="A10824" t="s">
        <v>6732</v>
      </c>
      <c r="B10824" t="s">
        <v>6733</v>
      </c>
      <c r="C10824" t="s">
        <v>6728</v>
      </c>
      <c r="D10824" t="s">
        <v>6729</v>
      </c>
      <c r="E10824" t="s">
        <v>6594</v>
      </c>
      <c r="F10824" t="s">
        <v>6595</v>
      </c>
      <c r="G10824" t="s">
        <v>80</v>
      </c>
      <c r="H10824" t="s">
        <v>81</v>
      </c>
      <c r="I10824" s="2">
        <v>0</v>
      </c>
      <c r="J10824" s="2">
        <v>1</v>
      </c>
      <c r="K10824" s="2">
        <v>0</v>
      </c>
      <c r="L10824" t="s">
        <v>82</v>
      </c>
      <c r="M10824" t="s">
        <v>89</v>
      </c>
      <c r="N10824" t="s">
        <v>90</v>
      </c>
      <c r="O10824" t="s">
        <v>85</v>
      </c>
      <c r="P10824" t="s">
        <v>86</v>
      </c>
      <c r="Q10824">
        <v>42</v>
      </c>
      <c r="R10824">
        <v>42</v>
      </c>
      <c r="S10824">
        <v>43</v>
      </c>
      <c r="T10824">
        <v>44</v>
      </c>
      <c r="U10824">
        <v>44</v>
      </c>
      <c r="V10824">
        <v>45</v>
      </c>
      <c r="W10824">
        <v>45</v>
      </c>
      <c r="X10824">
        <v>45</v>
      </c>
      <c r="Y10824">
        <v>46</v>
      </c>
      <c r="Z10824">
        <v>46</v>
      </c>
      <c r="AA10824">
        <v>46</v>
      </c>
      <c r="AB10824">
        <v>46</v>
      </c>
      <c r="AC10824">
        <v>47</v>
      </c>
      <c r="AD10824">
        <v>47</v>
      </c>
      <c r="AE10824">
        <v>47</v>
      </c>
      <c r="AF10824">
        <v>46</v>
      </c>
      <c r="AG10824">
        <v>46</v>
      </c>
      <c r="AH10824">
        <v>45</v>
      </c>
      <c r="AI10824">
        <v>45</v>
      </c>
      <c r="AJ10824">
        <v>44</v>
      </c>
      <c r="AK10824">
        <v>44</v>
      </c>
      <c r="AL10824">
        <v>44</v>
      </c>
      <c r="AM10824">
        <v>43</v>
      </c>
      <c r="AN10824">
        <v>43</v>
      </c>
      <c r="AO10824">
        <v>42</v>
      </c>
      <c r="AP10824">
        <v>42</v>
      </c>
      <c r="AQ10824">
        <v>42</v>
      </c>
    </row>
    <row r="10825" spans="1:43">
      <c r="A10825" t="s">
        <v>6732</v>
      </c>
      <c r="B10825" t="s">
        <v>6733</v>
      </c>
      <c r="C10825" t="s">
        <v>6728</v>
      </c>
      <c r="D10825" t="s">
        <v>6729</v>
      </c>
      <c r="E10825" t="s">
        <v>6594</v>
      </c>
      <c r="F10825" t="s">
        <v>6595</v>
      </c>
      <c r="G10825" t="s">
        <v>80</v>
      </c>
      <c r="H10825" t="s">
        <v>81</v>
      </c>
      <c r="I10825" s="2">
        <v>0</v>
      </c>
      <c r="J10825" s="2">
        <v>1</v>
      </c>
      <c r="K10825" s="2">
        <v>0</v>
      </c>
      <c r="L10825" t="s">
        <v>82</v>
      </c>
      <c r="M10825" t="s">
        <v>83</v>
      </c>
      <c r="N10825" t="s">
        <v>91</v>
      </c>
      <c r="O10825" t="s">
        <v>85</v>
      </c>
      <c r="P10825" t="s">
        <v>86</v>
      </c>
      <c r="Q10825">
        <v>42</v>
      </c>
      <c r="R10825">
        <v>43</v>
      </c>
      <c r="S10825">
        <v>43</v>
      </c>
      <c r="T10825">
        <v>43</v>
      </c>
      <c r="U10825">
        <v>43</v>
      </c>
      <c r="V10825">
        <v>44</v>
      </c>
      <c r="W10825">
        <v>44</v>
      </c>
      <c r="X10825">
        <v>44</v>
      </c>
      <c r="Y10825">
        <v>44</v>
      </c>
      <c r="Z10825">
        <v>44</v>
      </c>
      <c r="AA10825">
        <v>44</v>
      </c>
      <c r="AB10825">
        <v>44</v>
      </c>
      <c r="AC10825">
        <v>44</v>
      </c>
      <c r="AD10825">
        <v>44</v>
      </c>
      <c r="AE10825">
        <v>44</v>
      </c>
      <c r="AF10825">
        <v>44</v>
      </c>
      <c r="AG10825">
        <v>44</v>
      </c>
      <c r="AH10825">
        <v>44</v>
      </c>
      <c r="AI10825">
        <v>44</v>
      </c>
      <c r="AJ10825">
        <v>44</v>
      </c>
      <c r="AK10825">
        <v>44</v>
      </c>
      <c r="AL10825">
        <v>44</v>
      </c>
      <c r="AM10825">
        <v>44</v>
      </c>
      <c r="AN10825">
        <v>43</v>
      </c>
      <c r="AO10825">
        <v>43</v>
      </c>
      <c r="AP10825">
        <v>43</v>
      </c>
      <c r="AQ10825">
        <v>42</v>
      </c>
    </row>
    <row r="10826" spans="1:43">
      <c r="A10826" t="s">
        <v>6734</v>
      </c>
      <c r="B10826" t="s">
        <v>6735</v>
      </c>
      <c r="C10826" t="s">
        <v>6722</v>
      </c>
      <c r="D10826" t="s">
        <v>6723</v>
      </c>
      <c r="E10826" t="s">
        <v>6594</v>
      </c>
      <c r="F10826" t="s">
        <v>6595</v>
      </c>
      <c r="G10826" t="s">
        <v>80</v>
      </c>
      <c r="H10826" t="s">
        <v>81</v>
      </c>
      <c r="I10826" s="2">
        <v>0</v>
      </c>
      <c r="J10826" s="2">
        <v>1</v>
      </c>
      <c r="K10826" s="2">
        <v>0</v>
      </c>
      <c r="L10826" t="s">
        <v>82</v>
      </c>
      <c r="M10826" t="s">
        <v>83</v>
      </c>
      <c r="N10826" t="s">
        <v>84</v>
      </c>
      <c r="O10826" t="s">
        <v>85</v>
      </c>
      <c r="P10826" t="s">
        <v>86</v>
      </c>
      <c r="Q10826">
        <v>21</v>
      </c>
      <c r="R10826">
        <v>21</v>
      </c>
      <c r="S10826">
        <v>21</v>
      </c>
      <c r="T10826">
        <v>21</v>
      </c>
      <c r="U10826">
        <v>21</v>
      </c>
      <c r="V10826">
        <v>21</v>
      </c>
      <c r="W10826">
        <v>21</v>
      </c>
      <c r="X10826">
        <v>21</v>
      </c>
      <c r="Y10826">
        <v>21</v>
      </c>
      <c r="Z10826">
        <v>21</v>
      </c>
      <c r="AA10826">
        <v>22</v>
      </c>
      <c r="AB10826">
        <v>22</v>
      </c>
      <c r="AC10826">
        <v>22</v>
      </c>
      <c r="AD10826">
        <v>22</v>
      </c>
      <c r="AE10826">
        <v>22</v>
      </c>
      <c r="AF10826">
        <v>22</v>
      </c>
      <c r="AG10826">
        <v>22</v>
      </c>
      <c r="AH10826">
        <v>22</v>
      </c>
      <c r="AI10826">
        <v>22</v>
      </c>
      <c r="AJ10826">
        <v>22</v>
      </c>
      <c r="AK10826">
        <v>22</v>
      </c>
      <c r="AL10826">
        <v>21</v>
      </c>
      <c r="AM10826">
        <v>21</v>
      </c>
      <c r="AN10826">
        <v>21</v>
      </c>
      <c r="AO10826">
        <v>21</v>
      </c>
      <c r="AP10826">
        <v>21</v>
      </c>
      <c r="AQ10826">
        <v>20</v>
      </c>
    </row>
    <row r="10827" spans="1:43">
      <c r="A10827" t="s">
        <v>6734</v>
      </c>
      <c r="B10827" t="s">
        <v>6735</v>
      </c>
      <c r="C10827" t="s">
        <v>6722</v>
      </c>
      <c r="D10827" t="s">
        <v>6723</v>
      </c>
      <c r="E10827" t="s">
        <v>6594</v>
      </c>
      <c r="F10827" t="s">
        <v>6595</v>
      </c>
      <c r="G10827" t="s">
        <v>80</v>
      </c>
      <c r="H10827" t="s">
        <v>81</v>
      </c>
      <c r="I10827" s="2">
        <v>0</v>
      </c>
      <c r="J10827" s="2">
        <v>1</v>
      </c>
      <c r="K10827" s="2">
        <v>0</v>
      </c>
      <c r="L10827" t="s">
        <v>82</v>
      </c>
      <c r="M10827" t="s">
        <v>87</v>
      </c>
      <c r="N10827" t="s">
        <v>88</v>
      </c>
      <c r="O10827" t="s">
        <v>85</v>
      </c>
      <c r="P10827" t="s">
        <v>86</v>
      </c>
      <c r="Q10827">
        <v>21</v>
      </c>
      <c r="R10827">
        <v>21</v>
      </c>
      <c r="S10827">
        <v>21</v>
      </c>
      <c r="T10827">
        <v>21</v>
      </c>
      <c r="U10827">
        <v>21</v>
      </c>
      <c r="V10827">
        <v>21</v>
      </c>
      <c r="W10827">
        <v>21</v>
      </c>
      <c r="X10827">
        <v>21</v>
      </c>
      <c r="Y10827">
        <v>21</v>
      </c>
      <c r="Z10827">
        <v>21</v>
      </c>
      <c r="AA10827">
        <v>21</v>
      </c>
      <c r="AB10827">
        <v>20</v>
      </c>
      <c r="AC10827">
        <v>20</v>
      </c>
      <c r="AD10827">
        <v>20</v>
      </c>
      <c r="AE10827">
        <v>20</v>
      </c>
      <c r="AF10827">
        <v>20</v>
      </c>
      <c r="AG10827">
        <v>20</v>
      </c>
      <c r="AH10827">
        <v>20</v>
      </c>
      <c r="AI10827">
        <v>20</v>
      </c>
      <c r="AJ10827">
        <v>20</v>
      </c>
      <c r="AK10827">
        <v>19</v>
      </c>
      <c r="AL10827">
        <v>19</v>
      </c>
      <c r="AM10827">
        <v>19</v>
      </c>
      <c r="AN10827">
        <v>19</v>
      </c>
      <c r="AO10827">
        <v>19</v>
      </c>
      <c r="AP10827">
        <v>19</v>
      </c>
      <c r="AQ10827">
        <v>19</v>
      </c>
    </row>
    <row r="10828" spans="1:43">
      <c r="A10828" t="s">
        <v>6734</v>
      </c>
      <c r="B10828" t="s">
        <v>6735</v>
      </c>
      <c r="C10828" t="s">
        <v>6722</v>
      </c>
      <c r="D10828" t="s">
        <v>6723</v>
      </c>
      <c r="E10828" t="s">
        <v>6594</v>
      </c>
      <c r="F10828" t="s">
        <v>6595</v>
      </c>
      <c r="G10828" t="s">
        <v>80</v>
      </c>
      <c r="H10828" t="s">
        <v>81</v>
      </c>
      <c r="I10828" s="2">
        <v>0</v>
      </c>
      <c r="J10828" s="2">
        <v>1</v>
      </c>
      <c r="K10828" s="2">
        <v>0</v>
      </c>
      <c r="L10828" t="s">
        <v>82</v>
      </c>
      <c r="M10828" t="s">
        <v>89</v>
      </c>
      <c r="N10828" t="s">
        <v>90</v>
      </c>
      <c r="O10828" t="s">
        <v>85</v>
      </c>
      <c r="P10828" t="s">
        <v>86</v>
      </c>
      <c r="Q10828">
        <v>21</v>
      </c>
      <c r="R10828">
        <v>21</v>
      </c>
      <c r="S10828">
        <v>21</v>
      </c>
      <c r="T10828">
        <v>22</v>
      </c>
      <c r="U10828">
        <v>22</v>
      </c>
      <c r="V10828">
        <v>22</v>
      </c>
      <c r="W10828">
        <v>22</v>
      </c>
      <c r="X10828">
        <v>23</v>
      </c>
      <c r="Y10828">
        <v>23</v>
      </c>
      <c r="Z10828">
        <v>23</v>
      </c>
      <c r="AA10828">
        <v>23</v>
      </c>
      <c r="AB10828">
        <v>23</v>
      </c>
      <c r="AC10828">
        <v>23</v>
      </c>
      <c r="AD10828">
        <v>23</v>
      </c>
      <c r="AE10828">
        <v>23</v>
      </c>
      <c r="AF10828">
        <v>23</v>
      </c>
      <c r="AG10828">
        <v>23</v>
      </c>
      <c r="AH10828">
        <v>22</v>
      </c>
      <c r="AI10828">
        <v>22</v>
      </c>
      <c r="AJ10828">
        <v>22</v>
      </c>
      <c r="AK10828">
        <v>22</v>
      </c>
      <c r="AL10828">
        <v>22</v>
      </c>
      <c r="AM10828">
        <v>21</v>
      </c>
      <c r="AN10828">
        <v>21</v>
      </c>
      <c r="AO10828">
        <v>21</v>
      </c>
      <c r="AP10828">
        <v>21</v>
      </c>
      <c r="AQ10828">
        <v>21</v>
      </c>
    </row>
    <row r="10829" spans="1:43">
      <c r="A10829" t="s">
        <v>6734</v>
      </c>
      <c r="B10829" t="s">
        <v>6735</v>
      </c>
      <c r="C10829" t="s">
        <v>6722</v>
      </c>
      <c r="D10829" t="s">
        <v>6723</v>
      </c>
      <c r="E10829" t="s">
        <v>6594</v>
      </c>
      <c r="F10829" t="s">
        <v>6595</v>
      </c>
      <c r="G10829" t="s">
        <v>80</v>
      </c>
      <c r="H10829" t="s">
        <v>81</v>
      </c>
      <c r="I10829" s="2">
        <v>0</v>
      </c>
      <c r="J10829" s="2">
        <v>1</v>
      </c>
      <c r="K10829" s="2">
        <v>0</v>
      </c>
      <c r="L10829" t="s">
        <v>82</v>
      </c>
      <c r="M10829" t="s">
        <v>83</v>
      </c>
      <c r="N10829" t="s">
        <v>91</v>
      </c>
      <c r="O10829" t="s">
        <v>85</v>
      </c>
      <c r="P10829" t="s">
        <v>86</v>
      </c>
      <c r="Q10829">
        <v>21</v>
      </c>
      <c r="R10829">
        <v>21</v>
      </c>
      <c r="S10829">
        <v>21</v>
      </c>
      <c r="T10829">
        <v>21</v>
      </c>
      <c r="U10829">
        <v>21</v>
      </c>
      <c r="V10829">
        <v>21</v>
      </c>
      <c r="W10829">
        <v>21</v>
      </c>
      <c r="X10829">
        <v>21</v>
      </c>
      <c r="Y10829">
        <v>21</v>
      </c>
      <c r="Z10829">
        <v>21</v>
      </c>
      <c r="AA10829">
        <v>22</v>
      </c>
      <c r="AB10829">
        <v>22</v>
      </c>
      <c r="AC10829">
        <v>22</v>
      </c>
      <c r="AD10829">
        <v>22</v>
      </c>
      <c r="AE10829">
        <v>22</v>
      </c>
      <c r="AF10829">
        <v>22</v>
      </c>
      <c r="AG10829">
        <v>22</v>
      </c>
      <c r="AH10829">
        <v>22</v>
      </c>
      <c r="AI10829">
        <v>22</v>
      </c>
      <c r="AJ10829">
        <v>22</v>
      </c>
      <c r="AK10829">
        <v>22</v>
      </c>
      <c r="AL10829">
        <v>21</v>
      </c>
      <c r="AM10829">
        <v>21</v>
      </c>
      <c r="AN10829">
        <v>21</v>
      </c>
      <c r="AO10829">
        <v>21</v>
      </c>
      <c r="AP10829">
        <v>21</v>
      </c>
      <c r="AQ10829">
        <v>20</v>
      </c>
    </row>
    <row r="10830" spans="1:43">
      <c r="A10830" t="s">
        <v>6736</v>
      </c>
      <c r="B10830" t="s">
        <v>6737</v>
      </c>
      <c r="C10830" t="s">
        <v>6728</v>
      </c>
      <c r="D10830" t="s">
        <v>6729</v>
      </c>
      <c r="E10830" t="s">
        <v>6594</v>
      </c>
      <c r="F10830" t="s">
        <v>6595</v>
      </c>
      <c r="G10830" t="s">
        <v>80</v>
      </c>
      <c r="H10830" t="s">
        <v>81</v>
      </c>
      <c r="I10830" s="2">
        <v>0</v>
      </c>
      <c r="J10830" s="2">
        <v>1</v>
      </c>
      <c r="K10830" s="2">
        <v>0</v>
      </c>
      <c r="L10830" t="s">
        <v>82</v>
      </c>
      <c r="M10830" t="s">
        <v>83</v>
      </c>
      <c r="N10830" t="s">
        <v>84</v>
      </c>
      <c r="O10830" t="s">
        <v>85</v>
      </c>
      <c r="P10830" t="s">
        <v>86</v>
      </c>
      <c r="Q10830">
        <v>58</v>
      </c>
      <c r="R10830">
        <v>59</v>
      </c>
      <c r="S10830">
        <v>59</v>
      </c>
      <c r="T10830">
        <v>59</v>
      </c>
      <c r="U10830">
        <v>60</v>
      </c>
      <c r="V10830">
        <v>60</v>
      </c>
      <c r="W10830">
        <v>60</v>
      </c>
      <c r="X10830">
        <v>60</v>
      </c>
      <c r="Y10830">
        <v>61</v>
      </c>
      <c r="Z10830">
        <v>61</v>
      </c>
      <c r="AA10830">
        <v>61</v>
      </c>
      <c r="AB10830">
        <v>61</v>
      </c>
      <c r="AC10830">
        <v>61</v>
      </c>
      <c r="AD10830">
        <v>61</v>
      </c>
      <c r="AE10830">
        <v>61</v>
      </c>
      <c r="AF10830">
        <v>61</v>
      </c>
      <c r="AG10830">
        <v>61</v>
      </c>
      <c r="AH10830">
        <v>61</v>
      </c>
      <c r="AI10830">
        <v>61</v>
      </c>
      <c r="AJ10830">
        <v>61</v>
      </c>
      <c r="AK10830">
        <v>61</v>
      </c>
      <c r="AL10830">
        <v>61</v>
      </c>
      <c r="AM10830">
        <v>60</v>
      </c>
      <c r="AN10830">
        <v>60</v>
      </c>
      <c r="AO10830">
        <v>59</v>
      </c>
      <c r="AP10830">
        <v>58</v>
      </c>
      <c r="AQ10830">
        <v>58</v>
      </c>
    </row>
    <row r="10831" spans="1:43">
      <c r="A10831" t="s">
        <v>6736</v>
      </c>
      <c r="B10831" t="s">
        <v>6737</v>
      </c>
      <c r="C10831" t="s">
        <v>6728</v>
      </c>
      <c r="D10831" t="s">
        <v>6729</v>
      </c>
      <c r="E10831" t="s">
        <v>6594</v>
      </c>
      <c r="F10831" t="s">
        <v>6595</v>
      </c>
      <c r="G10831" t="s">
        <v>80</v>
      </c>
      <c r="H10831" t="s">
        <v>81</v>
      </c>
      <c r="I10831" s="2">
        <v>0</v>
      </c>
      <c r="J10831" s="2">
        <v>1</v>
      </c>
      <c r="K10831" s="2">
        <v>0</v>
      </c>
      <c r="L10831" t="s">
        <v>82</v>
      </c>
      <c r="M10831" t="s">
        <v>87</v>
      </c>
      <c r="N10831" t="s">
        <v>88</v>
      </c>
      <c r="O10831" t="s">
        <v>85</v>
      </c>
      <c r="P10831" t="s">
        <v>86</v>
      </c>
      <c r="Q10831">
        <v>58</v>
      </c>
      <c r="R10831">
        <v>58</v>
      </c>
      <c r="S10831">
        <v>57</v>
      </c>
      <c r="T10831">
        <v>57</v>
      </c>
      <c r="U10831">
        <v>57</v>
      </c>
      <c r="V10831">
        <v>57</v>
      </c>
      <c r="W10831">
        <v>57</v>
      </c>
      <c r="X10831">
        <v>56</v>
      </c>
      <c r="Y10831">
        <v>56</v>
      </c>
      <c r="Z10831">
        <v>56</v>
      </c>
      <c r="AA10831">
        <v>55</v>
      </c>
      <c r="AB10831">
        <v>55</v>
      </c>
      <c r="AC10831">
        <v>55</v>
      </c>
      <c r="AD10831">
        <v>55</v>
      </c>
      <c r="AE10831">
        <v>54</v>
      </c>
      <c r="AF10831">
        <v>54</v>
      </c>
      <c r="AG10831">
        <v>54</v>
      </c>
      <c r="AH10831">
        <v>53</v>
      </c>
      <c r="AI10831">
        <v>53</v>
      </c>
      <c r="AJ10831">
        <v>53</v>
      </c>
      <c r="AK10831">
        <v>52</v>
      </c>
      <c r="AL10831">
        <v>52</v>
      </c>
      <c r="AM10831">
        <v>52</v>
      </c>
      <c r="AN10831">
        <v>51</v>
      </c>
      <c r="AO10831">
        <v>51</v>
      </c>
      <c r="AP10831">
        <v>51</v>
      </c>
      <c r="AQ10831">
        <v>50</v>
      </c>
    </row>
    <row r="10832" spans="1:43">
      <c r="A10832" t="s">
        <v>6736</v>
      </c>
      <c r="B10832" t="s">
        <v>6737</v>
      </c>
      <c r="C10832" t="s">
        <v>6728</v>
      </c>
      <c r="D10832" t="s">
        <v>6729</v>
      </c>
      <c r="E10832" t="s">
        <v>6594</v>
      </c>
      <c r="F10832" t="s">
        <v>6595</v>
      </c>
      <c r="G10832" t="s">
        <v>80</v>
      </c>
      <c r="H10832" t="s">
        <v>81</v>
      </c>
      <c r="I10832" s="2">
        <v>0</v>
      </c>
      <c r="J10832" s="2">
        <v>1</v>
      </c>
      <c r="K10832" s="2">
        <v>0</v>
      </c>
      <c r="L10832" t="s">
        <v>82</v>
      </c>
      <c r="M10832" t="s">
        <v>89</v>
      </c>
      <c r="N10832" t="s">
        <v>90</v>
      </c>
      <c r="O10832" t="s">
        <v>85</v>
      </c>
      <c r="P10832" t="s">
        <v>86</v>
      </c>
      <c r="Q10832">
        <v>58</v>
      </c>
      <c r="R10832">
        <v>59</v>
      </c>
      <c r="S10832">
        <v>60</v>
      </c>
      <c r="T10832">
        <v>60</v>
      </c>
      <c r="U10832">
        <v>61</v>
      </c>
      <c r="V10832">
        <v>62</v>
      </c>
      <c r="W10832">
        <v>62</v>
      </c>
      <c r="X10832">
        <v>63</v>
      </c>
      <c r="Y10832">
        <v>63</v>
      </c>
      <c r="Z10832">
        <v>64</v>
      </c>
      <c r="AA10832">
        <v>64</v>
      </c>
      <c r="AB10832">
        <v>64</v>
      </c>
      <c r="AC10832">
        <v>64</v>
      </c>
      <c r="AD10832">
        <v>65</v>
      </c>
      <c r="AE10832">
        <v>65</v>
      </c>
      <c r="AF10832">
        <v>64</v>
      </c>
      <c r="AG10832">
        <v>63</v>
      </c>
      <c r="AH10832">
        <v>63</v>
      </c>
      <c r="AI10832">
        <v>62</v>
      </c>
      <c r="AJ10832">
        <v>61</v>
      </c>
      <c r="AK10832">
        <v>61</v>
      </c>
      <c r="AL10832">
        <v>60</v>
      </c>
      <c r="AM10832">
        <v>60</v>
      </c>
      <c r="AN10832">
        <v>59</v>
      </c>
      <c r="AO10832">
        <v>59</v>
      </c>
      <c r="AP10832">
        <v>58</v>
      </c>
      <c r="AQ10832">
        <v>58</v>
      </c>
    </row>
    <row r="10833" spans="1:43">
      <c r="A10833" t="s">
        <v>6736</v>
      </c>
      <c r="B10833" t="s">
        <v>6737</v>
      </c>
      <c r="C10833" t="s">
        <v>6728</v>
      </c>
      <c r="D10833" t="s">
        <v>6729</v>
      </c>
      <c r="E10833" t="s">
        <v>6594</v>
      </c>
      <c r="F10833" t="s">
        <v>6595</v>
      </c>
      <c r="G10833" t="s">
        <v>80</v>
      </c>
      <c r="H10833" t="s">
        <v>81</v>
      </c>
      <c r="I10833" s="2">
        <v>0</v>
      </c>
      <c r="J10833" s="2">
        <v>1</v>
      </c>
      <c r="K10833" s="2">
        <v>0</v>
      </c>
      <c r="L10833" t="s">
        <v>82</v>
      </c>
      <c r="M10833" t="s">
        <v>83</v>
      </c>
      <c r="N10833" t="s">
        <v>91</v>
      </c>
      <c r="O10833" t="s">
        <v>85</v>
      </c>
      <c r="P10833" t="s">
        <v>86</v>
      </c>
      <c r="Q10833">
        <v>58</v>
      </c>
      <c r="R10833">
        <v>59</v>
      </c>
      <c r="S10833">
        <v>59</v>
      </c>
      <c r="T10833">
        <v>59</v>
      </c>
      <c r="U10833">
        <v>60</v>
      </c>
      <c r="V10833">
        <v>60</v>
      </c>
      <c r="W10833">
        <v>60</v>
      </c>
      <c r="X10833">
        <v>60</v>
      </c>
      <c r="Y10833">
        <v>61</v>
      </c>
      <c r="Z10833">
        <v>61</v>
      </c>
      <c r="AA10833">
        <v>61</v>
      </c>
      <c r="AB10833">
        <v>61</v>
      </c>
      <c r="AC10833">
        <v>61</v>
      </c>
      <c r="AD10833">
        <v>61</v>
      </c>
      <c r="AE10833">
        <v>61</v>
      </c>
      <c r="AF10833">
        <v>61</v>
      </c>
      <c r="AG10833">
        <v>61</v>
      </c>
      <c r="AH10833">
        <v>61</v>
      </c>
      <c r="AI10833">
        <v>61</v>
      </c>
      <c r="AJ10833">
        <v>61</v>
      </c>
      <c r="AK10833">
        <v>61</v>
      </c>
      <c r="AL10833">
        <v>61</v>
      </c>
      <c r="AM10833">
        <v>60</v>
      </c>
      <c r="AN10833">
        <v>60</v>
      </c>
      <c r="AO10833">
        <v>59</v>
      </c>
      <c r="AP10833">
        <v>58</v>
      </c>
      <c r="AQ10833">
        <v>58</v>
      </c>
    </row>
    <row r="10834" spans="1:43">
      <c r="A10834" t="s">
        <v>6738</v>
      </c>
      <c r="B10834" t="s">
        <v>6739</v>
      </c>
      <c r="C10834" t="s">
        <v>6728</v>
      </c>
      <c r="D10834" t="s">
        <v>6729</v>
      </c>
      <c r="E10834" t="s">
        <v>6594</v>
      </c>
      <c r="F10834" t="s">
        <v>6595</v>
      </c>
      <c r="G10834" t="s">
        <v>80</v>
      </c>
      <c r="H10834" t="s">
        <v>81</v>
      </c>
      <c r="I10834" s="2">
        <v>0</v>
      </c>
      <c r="J10834" s="2">
        <v>1</v>
      </c>
      <c r="K10834" s="2">
        <v>0</v>
      </c>
      <c r="L10834" t="s">
        <v>82</v>
      </c>
      <c r="M10834" t="s">
        <v>83</v>
      </c>
      <c r="N10834" t="s">
        <v>84</v>
      </c>
      <c r="O10834" t="s">
        <v>85</v>
      </c>
      <c r="P10834" t="s">
        <v>86</v>
      </c>
      <c r="Q10834">
        <v>4</v>
      </c>
      <c r="R10834">
        <v>4</v>
      </c>
      <c r="S10834">
        <v>4</v>
      </c>
      <c r="T10834">
        <v>4</v>
      </c>
      <c r="U10834">
        <v>4</v>
      </c>
      <c r="V10834">
        <v>4</v>
      </c>
      <c r="W10834">
        <v>4</v>
      </c>
      <c r="X10834">
        <v>4</v>
      </c>
      <c r="Y10834">
        <v>4</v>
      </c>
      <c r="Z10834">
        <v>4</v>
      </c>
      <c r="AA10834">
        <v>4</v>
      </c>
      <c r="AB10834">
        <v>4</v>
      </c>
      <c r="AC10834">
        <v>4</v>
      </c>
      <c r="AD10834">
        <v>4</v>
      </c>
      <c r="AE10834">
        <v>4</v>
      </c>
      <c r="AF10834">
        <v>4</v>
      </c>
      <c r="AG10834">
        <v>4</v>
      </c>
      <c r="AH10834">
        <v>4</v>
      </c>
      <c r="AI10834">
        <v>4</v>
      </c>
      <c r="AJ10834">
        <v>4</v>
      </c>
      <c r="AK10834">
        <v>4</v>
      </c>
      <c r="AL10834">
        <v>4</v>
      </c>
      <c r="AM10834">
        <v>4</v>
      </c>
      <c r="AN10834">
        <v>4</v>
      </c>
      <c r="AO10834">
        <v>4</v>
      </c>
      <c r="AP10834">
        <v>4</v>
      </c>
      <c r="AQ10834">
        <v>4</v>
      </c>
    </row>
    <row r="10835" spans="1:43">
      <c r="A10835" t="s">
        <v>6738</v>
      </c>
      <c r="B10835" t="s">
        <v>6739</v>
      </c>
      <c r="C10835" t="s">
        <v>6728</v>
      </c>
      <c r="D10835" t="s">
        <v>6729</v>
      </c>
      <c r="E10835" t="s">
        <v>6594</v>
      </c>
      <c r="F10835" t="s">
        <v>6595</v>
      </c>
      <c r="G10835" t="s">
        <v>80</v>
      </c>
      <c r="H10835" t="s">
        <v>81</v>
      </c>
      <c r="I10835" s="2">
        <v>0</v>
      </c>
      <c r="J10835" s="2">
        <v>1</v>
      </c>
      <c r="K10835" s="2">
        <v>0</v>
      </c>
      <c r="L10835" t="s">
        <v>82</v>
      </c>
      <c r="M10835" t="s">
        <v>87</v>
      </c>
      <c r="N10835" t="s">
        <v>88</v>
      </c>
      <c r="O10835" t="s">
        <v>85</v>
      </c>
      <c r="P10835" t="s">
        <v>86</v>
      </c>
      <c r="Q10835">
        <v>4</v>
      </c>
      <c r="R10835">
        <v>4</v>
      </c>
      <c r="S10835">
        <v>4</v>
      </c>
      <c r="T10835">
        <v>4</v>
      </c>
      <c r="U10835">
        <v>4</v>
      </c>
      <c r="V10835">
        <v>4</v>
      </c>
      <c r="W10835">
        <v>4</v>
      </c>
      <c r="X10835">
        <v>4</v>
      </c>
      <c r="Y10835">
        <v>4</v>
      </c>
      <c r="Z10835">
        <v>4</v>
      </c>
      <c r="AA10835">
        <v>4</v>
      </c>
      <c r="AB10835">
        <v>4</v>
      </c>
      <c r="AC10835">
        <v>4</v>
      </c>
      <c r="AD10835">
        <v>4</v>
      </c>
      <c r="AE10835">
        <v>4</v>
      </c>
      <c r="AF10835">
        <v>3</v>
      </c>
      <c r="AG10835">
        <v>3</v>
      </c>
      <c r="AH10835">
        <v>3</v>
      </c>
      <c r="AI10835">
        <v>3</v>
      </c>
      <c r="AJ10835">
        <v>3</v>
      </c>
      <c r="AK10835">
        <v>3</v>
      </c>
      <c r="AL10835">
        <v>3</v>
      </c>
      <c r="AM10835">
        <v>3</v>
      </c>
      <c r="AN10835">
        <v>3</v>
      </c>
      <c r="AO10835">
        <v>3</v>
      </c>
      <c r="AP10835">
        <v>3</v>
      </c>
      <c r="AQ10835">
        <v>3</v>
      </c>
    </row>
    <row r="10836" spans="1:43">
      <c r="A10836" t="s">
        <v>6738</v>
      </c>
      <c r="B10836" t="s">
        <v>6739</v>
      </c>
      <c r="C10836" t="s">
        <v>6728</v>
      </c>
      <c r="D10836" t="s">
        <v>6729</v>
      </c>
      <c r="E10836" t="s">
        <v>6594</v>
      </c>
      <c r="F10836" t="s">
        <v>6595</v>
      </c>
      <c r="G10836" t="s">
        <v>80</v>
      </c>
      <c r="H10836" t="s">
        <v>81</v>
      </c>
      <c r="I10836" s="2">
        <v>0</v>
      </c>
      <c r="J10836" s="2">
        <v>1</v>
      </c>
      <c r="K10836" s="2">
        <v>0</v>
      </c>
      <c r="L10836" t="s">
        <v>82</v>
      </c>
      <c r="M10836" t="s">
        <v>89</v>
      </c>
      <c r="N10836" t="s">
        <v>90</v>
      </c>
      <c r="O10836" t="s">
        <v>85</v>
      </c>
      <c r="P10836" t="s">
        <v>86</v>
      </c>
      <c r="Q10836">
        <v>4</v>
      </c>
      <c r="R10836">
        <v>4</v>
      </c>
      <c r="S10836">
        <v>4</v>
      </c>
      <c r="T10836">
        <v>4</v>
      </c>
      <c r="U10836">
        <v>4</v>
      </c>
      <c r="V10836">
        <v>4</v>
      </c>
      <c r="W10836">
        <v>4</v>
      </c>
      <c r="X10836">
        <v>4</v>
      </c>
      <c r="Y10836">
        <v>4</v>
      </c>
      <c r="Z10836">
        <v>4</v>
      </c>
      <c r="AA10836">
        <v>4</v>
      </c>
      <c r="AB10836">
        <v>4</v>
      </c>
      <c r="AC10836">
        <v>4</v>
      </c>
      <c r="AD10836">
        <v>4</v>
      </c>
      <c r="AE10836">
        <v>4</v>
      </c>
      <c r="AF10836">
        <v>4</v>
      </c>
      <c r="AG10836">
        <v>4</v>
      </c>
      <c r="AH10836">
        <v>4</v>
      </c>
      <c r="AI10836">
        <v>4</v>
      </c>
      <c r="AJ10836">
        <v>4</v>
      </c>
      <c r="AK10836">
        <v>4</v>
      </c>
      <c r="AL10836">
        <v>4</v>
      </c>
      <c r="AM10836">
        <v>4</v>
      </c>
      <c r="AN10836">
        <v>4</v>
      </c>
      <c r="AO10836">
        <v>4</v>
      </c>
      <c r="AP10836">
        <v>4</v>
      </c>
      <c r="AQ10836">
        <v>4</v>
      </c>
    </row>
    <row r="10837" spans="1:43">
      <c r="A10837" t="s">
        <v>6738</v>
      </c>
      <c r="B10837" t="s">
        <v>6739</v>
      </c>
      <c r="C10837" t="s">
        <v>6728</v>
      </c>
      <c r="D10837" t="s">
        <v>6729</v>
      </c>
      <c r="E10837" t="s">
        <v>6594</v>
      </c>
      <c r="F10837" t="s">
        <v>6595</v>
      </c>
      <c r="G10837" t="s">
        <v>80</v>
      </c>
      <c r="H10837" t="s">
        <v>81</v>
      </c>
      <c r="I10837" s="2">
        <v>0</v>
      </c>
      <c r="J10837" s="2">
        <v>1</v>
      </c>
      <c r="K10837" s="2">
        <v>0</v>
      </c>
      <c r="L10837" t="s">
        <v>82</v>
      </c>
      <c r="M10837" t="s">
        <v>83</v>
      </c>
      <c r="N10837" t="s">
        <v>91</v>
      </c>
      <c r="O10837" t="s">
        <v>85</v>
      </c>
      <c r="P10837" t="s">
        <v>86</v>
      </c>
      <c r="Q10837">
        <v>4</v>
      </c>
      <c r="R10837">
        <v>4</v>
      </c>
      <c r="S10837">
        <v>4</v>
      </c>
      <c r="T10837">
        <v>4</v>
      </c>
      <c r="U10837">
        <v>4</v>
      </c>
      <c r="V10837">
        <v>4</v>
      </c>
      <c r="W10837">
        <v>4</v>
      </c>
      <c r="X10837">
        <v>4</v>
      </c>
      <c r="Y10837">
        <v>4</v>
      </c>
      <c r="Z10837">
        <v>4</v>
      </c>
      <c r="AA10837">
        <v>4</v>
      </c>
      <c r="AB10837">
        <v>4</v>
      </c>
      <c r="AC10837">
        <v>4</v>
      </c>
      <c r="AD10837">
        <v>4</v>
      </c>
      <c r="AE10837">
        <v>4</v>
      </c>
      <c r="AF10837">
        <v>4</v>
      </c>
      <c r="AG10837">
        <v>4</v>
      </c>
      <c r="AH10837">
        <v>4</v>
      </c>
      <c r="AI10837">
        <v>4</v>
      </c>
      <c r="AJ10837">
        <v>4</v>
      </c>
      <c r="AK10837">
        <v>4</v>
      </c>
      <c r="AL10837">
        <v>4</v>
      </c>
      <c r="AM10837">
        <v>4</v>
      </c>
      <c r="AN10837">
        <v>4</v>
      </c>
      <c r="AO10837">
        <v>4</v>
      </c>
      <c r="AP10837">
        <v>4</v>
      </c>
      <c r="AQ10837">
        <v>4</v>
      </c>
    </row>
    <row r="10838" spans="1:43">
      <c r="A10838" t="s">
        <v>6740</v>
      </c>
      <c r="B10838" t="s">
        <v>6741</v>
      </c>
      <c r="C10838" t="s">
        <v>6728</v>
      </c>
      <c r="D10838" t="s">
        <v>6729</v>
      </c>
      <c r="E10838" t="s">
        <v>6594</v>
      </c>
      <c r="F10838" t="s">
        <v>6595</v>
      </c>
      <c r="G10838" t="s">
        <v>80</v>
      </c>
      <c r="H10838" t="s">
        <v>81</v>
      </c>
      <c r="I10838" s="2">
        <v>0</v>
      </c>
      <c r="J10838" s="2">
        <v>1</v>
      </c>
      <c r="K10838" s="2">
        <v>0</v>
      </c>
      <c r="L10838" t="s">
        <v>82</v>
      </c>
      <c r="M10838" t="s">
        <v>83</v>
      </c>
      <c r="N10838" t="s">
        <v>84</v>
      </c>
      <c r="O10838" t="s">
        <v>85</v>
      </c>
      <c r="P10838" t="s">
        <v>86</v>
      </c>
      <c r="Q10838">
        <v>84</v>
      </c>
      <c r="R10838">
        <v>84</v>
      </c>
      <c r="S10838">
        <v>85</v>
      </c>
      <c r="T10838">
        <v>85</v>
      </c>
      <c r="U10838">
        <v>86</v>
      </c>
      <c r="V10838">
        <v>86</v>
      </c>
      <c r="W10838">
        <v>86</v>
      </c>
      <c r="X10838">
        <v>87</v>
      </c>
      <c r="Y10838">
        <v>87</v>
      </c>
      <c r="Z10838">
        <v>87</v>
      </c>
      <c r="AA10838">
        <v>87</v>
      </c>
      <c r="AB10838">
        <v>88</v>
      </c>
      <c r="AC10838">
        <v>88</v>
      </c>
      <c r="AD10838">
        <v>88</v>
      </c>
      <c r="AE10838">
        <v>88</v>
      </c>
      <c r="AF10838">
        <v>88</v>
      </c>
      <c r="AG10838">
        <v>88</v>
      </c>
      <c r="AH10838">
        <v>88</v>
      </c>
      <c r="AI10838">
        <v>88</v>
      </c>
      <c r="AJ10838">
        <v>88</v>
      </c>
      <c r="AK10838">
        <v>88</v>
      </c>
      <c r="AL10838">
        <v>87</v>
      </c>
      <c r="AM10838">
        <v>86</v>
      </c>
      <c r="AN10838">
        <v>85</v>
      </c>
      <c r="AO10838">
        <v>85</v>
      </c>
      <c r="AP10838">
        <v>84</v>
      </c>
      <c r="AQ10838">
        <v>83</v>
      </c>
    </row>
    <row r="10839" spans="1:43">
      <c r="A10839" t="s">
        <v>6740</v>
      </c>
      <c r="B10839" t="s">
        <v>6741</v>
      </c>
      <c r="C10839" t="s">
        <v>6728</v>
      </c>
      <c r="D10839" t="s">
        <v>6729</v>
      </c>
      <c r="E10839" t="s">
        <v>6594</v>
      </c>
      <c r="F10839" t="s">
        <v>6595</v>
      </c>
      <c r="G10839" t="s">
        <v>80</v>
      </c>
      <c r="H10839" t="s">
        <v>81</v>
      </c>
      <c r="I10839" s="2">
        <v>0</v>
      </c>
      <c r="J10839" s="2">
        <v>1</v>
      </c>
      <c r="K10839" s="2">
        <v>0</v>
      </c>
      <c r="L10839" t="s">
        <v>82</v>
      </c>
      <c r="M10839" t="s">
        <v>87</v>
      </c>
      <c r="N10839" t="s">
        <v>88</v>
      </c>
      <c r="O10839" t="s">
        <v>85</v>
      </c>
      <c r="P10839" t="s">
        <v>86</v>
      </c>
      <c r="Q10839">
        <v>84</v>
      </c>
      <c r="R10839">
        <v>84</v>
      </c>
      <c r="S10839">
        <v>83</v>
      </c>
      <c r="T10839">
        <v>83</v>
      </c>
      <c r="U10839">
        <v>83</v>
      </c>
      <c r="V10839">
        <v>83</v>
      </c>
      <c r="W10839">
        <v>82</v>
      </c>
      <c r="X10839">
        <v>82</v>
      </c>
      <c r="Y10839">
        <v>81</v>
      </c>
      <c r="Z10839">
        <v>81</v>
      </c>
      <c r="AA10839">
        <v>81</v>
      </c>
      <c r="AB10839">
        <v>80</v>
      </c>
      <c r="AC10839">
        <v>80</v>
      </c>
      <c r="AD10839">
        <v>79</v>
      </c>
      <c r="AE10839">
        <v>79</v>
      </c>
      <c r="AF10839">
        <v>78</v>
      </c>
      <c r="AG10839">
        <v>78</v>
      </c>
      <c r="AH10839">
        <v>77</v>
      </c>
      <c r="AI10839">
        <v>77</v>
      </c>
      <c r="AJ10839">
        <v>76</v>
      </c>
      <c r="AK10839">
        <v>76</v>
      </c>
      <c r="AL10839">
        <v>76</v>
      </c>
      <c r="AM10839">
        <v>75</v>
      </c>
      <c r="AN10839">
        <v>75</v>
      </c>
      <c r="AO10839">
        <v>74</v>
      </c>
      <c r="AP10839">
        <v>74</v>
      </c>
      <c r="AQ10839">
        <v>73</v>
      </c>
    </row>
    <row r="10840" spans="1:43">
      <c r="A10840" t="s">
        <v>6740</v>
      </c>
      <c r="B10840" t="s">
        <v>6741</v>
      </c>
      <c r="C10840" t="s">
        <v>6728</v>
      </c>
      <c r="D10840" t="s">
        <v>6729</v>
      </c>
      <c r="E10840" t="s">
        <v>6594</v>
      </c>
      <c r="F10840" t="s">
        <v>6595</v>
      </c>
      <c r="G10840" t="s">
        <v>80</v>
      </c>
      <c r="H10840" t="s">
        <v>81</v>
      </c>
      <c r="I10840" s="2">
        <v>0</v>
      </c>
      <c r="J10840" s="2">
        <v>1</v>
      </c>
      <c r="K10840" s="2">
        <v>0</v>
      </c>
      <c r="L10840" t="s">
        <v>82</v>
      </c>
      <c r="M10840" t="s">
        <v>89</v>
      </c>
      <c r="N10840" t="s">
        <v>90</v>
      </c>
      <c r="O10840" t="s">
        <v>85</v>
      </c>
      <c r="P10840" t="s">
        <v>86</v>
      </c>
      <c r="Q10840">
        <v>84</v>
      </c>
      <c r="R10840">
        <v>86</v>
      </c>
      <c r="S10840">
        <v>87</v>
      </c>
      <c r="T10840">
        <v>88</v>
      </c>
      <c r="U10840">
        <v>89</v>
      </c>
      <c r="V10840">
        <v>90</v>
      </c>
      <c r="W10840">
        <v>91</v>
      </c>
      <c r="X10840">
        <v>92</v>
      </c>
      <c r="Y10840">
        <v>92</v>
      </c>
      <c r="Z10840">
        <v>93</v>
      </c>
      <c r="AA10840">
        <v>93</v>
      </c>
      <c r="AB10840">
        <v>93</v>
      </c>
      <c r="AC10840">
        <v>94</v>
      </c>
      <c r="AD10840">
        <v>94</v>
      </c>
      <c r="AE10840">
        <v>94</v>
      </c>
      <c r="AF10840">
        <v>93</v>
      </c>
      <c r="AG10840">
        <v>92</v>
      </c>
      <c r="AH10840">
        <v>91</v>
      </c>
      <c r="AI10840">
        <v>91</v>
      </c>
      <c r="AJ10840">
        <v>90</v>
      </c>
      <c r="AK10840">
        <v>89</v>
      </c>
      <c r="AL10840">
        <v>88</v>
      </c>
      <c r="AM10840">
        <v>87</v>
      </c>
      <c r="AN10840">
        <v>86</v>
      </c>
      <c r="AO10840">
        <v>86</v>
      </c>
      <c r="AP10840">
        <v>85</v>
      </c>
      <c r="AQ10840">
        <v>84</v>
      </c>
    </row>
    <row r="10841" spans="1:43">
      <c r="A10841" t="s">
        <v>6740</v>
      </c>
      <c r="B10841" t="s">
        <v>6741</v>
      </c>
      <c r="C10841" t="s">
        <v>6728</v>
      </c>
      <c r="D10841" t="s">
        <v>6729</v>
      </c>
      <c r="E10841" t="s">
        <v>6594</v>
      </c>
      <c r="F10841" t="s">
        <v>6595</v>
      </c>
      <c r="G10841" t="s">
        <v>80</v>
      </c>
      <c r="H10841" t="s">
        <v>81</v>
      </c>
      <c r="I10841" s="2">
        <v>0</v>
      </c>
      <c r="J10841" s="2">
        <v>1</v>
      </c>
      <c r="K10841" s="2">
        <v>0</v>
      </c>
      <c r="L10841" t="s">
        <v>82</v>
      </c>
      <c r="M10841" t="s">
        <v>83</v>
      </c>
      <c r="N10841" t="s">
        <v>91</v>
      </c>
      <c r="O10841" t="s">
        <v>85</v>
      </c>
      <c r="P10841" t="s">
        <v>86</v>
      </c>
      <c r="Q10841">
        <v>84</v>
      </c>
      <c r="R10841">
        <v>84</v>
      </c>
      <c r="S10841">
        <v>85</v>
      </c>
      <c r="T10841">
        <v>85</v>
      </c>
      <c r="U10841">
        <v>86</v>
      </c>
      <c r="V10841">
        <v>86</v>
      </c>
      <c r="W10841">
        <v>86</v>
      </c>
      <c r="X10841">
        <v>87</v>
      </c>
      <c r="Y10841">
        <v>87</v>
      </c>
      <c r="Z10841">
        <v>87</v>
      </c>
      <c r="AA10841">
        <v>87</v>
      </c>
      <c r="AB10841">
        <v>88</v>
      </c>
      <c r="AC10841">
        <v>88</v>
      </c>
      <c r="AD10841">
        <v>88</v>
      </c>
      <c r="AE10841">
        <v>88</v>
      </c>
      <c r="AF10841">
        <v>88</v>
      </c>
      <c r="AG10841">
        <v>88</v>
      </c>
      <c r="AH10841">
        <v>88</v>
      </c>
      <c r="AI10841">
        <v>88</v>
      </c>
      <c r="AJ10841">
        <v>88</v>
      </c>
      <c r="AK10841">
        <v>88</v>
      </c>
      <c r="AL10841">
        <v>87</v>
      </c>
      <c r="AM10841">
        <v>86</v>
      </c>
      <c r="AN10841">
        <v>85</v>
      </c>
      <c r="AO10841">
        <v>85</v>
      </c>
      <c r="AP10841">
        <v>84</v>
      </c>
      <c r="AQ10841">
        <v>83</v>
      </c>
    </row>
    <row r="10842" spans="1:43">
      <c r="A10842" t="s">
        <v>6742</v>
      </c>
      <c r="B10842" t="s">
        <v>6743</v>
      </c>
      <c r="C10842" t="s">
        <v>6744</v>
      </c>
      <c r="D10842" t="s">
        <v>6745</v>
      </c>
      <c r="E10842" t="s">
        <v>6594</v>
      </c>
      <c r="F10842" t="s">
        <v>6595</v>
      </c>
      <c r="G10842" t="s">
        <v>80</v>
      </c>
      <c r="H10842" t="s">
        <v>81</v>
      </c>
      <c r="I10842" s="2">
        <v>0</v>
      </c>
      <c r="J10842" s="2">
        <v>1</v>
      </c>
      <c r="K10842" s="2">
        <v>0</v>
      </c>
      <c r="L10842" t="s">
        <v>82</v>
      </c>
      <c r="M10842" t="s">
        <v>83</v>
      </c>
      <c r="N10842" t="s">
        <v>84</v>
      </c>
      <c r="O10842" t="s">
        <v>85</v>
      </c>
      <c r="P10842" t="s">
        <v>86</v>
      </c>
      <c r="Q10842">
        <v>45</v>
      </c>
      <c r="R10842">
        <v>45</v>
      </c>
      <c r="S10842">
        <v>46</v>
      </c>
      <c r="T10842">
        <v>46</v>
      </c>
      <c r="U10842">
        <v>46</v>
      </c>
      <c r="V10842">
        <v>46</v>
      </c>
      <c r="W10842">
        <v>47</v>
      </c>
      <c r="X10842">
        <v>47</v>
      </c>
      <c r="Y10842">
        <v>47</v>
      </c>
      <c r="Z10842">
        <v>47</v>
      </c>
      <c r="AA10842">
        <v>47</v>
      </c>
      <c r="AB10842">
        <v>47</v>
      </c>
      <c r="AC10842">
        <v>47</v>
      </c>
      <c r="AD10842">
        <v>47</v>
      </c>
      <c r="AE10842">
        <v>48</v>
      </c>
      <c r="AF10842">
        <v>48</v>
      </c>
      <c r="AG10842">
        <v>48</v>
      </c>
      <c r="AH10842">
        <v>48</v>
      </c>
      <c r="AI10842">
        <v>47</v>
      </c>
      <c r="AJ10842">
        <v>47</v>
      </c>
      <c r="AK10842">
        <v>47</v>
      </c>
      <c r="AL10842">
        <v>47</v>
      </c>
      <c r="AM10842">
        <v>47</v>
      </c>
      <c r="AN10842">
        <v>46</v>
      </c>
      <c r="AO10842">
        <v>46</v>
      </c>
      <c r="AP10842">
        <v>45</v>
      </c>
      <c r="AQ10842">
        <v>45</v>
      </c>
    </row>
    <row r="10843" spans="1:43">
      <c r="A10843" t="s">
        <v>6742</v>
      </c>
      <c r="B10843" t="s">
        <v>6743</v>
      </c>
      <c r="C10843" t="s">
        <v>6744</v>
      </c>
      <c r="D10843" t="s">
        <v>6745</v>
      </c>
      <c r="E10843" t="s">
        <v>6594</v>
      </c>
      <c r="F10843" t="s">
        <v>6595</v>
      </c>
      <c r="G10843" t="s">
        <v>80</v>
      </c>
      <c r="H10843" t="s">
        <v>81</v>
      </c>
      <c r="I10843" s="2">
        <v>0</v>
      </c>
      <c r="J10843" s="2">
        <v>1</v>
      </c>
      <c r="K10843" s="2">
        <v>0</v>
      </c>
      <c r="L10843" t="s">
        <v>82</v>
      </c>
      <c r="M10843" t="s">
        <v>87</v>
      </c>
      <c r="N10843" t="s">
        <v>88</v>
      </c>
      <c r="O10843" t="s">
        <v>85</v>
      </c>
      <c r="P10843" t="s">
        <v>86</v>
      </c>
      <c r="Q10843">
        <v>45</v>
      </c>
      <c r="R10843">
        <v>45</v>
      </c>
      <c r="S10843">
        <v>44</v>
      </c>
      <c r="T10843">
        <v>44</v>
      </c>
      <c r="U10843">
        <v>44</v>
      </c>
      <c r="V10843">
        <v>44</v>
      </c>
      <c r="W10843">
        <v>44</v>
      </c>
      <c r="X10843">
        <v>44</v>
      </c>
      <c r="Y10843">
        <v>43</v>
      </c>
      <c r="Z10843">
        <v>43</v>
      </c>
      <c r="AA10843">
        <v>43</v>
      </c>
      <c r="AB10843">
        <v>43</v>
      </c>
      <c r="AC10843">
        <v>43</v>
      </c>
      <c r="AD10843">
        <v>42</v>
      </c>
      <c r="AE10843">
        <v>42</v>
      </c>
      <c r="AF10843">
        <v>42</v>
      </c>
      <c r="AG10843">
        <v>42</v>
      </c>
      <c r="AH10843">
        <v>41</v>
      </c>
      <c r="AI10843">
        <v>41</v>
      </c>
      <c r="AJ10843">
        <v>41</v>
      </c>
      <c r="AK10843">
        <v>41</v>
      </c>
      <c r="AL10843">
        <v>40</v>
      </c>
      <c r="AM10843">
        <v>40</v>
      </c>
      <c r="AN10843">
        <v>40</v>
      </c>
      <c r="AO10843">
        <v>40</v>
      </c>
      <c r="AP10843">
        <v>39</v>
      </c>
      <c r="AQ10843">
        <v>39</v>
      </c>
    </row>
    <row r="10844" spans="1:43">
      <c r="A10844" t="s">
        <v>6742</v>
      </c>
      <c r="B10844" t="s">
        <v>6743</v>
      </c>
      <c r="C10844" t="s">
        <v>6744</v>
      </c>
      <c r="D10844" t="s">
        <v>6745</v>
      </c>
      <c r="E10844" t="s">
        <v>6594</v>
      </c>
      <c r="F10844" t="s">
        <v>6595</v>
      </c>
      <c r="G10844" t="s">
        <v>80</v>
      </c>
      <c r="H10844" t="s">
        <v>81</v>
      </c>
      <c r="I10844" s="2">
        <v>0</v>
      </c>
      <c r="J10844" s="2">
        <v>1</v>
      </c>
      <c r="K10844" s="2">
        <v>0</v>
      </c>
      <c r="L10844" t="s">
        <v>82</v>
      </c>
      <c r="M10844" t="s">
        <v>89</v>
      </c>
      <c r="N10844" t="s">
        <v>90</v>
      </c>
      <c r="O10844" t="s">
        <v>85</v>
      </c>
      <c r="P10844" t="s">
        <v>86</v>
      </c>
      <c r="Q10844">
        <v>45</v>
      </c>
      <c r="R10844">
        <v>45</v>
      </c>
      <c r="S10844">
        <v>46</v>
      </c>
      <c r="T10844">
        <v>47</v>
      </c>
      <c r="U10844">
        <v>47</v>
      </c>
      <c r="V10844">
        <v>48</v>
      </c>
      <c r="W10844">
        <v>48</v>
      </c>
      <c r="X10844">
        <v>48</v>
      </c>
      <c r="Y10844">
        <v>49</v>
      </c>
      <c r="Z10844">
        <v>49</v>
      </c>
      <c r="AA10844">
        <v>49</v>
      </c>
      <c r="AB10844">
        <v>49</v>
      </c>
      <c r="AC10844">
        <v>50</v>
      </c>
      <c r="AD10844">
        <v>50</v>
      </c>
      <c r="AE10844">
        <v>50</v>
      </c>
      <c r="AF10844">
        <v>49</v>
      </c>
      <c r="AG10844">
        <v>49</v>
      </c>
      <c r="AH10844">
        <v>48</v>
      </c>
      <c r="AI10844">
        <v>48</v>
      </c>
      <c r="AJ10844">
        <v>48</v>
      </c>
      <c r="AK10844">
        <v>47</v>
      </c>
      <c r="AL10844">
        <v>47</v>
      </c>
      <c r="AM10844">
        <v>46</v>
      </c>
      <c r="AN10844">
        <v>46</v>
      </c>
      <c r="AO10844">
        <v>45</v>
      </c>
      <c r="AP10844">
        <v>45</v>
      </c>
      <c r="AQ10844">
        <v>45</v>
      </c>
    </row>
    <row r="10845" spans="1:43">
      <c r="A10845" t="s">
        <v>6742</v>
      </c>
      <c r="B10845" t="s">
        <v>6743</v>
      </c>
      <c r="C10845" t="s">
        <v>6744</v>
      </c>
      <c r="D10845" t="s">
        <v>6745</v>
      </c>
      <c r="E10845" t="s">
        <v>6594</v>
      </c>
      <c r="F10845" t="s">
        <v>6595</v>
      </c>
      <c r="G10845" t="s">
        <v>80</v>
      </c>
      <c r="H10845" t="s">
        <v>81</v>
      </c>
      <c r="I10845" s="2">
        <v>0</v>
      </c>
      <c r="J10845" s="2">
        <v>1</v>
      </c>
      <c r="K10845" s="2">
        <v>0</v>
      </c>
      <c r="L10845" t="s">
        <v>82</v>
      </c>
      <c r="M10845" t="s">
        <v>83</v>
      </c>
      <c r="N10845" t="s">
        <v>91</v>
      </c>
      <c r="O10845" t="s">
        <v>85</v>
      </c>
      <c r="P10845" t="s">
        <v>86</v>
      </c>
      <c r="Q10845">
        <v>45</v>
      </c>
      <c r="R10845">
        <v>45</v>
      </c>
      <c r="S10845">
        <v>46</v>
      </c>
      <c r="T10845">
        <v>46</v>
      </c>
      <c r="U10845">
        <v>46</v>
      </c>
      <c r="V10845">
        <v>46</v>
      </c>
      <c r="W10845">
        <v>47</v>
      </c>
      <c r="X10845">
        <v>47</v>
      </c>
      <c r="Y10845">
        <v>47</v>
      </c>
      <c r="Z10845">
        <v>47</v>
      </c>
      <c r="AA10845">
        <v>47</v>
      </c>
      <c r="AB10845">
        <v>47</v>
      </c>
      <c r="AC10845">
        <v>47</v>
      </c>
      <c r="AD10845">
        <v>47</v>
      </c>
      <c r="AE10845">
        <v>48</v>
      </c>
      <c r="AF10845">
        <v>48</v>
      </c>
      <c r="AG10845">
        <v>48</v>
      </c>
      <c r="AH10845">
        <v>48</v>
      </c>
      <c r="AI10845">
        <v>47</v>
      </c>
      <c r="AJ10845">
        <v>47</v>
      </c>
      <c r="AK10845">
        <v>47</v>
      </c>
      <c r="AL10845">
        <v>47</v>
      </c>
      <c r="AM10845">
        <v>47</v>
      </c>
      <c r="AN10845">
        <v>46</v>
      </c>
      <c r="AO10845">
        <v>46</v>
      </c>
      <c r="AP10845">
        <v>45</v>
      </c>
      <c r="AQ10845">
        <v>45</v>
      </c>
    </row>
    <row r="10846" spans="1:43">
      <c r="A10846" t="s">
        <v>6746</v>
      </c>
      <c r="B10846" t="s">
        <v>6747</v>
      </c>
      <c r="C10846" t="s">
        <v>6744</v>
      </c>
      <c r="D10846" t="s">
        <v>6745</v>
      </c>
      <c r="E10846" t="s">
        <v>6594</v>
      </c>
      <c r="F10846" t="s">
        <v>6595</v>
      </c>
      <c r="G10846" t="s">
        <v>80</v>
      </c>
      <c r="H10846" t="s">
        <v>81</v>
      </c>
      <c r="I10846" s="2">
        <v>0</v>
      </c>
      <c r="J10846" s="2">
        <v>1</v>
      </c>
      <c r="K10846" s="2">
        <v>0</v>
      </c>
      <c r="L10846" t="s">
        <v>82</v>
      </c>
      <c r="M10846" t="s">
        <v>83</v>
      </c>
      <c r="N10846" t="s">
        <v>84</v>
      </c>
      <c r="O10846" t="s">
        <v>85</v>
      </c>
      <c r="P10846" t="s">
        <v>86</v>
      </c>
      <c r="Q10846">
        <v>75</v>
      </c>
      <c r="R10846">
        <v>76</v>
      </c>
      <c r="S10846">
        <v>76</v>
      </c>
      <c r="T10846">
        <v>77</v>
      </c>
      <c r="U10846">
        <v>77</v>
      </c>
      <c r="V10846">
        <v>78</v>
      </c>
      <c r="W10846">
        <v>78</v>
      </c>
      <c r="X10846">
        <v>78</v>
      </c>
      <c r="Y10846">
        <v>78</v>
      </c>
      <c r="Z10846">
        <v>79</v>
      </c>
      <c r="AA10846">
        <v>79</v>
      </c>
      <c r="AB10846">
        <v>79</v>
      </c>
      <c r="AC10846">
        <v>79</v>
      </c>
      <c r="AD10846">
        <v>79</v>
      </c>
      <c r="AE10846">
        <v>79</v>
      </c>
      <c r="AF10846">
        <v>79</v>
      </c>
      <c r="AG10846">
        <v>79</v>
      </c>
      <c r="AH10846">
        <v>79</v>
      </c>
      <c r="AI10846">
        <v>79</v>
      </c>
      <c r="AJ10846">
        <v>79</v>
      </c>
      <c r="AK10846">
        <v>79</v>
      </c>
      <c r="AL10846">
        <v>79</v>
      </c>
      <c r="AM10846">
        <v>78</v>
      </c>
      <c r="AN10846">
        <v>77</v>
      </c>
      <c r="AO10846">
        <v>77</v>
      </c>
      <c r="AP10846">
        <v>76</v>
      </c>
      <c r="AQ10846">
        <v>75</v>
      </c>
    </row>
    <row r="10847" spans="1:43">
      <c r="A10847" t="s">
        <v>6746</v>
      </c>
      <c r="B10847" t="s">
        <v>6747</v>
      </c>
      <c r="C10847" t="s">
        <v>6744</v>
      </c>
      <c r="D10847" t="s">
        <v>6745</v>
      </c>
      <c r="E10847" t="s">
        <v>6594</v>
      </c>
      <c r="F10847" t="s">
        <v>6595</v>
      </c>
      <c r="G10847" t="s">
        <v>80</v>
      </c>
      <c r="H10847" t="s">
        <v>81</v>
      </c>
      <c r="I10847" s="2">
        <v>0</v>
      </c>
      <c r="J10847" s="2">
        <v>1</v>
      </c>
      <c r="K10847" s="2">
        <v>0</v>
      </c>
      <c r="L10847" t="s">
        <v>82</v>
      </c>
      <c r="M10847" t="s">
        <v>87</v>
      </c>
      <c r="N10847" t="s">
        <v>88</v>
      </c>
      <c r="O10847" t="s">
        <v>85</v>
      </c>
      <c r="P10847" t="s">
        <v>86</v>
      </c>
      <c r="Q10847">
        <v>75</v>
      </c>
      <c r="R10847">
        <v>75</v>
      </c>
      <c r="S10847">
        <v>74</v>
      </c>
      <c r="T10847">
        <v>74</v>
      </c>
      <c r="U10847">
        <v>74</v>
      </c>
      <c r="V10847">
        <v>74</v>
      </c>
      <c r="W10847">
        <v>73</v>
      </c>
      <c r="X10847">
        <v>73</v>
      </c>
      <c r="Y10847">
        <v>73</v>
      </c>
      <c r="Z10847">
        <v>72</v>
      </c>
      <c r="AA10847">
        <v>72</v>
      </c>
      <c r="AB10847">
        <v>71</v>
      </c>
      <c r="AC10847">
        <v>71</v>
      </c>
      <c r="AD10847">
        <v>71</v>
      </c>
      <c r="AE10847">
        <v>70</v>
      </c>
      <c r="AF10847">
        <v>70</v>
      </c>
      <c r="AG10847">
        <v>69</v>
      </c>
      <c r="AH10847">
        <v>69</v>
      </c>
      <c r="AI10847">
        <v>69</v>
      </c>
      <c r="AJ10847">
        <v>68</v>
      </c>
      <c r="AK10847">
        <v>68</v>
      </c>
      <c r="AL10847">
        <v>67</v>
      </c>
      <c r="AM10847">
        <v>67</v>
      </c>
      <c r="AN10847">
        <v>67</v>
      </c>
      <c r="AO10847">
        <v>66</v>
      </c>
      <c r="AP10847">
        <v>66</v>
      </c>
      <c r="AQ10847">
        <v>66</v>
      </c>
    </row>
    <row r="10848" spans="1:43">
      <c r="A10848" t="s">
        <v>6746</v>
      </c>
      <c r="B10848" t="s">
        <v>6747</v>
      </c>
      <c r="C10848" t="s">
        <v>6744</v>
      </c>
      <c r="D10848" t="s">
        <v>6745</v>
      </c>
      <c r="E10848" t="s">
        <v>6594</v>
      </c>
      <c r="F10848" t="s">
        <v>6595</v>
      </c>
      <c r="G10848" t="s">
        <v>80</v>
      </c>
      <c r="H10848" t="s">
        <v>81</v>
      </c>
      <c r="I10848" s="2">
        <v>0</v>
      </c>
      <c r="J10848" s="2">
        <v>1</v>
      </c>
      <c r="K10848" s="2">
        <v>0</v>
      </c>
      <c r="L10848" t="s">
        <v>82</v>
      </c>
      <c r="M10848" t="s">
        <v>89</v>
      </c>
      <c r="N10848" t="s">
        <v>90</v>
      </c>
      <c r="O10848" t="s">
        <v>85</v>
      </c>
      <c r="P10848" t="s">
        <v>86</v>
      </c>
      <c r="Q10848">
        <v>75</v>
      </c>
      <c r="R10848">
        <v>76</v>
      </c>
      <c r="S10848">
        <v>77</v>
      </c>
      <c r="T10848">
        <v>78</v>
      </c>
      <c r="U10848">
        <v>79</v>
      </c>
      <c r="V10848">
        <v>80</v>
      </c>
      <c r="W10848">
        <v>81</v>
      </c>
      <c r="X10848">
        <v>82</v>
      </c>
      <c r="Y10848">
        <v>82</v>
      </c>
      <c r="Z10848">
        <v>83</v>
      </c>
      <c r="AA10848">
        <v>83</v>
      </c>
      <c r="AB10848">
        <v>83</v>
      </c>
      <c r="AC10848">
        <v>84</v>
      </c>
      <c r="AD10848">
        <v>84</v>
      </c>
      <c r="AE10848">
        <v>84</v>
      </c>
      <c r="AF10848">
        <v>83</v>
      </c>
      <c r="AG10848">
        <v>82</v>
      </c>
      <c r="AH10848">
        <v>82</v>
      </c>
      <c r="AI10848">
        <v>81</v>
      </c>
      <c r="AJ10848">
        <v>80</v>
      </c>
      <c r="AK10848">
        <v>79</v>
      </c>
      <c r="AL10848">
        <v>78</v>
      </c>
      <c r="AM10848">
        <v>78</v>
      </c>
      <c r="AN10848">
        <v>77</v>
      </c>
      <c r="AO10848">
        <v>76</v>
      </c>
      <c r="AP10848">
        <v>76</v>
      </c>
      <c r="AQ10848">
        <v>75</v>
      </c>
    </row>
    <row r="10849" spans="1:43">
      <c r="A10849" t="s">
        <v>6746</v>
      </c>
      <c r="B10849" t="s">
        <v>6747</v>
      </c>
      <c r="C10849" t="s">
        <v>6744</v>
      </c>
      <c r="D10849" t="s">
        <v>6745</v>
      </c>
      <c r="E10849" t="s">
        <v>6594</v>
      </c>
      <c r="F10849" t="s">
        <v>6595</v>
      </c>
      <c r="G10849" t="s">
        <v>80</v>
      </c>
      <c r="H10849" t="s">
        <v>81</v>
      </c>
      <c r="I10849" s="2">
        <v>0</v>
      </c>
      <c r="J10849" s="2">
        <v>1</v>
      </c>
      <c r="K10849" s="2">
        <v>0</v>
      </c>
      <c r="L10849" t="s">
        <v>82</v>
      </c>
      <c r="M10849" t="s">
        <v>83</v>
      </c>
      <c r="N10849" t="s">
        <v>91</v>
      </c>
      <c r="O10849" t="s">
        <v>85</v>
      </c>
      <c r="P10849" t="s">
        <v>86</v>
      </c>
      <c r="Q10849">
        <v>75</v>
      </c>
      <c r="R10849">
        <v>76</v>
      </c>
      <c r="S10849">
        <v>76</v>
      </c>
      <c r="T10849">
        <v>77</v>
      </c>
      <c r="U10849">
        <v>77</v>
      </c>
      <c r="V10849">
        <v>78</v>
      </c>
      <c r="W10849">
        <v>78</v>
      </c>
      <c r="X10849">
        <v>78</v>
      </c>
      <c r="Y10849">
        <v>78</v>
      </c>
      <c r="Z10849">
        <v>79</v>
      </c>
      <c r="AA10849">
        <v>79</v>
      </c>
      <c r="AB10849">
        <v>79</v>
      </c>
      <c r="AC10849">
        <v>79</v>
      </c>
      <c r="AD10849">
        <v>79</v>
      </c>
      <c r="AE10849">
        <v>79</v>
      </c>
      <c r="AF10849">
        <v>79</v>
      </c>
      <c r="AG10849">
        <v>79</v>
      </c>
      <c r="AH10849">
        <v>79</v>
      </c>
      <c r="AI10849">
        <v>79</v>
      </c>
      <c r="AJ10849">
        <v>79</v>
      </c>
      <c r="AK10849">
        <v>79</v>
      </c>
      <c r="AL10849">
        <v>79</v>
      </c>
      <c r="AM10849">
        <v>78</v>
      </c>
      <c r="AN10849">
        <v>77</v>
      </c>
      <c r="AO10849">
        <v>77</v>
      </c>
      <c r="AP10849">
        <v>76</v>
      </c>
      <c r="AQ10849">
        <v>75</v>
      </c>
    </row>
    <row r="10850" spans="1:43">
      <c r="A10850" t="s">
        <v>6748</v>
      </c>
      <c r="B10850" t="s">
        <v>6749</v>
      </c>
      <c r="C10850" t="s">
        <v>6750</v>
      </c>
      <c r="D10850" t="s">
        <v>6751</v>
      </c>
      <c r="E10850" t="s">
        <v>6594</v>
      </c>
      <c r="F10850" t="s">
        <v>6595</v>
      </c>
      <c r="G10850" t="s">
        <v>80</v>
      </c>
      <c r="H10850" t="s">
        <v>81</v>
      </c>
      <c r="I10850" s="2">
        <v>0</v>
      </c>
      <c r="J10850" s="2">
        <v>1</v>
      </c>
      <c r="K10850" s="2">
        <v>0</v>
      </c>
      <c r="L10850" t="s">
        <v>82</v>
      </c>
      <c r="M10850" t="s">
        <v>83</v>
      </c>
      <c r="N10850" t="s">
        <v>84</v>
      </c>
      <c r="O10850" t="s">
        <v>85</v>
      </c>
      <c r="P10850" t="s">
        <v>86</v>
      </c>
      <c r="Q10850">
        <v>131</v>
      </c>
      <c r="R10850">
        <v>132</v>
      </c>
      <c r="S10850">
        <v>133</v>
      </c>
      <c r="T10850">
        <v>133</v>
      </c>
      <c r="U10850">
        <v>134</v>
      </c>
      <c r="V10850">
        <v>135</v>
      </c>
      <c r="W10850">
        <v>135</v>
      </c>
      <c r="X10850">
        <v>136</v>
      </c>
      <c r="Y10850">
        <v>136</v>
      </c>
      <c r="Z10850">
        <v>137</v>
      </c>
      <c r="AA10850">
        <v>137</v>
      </c>
      <c r="AB10850">
        <v>137</v>
      </c>
      <c r="AC10850">
        <v>137</v>
      </c>
      <c r="AD10850">
        <v>137</v>
      </c>
      <c r="AE10850">
        <v>138</v>
      </c>
      <c r="AF10850">
        <v>138</v>
      </c>
      <c r="AG10850">
        <v>138</v>
      </c>
      <c r="AH10850">
        <v>138</v>
      </c>
      <c r="AI10850">
        <v>137</v>
      </c>
      <c r="AJ10850">
        <v>137</v>
      </c>
      <c r="AK10850">
        <v>137</v>
      </c>
      <c r="AL10850">
        <v>136</v>
      </c>
      <c r="AM10850">
        <v>135</v>
      </c>
      <c r="AN10850">
        <v>134</v>
      </c>
      <c r="AO10850">
        <v>133</v>
      </c>
      <c r="AP10850">
        <v>132</v>
      </c>
      <c r="AQ10850">
        <v>130</v>
      </c>
    </row>
    <row r="10851" spans="1:43">
      <c r="A10851" t="s">
        <v>6748</v>
      </c>
      <c r="B10851" t="s">
        <v>6749</v>
      </c>
      <c r="C10851" t="s">
        <v>6750</v>
      </c>
      <c r="D10851" t="s">
        <v>6751</v>
      </c>
      <c r="E10851" t="s">
        <v>6594</v>
      </c>
      <c r="F10851" t="s">
        <v>6595</v>
      </c>
      <c r="G10851" t="s">
        <v>80</v>
      </c>
      <c r="H10851" t="s">
        <v>81</v>
      </c>
      <c r="I10851" s="2">
        <v>0</v>
      </c>
      <c r="J10851" s="2">
        <v>1</v>
      </c>
      <c r="K10851" s="2">
        <v>0</v>
      </c>
      <c r="L10851" t="s">
        <v>82</v>
      </c>
      <c r="M10851" t="s">
        <v>87</v>
      </c>
      <c r="N10851" t="s">
        <v>88</v>
      </c>
      <c r="O10851" t="s">
        <v>85</v>
      </c>
      <c r="P10851" t="s">
        <v>86</v>
      </c>
      <c r="Q10851">
        <v>131</v>
      </c>
      <c r="R10851">
        <v>130</v>
      </c>
      <c r="S10851">
        <v>130</v>
      </c>
      <c r="T10851">
        <v>130</v>
      </c>
      <c r="U10851">
        <v>129</v>
      </c>
      <c r="V10851">
        <v>129</v>
      </c>
      <c r="W10851">
        <v>128</v>
      </c>
      <c r="X10851">
        <v>128</v>
      </c>
      <c r="Y10851">
        <v>127</v>
      </c>
      <c r="Z10851">
        <v>126</v>
      </c>
      <c r="AA10851">
        <v>126</v>
      </c>
      <c r="AB10851">
        <v>125</v>
      </c>
      <c r="AC10851">
        <v>124</v>
      </c>
      <c r="AD10851">
        <v>124</v>
      </c>
      <c r="AE10851">
        <v>123</v>
      </c>
      <c r="AF10851">
        <v>122</v>
      </c>
      <c r="AG10851">
        <v>121</v>
      </c>
      <c r="AH10851">
        <v>121</v>
      </c>
      <c r="AI10851">
        <v>120</v>
      </c>
      <c r="AJ10851">
        <v>119</v>
      </c>
      <c r="AK10851">
        <v>118</v>
      </c>
      <c r="AL10851">
        <v>118</v>
      </c>
      <c r="AM10851">
        <v>117</v>
      </c>
      <c r="AN10851">
        <v>116</v>
      </c>
      <c r="AO10851">
        <v>116</v>
      </c>
      <c r="AP10851">
        <v>115</v>
      </c>
      <c r="AQ10851">
        <v>114</v>
      </c>
    </row>
    <row r="10852" spans="1:43">
      <c r="A10852" t="s">
        <v>6748</v>
      </c>
      <c r="B10852" t="s">
        <v>6749</v>
      </c>
      <c r="C10852" t="s">
        <v>6750</v>
      </c>
      <c r="D10852" t="s">
        <v>6751</v>
      </c>
      <c r="E10852" t="s">
        <v>6594</v>
      </c>
      <c r="F10852" t="s">
        <v>6595</v>
      </c>
      <c r="G10852" t="s">
        <v>80</v>
      </c>
      <c r="H10852" t="s">
        <v>81</v>
      </c>
      <c r="I10852" s="2">
        <v>0</v>
      </c>
      <c r="J10852" s="2">
        <v>1</v>
      </c>
      <c r="K10852" s="2">
        <v>0</v>
      </c>
      <c r="L10852" t="s">
        <v>82</v>
      </c>
      <c r="M10852" t="s">
        <v>89</v>
      </c>
      <c r="N10852" t="s">
        <v>90</v>
      </c>
      <c r="O10852" t="s">
        <v>85</v>
      </c>
      <c r="P10852" t="s">
        <v>86</v>
      </c>
      <c r="Q10852">
        <v>131</v>
      </c>
      <c r="R10852">
        <v>133</v>
      </c>
      <c r="S10852">
        <v>135</v>
      </c>
      <c r="T10852">
        <v>137</v>
      </c>
      <c r="U10852">
        <v>138</v>
      </c>
      <c r="V10852">
        <v>140</v>
      </c>
      <c r="W10852">
        <v>141</v>
      </c>
      <c r="X10852">
        <v>142</v>
      </c>
      <c r="Y10852">
        <v>143</v>
      </c>
      <c r="Z10852">
        <v>144</v>
      </c>
      <c r="AA10852">
        <v>145</v>
      </c>
      <c r="AB10852">
        <v>145</v>
      </c>
      <c r="AC10852">
        <v>146</v>
      </c>
      <c r="AD10852">
        <v>147</v>
      </c>
      <c r="AE10852">
        <v>146</v>
      </c>
      <c r="AF10852">
        <v>145</v>
      </c>
      <c r="AG10852">
        <v>144</v>
      </c>
      <c r="AH10852">
        <v>142</v>
      </c>
      <c r="AI10852">
        <v>141</v>
      </c>
      <c r="AJ10852">
        <v>139</v>
      </c>
      <c r="AK10852">
        <v>138</v>
      </c>
      <c r="AL10852">
        <v>137</v>
      </c>
      <c r="AM10852">
        <v>136</v>
      </c>
      <c r="AN10852">
        <v>134</v>
      </c>
      <c r="AO10852">
        <v>133</v>
      </c>
      <c r="AP10852">
        <v>132</v>
      </c>
      <c r="AQ10852">
        <v>131</v>
      </c>
    </row>
    <row r="10853" spans="1:43">
      <c r="A10853" t="s">
        <v>6748</v>
      </c>
      <c r="B10853" t="s">
        <v>6749</v>
      </c>
      <c r="C10853" t="s">
        <v>6750</v>
      </c>
      <c r="D10853" t="s">
        <v>6751</v>
      </c>
      <c r="E10853" t="s">
        <v>6594</v>
      </c>
      <c r="F10853" t="s">
        <v>6595</v>
      </c>
      <c r="G10853" t="s">
        <v>80</v>
      </c>
      <c r="H10853" t="s">
        <v>81</v>
      </c>
      <c r="I10853" s="2">
        <v>0</v>
      </c>
      <c r="J10853" s="2">
        <v>1</v>
      </c>
      <c r="K10853" s="2">
        <v>0</v>
      </c>
      <c r="L10853" t="s">
        <v>82</v>
      </c>
      <c r="M10853" t="s">
        <v>83</v>
      </c>
      <c r="N10853" t="s">
        <v>91</v>
      </c>
      <c r="O10853" t="s">
        <v>85</v>
      </c>
      <c r="P10853" t="s">
        <v>86</v>
      </c>
      <c r="Q10853">
        <v>131</v>
      </c>
      <c r="R10853">
        <v>132</v>
      </c>
      <c r="S10853">
        <v>133</v>
      </c>
      <c r="T10853">
        <v>133</v>
      </c>
      <c r="U10853">
        <v>134</v>
      </c>
      <c r="V10853">
        <v>135</v>
      </c>
      <c r="W10853">
        <v>135</v>
      </c>
      <c r="X10853">
        <v>136</v>
      </c>
      <c r="Y10853">
        <v>136</v>
      </c>
      <c r="Z10853">
        <v>137</v>
      </c>
      <c r="AA10853">
        <v>137</v>
      </c>
      <c r="AB10853">
        <v>137</v>
      </c>
      <c r="AC10853">
        <v>137</v>
      </c>
      <c r="AD10853">
        <v>137</v>
      </c>
      <c r="AE10853">
        <v>138</v>
      </c>
      <c r="AF10853">
        <v>138</v>
      </c>
      <c r="AG10853">
        <v>138</v>
      </c>
      <c r="AH10853">
        <v>138</v>
      </c>
      <c r="AI10853">
        <v>137</v>
      </c>
      <c r="AJ10853">
        <v>137</v>
      </c>
      <c r="AK10853">
        <v>137</v>
      </c>
      <c r="AL10853">
        <v>136</v>
      </c>
      <c r="AM10853">
        <v>135</v>
      </c>
      <c r="AN10853">
        <v>134</v>
      </c>
      <c r="AO10853">
        <v>133</v>
      </c>
      <c r="AP10853">
        <v>132</v>
      </c>
      <c r="AQ10853">
        <v>130</v>
      </c>
    </row>
    <row r="10854" spans="1:43">
      <c r="A10854" t="s">
        <v>6752</v>
      </c>
      <c r="B10854" t="s">
        <v>6753</v>
      </c>
      <c r="C10854" t="s">
        <v>6750</v>
      </c>
      <c r="D10854" t="s">
        <v>6751</v>
      </c>
      <c r="E10854" t="s">
        <v>6594</v>
      </c>
      <c r="F10854" t="s">
        <v>6595</v>
      </c>
      <c r="G10854" t="s">
        <v>80</v>
      </c>
      <c r="H10854" t="s">
        <v>81</v>
      </c>
      <c r="I10854" s="2">
        <v>0</v>
      </c>
      <c r="J10854" s="2">
        <v>1</v>
      </c>
      <c r="K10854" s="2">
        <v>0</v>
      </c>
      <c r="L10854" t="s">
        <v>82</v>
      </c>
      <c r="M10854" t="s">
        <v>83</v>
      </c>
      <c r="N10854" t="s">
        <v>84</v>
      </c>
      <c r="O10854" t="s">
        <v>85</v>
      </c>
      <c r="P10854" t="s">
        <v>86</v>
      </c>
      <c r="Q10854">
        <v>43</v>
      </c>
      <c r="R10854">
        <v>43</v>
      </c>
      <c r="S10854">
        <v>43</v>
      </c>
      <c r="T10854">
        <v>44</v>
      </c>
      <c r="U10854">
        <v>44</v>
      </c>
      <c r="V10854">
        <v>44</v>
      </c>
      <c r="W10854">
        <v>44</v>
      </c>
      <c r="X10854">
        <v>44</v>
      </c>
      <c r="Y10854">
        <v>44</v>
      </c>
      <c r="Z10854">
        <v>45</v>
      </c>
      <c r="AA10854">
        <v>45</v>
      </c>
      <c r="AB10854">
        <v>45</v>
      </c>
      <c r="AC10854">
        <v>45</v>
      </c>
      <c r="AD10854">
        <v>45</v>
      </c>
      <c r="AE10854">
        <v>45</v>
      </c>
      <c r="AF10854">
        <v>45</v>
      </c>
      <c r="AG10854">
        <v>45</v>
      </c>
      <c r="AH10854">
        <v>45</v>
      </c>
      <c r="AI10854">
        <v>45</v>
      </c>
      <c r="AJ10854">
        <v>45</v>
      </c>
      <c r="AK10854">
        <v>45</v>
      </c>
      <c r="AL10854">
        <v>45</v>
      </c>
      <c r="AM10854">
        <v>44</v>
      </c>
      <c r="AN10854">
        <v>44</v>
      </c>
      <c r="AO10854">
        <v>43</v>
      </c>
      <c r="AP10854">
        <v>43</v>
      </c>
      <c r="AQ10854">
        <v>43</v>
      </c>
    </row>
    <row r="10855" spans="1:43">
      <c r="A10855" t="s">
        <v>6752</v>
      </c>
      <c r="B10855" t="s">
        <v>6753</v>
      </c>
      <c r="C10855" t="s">
        <v>6750</v>
      </c>
      <c r="D10855" t="s">
        <v>6751</v>
      </c>
      <c r="E10855" t="s">
        <v>6594</v>
      </c>
      <c r="F10855" t="s">
        <v>6595</v>
      </c>
      <c r="G10855" t="s">
        <v>80</v>
      </c>
      <c r="H10855" t="s">
        <v>81</v>
      </c>
      <c r="I10855" s="2">
        <v>0</v>
      </c>
      <c r="J10855" s="2">
        <v>1</v>
      </c>
      <c r="K10855" s="2">
        <v>0</v>
      </c>
      <c r="L10855" t="s">
        <v>82</v>
      </c>
      <c r="M10855" t="s">
        <v>87</v>
      </c>
      <c r="N10855" t="s">
        <v>88</v>
      </c>
      <c r="O10855" t="s">
        <v>85</v>
      </c>
      <c r="P10855" t="s">
        <v>86</v>
      </c>
      <c r="Q10855">
        <v>43</v>
      </c>
      <c r="R10855">
        <v>43</v>
      </c>
      <c r="S10855">
        <v>43</v>
      </c>
      <c r="T10855">
        <v>43</v>
      </c>
      <c r="U10855">
        <v>43</v>
      </c>
      <c r="V10855">
        <v>43</v>
      </c>
      <c r="W10855">
        <v>43</v>
      </c>
      <c r="X10855">
        <v>42</v>
      </c>
      <c r="Y10855">
        <v>42</v>
      </c>
      <c r="Z10855">
        <v>42</v>
      </c>
      <c r="AA10855">
        <v>42</v>
      </c>
      <c r="AB10855">
        <v>41</v>
      </c>
      <c r="AC10855">
        <v>41</v>
      </c>
      <c r="AD10855">
        <v>41</v>
      </c>
      <c r="AE10855">
        <v>41</v>
      </c>
      <c r="AF10855">
        <v>41</v>
      </c>
      <c r="AG10855">
        <v>40</v>
      </c>
      <c r="AH10855">
        <v>40</v>
      </c>
      <c r="AI10855">
        <v>40</v>
      </c>
      <c r="AJ10855">
        <v>40</v>
      </c>
      <c r="AK10855">
        <v>39</v>
      </c>
      <c r="AL10855">
        <v>39</v>
      </c>
      <c r="AM10855">
        <v>39</v>
      </c>
      <c r="AN10855">
        <v>39</v>
      </c>
      <c r="AO10855">
        <v>38</v>
      </c>
      <c r="AP10855">
        <v>38</v>
      </c>
      <c r="AQ10855">
        <v>38</v>
      </c>
    </row>
    <row r="10856" spans="1:43">
      <c r="A10856" t="s">
        <v>6752</v>
      </c>
      <c r="B10856" t="s">
        <v>6753</v>
      </c>
      <c r="C10856" t="s">
        <v>6750</v>
      </c>
      <c r="D10856" t="s">
        <v>6751</v>
      </c>
      <c r="E10856" t="s">
        <v>6594</v>
      </c>
      <c r="F10856" t="s">
        <v>6595</v>
      </c>
      <c r="G10856" t="s">
        <v>80</v>
      </c>
      <c r="H10856" t="s">
        <v>81</v>
      </c>
      <c r="I10856" s="2">
        <v>0</v>
      </c>
      <c r="J10856" s="2">
        <v>1</v>
      </c>
      <c r="K10856" s="2">
        <v>0</v>
      </c>
      <c r="L10856" t="s">
        <v>82</v>
      </c>
      <c r="M10856" t="s">
        <v>89</v>
      </c>
      <c r="N10856" t="s">
        <v>90</v>
      </c>
      <c r="O10856" t="s">
        <v>85</v>
      </c>
      <c r="P10856" t="s">
        <v>86</v>
      </c>
      <c r="Q10856">
        <v>43</v>
      </c>
      <c r="R10856">
        <v>44</v>
      </c>
      <c r="S10856">
        <v>44</v>
      </c>
      <c r="T10856">
        <v>45</v>
      </c>
      <c r="U10856">
        <v>46</v>
      </c>
      <c r="V10856">
        <v>46</v>
      </c>
      <c r="W10856">
        <v>46</v>
      </c>
      <c r="X10856">
        <v>47</v>
      </c>
      <c r="Y10856">
        <v>47</v>
      </c>
      <c r="Z10856">
        <v>47</v>
      </c>
      <c r="AA10856">
        <v>48</v>
      </c>
      <c r="AB10856">
        <v>48</v>
      </c>
      <c r="AC10856">
        <v>48</v>
      </c>
      <c r="AD10856">
        <v>48</v>
      </c>
      <c r="AE10856">
        <v>48</v>
      </c>
      <c r="AF10856">
        <v>48</v>
      </c>
      <c r="AG10856">
        <v>47</v>
      </c>
      <c r="AH10856">
        <v>47</v>
      </c>
      <c r="AI10856">
        <v>46</v>
      </c>
      <c r="AJ10856">
        <v>46</v>
      </c>
      <c r="AK10856">
        <v>45</v>
      </c>
      <c r="AL10856">
        <v>45</v>
      </c>
      <c r="AM10856">
        <v>45</v>
      </c>
      <c r="AN10856">
        <v>44</v>
      </c>
      <c r="AO10856">
        <v>44</v>
      </c>
      <c r="AP10856">
        <v>43</v>
      </c>
      <c r="AQ10856">
        <v>43</v>
      </c>
    </row>
    <row r="10857" spans="1:43">
      <c r="A10857" t="s">
        <v>6752</v>
      </c>
      <c r="B10857" t="s">
        <v>6753</v>
      </c>
      <c r="C10857" t="s">
        <v>6750</v>
      </c>
      <c r="D10857" t="s">
        <v>6751</v>
      </c>
      <c r="E10857" t="s">
        <v>6594</v>
      </c>
      <c r="F10857" t="s">
        <v>6595</v>
      </c>
      <c r="G10857" t="s">
        <v>80</v>
      </c>
      <c r="H10857" t="s">
        <v>81</v>
      </c>
      <c r="I10857" s="2">
        <v>0</v>
      </c>
      <c r="J10857" s="2">
        <v>1</v>
      </c>
      <c r="K10857" s="2">
        <v>0</v>
      </c>
      <c r="L10857" t="s">
        <v>82</v>
      </c>
      <c r="M10857" t="s">
        <v>83</v>
      </c>
      <c r="N10857" t="s">
        <v>91</v>
      </c>
      <c r="O10857" t="s">
        <v>85</v>
      </c>
      <c r="P10857" t="s">
        <v>86</v>
      </c>
      <c r="Q10857">
        <v>43</v>
      </c>
      <c r="R10857">
        <v>43</v>
      </c>
      <c r="S10857">
        <v>43</v>
      </c>
      <c r="T10857">
        <v>44</v>
      </c>
      <c r="U10857">
        <v>44</v>
      </c>
      <c r="V10857">
        <v>44</v>
      </c>
      <c r="W10857">
        <v>44</v>
      </c>
      <c r="X10857">
        <v>44</v>
      </c>
      <c r="Y10857">
        <v>44</v>
      </c>
      <c r="Z10857">
        <v>45</v>
      </c>
      <c r="AA10857">
        <v>45</v>
      </c>
      <c r="AB10857">
        <v>45</v>
      </c>
      <c r="AC10857">
        <v>45</v>
      </c>
      <c r="AD10857">
        <v>45</v>
      </c>
      <c r="AE10857">
        <v>45</v>
      </c>
      <c r="AF10857">
        <v>45</v>
      </c>
      <c r="AG10857">
        <v>45</v>
      </c>
      <c r="AH10857">
        <v>45</v>
      </c>
      <c r="AI10857">
        <v>45</v>
      </c>
      <c r="AJ10857">
        <v>45</v>
      </c>
      <c r="AK10857">
        <v>45</v>
      </c>
      <c r="AL10857">
        <v>45</v>
      </c>
      <c r="AM10857">
        <v>44</v>
      </c>
      <c r="AN10857">
        <v>44</v>
      </c>
      <c r="AO10857">
        <v>43</v>
      </c>
      <c r="AP10857">
        <v>43</v>
      </c>
      <c r="AQ10857">
        <v>43</v>
      </c>
    </row>
    <row r="10858" spans="1:43">
      <c r="A10858" t="s">
        <v>6754</v>
      </c>
      <c r="B10858" t="s">
        <v>6755</v>
      </c>
      <c r="C10858" t="s">
        <v>6750</v>
      </c>
      <c r="D10858" t="s">
        <v>6751</v>
      </c>
      <c r="E10858" t="s">
        <v>6594</v>
      </c>
      <c r="F10858" t="s">
        <v>6595</v>
      </c>
      <c r="G10858" t="s">
        <v>80</v>
      </c>
      <c r="H10858" t="s">
        <v>81</v>
      </c>
      <c r="I10858" s="2">
        <v>0</v>
      </c>
      <c r="J10858" s="2">
        <v>1</v>
      </c>
      <c r="K10858" s="2">
        <v>0</v>
      </c>
      <c r="L10858" t="s">
        <v>82</v>
      </c>
      <c r="M10858" t="s">
        <v>83</v>
      </c>
      <c r="N10858" t="s">
        <v>84</v>
      </c>
      <c r="O10858" t="s">
        <v>85</v>
      </c>
      <c r="P10858" t="s">
        <v>86</v>
      </c>
      <c r="Q10858">
        <v>36</v>
      </c>
      <c r="R10858">
        <v>36</v>
      </c>
      <c r="S10858">
        <v>36</v>
      </c>
      <c r="T10858">
        <v>36</v>
      </c>
      <c r="U10858">
        <v>36</v>
      </c>
      <c r="V10858">
        <v>37</v>
      </c>
      <c r="W10858">
        <v>37</v>
      </c>
      <c r="X10858">
        <v>37</v>
      </c>
      <c r="Y10858">
        <v>37</v>
      </c>
      <c r="Z10858">
        <v>37</v>
      </c>
      <c r="AA10858">
        <v>37</v>
      </c>
      <c r="AB10858">
        <v>37</v>
      </c>
      <c r="AC10858">
        <v>37</v>
      </c>
      <c r="AD10858">
        <v>37</v>
      </c>
      <c r="AE10858">
        <v>37</v>
      </c>
      <c r="AF10858">
        <v>37</v>
      </c>
      <c r="AG10858">
        <v>37</v>
      </c>
      <c r="AH10858">
        <v>37</v>
      </c>
      <c r="AI10858">
        <v>37</v>
      </c>
      <c r="AJ10858">
        <v>37</v>
      </c>
      <c r="AK10858">
        <v>37</v>
      </c>
      <c r="AL10858">
        <v>37</v>
      </c>
      <c r="AM10858">
        <v>36</v>
      </c>
      <c r="AN10858">
        <v>36</v>
      </c>
      <c r="AO10858">
        <v>35</v>
      </c>
      <c r="AP10858">
        <v>35</v>
      </c>
      <c r="AQ10858">
        <v>35</v>
      </c>
    </row>
    <row r="10859" spans="1:43">
      <c r="A10859" t="s">
        <v>6754</v>
      </c>
      <c r="B10859" t="s">
        <v>6755</v>
      </c>
      <c r="C10859" t="s">
        <v>6750</v>
      </c>
      <c r="D10859" t="s">
        <v>6751</v>
      </c>
      <c r="E10859" t="s">
        <v>6594</v>
      </c>
      <c r="F10859" t="s">
        <v>6595</v>
      </c>
      <c r="G10859" t="s">
        <v>80</v>
      </c>
      <c r="H10859" t="s">
        <v>81</v>
      </c>
      <c r="I10859" s="2">
        <v>0</v>
      </c>
      <c r="J10859" s="2">
        <v>1</v>
      </c>
      <c r="K10859" s="2">
        <v>0</v>
      </c>
      <c r="L10859" t="s">
        <v>82</v>
      </c>
      <c r="M10859" t="s">
        <v>87</v>
      </c>
      <c r="N10859" t="s">
        <v>88</v>
      </c>
      <c r="O10859" t="s">
        <v>85</v>
      </c>
      <c r="P10859" t="s">
        <v>86</v>
      </c>
      <c r="Q10859">
        <v>36</v>
      </c>
      <c r="R10859">
        <v>36</v>
      </c>
      <c r="S10859">
        <v>36</v>
      </c>
      <c r="T10859">
        <v>36</v>
      </c>
      <c r="U10859">
        <v>36</v>
      </c>
      <c r="V10859">
        <v>36</v>
      </c>
      <c r="W10859">
        <v>35</v>
      </c>
      <c r="X10859">
        <v>35</v>
      </c>
      <c r="Y10859">
        <v>35</v>
      </c>
      <c r="Z10859">
        <v>35</v>
      </c>
      <c r="AA10859">
        <v>35</v>
      </c>
      <c r="AB10859">
        <v>35</v>
      </c>
      <c r="AC10859">
        <v>34</v>
      </c>
      <c r="AD10859">
        <v>34</v>
      </c>
      <c r="AE10859">
        <v>34</v>
      </c>
      <c r="AF10859">
        <v>34</v>
      </c>
      <c r="AG10859">
        <v>34</v>
      </c>
      <c r="AH10859">
        <v>33</v>
      </c>
      <c r="AI10859">
        <v>33</v>
      </c>
      <c r="AJ10859">
        <v>33</v>
      </c>
      <c r="AK10859">
        <v>33</v>
      </c>
      <c r="AL10859">
        <v>32</v>
      </c>
      <c r="AM10859">
        <v>32</v>
      </c>
      <c r="AN10859">
        <v>32</v>
      </c>
      <c r="AO10859">
        <v>32</v>
      </c>
      <c r="AP10859">
        <v>32</v>
      </c>
      <c r="AQ10859">
        <v>32</v>
      </c>
    </row>
    <row r="10860" spans="1:43">
      <c r="A10860" t="s">
        <v>6754</v>
      </c>
      <c r="B10860" t="s">
        <v>6755</v>
      </c>
      <c r="C10860" t="s">
        <v>6750</v>
      </c>
      <c r="D10860" t="s">
        <v>6751</v>
      </c>
      <c r="E10860" t="s">
        <v>6594</v>
      </c>
      <c r="F10860" t="s">
        <v>6595</v>
      </c>
      <c r="G10860" t="s">
        <v>80</v>
      </c>
      <c r="H10860" t="s">
        <v>81</v>
      </c>
      <c r="I10860" s="2">
        <v>0</v>
      </c>
      <c r="J10860" s="2">
        <v>1</v>
      </c>
      <c r="K10860" s="2">
        <v>0</v>
      </c>
      <c r="L10860" t="s">
        <v>82</v>
      </c>
      <c r="M10860" t="s">
        <v>89</v>
      </c>
      <c r="N10860" t="s">
        <v>90</v>
      </c>
      <c r="O10860" t="s">
        <v>85</v>
      </c>
      <c r="P10860" t="s">
        <v>86</v>
      </c>
      <c r="Q10860">
        <v>36</v>
      </c>
      <c r="R10860">
        <v>36</v>
      </c>
      <c r="S10860">
        <v>37</v>
      </c>
      <c r="T10860">
        <v>37</v>
      </c>
      <c r="U10860">
        <v>38</v>
      </c>
      <c r="V10860">
        <v>38</v>
      </c>
      <c r="W10860">
        <v>39</v>
      </c>
      <c r="X10860">
        <v>39</v>
      </c>
      <c r="Y10860">
        <v>39</v>
      </c>
      <c r="Z10860">
        <v>39</v>
      </c>
      <c r="AA10860">
        <v>39</v>
      </c>
      <c r="AB10860">
        <v>39</v>
      </c>
      <c r="AC10860">
        <v>40</v>
      </c>
      <c r="AD10860">
        <v>40</v>
      </c>
      <c r="AE10860">
        <v>40</v>
      </c>
      <c r="AF10860">
        <v>39</v>
      </c>
      <c r="AG10860">
        <v>39</v>
      </c>
      <c r="AH10860">
        <v>38</v>
      </c>
      <c r="AI10860">
        <v>38</v>
      </c>
      <c r="AJ10860">
        <v>38</v>
      </c>
      <c r="AK10860">
        <v>37</v>
      </c>
      <c r="AL10860">
        <v>37</v>
      </c>
      <c r="AM10860">
        <v>36</v>
      </c>
      <c r="AN10860">
        <v>36</v>
      </c>
      <c r="AO10860">
        <v>36</v>
      </c>
      <c r="AP10860">
        <v>35</v>
      </c>
      <c r="AQ10860">
        <v>35</v>
      </c>
    </row>
    <row r="10861" spans="1:43">
      <c r="A10861" t="s">
        <v>6754</v>
      </c>
      <c r="B10861" t="s">
        <v>6755</v>
      </c>
      <c r="C10861" t="s">
        <v>6750</v>
      </c>
      <c r="D10861" t="s">
        <v>6751</v>
      </c>
      <c r="E10861" t="s">
        <v>6594</v>
      </c>
      <c r="F10861" t="s">
        <v>6595</v>
      </c>
      <c r="G10861" t="s">
        <v>80</v>
      </c>
      <c r="H10861" t="s">
        <v>81</v>
      </c>
      <c r="I10861" s="2">
        <v>0</v>
      </c>
      <c r="J10861" s="2">
        <v>1</v>
      </c>
      <c r="K10861" s="2">
        <v>0</v>
      </c>
      <c r="L10861" t="s">
        <v>82</v>
      </c>
      <c r="M10861" t="s">
        <v>83</v>
      </c>
      <c r="N10861" t="s">
        <v>91</v>
      </c>
      <c r="O10861" t="s">
        <v>85</v>
      </c>
      <c r="P10861" t="s">
        <v>86</v>
      </c>
      <c r="Q10861">
        <v>36</v>
      </c>
      <c r="R10861">
        <v>36</v>
      </c>
      <c r="S10861">
        <v>36</v>
      </c>
      <c r="T10861">
        <v>36</v>
      </c>
      <c r="U10861">
        <v>36</v>
      </c>
      <c r="V10861">
        <v>37</v>
      </c>
      <c r="W10861">
        <v>37</v>
      </c>
      <c r="X10861">
        <v>37</v>
      </c>
      <c r="Y10861">
        <v>37</v>
      </c>
      <c r="Z10861">
        <v>37</v>
      </c>
      <c r="AA10861">
        <v>37</v>
      </c>
      <c r="AB10861">
        <v>37</v>
      </c>
      <c r="AC10861">
        <v>37</v>
      </c>
      <c r="AD10861">
        <v>37</v>
      </c>
      <c r="AE10861">
        <v>37</v>
      </c>
      <c r="AF10861">
        <v>37</v>
      </c>
      <c r="AG10861">
        <v>37</v>
      </c>
      <c r="AH10861">
        <v>37</v>
      </c>
      <c r="AI10861">
        <v>37</v>
      </c>
      <c r="AJ10861">
        <v>37</v>
      </c>
      <c r="AK10861">
        <v>37</v>
      </c>
      <c r="AL10861">
        <v>37</v>
      </c>
      <c r="AM10861">
        <v>36</v>
      </c>
      <c r="AN10861">
        <v>36</v>
      </c>
      <c r="AO10861">
        <v>35</v>
      </c>
      <c r="AP10861">
        <v>35</v>
      </c>
      <c r="AQ10861">
        <v>35</v>
      </c>
    </row>
    <row r="10862" spans="1:43">
      <c r="A10862" t="s">
        <v>6756</v>
      </c>
      <c r="B10862" t="s">
        <v>6757</v>
      </c>
      <c r="C10862" t="s">
        <v>6750</v>
      </c>
      <c r="D10862" t="s">
        <v>6751</v>
      </c>
      <c r="E10862" t="s">
        <v>6594</v>
      </c>
      <c r="F10862" t="s">
        <v>6595</v>
      </c>
      <c r="G10862" t="s">
        <v>80</v>
      </c>
      <c r="H10862" t="s">
        <v>81</v>
      </c>
      <c r="I10862" s="2">
        <v>0</v>
      </c>
      <c r="J10862" s="2">
        <v>1</v>
      </c>
      <c r="K10862" s="2">
        <v>0</v>
      </c>
      <c r="L10862" t="s">
        <v>82</v>
      </c>
      <c r="M10862" t="s">
        <v>83</v>
      </c>
      <c r="N10862" t="s">
        <v>84</v>
      </c>
      <c r="O10862" t="s">
        <v>85</v>
      </c>
      <c r="P10862" t="s">
        <v>86</v>
      </c>
      <c r="Q10862">
        <v>19</v>
      </c>
      <c r="R10862">
        <v>19</v>
      </c>
      <c r="S10862">
        <v>19</v>
      </c>
      <c r="T10862">
        <v>20</v>
      </c>
      <c r="U10862">
        <v>20</v>
      </c>
      <c r="V10862">
        <v>20</v>
      </c>
      <c r="W10862">
        <v>20</v>
      </c>
      <c r="X10862">
        <v>20</v>
      </c>
      <c r="Y10862">
        <v>20</v>
      </c>
      <c r="Z10862">
        <v>20</v>
      </c>
      <c r="AA10862">
        <v>20</v>
      </c>
      <c r="AB10862">
        <v>20</v>
      </c>
      <c r="AC10862">
        <v>20</v>
      </c>
      <c r="AD10862">
        <v>20</v>
      </c>
      <c r="AE10862">
        <v>20</v>
      </c>
      <c r="AF10862">
        <v>20</v>
      </c>
      <c r="AG10862">
        <v>20</v>
      </c>
      <c r="AH10862">
        <v>20</v>
      </c>
      <c r="AI10862">
        <v>20</v>
      </c>
      <c r="AJ10862">
        <v>20</v>
      </c>
      <c r="AK10862">
        <v>20</v>
      </c>
      <c r="AL10862">
        <v>20</v>
      </c>
      <c r="AM10862">
        <v>20</v>
      </c>
      <c r="AN10862">
        <v>19</v>
      </c>
      <c r="AO10862">
        <v>19</v>
      </c>
      <c r="AP10862">
        <v>19</v>
      </c>
      <c r="AQ10862">
        <v>19</v>
      </c>
    </row>
    <row r="10863" spans="1:43">
      <c r="A10863" t="s">
        <v>6756</v>
      </c>
      <c r="B10863" t="s">
        <v>6757</v>
      </c>
      <c r="C10863" t="s">
        <v>6750</v>
      </c>
      <c r="D10863" t="s">
        <v>6751</v>
      </c>
      <c r="E10863" t="s">
        <v>6594</v>
      </c>
      <c r="F10863" t="s">
        <v>6595</v>
      </c>
      <c r="G10863" t="s">
        <v>80</v>
      </c>
      <c r="H10863" t="s">
        <v>81</v>
      </c>
      <c r="I10863" s="2">
        <v>0</v>
      </c>
      <c r="J10863" s="2">
        <v>1</v>
      </c>
      <c r="K10863" s="2">
        <v>0</v>
      </c>
      <c r="L10863" t="s">
        <v>82</v>
      </c>
      <c r="M10863" t="s">
        <v>87</v>
      </c>
      <c r="N10863" t="s">
        <v>88</v>
      </c>
      <c r="O10863" t="s">
        <v>85</v>
      </c>
      <c r="P10863" t="s">
        <v>86</v>
      </c>
      <c r="Q10863">
        <v>19</v>
      </c>
      <c r="R10863">
        <v>19</v>
      </c>
      <c r="S10863">
        <v>19</v>
      </c>
      <c r="T10863">
        <v>19</v>
      </c>
      <c r="U10863">
        <v>19</v>
      </c>
      <c r="V10863">
        <v>19</v>
      </c>
      <c r="W10863">
        <v>19</v>
      </c>
      <c r="X10863">
        <v>19</v>
      </c>
      <c r="Y10863">
        <v>18</v>
      </c>
      <c r="Z10863">
        <v>18</v>
      </c>
      <c r="AA10863">
        <v>18</v>
      </c>
      <c r="AB10863">
        <v>18</v>
      </c>
      <c r="AC10863">
        <v>18</v>
      </c>
      <c r="AD10863">
        <v>18</v>
      </c>
      <c r="AE10863">
        <v>18</v>
      </c>
      <c r="AF10863">
        <v>18</v>
      </c>
      <c r="AG10863">
        <v>18</v>
      </c>
      <c r="AH10863">
        <v>17</v>
      </c>
      <c r="AI10863">
        <v>17</v>
      </c>
      <c r="AJ10863">
        <v>17</v>
      </c>
      <c r="AK10863">
        <v>17</v>
      </c>
      <c r="AL10863">
        <v>17</v>
      </c>
      <c r="AM10863">
        <v>17</v>
      </c>
      <c r="AN10863">
        <v>17</v>
      </c>
      <c r="AO10863">
        <v>17</v>
      </c>
      <c r="AP10863">
        <v>17</v>
      </c>
      <c r="AQ10863">
        <v>16</v>
      </c>
    </row>
    <row r="10864" spans="1:43">
      <c r="A10864" t="s">
        <v>6756</v>
      </c>
      <c r="B10864" t="s">
        <v>6757</v>
      </c>
      <c r="C10864" t="s">
        <v>6750</v>
      </c>
      <c r="D10864" t="s">
        <v>6751</v>
      </c>
      <c r="E10864" t="s">
        <v>6594</v>
      </c>
      <c r="F10864" t="s">
        <v>6595</v>
      </c>
      <c r="G10864" t="s">
        <v>80</v>
      </c>
      <c r="H10864" t="s">
        <v>81</v>
      </c>
      <c r="I10864" s="2">
        <v>0</v>
      </c>
      <c r="J10864" s="2">
        <v>1</v>
      </c>
      <c r="K10864" s="2">
        <v>0</v>
      </c>
      <c r="L10864" t="s">
        <v>82</v>
      </c>
      <c r="M10864" t="s">
        <v>89</v>
      </c>
      <c r="N10864" t="s">
        <v>90</v>
      </c>
      <c r="O10864" t="s">
        <v>85</v>
      </c>
      <c r="P10864" t="s">
        <v>86</v>
      </c>
      <c r="Q10864">
        <v>19</v>
      </c>
      <c r="R10864">
        <v>20</v>
      </c>
      <c r="S10864">
        <v>20</v>
      </c>
      <c r="T10864">
        <v>20</v>
      </c>
      <c r="U10864">
        <v>20</v>
      </c>
      <c r="V10864">
        <v>21</v>
      </c>
      <c r="W10864">
        <v>21</v>
      </c>
      <c r="X10864">
        <v>21</v>
      </c>
      <c r="Y10864">
        <v>21</v>
      </c>
      <c r="Z10864">
        <v>21</v>
      </c>
      <c r="AA10864">
        <v>21</v>
      </c>
      <c r="AB10864">
        <v>21</v>
      </c>
      <c r="AC10864">
        <v>21</v>
      </c>
      <c r="AD10864">
        <v>22</v>
      </c>
      <c r="AE10864">
        <v>21</v>
      </c>
      <c r="AF10864">
        <v>21</v>
      </c>
      <c r="AG10864">
        <v>21</v>
      </c>
      <c r="AH10864">
        <v>21</v>
      </c>
      <c r="AI10864">
        <v>21</v>
      </c>
      <c r="AJ10864">
        <v>20</v>
      </c>
      <c r="AK10864">
        <v>20</v>
      </c>
      <c r="AL10864">
        <v>20</v>
      </c>
      <c r="AM10864">
        <v>20</v>
      </c>
      <c r="AN10864">
        <v>20</v>
      </c>
      <c r="AO10864">
        <v>19</v>
      </c>
      <c r="AP10864">
        <v>19</v>
      </c>
      <c r="AQ10864">
        <v>19</v>
      </c>
    </row>
    <row r="10865" spans="1:43">
      <c r="A10865" t="s">
        <v>6756</v>
      </c>
      <c r="B10865" t="s">
        <v>6757</v>
      </c>
      <c r="C10865" t="s">
        <v>6750</v>
      </c>
      <c r="D10865" t="s">
        <v>6751</v>
      </c>
      <c r="E10865" t="s">
        <v>6594</v>
      </c>
      <c r="F10865" t="s">
        <v>6595</v>
      </c>
      <c r="G10865" t="s">
        <v>80</v>
      </c>
      <c r="H10865" t="s">
        <v>81</v>
      </c>
      <c r="I10865" s="2">
        <v>0</v>
      </c>
      <c r="J10865" s="2">
        <v>1</v>
      </c>
      <c r="K10865" s="2">
        <v>0</v>
      </c>
      <c r="L10865" t="s">
        <v>82</v>
      </c>
      <c r="M10865" t="s">
        <v>83</v>
      </c>
      <c r="N10865" t="s">
        <v>91</v>
      </c>
      <c r="O10865" t="s">
        <v>85</v>
      </c>
      <c r="P10865" t="s">
        <v>86</v>
      </c>
      <c r="Q10865">
        <v>19</v>
      </c>
      <c r="R10865">
        <v>19</v>
      </c>
      <c r="S10865">
        <v>19</v>
      </c>
      <c r="T10865">
        <v>20</v>
      </c>
      <c r="U10865">
        <v>20</v>
      </c>
      <c r="V10865">
        <v>20</v>
      </c>
      <c r="W10865">
        <v>20</v>
      </c>
      <c r="X10865">
        <v>20</v>
      </c>
      <c r="Y10865">
        <v>20</v>
      </c>
      <c r="Z10865">
        <v>20</v>
      </c>
      <c r="AA10865">
        <v>20</v>
      </c>
      <c r="AB10865">
        <v>20</v>
      </c>
      <c r="AC10865">
        <v>20</v>
      </c>
      <c r="AD10865">
        <v>20</v>
      </c>
      <c r="AE10865">
        <v>20</v>
      </c>
      <c r="AF10865">
        <v>20</v>
      </c>
      <c r="AG10865">
        <v>20</v>
      </c>
      <c r="AH10865">
        <v>20</v>
      </c>
      <c r="AI10865">
        <v>20</v>
      </c>
      <c r="AJ10865">
        <v>20</v>
      </c>
      <c r="AK10865">
        <v>20</v>
      </c>
      <c r="AL10865">
        <v>20</v>
      </c>
      <c r="AM10865">
        <v>20</v>
      </c>
      <c r="AN10865">
        <v>19</v>
      </c>
      <c r="AO10865">
        <v>19</v>
      </c>
      <c r="AP10865">
        <v>19</v>
      </c>
      <c r="AQ10865">
        <v>19</v>
      </c>
    </row>
    <row r="10866" spans="1:43">
      <c r="A10866" t="s">
        <v>6758</v>
      </c>
      <c r="B10866" t="s">
        <v>6759</v>
      </c>
      <c r="C10866" t="s">
        <v>6744</v>
      </c>
      <c r="D10866" t="s">
        <v>6745</v>
      </c>
      <c r="E10866" t="s">
        <v>6594</v>
      </c>
      <c r="F10866" t="s">
        <v>6595</v>
      </c>
      <c r="G10866" t="s">
        <v>80</v>
      </c>
      <c r="H10866" t="s">
        <v>81</v>
      </c>
      <c r="I10866" s="2">
        <v>0</v>
      </c>
      <c r="J10866" s="2">
        <v>1</v>
      </c>
      <c r="K10866" s="2">
        <v>0</v>
      </c>
      <c r="L10866" t="s">
        <v>82</v>
      </c>
      <c r="M10866" t="s">
        <v>83</v>
      </c>
      <c r="N10866" t="s">
        <v>84</v>
      </c>
      <c r="O10866" t="s">
        <v>85</v>
      </c>
      <c r="P10866" t="s">
        <v>86</v>
      </c>
      <c r="Q10866">
        <v>17</v>
      </c>
      <c r="R10866">
        <v>17</v>
      </c>
      <c r="S10866">
        <v>18</v>
      </c>
      <c r="T10866">
        <v>18</v>
      </c>
      <c r="U10866">
        <v>18</v>
      </c>
      <c r="V10866">
        <v>18</v>
      </c>
      <c r="W10866">
        <v>18</v>
      </c>
      <c r="X10866">
        <v>18</v>
      </c>
      <c r="Y10866">
        <v>18</v>
      </c>
      <c r="Z10866">
        <v>18</v>
      </c>
      <c r="AA10866">
        <v>18</v>
      </c>
      <c r="AB10866">
        <v>18</v>
      </c>
      <c r="AC10866">
        <v>18</v>
      </c>
      <c r="AD10866">
        <v>18</v>
      </c>
      <c r="AE10866">
        <v>18</v>
      </c>
      <c r="AF10866">
        <v>18</v>
      </c>
      <c r="AG10866">
        <v>18</v>
      </c>
      <c r="AH10866">
        <v>18</v>
      </c>
      <c r="AI10866">
        <v>18</v>
      </c>
      <c r="AJ10866">
        <v>18</v>
      </c>
      <c r="AK10866">
        <v>18</v>
      </c>
      <c r="AL10866">
        <v>18</v>
      </c>
      <c r="AM10866">
        <v>18</v>
      </c>
      <c r="AN10866">
        <v>18</v>
      </c>
      <c r="AO10866">
        <v>18</v>
      </c>
      <c r="AP10866">
        <v>17</v>
      </c>
      <c r="AQ10866">
        <v>17</v>
      </c>
    </row>
    <row r="10867" spans="1:43">
      <c r="A10867" t="s">
        <v>6758</v>
      </c>
      <c r="B10867" t="s">
        <v>6759</v>
      </c>
      <c r="C10867" t="s">
        <v>6744</v>
      </c>
      <c r="D10867" t="s">
        <v>6745</v>
      </c>
      <c r="E10867" t="s">
        <v>6594</v>
      </c>
      <c r="F10867" t="s">
        <v>6595</v>
      </c>
      <c r="G10867" t="s">
        <v>80</v>
      </c>
      <c r="H10867" t="s">
        <v>81</v>
      </c>
      <c r="I10867" s="2">
        <v>0</v>
      </c>
      <c r="J10867" s="2">
        <v>1</v>
      </c>
      <c r="K10867" s="2">
        <v>0</v>
      </c>
      <c r="L10867" t="s">
        <v>82</v>
      </c>
      <c r="M10867" t="s">
        <v>87</v>
      </c>
      <c r="N10867" t="s">
        <v>88</v>
      </c>
      <c r="O10867" t="s">
        <v>85</v>
      </c>
      <c r="P10867" t="s">
        <v>86</v>
      </c>
      <c r="Q10867">
        <v>17</v>
      </c>
      <c r="R10867">
        <v>17</v>
      </c>
      <c r="S10867">
        <v>17</v>
      </c>
      <c r="T10867">
        <v>17</v>
      </c>
      <c r="U10867">
        <v>17</v>
      </c>
      <c r="V10867">
        <v>17</v>
      </c>
      <c r="W10867">
        <v>17</v>
      </c>
      <c r="X10867">
        <v>17</v>
      </c>
      <c r="Y10867">
        <v>17</v>
      </c>
      <c r="Z10867">
        <v>17</v>
      </c>
      <c r="AA10867">
        <v>16</v>
      </c>
      <c r="AB10867">
        <v>16</v>
      </c>
      <c r="AC10867">
        <v>16</v>
      </c>
      <c r="AD10867">
        <v>16</v>
      </c>
      <c r="AE10867">
        <v>16</v>
      </c>
      <c r="AF10867">
        <v>16</v>
      </c>
      <c r="AG10867">
        <v>16</v>
      </c>
      <c r="AH10867">
        <v>16</v>
      </c>
      <c r="AI10867">
        <v>16</v>
      </c>
      <c r="AJ10867">
        <v>16</v>
      </c>
      <c r="AK10867">
        <v>16</v>
      </c>
      <c r="AL10867">
        <v>15</v>
      </c>
      <c r="AM10867">
        <v>15</v>
      </c>
      <c r="AN10867">
        <v>15</v>
      </c>
      <c r="AO10867">
        <v>15</v>
      </c>
      <c r="AP10867">
        <v>15</v>
      </c>
      <c r="AQ10867">
        <v>15</v>
      </c>
    </row>
    <row r="10868" spans="1:43">
      <c r="A10868" t="s">
        <v>6758</v>
      </c>
      <c r="B10868" t="s">
        <v>6759</v>
      </c>
      <c r="C10868" t="s">
        <v>6744</v>
      </c>
      <c r="D10868" t="s">
        <v>6745</v>
      </c>
      <c r="E10868" t="s">
        <v>6594</v>
      </c>
      <c r="F10868" t="s">
        <v>6595</v>
      </c>
      <c r="G10868" t="s">
        <v>80</v>
      </c>
      <c r="H10868" t="s">
        <v>81</v>
      </c>
      <c r="I10868" s="2">
        <v>0</v>
      </c>
      <c r="J10868" s="2">
        <v>1</v>
      </c>
      <c r="K10868" s="2">
        <v>0</v>
      </c>
      <c r="L10868" t="s">
        <v>82</v>
      </c>
      <c r="M10868" t="s">
        <v>89</v>
      </c>
      <c r="N10868" t="s">
        <v>90</v>
      </c>
      <c r="O10868" t="s">
        <v>85</v>
      </c>
      <c r="P10868" t="s">
        <v>86</v>
      </c>
      <c r="Q10868">
        <v>17</v>
      </c>
      <c r="R10868">
        <v>18</v>
      </c>
      <c r="S10868">
        <v>18</v>
      </c>
      <c r="T10868">
        <v>18</v>
      </c>
      <c r="U10868">
        <v>18</v>
      </c>
      <c r="V10868">
        <v>19</v>
      </c>
      <c r="W10868">
        <v>19</v>
      </c>
      <c r="X10868">
        <v>19</v>
      </c>
      <c r="Y10868">
        <v>19</v>
      </c>
      <c r="Z10868">
        <v>19</v>
      </c>
      <c r="AA10868">
        <v>19</v>
      </c>
      <c r="AB10868">
        <v>19</v>
      </c>
      <c r="AC10868">
        <v>19</v>
      </c>
      <c r="AD10868">
        <v>19</v>
      </c>
      <c r="AE10868">
        <v>19</v>
      </c>
      <c r="AF10868">
        <v>19</v>
      </c>
      <c r="AG10868">
        <v>19</v>
      </c>
      <c r="AH10868">
        <v>19</v>
      </c>
      <c r="AI10868">
        <v>19</v>
      </c>
      <c r="AJ10868">
        <v>19</v>
      </c>
      <c r="AK10868">
        <v>18</v>
      </c>
      <c r="AL10868">
        <v>18</v>
      </c>
      <c r="AM10868">
        <v>18</v>
      </c>
      <c r="AN10868">
        <v>18</v>
      </c>
      <c r="AO10868">
        <v>18</v>
      </c>
      <c r="AP10868">
        <v>18</v>
      </c>
      <c r="AQ10868">
        <v>17</v>
      </c>
    </row>
    <row r="10869" spans="1:43">
      <c r="A10869" t="s">
        <v>6758</v>
      </c>
      <c r="B10869" t="s">
        <v>6759</v>
      </c>
      <c r="C10869" t="s">
        <v>6744</v>
      </c>
      <c r="D10869" t="s">
        <v>6745</v>
      </c>
      <c r="E10869" t="s">
        <v>6594</v>
      </c>
      <c r="F10869" t="s">
        <v>6595</v>
      </c>
      <c r="G10869" t="s">
        <v>80</v>
      </c>
      <c r="H10869" t="s">
        <v>81</v>
      </c>
      <c r="I10869" s="2">
        <v>0</v>
      </c>
      <c r="J10869" s="2">
        <v>1</v>
      </c>
      <c r="K10869" s="2">
        <v>0</v>
      </c>
      <c r="L10869" t="s">
        <v>82</v>
      </c>
      <c r="M10869" t="s">
        <v>83</v>
      </c>
      <c r="N10869" t="s">
        <v>91</v>
      </c>
      <c r="O10869" t="s">
        <v>85</v>
      </c>
      <c r="P10869" t="s">
        <v>86</v>
      </c>
      <c r="Q10869">
        <v>17</v>
      </c>
      <c r="R10869">
        <v>17</v>
      </c>
      <c r="S10869">
        <v>18</v>
      </c>
      <c r="T10869">
        <v>18</v>
      </c>
      <c r="U10869">
        <v>18</v>
      </c>
      <c r="V10869">
        <v>18</v>
      </c>
      <c r="W10869">
        <v>18</v>
      </c>
      <c r="X10869">
        <v>18</v>
      </c>
      <c r="Y10869">
        <v>18</v>
      </c>
      <c r="Z10869">
        <v>18</v>
      </c>
      <c r="AA10869">
        <v>18</v>
      </c>
      <c r="AB10869">
        <v>18</v>
      </c>
      <c r="AC10869">
        <v>18</v>
      </c>
      <c r="AD10869">
        <v>18</v>
      </c>
      <c r="AE10869">
        <v>18</v>
      </c>
      <c r="AF10869">
        <v>18</v>
      </c>
      <c r="AG10869">
        <v>18</v>
      </c>
      <c r="AH10869">
        <v>18</v>
      </c>
      <c r="AI10869">
        <v>18</v>
      </c>
      <c r="AJ10869">
        <v>18</v>
      </c>
      <c r="AK10869">
        <v>18</v>
      </c>
      <c r="AL10869">
        <v>18</v>
      </c>
      <c r="AM10869">
        <v>18</v>
      </c>
      <c r="AN10869">
        <v>18</v>
      </c>
      <c r="AO10869">
        <v>18</v>
      </c>
      <c r="AP10869">
        <v>17</v>
      </c>
      <c r="AQ10869">
        <v>17</v>
      </c>
    </row>
    <row r="10870" spans="1:43">
      <c r="A10870" t="s">
        <v>6760</v>
      </c>
      <c r="B10870" t="s">
        <v>6761</v>
      </c>
      <c r="C10870" t="s">
        <v>6744</v>
      </c>
      <c r="D10870" t="s">
        <v>6745</v>
      </c>
      <c r="E10870" t="s">
        <v>6594</v>
      </c>
      <c r="F10870" t="s">
        <v>6595</v>
      </c>
      <c r="G10870" t="s">
        <v>80</v>
      </c>
      <c r="H10870" t="s">
        <v>81</v>
      </c>
      <c r="I10870" s="2">
        <v>0</v>
      </c>
      <c r="J10870" s="2">
        <v>1</v>
      </c>
      <c r="K10870" s="2">
        <v>0</v>
      </c>
      <c r="L10870" t="s">
        <v>82</v>
      </c>
      <c r="M10870" t="s">
        <v>83</v>
      </c>
      <c r="N10870" t="s">
        <v>84</v>
      </c>
      <c r="O10870" t="s">
        <v>85</v>
      </c>
      <c r="P10870" t="s">
        <v>86</v>
      </c>
      <c r="Q10870">
        <v>33</v>
      </c>
      <c r="R10870">
        <v>33</v>
      </c>
      <c r="S10870">
        <v>33</v>
      </c>
      <c r="T10870">
        <v>33</v>
      </c>
      <c r="U10870">
        <v>34</v>
      </c>
      <c r="V10870">
        <v>34</v>
      </c>
      <c r="W10870">
        <v>34</v>
      </c>
      <c r="X10870">
        <v>34</v>
      </c>
      <c r="Y10870">
        <v>34</v>
      </c>
      <c r="Z10870">
        <v>34</v>
      </c>
      <c r="AA10870">
        <v>34</v>
      </c>
      <c r="AB10870">
        <v>34</v>
      </c>
      <c r="AC10870">
        <v>34</v>
      </c>
      <c r="AD10870">
        <v>34</v>
      </c>
      <c r="AE10870">
        <v>34</v>
      </c>
      <c r="AF10870">
        <v>34</v>
      </c>
      <c r="AG10870">
        <v>34</v>
      </c>
      <c r="AH10870">
        <v>34</v>
      </c>
      <c r="AI10870">
        <v>34</v>
      </c>
      <c r="AJ10870">
        <v>34</v>
      </c>
      <c r="AK10870">
        <v>34</v>
      </c>
      <c r="AL10870">
        <v>34</v>
      </c>
      <c r="AM10870">
        <v>34</v>
      </c>
      <c r="AN10870">
        <v>34</v>
      </c>
      <c r="AO10870">
        <v>33</v>
      </c>
      <c r="AP10870">
        <v>33</v>
      </c>
      <c r="AQ10870">
        <v>33</v>
      </c>
    </row>
    <row r="10871" spans="1:43">
      <c r="A10871" t="s">
        <v>6760</v>
      </c>
      <c r="B10871" t="s">
        <v>6761</v>
      </c>
      <c r="C10871" t="s">
        <v>6744</v>
      </c>
      <c r="D10871" t="s">
        <v>6745</v>
      </c>
      <c r="E10871" t="s">
        <v>6594</v>
      </c>
      <c r="F10871" t="s">
        <v>6595</v>
      </c>
      <c r="G10871" t="s">
        <v>80</v>
      </c>
      <c r="H10871" t="s">
        <v>81</v>
      </c>
      <c r="I10871" s="2">
        <v>0</v>
      </c>
      <c r="J10871" s="2">
        <v>1</v>
      </c>
      <c r="K10871" s="2">
        <v>0</v>
      </c>
      <c r="L10871" t="s">
        <v>82</v>
      </c>
      <c r="M10871" t="s">
        <v>87</v>
      </c>
      <c r="N10871" t="s">
        <v>88</v>
      </c>
      <c r="O10871" t="s">
        <v>85</v>
      </c>
      <c r="P10871" t="s">
        <v>86</v>
      </c>
      <c r="Q10871">
        <v>33</v>
      </c>
      <c r="R10871">
        <v>33</v>
      </c>
      <c r="S10871">
        <v>33</v>
      </c>
      <c r="T10871">
        <v>33</v>
      </c>
      <c r="U10871">
        <v>33</v>
      </c>
      <c r="V10871">
        <v>33</v>
      </c>
      <c r="W10871">
        <v>33</v>
      </c>
      <c r="X10871">
        <v>33</v>
      </c>
      <c r="Y10871">
        <v>33</v>
      </c>
      <c r="Z10871">
        <v>32</v>
      </c>
      <c r="AA10871">
        <v>32</v>
      </c>
      <c r="AB10871">
        <v>32</v>
      </c>
      <c r="AC10871">
        <v>32</v>
      </c>
      <c r="AD10871">
        <v>32</v>
      </c>
      <c r="AE10871">
        <v>32</v>
      </c>
      <c r="AF10871">
        <v>31</v>
      </c>
      <c r="AG10871">
        <v>31</v>
      </c>
      <c r="AH10871">
        <v>31</v>
      </c>
      <c r="AI10871">
        <v>31</v>
      </c>
      <c r="AJ10871">
        <v>31</v>
      </c>
      <c r="AK10871">
        <v>30</v>
      </c>
      <c r="AL10871">
        <v>30</v>
      </c>
      <c r="AM10871">
        <v>30</v>
      </c>
      <c r="AN10871">
        <v>30</v>
      </c>
      <c r="AO10871">
        <v>30</v>
      </c>
      <c r="AP10871">
        <v>30</v>
      </c>
      <c r="AQ10871">
        <v>29</v>
      </c>
    </row>
    <row r="10872" spans="1:43">
      <c r="A10872" t="s">
        <v>6760</v>
      </c>
      <c r="B10872" t="s">
        <v>6761</v>
      </c>
      <c r="C10872" t="s">
        <v>6744</v>
      </c>
      <c r="D10872" t="s">
        <v>6745</v>
      </c>
      <c r="E10872" t="s">
        <v>6594</v>
      </c>
      <c r="F10872" t="s">
        <v>6595</v>
      </c>
      <c r="G10872" t="s">
        <v>80</v>
      </c>
      <c r="H10872" t="s">
        <v>81</v>
      </c>
      <c r="I10872" s="2">
        <v>0</v>
      </c>
      <c r="J10872" s="2">
        <v>1</v>
      </c>
      <c r="K10872" s="2">
        <v>0</v>
      </c>
      <c r="L10872" t="s">
        <v>82</v>
      </c>
      <c r="M10872" t="s">
        <v>89</v>
      </c>
      <c r="N10872" t="s">
        <v>90</v>
      </c>
      <c r="O10872" t="s">
        <v>85</v>
      </c>
      <c r="P10872" t="s">
        <v>86</v>
      </c>
      <c r="Q10872">
        <v>33</v>
      </c>
      <c r="R10872">
        <v>34</v>
      </c>
      <c r="S10872">
        <v>34</v>
      </c>
      <c r="T10872">
        <v>34</v>
      </c>
      <c r="U10872">
        <v>35</v>
      </c>
      <c r="V10872">
        <v>35</v>
      </c>
      <c r="W10872">
        <v>36</v>
      </c>
      <c r="X10872">
        <v>36</v>
      </c>
      <c r="Y10872">
        <v>36</v>
      </c>
      <c r="Z10872">
        <v>36</v>
      </c>
      <c r="AA10872">
        <v>36</v>
      </c>
      <c r="AB10872">
        <v>37</v>
      </c>
      <c r="AC10872">
        <v>37</v>
      </c>
      <c r="AD10872">
        <v>37</v>
      </c>
      <c r="AE10872">
        <v>37</v>
      </c>
      <c r="AF10872">
        <v>37</v>
      </c>
      <c r="AG10872">
        <v>36</v>
      </c>
      <c r="AH10872">
        <v>36</v>
      </c>
      <c r="AI10872">
        <v>36</v>
      </c>
      <c r="AJ10872">
        <v>35</v>
      </c>
      <c r="AK10872">
        <v>35</v>
      </c>
      <c r="AL10872">
        <v>35</v>
      </c>
      <c r="AM10872">
        <v>34</v>
      </c>
      <c r="AN10872">
        <v>34</v>
      </c>
      <c r="AO10872">
        <v>34</v>
      </c>
      <c r="AP10872">
        <v>33</v>
      </c>
      <c r="AQ10872">
        <v>33</v>
      </c>
    </row>
    <row r="10873" spans="1:43">
      <c r="A10873" t="s">
        <v>6760</v>
      </c>
      <c r="B10873" t="s">
        <v>6761</v>
      </c>
      <c r="C10873" t="s">
        <v>6744</v>
      </c>
      <c r="D10873" t="s">
        <v>6745</v>
      </c>
      <c r="E10873" t="s">
        <v>6594</v>
      </c>
      <c r="F10873" t="s">
        <v>6595</v>
      </c>
      <c r="G10873" t="s">
        <v>80</v>
      </c>
      <c r="H10873" t="s">
        <v>81</v>
      </c>
      <c r="I10873" s="2">
        <v>0</v>
      </c>
      <c r="J10873" s="2">
        <v>1</v>
      </c>
      <c r="K10873" s="2">
        <v>0</v>
      </c>
      <c r="L10873" t="s">
        <v>82</v>
      </c>
      <c r="M10873" t="s">
        <v>83</v>
      </c>
      <c r="N10873" t="s">
        <v>91</v>
      </c>
      <c r="O10873" t="s">
        <v>85</v>
      </c>
      <c r="P10873" t="s">
        <v>86</v>
      </c>
      <c r="Q10873">
        <v>33</v>
      </c>
      <c r="R10873">
        <v>33</v>
      </c>
      <c r="S10873">
        <v>33</v>
      </c>
      <c r="T10873">
        <v>33</v>
      </c>
      <c r="U10873">
        <v>34</v>
      </c>
      <c r="V10873">
        <v>34</v>
      </c>
      <c r="W10873">
        <v>34</v>
      </c>
      <c r="X10873">
        <v>34</v>
      </c>
      <c r="Y10873">
        <v>34</v>
      </c>
      <c r="Z10873">
        <v>34</v>
      </c>
      <c r="AA10873">
        <v>34</v>
      </c>
      <c r="AB10873">
        <v>34</v>
      </c>
      <c r="AC10873">
        <v>34</v>
      </c>
      <c r="AD10873">
        <v>34</v>
      </c>
      <c r="AE10873">
        <v>34</v>
      </c>
      <c r="AF10873">
        <v>34</v>
      </c>
      <c r="AG10873">
        <v>34</v>
      </c>
      <c r="AH10873">
        <v>34</v>
      </c>
      <c r="AI10873">
        <v>34</v>
      </c>
      <c r="AJ10873">
        <v>34</v>
      </c>
      <c r="AK10873">
        <v>34</v>
      </c>
      <c r="AL10873">
        <v>34</v>
      </c>
      <c r="AM10873">
        <v>34</v>
      </c>
      <c r="AN10873">
        <v>34</v>
      </c>
      <c r="AO10873">
        <v>33</v>
      </c>
      <c r="AP10873">
        <v>33</v>
      </c>
      <c r="AQ10873">
        <v>33</v>
      </c>
    </row>
    <row r="10874" spans="1:43">
      <c r="A10874" t="s">
        <v>6762</v>
      </c>
      <c r="B10874" t="s">
        <v>6763</v>
      </c>
      <c r="C10874" t="s">
        <v>6744</v>
      </c>
      <c r="D10874" t="s">
        <v>6745</v>
      </c>
      <c r="E10874" t="s">
        <v>6594</v>
      </c>
      <c r="F10874" t="s">
        <v>6595</v>
      </c>
      <c r="G10874" t="s">
        <v>80</v>
      </c>
      <c r="H10874" t="s">
        <v>81</v>
      </c>
      <c r="I10874" s="2">
        <v>0</v>
      </c>
      <c r="J10874" s="2">
        <v>1</v>
      </c>
      <c r="K10874" s="2">
        <v>0</v>
      </c>
      <c r="L10874" t="s">
        <v>82</v>
      </c>
      <c r="M10874" t="s">
        <v>83</v>
      </c>
      <c r="N10874" t="s">
        <v>84</v>
      </c>
      <c r="O10874" t="s">
        <v>85</v>
      </c>
      <c r="P10874" t="s">
        <v>86</v>
      </c>
      <c r="Q10874">
        <v>9</v>
      </c>
      <c r="R10874">
        <v>9</v>
      </c>
      <c r="S10874">
        <v>9</v>
      </c>
      <c r="T10874">
        <v>9</v>
      </c>
      <c r="U10874">
        <v>9</v>
      </c>
      <c r="V10874">
        <v>9</v>
      </c>
      <c r="W10874">
        <v>9</v>
      </c>
      <c r="X10874">
        <v>9</v>
      </c>
      <c r="Y10874">
        <v>9</v>
      </c>
      <c r="Z10874">
        <v>9</v>
      </c>
      <c r="AA10874">
        <v>9</v>
      </c>
      <c r="AB10874">
        <v>9</v>
      </c>
      <c r="AC10874">
        <v>9</v>
      </c>
      <c r="AD10874">
        <v>9</v>
      </c>
      <c r="AE10874">
        <v>9</v>
      </c>
      <c r="AF10874">
        <v>9</v>
      </c>
      <c r="AG10874">
        <v>9</v>
      </c>
      <c r="AH10874">
        <v>9</v>
      </c>
      <c r="AI10874">
        <v>9</v>
      </c>
      <c r="AJ10874">
        <v>9</v>
      </c>
      <c r="AK10874">
        <v>9</v>
      </c>
      <c r="AL10874">
        <v>9</v>
      </c>
      <c r="AM10874">
        <v>9</v>
      </c>
      <c r="AN10874">
        <v>9</v>
      </c>
      <c r="AO10874">
        <v>9</v>
      </c>
      <c r="AP10874">
        <v>9</v>
      </c>
      <c r="AQ10874">
        <v>9</v>
      </c>
    </row>
    <row r="10875" spans="1:43">
      <c r="A10875" t="s">
        <v>6762</v>
      </c>
      <c r="B10875" t="s">
        <v>6763</v>
      </c>
      <c r="C10875" t="s">
        <v>6744</v>
      </c>
      <c r="D10875" t="s">
        <v>6745</v>
      </c>
      <c r="E10875" t="s">
        <v>6594</v>
      </c>
      <c r="F10875" t="s">
        <v>6595</v>
      </c>
      <c r="G10875" t="s">
        <v>80</v>
      </c>
      <c r="H10875" t="s">
        <v>81</v>
      </c>
      <c r="I10875" s="2">
        <v>0</v>
      </c>
      <c r="J10875" s="2">
        <v>1</v>
      </c>
      <c r="K10875" s="2">
        <v>0</v>
      </c>
      <c r="L10875" t="s">
        <v>82</v>
      </c>
      <c r="M10875" t="s">
        <v>87</v>
      </c>
      <c r="N10875" t="s">
        <v>88</v>
      </c>
      <c r="O10875" t="s">
        <v>85</v>
      </c>
      <c r="P10875" t="s">
        <v>86</v>
      </c>
      <c r="Q10875">
        <v>9</v>
      </c>
      <c r="R10875">
        <v>9</v>
      </c>
      <c r="S10875">
        <v>9</v>
      </c>
      <c r="T10875">
        <v>9</v>
      </c>
      <c r="U10875">
        <v>9</v>
      </c>
      <c r="V10875">
        <v>9</v>
      </c>
      <c r="W10875">
        <v>9</v>
      </c>
      <c r="X10875">
        <v>9</v>
      </c>
      <c r="Y10875">
        <v>9</v>
      </c>
      <c r="Z10875">
        <v>9</v>
      </c>
      <c r="AA10875">
        <v>9</v>
      </c>
      <c r="AB10875">
        <v>9</v>
      </c>
      <c r="AC10875">
        <v>9</v>
      </c>
      <c r="AD10875">
        <v>9</v>
      </c>
      <c r="AE10875">
        <v>9</v>
      </c>
      <c r="AF10875">
        <v>9</v>
      </c>
      <c r="AG10875">
        <v>9</v>
      </c>
      <c r="AH10875">
        <v>9</v>
      </c>
      <c r="AI10875">
        <v>9</v>
      </c>
      <c r="AJ10875">
        <v>9</v>
      </c>
      <c r="AK10875">
        <v>9</v>
      </c>
      <c r="AL10875">
        <v>9</v>
      </c>
      <c r="AM10875">
        <v>9</v>
      </c>
      <c r="AN10875">
        <v>9</v>
      </c>
      <c r="AO10875">
        <v>9</v>
      </c>
      <c r="AP10875">
        <v>8</v>
      </c>
      <c r="AQ10875">
        <v>8</v>
      </c>
    </row>
    <row r="10876" spans="1:43">
      <c r="A10876" t="s">
        <v>6762</v>
      </c>
      <c r="B10876" t="s">
        <v>6763</v>
      </c>
      <c r="C10876" t="s">
        <v>6744</v>
      </c>
      <c r="D10876" t="s">
        <v>6745</v>
      </c>
      <c r="E10876" t="s">
        <v>6594</v>
      </c>
      <c r="F10876" t="s">
        <v>6595</v>
      </c>
      <c r="G10876" t="s">
        <v>80</v>
      </c>
      <c r="H10876" t="s">
        <v>81</v>
      </c>
      <c r="I10876" s="2">
        <v>0</v>
      </c>
      <c r="J10876" s="2">
        <v>1</v>
      </c>
      <c r="K10876" s="2">
        <v>0</v>
      </c>
      <c r="L10876" t="s">
        <v>82</v>
      </c>
      <c r="M10876" t="s">
        <v>89</v>
      </c>
      <c r="N10876" t="s">
        <v>90</v>
      </c>
      <c r="O10876" t="s">
        <v>85</v>
      </c>
      <c r="P10876" t="s">
        <v>86</v>
      </c>
      <c r="Q10876">
        <v>9</v>
      </c>
      <c r="R10876">
        <v>9</v>
      </c>
      <c r="S10876">
        <v>9</v>
      </c>
      <c r="T10876">
        <v>9</v>
      </c>
      <c r="U10876">
        <v>9</v>
      </c>
      <c r="V10876">
        <v>9</v>
      </c>
      <c r="W10876">
        <v>9</v>
      </c>
      <c r="X10876">
        <v>9</v>
      </c>
      <c r="Y10876">
        <v>9</v>
      </c>
      <c r="Z10876">
        <v>9</v>
      </c>
      <c r="AA10876">
        <v>10</v>
      </c>
      <c r="AB10876">
        <v>10</v>
      </c>
      <c r="AC10876">
        <v>10</v>
      </c>
      <c r="AD10876">
        <v>10</v>
      </c>
      <c r="AE10876">
        <v>10</v>
      </c>
      <c r="AF10876">
        <v>10</v>
      </c>
      <c r="AG10876">
        <v>9</v>
      </c>
      <c r="AH10876">
        <v>9</v>
      </c>
      <c r="AI10876">
        <v>9</v>
      </c>
      <c r="AJ10876">
        <v>9</v>
      </c>
      <c r="AK10876">
        <v>9</v>
      </c>
      <c r="AL10876">
        <v>9</v>
      </c>
      <c r="AM10876">
        <v>9</v>
      </c>
      <c r="AN10876">
        <v>9</v>
      </c>
      <c r="AO10876">
        <v>9</v>
      </c>
      <c r="AP10876">
        <v>9</v>
      </c>
      <c r="AQ10876">
        <v>9</v>
      </c>
    </row>
    <row r="10877" spans="1:43">
      <c r="A10877" t="s">
        <v>6762</v>
      </c>
      <c r="B10877" t="s">
        <v>6763</v>
      </c>
      <c r="C10877" t="s">
        <v>6744</v>
      </c>
      <c r="D10877" t="s">
        <v>6745</v>
      </c>
      <c r="E10877" t="s">
        <v>6594</v>
      </c>
      <c r="F10877" t="s">
        <v>6595</v>
      </c>
      <c r="G10877" t="s">
        <v>80</v>
      </c>
      <c r="H10877" t="s">
        <v>81</v>
      </c>
      <c r="I10877" s="2">
        <v>0</v>
      </c>
      <c r="J10877" s="2">
        <v>1</v>
      </c>
      <c r="K10877" s="2">
        <v>0</v>
      </c>
      <c r="L10877" t="s">
        <v>82</v>
      </c>
      <c r="M10877" t="s">
        <v>83</v>
      </c>
      <c r="N10877" t="s">
        <v>91</v>
      </c>
      <c r="O10877" t="s">
        <v>85</v>
      </c>
      <c r="P10877" t="s">
        <v>86</v>
      </c>
      <c r="Q10877">
        <v>9</v>
      </c>
      <c r="R10877">
        <v>9</v>
      </c>
      <c r="S10877">
        <v>9</v>
      </c>
      <c r="T10877">
        <v>9</v>
      </c>
      <c r="U10877">
        <v>9</v>
      </c>
      <c r="V10877">
        <v>9</v>
      </c>
      <c r="W10877">
        <v>9</v>
      </c>
      <c r="X10877">
        <v>9</v>
      </c>
      <c r="Y10877">
        <v>9</v>
      </c>
      <c r="Z10877">
        <v>9</v>
      </c>
      <c r="AA10877">
        <v>9</v>
      </c>
      <c r="AB10877">
        <v>9</v>
      </c>
      <c r="AC10877">
        <v>9</v>
      </c>
      <c r="AD10877">
        <v>9</v>
      </c>
      <c r="AE10877">
        <v>9</v>
      </c>
      <c r="AF10877">
        <v>9</v>
      </c>
      <c r="AG10877">
        <v>9</v>
      </c>
      <c r="AH10877">
        <v>9</v>
      </c>
      <c r="AI10877">
        <v>9</v>
      </c>
      <c r="AJ10877">
        <v>9</v>
      </c>
      <c r="AK10877">
        <v>9</v>
      </c>
      <c r="AL10877">
        <v>9</v>
      </c>
      <c r="AM10877">
        <v>9</v>
      </c>
      <c r="AN10877">
        <v>9</v>
      </c>
      <c r="AO10877">
        <v>9</v>
      </c>
      <c r="AP10877">
        <v>9</v>
      </c>
      <c r="AQ10877">
        <v>9</v>
      </c>
    </row>
    <row r="10878" spans="1:43">
      <c r="A10878" t="s">
        <v>6764</v>
      </c>
      <c r="B10878" t="s">
        <v>6765</v>
      </c>
      <c r="C10878" t="s">
        <v>6766</v>
      </c>
      <c r="D10878" t="s">
        <v>6767</v>
      </c>
      <c r="E10878" t="s">
        <v>6594</v>
      </c>
      <c r="F10878" t="s">
        <v>6595</v>
      </c>
      <c r="G10878" t="s">
        <v>80</v>
      </c>
      <c r="H10878" t="s">
        <v>81</v>
      </c>
      <c r="I10878" s="2">
        <v>0</v>
      </c>
      <c r="J10878" s="2">
        <v>1</v>
      </c>
      <c r="K10878" s="2">
        <v>0</v>
      </c>
      <c r="L10878" t="s">
        <v>82</v>
      </c>
      <c r="M10878" t="s">
        <v>83</v>
      </c>
      <c r="N10878" t="s">
        <v>84</v>
      </c>
      <c r="O10878" t="s">
        <v>85</v>
      </c>
      <c r="P10878" t="s">
        <v>86</v>
      </c>
      <c r="Q10878">
        <v>53</v>
      </c>
      <c r="R10878">
        <v>53</v>
      </c>
      <c r="S10878">
        <v>54</v>
      </c>
      <c r="T10878">
        <v>54</v>
      </c>
      <c r="U10878">
        <v>54</v>
      </c>
      <c r="V10878">
        <v>54</v>
      </c>
      <c r="W10878">
        <v>55</v>
      </c>
      <c r="X10878">
        <v>55</v>
      </c>
      <c r="Y10878">
        <v>55</v>
      </c>
      <c r="Z10878">
        <v>55</v>
      </c>
      <c r="AA10878">
        <v>55</v>
      </c>
      <c r="AB10878">
        <v>55</v>
      </c>
      <c r="AC10878">
        <v>56</v>
      </c>
      <c r="AD10878">
        <v>56</v>
      </c>
      <c r="AE10878">
        <v>56</v>
      </c>
      <c r="AF10878">
        <v>56</v>
      </c>
      <c r="AG10878">
        <v>56</v>
      </c>
      <c r="AH10878">
        <v>56</v>
      </c>
      <c r="AI10878">
        <v>56</v>
      </c>
      <c r="AJ10878">
        <v>56</v>
      </c>
      <c r="AK10878">
        <v>56</v>
      </c>
      <c r="AL10878">
        <v>55</v>
      </c>
      <c r="AM10878">
        <v>55</v>
      </c>
      <c r="AN10878">
        <v>54</v>
      </c>
      <c r="AO10878">
        <v>54</v>
      </c>
      <c r="AP10878">
        <v>53</v>
      </c>
      <c r="AQ10878">
        <v>53</v>
      </c>
    </row>
    <row r="10879" spans="1:43">
      <c r="A10879" t="s">
        <v>6764</v>
      </c>
      <c r="B10879" t="s">
        <v>6765</v>
      </c>
      <c r="C10879" t="s">
        <v>6766</v>
      </c>
      <c r="D10879" t="s">
        <v>6767</v>
      </c>
      <c r="E10879" t="s">
        <v>6594</v>
      </c>
      <c r="F10879" t="s">
        <v>6595</v>
      </c>
      <c r="G10879" t="s">
        <v>80</v>
      </c>
      <c r="H10879" t="s">
        <v>81</v>
      </c>
      <c r="I10879" s="2">
        <v>0</v>
      </c>
      <c r="J10879" s="2">
        <v>1</v>
      </c>
      <c r="K10879" s="2">
        <v>0</v>
      </c>
      <c r="L10879" t="s">
        <v>82</v>
      </c>
      <c r="M10879" t="s">
        <v>87</v>
      </c>
      <c r="N10879" t="s">
        <v>88</v>
      </c>
      <c r="O10879" t="s">
        <v>85</v>
      </c>
      <c r="P10879" t="s">
        <v>86</v>
      </c>
      <c r="Q10879">
        <v>53</v>
      </c>
      <c r="R10879">
        <v>53</v>
      </c>
      <c r="S10879">
        <v>53</v>
      </c>
      <c r="T10879">
        <v>53</v>
      </c>
      <c r="U10879">
        <v>53</v>
      </c>
      <c r="V10879">
        <v>53</v>
      </c>
      <c r="W10879">
        <v>52</v>
      </c>
      <c r="X10879">
        <v>52</v>
      </c>
      <c r="Y10879">
        <v>52</v>
      </c>
      <c r="Z10879">
        <v>52</v>
      </c>
      <c r="AA10879">
        <v>51</v>
      </c>
      <c r="AB10879">
        <v>51</v>
      </c>
      <c r="AC10879">
        <v>51</v>
      </c>
      <c r="AD10879">
        <v>51</v>
      </c>
      <c r="AE10879">
        <v>50</v>
      </c>
      <c r="AF10879">
        <v>50</v>
      </c>
      <c r="AG10879">
        <v>50</v>
      </c>
      <c r="AH10879">
        <v>49</v>
      </c>
      <c r="AI10879">
        <v>49</v>
      </c>
      <c r="AJ10879">
        <v>49</v>
      </c>
      <c r="AK10879">
        <v>48</v>
      </c>
      <c r="AL10879">
        <v>48</v>
      </c>
      <c r="AM10879">
        <v>48</v>
      </c>
      <c r="AN10879">
        <v>48</v>
      </c>
      <c r="AO10879">
        <v>47</v>
      </c>
      <c r="AP10879">
        <v>47</v>
      </c>
      <c r="AQ10879">
        <v>47</v>
      </c>
    </row>
    <row r="10880" spans="1:43">
      <c r="A10880" t="s">
        <v>6764</v>
      </c>
      <c r="B10880" t="s">
        <v>6765</v>
      </c>
      <c r="C10880" t="s">
        <v>6766</v>
      </c>
      <c r="D10880" t="s">
        <v>6767</v>
      </c>
      <c r="E10880" t="s">
        <v>6594</v>
      </c>
      <c r="F10880" t="s">
        <v>6595</v>
      </c>
      <c r="G10880" t="s">
        <v>80</v>
      </c>
      <c r="H10880" t="s">
        <v>81</v>
      </c>
      <c r="I10880" s="2">
        <v>0</v>
      </c>
      <c r="J10880" s="2">
        <v>1</v>
      </c>
      <c r="K10880" s="2">
        <v>0</v>
      </c>
      <c r="L10880" t="s">
        <v>82</v>
      </c>
      <c r="M10880" t="s">
        <v>89</v>
      </c>
      <c r="N10880" t="s">
        <v>90</v>
      </c>
      <c r="O10880" t="s">
        <v>85</v>
      </c>
      <c r="P10880" t="s">
        <v>86</v>
      </c>
      <c r="Q10880">
        <v>53</v>
      </c>
      <c r="R10880">
        <v>54</v>
      </c>
      <c r="S10880">
        <v>55</v>
      </c>
      <c r="T10880">
        <v>56</v>
      </c>
      <c r="U10880">
        <v>56</v>
      </c>
      <c r="V10880">
        <v>57</v>
      </c>
      <c r="W10880">
        <v>57</v>
      </c>
      <c r="X10880">
        <v>58</v>
      </c>
      <c r="Y10880">
        <v>58</v>
      </c>
      <c r="Z10880">
        <v>59</v>
      </c>
      <c r="AA10880">
        <v>59</v>
      </c>
      <c r="AB10880">
        <v>59</v>
      </c>
      <c r="AC10880">
        <v>59</v>
      </c>
      <c r="AD10880">
        <v>60</v>
      </c>
      <c r="AE10880">
        <v>60</v>
      </c>
      <c r="AF10880">
        <v>59</v>
      </c>
      <c r="AG10880">
        <v>59</v>
      </c>
      <c r="AH10880">
        <v>58</v>
      </c>
      <c r="AI10880">
        <v>57</v>
      </c>
      <c r="AJ10880">
        <v>57</v>
      </c>
      <c r="AK10880">
        <v>56</v>
      </c>
      <c r="AL10880">
        <v>56</v>
      </c>
      <c r="AM10880">
        <v>55</v>
      </c>
      <c r="AN10880">
        <v>55</v>
      </c>
      <c r="AO10880">
        <v>54</v>
      </c>
      <c r="AP10880">
        <v>54</v>
      </c>
      <c r="AQ10880">
        <v>53</v>
      </c>
    </row>
    <row r="10881" spans="1:43">
      <c r="A10881" t="s">
        <v>6764</v>
      </c>
      <c r="B10881" t="s">
        <v>6765</v>
      </c>
      <c r="C10881" t="s">
        <v>6766</v>
      </c>
      <c r="D10881" t="s">
        <v>6767</v>
      </c>
      <c r="E10881" t="s">
        <v>6594</v>
      </c>
      <c r="F10881" t="s">
        <v>6595</v>
      </c>
      <c r="G10881" t="s">
        <v>80</v>
      </c>
      <c r="H10881" t="s">
        <v>81</v>
      </c>
      <c r="I10881" s="2">
        <v>0</v>
      </c>
      <c r="J10881" s="2">
        <v>1</v>
      </c>
      <c r="K10881" s="2">
        <v>0</v>
      </c>
      <c r="L10881" t="s">
        <v>82</v>
      </c>
      <c r="M10881" t="s">
        <v>83</v>
      </c>
      <c r="N10881" t="s">
        <v>91</v>
      </c>
      <c r="O10881" t="s">
        <v>85</v>
      </c>
      <c r="P10881" t="s">
        <v>86</v>
      </c>
      <c r="Q10881">
        <v>53</v>
      </c>
      <c r="R10881">
        <v>53</v>
      </c>
      <c r="S10881">
        <v>54</v>
      </c>
      <c r="T10881">
        <v>54</v>
      </c>
      <c r="U10881">
        <v>54</v>
      </c>
      <c r="V10881">
        <v>54</v>
      </c>
      <c r="W10881">
        <v>55</v>
      </c>
      <c r="X10881">
        <v>55</v>
      </c>
      <c r="Y10881">
        <v>55</v>
      </c>
      <c r="Z10881">
        <v>55</v>
      </c>
      <c r="AA10881">
        <v>55</v>
      </c>
      <c r="AB10881">
        <v>55</v>
      </c>
      <c r="AC10881">
        <v>56</v>
      </c>
      <c r="AD10881">
        <v>56</v>
      </c>
      <c r="AE10881">
        <v>56</v>
      </c>
      <c r="AF10881">
        <v>56</v>
      </c>
      <c r="AG10881">
        <v>56</v>
      </c>
      <c r="AH10881">
        <v>56</v>
      </c>
      <c r="AI10881">
        <v>56</v>
      </c>
      <c r="AJ10881">
        <v>56</v>
      </c>
      <c r="AK10881">
        <v>56</v>
      </c>
      <c r="AL10881">
        <v>55</v>
      </c>
      <c r="AM10881">
        <v>55</v>
      </c>
      <c r="AN10881">
        <v>54</v>
      </c>
      <c r="AO10881">
        <v>54</v>
      </c>
      <c r="AP10881">
        <v>53</v>
      </c>
      <c r="AQ10881">
        <v>53</v>
      </c>
    </row>
    <row r="10882" spans="1:43">
      <c r="A10882" t="s">
        <v>6768</v>
      </c>
      <c r="B10882" t="s">
        <v>6769</v>
      </c>
      <c r="C10882" t="s">
        <v>6770</v>
      </c>
      <c r="D10882" t="s">
        <v>6771</v>
      </c>
      <c r="E10882" t="s">
        <v>6594</v>
      </c>
      <c r="F10882" t="s">
        <v>6595</v>
      </c>
      <c r="G10882" t="s">
        <v>80</v>
      </c>
      <c r="H10882" t="s">
        <v>81</v>
      </c>
      <c r="I10882" s="2">
        <v>0</v>
      </c>
      <c r="J10882" s="2">
        <v>1</v>
      </c>
      <c r="K10882" s="2">
        <v>0</v>
      </c>
      <c r="L10882" t="s">
        <v>82</v>
      </c>
      <c r="M10882" t="s">
        <v>83</v>
      </c>
      <c r="N10882" t="s">
        <v>84</v>
      </c>
      <c r="O10882" t="s">
        <v>85</v>
      </c>
      <c r="P10882" t="s">
        <v>86</v>
      </c>
      <c r="Q10882">
        <v>15</v>
      </c>
      <c r="R10882">
        <v>15</v>
      </c>
      <c r="S10882">
        <v>15</v>
      </c>
      <c r="T10882">
        <v>15</v>
      </c>
      <c r="U10882">
        <v>15</v>
      </c>
      <c r="V10882">
        <v>15</v>
      </c>
      <c r="W10882">
        <v>15</v>
      </c>
      <c r="X10882">
        <v>15</v>
      </c>
      <c r="Y10882">
        <v>15</v>
      </c>
      <c r="Z10882">
        <v>15</v>
      </c>
      <c r="AA10882">
        <v>15</v>
      </c>
      <c r="AB10882">
        <v>15</v>
      </c>
      <c r="AC10882">
        <v>15</v>
      </c>
      <c r="AD10882">
        <v>15</v>
      </c>
      <c r="AE10882">
        <v>15</v>
      </c>
      <c r="AF10882">
        <v>15</v>
      </c>
      <c r="AG10882">
        <v>15</v>
      </c>
      <c r="AH10882">
        <v>15</v>
      </c>
      <c r="AI10882">
        <v>15</v>
      </c>
      <c r="AJ10882">
        <v>15</v>
      </c>
      <c r="AK10882">
        <v>15</v>
      </c>
      <c r="AL10882">
        <v>15</v>
      </c>
      <c r="AM10882">
        <v>15</v>
      </c>
      <c r="AN10882">
        <v>15</v>
      </c>
      <c r="AO10882">
        <v>15</v>
      </c>
      <c r="AP10882">
        <v>15</v>
      </c>
      <c r="AQ10882">
        <v>14</v>
      </c>
    </row>
    <row r="10883" spans="1:43">
      <c r="A10883" t="s">
        <v>6768</v>
      </c>
      <c r="B10883" t="s">
        <v>6769</v>
      </c>
      <c r="C10883" t="s">
        <v>6770</v>
      </c>
      <c r="D10883" t="s">
        <v>6771</v>
      </c>
      <c r="E10883" t="s">
        <v>6594</v>
      </c>
      <c r="F10883" t="s">
        <v>6595</v>
      </c>
      <c r="G10883" t="s">
        <v>80</v>
      </c>
      <c r="H10883" t="s">
        <v>81</v>
      </c>
      <c r="I10883" s="2">
        <v>0</v>
      </c>
      <c r="J10883" s="2">
        <v>1</v>
      </c>
      <c r="K10883" s="2">
        <v>0</v>
      </c>
      <c r="L10883" t="s">
        <v>82</v>
      </c>
      <c r="M10883" t="s">
        <v>87</v>
      </c>
      <c r="N10883" t="s">
        <v>88</v>
      </c>
      <c r="O10883" t="s">
        <v>85</v>
      </c>
      <c r="P10883" t="s">
        <v>86</v>
      </c>
      <c r="Q10883">
        <v>15</v>
      </c>
      <c r="R10883">
        <v>15</v>
      </c>
      <c r="S10883">
        <v>15</v>
      </c>
      <c r="T10883">
        <v>15</v>
      </c>
      <c r="U10883">
        <v>15</v>
      </c>
      <c r="V10883">
        <v>15</v>
      </c>
      <c r="W10883">
        <v>15</v>
      </c>
      <c r="X10883">
        <v>15</v>
      </c>
      <c r="Y10883">
        <v>15</v>
      </c>
      <c r="Z10883">
        <v>15</v>
      </c>
      <c r="AA10883">
        <v>15</v>
      </c>
      <c r="AB10883">
        <v>15</v>
      </c>
      <c r="AC10883">
        <v>15</v>
      </c>
      <c r="AD10883">
        <v>15</v>
      </c>
      <c r="AE10883">
        <v>15</v>
      </c>
      <c r="AF10883">
        <v>15</v>
      </c>
      <c r="AG10883">
        <v>14</v>
      </c>
      <c r="AH10883">
        <v>14</v>
      </c>
      <c r="AI10883">
        <v>14</v>
      </c>
      <c r="AJ10883">
        <v>14</v>
      </c>
      <c r="AK10883">
        <v>14</v>
      </c>
      <c r="AL10883">
        <v>14</v>
      </c>
      <c r="AM10883">
        <v>14</v>
      </c>
      <c r="AN10883">
        <v>14</v>
      </c>
      <c r="AO10883">
        <v>14</v>
      </c>
      <c r="AP10883">
        <v>14</v>
      </c>
      <c r="AQ10883">
        <v>14</v>
      </c>
    </row>
    <row r="10884" spans="1:43">
      <c r="A10884" t="s">
        <v>6768</v>
      </c>
      <c r="B10884" t="s">
        <v>6769</v>
      </c>
      <c r="C10884" t="s">
        <v>6770</v>
      </c>
      <c r="D10884" t="s">
        <v>6771</v>
      </c>
      <c r="E10884" t="s">
        <v>6594</v>
      </c>
      <c r="F10884" t="s">
        <v>6595</v>
      </c>
      <c r="G10884" t="s">
        <v>80</v>
      </c>
      <c r="H10884" t="s">
        <v>81</v>
      </c>
      <c r="I10884" s="2">
        <v>0</v>
      </c>
      <c r="J10884" s="2">
        <v>1</v>
      </c>
      <c r="K10884" s="2">
        <v>0</v>
      </c>
      <c r="L10884" t="s">
        <v>82</v>
      </c>
      <c r="M10884" t="s">
        <v>89</v>
      </c>
      <c r="N10884" t="s">
        <v>90</v>
      </c>
      <c r="O10884" t="s">
        <v>85</v>
      </c>
      <c r="P10884" t="s">
        <v>86</v>
      </c>
      <c r="Q10884">
        <v>15</v>
      </c>
      <c r="R10884">
        <v>15</v>
      </c>
      <c r="S10884">
        <v>15</v>
      </c>
      <c r="T10884">
        <v>15</v>
      </c>
      <c r="U10884">
        <v>16</v>
      </c>
      <c r="V10884">
        <v>16</v>
      </c>
      <c r="W10884">
        <v>16</v>
      </c>
      <c r="X10884">
        <v>16</v>
      </c>
      <c r="Y10884">
        <v>16</v>
      </c>
      <c r="Z10884">
        <v>16</v>
      </c>
      <c r="AA10884">
        <v>16</v>
      </c>
      <c r="AB10884">
        <v>16</v>
      </c>
      <c r="AC10884">
        <v>16</v>
      </c>
      <c r="AD10884">
        <v>16</v>
      </c>
      <c r="AE10884">
        <v>16</v>
      </c>
      <c r="AF10884">
        <v>16</v>
      </c>
      <c r="AG10884">
        <v>16</v>
      </c>
      <c r="AH10884">
        <v>16</v>
      </c>
      <c r="AI10884">
        <v>16</v>
      </c>
      <c r="AJ10884">
        <v>16</v>
      </c>
      <c r="AK10884">
        <v>15</v>
      </c>
      <c r="AL10884">
        <v>15</v>
      </c>
      <c r="AM10884">
        <v>15</v>
      </c>
      <c r="AN10884">
        <v>15</v>
      </c>
      <c r="AO10884">
        <v>15</v>
      </c>
      <c r="AP10884">
        <v>15</v>
      </c>
      <c r="AQ10884">
        <v>15</v>
      </c>
    </row>
    <row r="10885" spans="1:43">
      <c r="A10885" t="s">
        <v>6768</v>
      </c>
      <c r="B10885" t="s">
        <v>6769</v>
      </c>
      <c r="C10885" t="s">
        <v>6770</v>
      </c>
      <c r="D10885" t="s">
        <v>6771</v>
      </c>
      <c r="E10885" t="s">
        <v>6594</v>
      </c>
      <c r="F10885" t="s">
        <v>6595</v>
      </c>
      <c r="G10885" t="s">
        <v>80</v>
      </c>
      <c r="H10885" t="s">
        <v>81</v>
      </c>
      <c r="I10885" s="2">
        <v>0</v>
      </c>
      <c r="J10885" s="2">
        <v>1</v>
      </c>
      <c r="K10885" s="2">
        <v>0</v>
      </c>
      <c r="L10885" t="s">
        <v>82</v>
      </c>
      <c r="M10885" t="s">
        <v>83</v>
      </c>
      <c r="N10885" t="s">
        <v>91</v>
      </c>
      <c r="O10885" t="s">
        <v>85</v>
      </c>
      <c r="P10885" t="s">
        <v>86</v>
      </c>
      <c r="Q10885">
        <v>15</v>
      </c>
      <c r="R10885">
        <v>15</v>
      </c>
      <c r="S10885">
        <v>15</v>
      </c>
      <c r="T10885">
        <v>15</v>
      </c>
      <c r="U10885">
        <v>15</v>
      </c>
      <c r="V10885">
        <v>15</v>
      </c>
      <c r="W10885">
        <v>15</v>
      </c>
      <c r="X10885">
        <v>15</v>
      </c>
      <c r="Y10885">
        <v>15</v>
      </c>
      <c r="Z10885">
        <v>15</v>
      </c>
      <c r="AA10885">
        <v>15</v>
      </c>
      <c r="AB10885">
        <v>15</v>
      </c>
      <c r="AC10885">
        <v>15</v>
      </c>
      <c r="AD10885">
        <v>15</v>
      </c>
      <c r="AE10885">
        <v>15</v>
      </c>
      <c r="AF10885">
        <v>15</v>
      </c>
      <c r="AG10885">
        <v>15</v>
      </c>
      <c r="AH10885">
        <v>15</v>
      </c>
      <c r="AI10885">
        <v>15</v>
      </c>
      <c r="AJ10885">
        <v>15</v>
      </c>
      <c r="AK10885">
        <v>15</v>
      </c>
      <c r="AL10885">
        <v>15</v>
      </c>
      <c r="AM10885">
        <v>15</v>
      </c>
      <c r="AN10885">
        <v>15</v>
      </c>
      <c r="AO10885">
        <v>15</v>
      </c>
      <c r="AP10885">
        <v>15</v>
      </c>
      <c r="AQ10885">
        <v>14</v>
      </c>
    </row>
    <row r="10886" spans="1:43">
      <c r="A10886" t="s">
        <v>6772</v>
      </c>
      <c r="B10886" t="s">
        <v>6773</v>
      </c>
      <c r="C10886" t="s">
        <v>6770</v>
      </c>
      <c r="D10886" t="s">
        <v>6771</v>
      </c>
      <c r="E10886" t="s">
        <v>6594</v>
      </c>
      <c r="F10886" t="s">
        <v>6595</v>
      </c>
      <c r="G10886" t="s">
        <v>80</v>
      </c>
      <c r="H10886" t="s">
        <v>81</v>
      </c>
      <c r="I10886" s="2">
        <v>0</v>
      </c>
      <c r="J10886" s="2">
        <v>1</v>
      </c>
      <c r="K10886" s="2">
        <v>0</v>
      </c>
      <c r="L10886" t="s">
        <v>82</v>
      </c>
      <c r="M10886" t="s">
        <v>83</v>
      </c>
      <c r="N10886" t="s">
        <v>84</v>
      </c>
      <c r="O10886" t="s">
        <v>85</v>
      </c>
      <c r="P10886" t="s">
        <v>86</v>
      </c>
      <c r="Q10886">
        <v>24</v>
      </c>
      <c r="R10886">
        <v>24</v>
      </c>
      <c r="S10886">
        <v>25</v>
      </c>
      <c r="T10886">
        <v>25</v>
      </c>
      <c r="U10886">
        <v>25</v>
      </c>
      <c r="V10886">
        <v>25</v>
      </c>
      <c r="W10886">
        <v>25</v>
      </c>
      <c r="X10886">
        <v>25</v>
      </c>
      <c r="Y10886">
        <v>25</v>
      </c>
      <c r="Z10886">
        <v>25</v>
      </c>
      <c r="AA10886">
        <v>25</v>
      </c>
      <c r="AB10886">
        <v>25</v>
      </c>
      <c r="AC10886">
        <v>26</v>
      </c>
      <c r="AD10886">
        <v>26</v>
      </c>
      <c r="AE10886">
        <v>26</v>
      </c>
      <c r="AF10886">
        <v>26</v>
      </c>
      <c r="AG10886">
        <v>26</v>
      </c>
      <c r="AH10886">
        <v>26</v>
      </c>
      <c r="AI10886">
        <v>26</v>
      </c>
      <c r="AJ10886">
        <v>26</v>
      </c>
      <c r="AK10886">
        <v>25</v>
      </c>
      <c r="AL10886">
        <v>25</v>
      </c>
      <c r="AM10886">
        <v>25</v>
      </c>
      <c r="AN10886">
        <v>25</v>
      </c>
      <c r="AO10886">
        <v>25</v>
      </c>
      <c r="AP10886">
        <v>24</v>
      </c>
      <c r="AQ10886">
        <v>24</v>
      </c>
    </row>
    <row r="10887" spans="1:43">
      <c r="A10887" t="s">
        <v>6772</v>
      </c>
      <c r="B10887" t="s">
        <v>6773</v>
      </c>
      <c r="C10887" t="s">
        <v>6770</v>
      </c>
      <c r="D10887" t="s">
        <v>6771</v>
      </c>
      <c r="E10887" t="s">
        <v>6594</v>
      </c>
      <c r="F10887" t="s">
        <v>6595</v>
      </c>
      <c r="G10887" t="s">
        <v>80</v>
      </c>
      <c r="H10887" t="s">
        <v>81</v>
      </c>
      <c r="I10887" s="2">
        <v>0</v>
      </c>
      <c r="J10887" s="2">
        <v>1</v>
      </c>
      <c r="K10887" s="2">
        <v>0</v>
      </c>
      <c r="L10887" t="s">
        <v>82</v>
      </c>
      <c r="M10887" t="s">
        <v>87</v>
      </c>
      <c r="N10887" t="s">
        <v>88</v>
      </c>
      <c r="O10887" t="s">
        <v>85</v>
      </c>
      <c r="P10887" t="s">
        <v>86</v>
      </c>
      <c r="Q10887">
        <v>24</v>
      </c>
      <c r="R10887">
        <v>24</v>
      </c>
      <c r="S10887">
        <v>24</v>
      </c>
      <c r="T10887">
        <v>24</v>
      </c>
      <c r="U10887">
        <v>24</v>
      </c>
      <c r="V10887">
        <v>24</v>
      </c>
      <c r="W10887">
        <v>24</v>
      </c>
      <c r="X10887">
        <v>23</v>
      </c>
      <c r="Y10887">
        <v>23</v>
      </c>
      <c r="Z10887">
        <v>23</v>
      </c>
      <c r="AA10887">
        <v>23</v>
      </c>
      <c r="AB10887">
        <v>23</v>
      </c>
      <c r="AC10887">
        <v>23</v>
      </c>
      <c r="AD10887">
        <v>23</v>
      </c>
      <c r="AE10887">
        <v>23</v>
      </c>
      <c r="AF10887">
        <v>23</v>
      </c>
      <c r="AG10887">
        <v>22</v>
      </c>
      <c r="AH10887">
        <v>22</v>
      </c>
      <c r="AI10887">
        <v>22</v>
      </c>
      <c r="AJ10887">
        <v>22</v>
      </c>
      <c r="AK10887">
        <v>22</v>
      </c>
      <c r="AL10887">
        <v>22</v>
      </c>
      <c r="AM10887">
        <v>22</v>
      </c>
      <c r="AN10887">
        <v>21</v>
      </c>
      <c r="AO10887">
        <v>21</v>
      </c>
      <c r="AP10887">
        <v>21</v>
      </c>
      <c r="AQ10887">
        <v>21</v>
      </c>
    </row>
    <row r="10888" spans="1:43">
      <c r="A10888" t="s">
        <v>6772</v>
      </c>
      <c r="B10888" t="s">
        <v>6773</v>
      </c>
      <c r="C10888" t="s">
        <v>6770</v>
      </c>
      <c r="D10888" t="s">
        <v>6771</v>
      </c>
      <c r="E10888" t="s">
        <v>6594</v>
      </c>
      <c r="F10888" t="s">
        <v>6595</v>
      </c>
      <c r="G10888" t="s">
        <v>80</v>
      </c>
      <c r="H10888" t="s">
        <v>81</v>
      </c>
      <c r="I10888" s="2">
        <v>0</v>
      </c>
      <c r="J10888" s="2">
        <v>1</v>
      </c>
      <c r="K10888" s="2">
        <v>0</v>
      </c>
      <c r="L10888" t="s">
        <v>82</v>
      </c>
      <c r="M10888" t="s">
        <v>89</v>
      </c>
      <c r="N10888" t="s">
        <v>90</v>
      </c>
      <c r="O10888" t="s">
        <v>85</v>
      </c>
      <c r="P10888" t="s">
        <v>86</v>
      </c>
      <c r="Q10888">
        <v>24</v>
      </c>
      <c r="R10888">
        <v>24</v>
      </c>
      <c r="S10888">
        <v>24</v>
      </c>
      <c r="T10888">
        <v>25</v>
      </c>
      <c r="U10888">
        <v>25</v>
      </c>
      <c r="V10888">
        <v>25</v>
      </c>
      <c r="W10888">
        <v>25</v>
      </c>
      <c r="X10888">
        <v>26</v>
      </c>
      <c r="Y10888">
        <v>26</v>
      </c>
      <c r="Z10888">
        <v>26</v>
      </c>
      <c r="AA10888">
        <v>26</v>
      </c>
      <c r="AB10888">
        <v>26</v>
      </c>
      <c r="AC10888">
        <v>26</v>
      </c>
      <c r="AD10888">
        <v>26</v>
      </c>
      <c r="AE10888">
        <v>26</v>
      </c>
      <c r="AF10888">
        <v>26</v>
      </c>
      <c r="AG10888">
        <v>26</v>
      </c>
      <c r="AH10888">
        <v>26</v>
      </c>
      <c r="AI10888">
        <v>25</v>
      </c>
      <c r="AJ10888">
        <v>25</v>
      </c>
      <c r="AK10888">
        <v>25</v>
      </c>
      <c r="AL10888">
        <v>25</v>
      </c>
      <c r="AM10888">
        <v>24</v>
      </c>
      <c r="AN10888">
        <v>24</v>
      </c>
      <c r="AO10888">
        <v>24</v>
      </c>
      <c r="AP10888">
        <v>24</v>
      </c>
      <c r="AQ10888">
        <v>23</v>
      </c>
    </row>
    <row r="10889" spans="1:43">
      <c r="A10889" t="s">
        <v>6772</v>
      </c>
      <c r="B10889" t="s">
        <v>6773</v>
      </c>
      <c r="C10889" t="s">
        <v>6770</v>
      </c>
      <c r="D10889" t="s">
        <v>6771</v>
      </c>
      <c r="E10889" t="s">
        <v>6594</v>
      </c>
      <c r="F10889" t="s">
        <v>6595</v>
      </c>
      <c r="G10889" t="s">
        <v>80</v>
      </c>
      <c r="H10889" t="s">
        <v>81</v>
      </c>
      <c r="I10889" s="2">
        <v>0</v>
      </c>
      <c r="J10889" s="2">
        <v>1</v>
      </c>
      <c r="K10889" s="2">
        <v>0</v>
      </c>
      <c r="L10889" t="s">
        <v>82</v>
      </c>
      <c r="M10889" t="s">
        <v>83</v>
      </c>
      <c r="N10889" t="s">
        <v>91</v>
      </c>
      <c r="O10889" t="s">
        <v>85</v>
      </c>
      <c r="P10889" t="s">
        <v>86</v>
      </c>
      <c r="Q10889">
        <v>24</v>
      </c>
      <c r="R10889">
        <v>24</v>
      </c>
      <c r="S10889">
        <v>25</v>
      </c>
      <c r="T10889">
        <v>25</v>
      </c>
      <c r="U10889">
        <v>25</v>
      </c>
      <c r="V10889">
        <v>25</v>
      </c>
      <c r="W10889">
        <v>25</v>
      </c>
      <c r="X10889">
        <v>25</v>
      </c>
      <c r="Y10889">
        <v>25</v>
      </c>
      <c r="Z10889">
        <v>25</v>
      </c>
      <c r="AA10889">
        <v>25</v>
      </c>
      <c r="AB10889">
        <v>25</v>
      </c>
      <c r="AC10889">
        <v>26</v>
      </c>
      <c r="AD10889">
        <v>26</v>
      </c>
      <c r="AE10889">
        <v>26</v>
      </c>
      <c r="AF10889">
        <v>26</v>
      </c>
      <c r="AG10889">
        <v>26</v>
      </c>
      <c r="AH10889">
        <v>26</v>
      </c>
      <c r="AI10889">
        <v>26</v>
      </c>
      <c r="AJ10889">
        <v>26</v>
      </c>
      <c r="AK10889">
        <v>25</v>
      </c>
      <c r="AL10889">
        <v>25</v>
      </c>
      <c r="AM10889">
        <v>25</v>
      </c>
      <c r="AN10889">
        <v>25</v>
      </c>
      <c r="AO10889">
        <v>25</v>
      </c>
      <c r="AP10889">
        <v>24</v>
      </c>
      <c r="AQ10889">
        <v>24</v>
      </c>
    </row>
    <row r="10890" spans="1:43">
      <c r="A10890" t="s">
        <v>6774</v>
      </c>
      <c r="B10890" t="s">
        <v>6775</v>
      </c>
      <c r="C10890" t="s">
        <v>6770</v>
      </c>
      <c r="D10890" t="s">
        <v>6771</v>
      </c>
      <c r="E10890" t="s">
        <v>6594</v>
      </c>
      <c r="F10890" t="s">
        <v>6595</v>
      </c>
      <c r="G10890" t="s">
        <v>80</v>
      </c>
      <c r="H10890" t="s">
        <v>81</v>
      </c>
      <c r="I10890" s="2">
        <v>0</v>
      </c>
      <c r="J10890" s="2">
        <v>1</v>
      </c>
      <c r="K10890" s="2">
        <v>0</v>
      </c>
      <c r="L10890" t="s">
        <v>82</v>
      </c>
      <c r="M10890" t="s">
        <v>83</v>
      </c>
      <c r="N10890" t="s">
        <v>84</v>
      </c>
      <c r="O10890" t="s">
        <v>85</v>
      </c>
      <c r="P10890" t="s">
        <v>86</v>
      </c>
      <c r="Q10890">
        <v>6</v>
      </c>
      <c r="R10890">
        <v>6</v>
      </c>
      <c r="S10890">
        <v>6</v>
      </c>
      <c r="T10890">
        <v>6</v>
      </c>
      <c r="U10890">
        <v>6</v>
      </c>
      <c r="V10890">
        <v>6</v>
      </c>
      <c r="W10890">
        <v>6</v>
      </c>
      <c r="X10890">
        <v>6</v>
      </c>
      <c r="Y10890">
        <v>6</v>
      </c>
      <c r="Z10890">
        <v>6</v>
      </c>
      <c r="AA10890">
        <v>6</v>
      </c>
      <c r="AB10890">
        <v>6</v>
      </c>
      <c r="AC10890">
        <v>6</v>
      </c>
      <c r="AD10890">
        <v>6</v>
      </c>
      <c r="AE10890">
        <v>6</v>
      </c>
      <c r="AF10890">
        <v>6</v>
      </c>
      <c r="AG10890">
        <v>6</v>
      </c>
      <c r="AH10890">
        <v>6</v>
      </c>
      <c r="AI10890">
        <v>6</v>
      </c>
      <c r="AJ10890">
        <v>6</v>
      </c>
      <c r="AK10890">
        <v>6</v>
      </c>
      <c r="AL10890">
        <v>6</v>
      </c>
      <c r="AM10890">
        <v>6</v>
      </c>
      <c r="AN10890">
        <v>6</v>
      </c>
      <c r="AO10890">
        <v>6</v>
      </c>
      <c r="AP10890">
        <v>6</v>
      </c>
      <c r="AQ10890">
        <v>6</v>
      </c>
    </row>
    <row r="10891" spans="1:43">
      <c r="A10891" t="s">
        <v>6774</v>
      </c>
      <c r="B10891" t="s">
        <v>6775</v>
      </c>
      <c r="C10891" t="s">
        <v>6770</v>
      </c>
      <c r="D10891" t="s">
        <v>6771</v>
      </c>
      <c r="E10891" t="s">
        <v>6594</v>
      </c>
      <c r="F10891" t="s">
        <v>6595</v>
      </c>
      <c r="G10891" t="s">
        <v>80</v>
      </c>
      <c r="H10891" t="s">
        <v>81</v>
      </c>
      <c r="I10891" s="2">
        <v>0</v>
      </c>
      <c r="J10891" s="2">
        <v>1</v>
      </c>
      <c r="K10891" s="2">
        <v>0</v>
      </c>
      <c r="L10891" t="s">
        <v>82</v>
      </c>
      <c r="M10891" t="s">
        <v>87</v>
      </c>
      <c r="N10891" t="s">
        <v>88</v>
      </c>
      <c r="O10891" t="s">
        <v>85</v>
      </c>
      <c r="P10891" t="s">
        <v>86</v>
      </c>
      <c r="Q10891">
        <v>6</v>
      </c>
      <c r="R10891">
        <v>6</v>
      </c>
      <c r="S10891">
        <v>6</v>
      </c>
      <c r="T10891">
        <v>6</v>
      </c>
      <c r="U10891">
        <v>6</v>
      </c>
      <c r="V10891">
        <v>6</v>
      </c>
      <c r="W10891">
        <v>6</v>
      </c>
      <c r="X10891">
        <v>6</v>
      </c>
      <c r="Y10891">
        <v>6</v>
      </c>
      <c r="Z10891">
        <v>6</v>
      </c>
      <c r="AA10891">
        <v>6</v>
      </c>
      <c r="AB10891">
        <v>6</v>
      </c>
      <c r="AC10891">
        <v>6</v>
      </c>
      <c r="AD10891">
        <v>6</v>
      </c>
      <c r="AE10891">
        <v>6</v>
      </c>
      <c r="AF10891">
        <v>6</v>
      </c>
      <c r="AG10891">
        <v>6</v>
      </c>
      <c r="AH10891">
        <v>6</v>
      </c>
      <c r="AI10891">
        <v>6</v>
      </c>
      <c r="AJ10891">
        <v>6</v>
      </c>
      <c r="AK10891">
        <v>6</v>
      </c>
      <c r="AL10891">
        <v>6</v>
      </c>
      <c r="AM10891">
        <v>5</v>
      </c>
      <c r="AN10891">
        <v>5</v>
      </c>
      <c r="AO10891">
        <v>5</v>
      </c>
      <c r="AP10891">
        <v>5</v>
      </c>
      <c r="AQ10891">
        <v>5</v>
      </c>
    </row>
    <row r="10892" spans="1:43">
      <c r="A10892" t="s">
        <v>6774</v>
      </c>
      <c r="B10892" t="s">
        <v>6775</v>
      </c>
      <c r="C10892" t="s">
        <v>6770</v>
      </c>
      <c r="D10892" t="s">
        <v>6771</v>
      </c>
      <c r="E10892" t="s">
        <v>6594</v>
      </c>
      <c r="F10892" t="s">
        <v>6595</v>
      </c>
      <c r="G10892" t="s">
        <v>80</v>
      </c>
      <c r="H10892" t="s">
        <v>81</v>
      </c>
      <c r="I10892" s="2">
        <v>0</v>
      </c>
      <c r="J10892" s="2">
        <v>1</v>
      </c>
      <c r="K10892" s="2">
        <v>0</v>
      </c>
      <c r="L10892" t="s">
        <v>82</v>
      </c>
      <c r="M10892" t="s">
        <v>89</v>
      </c>
      <c r="N10892" t="s">
        <v>90</v>
      </c>
      <c r="O10892" t="s">
        <v>85</v>
      </c>
      <c r="P10892" t="s">
        <v>86</v>
      </c>
      <c r="Q10892">
        <v>6</v>
      </c>
      <c r="R10892">
        <v>6</v>
      </c>
      <c r="S10892">
        <v>6</v>
      </c>
      <c r="T10892">
        <v>6</v>
      </c>
      <c r="U10892">
        <v>6</v>
      </c>
      <c r="V10892">
        <v>7</v>
      </c>
      <c r="W10892">
        <v>7</v>
      </c>
      <c r="X10892">
        <v>7</v>
      </c>
      <c r="Y10892">
        <v>7</v>
      </c>
      <c r="Z10892">
        <v>7</v>
      </c>
      <c r="AA10892">
        <v>7</v>
      </c>
      <c r="AB10892">
        <v>7</v>
      </c>
      <c r="AC10892">
        <v>7</v>
      </c>
      <c r="AD10892">
        <v>7</v>
      </c>
      <c r="AE10892">
        <v>7</v>
      </c>
      <c r="AF10892">
        <v>7</v>
      </c>
      <c r="AG10892">
        <v>7</v>
      </c>
      <c r="AH10892">
        <v>7</v>
      </c>
      <c r="AI10892">
        <v>7</v>
      </c>
      <c r="AJ10892">
        <v>7</v>
      </c>
      <c r="AK10892">
        <v>7</v>
      </c>
      <c r="AL10892">
        <v>6</v>
      </c>
      <c r="AM10892">
        <v>6</v>
      </c>
      <c r="AN10892">
        <v>6</v>
      </c>
      <c r="AO10892">
        <v>6</v>
      </c>
      <c r="AP10892">
        <v>6</v>
      </c>
      <c r="AQ10892">
        <v>6</v>
      </c>
    </row>
    <row r="10893" spans="1:43">
      <c r="A10893" t="s">
        <v>6774</v>
      </c>
      <c r="B10893" t="s">
        <v>6775</v>
      </c>
      <c r="C10893" t="s">
        <v>6770</v>
      </c>
      <c r="D10893" t="s">
        <v>6771</v>
      </c>
      <c r="E10893" t="s">
        <v>6594</v>
      </c>
      <c r="F10893" t="s">
        <v>6595</v>
      </c>
      <c r="G10893" t="s">
        <v>80</v>
      </c>
      <c r="H10893" t="s">
        <v>81</v>
      </c>
      <c r="I10893" s="2">
        <v>0</v>
      </c>
      <c r="J10893" s="2">
        <v>1</v>
      </c>
      <c r="K10893" s="2">
        <v>0</v>
      </c>
      <c r="L10893" t="s">
        <v>82</v>
      </c>
      <c r="M10893" t="s">
        <v>83</v>
      </c>
      <c r="N10893" t="s">
        <v>91</v>
      </c>
      <c r="O10893" t="s">
        <v>85</v>
      </c>
      <c r="P10893" t="s">
        <v>86</v>
      </c>
      <c r="Q10893">
        <v>6</v>
      </c>
      <c r="R10893">
        <v>6</v>
      </c>
      <c r="S10893">
        <v>6</v>
      </c>
      <c r="T10893">
        <v>6</v>
      </c>
      <c r="U10893">
        <v>6</v>
      </c>
      <c r="V10893">
        <v>6</v>
      </c>
      <c r="W10893">
        <v>6</v>
      </c>
      <c r="X10893">
        <v>6</v>
      </c>
      <c r="Y10893">
        <v>6</v>
      </c>
      <c r="Z10893">
        <v>6</v>
      </c>
      <c r="AA10893">
        <v>6</v>
      </c>
      <c r="AB10893">
        <v>6</v>
      </c>
      <c r="AC10893">
        <v>6</v>
      </c>
      <c r="AD10893">
        <v>6</v>
      </c>
      <c r="AE10893">
        <v>6</v>
      </c>
      <c r="AF10893">
        <v>6</v>
      </c>
      <c r="AG10893">
        <v>6</v>
      </c>
      <c r="AH10893">
        <v>6</v>
      </c>
      <c r="AI10893">
        <v>6</v>
      </c>
      <c r="AJ10893">
        <v>6</v>
      </c>
      <c r="AK10893">
        <v>6</v>
      </c>
      <c r="AL10893">
        <v>6</v>
      </c>
      <c r="AM10893">
        <v>6</v>
      </c>
      <c r="AN10893">
        <v>6</v>
      </c>
      <c r="AO10893">
        <v>6</v>
      </c>
      <c r="AP10893">
        <v>6</v>
      </c>
      <c r="AQ10893">
        <v>6</v>
      </c>
    </row>
    <row r="10894" spans="1:43">
      <c r="A10894" t="s">
        <v>6776</v>
      </c>
      <c r="B10894" t="s">
        <v>6777</v>
      </c>
      <c r="C10894" t="s">
        <v>6770</v>
      </c>
      <c r="D10894" t="s">
        <v>6771</v>
      </c>
      <c r="E10894" t="s">
        <v>6594</v>
      </c>
      <c r="F10894" t="s">
        <v>6595</v>
      </c>
      <c r="G10894" t="s">
        <v>80</v>
      </c>
      <c r="H10894" t="s">
        <v>81</v>
      </c>
      <c r="I10894" s="2">
        <v>0</v>
      </c>
      <c r="J10894" s="2">
        <v>1</v>
      </c>
      <c r="K10894" s="2">
        <v>0</v>
      </c>
      <c r="L10894" t="s">
        <v>82</v>
      </c>
      <c r="M10894" t="s">
        <v>83</v>
      </c>
      <c r="N10894" t="s">
        <v>84</v>
      </c>
      <c r="O10894" t="s">
        <v>85</v>
      </c>
      <c r="P10894" t="s">
        <v>86</v>
      </c>
      <c r="Q10894">
        <v>10</v>
      </c>
      <c r="R10894">
        <v>10</v>
      </c>
      <c r="S10894">
        <v>10</v>
      </c>
      <c r="T10894">
        <v>10</v>
      </c>
      <c r="U10894">
        <v>10</v>
      </c>
      <c r="V10894">
        <v>10</v>
      </c>
      <c r="W10894">
        <v>10</v>
      </c>
      <c r="X10894">
        <v>11</v>
      </c>
      <c r="Y10894">
        <v>11</v>
      </c>
      <c r="Z10894">
        <v>11</v>
      </c>
      <c r="AA10894">
        <v>11</v>
      </c>
      <c r="AB10894">
        <v>11</v>
      </c>
      <c r="AC10894">
        <v>11</v>
      </c>
      <c r="AD10894">
        <v>11</v>
      </c>
      <c r="AE10894">
        <v>11</v>
      </c>
      <c r="AF10894">
        <v>11</v>
      </c>
      <c r="AG10894">
        <v>11</v>
      </c>
      <c r="AH10894">
        <v>11</v>
      </c>
      <c r="AI10894">
        <v>11</v>
      </c>
      <c r="AJ10894">
        <v>11</v>
      </c>
      <c r="AK10894">
        <v>11</v>
      </c>
      <c r="AL10894">
        <v>11</v>
      </c>
      <c r="AM10894">
        <v>11</v>
      </c>
      <c r="AN10894">
        <v>10</v>
      </c>
      <c r="AO10894">
        <v>10</v>
      </c>
      <c r="AP10894">
        <v>10</v>
      </c>
      <c r="AQ10894">
        <v>10</v>
      </c>
    </row>
    <row r="10895" spans="1:43">
      <c r="A10895" t="s">
        <v>6776</v>
      </c>
      <c r="B10895" t="s">
        <v>6777</v>
      </c>
      <c r="C10895" t="s">
        <v>6770</v>
      </c>
      <c r="D10895" t="s">
        <v>6771</v>
      </c>
      <c r="E10895" t="s">
        <v>6594</v>
      </c>
      <c r="F10895" t="s">
        <v>6595</v>
      </c>
      <c r="G10895" t="s">
        <v>80</v>
      </c>
      <c r="H10895" t="s">
        <v>81</v>
      </c>
      <c r="I10895" s="2">
        <v>0</v>
      </c>
      <c r="J10895" s="2">
        <v>1</v>
      </c>
      <c r="K10895" s="2">
        <v>0</v>
      </c>
      <c r="L10895" t="s">
        <v>82</v>
      </c>
      <c r="M10895" t="s">
        <v>87</v>
      </c>
      <c r="N10895" t="s">
        <v>88</v>
      </c>
      <c r="O10895" t="s">
        <v>85</v>
      </c>
      <c r="P10895" t="s">
        <v>86</v>
      </c>
      <c r="Q10895">
        <v>10</v>
      </c>
      <c r="R10895">
        <v>10</v>
      </c>
      <c r="S10895">
        <v>10</v>
      </c>
      <c r="T10895">
        <v>10</v>
      </c>
      <c r="U10895">
        <v>10</v>
      </c>
      <c r="V10895">
        <v>10</v>
      </c>
      <c r="W10895">
        <v>10</v>
      </c>
      <c r="X10895">
        <v>10</v>
      </c>
      <c r="Y10895">
        <v>10</v>
      </c>
      <c r="Z10895">
        <v>10</v>
      </c>
      <c r="AA10895">
        <v>10</v>
      </c>
      <c r="AB10895">
        <v>10</v>
      </c>
      <c r="AC10895">
        <v>10</v>
      </c>
      <c r="AD10895">
        <v>10</v>
      </c>
      <c r="AE10895">
        <v>10</v>
      </c>
      <c r="AF10895">
        <v>9</v>
      </c>
      <c r="AG10895">
        <v>9</v>
      </c>
      <c r="AH10895">
        <v>9</v>
      </c>
      <c r="AI10895">
        <v>9</v>
      </c>
      <c r="AJ10895">
        <v>9</v>
      </c>
      <c r="AK10895">
        <v>9</v>
      </c>
      <c r="AL10895">
        <v>9</v>
      </c>
      <c r="AM10895">
        <v>9</v>
      </c>
      <c r="AN10895">
        <v>9</v>
      </c>
      <c r="AO10895">
        <v>9</v>
      </c>
      <c r="AP10895">
        <v>9</v>
      </c>
      <c r="AQ10895">
        <v>9</v>
      </c>
    </row>
    <row r="10896" spans="1:43">
      <c r="A10896" t="s">
        <v>6776</v>
      </c>
      <c r="B10896" t="s">
        <v>6777</v>
      </c>
      <c r="C10896" t="s">
        <v>6770</v>
      </c>
      <c r="D10896" t="s">
        <v>6771</v>
      </c>
      <c r="E10896" t="s">
        <v>6594</v>
      </c>
      <c r="F10896" t="s">
        <v>6595</v>
      </c>
      <c r="G10896" t="s">
        <v>80</v>
      </c>
      <c r="H10896" t="s">
        <v>81</v>
      </c>
      <c r="I10896" s="2">
        <v>0</v>
      </c>
      <c r="J10896" s="2">
        <v>1</v>
      </c>
      <c r="K10896" s="2">
        <v>0</v>
      </c>
      <c r="L10896" t="s">
        <v>82</v>
      </c>
      <c r="M10896" t="s">
        <v>89</v>
      </c>
      <c r="N10896" t="s">
        <v>90</v>
      </c>
      <c r="O10896" t="s">
        <v>85</v>
      </c>
      <c r="P10896" t="s">
        <v>86</v>
      </c>
      <c r="Q10896">
        <v>10</v>
      </c>
      <c r="R10896">
        <v>10</v>
      </c>
      <c r="S10896">
        <v>11</v>
      </c>
      <c r="T10896">
        <v>11</v>
      </c>
      <c r="U10896">
        <v>11</v>
      </c>
      <c r="V10896">
        <v>11</v>
      </c>
      <c r="W10896">
        <v>11</v>
      </c>
      <c r="X10896">
        <v>11</v>
      </c>
      <c r="Y10896">
        <v>11</v>
      </c>
      <c r="Z10896">
        <v>11</v>
      </c>
      <c r="AA10896">
        <v>11</v>
      </c>
      <c r="AB10896">
        <v>11</v>
      </c>
      <c r="AC10896">
        <v>11</v>
      </c>
      <c r="AD10896">
        <v>11</v>
      </c>
      <c r="AE10896">
        <v>11</v>
      </c>
      <c r="AF10896">
        <v>11</v>
      </c>
      <c r="AG10896">
        <v>11</v>
      </c>
      <c r="AH10896">
        <v>11</v>
      </c>
      <c r="AI10896">
        <v>11</v>
      </c>
      <c r="AJ10896">
        <v>11</v>
      </c>
      <c r="AK10896">
        <v>11</v>
      </c>
      <c r="AL10896">
        <v>11</v>
      </c>
      <c r="AM10896">
        <v>11</v>
      </c>
      <c r="AN10896">
        <v>11</v>
      </c>
      <c r="AO10896">
        <v>10</v>
      </c>
      <c r="AP10896">
        <v>10</v>
      </c>
      <c r="AQ10896">
        <v>10</v>
      </c>
    </row>
    <row r="10897" spans="1:43">
      <c r="A10897" t="s">
        <v>6776</v>
      </c>
      <c r="B10897" t="s">
        <v>6777</v>
      </c>
      <c r="C10897" t="s">
        <v>6770</v>
      </c>
      <c r="D10897" t="s">
        <v>6771</v>
      </c>
      <c r="E10897" t="s">
        <v>6594</v>
      </c>
      <c r="F10897" t="s">
        <v>6595</v>
      </c>
      <c r="G10897" t="s">
        <v>80</v>
      </c>
      <c r="H10897" t="s">
        <v>81</v>
      </c>
      <c r="I10897" s="2">
        <v>0</v>
      </c>
      <c r="J10897" s="2">
        <v>1</v>
      </c>
      <c r="K10897" s="2">
        <v>0</v>
      </c>
      <c r="L10897" t="s">
        <v>82</v>
      </c>
      <c r="M10897" t="s">
        <v>83</v>
      </c>
      <c r="N10897" t="s">
        <v>91</v>
      </c>
      <c r="O10897" t="s">
        <v>85</v>
      </c>
      <c r="P10897" t="s">
        <v>86</v>
      </c>
      <c r="Q10897">
        <v>10</v>
      </c>
      <c r="R10897">
        <v>10</v>
      </c>
      <c r="S10897">
        <v>10</v>
      </c>
      <c r="T10897">
        <v>10</v>
      </c>
      <c r="U10897">
        <v>10</v>
      </c>
      <c r="V10897">
        <v>10</v>
      </c>
      <c r="W10897">
        <v>10</v>
      </c>
      <c r="X10897">
        <v>11</v>
      </c>
      <c r="Y10897">
        <v>11</v>
      </c>
      <c r="Z10897">
        <v>11</v>
      </c>
      <c r="AA10897">
        <v>11</v>
      </c>
      <c r="AB10897">
        <v>11</v>
      </c>
      <c r="AC10897">
        <v>11</v>
      </c>
      <c r="AD10897">
        <v>11</v>
      </c>
      <c r="AE10897">
        <v>11</v>
      </c>
      <c r="AF10897">
        <v>11</v>
      </c>
      <c r="AG10897">
        <v>11</v>
      </c>
      <c r="AH10897">
        <v>11</v>
      </c>
      <c r="AI10897">
        <v>11</v>
      </c>
      <c r="AJ10897">
        <v>11</v>
      </c>
      <c r="AK10897">
        <v>11</v>
      </c>
      <c r="AL10897">
        <v>11</v>
      </c>
      <c r="AM10897">
        <v>11</v>
      </c>
      <c r="AN10897">
        <v>10</v>
      </c>
      <c r="AO10897">
        <v>10</v>
      </c>
      <c r="AP10897">
        <v>10</v>
      </c>
      <c r="AQ10897">
        <v>10</v>
      </c>
    </row>
    <row r="10898" spans="1:43">
      <c r="A10898" t="s">
        <v>6778</v>
      </c>
      <c r="B10898" t="s">
        <v>6779</v>
      </c>
      <c r="C10898" t="s">
        <v>6766</v>
      </c>
      <c r="D10898" t="s">
        <v>6767</v>
      </c>
      <c r="E10898" t="s">
        <v>6594</v>
      </c>
      <c r="F10898" t="s">
        <v>6595</v>
      </c>
      <c r="G10898" t="s">
        <v>80</v>
      </c>
      <c r="H10898" t="s">
        <v>81</v>
      </c>
      <c r="I10898" s="2">
        <v>0</v>
      </c>
      <c r="J10898" s="2">
        <v>1</v>
      </c>
      <c r="K10898" s="2">
        <v>0</v>
      </c>
      <c r="L10898" t="s">
        <v>82</v>
      </c>
      <c r="M10898" t="s">
        <v>83</v>
      </c>
      <c r="N10898" t="s">
        <v>84</v>
      </c>
      <c r="O10898" t="s">
        <v>85</v>
      </c>
      <c r="P10898" t="s">
        <v>86</v>
      </c>
      <c r="Q10898">
        <v>14</v>
      </c>
      <c r="R10898">
        <v>14</v>
      </c>
      <c r="S10898">
        <v>14</v>
      </c>
      <c r="T10898">
        <v>14</v>
      </c>
      <c r="U10898">
        <v>14</v>
      </c>
      <c r="V10898">
        <v>14</v>
      </c>
      <c r="W10898">
        <v>14</v>
      </c>
      <c r="X10898">
        <v>14</v>
      </c>
      <c r="Y10898">
        <v>14</v>
      </c>
      <c r="Z10898">
        <v>14</v>
      </c>
      <c r="AA10898">
        <v>15</v>
      </c>
      <c r="AB10898">
        <v>15</v>
      </c>
      <c r="AC10898">
        <v>15</v>
      </c>
      <c r="AD10898">
        <v>15</v>
      </c>
      <c r="AE10898">
        <v>15</v>
      </c>
      <c r="AF10898">
        <v>15</v>
      </c>
      <c r="AG10898">
        <v>15</v>
      </c>
      <c r="AH10898">
        <v>15</v>
      </c>
      <c r="AI10898">
        <v>15</v>
      </c>
      <c r="AJ10898">
        <v>15</v>
      </c>
      <c r="AK10898">
        <v>15</v>
      </c>
      <c r="AL10898">
        <v>14</v>
      </c>
      <c r="AM10898">
        <v>14</v>
      </c>
      <c r="AN10898">
        <v>14</v>
      </c>
      <c r="AO10898">
        <v>14</v>
      </c>
      <c r="AP10898">
        <v>14</v>
      </c>
      <c r="AQ10898">
        <v>14</v>
      </c>
    </row>
    <row r="10899" spans="1:43">
      <c r="A10899" t="s">
        <v>6778</v>
      </c>
      <c r="B10899" t="s">
        <v>6779</v>
      </c>
      <c r="C10899" t="s">
        <v>6766</v>
      </c>
      <c r="D10899" t="s">
        <v>6767</v>
      </c>
      <c r="E10899" t="s">
        <v>6594</v>
      </c>
      <c r="F10899" t="s">
        <v>6595</v>
      </c>
      <c r="G10899" t="s">
        <v>80</v>
      </c>
      <c r="H10899" t="s">
        <v>81</v>
      </c>
      <c r="I10899" s="2">
        <v>0</v>
      </c>
      <c r="J10899" s="2">
        <v>1</v>
      </c>
      <c r="K10899" s="2">
        <v>0</v>
      </c>
      <c r="L10899" t="s">
        <v>82</v>
      </c>
      <c r="M10899" t="s">
        <v>87</v>
      </c>
      <c r="N10899" t="s">
        <v>88</v>
      </c>
      <c r="O10899" t="s">
        <v>85</v>
      </c>
      <c r="P10899" t="s">
        <v>86</v>
      </c>
      <c r="Q10899">
        <v>14</v>
      </c>
      <c r="R10899">
        <v>14</v>
      </c>
      <c r="S10899">
        <v>14</v>
      </c>
      <c r="T10899">
        <v>14</v>
      </c>
      <c r="U10899">
        <v>14</v>
      </c>
      <c r="V10899">
        <v>14</v>
      </c>
      <c r="W10899">
        <v>13</v>
      </c>
      <c r="X10899">
        <v>13</v>
      </c>
      <c r="Y10899">
        <v>13</v>
      </c>
      <c r="Z10899">
        <v>13</v>
      </c>
      <c r="AA10899">
        <v>13</v>
      </c>
      <c r="AB10899">
        <v>13</v>
      </c>
      <c r="AC10899">
        <v>13</v>
      </c>
      <c r="AD10899">
        <v>13</v>
      </c>
      <c r="AE10899">
        <v>13</v>
      </c>
      <c r="AF10899">
        <v>13</v>
      </c>
      <c r="AG10899">
        <v>13</v>
      </c>
      <c r="AH10899">
        <v>13</v>
      </c>
      <c r="AI10899">
        <v>13</v>
      </c>
      <c r="AJ10899">
        <v>13</v>
      </c>
      <c r="AK10899">
        <v>12</v>
      </c>
      <c r="AL10899">
        <v>12</v>
      </c>
      <c r="AM10899">
        <v>12</v>
      </c>
      <c r="AN10899">
        <v>12</v>
      </c>
      <c r="AO10899">
        <v>12</v>
      </c>
      <c r="AP10899">
        <v>12</v>
      </c>
      <c r="AQ10899">
        <v>12</v>
      </c>
    </row>
    <row r="10900" spans="1:43">
      <c r="A10900" t="s">
        <v>6778</v>
      </c>
      <c r="B10900" t="s">
        <v>6779</v>
      </c>
      <c r="C10900" t="s">
        <v>6766</v>
      </c>
      <c r="D10900" t="s">
        <v>6767</v>
      </c>
      <c r="E10900" t="s">
        <v>6594</v>
      </c>
      <c r="F10900" t="s">
        <v>6595</v>
      </c>
      <c r="G10900" t="s">
        <v>80</v>
      </c>
      <c r="H10900" t="s">
        <v>81</v>
      </c>
      <c r="I10900" s="2">
        <v>0</v>
      </c>
      <c r="J10900" s="2">
        <v>1</v>
      </c>
      <c r="K10900" s="2">
        <v>0</v>
      </c>
      <c r="L10900" t="s">
        <v>82</v>
      </c>
      <c r="M10900" t="s">
        <v>89</v>
      </c>
      <c r="N10900" t="s">
        <v>90</v>
      </c>
      <c r="O10900" t="s">
        <v>85</v>
      </c>
      <c r="P10900" t="s">
        <v>86</v>
      </c>
      <c r="Q10900">
        <v>14</v>
      </c>
      <c r="R10900">
        <v>14</v>
      </c>
      <c r="S10900">
        <v>14</v>
      </c>
      <c r="T10900">
        <v>15</v>
      </c>
      <c r="U10900">
        <v>15</v>
      </c>
      <c r="V10900">
        <v>15</v>
      </c>
      <c r="W10900">
        <v>15</v>
      </c>
      <c r="X10900">
        <v>15</v>
      </c>
      <c r="Y10900">
        <v>15</v>
      </c>
      <c r="Z10900">
        <v>15</v>
      </c>
      <c r="AA10900">
        <v>15</v>
      </c>
      <c r="AB10900">
        <v>16</v>
      </c>
      <c r="AC10900">
        <v>16</v>
      </c>
      <c r="AD10900">
        <v>16</v>
      </c>
      <c r="AE10900">
        <v>16</v>
      </c>
      <c r="AF10900">
        <v>15</v>
      </c>
      <c r="AG10900">
        <v>15</v>
      </c>
      <c r="AH10900">
        <v>15</v>
      </c>
      <c r="AI10900">
        <v>15</v>
      </c>
      <c r="AJ10900">
        <v>15</v>
      </c>
      <c r="AK10900">
        <v>15</v>
      </c>
      <c r="AL10900">
        <v>15</v>
      </c>
      <c r="AM10900">
        <v>15</v>
      </c>
      <c r="AN10900">
        <v>14</v>
      </c>
      <c r="AO10900">
        <v>14</v>
      </c>
      <c r="AP10900">
        <v>14</v>
      </c>
      <c r="AQ10900">
        <v>14</v>
      </c>
    </row>
    <row r="10901" spans="1:43">
      <c r="A10901" t="s">
        <v>6778</v>
      </c>
      <c r="B10901" t="s">
        <v>6779</v>
      </c>
      <c r="C10901" t="s">
        <v>6766</v>
      </c>
      <c r="D10901" t="s">
        <v>6767</v>
      </c>
      <c r="E10901" t="s">
        <v>6594</v>
      </c>
      <c r="F10901" t="s">
        <v>6595</v>
      </c>
      <c r="G10901" t="s">
        <v>80</v>
      </c>
      <c r="H10901" t="s">
        <v>81</v>
      </c>
      <c r="I10901" s="2">
        <v>0</v>
      </c>
      <c r="J10901" s="2">
        <v>1</v>
      </c>
      <c r="K10901" s="2">
        <v>0</v>
      </c>
      <c r="L10901" t="s">
        <v>82</v>
      </c>
      <c r="M10901" t="s">
        <v>83</v>
      </c>
      <c r="N10901" t="s">
        <v>91</v>
      </c>
      <c r="O10901" t="s">
        <v>85</v>
      </c>
      <c r="P10901" t="s">
        <v>86</v>
      </c>
      <c r="Q10901">
        <v>14</v>
      </c>
      <c r="R10901">
        <v>14</v>
      </c>
      <c r="S10901">
        <v>14</v>
      </c>
      <c r="T10901">
        <v>14</v>
      </c>
      <c r="U10901">
        <v>14</v>
      </c>
      <c r="V10901">
        <v>14</v>
      </c>
      <c r="W10901">
        <v>14</v>
      </c>
      <c r="X10901">
        <v>14</v>
      </c>
      <c r="Y10901">
        <v>14</v>
      </c>
      <c r="Z10901">
        <v>14</v>
      </c>
      <c r="AA10901">
        <v>15</v>
      </c>
      <c r="AB10901">
        <v>15</v>
      </c>
      <c r="AC10901">
        <v>15</v>
      </c>
      <c r="AD10901">
        <v>15</v>
      </c>
      <c r="AE10901">
        <v>15</v>
      </c>
      <c r="AF10901">
        <v>15</v>
      </c>
      <c r="AG10901">
        <v>15</v>
      </c>
      <c r="AH10901">
        <v>15</v>
      </c>
      <c r="AI10901">
        <v>15</v>
      </c>
      <c r="AJ10901">
        <v>15</v>
      </c>
      <c r="AK10901">
        <v>15</v>
      </c>
      <c r="AL10901">
        <v>14</v>
      </c>
      <c r="AM10901">
        <v>14</v>
      </c>
      <c r="AN10901">
        <v>14</v>
      </c>
      <c r="AO10901">
        <v>14</v>
      </c>
      <c r="AP10901">
        <v>14</v>
      </c>
      <c r="AQ10901">
        <v>14</v>
      </c>
    </row>
    <row r="10902" spans="1:43">
      <c r="A10902" t="s">
        <v>6780</v>
      </c>
      <c r="B10902" t="s">
        <v>6781</v>
      </c>
      <c r="C10902" t="s">
        <v>6766</v>
      </c>
      <c r="D10902" t="s">
        <v>6767</v>
      </c>
      <c r="E10902" t="s">
        <v>6594</v>
      </c>
      <c r="F10902" t="s">
        <v>6595</v>
      </c>
      <c r="G10902" t="s">
        <v>80</v>
      </c>
      <c r="H10902" t="s">
        <v>81</v>
      </c>
      <c r="I10902" s="2">
        <v>0</v>
      </c>
      <c r="J10902" s="2">
        <v>1</v>
      </c>
      <c r="K10902" s="2">
        <v>0</v>
      </c>
      <c r="L10902" t="s">
        <v>82</v>
      </c>
      <c r="M10902" t="s">
        <v>83</v>
      </c>
      <c r="N10902" t="s">
        <v>84</v>
      </c>
      <c r="O10902" t="s">
        <v>85</v>
      </c>
      <c r="P10902" t="s">
        <v>86</v>
      </c>
      <c r="Q10902">
        <v>26</v>
      </c>
      <c r="R10902">
        <v>27</v>
      </c>
      <c r="S10902">
        <v>27</v>
      </c>
      <c r="T10902">
        <v>27</v>
      </c>
      <c r="U10902">
        <v>27</v>
      </c>
      <c r="V10902">
        <v>27</v>
      </c>
      <c r="W10902">
        <v>27</v>
      </c>
      <c r="X10902">
        <v>27</v>
      </c>
      <c r="Y10902">
        <v>28</v>
      </c>
      <c r="Z10902">
        <v>28</v>
      </c>
      <c r="AA10902">
        <v>28</v>
      </c>
      <c r="AB10902">
        <v>28</v>
      </c>
      <c r="AC10902">
        <v>28</v>
      </c>
      <c r="AD10902">
        <v>28</v>
      </c>
      <c r="AE10902">
        <v>28</v>
      </c>
      <c r="AF10902">
        <v>28</v>
      </c>
      <c r="AG10902">
        <v>28</v>
      </c>
      <c r="AH10902">
        <v>28</v>
      </c>
      <c r="AI10902">
        <v>28</v>
      </c>
      <c r="AJ10902">
        <v>28</v>
      </c>
      <c r="AK10902">
        <v>28</v>
      </c>
      <c r="AL10902">
        <v>28</v>
      </c>
      <c r="AM10902">
        <v>27</v>
      </c>
      <c r="AN10902">
        <v>27</v>
      </c>
      <c r="AO10902">
        <v>27</v>
      </c>
      <c r="AP10902">
        <v>27</v>
      </c>
      <c r="AQ10902">
        <v>26</v>
      </c>
    </row>
    <row r="10903" spans="1:43">
      <c r="A10903" t="s">
        <v>6780</v>
      </c>
      <c r="B10903" t="s">
        <v>6781</v>
      </c>
      <c r="C10903" t="s">
        <v>6766</v>
      </c>
      <c r="D10903" t="s">
        <v>6767</v>
      </c>
      <c r="E10903" t="s">
        <v>6594</v>
      </c>
      <c r="F10903" t="s">
        <v>6595</v>
      </c>
      <c r="G10903" t="s">
        <v>80</v>
      </c>
      <c r="H10903" t="s">
        <v>81</v>
      </c>
      <c r="I10903" s="2">
        <v>0</v>
      </c>
      <c r="J10903" s="2">
        <v>1</v>
      </c>
      <c r="K10903" s="2">
        <v>0</v>
      </c>
      <c r="L10903" t="s">
        <v>82</v>
      </c>
      <c r="M10903" t="s">
        <v>87</v>
      </c>
      <c r="N10903" t="s">
        <v>88</v>
      </c>
      <c r="O10903" t="s">
        <v>85</v>
      </c>
      <c r="P10903" t="s">
        <v>86</v>
      </c>
      <c r="Q10903">
        <v>26</v>
      </c>
      <c r="R10903">
        <v>26</v>
      </c>
      <c r="S10903">
        <v>26</v>
      </c>
      <c r="T10903">
        <v>26</v>
      </c>
      <c r="U10903">
        <v>26</v>
      </c>
      <c r="V10903">
        <v>26</v>
      </c>
      <c r="W10903">
        <v>26</v>
      </c>
      <c r="X10903">
        <v>26</v>
      </c>
      <c r="Y10903">
        <v>25</v>
      </c>
      <c r="Z10903">
        <v>25</v>
      </c>
      <c r="AA10903">
        <v>25</v>
      </c>
      <c r="AB10903">
        <v>25</v>
      </c>
      <c r="AC10903">
        <v>25</v>
      </c>
      <c r="AD10903">
        <v>25</v>
      </c>
      <c r="AE10903">
        <v>25</v>
      </c>
      <c r="AF10903">
        <v>25</v>
      </c>
      <c r="AG10903">
        <v>24</v>
      </c>
      <c r="AH10903">
        <v>24</v>
      </c>
      <c r="AI10903">
        <v>24</v>
      </c>
      <c r="AJ10903">
        <v>24</v>
      </c>
      <c r="AK10903">
        <v>24</v>
      </c>
      <c r="AL10903">
        <v>24</v>
      </c>
      <c r="AM10903">
        <v>24</v>
      </c>
      <c r="AN10903">
        <v>23</v>
      </c>
      <c r="AO10903">
        <v>23</v>
      </c>
      <c r="AP10903">
        <v>23</v>
      </c>
      <c r="AQ10903">
        <v>23</v>
      </c>
    </row>
    <row r="10904" spans="1:43">
      <c r="A10904" t="s">
        <v>6780</v>
      </c>
      <c r="B10904" t="s">
        <v>6781</v>
      </c>
      <c r="C10904" t="s">
        <v>6766</v>
      </c>
      <c r="D10904" t="s">
        <v>6767</v>
      </c>
      <c r="E10904" t="s">
        <v>6594</v>
      </c>
      <c r="F10904" t="s">
        <v>6595</v>
      </c>
      <c r="G10904" t="s">
        <v>80</v>
      </c>
      <c r="H10904" t="s">
        <v>81</v>
      </c>
      <c r="I10904" s="2">
        <v>0</v>
      </c>
      <c r="J10904" s="2">
        <v>1</v>
      </c>
      <c r="K10904" s="2">
        <v>0</v>
      </c>
      <c r="L10904" t="s">
        <v>82</v>
      </c>
      <c r="M10904" t="s">
        <v>89</v>
      </c>
      <c r="N10904" t="s">
        <v>90</v>
      </c>
      <c r="O10904" t="s">
        <v>85</v>
      </c>
      <c r="P10904" t="s">
        <v>86</v>
      </c>
      <c r="Q10904">
        <v>26</v>
      </c>
      <c r="R10904">
        <v>26</v>
      </c>
      <c r="S10904">
        <v>26</v>
      </c>
      <c r="T10904">
        <v>27</v>
      </c>
      <c r="U10904">
        <v>27</v>
      </c>
      <c r="V10904">
        <v>27</v>
      </c>
      <c r="W10904">
        <v>28</v>
      </c>
      <c r="X10904">
        <v>28</v>
      </c>
      <c r="Y10904">
        <v>28</v>
      </c>
      <c r="Z10904">
        <v>28</v>
      </c>
      <c r="AA10904">
        <v>28</v>
      </c>
      <c r="AB10904">
        <v>29</v>
      </c>
      <c r="AC10904">
        <v>29</v>
      </c>
      <c r="AD10904">
        <v>29</v>
      </c>
      <c r="AE10904">
        <v>29</v>
      </c>
      <c r="AF10904">
        <v>28</v>
      </c>
      <c r="AG10904">
        <v>28</v>
      </c>
      <c r="AH10904">
        <v>28</v>
      </c>
      <c r="AI10904">
        <v>28</v>
      </c>
      <c r="AJ10904">
        <v>27</v>
      </c>
      <c r="AK10904">
        <v>27</v>
      </c>
      <c r="AL10904">
        <v>27</v>
      </c>
      <c r="AM10904">
        <v>27</v>
      </c>
      <c r="AN10904">
        <v>26</v>
      </c>
      <c r="AO10904">
        <v>26</v>
      </c>
      <c r="AP10904">
        <v>26</v>
      </c>
      <c r="AQ10904">
        <v>26</v>
      </c>
    </row>
    <row r="10905" spans="1:43">
      <c r="A10905" t="s">
        <v>6780</v>
      </c>
      <c r="B10905" t="s">
        <v>6781</v>
      </c>
      <c r="C10905" t="s">
        <v>6766</v>
      </c>
      <c r="D10905" t="s">
        <v>6767</v>
      </c>
      <c r="E10905" t="s">
        <v>6594</v>
      </c>
      <c r="F10905" t="s">
        <v>6595</v>
      </c>
      <c r="G10905" t="s">
        <v>80</v>
      </c>
      <c r="H10905" t="s">
        <v>81</v>
      </c>
      <c r="I10905" s="2">
        <v>0</v>
      </c>
      <c r="J10905" s="2">
        <v>1</v>
      </c>
      <c r="K10905" s="2">
        <v>0</v>
      </c>
      <c r="L10905" t="s">
        <v>82</v>
      </c>
      <c r="M10905" t="s">
        <v>83</v>
      </c>
      <c r="N10905" t="s">
        <v>91</v>
      </c>
      <c r="O10905" t="s">
        <v>85</v>
      </c>
      <c r="P10905" t="s">
        <v>86</v>
      </c>
      <c r="Q10905">
        <v>26</v>
      </c>
      <c r="R10905">
        <v>27</v>
      </c>
      <c r="S10905">
        <v>27</v>
      </c>
      <c r="T10905">
        <v>27</v>
      </c>
      <c r="U10905">
        <v>27</v>
      </c>
      <c r="V10905">
        <v>27</v>
      </c>
      <c r="W10905">
        <v>27</v>
      </c>
      <c r="X10905">
        <v>27</v>
      </c>
      <c r="Y10905">
        <v>28</v>
      </c>
      <c r="Z10905">
        <v>28</v>
      </c>
      <c r="AA10905">
        <v>28</v>
      </c>
      <c r="AB10905">
        <v>28</v>
      </c>
      <c r="AC10905">
        <v>28</v>
      </c>
      <c r="AD10905">
        <v>28</v>
      </c>
      <c r="AE10905">
        <v>28</v>
      </c>
      <c r="AF10905">
        <v>28</v>
      </c>
      <c r="AG10905">
        <v>28</v>
      </c>
      <c r="AH10905">
        <v>28</v>
      </c>
      <c r="AI10905">
        <v>28</v>
      </c>
      <c r="AJ10905">
        <v>28</v>
      </c>
      <c r="AK10905">
        <v>28</v>
      </c>
      <c r="AL10905">
        <v>28</v>
      </c>
      <c r="AM10905">
        <v>27</v>
      </c>
      <c r="AN10905">
        <v>27</v>
      </c>
      <c r="AO10905">
        <v>27</v>
      </c>
      <c r="AP10905">
        <v>27</v>
      </c>
      <c r="AQ10905">
        <v>26</v>
      </c>
    </row>
    <row r="10906" spans="1:43">
      <c r="A10906" t="s">
        <v>6782</v>
      </c>
      <c r="B10906" t="s">
        <v>6783</v>
      </c>
      <c r="C10906" t="s">
        <v>6766</v>
      </c>
      <c r="D10906" t="s">
        <v>6767</v>
      </c>
      <c r="E10906" t="s">
        <v>6594</v>
      </c>
      <c r="F10906" t="s">
        <v>6595</v>
      </c>
      <c r="G10906" t="s">
        <v>80</v>
      </c>
      <c r="H10906" t="s">
        <v>81</v>
      </c>
      <c r="I10906" s="2">
        <v>0</v>
      </c>
      <c r="J10906" s="2">
        <v>1</v>
      </c>
      <c r="K10906" s="2">
        <v>0</v>
      </c>
      <c r="L10906" t="s">
        <v>82</v>
      </c>
      <c r="M10906" t="s">
        <v>83</v>
      </c>
      <c r="N10906" t="s">
        <v>84</v>
      </c>
      <c r="O10906" t="s">
        <v>85</v>
      </c>
      <c r="P10906" t="s">
        <v>86</v>
      </c>
      <c r="Q10906">
        <v>17</v>
      </c>
      <c r="R10906">
        <v>17</v>
      </c>
      <c r="S10906">
        <v>17</v>
      </c>
      <c r="T10906">
        <v>17</v>
      </c>
      <c r="U10906">
        <v>17</v>
      </c>
      <c r="V10906">
        <v>17</v>
      </c>
      <c r="W10906">
        <v>17</v>
      </c>
      <c r="X10906">
        <v>17</v>
      </c>
      <c r="Y10906">
        <v>17</v>
      </c>
      <c r="Z10906">
        <v>17</v>
      </c>
      <c r="AA10906">
        <v>17</v>
      </c>
      <c r="AB10906">
        <v>17</v>
      </c>
      <c r="AC10906">
        <v>17</v>
      </c>
      <c r="AD10906">
        <v>17</v>
      </c>
      <c r="AE10906">
        <v>17</v>
      </c>
      <c r="AF10906">
        <v>17</v>
      </c>
      <c r="AG10906">
        <v>17</v>
      </c>
      <c r="AH10906">
        <v>17</v>
      </c>
      <c r="AI10906">
        <v>17</v>
      </c>
      <c r="AJ10906">
        <v>17</v>
      </c>
      <c r="AK10906">
        <v>17</v>
      </c>
      <c r="AL10906">
        <v>17</v>
      </c>
      <c r="AM10906">
        <v>17</v>
      </c>
      <c r="AN10906">
        <v>17</v>
      </c>
      <c r="AO10906">
        <v>17</v>
      </c>
      <c r="AP10906">
        <v>17</v>
      </c>
      <c r="AQ10906">
        <v>17</v>
      </c>
    </row>
    <row r="10907" spans="1:43">
      <c r="A10907" t="s">
        <v>6782</v>
      </c>
      <c r="B10907" t="s">
        <v>6783</v>
      </c>
      <c r="C10907" t="s">
        <v>6766</v>
      </c>
      <c r="D10907" t="s">
        <v>6767</v>
      </c>
      <c r="E10907" t="s">
        <v>6594</v>
      </c>
      <c r="F10907" t="s">
        <v>6595</v>
      </c>
      <c r="G10907" t="s">
        <v>80</v>
      </c>
      <c r="H10907" t="s">
        <v>81</v>
      </c>
      <c r="I10907" s="2">
        <v>0</v>
      </c>
      <c r="J10907" s="2">
        <v>1</v>
      </c>
      <c r="K10907" s="2">
        <v>0</v>
      </c>
      <c r="L10907" t="s">
        <v>82</v>
      </c>
      <c r="M10907" t="s">
        <v>87</v>
      </c>
      <c r="N10907" t="s">
        <v>88</v>
      </c>
      <c r="O10907" t="s">
        <v>85</v>
      </c>
      <c r="P10907" t="s">
        <v>86</v>
      </c>
      <c r="Q10907">
        <v>17</v>
      </c>
      <c r="R10907">
        <v>17</v>
      </c>
      <c r="S10907">
        <v>17</v>
      </c>
      <c r="T10907">
        <v>17</v>
      </c>
      <c r="U10907">
        <v>17</v>
      </c>
      <c r="V10907">
        <v>17</v>
      </c>
      <c r="W10907">
        <v>17</v>
      </c>
      <c r="X10907">
        <v>17</v>
      </c>
      <c r="Y10907">
        <v>17</v>
      </c>
      <c r="Z10907">
        <v>17</v>
      </c>
      <c r="AA10907">
        <v>17</v>
      </c>
      <c r="AB10907">
        <v>17</v>
      </c>
      <c r="AC10907">
        <v>17</v>
      </c>
      <c r="AD10907">
        <v>16</v>
      </c>
      <c r="AE10907">
        <v>16</v>
      </c>
      <c r="AF10907">
        <v>16</v>
      </c>
      <c r="AG10907">
        <v>16</v>
      </c>
      <c r="AH10907">
        <v>16</v>
      </c>
      <c r="AI10907">
        <v>16</v>
      </c>
      <c r="AJ10907">
        <v>16</v>
      </c>
      <c r="AK10907">
        <v>16</v>
      </c>
      <c r="AL10907">
        <v>16</v>
      </c>
      <c r="AM10907">
        <v>16</v>
      </c>
      <c r="AN10907">
        <v>16</v>
      </c>
      <c r="AO10907">
        <v>15</v>
      </c>
      <c r="AP10907">
        <v>15</v>
      </c>
      <c r="AQ10907">
        <v>15</v>
      </c>
    </row>
    <row r="10908" spans="1:43">
      <c r="A10908" t="s">
        <v>6782</v>
      </c>
      <c r="B10908" t="s">
        <v>6783</v>
      </c>
      <c r="C10908" t="s">
        <v>6766</v>
      </c>
      <c r="D10908" t="s">
        <v>6767</v>
      </c>
      <c r="E10908" t="s">
        <v>6594</v>
      </c>
      <c r="F10908" t="s">
        <v>6595</v>
      </c>
      <c r="G10908" t="s">
        <v>80</v>
      </c>
      <c r="H10908" t="s">
        <v>81</v>
      </c>
      <c r="I10908" s="2">
        <v>0</v>
      </c>
      <c r="J10908" s="2">
        <v>1</v>
      </c>
      <c r="K10908" s="2">
        <v>0</v>
      </c>
      <c r="L10908" t="s">
        <v>82</v>
      </c>
      <c r="M10908" t="s">
        <v>89</v>
      </c>
      <c r="N10908" t="s">
        <v>90</v>
      </c>
      <c r="O10908" t="s">
        <v>85</v>
      </c>
      <c r="P10908" t="s">
        <v>86</v>
      </c>
      <c r="Q10908">
        <v>17</v>
      </c>
      <c r="R10908">
        <v>17</v>
      </c>
      <c r="S10908">
        <v>17</v>
      </c>
      <c r="T10908">
        <v>17</v>
      </c>
      <c r="U10908">
        <v>18</v>
      </c>
      <c r="V10908">
        <v>18</v>
      </c>
      <c r="W10908">
        <v>18</v>
      </c>
      <c r="X10908">
        <v>18</v>
      </c>
      <c r="Y10908">
        <v>18</v>
      </c>
      <c r="Z10908">
        <v>18</v>
      </c>
      <c r="AA10908">
        <v>18</v>
      </c>
      <c r="AB10908">
        <v>18</v>
      </c>
      <c r="AC10908">
        <v>19</v>
      </c>
      <c r="AD10908">
        <v>19</v>
      </c>
      <c r="AE10908">
        <v>19</v>
      </c>
      <c r="AF10908">
        <v>18</v>
      </c>
      <c r="AG10908">
        <v>18</v>
      </c>
      <c r="AH10908">
        <v>18</v>
      </c>
      <c r="AI10908">
        <v>18</v>
      </c>
      <c r="AJ10908">
        <v>18</v>
      </c>
      <c r="AK10908">
        <v>18</v>
      </c>
      <c r="AL10908">
        <v>17</v>
      </c>
      <c r="AM10908">
        <v>17</v>
      </c>
      <c r="AN10908">
        <v>17</v>
      </c>
      <c r="AO10908">
        <v>17</v>
      </c>
      <c r="AP10908">
        <v>17</v>
      </c>
      <c r="AQ10908">
        <v>17</v>
      </c>
    </row>
    <row r="10909" spans="1:43">
      <c r="A10909" t="s">
        <v>6782</v>
      </c>
      <c r="B10909" t="s">
        <v>6783</v>
      </c>
      <c r="C10909" t="s">
        <v>6766</v>
      </c>
      <c r="D10909" t="s">
        <v>6767</v>
      </c>
      <c r="E10909" t="s">
        <v>6594</v>
      </c>
      <c r="F10909" t="s">
        <v>6595</v>
      </c>
      <c r="G10909" t="s">
        <v>80</v>
      </c>
      <c r="H10909" t="s">
        <v>81</v>
      </c>
      <c r="I10909" s="2">
        <v>0</v>
      </c>
      <c r="J10909" s="2">
        <v>1</v>
      </c>
      <c r="K10909" s="2">
        <v>0</v>
      </c>
      <c r="L10909" t="s">
        <v>82</v>
      </c>
      <c r="M10909" t="s">
        <v>83</v>
      </c>
      <c r="N10909" t="s">
        <v>91</v>
      </c>
      <c r="O10909" t="s">
        <v>85</v>
      </c>
      <c r="P10909" t="s">
        <v>86</v>
      </c>
      <c r="Q10909">
        <v>17</v>
      </c>
      <c r="R10909">
        <v>17</v>
      </c>
      <c r="S10909">
        <v>17</v>
      </c>
      <c r="T10909">
        <v>17</v>
      </c>
      <c r="U10909">
        <v>17</v>
      </c>
      <c r="V10909">
        <v>17</v>
      </c>
      <c r="W10909">
        <v>17</v>
      </c>
      <c r="X10909">
        <v>17</v>
      </c>
      <c r="Y10909">
        <v>17</v>
      </c>
      <c r="Z10909">
        <v>17</v>
      </c>
      <c r="AA10909">
        <v>17</v>
      </c>
      <c r="AB10909">
        <v>17</v>
      </c>
      <c r="AC10909">
        <v>17</v>
      </c>
      <c r="AD10909">
        <v>17</v>
      </c>
      <c r="AE10909">
        <v>17</v>
      </c>
      <c r="AF10909">
        <v>17</v>
      </c>
      <c r="AG10909">
        <v>17</v>
      </c>
      <c r="AH10909">
        <v>17</v>
      </c>
      <c r="AI10909">
        <v>17</v>
      </c>
      <c r="AJ10909">
        <v>17</v>
      </c>
      <c r="AK10909">
        <v>17</v>
      </c>
      <c r="AL10909">
        <v>17</v>
      </c>
      <c r="AM10909">
        <v>17</v>
      </c>
      <c r="AN10909">
        <v>17</v>
      </c>
      <c r="AO10909">
        <v>17</v>
      </c>
      <c r="AP10909">
        <v>17</v>
      </c>
      <c r="AQ10909">
        <v>17</v>
      </c>
    </row>
    <row r="10910" spans="1:43">
      <c r="A10910" t="s">
        <v>6784</v>
      </c>
      <c r="B10910" t="s">
        <v>6785</v>
      </c>
      <c r="C10910" t="s">
        <v>6766</v>
      </c>
      <c r="D10910" t="s">
        <v>6767</v>
      </c>
      <c r="E10910" t="s">
        <v>6594</v>
      </c>
      <c r="F10910" t="s">
        <v>6595</v>
      </c>
      <c r="G10910" t="s">
        <v>80</v>
      </c>
      <c r="H10910" t="s">
        <v>81</v>
      </c>
      <c r="I10910" s="2">
        <v>0</v>
      </c>
      <c r="J10910" s="2">
        <v>1</v>
      </c>
      <c r="K10910" s="2">
        <v>0</v>
      </c>
      <c r="L10910" t="s">
        <v>82</v>
      </c>
      <c r="M10910" t="s">
        <v>83</v>
      </c>
      <c r="N10910" t="s">
        <v>84</v>
      </c>
      <c r="O10910" t="s">
        <v>85</v>
      </c>
      <c r="P10910" t="s">
        <v>86</v>
      </c>
      <c r="Q10910">
        <v>5</v>
      </c>
      <c r="R10910">
        <v>5</v>
      </c>
      <c r="S10910">
        <v>5</v>
      </c>
      <c r="T10910">
        <v>5</v>
      </c>
      <c r="U10910">
        <v>5</v>
      </c>
      <c r="V10910">
        <v>5</v>
      </c>
      <c r="W10910">
        <v>5</v>
      </c>
      <c r="X10910">
        <v>5</v>
      </c>
      <c r="Y10910">
        <v>6</v>
      </c>
      <c r="Z10910">
        <v>6</v>
      </c>
      <c r="AA10910">
        <v>6</v>
      </c>
      <c r="AB10910">
        <v>6</v>
      </c>
      <c r="AC10910">
        <v>6</v>
      </c>
      <c r="AD10910">
        <v>6</v>
      </c>
      <c r="AE10910">
        <v>6</v>
      </c>
      <c r="AF10910">
        <v>6</v>
      </c>
      <c r="AG10910">
        <v>6</v>
      </c>
      <c r="AH10910">
        <v>6</v>
      </c>
      <c r="AI10910">
        <v>6</v>
      </c>
      <c r="AJ10910">
        <v>6</v>
      </c>
      <c r="AK10910">
        <v>6</v>
      </c>
      <c r="AL10910">
        <v>6</v>
      </c>
      <c r="AM10910">
        <v>5</v>
      </c>
      <c r="AN10910">
        <v>5</v>
      </c>
      <c r="AO10910">
        <v>5</v>
      </c>
      <c r="AP10910">
        <v>5</v>
      </c>
      <c r="AQ10910">
        <v>5</v>
      </c>
    </row>
    <row r="10911" spans="1:43">
      <c r="A10911" t="s">
        <v>6784</v>
      </c>
      <c r="B10911" t="s">
        <v>6785</v>
      </c>
      <c r="C10911" t="s">
        <v>6766</v>
      </c>
      <c r="D10911" t="s">
        <v>6767</v>
      </c>
      <c r="E10911" t="s">
        <v>6594</v>
      </c>
      <c r="F10911" t="s">
        <v>6595</v>
      </c>
      <c r="G10911" t="s">
        <v>80</v>
      </c>
      <c r="H10911" t="s">
        <v>81</v>
      </c>
      <c r="I10911" s="2">
        <v>0</v>
      </c>
      <c r="J10911" s="2">
        <v>1</v>
      </c>
      <c r="K10911" s="2">
        <v>0</v>
      </c>
      <c r="L10911" t="s">
        <v>82</v>
      </c>
      <c r="M10911" t="s">
        <v>87</v>
      </c>
      <c r="N10911" t="s">
        <v>88</v>
      </c>
      <c r="O10911" t="s">
        <v>85</v>
      </c>
      <c r="P10911" t="s">
        <v>86</v>
      </c>
      <c r="Q10911">
        <v>5</v>
      </c>
      <c r="R10911">
        <v>5</v>
      </c>
      <c r="S10911">
        <v>5</v>
      </c>
      <c r="T10911">
        <v>5</v>
      </c>
      <c r="U10911">
        <v>5</v>
      </c>
      <c r="V10911">
        <v>5</v>
      </c>
      <c r="W10911">
        <v>5</v>
      </c>
      <c r="X10911">
        <v>5</v>
      </c>
      <c r="Y10911">
        <v>5</v>
      </c>
      <c r="Z10911">
        <v>5</v>
      </c>
      <c r="AA10911">
        <v>5</v>
      </c>
      <c r="AB10911">
        <v>5</v>
      </c>
      <c r="AC10911">
        <v>5</v>
      </c>
      <c r="AD10911">
        <v>5</v>
      </c>
      <c r="AE10911">
        <v>5</v>
      </c>
      <c r="AF10911">
        <v>5</v>
      </c>
      <c r="AG10911">
        <v>5</v>
      </c>
      <c r="AH10911">
        <v>5</v>
      </c>
      <c r="AI10911">
        <v>5</v>
      </c>
      <c r="AJ10911">
        <v>5</v>
      </c>
      <c r="AK10911">
        <v>5</v>
      </c>
      <c r="AL10911">
        <v>5</v>
      </c>
      <c r="AM10911">
        <v>5</v>
      </c>
      <c r="AN10911">
        <v>5</v>
      </c>
      <c r="AO10911">
        <v>5</v>
      </c>
      <c r="AP10911">
        <v>5</v>
      </c>
      <c r="AQ10911">
        <v>5</v>
      </c>
    </row>
    <row r="10912" spans="1:43">
      <c r="A10912" t="s">
        <v>6784</v>
      </c>
      <c r="B10912" t="s">
        <v>6785</v>
      </c>
      <c r="C10912" t="s">
        <v>6766</v>
      </c>
      <c r="D10912" t="s">
        <v>6767</v>
      </c>
      <c r="E10912" t="s">
        <v>6594</v>
      </c>
      <c r="F10912" t="s">
        <v>6595</v>
      </c>
      <c r="G10912" t="s">
        <v>80</v>
      </c>
      <c r="H10912" t="s">
        <v>81</v>
      </c>
      <c r="I10912" s="2">
        <v>0</v>
      </c>
      <c r="J10912" s="2">
        <v>1</v>
      </c>
      <c r="K10912" s="2">
        <v>0</v>
      </c>
      <c r="L10912" t="s">
        <v>82</v>
      </c>
      <c r="M10912" t="s">
        <v>89</v>
      </c>
      <c r="N10912" t="s">
        <v>90</v>
      </c>
      <c r="O10912" t="s">
        <v>85</v>
      </c>
      <c r="P10912" t="s">
        <v>86</v>
      </c>
      <c r="Q10912">
        <v>5</v>
      </c>
      <c r="R10912">
        <v>5</v>
      </c>
      <c r="S10912">
        <v>6</v>
      </c>
      <c r="T10912">
        <v>6</v>
      </c>
      <c r="U10912">
        <v>6</v>
      </c>
      <c r="V10912">
        <v>6</v>
      </c>
      <c r="W10912">
        <v>6</v>
      </c>
      <c r="X10912">
        <v>6</v>
      </c>
      <c r="Y10912">
        <v>6</v>
      </c>
      <c r="Z10912">
        <v>6</v>
      </c>
      <c r="AA10912">
        <v>6</v>
      </c>
      <c r="AB10912">
        <v>6</v>
      </c>
      <c r="AC10912">
        <v>6</v>
      </c>
      <c r="AD10912">
        <v>6</v>
      </c>
      <c r="AE10912">
        <v>6</v>
      </c>
      <c r="AF10912">
        <v>6</v>
      </c>
      <c r="AG10912">
        <v>6</v>
      </c>
      <c r="AH10912">
        <v>6</v>
      </c>
      <c r="AI10912">
        <v>6</v>
      </c>
      <c r="AJ10912">
        <v>6</v>
      </c>
      <c r="AK10912">
        <v>6</v>
      </c>
      <c r="AL10912">
        <v>6</v>
      </c>
      <c r="AM10912">
        <v>6</v>
      </c>
      <c r="AN10912">
        <v>5</v>
      </c>
      <c r="AO10912">
        <v>5</v>
      </c>
      <c r="AP10912">
        <v>5</v>
      </c>
      <c r="AQ10912">
        <v>5</v>
      </c>
    </row>
    <row r="10913" spans="1:43">
      <c r="A10913" t="s">
        <v>6784</v>
      </c>
      <c r="B10913" t="s">
        <v>6785</v>
      </c>
      <c r="C10913" t="s">
        <v>6766</v>
      </c>
      <c r="D10913" t="s">
        <v>6767</v>
      </c>
      <c r="E10913" t="s">
        <v>6594</v>
      </c>
      <c r="F10913" t="s">
        <v>6595</v>
      </c>
      <c r="G10913" t="s">
        <v>80</v>
      </c>
      <c r="H10913" t="s">
        <v>81</v>
      </c>
      <c r="I10913" s="2">
        <v>0</v>
      </c>
      <c r="J10913" s="2">
        <v>1</v>
      </c>
      <c r="K10913" s="2">
        <v>0</v>
      </c>
      <c r="L10913" t="s">
        <v>82</v>
      </c>
      <c r="M10913" t="s">
        <v>83</v>
      </c>
      <c r="N10913" t="s">
        <v>91</v>
      </c>
      <c r="O10913" t="s">
        <v>85</v>
      </c>
      <c r="P10913" t="s">
        <v>86</v>
      </c>
      <c r="Q10913">
        <v>5</v>
      </c>
      <c r="R10913">
        <v>5</v>
      </c>
      <c r="S10913">
        <v>5</v>
      </c>
      <c r="T10913">
        <v>5</v>
      </c>
      <c r="U10913">
        <v>5</v>
      </c>
      <c r="V10913">
        <v>5</v>
      </c>
      <c r="W10913">
        <v>5</v>
      </c>
      <c r="X10913">
        <v>5</v>
      </c>
      <c r="Y10913">
        <v>6</v>
      </c>
      <c r="Z10913">
        <v>6</v>
      </c>
      <c r="AA10913">
        <v>6</v>
      </c>
      <c r="AB10913">
        <v>6</v>
      </c>
      <c r="AC10913">
        <v>6</v>
      </c>
      <c r="AD10913">
        <v>6</v>
      </c>
      <c r="AE10913">
        <v>6</v>
      </c>
      <c r="AF10913">
        <v>6</v>
      </c>
      <c r="AG10913">
        <v>6</v>
      </c>
      <c r="AH10913">
        <v>6</v>
      </c>
      <c r="AI10913">
        <v>6</v>
      </c>
      <c r="AJ10913">
        <v>6</v>
      </c>
      <c r="AK10913">
        <v>6</v>
      </c>
      <c r="AL10913">
        <v>6</v>
      </c>
      <c r="AM10913">
        <v>5</v>
      </c>
      <c r="AN10913">
        <v>5</v>
      </c>
      <c r="AO10913">
        <v>5</v>
      </c>
      <c r="AP10913">
        <v>5</v>
      </c>
      <c r="AQ10913">
        <v>5</v>
      </c>
    </row>
    <row r="10914" spans="1:43">
      <c r="A10914" t="s">
        <v>6786</v>
      </c>
      <c r="B10914" t="s">
        <v>6787</v>
      </c>
      <c r="C10914" t="s">
        <v>6788</v>
      </c>
      <c r="D10914" t="s">
        <v>6789</v>
      </c>
      <c r="E10914" t="s">
        <v>6594</v>
      </c>
      <c r="F10914" t="s">
        <v>6595</v>
      </c>
      <c r="G10914" t="s">
        <v>80</v>
      </c>
      <c r="H10914" t="s">
        <v>81</v>
      </c>
      <c r="I10914" s="2">
        <v>0</v>
      </c>
      <c r="J10914" s="2">
        <v>1</v>
      </c>
      <c r="K10914" s="2">
        <v>0</v>
      </c>
      <c r="L10914" t="s">
        <v>82</v>
      </c>
      <c r="M10914" t="s">
        <v>83</v>
      </c>
      <c r="N10914" t="s">
        <v>84</v>
      </c>
      <c r="O10914" t="s">
        <v>85</v>
      </c>
      <c r="P10914" t="s">
        <v>86</v>
      </c>
      <c r="Q10914">
        <v>67</v>
      </c>
      <c r="R10914">
        <v>68</v>
      </c>
      <c r="S10914">
        <v>68</v>
      </c>
      <c r="T10914">
        <v>68</v>
      </c>
      <c r="U10914">
        <v>69</v>
      </c>
      <c r="V10914">
        <v>69</v>
      </c>
      <c r="W10914">
        <v>69</v>
      </c>
      <c r="X10914">
        <v>69</v>
      </c>
      <c r="Y10914">
        <v>70</v>
      </c>
      <c r="Z10914">
        <v>70</v>
      </c>
      <c r="AA10914">
        <v>70</v>
      </c>
      <c r="AB10914">
        <v>70</v>
      </c>
      <c r="AC10914">
        <v>70</v>
      </c>
      <c r="AD10914">
        <v>70</v>
      </c>
      <c r="AE10914">
        <v>70</v>
      </c>
      <c r="AF10914">
        <v>70</v>
      </c>
      <c r="AG10914">
        <v>70</v>
      </c>
      <c r="AH10914">
        <v>70</v>
      </c>
      <c r="AI10914">
        <v>70</v>
      </c>
      <c r="AJ10914">
        <v>70</v>
      </c>
      <c r="AK10914">
        <v>69</v>
      </c>
      <c r="AL10914">
        <v>69</v>
      </c>
      <c r="AM10914">
        <v>68</v>
      </c>
      <c r="AN10914">
        <v>68</v>
      </c>
      <c r="AO10914">
        <v>67</v>
      </c>
      <c r="AP10914">
        <v>66</v>
      </c>
      <c r="AQ10914">
        <v>65</v>
      </c>
    </row>
    <row r="10915" spans="1:43">
      <c r="A10915" t="s">
        <v>6786</v>
      </c>
      <c r="B10915" t="s">
        <v>6787</v>
      </c>
      <c r="C10915" t="s">
        <v>6788</v>
      </c>
      <c r="D10915" t="s">
        <v>6789</v>
      </c>
      <c r="E10915" t="s">
        <v>6594</v>
      </c>
      <c r="F10915" t="s">
        <v>6595</v>
      </c>
      <c r="G10915" t="s">
        <v>80</v>
      </c>
      <c r="H10915" t="s">
        <v>81</v>
      </c>
      <c r="I10915" s="2">
        <v>0</v>
      </c>
      <c r="J10915" s="2">
        <v>1</v>
      </c>
      <c r="K10915" s="2">
        <v>0</v>
      </c>
      <c r="L10915" t="s">
        <v>82</v>
      </c>
      <c r="M10915" t="s">
        <v>87</v>
      </c>
      <c r="N10915" t="s">
        <v>88</v>
      </c>
      <c r="O10915" t="s">
        <v>85</v>
      </c>
      <c r="P10915" t="s">
        <v>86</v>
      </c>
      <c r="Q10915">
        <v>67</v>
      </c>
      <c r="R10915">
        <v>67</v>
      </c>
      <c r="S10915">
        <v>66</v>
      </c>
      <c r="T10915">
        <v>66</v>
      </c>
      <c r="U10915">
        <v>66</v>
      </c>
      <c r="V10915">
        <v>65</v>
      </c>
      <c r="W10915">
        <v>65</v>
      </c>
      <c r="X10915">
        <v>65</v>
      </c>
      <c r="Y10915">
        <v>64</v>
      </c>
      <c r="Z10915">
        <v>64</v>
      </c>
      <c r="AA10915">
        <v>64</v>
      </c>
      <c r="AB10915">
        <v>63</v>
      </c>
      <c r="AC10915">
        <v>63</v>
      </c>
      <c r="AD10915">
        <v>62</v>
      </c>
      <c r="AE10915">
        <v>62</v>
      </c>
      <c r="AF10915">
        <v>61</v>
      </c>
      <c r="AG10915">
        <v>61</v>
      </c>
      <c r="AH10915">
        <v>61</v>
      </c>
      <c r="AI10915">
        <v>60</v>
      </c>
      <c r="AJ10915">
        <v>60</v>
      </c>
      <c r="AK10915">
        <v>59</v>
      </c>
      <c r="AL10915">
        <v>59</v>
      </c>
      <c r="AM10915">
        <v>58</v>
      </c>
      <c r="AN10915">
        <v>58</v>
      </c>
      <c r="AO10915">
        <v>58</v>
      </c>
      <c r="AP10915">
        <v>57</v>
      </c>
      <c r="AQ10915">
        <v>57</v>
      </c>
    </row>
    <row r="10916" spans="1:43">
      <c r="A10916" t="s">
        <v>6786</v>
      </c>
      <c r="B10916" t="s">
        <v>6787</v>
      </c>
      <c r="C10916" t="s">
        <v>6788</v>
      </c>
      <c r="D10916" t="s">
        <v>6789</v>
      </c>
      <c r="E10916" t="s">
        <v>6594</v>
      </c>
      <c r="F10916" t="s">
        <v>6595</v>
      </c>
      <c r="G10916" t="s">
        <v>80</v>
      </c>
      <c r="H10916" t="s">
        <v>81</v>
      </c>
      <c r="I10916" s="2">
        <v>0</v>
      </c>
      <c r="J10916" s="2">
        <v>1</v>
      </c>
      <c r="K10916" s="2">
        <v>0</v>
      </c>
      <c r="L10916" t="s">
        <v>82</v>
      </c>
      <c r="M10916" t="s">
        <v>89</v>
      </c>
      <c r="N10916" t="s">
        <v>90</v>
      </c>
      <c r="O10916" t="s">
        <v>85</v>
      </c>
      <c r="P10916" t="s">
        <v>86</v>
      </c>
      <c r="Q10916">
        <v>67</v>
      </c>
      <c r="R10916">
        <v>68</v>
      </c>
      <c r="S10916">
        <v>69</v>
      </c>
      <c r="T10916">
        <v>70</v>
      </c>
      <c r="U10916">
        <v>70</v>
      </c>
      <c r="V10916">
        <v>71</v>
      </c>
      <c r="W10916">
        <v>72</v>
      </c>
      <c r="X10916">
        <v>72</v>
      </c>
      <c r="Y10916">
        <v>73</v>
      </c>
      <c r="Z10916">
        <v>73</v>
      </c>
      <c r="AA10916">
        <v>73</v>
      </c>
      <c r="AB10916">
        <v>74</v>
      </c>
      <c r="AC10916">
        <v>74</v>
      </c>
      <c r="AD10916">
        <v>74</v>
      </c>
      <c r="AE10916">
        <v>74</v>
      </c>
      <c r="AF10916">
        <v>73</v>
      </c>
      <c r="AG10916">
        <v>72</v>
      </c>
      <c r="AH10916">
        <v>72</v>
      </c>
      <c r="AI10916">
        <v>71</v>
      </c>
      <c r="AJ10916">
        <v>70</v>
      </c>
      <c r="AK10916">
        <v>69</v>
      </c>
      <c r="AL10916">
        <v>69</v>
      </c>
      <c r="AM10916">
        <v>68</v>
      </c>
      <c r="AN10916">
        <v>67</v>
      </c>
      <c r="AO10916">
        <v>66</v>
      </c>
      <c r="AP10916">
        <v>66</v>
      </c>
      <c r="AQ10916">
        <v>65</v>
      </c>
    </row>
    <row r="10917" spans="1:43">
      <c r="A10917" t="s">
        <v>6786</v>
      </c>
      <c r="B10917" t="s">
        <v>6787</v>
      </c>
      <c r="C10917" t="s">
        <v>6788</v>
      </c>
      <c r="D10917" t="s">
        <v>6789</v>
      </c>
      <c r="E10917" t="s">
        <v>6594</v>
      </c>
      <c r="F10917" t="s">
        <v>6595</v>
      </c>
      <c r="G10917" t="s">
        <v>80</v>
      </c>
      <c r="H10917" t="s">
        <v>81</v>
      </c>
      <c r="I10917" s="2">
        <v>0</v>
      </c>
      <c r="J10917" s="2">
        <v>1</v>
      </c>
      <c r="K10917" s="2">
        <v>0</v>
      </c>
      <c r="L10917" t="s">
        <v>82</v>
      </c>
      <c r="M10917" t="s">
        <v>83</v>
      </c>
      <c r="N10917" t="s">
        <v>91</v>
      </c>
      <c r="O10917" t="s">
        <v>85</v>
      </c>
      <c r="P10917" t="s">
        <v>86</v>
      </c>
      <c r="Q10917">
        <v>67</v>
      </c>
      <c r="R10917">
        <v>68</v>
      </c>
      <c r="S10917">
        <v>68</v>
      </c>
      <c r="T10917">
        <v>68</v>
      </c>
      <c r="U10917">
        <v>69</v>
      </c>
      <c r="V10917">
        <v>69</v>
      </c>
      <c r="W10917">
        <v>69</v>
      </c>
      <c r="X10917">
        <v>69</v>
      </c>
      <c r="Y10917">
        <v>70</v>
      </c>
      <c r="Z10917">
        <v>70</v>
      </c>
      <c r="AA10917">
        <v>70</v>
      </c>
      <c r="AB10917">
        <v>70</v>
      </c>
      <c r="AC10917">
        <v>70</v>
      </c>
      <c r="AD10917">
        <v>70</v>
      </c>
      <c r="AE10917">
        <v>70</v>
      </c>
      <c r="AF10917">
        <v>70</v>
      </c>
      <c r="AG10917">
        <v>70</v>
      </c>
      <c r="AH10917">
        <v>70</v>
      </c>
      <c r="AI10917">
        <v>70</v>
      </c>
      <c r="AJ10917">
        <v>70</v>
      </c>
      <c r="AK10917">
        <v>69</v>
      </c>
      <c r="AL10917">
        <v>69</v>
      </c>
      <c r="AM10917">
        <v>68</v>
      </c>
      <c r="AN10917">
        <v>68</v>
      </c>
      <c r="AO10917">
        <v>67</v>
      </c>
      <c r="AP10917">
        <v>66</v>
      </c>
      <c r="AQ10917">
        <v>65</v>
      </c>
    </row>
    <row r="10918" spans="1:43">
      <c r="A10918" t="s">
        <v>6790</v>
      </c>
      <c r="B10918" t="s">
        <v>6791</v>
      </c>
      <c r="C10918" t="s">
        <v>6792</v>
      </c>
      <c r="D10918" t="s">
        <v>6793</v>
      </c>
      <c r="E10918" t="s">
        <v>6594</v>
      </c>
      <c r="F10918" t="s">
        <v>6595</v>
      </c>
      <c r="G10918" t="s">
        <v>80</v>
      </c>
      <c r="H10918" t="s">
        <v>81</v>
      </c>
      <c r="I10918" s="2">
        <v>0</v>
      </c>
      <c r="J10918" s="2">
        <v>1</v>
      </c>
      <c r="K10918" s="2">
        <v>0</v>
      </c>
      <c r="L10918" t="s">
        <v>82</v>
      </c>
      <c r="M10918" t="s">
        <v>83</v>
      </c>
      <c r="N10918" t="s">
        <v>84</v>
      </c>
      <c r="O10918" t="s">
        <v>85</v>
      </c>
      <c r="P10918" t="s">
        <v>86</v>
      </c>
      <c r="Q10918">
        <v>31</v>
      </c>
      <c r="R10918">
        <v>31</v>
      </c>
      <c r="S10918">
        <v>32</v>
      </c>
      <c r="T10918">
        <v>32</v>
      </c>
      <c r="U10918">
        <v>32</v>
      </c>
      <c r="V10918">
        <v>32</v>
      </c>
      <c r="W10918">
        <v>32</v>
      </c>
      <c r="X10918">
        <v>32</v>
      </c>
      <c r="Y10918">
        <v>32</v>
      </c>
      <c r="Z10918">
        <v>32</v>
      </c>
      <c r="AA10918">
        <v>33</v>
      </c>
      <c r="AB10918">
        <v>33</v>
      </c>
      <c r="AC10918">
        <v>33</v>
      </c>
      <c r="AD10918">
        <v>33</v>
      </c>
      <c r="AE10918">
        <v>33</v>
      </c>
      <c r="AF10918">
        <v>33</v>
      </c>
      <c r="AG10918">
        <v>33</v>
      </c>
      <c r="AH10918">
        <v>33</v>
      </c>
      <c r="AI10918">
        <v>33</v>
      </c>
      <c r="AJ10918">
        <v>33</v>
      </c>
      <c r="AK10918">
        <v>33</v>
      </c>
      <c r="AL10918">
        <v>33</v>
      </c>
      <c r="AM10918">
        <v>32</v>
      </c>
      <c r="AN10918">
        <v>32</v>
      </c>
      <c r="AO10918">
        <v>32</v>
      </c>
      <c r="AP10918">
        <v>31</v>
      </c>
      <c r="AQ10918">
        <v>31</v>
      </c>
    </row>
    <row r="10919" spans="1:43">
      <c r="A10919" t="s">
        <v>6790</v>
      </c>
      <c r="B10919" t="s">
        <v>6791</v>
      </c>
      <c r="C10919" t="s">
        <v>6792</v>
      </c>
      <c r="D10919" t="s">
        <v>6793</v>
      </c>
      <c r="E10919" t="s">
        <v>6594</v>
      </c>
      <c r="F10919" t="s">
        <v>6595</v>
      </c>
      <c r="G10919" t="s">
        <v>80</v>
      </c>
      <c r="H10919" t="s">
        <v>81</v>
      </c>
      <c r="I10919" s="2">
        <v>0</v>
      </c>
      <c r="J10919" s="2">
        <v>1</v>
      </c>
      <c r="K10919" s="2">
        <v>0</v>
      </c>
      <c r="L10919" t="s">
        <v>82</v>
      </c>
      <c r="M10919" t="s">
        <v>87</v>
      </c>
      <c r="N10919" t="s">
        <v>88</v>
      </c>
      <c r="O10919" t="s">
        <v>85</v>
      </c>
      <c r="P10919" t="s">
        <v>86</v>
      </c>
      <c r="Q10919">
        <v>31</v>
      </c>
      <c r="R10919">
        <v>31</v>
      </c>
      <c r="S10919">
        <v>31</v>
      </c>
      <c r="T10919">
        <v>31</v>
      </c>
      <c r="U10919">
        <v>30</v>
      </c>
      <c r="V10919">
        <v>30</v>
      </c>
      <c r="W10919">
        <v>30</v>
      </c>
      <c r="X10919">
        <v>30</v>
      </c>
      <c r="Y10919">
        <v>30</v>
      </c>
      <c r="Z10919">
        <v>30</v>
      </c>
      <c r="AA10919">
        <v>30</v>
      </c>
      <c r="AB10919">
        <v>29</v>
      </c>
      <c r="AC10919">
        <v>29</v>
      </c>
      <c r="AD10919">
        <v>29</v>
      </c>
      <c r="AE10919">
        <v>29</v>
      </c>
      <c r="AF10919">
        <v>29</v>
      </c>
      <c r="AG10919">
        <v>29</v>
      </c>
      <c r="AH10919">
        <v>28</v>
      </c>
      <c r="AI10919">
        <v>28</v>
      </c>
      <c r="AJ10919">
        <v>28</v>
      </c>
      <c r="AK10919">
        <v>28</v>
      </c>
      <c r="AL10919">
        <v>28</v>
      </c>
      <c r="AM10919">
        <v>28</v>
      </c>
      <c r="AN10919">
        <v>27</v>
      </c>
      <c r="AO10919">
        <v>27</v>
      </c>
      <c r="AP10919">
        <v>27</v>
      </c>
      <c r="AQ10919">
        <v>27</v>
      </c>
    </row>
    <row r="10920" spans="1:43">
      <c r="A10920" t="s">
        <v>6790</v>
      </c>
      <c r="B10920" t="s">
        <v>6791</v>
      </c>
      <c r="C10920" t="s">
        <v>6792</v>
      </c>
      <c r="D10920" t="s">
        <v>6793</v>
      </c>
      <c r="E10920" t="s">
        <v>6594</v>
      </c>
      <c r="F10920" t="s">
        <v>6595</v>
      </c>
      <c r="G10920" t="s">
        <v>80</v>
      </c>
      <c r="H10920" t="s">
        <v>81</v>
      </c>
      <c r="I10920" s="2">
        <v>0</v>
      </c>
      <c r="J10920" s="2">
        <v>1</v>
      </c>
      <c r="K10920" s="2">
        <v>0</v>
      </c>
      <c r="L10920" t="s">
        <v>82</v>
      </c>
      <c r="M10920" t="s">
        <v>89</v>
      </c>
      <c r="N10920" t="s">
        <v>90</v>
      </c>
      <c r="O10920" t="s">
        <v>85</v>
      </c>
      <c r="P10920" t="s">
        <v>86</v>
      </c>
      <c r="Q10920">
        <v>31</v>
      </c>
      <c r="R10920">
        <v>32</v>
      </c>
      <c r="S10920">
        <v>32</v>
      </c>
      <c r="T10920">
        <v>33</v>
      </c>
      <c r="U10920">
        <v>33</v>
      </c>
      <c r="V10920">
        <v>34</v>
      </c>
      <c r="W10920">
        <v>34</v>
      </c>
      <c r="X10920">
        <v>34</v>
      </c>
      <c r="Y10920">
        <v>34</v>
      </c>
      <c r="Z10920">
        <v>35</v>
      </c>
      <c r="AA10920">
        <v>35</v>
      </c>
      <c r="AB10920">
        <v>35</v>
      </c>
      <c r="AC10920">
        <v>35</v>
      </c>
      <c r="AD10920">
        <v>35</v>
      </c>
      <c r="AE10920">
        <v>35</v>
      </c>
      <c r="AF10920">
        <v>35</v>
      </c>
      <c r="AG10920">
        <v>34</v>
      </c>
      <c r="AH10920">
        <v>34</v>
      </c>
      <c r="AI10920">
        <v>34</v>
      </c>
      <c r="AJ10920">
        <v>34</v>
      </c>
      <c r="AK10920">
        <v>33</v>
      </c>
      <c r="AL10920">
        <v>33</v>
      </c>
      <c r="AM10920">
        <v>33</v>
      </c>
      <c r="AN10920">
        <v>32</v>
      </c>
      <c r="AO10920">
        <v>32</v>
      </c>
      <c r="AP10920">
        <v>32</v>
      </c>
      <c r="AQ10920">
        <v>31</v>
      </c>
    </row>
    <row r="10921" spans="1:43">
      <c r="A10921" t="s">
        <v>6790</v>
      </c>
      <c r="B10921" t="s">
        <v>6791</v>
      </c>
      <c r="C10921" t="s">
        <v>6792</v>
      </c>
      <c r="D10921" t="s">
        <v>6793</v>
      </c>
      <c r="E10921" t="s">
        <v>6594</v>
      </c>
      <c r="F10921" t="s">
        <v>6595</v>
      </c>
      <c r="G10921" t="s">
        <v>80</v>
      </c>
      <c r="H10921" t="s">
        <v>81</v>
      </c>
      <c r="I10921" s="2">
        <v>0</v>
      </c>
      <c r="J10921" s="2">
        <v>1</v>
      </c>
      <c r="K10921" s="2">
        <v>0</v>
      </c>
      <c r="L10921" t="s">
        <v>82</v>
      </c>
      <c r="M10921" t="s">
        <v>83</v>
      </c>
      <c r="N10921" t="s">
        <v>91</v>
      </c>
      <c r="O10921" t="s">
        <v>85</v>
      </c>
      <c r="P10921" t="s">
        <v>86</v>
      </c>
      <c r="Q10921">
        <v>31</v>
      </c>
      <c r="R10921">
        <v>31</v>
      </c>
      <c r="S10921">
        <v>32</v>
      </c>
      <c r="T10921">
        <v>32</v>
      </c>
      <c r="U10921">
        <v>32</v>
      </c>
      <c r="V10921">
        <v>32</v>
      </c>
      <c r="W10921">
        <v>32</v>
      </c>
      <c r="X10921">
        <v>32</v>
      </c>
      <c r="Y10921">
        <v>32</v>
      </c>
      <c r="Z10921">
        <v>32</v>
      </c>
      <c r="AA10921">
        <v>33</v>
      </c>
      <c r="AB10921">
        <v>33</v>
      </c>
      <c r="AC10921">
        <v>33</v>
      </c>
      <c r="AD10921">
        <v>33</v>
      </c>
      <c r="AE10921">
        <v>33</v>
      </c>
      <c r="AF10921">
        <v>33</v>
      </c>
      <c r="AG10921">
        <v>33</v>
      </c>
      <c r="AH10921">
        <v>33</v>
      </c>
      <c r="AI10921">
        <v>33</v>
      </c>
      <c r="AJ10921">
        <v>33</v>
      </c>
      <c r="AK10921">
        <v>33</v>
      </c>
      <c r="AL10921">
        <v>33</v>
      </c>
      <c r="AM10921">
        <v>32</v>
      </c>
      <c r="AN10921">
        <v>32</v>
      </c>
      <c r="AO10921">
        <v>32</v>
      </c>
      <c r="AP10921">
        <v>31</v>
      </c>
      <c r="AQ10921">
        <v>31</v>
      </c>
    </row>
    <row r="10922" spans="1:43">
      <c r="A10922" t="s">
        <v>6794</v>
      </c>
      <c r="B10922" t="s">
        <v>6795</v>
      </c>
      <c r="C10922" t="s">
        <v>6788</v>
      </c>
      <c r="D10922" t="s">
        <v>6789</v>
      </c>
      <c r="E10922" t="s">
        <v>6594</v>
      </c>
      <c r="F10922" t="s">
        <v>6595</v>
      </c>
      <c r="G10922" t="s">
        <v>80</v>
      </c>
      <c r="H10922" t="s">
        <v>81</v>
      </c>
      <c r="I10922" s="2">
        <v>0</v>
      </c>
      <c r="J10922" s="2">
        <v>1</v>
      </c>
      <c r="K10922" s="2">
        <v>0</v>
      </c>
      <c r="L10922" t="s">
        <v>82</v>
      </c>
      <c r="M10922" t="s">
        <v>83</v>
      </c>
      <c r="N10922" t="s">
        <v>84</v>
      </c>
      <c r="O10922" t="s">
        <v>85</v>
      </c>
      <c r="P10922" t="s">
        <v>86</v>
      </c>
      <c r="Q10922">
        <v>41</v>
      </c>
      <c r="R10922">
        <v>41</v>
      </c>
      <c r="S10922">
        <v>42</v>
      </c>
      <c r="T10922">
        <v>42</v>
      </c>
      <c r="U10922">
        <v>42</v>
      </c>
      <c r="V10922">
        <v>42</v>
      </c>
      <c r="W10922">
        <v>42</v>
      </c>
      <c r="X10922">
        <v>42</v>
      </c>
      <c r="Y10922">
        <v>43</v>
      </c>
      <c r="Z10922">
        <v>43</v>
      </c>
      <c r="AA10922">
        <v>43</v>
      </c>
      <c r="AB10922">
        <v>43</v>
      </c>
      <c r="AC10922">
        <v>43</v>
      </c>
      <c r="AD10922">
        <v>43</v>
      </c>
      <c r="AE10922">
        <v>43</v>
      </c>
      <c r="AF10922">
        <v>43</v>
      </c>
      <c r="AG10922">
        <v>43</v>
      </c>
      <c r="AH10922">
        <v>43</v>
      </c>
      <c r="AI10922">
        <v>43</v>
      </c>
      <c r="AJ10922">
        <v>43</v>
      </c>
      <c r="AK10922">
        <v>43</v>
      </c>
      <c r="AL10922">
        <v>42</v>
      </c>
      <c r="AM10922">
        <v>42</v>
      </c>
      <c r="AN10922">
        <v>42</v>
      </c>
      <c r="AO10922">
        <v>41</v>
      </c>
      <c r="AP10922">
        <v>41</v>
      </c>
      <c r="AQ10922">
        <v>41</v>
      </c>
    </row>
    <row r="10923" spans="1:43">
      <c r="A10923" t="s">
        <v>6794</v>
      </c>
      <c r="B10923" t="s">
        <v>6795</v>
      </c>
      <c r="C10923" t="s">
        <v>6788</v>
      </c>
      <c r="D10923" t="s">
        <v>6789</v>
      </c>
      <c r="E10923" t="s">
        <v>6594</v>
      </c>
      <c r="F10923" t="s">
        <v>6595</v>
      </c>
      <c r="G10923" t="s">
        <v>80</v>
      </c>
      <c r="H10923" t="s">
        <v>81</v>
      </c>
      <c r="I10923" s="2">
        <v>0</v>
      </c>
      <c r="J10923" s="2">
        <v>1</v>
      </c>
      <c r="K10923" s="2">
        <v>0</v>
      </c>
      <c r="L10923" t="s">
        <v>82</v>
      </c>
      <c r="M10923" t="s">
        <v>87</v>
      </c>
      <c r="N10923" t="s">
        <v>88</v>
      </c>
      <c r="O10923" t="s">
        <v>85</v>
      </c>
      <c r="P10923" t="s">
        <v>86</v>
      </c>
      <c r="Q10923">
        <v>41</v>
      </c>
      <c r="R10923">
        <v>41</v>
      </c>
      <c r="S10923">
        <v>40</v>
      </c>
      <c r="T10923">
        <v>40</v>
      </c>
      <c r="U10923">
        <v>40</v>
      </c>
      <c r="V10923">
        <v>40</v>
      </c>
      <c r="W10923">
        <v>40</v>
      </c>
      <c r="X10923">
        <v>40</v>
      </c>
      <c r="Y10923">
        <v>39</v>
      </c>
      <c r="Z10923">
        <v>39</v>
      </c>
      <c r="AA10923">
        <v>39</v>
      </c>
      <c r="AB10923">
        <v>39</v>
      </c>
      <c r="AC10923">
        <v>38</v>
      </c>
      <c r="AD10923">
        <v>38</v>
      </c>
      <c r="AE10923">
        <v>38</v>
      </c>
      <c r="AF10923">
        <v>38</v>
      </c>
      <c r="AG10923">
        <v>37</v>
      </c>
      <c r="AH10923">
        <v>37</v>
      </c>
      <c r="AI10923">
        <v>37</v>
      </c>
      <c r="AJ10923">
        <v>37</v>
      </c>
      <c r="AK10923">
        <v>36</v>
      </c>
      <c r="AL10923">
        <v>36</v>
      </c>
      <c r="AM10923">
        <v>36</v>
      </c>
      <c r="AN10923">
        <v>36</v>
      </c>
      <c r="AO10923">
        <v>36</v>
      </c>
      <c r="AP10923">
        <v>35</v>
      </c>
      <c r="AQ10923">
        <v>35</v>
      </c>
    </row>
    <row r="10924" spans="1:43">
      <c r="A10924" t="s">
        <v>6794</v>
      </c>
      <c r="B10924" t="s">
        <v>6795</v>
      </c>
      <c r="C10924" t="s">
        <v>6788</v>
      </c>
      <c r="D10924" t="s">
        <v>6789</v>
      </c>
      <c r="E10924" t="s">
        <v>6594</v>
      </c>
      <c r="F10924" t="s">
        <v>6595</v>
      </c>
      <c r="G10924" t="s">
        <v>80</v>
      </c>
      <c r="H10924" t="s">
        <v>81</v>
      </c>
      <c r="I10924" s="2">
        <v>0</v>
      </c>
      <c r="J10924" s="2">
        <v>1</v>
      </c>
      <c r="K10924" s="2">
        <v>0</v>
      </c>
      <c r="L10924" t="s">
        <v>82</v>
      </c>
      <c r="M10924" t="s">
        <v>89</v>
      </c>
      <c r="N10924" t="s">
        <v>90</v>
      </c>
      <c r="O10924" t="s">
        <v>85</v>
      </c>
      <c r="P10924" t="s">
        <v>86</v>
      </c>
      <c r="Q10924">
        <v>41</v>
      </c>
      <c r="R10924">
        <v>42</v>
      </c>
      <c r="S10924">
        <v>43</v>
      </c>
      <c r="T10924">
        <v>43</v>
      </c>
      <c r="U10924">
        <v>44</v>
      </c>
      <c r="V10924">
        <v>44</v>
      </c>
      <c r="W10924">
        <v>45</v>
      </c>
      <c r="X10924">
        <v>45</v>
      </c>
      <c r="Y10924">
        <v>45</v>
      </c>
      <c r="Z10924">
        <v>45</v>
      </c>
      <c r="AA10924">
        <v>46</v>
      </c>
      <c r="AB10924">
        <v>46</v>
      </c>
      <c r="AC10924">
        <v>46</v>
      </c>
      <c r="AD10924">
        <v>46</v>
      </c>
      <c r="AE10924">
        <v>46</v>
      </c>
      <c r="AF10924">
        <v>46</v>
      </c>
      <c r="AG10924">
        <v>45</v>
      </c>
      <c r="AH10924">
        <v>45</v>
      </c>
      <c r="AI10924">
        <v>44</v>
      </c>
      <c r="AJ10924">
        <v>44</v>
      </c>
      <c r="AK10924">
        <v>43</v>
      </c>
      <c r="AL10924">
        <v>43</v>
      </c>
      <c r="AM10924">
        <v>43</v>
      </c>
      <c r="AN10924">
        <v>42</v>
      </c>
      <c r="AO10924">
        <v>42</v>
      </c>
      <c r="AP10924">
        <v>41</v>
      </c>
      <c r="AQ10924">
        <v>41</v>
      </c>
    </row>
    <row r="10925" spans="1:43">
      <c r="A10925" t="s">
        <v>6794</v>
      </c>
      <c r="B10925" t="s">
        <v>6795</v>
      </c>
      <c r="C10925" t="s">
        <v>6788</v>
      </c>
      <c r="D10925" t="s">
        <v>6789</v>
      </c>
      <c r="E10925" t="s">
        <v>6594</v>
      </c>
      <c r="F10925" t="s">
        <v>6595</v>
      </c>
      <c r="G10925" t="s">
        <v>80</v>
      </c>
      <c r="H10925" t="s">
        <v>81</v>
      </c>
      <c r="I10925" s="2">
        <v>0</v>
      </c>
      <c r="J10925" s="2">
        <v>1</v>
      </c>
      <c r="K10925" s="2">
        <v>0</v>
      </c>
      <c r="L10925" t="s">
        <v>82</v>
      </c>
      <c r="M10925" t="s">
        <v>83</v>
      </c>
      <c r="N10925" t="s">
        <v>91</v>
      </c>
      <c r="O10925" t="s">
        <v>85</v>
      </c>
      <c r="P10925" t="s">
        <v>86</v>
      </c>
      <c r="Q10925">
        <v>41</v>
      </c>
      <c r="R10925">
        <v>41</v>
      </c>
      <c r="S10925">
        <v>42</v>
      </c>
      <c r="T10925">
        <v>42</v>
      </c>
      <c r="U10925">
        <v>42</v>
      </c>
      <c r="V10925">
        <v>42</v>
      </c>
      <c r="W10925">
        <v>42</v>
      </c>
      <c r="X10925">
        <v>42</v>
      </c>
      <c r="Y10925">
        <v>43</v>
      </c>
      <c r="Z10925">
        <v>43</v>
      </c>
      <c r="AA10925">
        <v>43</v>
      </c>
      <c r="AB10925">
        <v>43</v>
      </c>
      <c r="AC10925">
        <v>43</v>
      </c>
      <c r="AD10925">
        <v>43</v>
      </c>
      <c r="AE10925">
        <v>43</v>
      </c>
      <c r="AF10925">
        <v>43</v>
      </c>
      <c r="AG10925">
        <v>43</v>
      </c>
      <c r="AH10925">
        <v>43</v>
      </c>
      <c r="AI10925">
        <v>43</v>
      </c>
      <c r="AJ10925">
        <v>43</v>
      </c>
      <c r="AK10925">
        <v>43</v>
      </c>
      <c r="AL10925">
        <v>42</v>
      </c>
      <c r="AM10925">
        <v>42</v>
      </c>
      <c r="AN10925">
        <v>42</v>
      </c>
      <c r="AO10925">
        <v>41</v>
      </c>
      <c r="AP10925">
        <v>41</v>
      </c>
      <c r="AQ10925">
        <v>41</v>
      </c>
    </row>
    <row r="10926" spans="1:43">
      <c r="A10926" t="s">
        <v>6796</v>
      </c>
      <c r="B10926" t="s">
        <v>6797</v>
      </c>
      <c r="C10926" t="s">
        <v>6788</v>
      </c>
      <c r="D10926" t="s">
        <v>6789</v>
      </c>
      <c r="E10926" t="s">
        <v>6594</v>
      </c>
      <c r="F10926" t="s">
        <v>6595</v>
      </c>
      <c r="G10926" t="s">
        <v>80</v>
      </c>
      <c r="H10926" t="s">
        <v>81</v>
      </c>
      <c r="I10926" s="2">
        <v>0</v>
      </c>
      <c r="J10926" s="2">
        <v>1</v>
      </c>
      <c r="K10926" s="2">
        <v>0</v>
      </c>
      <c r="L10926" t="s">
        <v>82</v>
      </c>
      <c r="M10926" t="s">
        <v>83</v>
      </c>
      <c r="N10926" t="s">
        <v>84</v>
      </c>
      <c r="O10926" t="s">
        <v>85</v>
      </c>
      <c r="P10926" t="s">
        <v>86</v>
      </c>
      <c r="Q10926">
        <v>15</v>
      </c>
      <c r="R10926">
        <v>15</v>
      </c>
      <c r="S10926">
        <v>15</v>
      </c>
      <c r="T10926">
        <v>15</v>
      </c>
      <c r="U10926">
        <v>15</v>
      </c>
      <c r="V10926">
        <v>15</v>
      </c>
      <c r="W10926">
        <v>15</v>
      </c>
      <c r="X10926">
        <v>15</v>
      </c>
      <c r="Y10926">
        <v>15</v>
      </c>
      <c r="Z10926">
        <v>15</v>
      </c>
      <c r="AA10926">
        <v>15</v>
      </c>
      <c r="AB10926">
        <v>15</v>
      </c>
      <c r="AC10926">
        <v>15</v>
      </c>
      <c r="AD10926">
        <v>15</v>
      </c>
      <c r="AE10926">
        <v>15</v>
      </c>
      <c r="AF10926">
        <v>15</v>
      </c>
      <c r="AG10926">
        <v>15</v>
      </c>
      <c r="AH10926">
        <v>15</v>
      </c>
      <c r="AI10926">
        <v>15</v>
      </c>
      <c r="AJ10926">
        <v>15</v>
      </c>
      <c r="AK10926">
        <v>15</v>
      </c>
      <c r="AL10926">
        <v>15</v>
      </c>
      <c r="AM10926">
        <v>15</v>
      </c>
      <c r="AN10926">
        <v>15</v>
      </c>
      <c r="AO10926">
        <v>14</v>
      </c>
      <c r="AP10926">
        <v>14</v>
      </c>
      <c r="AQ10926">
        <v>14</v>
      </c>
    </row>
    <row r="10927" spans="1:43">
      <c r="A10927" t="s">
        <v>6796</v>
      </c>
      <c r="B10927" t="s">
        <v>6797</v>
      </c>
      <c r="C10927" t="s">
        <v>6788</v>
      </c>
      <c r="D10927" t="s">
        <v>6789</v>
      </c>
      <c r="E10927" t="s">
        <v>6594</v>
      </c>
      <c r="F10927" t="s">
        <v>6595</v>
      </c>
      <c r="G10927" t="s">
        <v>80</v>
      </c>
      <c r="H10927" t="s">
        <v>81</v>
      </c>
      <c r="I10927" s="2">
        <v>0</v>
      </c>
      <c r="J10927" s="2">
        <v>1</v>
      </c>
      <c r="K10927" s="2">
        <v>0</v>
      </c>
      <c r="L10927" t="s">
        <v>82</v>
      </c>
      <c r="M10927" t="s">
        <v>87</v>
      </c>
      <c r="N10927" t="s">
        <v>88</v>
      </c>
      <c r="O10927" t="s">
        <v>85</v>
      </c>
      <c r="P10927" t="s">
        <v>86</v>
      </c>
      <c r="Q10927">
        <v>15</v>
      </c>
      <c r="R10927">
        <v>15</v>
      </c>
      <c r="S10927">
        <v>15</v>
      </c>
      <c r="T10927">
        <v>15</v>
      </c>
      <c r="U10927">
        <v>15</v>
      </c>
      <c r="V10927">
        <v>15</v>
      </c>
      <c r="W10927">
        <v>15</v>
      </c>
      <c r="X10927">
        <v>15</v>
      </c>
      <c r="Y10927">
        <v>15</v>
      </c>
      <c r="Z10927">
        <v>15</v>
      </c>
      <c r="AA10927">
        <v>15</v>
      </c>
      <c r="AB10927">
        <v>15</v>
      </c>
      <c r="AC10927">
        <v>15</v>
      </c>
      <c r="AD10927">
        <v>14</v>
      </c>
      <c r="AE10927">
        <v>14</v>
      </c>
      <c r="AF10927">
        <v>14</v>
      </c>
      <c r="AG10927">
        <v>14</v>
      </c>
      <c r="AH10927">
        <v>14</v>
      </c>
      <c r="AI10927">
        <v>14</v>
      </c>
      <c r="AJ10927">
        <v>14</v>
      </c>
      <c r="AK10927">
        <v>14</v>
      </c>
      <c r="AL10927">
        <v>14</v>
      </c>
      <c r="AM10927">
        <v>14</v>
      </c>
      <c r="AN10927">
        <v>14</v>
      </c>
      <c r="AO10927">
        <v>13</v>
      </c>
      <c r="AP10927">
        <v>13</v>
      </c>
      <c r="AQ10927">
        <v>13</v>
      </c>
    </row>
    <row r="10928" spans="1:43">
      <c r="A10928" t="s">
        <v>6796</v>
      </c>
      <c r="B10928" t="s">
        <v>6797</v>
      </c>
      <c r="C10928" t="s">
        <v>6788</v>
      </c>
      <c r="D10928" t="s">
        <v>6789</v>
      </c>
      <c r="E10928" t="s">
        <v>6594</v>
      </c>
      <c r="F10928" t="s">
        <v>6595</v>
      </c>
      <c r="G10928" t="s">
        <v>80</v>
      </c>
      <c r="H10928" t="s">
        <v>81</v>
      </c>
      <c r="I10928" s="2">
        <v>0</v>
      </c>
      <c r="J10928" s="2">
        <v>1</v>
      </c>
      <c r="K10928" s="2">
        <v>0</v>
      </c>
      <c r="L10928" t="s">
        <v>82</v>
      </c>
      <c r="M10928" t="s">
        <v>89</v>
      </c>
      <c r="N10928" t="s">
        <v>90</v>
      </c>
      <c r="O10928" t="s">
        <v>85</v>
      </c>
      <c r="P10928" t="s">
        <v>86</v>
      </c>
      <c r="Q10928">
        <v>15</v>
      </c>
      <c r="R10928">
        <v>15</v>
      </c>
      <c r="S10928">
        <v>15</v>
      </c>
      <c r="T10928">
        <v>15</v>
      </c>
      <c r="U10928">
        <v>15</v>
      </c>
      <c r="V10928">
        <v>16</v>
      </c>
      <c r="W10928">
        <v>16</v>
      </c>
      <c r="X10928">
        <v>16</v>
      </c>
      <c r="Y10928">
        <v>16</v>
      </c>
      <c r="Z10928">
        <v>16</v>
      </c>
      <c r="AA10928">
        <v>16</v>
      </c>
      <c r="AB10928">
        <v>16</v>
      </c>
      <c r="AC10928">
        <v>16</v>
      </c>
      <c r="AD10928">
        <v>16</v>
      </c>
      <c r="AE10928">
        <v>16</v>
      </c>
      <c r="AF10928">
        <v>16</v>
      </c>
      <c r="AG10928">
        <v>16</v>
      </c>
      <c r="AH10928">
        <v>16</v>
      </c>
      <c r="AI10928">
        <v>16</v>
      </c>
      <c r="AJ10928">
        <v>15</v>
      </c>
      <c r="AK10928">
        <v>15</v>
      </c>
      <c r="AL10928">
        <v>15</v>
      </c>
      <c r="AM10928">
        <v>15</v>
      </c>
      <c r="AN10928">
        <v>15</v>
      </c>
      <c r="AO10928">
        <v>15</v>
      </c>
      <c r="AP10928">
        <v>14</v>
      </c>
      <c r="AQ10928">
        <v>14</v>
      </c>
    </row>
    <row r="10929" spans="1:43">
      <c r="A10929" t="s">
        <v>6796</v>
      </c>
      <c r="B10929" t="s">
        <v>6797</v>
      </c>
      <c r="C10929" t="s">
        <v>6788</v>
      </c>
      <c r="D10929" t="s">
        <v>6789</v>
      </c>
      <c r="E10929" t="s">
        <v>6594</v>
      </c>
      <c r="F10929" t="s">
        <v>6595</v>
      </c>
      <c r="G10929" t="s">
        <v>80</v>
      </c>
      <c r="H10929" t="s">
        <v>81</v>
      </c>
      <c r="I10929" s="2">
        <v>0</v>
      </c>
      <c r="J10929" s="2">
        <v>1</v>
      </c>
      <c r="K10929" s="2">
        <v>0</v>
      </c>
      <c r="L10929" t="s">
        <v>82</v>
      </c>
      <c r="M10929" t="s">
        <v>83</v>
      </c>
      <c r="N10929" t="s">
        <v>91</v>
      </c>
      <c r="O10929" t="s">
        <v>85</v>
      </c>
      <c r="P10929" t="s">
        <v>86</v>
      </c>
      <c r="Q10929">
        <v>15</v>
      </c>
      <c r="R10929">
        <v>15</v>
      </c>
      <c r="S10929">
        <v>15</v>
      </c>
      <c r="T10929">
        <v>15</v>
      </c>
      <c r="U10929">
        <v>15</v>
      </c>
      <c r="V10929">
        <v>15</v>
      </c>
      <c r="W10929">
        <v>15</v>
      </c>
      <c r="X10929">
        <v>15</v>
      </c>
      <c r="Y10929">
        <v>15</v>
      </c>
      <c r="Z10929">
        <v>15</v>
      </c>
      <c r="AA10929">
        <v>15</v>
      </c>
      <c r="AB10929">
        <v>15</v>
      </c>
      <c r="AC10929">
        <v>15</v>
      </c>
      <c r="AD10929">
        <v>15</v>
      </c>
      <c r="AE10929">
        <v>15</v>
      </c>
      <c r="AF10929">
        <v>15</v>
      </c>
      <c r="AG10929">
        <v>15</v>
      </c>
      <c r="AH10929">
        <v>15</v>
      </c>
      <c r="AI10929">
        <v>15</v>
      </c>
      <c r="AJ10929">
        <v>15</v>
      </c>
      <c r="AK10929">
        <v>15</v>
      </c>
      <c r="AL10929">
        <v>15</v>
      </c>
      <c r="AM10929">
        <v>15</v>
      </c>
      <c r="AN10929">
        <v>15</v>
      </c>
      <c r="AO10929">
        <v>14</v>
      </c>
      <c r="AP10929">
        <v>14</v>
      </c>
      <c r="AQ10929">
        <v>14</v>
      </c>
    </row>
    <row r="10930" spans="1:43">
      <c r="A10930" t="s">
        <v>6798</v>
      </c>
      <c r="B10930" t="s">
        <v>6799</v>
      </c>
      <c r="C10930" t="s">
        <v>6788</v>
      </c>
      <c r="D10930" t="s">
        <v>6789</v>
      </c>
      <c r="E10930" t="s">
        <v>6594</v>
      </c>
      <c r="F10930" t="s">
        <v>6595</v>
      </c>
      <c r="G10930" t="s">
        <v>80</v>
      </c>
      <c r="H10930" t="s">
        <v>81</v>
      </c>
      <c r="I10930" s="2">
        <v>0</v>
      </c>
      <c r="J10930" s="2">
        <v>1</v>
      </c>
      <c r="K10930" s="2">
        <v>0</v>
      </c>
      <c r="L10930" t="s">
        <v>82</v>
      </c>
      <c r="M10930" t="s">
        <v>83</v>
      </c>
      <c r="N10930" t="s">
        <v>84</v>
      </c>
      <c r="O10930" t="s">
        <v>85</v>
      </c>
      <c r="P10930" t="s">
        <v>86</v>
      </c>
      <c r="Q10930">
        <v>18</v>
      </c>
      <c r="R10930">
        <v>18</v>
      </c>
      <c r="S10930">
        <v>18</v>
      </c>
      <c r="T10930">
        <v>18</v>
      </c>
      <c r="U10930">
        <v>18</v>
      </c>
      <c r="V10930">
        <v>18</v>
      </c>
      <c r="W10930">
        <v>18</v>
      </c>
      <c r="X10930">
        <v>18</v>
      </c>
      <c r="Y10930">
        <v>18</v>
      </c>
      <c r="Z10930">
        <v>18</v>
      </c>
      <c r="AA10930">
        <v>18</v>
      </c>
      <c r="AB10930">
        <v>18</v>
      </c>
      <c r="AC10930">
        <v>18</v>
      </c>
      <c r="AD10930">
        <v>18</v>
      </c>
      <c r="AE10930">
        <v>18</v>
      </c>
      <c r="AF10930">
        <v>18</v>
      </c>
      <c r="AG10930">
        <v>18</v>
      </c>
      <c r="AH10930">
        <v>18</v>
      </c>
      <c r="AI10930">
        <v>18</v>
      </c>
      <c r="AJ10930">
        <v>18</v>
      </c>
      <c r="AK10930">
        <v>18</v>
      </c>
      <c r="AL10930">
        <v>18</v>
      </c>
      <c r="AM10930">
        <v>18</v>
      </c>
      <c r="AN10930">
        <v>18</v>
      </c>
      <c r="AO10930">
        <v>17</v>
      </c>
      <c r="AP10930">
        <v>17</v>
      </c>
      <c r="AQ10930">
        <v>17</v>
      </c>
    </row>
    <row r="10931" spans="1:43">
      <c r="A10931" t="s">
        <v>6798</v>
      </c>
      <c r="B10931" t="s">
        <v>6799</v>
      </c>
      <c r="C10931" t="s">
        <v>6788</v>
      </c>
      <c r="D10931" t="s">
        <v>6789</v>
      </c>
      <c r="E10931" t="s">
        <v>6594</v>
      </c>
      <c r="F10931" t="s">
        <v>6595</v>
      </c>
      <c r="G10931" t="s">
        <v>80</v>
      </c>
      <c r="H10931" t="s">
        <v>81</v>
      </c>
      <c r="I10931" s="2">
        <v>0</v>
      </c>
      <c r="J10931" s="2">
        <v>1</v>
      </c>
      <c r="K10931" s="2">
        <v>0</v>
      </c>
      <c r="L10931" t="s">
        <v>82</v>
      </c>
      <c r="M10931" t="s">
        <v>87</v>
      </c>
      <c r="N10931" t="s">
        <v>88</v>
      </c>
      <c r="O10931" t="s">
        <v>85</v>
      </c>
      <c r="P10931" t="s">
        <v>86</v>
      </c>
      <c r="Q10931">
        <v>18</v>
      </c>
      <c r="R10931">
        <v>18</v>
      </c>
      <c r="S10931">
        <v>18</v>
      </c>
      <c r="T10931">
        <v>17</v>
      </c>
      <c r="U10931">
        <v>17</v>
      </c>
      <c r="V10931">
        <v>17</v>
      </c>
      <c r="W10931">
        <v>17</v>
      </c>
      <c r="X10931">
        <v>17</v>
      </c>
      <c r="Y10931">
        <v>17</v>
      </c>
      <c r="Z10931">
        <v>17</v>
      </c>
      <c r="AA10931">
        <v>17</v>
      </c>
      <c r="AB10931">
        <v>17</v>
      </c>
      <c r="AC10931">
        <v>16</v>
      </c>
      <c r="AD10931">
        <v>16</v>
      </c>
      <c r="AE10931">
        <v>16</v>
      </c>
      <c r="AF10931">
        <v>16</v>
      </c>
      <c r="AG10931">
        <v>16</v>
      </c>
      <c r="AH10931">
        <v>16</v>
      </c>
      <c r="AI10931">
        <v>16</v>
      </c>
      <c r="AJ10931">
        <v>16</v>
      </c>
      <c r="AK10931">
        <v>15</v>
      </c>
      <c r="AL10931">
        <v>15</v>
      </c>
      <c r="AM10931">
        <v>15</v>
      </c>
      <c r="AN10931">
        <v>15</v>
      </c>
      <c r="AO10931">
        <v>15</v>
      </c>
      <c r="AP10931">
        <v>15</v>
      </c>
      <c r="AQ10931">
        <v>15</v>
      </c>
    </row>
    <row r="10932" spans="1:43">
      <c r="A10932" t="s">
        <v>6798</v>
      </c>
      <c r="B10932" t="s">
        <v>6799</v>
      </c>
      <c r="C10932" t="s">
        <v>6788</v>
      </c>
      <c r="D10932" t="s">
        <v>6789</v>
      </c>
      <c r="E10932" t="s">
        <v>6594</v>
      </c>
      <c r="F10932" t="s">
        <v>6595</v>
      </c>
      <c r="G10932" t="s">
        <v>80</v>
      </c>
      <c r="H10932" t="s">
        <v>81</v>
      </c>
      <c r="I10932" s="2">
        <v>0</v>
      </c>
      <c r="J10932" s="2">
        <v>1</v>
      </c>
      <c r="K10932" s="2">
        <v>0</v>
      </c>
      <c r="L10932" t="s">
        <v>82</v>
      </c>
      <c r="M10932" t="s">
        <v>89</v>
      </c>
      <c r="N10932" t="s">
        <v>90</v>
      </c>
      <c r="O10932" t="s">
        <v>85</v>
      </c>
      <c r="P10932" t="s">
        <v>86</v>
      </c>
      <c r="Q10932">
        <v>18</v>
      </c>
      <c r="R10932">
        <v>18</v>
      </c>
      <c r="S10932">
        <v>18</v>
      </c>
      <c r="T10932">
        <v>19</v>
      </c>
      <c r="U10932">
        <v>19</v>
      </c>
      <c r="V10932">
        <v>19</v>
      </c>
      <c r="W10932">
        <v>19</v>
      </c>
      <c r="X10932">
        <v>19</v>
      </c>
      <c r="Y10932">
        <v>19</v>
      </c>
      <c r="Z10932">
        <v>20</v>
      </c>
      <c r="AA10932">
        <v>20</v>
      </c>
      <c r="AB10932">
        <v>20</v>
      </c>
      <c r="AC10932">
        <v>20</v>
      </c>
      <c r="AD10932">
        <v>20</v>
      </c>
      <c r="AE10932">
        <v>20</v>
      </c>
      <c r="AF10932">
        <v>19</v>
      </c>
      <c r="AG10932">
        <v>19</v>
      </c>
      <c r="AH10932">
        <v>19</v>
      </c>
      <c r="AI10932">
        <v>19</v>
      </c>
      <c r="AJ10932">
        <v>19</v>
      </c>
      <c r="AK10932">
        <v>18</v>
      </c>
      <c r="AL10932">
        <v>18</v>
      </c>
      <c r="AM10932">
        <v>18</v>
      </c>
      <c r="AN10932">
        <v>18</v>
      </c>
      <c r="AO10932">
        <v>17</v>
      </c>
      <c r="AP10932">
        <v>17</v>
      </c>
      <c r="AQ10932">
        <v>17</v>
      </c>
    </row>
    <row r="10933" spans="1:43">
      <c r="A10933" t="s">
        <v>6798</v>
      </c>
      <c r="B10933" t="s">
        <v>6799</v>
      </c>
      <c r="C10933" t="s">
        <v>6788</v>
      </c>
      <c r="D10933" t="s">
        <v>6789</v>
      </c>
      <c r="E10933" t="s">
        <v>6594</v>
      </c>
      <c r="F10933" t="s">
        <v>6595</v>
      </c>
      <c r="G10933" t="s">
        <v>80</v>
      </c>
      <c r="H10933" t="s">
        <v>81</v>
      </c>
      <c r="I10933" s="2">
        <v>0</v>
      </c>
      <c r="J10933" s="2">
        <v>1</v>
      </c>
      <c r="K10933" s="2">
        <v>0</v>
      </c>
      <c r="L10933" t="s">
        <v>82</v>
      </c>
      <c r="M10933" t="s">
        <v>83</v>
      </c>
      <c r="N10933" t="s">
        <v>91</v>
      </c>
      <c r="O10933" t="s">
        <v>85</v>
      </c>
      <c r="P10933" t="s">
        <v>86</v>
      </c>
      <c r="Q10933">
        <v>18</v>
      </c>
      <c r="R10933">
        <v>18</v>
      </c>
      <c r="S10933">
        <v>18</v>
      </c>
      <c r="T10933">
        <v>18</v>
      </c>
      <c r="U10933">
        <v>18</v>
      </c>
      <c r="V10933">
        <v>18</v>
      </c>
      <c r="W10933">
        <v>18</v>
      </c>
      <c r="X10933">
        <v>18</v>
      </c>
      <c r="Y10933">
        <v>18</v>
      </c>
      <c r="Z10933">
        <v>18</v>
      </c>
      <c r="AA10933">
        <v>18</v>
      </c>
      <c r="AB10933">
        <v>18</v>
      </c>
      <c r="AC10933">
        <v>18</v>
      </c>
      <c r="AD10933">
        <v>18</v>
      </c>
      <c r="AE10933">
        <v>18</v>
      </c>
      <c r="AF10933">
        <v>18</v>
      </c>
      <c r="AG10933">
        <v>18</v>
      </c>
      <c r="AH10933">
        <v>18</v>
      </c>
      <c r="AI10933">
        <v>18</v>
      </c>
      <c r="AJ10933">
        <v>18</v>
      </c>
      <c r="AK10933">
        <v>18</v>
      </c>
      <c r="AL10933">
        <v>18</v>
      </c>
      <c r="AM10933">
        <v>18</v>
      </c>
      <c r="AN10933">
        <v>18</v>
      </c>
      <c r="AO10933">
        <v>17</v>
      </c>
      <c r="AP10933">
        <v>17</v>
      </c>
      <c r="AQ10933">
        <v>17</v>
      </c>
    </row>
    <row r="10934" spans="1:43">
      <c r="A10934" t="s">
        <v>6800</v>
      </c>
      <c r="B10934" t="s">
        <v>6801</v>
      </c>
      <c r="C10934" t="s">
        <v>6792</v>
      </c>
      <c r="D10934" t="s">
        <v>6793</v>
      </c>
      <c r="E10934" t="s">
        <v>6594</v>
      </c>
      <c r="F10934" t="s">
        <v>6595</v>
      </c>
      <c r="G10934" t="s">
        <v>80</v>
      </c>
      <c r="H10934" t="s">
        <v>81</v>
      </c>
      <c r="I10934" s="2">
        <v>0</v>
      </c>
      <c r="J10934" s="2">
        <v>1</v>
      </c>
      <c r="K10934" s="2">
        <v>0</v>
      </c>
      <c r="L10934" t="s">
        <v>82</v>
      </c>
      <c r="M10934" t="s">
        <v>83</v>
      </c>
      <c r="N10934" t="s">
        <v>84</v>
      </c>
      <c r="O10934" t="s">
        <v>85</v>
      </c>
      <c r="P10934" t="s">
        <v>86</v>
      </c>
      <c r="Q10934">
        <v>12</v>
      </c>
      <c r="R10934">
        <v>12</v>
      </c>
      <c r="S10934">
        <v>13</v>
      </c>
      <c r="T10934">
        <v>13</v>
      </c>
      <c r="U10934">
        <v>13</v>
      </c>
      <c r="V10934">
        <v>13</v>
      </c>
      <c r="W10934">
        <v>13</v>
      </c>
      <c r="X10934">
        <v>13</v>
      </c>
      <c r="Y10934">
        <v>13</v>
      </c>
      <c r="Z10934">
        <v>13</v>
      </c>
      <c r="AA10934">
        <v>13</v>
      </c>
      <c r="AB10934">
        <v>13</v>
      </c>
      <c r="AC10934">
        <v>13</v>
      </c>
      <c r="AD10934">
        <v>13</v>
      </c>
      <c r="AE10934">
        <v>13</v>
      </c>
      <c r="AF10934">
        <v>13</v>
      </c>
      <c r="AG10934">
        <v>13</v>
      </c>
      <c r="AH10934">
        <v>13</v>
      </c>
      <c r="AI10934">
        <v>13</v>
      </c>
      <c r="AJ10934">
        <v>13</v>
      </c>
      <c r="AK10934">
        <v>13</v>
      </c>
      <c r="AL10934">
        <v>13</v>
      </c>
      <c r="AM10934">
        <v>12</v>
      </c>
      <c r="AN10934">
        <v>12</v>
      </c>
      <c r="AO10934">
        <v>12</v>
      </c>
      <c r="AP10934">
        <v>12</v>
      </c>
      <c r="AQ10934">
        <v>12</v>
      </c>
    </row>
    <row r="10935" spans="1:43">
      <c r="A10935" t="s">
        <v>6800</v>
      </c>
      <c r="B10935" t="s">
        <v>6801</v>
      </c>
      <c r="C10935" t="s">
        <v>6792</v>
      </c>
      <c r="D10935" t="s">
        <v>6793</v>
      </c>
      <c r="E10935" t="s">
        <v>6594</v>
      </c>
      <c r="F10935" t="s">
        <v>6595</v>
      </c>
      <c r="G10935" t="s">
        <v>80</v>
      </c>
      <c r="H10935" t="s">
        <v>81</v>
      </c>
      <c r="I10935" s="2">
        <v>0</v>
      </c>
      <c r="J10935" s="2">
        <v>1</v>
      </c>
      <c r="K10935" s="2">
        <v>0</v>
      </c>
      <c r="L10935" t="s">
        <v>82</v>
      </c>
      <c r="M10935" t="s">
        <v>87</v>
      </c>
      <c r="N10935" t="s">
        <v>88</v>
      </c>
      <c r="O10935" t="s">
        <v>85</v>
      </c>
      <c r="P10935" t="s">
        <v>86</v>
      </c>
      <c r="Q10935">
        <v>12</v>
      </c>
      <c r="R10935">
        <v>12</v>
      </c>
      <c r="S10935">
        <v>12</v>
      </c>
      <c r="T10935">
        <v>12</v>
      </c>
      <c r="U10935">
        <v>12</v>
      </c>
      <c r="V10935">
        <v>12</v>
      </c>
      <c r="W10935">
        <v>12</v>
      </c>
      <c r="X10935">
        <v>12</v>
      </c>
      <c r="Y10935">
        <v>12</v>
      </c>
      <c r="Z10935">
        <v>12</v>
      </c>
      <c r="AA10935">
        <v>12</v>
      </c>
      <c r="AB10935">
        <v>12</v>
      </c>
      <c r="AC10935">
        <v>12</v>
      </c>
      <c r="AD10935">
        <v>11</v>
      </c>
      <c r="AE10935">
        <v>11</v>
      </c>
      <c r="AF10935">
        <v>11</v>
      </c>
      <c r="AG10935">
        <v>11</v>
      </c>
      <c r="AH10935">
        <v>11</v>
      </c>
      <c r="AI10935">
        <v>11</v>
      </c>
      <c r="AJ10935">
        <v>11</v>
      </c>
      <c r="AK10935">
        <v>11</v>
      </c>
      <c r="AL10935">
        <v>11</v>
      </c>
      <c r="AM10935">
        <v>11</v>
      </c>
      <c r="AN10935">
        <v>11</v>
      </c>
      <c r="AO10935">
        <v>11</v>
      </c>
      <c r="AP10935">
        <v>10</v>
      </c>
      <c r="AQ10935">
        <v>10</v>
      </c>
    </row>
    <row r="10936" spans="1:43">
      <c r="A10936" t="s">
        <v>6800</v>
      </c>
      <c r="B10936" t="s">
        <v>6801</v>
      </c>
      <c r="C10936" t="s">
        <v>6792</v>
      </c>
      <c r="D10936" t="s">
        <v>6793</v>
      </c>
      <c r="E10936" t="s">
        <v>6594</v>
      </c>
      <c r="F10936" t="s">
        <v>6595</v>
      </c>
      <c r="G10936" t="s">
        <v>80</v>
      </c>
      <c r="H10936" t="s">
        <v>81</v>
      </c>
      <c r="I10936" s="2">
        <v>0</v>
      </c>
      <c r="J10936" s="2">
        <v>1</v>
      </c>
      <c r="K10936" s="2">
        <v>0</v>
      </c>
      <c r="L10936" t="s">
        <v>82</v>
      </c>
      <c r="M10936" t="s">
        <v>89</v>
      </c>
      <c r="N10936" t="s">
        <v>90</v>
      </c>
      <c r="O10936" t="s">
        <v>85</v>
      </c>
      <c r="P10936" t="s">
        <v>86</v>
      </c>
      <c r="Q10936">
        <v>12</v>
      </c>
      <c r="R10936">
        <v>12</v>
      </c>
      <c r="S10936">
        <v>12</v>
      </c>
      <c r="T10936">
        <v>12</v>
      </c>
      <c r="U10936">
        <v>12</v>
      </c>
      <c r="V10936">
        <v>12</v>
      </c>
      <c r="W10936">
        <v>12</v>
      </c>
      <c r="X10936">
        <v>12</v>
      </c>
      <c r="Y10936">
        <v>13</v>
      </c>
      <c r="Z10936">
        <v>13</v>
      </c>
      <c r="AA10936">
        <v>13</v>
      </c>
      <c r="AB10936">
        <v>13</v>
      </c>
      <c r="AC10936">
        <v>13</v>
      </c>
      <c r="AD10936">
        <v>13</v>
      </c>
      <c r="AE10936">
        <v>13</v>
      </c>
      <c r="AF10936">
        <v>13</v>
      </c>
      <c r="AG10936">
        <v>12</v>
      </c>
      <c r="AH10936">
        <v>12</v>
      </c>
      <c r="AI10936">
        <v>12</v>
      </c>
      <c r="AJ10936">
        <v>12</v>
      </c>
      <c r="AK10936">
        <v>12</v>
      </c>
      <c r="AL10936">
        <v>12</v>
      </c>
      <c r="AM10936">
        <v>12</v>
      </c>
      <c r="AN10936">
        <v>11</v>
      </c>
      <c r="AO10936">
        <v>11</v>
      </c>
      <c r="AP10936">
        <v>11</v>
      </c>
      <c r="AQ10936">
        <v>11</v>
      </c>
    </row>
    <row r="10937" spans="1:43">
      <c r="A10937" t="s">
        <v>6800</v>
      </c>
      <c r="B10937" t="s">
        <v>6801</v>
      </c>
      <c r="C10937" t="s">
        <v>6792</v>
      </c>
      <c r="D10937" t="s">
        <v>6793</v>
      </c>
      <c r="E10937" t="s">
        <v>6594</v>
      </c>
      <c r="F10937" t="s">
        <v>6595</v>
      </c>
      <c r="G10937" t="s">
        <v>80</v>
      </c>
      <c r="H10937" t="s">
        <v>81</v>
      </c>
      <c r="I10937" s="2">
        <v>0</v>
      </c>
      <c r="J10937" s="2">
        <v>1</v>
      </c>
      <c r="K10937" s="2">
        <v>0</v>
      </c>
      <c r="L10937" t="s">
        <v>82</v>
      </c>
      <c r="M10937" t="s">
        <v>83</v>
      </c>
      <c r="N10937" t="s">
        <v>91</v>
      </c>
      <c r="O10937" t="s">
        <v>85</v>
      </c>
      <c r="P10937" t="s">
        <v>86</v>
      </c>
      <c r="Q10937">
        <v>12</v>
      </c>
      <c r="R10937">
        <v>12</v>
      </c>
      <c r="S10937">
        <v>13</v>
      </c>
      <c r="T10937">
        <v>13</v>
      </c>
      <c r="U10937">
        <v>13</v>
      </c>
      <c r="V10937">
        <v>13</v>
      </c>
      <c r="W10937">
        <v>13</v>
      </c>
      <c r="X10937">
        <v>13</v>
      </c>
      <c r="Y10937">
        <v>13</v>
      </c>
      <c r="Z10937">
        <v>13</v>
      </c>
      <c r="AA10937">
        <v>13</v>
      </c>
      <c r="AB10937">
        <v>13</v>
      </c>
      <c r="AC10937">
        <v>13</v>
      </c>
      <c r="AD10937">
        <v>13</v>
      </c>
      <c r="AE10937">
        <v>13</v>
      </c>
      <c r="AF10937">
        <v>13</v>
      </c>
      <c r="AG10937">
        <v>13</v>
      </c>
      <c r="AH10937">
        <v>13</v>
      </c>
      <c r="AI10937">
        <v>13</v>
      </c>
      <c r="AJ10937">
        <v>13</v>
      </c>
      <c r="AK10937">
        <v>13</v>
      </c>
      <c r="AL10937">
        <v>13</v>
      </c>
      <c r="AM10937">
        <v>12</v>
      </c>
      <c r="AN10937">
        <v>12</v>
      </c>
      <c r="AO10937">
        <v>12</v>
      </c>
      <c r="AP10937">
        <v>12</v>
      </c>
      <c r="AQ10937">
        <v>12</v>
      </c>
    </row>
    <row r="10938" spans="1:43">
      <c r="A10938" t="s">
        <v>6802</v>
      </c>
      <c r="B10938" t="s">
        <v>6803</v>
      </c>
      <c r="C10938" t="s">
        <v>6792</v>
      </c>
      <c r="D10938" t="s">
        <v>6793</v>
      </c>
      <c r="E10938" t="s">
        <v>6594</v>
      </c>
      <c r="F10938" t="s">
        <v>6595</v>
      </c>
      <c r="G10938" t="s">
        <v>80</v>
      </c>
      <c r="H10938" t="s">
        <v>81</v>
      </c>
      <c r="I10938" s="2">
        <v>0</v>
      </c>
      <c r="J10938" s="2">
        <v>1</v>
      </c>
      <c r="K10938" s="2">
        <v>0</v>
      </c>
      <c r="L10938" t="s">
        <v>82</v>
      </c>
      <c r="M10938" t="s">
        <v>83</v>
      </c>
      <c r="N10938" t="s">
        <v>84</v>
      </c>
      <c r="O10938" t="s">
        <v>85</v>
      </c>
      <c r="P10938" t="s">
        <v>86</v>
      </c>
      <c r="Q10938">
        <v>28</v>
      </c>
      <c r="R10938">
        <v>29</v>
      </c>
      <c r="S10938">
        <v>29</v>
      </c>
      <c r="T10938">
        <v>29</v>
      </c>
      <c r="U10938">
        <v>29</v>
      </c>
      <c r="V10938">
        <v>29</v>
      </c>
      <c r="W10938">
        <v>29</v>
      </c>
      <c r="X10938">
        <v>29</v>
      </c>
      <c r="Y10938">
        <v>29</v>
      </c>
      <c r="Z10938">
        <v>30</v>
      </c>
      <c r="AA10938">
        <v>30</v>
      </c>
      <c r="AB10938">
        <v>30</v>
      </c>
      <c r="AC10938">
        <v>30</v>
      </c>
      <c r="AD10938">
        <v>30</v>
      </c>
      <c r="AE10938">
        <v>30</v>
      </c>
      <c r="AF10938">
        <v>30</v>
      </c>
      <c r="AG10938">
        <v>30</v>
      </c>
      <c r="AH10938">
        <v>30</v>
      </c>
      <c r="AI10938">
        <v>30</v>
      </c>
      <c r="AJ10938">
        <v>30</v>
      </c>
      <c r="AK10938">
        <v>30</v>
      </c>
      <c r="AL10938">
        <v>30</v>
      </c>
      <c r="AM10938">
        <v>29</v>
      </c>
      <c r="AN10938">
        <v>29</v>
      </c>
      <c r="AO10938">
        <v>29</v>
      </c>
      <c r="AP10938">
        <v>29</v>
      </c>
      <c r="AQ10938">
        <v>28</v>
      </c>
    </row>
    <row r="10939" spans="1:43">
      <c r="A10939" t="s">
        <v>6802</v>
      </c>
      <c r="B10939" t="s">
        <v>6803</v>
      </c>
      <c r="C10939" t="s">
        <v>6792</v>
      </c>
      <c r="D10939" t="s">
        <v>6793</v>
      </c>
      <c r="E10939" t="s">
        <v>6594</v>
      </c>
      <c r="F10939" t="s">
        <v>6595</v>
      </c>
      <c r="G10939" t="s">
        <v>80</v>
      </c>
      <c r="H10939" t="s">
        <v>81</v>
      </c>
      <c r="I10939" s="2">
        <v>0</v>
      </c>
      <c r="J10939" s="2">
        <v>1</v>
      </c>
      <c r="K10939" s="2">
        <v>0</v>
      </c>
      <c r="L10939" t="s">
        <v>82</v>
      </c>
      <c r="M10939" t="s">
        <v>87</v>
      </c>
      <c r="N10939" t="s">
        <v>88</v>
      </c>
      <c r="O10939" t="s">
        <v>85</v>
      </c>
      <c r="P10939" t="s">
        <v>86</v>
      </c>
      <c r="Q10939">
        <v>28</v>
      </c>
      <c r="R10939">
        <v>28</v>
      </c>
      <c r="S10939">
        <v>28</v>
      </c>
      <c r="T10939">
        <v>28</v>
      </c>
      <c r="U10939">
        <v>28</v>
      </c>
      <c r="V10939">
        <v>28</v>
      </c>
      <c r="W10939">
        <v>28</v>
      </c>
      <c r="X10939">
        <v>27</v>
      </c>
      <c r="Y10939">
        <v>27</v>
      </c>
      <c r="Z10939">
        <v>27</v>
      </c>
      <c r="AA10939">
        <v>27</v>
      </c>
      <c r="AB10939">
        <v>27</v>
      </c>
      <c r="AC10939">
        <v>27</v>
      </c>
      <c r="AD10939">
        <v>27</v>
      </c>
      <c r="AE10939">
        <v>26</v>
      </c>
      <c r="AF10939">
        <v>26</v>
      </c>
      <c r="AG10939">
        <v>26</v>
      </c>
      <c r="AH10939">
        <v>26</v>
      </c>
      <c r="AI10939">
        <v>26</v>
      </c>
      <c r="AJ10939">
        <v>26</v>
      </c>
      <c r="AK10939">
        <v>25</v>
      </c>
      <c r="AL10939">
        <v>25</v>
      </c>
      <c r="AM10939">
        <v>25</v>
      </c>
      <c r="AN10939">
        <v>25</v>
      </c>
      <c r="AO10939">
        <v>25</v>
      </c>
      <c r="AP10939">
        <v>25</v>
      </c>
      <c r="AQ10939">
        <v>24</v>
      </c>
    </row>
    <row r="10940" spans="1:43">
      <c r="A10940" t="s">
        <v>6802</v>
      </c>
      <c r="B10940" t="s">
        <v>6803</v>
      </c>
      <c r="C10940" t="s">
        <v>6792</v>
      </c>
      <c r="D10940" t="s">
        <v>6793</v>
      </c>
      <c r="E10940" t="s">
        <v>6594</v>
      </c>
      <c r="F10940" t="s">
        <v>6595</v>
      </c>
      <c r="G10940" t="s">
        <v>80</v>
      </c>
      <c r="H10940" t="s">
        <v>81</v>
      </c>
      <c r="I10940" s="2">
        <v>0</v>
      </c>
      <c r="J10940" s="2">
        <v>1</v>
      </c>
      <c r="K10940" s="2">
        <v>0</v>
      </c>
      <c r="L10940" t="s">
        <v>82</v>
      </c>
      <c r="M10940" t="s">
        <v>89</v>
      </c>
      <c r="N10940" t="s">
        <v>90</v>
      </c>
      <c r="O10940" t="s">
        <v>85</v>
      </c>
      <c r="P10940" t="s">
        <v>86</v>
      </c>
      <c r="Q10940">
        <v>28</v>
      </c>
      <c r="R10940">
        <v>28</v>
      </c>
      <c r="S10940">
        <v>28</v>
      </c>
      <c r="T10940">
        <v>29</v>
      </c>
      <c r="U10940">
        <v>29</v>
      </c>
      <c r="V10940">
        <v>30</v>
      </c>
      <c r="W10940">
        <v>30</v>
      </c>
      <c r="X10940">
        <v>30</v>
      </c>
      <c r="Y10940">
        <v>30</v>
      </c>
      <c r="Z10940">
        <v>30</v>
      </c>
      <c r="AA10940">
        <v>31</v>
      </c>
      <c r="AB10940">
        <v>31</v>
      </c>
      <c r="AC10940">
        <v>31</v>
      </c>
      <c r="AD10940">
        <v>31</v>
      </c>
      <c r="AE10940">
        <v>31</v>
      </c>
      <c r="AF10940">
        <v>31</v>
      </c>
      <c r="AG10940">
        <v>30</v>
      </c>
      <c r="AH10940">
        <v>30</v>
      </c>
      <c r="AI10940">
        <v>30</v>
      </c>
      <c r="AJ10940">
        <v>30</v>
      </c>
      <c r="AK10940">
        <v>29</v>
      </c>
      <c r="AL10940">
        <v>29</v>
      </c>
      <c r="AM10940">
        <v>29</v>
      </c>
      <c r="AN10940">
        <v>28</v>
      </c>
      <c r="AO10940">
        <v>28</v>
      </c>
      <c r="AP10940">
        <v>28</v>
      </c>
      <c r="AQ10940">
        <v>28</v>
      </c>
    </row>
    <row r="10941" spans="1:43">
      <c r="A10941" t="s">
        <v>6802</v>
      </c>
      <c r="B10941" t="s">
        <v>6803</v>
      </c>
      <c r="C10941" t="s">
        <v>6792</v>
      </c>
      <c r="D10941" t="s">
        <v>6793</v>
      </c>
      <c r="E10941" t="s">
        <v>6594</v>
      </c>
      <c r="F10941" t="s">
        <v>6595</v>
      </c>
      <c r="G10941" t="s">
        <v>80</v>
      </c>
      <c r="H10941" t="s">
        <v>81</v>
      </c>
      <c r="I10941" s="2">
        <v>0</v>
      </c>
      <c r="J10941" s="2">
        <v>1</v>
      </c>
      <c r="K10941" s="2">
        <v>0</v>
      </c>
      <c r="L10941" t="s">
        <v>82</v>
      </c>
      <c r="M10941" t="s">
        <v>83</v>
      </c>
      <c r="N10941" t="s">
        <v>91</v>
      </c>
      <c r="O10941" t="s">
        <v>85</v>
      </c>
      <c r="P10941" t="s">
        <v>86</v>
      </c>
      <c r="Q10941">
        <v>28</v>
      </c>
      <c r="R10941">
        <v>29</v>
      </c>
      <c r="S10941">
        <v>29</v>
      </c>
      <c r="T10941">
        <v>29</v>
      </c>
      <c r="U10941">
        <v>29</v>
      </c>
      <c r="V10941">
        <v>29</v>
      </c>
      <c r="W10941">
        <v>29</v>
      </c>
      <c r="X10941">
        <v>29</v>
      </c>
      <c r="Y10941">
        <v>29</v>
      </c>
      <c r="Z10941">
        <v>30</v>
      </c>
      <c r="AA10941">
        <v>30</v>
      </c>
      <c r="AB10941">
        <v>30</v>
      </c>
      <c r="AC10941">
        <v>30</v>
      </c>
      <c r="AD10941">
        <v>30</v>
      </c>
      <c r="AE10941">
        <v>30</v>
      </c>
      <c r="AF10941">
        <v>30</v>
      </c>
      <c r="AG10941">
        <v>30</v>
      </c>
      <c r="AH10941">
        <v>30</v>
      </c>
      <c r="AI10941">
        <v>30</v>
      </c>
      <c r="AJ10941">
        <v>30</v>
      </c>
      <c r="AK10941">
        <v>30</v>
      </c>
      <c r="AL10941">
        <v>30</v>
      </c>
      <c r="AM10941">
        <v>29</v>
      </c>
      <c r="AN10941">
        <v>29</v>
      </c>
      <c r="AO10941">
        <v>29</v>
      </c>
      <c r="AP10941">
        <v>29</v>
      </c>
      <c r="AQ10941">
        <v>28</v>
      </c>
    </row>
    <row r="10942" spans="1:43">
      <c r="A10942" t="s">
        <v>6804</v>
      </c>
      <c r="B10942" t="s">
        <v>6805</v>
      </c>
      <c r="C10942" t="s">
        <v>6792</v>
      </c>
      <c r="D10942" t="s">
        <v>6793</v>
      </c>
      <c r="E10942" t="s">
        <v>6594</v>
      </c>
      <c r="F10942" t="s">
        <v>6595</v>
      </c>
      <c r="G10942" t="s">
        <v>80</v>
      </c>
      <c r="H10942" t="s">
        <v>81</v>
      </c>
      <c r="I10942" s="2">
        <v>0</v>
      </c>
      <c r="J10942" s="2">
        <v>1</v>
      </c>
      <c r="K10942" s="2">
        <v>0</v>
      </c>
      <c r="L10942" t="s">
        <v>82</v>
      </c>
      <c r="M10942" t="s">
        <v>83</v>
      </c>
      <c r="N10942" t="s">
        <v>84</v>
      </c>
      <c r="O10942" t="s">
        <v>85</v>
      </c>
      <c r="P10942" t="s">
        <v>86</v>
      </c>
      <c r="Q10942">
        <v>9</v>
      </c>
      <c r="R10942">
        <v>9</v>
      </c>
      <c r="S10942">
        <v>9</v>
      </c>
      <c r="T10942">
        <v>10</v>
      </c>
      <c r="U10942">
        <v>10</v>
      </c>
      <c r="V10942">
        <v>10</v>
      </c>
      <c r="W10942">
        <v>10</v>
      </c>
      <c r="X10942">
        <v>10</v>
      </c>
      <c r="Y10942">
        <v>10</v>
      </c>
      <c r="Z10942">
        <v>10</v>
      </c>
      <c r="AA10942">
        <v>10</v>
      </c>
      <c r="AB10942">
        <v>10</v>
      </c>
      <c r="AC10942">
        <v>10</v>
      </c>
      <c r="AD10942">
        <v>10</v>
      </c>
      <c r="AE10942">
        <v>10</v>
      </c>
      <c r="AF10942">
        <v>10</v>
      </c>
      <c r="AG10942">
        <v>10</v>
      </c>
      <c r="AH10942">
        <v>10</v>
      </c>
      <c r="AI10942">
        <v>10</v>
      </c>
      <c r="AJ10942">
        <v>10</v>
      </c>
      <c r="AK10942">
        <v>10</v>
      </c>
      <c r="AL10942">
        <v>10</v>
      </c>
      <c r="AM10942">
        <v>10</v>
      </c>
      <c r="AN10942">
        <v>10</v>
      </c>
      <c r="AO10942">
        <v>10</v>
      </c>
      <c r="AP10942">
        <v>9</v>
      </c>
      <c r="AQ10942">
        <v>9</v>
      </c>
    </row>
    <row r="10943" spans="1:43">
      <c r="A10943" t="s">
        <v>6804</v>
      </c>
      <c r="B10943" t="s">
        <v>6805</v>
      </c>
      <c r="C10943" t="s">
        <v>6792</v>
      </c>
      <c r="D10943" t="s">
        <v>6793</v>
      </c>
      <c r="E10943" t="s">
        <v>6594</v>
      </c>
      <c r="F10943" t="s">
        <v>6595</v>
      </c>
      <c r="G10943" t="s">
        <v>80</v>
      </c>
      <c r="H10943" t="s">
        <v>81</v>
      </c>
      <c r="I10943" s="2">
        <v>0</v>
      </c>
      <c r="J10943" s="2">
        <v>1</v>
      </c>
      <c r="K10943" s="2">
        <v>0</v>
      </c>
      <c r="L10943" t="s">
        <v>82</v>
      </c>
      <c r="M10943" t="s">
        <v>87</v>
      </c>
      <c r="N10943" t="s">
        <v>88</v>
      </c>
      <c r="O10943" t="s">
        <v>85</v>
      </c>
      <c r="P10943" t="s">
        <v>86</v>
      </c>
      <c r="Q10943">
        <v>9</v>
      </c>
      <c r="R10943">
        <v>9</v>
      </c>
      <c r="S10943">
        <v>9</v>
      </c>
      <c r="T10943">
        <v>9</v>
      </c>
      <c r="U10943">
        <v>9</v>
      </c>
      <c r="V10943">
        <v>9</v>
      </c>
      <c r="W10943">
        <v>9</v>
      </c>
      <c r="X10943">
        <v>9</v>
      </c>
      <c r="Y10943">
        <v>9</v>
      </c>
      <c r="Z10943">
        <v>9</v>
      </c>
      <c r="AA10943">
        <v>9</v>
      </c>
      <c r="AB10943">
        <v>9</v>
      </c>
      <c r="AC10943">
        <v>9</v>
      </c>
      <c r="AD10943">
        <v>9</v>
      </c>
      <c r="AE10943">
        <v>9</v>
      </c>
      <c r="AF10943">
        <v>9</v>
      </c>
      <c r="AG10943">
        <v>9</v>
      </c>
      <c r="AH10943">
        <v>9</v>
      </c>
      <c r="AI10943">
        <v>8</v>
      </c>
      <c r="AJ10943">
        <v>8</v>
      </c>
      <c r="AK10943">
        <v>8</v>
      </c>
      <c r="AL10943">
        <v>8</v>
      </c>
      <c r="AM10943">
        <v>8</v>
      </c>
      <c r="AN10943">
        <v>8</v>
      </c>
      <c r="AO10943">
        <v>8</v>
      </c>
      <c r="AP10943">
        <v>8</v>
      </c>
      <c r="AQ10943">
        <v>8</v>
      </c>
    </row>
    <row r="10944" spans="1:43">
      <c r="A10944" t="s">
        <v>6804</v>
      </c>
      <c r="B10944" t="s">
        <v>6805</v>
      </c>
      <c r="C10944" t="s">
        <v>6792</v>
      </c>
      <c r="D10944" t="s">
        <v>6793</v>
      </c>
      <c r="E10944" t="s">
        <v>6594</v>
      </c>
      <c r="F10944" t="s">
        <v>6595</v>
      </c>
      <c r="G10944" t="s">
        <v>80</v>
      </c>
      <c r="H10944" t="s">
        <v>81</v>
      </c>
      <c r="I10944" s="2">
        <v>0</v>
      </c>
      <c r="J10944" s="2">
        <v>1</v>
      </c>
      <c r="K10944" s="2">
        <v>0</v>
      </c>
      <c r="L10944" t="s">
        <v>82</v>
      </c>
      <c r="M10944" t="s">
        <v>89</v>
      </c>
      <c r="N10944" t="s">
        <v>90</v>
      </c>
      <c r="O10944" t="s">
        <v>85</v>
      </c>
      <c r="P10944" t="s">
        <v>86</v>
      </c>
      <c r="Q10944">
        <v>9</v>
      </c>
      <c r="R10944">
        <v>10</v>
      </c>
      <c r="S10944">
        <v>10</v>
      </c>
      <c r="T10944">
        <v>10</v>
      </c>
      <c r="U10944">
        <v>10</v>
      </c>
      <c r="V10944">
        <v>10</v>
      </c>
      <c r="W10944">
        <v>10</v>
      </c>
      <c r="X10944">
        <v>10</v>
      </c>
      <c r="Y10944">
        <v>10</v>
      </c>
      <c r="Z10944">
        <v>10</v>
      </c>
      <c r="AA10944">
        <v>10</v>
      </c>
      <c r="AB10944">
        <v>10</v>
      </c>
      <c r="AC10944">
        <v>11</v>
      </c>
      <c r="AD10944">
        <v>11</v>
      </c>
      <c r="AE10944">
        <v>11</v>
      </c>
      <c r="AF10944">
        <v>10</v>
      </c>
      <c r="AG10944">
        <v>10</v>
      </c>
      <c r="AH10944">
        <v>10</v>
      </c>
      <c r="AI10944">
        <v>10</v>
      </c>
      <c r="AJ10944">
        <v>10</v>
      </c>
      <c r="AK10944">
        <v>10</v>
      </c>
      <c r="AL10944">
        <v>10</v>
      </c>
      <c r="AM10944">
        <v>10</v>
      </c>
      <c r="AN10944">
        <v>10</v>
      </c>
      <c r="AO10944">
        <v>10</v>
      </c>
      <c r="AP10944">
        <v>10</v>
      </c>
      <c r="AQ10944">
        <v>9</v>
      </c>
    </row>
    <row r="10945" spans="1:43">
      <c r="A10945" t="s">
        <v>6804</v>
      </c>
      <c r="B10945" t="s">
        <v>6805</v>
      </c>
      <c r="C10945" t="s">
        <v>6792</v>
      </c>
      <c r="D10945" t="s">
        <v>6793</v>
      </c>
      <c r="E10945" t="s">
        <v>6594</v>
      </c>
      <c r="F10945" t="s">
        <v>6595</v>
      </c>
      <c r="G10945" t="s">
        <v>80</v>
      </c>
      <c r="H10945" t="s">
        <v>81</v>
      </c>
      <c r="I10945" s="2">
        <v>0</v>
      </c>
      <c r="J10945" s="2">
        <v>1</v>
      </c>
      <c r="K10945" s="2">
        <v>0</v>
      </c>
      <c r="L10945" t="s">
        <v>82</v>
      </c>
      <c r="M10945" t="s">
        <v>83</v>
      </c>
      <c r="N10945" t="s">
        <v>91</v>
      </c>
      <c r="O10945" t="s">
        <v>85</v>
      </c>
      <c r="P10945" t="s">
        <v>86</v>
      </c>
      <c r="Q10945">
        <v>9</v>
      </c>
      <c r="R10945">
        <v>9</v>
      </c>
      <c r="S10945">
        <v>9</v>
      </c>
      <c r="T10945">
        <v>10</v>
      </c>
      <c r="U10945">
        <v>10</v>
      </c>
      <c r="V10945">
        <v>10</v>
      </c>
      <c r="W10945">
        <v>10</v>
      </c>
      <c r="X10945">
        <v>10</v>
      </c>
      <c r="Y10945">
        <v>10</v>
      </c>
      <c r="Z10945">
        <v>10</v>
      </c>
      <c r="AA10945">
        <v>10</v>
      </c>
      <c r="AB10945">
        <v>10</v>
      </c>
      <c r="AC10945">
        <v>10</v>
      </c>
      <c r="AD10945">
        <v>10</v>
      </c>
      <c r="AE10945">
        <v>10</v>
      </c>
      <c r="AF10945">
        <v>10</v>
      </c>
      <c r="AG10945">
        <v>10</v>
      </c>
      <c r="AH10945">
        <v>10</v>
      </c>
      <c r="AI10945">
        <v>10</v>
      </c>
      <c r="AJ10945">
        <v>10</v>
      </c>
      <c r="AK10945">
        <v>10</v>
      </c>
      <c r="AL10945">
        <v>10</v>
      </c>
      <c r="AM10945">
        <v>10</v>
      </c>
      <c r="AN10945">
        <v>10</v>
      </c>
      <c r="AO10945">
        <v>10</v>
      </c>
      <c r="AP10945">
        <v>9</v>
      </c>
      <c r="AQ10945">
        <v>9</v>
      </c>
    </row>
    <row r="10946" spans="1:43">
      <c r="A10946" t="s">
        <v>6806</v>
      </c>
      <c r="B10946" t="s">
        <v>6807</v>
      </c>
      <c r="C10946" t="s">
        <v>6808</v>
      </c>
      <c r="D10946" t="s">
        <v>6809</v>
      </c>
      <c r="E10946" t="s">
        <v>6594</v>
      </c>
      <c r="F10946" t="s">
        <v>6595</v>
      </c>
      <c r="G10946" t="s">
        <v>80</v>
      </c>
      <c r="H10946" t="s">
        <v>81</v>
      </c>
      <c r="I10946" s="2">
        <v>0</v>
      </c>
      <c r="J10946" s="2">
        <v>1</v>
      </c>
      <c r="K10946" s="2">
        <v>0</v>
      </c>
      <c r="L10946" t="s">
        <v>82</v>
      </c>
      <c r="M10946" t="s">
        <v>83</v>
      </c>
      <c r="N10946" t="s">
        <v>84</v>
      </c>
      <c r="O10946" t="s">
        <v>85</v>
      </c>
      <c r="P10946" t="s">
        <v>86</v>
      </c>
      <c r="Q10946">
        <v>13</v>
      </c>
      <c r="R10946">
        <v>14</v>
      </c>
      <c r="S10946">
        <v>14</v>
      </c>
      <c r="T10946">
        <v>14</v>
      </c>
      <c r="U10946">
        <v>14</v>
      </c>
      <c r="V10946">
        <v>14</v>
      </c>
      <c r="W10946">
        <v>14</v>
      </c>
      <c r="X10946">
        <v>14</v>
      </c>
      <c r="Y10946">
        <v>14</v>
      </c>
      <c r="Z10946">
        <v>14</v>
      </c>
      <c r="AA10946">
        <v>14</v>
      </c>
      <c r="AB10946">
        <v>14</v>
      </c>
      <c r="AC10946">
        <v>14</v>
      </c>
      <c r="AD10946">
        <v>14</v>
      </c>
      <c r="AE10946">
        <v>14</v>
      </c>
      <c r="AF10946">
        <v>14</v>
      </c>
      <c r="AG10946">
        <v>14</v>
      </c>
      <c r="AH10946">
        <v>14</v>
      </c>
      <c r="AI10946">
        <v>14</v>
      </c>
      <c r="AJ10946">
        <v>14</v>
      </c>
      <c r="AK10946">
        <v>14</v>
      </c>
      <c r="AL10946">
        <v>14</v>
      </c>
      <c r="AM10946">
        <v>14</v>
      </c>
      <c r="AN10946">
        <v>14</v>
      </c>
      <c r="AO10946">
        <v>14</v>
      </c>
      <c r="AP10946">
        <v>14</v>
      </c>
      <c r="AQ10946">
        <v>13</v>
      </c>
    </row>
    <row r="10947" spans="1:43">
      <c r="A10947" t="s">
        <v>6806</v>
      </c>
      <c r="B10947" t="s">
        <v>6807</v>
      </c>
      <c r="C10947" t="s">
        <v>6808</v>
      </c>
      <c r="D10947" t="s">
        <v>6809</v>
      </c>
      <c r="E10947" t="s">
        <v>6594</v>
      </c>
      <c r="F10947" t="s">
        <v>6595</v>
      </c>
      <c r="G10947" t="s">
        <v>80</v>
      </c>
      <c r="H10947" t="s">
        <v>81</v>
      </c>
      <c r="I10947" s="2">
        <v>0</v>
      </c>
      <c r="J10947" s="2">
        <v>1</v>
      </c>
      <c r="K10947" s="2">
        <v>0</v>
      </c>
      <c r="L10947" t="s">
        <v>82</v>
      </c>
      <c r="M10947" t="s">
        <v>87</v>
      </c>
      <c r="N10947" t="s">
        <v>88</v>
      </c>
      <c r="O10947" t="s">
        <v>85</v>
      </c>
      <c r="P10947" t="s">
        <v>86</v>
      </c>
      <c r="Q10947">
        <v>13</v>
      </c>
      <c r="R10947">
        <v>13</v>
      </c>
      <c r="S10947">
        <v>13</v>
      </c>
      <c r="T10947">
        <v>13</v>
      </c>
      <c r="U10947">
        <v>13</v>
      </c>
      <c r="V10947">
        <v>13</v>
      </c>
      <c r="W10947">
        <v>13</v>
      </c>
      <c r="X10947">
        <v>13</v>
      </c>
      <c r="Y10947">
        <v>13</v>
      </c>
      <c r="Z10947">
        <v>13</v>
      </c>
      <c r="AA10947">
        <v>13</v>
      </c>
      <c r="AB10947">
        <v>13</v>
      </c>
      <c r="AC10947">
        <v>13</v>
      </c>
      <c r="AD10947">
        <v>13</v>
      </c>
      <c r="AE10947">
        <v>13</v>
      </c>
      <c r="AF10947">
        <v>12</v>
      </c>
      <c r="AG10947">
        <v>12</v>
      </c>
      <c r="AH10947">
        <v>12</v>
      </c>
      <c r="AI10947">
        <v>12</v>
      </c>
      <c r="AJ10947">
        <v>12</v>
      </c>
      <c r="AK10947">
        <v>12</v>
      </c>
      <c r="AL10947">
        <v>12</v>
      </c>
      <c r="AM10947">
        <v>12</v>
      </c>
      <c r="AN10947">
        <v>12</v>
      </c>
      <c r="AO10947">
        <v>12</v>
      </c>
      <c r="AP10947">
        <v>12</v>
      </c>
      <c r="AQ10947">
        <v>12</v>
      </c>
    </row>
    <row r="10948" spans="1:43">
      <c r="A10948" t="s">
        <v>6806</v>
      </c>
      <c r="B10948" t="s">
        <v>6807</v>
      </c>
      <c r="C10948" t="s">
        <v>6808</v>
      </c>
      <c r="D10948" t="s">
        <v>6809</v>
      </c>
      <c r="E10948" t="s">
        <v>6594</v>
      </c>
      <c r="F10948" t="s">
        <v>6595</v>
      </c>
      <c r="G10948" t="s">
        <v>80</v>
      </c>
      <c r="H10948" t="s">
        <v>81</v>
      </c>
      <c r="I10948" s="2">
        <v>0</v>
      </c>
      <c r="J10948" s="2">
        <v>1</v>
      </c>
      <c r="K10948" s="2">
        <v>0</v>
      </c>
      <c r="L10948" t="s">
        <v>82</v>
      </c>
      <c r="M10948" t="s">
        <v>89</v>
      </c>
      <c r="N10948" t="s">
        <v>90</v>
      </c>
      <c r="O10948" t="s">
        <v>85</v>
      </c>
      <c r="P10948" t="s">
        <v>86</v>
      </c>
      <c r="Q10948">
        <v>13</v>
      </c>
      <c r="R10948">
        <v>13</v>
      </c>
      <c r="S10948">
        <v>13</v>
      </c>
      <c r="T10948">
        <v>13</v>
      </c>
      <c r="U10948">
        <v>13</v>
      </c>
      <c r="V10948">
        <v>13</v>
      </c>
      <c r="W10948">
        <v>14</v>
      </c>
      <c r="X10948">
        <v>14</v>
      </c>
      <c r="Y10948">
        <v>14</v>
      </c>
      <c r="Z10948">
        <v>14</v>
      </c>
      <c r="AA10948">
        <v>14</v>
      </c>
      <c r="AB10948">
        <v>14</v>
      </c>
      <c r="AC10948">
        <v>14</v>
      </c>
      <c r="AD10948">
        <v>14</v>
      </c>
      <c r="AE10948">
        <v>14</v>
      </c>
      <c r="AF10948">
        <v>14</v>
      </c>
      <c r="AG10948">
        <v>14</v>
      </c>
      <c r="AH10948">
        <v>14</v>
      </c>
      <c r="AI10948">
        <v>14</v>
      </c>
      <c r="AJ10948">
        <v>13</v>
      </c>
      <c r="AK10948">
        <v>13</v>
      </c>
      <c r="AL10948">
        <v>13</v>
      </c>
      <c r="AM10948">
        <v>13</v>
      </c>
      <c r="AN10948">
        <v>13</v>
      </c>
      <c r="AO10948">
        <v>13</v>
      </c>
      <c r="AP10948">
        <v>13</v>
      </c>
      <c r="AQ10948">
        <v>13</v>
      </c>
    </row>
    <row r="10949" spans="1:43">
      <c r="A10949" t="s">
        <v>6806</v>
      </c>
      <c r="B10949" t="s">
        <v>6807</v>
      </c>
      <c r="C10949" t="s">
        <v>6808</v>
      </c>
      <c r="D10949" t="s">
        <v>6809</v>
      </c>
      <c r="E10949" t="s">
        <v>6594</v>
      </c>
      <c r="F10949" t="s">
        <v>6595</v>
      </c>
      <c r="G10949" t="s">
        <v>80</v>
      </c>
      <c r="H10949" t="s">
        <v>81</v>
      </c>
      <c r="I10949" s="2">
        <v>0</v>
      </c>
      <c r="J10949" s="2">
        <v>1</v>
      </c>
      <c r="K10949" s="2">
        <v>0</v>
      </c>
      <c r="L10949" t="s">
        <v>82</v>
      </c>
      <c r="M10949" t="s">
        <v>83</v>
      </c>
      <c r="N10949" t="s">
        <v>91</v>
      </c>
      <c r="O10949" t="s">
        <v>85</v>
      </c>
      <c r="P10949" t="s">
        <v>86</v>
      </c>
      <c r="Q10949">
        <v>13</v>
      </c>
      <c r="R10949">
        <v>14</v>
      </c>
      <c r="S10949">
        <v>14</v>
      </c>
      <c r="T10949">
        <v>14</v>
      </c>
      <c r="U10949">
        <v>14</v>
      </c>
      <c r="V10949">
        <v>14</v>
      </c>
      <c r="W10949">
        <v>14</v>
      </c>
      <c r="X10949">
        <v>14</v>
      </c>
      <c r="Y10949">
        <v>14</v>
      </c>
      <c r="Z10949">
        <v>14</v>
      </c>
      <c r="AA10949">
        <v>14</v>
      </c>
      <c r="AB10949">
        <v>14</v>
      </c>
      <c r="AC10949">
        <v>14</v>
      </c>
      <c r="AD10949">
        <v>14</v>
      </c>
      <c r="AE10949">
        <v>14</v>
      </c>
      <c r="AF10949">
        <v>14</v>
      </c>
      <c r="AG10949">
        <v>14</v>
      </c>
      <c r="AH10949">
        <v>14</v>
      </c>
      <c r="AI10949">
        <v>14</v>
      </c>
      <c r="AJ10949">
        <v>14</v>
      </c>
      <c r="AK10949">
        <v>14</v>
      </c>
      <c r="AL10949">
        <v>14</v>
      </c>
      <c r="AM10949">
        <v>14</v>
      </c>
      <c r="AN10949">
        <v>14</v>
      </c>
      <c r="AO10949">
        <v>14</v>
      </c>
      <c r="AP10949">
        <v>14</v>
      </c>
      <c r="AQ10949">
        <v>13</v>
      </c>
    </row>
    <row r="10950" spans="1:43">
      <c r="A10950" t="s">
        <v>6810</v>
      </c>
      <c r="B10950" t="s">
        <v>6811</v>
      </c>
      <c r="C10950" t="s">
        <v>6808</v>
      </c>
      <c r="D10950" t="s">
        <v>6809</v>
      </c>
      <c r="E10950" t="s">
        <v>6594</v>
      </c>
      <c r="F10950" t="s">
        <v>6595</v>
      </c>
      <c r="G10950" t="s">
        <v>80</v>
      </c>
      <c r="H10950" t="s">
        <v>81</v>
      </c>
      <c r="I10950" s="2">
        <v>0</v>
      </c>
      <c r="J10950" s="2">
        <v>1</v>
      </c>
      <c r="K10950" s="2">
        <v>0</v>
      </c>
      <c r="L10950" t="s">
        <v>82</v>
      </c>
      <c r="M10950" t="s">
        <v>83</v>
      </c>
      <c r="N10950" t="s">
        <v>84</v>
      </c>
      <c r="O10950" t="s">
        <v>85</v>
      </c>
      <c r="P10950" t="s">
        <v>86</v>
      </c>
      <c r="Q10950">
        <v>29</v>
      </c>
      <c r="R10950">
        <v>29</v>
      </c>
      <c r="S10950">
        <v>30</v>
      </c>
      <c r="T10950">
        <v>30</v>
      </c>
      <c r="U10950">
        <v>30</v>
      </c>
      <c r="V10950">
        <v>30</v>
      </c>
      <c r="W10950">
        <v>30</v>
      </c>
      <c r="X10950">
        <v>30</v>
      </c>
      <c r="Y10950">
        <v>30</v>
      </c>
      <c r="Z10950">
        <v>30</v>
      </c>
      <c r="AA10950">
        <v>30</v>
      </c>
      <c r="AB10950">
        <v>31</v>
      </c>
      <c r="AC10950">
        <v>31</v>
      </c>
      <c r="AD10950">
        <v>31</v>
      </c>
      <c r="AE10950">
        <v>31</v>
      </c>
      <c r="AF10950">
        <v>31</v>
      </c>
      <c r="AG10950">
        <v>31</v>
      </c>
      <c r="AH10950">
        <v>31</v>
      </c>
      <c r="AI10950">
        <v>31</v>
      </c>
      <c r="AJ10950">
        <v>31</v>
      </c>
      <c r="AK10950">
        <v>31</v>
      </c>
      <c r="AL10950">
        <v>30</v>
      </c>
      <c r="AM10950">
        <v>30</v>
      </c>
      <c r="AN10950">
        <v>30</v>
      </c>
      <c r="AO10950">
        <v>30</v>
      </c>
      <c r="AP10950">
        <v>29</v>
      </c>
      <c r="AQ10950">
        <v>29</v>
      </c>
    </row>
    <row r="10951" spans="1:43">
      <c r="A10951" t="s">
        <v>6810</v>
      </c>
      <c r="B10951" t="s">
        <v>6811</v>
      </c>
      <c r="C10951" t="s">
        <v>6808</v>
      </c>
      <c r="D10951" t="s">
        <v>6809</v>
      </c>
      <c r="E10951" t="s">
        <v>6594</v>
      </c>
      <c r="F10951" t="s">
        <v>6595</v>
      </c>
      <c r="G10951" t="s">
        <v>80</v>
      </c>
      <c r="H10951" t="s">
        <v>81</v>
      </c>
      <c r="I10951" s="2">
        <v>0</v>
      </c>
      <c r="J10951" s="2">
        <v>1</v>
      </c>
      <c r="K10951" s="2">
        <v>0</v>
      </c>
      <c r="L10951" t="s">
        <v>82</v>
      </c>
      <c r="M10951" t="s">
        <v>87</v>
      </c>
      <c r="N10951" t="s">
        <v>88</v>
      </c>
      <c r="O10951" t="s">
        <v>85</v>
      </c>
      <c r="P10951" t="s">
        <v>86</v>
      </c>
      <c r="Q10951">
        <v>29</v>
      </c>
      <c r="R10951">
        <v>29</v>
      </c>
      <c r="S10951">
        <v>29</v>
      </c>
      <c r="T10951">
        <v>29</v>
      </c>
      <c r="U10951">
        <v>29</v>
      </c>
      <c r="V10951">
        <v>28</v>
      </c>
      <c r="W10951">
        <v>28</v>
      </c>
      <c r="X10951">
        <v>28</v>
      </c>
      <c r="Y10951">
        <v>28</v>
      </c>
      <c r="Z10951">
        <v>28</v>
      </c>
      <c r="AA10951">
        <v>28</v>
      </c>
      <c r="AB10951">
        <v>28</v>
      </c>
      <c r="AC10951">
        <v>27</v>
      </c>
      <c r="AD10951">
        <v>27</v>
      </c>
      <c r="AE10951">
        <v>27</v>
      </c>
      <c r="AF10951">
        <v>27</v>
      </c>
      <c r="AG10951">
        <v>27</v>
      </c>
      <c r="AH10951">
        <v>27</v>
      </c>
      <c r="AI10951">
        <v>26</v>
      </c>
      <c r="AJ10951">
        <v>26</v>
      </c>
      <c r="AK10951">
        <v>26</v>
      </c>
      <c r="AL10951">
        <v>26</v>
      </c>
      <c r="AM10951">
        <v>26</v>
      </c>
      <c r="AN10951">
        <v>26</v>
      </c>
      <c r="AO10951">
        <v>26</v>
      </c>
      <c r="AP10951">
        <v>25</v>
      </c>
      <c r="AQ10951">
        <v>25</v>
      </c>
    </row>
    <row r="10952" spans="1:43">
      <c r="A10952" t="s">
        <v>6810</v>
      </c>
      <c r="B10952" t="s">
        <v>6811</v>
      </c>
      <c r="C10952" t="s">
        <v>6808</v>
      </c>
      <c r="D10952" t="s">
        <v>6809</v>
      </c>
      <c r="E10952" t="s">
        <v>6594</v>
      </c>
      <c r="F10952" t="s">
        <v>6595</v>
      </c>
      <c r="G10952" t="s">
        <v>80</v>
      </c>
      <c r="H10952" t="s">
        <v>81</v>
      </c>
      <c r="I10952" s="2">
        <v>0</v>
      </c>
      <c r="J10952" s="2">
        <v>1</v>
      </c>
      <c r="K10952" s="2">
        <v>0</v>
      </c>
      <c r="L10952" t="s">
        <v>82</v>
      </c>
      <c r="M10952" t="s">
        <v>89</v>
      </c>
      <c r="N10952" t="s">
        <v>90</v>
      </c>
      <c r="O10952" t="s">
        <v>85</v>
      </c>
      <c r="P10952" t="s">
        <v>86</v>
      </c>
      <c r="Q10952">
        <v>29</v>
      </c>
      <c r="R10952">
        <v>30</v>
      </c>
      <c r="S10952">
        <v>30</v>
      </c>
      <c r="T10952">
        <v>31</v>
      </c>
      <c r="U10952">
        <v>31</v>
      </c>
      <c r="V10952">
        <v>31</v>
      </c>
      <c r="W10952">
        <v>32</v>
      </c>
      <c r="X10952">
        <v>32</v>
      </c>
      <c r="Y10952">
        <v>32</v>
      </c>
      <c r="Z10952">
        <v>32</v>
      </c>
      <c r="AA10952">
        <v>32</v>
      </c>
      <c r="AB10952">
        <v>33</v>
      </c>
      <c r="AC10952">
        <v>33</v>
      </c>
      <c r="AD10952">
        <v>33</v>
      </c>
      <c r="AE10952">
        <v>33</v>
      </c>
      <c r="AF10952">
        <v>33</v>
      </c>
      <c r="AG10952">
        <v>32</v>
      </c>
      <c r="AH10952">
        <v>32</v>
      </c>
      <c r="AI10952">
        <v>32</v>
      </c>
      <c r="AJ10952">
        <v>31</v>
      </c>
      <c r="AK10952">
        <v>31</v>
      </c>
      <c r="AL10952">
        <v>31</v>
      </c>
      <c r="AM10952">
        <v>31</v>
      </c>
      <c r="AN10952">
        <v>30</v>
      </c>
      <c r="AO10952">
        <v>30</v>
      </c>
      <c r="AP10952">
        <v>30</v>
      </c>
      <c r="AQ10952">
        <v>29</v>
      </c>
    </row>
    <row r="10953" spans="1:43">
      <c r="A10953" t="s">
        <v>6810</v>
      </c>
      <c r="B10953" t="s">
        <v>6811</v>
      </c>
      <c r="C10953" t="s">
        <v>6808</v>
      </c>
      <c r="D10953" t="s">
        <v>6809</v>
      </c>
      <c r="E10953" t="s">
        <v>6594</v>
      </c>
      <c r="F10953" t="s">
        <v>6595</v>
      </c>
      <c r="G10953" t="s">
        <v>80</v>
      </c>
      <c r="H10953" t="s">
        <v>81</v>
      </c>
      <c r="I10953" s="2">
        <v>0</v>
      </c>
      <c r="J10953" s="2">
        <v>1</v>
      </c>
      <c r="K10953" s="2">
        <v>0</v>
      </c>
      <c r="L10953" t="s">
        <v>82</v>
      </c>
      <c r="M10953" t="s">
        <v>83</v>
      </c>
      <c r="N10953" t="s">
        <v>91</v>
      </c>
      <c r="O10953" t="s">
        <v>85</v>
      </c>
      <c r="P10953" t="s">
        <v>86</v>
      </c>
      <c r="Q10953">
        <v>29</v>
      </c>
      <c r="R10953">
        <v>29</v>
      </c>
      <c r="S10953">
        <v>30</v>
      </c>
      <c r="T10953">
        <v>30</v>
      </c>
      <c r="U10953">
        <v>30</v>
      </c>
      <c r="V10953">
        <v>30</v>
      </c>
      <c r="W10953">
        <v>30</v>
      </c>
      <c r="X10953">
        <v>30</v>
      </c>
      <c r="Y10953">
        <v>30</v>
      </c>
      <c r="Z10953">
        <v>30</v>
      </c>
      <c r="AA10953">
        <v>30</v>
      </c>
      <c r="AB10953">
        <v>31</v>
      </c>
      <c r="AC10953">
        <v>31</v>
      </c>
      <c r="AD10953">
        <v>31</v>
      </c>
      <c r="AE10953">
        <v>31</v>
      </c>
      <c r="AF10953">
        <v>31</v>
      </c>
      <c r="AG10953">
        <v>31</v>
      </c>
      <c r="AH10953">
        <v>31</v>
      </c>
      <c r="AI10953">
        <v>31</v>
      </c>
      <c r="AJ10953">
        <v>31</v>
      </c>
      <c r="AK10953">
        <v>31</v>
      </c>
      <c r="AL10953">
        <v>30</v>
      </c>
      <c r="AM10953">
        <v>30</v>
      </c>
      <c r="AN10953">
        <v>30</v>
      </c>
      <c r="AO10953">
        <v>30</v>
      </c>
      <c r="AP10953">
        <v>29</v>
      </c>
      <c r="AQ10953">
        <v>29</v>
      </c>
    </row>
    <row r="10954" spans="1:43">
      <c r="A10954" t="s">
        <v>6812</v>
      </c>
      <c r="B10954" t="s">
        <v>6813</v>
      </c>
      <c r="C10954" t="s">
        <v>6814</v>
      </c>
      <c r="D10954" t="s">
        <v>6815</v>
      </c>
      <c r="E10954" t="s">
        <v>6594</v>
      </c>
      <c r="F10954" t="s">
        <v>6595</v>
      </c>
      <c r="G10954" t="s">
        <v>80</v>
      </c>
      <c r="H10954" t="s">
        <v>81</v>
      </c>
      <c r="I10954" s="2">
        <v>0</v>
      </c>
      <c r="J10954" s="2">
        <v>1</v>
      </c>
      <c r="K10954" s="2">
        <v>0</v>
      </c>
      <c r="L10954" t="s">
        <v>82</v>
      </c>
      <c r="M10954" t="s">
        <v>83</v>
      </c>
      <c r="N10954" t="s">
        <v>84</v>
      </c>
      <c r="O10954" t="s">
        <v>85</v>
      </c>
      <c r="P10954" t="s">
        <v>86</v>
      </c>
      <c r="Q10954">
        <v>21</v>
      </c>
      <c r="R10954">
        <v>21</v>
      </c>
      <c r="S10954">
        <v>21</v>
      </c>
      <c r="T10954">
        <v>21</v>
      </c>
      <c r="U10954">
        <v>21</v>
      </c>
      <c r="V10954">
        <v>21</v>
      </c>
      <c r="W10954">
        <v>21</v>
      </c>
      <c r="X10954">
        <v>21</v>
      </c>
      <c r="Y10954">
        <v>21</v>
      </c>
      <c r="Z10954">
        <v>22</v>
      </c>
      <c r="AA10954">
        <v>22</v>
      </c>
      <c r="AB10954">
        <v>22</v>
      </c>
      <c r="AC10954">
        <v>22</v>
      </c>
      <c r="AD10954">
        <v>22</v>
      </c>
      <c r="AE10954">
        <v>22</v>
      </c>
      <c r="AF10954">
        <v>22</v>
      </c>
      <c r="AG10954">
        <v>22</v>
      </c>
      <c r="AH10954">
        <v>22</v>
      </c>
      <c r="AI10954">
        <v>22</v>
      </c>
      <c r="AJ10954">
        <v>22</v>
      </c>
      <c r="AK10954">
        <v>22</v>
      </c>
      <c r="AL10954">
        <v>22</v>
      </c>
      <c r="AM10954">
        <v>22</v>
      </c>
      <c r="AN10954">
        <v>21</v>
      </c>
      <c r="AO10954">
        <v>21</v>
      </c>
      <c r="AP10954">
        <v>21</v>
      </c>
      <c r="AQ10954">
        <v>21</v>
      </c>
    </row>
    <row r="10955" spans="1:43">
      <c r="A10955" t="s">
        <v>6812</v>
      </c>
      <c r="B10955" t="s">
        <v>6813</v>
      </c>
      <c r="C10955" t="s">
        <v>6814</v>
      </c>
      <c r="D10955" t="s">
        <v>6815</v>
      </c>
      <c r="E10955" t="s">
        <v>6594</v>
      </c>
      <c r="F10955" t="s">
        <v>6595</v>
      </c>
      <c r="G10955" t="s">
        <v>80</v>
      </c>
      <c r="H10955" t="s">
        <v>81</v>
      </c>
      <c r="I10955" s="2">
        <v>0</v>
      </c>
      <c r="J10955" s="2">
        <v>1</v>
      </c>
      <c r="K10955" s="2">
        <v>0</v>
      </c>
      <c r="L10955" t="s">
        <v>82</v>
      </c>
      <c r="M10955" t="s">
        <v>87</v>
      </c>
      <c r="N10955" t="s">
        <v>88</v>
      </c>
      <c r="O10955" t="s">
        <v>85</v>
      </c>
      <c r="P10955" t="s">
        <v>86</v>
      </c>
      <c r="Q10955">
        <v>21</v>
      </c>
      <c r="R10955">
        <v>21</v>
      </c>
      <c r="S10955">
        <v>21</v>
      </c>
      <c r="T10955">
        <v>21</v>
      </c>
      <c r="U10955">
        <v>21</v>
      </c>
      <c r="V10955">
        <v>21</v>
      </c>
      <c r="W10955">
        <v>21</v>
      </c>
      <c r="X10955">
        <v>21</v>
      </c>
      <c r="Y10955">
        <v>21</v>
      </c>
      <c r="Z10955">
        <v>21</v>
      </c>
      <c r="AA10955">
        <v>21</v>
      </c>
      <c r="AB10955">
        <v>21</v>
      </c>
      <c r="AC10955">
        <v>21</v>
      </c>
      <c r="AD10955">
        <v>20</v>
      </c>
      <c r="AE10955">
        <v>20</v>
      </c>
      <c r="AF10955">
        <v>20</v>
      </c>
      <c r="AG10955">
        <v>20</v>
      </c>
      <c r="AH10955">
        <v>20</v>
      </c>
      <c r="AI10955">
        <v>20</v>
      </c>
      <c r="AJ10955">
        <v>20</v>
      </c>
      <c r="AK10955">
        <v>20</v>
      </c>
      <c r="AL10955">
        <v>20</v>
      </c>
      <c r="AM10955">
        <v>20</v>
      </c>
      <c r="AN10955">
        <v>19</v>
      </c>
      <c r="AO10955">
        <v>19</v>
      </c>
      <c r="AP10955">
        <v>19</v>
      </c>
      <c r="AQ10955">
        <v>19</v>
      </c>
    </row>
    <row r="10956" spans="1:43">
      <c r="A10956" t="s">
        <v>6812</v>
      </c>
      <c r="B10956" t="s">
        <v>6813</v>
      </c>
      <c r="C10956" t="s">
        <v>6814</v>
      </c>
      <c r="D10956" t="s">
        <v>6815</v>
      </c>
      <c r="E10956" t="s">
        <v>6594</v>
      </c>
      <c r="F10956" t="s">
        <v>6595</v>
      </c>
      <c r="G10956" t="s">
        <v>80</v>
      </c>
      <c r="H10956" t="s">
        <v>81</v>
      </c>
      <c r="I10956" s="2">
        <v>0</v>
      </c>
      <c r="J10956" s="2">
        <v>1</v>
      </c>
      <c r="K10956" s="2">
        <v>0</v>
      </c>
      <c r="L10956" t="s">
        <v>82</v>
      </c>
      <c r="M10956" t="s">
        <v>89</v>
      </c>
      <c r="N10956" t="s">
        <v>90</v>
      </c>
      <c r="O10956" t="s">
        <v>85</v>
      </c>
      <c r="P10956" t="s">
        <v>86</v>
      </c>
      <c r="Q10956">
        <v>21</v>
      </c>
      <c r="R10956">
        <v>21</v>
      </c>
      <c r="S10956">
        <v>21</v>
      </c>
      <c r="T10956">
        <v>22</v>
      </c>
      <c r="U10956">
        <v>22</v>
      </c>
      <c r="V10956">
        <v>22</v>
      </c>
      <c r="W10956">
        <v>22</v>
      </c>
      <c r="X10956">
        <v>23</v>
      </c>
      <c r="Y10956">
        <v>23</v>
      </c>
      <c r="Z10956">
        <v>23</v>
      </c>
      <c r="AA10956">
        <v>23</v>
      </c>
      <c r="AB10956">
        <v>23</v>
      </c>
      <c r="AC10956">
        <v>23</v>
      </c>
      <c r="AD10956">
        <v>23</v>
      </c>
      <c r="AE10956">
        <v>23</v>
      </c>
      <c r="AF10956">
        <v>23</v>
      </c>
      <c r="AG10956">
        <v>23</v>
      </c>
      <c r="AH10956">
        <v>23</v>
      </c>
      <c r="AI10956">
        <v>23</v>
      </c>
      <c r="AJ10956">
        <v>22</v>
      </c>
      <c r="AK10956">
        <v>22</v>
      </c>
      <c r="AL10956">
        <v>22</v>
      </c>
      <c r="AM10956">
        <v>22</v>
      </c>
      <c r="AN10956">
        <v>22</v>
      </c>
      <c r="AO10956">
        <v>22</v>
      </c>
      <c r="AP10956">
        <v>21</v>
      </c>
      <c r="AQ10956">
        <v>21</v>
      </c>
    </row>
    <row r="10957" spans="1:43">
      <c r="A10957" t="s">
        <v>6812</v>
      </c>
      <c r="B10957" t="s">
        <v>6813</v>
      </c>
      <c r="C10957" t="s">
        <v>6814</v>
      </c>
      <c r="D10957" t="s">
        <v>6815</v>
      </c>
      <c r="E10957" t="s">
        <v>6594</v>
      </c>
      <c r="F10957" t="s">
        <v>6595</v>
      </c>
      <c r="G10957" t="s">
        <v>80</v>
      </c>
      <c r="H10957" t="s">
        <v>81</v>
      </c>
      <c r="I10957" s="2">
        <v>0</v>
      </c>
      <c r="J10957" s="2">
        <v>1</v>
      </c>
      <c r="K10957" s="2">
        <v>0</v>
      </c>
      <c r="L10957" t="s">
        <v>82</v>
      </c>
      <c r="M10957" t="s">
        <v>83</v>
      </c>
      <c r="N10957" t="s">
        <v>91</v>
      </c>
      <c r="O10957" t="s">
        <v>85</v>
      </c>
      <c r="P10957" t="s">
        <v>86</v>
      </c>
      <c r="Q10957">
        <v>21</v>
      </c>
      <c r="R10957">
        <v>21</v>
      </c>
      <c r="S10957">
        <v>21</v>
      </c>
      <c r="T10957">
        <v>21</v>
      </c>
      <c r="U10957">
        <v>21</v>
      </c>
      <c r="V10957">
        <v>21</v>
      </c>
      <c r="W10957">
        <v>21</v>
      </c>
      <c r="X10957">
        <v>21</v>
      </c>
      <c r="Y10957">
        <v>21</v>
      </c>
      <c r="Z10957">
        <v>22</v>
      </c>
      <c r="AA10957">
        <v>22</v>
      </c>
      <c r="AB10957">
        <v>22</v>
      </c>
      <c r="AC10957">
        <v>22</v>
      </c>
      <c r="AD10957">
        <v>22</v>
      </c>
      <c r="AE10957">
        <v>22</v>
      </c>
      <c r="AF10957">
        <v>22</v>
      </c>
      <c r="AG10957">
        <v>22</v>
      </c>
      <c r="AH10957">
        <v>22</v>
      </c>
      <c r="AI10957">
        <v>22</v>
      </c>
      <c r="AJ10957">
        <v>22</v>
      </c>
      <c r="AK10957">
        <v>22</v>
      </c>
      <c r="AL10957">
        <v>22</v>
      </c>
      <c r="AM10957">
        <v>22</v>
      </c>
      <c r="AN10957">
        <v>21</v>
      </c>
      <c r="AO10957">
        <v>21</v>
      </c>
      <c r="AP10957">
        <v>21</v>
      </c>
      <c r="AQ10957">
        <v>21</v>
      </c>
    </row>
    <row r="10958" spans="1:43">
      <c r="A10958" t="s">
        <v>6816</v>
      </c>
      <c r="B10958" t="s">
        <v>6817</v>
      </c>
      <c r="C10958" t="s">
        <v>6814</v>
      </c>
      <c r="D10958" t="s">
        <v>6815</v>
      </c>
      <c r="E10958" t="s">
        <v>6594</v>
      </c>
      <c r="F10958" t="s">
        <v>6595</v>
      </c>
      <c r="G10958" t="s">
        <v>80</v>
      </c>
      <c r="H10958" t="s">
        <v>81</v>
      </c>
      <c r="I10958" s="2">
        <v>0</v>
      </c>
      <c r="J10958" s="2">
        <v>1</v>
      </c>
      <c r="K10958" s="2">
        <v>0</v>
      </c>
      <c r="L10958" t="s">
        <v>82</v>
      </c>
      <c r="M10958" t="s">
        <v>83</v>
      </c>
      <c r="N10958" t="s">
        <v>84</v>
      </c>
      <c r="O10958" t="s">
        <v>85</v>
      </c>
      <c r="P10958" t="s">
        <v>86</v>
      </c>
      <c r="Q10958">
        <v>60</v>
      </c>
      <c r="R10958">
        <v>60</v>
      </c>
      <c r="S10958">
        <v>61</v>
      </c>
      <c r="T10958">
        <v>61</v>
      </c>
      <c r="U10958">
        <v>61</v>
      </c>
      <c r="V10958">
        <v>62</v>
      </c>
      <c r="W10958">
        <v>62</v>
      </c>
      <c r="X10958">
        <v>62</v>
      </c>
      <c r="Y10958">
        <v>62</v>
      </c>
      <c r="Z10958">
        <v>63</v>
      </c>
      <c r="AA10958">
        <v>63</v>
      </c>
      <c r="AB10958">
        <v>63</v>
      </c>
      <c r="AC10958">
        <v>63</v>
      </c>
      <c r="AD10958">
        <v>63</v>
      </c>
      <c r="AE10958">
        <v>63</v>
      </c>
      <c r="AF10958">
        <v>63</v>
      </c>
      <c r="AG10958">
        <v>63</v>
      </c>
      <c r="AH10958">
        <v>63</v>
      </c>
      <c r="AI10958">
        <v>63</v>
      </c>
      <c r="AJ10958">
        <v>63</v>
      </c>
      <c r="AK10958">
        <v>63</v>
      </c>
      <c r="AL10958">
        <v>63</v>
      </c>
      <c r="AM10958">
        <v>62</v>
      </c>
      <c r="AN10958">
        <v>62</v>
      </c>
      <c r="AO10958">
        <v>61</v>
      </c>
      <c r="AP10958">
        <v>61</v>
      </c>
      <c r="AQ10958">
        <v>60</v>
      </c>
    </row>
    <row r="10959" spans="1:43">
      <c r="A10959" t="s">
        <v>6816</v>
      </c>
      <c r="B10959" t="s">
        <v>6817</v>
      </c>
      <c r="C10959" t="s">
        <v>6814</v>
      </c>
      <c r="D10959" t="s">
        <v>6815</v>
      </c>
      <c r="E10959" t="s">
        <v>6594</v>
      </c>
      <c r="F10959" t="s">
        <v>6595</v>
      </c>
      <c r="G10959" t="s">
        <v>80</v>
      </c>
      <c r="H10959" t="s">
        <v>81</v>
      </c>
      <c r="I10959" s="2">
        <v>0</v>
      </c>
      <c r="J10959" s="2">
        <v>1</v>
      </c>
      <c r="K10959" s="2">
        <v>0</v>
      </c>
      <c r="L10959" t="s">
        <v>82</v>
      </c>
      <c r="M10959" t="s">
        <v>87</v>
      </c>
      <c r="N10959" t="s">
        <v>88</v>
      </c>
      <c r="O10959" t="s">
        <v>85</v>
      </c>
      <c r="P10959" t="s">
        <v>86</v>
      </c>
      <c r="Q10959">
        <v>60</v>
      </c>
      <c r="R10959">
        <v>60</v>
      </c>
      <c r="S10959">
        <v>60</v>
      </c>
      <c r="T10959">
        <v>60</v>
      </c>
      <c r="U10959">
        <v>60</v>
      </c>
      <c r="V10959">
        <v>59</v>
      </c>
      <c r="W10959">
        <v>59</v>
      </c>
      <c r="X10959">
        <v>59</v>
      </c>
      <c r="Y10959">
        <v>59</v>
      </c>
      <c r="Z10959">
        <v>58</v>
      </c>
      <c r="AA10959">
        <v>58</v>
      </c>
      <c r="AB10959">
        <v>58</v>
      </c>
      <c r="AC10959">
        <v>58</v>
      </c>
      <c r="AD10959">
        <v>57</v>
      </c>
      <c r="AE10959">
        <v>57</v>
      </c>
      <c r="AF10959">
        <v>57</v>
      </c>
      <c r="AG10959">
        <v>56</v>
      </c>
      <c r="AH10959">
        <v>56</v>
      </c>
      <c r="AI10959">
        <v>56</v>
      </c>
      <c r="AJ10959">
        <v>55</v>
      </c>
      <c r="AK10959">
        <v>55</v>
      </c>
      <c r="AL10959">
        <v>55</v>
      </c>
      <c r="AM10959">
        <v>55</v>
      </c>
      <c r="AN10959">
        <v>54</v>
      </c>
      <c r="AO10959">
        <v>54</v>
      </c>
      <c r="AP10959">
        <v>54</v>
      </c>
      <c r="AQ10959">
        <v>53</v>
      </c>
    </row>
    <row r="10960" spans="1:43">
      <c r="A10960" t="s">
        <v>6816</v>
      </c>
      <c r="B10960" t="s">
        <v>6817</v>
      </c>
      <c r="C10960" t="s">
        <v>6814</v>
      </c>
      <c r="D10960" t="s">
        <v>6815</v>
      </c>
      <c r="E10960" t="s">
        <v>6594</v>
      </c>
      <c r="F10960" t="s">
        <v>6595</v>
      </c>
      <c r="G10960" t="s">
        <v>80</v>
      </c>
      <c r="H10960" t="s">
        <v>81</v>
      </c>
      <c r="I10960" s="2">
        <v>0</v>
      </c>
      <c r="J10960" s="2">
        <v>1</v>
      </c>
      <c r="K10960" s="2">
        <v>0</v>
      </c>
      <c r="L10960" t="s">
        <v>82</v>
      </c>
      <c r="M10960" t="s">
        <v>89</v>
      </c>
      <c r="N10960" t="s">
        <v>90</v>
      </c>
      <c r="O10960" t="s">
        <v>85</v>
      </c>
      <c r="P10960" t="s">
        <v>86</v>
      </c>
      <c r="Q10960">
        <v>60</v>
      </c>
      <c r="R10960">
        <v>61</v>
      </c>
      <c r="S10960">
        <v>62</v>
      </c>
      <c r="T10960">
        <v>63</v>
      </c>
      <c r="U10960">
        <v>64</v>
      </c>
      <c r="V10960">
        <v>64</v>
      </c>
      <c r="W10960">
        <v>65</v>
      </c>
      <c r="X10960">
        <v>66</v>
      </c>
      <c r="Y10960">
        <v>66</v>
      </c>
      <c r="Z10960">
        <v>67</v>
      </c>
      <c r="AA10960">
        <v>67</v>
      </c>
      <c r="AB10960">
        <v>67</v>
      </c>
      <c r="AC10960">
        <v>68</v>
      </c>
      <c r="AD10960">
        <v>68</v>
      </c>
      <c r="AE10960">
        <v>68</v>
      </c>
      <c r="AF10960">
        <v>67</v>
      </c>
      <c r="AG10960">
        <v>67</v>
      </c>
      <c r="AH10960">
        <v>66</v>
      </c>
      <c r="AI10960">
        <v>65</v>
      </c>
      <c r="AJ10960">
        <v>65</v>
      </c>
      <c r="AK10960">
        <v>64</v>
      </c>
      <c r="AL10960">
        <v>64</v>
      </c>
      <c r="AM10960">
        <v>63</v>
      </c>
      <c r="AN10960">
        <v>63</v>
      </c>
      <c r="AO10960">
        <v>62</v>
      </c>
      <c r="AP10960">
        <v>62</v>
      </c>
      <c r="AQ10960">
        <v>61</v>
      </c>
    </row>
    <row r="10961" spans="1:43">
      <c r="A10961" t="s">
        <v>6816</v>
      </c>
      <c r="B10961" t="s">
        <v>6817</v>
      </c>
      <c r="C10961" t="s">
        <v>6814</v>
      </c>
      <c r="D10961" t="s">
        <v>6815</v>
      </c>
      <c r="E10961" t="s">
        <v>6594</v>
      </c>
      <c r="F10961" t="s">
        <v>6595</v>
      </c>
      <c r="G10961" t="s">
        <v>80</v>
      </c>
      <c r="H10961" t="s">
        <v>81</v>
      </c>
      <c r="I10961" s="2">
        <v>0</v>
      </c>
      <c r="J10961" s="2">
        <v>1</v>
      </c>
      <c r="K10961" s="2">
        <v>0</v>
      </c>
      <c r="L10961" t="s">
        <v>82</v>
      </c>
      <c r="M10961" t="s">
        <v>83</v>
      </c>
      <c r="N10961" t="s">
        <v>91</v>
      </c>
      <c r="O10961" t="s">
        <v>85</v>
      </c>
      <c r="P10961" t="s">
        <v>86</v>
      </c>
      <c r="Q10961">
        <v>60</v>
      </c>
      <c r="R10961">
        <v>60</v>
      </c>
      <c r="S10961">
        <v>61</v>
      </c>
      <c r="T10961">
        <v>61</v>
      </c>
      <c r="U10961">
        <v>61</v>
      </c>
      <c r="V10961">
        <v>62</v>
      </c>
      <c r="W10961">
        <v>62</v>
      </c>
      <c r="X10961">
        <v>62</v>
      </c>
      <c r="Y10961">
        <v>62</v>
      </c>
      <c r="Z10961">
        <v>63</v>
      </c>
      <c r="AA10961">
        <v>63</v>
      </c>
      <c r="AB10961">
        <v>63</v>
      </c>
      <c r="AC10961">
        <v>63</v>
      </c>
      <c r="AD10961">
        <v>63</v>
      </c>
      <c r="AE10961">
        <v>63</v>
      </c>
      <c r="AF10961">
        <v>63</v>
      </c>
      <c r="AG10961">
        <v>63</v>
      </c>
      <c r="AH10961">
        <v>63</v>
      </c>
      <c r="AI10961">
        <v>63</v>
      </c>
      <c r="AJ10961">
        <v>63</v>
      </c>
      <c r="AK10961">
        <v>63</v>
      </c>
      <c r="AL10961">
        <v>63</v>
      </c>
      <c r="AM10961">
        <v>62</v>
      </c>
      <c r="AN10961">
        <v>62</v>
      </c>
      <c r="AO10961">
        <v>61</v>
      </c>
      <c r="AP10961">
        <v>61</v>
      </c>
      <c r="AQ10961">
        <v>60</v>
      </c>
    </row>
    <row r="10962" spans="1:43">
      <c r="A10962" t="s">
        <v>6818</v>
      </c>
      <c r="B10962" t="s">
        <v>6819</v>
      </c>
      <c r="C10962" t="s">
        <v>6814</v>
      </c>
      <c r="D10962" t="s">
        <v>6815</v>
      </c>
      <c r="E10962" t="s">
        <v>6594</v>
      </c>
      <c r="F10962" t="s">
        <v>6595</v>
      </c>
      <c r="G10962" t="s">
        <v>80</v>
      </c>
      <c r="H10962" t="s">
        <v>81</v>
      </c>
      <c r="I10962" s="2">
        <v>0</v>
      </c>
      <c r="J10962" s="2">
        <v>1</v>
      </c>
      <c r="K10962" s="2">
        <v>0</v>
      </c>
      <c r="L10962" t="s">
        <v>82</v>
      </c>
      <c r="M10962" t="s">
        <v>83</v>
      </c>
      <c r="N10962" t="s">
        <v>84</v>
      </c>
      <c r="O10962" t="s">
        <v>85</v>
      </c>
      <c r="P10962" t="s">
        <v>86</v>
      </c>
      <c r="Q10962">
        <v>15</v>
      </c>
      <c r="R10962">
        <v>15</v>
      </c>
      <c r="S10962">
        <v>15</v>
      </c>
      <c r="T10962">
        <v>15</v>
      </c>
      <c r="U10962">
        <v>15</v>
      </c>
      <c r="V10962">
        <v>15</v>
      </c>
      <c r="W10962">
        <v>15</v>
      </c>
      <c r="X10962">
        <v>15</v>
      </c>
      <c r="Y10962">
        <v>15</v>
      </c>
      <c r="Z10962">
        <v>15</v>
      </c>
      <c r="AA10962">
        <v>15</v>
      </c>
      <c r="AB10962">
        <v>15</v>
      </c>
      <c r="AC10962">
        <v>15</v>
      </c>
      <c r="AD10962">
        <v>15</v>
      </c>
      <c r="AE10962">
        <v>15</v>
      </c>
      <c r="AF10962">
        <v>15</v>
      </c>
      <c r="AG10962">
        <v>15</v>
      </c>
      <c r="AH10962">
        <v>15</v>
      </c>
      <c r="AI10962">
        <v>15</v>
      </c>
      <c r="AJ10962">
        <v>16</v>
      </c>
      <c r="AK10962">
        <v>16</v>
      </c>
      <c r="AL10962">
        <v>15</v>
      </c>
      <c r="AM10962">
        <v>15</v>
      </c>
      <c r="AN10962">
        <v>15</v>
      </c>
      <c r="AO10962">
        <v>15</v>
      </c>
      <c r="AP10962">
        <v>15</v>
      </c>
      <c r="AQ10962">
        <v>15</v>
      </c>
    </row>
    <row r="10963" spans="1:43">
      <c r="A10963" t="s">
        <v>6818</v>
      </c>
      <c r="B10963" t="s">
        <v>6819</v>
      </c>
      <c r="C10963" t="s">
        <v>6814</v>
      </c>
      <c r="D10963" t="s">
        <v>6815</v>
      </c>
      <c r="E10963" t="s">
        <v>6594</v>
      </c>
      <c r="F10963" t="s">
        <v>6595</v>
      </c>
      <c r="G10963" t="s">
        <v>80</v>
      </c>
      <c r="H10963" t="s">
        <v>81</v>
      </c>
      <c r="I10963" s="2">
        <v>0</v>
      </c>
      <c r="J10963" s="2">
        <v>1</v>
      </c>
      <c r="K10963" s="2">
        <v>0</v>
      </c>
      <c r="L10963" t="s">
        <v>82</v>
      </c>
      <c r="M10963" t="s">
        <v>87</v>
      </c>
      <c r="N10963" t="s">
        <v>88</v>
      </c>
      <c r="O10963" t="s">
        <v>85</v>
      </c>
      <c r="P10963" t="s">
        <v>86</v>
      </c>
      <c r="Q10963">
        <v>15</v>
      </c>
      <c r="R10963">
        <v>15</v>
      </c>
      <c r="S10963">
        <v>15</v>
      </c>
      <c r="T10963">
        <v>15</v>
      </c>
      <c r="U10963">
        <v>15</v>
      </c>
      <c r="V10963">
        <v>15</v>
      </c>
      <c r="W10963">
        <v>15</v>
      </c>
      <c r="X10963">
        <v>15</v>
      </c>
      <c r="Y10963">
        <v>15</v>
      </c>
      <c r="Z10963">
        <v>15</v>
      </c>
      <c r="AA10963">
        <v>15</v>
      </c>
      <c r="AB10963">
        <v>15</v>
      </c>
      <c r="AC10963">
        <v>15</v>
      </c>
      <c r="AD10963">
        <v>15</v>
      </c>
      <c r="AE10963">
        <v>15</v>
      </c>
      <c r="AF10963">
        <v>15</v>
      </c>
      <c r="AG10963">
        <v>15</v>
      </c>
      <c r="AH10963">
        <v>14</v>
      </c>
      <c r="AI10963">
        <v>14</v>
      </c>
      <c r="AJ10963">
        <v>14</v>
      </c>
      <c r="AK10963">
        <v>14</v>
      </c>
      <c r="AL10963">
        <v>14</v>
      </c>
      <c r="AM10963">
        <v>14</v>
      </c>
      <c r="AN10963">
        <v>14</v>
      </c>
      <c r="AO10963">
        <v>14</v>
      </c>
      <c r="AP10963">
        <v>14</v>
      </c>
      <c r="AQ10963">
        <v>14</v>
      </c>
    </row>
    <row r="10964" spans="1:43">
      <c r="A10964" t="s">
        <v>6818</v>
      </c>
      <c r="B10964" t="s">
        <v>6819</v>
      </c>
      <c r="C10964" t="s">
        <v>6814</v>
      </c>
      <c r="D10964" t="s">
        <v>6815</v>
      </c>
      <c r="E10964" t="s">
        <v>6594</v>
      </c>
      <c r="F10964" t="s">
        <v>6595</v>
      </c>
      <c r="G10964" t="s">
        <v>80</v>
      </c>
      <c r="H10964" t="s">
        <v>81</v>
      </c>
      <c r="I10964" s="2">
        <v>0</v>
      </c>
      <c r="J10964" s="2">
        <v>1</v>
      </c>
      <c r="K10964" s="2">
        <v>0</v>
      </c>
      <c r="L10964" t="s">
        <v>82</v>
      </c>
      <c r="M10964" t="s">
        <v>89</v>
      </c>
      <c r="N10964" t="s">
        <v>90</v>
      </c>
      <c r="O10964" t="s">
        <v>85</v>
      </c>
      <c r="P10964" t="s">
        <v>86</v>
      </c>
      <c r="Q10964">
        <v>15</v>
      </c>
      <c r="R10964">
        <v>15</v>
      </c>
      <c r="S10964">
        <v>15</v>
      </c>
      <c r="T10964">
        <v>15</v>
      </c>
      <c r="U10964">
        <v>16</v>
      </c>
      <c r="V10964">
        <v>16</v>
      </c>
      <c r="W10964">
        <v>16</v>
      </c>
      <c r="X10964">
        <v>16</v>
      </c>
      <c r="Y10964">
        <v>16</v>
      </c>
      <c r="Z10964">
        <v>16</v>
      </c>
      <c r="AA10964">
        <v>16</v>
      </c>
      <c r="AB10964">
        <v>16</v>
      </c>
      <c r="AC10964">
        <v>16</v>
      </c>
      <c r="AD10964">
        <v>17</v>
      </c>
      <c r="AE10964">
        <v>17</v>
      </c>
      <c r="AF10964">
        <v>16</v>
      </c>
      <c r="AG10964">
        <v>16</v>
      </c>
      <c r="AH10964">
        <v>16</v>
      </c>
      <c r="AI10964">
        <v>16</v>
      </c>
      <c r="AJ10964">
        <v>16</v>
      </c>
      <c r="AK10964">
        <v>16</v>
      </c>
      <c r="AL10964">
        <v>16</v>
      </c>
      <c r="AM10964">
        <v>16</v>
      </c>
      <c r="AN10964">
        <v>15</v>
      </c>
      <c r="AO10964">
        <v>15</v>
      </c>
      <c r="AP10964">
        <v>15</v>
      </c>
      <c r="AQ10964">
        <v>15</v>
      </c>
    </row>
    <row r="10965" spans="1:43">
      <c r="A10965" t="s">
        <v>6818</v>
      </c>
      <c r="B10965" t="s">
        <v>6819</v>
      </c>
      <c r="C10965" t="s">
        <v>6814</v>
      </c>
      <c r="D10965" t="s">
        <v>6815</v>
      </c>
      <c r="E10965" t="s">
        <v>6594</v>
      </c>
      <c r="F10965" t="s">
        <v>6595</v>
      </c>
      <c r="G10965" t="s">
        <v>80</v>
      </c>
      <c r="H10965" t="s">
        <v>81</v>
      </c>
      <c r="I10965" s="2">
        <v>0</v>
      </c>
      <c r="J10965" s="2">
        <v>1</v>
      </c>
      <c r="K10965" s="2">
        <v>0</v>
      </c>
      <c r="L10965" t="s">
        <v>82</v>
      </c>
      <c r="M10965" t="s">
        <v>83</v>
      </c>
      <c r="N10965" t="s">
        <v>91</v>
      </c>
      <c r="O10965" t="s">
        <v>85</v>
      </c>
      <c r="P10965" t="s">
        <v>86</v>
      </c>
      <c r="Q10965">
        <v>15</v>
      </c>
      <c r="R10965">
        <v>15</v>
      </c>
      <c r="S10965">
        <v>15</v>
      </c>
      <c r="T10965">
        <v>15</v>
      </c>
      <c r="U10965">
        <v>15</v>
      </c>
      <c r="V10965">
        <v>15</v>
      </c>
      <c r="W10965">
        <v>15</v>
      </c>
      <c r="X10965">
        <v>15</v>
      </c>
      <c r="Y10965">
        <v>15</v>
      </c>
      <c r="Z10965">
        <v>15</v>
      </c>
      <c r="AA10965">
        <v>15</v>
      </c>
      <c r="AB10965">
        <v>15</v>
      </c>
      <c r="AC10965">
        <v>15</v>
      </c>
      <c r="AD10965">
        <v>15</v>
      </c>
      <c r="AE10965">
        <v>15</v>
      </c>
      <c r="AF10965">
        <v>15</v>
      </c>
      <c r="AG10965">
        <v>15</v>
      </c>
      <c r="AH10965">
        <v>15</v>
      </c>
      <c r="AI10965">
        <v>15</v>
      </c>
      <c r="AJ10965">
        <v>16</v>
      </c>
      <c r="AK10965">
        <v>16</v>
      </c>
      <c r="AL10965">
        <v>15</v>
      </c>
      <c r="AM10965">
        <v>15</v>
      </c>
      <c r="AN10965">
        <v>15</v>
      </c>
      <c r="AO10965">
        <v>15</v>
      </c>
      <c r="AP10965">
        <v>15</v>
      </c>
      <c r="AQ10965">
        <v>15</v>
      </c>
    </row>
    <row r="10966" spans="1:43">
      <c r="A10966" t="s">
        <v>6820</v>
      </c>
      <c r="B10966" t="s">
        <v>6821</v>
      </c>
      <c r="C10966" t="s">
        <v>6808</v>
      </c>
      <c r="D10966" t="s">
        <v>6809</v>
      </c>
      <c r="E10966" t="s">
        <v>6594</v>
      </c>
      <c r="F10966" t="s">
        <v>6595</v>
      </c>
      <c r="G10966" t="s">
        <v>80</v>
      </c>
      <c r="H10966" t="s">
        <v>81</v>
      </c>
      <c r="I10966" s="2">
        <v>0</v>
      </c>
      <c r="J10966" s="2">
        <v>1</v>
      </c>
      <c r="K10966" s="2">
        <v>0</v>
      </c>
      <c r="L10966" t="s">
        <v>82</v>
      </c>
      <c r="M10966" t="s">
        <v>83</v>
      </c>
      <c r="N10966" t="s">
        <v>84</v>
      </c>
      <c r="O10966" t="s">
        <v>85</v>
      </c>
      <c r="P10966" t="s">
        <v>86</v>
      </c>
      <c r="Q10966">
        <v>48</v>
      </c>
      <c r="R10966">
        <v>49</v>
      </c>
      <c r="S10966">
        <v>49</v>
      </c>
      <c r="T10966">
        <v>49</v>
      </c>
      <c r="U10966">
        <v>49</v>
      </c>
      <c r="V10966">
        <v>50</v>
      </c>
      <c r="W10966">
        <v>50</v>
      </c>
      <c r="X10966">
        <v>50</v>
      </c>
      <c r="Y10966">
        <v>50</v>
      </c>
      <c r="Z10966">
        <v>50</v>
      </c>
      <c r="AA10966">
        <v>50</v>
      </c>
      <c r="AB10966">
        <v>51</v>
      </c>
      <c r="AC10966">
        <v>51</v>
      </c>
      <c r="AD10966">
        <v>51</v>
      </c>
      <c r="AE10966">
        <v>51</v>
      </c>
      <c r="AF10966">
        <v>51</v>
      </c>
      <c r="AG10966">
        <v>51</v>
      </c>
      <c r="AH10966">
        <v>51</v>
      </c>
      <c r="AI10966">
        <v>51</v>
      </c>
      <c r="AJ10966">
        <v>51</v>
      </c>
      <c r="AK10966">
        <v>51</v>
      </c>
      <c r="AL10966">
        <v>50</v>
      </c>
      <c r="AM10966">
        <v>50</v>
      </c>
      <c r="AN10966">
        <v>49</v>
      </c>
      <c r="AO10966">
        <v>49</v>
      </c>
      <c r="AP10966">
        <v>49</v>
      </c>
      <c r="AQ10966">
        <v>48</v>
      </c>
    </row>
    <row r="10967" spans="1:43">
      <c r="A10967" t="s">
        <v>6820</v>
      </c>
      <c r="B10967" t="s">
        <v>6821</v>
      </c>
      <c r="C10967" t="s">
        <v>6808</v>
      </c>
      <c r="D10967" t="s">
        <v>6809</v>
      </c>
      <c r="E10967" t="s">
        <v>6594</v>
      </c>
      <c r="F10967" t="s">
        <v>6595</v>
      </c>
      <c r="G10967" t="s">
        <v>80</v>
      </c>
      <c r="H10967" t="s">
        <v>81</v>
      </c>
      <c r="I10967" s="2">
        <v>0</v>
      </c>
      <c r="J10967" s="2">
        <v>1</v>
      </c>
      <c r="K10967" s="2">
        <v>0</v>
      </c>
      <c r="L10967" t="s">
        <v>82</v>
      </c>
      <c r="M10967" t="s">
        <v>87</v>
      </c>
      <c r="N10967" t="s">
        <v>88</v>
      </c>
      <c r="O10967" t="s">
        <v>85</v>
      </c>
      <c r="P10967" t="s">
        <v>86</v>
      </c>
      <c r="Q10967">
        <v>48</v>
      </c>
      <c r="R10967">
        <v>48</v>
      </c>
      <c r="S10967">
        <v>47</v>
      </c>
      <c r="T10967">
        <v>47</v>
      </c>
      <c r="U10967">
        <v>47</v>
      </c>
      <c r="V10967">
        <v>47</v>
      </c>
      <c r="W10967">
        <v>47</v>
      </c>
      <c r="X10967">
        <v>47</v>
      </c>
      <c r="Y10967">
        <v>46</v>
      </c>
      <c r="Z10967">
        <v>46</v>
      </c>
      <c r="AA10967">
        <v>46</v>
      </c>
      <c r="AB10967">
        <v>46</v>
      </c>
      <c r="AC10967">
        <v>45</v>
      </c>
      <c r="AD10967">
        <v>45</v>
      </c>
      <c r="AE10967">
        <v>45</v>
      </c>
      <c r="AF10967">
        <v>45</v>
      </c>
      <c r="AG10967">
        <v>44</v>
      </c>
      <c r="AH10967">
        <v>44</v>
      </c>
      <c r="AI10967">
        <v>44</v>
      </c>
      <c r="AJ10967">
        <v>44</v>
      </c>
      <c r="AK10967">
        <v>43</v>
      </c>
      <c r="AL10967">
        <v>43</v>
      </c>
      <c r="AM10967">
        <v>43</v>
      </c>
      <c r="AN10967">
        <v>43</v>
      </c>
      <c r="AO10967">
        <v>42</v>
      </c>
      <c r="AP10967">
        <v>42</v>
      </c>
      <c r="AQ10967">
        <v>42</v>
      </c>
    </row>
    <row r="10968" spans="1:43">
      <c r="A10968" t="s">
        <v>6820</v>
      </c>
      <c r="B10968" t="s">
        <v>6821</v>
      </c>
      <c r="C10968" t="s">
        <v>6808</v>
      </c>
      <c r="D10968" t="s">
        <v>6809</v>
      </c>
      <c r="E10968" t="s">
        <v>6594</v>
      </c>
      <c r="F10968" t="s">
        <v>6595</v>
      </c>
      <c r="G10968" t="s">
        <v>80</v>
      </c>
      <c r="H10968" t="s">
        <v>81</v>
      </c>
      <c r="I10968" s="2">
        <v>0</v>
      </c>
      <c r="J10968" s="2">
        <v>1</v>
      </c>
      <c r="K10968" s="2">
        <v>0</v>
      </c>
      <c r="L10968" t="s">
        <v>82</v>
      </c>
      <c r="M10968" t="s">
        <v>89</v>
      </c>
      <c r="N10968" t="s">
        <v>90</v>
      </c>
      <c r="O10968" t="s">
        <v>85</v>
      </c>
      <c r="P10968" t="s">
        <v>86</v>
      </c>
      <c r="Q10968">
        <v>48</v>
      </c>
      <c r="R10968">
        <v>48</v>
      </c>
      <c r="S10968">
        <v>49</v>
      </c>
      <c r="T10968">
        <v>50</v>
      </c>
      <c r="U10968">
        <v>50</v>
      </c>
      <c r="V10968">
        <v>51</v>
      </c>
      <c r="W10968">
        <v>51</v>
      </c>
      <c r="X10968">
        <v>52</v>
      </c>
      <c r="Y10968">
        <v>52</v>
      </c>
      <c r="Z10968">
        <v>52</v>
      </c>
      <c r="AA10968">
        <v>53</v>
      </c>
      <c r="AB10968">
        <v>53</v>
      </c>
      <c r="AC10968">
        <v>53</v>
      </c>
      <c r="AD10968">
        <v>53</v>
      </c>
      <c r="AE10968">
        <v>53</v>
      </c>
      <c r="AF10968">
        <v>53</v>
      </c>
      <c r="AG10968">
        <v>52</v>
      </c>
      <c r="AH10968">
        <v>52</v>
      </c>
      <c r="AI10968">
        <v>51</v>
      </c>
      <c r="AJ10968">
        <v>51</v>
      </c>
      <c r="AK10968">
        <v>50</v>
      </c>
      <c r="AL10968">
        <v>50</v>
      </c>
      <c r="AM10968">
        <v>49</v>
      </c>
      <c r="AN10968">
        <v>49</v>
      </c>
      <c r="AO10968">
        <v>49</v>
      </c>
      <c r="AP10968">
        <v>48</v>
      </c>
      <c r="AQ10968">
        <v>48</v>
      </c>
    </row>
    <row r="10969" spans="1:43">
      <c r="A10969" t="s">
        <v>6820</v>
      </c>
      <c r="B10969" t="s">
        <v>6821</v>
      </c>
      <c r="C10969" t="s">
        <v>6808</v>
      </c>
      <c r="D10969" t="s">
        <v>6809</v>
      </c>
      <c r="E10969" t="s">
        <v>6594</v>
      </c>
      <c r="F10969" t="s">
        <v>6595</v>
      </c>
      <c r="G10969" t="s">
        <v>80</v>
      </c>
      <c r="H10969" t="s">
        <v>81</v>
      </c>
      <c r="I10969" s="2">
        <v>0</v>
      </c>
      <c r="J10969" s="2">
        <v>1</v>
      </c>
      <c r="K10969" s="2">
        <v>0</v>
      </c>
      <c r="L10969" t="s">
        <v>82</v>
      </c>
      <c r="M10969" t="s">
        <v>83</v>
      </c>
      <c r="N10969" t="s">
        <v>91</v>
      </c>
      <c r="O10969" t="s">
        <v>85</v>
      </c>
      <c r="P10969" t="s">
        <v>86</v>
      </c>
      <c r="Q10969">
        <v>48</v>
      </c>
      <c r="R10969">
        <v>49</v>
      </c>
      <c r="S10969">
        <v>49</v>
      </c>
      <c r="T10969">
        <v>49</v>
      </c>
      <c r="U10969">
        <v>49</v>
      </c>
      <c r="V10969">
        <v>50</v>
      </c>
      <c r="W10969">
        <v>50</v>
      </c>
      <c r="X10969">
        <v>50</v>
      </c>
      <c r="Y10969">
        <v>50</v>
      </c>
      <c r="Z10969">
        <v>50</v>
      </c>
      <c r="AA10969">
        <v>50</v>
      </c>
      <c r="AB10969">
        <v>51</v>
      </c>
      <c r="AC10969">
        <v>51</v>
      </c>
      <c r="AD10969">
        <v>51</v>
      </c>
      <c r="AE10969">
        <v>51</v>
      </c>
      <c r="AF10969">
        <v>51</v>
      </c>
      <c r="AG10969">
        <v>51</v>
      </c>
      <c r="AH10969">
        <v>51</v>
      </c>
      <c r="AI10969">
        <v>51</v>
      </c>
      <c r="AJ10969">
        <v>51</v>
      </c>
      <c r="AK10969">
        <v>51</v>
      </c>
      <c r="AL10969">
        <v>50</v>
      </c>
      <c r="AM10969">
        <v>50</v>
      </c>
      <c r="AN10969">
        <v>49</v>
      </c>
      <c r="AO10969">
        <v>49</v>
      </c>
      <c r="AP10969">
        <v>49</v>
      </c>
      <c r="AQ10969">
        <v>48</v>
      </c>
    </row>
    <row r="10970" spans="1:43">
      <c r="A10970" t="s">
        <v>6822</v>
      </c>
      <c r="B10970" t="s">
        <v>6823</v>
      </c>
      <c r="C10970" t="s">
        <v>6814</v>
      </c>
      <c r="D10970" t="s">
        <v>6815</v>
      </c>
      <c r="E10970" t="s">
        <v>6594</v>
      </c>
      <c r="F10970" t="s">
        <v>6595</v>
      </c>
      <c r="G10970" t="s">
        <v>80</v>
      </c>
      <c r="H10970" t="s">
        <v>81</v>
      </c>
      <c r="I10970" s="2">
        <v>0</v>
      </c>
      <c r="J10970" s="2">
        <v>1</v>
      </c>
      <c r="K10970" s="2">
        <v>0</v>
      </c>
      <c r="L10970" t="s">
        <v>82</v>
      </c>
      <c r="M10970" t="s">
        <v>83</v>
      </c>
      <c r="N10970" t="s">
        <v>84</v>
      </c>
      <c r="O10970" t="s">
        <v>85</v>
      </c>
      <c r="P10970" t="s">
        <v>86</v>
      </c>
      <c r="Q10970">
        <v>64</v>
      </c>
      <c r="R10970">
        <v>64</v>
      </c>
      <c r="S10970">
        <v>65</v>
      </c>
      <c r="T10970">
        <v>65</v>
      </c>
      <c r="U10970">
        <v>65</v>
      </c>
      <c r="V10970">
        <v>66</v>
      </c>
      <c r="W10970">
        <v>66</v>
      </c>
      <c r="X10970">
        <v>66</v>
      </c>
      <c r="Y10970">
        <v>66</v>
      </c>
      <c r="Z10970">
        <v>67</v>
      </c>
      <c r="AA10970">
        <v>67</v>
      </c>
      <c r="AB10970">
        <v>67</v>
      </c>
      <c r="AC10970">
        <v>67</v>
      </c>
      <c r="AD10970">
        <v>67</v>
      </c>
      <c r="AE10970">
        <v>67</v>
      </c>
      <c r="AF10970">
        <v>67</v>
      </c>
      <c r="AG10970">
        <v>67</v>
      </c>
      <c r="AH10970">
        <v>67</v>
      </c>
      <c r="AI10970">
        <v>67</v>
      </c>
      <c r="AJ10970">
        <v>67</v>
      </c>
      <c r="AK10970">
        <v>67</v>
      </c>
      <c r="AL10970">
        <v>67</v>
      </c>
      <c r="AM10970">
        <v>66</v>
      </c>
      <c r="AN10970">
        <v>65</v>
      </c>
      <c r="AO10970">
        <v>65</v>
      </c>
      <c r="AP10970">
        <v>64</v>
      </c>
      <c r="AQ10970">
        <v>64</v>
      </c>
    </row>
    <row r="10971" spans="1:43">
      <c r="A10971" t="s">
        <v>6822</v>
      </c>
      <c r="B10971" t="s">
        <v>6823</v>
      </c>
      <c r="C10971" t="s">
        <v>6814</v>
      </c>
      <c r="D10971" t="s">
        <v>6815</v>
      </c>
      <c r="E10971" t="s">
        <v>6594</v>
      </c>
      <c r="F10971" t="s">
        <v>6595</v>
      </c>
      <c r="G10971" t="s">
        <v>80</v>
      </c>
      <c r="H10971" t="s">
        <v>81</v>
      </c>
      <c r="I10971" s="2">
        <v>0</v>
      </c>
      <c r="J10971" s="2">
        <v>1</v>
      </c>
      <c r="K10971" s="2">
        <v>0</v>
      </c>
      <c r="L10971" t="s">
        <v>82</v>
      </c>
      <c r="M10971" t="s">
        <v>87</v>
      </c>
      <c r="N10971" t="s">
        <v>88</v>
      </c>
      <c r="O10971" t="s">
        <v>85</v>
      </c>
      <c r="P10971" t="s">
        <v>86</v>
      </c>
      <c r="Q10971">
        <v>64</v>
      </c>
      <c r="R10971">
        <v>64</v>
      </c>
      <c r="S10971">
        <v>64</v>
      </c>
      <c r="T10971">
        <v>64</v>
      </c>
      <c r="U10971">
        <v>63</v>
      </c>
      <c r="V10971">
        <v>63</v>
      </c>
      <c r="W10971">
        <v>63</v>
      </c>
      <c r="X10971">
        <v>63</v>
      </c>
      <c r="Y10971">
        <v>62</v>
      </c>
      <c r="Z10971">
        <v>62</v>
      </c>
      <c r="AA10971">
        <v>62</v>
      </c>
      <c r="AB10971">
        <v>61</v>
      </c>
      <c r="AC10971">
        <v>61</v>
      </c>
      <c r="AD10971">
        <v>61</v>
      </c>
      <c r="AE10971">
        <v>60</v>
      </c>
      <c r="AF10971">
        <v>60</v>
      </c>
      <c r="AG10971">
        <v>60</v>
      </c>
      <c r="AH10971">
        <v>59</v>
      </c>
      <c r="AI10971">
        <v>59</v>
      </c>
      <c r="AJ10971">
        <v>59</v>
      </c>
      <c r="AK10971">
        <v>58</v>
      </c>
      <c r="AL10971">
        <v>58</v>
      </c>
      <c r="AM10971">
        <v>58</v>
      </c>
      <c r="AN10971">
        <v>57</v>
      </c>
      <c r="AO10971">
        <v>57</v>
      </c>
      <c r="AP10971">
        <v>57</v>
      </c>
      <c r="AQ10971">
        <v>56</v>
      </c>
    </row>
    <row r="10972" spans="1:43">
      <c r="A10972" t="s">
        <v>6822</v>
      </c>
      <c r="B10972" t="s">
        <v>6823</v>
      </c>
      <c r="C10972" t="s">
        <v>6814</v>
      </c>
      <c r="D10972" t="s">
        <v>6815</v>
      </c>
      <c r="E10972" t="s">
        <v>6594</v>
      </c>
      <c r="F10972" t="s">
        <v>6595</v>
      </c>
      <c r="G10972" t="s">
        <v>80</v>
      </c>
      <c r="H10972" t="s">
        <v>81</v>
      </c>
      <c r="I10972" s="2">
        <v>0</v>
      </c>
      <c r="J10972" s="2">
        <v>1</v>
      </c>
      <c r="K10972" s="2">
        <v>0</v>
      </c>
      <c r="L10972" t="s">
        <v>82</v>
      </c>
      <c r="M10972" t="s">
        <v>89</v>
      </c>
      <c r="N10972" t="s">
        <v>90</v>
      </c>
      <c r="O10972" t="s">
        <v>85</v>
      </c>
      <c r="P10972" t="s">
        <v>86</v>
      </c>
      <c r="Q10972">
        <v>64</v>
      </c>
      <c r="R10972">
        <v>65</v>
      </c>
      <c r="S10972">
        <v>66</v>
      </c>
      <c r="T10972">
        <v>67</v>
      </c>
      <c r="U10972">
        <v>68</v>
      </c>
      <c r="V10972">
        <v>69</v>
      </c>
      <c r="W10972">
        <v>69</v>
      </c>
      <c r="X10972">
        <v>70</v>
      </c>
      <c r="Y10972">
        <v>70</v>
      </c>
      <c r="Z10972">
        <v>71</v>
      </c>
      <c r="AA10972">
        <v>71</v>
      </c>
      <c r="AB10972">
        <v>71</v>
      </c>
      <c r="AC10972">
        <v>72</v>
      </c>
      <c r="AD10972">
        <v>72</v>
      </c>
      <c r="AE10972">
        <v>72</v>
      </c>
      <c r="AF10972">
        <v>71</v>
      </c>
      <c r="AG10972">
        <v>71</v>
      </c>
      <c r="AH10972">
        <v>70</v>
      </c>
      <c r="AI10972">
        <v>69</v>
      </c>
      <c r="AJ10972">
        <v>69</v>
      </c>
      <c r="AK10972">
        <v>68</v>
      </c>
      <c r="AL10972">
        <v>67</v>
      </c>
      <c r="AM10972">
        <v>67</v>
      </c>
      <c r="AN10972">
        <v>66</v>
      </c>
      <c r="AO10972">
        <v>66</v>
      </c>
      <c r="AP10972">
        <v>65</v>
      </c>
      <c r="AQ10972">
        <v>64</v>
      </c>
    </row>
    <row r="10973" spans="1:43">
      <c r="A10973" t="s">
        <v>6822</v>
      </c>
      <c r="B10973" t="s">
        <v>6823</v>
      </c>
      <c r="C10973" t="s">
        <v>6814</v>
      </c>
      <c r="D10973" t="s">
        <v>6815</v>
      </c>
      <c r="E10973" t="s">
        <v>6594</v>
      </c>
      <c r="F10973" t="s">
        <v>6595</v>
      </c>
      <c r="G10973" t="s">
        <v>80</v>
      </c>
      <c r="H10973" t="s">
        <v>81</v>
      </c>
      <c r="I10973" s="2">
        <v>0</v>
      </c>
      <c r="J10973" s="2">
        <v>1</v>
      </c>
      <c r="K10973" s="2">
        <v>0</v>
      </c>
      <c r="L10973" t="s">
        <v>82</v>
      </c>
      <c r="M10973" t="s">
        <v>83</v>
      </c>
      <c r="N10973" t="s">
        <v>91</v>
      </c>
      <c r="O10973" t="s">
        <v>85</v>
      </c>
      <c r="P10973" t="s">
        <v>86</v>
      </c>
      <c r="Q10973">
        <v>64</v>
      </c>
      <c r="R10973">
        <v>64</v>
      </c>
      <c r="S10973">
        <v>65</v>
      </c>
      <c r="T10973">
        <v>65</v>
      </c>
      <c r="U10973">
        <v>65</v>
      </c>
      <c r="V10973">
        <v>66</v>
      </c>
      <c r="W10973">
        <v>66</v>
      </c>
      <c r="X10973">
        <v>66</v>
      </c>
      <c r="Y10973">
        <v>66</v>
      </c>
      <c r="Z10973">
        <v>67</v>
      </c>
      <c r="AA10973">
        <v>67</v>
      </c>
      <c r="AB10973">
        <v>67</v>
      </c>
      <c r="AC10973">
        <v>67</v>
      </c>
      <c r="AD10973">
        <v>67</v>
      </c>
      <c r="AE10973">
        <v>67</v>
      </c>
      <c r="AF10973">
        <v>67</v>
      </c>
      <c r="AG10973">
        <v>67</v>
      </c>
      <c r="AH10973">
        <v>67</v>
      </c>
      <c r="AI10973">
        <v>67</v>
      </c>
      <c r="AJ10973">
        <v>67</v>
      </c>
      <c r="AK10973">
        <v>67</v>
      </c>
      <c r="AL10973">
        <v>67</v>
      </c>
      <c r="AM10973">
        <v>66</v>
      </c>
      <c r="AN10973">
        <v>65</v>
      </c>
      <c r="AO10973">
        <v>65</v>
      </c>
      <c r="AP10973">
        <v>64</v>
      </c>
      <c r="AQ10973">
        <v>64</v>
      </c>
    </row>
    <row r="10974" spans="1:43">
      <c r="A10974" t="s">
        <v>6824</v>
      </c>
      <c r="B10974" t="s">
        <v>6825</v>
      </c>
      <c r="C10974" t="s">
        <v>6808</v>
      </c>
      <c r="D10974" t="s">
        <v>6809</v>
      </c>
      <c r="E10974" t="s">
        <v>6594</v>
      </c>
      <c r="F10974" t="s">
        <v>6595</v>
      </c>
      <c r="G10974" t="s">
        <v>80</v>
      </c>
      <c r="H10974" t="s">
        <v>81</v>
      </c>
      <c r="I10974" s="2">
        <v>0</v>
      </c>
      <c r="J10974" s="2">
        <v>1</v>
      </c>
      <c r="K10974" s="2">
        <v>0</v>
      </c>
      <c r="L10974" t="s">
        <v>82</v>
      </c>
      <c r="M10974" t="s">
        <v>83</v>
      </c>
      <c r="N10974" t="s">
        <v>84</v>
      </c>
      <c r="O10974" t="s">
        <v>85</v>
      </c>
      <c r="P10974" t="s">
        <v>86</v>
      </c>
      <c r="Q10974">
        <v>48</v>
      </c>
      <c r="R10974">
        <v>48</v>
      </c>
      <c r="S10974">
        <v>49</v>
      </c>
      <c r="T10974">
        <v>49</v>
      </c>
      <c r="U10974">
        <v>49</v>
      </c>
      <c r="V10974">
        <v>50</v>
      </c>
      <c r="W10974">
        <v>50</v>
      </c>
      <c r="X10974">
        <v>50</v>
      </c>
      <c r="Y10974">
        <v>50</v>
      </c>
      <c r="Z10974">
        <v>50</v>
      </c>
      <c r="AA10974">
        <v>50</v>
      </c>
      <c r="AB10974">
        <v>51</v>
      </c>
      <c r="AC10974">
        <v>51</v>
      </c>
      <c r="AD10974">
        <v>51</v>
      </c>
      <c r="AE10974">
        <v>51</v>
      </c>
      <c r="AF10974">
        <v>51</v>
      </c>
      <c r="AG10974">
        <v>51</v>
      </c>
      <c r="AH10974">
        <v>51</v>
      </c>
      <c r="AI10974">
        <v>51</v>
      </c>
      <c r="AJ10974">
        <v>51</v>
      </c>
      <c r="AK10974">
        <v>51</v>
      </c>
      <c r="AL10974">
        <v>51</v>
      </c>
      <c r="AM10974">
        <v>50</v>
      </c>
      <c r="AN10974">
        <v>50</v>
      </c>
      <c r="AO10974">
        <v>49</v>
      </c>
      <c r="AP10974">
        <v>49</v>
      </c>
      <c r="AQ10974">
        <v>48</v>
      </c>
    </row>
    <row r="10975" spans="1:43">
      <c r="A10975" t="s">
        <v>6824</v>
      </c>
      <c r="B10975" t="s">
        <v>6825</v>
      </c>
      <c r="C10975" t="s">
        <v>6808</v>
      </c>
      <c r="D10975" t="s">
        <v>6809</v>
      </c>
      <c r="E10975" t="s">
        <v>6594</v>
      </c>
      <c r="F10975" t="s">
        <v>6595</v>
      </c>
      <c r="G10975" t="s">
        <v>80</v>
      </c>
      <c r="H10975" t="s">
        <v>81</v>
      </c>
      <c r="I10975" s="2">
        <v>0</v>
      </c>
      <c r="J10975" s="2">
        <v>1</v>
      </c>
      <c r="K10975" s="2">
        <v>0</v>
      </c>
      <c r="L10975" t="s">
        <v>82</v>
      </c>
      <c r="M10975" t="s">
        <v>87</v>
      </c>
      <c r="N10975" t="s">
        <v>88</v>
      </c>
      <c r="O10975" t="s">
        <v>85</v>
      </c>
      <c r="P10975" t="s">
        <v>86</v>
      </c>
      <c r="Q10975">
        <v>48</v>
      </c>
      <c r="R10975">
        <v>48</v>
      </c>
      <c r="S10975">
        <v>47</v>
      </c>
      <c r="T10975">
        <v>47</v>
      </c>
      <c r="U10975">
        <v>47</v>
      </c>
      <c r="V10975">
        <v>47</v>
      </c>
      <c r="W10975">
        <v>47</v>
      </c>
      <c r="X10975">
        <v>47</v>
      </c>
      <c r="Y10975">
        <v>46</v>
      </c>
      <c r="Z10975">
        <v>46</v>
      </c>
      <c r="AA10975">
        <v>46</v>
      </c>
      <c r="AB10975">
        <v>46</v>
      </c>
      <c r="AC10975">
        <v>45</v>
      </c>
      <c r="AD10975">
        <v>45</v>
      </c>
      <c r="AE10975">
        <v>45</v>
      </c>
      <c r="AF10975">
        <v>45</v>
      </c>
      <c r="AG10975">
        <v>44</v>
      </c>
      <c r="AH10975">
        <v>44</v>
      </c>
      <c r="AI10975">
        <v>44</v>
      </c>
      <c r="AJ10975">
        <v>44</v>
      </c>
      <c r="AK10975">
        <v>43</v>
      </c>
      <c r="AL10975">
        <v>43</v>
      </c>
      <c r="AM10975">
        <v>43</v>
      </c>
      <c r="AN10975">
        <v>43</v>
      </c>
      <c r="AO10975">
        <v>43</v>
      </c>
      <c r="AP10975">
        <v>42</v>
      </c>
      <c r="AQ10975">
        <v>42</v>
      </c>
    </row>
    <row r="10976" spans="1:43">
      <c r="A10976" t="s">
        <v>6824</v>
      </c>
      <c r="B10976" t="s">
        <v>6825</v>
      </c>
      <c r="C10976" t="s">
        <v>6808</v>
      </c>
      <c r="D10976" t="s">
        <v>6809</v>
      </c>
      <c r="E10976" t="s">
        <v>6594</v>
      </c>
      <c r="F10976" t="s">
        <v>6595</v>
      </c>
      <c r="G10976" t="s">
        <v>80</v>
      </c>
      <c r="H10976" t="s">
        <v>81</v>
      </c>
      <c r="I10976" s="2">
        <v>0</v>
      </c>
      <c r="J10976" s="2">
        <v>1</v>
      </c>
      <c r="K10976" s="2">
        <v>0</v>
      </c>
      <c r="L10976" t="s">
        <v>82</v>
      </c>
      <c r="M10976" t="s">
        <v>89</v>
      </c>
      <c r="N10976" t="s">
        <v>90</v>
      </c>
      <c r="O10976" t="s">
        <v>85</v>
      </c>
      <c r="P10976" t="s">
        <v>86</v>
      </c>
      <c r="Q10976">
        <v>48</v>
      </c>
      <c r="R10976">
        <v>48</v>
      </c>
      <c r="S10976">
        <v>49</v>
      </c>
      <c r="T10976">
        <v>50</v>
      </c>
      <c r="U10976">
        <v>50</v>
      </c>
      <c r="V10976">
        <v>51</v>
      </c>
      <c r="W10976">
        <v>51</v>
      </c>
      <c r="X10976">
        <v>52</v>
      </c>
      <c r="Y10976">
        <v>52</v>
      </c>
      <c r="Z10976">
        <v>52</v>
      </c>
      <c r="AA10976">
        <v>53</v>
      </c>
      <c r="AB10976">
        <v>53</v>
      </c>
      <c r="AC10976">
        <v>53</v>
      </c>
      <c r="AD10976">
        <v>53</v>
      </c>
      <c r="AE10976">
        <v>53</v>
      </c>
      <c r="AF10976">
        <v>53</v>
      </c>
      <c r="AG10976">
        <v>52</v>
      </c>
      <c r="AH10976">
        <v>52</v>
      </c>
      <c r="AI10976">
        <v>51</v>
      </c>
      <c r="AJ10976">
        <v>51</v>
      </c>
      <c r="AK10976">
        <v>51</v>
      </c>
      <c r="AL10976">
        <v>50</v>
      </c>
      <c r="AM10976">
        <v>50</v>
      </c>
      <c r="AN10976">
        <v>49</v>
      </c>
      <c r="AO10976">
        <v>49</v>
      </c>
      <c r="AP10976">
        <v>48</v>
      </c>
      <c r="AQ10976">
        <v>48</v>
      </c>
    </row>
    <row r="10977" spans="1:43">
      <c r="A10977" t="s">
        <v>6824</v>
      </c>
      <c r="B10977" t="s">
        <v>6825</v>
      </c>
      <c r="C10977" t="s">
        <v>6808</v>
      </c>
      <c r="D10977" t="s">
        <v>6809</v>
      </c>
      <c r="E10977" t="s">
        <v>6594</v>
      </c>
      <c r="F10977" t="s">
        <v>6595</v>
      </c>
      <c r="G10977" t="s">
        <v>80</v>
      </c>
      <c r="H10977" t="s">
        <v>81</v>
      </c>
      <c r="I10977" s="2">
        <v>0</v>
      </c>
      <c r="J10977" s="2">
        <v>1</v>
      </c>
      <c r="K10977" s="2">
        <v>0</v>
      </c>
      <c r="L10977" t="s">
        <v>82</v>
      </c>
      <c r="M10977" t="s">
        <v>83</v>
      </c>
      <c r="N10977" t="s">
        <v>91</v>
      </c>
      <c r="O10977" t="s">
        <v>85</v>
      </c>
      <c r="P10977" t="s">
        <v>86</v>
      </c>
      <c r="Q10977">
        <v>48</v>
      </c>
      <c r="R10977">
        <v>48</v>
      </c>
      <c r="S10977">
        <v>49</v>
      </c>
      <c r="T10977">
        <v>49</v>
      </c>
      <c r="U10977">
        <v>49</v>
      </c>
      <c r="V10977">
        <v>50</v>
      </c>
      <c r="W10977">
        <v>50</v>
      </c>
      <c r="X10977">
        <v>50</v>
      </c>
      <c r="Y10977">
        <v>50</v>
      </c>
      <c r="Z10977">
        <v>50</v>
      </c>
      <c r="AA10977">
        <v>50</v>
      </c>
      <c r="AB10977">
        <v>51</v>
      </c>
      <c r="AC10977">
        <v>51</v>
      </c>
      <c r="AD10977">
        <v>51</v>
      </c>
      <c r="AE10977">
        <v>51</v>
      </c>
      <c r="AF10977">
        <v>51</v>
      </c>
      <c r="AG10977">
        <v>51</v>
      </c>
      <c r="AH10977">
        <v>51</v>
      </c>
      <c r="AI10977">
        <v>51</v>
      </c>
      <c r="AJ10977">
        <v>51</v>
      </c>
      <c r="AK10977">
        <v>51</v>
      </c>
      <c r="AL10977">
        <v>51</v>
      </c>
      <c r="AM10977">
        <v>50</v>
      </c>
      <c r="AN10977">
        <v>50</v>
      </c>
      <c r="AO10977">
        <v>49</v>
      </c>
      <c r="AP10977">
        <v>49</v>
      </c>
      <c r="AQ10977">
        <v>48</v>
      </c>
    </row>
    <row r="10978" spans="1:43">
      <c r="A10978" t="s">
        <v>6826</v>
      </c>
      <c r="B10978" t="s">
        <v>6827</v>
      </c>
      <c r="C10978" t="s">
        <v>6828</v>
      </c>
      <c r="D10978" t="s">
        <v>6829</v>
      </c>
      <c r="E10978" t="s">
        <v>6594</v>
      </c>
      <c r="F10978" t="s">
        <v>6595</v>
      </c>
      <c r="G10978" t="s">
        <v>80</v>
      </c>
      <c r="H10978" t="s">
        <v>81</v>
      </c>
      <c r="I10978" s="2">
        <v>0</v>
      </c>
      <c r="J10978" s="2">
        <v>1</v>
      </c>
      <c r="K10978" s="2">
        <v>0</v>
      </c>
      <c r="L10978" t="s">
        <v>82</v>
      </c>
      <c r="M10978" t="s">
        <v>83</v>
      </c>
      <c r="N10978" t="s">
        <v>84</v>
      </c>
      <c r="O10978" t="s">
        <v>85</v>
      </c>
      <c r="P10978" t="s">
        <v>86</v>
      </c>
      <c r="Q10978">
        <v>51</v>
      </c>
      <c r="R10978">
        <v>51</v>
      </c>
      <c r="S10978">
        <v>52</v>
      </c>
      <c r="T10978">
        <v>52</v>
      </c>
      <c r="U10978">
        <v>52</v>
      </c>
      <c r="V10978">
        <v>53</v>
      </c>
      <c r="W10978">
        <v>53</v>
      </c>
      <c r="X10978">
        <v>53</v>
      </c>
      <c r="Y10978">
        <v>53</v>
      </c>
      <c r="Z10978">
        <v>54</v>
      </c>
      <c r="AA10978">
        <v>54</v>
      </c>
      <c r="AB10978">
        <v>54</v>
      </c>
      <c r="AC10978">
        <v>54</v>
      </c>
      <c r="AD10978">
        <v>54</v>
      </c>
      <c r="AE10978">
        <v>54</v>
      </c>
      <c r="AF10978">
        <v>54</v>
      </c>
      <c r="AG10978">
        <v>54</v>
      </c>
      <c r="AH10978">
        <v>54</v>
      </c>
      <c r="AI10978">
        <v>54</v>
      </c>
      <c r="AJ10978">
        <v>54</v>
      </c>
      <c r="AK10978">
        <v>54</v>
      </c>
      <c r="AL10978">
        <v>54</v>
      </c>
      <c r="AM10978">
        <v>54</v>
      </c>
      <c r="AN10978">
        <v>53</v>
      </c>
      <c r="AO10978">
        <v>53</v>
      </c>
      <c r="AP10978">
        <v>52</v>
      </c>
      <c r="AQ10978">
        <v>52</v>
      </c>
    </row>
    <row r="10979" spans="1:43">
      <c r="A10979" t="s">
        <v>6826</v>
      </c>
      <c r="B10979" t="s">
        <v>6827</v>
      </c>
      <c r="C10979" t="s">
        <v>6828</v>
      </c>
      <c r="D10979" t="s">
        <v>6829</v>
      </c>
      <c r="E10979" t="s">
        <v>6594</v>
      </c>
      <c r="F10979" t="s">
        <v>6595</v>
      </c>
      <c r="G10979" t="s">
        <v>80</v>
      </c>
      <c r="H10979" t="s">
        <v>81</v>
      </c>
      <c r="I10979" s="2">
        <v>0</v>
      </c>
      <c r="J10979" s="2">
        <v>1</v>
      </c>
      <c r="K10979" s="2">
        <v>0</v>
      </c>
      <c r="L10979" t="s">
        <v>82</v>
      </c>
      <c r="M10979" t="s">
        <v>87</v>
      </c>
      <c r="N10979" t="s">
        <v>88</v>
      </c>
      <c r="O10979" t="s">
        <v>85</v>
      </c>
      <c r="P10979" t="s">
        <v>86</v>
      </c>
      <c r="Q10979">
        <v>51</v>
      </c>
      <c r="R10979">
        <v>51</v>
      </c>
      <c r="S10979">
        <v>51</v>
      </c>
      <c r="T10979">
        <v>51</v>
      </c>
      <c r="U10979">
        <v>51</v>
      </c>
      <c r="V10979">
        <v>51</v>
      </c>
      <c r="W10979">
        <v>51</v>
      </c>
      <c r="X10979">
        <v>51</v>
      </c>
      <c r="Y10979">
        <v>50</v>
      </c>
      <c r="Z10979">
        <v>50</v>
      </c>
      <c r="AA10979">
        <v>50</v>
      </c>
      <c r="AB10979">
        <v>50</v>
      </c>
      <c r="AC10979">
        <v>49</v>
      </c>
      <c r="AD10979">
        <v>49</v>
      </c>
      <c r="AE10979">
        <v>49</v>
      </c>
      <c r="AF10979">
        <v>49</v>
      </c>
      <c r="AG10979">
        <v>49</v>
      </c>
      <c r="AH10979">
        <v>48</v>
      </c>
      <c r="AI10979">
        <v>48</v>
      </c>
      <c r="AJ10979">
        <v>48</v>
      </c>
      <c r="AK10979">
        <v>48</v>
      </c>
      <c r="AL10979">
        <v>47</v>
      </c>
      <c r="AM10979">
        <v>47</v>
      </c>
      <c r="AN10979">
        <v>47</v>
      </c>
      <c r="AO10979">
        <v>47</v>
      </c>
      <c r="AP10979">
        <v>46</v>
      </c>
      <c r="AQ10979">
        <v>46</v>
      </c>
    </row>
    <row r="10980" spans="1:43">
      <c r="A10980" t="s">
        <v>6826</v>
      </c>
      <c r="B10980" t="s">
        <v>6827</v>
      </c>
      <c r="C10980" t="s">
        <v>6828</v>
      </c>
      <c r="D10980" t="s">
        <v>6829</v>
      </c>
      <c r="E10980" t="s">
        <v>6594</v>
      </c>
      <c r="F10980" t="s">
        <v>6595</v>
      </c>
      <c r="G10980" t="s">
        <v>80</v>
      </c>
      <c r="H10980" t="s">
        <v>81</v>
      </c>
      <c r="I10980" s="2">
        <v>0</v>
      </c>
      <c r="J10980" s="2">
        <v>1</v>
      </c>
      <c r="K10980" s="2">
        <v>0</v>
      </c>
      <c r="L10980" t="s">
        <v>82</v>
      </c>
      <c r="M10980" t="s">
        <v>89</v>
      </c>
      <c r="N10980" t="s">
        <v>90</v>
      </c>
      <c r="O10980" t="s">
        <v>85</v>
      </c>
      <c r="P10980" t="s">
        <v>86</v>
      </c>
      <c r="Q10980">
        <v>51</v>
      </c>
      <c r="R10980">
        <v>52</v>
      </c>
      <c r="S10980">
        <v>53</v>
      </c>
      <c r="T10980">
        <v>54</v>
      </c>
      <c r="U10980">
        <v>54</v>
      </c>
      <c r="V10980">
        <v>55</v>
      </c>
      <c r="W10980">
        <v>56</v>
      </c>
      <c r="X10980">
        <v>56</v>
      </c>
      <c r="Y10980">
        <v>56</v>
      </c>
      <c r="Z10980">
        <v>57</v>
      </c>
      <c r="AA10980">
        <v>57</v>
      </c>
      <c r="AB10980">
        <v>57</v>
      </c>
      <c r="AC10980">
        <v>58</v>
      </c>
      <c r="AD10980">
        <v>58</v>
      </c>
      <c r="AE10980">
        <v>58</v>
      </c>
      <c r="AF10980">
        <v>58</v>
      </c>
      <c r="AG10980">
        <v>57</v>
      </c>
      <c r="AH10980">
        <v>57</v>
      </c>
      <c r="AI10980">
        <v>56</v>
      </c>
      <c r="AJ10980">
        <v>56</v>
      </c>
      <c r="AK10980">
        <v>55</v>
      </c>
      <c r="AL10980">
        <v>55</v>
      </c>
      <c r="AM10980">
        <v>54</v>
      </c>
      <c r="AN10980">
        <v>54</v>
      </c>
      <c r="AO10980">
        <v>54</v>
      </c>
      <c r="AP10980">
        <v>53</v>
      </c>
      <c r="AQ10980">
        <v>53</v>
      </c>
    </row>
    <row r="10981" spans="1:43">
      <c r="A10981" t="s">
        <v>6826</v>
      </c>
      <c r="B10981" t="s">
        <v>6827</v>
      </c>
      <c r="C10981" t="s">
        <v>6828</v>
      </c>
      <c r="D10981" t="s">
        <v>6829</v>
      </c>
      <c r="E10981" t="s">
        <v>6594</v>
      </c>
      <c r="F10981" t="s">
        <v>6595</v>
      </c>
      <c r="G10981" t="s">
        <v>80</v>
      </c>
      <c r="H10981" t="s">
        <v>81</v>
      </c>
      <c r="I10981" s="2">
        <v>0</v>
      </c>
      <c r="J10981" s="2">
        <v>1</v>
      </c>
      <c r="K10981" s="2">
        <v>0</v>
      </c>
      <c r="L10981" t="s">
        <v>82</v>
      </c>
      <c r="M10981" t="s">
        <v>83</v>
      </c>
      <c r="N10981" t="s">
        <v>91</v>
      </c>
      <c r="O10981" t="s">
        <v>85</v>
      </c>
      <c r="P10981" t="s">
        <v>86</v>
      </c>
      <c r="Q10981">
        <v>51</v>
      </c>
      <c r="R10981">
        <v>51</v>
      </c>
      <c r="S10981">
        <v>52</v>
      </c>
      <c r="T10981">
        <v>52</v>
      </c>
      <c r="U10981">
        <v>52</v>
      </c>
      <c r="V10981">
        <v>53</v>
      </c>
      <c r="W10981">
        <v>53</v>
      </c>
      <c r="X10981">
        <v>53</v>
      </c>
      <c r="Y10981">
        <v>53</v>
      </c>
      <c r="Z10981">
        <v>54</v>
      </c>
      <c r="AA10981">
        <v>54</v>
      </c>
      <c r="AB10981">
        <v>54</v>
      </c>
      <c r="AC10981">
        <v>54</v>
      </c>
      <c r="AD10981">
        <v>54</v>
      </c>
      <c r="AE10981">
        <v>54</v>
      </c>
      <c r="AF10981">
        <v>54</v>
      </c>
      <c r="AG10981">
        <v>54</v>
      </c>
      <c r="AH10981">
        <v>54</v>
      </c>
      <c r="AI10981">
        <v>54</v>
      </c>
      <c r="AJ10981">
        <v>54</v>
      </c>
      <c r="AK10981">
        <v>54</v>
      </c>
      <c r="AL10981">
        <v>54</v>
      </c>
      <c r="AM10981">
        <v>54</v>
      </c>
      <c r="AN10981">
        <v>53</v>
      </c>
      <c r="AO10981">
        <v>53</v>
      </c>
      <c r="AP10981">
        <v>52</v>
      </c>
      <c r="AQ10981">
        <v>52</v>
      </c>
    </row>
    <row r="10982" spans="1:43">
      <c r="A10982" t="s">
        <v>6830</v>
      </c>
      <c r="B10982" t="s">
        <v>6831</v>
      </c>
      <c r="C10982" t="s">
        <v>6828</v>
      </c>
      <c r="D10982" t="s">
        <v>6829</v>
      </c>
      <c r="E10982" t="s">
        <v>6594</v>
      </c>
      <c r="F10982" t="s">
        <v>6595</v>
      </c>
      <c r="G10982" t="s">
        <v>80</v>
      </c>
      <c r="H10982" t="s">
        <v>81</v>
      </c>
      <c r="I10982" s="2">
        <v>0</v>
      </c>
      <c r="J10982" s="2">
        <v>1</v>
      </c>
      <c r="K10982" s="2">
        <v>0</v>
      </c>
      <c r="L10982" t="s">
        <v>82</v>
      </c>
      <c r="M10982" t="s">
        <v>83</v>
      </c>
      <c r="N10982" t="s">
        <v>84</v>
      </c>
      <c r="O10982" t="s">
        <v>85</v>
      </c>
      <c r="P10982" t="s">
        <v>86</v>
      </c>
      <c r="Q10982">
        <v>42</v>
      </c>
      <c r="R10982">
        <v>42</v>
      </c>
      <c r="S10982">
        <v>42</v>
      </c>
      <c r="T10982">
        <v>43</v>
      </c>
      <c r="U10982">
        <v>43</v>
      </c>
      <c r="V10982">
        <v>43</v>
      </c>
      <c r="W10982">
        <v>43</v>
      </c>
      <c r="X10982">
        <v>44</v>
      </c>
      <c r="Y10982">
        <v>44</v>
      </c>
      <c r="Z10982">
        <v>44</v>
      </c>
      <c r="AA10982">
        <v>44</v>
      </c>
      <c r="AB10982">
        <v>44</v>
      </c>
      <c r="AC10982">
        <v>44</v>
      </c>
      <c r="AD10982">
        <v>44</v>
      </c>
      <c r="AE10982">
        <v>44</v>
      </c>
      <c r="AF10982">
        <v>44</v>
      </c>
      <c r="AG10982">
        <v>45</v>
      </c>
      <c r="AH10982">
        <v>45</v>
      </c>
      <c r="AI10982">
        <v>45</v>
      </c>
      <c r="AJ10982">
        <v>45</v>
      </c>
      <c r="AK10982">
        <v>45</v>
      </c>
      <c r="AL10982">
        <v>44</v>
      </c>
      <c r="AM10982">
        <v>44</v>
      </c>
      <c r="AN10982">
        <v>44</v>
      </c>
      <c r="AO10982">
        <v>43</v>
      </c>
      <c r="AP10982">
        <v>43</v>
      </c>
      <c r="AQ10982">
        <v>43</v>
      </c>
    </row>
    <row r="10983" spans="1:43">
      <c r="A10983" t="s">
        <v>6830</v>
      </c>
      <c r="B10983" t="s">
        <v>6831</v>
      </c>
      <c r="C10983" t="s">
        <v>6828</v>
      </c>
      <c r="D10983" t="s">
        <v>6829</v>
      </c>
      <c r="E10983" t="s">
        <v>6594</v>
      </c>
      <c r="F10983" t="s">
        <v>6595</v>
      </c>
      <c r="G10983" t="s">
        <v>80</v>
      </c>
      <c r="H10983" t="s">
        <v>81</v>
      </c>
      <c r="I10983" s="2">
        <v>0</v>
      </c>
      <c r="J10983" s="2">
        <v>1</v>
      </c>
      <c r="K10983" s="2">
        <v>0</v>
      </c>
      <c r="L10983" t="s">
        <v>82</v>
      </c>
      <c r="M10983" t="s">
        <v>87</v>
      </c>
      <c r="N10983" t="s">
        <v>88</v>
      </c>
      <c r="O10983" t="s">
        <v>85</v>
      </c>
      <c r="P10983" t="s">
        <v>86</v>
      </c>
      <c r="Q10983">
        <v>42</v>
      </c>
      <c r="R10983">
        <v>42</v>
      </c>
      <c r="S10983">
        <v>42</v>
      </c>
      <c r="T10983">
        <v>42</v>
      </c>
      <c r="U10983">
        <v>42</v>
      </c>
      <c r="V10983">
        <v>42</v>
      </c>
      <c r="W10983">
        <v>42</v>
      </c>
      <c r="X10983">
        <v>42</v>
      </c>
      <c r="Y10983">
        <v>41</v>
      </c>
      <c r="Z10983">
        <v>41</v>
      </c>
      <c r="AA10983">
        <v>41</v>
      </c>
      <c r="AB10983">
        <v>41</v>
      </c>
      <c r="AC10983">
        <v>41</v>
      </c>
      <c r="AD10983">
        <v>41</v>
      </c>
      <c r="AE10983">
        <v>40</v>
      </c>
      <c r="AF10983">
        <v>40</v>
      </c>
      <c r="AG10983">
        <v>40</v>
      </c>
      <c r="AH10983">
        <v>40</v>
      </c>
      <c r="AI10983">
        <v>40</v>
      </c>
      <c r="AJ10983">
        <v>39</v>
      </c>
      <c r="AK10983">
        <v>39</v>
      </c>
      <c r="AL10983">
        <v>39</v>
      </c>
      <c r="AM10983">
        <v>39</v>
      </c>
      <c r="AN10983">
        <v>39</v>
      </c>
      <c r="AO10983">
        <v>38</v>
      </c>
      <c r="AP10983">
        <v>38</v>
      </c>
      <c r="AQ10983">
        <v>38</v>
      </c>
    </row>
    <row r="10984" spans="1:43">
      <c r="A10984" t="s">
        <v>6830</v>
      </c>
      <c r="B10984" t="s">
        <v>6831</v>
      </c>
      <c r="C10984" t="s">
        <v>6828</v>
      </c>
      <c r="D10984" t="s">
        <v>6829</v>
      </c>
      <c r="E10984" t="s">
        <v>6594</v>
      </c>
      <c r="F10984" t="s">
        <v>6595</v>
      </c>
      <c r="G10984" t="s">
        <v>80</v>
      </c>
      <c r="H10984" t="s">
        <v>81</v>
      </c>
      <c r="I10984" s="2">
        <v>0</v>
      </c>
      <c r="J10984" s="2">
        <v>1</v>
      </c>
      <c r="K10984" s="2">
        <v>0</v>
      </c>
      <c r="L10984" t="s">
        <v>82</v>
      </c>
      <c r="M10984" t="s">
        <v>89</v>
      </c>
      <c r="N10984" t="s">
        <v>90</v>
      </c>
      <c r="O10984" t="s">
        <v>85</v>
      </c>
      <c r="P10984" t="s">
        <v>86</v>
      </c>
      <c r="Q10984">
        <v>42</v>
      </c>
      <c r="R10984">
        <v>43</v>
      </c>
      <c r="S10984">
        <v>44</v>
      </c>
      <c r="T10984">
        <v>44</v>
      </c>
      <c r="U10984">
        <v>45</v>
      </c>
      <c r="V10984">
        <v>45</v>
      </c>
      <c r="W10984">
        <v>46</v>
      </c>
      <c r="X10984">
        <v>46</v>
      </c>
      <c r="Y10984">
        <v>46</v>
      </c>
      <c r="Z10984">
        <v>47</v>
      </c>
      <c r="AA10984">
        <v>47</v>
      </c>
      <c r="AB10984">
        <v>47</v>
      </c>
      <c r="AC10984">
        <v>47</v>
      </c>
      <c r="AD10984">
        <v>48</v>
      </c>
      <c r="AE10984">
        <v>48</v>
      </c>
      <c r="AF10984">
        <v>47</v>
      </c>
      <c r="AG10984">
        <v>47</v>
      </c>
      <c r="AH10984">
        <v>46</v>
      </c>
      <c r="AI10984">
        <v>46</v>
      </c>
      <c r="AJ10984">
        <v>46</v>
      </c>
      <c r="AK10984">
        <v>45</v>
      </c>
      <c r="AL10984">
        <v>45</v>
      </c>
      <c r="AM10984">
        <v>45</v>
      </c>
      <c r="AN10984">
        <v>44</v>
      </c>
      <c r="AO10984">
        <v>44</v>
      </c>
      <c r="AP10984">
        <v>44</v>
      </c>
      <c r="AQ10984">
        <v>43</v>
      </c>
    </row>
    <row r="10985" spans="1:43">
      <c r="A10985" t="s">
        <v>6830</v>
      </c>
      <c r="B10985" t="s">
        <v>6831</v>
      </c>
      <c r="C10985" t="s">
        <v>6828</v>
      </c>
      <c r="D10985" t="s">
        <v>6829</v>
      </c>
      <c r="E10985" t="s">
        <v>6594</v>
      </c>
      <c r="F10985" t="s">
        <v>6595</v>
      </c>
      <c r="G10985" t="s">
        <v>80</v>
      </c>
      <c r="H10985" t="s">
        <v>81</v>
      </c>
      <c r="I10985" s="2">
        <v>0</v>
      </c>
      <c r="J10985" s="2">
        <v>1</v>
      </c>
      <c r="K10985" s="2">
        <v>0</v>
      </c>
      <c r="L10985" t="s">
        <v>82</v>
      </c>
      <c r="M10985" t="s">
        <v>83</v>
      </c>
      <c r="N10985" t="s">
        <v>91</v>
      </c>
      <c r="O10985" t="s">
        <v>85</v>
      </c>
      <c r="P10985" t="s">
        <v>86</v>
      </c>
      <c r="Q10985">
        <v>42</v>
      </c>
      <c r="R10985">
        <v>42</v>
      </c>
      <c r="S10985">
        <v>42</v>
      </c>
      <c r="T10985">
        <v>43</v>
      </c>
      <c r="U10985">
        <v>43</v>
      </c>
      <c r="V10985">
        <v>43</v>
      </c>
      <c r="W10985">
        <v>43</v>
      </c>
      <c r="X10985">
        <v>44</v>
      </c>
      <c r="Y10985">
        <v>44</v>
      </c>
      <c r="Z10985">
        <v>44</v>
      </c>
      <c r="AA10985">
        <v>44</v>
      </c>
      <c r="AB10985">
        <v>44</v>
      </c>
      <c r="AC10985">
        <v>44</v>
      </c>
      <c r="AD10985">
        <v>44</v>
      </c>
      <c r="AE10985">
        <v>44</v>
      </c>
      <c r="AF10985">
        <v>44</v>
      </c>
      <c r="AG10985">
        <v>45</v>
      </c>
      <c r="AH10985">
        <v>45</v>
      </c>
      <c r="AI10985">
        <v>45</v>
      </c>
      <c r="AJ10985">
        <v>45</v>
      </c>
      <c r="AK10985">
        <v>45</v>
      </c>
      <c r="AL10985">
        <v>44</v>
      </c>
      <c r="AM10985">
        <v>44</v>
      </c>
      <c r="AN10985">
        <v>44</v>
      </c>
      <c r="AO10985">
        <v>43</v>
      </c>
      <c r="AP10985">
        <v>43</v>
      </c>
      <c r="AQ10985">
        <v>43</v>
      </c>
    </row>
    <row r="10986" spans="1:43">
      <c r="A10986" t="s">
        <v>6832</v>
      </c>
      <c r="B10986" t="s">
        <v>6833</v>
      </c>
      <c r="C10986" t="s">
        <v>6828</v>
      </c>
      <c r="D10986" t="s">
        <v>6829</v>
      </c>
      <c r="E10986" t="s">
        <v>6594</v>
      </c>
      <c r="F10986" t="s">
        <v>6595</v>
      </c>
      <c r="G10986" t="s">
        <v>80</v>
      </c>
      <c r="H10986" t="s">
        <v>81</v>
      </c>
      <c r="I10986" s="2">
        <v>0</v>
      </c>
      <c r="J10986" s="2">
        <v>1</v>
      </c>
      <c r="K10986" s="2">
        <v>0</v>
      </c>
      <c r="L10986" t="s">
        <v>82</v>
      </c>
      <c r="M10986" t="s">
        <v>83</v>
      </c>
      <c r="N10986" t="s">
        <v>84</v>
      </c>
      <c r="O10986" t="s">
        <v>85</v>
      </c>
      <c r="P10986" t="s">
        <v>86</v>
      </c>
      <c r="Q10986">
        <v>61</v>
      </c>
      <c r="R10986">
        <v>62</v>
      </c>
      <c r="S10986">
        <v>62</v>
      </c>
      <c r="T10986">
        <v>62</v>
      </c>
      <c r="U10986">
        <v>63</v>
      </c>
      <c r="V10986">
        <v>63</v>
      </c>
      <c r="W10986">
        <v>64</v>
      </c>
      <c r="X10986">
        <v>64</v>
      </c>
      <c r="Y10986">
        <v>64</v>
      </c>
      <c r="Z10986">
        <v>64</v>
      </c>
      <c r="AA10986">
        <v>65</v>
      </c>
      <c r="AB10986">
        <v>65</v>
      </c>
      <c r="AC10986">
        <v>65</v>
      </c>
      <c r="AD10986">
        <v>65</v>
      </c>
      <c r="AE10986">
        <v>65</v>
      </c>
      <c r="AF10986">
        <v>65</v>
      </c>
      <c r="AG10986">
        <v>65</v>
      </c>
      <c r="AH10986">
        <v>65</v>
      </c>
      <c r="AI10986">
        <v>65</v>
      </c>
      <c r="AJ10986">
        <v>65</v>
      </c>
      <c r="AK10986">
        <v>65</v>
      </c>
      <c r="AL10986">
        <v>65</v>
      </c>
      <c r="AM10986">
        <v>64</v>
      </c>
      <c r="AN10986">
        <v>64</v>
      </c>
      <c r="AO10986">
        <v>63</v>
      </c>
      <c r="AP10986">
        <v>63</v>
      </c>
      <c r="AQ10986">
        <v>62</v>
      </c>
    </row>
    <row r="10987" spans="1:43">
      <c r="A10987" t="s">
        <v>6832</v>
      </c>
      <c r="B10987" t="s">
        <v>6833</v>
      </c>
      <c r="C10987" t="s">
        <v>6828</v>
      </c>
      <c r="D10987" t="s">
        <v>6829</v>
      </c>
      <c r="E10987" t="s">
        <v>6594</v>
      </c>
      <c r="F10987" t="s">
        <v>6595</v>
      </c>
      <c r="G10987" t="s">
        <v>80</v>
      </c>
      <c r="H10987" t="s">
        <v>81</v>
      </c>
      <c r="I10987" s="2">
        <v>0</v>
      </c>
      <c r="J10987" s="2">
        <v>1</v>
      </c>
      <c r="K10987" s="2">
        <v>0</v>
      </c>
      <c r="L10987" t="s">
        <v>82</v>
      </c>
      <c r="M10987" t="s">
        <v>87</v>
      </c>
      <c r="N10987" t="s">
        <v>88</v>
      </c>
      <c r="O10987" t="s">
        <v>85</v>
      </c>
      <c r="P10987" t="s">
        <v>86</v>
      </c>
      <c r="Q10987">
        <v>61</v>
      </c>
      <c r="R10987">
        <v>61</v>
      </c>
      <c r="S10987">
        <v>60</v>
      </c>
      <c r="T10987">
        <v>60</v>
      </c>
      <c r="U10987">
        <v>60</v>
      </c>
      <c r="V10987">
        <v>60</v>
      </c>
      <c r="W10987">
        <v>60</v>
      </c>
      <c r="X10987">
        <v>59</v>
      </c>
      <c r="Y10987">
        <v>59</v>
      </c>
      <c r="Z10987">
        <v>59</v>
      </c>
      <c r="AA10987">
        <v>59</v>
      </c>
      <c r="AB10987">
        <v>58</v>
      </c>
      <c r="AC10987">
        <v>58</v>
      </c>
      <c r="AD10987">
        <v>58</v>
      </c>
      <c r="AE10987">
        <v>58</v>
      </c>
      <c r="AF10987">
        <v>57</v>
      </c>
      <c r="AG10987">
        <v>57</v>
      </c>
      <c r="AH10987">
        <v>57</v>
      </c>
      <c r="AI10987">
        <v>56</v>
      </c>
      <c r="AJ10987">
        <v>56</v>
      </c>
      <c r="AK10987">
        <v>56</v>
      </c>
      <c r="AL10987">
        <v>56</v>
      </c>
      <c r="AM10987">
        <v>55</v>
      </c>
      <c r="AN10987">
        <v>55</v>
      </c>
      <c r="AO10987">
        <v>55</v>
      </c>
      <c r="AP10987">
        <v>54</v>
      </c>
      <c r="AQ10987">
        <v>54</v>
      </c>
    </row>
    <row r="10988" spans="1:43">
      <c r="A10988" t="s">
        <v>6832</v>
      </c>
      <c r="B10988" t="s">
        <v>6833</v>
      </c>
      <c r="C10988" t="s">
        <v>6828</v>
      </c>
      <c r="D10988" t="s">
        <v>6829</v>
      </c>
      <c r="E10988" t="s">
        <v>6594</v>
      </c>
      <c r="F10988" t="s">
        <v>6595</v>
      </c>
      <c r="G10988" t="s">
        <v>80</v>
      </c>
      <c r="H10988" t="s">
        <v>81</v>
      </c>
      <c r="I10988" s="2">
        <v>0</v>
      </c>
      <c r="J10988" s="2">
        <v>1</v>
      </c>
      <c r="K10988" s="2">
        <v>0</v>
      </c>
      <c r="L10988" t="s">
        <v>82</v>
      </c>
      <c r="M10988" t="s">
        <v>89</v>
      </c>
      <c r="N10988" t="s">
        <v>90</v>
      </c>
      <c r="O10988" t="s">
        <v>85</v>
      </c>
      <c r="P10988" t="s">
        <v>86</v>
      </c>
      <c r="Q10988">
        <v>61</v>
      </c>
      <c r="R10988">
        <v>62</v>
      </c>
      <c r="S10988">
        <v>63</v>
      </c>
      <c r="T10988">
        <v>64</v>
      </c>
      <c r="U10988">
        <v>64</v>
      </c>
      <c r="V10988">
        <v>65</v>
      </c>
      <c r="W10988">
        <v>66</v>
      </c>
      <c r="X10988">
        <v>66</v>
      </c>
      <c r="Y10988">
        <v>67</v>
      </c>
      <c r="Z10988">
        <v>67</v>
      </c>
      <c r="AA10988">
        <v>68</v>
      </c>
      <c r="AB10988">
        <v>68</v>
      </c>
      <c r="AC10988">
        <v>68</v>
      </c>
      <c r="AD10988">
        <v>69</v>
      </c>
      <c r="AE10988">
        <v>69</v>
      </c>
      <c r="AF10988">
        <v>68</v>
      </c>
      <c r="AG10988">
        <v>68</v>
      </c>
      <c r="AH10988">
        <v>67</v>
      </c>
      <c r="AI10988">
        <v>66</v>
      </c>
      <c r="AJ10988">
        <v>66</v>
      </c>
      <c r="AK10988">
        <v>65</v>
      </c>
      <c r="AL10988">
        <v>65</v>
      </c>
      <c r="AM10988">
        <v>64</v>
      </c>
      <c r="AN10988">
        <v>64</v>
      </c>
      <c r="AO10988">
        <v>63</v>
      </c>
      <c r="AP10988">
        <v>63</v>
      </c>
      <c r="AQ10988">
        <v>62</v>
      </c>
    </row>
    <row r="10989" spans="1:43">
      <c r="A10989" t="s">
        <v>6832</v>
      </c>
      <c r="B10989" t="s">
        <v>6833</v>
      </c>
      <c r="C10989" t="s">
        <v>6828</v>
      </c>
      <c r="D10989" t="s">
        <v>6829</v>
      </c>
      <c r="E10989" t="s">
        <v>6594</v>
      </c>
      <c r="F10989" t="s">
        <v>6595</v>
      </c>
      <c r="G10989" t="s">
        <v>80</v>
      </c>
      <c r="H10989" t="s">
        <v>81</v>
      </c>
      <c r="I10989" s="2">
        <v>0</v>
      </c>
      <c r="J10989" s="2">
        <v>1</v>
      </c>
      <c r="K10989" s="2">
        <v>0</v>
      </c>
      <c r="L10989" t="s">
        <v>82</v>
      </c>
      <c r="M10989" t="s">
        <v>83</v>
      </c>
      <c r="N10989" t="s">
        <v>91</v>
      </c>
      <c r="O10989" t="s">
        <v>85</v>
      </c>
      <c r="P10989" t="s">
        <v>86</v>
      </c>
      <c r="Q10989">
        <v>61</v>
      </c>
      <c r="R10989">
        <v>62</v>
      </c>
      <c r="S10989">
        <v>62</v>
      </c>
      <c r="T10989">
        <v>62</v>
      </c>
      <c r="U10989">
        <v>63</v>
      </c>
      <c r="V10989">
        <v>63</v>
      </c>
      <c r="W10989">
        <v>64</v>
      </c>
      <c r="X10989">
        <v>64</v>
      </c>
      <c r="Y10989">
        <v>64</v>
      </c>
      <c r="Z10989">
        <v>64</v>
      </c>
      <c r="AA10989">
        <v>65</v>
      </c>
      <c r="AB10989">
        <v>65</v>
      </c>
      <c r="AC10989">
        <v>65</v>
      </c>
      <c r="AD10989">
        <v>65</v>
      </c>
      <c r="AE10989">
        <v>65</v>
      </c>
      <c r="AF10989">
        <v>65</v>
      </c>
      <c r="AG10989">
        <v>65</v>
      </c>
      <c r="AH10989">
        <v>65</v>
      </c>
      <c r="AI10989">
        <v>65</v>
      </c>
      <c r="AJ10989">
        <v>65</v>
      </c>
      <c r="AK10989">
        <v>65</v>
      </c>
      <c r="AL10989">
        <v>65</v>
      </c>
      <c r="AM10989">
        <v>64</v>
      </c>
      <c r="AN10989">
        <v>64</v>
      </c>
      <c r="AO10989">
        <v>63</v>
      </c>
      <c r="AP10989">
        <v>63</v>
      </c>
      <c r="AQ10989">
        <v>62</v>
      </c>
    </row>
    <row r="10990" spans="1:43">
      <c r="A10990" t="s">
        <v>6834</v>
      </c>
      <c r="B10990" t="s">
        <v>6835</v>
      </c>
      <c r="C10990" t="s">
        <v>6836</v>
      </c>
      <c r="D10990" t="s">
        <v>6837</v>
      </c>
      <c r="E10990" t="s">
        <v>6594</v>
      </c>
      <c r="F10990" t="s">
        <v>6595</v>
      </c>
      <c r="G10990" t="s">
        <v>80</v>
      </c>
      <c r="H10990" t="s">
        <v>81</v>
      </c>
      <c r="I10990" s="2">
        <v>0</v>
      </c>
      <c r="J10990" s="2">
        <v>1</v>
      </c>
      <c r="K10990" s="2">
        <v>0</v>
      </c>
      <c r="L10990" t="s">
        <v>82</v>
      </c>
      <c r="M10990" t="s">
        <v>83</v>
      </c>
      <c r="N10990" t="s">
        <v>84</v>
      </c>
      <c r="O10990" t="s">
        <v>85</v>
      </c>
      <c r="P10990" t="s">
        <v>86</v>
      </c>
      <c r="Q10990">
        <v>14</v>
      </c>
      <c r="R10990">
        <v>14</v>
      </c>
      <c r="S10990">
        <v>14</v>
      </c>
      <c r="T10990">
        <v>14</v>
      </c>
      <c r="U10990">
        <v>15</v>
      </c>
      <c r="V10990">
        <v>15</v>
      </c>
      <c r="W10990">
        <v>15</v>
      </c>
      <c r="X10990">
        <v>15</v>
      </c>
      <c r="Y10990">
        <v>15</v>
      </c>
      <c r="Z10990">
        <v>15</v>
      </c>
      <c r="AA10990">
        <v>15</v>
      </c>
      <c r="AB10990">
        <v>15</v>
      </c>
      <c r="AC10990">
        <v>15</v>
      </c>
      <c r="AD10990">
        <v>15</v>
      </c>
      <c r="AE10990">
        <v>15</v>
      </c>
      <c r="AF10990">
        <v>15</v>
      </c>
      <c r="AG10990">
        <v>15</v>
      </c>
      <c r="AH10990">
        <v>15</v>
      </c>
      <c r="AI10990">
        <v>15</v>
      </c>
      <c r="AJ10990">
        <v>15</v>
      </c>
      <c r="AK10990">
        <v>15</v>
      </c>
      <c r="AL10990">
        <v>15</v>
      </c>
      <c r="AM10990">
        <v>15</v>
      </c>
      <c r="AN10990">
        <v>15</v>
      </c>
      <c r="AO10990">
        <v>15</v>
      </c>
      <c r="AP10990">
        <v>15</v>
      </c>
      <c r="AQ10990">
        <v>14</v>
      </c>
    </row>
    <row r="10991" spans="1:43">
      <c r="A10991" t="s">
        <v>6834</v>
      </c>
      <c r="B10991" t="s">
        <v>6835</v>
      </c>
      <c r="C10991" t="s">
        <v>6836</v>
      </c>
      <c r="D10991" t="s">
        <v>6837</v>
      </c>
      <c r="E10991" t="s">
        <v>6594</v>
      </c>
      <c r="F10991" t="s">
        <v>6595</v>
      </c>
      <c r="G10991" t="s">
        <v>80</v>
      </c>
      <c r="H10991" t="s">
        <v>81</v>
      </c>
      <c r="I10991" s="2">
        <v>0</v>
      </c>
      <c r="J10991" s="2">
        <v>1</v>
      </c>
      <c r="K10991" s="2">
        <v>0</v>
      </c>
      <c r="L10991" t="s">
        <v>82</v>
      </c>
      <c r="M10991" t="s">
        <v>87</v>
      </c>
      <c r="N10991" t="s">
        <v>88</v>
      </c>
      <c r="O10991" t="s">
        <v>85</v>
      </c>
      <c r="P10991" t="s">
        <v>86</v>
      </c>
      <c r="Q10991">
        <v>14</v>
      </c>
      <c r="R10991">
        <v>14</v>
      </c>
      <c r="S10991">
        <v>14</v>
      </c>
      <c r="T10991">
        <v>14</v>
      </c>
      <c r="U10991">
        <v>14</v>
      </c>
      <c r="V10991">
        <v>14</v>
      </c>
      <c r="W10991">
        <v>14</v>
      </c>
      <c r="X10991">
        <v>14</v>
      </c>
      <c r="Y10991">
        <v>14</v>
      </c>
      <c r="Z10991">
        <v>14</v>
      </c>
      <c r="AA10991">
        <v>14</v>
      </c>
      <c r="AB10991">
        <v>13</v>
      </c>
      <c r="AC10991">
        <v>13</v>
      </c>
      <c r="AD10991">
        <v>13</v>
      </c>
      <c r="AE10991">
        <v>13</v>
      </c>
      <c r="AF10991">
        <v>13</v>
      </c>
      <c r="AG10991">
        <v>13</v>
      </c>
      <c r="AH10991">
        <v>13</v>
      </c>
      <c r="AI10991">
        <v>13</v>
      </c>
      <c r="AJ10991">
        <v>13</v>
      </c>
      <c r="AK10991">
        <v>13</v>
      </c>
      <c r="AL10991">
        <v>13</v>
      </c>
      <c r="AM10991">
        <v>13</v>
      </c>
      <c r="AN10991">
        <v>13</v>
      </c>
      <c r="AO10991">
        <v>13</v>
      </c>
      <c r="AP10991">
        <v>13</v>
      </c>
      <c r="AQ10991">
        <v>13</v>
      </c>
    </row>
    <row r="10992" spans="1:43">
      <c r="A10992" t="s">
        <v>6834</v>
      </c>
      <c r="B10992" t="s">
        <v>6835</v>
      </c>
      <c r="C10992" t="s">
        <v>6836</v>
      </c>
      <c r="D10992" t="s">
        <v>6837</v>
      </c>
      <c r="E10992" t="s">
        <v>6594</v>
      </c>
      <c r="F10992" t="s">
        <v>6595</v>
      </c>
      <c r="G10992" t="s">
        <v>80</v>
      </c>
      <c r="H10992" t="s">
        <v>81</v>
      </c>
      <c r="I10992" s="2">
        <v>0</v>
      </c>
      <c r="J10992" s="2">
        <v>1</v>
      </c>
      <c r="K10992" s="2">
        <v>0</v>
      </c>
      <c r="L10992" t="s">
        <v>82</v>
      </c>
      <c r="M10992" t="s">
        <v>89</v>
      </c>
      <c r="N10992" t="s">
        <v>90</v>
      </c>
      <c r="O10992" t="s">
        <v>85</v>
      </c>
      <c r="P10992" t="s">
        <v>86</v>
      </c>
      <c r="Q10992">
        <v>14</v>
      </c>
      <c r="R10992">
        <v>14</v>
      </c>
      <c r="S10992">
        <v>15</v>
      </c>
      <c r="T10992">
        <v>15</v>
      </c>
      <c r="U10992">
        <v>15</v>
      </c>
      <c r="V10992">
        <v>15</v>
      </c>
      <c r="W10992">
        <v>15</v>
      </c>
      <c r="X10992">
        <v>16</v>
      </c>
      <c r="Y10992">
        <v>16</v>
      </c>
      <c r="Z10992">
        <v>16</v>
      </c>
      <c r="AA10992">
        <v>16</v>
      </c>
      <c r="AB10992">
        <v>16</v>
      </c>
      <c r="AC10992">
        <v>16</v>
      </c>
      <c r="AD10992">
        <v>16</v>
      </c>
      <c r="AE10992">
        <v>16</v>
      </c>
      <c r="AF10992">
        <v>16</v>
      </c>
      <c r="AG10992">
        <v>16</v>
      </c>
      <c r="AH10992">
        <v>16</v>
      </c>
      <c r="AI10992">
        <v>16</v>
      </c>
      <c r="AJ10992">
        <v>15</v>
      </c>
      <c r="AK10992">
        <v>15</v>
      </c>
      <c r="AL10992">
        <v>15</v>
      </c>
      <c r="AM10992">
        <v>15</v>
      </c>
      <c r="AN10992">
        <v>15</v>
      </c>
      <c r="AO10992">
        <v>15</v>
      </c>
      <c r="AP10992">
        <v>15</v>
      </c>
      <c r="AQ10992">
        <v>15</v>
      </c>
    </row>
    <row r="10993" spans="1:43">
      <c r="A10993" t="s">
        <v>6834</v>
      </c>
      <c r="B10993" t="s">
        <v>6835</v>
      </c>
      <c r="C10993" t="s">
        <v>6836</v>
      </c>
      <c r="D10993" t="s">
        <v>6837</v>
      </c>
      <c r="E10993" t="s">
        <v>6594</v>
      </c>
      <c r="F10993" t="s">
        <v>6595</v>
      </c>
      <c r="G10993" t="s">
        <v>80</v>
      </c>
      <c r="H10993" t="s">
        <v>81</v>
      </c>
      <c r="I10993" s="2">
        <v>0</v>
      </c>
      <c r="J10993" s="2">
        <v>1</v>
      </c>
      <c r="K10993" s="2">
        <v>0</v>
      </c>
      <c r="L10993" t="s">
        <v>82</v>
      </c>
      <c r="M10993" t="s">
        <v>83</v>
      </c>
      <c r="N10993" t="s">
        <v>91</v>
      </c>
      <c r="O10993" t="s">
        <v>85</v>
      </c>
      <c r="P10993" t="s">
        <v>86</v>
      </c>
      <c r="Q10993">
        <v>14</v>
      </c>
      <c r="R10993">
        <v>14</v>
      </c>
      <c r="S10993">
        <v>14</v>
      </c>
      <c r="T10993">
        <v>14</v>
      </c>
      <c r="U10993">
        <v>15</v>
      </c>
      <c r="V10993">
        <v>15</v>
      </c>
      <c r="W10993">
        <v>15</v>
      </c>
      <c r="X10993">
        <v>15</v>
      </c>
      <c r="Y10993">
        <v>15</v>
      </c>
      <c r="Z10993">
        <v>15</v>
      </c>
      <c r="AA10993">
        <v>15</v>
      </c>
      <c r="AB10993">
        <v>15</v>
      </c>
      <c r="AC10993">
        <v>15</v>
      </c>
      <c r="AD10993">
        <v>15</v>
      </c>
      <c r="AE10993">
        <v>15</v>
      </c>
      <c r="AF10993">
        <v>15</v>
      </c>
      <c r="AG10993">
        <v>15</v>
      </c>
      <c r="AH10993">
        <v>15</v>
      </c>
      <c r="AI10993">
        <v>15</v>
      </c>
      <c r="AJ10993">
        <v>15</v>
      </c>
      <c r="AK10993">
        <v>15</v>
      </c>
      <c r="AL10993">
        <v>15</v>
      </c>
      <c r="AM10993">
        <v>15</v>
      </c>
      <c r="AN10993">
        <v>15</v>
      </c>
      <c r="AO10993">
        <v>15</v>
      </c>
      <c r="AP10993">
        <v>15</v>
      </c>
      <c r="AQ10993">
        <v>14</v>
      </c>
    </row>
    <row r="10994" spans="1:43">
      <c r="A10994" t="s">
        <v>6838</v>
      </c>
      <c r="B10994" t="s">
        <v>6839</v>
      </c>
      <c r="C10994" t="s">
        <v>6836</v>
      </c>
      <c r="D10994" t="s">
        <v>6837</v>
      </c>
      <c r="E10994" t="s">
        <v>6594</v>
      </c>
      <c r="F10994" t="s">
        <v>6595</v>
      </c>
      <c r="G10994" t="s">
        <v>80</v>
      </c>
      <c r="H10994" t="s">
        <v>81</v>
      </c>
      <c r="I10994" s="2">
        <v>0</v>
      </c>
      <c r="J10994" s="2">
        <v>1</v>
      </c>
      <c r="K10994" s="2">
        <v>0</v>
      </c>
      <c r="L10994" t="s">
        <v>82</v>
      </c>
      <c r="M10994" t="s">
        <v>83</v>
      </c>
      <c r="N10994" t="s">
        <v>84</v>
      </c>
      <c r="O10994" t="s">
        <v>85</v>
      </c>
      <c r="P10994" t="s">
        <v>86</v>
      </c>
      <c r="Q10994">
        <v>0</v>
      </c>
      <c r="R10994">
        <v>0</v>
      </c>
      <c r="S10994">
        <v>0</v>
      </c>
      <c r="T10994">
        <v>0</v>
      </c>
      <c r="U10994">
        <v>0</v>
      </c>
      <c r="V10994">
        <v>0</v>
      </c>
      <c r="W10994">
        <v>0</v>
      </c>
      <c r="X10994">
        <v>0</v>
      </c>
      <c r="Y10994">
        <v>0</v>
      </c>
      <c r="Z10994">
        <v>0</v>
      </c>
      <c r="AA10994">
        <v>0</v>
      </c>
      <c r="AB10994">
        <v>0</v>
      </c>
      <c r="AC10994">
        <v>0</v>
      </c>
      <c r="AD10994">
        <v>0</v>
      </c>
      <c r="AE10994">
        <v>0</v>
      </c>
      <c r="AF10994">
        <v>0</v>
      </c>
      <c r="AG10994">
        <v>0</v>
      </c>
      <c r="AH10994">
        <v>0</v>
      </c>
      <c r="AI10994">
        <v>0</v>
      </c>
      <c r="AJ10994">
        <v>0</v>
      </c>
      <c r="AK10994">
        <v>0</v>
      </c>
      <c r="AL10994">
        <v>0</v>
      </c>
      <c r="AM10994">
        <v>0</v>
      </c>
      <c r="AN10994">
        <v>0</v>
      </c>
      <c r="AO10994">
        <v>0</v>
      </c>
      <c r="AP10994">
        <v>0</v>
      </c>
      <c r="AQ10994">
        <v>0</v>
      </c>
    </row>
    <row r="10995" spans="1:43">
      <c r="A10995" t="s">
        <v>6838</v>
      </c>
      <c r="B10995" t="s">
        <v>6839</v>
      </c>
      <c r="C10995" t="s">
        <v>6836</v>
      </c>
      <c r="D10995" t="s">
        <v>6837</v>
      </c>
      <c r="E10995" t="s">
        <v>6594</v>
      </c>
      <c r="F10995" t="s">
        <v>6595</v>
      </c>
      <c r="G10995" t="s">
        <v>80</v>
      </c>
      <c r="H10995" t="s">
        <v>81</v>
      </c>
      <c r="I10995" s="2">
        <v>0</v>
      </c>
      <c r="J10995" s="2">
        <v>1</v>
      </c>
      <c r="K10995" s="2">
        <v>0</v>
      </c>
      <c r="L10995" t="s">
        <v>82</v>
      </c>
      <c r="M10995" t="s">
        <v>87</v>
      </c>
      <c r="N10995" t="s">
        <v>88</v>
      </c>
      <c r="O10995" t="s">
        <v>85</v>
      </c>
      <c r="P10995" t="s">
        <v>86</v>
      </c>
      <c r="Q10995">
        <v>0</v>
      </c>
      <c r="R10995">
        <v>0</v>
      </c>
      <c r="S10995">
        <v>0</v>
      </c>
      <c r="T10995">
        <v>0</v>
      </c>
      <c r="U10995">
        <v>0</v>
      </c>
      <c r="V10995">
        <v>0</v>
      </c>
      <c r="W10995">
        <v>0</v>
      </c>
      <c r="X10995">
        <v>0</v>
      </c>
      <c r="Y10995">
        <v>0</v>
      </c>
      <c r="Z10995">
        <v>0</v>
      </c>
      <c r="AA10995">
        <v>0</v>
      </c>
      <c r="AB10995">
        <v>0</v>
      </c>
      <c r="AC10995">
        <v>0</v>
      </c>
      <c r="AD10995">
        <v>0</v>
      </c>
      <c r="AE10995">
        <v>0</v>
      </c>
      <c r="AF10995">
        <v>0</v>
      </c>
      <c r="AG10995">
        <v>0</v>
      </c>
      <c r="AH10995">
        <v>0</v>
      </c>
      <c r="AI10995">
        <v>0</v>
      </c>
      <c r="AJ10995">
        <v>0</v>
      </c>
      <c r="AK10995">
        <v>0</v>
      </c>
      <c r="AL10995">
        <v>0</v>
      </c>
      <c r="AM10995">
        <v>0</v>
      </c>
      <c r="AN10995">
        <v>0</v>
      </c>
      <c r="AO10995">
        <v>0</v>
      </c>
      <c r="AP10995">
        <v>0</v>
      </c>
      <c r="AQ10995">
        <v>0</v>
      </c>
    </row>
    <row r="10996" spans="1:43">
      <c r="A10996" t="s">
        <v>6838</v>
      </c>
      <c r="B10996" t="s">
        <v>6839</v>
      </c>
      <c r="C10996" t="s">
        <v>6836</v>
      </c>
      <c r="D10996" t="s">
        <v>6837</v>
      </c>
      <c r="E10996" t="s">
        <v>6594</v>
      </c>
      <c r="F10996" t="s">
        <v>6595</v>
      </c>
      <c r="G10996" t="s">
        <v>80</v>
      </c>
      <c r="H10996" t="s">
        <v>81</v>
      </c>
      <c r="I10996" s="2">
        <v>0</v>
      </c>
      <c r="J10996" s="2">
        <v>1</v>
      </c>
      <c r="K10996" s="2">
        <v>0</v>
      </c>
      <c r="L10996" t="s">
        <v>82</v>
      </c>
      <c r="M10996" t="s">
        <v>89</v>
      </c>
      <c r="N10996" t="s">
        <v>90</v>
      </c>
      <c r="O10996" t="s">
        <v>85</v>
      </c>
      <c r="P10996" t="s">
        <v>86</v>
      </c>
      <c r="Q10996">
        <v>0</v>
      </c>
      <c r="R10996">
        <v>0</v>
      </c>
      <c r="S10996">
        <v>0</v>
      </c>
      <c r="T10996">
        <v>0</v>
      </c>
      <c r="U10996">
        <v>0</v>
      </c>
      <c r="V10996">
        <v>0</v>
      </c>
      <c r="W10996">
        <v>0</v>
      </c>
      <c r="X10996">
        <v>0</v>
      </c>
      <c r="Y10996">
        <v>0</v>
      </c>
      <c r="Z10996">
        <v>0</v>
      </c>
      <c r="AA10996">
        <v>0</v>
      </c>
      <c r="AB10996">
        <v>0</v>
      </c>
      <c r="AC10996">
        <v>0</v>
      </c>
      <c r="AD10996">
        <v>0</v>
      </c>
      <c r="AE10996">
        <v>0</v>
      </c>
      <c r="AF10996">
        <v>0</v>
      </c>
      <c r="AG10996">
        <v>0</v>
      </c>
      <c r="AH10996">
        <v>0</v>
      </c>
      <c r="AI10996">
        <v>0</v>
      </c>
      <c r="AJ10996">
        <v>0</v>
      </c>
      <c r="AK10996">
        <v>0</v>
      </c>
      <c r="AL10996">
        <v>0</v>
      </c>
      <c r="AM10996">
        <v>0</v>
      </c>
      <c r="AN10996">
        <v>0</v>
      </c>
      <c r="AO10996">
        <v>0</v>
      </c>
      <c r="AP10996">
        <v>0</v>
      </c>
      <c r="AQ10996">
        <v>0</v>
      </c>
    </row>
    <row r="10997" spans="1:43">
      <c r="A10997" t="s">
        <v>6838</v>
      </c>
      <c r="B10997" t="s">
        <v>6839</v>
      </c>
      <c r="C10997" t="s">
        <v>6836</v>
      </c>
      <c r="D10997" t="s">
        <v>6837</v>
      </c>
      <c r="E10997" t="s">
        <v>6594</v>
      </c>
      <c r="F10997" t="s">
        <v>6595</v>
      </c>
      <c r="G10997" t="s">
        <v>80</v>
      </c>
      <c r="H10997" t="s">
        <v>81</v>
      </c>
      <c r="I10997" s="2">
        <v>0</v>
      </c>
      <c r="J10997" s="2">
        <v>1</v>
      </c>
      <c r="K10997" s="2">
        <v>0</v>
      </c>
      <c r="L10997" t="s">
        <v>82</v>
      </c>
      <c r="M10997" t="s">
        <v>83</v>
      </c>
      <c r="N10997" t="s">
        <v>91</v>
      </c>
      <c r="O10997" t="s">
        <v>85</v>
      </c>
      <c r="P10997" t="s">
        <v>86</v>
      </c>
      <c r="Q10997">
        <v>0</v>
      </c>
      <c r="R10997">
        <v>0</v>
      </c>
      <c r="S10997">
        <v>0</v>
      </c>
      <c r="T10997">
        <v>0</v>
      </c>
      <c r="U10997">
        <v>0</v>
      </c>
      <c r="V10997">
        <v>0</v>
      </c>
      <c r="W10997">
        <v>0</v>
      </c>
      <c r="X10997">
        <v>0</v>
      </c>
      <c r="Y10997">
        <v>0</v>
      </c>
      <c r="Z10997">
        <v>0</v>
      </c>
      <c r="AA10997">
        <v>0</v>
      </c>
      <c r="AB10997">
        <v>0</v>
      </c>
      <c r="AC10997">
        <v>0</v>
      </c>
      <c r="AD10997">
        <v>0</v>
      </c>
      <c r="AE10997">
        <v>0</v>
      </c>
      <c r="AF10997">
        <v>0</v>
      </c>
      <c r="AG10997">
        <v>0</v>
      </c>
      <c r="AH10997">
        <v>0</v>
      </c>
      <c r="AI10997">
        <v>0</v>
      </c>
      <c r="AJ10997">
        <v>0</v>
      </c>
      <c r="AK10997">
        <v>0</v>
      </c>
      <c r="AL10997">
        <v>0</v>
      </c>
      <c r="AM10997">
        <v>0</v>
      </c>
      <c r="AN10997">
        <v>0</v>
      </c>
      <c r="AO10997">
        <v>0</v>
      </c>
      <c r="AP10997">
        <v>0</v>
      </c>
      <c r="AQ10997">
        <v>0</v>
      </c>
    </row>
    <row r="10998" spans="1:43">
      <c r="A10998" t="s">
        <v>6840</v>
      </c>
      <c r="B10998" t="s">
        <v>6841</v>
      </c>
      <c r="C10998" t="s">
        <v>6836</v>
      </c>
      <c r="D10998" t="s">
        <v>6837</v>
      </c>
      <c r="E10998" t="s">
        <v>6594</v>
      </c>
      <c r="F10998" t="s">
        <v>6595</v>
      </c>
      <c r="G10998" t="s">
        <v>80</v>
      </c>
      <c r="H10998" t="s">
        <v>81</v>
      </c>
      <c r="I10998" s="2">
        <v>0</v>
      </c>
      <c r="J10998" s="2">
        <v>1</v>
      </c>
      <c r="K10998" s="2">
        <v>0</v>
      </c>
      <c r="L10998" t="s">
        <v>82</v>
      </c>
      <c r="M10998" t="s">
        <v>83</v>
      </c>
      <c r="N10998" t="s">
        <v>84</v>
      </c>
      <c r="O10998" t="s">
        <v>85</v>
      </c>
      <c r="P10998" t="s">
        <v>86</v>
      </c>
      <c r="Q10998">
        <v>75</v>
      </c>
      <c r="R10998">
        <v>75</v>
      </c>
      <c r="S10998">
        <v>76</v>
      </c>
      <c r="T10998">
        <v>76</v>
      </c>
      <c r="U10998">
        <v>76</v>
      </c>
      <c r="V10998">
        <v>77</v>
      </c>
      <c r="W10998">
        <v>77</v>
      </c>
      <c r="X10998">
        <v>78</v>
      </c>
      <c r="Y10998">
        <v>78</v>
      </c>
      <c r="Z10998">
        <v>78</v>
      </c>
      <c r="AA10998">
        <v>78</v>
      </c>
      <c r="AB10998">
        <v>79</v>
      </c>
      <c r="AC10998">
        <v>79</v>
      </c>
      <c r="AD10998">
        <v>79</v>
      </c>
      <c r="AE10998">
        <v>79</v>
      </c>
      <c r="AF10998">
        <v>79</v>
      </c>
      <c r="AG10998">
        <v>79</v>
      </c>
      <c r="AH10998">
        <v>79</v>
      </c>
      <c r="AI10998">
        <v>79</v>
      </c>
      <c r="AJ10998">
        <v>79</v>
      </c>
      <c r="AK10998">
        <v>79</v>
      </c>
      <c r="AL10998">
        <v>79</v>
      </c>
      <c r="AM10998">
        <v>78</v>
      </c>
      <c r="AN10998">
        <v>78</v>
      </c>
      <c r="AO10998">
        <v>77</v>
      </c>
      <c r="AP10998">
        <v>76</v>
      </c>
      <c r="AQ10998">
        <v>76</v>
      </c>
    </row>
    <row r="10999" spans="1:43">
      <c r="A10999" t="s">
        <v>6840</v>
      </c>
      <c r="B10999" t="s">
        <v>6841</v>
      </c>
      <c r="C10999" t="s">
        <v>6836</v>
      </c>
      <c r="D10999" t="s">
        <v>6837</v>
      </c>
      <c r="E10999" t="s">
        <v>6594</v>
      </c>
      <c r="F10999" t="s">
        <v>6595</v>
      </c>
      <c r="G10999" t="s">
        <v>80</v>
      </c>
      <c r="H10999" t="s">
        <v>81</v>
      </c>
      <c r="I10999" s="2">
        <v>0</v>
      </c>
      <c r="J10999" s="2">
        <v>1</v>
      </c>
      <c r="K10999" s="2">
        <v>0</v>
      </c>
      <c r="L10999" t="s">
        <v>82</v>
      </c>
      <c r="M10999" t="s">
        <v>87</v>
      </c>
      <c r="N10999" t="s">
        <v>88</v>
      </c>
      <c r="O10999" t="s">
        <v>85</v>
      </c>
      <c r="P10999" t="s">
        <v>86</v>
      </c>
      <c r="Q10999">
        <v>75</v>
      </c>
      <c r="R10999">
        <v>75</v>
      </c>
      <c r="S10999">
        <v>75</v>
      </c>
      <c r="T10999">
        <v>74</v>
      </c>
      <c r="U10999">
        <v>74</v>
      </c>
      <c r="V10999">
        <v>74</v>
      </c>
      <c r="W10999">
        <v>74</v>
      </c>
      <c r="X10999">
        <v>73</v>
      </c>
      <c r="Y10999">
        <v>73</v>
      </c>
      <c r="Z10999">
        <v>73</v>
      </c>
      <c r="AA10999">
        <v>72</v>
      </c>
      <c r="AB10999">
        <v>72</v>
      </c>
      <c r="AC10999">
        <v>72</v>
      </c>
      <c r="AD10999">
        <v>71</v>
      </c>
      <c r="AE10999">
        <v>71</v>
      </c>
      <c r="AF10999">
        <v>71</v>
      </c>
      <c r="AG10999">
        <v>70</v>
      </c>
      <c r="AH10999">
        <v>70</v>
      </c>
      <c r="AI10999">
        <v>70</v>
      </c>
      <c r="AJ10999">
        <v>69</v>
      </c>
      <c r="AK10999">
        <v>69</v>
      </c>
      <c r="AL10999">
        <v>69</v>
      </c>
      <c r="AM10999">
        <v>68</v>
      </c>
      <c r="AN10999">
        <v>68</v>
      </c>
      <c r="AO10999">
        <v>67</v>
      </c>
      <c r="AP10999">
        <v>67</v>
      </c>
      <c r="AQ10999">
        <v>67</v>
      </c>
    </row>
    <row r="11000" spans="1:43">
      <c r="A11000" t="s">
        <v>6840</v>
      </c>
      <c r="B11000" t="s">
        <v>6841</v>
      </c>
      <c r="C11000" t="s">
        <v>6836</v>
      </c>
      <c r="D11000" t="s">
        <v>6837</v>
      </c>
      <c r="E11000" t="s">
        <v>6594</v>
      </c>
      <c r="F11000" t="s">
        <v>6595</v>
      </c>
      <c r="G11000" t="s">
        <v>80</v>
      </c>
      <c r="H11000" t="s">
        <v>81</v>
      </c>
      <c r="I11000" s="2">
        <v>0</v>
      </c>
      <c r="J11000" s="2">
        <v>1</v>
      </c>
      <c r="K11000" s="2">
        <v>0</v>
      </c>
      <c r="L11000" t="s">
        <v>82</v>
      </c>
      <c r="M11000" t="s">
        <v>89</v>
      </c>
      <c r="N11000" t="s">
        <v>90</v>
      </c>
      <c r="O11000" t="s">
        <v>85</v>
      </c>
      <c r="P11000" t="s">
        <v>86</v>
      </c>
      <c r="Q11000">
        <v>75</v>
      </c>
      <c r="R11000">
        <v>76</v>
      </c>
      <c r="S11000">
        <v>77</v>
      </c>
      <c r="T11000">
        <v>79</v>
      </c>
      <c r="U11000">
        <v>80</v>
      </c>
      <c r="V11000">
        <v>80</v>
      </c>
      <c r="W11000">
        <v>81</v>
      </c>
      <c r="X11000">
        <v>82</v>
      </c>
      <c r="Y11000">
        <v>83</v>
      </c>
      <c r="Z11000">
        <v>83</v>
      </c>
      <c r="AA11000">
        <v>83</v>
      </c>
      <c r="AB11000">
        <v>84</v>
      </c>
      <c r="AC11000">
        <v>84</v>
      </c>
      <c r="AD11000">
        <v>85</v>
      </c>
      <c r="AE11000">
        <v>85</v>
      </c>
      <c r="AF11000">
        <v>84</v>
      </c>
      <c r="AG11000">
        <v>83</v>
      </c>
      <c r="AH11000">
        <v>83</v>
      </c>
      <c r="AI11000">
        <v>82</v>
      </c>
      <c r="AJ11000">
        <v>81</v>
      </c>
      <c r="AK11000">
        <v>80</v>
      </c>
      <c r="AL11000">
        <v>80</v>
      </c>
      <c r="AM11000">
        <v>79</v>
      </c>
      <c r="AN11000">
        <v>79</v>
      </c>
      <c r="AO11000">
        <v>78</v>
      </c>
      <c r="AP11000">
        <v>77</v>
      </c>
      <c r="AQ11000">
        <v>77</v>
      </c>
    </row>
    <row r="11001" spans="1:43">
      <c r="A11001" t="s">
        <v>6840</v>
      </c>
      <c r="B11001" t="s">
        <v>6841</v>
      </c>
      <c r="C11001" t="s">
        <v>6836</v>
      </c>
      <c r="D11001" t="s">
        <v>6837</v>
      </c>
      <c r="E11001" t="s">
        <v>6594</v>
      </c>
      <c r="F11001" t="s">
        <v>6595</v>
      </c>
      <c r="G11001" t="s">
        <v>80</v>
      </c>
      <c r="H11001" t="s">
        <v>81</v>
      </c>
      <c r="I11001" s="2">
        <v>0</v>
      </c>
      <c r="J11001" s="2">
        <v>1</v>
      </c>
      <c r="K11001" s="2">
        <v>0</v>
      </c>
      <c r="L11001" t="s">
        <v>82</v>
      </c>
      <c r="M11001" t="s">
        <v>83</v>
      </c>
      <c r="N11001" t="s">
        <v>91</v>
      </c>
      <c r="O11001" t="s">
        <v>85</v>
      </c>
      <c r="P11001" t="s">
        <v>86</v>
      </c>
      <c r="Q11001">
        <v>75</v>
      </c>
      <c r="R11001">
        <v>75</v>
      </c>
      <c r="S11001">
        <v>76</v>
      </c>
      <c r="T11001">
        <v>76</v>
      </c>
      <c r="U11001">
        <v>76</v>
      </c>
      <c r="V11001">
        <v>77</v>
      </c>
      <c r="W11001">
        <v>77</v>
      </c>
      <c r="X11001">
        <v>78</v>
      </c>
      <c r="Y11001">
        <v>78</v>
      </c>
      <c r="Z11001">
        <v>78</v>
      </c>
      <c r="AA11001">
        <v>78</v>
      </c>
      <c r="AB11001">
        <v>79</v>
      </c>
      <c r="AC11001">
        <v>79</v>
      </c>
      <c r="AD11001">
        <v>79</v>
      </c>
      <c r="AE11001">
        <v>79</v>
      </c>
      <c r="AF11001">
        <v>79</v>
      </c>
      <c r="AG11001">
        <v>79</v>
      </c>
      <c r="AH11001">
        <v>79</v>
      </c>
      <c r="AI11001">
        <v>79</v>
      </c>
      <c r="AJ11001">
        <v>79</v>
      </c>
      <c r="AK11001">
        <v>79</v>
      </c>
      <c r="AL11001">
        <v>79</v>
      </c>
      <c r="AM11001">
        <v>78</v>
      </c>
      <c r="AN11001">
        <v>78</v>
      </c>
      <c r="AO11001">
        <v>77</v>
      </c>
      <c r="AP11001">
        <v>76</v>
      </c>
      <c r="AQ11001">
        <v>76</v>
      </c>
    </row>
    <row r="11002" spans="1:43">
      <c r="A11002" t="s">
        <v>6842</v>
      </c>
      <c r="B11002" t="s">
        <v>6843</v>
      </c>
      <c r="C11002" t="s">
        <v>6844</v>
      </c>
      <c r="D11002" t="s">
        <v>6845</v>
      </c>
      <c r="E11002" t="s">
        <v>6594</v>
      </c>
      <c r="F11002" t="s">
        <v>6595</v>
      </c>
      <c r="G11002" t="s">
        <v>80</v>
      </c>
      <c r="H11002" t="s">
        <v>81</v>
      </c>
      <c r="I11002" s="2">
        <v>0</v>
      </c>
      <c r="J11002" s="2">
        <v>1</v>
      </c>
      <c r="K11002" s="2">
        <v>0</v>
      </c>
      <c r="L11002" t="s">
        <v>82</v>
      </c>
      <c r="M11002" t="s">
        <v>83</v>
      </c>
      <c r="N11002" t="s">
        <v>84</v>
      </c>
      <c r="O11002" t="s">
        <v>85</v>
      </c>
      <c r="P11002" t="s">
        <v>86</v>
      </c>
      <c r="Q11002">
        <v>89</v>
      </c>
      <c r="R11002">
        <v>89</v>
      </c>
      <c r="S11002">
        <v>90</v>
      </c>
      <c r="T11002">
        <v>90</v>
      </c>
      <c r="U11002">
        <v>91</v>
      </c>
      <c r="V11002">
        <v>91</v>
      </c>
      <c r="W11002">
        <v>92</v>
      </c>
      <c r="X11002">
        <v>92</v>
      </c>
      <c r="Y11002">
        <v>92</v>
      </c>
      <c r="Z11002">
        <v>92</v>
      </c>
      <c r="AA11002">
        <v>93</v>
      </c>
      <c r="AB11002">
        <v>93</v>
      </c>
      <c r="AC11002">
        <v>93</v>
      </c>
      <c r="AD11002">
        <v>93</v>
      </c>
      <c r="AE11002">
        <v>93</v>
      </c>
      <c r="AF11002">
        <v>93</v>
      </c>
      <c r="AG11002">
        <v>93</v>
      </c>
      <c r="AH11002">
        <v>93</v>
      </c>
      <c r="AI11002">
        <v>93</v>
      </c>
      <c r="AJ11002">
        <v>93</v>
      </c>
      <c r="AK11002">
        <v>93</v>
      </c>
      <c r="AL11002">
        <v>92</v>
      </c>
      <c r="AM11002">
        <v>92</v>
      </c>
      <c r="AN11002">
        <v>91</v>
      </c>
      <c r="AO11002">
        <v>90</v>
      </c>
      <c r="AP11002">
        <v>89</v>
      </c>
      <c r="AQ11002">
        <v>88</v>
      </c>
    </row>
    <row r="11003" spans="1:43">
      <c r="A11003" t="s">
        <v>6842</v>
      </c>
      <c r="B11003" t="s">
        <v>6843</v>
      </c>
      <c r="C11003" t="s">
        <v>6844</v>
      </c>
      <c r="D11003" t="s">
        <v>6845</v>
      </c>
      <c r="E11003" t="s">
        <v>6594</v>
      </c>
      <c r="F11003" t="s">
        <v>6595</v>
      </c>
      <c r="G11003" t="s">
        <v>80</v>
      </c>
      <c r="H11003" t="s">
        <v>81</v>
      </c>
      <c r="I11003" s="2">
        <v>0</v>
      </c>
      <c r="J11003" s="2">
        <v>1</v>
      </c>
      <c r="K11003" s="2">
        <v>0</v>
      </c>
      <c r="L11003" t="s">
        <v>82</v>
      </c>
      <c r="M11003" t="s">
        <v>87</v>
      </c>
      <c r="N11003" t="s">
        <v>88</v>
      </c>
      <c r="O11003" t="s">
        <v>85</v>
      </c>
      <c r="P11003" t="s">
        <v>86</v>
      </c>
      <c r="Q11003">
        <v>89</v>
      </c>
      <c r="R11003">
        <v>89</v>
      </c>
      <c r="S11003">
        <v>88</v>
      </c>
      <c r="T11003">
        <v>88</v>
      </c>
      <c r="U11003">
        <v>88</v>
      </c>
      <c r="V11003">
        <v>87</v>
      </c>
      <c r="W11003">
        <v>87</v>
      </c>
      <c r="X11003">
        <v>87</v>
      </c>
      <c r="Y11003">
        <v>86</v>
      </c>
      <c r="Z11003">
        <v>86</v>
      </c>
      <c r="AA11003">
        <v>85</v>
      </c>
      <c r="AB11003">
        <v>85</v>
      </c>
      <c r="AC11003">
        <v>84</v>
      </c>
      <c r="AD11003">
        <v>84</v>
      </c>
      <c r="AE11003">
        <v>83</v>
      </c>
      <c r="AF11003">
        <v>83</v>
      </c>
      <c r="AG11003">
        <v>82</v>
      </c>
      <c r="AH11003">
        <v>82</v>
      </c>
      <c r="AI11003">
        <v>81</v>
      </c>
      <c r="AJ11003">
        <v>81</v>
      </c>
      <c r="AK11003">
        <v>80</v>
      </c>
      <c r="AL11003">
        <v>80</v>
      </c>
      <c r="AM11003">
        <v>79</v>
      </c>
      <c r="AN11003">
        <v>79</v>
      </c>
      <c r="AO11003">
        <v>78</v>
      </c>
      <c r="AP11003">
        <v>78</v>
      </c>
      <c r="AQ11003">
        <v>77</v>
      </c>
    </row>
    <row r="11004" spans="1:43">
      <c r="A11004" t="s">
        <v>6842</v>
      </c>
      <c r="B11004" t="s">
        <v>6843</v>
      </c>
      <c r="C11004" t="s">
        <v>6844</v>
      </c>
      <c r="D11004" t="s">
        <v>6845</v>
      </c>
      <c r="E11004" t="s">
        <v>6594</v>
      </c>
      <c r="F11004" t="s">
        <v>6595</v>
      </c>
      <c r="G11004" t="s">
        <v>80</v>
      </c>
      <c r="H11004" t="s">
        <v>81</v>
      </c>
      <c r="I11004" s="2">
        <v>0</v>
      </c>
      <c r="J11004" s="2">
        <v>1</v>
      </c>
      <c r="K11004" s="2">
        <v>0</v>
      </c>
      <c r="L11004" t="s">
        <v>82</v>
      </c>
      <c r="M11004" t="s">
        <v>89</v>
      </c>
      <c r="N11004" t="s">
        <v>90</v>
      </c>
      <c r="O11004" t="s">
        <v>85</v>
      </c>
      <c r="P11004" t="s">
        <v>86</v>
      </c>
      <c r="Q11004">
        <v>89</v>
      </c>
      <c r="R11004">
        <v>90</v>
      </c>
      <c r="S11004">
        <v>91</v>
      </c>
      <c r="T11004">
        <v>92</v>
      </c>
      <c r="U11004">
        <v>93</v>
      </c>
      <c r="V11004">
        <v>94</v>
      </c>
      <c r="W11004">
        <v>95</v>
      </c>
      <c r="X11004">
        <v>96</v>
      </c>
      <c r="Y11004">
        <v>97</v>
      </c>
      <c r="Z11004">
        <v>97</v>
      </c>
      <c r="AA11004">
        <v>98</v>
      </c>
      <c r="AB11004">
        <v>98</v>
      </c>
      <c r="AC11004">
        <v>99</v>
      </c>
      <c r="AD11004">
        <v>99</v>
      </c>
      <c r="AE11004">
        <v>99</v>
      </c>
      <c r="AF11004">
        <v>98</v>
      </c>
      <c r="AG11004">
        <v>97</v>
      </c>
      <c r="AH11004">
        <v>96</v>
      </c>
      <c r="AI11004">
        <v>95</v>
      </c>
      <c r="AJ11004">
        <v>94</v>
      </c>
      <c r="AK11004">
        <v>93</v>
      </c>
      <c r="AL11004">
        <v>93</v>
      </c>
      <c r="AM11004">
        <v>92</v>
      </c>
      <c r="AN11004">
        <v>91</v>
      </c>
      <c r="AO11004">
        <v>90</v>
      </c>
      <c r="AP11004">
        <v>89</v>
      </c>
      <c r="AQ11004">
        <v>88</v>
      </c>
    </row>
    <row r="11005" spans="1:43">
      <c r="A11005" t="s">
        <v>6842</v>
      </c>
      <c r="B11005" t="s">
        <v>6843</v>
      </c>
      <c r="C11005" t="s">
        <v>6844</v>
      </c>
      <c r="D11005" t="s">
        <v>6845</v>
      </c>
      <c r="E11005" t="s">
        <v>6594</v>
      </c>
      <c r="F11005" t="s">
        <v>6595</v>
      </c>
      <c r="G11005" t="s">
        <v>80</v>
      </c>
      <c r="H11005" t="s">
        <v>81</v>
      </c>
      <c r="I11005" s="2">
        <v>0</v>
      </c>
      <c r="J11005" s="2">
        <v>1</v>
      </c>
      <c r="K11005" s="2">
        <v>0</v>
      </c>
      <c r="L11005" t="s">
        <v>82</v>
      </c>
      <c r="M11005" t="s">
        <v>83</v>
      </c>
      <c r="N11005" t="s">
        <v>91</v>
      </c>
      <c r="O11005" t="s">
        <v>85</v>
      </c>
      <c r="P11005" t="s">
        <v>86</v>
      </c>
      <c r="Q11005">
        <v>89</v>
      </c>
      <c r="R11005">
        <v>89</v>
      </c>
      <c r="S11005">
        <v>90</v>
      </c>
      <c r="T11005">
        <v>90</v>
      </c>
      <c r="U11005">
        <v>91</v>
      </c>
      <c r="V11005">
        <v>91</v>
      </c>
      <c r="W11005">
        <v>92</v>
      </c>
      <c r="X11005">
        <v>92</v>
      </c>
      <c r="Y11005">
        <v>92</v>
      </c>
      <c r="Z11005">
        <v>92</v>
      </c>
      <c r="AA11005">
        <v>93</v>
      </c>
      <c r="AB11005">
        <v>93</v>
      </c>
      <c r="AC11005">
        <v>93</v>
      </c>
      <c r="AD11005">
        <v>93</v>
      </c>
      <c r="AE11005">
        <v>93</v>
      </c>
      <c r="AF11005">
        <v>93</v>
      </c>
      <c r="AG11005">
        <v>93</v>
      </c>
      <c r="AH11005">
        <v>93</v>
      </c>
      <c r="AI11005">
        <v>93</v>
      </c>
      <c r="AJ11005">
        <v>93</v>
      </c>
      <c r="AK11005">
        <v>93</v>
      </c>
      <c r="AL11005">
        <v>92</v>
      </c>
      <c r="AM11005">
        <v>92</v>
      </c>
      <c r="AN11005">
        <v>91</v>
      </c>
      <c r="AO11005">
        <v>90</v>
      </c>
      <c r="AP11005">
        <v>89</v>
      </c>
      <c r="AQ11005">
        <v>88</v>
      </c>
    </row>
    <row r="11006" spans="1:43">
      <c r="A11006" t="s">
        <v>6846</v>
      </c>
      <c r="B11006" t="s">
        <v>6847</v>
      </c>
      <c r="C11006" t="s">
        <v>6848</v>
      </c>
      <c r="D11006" t="s">
        <v>6849</v>
      </c>
      <c r="E11006" t="s">
        <v>6594</v>
      </c>
      <c r="F11006" t="s">
        <v>6595</v>
      </c>
      <c r="G11006" t="s">
        <v>80</v>
      </c>
      <c r="H11006" t="s">
        <v>81</v>
      </c>
      <c r="I11006" s="2">
        <v>0</v>
      </c>
      <c r="J11006" s="2">
        <v>1</v>
      </c>
      <c r="K11006" s="2">
        <v>0</v>
      </c>
      <c r="L11006" t="s">
        <v>82</v>
      </c>
      <c r="M11006" t="s">
        <v>83</v>
      </c>
      <c r="N11006" t="s">
        <v>84</v>
      </c>
      <c r="O11006" t="s">
        <v>85</v>
      </c>
      <c r="P11006" t="s">
        <v>86</v>
      </c>
      <c r="Q11006">
        <v>43</v>
      </c>
      <c r="R11006">
        <v>43</v>
      </c>
      <c r="S11006">
        <v>44</v>
      </c>
      <c r="T11006">
        <v>44</v>
      </c>
      <c r="U11006">
        <v>44</v>
      </c>
      <c r="V11006">
        <v>44</v>
      </c>
      <c r="W11006">
        <v>45</v>
      </c>
      <c r="X11006">
        <v>45</v>
      </c>
      <c r="Y11006">
        <v>45</v>
      </c>
      <c r="Z11006">
        <v>45</v>
      </c>
      <c r="AA11006">
        <v>45</v>
      </c>
      <c r="AB11006">
        <v>45</v>
      </c>
      <c r="AC11006">
        <v>45</v>
      </c>
      <c r="AD11006">
        <v>46</v>
      </c>
      <c r="AE11006">
        <v>46</v>
      </c>
      <c r="AF11006">
        <v>46</v>
      </c>
      <c r="AG11006">
        <v>46</v>
      </c>
      <c r="AH11006">
        <v>46</v>
      </c>
      <c r="AI11006">
        <v>46</v>
      </c>
      <c r="AJ11006">
        <v>46</v>
      </c>
      <c r="AK11006">
        <v>46</v>
      </c>
      <c r="AL11006">
        <v>46</v>
      </c>
      <c r="AM11006">
        <v>45</v>
      </c>
      <c r="AN11006">
        <v>45</v>
      </c>
      <c r="AO11006">
        <v>44</v>
      </c>
      <c r="AP11006">
        <v>44</v>
      </c>
      <c r="AQ11006">
        <v>44</v>
      </c>
    </row>
    <row r="11007" spans="1:43">
      <c r="A11007" t="s">
        <v>6846</v>
      </c>
      <c r="B11007" t="s">
        <v>6847</v>
      </c>
      <c r="C11007" t="s">
        <v>6848</v>
      </c>
      <c r="D11007" t="s">
        <v>6849</v>
      </c>
      <c r="E11007" t="s">
        <v>6594</v>
      </c>
      <c r="F11007" t="s">
        <v>6595</v>
      </c>
      <c r="G11007" t="s">
        <v>80</v>
      </c>
      <c r="H11007" t="s">
        <v>81</v>
      </c>
      <c r="I11007" s="2">
        <v>0</v>
      </c>
      <c r="J11007" s="2">
        <v>1</v>
      </c>
      <c r="K11007" s="2">
        <v>0</v>
      </c>
      <c r="L11007" t="s">
        <v>82</v>
      </c>
      <c r="M11007" t="s">
        <v>87</v>
      </c>
      <c r="N11007" t="s">
        <v>88</v>
      </c>
      <c r="O11007" t="s">
        <v>85</v>
      </c>
      <c r="P11007" t="s">
        <v>86</v>
      </c>
      <c r="Q11007">
        <v>43</v>
      </c>
      <c r="R11007">
        <v>42</v>
      </c>
      <c r="S11007">
        <v>42</v>
      </c>
      <c r="T11007">
        <v>42</v>
      </c>
      <c r="U11007">
        <v>42</v>
      </c>
      <c r="V11007">
        <v>42</v>
      </c>
      <c r="W11007">
        <v>42</v>
      </c>
      <c r="X11007">
        <v>42</v>
      </c>
      <c r="Y11007">
        <v>42</v>
      </c>
      <c r="Z11007">
        <v>41</v>
      </c>
      <c r="AA11007">
        <v>41</v>
      </c>
      <c r="AB11007">
        <v>41</v>
      </c>
      <c r="AC11007">
        <v>41</v>
      </c>
      <c r="AD11007">
        <v>41</v>
      </c>
      <c r="AE11007">
        <v>40</v>
      </c>
      <c r="AF11007">
        <v>40</v>
      </c>
      <c r="AG11007">
        <v>40</v>
      </c>
      <c r="AH11007">
        <v>40</v>
      </c>
      <c r="AI11007">
        <v>40</v>
      </c>
      <c r="AJ11007">
        <v>39</v>
      </c>
      <c r="AK11007">
        <v>39</v>
      </c>
      <c r="AL11007">
        <v>39</v>
      </c>
      <c r="AM11007">
        <v>39</v>
      </c>
      <c r="AN11007">
        <v>39</v>
      </c>
      <c r="AO11007">
        <v>38</v>
      </c>
      <c r="AP11007">
        <v>38</v>
      </c>
      <c r="AQ11007">
        <v>38</v>
      </c>
    </row>
    <row r="11008" spans="1:43">
      <c r="A11008" t="s">
        <v>6846</v>
      </c>
      <c r="B11008" t="s">
        <v>6847</v>
      </c>
      <c r="C11008" t="s">
        <v>6848</v>
      </c>
      <c r="D11008" t="s">
        <v>6849</v>
      </c>
      <c r="E11008" t="s">
        <v>6594</v>
      </c>
      <c r="F11008" t="s">
        <v>6595</v>
      </c>
      <c r="G11008" t="s">
        <v>80</v>
      </c>
      <c r="H11008" t="s">
        <v>81</v>
      </c>
      <c r="I11008" s="2">
        <v>0</v>
      </c>
      <c r="J11008" s="2">
        <v>1</v>
      </c>
      <c r="K11008" s="2">
        <v>0</v>
      </c>
      <c r="L11008" t="s">
        <v>82</v>
      </c>
      <c r="M11008" t="s">
        <v>89</v>
      </c>
      <c r="N11008" t="s">
        <v>90</v>
      </c>
      <c r="O11008" t="s">
        <v>85</v>
      </c>
      <c r="P11008" t="s">
        <v>86</v>
      </c>
      <c r="Q11008">
        <v>43</v>
      </c>
      <c r="R11008">
        <v>44</v>
      </c>
      <c r="S11008">
        <v>45</v>
      </c>
      <c r="T11008">
        <v>45</v>
      </c>
      <c r="U11008">
        <v>46</v>
      </c>
      <c r="V11008">
        <v>46</v>
      </c>
      <c r="W11008">
        <v>47</v>
      </c>
      <c r="X11008">
        <v>47</v>
      </c>
      <c r="Y11008">
        <v>48</v>
      </c>
      <c r="Z11008">
        <v>48</v>
      </c>
      <c r="AA11008">
        <v>48</v>
      </c>
      <c r="AB11008">
        <v>48</v>
      </c>
      <c r="AC11008">
        <v>49</v>
      </c>
      <c r="AD11008">
        <v>49</v>
      </c>
      <c r="AE11008">
        <v>49</v>
      </c>
      <c r="AF11008">
        <v>48</v>
      </c>
      <c r="AG11008">
        <v>48</v>
      </c>
      <c r="AH11008">
        <v>48</v>
      </c>
      <c r="AI11008">
        <v>47</v>
      </c>
      <c r="AJ11008">
        <v>47</v>
      </c>
      <c r="AK11008">
        <v>46</v>
      </c>
      <c r="AL11008">
        <v>46</v>
      </c>
      <c r="AM11008">
        <v>46</v>
      </c>
      <c r="AN11008">
        <v>45</v>
      </c>
      <c r="AO11008">
        <v>45</v>
      </c>
      <c r="AP11008">
        <v>45</v>
      </c>
      <c r="AQ11008">
        <v>44</v>
      </c>
    </row>
    <row r="11009" spans="1:43">
      <c r="A11009" t="s">
        <v>6846</v>
      </c>
      <c r="B11009" t="s">
        <v>6847</v>
      </c>
      <c r="C11009" t="s">
        <v>6848</v>
      </c>
      <c r="D11009" t="s">
        <v>6849</v>
      </c>
      <c r="E11009" t="s">
        <v>6594</v>
      </c>
      <c r="F11009" t="s">
        <v>6595</v>
      </c>
      <c r="G11009" t="s">
        <v>80</v>
      </c>
      <c r="H11009" t="s">
        <v>81</v>
      </c>
      <c r="I11009" s="2">
        <v>0</v>
      </c>
      <c r="J11009" s="2">
        <v>1</v>
      </c>
      <c r="K11009" s="2">
        <v>0</v>
      </c>
      <c r="L11009" t="s">
        <v>82</v>
      </c>
      <c r="M11009" t="s">
        <v>83</v>
      </c>
      <c r="N11009" t="s">
        <v>91</v>
      </c>
      <c r="O11009" t="s">
        <v>85</v>
      </c>
      <c r="P11009" t="s">
        <v>86</v>
      </c>
      <c r="Q11009">
        <v>43</v>
      </c>
      <c r="R11009">
        <v>43</v>
      </c>
      <c r="S11009">
        <v>44</v>
      </c>
      <c r="T11009">
        <v>44</v>
      </c>
      <c r="U11009">
        <v>44</v>
      </c>
      <c r="V11009">
        <v>44</v>
      </c>
      <c r="W11009">
        <v>45</v>
      </c>
      <c r="X11009">
        <v>45</v>
      </c>
      <c r="Y11009">
        <v>45</v>
      </c>
      <c r="Z11009">
        <v>45</v>
      </c>
      <c r="AA11009">
        <v>45</v>
      </c>
      <c r="AB11009">
        <v>45</v>
      </c>
      <c r="AC11009">
        <v>45</v>
      </c>
      <c r="AD11009">
        <v>46</v>
      </c>
      <c r="AE11009">
        <v>46</v>
      </c>
      <c r="AF11009">
        <v>46</v>
      </c>
      <c r="AG11009">
        <v>46</v>
      </c>
      <c r="AH11009">
        <v>46</v>
      </c>
      <c r="AI11009">
        <v>46</v>
      </c>
      <c r="AJ11009">
        <v>46</v>
      </c>
      <c r="AK11009">
        <v>46</v>
      </c>
      <c r="AL11009">
        <v>46</v>
      </c>
      <c r="AM11009">
        <v>45</v>
      </c>
      <c r="AN11009">
        <v>45</v>
      </c>
      <c r="AO11009">
        <v>44</v>
      </c>
      <c r="AP11009">
        <v>44</v>
      </c>
      <c r="AQ11009">
        <v>44</v>
      </c>
    </row>
    <row r="11010" spans="1:43">
      <c r="A11010" t="s">
        <v>6850</v>
      </c>
      <c r="B11010" t="s">
        <v>6851</v>
      </c>
      <c r="C11010" t="s">
        <v>6844</v>
      </c>
      <c r="D11010" t="s">
        <v>6845</v>
      </c>
      <c r="E11010" t="s">
        <v>6594</v>
      </c>
      <c r="F11010" t="s">
        <v>6595</v>
      </c>
      <c r="G11010" t="s">
        <v>80</v>
      </c>
      <c r="H11010" t="s">
        <v>81</v>
      </c>
      <c r="I11010" s="2">
        <v>0</v>
      </c>
      <c r="J11010" s="2">
        <v>1</v>
      </c>
      <c r="K11010" s="2">
        <v>0</v>
      </c>
      <c r="L11010" t="s">
        <v>82</v>
      </c>
      <c r="M11010" t="s">
        <v>83</v>
      </c>
      <c r="N11010" t="s">
        <v>84</v>
      </c>
      <c r="O11010" t="s">
        <v>85</v>
      </c>
      <c r="P11010" t="s">
        <v>86</v>
      </c>
      <c r="Q11010">
        <v>71</v>
      </c>
      <c r="R11010">
        <v>72</v>
      </c>
      <c r="S11010">
        <v>72</v>
      </c>
      <c r="T11010">
        <v>72</v>
      </c>
      <c r="U11010">
        <v>73</v>
      </c>
      <c r="V11010">
        <v>73</v>
      </c>
      <c r="W11010">
        <v>73</v>
      </c>
      <c r="X11010">
        <v>74</v>
      </c>
      <c r="Y11010">
        <v>74</v>
      </c>
      <c r="Z11010">
        <v>74</v>
      </c>
      <c r="AA11010">
        <v>74</v>
      </c>
      <c r="AB11010">
        <v>74</v>
      </c>
      <c r="AC11010">
        <v>74</v>
      </c>
      <c r="AD11010">
        <v>74</v>
      </c>
      <c r="AE11010">
        <v>75</v>
      </c>
      <c r="AF11010">
        <v>75</v>
      </c>
      <c r="AG11010">
        <v>75</v>
      </c>
      <c r="AH11010">
        <v>75</v>
      </c>
      <c r="AI11010">
        <v>75</v>
      </c>
      <c r="AJ11010">
        <v>74</v>
      </c>
      <c r="AK11010">
        <v>74</v>
      </c>
      <c r="AL11010">
        <v>74</v>
      </c>
      <c r="AM11010">
        <v>73</v>
      </c>
      <c r="AN11010">
        <v>73</v>
      </c>
      <c r="AO11010">
        <v>72</v>
      </c>
      <c r="AP11010">
        <v>71</v>
      </c>
      <c r="AQ11010">
        <v>71</v>
      </c>
    </row>
    <row r="11011" spans="1:43">
      <c r="A11011" t="s">
        <v>6850</v>
      </c>
      <c r="B11011" t="s">
        <v>6851</v>
      </c>
      <c r="C11011" t="s">
        <v>6844</v>
      </c>
      <c r="D11011" t="s">
        <v>6845</v>
      </c>
      <c r="E11011" t="s">
        <v>6594</v>
      </c>
      <c r="F11011" t="s">
        <v>6595</v>
      </c>
      <c r="G11011" t="s">
        <v>80</v>
      </c>
      <c r="H11011" t="s">
        <v>81</v>
      </c>
      <c r="I11011" s="2">
        <v>0</v>
      </c>
      <c r="J11011" s="2">
        <v>1</v>
      </c>
      <c r="K11011" s="2">
        <v>0</v>
      </c>
      <c r="L11011" t="s">
        <v>82</v>
      </c>
      <c r="M11011" t="s">
        <v>87</v>
      </c>
      <c r="N11011" t="s">
        <v>88</v>
      </c>
      <c r="O11011" t="s">
        <v>85</v>
      </c>
      <c r="P11011" t="s">
        <v>86</v>
      </c>
      <c r="Q11011">
        <v>71</v>
      </c>
      <c r="R11011">
        <v>70</v>
      </c>
      <c r="S11011">
        <v>70</v>
      </c>
      <c r="T11011">
        <v>70</v>
      </c>
      <c r="U11011">
        <v>70</v>
      </c>
      <c r="V11011">
        <v>69</v>
      </c>
      <c r="W11011">
        <v>69</v>
      </c>
      <c r="X11011">
        <v>69</v>
      </c>
      <c r="Y11011">
        <v>68</v>
      </c>
      <c r="Z11011">
        <v>68</v>
      </c>
      <c r="AA11011">
        <v>68</v>
      </c>
      <c r="AB11011">
        <v>67</v>
      </c>
      <c r="AC11011">
        <v>67</v>
      </c>
      <c r="AD11011">
        <v>66</v>
      </c>
      <c r="AE11011">
        <v>66</v>
      </c>
      <c r="AF11011">
        <v>66</v>
      </c>
      <c r="AG11011">
        <v>65</v>
      </c>
      <c r="AH11011">
        <v>65</v>
      </c>
      <c r="AI11011">
        <v>64</v>
      </c>
      <c r="AJ11011">
        <v>64</v>
      </c>
      <c r="AK11011">
        <v>63</v>
      </c>
      <c r="AL11011">
        <v>63</v>
      </c>
      <c r="AM11011">
        <v>63</v>
      </c>
      <c r="AN11011">
        <v>62</v>
      </c>
      <c r="AO11011">
        <v>62</v>
      </c>
      <c r="AP11011">
        <v>61</v>
      </c>
      <c r="AQ11011">
        <v>61</v>
      </c>
    </row>
    <row r="11012" spans="1:43">
      <c r="A11012" t="s">
        <v>6850</v>
      </c>
      <c r="B11012" t="s">
        <v>6851</v>
      </c>
      <c r="C11012" t="s">
        <v>6844</v>
      </c>
      <c r="D11012" t="s">
        <v>6845</v>
      </c>
      <c r="E11012" t="s">
        <v>6594</v>
      </c>
      <c r="F11012" t="s">
        <v>6595</v>
      </c>
      <c r="G11012" t="s">
        <v>80</v>
      </c>
      <c r="H11012" t="s">
        <v>81</v>
      </c>
      <c r="I11012" s="2">
        <v>0</v>
      </c>
      <c r="J11012" s="2">
        <v>1</v>
      </c>
      <c r="K11012" s="2">
        <v>0</v>
      </c>
      <c r="L11012" t="s">
        <v>82</v>
      </c>
      <c r="M11012" t="s">
        <v>89</v>
      </c>
      <c r="N11012" t="s">
        <v>90</v>
      </c>
      <c r="O11012" t="s">
        <v>85</v>
      </c>
      <c r="P11012" t="s">
        <v>86</v>
      </c>
      <c r="Q11012">
        <v>71</v>
      </c>
      <c r="R11012">
        <v>72</v>
      </c>
      <c r="S11012">
        <v>73</v>
      </c>
      <c r="T11012">
        <v>74</v>
      </c>
      <c r="U11012">
        <v>75</v>
      </c>
      <c r="V11012">
        <v>75</v>
      </c>
      <c r="W11012">
        <v>76</v>
      </c>
      <c r="X11012">
        <v>77</v>
      </c>
      <c r="Y11012">
        <v>77</v>
      </c>
      <c r="Z11012">
        <v>78</v>
      </c>
      <c r="AA11012">
        <v>78</v>
      </c>
      <c r="AB11012">
        <v>78</v>
      </c>
      <c r="AC11012">
        <v>79</v>
      </c>
      <c r="AD11012">
        <v>79</v>
      </c>
      <c r="AE11012">
        <v>79</v>
      </c>
      <c r="AF11012">
        <v>78</v>
      </c>
      <c r="AG11012">
        <v>77</v>
      </c>
      <c r="AH11012">
        <v>77</v>
      </c>
      <c r="AI11012">
        <v>76</v>
      </c>
      <c r="AJ11012">
        <v>75</v>
      </c>
      <c r="AK11012">
        <v>75</v>
      </c>
      <c r="AL11012">
        <v>74</v>
      </c>
      <c r="AM11012">
        <v>73</v>
      </c>
      <c r="AN11012">
        <v>72</v>
      </c>
      <c r="AO11012">
        <v>72</v>
      </c>
      <c r="AP11012">
        <v>71</v>
      </c>
      <c r="AQ11012">
        <v>70</v>
      </c>
    </row>
    <row r="11013" spans="1:43">
      <c r="A11013" t="s">
        <v>6850</v>
      </c>
      <c r="B11013" t="s">
        <v>6851</v>
      </c>
      <c r="C11013" t="s">
        <v>6844</v>
      </c>
      <c r="D11013" t="s">
        <v>6845</v>
      </c>
      <c r="E11013" t="s">
        <v>6594</v>
      </c>
      <c r="F11013" t="s">
        <v>6595</v>
      </c>
      <c r="G11013" t="s">
        <v>80</v>
      </c>
      <c r="H11013" t="s">
        <v>81</v>
      </c>
      <c r="I11013" s="2">
        <v>0</v>
      </c>
      <c r="J11013" s="2">
        <v>1</v>
      </c>
      <c r="K11013" s="2">
        <v>0</v>
      </c>
      <c r="L11013" t="s">
        <v>82</v>
      </c>
      <c r="M11013" t="s">
        <v>83</v>
      </c>
      <c r="N11013" t="s">
        <v>91</v>
      </c>
      <c r="O11013" t="s">
        <v>85</v>
      </c>
      <c r="P11013" t="s">
        <v>86</v>
      </c>
      <c r="Q11013">
        <v>71</v>
      </c>
      <c r="R11013">
        <v>72</v>
      </c>
      <c r="S11013">
        <v>72</v>
      </c>
      <c r="T11013">
        <v>72</v>
      </c>
      <c r="U11013">
        <v>73</v>
      </c>
      <c r="V11013">
        <v>73</v>
      </c>
      <c r="W11013">
        <v>73</v>
      </c>
      <c r="X11013">
        <v>74</v>
      </c>
      <c r="Y11013">
        <v>74</v>
      </c>
      <c r="Z11013">
        <v>74</v>
      </c>
      <c r="AA11013">
        <v>74</v>
      </c>
      <c r="AB11013">
        <v>74</v>
      </c>
      <c r="AC11013">
        <v>74</v>
      </c>
      <c r="AD11013">
        <v>74</v>
      </c>
      <c r="AE11013">
        <v>75</v>
      </c>
      <c r="AF11013">
        <v>75</v>
      </c>
      <c r="AG11013">
        <v>75</v>
      </c>
      <c r="AH11013">
        <v>75</v>
      </c>
      <c r="AI11013">
        <v>75</v>
      </c>
      <c r="AJ11013">
        <v>74</v>
      </c>
      <c r="AK11013">
        <v>74</v>
      </c>
      <c r="AL11013">
        <v>74</v>
      </c>
      <c r="AM11013">
        <v>73</v>
      </c>
      <c r="AN11013">
        <v>73</v>
      </c>
      <c r="AO11013">
        <v>72</v>
      </c>
      <c r="AP11013">
        <v>71</v>
      </c>
      <c r="AQ11013">
        <v>71</v>
      </c>
    </row>
    <row r="11014" spans="1:43">
      <c r="A11014" t="s">
        <v>6852</v>
      </c>
      <c r="B11014" t="s">
        <v>6853</v>
      </c>
      <c r="C11014" t="s">
        <v>6848</v>
      </c>
      <c r="D11014" t="s">
        <v>6849</v>
      </c>
      <c r="E11014" t="s">
        <v>6594</v>
      </c>
      <c r="F11014" t="s">
        <v>6595</v>
      </c>
      <c r="G11014" t="s">
        <v>80</v>
      </c>
      <c r="H11014" t="s">
        <v>81</v>
      </c>
      <c r="I11014" s="2">
        <v>0</v>
      </c>
      <c r="J11014" s="2">
        <v>1</v>
      </c>
      <c r="K11014" s="2">
        <v>0</v>
      </c>
      <c r="L11014" t="s">
        <v>82</v>
      </c>
      <c r="M11014" t="s">
        <v>83</v>
      </c>
      <c r="N11014" t="s">
        <v>84</v>
      </c>
      <c r="O11014" t="s">
        <v>85</v>
      </c>
      <c r="P11014" t="s">
        <v>86</v>
      </c>
      <c r="Q11014">
        <v>22</v>
      </c>
      <c r="R11014">
        <v>22</v>
      </c>
      <c r="S11014">
        <v>22</v>
      </c>
      <c r="T11014">
        <v>22</v>
      </c>
      <c r="U11014">
        <v>22</v>
      </c>
      <c r="V11014">
        <v>23</v>
      </c>
      <c r="W11014">
        <v>23</v>
      </c>
      <c r="X11014">
        <v>23</v>
      </c>
      <c r="Y11014">
        <v>23</v>
      </c>
      <c r="Z11014">
        <v>23</v>
      </c>
      <c r="AA11014">
        <v>23</v>
      </c>
      <c r="AB11014">
        <v>23</v>
      </c>
      <c r="AC11014">
        <v>23</v>
      </c>
      <c r="AD11014">
        <v>23</v>
      </c>
      <c r="AE11014">
        <v>23</v>
      </c>
      <c r="AF11014">
        <v>23</v>
      </c>
      <c r="AG11014">
        <v>23</v>
      </c>
      <c r="AH11014">
        <v>23</v>
      </c>
      <c r="AI11014">
        <v>23</v>
      </c>
      <c r="AJ11014">
        <v>23</v>
      </c>
      <c r="AK11014">
        <v>23</v>
      </c>
      <c r="AL11014">
        <v>23</v>
      </c>
      <c r="AM11014">
        <v>23</v>
      </c>
      <c r="AN11014">
        <v>23</v>
      </c>
      <c r="AO11014">
        <v>23</v>
      </c>
      <c r="AP11014">
        <v>22</v>
      </c>
      <c r="AQ11014">
        <v>22</v>
      </c>
    </row>
    <row r="11015" spans="1:43">
      <c r="A11015" t="s">
        <v>6852</v>
      </c>
      <c r="B11015" t="s">
        <v>6853</v>
      </c>
      <c r="C11015" t="s">
        <v>6848</v>
      </c>
      <c r="D11015" t="s">
        <v>6849</v>
      </c>
      <c r="E11015" t="s">
        <v>6594</v>
      </c>
      <c r="F11015" t="s">
        <v>6595</v>
      </c>
      <c r="G11015" t="s">
        <v>80</v>
      </c>
      <c r="H11015" t="s">
        <v>81</v>
      </c>
      <c r="I11015" s="2">
        <v>0</v>
      </c>
      <c r="J11015" s="2">
        <v>1</v>
      </c>
      <c r="K11015" s="2">
        <v>0</v>
      </c>
      <c r="L11015" t="s">
        <v>82</v>
      </c>
      <c r="M11015" t="s">
        <v>87</v>
      </c>
      <c r="N11015" t="s">
        <v>88</v>
      </c>
      <c r="O11015" t="s">
        <v>85</v>
      </c>
      <c r="P11015" t="s">
        <v>86</v>
      </c>
      <c r="Q11015">
        <v>22</v>
      </c>
      <c r="R11015">
        <v>22</v>
      </c>
      <c r="S11015">
        <v>22</v>
      </c>
      <c r="T11015">
        <v>22</v>
      </c>
      <c r="U11015">
        <v>21</v>
      </c>
      <c r="V11015">
        <v>21</v>
      </c>
      <c r="W11015">
        <v>21</v>
      </c>
      <c r="X11015">
        <v>21</v>
      </c>
      <c r="Y11015">
        <v>21</v>
      </c>
      <c r="Z11015">
        <v>21</v>
      </c>
      <c r="AA11015">
        <v>21</v>
      </c>
      <c r="AB11015">
        <v>21</v>
      </c>
      <c r="AC11015">
        <v>21</v>
      </c>
      <c r="AD11015">
        <v>21</v>
      </c>
      <c r="AE11015">
        <v>21</v>
      </c>
      <c r="AF11015">
        <v>21</v>
      </c>
      <c r="AG11015">
        <v>20</v>
      </c>
      <c r="AH11015">
        <v>20</v>
      </c>
      <c r="AI11015">
        <v>20</v>
      </c>
      <c r="AJ11015">
        <v>20</v>
      </c>
      <c r="AK11015">
        <v>20</v>
      </c>
      <c r="AL11015">
        <v>20</v>
      </c>
      <c r="AM11015">
        <v>20</v>
      </c>
      <c r="AN11015">
        <v>20</v>
      </c>
      <c r="AO11015">
        <v>20</v>
      </c>
      <c r="AP11015">
        <v>19</v>
      </c>
      <c r="AQ11015">
        <v>19</v>
      </c>
    </row>
    <row r="11016" spans="1:43">
      <c r="A11016" t="s">
        <v>6852</v>
      </c>
      <c r="B11016" t="s">
        <v>6853</v>
      </c>
      <c r="C11016" t="s">
        <v>6848</v>
      </c>
      <c r="D11016" t="s">
        <v>6849</v>
      </c>
      <c r="E11016" t="s">
        <v>6594</v>
      </c>
      <c r="F11016" t="s">
        <v>6595</v>
      </c>
      <c r="G11016" t="s">
        <v>80</v>
      </c>
      <c r="H11016" t="s">
        <v>81</v>
      </c>
      <c r="I11016" s="2">
        <v>0</v>
      </c>
      <c r="J11016" s="2">
        <v>1</v>
      </c>
      <c r="K11016" s="2">
        <v>0</v>
      </c>
      <c r="L11016" t="s">
        <v>82</v>
      </c>
      <c r="M11016" t="s">
        <v>89</v>
      </c>
      <c r="N11016" t="s">
        <v>90</v>
      </c>
      <c r="O11016" t="s">
        <v>85</v>
      </c>
      <c r="P11016" t="s">
        <v>86</v>
      </c>
      <c r="Q11016">
        <v>22</v>
      </c>
      <c r="R11016">
        <v>22</v>
      </c>
      <c r="S11016">
        <v>23</v>
      </c>
      <c r="T11016">
        <v>23</v>
      </c>
      <c r="U11016">
        <v>23</v>
      </c>
      <c r="V11016">
        <v>24</v>
      </c>
      <c r="W11016">
        <v>24</v>
      </c>
      <c r="X11016">
        <v>24</v>
      </c>
      <c r="Y11016">
        <v>24</v>
      </c>
      <c r="Z11016">
        <v>24</v>
      </c>
      <c r="AA11016">
        <v>25</v>
      </c>
      <c r="AB11016">
        <v>25</v>
      </c>
      <c r="AC11016">
        <v>25</v>
      </c>
      <c r="AD11016">
        <v>25</v>
      </c>
      <c r="AE11016">
        <v>25</v>
      </c>
      <c r="AF11016">
        <v>25</v>
      </c>
      <c r="AG11016">
        <v>24</v>
      </c>
      <c r="AH11016">
        <v>24</v>
      </c>
      <c r="AI11016">
        <v>24</v>
      </c>
      <c r="AJ11016">
        <v>24</v>
      </c>
      <c r="AK11016">
        <v>24</v>
      </c>
      <c r="AL11016">
        <v>23</v>
      </c>
      <c r="AM11016">
        <v>23</v>
      </c>
      <c r="AN11016">
        <v>23</v>
      </c>
      <c r="AO11016">
        <v>23</v>
      </c>
      <c r="AP11016">
        <v>23</v>
      </c>
      <c r="AQ11016">
        <v>23</v>
      </c>
    </row>
    <row r="11017" spans="1:43">
      <c r="A11017" t="s">
        <v>6852</v>
      </c>
      <c r="B11017" t="s">
        <v>6853</v>
      </c>
      <c r="C11017" t="s">
        <v>6848</v>
      </c>
      <c r="D11017" t="s">
        <v>6849</v>
      </c>
      <c r="E11017" t="s">
        <v>6594</v>
      </c>
      <c r="F11017" t="s">
        <v>6595</v>
      </c>
      <c r="G11017" t="s">
        <v>80</v>
      </c>
      <c r="H11017" t="s">
        <v>81</v>
      </c>
      <c r="I11017" s="2">
        <v>0</v>
      </c>
      <c r="J11017" s="2">
        <v>1</v>
      </c>
      <c r="K11017" s="2">
        <v>0</v>
      </c>
      <c r="L11017" t="s">
        <v>82</v>
      </c>
      <c r="M11017" t="s">
        <v>83</v>
      </c>
      <c r="N11017" t="s">
        <v>91</v>
      </c>
      <c r="O11017" t="s">
        <v>85</v>
      </c>
      <c r="P11017" t="s">
        <v>86</v>
      </c>
      <c r="Q11017">
        <v>22</v>
      </c>
      <c r="R11017">
        <v>22</v>
      </c>
      <c r="S11017">
        <v>22</v>
      </c>
      <c r="T11017">
        <v>22</v>
      </c>
      <c r="U11017">
        <v>22</v>
      </c>
      <c r="V11017">
        <v>23</v>
      </c>
      <c r="W11017">
        <v>23</v>
      </c>
      <c r="X11017">
        <v>23</v>
      </c>
      <c r="Y11017">
        <v>23</v>
      </c>
      <c r="Z11017">
        <v>23</v>
      </c>
      <c r="AA11017">
        <v>23</v>
      </c>
      <c r="AB11017">
        <v>23</v>
      </c>
      <c r="AC11017">
        <v>23</v>
      </c>
      <c r="AD11017">
        <v>23</v>
      </c>
      <c r="AE11017">
        <v>23</v>
      </c>
      <c r="AF11017">
        <v>23</v>
      </c>
      <c r="AG11017">
        <v>23</v>
      </c>
      <c r="AH11017">
        <v>23</v>
      </c>
      <c r="AI11017">
        <v>23</v>
      </c>
      <c r="AJ11017">
        <v>23</v>
      </c>
      <c r="AK11017">
        <v>23</v>
      </c>
      <c r="AL11017">
        <v>23</v>
      </c>
      <c r="AM11017">
        <v>23</v>
      </c>
      <c r="AN11017">
        <v>23</v>
      </c>
      <c r="AO11017">
        <v>23</v>
      </c>
      <c r="AP11017">
        <v>22</v>
      </c>
      <c r="AQ11017">
        <v>22</v>
      </c>
    </row>
    <row r="11018" spans="1:43">
      <c r="A11018" t="s">
        <v>6854</v>
      </c>
      <c r="B11018" t="s">
        <v>6855</v>
      </c>
      <c r="C11018" t="s">
        <v>6844</v>
      </c>
      <c r="D11018" t="s">
        <v>6845</v>
      </c>
      <c r="E11018" t="s">
        <v>6594</v>
      </c>
      <c r="F11018" t="s">
        <v>6595</v>
      </c>
      <c r="G11018" t="s">
        <v>80</v>
      </c>
      <c r="H11018" t="s">
        <v>81</v>
      </c>
      <c r="I11018" s="2">
        <v>0</v>
      </c>
      <c r="J11018" s="2">
        <v>1</v>
      </c>
      <c r="K11018" s="2">
        <v>0</v>
      </c>
      <c r="L11018" t="s">
        <v>82</v>
      </c>
      <c r="M11018" t="s">
        <v>83</v>
      </c>
      <c r="N11018" t="s">
        <v>84</v>
      </c>
      <c r="O11018" t="s">
        <v>85</v>
      </c>
      <c r="P11018" t="s">
        <v>86</v>
      </c>
      <c r="Q11018">
        <v>23</v>
      </c>
      <c r="R11018">
        <v>23</v>
      </c>
      <c r="S11018">
        <v>23</v>
      </c>
      <c r="T11018">
        <v>23</v>
      </c>
      <c r="U11018">
        <v>23</v>
      </c>
      <c r="V11018">
        <v>24</v>
      </c>
      <c r="W11018">
        <v>24</v>
      </c>
      <c r="X11018">
        <v>24</v>
      </c>
      <c r="Y11018">
        <v>24</v>
      </c>
      <c r="Z11018">
        <v>24</v>
      </c>
      <c r="AA11018">
        <v>24</v>
      </c>
      <c r="AB11018">
        <v>24</v>
      </c>
      <c r="AC11018">
        <v>24</v>
      </c>
      <c r="AD11018">
        <v>24</v>
      </c>
      <c r="AE11018">
        <v>24</v>
      </c>
      <c r="AF11018">
        <v>24</v>
      </c>
      <c r="AG11018">
        <v>24</v>
      </c>
      <c r="AH11018">
        <v>24</v>
      </c>
      <c r="AI11018">
        <v>24</v>
      </c>
      <c r="AJ11018">
        <v>24</v>
      </c>
      <c r="AK11018">
        <v>24</v>
      </c>
      <c r="AL11018">
        <v>24</v>
      </c>
      <c r="AM11018">
        <v>24</v>
      </c>
      <c r="AN11018">
        <v>24</v>
      </c>
      <c r="AO11018">
        <v>23</v>
      </c>
      <c r="AP11018">
        <v>23</v>
      </c>
      <c r="AQ11018">
        <v>23</v>
      </c>
    </row>
    <row r="11019" spans="1:43">
      <c r="A11019" t="s">
        <v>6854</v>
      </c>
      <c r="B11019" t="s">
        <v>6855</v>
      </c>
      <c r="C11019" t="s">
        <v>6844</v>
      </c>
      <c r="D11019" t="s">
        <v>6845</v>
      </c>
      <c r="E11019" t="s">
        <v>6594</v>
      </c>
      <c r="F11019" t="s">
        <v>6595</v>
      </c>
      <c r="G11019" t="s">
        <v>80</v>
      </c>
      <c r="H11019" t="s">
        <v>81</v>
      </c>
      <c r="I11019" s="2">
        <v>0</v>
      </c>
      <c r="J11019" s="2">
        <v>1</v>
      </c>
      <c r="K11019" s="2">
        <v>0</v>
      </c>
      <c r="L11019" t="s">
        <v>82</v>
      </c>
      <c r="M11019" t="s">
        <v>87</v>
      </c>
      <c r="N11019" t="s">
        <v>88</v>
      </c>
      <c r="O11019" t="s">
        <v>85</v>
      </c>
      <c r="P11019" t="s">
        <v>86</v>
      </c>
      <c r="Q11019">
        <v>23</v>
      </c>
      <c r="R11019">
        <v>23</v>
      </c>
      <c r="S11019">
        <v>23</v>
      </c>
      <c r="T11019">
        <v>23</v>
      </c>
      <c r="U11019">
        <v>22</v>
      </c>
      <c r="V11019">
        <v>22</v>
      </c>
      <c r="W11019">
        <v>22</v>
      </c>
      <c r="X11019">
        <v>22</v>
      </c>
      <c r="Y11019">
        <v>22</v>
      </c>
      <c r="Z11019">
        <v>22</v>
      </c>
      <c r="AA11019">
        <v>22</v>
      </c>
      <c r="AB11019">
        <v>22</v>
      </c>
      <c r="AC11019">
        <v>22</v>
      </c>
      <c r="AD11019">
        <v>22</v>
      </c>
      <c r="AE11019">
        <v>21</v>
      </c>
      <c r="AF11019">
        <v>21</v>
      </c>
      <c r="AG11019">
        <v>21</v>
      </c>
      <c r="AH11019">
        <v>21</v>
      </c>
      <c r="AI11019">
        <v>21</v>
      </c>
      <c r="AJ11019">
        <v>21</v>
      </c>
      <c r="AK11019">
        <v>21</v>
      </c>
      <c r="AL11019">
        <v>21</v>
      </c>
      <c r="AM11019">
        <v>20</v>
      </c>
      <c r="AN11019">
        <v>20</v>
      </c>
      <c r="AO11019">
        <v>20</v>
      </c>
      <c r="AP11019">
        <v>20</v>
      </c>
      <c r="AQ11019">
        <v>20</v>
      </c>
    </row>
    <row r="11020" spans="1:43">
      <c r="A11020" t="s">
        <v>6854</v>
      </c>
      <c r="B11020" t="s">
        <v>6855</v>
      </c>
      <c r="C11020" t="s">
        <v>6844</v>
      </c>
      <c r="D11020" t="s">
        <v>6845</v>
      </c>
      <c r="E11020" t="s">
        <v>6594</v>
      </c>
      <c r="F11020" t="s">
        <v>6595</v>
      </c>
      <c r="G11020" t="s">
        <v>80</v>
      </c>
      <c r="H11020" t="s">
        <v>81</v>
      </c>
      <c r="I11020" s="2">
        <v>0</v>
      </c>
      <c r="J11020" s="2">
        <v>1</v>
      </c>
      <c r="K11020" s="2">
        <v>0</v>
      </c>
      <c r="L11020" t="s">
        <v>82</v>
      </c>
      <c r="M11020" t="s">
        <v>89</v>
      </c>
      <c r="N11020" t="s">
        <v>90</v>
      </c>
      <c r="O11020" t="s">
        <v>85</v>
      </c>
      <c r="P11020" t="s">
        <v>86</v>
      </c>
      <c r="Q11020">
        <v>23</v>
      </c>
      <c r="R11020">
        <v>24</v>
      </c>
      <c r="S11020">
        <v>24</v>
      </c>
      <c r="T11020">
        <v>24</v>
      </c>
      <c r="U11020">
        <v>24</v>
      </c>
      <c r="V11020">
        <v>25</v>
      </c>
      <c r="W11020">
        <v>25</v>
      </c>
      <c r="X11020">
        <v>25</v>
      </c>
      <c r="Y11020">
        <v>25</v>
      </c>
      <c r="Z11020">
        <v>25</v>
      </c>
      <c r="AA11020">
        <v>26</v>
      </c>
      <c r="AB11020">
        <v>26</v>
      </c>
      <c r="AC11020">
        <v>26</v>
      </c>
      <c r="AD11020">
        <v>26</v>
      </c>
      <c r="AE11020">
        <v>26</v>
      </c>
      <c r="AF11020">
        <v>26</v>
      </c>
      <c r="AG11020">
        <v>25</v>
      </c>
      <c r="AH11020">
        <v>25</v>
      </c>
      <c r="AI11020">
        <v>25</v>
      </c>
      <c r="AJ11020">
        <v>25</v>
      </c>
      <c r="AK11020">
        <v>25</v>
      </c>
      <c r="AL11020">
        <v>24</v>
      </c>
      <c r="AM11020">
        <v>24</v>
      </c>
      <c r="AN11020">
        <v>24</v>
      </c>
      <c r="AO11020">
        <v>24</v>
      </c>
      <c r="AP11020">
        <v>24</v>
      </c>
      <c r="AQ11020">
        <v>23</v>
      </c>
    </row>
    <row r="11021" spans="1:43">
      <c r="A11021" t="s">
        <v>6854</v>
      </c>
      <c r="B11021" t="s">
        <v>6855</v>
      </c>
      <c r="C11021" t="s">
        <v>6844</v>
      </c>
      <c r="D11021" t="s">
        <v>6845</v>
      </c>
      <c r="E11021" t="s">
        <v>6594</v>
      </c>
      <c r="F11021" t="s">
        <v>6595</v>
      </c>
      <c r="G11021" t="s">
        <v>80</v>
      </c>
      <c r="H11021" t="s">
        <v>81</v>
      </c>
      <c r="I11021" s="2">
        <v>0</v>
      </c>
      <c r="J11021" s="2">
        <v>1</v>
      </c>
      <c r="K11021" s="2">
        <v>0</v>
      </c>
      <c r="L11021" t="s">
        <v>82</v>
      </c>
      <c r="M11021" t="s">
        <v>83</v>
      </c>
      <c r="N11021" t="s">
        <v>91</v>
      </c>
      <c r="O11021" t="s">
        <v>85</v>
      </c>
      <c r="P11021" t="s">
        <v>86</v>
      </c>
      <c r="Q11021">
        <v>23</v>
      </c>
      <c r="R11021">
        <v>23</v>
      </c>
      <c r="S11021">
        <v>23</v>
      </c>
      <c r="T11021">
        <v>23</v>
      </c>
      <c r="U11021">
        <v>23</v>
      </c>
      <c r="V11021">
        <v>24</v>
      </c>
      <c r="W11021">
        <v>24</v>
      </c>
      <c r="X11021">
        <v>24</v>
      </c>
      <c r="Y11021">
        <v>24</v>
      </c>
      <c r="Z11021">
        <v>24</v>
      </c>
      <c r="AA11021">
        <v>24</v>
      </c>
      <c r="AB11021">
        <v>24</v>
      </c>
      <c r="AC11021">
        <v>24</v>
      </c>
      <c r="AD11021">
        <v>24</v>
      </c>
      <c r="AE11021">
        <v>24</v>
      </c>
      <c r="AF11021">
        <v>24</v>
      </c>
      <c r="AG11021">
        <v>24</v>
      </c>
      <c r="AH11021">
        <v>24</v>
      </c>
      <c r="AI11021">
        <v>24</v>
      </c>
      <c r="AJ11021">
        <v>24</v>
      </c>
      <c r="AK11021">
        <v>24</v>
      </c>
      <c r="AL11021">
        <v>24</v>
      </c>
      <c r="AM11021">
        <v>24</v>
      </c>
      <c r="AN11021">
        <v>24</v>
      </c>
      <c r="AO11021">
        <v>23</v>
      </c>
      <c r="AP11021">
        <v>23</v>
      </c>
      <c r="AQ11021">
        <v>23</v>
      </c>
    </row>
    <row r="11022" spans="1:43">
      <c r="A11022" t="s">
        <v>6856</v>
      </c>
      <c r="B11022" t="s">
        <v>6857</v>
      </c>
      <c r="C11022" t="s">
        <v>6844</v>
      </c>
      <c r="D11022" t="s">
        <v>6845</v>
      </c>
      <c r="E11022" t="s">
        <v>6594</v>
      </c>
      <c r="F11022" t="s">
        <v>6595</v>
      </c>
      <c r="G11022" t="s">
        <v>80</v>
      </c>
      <c r="H11022" t="s">
        <v>81</v>
      </c>
      <c r="I11022" s="2">
        <v>0</v>
      </c>
      <c r="J11022" s="2">
        <v>1</v>
      </c>
      <c r="K11022" s="2">
        <v>0</v>
      </c>
      <c r="L11022" t="s">
        <v>82</v>
      </c>
      <c r="M11022" t="s">
        <v>83</v>
      </c>
      <c r="N11022" t="s">
        <v>84</v>
      </c>
      <c r="O11022" t="s">
        <v>85</v>
      </c>
      <c r="P11022" t="s">
        <v>86</v>
      </c>
      <c r="Q11022">
        <v>31</v>
      </c>
      <c r="R11022">
        <v>31</v>
      </c>
      <c r="S11022">
        <v>31</v>
      </c>
      <c r="T11022">
        <v>31</v>
      </c>
      <c r="U11022">
        <v>31</v>
      </c>
      <c r="V11022">
        <v>31</v>
      </c>
      <c r="W11022">
        <v>32</v>
      </c>
      <c r="X11022">
        <v>32</v>
      </c>
      <c r="Y11022">
        <v>32</v>
      </c>
      <c r="Z11022">
        <v>32</v>
      </c>
      <c r="AA11022">
        <v>32</v>
      </c>
      <c r="AB11022">
        <v>32</v>
      </c>
      <c r="AC11022">
        <v>32</v>
      </c>
      <c r="AD11022">
        <v>32</v>
      </c>
      <c r="AE11022">
        <v>32</v>
      </c>
      <c r="AF11022">
        <v>32</v>
      </c>
      <c r="AG11022">
        <v>32</v>
      </c>
      <c r="AH11022">
        <v>32</v>
      </c>
      <c r="AI11022">
        <v>32</v>
      </c>
      <c r="AJ11022">
        <v>32</v>
      </c>
      <c r="AK11022">
        <v>32</v>
      </c>
      <c r="AL11022">
        <v>32</v>
      </c>
      <c r="AM11022">
        <v>32</v>
      </c>
      <c r="AN11022">
        <v>31</v>
      </c>
      <c r="AO11022">
        <v>31</v>
      </c>
      <c r="AP11022">
        <v>31</v>
      </c>
      <c r="AQ11022">
        <v>30</v>
      </c>
    </row>
    <row r="11023" spans="1:43">
      <c r="A11023" t="s">
        <v>6856</v>
      </c>
      <c r="B11023" t="s">
        <v>6857</v>
      </c>
      <c r="C11023" t="s">
        <v>6844</v>
      </c>
      <c r="D11023" t="s">
        <v>6845</v>
      </c>
      <c r="E11023" t="s">
        <v>6594</v>
      </c>
      <c r="F11023" t="s">
        <v>6595</v>
      </c>
      <c r="G11023" t="s">
        <v>80</v>
      </c>
      <c r="H11023" t="s">
        <v>81</v>
      </c>
      <c r="I11023" s="2">
        <v>0</v>
      </c>
      <c r="J11023" s="2">
        <v>1</v>
      </c>
      <c r="K11023" s="2">
        <v>0</v>
      </c>
      <c r="L11023" t="s">
        <v>82</v>
      </c>
      <c r="M11023" t="s">
        <v>87</v>
      </c>
      <c r="N11023" t="s">
        <v>88</v>
      </c>
      <c r="O11023" t="s">
        <v>85</v>
      </c>
      <c r="P11023" t="s">
        <v>86</v>
      </c>
      <c r="Q11023">
        <v>31</v>
      </c>
      <c r="R11023">
        <v>31</v>
      </c>
      <c r="S11023">
        <v>31</v>
      </c>
      <c r="T11023">
        <v>31</v>
      </c>
      <c r="U11023">
        <v>31</v>
      </c>
      <c r="V11023">
        <v>31</v>
      </c>
      <c r="W11023">
        <v>31</v>
      </c>
      <c r="X11023">
        <v>31</v>
      </c>
      <c r="Y11023">
        <v>30</v>
      </c>
      <c r="Z11023">
        <v>30</v>
      </c>
      <c r="AA11023">
        <v>30</v>
      </c>
      <c r="AB11023">
        <v>30</v>
      </c>
      <c r="AC11023">
        <v>30</v>
      </c>
      <c r="AD11023">
        <v>30</v>
      </c>
      <c r="AE11023">
        <v>29</v>
      </c>
      <c r="AF11023">
        <v>29</v>
      </c>
      <c r="AG11023">
        <v>29</v>
      </c>
      <c r="AH11023">
        <v>29</v>
      </c>
      <c r="AI11023">
        <v>29</v>
      </c>
      <c r="AJ11023">
        <v>28</v>
      </c>
      <c r="AK11023">
        <v>28</v>
      </c>
      <c r="AL11023">
        <v>28</v>
      </c>
      <c r="AM11023">
        <v>28</v>
      </c>
      <c r="AN11023">
        <v>28</v>
      </c>
      <c r="AO11023">
        <v>28</v>
      </c>
      <c r="AP11023">
        <v>27</v>
      </c>
      <c r="AQ11023">
        <v>27</v>
      </c>
    </row>
    <row r="11024" spans="1:43">
      <c r="A11024" t="s">
        <v>6856</v>
      </c>
      <c r="B11024" t="s">
        <v>6857</v>
      </c>
      <c r="C11024" t="s">
        <v>6844</v>
      </c>
      <c r="D11024" t="s">
        <v>6845</v>
      </c>
      <c r="E11024" t="s">
        <v>6594</v>
      </c>
      <c r="F11024" t="s">
        <v>6595</v>
      </c>
      <c r="G11024" t="s">
        <v>80</v>
      </c>
      <c r="H11024" t="s">
        <v>81</v>
      </c>
      <c r="I11024" s="2">
        <v>0</v>
      </c>
      <c r="J11024" s="2">
        <v>1</v>
      </c>
      <c r="K11024" s="2">
        <v>0</v>
      </c>
      <c r="L11024" t="s">
        <v>82</v>
      </c>
      <c r="M11024" t="s">
        <v>89</v>
      </c>
      <c r="N11024" t="s">
        <v>90</v>
      </c>
      <c r="O11024" t="s">
        <v>85</v>
      </c>
      <c r="P11024" t="s">
        <v>86</v>
      </c>
      <c r="Q11024">
        <v>31</v>
      </c>
      <c r="R11024">
        <v>31</v>
      </c>
      <c r="S11024">
        <v>32</v>
      </c>
      <c r="T11024">
        <v>32</v>
      </c>
      <c r="U11024">
        <v>33</v>
      </c>
      <c r="V11024">
        <v>33</v>
      </c>
      <c r="W11024">
        <v>33</v>
      </c>
      <c r="X11024">
        <v>33</v>
      </c>
      <c r="Y11024">
        <v>34</v>
      </c>
      <c r="Z11024">
        <v>34</v>
      </c>
      <c r="AA11024">
        <v>34</v>
      </c>
      <c r="AB11024">
        <v>34</v>
      </c>
      <c r="AC11024">
        <v>34</v>
      </c>
      <c r="AD11024">
        <v>34</v>
      </c>
      <c r="AE11024">
        <v>34</v>
      </c>
      <c r="AF11024">
        <v>34</v>
      </c>
      <c r="AG11024">
        <v>34</v>
      </c>
      <c r="AH11024">
        <v>33</v>
      </c>
      <c r="AI11024">
        <v>33</v>
      </c>
      <c r="AJ11024">
        <v>33</v>
      </c>
      <c r="AK11024">
        <v>33</v>
      </c>
      <c r="AL11024">
        <v>32</v>
      </c>
      <c r="AM11024">
        <v>32</v>
      </c>
      <c r="AN11024">
        <v>32</v>
      </c>
      <c r="AO11024">
        <v>31</v>
      </c>
      <c r="AP11024">
        <v>31</v>
      </c>
      <c r="AQ11024">
        <v>31</v>
      </c>
    </row>
    <row r="11025" spans="1:43">
      <c r="A11025" t="s">
        <v>6856</v>
      </c>
      <c r="B11025" t="s">
        <v>6857</v>
      </c>
      <c r="C11025" t="s">
        <v>6844</v>
      </c>
      <c r="D11025" t="s">
        <v>6845</v>
      </c>
      <c r="E11025" t="s">
        <v>6594</v>
      </c>
      <c r="F11025" t="s">
        <v>6595</v>
      </c>
      <c r="G11025" t="s">
        <v>80</v>
      </c>
      <c r="H11025" t="s">
        <v>81</v>
      </c>
      <c r="I11025" s="2">
        <v>0</v>
      </c>
      <c r="J11025" s="2">
        <v>1</v>
      </c>
      <c r="K11025" s="2">
        <v>0</v>
      </c>
      <c r="L11025" t="s">
        <v>82</v>
      </c>
      <c r="M11025" t="s">
        <v>83</v>
      </c>
      <c r="N11025" t="s">
        <v>91</v>
      </c>
      <c r="O11025" t="s">
        <v>85</v>
      </c>
      <c r="P11025" t="s">
        <v>86</v>
      </c>
      <c r="Q11025">
        <v>31</v>
      </c>
      <c r="R11025">
        <v>31</v>
      </c>
      <c r="S11025">
        <v>31</v>
      </c>
      <c r="T11025">
        <v>31</v>
      </c>
      <c r="U11025">
        <v>31</v>
      </c>
      <c r="V11025">
        <v>31</v>
      </c>
      <c r="W11025">
        <v>32</v>
      </c>
      <c r="X11025">
        <v>32</v>
      </c>
      <c r="Y11025">
        <v>32</v>
      </c>
      <c r="Z11025">
        <v>32</v>
      </c>
      <c r="AA11025">
        <v>32</v>
      </c>
      <c r="AB11025">
        <v>32</v>
      </c>
      <c r="AC11025">
        <v>32</v>
      </c>
      <c r="AD11025">
        <v>32</v>
      </c>
      <c r="AE11025">
        <v>32</v>
      </c>
      <c r="AF11025">
        <v>32</v>
      </c>
      <c r="AG11025">
        <v>32</v>
      </c>
      <c r="AH11025">
        <v>32</v>
      </c>
      <c r="AI11025">
        <v>32</v>
      </c>
      <c r="AJ11025">
        <v>32</v>
      </c>
      <c r="AK11025">
        <v>32</v>
      </c>
      <c r="AL11025">
        <v>32</v>
      </c>
      <c r="AM11025">
        <v>32</v>
      </c>
      <c r="AN11025">
        <v>31</v>
      </c>
      <c r="AO11025">
        <v>31</v>
      </c>
      <c r="AP11025">
        <v>31</v>
      </c>
      <c r="AQ11025">
        <v>30</v>
      </c>
    </row>
    <row r="11026" spans="1:43">
      <c r="A11026" t="s">
        <v>6858</v>
      </c>
      <c r="B11026" t="s">
        <v>6859</v>
      </c>
      <c r="C11026" t="s">
        <v>6848</v>
      </c>
      <c r="D11026" t="s">
        <v>6849</v>
      </c>
      <c r="E11026" t="s">
        <v>6594</v>
      </c>
      <c r="F11026" t="s">
        <v>6595</v>
      </c>
      <c r="G11026" t="s">
        <v>80</v>
      </c>
      <c r="H11026" t="s">
        <v>81</v>
      </c>
      <c r="I11026" s="2">
        <v>0</v>
      </c>
      <c r="J11026" s="2">
        <v>1</v>
      </c>
      <c r="K11026" s="2">
        <v>0</v>
      </c>
      <c r="L11026" t="s">
        <v>82</v>
      </c>
      <c r="M11026" t="s">
        <v>83</v>
      </c>
      <c r="N11026" t="s">
        <v>84</v>
      </c>
      <c r="O11026" t="s">
        <v>85</v>
      </c>
      <c r="P11026" t="s">
        <v>86</v>
      </c>
      <c r="Q11026">
        <v>68</v>
      </c>
      <c r="R11026">
        <v>68</v>
      </c>
      <c r="S11026">
        <v>69</v>
      </c>
      <c r="T11026">
        <v>69</v>
      </c>
      <c r="U11026">
        <v>69</v>
      </c>
      <c r="V11026">
        <v>70</v>
      </c>
      <c r="W11026">
        <v>70</v>
      </c>
      <c r="X11026">
        <v>70</v>
      </c>
      <c r="Y11026">
        <v>71</v>
      </c>
      <c r="Z11026">
        <v>71</v>
      </c>
      <c r="AA11026">
        <v>71</v>
      </c>
      <c r="AB11026">
        <v>71</v>
      </c>
      <c r="AC11026">
        <v>71</v>
      </c>
      <c r="AD11026">
        <v>72</v>
      </c>
      <c r="AE11026">
        <v>72</v>
      </c>
      <c r="AF11026">
        <v>72</v>
      </c>
      <c r="AG11026">
        <v>72</v>
      </c>
      <c r="AH11026">
        <v>72</v>
      </c>
      <c r="AI11026">
        <v>72</v>
      </c>
      <c r="AJ11026">
        <v>72</v>
      </c>
      <c r="AK11026">
        <v>72</v>
      </c>
      <c r="AL11026">
        <v>71</v>
      </c>
      <c r="AM11026">
        <v>71</v>
      </c>
      <c r="AN11026">
        <v>70</v>
      </c>
      <c r="AO11026">
        <v>70</v>
      </c>
      <c r="AP11026">
        <v>69</v>
      </c>
      <c r="AQ11026">
        <v>69</v>
      </c>
    </row>
    <row r="11027" spans="1:43">
      <c r="A11027" t="s">
        <v>6858</v>
      </c>
      <c r="B11027" t="s">
        <v>6859</v>
      </c>
      <c r="C11027" t="s">
        <v>6848</v>
      </c>
      <c r="D11027" t="s">
        <v>6849</v>
      </c>
      <c r="E11027" t="s">
        <v>6594</v>
      </c>
      <c r="F11027" t="s">
        <v>6595</v>
      </c>
      <c r="G11027" t="s">
        <v>80</v>
      </c>
      <c r="H11027" t="s">
        <v>81</v>
      </c>
      <c r="I11027" s="2">
        <v>0</v>
      </c>
      <c r="J11027" s="2">
        <v>1</v>
      </c>
      <c r="K11027" s="2">
        <v>0</v>
      </c>
      <c r="L11027" t="s">
        <v>82</v>
      </c>
      <c r="M11027" t="s">
        <v>87</v>
      </c>
      <c r="N11027" t="s">
        <v>88</v>
      </c>
      <c r="O11027" t="s">
        <v>85</v>
      </c>
      <c r="P11027" t="s">
        <v>86</v>
      </c>
      <c r="Q11027">
        <v>68</v>
      </c>
      <c r="R11027">
        <v>68</v>
      </c>
      <c r="S11027">
        <v>68</v>
      </c>
      <c r="T11027">
        <v>67</v>
      </c>
      <c r="U11027">
        <v>67</v>
      </c>
      <c r="V11027">
        <v>67</v>
      </c>
      <c r="W11027">
        <v>67</v>
      </c>
      <c r="X11027">
        <v>67</v>
      </c>
      <c r="Y11027">
        <v>66</v>
      </c>
      <c r="Z11027">
        <v>66</v>
      </c>
      <c r="AA11027">
        <v>66</v>
      </c>
      <c r="AB11027">
        <v>65</v>
      </c>
      <c r="AC11027">
        <v>65</v>
      </c>
      <c r="AD11027">
        <v>65</v>
      </c>
      <c r="AE11027">
        <v>65</v>
      </c>
      <c r="AF11027">
        <v>64</v>
      </c>
      <c r="AG11027">
        <v>64</v>
      </c>
      <c r="AH11027">
        <v>64</v>
      </c>
      <c r="AI11027">
        <v>63</v>
      </c>
      <c r="AJ11027">
        <v>63</v>
      </c>
      <c r="AK11027">
        <v>63</v>
      </c>
      <c r="AL11027">
        <v>62</v>
      </c>
      <c r="AM11027">
        <v>62</v>
      </c>
      <c r="AN11027">
        <v>62</v>
      </c>
      <c r="AO11027">
        <v>61</v>
      </c>
      <c r="AP11027">
        <v>61</v>
      </c>
      <c r="AQ11027">
        <v>61</v>
      </c>
    </row>
    <row r="11028" spans="1:43">
      <c r="A11028" t="s">
        <v>6858</v>
      </c>
      <c r="B11028" t="s">
        <v>6859</v>
      </c>
      <c r="C11028" t="s">
        <v>6848</v>
      </c>
      <c r="D11028" t="s">
        <v>6849</v>
      </c>
      <c r="E11028" t="s">
        <v>6594</v>
      </c>
      <c r="F11028" t="s">
        <v>6595</v>
      </c>
      <c r="G11028" t="s">
        <v>80</v>
      </c>
      <c r="H11028" t="s">
        <v>81</v>
      </c>
      <c r="I11028" s="2">
        <v>0</v>
      </c>
      <c r="J11028" s="2">
        <v>1</v>
      </c>
      <c r="K11028" s="2">
        <v>0</v>
      </c>
      <c r="L11028" t="s">
        <v>82</v>
      </c>
      <c r="M11028" t="s">
        <v>89</v>
      </c>
      <c r="N11028" t="s">
        <v>90</v>
      </c>
      <c r="O11028" t="s">
        <v>85</v>
      </c>
      <c r="P11028" t="s">
        <v>86</v>
      </c>
      <c r="Q11028">
        <v>68</v>
      </c>
      <c r="R11028">
        <v>69</v>
      </c>
      <c r="S11028">
        <v>70</v>
      </c>
      <c r="T11028">
        <v>71</v>
      </c>
      <c r="U11028">
        <v>72</v>
      </c>
      <c r="V11028">
        <v>73</v>
      </c>
      <c r="W11028">
        <v>74</v>
      </c>
      <c r="X11028">
        <v>74</v>
      </c>
      <c r="Y11028">
        <v>75</v>
      </c>
      <c r="Z11028">
        <v>75</v>
      </c>
      <c r="AA11028">
        <v>76</v>
      </c>
      <c r="AB11028">
        <v>76</v>
      </c>
      <c r="AC11028">
        <v>76</v>
      </c>
      <c r="AD11028">
        <v>77</v>
      </c>
      <c r="AE11028">
        <v>77</v>
      </c>
      <c r="AF11028">
        <v>76</v>
      </c>
      <c r="AG11028">
        <v>75</v>
      </c>
      <c r="AH11028">
        <v>75</v>
      </c>
      <c r="AI11028">
        <v>74</v>
      </c>
      <c r="AJ11028">
        <v>74</v>
      </c>
      <c r="AK11028">
        <v>73</v>
      </c>
      <c r="AL11028">
        <v>72</v>
      </c>
      <c r="AM11028">
        <v>72</v>
      </c>
      <c r="AN11028">
        <v>71</v>
      </c>
      <c r="AO11028">
        <v>71</v>
      </c>
      <c r="AP11028">
        <v>70</v>
      </c>
      <c r="AQ11028">
        <v>70</v>
      </c>
    </row>
    <row r="11029" spans="1:43">
      <c r="A11029" t="s">
        <v>6858</v>
      </c>
      <c r="B11029" t="s">
        <v>6859</v>
      </c>
      <c r="C11029" t="s">
        <v>6848</v>
      </c>
      <c r="D11029" t="s">
        <v>6849</v>
      </c>
      <c r="E11029" t="s">
        <v>6594</v>
      </c>
      <c r="F11029" t="s">
        <v>6595</v>
      </c>
      <c r="G11029" t="s">
        <v>80</v>
      </c>
      <c r="H11029" t="s">
        <v>81</v>
      </c>
      <c r="I11029" s="2">
        <v>0</v>
      </c>
      <c r="J11029" s="2">
        <v>1</v>
      </c>
      <c r="K11029" s="2">
        <v>0</v>
      </c>
      <c r="L11029" t="s">
        <v>82</v>
      </c>
      <c r="M11029" t="s">
        <v>83</v>
      </c>
      <c r="N11029" t="s">
        <v>91</v>
      </c>
      <c r="O11029" t="s">
        <v>85</v>
      </c>
      <c r="P11029" t="s">
        <v>86</v>
      </c>
      <c r="Q11029">
        <v>68</v>
      </c>
      <c r="R11029">
        <v>68</v>
      </c>
      <c r="S11029">
        <v>69</v>
      </c>
      <c r="T11029">
        <v>69</v>
      </c>
      <c r="U11029">
        <v>69</v>
      </c>
      <c r="V11029">
        <v>70</v>
      </c>
      <c r="W11029">
        <v>70</v>
      </c>
      <c r="X11029">
        <v>70</v>
      </c>
      <c r="Y11029">
        <v>71</v>
      </c>
      <c r="Z11029">
        <v>71</v>
      </c>
      <c r="AA11029">
        <v>71</v>
      </c>
      <c r="AB11029">
        <v>71</v>
      </c>
      <c r="AC11029">
        <v>71</v>
      </c>
      <c r="AD11029">
        <v>72</v>
      </c>
      <c r="AE11029">
        <v>72</v>
      </c>
      <c r="AF11029">
        <v>72</v>
      </c>
      <c r="AG11029">
        <v>72</v>
      </c>
      <c r="AH11029">
        <v>72</v>
      </c>
      <c r="AI11029">
        <v>72</v>
      </c>
      <c r="AJ11029">
        <v>72</v>
      </c>
      <c r="AK11029">
        <v>72</v>
      </c>
      <c r="AL11029">
        <v>71</v>
      </c>
      <c r="AM11029">
        <v>71</v>
      </c>
      <c r="AN11029">
        <v>70</v>
      </c>
      <c r="AO11029">
        <v>70</v>
      </c>
      <c r="AP11029">
        <v>69</v>
      </c>
      <c r="AQ11029">
        <v>69</v>
      </c>
    </row>
    <row r="11030" spans="1:43">
      <c r="A11030" t="s">
        <v>6860</v>
      </c>
      <c r="B11030" t="s">
        <v>6861</v>
      </c>
      <c r="C11030" t="s">
        <v>6848</v>
      </c>
      <c r="D11030" t="s">
        <v>6849</v>
      </c>
      <c r="E11030" t="s">
        <v>6594</v>
      </c>
      <c r="F11030" t="s">
        <v>6595</v>
      </c>
      <c r="G11030" t="s">
        <v>80</v>
      </c>
      <c r="H11030" t="s">
        <v>81</v>
      </c>
      <c r="I11030" s="2">
        <v>0</v>
      </c>
      <c r="J11030" s="2">
        <v>1</v>
      </c>
      <c r="K11030" s="2">
        <v>0</v>
      </c>
      <c r="L11030" t="s">
        <v>82</v>
      </c>
      <c r="M11030" t="s">
        <v>83</v>
      </c>
      <c r="N11030" t="s">
        <v>84</v>
      </c>
      <c r="O11030" t="s">
        <v>85</v>
      </c>
      <c r="P11030" t="s">
        <v>86</v>
      </c>
      <c r="Q11030">
        <v>73</v>
      </c>
      <c r="R11030">
        <v>73</v>
      </c>
      <c r="S11030">
        <v>74</v>
      </c>
      <c r="T11030">
        <v>74</v>
      </c>
      <c r="U11030">
        <v>75</v>
      </c>
      <c r="V11030">
        <v>75</v>
      </c>
      <c r="W11030">
        <v>76</v>
      </c>
      <c r="X11030">
        <v>76</v>
      </c>
      <c r="Y11030">
        <v>76</v>
      </c>
      <c r="Z11030">
        <v>76</v>
      </c>
      <c r="AA11030">
        <v>77</v>
      </c>
      <c r="AB11030">
        <v>77</v>
      </c>
      <c r="AC11030">
        <v>77</v>
      </c>
      <c r="AD11030">
        <v>77</v>
      </c>
      <c r="AE11030">
        <v>77</v>
      </c>
      <c r="AF11030">
        <v>77</v>
      </c>
      <c r="AG11030">
        <v>77</v>
      </c>
      <c r="AH11030">
        <v>77</v>
      </c>
      <c r="AI11030">
        <v>77</v>
      </c>
      <c r="AJ11030">
        <v>77</v>
      </c>
      <c r="AK11030">
        <v>77</v>
      </c>
      <c r="AL11030">
        <v>77</v>
      </c>
      <c r="AM11030">
        <v>76</v>
      </c>
      <c r="AN11030">
        <v>76</v>
      </c>
      <c r="AO11030">
        <v>75</v>
      </c>
      <c r="AP11030">
        <v>75</v>
      </c>
      <c r="AQ11030">
        <v>74</v>
      </c>
    </row>
    <row r="11031" spans="1:43">
      <c r="A11031" t="s">
        <v>6860</v>
      </c>
      <c r="B11031" t="s">
        <v>6861</v>
      </c>
      <c r="C11031" t="s">
        <v>6848</v>
      </c>
      <c r="D11031" t="s">
        <v>6849</v>
      </c>
      <c r="E11031" t="s">
        <v>6594</v>
      </c>
      <c r="F11031" t="s">
        <v>6595</v>
      </c>
      <c r="G11031" t="s">
        <v>80</v>
      </c>
      <c r="H11031" t="s">
        <v>81</v>
      </c>
      <c r="I11031" s="2">
        <v>0</v>
      </c>
      <c r="J11031" s="2">
        <v>1</v>
      </c>
      <c r="K11031" s="2">
        <v>0</v>
      </c>
      <c r="L11031" t="s">
        <v>82</v>
      </c>
      <c r="M11031" t="s">
        <v>87</v>
      </c>
      <c r="N11031" t="s">
        <v>88</v>
      </c>
      <c r="O11031" t="s">
        <v>85</v>
      </c>
      <c r="P11031" t="s">
        <v>86</v>
      </c>
      <c r="Q11031">
        <v>73</v>
      </c>
      <c r="R11031">
        <v>73</v>
      </c>
      <c r="S11031">
        <v>73</v>
      </c>
      <c r="T11031">
        <v>73</v>
      </c>
      <c r="U11031">
        <v>72</v>
      </c>
      <c r="V11031">
        <v>72</v>
      </c>
      <c r="W11031">
        <v>72</v>
      </c>
      <c r="X11031">
        <v>72</v>
      </c>
      <c r="Y11031">
        <v>71</v>
      </c>
      <c r="Z11031">
        <v>71</v>
      </c>
      <c r="AA11031">
        <v>71</v>
      </c>
      <c r="AB11031">
        <v>70</v>
      </c>
      <c r="AC11031">
        <v>70</v>
      </c>
      <c r="AD11031">
        <v>70</v>
      </c>
      <c r="AE11031">
        <v>69</v>
      </c>
      <c r="AF11031">
        <v>69</v>
      </c>
      <c r="AG11031">
        <v>69</v>
      </c>
      <c r="AH11031">
        <v>68</v>
      </c>
      <c r="AI11031">
        <v>68</v>
      </c>
      <c r="AJ11031">
        <v>68</v>
      </c>
      <c r="AK11031">
        <v>67</v>
      </c>
      <c r="AL11031">
        <v>67</v>
      </c>
      <c r="AM11031">
        <v>67</v>
      </c>
      <c r="AN11031">
        <v>66</v>
      </c>
      <c r="AO11031">
        <v>66</v>
      </c>
      <c r="AP11031">
        <v>66</v>
      </c>
      <c r="AQ11031">
        <v>65</v>
      </c>
    </row>
    <row r="11032" spans="1:43">
      <c r="A11032" t="s">
        <v>6860</v>
      </c>
      <c r="B11032" t="s">
        <v>6861</v>
      </c>
      <c r="C11032" t="s">
        <v>6848</v>
      </c>
      <c r="D11032" t="s">
        <v>6849</v>
      </c>
      <c r="E11032" t="s">
        <v>6594</v>
      </c>
      <c r="F11032" t="s">
        <v>6595</v>
      </c>
      <c r="G11032" t="s">
        <v>80</v>
      </c>
      <c r="H11032" t="s">
        <v>81</v>
      </c>
      <c r="I11032" s="2">
        <v>0</v>
      </c>
      <c r="J11032" s="2">
        <v>1</v>
      </c>
      <c r="K11032" s="2">
        <v>0</v>
      </c>
      <c r="L11032" t="s">
        <v>82</v>
      </c>
      <c r="M11032" t="s">
        <v>89</v>
      </c>
      <c r="N11032" t="s">
        <v>90</v>
      </c>
      <c r="O11032" t="s">
        <v>85</v>
      </c>
      <c r="P11032" t="s">
        <v>86</v>
      </c>
      <c r="Q11032">
        <v>73</v>
      </c>
      <c r="R11032">
        <v>74</v>
      </c>
      <c r="S11032">
        <v>75</v>
      </c>
      <c r="T11032">
        <v>76</v>
      </c>
      <c r="U11032">
        <v>77</v>
      </c>
      <c r="V11032">
        <v>78</v>
      </c>
      <c r="W11032">
        <v>78</v>
      </c>
      <c r="X11032">
        <v>79</v>
      </c>
      <c r="Y11032">
        <v>80</v>
      </c>
      <c r="Z11032">
        <v>80</v>
      </c>
      <c r="AA11032">
        <v>81</v>
      </c>
      <c r="AB11032">
        <v>81</v>
      </c>
      <c r="AC11032">
        <v>81</v>
      </c>
      <c r="AD11032">
        <v>82</v>
      </c>
      <c r="AE11032">
        <v>82</v>
      </c>
      <c r="AF11032">
        <v>81</v>
      </c>
      <c r="AG11032">
        <v>80</v>
      </c>
      <c r="AH11032">
        <v>80</v>
      </c>
      <c r="AI11032">
        <v>79</v>
      </c>
      <c r="AJ11032">
        <v>78</v>
      </c>
      <c r="AK11032">
        <v>78</v>
      </c>
      <c r="AL11032">
        <v>77</v>
      </c>
      <c r="AM11032">
        <v>76</v>
      </c>
      <c r="AN11032">
        <v>76</v>
      </c>
      <c r="AO11032">
        <v>75</v>
      </c>
      <c r="AP11032">
        <v>75</v>
      </c>
      <c r="AQ11032">
        <v>74</v>
      </c>
    </row>
    <row r="11033" spans="1:43">
      <c r="A11033" t="s">
        <v>6860</v>
      </c>
      <c r="B11033" t="s">
        <v>6861</v>
      </c>
      <c r="C11033" t="s">
        <v>6848</v>
      </c>
      <c r="D11033" t="s">
        <v>6849</v>
      </c>
      <c r="E11033" t="s">
        <v>6594</v>
      </c>
      <c r="F11033" t="s">
        <v>6595</v>
      </c>
      <c r="G11033" t="s">
        <v>80</v>
      </c>
      <c r="H11033" t="s">
        <v>81</v>
      </c>
      <c r="I11033" s="2">
        <v>0</v>
      </c>
      <c r="J11033" s="2">
        <v>1</v>
      </c>
      <c r="K11033" s="2">
        <v>0</v>
      </c>
      <c r="L11033" t="s">
        <v>82</v>
      </c>
      <c r="M11033" t="s">
        <v>83</v>
      </c>
      <c r="N11033" t="s">
        <v>91</v>
      </c>
      <c r="O11033" t="s">
        <v>85</v>
      </c>
      <c r="P11033" t="s">
        <v>86</v>
      </c>
      <c r="Q11033">
        <v>73</v>
      </c>
      <c r="R11033">
        <v>73</v>
      </c>
      <c r="S11033">
        <v>74</v>
      </c>
      <c r="T11033">
        <v>74</v>
      </c>
      <c r="U11033">
        <v>75</v>
      </c>
      <c r="V11033">
        <v>75</v>
      </c>
      <c r="W11033">
        <v>76</v>
      </c>
      <c r="X11033">
        <v>76</v>
      </c>
      <c r="Y11033">
        <v>76</v>
      </c>
      <c r="Z11033">
        <v>76</v>
      </c>
      <c r="AA11033">
        <v>77</v>
      </c>
      <c r="AB11033">
        <v>77</v>
      </c>
      <c r="AC11033">
        <v>77</v>
      </c>
      <c r="AD11033">
        <v>77</v>
      </c>
      <c r="AE11033">
        <v>77</v>
      </c>
      <c r="AF11033">
        <v>77</v>
      </c>
      <c r="AG11033">
        <v>77</v>
      </c>
      <c r="AH11033">
        <v>77</v>
      </c>
      <c r="AI11033">
        <v>77</v>
      </c>
      <c r="AJ11033">
        <v>77</v>
      </c>
      <c r="AK11033">
        <v>77</v>
      </c>
      <c r="AL11033">
        <v>77</v>
      </c>
      <c r="AM11033">
        <v>76</v>
      </c>
      <c r="AN11033">
        <v>76</v>
      </c>
      <c r="AO11033">
        <v>75</v>
      </c>
      <c r="AP11033">
        <v>75</v>
      </c>
      <c r="AQ11033">
        <v>74</v>
      </c>
    </row>
    <row r="11034" spans="1:43">
      <c r="A11034" t="s">
        <v>6862</v>
      </c>
      <c r="B11034" t="s">
        <v>6863</v>
      </c>
      <c r="C11034" t="s">
        <v>6844</v>
      </c>
      <c r="D11034" t="s">
        <v>6845</v>
      </c>
      <c r="E11034" t="s">
        <v>6594</v>
      </c>
      <c r="F11034" t="s">
        <v>6595</v>
      </c>
      <c r="G11034" t="s">
        <v>80</v>
      </c>
      <c r="H11034" t="s">
        <v>81</v>
      </c>
      <c r="I11034" s="2">
        <v>0</v>
      </c>
      <c r="J11034" s="2">
        <v>1</v>
      </c>
      <c r="K11034" s="2">
        <v>0</v>
      </c>
      <c r="L11034" t="s">
        <v>82</v>
      </c>
      <c r="M11034" t="s">
        <v>83</v>
      </c>
      <c r="N11034" t="s">
        <v>84</v>
      </c>
      <c r="O11034" t="s">
        <v>85</v>
      </c>
      <c r="P11034" t="s">
        <v>86</v>
      </c>
      <c r="Q11034">
        <v>30</v>
      </c>
      <c r="R11034">
        <v>30</v>
      </c>
      <c r="S11034">
        <v>30</v>
      </c>
      <c r="T11034">
        <v>30</v>
      </c>
      <c r="U11034">
        <v>30</v>
      </c>
      <c r="V11034">
        <v>30</v>
      </c>
      <c r="W11034">
        <v>31</v>
      </c>
      <c r="X11034">
        <v>31</v>
      </c>
      <c r="Y11034">
        <v>31</v>
      </c>
      <c r="Z11034">
        <v>31</v>
      </c>
      <c r="AA11034">
        <v>31</v>
      </c>
      <c r="AB11034">
        <v>31</v>
      </c>
      <c r="AC11034">
        <v>31</v>
      </c>
      <c r="AD11034">
        <v>31</v>
      </c>
      <c r="AE11034">
        <v>31</v>
      </c>
      <c r="AF11034">
        <v>31</v>
      </c>
      <c r="AG11034">
        <v>31</v>
      </c>
      <c r="AH11034">
        <v>31</v>
      </c>
      <c r="AI11034">
        <v>31</v>
      </c>
      <c r="AJ11034">
        <v>31</v>
      </c>
      <c r="AK11034">
        <v>31</v>
      </c>
      <c r="AL11034">
        <v>31</v>
      </c>
      <c r="AM11034">
        <v>31</v>
      </c>
      <c r="AN11034">
        <v>30</v>
      </c>
      <c r="AO11034">
        <v>30</v>
      </c>
      <c r="AP11034">
        <v>30</v>
      </c>
      <c r="AQ11034">
        <v>29</v>
      </c>
    </row>
    <row r="11035" spans="1:43">
      <c r="A11035" t="s">
        <v>6862</v>
      </c>
      <c r="B11035" t="s">
        <v>6863</v>
      </c>
      <c r="C11035" t="s">
        <v>6844</v>
      </c>
      <c r="D11035" t="s">
        <v>6845</v>
      </c>
      <c r="E11035" t="s">
        <v>6594</v>
      </c>
      <c r="F11035" t="s">
        <v>6595</v>
      </c>
      <c r="G11035" t="s">
        <v>80</v>
      </c>
      <c r="H11035" t="s">
        <v>81</v>
      </c>
      <c r="I11035" s="2">
        <v>0</v>
      </c>
      <c r="J11035" s="2">
        <v>1</v>
      </c>
      <c r="K11035" s="2">
        <v>0</v>
      </c>
      <c r="L11035" t="s">
        <v>82</v>
      </c>
      <c r="M11035" t="s">
        <v>87</v>
      </c>
      <c r="N11035" t="s">
        <v>88</v>
      </c>
      <c r="O11035" t="s">
        <v>85</v>
      </c>
      <c r="P11035" t="s">
        <v>86</v>
      </c>
      <c r="Q11035">
        <v>30</v>
      </c>
      <c r="R11035">
        <v>30</v>
      </c>
      <c r="S11035">
        <v>30</v>
      </c>
      <c r="T11035">
        <v>30</v>
      </c>
      <c r="U11035">
        <v>30</v>
      </c>
      <c r="V11035">
        <v>30</v>
      </c>
      <c r="W11035">
        <v>30</v>
      </c>
      <c r="X11035">
        <v>30</v>
      </c>
      <c r="Y11035">
        <v>29</v>
      </c>
      <c r="Z11035">
        <v>29</v>
      </c>
      <c r="AA11035">
        <v>29</v>
      </c>
      <c r="AB11035">
        <v>29</v>
      </c>
      <c r="AC11035">
        <v>29</v>
      </c>
      <c r="AD11035">
        <v>29</v>
      </c>
      <c r="AE11035">
        <v>28</v>
      </c>
      <c r="AF11035">
        <v>28</v>
      </c>
      <c r="AG11035">
        <v>28</v>
      </c>
      <c r="AH11035">
        <v>28</v>
      </c>
      <c r="AI11035">
        <v>28</v>
      </c>
      <c r="AJ11035">
        <v>28</v>
      </c>
      <c r="AK11035">
        <v>27</v>
      </c>
      <c r="AL11035">
        <v>27</v>
      </c>
      <c r="AM11035">
        <v>27</v>
      </c>
      <c r="AN11035">
        <v>27</v>
      </c>
      <c r="AO11035">
        <v>27</v>
      </c>
      <c r="AP11035">
        <v>27</v>
      </c>
      <c r="AQ11035">
        <v>26</v>
      </c>
    </row>
    <row r="11036" spans="1:43">
      <c r="A11036" t="s">
        <v>6862</v>
      </c>
      <c r="B11036" t="s">
        <v>6863</v>
      </c>
      <c r="C11036" t="s">
        <v>6844</v>
      </c>
      <c r="D11036" t="s">
        <v>6845</v>
      </c>
      <c r="E11036" t="s">
        <v>6594</v>
      </c>
      <c r="F11036" t="s">
        <v>6595</v>
      </c>
      <c r="G11036" t="s">
        <v>80</v>
      </c>
      <c r="H11036" t="s">
        <v>81</v>
      </c>
      <c r="I11036" s="2">
        <v>0</v>
      </c>
      <c r="J11036" s="2">
        <v>1</v>
      </c>
      <c r="K11036" s="2">
        <v>0</v>
      </c>
      <c r="L11036" t="s">
        <v>82</v>
      </c>
      <c r="M11036" t="s">
        <v>89</v>
      </c>
      <c r="N11036" t="s">
        <v>90</v>
      </c>
      <c r="O11036" t="s">
        <v>85</v>
      </c>
      <c r="P11036" t="s">
        <v>86</v>
      </c>
      <c r="Q11036">
        <v>30</v>
      </c>
      <c r="R11036">
        <v>30</v>
      </c>
      <c r="S11036">
        <v>31</v>
      </c>
      <c r="T11036">
        <v>31</v>
      </c>
      <c r="U11036">
        <v>32</v>
      </c>
      <c r="V11036">
        <v>32</v>
      </c>
      <c r="W11036">
        <v>32</v>
      </c>
      <c r="X11036">
        <v>32</v>
      </c>
      <c r="Y11036">
        <v>33</v>
      </c>
      <c r="Z11036">
        <v>33</v>
      </c>
      <c r="AA11036">
        <v>33</v>
      </c>
      <c r="AB11036">
        <v>33</v>
      </c>
      <c r="AC11036">
        <v>33</v>
      </c>
      <c r="AD11036">
        <v>33</v>
      </c>
      <c r="AE11036">
        <v>33</v>
      </c>
      <c r="AF11036">
        <v>33</v>
      </c>
      <c r="AG11036">
        <v>33</v>
      </c>
      <c r="AH11036">
        <v>32</v>
      </c>
      <c r="AI11036">
        <v>32</v>
      </c>
      <c r="AJ11036">
        <v>32</v>
      </c>
      <c r="AK11036">
        <v>31</v>
      </c>
      <c r="AL11036">
        <v>31</v>
      </c>
      <c r="AM11036">
        <v>31</v>
      </c>
      <c r="AN11036">
        <v>31</v>
      </c>
      <c r="AO11036">
        <v>30</v>
      </c>
      <c r="AP11036">
        <v>30</v>
      </c>
      <c r="AQ11036">
        <v>30</v>
      </c>
    </row>
    <row r="11037" spans="1:43">
      <c r="A11037" t="s">
        <v>6862</v>
      </c>
      <c r="B11037" t="s">
        <v>6863</v>
      </c>
      <c r="C11037" t="s">
        <v>6844</v>
      </c>
      <c r="D11037" t="s">
        <v>6845</v>
      </c>
      <c r="E11037" t="s">
        <v>6594</v>
      </c>
      <c r="F11037" t="s">
        <v>6595</v>
      </c>
      <c r="G11037" t="s">
        <v>80</v>
      </c>
      <c r="H11037" t="s">
        <v>81</v>
      </c>
      <c r="I11037" s="2">
        <v>0</v>
      </c>
      <c r="J11037" s="2">
        <v>1</v>
      </c>
      <c r="K11037" s="2">
        <v>0</v>
      </c>
      <c r="L11037" t="s">
        <v>82</v>
      </c>
      <c r="M11037" t="s">
        <v>83</v>
      </c>
      <c r="N11037" t="s">
        <v>91</v>
      </c>
      <c r="O11037" t="s">
        <v>85</v>
      </c>
      <c r="P11037" t="s">
        <v>86</v>
      </c>
      <c r="Q11037">
        <v>30</v>
      </c>
      <c r="R11037">
        <v>30</v>
      </c>
      <c r="S11037">
        <v>30</v>
      </c>
      <c r="T11037">
        <v>30</v>
      </c>
      <c r="U11037">
        <v>30</v>
      </c>
      <c r="V11037">
        <v>30</v>
      </c>
      <c r="W11037">
        <v>31</v>
      </c>
      <c r="X11037">
        <v>31</v>
      </c>
      <c r="Y11037">
        <v>31</v>
      </c>
      <c r="Z11037">
        <v>31</v>
      </c>
      <c r="AA11037">
        <v>31</v>
      </c>
      <c r="AB11037">
        <v>31</v>
      </c>
      <c r="AC11037">
        <v>31</v>
      </c>
      <c r="AD11037">
        <v>31</v>
      </c>
      <c r="AE11037">
        <v>31</v>
      </c>
      <c r="AF11037">
        <v>31</v>
      </c>
      <c r="AG11037">
        <v>31</v>
      </c>
      <c r="AH11037">
        <v>31</v>
      </c>
      <c r="AI11037">
        <v>31</v>
      </c>
      <c r="AJ11037">
        <v>31</v>
      </c>
      <c r="AK11037">
        <v>31</v>
      </c>
      <c r="AL11037">
        <v>31</v>
      </c>
      <c r="AM11037">
        <v>31</v>
      </c>
      <c r="AN11037">
        <v>30</v>
      </c>
      <c r="AO11037">
        <v>30</v>
      </c>
      <c r="AP11037">
        <v>30</v>
      </c>
      <c r="AQ11037">
        <v>29</v>
      </c>
    </row>
    <row r="11038" spans="1:43">
      <c r="A11038" t="s">
        <v>6864</v>
      </c>
      <c r="B11038" t="s">
        <v>6865</v>
      </c>
      <c r="C11038" t="s">
        <v>6866</v>
      </c>
      <c r="D11038" t="s">
        <v>6867</v>
      </c>
      <c r="E11038" t="s">
        <v>6594</v>
      </c>
      <c r="F11038" t="s">
        <v>6595</v>
      </c>
      <c r="G11038" t="s">
        <v>80</v>
      </c>
      <c r="H11038" t="s">
        <v>81</v>
      </c>
      <c r="I11038" s="2">
        <v>0</v>
      </c>
      <c r="J11038" s="2">
        <v>1</v>
      </c>
      <c r="K11038" s="2">
        <v>0</v>
      </c>
      <c r="L11038" t="s">
        <v>82</v>
      </c>
      <c r="M11038" t="s">
        <v>83</v>
      </c>
      <c r="N11038" t="s">
        <v>84</v>
      </c>
      <c r="O11038" t="s">
        <v>85</v>
      </c>
      <c r="P11038" t="s">
        <v>86</v>
      </c>
      <c r="Q11038">
        <v>13</v>
      </c>
      <c r="R11038">
        <v>13</v>
      </c>
      <c r="S11038">
        <v>13</v>
      </c>
      <c r="T11038">
        <v>13</v>
      </c>
      <c r="U11038">
        <v>13</v>
      </c>
      <c r="V11038">
        <v>13</v>
      </c>
      <c r="W11038">
        <v>13</v>
      </c>
      <c r="X11038">
        <v>13</v>
      </c>
      <c r="Y11038">
        <v>13</v>
      </c>
      <c r="Z11038">
        <v>13</v>
      </c>
      <c r="AA11038">
        <v>13</v>
      </c>
      <c r="AB11038">
        <v>13</v>
      </c>
      <c r="AC11038">
        <v>13</v>
      </c>
      <c r="AD11038">
        <v>13</v>
      </c>
      <c r="AE11038">
        <v>13</v>
      </c>
      <c r="AF11038">
        <v>13</v>
      </c>
      <c r="AG11038">
        <v>13</v>
      </c>
      <c r="AH11038">
        <v>13</v>
      </c>
      <c r="AI11038">
        <v>13</v>
      </c>
      <c r="AJ11038">
        <v>13</v>
      </c>
      <c r="AK11038">
        <v>13</v>
      </c>
      <c r="AL11038">
        <v>13</v>
      </c>
      <c r="AM11038">
        <v>13</v>
      </c>
      <c r="AN11038">
        <v>13</v>
      </c>
      <c r="AO11038">
        <v>13</v>
      </c>
      <c r="AP11038">
        <v>13</v>
      </c>
      <c r="AQ11038">
        <v>12</v>
      </c>
    </row>
    <row r="11039" spans="1:43">
      <c r="A11039" t="s">
        <v>6864</v>
      </c>
      <c r="B11039" t="s">
        <v>6865</v>
      </c>
      <c r="C11039" t="s">
        <v>6866</v>
      </c>
      <c r="D11039" t="s">
        <v>6867</v>
      </c>
      <c r="E11039" t="s">
        <v>6594</v>
      </c>
      <c r="F11039" t="s">
        <v>6595</v>
      </c>
      <c r="G11039" t="s">
        <v>80</v>
      </c>
      <c r="H11039" t="s">
        <v>81</v>
      </c>
      <c r="I11039" s="2">
        <v>0</v>
      </c>
      <c r="J11039" s="2">
        <v>1</v>
      </c>
      <c r="K11039" s="2">
        <v>0</v>
      </c>
      <c r="L11039" t="s">
        <v>82</v>
      </c>
      <c r="M11039" t="s">
        <v>87</v>
      </c>
      <c r="N11039" t="s">
        <v>88</v>
      </c>
      <c r="O11039" t="s">
        <v>85</v>
      </c>
      <c r="P11039" t="s">
        <v>86</v>
      </c>
      <c r="Q11039">
        <v>13</v>
      </c>
      <c r="R11039">
        <v>13</v>
      </c>
      <c r="S11039">
        <v>13</v>
      </c>
      <c r="T11039">
        <v>13</v>
      </c>
      <c r="U11039">
        <v>13</v>
      </c>
      <c r="V11039">
        <v>13</v>
      </c>
      <c r="W11039">
        <v>12</v>
      </c>
      <c r="X11039">
        <v>12</v>
      </c>
      <c r="Y11039">
        <v>12</v>
      </c>
      <c r="Z11039">
        <v>12</v>
      </c>
      <c r="AA11039">
        <v>12</v>
      </c>
      <c r="AB11039">
        <v>12</v>
      </c>
      <c r="AC11039">
        <v>12</v>
      </c>
      <c r="AD11039">
        <v>12</v>
      </c>
      <c r="AE11039">
        <v>12</v>
      </c>
      <c r="AF11039">
        <v>12</v>
      </c>
      <c r="AG11039">
        <v>12</v>
      </c>
      <c r="AH11039">
        <v>12</v>
      </c>
      <c r="AI11039">
        <v>11</v>
      </c>
      <c r="AJ11039">
        <v>11</v>
      </c>
      <c r="AK11039">
        <v>11</v>
      </c>
      <c r="AL11039">
        <v>11</v>
      </c>
      <c r="AM11039">
        <v>11</v>
      </c>
      <c r="AN11039">
        <v>11</v>
      </c>
      <c r="AO11039">
        <v>11</v>
      </c>
      <c r="AP11039">
        <v>11</v>
      </c>
      <c r="AQ11039">
        <v>11</v>
      </c>
    </row>
    <row r="11040" spans="1:43">
      <c r="A11040" t="s">
        <v>6864</v>
      </c>
      <c r="B11040" t="s">
        <v>6865</v>
      </c>
      <c r="C11040" t="s">
        <v>6866</v>
      </c>
      <c r="D11040" t="s">
        <v>6867</v>
      </c>
      <c r="E11040" t="s">
        <v>6594</v>
      </c>
      <c r="F11040" t="s">
        <v>6595</v>
      </c>
      <c r="G11040" t="s">
        <v>80</v>
      </c>
      <c r="H11040" t="s">
        <v>81</v>
      </c>
      <c r="I11040" s="2">
        <v>0</v>
      </c>
      <c r="J11040" s="2">
        <v>1</v>
      </c>
      <c r="K11040" s="2">
        <v>0</v>
      </c>
      <c r="L11040" t="s">
        <v>82</v>
      </c>
      <c r="M11040" t="s">
        <v>89</v>
      </c>
      <c r="N11040" t="s">
        <v>90</v>
      </c>
      <c r="O11040" t="s">
        <v>85</v>
      </c>
      <c r="P11040" t="s">
        <v>86</v>
      </c>
      <c r="Q11040">
        <v>13</v>
      </c>
      <c r="R11040">
        <v>13</v>
      </c>
      <c r="S11040">
        <v>13</v>
      </c>
      <c r="T11040">
        <v>14</v>
      </c>
      <c r="U11040">
        <v>14</v>
      </c>
      <c r="V11040">
        <v>14</v>
      </c>
      <c r="W11040">
        <v>14</v>
      </c>
      <c r="X11040">
        <v>14</v>
      </c>
      <c r="Y11040">
        <v>14</v>
      </c>
      <c r="Z11040">
        <v>14</v>
      </c>
      <c r="AA11040">
        <v>14</v>
      </c>
      <c r="AB11040">
        <v>14</v>
      </c>
      <c r="AC11040">
        <v>14</v>
      </c>
      <c r="AD11040">
        <v>14</v>
      </c>
      <c r="AE11040">
        <v>14</v>
      </c>
      <c r="AF11040">
        <v>14</v>
      </c>
      <c r="AG11040">
        <v>14</v>
      </c>
      <c r="AH11040">
        <v>14</v>
      </c>
      <c r="AI11040">
        <v>14</v>
      </c>
      <c r="AJ11040">
        <v>14</v>
      </c>
      <c r="AK11040">
        <v>13</v>
      </c>
      <c r="AL11040">
        <v>13</v>
      </c>
      <c r="AM11040">
        <v>13</v>
      </c>
      <c r="AN11040">
        <v>13</v>
      </c>
      <c r="AO11040">
        <v>13</v>
      </c>
      <c r="AP11040">
        <v>13</v>
      </c>
      <c r="AQ11040">
        <v>12</v>
      </c>
    </row>
    <row r="11041" spans="1:43">
      <c r="A11041" t="s">
        <v>6864</v>
      </c>
      <c r="B11041" t="s">
        <v>6865</v>
      </c>
      <c r="C11041" t="s">
        <v>6866</v>
      </c>
      <c r="D11041" t="s">
        <v>6867</v>
      </c>
      <c r="E11041" t="s">
        <v>6594</v>
      </c>
      <c r="F11041" t="s">
        <v>6595</v>
      </c>
      <c r="G11041" t="s">
        <v>80</v>
      </c>
      <c r="H11041" t="s">
        <v>81</v>
      </c>
      <c r="I11041" s="2">
        <v>0</v>
      </c>
      <c r="J11041" s="2">
        <v>1</v>
      </c>
      <c r="K11041" s="2">
        <v>0</v>
      </c>
      <c r="L11041" t="s">
        <v>82</v>
      </c>
      <c r="M11041" t="s">
        <v>83</v>
      </c>
      <c r="N11041" t="s">
        <v>91</v>
      </c>
      <c r="O11041" t="s">
        <v>85</v>
      </c>
      <c r="P11041" t="s">
        <v>86</v>
      </c>
      <c r="Q11041">
        <v>13</v>
      </c>
      <c r="R11041">
        <v>13</v>
      </c>
      <c r="S11041">
        <v>13</v>
      </c>
      <c r="T11041">
        <v>13</v>
      </c>
      <c r="U11041">
        <v>13</v>
      </c>
      <c r="V11041">
        <v>13</v>
      </c>
      <c r="W11041">
        <v>13</v>
      </c>
      <c r="X11041">
        <v>13</v>
      </c>
      <c r="Y11041">
        <v>13</v>
      </c>
      <c r="Z11041">
        <v>13</v>
      </c>
      <c r="AA11041">
        <v>13</v>
      </c>
      <c r="AB11041">
        <v>13</v>
      </c>
      <c r="AC11041">
        <v>13</v>
      </c>
      <c r="AD11041">
        <v>13</v>
      </c>
      <c r="AE11041">
        <v>13</v>
      </c>
      <c r="AF11041">
        <v>13</v>
      </c>
      <c r="AG11041">
        <v>13</v>
      </c>
      <c r="AH11041">
        <v>13</v>
      </c>
      <c r="AI11041">
        <v>13</v>
      </c>
      <c r="AJ11041">
        <v>13</v>
      </c>
      <c r="AK11041">
        <v>13</v>
      </c>
      <c r="AL11041">
        <v>13</v>
      </c>
      <c r="AM11041">
        <v>13</v>
      </c>
      <c r="AN11041">
        <v>13</v>
      </c>
      <c r="AO11041">
        <v>13</v>
      </c>
      <c r="AP11041">
        <v>13</v>
      </c>
      <c r="AQ11041">
        <v>12</v>
      </c>
    </row>
    <row r="11042" spans="1:43">
      <c r="A11042" t="s">
        <v>6868</v>
      </c>
      <c r="B11042" t="s">
        <v>6869</v>
      </c>
      <c r="C11042" t="s">
        <v>6866</v>
      </c>
      <c r="D11042" t="s">
        <v>6867</v>
      </c>
      <c r="E11042" t="s">
        <v>6594</v>
      </c>
      <c r="F11042" t="s">
        <v>6595</v>
      </c>
      <c r="G11042" t="s">
        <v>80</v>
      </c>
      <c r="H11042" t="s">
        <v>81</v>
      </c>
      <c r="I11042" s="2">
        <v>0</v>
      </c>
      <c r="J11042" s="2">
        <v>1</v>
      </c>
      <c r="K11042" s="2">
        <v>0</v>
      </c>
      <c r="L11042" t="s">
        <v>82</v>
      </c>
      <c r="M11042" t="s">
        <v>83</v>
      </c>
      <c r="N11042" t="s">
        <v>84</v>
      </c>
      <c r="O11042" t="s">
        <v>85</v>
      </c>
      <c r="P11042" t="s">
        <v>86</v>
      </c>
      <c r="Q11042">
        <v>26</v>
      </c>
      <c r="R11042">
        <v>26</v>
      </c>
      <c r="S11042">
        <v>26</v>
      </c>
      <c r="T11042">
        <v>26</v>
      </c>
      <c r="U11042">
        <v>26</v>
      </c>
      <c r="V11042">
        <v>27</v>
      </c>
      <c r="W11042">
        <v>27</v>
      </c>
      <c r="X11042">
        <v>27</v>
      </c>
      <c r="Y11042">
        <v>27</v>
      </c>
      <c r="Z11042">
        <v>27</v>
      </c>
      <c r="AA11042">
        <v>27</v>
      </c>
      <c r="AB11042">
        <v>27</v>
      </c>
      <c r="AC11042">
        <v>27</v>
      </c>
      <c r="AD11042">
        <v>27</v>
      </c>
      <c r="AE11042">
        <v>27</v>
      </c>
      <c r="AF11042">
        <v>27</v>
      </c>
      <c r="AG11042">
        <v>27</v>
      </c>
      <c r="AH11042">
        <v>27</v>
      </c>
      <c r="AI11042">
        <v>27</v>
      </c>
      <c r="AJ11042">
        <v>27</v>
      </c>
      <c r="AK11042">
        <v>27</v>
      </c>
      <c r="AL11042">
        <v>27</v>
      </c>
      <c r="AM11042">
        <v>26</v>
      </c>
      <c r="AN11042">
        <v>26</v>
      </c>
      <c r="AO11042">
        <v>26</v>
      </c>
      <c r="AP11042">
        <v>26</v>
      </c>
      <c r="AQ11042">
        <v>25</v>
      </c>
    </row>
    <row r="11043" spans="1:43">
      <c r="A11043" t="s">
        <v>6868</v>
      </c>
      <c r="B11043" t="s">
        <v>6869</v>
      </c>
      <c r="C11043" t="s">
        <v>6866</v>
      </c>
      <c r="D11043" t="s">
        <v>6867</v>
      </c>
      <c r="E11043" t="s">
        <v>6594</v>
      </c>
      <c r="F11043" t="s">
        <v>6595</v>
      </c>
      <c r="G11043" t="s">
        <v>80</v>
      </c>
      <c r="H11043" t="s">
        <v>81</v>
      </c>
      <c r="I11043" s="2">
        <v>0</v>
      </c>
      <c r="J11043" s="2">
        <v>1</v>
      </c>
      <c r="K11043" s="2">
        <v>0</v>
      </c>
      <c r="L11043" t="s">
        <v>82</v>
      </c>
      <c r="M11043" t="s">
        <v>87</v>
      </c>
      <c r="N11043" t="s">
        <v>88</v>
      </c>
      <c r="O11043" t="s">
        <v>85</v>
      </c>
      <c r="P11043" t="s">
        <v>86</v>
      </c>
      <c r="Q11043">
        <v>26</v>
      </c>
      <c r="R11043">
        <v>26</v>
      </c>
      <c r="S11043">
        <v>25</v>
      </c>
      <c r="T11043">
        <v>25</v>
      </c>
      <c r="U11043">
        <v>25</v>
      </c>
      <c r="V11043">
        <v>25</v>
      </c>
      <c r="W11043">
        <v>25</v>
      </c>
      <c r="X11043">
        <v>25</v>
      </c>
      <c r="Y11043">
        <v>25</v>
      </c>
      <c r="Z11043">
        <v>25</v>
      </c>
      <c r="AA11043">
        <v>24</v>
      </c>
      <c r="AB11043">
        <v>24</v>
      </c>
      <c r="AC11043">
        <v>24</v>
      </c>
      <c r="AD11043">
        <v>24</v>
      </c>
      <c r="AE11043">
        <v>24</v>
      </c>
      <c r="AF11043">
        <v>24</v>
      </c>
      <c r="AG11043">
        <v>24</v>
      </c>
      <c r="AH11043">
        <v>23</v>
      </c>
      <c r="AI11043">
        <v>23</v>
      </c>
      <c r="AJ11043">
        <v>23</v>
      </c>
      <c r="AK11043">
        <v>23</v>
      </c>
      <c r="AL11043">
        <v>23</v>
      </c>
      <c r="AM11043">
        <v>23</v>
      </c>
      <c r="AN11043">
        <v>22</v>
      </c>
      <c r="AO11043">
        <v>22</v>
      </c>
      <c r="AP11043">
        <v>22</v>
      </c>
      <c r="AQ11043">
        <v>22</v>
      </c>
    </row>
    <row r="11044" spans="1:43">
      <c r="A11044" t="s">
        <v>6868</v>
      </c>
      <c r="B11044" t="s">
        <v>6869</v>
      </c>
      <c r="C11044" t="s">
        <v>6866</v>
      </c>
      <c r="D11044" t="s">
        <v>6867</v>
      </c>
      <c r="E11044" t="s">
        <v>6594</v>
      </c>
      <c r="F11044" t="s">
        <v>6595</v>
      </c>
      <c r="G11044" t="s">
        <v>80</v>
      </c>
      <c r="H11044" t="s">
        <v>81</v>
      </c>
      <c r="I11044" s="2">
        <v>0</v>
      </c>
      <c r="J11044" s="2">
        <v>1</v>
      </c>
      <c r="K11044" s="2">
        <v>0</v>
      </c>
      <c r="L11044" t="s">
        <v>82</v>
      </c>
      <c r="M11044" t="s">
        <v>89</v>
      </c>
      <c r="N11044" t="s">
        <v>90</v>
      </c>
      <c r="O11044" t="s">
        <v>85</v>
      </c>
      <c r="P11044" t="s">
        <v>86</v>
      </c>
      <c r="Q11044">
        <v>26</v>
      </c>
      <c r="R11044">
        <v>26</v>
      </c>
      <c r="S11044">
        <v>27</v>
      </c>
      <c r="T11044">
        <v>27</v>
      </c>
      <c r="U11044">
        <v>27</v>
      </c>
      <c r="V11044">
        <v>28</v>
      </c>
      <c r="W11044">
        <v>28</v>
      </c>
      <c r="X11044">
        <v>28</v>
      </c>
      <c r="Y11044">
        <v>28</v>
      </c>
      <c r="Z11044">
        <v>28</v>
      </c>
      <c r="AA11044">
        <v>29</v>
      </c>
      <c r="AB11044">
        <v>29</v>
      </c>
      <c r="AC11044">
        <v>29</v>
      </c>
      <c r="AD11044">
        <v>29</v>
      </c>
      <c r="AE11044">
        <v>29</v>
      </c>
      <c r="AF11044">
        <v>29</v>
      </c>
      <c r="AG11044">
        <v>28</v>
      </c>
      <c r="AH11044">
        <v>28</v>
      </c>
      <c r="AI11044">
        <v>28</v>
      </c>
      <c r="AJ11044">
        <v>27</v>
      </c>
      <c r="AK11044">
        <v>27</v>
      </c>
      <c r="AL11044">
        <v>27</v>
      </c>
      <c r="AM11044">
        <v>27</v>
      </c>
      <c r="AN11044">
        <v>26</v>
      </c>
      <c r="AO11044">
        <v>26</v>
      </c>
      <c r="AP11044">
        <v>26</v>
      </c>
      <c r="AQ11044">
        <v>26</v>
      </c>
    </row>
    <row r="11045" spans="1:43">
      <c r="A11045" t="s">
        <v>6868</v>
      </c>
      <c r="B11045" t="s">
        <v>6869</v>
      </c>
      <c r="C11045" t="s">
        <v>6866</v>
      </c>
      <c r="D11045" t="s">
        <v>6867</v>
      </c>
      <c r="E11045" t="s">
        <v>6594</v>
      </c>
      <c r="F11045" t="s">
        <v>6595</v>
      </c>
      <c r="G11045" t="s">
        <v>80</v>
      </c>
      <c r="H11045" t="s">
        <v>81</v>
      </c>
      <c r="I11045" s="2">
        <v>0</v>
      </c>
      <c r="J11045" s="2">
        <v>1</v>
      </c>
      <c r="K11045" s="2">
        <v>0</v>
      </c>
      <c r="L11045" t="s">
        <v>82</v>
      </c>
      <c r="M11045" t="s">
        <v>83</v>
      </c>
      <c r="N11045" t="s">
        <v>91</v>
      </c>
      <c r="O11045" t="s">
        <v>85</v>
      </c>
      <c r="P11045" t="s">
        <v>86</v>
      </c>
      <c r="Q11045">
        <v>26</v>
      </c>
      <c r="R11045">
        <v>26</v>
      </c>
      <c r="S11045">
        <v>26</v>
      </c>
      <c r="T11045">
        <v>26</v>
      </c>
      <c r="U11045">
        <v>26</v>
      </c>
      <c r="V11045">
        <v>27</v>
      </c>
      <c r="W11045">
        <v>27</v>
      </c>
      <c r="X11045">
        <v>27</v>
      </c>
      <c r="Y11045">
        <v>27</v>
      </c>
      <c r="Z11045">
        <v>27</v>
      </c>
      <c r="AA11045">
        <v>27</v>
      </c>
      <c r="AB11045">
        <v>27</v>
      </c>
      <c r="AC11045">
        <v>27</v>
      </c>
      <c r="AD11045">
        <v>27</v>
      </c>
      <c r="AE11045">
        <v>27</v>
      </c>
      <c r="AF11045">
        <v>27</v>
      </c>
      <c r="AG11045">
        <v>27</v>
      </c>
      <c r="AH11045">
        <v>27</v>
      </c>
      <c r="AI11045">
        <v>27</v>
      </c>
      <c r="AJ11045">
        <v>27</v>
      </c>
      <c r="AK11045">
        <v>27</v>
      </c>
      <c r="AL11045">
        <v>27</v>
      </c>
      <c r="AM11045">
        <v>26</v>
      </c>
      <c r="AN11045">
        <v>26</v>
      </c>
      <c r="AO11045">
        <v>26</v>
      </c>
      <c r="AP11045">
        <v>26</v>
      </c>
      <c r="AQ11045">
        <v>25</v>
      </c>
    </row>
    <row r="11046" spans="1:43">
      <c r="A11046" t="s">
        <v>6870</v>
      </c>
      <c r="B11046" t="s">
        <v>6871</v>
      </c>
      <c r="C11046" t="s">
        <v>6872</v>
      </c>
      <c r="D11046" t="s">
        <v>6873</v>
      </c>
      <c r="E11046" t="s">
        <v>6594</v>
      </c>
      <c r="F11046" t="s">
        <v>6595</v>
      </c>
      <c r="G11046" t="s">
        <v>80</v>
      </c>
      <c r="H11046" t="s">
        <v>81</v>
      </c>
      <c r="I11046" s="2">
        <v>0</v>
      </c>
      <c r="J11046" s="2">
        <v>1</v>
      </c>
      <c r="K11046" s="2">
        <v>0</v>
      </c>
      <c r="L11046" t="s">
        <v>82</v>
      </c>
      <c r="M11046" t="s">
        <v>83</v>
      </c>
      <c r="N11046" t="s">
        <v>84</v>
      </c>
      <c r="O11046" t="s">
        <v>85</v>
      </c>
      <c r="P11046" t="s">
        <v>86</v>
      </c>
      <c r="Q11046">
        <v>24</v>
      </c>
      <c r="R11046">
        <v>24</v>
      </c>
      <c r="S11046">
        <v>24</v>
      </c>
      <c r="T11046">
        <v>24</v>
      </c>
      <c r="U11046">
        <v>24</v>
      </c>
      <c r="V11046">
        <v>24</v>
      </c>
      <c r="W11046">
        <v>24</v>
      </c>
      <c r="X11046">
        <v>24</v>
      </c>
      <c r="Y11046">
        <v>25</v>
      </c>
      <c r="Z11046">
        <v>25</v>
      </c>
      <c r="AA11046">
        <v>25</v>
      </c>
      <c r="AB11046">
        <v>25</v>
      </c>
      <c r="AC11046">
        <v>25</v>
      </c>
      <c r="AD11046">
        <v>25</v>
      </c>
      <c r="AE11046">
        <v>25</v>
      </c>
      <c r="AF11046">
        <v>25</v>
      </c>
      <c r="AG11046">
        <v>24</v>
      </c>
      <c r="AH11046">
        <v>24</v>
      </c>
      <c r="AI11046">
        <v>24</v>
      </c>
      <c r="AJ11046">
        <v>24</v>
      </c>
      <c r="AK11046">
        <v>24</v>
      </c>
      <c r="AL11046">
        <v>24</v>
      </c>
      <c r="AM11046">
        <v>24</v>
      </c>
      <c r="AN11046">
        <v>24</v>
      </c>
      <c r="AO11046">
        <v>23</v>
      </c>
      <c r="AP11046">
        <v>23</v>
      </c>
      <c r="AQ11046">
        <v>23</v>
      </c>
    </row>
    <row r="11047" spans="1:43">
      <c r="A11047" t="s">
        <v>6870</v>
      </c>
      <c r="B11047" t="s">
        <v>6871</v>
      </c>
      <c r="C11047" t="s">
        <v>6872</v>
      </c>
      <c r="D11047" t="s">
        <v>6873</v>
      </c>
      <c r="E11047" t="s">
        <v>6594</v>
      </c>
      <c r="F11047" t="s">
        <v>6595</v>
      </c>
      <c r="G11047" t="s">
        <v>80</v>
      </c>
      <c r="H11047" t="s">
        <v>81</v>
      </c>
      <c r="I11047" s="2">
        <v>0</v>
      </c>
      <c r="J11047" s="2">
        <v>1</v>
      </c>
      <c r="K11047" s="2">
        <v>0</v>
      </c>
      <c r="L11047" t="s">
        <v>82</v>
      </c>
      <c r="M11047" t="s">
        <v>87</v>
      </c>
      <c r="N11047" t="s">
        <v>88</v>
      </c>
      <c r="O11047" t="s">
        <v>85</v>
      </c>
      <c r="P11047" t="s">
        <v>86</v>
      </c>
      <c r="Q11047">
        <v>24</v>
      </c>
      <c r="R11047">
        <v>23</v>
      </c>
      <c r="S11047">
        <v>23</v>
      </c>
      <c r="T11047">
        <v>23</v>
      </c>
      <c r="U11047">
        <v>23</v>
      </c>
      <c r="V11047">
        <v>23</v>
      </c>
      <c r="W11047">
        <v>23</v>
      </c>
      <c r="X11047">
        <v>23</v>
      </c>
      <c r="Y11047">
        <v>23</v>
      </c>
      <c r="Z11047">
        <v>23</v>
      </c>
      <c r="AA11047">
        <v>22</v>
      </c>
      <c r="AB11047">
        <v>22</v>
      </c>
      <c r="AC11047">
        <v>22</v>
      </c>
      <c r="AD11047">
        <v>22</v>
      </c>
      <c r="AE11047">
        <v>22</v>
      </c>
      <c r="AF11047">
        <v>22</v>
      </c>
      <c r="AG11047">
        <v>21</v>
      </c>
      <c r="AH11047">
        <v>21</v>
      </c>
      <c r="AI11047">
        <v>21</v>
      </c>
      <c r="AJ11047">
        <v>21</v>
      </c>
      <c r="AK11047">
        <v>21</v>
      </c>
      <c r="AL11047">
        <v>21</v>
      </c>
      <c r="AM11047">
        <v>20</v>
      </c>
      <c r="AN11047">
        <v>20</v>
      </c>
      <c r="AO11047">
        <v>20</v>
      </c>
      <c r="AP11047">
        <v>20</v>
      </c>
      <c r="AQ11047">
        <v>20</v>
      </c>
    </row>
    <row r="11048" spans="1:43">
      <c r="A11048" t="s">
        <v>6870</v>
      </c>
      <c r="B11048" t="s">
        <v>6871</v>
      </c>
      <c r="C11048" t="s">
        <v>6872</v>
      </c>
      <c r="D11048" t="s">
        <v>6873</v>
      </c>
      <c r="E11048" t="s">
        <v>6594</v>
      </c>
      <c r="F11048" t="s">
        <v>6595</v>
      </c>
      <c r="G11048" t="s">
        <v>80</v>
      </c>
      <c r="H11048" t="s">
        <v>81</v>
      </c>
      <c r="I11048" s="2">
        <v>0</v>
      </c>
      <c r="J11048" s="2">
        <v>1</v>
      </c>
      <c r="K11048" s="2">
        <v>0</v>
      </c>
      <c r="L11048" t="s">
        <v>82</v>
      </c>
      <c r="M11048" t="s">
        <v>89</v>
      </c>
      <c r="N11048" t="s">
        <v>90</v>
      </c>
      <c r="O11048" t="s">
        <v>85</v>
      </c>
      <c r="P11048" t="s">
        <v>86</v>
      </c>
      <c r="Q11048">
        <v>24</v>
      </c>
      <c r="R11048">
        <v>24</v>
      </c>
      <c r="S11048">
        <v>25</v>
      </c>
      <c r="T11048">
        <v>25</v>
      </c>
      <c r="U11048">
        <v>25</v>
      </c>
      <c r="V11048">
        <v>25</v>
      </c>
      <c r="W11048">
        <v>26</v>
      </c>
      <c r="X11048">
        <v>26</v>
      </c>
      <c r="Y11048">
        <v>26</v>
      </c>
      <c r="Z11048">
        <v>26</v>
      </c>
      <c r="AA11048">
        <v>26</v>
      </c>
      <c r="AB11048">
        <v>26</v>
      </c>
      <c r="AC11048">
        <v>26</v>
      </c>
      <c r="AD11048">
        <v>26</v>
      </c>
      <c r="AE11048">
        <v>26</v>
      </c>
      <c r="AF11048">
        <v>26</v>
      </c>
      <c r="AG11048">
        <v>26</v>
      </c>
      <c r="AH11048">
        <v>25</v>
      </c>
      <c r="AI11048">
        <v>25</v>
      </c>
      <c r="AJ11048">
        <v>25</v>
      </c>
      <c r="AK11048">
        <v>25</v>
      </c>
      <c r="AL11048">
        <v>24</v>
      </c>
      <c r="AM11048">
        <v>24</v>
      </c>
      <c r="AN11048">
        <v>24</v>
      </c>
      <c r="AO11048">
        <v>23</v>
      </c>
      <c r="AP11048">
        <v>23</v>
      </c>
      <c r="AQ11048">
        <v>23</v>
      </c>
    </row>
    <row r="11049" spans="1:43">
      <c r="A11049" t="s">
        <v>6870</v>
      </c>
      <c r="B11049" t="s">
        <v>6871</v>
      </c>
      <c r="C11049" t="s">
        <v>6872</v>
      </c>
      <c r="D11049" t="s">
        <v>6873</v>
      </c>
      <c r="E11049" t="s">
        <v>6594</v>
      </c>
      <c r="F11049" t="s">
        <v>6595</v>
      </c>
      <c r="G11049" t="s">
        <v>80</v>
      </c>
      <c r="H11049" t="s">
        <v>81</v>
      </c>
      <c r="I11049" s="2">
        <v>0</v>
      </c>
      <c r="J11049" s="2">
        <v>1</v>
      </c>
      <c r="K11049" s="2">
        <v>0</v>
      </c>
      <c r="L11049" t="s">
        <v>82</v>
      </c>
      <c r="M11049" t="s">
        <v>83</v>
      </c>
      <c r="N11049" t="s">
        <v>91</v>
      </c>
      <c r="O11049" t="s">
        <v>85</v>
      </c>
      <c r="P11049" t="s">
        <v>86</v>
      </c>
      <c r="Q11049">
        <v>24</v>
      </c>
      <c r="R11049">
        <v>24</v>
      </c>
      <c r="S11049">
        <v>24</v>
      </c>
      <c r="T11049">
        <v>24</v>
      </c>
      <c r="U11049">
        <v>24</v>
      </c>
      <c r="V11049">
        <v>24</v>
      </c>
      <c r="W11049">
        <v>24</v>
      </c>
      <c r="X11049">
        <v>24</v>
      </c>
      <c r="Y11049">
        <v>25</v>
      </c>
      <c r="Z11049">
        <v>25</v>
      </c>
      <c r="AA11049">
        <v>25</v>
      </c>
      <c r="AB11049">
        <v>25</v>
      </c>
      <c r="AC11049">
        <v>25</v>
      </c>
      <c r="AD11049">
        <v>25</v>
      </c>
      <c r="AE11049">
        <v>25</v>
      </c>
      <c r="AF11049">
        <v>25</v>
      </c>
      <c r="AG11049">
        <v>24</v>
      </c>
      <c r="AH11049">
        <v>24</v>
      </c>
      <c r="AI11049">
        <v>24</v>
      </c>
      <c r="AJ11049">
        <v>24</v>
      </c>
      <c r="AK11049">
        <v>24</v>
      </c>
      <c r="AL11049">
        <v>24</v>
      </c>
      <c r="AM11049">
        <v>24</v>
      </c>
      <c r="AN11049">
        <v>24</v>
      </c>
      <c r="AO11049">
        <v>23</v>
      </c>
      <c r="AP11049">
        <v>23</v>
      </c>
      <c r="AQ11049">
        <v>23</v>
      </c>
    </row>
    <row r="11050" spans="1:43">
      <c r="A11050" t="s">
        <v>6874</v>
      </c>
      <c r="B11050" t="s">
        <v>6875</v>
      </c>
      <c r="C11050" t="s">
        <v>6872</v>
      </c>
      <c r="D11050" t="s">
        <v>6873</v>
      </c>
      <c r="E11050" t="s">
        <v>6594</v>
      </c>
      <c r="F11050" t="s">
        <v>6595</v>
      </c>
      <c r="G11050" t="s">
        <v>80</v>
      </c>
      <c r="H11050" t="s">
        <v>81</v>
      </c>
      <c r="I11050" s="2">
        <v>0</v>
      </c>
      <c r="J11050" s="2">
        <v>1</v>
      </c>
      <c r="K11050" s="2">
        <v>0</v>
      </c>
      <c r="L11050" t="s">
        <v>82</v>
      </c>
      <c r="M11050" t="s">
        <v>83</v>
      </c>
      <c r="N11050" t="s">
        <v>84</v>
      </c>
      <c r="O11050" t="s">
        <v>85</v>
      </c>
      <c r="P11050" t="s">
        <v>86</v>
      </c>
      <c r="Q11050">
        <v>66</v>
      </c>
      <c r="R11050">
        <v>66</v>
      </c>
      <c r="S11050">
        <v>67</v>
      </c>
      <c r="T11050">
        <v>67</v>
      </c>
      <c r="U11050">
        <v>67</v>
      </c>
      <c r="V11050">
        <v>67</v>
      </c>
      <c r="W11050">
        <v>68</v>
      </c>
      <c r="X11050">
        <v>68</v>
      </c>
      <c r="Y11050">
        <v>68</v>
      </c>
      <c r="Z11050">
        <v>68</v>
      </c>
      <c r="AA11050">
        <v>68</v>
      </c>
      <c r="AB11050">
        <v>68</v>
      </c>
      <c r="AC11050">
        <v>68</v>
      </c>
      <c r="AD11050">
        <v>68</v>
      </c>
      <c r="AE11050">
        <v>68</v>
      </c>
      <c r="AF11050">
        <v>68</v>
      </c>
      <c r="AG11050">
        <v>68</v>
      </c>
      <c r="AH11050">
        <v>68</v>
      </c>
      <c r="AI11050">
        <v>68</v>
      </c>
      <c r="AJ11050">
        <v>68</v>
      </c>
      <c r="AK11050">
        <v>67</v>
      </c>
      <c r="AL11050">
        <v>67</v>
      </c>
      <c r="AM11050">
        <v>66</v>
      </c>
      <c r="AN11050">
        <v>65</v>
      </c>
      <c r="AO11050">
        <v>65</v>
      </c>
      <c r="AP11050">
        <v>64</v>
      </c>
      <c r="AQ11050">
        <v>63</v>
      </c>
    </row>
    <row r="11051" spans="1:43">
      <c r="A11051" t="s">
        <v>6874</v>
      </c>
      <c r="B11051" t="s">
        <v>6875</v>
      </c>
      <c r="C11051" t="s">
        <v>6872</v>
      </c>
      <c r="D11051" t="s">
        <v>6873</v>
      </c>
      <c r="E11051" t="s">
        <v>6594</v>
      </c>
      <c r="F11051" t="s">
        <v>6595</v>
      </c>
      <c r="G11051" t="s">
        <v>80</v>
      </c>
      <c r="H11051" t="s">
        <v>81</v>
      </c>
      <c r="I11051" s="2">
        <v>0</v>
      </c>
      <c r="J11051" s="2">
        <v>1</v>
      </c>
      <c r="K11051" s="2">
        <v>0</v>
      </c>
      <c r="L11051" t="s">
        <v>82</v>
      </c>
      <c r="M11051" t="s">
        <v>87</v>
      </c>
      <c r="N11051" t="s">
        <v>88</v>
      </c>
      <c r="O11051" t="s">
        <v>85</v>
      </c>
      <c r="P11051" t="s">
        <v>86</v>
      </c>
      <c r="Q11051">
        <v>66</v>
      </c>
      <c r="R11051">
        <v>66</v>
      </c>
      <c r="S11051">
        <v>66</v>
      </c>
      <c r="T11051">
        <v>66</v>
      </c>
      <c r="U11051">
        <v>65</v>
      </c>
      <c r="V11051">
        <v>65</v>
      </c>
      <c r="W11051">
        <v>65</v>
      </c>
      <c r="X11051">
        <v>64</v>
      </c>
      <c r="Y11051">
        <v>64</v>
      </c>
      <c r="Z11051">
        <v>63</v>
      </c>
      <c r="AA11051">
        <v>63</v>
      </c>
      <c r="AB11051">
        <v>63</v>
      </c>
      <c r="AC11051">
        <v>62</v>
      </c>
      <c r="AD11051">
        <v>62</v>
      </c>
      <c r="AE11051">
        <v>61</v>
      </c>
      <c r="AF11051">
        <v>61</v>
      </c>
      <c r="AG11051">
        <v>60</v>
      </c>
      <c r="AH11051">
        <v>60</v>
      </c>
      <c r="AI11051">
        <v>59</v>
      </c>
      <c r="AJ11051">
        <v>59</v>
      </c>
      <c r="AK11051">
        <v>59</v>
      </c>
      <c r="AL11051">
        <v>58</v>
      </c>
      <c r="AM11051">
        <v>58</v>
      </c>
      <c r="AN11051">
        <v>57</v>
      </c>
      <c r="AO11051">
        <v>57</v>
      </c>
      <c r="AP11051">
        <v>56</v>
      </c>
      <c r="AQ11051">
        <v>56</v>
      </c>
    </row>
    <row r="11052" spans="1:43">
      <c r="A11052" t="s">
        <v>6874</v>
      </c>
      <c r="B11052" t="s">
        <v>6875</v>
      </c>
      <c r="C11052" t="s">
        <v>6872</v>
      </c>
      <c r="D11052" t="s">
        <v>6873</v>
      </c>
      <c r="E11052" t="s">
        <v>6594</v>
      </c>
      <c r="F11052" t="s">
        <v>6595</v>
      </c>
      <c r="G11052" t="s">
        <v>80</v>
      </c>
      <c r="H11052" t="s">
        <v>81</v>
      </c>
      <c r="I11052" s="2">
        <v>0</v>
      </c>
      <c r="J11052" s="2">
        <v>1</v>
      </c>
      <c r="K11052" s="2">
        <v>0</v>
      </c>
      <c r="L11052" t="s">
        <v>82</v>
      </c>
      <c r="M11052" t="s">
        <v>89</v>
      </c>
      <c r="N11052" t="s">
        <v>90</v>
      </c>
      <c r="O11052" t="s">
        <v>85</v>
      </c>
      <c r="P11052" t="s">
        <v>86</v>
      </c>
      <c r="Q11052">
        <v>66</v>
      </c>
      <c r="R11052">
        <v>67</v>
      </c>
      <c r="S11052">
        <v>67</v>
      </c>
      <c r="T11052">
        <v>68</v>
      </c>
      <c r="U11052">
        <v>69</v>
      </c>
      <c r="V11052">
        <v>70</v>
      </c>
      <c r="W11052">
        <v>70</v>
      </c>
      <c r="X11052">
        <v>71</v>
      </c>
      <c r="Y11052">
        <v>71</v>
      </c>
      <c r="Z11052">
        <v>71</v>
      </c>
      <c r="AA11052">
        <v>72</v>
      </c>
      <c r="AB11052">
        <v>72</v>
      </c>
      <c r="AC11052">
        <v>72</v>
      </c>
      <c r="AD11052">
        <v>72</v>
      </c>
      <c r="AE11052">
        <v>72</v>
      </c>
      <c r="AF11052">
        <v>71</v>
      </c>
      <c r="AG11052">
        <v>70</v>
      </c>
      <c r="AH11052">
        <v>70</v>
      </c>
      <c r="AI11052">
        <v>69</v>
      </c>
      <c r="AJ11052">
        <v>68</v>
      </c>
      <c r="AK11052">
        <v>67</v>
      </c>
      <c r="AL11052">
        <v>66</v>
      </c>
      <c r="AM11052">
        <v>66</v>
      </c>
      <c r="AN11052">
        <v>65</v>
      </c>
      <c r="AO11052">
        <v>64</v>
      </c>
      <c r="AP11052">
        <v>63</v>
      </c>
      <c r="AQ11052">
        <v>63</v>
      </c>
    </row>
    <row r="11053" spans="1:43">
      <c r="A11053" t="s">
        <v>6874</v>
      </c>
      <c r="B11053" t="s">
        <v>6875</v>
      </c>
      <c r="C11053" t="s">
        <v>6872</v>
      </c>
      <c r="D11053" t="s">
        <v>6873</v>
      </c>
      <c r="E11053" t="s">
        <v>6594</v>
      </c>
      <c r="F11053" t="s">
        <v>6595</v>
      </c>
      <c r="G11053" t="s">
        <v>80</v>
      </c>
      <c r="H11053" t="s">
        <v>81</v>
      </c>
      <c r="I11053" s="2">
        <v>0</v>
      </c>
      <c r="J11053" s="2">
        <v>1</v>
      </c>
      <c r="K11053" s="2">
        <v>0</v>
      </c>
      <c r="L11053" t="s">
        <v>82</v>
      </c>
      <c r="M11053" t="s">
        <v>83</v>
      </c>
      <c r="N11053" t="s">
        <v>91</v>
      </c>
      <c r="O11053" t="s">
        <v>85</v>
      </c>
      <c r="P11053" t="s">
        <v>86</v>
      </c>
      <c r="Q11053">
        <v>66</v>
      </c>
      <c r="R11053">
        <v>66</v>
      </c>
      <c r="S11053">
        <v>67</v>
      </c>
      <c r="T11053">
        <v>67</v>
      </c>
      <c r="U11053">
        <v>67</v>
      </c>
      <c r="V11053">
        <v>67</v>
      </c>
      <c r="W11053">
        <v>68</v>
      </c>
      <c r="X11053">
        <v>68</v>
      </c>
      <c r="Y11053">
        <v>68</v>
      </c>
      <c r="Z11053">
        <v>68</v>
      </c>
      <c r="AA11053">
        <v>68</v>
      </c>
      <c r="AB11053">
        <v>68</v>
      </c>
      <c r="AC11053">
        <v>68</v>
      </c>
      <c r="AD11053">
        <v>68</v>
      </c>
      <c r="AE11053">
        <v>68</v>
      </c>
      <c r="AF11053">
        <v>68</v>
      </c>
      <c r="AG11053">
        <v>68</v>
      </c>
      <c r="AH11053">
        <v>68</v>
      </c>
      <c r="AI11053">
        <v>68</v>
      </c>
      <c r="AJ11053">
        <v>68</v>
      </c>
      <c r="AK11053">
        <v>67</v>
      </c>
      <c r="AL11053">
        <v>67</v>
      </c>
      <c r="AM11053">
        <v>66</v>
      </c>
      <c r="AN11053">
        <v>65</v>
      </c>
      <c r="AO11053">
        <v>65</v>
      </c>
      <c r="AP11053">
        <v>64</v>
      </c>
      <c r="AQ11053">
        <v>63</v>
      </c>
    </row>
    <row r="11054" spans="1:43">
      <c r="A11054" t="s">
        <v>6876</v>
      </c>
      <c r="B11054" t="s">
        <v>6877</v>
      </c>
      <c r="C11054" t="s">
        <v>6872</v>
      </c>
      <c r="D11054" t="s">
        <v>6873</v>
      </c>
      <c r="E11054" t="s">
        <v>6594</v>
      </c>
      <c r="F11054" t="s">
        <v>6595</v>
      </c>
      <c r="G11054" t="s">
        <v>80</v>
      </c>
      <c r="H11054" t="s">
        <v>81</v>
      </c>
      <c r="I11054" s="2">
        <v>0</v>
      </c>
      <c r="J11054" s="2">
        <v>1</v>
      </c>
      <c r="K11054" s="2">
        <v>0</v>
      </c>
      <c r="L11054" t="s">
        <v>82</v>
      </c>
      <c r="M11054" t="s">
        <v>83</v>
      </c>
      <c r="N11054" t="s">
        <v>84</v>
      </c>
      <c r="O11054" t="s">
        <v>85</v>
      </c>
      <c r="P11054" t="s">
        <v>86</v>
      </c>
      <c r="Q11054">
        <v>4</v>
      </c>
      <c r="R11054">
        <v>4</v>
      </c>
      <c r="S11054">
        <v>4</v>
      </c>
      <c r="T11054">
        <v>4</v>
      </c>
      <c r="U11054">
        <v>4</v>
      </c>
      <c r="V11054">
        <v>4</v>
      </c>
      <c r="W11054">
        <v>4</v>
      </c>
      <c r="X11054">
        <v>4</v>
      </c>
      <c r="Y11054">
        <v>4</v>
      </c>
      <c r="Z11054">
        <v>4</v>
      </c>
      <c r="AA11054">
        <v>4</v>
      </c>
      <c r="AB11054">
        <v>4</v>
      </c>
      <c r="AC11054">
        <v>4</v>
      </c>
      <c r="AD11054">
        <v>4</v>
      </c>
      <c r="AE11054">
        <v>4</v>
      </c>
      <c r="AF11054">
        <v>4</v>
      </c>
      <c r="AG11054">
        <v>4</v>
      </c>
      <c r="AH11054">
        <v>4</v>
      </c>
      <c r="AI11054">
        <v>4</v>
      </c>
      <c r="AJ11054">
        <v>4</v>
      </c>
      <c r="AK11054">
        <v>4</v>
      </c>
      <c r="AL11054">
        <v>4</v>
      </c>
      <c r="AM11054">
        <v>4</v>
      </c>
      <c r="AN11054">
        <v>4</v>
      </c>
      <c r="AO11054">
        <v>4</v>
      </c>
      <c r="AP11054">
        <v>4</v>
      </c>
      <c r="AQ11054">
        <v>4</v>
      </c>
    </row>
    <row r="11055" spans="1:43">
      <c r="A11055" t="s">
        <v>6876</v>
      </c>
      <c r="B11055" t="s">
        <v>6877</v>
      </c>
      <c r="C11055" t="s">
        <v>6872</v>
      </c>
      <c r="D11055" t="s">
        <v>6873</v>
      </c>
      <c r="E11055" t="s">
        <v>6594</v>
      </c>
      <c r="F11055" t="s">
        <v>6595</v>
      </c>
      <c r="G11055" t="s">
        <v>80</v>
      </c>
      <c r="H11055" t="s">
        <v>81</v>
      </c>
      <c r="I11055" s="2">
        <v>0</v>
      </c>
      <c r="J11055" s="2">
        <v>1</v>
      </c>
      <c r="K11055" s="2">
        <v>0</v>
      </c>
      <c r="L11055" t="s">
        <v>82</v>
      </c>
      <c r="M11055" t="s">
        <v>87</v>
      </c>
      <c r="N11055" t="s">
        <v>88</v>
      </c>
      <c r="O11055" t="s">
        <v>85</v>
      </c>
      <c r="P11055" t="s">
        <v>86</v>
      </c>
      <c r="Q11055">
        <v>4</v>
      </c>
      <c r="R11055">
        <v>4</v>
      </c>
      <c r="S11055">
        <v>4</v>
      </c>
      <c r="T11055">
        <v>4</v>
      </c>
      <c r="U11055">
        <v>4</v>
      </c>
      <c r="V11055">
        <v>4</v>
      </c>
      <c r="W11055">
        <v>4</v>
      </c>
      <c r="X11055">
        <v>4</v>
      </c>
      <c r="Y11055">
        <v>4</v>
      </c>
      <c r="Z11055">
        <v>4</v>
      </c>
      <c r="AA11055">
        <v>4</v>
      </c>
      <c r="AB11055">
        <v>4</v>
      </c>
      <c r="AC11055">
        <v>4</v>
      </c>
      <c r="AD11055">
        <v>4</v>
      </c>
      <c r="AE11055">
        <v>4</v>
      </c>
      <c r="AF11055">
        <v>4</v>
      </c>
      <c r="AG11055">
        <v>4</v>
      </c>
      <c r="AH11055">
        <v>4</v>
      </c>
      <c r="AI11055">
        <v>4</v>
      </c>
      <c r="AJ11055">
        <v>4</v>
      </c>
      <c r="AK11055">
        <v>4</v>
      </c>
      <c r="AL11055">
        <v>4</v>
      </c>
      <c r="AM11055">
        <v>4</v>
      </c>
      <c r="AN11055">
        <v>4</v>
      </c>
      <c r="AO11055">
        <v>4</v>
      </c>
      <c r="AP11055">
        <v>4</v>
      </c>
      <c r="AQ11055">
        <v>4</v>
      </c>
    </row>
    <row r="11056" spans="1:43">
      <c r="A11056" t="s">
        <v>6876</v>
      </c>
      <c r="B11056" t="s">
        <v>6877</v>
      </c>
      <c r="C11056" t="s">
        <v>6872</v>
      </c>
      <c r="D11056" t="s">
        <v>6873</v>
      </c>
      <c r="E11056" t="s">
        <v>6594</v>
      </c>
      <c r="F11056" t="s">
        <v>6595</v>
      </c>
      <c r="G11056" t="s">
        <v>80</v>
      </c>
      <c r="H11056" t="s">
        <v>81</v>
      </c>
      <c r="I11056" s="2">
        <v>0</v>
      </c>
      <c r="J11056" s="2">
        <v>1</v>
      </c>
      <c r="K11056" s="2">
        <v>0</v>
      </c>
      <c r="L11056" t="s">
        <v>82</v>
      </c>
      <c r="M11056" t="s">
        <v>89</v>
      </c>
      <c r="N11056" t="s">
        <v>90</v>
      </c>
      <c r="O11056" t="s">
        <v>85</v>
      </c>
      <c r="P11056" t="s">
        <v>86</v>
      </c>
      <c r="Q11056">
        <v>4</v>
      </c>
      <c r="R11056">
        <v>4</v>
      </c>
      <c r="S11056">
        <v>4</v>
      </c>
      <c r="T11056">
        <v>5</v>
      </c>
      <c r="U11056">
        <v>5</v>
      </c>
      <c r="V11056">
        <v>5</v>
      </c>
      <c r="W11056">
        <v>5</v>
      </c>
      <c r="X11056">
        <v>5</v>
      </c>
      <c r="Y11056">
        <v>5</v>
      </c>
      <c r="Z11056">
        <v>5</v>
      </c>
      <c r="AA11056">
        <v>5</v>
      </c>
      <c r="AB11056">
        <v>5</v>
      </c>
      <c r="AC11056">
        <v>5</v>
      </c>
      <c r="AD11056">
        <v>5</v>
      </c>
      <c r="AE11056">
        <v>5</v>
      </c>
      <c r="AF11056">
        <v>5</v>
      </c>
      <c r="AG11056">
        <v>5</v>
      </c>
      <c r="AH11056">
        <v>5</v>
      </c>
      <c r="AI11056">
        <v>5</v>
      </c>
      <c r="AJ11056">
        <v>5</v>
      </c>
      <c r="AK11056">
        <v>5</v>
      </c>
      <c r="AL11056">
        <v>4</v>
      </c>
      <c r="AM11056">
        <v>4</v>
      </c>
      <c r="AN11056">
        <v>4</v>
      </c>
      <c r="AO11056">
        <v>4</v>
      </c>
      <c r="AP11056">
        <v>4</v>
      </c>
      <c r="AQ11056">
        <v>4</v>
      </c>
    </row>
    <row r="11057" spans="1:43">
      <c r="A11057" t="s">
        <v>6876</v>
      </c>
      <c r="B11057" t="s">
        <v>6877</v>
      </c>
      <c r="C11057" t="s">
        <v>6872</v>
      </c>
      <c r="D11057" t="s">
        <v>6873</v>
      </c>
      <c r="E11057" t="s">
        <v>6594</v>
      </c>
      <c r="F11057" t="s">
        <v>6595</v>
      </c>
      <c r="G11057" t="s">
        <v>80</v>
      </c>
      <c r="H11057" t="s">
        <v>81</v>
      </c>
      <c r="I11057" s="2">
        <v>0</v>
      </c>
      <c r="J11057" s="2">
        <v>1</v>
      </c>
      <c r="K11057" s="2">
        <v>0</v>
      </c>
      <c r="L11057" t="s">
        <v>82</v>
      </c>
      <c r="M11057" t="s">
        <v>83</v>
      </c>
      <c r="N11057" t="s">
        <v>91</v>
      </c>
      <c r="O11057" t="s">
        <v>85</v>
      </c>
      <c r="P11057" t="s">
        <v>86</v>
      </c>
      <c r="Q11057">
        <v>4</v>
      </c>
      <c r="R11057">
        <v>4</v>
      </c>
      <c r="S11057">
        <v>4</v>
      </c>
      <c r="T11057">
        <v>4</v>
      </c>
      <c r="U11057">
        <v>4</v>
      </c>
      <c r="V11057">
        <v>4</v>
      </c>
      <c r="W11057">
        <v>4</v>
      </c>
      <c r="X11057">
        <v>4</v>
      </c>
      <c r="Y11057">
        <v>4</v>
      </c>
      <c r="Z11057">
        <v>4</v>
      </c>
      <c r="AA11057">
        <v>4</v>
      </c>
      <c r="AB11057">
        <v>4</v>
      </c>
      <c r="AC11057">
        <v>4</v>
      </c>
      <c r="AD11057">
        <v>4</v>
      </c>
      <c r="AE11057">
        <v>4</v>
      </c>
      <c r="AF11057">
        <v>4</v>
      </c>
      <c r="AG11057">
        <v>4</v>
      </c>
      <c r="AH11057">
        <v>4</v>
      </c>
      <c r="AI11057">
        <v>4</v>
      </c>
      <c r="AJ11057">
        <v>4</v>
      </c>
      <c r="AK11057">
        <v>4</v>
      </c>
      <c r="AL11057">
        <v>4</v>
      </c>
      <c r="AM11057">
        <v>4</v>
      </c>
      <c r="AN11057">
        <v>4</v>
      </c>
      <c r="AO11057">
        <v>4</v>
      </c>
      <c r="AP11057">
        <v>4</v>
      </c>
      <c r="AQ11057">
        <v>4</v>
      </c>
    </row>
    <row r="11058" spans="1:43">
      <c r="A11058" t="s">
        <v>6878</v>
      </c>
      <c r="B11058" t="s">
        <v>6879</v>
      </c>
      <c r="C11058" t="s">
        <v>6872</v>
      </c>
      <c r="D11058" t="s">
        <v>6873</v>
      </c>
      <c r="E11058" t="s">
        <v>6594</v>
      </c>
      <c r="F11058" t="s">
        <v>6595</v>
      </c>
      <c r="G11058" t="s">
        <v>80</v>
      </c>
      <c r="H11058" t="s">
        <v>81</v>
      </c>
      <c r="I11058" s="2">
        <v>0</v>
      </c>
      <c r="J11058" s="2">
        <v>1</v>
      </c>
      <c r="K11058" s="2">
        <v>0</v>
      </c>
      <c r="L11058" t="s">
        <v>82</v>
      </c>
      <c r="M11058" t="s">
        <v>83</v>
      </c>
      <c r="N11058" t="s">
        <v>84</v>
      </c>
      <c r="O11058" t="s">
        <v>85</v>
      </c>
      <c r="P11058" t="s">
        <v>86</v>
      </c>
      <c r="Q11058">
        <v>46</v>
      </c>
      <c r="R11058">
        <v>47</v>
      </c>
      <c r="S11058">
        <v>47</v>
      </c>
      <c r="T11058">
        <v>47</v>
      </c>
      <c r="U11058">
        <v>47</v>
      </c>
      <c r="V11058">
        <v>48</v>
      </c>
      <c r="W11058">
        <v>48</v>
      </c>
      <c r="X11058">
        <v>48</v>
      </c>
      <c r="Y11058">
        <v>48</v>
      </c>
      <c r="Z11058">
        <v>48</v>
      </c>
      <c r="AA11058">
        <v>48</v>
      </c>
      <c r="AB11058">
        <v>48</v>
      </c>
      <c r="AC11058">
        <v>48</v>
      </c>
      <c r="AD11058">
        <v>48</v>
      </c>
      <c r="AE11058">
        <v>48</v>
      </c>
      <c r="AF11058">
        <v>48</v>
      </c>
      <c r="AG11058">
        <v>48</v>
      </c>
      <c r="AH11058">
        <v>48</v>
      </c>
      <c r="AI11058">
        <v>48</v>
      </c>
      <c r="AJ11058">
        <v>48</v>
      </c>
      <c r="AK11058">
        <v>48</v>
      </c>
      <c r="AL11058">
        <v>47</v>
      </c>
      <c r="AM11058">
        <v>47</v>
      </c>
      <c r="AN11058">
        <v>46</v>
      </c>
      <c r="AO11058">
        <v>46</v>
      </c>
      <c r="AP11058">
        <v>45</v>
      </c>
      <c r="AQ11058">
        <v>45</v>
      </c>
    </row>
    <row r="11059" spans="1:43">
      <c r="A11059" t="s">
        <v>6878</v>
      </c>
      <c r="B11059" t="s">
        <v>6879</v>
      </c>
      <c r="C11059" t="s">
        <v>6872</v>
      </c>
      <c r="D11059" t="s">
        <v>6873</v>
      </c>
      <c r="E11059" t="s">
        <v>6594</v>
      </c>
      <c r="F11059" t="s">
        <v>6595</v>
      </c>
      <c r="G11059" t="s">
        <v>80</v>
      </c>
      <c r="H11059" t="s">
        <v>81</v>
      </c>
      <c r="I11059" s="2">
        <v>0</v>
      </c>
      <c r="J11059" s="2">
        <v>1</v>
      </c>
      <c r="K11059" s="2">
        <v>0</v>
      </c>
      <c r="L11059" t="s">
        <v>82</v>
      </c>
      <c r="M11059" t="s">
        <v>87</v>
      </c>
      <c r="N11059" t="s">
        <v>88</v>
      </c>
      <c r="O11059" t="s">
        <v>85</v>
      </c>
      <c r="P11059" t="s">
        <v>86</v>
      </c>
      <c r="Q11059">
        <v>46</v>
      </c>
      <c r="R11059">
        <v>46</v>
      </c>
      <c r="S11059">
        <v>46</v>
      </c>
      <c r="T11059">
        <v>46</v>
      </c>
      <c r="U11059">
        <v>45</v>
      </c>
      <c r="V11059">
        <v>45</v>
      </c>
      <c r="W11059">
        <v>45</v>
      </c>
      <c r="X11059">
        <v>45</v>
      </c>
      <c r="Y11059">
        <v>44</v>
      </c>
      <c r="Z11059">
        <v>44</v>
      </c>
      <c r="AA11059">
        <v>44</v>
      </c>
      <c r="AB11059">
        <v>44</v>
      </c>
      <c r="AC11059">
        <v>43</v>
      </c>
      <c r="AD11059">
        <v>43</v>
      </c>
      <c r="AE11059">
        <v>43</v>
      </c>
      <c r="AF11059">
        <v>42</v>
      </c>
      <c r="AG11059">
        <v>42</v>
      </c>
      <c r="AH11059">
        <v>42</v>
      </c>
      <c r="AI11059">
        <v>41</v>
      </c>
      <c r="AJ11059">
        <v>41</v>
      </c>
      <c r="AK11059">
        <v>41</v>
      </c>
      <c r="AL11059">
        <v>40</v>
      </c>
      <c r="AM11059">
        <v>40</v>
      </c>
      <c r="AN11059">
        <v>40</v>
      </c>
      <c r="AO11059">
        <v>40</v>
      </c>
      <c r="AP11059">
        <v>39</v>
      </c>
      <c r="AQ11059">
        <v>39</v>
      </c>
    </row>
    <row r="11060" spans="1:43">
      <c r="A11060" t="s">
        <v>6878</v>
      </c>
      <c r="B11060" t="s">
        <v>6879</v>
      </c>
      <c r="C11060" t="s">
        <v>6872</v>
      </c>
      <c r="D11060" t="s">
        <v>6873</v>
      </c>
      <c r="E11060" t="s">
        <v>6594</v>
      </c>
      <c r="F11060" t="s">
        <v>6595</v>
      </c>
      <c r="G11060" t="s">
        <v>80</v>
      </c>
      <c r="H11060" t="s">
        <v>81</v>
      </c>
      <c r="I11060" s="2">
        <v>0</v>
      </c>
      <c r="J11060" s="2">
        <v>1</v>
      </c>
      <c r="K11060" s="2">
        <v>0</v>
      </c>
      <c r="L11060" t="s">
        <v>82</v>
      </c>
      <c r="M11060" t="s">
        <v>89</v>
      </c>
      <c r="N11060" t="s">
        <v>90</v>
      </c>
      <c r="O11060" t="s">
        <v>85</v>
      </c>
      <c r="P11060" t="s">
        <v>86</v>
      </c>
      <c r="Q11060">
        <v>46</v>
      </c>
      <c r="R11060">
        <v>47</v>
      </c>
      <c r="S11060">
        <v>47</v>
      </c>
      <c r="T11060">
        <v>48</v>
      </c>
      <c r="U11060">
        <v>48</v>
      </c>
      <c r="V11060">
        <v>49</v>
      </c>
      <c r="W11060">
        <v>49</v>
      </c>
      <c r="X11060">
        <v>50</v>
      </c>
      <c r="Y11060">
        <v>50</v>
      </c>
      <c r="Z11060">
        <v>50</v>
      </c>
      <c r="AA11060">
        <v>50</v>
      </c>
      <c r="AB11060">
        <v>50</v>
      </c>
      <c r="AC11060">
        <v>51</v>
      </c>
      <c r="AD11060">
        <v>51</v>
      </c>
      <c r="AE11060">
        <v>51</v>
      </c>
      <c r="AF11060">
        <v>50</v>
      </c>
      <c r="AG11060">
        <v>50</v>
      </c>
      <c r="AH11060">
        <v>49</v>
      </c>
      <c r="AI11060">
        <v>48</v>
      </c>
      <c r="AJ11060">
        <v>48</v>
      </c>
      <c r="AK11060">
        <v>47</v>
      </c>
      <c r="AL11060">
        <v>47</v>
      </c>
      <c r="AM11060">
        <v>46</v>
      </c>
      <c r="AN11060">
        <v>46</v>
      </c>
      <c r="AO11060">
        <v>45</v>
      </c>
      <c r="AP11060">
        <v>45</v>
      </c>
      <c r="AQ11060">
        <v>44</v>
      </c>
    </row>
    <row r="11061" spans="1:43">
      <c r="A11061" t="s">
        <v>6878</v>
      </c>
      <c r="B11061" t="s">
        <v>6879</v>
      </c>
      <c r="C11061" t="s">
        <v>6872</v>
      </c>
      <c r="D11061" t="s">
        <v>6873</v>
      </c>
      <c r="E11061" t="s">
        <v>6594</v>
      </c>
      <c r="F11061" t="s">
        <v>6595</v>
      </c>
      <c r="G11061" t="s">
        <v>80</v>
      </c>
      <c r="H11061" t="s">
        <v>81</v>
      </c>
      <c r="I11061" s="2">
        <v>0</v>
      </c>
      <c r="J11061" s="2">
        <v>1</v>
      </c>
      <c r="K11061" s="2">
        <v>0</v>
      </c>
      <c r="L11061" t="s">
        <v>82</v>
      </c>
      <c r="M11061" t="s">
        <v>83</v>
      </c>
      <c r="N11061" t="s">
        <v>91</v>
      </c>
      <c r="O11061" t="s">
        <v>85</v>
      </c>
      <c r="P11061" t="s">
        <v>86</v>
      </c>
      <c r="Q11061">
        <v>46</v>
      </c>
      <c r="R11061">
        <v>47</v>
      </c>
      <c r="S11061">
        <v>47</v>
      </c>
      <c r="T11061">
        <v>47</v>
      </c>
      <c r="U11061">
        <v>47</v>
      </c>
      <c r="V11061">
        <v>48</v>
      </c>
      <c r="W11061">
        <v>48</v>
      </c>
      <c r="X11061">
        <v>48</v>
      </c>
      <c r="Y11061">
        <v>48</v>
      </c>
      <c r="Z11061">
        <v>48</v>
      </c>
      <c r="AA11061">
        <v>48</v>
      </c>
      <c r="AB11061">
        <v>48</v>
      </c>
      <c r="AC11061">
        <v>48</v>
      </c>
      <c r="AD11061">
        <v>48</v>
      </c>
      <c r="AE11061">
        <v>48</v>
      </c>
      <c r="AF11061">
        <v>48</v>
      </c>
      <c r="AG11061">
        <v>48</v>
      </c>
      <c r="AH11061">
        <v>48</v>
      </c>
      <c r="AI11061">
        <v>48</v>
      </c>
      <c r="AJ11061">
        <v>48</v>
      </c>
      <c r="AK11061">
        <v>48</v>
      </c>
      <c r="AL11061">
        <v>47</v>
      </c>
      <c r="AM11061">
        <v>47</v>
      </c>
      <c r="AN11061">
        <v>46</v>
      </c>
      <c r="AO11061">
        <v>46</v>
      </c>
      <c r="AP11061">
        <v>45</v>
      </c>
      <c r="AQ11061">
        <v>45</v>
      </c>
    </row>
    <row r="11062" spans="1:43">
      <c r="A11062" t="s">
        <v>6880</v>
      </c>
      <c r="B11062" t="s">
        <v>6881</v>
      </c>
      <c r="C11062" t="s">
        <v>6872</v>
      </c>
      <c r="D11062" t="s">
        <v>6873</v>
      </c>
      <c r="E11062" t="s">
        <v>6594</v>
      </c>
      <c r="F11062" t="s">
        <v>6595</v>
      </c>
      <c r="G11062" t="s">
        <v>80</v>
      </c>
      <c r="H11062" t="s">
        <v>81</v>
      </c>
      <c r="I11062" s="2">
        <v>0</v>
      </c>
      <c r="J11062" s="2">
        <v>1</v>
      </c>
      <c r="K11062" s="2">
        <v>0</v>
      </c>
      <c r="L11062" t="s">
        <v>82</v>
      </c>
      <c r="M11062" t="s">
        <v>83</v>
      </c>
      <c r="N11062" t="s">
        <v>84</v>
      </c>
      <c r="O11062" t="s">
        <v>85</v>
      </c>
      <c r="P11062" t="s">
        <v>86</v>
      </c>
      <c r="Q11062">
        <v>17</v>
      </c>
      <c r="R11062">
        <v>17</v>
      </c>
      <c r="S11062">
        <v>17</v>
      </c>
      <c r="T11062">
        <v>18</v>
      </c>
      <c r="U11062">
        <v>18</v>
      </c>
      <c r="V11062">
        <v>18</v>
      </c>
      <c r="W11062">
        <v>18</v>
      </c>
      <c r="X11062">
        <v>18</v>
      </c>
      <c r="Y11062">
        <v>18</v>
      </c>
      <c r="Z11062">
        <v>18</v>
      </c>
      <c r="AA11062">
        <v>18</v>
      </c>
      <c r="AB11062">
        <v>18</v>
      </c>
      <c r="AC11062">
        <v>18</v>
      </c>
      <c r="AD11062">
        <v>18</v>
      </c>
      <c r="AE11062">
        <v>18</v>
      </c>
      <c r="AF11062">
        <v>18</v>
      </c>
      <c r="AG11062">
        <v>18</v>
      </c>
      <c r="AH11062">
        <v>18</v>
      </c>
      <c r="AI11062">
        <v>18</v>
      </c>
      <c r="AJ11062">
        <v>18</v>
      </c>
      <c r="AK11062">
        <v>18</v>
      </c>
      <c r="AL11062">
        <v>18</v>
      </c>
      <c r="AM11062">
        <v>17</v>
      </c>
      <c r="AN11062">
        <v>17</v>
      </c>
      <c r="AO11062">
        <v>17</v>
      </c>
      <c r="AP11062">
        <v>17</v>
      </c>
      <c r="AQ11062">
        <v>17</v>
      </c>
    </row>
    <row r="11063" spans="1:43">
      <c r="A11063" t="s">
        <v>6880</v>
      </c>
      <c r="B11063" t="s">
        <v>6881</v>
      </c>
      <c r="C11063" t="s">
        <v>6872</v>
      </c>
      <c r="D11063" t="s">
        <v>6873</v>
      </c>
      <c r="E11063" t="s">
        <v>6594</v>
      </c>
      <c r="F11063" t="s">
        <v>6595</v>
      </c>
      <c r="G11063" t="s">
        <v>80</v>
      </c>
      <c r="H11063" t="s">
        <v>81</v>
      </c>
      <c r="I11063" s="2">
        <v>0</v>
      </c>
      <c r="J11063" s="2">
        <v>1</v>
      </c>
      <c r="K11063" s="2">
        <v>0</v>
      </c>
      <c r="L11063" t="s">
        <v>82</v>
      </c>
      <c r="M11063" t="s">
        <v>87</v>
      </c>
      <c r="N11063" t="s">
        <v>88</v>
      </c>
      <c r="O11063" t="s">
        <v>85</v>
      </c>
      <c r="P11063" t="s">
        <v>86</v>
      </c>
      <c r="Q11063">
        <v>17</v>
      </c>
      <c r="R11063">
        <v>17</v>
      </c>
      <c r="S11063">
        <v>17</v>
      </c>
      <c r="T11063">
        <v>17</v>
      </c>
      <c r="U11063">
        <v>17</v>
      </c>
      <c r="V11063">
        <v>17</v>
      </c>
      <c r="W11063">
        <v>17</v>
      </c>
      <c r="X11063">
        <v>17</v>
      </c>
      <c r="Y11063">
        <v>17</v>
      </c>
      <c r="Z11063">
        <v>16</v>
      </c>
      <c r="AA11063">
        <v>16</v>
      </c>
      <c r="AB11063">
        <v>16</v>
      </c>
      <c r="AC11063">
        <v>16</v>
      </c>
      <c r="AD11063">
        <v>16</v>
      </c>
      <c r="AE11063">
        <v>16</v>
      </c>
      <c r="AF11063">
        <v>16</v>
      </c>
      <c r="AG11063">
        <v>16</v>
      </c>
      <c r="AH11063">
        <v>16</v>
      </c>
      <c r="AI11063">
        <v>15</v>
      </c>
      <c r="AJ11063">
        <v>15</v>
      </c>
      <c r="AK11063">
        <v>15</v>
      </c>
      <c r="AL11063">
        <v>15</v>
      </c>
      <c r="AM11063">
        <v>15</v>
      </c>
      <c r="AN11063">
        <v>15</v>
      </c>
      <c r="AO11063">
        <v>15</v>
      </c>
      <c r="AP11063">
        <v>15</v>
      </c>
      <c r="AQ11063">
        <v>15</v>
      </c>
    </row>
    <row r="11064" spans="1:43">
      <c r="A11064" t="s">
        <v>6880</v>
      </c>
      <c r="B11064" t="s">
        <v>6881</v>
      </c>
      <c r="C11064" t="s">
        <v>6872</v>
      </c>
      <c r="D11064" t="s">
        <v>6873</v>
      </c>
      <c r="E11064" t="s">
        <v>6594</v>
      </c>
      <c r="F11064" t="s">
        <v>6595</v>
      </c>
      <c r="G11064" t="s">
        <v>80</v>
      </c>
      <c r="H11064" t="s">
        <v>81</v>
      </c>
      <c r="I11064" s="2">
        <v>0</v>
      </c>
      <c r="J11064" s="2">
        <v>1</v>
      </c>
      <c r="K11064" s="2">
        <v>0</v>
      </c>
      <c r="L11064" t="s">
        <v>82</v>
      </c>
      <c r="M11064" t="s">
        <v>89</v>
      </c>
      <c r="N11064" t="s">
        <v>90</v>
      </c>
      <c r="O11064" t="s">
        <v>85</v>
      </c>
      <c r="P11064" t="s">
        <v>86</v>
      </c>
      <c r="Q11064">
        <v>17</v>
      </c>
      <c r="R11064">
        <v>18</v>
      </c>
      <c r="S11064">
        <v>18</v>
      </c>
      <c r="T11064">
        <v>18</v>
      </c>
      <c r="U11064">
        <v>18</v>
      </c>
      <c r="V11064">
        <v>19</v>
      </c>
      <c r="W11064">
        <v>19</v>
      </c>
      <c r="X11064">
        <v>19</v>
      </c>
      <c r="Y11064">
        <v>19</v>
      </c>
      <c r="Z11064">
        <v>19</v>
      </c>
      <c r="AA11064">
        <v>19</v>
      </c>
      <c r="AB11064">
        <v>19</v>
      </c>
      <c r="AC11064">
        <v>19</v>
      </c>
      <c r="AD11064">
        <v>19</v>
      </c>
      <c r="AE11064">
        <v>19</v>
      </c>
      <c r="AF11064">
        <v>19</v>
      </c>
      <c r="AG11064">
        <v>19</v>
      </c>
      <c r="AH11064">
        <v>19</v>
      </c>
      <c r="AI11064">
        <v>18</v>
      </c>
      <c r="AJ11064">
        <v>18</v>
      </c>
      <c r="AK11064">
        <v>18</v>
      </c>
      <c r="AL11064">
        <v>18</v>
      </c>
      <c r="AM11064">
        <v>18</v>
      </c>
      <c r="AN11064">
        <v>17</v>
      </c>
      <c r="AO11064">
        <v>17</v>
      </c>
      <c r="AP11064">
        <v>17</v>
      </c>
      <c r="AQ11064">
        <v>17</v>
      </c>
    </row>
    <row r="11065" spans="1:43">
      <c r="A11065" t="s">
        <v>6880</v>
      </c>
      <c r="B11065" t="s">
        <v>6881</v>
      </c>
      <c r="C11065" t="s">
        <v>6872</v>
      </c>
      <c r="D11065" t="s">
        <v>6873</v>
      </c>
      <c r="E11065" t="s">
        <v>6594</v>
      </c>
      <c r="F11065" t="s">
        <v>6595</v>
      </c>
      <c r="G11065" t="s">
        <v>80</v>
      </c>
      <c r="H11065" t="s">
        <v>81</v>
      </c>
      <c r="I11065" s="2">
        <v>0</v>
      </c>
      <c r="J11065" s="2">
        <v>1</v>
      </c>
      <c r="K11065" s="2">
        <v>0</v>
      </c>
      <c r="L11065" t="s">
        <v>82</v>
      </c>
      <c r="M11065" t="s">
        <v>83</v>
      </c>
      <c r="N11065" t="s">
        <v>91</v>
      </c>
      <c r="O11065" t="s">
        <v>85</v>
      </c>
      <c r="P11065" t="s">
        <v>86</v>
      </c>
      <c r="Q11065">
        <v>17</v>
      </c>
      <c r="R11065">
        <v>17</v>
      </c>
      <c r="S11065">
        <v>17</v>
      </c>
      <c r="T11065">
        <v>18</v>
      </c>
      <c r="U11065">
        <v>18</v>
      </c>
      <c r="V11065">
        <v>18</v>
      </c>
      <c r="W11065">
        <v>18</v>
      </c>
      <c r="X11065">
        <v>18</v>
      </c>
      <c r="Y11065">
        <v>18</v>
      </c>
      <c r="Z11065">
        <v>18</v>
      </c>
      <c r="AA11065">
        <v>18</v>
      </c>
      <c r="AB11065">
        <v>18</v>
      </c>
      <c r="AC11065">
        <v>18</v>
      </c>
      <c r="AD11065">
        <v>18</v>
      </c>
      <c r="AE11065">
        <v>18</v>
      </c>
      <c r="AF11065">
        <v>18</v>
      </c>
      <c r="AG11065">
        <v>18</v>
      </c>
      <c r="AH11065">
        <v>18</v>
      </c>
      <c r="AI11065">
        <v>18</v>
      </c>
      <c r="AJ11065">
        <v>18</v>
      </c>
      <c r="AK11065">
        <v>18</v>
      </c>
      <c r="AL11065">
        <v>18</v>
      </c>
      <c r="AM11065">
        <v>17</v>
      </c>
      <c r="AN11065">
        <v>17</v>
      </c>
      <c r="AO11065">
        <v>17</v>
      </c>
      <c r="AP11065">
        <v>17</v>
      </c>
      <c r="AQ11065">
        <v>17</v>
      </c>
    </row>
    <row r="11066" spans="1:43">
      <c r="A11066" t="s">
        <v>6882</v>
      </c>
      <c r="B11066" t="s">
        <v>6883</v>
      </c>
      <c r="C11066" t="s">
        <v>6866</v>
      </c>
      <c r="D11066" t="s">
        <v>6867</v>
      </c>
      <c r="E11066" t="s">
        <v>6594</v>
      </c>
      <c r="F11066" t="s">
        <v>6595</v>
      </c>
      <c r="G11066" t="s">
        <v>80</v>
      </c>
      <c r="H11066" t="s">
        <v>81</v>
      </c>
      <c r="I11066" s="2">
        <v>0</v>
      </c>
      <c r="J11066" s="2">
        <v>1</v>
      </c>
      <c r="K11066" s="2">
        <v>0</v>
      </c>
      <c r="L11066" t="s">
        <v>82</v>
      </c>
      <c r="M11066" t="s">
        <v>83</v>
      </c>
      <c r="N11066" t="s">
        <v>84</v>
      </c>
      <c r="O11066" t="s">
        <v>85</v>
      </c>
      <c r="P11066" t="s">
        <v>86</v>
      </c>
      <c r="Q11066">
        <v>33</v>
      </c>
      <c r="R11066">
        <v>33</v>
      </c>
      <c r="S11066">
        <v>33</v>
      </c>
      <c r="T11066">
        <v>33</v>
      </c>
      <c r="U11066">
        <v>34</v>
      </c>
      <c r="V11066">
        <v>34</v>
      </c>
      <c r="W11066">
        <v>34</v>
      </c>
      <c r="X11066">
        <v>34</v>
      </c>
      <c r="Y11066">
        <v>34</v>
      </c>
      <c r="Z11066">
        <v>34</v>
      </c>
      <c r="AA11066">
        <v>34</v>
      </c>
      <c r="AB11066">
        <v>34</v>
      </c>
      <c r="AC11066">
        <v>34</v>
      </c>
      <c r="AD11066">
        <v>34</v>
      </c>
      <c r="AE11066">
        <v>34</v>
      </c>
      <c r="AF11066">
        <v>34</v>
      </c>
      <c r="AG11066">
        <v>34</v>
      </c>
      <c r="AH11066">
        <v>34</v>
      </c>
      <c r="AI11066">
        <v>34</v>
      </c>
      <c r="AJ11066">
        <v>34</v>
      </c>
      <c r="AK11066">
        <v>34</v>
      </c>
      <c r="AL11066">
        <v>33</v>
      </c>
      <c r="AM11066">
        <v>33</v>
      </c>
      <c r="AN11066">
        <v>33</v>
      </c>
      <c r="AO11066">
        <v>32</v>
      </c>
      <c r="AP11066">
        <v>32</v>
      </c>
      <c r="AQ11066">
        <v>32</v>
      </c>
    </row>
    <row r="11067" spans="1:43">
      <c r="A11067" t="s">
        <v>6882</v>
      </c>
      <c r="B11067" t="s">
        <v>6883</v>
      </c>
      <c r="C11067" t="s">
        <v>6866</v>
      </c>
      <c r="D11067" t="s">
        <v>6867</v>
      </c>
      <c r="E11067" t="s">
        <v>6594</v>
      </c>
      <c r="F11067" t="s">
        <v>6595</v>
      </c>
      <c r="G11067" t="s">
        <v>80</v>
      </c>
      <c r="H11067" t="s">
        <v>81</v>
      </c>
      <c r="I11067" s="2">
        <v>0</v>
      </c>
      <c r="J11067" s="2">
        <v>1</v>
      </c>
      <c r="K11067" s="2">
        <v>0</v>
      </c>
      <c r="L11067" t="s">
        <v>82</v>
      </c>
      <c r="M11067" t="s">
        <v>87</v>
      </c>
      <c r="N11067" t="s">
        <v>88</v>
      </c>
      <c r="O11067" t="s">
        <v>85</v>
      </c>
      <c r="P11067" t="s">
        <v>86</v>
      </c>
      <c r="Q11067">
        <v>33</v>
      </c>
      <c r="R11067">
        <v>33</v>
      </c>
      <c r="S11067">
        <v>32</v>
      </c>
      <c r="T11067">
        <v>32</v>
      </c>
      <c r="U11067">
        <v>32</v>
      </c>
      <c r="V11067">
        <v>32</v>
      </c>
      <c r="W11067">
        <v>32</v>
      </c>
      <c r="X11067">
        <v>32</v>
      </c>
      <c r="Y11067">
        <v>31</v>
      </c>
      <c r="Z11067">
        <v>31</v>
      </c>
      <c r="AA11067">
        <v>31</v>
      </c>
      <c r="AB11067">
        <v>31</v>
      </c>
      <c r="AC11067">
        <v>31</v>
      </c>
      <c r="AD11067">
        <v>30</v>
      </c>
      <c r="AE11067">
        <v>30</v>
      </c>
      <c r="AF11067">
        <v>30</v>
      </c>
      <c r="AG11067">
        <v>30</v>
      </c>
      <c r="AH11067">
        <v>29</v>
      </c>
      <c r="AI11067">
        <v>29</v>
      </c>
      <c r="AJ11067">
        <v>29</v>
      </c>
      <c r="AK11067">
        <v>29</v>
      </c>
      <c r="AL11067">
        <v>29</v>
      </c>
      <c r="AM11067">
        <v>28</v>
      </c>
      <c r="AN11067">
        <v>28</v>
      </c>
      <c r="AO11067">
        <v>28</v>
      </c>
      <c r="AP11067">
        <v>28</v>
      </c>
      <c r="AQ11067">
        <v>28</v>
      </c>
    </row>
    <row r="11068" spans="1:43">
      <c r="A11068" t="s">
        <v>6882</v>
      </c>
      <c r="B11068" t="s">
        <v>6883</v>
      </c>
      <c r="C11068" t="s">
        <v>6866</v>
      </c>
      <c r="D11068" t="s">
        <v>6867</v>
      </c>
      <c r="E11068" t="s">
        <v>6594</v>
      </c>
      <c r="F11068" t="s">
        <v>6595</v>
      </c>
      <c r="G11068" t="s">
        <v>80</v>
      </c>
      <c r="H11068" t="s">
        <v>81</v>
      </c>
      <c r="I11068" s="2">
        <v>0</v>
      </c>
      <c r="J11068" s="2">
        <v>1</v>
      </c>
      <c r="K11068" s="2">
        <v>0</v>
      </c>
      <c r="L11068" t="s">
        <v>82</v>
      </c>
      <c r="M11068" t="s">
        <v>89</v>
      </c>
      <c r="N11068" t="s">
        <v>90</v>
      </c>
      <c r="O11068" t="s">
        <v>85</v>
      </c>
      <c r="P11068" t="s">
        <v>86</v>
      </c>
      <c r="Q11068">
        <v>33</v>
      </c>
      <c r="R11068">
        <v>34</v>
      </c>
      <c r="S11068">
        <v>34</v>
      </c>
      <c r="T11068">
        <v>35</v>
      </c>
      <c r="U11068">
        <v>35</v>
      </c>
      <c r="V11068">
        <v>35</v>
      </c>
      <c r="W11068">
        <v>36</v>
      </c>
      <c r="X11068">
        <v>36</v>
      </c>
      <c r="Y11068">
        <v>36</v>
      </c>
      <c r="Z11068">
        <v>36</v>
      </c>
      <c r="AA11068">
        <v>36</v>
      </c>
      <c r="AB11068">
        <v>36</v>
      </c>
      <c r="AC11068">
        <v>37</v>
      </c>
      <c r="AD11068">
        <v>37</v>
      </c>
      <c r="AE11068">
        <v>37</v>
      </c>
      <c r="AF11068">
        <v>36</v>
      </c>
      <c r="AG11068">
        <v>36</v>
      </c>
      <c r="AH11068">
        <v>35</v>
      </c>
      <c r="AI11068">
        <v>35</v>
      </c>
      <c r="AJ11068">
        <v>35</v>
      </c>
      <c r="AK11068">
        <v>34</v>
      </c>
      <c r="AL11068">
        <v>34</v>
      </c>
      <c r="AM11068">
        <v>33</v>
      </c>
      <c r="AN11068">
        <v>33</v>
      </c>
      <c r="AO11068">
        <v>33</v>
      </c>
      <c r="AP11068">
        <v>32</v>
      </c>
      <c r="AQ11068">
        <v>32</v>
      </c>
    </row>
    <row r="11069" spans="1:43">
      <c r="A11069" t="s">
        <v>6882</v>
      </c>
      <c r="B11069" t="s">
        <v>6883</v>
      </c>
      <c r="C11069" t="s">
        <v>6866</v>
      </c>
      <c r="D11069" t="s">
        <v>6867</v>
      </c>
      <c r="E11069" t="s">
        <v>6594</v>
      </c>
      <c r="F11069" t="s">
        <v>6595</v>
      </c>
      <c r="G11069" t="s">
        <v>80</v>
      </c>
      <c r="H11069" t="s">
        <v>81</v>
      </c>
      <c r="I11069" s="2">
        <v>0</v>
      </c>
      <c r="J11069" s="2">
        <v>1</v>
      </c>
      <c r="K11069" s="2">
        <v>0</v>
      </c>
      <c r="L11069" t="s">
        <v>82</v>
      </c>
      <c r="M11069" t="s">
        <v>83</v>
      </c>
      <c r="N11069" t="s">
        <v>91</v>
      </c>
      <c r="O11069" t="s">
        <v>85</v>
      </c>
      <c r="P11069" t="s">
        <v>86</v>
      </c>
      <c r="Q11069">
        <v>33</v>
      </c>
      <c r="R11069">
        <v>33</v>
      </c>
      <c r="S11069">
        <v>33</v>
      </c>
      <c r="T11069">
        <v>33</v>
      </c>
      <c r="U11069">
        <v>34</v>
      </c>
      <c r="V11069">
        <v>34</v>
      </c>
      <c r="W11069">
        <v>34</v>
      </c>
      <c r="X11069">
        <v>34</v>
      </c>
      <c r="Y11069">
        <v>34</v>
      </c>
      <c r="Z11069">
        <v>34</v>
      </c>
      <c r="AA11069">
        <v>34</v>
      </c>
      <c r="AB11069">
        <v>34</v>
      </c>
      <c r="AC11069">
        <v>34</v>
      </c>
      <c r="AD11069">
        <v>34</v>
      </c>
      <c r="AE11069">
        <v>34</v>
      </c>
      <c r="AF11069">
        <v>34</v>
      </c>
      <c r="AG11069">
        <v>34</v>
      </c>
      <c r="AH11069">
        <v>34</v>
      </c>
      <c r="AI11069">
        <v>34</v>
      </c>
      <c r="AJ11069">
        <v>34</v>
      </c>
      <c r="AK11069">
        <v>34</v>
      </c>
      <c r="AL11069">
        <v>33</v>
      </c>
      <c r="AM11069">
        <v>33</v>
      </c>
      <c r="AN11069">
        <v>33</v>
      </c>
      <c r="AO11069">
        <v>32</v>
      </c>
      <c r="AP11069">
        <v>32</v>
      </c>
      <c r="AQ11069">
        <v>32</v>
      </c>
    </row>
    <row r="11070" spans="1:43">
      <c r="A11070" t="s">
        <v>6884</v>
      </c>
      <c r="B11070" t="s">
        <v>6885</v>
      </c>
      <c r="C11070" t="s">
        <v>6866</v>
      </c>
      <c r="D11070" t="s">
        <v>6867</v>
      </c>
      <c r="E11070" t="s">
        <v>6594</v>
      </c>
      <c r="F11070" t="s">
        <v>6595</v>
      </c>
      <c r="G11070" t="s">
        <v>80</v>
      </c>
      <c r="H11070" t="s">
        <v>81</v>
      </c>
      <c r="I11070" s="2">
        <v>0</v>
      </c>
      <c r="J11070" s="2">
        <v>1</v>
      </c>
      <c r="K11070" s="2">
        <v>0</v>
      </c>
      <c r="L11070" t="s">
        <v>82</v>
      </c>
      <c r="M11070" t="s">
        <v>83</v>
      </c>
      <c r="N11070" t="s">
        <v>84</v>
      </c>
      <c r="O11070" t="s">
        <v>85</v>
      </c>
      <c r="P11070" t="s">
        <v>86</v>
      </c>
      <c r="Q11070">
        <v>44</v>
      </c>
      <c r="R11070">
        <v>44</v>
      </c>
      <c r="S11070">
        <v>45</v>
      </c>
      <c r="T11070">
        <v>45</v>
      </c>
      <c r="U11070">
        <v>45</v>
      </c>
      <c r="V11070">
        <v>45</v>
      </c>
      <c r="W11070">
        <v>45</v>
      </c>
      <c r="X11070">
        <v>45</v>
      </c>
      <c r="Y11070">
        <v>45</v>
      </c>
      <c r="Z11070">
        <v>46</v>
      </c>
      <c r="AA11070">
        <v>46</v>
      </c>
      <c r="AB11070">
        <v>46</v>
      </c>
      <c r="AC11070">
        <v>46</v>
      </c>
      <c r="AD11070">
        <v>46</v>
      </c>
      <c r="AE11070">
        <v>46</v>
      </c>
      <c r="AF11070">
        <v>46</v>
      </c>
      <c r="AG11070">
        <v>46</v>
      </c>
      <c r="AH11070">
        <v>46</v>
      </c>
      <c r="AI11070">
        <v>45</v>
      </c>
      <c r="AJ11070">
        <v>45</v>
      </c>
      <c r="AK11070">
        <v>45</v>
      </c>
      <c r="AL11070">
        <v>45</v>
      </c>
      <c r="AM11070">
        <v>44</v>
      </c>
      <c r="AN11070">
        <v>44</v>
      </c>
      <c r="AO11070">
        <v>43</v>
      </c>
      <c r="AP11070">
        <v>43</v>
      </c>
      <c r="AQ11070">
        <v>43</v>
      </c>
    </row>
    <row r="11071" spans="1:43">
      <c r="A11071" t="s">
        <v>6884</v>
      </c>
      <c r="B11071" t="s">
        <v>6885</v>
      </c>
      <c r="C11071" t="s">
        <v>6866</v>
      </c>
      <c r="D11071" t="s">
        <v>6867</v>
      </c>
      <c r="E11071" t="s">
        <v>6594</v>
      </c>
      <c r="F11071" t="s">
        <v>6595</v>
      </c>
      <c r="G11071" t="s">
        <v>80</v>
      </c>
      <c r="H11071" t="s">
        <v>81</v>
      </c>
      <c r="I11071" s="2">
        <v>0</v>
      </c>
      <c r="J11071" s="2">
        <v>1</v>
      </c>
      <c r="K11071" s="2">
        <v>0</v>
      </c>
      <c r="L11071" t="s">
        <v>82</v>
      </c>
      <c r="M11071" t="s">
        <v>87</v>
      </c>
      <c r="N11071" t="s">
        <v>88</v>
      </c>
      <c r="O11071" t="s">
        <v>85</v>
      </c>
      <c r="P11071" t="s">
        <v>86</v>
      </c>
      <c r="Q11071">
        <v>44</v>
      </c>
      <c r="R11071">
        <v>44</v>
      </c>
      <c r="S11071">
        <v>43</v>
      </c>
      <c r="T11071">
        <v>43</v>
      </c>
      <c r="U11071">
        <v>43</v>
      </c>
      <c r="V11071">
        <v>43</v>
      </c>
      <c r="W11071">
        <v>43</v>
      </c>
      <c r="X11071">
        <v>42</v>
      </c>
      <c r="Y11071">
        <v>42</v>
      </c>
      <c r="Z11071">
        <v>42</v>
      </c>
      <c r="AA11071">
        <v>42</v>
      </c>
      <c r="AB11071">
        <v>41</v>
      </c>
      <c r="AC11071">
        <v>41</v>
      </c>
      <c r="AD11071">
        <v>41</v>
      </c>
      <c r="AE11071">
        <v>40</v>
      </c>
      <c r="AF11071">
        <v>40</v>
      </c>
      <c r="AG11071">
        <v>40</v>
      </c>
      <c r="AH11071">
        <v>40</v>
      </c>
      <c r="AI11071">
        <v>39</v>
      </c>
      <c r="AJ11071">
        <v>39</v>
      </c>
      <c r="AK11071">
        <v>39</v>
      </c>
      <c r="AL11071">
        <v>38</v>
      </c>
      <c r="AM11071">
        <v>38</v>
      </c>
      <c r="AN11071">
        <v>38</v>
      </c>
      <c r="AO11071">
        <v>38</v>
      </c>
      <c r="AP11071">
        <v>37</v>
      </c>
      <c r="AQ11071">
        <v>37</v>
      </c>
    </row>
    <row r="11072" spans="1:43">
      <c r="A11072" t="s">
        <v>6884</v>
      </c>
      <c r="B11072" t="s">
        <v>6885</v>
      </c>
      <c r="C11072" t="s">
        <v>6866</v>
      </c>
      <c r="D11072" t="s">
        <v>6867</v>
      </c>
      <c r="E11072" t="s">
        <v>6594</v>
      </c>
      <c r="F11072" t="s">
        <v>6595</v>
      </c>
      <c r="G11072" t="s">
        <v>80</v>
      </c>
      <c r="H11072" t="s">
        <v>81</v>
      </c>
      <c r="I11072" s="2">
        <v>0</v>
      </c>
      <c r="J11072" s="2">
        <v>1</v>
      </c>
      <c r="K11072" s="2">
        <v>0</v>
      </c>
      <c r="L11072" t="s">
        <v>82</v>
      </c>
      <c r="M11072" t="s">
        <v>89</v>
      </c>
      <c r="N11072" t="s">
        <v>90</v>
      </c>
      <c r="O11072" t="s">
        <v>85</v>
      </c>
      <c r="P11072" t="s">
        <v>86</v>
      </c>
      <c r="Q11072">
        <v>44</v>
      </c>
      <c r="R11072">
        <v>44</v>
      </c>
      <c r="S11072">
        <v>45</v>
      </c>
      <c r="T11072">
        <v>45</v>
      </c>
      <c r="U11072">
        <v>46</v>
      </c>
      <c r="V11072">
        <v>46</v>
      </c>
      <c r="W11072">
        <v>47</v>
      </c>
      <c r="X11072">
        <v>47</v>
      </c>
      <c r="Y11072">
        <v>47</v>
      </c>
      <c r="Z11072">
        <v>47</v>
      </c>
      <c r="AA11072">
        <v>48</v>
      </c>
      <c r="AB11072">
        <v>48</v>
      </c>
      <c r="AC11072">
        <v>48</v>
      </c>
      <c r="AD11072">
        <v>48</v>
      </c>
      <c r="AE11072">
        <v>48</v>
      </c>
      <c r="AF11072">
        <v>47</v>
      </c>
      <c r="AG11072">
        <v>47</v>
      </c>
      <c r="AH11072">
        <v>46</v>
      </c>
      <c r="AI11072">
        <v>46</v>
      </c>
      <c r="AJ11072">
        <v>45</v>
      </c>
      <c r="AK11072">
        <v>45</v>
      </c>
      <c r="AL11072">
        <v>44</v>
      </c>
      <c r="AM11072">
        <v>44</v>
      </c>
      <c r="AN11072">
        <v>43</v>
      </c>
      <c r="AO11072">
        <v>43</v>
      </c>
      <c r="AP11072">
        <v>42</v>
      </c>
      <c r="AQ11072">
        <v>42</v>
      </c>
    </row>
    <row r="11073" spans="1:43">
      <c r="A11073" t="s">
        <v>6884</v>
      </c>
      <c r="B11073" t="s">
        <v>6885</v>
      </c>
      <c r="C11073" t="s">
        <v>6866</v>
      </c>
      <c r="D11073" t="s">
        <v>6867</v>
      </c>
      <c r="E11073" t="s">
        <v>6594</v>
      </c>
      <c r="F11073" t="s">
        <v>6595</v>
      </c>
      <c r="G11073" t="s">
        <v>80</v>
      </c>
      <c r="H11073" t="s">
        <v>81</v>
      </c>
      <c r="I11073" s="2">
        <v>0</v>
      </c>
      <c r="J11073" s="2">
        <v>1</v>
      </c>
      <c r="K11073" s="2">
        <v>0</v>
      </c>
      <c r="L11073" t="s">
        <v>82</v>
      </c>
      <c r="M11073" t="s">
        <v>83</v>
      </c>
      <c r="N11073" t="s">
        <v>91</v>
      </c>
      <c r="O11073" t="s">
        <v>85</v>
      </c>
      <c r="P11073" t="s">
        <v>86</v>
      </c>
      <c r="Q11073">
        <v>44</v>
      </c>
      <c r="R11073">
        <v>44</v>
      </c>
      <c r="S11073">
        <v>45</v>
      </c>
      <c r="T11073">
        <v>45</v>
      </c>
      <c r="U11073">
        <v>45</v>
      </c>
      <c r="V11073">
        <v>45</v>
      </c>
      <c r="W11073">
        <v>45</v>
      </c>
      <c r="X11073">
        <v>45</v>
      </c>
      <c r="Y11073">
        <v>45</v>
      </c>
      <c r="Z11073">
        <v>46</v>
      </c>
      <c r="AA11073">
        <v>46</v>
      </c>
      <c r="AB11073">
        <v>46</v>
      </c>
      <c r="AC11073">
        <v>46</v>
      </c>
      <c r="AD11073">
        <v>46</v>
      </c>
      <c r="AE11073">
        <v>46</v>
      </c>
      <c r="AF11073">
        <v>46</v>
      </c>
      <c r="AG11073">
        <v>46</v>
      </c>
      <c r="AH11073">
        <v>46</v>
      </c>
      <c r="AI11073">
        <v>45</v>
      </c>
      <c r="AJ11073">
        <v>45</v>
      </c>
      <c r="AK11073">
        <v>45</v>
      </c>
      <c r="AL11073">
        <v>45</v>
      </c>
      <c r="AM11073">
        <v>44</v>
      </c>
      <c r="AN11073">
        <v>44</v>
      </c>
      <c r="AO11073">
        <v>43</v>
      </c>
      <c r="AP11073">
        <v>43</v>
      </c>
      <c r="AQ11073">
        <v>43</v>
      </c>
    </row>
    <row r="11074" spans="1:43">
      <c r="A11074" t="s">
        <v>6886</v>
      </c>
      <c r="B11074" t="s">
        <v>6887</v>
      </c>
      <c r="C11074" t="s">
        <v>6866</v>
      </c>
      <c r="D11074" t="s">
        <v>6867</v>
      </c>
      <c r="E11074" t="s">
        <v>6594</v>
      </c>
      <c r="F11074" t="s">
        <v>6595</v>
      </c>
      <c r="G11074" t="s">
        <v>80</v>
      </c>
      <c r="H11074" t="s">
        <v>81</v>
      </c>
      <c r="I11074" s="2">
        <v>0</v>
      </c>
      <c r="J11074" s="2">
        <v>1</v>
      </c>
      <c r="K11074" s="2">
        <v>0</v>
      </c>
      <c r="L11074" t="s">
        <v>82</v>
      </c>
      <c r="M11074" t="s">
        <v>83</v>
      </c>
      <c r="N11074" t="s">
        <v>84</v>
      </c>
      <c r="O11074" t="s">
        <v>85</v>
      </c>
      <c r="P11074" t="s">
        <v>86</v>
      </c>
      <c r="Q11074">
        <v>8</v>
      </c>
      <c r="R11074">
        <v>8</v>
      </c>
      <c r="S11074">
        <v>8</v>
      </c>
      <c r="T11074">
        <v>8</v>
      </c>
      <c r="U11074">
        <v>8</v>
      </c>
      <c r="V11074">
        <v>8</v>
      </c>
      <c r="W11074">
        <v>8</v>
      </c>
      <c r="X11074">
        <v>8</v>
      </c>
      <c r="Y11074">
        <v>8</v>
      </c>
      <c r="Z11074">
        <v>8</v>
      </c>
      <c r="AA11074">
        <v>8</v>
      </c>
      <c r="AB11074">
        <v>8</v>
      </c>
      <c r="AC11074">
        <v>8</v>
      </c>
      <c r="AD11074">
        <v>8</v>
      </c>
      <c r="AE11074">
        <v>8</v>
      </c>
      <c r="AF11074">
        <v>8</v>
      </c>
      <c r="AG11074">
        <v>8</v>
      </c>
      <c r="AH11074">
        <v>8</v>
      </c>
      <c r="AI11074">
        <v>8</v>
      </c>
      <c r="AJ11074">
        <v>8</v>
      </c>
      <c r="AK11074">
        <v>8</v>
      </c>
      <c r="AL11074">
        <v>8</v>
      </c>
      <c r="AM11074">
        <v>8</v>
      </c>
      <c r="AN11074">
        <v>8</v>
      </c>
      <c r="AO11074">
        <v>8</v>
      </c>
      <c r="AP11074">
        <v>8</v>
      </c>
      <c r="AQ11074">
        <v>8</v>
      </c>
    </row>
    <row r="11075" spans="1:43">
      <c r="A11075" t="s">
        <v>6886</v>
      </c>
      <c r="B11075" t="s">
        <v>6887</v>
      </c>
      <c r="C11075" t="s">
        <v>6866</v>
      </c>
      <c r="D11075" t="s">
        <v>6867</v>
      </c>
      <c r="E11075" t="s">
        <v>6594</v>
      </c>
      <c r="F11075" t="s">
        <v>6595</v>
      </c>
      <c r="G11075" t="s">
        <v>80</v>
      </c>
      <c r="H11075" t="s">
        <v>81</v>
      </c>
      <c r="I11075" s="2">
        <v>0</v>
      </c>
      <c r="J11075" s="2">
        <v>1</v>
      </c>
      <c r="K11075" s="2">
        <v>0</v>
      </c>
      <c r="L11075" t="s">
        <v>82</v>
      </c>
      <c r="M11075" t="s">
        <v>87</v>
      </c>
      <c r="N11075" t="s">
        <v>88</v>
      </c>
      <c r="O11075" t="s">
        <v>85</v>
      </c>
      <c r="P11075" t="s">
        <v>86</v>
      </c>
      <c r="Q11075">
        <v>8</v>
      </c>
      <c r="R11075">
        <v>8</v>
      </c>
      <c r="S11075">
        <v>8</v>
      </c>
      <c r="T11075">
        <v>8</v>
      </c>
      <c r="U11075">
        <v>8</v>
      </c>
      <c r="V11075">
        <v>8</v>
      </c>
      <c r="W11075">
        <v>8</v>
      </c>
      <c r="X11075">
        <v>8</v>
      </c>
      <c r="Y11075">
        <v>8</v>
      </c>
      <c r="Z11075">
        <v>8</v>
      </c>
      <c r="AA11075">
        <v>8</v>
      </c>
      <c r="AB11075">
        <v>8</v>
      </c>
      <c r="AC11075">
        <v>8</v>
      </c>
      <c r="AD11075">
        <v>8</v>
      </c>
      <c r="AE11075">
        <v>7</v>
      </c>
      <c r="AF11075">
        <v>7</v>
      </c>
      <c r="AG11075">
        <v>7</v>
      </c>
      <c r="AH11075">
        <v>7</v>
      </c>
      <c r="AI11075">
        <v>7</v>
      </c>
      <c r="AJ11075">
        <v>7</v>
      </c>
      <c r="AK11075">
        <v>7</v>
      </c>
      <c r="AL11075">
        <v>7</v>
      </c>
      <c r="AM11075">
        <v>7</v>
      </c>
      <c r="AN11075">
        <v>7</v>
      </c>
      <c r="AO11075">
        <v>7</v>
      </c>
      <c r="AP11075">
        <v>7</v>
      </c>
      <c r="AQ11075">
        <v>7</v>
      </c>
    </row>
    <row r="11076" spans="1:43">
      <c r="A11076" t="s">
        <v>6886</v>
      </c>
      <c r="B11076" t="s">
        <v>6887</v>
      </c>
      <c r="C11076" t="s">
        <v>6866</v>
      </c>
      <c r="D11076" t="s">
        <v>6867</v>
      </c>
      <c r="E11076" t="s">
        <v>6594</v>
      </c>
      <c r="F11076" t="s">
        <v>6595</v>
      </c>
      <c r="G11076" t="s">
        <v>80</v>
      </c>
      <c r="H11076" t="s">
        <v>81</v>
      </c>
      <c r="I11076" s="2">
        <v>0</v>
      </c>
      <c r="J11076" s="2">
        <v>1</v>
      </c>
      <c r="K11076" s="2">
        <v>0</v>
      </c>
      <c r="L11076" t="s">
        <v>82</v>
      </c>
      <c r="M11076" t="s">
        <v>89</v>
      </c>
      <c r="N11076" t="s">
        <v>90</v>
      </c>
      <c r="O11076" t="s">
        <v>85</v>
      </c>
      <c r="P11076" t="s">
        <v>86</v>
      </c>
      <c r="Q11076">
        <v>8</v>
      </c>
      <c r="R11076">
        <v>8</v>
      </c>
      <c r="S11076">
        <v>8</v>
      </c>
      <c r="T11076">
        <v>8</v>
      </c>
      <c r="U11076">
        <v>9</v>
      </c>
      <c r="V11076">
        <v>9</v>
      </c>
      <c r="W11076">
        <v>9</v>
      </c>
      <c r="X11076">
        <v>9</v>
      </c>
      <c r="Y11076">
        <v>9</v>
      </c>
      <c r="Z11076">
        <v>9</v>
      </c>
      <c r="AA11076">
        <v>9</v>
      </c>
      <c r="AB11076">
        <v>9</v>
      </c>
      <c r="AC11076">
        <v>9</v>
      </c>
      <c r="AD11076">
        <v>9</v>
      </c>
      <c r="AE11076">
        <v>9</v>
      </c>
      <c r="AF11076">
        <v>9</v>
      </c>
      <c r="AG11076">
        <v>9</v>
      </c>
      <c r="AH11076">
        <v>9</v>
      </c>
      <c r="AI11076">
        <v>9</v>
      </c>
      <c r="AJ11076">
        <v>9</v>
      </c>
      <c r="AK11076">
        <v>9</v>
      </c>
      <c r="AL11076">
        <v>8</v>
      </c>
      <c r="AM11076">
        <v>8</v>
      </c>
      <c r="AN11076">
        <v>8</v>
      </c>
      <c r="AO11076">
        <v>8</v>
      </c>
      <c r="AP11076">
        <v>8</v>
      </c>
      <c r="AQ11076">
        <v>8</v>
      </c>
    </row>
    <row r="11077" spans="1:43">
      <c r="A11077" t="s">
        <v>6886</v>
      </c>
      <c r="B11077" t="s">
        <v>6887</v>
      </c>
      <c r="C11077" t="s">
        <v>6866</v>
      </c>
      <c r="D11077" t="s">
        <v>6867</v>
      </c>
      <c r="E11077" t="s">
        <v>6594</v>
      </c>
      <c r="F11077" t="s">
        <v>6595</v>
      </c>
      <c r="G11077" t="s">
        <v>80</v>
      </c>
      <c r="H11077" t="s">
        <v>81</v>
      </c>
      <c r="I11077" s="2">
        <v>0</v>
      </c>
      <c r="J11077" s="2">
        <v>1</v>
      </c>
      <c r="K11077" s="2">
        <v>0</v>
      </c>
      <c r="L11077" t="s">
        <v>82</v>
      </c>
      <c r="M11077" t="s">
        <v>83</v>
      </c>
      <c r="N11077" t="s">
        <v>91</v>
      </c>
      <c r="O11077" t="s">
        <v>85</v>
      </c>
      <c r="P11077" t="s">
        <v>86</v>
      </c>
      <c r="Q11077">
        <v>8</v>
      </c>
      <c r="R11077">
        <v>8</v>
      </c>
      <c r="S11077">
        <v>8</v>
      </c>
      <c r="T11077">
        <v>8</v>
      </c>
      <c r="U11077">
        <v>8</v>
      </c>
      <c r="V11077">
        <v>8</v>
      </c>
      <c r="W11077">
        <v>8</v>
      </c>
      <c r="X11077">
        <v>8</v>
      </c>
      <c r="Y11077">
        <v>8</v>
      </c>
      <c r="Z11077">
        <v>8</v>
      </c>
      <c r="AA11077">
        <v>8</v>
      </c>
      <c r="AB11077">
        <v>8</v>
      </c>
      <c r="AC11077">
        <v>8</v>
      </c>
      <c r="AD11077">
        <v>8</v>
      </c>
      <c r="AE11077">
        <v>8</v>
      </c>
      <c r="AF11077">
        <v>8</v>
      </c>
      <c r="AG11077">
        <v>8</v>
      </c>
      <c r="AH11077">
        <v>8</v>
      </c>
      <c r="AI11077">
        <v>8</v>
      </c>
      <c r="AJ11077">
        <v>8</v>
      </c>
      <c r="AK11077">
        <v>8</v>
      </c>
      <c r="AL11077">
        <v>8</v>
      </c>
      <c r="AM11077">
        <v>8</v>
      </c>
      <c r="AN11077">
        <v>8</v>
      </c>
      <c r="AO11077">
        <v>8</v>
      </c>
      <c r="AP11077">
        <v>8</v>
      </c>
      <c r="AQ11077">
        <v>8</v>
      </c>
    </row>
    <row r="11078" spans="1:43">
      <c r="A11078" t="s">
        <v>6888</v>
      </c>
      <c r="B11078" t="s">
        <v>6889</v>
      </c>
      <c r="C11078" t="s">
        <v>6890</v>
      </c>
      <c r="D11078" t="s">
        <v>6891</v>
      </c>
      <c r="E11078" t="s">
        <v>6594</v>
      </c>
      <c r="F11078" t="s">
        <v>6595</v>
      </c>
      <c r="G11078" t="s">
        <v>80</v>
      </c>
      <c r="H11078" t="s">
        <v>81</v>
      </c>
      <c r="I11078" s="2">
        <v>0</v>
      </c>
      <c r="J11078" s="2">
        <v>1</v>
      </c>
      <c r="K11078" s="2">
        <v>0</v>
      </c>
      <c r="L11078" t="s">
        <v>82</v>
      </c>
      <c r="M11078" t="s">
        <v>83</v>
      </c>
      <c r="N11078" t="s">
        <v>84</v>
      </c>
      <c r="O11078" t="s">
        <v>85</v>
      </c>
      <c r="P11078" t="s">
        <v>86</v>
      </c>
      <c r="Q11078">
        <v>100</v>
      </c>
      <c r="R11078">
        <v>101</v>
      </c>
      <c r="S11078">
        <v>101</v>
      </c>
      <c r="T11078">
        <v>102</v>
      </c>
      <c r="U11078">
        <v>102</v>
      </c>
      <c r="V11078">
        <v>103</v>
      </c>
      <c r="W11078">
        <v>104</v>
      </c>
      <c r="X11078">
        <v>104</v>
      </c>
      <c r="Y11078">
        <v>104</v>
      </c>
      <c r="Z11078">
        <v>105</v>
      </c>
      <c r="AA11078">
        <v>105</v>
      </c>
      <c r="AB11078">
        <v>105</v>
      </c>
      <c r="AC11078">
        <v>106</v>
      </c>
      <c r="AD11078">
        <v>106</v>
      </c>
      <c r="AE11078">
        <v>106</v>
      </c>
      <c r="AF11078">
        <v>106</v>
      </c>
      <c r="AG11078">
        <v>106</v>
      </c>
      <c r="AH11078">
        <v>106</v>
      </c>
      <c r="AI11078">
        <v>106</v>
      </c>
      <c r="AJ11078">
        <v>106</v>
      </c>
      <c r="AK11078">
        <v>106</v>
      </c>
      <c r="AL11078">
        <v>106</v>
      </c>
      <c r="AM11078">
        <v>105</v>
      </c>
      <c r="AN11078">
        <v>104</v>
      </c>
      <c r="AO11078">
        <v>103</v>
      </c>
      <c r="AP11078">
        <v>103</v>
      </c>
      <c r="AQ11078">
        <v>102</v>
      </c>
    </row>
    <row r="11079" spans="1:43">
      <c r="A11079" t="s">
        <v>6888</v>
      </c>
      <c r="B11079" t="s">
        <v>6889</v>
      </c>
      <c r="C11079" t="s">
        <v>6890</v>
      </c>
      <c r="D11079" t="s">
        <v>6891</v>
      </c>
      <c r="E11079" t="s">
        <v>6594</v>
      </c>
      <c r="F11079" t="s">
        <v>6595</v>
      </c>
      <c r="G11079" t="s">
        <v>80</v>
      </c>
      <c r="H11079" t="s">
        <v>81</v>
      </c>
      <c r="I11079" s="2">
        <v>0</v>
      </c>
      <c r="J11079" s="2">
        <v>1</v>
      </c>
      <c r="K11079" s="2">
        <v>0</v>
      </c>
      <c r="L11079" t="s">
        <v>82</v>
      </c>
      <c r="M11079" t="s">
        <v>87</v>
      </c>
      <c r="N11079" t="s">
        <v>88</v>
      </c>
      <c r="O11079" t="s">
        <v>85</v>
      </c>
      <c r="P11079" t="s">
        <v>86</v>
      </c>
      <c r="Q11079">
        <v>100</v>
      </c>
      <c r="R11079">
        <v>100</v>
      </c>
      <c r="S11079">
        <v>99</v>
      </c>
      <c r="T11079">
        <v>99</v>
      </c>
      <c r="U11079">
        <v>99</v>
      </c>
      <c r="V11079">
        <v>99</v>
      </c>
      <c r="W11079">
        <v>98</v>
      </c>
      <c r="X11079">
        <v>98</v>
      </c>
      <c r="Y11079">
        <v>98</v>
      </c>
      <c r="Z11079">
        <v>97</v>
      </c>
      <c r="AA11079">
        <v>97</v>
      </c>
      <c r="AB11079">
        <v>96</v>
      </c>
      <c r="AC11079">
        <v>96</v>
      </c>
      <c r="AD11079">
        <v>95</v>
      </c>
      <c r="AE11079">
        <v>95</v>
      </c>
      <c r="AF11079">
        <v>95</v>
      </c>
      <c r="AG11079">
        <v>94</v>
      </c>
      <c r="AH11079">
        <v>94</v>
      </c>
      <c r="AI11079">
        <v>93</v>
      </c>
      <c r="AJ11079">
        <v>93</v>
      </c>
      <c r="AK11079">
        <v>92</v>
      </c>
      <c r="AL11079">
        <v>92</v>
      </c>
      <c r="AM11079">
        <v>91</v>
      </c>
      <c r="AN11079">
        <v>91</v>
      </c>
      <c r="AO11079">
        <v>90</v>
      </c>
      <c r="AP11079">
        <v>90</v>
      </c>
      <c r="AQ11079">
        <v>89</v>
      </c>
    </row>
    <row r="11080" spans="1:43">
      <c r="A11080" t="s">
        <v>6888</v>
      </c>
      <c r="B11080" t="s">
        <v>6889</v>
      </c>
      <c r="C11080" t="s">
        <v>6890</v>
      </c>
      <c r="D11080" t="s">
        <v>6891</v>
      </c>
      <c r="E11080" t="s">
        <v>6594</v>
      </c>
      <c r="F11080" t="s">
        <v>6595</v>
      </c>
      <c r="G11080" t="s">
        <v>80</v>
      </c>
      <c r="H11080" t="s">
        <v>81</v>
      </c>
      <c r="I11080" s="2">
        <v>0</v>
      </c>
      <c r="J11080" s="2">
        <v>1</v>
      </c>
      <c r="K11080" s="2">
        <v>0</v>
      </c>
      <c r="L11080" t="s">
        <v>82</v>
      </c>
      <c r="M11080" t="s">
        <v>89</v>
      </c>
      <c r="N11080" t="s">
        <v>90</v>
      </c>
      <c r="O11080" t="s">
        <v>85</v>
      </c>
      <c r="P11080" t="s">
        <v>86</v>
      </c>
      <c r="Q11080">
        <v>100</v>
      </c>
      <c r="R11080">
        <v>101</v>
      </c>
      <c r="S11080">
        <v>103</v>
      </c>
      <c r="T11080">
        <v>104</v>
      </c>
      <c r="U11080">
        <v>106</v>
      </c>
      <c r="V11080">
        <v>107</v>
      </c>
      <c r="W11080">
        <v>108</v>
      </c>
      <c r="X11080">
        <v>109</v>
      </c>
      <c r="Y11080">
        <v>110</v>
      </c>
      <c r="Z11080">
        <v>110</v>
      </c>
      <c r="AA11080">
        <v>111</v>
      </c>
      <c r="AB11080">
        <v>111</v>
      </c>
      <c r="AC11080">
        <v>112</v>
      </c>
      <c r="AD11080">
        <v>112</v>
      </c>
      <c r="AE11080">
        <v>112</v>
      </c>
      <c r="AF11080">
        <v>112</v>
      </c>
      <c r="AG11080">
        <v>111</v>
      </c>
      <c r="AH11080">
        <v>110</v>
      </c>
      <c r="AI11080">
        <v>109</v>
      </c>
      <c r="AJ11080">
        <v>108</v>
      </c>
      <c r="AK11080">
        <v>107</v>
      </c>
      <c r="AL11080">
        <v>106</v>
      </c>
      <c r="AM11080">
        <v>105</v>
      </c>
      <c r="AN11080">
        <v>104</v>
      </c>
      <c r="AO11080">
        <v>104</v>
      </c>
      <c r="AP11080">
        <v>103</v>
      </c>
      <c r="AQ11080">
        <v>102</v>
      </c>
    </row>
    <row r="11081" spans="1:43">
      <c r="A11081" t="s">
        <v>6888</v>
      </c>
      <c r="B11081" t="s">
        <v>6889</v>
      </c>
      <c r="C11081" t="s">
        <v>6890</v>
      </c>
      <c r="D11081" t="s">
        <v>6891</v>
      </c>
      <c r="E11081" t="s">
        <v>6594</v>
      </c>
      <c r="F11081" t="s">
        <v>6595</v>
      </c>
      <c r="G11081" t="s">
        <v>80</v>
      </c>
      <c r="H11081" t="s">
        <v>81</v>
      </c>
      <c r="I11081" s="2">
        <v>0</v>
      </c>
      <c r="J11081" s="2">
        <v>1</v>
      </c>
      <c r="K11081" s="2">
        <v>0</v>
      </c>
      <c r="L11081" t="s">
        <v>82</v>
      </c>
      <c r="M11081" t="s">
        <v>83</v>
      </c>
      <c r="N11081" t="s">
        <v>91</v>
      </c>
      <c r="O11081" t="s">
        <v>85</v>
      </c>
      <c r="P11081" t="s">
        <v>86</v>
      </c>
      <c r="Q11081">
        <v>100</v>
      </c>
      <c r="R11081">
        <v>101</v>
      </c>
      <c r="S11081">
        <v>101</v>
      </c>
      <c r="T11081">
        <v>102</v>
      </c>
      <c r="U11081">
        <v>102</v>
      </c>
      <c r="V11081">
        <v>103</v>
      </c>
      <c r="W11081">
        <v>104</v>
      </c>
      <c r="X11081">
        <v>104</v>
      </c>
      <c r="Y11081">
        <v>104</v>
      </c>
      <c r="Z11081">
        <v>105</v>
      </c>
      <c r="AA11081">
        <v>105</v>
      </c>
      <c r="AB11081">
        <v>105</v>
      </c>
      <c r="AC11081">
        <v>106</v>
      </c>
      <c r="AD11081">
        <v>106</v>
      </c>
      <c r="AE11081">
        <v>106</v>
      </c>
      <c r="AF11081">
        <v>106</v>
      </c>
      <c r="AG11081">
        <v>106</v>
      </c>
      <c r="AH11081">
        <v>106</v>
      </c>
      <c r="AI11081">
        <v>106</v>
      </c>
      <c r="AJ11081">
        <v>106</v>
      </c>
      <c r="AK11081">
        <v>106</v>
      </c>
      <c r="AL11081">
        <v>106</v>
      </c>
      <c r="AM11081">
        <v>105</v>
      </c>
      <c r="AN11081">
        <v>104</v>
      </c>
      <c r="AO11081">
        <v>103</v>
      </c>
      <c r="AP11081">
        <v>103</v>
      </c>
      <c r="AQ11081">
        <v>102</v>
      </c>
    </row>
    <row r="11082" spans="1:43">
      <c r="A11082" t="s">
        <v>6892</v>
      </c>
      <c r="B11082" t="s">
        <v>6893</v>
      </c>
      <c r="C11082" t="s">
        <v>6894</v>
      </c>
      <c r="D11082" t="s">
        <v>6895</v>
      </c>
      <c r="E11082" t="s">
        <v>6594</v>
      </c>
      <c r="F11082" t="s">
        <v>6595</v>
      </c>
      <c r="G11082" t="s">
        <v>80</v>
      </c>
      <c r="H11082" t="s">
        <v>81</v>
      </c>
      <c r="I11082" s="2">
        <v>0</v>
      </c>
      <c r="J11082" s="2">
        <v>1</v>
      </c>
      <c r="K11082" s="2">
        <v>0</v>
      </c>
      <c r="L11082" t="s">
        <v>82</v>
      </c>
      <c r="M11082" t="s">
        <v>83</v>
      </c>
      <c r="N11082" t="s">
        <v>84</v>
      </c>
      <c r="O11082" t="s">
        <v>85</v>
      </c>
      <c r="P11082" t="s">
        <v>86</v>
      </c>
      <c r="Q11082">
        <v>26</v>
      </c>
      <c r="R11082">
        <v>26</v>
      </c>
      <c r="S11082">
        <v>26</v>
      </c>
      <c r="T11082">
        <v>26</v>
      </c>
      <c r="U11082">
        <v>27</v>
      </c>
      <c r="V11082">
        <v>27</v>
      </c>
      <c r="W11082">
        <v>27</v>
      </c>
      <c r="X11082">
        <v>27</v>
      </c>
      <c r="Y11082">
        <v>27</v>
      </c>
      <c r="Z11082">
        <v>27</v>
      </c>
      <c r="AA11082">
        <v>27</v>
      </c>
      <c r="AB11082">
        <v>27</v>
      </c>
      <c r="AC11082">
        <v>28</v>
      </c>
      <c r="AD11082">
        <v>28</v>
      </c>
      <c r="AE11082">
        <v>28</v>
      </c>
      <c r="AF11082">
        <v>28</v>
      </c>
      <c r="AG11082">
        <v>28</v>
      </c>
      <c r="AH11082">
        <v>28</v>
      </c>
      <c r="AI11082">
        <v>28</v>
      </c>
      <c r="AJ11082">
        <v>28</v>
      </c>
      <c r="AK11082">
        <v>28</v>
      </c>
      <c r="AL11082">
        <v>28</v>
      </c>
      <c r="AM11082">
        <v>27</v>
      </c>
      <c r="AN11082">
        <v>27</v>
      </c>
      <c r="AO11082">
        <v>27</v>
      </c>
      <c r="AP11082">
        <v>27</v>
      </c>
      <c r="AQ11082">
        <v>27</v>
      </c>
    </row>
    <row r="11083" spans="1:43">
      <c r="A11083" t="s">
        <v>6892</v>
      </c>
      <c r="B11083" t="s">
        <v>6893</v>
      </c>
      <c r="C11083" t="s">
        <v>6894</v>
      </c>
      <c r="D11083" t="s">
        <v>6895</v>
      </c>
      <c r="E11083" t="s">
        <v>6594</v>
      </c>
      <c r="F11083" t="s">
        <v>6595</v>
      </c>
      <c r="G11083" t="s">
        <v>80</v>
      </c>
      <c r="H11083" t="s">
        <v>81</v>
      </c>
      <c r="I11083" s="2">
        <v>0</v>
      </c>
      <c r="J11083" s="2">
        <v>1</v>
      </c>
      <c r="K11083" s="2">
        <v>0</v>
      </c>
      <c r="L11083" t="s">
        <v>82</v>
      </c>
      <c r="M11083" t="s">
        <v>87</v>
      </c>
      <c r="N11083" t="s">
        <v>88</v>
      </c>
      <c r="O11083" t="s">
        <v>85</v>
      </c>
      <c r="P11083" t="s">
        <v>86</v>
      </c>
      <c r="Q11083">
        <v>26</v>
      </c>
      <c r="R11083">
        <v>25</v>
      </c>
      <c r="S11083">
        <v>25</v>
      </c>
      <c r="T11083">
        <v>25</v>
      </c>
      <c r="U11083">
        <v>25</v>
      </c>
      <c r="V11083">
        <v>25</v>
      </c>
      <c r="W11083">
        <v>25</v>
      </c>
      <c r="X11083">
        <v>25</v>
      </c>
      <c r="Y11083">
        <v>25</v>
      </c>
      <c r="Z11083">
        <v>25</v>
      </c>
      <c r="AA11083">
        <v>25</v>
      </c>
      <c r="AB11083">
        <v>25</v>
      </c>
      <c r="AC11083">
        <v>25</v>
      </c>
      <c r="AD11083">
        <v>25</v>
      </c>
      <c r="AE11083">
        <v>25</v>
      </c>
      <c r="AF11083">
        <v>24</v>
      </c>
      <c r="AG11083">
        <v>24</v>
      </c>
      <c r="AH11083">
        <v>24</v>
      </c>
      <c r="AI11083">
        <v>24</v>
      </c>
      <c r="AJ11083">
        <v>24</v>
      </c>
      <c r="AK11083">
        <v>24</v>
      </c>
      <c r="AL11083">
        <v>24</v>
      </c>
      <c r="AM11083">
        <v>24</v>
      </c>
      <c r="AN11083">
        <v>24</v>
      </c>
      <c r="AO11083">
        <v>24</v>
      </c>
      <c r="AP11083">
        <v>24</v>
      </c>
      <c r="AQ11083">
        <v>23</v>
      </c>
    </row>
    <row r="11084" spans="1:43">
      <c r="A11084" t="s">
        <v>6892</v>
      </c>
      <c r="B11084" t="s">
        <v>6893</v>
      </c>
      <c r="C11084" t="s">
        <v>6894</v>
      </c>
      <c r="D11084" t="s">
        <v>6895</v>
      </c>
      <c r="E11084" t="s">
        <v>6594</v>
      </c>
      <c r="F11084" t="s">
        <v>6595</v>
      </c>
      <c r="G11084" t="s">
        <v>80</v>
      </c>
      <c r="H11084" t="s">
        <v>81</v>
      </c>
      <c r="I11084" s="2">
        <v>0</v>
      </c>
      <c r="J11084" s="2">
        <v>1</v>
      </c>
      <c r="K11084" s="2">
        <v>0</v>
      </c>
      <c r="L11084" t="s">
        <v>82</v>
      </c>
      <c r="M11084" t="s">
        <v>89</v>
      </c>
      <c r="N11084" t="s">
        <v>90</v>
      </c>
      <c r="O11084" t="s">
        <v>85</v>
      </c>
      <c r="P11084" t="s">
        <v>86</v>
      </c>
      <c r="Q11084">
        <v>26</v>
      </c>
      <c r="R11084">
        <v>26</v>
      </c>
      <c r="S11084">
        <v>27</v>
      </c>
      <c r="T11084">
        <v>27</v>
      </c>
      <c r="U11084">
        <v>28</v>
      </c>
      <c r="V11084">
        <v>28</v>
      </c>
      <c r="W11084">
        <v>28</v>
      </c>
      <c r="X11084">
        <v>28</v>
      </c>
      <c r="Y11084">
        <v>29</v>
      </c>
      <c r="Z11084">
        <v>29</v>
      </c>
      <c r="AA11084">
        <v>29</v>
      </c>
      <c r="AB11084">
        <v>29</v>
      </c>
      <c r="AC11084">
        <v>29</v>
      </c>
      <c r="AD11084">
        <v>29</v>
      </c>
      <c r="AE11084">
        <v>29</v>
      </c>
      <c r="AF11084">
        <v>29</v>
      </c>
      <c r="AG11084">
        <v>29</v>
      </c>
      <c r="AH11084">
        <v>29</v>
      </c>
      <c r="AI11084">
        <v>29</v>
      </c>
      <c r="AJ11084">
        <v>28</v>
      </c>
      <c r="AK11084">
        <v>28</v>
      </c>
      <c r="AL11084">
        <v>28</v>
      </c>
      <c r="AM11084">
        <v>28</v>
      </c>
      <c r="AN11084">
        <v>27</v>
      </c>
      <c r="AO11084">
        <v>27</v>
      </c>
      <c r="AP11084">
        <v>27</v>
      </c>
      <c r="AQ11084">
        <v>27</v>
      </c>
    </row>
    <row r="11085" spans="1:43">
      <c r="A11085" t="s">
        <v>6892</v>
      </c>
      <c r="B11085" t="s">
        <v>6893</v>
      </c>
      <c r="C11085" t="s">
        <v>6894</v>
      </c>
      <c r="D11085" t="s">
        <v>6895</v>
      </c>
      <c r="E11085" t="s">
        <v>6594</v>
      </c>
      <c r="F11085" t="s">
        <v>6595</v>
      </c>
      <c r="G11085" t="s">
        <v>80</v>
      </c>
      <c r="H11085" t="s">
        <v>81</v>
      </c>
      <c r="I11085" s="2">
        <v>0</v>
      </c>
      <c r="J11085" s="2">
        <v>1</v>
      </c>
      <c r="K11085" s="2">
        <v>0</v>
      </c>
      <c r="L11085" t="s">
        <v>82</v>
      </c>
      <c r="M11085" t="s">
        <v>83</v>
      </c>
      <c r="N11085" t="s">
        <v>91</v>
      </c>
      <c r="O11085" t="s">
        <v>85</v>
      </c>
      <c r="P11085" t="s">
        <v>86</v>
      </c>
      <c r="Q11085">
        <v>26</v>
      </c>
      <c r="R11085">
        <v>26</v>
      </c>
      <c r="S11085">
        <v>26</v>
      </c>
      <c r="T11085">
        <v>26</v>
      </c>
      <c r="U11085">
        <v>27</v>
      </c>
      <c r="V11085">
        <v>27</v>
      </c>
      <c r="W11085">
        <v>27</v>
      </c>
      <c r="X11085">
        <v>27</v>
      </c>
      <c r="Y11085">
        <v>27</v>
      </c>
      <c r="Z11085">
        <v>27</v>
      </c>
      <c r="AA11085">
        <v>27</v>
      </c>
      <c r="AB11085">
        <v>27</v>
      </c>
      <c r="AC11085">
        <v>28</v>
      </c>
      <c r="AD11085">
        <v>28</v>
      </c>
      <c r="AE11085">
        <v>28</v>
      </c>
      <c r="AF11085">
        <v>28</v>
      </c>
      <c r="AG11085">
        <v>28</v>
      </c>
      <c r="AH11085">
        <v>28</v>
      </c>
      <c r="AI11085">
        <v>28</v>
      </c>
      <c r="AJ11085">
        <v>28</v>
      </c>
      <c r="AK11085">
        <v>28</v>
      </c>
      <c r="AL11085">
        <v>28</v>
      </c>
      <c r="AM11085">
        <v>27</v>
      </c>
      <c r="AN11085">
        <v>27</v>
      </c>
      <c r="AO11085">
        <v>27</v>
      </c>
      <c r="AP11085">
        <v>27</v>
      </c>
      <c r="AQ11085">
        <v>27</v>
      </c>
    </row>
    <row r="11086" spans="1:43">
      <c r="A11086" t="s">
        <v>6896</v>
      </c>
      <c r="B11086" t="s">
        <v>6897</v>
      </c>
      <c r="C11086" t="s">
        <v>6894</v>
      </c>
      <c r="D11086" t="s">
        <v>6895</v>
      </c>
      <c r="E11086" t="s">
        <v>6594</v>
      </c>
      <c r="F11086" t="s">
        <v>6595</v>
      </c>
      <c r="G11086" t="s">
        <v>80</v>
      </c>
      <c r="H11086" t="s">
        <v>81</v>
      </c>
      <c r="I11086" s="2">
        <v>0</v>
      </c>
      <c r="J11086" s="2">
        <v>1</v>
      </c>
      <c r="K11086" s="2">
        <v>0</v>
      </c>
      <c r="L11086" t="s">
        <v>82</v>
      </c>
      <c r="M11086" t="s">
        <v>83</v>
      </c>
      <c r="N11086" t="s">
        <v>84</v>
      </c>
      <c r="O11086" t="s">
        <v>85</v>
      </c>
      <c r="P11086" t="s">
        <v>86</v>
      </c>
      <c r="Q11086">
        <v>34</v>
      </c>
      <c r="R11086">
        <v>34</v>
      </c>
      <c r="S11086">
        <v>34</v>
      </c>
      <c r="T11086">
        <v>34</v>
      </c>
      <c r="U11086">
        <v>34</v>
      </c>
      <c r="V11086">
        <v>35</v>
      </c>
      <c r="W11086">
        <v>35</v>
      </c>
      <c r="X11086">
        <v>35</v>
      </c>
      <c r="Y11086">
        <v>35</v>
      </c>
      <c r="Z11086">
        <v>35</v>
      </c>
      <c r="AA11086">
        <v>35</v>
      </c>
      <c r="AB11086">
        <v>36</v>
      </c>
      <c r="AC11086">
        <v>36</v>
      </c>
      <c r="AD11086">
        <v>36</v>
      </c>
      <c r="AE11086">
        <v>36</v>
      </c>
      <c r="AF11086">
        <v>36</v>
      </c>
      <c r="AG11086">
        <v>36</v>
      </c>
      <c r="AH11086">
        <v>36</v>
      </c>
      <c r="AI11086">
        <v>36</v>
      </c>
      <c r="AJ11086">
        <v>36</v>
      </c>
      <c r="AK11086">
        <v>36</v>
      </c>
      <c r="AL11086">
        <v>36</v>
      </c>
      <c r="AM11086">
        <v>35</v>
      </c>
      <c r="AN11086">
        <v>35</v>
      </c>
      <c r="AO11086">
        <v>35</v>
      </c>
      <c r="AP11086">
        <v>35</v>
      </c>
      <c r="AQ11086">
        <v>34</v>
      </c>
    </row>
    <row r="11087" spans="1:43">
      <c r="A11087" t="s">
        <v>6896</v>
      </c>
      <c r="B11087" t="s">
        <v>6897</v>
      </c>
      <c r="C11087" t="s">
        <v>6894</v>
      </c>
      <c r="D11087" t="s">
        <v>6895</v>
      </c>
      <c r="E11087" t="s">
        <v>6594</v>
      </c>
      <c r="F11087" t="s">
        <v>6595</v>
      </c>
      <c r="G11087" t="s">
        <v>80</v>
      </c>
      <c r="H11087" t="s">
        <v>81</v>
      </c>
      <c r="I11087" s="2">
        <v>0</v>
      </c>
      <c r="J11087" s="2">
        <v>1</v>
      </c>
      <c r="K11087" s="2">
        <v>0</v>
      </c>
      <c r="L11087" t="s">
        <v>82</v>
      </c>
      <c r="M11087" t="s">
        <v>87</v>
      </c>
      <c r="N11087" t="s">
        <v>88</v>
      </c>
      <c r="O11087" t="s">
        <v>85</v>
      </c>
      <c r="P11087" t="s">
        <v>86</v>
      </c>
      <c r="Q11087">
        <v>34</v>
      </c>
      <c r="R11087">
        <v>34</v>
      </c>
      <c r="S11087">
        <v>34</v>
      </c>
      <c r="T11087">
        <v>34</v>
      </c>
      <c r="U11087">
        <v>34</v>
      </c>
      <c r="V11087">
        <v>34</v>
      </c>
      <c r="W11087">
        <v>34</v>
      </c>
      <c r="X11087">
        <v>34</v>
      </c>
      <c r="Y11087">
        <v>34</v>
      </c>
      <c r="Z11087">
        <v>33</v>
      </c>
      <c r="AA11087">
        <v>33</v>
      </c>
      <c r="AB11087">
        <v>33</v>
      </c>
      <c r="AC11087">
        <v>33</v>
      </c>
      <c r="AD11087">
        <v>33</v>
      </c>
      <c r="AE11087">
        <v>33</v>
      </c>
      <c r="AF11087">
        <v>33</v>
      </c>
      <c r="AG11087">
        <v>32</v>
      </c>
      <c r="AH11087">
        <v>32</v>
      </c>
      <c r="AI11087">
        <v>32</v>
      </c>
      <c r="AJ11087">
        <v>32</v>
      </c>
      <c r="AK11087">
        <v>32</v>
      </c>
      <c r="AL11087">
        <v>32</v>
      </c>
      <c r="AM11087">
        <v>32</v>
      </c>
      <c r="AN11087">
        <v>32</v>
      </c>
      <c r="AO11087">
        <v>31</v>
      </c>
      <c r="AP11087">
        <v>31</v>
      </c>
      <c r="AQ11087">
        <v>31</v>
      </c>
    </row>
    <row r="11088" spans="1:43">
      <c r="A11088" t="s">
        <v>6896</v>
      </c>
      <c r="B11088" t="s">
        <v>6897</v>
      </c>
      <c r="C11088" t="s">
        <v>6894</v>
      </c>
      <c r="D11088" t="s">
        <v>6895</v>
      </c>
      <c r="E11088" t="s">
        <v>6594</v>
      </c>
      <c r="F11088" t="s">
        <v>6595</v>
      </c>
      <c r="G11088" t="s">
        <v>80</v>
      </c>
      <c r="H11088" t="s">
        <v>81</v>
      </c>
      <c r="I11088" s="2">
        <v>0</v>
      </c>
      <c r="J11088" s="2">
        <v>1</v>
      </c>
      <c r="K11088" s="2">
        <v>0</v>
      </c>
      <c r="L11088" t="s">
        <v>82</v>
      </c>
      <c r="M11088" t="s">
        <v>89</v>
      </c>
      <c r="N11088" t="s">
        <v>90</v>
      </c>
      <c r="O11088" t="s">
        <v>85</v>
      </c>
      <c r="P11088" t="s">
        <v>86</v>
      </c>
      <c r="Q11088">
        <v>34</v>
      </c>
      <c r="R11088">
        <v>34</v>
      </c>
      <c r="S11088">
        <v>35</v>
      </c>
      <c r="T11088">
        <v>35</v>
      </c>
      <c r="U11088">
        <v>36</v>
      </c>
      <c r="V11088">
        <v>36</v>
      </c>
      <c r="W11088">
        <v>37</v>
      </c>
      <c r="X11088">
        <v>37</v>
      </c>
      <c r="Y11088">
        <v>37</v>
      </c>
      <c r="Z11088">
        <v>37</v>
      </c>
      <c r="AA11088">
        <v>38</v>
      </c>
      <c r="AB11088">
        <v>38</v>
      </c>
      <c r="AC11088">
        <v>38</v>
      </c>
      <c r="AD11088">
        <v>38</v>
      </c>
      <c r="AE11088">
        <v>38</v>
      </c>
      <c r="AF11088">
        <v>38</v>
      </c>
      <c r="AG11088">
        <v>37</v>
      </c>
      <c r="AH11088">
        <v>37</v>
      </c>
      <c r="AI11088">
        <v>37</v>
      </c>
      <c r="AJ11088">
        <v>37</v>
      </c>
      <c r="AK11088">
        <v>36</v>
      </c>
      <c r="AL11088">
        <v>36</v>
      </c>
      <c r="AM11088">
        <v>36</v>
      </c>
      <c r="AN11088">
        <v>35</v>
      </c>
      <c r="AO11088">
        <v>35</v>
      </c>
      <c r="AP11088">
        <v>35</v>
      </c>
      <c r="AQ11088">
        <v>35</v>
      </c>
    </row>
    <row r="11089" spans="1:43">
      <c r="A11089" t="s">
        <v>6896</v>
      </c>
      <c r="B11089" t="s">
        <v>6897</v>
      </c>
      <c r="C11089" t="s">
        <v>6894</v>
      </c>
      <c r="D11089" t="s">
        <v>6895</v>
      </c>
      <c r="E11089" t="s">
        <v>6594</v>
      </c>
      <c r="F11089" t="s">
        <v>6595</v>
      </c>
      <c r="G11089" t="s">
        <v>80</v>
      </c>
      <c r="H11089" t="s">
        <v>81</v>
      </c>
      <c r="I11089" s="2">
        <v>0</v>
      </c>
      <c r="J11089" s="2">
        <v>1</v>
      </c>
      <c r="K11089" s="2">
        <v>0</v>
      </c>
      <c r="L11089" t="s">
        <v>82</v>
      </c>
      <c r="M11089" t="s">
        <v>83</v>
      </c>
      <c r="N11089" t="s">
        <v>91</v>
      </c>
      <c r="O11089" t="s">
        <v>85</v>
      </c>
      <c r="P11089" t="s">
        <v>86</v>
      </c>
      <c r="Q11089">
        <v>34</v>
      </c>
      <c r="R11089">
        <v>34</v>
      </c>
      <c r="S11089">
        <v>34</v>
      </c>
      <c r="T11089">
        <v>34</v>
      </c>
      <c r="U11089">
        <v>34</v>
      </c>
      <c r="V11089">
        <v>35</v>
      </c>
      <c r="W11089">
        <v>35</v>
      </c>
      <c r="X11089">
        <v>35</v>
      </c>
      <c r="Y11089">
        <v>35</v>
      </c>
      <c r="Z11089">
        <v>35</v>
      </c>
      <c r="AA11089">
        <v>35</v>
      </c>
      <c r="AB11089">
        <v>36</v>
      </c>
      <c r="AC11089">
        <v>36</v>
      </c>
      <c r="AD11089">
        <v>36</v>
      </c>
      <c r="AE11089">
        <v>36</v>
      </c>
      <c r="AF11089">
        <v>36</v>
      </c>
      <c r="AG11089">
        <v>36</v>
      </c>
      <c r="AH11089">
        <v>36</v>
      </c>
      <c r="AI11089">
        <v>36</v>
      </c>
      <c r="AJ11089">
        <v>36</v>
      </c>
      <c r="AK11089">
        <v>36</v>
      </c>
      <c r="AL11089">
        <v>36</v>
      </c>
      <c r="AM11089">
        <v>35</v>
      </c>
      <c r="AN11089">
        <v>35</v>
      </c>
      <c r="AO11089">
        <v>35</v>
      </c>
      <c r="AP11089">
        <v>35</v>
      </c>
      <c r="AQ11089">
        <v>34</v>
      </c>
    </row>
    <row r="11090" spans="1:43">
      <c r="A11090" t="s">
        <v>6898</v>
      </c>
      <c r="B11090" t="s">
        <v>6899</v>
      </c>
      <c r="C11090" t="s">
        <v>6890</v>
      </c>
      <c r="D11090" t="s">
        <v>6891</v>
      </c>
      <c r="E11090" t="s">
        <v>6594</v>
      </c>
      <c r="F11090" t="s">
        <v>6595</v>
      </c>
      <c r="G11090" t="s">
        <v>80</v>
      </c>
      <c r="H11090" t="s">
        <v>81</v>
      </c>
      <c r="I11090" s="2">
        <v>0</v>
      </c>
      <c r="J11090" s="2">
        <v>1</v>
      </c>
      <c r="K11090" s="2">
        <v>0</v>
      </c>
      <c r="L11090" t="s">
        <v>82</v>
      </c>
      <c r="M11090" t="s">
        <v>83</v>
      </c>
      <c r="N11090" t="s">
        <v>84</v>
      </c>
      <c r="O11090" t="s">
        <v>85</v>
      </c>
      <c r="P11090" t="s">
        <v>86</v>
      </c>
      <c r="Q11090">
        <v>15</v>
      </c>
      <c r="R11090">
        <v>15</v>
      </c>
      <c r="S11090">
        <v>15</v>
      </c>
      <c r="T11090">
        <v>15</v>
      </c>
      <c r="U11090">
        <v>15</v>
      </c>
      <c r="V11090">
        <v>15</v>
      </c>
      <c r="W11090">
        <v>15</v>
      </c>
      <c r="X11090">
        <v>15</v>
      </c>
      <c r="Y11090">
        <v>15</v>
      </c>
      <c r="Z11090">
        <v>15</v>
      </c>
      <c r="AA11090">
        <v>15</v>
      </c>
      <c r="AB11090">
        <v>15</v>
      </c>
      <c r="AC11090">
        <v>15</v>
      </c>
      <c r="AD11090">
        <v>16</v>
      </c>
      <c r="AE11090">
        <v>16</v>
      </c>
      <c r="AF11090">
        <v>16</v>
      </c>
      <c r="AG11090">
        <v>16</v>
      </c>
      <c r="AH11090">
        <v>16</v>
      </c>
      <c r="AI11090">
        <v>16</v>
      </c>
      <c r="AJ11090">
        <v>16</v>
      </c>
      <c r="AK11090">
        <v>16</v>
      </c>
      <c r="AL11090">
        <v>16</v>
      </c>
      <c r="AM11090">
        <v>15</v>
      </c>
      <c r="AN11090">
        <v>15</v>
      </c>
      <c r="AO11090">
        <v>15</v>
      </c>
      <c r="AP11090">
        <v>15</v>
      </c>
      <c r="AQ11090">
        <v>15</v>
      </c>
    </row>
    <row r="11091" spans="1:43">
      <c r="A11091" t="s">
        <v>6898</v>
      </c>
      <c r="B11091" t="s">
        <v>6899</v>
      </c>
      <c r="C11091" t="s">
        <v>6890</v>
      </c>
      <c r="D11091" t="s">
        <v>6891</v>
      </c>
      <c r="E11091" t="s">
        <v>6594</v>
      </c>
      <c r="F11091" t="s">
        <v>6595</v>
      </c>
      <c r="G11091" t="s">
        <v>80</v>
      </c>
      <c r="H11091" t="s">
        <v>81</v>
      </c>
      <c r="I11091" s="2">
        <v>0</v>
      </c>
      <c r="J11091" s="2">
        <v>1</v>
      </c>
      <c r="K11091" s="2">
        <v>0</v>
      </c>
      <c r="L11091" t="s">
        <v>82</v>
      </c>
      <c r="M11091" t="s">
        <v>87</v>
      </c>
      <c r="N11091" t="s">
        <v>88</v>
      </c>
      <c r="O11091" t="s">
        <v>85</v>
      </c>
      <c r="P11091" t="s">
        <v>86</v>
      </c>
      <c r="Q11091">
        <v>15</v>
      </c>
      <c r="R11091">
        <v>15</v>
      </c>
      <c r="S11091">
        <v>14</v>
      </c>
      <c r="T11091">
        <v>14</v>
      </c>
      <c r="U11091">
        <v>14</v>
      </c>
      <c r="V11091">
        <v>14</v>
      </c>
      <c r="W11091">
        <v>14</v>
      </c>
      <c r="X11091">
        <v>14</v>
      </c>
      <c r="Y11091">
        <v>14</v>
      </c>
      <c r="Z11091">
        <v>14</v>
      </c>
      <c r="AA11091">
        <v>14</v>
      </c>
      <c r="AB11091">
        <v>14</v>
      </c>
      <c r="AC11091">
        <v>14</v>
      </c>
      <c r="AD11091">
        <v>14</v>
      </c>
      <c r="AE11091">
        <v>14</v>
      </c>
      <c r="AF11091">
        <v>14</v>
      </c>
      <c r="AG11091">
        <v>14</v>
      </c>
      <c r="AH11091">
        <v>14</v>
      </c>
      <c r="AI11091">
        <v>13</v>
      </c>
      <c r="AJ11091">
        <v>13</v>
      </c>
      <c r="AK11091">
        <v>13</v>
      </c>
      <c r="AL11091">
        <v>13</v>
      </c>
      <c r="AM11091">
        <v>13</v>
      </c>
      <c r="AN11091">
        <v>13</v>
      </c>
      <c r="AO11091">
        <v>13</v>
      </c>
      <c r="AP11091">
        <v>13</v>
      </c>
      <c r="AQ11091">
        <v>13</v>
      </c>
    </row>
    <row r="11092" spans="1:43">
      <c r="A11092" t="s">
        <v>6898</v>
      </c>
      <c r="B11092" t="s">
        <v>6899</v>
      </c>
      <c r="C11092" t="s">
        <v>6890</v>
      </c>
      <c r="D11092" t="s">
        <v>6891</v>
      </c>
      <c r="E11092" t="s">
        <v>6594</v>
      </c>
      <c r="F11092" t="s">
        <v>6595</v>
      </c>
      <c r="G11092" t="s">
        <v>80</v>
      </c>
      <c r="H11092" t="s">
        <v>81</v>
      </c>
      <c r="I11092" s="2">
        <v>0</v>
      </c>
      <c r="J11092" s="2">
        <v>1</v>
      </c>
      <c r="K11092" s="2">
        <v>0</v>
      </c>
      <c r="L11092" t="s">
        <v>82</v>
      </c>
      <c r="M11092" t="s">
        <v>89</v>
      </c>
      <c r="N11092" t="s">
        <v>90</v>
      </c>
      <c r="O11092" t="s">
        <v>85</v>
      </c>
      <c r="P11092" t="s">
        <v>86</v>
      </c>
      <c r="Q11092">
        <v>15</v>
      </c>
      <c r="R11092">
        <v>15</v>
      </c>
      <c r="S11092">
        <v>15</v>
      </c>
      <c r="T11092">
        <v>15</v>
      </c>
      <c r="U11092">
        <v>16</v>
      </c>
      <c r="V11092">
        <v>16</v>
      </c>
      <c r="W11092">
        <v>16</v>
      </c>
      <c r="X11092">
        <v>16</v>
      </c>
      <c r="Y11092">
        <v>16</v>
      </c>
      <c r="Z11092">
        <v>16</v>
      </c>
      <c r="AA11092">
        <v>16</v>
      </c>
      <c r="AB11092">
        <v>17</v>
      </c>
      <c r="AC11092">
        <v>17</v>
      </c>
      <c r="AD11092">
        <v>17</v>
      </c>
      <c r="AE11092">
        <v>17</v>
      </c>
      <c r="AF11092">
        <v>17</v>
      </c>
      <c r="AG11092">
        <v>16</v>
      </c>
      <c r="AH11092">
        <v>16</v>
      </c>
      <c r="AI11092">
        <v>16</v>
      </c>
      <c r="AJ11092">
        <v>16</v>
      </c>
      <c r="AK11092">
        <v>16</v>
      </c>
      <c r="AL11092">
        <v>16</v>
      </c>
      <c r="AM11092">
        <v>16</v>
      </c>
      <c r="AN11092">
        <v>15</v>
      </c>
      <c r="AO11092">
        <v>15</v>
      </c>
      <c r="AP11092">
        <v>15</v>
      </c>
      <c r="AQ11092">
        <v>15</v>
      </c>
    </row>
    <row r="11093" spans="1:43">
      <c r="A11093" t="s">
        <v>6898</v>
      </c>
      <c r="B11093" t="s">
        <v>6899</v>
      </c>
      <c r="C11093" t="s">
        <v>6890</v>
      </c>
      <c r="D11093" t="s">
        <v>6891</v>
      </c>
      <c r="E11093" t="s">
        <v>6594</v>
      </c>
      <c r="F11093" t="s">
        <v>6595</v>
      </c>
      <c r="G11093" t="s">
        <v>80</v>
      </c>
      <c r="H11093" t="s">
        <v>81</v>
      </c>
      <c r="I11093" s="2">
        <v>0</v>
      </c>
      <c r="J11093" s="2">
        <v>1</v>
      </c>
      <c r="K11093" s="2">
        <v>0</v>
      </c>
      <c r="L11093" t="s">
        <v>82</v>
      </c>
      <c r="M11093" t="s">
        <v>83</v>
      </c>
      <c r="N11093" t="s">
        <v>91</v>
      </c>
      <c r="O11093" t="s">
        <v>85</v>
      </c>
      <c r="P11093" t="s">
        <v>86</v>
      </c>
      <c r="Q11093">
        <v>15</v>
      </c>
      <c r="R11093">
        <v>15</v>
      </c>
      <c r="S11093">
        <v>15</v>
      </c>
      <c r="T11093">
        <v>15</v>
      </c>
      <c r="U11093">
        <v>15</v>
      </c>
      <c r="V11093">
        <v>15</v>
      </c>
      <c r="W11093">
        <v>15</v>
      </c>
      <c r="X11093">
        <v>15</v>
      </c>
      <c r="Y11093">
        <v>15</v>
      </c>
      <c r="Z11093">
        <v>15</v>
      </c>
      <c r="AA11093">
        <v>15</v>
      </c>
      <c r="AB11093">
        <v>15</v>
      </c>
      <c r="AC11093">
        <v>15</v>
      </c>
      <c r="AD11093">
        <v>16</v>
      </c>
      <c r="AE11093">
        <v>16</v>
      </c>
      <c r="AF11093">
        <v>16</v>
      </c>
      <c r="AG11093">
        <v>16</v>
      </c>
      <c r="AH11093">
        <v>16</v>
      </c>
      <c r="AI11093">
        <v>16</v>
      </c>
      <c r="AJ11093">
        <v>16</v>
      </c>
      <c r="AK11093">
        <v>16</v>
      </c>
      <c r="AL11093">
        <v>16</v>
      </c>
      <c r="AM11093">
        <v>15</v>
      </c>
      <c r="AN11093">
        <v>15</v>
      </c>
      <c r="AO11093">
        <v>15</v>
      </c>
      <c r="AP11093">
        <v>15</v>
      </c>
      <c r="AQ11093">
        <v>15</v>
      </c>
    </row>
    <row r="11094" spans="1:43">
      <c r="A11094" t="s">
        <v>6900</v>
      </c>
      <c r="B11094" t="s">
        <v>6901</v>
      </c>
      <c r="C11094" t="s">
        <v>6890</v>
      </c>
      <c r="D11094" t="s">
        <v>6891</v>
      </c>
      <c r="E11094" t="s">
        <v>6594</v>
      </c>
      <c r="F11094" t="s">
        <v>6595</v>
      </c>
      <c r="G11094" t="s">
        <v>80</v>
      </c>
      <c r="H11094" t="s">
        <v>81</v>
      </c>
      <c r="I11094" s="2">
        <v>0</v>
      </c>
      <c r="J11094" s="2">
        <v>1</v>
      </c>
      <c r="K11094" s="2">
        <v>0</v>
      </c>
      <c r="L11094" t="s">
        <v>82</v>
      </c>
      <c r="M11094" t="s">
        <v>83</v>
      </c>
      <c r="N11094" t="s">
        <v>84</v>
      </c>
      <c r="O11094" t="s">
        <v>85</v>
      </c>
      <c r="P11094" t="s">
        <v>86</v>
      </c>
      <c r="Q11094">
        <v>9</v>
      </c>
      <c r="R11094">
        <v>9</v>
      </c>
      <c r="S11094">
        <v>9</v>
      </c>
      <c r="T11094">
        <v>9</v>
      </c>
      <c r="U11094">
        <v>9</v>
      </c>
      <c r="V11094">
        <v>9</v>
      </c>
      <c r="W11094">
        <v>9</v>
      </c>
      <c r="X11094">
        <v>9</v>
      </c>
      <c r="Y11094">
        <v>9</v>
      </c>
      <c r="Z11094">
        <v>9</v>
      </c>
      <c r="AA11094">
        <v>9</v>
      </c>
      <c r="AB11094">
        <v>9</v>
      </c>
      <c r="AC11094">
        <v>9</v>
      </c>
      <c r="AD11094">
        <v>9</v>
      </c>
      <c r="AE11094">
        <v>9</v>
      </c>
      <c r="AF11094">
        <v>9</v>
      </c>
      <c r="AG11094">
        <v>9</v>
      </c>
      <c r="AH11094">
        <v>9</v>
      </c>
      <c r="AI11094">
        <v>9</v>
      </c>
      <c r="AJ11094">
        <v>9</v>
      </c>
      <c r="AK11094">
        <v>9</v>
      </c>
      <c r="AL11094">
        <v>9</v>
      </c>
      <c r="AM11094">
        <v>9</v>
      </c>
      <c r="AN11094">
        <v>9</v>
      </c>
      <c r="AO11094">
        <v>9</v>
      </c>
      <c r="AP11094">
        <v>9</v>
      </c>
      <c r="AQ11094">
        <v>9</v>
      </c>
    </row>
    <row r="11095" spans="1:43">
      <c r="A11095" t="s">
        <v>6900</v>
      </c>
      <c r="B11095" t="s">
        <v>6901</v>
      </c>
      <c r="C11095" t="s">
        <v>6890</v>
      </c>
      <c r="D11095" t="s">
        <v>6891</v>
      </c>
      <c r="E11095" t="s">
        <v>6594</v>
      </c>
      <c r="F11095" t="s">
        <v>6595</v>
      </c>
      <c r="G11095" t="s">
        <v>80</v>
      </c>
      <c r="H11095" t="s">
        <v>81</v>
      </c>
      <c r="I11095" s="2">
        <v>0</v>
      </c>
      <c r="J11095" s="2">
        <v>1</v>
      </c>
      <c r="K11095" s="2">
        <v>0</v>
      </c>
      <c r="L11095" t="s">
        <v>82</v>
      </c>
      <c r="M11095" t="s">
        <v>87</v>
      </c>
      <c r="N11095" t="s">
        <v>88</v>
      </c>
      <c r="O11095" t="s">
        <v>85</v>
      </c>
      <c r="P11095" t="s">
        <v>86</v>
      </c>
      <c r="Q11095">
        <v>9</v>
      </c>
      <c r="R11095">
        <v>9</v>
      </c>
      <c r="S11095">
        <v>9</v>
      </c>
      <c r="T11095">
        <v>9</v>
      </c>
      <c r="U11095">
        <v>9</v>
      </c>
      <c r="V11095">
        <v>9</v>
      </c>
      <c r="W11095">
        <v>9</v>
      </c>
      <c r="X11095">
        <v>9</v>
      </c>
      <c r="Y11095">
        <v>9</v>
      </c>
      <c r="Z11095">
        <v>9</v>
      </c>
      <c r="AA11095">
        <v>9</v>
      </c>
      <c r="AB11095">
        <v>9</v>
      </c>
      <c r="AC11095">
        <v>9</v>
      </c>
      <c r="AD11095">
        <v>9</v>
      </c>
      <c r="AE11095">
        <v>9</v>
      </c>
      <c r="AF11095">
        <v>9</v>
      </c>
      <c r="AG11095">
        <v>9</v>
      </c>
      <c r="AH11095">
        <v>9</v>
      </c>
      <c r="AI11095">
        <v>9</v>
      </c>
      <c r="AJ11095">
        <v>9</v>
      </c>
      <c r="AK11095">
        <v>9</v>
      </c>
      <c r="AL11095">
        <v>9</v>
      </c>
      <c r="AM11095">
        <v>9</v>
      </c>
      <c r="AN11095">
        <v>9</v>
      </c>
      <c r="AO11095">
        <v>9</v>
      </c>
      <c r="AP11095">
        <v>8</v>
      </c>
      <c r="AQ11095">
        <v>8</v>
      </c>
    </row>
    <row r="11096" spans="1:43">
      <c r="A11096" t="s">
        <v>6900</v>
      </c>
      <c r="B11096" t="s">
        <v>6901</v>
      </c>
      <c r="C11096" t="s">
        <v>6890</v>
      </c>
      <c r="D11096" t="s">
        <v>6891</v>
      </c>
      <c r="E11096" t="s">
        <v>6594</v>
      </c>
      <c r="F11096" t="s">
        <v>6595</v>
      </c>
      <c r="G11096" t="s">
        <v>80</v>
      </c>
      <c r="H11096" t="s">
        <v>81</v>
      </c>
      <c r="I11096" s="2">
        <v>0</v>
      </c>
      <c r="J11096" s="2">
        <v>1</v>
      </c>
      <c r="K11096" s="2">
        <v>0</v>
      </c>
      <c r="L11096" t="s">
        <v>82</v>
      </c>
      <c r="M11096" t="s">
        <v>89</v>
      </c>
      <c r="N11096" t="s">
        <v>90</v>
      </c>
      <c r="O11096" t="s">
        <v>85</v>
      </c>
      <c r="P11096" t="s">
        <v>86</v>
      </c>
      <c r="Q11096">
        <v>9</v>
      </c>
      <c r="R11096">
        <v>9</v>
      </c>
      <c r="S11096">
        <v>9</v>
      </c>
      <c r="T11096">
        <v>9</v>
      </c>
      <c r="U11096">
        <v>9</v>
      </c>
      <c r="V11096">
        <v>9</v>
      </c>
      <c r="W11096">
        <v>9</v>
      </c>
      <c r="X11096">
        <v>9</v>
      </c>
      <c r="Y11096">
        <v>9</v>
      </c>
      <c r="Z11096">
        <v>9</v>
      </c>
      <c r="AA11096">
        <v>10</v>
      </c>
      <c r="AB11096">
        <v>10</v>
      </c>
      <c r="AC11096">
        <v>10</v>
      </c>
      <c r="AD11096">
        <v>10</v>
      </c>
      <c r="AE11096">
        <v>10</v>
      </c>
      <c r="AF11096">
        <v>10</v>
      </c>
      <c r="AG11096">
        <v>9</v>
      </c>
      <c r="AH11096">
        <v>9</v>
      </c>
      <c r="AI11096">
        <v>9</v>
      </c>
      <c r="AJ11096">
        <v>9</v>
      </c>
      <c r="AK11096">
        <v>9</v>
      </c>
      <c r="AL11096">
        <v>9</v>
      </c>
      <c r="AM11096">
        <v>9</v>
      </c>
      <c r="AN11096">
        <v>9</v>
      </c>
      <c r="AO11096">
        <v>9</v>
      </c>
      <c r="AP11096">
        <v>9</v>
      </c>
      <c r="AQ11096">
        <v>9</v>
      </c>
    </row>
    <row r="11097" spans="1:43">
      <c r="A11097" t="s">
        <v>6900</v>
      </c>
      <c r="B11097" t="s">
        <v>6901</v>
      </c>
      <c r="C11097" t="s">
        <v>6890</v>
      </c>
      <c r="D11097" t="s">
        <v>6891</v>
      </c>
      <c r="E11097" t="s">
        <v>6594</v>
      </c>
      <c r="F11097" t="s">
        <v>6595</v>
      </c>
      <c r="G11097" t="s">
        <v>80</v>
      </c>
      <c r="H11097" t="s">
        <v>81</v>
      </c>
      <c r="I11097" s="2">
        <v>0</v>
      </c>
      <c r="J11097" s="2">
        <v>1</v>
      </c>
      <c r="K11097" s="2">
        <v>0</v>
      </c>
      <c r="L11097" t="s">
        <v>82</v>
      </c>
      <c r="M11097" t="s">
        <v>83</v>
      </c>
      <c r="N11097" t="s">
        <v>91</v>
      </c>
      <c r="O11097" t="s">
        <v>85</v>
      </c>
      <c r="P11097" t="s">
        <v>86</v>
      </c>
      <c r="Q11097">
        <v>9</v>
      </c>
      <c r="R11097">
        <v>9</v>
      </c>
      <c r="S11097">
        <v>9</v>
      </c>
      <c r="T11097">
        <v>9</v>
      </c>
      <c r="U11097">
        <v>9</v>
      </c>
      <c r="V11097">
        <v>9</v>
      </c>
      <c r="W11097">
        <v>9</v>
      </c>
      <c r="X11097">
        <v>9</v>
      </c>
      <c r="Y11097">
        <v>9</v>
      </c>
      <c r="Z11097">
        <v>9</v>
      </c>
      <c r="AA11097">
        <v>9</v>
      </c>
      <c r="AB11097">
        <v>9</v>
      </c>
      <c r="AC11097">
        <v>9</v>
      </c>
      <c r="AD11097">
        <v>9</v>
      </c>
      <c r="AE11097">
        <v>9</v>
      </c>
      <c r="AF11097">
        <v>9</v>
      </c>
      <c r="AG11097">
        <v>9</v>
      </c>
      <c r="AH11097">
        <v>9</v>
      </c>
      <c r="AI11097">
        <v>9</v>
      </c>
      <c r="AJ11097">
        <v>9</v>
      </c>
      <c r="AK11097">
        <v>9</v>
      </c>
      <c r="AL11097">
        <v>9</v>
      </c>
      <c r="AM11097">
        <v>9</v>
      </c>
      <c r="AN11097">
        <v>9</v>
      </c>
      <c r="AO11097">
        <v>9</v>
      </c>
      <c r="AP11097">
        <v>9</v>
      </c>
      <c r="AQ11097">
        <v>9</v>
      </c>
    </row>
    <row r="11098" spans="1:43">
      <c r="A11098" t="s">
        <v>6902</v>
      </c>
      <c r="B11098" t="s">
        <v>6903</v>
      </c>
      <c r="C11098" t="s">
        <v>6894</v>
      </c>
      <c r="D11098" t="s">
        <v>6895</v>
      </c>
      <c r="E11098" t="s">
        <v>6594</v>
      </c>
      <c r="F11098" t="s">
        <v>6595</v>
      </c>
      <c r="G11098" t="s">
        <v>80</v>
      </c>
      <c r="H11098" t="s">
        <v>81</v>
      </c>
      <c r="I11098" s="2">
        <v>0</v>
      </c>
      <c r="J11098" s="2">
        <v>1</v>
      </c>
      <c r="K11098" s="2">
        <v>0</v>
      </c>
      <c r="L11098" t="s">
        <v>82</v>
      </c>
      <c r="M11098" t="s">
        <v>83</v>
      </c>
      <c r="N11098" t="s">
        <v>84</v>
      </c>
      <c r="O11098" t="s">
        <v>85</v>
      </c>
      <c r="P11098" t="s">
        <v>86</v>
      </c>
      <c r="Q11098">
        <v>48</v>
      </c>
      <c r="R11098">
        <v>48</v>
      </c>
      <c r="S11098">
        <v>49</v>
      </c>
      <c r="T11098">
        <v>49</v>
      </c>
      <c r="U11098">
        <v>49</v>
      </c>
      <c r="V11098">
        <v>50</v>
      </c>
      <c r="W11098">
        <v>50</v>
      </c>
      <c r="X11098">
        <v>50</v>
      </c>
      <c r="Y11098">
        <v>50</v>
      </c>
      <c r="Z11098">
        <v>51</v>
      </c>
      <c r="AA11098">
        <v>51</v>
      </c>
      <c r="AB11098">
        <v>51</v>
      </c>
      <c r="AC11098">
        <v>51</v>
      </c>
      <c r="AD11098">
        <v>51</v>
      </c>
      <c r="AE11098">
        <v>51</v>
      </c>
      <c r="AF11098">
        <v>51</v>
      </c>
      <c r="AG11098">
        <v>51</v>
      </c>
      <c r="AH11098">
        <v>51</v>
      </c>
      <c r="AI11098">
        <v>52</v>
      </c>
      <c r="AJ11098">
        <v>52</v>
      </c>
      <c r="AK11098">
        <v>52</v>
      </c>
      <c r="AL11098">
        <v>51</v>
      </c>
      <c r="AM11098">
        <v>51</v>
      </c>
      <c r="AN11098">
        <v>51</v>
      </c>
      <c r="AO11098">
        <v>50</v>
      </c>
      <c r="AP11098">
        <v>50</v>
      </c>
      <c r="AQ11098">
        <v>49</v>
      </c>
    </row>
    <row r="11099" spans="1:43">
      <c r="A11099" t="s">
        <v>6902</v>
      </c>
      <c r="B11099" t="s">
        <v>6903</v>
      </c>
      <c r="C11099" t="s">
        <v>6894</v>
      </c>
      <c r="D11099" t="s">
        <v>6895</v>
      </c>
      <c r="E11099" t="s">
        <v>6594</v>
      </c>
      <c r="F11099" t="s">
        <v>6595</v>
      </c>
      <c r="G11099" t="s">
        <v>80</v>
      </c>
      <c r="H11099" t="s">
        <v>81</v>
      </c>
      <c r="I11099" s="2">
        <v>0</v>
      </c>
      <c r="J11099" s="2">
        <v>1</v>
      </c>
      <c r="K11099" s="2">
        <v>0</v>
      </c>
      <c r="L11099" t="s">
        <v>82</v>
      </c>
      <c r="M11099" t="s">
        <v>87</v>
      </c>
      <c r="N11099" t="s">
        <v>88</v>
      </c>
      <c r="O11099" t="s">
        <v>85</v>
      </c>
      <c r="P11099" t="s">
        <v>86</v>
      </c>
      <c r="Q11099">
        <v>48</v>
      </c>
      <c r="R11099">
        <v>47</v>
      </c>
      <c r="S11099">
        <v>47</v>
      </c>
      <c r="T11099">
        <v>47</v>
      </c>
      <c r="U11099">
        <v>47</v>
      </c>
      <c r="V11099">
        <v>47</v>
      </c>
      <c r="W11099">
        <v>47</v>
      </c>
      <c r="X11099">
        <v>47</v>
      </c>
      <c r="Y11099">
        <v>47</v>
      </c>
      <c r="Z11099">
        <v>46</v>
      </c>
      <c r="AA11099">
        <v>46</v>
      </c>
      <c r="AB11099">
        <v>46</v>
      </c>
      <c r="AC11099">
        <v>46</v>
      </c>
      <c r="AD11099">
        <v>46</v>
      </c>
      <c r="AE11099">
        <v>46</v>
      </c>
      <c r="AF11099">
        <v>45</v>
      </c>
      <c r="AG11099">
        <v>45</v>
      </c>
      <c r="AH11099">
        <v>45</v>
      </c>
      <c r="AI11099">
        <v>45</v>
      </c>
      <c r="AJ11099">
        <v>45</v>
      </c>
      <c r="AK11099">
        <v>44</v>
      </c>
      <c r="AL11099">
        <v>44</v>
      </c>
      <c r="AM11099">
        <v>44</v>
      </c>
      <c r="AN11099">
        <v>44</v>
      </c>
      <c r="AO11099">
        <v>44</v>
      </c>
      <c r="AP11099">
        <v>43</v>
      </c>
      <c r="AQ11099">
        <v>43</v>
      </c>
    </row>
    <row r="11100" spans="1:43">
      <c r="A11100" t="s">
        <v>6902</v>
      </c>
      <c r="B11100" t="s">
        <v>6903</v>
      </c>
      <c r="C11100" t="s">
        <v>6894</v>
      </c>
      <c r="D11100" t="s">
        <v>6895</v>
      </c>
      <c r="E11100" t="s">
        <v>6594</v>
      </c>
      <c r="F11100" t="s">
        <v>6595</v>
      </c>
      <c r="G11100" t="s">
        <v>80</v>
      </c>
      <c r="H11100" t="s">
        <v>81</v>
      </c>
      <c r="I11100" s="2">
        <v>0</v>
      </c>
      <c r="J11100" s="2">
        <v>1</v>
      </c>
      <c r="K11100" s="2">
        <v>0</v>
      </c>
      <c r="L11100" t="s">
        <v>82</v>
      </c>
      <c r="M11100" t="s">
        <v>89</v>
      </c>
      <c r="N11100" t="s">
        <v>90</v>
      </c>
      <c r="O11100" t="s">
        <v>85</v>
      </c>
      <c r="P11100" t="s">
        <v>86</v>
      </c>
      <c r="Q11100">
        <v>48</v>
      </c>
      <c r="R11100">
        <v>49</v>
      </c>
      <c r="S11100">
        <v>50</v>
      </c>
      <c r="T11100">
        <v>51</v>
      </c>
      <c r="U11100">
        <v>51</v>
      </c>
      <c r="V11100">
        <v>52</v>
      </c>
      <c r="W11100">
        <v>53</v>
      </c>
      <c r="X11100">
        <v>53</v>
      </c>
      <c r="Y11100">
        <v>53</v>
      </c>
      <c r="Z11100">
        <v>54</v>
      </c>
      <c r="AA11100">
        <v>54</v>
      </c>
      <c r="AB11100">
        <v>54</v>
      </c>
      <c r="AC11100">
        <v>55</v>
      </c>
      <c r="AD11100">
        <v>55</v>
      </c>
      <c r="AE11100">
        <v>55</v>
      </c>
      <c r="AF11100">
        <v>54</v>
      </c>
      <c r="AG11100">
        <v>54</v>
      </c>
      <c r="AH11100">
        <v>53</v>
      </c>
      <c r="AI11100">
        <v>53</v>
      </c>
      <c r="AJ11100">
        <v>53</v>
      </c>
      <c r="AK11100">
        <v>52</v>
      </c>
      <c r="AL11100">
        <v>52</v>
      </c>
      <c r="AM11100">
        <v>51</v>
      </c>
      <c r="AN11100">
        <v>51</v>
      </c>
      <c r="AO11100">
        <v>51</v>
      </c>
      <c r="AP11100">
        <v>50</v>
      </c>
      <c r="AQ11100">
        <v>50</v>
      </c>
    </row>
    <row r="11101" spans="1:43">
      <c r="A11101" t="s">
        <v>6902</v>
      </c>
      <c r="B11101" t="s">
        <v>6903</v>
      </c>
      <c r="C11101" t="s">
        <v>6894</v>
      </c>
      <c r="D11101" t="s">
        <v>6895</v>
      </c>
      <c r="E11101" t="s">
        <v>6594</v>
      </c>
      <c r="F11101" t="s">
        <v>6595</v>
      </c>
      <c r="G11101" t="s">
        <v>80</v>
      </c>
      <c r="H11101" t="s">
        <v>81</v>
      </c>
      <c r="I11101" s="2">
        <v>0</v>
      </c>
      <c r="J11101" s="2">
        <v>1</v>
      </c>
      <c r="K11101" s="2">
        <v>0</v>
      </c>
      <c r="L11101" t="s">
        <v>82</v>
      </c>
      <c r="M11101" t="s">
        <v>83</v>
      </c>
      <c r="N11101" t="s">
        <v>91</v>
      </c>
      <c r="O11101" t="s">
        <v>85</v>
      </c>
      <c r="P11101" t="s">
        <v>86</v>
      </c>
      <c r="Q11101">
        <v>48</v>
      </c>
      <c r="R11101">
        <v>48</v>
      </c>
      <c r="S11101">
        <v>49</v>
      </c>
      <c r="T11101">
        <v>49</v>
      </c>
      <c r="U11101">
        <v>49</v>
      </c>
      <c r="V11101">
        <v>50</v>
      </c>
      <c r="W11101">
        <v>50</v>
      </c>
      <c r="X11101">
        <v>50</v>
      </c>
      <c r="Y11101">
        <v>50</v>
      </c>
      <c r="Z11101">
        <v>51</v>
      </c>
      <c r="AA11101">
        <v>51</v>
      </c>
      <c r="AB11101">
        <v>51</v>
      </c>
      <c r="AC11101">
        <v>51</v>
      </c>
      <c r="AD11101">
        <v>51</v>
      </c>
      <c r="AE11101">
        <v>51</v>
      </c>
      <c r="AF11101">
        <v>51</v>
      </c>
      <c r="AG11101">
        <v>51</v>
      </c>
      <c r="AH11101">
        <v>51</v>
      </c>
      <c r="AI11101">
        <v>52</v>
      </c>
      <c r="AJ11101">
        <v>52</v>
      </c>
      <c r="AK11101">
        <v>52</v>
      </c>
      <c r="AL11101">
        <v>51</v>
      </c>
      <c r="AM11101">
        <v>51</v>
      </c>
      <c r="AN11101">
        <v>51</v>
      </c>
      <c r="AO11101">
        <v>50</v>
      </c>
      <c r="AP11101">
        <v>50</v>
      </c>
      <c r="AQ11101">
        <v>49</v>
      </c>
    </row>
    <row r="11102" spans="1:43">
      <c r="A11102" t="s">
        <v>6904</v>
      </c>
      <c r="B11102" t="s">
        <v>6905</v>
      </c>
      <c r="C11102" t="s">
        <v>6890</v>
      </c>
      <c r="D11102" t="s">
        <v>6891</v>
      </c>
      <c r="E11102" t="s">
        <v>6594</v>
      </c>
      <c r="F11102" t="s">
        <v>6595</v>
      </c>
      <c r="G11102" t="s">
        <v>80</v>
      </c>
      <c r="H11102" t="s">
        <v>81</v>
      </c>
      <c r="I11102" s="2">
        <v>0</v>
      </c>
      <c r="J11102" s="2">
        <v>1</v>
      </c>
      <c r="K11102" s="2">
        <v>0</v>
      </c>
      <c r="L11102" t="s">
        <v>82</v>
      </c>
      <c r="M11102" t="s">
        <v>83</v>
      </c>
      <c r="N11102" t="s">
        <v>84</v>
      </c>
      <c r="O11102" t="s">
        <v>85</v>
      </c>
      <c r="P11102" t="s">
        <v>86</v>
      </c>
      <c r="Q11102">
        <v>32</v>
      </c>
      <c r="R11102">
        <v>32</v>
      </c>
      <c r="S11102">
        <v>32</v>
      </c>
      <c r="T11102">
        <v>32</v>
      </c>
      <c r="U11102">
        <v>33</v>
      </c>
      <c r="V11102">
        <v>33</v>
      </c>
      <c r="W11102">
        <v>33</v>
      </c>
      <c r="X11102">
        <v>33</v>
      </c>
      <c r="Y11102">
        <v>33</v>
      </c>
      <c r="Z11102">
        <v>33</v>
      </c>
      <c r="AA11102">
        <v>33</v>
      </c>
      <c r="AB11102">
        <v>34</v>
      </c>
      <c r="AC11102">
        <v>34</v>
      </c>
      <c r="AD11102">
        <v>34</v>
      </c>
      <c r="AE11102">
        <v>34</v>
      </c>
      <c r="AF11102">
        <v>34</v>
      </c>
      <c r="AG11102">
        <v>34</v>
      </c>
      <c r="AH11102">
        <v>34</v>
      </c>
      <c r="AI11102">
        <v>34</v>
      </c>
      <c r="AJ11102">
        <v>34</v>
      </c>
      <c r="AK11102">
        <v>34</v>
      </c>
      <c r="AL11102">
        <v>34</v>
      </c>
      <c r="AM11102">
        <v>33</v>
      </c>
      <c r="AN11102">
        <v>33</v>
      </c>
      <c r="AO11102">
        <v>33</v>
      </c>
      <c r="AP11102">
        <v>33</v>
      </c>
      <c r="AQ11102">
        <v>32</v>
      </c>
    </row>
    <row r="11103" spans="1:43">
      <c r="A11103" t="s">
        <v>6904</v>
      </c>
      <c r="B11103" t="s">
        <v>6905</v>
      </c>
      <c r="C11103" t="s">
        <v>6890</v>
      </c>
      <c r="D11103" t="s">
        <v>6891</v>
      </c>
      <c r="E11103" t="s">
        <v>6594</v>
      </c>
      <c r="F11103" t="s">
        <v>6595</v>
      </c>
      <c r="G11103" t="s">
        <v>80</v>
      </c>
      <c r="H11103" t="s">
        <v>81</v>
      </c>
      <c r="I11103" s="2">
        <v>0</v>
      </c>
      <c r="J11103" s="2">
        <v>1</v>
      </c>
      <c r="K11103" s="2">
        <v>0</v>
      </c>
      <c r="L11103" t="s">
        <v>82</v>
      </c>
      <c r="M11103" t="s">
        <v>87</v>
      </c>
      <c r="N11103" t="s">
        <v>88</v>
      </c>
      <c r="O11103" t="s">
        <v>85</v>
      </c>
      <c r="P11103" t="s">
        <v>86</v>
      </c>
      <c r="Q11103">
        <v>32</v>
      </c>
      <c r="R11103">
        <v>32</v>
      </c>
      <c r="S11103">
        <v>32</v>
      </c>
      <c r="T11103">
        <v>32</v>
      </c>
      <c r="U11103">
        <v>32</v>
      </c>
      <c r="V11103">
        <v>32</v>
      </c>
      <c r="W11103">
        <v>32</v>
      </c>
      <c r="X11103">
        <v>32</v>
      </c>
      <c r="Y11103">
        <v>32</v>
      </c>
      <c r="Z11103">
        <v>32</v>
      </c>
      <c r="AA11103">
        <v>31</v>
      </c>
      <c r="AB11103">
        <v>31</v>
      </c>
      <c r="AC11103">
        <v>31</v>
      </c>
      <c r="AD11103">
        <v>31</v>
      </c>
      <c r="AE11103">
        <v>31</v>
      </c>
      <c r="AF11103">
        <v>31</v>
      </c>
      <c r="AG11103">
        <v>31</v>
      </c>
      <c r="AH11103">
        <v>30</v>
      </c>
      <c r="AI11103">
        <v>30</v>
      </c>
      <c r="AJ11103">
        <v>30</v>
      </c>
      <c r="AK11103">
        <v>30</v>
      </c>
      <c r="AL11103">
        <v>30</v>
      </c>
      <c r="AM11103">
        <v>30</v>
      </c>
      <c r="AN11103">
        <v>29</v>
      </c>
      <c r="AO11103">
        <v>29</v>
      </c>
      <c r="AP11103">
        <v>29</v>
      </c>
      <c r="AQ11103">
        <v>29</v>
      </c>
    </row>
    <row r="11104" spans="1:43">
      <c r="A11104" t="s">
        <v>6904</v>
      </c>
      <c r="B11104" t="s">
        <v>6905</v>
      </c>
      <c r="C11104" t="s">
        <v>6890</v>
      </c>
      <c r="D11104" t="s">
        <v>6891</v>
      </c>
      <c r="E11104" t="s">
        <v>6594</v>
      </c>
      <c r="F11104" t="s">
        <v>6595</v>
      </c>
      <c r="G11104" t="s">
        <v>80</v>
      </c>
      <c r="H11104" t="s">
        <v>81</v>
      </c>
      <c r="I11104" s="2">
        <v>0</v>
      </c>
      <c r="J11104" s="2">
        <v>1</v>
      </c>
      <c r="K11104" s="2">
        <v>0</v>
      </c>
      <c r="L11104" t="s">
        <v>82</v>
      </c>
      <c r="M11104" t="s">
        <v>89</v>
      </c>
      <c r="N11104" t="s">
        <v>90</v>
      </c>
      <c r="O11104" t="s">
        <v>85</v>
      </c>
      <c r="P11104" t="s">
        <v>86</v>
      </c>
      <c r="Q11104">
        <v>32</v>
      </c>
      <c r="R11104">
        <v>33</v>
      </c>
      <c r="S11104">
        <v>33</v>
      </c>
      <c r="T11104">
        <v>33</v>
      </c>
      <c r="U11104">
        <v>34</v>
      </c>
      <c r="V11104">
        <v>34</v>
      </c>
      <c r="W11104">
        <v>35</v>
      </c>
      <c r="X11104">
        <v>35</v>
      </c>
      <c r="Y11104">
        <v>35</v>
      </c>
      <c r="Z11104">
        <v>35</v>
      </c>
      <c r="AA11104">
        <v>36</v>
      </c>
      <c r="AB11104">
        <v>36</v>
      </c>
      <c r="AC11104">
        <v>36</v>
      </c>
      <c r="AD11104">
        <v>36</v>
      </c>
      <c r="AE11104">
        <v>36</v>
      </c>
      <c r="AF11104">
        <v>36</v>
      </c>
      <c r="AG11104">
        <v>36</v>
      </c>
      <c r="AH11104">
        <v>35</v>
      </c>
      <c r="AI11104">
        <v>35</v>
      </c>
      <c r="AJ11104">
        <v>35</v>
      </c>
      <c r="AK11104">
        <v>34</v>
      </c>
      <c r="AL11104">
        <v>34</v>
      </c>
      <c r="AM11104">
        <v>34</v>
      </c>
      <c r="AN11104">
        <v>34</v>
      </c>
      <c r="AO11104">
        <v>33</v>
      </c>
      <c r="AP11104">
        <v>33</v>
      </c>
      <c r="AQ11104">
        <v>33</v>
      </c>
    </row>
    <row r="11105" spans="1:43">
      <c r="A11105" t="s">
        <v>6904</v>
      </c>
      <c r="B11105" t="s">
        <v>6905</v>
      </c>
      <c r="C11105" t="s">
        <v>6890</v>
      </c>
      <c r="D11105" t="s">
        <v>6891</v>
      </c>
      <c r="E11105" t="s">
        <v>6594</v>
      </c>
      <c r="F11105" t="s">
        <v>6595</v>
      </c>
      <c r="G11105" t="s">
        <v>80</v>
      </c>
      <c r="H11105" t="s">
        <v>81</v>
      </c>
      <c r="I11105" s="2">
        <v>0</v>
      </c>
      <c r="J11105" s="2">
        <v>1</v>
      </c>
      <c r="K11105" s="2">
        <v>0</v>
      </c>
      <c r="L11105" t="s">
        <v>82</v>
      </c>
      <c r="M11105" t="s">
        <v>83</v>
      </c>
      <c r="N11105" t="s">
        <v>91</v>
      </c>
      <c r="O11105" t="s">
        <v>85</v>
      </c>
      <c r="P11105" t="s">
        <v>86</v>
      </c>
      <c r="Q11105">
        <v>32</v>
      </c>
      <c r="R11105">
        <v>32</v>
      </c>
      <c r="S11105">
        <v>32</v>
      </c>
      <c r="T11105">
        <v>32</v>
      </c>
      <c r="U11105">
        <v>33</v>
      </c>
      <c r="V11105">
        <v>33</v>
      </c>
      <c r="W11105">
        <v>33</v>
      </c>
      <c r="X11105">
        <v>33</v>
      </c>
      <c r="Y11105">
        <v>33</v>
      </c>
      <c r="Z11105">
        <v>33</v>
      </c>
      <c r="AA11105">
        <v>33</v>
      </c>
      <c r="AB11105">
        <v>34</v>
      </c>
      <c r="AC11105">
        <v>34</v>
      </c>
      <c r="AD11105">
        <v>34</v>
      </c>
      <c r="AE11105">
        <v>34</v>
      </c>
      <c r="AF11105">
        <v>34</v>
      </c>
      <c r="AG11105">
        <v>34</v>
      </c>
      <c r="AH11105">
        <v>34</v>
      </c>
      <c r="AI11105">
        <v>34</v>
      </c>
      <c r="AJ11105">
        <v>34</v>
      </c>
      <c r="AK11105">
        <v>34</v>
      </c>
      <c r="AL11105">
        <v>34</v>
      </c>
      <c r="AM11105">
        <v>33</v>
      </c>
      <c r="AN11105">
        <v>33</v>
      </c>
      <c r="AO11105">
        <v>33</v>
      </c>
      <c r="AP11105">
        <v>33</v>
      </c>
      <c r="AQ11105">
        <v>32</v>
      </c>
    </row>
    <row r="11106" spans="1:43">
      <c r="A11106" t="s">
        <v>6906</v>
      </c>
      <c r="B11106" t="s">
        <v>6907</v>
      </c>
      <c r="C11106" t="s">
        <v>6894</v>
      </c>
      <c r="D11106" t="s">
        <v>6895</v>
      </c>
      <c r="E11106" t="s">
        <v>6594</v>
      </c>
      <c r="F11106" t="s">
        <v>6595</v>
      </c>
      <c r="G11106" t="s">
        <v>80</v>
      </c>
      <c r="H11106" t="s">
        <v>81</v>
      </c>
      <c r="I11106" s="2">
        <v>0</v>
      </c>
      <c r="J11106" s="2">
        <v>1</v>
      </c>
      <c r="K11106" s="2">
        <v>0</v>
      </c>
      <c r="L11106" t="s">
        <v>82</v>
      </c>
      <c r="M11106" t="s">
        <v>83</v>
      </c>
      <c r="N11106" t="s">
        <v>84</v>
      </c>
      <c r="O11106" t="s">
        <v>85</v>
      </c>
      <c r="P11106" t="s">
        <v>86</v>
      </c>
      <c r="Q11106">
        <v>72</v>
      </c>
      <c r="R11106">
        <v>72</v>
      </c>
      <c r="S11106">
        <v>73</v>
      </c>
      <c r="T11106">
        <v>73</v>
      </c>
      <c r="U11106">
        <v>74</v>
      </c>
      <c r="V11106">
        <v>74</v>
      </c>
      <c r="W11106">
        <v>74</v>
      </c>
      <c r="X11106">
        <v>74</v>
      </c>
      <c r="Y11106">
        <v>75</v>
      </c>
      <c r="Z11106">
        <v>75</v>
      </c>
      <c r="AA11106">
        <v>75</v>
      </c>
      <c r="AB11106">
        <v>75</v>
      </c>
      <c r="AC11106">
        <v>75</v>
      </c>
      <c r="AD11106">
        <v>75</v>
      </c>
      <c r="AE11106">
        <v>75</v>
      </c>
      <c r="AF11106">
        <v>75</v>
      </c>
      <c r="AG11106">
        <v>75</v>
      </c>
      <c r="AH11106">
        <v>75</v>
      </c>
      <c r="AI11106">
        <v>75</v>
      </c>
      <c r="AJ11106">
        <v>75</v>
      </c>
      <c r="AK11106">
        <v>75</v>
      </c>
      <c r="AL11106">
        <v>75</v>
      </c>
      <c r="AM11106">
        <v>74</v>
      </c>
      <c r="AN11106">
        <v>73</v>
      </c>
      <c r="AO11106">
        <v>73</v>
      </c>
      <c r="AP11106">
        <v>72</v>
      </c>
      <c r="AQ11106">
        <v>71</v>
      </c>
    </row>
    <row r="11107" spans="1:43">
      <c r="A11107" t="s">
        <v>6906</v>
      </c>
      <c r="B11107" t="s">
        <v>6907</v>
      </c>
      <c r="C11107" t="s">
        <v>6894</v>
      </c>
      <c r="D11107" t="s">
        <v>6895</v>
      </c>
      <c r="E11107" t="s">
        <v>6594</v>
      </c>
      <c r="F11107" t="s">
        <v>6595</v>
      </c>
      <c r="G11107" t="s">
        <v>80</v>
      </c>
      <c r="H11107" t="s">
        <v>81</v>
      </c>
      <c r="I11107" s="2">
        <v>0</v>
      </c>
      <c r="J11107" s="2">
        <v>1</v>
      </c>
      <c r="K11107" s="2">
        <v>0</v>
      </c>
      <c r="L11107" t="s">
        <v>82</v>
      </c>
      <c r="M11107" t="s">
        <v>87</v>
      </c>
      <c r="N11107" t="s">
        <v>88</v>
      </c>
      <c r="O11107" t="s">
        <v>85</v>
      </c>
      <c r="P11107" t="s">
        <v>86</v>
      </c>
      <c r="Q11107">
        <v>72</v>
      </c>
      <c r="R11107">
        <v>72</v>
      </c>
      <c r="S11107">
        <v>72</v>
      </c>
      <c r="T11107">
        <v>72</v>
      </c>
      <c r="U11107">
        <v>71</v>
      </c>
      <c r="V11107">
        <v>71</v>
      </c>
      <c r="W11107">
        <v>71</v>
      </c>
      <c r="X11107">
        <v>70</v>
      </c>
      <c r="Y11107">
        <v>70</v>
      </c>
      <c r="Z11107">
        <v>70</v>
      </c>
      <c r="AA11107">
        <v>69</v>
      </c>
      <c r="AB11107">
        <v>69</v>
      </c>
      <c r="AC11107">
        <v>69</v>
      </c>
      <c r="AD11107">
        <v>68</v>
      </c>
      <c r="AE11107">
        <v>68</v>
      </c>
      <c r="AF11107">
        <v>68</v>
      </c>
      <c r="AG11107">
        <v>67</v>
      </c>
      <c r="AH11107">
        <v>67</v>
      </c>
      <c r="AI11107">
        <v>67</v>
      </c>
      <c r="AJ11107">
        <v>66</v>
      </c>
      <c r="AK11107">
        <v>66</v>
      </c>
      <c r="AL11107">
        <v>65</v>
      </c>
      <c r="AM11107">
        <v>65</v>
      </c>
      <c r="AN11107">
        <v>65</v>
      </c>
      <c r="AO11107">
        <v>64</v>
      </c>
      <c r="AP11107">
        <v>64</v>
      </c>
      <c r="AQ11107">
        <v>64</v>
      </c>
    </row>
    <row r="11108" spans="1:43">
      <c r="A11108" t="s">
        <v>6906</v>
      </c>
      <c r="B11108" t="s">
        <v>6907</v>
      </c>
      <c r="C11108" t="s">
        <v>6894</v>
      </c>
      <c r="D11108" t="s">
        <v>6895</v>
      </c>
      <c r="E11108" t="s">
        <v>6594</v>
      </c>
      <c r="F11108" t="s">
        <v>6595</v>
      </c>
      <c r="G11108" t="s">
        <v>80</v>
      </c>
      <c r="H11108" t="s">
        <v>81</v>
      </c>
      <c r="I11108" s="2">
        <v>0</v>
      </c>
      <c r="J11108" s="2">
        <v>1</v>
      </c>
      <c r="K11108" s="2">
        <v>0</v>
      </c>
      <c r="L11108" t="s">
        <v>82</v>
      </c>
      <c r="M11108" t="s">
        <v>89</v>
      </c>
      <c r="N11108" t="s">
        <v>90</v>
      </c>
      <c r="O11108" t="s">
        <v>85</v>
      </c>
      <c r="P11108" t="s">
        <v>86</v>
      </c>
      <c r="Q11108">
        <v>72</v>
      </c>
      <c r="R11108">
        <v>74</v>
      </c>
      <c r="S11108">
        <v>75</v>
      </c>
      <c r="T11108">
        <v>76</v>
      </c>
      <c r="U11108">
        <v>76</v>
      </c>
      <c r="V11108">
        <v>77</v>
      </c>
      <c r="W11108">
        <v>78</v>
      </c>
      <c r="X11108">
        <v>79</v>
      </c>
      <c r="Y11108">
        <v>79</v>
      </c>
      <c r="Z11108">
        <v>79</v>
      </c>
      <c r="AA11108">
        <v>80</v>
      </c>
      <c r="AB11108">
        <v>80</v>
      </c>
      <c r="AC11108">
        <v>80</v>
      </c>
      <c r="AD11108">
        <v>81</v>
      </c>
      <c r="AE11108">
        <v>80</v>
      </c>
      <c r="AF11108">
        <v>80</v>
      </c>
      <c r="AG11108">
        <v>79</v>
      </c>
      <c r="AH11108">
        <v>78</v>
      </c>
      <c r="AI11108">
        <v>77</v>
      </c>
      <c r="AJ11108">
        <v>77</v>
      </c>
      <c r="AK11108">
        <v>76</v>
      </c>
      <c r="AL11108">
        <v>75</v>
      </c>
      <c r="AM11108">
        <v>75</v>
      </c>
      <c r="AN11108">
        <v>74</v>
      </c>
      <c r="AO11108">
        <v>73</v>
      </c>
      <c r="AP11108">
        <v>73</v>
      </c>
      <c r="AQ11108">
        <v>72</v>
      </c>
    </row>
    <row r="11109" spans="1:43">
      <c r="A11109" t="s">
        <v>6906</v>
      </c>
      <c r="B11109" t="s">
        <v>6907</v>
      </c>
      <c r="C11109" t="s">
        <v>6894</v>
      </c>
      <c r="D11109" t="s">
        <v>6895</v>
      </c>
      <c r="E11109" t="s">
        <v>6594</v>
      </c>
      <c r="F11109" t="s">
        <v>6595</v>
      </c>
      <c r="G11109" t="s">
        <v>80</v>
      </c>
      <c r="H11109" t="s">
        <v>81</v>
      </c>
      <c r="I11109" s="2">
        <v>0</v>
      </c>
      <c r="J11109" s="2">
        <v>1</v>
      </c>
      <c r="K11109" s="2">
        <v>0</v>
      </c>
      <c r="L11109" t="s">
        <v>82</v>
      </c>
      <c r="M11109" t="s">
        <v>83</v>
      </c>
      <c r="N11109" t="s">
        <v>91</v>
      </c>
      <c r="O11109" t="s">
        <v>85</v>
      </c>
      <c r="P11109" t="s">
        <v>86</v>
      </c>
      <c r="Q11109">
        <v>72</v>
      </c>
      <c r="R11109">
        <v>72</v>
      </c>
      <c r="S11109">
        <v>73</v>
      </c>
      <c r="T11109">
        <v>73</v>
      </c>
      <c r="U11109">
        <v>74</v>
      </c>
      <c r="V11109">
        <v>74</v>
      </c>
      <c r="W11109">
        <v>74</v>
      </c>
      <c r="X11109">
        <v>74</v>
      </c>
      <c r="Y11109">
        <v>75</v>
      </c>
      <c r="Z11109">
        <v>75</v>
      </c>
      <c r="AA11109">
        <v>75</v>
      </c>
      <c r="AB11109">
        <v>75</v>
      </c>
      <c r="AC11109">
        <v>75</v>
      </c>
      <c r="AD11109">
        <v>75</v>
      </c>
      <c r="AE11109">
        <v>75</v>
      </c>
      <c r="AF11109">
        <v>75</v>
      </c>
      <c r="AG11109">
        <v>75</v>
      </c>
      <c r="AH11109">
        <v>75</v>
      </c>
      <c r="AI11109">
        <v>75</v>
      </c>
      <c r="AJ11109">
        <v>75</v>
      </c>
      <c r="AK11109">
        <v>75</v>
      </c>
      <c r="AL11109">
        <v>75</v>
      </c>
      <c r="AM11109">
        <v>74</v>
      </c>
      <c r="AN11109">
        <v>73</v>
      </c>
      <c r="AO11109">
        <v>73</v>
      </c>
      <c r="AP11109">
        <v>72</v>
      </c>
      <c r="AQ11109">
        <v>71</v>
      </c>
    </row>
    <row r="11110" spans="1:43">
      <c r="A11110" t="s">
        <v>6908</v>
      </c>
      <c r="B11110" t="s">
        <v>6909</v>
      </c>
      <c r="C11110" t="s">
        <v>6910</v>
      </c>
      <c r="D11110" t="s">
        <v>6911</v>
      </c>
      <c r="E11110" t="s">
        <v>6594</v>
      </c>
      <c r="F11110" t="s">
        <v>6595</v>
      </c>
      <c r="G11110" t="s">
        <v>80</v>
      </c>
      <c r="H11110" t="s">
        <v>81</v>
      </c>
      <c r="I11110" s="2">
        <v>0</v>
      </c>
      <c r="J11110" s="2">
        <v>1</v>
      </c>
      <c r="K11110" s="2">
        <v>0</v>
      </c>
      <c r="L11110" t="s">
        <v>82</v>
      </c>
      <c r="M11110" t="s">
        <v>83</v>
      </c>
      <c r="N11110" t="s">
        <v>84</v>
      </c>
      <c r="O11110" t="s">
        <v>85</v>
      </c>
      <c r="P11110" t="s">
        <v>86</v>
      </c>
      <c r="Q11110">
        <v>49</v>
      </c>
      <c r="R11110">
        <v>50</v>
      </c>
      <c r="S11110">
        <v>50</v>
      </c>
      <c r="T11110">
        <v>50</v>
      </c>
      <c r="U11110">
        <v>51</v>
      </c>
      <c r="V11110">
        <v>51</v>
      </c>
      <c r="W11110">
        <v>51</v>
      </c>
      <c r="X11110">
        <v>51</v>
      </c>
      <c r="Y11110">
        <v>52</v>
      </c>
      <c r="Z11110">
        <v>52</v>
      </c>
      <c r="AA11110">
        <v>52</v>
      </c>
      <c r="AB11110">
        <v>52</v>
      </c>
      <c r="AC11110">
        <v>52</v>
      </c>
      <c r="AD11110">
        <v>52</v>
      </c>
      <c r="AE11110">
        <v>52</v>
      </c>
      <c r="AF11110">
        <v>52</v>
      </c>
      <c r="AG11110">
        <v>52</v>
      </c>
      <c r="AH11110">
        <v>53</v>
      </c>
      <c r="AI11110">
        <v>53</v>
      </c>
      <c r="AJ11110">
        <v>53</v>
      </c>
      <c r="AK11110">
        <v>53</v>
      </c>
      <c r="AL11110">
        <v>52</v>
      </c>
      <c r="AM11110">
        <v>52</v>
      </c>
      <c r="AN11110">
        <v>52</v>
      </c>
      <c r="AO11110">
        <v>51</v>
      </c>
      <c r="AP11110">
        <v>51</v>
      </c>
      <c r="AQ11110">
        <v>50</v>
      </c>
    </row>
    <row r="11111" spans="1:43">
      <c r="A11111" t="s">
        <v>6908</v>
      </c>
      <c r="B11111" t="s">
        <v>6909</v>
      </c>
      <c r="C11111" t="s">
        <v>6910</v>
      </c>
      <c r="D11111" t="s">
        <v>6911</v>
      </c>
      <c r="E11111" t="s">
        <v>6594</v>
      </c>
      <c r="F11111" t="s">
        <v>6595</v>
      </c>
      <c r="G11111" t="s">
        <v>80</v>
      </c>
      <c r="H11111" t="s">
        <v>81</v>
      </c>
      <c r="I11111" s="2">
        <v>0</v>
      </c>
      <c r="J11111" s="2">
        <v>1</v>
      </c>
      <c r="K11111" s="2">
        <v>0</v>
      </c>
      <c r="L11111" t="s">
        <v>82</v>
      </c>
      <c r="M11111" t="s">
        <v>87</v>
      </c>
      <c r="N11111" t="s">
        <v>88</v>
      </c>
      <c r="O11111" t="s">
        <v>85</v>
      </c>
      <c r="P11111" t="s">
        <v>86</v>
      </c>
      <c r="Q11111">
        <v>49</v>
      </c>
      <c r="R11111">
        <v>49</v>
      </c>
      <c r="S11111">
        <v>49</v>
      </c>
      <c r="T11111">
        <v>48</v>
      </c>
      <c r="U11111">
        <v>48</v>
      </c>
      <c r="V11111">
        <v>48</v>
      </c>
      <c r="W11111">
        <v>48</v>
      </c>
      <c r="X11111">
        <v>48</v>
      </c>
      <c r="Y11111">
        <v>48</v>
      </c>
      <c r="Z11111">
        <v>47</v>
      </c>
      <c r="AA11111">
        <v>47</v>
      </c>
      <c r="AB11111">
        <v>47</v>
      </c>
      <c r="AC11111">
        <v>47</v>
      </c>
      <c r="AD11111">
        <v>47</v>
      </c>
      <c r="AE11111">
        <v>46</v>
      </c>
      <c r="AF11111">
        <v>46</v>
      </c>
      <c r="AG11111">
        <v>46</v>
      </c>
      <c r="AH11111">
        <v>46</v>
      </c>
      <c r="AI11111">
        <v>45</v>
      </c>
      <c r="AJ11111">
        <v>45</v>
      </c>
      <c r="AK11111">
        <v>45</v>
      </c>
      <c r="AL11111">
        <v>45</v>
      </c>
      <c r="AM11111">
        <v>44</v>
      </c>
      <c r="AN11111">
        <v>44</v>
      </c>
      <c r="AO11111">
        <v>44</v>
      </c>
      <c r="AP11111">
        <v>44</v>
      </c>
      <c r="AQ11111">
        <v>43</v>
      </c>
    </row>
    <row r="11112" spans="1:43">
      <c r="A11112" t="s">
        <v>6908</v>
      </c>
      <c r="B11112" t="s">
        <v>6909</v>
      </c>
      <c r="C11112" t="s">
        <v>6910</v>
      </c>
      <c r="D11112" t="s">
        <v>6911</v>
      </c>
      <c r="E11112" t="s">
        <v>6594</v>
      </c>
      <c r="F11112" t="s">
        <v>6595</v>
      </c>
      <c r="G11112" t="s">
        <v>80</v>
      </c>
      <c r="H11112" t="s">
        <v>81</v>
      </c>
      <c r="I11112" s="2">
        <v>0</v>
      </c>
      <c r="J11112" s="2">
        <v>1</v>
      </c>
      <c r="K11112" s="2">
        <v>0</v>
      </c>
      <c r="L11112" t="s">
        <v>82</v>
      </c>
      <c r="M11112" t="s">
        <v>89</v>
      </c>
      <c r="N11112" t="s">
        <v>90</v>
      </c>
      <c r="O11112" t="s">
        <v>85</v>
      </c>
      <c r="P11112" t="s">
        <v>86</v>
      </c>
      <c r="Q11112">
        <v>49</v>
      </c>
      <c r="R11112">
        <v>49</v>
      </c>
      <c r="S11112">
        <v>50</v>
      </c>
      <c r="T11112">
        <v>51</v>
      </c>
      <c r="U11112">
        <v>52</v>
      </c>
      <c r="V11112">
        <v>52</v>
      </c>
      <c r="W11112">
        <v>53</v>
      </c>
      <c r="X11112">
        <v>53</v>
      </c>
      <c r="Y11112">
        <v>54</v>
      </c>
      <c r="Z11112">
        <v>54</v>
      </c>
      <c r="AA11112">
        <v>54</v>
      </c>
      <c r="AB11112">
        <v>55</v>
      </c>
      <c r="AC11112">
        <v>55</v>
      </c>
      <c r="AD11112">
        <v>55</v>
      </c>
      <c r="AE11112">
        <v>55</v>
      </c>
      <c r="AF11112">
        <v>55</v>
      </c>
      <c r="AG11112">
        <v>54</v>
      </c>
      <c r="AH11112">
        <v>54</v>
      </c>
      <c r="AI11112">
        <v>53</v>
      </c>
      <c r="AJ11112">
        <v>53</v>
      </c>
      <c r="AK11112">
        <v>53</v>
      </c>
      <c r="AL11112">
        <v>52</v>
      </c>
      <c r="AM11112">
        <v>52</v>
      </c>
      <c r="AN11112">
        <v>51</v>
      </c>
      <c r="AO11112">
        <v>51</v>
      </c>
      <c r="AP11112">
        <v>51</v>
      </c>
      <c r="AQ11112">
        <v>50</v>
      </c>
    </row>
    <row r="11113" spans="1:43">
      <c r="A11113" t="s">
        <v>6908</v>
      </c>
      <c r="B11113" t="s">
        <v>6909</v>
      </c>
      <c r="C11113" t="s">
        <v>6910</v>
      </c>
      <c r="D11113" t="s">
        <v>6911</v>
      </c>
      <c r="E11113" t="s">
        <v>6594</v>
      </c>
      <c r="F11113" t="s">
        <v>6595</v>
      </c>
      <c r="G11113" t="s">
        <v>80</v>
      </c>
      <c r="H11113" t="s">
        <v>81</v>
      </c>
      <c r="I11113" s="2">
        <v>0</v>
      </c>
      <c r="J11113" s="2">
        <v>1</v>
      </c>
      <c r="K11113" s="2">
        <v>0</v>
      </c>
      <c r="L11113" t="s">
        <v>82</v>
      </c>
      <c r="M11113" t="s">
        <v>83</v>
      </c>
      <c r="N11113" t="s">
        <v>91</v>
      </c>
      <c r="O11113" t="s">
        <v>85</v>
      </c>
      <c r="P11113" t="s">
        <v>86</v>
      </c>
      <c r="Q11113">
        <v>49</v>
      </c>
      <c r="R11113">
        <v>50</v>
      </c>
      <c r="S11113">
        <v>50</v>
      </c>
      <c r="T11113">
        <v>50</v>
      </c>
      <c r="U11113">
        <v>51</v>
      </c>
      <c r="V11113">
        <v>51</v>
      </c>
      <c r="W11113">
        <v>51</v>
      </c>
      <c r="X11113">
        <v>51</v>
      </c>
      <c r="Y11113">
        <v>52</v>
      </c>
      <c r="Z11113">
        <v>52</v>
      </c>
      <c r="AA11113">
        <v>52</v>
      </c>
      <c r="AB11113">
        <v>52</v>
      </c>
      <c r="AC11113">
        <v>52</v>
      </c>
      <c r="AD11113">
        <v>52</v>
      </c>
      <c r="AE11113">
        <v>52</v>
      </c>
      <c r="AF11113">
        <v>52</v>
      </c>
      <c r="AG11113">
        <v>52</v>
      </c>
      <c r="AH11113">
        <v>53</v>
      </c>
      <c r="AI11113">
        <v>53</v>
      </c>
      <c r="AJ11113">
        <v>53</v>
      </c>
      <c r="AK11113">
        <v>53</v>
      </c>
      <c r="AL11113">
        <v>52</v>
      </c>
      <c r="AM11113">
        <v>52</v>
      </c>
      <c r="AN11113">
        <v>52</v>
      </c>
      <c r="AO11113">
        <v>51</v>
      </c>
      <c r="AP11113">
        <v>51</v>
      </c>
      <c r="AQ11113">
        <v>50</v>
      </c>
    </row>
    <row r="11114" spans="1:43">
      <c r="A11114" t="s">
        <v>6912</v>
      </c>
      <c r="B11114" t="s">
        <v>6913</v>
      </c>
      <c r="C11114" t="s">
        <v>6910</v>
      </c>
      <c r="D11114" t="s">
        <v>6911</v>
      </c>
      <c r="E11114" t="s">
        <v>6594</v>
      </c>
      <c r="F11114" t="s">
        <v>6595</v>
      </c>
      <c r="G11114" t="s">
        <v>80</v>
      </c>
      <c r="H11114" t="s">
        <v>81</v>
      </c>
      <c r="I11114" s="2">
        <v>0</v>
      </c>
      <c r="J11114" s="2">
        <v>1</v>
      </c>
      <c r="K11114" s="2">
        <v>0</v>
      </c>
      <c r="L11114" t="s">
        <v>82</v>
      </c>
      <c r="M11114" t="s">
        <v>83</v>
      </c>
      <c r="N11114" t="s">
        <v>84</v>
      </c>
      <c r="O11114" t="s">
        <v>85</v>
      </c>
      <c r="P11114" t="s">
        <v>86</v>
      </c>
      <c r="Q11114">
        <v>84</v>
      </c>
      <c r="R11114">
        <v>85</v>
      </c>
      <c r="S11114">
        <v>85</v>
      </c>
      <c r="T11114">
        <v>86</v>
      </c>
      <c r="U11114">
        <v>86</v>
      </c>
      <c r="V11114">
        <v>87</v>
      </c>
      <c r="W11114">
        <v>87</v>
      </c>
      <c r="X11114">
        <v>88</v>
      </c>
      <c r="Y11114">
        <v>88</v>
      </c>
      <c r="Z11114">
        <v>88</v>
      </c>
      <c r="AA11114">
        <v>89</v>
      </c>
      <c r="AB11114">
        <v>89</v>
      </c>
      <c r="AC11114">
        <v>89</v>
      </c>
      <c r="AD11114">
        <v>89</v>
      </c>
      <c r="AE11114">
        <v>89</v>
      </c>
      <c r="AF11114">
        <v>90</v>
      </c>
      <c r="AG11114">
        <v>90</v>
      </c>
      <c r="AH11114">
        <v>90</v>
      </c>
      <c r="AI11114">
        <v>90</v>
      </c>
      <c r="AJ11114">
        <v>90</v>
      </c>
      <c r="AK11114">
        <v>90</v>
      </c>
      <c r="AL11114">
        <v>89</v>
      </c>
      <c r="AM11114">
        <v>89</v>
      </c>
      <c r="AN11114">
        <v>88</v>
      </c>
      <c r="AO11114">
        <v>87</v>
      </c>
      <c r="AP11114">
        <v>87</v>
      </c>
      <c r="AQ11114">
        <v>86</v>
      </c>
    </row>
    <row r="11115" spans="1:43">
      <c r="A11115" t="s">
        <v>6912</v>
      </c>
      <c r="B11115" t="s">
        <v>6913</v>
      </c>
      <c r="C11115" t="s">
        <v>6910</v>
      </c>
      <c r="D11115" t="s">
        <v>6911</v>
      </c>
      <c r="E11115" t="s">
        <v>6594</v>
      </c>
      <c r="F11115" t="s">
        <v>6595</v>
      </c>
      <c r="G11115" t="s">
        <v>80</v>
      </c>
      <c r="H11115" t="s">
        <v>81</v>
      </c>
      <c r="I11115" s="2">
        <v>0</v>
      </c>
      <c r="J11115" s="2">
        <v>1</v>
      </c>
      <c r="K11115" s="2">
        <v>0</v>
      </c>
      <c r="L11115" t="s">
        <v>82</v>
      </c>
      <c r="M11115" t="s">
        <v>87</v>
      </c>
      <c r="N11115" t="s">
        <v>88</v>
      </c>
      <c r="O11115" t="s">
        <v>85</v>
      </c>
      <c r="P11115" t="s">
        <v>86</v>
      </c>
      <c r="Q11115">
        <v>84</v>
      </c>
      <c r="R11115">
        <v>83</v>
      </c>
      <c r="S11115">
        <v>83</v>
      </c>
      <c r="T11115">
        <v>83</v>
      </c>
      <c r="U11115">
        <v>83</v>
      </c>
      <c r="V11115">
        <v>82</v>
      </c>
      <c r="W11115">
        <v>82</v>
      </c>
      <c r="X11115">
        <v>82</v>
      </c>
      <c r="Y11115">
        <v>81</v>
      </c>
      <c r="Z11115">
        <v>81</v>
      </c>
      <c r="AA11115">
        <v>81</v>
      </c>
      <c r="AB11115">
        <v>80</v>
      </c>
      <c r="AC11115">
        <v>80</v>
      </c>
      <c r="AD11115">
        <v>80</v>
      </c>
      <c r="AE11115">
        <v>79</v>
      </c>
      <c r="AF11115">
        <v>79</v>
      </c>
      <c r="AG11115">
        <v>78</v>
      </c>
      <c r="AH11115">
        <v>78</v>
      </c>
      <c r="AI11115">
        <v>77</v>
      </c>
      <c r="AJ11115">
        <v>77</v>
      </c>
      <c r="AK11115">
        <v>77</v>
      </c>
      <c r="AL11115">
        <v>76</v>
      </c>
      <c r="AM11115">
        <v>76</v>
      </c>
      <c r="AN11115">
        <v>75</v>
      </c>
      <c r="AO11115">
        <v>75</v>
      </c>
      <c r="AP11115">
        <v>75</v>
      </c>
      <c r="AQ11115">
        <v>74</v>
      </c>
    </row>
    <row r="11116" spans="1:43">
      <c r="A11116" t="s">
        <v>6912</v>
      </c>
      <c r="B11116" t="s">
        <v>6913</v>
      </c>
      <c r="C11116" t="s">
        <v>6910</v>
      </c>
      <c r="D11116" t="s">
        <v>6911</v>
      </c>
      <c r="E11116" t="s">
        <v>6594</v>
      </c>
      <c r="F11116" t="s">
        <v>6595</v>
      </c>
      <c r="G11116" t="s">
        <v>80</v>
      </c>
      <c r="H11116" t="s">
        <v>81</v>
      </c>
      <c r="I11116" s="2">
        <v>0</v>
      </c>
      <c r="J11116" s="2">
        <v>1</v>
      </c>
      <c r="K11116" s="2">
        <v>0</v>
      </c>
      <c r="L11116" t="s">
        <v>82</v>
      </c>
      <c r="M11116" t="s">
        <v>89</v>
      </c>
      <c r="N11116" t="s">
        <v>90</v>
      </c>
      <c r="O11116" t="s">
        <v>85</v>
      </c>
      <c r="P11116" t="s">
        <v>86</v>
      </c>
      <c r="Q11116">
        <v>84</v>
      </c>
      <c r="R11116">
        <v>85</v>
      </c>
      <c r="S11116">
        <v>87</v>
      </c>
      <c r="T11116">
        <v>88</v>
      </c>
      <c r="U11116">
        <v>89</v>
      </c>
      <c r="V11116">
        <v>90</v>
      </c>
      <c r="W11116">
        <v>91</v>
      </c>
      <c r="X11116">
        <v>92</v>
      </c>
      <c r="Y11116">
        <v>92</v>
      </c>
      <c r="Z11116">
        <v>93</v>
      </c>
      <c r="AA11116">
        <v>94</v>
      </c>
      <c r="AB11116">
        <v>94</v>
      </c>
      <c r="AC11116">
        <v>95</v>
      </c>
      <c r="AD11116">
        <v>95</v>
      </c>
      <c r="AE11116">
        <v>95</v>
      </c>
      <c r="AF11116">
        <v>94</v>
      </c>
      <c r="AG11116">
        <v>93</v>
      </c>
      <c r="AH11116">
        <v>93</v>
      </c>
      <c r="AI11116">
        <v>92</v>
      </c>
      <c r="AJ11116">
        <v>91</v>
      </c>
      <c r="AK11116">
        <v>90</v>
      </c>
      <c r="AL11116">
        <v>90</v>
      </c>
      <c r="AM11116">
        <v>89</v>
      </c>
      <c r="AN11116">
        <v>88</v>
      </c>
      <c r="AO11116">
        <v>88</v>
      </c>
      <c r="AP11116">
        <v>87</v>
      </c>
      <c r="AQ11116">
        <v>86</v>
      </c>
    </row>
    <row r="11117" spans="1:43">
      <c r="A11117" t="s">
        <v>6912</v>
      </c>
      <c r="B11117" t="s">
        <v>6913</v>
      </c>
      <c r="C11117" t="s">
        <v>6910</v>
      </c>
      <c r="D11117" t="s">
        <v>6911</v>
      </c>
      <c r="E11117" t="s">
        <v>6594</v>
      </c>
      <c r="F11117" t="s">
        <v>6595</v>
      </c>
      <c r="G11117" t="s">
        <v>80</v>
      </c>
      <c r="H11117" t="s">
        <v>81</v>
      </c>
      <c r="I11117" s="2">
        <v>0</v>
      </c>
      <c r="J11117" s="2">
        <v>1</v>
      </c>
      <c r="K11117" s="2">
        <v>0</v>
      </c>
      <c r="L11117" t="s">
        <v>82</v>
      </c>
      <c r="M11117" t="s">
        <v>83</v>
      </c>
      <c r="N11117" t="s">
        <v>91</v>
      </c>
      <c r="O11117" t="s">
        <v>85</v>
      </c>
      <c r="P11117" t="s">
        <v>86</v>
      </c>
      <c r="Q11117">
        <v>84</v>
      </c>
      <c r="R11117">
        <v>85</v>
      </c>
      <c r="S11117">
        <v>85</v>
      </c>
      <c r="T11117">
        <v>86</v>
      </c>
      <c r="U11117">
        <v>86</v>
      </c>
      <c r="V11117">
        <v>87</v>
      </c>
      <c r="W11117">
        <v>87</v>
      </c>
      <c r="X11117">
        <v>88</v>
      </c>
      <c r="Y11117">
        <v>88</v>
      </c>
      <c r="Z11117">
        <v>88</v>
      </c>
      <c r="AA11117">
        <v>89</v>
      </c>
      <c r="AB11117">
        <v>89</v>
      </c>
      <c r="AC11117">
        <v>89</v>
      </c>
      <c r="AD11117">
        <v>89</v>
      </c>
      <c r="AE11117">
        <v>89</v>
      </c>
      <c r="AF11117">
        <v>90</v>
      </c>
      <c r="AG11117">
        <v>90</v>
      </c>
      <c r="AH11117">
        <v>90</v>
      </c>
      <c r="AI11117">
        <v>90</v>
      </c>
      <c r="AJ11117">
        <v>90</v>
      </c>
      <c r="AK11117">
        <v>90</v>
      </c>
      <c r="AL11117">
        <v>89</v>
      </c>
      <c r="AM11117">
        <v>89</v>
      </c>
      <c r="AN11117">
        <v>88</v>
      </c>
      <c r="AO11117">
        <v>87</v>
      </c>
      <c r="AP11117">
        <v>87</v>
      </c>
      <c r="AQ11117">
        <v>86</v>
      </c>
    </row>
    <row r="11118" spans="1:43">
      <c r="A11118" t="s">
        <v>6914</v>
      </c>
      <c r="B11118" t="s">
        <v>6915</v>
      </c>
      <c r="C11118" t="s">
        <v>6910</v>
      </c>
      <c r="D11118" t="s">
        <v>6911</v>
      </c>
      <c r="E11118" t="s">
        <v>6594</v>
      </c>
      <c r="F11118" t="s">
        <v>6595</v>
      </c>
      <c r="G11118" t="s">
        <v>80</v>
      </c>
      <c r="H11118" t="s">
        <v>81</v>
      </c>
      <c r="I11118" s="2">
        <v>0</v>
      </c>
      <c r="J11118" s="2">
        <v>1</v>
      </c>
      <c r="K11118" s="2">
        <v>0</v>
      </c>
      <c r="L11118" t="s">
        <v>82</v>
      </c>
      <c r="M11118" t="s">
        <v>83</v>
      </c>
      <c r="N11118" t="s">
        <v>84</v>
      </c>
      <c r="O11118" t="s">
        <v>85</v>
      </c>
      <c r="P11118" t="s">
        <v>86</v>
      </c>
      <c r="Q11118">
        <v>44</v>
      </c>
      <c r="R11118">
        <v>44</v>
      </c>
      <c r="S11118">
        <v>44</v>
      </c>
      <c r="T11118">
        <v>44</v>
      </c>
      <c r="U11118">
        <v>45</v>
      </c>
      <c r="V11118">
        <v>45</v>
      </c>
      <c r="W11118">
        <v>45</v>
      </c>
      <c r="X11118">
        <v>45</v>
      </c>
      <c r="Y11118">
        <v>45</v>
      </c>
      <c r="Z11118">
        <v>46</v>
      </c>
      <c r="AA11118">
        <v>46</v>
      </c>
      <c r="AB11118">
        <v>46</v>
      </c>
      <c r="AC11118">
        <v>46</v>
      </c>
      <c r="AD11118">
        <v>46</v>
      </c>
      <c r="AE11118">
        <v>46</v>
      </c>
      <c r="AF11118">
        <v>46</v>
      </c>
      <c r="AG11118">
        <v>46</v>
      </c>
      <c r="AH11118">
        <v>46</v>
      </c>
      <c r="AI11118">
        <v>46</v>
      </c>
      <c r="AJ11118">
        <v>46</v>
      </c>
      <c r="AK11118">
        <v>46</v>
      </c>
      <c r="AL11118">
        <v>45</v>
      </c>
      <c r="AM11118">
        <v>45</v>
      </c>
      <c r="AN11118">
        <v>45</v>
      </c>
      <c r="AO11118">
        <v>44</v>
      </c>
      <c r="AP11118">
        <v>44</v>
      </c>
      <c r="AQ11118">
        <v>43</v>
      </c>
    </row>
    <row r="11119" spans="1:43">
      <c r="A11119" t="s">
        <v>6914</v>
      </c>
      <c r="B11119" t="s">
        <v>6915</v>
      </c>
      <c r="C11119" t="s">
        <v>6910</v>
      </c>
      <c r="D11119" t="s">
        <v>6911</v>
      </c>
      <c r="E11119" t="s">
        <v>6594</v>
      </c>
      <c r="F11119" t="s">
        <v>6595</v>
      </c>
      <c r="G11119" t="s">
        <v>80</v>
      </c>
      <c r="H11119" t="s">
        <v>81</v>
      </c>
      <c r="I11119" s="2">
        <v>0</v>
      </c>
      <c r="J11119" s="2">
        <v>1</v>
      </c>
      <c r="K11119" s="2">
        <v>0</v>
      </c>
      <c r="L11119" t="s">
        <v>82</v>
      </c>
      <c r="M11119" t="s">
        <v>87</v>
      </c>
      <c r="N11119" t="s">
        <v>88</v>
      </c>
      <c r="O11119" t="s">
        <v>85</v>
      </c>
      <c r="P11119" t="s">
        <v>86</v>
      </c>
      <c r="Q11119">
        <v>44</v>
      </c>
      <c r="R11119">
        <v>44</v>
      </c>
      <c r="S11119">
        <v>44</v>
      </c>
      <c r="T11119">
        <v>44</v>
      </c>
      <c r="U11119">
        <v>44</v>
      </c>
      <c r="V11119">
        <v>44</v>
      </c>
      <c r="W11119">
        <v>43</v>
      </c>
      <c r="X11119">
        <v>43</v>
      </c>
      <c r="Y11119">
        <v>43</v>
      </c>
      <c r="Z11119">
        <v>43</v>
      </c>
      <c r="AA11119">
        <v>43</v>
      </c>
      <c r="AB11119">
        <v>42</v>
      </c>
      <c r="AC11119">
        <v>42</v>
      </c>
      <c r="AD11119">
        <v>42</v>
      </c>
      <c r="AE11119">
        <v>42</v>
      </c>
      <c r="AF11119">
        <v>41</v>
      </c>
      <c r="AG11119">
        <v>41</v>
      </c>
      <c r="AH11119">
        <v>41</v>
      </c>
      <c r="AI11119">
        <v>41</v>
      </c>
      <c r="AJ11119">
        <v>40</v>
      </c>
      <c r="AK11119">
        <v>40</v>
      </c>
      <c r="AL11119">
        <v>40</v>
      </c>
      <c r="AM11119">
        <v>40</v>
      </c>
      <c r="AN11119">
        <v>39</v>
      </c>
      <c r="AO11119">
        <v>39</v>
      </c>
      <c r="AP11119">
        <v>39</v>
      </c>
      <c r="AQ11119">
        <v>39</v>
      </c>
    </row>
    <row r="11120" spans="1:43">
      <c r="A11120" t="s">
        <v>6914</v>
      </c>
      <c r="B11120" t="s">
        <v>6915</v>
      </c>
      <c r="C11120" t="s">
        <v>6910</v>
      </c>
      <c r="D11120" t="s">
        <v>6911</v>
      </c>
      <c r="E11120" t="s">
        <v>6594</v>
      </c>
      <c r="F11120" t="s">
        <v>6595</v>
      </c>
      <c r="G11120" t="s">
        <v>80</v>
      </c>
      <c r="H11120" t="s">
        <v>81</v>
      </c>
      <c r="I11120" s="2">
        <v>0</v>
      </c>
      <c r="J11120" s="2">
        <v>1</v>
      </c>
      <c r="K11120" s="2">
        <v>0</v>
      </c>
      <c r="L11120" t="s">
        <v>82</v>
      </c>
      <c r="M11120" t="s">
        <v>89</v>
      </c>
      <c r="N11120" t="s">
        <v>90</v>
      </c>
      <c r="O11120" t="s">
        <v>85</v>
      </c>
      <c r="P11120" t="s">
        <v>86</v>
      </c>
      <c r="Q11120">
        <v>44</v>
      </c>
      <c r="R11120">
        <v>45</v>
      </c>
      <c r="S11120">
        <v>45</v>
      </c>
      <c r="T11120">
        <v>46</v>
      </c>
      <c r="U11120">
        <v>46</v>
      </c>
      <c r="V11120">
        <v>47</v>
      </c>
      <c r="W11120">
        <v>47</v>
      </c>
      <c r="X11120">
        <v>48</v>
      </c>
      <c r="Y11120">
        <v>48</v>
      </c>
      <c r="Z11120">
        <v>48</v>
      </c>
      <c r="AA11120">
        <v>49</v>
      </c>
      <c r="AB11120">
        <v>49</v>
      </c>
      <c r="AC11120">
        <v>49</v>
      </c>
      <c r="AD11120">
        <v>49</v>
      </c>
      <c r="AE11120">
        <v>49</v>
      </c>
      <c r="AF11120">
        <v>49</v>
      </c>
      <c r="AG11120">
        <v>48</v>
      </c>
      <c r="AH11120">
        <v>48</v>
      </c>
      <c r="AI11120">
        <v>47</v>
      </c>
      <c r="AJ11120">
        <v>47</v>
      </c>
      <c r="AK11120">
        <v>46</v>
      </c>
      <c r="AL11120">
        <v>46</v>
      </c>
      <c r="AM11120">
        <v>45</v>
      </c>
      <c r="AN11120">
        <v>45</v>
      </c>
      <c r="AO11120">
        <v>44</v>
      </c>
      <c r="AP11120">
        <v>44</v>
      </c>
      <c r="AQ11120">
        <v>44</v>
      </c>
    </row>
    <row r="11121" spans="1:43">
      <c r="A11121" t="s">
        <v>6914</v>
      </c>
      <c r="B11121" t="s">
        <v>6915</v>
      </c>
      <c r="C11121" t="s">
        <v>6910</v>
      </c>
      <c r="D11121" t="s">
        <v>6911</v>
      </c>
      <c r="E11121" t="s">
        <v>6594</v>
      </c>
      <c r="F11121" t="s">
        <v>6595</v>
      </c>
      <c r="G11121" t="s">
        <v>80</v>
      </c>
      <c r="H11121" t="s">
        <v>81</v>
      </c>
      <c r="I11121" s="2">
        <v>0</v>
      </c>
      <c r="J11121" s="2">
        <v>1</v>
      </c>
      <c r="K11121" s="2">
        <v>0</v>
      </c>
      <c r="L11121" t="s">
        <v>82</v>
      </c>
      <c r="M11121" t="s">
        <v>83</v>
      </c>
      <c r="N11121" t="s">
        <v>91</v>
      </c>
      <c r="O11121" t="s">
        <v>85</v>
      </c>
      <c r="P11121" t="s">
        <v>86</v>
      </c>
      <c r="Q11121">
        <v>44</v>
      </c>
      <c r="R11121">
        <v>44</v>
      </c>
      <c r="S11121">
        <v>44</v>
      </c>
      <c r="T11121">
        <v>44</v>
      </c>
      <c r="U11121">
        <v>45</v>
      </c>
      <c r="V11121">
        <v>45</v>
      </c>
      <c r="W11121">
        <v>45</v>
      </c>
      <c r="X11121">
        <v>45</v>
      </c>
      <c r="Y11121">
        <v>45</v>
      </c>
      <c r="Z11121">
        <v>46</v>
      </c>
      <c r="AA11121">
        <v>46</v>
      </c>
      <c r="AB11121">
        <v>46</v>
      </c>
      <c r="AC11121">
        <v>46</v>
      </c>
      <c r="AD11121">
        <v>46</v>
      </c>
      <c r="AE11121">
        <v>46</v>
      </c>
      <c r="AF11121">
        <v>46</v>
      </c>
      <c r="AG11121">
        <v>46</v>
      </c>
      <c r="AH11121">
        <v>46</v>
      </c>
      <c r="AI11121">
        <v>46</v>
      </c>
      <c r="AJ11121">
        <v>46</v>
      </c>
      <c r="AK11121">
        <v>46</v>
      </c>
      <c r="AL11121">
        <v>45</v>
      </c>
      <c r="AM11121">
        <v>45</v>
      </c>
      <c r="AN11121">
        <v>45</v>
      </c>
      <c r="AO11121">
        <v>44</v>
      </c>
      <c r="AP11121">
        <v>44</v>
      </c>
      <c r="AQ11121">
        <v>43</v>
      </c>
    </row>
    <row r="11122" spans="1:43">
      <c r="A11122" t="s">
        <v>6916</v>
      </c>
      <c r="B11122" t="s">
        <v>6917</v>
      </c>
      <c r="C11122" t="s">
        <v>6918</v>
      </c>
      <c r="D11122" t="s">
        <v>6919</v>
      </c>
      <c r="E11122" t="s">
        <v>6594</v>
      </c>
      <c r="F11122" t="s">
        <v>6595</v>
      </c>
      <c r="G11122" t="s">
        <v>80</v>
      </c>
      <c r="H11122" t="s">
        <v>81</v>
      </c>
      <c r="I11122" s="2">
        <v>0</v>
      </c>
      <c r="J11122" s="2">
        <v>1</v>
      </c>
      <c r="K11122" s="2">
        <v>0</v>
      </c>
      <c r="L11122" t="s">
        <v>82</v>
      </c>
      <c r="M11122" t="s">
        <v>83</v>
      </c>
      <c r="N11122" t="s">
        <v>84</v>
      </c>
      <c r="O11122" t="s">
        <v>85</v>
      </c>
      <c r="P11122" t="s">
        <v>86</v>
      </c>
      <c r="Q11122">
        <v>25</v>
      </c>
      <c r="R11122">
        <v>25</v>
      </c>
      <c r="S11122">
        <v>25</v>
      </c>
      <c r="T11122">
        <v>25</v>
      </c>
      <c r="U11122">
        <v>26</v>
      </c>
      <c r="V11122">
        <v>26</v>
      </c>
      <c r="W11122">
        <v>26</v>
      </c>
      <c r="X11122">
        <v>26</v>
      </c>
      <c r="Y11122">
        <v>26</v>
      </c>
      <c r="Z11122">
        <v>26</v>
      </c>
      <c r="AA11122">
        <v>26</v>
      </c>
      <c r="AB11122">
        <v>26</v>
      </c>
      <c r="AC11122">
        <v>26</v>
      </c>
      <c r="AD11122">
        <v>26</v>
      </c>
      <c r="AE11122">
        <v>26</v>
      </c>
      <c r="AF11122">
        <v>26</v>
      </c>
      <c r="AG11122">
        <v>26</v>
      </c>
      <c r="AH11122">
        <v>26</v>
      </c>
      <c r="AI11122">
        <v>26</v>
      </c>
      <c r="AJ11122">
        <v>26</v>
      </c>
      <c r="AK11122">
        <v>26</v>
      </c>
      <c r="AL11122">
        <v>26</v>
      </c>
      <c r="AM11122">
        <v>26</v>
      </c>
      <c r="AN11122">
        <v>25</v>
      </c>
      <c r="AO11122">
        <v>25</v>
      </c>
      <c r="AP11122">
        <v>25</v>
      </c>
      <c r="AQ11122">
        <v>25</v>
      </c>
    </row>
    <row r="11123" spans="1:43">
      <c r="A11123" t="s">
        <v>6916</v>
      </c>
      <c r="B11123" t="s">
        <v>6917</v>
      </c>
      <c r="C11123" t="s">
        <v>6918</v>
      </c>
      <c r="D11123" t="s">
        <v>6919</v>
      </c>
      <c r="E11123" t="s">
        <v>6594</v>
      </c>
      <c r="F11123" t="s">
        <v>6595</v>
      </c>
      <c r="G11123" t="s">
        <v>80</v>
      </c>
      <c r="H11123" t="s">
        <v>81</v>
      </c>
      <c r="I11123" s="2">
        <v>0</v>
      </c>
      <c r="J11123" s="2">
        <v>1</v>
      </c>
      <c r="K11123" s="2">
        <v>0</v>
      </c>
      <c r="L11123" t="s">
        <v>82</v>
      </c>
      <c r="M11123" t="s">
        <v>87</v>
      </c>
      <c r="N11123" t="s">
        <v>88</v>
      </c>
      <c r="O11123" t="s">
        <v>85</v>
      </c>
      <c r="P11123" t="s">
        <v>86</v>
      </c>
      <c r="Q11123">
        <v>25</v>
      </c>
      <c r="R11123">
        <v>25</v>
      </c>
      <c r="S11123">
        <v>25</v>
      </c>
      <c r="T11123">
        <v>25</v>
      </c>
      <c r="U11123">
        <v>24</v>
      </c>
      <c r="V11123">
        <v>24</v>
      </c>
      <c r="W11123">
        <v>24</v>
      </c>
      <c r="X11123">
        <v>24</v>
      </c>
      <c r="Y11123">
        <v>24</v>
      </c>
      <c r="Z11123">
        <v>24</v>
      </c>
      <c r="AA11123">
        <v>24</v>
      </c>
      <c r="AB11123">
        <v>24</v>
      </c>
      <c r="AC11123">
        <v>23</v>
      </c>
      <c r="AD11123">
        <v>23</v>
      </c>
      <c r="AE11123">
        <v>23</v>
      </c>
      <c r="AF11123">
        <v>23</v>
      </c>
      <c r="AG11123">
        <v>23</v>
      </c>
      <c r="AH11123">
        <v>23</v>
      </c>
      <c r="AI11123">
        <v>23</v>
      </c>
      <c r="AJ11123">
        <v>22</v>
      </c>
      <c r="AK11123">
        <v>22</v>
      </c>
      <c r="AL11123">
        <v>22</v>
      </c>
      <c r="AM11123">
        <v>22</v>
      </c>
      <c r="AN11123">
        <v>22</v>
      </c>
      <c r="AO11123">
        <v>22</v>
      </c>
      <c r="AP11123">
        <v>22</v>
      </c>
      <c r="AQ11123">
        <v>22</v>
      </c>
    </row>
    <row r="11124" spans="1:43">
      <c r="A11124" t="s">
        <v>6916</v>
      </c>
      <c r="B11124" t="s">
        <v>6917</v>
      </c>
      <c r="C11124" t="s">
        <v>6918</v>
      </c>
      <c r="D11124" t="s">
        <v>6919</v>
      </c>
      <c r="E11124" t="s">
        <v>6594</v>
      </c>
      <c r="F11124" t="s">
        <v>6595</v>
      </c>
      <c r="G11124" t="s">
        <v>80</v>
      </c>
      <c r="H11124" t="s">
        <v>81</v>
      </c>
      <c r="I11124" s="2">
        <v>0</v>
      </c>
      <c r="J11124" s="2">
        <v>1</v>
      </c>
      <c r="K11124" s="2">
        <v>0</v>
      </c>
      <c r="L11124" t="s">
        <v>82</v>
      </c>
      <c r="M11124" t="s">
        <v>89</v>
      </c>
      <c r="N11124" t="s">
        <v>90</v>
      </c>
      <c r="O11124" t="s">
        <v>85</v>
      </c>
      <c r="P11124" t="s">
        <v>86</v>
      </c>
      <c r="Q11124">
        <v>25</v>
      </c>
      <c r="R11124">
        <v>26</v>
      </c>
      <c r="S11124">
        <v>26</v>
      </c>
      <c r="T11124">
        <v>26</v>
      </c>
      <c r="U11124">
        <v>27</v>
      </c>
      <c r="V11124">
        <v>27</v>
      </c>
      <c r="W11124">
        <v>27</v>
      </c>
      <c r="X11124">
        <v>27</v>
      </c>
      <c r="Y11124">
        <v>28</v>
      </c>
      <c r="Z11124">
        <v>28</v>
      </c>
      <c r="AA11124">
        <v>28</v>
      </c>
      <c r="AB11124">
        <v>28</v>
      </c>
      <c r="AC11124">
        <v>28</v>
      </c>
      <c r="AD11124">
        <v>28</v>
      </c>
      <c r="AE11124">
        <v>28</v>
      </c>
      <c r="AF11124">
        <v>28</v>
      </c>
      <c r="AG11124">
        <v>28</v>
      </c>
      <c r="AH11124">
        <v>27</v>
      </c>
      <c r="AI11124">
        <v>27</v>
      </c>
      <c r="AJ11124">
        <v>27</v>
      </c>
      <c r="AK11124">
        <v>26</v>
      </c>
      <c r="AL11124">
        <v>26</v>
      </c>
      <c r="AM11124">
        <v>26</v>
      </c>
      <c r="AN11124">
        <v>26</v>
      </c>
      <c r="AO11124">
        <v>25</v>
      </c>
      <c r="AP11124">
        <v>25</v>
      </c>
      <c r="AQ11124">
        <v>25</v>
      </c>
    </row>
    <row r="11125" spans="1:43">
      <c r="A11125" t="s">
        <v>6916</v>
      </c>
      <c r="B11125" t="s">
        <v>6917</v>
      </c>
      <c r="C11125" t="s">
        <v>6918</v>
      </c>
      <c r="D11125" t="s">
        <v>6919</v>
      </c>
      <c r="E11125" t="s">
        <v>6594</v>
      </c>
      <c r="F11125" t="s">
        <v>6595</v>
      </c>
      <c r="G11125" t="s">
        <v>80</v>
      </c>
      <c r="H11125" t="s">
        <v>81</v>
      </c>
      <c r="I11125" s="2">
        <v>0</v>
      </c>
      <c r="J11125" s="2">
        <v>1</v>
      </c>
      <c r="K11125" s="2">
        <v>0</v>
      </c>
      <c r="L11125" t="s">
        <v>82</v>
      </c>
      <c r="M11125" t="s">
        <v>83</v>
      </c>
      <c r="N11125" t="s">
        <v>91</v>
      </c>
      <c r="O11125" t="s">
        <v>85</v>
      </c>
      <c r="P11125" t="s">
        <v>86</v>
      </c>
      <c r="Q11125">
        <v>25</v>
      </c>
      <c r="R11125">
        <v>25</v>
      </c>
      <c r="S11125">
        <v>25</v>
      </c>
      <c r="T11125">
        <v>25</v>
      </c>
      <c r="U11125">
        <v>26</v>
      </c>
      <c r="V11125">
        <v>26</v>
      </c>
      <c r="W11125">
        <v>26</v>
      </c>
      <c r="X11125">
        <v>26</v>
      </c>
      <c r="Y11125">
        <v>26</v>
      </c>
      <c r="Z11125">
        <v>26</v>
      </c>
      <c r="AA11125">
        <v>26</v>
      </c>
      <c r="AB11125">
        <v>26</v>
      </c>
      <c r="AC11125">
        <v>26</v>
      </c>
      <c r="AD11125">
        <v>26</v>
      </c>
      <c r="AE11125">
        <v>26</v>
      </c>
      <c r="AF11125">
        <v>26</v>
      </c>
      <c r="AG11125">
        <v>26</v>
      </c>
      <c r="AH11125">
        <v>26</v>
      </c>
      <c r="AI11125">
        <v>26</v>
      </c>
      <c r="AJ11125">
        <v>26</v>
      </c>
      <c r="AK11125">
        <v>26</v>
      </c>
      <c r="AL11125">
        <v>26</v>
      </c>
      <c r="AM11125">
        <v>26</v>
      </c>
      <c r="AN11125">
        <v>25</v>
      </c>
      <c r="AO11125">
        <v>25</v>
      </c>
      <c r="AP11125">
        <v>25</v>
      </c>
      <c r="AQ11125">
        <v>25</v>
      </c>
    </row>
    <row r="11126" spans="1:43">
      <c r="A11126" t="s">
        <v>6920</v>
      </c>
      <c r="B11126" t="s">
        <v>6921</v>
      </c>
      <c r="C11126" t="s">
        <v>6918</v>
      </c>
      <c r="D11126" t="s">
        <v>6919</v>
      </c>
      <c r="E11126" t="s">
        <v>6594</v>
      </c>
      <c r="F11126" t="s">
        <v>6595</v>
      </c>
      <c r="G11126" t="s">
        <v>80</v>
      </c>
      <c r="H11126" t="s">
        <v>81</v>
      </c>
      <c r="I11126" s="2">
        <v>0</v>
      </c>
      <c r="J11126" s="2">
        <v>1</v>
      </c>
      <c r="K11126" s="2">
        <v>0</v>
      </c>
      <c r="L11126" t="s">
        <v>82</v>
      </c>
      <c r="M11126" t="s">
        <v>83</v>
      </c>
      <c r="N11126" t="s">
        <v>84</v>
      </c>
      <c r="O11126" t="s">
        <v>85</v>
      </c>
      <c r="P11126" t="s">
        <v>86</v>
      </c>
      <c r="Q11126">
        <v>33</v>
      </c>
      <c r="R11126">
        <v>33</v>
      </c>
      <c r="S11126">
        <v>33</v>
      </c>
      <c r="T11126">
        <v>34</v>
      </c>
      <c r="U11126">
        <v>34</v>
      </c>
      <c r="V11126">
        <v>34</v>
      </c>
      <c r="W11126">
        <v>34</v>
      </c>
      <c r="X11126">
        <v>34</v>
      </c>
      <c r="Y11126">
        <v>34</v>
      </c>
      <c r="Z11126">
        <v>34</v>
      </c>
      <c r="AA11126">
        <v>34</v>
      </c>
      <c r="AB11126">
        <v>34</v>
      </c>
      <c r="AC11126">
        <v>34</v>
      </c>
      <c r="AD11126">
        <v>34</v>
      </c>
      <c r="AE11126">
        <v>34</v>
      </c>
      <c r="AF11126">
        <v>34</v>
      </c>
      <c r="AG11126">
        <v>34</v>
      </c>
      <c r="AH11126">
        <v>34</v>
      </c>
      <c r="AI11126">
        <v>34</v>
      </c>
      <c r="AJ11126">
        <v>34</v>
      </c>
      <c r="AK11126">
        <v>34</v>
      </c>
      <c r="AL11126">
        <v>34</v>
      </c>
      <c r="AM11126">
        <v>33</v>
      </c>
      <c r="AN11126">
        <v>33</v>
      </c>
      <c r="AO11126">
        <v>32</v>
      </c>
      <c r="AP11126">
        <v>32</v>
      </c>
      <c r="AQ11126">
        <v>32</v>
      </c>
    </row>
    <row r="11127" spans="1:43">
      <c r="A11127" t="s">
        <v>6920</v>
      </c>
      <c r="B11127" t="s">
        <v>6921</v>
      </c>
      <c r="C11127" t="s">
        <v>6918</v>
      </c>
      <c r="D11127" t="s">
        <v>6919</v>
      </c>
      <c r="E11127" t="s">
        <v>6594</v>
      </c>
      <c r="F11127" t="s">
        <v>6595</v>
      </c>
      <c r="G11127" t="s">
        <v>80</v>
      </c>
      <c r="H11127" t="s">
        <v>81</v>
      </c>
      <c r="I11127" s="2">
        <v>0</v>
      </c>
      <c r="J11127" s="2">
        <v>1</v>
      </c>
      <c r="K11127" s="2">
        <v>0</v>
      </c>
      <c r="L11127" t="s">
        <v>82</v>
      </c>
      <c r="M11127" t="s">
        <v>87</v>
      </c>
      <c r="N11127" t="s">
        <v>88</v>
      </c>
      <c r="O11127" t="s">
        <v>85</v>
      </c>
      <c r="P11127" t="s">
        <v>86</v>
      </c>
      <c r="Q11127">
        <v>33</v>
      </c>
      <c r="R11127">
        <v>33</v>
      </c>
      <c r="S11127">
        <v>33</v>
      </c>
      <c r="T11127">
        <v>32</v>
      </c>
      <c r="U11127">
        <v>32</v>
      </c>
      <c r="V11127">
        <v>32</v>
      </c>
      <c r="W11127">
        <v>32</v>
      </c>
      <c r="X11127">
        <v>32</v>
      </c>
      <c r="Y11127">
        <v>32</v>
      </c>
      <c r="Z11127">
        <v>31</v>
      </c>
      <c r="AA11127">
        <v>31</v>
      </c>
      <c r="AB11127">
        <v>31</v>
      </c>
      <c r="AC11127">
        <v>31</v>
      </c>
      <c r="AD11127">
        <v>31</v>
      </c>
      <c r="AE11127">
        <v>30</v>
      </c>
      <c r="AF11127">
        <v>30</v>
      </c>
      <c r="AG11127">
        <v>30</v>
      </c>
      <c r="AH11127">
        <v>30</v>
      </c>
      <c r="AI11127">
        <v>30</v>
      </c>
      <c r="AJ11127">
        <v>29</v>
      </c>
      <c r="AK11127">
        <v>29</v>
      </c>
      <c r="AL11127">
        <v>29</v>
      </c>
      <c r="AM11127">
        <v>29</v>
      </c>
      <c r="AN11127">
        <v>29</v>
      </c>
      <c r="AO11127">
        <v>28</v>
      </c>
      <c r="AP11127">
        <v>28</v>
      </c>
      <c r="AQ11127">
        <v>28</v>
      </c>
    </row>
    <row r="11128" spans="1:43">
      <c r="A11128" t="s">
        <v>6920</v>
      </c>
      <c r="B11128" t="s">
        <v>6921</v>
      </c>
      <c r="C11128" t="s">
        <v>6918</v>
      </c>
      <c r="D11128" t="s">
        <v>6919</v>
      </c>
      <c r="E11128" t="s">
        <v>6594</v>
      </c>
      <c r="F11128" t="s">
        <v>6595</v>
      </c>
      <c r="G11128" t="s">
        <v>80</v>
      </c>
      <c r="H11128" t="s">
        <v>81</v>
      </c>
      <c r="I11128" s="2">
        <v>0</v>
      </c>
      <c r="J11128" s="2">
        <v>1</v>
      </c>
      <c r="K11128" s="2">
        <v>0</v>
      </c>
      <c r="L11128" t="s">
        <v>82</v>
      </c>
      <c r="M11128" t="s">
        <v>89</v>
      </c>
      <c r="N11128" t="s">
        <v>90</v>
      </c>
      <c r="O11128" t="s">
        <v>85</v>
      </c>
      <c r="P11128" t="s">
        <v>86</v>
      </c>
      <c r="Q11128">
        <v>33</v>
      </c>
      <c r="R11128">
        <v>34</v>
      </c>
      <c r="S11128">
        <v>34</v>
      </c>
      <c r="T11128">
        <v>35</v>
      </c>
      <c r="U11128">
        <v>35</v>
      </c>
      <c r="V11128">
        <v>35</v>
      </c>
      <c r="W11128">
        <v>36</v>
      </c>
      <c r="X11128">
        <v>36</v>
      </c>
      <c r="Y11128">
        <v>36</v>
      </c>
      <c r="Z11128">
        <v>36</v>
      </c>
      <c r="AA11128">
        <v>36</v>
      </c>
      <c r="AB11128">
        <v>36</v>
      </c>
      <c r="AC11128">
        <v>37</v>
      </c>
      <c r="AD11128">
        <v>37</v>
      </c>
      <c r="AE11128">
        <v>37</v>
      </c>
      <c r="AF11128">
        <v>36</v>
      </c>
      <c r="AG11128">
        <v>36</v>
      </c>
      <c r="AH11128">
        <v>35</v>
      </c>
      <c r="AI11128">
        <v>35</v>
      </c>
      <c r="AJ11128">
        <v>34</v>
      </c>
      <c r="AK11128">
        <v>34</v>
      </c>
      <c r="AL11128">
        <v>34</v>
      </c>
      <c r="AM11128">
        <v>33</v>
      </c>
      <c r="AN11128">
        <v>33</v>
      </c>
      <c r="AO11128">
        <v>33</v>
      </c>
      <c r="AP11128">
        <v>32</v>
      </c>
      <c r="AQ11128">
        <v>32</v>
      </c>
    </row>
    <row r="11129" spans="1:43">
      <c r="A11129" t="s">
        <v>6920</v>
      </c>
      <c r="B11129" t="s">
        <v>6921</v>
      </c>
      <c r="C11129" t="s">
        <v>6918</v>
      </c>
      <c r="D11129" t="s">
        <v>6919</v>
      </c>
      <c r="E11129" t="s">
        <v>6594</v>
      </c>
      <c r="F11129" t="s">
        <v>6595</v>
      </c>
      <c r="G11129" t="s">
        <v>80</v>
      </c>
      <c r="H11129" t="s">
        <v>81</v>
      </c>
      <c r="I11129" s="2">
        <v>0</v>
      </c>
      <c r="J11129" s="2">
        <v>1</v>
      </c>
      <c r="K11129" s="2">
        <v>0</v>
      </c>
      <c r="L11129" t="s">
        <v>82</v>
      </c>
      <c r="M11129" t="s">
        <v>83</v>
      </c>
      <c r="N11129" t="s">
        <v>91</v>
      </c>
      <c r="O11129" t="s">
        <v>85</v>
      </c>
      <c r="P11129" t="s">
        <v>86</v>
      </c>
      <c r="Q11129">
        <v>33</v>
      </c>
      <c r="R11129">
        <v>33</v>
      </c>
      <c r="S11129">
        <v>33</v>
      </c>
      <c r="T11129">
        <v>34</v>
      </c>
      <c r="U11129">
        <v>34</v>
      </c>
      <c r="V11129">
        <v>34</v>
      </c>
      <c r="W11129">
        <v>34</v>
      </c>
      <c r="X11129">
        <v>34</v>
      </c>
      <c r="Y11129">
        <v>34</v>
      </c>
      <c r="Z11129">
        <v>34</v>
      </c>
      <c r="AA11129">
        <v>34</v>
      </c>
      <c r="AB11129">
        <v>34</v>
      </c>
      <c r="AC11129">
        <v>34</v>
      </c>
      <c r="AD11129">
        <v>34</v>
      </c>
      <c r="AE11129">
        <v>34</v>
      </c>
      <c r="AF11129">
        <v>34</v>
      </c>
      <c r="AG11129">
        <v>34</v>
      </c>
      <c r="AH11129">
        <v>34</v>
      </c>
      <c r="AI11129">
        <v>34</v>
      </c>
      <c r="AJ11129">
        <v>34</v>
      </c>
      <c r="AK11129">
        <v>34</v>
      </c>
      <c r="AL11129">
        <v>34</v>
      </c>
      <c r="AM11129">
        <v>33</v>
      </c>
      <c r="AN11129">
        <v>33</v>
      </c>
      <c r="AO11129">
        <v>32</v>
      </c>
      <c r="AP11129">
        <v>32</v>
      </c>
      <c r="AQ11129">
        <v>32</v>
      </c>
    </row>
    <row r="11130" spans="1:43">
      <c r="A11130" t="s">
        <v>6922</v>
      </c>
      <c r="B11130" t="s">
        <v>6923</v>
      </c>
      <c r="C11130" t="s">
        <v>6918</v>
      </c>
      <c r="D11130" t="s">
        <v>6919</v>
      </c>
      <c r="E11130" t="s">
        <v>6594</v>
      </c>
      <c r="F11130" t="s">
        <v>6595</v>
      </c>
      <c r="G11130" t="s">
        <v>80</v>
      </c>
      <c r="H11130" t="s">
        <v>81</v>
      </c>
      <c r="I11130" s="2">
        <v>0</v>
      </c>
      <c r="J11130" s="2">
        <v>1</v>
      </c>
      <c r="K11130" s="2">
        <v>0</v>
      </c>
      <c r="L11130" t="s">
        <v>82</v>
      </c>
      <c r="M11130" t="s">
        <v>83</v>
      </c>
      <c r="N11130" t="s">
        <v>84</v>
      </c>
      <c r="O11130" t="s">
        <v>85</v>
      </c>
      <c r="P11130" t="s">
        <v>86</v>
      </c>
      <c r="Q11130">
        <v>42</v>
      </c>
      <c r="R11130">
        <v>43</v>
      </c>
      <c r="S11130">
        <v>43</v>
      </c>
      <c r="T11130">
        <v>43</v>
      </c>
      <c r="U11130">
        <v>43</v>
      </c>
      <c r="V11130">
        <v>43</v>
      </c>
      <c r="W11130">
        <v>44</v>
      </c>
      <c r="X11130">
        <v>44</v>
      </c>
      <c r="Y11130">
        <v>44</v>
      </c>
      <c r="Z11130">
        <v>44</v>
      </c>
      <c r="AA11130">
        <v>44</v>
      </c>
      <c r="AB11130">
        <v>44</v>
      </c>
      <c r="AC11130">
        <v>44</v>
      </c>
      <c r="AD11130">
        <v>44</v>
      </c>
      <c r="AE11130">
        <v>44</v>
      </c>
      <c r="AF11130">
        <v>44</v>
      </c>
      <c r="AG11130">
        <v>44</v>
      </c>
      <c r="AH11130">
        <v>44</v>
      </c>
      <c r="AI11130">
        <v>44</v>
      </c>
      <c r="AJ11130">
        <v>44</v>
      </c>
      <c r="AK11130">
        <v>44</v>
      </c>
      <c r="AL11130">
        <v>43</v>
      </c>
      <c r="AM11130">
        <v>43</v>
      </c>
      <c r="AN11130">
        <v>43</v>
      </c>
      <c r="AO11130">
        <v>42</v>
      </c>
      <c r="AP11130">
        <v>42</v>
      </c>
      <c r="AQ11130">
        <v>41</v>
      </c>
    </row>
    <row r="11131" spans="1:43">
      <c r="A11131" t="s">
        <v>6922</v>
      </c>
      <c r="B11131" t="s">
        <v>6923</v>
      </c>
      <c r="C11131" t="s">
        <v>6918</v>
      </c>
      <c r="D11131" t="s">
        <v>6919</v>
      </c>
      <c r="E11131" t="s">
        <v>6594</v>
      </c>
      <c r="F11131" t="s">
        <v>6595</v>
      </c>
      <c r="G11131" t="s">
        <v>80</v>
      </c>
      <c r="H11131" t="s">
        <v>81</v>
      </c>
      <c r="I11131" s="2">
        <v>0</v>
      </c>
      <c r="J11131" s="2">
        <v>1</v>
      </c>
      <c r="K11131" s="2">
        <v>0</v>
      </c>
      <c r="L11131" t="s">
        <v>82</v>
      </c>
      <c r="M11131" t="s">
        <v>87</v>
      </c>
      <c r="N11131" t="s">
        <v>88</v>
      </c>
      <c r="O11131" t="s">
        <v>85</v>
      </c>
      <c r="P11131" t="s">
        <v>86</v>
      </c>
      <c r="Q11131">
        <v>42</v>
      </c>
      <c r="R11131">
        <v>42</v>
      </c>
      <c r="S11131">
        <v>42</v>
      </c>
      <c r="T11131">
        <v>41</v>
      </c>
      <c r="U11131">
        <v>41</v>
      </c>
      <c r="V11131">
        <v>41</v>
      </c>
      <c r="W11131">
        <v>41</v>
      </c>
      <c r="X11131">
        <v>41</v>
      </c>
      <c r="Y11131">
        <v>40</v>
      </c>
      <c r="Z11131">
        <v>40</v>
      </c>
      <c r="AA11131">
        <v>40</v>
      </c>
      <c r="AB11131">
        <v>40</v>
      </c>
      <c r="AC11131">
        <v>40</v>
      </c>
      <c r="AD11131">
        <v>39</v>
      </c>
      <c r="AE11131">
        <v>39</v>
      </c>
      <c r="AF11131">
        <v>39</v>
      </c>
      <c r="AG11131">
        <v>39</v>
      </c>
      <c r="AH11131">
        <v>38</v>
      </c>
      <c r="AI11131">
        <v>38</v>
      </c>
      <c r="AJ11131">
        <v>38</v>
      </c>
      <c r="AK11131">
        <v>38</v>
      </c>
      <c r="AL11131">
        <v>37</v>
      </c>
      <c r="AM11131">
        <v>37</v>
      </c>
      <c r="AN11131">
        <v>37</v>
      </c>
      <c r="AO11131">
        <v>37</v>
      </c>
      <c r="AP11131">
        <v>36</v>
      </c>
      <c r="AQ11131">
        <v>36</v>
      </c>
    </row>
    <row r="11132" spans="1:43">
      <c r="A11132" t="s">
        <v>6922</v>
      </c>
      <c r="B11132" t="s">
        <v>6923</v>
      </c>
      <c r="C11132" t="s">
        <v>6918</v>
      </c>
      <c r="D11132" t="s">
        <v>6919</v>
      </c>
      <c r="E11132" t="s">
        <v>6594</v>
      </c>
      <c r="F11132" t="s">
        <v>6595</v>
      </c>
      <c r="G11132" t="s">
        <v>80</v>
      </c>
      <c r="H11132" t="s">
        <v>81</v>
      </c>
      <c r="I11132" s="2">
        <v>0</v>
      </c>
      <c r="J11132" s="2">
        <v>1</v>
      </c>
      <c r="K11132" s="2">
        <v>0</v>
      </c>
      <c r="L11132" t="s">
        <v>82</v>
      </c>
      <c r="M11132" t="s">
        <v>89</v>
      </c>
      <c r="N11132" t="s">
        <v>90</v>
      </c>
      <c r="O11132" t="s">
        <v>85</v>
      </c>
      <c r="P11132" t="s">
        <v>86</v>
      </c>
      <c r="Q11132">
        <v>42</v>
      </c>
      <c r="R11132">
        <v>42</v>
      </c>
      <c r="S11132">
        <v>43</v>
      </c>
      <c r="T11132">
        <v>43</v>
      </c>
      <c r="U11132">
        <v>44</v>
      </c>
      <c r="V11132">
        <v>44</v>
      </c>
      <c r="W11132">
        <v>45</v>
      </c>
      <c r="X11132">
        <v>45</v>
      </c>
      <c r="Y11132">
        <v>45</v>
      </c>
      <c r="Z11132">
        <v>46</v>
      </c>
      <c r="AA11132">
        <v>46</v>
      </c>
      <c r="AB11132">
        <v>46</v>
      </c>
      <c r="AC11132">
        <v>46</v>
      </c>
      <c r="AD11132">
        <v>46</v>
      </c>
      <c r="AE11132">
        <v>46</v>
      </c>
      <c r="AF11132">
        <v>46</v>
      </c>
      <c r="AG11132">
        <v>45</v>
      </c>
      <c r="AH11132">
        <v>45</v>
      </c>
      <c r="AI11132">
        <v>44</v>
      </c>
      <c r="AJ11132">
        <v>44</v>
      </c>
      <c r="AK11132">
        <v>43</v>
      </c>
      <c r="AL11132">
        <v>43</v>
      </c>
      <c r="AM11132">
        <v>42</v>
      </c>
      <c r="AN11132">
        <v>42</v>
      </c>
      <c r="AO11132">
        <v>41</v>
      </c>
      <c r="AP11132">
        <v>41</v>
      </c>
      <c r="AQ11132">
        <v>40</v>
      </c>
    </row>
    <row r="11133" spans="1:43">
      <c r="A11133" t="s">
        <v>6922</v>
      </c>
      <c r="B11133" t="s">
        <v>6923</v>
      </c>
      <c r="C11133" t="s">
        <v>6918</v>
      </c>
      <c r="D11133" t="s">
        <v>6919</v>
      </c>
      <c r="E11133" t="s">
        <v>6594</v>
      </c>
      <c r="F11133" t="s">
        <v>6595</v>
      </c>
      <c r="G11133" t="s">
        <v>80</v>
      </c>
      <c r="H11133" t="s">
        <v>81</v>
      </c>
      <c r="I11133" s="2">
        <v>0</v>
      </c>
      <c r="J11133" s="2">
        <v>1</v>
      </c>
      <c r="K11133" s="2">
        <v>0</v>
      </c>
      <c r="L11133" t="s">
        <v>82</v>
      </c>
      <c r="M11133" t="s">
        <v>83</v>
      </c>
      <c r="N11133" t="s">
        <v>91</v>
      </c>
      <c r="O11133" t="s">
        <v>85</v>
      </c>
      <c r="P11133" t="s">
        <v>86</v>
      </c>
      <c r="Q11133">
        <v>42</v>
      </c>
      <c r="R11133">
        <v>43</v>
      </c>
      <c r="S11133">
        <v>43</v>
      </c>
      <c r="T11133">
        <v>43</v>
      </c>
      <c r="U11133">
        <v>43</v>
      </c>
      <c r="V11133">
        <v>43</v>
      </c>
      <c r="W11133">
        <v>44</v>
      </c>
      <c r="X11133">
        <v>44</v>
      </c>
      <c r="Y11133">
        <v>44</v>
      </c>
      <c r="Z11133">
        <v>44</v>
      </c>
      <c r="AA11133">
        <v>44</v>
      </c>
      <c r="AB11133">
        <v>44</v>
      </c>
      <c r="AC11133">
        <v>44</v>
      </c>
      <c r="AD11133">
        <v>44</v>
      </c>
      <c r="AE11133">
        <v>44</v>
      </c>
      <c r="AF11133">
        <v>44</v>
      </c>
      <c r="AG11133">
        <v>44</v>
      </c>
      <c r="AH11133">
        <v>44</v>
      </c>
      <c r="AI11133">
        <v>44</v>
      </c>
      <c r="AJ11133">
        <v>44</v>
      </c>
      <c r="AK11133">
        <v>44</v>
      </c>
      <c r="AL11133">
        <v>43</v>
      </c>
      <c r="AM11133">
        <v>43</v>
      </c>
      <c r="AN11133">
        <v>43</v>
      </c>
      <c r="AO11133">
        <v>42</v>
      </c>
      <c r="AP11133">
        <v>42</v>
      </c>
      <c r="AQ11133">
        <v>41</v>
      </c>
    </row>
    <row r="11134" spans="1:43">
      <c r="A11134" t="s">
        <v>6924</v>
      </c>
      <c r="B11134" t="s">
        <v>6925</v>
      </c>
      <c r="C11134" t="s">
        <v>6918</v>
      </c>
      <c r="D11134" t="s">
        <v>6919</v>
      </c>
      <c r="E11134" t="s">
        <v>6594</v>
      </c>
      <c r="F11134" t="s">
        <v>6595</v>
      </c>
      <c r="G11134" t="s">
        <v>80</v>
      </c>
      <c r="H11134" t="s">
        <v>81</v>
      </c>
      <c r="I11134" s="2">
        <v>0</v>
      </c>
      <c r="J11134" s="2">
        <v>1</v>
      </c>
      <c r="K11134" s="2">
        <v>0</v>
      </c>
      <c r="L11134" t="s">
        <v>82</v>
      </c>
      <c r="M11134" t="s">
        <v>83</v>
      </c>
      <c r="N11134" t="s">
        <v>84</v>
      </c>
      <c r="O11134" t="s">
        <v>85</v>
      </c>
      <c r="P11134" t="s">
        <v>86</v>
      </c>
      <c r="Q11134">
        <v>35</v>
      </c>
      <c r="R11134">
        <v>35</v>
      </c>
      <c r="S11134">
        <v>35</v>
      </c>
      <c r="T11134">
        <v>35</v>
      </c>
      <c r="U11134">
        <v>36</v>
      </c>
      <c r="V11134">
        <v>36</v>
      </c>
      <c r="W11134">
        <v>36</v>
      </c>
      <c r="X11134">
        <v>36</v>
      </c>
      <c r="Y11134">
        <v>36</v>
      </c>
      <c r="Z11134">
        <v>36</v>
      </c>
      <c r="AA11134">
        <v>36</v>
      </c>
      <c r="AB11134">
        <v>36</v>
      </c>
      <c r="AC11134">
        <v>36</v>
      </c>
      <c r="AD11134">
        <v>36</v>
      </c>
      <c r="AE11134">
        <v>36</v>
      </c>
      <c r="AF11134">
        <v>36</v>
      </c>
      <c r="AG11134">
        <v>36</v>
      </c>
      <c r="AH11134">
        <v>36</v>
      </c>
      <c r="AI11134">
        <v>36</v>
      </c>
      <c r="AJ11134">
        <v>36</v>
      </c>
      <c r="AK11134">
        <v>36</v>
      </c>
      <c r="AL11134">
        <v>36</v>
      </c>
      <c r="AM11134">
        <v>35</v>
      </c>
      <c r="AN11134">
        <v>35</v>
      </c>
      <c r="AO11134">
        <v>35</v>
      </c>
      <c r="AP11134">
        <v>34</v>
      </c>
      <c r="AQ11134">
        <v>34</v>
      </c>
    </row>
    <row r="11135" spans="1:43">
      <c r="A11135" t="s">
        <v>6924</v>
      </c>
      <c r="B11135" t="s">
        <v>6925</v>
      </c>
      <c r="C11135" t="s">
        <v>6918</v>
      </c>
      <c r="D11135" t="s">
        <v>6919</v>
      </c>
      <c r="E11135" t="s">
        <v>6594</v>
      </c>
      <c r="F11135" t="s">
        <v>6595</v>
      </c>
      <c r="G11135" t="s">
        <v>80</v>
      </c>
      <c r="H11135" t="s">
        <v>81</v>
      </c>
      <c r="I11135" s="2">
        <v>0</v>
      </c>
      <c r="J11135" s="2">
        <v>1</v>
      </c>
      <c r="K11135" s="2">
        <v>0</v>
      </c>
      <c r="L11135" t="s">
        <v>82</v>
      </c>
      <c r="M11135" t="s">
        <v>87</v>
      </c>
      <c r="N11135" t="s">
        <v>88</v>
      </c>
      <c r="O11135" t="s">
        <v>85</v>
      </c>
      <c r="P11135" t="s">
        <v>86</v>
      </c>
      <c r="Q11135">
        <v>35</v>
      </c>
      <c r="R11135">
        <v>35</v>
      </c>
      <c r="S11135">
        <v>35</v>
      </c>
      <c r="T11135">
        <v>35</v>
      </c>
      <c r="U11135">
        <v>35</v>
      </c>
      <c r="V11135">
        <v>35</v>
      </c>
      <c r="W11135">
        <v>35</v>
      </c>
      <c r="X11135">
        <v>35</v>
      </c>
      <c r="Y11135">
        <v>34</v>
      </c>
      <c r="Z11135">
        <v>34</v>
      </c>
      <c r="AA11135">
        <v>34</v>
      </c>
      <c r="AB11135">
        <v>34</v>
      </c>
      <c r="AC11135">
        <v>34</v>
      </c>
      <c r="AD11135">
        <v>33</v>
      </c>
      <c r="AE11135">
        <v>33</v>
      </c>
      <c r="AF11135">
        <v>33</v>
      </c>
      <c r="AG11135">
        <v>33</v>
      </c>
      <c r="AH11135">
        <v>33</v>
      </c>
      <c r="AI11135">
        <v>32</v>
      </c>
      <c r="AJ11135">
        <v>32</v>
      </c>
      <c r="AK11135">
        <v>32</v>
      </c>
      <c r="AL11135">
        <v>32</v>
      </c>
      <c r="AM11135">
        <v>32</v>
      </c>
      <c r="AN11135">
        <v>31</v>
      </c>
      <c r="AO11135">
        <v>31</v>
      </c>
      <c r="AP11135">
        <v>31</v>
      </c>
      <c r="AQ11135">
        <v>31</v>
      </c>
    </row>
    <row r="11136" spans="1:43">
      <c r="A11136" t="s">
        <v>6924</v>
      </c>
      <c r="B11136" t="s">
        <v>6925</v>
      </c>
      <c r="C11136" t="s">
        <v>6918</v>
      </c>
      <c r="D11136" t="s">
        <v>6919</v>
      </c>
      <c r="E11136" t="s">
        <v>6594</v>
      </c>
      <c r="F11136" t="s">
        <v>6595</v>
      </c>
      <c r="G11136" t="s">
        <v>80</v>
      </c>
      <c r="H11136" t="s">
        <v>81</v>
      </c>
      <c r="I11136" s="2">
        <v>0</v>
      </c>
      <c r="J11136" s="2">
        <v>1</v>
      </c>
      <c r="K11136" s="2">
        <v>0</v>
      </c>
      <c r="L11136" t="s">
        <v>82</v>
      </c>
      <c r="M11136" t="s">
        <v>89</v>
      </c>
      <c r="N11136" t="s">
        <v>90</v>
      </c>
      <c r="O11136" t="s">
        <v>85</v>
      </c>
      <c r="P11136" t="s">
        <v>86</v>
      </c>
      <c r="Q11136">
        <v>35</v>
      </c>
      <c r="R11136">
        <v>36</v>
      </c>
      <c r="S11136">
        <v>36</v>
      </c>
      <c r="T11136">
        <v>37</v>
      </c>
      <c r="U11136">
        <v>37</v>
      </c>
      <c r="V11136">
        <v>37</v>
      </c>
      <c r="W11136">
        <v>38</v>
      </c>
      <c r="X11136">
        <v>38</v>
      </c>
      <c r="Y11136">
        <v>38</v>
      </c>
      <c r="Z11136">
        <v>38</v>
      </c>
      <c r="AA11136">
        <v>38</v>
      </c>
      <c r="AB11136">
        <v>39</v>
      </c>
      <c r="AC11136">
        <v>39</v>
      </c>
      <c r="AD11136">
        <v>39</v>
      </c>
      <c r="AE11136">
        <v>39</v>
      </c>
      <c r="AF11136">
        <v>38</v>
      </c>
      <c r="AG11136">
        <v>38</v>
      </c>
      <c r="AH11136">
        <v>37</v>
      </c>
      <c r="AI11136">
        <v>37</v>
      </c>
      <c r="AJ11136">
        <v>37</v>
      </c>
      <c r="AK11136">
        <v>36</v>
      </c>
      <c r="AL11136">
        <v>36</v>
      </c>
      <c r="AM11136">
        <v>36</v>
      </c>
      <c r="AN11136">
        <v>35</v>
      </c>
      <c r="AO11136">
        <v>35</v>
      </c>
      <c r="AP11136">
        <v>34</v>
      </c>
      <c r="AQ11136">
        <v>34</v>
      </c>
    </row>
    <row r="11137" spans="1:43">
      <c r="A11137" t="s">
        <v>6924</v>
      </c>
      <c r="B11137" t="s">
        <v>6925</v>
      </c>
      <c r="C11137" t="s">
        <v>6918</v>
      </c>
      <c r="D11137" t="s">
        <v>6919</v>
      </c>
      <c r="E11137" t="s">
        <v>6594</v>
      </c>
      <c r="F11137" t="s">
        <v>6595</v>
      </c>
      <c r="G11137" t="s">
        <v>80</v>
      </c>
      <c r="H11137" t="s">
        <v>81</v>
      </c>
      <c r="I11137" s="2">
        <v>0</v>
      </c>
      <c r="J11137" s="2">
        <v>1</v>
      </c>
      <c r="K11137" s="2">
        <v>0</v>
      </c>
      <c r="L11137" t="s">
        <v>82</v>
      </c>
      <c r="M11137" t="s">
        <v>83</v>
      </c>
      <c r="N11137" t="s">
        <v>91</v>
      </c>
      <c r="O11137" t="s">
        <v>85</v>
      </c>
      <c r="P11137" t="s">
        <v>86</v>
      </c>
      <c r="Q11137">
        <v>35</v>
      </c>
      <c r="R11137">
        <v>35</v>
      </c>
      <c r="S11137">
        <v>35</v>
      </c>
      <c r="T11137">
        <v>35</v>
      </c>
      <c r="U11137">
        <v>36</v>
      </c>
      <c r="V11137">
        <v>36</v>
      </c>
      <c r="W11137">
        <v>36</v>
      </c>
      <c r="X11137">
        <v>36</v>
      </c>
      <c r="Y11137">
        <v>36</v>
      </c>
      <c r="Z11137">
        <v>36</v>
      </c>
      <c r="AA11137">
        <v>36</v>
      </c>
      <c r="AB11137">
        <v>36</v>
      </c>
      <c r="AC11137">
        <v>36</v>
      </c>
      <c r="AD11137">
        <v>36</v>
      </c>
      <c r="AE11137">
        <v>36</v>
      </c>
      <c r="AF11137">
        <v>36</v>
      </c>
      <c r="AG11137">
        <v>36</v>
      </c>
      <c r="AH11137">
        <v>36</v>
      </c>
      <c r="AI11137">
        <v>36</v>
      </c>
      <c r="AJ11137">
        <v>36</v>
      </c>
      <c r="AK11137">
        <v>36</v>
      </c>
      <c r="AL11137">
        <v>36</v>
      </c>
      <c r="AM11137">
        <v>35</v>
      </c>
      <c r="AN11137">
        <v>35</v>
      </c>
      <c r="AO11137">
        <v>35</v>
      </c>
      <c r="AP11137">
        <v>34</v>
      </c>
      <c r="AQ11137">
        <v>34</v>
      </c>
    </row>
    <row r="11138" spans="1:43">
      <c r="A11138" t="s">
        <v>6926</v>
      </c>
      <c r="B11138" t="s">
        <v>6927</v>
      </c>
      <c r="C11138" t="s">
        <v>6910</v>
      </c>
      <c r="D11138" t="s">
        <v>6911</v>
      </c>
      <c r="E11138" t="s">
        <v>6594</v>
      </c>
      <c r="F11138" t="s">
        <v>6595</v>
      </c>
      <c r="G11138" t="s">
        <v>80</v>
      </c>
      <c r="H11138" t="s">
        <v>81</v>
      </c>
      <c r="I11138" s="2">
        <v>0</v>
      </c>
      <c r="J11138" s="2">
        <v>1</v>
      </c>
      <c r="K11138" s="2">
        <v>0</v>
      </c>
      <c r="L11138" t="s">
        <v>82</v>
      </c>
      <c r="M11138" t="s">
        <v>83</v>
      </c>
      <c r="N11138" t="s">
        <v>84</v>
      </c>
      <c r="O11138" t="s">
        <v>85</v>
      </c>
      <c r="P11138" t="s">
        <v>86</v>
      </c>
      <c r="Q11138">
        <v>8</v>
      </c>
      <c r="R11138">
        <v>8</v>
      </c>
      <c r="S11138">
        <v>8</v>
      </c>
      <c r="T11138">
        <v>8</v>
      </c>
      <c r="U11138">
        <v>8</v>
      </c>
      <c r="V11138">
        <v>8</v>
      </c>
      <c r="W11138">
        <v>8</v>
      </c>
      <c r="X11138">
        <v>8</v>
      </c>
      <c r="Y11138">
        <v>8</v>
      </c>
      <c r="Z11138">
        <v>8</v>
      </c>
      <c r="AA11138">
        <v>8</v>
      </c>
      <c r="AB11138">
        <v>8</v>
      </c>
      <c r="AC11138">
        <v>8</v>
      </c>
      <c r="AD11138">
        <v>8</v>
      </c>
      <c r="AE11138">
        <v>8</v>
      </c>
      <c r="AF11138">
        <v>8</v>
      </c>
      <c r="AG11138">
        <v>8</v>
      </c>
      <c r="AH11138">
        <v>8</v>
      </c>
      <c r="AI11138">
        <v>8</v>
      </c>
      <c r="AJ11138">
        <v>8</v>
      </c>
      <c r="AK11138">
        <v>8</v>
      </c>
      <c r="AL11138">
        <v>8</v>
      </c>
      <c r="AM11138">
        <v>8</v>
      </c>
      <c r="AN11138">
        <v>8</v>
      </c>
      <c r="AO11138">
        <v>8</v>
      </c>
      <c r="AP11138">
        <v>8</v>
      </c>
      <c r="AQ11138">
        <v>8</v>
      </c>
    </row>
    <row r="11139" spans="1:43">
      <c r="A11139" t="s">
        <v>6926</v>
      </c>
      <c r="B11139" t="s">
        <v>6927</v>
      </c>
      <c r="C11139" t="s">
        <v>6910</v>
      </c>
      <c r="D11139" t="s">
        <v>6911</v>
      </c>
      <c r="E11139" t="s">
        <v>6594</v>
      </c>
      <c r="F11139" t="s">
        <v>6595</v>
      </c>
      <c r="G11139" t="s">
        <v>80</v>
      </c>
      <c r="H11139" t="s">
        <v>81</v>
      </c>
      <c r="I11139" s="2">
        <v>0</v>
      </c>
      <c r="J11139" s="2">
        <v>1</v>
      </c>
      <c r="K11139" s="2">
        <v>0</v>
      </c>
      <c r="L11139" t="s">
        <v>82</v>
      </c>
      <c r="M11139" t="s">
        <v>87</v>
      </c>
      <c r="N11139" t="s">
        <v>88</v>
      </c>
      <c r="O11139" t="s">
        <v>85</v>
      </c>
      <c r="P11139" t="s">
        <v>86</v>
      </c>
      <c r="Q11139">
        <v>8</v>
      </c>
      <c r="R11139">
        <v>8</v>
      </c>
      <c r="S11139">
        <v>8</v>
      </c>
      <c r="T11139">
        <v>8</v>
      </c>
      <c r="U11139">
        <v>8</v>
      </c>
      <c r="V11139">
        <v>8</v>
      </c>
      <c r="W11139">
        <v>8</v>
      </c>
      <c r="X11139">
        <v>7</v>
      </c>
      <c r="Y11139">
        <v>7</v>
      </c>
      <c r="Z11139">
        <v>7</v>
      </c>
      <c r="AA11139">
        <v>7</v>
      </c>
      <c r="AB11139">
        <v>7</v>
      </c>
      <c r="AC11139">
        <v>7</v>
      </c>
      <c r="AD11139">
        <v>7</v>
      </c>
      <c r="AE11139">
        <v>7</v>
      </c>
      <c r="AF11139">
        <v>7</v>
      </c>
      <c r="AG11139">
        <v>7</v>
      </c>
      <c r="AH11139">
        <v>7</v>
      </c>
      <c r="AI11139">
        <v>7</v>
      </c>
      <c r="AJ11139">
        <v>7</v>
      </c>
      <c r="AK11139">
        <v>7</v>
      </c>
      <c r="AL11139">
        <v>7</v>
      </c>
      <c r="AM11139">
        <v>7</v>
      </c>
      <c r="AN11139">
        <v>7</v>
      </c>
      <c r="AO11139">
        <v>7</v>
      </c>
      <c r="AP11139">
        <v>7</v>
      </c>
      <c r="AQ11139">
        <v>7</v>
      </c>
    </row>
    <row r="11140" spans="1:43">
      <c r="A11140" t="s">
        <v>6926</v>
      </c>
      <c r="B11140" t="s">
        <v>6927</v>
      </c>
      <c r="C11140" t="s">
        <v>6910</v>
      </c>
      <c r="D11140" t="s">
        <v>6911</v>
      </c>
      <c r="E11140" t="s">
        <v>6594</v>
      </c>
      <c r="F11140" t="s">
        <v>6595</v>
      </c>
      <c r="G11140" t="s">
        <v>80</v>
      </c>
      <c r="H11140" t="s">
        <v>81</v>
      </c>
      <c r="I11140" s="2">
        <v>0</v>
      </c>
      <c r="J11140" s="2">
        <v>1</v>
      </c>
      <c r="K11140" s="2">
        <v>0</v>
      </c>
      <c r="L11140" t="s">
        <v>82</v>
      </c>
      <c r="M11140" t="s">
        <v>89</v>
      </c>
      <c r="N11140" t="s">
        <v>90</v>
      </c>
      <c r="O11140" t="s">
        <v>85</v>
      </c>
      <c r="P11140" t="s">
        <v>86</v>
      </c>
      <c r="Q11140">
        <v>8</v>
      </c>
      <c r="R11140">
        <v>8</v>
      </c>
      <c r="S11140">
        <v>8</v>
      </c>
      <c r="T11140">
        <v>8</v>
      </c>
      <c r="U11140">
        <v>8</v>
      </c>
      <c r="V11140">
        <v>8</v>
      </c>
      <c r="W11140">
        <v>8</v>
      </c>
      <c r="X11140">
        <v>8</v>
      </c>
      <c r="Y11140">
        <v>9</v>
      </c>
      <c r="Z11140">
        <v>9</v>
      </c>
      <c r="AA11140">
        <v>9</v>
      </c>
      <c r="AB11140">
        <v>9</v>
      </c>
      <c r="AC11140">
        <v>9</v>
      </c>
      <c r="AD11140">
        <v>9</v>
      </c>
      <c r="AE11140">
        <v>9</v>
      </c>
      <c r="AF11140">
        <v>9</v>
      </c>
      <c r="AG11140">
        <v>9</v>
      </c>
      <c r="AH11140">
        <v>9</v>
      </c>
      <c r="AI11140">
        <v>8</v>
      </c>
      <c r="AJ11140">
        <v>8</v>
      </c>
      <c r="AK11140">
        <v>8</v>
      </c>
      <c r="AL11140">
        <v>8</v>
      </c>
      <c r="AM11140">
        <v>8</v>
      </c>
      <c r="AN11140">
        <v>8</v>
      </c>
      <c r="AO11140">
        <v>8</v>
      </c>
      <c r="AP11140">
        <v>8</v>
      </c>
      <c r="AQ11140">
        <v>8</v>
      </c>
    </row>
    <row r="11141" spans="1:43">
      <c r="A11141" t="s">
        <v>6926</v>
      </c>
      <c r="B11141" t="s">
        <v>6927</v>
      </c>
      <c r="C11141" t="s">
        <v>6910</v>
      </c>
      <c r="D11141" t="s">
        <v>6911</v>
      </c>
      <c r="E11141" t="s">
        <v>6594</v>
      </c>
      <c r="F11141" t="s">
        <v>6595</v>
      </c>
      <c r="G11141" t="s">
        <v>80</v>
      </c>
      <c r="H11141" t="s">
        <v>81</v>
      </c>
      <c r="I11141" s="2">
        <v>0</v>
      </c>
      <c r="J11141" s="2">
        <v>1</v>
      </c>
      <c r="K11141" s="2">
        <v>0</v>
      </c>
      <c r="L11141" t="s">
        <v>82</v>
      </c>
      <c r="M11141" t="s">
        <v>83</v>
      </c>
      <c r="N11141" t="s">
        <v>91</v>
      </c>
      <c r="O11141" t="s">
        <v>85</v>
      </c>
      <c r="P11141" t="s">
        <v>86</v>
      </c>
      <c r="Q11141">
        <v>8</v>
      </c>
      <c r="R11141">
        <v>8</v>
      </c>
      <c r="S11141">
        <v>8</v>
      </c>
      <c r="T11141">
        <v>8</v>
      </c>
      <c r="U11141">
        <v>8</v>
      </c>
      <c r="V11141">
        <v>8</v>
      </c>
      <c r="W11141">
        <v>8</v>
      </c>
      <c r="X11141">
        <v>8</v>
      </c>
      <c r="Y11141">
        <v>8</v>
      </c>
      <c r="Z11141">
        <v>8</v>
      </c>
      <c r="AA11141">
        <v>8</v>
      </c>
      <c r="AB11141">
        <v>8</v>
      </c>
      <c r="AC11141">
        <v>8</v>
      </c>
      <c r="AD11141">
        <v>8</v>
      </c>
      <c r="AE11141">
        <v>8</v>
      </c>
      <c r="AF11141">
        <v>8</v>
      </c>
      <c r="AG11141">
        <v>8</v>
      </c>
      <c r="AH11141">
        <v>8</v>
      </c>
      <c r="AI11141">
        <v>8</v>
      </c>
      <c r="AJ11141">
        <v>8</v>
      </c>
      <c r="AK11141">
        <v>8</v>
      </c>
      <c r="AL11141">
        <v>8</v>
      </c>
      <c r="AM11141">
        <v>8</v>
      </c>
      <c r="AN11141">
        <v>8</v>
      </c>
      <c r="AO11141">
        <v>8</v>
      </c>
      <c r="AP11141">
        <v>8</v>
      </c>
      <c r="AQ11141">
        <v>8</v>
      </c>
    </row>
    <row r="11142" spans="1:43">
      <c r="A11142" t="s">
        <v>6928</v>
      </c>
      <c r="B11142" t="s">
        <v>6929</v>
      </c>
      <c r="C11142" t="s">
        <v>6918</v>
      </c>
      <c r="D11142" t="s">
        <v>6919</v>
      </c>
      <c r="E11142" t="s">
        <v>6594</v>
      </c>
      <c r="F11142" t="s">
        <v>6595</v>
      </c>
      <c r="G11142" t="s">
        <v>80</v>
      </c>
      <c r="H11142" t="s">
        <v>81</v>
      </c>
      <c r="I11142" s="2">
        <v>0</v>
      </c>
      <c r="J11142" s="2">
        <v>1</v>
      </c>
      <c r="K11142" s="2">
        <v>0</v>
      </c>
      <c r="L11142" t="s">
        <v>82</v>
      </c>
      <c r="M11142" t="s">
        <v>83</v>
      </c>
      <c r="N11142" t="s">
        <v>84</v>
      </c>
      <c r="O11142" t="s">
        <v>85</v>
      </c>
      <c r="P11142" t="s">
        <v>86</v>
      </c>
      <c r="Q11142">
        <v>68</v>
      </c>
      <c r="R11142">
        <v>68</v>
      </c>
      <c r="S11142">
        <v>68</v>
      </c>
      <c r="T11142">
        <v>69</v>
      </c>
      <c r="U11142">
        <v>69</v>
      </c>
      <c r="V11142">
        <v>70</v>
      </c>
      <c r="W11142">
        <v>70</v>
      </c>
      <c r="X11142">
        <v>70</v>
      </c>
      <c r="Y11142">
        <v>70</v>
      </c>
      <c r="Z11142">
        <v>70</v>
      </c>
      <c r="AA11142">
        <v>71</v>
      </c>
      <c r="AB11142">
        <v>71</v>
      </c>
      <c r="AC11142">
        <v>71</v>
      </c>
      <c r="AD11142">
        <v>71</v>
      </c>
      <c r="AE11142">
        <v>71</v>
      </c>
      <c r="AF11142">
        <v>71</v>
      </c>
      <c r="AG11142">
        <v>71</v>
      </c>
      <c r="AH11142">
        <v>71</v>
      </c>
      <c r="AI11142">
        <v>71</v>
      </c>
      <c r="AJ11142">
        <v>71</v>
      </c>
      <c r="AK11142">
        <v>71</v>
      </c>
      <c r="AL11142">
        <v>70</v>
      </c>
      <c r="AM11142">
        <v>70</v>
      </c>
      <c r="AN11142">
        <v>69</v>
      </c>
      <c r="AO11142">
        <v>69</v>
      </c>
      <c r="AP11142">
        <v>68</v>
      </c>
      <c r="AQ11142">
        <v>67</v>
      </c>
    </row>
    <row r="11143" spans="1:43">
      <c r="A11143" t="s">
        <v>6928</v>
      </c>
      <c r="B11143" t="s">
        <v>6929</v>
      </c>
      <c r="C11143" t="s">
        <v>6918</v>
      </c>
      <c r="D11143" t="s">
        <v>6919</v>
      </c>
      <c r="E11143" t="s">
        <v>6594</v>
      </c>
      <c r="F11143" t="s">
        <v>6595</v>
      </c>
      <c r="G11143" t="s">
        <v>80</v>
      </c>
      <c r="H11143" t="s">
        <v>81</v>
      </c>
      <c r="I11143" s="2">
        <v>0</v>
      </c>
      <c r="J11143" s="2">
        <v>1</v>
      </c>
      <c r="K11143" s="2">
        <v>0</v>
      </c>
      <c r="L11143" t="s">
        <v>82</v>
      </c>
      <c r="M11143" t="s">
        <v>87</v>
      </c>
      <c r="N11143" t="s">
        <v>88</v>
      </c>
      <c r="O11143" t="s">
        <v>85</v>
      </c>
      <c r="P11143" t="s">
        <v>86</v>
      </c>
      <c r="Q11143">
        <v>68</v>
      </c>
      <c r="R11143">
        <v>68</v>
      </c>
      <c r="S11143">
        <v>68</v>
      </c>
      <c r="T11143">
        <v>67</v>
      </c>
      <c r="U11143">
        <v>67</v>
      </c>
      <c r="V11143">
        <v>67</v>
      </c>
      <c r="W11143">
        <v>67</v>
      </c>
      <c r="X11143">
        <v>66</v>
      </c>
      <c r="Y11143">
        <v>66</v>
      </c>
      <c r="Z11143">
        <v>66</v>
      </c>
      <c r="AA11143">
        <v>65</v>
      </c>
      <c r="AB11143">
        <v>65</v>
      </c>
      <c r="AC11143">
        <v>65</v>
      </c>
      <c r="AD11143">
        <v>64</v>
      </c>
      <c r="AE11143">
        <v>64</v>
      </c>
      <c r="AF11143">
        <v>64</v>
      </c>
      <c r="AG11143">
        <v>63</v>
      </c>
      <c r="AH11143">
        <v>63</v>
      </c>
      <c r="AI11143">
        <v>62</v>
      </c>
      <c r="AJ11143">
        <v>62</v>
      </c>
      <c r="AK11143">
        <v>62</v>
      </c>
      <c r="AL11143">
        <v>61</v>
      </c>
      <c r="AM11143">
        <v>61</v>
      </c>
      <c r="AN11143">
        <v>61</v>
      </c>
      <c r="AO11143">
        <v>60</v>
      </c>
      <c r="AP11143">
        <v>60</v>
      </c>
      <c r="AQ11143">
        <v>59</v>
      </c>
    </row>
    <row r="11144" spans="1:43">
      <c r="A11144" t="s">
        <v>6928</v>
      </c>
      <c r="B11144" t="s">
        <v>6929</v>
      </c>
      <c r="C11144" t="s">
        <v>6918</v>
      </c>
      <c r="D11144" t="s">
        <v>6919</v>
      </c>
      <c r="E11144" t="s">
        <v>6594</v>
      </c>
      <c r="F11144" t="s">
        <v>6595</v>
      </c>
      <c r="G11144" t="s">
        <v>80</v>
      </c>
      <c r="H11144" t="s">
        <v>81</v>
      </c>
      <c r="I11144" s="2">
        <v>0</v>
      </c>
      <c r="J11144" s="2">
        <v>1</v>
      </c>
      <c r="K11144" s="2">
        <v>0</v>
      </c>
      <c r="L11144" t="s">
        <v>82</v>
      </c>
      <c r="M11144" t="s">
        <v>89</v>
      </c>
      <c r="N11144" t="s">
        <v>90</v>
      </c>
      <c r="O11144" t="s">
        <v>85</v>
      </c>
      <c r="P11144" t="s">
        <v>86</v>
      </c>
      <c r="Q11144">
        <v>68</v>
      </c>
      <c r="R11144">
        <v>69</v>
      </c>
      <c r="S11144">
        <v>70</v>
      </c>
      <c r="T11144">
        <v>71</v>
      </c>
      <c r="U11144">
        <v>72</v>
      </c>
      <c r="V11144">
        <v>73</v>
      </c>
      <c r="W11144">
        <v>73</v>
      </c>
      <c r="X11144">
        <v>74</v>
      </c>
      <c r="Y11144">
        <v>74</v>
      </c>
      <c r="Z11144">
        <v>75</v>
      </c>
      <c r="AA11144">
        <v>75</v>
      </c>
      <c r="AB11144">
        <v>76</v>
      </c>
      <c r="AC11144">
        <v>76</v>
      </c>
      <c r="AD11144">
        <v>76</v>
      </c>
      <c r="AE11144">
        <v>76</v>
      </c>
      <c r="AF11144">
        <v>75</v>
      </c>
      <c r="AG11144">
        <v>75</v>
      </c>
      <c r="AH11144">
        <v>74</v>
      </c>
      <c r="AI11144">
        <v>73</v>
      </c>
      <c r="AJ11144">
        <v>73</v>
      </c>
      <c r="AK11144">
        <v>72</v>
      </c>
      <c r="AL11144">
        <v>71</v>
      </c>
      <c r="AM11144">
        <v>71</v>
      </c>
      <c r="AN11144">
        <v>70</v>
      </c>
      <c r="AO11144">
        <v>69</v>
      </c>
      <c r="AP11144">
        <v>69</v>
      </c>
      <c r="AQ11144">
        <v>68</v>
      </c>
    </row>
    <row r="11145" spans="1:43">
      <c r="A11145" t="s">
        <v>6928</v>
      </c>
      <c r="B11145" t="s">
        <v>6929</v>
      </c>
      <c r="C11145" t="s">
        <v>6918</v>
      </c>
      <c r="D11145" t="s">
        <v>6919</v>
      </c>
      <c r="E11145" t="s">
        <v>6594</v>
      </c>
      <c r="F11145" t="s">
        <v>6595</v>
      </c>
      <c r="G11145" t="s">
        <v>80</v>
      </c>
      <c r="H11145" t="s">
        <v>81</v>
      </c>
      <c r="I11145" s="2">
        <v>0</v>
      </c>
      <c r="J11145" s="2">
        <v>1</v>
      </c>
      <c r="K11145" s="2">
        <v>0</v>
      </c>
      <c r="L11145" t="s">
        <v>82</v>
      </c>
      <c r="M11145" t="s">
        <v>83</v>
      </c>
      <c r="N11145" t="s">
        <v>91</v>
      </c>
      <c r="O11145" t="s">
        <v>85</v>
      </c>
      <c r="P11145" t="s">
        <v>86</v>
      </c>
      <c r="Q11145">
        <v>68</v>
      </c>
      <c r="R11145">
        <v>68</v>
      </c>
      <c r="S11145">
        <v>68</v>
      </c>
      <c r="T11145">
        <v>69</v>
      </c>
      <c r="U11145">
        <v>69</v>
      </c>
      <c r="V11145">
        <v>70</v>
      </c>
      <c r="W11145">
        <v>70</v>
      </c>
      <c r="X11145">
        <v>70</v>
      </c>
      <c r="Y11145">
        <v>70</v>
      </c>
      <c r="Z11145">
        <v>70</v>
      </c>
      <c r="AA11145">
        <v>71</v>
      </c>
      <c r="AB11145">
        <v>71</v>
      </c>
      <c r="AC11145">
        <v>71</v>
      </c>
      <c r="AD11145">
        <v>71</v>
      </c>
      <c r="AE11145">
        <v>71</v>
      </c>
      <c r="AF11145">
        <v>71</v>
      </c>
      <c r="AG11145">
        <v>71</v>
      </c>
      <c r="AH11145">
        <v>71</v>
      </c>
      <c r="AI11145">
        <v>71</v>
      </c>
      <c r="AJ11145">
        <v>71</v>
      </c>
      <c r="AK11145">
        <v>71</v>
      </c>
      <c r="AL11145">
        <v>70</v>
      </c>
      <c r="AM11145">
        <v>70</v>
      </c>
      <c r="AN11145">
        <v>69</v>
      </c>
      <c r="AO11145">
        <v>69</v>
      </c>
      <c r="AP11145">
        <v>68</v>
      </c>
      <c r="AQ11145">
        <v>67</v>
      </c>
    </row>
    <row r="11146" spans="1:43">
      <c r="A11146" t="s">
        <v>6930</v>
      </c>
      <c r="B11146" t="s">
        <v>6931</v>
      </c>
      <c r="C11146" t="s">
        <v>6910</v>
      </c>
      <c r="D11146" t="s">
        <v>6911</v>
      </c>
      <c r="E11146" t="s">
        <v>6594</v>
      </c>
      <c r="F11146" t="s">
        <v>6595</v>
      </c>
      <c r="G11146" t="s">
        <v>80</v>
      </c>
      <c r="H11146" t="s">
        <v>81</v>
      </c>
      <c r="I11146" s="2">
        <v>0</v>
      </c>
      <c r="J11146" s="2">
        <v>1</v>
      </c>
      <c r="K11146" s="2">
        <v>0</v>
      </c>
      <c r="L11146" t="s">
        <v>82</v>
      </c>
      <c r="M11146" t="s">
        <v>83</v>
      </c>
      <c r="N11146" t="s">
        <v>84</v>
      </c>
      <c r="O11146" t="s">
        <v>85</v>
      </c>
      <c r="P11146" t="s">
        <v>86</v>
      </c>
      <c r="Q11146">
        <v>13</v>
      </c>
      <c r="R11146">
        <v>13</v>
      </c>
      <c r="S11146">
        <v>13</v>
      </c>
      <c r="T11146">
        <v>13</v>
      </c>
      <c r="U11146">
        <v>14</v>
      </c>
      <c r="V11146">
        <v>14</v>
      </c>
      <c r="W11146">
        <v>14</v>
      </c>
      <c r="X11146">
        <v>14</v>
      </c>
      <c r="Y11146">
        <v>14</v>
      </c>
      <c r="Z11146">
        <v>14</v>
      </c>
      <c r="AA11146">
        <v>14</v>
      </c>
      <c r="AB11146">
        <v>14</v>
      </c>
      <c r="AC11146">
        <v>14</v>
      </c>
      <c r="AD11146">
        <v>14</v>
      </c>
      <c r="AE11146">
        <v>14</v>
      </c>
      <c r="AF11146">
        <v>14</v>
      </c>
      <c r="AG11146">
        <v>14</v>
      </c>
      <c r="AH11146">
        <v>14</v>
      </c>
      <c r="AI11146">
        <v>14</v>
      </c>
      <c r="AJ11146">
        <v>14</v>
      </c>
      <c r="AK11146">
        <v>14</v>
      </c>
      <c r="AL11146">
        <v>14</v>
      </c>
      <c r="AM11146">
        <v>14</v>
      </c>
      <c r="AN11146">
        <v>13</v>
      </c>
      <c r="AO11146">
        <v>13</v>
      </c>
      <c r="AP11146">
        <v>13</v>
      </c>
      <c r="AQ11146">
        <v>13</v>
      </c>
    </row>
    <row r="11147" spans="1:43">
      <c r="A11147" t="s">
        <v>6930</v>
      </c>
      <c r="B11147" t="s">
        <v>6931</v>
      </c>
      <c r="C11147" t="s">
        <v>6910</v>
      </c>
      <c r="D11147" t="s">
        <v>6911</v>
      </c>
      <c r="E11147" t="s">
        <v>6594</v>
      </c>
      <c r="F11147" t="s">
        <v>6595</v>
      </c>
      <c r="G11147" t="s">
        <v>80</v>
      </c>
      <c r="H11147" t="s">
        <v>81</v>
      </c>
      <c r="I11147" s="2">
        <v>0</v>
      </c>
      <c r="J11147" s="2">
        <v>1</v>
      </c>
      <c r="K11147" s="2">
        <v>0</v>
      </c>
      <c r="L11147" t="s">
        <v>82</v>
      </c>
      <c r="M11147" t="s">
        <v>87</v>
      </c>
      <c r="N11147" t="s">
        <v>88</v>
      </c>
      <c r="O11147" t="s">
        <v>85</v>
      </c>
      <c r="P11147" t="s">
        <v>86</v>
      </c>
      <c r="Q11147">
        <v>13</v>
      </c>
      <c r="R11147">
        <v>13</v>
      </c>
      <c r="S11147">
        <v>13</v>
      </c>
      <c r="T11147">
        <v>13</v>
      </c>
      <c r="U11147">
        <v>13</v>
      </c>
      <c r="V11147">
        <v>13</v>
      </c>
      <c r="W11147">
        <v>13</v>
      </c>
      <c r="X11147">
        <v>13</v>
      </c>
      <c r="Y11147">
        <v>13</v>
      </c>
      <c r="Z11147">
        <v>13</v>
      </c>
      <c r="AA11147">
        <v>13</v>
      </c>
      <c r="AB11147">
        <v>12</v>
      </c>
      <c r="AC11147">
        <v>12</v>
      </c>
      <c r="AD11147">
        <v>12</v>
      </c>
      <c r="AE11147">
        <v>12</v>
      </c>
      <c r="AF11147">
        <v>12</v>
      </c>
      <c r="AG11147">
        <v>12</v>
      </c>
      <c r="AH11147">
        <v>12</v>
      </c>
      <c r="AI11147">
        <v>12</v>
      </c>
      <c r="AJ11147">
        <v>12</v>
      </c>
      <c r="AK11147">
        <v>12</v>
      </c>
      <c r="AL11147">
        <v>12</v>
      </c>
      <c r="AM11147">
        <v>12</v>
      </c>
      <c r="AN11147">
        <v>12</v>
      </c>
      <c r="AO11147">
        <v>12</v>
      </c>
      <c r="AP11147">
        <v>11</v>
      </c>
      <c r="AQ11147">
        <v>11</v>
      </c>
    </row>
    <row r="11148" spans="1:43">
      <c r="A11148" t="s">
        <v>6930</v>
      </c>
      <c r="B11148" t="s">
        <v>6931</v>
      </c>
      <c r="C11148" t="s">
        <v>6910</v>
      </c>
      <c r="D11148" t="s">
        <v>6911</v>
      </c>
      <c r="E11148" t="s">
        <v>6594</v>
      </c>
      <c r="F11148" t="s">
        <v>6595</v>
      </c>
      <c r="G11148" t="s">
        <v>80</v>
      </c>
      <c r="H11148" t="s">
        <v>81</v>
      </c>
      <c r="I11148" s="2">
        <v>0</v>
      </c>
      <c r="J11148" s="2">
        <v>1</v>
      </c>
      <c r="K11148" s="2">
        <v>0</v>
      </c>
      <c r="L11148" t="s">
        <v>82</v>
      </c>
      <c r="M11148" t="s">
        <v>89</v>
      </c>
      <c r="N11148" t="s">
        <v>90</v>
      </c>
      <c r="O11148" t="s">
        <v>85</v>
      </c>
      <c r="P11148" t="s">
        <v>86</v>
      </c>
      <c r="Q11148">
        <v>13</v>
      </c>
      <c r="R11148">
        <v>14</v>
      </c>
      <c r="S11148">
        <v>14</v>
      </c>
      <c r="T11148">
        <v>14</v>
      </c>
      <c r="U11148">
        <v>14</v>
      </c>
      <c r="V11148">
        <v>14</v>
      </c>
      <c r="W11148">
        <v>14</v>
      </c>
      <c r="X11148">
        <v>14</v>
      </c>
      <c r="Y11148">
        <v>15</v>
      </c>
      <c r="Z11148">
        <v>15</v>
      </c>
      <c r="AA11148">
        <v>15</v>
      </c>
      <c r="AB11148">
        <v>15</v>
      </c>
      <c r="AC11148">
        <v>15</v>
      </c>
      <c r="AD11148">
        <v>15</v>
      </c>
      <c r="AE11148">
        <v>15</v>
      </c>
      <c r="AF11148">
        <v>15</v>
      </c>
      <c r="AG11148">
        <v>15</v>
      </c>
      <c r="AH11148">
        <v>14</v>
      </c>
      <c r="AI11148">
        <v>14</v>
      </c>
      <c r="AJ11148">
        <v>14</v>
      </c>
      <c r="AK11148">
        <v>14</v>
      </c>
      <c r="AL11148">
        <v>14</v>
      </c>
      <c r="AM11148">
        <v>14</v>
      </c>
      <c r="AN11148">
        <v>14</v>
      </c>
      <c r="AO11148">
        <v>13</v>
      </c>
      <c r="AP11148">
        <v>13</v>
      </c>
      <c r="AQ11148">
        <v>13</v>
      </c>
    </row>
    <row r="11149" spans="1:43">
      <c r="A11149" t="s">
        <v>6930</v>
      </c>
      <c r="B11149" t="s">
        <v>6931</v>
      </c>
      <c r="C11149" t="s">
        <v>6910</v>
      </c>
      <c r="D11149" t="s">
        <v>6911</v>
      </c>
      <c r="E11149" t="s">
        <v>6594</v>
      </c>
      <c r="F11149" t="s">
        <v>6595</v>
      </c>
      <c r="G11149" t="s">
        <v>80</v>
      </c>
      <c r="H11149" t="s">
        <v>81</v>
      </c>
      <c r="I11149" s="2">
        <v>0</v>
      </c>
      <c r="J11149" s="2">
        <v>1</v>
      </c>
      <c r="K11149" s="2">
        <v>0</v>
      </c>
      <c r="L11149" t="s">
        <v>82</v>
      </c>
      <c r="M11149" t="s">
        <v>83</v>
      </c>
      <c r="N11149" t="s">
        <v>91</v>
      </c>
      <c r="O11149" t="s">
        <v>85</v>
      </c>
      <c r="P11149" t="s">
        <v>86</v>
      </c>
      <c r="Q11149">
        <v>13</v>
      </c>
      <c r="R11149">
        <v>13</v>
      </c>
      <c r="S11149">
        <v>13</v>
      </c>
      <c r="T11149">
        <v>13</v>
      </c>
      <c r="U11149">
        <v>14</v>
      </c>
      <c r="V11149">
        <v>14</v>
      </c>
      <c r="W11149">
        <v>14</v>
      </c>
      <c r="X11149">
        <v>14</v>
      </c>
      <c r="Y11149">
        <v>14</v>
      </c>
      <c r="Z11149">
        <v>14</v>
      </c>
      <c r="AA11149">
        <v>14</v>
      </c>
      <c r="AB11149">
        <v>14</v>
      </c>
      <c r="AC11149">
        <v>14</v>
      </c>
      <c r="AD11149">
        <v>14</v>
      </c>
      <c r="AE11149">
        <v>14</v>
      </c>
      <c r="AF11149">
        <v>14</v>
      </c>
      <c r="AG11149">
        <v>14</v>
      </c>
      <c r="AH11149">
        <v>14</v>
      </c>
      <c r="AI11149">
        <v>14</v>
      </c>
      <c r="AJ11149">
        <v>14</v>
      </c>
      <c r="AK11149">
        <v>14</v>
      </c>
      <c r="AL11149">
        <v>14</v>
      </c>
      <c r="AM11149">
        <v>14</v>
      </c>
      <c r="AN11149">
        <v>13</v>
      </c>
      <c r="AO11149">
        <v>13</v>
      </c>
      <c r="AP11149">
        <v>13</v>
      </c>
      <c r="AQ11149">
        <v>13</v>
      </c>
    </row>
    <row r="11150" spans="1:43">
      <c r="A11150" t="s">
        <v>6932</v>
      </c>
      <c r="B11150" t="s">
        <v>6933</v>
      </c>
      <c r="C11150" t="s">
        <v>6934</v>
      </c>
      <c r="D11150" t="s">
        <v>6935</v>
      </c>
      <c r="E11150" t="s">
        <v>6594</v>
      </c>
      <c r="F11150" t="s">
        <v>6595</v>
      </c>
      <c r="G11150" t="s">
        <v>80</v>
      </c>
      <c r="H11150" t="s">
        <v>81</v>
      </c>
      <c r="I11150" s="2">
        <v>0</v>
      </c>
      <c r="J11150" s="2">
        <v>1</v>
      </c>
      <c r="K11150" s="2">
        <v>0</v>
      </c>
      <c r="L11150" t="s">
        <v>82</v>
      </c>
      <c r="M11150" t="s">
        <v>83</v>
      </c>
      <c r="N11150" t="s">
        <v>84</v>
      </c>
      <c r="O11150" t="s">
        <v>85</v>
      </c>
      <c r="P11150" t="s">
        <v>86</v>
      </c>
      <c r="Q11150">
        <v>32</v>
      </c>
      <c r="R11150">
        <v>32</v>
      </c>
      <c r="S11150">
        <v>32</v>
      </c>
      <c r="T11150">
        <v>32</v>
      </c>
      <c r="U11150">
        <v>33</v>
      </c>
      <c r="V11150">
        <v>33</v>
      </c>
      <c r="W11150">
        <v>33</v>
      </c>
      <c r="X11150">
        <v>33</v>
      </c>
      <c r="Y11150">
        <v>33</v>
      </c>
      <c r="Z11150">
        <v>33</v>
      </c>
      <c r="AA11150">
        <v>33</v>
      </c>
      <c r="AB11150">
        <v>33</v>
      </c>
      <c r="AC11150">
        <v>33</v>
      </c>
      <c r="AD11150">
        <v>33</v>
      </c>
      <c r="AE11150">
        <v>33</v>
      </c>
      <c r="AF11150">
        <v>33</v>
      </c>
      <c r="AG11150">
        <v>33</v>
      </c>
      <c r="AH11150">
        <v>33</v>
      </c>
      <c r="AI11150">
        <v>33</v>
      </c>
      <c r="AJ11150">
        <v>33</v>
      </c>
      <c r="AK11150">
        <v>33</v>
      </c>
      <c r="AL11150">
        <v>33</v>
      </c>
      <c r="AM11150">
        <v>33</v>
      </c>
      <c r="AN11150">
        <v>32</v>
      </c>
      <c r="AO11150">
        <v>32</v>
      </c>
      <c r="AP11150">
        <v>32</v>
      </c>
      <c r="AQ11150">
        <v>31</v>
      </c>
    </row>
    <row r="11151" spans="1:43">
      <c r="A11151" t="s">
        <v>6932</v>
      </c>
      <c r="B11151" t="s">
        <v>6933</v>
      </c>
      <c r="C11151" t="s">
        <v>6934</v>
      </c>
      <c r="D11151" t="s">
        <v>6935</v>
      </c>
      <c r="E11151" t="s">
        <v>6594</v>
      </c>
      <c r="F11151" t="s">
        <v>6595</v>
      </c>
      <c r="G11151" t="s">
        <v>80</v>
      </c>
      <c r="H11151" t="s">
        <v>81</v>
      </c>
      <c r="I11151" s="2">
        <v>0</v>
      </c>
      <c r="J11151" s="2">
        <v>1</v>
      </c>
      <c r="K11151" s="2">
        <v>0</v>
      </c>
      <c r="L11151" t="s">
        <v>82</v>
      </c>
      <c r="M11151" t="s">
        <v>87</v>
      </c>
      <c r="N11151" t="s">
        <v>88</v>
      </c>
      <c r="O11151" t="s">
        <v>85</v>
      </c>
      <c r="P11151" t="s">
        <v>86</v>
      </c>
      <c r="Q11151">
        <v>32</v>
      </c>
      <c r="R11151">
        <v>31</v>
      </c>
      <c r="S11151">
        <v>31</v>
      </c>
      <c r="T11151">
        <v>31</v>
      </c>
      <c r="U11151">
        <v>31</v>
      </c>
      <c r="V11151">
        <v>31</v>
      </c>
      <c r="W11151">
        <v>31</v>
      </c>
      <c r="X11151">
        <v>31</v>
      </c>
      <c r="Y11151">
        <v>30</v>
      </c>
      <c r="Z11151">
        <v>30</v>
      </c>
      <c r="AA11151">
        <v>30</v>
      </c>
      <c r="AB11151">
        <v>30</v>
      </c>
      <c r="AC11151">
        <v>30</v>
      </c>
      <c r="AD11151">
        <v>30</v>
      </c>
      <c r="AE11151">
        <v>29</v>
      </c>
      <c r="AF11151">
        <v>29</v>
      </c>
      <c r="AG11151">
        <v>29</v>
      </c>
      <c r="AH11151">
        <v>29</v>
      </c>
      <c r="AI11151">
        <v>29</v>
      </c>
      <c r="AJ11151">
        <v>28</v>
      </c>
      <c r="AK11151">
        <v>28</v>
      </c>
      <c r="AL11151">
        <v>28</v>
      </c>
      <c r="AM11151">
        <v>28</v>
      </c>
      <c r="AN11151">
        <v>28</v>
      </c>
      <c r="AO11151">
        <v>27</v>
      </c>
      <c r="AP11151">
        <v>27</v>
      </c>
      <c r="AQ11151">
        <v>27</v>
      </c>
    </row>
    <row r="11152" spans="1:43">
      <c r="A11152" t="s">
        <v>6932</v>
      </c>
      <c r="B11152" t="s">
        <v>6933</v>
      </c>
      <c r="C11152" t="s">
        <v>6934</v>
      </c>
      <c r="D11152" t="s">
        <v>6935</v>
      </c>
      <c r="E11152" t="s">
        <v>6594</v>
      </c>
      <c r="F11152" t="s">
        <v>6595</v>
      </c>
      <c r="G11152" t="s">
        <v>80</v>
      </c>
      <c r="H11152" t="s">
        <v>81</v>
      </c>
      <c r="I11152" s="2">
        <v>0</v>
      </c>
      <c r="J11152" s="2">
        <v>1</v>
      </c>
      <c r="K11152" s="2">
        <v>0</v>
      </c>
      <c r="L11152" t="s">
        <v>82</v>
      </c>
      <c r="M11152" t="s">
        <v>89</v>
      </c>
      <c r="N11152" t="s">
        <v>90</v>
      </c>
      <c r="O11152" t="s">
        <v>85</v>
      </c>
      <c r="P11152" t="s">
        <v>86</v>
      </c>
      <c r="Q11152">
        <v>32</v>
      </c>
      <c r="R11152">
        <v>33</v>
      </c>
      <c r="S11152">
        <v>33</v>
      </c>
      <c r="T11152">
        <v>33</v>
      </c>
      <c r="U11152">
        <v>34</v>
      </c>
      <c r="V11152">
        <v>34</v>
      </c>
      <c r="W11152">
        <v>34</v>
      </c>
      <c r="X11152">
        <v>35</v>
      </c>
      <c r="Y11152">
        <v>35</v>
      </c>
      <c r="Z11152">
        <v>35</v>
      </c>
      <c r="AA11152">
        <v>35</v>
      </c>
      <c r="AB11152">
        <v>35</v>
      </c>
      <c r="AC11152">
        <v>36</v>
      </c>
      <c r="AD11152">
        <v>36</v>
      </c>
      <c r="AE11152">
        <v>36</v>
      </c>
      <c r="AF11152">
        <v>35</v>
      </c>
      <c r="AG11152">
        <v>35</v>
      </c>
      <c r="AH11152">
        <v>35</v>
      </c>
      <c r="AI11152">
        <v>34</v>
      </c>
      <c r="AJ11152">
        <v>34</v>
      </c>
      <c r="AK11152">
        <v>34</v>
      </c>
      <c r="AL11152">
        <v>33</v>
      </c>
      <c r="AM11152">
        <v>33</v>
      </c>
      <c r="AN11152">
        <v>33</v>
      </c>
      <c r="AO11152">
        <v>32</v>
      </c>
      <c r="AP11152">
        <v>32</v>
      </c>
      <c r="AQ11152">
        <v>32</v>
      </c>
    </row>
    <row r="11153" spans="1:43">
      <c r="A11153" t="s">
        <v>6932</v>
      </c>
      <c r="B11153" t="s">
        <v>6933</v>
      </c>
      <c r="C11153" t="s">
        <v>6934</v>
      </c>
      <c r="D11153" t="s">
        <v>6935</v>
      </c>
      <c r="E11153" t="s">
        <v>6594</v>
      </c>
      <c r="F11153" t="s">
        <v>6595</v>
      </c>
      <c r="G11153" t="s">
        <v>80</v>
      </c>
      <c r="H11153" t="s">
        <v>81</v>
      </c>
      <c r="I11153" s="2">
        <v>0</v>
      </c>
      <c r="J11153" s="2">
        <v>1</v>
      </c>
      <c r="K11153" s="2">
        <v>0</v>
      </c>
      <c r="L11153" t="s">
        <v>82</v>
      </c>
      <c r="M11153" t="s">
        <v>83</v>
      </c>
      <c r="N11153" t="s">
        <v>91</v>
      </c>
      <c r="O11153" t="s">
        <v>85</v>
      </c>
      <c r="P11153" t="s">
        <v>86</v>
      </c>
      <c r="Q11153">
        <v>32</v>
      </c>
      <c r="R11153">
        <v>32</v>
      </c>
      <c r="S11153">
        <v>32</v>
      </c>
      <c r="T11153">
        <v>32</v>
      </c>
      <c r="U11153">
        <v>33</v>
      </c>
      <c r="V11153">
        <v>33</v>
      </c>
      <c r="W11153">
        <v>33</v>
      </c>
      <c r="X11153">
        <v>33</v>
      </c>
      <c r="Y11153">
        <v>33</v>
      </c>
      <c r="Z11153">
        <v>33</v>
      </c>
      <c r="AA11153">
        <v>33</v>
      </c>
      <c r="AB11153">
        <v>33</v>
      </c>
      <c r="AC11153">
        <v>33</v>
      </c>
      <c r="AD11153">
        <v>33</v>
      </c>
      <c r="AE11153">
        <v>33</v>
      </c>
      <c r="AF11153">
        <v>33</v>
      </c>
      <c r="AG11153">
        <v>33</v>
      </c>
      <c r="AH11153">
        <v>33</v>
      </c>
      <c r="AI11153">
        <v>33</v>
      </c>
      <c r="AJ11153">
        <v>33</v>
      </c>
      <c r="AK11153">
        <v>33</v>
      </c>
      <c r="AL11153">
        <v>33</v>
      </c>
      <c r="AM11153">
        <v>33</v>
      </c>
      <c r="AN11153">
        <v>32</v>
      </c>
      <c r="AO11153">
        <v>32</v>
      </c>
      <c r="AP11153">
        <v>32</v>
      </c>
      <c r="AQ11153">
        <v>31</v>
      </c>
    </row>
    <row r="11154" spans="1:43">
      <c r="A11154" t="s">
        <v>6936</v>
      </c>
      <c r="B11154" t="s">
        <v>6937</v>
      </c>
      <c r="C11154" t="s">
        <v>6934</v>
      </c>
      <c r="D11154" t="s">
        <v>6935</v>
      </c>
      <c r="E11154" t="s">
        <v>6594</v>
      </c>
      <c r="F11154" t="s">
        <v>6595</v>
      </c>
      <c r="G11154" t="s">
        <v>80</v>
      </c>
      <c r="H11154" t="s">
        <v>81</v>
      </c>
      <c r="I11154" s="2">
        <v>0</v>
      </c>
      <c r="J11154" s="2">
        <v>1</v>
      </c>
      <c r="K11154" s="2">
        <v>0</v>
      </c>
      <c r="L11154" t="s">
        <v>82</v>
      </c>
      <c r="M11154" t="s">
        <v>83</v>
      </c>
      <c r="N11154" t="s">
        <v>84</v>
      </c>
      <c r="O11154" t="s">
        <v>85</v>
      </c>
      <c r="P11154" t="s">
        <v>86</v>
      </c>
      <c r="Q11154">
        <v>15</v>
      </c>
      <c r="R11154">
        <v>15</v>
      </c>
      <c r="S11154">
        <v>15</v>
      </c>
      <c r="T11154">
        <v>15</v>
      </c>
      <c r="U11154">
        <v>15</v>
      </c>
      <c r="V11154">
        <v>15</v>
      </c>
      <c r="W11154">
        <v>15</v>
      </c>
      <c r="X11154">
        <v>15</v>
      </c>
      <c r="Y11154">
        <v>15</v>
      </c>
      <c r="Z11154">
        <v>15</v>
      </c>
      <c r="AA11154">
        <v>16</v>
      </c>
      <c r="AB11154">
        <v>16</v>
      </c>
      <c r="AC11154">
        <v>16</v>
      </c>
      <c r="AD11154">
        <v>16</v>
      </c>
      <c r="AE11154">
        <v>16</v>
      </c>
      <c r="AF11154">
        <v>16</v>
      </c>
      <c r="AG11154">
        <v>16</v>
      </c>
      <c r="AH11154">
        <v>16</v>
      </c>
      <c r="AI11154">
        <v>16</v>
      </c>
      <c r="AJ11154">
        <v>16</v>
      </c>
      <c r="AK11154">
        <v>16</v>
      </c>
      <c r="AL11154">
        <v>15</v>
      </c>
      <c r="AM11154">
        <v>15</v>
      </c>
      <c r="AN11154">
        <v>15</v>
      </c>
      <c r="AO11154">
        <v>15</v>
      </c>
      <c r="AP11154">
        <v>15</v>
      </c>
      <c r="AQ11154">
        <v>15</v>
      </c>
    </row>
    <row r="11155" spans="1:43">
      <c r="A11155" t="s">
        <v>6936</v>
      </c>
      <c r="B11155" t="s">
        <v>6937</v>
      </c>
      <c r="C11155" t="s">
        <v>6934</v>
      </c>
      <c r="D11155" t="s">
        <v>6935</v>
      </c>
      <c r="E11155" t="s">
        <v>6594</v>
      </c>
      <c r="F11155" t="s">
        <v>6595</v>
      </c>
      <c r="G11155" t="s">
        <v>80</v>
      </c>
      <c r="H11155" t="s">
        <v>81</v>
      </c>
      <c r="I11155" s="2">
        <v>0</v>
      </c>
      <c r="J11155" s="2">
        <v>1</v>
      </c>
      <c r="K11155" s="2">
        <v>0</v>
      </c>
      <c r="L11155" t="s">
        <v>82</v>
      </c>
      <c r="M11155" t="s">
        <v>87</v>
      </c>
      <c r="N11155" t="s">
        <v>88</v>
      </c>
      <c r="O11155" t="s">
        <v>85</v>
      </c>
      <c r="P11155" t="s">
        <v>86</v>
      </c>
      <c r="Q11155">
        <v>15</v>
      </c>
      <c r="R11155">
        <v>15</v>
      </c>
      <c r="S11155">
        <v>15</v>
      </c>
      <c r="T11155">
        <v>15</v>
      </c>
      <c r="U11155">
        <v>15</v>
      </c>
      <c r="V11155">
        <v>14</v>
      </c>
      <c r="W11155">
        <v>14</v>
      </c>
      <c r="X11155">
        <v>14</v>
      </c>
      <c r="Y11155">
        <v>14</v>
      </c>
      <c r="Z11155">
        <v>14</v>
      </c>
      <c r="AA11155">
        <v>14</v>
      </c>
      <c r="AB11155">
        <v>14</v>
      </c>
      <c r="AC11155">
        <v>14</v>
      </c>
      <c r="AD11155">
        <v>14</v>
      </c>
      <c r="AE11155">
        <v>14</v>
      </c>
      <c r="AF11155">
        <v>14</v>
      </c>
      <c r="AG11155">
        <v>14</v>
      </c>
      <c r="AH11155">
        <v>14</v>
      </c>
      <c r="AI11155">
        <v>13</v>
      </c>
      <c r="AJ11155">
        <v>13</v>
      </c>
      <c r="AK11155">
        <v>13</v>
      </c>
      <c r="AL11155">
        <v>13</v>
      </c>
      <c r="AM11155">
        <v>13</v>
      </c>
      <c r="AN11155">
        <v>13</v>
      </c>
      <c r="AO11155">
        <v>13</v>
      </c>
      <c r="AP11155">
        <v>13</v>
      </c>
      <c r="AQ11155">
        <v>13</v>
      </c>
    </row>
    <row r="11156" spans="1:43">
      <c r="A11156" t="s">
        <v>6936</v>
      </c>
      <c r="B11156" t="s">
        <v>6937</v>
      </c>
      <c r="C11156" t="s">
        <v>6934</v>
      </c>
      <c r="D11156" t="s">
        <v>6935</v>
      </c>
      <c r="E11156" t="s">
        <v>6594</v>
      </c>
      <c r="F11156" t="s">
        <v>6595</v>
      </c>
      <c r="G11156" t="s">
        <v>80</v>
      </c>
      <c r="H11156" t="s">
        <v>81</v>
      </c>
      <c r="I11156" s="2">
        <v>0</v>
      </c>
      <c r="J11156" s="2">
        <v>1</v>
      </c>
      <c r="K11156" s="2">
        <v>0</v>
      </c>
      <c r="L11156" t="s">
        <v>82</v>
      </c>
      <c r="M11156" t="s">
        <v>89</v>
      </c>
      <c r="N11156" t="s">
        <v>90</v>
      </c>
      <c r="O11156" t="s">
        <v>85</v>
      </c>
      <c r="P11156" t="s">
        <v>86</v>
      </c>
      <c r="Q11156">
        <v>15</v>
      </c>
      <c r="R11156">
        <v>15</v>
      </c>
      <c r="S11156">
        <v>15</v>
      </c>
      <c r="T11156">
        <v>16</v>
      </c>
      <c r="U11156">
        <v>16</v>
      </c>
      <c r="V11156">
        <v>16</v>
      </c>
      <c r="W11156">
        <v>16</v>
      </c>
      <c r="X11156">
        <v>16</v>
      </c>
      <c r="Y11156">
        <v>16</v>
      </c>
      <c r="Z11156">
        <v>16</v>
      </c>
      <c r="AA11156">
        <v>17</v>
      </c>
      <c r="AB11156">
        <v>17</v>
      </c>
      <c r="AC11156">
        <v>17</v>
      </c>
      <c r="AD11156">
        <v>17</v>
      </c>
      <c r="AE11156">
        <v>17</v>
      </c>
      <c r="AF11156">
        <v>17</v>
      </c>
      <c r="AG11156">
        <v>16</v>
      </c>
      <c r="AH11156">
        <v>16</v>
      </c>
      <c r="AI11156">
        <v>16</v>
      </c>
      <c r="AJ11156">
        <v>16</v>
      </c>
      <c r="AK11156">
        <v>16</v>
      </c>
      <c r="AL11156">
        <v>16</v>
      </c>
      <c r="AM11156">
        <v>15</v>
      </c>
      <c r="AN11156">
        <v>15</v>
      </c>
      <c r="AO11156">
        <v>15</v>
      </c>
      <c r="AP11156">
        <v>15</v>
      </c>
      <c r="AQ11156">
        <v>15</v>
      </c>
    </row>
    <row r="11157" spans="1:43">
      <c r="A11157" t="s">
        <v>6936</v>
      </c>
      <c r="B11157" t="s">
        <v>6937</v>
      </c>
      <c r="C11157" t="s">
        <v>6934</v>
      </c>
      <c r="D11157" t="s">
        <v>6935</v>
      </c>
      <c r="E11157" t="s">
        <v>6594</v>
      </c>
      <c r="F11157" t="s">
        <v>6595</v>
      </c>
      <c r="G11157" t="s">
        <v>80</v>
      </c>
      <c r="H11157" t="s">
        <v>81</v>
      </c>
      <c r="I11157" s="2">
        <v>0</v>
      </c>
      <c r="J11157" s="2">
        <v>1</v>
      </c>
      <c r="K11157" s="2">
        <v>0</v>
      </c>
      <c r="L11157" t="s">
        <v>82</v>
      </c>
      <c r="M11157" t="s">
        <v>83</v>
      </c>
      <c r="N11157" t="s">
        <v>91</v>
      </c>
      <c r="O11157" t="s">
        <v>85</v>
      </c>
      <c r="P11157" t="s">
        <v>86</v>
      </c>
      <c r="Q11157">
        <v>15</v>
      </c>
      <c r="R11157">
        <v>15</v>
      </c>
      <c r="S11157">
        <v>15</v>
      </c>
      <c r="T11157">
        <v>15</v>
      </c>
      <c r="U11157">
        <v>15</v>
      </c>
      <c r="V11157">
        <v>15</v>
      </c>
      <c r="W11157">
        <v>15</v>
      </c>
      <c r="X11157">
        <v>15</v>
      </c>
      <c r="Y11157">
        <v>15</v>
      </c>
      <c r="Z11157">
        <v>15</v>
      </c>
      <c r="AA11157">
        <v>16</v>
      </c>
      <c r="AB11157">
        <v>16</v>
      </c>
      <c r="AC11157">
        <v>16</v>
      </c>
      <c r="AD11157">
        <v>16</v>
      </c>
      <c r="AE11157">
        <v>16</v>
      </c>
      <c r="AF11157">
        <v>16</v>
      </c>
      <c r="AG11157">
        <v>16</v>
      </c>
      <c r="AH11157">
        <v>16</v>
      </c>
      <c r="AI11157">
        <v>16</v>
      </c>
      <c r="AJ11157">
        <v>16</v>
      </c>
      <c r="AK11157">
        <v>16</v>
      </c>
      <c r="AL11157">
        <v>15</v>
      </c>
      <c r="AM11157">
        <v>15</v>
      </c>
      <c r="AN11157">
        <v>15</v>
      </c>
      <c r="AO11157">
        <v>15</v>
      </c>
      <c r="AP11157">
        <v>15</v>
      </c>
      <c r="AQ11157">
        <v>15</v>
      </c>
    </row>
    <row r="11158" spans="1:43">
      <c r="A11158" t="s">
        <v>6938</v>
      </c>
      <c r="B11158" t="s">
        <v>6939</v>
      </c>
      <c r="C11158" t="s">
        <v>6940</v>
      </c>
      <c r="D11158" t="s">
        <v>6941</v>
      </c>
      <c r="E11158" t="s">
        <v>6594</v>
      </c>
      <c r="F11158" t="s">
        <v>6595</v>
      </c>
      <c r="G11158" t="s">
        <v>80</v>
      </c>
      <c r="H11158" t="s">
        <v>81</v>
      </c>
      <c r="I11158" s="2">
        <v>0</v>
      </c>
      <c r="J11158" s="2">
        <v>1</v>
      </c>
      <c r="K11158" s="2">
        <v>0</v>
      </c>
      <c r="L11158" t="s">
        <v>82</v>
      </c>
      <c r="M11158" t="s">
        <v>83</v>
      </c>
      <c r="N11158" t="s">
        <v>84</v>
      </c>
      <c r="O11158" t="s">
        <v>85</v>
      </c>
      <c r="P11158" t="s">
        <v>86</v>
      </c>
      <c r="Q11158">
        <v>48</v>
      </c>
      <c r="R11158">
        <v>48</v>
      </c>
      <c r="S11158">
        <v>48</v>
      </c>
      <c r="T11158">
        <v>48</v>
      </c>
      <c r="U11158">
        <v>49</v>
      </c>
      <c r="V11158">
        <v>49</v>
      </c>
      <c r="W11158">
        <v>49</v>
      </c>
      <c r="X11158">
        <v>49</v>
      </c>
      <c r="Y11158">
        <v>49</v>
      </c>
      <c r="Z11158">
        <v>50</v>
      </c>
      <c r="AA11158">
        <v>50</v>
      </c>
      <c r="AB11158">
        <v>50</v>
      </c>
      <c r="AC11158">
        <v>50</v>
      </c>
      <c r="AD11158">
        <v>50</v>
      </c>
      <c r="AE11158">
        <v>50</v>
      </c>
      <c r="AF11158">
        <v>50</v>
      </c>
      <c r="AG11158">
        <v>50</v>
      </c>
      <c r="AH11158">
        <v>50</v>
      </c>
      <c r="AI11158">
        <v>50</v>
      </c>
      <c r="AJ11158">
        <v>50</v>
      </c>
      <c r="AK11158">
        <v>50</v>
      </c>
      <c r="AL11158">
        <v>49</v>
      </c>
      <c r="AM11158">
        <v>49</v>
      </c>
      <c r="AN11158">
        <v>49</v>
      </c>
      <c r="AO11158">
        <v>48</v>
      </c>
      <c r="AP11158">
        <v>48</v>
      </c>
      <c r="AQ11158">
        <v>47</v>
      </c>
    </row>
    <row r="11159" spans="1:43">
      <c r="A11159" t="s">
        <v>6938</v>
      </c>
      <c r="B11159" t="s">
        <v>6939</v>
      </c>
      <c r="C11159" t="s">
        <v>6940</v>
      </c>
      <c r="D11159" t="s">
        <v>6941</v>
      </c>
      <c r="E11159" t="s">
        <v>6594</v>
      </c>
      <c r="F11159" t="s">
        <v>6595</v>
      </c>
      <c r="G11159" t="s">
        <v>80</v>
      </c>
      <c r="H11159" t="s">
        <v>81</v>
      </c>
      <c r="I11159" s="2">
        <v>0</v>
      </c>
      <c r="J11159" s="2">
        <v>1</v>
      </c>
      <c r="K11159" s="2">
        <v>0</v>
      </c>
      <c r="L11159" t="s">
        <v>82</v>
      </c>
      <c r="M11159" t="s">
        <v>87</v>
      </c>
      <c r="N11159" t="s">
        <v>88</v>
      </c>
      <c r="O11159" t="s">
        <v>85</v>
      </c>
      <c r="P11159" t="s">
        <v>86</v>
      </c>
      <c r="Q11159">
        <v>48</v>
      </c>
      <c r="R11159">
        <v>48</v>
      </c>
      <c r="S11159">
        <v>48</v>
      </c>
      <c r="T11159">
        <v>48</v>
      </c>
      <c r="U11159">
        <v>48</v>
      </c>
      <c r="V11159">
        <v>47</v>
      </c>
      <c r="W11159">
        <v>47</v>
      </c>
      <c r="X11159">
        <v>47</v>
      </c>
      <c r="Y11159">
        <v>47</v>
      </c>
      <c r="Z11159">
        <v>46</v>
      </c>
      <c r="AA11159">
        <v>46</v>
      </c>
      <c r="AB11159">
        <v>46</v>
      </c>
      <c r="AC11159">
        <v>46</v>
      </c>
      <c r="AD11159">
        <v>45</v>
      </c>
      <c r="AE11159">
        <v>45</v>
      </c>
      <c r="AF11159">
        <v>45</v>
      </c>
      <c r="AG11159">
        <v>45</v>
      </c>
      <c r="AH11159">
        <v>44</v>
      </c>
      <c r="AI11159">
        <v>44</v>
      </c>
      <c r="AJ11159">
        <v>44</v>
      </c>
      <c r="AK11159">
        <v>43</v>
      </c>
      <c r="AL11159">
        <v>43</v>
      </c>
      <c r="AM11159">
        <v>43</v>
      </c>
      <c r="AN11159">
        <v>43</v>
      </c>
      <c r="AO11159">
        <v>42</v>
      </c>
      <c r="AP11159">
        <v>42</v>
      </c>
      <c r="AQ11159">
        <v>42</v>
      </c>
    </row>
    <row r="11160" spans="1:43">
      <c r="A11160" t="s">
        <v>6938</v>
      </c>
      <c r="B11160" t="s">
        <v>6939</v>
      </c>
      <c r="C11160" t="s">
        <v>6940</v>
      </c>
      <c r="D11160" t="s">
        <v>6941</v>
      </c>
      <c r="E11160" t="s">
        <v>6594</v>
      </c>
      <c r="F11160" t="s">
        <v>6595</v>
      </c>
      <c r="G11160" t="s">
        <v>80</v>
      </c>
      <c r="H11160" t="s">
        <v>81</v>
      </c>
      <c r="I11160" s="2">
        <v>0</v>
      </c>
      <c r="J11160" s="2">
        <v>1</v>
      </c>
      <c r="K11160" s="2">
        <v>0</v>
      </c>
      <c r="L11160" t="s">
        <v>82</v>
      </c>
      <c r="M11160" t="s">
        <v>89</v>
      </c>
      <c r="N11160" t="s">
        <v>90</v>
      </c>
      <c r="O11160" t="s">
        <v>85</v>
      </c>
      <c r="P11160" t="s">
        <v>86</v>
      </c>
      <c r="Q11160">
        <v>48</v>
      </c>
      <c r="R11160">
        <v>49</v>
      </c>
      <c r="S11160">
        <v>49</v>
      </c>
      <c r="T11160">
        <v>50</v>
      </c>
      <c r="U11160">
        <v>51</v>
      </c>
      <c r="V11160">
        <v>51</v>
      </c>
      <c r="W11160">
        <v>52</v>
      </c>
      <c r="X11160">
        <v>52</v>
      </c>
      <c r="Y11160">
        <v>52</v>
      </c>
      <c r="Z11160">
        <v>53</v>
      </c>
      <c r="AA11160">
        <v>53</v>
      </c>
      <c r="AB11160">
        <v>53</v>
      </c>
      <c r="AC11160">
        <v>53</v>
      </c>
      <c r="AD11160">
        <v>54</v>
      </c>
      <c r="AE11160">
        <v>54</v>
      </c>
      <c r="AF11160">
        <v>53</v>
      </c>
      <c r="AG11160">
        <v>53</v>
      </c>
      <c r="AH11160">
        <v>52</v>
      </c>
      <c r="AI11160">
        <v>52</v>
      </c>
      <c r="AJ11160">
        <v>51</v>
      </c>
      <c r="AK11160">
        <v>51</v>
      </c>
      <c r="AL11160">
        <v>50</v>
      </c>
      <c r="AM11160">
        <v>50</v>
      </c>
      <c r="AN11160">
        <v>49</v>
      </c>
      <c r="AO11160">
        <v>49</v>
      </c>
      <c r="AP11160">
        <v>48</v>
      </c>
      <c r="AQ11160">
        <v>48</v>
      </c>
    </row>
    <row r="11161" spans="1:43">
      <c r="A11161" t="s">
        <v>6938</v>
      </c>
      <c r="B11161" t="s">
        <v>6939</v>
      </c>
      <c r="C11161" t="s">
        <v>6940</v>
      </c>
      <c r="D11161" t="s">
        <v>6941</v>
      </c>
      <c r="E11161" t="s">
        <v>6594</v>
      </c>
      <c r="F11161" t="s">
        <v>6595</v>
      </c>
      <c r="G11161" t="s">
        <v>80</v>
      </c>
      <c r="H11161" t="s">
        <v>81</v>
      </c>
      <c r="I11161" s="2">
        <v>0</v>
      </c>
      <c r="J11161" s="2">
        <v>1</v>
      </c>
      <c r="K11161" s="2">
        <v>0</v>
      </c>
      <c r="L11161" t="s">
        <v>82</v>
      </c>
      <c r="M11161" t="s">
        <v>83</v>
      </c>
      <c r="N11161" t="s">
        <v>91</v>
      </c>
      <c r="O11161" t="s">
        <v>85</v>
      </c>
      <c r="P11161" t="s">
        <v>86</v>
      </c>
      <c r="Q11161">
        <v>48</v>
      </c>
      <c r="R11161">
        <v>48</v>
      </c>
      <c r="S11161">
        <v>48</v>
      </c>
      <c r="T11161">
        <v>48</v>
      </c>
      <c r="U11161">
        <v>49</v>
      </c>
      <c r="V11161">
        <v>49</v>
      </c>
      <c r="W11161">
        <v>49</v>
      </c>
      <c r="X11161">
        <v>49</v>
      </c>
      <c r="Y11161">
        <v>49</v>
      </c>
      <c r="Z11161">
        <v>50</v>
      </c>
      <c r="AA11161">
        <v>50</v>
      </c>
      <c r="AB11161">
        <v>50</v>
      </c>
      <c r="AC11161">
        <v>50</v>
      </c>
      <c r="AD11161">
        <v>50</v>
      </c>
      <c r="AE11161">
        <v>50</v>
      </c>
      <c r="AF11161">
        <v>50</v>
      </c>
      <c r="AG11161">
        <v>50</v>
      </c>
      <c r="AH11161">
        <v>50</v>
      </c>
      <c r="AI11161">
        <v>50</v>
      </c>
      <c r="AJ11161">
        <v>50</v>
      </c>
      <c r="AK11161">
        <v>50</v>
      </c>
      <c r="AL11161">
        <v>49</v>
      </c>
      <c r="AM11161">
        <v>49</v>
      </c>
      <c r="AN11161">
        <v>49</v>
      </c>
      <c r="AO11161">
        <v>48</v>
      </c>
      <c r="AP11161">
        <v>48</v>
      </c>
      <c r="AQ11161">
        <v>47</v>
      </c>
    </row>
    <row r="11162" spans="1:43">
      <c r="A11162" t="s">
        <v>6942</v>
      </c>
      <c r="B11162" t="s">
        <v>6943</v>
      </c>
      <c r="C11162" t="s">
        <v>6940</v>
      </c>
      <c r="D11162" t="s">
        <v>6941</v>
      </c>
      <c r="E11162" t="s">
        <v>6594</v>
      </c>
      <c r="F11162" t="s">
        <v>6595</v>
      </c>
      <c r="G11162" t="s">
        <v>80</v>
      </c>
      <c r="H11162" t="s">
        <v>81</v>
      </c>
      <c r="I11162" s="2">
        <v>0</v>
      </c>
      <c r="J11162" s="2">
        <v>1</v>
      </c>
      <c r="K11162" s="2">
        <v>0</v>
      </c>
      <c r="L11162" t="s">
        <v>82</v>
      </c>
      <c r="M11162" t="s">
        <v>83</v>
      </c>
      <c r="N11162" t="s">
        <v>84</v>
      </c>
      <c r="O11162" t="s">
        <v>85</v>
      </c>
      <c r="P11162" t="s">
        <v>86</v>
      </c>
      <c r="Q11162">
        <v>44</v>
      </c>
      <c r="R11162">
        <v>44</v>
      </c>
      <c r="S11162">
        <v>44</v>
      </c>
      <c r="T11162">
        <v>45</v>
      </c>
      <c r="U11162">
        <v>45</v>
      </c>
      <c r="V11162">
        <v>45</v>
      </c>
      <c r="W11162">
        <v>45</v>
      </c>
      <c r="X11162">
        <v>45</v>
      </c>
      <c r="Y11162">
        <v>46</v>
      </c>
      <c r="Z11162">
        <v>46</v>
      </c>
      <c r="AA11162">
        <v>46</v>
      </c>
      <c r="AB11162">
        <v>46</v>
      </c>
      <c r="AC11162">
        <v>46</v>
      </c>
      <c r="AD11162">
        <v>46</v>
      </c>
      <c r="AE11162">
        <v>46</v>
      </c>
      <c r="AF11162">
        <v>46</v>
      </c>
      <c r="AG11162">
        <v>46</v>
      </c>
      <c r="AH11162">
        <v>46</v>
      </c>
      <c r="AI11162">
        <v>46</v>
      </c>
      <c r="AJ11162">
        <v>46</v>
      </c>
      <c r="AK11162">
        <v>46</v>
      </c>
      <c r="AL11162">
        <v>46</v>
      </c>
      <c r="AM11162">
        <v>45</v>
      </c>
      <c r="AN11162">
        <v>45</v>
      </c>
      <c r="AO11162">
        <v>44</v>
      </c>
      <c r="AP11162">
        <v>44</v>
      </c>
      <c r="AQ11162">
        <v>44</v>
      </c>
    </row>
    <row r="11163" spans="1:43">
      <c r="A11163" t="s">
        <v>6942</v>
      </c>
      <c r="B11163" t="s">
        <v>6943</v>
      </c>
      <c r="C11163" t="s">
        <v>6940</v>
      </c>
      <c r="D11163" t="s">
        <v>6941</v>
      </c>
      <c r="E11163" t="s">
        <v>6594</v>
      </c>
      <c r="F11163" t="s">
        <v>6595</v>
      </c>
      <c r="G11163" t="s">
        <v>80</v>
      </c>
      <c r="H11163" t="s">
        <v>81</v>
      </c>
      <c r="I11163" s="2">
        <v>0</v>
      </c>
      <c r="J11163" s="2">
        <v>1</v>
      </c>
      <c r="K11163" s="2">
        <v>0</v>
      </c>
      <c r="L11163" t="s">
        <v>82</v>
      </c>
      <c r="M11163" t="s">
        <v>87</v>
      </c>
      <c r="N11163" t="s">
        <v>88</v>
      </c>
      <c r="O11163" t="s">
        <v>85</v>
      </c>
      <c r="P11163" t="s">
        <v>86</v>
      </c>
      <c r="Q11163">
        <v>44</v>
      </c>
      <c r="R11163">
        <v>43</v>
      </c>
      <c r="S11163">
        <v>43</v>
      </c>
      <c r="T11163">
        <v>43</v>
      </c>
      <c r="U11163">
        <v>43</v>
      </c>
      <c r="V11163">
        <v>43</v>
      </c>
      <c r="W11163">
        <v>43</v>
      </c>
      <c r="X11163">
        <v>42</v>
      </c>
      <c r="Y11163">
        <v>42</v>
      </c>
      <c r="Z11163">
        <v>42</v>
      </c>
      <c r="AA11163">
        <v>42</v>
      </c>
      <c r="AB11163">
        <v>41</v>
      </c>
      <c r="AC11163">
        <v>41</v>
      </c>
      <c r="AD11163">
        <v>41</v>
      </c>
      <c r="AE11163">
        <v>41</v>
      </c>
      <c r="AF11163">
        <v>40</v>
      </c>
      <c r="AG11163">
        <v>40</v>
      </c>
      <c r="AH11163">
        <v>40</v>
      </c>
      <c r="AI11163">
        <v>40</v>
      </c>
      <c r="AJ11163">
        <v>39</v>
      </c>
      <c r="AK11163">
        <v>39</v>
      </c>
      <c r="AL11163">
        <v>39</v>
      </c>
      <c r="AM11163">
        <v>39</v>
      </c>
      <c r="AN11163">
        <v>38</v>
      </c>
      <c r="AO11163">
        <v>38</v>
      </c>
      <c r="AP11163">
        <v>38</v>
      </c>
      <c r="AQ11163">
        <v>38</v>
      </c>
    </row>
    <row r="11164" spans="1:43">
      <c r="A11164" t="s">
        <v>6942</v>
      </c>
      <c r="B11164" t="s">
        <v>6943</v>
      </c>
      <c r="C11164" t="s">
        <v>6940</v>
      </c>
      <c r="D11164" t="s">
        <v>6941</v>
      </c>
      <c r="E11164" t="s">
        <v>6594</v>
      </c>
      <c r="F11164" t="s">
        <v>6595</v>
      </c>
      <c r="G11164" t="s">
        <v>80</v>
      </c>
      <c r="H11164" t="s">
        <v>81</v>
      </c>
      <c r="I11164" s="2">
        <v>0</v>
      </c>
      <c r="J11164" s="2">
        <v>1</v>
      </c>
      <c r="K11164" s="2">
        <v>0</v>
      </c>
      <c r="L11164" t="s">
        <v>82</v>
      </c>
      <c r="M11164" t="s">
        <v>89</v>
      </c>
      <c r="N11164" t="s">
        <v>90</v>
      </c>
      <c r="O11164" t="s">
        <v>85</v>
      </c>
      <c r="P11164" t="s">
        <v>86</v>
      </c>
      <c r="Q11164">
        <v>44</v>
      </c>
      <c r="R11164">
        <v>45</v>
      </c>
      <c r="S11164">
        <v>46</v>
      </c>
      <c r="T11164">
        <v>46</v>
      </c>
      <c r="U11164">
        <v>47</v>
      </c>
      <c r="V11164">
        <v>47</v>
      </c>
      <c r="W11164">
        <v>48</v>
      </c>
      <c r="X11164">
        <v>48</v>
      </c>
      <c r="Y11164">
        <v>48</v>
      </c>
      <c r="Z11164">
        <v>49</v>
      </c>
      <c r="AA11164">
        <v>49</v>
      </c>
      <c r="AB11164">
        <v>49</v>
      </c>
      <c r="AC11164">
        <v>49</v>
      </c>
      <c r="AD11164">
        <v>49</v>
      </c>
      <c r="AE11164">
        <v>49</v>
      </c>
      <c r="AF11164">
        <v>49</v>
      </c>
      <c r="AG11164">
        <v>48</v>
      </c>
      <c r="AH11164">
        <v>48</v>
      </c>
      <c r="AI11164">
        <v>48</v>
      </c>
      <c r="AJ11164">
        <v>47</v>
      </c>
      <c r="AK11164">
        <v>47</v>
      </c>
      <c r="AL11164">
        <v>46</v>
      </c>
      <c r="AM11164">
        <v>46</v>
      </c>
      <c r="AN11164">
        <v>45</v>
      </c>
      <c r="AO11164">
        <v>45</v>
      </c>
      <c r="AP11164">
        <v>44</v>
      </c>
      <c r="AQ11164">
        <v>44</v>
      </c>
    </row>
    <row r="11165" spans="1:43">
      <c r="A11165" t="s">
        <v>6942</v>
      </c>
      <c r="B11165" t="s">
        <v>6943</v>
      </c>
      <c r="C11165" t="s">
        <v>6940</v>
      </c>
      <c r="D11165" t="s">
        <v>6941</v>
      </c>
      <c r="E11165" t="s">
        <v>6594</v>
      </c>
      <c r="F11165" t="s">
        <v>6595</v>
      </c>
      <c r="G11165" t="s">
        <v>80</v>
      </c>
      <c r="H11165" t="s">
        <v>81</v>
      </c>
      <c r="I11165" s="2">
        <v>0</v>
      </c>
      <c r="J11165" s="2">
        <v>1</v>
      </c>
      <c r="K11165" s="2">
        <v>0</v>
      </c>
      <c r="L11165" t="s">
        <v>82</v>
      </c>
      <c r="M11165" t="s">
        <v>83</v>
      </c>
      <c r="N11165" t="s">
        <v>91</v>
      </c>
      <c r="O11165" t="s">
        <v>85</v>
      </c>
      <c r="P11165" t="s">
        <v>86</v>
      </c>
      <c r="Q11165">
        <v>44</v>
      </c>
      <c r="R11165">
        <v>44</v>
      </c>
      <c r="S11165">
        <v>44</v>
      </c>
      <c r="T11165">
        <v>45</v>
      </c>
      <c r="U11165">
        <v>45</v>
      </c>
      <c r="V11165">
        <v>45</v>
      </c>
      <c r="W11165">
        <v>45</v>
      </c>
      <c r="X11165">
        <v>45</v>
      </c>
      <c r="Y11165">
        <v>46</v>
      </c>
      <c r="Z11165">
        <v>46</v>
      </c>
      <c r="AA11165">
        <v>46</v>
      </c>
      <c r="AB11165">
        <v>46</v>
      </c>
      <c r="AC11165">
        <v>46</v>
      </c>
      <c r="AD11165">
        <v>46</v>
      </c>
      <c r="AE11165">
        <v>46</v>
      </c>
      <c r="AF11165">
        <v>46</v>
      </c>
      <c r="AG11165">
        <v>46</v>
      </c>
      <c r="AH11165">
        <v>46</v>
      </c>
      <c r="AI11165">
        <v>46</v>
      </c>
      <c r="AJ11165">
        <v>46</v>
      </c>
      <c r="AK11165">
        <v>46</v>
      </c>
      <c r="AL11165">
        <v>46</v>
      </c>
      <c r="AM11165">
        <v>45</v>
      </c>
      <c r="AN11165">
        <v>45</v>
      </c>
      <c r="AO11165">
        <v>44</v>
      </c>
      <c r="AP11165">
        <v>44</v>
      </c>
      <c r="AQ11165">
        <v>44</v>
      </c>
    </row>
    <row r="11166" spans="1:43">
      <c r="A11166" t="s">
        <v>6944</v>
      </c>
      <c r="B11166" t="s">
        <v>6945</v>
      </c>
      <c r="C11166" t="s">
        <v>6940</v>
      </c>
      <c r="D11166" t="s">
        <v>6941</v>
      </c>
      <c r="E11166" t="s">
        <v>6594</v>
      </c>
      <c r="F11166" t="s">
        <v>6595</v>
      </c>
      <c r="G11166" t="s">
        <v>80</v>
      </c>
      <c r="H11166" t="s">
        <v>81</v>
      </c>
      <c r="I11166" s="2">
        <v>0</v>
      </c>
      <c r="J11166" s="2">
        <v>1</v>
      </c>
      <c r="K11166" s="2">
        <v>0</v>
      </c>
      <c r="L11166" t="s">
        <v>82</v>
      </c>
      <c r="M11166" t="s">
        <v>83</v>
      </c>
      <c r="N11166" t="s">
        <v>84</v>
      </c>
      <c r="O11166" t="s">
        <v>85</v>
      </c>
      <c r="P11166" t="s">
        <v>86</v>
      </c>
      <c r="Q11166">
        <v>63</v>
      </c>
      <c r="R11166">
        <v>63</v>
      </c>
      <c r="S11166">
        <v>64</v>
      </c>
      <c r="T11166">
        <v>64</v>
      </c>
      <c r="U11166">
        <v>64</v>
      </c>
      <c r="V11166">
        <v>64</v>
      </c>
      <c r="W11166">
        <v>64</v>
      </c>
      <c r="X11166">
        <v>65</v>
      </c>
      <c r="Y11166">
        <v>65</v>
      </c>
      <c r="Z11166">
        <v>65</v>
      </c>
      <c r="AA11166">
        <v>65</v>
      </c>
      <c r="AB11166">
        <v>65</v>
      </c>
      <c r="AC11166">
        <v>65</v>
      </c>
      <c r="AD11166">
        <v>65</v>
      </c>
      <c r="AE11166">
        <v>65</v>
      </c>
      <c r="AF11166">
        <v>65</v>
      </c>
      <c r="AG11166">
        <v>64</v>
      </c>
      <c r="AH11166">
        <v>64</v>
      </c>
      <c r="AI11166">
        <v>64</v>
      </c>
      <c r="AJ11166">
        <v>64</v>
      </c>
      <c r="AK11166">
        <v>64</v>
      </c>
      <c r="AL11166">
        <v>63</v>
      </c>
      <c r="AM11166">
        <v>63</v>
      </c>
      <c r="AN11166">
        <v>62</v>
      </c>
      <c r="AO11166">
        <v>61</v>
      </c>
      <c r="AP11166">
        <v>61</v>
      </c>
      <c r="AQ11166">
        <v>60</v>
      </c>
    </row>
    <row r="11167" spans="1:43">
      <c r="A11167" t="s">
        <v>6944</v>
      </c>
      <c r="B11167" t="s">
        <v>6945</v>
      </c>
      <c r="C11167" t="s">
        <v>6940</v>
      </c>
      <c r="D11167" t="s">
        <v>6941</v>
      </c>
      <c r="E11167" t="s">
        <v>6594</v>
      </c>
      <c r="F11167" t="s">
        <v>6595</v>
      </c>
      <c r="G11167" t="s">
        <v>80</v>
      </c>
      <c r="H11167" t="s">
        <v>81</v>
      </c>
      <c r="I11167" s="2">
        <v>0</v>
      </c>
      <c r="J11167" s="2">
        <v>1</v>
      </c>
      <c r="K11167" s="2">
        <v>0</v>
      </c>
      <c r="L11167" t="s">
        <v>82</v>
      </c>
      <c r="M11167" t="s">
        <v>87</v>
      </c>
      <c r="N11167" t="s">
        <v>88</v>
      </c>
      <c r="O11167" t="s">
        <v>85</v>
      </c>
      <c r="P11167" t="s">
        <v>86</v>
      </c>
      <c r="Q11167">
        <v>63</v>
      </c>
      <c r="R11167">
        <v>63</v>
      </c>
      <c r="S11167">
        <v>63</v>
      </c>
      <c r="T11167">
        <v>63</v>
      </c>
      <c r="U11167">
        <v>62</v>
      </c>
      <c r="V11167">
        <v>62</v>
      </c>
      <c r="W11167">
        <v>62</v>
      </c>
      <c r="X11167">
        <v>61</v>
      </c>
      <c r="Y11167">
        <v>61</v>
      </c>
      <c r="Z11167">
        <v>60</v>
      </c>
      <c r="AA11167">
        <v>60</v>
      </c>
      <c r="AB11167">
        <v>60</v>
      </c>
      <c r="AC11167">
        <v>59</v>
      </c>
      <c r="AD11167">
        <v>59</v>
      </c>
      <c r="AE11167">
        <v>58</v>
      </c>
      <c r="AF11167">
        <v>58</v>
      </c>
      <c r="AG11167">
        <v>57</v>
      </c>
      <c r="AH11167">
        <v>57</v>
      </c>
      <c r="AI11167">
        <v>56</v>
      </c>
      <c r="AJ11167">
        <v>56</v>
      </c>
      <c r="AK11167">
        <v>56</v>
      </c>
      <c r="AL11167">
        <v>55</v>
      </c>
      <c r="AM11167">
        <v>55</v>
      </c>
      <c r="AN11167">
        <v>54</v>
      </c>
      <c r="AO11167">
        <v>54</v>
      </c>
      <c r="AP11167">
        <v>53</v>
      </c>
      <c r="AQ11167">
        <v>53</v>
      </c>
    </row>
    <row r="11168" spans="1:43">
      <c r="A11168" t="s">
        <v>6944</v>
      </c>
      <c r="B11168" t="s">
        <v>6945</v>
      </c>
      <c r="C11168" t="s">
        <v>6940</v>
      </c>
      <c r="D11168" t="s">
        <v>6941</v>
      </c>
      <c r="E11168" t="s">
        <v>6594</v>
      </c>
      <c r="F11168" t="s">
        <v>6595</v>
      </c>
      <c r="G11168" t="s">
        <v>80</v>
      </c>
      <c r="H11168" t="s">
        <v>81</v>
      </c>
      <c r="I11168" s="2">
        <v>0</v>
      </c>
      <c r="J11168" s="2">
        <v>1</v>
      </c>
      <c r="K11168" s="2">
        <v>0</v>
      </c>
      <c r="L11168" t="s">
        <v>82</v>
      </c>
      <c r="M11168" t="s">
        <v>89</v>
      </c>
      <c r="N11168" t="s">
        <v>90</v>
      </c>
      <c r="O11168" t="s">
        <v>85</v>
      </c>
      <c r="P11168" t="s">
        <v>86</v>
      </c>
      <c r="Q11168">
        <v>63</v>
      </c>
      <c r="R11168">
        <v>63</v>
      </c>
      <c r="S11168">
        <v>64</v>
      </c>
      <c r="T11168">
        <v>65</v>
      </c>
      <c r="U11168">
        <v>66</v>
      </c>
      <c r="V11168">
        <v>66</v>
      </c>
      <c r="W11168">
        <v>67</v>
      </c>
      <c r="X11168">
        <v>67</v>
      </c>
      <c r="Y11168">
        <v>68</v>
      </c>
      <c r="Z11168">
        <v>68</v>
      </c>
      <c r="AA11168">
        <v>68</v>
      </c>
      <c r="AB11168">
        <v>68</v>
      </c>
      <c r="AC11168">
        <v>68</v>
      </c>
      <c r="AD11168">
        <v>69</v>
      </c>
      <c r="AE11168">
        <v>68</v>
      </c>
      <c r="AF11168">
        <v>68</v>
      </c>
      <c r="AG11168">
        <v>67</v>
      </c>
      <c r="AH11168">
        <v>66</v>
      </c>
      <c r="AI11168">
        <v>65</v>
      </c>
      <c r="AJ11168">
        <v>65</v>
      </c>
      <c r="AK11168">
        <v>64</v>
      </c>
      <c r="AL11168">
        <v>63</v>
      </c>
      <c r="AM11168">
        <v>62</v>
      </c>
      <c r="AN11168">
        <v>62</v>
      </c>
      <c r="AO11168">
        <v>61</v>
      </c>
      <c r="AP11168">
        <v>60</v>
      </c>
      <c r="AQ11168">
        <v>60</v>
      </c>
    </row>
    <row r="11169" spans="1:43">
      <c r="A11169" t="s">
        <v>6944</v>
      </c>
      <c r="B11169" t="s">
        <v>6945</v>
      </c>
      <c r="C11169" t="s">
        <v>6940</v>
      </c>
      <c r="D11169" t="s">
        <v>6941</v>
      </c>
      <c r="E11169" t="s">
        <v>6594</v>
      </c>
      <c r="F11169" t="s">
        <v>6595</v>
      </c>
      <c r="G11169" t="s">
        <v>80</v>
      </c>
      <c r="H11169" t="s">
        <v>81</v>
      </c>
      <c r="I11169" s="2">
        <v>0</v>
      </c>
      <c r="J11169" s="2">
        <v>1</v>
      </c>
      <c r="K11169" s="2">
        <v>0</v>
      </c>
      <c r="L11169" t="s">
        <v>82</v>
      </c>
      <c r="M11169" t="s">
        <v>83</v>
      </c>
      <c r="N11169" t="s">
        <v>91</v>
      </c>
      <c r="O11169" t="s">
        <v>85</v>
      </c>
      <c r="P11169" t="s">
        <v>86</v>
      </c>
      <c r="Q11169">
        <v>63</v>
      </c>
      <c r="R11169">
        <v>63</v>
      </c>
      <c r="S11169">
        <v>64</v>
      </c>
      <c r="T11169">
        <v>64</v>
      </c>
      <c r="U11169">
        <v>64</v>
      </c>
      <c r="V11169">
        <v>64</v>
      </c>
      <c r="W11169">
        <v>64</v>
      </c>
      <c r="X11169">
        <v>65</v>
      </c>
      <c r="Y11169">
        <v>65</v>
      </c>
      <c r="Z11169">
        <v>65</v>
      </c>
      <c r="AA11169">
        <v>65</v>
      </c>
      <c r="AB11169">
        <v>65</v>
      </c>
      <c r="AC11169">
        <v>65</v>
      </c>
      <c r="AD11169">
        <v>65</v>
      </c>
      <c r="AE11169">
        <v>65</v>
      </c>
      <c r="AF11169">
        <v>65</v>
      </c>
      <c r="AG11169">
        <v>64</v>
      </c>
      <c r="AH11169">
        <v>64</v>
      </c>
      <c r="AI11169">
        <v>64</v>
      </c>
      <c r="AJ11169">
        <v>64</v>
      </c>
      <c r="AK11169">
        <v>64</v>
      </c>
      <c r="AL11169">
        <v>63</v>
      </c>
      <c r="AM11169">
        <v>63</v>
      </c>
      <c r="AN11169">
        <v>62</v>
      </c>
      <c r="AO11169">
        <v>61</v>
      </c>
      <c r="AP11169">
        <v>61</v>
      </c>
      <c r="AQ11169">
        <v>60</v>
      </c>
    </row>
    <row r="11170" spans="1:43">
      <c r="A11170" t="s">
        <v>6946</v>
      </c>
      <c r="B11170" t="s">
        <v>6947</v>
      </c>
      <c r="C11170" t="s">
        <v>6940</v>
      </c>
      <c r="D11170" t="s">
        <v>6941</v>
      </c>
      <c r="E11170" t="s">
        <v>6594</v>
      </c>
      <c r="F11170" t="s">
        <v>6595</v>
      </c>
      <c r="G11170" t="s">
        <v>80</v>
      </c>
      <c r="H11170" t="s">
        <v>81</v>
      </c>
      <c r="I11170" s="2">
        <v>0</v>
      </c>
      <c r="J11170" s="2">
        <v>1</v>
      </c>
      <c r="K11170" s="2">
        <v>0</v>
      </c>
      <c r="L11170" t="s">
        <v>82</v>
      </c>
      <c r="M11170" t="s">
        <v>83</v>
      </c>
      <c r="N11170" t="s">
        <v>84</v>
      </c>
      <c r="O11170" t="s">
        <v>85</v>
      </c>
      <c r="P11170" t="s">
        <v>86</v>
      </c>
      <c r="Q11170">
        <v>0</v>
      </c>
      <c r="R11170">
        <v>0</v>
      </c>
      <c r="S11170">
        <v>0</v>
      </c>
      <c r="T11170">
        <v>0</v>
      </c>
      <c r="U11170">
        <v>0</v>
      </c>
      <c r="V11170">
        <v>0</v>
      </c>
      <c r="W11170">
        <v>0</v>
      </c>
      <c r="X11170">
        <v>0</v>
      </c>
      <c r="Y11170">
        <v>0</v>
      </c>
      <c r="Z11170">
        <v>0</v>
      </c>
      <c r="AA11170">
        <v>0</v>
      </c>
      <c r="AB11170">
        <v>0</v>
      </c>
      <c r="AC11170">
        <v>0</v>
      </c>
      <c r="AD11170">
        <v>0</v>
      </c>
      <c r="AE11170">
        <v>0</v>
      </c>
      <c r="AF11170">
        <v>0</v>
      </c>
      <c r="AG11170">
        <v>0</v>
      </c>
      <c r="AH11170">
        <v>0</v>
      </c>
      <c r="AI11170">
        <v>0</v>
      </c>
      <c r="AJ11170">
        <v>0</v>
      </c>
      <c r="AK11170">
        <v>0</v>
      </c>
      <c r="AL11170">
        <v>0</v>
      </c>
      <c r="AM11170">
        <v>0</v>
      </c>
      <c r="AN11170">
        <v>0</v>
      </c>
      <c r="AO11170">
        <v>0</v>
      </c>
      <c r="AP11170">
        <v>0</v>
      </c>
      <c r="AQ11170">
        <v>0</v>
      </c>
    </row>
    <row r="11171" spans="1:43">
      <c r="A11171" t="s">
        <v>6946</v>
      </c>
      <c r="B11171" t="s">
        <v>6947</v>
      </c>
      <c r="C11171" t="s">
        <v>6940</v>
      </c>
      <c r="D11171" t="s">
        <v>6941</v>
      </c>
      <c r="E11171" t="s">
        <v>6594</v>
      </c>
      <c r="F11171" t="s">
        <v>6595</v>
      </c>
      <c r="G11171" t="s">
        <v>80</v>
      </c>
      <c r="H11171" t="s">
        <v>81</v>
      </c>
      <c r="I11171" s="2">
        <v>0</v>
      </c>
      <c r="J11171" s="2">
        <v>1</v>
      </c>
      <c r="K11171" s="2">
        <v>0</v>
      </c>
      <c r="L11171" t="s">
        <v>82</v>
      </c>
      <c r="M11171" t="s">
        <v>87</v>
      </c>
      <c r="N11171" t="s">
        <v>88</v>
      </c>
      <c r="O11171" t="s">
        <v>85</v>
      </c>
      <c r="P11171" t="s">
        <v>86</v>
      </c>
      <c r="Q11171">
        <v>0</v>
      </c>
      <c r="R11171">
        <v>0</v>
      </c>
      <c r="S11171">
        <v>0</v>
      </c>
      <c r="T11171">
        <v>0</v>
      </c>
      <c r="U11171">
        <v>0</v>
      </c>
      <c r="V11171">
        <v>0</v>
      </c>
      <c r="W11171">
        <v>0</v>
      </c>
      <c r="X11171">
        <v>0</v>
      </c>
      <c r="Y11171">
        <v>0</v>
      </c>
      <c r="Z11171">
        <v>0</v>
      </c>
      <c r="AA11171">
        <v>0</v>
      </c>
      <c r="AB11171">
        <v>0</v>
      </c>
      <c r="AC11171">
        <v>0</v>
      </c>
      <c r="AD11171">
        <v>0</v>
      </c>
      <c r="AE11171">
        <v>0</v>
      </c>
      <c r="AF11171">
        <v>0</v>
      </c>
      <c r="AG11171">
        <v>0</v>
      </c>
      <c r="AH11171">
        <v>0</v>
      </c>
      <c r="AI11171">
        <v>0</v>
      </c>
      <c r="AJ11171">
        <v>0</v>
      </c>
      <c r="AK11171">
        <v>0</v>
      </c>
      <c r="AL11171">
        <v>0</v>
      </c>
      <c r="AM11171">
        <v>0</v>
      </c>
      <c r="AN11171">
        <v>0</v>
      </c>
      <c r="AO11171">
        <v>0</v>
      </c>
      <c r="AP11171">
        <v>0</v>
      </c>
      <c r="AQ11171">
        <v>0</v>
      </c>
    </row>
    <row r="11172" spans="1:43">
      <c r="A11172" t="s">
        <v>6946</v>
      </c>
      <c r="B11172" t="s">
        <v>6947</v>
      </c>
      <c r="C11172" t="s">
        <v>6940</v>
      </c>
      <c r="D11172" t="s">
        <v>6941</v>
      </c>
      <c r="E11172" t="s">
        <v>6594</v>
      </c>
      <c r="F11172" t="s">
        <v>6595</v>
      </c>
      <c r="G11172" t="s">
        <v>80</v>
      </c>
      <c r="H11172" t="s">
        <v>81</v>
      </c>
      <c r="I11172" s="2">
        <v>0</v>
      </c>
      <c r="J11172" s="2">
        <v>1</v>
      </c>
      <c r="K11172" s="2">
        <v>0</v>
      </c>
      <c r="L11172" t="s">
        <v>82</v>
      </c>
      <c r="M11172" t="s">
        <v>89</v>
      </c>
      <c r="N11172" t="s">
        <v>90</v>
      </c>
      <c r="O11172" t="s">
        <v>85</v>
      </c>
      <c r="P11172" t="s">
        <v>86</v>
      </c>
      <c r="Q11172">
        <v>0</v>
      </c>
      <c r="R11172">
        <v>0</v>
      </c>
      <c r="S11172">
        <v>0</v>
      </c>
      <c r="T11172">
        <v>0</v>
      </c>
      <c r="U11172">
        <v>0</v>
      </c>
      <c r="V11172">
        <v>0</v>
      </c>
      <c r="W11172">
        <v>0</v>
      </c>
      <c r="X11172">
        <v>0</v>
      </c>
      <c r="Y11172">
        <v>0</v>
      </c>
      <c r="Z11172">
        <v>0</v>
      </c>
      <c r="AA11172">
        <v>0</v>
      </c>
      <c r="AB11172">
        <v>0</v>
      </c>
      <c r="AC11172">
        <v>0</v>
      </c>
      <c r="AD11172">
        <v>0</v>
      </c>
      <c r="AE11172">
        <v>0</v>
      </c>
      <c r="AF11172">
        <v>0</v>
      </c>
      <c r="AG11172">
        <v>0</v>
      </c>
      <c r="AH11172">
        <v>0</v>
      </c>
      <c r="AI11172">
        <v>0</v>
      </c>
      <c r="AJ11172">
        <v>0</v>
      </c>
      <c r="AK11172">
        <v>0</v>
      </c>
      <c r="AL11172">
        <v>0</v>
      </c>
      <c r="AM11172">
        <v>0</v>
      </c>
      <c r="AN11172">
        <v>0</v>
      </c>
      <c r="AO11172">
        <v>0</v>
      </c>
      <c r="AP11172">
        <v>0</v>
      </c>
      <c r="AQ11172">
        <v>0</v>
      </c>
    </row>
    <row r="11173" spans="1:43">
      <c r="A11173" t="s">
        <v>6946</v>
      </c>
      <c r="B11173" t="s">
        <v>6947</v>
      </c>
      <c r="C11173" t="s">
        <v>6940</v>
      </c>
      <c r="D11173" t="s">
        <v>6941</v>
      </c>
      <c r="E11173" t="s">
        <v>6594</v>
      </c>
      <c r="F11173" t="s">
        <v>6595</v>
      </c>
      <c r="G11173" t="s">
        <v>80</v>
      </c>
      <c r="H11173" t="s">
        <v>81</v>
      </c>
      <c r="I11173" s="2">
        <v>0</v>
      </c>
      <c r="J11173" s="2">
        <v>1</v>
      </c>
      <c r="K11173" s="2">
        <v>0</v>
      </c>
      <c r="L11173" t="s">
        <v>82</v>
      </c>
      <c r="M11173" t="s">
        <v>83</v>
      </c>
      <c r="N11173" t="s">
        <v>91</v>
      </c>
      <c r="O11173" t="s">
        <v>85</v>
      </c>
      <c r="P11173" t="s">
        <v>86</v>
      </c>
      <c r="Q11173">
        <v>0</v>
      </c>
      <c r="R11173">
        <v>0</v>
      </c>
      <c r="S11173">
        <v>0</v>
      </c>
      <c r="T11173">
        <v>0</v>
      </c>
      <c r="U11173">
        <v>0</v>
      </c>
      <c r="V11173">
        <v>0</v>
      </c>
      <c r="W11173">
        <v>0</v>
      </c>
      <c r="X11173">
        <v>0</v>
      </c>
      <c r="Y11173">
        <v>0</v>
      </c>
      <c r="Z11173">
        <v>0</v>
      </c>
      <c r="AA11173">
        <v>0</v>
      </c>
      <c r="AB11173">
        <v>0</v>
      </c>
      <c r="AC11173">
        <v>0</v>
      </c>
      <c r="AD11173">
        <v>0</v>
      </c>
      <c r="AE11173">
        <v>0</v>
      </c>
      <c r="AF11173">
        <v>0</v>
      </c>
      <c r="AG11173">
        <v>0</v>
      </c>
      <c r="AH11173">
        <v>0</v>
      </c>
      <c r="AI11173">
        <v>0</v>
      </c>
      <c r="AJ11173">
        <v>0</v>
      </c>
      <c r="AK11173">
        <v>0</v>
      </c>
      <c r="AL11173">
        <v>0</v>
      </c>
      <c r="AM11173">
        <v>0</v>
      </c>
      <c r="AN11173">
        <v>0</v>
      </c>
      <c r="AO11173">
        <v>0</v>
      </c>
      <c r="AP11173">
        <v>0</v>
      </c>
      <c r="AQ11173">
        <v>0</v>
      </c>
    </row>
    <row r="11174" spans="1:43">
      <c r="A11174" t="s">
        <v>6948</v>
      </c>
      <c r="B11174" t="s">
        <v>6949</v>
      </c>
      <c r="C11174" t="s">
        <v>6934</v>
      </c>
      <c r="D11174" t="s">
        <v>6935</v>
      </c>
      <c r="E11174" t="s">
        <v>6594</v>
      </c>
      <c r="F11174" t="s">
        <v>6595</v>
      </c>
      <c r="G11174" t="s">
        <v>80</v>
      </c>
      <c r="H11174" t="s">
        <v>81</v>
      </c>
      <c r="I11174" s="2">
        <v>0</v>
      </c>
      <c r="J11174" s="2">
        <v>1</v>
      </c>
      <c r="K11174" s="2">
        <v>0</v>
      </c>
      <c r="L11174" t="s">
        <v>82</v>
      </c>
      <c r="M11174" t="s">
        <v>83</v>
      </c>
      <c r="N11174" t="s">
        <v>84</v>
      </c>
      <c r="O11174" t="s">
        <v>85</v>
      </c>
      <c r="P11174" t="s">
        <v>86</v>
      </c>
      <c r="Q11174">
        <v>47</v>
      </c>
      <c r="R11174">
        <v>47</v>
      </c>
      <c r="S11174">
        <v>47</v>
      </c>
      <c r="T11174">
        <v>47</v>
      </c>
      <c r="U11174">
        <v>48</v>
      </c>
      <c r="V11174">
        <v>48</v>
      </c>
      <c r="W11174">
        <v>48</v>
      </c>
      <c r="X11174">
        <v>48</v>
      </c>
      <c r="Y11174">
        <v>48</v>
      </c>
      <c r="Z11174">
        <v>48</v>
      </c>
      <c r="AA11174">
        <v>49</v>
      </c>
      <c r="AB11174">
        <v>49</v>
      </c>
      <c r="AC11174">
        <v>49</v>
      </c>
      <c r="AD11174">
        <v>49</v>
      </c>
      <c r="AE11174">
        <v>49</v>
      </c>
      <c r="AF11174">
        <v>49</v>
      </c>
      <c r="AG11174">
        <v>49</v>
      </c>
      <c r="AH11174">
        <v>49</v>
      </c>
      <c r="AI11174">
        <v>49</v>
      </c>
      <c r="AJ11174">
        <v>49</v>
      </c>
      <c r="AK11174">
        <v>49</v>
      </c>
      <c r="AL11174">
        <v>48</v>
      </c>
      <c r="AM11174">
        <v>48</v>
      </c>
      <c r="AN11174">
        <v>47</v>
      </c>
      <c r="AO11174">
        <v>47</v>
      </c>
      <c r="AP11174">
        <v>46</v>
      </c>
      <c r="AQ11174">
        <v>46</v>
      </c>
    </row>
    <row r="11175" spans="1:43">
      <c r="A11175" t="s">
        <v>6948</v>
      </c>
      <c r="B11175" t="s">
        <v>6949</v>
      </c>
      <c r="C11175" t="s">
        <v>6934</v>
      </c>
      <c r="D11175" t="s">
        <v>6935</v>
      </c>
      <c r="E11175" t="s">
        <v>6594</v>
      </c>
      <c r="F11175" t="s">
        <v>6595</v>
      </c>
      <c r="G11175" t="s">
        <v>80</v>
      </c>
      <c r="H11175" t="s">
        <v>81</v>
      </c>
      <c r="I11175" s="2">
        <v>0</v>
      </c>
      <c r="J11175" s="2">
        <v>1</v>
      </c>
      <c r="K11175" s="2">
        <v>0</v>
      </c>
      <c r="L11175" t="s">
        <v>82</v>
      </c>
      <c r="M11175" t="s">
        <v>87</v>
      </c>
      <c r="N11175" t="s">
        <v>88</v>
      </c>
      <c r="O11175" t="s">
        <v>85</v>
      </c>
      <c r="P11175" t="s">
        <v>86</v>
      </c>
      <c r="Q11175">
        <v>47</v>
      </c>
      <c r="R11175">
        <v>47</v>
      </c>
      <c r="S11175">
        <v>47</v>
      </c>
      <c r="T11175">
        <v>47</v>
      </c>
      <c r="U11175">
        <v>47</v>
      </c>
      <c r="V11175">
        <v>46</v>
      </c>
      <c r="W11175">
        <v>46</v>
      </c>
      <c r="X11175">
        <v>46</v>
      </c>
      <c r="Y11175">
        <v>46</v>
      </c>
      <c r="Z11175">
        <v>45</v>
      </c>
      <c r="AA11175">
        <v>45</v>
      </c>
      <c r="AB11175">
        <v>45</v>
      </c>
      <c r="AC11175">
        <v>45</v>
      </c>
      <c r="AD11175">
        <v>44</v>
      </c>
      <c r="AE11175">
        <v>44</v>
      </c>
      <c r="AF11175">
        <v>44</v>
      </c>
      <c r="AG11175">
        <v>44</v>
      </c>
      <c r="AH11175">
        <v>43</v>
      </c>
      <c r="AI11175">
        <v>43</v>
      </c>
      <c r="AJ11175">
        <v>43</v>
      </c>
      <c r="AK11175">
        <v>42</v>
      </c>
      <c r="AL11175">
        <v>42</v>
      </c>
      <c r="AM11175">
        <v>42</v>
      </c>
      <c r="AN11175">
        <v>42</v>
      </c>
      <c r="AO11175">
        <v>41</v>
      </c>
      <c r="AP11175">
        <v>41</v>
      </c>
      <c r="AQ11175">
        <v>41</v>
      </c>
    </row>
    <row r="11176" spans="1:43">
      <c r="A11176" t="s">
        <v>6948</v>
      </c>
      <c r="B11176" t="s">
        <v>6949</v>
      </c>
      <c r="C11176" t="s">
        <v>6934</v>
      </c>
      <c r="D11176" t="s">
        <v>6935</v>
      </c>
      <c r="E11176" t="s">
        <v>6594</v>
      </c>
      <c r="F11176" t="s">
        <v>6595</v>
      </c>
      <c r="G11176" t="s">
        <v>80</v>
      </c>
      <c r="H11176" t="s">
        <v>81</v>
      </c>
      <c r="I11176" s="2">
        <v>0</v>
      </c>
      <c r="J11176" s="2">
        <v>1</v>
      </c>
      <c r="K11176" s="2">
        <v>0</v>
      </c>
      <c r="L11176" t="s">
        <v>82</v>
      </c>
      <c r="M11176" t="s">
        <v>89</v>
      </c>
      <c r="N11176" t="s">
        <v>90</v>
      </c>
      <c r="O11176" t="s">
        <v>85</v>
      </c>
      <c r="P11176" t="s">
        <v>86</v>
      </c>
      <c r="Q11176">
        <v>47</v>
      </c>
      <c r="R11176">
        <v>48</v>
      </c>
      <c r="S11176">
        <v>48</v>
      </c>
      <c r="T11176">
        <v>49</v>
      </c>
      <c r="U11176">
        <v>50</v>
      </c>
      <c r="V11176">
        <v>50</v>
      </c>
      <c r="W11176">
        <v>50</v>
      </c>
      <c r="X11176">
        <v>51</v>
      </c>
      <c r="Y11176">
        <v>51</v>
      </c>
      <c r="Z11176">
        <v>51</v>
      </c>
      <c r="AA11176">
        <v>52</v>
      </c>
      <c r="AB11176">
        <v>52</v>
      </c>
      <c r="AC11176">
        <v>52</v>
      </c>
      <c r="AD11176">
        <v>52</v>
      </c>
      <c r="AE11176">
        <v>52</v>
      </c>
      <c r="AF11176">
        <v>52</v>
      </c>
      <c r="AG11176">
        <v>51</v>
      </c>
      <c r="AH11176">
        <v>51</v>
      </c>
      <c r="AI11176">
        <v>50</v>
      </c>
      <c r="AJ11176">
        <v>50</v>
      </c>
      <c r="AK11176">
        <v>49</v>
      </c>
      <c r="AL11176">
        <v>49</v>
      </c>
      <c r="AM11176">
        <v>48</v>
      </c>
      <c r="AN11176">
        <v>48</v>
      </c>
      <c r="AO11176">
        <v>47</v>
      </c>
      <c r="AP11176">
        <v>47</v>
      </c>
      <c r="AQ11176">
        <v>46</v>
      </c>
    </row>
    <row r="11177" spans="1:43">
      <c r="A11177" t="s">
        <v>6948</v>
      </c>
      <c r="B11177" t="s">
        <v>6949</v>
      </c>
      <c r="C11177" t="s">
        <v>6934</v>
      </c>
      <c r="D11177" t="s">
        <v>6935</v>
      </c>
      <c r="E11177" t="s">
        <v>6594</v>
      </c>
      <c r="F11177" t="s">
        <v>6595</v>
      </c>
      <c r="G11177" t="s">
        <v>80</v>
      </c>
      <c r="H11177" t="s">
        <v>81</v>
      </c>
      <c r="I11177" s="2">
        <v>0</v>
      </c>
      <c r="J11177" s="2">
        <v>1</v>
      </c>
      <c r="K11177" s="2">
        <v>0</v>
      </c>
      <c r="L11177" t="s">
        <v>82</v>
      </c>
      <c r="M11177" t="s">
        <v>83</v>
      </c>
      <c r="N11177" t="s">
        <v>91</v>
      </c>
      <c r="O11177" t="s">
        <v>85</v>
      </c>
      <c r="P11177" t="s">
        <v>86</v>
      </c>
      <c r="Q11177">
        <v>47</v>
      </c>
      <c r="R11177">
        <v>47</v>
      </c>
      <c r="S11177">
        <v>47</v>
      </c>
      <c r="T11177">
        <v>47</v>
      </c>
      <c r="U11177">
        <v>48</v>
      </c>
      <c r="V11177">
        <v>48</v>
      </c>
      <c r="W11177">
        <v>48</v>
      </c>
      <c r="X11177">
        <v>48</v>
      </c>
      <c r="Y11177">
        <v>48</v>
      </c>
      <c r="Z11177">
        <v>48</v>
      </c>
      <c r="AA11177">
        <v>49</v>
      </c>
      <c r="AB11177">
        <v>49</v>
      </c>
      <c r="AC11177">
        <v>49</v>
      </c>
      <c r="AD11177">
        <v>49</v>
      </c>
      <c r="AE11177">
        <v>49</v>
      </c>
      <c r="AF11177">
        <v>49</v>
      </c>
      <c r="AG11177">
        <v>49</v>
      </c>
      <c r="AH11177">
        <v>49</v>
      </c>
      <c r="AI11177">
        <v>49</v>
      </c>
      <c r="AJ11177">
        <v>49</v>
      </c>
      <c r="AK11177">
        <v>49</v>
      </c>
      <c r="AL11177">
        <v>48</v>
      </c>
      <c r="AM11177">
        <v>48</v>
      </c>
      <c r="AN11177">
        <v>47</v>
      </c>
      <c r="AO11177">
        <v>47</v>
      </c>
      <c r="AP11177">
        <v>46</v>
      </c>
      <c r="AQ11177">
        <v>46</v>
      </c>
    </row>
    <row r="11178" spans="1:43">
      <c r="A11178" t="s">
        <v>6950</v>
      </c>
      <c r="B11178" t="s">
        <v>6951</v>
      </c>
      <c r="C11178" t="s">
        <v>6940</v>
      </c>
      <c r="D11178" t="s">
        <v>6941</v>
      </c>
      <c r="E11178" t="s">
        <v>6594</v>
      </c>
      <c r="F11178" t="s">
        <v>6595</v>
      </c>
      <c r="G11178" t="s">
        <v>80</v>
      </c>
      <c r="H11178" t="s">
        <v>81</v>
      </c>
      <c r="I11178" s="2">
        <v>0</v>
      </c>
      <c r="J11178" s="2">
        <v>1</v>
      </c>
      <c r="K11178" s="2">
        <v>0</v>
      </c>
      <c r="L11178" t="s">
        <v>82</v>
      </c>
      <c r="M11178" t="s">
        <v>83</v>
      </c>
      <c r="N11178" t="s">
        <v>84</v>
      </c>
      <c r="O11178" t="s">
        <v>85</v>
      </c>
      <c r="P11178" t="s">
        <v>86</v>
      </c>
      <c r="Q11178">
        <v>22</v>
      </c>
      <c r="R11178">
        <v>22</v>
      </c>
      <c r="S11178">
        <v>22</v>
      </c>
      <c r="T11178">
        <v>22</v>
      </c>
      <c r="U11178">
        <v>22</v>
      </c>
      <c r="V11178">
        <v>23</v>
      </c>
      <c r="W11178">
        <v>23</v>
      </c>
      <c r="X11178">
        <v>23</v>
      </c>
      <c r="Y11178">
        <v>23</v>
      </c>
      <c r="Z11178">
        <v>23</v>
      </c>
      <c r="AA11178">
        <v>23</v>
      </c>
      <c r="AB11178">
        <v>23</v>
      </c>
      <c r="AC11178">
        <v>23</v>
      </c>
      <c r="AD11178">
        <v>23</v>
      </c>
      <c r="AE11178">
        <v>23</v>
      </c>
      <c r="AF11178">
        <v>23</v>
      </c>
      <c r="AG11178">
        <v>23</v>
      </c>
      <c r="AH11178">
        <v>23</v>
      </c>
      <c r="AI11178">
        <v>23</v>
      </c>
      <c r="AJ11178">
        <v>23</v>
      </c>
      <c r="AK11178">
        <v>23</v>
      </c>
      <c r="AL11178">
        <v>23</v>
      </c>
      <c r="AM11178">
        <v>23</v>
      </c>
      <c r="AN11178">
        <v>22</v>
      </c>
      <c r="AO11178">
        <v>22</v>
      </c>
      <c r="AP11178">
        <v>22</v>
      </c>
      <c r="AQ11178">
        <v>22</v>
      </c>
    </row>
    <row r="11179" spans="1:43">
      <c r="A11179" t="s">
        <v>6950</v>
      </c>
      <c r="B11179" t="s">
        <v>6951</v>
      </c>
      <c r="C11179" t="s">
        <v>6940</v>
      </c>
      <c r="D11179" t="s">
        <v>6941</v>
      </c>
      <c r="E11179" t="s">
        <v>6594</v>
      </c>
      <c r="F11179" t="s">
        <v>6595</v>
      </c>
      <c r="G11179" t="s">
        <v>80</v>
      </c>
      <c r="H11179" t="s">
        <v>81</v>
      </c>
      <c r="I11179" s="2">
        <v>0</v>
      </c>
      <c r="J11179" s="2">
        <v>1</v>
      </c>
      <c r="K11179" s="2">
        <v>0</v>
      </c>
      <c r="L11179" t="s">
        <v>82</v>
      </c>
      <c r="M11179" t="s">
        <v>87</v>
      </c>
      <c r="N11179" t="s">
        <v>88</v>
      </c>
      <c r="O11179" t="s">
        <v>85</v>
      </c>
      <c r="P11179" t="s">
        <v>86</v>
      </c>
      <c r="Q11179">
        <v>22</v>
      </c>
      <c r="R11179">
        <v>22</v>
      </c>
      <c r="S11179">
        <v>22</v>
      </c>
      <c r="T11179">
        <v>22</v>
      </c>
      <c r="U11179">
        <v>21</v>
      </c>
      <c r="V11179">
        <v>21</v>
      </c>
      <c r="W11179">
        <v>21</v>
      </c>
      <c r="X11179">
        <v>21</v>
      </c>
      <c r="Y11179">
        <v>21</v>
      </c>
      <c r="Z11179">
        <v>21</v>
      </c>
      <c r="AA11179">
        <v>21</v>
      </c>
      <c r="AB11179">
        <v>21</v>
      </c>
      <c r="AC11179">
        <v>21</v>
      </c>
      <c r="AD11179">
        <v>20</v>
      </c>
      <c r="AE11179">
        <v>20</v>
      </c>
      <c r="AF11179">
        <v>20</v>
      </c>
      <c r="AG11179">
        <v>20</v>
      </c>
      <c r="AH11179">
        <v>20</v>
      </c>
      <c r="AI11179">
        <v>20</v>
      </c>
      <c r="AJ11179">
        <v>20</v>
      </c>
      <c r="AK11179">
        <v>20</v>
      </c>
      <c r="AL11179">
        <v>19</v>
      </c>
      <c r="AM11179">
        <v>19</v>
      </c>
      <c r="AN11179">
        <v>19</v>
      </c>
      <c r="AO11179">
        <v>19</v>
      </c>
      <c r="AP11179">
        <v>19</v>
      </c>
      <c r="AQ11179">
        <v>19</v>
      </c>
    </row>
    <row r="11180" spans="1:43">
      <c r="A11180" t="s">
        <v>6950</v>
      </c>
      <c r="B11180" t="s">
        <v>6951</v>
      </c>
      <c r="C11180" t="s">
        <v>6940</v>
      </c>
      <c r="D11180" t="s">
        <v>6941</v>
      </c>
      <c r="E11180" t="s">
        <v>6594</v>
      </c>
      <c r="F11180" t="s">
        <v>6595</v>
      </c>
      <c r="G11180" t="s">
        <v>80</v>
      </c>
      <c r="H11180" t="s">
        <v>81</v>
      </c>
      <c r="I11180" s="2">
        <v>0</v>
      </c>
      <c r="J11180" s="2">
        <v>1</v>
      </c>
      <c r="K11180" s="2">
        <v>0</v>
      </c>
      <c r="L11180" t="s">
        <v>82</v>
      </c>
      <c r="M11180" t="s">
        <v>89</v>
      </c>
      <c r="N11180" t="s">
        <v>90</v>
      </c>
      <c r="O11180" t="s">
        <v>85</v>
      </c>
      <c r="P11180" t="s">
        <v>86</v>
      </c>
      <c r="Q11180">
        <v>22</v>
      </c>
      <c r="R11180">
        <v>22</v>
      </c>
      <c r="S11180">
        <v>23</v>
      </c>
      <c r="T11180">
        <v>23</v>
      </c>
      <c r="U11180">
        <v>23</v>
      </c>
      <c r="V11180">
        <v>24</v>
      </c>
      <c r="W11180">
        <v>24</v>
      </c>
      <c r="X11180">
        <v>24</v>
      </c>
      <c r="Y11180">
        <v>24</v>
      </c>
      <c r="Z11180">
        <v>24</v>
      </c>
      <c r="AA11180">
        <v>24</v>
      </c>
      <c r="AB11180">
        <v>25</v>
      </c>
      <c r="AC11180">
        <v>25</v>
      </c>
      <c r="AD11180">
        <v>25</v>
      </c>
      <c r="AE11180">
        <v>25</v>
      </c>
      <c r="AF11180">
        <v>24</v>
      </c>
      <c r="AG11180">
        <v>24</v>
      </c>
      <c r="AH11180">
        <v>24</v>
      </c>
      <c r="AI11180">
        <v>24</v>
      </c>
      <c r="AJ11180">
        <v>24</v>
      </c>
      <c r="AK11180">
        <v>23</v>
      </c>
      <c r="AL11180">
        <v>23</v>
      </c>
      <c r="AM11180">
        <v>23</v>
      </c>
      <c r="AN11180">
        <v>23</v>
      </c>
      <c r="AO11180">
        <v>22</v>
      </c>
      <c r="AP11180">
        <v>22</v>
      </c>
      <c r="AQ11180">
        <v>22</v>
      </c>
    </row>
    <row r="11181" spans="1:43">
      <c r="A11181" t="s">
        <v>6950</v>
      </c>
      <c r="B11181" t="s">
        <v>6951</v>
      </c>
      <c r="C11181" t="s">
        <v>6940</v>
      </c>
      <c r="D11181" t="s">
        <v>6941</v>
      </c>
      <c r="E11181" t="s">
        <v>6594</v>
      </c>
      <c r="F11181" t="s">
        <v>6595</v>
      </c>
      <c r="G11181" t="s">
        <v>80</v>
      </c>
      <c r="H11181" t="s">
        <v>81</v>
      </c>
      <c r="I11181" s="2">
        <v>0</v>
      </c>
      <c r="J11181" s="2">
        <v>1</v>
      </c>
      <c r="K11181" s="2">
        <v>0</v>
      </c>
      <c r="L11181" t="s">
        <v>82</v>
      </c>
      <c r="M11181" t="s">
        <v>83</v>
      </c>
      <c r="N11181" t="s">
        <v>91</v>
      </c>
      <c r="O11181" t="s">
        <v>85</v>
      </c>
      <c r="P11181" t="s">
        <v>86</v>
      </c>
      <c r="Q11181">
        <v>22</v>
      </c>
      <c r="R11181">
        <v>22</v>
      </c>
      <c r="S11181">
        <v>22</v>
      </c>
      <c r="T11181">
        <v>22</v>
      </c>
      <c r="U11181">
        <v>22</v>
      </c>
      <c r="V11181">
        <v>23</v>
      </c>
      <c r="W11181">
        <v>23</v>
      </c>
      <c r="X11181">
        <v>23</v>
      </c>
      <c r="Y11181">
        <v>23</v>
      </c>
      <c r="Z11181">
        <v>23</v>
      </c>
      <c r="AA11181">
        <v>23</v>
      </c>
      <c r="AB11181">
        <v>23</v>
      </c>
      <c r="AC11181">
        <v>23</v>
      </c>
      <c r="AD11181">
        <v>23</v>
      </c>
      <c r="AE11181">
        <v>23</v>
      </c>
      <c r="AF11181">
        <v>23</v>
      </c>
      <c r="AG11181">
        <v>23</v>
      </c>
      <c r="AH11181">
        <v>23</v>
      </c>
      <c r="AI11181">
        <v>23</v>
      </c>
      <c r="AJ11181">
        <v>23</v>
      </c>
      <c r="AK11181">
        <v>23</v>
      </c>
      <c r="AL11181">
        <v>23</v>
      </c>
      <c r="AM11181">
        <v>23</v>
      </c>
      <c r="AN11181">
        <v>22</v>
      </c>
      <c r="AO11181">
        <v>22</v>
      </c>
      <c r="AP11181">
        <v>22</v>
      </c>
      <c r="AQ11181">
        <v>22</v>
      </c>
    </row>
    <row r="11182" spans="1:43">
      <c r="A11182" t="s">
        <v>6952</v>
      </c>
      <c r="B11182" t="s">
        <v>6953</v>
      </c>
      <c r="C11182" t="s">
        <v>6934</v>
      </c>
      <c r="D11182" t="s">
        <v>6935</v>
      </c>
      <c r="E11182" t="s">
        <v>6594</v>
      </c>
      <c r="F11182" t="s">
        <v>6595</v>
      </c>
      <c r="G11182" t="s">
        <v>80</v>
      </c>
      <c r="H11182" t="s">
        <v>81</v>
      </c>
      <c r="I11182" s="2">
        <v>0</v>
      </c>
      <c r="J11182" s="2">
        <v>1</v>
      </c>
      <c r="K11182" s="2">
        <v>0</v>
      </c>
      <c r="L11182" t="s">
        <v>82</v>
      </c>
      <c r="M11182" t="s">
        <v>83</v>
      </c>
      <c r="N11182" t="s">
        <v>84</v>
      </c>
      <c r="O11182" t="s">
        <v>85</v>
      </c>
      <c r="P11182" t="s">
        <v>86</v>
      </c>
      <c r="Q11182">
        <v>23</v>
      </c>
      <c r="R11182">
        <v>24</v>
      </c>
      <c r="S11182">
        <v>24</v>
      </c>
      <c r="T11182">
        <v>24</v>
      </c>
      <c r="U11182">
        <v>24</v>
      </c>
      <c r="V11182">
        <v>24</v>
      </c>
      <c r="W11182">
        <v>24</v>
      </c>
      <c r="X11182">
        <v>24</v>
      </c>
      <c r="Y11182">
        <v>24</v>
      </c>
      <c r="Z11182">
        <v>24</v>
      </c>
      <c r="AA11182">
        <v>24</v>
      </c>
      <c r="AB11182">
        <v>24</v>
      </c>
      <c r="AC11182">
        <v>24</v>
      </c>
      <c r="AD11182">
        <v>24</v>
      </c>
      <c r="AE11182">
        <v>24</v>
      </c>
      <c r="AF11182">
        <v>24</v>
      </c>
      <c r="AG11182">
        <v>24</v>
      </c>
      <c r="AH11182">
        <v>24</v>
      </c>
      <c r="AI11182">
        <v>24</v>
      </c>
      <c r="AJ11182">
        <v>24</v>
      </c>
      <c r="AK11182">
        <v>24</v>
      </c>
      <c r="AL11182">
        <v>24</v>
      </c>
      <c r="AM11182">
        <v>24</v>
      </c>
      <c r="AN11182">
        <v>24</v>
      </c>
      <c r="AO11182">
        <v>23</v>
      </c>
      <c r="AP11182">
        <v>23</v>
      </c>
      <c r="AQ11182">
        <v>23</v>
      </c>
    </row>
    <row r="11183" spans="1:43">
      <c r="A11183" t="s">
        <v>6952</v>
      </c>
      <c r="B11183" t="s">
        <v>6953</v>
      </c>
      <c r="C11183" t="s">
        <v>6934</v>
      </c>
      <c r="D11183" t="s">
        <v>6935</v>
      </c>
      <c r="E11183" t="s">
        <v>6594</v>
      </c>
      <c r="F11183" t="s">
        <v>6595</v>
      </c>
      <c r="G11183" t="s">
        <v>80</v>
      </c>
      <c r="H11183" t="s">
        <v>81</v>
      </c>
      <c r="I11183" s="2">
        <v>0</v>
      </c>
      <c r="J11183" s="2">
        <v>1</v>
      </c>
      <c r="K11183" s="2">
        <v>0</v>
      </c>
      <c r="L11183" t="s">
        <v>82</v>
      </c>
      <c r="M11183" t="s">
        <v>87</v>
      </c>
      <c r="N11183" t="s">
        <v>88</v>
      </c>
      <c r="O11183" t="s">
        <v>85</v>
      </c>
      <c r="P11183" t="s">
        <v>86</v>
      </c>
      <c r="Q11183">
        <v>23</v>
      </c>
      <c r="R11183">
        <v>23</v>
      </c>
      <c r="S11183">
        <v>23</v>
      </c>
      <c r="T11183">
        <v>23</v>
      </c>
      <c r="U11183">
        <v>23</v>
      </c>
      <c r="V11183">
        <v>23</v>
      </c>
      <c r="W11183">
        <v>23</v>
      </c>
      <c r="X11183">
        <v>23</v>
      </c>
      <c r="Y11183">
        <v>22</v>
      </c>
      <c r="Z11183">
        <v>22</v>
      </c>
      <c r="AA11183">
        <v>22</v>
      </c>
      <c r="AB11183">
        <v>22</v>
      </c>
      <c r="AC11183">
        <v>22</v>
      </c>
      <c r="AD11183">
        <v>22</v>
      </c>
      <c r="AE11183">
        <v>22</v>
      </c>
      <c r="AF11183">
        <v>21</v>
      </c>
      <c r="AG11183">
        <v>21</v>
      </c>
      <c r="AH11183">
        <v>21</v>
      </c>
      <c r="AI11183">
        <v>21</v>
      </c>
      <c r="AJ11183">
        <v>21</v>
      </c>
      <c r="AK11183">
        <v>21</v>
      </c>
      <c r="AL11183">
        <v>21</v>
      </c>
      <c r="AM11183">
        <v>20</v>
      </c>
      <c r="AN11183">
        <v>20</v>
      </c>
      <c r="AO11183">
        <v>20</v>
      </c>
      <c r="AP11183">
        <v>20</v>
      </c>
      <c r="AQ11183">
        <v>20</v>
      </c>
    </row>
    <row r="11184" spans="1:43">
      <c r="A11184" t="s">
        <v>6952</v>
      </c>
      <c r="B11184" t="s">
        <v>6953</v>
      </c>
      <c r="C11184" t="s">
        <v>6934</v>
      </c>
      <c r="D11184" t="s">
        <v>6935</v>
      </c>
      <c r="E11184" t="s">
        <v>6594</v>
      </c>
      <c r="F11184" t="s">
        <v>6595</v>
      </c>
      <c r="G11184" t="s">
        <v>80</v>
      </c>
      <c r="H11184" t="s">
        <v>81</v>
      </c>
      <c r="I11184" s="2">
        <v>0</v>
      </c>
      <c r="J11184" s="2">
        <v>1</v>
      </c>
      <c r="K11184" s="2">
        <v>0</v>
      </c>
      <c r="L11184" t="s">
        <v>82</v>
      </c>
      <c r="M11184" t="s">
        <v>89</v>
      </c>
      <c r="N11184" t="s">
        <v>90</v>
      </c>
      <c r="O11184" t="s">
        <v>85</v>
      </c>
      <c r="P11184" t="s">
        <v>86</v>
      </c>
      <c r="Q11184">
        <v>23</v>
      </c>
      <c r="R11184">
        <v>23</v>
      </c>
      <c r="S11184">
        <v>23</v>
      </c>
      <c r="T11184">
        <v>24</v>
      </c>
      <c r="U11184">
        <v>24</v>
      </c>
      <c r="V11184">
        <v>24</v>
      </c>
      <c r="W11184">
        <v>24</v>
      </c>
      <c r="X11184">
        <v>25</v>
      </c>
      <c r="Y11184">
        <v>25</v>
      </c>
      <c r="Z11184">
        <v>25</v>
      </c>
      <c r="AA11184">
        <v>25</v>
      </c>
      <c r="AB11184">
        <v>25</v>
      </c>
      <c r="AC11184">
        <v>25</v>
      </c>
      <c r="AD11184">
        <v>25</v>
      </c>
      <c r="AE11184">
        <v>25</v>
      </c>
      <c r="AF11184">
        <v>25</v>
      </c>
      <c r="AG11184">
        <v>25</v>
      </c>
      <c r="AH11184">
        <v>24</v>
      </c>
      <c r="AI11184">
        <v>24</v>
      </c>
      <c r="AJ11184">
        <v>24</v>
      </c>
      <c r="AK11184">
        <v>24</v>
      </c>
      <c r="AL11184">
        <v>23</v>
      </c>
      <c r="AM11184">
        <v>23</v>
      </c>
      <c r="AN11184">
        <v>23</v>
      </c>
      <c r="AO11184">
        <v>23</v>
      </c>
      <c r="AP11184">
        <v>23</v>
      </c>
      <c r="AQ11184">
        <v>22</v>
      </c>
    </row>
    <row r="11185" spans="1:43">
      <c r="A11185" t="s">
        <v>6952</v>
      </c>
      <c r="B11185" t="s">
        <v>6953</v>
      </c>
      <c r="C11185" t="s">
        <v>6934</v>
      </c>
      <c r="D11185" t="s">
        <v>6935</v>
      </c>
      <c r="E11185" t="s">
        <v>6594</v>
      </c>
      <c r="F11185" t="s">
        <v>6595</v>
      </c>
      <c r="G11185" t="s">
        <v>80</v>
      </c>
      <c r="H11185" t="s">
        <v>81</v>
      </c>
      <c r="I11185" s="2">
        <v>0</v>
      </c>
      <c r="J11185" s="2">
        <v>1</v>
      </c>
      <c r="K11185" s="2">
        <v>0</v>
      </c>
      <c r="L11185" t="s">
        <v>82</v>
      </c>
      <c r="M11185" t="s">
        <v>83</v>
      </c>
      <c r="N11185" t="s">
        <v>91</v>
      </c>
      <c r="O11185" t="s">
        <v>85</v>
      </c>
      <c r="P11185" t="s">
        <v>86</v>
      </c>
      <c r="Q11185">
        <v>23</v>
      </c>
      <c r="R11185">
        <v>24</v>
      </c>
      <c r="S11185">
        <v>24</v>
      </c>
      <c r="T11185">
        <v>24</v>
      </c>
      <c r="U11185">
        <v>24</v>
      </c>
      <c r="V11185">
        <v>24</v>
      </c>
      <c r="W11185">
        <v>24</v>
      </c>
      <c r="X11185">
        <v>24</v>
      </c>
      <c r="Y11185">
        <v>24</v>
      </c>
      <c r="Z11185">
        <v>24</v>
      </c>
      <c r="AA11185">
        <v>24</v>
      </c>
      <c r="AB11185">
        <v>24</v>
      </c>
      <c r="AC11185">
        <v>24</v>
      </c>
      <c r="AD11185">
        <v>24</v>
      </c>
      <c r="AE11185">
        <v>24</v>
      </c>
      <c r="AF11185">
        <v>24</v>
      </c>
      <c r="AG11185">
        <v>24</v>
      </c>
      <c r="AH11185">
        <v>24</v>
      </c>
      <c r="AI11185">
        <v>24</v>
      </c>
      <c r="AJ11185">
        <v>24</v>
      </c>
      <c r="AK11185">
        <v>24</v>
      </c>
      <c r="AL11185">
        <v>24</v>
      </c>
      <c r="AM11185">
        <v>24</v>
      </c>
      <c r="AN11185">
        <v>24</v>
      </c>
      <c r="AO11185">
        <v>23</v>
      </c>
      <c r="AP11185">
        <v>23</v>
      </c>
      <c r="AQ11185">
        <v>23</v>
      </c>
    </row>
    <row r="11186" spans="1:43">
      <c r="A11186" t="s">
        <v>6954</v>
      </c>
      <c r="B11186" t="s">
        <v>6955</v>
      </c>
      <c r="C11186" t="s">
        <v>6934</v>
      </c>
      <c r="D11186" t="s">
        <v>6935</v>
      </c>
      <c r="E11186" t="s">
        <v>6594</v>
      </c>
      <c r="F11186" t="s">
        <v>6595</v>
      </c>
      <c r="G11186" t="s">
        <v>80</v>
      </c>
      <c r="H11186" t="s">
        <v>81</v>
      </c>
      <c r="I11186" s="2">
        <v>0</v>
      </c>
      <c r="J11186" s="2">
        <v>1</v>
      </c>
      <c r="K11186" s="2">
        <v>0</v>
      </c>
      <c r="L11186" t="s">
        <v>82</v>
      </c>
      <c r="M11186" t="s">
        <v>83</v>
      </c>
      <c r="N11186" t="s">
        <v>84</v>
      </c>
      <c r="O11186" t="s">
        <v>85</v>
      </c>
      <c r="P11186" t="s">
        <v>86</v>
      </c>
      <c r="Q11186">
        <v>65</v>
      </c>
      <c r="R11186">
        <v>66</v>
      </c>
      <c r="S11186">
        <v>66</v>
      </c>
      <c r="T11186">
        <v>66</v>
      </c>
      <c r="U11186">
        <v>67</v>
      </c>
      <c r="V11186">
        <v>67</v>
      </c>
      <c r="W11186">
        <v>67</v>
      </c>
      <c r="X11186">
        <v>67</v>
      </c>
      <c r="Y11186">
        <v>68</v>
      </c>
      <c r="Z11186">
        <v>68</v>
      </c>
      <c r="AA11186">
        <v>68</v>
      </c>
      <c r="AB11186">
        <v>68</v>
      </c>
      <c r="AC11186">
        <v>68</v>
      </c>
      <c r="AD11186">
        <v>68</v>
      </c>
      <c r="AE11186">
        <v>68</v>
      </c>
      <c r="AF11186">
        <v>68</v>
      </c>
      <c r="AG11186">
        <v>68</v>
      </c>
      <c r="AH11186">
        <v>68</v>
      </c>
      <c r="AI11186">
        <v>68</v>
      </c>
      <c r="AJ11186">
        <v>68</v>
      </c>
      <c r="AK11186">
        <v>68</v>
      </c>
      <c r="AL11186">
        <v>67</v>
      </c>
      <c r="AM11186">
        <v>67</v>
      </c>
      <c r="AN11186">
        <v>66</v>
      </c>
      <c r="AO11186">
        <v>65</v>
      </c>
      <c r="AP11186">
        <v>65</v>
      </c>
      <c r="AQ11186">
        <v>64</v>
      </c>
    </row>
    <row r="11187" spans="1:43">
      <c r="A11187" t="s">
        <v>6954</v>
      </c>
      <c r="B11187" t="s">
        <v>6955</v>
      </c>
      <c r="C11187" t="s">
        <v>6934</v>
      </c>
      <c r="D11187" t="s">
        <v>6935</v>
      </c>
      <c r="E11187" t="s">
        <v>6594</v>
      </c>
      <c r="F11187" t="s">
        <v>6595</v>
      </c>
      <c r="G11187" t="s">
        <v>80</v>
      </c>
      <c r="H11187" t="s">
        <v>81</v>
      </c>
      <c r="I11187" s="2">
        <v>0</v>
      </c>
      <c r="J11187" s="2">
        <v>1</v>
      </c>
      <c r="K11187" s="2">
        <v>0</v>
      </c>
      <c r="L11187" t="s">
        <v>82</v>
      </c>
      <c r="M11187" t="s">
        <v>87</v>
      </c>
      <c r="N11187" t="s">
        <v>88</v>
      </c>
      <c r="O11187" t="s">
        <v>85</v>
      </c>
      <c r="P11187" t="s">
        <v>86</v>
      </c>
      <c r="Q11187">
        <v>65</v>
      </c>
      <c r="R11187">
        <v>64</v>
      </c>
      <c r="S11187">
        <v>64</v>
      </c>
      <c r="T11187">
        <v>64</v>
      </c>
      <c r="U11187">
        <v>64</v>
      </c>
      <c r="V11187">
        <v>63</v>
      </c>
      <c r="W11187">
        <v>63</v>
      </c>
      <c r="X11187">
        <v>63</v>
      </c>
      <c r="Y11187">
        <v>62</v>
      </c>
      <c r="Z11187">
        <v>62</v>
      </c>
      <c r="AA11187">
        <v>62</v>
      </c>
      <c r="AB11187">
        <v>61</v>
      </c>
      <c r="AC11187">
        <v>61</v>
      </c>
      <c r="AD11187">
        <v>61</v>
      </c>
      <c r="AE11187">
        <v>60</v>
      </c>
      <c r="AF11187">
        <v>60</v>
      </c>
      <c r="AG11187">
        <v>59</v>
      </c>
      <c r="AH11187">
        <v>59</v>
      </c>
      <c r="AI11187">
        <v>59</v>
      </c>
      <c r="AJ11187">
        <v>58</v>
      </c>
      <c r="AK11187">
        <v>58</v>
      </c>
      <c r="AL11187">
        <v>57</v>
      </c>
      <c r="AM11187">
        <v>57</v>
      </c>
      <c r="AN11187">
        <v>57</v>
      </c>
      <c r="AO11187">
        <v>56</v>
      </c>
      <c r="AP11187">
        <v>56</v>
      </c>
      <c r="AQ11187">
        <v>56</v>
      </c>
    </row>
    <row r="11188" spans="1:43">
      <c r="A11188" t="s">
        <v>6954</v>
      </c>
      <c r="B11188" t="s">
        <v>6955</v>
      </c>
      <c r="C11188" t="s">
        <v>6934</v>
      </c>
      <c r="D11188" t="s">
        <v>6935</v>
      </c>
      <c r="E11188" t="s">
        <v>6594</v>
      </c>
      <c r="F11188" t="s">
        <v>6595</v>
      </c>
      <c r="G11188" t="s">
        <v>80</v>
      </c>
      <c r="H11188" t="s">
        <v>81</v>
      </c>
      <c r="I11188" s="2">
        <v>0</v>
      </c>
      <c r="J11188" s="2">
        <v>1</v>
      </c>
      <c r="K11188" s="2">
        <v>0</v>
      </c>
      <c r="L11188" t="s">
        <v>82</v>
      </c>
      <c r="M11188" t="s">
        <v>89</v>
      </c>
      <c r="N11188" t="s">
        <v>90</v>
      </c>
      <c r="O11188" t="s">
        <v>85</v>
      </c>
      <c r="P11188" t="s">
        <v>86</v>
      </c>
      <c r="Q11188">
        <v>65</v>
      </c>
      <c r="R11188">
        <v>66</v>
      </c>
      <c r="S11188">
        <v>67</v>
      </c>
      <c r="T11188">
        <v>68</v>
      </c>
      <c r="U11188">
        <v>68</v>
      </c>
      <c r="V11188">
        <v>69</v>
      </c>
      <c r="W11188">
        <v>70</v>
      </c>
      <c r="X11188">
        <v>70</v>
      </c>
      <c r="Y11188">
        <v>71</v>
      </c>
      <c r="Z11188">
        <v>71</v>
      </c>
      <c r="AA11188">
        <v>71</v>
      </c>
      <c r="AB11188">
        <v>72</v>
      </c>
      <c r="AC11188">
        <v>72</v>
      </c>
      <c r="AD11188">
        <v>72</v>
      </c>
      <c r="AE11188">
        <v>72</v>
      </c>
      <c r="AF11188">
        <v>71</v>
      </c>
      <c r="AG11188">
        <v>71</v>
      </c>
      <c r="AH11188">
        <v>70</v>
      </c>
      <c r="AI11188">
        <v>69</v>
      </c>
      <c r="AJ11188">
        <v>68</v>
      </c>
      <c r="AK11188">
        <v>68</v>
      </c>
      <c r="AL11188">
        <v>67</v>
      </c>
      <c r="AM11188">
        <v>66</v>
      </c>
      <c r="AN11188">
        <v>66</v>
      </c>
      <c r="AO11188">
        <v>65</v>
      </c>
      <c r="AP11188">
        <v>65</v>
      </c>
      <c r="AQ11188">
        <v>64</v>
      </c>
    </row>
    <row r="11189" spans="1:43">
      <c r="A11189" t="s">
        <v>6954</v>
      </c>
      <c r="B11189" t="s">
        <v>6955</v>
      </c>
      <c r="C11189" t="s">
        <v>6934</v>
      </c>
      <c r="D11189" t="s">
        <v>6935</v>
      </c>
      <c r="E11189" t="s">
        <v>6594</v>
      </c>
      <c r="F11189" t="s">
        <v>6595</v>
      </c>
      <c r="G11189" t="s">
        <v>80</v>
      </c>
      <c r="H11189" t="s">
        <v>81</v>
      </c>
      <c r="I11189" s="2">
        <v>0</v>
      </c>
      <c r="J11189" s="2">
        <v>1</v>
      </c>
      <c r="K11189" s="2">
        <v>0</v>
      </c>
      <c r="L11189" t="s">
        <v>82</v>
      </c>
      <c r="M11189" t="s">
        <v>83</v>
      </c>
      <c r="N11189" t="s">
        <v>91</v>
      </c>
      <c r="O11189" t="s">
        <v>85</v>
      </c>
      <c r="P11189" t="s">
        <v>86</v>
      </c>
      <c r="Q11189">
        <v>65</v>
      </c>
      <c r="R11189">
        <v>66</v>
      </c>
      <c r="S11189">
        <v>66</v>
      </c>
      <c r="T11189">
        <v>66</v>
      </c>
      <c r="U11189">
        <v>67</v>
      </c>
      <c r="V11189">
        <v>67</v>
      </c>
      <c r="W11189">
        <v>67</v>
      </c>
      <c r="X11189">
        <v>67</v>
      </c>
      <c r="Y11189">
        <v>68</v>
      </c>
      <c r="Z11189">
        <v>68</v>
      </c>
      <c r="AA11189">
        <v>68</v>
      </c>
      <c r="AB11189">
        <v>68</v>
      </c>
      <c r="AC11189">
        <v>68</v>
      </c>
      <c r="AD11189">
        <v>68</v>
      </c>
      <c r="AE11189">
        <v>68</v>
      </c>
      <c r="AF11189">
        <v>68</v>
      </c>
      <c r="AG11189">
        <v>68</v>
      </c>
      <c r="AH11189">
        <v>68</v>
      </c>
      <c r="AI11189">
        <v>68</v>
      </c>
      <c r="AJ11189">
        <v>68</v>
      </c>
      <c r="AK11189">
        <v>68</v>
      </c>
      <c r="AL11189">
        <v>67</v>
      </c>
      <c r="AM11189">
        <v>67</v>
      </c>
      <c r="AN11189">
        <v>66</v>
      </c>
      <c r="AO11189">
        <v>65</v>
      </c>
      <c r="AP11189">
        <v>65</v>
      </c>
      <c r="AQ11189">
        <v>64</v>
      </c>
    </row>
    <row r="11190" spans="1:43">
      <c r="A11190" t="s">
        <v>6956</v>
      </c>
      <c r="B11190" t="s">
        <v>6957</v>
      </c>
      <c r="C11190" t="s">
        <v>6958</v>
      </c>
      <c r="D11190" t="s">
        <v>6959</v>
      </c>
      <c r="E11190" t="s">
        <v>6594</v>
      </c>
      <c r="F11190" t="s">
        <v>6595</v>
      </c>
      <c r="G11190" t="s">
        <v>80</v>
      </c>
      <c r="H11190" t="s">
        <v>81</v>
      </c>
      <c r="I11190" s="2">
        <v>0</v>
      </c>
      <c r="J11190" s="2">
        <v>1</v>
      </c>
      <c r="K11190" s="2">
        <v>0</v>
      </c>
      <c r="L11190" t="s">
        <v>82</v>
      </c>
      <c r="M11190" t="s">
        <v>83</v>
      </c>
      <c r="N11190" t="s">
        <v>84</v>
      </c>
      <c r="O11190" t="s">
        <v>85</v>
      </c>
      <c r="P11190" t="s">
        <v>86</v>
      </c>
      <c r="Q11190">
        <v>27</v>
      </c>
      <c r="R11190">
        <v>28</v>
      </c>
      <c r="S11190">
        <v>28</v>
      </c>
      <c r="T11190">
        <v>28</v>
      </c>
      <c r="U11190">
        <v>28</v>
      </c>
      <c r="V11190">
        <v>28</v>
      </c>
      <c r="W11190">
        <v>28</v>
      </c>
      <c r="X11190">
        <v>29</v>
      </c>
      <c r="Y11190">
        <v>29</v>
      </c>
      <c r="Z11190">
        <v>29</v>
      </c>
      <c r="AA11190">
        <v>29</v>
      </c>
      <c r="AB11190">
        <v>29</v>
      </c>
      <c r="AC11190">
        <v>29</v>
      </c>
      <c r="AD11190">
        <v>29</v>
      </c>
      <c r="AE11190">
        <v>29</v>
      </c>
      <c r="AF11190">
        <v>29</v>
      </c>
      <c r="AG11190">
        <v>29</v>
      </c>
      <c r="AH11190">
        <v>29</v>
      </c>
      <c r="AI11190">
        <v>29</v>
      </c>
      <c r="AJ11190">
        <v>29</v>
      </c>
      <c r="AK11190">
        <v>29</v>
      </c>
      <c r="AL11190">
        <v>29</v>
      </c>
      <c r="AM11190">
        <v>28</v>
      </c>
      <c r="AN11190">
        <v>28</v>
      </c>
      <c r="AO11190">
        <v>28</v>
      </c>
      <c r="AP11190">
        <v>28</v>
      </c>
      <c r="AQ11190">
        <v>27</v>
      </c>
    </row>
    <row r="11191" spans="1:43">
      <c r="A11191" t="s">
        <v>6956</v>
      </c>
      <c r="B11191" t="s">
        <v>6957</v>
      </c>
      <c r="C11191" t="s">
        <v>6958</v>
      </c>
      <c r="D11191" t="s">
        <v>6959</v>
      </c>
      <c r="E11191" t="s">
        <v>6594</v>
      </c>
      <c r="F11191" t="s">
        <v>6595</v>
      </c>
      <c r="G11191" t="s">
        <v>80</v>
      </c>
      <c r="H11191" t="s">
        <v>81</v>
      </c>
      <c r="I11191" s="2">
        <v>0</v>
      </c>
      <c r="J11191" s="2">
        <v>1</v>
      </c>
      <c r="K11191" s="2">
        <v>0</v>
      </c>
      <c r="L11191" t="s">
        <v>82</v>
      </c>
      <c r="M11191" t="s">
        <v>87</v>
      </c>
      <c r="N11191" t="s">
        <v>88</v>
      </c>
      <c r="O11191" t="s">
        <v>85</v>
      </c>
      <c r="P11191" t="s">
        <v>86</v>
      </c>
      <c r="Q11191">
        <v>27</v>
      </c>
      <c r="R11191">
        <v>27</v>
      </c>
      <c r="S11191">
        <v>27</v>
      </c>
      <c r="T11191">
        <v>27</v>
      </c>
      <c r="U11191">
        <v>27</v>
      </c>
      <c r="V11191">
        <v>27</v>
      </c>
      <c r="W11191">
        <v>27</v>
      </c>
      <c r="X11191">
        <v>27</v>
      </c>
      <c r="Y11191">
        <v>26</v>
      </c>
      <c r="Z11191">
        <v>26</v>
      </c>
      <c r="AA11191">
        <v>26</v>
      </c>
      <c r="AB11191">
        <v>26</v>
      </c>
      <c r="AC11191">
        <v>26</v>
      </c>
      <c r="AD11191">
        <v>26</v>
      </c>
      <c r="AE11191">
        <v>26</v>
      </c>
      <c r="AF11191">
        <v>26</v>
      </c>
      <c r="AG11191">
        <v>25</v>
      </c>
      <c r="AH11191">
        <v>25</v>
      </c>
      <c r="AI11191">
        <v>25</v>
      </c>
      <c r="AJ11191">
        <v>25</v>
      </c>
      <c r="AK11191">
        <v>25</v>
      </c>
      <c r="AL11191">
        <v>25</v>
      </c>
      <c r="AM11191">
        <v>25</v>
      </c>
      <c r="AN11191">
        <v>24</v>
      </c>
      <c r="AO11191">
        <v>24</v>
      </c>
      <c r="AP11191">
        <v>24</v>
      </c>
      <c r="AQ11191">
        <v>24</v>
      </c>
    </row>
    <row r="11192" spans="1:43">
      <c r="A11192" t="s">
        <v>6956</v>
      </c>
      <c r="B11192" t="s">
        <v>6957</v>
      </c>
      <c r="C11192" t="s">
        <v>6958</v>
      </c>
      <c r="D11192" t="s">
        <v>6959</v>
      </c>
      <c r="E11192" t="s">
        <v>6594</v>
      </c>
      <c r="F11192" t="s">
        <v>6595</v>
      </c>
      <c r="G11192" t="s">
        <v>80</v>
      </c>
      <c r="H11192" t="s">
        <v>81</v>
      </c>
      <c r="I11192" s="2">
        <v>0</v>
      </c>
      <c r="J11192" s="2">
        <v>1</v>
      </c>
      <c r="K11192" s="2">
        <v>0</v>
      </c>
      <c r="L11192" t="s">
        <v>82</v>
      </c>
      <c r="M11192" t="s">
        <v>89</v>
      </c>
      <c r="N11192" t="s">
        <v>90</v>
      </c>
      <c r="O11192" t="s">
        <v>85</v>
      </c>
      <c r="P11192" t="s">
        <v>86</v>
      </c>
      <c r="Q11192">
        <v>27</v>
      </c>
      <c r="R11192">
        <v>27</v>
      </c>
      <c r="S11192">
        <v>28</v>
      </c>
      <c r="T11192">
        <v>28</v>
      </c>
      <c r="U11192">
        <v>28</v>
      </c>
      <c r="V11192">
        <v>29</v>
      </c>
      <c r="W11192">
        <v>29</v>
      </c>
      <c r="X11192">
        <v>29</v>
      </c>
      <c r="Y11192">
        <v>29</v>
      </c>
      <c r="Z11192">
        <v>29</v>
      </c>
      <c r="AA11192">
        <v>30</v>
      </c>
      <c r="AB11192">
        <v>30</v>
      </c>
      <c r="AC11192">
        <v>30</v>
      </c>
      <c r="AD11192">
        <v>30</v>
      </c>
      <c r="AE11192">
        <v>30</v>
      </c>
      <c r="AF11192">
        <v>30</v>
      </c>
      <c r="AG11192">
        <v>29</v>
      </c>
      <c r="AH11192">
        <v>29</v>
      </c>
      <c r="AI11192">
        <v>29</v>
      </c>
      <c r="AJ11192">
        <v>28</v>
      </c>
      <c r="AK11192">
        <v>28</v>
      </c>
      <c r="AL11192">
        <v>28</v>
      </c>
      <c r="AM11192">
        <v>28</v>
      </c>
      <c r="AN11192">
        <v>27</v>
      </c>
      <c r="AO11192">
        <v>27</v>
      </c>
      <c r="AP11192">
        <v>27</v>
      </c>
      <c r="AQ11192">
        <v>27</v>
      </c>
    </row>
    <row r="11193" spans="1:43">
      <c r="A11193" t="s">
        <v>6956</v>
      </c>
      <c r="B11193" t="s">
        <v>6957</v>
      </c>
      <c r="C11193" t="s">
        <v>6958</v>
      </c>
      <c r="D11193" t="s">
        <v>6959</v>
      </c>
      <c r="E11193" t="s">
        <v>6594</v>
      </c>
      <c r="F11193" t="s">
        <v>6595</v>
      </c>
      <c r="G11193" t="s">
        <v>80</v>
      </c>
      <c r="H11193" t="s">
        <v>81</v>
      </c>
      <c r="I11193" s="2">
        <v>0</v>
      </c>
      <c r="J11193" s="2">
        <v>1</v>
      </c>
      <c r="K11193" s="2">
        <v>0</v>
      </c>
      <c r="L11193" t="s">
        <v>82</v>
      </c>
      <c r="M11193" t="s">
        <v>83</v>
      </c>
      <c r="N11193" t="s">
        <v>91</v>
      </c>
      <c r="O11193" t="s">
        <v>85</v>
      </c>
      <c r="P11193" t="s">
        <v>86</v>
      </c>
      <c r="Q11193">
        <v>27</v>
      </c>
      <c r="R11193">
        <v>28</v>
      </c>
      <c r="S11193">
        <v>28</v>
      </c>
      <c r="T11193">
        <v>28</v>
      </c>
      <c r="U11193">
        <v>28</v>
      </c>
      <c r="V11193">
        <v>28</v>
      </c>
      <c r="W11193">
        <v>28</v>
      </c>
      <c r="X11193">
        <v>29</v>
      </c>
      <c r="Y11193">
        <v>29</v>
      </c>
      <c r="Z11193">
        <v>29</v>
      </c>
      <c r="AA11193">
        <v>29</v>
      </c>
      <c r="AB11193">
        <v>29</v>
      </c>
      <c r="AC11193">
        <v>29</v>
      </c>
      <c r="AD11193">
        <v>29</v>
      </c>
      <c r="AE11193">
        <v>29</v>
      </c>
      <c r="AF11193">
        <v>29</v>
      </c>
      <c r="AG11193">
        <v>29</v>
      </c>
      <c r="AH11193">
        <v>29</v>
      </c>
      <c r="AI11193">
        <v>29</v>
      </c>
      <c r="AJ11193">
        <v>29</v>
      </c>
      <c r="AK11193">
        <v>29</v>
      </c>
      <c r="AL11193">
        <v>29</v>
      </c>
      <c r="AM11193">
        <v>28</v>
      </c>
      <c r="AN11193">
        <v>28</v>
      </c>
      <c r="AO11193">
        <v>28</v>
      </c>
      <c r="AP11193">
        <v>28</v>
      </c>
      <c r="AQ11193">
        <v>27</v>
      </c>
    </row>
    <row r="11194" spans="1:43">
      <c r="A11194" t="s">
        <v>6960</v>
      </c>
      <c r="B11194" t="s">
        <v>6961</v>
      </c>
      <c r="C11194" t="s">
        <v>6962</v>
      </c>
      <c r="D11194" t="s">
        <v>6963</v>
      </c>
      <c r="E11194" t="s">
        <v>6594</v>
      </c>
      <c r="F11194" t="s">
        <v>6595</v>
      </c>
      <c r="G11194" t="s">
        <v>80</v>
      </c>
      <c r="H11194" t="s">
        <v>81</v>
      </c>
      <c r="I11194" s="2">
        <v>0</v>
      </c>
      <c r="J11194" s="2">
        <v>1</v>
      </c>
      <c r="K11194" s="2">
        <v>0</v>
      </c>
      <c r="L11194" t="s">
        <v>82</v>
      </c>
      <c r="M11194" t="s">
        <v>83</v>
      </c>
      <c r="N11194" t="s">
        <v>84</v>
      </c>
      <c r="O11194" t="s">
        <v>85</v>
      </c>
      <c r="P11194" t="s">
        <v>86</v>
      </c>
      <c r="Q11194">
        <v>11</v>
      </c>
      <c r="R11194">
        <v>11</v>
      </c>
      <c r="S11194">
        <v>11</v>
      </c>
      <c r="T11194">
        <v>11</v>
      </c>
      <c r="U11194">
        <v>11</v>
      </c>
      <c r="V11194">
        <v>11</v>
      </c>
      <c r="W11194">
        <v>11</v>
      </c>
      <c r="X11194">
        <v>11</v>
      </c>
      <c r="Y11194">
        <v>11</v>
      </c>
      <c r="Z11194">
        <v>11</v>
      </c>
      <c r="AA11194">
        <v>11</v>
      </c>
      <c r="AB11194">
        <v>11</v>
      </c>
      <c r="AC11194">
        <v>11</v>
      </c>
      <c r="AD11194">
        <v>11</v>
      </c>
      <c r="AE11194">
        <v>11</v>
      </c>
      <c r="AF11194">
        <v>11</v>
      </c>
      <c r="AG11194">
        <v>11</v>
      </c>
      <c r="AH11194">
        <v>11</v>
      </c>
      <c r="AI11194">
        <v>11</v>
      </c>
      <c r="AJ11194">
        <v>11</v>
      </c>
      <c r="AK11194">
        <v>11</v>
      </c>
      <c r="AL11194">
        <v>11</v>
      </c>
      <c r="AM11194">
        <v>11</v>
      </c>
      <c r="AN11194">
        <v>11</v>
      </c>
      <c r="AO11194">
        <v>11</v>
      </c>
      <c r="AP11194">
        <v>11</v>
      </c>
      <c r="AQ11194">
        <v>11</v>
      </c>
    </row>
    <row r="11195" spans="1:43">
      <c r="A11195" t="s">
        <v>6960</v>
      </c>
      <c r="B11195" t="s">
        <v>6961</v>
      </c>
      <c r="C11195" t="s">
        <v>6962</v>
      </c>
      <c r="D11195" t="s">
        <v>6963</v>
      </c>
      <c r="E11195" t="s">
        <v>6594</v>
      </c>
      <c r="F11195" t="s">
        <v>6595</v>
      </c>
      <c r="G11195" t="s">
        <v>80</v>
      </c>
      <c r="H11195" t="s">
        <v>81</v>
      </c>
      <c r="I11195" s="2">
        <v>0</v>
      </c>
      <c r="J11195" s="2">
        <v>1</v>
      </c>
      <c r="K11195" s="2">
        <v>0</v>
      </c>
      <c r="L11195" t="s">
        <v>82</v>
      </c>
      <c r="M11195" t="s">
        <v>87</v>
      </c>
      <c r="N11195" t="s">
        <v>88</v>
      </c>
      <c r="O11195" t="s">
        <v>85</v>
      </c>
      <c r="P11195" t="s">
        <v>86</v>
      </c>
      <c r="Q11195">
        <v>11</v>
      </c>
      <c r="R11195">
        <v>11</v>
      </c>
      <c r="S11195">
        <v>11</v>
      </c>
      <c r="T11195">
        <v>11</v>
      </c>
      <c r="U11195">
        <v>11</v>
      </c>
      <c r="V11195">
        <v>10</v>
      </c>
      <c r="W11195">
        <v>10</v>
      </c>
      <c r="X11195">
        <v>10</v>
      </c>
      <c r="Y11195">
        <v>10</v>
      </c>
      <c r="Z11195">
        <v>10</v>
      </c>
      <c r="AA11195">
        <v>10</v>
      </c>
      <c r="AB11195">
        <v>10</v>
      </c>
      <c r="AC11195">
        <v>10</v>
      </c>
      <c r="AD11195">
        <v>10</v>
      </c>
      <c r="AE11195">
        <v>10</v>
      </c>
      <c r="AF11195">
        <v>10</v>
      </c>
      <c r="AG11195">
        <v>10</v>
      </c>
      <c r="AH11195">
        <v>10</v>
      </c>
      <c r="AI11195">
        <v>10</v>
      </c>
      <c r="AJ11195">
        <v>10</v>
      </c>
      <c r="AK11195">
        <v>10</v>
      </c>
      <c r="AL11195">
        <v>10</v>
      </c>
      <c r="AM11195">
        <v>10</v>
      </c>
      <c r="AN11195">
        <v>10</v>
      </c>
      <c r="AO11195">
        <v>9</v>
      </c>
      <c r="AP11195">
        <v>9</v>
      </c>
      <c r="AQ11195">
        <v>9</v>
      </c>
    </row>
    <row r="11196" spans="1:43">
      <c r="A11196" t="s">
        <v>6960</v>
      </c>
      <c r="B11196" t="s">
        <v>6961</v>
      </c>
      <c r="C11196" t="s">
        <v>6962</v>
      </c>
      <c r="D11196" t="s">
        <v>6963</v>
      </c>
      <c r="E11196" t="s">
        <v>6594</v>
      </c>
      <c r="F11196" t="s">
        <v>6595</v>
      </c>
      <c r="G11196" t="s">
        <v>80</v>
      </c>
      <c r="H11196" t="s">
        <v>81</v>
      </c>
      <c r="I11196" s="2">
        <v>0</v>
      </c>
      <c r="J11196" s="2">
        <v>1</v>
      </c>
      <c r="K11196" s="2">
        <v>0</v>
      </c>
      <c r="L11196" t="s">
        <v>82</v>
      </c>
      <c r="M11196" t="s">
        <v>89</v>
      </c>
      <c r="N11196" t="s">
        <v>90</v>
      </c>
      <c r="O11196" t="s">
        <v>85</v>
      </c>
      <c r="P11196" t="s">
        <v>86</v>
      </c>
      <c r="Q11196">
        <v>11</v>
      </c>
      <c r="R11196">
        <v>11</v>
      </c>
      <c r="S11196">
        <v>11</v>
      </c>
      <c r="T11196">
        <v>11</v>
      </c>
      <c r="U11196">
        <v>11</v>
      </c>
      <c r="V11196">
        <v>12</v>
      </c>
      <c r="W11196">
        <v>12</v>
      </c>
      <c r="X11196">
        <v>12</v>
      </c>
      <c r="Y11196">
        <v>12</v>
      </c>
      <c r="Z11196">
        <v>12</v>
      </c>
      <c r="AA11196">
        <v>12</v>
      </c>
      <c r="AB11196">
        <v>12</v>
      </c>
      <c r="AC11196">
        <v>12</v>
      </c>
      <c r="AD11196">
        <v>12</v>
      </c>
      <c r="AE11196">
        <v>12</v>
      </c>
      <c r="AF11196">
        <v>12</v>
      </c>
      <c r="AG11196">
        <v>12</v>
      </c>
      <c r="AH11196">
        <v>12</v>
      </c>
      <c r="AI11196">
        <v>12</v>
      </c>
      <c r="AJ11196">
        <v>11</v>
      </c>
      <c r="AK11196">
        <v>11</v>
      </c>
      <c r="AL11196">
        <v>11</v>
      </c>
      <c r="AM11196">
        <v>11</v>
      </c>
      <c r="AN11196">
        <v>11</v>
      </c>
      <c r="AO11196">
        <v>11</v>
      </c>
      <c r="AP11196">
        <v>11</v>
      </c>
      <c r="AQ11196">
        <v>11</v>
      </c>
    </row>
    <row r="11197" spans="1:43">
      <c r="A11197" t="s">
        <v>6960</v>
      </c>
      <c r="B11197" t="s">
        <v>6961</v>
      </c>
      <c r="C11197" t="s">
        <v>6962</v>
      </c>
      <c r="D11197" t="s">
        <v>6963</v>
      </c>
      <c r="E11197" t="s">
        <v>6594</v>
      </c>
      <c r="F11197" t="s">
        <v>6595</v>
      </c>
      <c r="G11197" t="s">
        <v>80</v>
      </c>
      <c r="H11197" t="s">
        <v>81</v>
      </c>
      <c r="I11197" s="2">
        <v>0</v>
      </c>
      <c r="J11197" s="2">
        <v>1</v>
      </c>
      <c r="K11197" s="2">
        <v>0</v>
      </c>
      <c r="L11197" t="s">
        <v>82</v>
      </c>
      <c r="M11197" t="s">
        <v>83</v>
      </c>
      <c r="N11197" t="s">
        <v>91</v>
      </c>
      <c r="O11197" t="s">
        <v>85</v>
      </c>
      <c r="P11197" t="s">
        <v>86</v>
      </c>
      <c r="Q11197">
        <v>11</v>
      </c>
      <c r="R11197">
        <v>11</v>
      </c>
      <c r="S11197">
        <v>11</v>
      </c>
      <c r="T11197">
        <v>11</v>
      </c>
      <c r="U11197">
        <v>11</v>
      </c>
      <c r="V11197">
        <v>11</v>
      </c>
      <c r="W11197">
        <v>11</v>
      </c>
      <c r="X11197">
        <v>11</v>
      </c>
      <c r="Y11197">
        <v>11</v>
      </c>
      <c r="Z11197">
        <v>11</v>
      </c>
      <c r="AA11197">
        <v>11</v>
      </c>
      <c r="AB11197">
        <v>11</v>
      </c>
      <c r="AC11197">
        <v>11</v>
      </c>
      <c r="AD11197">
        <v>11</v>
      </c>
      <c r="AE11197">
        <v>11</v>
      </c>
      <c r="AF11197">
        <v>11</v>
      </c>
      <c r="AG11197">
        <v>11</v>
      </c>
      <c r="AH11197">
        <v>11</v>
      </c>
      <c r="AI11197">
        <v>11</v>
      </c>
      <c r="AJ11197">
        <v>11</v>
      </c>
      <c r="AK11197">
        <v>11</v>
      </c>
      <c r="AL11197">
        <v>11</v>
      </c>
      <c r="AM11197">
        <v>11</v>
      </c>
      <c r="AN11197">
        <v>11</v>
      </c>
      <c r="AO11197">
        <v>11</v>
      </c>
      <c r="AP11197">
        <v>11</v>
      </c>
      <c r="AQ11197">
        <v>11</v>
      </c>
    </row>
    <row r="11198" spans="1:43">
      <c r="A11198" t="s">
        <v>6964</v>
      </c>
      <c r="B11198" t="s">
        <v>6965</v>
      </c>
      <c r="C11198" t="s">
        <v>6962</v>
      </c>
      <c r="D11198" t="s">
        <v>6963</v>
      </c>
      <c r="E11198" t="s">
        <v>6594</v>
      </c>
      <c r="F11198" t="s">
        <v>6595</v>
      </c>
      <c r="G11198" t="s">
        <v>80</v>
      </c>
      <c r="H11198" t="s">
        <v>81</v>
      </c>
      <c r="I11198" s="2">
        <v>0</v>
      </c>
      <c r="J11198" s="2">
        <v>1</v>
      </c>
      <c r="K11198" s="2">
        <v>0</v>
      </c>
      <c r="L11198" t="s">
        <v>82</v>
      </c>
      <c r="M11198" t="s">
        <v>83</v>
      </c>
      <c r="N11198" t="s">
        <v>84</v>
      </c>
      <c r="O11198" t="s">
        <v>85</v>
      </c>
      <c r="P11198" t="s">
        <v>86</v>
      </c>
      <c r="Q11198">
        <v>19</v>
      </c>
      <c r="R11198">
        <v>19</v>
      </c>
      <c r="S11198">
        <v>19</v>
      </c>
      <c r="T11198">
        <v>20</v>
      </c>
      <c r="U11198">
        <v>20</v>
      </c>
      <c r="V11198">
        <v>20</v>
      </c>
      <c r="W11198">
        <v>20</v>
      </c>
      <c r="X11198">
        <v>20</v>
      </c>
      <c r="Y11198">
        <v>20</v>
      </c>
      <c r="Z11198">
        <v>20</v>
      </c>
      <c r="AA11198">
        <v>20</v>
      </c>
      <c r="AB11198">
        <v>20</v>
      </c>
      <c r="AC11198">
        <v>20</v>
      </c>
      <c r="AD11198">
        <v>20</v>
      </c>
      <c r="AE11198">
        <v>20</v>
      </c>
      <c r="AF11198">
        <v>20</v>
      </c>
      <c r="AG11198">
        <v>20</v>
      </c>
      <c r="AH11198">
        <v>20</v>
      </c>
      <c r="AI11198">
        <v>20</v>
      </c>
      <c r="AJ11198">
        <v>20</v>
      </c>
      <c r="AK11198">
        <v>20</v>
      </c>
      <c r="AL11198">
        <v>20</v>
      </c>
      <c r="AM11198">
        <v>20</v>
      </c>
      <c r="AN11198">
        <v>20</v>
      </c>
      <c r="AO11198">
        <v>20</v>
      </c>
      <c r="AP11198">
        <v>20</v>
      </c>
      <c r="AQ11198">
        <v>20</v>
      </c>
    </row>
    <row r="11199" spans="1:43">
      <c r="A11199" t="s">
        <v>6964</v>
      </c>
      <c r="B11199" t="s">
        <v>6965</v>
      </c>
      <c r="C11199" t="s">
        <v>6962</v>
      </c>
      <c r="D11199" t="s">
        <v>6963</v>
      </c>
      <c r="E11199" t="s">
        <v>6594</v>
      </c>
      <c r="F11199" t="s">
        <v>6595</v>
      </c>
      <c r="G11199" t="s">
        <v>80</v>
      </c>
      <c r="H11199" t="s">
        <v>81</v>
      </c>
      <c r="I11199" s="2">
        <v>0</v>
      </c>
      <c r="J11199" s="2">
        <v>1</v>
      </c>
      <c r="K11199" s="2">
        <v>0</v>
      </c>
      <c r="L11199" t="s">
        <v>82</v>
      </c>
      <c r="M11199" t="s">
        <v>87</v>
      </c>
      <c r="N11199" t="s">
        <v>88</v>
      </c>
      <c r="O11199" t="s">
        <v>85</v>
      </c>
      <c r="P11199" t="s">
        <v>86</v>
      </c>
      <c r="Q11199">
        <v>19</v>
      </c>
      <c r="R11199">
        <v>19</v>
      </c>
      <c r="S11199">
        <v>19</v>
      </c>
      <c r="T11199">
        <v>19</v>
      </c>
      <c r="U11199">
        <v>19</v>
      </c>
      <c r="V11199">
        <v>19</v>
      </c>
      <c r="W11199">
        <v>19</v>
      </c>
      <c r="X11199">
        <v>19</v>
      </c>
      <c r="Y11199">
        <v>19</v>
      </c>
      <c r="Z11199">
        <v>19</v>
      </c>
      <c r="AA11199">
        <v>18</v>
      </c>
      <c r="AB11199">
        <v>18</v>
      </c>
      <c r="AC11199">
        <v>18</v>
      </c>
      <c r="AD11199">
        <v>18</v>
      </c>
      <c r="AE11199">
        <v>18</v>
      </c>
      <c r="AF11199">
        <v>18</v>
      </c>
      <c r="AG11199">
        <v>18</v>
      </c>
      <c r="AH11199">
        <v>18</v>
      </c>
      <c r="AI11199">
        <v>18</v>
      </c>
      <c r="AJ11199">
        <v>18</v>
      </c>
      <c r="AK11199">
        <v>18</v>
      </c>
      <c r="AL11199">
        <v>17</v>
      </c>
      <c r="AM11199">
        <v>17</v>
      </c>
      <c r="AN11199">
        <v>17</v>
      </c>
      <c r="AO11199">
        <v>17</v>
      </c>
      <c r="AP11199">
        <v>17</v>
      </c>
      <c r="AQ11199">
        <v>17</v>
      </c>
    </row>
    <row r="11200" spans="1:43">
      <c r="A11200" t="s">
        <v>6964</v>
      </c>
      <c r="B11200" t="s">
        <v>6965</v>
      </c>
      <c r="C11200" t="s">
        <v>6962</v>
      </c>
      <c r="D11200" t="s">
        <v>6963</v>
      </c>
      <c r="E11200" t="s">
        <v>6594</v>
      </c>
      <c r="F11200" t="s">
        <v>6595</v>
      </c>
      <c r="G11200" t="s">
        <v>80</v>
      </c>
      <c r="H11200" t="s">
        <v>81</v>
      </c>
      <c r="I11200" s="2">
        <v>0</v>
      </c>
      <c r="J11200" s="2">
        <v>1</v>
      </c>
      <c r="K11200" s="2">
        <v>0</v>
      </c>
      <c r="L11200" t="s">
        <v>82</v>
      </c>
      <c r="M11200" t="s">
        <v>89</v>
      </c>
      <c r="N11200" t="s">
        <v>90</v>
      </c>
      <c r="O11200" t="s">
        <v>85</v>
      </c>
      <c r="P11200" t="s">
        <v>86</v>
      </c>
      <c r="Q11200">
        <v>19</v>
      </c>
      <c r="R11200">
        <v>20</v>
      </c>
      <c r="S11200">
        <v>20</v>
      </c>
      <c r="T11200">
        <v>20</v>
      </c>
      <c r="U11200">
        <v>21</v>
      </c>
      <c r="V11200">
        <v>21</v>
      </c>
      <c r="W11200">
        <v>21</v>
      </c>
      <c r="X11200">
        <v>21</v>
      </c>
      <c r="Y11200">
        <v>21</v>
      </c>
      <c r="Z11200">
        <v>21</v>
      </c>
      <c r="AA11200">
        <v>22</v>
      </c>
      <c r="AB11200">
        <v>22</v>
      </c>
      <c r="AC11200">
        <v>22</v>
      </c>
      <c r="AD11200">
        <v>22</v>
      </c>
      <c r="AE11200">
        <v>22</v>
      </c>
      <c r="AF11200">
        <v>22</v>
      </c>
      <c r="AG11200">
        <v>21</v>
      </c>
      <c r="AH11200">
        <v>21</v>
      </c>
      <c r="AI11200">
        <v>21</v>
      </c>
      <c r="AJ11200">
        <v>21</v>
      </c>
      <c r="AK11200">
        <v>21</v>
      </c>
      <c r="AL11200">
        <v>21</v>
      </c>
      <c r="AM11200">
        <v>20</v>
      </c>
      <c r="AN11200">
        <v>20</v>
      </c>
      <c r="AO11200">
        <v>20</v>
      </c>
      <c r="AP11200">
        <v>20</v>
      </c>
      <c r="AQ11200">
        <v>20</v>
      </c>
    </row>
    <row r="11201" spans="1:43">
      <c r="A11201" t="s">
        <v>6964</v>
      </c>
      <c r="B11201" t="s">
        <v>6965</v>
      </c>
      <c r="C11201" t="s">
        <v>6962</v>
      </c>
      <c r="D11201" t="s">
        <v>6963</v>
      </c>
      <c r="E11201" t="s">
        <v>6594</v>
      </c>
      <c r="F11201" t="s">
        <v>6595</v>
      </c>
      <c r="G11201" t="s">
        <v>80</v>
      </c>
      <c r="H11201" t="s">
        <v>81</v>
      </c>
      <c r="I11201" s="2">
        <v>0</v>
      </c>
      <c r="J11201" s="2">
        <v>1</v>
      </c>
      <c r="K11201" s="2">
        <v>0</v>
      </c>
      <c r="L11201" t="s">
        <v>82</v>
      </c>
      <c r="M11201" t="s">
        <v>83</v>
      </c>
      <c r="N11201" t="s">
        <v>91</v>
      </c>
      <c r="O11201" t="s">
        <v>85</v>
      </c>
      <c r="P11201" t="s">
        <v>86</v>
      </c>
      <c r="Q11201">
        <v>19</v>
      </c>
      <c r="R11201">
        <v>19</v>
      </c>
      <c r="S11201">
        <v>19</v>
      </c>
      <c r="T11201">
        <v>20</v>
      </c>
      <c r="U11201">
        <v>20</v>
      </c>
      <c r="V11201">
        <v>20</v>
      </c>
      <c r="W11201">
        <v>20</v>
      </c>
      <c r="X11201">
        <v>20</v>
      </c>
      <c r="Y11201">
        <v>20</v>
      </c>
      <c r="Z11201">
        <v>20</v>
      </c>
      <c r="AA11201">
        <v>20</v>
      </c>
      <c r="AB11201">
        <v>20</v>
      </c>
      <c r="AC11201">
        <v>20</v>
      </c>
      <c r="AD11201">
        <v>20</v>
      </c>
      <c r="AE11201">
        <v>20</v>
      </c>
      <c r="AF11201">
        <v>20</v>
      </c>
      <c r="AG11201">
        <v>20</v>
      </c>
      <c r="AH11201">
        <v>20</v>
      </c>
      <c r="AI11201">
        <v>20</v>
      </c>
      <c r="AJ11201">
        <v>20</v>
      </c>
      <c r="AK11201">
        <v>20</v>
      </c>
      <c r="AL11201">
        <v>20</v>
      </c>
      <c r="AM11201">
        <v>20</v>
      </c>
      <c r="AN11201">
        <v>20</v>
      </c>
      <c r="AO11201">
        <v>20</v>
      </c>
      <c r="AP11201">
        <v>20</v>
      </c>
      <c r="AQ11201">
        <v>20</v>
      </c>
    </row>
    <row r="11202" spans="1:43">
      <c r="A11202" t="s">
        <v>6966</v>
      </c>
      <c r="B11202" t="s">
        <v>6967</v>
      </c>
      <c r="C11202" t="s">
        <v>6958</v>
      </c>
      <c r="D11202" t="s">
        <v>6959</v>
      </c>
      <c r="E11202" t="s">
        <v>6594</v>
      </c>
      <c r="F11202" t="s">
        <v>6595</v>
      </c>
      <c r="G11202" t="s">
        <v>80</v>
      </c>
      <c r="H11202" t="s">
        <v>81</v>
      </c>
      <c r="I11202" s="2">
        <v>0</v>
      </c>
      <c r="J11202" s="2">
        <v>1</v>
      </c>
      <c r="K11202" s="2">
        <v>0</v>
      </c>
      <c r="L11202" t="s">
        <v>82</v>
      </c>
      <c r="M11202" t="s">
        <v>83</v>
      </c>
      <c r="N11202" t="s">
        <v>84</v>
      </c>
      <c r="O11202" t="s">
        <v>85</v>
      </c>
      <c r="P11202" t="s">
        <v>86</v>
      </c>
      <c r="Q11202">
        <v>32</v>
      </c>
      <c r="R11202">
        <v>33</v>
      </c>
      <c r="S11202">
        <v>33</v>
      </c>
      <c r="T11202">
        <v>33</v>
      </c>
      <c r="U11202">
        <v>33</v>
      </c>
      <c r="V11202">
        <v>33</v>
      </c>
      <c r="W11202">
        <v>33</v>
      </c>
      <c r="X11202">
        <v>34</v>
      </c>
      <c r="Y11202">
        <v>34</v>
      </c>
      <c r="Z11202">
        <v>34</v>
      </c>
      <c r="AA11202">
        <v>34</v>
      </c>
      <c r="AB11202">
        <v>34</v>
      </c>
      <c r="AC11202">
        <v>34</v>
      </c>
      <c r="AD11202">
        <v>34</v>
      </c>
      <c r="AE11202">
        <v>34</v>
      </c>
      <c r="AF11202">
        <v>34</v>
      </c>
      <c r="AG11202">
        <v>34</v>
      </c>
      <c r="AH11202">
        <v>34</v>
      </c>
      <c r="AI11202">
        <v>34</v>
      </c>
      <c r="AJ11202">
        <v>34</v>
      </c>
      <c r="AK11202">
        <v>34</v>
      </c>
      <c r="AL11202">
        <v>34</v>
      </c>
      <c r="AM11202">
        <v>34</v>
      </c>
      <c r="AN11202">
        <v>33</v>
      </c>
      <c r="AO11202">
        <v>33</v>
      </c>
      <c r="AP11202">
        <v>33</v>
      </c>
      <c r="AQ11202">
        <v>32</v>
      </c>
    </row>
    <row r="11203" spans="1:43">
      <c r="A11203" t="s">
        <v>6966</v>
      </c>
      <c r="B11203" t="s">
        <v>6967</v>
      </c>
      <c r="C11203" t="s">
        <v>6958</v>
      </c>
      <c r="D11203" t="s">
        <v>6959</v>
      </c>
      <c r="E11203" t="s">
        <v>6594</v>
      </c>
      <c r="F11203" t="s">
        <v>6595</v>
      </c>
      <c r="G11203" t="s">
        <v>80</v>
      </c>
      <c r="H11203" t="s">
        <v>81</v>
      </c>
      <c r="I11203" s="2">
        <v>0</v>
      </c>
      <c r="J11203" s="2">
        <v>1</v>
      </c>
      <c r="K11203" s="2">
        <v>0</v>
      </c>
      <c r="L11203" t="s">
        <v>82</v>
      </c>
      <c r="M11203" t="s">
        <v>87</v>
      </c>
      <c r="N11203" t="s">
        <v>88</v>
      </c>
      <c r="O11203" t="s">
        <v>85</v>
      </c>
      <c r="P11203" t="s">
        <v>86</v>
      </c>
      <c r="Q11203">
        <v>32</v>
      </c>
      <c r="R11203">
        <v>32</v>
      </c>
      <c r="S11203">
        <v>32</v>
      </c>
      <c r="T11203">
        <v>32</v>
      </c>
      <c r="U11203">
        <v>32</v>
      </c>
      <c r="V11203">
        <v>32</v>
      </c>
      <c r="W11203">
        <v>31</v>
      </c>
      <c r="X11203">
        <v>31</v>
      </c>
      <c r="Y11203">
        <v>31</v>
      </c>
      <c r="Z11203">
        <v>31</v>
      </c>
      <c r="AA11203">
        <v>31</v>
      </c>
      <c r="AB11203">
        <v>31</v>
      </c>
      <c r="AC11203">
        <v>31</v>
      </c>
      <c r="AD11203">
        <v>30</v>
      </c>
      <c r="AE11203">
        <v>30</v>
      </c>
      <c r="AF11203">
        <v>30</v>
      </c>
      <c r="AG11203">
        <v>30</v>
      </c>
      <c r="AH11203">
        <v>30</v>
      </c>
      <c r="AI11203">
        <v>30</v>
      </c>
      <c r="AJ11203">
        <v>29</v>
      </c>
      <c r="AK11203">
        <v>29</v>
      </c>
      <c r="AL11203">
        <v>29</v>
      </c>
      <c r="AM11203">
        <v>29</v>
      </c>
      <c r="AN11203">
        <v>29</v>
      </c>
      <c r="AO11203">
        <v>29</v>
      </c>
      <c r="AP11203">
        <v>28</v>
      </c>
      <c r="AQ11203">
        <v>28</v>
      </c>
    </row>
    <row r="11204" spans="1:43">
      <c r="A11204" t="s">
        <v>6966</v>
      </c>
      <c r="B11204" t="s">
        <v>6967</v>
      </c>
      <c r="C11204" t="s">
        <v>6958</v>
      </c>
      <c r="D11204" t="s">
        <v>6959</v>
      </c>
      <c r="E11204" t="s">
        <v>6594</v>
      </c>
      <c r="F11204" t="s">
        <v>6595</v>
      </c>
      <c r="G11204" t="s">
        <v>80</v>
      </c>
      <c r="H11204" t="s">
        <v>81</v>
      </c>
      <c r="I11204" s="2">
        <v>0</v>
      </c>
      <c r="J11204" s="2">
        <v>1</v>
      </c>
      <c r="K11204" s="2">
        <v>0</v>
      </c>
      <c r="L11204" t="s">
        <v>82</v>
      </c>
      <c r="M11204" t="s">
        <v>89</v>
      </c>
      <c r="N11204" t="s">
        <v>90</v>
      </c>
      <c r="O11204" t="s">
        <v>85</v>
      </c>
      <c r="P11204" t="s">
        <v>86</v>
      </c>
      <c r="Q11204">
        <v>32</v>
      </c>
      <c r="R11204">
        <v>32</v>
      </c>
      <c r="S11204">
        <v>33</v>
      </c>
      <c r="T11204">
        <v>33</v>
      </c>
      <c r="U11204">
        <v>33</v>
      </c>
      <c r="V11204">
        <v>34</v>
      </c>
      <c r="W11204">
        <v>34</v>
      </c>
      <c r="X11204">
        <v>34</v>
      </c>
      <c r="Y11204">
        <v>35</v>
      </c>
      <c r="Z11204">
        <v>35</v>
      </c>
      <c r="AA11204">
        <v>35</v>
      </c>
      <c r="AB11204">
        <v>35</v>
      </c>
      <c r="AC11204">
        <v>35</v>
      </c>
      <c r="AD11204">
        <v>35</v>
      </c>
      <c r="AE11204">
        <v>35</v>
      </c>
      <c r="AF11204">
        <v>35</v>
      </c>
      <c r="AG11204">
        <v>35</v>
      </c>
      <c r="AH11204">
        <v>34</v>
      </c>
      <c r="AI11204">
        <v>34</v>
      </c>
      <c r="AJ11204">
        <v>34</v>
      </c>
      <c r="AK11204">
        <v>33</v>
      </c>
      <c r="AL11204">
        <v>33</v>
      </c>
      <c r="AM11204">
        <v>33</v>
      </c>
      <c r="AN11204">
        <v>33</v>
      </c>
      <c r="AO11204">
        <v>32</v>
      </c>
      <c r="AP11204">
        <v>32</v>
      </c>
      <c r="AQ11204">
        <v>32</v>
      </c>
    </row>
    <row r="11205" spans="1:43">
      <c r="A11205" t="s">
        <v>6966</v>
      </c>
      <c r="B11205" t="s">
        <v>6967</v>
      </c>
      <c r="C11205" t="s">
        <v>6958</v>
      </c>
      <c r="D11205" t="s">
        <v>6959</v>
      </c>
      <c r="E11205" t="s">
        <v>6594</v>
      </c>
      <c r="F11205" t="s">
        <v>6595</v>
      </c>
      <c r="G11205" t="s">
        <v>80</v>
      </c>
      <c r="H11205" t="s">
        <v>81</v>
      </c>
      <c r="I11205" s="2">
        <v>0</v>
      </c>
      <c r="J11205" s="2">
        <v>1</v>
      </c>
      <c r="K11205" s="2">
        <v>0</v>
      </c>
      <c r="L11205" t="s">
        <v>82</v>
      </c>
      <c r="M11205" t="s">
        <v>83</v>
      </c>
      <c r="N11205" t="s">
        <v>91</v>
      </c>
      <c r="O11205" t="s">
        <v>85</v>
      </c>
      <c r="P11205" t="s">
        <v>86</v>
      </c>
      <c r="Q11205">
        <v>32</v>
      </c>
      <c r="R11205">
        <v>33</v>
      </c>
      <c r="S11205">
        <v>33</v>
      </c>
      <c r="T11205">
        <v>33</v>
      </c>
      <c r="U11205">
        <v>33</v>
      </c>
      <c r="V11205">
        <v>33</v>
      </c>
      <c r="W11205">
        <v>33</v>
      </c>
      <c r="X11205">
        <v>34</v>
      </c>
      <c r="Y11205">
        <v>34</v>
      </c>
      <c r="Z11205">
        <v>34</v>
      </c>
      <c r="AA11205">
        <v>34</v>
      </c>
      <c r="AB11205">
        <v>34</v>
      </c>
      <c r="AC11205">
        <v>34</v>
      </c>
      <c r="AD11205">
        <v>34</v>
      </c>
      <c r="AE11205">
        <v>34</v>
      </c>
      <c r="AF11205">
        <v>34</v>
      </c>
      <c r="AG11205">
        <v>34</v>
      </c>
      <c r="AH11205">
        <v>34</v>
      </c>
      <c r="AI11205">
        <v>34</v>
      </c>
      <c r="AJ11205">
        <v>34</v>
      </c>
      <c r="AK11205">
        <v>34</v>
      </c>
      <c r="AL11205">
        <v>34</v>
      </c>
      <c r="AM11205">
        <v>34</v>
      </c>
      <c r="AN11205">
        <v>33</v>
      </c>
      <c r="AO11205">
        <v>33</v>
      </c>
      <c r="AP11205">
        <v>33</v>
      </c>
      <c r="AQ11205">
        <v>32</v>
      </c>
    </row>
    <row r="11206" spans="1:43">
      <c r="A11206" t="s">
        <v>6968</v>
      </c>
      <c r="B11206" t="s">
        <v>6969</v>
      </c>
      <c r="C11206" t="s">
        <v>6962</v>
      </c>
      <c r="D11206" t="s">
        <v>6963</v>
      </c>
      <c r="E11206" t="s">
        <v>6594</v>
      </c>
      <c r="F11206" t="s">
        <v>6595</v>
      </c>
      <c r="G11206" t="s">
        <v>80</v>
      </c>
      <c r="H11206" t="s">
        <v>81</v>
      </c>
      <c r="I11206" s="2">
        <v>0</v>
      </c>
      <c r="J11206" s="2">
        <v>1</v>
      </c>
      <c r="K11206" s="2">
        <v>0</v>
      </c>
      <c r="L11206" t="s">
        <v>82</v>
      </c>
      <c r="M11206" t="s">
        <v>83</v>
      </c>
      <c r="N11206" t="s">
        <v>84</v>
      </c>
      <c r="O11206" t="s">
        <v>85</v>
      </c>
      <c r="P11206" t="s">
        <v>86</v>
      </c>
      <c r="Q11206">
        <v>19</v>
      </c>
      <c r="R11206">
        <v>19</v>
      </c>
      <c r="S11206">
        <v>19</v>
      </c>
      <c r="T11206">
        <v>19</v>
      </c>
      <c r="U11206">
        <v>19</v>
      </c>
      <c r="V11206">
        <v>19</v>
      </c>
      <c r="W11206">
        <v>19</v>
      </c>
      <c r="X11206">
        <v>19</v>
      </c>
      <c r="Y11206">
        <v>19</v>
      </c>
      <c r="Z11206">
        <v>20</v>
      </c>
      <c r="AA11206">
        <v>20</v>
      </c>
      <c r="AB11206">
        <v>20</v>
      </c>
      <c r="AC11206">
        <v>20</v>
      </c>
      <c r="AD11206">
        <v>20</v>
      </c>
      <c r="AE11206">
        <v>20</v>
      </c>
      <c r="AF11206">
        <v>20</v>
      </c>
      <c r="AG11206">
        <v>20</v>
      </c>
      <c r="AH11206">
        <v>20</v>
      </c>
      <c r="AI11206">
        <v>20</v>
      </c>
      <c r="AJ11206">
        <v>20</v>
      </c>
      <c r="AK11206">
        <v>20</v>
      </c>
      <c r="AL11206">
        <v>19</v>
      </c>
      <c r="AM11206">
        <v>19</v>
      </c>
      <c r="AN11206">
        <v>19</v>
      </c>
      <c r="AO11206">
        <v>19</v>
      </c>
      <c r="AP11206">
        <v>19</v>
      </c>
      <c r="AQ11206">
        <v>19</v>
      </c>
    </row>
    <row r="11207" spans="1:43">
      <c r="A11207" t="s">
        <v>6968</v>
      </c>
      <c r="B11207" t="s">
        <v>6969</v>
      </c>
      <c r="C11207" t="s">
        <v>6962</v>
      </c>
      <c r="D11207" t="s">
        <v>6963</v>
      </c>
      <c r="E11207" t="s">
        <v>6594</v>
      </c>
      <c r="F11207" t="s">
        <v>6595</v>
      </c>
      <c r="G11207" t="s">
        <v>80</v>
      </c>
      <c r="H11207" t="s">
        <v>81</v>
      </c>
      <c r="I11207" s="2">
        <v>0</v>
      </c>
      <c r="J11207" s="2">
        <v>1</v>
      </c>
      <c r="K11207" s="2">
        <v>0</v>
      </c>
      <c r="L11207" t="s">
        <v>82</v>
      </c>
      <c r="M11207" t="s">
        <v>87</v>
      </c>
      <c r="N11207" t="s">
        <v>88</v>
      </c>
      <c r="O11207" t="s">
        <v>85</v>
      </c>
      <c r="P11207" t="s">
        <v>86</v>
      </c>
      <c r="Q11207">
        <v>19</v>
      </c>
      <c r="R11207">
        <v>19</v>
      </c>
      <c r="S11207">
        <v>19</v>
      </c>
      <c r="T11207">
        <v>19</v>
      </c>
      <c r="U11207">
        <v>19</v>
      </c>
      <c r="V11207">
        <v>19</v>
      </c>
      <c r="W11207">
        <v>19</v>
      </c>
      <c r="X11207">
        <v>19</v>
      </c>
      <c r="Y11207">
        <v>19</v>
      </c>
      <c r="Z11207">
        <v>19</v>
      </c>
      <c r="AA11207">
        <v>19</v>
      </c>
      <c r="AB11207">
        <v>19</v>
      </c>
      <c r="AC11207">
        <v>19</v>
      </c>
      <c r="AD11207">
        <v>19</v>
      </c>
      <c r="AE11207">
        <v>18</v>
      </c>
      <c r="AF11207">
        <v>18</v>
      </c>
      <c r="AG11207">
        <v>18</v>
      </c>
      <c r="AH11207">
        <v>18</v>
      </c>
      <c r="AI11207">
        <v>18</v>
      </c>
      <c r="AJ11207">
        <v>18</v>
      </c>
      <c r="AK11207">
        <v>18</v>
      </c>
      <c r="AL11207">
        <v>18</v>
      </c>
      <c r="AM11207">
        <v>18</v>
      </c>
      <c r="AN11207">
        <v>18</v>
      </c>
      <c r="AO11207">
        <v>17</v>
      </c>
      <c r="AP11207">
        <v>17</v>
      </c>
      <c r="AQ11207">
        <v>17</v>
      </c>
    </row>
    <row r="11208" spans="1:43">
      <c r="A11208" t="s">
        <v>6968</v>
      </c>
      <c r="B11208" t="s">
        <v>6969</v>
      </c>
      <c r="C11208" t="s">
        <v>6962</v>
      </c>
      <c r="D11208" t="s">
        <v>6963</v>
      </c>
      <c r="E11208" t="s">
        <v>6594</v>
      </c>
      <c r="F11208" t="s">
        <v>6595</v>
      </c>
      <c r="G11208" t="s">
        <v>80</v>
      </c>
      <c r="H11208" t="s">
        <v>81</v>
      </c>
      <c r="I11208" s="2">
        <v>0</v>
      </c>
      <c r="J11208" s="2">
        <v>1</v>
      </c>
      <c r="K11208" s="2">
        <v>0</v>
      </c>
      <c r="L11208" t="s">
        <v>82</v>
      </c>
      <c r="M11208" t="s">
        <v>89</v>
      </c>
      <c r="N11208" t="s">
        <v>90</v>
      </c>
      <c r="O11208" t="s">
        <v>85</v>
      </c>
      <c r="P11208" t="s">
        <v>86</v>
      </c>
      <c r="Q11208">
        <v>19</v>
      </c>
      <c r="R11208">
        <v>19</v>
      </c>
      <c r="S11208">
        <v>19</v>
      </c>
      <c r="T11208">
        <v>20</v>
      </c>
      <c r="U11208">
        <v>20</v>
      </c>
      <c r="V11208">
        <v>20</v>
      </c>
      <c r="W11208">
        <v>20</v>
      </c>
      <c r="X11208">
        <v>20</v>
      </c>
      <c r="Y11208">
        <v>21</v>
      </c>
      <c r="Z11208">
        <v>21</v>
      </c>
      <c r="AA11208">
        <v>21</v>
      </c>
      <c r="AB11208">
        <v>21</v>
      </c>
      <c r="AC11208">
        <v>21</v>
      </c>
      <c r="AD11208">
        <v>21</v>
      </c>
      <c r="AE11208">
        <v>21</v>
      </c>
      <c r="AF11208">
        <v>21</v>
      </c>
      <c r="AG11208">
        <v>21</v>
      </c>
      <c r="AH11208">
        <v>20</v>
      </c>
      <c r="AI11208">
        <v>20</v>
      </c>
      <c r="AJ11208">
        <v>20</v>
      </c>
      <c r="AK11208">
        <v>20</v>
      </c>
      <c r="AL11208">
        <v>20</v>
      </c>
      <c r="AM11208">
        <v>19</v>
      </c>
      <c r="AN11208">
        <v>19</v>
      </c>
      <c r="AO11208">
        <v>19</v>
      </c>
      <c r="AP11208">
        <v>19</v>
      </c>
      <c r="AQ11208">
        <v>19</v>
      </c>
    </row>
    <row r="11209" spans="1:43">
      <c r="A11209" t="s">
        <v>6968</v>
      </c>
      <c r="B11209" t="s">
        <v>6969</v>
      </c>
      <c r="C11209" t="s">
        <v>6962</v>
      </c>
      <c r="D11209" t="s">
        <v>6963</v>
      </c>
      <c r="E11209" t="s">
        <v>6594</v>
      </c>
      <c r="F11209" t="s">
        <v>6595</v>
      </c>
      <c r="G11209" t="s">
        <v>80</v>
      </c>
      <c r="H11209" t="s">
        <v>81</v>
      </c>
      <c r="I11209" s="2">
        <v>0</v>
      </c>
      <c r="J11209" s="2">
        <v>1</v>
      </c>
      <c r="K11209" s="2">
        <v>0</v>
      </c>
      <c r="L11209" t="s">
        <v>82</v>
      </c>
      <c r="M11209" t="s">
        <v>83</v>
      </c>
      <c r="N11209" t="s">
        <v>91</v>
      </c>
      <c r="O11209" t="s">
        <v>85</v>
      </c>
      <c r="P11209" t="s">
        <v>86</v>
      </c>
      <c r="Q11209">
        <v>19</v>
      </c>
      <c r="R11209">
        <v>19</v>
      </c>
      <c r="S11209">
        <v>19</v>
      </c>
      <c r="T11209">
        <v>19</v>
      </c>
      <c r="U11209">
        <v>19</v>
      </c>
      <c r="V11209">
        <v>19</v>
      </c>
      <c r="W11209">
        <v>19</v>
      </c>
      <c r="X11209">
        <v>19</v>
      </c>
      <c r="Y11209">
        <v>19</v>
      </c>
      <c r="Z11209">
        <v>20</v>
      </c>
      <c r="AA11209">
        <v>20</v>
      </c>
      <c r="AB11209">
        <v>20</v>
      </c>
      <c r="AC11209">
        <v>20</v>
      </c>
      <c r="AD11209">
        <v>20</v>
      </c>
      <c r="AE11209">
        <v>20</v>
      </c>
      <c r="AF11209">
        <v>20</v>
      </c>
      <c r="AG11209">
        <v>20</v>
      </c>
      <c r="AH11209">
        <v>20</v>
      </c>
      <c r="AI11209">
        <v>20</v>
      </c>
      <c r="AJ11209">
        <v>20</v>
      </c>
      <c r="AK11209">
        <v>20</v>
      </c>
      <c r="AL11209">
        <v>19</v>
      </c>
      <c r="AM11209">
        <v>19</v>
      </c>
      <c r="AN11209">
        <v>19</v>
      </c>
      <c r="AO11209">
        <v>19</v>
      </c>
      <c r="AP11209">
        <v>19</v>
      </c>
      <c r="AQ11209">
        <v>19</v>
      </c>
    </row>
    <row r="11210" spans="1:43">
      <c r="A11210" t="s">
        <v>6970</v>
      </c>
      <c r="B11210" t="s">
        <v>6971</v>
      </c>
      <c r="C11210" t="s">
        <v>6958</v>
      </c>
      <c r="D11210" t="s">
        <v>6959</v>
      </c>
      <c r="E11210" t="s">
        <v>6594</v>
      </c>
      <c r="F11210" t="s">
        <v>6595</v>
      </c>
      <c r="G11210" t="s">
        <v>80</v>
      </c>
      <c r="H11210" t="s">
        <v>81</v>
      </c>
      <c r="I11210" s="2">
        <v>0</v>
      </c>
      <c r="J11210" s="2">
        <v>1</v>
      </c>
      <c r="K11210" s="2">
        <v>0</v>
      </c>
      <c r="L11210" t="s">
        <v>82</v>
      </c>
      <c r="M11210" t="s">
        <v>83</v>
      </c>
      <c r="N11210" t="s">
        <v>84</v>
      </c>
      <c r="O11210" t="s">
        <v>85</v>
      </c>
      <c r="P11210" t="s">
        <v>86</v>
      </c>
      <c r="Q11210">
        <v>11</v>
      </c>
      <c r="R11210">
        <v>11</v>
      </c>
      <c r="S11210">
        <v>11</v>
      </c>
      <c r="T11210">
        <v>11</v>
      </c>
      <c r="U11210">
        <v>11</v>
      </c>
      <c r="V11210">
        <v>11</v>
      </c>
      <c r="W11210">
        <v>11</v>
      </c>
      <c r="X11210">
        <v>11</v>
      </c>
      <c r="Y11210">
        <v>11</v>
      </c>
      <c r="Z11210">
        <v>12</v>
      </c>
      <c r="AA11210">
        <v>12</v>
      </c>
      <c r="AB11210">
        <v>12</v>
      </c>
      <c r="AC11210">
        <v>12</v>
      </c>
      <c r="AD11210">
        <v>12</v>
      </c>
      <c r="AE11210">
        <v>12</v>
      </c>
      <c r="AF11210">
        <v>12</v>
      </c>
      <c r="AG11210">
        <v>12</v>
      </c>
      <c r="AH11210">
        <v>12</v>
      </c>
      <c r="AI11210">
        <v>12</v>
      </c>
      <c r="AJ11210">
        <v>12</v>
      </c>
      <c r="AK11210">
        <v>12</v>
      </c>
      <c r="AL11210">
        <v>12</v>
      </c>
      <c r="AM11210">
        <v>11</v>
      </c>
      <c r="AN11210">
        <v>11</v>
      </c>
      <c r="AO11210">
        <v>11</v>
      </c>
      <c r="AP11210">
        <v>11</v>
      </c>
      <c r="AQ11210">
        <v>11</v>
      </c>
    </row>
    <row r="11211" spans="1:43">
      <c r="A11211" t="s">
        <v>6970</v>
      </c>
      <c r="B11211" t="s">
        <v>6971</v>
      </c>
      <c r="C11211" t="s">
        <v>6958</v>
      </c>
      <c r="D11211" t="s">
        <v>6959</v>
      </c>
      <c r="E11211" t="s">
        <v>6594</v>
      </c>
      <c r="F11211" t="s">
        <v>6595</v>
      </c>
      <c r="G11211" t="s">
        <v>80</v>
      </c>
      <c r="H11211" t="s">
        <v>81</v>
      </c>
      <c r="I11211" s="2">
        <v>0</v>
      </c>
      <c r="J11211" s="2">
        <v>1</v>
      </c>
      <c r="K11211" s="2">
        <v>0</v>
      </c>
      <c r="L11211" t="s">
        <v>82</v>
      </c>
      <c r="M11211" t="s">
        <v>87</v>
      </c>
      <c r="N11211" t="s">
        <v>88</v>
      </c>
      <c r="O11211" t="s">
        <v>85</v>
      </c>
      <c r="P11211" t="s">
        <v>86</v>
      </c>
      <c r="Q11211">
        <v>11</v>
      </c>
      <c r="R11211">
        <v>11</v>
      </c>
      <c r="S11211">
        <v>11</v>
      </c>
      <c r="T11211">
        <v>11</v>
      </c>
      <c r="U11211">
        <v>11</v>
      </c>
      <c r="V11211">
        <v>11</v>
      </c>
      <c r="W11211">
        <v>11</v>
      </c>
      <c r="X11211">
        <v>11</v>
      </c>
      <c r="Y11211">
        <v>11</v>
      </c>
      <c r="Z11211">
        <v>11</v>
      </c>
      <c r="AA11211">
        <v>11</v>
      </c>
      <c r="AB11211">
        <v>10</v>
      </c>
      <c r="AC11211">
        <v>10</v>
      </c>
      <c r="AD11211">
        <v>10</v>
      </c>
      <c r="AE11211">
        <v>10</v>
      </c>
      <c r="AF11211">
        <v>10</v>
      </c>
      <c r="AG11211">
        <v>10</v>
      </c>
      <c r="AH11211">
        <v>10</v>
      </c>
      <c r="AI11211">
        <v>10</v>
      </c>
      <c r="AJ11211">
        <v>10</v>
      </c>
      <c r="AK11211">
        <v>10</v>
      </c>
      <c r="AL11211">
        <v>10</v>
      </c>
      <c r="AM11211">
        <v>10</v>
      </c>
      <c r="AN11211">
        <v>10</v>
      </c>
      <c r="AO11211">
        <v>10</v>
      </c>
      <c r="AP11211">
        <v>10</v>
      </c>
      <c r="AQ11211">
        <v>10</v>
      </c>
    </row>
    <row r="11212" spans="1:43">
      <c r="A11212" t="s">
        <v>6970</v>
      </c>
      <c r="B11212" t="s">
        <v>6971</v>
      </c>
      <c r="C11212" t="s">
        <v>6958</v>
      </c>
      <c r="D11212" t="s">
        <v>6959</v>
      </c>
      <c r="E11212" t="s">
        <v>6594</v>
      </c>
      <c r="F11212" t="s">
        <v>6595</v>
      </c>
      <c r="G11212" t="s">
        <v>80</v>
      </c>
      <c r="H11212" t="s">
        <v>81</v>
      </c>
      <c r="I11212" s="2">
        <v>0</v>
      </c>
      <c r="J11212" s="2">
        <v>1</v>
      </c>
      <c r="K11212" s="2">
        <v>0</v>
      </c>
      <c r="L11212" t="s">
        <v>82</v>
      </c>
      <c r="M11212" t="s">
        <v>89</v>
      </c>
      <c r="N11212" t="s">
        <v>90</v>
      </c>
      <c r="O11212" t="s">
        <v>85</v>
      </c>
      <c r="P11212" t="s">
        <v>86</v>
      </c>
      <c r="Q11212">
        <v>11</v>
      </c>
      <c r="R11212">
        <v>11</v>
      </c>
      <c r="S11212">
        <v>11</v>
      </c>
      <c r="T11212">
        <v>12</v>
      </c>
      <c r="U11212">
        <v>12</v>
      </c>
      <c r="V11212">
        <v>12</v>
      </c>
      <c r="W11212">
        <v>12</v>
      </c>
      <c r="X11212">
        <v>12</v>
      </c>
      <c r="Y11212">
        <v>12</v>
      </c>
      <c r="Z11212">
        <v>12</v>
      </c>
      <c r="AA11212">
        <v>12</v>
      </c>
      <c r="AB11212">
        <v>12</v>
      </c>
      <c r="AC11212">
        <v>12</v>
      </c>
      <c r="AD11212">
        <v>12</v>
      </c>
      <c r="AE11212">
        <v>12</v>
      </c>
      <c r="AF11212">
        <v>12</v>
      </c>
      <c r="AG11212">
        <v>12</v>
      </c>
      <c r="AH11212">
        <v>12</v>
      </c>
      <c r="AI11212">
        <v>12</v>
      </c>
      <c r="AJ11212">
        <v>12</v>
      </c>
      <c r="AK11212">
        <v>12</v>
      </c>
      <c r="AL11212">
        <v>12</v>
      </c>
      <c r="AM11212">
        <v>12</v>
      </c>
      <c r="AN11212">
        <v>11</v>
      </c>
      <c r="AO11212">
        <v>11</v>
      </c>
      <c r="AP11212">
        <v>11</v>
      </c>
      <c r="AQ11212">
        <v>11</v>
      </c>
    </row>
    <row r="11213" spans="1:43">
      <c r="A11213" t="s">
        <v>6970</v>
      </c>
      <c r="B11213" t="s">
        <v>6971</v>
      </c>
      <c r="C11213" t="s">
        <v>6958</v>
      </c>
      <c r="D11213" t="s">
        <v>6959</v>
      </c>
      <c r="E11213" t="s">
        <v>6594</v>
      </c>
      <c r="F11213" t="s">
        <v>6595</v>
      </c>
      <c r="G11213" t="s">
        <v>80</v>
      </c>
      <c r="H11213" t="s">
        <v>81</v>
      </c>
      <c r="I11213" s="2">
        <v>0</v>
      </c>
      <c r="J11213" s="2">
        <v>1</v>
      </c>
      <c r="K11213" s="2">
        <v>0</v>
      </c>
      <c r="L11213" t="s">
        <v>82</v>
      </c>
      <c r="M11213" t="s">
        <v>83</v>
      </c>
      <c r="N11213" t="s">
        <v>91</v>
      </c>
      <c r="O11213" t="s">
        <v>85</v>
      </c>
      <c r="P11213" t="s">
        <v>86</v>
      </c>
      <c r="Q11213">
        <v>11</v>
      </c>
      <c r="R11213">
        <v>11</v>
      </c>
      <c r="S11213">
        <v>11</v>
      </c>
      <c r="T11213">
        <v>11</v>
      </c>
      <c r="U11213">
        <v>11</v>
      </c>
      <c r="V11213">
        <v>11</v>
      </c>
      <c r="W11213">
        <v>11</v>
      </c>
      <c r="X11213">
        <v>11</v>
      </c>
      <c r="Y11213">
        <v>11</v>
      </c>
      <c r="Z11213">
        <v>12</v>
      </c>
      <c r="AA11213">
        <v>12</v>
      </c>
      <c r="AB11213">
        <v>12</v>
      </c>
      <c r="AC11213">
        <v>12</v>
      </c>
      <c r="AD11213">
        <v>12</v>
      </c>
      <c r="AE11213">
        <v>12</v>
      </c>
      <c r="AF11213">
        <v>12</v>
      </c>
      <c r="AG11213">
        <v>12</v>
      </c>
      <c r="AH11213">
        <v>12</v>
      </c>
      <c r="AI11213">
        <v>12</v>
      </c>
      <c r="AJ11213">
        <v>12</v>
      </c>
      <c r="AK11213">
        <v>12</v>
      </c>
      <c r="AL11213">
        <v>12</v>
      </c>
      <c r="AM11213">
        <v>11</v>
      </c>
      <c r="AN11213">
        <v>11</v>
      </c>
      <c r="AO11213">
        <v>11</v>
      </c>
      <c r="AP11213">
        <v>11</v>
      </c>
      <c r="AQ11213">
        <v>11</v>
      </c>
    </row>
    <row r="11214" spans="1:43">
      <c r="A11214" t="s">
        <v>6972</v>
      </c>
      <c r="B11214" t="s">
        <v>6973</v>
      </c>
      <c r="C11214" t="s">
        <v>6962</v>
      </c>
      <c r="D11214" t="s">
        <v>6963</v>
      </c>
      <c r="E11214" t="s">
        <v>6594</v>
      </c>
      <c r="F11214" t="s">
        <v>6595</v>
      </c>
      <c r="G11214" t="s">
        <v>80</v>
      </c>
      <c r="H11214" t="s">
        <v>81</v>
      </c>
      <c r="I11214" s="2">
        <v>0</v>
      </c>
      <c r="J11214" s="2">
        <v>1</v>
      </c>
      <c r="K11214" s="2">
        <v>0</v>
      </c>
      <c r="L11214" t="s">
        <v>82</v>
      </c>
      <c r="M11214" t="s">
        <v>83</v>
      </c>
      <c r="N11214" t="s">
        <v>84</v>
      </c>
      <c r="O11214" t="s">
        <v>85</v>
      </c>
      <c r="P11214" t="s">
        <v>86</v>
      </c>
      <c r="Q11214">
        <v>21</v>
      </c>
      <c r="R11214">
        <v>21</v>
      </c>
      <c r="S11214">
        <v>21</v>
      </c>
      <c r="T11214">
        <v>21</v>
      </c>
      <c r="U11214">
        <v>21</v>
      </c>
      <c r="V11214">
        <v>21</v>
      </c>
      <c r="W11214">
        <v>22</v>
      </c>
      <c r="X11214">
        <v>22</v>
      </c>
      <c r="Y11214">
        <v>22</v>
      </c>
      <c r="Z11214">
        <v>22</v>
      </c>
      <c r="AA11214">
        <v>22</v>
      </c>
      <c r="AB11214">
        <v>22</v>
      </c>
      <c r="AC11214">
        <v>22</v>
      </c>
      <c r="AD11214">
        <v>22</v>
      </c>
      <c r="AE11214">
        <v>22</v>
      </c>
      <c r="AF11214">
        <v>22</v>
      </c>
      <c r="AG11214">
        <v>22</v>
      </c>
      <c r="AH11214">
        <v>22</v>
      </c>
      <c r="AI11214">
        <v>22</v>
      </c>
      <c r="AJ11214">
        <v>22</v>
      </c>
      <c r="AK11214">
        <v>22</v>
      </c>
      <c r="AL11214">
        <v>22</v>
      </c>
      <c r="AM11214">
        <v>22</v>
      </c>
      <c r="AN11214">
        <v>22</v>
      </c>
      <c r="AO11214">
        <v>22</v>
      </c>
      <c r="AP11214">
        <v>22</v>
      </c>
      <c r="AQ11214">
        <v>21</v>
      </c>
    </row>
    <row r="11215" spans="1:43">
      <c r="A11215" t="s">
        <v>6972</v>
      </c>
      <c r="B11215" t="s">
        <v>6973</v>
      </c>
      <c r="C11215" t="s">
        <v>6962</v>
      </c>
      <c r="D11215" t="s">
        <v>6963</v>
      </c>
      <c r="E11215" t="s">
        <v>6594</v>
      </c>
      <c r="F11215" t="s">
        <v>6595</v>
      </c>
      <c r="G11215" t="s">
        <v>80</v>
      </c>
      <c r="H11215" t="s">
        <v>81</v>
      </c>
      <c r="I11215" s="2">
        <v>0</v>
      </c>
      <c r="J11215" s="2">
        <v>1</v>
      </c>
      <c r="K11215" s="2">
        <v>0</v>
      </c>
      <c r="L11215" t="s">
        <v>82</v>
      </c>
      <c r="M11215" t="s">
        <v>87</v>
      </c>
      <c r="N11215" t="s">
        <v>88</v>
      </c>
      <c r="O11215" t="s">
        <v>85</v>
      </c>
      <c r="P11215" t="s">
        <v>86</v>
      </c>
      <c r="Q11215">
        <v>21</v>
      </c>
      <c r="R11215">
        <v>21</v>
      </c>
      <c r="S11215">
        <v>21</v>
      </c>
      <c r="T11215">
        <v>20</v>
      </c>
      <c r="U11215">
        <v>20</v>
      </c>
      <c r="V11215">
        <v>20</v>
      </c>
      <c r="W11215">
        <v>20</v>
      </c>
      <c r="X11215">
        <v>20</v>
      </c>
      <c r="Y11215">
        <v>20</v>
      </c>
      <c r="Z11215">
        <v>20</v>
      </c>
      <c r="AA11215">
        <v>20</v>
      </c>
      <c r="AB11215">
        <v>20</v>
      </c>
      <c r="AC11215">
        <v>20</v>
      </c>
      <c r="AD11215">
        <v>20</v>
      </c>
      <c r="AE11215">
        <v>20</v>
      </c>
      <c r="AF11215">
        <v>20</v>
      </c>
      <c r="AG11215">
        <v>20</v>
      </c>
      <c r="AH11215">
        <v>19</v>
      </c>
      <c r="AI11215">
        <v>19</v>
      </c>
      <c r="AJ11215">
        <v>19</v>
      </c>
      <c r="AK11215">
        <v>19</v>
      </c>
      <c r="AL11215">
        <v>19</v>
      </c>
      <c r="AM11215">
        <v>19</v>
      </c>
      <c r="AN11215">
        <v>19</v>
      </c>
      <c r="AO11215">
        <v>19</v>
      </c>
      <c r="AP11215">
        <v>19</v>
      </c>
      <c r="AQ11215">
        <v>19</v>
      </c>
    </row>
    <row r="11216" spans="1:43">
      <c r="A11216" t="s">
        <v>6972</v>
      </c>
      <c r="B11216" t="s">
        <v>6973</v>
      </c>
      <c r="C11216" t="s">
        <v>6962</v>
      </c>
      <c r="D11216" t="s">
        <v>6963</v>
      </c>
      <c r="E11216" t="s">
        <v>6594</v>
      </c>
      <c r="F11216" t="s">
        <v>6595</v>
      </c>
      <c r="G11216" t="s">
        <v>80</v>
      </c>
      <c r="H11216" t="s">
        <v>81</v>
      </c>
      <c r="I11216" s="2">
        <v>0</v>
      </c>
      <c r="J11216" s="2">
        <v>1</v>
      </c>
      <c r="K11216" s="2">
        <v>0</v>
      </c>
      <c r="L11216" t="s">
        <v>82</v>
      </c>
      <c r="M11216" t="s">
        <v>89</v>
      </c>
      <c r="N11216" t="s">
        <v>90</v>
      </c>
      <c r="O11216" t="s">
        <v>85</v>
      </c>
      <c r="P11216" t="s">
        <v>86</v>
      </c>
      <c r="Q11216">
        <v>21</v>
      </c>
      <c r="R11216">
        <v>21</v>
      </c>
      <c r="S11216">
        <v>22</v>
      </c>
      <c r="T11216">
        <v>22</v>
      </c>
      <c r="U11216">
        <v>22</v>
      </c>
      <c r="V11216">
        <v>22</v>
      </c>
      <c r="W11216">
        <v>23</v>
      </c>
      <c r="X11216">
        <v>23</v>
      </c>
      <c r="Y11216">
        <v>23</v>
      </c>
      <c r="Z11216">
        <v>23</v>
      </c>
      <c r="AA11216">
        <v>23</v>
      </c>
      <c r="AB11216">
        <v>23</v>
      </c>
      <c r="AC11216">
        <v>24</v>
      </c>
      <c r="AD11216">
        <v>24</v>
      </c>
      <c r="AE11216">
        <v>24</v>
      </c>
      <c r="AF11216">
        <v>23</v>
      </c>
      <c r="AG11216">
        <v>23</v>
      </c>
      <c r="AH11216">
        <v>23</v>
      </c>
      <c r="AI11216">
        <v>23</v>
      </c>
      <c r="AJ11216">
        <v>23</v>
      </c>
      <c r="AK11216">
        <v>23</v>
      </c>
      <c r="AL11216">
        <v>22</v>
      </c>
      <c r="AM11216">
        <v>22</v>
      </c>
      <c r="AN11216">
        <v>22</v>
      </c>
      <c r="AO11216">
        <v>22</v>
      </c>
      <c r="AP11216">
        <v>22</v>
      </c>
      <c r="AQ11216">
        <v>22</v>
      </c>
    </row>
    <row r="11217" spans="1:43">
      <c r="A11217" t="s">
        <v>6972</v>
      </c>
      <c r="B11217" t="s">
        <v>6973</v>
      </c>
      <c r="C11217" t="s">
        <v>6962</v>
      </c>
      <c r="D11217" t="s">
        <v>6963</v>
      </c>
      <c r="E11217" t="s">
        <v>6594</v>
      </c>
      <c r="F11217" t="s">
        <v>6595</v>
      </c>
      <c r="G11217" t="s">
        <v>80</v>
      </c>
      <c r="H11217" t="s">
        <v>81</v>
      </c>
      <c r="I11217" s="2">
        <v>0</v>
      </c>
      <c r="J11217" s="2">
        <v>1</v>
      </c>
      <c r="K11217" s="2">
        <v>0</v>
      </c>
      <c r="L11217" t="s">
        <v>82</v>
      </c>
      <c r="M11217" t="s">
        <v>83</v>
      </c>
      <c r="N11217" t="s">
        <v>91</v>
      </c>
      <c r="O11217" t="s">
        <v>85</v>
      </c>
      <c r="P11217" t="s">
        <v>86</v>
      </c>
      <c r="Q11217">
        <v>21</v>
      </c>
      <c r="R11217">
        <v>21</v>
      </c>
      <c r="S11217">
        <v>21</v>
      </c>
      <c r="T11217">
        <v>21</v>
      </c>
      <c r="U11217">
        <v>21</v>
      </c>
      <c r="V11217">
        <v>21</v>
      </c>
      <c r="W11217">
        <v>22</v>
      </c>
      <c r="X11217">
        <v>22</v>
      </c>
      <c r="Y11217">
        <v>22</v>
      </c>
      <c r="Z11217">
        <v>22</v>
      </c>
      <c r="AA11217">
        <v>22</v>
      </c>
      <c r="AB11217">
        <v>22</v>
      </c>
      <c r="AC11217">
        <v>22</v>
      </c>
      <c r="AD11217">
        <v>22</v>
      </c>
      <c r="AE11217">
        <v>22</v>
      </c>
      <c r="AF11217">
        <v>22</v>
      </c>
      <c r="AG11217">
        <v>22</v>
      </c>
      <c r="AH11217">
        <v>22</v>
      </c>
      <c r="AI11217">
        <v>22</v>
      </c>
      <c r="AJ11217">
        <v>22</v>
      </c>
      <c r="AK11217">
        <v>22</v>
      </c>
      <c r="AL11217">
        <v>22</v>
      </c>
      <c r="AM11217">
        <v>22</v>
      </c>
      <c r="AN11217">
        <v>22</v>
      </c>
      <c r="AO11217">
        <v>22</v>
      </c>
      <c r="AP11217">
        <v>22</v>
      </c>
      <c r="AQ11217">
        <v>21</v>
      </c>
    </row>
    <row r="11218" spans="1:43">
      <c r="A11218" t="s">
        <v>6974</v>
      </c>
      <c r="B11218" t="s">
        <v>6975</v>
      </c>
      <c r="C11218" t="s">
        <v>6962</v>
      </c>
      <c r="D11218" t="s">
        <v>6963</v>
      </c>
      <c r="E11218" t="s">
        <v>6594</v>
      </c>
      <c r="F11218" t="s">
        <v>6595</v>
      </c>
      <c r="G11218" t="s">
        <v>80</v>
      </c>
      <c r="H11218" t="s">
        <v>81</v>
      </c>
      <c r="I11218" s="2">
        <v>0</v>
      </c>
      <c r="J11218" s="2">
        <v>1</v>
      </c>
      <c r="K11218" s="2">
        <v>0</v>
      </c>
      <c r="L11218" t="s">
        <v>82</v>
      </c>
      <c r="M11218" t="s">
        <v>83</v>
      </c>
      <c r="N11218" t="s">
        <v>84</v>
      </c>
      <c r="O11218" t="s">
        <v>85</v>
      </c>
      <c r="P11218" t="s">
        <v>86</v>
      </c>
      <c r="Q11218">
        <v>46</v>
      </c>
      <c r="R11218">
        <v>47</v>
      </c>
      <c r="S11218">
        <v>47</v>
      </c>
      <c r="T11218">
        <v>47</v>
      </c>
      <c r="U11218">
        <v>47</v>
      </c>
      <c r="V11218">
        <v>48</v>
      </c>
      <c r="W11218">
        <v>48</v>
      </c>
      <c r="X11218">
        <v>48</v>
      </c>
      <c r="Y11218">
        <v>48</v>
      </c>
      <c r="Z11218">
        <v>48</v>
      </c>
      <c r="AA11218">
        <v>49</v>
      </c>
      <c r="AB11218">
        <v>49</v>
      </c>
      <c r="AC11218">
        <v>49</v>
      </c>
      <c r="AD11218">
        <v>49</v>
      </c>
      <c r="AE11218">
        <v>49</v>
      </c>
      <c r="AF11218">
        <v>49</v>
      </c>
      <c r="AG11218">
        <v>49</v>
      </c>
      <c r="AH11218">
        <v>49</v>
      </c>
      <c r="AI11218">
        <v>49</v>
      </c>
      <c r="AJ11218">
        <v>49</v>
      </c>
      <c r="AK11218">
        <v>49</v>
      </c>
      <c r="AL11218">
        <v>48</v>
      </c>
      <c r="AM11218">
        <v>48</v>
      </c>
      <c r="AN11218">
        <v>48</v>
      </c>
      <c r="AO11218">
        <v>47</v>
      </c>
      <c r="AP11218">
        <v>47</v>
      </c>
      <c r="AQ11218">
        <v>46</v>
      </c>
    </row>
    <row r="11219" spans="1:43">
      <c r="A11219" t="s">
        <v>6974</v>
      </c>
      <c r="B11219" t="s">
        <v>6975</v>
      </c>
      <c r="C11219" t="s">
        <v>6962</v>
      </c>
      <c r="D11219" t="s">
        <v>6963</v>
      </c>
      <c r="E11219" t="s">
        <v>6594</v>
      </c>
      <c r="F11219" t="s">
        <v>6595</v>
      </c>
      <c r="G11219" t="s">
        <v>80</v>
      </c>
      <c r="H11219" t="s">
        <v>81</v>
      </c>
      <c r="I11219" s="2">
        <v>0</v>
      </c>
      <c r="J11219" s="2">
        <v>1</v>
      </c>
      <c r="K11219" s="2">
        <v>0</v>
      </c>
      <c r="L11219" t="s">
        <v>82</v>
      </c>
      <c r="M11219" t="s">
        <v>87</v>
      </c>
      <c r="N11219" t="s">
        <v>88</v>
      </c>
      <c r="O11219" t="s">
        <v>85</v>
      </c>
      <c r="P11219" t="s">
        <v>86</v>
      </c>
      <c r="Q11219">
        <v>46</v>
      </c>
      <c r="R11219">
        <v>46</v>
      </c>
      <c r="S11219">
        <v>46</v>
      </c>
      <c r="T11219">
        <v>45</v>
      </c>
      <c r="U11219">
        <v>45</v>
      </c>
      <c r="V11219">
        <v>45</v>
      </c>
      <c r="W11219">
        <v>45</v>
      </c>
      <c r="X11219">
        <v>45</v>
      </c>
      <c r="Y11219">
        <v>45</v>
      </c>
      <c r="Z11219">
        <v>44</v>
      </c>
      <c r="AA11219">
        <v>44</v>
      </c>
      <c r="AB11219">
        <v>44</v>
      </c>
      <c r="AC11219">
        <v>44</v>
      </c>
      <c r="AD11219">
        <v>44</v>
      </c>
      <c r="AE11219">
        <v>43</v>
      </c>
      <c r="AF11219">
        <v>43</v>
      </c>
      <c r="AG11219">
        <v>43</v>
      </c>
      <c r="AH11219">
        <v>43</v>
      </c>
      <c r="AI11219">
        <v>42</v>
      </c>
      <c r="AJ11219">
        <v>42</v>
      </c>
      <c r="AK11219">
        <v>42</v>
      </c>
      <c r="AL11219">
        <v>42</v>
      </c>
      <c r="AM11219">
        <v>41</v>
      </c>
      <c r="AN11219">
        <v>41</v>
      </c>
      <c r="AO11219">
        <v>41</v>
      </c>
      <c r="AP11219">
        <v>41</v>
      </c>
      <c r="AQ11219">
        <v>41</v>
      </c>
    </row>
    <row r="11220" spans="1:43">
      <c r="A11220" t="s">
        <v>6974</v>
      </c>
      <c r="B11220" t="s">
        <v>6975</v>
      </c>
      <c r="C11220" t="s">
        <v>6962</v>
      </c>
      <c r="D11220" t="s">
        <v>6963</v>
      </c>
      <c r="E11220" t="s">
        <v>6594</v>
      </c>
      <c r="F11220" t="s">
        <v>6595</v>
      </c>
      <c r="G11220" t="s">
        <v>80</v>
      </c>
      <c r="H11220" t="s">
        <v>81</v>
      </c>
      <c r="I11220" s="2">
        <v>0</v>
      </c>
      <c r="J11220" s="2">
        <v>1</v>
      </c>
      <c r="K11220" s="2">
        <v>0</v>
      </c>
      <c r="L11220" t="s">
        <v>82</v>
      </c>
      <c r="M11220" t="s">
        <v>89</v>
      </c>
      <c r="N11220" t="s">
        <v>90</v>
      </c>
      <c r="O11220" t="s">
        <v>85</v>
      </c>
      <c r="P11220" t="s">
        <v>86</v>
      </c>
      <c r="Q11220">
        <v>46</v>
      </c>
      <c r="R11220">
        <v>46</v>
      </c>
      <c r="S11220">
        <v>47</v>
      </c>
      <c r="T11220">
        <v>48</v>
      </c>
      <c r="U11220">
        <v>48</v>
      </c>
      <c r="V11220">
        <v>49</v>
      </c>
      <c r="W11220">
        <v>49</v>
      </c>
      <c r="X11220">
        <v>50</v>
      </c>
      <c r="Y11220">
        <v>50</v>
      </c>
      <c r="Z11220">
        <v>50</v>
      </c>
      <c r="AA11220">
        <v>51</v>
      </c>
      <c r="AB11220">
        <v>51</v>
      </c>
      <c r="AC11220">
        <v>51</v>
      </c>
      <c r="AD11220">
        <v>51</v>
      </c>
      <c r="AE11220">
        <v>51</v>
      </c>
      <c r="AF11220">
        <v>51</v>
      </c>
      <c r="AG11220">
        <v>50</v>
      </c>
      <c r="AH11220">
        <v>50</v>
      </c>
      <c r="AI11220">
        <v>49</v>
      </c>
      <c r="AJ11220">
        <v>49</v>
      </c>
      <c r="AK11220">
        <v>48</v>
      </c>
      <c r="AL11220">
        <v>48</v>
      </c>
      <c r="AM11220">
        <v>48</v>
      </c>
      <c r="AN11220">
        <v>47</v>
      </c>
      <c r="AO11220">
        <v>47</v>
      </c>
      <c r="AP11220">
        <v>46</v>
      </c>
      <c r="AQ11220">
        <v>46</v>
      </c>
    </row>
    <row r="11221" spans="1:43">
      <c r="A11221" t="s">
        <v>6974</v>
      </c>
      <c r="B11221" t="s">
        <v>6975</v>
      </c>
      <c r="C11221" t="s">
        <v>6962</v>
      </c>
      <c r="D11221" t="s">
        <v>6963</v>
      </c>
      <c r="E11221" t="s">
        <v>6594</v>
      </c>
      <c r="F11221" t="s">
        <v>6595</v>
      </c>
      <c r="G11221" t="s">
        <v>80</v>
      </c>
      <c r="H11221" t="s">
        <v>81</v>
      </c>
      <c r="I11221" s="2">
        <v>0</v>
      </c>
      <c r="J11221" s="2">
        <v>1</v>
      </c>
      <c r="K11221" s="2">
        <v>0</v>
      </c>
      <c r="L11221" t="s">
        <v>82</v>
      </c>
      <c r="M11221" t="s">
        <v>83</v>
      </c>
      <c r="N11221" t="s">
        <v>91</v>
      </c>
      <c r="O11221" t="s">
        <v>85</v>
      </c>
      <c r="P11221" t="s">
        <v>86</v>
      </c>
      <c r="Q11221">
        <v>46</v>
      </c>
      <c r="R11221">
        <v>47</v>
      </c>
      <c r="S11221">
        <v>47</v>
      </c>
      <c r="T11221">
        <v>47</v>
      </c>
      <c r="U11221">
        <v>47</v>
      </c>
      <c r="V11221">
        <v>48</v>
      </c>
      <c r="W11221">
        <v>48</v>
      </c>
      <c r="X11221">
        <v>48</v>
      </c>
      <c r="Y11221">
        <v>48</v>
      </c>
      <c r="Z11221">
        <v>48</v>
      </c>
      <c r="AA11221">
        <v>49</v>
      </c>
      <c r="AB11221">
        <v>49</v>
      </c>
      <c r="AC11221">
        <v>49</v>
      </c>
      <c r="AD11221">
        <v>49</v>
      </c>
      <c r="AE11221">
        <v>49</v>
      </c>
      <c r="AF11221">
        <v>49</v>
      </c>
      <c r="AG11221">
        <v>49</v>
      </c>
      <c r="AH11221">
        <v>49</v>
      </c>
      <c r="AI11221">
        <v>49</v>
      </c>
      <c r="AJ11221">
        <v>49</v>
      </c>
      <c r="AK11221">
        <v>49</v>
      </c>
      <c r="AL11221">
        <v>48</v>
      </c>
      <c r="AM11221">
        <v>48</v>
      </c>
      <c r="AN11221">
        <v>48</v>
      </c>
      <c r="AO11221">
        <v>47</v>
      </c>
      <c r="AP11221">
        <v>47</v>
      </c>
      <c r="AQ11221">
        <v>46</v>
      </c>
    </row>
    <row r="11222" spans="1:43">
      <c r="A11222" t="s">
        <v>6976</v>
      </c>
      <c r="B11222" t="s">
        <v>6977</v>
      </c>
      <c r="C11222" t="s">
        <v>6958</v>
      </c>
      <c r="D11222" t="s">
        <v>6959</v>
      </c>
      <c r="E11222" t="s">
        <v>6594</v>
      </c>
      <c r="F11222" t="s">
        <v>6595</v>
      </c>
      <c r="G11222" t="s">
        <v>80</v>
      </c>
      <c r="H11222" t="s">
        <v>81</v>
      </c>
      <c r="I11222" s="2">
        <v>0</v>
      </c>
      <c r="J11222" s="2">
        <v>1</v>
      </c>
      <c r="K11222" s="2">
        <v>0</v>
      </c>
      <c r="L11222" t="s">
        <v>82</v>
      </c>
      <c r="M11222" t="s">
        <v>83</v>
      </c>
      <c r="N11222" t="s">
        <v>84</v>
      </c>
      <c r="O11222" t="s">
        <v>85</v>
      </c>
      <c r="P11222" t="s">
        <v>86</v>
      </c>
      <c r="Q11222">
        <v>37</v>
      </c>
      <c r="R11222">
        <v>37</v>
      </c>
      <c r="S11222">
        <v>37</v>
      </c>
      <c r="T11222">
        <v>37</v>
      </c>
      <c r="U11222">
        <v>37</v>
      </c>
      <c r="V11222">
        <v>38</v>
      </c>
      <c r="W11222">
        <v>38</v>
      </c>
      <c r="X11222">
        <v>38</v>
      </c>
      <c r="Y11222">
        <v>38</v>
      </c>
      <c r="Z11222">
        <v>38</v>
      </c>
      <c r="AA11222">
        <v>38</v>
      </c>
      <c r="AB11222">
        <v>38</v>
      </c>
      <c r="AC11222">
        <v>38</v>
      </c>
      <c r="AD11222">
        <v>38</v>
      </c>
      <c r="AE11222">
        <v>39</v>
      </c>
      <c r="AF11222">
        <v>39</v>
      </c>
      <c r="AG11222">
        <v>39</v>
      </c>
      <c r="AH11222">
        <v>39</v>
      </c>
      <c r="AI11222">
        <v>38</v>
      </c>
      <c r="AJ11222">
        <v>38</v>
      </c>
      <c r="AK11222">
        <v>38</v>
      </c>
      <c r="AL11222">
        <v>38</v>
      </c>
      <c r="AM11222">
        <v>38</v>
      </c>
      <c r="AN11222">
        <v>37</v>
      </c>
      <c r="AO11222">
        <v>37</v>
      </c>
      <c r="AP11222">
        <v>37</v>
      </c>
      <c r="AQ11222">
        <v>36</v>
      </c>
    </row>
    <row r="11223" spans="1:43">
      <c r="A11223" t="s">
        <v>6976</v>
      </c>
      <c r="B11223" t="s">
        <v>6977</v>
      </c>
      <c r="C11223" t="s">
        <v>6958</v>
      </c>
      <c r="D11223" t="s">
        <v>6959</v>
      </c>
      <c r="E11223" t="s">
        <v>6594</v>
      </c>
      <c r="F11223" t="s">
        <v>6595</v>
      </c>
      <c r="G11223" t="s">
        <v>80</v>
      </c>
      <c r="H11223" t="s">
        <v>81</v>
      </c>
      <c r="I11223" s="2">
        <v>0</v>
      </c>
      <c r="J11223" s="2">
        <v>1</v>
      </c>
      <c r="K11223" s="2">
        <v>0</v>
      </c>
      <c r="L11223" t="s">
        <v>82</v>
      </c>
      <c r="M11223" t="s">
        <v>87</v>
      </c>
      <c r="N11223" t="s">
        <v>88</v>
      </c>
      <c r="O11223" t="s">
        <v>85</v>
      </c>
      <c r="P11223" t="s">
        <v>86</v>
      </c>
      <c r="Q11223">
        <v>37</v>
      </c>
      <c r="R11223">
        <v>37</v>
      </c>
      <c r="S11223">
        <v>37</v>
      </c>
      <c r="T11223">
        <v>37</v>
      </c>
      <c r="U11223">
        <v>37</v>
      </c>
      <c r="V11223">
        <v>37</v>
      </c>
      <c r="W11223">
        <v>37</v>
      </c>
      <c r="X11223">
        <v>36</v>
      </c>
      <c r="Y11223">
        <v>36</v>
      </c>
      <c r="Z11223">
        <v>36</v>
      </c>
      <c r="AA11223">
        <v>36</v>
      </c>
      <c r="AB11223">
        <v>36</v>
      </c>
      <c r="AC11223">
        <v>36</v>
      </c>
      <c r="AD11223">
        <v>35</v>
      </c>
      <c r="AE11223">
        <v>35</v>
      </c>
      <c r="AF11223">
        <v>35</v>
      </c>
      <c r="AG11223">
        <v>35</v>
      </c>
      <c r="AH11223">
        <v>35</v>
      </c>
      <c r="AI11223">
        <v>34</v>
      </c>
      <c r="AJ11223">
        <v>34</v>
      </c>
      <c r="AK11223">
        <v>34</v>
      </c>
      <c r="AL11223">
        <v>34</v>
      </c>
      <c r="AM11223">
        <v>34</v>
      </c>
      <c r="AN11223">
        <v>33</v>
      </c>
      <c r="AO11223">
        <v>33</v>
      </c>
      <c r="AP11223">
        <v>33</v>
      </c>
      <c r="AQ11223">
        <v>33</v>
      </c>
    </row>
    <row r="11224" spans="1:43">
      <c r="A11224" t="s">
        <v>6976</v>
      </c>
      <c r="B11224" t="s">
        <v>6977</v>
      </c>
      <c r="C11224" t="s">
        <v>6958</v>
      </c>
      <c r="D11224" t="s">
        <v>6959</v>
      </c>
      <c r="E11224" t="s">
        <v>6594</v>
      </c>
      <c r="F11224" t="s">
        <v>6595</v>
      </c>
      <c r="G11224" t="s">
        <v>80</v>
      </c>
      <c r="H11224" t="s">
        <v>81</v>
      </c>
      <c r="I11224" s="2">
        <v>0</v>
      </c>
      <c r="J11224" s="2">
        <v>1</v>
      </c>
      <c r="K11224" s="2">
        <v>0</v>
      </c>
      <c r="L11224" t="s">
        <v>82</v>
      </c>
      <c r="M11224" t="s">
        <v>89</v>
      </c>
      <c r="N11224" t="s">
        <v>90</v>
      </c>
      <c r="O11224" t="s">
        <v>85</v>
      </c>
      <c r="P11224" t="s">
        <v>86</v>
      </c>
      <c r="Q11224">
        <v>37</v>
      </c>
      <c r="R11224">
        <v>38</v>
      </c>
      <c r="S11224">
        <v>38</v>
      </c>
      <c r="T11224">
        <v>39</v>
      </c>
      <c r="U11224">
        <v>39</v>
      </c>
      <c r="V11224">
        <v>39</v>
      </c>
      <c r="W11224">
        <v>40</v>
      </c>
      <c r="X11224">
        <v>40</v>
      </c>
      <c r="Y11224">
        <v>40</v>
      </c>
      <c r="Z11224">
        <v>41</v>
      </c>
      <c r="AA11224">
        <v>41</v>
      </c>
      <c r="AB11224">
        <v>41</v>
      </c>
      <c r="AC11224">
        <v>41</v>
      </c>
      <c r="AD11224">
        <v>41</v>
      </c>
      <c r="AE11224">
        <v>41</v>
      </c>
      <c r="AF11224">
        <v>41</v>
      </c>
      <c r="AG11224">
        <v>40</v>
      </c>
      <c r="AH11224">
        <v>40</v>
      </c>
      <c r="AI11224">
        <v>40</v>
      </c>
      <c r="AJ11224">
        <v>39</v>
      </c>
      <c r="AK11224">
        <v>39</v>
      </c>
      <c r="AL11224">
        <v>38</v>
      </c>
      <c r="AM11224">
        <v>38</v>
      </c>
      <c r="AN11224">
        <v>38</v>
      </c>
      <c r="AO11224">
        <v>37</v>
      </c>
      <c r="AP11224">
        <v>37</v>
      </c>
      <c r="AQ11224">
        <v>37</v>
      </c>
    </row>
    <row r="11225" spans="1:43">
      <c r="A11225" t="s">
        <v>6976</v>
      </c>
      <c r="B11225" t="s">
        <v>6977</v>
      </c>
      <c r="C11225" t="s">
        <v>6958</v>
      </c>
      <c r="D11225" t="s">
        <v>6959</v>
      </c>
      <c r="E11225" t="s">
        <v>6594</v>
      </c>
      <c r="F11225" t="s">
        <v>6595</v>
      </c>
      <c r="G11225" t="s">
        <v>80</v>
      </c>
      <c r="H11225" t="s">
        <v>81</v>
      </c>
      <c r="I11225" s="2">
        <v>0</v>
      </c>
      <c r="J11225" s="2">
        <v>1</v>
      </c>
      <c r="K11225" s="2">
        <v>0</v>
      </c>
      <c r="L11225" t="s">
        <v>82</v>
      </c>
      <c r="M11225" t="s">
        <v>83</v>
      </c>
      <c r="N11225" t="s">
        <v>91</v>
      </c>
      <c r="O11225" t="s">
        <v>85</v>
      </c>
      <c r="P11225" t="s">
        <v>86</v>
      </c>
      <c r="Q11225">
        <v>37</v>
      </c>
      <c r="R11225">
        <v>37</v>
      </c>
      <c r="S11225">
        <v>37</v>
      </c>
      <c r="T11225">
        <v>37</v>
      </c>
      <c r="U11225">
        <v>37</v>
      </c>
      <c r="V11225">
        <v>38</v>
      </c>
      <c r="W11225">
        <v>38</v>
      </c>
      <c r="X11225">
        <v>38</v>
      </c>
      <c r="Y11225">
        <v>38</v>
      </c>
      <c r="Z11225">
        <v>38</v>
      </c>
      <c r="AA11225">
        <v>38</v>
      </c>
      <c r="AB11225">
        <v>38</v>
      </c>
      <c r="AC11225">
        <v>38</v>
      </c>
      <c r="AD11225">
        <v>38</v>
      </c>
      <c r="AE11225">
        <v>39</v>
      </c>
      <c r="AF11225">
        <v>39</v>
      </c>
      <c r="AG11225">
        <v>39</v>
      </c>
      <c r="AH11225">
        <v>39</v>
      </c>
      <c r="AI11225">
        <v>38</v>
      </c>
      <c r="AJ11225">
        <v>38</v>
      </c>
      <c r="AK11225">
        <v>38</v>
      </c>
      <c r="AL11225">
        <v>38</v>
      </c>
      <c r="AM11225">
        <v>38</v>
      </c>
      <c r="AN11225">
        <v>37</v>
      </c>
      <c r="AO11225">
        <v>37</v>
      </c>
      <c r="AP11225">
        <v>37</v>
      </c>
      <c r="AQ11225">
        <v>36</v>
      </c>
    </row>
    <row r="11226" spans="1:43">
      <c r="A11226" t="s">
        <v>6978</v>
      </c>
      <c r="B11226" t="s">
        <v>6979</v>
      </c>
      <c r="C11226" t="s">
        <v>6980</v>
      </c>
      <c r="D11226" t="s">
        <v>6981</v>
      </c>
      <c r="E11226" t="s">
        <v>6982</v>
      </c>
      <c r="F11226" t="s">
        <v>6983</v>
      </c>
      <c r="G11226" t="s">
        <v>80</v>
      </c>
      <c r="H11226" t="s">
        <v>81</v>
      </c>
      <c r="I11226" s="2">
        <v>0</v>
      </c>
      <c r="J11226" s="2">
        <v>1</v>
      </c>
      <c r="K11226" s="2">
        <v>0</v>
      </c>
      <c r="L11226" t="s">
        <v>82</v>
      </c>
      <c r="M11226" t="s">
        <v>83</v>
      </c>
      <c r="N11226" t="s">
        <v>84</v>
      </c>
      <c r="O11226" t="s">
        <v>85</v>
      </c>
      <c r="P11226" t="s">
        <v>86</v>
      </c>
      <c r="Q11226">
        <v>66</v>
      </c>
      <c r="R11226">
        <v>67</v>
      </c>
      <c r="S11226">
        <v>67</v>
      </c>
      <c r="T11226">
        <v>67</v>
      </c>
      <c r="U11226">
        <v>68</v>
      </c>
      <c r="V11226">
        <v>68</v>
      </c>
      <c r="W11226">
        <v>68</v>
      </c>
      <c r="X11226">
        <v>69</v>
      </c>
      <c r="Y11226">
        <v>69</v>
      </c>
      <c r="Z11226">
        <v>69</v>
      </c>
      <c r="AA11226">
        <v>70</v>
      </c>
      <c r="AB11226">
        <v>70</v>
      </c>
      <c r="AC11226">
        <v>70</v>
      </c>
      <c r="AD11226">
        <v>71</v>
      </c>
      <c r="AE11226">
        <v>71</v>
      </c>
      <c r="AF11226">
        <v>71</v>
      </c>
      <c r="AG11226">
        <v>71</v>
      </c>
      <c r="AH11226">
        <v>71</v>
      </c>
      <c r="AI11226">
        <v>72</v>
      </c>
      <c r="AJ11226">
        <v>72</v>
      </c>
      <c r="AK11226">
        <v>72</v>
      </c>
      <c r="AL11226">
        <v>72</v>
      </c>
      <c r="AM11226">
        <v>71</v>
      </c>
      <c r="AN11226">
        <v>71</v>
      </c>
      <c r="AO11226">
        <v>70</v>
      </c>
      <c r="AP11226">
        <v>70</v>
      </c>
      <c r="AQ11226">
        <v>69</v>
      </c>
    </row>
    <row r="11227" spans="1:43">
      <c r="A11227" t="s">
        <v>6978</v>
      </c>
      <c r="B11227" t="s">
        <v>6979</v>
      </c>
      <c r="C11227" t="s">
        <v>6980</v>
      </c>
      <c r="D11227" t="s">
        <v>6981</v>
      </c>
      <c r="E11227" t="s">
        <v>6982</v>
      </c>
      <c r="F11227" t="s">
        <v>6983</v>
      </c>
      <c r="G11227" t="s">
        <v>80</v>
      </c>
      <c r="H11227" t="s">
        <v>81</v>
      </c>
      <c r="I11227" s="2">
        <v>0</v>
      </c>
      <c r="J11227" s="2">
        <v>1</v>
      </c>
      <c r="K11227" s="2">
        <v>0</v>
      </c>
      <c r="L11227" t="s">
        <v>82</v>
      </c>
      <c r="M11227" t="s">
        <v>87</v>
      </c>
      <c r="N11227" t="s">
        <v>88</v>
      </c>
      <c r="O11227" t="s">
        <v>85</v>
      </c>
      <c r="P11227" t="s">
        <v>86</v>
      </c>
      <c r="Q11227">
        <v>66</v>
      </c>
      <c r="R11227">
        <v>65</v>
      </c>
      <c r="S11227">
        <v>65</v>
      </c>
      <c r="T11227">
        <v>65</v>
      </c>
      <c r="U11227">
        <v>65</v>
      </c>
      <c r="V11227">
        <v>65</v>
      </c>
      <c r="W11227">
        <v>64</v>
      </c>
      <c r="X11227">
        <v>64</v>
      </c>
      <c r="Y11227">
        <v>64</v>
      </c>
      <c r="Z11227">
        <v>64</v>
      </c>
      <c r="AA11227">
        <v>63</v>
      </c>
      <c r="AB11227">
        <v>63</v>
      </c>
      <c r="AC11227">
        <v>63</v>
      </c>
      <c r="AD11227">
        <v>63</v>
      </c>
      <c r="AE11227">
        <v>63</v>
      </c>
      <c r="AF11227">
        <v>62</v>
      </c>
      <c r="AG11227">
        <v>62</v>
      </c>
      <c r="AH11227">
        <v>62</v>
      </c>
      <c r="AI11227">
        <v>62</v>
      </c>
      <c r="AJ11227">
        <v>62</v>
      </c>
      <c r="AK11227">
        <v>62</v>
      </c>
      <c r="AL11227">
        <v>61</v>
      </c>
      <c r="AM11227">
        <v>61</v>
      </c>
      <c r="AN11227">
        <v>61</v>
      </c>
      <c r="AO11227">
        <v>61</v>
      </c>
      <c r="AP11227">
        <v>61</v>
      </c>
      <c r="AQ11227">
        <v>60</v>
      </c>
    </row>
    <row r="11228" spans="1:43">
      <c r="A11228" t="s">
        <v>6978</v>
      </c>
      <c r="B11228" t="s">
        <v>6979</v>
      </c>
      <c r="C11228" t="s">
        <v>6980</v>
      </c>
      <c r="D11228" t="s">
        <v>6981</v>
      </c>
      <c r="E11228" t="s">
        <v>6982</v>
      </c>
      <c r="F11228" t="s">
        <v>6983</v>
      </c>
      <c r="G11228" t="s">
        <v>80</v>
      </c>
      <c r="H11228" t="s">
        <v>81</v>
      </c>
      <c r="I11228" s="2">
        <v>0</v>
      </c>
      <c r="J11228" s="2">
        <v>1</v>
      </c>
      <c r="K11228" s="2">
        <v>0</v>
      </c>
      <c r="L11228" t="s">
        <v>82</v>
      </c>
      <c r="M11228" t="s">
        <v>89</v>
      </c>
      <c r="N11228" t="s">
        <v>90</v>
      </c>
      <c r="O11228" t="s">
        <v>85</v>
      </c>
      <c r="P11228" t="s">
        <v>86</v>
      </c>
      <c r="Q11228">
        <v>66</v>
      </c>
      <c r="R11228">
        <v>67</v>
      </c>
      <c r="S11228">
        <v>68</v>
      </c>
      <c r="T11228">
        <v>69</v>
      </c>
      <c r="U11228">
        <v>69</v>
      </c>
      <c r="V11228">
        <v>70</v>
      </c>
      <c r="W11228">
        <v>71</v>
      </c>
      <c r="X11228">
        <v>72</v>
      </c>
      <c r="Y11228">
        <v>72</v>
      </c>
      <c r="Z11228">
        <v>73</v>
      </c>
      <c r="AA11228">
        <v>73</v>
      </c>
      <c r="AB11228">
        <v>74</v>
      </c>
      <c r="AC11228">
        <v>74</v>
      </c>
      <c r="AD11228">
        <v>75</v>
      </c>
      <c r="AE11228">
        <v>75</v>
      </c>
      <c r="AF11228">
        <v>74</v>
      </c>
      <c r="AG11228">
        <v>74</v>
      </c>
      <c r="AH11228">
        <v>73</v>
      </c>
      <c r="AI11228">
        <v>73</v>
      </c>
      <c r="AJ11228">
        <v>72</v>
      </c>
      <c r="AK11228">
        <v>72</v>
      </c>
      <c r="AL11228">
        <v>71</v>
      </c>
      <c r="AM11228">
        <v>71</v>
      </c>
      <c r="AN11228">
        <v>70</v>
      </c>
      <c r="AO11228">
        <v>70</v>
      </c>
      <c r="AP11228">
        <v>70</v>
      </c>
      <c r="AQ11228">
        <v>69</v>
      </c>
    </row>
    <row r="11229" spans="1:43">
      <c r="A11229" t="s">
        <v>6978</v>
      </c>
      <c r="B11229" t="s">
        <v>6979</v>
      </c>
      <c r="C11229" t="s">
        <v>6980</v>
      </c>
      <c r="D11229" t="s">
        <v>6981</v>
      </c>
      <c r="E11229" t="s">
        <v>6982</v>
      </c>
      <c r="F11229" t="s">
        <v>6983</v>
      </c>
      <c r="G11229" t="s">
        <v>80</v>
      </c>
      <c r="H11229" t="s">
        <v>81</v>
      </c>
      <c r="I11229" s="2">
        <v>0</v>
      </c>
      <c r="J11229" s="2">
        <v>1</v>
      </c>
      <c r="K11229" s="2">
        <v>0</v>
      </c>
      <c r="L11229" t="s">
        <v>82</v>
      </c>
      <c r="M11229" t="s">
        <v>83</v>
      </c>
      <c r="N11229" t="s">
        <v>91</v>
      </c>
      <c r="O11229" t="s">
        <v>85</v>
      </c>
      <c r="P11229" t="s">
        <v>86</v>
      </c>
      <c r="Q11229">
        <v>66</v>
      </c>
      <c r="R11229">
        <v>67</v>
      </c>
      <c r="S11229">
        <v>67</v>
      </c>
      <c r="T11229">
        <v>67</v>
      </c>
      <c r="U11229">
        <v>68</v>
      </c>
      <c r="V11229">
        <v>68</v>
      </c>
      <c r="W11229">
        <v>68</v>
      </c>
      <c r="X11229">
        <v>69</v>
      </c>
      <c r="Y11229">
        <v>69</v>
      </c>
      <c r="Z11229">
        <v>69</v>
      </c>
      <c r="AA11229">
        <v>70</v>
      </c>
      <c r="AB11229">
        <v>70</v>
      </c>
      <c r="AC11229">
        <v>70</v>
      </c>
      <c r="AD11229">
        <v>71</v>
      </c>
      <c r="AE11229">
        <v>71</v>
      </c>
      <c r="AF11229">
        <v>71</v>
      </c>
      <c r="AG11229">
        <v>71</v>
      </c>
      <c r="AH11229">
        <v>71</v>
      </c>
      <c r="AI11229">
        <v>72</v>
      </c>
      <c r="AJ11229">
        <v>72</v>
      </c>
      <c r="AK11229">
        <v>72</v>
      </c>
      <c r="AL11229">
        <v>72</v>
      </c>
      <c r="AM11229">
        <v>71</v>
      </c>
      <c r="AN11229">
        <v>71</v>
      </c>
      <c r="AO11229">
        <v>70</v>
      </c>
      <c r="AP11229">
        <v>70</v>
      </c>
      <c r="AQ11229">
        <v>69</v>
      </c>
    </row>
    <row r="11230" spans="1:43">
      <c r="A11230" t="s">
        <v>6984</v>
      </c>
      <c r="B11230" t="s">
        <v>6985</v>
      </c>
      <c r="C11230" t="s">
        <v>6980</v>
      </c>
      <c r="D11230" t="s">
        <v>6981</v>
      </c>
      <c r="E11230" t="s">
        <v>6982</v>
      </c>
      <c r="F11230" t="s">
        <v>6983</v>
      </c>
      <c r="G11230" t="s">
        <v>80</v>
      </c>
      <c r="H11230" t="s">
        <v>81</v>
      </c>
      <c r="I11230" s="2">
        <v>0</v>
      </c>
      <c r="J11230" s="2">
        <v>1</v>
      </c>
      <c r="K11230" s="2">
        <v>0</v>
      </c>
      <c r="L11230" t="s">
        <v>82</v>
      </c>
      <c r="M11230" t="s">
        <v>83</v>
      </c>
      <c r="N11230" t="s">
        <v>84</v>
      </c>
      <c r="O11230" t="s">
        <v>85</v>
      </c>
      <c r="P11230" t="s">
        <v>86</v>
      </c>
      <c r="Q11230">
        <v>78</v>
      </c>
      <c r="R11230">
        <v>79</v>
      </c>
      <c r="S11230">
        <v>79</v>
      </c>
      <c r="T11230">
        <v>80</v>
      </c>
      <c r="U11230">
        <v>80</v>
      </c>
      <c r="V11230">
        <v>80</v>
      </c>
      <c r="W11230">
        <v>81</v>
      </c>
      <c r="X11230">
        <v>81</v>
      </c>
      <c r="Y11230">
        <v>81</v>
      </c>
      <c r="Z11230">
        <v>82</v>
      </c>
      <c r="AA11230">
        <v>82</v>
      </c>
      <c r="AB11230">
        <v>82</v>
      </c>
      <c r="AC11230">
        <v>82</v>
      </c>
      <c r="AD11230">
        <v>83</v>
      </c>
      <c r="AE11230">
        <v>83</v>
      </c>
      <c r="AF11230">
        <v>83</v>
      </c>
      <c r="AG11230">
        <v>83</v>
      </c>
      <c r="AH11230">
        <v>83</v>
      </c>
      <c r="AI11230">
        <v>83</v>
      </c>
      <c r="AJ11230">
        <v>84</v>
      </c>
      <c r="AK11230">
        <v>84</v>
      </c>
      <c r="AL11230">
        <v>83</v>
      </c>
      <c r="AM11230">
        <v>83</v>
      </c>
      <c r="AN11230">
        <v>82</v>
      </c>
      <c r="AO11230">
        <v>81</v>
      </c>
      <c r="AP11230">
        <v>81</v>
      </c>
      <c r="AQ11230">
        <v>80</v>
      </c>
    </row>
    <row r="11231" spans="1:43">
      <c r="A11231" t="s">
        <v>6984</v>
      </c>
      <c r="B11231" t="s">
        <v>6985</v>
      </c>
      <c r="C11231" t="s">
        <v>6980</v>
      </c>
      <c r="D11231" t="s">
        <v>6981</v>
      </c>
      <c r="E11231" t="s">
        <v>6982</v>
      </c>
      <c r="F11231" t="s">
        <v>6983</v>
      </c>
      <c r="G11231" t="s">
        <v>80</v>
      </c>
      <c r="H11231" t="s">
        <v>81</v>
      </c>
      <c r="I11231" s="2">
        <v>0</v>
      </c>
      <c r="J11231" s="2">
        <v>1</v>
      </c>
      <c r="K11231" s="2">
        <v>0</v>
      </c>
      <c r="L11231" t="s">
        <v>82</v>
      </c>
      <c r="M11231" t="s">
        <v>87</v>
      </c>
      <c r="N11231" t="s">
        <v>88</v>
      </c>
      <c r="O11231" t="s">
        <v>85</v>
      </c>
      <c r="P11231" t="s">
        <v>86</v>
      </c>
      <c r="Q11231">
        <v>78</v>
      </c>
      <c r="R11231">
        <v>77</v>
      </c>
      <c r="S11231">
        <v>77</v>
      </c>
      <c r="T11231">
        <v>77</v>
      </c>
      <c r="U11231">
        <v>76</v>
      </c>
      <c r="V11231">
        <v>76</v>
      </c>
      <c r="W11231">
        <v>76</v>
      </c>
      <c r="X11231">
        <v>76</v>
      </c>
      <c r="Y11231">
        <v>75</v>
      </c>
      <c r="Z11231">
        <v>75</v>
      </c>
      <c r="AA11231">
        <v>75</v>
      </c>
      <c r="AB11231">
        <v>74</v>
      </c>
      <c r="AC11231">
        <v>74</v>
      </c>
      <c r="AD11231">
        <v>74</v>
      </c>
      <c r="AE11231">
        <v>73</v>
      </c>
      <c r="AF11231">
        <v>73</v>
      </c>
      <c r="AG11231">
        <v>73</v>
      </c>
      <c r="AH11231">
        <v>72</v>
      </c>
      <c r="AI11231">
        <v>72</v>
      </c>
      <c r="AJ11231">
        <v>72</v>
      </c>
      <c r="AK11231">
        <v>72</v>
      </c>
      <c r="AL11231">
        <v>71</v>
      </c>
      <c r="AM11231">
        <v>71</v>
      </c>
      <c r="AN11231">
        <v>71</v>
      </c>
      <c r="AO11231">
        <v>70</v>
      </c>
      <c r="AP11231">
        <v>70</v>
      </c>
      <c r="AQ11231">
        <v>70</v>
      </c>
    </row>
    <row r="11232" spans="1:43">
      <c r="A11232" t="s">
        <v>6984</v>
      </c>
      <c r="B11232" t="s">
        <v>6985</v>
      </c>
      <c r="C11232" t="s">
        <v>6980</v>
      </c>
      <c r="D11232" t="s">
        <v>6981</v>
      </c>
      <c r="E11232" t="s">
        <v>6982</v>
      </c>
      <c r="F11232" t="s">
        <v>6983</v>
      </c>
      <c r="G11232" t="s">
        <v>80</v>
      </c>
      <c r="H11232" t="s">
        <v>81</v>
      </c>
      <c r="I11232" s="2">
        <v>0</v>
      </c>
      <c r="J11232" s="2">
        <v>1</v>
      </c>
      <c r="K11232" s="2">
        <v>0</v>
      </c>
      <c r="L11232" t="s">
        <v>82</v>
      </c>
      <c r="M11232" t="s">
        <v>89</v>
      </c>
      <c r="N11232" t="s">
        <v>90</v>
      </c>
      <c r="O11232" t="s">
        <v>85</v>
      </c>
      <c r="P11232" t="s">
        <v>86</v>
      </c>
      <c r="Q11232">
        <v>78</v>
      </c>
      <c r="R11232">
        <v>79</v>
      </c>
      <c r="S11232">
        <v>80</v>
      </c>
      <c r="T11232">
        <v>81</v>
      </c>
      <c r="U11232">
        <v>82</v>
      </c>
      <c r="V11232">
        <v>83</v>
      </c>
      <c r="W11232">
        <v>84</v>
      </c>
      <c r="X11232">
        <v>85</v>
      </c>
      <c r="Y11232">
        <v>85</v>
      </c>
      <c r="Z11232">
        <v>86</v>
      </c>
      <c r="AA11232">
        <v>86</v>
      </c>
      <c r="AB11232">
        <v>87</v>
      </c>
      <c r="AC11232">
        <v>87</v>
      </c>
      <c r="AD11232">
        <v>88</v>
      </c>
      <c r="AE11232">
        <v>88</v>
      </c>
      <c r="AF11232">
        <v>87</v>
      </c>
      <c r="AG11232">
        <v>86</v>
      </c>
      <c r="AH11232">
        <v>86</v>
      </c>
      <c r="AI11232">
        <v>85</v>
      </c>
      <c r="AJ11232">
        <v>84</v>
      </c>
      <c r="AK11232">
        <v>84</v>
      </c>
      <c r="AL11232">
        <v>83</v>
      </c>
      <c r="AM11232">
        <v>82</v>
      </c>
      <c r="AN11232">
        <v>82</v>
      </c>
      <c r="AO11232">
        <v>81</v>
      </c>
      <c r="AP11232">
        <v>80</v>
      </c>
      <c r="AQ11232">
        <v>80</v>
      </c>
    </row>
    <row r="11233" spans="1:43">
      <c r="A11233" t="s">
        <v>6984</v>
      </c>
      <c r="B11233" t="s">
        <v>6985</v>
      </c>
      <c r="C11233" t="s">
        <v>6980</v>
      </c>
      <c r="D11233" t="s">
        <v>6981</v>
      </c>
      <c r="E11233" t="s">
        <v>6982</v>
      </c>
      <c r="F11233" t="s">
        <v>6983</v>
      </c>
      <c r="G11233" t="s">
        <v>80</v>
      </c>
      <c r="H11233" t="s">
        <v>81</v>
      </c>
      <c r="I11233" s="2">
        <v>0</v>
      </c>
      <c r="J11233" s="2">
        <v>1</v>
      </c>
      <c r="K11233" s="2">
        <v>0</v>
      </c>
      <c r="L11233" t="s">
        <v>82</v>
      </c>
      <c r="M11233" t="s">
        <v>83</v>
      </c>
      <c r="N11233" t="s">
        <v>91</v>
      </c>
      <c r="O11233" t="s">
        <v>85</v>
      </c>
      <c r="P11233" t="s">
        <v>86</v>
      </c>
      <c r="Q11233">
        <v>78</v>
      </c>
      <c r="R11233">
        <v>79</v>
      </c>
      <c r="S11233">
        <v>79</v>
      </c>
      <c r="T11233">
        <v>80</v>
      </c>
      <c r="U11233">
        <v>80</v>
      </c>
      <c r="V11233">
        <v>80</v>
      </c>
      <c r="W11233">
        <v>81</v>
      </c>
      <c r="X11233">
        <v>81</v>
      </c>
      <c r="Y11233">
        <v>81</v>
      </c>
      <c r="Z11233">
        <v>82</v>
      </c>
      <c r="AA11233">
        <v>82</v>
      </c>
      <c r="AB11233">
        <v>82</v>
      </c>
      <c r="AC11233">
        <v>82</v>
      </c>
      <c r="AD11233">
        <v>83</v>
      </c>
      <c r="AE11233">
        <v>83</v>
      </c>
      <c r="AF11233">
        <v>83</v>
      </c>
      <c r="AG11233">
        <v>83</v>
      </c>
      <c r="AH11233">
        <v>83</v>
      </c>
      <c r="AI11233">
        <v>83</v>
      </c>
      <c r="AJ11233">
        <v>84</v>
      </c>
      <c r="AK11233">
        <v>84</v>
      </c>
      <c r="AL11233">
        <v>83</v>
      </c>
      <c r="AM11233">
        <v>83</v>
      </c>
      <c r="AN11233">
        <v>82</v>
      </c>
      <c r="AO11233">
        <v>81</v>
      </c>
      <c r="AP11233">
        <v>81</v>
      </c>
      <c r="AQ11233">
        <v>80</v>
      </c>
    </row>
    <row r="11234" spans="1:43">
      <c r="A11234" t="s">
        <v>6986</v>
      </c>
      <c r="B11234" t="s">
        <v>6987</v>
      </c>
      <c r="C11234" t="s">
        <v>6988</v>
      </c>
      <c r="D11234" t="s">
        <v>6989</v>
      </c>
      <c r="E11234" t="s">
        <v>6982</v>
      </c>
      <c r="F11234" t="s">
        <v>6983</v>
      </c>
      <c r="G11234" t="s">
        <v>80</v>
      </c>
      <c r="H11234" t="s">
        <v>81</v>
      </c>
      <c r="I11234" s="2">
        <v>0</v>
      </c>
      <c r="J11234" s="2">
        <v>1</v>
      </c>
      <c r="K11234" s="2">
        <v>0</v>
      </c>
      <c r="L11234" t="s">
        <v>82</v>
      </c>
      <c r="M11234" t="s">
        <v>83</v>
      </c>
      <c r="N11234" t="s">
        <v>84</v>
      </c>
      <c r="O11234" t="s">
        <v>85</v>
      </c>
      <c r="P11234" t="s">
        <v>86</v>
      </c>
      <c r="Q11234">
        <v>97</v>
      </c>
      <c r="R11234">
        <v>98</v>
      </c>
      <c r="S11234">
        <v>98</v>
      </c>
      <c r="T11234">
        <v>99</v>
      </c>
      <c r="U11234">
        <v>99</v>
      </c>
      <c r="V11234">
        <v>100</v>
      </c>
      <c r="W11234">
        <v>100</v>
      </c>
      <c r="X11234">
        <v>101</v>
      </c>
      <c r="Y11234">
        <v>101</v>
      </c>
      <c r="Z11234">
        <v>102</v>
      </c>
      <c r="AA11234">
        <v>102</v>
      </c>
      <c r="AB11234">
        <v>102</v>
      </c>
      <c r="AC11234">
        <v>103</v>
      </c>
      <c r="AD11234">
        <v>103</v>
      </c>
      <c r="AE11234">
        <v>103</v>
      </c>
      <c r="AF11234">
        <v>104</v>
      </c>
      <c r="AG11234">
        <v>104</v>
      </c>
      <c r="AH11234">
        <v>104</v>
      </c>
      <c r="AI11234">
        <v>104</v>
      </c>
      <c r="AJ11234">
        <v>105</v>
      </c>
      <c r="AK11234">
        <v>105</v>
      </c>
      <c r="AL11234">
        <v>104</v>
      </c>
      <c r="AM11234">
        <v>104</v>
      </c>
      <c r="AN11234">
        <v>103</v>
      </c>
      <c r="AO11234">
        <v>102</v>
      </c>
      <c r="AP11234">
        <v>101</v>
      </c>
      <c r="AQ11234">
        <v>101</v>
      </c>
    </row>
    <row r="11235" spans="1:43">
      <c r="A11235" t="s">
        <v>6986</v>
      </c>
      <c r="B11235" t="s">
        <v>6987</v>
      </c>
      <c r="C11235" t="s">
        <v>6988</v>
      </c>
      <c r="D11235" t="s">
        <v>6989</v>
      </c>
      <c r="E11235" t="s">
        <v>6982</v>
      </c>
      <c r="F11235" t="s">
        <v>6983</v>
      </c>
      <c r="G11235" t="s">
        <v>80</v>
      </c>
      <c r="H11235" t="s">
        <v>81</v>
      </c>
      <c r="I11235" s="2">
        <v>0</v>
      </c>
      <c r="J11235" s="2">
        <v>1</v>
      </c>
      <c r="K11235" s="2">
        <v>0</v>
      </c>
      <c r="L11235" t="s">
        <v>82</v>
      </c>
      <c r="M11235" t="s">
        <v>87</v>
      </c>
      <c r="N11235" t="s">
        <v>88</v>
      </c>
      <c r="O11235" t="s">
        <v>85</v>
      </c>
      <c r="P11235" t="s">
        <v>86</v>
      </c>
      <c r="Q11235">
        <v>97</v>
      </c>
      <c r="R11235">
        <v>96</v>
      </c>
      <c r="S11235">
        <v>96</v>
      </c>
      <c r="T11235">
        <v>95</v>
      </c>
      <c r="U11235">
        <v>95</v>
      </c>
      <c r="V11235">
        <v>95</v>
      </c>
      <c r="W11235">
        <v>94</v>
      </c>
      <c r="X11235">
        <v>94</v>
      </c>
      <c r="Y11235">
        <v>94</v>
      </c>
      <c r="Z11235">
        <v>93</v>
      </c>
      <c r="AA11235">
        <v>93</v>
      </c>
      <c r="AB11235">
        <v>93</v>
      </c>
      <c r="AC11235">
        <v>92</v>
      </c>
      <c r="AD11235">
        <v>92</v>
      </c>
      <c r="AE11235">
        <v>92</v>
      </c>
      <c r="AF11235">
        <v>91</v>
      </c>
      <c r="AG11235">
        <v>91</v>
      </c>
      <c r="AH11235">
        <v>90</v>
      </c>
      <c r="AI11235">
        <v>90</v>
      </c>
      <c r="AJ11235">
        <v>90</v>
      </c>
      <c r="AK11235">
        <v>89</v>
      </c>
      <c r="AL11235">
        <v>89</v>
      </c>
      <c r="AM11235">
        <v>89</v>
      </c>
      <c r="AN11235">
        <v>88</v>
      </c>
      <c r="AO11235">
        <v>88</v>
      </c>
      <c r="AP11235">
        <v>88</v>
      </c>
      <c r="AQ11235">
        <v>87</v>
      </c>
    </row>
    <row r="11236" spans="1:43">
      <c r="A11236" t="s">
        <v>6986</v>
      </c>
      <c r="B11236" t="s">
        <v>6987</v>
      </c>
      <c r="C11236" t="s">
        <v>6988</v>
      </c>
      <c r="D11236" t="s">
        <v>6989</v>
      </c>
      <c r="E11236" t="s">
        <v>6982</v>
      </c>
      <c r="F11236" t="s">
        <v>6983</v>
      </c>
      <c r="G11236" t="s">
        <v>80</v>
      </c>
      <c r="H11236" t="s">
        <v>81</v>
      </c>
      <c r="I11236" s="2">
        <v>0</v>
      </c>
      <c r="J11236" s="2">
        <v>1</v>
      </c>
      <c r="K11236" s="2">
        <v>0</v>
      </c>
      <c r="L11236" t="s">
        <v>82</v>
      </c>
      <c r="M11236" t="s">
        <v>89</v>
      </c>
      <c r="N11236" t="s">
        <v>90</v>
      </c>
      <c r="O11236" t="s">
        <v>85</v>
      </c>
      <c r="P11236" t="s">
        <v>86</v>
      </c>
      <c r="Q11236">
        <v>97</v>
      </c>
      <c r="R11236">
        <v>99</v>
      </c>
      <c r="S11236">
        <v>100</v>
      </c>
      <c r="T11236">
        <v>101</v>
      </c>
      <c r="U11236">
        <v>102</v>
      </c>
      <c r="V11236">
        <v>104</v>
      </c>
      <c r="W11236">
        <v>105</v>
      </c>
      <c r="X11236">
        <v>105</v>
      </c>
      <c r="Y11236">
        <v>106</v>
      </c>
      <c r="Z11236">
        <v>107</v>
      </c>
      <c r="AA11236">
        <v>108</v>
      </c>
      <c r="AB11236">
        <v>108</v>
      </c>
      <c r="AC11236">
        <v>109</v>
      </c>
      <c r="AD11236">
        <v>110</v>
      </c>
      <c r="AE11236">
        <v>110</v>
      </c>
      <c r="AF11236">
        <v>109</v>
      </c>
      <c r="AG11236">
        <v>108</v>
      </c>
      <c r="AH11236">
        <v>107</v>
      </c>
      <c r="AI11236">
        <v>107</v>
      </c>
      <c r="AJ11236">
        <v>106</v>
      </c>
      <c r="AK11236">
        <v>105</v>
      </c>
      <c r="AL11236">
        <v>104</v>
      </c>
      <c r="AM11236">
        <v>104</v>
      </c>
      <c r="AN11236">
        <v>103</v>
      </c>
      <c r="AO11236">
        <v>102</v>
      </c>
      <c r="AP11236">
        <v>101</v>
      </c>
      <c r="AQ11236">
        <v>101</v>
      </c>
    </row>
    <row r="11237" spans="1:43">
      <c r="A11237" t="s">
        <v>6986</v>
      </c>
      <c r="B11237" t="s">
        <v>6987</v>
      </c>
      <c r="C11237" t="s">
        <v>6988</v>
      </c>
      <c r="D11237" t="s">
        <v>6989</v>
      </c>
      <c r="E11237" t="s">
        <v>6982</v>
      </c>
      <c r="F11237" t="s">
        <v>6983</v>
      </c>
      <c r="G11237" t="s">
        <v>80</v>
      </c>
      <c r="H11237" t="s">
        <v>81</v>
      </c>
      <c r="I11237" s="2">
        <v>0</v>
      </c>
      <c r="J11237" s="2">
        <v>1</v>
      </c>
      <c r="K11237" s="2">
        <v>0</v>
      </c>
      <c r="L11237" t="s">
        <v>82</v>
      </c>
      <c r="M11237" t="s">
        <v>83</v>
      </c>
      <c r="N11237" t="s">
        <v>91</v>
      </c>
      <c r="O11237" t="s">
        <v>85</v>
      </c>
      <c r="P11237" t="s">
        <v>86</v>
      </c>
      <c r="Q11237">
        <v>97</v>
      </c>
      <c r="R11237">
        <v>98</v>
      </c>
      <c r="S11237">
        <v>98</v>
      </c>
      <c r="T11237">
        <v>99</v>
      </c>
      <c r="U11237">
        <v>99</v>
      </c>
      <c r="V11237">
        <v>100</v>
      </c>
      <c r="W11237">
        <v>100</v>
      </c>
      <c r="X11237">
        <v>101</v>
      </c>
      <c r="Y11237">
        <v>101</v>
      </c>
      <c r="Z11237">
        <v>102</v>
      </c>
      <c r="AA11237">
        <v>102</v>
      </c>
      <c r="AB11237">
        <v>102</v>
      </c>
      <c r="AC11237">
        <v>103</v>
      </c>
      <c r="AD11237">
        <v>103</v>
      </c>
      <c r="AE11237">
        <v>103</v>
      </c>
      <c r="AF11237">
        <v>104</v>
      </c>
      <c r="AG11237">
        <v>104</v>
      </c>
      <c r="AH11237">
        <v>104</v>
      </c>
      <c r="AI11237">
        <v>104</v>
      </c>
      <c r="AJ11237">
        <v>105</v>
      </c>
      <c r="AK11237">
        <v>105</v>
      </c>
      <c r="AL11237">
        <v>104</v>
      </c>
      <c r="AM11237">
        <v>104</v>
      </c>
      <c r="AN11237">
        <v>103</v>
      </c>
      <c r="AO11237">
        <v>102</v>
      </c>
      <c r="AP11237">
        <v>101</v>
      </c>
      <c r="AQ11237">
        <v>101</v>
      </c>
    </row>
    <row r="11238" spans="1:43">
      <c r="A11238" t="s">
        <v>6990</v>
      </c>
      <c r="B11238" t="s">
        <v>6991</v>
      </c>
      <c r="C11238" t="s">
        <v>6980</v>
      </c>
      <c r="D11238" t="s">
        <v>6981</v>
      </c>
      <c r="E11238" t="s">
        <v>6982</v>
      </c>
      <c r="F11238" t="s">
        <v>6983</v>
      </c>
      <c r="G11238" t="s">
        <v>80</v>
      </c>
      <c r="H11238" t="s">
        <v>81</v>
      </c>
      <c r="I11238" s="2">
        <v>0</v>
      </c>
      <c r="J11238" s="2">
        <v>1</v>
      </c>
      <c r="K11238" s="2">
        <v>0</v>
      </c>
      <c r="L11238" t="s">
        <v>82</v>
      </c>
      <c r="M11238" t="s">
        <v>83</v>
      </c>
      <c r="N11238" t="s">
        <v>84</v>
      </c>
      <c r="O11238" t="s">
        <v>85</v>
      </c>
      <c r="P11238" t="s">
        <v>86</v>
      </c>
      <c r="Q11238">
        <v>95</v>
      </c>
      <c r="R11238">
        <v>95</v>
      </c>
      <c r="S11238">
        <v>96</v>
      </c>
      <c r="T11238">
        <v>96</v>
      </c>
      <c r="U11238">
        <v>97</v>
      </c>
      <c r="V11238">
        <v>97</v>
      </c>
      <c r="W11238">
        <v>98</v>
      </c>
      <c r="X11238">
        <v>98</v>
      </c>
      <c r="Y11238">
        <v>99</v>
      </c>
      <c r="Z11238">
        <v>99</v>
      </c>
      <c r="AA11238">
        <v>100</v>
      </c>
      <c r="AB11238">
        <v>100</v>
      </c>
      <c r="AC11238">
        <v>101</v>
      </c>
      <c r="AD11238">
        <v>101</v>
      </c>
      <c r="AE11238">
        <v>101</v>
      </c>
      <c r="AF11238">
        <v>102</v>
      </c>
      <c r="AG11238">
        <v>102</v>
      </c>
      <c r="AH11238">
        <v>102</v>
      </c>
      <c r="AI11238">
        <v>103</v>
      </c>
      <c r="AJ11238">
        <v>103</v>
      </c>
      <c r="AK11238">
        <v>103</v>
      </c>
      <c r="AL11238">
        <v>103</v>
      </c>
      <c r="AM11238">
        <v>102</v>
      </c>
      <c r="AN11238">
        <v>102</v>
      </c>
      <c r="AO11238">
        <v>101</v>
      </c>
      <c r="AP11238">
        <v>100</v>
      </c>
      <c r="AQ11238">
        <v>100</v>
      </c>
    </row>
    <row r="11239" spans="1:43">
      <c r="A11239" t="s">
        <v>6990</v>
      </c>
      <c r="B11239" t="s">
        <v>6991</v>
      </c>
      <c r="C11239" t="s">
        <v>6980</v>
      </c>
      <c r="D11239" t="s">
        <v>6981</v>
      </c>
      <c r="E11239" t="s">
        <v>6982</v>
      </c>
      <c r="F11239" t="s">
        <v>6983</v>
      </c>
      <c r="G11239" t="s">
        <v>80</v>
      </c>
      <c r="H11239" t="s">
        <v>81</v>
      </c>
      <c r="I11239" s="2">
        <v>0</v>
      </c>
      <c r="J11239" s="2">
        <v>1</v>
      </c>
      <c r="K11239" s="2">
        <v>0</v>
      </c>
      <c r="L11239" t="s">
        <v>82</v>
      </c>
      <c r="M11239" t="s">
        <v>87</v>
      </c>
      <c r="N11239" t="s">
        <v>88</v>
      </c>
      <c r="O11239" t="s">
        <v>85</v>
      </c>
      <c r="P11239" t="s">
        <v>86</v>
      </c>
      <c r="Q11239">
        <v>95</v>
      </c>
      <c r="R11239">
        <v>94</v>
      </c>
      <c r="S11239">
        <v>94</v>
      </c>
      <c r="T11239">
        <v>94</v>
      </c>
      <c r="U11239">
        <v>94</v>
      </c>
      <c r="V11239">
        <v>93</v>
      </c>
      <c r="W11239">
        <v>93</v>
      </c>
      <c r="X11239">
        <v>93</v>
      </c>
      <c r="Y11239">
        <v>93</v>
      </c>
      <c r="Z11239">
        <v>92</v>
      </c>
      <c r="AA11239">
        <v>92</v>
      </c>
      <c r="AB11239">
        <v>92</v>
      </c>
      <c r="AC11239">
        <v>91</v>
      </c>
      <c r="AD11239">
        <v>91</v>
      </c>
      <c r="AE11239">
        <v>91</v>
      </c>
      <c r="AF11239">
        <v>91</v>
      </c>
      <c r="AG11239">
        <v>90</v>
      </c>
      <c r="AH11239">
        <v>90</v>
      </c>
      <c r="AI11239">
        <v>90</v>
      </c>
      <c r="AJ11239">
        <v>90</v>
      </c>
      <c r="AK11239">
        <v>89</v>
      </c>
      <c r="AL11239">
        <v>89</v>
      </c>
      <c r="AM11239">
        <v>89</v>
      </c>
      <c r="AN11239">
        <v>89</v>
      </c>
      <c r="AO11239">
        <v>88</v>
      </c>
      <c r="AP11239">
        <v>88</v>
      </c>
      <c r="AQ11239">
        <v>88</v>
      </c>
    </row>
    <row r="11240" spans="1:43">
      <c r="A11240" t="s">
        <v>6990</v>
      </c>
      <c r="B11240" t="s">
        <v>6991</v>
      </c>
      <c r="C11240" t="s">
        <v>6980</v>
      </c>
      <c r="D11240" t="s">
        <v>6981</v>
      </c>
      <c r="E11240" t="s">
        <v>6982</v>
      </c>
      <c r="F11240" t="s">
        <v>6983</v>
      </c>
      <c r="G11240" t="s">
        <v>80</v>
      </c>
      <c r="H11240" t="s">
        <v>81</v>
      </c>
      <c r="I11240" s="2">
        <v>0</v>
      </c>
      <c r="J11240" s="2">
        <v>1</v>
      </c>
      <c r="K11240" s="2">
        <v>0</v>
      </c>
      <c r="L11240" t="s">
        <v>82</v>
      </c>
      <c r="M11240" t="s">
        <v>89</v>
      </c>
      <c r="N11240" t="s">
        <v>90</v>
      </c>
      <c r="O11240" t="s">
        <v>85</v>
      </c>
      <c r="P11240" t="s">
        <v>86</v>
      </c>
      <c r="Q11240">
        <v>95</v>
      </c>
      <c r="R11240">
        <v>97</v>
      </c>
      <c r="S11240">
        <v>98</v>
      </c>
      <c r="T11240">
        <v>100</v>
      </c>
      <c r="U11240">
        <v>101</v>
      </c>
      <c r="V11240">
        <v>102</v>
      </c>
      <c r="W11240">
        <v>103</v>
      </c>
      <c r="X11240">
        <v>104</v>
      </c>
      <c r="Y11240">
        <v>105</v>
      </c>
      <c r="Z11240">
        <v>106</v>
      </c>
      <c r="AA11240">
        <v>106</v>
      </c>
      <c r="AB11240">
        <v>107</v>
      </c>
      <c r="AC11240">
        <v>108</v>
      </c>
      <c r="AD11240">
        <v>108</v>
      </c>
      <c r="AE11240">
        <v>109</v>
      </c>
      <c r="AF11240">
        <v>108</v>
      </c>
      <c r="AG11240">
        <v>107</v>
      </c>
      <c r="AH11240">
        <v>107</v>
      </c>
      <c r="AI11240">
        <v>106</v>
      </c>
      <c r="AJ11240">
        <v>105</v>
      </c>
      <c r="AK11240">
        <v>105</v>
      </c>
      <c r="AL11240">
        <v>104</v>
      </c>
      <c r="AM11240">
        <v>103</v>
      </c>
      <c r="AN11240">
        <v>103</v>
      </c>
      <c r="AO11240">
        <v>102</v>
      </c>
      <c r="AP11240">
        <v>102</v>
      </c>
      <c r="AQ11240">
        <v>101</v>
      </c>
    </row>
    <row r="11241" spans="1:43">
      <c r="A11241" t="s">
        <v>6990</v>
      </c>
      <c r="B11241" t="s">
        <v>6991</v>
      </c>
      <c r="C11241" t="s">
        <v>6980</v>
      </c>
      <c r="D11241" t="s">
        <v>6981</v>
      </c>
      <c r="E11241" t="s">
        <v>6982</v>
      </c>
      <c r="F11241" t="s">
        <v>6983</v>
      </c>
      <c r="G11241" t="s">
        <v>80</v>
      </c>
      <c r="H11241" t="s">
        <v>81</v>
      </c>
      <c r="I11241" s="2">
        <v>0</v>
      </c>
      <c r="J11241" s="2">
        <v>1</v>
      </c>
      <c r="K11241" s="2">
        <v>0</v>
      </c>
      <c r="L11241" t="s">
        <v>82</v>
      </c>
      <c r="M11241" t="s">
        <v>83</v>
      </c>
      <c r="N11241" t="s">
        <v>91</v>
      </c>
      <c r="O11241" t="s">
        <v>85</v>
      </c>
      <c r="P11241" t="s">
        <v>86</v>
      </c>
      <c r="Q11241">
        <v>95</v>
      </c>
      <c r="R11241">
        <v>95</v>
      </c>
      <c r="S11241">
        <v>96</v>
      </c>
      <c r="T11241">
        <v>96</v>
      </c>
      <c r="U11241">
        <v>97</v>
      </c>
      <c r="V11241">
        <v>97</v>
      </c>
      <c r="W11241">
        <v>98</v>
      </c>
      <c r="X11241">
        <v>98</v>
      </c>
      <c r="Y11241">
        <v>99</v>
      </c>
      <c r="Z11241">
        <v>99</v>
      </c>
      <c r="AA11241">
        <v>100</v>
      </c>
      <c r="AB11241">
        <v>100</v>
      </c>
      <c r="AC11241">
        <v>101</v>
      </c>
      <c r="AD11241">
        <v>101</v>
      </c>
      <c r="AE11241">
        <v>101</v>
      </c>
      <c r="AF11241">
        <v>102</v>
      </c>
      <c r="AG11241">
        <v>102</v>
      </c>
      <c r="AH11241">
        <v>102</v>
      </c>
      <c r="AI11241">
        <v>103</v>
      </c>
      <c r="AJ11241">
        <v>103</v>
      </c>
      <c r="AK11241">
        <v>103</v>
      </c>
      <c r="AL11241">
        <v>103</v>
      </c>
      <c r="AM11241">
        <v>102</v>
      </c>
      <c r="AN11241">
        <v>102</v>
      </c>
      <c r="AO11241">
        <v>101</v>
      </c>
      <c r="AP11241">
        <v>100</v>
      </c>
      <c r="AQ11241">
        <v>100</v>
      </c>
    </row>
    <row r="11242" spans="1:43">
      <c r="A11242" t="s">
        <v>6992</v>
      </c>
      <c r="B11242" t="s">
        <v>6993</v>
      </c>
      <c r="C11242" t="s">
        <v>6994</v>
      </c>
      <c r="D11242" t="s">
        <v>6995</v>
      </c>
      <c r="E11242" t="s">
        <v>6982</v>
      </c>
      <c r="F11242" t="s">
        <v>6983</v>
      </c>
      <c r="G11242" t="s">
        <v>80</v>
      </c>
      <c r="H11242" t="s">
        <v>81</v>
      </c>
      <c r="I11242" s="2">
        <v>0</v>
      </c>
      <c r="J11242" s="2">
        <v>1</v>
      </c>
      <c r="K11242" s="2">
        <v>0</v>
      </c>
      <c r="L11242" t="s">
        <v>82</v>
      </c>
      <c r="M11242" t="s">
        <v>83</v>
      </c>
      <c r="N11242" t="s">
        <v>84</v>
      </c>
      <c r="O11242" t="s">
        <v>85</v>
      </c>
      <c r="P11242" t="s">
        <v>86</v>
      </c>
      <c r="Q11242">
        <v>52</v>
      </c>
      <c r="R11242">
        <v>53</v>
      </c>
      <c r="S11242">
        <v>53</v>
      </c>
      <c r="T11242">
        <v>53</v>
      </c>
      <c r="U11242">
        <v>54</v>
      </c>
      <c r="V11242">
        <v>54</v>
      </c>
      <c r="W11242">
        <v>54</v>
      </c>
      <c r="X11242">
        <v>54</v>
      </c>
      <c r="Y11242">
        <v>55</v>
      </c>
      <c r="Z11242">
        <v>55</v>
      </c>
      <c r="AA11242">
        <v>55</v>
      </c>
      <c r="AB11242">
        <v>55</v>
      </c>
      <c r="AC11242">
        <v>56</v>
      </c>
      <c r="AD11242">
        <v>56</v>
      </c>
      <c r="AE11242">
        <v>56</v>
      </c>
      <c r="AF11242">
        <v>56</v>
      </c>
      <c r="AG11242">
        <v>56</v>
      </c>
      <c r="AH11242">
        <v>57</v>
      </c>
      <c r="AI11242">
        <v>57</v>
      </c>
      <c r="AJ11242">
        <v>57</v>
      </c>
      <c r="AK11242">
        <v>57</v>
      </c>
      <c r="AL11242">
        <v>57</v>
      </c>
      <c r="AM11242">
        <v>56</v>
      </c>
      <c r="AN11242">
        <v>56</v>
      </c>
      <c r="AO11242">
        <v>56</v>
      </c>
      <c r="AP11242">
        <v>55</v>
      </c>
      <c r="AQ11242">
        <v>55</v>
      </c>
    </row>
    <row r="11243" spans="1:43">
      <c r="A11243" t="s">
        <v>6992</v>
      </c>
      <c r="B11243" t="s">
        <v>6993</v>
      </c>
      <c r="C11243" t="s">
        <v>6994</v>
      </c>
      <c r="D11243" t="s">
        <v>6995</v>
      </c>
      <c r="E11243" t="s">
        <v>6982</v>
      </c>
      <c r="F11243" t="s">
        <v>6983</v>
      </c>
      <c r="G11243" t="s">
        <v>80</v>
      </c>
      <c r="H11243" t="s">
        <v>81</v>
      </c>
      <c r="I11243" s="2">
        <v>0</v>
      </c>
      <c r="J11243" s="2">
        <v>1</v>
      </c>
      <c r="K11243" s="2">
        <v>0</v>
      </c>
      <c r="L11243" t="s">
        <v>82</v>
      </c>
      <c r="M11243" t="s">
        <v>87</v>
      </c>
      <c r="N11243" t="s">
        <v>88</v>
      </c>
      <c r="O11243" t="s">
        <v>85</v>
      </c>
      <c r="P11243" t="s">
        <v>86</v>
      </c>
      <c r="Q11243">
        <v>52</v>
      </c>
      <c r="R11243">
        <v>52</v>
      </c>
      <c r="S11243">
        <v>52</v>
      </c>
      <c r="T11243">
        <v>51</v>
      </c>
      <c r="U11243">
        <v>51</v>
      </c>
      <c r="V11243">
        <v>51</v>
      </c>
      <c r="W11243">
        <v>51</v>
      </c>
      <c r="X11243">
        <v>51</v>
      </c>
      <c r="Y11243">
        <v>51</v>
      </c>
      <c r="Z11243">
        <v>50</v>
      </c>
      <c r="AA11243">
        <v>50</v>
      </c>
      <c r="AB11243">
        <v>50</v>
      </c>
      <c r="AC11243">
        <v>50</v>
      </c>
      <c r="AD11243">
        <v>50</v>
      </c>
      <c r="AE11243">
        <v>50</v>
      </c>
      <c r="AF11243">
        <v>50</v>
      </c>
      <c r="AG11243">
        <v>49</v>
      </c>
      <c r="AH11243">
        <v>49</v>
      </c>
      <c r="AI11243">
        <v>49</v>
      </c>
      <c r="AJ11243">
        <v>49</v>
      </c>
      <c r="AK11243">
        <v>49</v>
      </c>
      <c r="AL11243">
        <v>49</v>
      </c>
      <c r="AM11243">
        <v>48</v>
      </c>
      <c r="AN11243">
        <v>48</v>
      </c>
      <c r="AO11243">
        <v>48</v>
      </c>
      <c r="AP11243">
        <v>48</v>
      </c>
      <c r="AQ11243">
        <v>48</v>
      </c>
    </row>
    <row r="11244" spans="1:43">
      <c r="A11244" t="s">
        <v>6992</v>
      </c>
      <c r="B11244" t="s">
        <v>6993</v>
      </c>
      <c r="C11244" t="s">
        <v>6994</v>
      </c>
      <c r="D11244" t="s">
        <v>6995</v>
      </c>
      <c r="E11244" t="s">
        <v>6982</v>
      </c>
      <c r="F11244" t="s">
        <v>6983</v>
      </c>
      <c r="G11244" t="s">
        <v>80</v>
      </c>
      <c r="H11244" t="s">
        <v>81</v>
      </c>
      <c r="I11244" s="2">
        <v>0</v>
      </c>
      <c r="J11244" s="2">
        <v>1</v>
      </c>
      <c r="K11244" s="2">
        <v>0</v>
      </c>
      <c r="L11244" t="s">
        <v>82</v>
      </c>
      <c r="M11244" t="s">
        <v>89</v>
      </c>
      <c r="N11244" t="s">
        <v>90</v>
      </c>
      <c r="O11244" t="s">
        <v>85</v>
      </c>
      <c r="P11244" t="s">
        <v>86</v>
      </c>
      <c r="Q11244">
        <v>52</v>
      </c>
      <c r="R11244">
        <v>53</v>
      </c>
      <c r="S11244">
        <v>53</v>
      </c>
      <c r="T11244">
        <v>54</v>
      </c>
      <c r="U11244">
        <v>55</v>
      </c>
      <c r="V11244">
        <v>55</v>
      </c>
      <c r="W11244">
        <v>56</v>
      </c>
      <c r="X11244">
        <v>56</v>
      </c>
      <c r="Y11244">
        <v>57</v>
      </c>
      <c r="Z11244">
        <v>57</v>
      </c>
      <c r="AA11244">
        <v>58</v>
      </c>
      <c r="AB11244">
        <v>58</v>
      </c>
      <c r="AC11244">
        <v>59</v>
      </c>
      <c r="AD11244">
        <v>59</v>
      </c>
      <c r="AE11244">
        <v>59</v>
      </c>
      <c r="AF11244">
        <v>59</v>
      </c>
      <c r="AG11244">
        <v>58</v>
      </c>
      <c r="AH11244">
        <v>58</v>
      </c>
      <c r="AI11244">
        <v>58</v>
      </c>
      <c r="AJ11244">
        <v>57</v>
      </c>
      <c r="AK11244">
        <v>57</v>
      </c>
      <c r="AL11244">
        <v>56</v>
      </c>
      <c r="AM11244">
        <v>56</v>
      </c>
      <c r="AN11244">
        <v>56</v>
      </c>
      <c r="AO11244">
        <v>55</v>
      </c>
      <c r="AP11244">
        <v>55</v>
      </c>
      <c r="AQ11244">
        <v>55</v>
      </c>
    </row>
    <row r="11245" spans="1:43">
      <c r="A11245" t="s">
        <v>6992</v>
      </c>
      <c r="B11245" t="s">
        <v>6993</v>
      </c>
      <c r="C11245" t="s">
        <v>6994</v>
      </c>
      <c r="D11245" t="s">
        <v>6995</v>
      </c>
      <c r="E11245" t="s">
        <v>6982</v>
      </c>
      <c r="F11245" t="s">
        <v>6983</v>
      </c>
      <c r="G11245" t="s">
        <v>80</v>
      </c>
      <c r="H11245" t="s">
        <v>81</v>
      </c>
      <c r="I11245" s="2">
        <v>0</v>
      </c>
      <c r="J11245" s="2">
        <v>1</v>
      </c>
      <c r="K11245" s="2">
        <v>0</v>
      </c>
      <c r="L11245" t="s">
        <v>82</v>
      </c>
      <c r="M11245" t="s">
        <v>83</v>
      </c>
      <c r="N11245" t="s">
        <v>91</v>
      </c>
      <c r="O11245" t="s">
        <v>85</v>
      </c>
      <c r="P11245" t="s">
        <v>86</v>
      </c>
      <c r="Q11245">
        <v>52</v>
      </c>
      <c r="R11245">
        <v>53</v>
      </c>
      <c r="S11245">
        <v>53</v>
      </c>
      <c r="T11245">
        <v>53</v>
      </c>
      <c r="U11245">
        <v>54</v>
      </c>
      <c r="V11245">
        <v>54</v>
      </c>
      <c r="W11245">
        <v>54</v>
      </c>
      <c r="X11245">
        <v>54</v>
      </c>
      <c r="Y11245">
        <v>55</v>
      </c>
      <c r="Z11245">
        <v>55</v>
      </c>
      <c r="AA11245">
        <v>55</v>
      </c>
      <c r="AB11245">
        <v>55</v>
      </c>
      <c r="AC11245">
        <v>56</v>
      </c>
      <c r="AD11245">
        <v>56</v>
      </c>
      <c r="AE11245">
        <v>56</v>
      </c>
      <c r="AF11245">
        <v>56</v>
      </c>
      <c r="AG11245">
        <v>56</v>
      </c>
      <c r="AH11245">
        <v>57</v>
      </c>
      <c r="AI11245">
        <v>57</v>
      </c>
      <c r="AJ11245">
        <v>57</v>
      </c>
      <c r="AK11245">
        <v>57</v>
      </c>
      <c r="AL11245">
        <v>57</v>
      </c>
      <c r="AM11245">
        <v>56</v>
      </c>
      <c r="AN11245">
        <v>56</v>
      </c>
      <c r="AO11245">
        <v>56</v>
      </c>
      <c r="AP11245">
        <v>55</v>
      </c>
      <c r="AQ11245">
        <v>55</v>
      </c>
    </row>
    <row r="11246" spans="1:43">
      <c r="A11246" t="s">
        <v>6996</v>
      </c>
      <c r="B11246" t="s">
        <v>6997</v>
      </c>
      <c r="C11246" t="s">
        <v>6994</v>
      </c>
      <c r="D11246" t="s">
        <v>6995</v>
      </c>
      <c r="E11246" t="s">
        <v>6982</v>
      </c>
      <c r="F11246" t="s">
        <v>6983</v>
      </c>
      <c r="G11246" t="s">
        <v>80</v>
      </c>
      <c r="H11246" t="s">
        <v>81</v>
      </c>
      <c r="I11246" s="2">
        <v>0</v>
      </c>
      <c r="J11246" s="2">
        <v>1</v>
      </c>
      <c r="K11246" s="2">
        <v>0</v>
      </c>
      <c r="L11246" t="s">
        <v>82</v>
      </c>
      <c r="M11246" t="s">
        <v>83</v>
      </c>
      <c r="N11246" t="s">
        <v>84</v>
      </c>
      <c r="O11246" t="s">
        <v>85</v>
      </c>
      <c r="P11246" t="s">
        <v>86</v>
      </c>
      <c r="Q11246">
        <v>37</v>
      </c>
      <c r="R11246">
        <v>37</v>
      </c>
      <c r="S11246">
        <v>37</v>
      </c>
      <c r="T11246">
        <v>38</v>
      </c>
      <c r="U11246">
        <v>38</v>
      </c>
      <c r="V11246">
        <v>38</v>
      </c>
      <c r="W11246">
        <v>38</v>
      </c>
      <c r="X11246">
        <v>38</v>
      </c>
      <c r="Y11246">
        <v>39</v>
      </c>
      <c r="Z11246">
        <v>39</v>
      </c>
      <c r="AA11246">
        <v>39</v>
      </c>
      <c r="AB11246">
        <v>39</v>
      </c>
      <c r="AC11246">
        <v>39</v>
      </c>
      <c r="AD11246">
        <v>39</v>
      </c>
      <c r="AE11246">
        <v>40</v>
      </c>
      <c r="AF11246">
        <v>40</v>
      </c>
      <c r="AG11246">
        <v>40</v>
      </c>
      <c r="AH11246">
        <v>40</v>
      </c>
      <c r="AI11246">
        <v>40</v>
      </c>
      <c r="AJ11246">
        <v>40</v>
      </c>
      <c r="AK11246">
        <v>40</v>
      </c>
      <c r="AL11246">
        <v>40</v>
      </c>
      <c r="AM11246">
        <v>40</v>
      </c>
      <c r="AN11246">
        <v>40</v>
      </c>
      <c r="AO11246">
        <v>39</v>
      </c>
      <c r="AP11246">
        <v>39</v>
      </c>
      <c r="AQ11246">
        <v>39</v>
      </c>
    </row>
    <row r="11247" spans="1:43">
      <c r="A11247" t="s">
        <v>6996</v>
      </c>
      <c r="B11247" t="s">
        <v>6997</v>
      </c>
      <c r="C11247" t="s">
        <v>6994</v>
      </c>
      <c r="D11247" t="s">
        <v>6995</v>
      </c>
      <c r="E11247" t="s">
        <v>6982</v>
      </c>
      <c r="F11247" t="s">
        <v>6983</v>
      </c>
      <c r="G11247" t="s">
        <v>80</v>
      </c>
      <c r="H11247" t="s">
        <v>81</v>
      </c>
      <c r="I11247" s="2">
        <v>0</v>
      </c>
      <c r="J11247" s="2">
        <v>1</v>
      </c>
      <c r="K11247" s="2">
        <v>0</v>
      </c>
      <c r="L11247" t="s">
        <v>82</v>
      </c>
      <c r="M11247" t="s">
        <v>87</v>
      </c>
      <c r="N11247" t="s">
        <v>88</v>
      </c>
      <c r="O11247" t="s">
        <v>85</v>
      </c>
      <c r="P11247" t="s">
        <v>86</v>
      </c>
      <c r="Q11247">
        <v>37</v>
      </c>
      <c r="R11247">
        <v>37</v>
      </c>
      <c r="S11247">
        <v>36</v>
      </c>
      <c r="T11247">
        <v>36</v>
      </c>
      <c r="U11247">
        <v>36</v>
      </c>
      <c r="V11247">
        <v>36</v>
      </c>
      <c r="W11247">
        <v>36</v>
      </c>
      <c r="X11247">
        <v>36</v>
      </c>
      <c r="Y11247">
        <v>36</v>
      </c>
      <c r="Z11247">
        <v>36</v>
      </c>
      <c r="AA11247">
        <v>36</v>
      </c>
      <c r="AB11247">
        <v>35</v>
      </c>
      <c r="AC11247">
        <v>35</v>
      </c>
      <c r="AD11247">
        <v>35</v>
      </c>
      <c r="AE11247">
        <v>35</v>
      </c>
      <c r="AF11247">
        <v>35</v>
      </c>
      <c r="AG11247">
        <v>35</v>
      </c>
      <c r="AH11247">
        <v>35</v>
      </c>
      <c r="AI11247">
        <v>35</v>
      </c>
      <c r="AJ11247">
        <v>35</v>
      </c>
      <c r="AK11247">
        <v>34</v>
      </c>
      <c r="AL11247">
        <v>34</v>
      </c>
      <c r="AM11247">
        <v>34</v>
      </c>
      <c r="AN11247">
        <v>34</v>
      </c>
      <c r="AO11247">
        <v>34</v>
      </c>
      <c r="AP11247">
        <v>34</v>
      </c>
      <c r="AQ11247">
        <v>34</v>
      </c>
    </row>
    <row r="11248" spans="1:43">
      <c r="A11248" t="s">
        <v>6996</v>
      </c>
      <c r="B11248" t="s">
        <v>6997</v>
      </c>
      <c r="C11248" t="s">
        <v>6994</v>
      </c>
      <c r="D11248" t="s">
        <v>6995</v>
      </c>
      <c r="E11248" t="s">
        <v>6982</v>
      </c>
      <c r="F11248" t="s">
        <v>6983</v>
      </c>
      <c r="G11248" t="s">
        <v>80</v>
      </c>
      <c r="H11248" t="s">
        <v>81</v>
      </c>
      <c r="I11248" s="2">
        <v>0</v>
      </c>
      <c r="J11248" s="2">
        <v>1</v>
      </c>
      <c r="K11248" s="2">
        <v>0</v>
      </c>
      <c r="L11248" t="s">
        <v>82</v>
      </c>
      <c r="M11248" t="s">
        <v>89</v>
      </c>
      <c r="N11248" t="s">
        <v>90</v>
      </c>
      <c r="O11248" t="s">
        <v>85</v>
      </c>
      <c r="P11248" t="s">
        <v>86</v>
      </c>
      <c r="Q11248">
        <v>37</v>
      </c>
      <c r="R11248">
        <v>38</v>
      </c>
      <c r="S11248">
        <v>38</v>
      </c>
      <c r="T11248">
        <v>39</v>
      </c>
      <c r="U11248">
        <v>39</v>
      </c>
      <c r="V11248">
        <v>40</v>
      </c>
      <c r="W11248">
        <v>40</v>
      </c>
      <c r="X11248">
        <v>41</v>
      </c>
      <c r="Y11248">
        <v>41</v>
      </c>
      <c r="Z11248">
        <v>41</v>
      </c>
      <c r="AA11248">
        <v>42</v>
      </c>
      <c r="AB11248">
        <v>42</v>
      </c>
      <c r="AC11248">
        <v>42</v>
      </c>
      <c r="AD11248">
        <v>42</v>
      </c>
      <c r="AE11248">
        <v>42</v>
      </c>
      <c r="AF11248">
        <v>42</v>
      </c>
      <c r="AG11248">
        <v>42</v>
      </c>
      <c r="AH11248">
        <v>42</v>
      </c>
      <c r="AI11248">
        <v>41</v>
      </c>
      <c r="AJ11248">
        <v>41</v>
      </c>
      <c r="AK11248">
        <v>41</v>
      </c>
      <c r="AL11248">
        <v>41</v>
      </c>
      <c r="AM11248">
        <v>40</v>
      </c>
      <c r="AN11248">
        <v>40</v>
      </c>
      <c r="AO11248">
        <v>40</v>
      </c>
      <c r="AP11248">
        <v>40</v>
      </c>
      <c r="AQ11248">
        <v>39</v>
      </c>
    </row>
    <row r="11249" spans="1:43">
      <c r="A11249" t="s">
        <v>6996</v>
      </c>
      <c r="B11249" t="s">
        <v>6997</v>
      </c>
      <c r="C11249" t="s">
        <v>6994</v>
      </c>
      <c r="D11249" t="s">
        <v>6995</v>
      </c>
      <c r="E11249" t="s">
        <v>6982</v>
      </c>
      <c r="F11249" t="s">
        <v>6983</v>
      </c>
      <c r="G11249" t="s">
        <v>80</v>
      </c>
      <c r="H11249" t="s">
        <v>81</v>
      </c>
      <c r="I11249" s="2">
        <v>0</v>
      </c>
      <c r="J11249" s="2">
        <v>1</v>
      </c>
      <c r="K11249" s="2">
        <v>0</v>
      </c>
      <c r="L11249" t="s">
        <v>82</v>
      </c>
      <c r="M11249" t="s">
        <v>83</v>
      </c>
      <c r="N11249" t="s">
        <v>91</v>
      </c>
      <c r="O11249" t="s">
        <v>85</v>
      </c>
      <c r="P11249" t="s">
        <v>86</v>
      </c>
      <c r="Q11249">
        <v>37</v>
      </c>
      <c r="R11249">
        <v>37</v>
      </c>
      <c r="S11249">
        <v>37</v>
      </c>
      <c r="T11249">
        <v>38</v>
      </c>
      <c r="U11249">
        <v>38</v>
      </c>
      <c r="V11249">
        <v>38</v>
      </c>
      <c r="W11249">
        <v>38</v>
      </c>
      <c r="X11249">
        <v>38</v>
      </c>
      <c r="Y11249">
        <v>39</v>
      </c>
      <c r="Z11249">
        <v>39</v>
      </c>
      <c r="AA11249">
        <v>39</v>
      </c>
      <c r="AB11249">
        <v>39</v>
      </c>
      <c r="AC11249">
        <v>39</v>
      </c>
      <c r="AD11249">
        <v>39</v>
      </c>
      <c r="AE11249">
        <v>40</v>
      </c>
      <c r="AF11249">
        <v>40</v>
      </c>
      <c r="AG11249">
        <v>40</v>
      </c>
      <c r="AH11249">
        <v>40</v>
      </c>
      <c r="AI11249">
        <v>40</v>
      </c>
      <c r="AJ11249">
        <v>40</v>
      </c>
      <c r="AK11249">
        <v>40</v>
      </c>
      <c r="AL11249">
        <v>40</v>
      </c>
      <c r="AM11249">
        <v>40</v>
      </c>
      <c r="AN11249">
        <v>40</v>
      </c>
      <c r="AO11249">
        <v>39</v>
      </c>
      <c r="AP11249">
        <v>39</v>
      </c>
      <c r="AQ11249">
        <v>39</v>
      </c>
    </row>
    <row r="11250" spans="1:43">
      <c r="A11250" t="s">
        <v>6998</v>
      </c>
      <c r="B11250" t="s">
        <v>6999</v>
      </c>
      <c r="C11250" t="s">
        <v>7000</v>
      </c>
      <c r="D11250" t="s">
        <v>7001</v>
      </c>
      <c r="E11250" t="s">
        <v>6982</v>
      </c>
      <c r="F11250" t="s">
        <v>6983</v>
      </c>
      <c r="G11250" t="s">
        <v>80</v>
      </c>
      <c r="H11250" t="s">
        <v>81</v>
      </c>
      <c r="I11250" s="2">
        <v>0</v>
      </c>
      <c r="J11250" s="2">
        <v>1</v>
      </c>
      <c r="K11250" s="2">
        <v>0</v>
      </c>
      <c r="L11250" t="s">
        <v>82</v>
      </c>
      <c r="M11250" t="s">
        <v>83</v>
      </c>
      <c r="N11250" t="s">
        <v>84</v>
      </c>
      <c r="O11250" t="s">
        <v>85</v>
      </c>
      <c r="P11250" t="s">
        <v>86</v>
      </c>
      <c r="Q11250">
        <v>15</v>
      </c>
      <c r="R11250">
        <v>15</v>
      </c>
      <c r="S11250">
        <v>15</v>
      </c>
      <c r="T11250">
        <v>15</v>
      </c>
      <c r="U11250">
        <v>15</v>
      </c>
      <c r="V11250">
        <v>16</v>
      </c>
      <c r="W11250">
        <v>16</v>
      </c>
      <c r="X11250">
        <v>16</v>
      </c>
      <c r="Y11250">
        <v>16</v>
      </c>
      <c r="Z11250">
        <v>16</v>
      </c>
      <c r="AA11250">
        <v>16</v>
      </c>
      <c r="AB11250">
        <v>16</v>
      </c>
      <c r="AC11250">
        <v>16</v>
      </c>
      <c r="AD11250">
        <v>16</v>
      </c>
      <c r="AE11250">
        <v>16</v>
      </c>
      <c r="AF11250">
        <v>16</v>
      </c>
      <c r="AG11250">
        <v>16</v>
      </c>
      <c r="AH11250">
        <v>16</v>
      </c>
      <c r="AI11250">
        <v>16</v>
      </c>
      <c r="AJ11250">
        <v>16</v>
      </c>
      <c r="AK11250">
        <v>16</v>
      </c>
      <c r="AL11250">
        <v>16</v>
      </c>
      <c r="AM11250">
        <v>16</v>
      </c>
      <c r="AN11250">
        <v>16</v>
      </c>
      <c r="AO11250">
        <v>16</v>
      </c>
      <c r="AP11250">
        <v>16</v>
      </c>
      <c r="AQ11250">
        <v>16</v>
      </c>
    </row>
    <row r="11251" spans="1:43">
      <c r="A11251" t="s">
        <v>6998</v>
      </c>
      <c r="B11251" t="s">
        <v>6999</v>
      </c>
      <c r="C11251" t="s">
        <v>7000</v>
      </c>
      <c r="D11251" t="s">
        <v>7001</v>
      </c>
      <c r="E11251" t="s">
        <v>6982</v>
      </c>
      <c r="F11251" t="s">
        <v>6983</v>
      </c>
      <c r="G11251" t="s">
        <v>80</v>
      </c>
      <c r="H11251" t="s">
        <v>81</v>
      </c>
      <c r="I11251" s="2">
        <v>0</v>
      </c>
      <c r="J11251" s="2">
        <v>1</v>
      </c>
      <c r="K11251" s="2">
        <v>0</v>
      </c>
      <c r="L11251" t="s">
        <v>82</v>
      </c>
      <c r="M11251" t="s">
        <v>87</v>
      </c>
      <c r="N11251" t="s">
        <v>88</v>
      </c>
      <c r="O11251" t="s">
        <v>85</v>
      </c>
      <c r="P11251" t="s">
        <v>86</v>
      </c>
      <c r="Q11251">
        <v>15</v>
      </c>
      <c r="R11251">
        <v>15</v>
      </c>
      <c r="S11251">
        <v>15</v>
      </c>
      <c r="T11251">
        <v>15</v>
      </c>
      <c r="U11251">
        <v>15</v>
      </c>
      <c r="V11251">
        <v>15</v>
      </c>
      <c r="W11251">
        <v>15</v>
      </c>
      <c r="X11251">
        <v>15</v>
      </c>
      <c r="Y11251">
        <v>15</v>
      </c>
      <c r="Z11251">
        <v>15</v>
      </c>
      <c r="AA11251">
        <v>14</v>
      </c>
      <c r="AB11251">
        <v>14</v>
      </c>
      <c r="AC11251">
        <v>14</v>
      </c>
      <c r="AD11251">
        <v>14</v>
      </c>
      <c r="AE11251">
        <v>14</v>
      </c>
      <c r="AF11251">
        <v>14</v>
      </c>
      <c r="AG11251">
        <v>14</v>
      </c>
      <c r="AH11251">
        <v>14</v>
      </c>
      <c r="AI11251">
        <v>14</v>
      </c>
      <c r="AJ11251">
        <v>14</v>
      </c>
      <c r="AK11251">
        <v>14</v>
      </c>
      <c r="AL11251">
        <v>14</v>
      </c>
      <c r="AM11251">
        <v>14</v>
      </c>
      <c r="AN11251">
        <v>14</v>
      </c>
      <c r="AO11251">
        <v>14</v>
      </c>
      <c r="AP11251">
        <v>14</v>
      </c>
      <c r="AQ11251">
        <v>14</v>
      </c>
    </row>
    <row r="11252" spans="1:43">
      <c r="A11252" t="s">
        <v>6998</v>
      </c>
      <c r="B11252" t="s">
        <v>6999</v>
      </c>
      <c r="C11252" t="s">
        <v>7000</v>
      </c>
      <c r="D11252" t="s">
        <v>7001</v>
      </c>
      <c r="E11252" t="s">
        <v>6982</v>
      </c>
      <c r="F11252" t="s">
        <v>6983</v>
      </c>
      <c r="G11252" t="s">
        <v>80</v>
      </c>
      <c r="H11252" t="s">
        <v>81</v>
      </c>
      <c r="I11252" s="2">
        <v>0</v>
      </c>
      <c r="J11252" s="2">
        <v>1</v>
      </c>
      <c r="K11252" s="2">
        <v>0</v>
      </c>
      <c r="L11252" t="s">
        <v>82</v>
      </c>
      <c r="M11252" t="s">
        <v>89</v>
      </c>
      <c r="N11252" t="s">
        <v>90</v>
      </c>
      <c r="O11252" t="s">
        <v>85</v>
      </c>
      <c r="P11252" t="s">
        <v>86</v>
      </c>
      <c r="Q11252">
        <v>15</v>
      </c>
      <c r="R11252">
        <v>16</v>
      </c>
      <c r="S11252">
        <v>16</v>
      </c>
      <c r="T11252">
        <v>16</v>
      </c>
      <c r="U11252">
        <v>16</v>
      </c>
      <c r="V11252">
        <v>16</v>
      </c>
      <c r="W11252">
        <v>16</v>
      </c>
      <c r="X11252">
        <v>17</v>
      </c>
      <c r="Y11252">
        <v>17</v>
      </c>
      <c r="Z11252">
        <v>17</v>
      </c>
      <c r="AA11252">
        <v>17</v>
      </c>
      <c r="AB11252">
        <v>17</v>
      </c>
      <c r="AC11252">
        <v>17</v>
      </c>
      <c r="AD11252">
        <v>17</v>
      </c>
      <c r="AE11252">
        <v>17</v>
      </c>
      <c r="AF11252">
        <v>17</v>
      </c>
      <c r="AG11252">
        <v>17</v>
      </c>
      <c r="AH11252">
        <v>17</v>
      </c>
      <c r="AI11252">
        <v>17</v>
      </c>
      <c r="AJ11252">
        <v>17</v>
      </c>
      <c r="AK11252">
        <v>17</v>
      </c>
      <c r="AL11252">
        <v>16</v>
      </c>
      <c r="AM11252">
        <v>16</v>
      </c>
      <c r="AN11252">
        <v>16</v>
      </c>
      <c r="AO11252">
        <v>16</v>
      </c>
      <c r="AP11252">
        <v>16</v>
      </c>
      <c r="AQ11252">
        <v>16</v>
      </c>
    </row>
    <row r="11253" spans="1:43">
      <c r="A11253" t="s">
        <v>6998</v>
      </c>
      <c r="B11253" t="s">
        <v>6999</v>
      </c>
      <c r="C11253" t="s">
        <v>7000</v>
      </c>
      <c r="D11253" t="s">
        <v>7001</v>
      </c>
      <c r="E11253" t="s">
        <v>6982</v>
      </c>
      <c r="F11253" t="s">
        <v>6983</v>
      </c>
      <c r="G11253" t="s">
        <v>80</v>
      </c>
      <c r="H11253" t="s">
        <v>81</v>
      </c>
      <c r="I11253" s="2">
        <v>0</v>
      </c>
      <c r="J11253" s="2">
        <v>1</v>
      </c>
      <c r="K11253" s="2">
        <v>0</v>
      </c>
      <c r="L11253" t="s">
        <v>82</v>
      </c>
      <c r="M11253" t="s">
        <v>83</v>
      </c>
      <c r="N11253" t="s">
        <v>91</v>
      </c>
      <c r="O11253" t="s">
        <v>85</v>
      </c>
      <c r="P11253" t="s">
        <v>86</v>
      </c>
      <c r="Q11253">
        <v>15</v>
      </c>
      <c r="R11253">
        <v>15</v>
      </c>
      <c r="S11253">
        <v>15</v>
      </c>
      <c r="T11253">
        <v>15</v>
      </c>
      <c r="U11253">
        <v>15</v>
      </c>
      <c r="V11253">
        <v>16</v>
      </c>
      <c r="W11253">
        <v>16</v>
      </c>
      <c r="X11253">
        <v>16</v>
      </c>
      <c r="Y11253">
        <v>16</v>
      </c>
      <c r="Z11253">
        <v>16</v>
      </c>
      <c r="AA11253">
        <v>16</v>
      </c>
      <c r="AB11253">
        <v>16</v>
      </c>
      <c r="AC11253">
        <v>16</v>
      </c>
      <c r="AD11253">
        <v>16</v>
      </c>
      <c r="AE11253">
        <v>16</v>
      </c>
      <c r="AF11253">
        <v>16</v>
      </c>
      <c r="AG11253">
        <v>16</v>
      </c>
      <c r="AH11253">
        <v>16</v>
      </c>
      <c r="AI11253">
        <v>16</v>
      </c>
      <c r="AJ11253">
        <v>16</v>
      </c>
      <c r="AK11253">
        <v>16</v>
      </c>
      <c r="AL11253">
        <v>16</v>
      </c>
      <c r="AM11253">
        <v>16</v>
      </c>
      <c r="AN11253">
        <v>16</v>
      </c>
      <c r="AO11253">
        <v>16</v>
      </c>
      <c r="AP11253">
        <v>16</v>
      </c>
      <c r="AQ11253">
        <v>16</v>
      </c>
    </row>
    <row r="11254" spans="1:43">
      <c r="A11254" t="s">
        <v>7002</v>
      </c>
      <c r="B11254" t="s">
        <v>7003</v>
      </c>
      <c r="C11254" t="s">
        <v>7004</v>
      </c>
      <c r="D11254" t="s">
        <v>7005</v>
      </c>
      <c r="E11254" t="s">
        <v>6982</v>
      </c>
      <c r="F11254" t="s">
        <v>6983</v>
      </c>
      <c r="G11254" t="s">
        <v>80</v>
      </c>
      <c r="H11254" t="s">
        <v>81</v>
      </c>
      <c r="I11254" s="2">
        <v>0</v>
      </c>
      <c r="J11254" s="2">
        <v>1</v>
      </c>
      <c r="K11254" s="2">
        <v>0</v>
      </c>
      <c r="L11254" t="s">
        <v>82</v>
      </c>
      <c r="M11254" t="s">
        <v>83</v>
      </c>
      <c r="N11254" t="s">
        <v>84</v>
      </c>
      <c r="O11254" t="s">
        <v>85</v>
      </c>
      <c r="P11254" t="s">
        <v>86</v>
      </c>
      <c r="Q11254">
        <v>14</v>
      </c>
      <c r="R11254">
        <v>14</v>
      </c>
      <c r="S11254">
        <v>14</v>
      </c>
      <c r="T11254">
        <v>15</v>
      </c>
      <c r="U11254">
        <v>15</v>
      </c>
      <c r="V11254">
        <v>15</v>
      </c>
      <c r="W11254">
        <v>15</v>
      </c>
      <c r="X11254">
        <v>15</v>
      </c>
      <c r="Y11254">
        <v>15</v>
      </c>
      <c r="Z11254">
        <v>15</v>
      </c>
      <c r="AA11254">
        <v>15</v>
      </c>
      <c r="AB11254">
        <v>15</v>
      </c>
      <c r="AC11254">
        <v>15</v>
      </c>
      <c r="AD11254">
        <v>15</v>
      </c>
      <c r="AE11254">
        <v>15</v>
      </c>
      <c r="AF11254">
        <v>15</v>
      </c>
      <c r="AG11254">
        <v>15</v>
      </c>
      <c r="AH11254">
        <v>15</v>
      </c>
      <c r="AI11254">
        <v>15</v>
      </c>
      <c r="AJ11254">
        <v>15</v>
      </c>
      <c r="AK11254">
        <v>15</v>
      </c>
      <c r="AL11254">
        <v>15</v>
      </c>
      <c r="AM11254">
        <v>15</v>
      </c>
      <c r="AN11254">
        <v>15</v>
      </c>
      <c r="AO11254">
        <v>15</v>
      </c>
      <c r="AP11254">
        <v>15</v>
      </c>
      <c r="AQ11254">
        <v>15</v>
      </c>
    </row>
    <row r="11255" spans="1:43">
      <c r="A11255" t="s">
        <v>7002</v>
      </c>
      <c r="B11255" t="s">
        <v>7003</v>
      </c>
      <c r="C11255" t="s">
        <v>7004</v>
      </c>
      <c r="D11255" t="s">
        <v>7005</v>
      </c>
      <c r="E11255" t="s">
        <v>6982</v>
      </c>
      <c r="F11255" t="s">
        <v>6983</v>
      </c>
      <c r="G11255" t="s">
        <v>80</v>
      </c>
      <c r="H11255" t="s">
        <v>81</v>
      </c>
      <c r="I11255" s="2">
        <v>0</v>
      </c>
      <c r="J11255" s="2">
        <v>1</v>
      </c>
      <c r="K11255" s="2">
        <v>0</v>
      </c>
      <c r="L11255" t="s">
        <v>82</v>
      </c>
      <c r="M11255" t="s">
        <v>87</v>
      </c>
      <c r="N11255" t="s">
        <v>88</v>
      </c>
      <c r="O11255" t="s">
        <v>85</v>
      </c>
      <c r="P11255" t="s">
        <v>86</v>
      </c>
      <c r="Q11255">
        <v>14</v>
      </c>
      <c r="R11255">
        <v>14</v>
      </c>
      <c r="S11255">
        <v>14</v>
      </c>
      <c r="T11255">
        <v>14</v>
      </c>
      <c r="U11255">
        <v>14</v>
      </c>
      <c r="V11255">
        <v>14</v>
      </c>
      <c r="W11255">
        <v>14</v>
      </c>
      <c r="X11255">
        <v>14</v>
      </c>
      <c r="Y11255">
        <v>14</v>
      </c>
      <c r="Z11255">
        <v>14</v>
      </c>
      <c r="AA11255">
        <v>14</v>
      </c>
      <c r="AB11255">
        <v>14</v>
      </c>
      <c r="AC11255">
        <v>14</v>
      </c>
      <c r="AD11255">
        <v>14</v>
      </c>
      <c r="AE11255">
        <v>14</v>
      </c>
      <c r="AF11255">
        <v>13</v>
      </c>
      <c r="AG11255">
        <v>13</v>
      </c>
      <c r="AH11255">
        <v>13</v>
      </c>
      <c r="AI11255">
        <v>13</v>
      </c>
      <c r="AJ11255">
        <v>13</v>
      </c>
      <c r="AK11255">
        <v>13</v>
      </c>
      <c r="AL11255">
        <v>13</v>
      </c>
      <c r="AM11255">
        <v>13</v>
      </c>
      <c r="AN11255">
        <v>13</v>
      </c>
      <c r="AO11255">
        <v>13</v>
      </c>
      <c r="AP11255">
        <v>13</v>
      </c>
      <c r="AQ11255">
        <v>13</v>
      </c>
    </row>
    <row r="11256" spans="1:43">
      <c r="A11256" t="s">
        <v>7002</v>
      </c>
      <c r="B11256" t="s">
        <v>7003</v>
      </c>
      <c r="C11256" t="s">
        <v>7004</v>
      </c>
      <c r="D11256" t="s">
        <v>7005</v>
      </c>
      <c r="E11256" t="s">
        <v>6982</v>
      </c>
      <c r="F11256" t="s">
        <v>6983</v>
      </c>
      <c r="G11256" t="s">
        <v>80</v>
      </c>
      <c r="H11256" t="s">
        <v>81</v>
      </c>
      <c r="I11256" s="2">
        <v>0</v>
      </c>
      <c r="J11256" s="2">
        <v>1</v>
      </c>
      <c r="K11256" s="2">
        <v>0</v>
      </c>
      <c r="L11256" t="s">
        <v>82</v>
      </c>
      <c r="M11256" t="s">
        <v>89</v>
      </c>
      <c r="N11256" t="s">
        <v>90</v>
      </c>
      <c r="O11256" t="s">
        <v>85</v>
      </c>
      <c r="P11256" t="s">
        <v>86</v>
      </c>
      <c r="Q11256">
        <v>14</v>
      </c>
      <c r="R11256">
        <v>15</v>
      </c>
      <c r="S11256">
        <v>15</v>
      </c>
      <c r="T11256">
        <v>15</v>
      </c>
      <c r="U11256">
        <v>15</v>
      </c>
      <c r="V11256">
        <v>15</v>
      </c>
      <c r="W11256">
        <v>16</v>
      </c>
      <c r="X11256">
        <v>16</v>
      </c>
      <c r="Y11256">
        <v>16</v>
      </c>
      <c r="Z11256">
        <v>16</v>
      </c>
      <c r="AA11256">
        <v>16</v>
      </c>
      <c r="AB11256">
        <v>16</v>
      </c>
      <c r="AC11256">
        <v>16</v>
      </c>
      <c r="AD11256">
        <v>16</v>
      </c>
      <c r="AE11256">
        <v>16</v>
      </c>
      <c r="AF11256">
        <v>16</v>
      </c>
      <c r="AG11256">
        <v>16</v>
      </c>
      <c r="AH11256">
        <v>16</v>
      </c>
      <c r="AI11256">
        <v>16</v>
      </c>
      <c r="AJ11256">
        <v>16</v>
      </c>
      <c r="AK11256">
        <v>16</v>
      </c>
      <c r="AL11256">
        <v>16</v>
      </c>
      <c r="AM11256">
        <v>15</v>
      </c>
      <c r="AN11256">
        <v>15</v>
      </c>
      <c r="AO11256">
        <v>15</v>
      </c>
      <c r="AP11256">
        <v>15</v>
      </c>
      <c r="AQ11256">
        <v>15</v>
      </c>
    </row>
    <row r="11257" spans="1:43">
      <c r="A11257" t="s">
        <v>7002</v>
      </c>
      <c r="B11257" t="s">
        <v>7003</v>
      </c>
      <c r="C11257" t="s">
        <v>7004</v>
      </c>
      <c r="D11257" t="s">
        <v>7005</v>
      </c>
      <c r="E11257" t="s">
        <v>6982</v>
      </c>
      <c r="F11257" t="s">
        <v>6983</v>
      </c>
      <c r="G11257" t="s">
        <v>80</v>
      </c>
      <c r="H11257" t="s">
        <v>81</v>
      </c>
      <c r="I11257" s="2">
        <v>0</v>
      </c>
      <c r="J11257" s="2">
        <v>1</v>
      </c>
      <c r="K11257" s="2">
        <v>0</v>
      </c>
      <c r="L11257" t="s">
        <v>82</v>
      </c>
      <c r="M11257" t="s">
        <v>83</v>
      </c>
      <c r="N11257" t="s">
        <v>91</v>
      </c>
      <c r="O11257" t="s">
        <v>85</v>
      </c>
      <c r="P11257" t="s">
        <v>86</v>
      </c>
      <c r="Q11257">
        <v>14</v>
      </c>
      <c r="R11257">
        <v>14</v>
      </c>
      <c r="S11257">
        <v>14</v>
      </c>
      <c r="T11257">
        <v>15</v>
      </c>
      <c r="U11257">
        <v>15</v>
      </c>
      <c r="V11257">
        <v>15</v>
      </c>
      <c r="W11257">
        <v>15</v>
      </c>
      <c r="X11257">
        <v>15</v>
      </c>
      <c r="Y11257">
        <v>15</v>
      </c>
      <c r="Z11257">
        <v>15</v>
      </c>
      <c r="AA11257">
        <v>15</v>
      </c>
      <c r="AB11257">
        <v>15</v>
      </c>
      <c r="AC11257">
        <v>15</v>
      </c>
      <c r="AD11257">
        <v>15</v>
      </c>
      <c r="AE11257">
        <v>15</v>
      </c>
      <c r="AF11257">
        <v>15</v>
      </c>
      <c r="AG11257">
        <v>15</v>
      </c>
      <c r="AH11257">
        <v>15</v>
      </c>
      <c r="AI11257">
        <v>15</v>
      </c>
      <c r="AJ11257">
        <v>15</v>
      </c>
      <c r="AK11257">
        <v>15</v>
      </c>
      <c r="AL11257">
        <v>15</v>
      </c>
      <c r="AM11257">
        <v>15</v>
      </c>
      <c r="AN11257">
        <v>15</v>
      </c>
      <c r="AO11257">
        <v>15</v>
      </c>
      <c r="AP11257">
        <v>15</v>
      </c>
      <c r="AQ11257">
        <v>15</v>
      </c>
    </row>
    <row r="11258" spans="1:43">
      <c r="A11258" t="s">
        <v>7006</v>
      </c>
      <c r="B11258" t="s">
        <v>7007</v>
      </c>
      <c r="C11258" t="s">
        <v>7004</v>
      </c>
      <c r="D11258" t="s">
        <v>7005</v>
      </c>
      <c r="E11258" t="s">
        <v>6982</v>
      </c>
      <c r="F11258" t="s">
        <v>6983</v>
      </c>
      <c r="G11258" t="s">
        <v>80</v>
      </c>
      <c r="H11258" t="s">
        <v>81</v>
      </c>
      <c r="I11258" s="2">
        <v>0</v>
      </c>
      <c r="J11258" s="2">
        <v>1</v>
      </c>
      <c r="K11258" s="2">
        <v>0</v>
      </c>
      <c r="L11258" t="s">
        <v>82</v>
      </c>
      <c r="M11258" t="s">
        <v>83</v>
      </c>
      <c r="N11258" t="s">
        <v>84</v>
      </c>
      <c r="O11258" t="s">
        <v>85</v>
      </c>
      <c r="P11258" t="s">
        <v>86</v>
      </c>
      <c r="Q11258">
        <v>10</v>
      </c>
      <c r="R11258">
        <v>10</v>
      </c>
      <c r="S11258">
        <v>10</v>
      </c>
      <c r="T11258">
        <v>10</v>
      </c>
      <c r="U11258">
        <v>10</v>
      </c>
      <c r="V11258">
        <v>10</v>
      </c>
      <c r="W11258">
        <v>10</v>
      </c>
      <c r="X11258">
        <v>10</v>
      </c>
      <c r="Y11258">
        <v>10</v>
      </c>
      <c r="Z11258">
        <v>10</v>
      </c>
      <c r="AA11258">
        <v>10</v>
      </c>
      <c r="AB11258">
        <v>10</v>
      </c>
      <c r="AC11258">
        <v>10</v>
      </c>
      <c r="AD11258">
        <v>10</v>
      </c>
      <c r="AE11258">
        <v>10</v>
      </c>
      <c r="AF11258">
        <v>10</v>
      </c>
      <c r="AG11258">
        <v>10</v>
      </c>
      <c r="AH11258">
        <v>10</v>
      </c>
      <c r="AI11258">
        <v>10</v>
      </c>
      <c r="AJ11258">
        <v>10</v>
      </c>
      <c r="AK11258">
        <v>10</v>
      </c>
      <c r="AL11258">
        <v>10</v>
      </c>
      <c r="AM11258">
        <v>10</v>
      </c>
      <c r="AN11258">
        <v>10</v>
      </c>
      <c r="AO11258">
        <v>10</v>
      </c>
      <c r="AP11258">
        <v>10</v>
      </c>
      <c r="AQ11258">
        <v>10</v>
      </c>
    </row>
    <row r="11259" spans="1:43">
      <c r="A11259" t="s">
        <v>7006</v>
      </c>
      <c r="B11259" t="s">
        <v>7007</v>
      </c>
      <c r="C11259" t="s">
        <v>7004</v>
      </c>
      <c r="D11259" t="s">
        <v>7005</v>
      </c>
      <c r="E11259" t="s">
        <v>6982</v>
      </c>
      <c r="F11259" t="s">
        <v>6983</v>
      </c>
      <c r="G11259" t="s">
        <v>80</v>
      </c>
      <c r="H11259" t="s">
        <v>81</v>
      </c>
      <c r="I11259" s="2">
        <v>0</v>
      </c>
      <c r="J11259" s="2">
        <v>1</v>
      </c>
      <c r="K11259" s="2">
        <v>0</v>
      </c>
      <c r="L11259" t="s">
        <v>82</v>
      </c>
      <c r="M11259" t="s">
        <v>87</v>
      </c>
      <c r="N11259" t="s">
        <v>88</v>
      </c>
      <c r="O11259" t="s">
        <v>85</v>
      </c>
      <c r="P11259" t="s">
        <v>86</v>
      </c>
      <c r="Q11259">
        <v>10</v>
      </c>
      <c r="R11259">
        <v>10</v>
      </c>
      <c r="S11259">
        <v>10</v>
      </c>
      <c r="T11259">
        <v>10</v>
      </c>
      <c r="U11259">
        <v>9</v>
      </c>
      <c r="V11259">
        <v>9</v>
      </c>
      <c r="W11259">
        <v>9</v>
      </c>
      <c r="X11259">
        <v>9</v>
      </c>
      <c r="Y11259">
        <v>9</v>
      </c>
      <c r="Z11259">
        <v>9</v>
      </c>
      <c r="AA11259">
        <v>9</v>
      </c>
      <c r="AB11259">
        <v>9</v>
      </c>
      <c r="AC11259">
        <v>9</v>
      </c>
      <c r="AD11259">
        <v>9</v>
      </c>
      <c r="AE11259">
        <v>9</v>
      </c>
      <c r="AF11259">
        <v>9</v>
      </c>
      <c r="AG11259">
        <v>9</v>
      </c>
      <c r="AH11259">
        <v>9</v>
      </c>
      <c r="AI11259">
        <v>9</v>
      </c>
      <c r="AJ11259">
        <v>9</v>
      </c>
      <c r="AK11259">
        <v>9</v>
      </c>
      <c r="AL11259">
        <v>9</v>
      </c>
      <c r="AM11259">
        <v>9</v>
      </c>
      <c r="AN11259">
        <v>9</v>
      </c>
      <c r="AO11259">
        <v>9</v>
      </c>
      <c r="AP11259">
        <v>9</v>
      </c>
      <c r="AQ11259">
        <v>9</v>
      </c>
    </row>
    <row r="11260" spans="1:43">
      <c r="A11260" t="s">
        <v>7006</v>
      </c>
      <c r="B11260" t="s">
        <v>7007</v>
      </c>
      <c r="C11260" t="s">
        <v>7004</v>
      </c>
      <c r="D11260" t="s">
        <v>7005</v>
      </c>
      <c r="E11260" t="s">
        <v>6982</v>
      </c>
      <c r="F11260" t="s">
        <v>6983</v>
      </c>
      <c r="G11260" t="s">
        <v>80</v>
      </c>
      <c r="H11260" t="s">
        <v>81</v>
      </c>
      <c r="I11260" s="2">
        <v>0</v>
      </c>
      <c r="J11260" s="2">
        <v>1</v>
      </c>
      <c r="K11260" s="2">
        <v>0</v>
      </c>
      <c r="L11260" t="s">
        <v>82</v>
      </c>
      <c r="M11260" t="s">
        <v>89</v>
      </c>
      <c r="N11260" t="s">
        <v>90</v>
      </c>
      <c r="O11260" t="s">
        <v>85</v>
      </c>
      <c r="P11260" t="s">
        <v>86</v>
      </c>
      <c r="Q11260">
        <v>10</v>
      </c>
      <c r="R11260">
        <v>10</v>
      </c>
      <c r="S11260">
        <v>10</v>
      </c>
      <c r="T11260">
        <v>10</v>
      </c>
      <c r="U11260">
        <v>10</v>
      </c>
      <c r="V11260">
        <v>10</v>
      </c>
      <c r="W11260">
        <v>11</v>
      </c>
      <c r="X11260">
        <v>11</v>
      </c>
      <c r="Y11260">
        <v>11</v>
      </c>
      <c r="Z11260">
        <v>11</v>
      </c>
      <c r="AA11260">
        <v>11</v>
      </c>
      <c r="AB11260">
        <v>11</v>
      </c>
      <c r="AC11260">
        <v>11</v>
      </c>
      <c r="AD11260">
        <v>11</v>
      </c>
      <c r="AE11260">
        <v>11</v>
      </c>
      <c r="AF11260">
        <v>11</v>
      </c>
      <c r="AG11260">
        <v>11</v>
      </c>
      <c r="AH11260">
        <v>11</v>
      </c>
      <c r="AI11260">
        <v>11</v>
      </c>
      <c r="AJ11260">
        <v>11</v>
      </c>
      <c r="AK11260">
        <v>11</v>
      </c>
      <c r="AL11260">
        <v>11</v>
      </c>
      <c r="AM11260">
        <v>10</v>
      </c>
      <c r="AN11260">
        <v>10</v>
      </c>
      <c r="AO11260">
        <v>10</v>
      </c>
      <c r="AP11260">
        <v>10</v>
      </c>
      <c r="AQ11260">
        <v>10</v>
      </c>
    </row>
    <row r="11261" spans="1:43">
      <c r="A11261" t="s">
        <v>7006</v>
      </c>
      <c r="B11261" t="s">
        <v>7007</v>
      </c>
      <c r="C11261" t="s">
        <v>7004</v>
      </c>
      <c r="D11261" t="s">
        <v>7005</v>
      </c>
      <c r="E11261" t="s">
        <v>6982</v>
      </c>
      <c r="F11261" t="s">
        <v>6983</v>
      </c>
      <c r="G11261" t="s">
        <v>80</v>
      </c>
      <c r="H11261" t="s">
        <v>81</v>
      </c>
      <c r="I11261" s="2">
        <v>0</v>
      </c>
      <c r="J11261" s="2">
        <v>1</v>
      </c>
      <c r="K11261" s="2">
        <v>0</v>
      </c>
      <c r="L11261" t="s">
        <v>82</v>
      </c>
      <c r="M11261" t="s">
        <v>83</v>
      </c>
      <c r="N11261" t="s">
        <v>91</v>
      </c>
      <c r="O11261" t="s">
        <v>85</v>
      </c>
      <c r="P11261" t="s">
        <v>86</v>
      </c>
      <c r="Q11261">
        <v>10</v>
      </c>
      <c r="R11261">
        <v>10</v>
      </c>
      <c r="S11261">
        <v>10</v>
      </c>
      <c r="T11261">
        <v>10</v>
      </c>
      <c r="U11261">
        <v>10</v>
      </c>
      <c r="V11261">
        <v>10</v>
      </c>
      <c r="W11261">
        <v>10</v>
      </c>
      <c r="X11261">
        <v>10</v>
      </c>
      <c r="Y11261">
        <v>10</v>
      </c>
      <c r="Z11261">
        <v>10</v>
      </c>
      <c r="AA11261">
        <v>10</v>
      </c>
      <c r="AB11261">
        <v>10</v>
      </c>
      <c r="AC11261">
        <v>10</v>
      </c>
      <c r="AD11261">
        <v>10</v>
      </c>
      <c r="AE11261">
        <v>10</v>
      </c>
      <c r="AF11261">
        <v>10</v>
      </c>
      <c r="AG11261">
        <v>10</v>
      </c>
      <c r="AH11261">
        <v>10</v>
      </c>
      <c r="AI11261">
        <v>10</v>
      </c>
      <c r="AJ11261">
        <v>10</v>
      </c>
      <c r="AK11261">
        <v>10</v>
      </c>
      <c r="AL11261">
        <v>10</v>
      </c>
      <c r="AM11261">
        <v>10</v>
      </c>
      <c r="AN11261">
        <v>10</v>
      </c>
      <c r="AO11261">
        <v>10</v>
      </c>
      <c r="AP11261">
        <v>10</v>
      </c>
      <c r="AQ11261">
        <v>10</v>
      </c>
    </row>
    <row r="11262" spans="1:43">
      <c r="A11262" t="s">
        <v>7008</v>
      </c>
      <c r="B11262" t="s">
        <v>7009</v>
      </c>
      <c r="C11262" t="s">
        <v>7004</v>
      </c>
      <c r="D11262" t="s">
        <v>7005</v>
      </c>
      <c r="E11262" t="s">
        <v>6982</v>
      </c>
      <c r="F11262" t="s">
        <v>6983</v>
      </c>
      <c r="G11262" t="s">
        <v>80</v>
      </c>
      <c r="H11262" t="s">
        <v>81</v>
      </c>
      <c r="I11262" s="2">
        <v>0</v>
      </c>
      <c r="J11262" s="2">
        <v>1</v>
      </c>
      <c r="K11262" s="2">
        <v>0</v>
      </c>
      <c r="L11262" t="s">
        <v>82</v>
      </c>
      <c r="M11262" t="s">
        <v>83</v>
      </c>
      <c r="N11262" t="s">
        <v>84</v>
      </c>
      <c r="O11262" t="s">
        <v>85</v>
      </c>
      <c r="P11262" t="s">
        <v>86</v>
      </c>
      <c r="Q11262">
        <v>0</v>
      </c>
      <c r="R11262">
        <v>0</v>
      </c>
      <c r="S11262">
        <v>0</v>
      </c>
      <c r="T11262">
        <v>0</v>
      </c>
      <c r="U11262">
        <v>0</v>
      </c>
      <c r="V11262">
        <v>0</v>
      </c>
      <c r="W11262">
        <v>0</v>
      </c>
      <c r="X11262">
        <v>0</v>
      </c>
      <c r="Y11262">
        <v>0</v>
      </c>
      <c r="Z11262">
        <v>0</v>
      </c>
      <c r="AA11262">
        <v>0</v>
      </c>
      <c r="AB11262">
        <v>0</v>
      </c>
      <c r="AC11262">
        <v>0</v>
      </c>
      <c r="AD11262">
        <v>0</v>
      </c>
      <c r="AE11262">
        <v>0</v>
      </c>
      <c r="AF11262">
        <v>0</v>
      </c>
      <c r="AG11262">
        <v>0</v>
      </c>
      <c r="AH11262">
        <v>0</v>
      </c>
      <c r="AI11262">
        <v>0</v>
      </c>
      <c r="AJ11262">
        <v>0</v>
      </c>
      <c r="AK11262">
        <v>0</v>
      </c>
      <c r="AL11262">
        <v>0</v>
      </c>
      <c r="AM11262">
        <v>0</v>
      </c>
      <c r="AN11262">
        <v>0</v>
      </c>
      <c r="AO11262">
        <v>0</v>
      </c>
      <c r="AP11262">
        <v>0</v>
      </c>
      <c r="AQ11262">
        <v>0</v>
      </c>
    </row>
    <row r="11263" spans="1:43">
      <c r="A11263" t="s">
        <v>7008</v>
      </c>
      <c r="B11263" t="s">
        <v>7009</v>
      </c>
      <c r="C11263" t="s">
        <v>7004</v>
      </c>
      <c r="D11263" t="s">
        <v>7005</v>
      </c>
      <c r="E11263" t="s">
        <v>6982</v>
      </c>
      <c r="F11263" t="s">
        <v>6983</v>
      </c>
      <c r="G11263" t="s">
        <v>80</v>
      </c>
      <c r="H11263" t="s">
        <v>81</v>
      </c>
      <c r="I11263" s="2">
        <v>0</v>
      </c>
      <c r="J11263" s="2">
        <v>1</v>
      </c>
      <c r="K11263" s="2">
        <v>0</v>
      </c>
      <c r="L11263" t="s">
        <v>82</v>
      </c>
      <c r="M11263" t="s">
        <v>87</v>
      </c>
      <c r="N11263" t="s">
        <v>88</v>
      </c>
      <c r="O11263" t="s">
        <v>85</v>
      </c>
      <c r="P11263" t="s">
        <v>86</v>
      </c>
      <c r="Q11263">
        <v>0</v>
      </c>
      <c r="R11263">
        <v>0</v>
      </c>
      <c r="S11263">
        <v>0</v>
      </c>
      <c r="T11263">
        <v>0</v>
      </c>
      <c r="U11263">
        <v>0</v>
      </c>
      <c r="V11263">
        <v>0</v>
      </c>
      <c r="W11263">
        <v>0</v>
      </c>
      <c r="X11263">
        <v>0</v>
      </c>
      <c r="Y11263">
        <v>0</v>
      </c>
      <c r="Z11263">
        <v>0</v>
      </c>
      <c r="AA11263">
        <v>0</v>
      </c>
      <c r="AB11263">
        <v>0</v>
      </c>
      <c r="AC11263">
        <v>0</v>
      </c>
      <c r="AD11263">
        <v>0</v>
      </c>
      <c r="AE11263">
        <v>0</v>
      </c>
      <c r="AF11263">
        <v>0</v>
      </c>
      <c r="AG11263">
        <v>0</v>
      </c>
      <c r="AH11263">
        <v>0</v>
      </c>
      <c r="AI11263">
        <v>0</v>
      </c>
      <c r="AJ11263">
        <v>0</v>
      </c>
      <c r="AK11263">
        <v>0</v>
      </c>
      <c r="AL11263">
        <v>0</v>
      </c>
      <c r="AM11263">
        <v>0</v>
      </c>
      <c r="AN11263">
        <v>0</v>
      </c>
      <c r="AO11263">
        <v>0</v>
      </c>
      <c r="AP11263">
        <v>0</v>
      </c>
      <c r="AQ11263">
        <v>0</v>
      </c>
    </row>
    <row r="11264" spans="1:43">
      <c r="A11264" t="s">
        <v>7008</v>
      </c>
      <c r="B11264" t="s">
        <v>7009</v>
      </c>
      <c r="C11264" t="s">
        <v>7004</v>
      </c>
      <c r="D11264" t="s">
        <v>7005</v>
      </c>
      <c r="E11264" t="s">
        <v>6982</v>
      </c>
      <c r="F11264" t="s">
        <v>6983</v>
      </c>
      <c r="G11264" t="s">
        <v>80</v>
      </c>
      <c r="H11264" t="s">
        <v>81</v>
      </c>
      <c r="I11264" s="2">
        <v>0</v>
      </c>
      <c r="J11264" s="2">
        <v>1</v>
      </c>
      <c r="K11264" s="2">
        <v>0</v>
      </c>
      <c r="L11264" t="s">
        <v>82</v>
      </c>
      <c r="M11264" t="s">
        <v>89</v>
      </c>
      <c r="N11264" t="s">
        <v>90</v>
      </c>
      <c r="O11264" t="s">
        <v>85</v>
      </c>
      <c r="P11264" t="s">
        <v>86</v>
      </c>
      <c r="Q11264">
        <v>0</v>
      </c>
      <c r="R11264">
        <v>0</v>
      </c>
      <c r="S11264">
        <v>0</v>
      </c>
      <c r="T11264">
        <v>0</v>
      </c>
      <c r="U11264">
        <v>0</v>
      </c>
      <c r="V11264">
        <v>0</v>
      </c>
      <c r="W11264">
        <v>0</v>
      </c>
      <c r="X11264">
        <v>0</v>
      </c>
      <c r="Y11264">
        <v>0</v>
      </c>
      <c r="Z11264">
        <v>0</v>
      </c>
      <c r="AA11264">
        <v>0</v>
      </c>
      <c r="AB11264">
        <v>0</v>
      </c>
      <c r="AC11264">
        <v>0</v>
      </c>
      <c r="AD11264">
        <v>0</v>
      </c>
      <c r="AE11264">
        <v>0</v>
      </c>
      <c r="AF11264">
        <v>0</v>
      </c>
      <c r="AG11264">
        <v>0</v>
      </c>
      <c r="AH11264">
        <v>0</v>
      </c>
      <c r="AI11264">
        <v>0</v>
      </c>
      <c r="AJ11264">
        <v>0</v>
      </c>
      <c r="AK11264">
        <v>0</v>
      </c>
      <c r="AL11264">
        <v>0</v>
      </c>
      <c r="AM11264">
        <v>0</v>
      </c>
      <c r="AN11264">
        <v>0</v>
      </c>
      <c r="AO11264">
        <v>0</v>
      </c>
      <c r="AP11264">
        <v>0</v>
      </c>
      <c r="AQ11264">
        <v>0</v>
      </c>
    </row>
    <row r="11265" spans="1:43">
      <c r="A11265" t="s">
        <v>7008</v>
      </c>
      <c r="B11265" t="s">
        <v>7009</v>
      </c>
      <c r="C11265" t="s">
        <v>7004</v>
      </c>
      <c r="D11265" t="s">
        <v>7005</v>
      </c>
      <c r="E11265" t="s">
        <v>6982</v>
      </c>
      <c r="F11265" t="s">
        <v>6983</v>
      </c>
      <c r="G11265" t="s">
        <v>80</v>
      </c>
      <c r="H11265" t="s">
        <v>81</v>
      </c>
      <c r="I11265" s="2">
        <v>0</v>
      </c>
      <c r="J11265" s="2">
        <v>1</v>
      </c>
      <c r="K11265" s="2">
        <v>0</v>
      </c>
      <c r="L11265" t="s">
        <v>82</v>
      </c>
      <c r="M11265" t="s">
        <v>83</v>
      </c>
      <c r="N11265" t="s">
        <v>91</v>
      </c>
      <c r="O11265" t="s">
        <v>85</v>
      </c>
      <c r="P11265" t="s">
        <v>86</v>
      </c>
      <c r="Q11265">
        <v>0</v>
      </c>
      <c r="R11265">
        <v>0</v>
      </c>
      <c r="S11265">
        <v>0</v>
      </c>
      <c r="T11265">
        <v>0</v>
      </c>
      <c r="U11265">
        <v>0</v>
      </c>
      <c r="V11265">
        <v>0</v>
      </c>
      <c r="W11265">
        <v>0</v>
      </c>
      <c r="X11265">
        <v>0</v>
      </c>
      <c r="Y11265">
        <v>0</v>
      </c>
      <c r="Z11265">
        <v>0</v>
      </c>
      <c r="AA11265">
        <v>0</v>
      </c>
      <c r="AB11265">
        <v>0</v>
      </c>
      <c r="AC11265">
        <v>0</v>
      </c>
      <c r="AD11265">
        <v>0</v>
      </c>
      <c r="AE11265">
        <v>0</v>
      </c>
      <c r="AF11265">
        <v>0</v>
      </c>
      <c r="AG11265">
        <v>0</v>
      </c>
      <c r="AH11265">
        <v>0</v>
      </c>
      <c r="AI11265">
        <v>0</v>
      </c>
      <c r="AJ11265">
        <v>0</v>
      </c>
      <c r="AK11265">
        <v>0</v>
      </c>
      <c r="AL11265">
        <v>0</v>
      </c>
      <c r="AM11265">
        <v>0</v>
      </c>
      <c r="AN11265">
        <v>0</v>
      </c>
      <c r="AO11265">
        <v>0</v>
      </c>
      <c r="AP11265">
        <v>0</v>
      </c>
      <c r="AQ11265">
        <v>0</v>
      </c>
    </row>
    <row r="11266" spans="1:43">
      <c r="A11266" t="s">
        <v>7010</v>
      </c>
      <c r="B11266" t="s">
        <v>7011</v>
      </c>
      <c r="C11266" t="s">
        <v>7004</v>
      </c>
      <c r="D11266" t="s">
        <v>7005</v>
      </c>
      <c r="E11266" t="s">
        <v>6982</v>
      </c>
      <c r="F11266" t="s">
        <v>6983</v>
      </c>
      <c r="G11266" t="s">
        <v>80</v>
      </c>
      <c r="H11266" t="s">
        <v>81</v>
      </c>
      <c r="I11266" s="2">
        <v>0</v>
      </c>
      <c r="J11266" s="2">
        <v>1</v>
      </c>
      <c r="K11266" s="2">
        <v>0</v>
      </c>
      <c r="L11266" t="s">
        <v>82</v>
      </c>
      <c r="M11266" t="s">
        <v>83</v>
      </c>
      <c r="N11266" t="s">
        <v>84</v>
      </c>
      <c r="O11266" t="s">
        <v>85</v>
      </c>
      <c r="P11266" t="s">
        <v>86</v>
      </c>
      <c r="Q11266">
        <v>12</v>
      </c>
      <c r="R11266">
        <v>12</v>
      </c>
      <c r="S11266">
        <v>12</v>
      </c>
      <c r="T11266">
        <v>12</v>
      </c>
      <c r="U11266">
        <v>12</v>
      </c>
      <c r="V11266">
        <v>12</v>
      </c>
      <c r="W11266">
        <v>12</v>
      </c>
      <c r="X11266">
        <v>12</v>
      </c>
      <c r="Y11266">
        <v>12</v>
      </c>
      <c r="Z11266">
        <v>12</v>
      </c>
      <c r="AA11266">
        <v>12</v>
      </c>
      <c r="AB11266">
        <v>12</v>
      </c>
      <c r="AC11266">
        <v>12</v>
      </c>
      <c r="AD11266">
        <v>12</v>
      </c>
      <c r="AE11266">
        <v>12</v>
      </c>
      <c r="AF11266">
        <v>12</v>
      </c>
      <c r="AG11266">
        <v>12</v>
      </c>
      <c r="AH11266">
        <v>12</v>
      </c>
      <c r="AI11266">
        <v>12</v>
      </c>
      <c r="AJ11266">
        <v>12</v>
      </c>
      <c r="AK11266">
        <v>12</v>
      </c>
      <c r="AL11266">
        <v>12</v>
      </c>
      <c r="AM11266">
        <v>12</v>
      </c>
      <c r="AN11266">
        <v>12</v>
      </c>
      <c r="AO11266">
        <v>12</v>
      </c>
      <c r="AP11266">
        <v>12</v>
      </c>
      <c r="AQ11266">
        <v>12</v>
      </c>
    </row>
    <row r="11267" spans="1:43">
      <c r="A11267" t="s">
        <v>7010</v>
      </c>
      <c r="B11267" t="s">
        <v>7011</v>
      </c>
      <c r="C11267" t="s">
        <v>7004</v>
      </c>
      <c r="D11267" t="s">
        <v>7005</v>
      </c>
      <c r="E11267" t="s">
        <v>6982</v>
      </c>
      <c r="F11267" t="s">
        <v>6983</v>
      </c>
      <c r="G11267" t="s">
        <v>80</v>
      </c>
      <c r="H11267" t="s">
        <v>81</v>
      </c>
      <c r="I11267" s="2">
        <v>0</v>
      </c>
      <c r="J11267" s="2">
        <v>1</v>
      </c>
      <c r="K11267" s="2">
        <v>0</v>
      </c>
      <c r="L11267" t="s">
        <v>82</v>
      </c>
      <c r="M11267" t="s">
        <v>87</v>
      </c>
      <c r="N11267" t="s">
        <v>88</v>
      </c>
      <c r="O11267" t="s">
        <v>85</v>
      </c>
      <c r="P11267" t="s">
        <v>86</v>
      </c>
      <c r="Q11267">
        <v>12</v>
      </c>
      <c r="R11267">
        <v>12</v>
      </c>
      <c r="S11267">
        <v>12</v>
      </c>
      <c r="T11267">
        <v>12</v>
      </c>
      <c r="U11267">
        <v>12</v>
      </c>
      <c r="V11267">
        <v>12</v>
      </c>
      <c r="W11267">
        <v>12</v>
      </c>
      <c r="X11267">
        <v>12</v>
      </c>
      <c r="Y11267">
        <v>12</v>
      </c>
      <c r="Z11267">
        <v>12</v>
      </c>
      <c r="AA11267">
        <v>12</v>
      </c>
      <c r="AB11267">
        <v>12</v>
      </c>
      <c r="AC11267">
        <v>12</v>
      </c>
      <c r="AD11267">
        <v>12</v>
      </c>
      <c r="AE11267">
        <v>12</v>
      </c>
      <c r="AF11267">
        <v>12</v>
      </c>
      <c r="AG11267">
        <v>12</v>
      </c>
      <c r="AH11267">
        <v>12</v>
      </c>
      <c r="AI11267">
        <v>12</v>
      </c>
      <c r="AJ11267">
        <v>12</v>
      </c>
      <c r="AK11267">
        <v>12</v>
      </c>
      <c r="AL11267">
        <v>12</v>
      </c>
      <c r="AM11267">
        <v>12</v>
      </c>
      <c r="AN11267">
        <v>12</v>
      </c>
      <c r="AO11267">
        <v>12</v>
      </c>
      <c r="AP11267">
        <v>12</v>
      </c>
      <c r="AQ11267">
        <v>11</v>
      </c>
    </row>
    <row r="11268" spans="1:43">
      <c r="A11268" t="s">
        <v>7010</v>
      </c>
      <c r="B11268" t="s">
        <v>7011</v>
      </c>
      <c r="C11268" t="s">
        <v>7004</v>
      </c>
      <c r="D11268" t="s">
        <v>7005</v>
      </c>
      <c r="E11268" t="s">
        <v>6982</v>
      </c>
      <c r="F11268" t="s">
        <v>6983</v>
      </c>
      <c r="G11268" t="s">
        <v>80</v>
      </c>
      <c r="H11268" t="s">
        <v>81</v>
      </c>
      <c r="I11268" s="2">
        <v>0</v>
      </c>
      <c r="J11268" s="2">
        <v>1</v>
      </c>
      <c r="K11268" s="2">
        <v>0</v>
      </c>
      <c r="L11268" t="s">
        <v>82</v>
      </c>
      <c r="M11268" t="s">
        <v>89</v>
      </c>
      <c r="N11268" t="s">
        <v>90</v>
      </c>
      <c r="O11268" t="s">
        <v>85</v>
      </c>
      <c r="P11268" t="s">
        <v>86</v>
      </c>
      <c r="Q11268">
        <v>12</v>
      </c>
      <c r="R11268">
        <v>12</v>
      </c>
      <c r="S11268">
        <v>12</v>
      </c>
      <c r="T11268">
        <v>12</v>
      </c>
      <c r="U11268">
        <v>12</v>
      </c>
      <c r="V11268">
        <v>12</v>
      </c>
      <c r="W11268">
        <v>13</v>
      </c>
      <c r="X11268">
        <v>13</v>
      </c>
      <c r="Y11268">
        <v>13</v>
      </c>
      <c r="Z11268">
        <v>13</v>
      </c>
      <c r="AA11268">
        <v>13</v>
      </c>
      <c r="AB11268">
        <v>13</v>
      </c>
      <c r="AC11268">
        <v>13</v>
      </c>
      <c r="AD11268">
        <v>13</v>
      </c>
      <c r="AE11268">
        <v>13</v>
      </c>
      <c r="AF11268">
        <v>13</v>
      </c>
      <c r="AG11268">
        <v>13</v>
      </c>
      <c r="AH11268">
        <v>13</v>
      </c>
      <c r="AI11268">
        <v>13</v>
      </c>
      <c r="AJ11268">
        <v>13</v>
      </c>
      <c r="AK11268">
        <v>13</v>
      </c>
      <c r="AL11268">
        <v>13</v>
      </c>
      <c r="AM11268">
        <v>12</v>
      </c>
      <c r="AN11268">
        <v>12</v>
      </c>
      <c r="AO11268">
        <v>12</v>
      </c>
      <c r="AP11268">
        <v>12</v>
      </c>
      <c r="AQ11268">
        <v>12</v>
      </c>
    </row>
    <row r="11269" spans="1:43">
      <c r="A11269" t="s">
        <v>7010</v>
      </c>
      <c r="B11269" t="s">
        <v>7011</v>
      </c>
      <c r="C11269" t="s">
        <v>7004</v>
      </c>
      <c r="D11269" t="s">
        <v>7005</v>
      </c>
      <c r="E11269" t="s">
        <v>6982</v>
      </c>
      <c r="F11269" t="s">
        <v>6983</v>
      </c>
      <c r="G11269" t="s">
        <v>80</v>
      </c>
      <c r="H11269" t="s">
        <v>81</v>
      </c>
      <c r="I11269" s="2">
        <v>0</v>
      </c>
      <c r="J11269" s="2">
        <v>1</v>
      </c>
      <c r="K11269" s="2">
        <v>0</v>
      </c>
      <c r="L11269" t="s">
        <v>82</v>
      </c>
      <c r="M11269" t="s">
        <v>83</v>
      </c>
      <c r="N11269" t="s">
        <v>91</v>
      </c>
      <c r="O11269" t="s">
        <v>85</v>
      </c>
      <c r="P11269" t="s">
        <v>86</v>
      </c>
      <c r="Q11269">
        <v>12</v>
      </c>
      <c r="R11269">
        <v>12</v>
      </c>
      <c r="S11269">
        <v>12</v>
      </c>
      <c r="T11269">
        <v>12</v>
      </c>
      <c r="U11269">
        <v>12</v>
      </c>
      <c r="V11269">
        <v>12</v>
      </c>
      <c r="W11269">
        <v>12</v>
      </c>
      <c r="X11269">
        <v>12</v>
      </c>
      <c r="Y11269">
        <v>12</v>
      </c>
      <c r="Z11269">
        <v>12</v>
      </c>
      <c r="AA11269">
        <v>12</v>
      </c>
      <c r="AB11269">
        <v>12</v>
      </c>
      <c r="AC11269">
        <v>12</v>
      </c>
      <c r="AD11269">
        <v>12</v>
      </c>
      <c r="AE11269">
        <v>12</v>
      </c>
      <c r="AF11269">
        <v>12</v>
      </c>
      <c r="AG11269">
        <v>12</v>
      </c>
      <c r="AH11269">
        <v>12</v>
      </c>
      <c r="AI11269">
        <v>12</v>
      </c>
      <c r="AJ11269">
        <v>12</v>
      </c>
      <c r="AK11269">
        <v>12</v>
      </c>
      <c r="AL11269">
        <v>12</v>
      </c>
      <c r="AM11269">
        <v>12</v>
      </c>
      <c r="AN11269">
        <v>12</v>
      </c>
      <c r="AO11269">
        <v>12</v>
      </c>
      <c r="AP11269">
        <v>12</v>
      </c>
      <c r="AQ11269">
        <v>12</v>
      </c>
    </row>
    <row r="11270" spans="1:43">
      <c r="A11270" t="s">
        <v>7012</v>
      </c>
      <c r="B11270" t="s">
        <v>7013</v>
      </c>
      <c r="C11270" t="s">
        <v>7014</v>
      </c>
      <c r="D11270" t="s">
        <v>7015</v>
      </c>
      <c r="E11270" t="s">
        <v>6982</v>
      </c>
      <c r="F11270" t="s">
        <v>6983</v>
      </c>
      <c r="G11270" t="s">
        <v>80</v>
      </c>
      <c r="H11270" t="s">
        <v>81</v>
      </c>
      <c r="I11270" s="2">
        <v>0</v>
      </c>
      <c r="J11270" s="2">
        <v>1</v>
      </c>
      <c r="K11270" s="2">
        <v>0</v>
      </c>
      <c r="L11270" t="s">
        <v>82</v>
      </c>
      <c r="M11270" t="s">
        <v>83</v>
      </c>
      <c r="N11270" t="s">
        <v>84</v>
      </c>
      <c r="O11270" t="s">
        <v>85</v>
      </c>
      <c r="P11270" t="s">
        <v>86</v>
      </c>
      <c r="Q11270">
        <v>19</v>
      </c>
      <c r="R11270">
        <v>19</v>
      </c>
      <c r="S11270">
        <v>20</v>
      </c>
      <c r="T11270">
        <v>20</v>
      </c>
      <c r="U11270">
        <v>20</v>
      </c>
      <c r="V11270">
        <v>20</v>
      </c>
      <c r="W11270">
        <v>20</v>
      </c>
      <c r="X11270">
        <v>20</v>
      </c>
      <c r="Y11270">
        <v>20</v>
      </c>
      <c r="Z11270">
        <v>20</v>
      </c>
      <c r="AA11270">
        <v>20</v>
      </c>
      <c r="AB11270">
        <v>20</v>
      </c>
      <c r="AC11270">
        <v>21</v>
      </c>
      <c r="AD11270">
        <v>21</v>
      </c>
      <c r="AE11270">
        <v>21</v>
      </c>
      <c r="AF11270">
        <v>21</v>
      </c>
      <c r="AG11270">
        <v>21</v>
      </c>
      <c r="AH11270">
        <v>21</v>
      </c>
      <c r="AI11270">
        <v>21</v>
      </c>
      <c r="AJ11270">
        <v>21</v>
      </c>
      <c r="AK11270">
        <v>21</v>
      </c>
      <c r="AL11270">
        <v>21</v>
      </c>
      <c r="AM11270">
        <v>21</v>
      </c>
      <c r="AN11270">
        <v>21</v>
      </c>
      <c r="AO11270">
        <v>20</v>
      </c>
      <c r="AP11270">
        <v>20</v>
      </c>
      <c r="AQ11270">
        <v>20</v>
      </c>
    </row>
    <row r="11271" spans="1:43">
      <c r="A11271" t="s">
        <v>7012</v>
      </c>
      <c r="B11271" t="s">
        <v>7013</v>
      </c>
      <c r="C11271" t="s">
        <v>7014</v>
      </c>
      <c r="D11271" t="s">
        <v>7015</v>
      </c>
      <c r="E11271" t="s">
        <v>6982</v>
      </c>
      <c r="F11271" t="s">
        <v>6983</v>
      </c>
      <c r="G11271" t="s">
        <v>80</v>
      </c>
      <c r="H11271" t="s">
        <v>81</v>
      </c>
      <c r="I11271" s="2">
        <v>0</v>
      </c>
      <c r="J11271" s="2">
        <v>1</v>
      </c>
      <c r="K11271" s="2">
        <v>0</v>
      </c>
      <c r="L11271" t="s">
        <v>82</v>
      </c>
      <c r="M11271" t="s">
        <v>87</v>
      </c>
      <c r="N11271" t="s">
        <v>88</v>
      </c>
      <c r="O11271" t="s">
        <v>85</v>
      </c>
      <c r="P11271" t="s">
        <v>86</v>
      </c>
      <c r="Q11271">
        <v>19</v>
      </c>
      <c r="R11271">
        <v>19</v>
      </c>
      <c r="S11271">
        <v>19</v>
      </c>
      <c r="T11271">
        <v>19</v>
      </c>
      <c r="U11271">
        <v>19</v>
      </c>
      <c r="V11271">
        <v>19</v>
      </c>
      <c r="W11271">
        <v>19</v>
      </c>
      <c r="X11271">
        <v>19</v>
      </c>
      <c r="Y11271">
        <v>19</v>
      </c>
      <c r="Z11271">
        <v>19</v>
      </c>
      <c r="AA11271">
        <v>19</v>
      </c>
      <c r="AB11271">
        <v>18</v>
      </c>
      <c r="AC11271">
        <v>18</v>
      </c>
      <c r="AD11271">
        <v>18</v>
      </c>
      <c r="AE11271">
        <v>18</v>
      </c>
      <c r="AF11271">
        <v>18</v>
      </c>
      <c r="AG11271">
        <v>18</v>
      </c>
      <c r="AH11271">
        <v>18</v>
      </c>
      <c r="AI11271">
        <v>18</v>
      </c>
      <c r="AJ11271">
        <v>18</v>
      </c>
      <c r="AK11271">
        <v>18</v>
      </c>
      <c r="AL11271">
        <v>18</v>
      </c>
      <c r="AM11271">
        <v>18</v>
      </c>
      <c r="AN11271">
        <v>18</v>
      </c>
      <c r="AO11271">
        <v>18</v>
      </c>
      <c r="AP11271">
        <v>18</v>
      </c>
      <c r="AQ11271">
        <v>18</v>
      </c>
    </row>
    <row r="11272" spans="1:43">
      <c r="A11272" t="s">
        <v>7012</v>
      </c>
      <c r="B11272" t="s">
        <v>7013</v>
      </c>
      <c r="C11272" t="s">
        <v>7014</v>
      </c>
      <c r="D11272" t="s">
        <v>7015</v>
      </c>
      <c r="E11272" t="s">
        <v>6982</v>
      </c>
      <c r="F11272" t="s">
        <v>6983</v>
      </c>
      <c r="G11272" t="s">
        <v>80</v>
      </c>
      <c r="H11272" t="s">
        <v>81</v>
      </c>
      <c r="I11272" s="2">
        <v>0</v>
      </c>
      <c r="J11272" s="2">
        <v>1</v>
      </c>
      <c r="K11272" s="2">
        <v>0</v>
      </c>
      <c r="L11272" t="s">
        <v>82</v>
      </c>
      <c r="M11272" t="s">
        <v>89</v>
      </c>
      <c r="N11272" t="s">
        <v>90</v>
      </c>
      <c r="O11272" t="s">
        <v>85</v>
      </c>
      <c r="P11272" t="s">
        <v>86</v>
      </c>
      <c r="Q11272">
        <v>19</v>
      </c>
      <c r="R11272">
        <v>19</v>
      </c>
      <c r="S11272">
        <v>19</v>
      </c>
      <c r="T11272">
        <v>19</v>
      </c>
      <c r="U11272">
        <v>20</v>
      </c>
      <c r="V11272">
        <v>20</v>
      </c>
      <c r="W11272">
        <v>20</v>
      </c>
      <c r="X11272">
        <v>20</v>
      </c>
      <c r="Y11272">
        <v>20</v>
      </c>
      <c r="Z11272">
        <v>21</v>
      </c>
      <c r="AA11272">
        <v>21</v>
      </c>
      <c r="AB11272">
        <v>21</v>
      </c>
      <c r="AC11272">
        <v>21</v>
      </c>
      <c r="AD11272">
        <v>21</v>
      </c>
      <c r="AE11272">
        <v>21</v>
      </c>
      <c r="AF11272">
        <v>21</v>
      </c>
      <c r="AG11272">
        <v>21</v>
      </c>
      <c r="AH11272">
        <v>21</v>
      </c>
      <c r="AI11272">
        <v>20</v>
      </c>
      <c r="AJ11272">
        <v>20</v>
      </c>
      <c r="AK11272">
        <v>20</v>
      </c>
      <c r="AL11272">
        <v>20</v>
      </c>
      <c r="AM11272">
        <v>20</v>
      </c>
      <c r="AN11272">
        <v>20</v>
      </c>
      <c r="AO11272">
        <v>20</v>
      </c>
      <c r="AP11272">
        <v>19</v>
      </c>
      <c r="AQ11272">
        <v>19</v>
      </c>
    </row>
    <row r="11273" spans="1:43">
      <c r="A11273" t="s">
        <v>7012</v>
      </c>
      <c r="B11273" t="s">
        <v>7013</v>
      </c>
      <c r="C11273" t="s">
        <v>7014</v>
      </c>
      <c r="D11273" t="s">
        <v>7015</v>
      </c>
      <c r="E11273" t="s">
        <v>6982</v>
      </c>
      <c r="F11273" t="s">
        <v>6983</v>
      </c>
      <c r="G11273" t="s">
        <v>80</v>
      </c>
      <c r="H11273" t="s">
        <v>81</v>
      </c>
      <c r="I11273" s="2">
        <v>0</v>
      </c>
      <c r="J11273" s="2">
        <v>1</v>
      </c>
      <c r="K11273" s="2">
        <v>0</v>
      </c>
      <c r="L11273" t="s">
        <v>82</v>
      </c>
      <c r="M11273" t="s">
        <v>83</v>
      </c>
      <c r="N11273" t="s">
        <v>91</v>
      </c>
      <c r="O11273" t="s">
        <v>85</v>
      </c>
      <c r="P11273" t="s">
        <v>86</v>
      </c>
      <c r="Q11273">
        <v>19</v>
      </c>
      <c r="R11273">
        <v>19</v>
      </c>
      <c r="S11273">
        <v>20</v>
      </c>
      <c r="T11273">
        <v>20</v>
      </c>
      <c r="U11273">
        <v>20</v>
      </c>
      <c r="V11273">
        <v>20</v>
      </c>
      <c r="W11273">
        <v>20</v>
      </c>
      <c r="X11273">
        <v>20</v>
      </c>
      <c r="Y11273">
        <v>20</v>
      </c>
      <c r="Z11273">
        <v>20</v>
      </c>
      <c r="AA11273">
        <v>20</v>
      </c>
      <c r="AB11273">
        <v>20</v>
      </c>
      <c r="AC11273">
        <v>21</v>
      </c>
      <c r="AD11273">
        <v>21</v>
      </c>
      <c r="AE11273">
        <v>21</v>
      </c>
      <c r="AF11273">
        <v>21</v>
      </c>
      <c r="AG11273">
        <v>21</v>
      </c>
      <c r="AH11273">
        <v>21</v>
      </c>
      <c r="AI11273">
        <v>21</v>
      </c>
      <c r="AJ11273">
        <v>21</v>
      </c>
      <c r="AK11273">
        <v>21</v>
      </c>
      <c r="AL11273">
        <v>21</v>
      </c>
      <c r="AM11273">
        <v>21</v>
      </c>
      <c r="AN11273">
        <v>21</v>
      </c>
      <c r="AO11273">
        <v>20</v>
      </c>
      <c r="AP11273">
        <v>20</v>
      </c>
      <c r="AQ11273">
        <v>20</v>
      </c>
    </row>
    <row r="11274" spans="1:43">
      <c r="A11274" t="s">
        <v>7016</v>
      </c>
      <c r="B11274" t="s">
        <v>7017</v>
      </c>
      <c r="C11274" t="s">
        <v>7018</v>
      </c>
      <c r="D11274" t="s">
        <v>7019</v>
      </c>
      <c r="E11274" t="s">
        <v>6982</v>
      </c>
      <c r="F11274" t="s">
        <v>6983</v>
      </c>
      <c r="G11274" t="s">
        <v>80</v>
      </c>
      <c r="H11274" t="s">
        <v>81</v>
      </c>
      <c r="I11274" s="2">
        <v>0</v>
      </c>
      <c r="J11274" s="2">
        <v>1</v>
      </c>
      <c r="K11274" s="2">
        <v>0</v>
      </c>
      <c r="L11274" t="s">
        <v>82</v>
      </c>
      <c r="M11274" t="s">
        <v>83</v>
      </c>
      <c r="N11274" t="s">
        <v>84</v>
      </c>
      <c r="O11274" t="s">
        <v>85</v>
      </c>
      <c r="P11274" t="s">
        <v>86</v>
      </c>
      <c r="Q11274">
        <v>13</v>
      </c>
      <c r="R11274">
        <v>13</v>
      </c>
      <c r="S11274">
        <v>13</v>
      </c>
      <c r="T11274">
        <v>13</v>
      </c>
      <c r="U11274">
        <v>14</v>
      </c>
      <c r="V11274">
        <v>14</v>
      </c>
      <c r="W11274">
        <v>14</v>
      </c>
      <c r="X11274">
        <v>14</v>
      </c>
      <c r="Y11274">
        <v>14</v>
      </c>
      <c r="Z11274">
        <v>14</v>
      </c>
      <c r="AA11274">
        <v>14</v>
      </c>
      <c r="AB11274">
        <v>14</v>
      </c>
      <c r="AC11274">
        <v>14</v>
      </c>
      <c r="AD11274">
        <v>14</v>
      </c>
      <c r="AE11274">
        <v>14</v>
      </c>
      <c r="AF11274">
        <v>14</v>
      </c>
      <c r="AG11274">
        <v>14</v>
      </c>
      <c r="AH11274">
        <v>14</v>
      </c>
      <c r="AI11274">
        <v>14</v>
      </c>
      <c r="AJ11274">
        <v>14</v>
      </c>
      <c r="AK11274">
        <v>14</v>
      </c>
      <c r="AL11274">
        <v>14</v>
      </c>
      <c r="AM11274">
        <v>14</v>
      </c>
      <c r="AN11274">
        <v>14</v>
      </c>
      <c r="AO11274">
        <v>14</v>
      </c>
      <c r="AP11274">
        <v>14</v>
      </c>
      <c r="AQ11274">
        <v>14</v>
      </c>
    </row>
    <row r="11275" spans="1:43">
      <c r="A11275" t="s">
        <v>7016</v>
      </c>
      <c r="B11275" t="s">
        <v>7017</v>
      </c>
      <c r="C11275" t="s">
        <v>7018</v>
      </c>
      <c r="D11275" t="s">
        <v>7019</v>
      </c>
      <c r="E11275" t="s">
        <v>6982</v>
      </c>
      <c r="F11275" t="s">
        <v>6983</v>
      </c>
      <c r="G11275" t="s">
        <v>80</v>
      </c>
      <c r="H11275" t="s">
        <v>81</v>
      </c>
      <c r="I11275" s="2">
        <v>0</v>
      </c>
      <c r="J11275" s="2">
        <v>1</v>
      </c>
      <c r="K11275" s="2">
        <v>0</v>
      </c>
      <c r="L11275" t="s">
        <v>82</v>
      </c>
      <c r="M11275" t="s">
        <v>87</v>
      </c>
      <c r="N11275" t="s">
        <v>88</v>
      </c>
      <c r="O11275" t="s">
        <v>85</v>
      </c>
      <c r="P11275" t="s">
        <v>86</v>
      </c>
      <c r="Q11275">
        <v>13</v>
      </c>
      <c r="R11275">
        <v>13</v>
      </c>
      <c r="S11275">
        <v>13</v>
      </c>
      <c r="T11275">
        <v>13</v>
      </c>
      <c r="U11275">
        <v>13</v>
      </c>
      <c r="V11275">
        <v>13</v>
      </c>
      <c r="W11275">
        <v>13</v>
      </c>
      <c r="X11275">
        <v>13</v>
      </c>
      <c r="Y11275">
        <v>13</v>
      </c>
      <c r="Z11275">
        <v>13</v>
      </c>
      <c r="AA11275">
        <v>13</v>
      </c>
      <c r="AB11275">
        <v>13</v>
      </c>
      <c r="AC11275">
        <v>13</v>
      </c>
      <c r="AD11275">
        <v>13</v>
      </c>
      <c r="AE11275">
        <v>13</v>
      </c>
      <c r="AF11275">
        <v>13</v>
      </c>
      <c r="AG11275">
        <v>13</v>
      </c>
      <c r="AH11275">
        <v>13</v>
      </c>
      <c r="AI11275">
        <v>12</v>
      </c>
      <c r="AJ11275">
        <v>12</v>
      </c>
      <c r="AK11275">
        <v>12</v>
      </c>
      <c r="AL11275">
        <v>12</v>
      </c>
      <c r="AM11275">
        <v>12</v>
      </c>
      <c r="AN11275">
        <v>12</v>
      </c>
      <c r="AO11275">
        <v>12</v>
      </c>
      <c r="AP11275">
        <v>12</v>
      </c>
      <c r="AQ11275">
        <v>12</v>
      </c>
    </row>
    <row r="11276" spans="1:43">
      <c r="A11276" t="s">
        <v>7016</v>
      </c>
      <c r="B11276" t="s">
        <v>7017</v>
      </c>
      <c r="C11276" t="s">
        <v>7018</v>
      </c>
      <c r="D11276" t="s">
        <v>7019</v>
      </c>
      <c r="E11276" t="s">
        <v>6982</v>
      </c>
      <c r="F11276" t="s">
        <v>6983</v>
      </c>
      <c r="G11276" t="s">
        <v>80</v>
      </c>
      <c r="H11276" t="s">
        <v>81</v>
      </c>
      <c r="I11276" s="2">
        <v>0</v>
      </c>
      <c r="J11276" s="2">
        <v>1</v>
      </c>
      <c r="K11276" s="2">
        <v>0</v>
      </c>
      <c r="L11276" t="s">
        <v>82</v>
      </c>
      <c r="M11276" t="s">
        <v>89</v>
      </c>
      <c r="N11276" t="s">
        <v>90</v>
      </c>
      <c r="O11276" t="s">
        <v>85</v>
      </c>
      <c r="P11276" t="s">
        <v>86</v>
      </c>
      <c r="Q11276">
        <v>13</v>
      </c>
      <c r="R11276">
        <v>14</v>
      </c>
      <c r="S11276">
        <v>14</v>
      </c>
      <c r="T11276">
        <v>14</v>
      </c>
      <c r="U11276">
        <v>14</v>
      </c>
      <c r="V11276">
        <v>14</v>
      </c>
      <c r="W11276">
        <v>14</v>
      </c>
      <c r="X11276">
        <v>15</v>
      </c>
      <c r="Y11276">
        <v>15</v>
      </c>
      <c r="Z11276">
        <v>15</v>
      </c>
      <c r="AA11276">
        <v>15</v>
      </c>
      <c r="AB11276">
        <v>15</v>
      </c>
      <c r="AC11276">
        <v>15</v>
      </c>
      <c r="AD11276">
        <v>15</v>
      </c>
      <c r="AE11276">
        <v>15</v>
      </c>
      <c r="AF11276">
        <v>15</v>
      </c>
      <c r="AG11276">
        <v>15</v>
      </c>
      <c r="AH11276">
        <v>15</v>
      </c>
      <c r="AI11276">
        <v>15</v>
      </c>
      <c r="AJ11276">
        <v>15</v>
      </c>
      <c r="AK11276">
        <v>15</v>
      </c>
      <c r="AL11276">
        <v>15</v>
      </c>
      <c r="AM11276">
        <v>14</v>
      </c>
      <c r="AN11276">
        <v>14</v>
      </c>
      <c r="AO11276">
        <v>14</v>
      </c>
      <c r="AP11276">
        <v>14</v>
      </c>
      <c r="AQ11276">
        <v>14</v>
      </c>
    </row>
    <row r="11277" spans="1:43">
      <c r="A11277" t="s">
        <v>7016</v>
      </c>
      <c r="B11277" t="s">
        <v>7017</v>
      </c>
      <c r="C11277" t="s">
        <v>7018</v>
      </c>
      <c r="D11277" t="s">
        <v>7019</v>
      </c>
      <c r="E11277" t="s">
        <v>6982</v>
      </c>
      <c r="F11277" t="s">
        <v>6983</v>
      </c>
      <c r="G11277" t="s">
        <v>80</v>
      </c>
      <c r="H11277" t="s">
        <v>81</v>
      </c>
      <c r="I11277" s="2">
        <v>0</v>
      </c>
      <c r="J11277" s="2">
        <v>1</v>
      </c>
      <c r="K11277" s="2">
        <v>0</v>
      </c>
      <c r="L11277" t="s">
        <v>82</v>
      </c>
      <c r="M11277" t="s">
        <v>83</v>
      </c>
      <c r="N11277" t="s">
        <v>91</v>
      </c>
      <c r="O11277" t="s">
        <v>85</v>
      </c>
      <c r="P11277" t="s">
        <v>86</v>
      </c>
      <c r="Q11277">
        <v>13</v>
      </c>
      <c r="R11277">
        <v>13</v>
      </c>
      <c r="S11277">
        <v>13</v>
      </c>
      <c r="T11277">
        <v>13</v>
      </c>
      <c r="U11277">
        <v>14</v>
      </c>
      <c r="V11277">
        <v>14</v>
      </c>
      <c r="W11277">
        <v>14</v>
      </c>
      <c r="X11277">
        <v>14</v>
      </c>
      <c r="Y11277">
        <v>14</v>
      </c>
      <c r="Z11277">
        <v>14</v>
      </c>
      <c r="AA11277">
        <v>14</v>
      </c>
      <c r="AB11277">
        <v>14</v>
      </c>
      <c r="AC11277">
        <v>14</v>
      </c>
      <c r="AD11277">
        <v>14</v>
      </c>
      <c r="AE11277">
        <v>14</v>
      </c>
      <c r="AF11277">
        <v>14</v>
      </c>
      <c r="AG11277">
        <v>14</v>
      </c>
      <c r="AH11277">
        <v>14</v>
      </c>
      <c r="AI11277">
        <v>14</v>
      </c>
      <c r="AJ11277">
        <v>14</v>
      </c>
      <c r="AK11277">
        <v>14</v>
      </c>
      <c r="AL11277">
        <v>14</v>
      </c>
      <c r="AM11277">
        <v>14</v>
      </c>
      <c r="AN11277">
        <v>14</v>
      </c>
      <c r="AO11277">
        <v>14</v>
      </c>
      <c r="AP11277">
        <v>14</v>
      </c>
      <c r="AQ11277">
        <v>14</v>
      </c>
    </row>
    <row r="11278" spans="1:43">
      <c r="A11278" t="s">
        <v>7020</v>
      </c>
      <c r="B11278" t="s">
        <v>7021</v>
      </c>
      <c r="C11278" t="s">
        <v>7022</v>
      </c>
      <c r="D11278" t="s">
        <v>7023</v>
      </c>
      <c r="E11278" t="s">
        <v>6982</v>
      </c>
      <c r="F11278" t="s">
        <v>6983</v>
      </c>
      <c r="G11278" t="s">
        <v>80</v>
      </c>
      <c r="H11278" t="s">
        <v>81</v>
      </c>
      <c r="I11278" s="2">
        <v>0</v>
      </c>
      <c r="J11278" s="2">
        <v>1</v>
      </c>
      <c r="K11278" s="2">
        <v>0</v>
      </c>
      <c r="L11278" t="s">
        <v>82</v>
      </c>
      <c r="M11278" t="s">
        <v>83</v>
      </c>
      <c r="N11278" t="s">
        <v>84</v>
      </c>
      <c r="O11278" t="s">
        <v>85</v>
      </c>
      <c r="P11278" t="s">
        <v>86</v>
      </c>
      <c r="Q11278">
        <v>19</v>
      </c>
      <c r="R11278">
        <v>19</v>
      </c>
      <c r="S11278">
        <v>19</v>
      </c>
      <c r="T11278">
        <v>19</v>
      </c>
      <c r="U11278">
        <v>20</v>
      </c>
      <c r="V11278">
        <v>20</v>
      </c>
      <c r="W11278">
        <v>20</v>
      </c>
      <c r="X11278">
        <v>20</v>
      </c>
      <c r="Y11278">
        <v>20</v>
      </c>
      <c r="Z11278">
        <v>20</v>
      </c>
      <c r="AA11278">
        <v>20</v>
      </c>
      <c r="AB11278">
        <v>20</v>
      </c>
      <c r="AC11278">
        <v>20</v>
      </c>
      <c r="AD11278">
        <v>20</v>
      </c>
      <c r="AE11278">
        <v>20</v>
      </c>
      <c r="AF11278">
        <v>20</v>
      </c>
      <c r="AG11278">
        <v>20</v>
      </c>
      <c r="AH11278">
        <v>20</v>
      </c>
      <c r="AI11278">
        <v>20</v>
      </c>
      <c r="AJ11278">
        <v>21</v>
      </c>
      <c r="AK11278">
        <v>21</v>
      </c>
      <c r="AL11278">
        <v>20</v>
      </c>
      <c r="AM11278">
        <v>20</v>
      </c>
      <c r="AN11278">
        <v>20</v>
      </c>
      <c r="AO11278">
        <v>20</v>
      </c>
      <c r="AP11278">
        <v>20</v>
      </c>
      <c r="AQ11278">
        <v>20</v>
      </c>
    </row>
    <row r="11279" spans="1:43">
      <c r="A11279" t="s">
        <v>7020</v>
      </c>
      <c r="B11279" t="s">
        <v>7021</v>
      </c>
      <c r="C11279" t="s">
        <v>7022</v>
      </c>
      <c r="D11279" t="s">
        <v>7023</v>
      </c>
      <c r="E11279" t="s">
        <v>6982</v>
      </c>
      <c r="F11279" t="s">
        <v>6983</v>
      </c>
      <c r="G11279" t="s">
        <v>80</v>
      </c>
      <c r="H11279" t="s">
        <v>81</v>
      </c>
      <c r="I11279" s="2">
        <v>0</v>
      </c>
      <c r="J11279" s="2">
        <v>1</v>
      </c>
      <c r="K11279" s="2">
        <v>0</v>
      </c>
      <c r="L11279" t="s">
        <v>82</v>
      </c>
      <c r="M11279" t="s">
        <v>87</v>
      </c>
      <c r="N11279" t="s">
        <v>88</v>
      </c>
      <c r="O11279" t="s">
        <v>85</v>
      </c>
      <c r="P11279" t="s">
        <v>86</v>
      </c>
      <c r="Q11279">
        <v>19</v>
      </c>
      <c r="R11279">
        <v>19</v>
      </c>
      <c r="S11279">
        <v>19</v>
      </c>
      <c r="T11279">
        <v>19</v>
      </c>
      <c r="U11279">
        <v>19</v>
      </c>
      <c r="V11279">
        <v>19</v>
      </c>
      <c r="W11279">
        <v>19</v>
      </c>
      <c r="X11279">
        <v>18</v>
      </c>
      <c r="Y11279">
        <v>18</v>
      </c>
      <c r="Z11279">
        <v>18</v>
      </c>
      <c r="AA11279">
        <v>18</v>
      </c>
      <c r="AB11279">
        <v>18</v>
      </c>
      <c r="AC11279">
        <v>18</v>
      </c>
      <c r="AD11279">
        <v>18</v>
      </c>
      <c r="AE11279">
        <v>18</v>
      </c>
      <c r="AF11279">
        <v>18</v>
      </c>
      <c r="AG11279">
        <v>18</v>
      </c>
      <c r="AH11279">
        <v>18</v>
      </c>
      <c r="AI11279">
        <v>18</v>
      </c>
      <c r="AJ11279">
        <v>18</v>
      </c>
      <c r="AK11279">
        <v>18</v>
      </c>
      <c r="AL11279">
        <v>17</v>
      </c>
      <c r="AM11279">
        <v>17</v>
      </c>
      <c r="AN11279">
        <v>17</v>
      </c>
      <c r="AO11279">
        <v>17</v>
      </c>
      <c r="AP11279">
        <v>17</v>
      </c>
      <c r="AQ11279">
        <v>17</v>
      </c>
    </row>
    <row r="11280" spans="1:43">
      <c r="A11280" t="s">
        <v>7020</v>
      </c>
      <c r="B11280" t="s">
        <v>7021</v>
      </c>
      <c r="C11280" t="s">
        <v>7022</v>
      </c>
      <c r="D11280" t="s">
        <v>7023</v>
      </c>
      <c r="E11280" t="s">
        <v>6982</v>
      </c>
      <c r="F11280" t="s">
        <v>6983</v>
      </c>
      <c r="G11280" t="s">
        <v>80</v>
      </c>
      <c r="H11280" t="s">
        <v>81</v>
      </c>
      <c r="I11280" s="2">
        <v>0</v>
      </c>
      <c r="J11280" s="2">
        <v>1</v>
      </c>
      <c r="K11280" s="2">
        <v>0</v>
      </c>
      <c r="L11280" t="s">
        <v>82</v>
      </c>
      <c r="M11280" t="s">
        <v>89</v>
      </c>
      <c r="N11280" t="s">
        <v>90</v>
      </c>
      <c r="O11280" t="s">
        <v>85</v>
      </c>
      <c r="P11280" t="s">
        <v>86</v>
      </c>
      <c r="Q11280">
        <v>19</v>
      </c>
      <c r="R11280">
        <v>20</v>
      </c>
      <c r="S11280">
        <v>20</v>
      </c>
      <c r="T11280">
        <v>20</v>
      </c>
      <c r="U11280">
        <v>20</v>
      </c>
      <c r="V11280">
        <v>21</v>
      </c>
      <c r="W11280">
        <v>21</v>
      </c>
      <c r="X11280">
        <v>21</v>
      </c>
      <c r="Y11280">
        <v>21</v>
      </c>
      <c r="Z11280">
        <v>21</v>
      </c>
      <c r="AA11280">
        <v>21</v>
      </c>
      <c r="AB11280">
        <v>21</v>
      </c>
      <c r="AC11280">
        <v>22</v>
      </c>
      <c r="AD11280">
        <v>22</v>
      </c>
      <c r="AE11280">
        <v>22</v>
      </c>
      <c r="AF11280">
        <v>22</v>
      </c>
      <c r="AG11280">
        <v>21</v>
      </c>
      <c r="AH11280">
        <v>21</v>
      </c>
      <c r="AI11280">
        <v>21</v>
      </c>
      <c r="AJ11280">
        <v>21</v>
      </c>
      <c r="AK11280">
        <v>21</v>
      </c>
      <c r="AL11280">
        <v>21</v>
      </c>
      <c r="AM11280">
        <v>21</v>
      </c>
      <c r="AN11280">
        <v>20</v>
      </c>
      <c r="AO11280">
        <v>20</v>
      </c>
      <c r="AP11280">
        <v>20</v>
      </c>
      <c r="AQ11280">
        <v>20</v>
      </c>
    </row>
    <row r="11281" spans="1:43">
      <c r="A11281" t="s">
        <v>7020</v>
      </c>
      <c r="B11281" t="s">
        <v>7021</v>
      </c>
      <c r="C11281" t="s">
        <v>7022</v>
      </c>
      <c r="D11281" t="s">
        <v>7023</v>
      </c>
      <c r="E11281" t="s">
        <v>6982</v>
      </c>
      <c r="F11281" t="s">
        <v>6983</v>
      </c>
      <c r="G11281" t="s">
        <v>80</v>
      </c>
      <c r="H11281" t="s">
        <v>81</v>
      </c>
      <c r="I11281" s="2">
        <v>0</v>
      </c>
      <c r="J11281" s="2">
        <v>1</v>
      </c>
      <c r="K11281" s="2">
        <v>0</v>
      </c>
      <c r="L11281" t="s">
        <v>82</v>
      </c>
      <c r="M11281" t="s">
        <v>83</v>
      </c>
      <c r="N11281" t="s">
        <v>91</v>
      </c>
      <c r="O11281" t="s">
        <v>85</v>
      </c>
      <c r="P11281" t="s">
        <v>86</v>
      </c>
      <c r="Q11281">
        <v>19</v>
      </c>
      <c r="R11281">
        <v>19</v>
      </c>
      <c r="S11281">
        <v>19</v>
      </c>
      <c r="T11281">
        <v>19</v>
      </c>
      <c r="U11281">
        <v>20</v>
      </c>
      <c r="V11281">
        <v>20</v>
      </c>
      <c r="W11281">
        <v>20</v>
      </c>
      <c r="X11281">
        <v>20</v>
      </c>
      <c r="Y11281">
        <v>20</v>
      </c>
      <c r="Z11281">
        <v>20</v>
      </c>
      <c r="AA11281">
        <v>20</v>
      </c>
      <c r="AB11281">
        <v>20</v>
      </c>
      <c r="AC11281">
        <v>20</v>
      </c>
      <c r="AD11281">
        <v>20</v>
      </c>
      <c r="AE11281">
        <v>20</v>
      </c>
      <c r="AF11281">
        <v>20</v>
      </c>
      <c r="AG11281">
        <v>20</v>
      </c>
      <c r="AH11281">
        <v>20</v>
      </c>
      <c r="AI11281">
        <v>20</v>
      </c>
      <c r="AJ11281">
        <v>21</v>
      </c>
      <c r="AK11281">
        <v>21</v>
      </c>
      <c r="AL11281">
        <v>20</v>
      </c>
      <c r="AM11281">
        <v>20</v>
      </c>
      <c r="AN11281">
        <v>20</v>
      </c>
      <c r="AO11281">
        <v>20</v>
      </c>
      <c r="AP11281">
        <v>20</v>
      </c>
      <c r="AQ11281">
        <v>20</v>
      </c>
    </row>
    <row r="11282" spans="1:43">
      <c r="A11282" t="s">
        <v>7024</v>
      </c>
      <c r="B11282" t="s">
        <v>7025</v>
      </c>
      <c r="C11282" t="s">
        <v>7022</v>
      </c>
      <c r="D11282" t="s">
        <v>7023</v>
      </c>
      <c r="E11282" t="s">
        <v>6982</v>
      </c>
      <c r="F11282" t="s">
        <v>6983</v>
      </c>
      <c r="G11282" t="s">
        <v>80</v>
      </c>
      <c r="H11282" t="s">
        <v>81</v>
      </c>
      <c r="I11282" s="2">
        <v>0</v>
      </c>
      <c r="J11282" s="2">
        <v>1</v>
      </c>
      <c r="K11282" s="2">
        <v>0</v>
      </c>
      <c r="L11282" t="s">
        <v>82</v>
      </c>
      <c r="M11282" t="s">
        <v>83</v>
      </c>
      <c r="N11282" t="s">
        <v>84</v>
      </c>
      <c r="O11282" t="s">
        <v>85</v>
      </c>
      <c r="P11282" t="s">
        <v>86</v>
      </c>
      <c r="Q11282">
        <v>48</v>
      </c>
      <c r="R11282">
        <v>48</v>
      </c>
      <c r="S11282">
        <v>48</v>
      </c>
      <c r="T11282">
        <v>48</v>
      </c>
      <c r="U11282">
        <v>49</v>
      </c>
      <c r="V11282">
        <v>49</v>
      </c>
      <c r="W11282">
        <v>49</v>
      </c>
      <c r="X11282">
        <v>49</v>
      </c>
      <c r="Y11282">
        <v>50</v>
      </c>
      <c r="Z11282">
        <v>50</v>
      </c>
      <c r="AA11282">
        <v>50</v>
      </c>
      <c r="AB11282">
        <v>50</v>
      </c>
      <c r="AC11282">
        <v>50</v>
      </c>
      <c r="AD11282">
        <v>50</v>
      </c>
      <c r="AE11282">
        <v>51</v>
      </c>
      <c r="AF11282">
        <v>51</v>
      </c>
      <c r="AG11282">
        <v>51</v>
      </c>
      <c r="AH11282">
        <v>51</v>
      </c>
      <c r="AI11282">
        <v>51</v>
      </c>
      <c r="AJ11282">
        <v>51</v>
      </c>
      <c r="AK11282">
        <v>51</v>
      </c>
      <c r="AL11282">
        <v>51</v>
      </c>
      <c r="AM11282">
        <v>51</v>
      </c>
      <c r="AN11282">
        <v>50</v>
      </c>
      <c r="AO11282">
        <v>50</v>
      </c>
      <c r="AP11282">
        <v>50</v>
      </c>
      <c r="AQ11282">
        <v>49</v>
      </c>
    </row>
    <row r="11283" spans="1:43">
      <c r="A11283" t="s">
        <v>7024</v>
      </c>
      <c r="B11283" t="s">
        <v>7025</v>
      </c>
      <c r="C11283" t="s">
        <v>7022</v>
      </c>
      <c r="D11283" t="s">
        <v>7023</v>
      </c>
      <c r="E11283" t="s">
        <v>6982</v>
      </c>
      <c r="F11283" t="s">
        <v>6983</v>
      </c>
      <c r="G11283" t="s">
        <v>80</v>
      </c>
      <c r="H11283" t="s">
        <v>81</v>
      </c>
      <c r="I11283" s="2">
        <v>0</v>
      </c>
      <c r="J11283" s="2">
        <v>1</v>
      </c>
      <c r="K11283" s="2">
        <v>0</v>
      </c>
      <c r="L11283" t="s">
        <v>82</v>
      </c>
      <c r="M11283" t="s">
        <v>87</v>
      </c>
      <c r="N11283" t="s">
        <v>88</v>
      </c>
      <c r="O11283" t="s">
        <v>85</v>
      </c>
      <c r="P11283" t="s">
        <v>86</v>
      </c>
      <c r="Q11283">
        <v>48</v>
      </c>
      <c r="R11283">
        <v>48</v>
      </c>
      <c r="S11283">
        <v>48</v>
      </c>
      <c r="T11283">
        <v>48</v>
      </c>
      <c r="U11283">
        <v>47</v>
      </c>
      <c r="V11283">
        <v>47</v>
      </c>
      <c r="W11283">
        <v>47</v>
      </c>
      <c r="X11283">
        <v>47</v>
      </c>
      <c r="Y11283">
        <v>47</v>
      </c>
      <c r="Z11283">
        <v>47</v>
      </c>
      <c r="AA11283">
        <v>46</v>
      </c>
      <c r="AB11283">
        <v>46</v>
      </c>
      <c r="AC11283">
        <v>46</v>
      </c>
      <c r="AD11283">
        <v>46</v>
      </c>
      <c r="AE11283">
        <v>46</v>
      </c>
      <c r="AF11283">
        <v>46</v>
      </c>
      <c r="AG11283">
        <v>45</v>
      </c>
      <c r="AH11283">
        <v>45</v>
      </c>
      <c r="AI11283">
        <v>45</v>
      </c>
      <c r="AJ11283">
        <v>45</v>
      </c>
      <c r="AK11283">
        <v>45</v>
      </c>
      <c r="AL11283">
        <v>45</v>
      </c>
      <c r="AM11283">
        <v>44</v>
      </c>
      <c r="AN11283">
        <v>44</v>
      </c>
      <c r="AO11283">
        <v>44</v>
      </c>
      <c r="AP11283">
        <v>44</v>
      </c>
      <c r="AQ11283">
        <v>44</v>
      </c>
    </row>
    <row r="11284" spans="1:43">
      <c r="A11284" t="s">
        <v>7024</v>
      </c>
      <c r="B11284" t="s">
        <v>7025</v>
      </c>
      <c r="C11284" t="s">
        <v>7022</v>
      </c>
      <c r="D11284" t="s">
        <v>7023</v>
      </c>
      <c r="E11284" t="s">
        <v>6982</v>
      </c>
      <c r="F11284" t="s">
        <v>6983</v>
      </c>
      <c r="G11284" t="s">
        <v>80</v>
      </c>
      <c r="H11284" t="s">
        <v>81</v>
      </c>
      <c r="I11284" s="2">
        <v>0</v>
      </c>
      <c r="J11284" s="2">
        <v>1</v>
      </c>
      <c r="K11284" s="2">
        <v>0</v>
      </c>
      <c r="L11284" t="s">
        <v>82</v>
      </c>
      <c r="M11284" t="s">
        <v>89</v>
      </c>
      <c r="N11284" t="s">
        <v>90</v>
      </c>
      <c r="O11284" t="s">
        <v>85</v>
      </c>
      <c r="P11284" t="s">
        <v>86</v>
      </c>
      <c r="Q11284">
        <v>48</v>
      </c>
      <c r="R11284">
        <v>49</v>
      </c>
      <c r="S11284">
        <v>49</v>
      </c>
      <c r="T11284">
        <v>50</v>
      </c>
      <c r="U11284">
        <v>51</v>
      </c>
      <c r="V11284">
        <v>51</v>
      </c>
      <c r="W11284">
        <v>52</v>
      </c>
      <c r="X11284">
        <v>52</v>
      </c>
      <c r="Y11284">
        <v>52</v>
      </c>
      <c r="Z11284">
        <v>53</v>
      </c>
      <c r="AA11284">
        <v>53</v>
      </c>
      <c r="AB11284">
        <v>53</v>
      </c>
      <c r="AC11284">
        <v>54</v>
      </c>
      <c r="AD11284">
        <v>54</v>
      </c>
      <c r="AE11284">
        <v>54</v>
      </c>
      <c r="AF11284">
        <v>54</v>
      </c>
      <c r="AG11284">
        <v>53</v>
      </c>
      <c r="AH11284">
        <v>53</v>
      </c>
      <c r="AI11284">
        <v>53</v>
      </c>
      <c r="AJ11284">
        <v>52</v>
      </c>
      <c r="AK11284">
        <v>52</v>
      </c>
      <c r="AL11284">
        <v>52</v>
      </c>
      <c r="AM11284">
        <v>51</v>
      </c>
      <c r="AN11284">
        <v>51</v>
      </c>
      <c r="AO11284">
        <v>51</v>
      </c>
      <c r="AP11284">
        <v>50</v>
      </c>
      <c r="AQ11284">
        <v>50</v>
      </c>
    </row>
    <row r="11285" spans="1:43">
      <c r="A11285" t="s">
        <v>7024</v>
      </c>
      <c r="B11285" t="s">
        <v>7025</v>
      </c>
      <c r="C11285" t="s">
        <v>7022</v>
      </c>
      <c r="D11285" t="s">
        <v>7023</v>
      </c>
      <c r="E11285" t="s">
        <v>6982</v>
      </c>
      <c r="F11285" t="s">
        <v>6983</v>
      </c>
      <c r="G11285" t="s">
        <v>80</v>
      </c>
      <c r="H11285" t="s">
        <v>81</v>
      </c>
      <c r="I11285" s="2">
        <v>0</v>
      </c>
      <c r="J11285" s="2">
        <v>1</v>
      </c>
      <c r="K11285" s="2">
        <v>0</v>
      </c>
      <c r="L11285" t="s">
        <v>82</v>
      </c>
      <c r="M11285" t="s">
        <v>83</v>
      </c>
      <c r="N11285" t="s">
        <v>91</v>
      </c>
      <c r="O11285" t="s">
        <v>85</v>
      </c>
      <c r="P11285" t="s">
        <v>86</v>
      </c>
      <c r="Q11285">
        <v>48</v>
      </c>
      <c r="R11285">
        <v>48</v>
      </c>
      <c r="S11285">
        <v>48</v>
      </c>
      <c r="T11285">
        <v>48</v>
      </c>
      <c r="U11285">
        <v>49</v>
      </c>
      <c r="V11285">
        <v>49</v>
      </c>
      <c r="W11285">
        <v>49</v>
      </c>
      <c r="X11285">
        <v>49</v>
      </c>
      <c r="Y11285">
        <v>50</v>
      </c>
      <c r="Z11285">
        <v>50</v>
      </c>
      <c r="AA11285">
        <v>50</v>
      </c>
      <c r="AB11285">
        <v>50</v>
      </c>
      <c r="AC11285">
        <v>50</v>
      </c>
      <c r="AD11285">
        <v>50</v>
      </c>
      <c r="AE11285">
        <v>51</v>
      </c>
      <c r="AF11285">
        <v>51</v>
      </c>
      <c r="AG11285">
        <v>51</v>
      </c>
      <c r="AH11285">
        <v>51</v>
      </c>
      <c r="AI11285">
        <v>51</v>
      </c>
      <c r="AJ11285">
        <v>51</v>
      </c>
      <c r="AK11285">
        <v>51</v>
      </c>
      <c r="AL11285">
        <v>51</v>
      </c>
      <c r="AM11285">
        <v>51</v>
      </c>
      <c r="AN11285">
        <v>50</v>
      </c>
      <c r="AO11285">
        <v>50</v>
      </c>
      <c r="AP11285">
        <v>50</v>
      </c>
      <c r="AQ11285">
        <v>49</v>
      </c>
    </row>
    <row r="11286" spans="1:43">
      <c r="A11286" t="s">
        <v>7026</v>
      </c>
      <c r="B11286" t="s">
        <v>7027</v>
      </c>
      <c r="C11286" t="s">
        <v>7022</v>
      </c>
      <c r="D11286" t="s">
        <v>7023</v>
      </c>
      <c r="E11286" t="s">
        <v>6982</v>
      </c>
      <c r="F11286" t="s">
        <v>6983</v>
      </c>
      <c r="G11286" t="s">
        <v>80</v>
      </c>
      <c r="H11286" t="s">
        <v>81</v>
      </c>
      <c r="I11286" s="2">
        <v>0</v>
      </c>
      <c r="J11286" s="2">
        <v>1</v>
      </c>
      <c r="K11286" s="2">
        <v>0</v>
      </c>
      <c r="L11286" t="s">
        <v>82</v>
      </c>
      <c r="M11286" t="s">
        <v>83</v>
      </c>
      <c r="N11286" t="s">
        <v>84</v>
      </c>
      <c r="O11286" t="s">
        <v>85</v>
      </c>
      <c r="P11286" t="s">
        <v>86</v>
      </c>
      <c r="Q11286">
        <v>3</v>
      </c>
      <c r="R11286">
        <v>3</v>
      </c>
      <c r="S11286">
        <v>3</v>
      </c>
      <c r="T11286">
        <v>3</v>
      </c>
      <c r="U11286">
        <v>3</v>
      </c>
      <c r="V11286">
        <v>3</v>
      </c>
      <c r="W11286">
        <v>3</v>
      </c>
      <c r="X11286">
        <v>3</v>
      </c>
      <c r="Y11286">
        <v>3</v>
      </c>
      <c r="Z11286">
        <v>3</v>
      </c>
      <c r="AA11286">
        <v>3</v>
      </c>
      <c r="AB11286">
        <v>3</v>
      </c>
      <c r="AC11286">
        <v>3</v>
      </c>
      <c r="AD11286">
        <v>3</v>
      </c>
      <c r="AE11286">
        <v>3</v>
      </c>
      <c r="AF11286">
        <v>3</v>
      </c>
      <c r="AG11286">
        <v>3</v>
      </c>
      <c r="AH11286">
        <v>3</v>
      </c>
      <c r="AI11286">
        <v>3</v>
      </c>
      <c r="AJ11286">
        <v>3</v>
      </c>
      <c r="AK11286">
        <v>3</v>
      </c>
      <c r="AL11286">
        <v>3</v>
      </c>
      <c r="AM11286">
        <v>3</v>
      </c>
      <c r="AN11286">
        <v>3</v>
      </c>
      <c r="AO11286">
        <v>3</v>
      </c>
      <c r="AP11286">
        <v>3</v>
      </c>
      <c r="AQ11286">
        <v>3</v>
      </c>
    </row>
    <row r="11287" spans="1:43">
      <c r="A11287" t="s">
        <v>7026</v>
      </c>
      <c r="B11287" t="s">
        <v>7027</v>
      </c>
      <c r="C11287" t="s">
        <v>7022</v>
      </c>
      <c r="D11287" t="s">
        <v>7023</v>
      </c>
      <c r="E11287" t="s">
        <v>6982</v>
      </c>
      <c r="F11287" t="s">
        <v>6983</v>
      </c>
      <c r="G11287" t="s">
        <v>80</v>
      </c>
      <c r="H11287" t="s">
        <v>81</v>
      </c>
      <c r="I11287" s="2">
        <v>0</v>
      </c>
      <c r="J11287" s="2">
        <v>1</v>
      </c>
      <c r="K11287" s="2">
        <v>0</v>
      </c>
      <c r="L11287" t="s">
        <v>82</v>
      </c>
      <c r="M11287" t="s">
        <v>87</v>
      </c>
      <c r="N11287" t="s">
        <v>88</v>
      </c>
      <c r="O11287" t="s">
        <v>85</v>
      </c>
      <c r="P11287" t="s">
        <v>86</v>
      </c>
      <c r="Q11287">
        <v>3</v>
      </c>
      <c r="R11287">
        <v>3</v>
      </c>
      <c r="S11287">
        <v>3</v>
      </c>
      <c r="T11287">
        <v>3</v>
      </c>
      <c r="U11287">
        <v>3</v>
      </c>
      <c r="V11287">
        <v>3</v>
      </c>
      <c r="W11287">
        <v>3</v>
      </c>
      <c r="X11287">
        <v>3</v>
      </c>
      <c r="Y11287">
        <v>3</v>
      </c>
      <c r="Z11287">
        <v>3</v>
      </c>
      <c r="AA11287">
        <v>2</v>
      </c>
      <c r="AB11287">
        <v>2</v>
      </c>
      <c r="AC11287">
        <v>2</v>
      </c>
      <c r="AD11287">
        <v>2</v>
      </c>
      <c r="AE11287">
        <v>2</v>
      </c>
      <c r="AF11287">
        <v>2</v>
      </c>
      <c r="AG11287">
        <v>2</v>
      </c>
      <c r="AH11287">
        <v>2</v>
      </c>
      <c r="AI11287">
        <v>2</v>
      </c>
      <c r="AJ11287">
        <v>2</v>
      </c>
      <c r="AK11287">
        <v>2</v>
      </c>
      <c r="AL11287">
        <v>2</v>
      </c>
      <c r="AM11287">
        <v>2</v>
      </c>
      <c r="AN11287">
        <v>2</v>
      </c>
      <c r="AO11287">
        <v>2</v>
      </c>
      <c r="AP11287">
        <v>2</v>
      </c>
      <c r="AQ11287">
        <v>2</v>
      </c>
    </row>
    <row r="11288" spans="1:43">
      <c r="A11288" t="s">
        <v>7026</v>
      </c>
      <c r="B11288" t="s">
        <v>7027</v>
      </c>
      <c r="C11288" t="s">
        <v>7022</v>
      </c>
      <c r="D11288" t="s">
        <v>7023</v>
      </c>
      <c r="E11288" t="s">
        <v>6982</v>
      </c>
      <c r="F11288" t="s">
        <v>6983</v>
      </c>
      <c r="G11288" t="s">
        <v>80</v>
      </c>
      <c r="H11288" t="s">
        <v>81</v>
      </c>
      <c r="I11288" s="2">
        <v>0</v>
      </c>
      <c r="J11288" s="2">
        <v>1</v>
      </c>
      <c r="K11288" s="2">
        <v>0</v>
      </c>
      <c r="L11288" t="s">
        <v>82</v>
      </c>
      <c r="M11288" t="s">
        <v>89</v>
      </c>
      <c r="N11288" t="s">
        <v>90</v>
      </c>
      <c r="O11288" t="s">
        <v>85</v>
      </c>
      <c r="P11288" t="s">
        <v>86</v>
      </c>
      <c r="Q11288">
        <v>3</v>
      </c>
      <c r="R11288">
        <v>3</v>
      </c>
      <c r="S11288">
        <v>3</v>
      </c>
      <c r="T11288">
        <v>3</v>
      </c>
      <c r="U11288">
        <v>3</v>
      </c>
      <c r="V11288">
        <v>3</v>
      </c>
      <c r="W11288">
        <v>3</v>
      </c>
      <c r="X11288">
        <v>3</v>
      </c>
      <c r="Y11288">
        <v>3</v>
      </c>
      <c r="Z11288">
        <v>3</v>
      </c>
      <c r="AA11288">
        <v>3</v>
      </c>
      <c r="AB11288">
        <v>3</v>
      </c>
      <c r="AC11288">
        <v>3</v>
      </c>
      <c r="AD11288">
        <v>3</v>
      </c>
      <c r="AE11288">
        <v>3</v>
      </c>
      <c r="AF11288">
        <v>3</v>
      </c>
      <c r="AG11288">
        <v>3</v>
      </c>
      <c r="AH11288">
        <v>3</v>
      </c>
      <c r="AI11288">
        <v>3</v>
      </c>
      <c r="AJ11288">
        <v>3</v>
      </c>
      <c r="AK11288">
        <v>3</v>
      </c>
      <c r="AL11288">
        <v>3</v>
      </c>
      <c r="AM11288">
        <v>3</v>
      </c>
      <c r="AN11288">
        <v>3</v>
      </c>
      <c r="AO11288">
        <v>3</v>
      </c>
      <c r="AP11288">
        <v>3</v>
      </c>
      <c r="AQ11288">
        <v>3</v>
      </c>
    </row>
    <row r="11289" spans="1:43">
      <c r="A11289" t="s">
        <v>7026</v>
      </c>
      <c r="B11289" t="s">
        <v>7027</v>
      </c>
      <c r="C11289" t="s">
        <v>7022</v>
      </c>
      <c r="D11289" t="s">
        <v>7023</v>
      </c>
      <c r="E11289" t="s">
        <v>6982</v>
      </c>
      <c r="F11289" t="s">
        <v>6983</v>
      </c>
      <c r="G11289" t="s">
        <v>80</v>
      </c>
      <c r="H11289" t="s">
        <v>81</v>
      </c>
      <c r="I11289" s="2">
        <v>0</v>
      </c>
      <c r="J11289" s="2">
        <v>1</v>
      </c>
      <c r="K11289" s="2">
        <v>0</v>
      </c>
      <c r="L11289" t="s">
        <v>82</v>
      </c>
      <c r="M11289" t="s">
        <v>83</v>
      </c>
      <c r="N11289" t="s">
        <v>91</v>
      </c>
      <c r="O11289" t="s">
        <v>85</v>
      </c>
      <c r="P11289" t="s">
        <v>86</v>
      </c>
      <c r="Q11289">
        <v>3</v>
      </c>
      <c r="R11289">
        <v>3</v>
      </c>
      <c r="S11289">
        <v>3</v>
      </c>
      <c r="T11289">
        <v>3</v>
      </c>
      <c r="U11289">
        <v>3</v>
      </c>
      <c r="V11289">
        <v>3</v>
      </c>
      <c r="W11289">
        <v>3</v>
      </c>
      <c r="X11289">
        <v>3</v>
      </c>
      <c r="Y11289">
        <v>3</v>
      </c>
      <c r="Z11289">
        <v>3</v>
      </c>
      <c r="AA11289">
        <v>3</v>
      </c>
      <c r="AB11289">
        <v>3</v>
      </c>
      <c r="AC11289">
        <v>3</v>
      </c>
      <c r="AD11289">
        <v>3</v>
      </c>
      <c r="AE11289">
        <v>3</v>
      </c>
      <c r="AF11289">
        <v>3</v>
      </c>
      <c r="AG11289">
        <v>3</v>
      </c>
      <c r="AH11289">
        <v>3</v>
      </c>
      <c r="AI11289">
        <v>3</v>
      </c>
      <c r="AJ11289">
        <v>3</v>
      </c>
      <c r="AK11289">
        <v>3</v>
      </c>
      <c r="AL11289">
        <v>3</v>
      </c>
      <c r="AM11289">
        <v>3</v>
      </c>
      <c r="AN11289">
        <v>3</v>
      </c>
      <c r="AO11289">
        <v>3</v>
      </c>
      <c r="AP11289">
        <v>3</v>
      </c>
      <c r="AQ11289">
        <v>3</v>
      </c>
    </row>
    <row r="11290" spans="1:43">
      <c r="A11290" t="s">
        <v>7028</v>
      </c>
      <c r="B11290" t="s">
        <v>7029</v>
      </c>
      <c r="C11290" t="s">
        <v>7018</v>
      </c>
      <c r="D11290" t="s">
        <v>7019</v>
      </c>
      <c r="E11290" t="s">
        <v>6982</v>
      </c>
      <c r="F11290" t="s">
        <v>6983</v>
      </c>
      <c r="G11290" t="s">
        <v>80</v>
      </c>
      <c r="H11290" t="s">
        <v>81</v>
      </c>
      <c r="I11290" s="2">
        <v>0</v>
      </c>
      <c r="J11290" s="2">
        <v>1</v>
      </c>
      <c r="K11290" s="2">
        <v>0</v>
      </c>
      <c r="L11290" t="s">
        <v>82</v>
      </c>
      <c r="M11290" t="s">
        <v>83</v>
      </c>
      <c r="N11290" t="s">
        <v>84</v>
      </c>
      <c r="O11290" t="s">
        <v>85</v>
      </c>
      <c r="P11290" t="s">
        <v>86</v>
      </c>
      <c r="Q11290">
        <v>13</v>
      </c>
      <c r="R11290">
        <v>14</v>
      </c>
      <c r="S11290">
        <v>14</v>
      </c>
      <c r="T11290">
        <v>14</v>
      </c>
      <c r="U11290">
        <v>14</v>
      </c>
      <c r="V11290">
        <v>14</v>
      </c>
      <c r="W11290">
        <v>14</v>
      </c>
      <c r="X11290">
        <v>14</v>
      </c>
      <c r="Y11290">
        <v>14</v>
      </c>
      <c r="Z11290">
        <v>14</v>
      </c>
      <c r="AA11290">
        <v>14</v>
      </c>
      <c r="AB11290">
        <v>14</v>
      </c>
      <c r="AC11290">
        <v>14</v>
      </c>
      <c r="AD11290">
        <v>14</v>
      </c>
      <c r="AE11290">
        <v>14</v>
      </c>
      <c r="AF11290">
        <v>15</v>
      </c>
      <c r="AG11290">
        <v>15</v>
      </c>
      <c r="AH11290">
        <v>15</v>
      </c>
      <c r="AI11290">
        <v>15</v>
      </c>
      <c r="AJ11290">
        <v>15</v>
      </c>
      <c r="AK11290">
        <v>15</v>
      </c>
      <c r="AL11290">
        <v>15</v>
      </c>
      <c r="AM11290">
        <v>15</v>
      </c>
      <c r="AN11290">
        <v>14</v>
      </c>
      <c r="AO11290">
        <v>14</v>
      </c>
      <c r="AP11290">
        <v>14</v>
      </c>
      <c r="AQ11290">
        <v>14</v>
      </c>
    </row>
    <row r="11291" spans="1:43">
      <c r="A11291" t="s">
        <v>7028</v>
      </c>
      <c r="B11291" t="s">
        <v>7029</v>
      </c>
      <c r="C11291" t="s">
        <v>7018</v>
      </c>
      <c r="D11291" t="s">
        <v>7019</v>
      </c>
      <c r="E11291" t="s">
        <v>6982</v>
      </c>
      <c r="F11291" t="s">
        <v>6983</v>
      </c>
      <c r="G11291" t="s">
        <v>80</v>
      </c>
      <c r="H11291" t="s">
        <v>81</v>
      </c>
      <c r="I11291" s="2">
        <v>0</v>
      </c>
      <c r="J11291" s="2">
        <v>1</v>
      </c>
      <c r="K11291" s="2">
        <v>0</v>
      </c>
      <c r="L11291" t="s">
        <v>82</v>
      </c>
      <c r="M11291" t="s">
        <v>87</v>
      </c>
      <c r="N11291" t="s">
        <v>88</v>
      </c>
      <c r="O11291" t="s">
        <v>85</v>
      </c>
      <c r="P11291" t="s">
        <v>86</v>
      </c>
      <c r="Q11291">
        <v>13</v>
      </c>
      <c r="R11291">
        <v>13</v>
      </c>
      <c r="S11291">
        <v>13</v>
      </c>
      <c r="T11291">
        <v>13</v>
      </c>
      <c r="U11291">
        <v>13</v>
      </c>
      <c r="V11291">
        <v>13</v>
      </c>
      <c r="W11291">
        <v>13</v>
      </c>
      <c r="X11291">
        <v>13</v>
      </c>
      <c r="Y11291">
        <v>13</v>
      </c>
      <c r="Z11291">
        <v>13</v>
      </c>
      <c r="AA11291">
        <v>13</v>
      </c>
      <c r="AB11291">
        <v>13</v>
      </c>
      <c r="AC11291">
        <v>13</v>
      </c>
      <c r="AD11291">
        <v>13</v>
      </c>
      <c r="AE11291">
        <v>13</v>
      </c>
      <c r="AF11291">
        <v>13</v>
      </c>
      <c r="AG11291">
        <v>13</v>
      </c>
      <c r="AH11291">
        <v>13</v>
      </c>
      <c r="AI11291">
        <v>13</v>
      </c>
      <c r="AJ11291">
        <v>13</v>
      </c>
      <c r="AK11291">
        <v>13</v>
      </c>
      <c r="AL11291">
        <v>13</v>
      </c>
      <c r="AM11291">
        <v>13</v>
      </c>
      <c r="AN11291">
        <v>12</v>
      </c>
      <c r="AO11291">
        <v>12</v>
      </c>
      <c r="AP11291">
        <v>12</v>
      </c>
      <c r="AQ11291">
        <v>12</v>
      </c>
    </row>
    <row r="11292" spans="1:43">
      <c r="A11292" t="s">
        <v>7028</v>
      </c>
      <c r="B11292" t="s">
        <v>7029</v>
      </c>
      <c r="C11292" t="s">
        <v>7018</v>
      </c>
      <c r="D11292" t="s">
        <v>7019</v>
      </c>
      <c r="E11292" t="s">
        <v>6982</v>
      </c>
      <c r="F11292" t="s">
        <v>6983</v>
      </c>
      <c r="G11292" t="s">
        <v>80</v>
      </c>
      <c r="H11292" t="s">
        <v>81</v>
      </c>
      <c r="I11292" s="2">
        <v>0</v>
      </c>
      <c r="J11292" s="2">
        <v>1</v>
      </c>
      <c r="K11292" s="2">
        <v>0</v>
      </c>
      <c r="L11292" t="s">
        <v>82</v>
      </c>
      <c r="M11292" t="s">
        <v>89</v>
      </c>
      <c r="N11292" t="s">
        <v>90</v>
      </c>
      <c r="O11292" t="s">
        <v>85</v>
      </c>
      <c r="P11292" t="s">
        <v>86</v>
      </c>
      <c r="Q11292">
        <v>13</v>
      </c>
      <c r="R11292">
        <v>13</v>
      </c>
      <c r="S11292">
        <v>13</v>
      </c>
      <c r="T11292">
        <v>13</v>
      </c>
      <c r="U11292">
        <v>13</v>
      </c>
      <c r="V11292">
        <v>14</v>
      </c>
      <c r="W11292">
        <v>14</v>
      </c>
      <c r="X11292">
        <v>14</v>
      </c>
      <c r="Y11292">
        <v>14</v>
      </c>
      <c r="Z11292">
        <v>14</v>
      </c>
      <c r="AA11292">
        <v>14</v>
      </c>
      <c r="AB11292">
        <v>14</v>
      </c>
      <c r="AC11292">
        <v>14</v>
      </c>
      <c r="AD11292">
        <v>14</v>
      </c>
      <c r="AE11292">
        <v>14</v>
      </c>
      <c r="AF11292">
        <v>14</v>
      </c>
      <c r="AG11292">
        <v>14</v>
      </c>
      <c r="AH11292">
        <v>14</v>
      </c>
      <c r="AI11292">
        <v>14</v>
      </c>
      <c r="AJ11292">
        <v>14</v>
      </c>
      <c r="AK11292">
        <v>14</v>
      </c>
      <c r="AL11292">
        <v>14</v>
      </c>
      <c r="AM11292">
        <v>14</v>
      </c>
      <c r="AN11292">
        <v>14</v>
      </c>
      <c r="AO11292">
        <v>14</v>
      </c>
      <c r="AP11292">
        <v>13</v>
      </c>
      <c r="AQ11292">
        <v>13</v>
      </c>
    </row>
    <row r="11293" spans="1:43">
      <c r="A11293" t="s">
        <v>7028</v>
      </c>
      <c r="B11293" t="s">
        <v>7029</v>
      </c>
      <c r="C11293" t="s">
        <v>7018</v>
      </c>
      <c r="D11293" t="s">
        <v>7019</v>
      </c>
      <c r="E11293" t="s">
        <v>6982</v>
      </c>
      <c r="F11293" t="s">
        <v>6983</v>
      </c>
      <c r="G11293" t="s">
        <v>80</v>
      </c>
      <c r="H11293" t="s">
        <v>81</v>
      </c>
      <c r="I11293" s="2">
        <v>0</v>
      </c>
      <c r="J11293" s="2">
        <v>1</v>
      </c>
      <c r="K11293" s="2">
        <v>0</v>
      </c>
      <c r="L11293" t="s">
        <v>82</v>
      </c>
      <c r="M11293" t="s">
        <v>83</v>
      </c>
      <c r="N11293" t="s">
        <v>91</v>
      </c>
      <c r="O11293" t="s">
        <v>85</v>
      </c>
      <c r="P11293" t="s">
        <v>86</v>
      </c>
      <c r="Q11293">
        <v>13</v>
      </c>
      <c r="R11293">
        <v>14</v>
      </c>
      <c r="S11293">
        <v>14</v>
      </c>
      <c r="T11293">
        <v>14</v>
      </c>
      <c r="U11293">
        <v>14</v>
      </c>
      <c r="V11293">
        <v>14</v>
      </c>
      <c r="W11293">
        <v>14</v>
      </c>
      <c r="X11293">
        <v>14</v>
      </c>
      <c r="Y11293">
        <v>14</v>
      </c>
      <c r="Z11293">
        <v>14</v>
      </c>
      <c r="AA11293">
        <v>14</v>
      </c>
      <c r="AB11293">
        <v>14</v>
      </c>
      <c r="AC11293">
        <v>14</v>
      </c>
      <c r="AD11293">
        <v>14</v>
      </c>
      <c r="AE11293">
        <v>14</v>
      </c>
      <c r="AF11293">
        <v>15</v>
      </c>
      <c r="AG11293">
        <v>15</v>
      </c>
      <c r="AH11293">
        <v>15</v>
      </c>
      <c r="AI11293">
        <v>15</v>
      </c>
      <c r="AJ11293">
        <v>15</v>
      </c>
      <c r="AK11293">
        <v>15</v>
      </c>
      <c r="AL11293">
        <v>15</v>
      </c>
      <c r="AM11293">
        <v>15</v>
      </c>
      <c r="AN11293">
        <v>14</v>
      </c>
      <c r="AO11293">
        <v>14</v>
      </c>
      <c r="AP11293">
        <v>14</v>
      </c>
      <c r="AQ11293">
        <v>14</v>
      </c>
    </row>
    <row r="11294" spans="1:43">
      <c r="A11294" t="s">
        <v>7030</v>
      </c>
      <c r="B11294" t="s">
        <v>7031</v>
      </c>
      <c r="C11294" t="s">
        <v>7032</v>
      </c>
      <c r="D11294" t="s">
        <v>7033</v>
      </c>
      <c r="E11294" t="s">
        <v>6982</v>
      </c>
      <c r="F11294" t="s">
        <v>6983</v>
      </c>
      <c r="G11294" t="s">
        <v>80</v>
      </c>
      <c r="H11294" t="s">
        <v>81</v>
      </c>
      <c r="I11294" s="2">
        <v>0</v>
      </c>
      <c r="J11294" s="2">
        <v>1</v>
      </c>
      <c r="K11294" s="2">
        <v>0</v>
      </c>
      <c r="L11294" t="s">
        <v>82</v>
      </c>
      <c r="M11294" t="s">
        <v>83</v>
      </c>
      <c r="N11294" t="s">
        <v>84</v>
      </c>
      <c r="O11294" t="s">
        <v>85</v>
      </c>
      <c r="P11294" t="s">
        <v>86</v>
      </c>
      <c r="Q11294">
        <v>57</v>
      </c>
      <c r="R11294">
        <v>57</v>
      </c>
      <c r="S11294">
        <v>58</v>
      </c>
      <c r="T11294">
        <v>58</v>
      </c>
      <c r="U11294">
        <v>59</v>
      </c>
      <c r="V11294">
        <v>59</v>
      </c>
      <c r="W11294">
        <v>59</v>
      </c>
      <c r="X11294">
        <v>60</v>
      </c>
      <c r="Y11294">
        <v>60</v>
      </c>
      <c r="Z11294">
        <v>60</v>
      </c>
      <c r="AA11294">
        <v>61</v>
      </c>
      <c r="AB11294">
        <v>61</v>
      </c>
      <c r="AC11294">
        <v>61</v>
      </c>
      <c r="AD11294">
        <v>61</v>
      </c>
      <c r="AE11294">
        <v>62</v>
      </c>
      <c r="AF11294">
        <v>62</v>
      </c>
      <c r="AG11294">
        <v>62</v>
      </c>
      <c r="AH11294">
        <v>62</v>
      </c>
      <c r="AI11294">
        <v>62</v>
      </c>
      <c r="AJ11294">
        <v>62</v>
      </c>
      <c r="AK11294">
        <v>63</v>
      </c>
      <c r="AL11294">
        <v>62</v>
      </c>
      <c r="AM11294">
        <v>62</v>
      </c>
      <c r="AN11294">
        <v>62</v>
      </c>
      <c r="AO11294">
        <v>61</v>
      </c>
      <c r="AP11294">
        <v>61</v>
      </c>
      <c r="AQ11294">
        <v>61</v>
      </c>
    </row>
    <row r="11295" spans="1:43">
      <c r="A11295" t="s">
        <v>7030</v>
      </c>
      <c r="B11295" t="s">
        <v>7031</v>
      </c>
      <c r="C11295" t="s">
        <v>7032</v>
      </c>
      <c r="D11295" t="s">
        <v>7033</v>
      </c>
      <c r="E11295" t="s">
        <v>6982</v>
      </c>
      <c r="F11295" t="s">
        <v>6983</v>
      </c>
      <c r="G11295" t="s">
        <v>80</v>
      </c>
      <c r="H11295" t="s">
        <v>81</v>
      </c>
      <c r="I11295" s="2">
        <v>0</v>
      </c>
      <c r="J11295" s="2">
        <v>1</v>
      </c>
      <c r="K11295" s="2">
        <v>0</v>
      </c>
      <c r="L11295" t="s">
        <v>82</v>
      </c>
      <c r="M11295" t="s">
        <v>87</v>
      </c>
      <c r="N11295" t="s">
        <v>88</v>
      </c>
      <c r="O11295" t="s">
        <v>85</v>
      </c>
      <c r="P11295" t="s">
        <v>86</v>
      </c>
      <c r="Q11295">
        <v>57</v>
      </c>
      <c r="R11295">
        <v>57</v>
      </c>
      <c r="S11295">
        <v>57</v>
      </c>
      <c r="T11295">
        <v>57</v>
      </c>
      <c r="U11295">
        <v>57</v>
      </c>
      <c r="V11295">
        <v>57</v>
      </c>
      <c r="W11295">
        <v>57</v>
      </c>
      <c r="X11295">
        <v>57</v>
      </c>
      <c r="Y11295">
        <v>56</v>
      </c>
      <c r="Z11295">
        <v>56</v>
      </c>
      <c r="AA11295">
        <v>56</v>
      </c>
      <c r="AB11295">
        <v>56</v>
      </c>
      <c r="AC11295">
        <v>56</v>
      </c>
      <c r="AD11295">
        <v>56</v>
      </c>
      <c r="AE11295">
        <v>56</v>
      </c>
      <c r="AF11295">
        <v>55</v>
      </c>
      <c r="AG11295">
        <v>55</v>
      </c>
      <c r="AH11295">
        <v>55</v>
      </c>
      <c r="AI11295">
        <v>55</v>
      </c>
      <c r="AJ11295">
        <v>55</v>
      </c>
      <c r="AK11295">
        <v>55</v>
      </c>
      <c r="AL11295">
        <v>55</v>
      </c>
      <c r="AM11295">
        <v>55</v>
      </c>
      <c r="AN11295">
        <v>55</v>
      </c>
      <c r="AO11295">
        <v>54</v>
      </c>
      <c r="AP11295">
        <v>54</v>
      </c>
      <c r="AQ11295">
        <v>54</v>
      </c>
    </row>
    <row r="11296" spans="1:43">
      <c r="A11296" t="s">
        <v>7030</v>
      </c>
      <c r="B11296" t="s">
        <v>7031</v>
      </c>
      <c r="C11296" t="s">
        <v>7032</v>
      </c>
      <c r="D11296" t="s">
        <v>7033</v>
      </c>
      <c r="E11296" t="s">
        <v>6982</v>
      </c>
      <c r="F11296" t="s">
        <v>6983</v>
      </c>
      <c r="G11296" t="s">
        <v>80</v>
      </c>
      <c r="H11296" t="s">
        <v>81</v>
      </c>
      <c r="I11296" s="2">
        <v>0</v>
      </c>
      <c r="J11296" s="2">
        <v>1</v>
      </c>
      <c r="K11296" s="2">
        <v>0</v>
      </c>
      <c r="L11296" t="s">
        <v>82</v>
      </c>
      <c r="M11296" t="s">
        <v>89</v>
      </c>
      <c r="N11296" t="s">
        <v>90</v>
      </c>
      <c r="O11296" t="s">
        <v>85</v>
      </c>
      <c r="P11296" t="s">
        <v>86</v>
      </c>
      <c r="Q11296">
        <v>57</v>
      </c>
      <c r="R11296">
        <v>57</v>
      </c>
      <c r="S11296">
        <v>58</v>
      </c>
      <c r="T11296">
        <v>59</v>
      </c>
      <c r="U11296">
        <v>60</v>
      </c>
      <c r="V11296">
        <v>61</v>
      </c>
      <c r="W11296">
        <v>61</v>
      </c>
      <c r="X11296">
        <v>62</v>
      </c>
      <c r="Y11296">
        <v>62</v>
      </c>
      <c r="Z11296">
        <v>63</v>
      </c>
      <c r="AA11296">
        <v>63</v>
      </c>
      <c r="AB11296">
        <v>64</v>
      </c>
      <c r="AC11296">
        <v>64</v>
      </c>
      <c r="AD11296">
        <v>65</v>
      </c>
      <c r="AE11296">
        <v>65</v>
      </c>
      <c r="AF11296">
        <v>64</v>
      </c>
      <c r="AG11296">
        <v>64</v>
      </c>
      <c r="AH11296">
        <v>64</v>
      </c>
      <c r="AI11296">
        <v>63</v>
      </c>
      <c r="AJ11296">
        <v>63</v>
      </c>
      <c r="AK11296">
        <v>62</v>
      </c>
      <c r="AL11296">
        <v>62</v>
      </c>
      <c r="AM11296">
        <v>62</v>
      </c>
      <c r="AN11296">
        <v>61</v>
      </c>
      <c r="AO11296">
        <v>61</v>
      </c>
      <c r="AP11296">
        <v>61</v>
      </c>
      <c r="AQ11296">
        <v>60</v>
      </c>
    </row>
    <row r="11297" spans="1:43">
      <c r="A11297" t="s">
        <v>7030</v>
      </c>
      <c r="B11297" t="s">
        <v>7031</v>
      </c>
      <c r="C11297" t="s">
        <v>7032</v>
      </c>
      <c r="D11297" t="s">
        <v>7033</v>
      </c>
      <c r="E11297" t="s">
        <v>6982</v>
      </c>
      <c r="F11297" t="s">
        <v>6983</v>
      </c>
      <c r="G11297" t="s">
        <v>80</v>
      </c>
      <c r="H11297" t="s">
        <v>81</v>
      </c>
      <c r="I11297" s="2">
        <v>0</v>
      </c>
      <c r="J11297" s="2">
        <v>1</v>
      </c>
      <c r="K11297" s="2">
        <v>0</v>
      </c>
      <c r="L11297" t="s">
        <v>82</v>
      </c>
      <c r="M11297" t="s">
        <v>83</v>
      </c>
      <c r="N11297" t="s">
        <v>91</v>
      </c>
      <c r="O11297" t="s">
        <v>85</v>
      </c>
      <c r="P11297" t="s">
        <v>86</v>
      </c>
      <c r="Q11297">
        <v>57</v>
      </c>
      <c r="R11297">
        <v>57</v>
      </c>
      <c r="S11297">
        <v>58</v>
      </c>
      <c r="T11297">
        <v>58</v>
      </c>
      <c r="U11297">
        <v>59</v>
      </c>
      <c r="V11297">
        <v>59</v>
      </c>
      <c r="W11297">
        <v>59</v>
      </c>
      <c r="X11297">
        <v>60</v>
      </c>
      <c r="Y11297">
        <v>60</v>
      </c>
      <c r="Z11297">
        <v>60</v>
      </c>
      <c r="AA11297">
        <v>61</v>
      </c>
      <c r="AB11297">
        <v>61</v>
      </c>
      <c r="AC11297">
        <v>61</v>
      </c>
      <c r="AD11297">
        <v>61</v>
      </c>
      <c r="AE11297">
        <v>62</v>
      </c>
      <c r="AF11297">
        <v>62</v>
      </c>
      <c r="AG11297">
        <v>62</v>
      </c>
      <c r="AH11297">
        <v>62</v>
      </c>
      <c r="AI11297">
        <v>62</v>
      </c>
      <c r="AJ11297">
        <v>62</v>
      </c>
      <c r="AK11297">
        <v>63</v>
      </c>
      <c r="AL11297">
        <v>62</v>
      </c>
      <c r="AM11297">
        <v>62</v>
      </c>
      <c r="AN11297">
        <v>62</v>
      </c>
      <c r="AO11297">
        <v>61</v>
      </c>
      <c r="AP11297">
        <v>61</v>
      </c>
      <c r="AQ11297">
        <v>61</v>
      </c>
    </row>
    <row r="11298" spans="1:43">
      <c r="A11298" t="s">
        <v>7034</v>
      </c>
      <c r="B11298" t="s">
        <v>7035</v>
      </c>
      <c r="C11298" t="s">
        <v>7036</v>
      </c>
      <c r="D11298" t="s">
        <v>7037</v>
      </c>
      <c r="E11298" t="s">
        <v>6982</v>
      </c>
      <c r="F11298" t="s">
        <v>6983</v>
      </c>
      <c r="G11298" t="s">
        <v>80</v>
      </c>
      <c r="H11298" t="s">
        <v>81</v>
      </c>
      <c r="I11298" s="2">
        <v>0</v>
      </c>
      <c r="J11298" s="2">
        <v>1</v>
      </c>
      <c r="K11298" s="2">
        <v>0</v>
      </c>
      <c r="L11298" t="s">
        <v>82</v>
      </c>
      <c r="M11298" t="s">
        <v>83</v>
      </c>
      <c r="N11298" t="s">
        <v>84</v>
      </c>
      <c r="O11298" t="s">
        <v>85</v>
      </c>
      <c r="P11298" t="s">
        <v>86</v>
      </c>
      <c r="Q11298">
        <v>83</v>
      </c>
      <c r="R11298">
        <v>83</v>
      </c>
      <c r="S11298">
        <v>84</v>
      </c>
      <c r="T11298">
        <v>84</v>
      </c>
      <c r="U11298">
        <v>85</v>
      </c>
      <c r="V11298">
        <v>85</v>
      </c>
      <c r="W11298">
        <v>86</v>
      </c>
      <c r="X11298">
        <v>86</v>
      </c>
      <c r="Y11298">
        <v>87</v>
      </c>
      <c r="Z11298">
        <v>87</v>
      </c>
      <c r="AA11298">
        <v>88</v>
      </c>
      <c r="AB11298">
        <v>88</v>
      </c>
      <c r="AC11298">
        <v>88</v>
      </c>
      <c r="AD11298">
        <v>89</v>
      </c>
      <c r="AE11298">
        <v>89</v>
      </c>
      <c r="AF11298">
        <v>89</v>
      </c>
      <c r="AG11298">
        <v>90</v>
      </c>
      <c r="AH11298">
        <v>90</v>
      </c>
      <c r="AI11298">
        <v>90</v>
      </c>
      <c r="AJ11298">
        <v>91</v>
      </c>
      <c r="AK11298">
        <v>91</v>
      </c>
      <c r="AL11298">
        <v>91</v>
      </c>
      <c r="AM11298">
        <v>90</v>
      </c>
      <c r="AN11298">
        <v>90</v>
      </c>
      <c r="AO11298">
        <v>89</v>
      </c>
      <c r="AP11298">
        <v>89</v>
      </c>
      <c r="AQ11298">
        <v>88</v>
      </c>
    </row>
    <row r="11299" spans="1:43">
      <c r="A11299" t="s">
        <v>7034</v>
      </c>
      <c r="B11299" t="s">
        <v>7035</v>
      </c>
      <c r="C11299" t="s">
        <v>7036</v>
      </c>
      <c r="D11299" t="s">
        <v>7037</v>
      </c>
      <c r="E11299" t="s">
        <v>6982</v>
      </c>
      <c r="F11299" t="s">
        <v>6983</v>
      </c>
      <c r="G11299" t="s">
        <v>80</v>
      </c>
      <c r="H11299" t="s">
        <v>81</v>
      </c>
      <c r="I11299" s="2">
        <v>0</v>
      </c>
      <c r="J11299" s="2">
        <v>1</v>
      </c>
      <c r="K11299" s="2">
        <v>0</v>
      </c>
      <c r="L11299" t="s">
        <v>82</v>
      </c>
      <c r="M11299" t="s">
        <v>87</v>
      </c>
      <c r="N11299" t="s">
        <v>88</v>
      </c>
      <c r="O11299" t="s">
        <v>85</v>
      </c>
      <c r="P11299" t="s">
        <v>86</v>
      </c>
      <c r="Q11299">
        <v>83</v>
      </c>
      <c r="R11299">
        <v>83</v>
      </c>
      <c r="S11299">
        <v>82</v>
      </c>
      <c r="T11299">
        <v>82</v>
      </c>
      <c r="U11299">
        <v>82</v>
      </c>
      <c r="V11299">
        <v>82</v>
      </c>
      <c r="W11299">
        <v>82</v>
      </c>
      <c r="X11299">
        <v>81</v>
      </c>
      <c r="Y11299">
        <v>81</v>
      </c>
      <c r="Z11299">
        <v>81</v>
      </c>
      <c r="AA11299">
        <v>81</v>
      </c>
      <c r="AB11299">
        <v>81</v>
      </c>
      <c r="AC11299">
        <v>80</v>
      </c>
      <c r="AD11299">
        <v>80</v>
      </c>
      <c r="AE11299">
        <v>80</v>
      </c>
      <c r="AF11299">
        <v>80</v>
      </c>
      <c r="AG11299">
        <v>80</v>
      </c>
      <c r="AH11299">
        <v>80</v>
      </c>
      <c r="AI11299">
        <v>79</v>
      </c>
      <c r="AJ11299">
        <v>79</v>
      </c>
      <c r="AK11299">
        <v>79</v>
      </c>
      <c r="AL11299">
        <v>79</v>
      </c>
      <c r="AM11299">
        <v>79</v>
      </c>
      <c r="AN11299">
        <v>78</v>
      </c>
      <c r="AO11299">
        <v>78</v>
      </c>
      <c r="AP11299">
        <v>78</v>
      </c>
      <c r="AQ11299">
        <v>78</v>
      </c>
    </row>
    <row r="11300" spans="1:43">
      <c r="A11300" t="s">
        <v>7034</v>
      </c>
      <c r="B11300" t="s">
        <v>7035</v>
      </c>
      <c r="C11300" t="s">
        <v>7036</v>
      </c>
      <c r="D11300" t="s">
        <v>7037</v>
      </c>
      <c r="E11300" t="s">
        <v>6982</v>
      </c>
      <c r="F11300" t="s">
        <v>6983</v>
      </c>
      <c r="G11300" t="s">
        <v>80</v>
      </c>
      <c r="H11300" t="s">
        <v>81</v>
      </c>
      <c r="I11300" s="2">
        <v>0</v>
      </c>
      <c r="J11300" s="2">
        <v>1</v>
      </c>
      <c r="K11300" s="2">
        <v>0</v>
      </c>
      <c r="L11300" t="s">
        <v>82</v>
      </c>
      <c r="M11300" t="s">
        <v>89</v>
      </c>
      <c r="N11300" t="s">
        <v>90</v>
      </c>
      <c r="O11300" t="s">
        <v>85</v>
      </c>
      <c r="P11300" t="s">
        <v>86</v>
      </c>
      <c r="Q11300">
        <v>83</v>
      </c>
      <c r="R11300">
        <v>85</v>
      </c>
      <c r="S11300">
        <v>86</v>
      </c>
      <c r="T11300">
        <v>87</v>
      </c>
      <c r="U11300">
        <v>88</v>
      </c>
      <c r="V11300">
        <v>89</v>
      </c>
      <c r="W11300">
        <v>90</v>
      </c>
      <c r="X11300">
        <v>91</v>
      </c>
      <c r="Y11300">
        <v>92</v>
      </c>
      <c r="Z11300">
        <v>92</v>
      </c>
      <c r="AA11300">
        <v>93</v>
      </c>
      <c r="AB11300">
        <v>94</v>
      </c>
      <c r="AC11300">
        <v>94</v>
      </c>
      <c r="AD11300">
        <v>95</v>
      </c>
      <c r="AE11300">
        <v>95</v>
      </c>
      <c r="AF11300">
        <v>95</v>
      </c>
      <c r="AG11300">
        <v>94</v>
      </c>
      <c r="AH11300">
        <v>94</v>
      </c>
      <c r="AI11300">
        <v>93</v>
      </c>
      <c r="AJ11300">
        <v>93</v>
      </c>
      <c r="AK11300">
        <v>92</v>
      </c>
      <c r="AL11300">
        <v>91</v>
      </c>
      <c r="AM11300">
        <v>91</v>
      </c>
      <c r="AN11300">
        <v>90</v>
      </c>
      <c r="AO11300">
        <v>90</v>
      </c>
      <c r="AP11300">
        <v>89</v>
      </c>
      <c r="AQ11300">
        <v>89</v>
      </c>
    </row>
    <row r="11301" spans="1:43">
      <c r="A11301" t="s">
        <v>7034</v>
      </c>
      <c r="B11301" t="s">
        <v>7035</v>
      </c>
      <c r="C11301" t="s">
        <v>7036</v>
      </c>
      <c r="D11301" t="s">
        <v>7037</v>
      </c>
      <c r="E11301" t="s">
        <v>6982</v>
      </c>
      <c r="F11301" t="s">
        <v>6983</v>
      </c>
      <c r="G11301" t="s">
        <v>80</v>
      </c>
      <c r="H11301" t="s">
        <v>81</v>
      </c>
      <c r="I11301" s="2">
        <v>0</v>
      </c>
      <c r="J11301" s="2">
        <v>1</v>
      </c>
      <c r="K11301" s="2">
        <v>0</v>
      </c>
      <c r="L11301" t="s">
        <v>82</v>
      </c>
      <c r="M11301" t="s">
        <v>83</v>
      </c>
      <c r="N11301" t="s">
        <v>91</v>
      </c>
      <c r="O11301" t="s">
        <v>85</v>
      </c>
      <c r="P11301" t="s">
        <v>86</v>
      </c>
      <c r="Q11301">
        <v>83</v>
      </c>
      <c r="R11301">
        <v>83</v>
      </c>
      <c r="S11301">
        <v>84</v>
      </c>
      <c r="T11301">
        <v>84</v>
      </c>
      <c r="U11301">
        <v>85</v>
      </c>
      <c r="V11301">
        <v>85</v>
      </c>
      <c r="W11301">
        <v>86</v>
      </c>
      <c r="X11301">
        <v>86</v>
      </c>
      <c r="Y11301">
        <v>87</v>
      </c>
      <c r="Z11301">
        <v>87</v>
      </c>
      <c r="AA11301">
        <v>88</v>
      </c>
      <c r="AB11301">
        <v>88</v>
      </c>
      <c r="AC11301">
        <v>88</v>
      </c>
      <c r="AD11301">
        <v>89</v>
      </c>
      <c r="AE11301">
        <v>89</v>
      </c>
      <c r="AF11301">
        <v>89</v>
      </c>
      <c r="AG11301">
        <v>90</v>
      </c>
      <c r="AH11301">
        <v>90</v>
      </c>
      <c r="AI11301">
        <v>90</v>
      </c>
      <c r="AJ11301">
        <v>91</v>
      </c>
      <c r="AK11301">
        <v>91</v>
      </c>
      <c r="AL11301">
        <v>91</v>
      </c>
      <c r="AM11301">
        <v>90</v>
      </c>
      <c r="AN11301">
        <v>90</v>
      </c>
      <c r="AO11301">
        <v>89</v>
      </c>
      <c r="AP11301">
        <v>89</v>
      </c>
      <c r="AQ11301">
        <v>88</v>
      </c>
    </row>
    <row r="11302" spans="1:43">
      <c r="A11302" t="s">
        <v>7038</v>
      </c>
      <c r="B11302" t="s">
        <v>7039</v>
      </c>
      <c r="C11302" t="s">
        <v>7036</v>
      </c>
      <c r="D11302" t="s">
        <v>7037</v>
      </c>
      <c r="E11302" t="s">
        <v>6982</v>
      </c>
      <c r="F11302" t="s">
        <v>6983</v>
      </c>
      <c r="G11302" t="s">
        <v>80</v>
      </c>
      <c r="H11302" t="s">
        <v>81</v>
      </c>
      <c r="I11302" s="2">
        <v>0</v>
      </c>
      <c r="J11302" s="2">
        <v>1</v>
      </c>
      <c r="K11302" s="2">
        <v>0</v>
      </c>
      <c r="L11302" t="s">
        <v>82</v>
      </c>
      <c r="M11302" t="s">
        <v>83</v>
      </c>
      <c r="N11302" t="s">
        <v>84</v>
      </c>
      <c r="O11302" t="s">
        <v>85</v>
      </c>
      <c r="P11302" t="s">
        <v>86</v>
      </c>
      <c r="Q11302">
        <v>105</v>
      </c>
      <c r="R11302">
        <v>106</v>
      </c>
      <c r="S11302">
        <v>107</v>
      </c>
      <c r="T11302">
        <v>107</v>
      </c>
      <c r="U11302">
        <v>108</v>
      </c>
      <c r="V11302">
        <v>109</v>
      </c>
      <c r="W11302">
        <v>109</v>
      </c>
      <c r="X11302">
        <v>110</v>
      </c>
      <c r="Y11302">
        <v>110</v>
      </c>
      <c r="Z11302">
        <v>111</v>
      </c>
      <c r="AA11302">
        <v>112</v>
      </c>
      <c r="AB11302">
        <v>112</v>
      </c>
      <c r="AC11302">
        <v>113</v>
      </c>
      <c r="AD11302">
        <v>113</v>
      </c>
      <c r="AE11302">
        <v>113</v>
      </c>
      <c r="AF11302">
        <v>114</v>
      </c>
      <c r="AG11302">
        <v>114</v>
      </c>
      <c r="AH11302">
        <v>115</v>
      </c>
      <c r="AI11302">
        <v>115</v>
      </c>
      <c r="AJ11302">
        <v>115</v>
      </c>
      <c r="AK11302">
        <v>116</v>
      </c>
      <c r="AL11302">
        <v>115</v>
      </c>
      <c r="AM11302">
        <v>115</v>
      </c>
      <c r="AN11302">
        <v>114</v>
      </c>
      <c r="AO11302">
        <v>113</v>
      </c>
      <c r="AP11302">
        <v>113</v>
      </c>
      <c r="AQ11302">
        <v>112</v>
      </c>
    </row>
    <row r="11303" spans="1:43">
      <c r="A11303" t="s">
        <v>7038</v>
      </c>
      <c r="B11303" t="s">
        <v>7039</v>
      </c>
      <c r="C11303" t="s">
        <v>7036</v>
      </c>
      <c r="D11303" t="s">
        <v>7037</v>
      </c>
      <c r="E11303" t="s">
        <v>6982</v>
      </c>
      <c r="F11303" t="s">
        <v>6983</v>
      </c>
      <c r="G11303" t="s">
        <v>80</v>
      </c>
      <c r="H11303" t="s">
        <v>81</v>
      </c>
      <c r="I11303" s="2">
        <v>0</v>
      </c>
      <c r="J11303" s="2">
        <v>1</v>
      </c>
      <c r="K11303" s="2">
        <v>0</v>
      </c>
      <c r="L11303" t="s">
        <v>82</v>
      </c>
      <c r="M11303" t="s">
        <v>87</v>
      </c>
      <c r="N11303" t="s">
        <v>88</v>
      </c>
      <c r="O11303" t="s">
        <v>85</v>
      </c>
      <c r="P11303" t="s">
        <v>86</v>
      </c>
      <c r="Q11303">
        <v>105</v>
      </c>
      <c r="R11303">
        <v>105</v>
      </c>
      <c r="S11303">
        <v>105</v>
      </c>
      <c r="T11303">
        <v>104</v>
      </c>
      <c r="U11303">
        <v>104</v>
      </c>
      <c r="V11303">
        <v>104</v>
      </c>
      <c r="W11303">
        <v>104</v>
      </c>
      <c r="X11303">
        <v>103</v>
      </c>
      <c r="Y11303">
        <v>103</v>
      </c>
      <c r="Z11303">
        <v>103</v>
      </c>
      <c r="AA11303">
        <v>103</v>
      </c>
      <c r="AB11303">
        <v>102</v>
      </c>
      <c r="AC11303">
        <v>102</v>
      </c>
      <c r="AD11303">
        <v>102</v>
      </c>
      <c r="AE11303">
        <v>102</v>
      </c>
      <c r="AF11303">
        <v>101</v>
      </c>
      <c r="AG11303">
        <v>101</v>
      </c>
      <c r="AH11303">
        <v>101</v>
      </c>
      <c r="AI11303">
        <v>101</v>
      </c>
      <c r="AJ11303">
        <v>101</v>
      </c>
      <c r="AK11303">
        <v>100</v>
      </c>
      <c r="AL11303">
        <v>100</v>
      </c>
      <c r="AM11303">
        <v>100</v>
      </c>
      <c r="AN11303">
        <v>100</v>
      </c>
      <c r="AO11303">
        <v>99</v>
      </c>
      <c r="AP11303">
        <v>99</v>
      </c>
      <c r="AQ11303">
        <v>99</v>
      </c>
    </row>
    <row r="11304" spans="1:43">
      <c r="A11304" t="s">
        <v>7038</v>
      </c>
      <c r="B11304" t="s">
        <v>7039</v>
      </c>
      <c r="C11304" t="s">
        <v>7036</v>
      </c>
      <c r="D11304" t="s">
        <v>7037</v>
      </c>
      <c r="E11304" t="s">
        <v>6982</v>
      </c>
      <c r="F11304" t="s">
        <v>6983</v>
      </c>
      <c r="G11304" t="s">
        <v>80</v>
      </c>
      <c r="H11304" t="s">
        <v>81</v>
      </c>
      <c r="I11304" s="2">
        <v>0</v>
      </c>
      <c r="J11304" s="2">
        <v>1</v>
      </c>
      <c r="K11304" s="2">
        <v>0</v>
      </c>
      <c r="L11304" t="s">
        <v>82</v>
      </c>
      <c r="M11304" t="s">
        <v>89</v>
      </c>
      <c r="N11304" t="s">
        <v>90</v>
      </c>
      <c r="O11304" t="s">
        <v>85</v>
      </c>
      <c r="P11304" t="s">
        <v>86</v>
      </c>
      <c r="Q11304">
        <v>105</v>
      </c>
      <c r="R11304">
        <v>107</v>
      </c>
      <c r="S11304">
        <v>108</v>
      </c>
      <c r="T11304">
        <v>110</v>
      </c>
      <c r="U11304">
        <v>111</v>
      </c>
      <c r="V11304">
        <v>113</v>
      </c>
      <c r="W11304">
        <v>114</v>
      </c>
      <c r="X11304">
        <v>115</v>
      </c>
      <c r="Y11304">
        <v>116</v>
      </c>
      <c r="Z11304">
        <v>117</v>
      </c>
      <c r="AA11304">
        <v>118</v>
      </c>
      <c r="AB11304">
        <v>118</v>
      </c>
      <c r="AC11304">
        <v>119</v>
      </c>
      <c r="AD11304">
        <v>120</v>
      </c>
      <c r="AE11304">
        <v>120</v>
      </c>
      <c r="AF11304">
        <v>119</v>
      </c>
      <c r="AG11304">
        <v>119</v>
      </c>
      <c r="AH11304">
        <v>118</v>
      </c>
      <c r="AI11304">
        <v>117</v>
      </c>
      <c r="AJ11304">
        <v>117</v>
      </c>
      <c r="AK11304">
        <v>116</v>
      </c>
      <c r="AL11304">
        <v>116</v>
      </c>
      <c r="AM11304">
        <v>115</v>
      </c>
      <c r="AN11304">
        <v>114</v>
      </c>
      <c r="AO11304">
        <v>114</v>
      </c>
      <c r="AP11304">
        <v>113</v>
      </c>
      <c r="AQ11304">
        <v>112</v>
      </c>
    </row>
    <row r="11305" spans="1:43">
      <c r="A11305" t="s">
        <v>7038</v>
      </c>
      <c r="B11305" t="s">
        <v>7039</v>
      </c>
      <c r="C11305" t="s">
        <v>7036</v>
      </c>
      <c r="D11305" t="s">
        <v>7037</v>
      </c>
      <c r="E11305" t="s">
        <v>6982</v>
      </c>
      <c r="F11305" t="s">
        <v>6983</v>
      </c>
      <c r="G11305" t="s">
        <v>80</v>
      </c>
      <c r="H11305" t="s">
        <v>81</v>
      </c>
      <c r="I11305" s="2">
        <v>0</v>
      </c>
      <c r="J11305" s="2">
        <v>1</v>
      </c>
      <c r="K11305" s="2">
        <v>0</v>
      </c>
      <c r="L11305" t="s">
        <v>82</v>
      </c>
      <c r="M11305" t="s">
        <v>83</v>
      </c>
      <c r="N11305" t="s">
        <v>91</v>
      </c>
      <c r="O11305" t="s">
        <v>85</v>
      </c>
      <c r="P11305" t="s">
        <v>86</v>
      </c>
      <c r="Q11305">
        <v>105</v>
      </c>
      <c r="R11305">
        <v>106</v>
      </c>
      <c r="S11305">
        <v>107</v>
      </c>
      <c r="T11305">
        <v>107</v>
      </c>
      <c r="U11305">
        <v>108</v>
      </c>
      <c r="V11305">
        <v>109</v>
      </c>
      <c r="W11305">
        <v>109</v>
      </c>
      <c r="X11305">
        <v>110</v>
      </c>
      <c r="Y11305">
        <v>110</v>
      </c>
      <c r="Z11305">
        <v>111</v>
      </c>
      <c r="AA11305">
        <v>112</v>
      </c>
      <c r="AB11305">
        <v>112</v>
      </c>
      <c r="AC11305">
        <v>113</v>
      </c>
      <c r="AD11305">
        <v>113</v>
      </c>
      <c r="AE11305">
        <v>113</v>
      </c>
      <c r="AF11305">
        <v>114</v>
      </c>
      <c r="AG11305">
        <v>114</v>
      </c>
      <c r="AH11305">
        <v>115</v>
      </c>
      <c r="AI11305">
        <v>115</v>
      </c>
      <c r="AJ11305">
        <v>115</v>
      </c>
      <c r="AK11305">
        <v>116</v>
      </c>
      <c r="AL11305">
        <v>115</v>
      </c>
      <c r="AM11305">
        <v>115</v>
      </c>
      <c r="AN11305">
        <v>114</v>
      </c>
      <c r="AO11305">
        <v>113</v>
      </c>
      <c r="AP11305">
        <v>113</v>
      </c>
      <c r="AQ11305">
        <v>112</v>
      </c>
    </row>
    <row r="11306" spans="1:43">
      <c r="A11306" t="s">
        <v>7040</v>
      </c>
      <c r="B11306" t="s">
        <v>7041</v>
      </c>
      <c r="C11306" t="s">
        <v>6988</v>
      </c>
      <c r="D11306" t="s">
        <v>6989</v>
      </c>
      <c r="E11306" t="s">
        <v>6982</v>
      </c>
      <c r="F11306" t="s">
        <v>6983</v>
      </c>
      <c r="G11306" t="s">
        <v>80</v>
      </c>
      <c r="H11306" t="s">
        <v>81</v>
      </c>
      <c r="I11306" s="2">
        <v>0</v>
      </c>
      <c r="J11306" s="2">
        <v>1</v>
      </c>
      <c r="K11306" s="2">
        <v>0</v>
      </c>
      <c r="L11306" t="s">
        <v>82</v>
      </c>
      <c r="M11306" t="s">
        <v>83</v>
      </c>
      <c r="N11306" t="s">
        <v>84</v>
      </c>
      <c r="O11306" t="s">
        <v>85</v>
      </c>
      <c r="P11306" t="s">
        <v>86</v>
      </c>
      <c r="Q11306">
        <v>23</v>
      </c>
      <c r="R11306">
        <v>23</v>
      </c>
      <c r="S11306">
        <v>23</v>
      </c>
      <c r="T11306">
        <v>23</v>
      </c>
      <c r="U11306">
        <v>23</v>
      </c>
      <c r="V11306">
        <v>23</v>
      </c>
      <c r="W11306">
        <v>23</v>
      </c>
      <c r="X11306">
        <v>24</v>
      </c>
      <c r="Y11306">
        <v>24</v>
      </c>
      <c r="Z11306">
        <v>24</v>
      </c>
      <c r="AA11306">
        <v>24</v>
      </c>
      <c r="AB11306">
        <v>24</v>
      </c>
      <c r="AC11306">
        <v>24</v>
      </c>
      <c r="AD11306">
        <v>24</v>
      </c>
      <c r="AE11306">
        <v>24</v>
      </c>
      <c r="AF11306">
        <v>24</v>
      </c>
      <c r="AG11306">
        <v>25</v>
      </c>
      <c r="AH11306">
        <v>25</v>
      </c>
      <c r="AI11306">
        <v>25</v>
      </c>
      <c r="AJ11306">
        <v>25</v>
      </c>
      <c r="AK11306">
        <v>25</v>
      </c>
      <c r="AL11306">
        <v>25</v>
      </c>
      <c r="AM11306">
        <v>25</v>
      </c>
      <c r="AN11306">
        <v>24</v>
      </c>
      <c r="AO11306">
        <v>24</v>
      </c>
      <c r="AP11306">
        <v>24</v>
      </c>
      <c r="AQ11306">
        <v>24</v>
      </c>
    </row>
    <row r="11307" spans="1:43">
      <c r="A11307" t="s">
        <v>7040</v>
      </c>
      <c r="B11307" t="s">
        <v>7041</v>
      </c>
      <c r="C11307" t="s">
        <v>6988</v>
      </c>
      <c r="D11307" t="s">
        <v>6989</v>
      </c>
      <c r="E11307" t="s">
        <v>6982</v>
      </c>
      <c r="F11307" t="s">
        <v>6983</v>
      </c>
      <c r="G11307" t="s">
        <v>80</v>
      </c>
      <c r="H11307" t="s">
        <v>81</v>
      </c>
      <c r="I11307" s="2">
        <v>0</v>
      </c>
      <c r="J11307" s="2">
        <v>1</v>
      </c>
      <c r="K11307" s="2">
        <v>0</v>
      </c>
      <c r="L11307" t="s">
        <v>82</v>
      </c>
      <c r="M11307" t="s">
        <v>87</v>
      </c>
      <c r="N11307" t="s">
        <v>88</v>
      </c>
      <c r="O11307" t="s">
        <v>85</v>
      </c>
      <c r="P11307" t="s">
        <v>86</v>
      </c>
      <c r="Q11307">
        <v>23</v>
      </c>
      <c r="R11307">
        <v>23</v>
      </c>
      <c r="S11307">
        <v>23</v>
      </c>
      <c r="T11307">
        <v>23</v>
      </c>
      <c r="U11307">
        <v>23</v>
      </c>
      <c r="V11307">
        <v>23</v>
      </c>
      <c r="W11307">
        <v>23</v>
      </c>
      <c r="X11307">
        <v>23</v>
      </c>
      <c r="Y11307">
        <v>23</v>
      </c>
      <c r="Z11307">
        <v>23</v>
      </c>
      <c r="AA11307">
        <v>23</v>
      </c>
      <c r="AB11307">
        <v>23</v>
      </c>
      <c r="AC11307">
        <v>23</v>
      </c>
      <c r="AD11307">
        <v>23</v>
      </c>
      <c r="AE11307">
        <v>23</v>
      </c>
      <c r="AF11307">
        <v>23</v>
      </c>
      <c r="AG11307">
        <v>23</v>
      </c>
      <c r="AH11307">
        <v>22</v>
      </c>
      <c r="AI11307">
        <v>22</v>
      </c>
      <c r="AJ11307">
        <v>22</v>
      </c>
      <c r="AK11307">
        <v>22</v>
      </c>
      <c r="AL11307">
        <v>22</v>
      </c>
      <c r="AM11307">
        <v>22</v>
      </c>
      <c r="AN11307">
        <v>22</v>
      </c>
      <c r="AO11307">
        <v>22</v>
      </c>
      <c r="AP11307">
        <v>22</v>
      </c>
      <c r="AQ11307">
        <v>22</v>
      </c>
    </row>
    <row r="11308" spans="1:43">
      <c r="A11308" t="s">
        <v>7040</v>
      </c>
      <c r="B11308" t="s">
        <v>7041</v>
      </c>
      <c r="C11308" t="s">
        <v>6988</v>
      </c>
      <c r="D11308" t="s">
        <v>6989</v>
      </c>
      <c r="E11308" t="s">
        <v>6982</v>
      </c>
      <c r="F11308" t="s">
        <v>6983</v>
      </c>
      <c r="G11308" t="s">
        <v>80</v>
      </c>
      <c r="H11308" t="s">
        <v>81</v>
      </c>
      <c r="I11308" s="2">
        <v>0</v>
      </c>
      <c r="J11308" s="2">
        <v>1</v>
      </c>
      <c r="K11308" s="2">
        <v>0</v>
      </c>
      <c r="L11308" t="s">
        <v>82</v>
      </c>
      <c r="M11308" t="s">
        <v>89</v>
      </c>
      <c r="N11308" t="s">
        <v>90</v>
      </c>
      <c r="O11308" t="s">
        <v>85</v>
      </c>
      <c r="P11308" t="s">
        <v>86</v>
      </c>
      <c r="Q11308">
        <v>23</v>
      </c>
      <c r="R11308">
        <v>23</v>
      </c>
      <c r="S11308">
        <v>24</v>
      </c>
      <c r="T11308">
        <v>24</v>
      </c>
      <c r="U11308">
        <v>24</v>
      </c>
      <c r="V11308">
        <v>24</v>
      </c>
      <c r="W11308">
        <v>25</v>
      </c>
      <c r="X11308">
        <v>25</v>
      </c>
      <c r="Y11308">
        <v>25</v>
      </c>
      <c r="Z11308">
        <v>25</v>
      </c>
      <c r="AA11308">
        <v>25</v>
      </c>
      <c r="AB11308">
        <v>26</v>
      </c>
      <c r="AC11308">
        <v>26</v>
      </c>
      <c r="AD11308">
        <v>26</v>
      </c>
      <c r="AE11308">
        <v>26</v>
      </c>
      <c r="AF11308">
        <v>26</v>
      </c>
      <c r="AG11308">
        <v>26</v>
      </c>
      <c r="AH11308">
        <v>26</v>
      </c>
      <c r="AI11308">
        <v>25</v>
      </c>
      <c r="AJ11308">
        <v>25</v>
      </c>
      <c r="AK11308">
        <v>25</v>
      </c>
      <c r="AL11308">
        <v>25</v>
      </c>
      <c r="AM11308">
        <v>25</v>
      </c>
      <c r="AN11308">
        <v>25</v>
      </c>
      <c r="AO11308">
        <v>25</v>
      </c>
      <c r="AP11308">
        <v>24</v>
      </c>
      <c r="AQ11308">
        <v>24</v>
      </c>
    </row>
    <row r="11309" spans="1:43">
      <c r="A11309" t="s">
        <v>7040</v>
      </c>
      <c r="B11309" t="s">
        <v>7041</v>
      </c>
      <c r="C11309" t="s">
        <v>6988</v>
      </c>
      <c r="D11309" t="s">
        <v>6989</v>
      </c>
      <c r="E11309" t="s">
        <v>6982</v>
      </c>
      <c r="F11309" t="s">
        <v>6983</v>
      </c>
      <c r="G11309" t="s">
        <v>80</v>
      </c>
      <c r="H11309" t="s">
        <v>81</v>
      </c>
      <c r="I11309" s="2">
        <v>0</v>
      </c>
      <c r="J11309" s="2">
        <v>1</v>
      </c>
      <c r="K11309" s="2">
        <v>0</v>
      </c>
      <c r="L11309" t="s">
        <v>82</v>
      </c>
      <c r="M11309" t="s">
        <v>83</v>
      </c>
      <c r="N11309" t="s">
        <v>91</v>
      </c>
      <c r="O11309" t="s">
        <v>85</v>
      </c>
      <c r="P11309" t="s">
        <v>86</v>
      </c>
      <c r="Q11309">
        <v>23</v>
      </c>
      <c r="R11309">
        <v>23</v>
      </c>
      <c r="S11309">
        <v>23</v>
      </c>
      <c r="T11309">
        <v>23</v>
      </c>
      <c r="U11309">
        <v>23</v>
      </c>
      <c r="V11309">
        <v>23</v>
      </c>
      <c r="W11309">
        <v>23</v>
      </c>
      <c r="X11309">
        <v>24</v>
      </c>
      <c r="Y11309">
        <v>24</v>
      </c>
      <c r="Z11309">
        <v>24</v>
      </c>
      <c r="AA11309">
        <v>24</v>
      </c>
      <c r="AB11309">
        <v>24</v>
      </c>
      <c r="AC11309">
        <v>24</v>
      </c>
      <c r="AD11309">
        <v>24</v>
      </c>
      <c r="AE11309">
        <v>24</v>
      </c>
      <c r="AF11309">
        <v>24</v>
      </c>
      <c r="AG11309">
        <v>25</v>
      </c>
      <c r="AH11309">
        <v>25</v>
      </c>
      <c r="AI11309">
        <v>25</v>
      </c>
      <c r="AJ11309">
        <v>25</v>
      </c>
      <c r="AK11309">
        <v>25</v>
      </c>
      <c r="AL11309">
        <v>25</v>
      </c>
      <c r="AM11309">
        <v>25</v>
      </c>
      <c r="AN11309">
        <v>24</v>
      </c>
      <c r="AO11309">
        <v>24</v>
      </c>
      <c r="AP11309">
        <v>24</v>
      </c>
      <c r="AQ11309">
        <v>24</v>
      </c>
    </row>
    <row r="11310" spans="1:43">
      <c r="A11310" t="s">
        <v>7042</v>
      </c>
      <c r="B11310" t="s">
        <v>7043</v>
      </c>
      <c r="C11310" t="s">
        <v>6988</v>
      </c>
      <c r="D11310" t="s">
        <v>6989</v>
      </c>
      <c r="E11310" t="s">
        <v>6982</v>
      </c>
      <c r="F11310" t="s">
        <v>6983</v>
      </c>
      <c r="G11310" t="s">
        <v>80</v>
      </c>
      <c r="H11310" t="s">
        <v>81</v>
      </c>
      <c r="I11310" s="2">
        <v>0</v>
      </c>
      <c r="J11310" s="2">
        <v>1</v>
      </c>
      <c r="K11310" s="2">
        <v>0</v>
      </c>
      <c r="L11310" t="s">
        <v>82</v>
      </c>
      <c r="M11310" t="s">
        <v>83</v>
      </c>
      <c r="N11310" t="s">
        <v>84</v>
      </c>
      <c r="O11310" t="s">
        <v>85</v>
      </c>
      <c r="P11310" t="s">
        <v>86</v>
      </c>
      <c r="Q11310">
        <v>10</v>
      </c>
      <c r="R11310">
        <v>10</v>
      </c>
      <c r="S11310">
        <v>10</v>
      </c>
      <c r="T11310">
        <v>10</v>
      </c>
      <c r="U11310">
        <v>10</v>
      </c>
      <c r="V11310">
        <v>10</v>
      </c>
      <c r="W11310">
        <v>10</v>
      </c>
      <c r="X11310">
        <v>10</v>
      </c>
      <c r="Y11310">
        <v>10</v>
      </c>
      <c r="Z11310">
        <v>10</v>
      </c>
      <c r="AA11310">
        <v>10</v>
      </c>
      <c r="AB11310">
        <v>10</v>
      </c>
      <c r="AC11310">
        <v>10</v>
      </c>
      <c r="AD11310">
        <v>11</v>
      </c>
      <c r="AE11310">
        <v>11</v>
      </c>
      <c r="AF11310">
        <v>11</v>
      </c>
      <c r="AG11310">
        <v>11</v>
      </c>
      <c r="AH11310">
        <v>11</v>
      </c>
      <c r="AI11310">
        <v>11</v>
      </c>
      <c r="AJ11310">
        <v>11</v>
      </c>
      <c r="AK11310">
        <v>11</v>
      </c>
      <c r="AL11310">
        <v>11</v>
      </c>
      <c r="AM11310">
        <v>11</v>
      </c>
      <c r="AN11310">
        <v>11</v>
      </c>
      <c r="AO11310">
        <v>11</v>
      </c>
      <c r="AP11310">
        <v>11</v>
      </c>
      <c r="AQ11310">
        <v>10</v>
      </c>
    </row>
    <row r="11311" spans="1:43">
      <c r="A11311" t="s">
        <v>7042</v>
      </c>
      <c r="B11311" t="s">
        <v>7043</v>
      </c>
      <c r="C11311" t="s">
        <v>6988</v>
      </c>
      <c r="D11311" t="s">
        <v>6989</v>
      </c>
      <c r="E11311" t="s">
        <v>6982</v>
      </c>
      <c r="F11311" t="s">
        <v>6983</v>
      </c>
      <c r="G11311" t="s">
        <v>80</v>
      </c>
      <c r="H11311" t="s">
        <v>81</v>
      </c>
      <c r="I11311" s="2">
        <v>0</v>
      </c>
      <c r="J11311" s="2">
        <v>1</v>
      </c>
      <c r="K11311" s="2">
        <v>0</v>
      </c>
      <c r="L11311" t="s">
        <v>82</v>
      </c>
      <c r="M11311" t="s">
        <v>87</v>
      </c>
      <c r="N11311" t="s">
        <v>88</v>
      </c>
      <c r="O11311" t="s">
        <v>85</v>
      </c>
      <c r="P11311" t="s">
        <v>86</v>
      </c>
      <c r="Q11311">
        <v>10</v>
      </c>
      <c r="R11311">
        <v>10</v>
      </c>
      <c r="S11311">
        <v>10</v>
      </c>
      <c r="T11311">
        <v>10</v>
      </c>
      <c r="U11311">
        <v>10</v>
      </c>
      <c r="V11311">
        <v>10</v>
      </c>
      <c r="W11311">
        <v>10</v>
      </c>
      <c r="X11311">
        <v>10</v>
      </c>
      <c r="Y11311">
        <v>10</v>
      </c>
      <c r="Z11311">
        <v>9</v>
      </c>
      <c r="AA11311">
        <v>9</v>
      </c>
      <c r="AB11311">
        <v>9</v>
      </c>
      <c r="AC11311">
        <v>9</v>
      </c>
      <c r="AD11311">
        <v>9</v>
      </c>
      <c r="AE11311">
        <v>9</v>
      </c>
      <c r="AF11311">
        <v>9</v>
      </c>
      <c r="AG11311">
        <v>9</v>
      </c>
      <c r="AH11311">
        <v>9</v>
      </c>
      <c r="AI11311">
        <v>9</v>
      </c>
      <c r="AJ11311">
        <v>9</v>
      </c>
      <c r="AK11311">
        <v>9</v>
      </c>
      <c r="AL11311">
        <v>9</v>
      </c>
      <c r="AM11311">
        <v>9</v>
      </c>
      <c r="AN11311">
        <v>9</v>
      </c>
      <c r="AO11311">
        <v>9</v>
      </c>
      <c r="AP11311">
        <v>9</v>
      </c>
      <c r="AQ11311">
        <v>9</v>
      </c>
    </row>
    <row r="11312" spans="1:43">
      <c r="A11312" t="s">
        <v>7042</v>
      </c>
      <c r="B11312" t="s">
        <v>7043</v>
      </c>
      <c r="C11312" t="s">
        <v>6988</v>
      </c>
      <c r="D11312" t="s">
        <v>6989</v>
      </c>
      <c r="E11312" t="s">
        <v>6982</v>
      </c>
      <c r="F11312" t="s">
        <v>6983</v>
      </c>
      <c r="G11312" t="s">
        <v>80</v>
      </c>
      <c r="H11312" t="s">
        <v>81</v>
      </c>
      <c r="I11312" s="2">
        <v>0</v>
      </c>
      <c r="J11312" s="2">
        <v>1</v>
      </c>
      <c r="K11312" s="2">
        <v>0</v>
      </c>
      <c r="L11312" t="s">
        <v>82</v>
      </c>
      <c r="M11312" t="s">
        <v>89</v>
      </c>
      <c r="N11312" t="s">
        <v>90</v>
      </c>
      <c r="O11312" t="s">
        <v>85</v>
      </c>
      <c r="P11312" t="s">
        <v>86</v>
      </c>
      <c r="Q11312">
        <v>10</v>
      </c>
      <c r="R11312">
        <v>10</v>
      </c>
      <c r="S11312">
        <v>10</v>
      </c>
      <c r="T11312">
        <v>10</v>
      </c>
      <c r="U11312">
        <v>10</v>
      </c>
      <c r="V11312">
        <v>11</v>
      </c>
      <c r="W11312">
        <v>11</v>
      </c>
      <c r="X11312">
        <v>11</v>
      </c>
      <c r="Y11312">
        <v>11</v>
      </c>
      <c r="Z11312">
        <v>11</v>
      </c>
      <c r="AA11312">
        <v>11</v>
      </c>
      <c r="AB11312">
        <v>11</v>
      </c>
      <c r="AC11312">
        <v>11</v>
      </c>
      <c r="AD11312">
        <v>11</v>
      </c>
      <c r="AE11312">
        <v>11</v>
      </c>
      <c r="AF11312">
        <v>11</v>
      </c>
      <c r="AG11312">
        <v>11</v>
      </c>
      <c r="AH11312">
        <v>11</v>
      </c>
      <c r="AI11312">
        <v>11</v>
      </c>
      <c r="AJ11312">
        <v>11</v>
      </c>
      <c r="AK11312">
        <v>11</v>
      </c>
      <c r="AL11312">
        <v>11</v>
      </c>
      <c r="AM11312">
        <v>11</v>
      </c>
      <c r="AN11312">
        <v>11</v>
      </c>
      <c r="AO11312">
        <v>11</v>
      </c>
      <c r="AP11312">
        <v>11</v>
      </c>
      <c r="AQ11312">
        <v>11</v>
      </c>
    </row>
    <row r="11313" spans="1:43">
      <c r="A11313" t="s">
        <v>7042</v>
      </c>
      <c r="B11313" t="s">
        <v>7043</v>
      </c>
      <c r="C11313" t="s">
        <v>6988</v>
      </c>
      <c r="D11313" t="s">
        <v>6989</v>
      </c>
      <c r="E11313" t="s">
        <v>6982</v>
      </c>
      <c r="F11313" t="s">
        <v>6983</v>
      </c>
      <c r="G11313" t="s">
        <v>80</v>
      </c>
      <c r="H11313" t="s">
        <v>81</v>
      </c>
      <c r="I11313" s="2">
        <v>0</v>
      </c>
      <c r="J11313" s="2">
        <v>1</v>
      </c>
      <c r="K11313" s="2">
        <v>0</v>
      </c>
      <c r="L11313" t="s">
        <v>82</v>
      </c>
      <c r="M11313" t="s">
        <v>83</v>
      </c>
      <c r="N11313" t="s">
        <v>91</v>
      </c>
      <c r="O11313" t="s">
        <v>85</v>
      </c>
      <c r="P11313" t="s">
        <v>86</v>
      </c>
      <c r="Q11313">
        <v>10</v>
      </c>
      <c r="R11313">
        <v>10</v>
      </c>
      <c r="S11313">
        <v>10</v>
      </c>
      <c r="T11313">
        <v>10</v>
      </c>
      <c r="U11313">
        <v>10</v>
      </c>
      <c r="V11313">
        <v>10</v>
      </c>
      <c r="W11313">
        <v>10</v>
      </c>
      <c r="X11313">
        <v>10</v>
      </c>
      <c r="Y11313">
        <v>10</v>
      </c>
      <c r="Z11313">
        <v>10</v>
      </c>
      <c r="AA11313">
        <v>10</v>
      </c>
      <c r="AB11313">
        <v>10</v>
      </c>
      <c r="AC11313">
        <v>10</v>
      </c>
      <c r="AD11313">
        <v>11</v>
      </c>
      <c r="AE11313">
        <v>11</v>
      </c>
      <c r="AF11313">
        <v>11</v>
      </c>
      <c r="AG11313">
        <v>11</v>
      </c>
      <c r="AH11313">
        <v>11</v>
      </c>
      <c r="AI11313">
        <v>11</v>
      </c>
      <c r="AJ11313">
        <v>11</v>
      </c>
      <c r="AK11313">
        <v>11</v>
      </c>
      <c r="AL11313">
        <v>11</v>
      </c>
      <c r="AM11313">
        <v>11</v>
      </c>
      <c r="AN11313">
        <v>11</v>
      </c>
      <c r="AO11313">
        <v>11</v>
      </c>
      <c r="AP11313">
        <v>11</v>
      </c>
      <c r="AQ11313">
        <v>10</v>
      </c>
    </row>
    <row r="11314" spans="1:43">
      <c r="A11314" t="s">
        <v>7044</v>
      </c>
      <c r="B11314" t="s">
        <v>7045</v>
      </c>
      <c r="C11314" t="s">
        <v>7032</v>
      </c>
      <c r="D11314" t="s">
        <v>7033</v>
      </c>
      <c r="E11314" t="s">
        <v>6982</v>
      </c>
      <c r="F11314" t="s">
        <v>6983</v>
      </c>
      <c r="G11314" t="s">
        <v>80</v>
      </c>
      <c r="H11314" t="s">
        <v>81</v>
      </c>
      <c r="I11314" s="2">
        <v>0</v>
      </c>
      <c r="J11314" s="2">
        <v>1</v>
      </c>
      <c r="K11314" s="2">
        <v>0</v>
      </c>
      <c r="L11314" t="s">
        <v>82</v>
      </c>
      <c r="M11314" t="s">
        <v>83</v>
      </c>
      <c r="N11314" t="s">
        <v>84</v>
      </c>
      <c r="O11314" t="s">
        <v>85</v>
      </c>
      <c r="P11314" t="s">
        <v>86</v>
      </c>
      <c r="Q11314">
        <v>41</v>
      </c>
      <c r="R11314">
        <v>41</v>
      </c>
      <c r="S11314">
        <v>41</v>
      </c>
      <c r="T11314">
        <v>42</v>
      </c>
      <c r="U11314">
        <v>42</v>
      </c>
      <c r="V11314">
        <v>42</v>
      </c>
      <c r="W11314">
        <v>42</v>
      </c>
      <c r="X11314">
        <v>43</v>
      </c>
      <c r="Y11314">
        <v>43</v>
      </c>
      <c r="Z11314">
        <v>43</v>
      </c>
      <c r="AA11314">
        <v>43</v>
      </c>
      <c r="AB11314">
        <v>43</v>
      </c>
      <c r="AC11314">
        <v>44</v>
      </c>
      <c r="AD11314">
        <v>44</v>
      </c>
      <c r="AE11314">
        <v>44</v>
      </c>
      <c r="AF11314">
        <v>44</v>
      </c>
      <c r="AG11314">
        <v>44</v>
      </c>
      <c r="AH11314">
        <v>44</v>
      </c>
      <c r="AI11314">
        <v>45</v>
      </c>
      <c r="AJ11314">
        <v>45</v>
      </c>
      <c r="AK11314">
        <v>45</v>
      </c>
      <c r="AL11314">
        <v>45</v>
      </c>
      <c r="AM11314">
        <v>44</v>
      </c>
      <c r="AN11314">
        <v>44</v>
      </c>
      <c r="AO11314">
        <v>44</v>
      </c>
      <c r="AP11314">
        <v>44</v>
      </c>
      <c r="AQ11314">
        <v>43</v>
      </c>
    </row>
    <row r="11315" spans="1:43">
      <c r="A11315" t="s">
        <v>7044</v>
      </c>
      <c r="B11315" t="s">
        <v>7045</v>
      </c>
      <c r="C11315" t="s">
        <v>7032</v>
      </c>
      <c r="D11315" t="s">
        <v>7033</v>
      </c>
      <c r="E11315" t="s">
        <v>6982</v>
      </c>
      <c r="F11315" t="s">
        <v>6983</v>
      </c>
      <c r="G11315" t="s">
        <v>80</v>
      </c>
      <c r="H11315" t="s">
        <v>81</v>
      </c>
      <c r="I11315" s="2">
        <v>0</v>
      </c>
      <c r="J11315" s="2">
        <v>1</v>
      </c>
      <c r="K11315" s="2">
        <v>0</v>
      </c>
      <c r="L11315" t="s">
        <v>82</v>
      </c>
      <c r="M11315" t="s">
        <v>87</v>
      </c>
      <c r="N11315" t="s">
        <v>88</v>
      </c>
      <c r="O11315" t="s">
        <v>85</v>
      </c>
      <c r="P11315" t="s">
        <v>86</v>
      </c>
      <c r="Q11315">
        <v>41</v>
      </c>
      <c r="R11315">
        <v>41</v>
      </c>
      <c r="S11315">
        <v>41</v>
      </c>
      <c r="T11315">
        <v>41</v>
      </c>
      <c r="U11315">
        <v>41</v>
      </c>
      <c r="V11315">
        <v>41</v>
      </c>
      <c r="W11315">
        <v>41</v>
      </c>
      <c r="X11315">
        <v>41</v>
      </c>
      <c r="Y11315">
        <v>41</v>
      </c>
      <c r="Z11315">
        <v>40</v>
      </c>
      <c r="AA11315">
        <v>40</v>
      </c>
      <c r="AB11315">
        <v>40</v>
      </c>
      <c r="AC11315">
        <v>40</v>
      </c>
      <c r="AD11315">
        <v>40</v>
      </c>
      <c r="AE11315">
        <v>40</v>
      </c>
      <c r="AF11315">
        <v>40</v>
      </c>
      <c r="AG11315">
        <v>40</v>
      </c>
      <c r="AH11315">
        <v>40</v>
      </c>
      <c r="AI11315">
        <v>40</v>
      </c>
      <c r="AJ11315">
        <v>40</v>
      </c>
      <c r="AK11315">
        <v>40</v>
      </c>
      <c r="AL11315">
        <v>39</v>
      </c>
      <c r="AM11315">
        <v>39</v>
      </c>
      <c r="AN11315">
        <v>39</v>
      </c>
      <c r="AO11315">
        <v>39</v>
      </c>
      <c r="AP11315">
        <v>39</v>
      </c>
      <c r="AQ11315">
        <v>39</v>
      </c>
    </row>
    <row r="11316" spans="1:43">
      <c r="A11316" t="s">
        <v>7044</v>
      </c>
      <c r="B11316" t="s">
        <v>7045</v>
      </c>
      <c r="C11316" t="s">
        <v>7032</v>
      </c>
      <c r="D11316" t="s">
        <v>7033</v>
      </c>
      <c r="E11316" t="s">
        <v>6982</v>
      </c>
      <c r="F11316" t="s">
        <v>6983</v>
      </c>
      <c r="G11316" t="s">
        <v>80</v>
      </c>
      <c r="H11316" t="s">
        <v>81</v>
      </c>
      <c r="I11316" s="2">
        <v>0</v>
      </c>
      <c r="J11316" s="2">
        <v>1</v>
      </c>
      <c r="K11316" s="2">
        <v>0</v>
      </c>
      <c r="L11316" t="s">
        <v>82</v>
      </c>
      <c r="M11316" t="s">
        <v>89</v>
      </c>
      <c r="N11316" t="s">
        <v>90</v>
      </c>
      <c r="O11316" t="s">
        <v>85</v>
      </c>
      <c r="P11316" t="s">
        <v>86</v>
      </c>
      <c r="Q11316">
        <v>41</v>
      </c>
      <c r="R11316">
        <v>42</v>
      </c>
      <c r="S11316">
        <v>42</v>
      </c>
      <c r="T11316">
        <v>43</v>
      </c>
      <c r="U11316">
        <v>43</v>
      </c>
      <c r="V11316">
        <v>44</v>
      </c>
      <c r="W11316">
        <v>45</v>
      </c>
      <c r="X11316">
        <v>45</v>
      </c>
      <c r="Y11316">
        <v>45</v>
      </c>
      <c r="Z11316">
        <v>46</v>
      </c>
      <c r="AA11316">
        <v>46</v>
      </c>
      <c r="AB11316">
        <v>46</v>
      </c>
      <c r="AC11316">
        <v>47</v>
      </c>
      <c r="AD11316">
        <v>47</v>
      </c>
      <c r="AE11316">
        <v>47</v>
      </c>
      <c r="AF11316">
        <v>47</v>
      </c>
      <c r="AG11316">
        <v>46</v>
      </c>
      <c r="AH11316">
        <v>46</v>
      </c>
      <c r="AI11316">
        <v>46</v>
      </c>
      <c r="AJ11316">
        <v>46</v>
      </c>
      <c r="AK11316">
        <v>45</v>
      </c>
      <c r="AL11316">
        <v>45</v>
      </c>
      <c r="AM11316">
        <v>45</v>
      </c>
      <c r="AN11316">
        <v>45</v>
      </c>
      <c r="AO11316">
        <v>44</v>
      </c>
      <c r="AP11316">
        <v>44</v>
      </c>
      <c r="AQ11316">
        <v>44</v>
      </c>
    </row>
    <row r="11317" spans="1:43">
      <c r="A11317" t="s">
        <v>7044</v>
      </c>
      <c r="B11317" t="s">
        <v>7045</v>
      </c>
      <c r="C11317" t="s">
        <v>7032</v>
      </c>
      <c r="D11317" t="s">
        <v>7033</v>
      </c>
      <c r="E11317" t="s">
        <v>6982</v>
      </c>
      <c r="F11317" t="s">
        <v>6983</v>
      </c>
      <c r="G11317" t="s">
        <v>80</v>
      </c>
      <c r="H11317" t="s">
        <v>81</v>
      </c>
      <c r="I11317" s="2">
        <v>0</v>
      </c>
      <c r="J11317" s="2">
        <v>1</v>
      </c>
      <c r="K11317" s="2">
        <v>0</v>
      </c>
      <c r="L11317" t="s">
        <v>82</v>
      </c>
      <c r="M11317" t="s">
        <v>83</v>
      </c>
      <c r="N11317" t="s">
        <v>91</v>
      </c>
      <c r="O11317" t="s">
        <v>85</v>
      </c>
      <c r="P11317" t="s">
        <v>86</v>
      </c>
      <c r="Q11317">
        <v>41</v>
      </c>
      <c r="R11317">
        <v>41</v>
      </c>
      <c r="S11317">
        <v>41</v>
      </c>
      <c r="T11317">
        <v>42</v>
      </c>
      <c r="U11317">
        <v>42</v>
      </c>
      <c r="V11317">
        <v>42</v>
      </c>
      <c r="W11317">
        <v>42</v>
      </c>
      <c r="X11317">
        <v>43</v>
      </c>
      <c r="Y11317">
        <v>43</v>
      </c>
      <c r="Z11317">
        <v>43</v>
      </c>
      <c r="AA11317">
        <v>43</v>
      </c>
      <c r="AB11317">
        <v>43</v>
      </c>
      <c r="AC11317">
        <v>44</v>
      </c>
      <c r="AD11317">
        <v>44</v>
      </c>
      <c r="AE11317">
        <v>44</v>
      </c>
      <c r="AF11317">
        <v>44</v>
      </c>
      <c r="AG11317">
        <v>44</v>
      </c>
      <c r="AH11317">
        <v>44</v>
      </c>
      <c r="AI11317">
        <v>45</v>
      </c>
      <c r="AJ11317">
        <v>45</v>
      </c>
      <c r="AK11317">
        <v>45</v>
      </c>
      <c r="AL11317">
        <v>45</v>
      </c>
      <c r="AM11317">
        <v>44</v>
      </c>
      <c r="AN11317">
        <v>44</v>
      </c>
      <c r="AO11317">
        <v>44</v>
      </c>
      <c r="AP11317">
        <v>44</v>
      </c>
      <c r="AQ11317">
        <v>43</v>
      </c>
    </row>
    <row r="11318" spans="1:43">
      <c r="A11318" t="s">
        <v>7046</v>
      </c>
      <c r="B11318" t="s">
        <v>7047</v>
      </c>
      <c r="C11318" t="s">
        <v>7032</v>
      </c>
      <c r="D11318" t="s">
        <v>7033</v>
      </c>
      <c r="E11318" t="s">
        <v>6982</v>
      </c>
      <c r="F11318" t="s">
        <v>6983</v>
      </c>
      <c r="G11318" t="s">
        <v>80</v>
      </c>
      <c r="H11318" t="s">
        <v>81</v>
      </c>
      <c r="I11318" s="2">
        <v>0</v>
      </c>
      <c r="J11318" s="2">
        <v>1</v>
      </c>
      <c r="K11318" s="2">
        <v>0</v>
      </c>
      <c r="L11318" t="s">
        <v>82</v>
      </c>
      <c r="M11318" t="s">
        <v>83</v>
      </c>
      <c r="N11318" t="s">
        <v>84</v>
      </c>
      <c r="O11318" t="s">
        <v>85</v>
      </c>
      <c r="P11318" t="s">
        <v>86</v>
      </c>
      <c r="Q11318">
        <v>34</v>
      </c>
      <c r="R11318">
        <v>34</v>
      </c>
      <c r="S11318">
        <v>35</v>
      </c>
      <c r="T11318">
        <v>35</v>
      </c>
      <c r="U11318">
        <v>35</v>
      </c>
      <c r="V11318">
        <v>35</v>
      </c>
      <c r="W11318">
        <v>35</v>
      </c>
      <c r="X11318">
        <v>36</v>
      </c>
      <c r="Y11318">
        <v>36</v>
      </c>
      <c r="Z11318">
        <v>36</v>
      </c>
      <c r="AA11318">
        <v>36</v>
      </c>
      <c r="AB11318">
        <v>36</v>
      </c>
      <c r="AC11318">
        <v>37</v>
      </c>
      <c r="AD11318">
        <v>37</v>
      </c>
      <c r="AE11318">
        <v>37</v>
      </c>
      <c r="AF11318">
        <v>37</v>
      </c>
      <c r="AG11318">
        <v>37</v>
      </c>
      <c r="AH11318">
        <v>37</v>
      </c>
      <c r="AI11318">
        <v>37</v>
      </c>
      <c r="AJ11318">
        <v>37</v>
      </c>
      <c r="AK11318">
        <v>38</v>
      </c>
      <c r="AL11318">
        <v>37</v>
      </c>
      <c r="AM11318">
        <v>37</v>
      </c>
      <c r="AN11318">
        <v>37</v>
      </c>
      <c r="AO11318">
        <v>37</v>
      </c>
      <c r="AP11318">
        <v>37</v>
      </c>
      <c r="AQ11318">
        <v>36</v>
      </c>
    </row>
    <row r="11319" spans="1:43">
      <c r="A11319" t="s">
        <v>7046</v>
      </c>
      <c r="B11319" t="s">
        <v>7047</v>
      </c>
      <c r="C11319" t="s">
        <v>7032</v>
      </c>
      <c r="D11319" t="s">
        <v>7033</v>
      </c>
      <c r="E11319" t="s">
        <v>6982</v>
      </c>
      <c r="F11319" t="s">
        <v>6983</v>
      </c>
      <c r="G11319" t="s">
        <v>80</v>
      </c>
      <c r="H11319" t="s">
        <v>81</v>
      </c>
      <c r="I11319" s="2">
        <v>0</v>
      </c>
      <c r="J11319" s="2">
        <v>1</v>
      </c>
      <c r="K11319" s="2">
        <v>0</v>
      </c>
      <c r="L11319" t="s">
        <v>82</v>
      </c>
      <c r="M11319" t="s">
        <v>87</v>
      </c>
      <c r="N11319" t="s">
        <v>88</v>
      </c>
      <c r="O11319" t="s">
        <v>85</v>
      </c>
      <c r="P11319" t="s">
        <v>86</v>
      </c>
      <c r="Q11319">
        <v>34</v>
      </c>
      <c r="R11319">
        <v>34</v>
      </c>
      <c r="S11319">
        <v>34</v>
      </c>
      <c r="T11319">
        <v>34</v>
      </c>
      <c r="U11319">
        <v>33</v>
      </c>
      <c r="V11319">
        <v>33</v>
      </c>
      <c r="W11319">
        <v>33</v>
      </c>
      <c r="X11319">
        <v>33</v>
      </c>
      <c r="Y11319">
        <v>33</v>
      </c>
      <c r="Z11319">
        <v>33</v>
      </c>
      <c r="AA11319">
        <v>33</v>
      </c>
      <c r="AB11319">
        <v>33</v>
      </c>
      <c r="AC11319">
        <v>33</v>
      </c>
      <c r="AD11319">
        <v>33</v>
      </c>
      <c r="AE11319">
        <v>33</v>
      </c>
      <c r="AF11319">
        <v>33</v>
      </c>
      <c r="AG11319">
        <v>33</v>
      </c>
      <c r="AH11319">
        <v>32</v>
      </c>
      <c r="AI11319">
        <v>32</v>
      </c>
      <c r="AJ11319">
        <v>32</v>
      </c>
      <c r="AK11319">
        <v>32</v>
      </c>
      <c r="AL11319">
        <v>32</v>
      </c>
      <c r="AM11319">
        <v>32</v>
      </c>
      <c r="AN11319">
        <v>32</v>
      </c>
      <c r="AO11319">
        <v>32</v>
      </c>
      <c r="AP11319">
        <v>32</v>
      </c>
      <c r="AQ11319">
        <v>32</v>
      </c>
    </row>
    <row r="11320" spans="1:43">
      <c r="A11320" t="s">
        <v>7046</v>
      </c>
      <c r="B11320" t="s">
        <v>7047</v>
      </c>
      <c r="C11320" t="s">
        <v>7032</v>
      </c>
      <c r="D11320" t="s">
        <v>7033</v>
      </c>
      <c r="E11320" t="s">
        <v>6982</v>
      </c>
      <c r="F11320" t="s">
        <v>6983</v>
      </c>
      <c r="G11320" t="s">
        <v>80</v>
      </c>
      <c r="H11320" t="s">
        <v>81</v>
      </c>
      <c r="I11320" s="2">
        <v>0</v>
      </c>
      <c r="J11320" s="2">
        <v>1</v>
      </c>
      <c r="K11320" s="2">
        <v>0</v>
      </c>
      <c r="L11320" t="s">
        <v>82</v>
      </c>
      <c r="M11320" t="s">
        <v>89</v>
      </c>
      <c r="N11320" t="s">
        <v>90</v>
      </c>
      <c r="O11320" t="s">
        <v>85</v>
      </c>
      <c r="P11320" t="s">
        <v>86</v>
      </c>
      <c r="Q11320">
        <v>34</v>
      </c>
      <c r="R11320">
        <v>35</v>
      </c>
      <c r="S11320">
        <v>35</v>
      </c>
      <c r="T11320">
        <v>36</v>
      </c>
      <c r="U11320">
        <v>36</v>
      </c>
      <c r="V11320">
        <v>37</v>
      </c>
      <c r="W11320">
        <v>37</v>
      </c>
      <c r="X11320">
        <v>38</v>
      </c>
      <c r="Y11320">
        <v>38</v>
      </c>
      <c r="Z11320">
        <v>38</v>
      </c>
      <c r="AA11320">
        <v>39</v>
      </c>
      <c r="AB11320">
        <v>39</v>
      </c>
      <c r="AC11320">
        <v>39</v>
      </c>
      <c r="AD11320">
        <v>39</v>
      </c>
      <c r="AE11320">
        <v>39</v>
      </c>
      <c r="AF11320">
        <v>39</v>
      </c>
      <c r="AG11320">
        <v>39</v>
      </c>
      <c r="AH11320">
        <v>39</v>
      </c>
      <c r="AI11320">
        <v>38</v>
      </c>
      <c r="AJ11320">
        <v>38</v>
      </c>
      <c r="AK11320">
        <v>38</v>
      </c>
      <c r="AL11320">
        <v>38</v>
      </c>
      <c r="AM11320">
        <v>38</v>
      </c>
      <c r="AN11320">
        <v>37</v>
      </c>
      <c r="AO11320">
        <v>37</v>
      </c>
      <c r="AP11320">
        <v>37</v>
      </c>
      <c r="AQ11320">
        <v>37</v>
      </c>
    </row>
    <row r="11321" spans="1:43">
      <c r="A11321" t="s">
        <v>7046</v>
      </c>
      <c r="B11321" t="s">
        <v>7047</v>
      </c>
      <c r="C11321" t="s">
        <v>7032</v>
      </c>
      <c r="D11321" t="s">
        <v>7033</v>
      </c>
      <c r="E11321" t="s">
        <v>6982</v>
      </c>
      <c r="F11321" t="s">
        <v>6983</v>
      </c>
      <c r="G11321" t="s">
        <v>80</v>
      </c>
      <c r="H11321" t="s">
        <v>81</v>
      </c>
      <c r="I11321" s="2">
        <v>0</v>
      </c>
      <c r="J11321" s="2">
        <v>1</v>
      </c>
      <c r="K11321" s="2">
        <v>0</v>
      </c>
      <c r="L11321" t="s">
        <v>82</v>
      </c>
      <c r="M11321" t="s">
        <v>83</v>
      </c>
      <c r="N11321" t="s">
        <v>91</v>
      </c>
      <c r="O11321" t="s">
        <v>85</v>
      </c>
      <c r="P11321" t="s">
        <v>86</v>
      </c>
      <c r="Q11321">
        <v>34</v>
      </c>
      <c r="R11321">
        <v>34</v>
      </c>
      <c r="S11321">
        <v>35</v>
      </c>
      <c r="T11321">
        <v>35</v>
      </c>
      <c r="U11321">
        <v>35</v>
      </c>
      <c r="V11321">
        <v>35</v>
      </c>
      <c r="W11321">
        <v>35</v>
      </c>
      <c r="X11321">
        <v>36</v>
      </c>
      <c r="Y11321">
        <v>36</v>
      </c>
      <c r="Z11321">
        <v>36</v>
      </c>
      <c r="AA11321">
        <v>36</v>
      </c>
      <c r="AB11321">
        <v>36</v>
      </c>
      <c r="AC11321">
        <v>37</v>
      </c>
      <c r="AD11321">
        <v>37</v>
      </c>
      <c r="AE11321">
        <v>37</v>
      </c>
      <c r="AF11321">
        <v>37</v>
      </c>
      <c r="AG11321">
        <v>37</v>
      </c>
      <c r="AH11321">
        <v>37</v>
      </c>
      <c r="AI11321">
        <v>37</v>
      </c>
      <c r="AJ11321">
        <v>37</v>
      </c>
      <c r="AK11321">
        <v>38</v>
      </c>
      <c r="AL11321">
        <v>37</v>
      </c>
      <c r="AM11321">
        <v>37</v>
      </c>
      <c r="AN11321">
        <v>37</v>
      </c>
      <c r="AO11321">
        <v>37</v>
      </c>
      <c r="AP11321">
        <v>37</v>
      </c>
      <c r="AQ11321">
        <v>36</v>
      </c>
    </row>
    <row r="11322" spans="1:43">
      <c r="A11322" t="s">
        <v>7048</v>
      </c>
      <c r="B11322" t="s">
        <v>7049</v>
      </c>
      <c r="C11322" t="s">
        <v>7050</v>
      </c>
      <c r="D11322" t="s">
        <v>7051</v>
      </c>
      <c r="E11322" t="s">
        <v>6982</v>
      </c>
      <c r="F11322" t="s">
        <v>6983</v>
      </c>
      <c r="G11322" t="s">
        <v>80</v>
      </c>
      <c r="H11322" t="s">
        <v>81</v>
      </c>
      <c r="I11322" s="2">
        <v>0</v>
      </c>
      <c r="J11322" s="2">
        <v>1</v>
      </c>
      <c r="K11322" s="2">
        <v>0</v>
      </c>
      <c r="L11322" t="s">
        <v>82</v>
      </c>
      <c r="M11322" t="s">
        <v>83</v>
      </c>
      <c r="N11322" t="s">
        <v>84</v>
      </c>
      <c r="O11322" t="s">
        <v>85</v>
      </c>
      <c r="P11322" t="s">
        <v>86</v>
      </c>
      <c r="Q11322">
        <v>44</v>
      </c>
      <c r="R11322">
        <v>44</v>
      </c>
      <c r="S11322">
        <v>45</v>
      </c>
      <c r="T11322">
        <v>45</v>
      </c>
      <c r="U11322">
        <v>45</v>
      </c>
      <c r="V11322">
        <v>45</v>
      </c>
      <c r="W11322">
        <v>46</v>
      </c>
      <c r="X11322">
        <v>46</v>
      </c>
      <c r="Y11322">
        <v>46</v>
      </c>
      <c r="Z11322">
        <v>46</v>
      </c>
      <c r="AA11322">
        <v>47</v>
      </c>
      <c r="AB11322">
        <v>47</v>
      </c>
      <c r="AC11322">
        <v>47</v>
      </c>
      <c r="AD11322">
        <v>47</v>
      </c>
      <c r="AE11322">
        <v>47</v>
      </c>
      <c r="AF11322">
        <v>47</v>
      </c>
      <c r="AG11322">
        <v>47</v>
      </c>
      <c r="AH11322">
        <v>48</v>
      </c>
      <c r="AI11322">
        <v>48</v>
      </c>
      <c r="AJ11322">
        <v>48</v>
      </c>
      <c r="AK11322">
        <v>48</v>
      </c>
      <c r="AL11322">
        <v>48</v>
      </c>
      <c r="AM11322">
        <v>47</v>
      </c>
      <c r="AN11322">
        <v>47</v>
      </c>
      <c r="AO11322">
        <v>47</v>
      </c>
      <c r="AP11322">
        <v>46</v>
      </c>
      <c r="AQ11322">
        <v>46</v>
      </c>
    </row>
    <row r="11323" spans="1:43">
      <c r="A11323" t="s">
        <v>7048</v>
      </c>
      <c r="B11323" t="s">
        <v>7049</v>
      </c>
      <c r="C11323" t="s">
        <v>7050</v>
      </c>
      <c r="D11323" t="s">
        <v>7051</v>
      </c>
      <c r="E11323" t="s">
        <v>6982</v>
      </c>
      <c r="F11323" t="s">
        <v>6983</v>
      </c>
      <c r="G11323" t="s">
        <v>80</v>
      </c>
      <c r="H11323" t="s">
        <v>81</v>
      </c>
      <c r="I11323" s="2">
        <v>0</v>
      </c>
      <c r="J11323" s="2">
        <v>1</v>
      </c>
      <c r="K11323" s="2">
        <v>0</v>
      </c>
      <c r="L11323" t="s">
        <v>82</v>
      </c>
      <c r="M11323" t="s">
        <v>87</v>
      </c>
      <c r="N11323" t="s">
        <v>88</v>
      </c>
      <c r="O11323" t="s">
        <v>85</v>
      </c>
      <c r="P11323" t="s">
        <v>86</v>
      </c>
      <c r="Q11323">
        <v>44</v>
      </c>
      <c r="R11323">
        <v>44</v>
      </c>
      <c r="S11323">
        <v>43</v>
      </c>
      <c r="T11323">
        <v>43</v>
      </c>
      <c r="U11323">
        <v>43</v>
      </c>
      <c r="V11323">
        <v>43</v>
      </c>
      <c r="W11323">
        <v>43</v>
      </c>
      <c r="X11323">
        <v>43</v>
      </c>
      <c r="Y11323">
        <v>43</v>
      </c>
      <c r="Z11323">
        <v>43</v>
      </c>
      <c r="AA11323">
        <v>42</v>
      </c>
      <c r="AB11323">
        <v>42</v>
      </c>
      <c r="AC11323">
        <v>42</v>
      </c>
      <c r="AD11323">
        <v>42</v>
      </c>
      <c r="AE11323">
        <v>42</v>
      </c>
      <c r="AF11323">
        <v>42</v>
      </c>
      <c r="AG11323">
        <v>42</v>
      </c>
      <c r="AH11323">
        <v>41</v>
      </c>
      <c r="AI11323">
        <v>41</v>
      </c>
      <c r="AJ11323">
        <v>41</v>
      </c>
      <c r="AK11323">
        <v>41</v>
      </c>
      <c r="AL11323">
        <v>41</v>
      </c>
      <c r="AM11323">
        <v>41</v>
      </c>
      <c r="AN11323">
        <v>41</v>
      </c>
      <c r="AO11323">
        <v>41</v>
      </c>
      <c r="AP11323">
        <v>40</v>
      </c>
      <c r="AQ11323">
        <v>40</v>
      </c>
    </row>
    <row r="11324" spans="1:43">
      <c r="A11324" t="s">
        <v>7048</v>
      </c>
      <c r="B11324" t="s">
        <v>7049</v>
      </c>
      <c r="C11324" t="s">
        <v>7050</v>
      </c>
      <c r="D11324" t="s">
        <v>7051</v>
      </c>
      <c r="E11324" t="s">
        <v>6982</v>
      </c>
      <c r="F11324" t="s">
        <v>6983</v>
      </c>
      <c r="G11324" t="s">
        <v>80</v>
      </c>
      <c r="H11324" t="s">
        <v>81</v>
      </c>
      <c r="I11324" s="2">
        <v>0</v>
      </c>
      <c r="J11324" s="2">
        <v>1</v>
      </c>
      <c r="K11324" s="2">
        <v>0</v>
      </c>
      <c r="L11324" t="s">
        <v>82</v>
      </c>
      <c r="M11324" t="s">
        <v>89</v>
      </c>
      <c r="N11324" t="s">
        <v>90</v>
      </c>
      <c r="O11324" t="s">
        <v>85</v>
      </c>
      <c r="P11324" t="s">
        <v>86</v>
      </c>
      <c r="Q11324">
        <v>44</v>
      </c>
      <c r="R11324">
        <v>44</v>
      </c>
      <c r="S11324">
        <v>45</v>
      </c>
      <c r="T11324">
        <v>45</v>
      </c>
      <c r="U11324">
        <v>46</v>
      </c>
      <c r="V11324">
        <v>47</v>
      </c>
      <c r="W11324">
        <v>47</v>
      </c>
      <c r="X11324">
        <v>47</v>
      </c>
      <c r="Y11324">
        <v>48</v>
      </c>
      <c r="Z11324">
        <v>48</v>
      </c>
      <c r="AA11324">
        <v>48</v>
      </c>
      <c r="AB11324">
        <v>49</v>
      </c>
      <c r="AC11324">
        <v>49</v>
      </c>
      <c r="AD11324">
        <v>49</v>
      </c>
      <c r="AE11324">
        <v>49</v>
      </c>
      <c r="AF11324">
        <v>49</v>
      </c>
      <c r="AG11324">
        <v>49</v>
      </c>
      <c r="AH11324">
        <v>48</v>
      </c>
      <c r="AI11324">
        <v>48</v>
      </c>
      <c r="AJ11324">
        <v>48</v>
      </c>
      <c r="AK11324">
        <v>47</v>
      </c>
      <c r="AL11324">
        <v>47</v>
      </c>
      <c r="AM11324">
        <v>47</v>
      </c>
      <c r="AN11324">
        <v>46</v>
      </c>
      <c r="AO11324">
        <v>46</v>
      </c>
      <c r="AP11324">
        <v>46</v>
      </c>
      <c r="AQ11324">
        <v>46</v>
      </c>
    </row>
    <row r="11325" spans="1:43">
      <c r="A11325" t="s">
        <v>7048</v>
      </c>
      <c r="B11325" t="s">
        <v>7049</v>
      </c>
      <c r="C11325" t="s">
        <v>7050</v>
      </c>
      <c r="D11325" t="s">
        <v>7051</v>
      </c>
      <c r="E11325" t="s">
        <v>6982</v>
      </c>
      <c r="F11325" t="s">
        <v>6983</v>
      </c>
      <c r="G11325" t="s">
        <v>80</v>
      </c>
      <c r="H11325" t="s">
        <v>81</v>
      </c>
      <c r="I11325" s="2">
        <v>0</v>
      </c>
      <c r="J11325" s="2">
        <v>1</v>
      </c>
      <c r="K11325" s="2">
        <v>0</v>
      </c>
      <c r="L11325" t="s">
        <v>82</v>
      </c>
      <c r="M11325" t="s">
        <v>83</v>
      </c>
      <c r="N11325" t="s">
        <v>91</v>
      </c>
      <c r="O11325" t="s">
        <v>85</v>
      </c>
      <c r="P11325" t="s">
        <v>86</v>
      </c>
      <c r="Q11325">
        <v>44</v>
      </c>
      <c r="R11325">
        <v>44</v>
      </c>
      <c r="S11325">
        <v>45</v>
      </c>
      <c r="T11325">
        <v>45</v>
      </c>
      <c r="U11325">
        <v>45</v>
      </c>
      <c r="V11325">
        <v>45</v>
      </c>
      <c r="W11325">
        <v>46</v>
      </c>
      <c r="X11325">
        <v>46</v>
      </c>
      <c r="Y11325">
        <v>46</v>
      </c>
      <c r="Z11325">
        <v>46</v>
      </c>
      <c r="AA11325">
        <v>47</v>
      </c>
      <c r="AB11325">
        <v>47</v>
      </c>
      <c r="AC11325">
        <v>47</v>
      </c>
      <c r="AD11325">
        <v>47</v>
      </c>
      <c r="AE11325">
        <v>47</v>
      </c>
      <c r="AF11325">
        <v>47</v>
      </c>
      <c r="AG11325">
        <v>47</v>
      </c>
      <c r="AH11325">
        <v>48</v>
      </c>
      <c r="AI11325">
        <v>48</v>
      </c>
      <c r="AJ11325">
        <v>48</v>
      </c>
      <c r="AK11325">
        <v>48</v>
      </c>
      <c r="AL11325">
        <v>48</v>
      </c>
      <c r="AM11325">
        <v>47</v>
      </c>
      <c r="AN11325">
        <v>47</v>
      </c>
      <c r="AO11325">
        <v>47</v>
      </c>
      <c r="AP11325">
        <v>46</v>
      </c>
      <c r="AQ11325">
        <v>46</v>
      </c>
    </row>
    <row r="11326" spans="1:43">
      <c r="A11326" t="s">
        <v>7052</v>
      </c>
      <c r="B11326" t="s">
        <v>7053</v>
      </c>
      <c r="C11326" t="s">
        <v>7014</v>
      </c>
      <c r="D11326" t="s">
        <v>7015</v>
      </c>
      <c r="E11326" t="s">
        <v>6982</v>
      </c>
      <c r="F11326" t="s">
        <v>6983</v>
      </c>
      <c r="G11326" t="s">
        <v>80</v>
      </c>
      <c r="H11326" t="s">
        <v>81</v>
      </c>
      <c r="I11326" s="2">
        <v>0</v>
      </c>
      <c r="J11326" s="2">
        <v>1</v>
      </c>
      <c r="K11326" s="2">
        <v>0</v>
      </c>
      <c r="L11326" t="s">
        <v>82</v>
      </c>
      <c r="M11326" t="s">
        <v>83</v>
      </c>
      <c r="N11326" t="s">
        <v>84</v>
      </c>
      <c r="O11326" t="s">
        <v>85</v>
      </c>
      <c r="P11326" t="s">
        <v>86</v>
      </c>
      <c r="Q11326">
        <v>48</v>
      </c>
      <c r="R11326">
        <v>48</v>
      </c>
      <c r="S11326">
        <v>48</v>
      </c>
      <c r="T11326">
        <v>49</v>
      </c>
      <c r="U11326">
        <v>49</v>
      </c>
      <c r="V11326">
        <v>49</v>
      </c>
      <c r="W11326">
        <v>49</v>
      </c>
      <c r="X11326">
        <v>50</v>
      </c>
      <c r="Y11326">
        <v>50</v>
      </c>
      <c r="Z11326">
        <v>50</v>
      </c>
      <c r="AA11326">
        <v>50</v>
      </c>
      <c r="AB11326">
        <v>51</v>
      </c>
      <c r="AC11326">
        <v>51</v>
      </c>
      <c r="AD11326">
        <v>51</v>
      </c>
      <c r="AE11326">
        <v>51</v>
      </c>
      <c r="AF11326">
        <v>51</v>
      </c>
      <c r="AG11326">
        <v>51</v>
      </c>
      <c r="AH11326">
        <v>52</v>
      </c>
      <c r="AI11326">
        <v>52</v>
      </c>
      <c r="AJ11326">
        <v>52</v>
      </c>
      <c r="AK11326">
        <v>52</v>
      </c>
      <c r="AL11326">
        <v>52</v>
      </c>
      <c r="AM11326">
        <v>51</v>
      </c>
      <c r="AN11326">
        <v>51</v>
      </c>
      <c r="AO11326">
        <v>51</v>
      </c>
      <c r="AP11326">
        <v>50</v>
      </c>
      <c r="AQ11326">
        <v>50</v>
      </c>
    </row>
    <row r="11327" spans="1:43">
      <c r="A11327" t="s">
        <v>7052</v>
      </c>
      <c r="B11327" t="s">
        <v>7053</v>
      </c>
      <c r="C11327" t="s">
        <v>7014</v>
      </c>
      <c r="D11327" t="s">
        <v>7015</v>
      </c>
      <c r="E11327" t="s">
        <v>6982</v>
      </c>
      <c r="F11327" t="s">
        <v>6983</v>
      </c>
      <c r="G11327" t="s">
        <v>80</v>
      </c>
      <c r="H11327" t="s">
        <v>81</v>
      </c>
      <c r="I11327" s="2">
        <v>0</v>
      </c>
      <c r="J11327" s="2">
        <v>1</v>
      </c>
      <c r="K11327" s="2">
        <v>0</v>
      </c>
      <c r="L11327" t="s">
        <v>82</v>
      </c>
      <c r="M11327" t="s">
        <v>87</v>
      </c>
      <c r="N11327" t="s">
        <v>88</v>
      </c>
      <c r="O11327" t="s">
        <v>85</v>
      </c>
      <c r="P11327" t="s">
        <v>86</v>
      </c>
      <c r="Q11327">
        <v>48</v>
      </c>
      <c r="R11327">
        <v>48</v>
      </c>
      <c r="S11327">
        <v>48</v>
      </c>
      <c r="T11327">
        <v>48</v>
      </c>
      <c r="U11327">
        <v>48</v>
      </c>
      <c r="V11327">
        <v>48</v>
      </c>
      <c r="W11327">
        <v>48</v>
      </c>
      <c r="X11327">
        <v>47</v>
      </c>
      <c r="Y11327">
        <v>47</v>
      </c>
      <c r="Z11327">
        <v>47</v>
      </c>
      <c r="AA11327">
        <v>47</v>
      </c>
      <c r="AB11327">
        <v>47</v>
      </c>
      <c r="AC11327">
        <v>47</v>
      </c>
      <c r="AD11327">
        <v>46</v>
      </c>
      <c r="AE11327">
        <v>46</v>
      </c>
      <c r="AF11327">
        <v>46</v>
      </c>
      <c r="AG11327">
        <v>46</v>
      </c>
      <c r="AH11327">
        <v>46</v>
      </c>
      <c r="AI11327">
        <v>46</v>
      </c>
      <c r="AJ11327">
        <v>46</v>
      </c>
      <c r="AK11327">
        <v>45</v>
      </c>
      <c r="AL11327">
        <v>45</v>
      </c>
      <c r="AM11327">
        <v>45</v>
      </c>
      <c r="AN11327">
        <v>45</v>
      </c>
      <c r="AO11327">
        <v>45</v>
      </c>
      <c r="AP11327">
        <v>45</v>
      </c>
      <c r="AQ11327">
        <v>45</v>
      </c>
    </row>
    <row r="11328" spans="1:43">
      <c r="A11328" t="s">
        <v>7052</v>
      </c>
      <c r="B11328" t="s">
        <v>7053</v>
      </c>
      <c r="C11328" t="s">
        <v>7014</v>
      </c>
      <c r="D11328" t="s">
        <v>7015</v>
      </c>
      <c r="E11328" t="s">
        <v>6982</v>
      </c>
      <c r="F11328" t="s">
        <v>6983</v>
      </c>
      <c r="G11328" t="s">
        <v>80</v>
      </c>
      <c r="H11328" t="s">
        <v>81</v>
      </c>
      <c r="I11328" s="2">
        <v>0</v>
      </c>
      <c r="J11328" s="2">
        <v>1</v>
      </c>
      <c r="K11328" s="2">
        <v>0</v>
      </c>
      <c r="L11328" t="s">
        <v>82</v>
      </c>
      <c r="M11328" t="s">
        <v>89</v>
      </c>
      <c r="N11328" t="s">
        <v>90</v>
      </c>
      <c r="O11328" t="s">
        <v>85</v>
      </c>
      <c r="P11328" t="s">
        <v>86</v>
      </c>
      <c r="Q11328">
        <v>48</v>
      </c>
      <c r="R11328">
        <v>49</v>
      </c>
      <c r="S11328">
        <v>50</v>
      </c>
      <c r="T11328">
        <v>50</v>
      </c>
      <c r="U11328">
        <v>51</v>
      </c>
      <c r="V11328">
        <v>52</v>
      </c>
      <c r="W11328">
        <v>52</v>
      </c>
      <c r="X11328">
        <v>53</v>
      </c>
      <c r="Y11328">
        <v>53</v>
      </c>
      <c r="Z11328">
        <v>53</v>
      </c>
      <c r="AA11328">
        <v>54</v>
      </c>
      <c r="AB11328">
        <v>54</v>
      </c>
      <c r="AC11328">
        <v>54</v>
      </c>
      <c r="AD11328">
        <v>55</v>
      </c>
      <c r="AE11328">
        <v>55</v>
      </c>
      <c r="AF11328">
        <v>54</v>
      </c>
      <c r="AG11328">
        <v>54</v>
      </c>
      <c r="AH11328">
        <v>54</v>
      </c>
      <c r="AI11328">
        <v>53</v>
      </c>
      <c r="AJ11328">
        <v>53</v>
      </c>
      <c r="AK11328">
        <v>53</v>
      </c>
      <c r="AL11328">
        <v>52</v>
      </c>
      <c r="AM11328">
        <v>52</v>
      </c>
      <c r="AN11328">
        <v>51</v>
      </c>
      <c r="AO11328">
        <v>51</v>
      </c>
      <c r="AP11328">
        <v>51</v>
      </c>
      <c r="AQ11328">
        <v>50</v>
      </c>
    </row>
    <row r="11329" spans="1:43">
      <c r="A11329" t="s">
        <v>7052</v>
      </c>
      <c r="B11329" t="s">
        <v>7053</v>
      </c>
      <c r="C11329" t="s">
        <v>7014</v>
      </c>
      <c r="D11329" t="s">
        <v>7015</v>
      </c>
      <c r="E11329" t="s">
        <v>6982</v>
      </c>
      <c r="F11329" t="s">
        <v>6983</v>
      </c>
      <c r="G11329" t="s">
        <v>80</v>
      </c>
      <c r="H11329" t="s">
        <v>81</v>
      </c>
      <c r="I11329" s="2">
        <v>0</v>
      </c>
      <c r="J11329" s="2">
        <v>1</v>
      </c>
      <c r="K11329" s="2">
        <v>0</v>
      </c>
      <c r="L11329" t="s">
        <v>82</v>
      </c>
      <c r="M11329" t="s">
        <v>83</v>
      </c>
      <c r="N11329" t="s">
        <v>91</v>
      </c>
      <c r="O11329" t="s">
        <v>85</v>
      </c>
      <c r="P11329" t="s">
        <v>86</v>
      </c>
      <c r="Q11329">
        <v>48</v>
      </c>
      <c r="R11329">
        <v>48</v>
      </c>
      <c r="S11329">
        <v>48</v>
      </c>
      <c r="T11329">
        <v>49</v>
      </c>
      <c r="U11329">
        <v>49</v>
      </c>
      <c r="V11329">
        <v>49</v>
      </c>
      <c r="W11329">
        <v>49</v>
      </c>
      <c r="X11329">
        <v>50</v>
      </c>
      <c r="Y11329">
        <v>50</v>
      </c>
      <c r="Z11329">
        <v>50</v>
      </c>
      <c r="AA11329">
        <v>50</v>
      </c>
      <c r="AB11329">
        <v>51</v>
      </c>
      <c r="AC11329">
        <v>51</v>
      </c>
      <c r="AD11329">
        <v>51</v>
      </c>
      <c r="AE11329">
        <v>51</v>
      </c>
      <c r="AF11329">
        <v>51</v>
      </c>
      <c r="AG11329">
        <v>51</v>
      </c>
      <c r="AH11329">
        <v>52</v>
      </c>
      <c r="AI11329">
        <v>52</v>
      </c>
      <c r="AJ11329">
        <v>52</v>
      </c>
      <c r="AK11329">
        <v>52</v>
      </c>
      <c r="AL11329">
        <v>52</v>
      </c>
      <c r="AM11329">
        <v>51</v>
      </c>
      <c r="AN11329">
        <v>51</v>
      </c>
      <c r="AO11329">
        <v>51</v>
      </c>
      <c r="AP11329">
        <v>50</v>
      </c>
      <c r="AQ11329">
        <v>50</v>
      </c>
    </row>
    <row r="11330" spans="1:43">
      <c r="A11330" t="s">
        <v>7054</v>
      </c>
      <c r="B11330" t="s">
        <v>7055</v>
      </c>
      <c r="C11330" t="s">
        <v>7050</v>
      </c>
      <c r="D11330" t="s">
        <v>7051</v>
      </c>
      <c r="E11330" t="s">
        <v>6982</v>
      </c>
      <c r="F11330" t="s">
        <v>6983</v>
      </c>
      <c r="G11330" t="s">
        <v>80</v>
      </c>
      <c r="H11330" t="s">
        <v>81</v>
      </c>
      <c r="I11330" s="2">
        <v>0</v>
      </c>
      <c r="J11330" s="2">
        <v>1</v>
      </c>
      <c r="K11330" s="2">
        <v>0</v>
      </c>
      <c r="L11330" t="s">
        <v>82</v>
      </c>
      <c r="M11330" t="s">
        <v>83</v>
      </c>
      <c r="N11330" t="s">
        <v>84</v>
      </c>
      <c r="O11330" t="s">
        <v>85</v>
      </c>
      <c r="P11330" t="s">
        <v>86</v>
      </c>
      <c r="Q11330">
        <v>4</v>
      </c>
      <c r="R11330">
        <v>4</v>
      </c>
      <c r="S11330">
        <v>4</v>
      </c>
      <c r="T11330">
        <v>4</v>
      </c>
      <c r="U11330">
        <v>4</v>
      </c>
      <c r="V11330">
        <v>5</v>
      </c>
      <c r="W11330">
        <v>5</v>
      </c>
      <c r="X11330">
        <v>5</v>
      </c>
      <c r="Y11330">
        <v>5</v>
      </c>
      <c r="Z11330">
        <v>5</v>
      </c>
      <c r="AA11330">
        <v>5</v>
      </c>
      <c r="AB11330">
        <v>5</v>
      </c>
      <c r="AC11330">
        <v>5</v>
      </c>
      <c r="AD11330">
        <v>5</v>
      </c>
      <c r="AE11330">
        <v>5</v>
      </c>
      <c r="AF11330">
        <v>5</v>
      </c>
      <c r="AG11330">
        <v>5</v>
      </c>
      <c r="AH11330">
        <v>5</v>
      </c>
      <c r="AI11330">
        <v>5</v>
      </c>
      <c r="AJ11330">
        <v>5</v>
      </c>
      <c r="AK11330">
        <v>5</v>
      </c>
      <c r="AL11330">
        <v>5</v>
      </c>
      <c r="AM11330">
        <v>5</v>
      </c>
      <c r="AN11330">
        <v>5</v>
      </c>
      <c r="AO11330">
        <v>5</v>
      </c>
      <c r="AP11330">
        <v>5</v>
      </c>
      <c r="AQ11330">
        <v>5</v>
      </c>
    </row>
    <row r="11331" spans="1:43">
      <c r="A11331" t="s">
        <v>7054</v>
      </c>
      <c r="B11331" t="s">
        <v>7055</v>
      </c>
      <c r="C11331" t="s">
        <v>7050</v>
      </c>
      <c r="D11331" t="s">
        <v>7051</v>
      </c>
      <c r="E11331" t="s">
        <v>6982</v>
      </c>
      <c r="F11331" t="s">
        <v>6983</v>
      </c>
      <c r="G11331" t="s">
        <v>80</v>
      </c>
      <c r="H11331" t="s">
        <v>81</v>
      </c>
      <c r="I11331" s="2">
        <v>0</v>
      </c>
      <c r="J11331" s="2">
        <v>1</v>
      </c>
      <c r="K11331" s="2">
        <v>0</v>
      </c>
      <c r="L11331" t="s">
        <v>82</v>
      </c>
      <c r="M11331" t="s">
        <v>87</v>
      </c>
      <c r="N11331" t="s">
        <v>88</v>
      </c>
      <c r="O11331" t="s">
        <v>85</v>
      </c>
      <c r="P11331" t="s">
        <v>86</v>
      </c>
      <c r="Q11331">
        <v>4</v>
      </c>
      <c r="R11331">
        <v>4</v>
      </c>
      <c r="S11331">
        <v>4</v>
      </c>
      <c r="T11331">
        <v>4</v>
      </c>
      <c r="U11331">
        <v>4</v>
      </c>
      <c r="V11331">
        <v>4</v>
      </c>
      <c r="W11331">
        <v>4</v>
      </c>
      <c r="X11331">
        <v>4</v>
      </c>
      <c r="Y11331">
        <v>4</v>
      </c>
      <c r="Z11331">
        <v>4</v>
      </c>
      <c r="AA11331">
        <v>4</v>
      </c>
      <c r="AB11331">
        <v>4</v>
      </c>
      <c r="AC11331">
        <v>4</v>
      </c>
      <c r="AD11331">
        <v>4</v>
      </c>
      <c r="AE11331">
        <v>4</v>
      </c>
      <c r="AF11331">
        <v>4</v>
      </c>
      <c r="AG11331">
        <v>4</v>
      </c>
      <c r="AH11331">
        <v>4</v>
      </c>
      <c r="AI11331">
        <v>4</v>
      </c>
      <c r="AJ11331">
        <v>4</v>
      </c>
      <c r="AK11331">
        <v>4</v>
      </c>
      <c r="AL11331">
        <v>4</v>
      </c>
      <c r="AM11331">
        <v>4</v>
      </c>
      <c r="AN11331">
        <v>4</v>
      </c>
      <c r="AO11331">
        <v>4</v>
      </c>
      <c r="AP11331">
        <v>4</v>
      </c>
      <c r="AQ11331">
        <v>4</v>
      </c>
    </row>
    <row r="11332" spans="1:43">
      <c r="A11332" t="s">
        <v>7054</v>
      </c>
      <c r="B11332" t="s">
        <v>7055</v>
      </c>
      <c r="C11332" t="s">
        <v>7050</v>
      </c>
      <c r="D11332" t="s">
        <v>7051</v>
      </c>
      <c r="E11332" t="s">
        <v>6982</v>
      </c>
      <c r="F11332" t="s">
        <v>6983</v>
      </c>
      <c r="G11332" t="s">
        <v>80</v>
      </c>
      <c r="H11332" t="s">
        <v>81</v>
      </c>
      <c r="I11332" s="2">
        <v>0</v>
      </c>
      <c r="J11332" s="2">
        <v>1</v>
      </c>
      <c r="K11332" s="2">
        <v>0</v>
      </c>
      <c r="L11332" t="s">
        <v>82</v>
      </c>
      <c r="M11332" t="s">
        <v>89</v>
      </c>
      <c r="N11332" t="s">
        <v>90</v>
      </c>
      <c r="O11332" t="s">
        <v>85</v>
      </c>
      <c r="P11332" t="s">
        <v>86</v>
      </c>
      <c r="Q11332">
        <v>4</v>
      </c>
      <c r="R11332">
        <v>4</v>
      </c>
      <c r="S11332">
        <v>5</v>
      </c>
      <c r="T11332">
        <v>5</v>
      </c>
      <c r="U11332">
        <v>5</v>
      </c>
      <c r="V11332">
        <v>5</v>
      </c>
      <c r="W11332">
        <v>5</v>
      </c>
      <c r="X11332">
        <v>5</v>
      </c>
      <c r="Y11332">
        <v>5</v>
      </c>
      <c r="Z11332">
        <v>5</v>
      </c>
      <c r="AA11332">
        <v>5</v>
      </c>
      <c r="AB11332">
        <v>5</v>
      </c>
      <c r="AC11332">
        <v>5</v>
      </c>
      <c r="AD11332">
        <v>5</v>
      </c>
      <c r="AE11332">
        <v>5</v>
      </c>
      <c r="AF11332">
        <v>5</v>
      </c>
      <c r="AG11332">
        <v>5</v>
      </c>
      <c r="AH11332">
        <v>5</v>
      </c>
      <c r="AI11332">
        <v>5</v>
      </c>
      <c r="AJ11332">
        <v>5</v>
      </c>
      <c r="AK11332">
        <v>5</v>
      </c>
      <c r="AL11332">
        <v>5</v>
      </c>
      <c r="AM11332">
        <v>5</v>
      </c>
      <c r="AN11332">
        <v>5</v>
      </c>
      <c r="AO11332">
        <v>5</v>
      </c>
      <c r="AP11332">
        <v>5</v>
      </c>
      <c r="AQ11332">
        <v>5</v>
      </c>
    </row>
    <row r="11333" spans="1:43">
      <c r="A11333" t="s">
        <v>7054</v>
      </c>
      <c r="B11333" t="s">
        <v>7055</v>
      </c>
      <c r="C11333" t="s">
        <v>7050</v>
      </c>
      <c r="D11333" t="s">
        <v>7051</v>
      </c>
      <c r="E11333" t="s">
        <v>6982</v>
      </c>
      <c r="F11333" t="s">
        <v>6983</v>
      </c>
      <c r="G11333" t="s">
        <v>80</v>
      </c>
      <c r="H11333" t="s">
        <v>81</v>
      </c>
      <c r="I11333" s="2">
        <v>0</v>
      </c>
      <c r="J11333" s="2">
        <v>1</v>
      </c>
      <c r="K11333" s="2">
        <v>0</v>
      </c>
      <c r="L11333" t="s">
        <v>82</v>
      </c>
      <c r="M11333" t="s">
        <v>83</v>
      </c>
      <c r="N11333" t="s">
        <v>91</v>
      </c>
      <c r="O11333" t="s">
        <v>85</v>
      </c>
      <c r="P11333" t="s">
        <v>86</v>
      </c>
      <c r="Q11333">
        <v>4</v>
      </c>
      <c r="R11333">
        <v>4</v>
      </c>
      <c r="S11333">
        <v>4</v>
      </c>
      <c r="T11333">
        <v>4</v>
      </c>
      <c r="U11333">
        <v>4</v>
      </c>
      <c r="V11333">
        <v>5</v>
      </c>
      <c r="W11333">
        <v>5</v>
      </c>
      <c r="X11333">
        <v>5</v>
      </c>
      <c r="Y11333">
        <v>5</v>
      </c>
      <c r="Z11333">
        <v>5</v>
      </c>
      <c r="AA11333">
        <v>5</v>
      </c>
      <c r="AB11333">
        <v>5</v>
      </c>
      <c r="AC11333">
        <v>5</v>
      </c>
      <c r="AD11333">
        <v>5</v>
      </c>
      <c r="AE11333">
        <v>5</v>
      </c>
      <c r="AF11333">
        <v>5</v>
      </c>
      <c r="AG11333">
        <v>5</v>
      </c>
      <c r="AH11333">
        <v>5</v>
      </c>
      <c r="AI11333">
        <v>5</v>
      </c>
      <c r="AJ11333">
        <v>5</v>
      </c>
      <c r="AK11333">
        <v>5</v>
      </c>
      <c r="AL11333">
        <v>5</v>
      </c>
      <c r="AM11333">
        <v>5</v>
      </c>
      <c r="AN11333">
        <v>5</v>
      </c>
      <c r="AO11333">
        <v>5</v>
      </c>
      <c r="AP11333">
        <v>5</v>
      </c>
      <c r="AQ11333">
        <v>5</v>
      </c>
    </row>
    <row r="11334" spans="1:43">
      <c r="A11334" t="s">
        <v>7056</v>
      </c>
      <c r="B11334" t="s">
        <v>7057</v>
      </c>
      <c r="C11334" t="s">
        <v>6980</v>
      </c>
      <c r="D11334" t="s">
        <v>6981</v>
      </c>
      <c r="E11334" t="s">
        <v>6982</v>
      </c>
      <c r="F11334" t="s">
        <v>6983</v>
      </c>
      <c r="G11334" t="s">
        <v>80</v>
      </c>
      <c r="H11334" t="s">
        <v>81</v>
      </c>
      <c r="I11334" s="2">
        <v>0</v>
      </c>
      <c r="J11334" s="2">
        <v>1</v>
      </c>
      <c r="K11334" s="2">
        <v>0</v>
      </c>
      <c r="L11334" t="s">
        <v>82</v>
      </c>
      <c r="M11334" t="s">
        <v>83</v>
      </c>
      <c r="N11334" t="s">
        <v>84</v>
      </c>
      <c r="O11334" t="s">
        <v>85</v>
      </c>
      <c r="P11334" t="s">
        <v>86</v>
      </c>
      <c r="Q11334">
        <v>36</v>
      </c>
      <c r="R11334">
        <v>37</v>
      </c>
      <c r="S11334">
        <v>37</v>
      </c>
      <c r="T11334">
        <v>37</v>
      </c>
      <c r="U11334">
        <v>37</v>
      </c>
      <c r="V11334">
        <v>37</v>
      </c>
      <c r="W11334">
        <v>37</v>
      </c>
      <c r="X11334">
        <v>38</v>
      </c>
      <c r="Y11334">
        <v>38</v>
      </c>
      <c r="Z11334">
        <v>38</v>
      </c>
      <c r="AA11334">
        <v>38</v>
      </c>
      <c r="AB11334">
        <v>38</v>
      </c>
      <c r="AC11334">
        <v>38</v>
      </c>
      <c r="AD11334">
        <v>38</v>
      </c>
      <c r="AE11334">
        <v>38</v>
      </c>
      <c r="AF11334">
        <v>39</v>
      </c>
      <c r="AG11334">
        <v>39</v>
      </c>
      <c r="AH11334">
        <v>39</v>
      </c>
      <c r="AI11334">
        <v>39</v>
      </c>
      <c r="AJ11334">
        <v>39</v>
      </c>
      <c r="AK11334">
        <v>39</v>
      </c>
      <c r="AL11334">
        <v>39</v>
      </c>
      <c r="AM11334">
        <v>39</v>
      </c>
      <c r="AN11334">
        <v>38</v>
      </c>
      <c r="AO11334">
        <v>38</v>
      </c>
      <c r="AP11334">
        <v>38</v>
      </c>
      <c r="AQ11334">
        <v>37</v>
      </c>
    </row>
    <row r="11335" spans="1:43">
      <c r="A11335" t="s">
        <v>7056</v>
      </c>
      <c r="B11335" t="s">
        <v>7057</v>
      </c>
      <c r="C11335" t="s">
        <v>6980</v>
      </c>
      <c r="D11335" t="s">
        <v>6981</v>
      </c>
      <c r="E11335" t="s">
        <v>6982</v>
      </c>
      <c r="F11335" t="s">
        <v>6983</v>
      </c>
      <c r="G11335" t="s">
        <v>80</v>
      </c>
      <c r="H11335" t="s">
        <v>81</v>
      </c>
      <c r="I11335" s="2">
        <v>0</v>
      </c>
      <c r="J11335" s="2">
        <v>1</v>
      </c>
      <c r="K11335" s="2">
        <v>0</v>
      </c>
      <c r="L11335" t="s">
        <v>82</v>
      </c>
      <c r="M11335" t="s">
        <v>87</v>
      </c>
      <c r="N11335" t="s">
        <v>88</v>
      </c>
      <c r="O11335" t="s">
        <v>85</v>
      </c>
      <c r="P11335" t="s">
        <v>86</v>
      </c>
      <c r="Q11335">
        <v>36</v>
      </c>
      <c r="R11335">
        <v>36</v>
      </c>
      <c r="S11335">
        <v>36</v>
      </c>
      <c r="T11335">
        <v>36</v>
      </c>
      <c r="U11335">
        <v>35</v>
      </c>
      <c r="V11335">
        <v>35</v>
      </c>
      <c r="W11335">
        <v>35</v>
      </c>
      <c r="X11335">
        <v>35</v>
      </c>
      <c r="Y11335">
        <v>35</v>
      </c>
      <c r="Z11335">
        <v>35</v>
      </c>
      <c r="AA11335">
        <v>35</v>
      </c>
      <c r="AB11335">
        <v>34</v>
      </c>
      <c r="AC11335">
        <v>34</v>
      </c>
      <c r="AD11335">
        <v>34</v>
      </c>
      <c r="AE11335">
        <v>34</v>
      </c>
      <c r="AF11335">
        <v>34</v>
      </c>
      <c r="AG11335">
        <v>34</v>
      </c>
      <c r="AH11335">
        <v>34</v>
      </c>
      <c r="AI11335">
        <v>34</v>
      </c>
      <c r="AJ11335">
        <v>33</v>
      </c>
      <c r="AK11335">
        <v>33</v>
      </c>
      <c r="AL11335">
        <v>33</v>
      </c>
      <c r="AM11335">
        <v>33</v>
      </c>
      <c r="AN11335">
        <v>33</v>
      </c>
      <c r="AO11335">
        <v>33</v>
      </c>
      <c r="AP11335">
        <v>33</v>
      </c>
      <c r="AQ11335">
        <v>33</v>
      </c>
    </row>
    <row r="11336" spans="1:43">
      <c r="A11336" t="s">
        <v>7056</v>
      </c>
      <c r="B11336" t="s">
        <v>7057</v>
      </c>
      <c r="C11336" t="s">
        <v>6980</v>
      </c>
      <c r="D11336" t="s">
        <v>6981</v>
      </c>
      <c r="E11336" t="s">
        <v>6982</v>
      </c>
      <c r="F11336" t="s">
        <v>6983</v>
      </c>
      <c r="G11336" t="s">
        <v>80</v>
      </c>
      <c r="H11336" t="s">
        <v>81</v>
      </c>
      <c r="I11336" s="2">
        <v>0</v>
      </c>
      <c r="J11336" s="2">
        <v>1</v>
      </c>
      <c r="K11336" s="2">
        <v>0</v>
      </c>
      <c r="L11336" t="s">
        <v>82</v>
      </c>
      <c r="M11336" t="s">
        <v>89</v>
      </c>
      <c r="N11336" t="s">
        <v>90</v>
      </c>
      <c r="O11336" t="s">
        <v>85</v>
      </c>
      <c r="P11336" t="s">
        <v>86</v>
      </c>
      <c r="Q11336">
        <v>36</v>
      </c>
      <c r="R11336">
        <v>36</v>
      </c>
      <c r="S11336">
        <v>37</v>
      </c>
      <c r="T11336">
        <v>37</v>
      </c>
      <c r="U11336">
        <v>38</v>
      </c>
      <c r="V11336">
        <v>38</v>
      </c>
      <c r="W11336">
        <v>38</v>
      </c>
      <c r="X11336">
        <v>39</v>
      </c>
      <c r="Y11336">
        <v>39</v>
      </c>
      <c r="Z11336">
        <v>39</v>
      </c>
      <c r="AA11336">
        <v>39</v>
      </c>
      <c r="AB11336">
        <v>40</v>
      </c>
      <c r="AC11336">
        <v>40</v>
      </c>
      <c r="AD11336">
        <v>40</v>
      </c>
      <c r="AE11336">
        <v>40</v>
      </c>
      <c r="AF11336">
        <v>40</v>
      </c>
      <c r="AG11336">
        <v>40</v>
      </c>
      <c r="AH11336">
        <v>39</v>
      </c>
      <c r="AI11336">
        <v>39</v>
      </c>
      <c r="AJ11336">
        <v>39</v>
      </c>
      <c r="AK11336">
        <v>38</v>
      </c>
      <c r="AL11336">
        <v>38</v>
      </c>
      <c r="AM11336">
        <v>38</v>
      </c>
      <c r="AN11336">
        <v>38</v>
      </c>
      <c r="AO11336">
        <v>37</v>
      </c>
      <c r="AP11336">
        <v>37</v>
      </c>
      <c r="AQ11336">
        <v>37</v>
      </c>
    </row>
    <row r="11337" spans="1:43">
      <c r="A11337" t="s">
        <v>7056</v>
      </c>
      <c r="B11337" t="s">
        <v>7057</v>
      </c>
      <c r="C11337" t="s">
        <v>6980</v>
      </c>
      <c r="D11337" t="s">
        <v>6981</v>
      </c>
      <c r="E11337" t="s">
        <v>6982</v>
      </c>
      <c r="F11337" t="s">
        <v>6983</v>
      </c>
      <c r="G11337" t="s">
        <v>80</v>
      </c>
      <c r="H11337" t="s">
        <v>81</v>
      </c>
      <c r="I11337" s="2">
        <v>0</v>
      </c>
      <c r="J11337" s="2">
        <v>1</v>
      </c>
      <c r="K11337" s="2">
        <v>0</v>
      </c>
      <c r="L11337" t="s">
        <v>82</v>
      </c>
      <c r="M11337" t="s">
        <v>83</v>
      </c>
      <c r="N11337" t="s">
        <v>91</v>
      </c>
      <c r="O11337" t="s">
        <v>85</v>
      </c>
      <c r="P11337" t="s">
        <v>86</v>
      </c>
      <c r="Q11337">
        <v>36</v>
      </c>
      <c r="R11337">
        <v>37</v>
      </c>
      <c r="S11337">
        <v>37</v>
      </c>
      <c r="T11337">
        <v>37</v>
      </c>
      <c r="U11337">
        <v>37</v>
      </c>
      <c r="V11337">
        <v>37</v>
      </c>
      <c r="W11337">
        <v>37</v>
      </c>
      <c r="X11337">
        <v>38</v>
      </c>
      <c r="Y11337">
        <v>38</v>
      </c>
      <c r="Z11337">
        <v>38</v>
      </c>
      <c r="AA11337">
        <v>38</v>
      </c>
      <c r="AB11337">
        <v>38</v>
      </c>
      <c r="AC11337">
        <v>38</v>
      </c>
      <c r="AD11337">
        <v>38</v>
      </c>
      <c r="AE11337">
        <v>38</v>
      </c>
      <c r="AF11337">
        <v>39</v>
      </c>
      <c r="AG11337">
        <v>39</v>
      </c>
      <c r="AH11337">
        <v>39</v>
      </c>
      <c r="AI11337">
        <v>39</v>
      </c>
      <c r="AJ11337">
        <v>39</v>
      </c>
      <c r="AK11337">
        <v>39</v>
      </c>
      <c r="AL11337">
        <v>39</v>
      </c>
      <c r="AM11337">
        <v>39</v>
      </c>
      <c r="AN11337">
        <v>38</v>
      </c>
      <c r="AO11337">
        <v>38</v>
      </c>
      <c r="AP11337">
        <v>38</v>
      </c>
      <c r="AQ11337">
        <v>37</v>
      </c>
    </row>
    <row r="11338" spans="1:43">
      <c r="A11338" t="s">
        <v>7058</v>
      </c>
      <c r="B11338" t="s">
        <v>7059</v>
      </c>
      <c r="C11338" t="s">
        <v>6980</v>
      </c>
      <c r="D11338" t="s">
        <v>6981</v>
      </c>
      <c r="E11338" t="s">
        <v>6982</v>
      </c>
      <c r="F11338" t="s">
        <v>6983</v>
      </c>
      <c r="G11338" t="s">
        <v>80</v>
      </c>
      <c r="H11338" t="s">
        <v>81</v>
      </c>
      <c r="I11338" s="2">
        <v>0</v>
      </c>
      <c r="J11338" s="2">
        <v>1</v>
      </c>
      <c r="K11338" s="2">
        <v>0</v>
      </c>
      <c r="L11338" t="s">
        <v>82</v>
      </c>
      <c r="M11338" t="s">
        <v>83</v>
      </c>
      <c r="N11338" t="s">
        <v>84</v>
      </c>
      <c r="O11338" t="s">
        <v>85</v>
      </c>
      <c r="P11338" t="s">
        <v>86</v>
      </c>
      <c r="Q11338">
        <v>30</v>
      </c>
      <c r="R11338">
        <v>30</v>
      </c>
      <c r="S11338">
        <v>30</v>
      </c>
      <c r="T11338">
        <v>30</v>
      </c>
      <c r="U11338">
        <v>31</v>
      </c>
      <c r="V11338">
        <v>31</v>
      </c>
      <c r="W11338">
        <v>31</v>
      </c>
      <c r="X11338">
        <v>31</v>
      </c>
      <c r="Y11338">
        <v>31</v>
      </c>
      <c r="Z11338">
        <v>31</v>
      </c>
      <c r="AA11338">
        <v>31</v>
      </c>
      <c r="AB11338">
        <v>32</v>
      </c>
      <c r="AC11338">
        <v>32</v>
      </c>
      <c r="AD11338">
        <v>32</v>
      </c>
      <c r="AE11338">
        <v>32</v>
      </c>
      <c r="AF11338">
        <v>32</v>
      </c>
      <c r="AG11338">
        <v>32</v>
      </c>
      <c r="AH11338">
        <v>32</v>
      </c>
      <c r="AI11338">
        <v>32</v>
      </c>
      <c r="AJ11338">
        <v>32</v>
      </c>
      <c r="AK11338">
        <v>32</v>
      </c>
      <c r="AL11338">
        <v>32</v>
      </c>
      <c r="AM11338">
        <v>32</v>
      </c>
      <c r="AN11338">
        <v>32</v>
      </c>
      <c r="AO11338">
        <v>31</v>
      </c>
      <c r="AP11338">
        <v>31</v>
      </c>
      <c r="AQ11338">
        <v>31</v>
      </c>
    </row>
    <row r="11339" spans="1:43">
      <c r="A11339" t="s">
        <v>7058</v>
      </c>
      <c r="B11339" t="s">
        <v>7059</v>
      </c>
      <c r="C11339" t="s">
        <v>6980</v>
      </c>
      <c r="D11339" t="s">
        <v>6981</v>
      </c>
      <c r="E11339" t="s">
        <v>6982</v>
      </c>
      <c r="F11339" t="s">
        <v>6983</v>
      </c>
      <c r="G11339" t="s">
        <v>80</v>
      </c>
      <c r="H11339" t="s">
        <v>81</v>
      </c>
      <c r="I11339" s="2">
        <v>0</v>
      </c>
      <c r="J11339" s="2">
        <v>1</v>
      </c>
      <c r="K11339" s="2">
        <v>0</v>
      </c>
      <c r="L11339" t="s">
        <v>82</v>
      </c>
      <c r="M11339" t="s">
        <v>87</v>
      </c>
      <c r="N11339" t="s">
        <v>88</v>
      </c>
      <c r="O11339" t="s">
        <v>85</v>
      </c>
      <c r="P11339" t="s">
        <v>86</v>
      </c>
      <c r="Q11339">
        <v>30</v>
      </c>
      <c r="R11339">
        <v>30</v>
      </c>
      <c r="S11339">
        <v>29</v>
      </c>
      <c r="T11339">
        <v>29</v>
      </c>
      <c r="U11339">
        <v>29</v>
      </c>
      <c r="V11339">
        <v>29</v>
      </c>
      <c r="W11339">
        <v>29</v>
      </c>
      <c r="X11339">
        <v>29</v>
      </c>
      <c r="Y11339">
        <v>29</v>
      </c>
      <c r="Z11339">
        <v>29</v>
      </c>
      <c r="AA11339">
        <v>29</v>
      </c>
      <c r="AB11339">
        <v>28</v>
      </c>
      <c r="AC11339">
        <v>28</v>
      </c>
      <c r="AD11339">
        <v>28</v>
      </c>
      <c r="AE11339">
        <v>28</v>
      </c>
      <c r="AF11339">
        <v>28</v>
      </c>
      <c r="AG11339">
        <v>28</v>
      </c>
      <c r="AH11339">
        <v>28</v>
      </c>
      <c r="AI11339">
        <v>28</v>
      </c>
      <c r="AJ11339">
        <v>28</v>
      </c>
      <c r="AK11339">
        <v>28</v>
      </c>
      <c r="AL11339">
        <v>27</v>
      </c>
      <c r="AM11339">
        <v>27</v>
      </c>
      <c r="AN11339">
        <v>27</v>
      </c>
      <c r="AO11339">
        <v>27</v>
      </c>
      <c r="AP11339">
        <v>27</v>
      </c>
      <c r="AQ11339">
        <v>27</v>
      </c>
    </row>
    <row r="11340" spans="1:43">
      <c r="A11340" t="s">
        <v>7058</v>
      </c>
      <c r="B11340" t="s">
        <v>7059</v>
      </c>
      <c r="C11340" t="s">
        <v>6980</v>
      </c>
      <c r="D11340" t="s">
        <v>6981</v>
      </c>
      <c r="E11340" t="s">
        <v>6982</v>
      </c>
      <c r="F11340" t="s">
        <v>6983</v>
      </c>
      <c r="G11340" t="s">
        <v>80</v>
      </c>
      <c r="H11340" t="s">
        <v>81</v>
      </c>
      <c r="I11340" s="2">
        <v>0</v>
      </c>
      <c r="J11340" s="2">
        <v>1</v>
      </c>
      <c r="K11340" s="2">
        <v>0</v>
      </c>
      <c r="L11340" t="s">
        <v>82</v>
      </c>
      <c r="M11340" t="s">
        <v>89</v>
      </c>
      <c r="N11340" t="s">
        <v>90</v>
      </c>
      <c r="O11340" t="s">
        <v>85</v>
      </c>
      <c r="P11340" t="s">
        <v>86</v>
      </c>
      <c r="Q11340">
        <v>30</v>
      </c>
      <c r="R11340">
        <v>31</v>
      </c>
      <c r="S11340">
        <v>31</v>
      </c>
      <c r="T11340">
        <v>31</v>
      </c>
      <c r="U11340">
        <v>32</v>
      </c>
      <c r="V11340">
        <v>32</v>
      </c>
      <c r="W11340">
        <v>32</v>
      </c>
      <c r="X11340">
        <v>33</v>
      </c>
      <c r="Y11340">
        <v>33</v>
      </c>
      <c r="Z11340">
        <v>33</v>
      </c>
      <c r="AA11340">
        <v>33</v>
      </c>
      <c r="AB11340">
        <v>34</v>
      </c>
      <c r="AC11340">
        <v>34</v>
      </c>
      <c r="AD11340">
        <v>34</v>
      </c>
      <c r="AE11340">
        <v>34</v>
      </c>
      <c r="AF11340">
        <v>34</v>
      </c>
      <c r="AG11340">
        <v>34</v>
      </c>
      <c r="AH11340">
        <v>33</v>
      </c>
      <c r="AI11340">
        <v>33</v>
      </c>
      <c r="AJ11340">
        <v>33</v>
      </c>
      <c r="AK11340">
        <v>33</v>
      </c>
      <c r="AL11340">
        <v>32</v>
      </c>
      <c r="AM11340">
        <v>32</v>
      </c>
      <c r="AN11340">
        <v>32</v>
      </c>
      <c r="AO11340">
        <v>32</v>
      </c>
      <c r="AP11340">
        <v>32</v>
      </c>
      <c r="AQ11340">
        <v>31</v>
      </c>
    </row>
    <row r="11341" spans="1:43">
      <c r="A11341" t="s">
        <v>7058</v>
      </c>
      <c r="B11341" t="s">
        <v>7059</v>
      </c>
      <c r="C11341" t="s">
        <v>6980</v>
      </c>
      <c r="D11341" t="s">
        <v>6981</v>
      </c>
      <c r="E11341" t="s">
        <v>6982</v>
      </c>
      <c r="F11341" t="s">
        <v>6983</v>
      </c>
      <c r="G11341" t="s">
        <v>80</v>
      </c>
      <c r="H11341" t="s">
        <v>81</v>
      </c>
      <c r="I11341" s="2">
        <v>0</v>
      </c>
      <c r="J11341" s="2">
        <v>1</v>
      </c>
      <c r="K11341" s="2">
        <v>0</v>
      </c>
      <c r="L11341" t="s">
        <v>82</v>
      </c>
      <c r="M11341" t="s">
        <v>83</v>
      </c>
      <c r="N11341" t="s">
        <v>91</v>
      </c>
      <c r="O11341" t="s">
        <v>85</v>
      </c>
      <c r="P11341" t="s">
        <v>86</v>
      </c>
      <c r="Q11341">
        <v>30</v>
      </c>
      <c r="R11341">
        <v>30</v>
      </c>
      <c r="S11341">
        <v>30</v>
      </c>
      <c r="T11341">
        <v>30</v>
      </c>
      <c r="U11341">
        <v>31</v>
      </c>
      <c r="V11341">
        <v>31</v>
      </c>
      <c r="W11341">
        <v>31</v>
      </c>
      <c r="X11341">
        <v>31</v>
      </c>
      <c r="Y11341">
        <v>31</v>
      </c>
      <c r="Z11341">
        <v>31</v>
      </c>
      <c r="AA11341">
        <v>31</v>
      </c>
      <c r="AB11341">
        <v>32</v>
      </c>
      <c r="AC11341">
        <v>32</v>
      </c>
      <c r="AD11341">
        <v>32</v>
      </c>
      <c r="AE11341">
        <v>32</v>
      </c>
      <c r="AF11341">
        <v>32</v>
      </c>
      <c r="AG11341">
        <v>32</v>
      </c>
      <c r="AH11341">
        <v>32</v>
      </c>
      <c r="AI11341">
        <v>32</v>
      </c>
      <c r="AJ11341">
        <v>32</v>
      </c>
      <c r="AK11341">
        <v>32</v>
      </c>
      <c r="AL11341">
        <v>32</v>
      </c>
      <c r="AM11341">
        <v>32</v>
      </c>
      <c r="AN11341">
        <v>32</v>
      </c>
      <c r="AO11341">
        <v>31</v>
      </c>
      <c r="AP11341">
        <v>31</v>
      </c>
      <c r="AQ11341">
        <v>31</v>
      </c>
    </row>
    <row r="11342" spans="1:43">
      <c r="A11342" t="s">
        <v>7060</v>
      </c>
      <c r="B11342" t="s">
        <v>7061</v>
      </c>
      <c r="C11342" t="s">
        <v>7050</v>
      </c>
      <c r="D11342" t="s">
        <v>7051</v>
      </c>
      <c r="E11342" t="s">
        <v>6982</v>
      </c>
      <c r="F11342" t="s">
        <v>6983</v>
      </c>
      <c r="G11342" t="s">
        <v>80</v>
      </c>
      <c r="H11342" t="s">
        <v>81</v>
      </c>
      <c r="I11342" s="2">
        <v>0</v>
      </c>
      <c r="J11342" s="2">
        <v>1</v>
      </c>
      <c r="K11342" s="2">
        <v>0</v>
      </c>
      <c r="L11342" t="s">
        <v>82</v>
      </c>
      <c r="M11342" t="s">
        <v>83</v>
      </c>
      <c r="N11342" t="s">
        <v>84</v>
      </c>
      <c r="O11342" t="s">
        <v>85</v>
      </c>
      <c r="P11342" t="s">
        <v>86</v>
      </c>
      <c r="Q11342">
        <v>17</v>
      </c>
      <c r="R11342">
        <v>17</v>
      </c>
      <c r="S11342">
        <v>17</v>
      </c>
      <c r="T11342">
        <v>17</v>
      </c>
      <c r="U11342">
        <v>17</v>
      </c>
      <c r="V11342">
        <v>17</v>
      </c>
      <c r="W11342">
        <v>18</v>
      </c>
      <c r="X11342">
        <v>18</v>
      </c>
      <c r="Y11342">
        <v>18</v>
      </c>
      <c r="Z11342">
        <v>18</v>
      </c>
      <c r="AA11342">
        <v>18</v>
      </c>
      <c r="AB11342">
        <v>18</v>
      </c>
      <c r="AC11342">
        <v>18</v>
      </c>
      <c r="AD11342">
        <v>18</v>
      </c>
      <c r="AE11342">
        <v>18</v>
      </c>
      <c r="AF11342">
        <v>18</v>
      </c>
      <c r="AG11342">
        <v>18</v>
      </c>
      <c r="AH11342">
        <v>18</v>
      </c>
      <c r="AI11342">
        <v>18</v>
      </c>
      <c r="AJ11342">
        <v>18</v>
      </c>
      <c r="AK11342">
        <v>18</v>
      </c>
      <c r="AL11342">
        <v>18</v>
      </c>
      <c r="AM11342">
        <v>18</v>
      </c>
      <c r="AN11342">
        <v>18</v>
      </c>
      <c r="AO11342">
        <v>18</v>
      </c>
      <c r="AP11342">
        <v>18</v>
      </c>
      <c r="AQ11342">
        <v>17</v>
      </c>
    </row>
    <row r="11343" spans="1:43">
      <c r="A11343" t="s">
        <v>7060</v>
      </c>
      <c r="B11343" t="s">
        <v>7061</v>
      </c>
      <c r="C11343" t="s">
        <v>7050</v>
      </c>
      <c r="D11343" t="s">
        <v>7051</v>
      </c>
      <c r="E11343" t="s">
        <v>6982</v>
      </c>
      <c r="F11343" t="s">
        <v>6983</v>
      </c>
      <c r="G11343" t="s">
        <v>80</v>
      </c>
      <c r="H11343" t="s">
        <v>81</v>
      </c>
      <c r="I11343" s="2">
        <v>0</v>
      </c>
      <c r="J11343" s="2">
        <v>1</v>
      </c>
      <c r="K11343" s="2">
        <v>0</v>
      </c>
      <c r="L11343" t="s">
        <v>82</v>
      </c>
      <c r="M11343" t="s">
        <v>87</v>
      </c>
      <c r="N11343" t="s">
        <v>88</v>
      </c>
      <c r="O11343" t="s">
        <v>85</v>
      </c>
      <c r="P11343" t="s">
        <v>86</v>
      </c>
      <c r="Q11343">
        <v>17</v>
      </c>
      <c r="R11343">
        <v>17</v>
      </c>
      <c r="S11343">
        <v>17</v>
      </c>
      <c r="T11343">
        <v>17</v>
      </c>
      <c r="U11343">
        <v>17</v>
      </c>
      <c r="V11343">
        <v>17</v>
      </c>
      <c r="W11343">
        <v>16</v>
      </c>
      <c r="X11343">
        <v>16</v>
      </c>
      <c r="Y11343">
        <v>16</v>
      </c>
      <c r="Z11343">
        <v>16</v>
      </c>
      <c r="AA11343">
        <v>16</v>
      </c>
      <c r="AB11343">
        <v>16</v>
      </c>
      <c r="AC11343">
        <v>16</v>
      </c>
      <c r="AD11343">
        <v>16</v>
      </c>
      <c r="AE11343">
        <v>16</v>
      </c>
      <c r="AF11343">
        <v>16</v>
      </c>
      <c r="AG11343">
        <v>16</v>
      </c>
      <c r="AH11343">
        <v>16</v>
      </c>
      <c r="AI11343">
        <v>16</v>
      </c>
      <c r="AJ11343">
        <v>16</v>
      </c>
      <c r="AK11343">
        <v>16</v>
      </c>
      <c r="AL11343">
        <v>15</v>
      </c>
      <c r="AM11343">
        <v>15</v>
      </c>
      <c r="AN11343">
        <v>15</v>
      </c>
      <c r="AO11343">
        <v>15</v>
      </c>
      <c r="AP11343">
        <v>15</v>
      </c>
      <c r="AQ11343">
        <v>15</v>
      </c>
    </row>
    <row r="11344" spans="1:43">
      <c r="A11344" t="s">
        <v>7060</v>
      </c>
      <c r="B11344" t="s">
        <v>7061</v>
      </c>
      <c r="C11344" t="s">
        <v>7050</v>
      </c>
      <c r="D11344" t="s">
        <v>7051</v>
      </c>
      <c r="E11344" t="s">
        <v>6982</v>
      </c>
      <c r="F11344" t="s">
        <v>6983</v>
      </c>
      <c r="G11344" t="s">
        <v>80</v>
      </c>
      <c r="H11344" t="s">
        <v>81</v>
      </c>
      <c r="I11344" s="2">
        <v>0</v>
      </c>
      <c r="J11344" s="2">
        <v>1</v>
      </c>
      <c r="K11344" s="2">
        <v>0</v>
      </c>
      <c r="L11344" t="s">
        <v>82</v>
      </c>
      <c r="M11344" t="s">
        <v>89</v>
      </c>
      <c r="N11344" t="s">
        <v>90</v>
      </c>
      <c r="O11344" t="s">
        <v>85</v>
      </c>
      <c r="P11344" t="s">
        <v>86</v>
      </c>
      <c r="Q11344">
        <v>17</v>
      </c>
      <c r="R11344">
        <v>17</v>
      </c>
      <c r="S11344">
        <v>18</v>
      </c>
      <c r="T11344">
        <v>18</v>
      </c>
      <c r="U11344">
        <v>18</v>
      </c>
      <c r="V11344">
        <v>18</v>
      </c>
      <c r="W11344">
        <v>18</v>
      </c>
      <c r="X11344">
        <v>19</v>
      </c>
      <c r="Y11344">
        <v>19</v>
      </c>
      <c r="Z11344">
        <v>19</v>
      </c>
      <c r="AA11344">
        <v>19</v>
      </c>
      <c r="AB11344">
        <v>19</v>
      </c>
      <c r="AC11344">
        <v>19</v>
      </c>
      <c r="AD11344">
        <v>19</v>
      </c>
      <c r="AE11344">
        <v>19</v>
      </c>
      <c r="AF11344">
        <v>19</v>
      </c>
      <c r="AG11344">
        <v>19</v>
      </c>
      <c r="AH11344">
        <v>19</v>
      </c>
      <c r="AI11344">
        <v>19</v>
      </c>
      <c r="AJ11344">
        <v>19</v>
      </c>
      <c r="AK11344">
        <v>18</v>
      </c>
      <c r="AL11344">
        <v>18</v>
      </c>
      <c r="AM11344">
        <v>18</v>
      </c>
      <c r="AN11344">
        <v>18</v>
      </c>
      <c r="AO11344">
        <v>18</v>
      </c>
      <c r="AP11344">
        <v>18</v>
      </c>
      <c r="AQ11344">
        <v>18</v>
      </c>
    </row>
    <row r="11345" spans="1:43">
      <c r="A11345" t="s">
        <v>7060</v>
      </c>
      <c r="B11345" t="s">
        <v>7061</v>
      </c>
      <c r="C11345" t="s">
        <v>7050</v>
      </c>
      <c r="D11345" t="s">
        <v>7051</v>
      </c>
      <c r="E11345" t="s">
        <v>6982</v>
      </c>
      <c r="F11345" t="s">
        <v>6983</v>
      </c>
      <c r="G11345" t="s">
        <v>80</v>
      </c>
      <c r="H11345" t="s">
        <v>81</v>
      </c>
      <c r="I11345" s="2">
        <v>0</v>
      </c>
      <c r="J11345" s="2">
        <v>1</v>
      </c>
      <c r="K11345" s="2">
        <v>0</v>
      </c>
      <c r="L11345" t="s">
        <v>82</v>
      </c>
      <c r="M11345" t="s">
        <v>83</v>
      </c>
      <c r="N11345" t="s">
        <v>91</v>
      </c>
      <c r="O11345" t="s">
        <v>85</v>
      </c>
      <c r="P11345" t="s">
        <v>86</v>
      </c>
      <c r="Q11345">
        <v>17</v>
      </c>
      <c r="R11345">
        <v>17</v>
      </c>
      <c r="S11345">
        <v>17</v>
      </c>
      <c r="T11345">
        <v>17</v>
      </c>
      <c r="U11345">
        <v>17</v>
      </c>
      <c r="V11345">
        <v>17</v>
      </c>
      <c r="W11345">
        <v>18</v>
      </c>
      <c r="X11345">
        <v>18</v>
      </c>
      <c r="Y11345">
        <v>18</v>
      </c>
      <c r="Z11345">
        <v>18</v>
      </c>
      <c r="AA11345">
        <v>18</v>
      </c>
      <c r="AB11345">
        <v>18</v>
      </c>
      <c r="AC11345">
        <v>18</v>
      </c>
      <c r="AD11345">
        <v>18</v>
      </c>
      <c r="AE11345">
        <v>18</v>
      </c>
      <c r="AF11345">
        <v>18</v>
      </c>
      <c r="AG11345">
        <v>18</v>
      </c>
      <c r="AH11345">
        <v>18</v>
      </c>
      <c r="AI11345">
        <v>18</v>
      </c>
      <c r="AJ11345">
        <v>18</v>
      </c>
      <c r="AK11345">
        <v>18</v>
      </c>
      <c r="AL11345">
        <v>18</v>
      </c>
      <c r="AM11345">
        <v>18</v>
      </c>
      <c r="AN11345">
        <v>18</v>
      </c>
      <c r="AO11345">
        <v>18</v>
      </c>
      <c r="AP11345">
        <v>18</v>
      </c>
      <c r="AQ11345">
        <v>17</v>
      </c>
    </row>
    <row r="11346" spans="1:43">
      <c r="A11346" t="s">
        <v>7062</v>
      </c>
      <c r="B11346" t="s">
        <v>7063</v>
      </c>
      <c r="C11346" t="s">
        <v>7064</v>
      </c>
      <c r="D11346" t="s">
        <v>7065</v>
      </c>
      <c r="E11346" t="s">
        <v>6982</v>
      </c>
      <c r="F11346" t="s">
        <v>6983</v>
      </c>
      <c r="G11346" t="s">
        <v>80</v>
      </c>
      <c r="H11346" t="s">
        <v>81</v>
      </c>
      <c r="I11346" s="2">
        <v>0</v>
      </c>
      <c r="J11346" s="2">
        <v>1</v>
      </c>
      <c r="K11346" s="2">
        <v>0</v>
      </c>
      <c r="L11346" t="s">
        <v>82</v>
      </c>
      <c r="M11346" t="s">
        <v>83</v>
      </c>
      <c r="N11346" t="s">
        <v>84</v>
      </c>
      <c r="O11346" t="s">
        <v>85</v>
      </c>
      <c r="P11346" t="s">
        <v>86</v>
      </c>
      <c r="Q11346">
        <v>30</v>
      </c>
      <c r="R11346">
        <v>30</v>
      </c>
      <c r="S11346">
        <v>30</v>
      </c>
      <c r="T11346">
        <v>31</v>
      </c>
      <c r="U11346">
        <v>31</v>
      </c>
      <c r="V11346">
        <v>31</v>
      </c>
      <c r="W11346">
        <v>31</v>
      </c>
      <c r="X11346">
        <v>31</v>
      </c>
      <c r="Y11346">
        <v>31</v>
      </c>
      <c r="Z11346">
        <v>32</v>
      </c>
      <c r="AA11346">
        <v>32</v>
      </c>
      <c r="AB11346">
        <v>32</v>
      </c>
      <c r="AC11346">
        <v>32</v>
      </c>
      <c r="AD11346">
        <v>32</v>
      </c>
      <c r="AE11346">
        <v>32</v>
      </c>
      <c r="AF11346">
        <v>32</v>
      </c>
      <c r="AG11346">
        <v>32</v>
      </c>
      <c r="AH11346">
        <v>32</v>
      </c>
      <c r="AI11346">
        <v>33</v>
      </c>
      <c r="AJ11346">
        <v>33</v>
      </c>
      <c r="AK11346">
        <v>33</v>
      </c>
      <c r="AL11346">
        <v>33</v>
      </c>
      <c r="AM11346">
        <v>32</v>
      </c>
      <c r="AN11346">
        <v>32</v>
      </c>
      <c r="AO11346">
        <v>32</v>
      </c>
      <c r="AP11346">
        <v>32</v>
      </c>
      <c r="AQ11346">
        <v>32</v>
      </c>
    </row>
    <row r="11347" spans="1:43">
      <c r="A11347" t="s">
        <v>7062</v>
      </c>
      <c r="B11347" t="s">
        <v>7063</v>
      </c>
      <c r="C11347" t="s">
        <v>7064</v>
      </c>
      <c r="D11347" t="s">
        <v>7065</v>
      </c>
      <c r="E11347" t="s">
        <v>6982</v>
      </c>
      <c r="F11347" t="s">
        <v>6983</v>
      </c>
      <c r="G11347" t="s">
        <v>80</v>
      </c>
      <c r="H11347" t="s">
        <v>81</v>
      </c>
      <c r="I11347" s="2">
        <v>0</v>
      </c>
      <c r="J11347" s="2">
        <v>1</v>
      </c>
      <c r="K11347" s="2">
        <v>0</v>
      </c>
      <c r="L11347" t="s">
        <v>82</v>
      </c>
      <c r="M11347" t="s">
        <v>87</v>
      </c>
      <c r="N11347" t="s">
        <v>88</v>
      </c>
      <c r="O11347" t="s">
        <v>85</v>
      </c>
      <c r="P11347" t="s">
        <v>86</v>
      </c>
      <c r="Q11347">
        <v>30</v>
      </c>
      <c r="R11347">
        <v>30</v>
      </c>
      <c r="S11347">
        <v>30</v>
      </c>
      <c r="T11347">
        <v>29</v>
      </c>
      <c r="U11347">
        <v>29</v>
      </c>
      <c r="V11347">
        <v>29</v>
      </c>
      <c r="W11347">
        <v>29</v>
      </c>
      <c r="X11347">
        <v>29</v>
      </c>
      <c r="Y11347">
        <v>29</v>
      </c>
      <c r="Z11347">
        <v>29</v>
      </c>
      <c r="AA11347">
        <v>29</v>
      </c>
      <c r="AB11347">
        <v>29</v>
      </c>
      <c r="AC11347">
        <v>29</v>
      </c>
      <c r="AD11347">
        <v>29</v>
      </c>
      <c r="AE11347">
        <v>28</v>
      </c>
      <c r="AF11347">
        <v>28</v>
      </c>
      <c r="AG11347">
        <v>28</v>
      </c>
      <c r="AH11347">
        <v>28</v>
      </c>
      <c r="AI11347">
        <v>28</v>
      </c>
      <c r="AJ11347">
        <v>28</v>
      </c>
      <c r="AK11347">
        <v>28</v>
      </c>
      <c r="AL11347">
        <v>28</v>
      </c>
      <c r="AM11347">
        <v>28</v>
      </c>
      <c r="AN11347">
        <v>28</v>
      </c>
      <c r="AO11347">
        <v>28</v>
      </c>
      <c r="AP11347">
        <v>28</v>
      </c>
      <c r="AQ11347">
        <v>27</v>
      </c>
    </row>
    <row r="11348" spans="1:43">
      <c r="A11348" t="s">
        <v>7062</v>
      </c>
      <c r="B11348" t="s">
        <v>7063</v>
      </c>
      <c r="C11348" t="s">
        <v>7064</v>
      </c>
      <c r="D11348" t="s">
        <v>7065</v>
      </c>
      <c r="E11348" t="s">
        <v>6982</v>
      </c>
      <c r="F11348" t="s">
        <v>6983</v>
      </c>
      <c r="G11348" t="s">
        <v>80</v>
      </c>
      <c r="H11348" t="s">
        <v>81</v>
      </c>
      <c r="I11348" s="2">
        <v>0</v>
      </c>
      <c r="J11348" s="2">
        <v>1</v>
      </c>
      <c r="K11348" s="2">
        <v>0</v>
      </c>
      <c r="L11348" t="s">
        <v>82</v>
      </c>
      <c r="M11348" t="s">
        <v>89</v>
      </c>
      <c r="N11348" t="s">
        <v>90</v>
      </c>
      <c r="O11348" t="s">
        <v>85</v>
      </c>
      <c r="P11348" t="s">
        <v>86</v>
      </c>
      <c r="Q11348">
        <v>30</v>
      </c>
      <c r="R11348">
        <v>31</v>
      </c>
      <c r="S11348">
        <v>31</v>
      </c>
      <c r="T11348">
        <v>32</v>
      </c>
      <c r="U11348">
        <v>32</v>
      </c>
      <c r="V11348">
        <v>32</v>
      </c>
      <c r="W11348">
        <v>33</v>
      </c>
      <c r="X11348">
        <v>33</v>
      </c>
      <c r="Y11348">
        <v>33</v>
      </c>
      <c r="Z11348">
        <v>33</v>
      </c>
      <c r="AA11348">
        <v>34</v>
      </c>
      <c r="AB11348">
        <v>34</v>
      </c>
      <c r="AC11348">
        <v>34</v>
      </c>
      <c r="AD11348">
        <v>34</v>
      </c>
      <c r="AE11348">
        <v>34</v>
      </c>
      <c r="AF11348">
        <v>34</v>
      </c>
      <c r="AG11348">
        <v>34</v>
      </c>
      <c r="AH11348">
        <v>34</v>
      </c>
      <c r="AI11348">
        <v>34</v>
      </c>
      <c r="AJ11348">
        <v>33</v>
      </c>
      <c r="AK11348">
        <v>33</v>
      </c>
      <c r="AL11348">
        <v>33</v>
      </c>
      <c r="AM11348">
        <v>33</v>
      </c>
      <c r="AN11348">
        <v>33</v>
      </c>
      <c r="AO11348">
        <v>32</v>
      </c>
      <c r="AP11348">
        <v>32</v>
      </c>
      <c r="AQ11348">
        <v>32</v>
      </c>
    </row>
    <row r="11349" spans="1:43">
      <c r="A11349" t="s">
        <v>7062</v>
      </c>
      <c r="B11349" t="s">
        <v>7063</v>
      </c>
      <c r="C11349" t="s">
        <v>7064</v>
      </c>
      <c r="D11349" t="s">
        <v>7065</v>
      </c>
      <c r="E11349" t="s">
        <v>6982</v>
      </c>
      <c r="F11349" t="s">
        <v>6983</v>
      </c>
      <c r="G11349" t="s">
        <v>80</v>
      </c>
      <c r="H11349" t="s">
        <v>81</v>
      </c>
      <c r="I11349" s="2">
        <v>0</v>
      </c>
      <c r="J11349" s="2">
        <v>1</v>
      </c>
      <c r="K11349" s="2">
        <v>0</v>
      </c>
      <c r="L11349" t="s">
        <v>82</v>
      </c>
      <c r="M11349" t="s">
        <v>83</v>
      </c>
      <c r="N11349" t="s">
        <v>91</v>
      </c>
      <c r="O11349" t="s">
        <v>85</v>
      </c>
      <c r="P11349" t="s">
        <v>86</v>
      </c>
      <c r="Q11349">
        <v>30</v>
      </c>
      <c r="R11349">
        <v>30</v>
      </c>
      <c r="S11349">
        <v>30</v>
      </c>
      <c r="T11349">
        <v>31</v>
      </c>
      <c r="U11349">
        <v>31</v>
      </c>
      <c r="V11349">
        <v>31</v>
      </c>
      <c r="W11349">
        <v>31</v>
      </c>
      <c r="X11349">
        <v>31</v>
      </c>
      <c r="Y11349">
        <v>31</v>
      </c>
      <c r="Z11349">
        <v>32</v>
      </c>
      <c r="AA11349">
        <v>32</v>
      </c>
      <c r="AB11349">
        <v>32</v>
      </c>
      <c r="AC11349">
        <v>32</v>
      </c>
      <c r="AD11349">
        <v>32</v>
      </c>
      <c r="AE11349">
        <v>32</v>
      </c>
      <c r="AF11349">
        <v>32</v>
      </c>
      <c r="AG11349">
        <v>32</v>
      </c>
      <c r="AH11349">
        <v>32</v>
      </c>
      <c r="AI11349">
        <v>33</v>
      </c>
      <c r="AJ11349">
        <v>33</v>
      </c>
      <c r="AK11349">
        <v>33</v>
      </c>
      <c r="AL11349">
        <v>33</v>
      </c>
      <c r="AM11349">
        <v>32</v>
      </c>
      <c r="AN11349">
        <v>32</v>
      </c>
      <c r="AO11349">
        <v>32</v>
      </c>
      <c r="AP11349">
        <v>32</v>
      </c>
      <c r="AQ11349">
        <v>32</v>
      </c>
    </row>
    <row r="11350" spans="1:43">
      <c r="A11350" t="s">
        <v>7066</v>
      </c>
      <c r="B11350" t="s">
        <v>7067</v>
      </c>
      <c r="C11350" t="s">
        <v>7068</v>
      </c>
      <c r="D11350" t="s">
        <v>7069</v>
      </c>
      <c r="E11350" t="s">
        <v>6982</v>
      </c>
      <c r="F11350" t="s">
        <v>6983</v>
      </c>
      <c r="G11350" t="s">
        <v>80</v>
      </c>
      <c r="H11350" t="s">
        <v>81</v>
      </c>
      <c r="I11350" s="2">
        <v>0</v>
      </c>
      <c r="J11350" s="2">
        <v>1</v>
      </c>
      <c r="K11350" s="2">
        <v>0</v>
      </c>
      <c r="L11350" t="s">
        <v>82</v>
      </c>
      <c r="M11350" t="s">
        <v>83</v>
      </c>
      <c r="N11350" t="s">
        <v>84</v>
      </c>
      <c r="O11350" t="s">
        <v>85</v>
      </c>
      <c r="P11350" t="s">
        <v>86</v>
      </c>
      <c r="Q11350">
        <v>54</v>
      </c>
      <c r="R11350">
        <v>55</v>
      </c>
      <c r="S11350">
        <v>55</v>
      </c>
      <c r="T11350">
        <v>55</v>
      </c>
      <c r="U11350">
        <v>56</v>
      </c>
      <c r="V11350">
        <v>56</v>
      </c>
      <c r="W11350">
        <v>56</v>
      </c>
      <c r="X11350">
        <v>57</v>
      </c>
      <c r="Y11350">
        <v>57</v>
      </c>
      <c r="Z11350">
        <v>57</v>
      </c>
      <c r="AA11350">
        <v>58</v>
      </c>
      <c r="AB11350">
        <v>58</v>
      </c>
      <c r="AC11350">
        <v>58</v>
      </c>
      <c r="AD11350">
        <v>58</v>
      </c>
      <c r="AE11350">
        <v>58</v>
      </c>
      <c r="AF11350">
        <v>59</v>
      </c>
      <c r="AG11350">
        <v>59</v>
      </c>
      <c r="AH11350">
        <v>59</v>
      </c>
      <c r="AI11350">
        <v>59</v>
      </c>
      <c r="AJ11350">
        <v>59</v>
      </c>
      <c r="AK11350">
        <v>59</v>
      </c>
      <c r="AL11350">
        <v>59</v>
      </c>
      <c r="AM11350">
        <v>59</v>
      </c>
      <c r="AN11350">
        <v>58</v>
      </c>
      <c r="AO11350">
        <v>58</v>
      </c>
      <c r="AP11350">
        <v>58</v>
      </c>
      <c r="AQ11350">
        <v>57</v>
      </c>
    </row>
    <row r="11351" spans="1:43">
      <c r="A11351" t="s">
        <v>7066</v>
      </c>
      <c r="B11351" t="s">
        <v>7067</v>
      </c>
      <c r="C11351" t="s">
        <v>7068</v>
      </c>
      <c r="D11351" t="s">
        <v>7069</v>
      </c>
      <c r="E11351" t="s">
        <v>6982</v>
      </c>
      <c r="F11351" t="s">
        <v>6983</v>
      </c>
      <c r="G11351" t="s">
        <v>80</v>
      </c>
      <c r="H11351" t="s">
        <v>81</v>
      </c>
      <c r="I11351" s="2">
        <v>0</v>
      </c>
      <c r="J11351" s="2">
        <v>1</v>
      </c>
      <c r="K11351" s="2">
        <v>0</v>
      </c>
      <c r="L11351" t="s">
        <v>82</v>
      </c>
      <c r="M11351" t="s">
        <v>87</v>
      </c>
      <c r="N11351" t="s">
        <v>88</v>
      </c>
      <c r="O11351" t="s">
        <v>85</v>
      </c>
      <c r="P11351" t="s">
        <v>86</v>
      </c>
      <c r="Q11351">
        <v>54</v>
      </c>
      <c r="R11351">
        <v>54</v>
      </c>
      <c r="S11351">
        <v>54</v>
      </c>
      <c r="T11351">
        <v>53</v>
      </c>
      <c r="U11351">
        <v>53</v>
      </c>
      <c r="V11351">
        <v>53</v>
      </c>
      <c r="W11351">
        <v>53</v>
      </c>
      <c r="X11351">
        <v>53</v>
      </c>
      <c r="Y11351">
        <v>53</v>
      </c>
      <c r="Z11351">
        <v>53</v>
      </c>
      <c r="AA11351">
        <v>52</v>
      </c>
      <c r="AB11351">
        <v>52</v>
      </c>
      <c r="AC11351">
        <v>52</v>
      </c>
      <c r="AD11351">
        <v>52</v>
      </c>
      <c r="AE11351">
        <v>52</v>
      </c>
      <c r="AF11351">
        <v>52</v>
      </c>
      <c r="AG11351">
        <v>52</v>
      </c>
      <c r="AH11351">
        <v>51</v>
      </c>
      <c r="AI11351">
        <v>51</v>
      </c>
      <c r="AJ11351">
        <v>51</v>
      </c>
      <c r="AK11351">
        <v>51</v>
      </c>
      <c r="AL11351">
        <v>51</v>
      </c>
      <c r="AM11351">
        <v>51</v>
      </c>
      <c r="AN11351">
        <v>51</v>
      </c>
      <c r="AO11351">
        <v>51</v>
      </c>
      <c r="AP11351">
        <v>50</v>
      </c>
      <c r="AQ11351">
        <v>50</v>
      </c>
    </row>
    <row r="11352" spans="1:43">
      <c r="A11352" t="s">
        <v>7066</v>
      </c>
      <c r="B11352" t="s">
        <v>7067</v>
      </c>
      <c r="C11352" t="s">
        <v>7068</v>
      </c>
      <c r="D11352" t="s">
        <v>7069</v>
      </c>
      <c r="E11352" t="s">
        <v>6982</v>
      </c>
      <c r="F11352" t="s">
        <v>6983</v>
      </c>
      <c r="G11352" t="s">
        <v>80</v>
      </c>
      <c r="H11352" t="s">
        <v>81</v>
      </c>
      <c r="I11352" s="2">
        <v>0</v>
      </c>
      <c r="J11352" s="2">
        <v>1</v>
      </c>
      <c r="K11352" s="2">
        <v>0</v>
      </c>
      <c r="L11352" t="s">
        <v>82</v>
      </c>
      <c r="M11352" t="s">
        <v>89</v>
      </c>
      <c r="N11352" t="s">
        <v>90</v>
      </c>
      <c r="O11352" t="s">
        <v>85</v>
      </c>
      <c r="P11352" t="s">
        <v>86</v>
      </c>
      <c r="Q11352">
        <v>54</v>
      </c>
      <c r="R11352">
        <v>55</v>
      </c>
      <c r="S11352">
        <v>56</v>
      </c>
      <c r="T11352">
        <v>56</v>
      </c>
      <c r="U11352">
        <v>57</v>
      </c>
      <c r="V11352">
        <v>58</v>
      </c>
      <c r="W11352">
        <v>58</v>
      </c>
      <c r="X11352">
        <v>59</v>
      </c>
      <c r="Y11352">
        <v>59</v>
      </c>
      <c r="Z11352">
        <v>60</v>
      </c>
      <c r="AA11352">
        <v>60</v>
      </c>
      <c r="AB11352">
        <v>61</v>
      </c>
      <c r="AC11352">
        <v>61</v>
      </c>
      <c r="AD11352">
        <v>61</v>
      </c>
      <c r="AE11352">
        <v>61</v>
      </c>
      <c r="AF11352">
        <v>61</v>
      </c>
      <c r="AG11352">
        <v>61</v>
      </c>
      <c r="AH11352">
        <v>60</v>
      </c>
      <c r="AI11352">
        <v>60</v>
      </c>
      <c r="AJ11352">
        <v>59</v>
      </c>
      <c r="AK11352">
        <v>59</v>
      </c>
      <c r="AL11352">
        <v>59</v>
      </c>
      <c r="AM11352">
        <v>58</v>
      </c>
      <c r="AN11352">
        <v>58</v>
      </c>
      <c r="AO11352">
        <v>58</v>
      </c>
      <c r="AP11352">
        <v>57</v>
      </c>
      <c r="AQ11352">
        <v>57</v>
      </c>
    </row>
    <row r="11353" spans="1:43">
      <c r="A11353" t="s">
        <v>7066</v>
      </c>
      <c r="B11353" t="s">
        <v>7067</v>
      </c>
      <c r="C11353" t="s">
        <v>7068</v>
      </c>
      <c r="D11353" t="s">
        <v>7069</v>
      </c>
      <c r="E11353" t="s">
        <v>6982</v>
      </c>
      <c r="F11353" t="s">
        <v>6983</v>
      </c>
      <c r="G11353" t="s">
        <v>80</v>
      </c>
      <c r="H11353" t="s">
        <v>81</v>
      </c>
      <c r="I11353" s="2">
        <v>0</v>
      </c>
      <c r="J11353" s="2">
        <v>1</v>
      </c>
      <c r="K11353" s="2">
        <v>0</v>
      </c>
      <c r="L11353" t="s">
        <v>82</v>
      </c>
      <c r="M11353" t="s">
        <v>83</v>
      </c>
      <c r="N11353" t="s">
        <v>91</v>
      </c>
      <c r="O11353" t="s">
        <v>85</v>
      </c>
      <c r="P11353" t="s">
        <v>86</v>
      </c>
      <c r="Q11353">
        <v>54</v>
      </c>
      <c r="R11353">
        <v>55</v>
      </c>
      <c r="S11353">
        <v>55</v>
      </c>
      <c r="T11353">
        <v>55</v>
      </c>
      <c r="U11353">
        <v>56</v>
      </c>
      <c r="V11353">
        <v>56</v>
      </c>
      <c r="W11353">
        <v>56</v>
      </c>
      <c r="X11353">
        <v>57</v>
      </c>
      <c r="Y11353">
        <v>57</v>
      </c>
      <c r="Z11353">
        <v>57</v>
      </c>
      <c r="AA11353">
        <v>58</v>
      </c>
      <c r="AB11353">
        <v>58</v>
      </c>
      <c r="AC11353">
        <v>58</v>
      </c>
      <c r="AD11353">
        <v>58</v>
      </c>
      <c r="AE11353">
        <v>58</v>
      </c>
      <c r="AF11353">
        <v>59</v>
      </c>
      <c r="AG11353">
        <v>59</v>
      </c>
      <c r="AH11353">
        <v>59</v>
      </c>
      <c r="AI11353">
        <v>59</v>
      </c>
      <c r="AJ11353">
        <v>59</v>
      </c>
      <c r="AK11353">
        <v>59</v>
      </c>
      <c r="AL11353">
        <v>59</v>
      </c>
      <c r="AM11353">
        <v>59</v>
      </c>
      <c r="AN11353">
        <v>58</v>
      </c>
      <c r="AO11353">
        <v>58</v>
      </c>
      <c r="AP11353">
        <v>58</v>
      </c>
      <c r="AQ11353">
        <v>57</v>
      </c>
    </row>
    <row r="11354" spans="1:43">
      <c r="A11354" t="s">
        <v>7070</v>
      </c>
      <c r="B11354" t="s">
        <v>7071</v>
      </c>
      <c r="C11354" t="s">
        <v>7064</v>
      </c>
      <c r="D11354" t="s">
        <v>7065</v>
      </c>
      <c r="E11354" t="s">
        <v>6982</v>
      </c>
      <c r="F11354" t="s">
        <v>6983</v>
      </c>
      <c r="G11354" t="s">
        <v>80</v>
      </c>
      <c r="H11354" t="s">
        <v>81</v>
      </c>
      <c r="I11354" s="2">
        <v>0</v>
      </c>
      <c r="J11354" s="2">
        <v>1</v>
      </c>
      <c r="K11354" s="2">
        <v>0</v>
      </c>
      <c r="L11354" t="s">
        <v>82</v>
      </c>
      <c r="M11354" t="s">
        <v>83</v>
      </c>
      <c r="N11354" t="s">
        <v>84</v>
      </c>
      <c r="O11354" t="s">
        <v>85</v>
      </c>
      <c r="P11354" t="s">
        <v>86</v>
      </c>
      <c r="Q11354">
        <v>49</v>
      </c>
      <c r="R11354">
        <v>49</v>
      </c>
      <c r="S11354">
        <v>49</v>
      </c>
      <c r="T11354">
        <v>50</v>
      </c>
      <c r="U11354">
        <v>50</v>
      </c>
      <c r="V11354">
        <v>50</v>
      </c>
      <c r="W11354">
        <v>51</v>
      </c>
      <c r="X11354">
        <v>51</v>
      </c>
      <c r="Y11354">
        <v>51</v>
      </c>
      <c r="Z11354">
        <v>51</v>
      </c>
      <c r="AA11354">
        <v>52</v>
      </c>
      <c r="AB11354">
        <v>52</v>
      </c>
      <c r="AC11354">
        <v>52</v>
      </c>
      <c r="AD11354">
        <v>52</v>
      </c>
      <c r="AE11354">
        <v>52</v>
      </c>
      <c r="AF11354">
        <v>53</v>
      </c>
      <c r="AG11354">
        <v>53</v>
      </c>
      <c r="AH11354">
        <v>53</v>
      </c>
      <c r="AI11354">
        <v>53</v>
      </c>
      <c r="AJ11354">
        <v>53</v>
      </c>
      <c r="AK11354">
        <v>53</v>
      </c>
      <c r="AL11354">
        <v>53</v>
      </c>
      <c r="AM11354">
        <v>53</v>
      </c>
      <c r="AN11354">
        <v>53</v>
      </c>
      <c r="AO11354">
        <v>52</v>
      </c>
      <c r="AP11354">
        <v>52</v>
      </c>
      <c r="AQ11354">
        <v>52</v>
      </c>
    </row>
    <row r="11355" spans="1:43">
      <c r="A11355" t="s">
        <v>7070</v>
      </c>
      <c r="B11355" t="s">
        <v>7071</v>
      </c>
      <c r="C11355" t="s">
        <v>7064</v>
      </c>
      <c r="D11355" t="s">
        <v>7065</v>
      </c>
      <c r="E11355" t="s">
        <v>6982</v>
      </c>
      <c r="F11355" t="s">
        <v>6983</v>
      </c>
      <c r="G11355" t="s">
        <v>80</v>
      </c>
      <c r="H11355" t="s">
        <v>81</v>
      </c>
      <c r="I11355" s="2">
        <v>0</v>
      </c>
      <c r="J11355" s="2">
        <v>1</v>
      </c>
      <c r="K11355" s="2">
        <v>0</v>
      </c>
      <c r="L11355" t="s">
        <v>82</v>
      </c>
      <c r="M11355" t="s">
        <v>87</v>
      </c>
      <c r="N11355" t="s">
        <v>88</v>
      </c>
      <c r="O11355" t="s">
        <v>85</v>
      </c>
      <c r="P11355" t="s">
        <v>86</v>
      </c>
      <c r="Q11355">
        <v>49</v>
      </c>
      <c r="R11355">
        <v>49</v>
      </c>
      <c r="S11355">
        <v>49</v>
      </c>
      <c r="T11355">
        <v>49</v>
      </c>
      <c r="U11355">
        <v>49</v>
      </c>
      <c r="V11355">
        <v>49</v>
      </c>
      <c r="W11355">
        <v>49</v>
      </c>
      <c r="X11355">
        <v>48</v>
      </c>
      <c r="Y11355">
        <v>48</v>
      </c>
      <c r="Z11355">
        <v>48</v>
      </c>
      <c r="AA11355">
        <v>48</v>
      </c>
      <c r="AB11355">
        <v>48</v>
      </c>
      <c r="AC11355">
        <v>48</v>
      </c>
      <c r="AD11355">
        <v>48</v>
      </c>
      <c r="AE11355">
        <v>47</v>
      </c>
      <c r="AF11355">
        <v>47</v>
      </c>
      <c r="AG11355">
        <v>47</v>
      </c>
      <c r="AH11355">
        <v>47</v>
      </c>
      <c r="AI11355">
        <v>47</v>
      </c>
      <c r="AJ11355">
        <v>47</v>
      </c>
      <c r="AK11355">
        <v>47</v>
      </c>
      <c r="AL11355">
        <v>46</v>
      </c>
      <c r="AM11355">
        <v>46</v>
      </c>
      <c r="AN11355">
        <v>46</v>
      </c>
      <c r="AO11355">
        <v>46</v>
      </c>
      <c r="AP11355">
        <v>46</v>
      </c>
      <c r="AQ11355">
        <v>46</v>
      </c>
    </row>
    <row r="11356" spans="1:43">
      <c r="A11356" t="s">
        <v>7070</v>
      </c>
      <c r="B11356" t="s">
        <v>7071</v>
      </c>
      <c r="C11356" t="s">
        <v>7064</v>
      </c>
      <c r="D11356" t="s">
        <v>7065</v>
      </c>
      <c r="E11356" t="s">
        <v>6982</v>
      </c>
      <c r="F11356" t="s">
        <v>6983</v>
      </c>
      <c r="G11356" t="s">
        <v>80</v>
      </c>
      <c r="H11356" t="s">
        <v>81</v>
      </c>
      <c r="I11356" s="2">
        <v>0</v>
      </c>
      <c r="J11356" s="2">
        <v>1</v>
      </c>
      <c r="K11356" s="2">
        <v>0</v>
      </c>
      <c r="L11356" t="s">
        <v>82</v>
      </c>
      <c r="M11356" t="s">
        <v>89</v>
      </c>
      <c r="N11356" t="s">
        <v>90</v>
      </c>
      <c r="O11356" t="s">
        <v>85</v>
      </c>
      <c r="P11356" t="s">
        <v>86</v>
      </c>
      <c r="Q11356">
        <v>49</v>
      </c>
      <c r="R11356">
        <v>50</v>
      </c>
      <c r="S11356">
        <v>51</v>
      </c>
      <c r="T11356">
        <v>51</v>
      </c>
      <c r="U11356">
        <v>52</v>
      </c>
      <c r="V11356">
        <v>53</v>
      </c>
      <c r="W11356">
        <v>53</v>
      </c>
      <c r="X11356">
        <v>54</v>
      </c>
      <c r="Y11356">
        <v>54</v>
      </c>
      <c r="Z11356">
        <v>55</v>
      </c>
      <c r="AA11356">
        <v>55</v>
      </c>
      <c r="AB11356">
        <v>55</v>
      </c>
      <c r="AC11356">
        <v>56</v>
      </c>
      <c r="AD11356">
        <v>56</v>
      </c>
      <c r="AE11356">
        <v>56</v>
      </c>
      <c r="AF11356">
        <v>56</v>
      </c>
      <c r="AG11356">
        <v>55</v>
      </c>
      <c r="AH11356">
        <v>55</v>
      </c>
      <c r="AI11356">
        <v>55</v>
      </c>
      <c r="AJ11356">
        <v>54</v>
      </c>
      <c r="AK11356">
        <v>54</v>
      </c>
      <c r="AL11356">
        <v>54</v>
      </c>
      <c r="AM11356">
        <v>54</v>
      </c>
      <c r="AN11356">
        <v>53</v>
      </c>
      <c r="AO11356">
        <v>53</v>
      </c>
      <c r="AP11356">
        <v>53</v>
      </c>
      <c r="AQ11356">
        <v>52</v>
      </c>
    </row>
    <row r="11357" spans="1:43">
      <c r="A11357" t="s">
        <v>7070</v>
      </c>
      <c r="B11357" t="s">
        <v>7071</v>
      </c>
      <c r="C11357" t="s">
        <v>7064</v>
      </c>
      <c r="D11357" t="s">
        <v>7065</v>
      </c>
      <c r="E11357" t="s">
        <v>6982</v>
      </c>
      <c r="F11357" t="s">
        <v>6983</v>
      </c>
      <c r="G11357" t="s">
        <v>80</v>
      </c>
      <c r="H11357" t="s">
        <v>81</v>
      </c>
      <c r="I11357" s="2">
        <v>0</v>
      </c>
      <c r="J11357" s="2">
        <v>1</v>
      </c>
      <c r="K11357" s="2">
        <v>0</v>
      </c>
      <c r="L11357" t="s">
        <v>82</v>
      </c>
      <c r="M11357" t="s">
        <v>83</v>
      </c>
      <c r="N11357" t="s">
        <v>91</v>
      </c>
      <c r="O11357" t="s">
        <v>85</v>
      </c>
      <c r="P11357" t="s">
        <v>86</v>
      </c>
      <c r="Q11357">
        <v>49</v>
      </c>
      <c r="R11357">
        <v>49</v>
      </c>
      <c r="S11357">
        <v>49</v>
      </c>
      <c r="T11357">
        <v>50</v>
      </c>
      <c r="U11357">
        <v>50</v>
      </c>
      <c r="V11357">
        <v>50</v>
      </c>
      <c r="W11357">
        <v>51</v>
      </c>
      <c r="X11357">
        <v>51</v>
      </c>
      <c r="Y11357">
        <v>51</v>
      </c>
      <c r="Z11357">
        <v>51</v>
      </c>
      <c r="AA11357">
        <v>52</v>
      </c>
      <c r="AB11357">
        <v>52</v>
      </c>
      <c r="AC11357">
        <v>52</v>
      </c>
      <c r="AD11357">
        <v>52</v>
      </c>
      <c r="AE11357">
        <v>52</v>
      </c>
      <c r="AF11357">
        <v>53</v>
      </c>
      <c r="AG11357">
        <v>53</v>
      </c>
      <c r="AH11357">
        <v>53</v>
      </c>
      <c r="AI11357">
        <v>53</v>
      </c>
      <c r="AJ11357">
        <v>53</v>
      </c>
      <c r="AK11357">
        <v>53</v>
      </c>
      <c r="AL11357">
        <v>53</v>
      </c>
      <c r="AM11357">
        <v>53</v>
      </c>
      <c r="AN11357">
        <v>53</v>
      </c>
      <c r="AO11357">
        <v>52</v>
      </c>
      <c r="AP11357">
        <v>52</v>
      </c>
      <c r="AQ11357">
        <v>52</v>
      </c>
    </row>
    <row r="11358" spans="1:43">
      <c r="A11358" t="s">
        <v>7072</v>
      </c>
      <c r="B11358" t="s">
        <v>7073</v>
      </c>
      <c r="C11358" t="s">
        <v>7064</v>
      </c>
      <c r="D11358" t="s">
        <v>7065</v>
      </c>
      <c r="E11358" t="s">
        <v>6982</v>
      </c>
      <c r="F11358" t="s">
        <v>6983</v>
      </c>
      <c r="G11358" t="s">
        <v>80</v>
      </c>
      <c r="H11358" t="s">
        <v>81</v>
      </c>
      <c r="I11358" s="2">
        <v>0</v>
      </c>
      <c r="J11358" s="2">
        <v>1</v>
      </c>
      <c r="K11358" s="2">
        <v>0</v>
      </c>
      <c r="L11358" t="s">
        <v>82</v>
      </c>
      <c r="M11358" t="s">
        <v>83</v>
      </c>
      <c r="N11358" t="s">
        <v>84</v>
      </c>
      <c r="O11358" t="s">
        <v>85</v>
      </c>
      <c r="P11358" t="s">
        <v>86</v>
      </c>
      <c r="Q11358">
        <v>15</v>
      </c>
      <c r="R11358">
        <v>15</v>
      </c>
      <c r="S11358">
        <v>15</v>
      </c>
      <c r="T11358">
        <v>15</v>
      </c>
      <c r="U11358">
        <v>15</v>
      </c>
      <c r="V11358">
        <v>15</v>
      </c>
      <c r="W11358">
        <v>15</v>
      </c>
      <c r="X11358">
        <v>15</v>
      </c>
      <c r="Y11358">
        <v>15</v>
      </c>
      <c r="Z11358">
        <v>15</v>
      </c>
      <c r="AA11358">
        <v>16</v>
      </c>
      <c r="AB11358">
        <v>16</v>
      </c>
      <c r="AC11358">
        <v>16</v>
      </c>
      <c r="AD11358">
        <v>16</v>
      </c>
      <c r="AE11358">
        <v>16</v>
      </c>
      <c r="AF11358">
        <v>16</v>
      </c>
      <c r="AG11358">
        <v>16</v>
      </c>
      <c r="AH11358">
        <v>16</v>
      </c>
      <c r="AI11358">
        <v>16</v>
      </c>
      <c r="AJ11358">
        <v>16</v>
      </c>
      <c r="AK11358">
        <v>16</v>
      </c>
      <c r="AL11358">
        <v>16</v>
      </c>
      <c r="AM11358">
        <v>16</v>
      </c>
      <c r="AN11358">
        <v>16</v>
      </c>
      <c r="AO11358">
        <v>16</v>
      </c>
      <c r="AP11358">
        <v>16</v>
      </c>
      <c r="AQ11358">
        <v>16</v>
      </c>
    </row>
    <row r="11359" spans="1:43">
      <c r="A11359" t="s">
        <v>7072</v>
      </c>
      <c r="B11359" t="s">
        <v>7073</v>
      </c>
      <c r="C11359" t="s">
        <v>7064</v>
      </c>
      <c r="D11359" t="s">
        <v>7065</v>
      </c>
      <c r="E11359" t="s">
        <v>6982</v>
      </c>
      <c r="F11359" t="s">
        <v>6983</v>
      </c>
      <c r="G11359" t="s">
        <v>80</v>
      </c>
      <c r="H11359" t="s">
        <v>81</v>
      </c>
      <c r="I11359" s="2">
        <v>0</v>
      </c>
      <c r="J11359" s="2">
        <v>1</v>
      </c>
      <c r="K11359" s="2">
        <v>0</v>
      </c>
      <c r="L11359" t="s">
        <v>82</v>
      </c>
      <c r="M11359" t="s">
        <v>87</v>
      </c>
      <c r="N11359" t="s">
        <v>88</v>
      </c>
      <c r="O11359" t="s">
        <v>85</v>
      </c>
      <c r="P11359" t="s">
        <v>86</v>
      </c>
      <c r="Q11359">
        <v>15</v>
      </c>
      <c r="R11359">
        <v>15</v>
      </c>
      <c r="S11359">
        <v>14</v>
      </c>
      <c r="T11359">
        <v>14</v>
      </c>
      <c r="U11359">
        <v>14</v>
      </c>
      <c r="V11359">
        <v>14</v>
      </c>
      <c r="W11359">
        <v>14</v>
      </c>
      <c r="X11359">
        <v>14</v>
      </c>
      <c r="Y11359">
        <v>14</v>
      </c>
      <c r="Z11359">
        <v>14</v>
      </c>
      <c r="AA11359">
        <v>14</v>
      </c>
      <c r="AB11359">
        <v>14</v>
      </c>
      <c r="AC11359">
        <v>14</v>
      </c>
      <c r="AD11359">
        <v>14</v>
      </c>
      <c r="AE11359">
        <v>14</v>
      </c>
      <c r="AF11359">
        <v>14</v>
      </c>
      <c r="AG11359">
        <v>14</v>
      </c>
      <c r="AH11359">
        <v>14</v>
      </c>
      <c r="AI11359">
        <v>14</v>
      </c>
      <c r="AJ11359">
        <v>14</v>
      </c>
      <c r="AK11359">
        <v>14</v>
      </c>
      <c r="AL11359">
        <v>14</v>
      </c>
      <c r="AM11359">
        <v>14</v>
      </c>
      <c r="AN11359">
        <v>14</v>
      </c>
      <c r="AO11359">
        <v>14</v>
      </c>
      <c r="AP11359">
        <v>14</v>
      </c>
      <c r="AQ11359">
        <v>14</v>
      </c>
    </row>
    <row r="11360" spans="1:43">
      <c r="A11360" t="s">
        <v>7072</v>
      </c>
      <c r="B11360" t="s">
        <v>7073</v>
      </c>
      <c r="C11360" t="s">
        <v>7064</v>
      </c>
      <c r="D11360" t="s">
        <v>7065</v>
      </c>
      <c r="E11360" t="s">
        <v>6982</v>
      </c>
      <c r="F11360" t="s">
        <v>6983</v>
      </c>
      <c r="G11360" t="s">
        <v>80</v>
      </c>
      <c r="H11360" t="s">
        <v>81</v>
      </c>
      <c r="I11360" s="2">
        <v>0</v>
      </c>
      <c r="J11360" s="2">
        <v>1</v>
      </c>
      <c r="K11360" s="2">
        <v>0</v>
      </c>
      <c r="L11360" t="s">
        <v>82</v>
      </c>
      <c r="M11360" t="s">
        <v>89</v>
      </c>
      <c r="N11360" t="s">
        <v>90</v>
      </c>
      <c r="O11360" t="s">
        <v>85</v>
      </c>
      <c r="P11360" t="s">
        <v>86</v>
      </c>
      <c r="Q11360">
        <v>15</v>
      </c>
      <c r="R11360">
        <v>15</v>
      </c>
      <c r="S11360">
        <v>15</v>
      </c>
      <c r="T11360">
        <v>15</v>
      </c>
      <c r="U11360">
        <v>16</v>
      </c>
      <c r="V11360">
        <v>16</v>
      </c>
      <c r="W11360">
        <v>16</v>
      </c>
      <c r="X11360">
        <v>16</v>
      </c>
      <c r="Y11360">
        <v>16</v>
      </c>
      <c r="Z11360">
        <v>16</v>
      </c>
      <c r="AA11360">
        <v>17</v>
      </c>
      <c r="AB11360">
        <v>17</v>
      </c>
      <c r="AC11360">
        <v>17</v>
      </c>
      <c r="AD11360">
        <v>17</v>
      </c>
      <c r="AE11360">
        <v>17</v>
      </c>
      <c r="AF11360">
        <v>17</v>
      </c>
      <c r="AG11360">
        <v>17</v>
      </c>
      <c r="AH11360">
        <v>17</v>
      </c>
      <c r="AI11360">
        <v>17</v>
      </c>
      <c r="AJ11360">
        <v>16</v>
      </c>
      <c r="AK11360">
        <v>16</v>
      </c>
      <c r="AL11360">
        <v>16</v>
      </c>
      <c r="AM11360">
        <v>16</v>
      </c>
      <c r="AN11360">
        <v>16</v>
      </c>
      <c r="AO11360">
        <v>16</v>
      </c>
      <c r="AP11360">
        <v>16</v>
      </c>
      <c r="AQ11360">
        <v>16</v>
      </c>
    </row>
    <row r="11361" spans="1:43">
      <c r="A11361" t="s">
        <v>7072</v>
      </c>
      <c r="B11361" t="s">
        <v>7073</v>
      </c>
      <c r="C11361" t="s">
        <v>7064</v>
      </c>
      <c r="D11361" t="s">
        <v>7065</v>
      </c>
      <c r="E11361" t="s">
        <v>6982</v>
      </c>
      <c r="F11361" t="s">
        <v>6983</v>
      </c>
      <c r="G11361" t="s">
        <v>80</v>
      </c>
      <c r="H11361" t="s">
        <v>81</v>
      </c>
      <c r="I11361" s="2">
        <v>0</v>
      </c>
      <c r="J11361" s="2">
        <v>1</v>
      </c>
      <c r="K11361" s="2">
        <v>0</v>
      </c>
      <c r="L11361" t="s">
        <v>82</v>
      </c>
      <c r="M11361" t="s">
        <v>83</v>
      </c>
      <c r="N11361" t="s">
        <v>91</v>
      </c>
      <c r="O11361" t="s">
        <v>85</v>
      </c>
      <c r="P11361" t="s">
        <v>86</v>
      </c>
      <c r="Q11361">
        <v>15</v>
      </c>
      <c r="R11361">
        <v>15</v>
      </c>
      <c r="S11361">
        <v>15</v>
      </c>
      <c r="T11361">
        <v>15</v>
      </c>
      <c r="U11361">
        <v>15</v>
      </c>
      <c r="V11361">
        <v>15</v>
      </c>
      <c r="W11361">
        <v>15</v>
      </c>
      <c r="X11361">
        <v>15</v>
      </c>
      <c r="Y11361">
        <v>15</v>
      </c>
      <c r="Z11361">
        <v>15</v>
      </c>
      <c r="AA11361">
        <v>16</v>
      </c>
      <c r="AB11361">
        <v>16</v>
      </c>
      <c r="AC11361">
        <v>16</v>
      </c>
      <c r="AD11361">
        <v>16</v>
      </c>
      <c r="AE11361">
        <v>16</v>
      </c>
      <c r="AF11361">
        <v>16</v>
      </c>
      <c r="AG11361">
        <v>16</v>
      </c>
      <c r="AH11361">
        <v>16</v>
      </c>
      <c r="AI11361">
        <v>16</v>
      </c>
      <c r="AJ11361">
        <v>16</v>
      </c>
      <c r="AK11361">
        <v>16</v>
      </c>
      <c r="AL11361">
        <v>16</v>
      </c>
      <c r="AM11361">
        <v>16</v>
      </c>
      <c r="AN11361">
        <v>16</v>
      </c>
      <c r="AO11361">
        <v>16</v>
      </c>
      <c r="AP11361">
        <v>16</v>
      </c>
      <c r="AQ11361">
        <v>16</v>
      </c>
    </row>
    <row r="11362" spans="1:43">
      <c r="A11362" t="s">
        <v>7074</v>
      </c>
      <c r="B11362" t="s">
        <v>7075</v>
      </c>
      <c r="C11362" t="s">
        <v>7032</v>
      </c>
      <c r="D11362" t="s">
        <v>7033</v>
      </c>
      <c r="E11362" t="s">
        <v>6982</v>
      </c>
      <c r="F11362" t="s">
        <v>6983</v>
      </c>
      <c r="G11362" t="s">
        <v>80</v>
      </c>
      <c r="H11362" t="s">
        <v>81</v>
      </c>
      <c r="I11362" s="2">
        <v>0</v>
      </c>
      <c r="J11362" s="2">
        <v>1</v>
      </c>
      <c r="K11362" s="2">
        <v>0</v>
      </c>
      <c r="L11362" t="s">
        <v>82</v>
      </c>
      <c r="M11362" t="s">
        <v>83</v>
      </c>
      <c r="N11362" t="s">
        <v>84</v>
      </c>
      <c r="O11362" t="s">
        <v>85</v>
      </c>
      <c r="P11362" t="s">
        <v>86</v>
      </c>
      <c r="Q11362">
        <v>69</v>
      </c>
      <c r="R11362">
        <v>69</v>
      </c>
      <c r="S11362">
        <v>70</v>
      </c>
      <c r="T11362">
        <v>70</v>
      </c>
      <c r="U11362">
        <v>71</v>
      </c>
      <c r="V11362">
        <v>71</v>
      </c>
      <c r="W11362">
        <v>71</v>
      </c>
      <c r="X11362">
        <v>72</v>
      </c>
      <c r="Y11362">
        <v>72</v>
      </c>
      <c r="Z11362">
        <v>72</v>
      </c>
      <c r="AA11362">
        <v>73</v>
      </c>
      <c r="AB11362">
        <v>73</v>
      </c>
      <c r="AC11362">
        <v>73</v>
      </c>
      <c r="AD11362">
        <v>74</v>
      </c>
      <c r="AE11362">
        <v>74</v>
      </c>
      <c r="AF11362">
        <v>74</v>
      </c>
      <c r="AG11362">
        <v>74</v>
      </c>
      <c r="AH11362">
        <v>75</v>
      </c>
      <c r="AI11362">
        <v>75</v>
      </c>
      <c r="AJ11362">
        <v>75</v>
      </c>
      <c r="AK11362">
        <v>75</v>
      </c>
      <c r="AL11362">
        <v>75</v>
      </c>
      <c r="AM11362">
        <v>75</v>
      </c>
      <c r="AN11362">
        <v>74</v>
      </c>
      <c r="AO11362">
        <v>74</v>
      </c>
      <c r="AP11362">
        <v>73</v>
      </c>
      <c r="AQ11362">
        <v>73</v>
      </c>
    </row>
    <row r="11363" spans="1:43">
      <c r="A11363" t="s">
        <v>7074</v>
      </c>
      <c r="B11363" t="s">
        <v>7075</v>
      </c>
      <c r="C11363" t="s">
        <v>7032</v>
      </c>
      <c r="D11363" t="s">
        <v>7033</v>
      </c>
      <c r="E11363" t="s">
        <v>6982</v>
      </c>
      <c r="F11363" t="s">
        <v>6983</v>
      </c>
      <c r="G11363" t="s">
        <v>80</v>
      </c>
      <c r="H11363" t="s">
        <v>81</v>
      </c>
      <c r="I11363" s="2">
        <v>0</v>
      </c>
      <c r="J11363" s="2">
        <v>1</v>
      </c>
      <c r="K11363" s="2">
        <v>0</v>
      </c>
      <c r="L11363" t="s">
        <v>82</v>
      </c>
      <c r="M11363" t="s">
        <v>87</v>
      </c>
      <c r="N11363" t="s">
        <v>88</v>
      </c>
      <c r="O11363" t="s">
        <v>85</v>
      </c>
      <c r="P11363" t="s">
        <v>86</v>
      </c>
      <c r="Q11363">
        <v>69</v>
      </c>
      <c r="R11363">
        <v>69</v>
      </c>
      <c r="S11363">
        <v>69</v>
      </c>
      <c r="T11363">
        <v>69</v>
      </c>
      <c r="U11363">
        <v>68</v>
      </c>
      <c r="V11363">
        <v>68</v>
      </c>
      <c r="W11363">
        <v>68</v>
      </c>
      <c r="X11363">
        <v>68</v>
      </c>
      <c r="Y11363">
        <v>68</v>
      </c>
      <c r="Z11363">
        <v>67</v>
      </c>
      <c r="AA11363">
        <v>67</v>
      </c>
      <c r="AB11363">
        <v>67</v>
      </c>
      <c r="AC11363">
        <v>67</v>
      </c>
      <c r="AD11363">
        <v>67</v>
      </c>
      <c r="AE11363">
        <v>67</v>
      </c>
      <c r="AF11363">
        <v>66</v>
      </c>
      <c r="AG11363">
        <v>66</v>
      </c>
      <c r="AH11363">
        <v>66</v>
      </c>
      <c r="AI11363">
        <v>66</v>
      </c>
      <c r="AJ11363">
        <v>66</v>
      </c>
      <c r="AK11363">
        <v>66</v>
      </c>
      <c r="AL11363">
        <v>65</v>
      </c>
      <c r="AM11363">
        <v>65</v>
      </c>
      <c r="AN11363">
        <v>65</v>
      </c>
      <c r="AO11363">
        <v>65</v>
      </c>
      <c r="AP11363">
        <v>65</v>
      </c>
      <c r="AQ11363">
        <v>65</v>
      </c>
    </row>
    <row r="11364" spans="1:43">
      <c r="A11364" t="s">
        <v>7074</v>
      </c>
      <c r="B11364" t="s">
        <v>7075</v>
      </c>
      <c r="C11364" t="s">
        <v>7032</v>
      </c>
      <c r="D11364" t="s">
        <v>7033</v>
      </c>
      <c r="E11364" t="s">
        <v>6982</v>
      </c>
      <c r="F11364" t="s">
        <v>6983</v>
      </c>
      <c r="G11364" t="s">
        <v>80</v>
      </c>
      <c r="H11364" t="s">
        <v>81</v>
      </c>
      <c r="I11364" s="2">
        <v>0</v>
      </c>
      <c r="J11364" s="2">
        <v>1</v>
      </c>
      <c r="K11364" s="2">
        <v>0</v>
      </c>
      <c r="L11364" t="s">
        <v>82</v>
      </c>
      <c r="M11364" t="s">
        <v>89</v>
      </c>
      <c r="N11364" t="s">
        <v>90</v>
      </c>
      <c r="O11364" t="s">
        <v>85</v>
      </c>
      <c r="P11364" t="s">
        <v>86</v>
      </c>
      <c r="Q11364">
        <v>69</v>
      </c>
      <c r="R11364">
        <v>70</v>
      </c>
      <c r="S11364">
        <v>71</v>
      </c>
      <c r="T11364">
        <v>72</v>
      </c>
      <c r="U11364">
        <v>73</v>
      </c>
      <c r="V11364">
        <v>74</v>
      </c>
      <c r="W11364">
        <v>75</v>
      </c>
      <c r="X11364">
        <v>76</v>
      </c>
      <c r="Y11364">
        <v>76</v>
      </c>
      <c r="Z11364">
        <v>77</v>
      </c>
      <c r="AA11364">
        <v>77</v>
      </c>
      <c r="AB11364">
        <v>78</v>
      </c>
      <c r="AC11364">
        <v>79</v>
      </c>
      <c r="AD11364">
        <v>79</v>
      </c>
      <c r="AE11364">
        <v>79</v>
      </c>
      <c r="AF11364">
        <v>79</v>
      </c>
      <c r="AG11364">
        <v>78</v>
      </c>
      <c r="AH11364">
        <v>78</v>
      </c>
      <c r="AI11364">
        <v>77</v>
      </c>
      <c r="AJ11364">
        <v>77</v>
      </c>
      <c r="AK11364">
        <v>76</v>
      </c>
      <c r="AL11364">
        <v>76</v>
      </c>
      <c r="AM11364">
        <v>76</v>
      </c>
      <c r="AN11364">
        <v>75</v>
      </c>
      <c r="AO11364">
        <v>75</v>
      </c>
      <c r="AP11364">
        <v>74</v>
      </c>
      <c r="AQ11364">
        <v>74</v>
      </c>
    </row>
    <row r="11365" spans="1:43">
      <c r="A11365" t="s">
        <v>7074</v>
      </c>
      <c r="B11365" t="s">
        <v>7075</v>
      </c>
      <c r="C11365" t="s">
        <v>7032</v>
      </c>
      <c r="D11365" t="s">
        <v>7033</v>
      </c>
      <c r="E11365" t="s">
        <v>6982</v>
      </c>
      <c r="F11365" t="s">
        <v>6983</v>
      </c>
      <c r="G11365" t="s">
        <v>80</v>
      </c>
      <c r="H11365" t="s">
        <v>81</v>
      </c>
      <c r="I11365" s="2">
        <v>0</v>
      </c>
      <c r="J11365" s="2">
        <v>1</v>
      </c>
      <c r="K11365" s="2">
        <v>0</v>
      </c>
      <c r="L11365" t="s">
        <v>82</v>
      </c>
      <c r="M11365" t="s">
        <v>83</v>
      </c>
      <c r="N11365" t="s">
        <v>91</v>
      </c>
      <c r="O11365" t="s">
        <v>85</v>
      </c>
      <c r="P11365" t="s">
        <v>86</v>
      </c>
      <c r="Q11365">
        <v>69</v>
      </c>
      <c r="R11365">
        <v>69</v>
      </c>
      <c r="S11365">
        <v>70</v>
      </c>
      <c r="T11365">
        <v>70</v>
      </c>
      <c r="U11365">
        <v>71</v>
      </c>
      <c r="V11365">
        <v>71</v>
      </c>
      <c r="W11365">
        <v>71</v>
      </c>
      <c r="X11365">
        <v>72</v>
      </c>
      <c r="Y11365">
        <v>72</v>
      </c>
      <c r="Z11365">
        <v>72</v>
      </c>
      <c r="AA11365">
        <v>73</v>
      </c>
      <c r="AB11365">
        <v>73</v>
      </c>
      <c r="AC11365">
        <v>73</v>
      </c>
      <c r="AD11365">
        <v>74</v>
      </c>
      <c r="AE11365">
        <v>74</v>
      </c>
      <c r="AF11365">
        <v>74</v>
      </c>
      <c r="AG11365">
        <v>74</v>
      </c>
      <c r="AH11365">
        <v>75</v>
      </c>
      <c r="AI11365">
        <v>75</v>
      </c>
      <c r="AJ11365">
        <v>75</v>
      </c>
      <c r="AK11365">
        <v>75</v>
      </c>
      <c r="AL11365">
        <v>75</v>
      </c>
      <c r="AM11365">
        <v>75</v>
      </c>
      <c r="AN11365">
        <v>74</v>
      </c>
      <c r="AO11365">
        <v>74</v>
      </c>
      <c r="AP11365">
        <v>73</v>
      </c>
      <c r="AQ11365">
        <v>73</v>
      </c>
    </row>
    <row r="11366" spans="1:43">
      <c r="A11366" t="s">
        <v>7076</v>
      </c>
      <c r="B11366" t="s">
        <v>7077</v>
      </c>
      <c r="C11366" t="s">
        <v>7068</v>
      </c>
      <c r="D11366" t="s">
        <v>7069</v>
      </c>
      <c r="E11366" t="s">
        <v>6982</v>
      </c>
      <c r="F11366" t="s">
        <v>6983</v>
      </c>
      <c r="G11366" t="s">
        <v>80</v>
      </c>
      <c r="H11366" t="s">
        <v>81</v>
      </c>
      <c r="I11366" s="2">
        <v>0</v>
      </c>
      <c r="J11366" s="2">
        <v>1</v>
      </c>
      <c r="K11366" s="2">
        <v>0</v>
      </c>
      <c r="L11366" t="s">
        <v>82</v>
      </c>
      <c r="M11366" t="s">
        <v>83</v>
      </c>
      <c r="N11366" t="s">
        <v>84</v>
      </c>
      <c r="O11366" t="s">
        <v>85</v>
      </c>
      <c r="P11366" t="s">
        <v>86</v>
      </c>
      <c r="Q11366">
        <v>0</v>
      </c>
      <c r="R11366">
        <v>0</v>
      </c>
      <c r="S11366">
        <v>0</v>
      </c>
      <c r="T11366">
        <v>0</v>
      </c>
      <c r="U11366">
        <v>0</v>
      </c>
      <c r="V11366">
        <v>0</v>
      </c>
      <c r="W11366">
        <v>0</v>
      </c>
      <c r="X11366">
        <v>0</v>
      </c>
      <c r="Y11366">
        <v>0</v>
      </c>
      <c r="Z11366">
        <v>0</v>
      </c>
      <c r="AA11366">
        <v>0</v>
      </c>
      <c r="AB11366">
        <v>0</v>
      </c>
      <c r="AC11366">
        <v>0</v>
      </c>
      <c r="AD11366">
        <v>0</v>
      </c>
      <c r="AE11366">
        <v>0</v>
      </c>
      <c r="AF11366">
        <v>0</v>
      </c>
      <c r="AG11366">
        <v>0</v>
      </c>
      <c r="AH11366">
        <v>0</v>
      </c>
      <c r="AI11366">
        <v>0</v>
      </c>
      <c r="AJ11366">
        <v>0</v>
      </c>
      <c r="AK11366">
        <v>0</v>
      </c>
      <c r="AL11366">
        <v>0</v>
      </c>
      <c r="AM11366">
        <v>0</v>
      </c>
      <c r="AN11366">
        <v>0</v>
      </c>
      <c r="AO11366">
        <v>0</v>
      </c>
      <c r="AP11366">
        <v>0</v>
      </c>
      <c r="AQ11366">
        <v>0</v>
      </c>
    </row>
    <row r="11367" spans="1:43">
      <c r="A11367" t="s">
        <v>7076</v>
      </c>
      <c r="B11367" t="s">
        <v>7077</v>
      </c>
      <c r="C11367" t="s">
        <v>7068</v>
      </c>
      <c r="D11367" t="s">
        <v>7069</v>
      </c>
      <c r="E11367" t="s">
        <v>6982</v>
      </c>
      <c r="F11367" t="s">
        <v>6983</v>
      </c>
      <c r="G11367" t="s">
        <v>80</v>
      </c>
      <c r="H11367" t="s">
        <v>81</v>
      </c>
      <c r="I11367" s="2">
        <v>0</v>
      </c>
      <c r="J11367" s="2">
        <v>1</v>
      </c>
      <c r="K11367" s="2">
        <v>0</v>
      </c>
      <c r="L11367" t="s">
        <v>82</v>
      </c>
      <c r="M11367" t="s">
        <v>87</v>
      </c>
      <c r="N11367" t="s">
        <v>88</v>
      </c>
      <c r="O11367" t="s">
        <v>85</v>
      </c>
      <c r="P11367" t="s">
        <v>86</v>
      </c>
      <c r="Q11367">
        <v>0</v>
      </c>
      <c r="R11367">
        <v>0</v>
      </c>
      <c r="S11367">
        <v>0</v>
      </c>
      <c r="T11367">
        <v>0</v>
      </c>
      <c r="U11367">
        <v>0</v>
      </c>
      <c r="V11367">
        <v>0</v>
      </c>
      <c r="W11367">
        <v>0</v>
      </c>
      <c r="X11367">
        <v>0</v>
      </c>
      <c r="Y11367">
        <v>0</v>
      </c>
      <c r="Z11367">
        <v>0</v>
      </c>
      <c r="AA11367">
        <v>0</v>
      </c>
      <c r="AB11367">
        <v>0</v>
      </c>
      <c r="AC11367">
        <v>0</v>
      </c>
      <c r="AD11367">
        <v>0</v>
      </c>
      <c r="AE11367">
        <v>0</v>
      </c>
      <c r="AF11367">
        <v>0</v>
      </c>
      <c r="AG11367">
        <v>0</v>
      </c>
      <c r="AH11367">
        <v>0</v>
      </c>
      <c r="AI11367">
        <v>0</v>
      </c>
      <c r="AJ11367">
        <v>0</v>
      </c>
      <c r="AK11367">
        <v>0</v>
      </c>
      <c r="AL11367">
        <v>0</v>
      </c>
      <c r="AM11367">
        <v>0</v>
      </c>
      <c r="AN11367">
        <v>0</v>
      </c>
      <c r="AO11367">
        <v>0</v>
      </c>
      <c r="AP11367">
        <v>0</v>
      </c>
      <c r="AQ11367">
        <v>0</v>
      </c>
    </row>
    <row r="11368" spans="1:43">
      <c r="A11368" t="s">
        <v>7076</v>
      </c>
      <c r="B11368" t="s">
        <v>7077</v>
      </c>
      <c r="C11368" t="s">
        <v>7068</v>
      </c>
      <c r="D11368" t="s">
        <v>7069</v>
      </c>
      <c r="E11368" t="s">
        <v>6982</v>
      </c>
      <c r="F11368" t="s">
        <v>6983</v>
      </c>
      <c r="G11368" t="s">
        <v>80</v>
      </c>
      <c r="H11368" t="s">
        <v>81</v>
      </c>
      <c r="I11368" s="2">
        <v>0</v>
      </c>
      <c r="J11368" s="2">
        <v>1</v>
      </c>
      <c r="K11368" s="2">
        <v>0</v>
      </c>
      <c r="L11368" t="s">
        <v>82</v>
      </c>
      <c r="M11368" t="s">
        <v>89</v>
      </c>
      <c r="N11368" t="s">
        <v>90</v>
      </c>
      <c r="O11368" t="s">
        <v>85</v>
      </c>
      <c r="P11368" t="s">
        <v>86</v>
      </c>
      <c r="Q11368">
        <v>0</v>
      </c>
      <c r="R11368">
        <v>0</v>
      </c>
      <c r="S11368">
        <v>0</v>
      </c>
      <c r="T11368">
        <v>0</v>
      </c>
      <c r="U11368">
        <v>0</v>
      </c>
      <c r="V11368">
        <v>0</v>
      </c>
      <c r="W11368">
        <v>0</v>
      </c>
      <c r="X11368">
        <v>0</v>
      </c>
      <c r="Y11368">
        <v>0</v>
      </c>
      <c r="Z11368">
        <v>0</v>
      </c>
      <c r="AA11368">
        <v>0</v>
      </c>
      <c r="AB11368">
        <v>0</v>
      </c>
      <c r="AC11368">
        <v>0</v>
      </c>
      <c r="AD11368">
        <v>0</v>
      </c>
      <c r="AE11368">
        <v>0</v>
      </c>
      <c r="AF11368">
        <v>0</v>
      </c>
      <c r="AG11368">
        <v>0</v>
      </c>
      <c r="AH11368">
        <v>0</v>
      </c>
      <c r="AI11368">
        <v>0</v>
      </c>
      <c r="AJ11368">
        <v>0</v>
      </c>
      <c r="AK11368">
        <v>0</v>
      </c>
      <c r="AL11368">
        <v>0</v>
      </c>
      <c r="AM11368">
        <v>0</v>
      </c>
      <c r="AN11368">
        <v>0</v>
      </c>
      <c r="AO11368">
        <v>0</v>
      </c>
      <c r="AP11368">
        <v>0</v>
      </c>
      <c r="AQ11368">
        <v>0</v>
      </c>
    </row>
    <row r="11369" spans="1:43">
      <c r="A11369" t="s">
        <v>7076</v>
      </c>
      <c r="B11369" t="s">
        <v>7077</v>
      </c>
      <c r="C11369" t="s">
        <v>7068</v>
      </c>
      <c r="D11369" t="s">
        <v>7069</v>
      </c>
      <c r="E11369" t="s">
        <v>6982</v>
      </c>
      <c r="F11369" t="s">
        <v>6983</v>
      </c>
      <c r="G11369" t="s">
        <v>80</v>
      </c>
      <c r="H11369" t="s">
        <v>81</v>
      </c>
      <c r="I11369" s="2">
        <v>0</v>
      </c>
      <c r="J11369" s="2">
        <v>1</v>
      </c>
      <c r="K11369" s="2">
        <v>0</v>
      </c>
      <c r="L11369" t="s">
        <v>82</v>
      </c>
      <c r="M11369" t="s">
        <v>83</v>
      </c>
      <c r="N11369" t="s">
        <v>91</v>
      </c>
      <c r="O11369" t="s">
        <v>85</v>
      </c>
      <c r="P11369" t="s">
        <v>86</v>
      </c>
      <c r="Q11369">
        <v>0</v>
      </c>
      <c r="R11369">
        <v>0</v>
      </c>
      <c r="S11369">
        <v>0</v>
      </c>
      <c r="T11369">
        <v>0</v>
      </c>
      <c r="U11369">
        <v>0</v>
      </c>
      <c r="V11369">
        <v>0</v>
      </c>
      <c r="W11369">
        <v>0</v>
      </c>
      <c r="X11369">
        <v>0</v>
      </c>
      <c r="Y11369">
        <v>0</v>
      </c>
      <c r="Z11369">
        <v>0</v>
      </c>
      <c r="AA11369">
        <v>0</v>
      </c>
      <c r="AB11369">
        <v>0</v>
      </c>
      <c r="AC11369">
        <v>0</v>
      </c>
      <c r="AD11369">
        <v>0</v>
      </c>
      <c r="AE11369">
        <v>0</v>
      </c>
      <c r="AF11369">
        <v>0</v>
      </c>
      <c r="AG11369">
        <v>0</v>
      </c>
      <c r="AH11369">
        <v>0</v>
      </c>
      <c r="AI11369">
        <v>0</v>
      </c>
      <c r="AJ11369">
        <v>0</v>
      </c>
      <c r="AK11369">
        <v>0</v>
      </c>
      <c r="AL11369">
        <v>0</v>
      </c>
      <c r="AM11369">
        <v>0</v>
      </c>
      <c r="AN11369">
        <v>0</v>
      </c>
      <c r="AO11369">
        <v>0</v>
      </c>
      <c r="AP11369">
        <v>0</v>
      </c>
      <c r="AQ11369">
        <v>0</v>
      </c>
    </row>
    <row r="11370" spans="1:43">
      <c r="A11370" t="s">
        <v>7078</v>
      </c>
      <c r="B11370" t="s">
        <v>7079</v>
      </c>
      <c r="C11370" t="s">
        <v>7064</v>
      </c>
      <c r="D11370" t="s">
        <v>7065</v>
      </c>
      <c r="E11370" t="s">
        <v>6982</v>
      </c>
      <c r="F11370" t="s">
        <v>6983</v>
      </c>
      <c r="G11370" t="s">
        <v>80</v>
      </c>
      <c r="H11370" t="s">
        <v>81</v>
      </c>
      <c r="I11370" s="2">
        <v>0</v>
      </c>
      <c r="J11370" s="2">
        <v>1</v>
      </c>
      <c r="K11370" s="2">
        <v>0</v>
      </c>
      <c r="L11370" t="s">
        <v>82</v>
      </c>
      <c r="M11370" t="s">
        <v>83</v>
      </c>
      <c r="N11370" t="s">
        <v>84</v>
      </c>
      <c r="O11370" t="s">
        <v>85</v>
      </c>
      <c r="P11370" t="s">
        <v>86</v>
      </c>
      <c r="Q11370">
        <v>17</v>
      </c>
      <c r="R11370">
        <v>17</v>
      </c>
      <c r="S11370">
        <v>17</v>
      </c>
      <c r="T11370">
        <v>17</v>
      </c>
      <c r="U11370">
        <v>17</v>
      </c>
      <c r="V11370">
        <v>17</v>
      </c>
      <c r="W11370">
        <v>18</v>
      </c>
      <c r="X11370">
        <v>18</v>
      </c>
      <c r="Y11370">
        <v>18</v>
      </c>
      <c r="Z11370">
        <v>18</v>
      </c>
      <c r="AA11370">
        <v>18</v>
      </c>
      <c r="AB11370">
        <v>18</v>
      </c>
      <c r="AC11370">
        <v>18</v>
      </c>
      <c r="AD11370">
        <v>18</v>
      </c>
      <c r="AE11370">
        <v>18</v>
      </c>
      <c r="AF11370">
        <v>18</v>
      </c>
      <c r="AG11370">
        <v>18</v>
      </c>
      <c r="AH11370">
        <v>18</v>
      </c>
      <c r="AI11370">
        <v>18</v>
      </c>
      <c r="AJ11370">
        <v>18</v>
      </c>
      <c r="AK11370">
        <v>19</v>
      </c>
      <c r="AL11370">
        <v>18</v>
      </c>
      <c r="AM11370">
        <v>18</v>
      </c>
      <c r="AN11370">
        <v>18</v>
      </c>
      <c r="AO11370">
        <v>18</v>
      </c>
      <c r="AP11370">
        <v>18</v>
      </c>
      <c r="AQ11370">
        <v>18</v>
      </c>
    </row>
    <row r="11371" spans="1:43">
      <c r="A11371" t="s">
        <v>7078</v>
      </c>
      <c r="B11371" t="s">
        <v>7079</v>
      </c>
      <c r="C11371" t="s">
        <v>7064</v>
      </c>
      <c r="D11371" t="s">
        <v>7065</v>
      </c>
      <c r="E11371" t="s">
        <v>6982</v>
      </c>
      <c r="F11371" t="s">
        <v>6983</v>
      </c>
      <c r="G11371" t="s">
        <v>80</v>
      </c>
      <c r="H11371" t="s">
        <v>81</v>
      </c>
      <c r="I11371" s="2">
        <v>0</v>
      </c>
      <c r="J11371" s="2">
        <v>1</v>
      </c>
      <c r="K11371" s="2">
        <v>0</v>
      </c>
      <c r="L11371" t="s">
        <v>82</v>
      </c>
      <c r="M11371" t="s">
        <v>87</v>
      </c>
      <c r="N11371" t="s">
        <v>88</v>
      </c>
      <c r="O11371" t="s">
        <v>85</v>
      </c>
      <c r="P11371" t="s">
        <v>86</v>
      </c>
      <c r="Q11371">
        <v>17</v>
      </c>
      <c r="R11371">
        <v>17</v>
      </c>
      <c r="S11371">
        <v>17</v>
      </c>
      <c r="T11371">
        <v>17</v>
      </c>
      <c r="U11371">
        <v>17</v>
      </c>
      <c r="V11371">
        <v>17</v>
      </c>
      <c r="W11371">
        <v>16</v>
      </c>
      <c r="X11371">
        <v>16</v>
      </c>
      <c r="Y11371">
        <v>16</v>
      </c>
      <c r="Z11371">
        <v>16</v>
      </c>
      <c r="AA11371">
        <v>16</v>
      </c>
      <c r="AB11371">
        <v>16</v>
      </c>
      <c r="AC11371">
        <v>16</v>
      </c>
      <c r="AD11371">
        <v>16</v>
      </c>
      <c r="AE11371">
        <v>16</v>
      </c>
      <c r="AF11371">
        <v>16</v>
      </c>
      <c r="AG11371">
        <v>16</v>
      </c>
      <c r="AH11371">
        <v>16</v>
      </c>
      <c r="AI11371">
        <v>16</v>
      </c>
      <c r="AJ11371">
        <v>16</v>
      </c>
      <c r="AK11371">
        <v>16</v>
      </c>
      <c r="AL11371">
        <v>16</v>
      </c>
      <c r="AM11371">
        <v>16</v>
      </c>
      <c r="AN11371">
        <v>16</v>
      </c>
      <c r="AO11371">
        <v>16</v>
      </c>
      <c r="AP11371">
        <v>16</v>
      </c>
      <c r="AQ11371">
        <v>16</v>
      </c>
    </row>
    <row r="11372" spans="1:43">
      <c r="A11372" t="s">
        <v>7078</v>
      </c>
      <c r="B11372" t="s">
        <v>7079</v>
      </c>
      <c r="C11372" t="s">
        <v>7064</v>
      </c>
      <c r="D11372" t="s">
        <v>7065</v>
      </c>
      <c r="E11372" t="s">
        <v>6982</v>
      </c>
      <c r="F11372" t="s">
        <v>6983</v>
      </c>
      <c r="G11372" t="s">
        <v>80</v>
      </c>
      <c r="H11372" t="s">
        <v>81</v>
      </c>
      <c r="I11372" s="2">
        <v>0</v>
      </c>
      <c r="J11372" s="2">
        <v>1</v>
      </c>
      <c r="K11372" s="2">
        <v>0</v>
      </c>
      <c r="L11372" t="s">
        <v>82</v>
      </c>
      <c r="M11372" t="s">
        <v>89</v>
      </c>
      <c r="N11372" t="s">
        <v>90</v>
      </c>
      <c r="O11372" t="s">
        <v>85</v>
      </c>
      <c r="P11372" t="s">
        <v>86</v>
      </c>
      <c r="Q11372">
        <v>17</v>
      </c>
      <c r="R11372">
        <v>17</v>
      </c>
      <c r="S11372">
        <v>18</v>
      </c>
      <c r="T11372">
        <v>18</v>
      </c>
      <c r="U11372">
        <v>18</v>
      </c>
      <c r="V11372">
        <v>18</v>
      </c>
      <c r="W11372">
        <v>18</v>
      </c>
      <c r="X11372">
        <v>19</v>
      </c>
      <c r="Y11372">
        <v>19</v>
      </c>
      <c r="Z11372">
        <v>19</v>
      </c>
      <c r="AA11372">
        <v>19</v>
      </c>
      <c r="AB11372">
        <v>19</v>
      </c>
      <c r="AC11372">
        <v>19</v>
      </c>
      <c r="AD11372">
        <v>19</v>
      </c>
      <c r="AE11372">
        <v>19</v>
      </c>
      <c r="AF11372">
        <v>19</v>
      </c>
      <c r="AG11372">
        <v>19</v>
      </c>
      <c r="AH11372">
        <v>19</v>
      </c>
      <c r="AI11372">
        <v>19</v>
      </c>
      <c r="AJ11372">
        <v>19</v>
      </c>
      <c r="AK11372">
        <v>19</v>
      </c>
      <c r="AL11372">
        <v>19</v>
      </c>
      <c r="AM11372">
        <v>19</v>
      </c>
      <c r="AN11372">
        <v>18</v>
      </c>
      <c r="AO11372">
        <v>18</v>
      </c>
      <c r="AP11372">
        <v>18</v>
      </c>
      <c r="AQ11372">
        <v>18</v>
      </c>
    </row>
    <row r="11373" spans="1:43">
      <c r="A11373" t="s">
        <v>7078</v>
      </c>
      <c r="B11373" t="s">
        <v>7079</v>
      </c>
      <c r="C11373" t="s">
        <v>7064</v>
      </c>
      <c r="D11373" t="s">
        <v>7065</v>
      </c>
      <c r="E11373" t="s">
        <v>6982</v>
      </c>
      <c r="F11373" t="s">
        <v>6983</v>
      </c>
      <c r="G11373" t="s">
        <v>80</v>
      </c>
      <c r="H11373" t="s">
        <v>81</v>
      </c>
      <c r="I11373" s="2">
        <v>0</v>
      </c>
      <c r="J11373" s="2">
        <v>1</v>
      </c>
      <c r="K11373" s="2">
        <v>0</v>
      </c>
      <c r="L11373" t="s">
        <v>82</v>
      </c>
      <c r="M11373" t="s">
        <v>83</v>
      </c>
      <c r="N11373" t="s">
        <v>91</v>
      </c>
      <c r="O11373" t="s">
        <v>85</v>
      </c>
      <c r="P11373" t="s">
        <v>86</v>
      </c>
      <c r="Q11373">
        <v>17</v>
      </c>
      <c r="R11373">
        <v>17</v>
      </c>
      <c r="S11373">
        <v>17</v>
      </c>
      <c r="T11373">
        <v>17</v>
      </c>
      <c r="U11373">
        <v>17</v>
      </c>
      <c r="V11373">
        <v>17</v>
      </c>
      <c r="W11373">
        <v>18</v>
      </c>
      <c r="X11373">
        <v>18</v>
      </c>
      <c r="Y11373">
        <v>18</v>
      </c>
      <c r="Z11373">
        <v>18</v>
      </c>
      <c r="AA11373">
        <v>18</v>
      </c>
      <c r="AB11373">
        <v>18</v>
      </c>
      <c r="AC11373">
        <v>18</v>
      </c>
      <c r="AD11373">
        <v>18</v>
      </c>
      <c r="AE11373">
        <v>18</v>
      </c>
      <c r="AF11373">
        <v>18</v>
      </c>
      <c r="AG11373">
        <v>18</v>
      </c>
      <c r="AH11373">
        <v>18</v>
      </c>
      <c r="AI11373">
        <v>18</v>
      </c>
      <c r="AJ11373">
        <v>18</v>
      </c>
      <c r="AK11373">
        <v>19</v>
      </c>
      <c r="AL11373">
        <v>18</v>
      </c>
      <c r="AM11373">
        <v>18</v>
      </c>
      <c r="AN11373">
        <v>18</v>
      </c>
      <c r="AO11373">
        <v>18</v>
      </c>
      <c r="AP11373">
        <v>18</v>
      </c>
      <c r="AQ11373">
        <v>18</v>
      </c>
    </row>
    <row r="11374" spans="1:43">
      <c r="A11374" t="s">
        <v>7080</v>
      </c>
      <c r="B11374" t="s">
        <v>7081</v>
      </c>
      <c r="C11374" t="s">
        <v>7018</v>
      </c>
      <c r="D11374" t="s">
        <v>7019</v>
      </c>
      <c r="E11374" t="s">
        <v>6982</v>
      </c>
      <c r="F11374" t="s">
        <v>6983</v>
      </c>
      <c r="G11374" t="s">
        <v>80</v>
      </c>
      <c r="H11374" t="s">
        <v>81</v>
      </c>
      <c r="I11374" s="2">
        <v>0</v>
      </c>
      <c r="J11374" s="2">
        <v>1</v>
      </c>
      <c r="K11374" s="2">
        <v>0</v>
      </c>
      <c r="L11374" t="s">
        <v>82</v>
      </c>
      <c r="M11374" t="s">
        <v>83</v>
      </c>
      <c r="N11374" t="s">
        <v>84</v>
      </c>
      <c r="O11374" t="s">
        <v>85</v>
      </c>
      <c r="P11374" t="s">
        <v>86</v>
      </c>
      <c r="Q11374">
        <v>53</v>
      </c>
      <c r="R11374">
        <v>54</v>
      </c>
      <c r="S11374">
        <v>54</v>
      </c>
      <c r="T11374">
        <v>54</v>
      </c>
      <c r="U11374">
        <v>55</v>
      </c>
      <c r="V11374">
        <v>55</v>
      </c>
      <c r="W11374">
        <v>55</v>
      </c>
      <c r="X11374">
        <v>55</v>
      </c>
      <c r="Y11374">
        <v>56</v>
      </c>
      <c r="Z11374">
        <v>56</v>
      </c>
      <c r="AA11374">
        <v>56</v>
      </c>
      <c r="AB11374">
        <v>57</v>
      </c>
      <c r="AC11374">
        <v>57</v>
      </c>
      <c r="AD11374">
        <v>57</v>
      </c>
      <c r="AE11374">
        <v>57</v>
      </c>
      <c r="AF11374">
        <v>57</v>
      </c>
      <c r="AG11374">
        <v>58</v>
      </c>
      <c r="AH11374">
        <v>58</v>
      </c>
      <c r="AI11374">
        <v>58</v>
      </c>
      <c r="AJ11374">
        <v>58</v>
      </c>
      <c r="AK11374">
        <v>58</v>
      </c>
      <c r="AL11374">
        <v>58</v>
      </c>
      <c r="AM11374">
        <v>58</v>
      </c>
      <c r="AN11374">
        <v>57</v>
      </c>
      <c r="AO11374">
        <v>57</v>
      </c>
      <c r="AP11374">
        <v>57</v>
      </c>
      <c r="AQ11374">
        <v>56</v>
      </c>
    </row>
    <row r="11375" spans="1:43">
      <c r="A11375" t="s">
        <v>7080</v>
      </c>
      <c r="B11375" t="s">
        <v>7081</v>
      </c>
      <c r="C11375" t="s">
        <v>7018</v>
      </c>
      <c r="D11375" t="s">
        <v>7019</v>
      </c>
      <c r="E11375" t="s">
        <v>6982</v>
      </c>
      <c r="F11375" t="s">
        <v>6983</v>
      </c>
      <c r="G11375" t="s">
        <v>80</v>
      </c>
      <c r="H11375" t="s">
        <v>81</v>
      </c>
      <c r="I11375" s="2">
        <v>0</v>
      </c>
      <c r="J11375" s="2">
        <v>1</v>
      </c>
      <c r="K11375" s="2">
        <v>0</v>
      </c>
      <c r="L11375" t="s">
        <v>82</v>
      </c>
      <c r="M11375" t="s">
        <v>87</v>
      </c>
      <c r="N11375" t="s">
        <v>88</v>
      </c>
      <c r="O11375" t="s">
        <v>85</v>
      </c>
      <c r="P11375" t="s">
        <v>86</v>
      </c>
      <c r="Q11375">
        <v>53</v>
      </c>
      <c r="R11375">
        <v>53</v>
      </c>
      <c r="S11375">
        <v>53</v>
      </c>
      <c r="T11375">
        <v>52</v>
      </c>
      <c r="U11375">
        <v>52</v>
      </c>
      <c r="V11375">
        <v>52</v>
      </c>
      <c r="W11375">
        <v>52</v>
      </c>
      <c r="X11375">
        <v>52</v>
      </c>
      <c r="Y11375">
        <v>52</v>
      </c>
      <c r="Z11375">
        <v>51</v>
      </c>
      <c r="AA11375">
        <v>51</v>
      </c>
      <c r="AB11375">
        <v>51</v>
      </c>
      <c r="AC11375">
        <v>51</v>
      </c>
      <c r="AD11375">
        <v>51</v>
      </c>
      <c r="AE11375">
        <v>51</v>
      </c>
      <c r="AF11375">
        <v>50</v>
      </c>
      <c r="AG11375">
        <v>50</v>
      </c>
      <c r="AH11375">
        <v>50</v>
      </c>
      <c r="AI11375">
        <v>50</v>
      </c>
      <c r="AJ11375">
        <v>50</v>
      </c>
      <c r="AK11375">
        <v>50</v>
      </c>
      <c r="AL11375">
        <v>50</v>
      </c>
      <c r="AM11375">
        <v>49</v>
      </c>
      <c r="AN11375">
        <v>49</v>
      </c>
      <c r="AO11375">
        <v>49</v>
      </c>
      <c r="AP11375">
        <v>49</v>
      </c>
      <c r="AQ11375">
        <v>49</v>
      </c>
    </row>
    <row r="11376" spans="1:43">
      <c r="A11376" t="s">
        <v>7080</v>
      </c>
      <c r="B11376" t="s">
        <v>7081</v>
      </c>
      <c r="C11376" t="s">
        <v>7018</v>
      </c>
      <c r="D11376" t="s">
        <v>7019</v>
      </c>
      <c r="E11376" t="s">
        <v>6982</v>
      </c>
      <c r="F11376" t="s">
        <v>6983</v>
      </c>
      <c r="G11376" t="s">
        <v>80</v>
      </c>
      <c r="H11376" t="s">
        <v>81</v>
      </c>
      <c r="I11376" s="2">
        <v>0</v>
      </c>
      <c r="J11376" s="2">
        <v>1</v>
      </c>
      <c r="K11376" s="2">
        <v>0</v>
      </c>
      <c r="L11376" t="s">
        <v>82</v>
      </c>
      <c r="M11376" t="s">
        <v>89</v>
      </c>
      <c r="N11376" t="s">
        <v>90</v>
      </c>
      <c r="O11376" t="s">
        <v>85</v>
      </c>
      <c r="P11376" t="s">
        <v>86</v>
      </c>
      <c r="Q11376">
        <v>53</v>
      </c>
      <c r="R11376">
        <v>54</v>
      </c>
      <c r="S11376">
        <v>54</v>
      </c>
      <c r="T11376">
        <v>55</v>
      </c>
      <c r="U11376">
        <v>56</v>
      </c>
      <c r="V11376">
        <v>56</v>
      </c>
      <c r="W11376">
        <v>57</v>
      </c>
      <c r="X11376">
        <v>58</v>
      </c>
      <c r="Y11376">
        <v>58</v>
      </c>
      <c r="Z11376">
        <v>59</v>
      </c>
      <c r="AA11376">
        <v>59</v>
      </c>
      <c r="AB11376">
        <v>59</v>
      </c>
      <c r="AC11376">
        <v>60</v>
      </c>
      <c r="AD11376">
        <v>60</v>
      </c>
      <c r="AE11376">
        <v>60</v>
      </c>
      <c r="AF11376">
        <v>60</v>
      </c>
      <c r="AG11376">
        <v>60</v>
      </c>
      <c r="AH11376">
        <v>59</v>
      </c>
      <c r="AI11376">
        <v>59</v>
      </c>
      <c r="AJ11376">
        <v>58</v>
      </c>
      <c r="AK11376">
        <v>58</v>
      </c>
      <c r="AL11376">
        <v>58</v>
      </c>
      <c r="AM11376">
        <v>57</v>
      </c>
      <c r="AN11376">
        <v>57</v>
      </c>
      <c r="AO11376">
        <v>57</v>
      </c>
      <c r="AP11376">
        <v>56</v>
      </c>
      <c r="AQ11376">
        <v>56</v>
      </c>
    </row>
    <row r="11377" spans="1:43">
      <c r="A11377" t="s">
        <v>7080</v>
      </c>
      <c r="B11377" t="s">
        <v>7081</v>
      </c>
      <c r="C11377" t="s">
        <v>7018</v>
      </c>
      <c r="D11377" t="s">
        <v>7019</v>
      </c>
      <c r="E11377" t="s">
        <v>6982</v>
      </c>
      <c r="F11377" t="s">
        <v>6983</v>
      </c>
      <c r="G11377" t="s">
        <v>80</v>
      </c>
      <c r="H11377" t="s">
        <v>81</v>
      </c>
      <c r="I11377" s="2">
        <v>0</v>
      </c>
      <c r="J11377" s="2">
        <v>1</v>
      </c>
      <c r="K11377" s="2">
        <v>0</v>
      </c>
      <c r="L11377" t="s">
        <v>82</v>
      </c>
      <c r="M11377" t="s">
        <v>83</v>
      </c>
      <c r="N11377" t="s">
        <v>91</v>
      </c>
      <c r="O11377" t="s">
        <v>85</v>
      </c>
      <c r="P11377" t="s">
        <v>86</v>
      </c>
      <c r="Q11377">
        <v>53</v>
      </c>
      <c r="R11377">
        <v>54</v>
      </c>
      <c r="S11377">
        <v>54</v>
      </c>
      <c r="T11377">
        <v>54</v>
      </c>
      <c r="U11377">
        <v>55</v>
      </c>
      <c r="V11377">
        <v>55</v>
      </c>
      <c r="W11377">
        <v>55</v>
      </c>
      <c r="X11377">
        <v>55</v>
      </c>
      <c r="Y11377">
        <v>56</v>
      </c>
      <c r="Z11377">
        <v>56</v>
      </c>
      <c r="AA11377">
        <v>56</v>
      </c>
      <c r="AB11377">
        <v>57</v>
      </c>
      <c r="AC11377">
        <v>57</v>
      </c>
      <c r="AD11377">
        <v>57</v>
      </c>
      <c r="AE11377">
        <v>57</v>
      </c>
      <c r="AF11377">
        <v>57</v>
      </c>
      <c r="AG11377">
        <v>58</v>
      </c>
      <c r="AH11377">
        <v>58</v>
      </c>
      <c r="AI11377">
        <v>58</v>
      </c>
      <c r="AJ11377">
        <v>58</v>
      </c>
      <c r="AK11377">
        <v>58</v>
      </c>
      <c r="AL11377">
        <v>58</v>
      </c>
      <c r="AM11377">
        <v>58</v>
      </c>
      <c r="AN11377">
        <v>57</v>
      </c>
      <c r="AO11377">
        <v>57</v>
      </c>
      <c r="AP11377">
        <v>57</v>
      </c>
      <c r="AQ11377">
        <v>56</v>
      </c>
    </row>
    <row r="11378" spans="1:43">
      <c r="A11378" t="s">
        <v>7082</v>
      </c>
      <c r="B11378" t="s">
        <v>7083</v>
      </c>
      <c r="C11378" t="s">
        <v>7084</v>
      </c>
      <c r="D11378" t="s">
        <v>7085</v>
      </c>
      <c r="E11378" t="s">
        <v>6982</v>
      </c>
      <c r="F11378" t="s">
        <v>6983</v>
      </c>
      <c r="G11378" t="s">
        <v>80</v>
      </c>
      <c r="H11378" t="s">
        <v>81</v>
      </c>
      <c r="I11378" s="2">
        <v>0</v>
      </c>
      <c r="J11378" s="2">
        <v>1</v>
      </c>
      <c r="K11378" s="2">
        <v>0</v>
      </c>
      <c r="L11378" t="s">
        <v>82</v>
      </c>
      <c r="M11378" t="s">
        <v>83</v>
      </c>
      <c r="N11378" t="s">
        <v>84</v>
      </c>
      <c r="O11378" t="s">
        <v>85</v>
      </c>
      <c r="P11378" t="s">
        <v>86</v>
      </c>
      <c r="Q11378">
        <v>15</v>
      </c>
      <c r="R11378">
        <v>15</v>
      </c>
      <c r="S11378">
        <v>16</v>
      </c>
      <c r="T11378">
        <v>16</v>
      </c>
      <c r="U11378">
        <v>16</v>
      </c>
      <c r="V11378">
        <v>16</v>
      </c>
      <c r="W11378">
        <v>16</v>
      </c>
      <c r="X11378">
        <v>16</v>
      </c>
      <c r="Y11378">
        <v>16</v>
      </c>
      <c r="Z11378">
        <v>16</v>
      </c>
      <c r="AA11378">
        <v>16</v>
      </c>
      <c r="AB11378">
        <v>16</v>
      </c>
      <c r="AC11378">
        <v>16</v>
      </c>
      <c r="AD11378">
        <v>16</v>
      </c>
      <c r="AE11378">
        <v>16</v>
      </c>
      <c r="AF11378">
        <v>17</v>
      </c>
      <c r="AG11378">
        <v>17</v>
      </c>
      <c r="AH11378">
        <v>17</v>
      </c>
      <c r="AI11378">
        <v>17</v>
      </c>
      <c r="AJ11378">
        <v>17</v>
      </c>
      <c r="AK11378">
        <v>17</v>
      </c>
      <c r="AL11378">
        <v>17</v>
      </c>
      <c r="AM11378">
        <v>17</v>
      </c>
      <c r="AN11378">
        <v>17</v>
      </c>
      <c r="AO11378">
        <v>16</v>
      </c>
      <c r="AP11378">
        <v>16</v>
      </c>
      <c r="AQ11378">
        <v>16</v>
      </c>
    </row>
    <row r="11379" spans="1:43">
      <c r="A11379" t="s">
        <v>7082</v>
      </c>
      <c r="B11379" t="s">
        <v>7083</v>
      </c>
      <c r="C11379" t="s">
        <v>7084</v>
      </c>
      <c r="D11379" t="s">
        <v>7085</v>
      </c>
      <c r="E11379" t="s">
        <v>6982</v>
      </c>
      <c r="F11379" t="s">
        <v>6983</v>
      </c>
      <c r="G11379" t="s">
        <v>80</v>
      </c>
      <c r="H11379" t="s">
        <v>81</v>
      </c>
      <c r="I11379" s="2">
        <v>0</v>
      </c>
      <c r="J11379" s="2">
        <v>1</v>
      </c>
      <c r="K11379" s="2">
        <v>0</v>
      </c>
      <c r="L11379" t="s">
        <v>82</v>
      </c>
      <c r="M11379" t="s">
        <v>87</v>
      </c>
      <c r="N11379" t="s">
        <v>88</v>
      </c>
      <c r="O11379" t="s">
        <v>85</v>
      </c>
      <c r="P11379" t="s">
        <v>86</v>
      </c>
      <c r="Q11379">
        <v>15</v>
      </c>
      <c r="R11379">
        <v>15</v>
      </c>
      <c r="S11379">
        <v>15</v>
      </c>
      <c r="T11379">
        <v>15</v>
      </c>
      <c r="U11379">
        <v>15</v>
      </c>
      <c r="V11379">
        <v>15</v>
      </c>
      <c r="W11379">
        <v>15</v>
      </c>
      <c r="X11379">
        <v>15</v>
      </c>
      <c r="Y11379">
        <v>15</v>
      </c>
      <c r="Z11379">
        <v>15</v>
      </c>
      <c r="AA11379">
        <v>15</v>
      </c>
      <c r="AB11379">
        <v>15</v>
      </c>
      <c r="AC11379">
        <v>15</v>
      </c>
      <c r="AD11379">
        <v>15</v>
      </c>
      <c r="AE11379">
        <v>15</v>
      </c>
      <c r="AF11379">
        <v>15</v>
      </c>
      <c r="AG11379">
        <v>15</v>
      </c>
      <c r="AH11379">
        <v>14</v>
      </c>
      <c r="AI11379">
        <v>14</v>
      </c>
      <c r="AJ11379">
        <v>14</v>
      </c>
      <c r="AK11379">
        <v>14</v>
      </c>
      <c r="AL11379">
        <v>14</v>
      </c>
      <c r="AM11379">
        <v>14</v>
      </c>
      <c r="AN11379">
        <v>14</v>
      </c>
      <c r="AO11379">
        <v>14</v>
      </c>
      <c r="AP11379">
        <v>14</v>
      </c>
      <c r="AQ11379">
        <v>14</v>
      </c>
    </row>
    <row r="11380" spans="1:43">
      <c r="A11380" t="s">
        <v>7082</v>
      </c>
      <c r="B11380" t="s">
        <v>7083</v>
      </c>
      <c r="C11380" t="s">
        <v>7084</v>
      </c>
      <c r="D11380" t="s">
        <v>7085</v>
      </c>
      <c r="E11380" t="s">
        <v>6982</v>
      </c>
      <c r="F11380" t="s">
        <v>6983</v>
      </c>
      <c r="G11380" t="s">
        <v>80</v>
      </c>
      <c r="H11380" t="s">
        <v>81</v>
      </c>
      <c r="I11380" s="2">
        <v>0</v>
      </c>
      <c r="J11380" s="2">
        <v>1</v>
      </c>
      <c r="K11380" s="2">
        <v>0</v>
      </c>
      <c r="L11380" t="s">
        <v>82</v>
      </c>
      <c r="M11380" t="s">
        <v>89</v>
      </c>
      <c r="N11380" t="s">
        <v>90</v>
      </c>
      <c r="O11380" t="s">
        <v>85</v>
      </c>
      <c r="P11380" t="s">
        <v>86</v>
      </c>
      <c r="Q11380">
        <v>15</v>
      </c>
      <c r="R11380">
        <v>15</v>
      </c>
      <c r="S11380">
        <v>15</v>
      </c>
      <c r="T11380">
        <v>15</v>
      </c>
      <c r="U11380">
        <v>15</v>
      </c>
      <c r="V11380">
        <v>16</v>
      </c>
      <c r="W11380">
        <v>16</v>
      </c>
      <c r="X11380">
        <v>16</v>
      </c>
      <c r="Y11380">
        <v>16</v>
      </c>
      <c r="Z11380">
        <v>16</v>
      </c>
      <c r="AA11380">
        <v>16</v>
      </c>
      <c r="AB11380">
        <v>16</v>
      </c>
      <c r="AC11380">
        <v>17</v>
      </c>
      <c r="AD11380">
        <v>17</v>
      </c>
      <c r="AE11380">
        <v>17</v>
      </c>
      <c r="AF11380">
        <v>17</v>
      </c>
      <c r="AG11380">
        <v>16</v>
      </c>
      <c r="AH11380">
        <v>16</v>
      </c>
      <c r="AI11380">
        <v>16</v>
      </c>
      <c r="AJ11380">
        <v>16</v>
      </c>
      <c r="AK11380">
        <v>16</v>
      </c>
      <c r="AL11380">
        <v>16</v>
      </c>
      <c r="AM11380">
        <v>16</v>
      </c>
      <c r="AN11380">
        <v>16</v>
      </c>
      <c r="AO11380">
        <v>16</v>
      </c>
      <c r="AP11380">
        <v>16</v>
      </c>
      <c r="AQ11380">
        <v>15</v>
      </c>
    </row>
    <row r="11381" spans="1:43">
      <c r="A11381" t="s">
        <v>7082</v>
      </c>
      <c r="B11381" t="s">
        <v>7083</v>
      </c>
      <c r="C11381" t="s">
        <v>7084</v>
      </c>
      <c r="D11381" t="s">
        <v>7085</v>
      </c>
      <c r="E11381" t="s">
        <v>6982</v>
      </c>
      <c r="F11381" t="s">
        <v>6983</v>
      </c>
      <c r="G11381" t="s">
        <v>80</v>
      </c>
      <c r="H11381" t="s">
        <v>81</v>
      </c>
      <c r="I11381" s="2">
        <v>0</v>
      </c>
      <c r="J11381" s="2">
        <v>1</v>
      </c>
      <c r="K11381" s="2">
        <v>0</v>
      </c>
      <c r="L11381" t="s">
        <v>82</v>
      </c>
      <c r="M11381" t="s">
        <v>83</v>
      </c>
      <c r="N11381" t="s">
        <v>91</v>
      </c>
      <c r="O11381" t="s">
        <v>85</v>
      </c>
      <c r="P11381" t="s">
        <v>86</v>
      </c>
      <c r="Q11381">
        <v>15</v>
      </c>
      <c r="R11381">
        <v>15</v>
      </c>
      <c r="S11381">
        <v>16</v>
      </c>
      <c r="T11381">
        <v>16</v>
      </c>
      <c r="U11381">
        <v>16</v>
      </c>
      <c r="V11381">
        <v>16</v>
      </c>
      <c r="W11381">
        <v>16</v>
      </c>
      <c r="X11381">
        <v>16</v>
      </c>
      <c r="Y11381">
        <v>16</v>
      </c>
      <c r="Z11381">
        <v>16</v>
      </c>
      <c r="AA11381">
        <v>16</v>
      </c>
      <c r="AB11381">
        <v>16</v>
      </c>
      <c r="AC11381">
        <v>16</v>
      </c>
      <c r="AD11381">
        <v>16</v>
      </c>
      <c r="AE11381">
        <v>16</v>
      </c>
      <c r="AF11381">
        <v>17</v>
      </c>
      <c r="AG11381">
        <v>17</v>
      </c>
      <c r="AH11381">
        <v>17</v>
      </c>
      <c r="AI11381">
        <v>17</v>
      </c>
      <c r="AJ11381">
        <v>17</v>
      </c>
      <c r="AK11381">
        <v>17</v>
      </c>
      <c r="AL11381">
        <v>17</v>
      </c>
      <c r="AM11381">
        <v>17</v>
      </c>
      <c r="AN11381">
        <v>17</v>
      </c>
      <c r="AO11381">
        <v>16</v>
      </c>
      <c r="AP11381">
        <v>16</v>
      </c>
      <c r="AQ11381">
        <v>16</v>
      </c>
    </row>
    <row r="11382" spans="1:43">
      <c r="A11382" t="s">
        <v>7086</v>
      </c>
      <c r="B11382" t="s">
        <v>7087</v>
      </c>
      <c r="C11382" t="s">
        <v>7084</v>
      </c>
      <c r="D11382" t="s">
        <v>7085</v>
      </c>
      <c r="E11382" t="s">
        <v>6982</v>
      </c>
      <c r="F11382" t="s">
        <v>6983</v>
      </c>
      <c r="G11382" t="s">
        <v>80</v>
      </c>
      <c r="H11382" t="s">
        <v>81</v>
      </c>
      <c r="I11382" s="2">
        <v>0</v>
      </c>
      <c r="J11382" s="2">
        <v>1</v>
      </c>
      <c r="K11382" s="2">
        <v>0</v>
      </c>
      <c r="L11382" t="s">
        <v>82</v>
      </c>
      <c r="M11382" t="s">
        <v>83</v>
      </c>
      <c r="N11382" t="s">
        <v>84</v>
      </c>
      <c r="O11382" t="s">
        <v>85</v>
      </c>
      <c r="P11382" t="s">
        <v>86</v>
      </c>
      <c r="Q11382">
        <v>36</v>
      </c>
      <c r="R11382">
        <v>37</v>
      </c>
      <c r="S11382">
        <v>37</v>
      </c>
      <c r="T11382">
        <v>37</v>
      </c>
      <c r="U11382">
        <v>37</v>
      </c>
      <c r="V11382">
        <v>37</v>
      </c>
      <c r="W11382">
        <v>38</v>
      </c>
      <c r="X11382">
        <v>38</v>
      </c>
      <c r="Y11382">
        <v>38</v>
      </c>
      <c r="Z11382">
        <v>38</v>
      </c>
      <c r="AA11382">
        <v>38</v>
      </c>
      <c r="AB11382">
        <v>39</v>
      </c>
      <c r="AC11382">
        <v>39</v>
      </c>
      <c r="AD11382">
        <v>39</v>
      </c>
      <c r="AE11382">
        <v>39</v>
      </c>
      <c r="AF11382">
        <v>39</v>
      </c>
      <c r="AG11382">
        <v>39</v>
      </c>
      <c r="AH11382">
        <v>39</v>
      </c>
      <c r="AI11382">
        <v>39</v>
      </c>
      <c r="AJ11382">
        <v>40</v>
      </c>
      <c r="AK11382">
        <v>40</v>
      </c>
      <c r="AL11382">
        <v>40</v>
      </c>
      <c r="AM11382">
        <v>39</v>
      </c>
      <c r="AN11382">
        <v>39</v>
      </c>
      <c r="AO11382">
        <v>39</v>
      </c>
      <c r="AP11382">
        <v>39</v>
      </c>
      <c r="AQ11382">
        <v>38</v>
      </c>
    </row>
    <row r="11383" spans="1:43">
      <c r="A11383" t="s">
        <v>7086</v>
      </c>
      <c r="B11383" t="s">
        <v>7087</v>
      </c>
      <c r="C11383" t="s">
        <v>7084</v>
      </c>
      <c r="D11383" t="s">
        <v>7085</v>
      </c>
      <c r="E11383" t="s">
        <v>6982</v>
      </c>
      <c r="F11383" t="s">
        <v>6983</v>
      </c>
      <c r="G11383" t="s">
        <v>80</v>
      </c>
      <c r="H11383" t="s">
        <v>81</v>
      </c>
      <c r="I11383" s="2">
        <v>0</v>
      </c>
      <c r="J11383" s="2">
        <v>1</v>
      </c>
      <c r="K11383" s="2">
        <v>0</v>
      </c>
      <c r="L11383" t="s">
        <v>82</v>
      </c>
      <c r="M11383" t="s">
        <v>87</v>
      </c>
      <c r="N11383" t="s">
        <v>88</v>
      </c>
      <c r="O11383" t="s">
        <v>85</v>
      </c>
      <c r="P11383" t="s">
        <v>86</v>
      </c>
      <c r="Q11383">
        <v>36</v>
      </c>
      <c r="R11383">
        <v>36</v>
      </c>
      <c r="S11383">
        <v>36</v>
      </c>
      <c r="T11383">
        <v>36</v>
      </c>
      <c r="U11383">
        <v>36</v>
      </c>
      <c r="V11383">
        <v>35</v>
      </c>
      <c r="W11383">
        <v>35</v>
      </c>
      <c r="X11383">
        <v>35</v>
      </c>
      <c r="Y11383">
        <v>35</v>
      </c>
      <c r="Z11383">
        <v>35</v>
      </c>
      <c r="AA11383">
        <v>35</v>
      </c>
      <c r="AB11383">
        <v>35</v>
      </c>
      <c r="AC11383">
        <v>35</v>
      </c>
      <c r="AD11383">
        <v>35</v>
      </c>
      <c r="AE11383">
        <v>35</v>
      </c>
      <c r="AF11383">
        <v>34</v>
      </c>
      <c r="AG11383">
        <v>34</v>
      </c>
      <c r="AH11383">
        <v>34</v>
      </c>
      <c r="AI11383">
        <v>34</v>
      </c>
      <c r="AJ11383">
        <v>34</v>
      </c>
      <c r="AK11383">
        <v>34</v>
      </c>
      <c r="AL11383">
        <v>34</v>
      </c>
      <c r="AM11383">
        <v>34</v>
      </c>
      <c r="AN11383">
        <v>34</v>
      </c>
      <c r="AO11383">
        <v>33</v>
      </c>
      <c r="AP11383">
        <v>33</v>
      </c>
      <c r="AQ11383">
        <v>33</v>
      </c>
    </row>
    <row r="11384" spans="1:43">
      <c r="A11384" t="s">
        <v>7086</v>
      </c>
      <c r="B11384" t="s">
        <v>7087</v>
      </c>
      <c r="C11384" t="s">
        <v>7084</v>
      </c>
      <c r="D11384" t="s">
        <v>7085</v>
      </c>
      <c r="E11384" t="s">
        <v>6982</v>
      </c>
      <c r="F11384" t="s">
        <v>6983</v>
      </c>
      <c r="G11384" t="s">
        <v>80</v>
      </c>
      <c r="H11384" t="s">
        <v>81</v>
      </c>
      <c r="I11384" s="2">
        <v>0</v>
      </c>
      <c r="J11384" s="2">
        <v>1</v>
      </c>
      <c r="K11384" s="2">
        <v>0</v>
      </c>
      <c r="L11384" t="s">
        <v>82</v>
      </c>
      <c r="M11384" t="s">
        <v>89</v>
      </c>
      <c r="N11384" t="s">
        <v>90</v>
      </c>
      <c r="O11384" t="s">
        <v>85</v>
      </c>
      <c r="P11384" t="s">
        <v>86</v>
      </c>
      <c r="Q11384">
        <v>36</v>
      </c>
      <c r="R11384">
        <v>36</v>
      </c>
      <c r="S11384">
        <v>37</v>
      </c>
      <c r="T11384">
        <v>37</v>
      </c>
      <c r="U11384">
        <v>38</v>
      </c>
      <c r="V11384">
        <v>38</v>
      </c>
      <c r="W11384">
        <v>39</v>
      </c>
      <c r="X11384">
        <v>39</v>
      </c>
      <c r="Y11384">
        <v>39</v>
      </c>
      <c r="Z11384">
        <v>40</v>
      </c>
      <c r="AA11384">
        <v>40</v>
      </c>
      <c r="AB11384">
        <v>40</v>
      </c>
      <c r="AC11384">
        <v>40</v>
      </c>
      <c r="AD11384">
        <v>41</v>
      </c>
      <c r="AE11384">
        <v>41</v>
      </c>
      <c r="AF11384">
        <v>41</v>
      </c>
      <c r="AG11384">
        <v>40</v>
      </c>
      <c r="AH11384">
        <v>40</v>
      </c>
      <c r="AI11384">
        <v>40</v>
      </c>
      <c r="AJ11384">
        <v>40</v>
      </c>
      <c r="AK11384">
        <v>39</v>
      </c>
      <c r="AL11384">
        <v>39</v>
      </c>
      <c r="AM11384">
        <v>39</v>
      </c>
      <c r="AN11384">
        <v>39</v>
      </c>
      <c r="AO11384">
        <v>38</v>
      </c>
      <c r="AP11384">
        <v>38</v>
      </c>
      <c r="AQ11384">
        <v>38</v>
      </c>
    </row>
    <row r="11385" spans="1:43">
      <c r="A11385" t="s">
        <v>7086</v>
      </c>
      <c r="B11385" t="s">
        <v>7087</v>
      </c>
      <c r="C11385" t="s">
        <v>7084</v>
      </c>
      <c r="D11385" t="s">
        <v>7085</v>
      </c>
      <c r="E11385" t="s">
        <v>6982</v>
      </c>
      <c r="F11385" t="s">
        <v>6983</v>
      </c>
      <c r="G11385" t="s">
        <v>80</v>
      </c>
      <c r="H11385" t="s">
        <v>81</v>
      </c>
      <c r="I11385" s="2">
        <v>0</v>
      </c>
      <c r="J11385" s="2">
        <v>1</v>
      </c>
      <c r="K11385" s="2">
        <v>0</v>
      </c>
      <c r="L11385" t="s">
        <v>82</v>
      </c>
      <c r="M11385" t="s">
        <v>83</v>
      </c>
      <c r="N11385" t="s">
        <v>91</v>
      </c>
      <c r="O11385" t="s">
        <v>85</v>
      </c>
      <c r="P11385" t="s">
        <v>86</v>
      </c>
      <c r="Q11385">
        <v>36</v>
      </c>
      <c r="R11385">
        <v>37</v>
      </c>
      <c r="S11385">
        <v>37</v>
      </c>
      <c r="T11385">
        <v>37</v>
      </c>
      <c r="U11385">
        <v>37</v>
      </c>
      <c r="V11385">
        <v>37</v>
      </c>
      <c r="W11385">
        <v>38</v>
      </c>
      <c r="X11385">
        <v>38</v>
      </c>
      <c r="Y11385">
        <v>38</v>
      </c>
      <c r="Z11385">
        <v>38</v>
      </c>
      <c r="AA11385">
        <v>38</v>
      </c>
      <c r="AB11385">
        <v>39</v>
      </c>
      <c r="AC11385">
        <v>39</v>
      </c>
      <c r="AD11385">
        <v>39</v>
      </c>
      <c r="AE11385">
        <v>39</v>
      </c>
      <c r="AF11385">
        <v>39</v>
      </c>
      <c r="AG11385">
        <v>39</v>
      </c>
      <c r="AH11385">
        <v>39</v>
      </c>
      <c r="AI11385">
        <v>39</v>
      </c>
      <c r="AJ11385">
        <v>40</v>
      </c>
      <c r="AK11385">
        <v>40</v>
      </c>
      <c r="AL11385">
        <v>40</v>
      </c>
      <c r="AM11385">
        <v>39</v>
      </c>
      <c r="AN11385">
        <v>39</v>
      </c>
      <c r="AO11385">
        <v>39</v>
      </c>
      <c r="AP11385">
        <v>39</v>
      </c>
      <c r="AQ11385">
        <v>38</v>
      </c>
    </row>
    <row r="11386" spans="1:43">
      <c r="A11386" t="s">
        <v>7088</v>
      </c>
      <c r="B11386" t="s">
        <v>7089</v>
      </c>
      <c r="C11386" t="s">
        <v>7084</v>
      </c>
      <c r="D11386" t="s">
        <v>7085</v>
      </c>
      <c r="E11386" t="s">
        <v>6982</v>
      </c>
      <c r="F11386" t="s">
        <v>6983</v>
      </c>
      <c r="G11386" t="s">
        <v>80</v>
      </c>
      <c r="H11386" t="s">
        <v>81</v>
      </c>
      <c r="I11386" s="2">
        <v>0</v>
      </c>
      <c r="J11386" s="2">
        <v>1</v>
      </c>
      <c r="K11386" s="2">
        <v>0</v>
      </c>
      <c r="L11386" t="s">
        <v>82</v>
      </c>
      <c r="M11386" t="s">
        <v>83</v>
      </c>
      <c r="N11386" t="s">
        <v>84</v>
      </c>
      <c r="O11386" t="s">
        <v>85</v>
      </c>
      <c r="P11386" t="s">
        <v>86</v>
      </c>
      <c r="Q11386">
        <v>16</v>
      </c>
      <c r="R11386">
        <v>16</v>
      </c>
      <c r="S11386">
        <v>16</v>
      </c>
      <c r="T11386">
        <v>16</v>
      </c>
      <c r="U11386">
        <v>16</v>
      </c>
      <c r="V11386">
        <v>16</v>
      </c>
      <c r="W11386">
        <v>16</v>
      </c>
      <c r="X11386">
        <v>16</v>
      </c>
      <c r="Y11386">
        <v>17</v>
      </c>
      <c r="Z11386">
        <v>17</v>
      </c>
      <c r="AA11386">
        <v>17</v>
      </c>
      <c r="AB11386">
        <v>17</v>
      </c>
      <c r="AC11386">
        <v>17</v>
      </c>
      <c r="AD11386">
        <v>17</v>
      </c>
      <c r="AE11386">
        <v>17</v>
      </c>
      <c r="AF11386">
        <v>17</v>
      </c>
      <c r="AG11386">
        <v>17</v>
      </c>
      <c r="AH11386">
        <v>17</v>
      </c>
      <c r="AI11386">
        <v>17</v>
      </c>
      <c r="AJ11386">
        <v>17</v>
      </c>
      <c r="AK11386">
        <v>17</v>
      </c>
      <c r="AL11386">
        <v>17</v>
      </c>
      <c r="AM11386">
        <v>17</v>
      </c>
      <c r="AN11386">
        <v>17</v>
      </c>
      <c r="AO11386">
        <v>17</v>
      </c>
      <c r="AP11386">
        <v>17</v>
      </c>
      <c r="AQ11386">
        <v>17</v>
      </c>
    </row>
    <row r="11387" spans="1:43">
      <c r="A11387" t="s">
        <v>7088</v>
      </c>
      <c r="B11387" t="s">
        <v>7089</v>
      </c>
      <c r="C11387" t="s">
        <v>7084</v>
      </c>
      <c r="D11387" t="s">
        <v>7085</v>
      </c>
      <c r="E11387" t="s">
        <v>6982</v>
      </c>
      <c r="F11387" t="s">
        <v>6983</v>
      </c>
      <c r="G11387" t="s">
        <v>80</v>
      </c>
      <c r="H11387" t="s">
        <v>81</v>
      </c>
      <c r="I11387" s="2">
        <v>0</v>
      </c>
      <c r="J11387" s="2">
        <v>1</v>
      </c>
      <c r="K11387" s="2">
        <v>0</v>
      </c>
      <c r="L11387" t="s">
        <v>82</v>
      </c>
      <c r="M11387" t="s">
        <v>87</v>
      </c>
      <c r="N11387" t="s">
        <v>88</v>
      </c>
      <c r="O11387" t="s">
        <v>85</v>
      </c>
      <c r="P11387" t="s">
        <v>86</v>
      </c>
      <c r="Q11387">
        <v>16</v>
      </c>
      <c r="R11387">
        <v>16</v>
      </c>
      <c r="S11387">
        <v>16</v>
      </c>
      <c r="T11387">
        <v>16</v>
      </c>
      <c r="U11387">
        <v>15</v>
      </c>
      <c r="V11387">
        <v>15</v>
      </c>
      <c r="W11387">
        <v>15</v>
      </c>
      <c r="X11387">
        <v>15</v>
      </c>
      <c r="Y11387">
        <v>15</v>
      </c>
      <c r="Z11387">
        <v>15</v>
      </c>
      <c r="AA11387">
        <v>15</v>
      </c>
      <c r="AB11387">
        <v>15</v>
      </c>
      <c r="AC11387">
        <v>15</v>
      </c>
      <c r="AD11387">
        <v>15</v>
      </c>
      <c r="AE11387">
        <v>15</v>
      </c>
      <c r="AF11387">
        <v>15</v>
      </c>
      <c r="AG11387">
        <v>15</v>
      </c>
      <c r="AH11387">
        <v>15</v>
      </c>
      <c r="AI11387">
        <v>15</v>
      </c>
      <c r="AJ11387">
        <v>15</v>
      </c>
      <c r="AK11387">
        <v>15</v>
      </c>
      <c r="AL11387">
        <v>15</v>
      </c>
      <c r="AM11387">
        <v>15</v>
      </c>
      <c r="AN11387">
        <v>15</v>
      </c>
      <c r="AO11387">
        <v>15</v>
      </c>
      <c r="AP11387">
        <v>15</v>
      </c>
      <c r="AQ11387">
        <v>14</v>
      </c>
    </row>
    <row r="11388" spans="1:43">
      <c r="A11388" t="s">
        <v>7088</v>
      </c>
      <c r="B11388" t="s">
        <v>7089</v>
      </c>
      <c r="C11388" t="s">
        <v>7084</v>
      </c>
      <c r="D11388" t="s">
        <v>7085</v>
      </c>
      <c r="E11388" t="s">
        <v>6982</v>
      </c>
      <c r="F11388" t="s">
        <v>6983</v>
      </c>
      <c r="G11388" t="s">
        <v>80</v>
      </c>
      <c r="H11388" t="s">
        <v>81</v>
      </c>
      <c r="I11388" s="2">
        <v>0</v>
      </c>
      <c r="J11388" s="2">
        <v>1</v>
      </c>
      <c r="K11388" s="2">
        <v>0</v>
      </c>
      <c r="L11388" t="s">
        <v>82</v>
      </c>
      <c r="M11388" t="s">
        <v>89</v>
      </c>
      <c r="N11388" t="s">
        <v>90</v>
      </c>
      <c r="O11388" t="s">
        <v>85</v>
      </c>
      <c r="P11388" t="s">
        <v>86</v>
      </c>
      <c r="Q11388">
        <v>16</v>
      </c>
      <c r="R11388">
        <v>16</v>
      </c>
      <c r="S11388">
        <v>16</v>
      </c>
      <c r="T11388">
        <v>17</v>
      </c>
      <c r="U11388">
        <v>17</v>
      </c>
      <c r="V11388">
        <v>17</v>
      </c>
      <c r="W11388">
        <v>17</v>
      </c>
      <c r="X11388">
        <v>17</v>
      </c>
      <c r="Y11388">
        <v>18</v>
      </c>
      <c r="Z11388">
        <v>18</v>
      </c>
      <c r="AA11388">
        <v>18</v>
      </c>
      <c r="AB11388">
        <v>18</v>
      </c>
      <c r="AC11388">
        <v>18</v>
      </c>
      <c r="AD11388">
        <v>18</v>
      </c>
      <c r="AE11388">
        <v>18</v>
      </c>
      <c r="AF11388">
        <v>18</v>
      </c>
      <c r="AG11388">
        <v>18</v>
      </c>
      <c r="AH11388">
        <v>18</v>
      </c>
      <c r="AI11388">
        <v>18</v>
      </c>
      <c r="AJ11388">
        <v>18</v>
      </c>
      <c r="AK11388">
        <v>18</v>
      </c>
      <c r="AL11388">
        <v>17</v>
      </c>
      <c r="AM11388">
        <v>17</v>
      </c>
      <c r="AN11388">
        <v>17</v>
      </c>
      <c r="AO11388">
        <v>17</v>
      </c>
      <c r="AP11388">
        <v>17</v>
      </c>
      <c r="AQ11388">
        <v>17</v>
      </c>
    </row>
    <row r="11389" spans="1:43">
      <c r="A11389" t="s">
        <v>7088</v>
      </c>
      <c r="B11389" t="s">
        <v>7089</v>
      </c>
      <c r="C11389" t="s">
        <v>7084</v>
      </c>
      <c r="D11389" t="s">
        <v>7085</v>
      </c>
      <c r="E11389" t="s">
        <v>6982</v>
      </c>
      <c r="F11389" t="s">
        <v>6983</v>
      </c>
      <c r="G11389" t="s">
        <v>80</v>
      </c>
      <c r="H11389" t="s">
        <v>81</v>
      </c>
      <c r="I11389" s="2">
        <v>0</v>
      </c>
      <c r="J11389" s="2">
        <v>1</v>
      </c>
      <c r="K11389" s="2">
        <v>0</v>
      </c>
      <c r="L11389" t="s">
        <v>82</v>
      </c>
      <c r="M11389" t="s">
        <v>83</v>
      </c>
      <c r="N11389" t="s">
        <v>91</v>
      </c>
      <c r="O11389" t="s">
        <v>85</v>
      </c>
      <c r="P11389" t="s">
        <v>86</v>
      </c>
      <c r="Q11389">
        <v>16</v>
      </c>
      <c r="R11389">
        <v>16</v>
      </c>
      <c r="S11389">
        <v>16</v>
      </c>
      <c r="T11389">
        <v>16</v>
      </c>
      <c r="U11389">
        <v>16</v>
      </c>
      <c r="V11389">
        <v>16</v>
      </c>
      <c r="W11389">
        <v>16</v>
      </c>
      <c r="X11389">
        <v>16</v>
      </c>
      <c r="Y11389">
        <v>17</v>
      </c>
      <c r="Z11389">
        <v>17</v>
      </c>
      <c r="AA11389">
        <v>17</v>
      </c>
      <c r="AB11389">
        <v>17</v>
      </c>
      <c r="AC11389">
        <v>17</v>
      </c>
      <c r="AD11389">
        <v>17</v>
      </c>
      <c r="AE11389">
        <v>17</v>
      </c>
      <c r="AF11389">
        <v>17</v>
      </c>
      <c r="AG11389">
        <v>17</v>
      </c>
      <c r="AH11389">
        <v>17</v>
      </c>
      <c r="AI11389">
        <v>17</v>
      </c>
      <c r="AJ11389">
        <v>17</v>
      </c>
      <c r="AK11389">
        <v>17</v>
      </c>
      <c r="AL11389">
        <v>17</v>
      </c>
      <c r="AM11389">
        <v>17</v>
      </c>
      <c r="AN11389">
        <v>17</v>
      </c>
      <c r="AO11389">
        <v>17</v>
      </c>
      <c r="AP11389">
        <v>17</v>
      </c>
      <c r="AQ11389">
        <v>17</v>
      </c>
    </row>
    <row r="11390" spans="1:43">
      <c r="A11390" t="s">
        <v>7090</v>
      </c>
      <c r="B11390" t="s">
        <v>7091</v>
      </c>
      <c r="C11390" t="s">
        <v>7084</v>
      </c>
      <c r="D11390" t="s">
        <v>7085</v>
      </c>
      <c r="E11390" t="s">
        <v>6982</v>
      </c>
      <c r="F11390" t="s">
        <v>6983</v>
      </c>
      <c r="G11390" t="s">
        <v>80</v>
      </c>
      <c r="H11390" t="s">
        <v>81</v>
      </c>
      <c r="I11390" s="2">
        <v>0</v>
      </c>
      <c r="J11390" s="2">
        <v>1</v>
      </c>
      <c r="K11390" s="2">
        <v>0</v>
      </c>
      <c r="L11390" t="s">
        <v>82</v>
      </c>
      <c r="M11390" t="s">
        <v>83</v>
      </c>
      <c r="N11390" t="s">
        <v>84</v>
      </c>
      <c r="O11390" t="s">
        <v>85</v>
      </c>
      <c r="P11390" t="s">
        <v>86</v>
      </c>
      <c r="Q11390">
        <v>19</v>
      </c>
      <c r="R11390">
        <v>20</v>
      </c>
      <c r="S11390">
        <v>20</v>
      </c>
      <c r="T11390">
        <v>20</v>
      </c>
      <c r="U11390">
        <v>20</v>
      </c>
      <c r="V11390">
        <v>20</v>
      </c>
      <c r="W11390">
        <v>20</v>
      </c>
      <c r="X11390">
        <v>20</v>
      </c>
      <c r="Y11390">
        <v>20</v>
      </c>
      <c r="Z11390">
        <v>20</v>
      </c>
      <c r="AA11390">
        <v>21</v>
      </c>
      <c r="AB11390">
        <v>21</v>
      </c>
      <c r="AC11390">
        <v>21</v>
      </c>
      <c r="AD11390">
        <v>21</v>
      </c>
      <c r="AE11390">
        <v>21</v>
      </c>
      <c r="AF11390">
        <v>21</v>
      </c>
      <c r="AG11390">
        <v>21</v>
      </c>
      <c r="AH11390">
        <v>21</v>
      </c>
      <c r="AI11390">
        <v>21</v>
      </c>
      <c r="AJ11390">
        <v>21</v>
      </c>
      <c r="AK11390">
        <v>21</v>
      </c>
      <c r="AL11390">
        <v>21</v>
      </c>
      <c r="AM11390">
        <v>21</v>
      </c>
      <c r="AN11390">
        <v>21</v>
      </c>
      <c r="AO11390">
        <v>21</v>
      </c>
      <c r="AP11390">
        <v>21</v>
      </c>
      <c r="AQ11390">
        <v>21</v>
      </c>
    </row>
    <row r="11391" spans="1:43">
      <c r="A11391" t="s">
        <v>7090</v>
      </c>
      <c r="B11391" t="s">
        <v>7091</v>
      </c>
      <c r="C11391" t="s">
        <v>7084</v>
      </c>
      <c r="D11391" t="s">
        <v>7085</v>
      </c>
      <c r="E11391" t="s">
        <v>6982</v>
      </c>
      <c r="F11391" t="s">
        <v>6983</v>
      </c>
      <c r="G11391" t="s">
        <v>80</v>
      </c>
      <c r="H11391" t="s">
        <v>81</v>
      </c>
      <c r="I11391" s="2">
        <v>0</v>
      </c>
      <c r="J11391" s="2">
        <v>1</v>
      </c>
      <c r="K11391" s="2">
        <v>0</v>
      </c>
      <c r="L11391" t="s">
        <v>82</v>
      </c>
      <c r="M11391" t="s">
        <v>87</v>
      </c>
      <c r="N11391" t="s">
        <v>88</v>
      </c>
      <c r="O11391" t="s">
        <v>85</v>
      </c>
      <c r="P11391" t="s">
        <v>86</v>
      </c>
      <c r="Q11391">
        <v>19</v>
      </c>
      <c r="R11391">
        <v>19</v>
      </c>
      <c r="S11391">
        <v>19</v>
      </c>
      <c r="T11391">
        <v>19</v>
      </c>
      <c r="U11391">
        <v>19</v>
      </c>
      <c r="V11391">
        <v>19</v>
      </c>
      <c r="W11391">
        <v>19</v>
      </c>
      <c r="X11391">
        <v>19</v>
      </c>
      <c r="Y11391">
        <v>19</v>
      </c>
      <c r="Z11391">
        <v>19</v>
      </c>
      <c r="AA11391">
        <v>19</v>
      </c>
      <c r="AB11391">
        <v>19</v>
      </c>
      <c r="AC11391">
        <v>19</v>
      </c>
      <c r="AD11391">
        <v>19</v>
      </c>
      <c r="AE11391">
        <v>19</v>
      </c>
      <c r="AF11391">
        <v>18</v>
      </c>
      <c r="AG11391">
        <v>18</v>
      </c>
      <c r="AH11391">
        <v>18</v>
      </c>
      <c r="AI11391">
        <v>18</v>
      </c>
      <c r="AJ11391">
        <v>18</v>
      </c>
      <c r="AK11391">
        <v>18</v>
      </c>
      <c r="AL11391">
        <v>18</v>
      </c>
      <c r="AM11391">
        <v>18</v>
      </c>
      <c r="AN11391">
        <v>18</v>
      </c>
      <c r="AO11391">
        <v>18</v>
      </c>
      <c r="AP11391">
        <v>18</v>
      </c>
      <c r="AQ11391">
        <v>18</v>
      </c>
    </row>
    <row r="11392" spans="1:43">
      <c r="A11392" t="s">
        <v>7090</v>
      </c>
      <c r="B11392" t="s">
        <v>7091</v>
      </c>
      <c r="C11392" t="s">
        <v>7084</v>
      </c>
      <c r="D11392" t="s">
        <v>7085</v>
      </c>
      <c r="E11392" t="s">
        <v>6982</v>
      </c>
      <c r="F11392" t="s">
        <v>6983</v>
      </c>
      <c r="G11392" t="s">
        <v>80</v>
      </c>
      <c r="H11392" t="s">
        <v>81</v>
      </c>
      <c r="I11392" s="2">
        <v>0</v>
      </c>
      <c r="J11392" s="2">
        <v>1</v>
      </c>
      <c r="K11392" s="2">
        <v>0</v>
      </c>
      <c r="L11392" t="s">
        <v>82</v>
      </c>
      <c r="M11392" t="s">
        <v>89</v>
      </c>
      <c r="N11392" t="s">
        <v>90</v>
      </c>
      <c r="O11392" t="s">
        <v>85</v>
      </c>
      <c r="P11392" t="s">
        <v>86</v>
      </c>
      <c r="Q11392">
        <v>19</v>
      </c>
      <c r="R11392">
        <v>19</v>
      </c>
      <c r="S11392">
        <v>19</v>
      </c>
      <c r="T11392">
        <v>19</v>
      </c>
      <c r="U11392">
        <v>20</v>
      </c>
      <c r="V11392">
        <v>20</v>
      </c>
      <c r="W11392">
        <v>20</v>
      </c>
      <c r="X11392">
        <v>20</v>
      </c>
      <c r="Y11392">
        <v>21</v>
      </c>
      <c r="Z11392">
        <v>21</v>
      </c>
      <c r="AA11392">
        <v>21</v>
      </c>
      <c r="AB11392">
        <v>21</v>
      </c>
      <c r="AC11392">
        <v>21</v>
      </c>
      <c r="AD11392">
        <v>21</v>
      </c>
      <c r="AE11392">
        <v>21</v>
      </c>
      <c r="AF11392">
        <v>21</v>
      </c>
      <c r="AG11392">
        <v>21</v>
      </c>
      <c r="AH11392">
        <v>21</v>
      </c>
      <c r="AI11392">
        <v>21</v>
      </c>
      <c r="AJ11392">
        <v>21</v>
      </c>
      <c r="AK11392">
        <v>21</v>
      </c>
      <c r="AL11392">
        <v>20</v>
      </c>
      <c r="AM11392">
        <v>20</v>
      </c>
      <c r="AN11392">
        <v>20</v>
      </c>
      <c r="AO11392">
        <v>20</v>
      </c>
      <c r="AP11392">
        <v>20</v>
      </c>
      <c r="AQ11392">
        <v>20</v>
      </c>
    </row>
    <row r="11393" spans="1:43">
      <c r="A11393" t="s">
        <v>7090</v>
      </c>
      <c r="B11393" t="s">
        <v>7091</v>
      </c>
      <c r="C11393" t="s">
        <v>7084</v>
      </c>
      <c r="D11393" t="s">
        <v>7085</v>
      </c>
      <c r="E11393" t="s">
        <v>6982</v>
      </c>
      <c r="F11393" t="s">
        <v>6983</v>
      </c>
      <c r="G11393" t="s">
        <v>80</v>
      </c>
      <c r="H11393" t="s">
        <v>81</v>
      </c>
      <c r="I11393" s="2">
        <v>0</v>
      </c>
      <c r="J11393" s="2">
        <v>1</v>
      </c>
      <c r="K11393" s="2">
        <v>0</v>
      </c>
      <c r="L11393" t="s">
        <v>82</v>
      </c>
      <c r="M11393" t="s">
        <v>83</v>
      </c>
      <c r="N11393" t="s">
        <v>91</v>
      </c>
      <c r="O11393" t="s">
        <v>85</v>
      </c>
      <c r="P11393" t="s">
        <v>86</v>
      </c>
      <c r="Q11393">
        <v>19</v>
      </c>
      <c r="R11393">
        <v>20</v>
      </c>
      <c r="S11393">
        <v>20</v>
      </c>
      <c r="T11393">
        <v>20</v>
      </c>
      <c r="U11393">
        <v>20</v>
      </c>
      <c r="V11393">
        <v>20</v>
      </c>
      <c r="W11393">
        <v>20</v>
      </c>
      <c r="X11393">
        <v>20</v>
      </c>
      <c r="Y11393">
        <v>20</v>
      </c>
      <c r="Z11393">
        <v>20</v>
      </c>
      <c r="AA11393">
        <v>21</v>
      </c>
      <c r="AB11393">
        <v>21</v>
      </c>
      <c r="AC11393">
        <v>21</v>
      </c>
      <c r="AD11393">
        <v>21</v>
      </c>
      <c r="AE11393">
        <v>21</v>
      </c>
      <c r="AF11393">
        <v>21</v>
      </c>
      <c r="AG11393">
        <v>21</v>
      </c>
      <c r="AH11393">
        <v>21</v>
      </c>
      <c r="AI11393">
        <v>21</v>
      </c>
      <c r="AJ11393">
        <v>21</v>
      </c>
      <c r="AK11393">
        <v>21</v>
      </c>
      <c r="AL11393">
        <v>21</v>
      </c>
      <c r="AM11393">
        <v>21</v>
      </c>
      <c r="AN11393">
        <v>21</v>
      </c>
      <c r="AO11393">
        <v>21</v>
      </c>
      <c r="AP11393">
        <v>21</v>
      </c>
      <c r="AQ11393">
        <v>21</v>
      </c>
    </row>
    <row r="11394" spans="1:43">
      <c r="A11394" t="s">
        <v>7092</v>
      </c>
      <c r="B11394" t="s">
        <v>7093</v>
      </c>
      <c r="C11394" t="s">
        <v>7084</v>
      </c>
      <c r="D11394" t="s">
        <v>7085</v>
      </c>
      <c r="E11394" t="s">
        <v>6982</v>
      </c>
      <c r="F11394" t="s">
        <v>6983</v>
      </c>
      <c r="G11394" t="s">
        <v>80</v>
      </c>
      <c r="H11394" t="s">
        <v>81</v>
      </c>
      <c r="I11394" s="2">
        <v>0</v>
      </c>
      <c r="J11394" s="2">
        <v>1</v>
      </c>
      <c r="K11394" s="2">
        <v>0</v>
      </c>
      <c r="L11394" t="s">
        <v>82</v>
      </c>
      <c r="M11394" t="s">
        <v>83</v>
      </c>
      <c r="N11394" t="s">
        <v>84</v>
      </c>
      <c r="O11394" t="s">
        <v>85</v>
      </c>
      <c r="P11394" t="s">
        <v>86</v>
      </c>
      <c r="Q11394">
        <v>13</v>
      </c>
      <c r="R11394">
        <v>13</v>
      </c>
      <c r="S11394">
        <v>13</v>
      </c>
      <c r="T11394">
        <v>13</v>
      </c>
      <c r="U11394">
        <v>13</v>
      </c>
      <c r="V11394">
        <v>13</v>
      </c>
      <c r="W11394">
        <v>13</v>
      </c>
      <c r="X11394">
        <v>13</v>
      </c>
      <c r="Y11394">
        <v>14</v>
      </c>
      <c r="Z11394">
        <v>14</v>
      </c>
      <c r="AA11394">
        <v>14</v>
      </c>
      <c r="AB11394">
        <v>14</v>
      </c>
      <c r="AC11394">
        <v>14</v>
      </c>
      <c r="AD11394">
        <v>14</v>
      </c>
      <c r="AE11394">
        <v>14</v>
      </c>
      <c r="AF11394">
        <v>14</v>
      </c>
      <c r="AG11394">
        <v>14</v>
      </c>
      <c r="AH11394">
        <v>14</v>
      </c>
      <c r="AI11394">
        <v>14</v>
      </c>
      <c r="AJ11394">
        <v>14</v>
      </c>
      <c r="AK11394">
        <v>14</v>
      </c>
      <c r="AL11394">
        <v>14</v>
      </c>
      <c r="AM11394">
        <v>14</v>
      </c>
      <c r="AN11394">
        <v>14</v>
      </c>
      <c r="AO11394">
        <v>14</v>
      </c>
      <c r="AP11394">
        <v>14</v>
      </c>
      <c r="AQ11394">
        <v>14</v>
      </c>
    </row>
    <row r="11395" spans="1:43">
      <c r="A11395" t="s">
        <v>7092</v>
      </c>
      <c r="B11395" t="s">
        <v>7093</v>
      </c>
      <c r="C11395" t="s">
        <v>7084</v>
      </c>
      <c r="D11395" t="s">
        <v>7085</v>
      </c>
      <c r="E11395" t="s">
        <v>6982</v>
      </c>
      <c r="F11395" t="s">
        <v>6983</v>
      </c>
      <c r="G11395" t="s">
        <v>80</v>
      </c>
      <c r="H11395" t="s">
        <v>81</v>
      </c>
      <c r="I11395" s="2">
        <v>0</v>
      </c>
      <c r="J11395" s="2">
        <v>1</v>
      </c>
      <c r="K11395" s="2">
        <v>0</v>
      </c>
      <c r="L11395" t="s">
        <v>82</v>
      </c>
      <c r="M11395" t="s">
        <v>87</v>
      </c>
      <c r="N11395" t="s">
        <v>88</v>
      </c>
      <c r="O11395" t="s">
        <v>85</v>
      </c>
      <c r="P11395" t="s">
        <v>86</v>
      </c>
      <c r="Q11395">
        <v>13</v>
      </c>
      <c r="R11395">
        <v>13</v>
      </c>
      <c r="S11395">
        <v>13</v>
      </c>
      <c r="T11395">
        <v>13</v>
      </c>
      <c r="U11395">
        <v>13</v>
      </c>
      <c r="V11395">
        <v>13</v>
      </c>
      <c r="W11395">
        <v>13</v>
      </c>
      <c r="X11395">
        <v>13</v>
      </c>
      <c r="Y11395">
        <v>13</v>
      </c>
      <c r="Z11395">
        <v>13</v>
      </c>
      <c r="AA11395">
        <v>12</v>
      </c>
      <c r="AB11395">
        <v>12</v>
      </c>
      <c r="AC11395">
        <v>12</v>
      </c>
      <c r="AD11395">
        <v>12</v>
      </c>
      <c r="AE11395">
        <v>12</v>
      </c>
      <c r="AF11395">
        <v>12</v>
      </c>
      <c r="AG11395">
        <v>12</v>
      </c>
      <c r="AH11395">
        <v>12</v>
      </c>
      <c r="AI11395">
        <v>12</v>
      </c>
      <c r="AJ11395">
        <v>12</v>
      </c>
      <c r="AK11395">
        <v>12</v>
      </c>
      <c r="AL11395">
        <v>12</v>
      </c>
      <c r="AM11395">
        <v>12</v>
      </c>
      <c r="AN11395">
        <v>12</v>
      </c>
      <c r="AO11395">
        <v>12</v>
      </c>
      <c r="AP11395">
        <v>12</v>
      </c>
      <c r="AQ11395">
        <v>12</v>
      </c>
    </row>
    <row r="11396" spans="1:43">
      <c r="A11396" t="s">
        <v>7092</v>
      </c>
      <c r="B11396" t="s">
        <v>7093</v>
      </c>
      <c r="C11396" t="s">
        <v>7084</v>
      </c>
      <c r="D11396" t="s">
        <v>7085</v>
      </c>
      <c r="E11396" t="s">
        <v>6982</v>
      </c>
      <c r="F11396" t="s">
        <v>6983</v>
      </c>
      <c r="G11396" t="s">
        <v>80</v>
      </c>
      <c r="H11396" t="s">
        <v>81</v>
      </c>
      <c r="I11396" s="2">
        <v>0</v>
      </c>
      <c r="J11396" s="2">
        <v>1</v>
      </c>
      <c r="K11396" s="2">
        <v>0</v>
      </c>
      <c r="L11396" t="s">
        <v>82</v>
      </c>
      <c r="M11396" t="s">
        <v>89</v>
      </c>
      <c r="N11396" t="s">
        <v>90</v>
      </c>
      <c r="O11396" t="s">
        <v>85</v>
      </c>
      <c r="P11396" t="s">
        <v>86</v>
      </c>
      <c r="Q11396">
        <v>13</v>
      </c>
      <c r="R11396">
        <v>13</v>
      </c>
      <c r="S11396">
        <v>13</v>
      </c>
      <c r="T11396">
        <v>14</v>
      </c>
      <c r="U11396">
        <v>14</v>
      </c>
      <c r="V11396">
        <v>14</v>
      </c>
      <c r="W11396">
        <v>14</v>
      </c>
      <c r="X11396">
        <v>14</v>
      </c>
      <c r="Y11396">
        <v>14</v>
      </c>
      <c r="Z11396">
        <v>14</v>
      </c>
      <c r="AA11396">
        <v>15</v>
      </c>
      <c r="AB11396">
        <v>15</v>
      </c>
      <c r="AC11396">
        <v>15</v>
      </c>
      <c r="AD11396">
        <v>15</v>
      </c>
      <c r="AE11396">
        <v>15</v>
      </c>
      <c r="AF11396">
        <v>15</v>
      </c>
      <c r="AG11396">
        <v>15</v>
      </c>
      <c r="AH11396">
        <v>15</v>
      </c>
      <c r="AI11396">
        <v>15</v>
      </c>
      <c r="AJ11396">
        <v>14</v>
      </c>
      <c r="AK11396">
        <v>14</v>
      </c>
      <c r="AL11396">
        <v>14</v>
      </c>
      <c r="AM11396">
        <v>14</v>
      </c>
      <c r="AN11396">
        <v>14</v>
      </c>
      <c r="AO11396">
        <v>14</v>
      </c>
      <c r="AP11396">
        <v>14</v>
      </c>
      <c r="AQ11396">
        <v>14</v>
      </c>
    </row>
    <row r="11397" spans="1:43">
      <c r="A11397" t="s">
        <v>7092</v>
      </c>
      <c r="B11397" t="s">
        <v>7093</v>
      </c>
      <c r="C11397" t="s">
        <v>7084</v>
      </c>
      <c r="D11397" t="s">
        <v>7085</v>
      </c>
      <c r="E11397" t="s">
        <v>6982</v>
      </c>
      <c r="F11397" t="s">
        <v>6983</v>
      </c>
      <c r="G11397" t="s">
        <v>80</v>
      </c>
      <c r="H11397" t="s">
        <v>81</v>
      </c>
      <c r="I11397" s="2">
        <v>0</v>
      </c>
      <c r="J11397" s="2">
        <v>1</v>
      </c>
      <c r="K11397" s="2">
        <v>0</v>
      </c>
      <c r="L11397" t="s">
        <v>82</v>
      </c>
      <c r="M11397" t="s">
        <v>83</v>
      </c>
      <c r="N11397" t="s">
        <v>91</v>
      </c>
      <c r="O11397" t="s">
        <v>85</v>
      </c>
      <c r="P11397" t="s">
        <v>86</v>
      </c>
      <c r="Q11397">
        <v>13</v>
      </c>
      <c r="R11397">
        <v>13</v>
      </c>
      <c r="S11397">
        <v>13</v>
      </c>
      <c r="T11397">
        <v>13</v>
      </c>
      <c r="U11397">
        <v>13</v>
      </c>
      <c r="V11397">
        <v>13</v>
      </c>
      <c r="W11397">
        <v>13</v>
      </c>
      <c r="X11397">
        <v>13</v>
      </c>
      <c r="Y11397">
        <v>14</v>
      </c>
      <c r="Z11397">
        <v>14</v>
      </c>
      <c r="AA11397">
        <v>14</v>
      </c>
      <c r="AB11397">
        <v>14</v>
      </c>
      <c r="AC11397">
        <v>14</v>
      </c>
      <c r="AD11397">
        <v>14</v>
      </c>
      <c r="AE11397">
        <v>14</v>
      </c>
      <c r="AF11397">
        <v>14</v>
      </c>
      <c r="AG11397">
        <v>14</v>
      </c>
      <c r="AH11397">
        <v>14</v>
      </c>
      <c r="AI11397">
        <v>14</v>
      </c>
      <c r="AJ11397">
        <v>14</v>
      </c>
      <c r="AK11397">
        <v>14</v>
      </c>
      <c r="AL11397">
        <v>14</v>
      </c>
      <c r="AM11397">
        <v>14</v>
      </c>
      <c r="AN11397">
        <v>14</v>
      </c>
      <c r="AO11397">
        <v>14</v>
      </c>
      <c r="AP11397">
        <v>14</v>
      </c>
      <c r="AQ11397">
        <v>14</v>
      </c>
    </row>
    <row r="11398" spans="1:43">
      <c r="A11398" t="s">
        <v>7094</v>
      </c>
      <c r="B11398" t="s">
        <v>7095</v>
      </c>
      <c r="C11398" t="s">
        <v>7050</v>
      </c>
      <c r="D11398" t="s">
        <v>7051</v>
      </c>
      <c r="E11398" t="s">
        <v>6982</v>
      </c>
      <c r="F11398" t="s">
        <v>6983</v>
      </c>
      <c r="G11398" t="s">
        <v>80</v>
      </c>
      <c r="H11398" t="s">
        <v>81</v>
      </c>
      <c r="I11398" s="2">
        <v>0</v>
      </c>
      <c r="J11398" s="2">
        <v>1</v>
      </c>
      <c r="K11398" s="2">
        <v>0</v>
      </c>
      <c r="L11398" t="s">
        <v>82</v>
      </c>
      <c r="M11398" t="s">
        <v>83</v>
      </c>
      <c r="N11398" t="s">
        <v>84</v>
      </c>
      <c r="O11398" t="s">
        <v>85</v>
      </c>
      <c r="P11398" t="s">
        <v>86</v>
      </c>
      <c r="Q11398">
        <v>22</v>
      </c>
      <c r="R11398">
        <v>23</v>
      </c>
      <c r="S11398">
        <v>23</v>
      </c>
      <c r="T11398">
        <v>23</v>
      </c>
      <c r="U11398">
        <v>23</v>
      </c>
      <c r="V11398">
        <v>23</v>
      </c>
      <c r="W11398">
        <v>23</v>
      </c>
      <c r="X11398">
        <v>23</v>
      </c>
      <c r="Y11398">
        <v>23</v>
      </c>
      <c r="Z11398">
        <v>23</v>
      </c>
      <c r="AA11398">
        <v>24</v>
      </c>
      <c r="AB11398">
        <v>24</v>
      </c>
      <c r="AC11398">
        <v>24</v>
      </c>
      <c r="AD11398">
        <v>24</v>
      </c>
      <c r="AE11398">
        <v>24</v>
      </c>
      <c r="AF11398">
        <v>24</v>
      </c>
      <c r="AG11398">
        <v>24</v>
      </c>
      <c r="AH11398">
        <v>24</v>
      </c>
      <c r="AI11398">
        <v>24</v>
      </c>
      <c r="AJ11398">
        <v>24</v>
      </c>
      <c r="AK11398">
        <v>24</v>
      </c>
      <c r="AL11398">
        <v>24</v>
      </c>
      <c r="AM11398">
        <v>24</v>
      </c>
      <c r="AN11398">
        <v>24</v>
      </c>
      <c r="AO11398">
        <v>24</v>
      </c>
      <c r="AP11398">
        <v>24</v>
      </c>
      <c r="AQ11398">
        <v>23</v>
      </c>
    </row>
    <row r="11399" spans="1:43">
      <c r="A11399" t="s">
        <v>7094</v>
      </c>
      <c r="B11399" t="s">
        <v>7095</v>
      </c>
      <c r="C11399" t="s">
        <v>7050</v>
      </c>
      <c r="D11399" t="s">
        <v>7051</v>
      </c>
      <c r="E11399" t="s">
        <v>6982</v>
      </c>
      <c r="F11399" t="s">
        <v>6983</v>
      </c>
      <c r="G11399" t="s">
        <v>80</v>
      </c>
      <c r="H11399" t="s">
        <v>81</v>
      </c>
      <c r="I11399" s="2">
        <v>0</v>
      </c>
      <c r="J11399" s="2">
        <v>1</v>
      </c>
      <c r="K11399" s="2">
        <v>0</v>
      </c>
      <c r="L11399" t="s">
        <v>82</v>
      </c>
      <c r="M11399" t="s">
        <v>87</v>
      </c>
      <c r="N11399" t="s">
        <v>88</v>
      </c>
      <c r="O11399" t="s">
        <v>85</v>
      </c>
      <c r="P11399" t="s">
        <v>86</v>
      </c>
      <c r="Q11399">
        <v>22</v>
      </c>
      <c r="R11399">
        <v>22</v>
      </c>
      <c r="S11399">
        <v>22</v>
      </c>
      <c r="T11399">
        <v>22</v>
      </c>
      <c r="U11399">
        <v>22</v>
      </c>
      <c r="V11399">
        <v>22</v>
      </c>
      <c r="W11399">
        <v>22</v>
      </c>
      <c r="X11399">
        <v>22</v>
      </c>
      <c r="Y11399">
        <v>22</v>
      </c>
      <c r="Z11399">
        <v>22</v>
      </c>
      <c r="AA11399">
        <v>21</v>
      </c>
      <c r="AB11399">
        <v>21</v>
      </c>
      <c r="AC11399">
        <v>21</v>
      </c>
      <c r="AD11399">
        <v>21</v>
      </c>
      <c r="AE11399">
        <v>21</v>
      </c>
      <c r="AF11399">
        <v>21</v>
      </c>
      <c r="AG11399">
        <v>21</v>
      </c>
      <c r="AH11399">
        <v>21</v>
      </c>
      <c r="AI11399">
        <v>21</v>
      </c>
      <c r="AJ11399">
        <v>21</v>
      </c>
      <c r="AK11399">
        <v>21</v>
      </c>
      <c r="AL11399">
        <v>21</v>
      </c>
      <c r="AM11399">
        <v>21</v>
      </c>
      <c r="AN11399">
        <v>21</v>
      </c>
      <c r="AO11399">
        <v>21</v>
      </c>
      <c r="AP11399">
        <v>20</v>
      </c>
      <c r="AQ11399">
        <v>20</v>
      </c>
    </row>
    <row r="11400" spans="1:43">
      <c r="A11400" t="s">
        <v>7094</v>
      </c>
      <c r="B11400" t="s">
        <v>7095</v>
      </c>
      <c r="C11400" t="s">
        <v>7050</v>
      </c>
      <c r="D11400" t="s">
        <v>7051</v>
      </c>
      <c r="E11400" t="s">
        <v>6982</v>
      </c>
      <c r="F11400" t="s">
        <v>6983</v>
      </c>
      <c r="G11400" t="s">
        <v>80</v>
      </c>
      <c r="H11400" t="s">
        <v>81</v>
      </c>
      <c r="I11400" s="2">
        <v>0</v>
      </c>
      <c r="J11400" s="2">
        <v>1</v>
      </c>
      <c r="K11400" s="2">
        <v>0</v>
      </c>
      <c r="L11400" t="s">
        <v>82</v>
      </c>
      <c r="M11400" t="s">
        <v>89</v>
      </c>
      <c r="N11400" t="s">
        <v>90</v>
      </c>
      <c r="O11400" t="s">
        <v>85</v>
      </c>
      <c r="P11400" t="s">
        <v>86</v>
      </c>
      <c r="Q11400">
        <v>22</v>
      </c>
      <c r="R11400">
        <v>22</v>
      </c>
      <c r="S11400">
        <v>22</v>
      </c>
      <c r="T11400">
        <v>23</v>
      </c>
      <c r="U11400">
        <v>23</v>
      </c>
      <c r="V11400">
        <v>23</v>
      </c>
      <c r="W11400">
        <v>23</v>
      </c>
      <c r="X11400">
        <v>24</v>
      </c>
      <c r="Y11400">
        <v>24</v>
      </c>
      <c r="Z11400">
        <v>24</v>
      </c>
      <c r="AA11400">
        <v>24</v>
      </c>
      <c r="AB11400">
        <v>24</v>
      </c>
      <c r="AC11400">
        <v>24</v>
      </c>
      <c r="AD11400">
        <v>25</v>
      </c>
      <c r="AE11400">
        <v>25</v>
      </c>
      <c r="AF11400">
        <v>24</v>
      </c>
      <c r="AG11400">
        <v>24</v>
      </c>
      <c r="AH11400">
        <v>24</v>
      </c>
      <c r="AI11400">
        <v>24</v>
      </c>
      <c r="AJ11400">
        <v>24</v>
      </c>
      <c r="AK11400">
        <v>24</v>
      </c>
      <c r="AL11400">
        <v>23</v>
      </c>
      <c r="AM11400">
        <v>23</v>
      </c>
      <c r="AN11400">
        <v>23</v>
      </c>
      <c r="AO11400">
        <v>23</v>
      </c>
      <c r="AP11400">
        <v>23</v>
      </c>
      <c r="AQ11400">
        <v>23</v>
      </c>
    </row>
    <row r="11401" spans="1:43">
      <c r="A11401" t="s">
        <v>7094</v>
      </c>
      <c r="B11401" t="s">
        <v>7095</v>
      </c>
      <c r="C11401" t="s">
        <v>7050</v>
      </c>
      <c r="D11401" t="s">
        <v>7051</v>
      </c>
      <c r="E11401" t="s">
        <v>6982</v>
      </c>
      <c r="F11401" t="s">
        <v>6983</v>
      </c>
      <c r="G11401" t="s">
        <v>80</v>
      </c>
      <c r="H11401" t="s">
        <v>81</v>
      </c>
      <c r="I11401" s="2">
        <v>0</v>
      </c>
      <c r="J11401" s="2">
        <v>1</v>
      </c>
      <c r="K11401" s="2">
        <v>0</v>
      </c>
      <c r="L11401" t="s">
        <v>82</v>
      </c>
      <c r="M11401" t="s">
        <v>83</v>
      </c>
      <c r="N11401" t="s">
        <v>91</v>
      </c>
      <c r="O11401" t="s">
        <v>85</v>
      </c>
      <c r="P11401" t="s">
        <v>86</v>
      </c>
      <c r="Q11401">
        <v>22</v>
      </c>
      <c r="R11401">
        <v>23</v>
      </c>
      <c r="S11401">
        <v>23</v>
      </c>
      <c r="T11401">
        <v>23</v>
      </c>
      <c r="U11401">
        <v>23</v>
      </c>
      <c r="V11401">
        <v>23</v>
      </c>
      <c r="W11401">
        <v>23</v>
      </c>
      <c r="X11401">
        <v>23</v>
      </c>
      <c r="Y11401">
        <v>23</v>
      </c>
      <c r="Z11401">
        <v>23</v>
      </c>
      <c r="AA11401">
        <v>24</v>
      </c>
      <c r="AB11401">
        <v>24</v>
      </c>
      <c r="AC11401">
        <v>24</v>
      </c>
      <c r="AD11401">
        <v>24</v>
      </c>
      <c r="AE11401">
        <v>24</v>
      </c>
      <c r="AF11401">
        <v>24</v>
      </c>
      <c r="AG11401">
        <v>24</v>
      </c>
      <c r="AH11401">
        <v>24</v>
      </c>
      <c r="AI11401">
        <v>24</v>
      </c>
      <c r="AJ11401">
        <v>24</v>
      </c>
      <c r="AK11401">
        <v>24</v>
      </c>
      <c r="AL11401">
        <v>24</v>
      </c>
      <c r="AM11401">
        <v>24</v>
      </c>
      <c r="AN11401">
        <v>24</v>
      </c>
      <c r="AO11401">
        <v>24</v>
      </c>
      <c r="AP11401">
        <v>24</v>
      </c>
      <c r="AQ11401">
        <v>23</v>
      </c>
    </row>
    <row r="11402" spans="1:43">
      <c r="A11402" t="s">
        <v>7096</v>
      </c>
      <c r="B11402" t="s">
        <v>7097</v>
      </c>
      <c r="C11402" t="s">
        <v>7098</v>
      </c>
      <c r="D11402" t="s">
        <v>7099</v>
      </c>
      <c r="E11402" t="s">
        <v>6982</v>
      </c>
      <c r="F11402" t="s">
        <v>6983</v>
      </c>
      <c r="G11402" t="s">
        <v>80</v>
      </c>
      <c r="H11402" t="s">
        <v>81</v>
      </c>
      <c r="I11402" s="2">
        <v>0</v>
      </c>
      <c r="J11402" s="2">
        <v>1</v>
      </c>
      <c r="K11402" s="2">
        <v>0</v>
      </c>
      <c r="L11402" t="s">
        <v>82</v>
      </c>
      <c r="M11402" t="s">
        <v>83</v>
      </c>
      <c r="N11402" t="s">
        <v>84</v>
      </c>
      <c r="O11402" t="s">
        <v>85</v>
      </c>
      <c r="P11402" t="s">
        <v>86</v>
      </c>
      <c r="Q11402">
        <v>63</v>
      </c>
      <c r="R11402">
        <v>63</v>
      </c>
      <c r="S11402">
        <v>63</v>
      </c>
      <c r="T11402">
        <v>64</v>
      </c>
      <c r="U11402">
        <v>64</v>
      </c>
      <c r="V11402">
        <v>64</v>
      </c>
      <c r="W11402">
        <v>64</v>
      </c>
      <c r="X11402">
        <v>65</v>
      </c>
      <c r="Y11402">
        <v>65</v>
      </c>
      <c r="Z11402">
        <v>65</v>
      </c>
      <c r="AA11402">
        <v>65</v>
      </c>
      <c r="AB11402">
        <v>66</v>
      </c>
      <c r="AC11402">
        <v>66</v>
      </c>
      <c r="AD11402">
        <v>66</v>
      </c>
      <c r="AE11402">
        <v>66</v>
      </c>
      <c r="AF11402">
        <v>66</v>
      </c>
      <c r="AG11402">
        <v>66</v>
      </c>
      <c r="AH11402">
        <v>66</v>
      </c>
      <c r="AI11402">
        <v>67</v>
      </c>
      <c r="AJ11402">
        <v>67</v>
      </c>
      <c r="AK11402">
        <v>67</v>
      </c>
      <c r="AL11402">
        <v>66</v>
      </c>
      <c r="AM11402">
        <v>66</v>
      </c>
      <c r="AN11402">
        <v>65</v>
      </c>
      <c r="AO11402">
        <v>65</v>
      </c>
      <c r="AP11402">
        <v>64</v>
      </c>
      <c r="AQ11402">
        <v>64</v>
      </c>
    </row>
    <row r="11403" spans="1:43">
      <c r="A11403" t="s">
        <v>7096</v>
      </c>
      <c r="B11403" t="s">
        <v>7097</v>
      </c>
      <c r="C11403" t="s">
        <v>7098</v>
      </c>
      <c r="D11403" t="s">
        <v>7099</v>
      </c>
      <c r="E11403" t="s">
        <v>6982</v>
      </c>
      <c r="F11403" t="s">
        <v>6983</v>
      </c>
      <c r="G11403" t="s">
        <v>80</v>
      </c>
      <c r="H11403" t="s">
        <v>81</v>
      </c>
      <c r="I11403" s="2">
        <v>0</v>
      </c>
      <c r="J11403" s="2">
        <v>1</v>
      </c>
      <c r="K11403" s="2">
        <v>0</v>
      </c>
      <c r="L11403" t="s">
        <v>82</v>
      </c>
      <c r="M11403" t="s">
        <v>87</v>
      </c>
      <c r="N11403" t="s">
        <v>88</v>
      </c>
      <c r="O11403" t="s">
        <v>85</v>
      </c>
      <c r="P11403" t="s">
        <v>86</v>
      </c>
      <c r="Q11403">
        <v>63</v>
      </c>
      <c r="R11403">
        <v>63</v>
      </c>
      <c r="S11403">
        <v>63</v>
      </c>
      <c r="T11403">
        <v>62</v>
      </c>
      <c r="U11403">
        <v>62</v>
      </c>
      <c r="V11403">
        <v>62</v>
      </c>
      <c r="W11403">
        <v>62</v>
      </c>
      <c r="X11403">
        <v>61</v>
      </c>
      <c r="Y11403">
        <v>61</v>
      </c>
      <c r="Z11403">
        <v>61</v>
      </c>
      <c r="AA11403">
        <v>61</v>
      </c>
      <c r="AB11403">
        <v>60</v>
      </c>
      <c r="AC11403">
        <v>60</v>
      </c>
      <c r="AD11403">
        <v>60</v>
      </c>
      <c r="AE11403">
        <v>59</v>
      </c>
      <c r="AF11403">
        <v>59</v>
      </c>
      <c r="AG11403">
        <v>59</v>
      </c>
      <c r="AH11403">
        <v>59</v>
      </c>
      <c r="AI11403">
        <v>58</v>
      </c>
      <c r="AJ11403">
        <v>58</v>
      </c>
      <c r="AK11403">
        <v>58</v>
      </c>
      <c r="AL11403">
        <v>58</v>
      </c>
      <c r="AM11403">
        <v>57</v>
      </c>
      <c r="AN11403">
        <v>57</v>
      </c>
      <c r="AO11403">
        <v>57</v>
      </c>
      <c r="AP11403">
        <v>57</v>
      </c>
      <c r="AQ11403">
        <v>56</v>
      </c>
    </row>
    <row r="11404" spans="1:43">
      <c r="A11404" t="s">
        <v>7096</v>
      </c>
      <c r="B11404" t="s">
        <v>7097</v>
      </c>
      <c r="C11404" t="s">
        <v>7098</v>
      </c>
      <c r="D11404" t="s">
        <v>7099</v>
      </c>
      <c r="E11404" t="s">
        <v>6982</v>
      </c>
      <c r="F11404" t="s">
        <v>6983</v>
      </c>
      <c r="G11404" t="s">
        <v>80</v>
      </c>
      <c r="H11404" t="s">
        <v>81</v>
      </c>
      <c r="I11404" s="2">
        <v>0</v>
      </c>
      <c r="J11404" s="2">
        <v>1</v>
      </c>
      <c r="K11404" s="2">
        <v>0</v>
      </c>
      <c r="L11404" t="s">
        <v>82</v>
      </c>
      <c r="M11404" t="s">
        <v>89</v>
      </c>
      <c r="N11404" t="s">
        <v>90</v>
      </c>
      <c r="O11404" t="s">
        <v>85</v>
      </c>
      <c r="P11404" t="s">
        <v>86</v>
      </c>
      <c r="Q11404">
        <v>63</v>
      </c>
      <c r="R11404">
        <v>64</v>
      </c>
      <c r="S11404">
        <v>65</v>
      </c>
      <c r="T11404">
        <v>66</v>
      </c>
      <c r="U11404">
        <v>66</v>
      </c>
      <c r="V11404">
        <v>67</v>
      </c>
      <c r="W11404">
        <v>68</v>
      </c>
      <c r="X11404">
        <v>68</v>
      </c>
      <c r="Y11404">
        <v>69</v>
      </c>
      <c r="Z11404">
        <v>69</v>
      </c>
      <c r="AA11404">
        <v>70</v>
      </c>
      <c r="AB11404">
        <v>70</v>
      </c>
      <c r="AC11404">
        <v>70</v>
      </c>
      <c r="AD11404">
        <v>71</v>
      </c>
      <c r="AE11404">
        <v>71</v>
      </c>
      <c r="AF11404">
        <v>70</v>
      </c>
      <c r="AG11404">
        <v>70</v>
      </c>
      <c r="AH11404">
        <v>69</v>
      </c>
      <c r="AI11404">
        <v>69</v>
      </c>
      <c r="AJ11404">
        <v>68</v>
      </c>
      <c r="AK11404">
        <v>68</v>
      </c>
      <c r="AL11404">
        <v>67</v>
      </c>
      <c r="AM11404">
        <v>66</v>
      </c>
      <c r="AN11404">
        <v>66</v>
      </c>
      <c r="AO11404">
        <v>65</v>
      </c>
      <c r="AP11404">
        <v>65</v>
      </c>
      <c r="AQ11404">
        <v>64</v>
      </c>
    </row>
    <row r="11405" spans="1:43">
      <c r="A11405" t="s">
        <v>7096</v>
      </c>
      <c r="B11405" t="s">
        <v>7097</v>
      </c>
      <c r="C11405" t="s">
        <v>7098</v>
      </c>
      <c r="D11405" t="s">
        <v>7099</v>
      </c>
      <c r="E11405" t="s">
        <v>6982</v>
      </c>
      <c r="F11405" t="s">
        <v>6983</v>
      </c>
      <c r="G11405" t="s">
        <v>80</v>
      </c>
      <c r="H11405" t="s">
        <v>81</v>
      </c>
      <c r="I11405" s="2">
        <v>0</v>
      </c>
      <c r="J11405" s="2">
        <v>1</v>
      </c>
      <c r="K11405" s="2">
        <v>0</v>
      </c>
      <c r="L11405" t="s">
        <v>82</v>
      </c>
      <c r="M11405" t="s">
        <v>83</v>
      </c>
      <c r="N11405" t="s">
        <v>91</v>
      </c>
      <c r="O11405" t="s">
        <v>85</v>
      </c>
      <c r="P11405" t="s">
        <v>86</v>
      </c>
      <c r="Q11405">
        <v>63</v>
      </c>
      <c r="R11405">
        <v>63</v>
      </c>
      <c r="S11405">
        <v>63</v>
      </c>
      <c r="T11405">
        <v>64</v>
      </c>
      <c r="U11405">
        <v>64</v>
      </c>
      <c r="V11405">
        <v>64</v>
      </c>
      <c r="W11405">
        <v>64</v>
      </c>
      <c r="X11405">
        <v>65</v>
      </c>
      <c r="Y11405">
        <v>65</v>
      </c>
      <c r="Z11405">
        <v>65</v>
      </c>
      <c r="AA11405">
        <v>65</v>
      </c>
      <c r="AB11405">
        <v>66</v>
      </c>
      <c r="AC11405">
        <v>66</v>
      </c>
      <c r="AD11405">
        <v>66</v>
      </c>
      <c r="AE11405">
        <v>66</v>
      </c>
      <c r="AF11405">
        <v>66</v>
      </c>
      <c r="AG11405">
        <v>66</v>
      </c>
      <c r="AH11405">
        <v>66</v>
      </c>
      <c r="AI11405">
        <v>67</v>
      </c>
      <c r="AJ11405">
        <v>67</v>
      </c>
      <c r="AK11405">
        <v>67</v>
      </c>
      <c r="AL11405">
        <v>66</v>
      </c>
      <c r="AM11405">
        <v>66</v>
      </c>
      <c r="AN11405">
        <v>65</v>
      </c>
      <c r="AO11405">
        <v>65</v>
      </c>
      <c r="AP11405">
        <v>64</v>
      </c>
      <c r="AQ11405">
        <v>64</v>
      </c>
    </row>
    <row r="11406" spans="1:43">
      <c r="A11406" t="s">
        <v>7100</v>
      </c>
      <c r="B11406" t="s">
        <v>7101</v>
      </c>
      <c r="C11406" t="s">
        <v>7102</v>
      </c>
      <c r="D11406" t="s">
        <v>7103</v>
      </c>
      <c r="E11406" t="s">
        <v>6982</v>
      </c>
      <c r="F11406" t="s">
        <v>6983</v>
      </c>
      <c r="G11406" t="s">
        <v>80</v>
      </c>
      <c r="H11406" t="s">
        <v>81</v>
      </c>
      <c r="I11406" s="2">
        <v>0</v>
      </c>
      <c r="J11406" s="2">
        <v>1</v>
      </c>
      <c r="K11406" s="2">
        <v>0</v>
      </c>
      <c r="L11406" t="s">
        <v>82</v>
      </c>
      <c r="M11406" t="s">
        <v>83</v>
      </c>
      <c r="N11406" t="s">
        <v>84</v>
      </c>
      <c r="O11406" t="s">
        <v>85</v>
      </c>
      <c r="P11406" t="s">
        <v>86</v>
      </c>
      <c r="Q11406">
        <v>61</v>
      </c>
      <c r="R11406">
        <v>62</v>
      </c>
      <c r="S11406">
        <v>62</v>
      </c>
      <c r="T11406">
        <v>62</v>
      </c>
      <c r="U11406">
        <v>63</v>
      </c>
      <c r="V11406">
        <v>63</v>
      </c>
      <c r="W11406">
        <v>63</v>
      </c>
      <c r="X11406">
        <v>63</v>
      </c>
      <c r="Y11406">
        <v>64</v>
      </c>
      <c r="Z11406">
        <v>64</v>
      </c>
      <c r="AA11406">
        <v>64</v>
      </c>
      <c r="AB11406">
        <v>64</v>
      </c>
      <c r="AC11406">
        <v>65</v>
      </c>
      <c r="AD11406">
        <v>65</v>
      </c>
      <c r="AE11406">
        <v>65</v>
      </c>
      <c r="AF11406">
        <v>65</v>
      </c>
      <c r="AG11406">
        <v>65</v>
      </c>
      <c r="AH11406">
        <v>65</v>
      </c>
      <c r="AI11406">
        <v>65</v>
      </c>
      <c r="AJ11406">
        <v>66</v>
      </c>
      <c r="AK11406">
        <v>66</v>
      </c>
      <c r="AL11406">
        <v>65</v>
      </c>
      <c r="AM11406">
        <v>65</v>
      </c>
      <c r="AN11406">
        <v>64</v>
      </c>
      <c r="AO11406">
        <v>64</v>
      </c>
      <c r="AP11406">
        <v>63</v>
      </c>
      <c r="AQ11406">
        <v>63</v>
      </c>
    </row>
    <row r="11407" spans="1:43">
      <c r="A11407" t="s">
        <v>7100</v>
      </c>
      <c r="B11407" t="s">
        <v>7101</v>
      </c>
      <c r="C11407" t="s">
        <v>7102</v>
      </c>
      <c r="D11407" t="s">
        <v>7103</v>
      </c>
      <c r="E11407" t="s">
        <v>6982</v>
      </c>
      <c r="F11407" t="s">
        <v>6983</v>
      </c>
      <c r="G11407" t="s">
        <v>80</v>
      </c>
      <c r="H11407" t="s">
        <v>81</v>
      </c>
      <c r="I11407" s="2">
        <v>0</v>
      </c>
      <c r="J11407" s="2">
        <v>1</v>
      </c>
      <c r="K11407" s="2">
        <v>0</v>
      </c>
      <c r="L11407" t="s">
        <v>82</v>
      </c>
      <c r="M11407" t="s">
        <v>87</v>
      </c>
      <c r="N11407" t="s">
        <v>88</v>
      </c>
      <c r="O11407" t="s">
        <v>85</v>
      </c>
      <c r="P11407" t="s">
        <v>86</v>
      </c>
      <c r="Q11407">
        <v>61</v>
      </c>
      <c r="R11407">
        <v>61</v>
      </c>
      <c r="S11407">
        <v>60</v>
      </c>
      <c r="T11407">
        <v>60</v>
      </c>
      <c r="U11407">
        <v>60</v>
      </c>
      <c r="V11407">
        <v>60</v>
      </c>
      <c r="W11407">
        <v>59</v>
      </c>
      <c r="X11407">
        <v>59</v>
      </c>
      <c r="Y11407">
        <v>59</v>
      </c>
      <c r="Z11407">
        <v>59</v>
      </c>
      <c r="AA11407">
        <v>58</v>
      </c>
      <c r="AB11407">
        <v>58</v>
      </c>
      <c r="AC11407">
        <v>58</v>
      </c>
      <c r="AD11407">
        <v>58</v>
      </c>
      <c r="AE11407">
        <v>57</v>
      </c>
      <c r="AF11407">
        <v>57</v>
      </c>
      <c r="AG11407">
        <v>57</v>
      </c>
      <c r="AH11407">
        <v>57</v>
      </c>
      <c r="AI11407">
        <v>57</v>
      </c>
      <c r="AJ11407">
        <v>56</v>
      </c>
      <c r="AK11407">
        <v>56</v>
      </c>
      <c r="AL11407">
        <v>56</v>
      </c>
      <c r="AM11407">
        <v>56</v>
      </c>
      <c r="AN11407">
        <v>55</v>
      </c>
      <c r="AO11407">
        <v>55</v>
      </c>
      <c r="AP11407">
        <v>55</v>
      </c>
      <c r="AQ11407">
        <v>55</v>
      </c>
    </row>
    <row r="11408" spans="1:43">
      <c r="A11408" t="s">
        <v>7100</v>
      </c>
      <c r="B11408" t="s">
        <v>7101</v>
      </c>
      <c r="C11408" t="s">
        <v>7102</v>
      </c>
      <c r="D11408" t="s">
        <v>7103</v>
      </c>
      <c r="E11408" t="s">
        <v>6982</v>
      </c>
      <c r="F11408" t="s">
        <v>6983</v>
      </c>
      <c r="G11408" t="s">
        <v>80</v>
      </c>
      <c r="H11408" t="s">
        <v>81</v>
      </c>
      <c r="I11408" s="2">
        <v>0</v>
      </c>
      <c r="J11408" s="2">
        <v>1</v>
      </c>
      <c r="K11408" s="2">
        <v>0</v>
      </c>
      <c r="L11408" t="s">
        <v>82</v>
      </c>
      <c r="M11408" t="s">
        <v>89</v>
      </c>
      <c r="N11408" t="s">
        <v>90</v>
      </c>
      <c r="O11408" t="s">
        <v>85</v>
      </c>
      <c r="P11408" t="s">
        <v>86</v>
      </c>
      <c r="Q11408">
        <v>61</v>
      </c>
      <c r="R11408">
        <v>62</v>
      </c>
      <c r="S11408">
        <v>63</v>
      </c>
      <c r="T11408">
        <v>63</v>
      </c>
      <c r="U11408">
        <v>64</v>
      </c>
      <c r="V11408">
        <v>65</v>
      </c>
      <c r="W11408">
        <v>65</v>
      </c>
      <c r="X11408">
        <v>66</v>
      </c>
      <c r="Y11408">
        <v>66</v>
      </c>
      <c r="Z11408">
        <v>67</v>
      </c>
      <c r="AA11408">
        <v>67</v>
      </c>
      <c r="AB11408">
        <v>68</v>
      </c>
      <c r="AC11408">
        <v>68</v>
      </c>
      <c r="AD11408">
        <v>69</v>
      </c>
      <c r="AE11408">
        <v>69</v>
      </c>
      <c r="AF11408">
        <v>68</v>
      </c>
      <c r="AG11408">
        <v>67</v>
      </c>
      <c r="AH11408">
        <v>67</v>
      </c>
      <c r="AI11408">
        <v>66</v>
      </c>
      <c r="AJ11408">
        <v>66</v>
      </c>
      <c r="AK11408">
        <v>65</v>
      </c>
      <c r="AL11408">
        <v>65</v>
      </c>
      <c r="AM11408">
        <v>64</v>
      </c>
      <c r="AN11408">
        <v>64</v>
      </c>
      <c r="AO11408">
        <v>63</v>
      </c>
      <c r="AP11408">
        <v>63</v>
      </c>
      <c r="AQ11408">
        <v>62</v>
      </c>
    </row>
    <row r="11409" spans="1:43">
      <c r="A11409" t="s">
        <v>7100</v>
      </c>
      <c r="B11409" t="s">
        <v>7101</v>
      </c>
      <c r="C11409" t="s">
        <v>7102</v>
      </c>
      <c r="D11409" t="s">
        <v>7103</v>
      </c>
      <c r="E11409" t="s">
        <v>6982</v>
      </c>
      <c r="F11409" t="s">
        <v>6983</v>
      </c>
      <c r="G11409" t="s">
        <v>80</v>
      </c>
      <c r="H11409" t="s">
        <v>81</v>
      </c>
      <c r="I11409" s="2">
        <v>0</v>
      </c>
      <c r="J11409" s="2">
        <v>1</v>
      </c>
      <c r="K11409" s="2">
        <v>0</v>
      </c>
      <c r="L11409" t="s">
        <v>82</v>
      </c>
      <c r="M11409" t="s">
        <v>83</v>
      </c>
      <c r="N11409" t="s">
        <v>91</v>
      </c>
      <c r="O11409" t="s">
        <v>85</v>
      </c>
      <c r="P11409" t="s">
        <v>86</v>
      </c>
      <c r="Q11409">
        <v>61</v>
      </c>
      <c r="R11409">
        <v>62</v>
      </c>
      <c r="S11409">
        <v>62</v>
      </c>
      <c r="T11409">
        <v>62</v>
      </c>
      <c r="U11409">
        <v>63</v>
      </c>
      <c r="V11409">
        <v>63</v>
      </c>
      <c r="W11409">
        <v>63</v>
      </c>
      <c r="X11409">
        <v>63</v>
      </c>
      <c r="Y11409">
        <v>64</v>
      </c>
      <c r="Z11409">
        <v>64</v>
      </c>
      <c r="AA11409">
        <v>64</v>
      </c>
      <c r="AB11409">
        <v>64</v>
      </c>
      <c r="AC11409">
        <v>65</v>
      </c>
      <c r="AD11409">
        <v>65</v>
      </c>
      <c r="AE11409">
        <v>65</v>
      </c>
      <c r="AF11409">
        <v>65</v>
      </c>
      <c r="AG11409">
        <v>65</v>
      </c>
      <c r="AH11409">
        <v>65</v>
      </c>
      <c r="AI11409">
        <v>65</v>
      </c>
      <c r="AJ11409">
        <v>66</v>
      </c>
      <c r="AK11409">
        <v>66</v>
      </c>
      <c r="AL11409">
        <v>65</v>
      </c>
      <c r="AM11409">
        <v>65</v>
      </c>
      <c r="AN11409">
        <v>64</v>
      </c>
      <c r="AO11409">
        <v>64</v>
      </c>
      <c r="AP11409">
        <v>63</v>
      </c>
      <c r="AQ11409">
        <v>63</v>
      </c>
    </row>
    <row r="11410" spans="1:43">
      <c r="A11410" t="s">
        <v>7104</v>
      </c>
      <c r="B11410" t="s">
        <v>7105</v>
      </c>
      <c r="C11410" t="s">
        <v>7102</v>
      </c>
      <c r="D11410" t="s">
        <v>7103</v>
      </c>
      <c r="E11410" t="s">
        <v>6982</v>
      </c>
      <c r="F11410" t="s">
        <v>6983</v>
      </c>
      <c r="G11410" t="s">
        <v>80</v>
      </c>
      <c r="H11410" t="s">
        <v>81</v>
      </c>
      <c r="I11410" s="2">
        <v>0</v>
      </c>
      <c r="J11410" s="2">
        <v>1</v>
      </c>
      <c r="K11410" s="2">
        <v>0</v>
      </c>
      <c r="L11410" t="s">
        <v>82</v>
      </c>
      <c r="M11410" t="s">
        <v>83</v>
      </c>
      <c r="N11410" t="s">
        <v>84</v>
      </c>
      <c r="O11410" t="s">
        <v>85</v>
      </c>
      <c r="P11410" t="s">
        <v>86</v>
      </c>
      <c r="Q11410">
        <v>58</v>
      </c>
      <c r="R11410">
        <v>59</v>
      </c>
      <c r="S11410">
        <v>59</v>
      </c>
      <c r="T11410">
        <v>59</v>
      </c>
      <c r="U11410">
        <v>60</v>
      </c>
      <c r="V11410">
        <v>60</v>
      </c>
      <c r="W11410">
        <v>60</v>
      </c>
      <c r="X11410">
        <v>61</v>
      </c>
      <c r="Y11410">
        <v>61</v>
      </c>
      <c r="Z11410">
        <v>61</v>
      </c>
      <c r="AA11410">
        <v>61</v>
      </c>
      <c r="AB11410">
        <v>62</v>
      </c>
      <c r="AC11410">
        <v>62</v>
      </c>
      <c r="AD11410">
        <v>62</v>
      </c>
      <c r="AE11410">
        <v>62</v>
      </c>
      <c r="AF11410">
        <v>62</v>
      </c>
      <c r="AG11410">
        <v>63</v>
      </c>
      <c r="AH11410">
        <v>63</v>
      </c>
      <c r="AI11410">
        <v>63</v>
      </c>
      <c r="AJ11410">
        <v>63</v>
      </c>
      <c r="AK11410">
        <v>63</v>
      </c>
      <c r="AL11410">
        <v>63</v>
      </c>
      <c r="AM11410">
        <v>62</v>
      </c>
      <c r="AN11410">
        <v>62</v>
      </c>
      <c r="AO11410">
        <v>62</v>
      </c>
      <c r="AP11410">
        <v>61</v>
      </c>
      <c r="AQ11410">
        <v>61</v>
      </c>
    </row>
    <row r="11411" spans="1:43">
      <c r="A11411" t="s">
        <v>7104</v>
      </c>
      <c r="B11411" t="s">
        <v>7105</v>
      </c>
      <c r="C11411" t="s">
        <v>7102</v>
      </c>
      <c r="D11411" t="s">
        <v>7103</v>
      </c>
      <c r="E11411" t="s">
        <v>6982</v>
      </c>
      <c r="F11411" t="s">
        <v>6983</v>
      </c>
      <c r="G11411" t="s">
        <v>80</v>
      </c>
      <c r="H11411" t="s">
        <v>81</v>
      </c>
      <c r="I11411" s="2">
        <v>0</v>
      </c>
      <c r="J11411" s="2">
        <v>1</v>
      </c>
      <c r="K11411" s="2">
        <v>0</v>
      </c>
      <c r="L11411" t="s">
        <v>82</v>
      </c>
      <c r="M11411" t="s">
        <v>87</v>
      </c>
      <c r="N11411" t="s">
        <v>88</v>
      </c>
      <c r="O11411" t="s">
        <v>85</v>
      </c>
      <c r="P11411" t="s">
        <v>86</v>
      </c>
      <c r="Q11411">
        <v>58</v>
      </c>
      <c r="R11411">
        <v>58</v>
      </c>
      <c r="S11411">
        <v>57</v>
      </c>
      <c r="T11411">
        <v>57</v>
      </c>
      <c r="U11411">
        <v>57</v>
      </c>
      <c r="V11411">
        <v>57</v>
      </c>
      <c r="W11411">
        <v>57</v>
      </c>
      <c r="X11411">
        <v>57</v>
      </c>
      <c r="Y11411">
        <v>56</v>
      </c>
      <c r="Z11411">
        <v>56</v>
      </c>
      <c r="AA11411">
        <v>56</v>
      </c>
      <c r="AB11411">
        <v>56</v>
      </c>
      <c r="AC11411">
        <v>56</v>
      </c>
      <c r="AD11411">
        <v>55</v>
      </c>
      <c r="AE11411">
        <v>55</v>
      </c>
      <c r="AF11411">
        <v>55</v>
      </c>
      <c r="AG11411">
        <v>55</v>
      </c>
      <c r="AH11411">
        <v>55</v>
      </c>
      <c r="AI11411">
        <v>55</v>
      </c>
      <c r="AJ11411">
        <v>54</v>
      </c>
      <c r="AK11411">
        <v>54</v>
      </c>
      <c r="AL11411">
        <v>54</v>
      </c>
      <c r="AM11411">
        <v>54</v>
      </c>
      <c r="AN11411">
        <v>54</v>
      </c>
      <c r="AO11411">
        <v>53</v>
      </c>
      <c r="AP11411">
        <v>53</v>
      </c>
      <c r="AQ11411">
        <v>53</v>
      </c>
    </row>
    <row r="11412" spans="1:43">
      <c r="A11412" t="s">
        <v>7104</v>
      </c>
      <c r="B11412" t="s">
        <v>7105</v>
      </c>
      <c r="C11412" t="s">
        <v>7102</v>
      </c>
      <c r="D11412" t="s">
        <v>7103</v>
      </c>
      <c r="E11412" t="s">
        <v>6982</v>
      </c>
      <c r="F11412" t="s">
        <v>6983</v>
      </c>
      <c r="G11412" t="s">
        <v>80</v>
      </c>
      <c r="H11412" t="s">
        <v>81</v>
      </c>
      <c r="I11412" s="2">
        <v>0</v>
      </c>
      <c r="J11412" s="2">
        <v>1</v>
      </c>
      <c r="K11412" s="2">
        <v>0</v>
      </c>
      <c r="L11412" t="s">
        <v>82</v>
      </c>
      <c r="M11412" t="s">
        <v>89</v>
      </c>
      <c r="N11412" t="s">
        <v>90</v>
      </c>
      <c r="O11412" t="s">
        <v>85</v>
      </c>
      <c r="P11412" t="s">
        <v>86</v>
      </c>
      <c r="Q11412">
        <v>58</v>
      </c>
      <c r="R11412">
        <v>59</v>
      </c>
      <c r="S11412">
        <v>60</v>
      </c>
      <c r="T11412">
        <v>60</v>
      </c>
      <c r="U11412">
        <v>61</v>
      </c>
      <c r="V11412">
        <v>62</v>
      </c>
      <c r="W11412">
        <v>62</v>
      </c>
      <c r="X11412">
        <v>63</v>
      </c>
      <c r="Y11412">
        <v>63</v>
      </c>
      <c r="Z11412">
        <v>64</v>
      </c>
      <c r="AA11412">
        <v>64</v>
      </c>
      <c r="AB11412">
        <v>65</v>
      </c>
      <c r="AC11412">
        <v>65</v>
      </c>
      <c r="AD11412">
        <v>66</v>
      </c>
      <c r="AE11412">
        <v>66</v>
      </c>
      <c r="AF11412">
        <v>65</v>
      </c>
      <c r="AG11412">
        <v>65</v>
      </c>
      <c r="AH11412">
        <v>64</v>
      </c>
      <c r="AI11412">
        <v>64</v>
      </c>
      <c r="AJ11412">
        <v>63</v>
      </c>
      <c r="AK11412">
        <v>63</v>
      </c>
      <c r="AL11412">
        <v>62</v>
      </c>
      <c r="AM11412">
        <v>62</v>
      </c>
      <c r="AN11412">
        <v>62</v>
      </c>
      <c r="AO11412">
        <v>61</v>
      </c>
      <c r="AP11412">
        <v>61</v>
      </c>
      <c r="AQ11412">
        <v>60</v>
      </c>
    </row>
    <row r="11413" spans="1:43">
      <c r="A11413" t="s">
        <v>7104</v>
      </c>
      <c r="B11413" t="s">
        <v>7105</v>
      </c>
      <c r="C11413" t="s">
        <v>7102</v>
      </c>
      <c r="D11413" t="s">
        <v>7103</v>
      </c>
      <c r="E11413" t="s">
        <v>6982</v>
      </c>
      <c r="F11413" t="s">
        <v>6983</v>
      </c>
      <c r="G11413" t="s">
        <v>80</v>
      </c>
      <c r="H11413" t="s">
        <v>81</v>
      </c>
      <c r="I11413" s="2">
        <v>0</v>
      </c>
      <c r="J11413" s="2">
        <v>1</v>
      </c>
      <c r="K11413" s="2">
        <v>0</v>
      </c>
      <c r="L11413" t="s">
        <v>82</v>
      </c>
      <c r="M11413" t="s">
        <v>83</v>
      </c>
      <c r="N11413" t="s">
        <v>91</v>
      </c>
      <c r="O11413" t="s">
        <v>85</v>
      </c>
      <c r="P11413" t="s">
        <v>86</v>
      </c>
      <c r="Q11413">
        <v>58</v>
      </c>
      <c r="R11413">
        <v>59</v>
      </c>
      <c r="S11413">
        <v>59</v>
      </c>
      <c r="T11413">
        <v>59</v>
      </c>
      <c r="U11413">
        <v>60</v>
      </c>
      <c r="V11413">
        <v>60</v>
      </c>
      <c r="W11413">
        <v>60</v>
      </c>
      <c r="X11413">
        <v>61</v>
      </c>
      <c r="Y11413">
        <v>61</v>
      </c>
      <c r="Z11413">
        <v>61</v>
      </c>
      <c r="AA11413">
        <v>61</v>
      </c>
      <c r="AB11413">
        <v>62</v>
      </c>
      <c r="AC11413">
        <v>62</v>
      </c>
      <c r="AD11413">
        <v>62</v>
      </c>
      <c r="AE11413">
        <v>62</v>
      </c>
      <c r="AF11413">
        <v>62</v>
      </c>
      <c r="AG11413">
        <v>63</v>
      </c>
      <c r="AH11413">
        <v>63</v>
      </c>
      <c r="AI11413">
        <v>63</v>
      </c>
      <c r="AJ11413">
        <v>63</v>
      </c>
      <c r="AK11413">
        <v>63</v>
      </c>
      <c r="AL11413">
        <v>63</v>
      </c>
      <c r="AM11413">
        <v>62</v>
      </c>
      <c r="AN11413">
        <v>62</v>
      </c>
      <c r="AO11413">
        <v>62</v>
      </c>
      <c r="AP11413">
        <v>61</v>
      </c>
      <c r="AQ11413">
        <v>61</v>
      </c>
    </row>
    <row r="11414" spans="1:43">
      <c r="A11414" t="s">
        <v>7106</v>
      </c>
      <c r="B11414" t="s">
        <v>7107</v>
      </c>
      <c r="C11414" t="s">
        <v>7102</v>
      </c>
      <c r="D11414" t="s">
        <v>7103</v>
      </c>
      <c r="E11414" t="s">
        <v>6982</v>
      </c>
      <c r="F11414" t="s">
        <v>6983</v>
      </c>
      <c r="G11414" t="s">
        <v>80</v>
      </c>
      <c r="H11414" t="s">
        <v>81</v>
      </c>
      <c r="I11414" s="2">
        <v>0</v>
      </c>
      <c r="J11414" s="2">
        <v>1</v>
      </c>
      <c r="K11414" s="2">
        <v>0</v>
      </c>
      <c r="L11414" t="s">
        <v>82</v>
      </c>
      <c r="M11414" t="s">
        <v>83</v>
      </c>
      <c r="N11414" t="s">
        <v>84</v>
      </c>
      <c r="O11414" t="s">
        <v>85</v>
      </c>
      <c r="P11414" t="s">
        <v>86</v>
      </c>
      <c r="Q11414">
        <v>57</v>
      </c>
      <c r="R11414">
        <v>57</v>
      </c>
      <c r="S11414">
        <v>57</v>
      </c>
      <c r="T11414">
        <v>58</v>
      </c>
      <c r="U11414">
        <v>58</v>
      </c>
      <c r="V11414">
        <v>58</v>
      </c>
      <c r="W11414">
        <v>59</v>
      </c>
      <c r="X11414">
        <v>59</v>
      </c>
      <c r="Y11414">
        <v>59</v>
      </c>
      <c r="Z11414">
        <v>60</v>
      </c>
      <c r="AA11414">
        <v>60</v>
      </c>
      <c r="AB11414">
        <v>60</v>
      </c>
      <c r="AC11414">
        <v>60</v>
      </c>
      <c r="AD11414">
        <v>61</v>
      </c>
      <c r="AE11414">
        <v>61</v>
      </c>
      <c r="AF11414">
        <v>61</v>
      </c>
      <c r="AG11414">
        <v>61</v>
      </c>
      <c r="AH11414">
        <v>61</v>
      </c>
      <c r="AI11414">
        <v>61</v>
      </c>
      <c r="AJ11414">
        <v>62</v>
      </c>
      <c r="AK11414">
        <v>62</v>
      </c>
      <c r="AL11414">
        <v>61</v>
      </c>
      <c r="AM11414">
        <v>61</v>
      </c>
      <c r="AN11414">
        <v>61</v>
      </c>
      <c r="AO11414">
        <v>60</v>
      </c>
      <c r="AP11414">
        <v>60</v>
      </c>
      <c r="AQ11414">
        <v>59</v>
      </c>
    </row>
    <row r="11415" spans="1:43">
      <c r="A11415" t="s">
        <v>7106</v>
      </c>
      <c r="B11415" t="s">
        <v>7107</v>
      </c>
      <c r="C11415" t="s">
        <v>7102</v>
      </c>
      <c r="D11415" t="s">
        <v>7103</v>
      </c>
      <c r="E11415" t="s">
        <v>6982</v>
      </c>
      <c r="F11415" t="s">
        <v>6983</v>
      </c>
      <c r="G11415" t="s">
        <v>80</v>
      </c>
      <c r="H11415" t="s">
        <v>81</v>
      </c>
      <c r="I11415" s="2">
        <v>0</v>
      </c>
      <c r="J11415" s="2">
        <v>1</v>
      </c>
      <c r="K11415" s="2">
        <v>0</v>
      </c>
      <c r="L11415" t="s">
        <v>82</v>
      </c>
      <c r="M11415" t="s">
        <v>87</v>
      </c>
      <c r="N11415" t="s">
        <v>88</v>
      </c>
      <c r="O11415" t="s">
        <v>85</v>
      </c>
      <c r="P11415" t="s">
        <v>86</v>
      </c>
      <c r="Q11415">
        <v>57</v>
      </c>
      <c r="R11415">
        <v>57</v>
      </c>
      <c r="S11415">
        <v>57</v>
      </c>
      <c r="T11415">
        <v>57</v>
      </c>
      <c r="U11415">
        <v>57</v>
      </c>
      <c r="V11415">
        <v>56</v>
      </c>
      <c r="W11415">
        <v>56</v>
      </c>
      <c r="X11415">
        <v>56</v>
      </c>
      <c r="Y11415">
        <v>56</v>
      </c>
      <c r="Z11415">
        <v>56</v>
      </c>
      <c r="AA11415">
        <v>56</v>
      </c>
      <c r="AB11415">
        <v>55</v>
      </c>
      <c r="AC11415">
        <v>55</v>
      </c>
      <c r="AD11415">
        <v>55</v>
      </c>
      <c r="AE11415">
        <v>55</v>
      </c>
      <c r="AF11415">
        <v>55</v>
      </c>
      <c r="AG11415">
        <v>55</v>
      </c>
      <c r="AH11415">
        <v>54</v>
      </c>
      <c r="AI11415">
        <v>54</v>
      </c>
      <c r="AJ11415">
        <v>54</v>
      </c>
      <c r="AK11415">
        <v>54</v>
      </c>
      <c r="AL11415">
        <v>54</v>
      </c>
      <c r="AM11415">
        <v>54</v>
      </c>
      <c r="AN11415">
        <v>53</v>
      </c>
      <c r="AO11415">
        <v>53</v>
      </c>
      <c r="AP11415">
        <v>53</v>
      </c>
      <c r="AQ11415">
        <v>53</v>
      </c>
    </row>
    <row r="11416" spans="1:43">
      <c r="A11416" t="s">
        <v>7106</v>
      </c>
      <c r="B11416" t="s">
        <v>7107</v>
      </c>
      <c r="C11416" t="s">
        <v>7102</v>
      </c>
      <c r="D11416" t="s">
        <v>7103</v>
      </c>
      <c r="E11416" t="s">
        <v>6982</v>
      </c>
      <c r="F11416" t="s">
        <v>6983</v>
      </c>
      <c r="G11416" t="s">
        <v>80</v>
      </c>
      <c r="H11416" t="s">
        <v>81</v>
      </c>
      <c r="I11416" s="2">
        <v>0</v>
      </c>
      <c r="J11416" s="2">
        <v>1</v>
      </c>
      <c r="K11416" s="2">
        <v>0</v>
      </c>
      <c r="L11416" t="s">
        <v>82</v>
      </c>
      <c r="M11416" t="s">
        <v>89</v>
      </c>
      <c r="N11416" t="s">
        <v>90</v>
      </c>
      <c r="O11416" t="s">
        <v>85</v>
      </c>
      <c r="P11416" t="s">
        <v>86</v>
      </c>
      <c r="Q11416">
        <v>57</v>
      </c>
      <c r="R11416">
        <v>58</v>
      </c>
      <c r="S11416">
        <v>59</v>
      </c>
      <c r="T11416">
        <v>60</v>
      </c>
      <c r="U11416">
        <v>60</v>
      </c>
      <c r="V11416">
        <v>61</v>
      </c>
      <c r="W11416">
        <v>62</v>
      </c>
      <c r="X11416">
        <v>62</v>
      </c>
      <c r="Y11416">
        <v>63</v>
      </c>
      <c r="Z11416">
        <v>63</v>
      </c>
      <c r="AA11416">
        <v>64</v>
      </c>
      <c r="AB11416">
        <v>64</v>
      </c>
      <c r="AC11416">
        <v>64</v>
      </c>
      <c r="AD11416">
        <v>65</v>
      </c>
      <c r="AE11416">
        <v>65</v>
      </c>
      <c r="AF11416">
        <v>64</v>
      </c>
      <c r="AG11416">
        <v>64</v>
      </c>
      <c r="AH11416">
        <v>64</v>
      </c>
      <c r="AI11416">
        <v>63</v>
      </c>
      <c r="AJ11416">
        <v>63</v>
      </c>
      <c r="AK11416">
        <v>62</v>
      </c>
      <c r="AL11416">
        <v>62</v>
      </c>
      <c r="AM11416">
        <v>61</v>
      </c>
      <c r="AN11416">
        <v>61</v>
      </c>
      <c r="AO11416">
        <v>61</v>
      </c>
      <c r="AP11416">
        <v>60</v>
      </c>
      <c r="AQ11416">
        <v>60</v>
      </c>
    </row>
    <row r="11417" spans="1:43">
      <c r="A11417" t="s">
        <v>7106</v>
      </c>
      <c r="B11417" t="s">
        <v>7107</v>
      </c>
      <c r="C11417" t="s">
        <v>7102</v>
      </c>
      <c r="D11417" t="s">
        <v>7103</v>
      </c>
      <c r="E11417" t="s">
        <v>6982</v>
      </c>
      <c r="F11417" t="s">
        <v>6983</v>
      </c>
      <c r="G11417" t="s">
        <v>80</v>
      </c>
      <c r="H11417" t="s">
        <v>81</v>
      </c>
      <c r="I11417" s="2">
        <v>0</v>
      </c>
      <c r="J11417" s="2">
        <v>1</v>
      </c>
      <c r="K11417" s="2">
        <v>0</v>
      </c>
      <c r="L11417" t="s">
        <v>82</v>
      </c>
      <c r="M11417" t="s">
        <v>83</v>
      </c>
      <c r="N11417" t="s">
        <v>91</v>
      </c>
      <c r="O11417" t="s">
        <v>85</v>
      </c>
      <c r="P11417" t="s">
        <v>86</v>
      </c>
      <c r="Q11417">
        <v>57</v>
      </c>
      <c r="R11417">
        <v>57</v>
      </c>
      <c r="S11417">
        <v>57</v>
      </c>
      <c r="T11417">
        <v>58</v>
      </c>
      <c r="U11417">
        <v>58</v>
      </c>
      <c r="V11417">
        <v>58</v>
      </c>
      <c r="W11417">
        <v>59</v>
      </c>
      <c r="X11417">
        <v>59</v>
      </c>
      <c r="Y11417">
        <v>59</v>
      </c>
      <c r="Z11417">
        <v>60</v>
      </c>
      <c r="AA11417">
        <v>60</v>
      </c>
      <c r="AB11417">
        <v>60</v>
      </c>
      <c r="AC11417">
        <v>60</v>
      </c>
      <c r="AD11417">
        <v>61</v>
      </c>
      <c r="AE11417">
        <v>61</v>
      </c>
      <c r="AF11417">
        <v>61</v>
      </c>
      <c r="AG11417">
        <v>61</v>
      </c>
      <c r="AH11417">
        <v>61</v>
      </c>
      <c r="AI11417">
        <v>61</v>
      </c>
      <c r="AJ11417">
        <v>62</v>
      </c>
      <c r="AK11417">
        <v>62</v>
      </c>
      <c r="AL11417">
        <v>61</v>
      </c>
      <c r="AM11417">
        <v>61</v>
      </c>
      <c r="AN11417">
        <v>61</v>
      </c>
      <c r="AO11417">
        <v>60</v>
      </c>
      <c r="AP11417">
        <v>60</v>
      </c>
      <c r="AQ11417">
        <v>59</v>
      </c>
    </row>
    <row r="11418" spans="1:43">
      <c r="A11418" t="s">
        <v>7108</v>
      </c>
      <c r="B11418" t="s">
        <v>7109</v>
      </c>
      <c r="C11418" t="s">
        <v>7102</v>
      </c>
      <c r="D11418" t="s">
        <v>7103</v>
      </c>
      <c r="E11418" t="s">
        <v>6982</v>
      </c>
      <c r="F11418" t="s">
        <v>6983</v>
      </c>
      <c r="G11418" t="s">
        <v>80</v>
      </c>
      <c r="H11418" t="s">
        <v>81</v>
      </c>
      <c r="I11418" s="2">
        <v>0</v>
      </c>
      <c r="J11418" s="2">
        <v>1</v>
      </c>
      <c r="K11418" s="2">
        <v>0</v>
      </c>
      <c r="L11418" t="s">
        <v>82</v>
      </c>
      <c r="M11418" t="s">
        <v>83</v>
      </c>
      <c r="N11418" t="s">
        <v>84</v>
      </c>
      <c r="O11418" t="s">
        <v>85</v>
      </c>
      <c r="P11418" t="s">
        <v>86</v>
      </c>
      <c r="Q11418">
        <v>81</v>
      </c>
      <c r="R11418">
        <v>81</v>
      </c>
      <c r="S11418">
        <v>82</v>
      </c>
      <c r="T11418">
        <v>82</v>
      </c>
      <c r="U11418">
        <v>83</v>
      </c>
      <c r="V11418">
        <v>83</v>
      </c>
      <c r="W11418">
        <v>83</v>
      </c>
      <c r="X11418">
        <v>84</v>
      </c>
      <c r="Y11418">
        <v>84</v>
      </c>
      <c r="Z11418">
        <v>85</v>
      </c>
      <c r="AA11418">
        <v>85</v>
      </c>
      <c r="AB11418">
        <v>85</v>
      </c>
      <c r="AC11418">
        <v>86</v>
      </c>
      <c r="AD11418">
        <v>86</v>
      </c>
      <c r="AE11418">
        <v>86</v>
      </c>
      <c r="AF11418">
        <v>86</v>
      </c>
      <c r="AG11418">
        <v>87</v>
      </c>
      <c r="AH11418">
        <v>87</v>
      </c>
      <c r="AI11418">
        <v>87</v>
      </c>
      <c r="AJ11418">
        <v>87</v>
      </c>
      <c r="AK11418">
        <v>88</v>
      </c>
      <c r="AL11418">
        <v>87</v>
      </c>
      <c r="AM11418">
        <v>87</v>
      </c>
      <c r="AN11418">
        <v>86</v>
      </c>
      <c r="AO11418">
        <v>86</v>
      </c>
      <c r="AP11418">
        <v>85</v>
      </c>
      <c r="AQ11418">
        <v>84</v>
      </c>
    </row>
    <row r="11419" spans="1:43">
      <c r="A11419" t="s">
        <v>7108</v>
      </c>
      <c r="B11419" t="s">
        <v>7109</v>
      </c>
      <c r="C11419" t="s">
        <v>7102</v>
      </c>
      <c r="D11419" t="s">
        <v>7103</v>
      </c>
      <c r="E11419" t="s">
        <v>6982</v>
      </c>
      <c r="F11419" t="s">
        <v>6983</v>
      </c>
      <c r="G11419" t="s">
        <v>80</v>
      </c>
      <c r="H11419" t="s">
        <v>81</v>
      </c>
      <c r="I11419" s="2">
        <v>0</v>
      </c>
      <c r="J11419" s="2">
        <v>1</v>
      </c>
      <c r="K11419" s="2">
        <v>0</v>
      </c>
      <c r="L11419" t="s">
        <v>82</v>
      </c>
      <c r="M11419" t="s">
        <v>87</v>
      </c>
      <c r="N11419" t="s">
        <v>88</v>
      </c>
      <c r="O11419" t="s">
        <v>85</v>
      </c>
      <c r="P11419" t="s">
        <v>86</v>
      </c>
      <c r="Q11419">
        <v>81</v>
      </c>
      <c r="R11419">
        <v>81</v>
      </c>
      <c r="S11419">
        <v>80</v>
      </c>
      <c r="T11419">
        <v>80</v>
      </c>
      <c r="U11419">
        <v>80</v>
      </c>
      <c r="V11419">
        <v>80</v>
      </c>
      <c r="W11419">
        <v>79</v>
      </c>
      <c r="X11419">
        <v>79</v>
      </c>
      <c r="Y11419">
        <v>79</v>
      </c>
      <c r="Z11419">
        <v>79</v>
      </c>
      <c r="AA11419">
        <v>78</v>
      </c>
      <c r="AB11419">
        <v>78</v>
      </c>
      <c r="AC11419">
        <v>78</v>
      </c>
      <c r="AD11419">
        <v>78</v>
      </c>
      <c r="AE11419">
        <v>77</v>
      </c>
      <c r="AF11419">
        <v>77</v>
      </c>
      <c r="AG11419">
        <v>77</v>
      </c>
      <c r="AH11419">
        <v>77</v>
      </c>
      <c r="AI11419">
        <v>77</v>
      </c>
      <c r="AJ11419">
        <v>76</v>
      </c>
      <c r="AK11419">
        <v>76</v>
      </c>
      <c r="AL11419">
        <v>76</v>
      </c>
      <c r="AM11419">
        <v>76</v>
      </c>
      <c r="AN11419">
        <v>75</v>
      </c>
      <c r="AO11419">
        <v>75</v>
      </c>
      <c r="AP11419">
        <v>75</v>
      </c>
      <c r="AQ11419">
        <v>75</v>
      </c>
    </row>
    <row r="11420" spans="1:43">
      <c r="A11420" t="s">
        <v>7108</v>
      </c>
      <c r="B11420" t="s">
        <v>7109</v>
      </c>
      <c r="C11420" t="s">
        <v>7102</v>
      </c>
      <c r="D11420" t="s">
        <v>7103</v>
      </c>
      <c r="E11420" t="s">
        <v>6982</v>
      </c>
      <c r="F11420" t="s">
        <v>6983</v>
      </c>
      <c r="G11420" t="s">
        <v>80</v>
      </c>
      <c r="H11420" t="s">
        <v>81</v>
      </c>
      <c r="I11420" s="2">
        <v>0</v>
      </c>
      <c r="J11420" s="2">
        <v>1</v>
      </c>
      <c r="K11420" s="2">
        <v>0</v>
      </c>
      <c r="L11420" t="s">
        <v>82</v>
      </c>
      <c r="M11420" t="s">
        <v>89</v>
      </c>
      <c r="N11420" t="s">
        <v>90</v>
      </c>
      <c r="O11420" t="s">
        <v>85</v>
      </c>
      <c r="P11420" t="s">
        <v>86</v>
      </c>
      <c r="Q11420">
        <v>81</v>
      </c>
      <c r="R11420">
        <v>83</v>
      </c>
      <c r="S11420">
        <v>84</v>
      </c>
      <c r="T11420">
        <v>85</v>
      </c>
      <c r="U11420">
        <v>86</v>
      </c>
      <c r="V11420">
        <v>87</v>
      </c>
      <c r="W11420">
        <v>88</v>
      </c>
      <c r="X11420">
        <v>88</v>
      </c>
      <c r="Y11420">
        <v>89</v>
      </c>
      <c r="Z11420">
        <v>90</v>
      </c>
      <c r="AA11420">
        <v>90</v>
      </c>
      <c r="AB11420">
        <v>91</v>
      </c>
      <c r="AC11420">
        <v>92</v>
      </c>
      <c r="AD11420">
        <v>92</v>
      </c>
      <c r="AE11420">
        <v>92</v>
      </c>
      <c r="AF11420">
        <v>92</v>
      </c>
      <c r="AG11420">
        <v>91</v>
      </c>
      <c r="AH11420">
        <v>90</v>
      </c>
      <c r="AI11420">
        <v>90</v>
      </c>
      <c r="AJ11420">
        <v>89</v>
      </c>
      <c r="AK11420">
        <v>88</v>
      </c>
      <c r="AL11420">
        <v>88</v>
      </c>
      <c r="AM11420">
        <v>87</v>
      </c>
      <c r="AN11420">
        <v>87</v>
      </c>
      <c r="AO11420">
        <v>86</v>
      </c>
      <c r="AP11420">
        <v>86</v>
      </c>
      <c r="AQ11420">
        <v>85</v>
      </c>
    </row>
    <row r="11421" spans="1:43">
      <c r="A11421" t="s">
        <v>7108</v>
      </c>
      <c r="B11421" t="s">
        <v>7109</v>
      </c>
      <c r="C11421" t="s">
        <v>7102</v>
      </c>
      <c r="D11421" t="s">
        <v>7103</v>
      </c>
      <c r="E11421" t="s">
        <v>6982</v>
      </c>
      <c r="F11421" t="s">
        <v>6983</v>
      </c>
      <c r="G11421" t="s">
        <v>80</v>
      </c>
      <c r="H11421" t="s">
        <v>81</v>
      </c>
      <c r="I11421" s="2">
        <v>0</v>
      </c>
      <c r="J11421" s="2">
        <v>1</v>
      </c>
      <c r="K11421" s="2">
        <v>0</v>
      </c>
      <c r="L11421" t="s">
        <v>82</v>
      </c>
      <c r="M11421" t="s">
        <v>83</v>
      </c>
      <c r="N11421" t="s">
        <v>91</v>
      </c>
      <c r="O11421" t="s">
        <v>85</v>
      </c>
      <c r="P11421" t="s">
        <v>86</v>
      </c>
      <c r="Q11421">
        <v>81</v>
      </c>
      <c r="R11421">
        <v>81</v>
      </c>
      <c r="S11421">
        <v>82</v>
      </c>
      <c r="T11421">
        <v>82</v>
      </c>
      <c r="U11421">
        <v>83</v>
      </c>
      <c r="V11421">
        <v>83</v>
      </c>
      <c r="W11421">
        <v>83</v>
      </c>
      <c r="X11421">
        <v>84</v>
      </c>
      <c r="Y11421">
        <v>84</v>
      </c>
      <c r="Z11421">
        <v>85</v>
      </c>
      <c r="AA11421">
        <v>85</v>
      </c>
      <c r="AB11421">
        <v>85</v>
      </c>
      <c r="AC11421">
        <v>86</v>
      </c>
      <c r="AD11421">
        <v>86</v>
      </c>
      <c r="AE11421">
        <v>86</v>
      </c>
      <c r="AF11421">
        <v>86</v>
      </c>
      <c r="AG11421">
        <v>87</v>
      </c>
      <c r="AH11421">
        <v>87</v>
      </c>
      <c r="AI11421">
        <v>87</v>
      </c>
      <c r="AJ11421">
        <v>87</v>
      </c>
      <c r="AK11421">
        <v>88</v>
      </c>
      <c r="AL11421">
        <v>87</v>
      </c>
      <c r="AM11421">
        <v>87</v>
      </c>
      <c r="AN11421">
        <v>86</v>
      </c>
      <c r="AO11421">
        <v>86</v>
      </c>
      <c r="AP11421">
        <v>85</v>
      </c>
      <c r="AQ11421">
        <v>84</v>
      </c>
    </row>
    <row r="11422" spans="1:43">
      <c r="A11422" t="s">
        <v>7110</v>
      </c>
      <c r="B11422" t="s">
        <v>7111</v>
      </c>
      <c r="C11422" t="s">
        <v>7032</v>
      </c>
      <c r="D11422" t="s">
        <v>7033</v>
      </c>
      <c r="E11422" t="s">
        <v>6982</v>
      </c>
      <c r="F11422" t="s">
        <v>6983</v>
      </c>
      <c r="G11422" t="s">
        <v>80</v>
      </c>
      <c r="H11422" t="s">
        <v>81</v>
      </c>
      <c r="I11422" s="2">
        <v>0</v>
      </c>
      <c r="J11422" s="2">
        <v>1</v>
      </c>
      <c r="K11422" s="2">
        <v>0</v>
      </c>
      <c r="L11422" t="s">
        <v>82</v>
      </c>
      <c r="M11422" t="s">
        <v>83</v>
      </c>
      <c r="N11422" t="s">
        <v>84</v>
      </c>
      <c r="O11422" t="s">
        <v>85</v>
      </c>
      <c r="P11422" t="s">
        <v>86</v>
      </c>
      <c r="Q11422">
        <v>38</v>
      </c>
      <c r="R11422">
        <v>38</v>
      </c>
      <c r="S11422">
        <v>39</v>
      </c>
      <c r="T11422">
        <v>39</v>
      </c>
      <c r="U11422">
        <v>39</v>
      </c>
      <c r="V11422">
        <v>39</v>
      </c>
      <c r="W11422">
        <v>40</v>
      </c>
      <c r="X11422">
        <v>40</v>
      </c>
      <c r="Y11422">
        <v>40</v>
      </c>
      <c r="Z11422">
        <v>40</v>
      </c>
      <c r="AA11422">
        <v>41</v>
      </c>
      <c r="AB11422">
        <v>41</v>
      </c>
      <c r="AC11422">
        <v>41</v>
      </c>
      <c r="AD11422">
        <v>41</v>
      </c>
      <c r="AE11422">
        <v>41</v>
      </c>
      <c r="AF11422">
        <v>41</v>
      </c>
      <c r="AG11422">
        <v>41</v>
      </c>
      <c r="AH11422">
        <v>42</v>
      </c>
      <c r="AI11422">
        <v>42</v>
      </c>
      <c r="AJ11422">
        <v>42</v>
      </c>
      <c r="AK11422">
        <v>42</v>
      </c>
      <c r="AL11422">
        <v>42</v>
      </c>
      <c r="AM11422">
        <v>42</v>
      </c>
      <c r="AN11422">
        <v>41</v>
      </c>
      <c r="AO11422">
        <v>41</v>
      </c>
      <c r="AP11422">
        <v>41</v>
      </c>
      <c r="AQ11422">
        <v>41</v>
      </c>
    </row>
    <row r="11423" spans="1:43">
      <c r="A11423" t="s">
        <v>7110</v>
      </c>
      <c r="B11423" t="s">
        <v>7111</v>
      </c>
      <c r="C11423" t="s">
        <v>7032</v>
      </c>
      <c r="D11423" t="s">
        <v>7033</v>
      </c>
      <c r="E11423" t="s">
        <v>6982</v>
      </c>
      <c r="F11423" t="s">
        <v>6983</v>
      </c>
      <c r="G11423" t="s">
        <v>80</v>
      </c>
      <c r="H11423" t="s">
        <v>81</v>
      </c>
      <c r="I11423" s="2">
        <v>0</v>
      </c>
      <c r="J11423" s="2">
        <v>1</v>
      </c>
      <c r="K11423" s="2">
        <v>0</v>
      </c>
      <c r="L11423" t="s">
        <v>82</v>
      </c>
      <c r="M11423" t="s">
        <v>87</v>
      </c>
      <c r="N11423" t="s">
        <v>88</v>
      </c>
      <c r="O11423" t="s">
        <v>85</v>
      </c>
      <c r="P11423" t="s">
        <v>86</v>
      </c>
      <c r="Q11423">
        <v>38</v>
      </c>
      <c r="R11423">
        <v>38</v>
      </c>
      <c r="S11423">
        <v>38</v>
      </c>
      <c r="T11423">
        <v>38</v>
      </c>
      <c r="U11423">
        <v>37</v>
      </c>
      <c r="V11423">
        <v>37</v>
      </c>
      <c r="W11423">
        <v>37</v>
      </c>
      <c r="X11423">
        <v>37</v>
      </c>
      <c r="Y11423">
        <v>37</v>
      </c>
      <c r="Z11423">
        <v>37</v>
      </c>
      <c r="AA11423">
        <v>37</v>
      </c>
      <c r="AB11423">
        <v>37</v>
      </c>
      <c r="AC11423">
        <v>37</v>
      </c>
      <c r="AD11423">
        <v>37</v>
      </c>
      <c r="AE11423">
        <v>37</v>
      </c>
      <c r="AF11423">
        <v>36</v>
      </c>
      <c r="AG11423">
        <v>36</v>
      </c>
      <c r="AH11423">
        <v>36</v>
      </c>
      <c r="AI11423">
        <v>36</v>
      </c>
      <c r="AJ11423">
        <v>36</v>
      </c>
      <c r="AK11423">
        <v>36</v>
      </c>
      <c r="AL11423">
        <v>36</v>
      </c>
      <c r="AM11423">
        <v>36</v>
      </c>
      <c r="AN11423">
        <v>36</v>
      </c>
      <c r="AO11423">
        <v>36</v>
      </c>
      <c r="AP11423">
        <v>36</v>
      </c>
      <c r="AQ11423">
        <v>36</v>
      </c>
    </row>
    <row r="11424" spans="1:43">
      <c r="A11424" t="s">
        <v>7110</v>
      </c>
      <c r="B11424" t="s">
        <v>7111</v>
      </c>
      <c r="C11424" t="s">
        <v>7032</v>
      </c>
      <c r="D11424" t="s">
        <v>7033</v>
      </c>
      <c r="E11424" t="s">
        <v>6982</v>
      </c>
      <c r="F11424" t="s">
        <v>6983</v>
      </c>
      <c r="G11424" t="s">
        <v>80</v>
      </c>
      <c r="H11424" t="s">
        <v>81</v>
      </c>
      <c r="I11424" s="2">
        <v>0</v>
      </c>
      <c r="J11424" s="2">
        <v>1</v>
      </c>
      <c r="K11424" s="2">
        <v>0</v>
      </c>
      <c r="L11424" t="s">
        <v>82</v>
      </c>
      <c r="M11424" t="s">
        <v>89</v>
      </c>
      <c r="N11424" t="s">
        <v>90</v>
      </c>
      <c r="O11424" t="s">
        <v>85</v>
      </c>
      <c r="P11424" t="s">
        <v>86</v>
      </c>
      <c r="Q11424">
        <v>38</v>
      </c>
      <c r="R11424">
        <v>38</v>
      </c>
      <c r="S11424">
        <v>39</v>
      </c>
      <c r="T11424">
        <v>39</v>
      </c>
      <c r="U11424">
        <v>40</v>
      </c>
      <c r="V11424">
        <v>40</v>
      </c>
      <c r="W11424">
        <v>41</v>
      </c>
      <c r="X11424">
        <v>41</v>
      </c>
      <c r="Y11424">
        <v>41</v>
      </c>
      <c r="Z11424">
        <v>42</v>
      </c>
      <c r="AA11424">
        <v>42</v>
      </c>
      <c r="AB11424">
        <v>42</v>
      </c>
      <c r="AC11424">
        <v>43</v>
      </c>
      <c r="AD11424">
        <v>43</v>
      </c>
      <c r="AE11424">
        <v>43</v>
      </c>
      <c r="AF11424">
        <v>43</v>
      </c>
      <c r="AG11424">
        <v>42</v>
      </c>
      <c r="AH11424">
        <v>42</v>
      </c>
      <c r="AI11424">
        <v>42</v>
      </c>
      <c r="AJ11424">
        <v>42</v>
      </c>
      <c r="AK11424">
        <v>41</v>
      </c>
      <c r="AL11424">
        <v>41</v>
      </c>
      <c r="AM11424">
        <v>41</v>
      </c>
      <c r="AN11424">
        <v>41</v>
      </c>
      <c r="AO11424">
        <v>41</v>
      </c>
      <c r="AP11424">
        <v>40</v>
      </c>
      <c r="AQ11424">
        <v>40</v>
      </c>
    </row>
    <row r="11425" spans="1:43">
      <c r="A11425" t="s">
        <v>7110</v>
      </c>
      <c r="B11425" t="s">
        <v>7111</v>
      </c>
      <c r="C11425" t="s">
        <v>7032</v>
      </c>
      <c r="D11425" t="s">
        <v>7033</v>
      </c>
      <c r="E11425" t="s">
        <v>6982</v>
      </c>
      <c r="F11425" t="s">
        <v>6983</v>
      </c>
      <c r="G11425" t="s">
        <v>80</v>
      </c>
      <c r="H11425" t="s">
        <v>81</v>
      </c>
      <c r="I11425" s="2">
        <v>0</v>
      </c>
      <c r="J11425" s="2">
        <v>1</v>
      </c>
      <c r="K11425" s="2">
        <v>0</v>
      </c>
      <c r="L11425" t="s">
        <v>82</v>
      </c>
      <c r="M11425" t="s">
        <v>83</v>
      </c>
      <c r="N11425" t="s">
        <v>91</v>
      </c>
      <c r="O11425" t="s">
        <v>85</v>
      </c>
      <c r="P11425" t="s">
        <v>86</v>
      </c>
      <c r="Q11425">
        <v>38</v>
      </c>
      <c r="R11425">
        <v>38</v>
      </c>
      <c r="S11425">
        <v>39</v>
      </c>
      <c r="T11425">
        <v>39</v>
      </c>
      <c r="U11425">
        <v>39</v>
      </c>
      <c r="V11425">
        <v>39</v>
      </c>
      <c r="W11425">
        <v>40</v>
      </c>
      <c r="X11425">
        <v>40</v>
      </c>
      <c r="Y11425">
        <v>40</v>
      </c>
      <c r="Z11425">
        <v>40</v>
      </c>
      <c r="AA11425">
        <v>41</v>
      </c>
      <c r="AB11425">
        <v>41</v>
      </c>
      <c r="AC11425">
        <v>41</v>
      </c>
      <c r="AD11425">
        <v>41</v>
      </c>
      <c r="AE11425">
        <v>41</v>
      </c>
      <c r="AF11425">
        <v>41</v>
      </c>
      <c r="AG11425">
        <v>41</v>
      </c>
      <c r="AH11425">
        <v>42</v>
      </c>
      <c r="AI11425">
        <v>42</v>
      </c>
      <c r="AJ11425">
        <v>42</v>
      </c>
      <c r="AK11425">
        <v>42</v>
      </c>
      <c r="AL11425">
        <v>42</v>
      </c>
      <c r="AM11425">
        <v>42</v>
      </c>
      <c r="AN11425">
        <v>41</v>
      </c>
      <c r="AO11425">
        <v>41</v>
      </c>
      <c r="AP11425">
        <v>41</v>
      </c>
      <c r="AQ11425">
        <v>41</v>
      </c>
    </row>
    <row r="11426" spans="1:43">
      <c r="A11426" t="s">
        <v>7112</v>
      </c>
      <c r="B11426" t="s">
        <v>7113</v>
      </c>
      <c r="C11426" t="s">
        <v>7018</v>
      </c>
      <c r="D11426" t="s">
        <v>7019</v>
      </c>
      <c r="E11426" t="s">
        <v>6982</v>
      </c>
      <c r="F11426" t="s">
        <v>6983</v>
      </c>
      <c r="G11426" t="s">
        <v>80</v>
      </c>
      <c r="H11426" t="s">
        <v>81</v>
      </c>
      <c r="I11426" s="2">
        <v>0</v>
      </c>
      <c r="J11426" s="2">
        <v>1</v>
      </c>
      <c r="K11426" s="2">
        <v>0</v>
      </c>
      <c r="L11426" t="s">
        <v>82</v>
      </c>
      <c r="M11426" t="s">
        <v>83</v>
      </c>
      <c r="N11426" t="s">
        <v>84</v>
      </c>
      <c r="O11426" t="s">
        <v>85</v>
      </c>
      <c r="P11426" t="s">
        <v>86</v>
      </c>
      <c r="Q11426">
        <v>10</v>
      </c>
      <c r="R11426">
        <v>10</v>
      </c>
      <c r="S11426">
        <v>10</v>
      </c>
      <c r="T11426">
        <v>10</v>
      </c>
      <c r="U11426">
        <v>10</v>
      </c>
      <c r="V11426">
        <v>10</v>
      </c>
      <c r="W11426">
        <v>10</v>
      </c>
      <c r="X11426">
        <v>10</v>
      </c>
      <c r="Y11426">
        <v>10</v>
      </c>
      <c r="Z11426">
        <v>10</v>
      </c>
      <c r="AA11426">
        <v>10</v>
      </c>
      <c r="AB11426">
        <v>10</v>
      </c>
      <c r="AC11426">
        <v>10</v>
      </c>
      <c r="AD11426">
        <v>10</v>
      </c>
      <c r="AE11426">
        <v>10</v>
      </c>
      <c r="AF11426">
        <v>10</v>
      </c>
      <c r="AG11426">
        <v>10</v>
      </c>
      <c r="AH11426">
        <v>10</v>
      </c>
      <c r="AI11426">
        <v>10</v>
      </c>
      <c r="AJ11426">
        <v>11</v>
      </c>
      <c r="AK11426">
        <v>11</v>
      </c>
      <c r="AL11426">
        <v>11</v>
      </c>
      <c r="AM11426">
        <v>10</v>
      </c>
      <c r="AN11426">
        <v>10</v>
      </c>
      <c r="AO11426">
        <v>10</v>
      </c>
      <c r="AP11426">
        <v>10</v>
      </c>
      <c r="AQ11426">
        <v>10</v>
      </c>
    </row>
    <row r="11427" spans="1:43">
      <c r="A11427" t="s">
        <v>7112</v>
      </c>
      <c r="B11427" t="s">
        <v>7113</v>
      </c>
      <c r="C11427" t="s">
        <v>7018</v>
      </c>
      <c r="D11427" t="s">
        <v>7019</v>
      </c>
      <c r="E11427" t="s">
        <v>6982</v>
      </c>
      <c r="F11427" t="s">
        <v>6983</v>
      </c>
      <c r="G11427" t="s">
        <v>80</v>
      </c>
      <c r="H11427" t="s">
        <v>81</v>
      </c>
      <c r="I11427" s="2">
        <v>0</v>
      </c>
      <c r="J11427" s="2">
        <v>1</v>
      </c>
      <c r="K11427" s="2">
        <v>0</v>
      </c>
      <c r="L11427" t="s">
        <v>82</v>
      </c>
      <c r="M11427" t="s">
        <v>87</v>
      </c>
      <c r="N11427" t="s">
        <v>88</v>
      </c>
      <c r="O11427" t="s">
        <v>85</v>
      </c>
      <c r="P11427" t="s">
        <v>86</v>
      </c>
      <c r="Q11427">
        <v>10</v>
      </c>
      <c r="R11427">
        <v>9</v>
      </c>
      <c r="S11427">
        <v>9</v>
      </c>
      <c r="T11427">
        <v>9</v>
      </c>
      <c r="U11427">
        <v>9</v>
      </c>
      <c r="V11427">
        <v>9</v>
      </c>
      <c r="W11427">
        <v>9</v>
      </c>
      <c r="X11427">
        <v>9</v>
      </c>
      <c r="Y11427">
        <v>9</v>
      </c>
      <c r="Z11427">
        <v>9</v>
      </c>
      <c r="AA11427">
        <v>9</v>
      </c>
      <c r="AB11427">
        <v>9</v>
      </c>
      <c r="AC11427">
        <v>9</v>
      </c>
      <c r="AD11427">
        <v>9</v>
      </c>
      <c r="AE11427">
        <v>9</v>
      </c>
      <c r="AF11427">
        <v>9</v>
      </c>
      <c r="AG11427">
        <v>9</v>
      </c>
      <c r="AH11427">
        <v>9</v>
      </c>
      <c r="AI11427">
        <v>9</v>
      </c>
      <c r="AJ11427">
        <v>9</v>
      </c>
      <c r="AK11427">
        <v>9</v>
      </c>
      <c r="AL11427">
        <v>9</v>
      </c>
      <c r="AM11427">
        <v>9</v>
      </c>
      <c r="AN11427">
        <v>9</v>
      </c>
      <c r="AO11427">
        <v>9</v>
      </c>
      <c r="AP11427">
        <v>9</v>
      </c>
      <c r="AQ11427">
        <v>9</v>
      </c>
    </row>
    <row r="11428" spans="1:43">
      <c r="A11428" t="s">
        <v>7112</v>
      </c>
      <c r="B11428" t="s">
        <v>7113</v>
      </c>
      <c r="C11428" t="s">
        <v>7018</v>
      </c>
      <c r="D11428" t="s">
        <v>7019</v>
      </c>
      <c r="E11428" t="s">
        <v>6982</v>
      </c>
      <c r="F11428" t="s">
        <v>6983</v>
      </c>
      <c r="G11428" t="s">
        <v>80</v>
      </c>
      <c r="H11428" t="s">
        <v>81</v>
      </c>
      <c r="I11428" s="2">
        <v>0</v>
      </c>
      <c r="J11428" s="2">
        <v>1</v>
      </c>
      <c r="K11428" s="2">
        <v>0</v>
      </c>
      <c r="L11428" t="s">
        <v>82</v>
      </c>
      <c r="M11428" t="s">
        <v>89</v>
      </c>
      <c r="N11428" t="s">
        <v>90</v>
      </c>
      <c r="O11428" t="s">
        <v>85</v>
      </c>
      <c r="P11428" t="s">
        <v>86</v>
      </c>
      <c r="Q11428">
        <v>10</v>
      </c>
      <c r="R11428">
        <v>10</v>
      </c>
      <c r="S11428">
        <v>10</v>
      </c>
      <c r="T11428">
        <v>10</v>
      </c>
      <c r="U11428">
        <v>10</v>
      </c>
      <c r="V11428">
        <v>10</v>
      </c>
      <c r="W11428">
        <v>10</v>
      </c>
      <c r="X11428">
        <v>11</v>
      </c>
      <c r="Y11428">
        <v>11</v>
      </c>
      <c r="Z11428">
        <v>11</v>
      </c>
      <c r="AA11428">
        <v>11</v>
      </c>
      <c r="AB11428">
        <v>11</v>
      </c>
      <c r="AC11428">
        <v>11</v>
      </c>
      <c r="AD11428">
        <v>11</v>
      </c>
      <c r="AE11428">
        <v>11</v>
      </c>
      <c r="AF11428">
        <v>11</v>
      </c>
      <c r="AG11428">
        <v>11</v>
      </c>
      <c r="AH11428">
        <v>11</v>
      </c>
      <c r="AI11428">
        <v>11</v>
      </c>
      <c r="AJ11428">
        <v>11</v>
      </c>
      <c r="AK11428">
        <v>11</v>
      </c>
      <c r="AL11428">
        <v>11</v>
      </c>
      <c r="AM11428">
        <v>11</v>
      </c>
      <c r="AN11428">
        <v>11</v>
      </c>
      <c r="AO11428">
        <v>10</v>
      </c>
      <c r="AP11428">
        <v>10</v>
      </c>
      <c r="AQ11428">
        <v>10</v>
      </c>
    </row>
    <row r="11429" spans="1:43">
      <c r="A11429" t="s">
        <v>7112</v>
      </c>
      <c r="B11429" t="s">
        <v>7113</v>
      </c>
      <c r="C11429" t="s">
        <v>7018</v>
      </c>
      <c r="D11429" t="s">
        <v>7019</v>
      </c>
      <c r="E11429" t="s">
        <v>6982</v>
      </c>
      <c r="F11429" t="s">
        <v>6983</v>
      </c>
      <c r="G11429" t="s">
        <v>80</v>
      </c>
      <c r="H11429" t="s">
        <v>81</v>
      </c>
      <c r="I11429" s="2">
        <v>0</v>
      </c>
      <c r="J11429" s="2">
        <v>1</v>
      </c>
      <c r="K11429" s="2">
        <v>0</v>
      </c>
      <c r="L11429" t="s">
        <v>82</v>
      </c>
      <c r="M11429" t="s">
        <v>83</v>
      </c>
      <c r="N11429" t="s">
        <v>91</v>
      </c>
      <c r="O11429" t="s">
        <v>85</v>
      </c>
      <c r="P11429" t="s">
        <v>86</v>
      </c>
      <c r="Q11429">
        <v>10</v>
      </c>
      <c r="R11429">
        <v>10</v>
      </c>
      <c r="S11429">
        <v>10</v>
      </c>
      <c r="T11429">
        <v>10</v>
      </c>
      <c r="U11429">
        <v>10</v>
      </c>
      <c r="V11429">
        <v>10</v>
      </c>
      <c r="W11429">
        <v>10</v>
      </c>
      <c r="X11429">
        <v>10</v>
      </c>
      <c r="Y11429">
        <v>10</v>
      </c>
      <c r="Z11429">
        <v>10</v>
      </c>
      <c r="AA11429">
        <v>10</v>
      </c>
      <c r="AB11429">
        <v>10</v>
      </c>
      <c r="AC11429">
        <v>10</v>
      </c>
      <c r="AD11429">
        <v>10</v>
      </c>
      <c r="AE11429">
        <v>10</v>
      </c>
      <c r="AF11429">
        <v>10</v>
      </c>
      <c r="AG11429">
        <v>10</v>
      </c>
      <c r="AH11429">
        <v>10</v>
      </c>
      <c r="AI11429">
        <v>10</v>
      </c>
      <c r="AJ11429">
        <v>11</v>
      </c>
      <c r="AK11429">
        <v>11</v>
      </c>
      <c r="AL11429">
        <v>11</v>
      </c>
      <c r="AM11429">
        <v>10</v>
      </c>
      <c r="AN11429">
        <v>10</v>
      </c>
      <c r="AO11429">
        <v>10</v>
      </c>
      <c r="AP11429">
        <v>10</v>
      </c>
      <c r="AQ11429">
        <v>10</v>
      </c>
    </row>
    <row r="11430" spans="1:43">
      <c r="A11430" t="s">
        <v>7114</v>
      </c>
      <c r="B11430" t="s">
        <v>7115</v>
      </c>
      <c r="C11430" t="s">
        <v>7018</v>
      </c>
      <c r="D11430" t="s">
        <v>7019</v>
      </c>
      <c r="E11430" t="s">
        <v>6982</v>
      </c>
      <c r="F11430" t="s">
        <v>6983</v>
      </c>
      <c r="G11430" t="s">
        <v>80</v>
      </c>
      <c r="H11430" t="s">
        <v>81</v>
      </c>
      <c r="I11430" s="2">
        <v>0</v>
      </c>
      <c r="J11430" s="2">
        <v>1</v>
      </c>
      <c r="K11430" s="2">
        <v>0</v>
      </c>
      <c r="L11430" t="s">
        <v>82</v>
      </c>
      <c r="M11430" t="s">
        <v>83</v>
      </c>
      <c r="N11430" t="s">
        <v>84</v>
      </c>
      <c r="O11430" t="s">
        <v>85</v>
      </c>
      <c r="P11430" t="s">
        <v>86</v>
      </c>
      <c r="Q11430">
        <v>40</v>
      </c>
      <c r="R11430">
        <v>40</v>
      </c>
      <c r="S11430">
        <v>40</v>
      </c>
      <c r="T11430">
        <v>41</v>
      </c>
      <c r="U11430">
        <v>41</v>
      </c>
      <c r="V11430">
        <v>41</v>
      </c>
      <c r="W11430">
        <v>41</v>
      </c>
      <c r="X11430">
        <v>42</v>
      </c>
      <c r="Y11430">
        <v>42</v>
      </c>
      <c r="Z11430">
        <v>42</v>
      </c>
      <c r="AA11430">
        <v>42</v>
      </c>
      <c r="AB11430">
        <v>42</v>
      </c>
      <c r="AC11430">
        <v>42</v>
      </c>
      <c r="AD11430">
        <v>43</v>
      </c>
      <c r="AE11430">
        <v>43</v>
      </c>
      <c r="AF11430">
        <v>43</v>
      </c>
      <c r="AG11430">
        <v>43</v>
      </c>
      <c r="AH11430">
        <v>43</v>
      </c>
      <c r="AI11430">
        <v>43</v>
      </c>
      <c r="AJ11430">
        <v>43</v>
      </c>
      <c r="AK11430">
        <v>43</v>
      </c>
      <c r="AL11430">
        <v>43</v>
      </c>
      <c r="AM11430">
        <v>43</v>
      </c>
      <c r="AN11430">
        <v>43</v>
      </c>
      <c r="AO11430">
        <v>43</v>
      </c>
      <c r="AP11430">
        <v>42</v>
      </c>
      <c r="AQ11430">
        <v>42</v>
      </c>
    </row>
    <row r="11431" spans="1:43">
      <c r="A11431" t="s">
        <v>7114</v>
      </c>
      <c r="B11431" t="s">
        <v>7115</v>
      </c>
      <c r="C11431" t="s">
        <v>7018</v>
      </c>
      <c r="D11431" t="s">
        <v>7019</v>
      </c>
      <c r="E11431" t="s">
        <v>6982</v>
      </c>
      <c r="F11431" t="s">
        <v>6983</v>
      </c>
      <c r="G11431" t="s">
        <v>80</v>
      </c>
      <c r="H11431" t="s">
        <v>81</v>
      </c>
      <c r="I11431" s="2">
        <v>0</v>
      </c>
      <c r="J11431" s="2">
        <v>1</v>
      </c>
      <c r="K11431" s="2">
        <v>0</v>
      </c>
      <c r="L11431" t="s">
        <v>82</v>
      </c>
      <c r="M11431" t="s">
        <v>87</v>
      </c>
      <c r="N11431" t="s">
        <v>88</v>
      </c>
      <c r="O11431" t="s">
        <v>85</v>
      </c>
      <c r="P11431" t="s">
        <v>86</v>
      </c>
      <c r="Q11431">
        <v>40</v>
      </c>
      <c r="R11431">
        <v>39</v>
      </c>
      <c r="S11431">
        <v>39</v>
      </c>
      <c r="T11431">
        <v>39</v>
      </c>
      <c r="U11431">
        <v>39</v>
      </c>
      <c r="V11431">
        <v>39</v>
      </c>
      <c r="W11431">
        <v>39</v>
      </c>
      <c r="X11431">
        <v>39</v>
      </c>
      <c r="Y11431">
        <v>39</v>
      </c>
      <c r="Z11431">
        <v>38</v>
      </c>
      <c r="AA11431">
        <v>38</v>
      </c>
      <c r="AB11431">
        <v>38</v>
      </c>
      <c r="AC11431">
        <v>38</v>
      </c>
      <c r="AD11431">
        <v>38</v>
      </c>
      <c r="AE11431">
        <v>38</v>
      </c>
      <c r="AF11431">
        <v>38</v>
      </c>
      <c r="AG11431">
        <v>38</v>
      </c>
      <c r="AH11431">
        <v>38</v>
      </c>
      <c r="AI11431">
        <v>37</v>
      </c>
      <c r="AJ11431">
        <v>37</v>
      </c>
      <c r="AK11431">
        <v>37</v>
      </c>
      <c r="AL11431">
        <v>37</v>
      </c>
      <c r="AM11431">
        <v>37</v>
      </c>
      <c r="AN11431">
        <v>37</v>
      </c>
      <c r="AO11431">
        <v>37</v>
      </c>
      <c r="AP11431">
        <v>37</v>
      </c>
      <c r="AQ11431">
        <v>37</v>
      </c>
    </row>
    <row r="11432" spans="1:43">
      <c r="A11432" t="s">
        <v>7114</v>
      </c>
      <c r="B11432" t="s">
        <v>7115</v>
      </c>
      <c r="C11432" t="s">
        <v>7018</v>
      </c>
      <c r="D11432" t="s">
        <v>7019</v>
      </c>
      <c r="E11432" t="s">
        <v>6982</v>
      </c>
      <c r="F11432" t="s">
        <v>6983</v>
      </c>
      <c r="G11432" t="s">
        <v>80</v>
      </c>
      <c r="H11432" t="s">
        <v>81</v>
      </c>
      <c r="I11432" s="2">
        <v>0</v>
      </c>
      <c r="J11432" s="2">
        <v>1</v>
      </c>
      <c r="K11432" s="2">
        <v>0</v>
      </c>
      <c r="L11432" t="s">
        <v>82</v>
      </c>
      <c r="M11432" t="s">
        <v>89</v>
      </c>
      <c r="N11432" t="s">
        <v>90</v>
      </c>
      <c r="O11432" t="s">
        <v>85</v>
      </c>
      <c r="P11432" t="s">
        <v>86</v>
      </c>
      <c r="Q11432">
        <v>40</v>
      </c>
      <c r="R11432">
        <v>41</v>
      </c>
      <c r="S11432">
        <v>41</v>
      </c>
      <c r="T11432">
        <v>42</v>
      </c>
      <c r="U11432">
        <v>42</v>
      </c>
      <c r="V11432">
        <v>43</v>
      </c>
      <c r="W11432">
        <v>43</v>
      </c>
      <c r="X11432">
        <v>44</v>
      </c>
      <c r="Y11432">
        <v>44</v>
      </c>
      <c r="Z11432">
        <v>45</v>
      </c>
      <c r="AA11432">
        <v>45</v>
      </c>
      <c r="AB11432">
        <v>45</v>
      </c>
      <c r="AC11432">
        <v>45</v>
      </c>
      <c r="AD11432">
        <v>46</v>
      </c>
      <c r="AE11432">
        <v>46</v>
      </c>
      <c r="AF11432">
        <v>45</v>
      </c>
      <c r="AG11432">
        <v>45</v>
      </c>
      <c r="AH11432">
        <v>45</v>
      </c>
      <c r="AI11432">
        <v>45</v>
      </c>
      <c r="AJ11432">
        <v>44</v>
      </c>
      <c r="AK11432">
        <v>44</v>
      </c>
      <c r="AL11432">
        <v>44</v>
      </c>
      <c r="AM11432">
        <v>43</v>
      </c>
      <c r="AN11432">
        <v>43</v>
      </c>
      <c r="AO11432">
        <v>43</v>
      </c>
      <c r="AP11432">
        <v>43</v>
      </c>
      <c r="AQ11432">
        <v>42</v>
      </c>
    </row>
    <row r="11433" spans="1:43">
      <c r="A11433" t="s">
        <v>7114</v>
      </c>
      <c r="B11433" t="s">
        <v>7115</v>
      </c>
      <c r="C11433" t="s">
        <v>7018</v>
      </c>
      <c r="D11433" t="s">
        <v>7019</v>
      </c>
      <c r="E11433" t="s">
        <v>6982</v>
      </c>
      <c r="F11433" t="s">
        <v>6983</v>
      </c>
      <c r="G11433" t="s">
        <v>80</v>
      </c>
      <c r="H11433" t="s">
        <v>81</v>
      </c>
      <c r="I11433" s="2">
        <v>0</v>
      </c>
      <c r="J11433" s="2">
        <v>1</v>
      </c>
      <c r="K11433" s="2">
        <v>0</v>
      </c>
      <c r="L11433" t="s">
        <v>82</v>
      </c>
      <c r="M11433" t="s">
        <v>83</v>
      </c>
      <c r="N11433" t="s">
        <v>91</v>
      </c>
      <c r="O11433" t="s">
        <v>85</v>
      </c>
      <c r="P11433" t="s">
        <v>86</v>
      </c>
      <c r="Q11433">
        <v>40</v>
      </c>
      <c r="R11433">
        <v>40</v>
      </c>
      <c r="S11433">
        <v>40</v>
      </c>
      <c r="T11433">
        <v>41</v>
      </c>
      <c r="U11433">
        <v>41</v>
      </c>
      <c r="V11433">
        <v>41</v>
      </c>
      <c r="W11433">
        <v>41</v>
      </c>
      <c r="X11433">
        <v>42</v>
      </c>
      <c r="Y11433">
        <v>42</v>
      </c>
      <c r="Z11433">
        <v>42</v>
      </c>
      <c r="AA11433">
        <v>42</v>
      </c>
      <c r="AB11433">
        <v>42</v>
      </c>
      <c r="AC11433">
        <v>42</v>
      </c>
      <c r="AD11433">
        <v>43</v>
      </c>
      <c r="AE11433">
        <v>43</v>
      </c>
      <c r="AF11433">
        <v>43</v>
      </c>
      <c r="AG11433">
        <v>43</v>
      </c>
      <c r="AH11433">
        <v>43</v>
      </c>
      <c r="AI11433">
        <v>43</v>
      </c>
      <c r="AJ11433">
        <v>43</v>
      </c>
      <c r="AK11433">
        <v>43</v>
      </c>
      <c r="AL11433">
        <v>43</v>
      </c>
      <c r="AM11433">
        <v>43</v>
      </c>
      <c r="AN11433">
        <v>43</v>
      </c>
      <c r="AO11433">
        <v>43</v>
      </c>
      <c r="AP11433">
        <v>42</v>
      </c>
      <c r="AQ11433">
        <v>42</v>
      </c>
    </row>
    <row r="11434" spans="1:43">
      <c r="A11434" t="s">
        <v>7116</v>
      </c>
      <c r="B11434" t="s">
        <v>7117</v>
      </c>
      <c r="C11434" t="s">
        <v>6988</v>
      </c>
      <c r="D11434" t="s">
        <v>6989</v>
      </c>
      <c r="E11434" t="s">
        <v>6982</v>
      </c>
      <c r="F11434" t="s">
        <v>6983</v>
      </c>
      <c r="G11434" t="s">
        <v>80</v>
      </c>
      <c r="H11434" t="s">
        <v>81</v>
      </c>
      <c r="I11434" s="2">
        <v>0</v>
      </c>
      <c r="J11434" s="2">
        <v>1</v>
      </c>
      <c r="K11434" s="2">
        <v>0</v>
      </c>
      <c r="L11434" t="s">
        <v>82</v>
      </c>
      <c r="M11434" t="s">
        <v>83</v>
      </c>
      <c r="N11434" t="s">
        <v>84</v>
      </c>
      <c r="O11434" t="s">
        <v>85</v>
      </c>
      <c r="P11434" t="s">
        <v>86</v>
      </c>
      <c r="Q11434">
        <v>14</v>
      </c>
      <c r="R11434">
        <v>14</v>
      </c>
      <c r="S11434">
        <v>14</v>
      </c>
      <c r="T11434">
        <v>14</v>
      </c>
      <c r="U11434">
        <v>14</v>
      </c>
      <c r="V11434">
        <v>14</v>
      </c>
      <c r="W11434">
        <v>14</v>
      </c>
      <c r="X11434">
        <v>14</v>
      </c>
      <c r="Y11434">
        <v>15</v>
      </c>
      <c r="Z11434">
        <v>15</v>
      </c>
      <c r="AA11434">
        <v>15</v>
      </c>
      <c r="AB11434">
        <v>15</v>
      </c>
      <c r="AC11434">
        <v>15</v>
      </c>
      <c r="AD11434">
        <v>15</v>
      </c>
      <c r="AE11434">
        <v>15</v>
      </c>
      <c r="AF11434">
        <v>15</v>
      </c>
      <c r="AG11434">
        <v>15</v>
      </c>
      <c r="AH11434">
        <v>15</v>
      </c>
      <c r="AI11434">
        <v>15</v>
      </c>
      <c r="AJ11434">
        <v>15</v>
      </c>
      <c r="AK11434">
        <v>15</v>
      </c>
      <c r="AL11434">
        <v>15</v>
      </c>
      <c r="AM11434">
        <v>15</v>
      </c>
      <c r="AN11434">
        <v>15</v>
      </c>
      <c r="AO11434">
        <v>15</v>
      </c>
      <c r="AP11434">
        <v>15</v>
      </c>
      <c r="AQ11434">
        <v>14</v>
      </c>
    </row>
    <row r="11435" spans="1:43">
      <c r="A11435" t="s">
        <v>7116</v>
      </c>
      <c r="B11435" t="s">
        <v>7117</v>
      </c>
      <c r="C11435" t="s">
        <v>6988</v>
      </c>
      <c r="D11435" t="s">
        <v>6989</v>
      </c>
      <c r="E11435" t="s">
        <v>6982</v>
      </c>
      <c r="F11435" t="s">
        <v>6983</v>
      </c>
      <c r="G11435" t="s">
        <v>80</v>
      </c>
      <c r="H11435" t="s">
        <v>81</v>
      </c>
      <c r="I11435" s="2">
        <v>0</v>
      </c>
      <c r="J11435" s="2">
        <v>1</v>
      </c>
      <c r="K11435" s="2">
        <v>0</v>
      </c>
      <c r="L11435" t="s">
        <v>82</v>
      </c>
      <c r="M11435" t="s">
        <v>87</v>
      </c>
      <c r="N11435" t="s">
        <v>88</v>
      </c>
      <c r="O11435" t="s">
        <v>85</v>
      </c>
      <c r="P11435" t="s">
        <v>86</v>
      </c>
      <c r="Q11435">
        <v>14</v>
      </c>
      <c r="R11435">
        <v>14</v>
      </c>
      <c r="S11435">
        <v>14</v>
      </c>
      <c r="T11435">
        <v>14</v>
      </c>
      <c r="U11435">
        <v>14</v>
      </c>
      <c r="V11435">
        <v>14</v>
      </c>
      <c r="W11435">
        <v>14</v>
      </c>
      <c r="X11435">
        <v>14</v>
      </c>
      <c r="Y11435">
        <v>13</v>
      </c>
      <c r="Z11435">
        <v>13</v>
      </c>
      <c r="AA11435">
        <v>13</v>
      </c>
      <c r="AB11435">
        <v>13</v>
      </c>
      <c r="AC11435">
        <v>13</v>
      </c>
      <c r="AD11435">
        <v>13</v>
      </c>
      <c r="AE11435">
        <v>13</v>
      </c>
      <c r="AF11435">
        <v>13</v>
      </c>
      <c r="AG11435">
        <v>13</v>
      </c>
      <c r="AH11435">
        <v>13</v>
      </c>
      <c r="AI11435">
        <v>13</v>
      </c>
      <c r="AJ11435">
        <v>13</v>
      </c>
      <c r="AK11435">
        <v>13</v>
      </c>
      <c r="AL11435">
        <v>13</v>
      </c>
      <c r="AM11435">
        <v>13</v>
      </c>
      <c r="AN11435">
        <v>13</v>
      </c>
      <c r="AO11435">
        <v>13</v>
      </c>
      <c r="AP11435">
        <v>13</v>
      </c>
      <c r="AQ11435">
        <v>13</v>
      </c>
    </row>
    <row r="11436" spans="1:43">
      <c r="A11436" t="s">
        <v>7116</v>
      </c>
      <c r="B11436" t="s">
        <v>7117</v>
      </c>
      <c r="C11436" t="s">
        <v>6988</v>
      </c>
      <c r="D11436" t="s">
        <v>6989</v>
      </c>
      <c r="E11436" t="s">
        <v>6982</v>
      </c>
      <c r="F11436" t="s">
        <v>6983</v>
      </c>
      <c r="G11436" t="s">
        <v>80</v>
      </c>
      <c r="H11436" t="s">
        <v>81</v>
      </c>
      <c r="I11436" s="2">
        <v>0</v>
      </c>
      <c r="J11436" s="2">
        <v>1</v>
      </c>
      <c r="K11436" s="2">
        <v>0</v>
      </c>
      <c r="L11436" t="s">
        <v>82</v>
      </c>
      <c r="M11436" t="s">
        <v>89</v>
      </c>
      <c r="N11436" t="s">
        <v>90</v>
      </c>
      <c r="O11436" t="s">
        <v>85</v>
      </c>
      <c r="P11436" t="s">
        <v>86</v>
      </c>
      <c r="Q11436">
        <v>14</v>
      </c>
      <c r="R11436">
        <v>14</v>
      </c>
      <c r="S11436">
        <v>15</v>
      </c>
      <c r="T11436">
        <v>15</v>
      </c>
      <c r="U11436">
        <v>15</v>
      </c>
      <c r="V11436">
        <v>15</v>
      </c>
      <c r="W11436">
        <v>15</v>
      </c>
      <c r="X11436">
        <v>15</v>
      </c>
      <c r="Y11436">
        <v>15</v>
      </c>
      <c r="Z11436">
        <v>16</v>
      </c>
      <c r="AA11436">
        <v>16</v>
      </c>
      <c r="AB11436">
        <v>16</v>
      </c>
      <c r="AC11436">
        <v>16</v>
      </c>
      <c r="AD11436">
        <v>16</v>
      </c>
      <c r="AE11436">
        <v>16</v>
      </c>
      <c r="AF11436">
        <v>16</v>
      </c>
      <c r="AG11436">
        <v>16</v>
      </c>
      <c r="AH11436">
        <v>16</v>
      </c>
      <c r="AI11436">
        <v>15</v>
      </c>
      <c r="AJ11436">
        <v>15</v>
      </c>
      <c r="AK11436">
        <v>15</v>
      </c>
      <c r="AL11436">
        <v>15</v>
      </c>
      <c r="AM11436">
        <v>15</v>
      </c>
      <c r="AN11436">
        <v>15</v>
      </c>
      <c r="AO11436">
        <v>15</v>
      </c>
      <c r="AP11436">
        <v>15</v>
      </c>
      <c r="AQ11436">
        <v>15</v>
      </c>
    </row>
    <row r="11437" spans="1:43">
      <c r="A11437" t="s">
        <v>7116</v>
      </c>
      <c r="B11437" t="s">
        <v>7117</v>
      </c>
      <c r="C11437" t="s">
        <v>6988</v>
      </c>
      <c r="D11437" t="s">
        <v>6989</v>
      </c>
      <c r="E11437" t="s">
        <v>6982</v>
      </c>
      <c r="F11437" t="s">
        <v>6983</v>
      </c>
      <c r="G11437" t="s">
        <v>80</v>
      </c>
      <c r="H11437" t="s">
        <v>81</v>
      </c>
      <c r="I11437" s="2">
        <v>0</v>
      </c>
      <c r="J11437" s="2">
        <v>1</v>
      </c>
      <c r="K11437" s="2">
        <v>0</v>
      </c>
      <c r="L11437" t="s">
        <v>82</v>
      </c>
      <c r="M11437" t="s">
        <v>83</v>
      </c>
      <c r="N11437" t="s">
        <v>91</v>
      </c>
      <c r="O11437" t="s">
        <v>85</v>
      </c>
      <c r="P11437" t="s">
        <v>86</v>
      </c>
      <c r="Q11437">
        <v>14</v>
      </c>
      <c r="R11437">
        <v>14</v>
      </c>
      <c r="S11437">
        <v>14</v>
      </c>
      <c r="T11437">
        <v>14</v>
      </c>
      <c r="U11437">
        <v>14</v>
      </c>
      <c r="V11437">
        <v>14</v>
      </c>
      <c r="W11437">
        <v>14</v>
      </c>
      <c r="X11437">
        <v>14</v>
      </c>
      <c r="Y11437">
        <v>15</v>
      </c>
      <c r="Z11437">
        <v>15</v>
      </c>
      <c r="AA11437">
        <v>15</v>
      </c>
      <c r="AB11437">
        <v>15</v>
      </c>
      <c r="AC11437">
        <v>15</v>
      </c>
      <c r="AD11437">
        <v>15</v>
      </c>
      <c r="AE11437">
        <v>15</v>
      </c>
      <c r="AF11437">
        <v>15</v>
      </c>
      <c r="AG11437">
        <v>15</v>
      </c>
      <c r="AH11437">
        <v>15</v>
      </c>
      <c r="AI11437">
        <v>15</v>
      </c>
      <c r="AJ11437">
        <v>15</v>
      </c>
      <c r="AK11437">
        <v>15</v>
      </c>
      <c r="AL11437">
        <v>15</v>
      </c>
      <c r="AM11437">
        <v>15</v>
      </c>
      <c r="AN11437">
        <v>15</v>
      </c>
      <c r="AO11437">
        <v>15</v>
      </c>
      <c r="AP11437">
        <v>15</v>
      </c>
      <c r="AQ11437">
        <v>14</v>
      </c>
    </row>
    <row r="11438" spans="1:43">
      <c r="A11438" t="s">
        <v>7118</v>
      </c>
      <c r="B11438" t="s">
        <v>7119</v>
      </c>
      <c r="C11438" t="s">
        <v>7064</v>
      </c>
      <c r="D11438" t="s">
        <v>7065</v>
      </c>
      <c r="E11438" t="s">
        <v>6982</v>
      </c>
      <c r="F11438" t="s">
        <v>6983</v>
      </c>
      <c r="G11438" t="s">
        <v>80</v>
      </c>
      <c r="H11438" t="s">
        <v>81</v>
      </c>
      <c r="I11438" s="2">
        <v>0</v>
      </c>
      <c r="J11438" s="2">
        <v>1</v>
      </c>
      <c r="K11438" s="2">
        <v>0</v>
      </c>
      <c r="L11438" t="s">
        <v>82</v>
      </c>
      <c r="M11438" t="s">
        <v>83</v>
      </c>
      <c r="N11438" t="s">
        <v>84</v>
      </c>
      <c r="O11438" t="s">
        <v>85</v>
      </c>
      <c r="P11438" t="s">
        <v>86</v>
      </c>
      <c r="Q11438">
        <v>20</v>
      </c>
      <c r="R11438">
        <v>21</v>
      </c>
      <c r="S11438">
        <v>21</v>
      </c>
      <c r="T11438">
        <v>21</v>
      </c>
      <c r="U11438">
        <v>21</v>
      </c>
      <c r="V11438">
        <v>21</v>
      </c>
      <c r="W11438">
        <v>21</v>
      </c>
      <c r="X11438">
        <v>21</v>
      </c>
      <c r="Y11438">
        <v>21</v>
      </c>
      <c r="Z11438">
        <v>22</v>
      </c>
      <c r="AA11438">
        <v>22</v>
      </c>
      <c r="AB11438">
        <v>22</v>
      </c>
      <c r="AC11438">
        <v>22</v>
      </c>
      <c r="AD11438">
        <v>22</v>
      </c>
      <c r="AE11438">
        <v>22</v>
      </c>
      <c r="AF11438">
        <v>22</v>
      </c>
      <c r="AG11438">
        <v>22</v>
      </c>
      <c r="AH11438">
        <v>22</v>
      </c>
      <c r="AI11438">
        <v>22</v>
      </c>
      <c r="AJ11438">
        <v>22</v>
      </c>
      <c r="AK11438">
        <v>22</v>
      </c>
      <c r="AL11438">
        <v>22</v>
      </c>
      <c r="AM11438">
        <v>22</v>
      </c>
      <c r="AN11438">
        <v>22</v>
      </c>
      <c r="AO11438">
        <v>22</v>
      </c>
      <c r="AP11438">
        <v>22</v>
      </c>
      <c r="AQ11438">
        <v>22</v>
      </c>
    </row>
    <row r="11439" spans="1:43">
      <c r="A11439" t="s">
        <v>7118</v>
      </c>
      <c r="B11439" t="s">
        <v>7119</v>
      </c>
      <c r="C11439" t="s">
        <v>7064</v>
      </c>
      <c r="D11439" t="s">
        <v>7065</v>
      </c>
      <c r="E11439" t="s">
        <v>6982</v>
      </c>
      <c r="F11439" t="s">
        <v>6983</v>
      </c>
      <c r="G11439" t="s">
        <v>80</v>
      </c>
      <c r="H11439" t="s">
        <v>81</v>
      </c>
      <c r="I11439" s="2">
        <v>0</v>
      </c>
      <c r="J11439" s="2">
        <v>1</v>
      </c>
      <c r="K11439" s="2">
        <v>0</v>
      </c>
      <c r="L11439" t="s">
        <v>82</v>
      </c>
      <c r="M11439" t="s">
        <v>87</v>
      </c>
      <c r="N11439" t="s">
        <v>88</v>
      </c>
      <c r="O11439" t="s">
        <v>85</v>
      </c>
      <c r="P11439" t="s">
        <v>86</v>
      </c>
      <c r="Q11439">
        <v>20</v>
      </c>
      <c r="R11439">
        <v>20</v>
      </c>
      <c r="S11439">
        <v>20</v>
      </c>
      <c r="T11439">
        <v>20</v>
      </c>
      <c r="U11439">
        <v>20</v>
      </c>
      <c r="V11439">
        <v>20</v>
      </c>
      <c r="W11439">
        <v>20</v>
      </c>
      <c r="X11439">
        <v>20</v>
      </c>
      <c r="Y11439">
        <v>20</v>
      </c>
      <c r="Z11439">
        <v>20</v>
      </c>
      <c r="AA11439">
        <v>20</v>
      </c>
      <c r="AB11439">
        <v>20</v>
      </c>
      <c r="AC11439">
        <v>20</v>
      </c>
      <c r="AD11439">
        <v>20</v>
      </c>
      <c r="AE11439">
        <v>20</v>
      </c>
      <c r="AF11439">
        <v>20</v>
      </c>
      <c r="AG11439">
        <v>19</v>
      </c>
      <c r="AH11439">
        <v>19</v>
      </c>
      <c r="AI11439">
        <v>19</v>
      </c>
      <c r="AJ11439">
        <v>19</v>
      </c>
      <c r="AK11439">
        <v>19</v>
      </c>
      <c r="AL11439">
        <v>19</v>
      </c>
      <c r="AM11439">
        <v>19</v>
      </c>
      <c r="AN11439">
        <v>19</v>
      </c>
      <c r="AO11439">
        <v>19</v>
      </c>
      <c r="AP11439">
        <v>19</v>
      </c>
      <c r="AQ11439">
        <v>19</v>
      </c>
    </row>
    <row r="11440" spans="1:43">
      <c r="A11440" t="s">
        <v>7118</v>
      </c>
      <c r="B11440" t="s">
        <v>7119</v>
      </c>
      <c r="C11440" t="s">
        <v>7064</v>
      </c>
      <c r="D11440" t="s">
        <v>7065</v>
      </c>
      <c r="E11440" t="s">
        <v>6982</v>
      </c>
      <c r="F11440" t="s">
        <v>6983</v>
      </c>
      <c r="G11440" t="s">
        <v>80</v>
      </c>
      <c r="H11440" t="s">
        <v>81</v>
      </c>
      <c r="I11440" s="2">
        <v>0</v>
      </c>
      <c r="J11440" s="2">
        <v>1</v>
      </c>
      <c r="K11440" s="2">
        <v>0</v>
      </c>
      <c r="L11440" t="s">
        <v>82</v>
      </c>
      <c r="M11440" t="s">
        <v>89</v>
      </c>
      <c r="N11440" t="s">
        <v>90</v>
      </c>
      <c r="O11440" t="s">
        <v>85</v>
      </c>
      <c r="P11440" t="s">
        <v>86</v>
      </c>
      <c r="Q11440">
        <v>20</v>
      </c>
      <c r="R11440">
        <v>20</v>
      </c>
      <c r="S11440">
        <v>20</v>
      </c>
      <c r="T11440">
        <v>21</v>
      </c>
      <c r="U11440">
        <v>21</v>
      </c>
      <c r="V11440">
        <v>21</v>
      </c>
      <c r="W11440">
        <v>21</v>
      </c>
      <c r="X11440">
        <v>22</v>
      </c>
      <c r="Y11440">
        <v>22</v>
      </c>
      <c r="Z11440">
        <v>22</v>
      </c>
      <c r="AA11440">
        <v>22</v>
      </c>
      <c r="AB11440">
        <v>22</v>
      </c>
      <c r="AC11440">
        <v>22</v>
      </c>
      <c r="AD11440">
        <v>23</v>
      </c>
      <c r="AE11440">
        <v>23</v>
      </c>
      <c r="AF11440">
        <v>22</v>
      </c>
      <c r="AG11440">
        <v>22</v>
      </c>
      <c r="AH11440">
        <v>22</v>
      </c>
      <c r="AI11440">
        <v>22</v>
      </c>
      <c r="AJ11440">
        <v>22</v>
      </c>
      <c r="AK11440">
        <v>22</v>
      </c>
      <c r="AL11440">
        <v>22</v>
      </c>
      <c r="AM11440">
        <v>22</v>
      </c>
      <c r="AN11440">
        <v>21</v>
      </c>
      <c r="AO11440">
        <v>21</v>
      </c>
      <c r="AP11440">
        <v>21</v>
      </c>
      <c r="AQ11440">
        <v>21</v>
      </c>
    </row>
    <row r="11441" spans="1:43">
      <c r="A11441" t="s">
        <v>7118</v>
      </c>
      <c r="B11441" t="s">
        <v>7119</v>
      </c>
      <c r="C11441" t="s">
        <v>7064</v>
      </c>
      <c r="D11441" t="s">
        <v>7065</v>
      </c>
      <c r="E11441" t="s">
        <v>6982</v>
      </c>
      <c r="F11441" t="s">
        <v>6983</v>
      </c>
      <c r="G11441" t="s">
        <v>80</v>
      </c>
      <c r="H11441" t="s">
        <v>81</v>
      </c>
      <c r="I11441" s="2">
        <v>0</v>
      </c>
      <c r="J11441" s="2">
        <v>1</v>
      </c>
      <c r="K11441" s="2">
        <v>0</v>
      </c>
      <c r="L11441" t="s">
        <v>82</v>
      </c>
      <c r="M11441" t="s">
        <v>83</v>
      </c>
      <c r="N11441" t="s">
        <v>91</v>
      </c>
      <c r="O11441" t="s">
        <v>85</v>
      </c>
      <c r="P11441" t="s">
        <v>86</v>
      </c>
      <c r="Q11441">
        <v>20</v>
      </c>
      <c r="R11441">
        <v>21</v>
      </c>
      <c r="S11441">
        <v>21</v>
      </c>
      <c r="T11441">
        <v>21</v>
      </c>
      <c r="U11441">
        <v>21</v>
      </c>
      <c r="V11441">
        <v>21</v>
      </c>
      <c r="W11441">
        <v>21</v>
      </c>
      <c r="X11441">
        <v>21</v>
      </c>
      <c r="Y11441">
        <v>21</v>
      </c>
      <c r="Z11441">
        <v>22</v>
      </c>
      <c r="AA11441">
        <v>22</v>
      </c>
      <c r="AB11441">
        <v>22</v>
      </c>
      <c r="AC11441">
        <v>22</v>
      </c>
      <c r="AD11441">
        <v>22</v>
      </c>
      <c r="AE11441">
        <v>22</v>
      </c>
      <c r="AF11441">
        <v>22</v>
      </c>
      <c r="AG11441">
        <v>22</v>
      </c>
      <c r="AH11441">
        <v>22</v>
      </c>
      <c r="AI11441">
        <v>22</v>
      </c>
      <c r="AJ11441">
        <v>22</v>
      </c>
      <c r="AK11441">
        <v>22</v>
      </c>
      <c r="AL11441">
        <v>22</v>
      </c>
      <c r="AM11441">
        <v>22</v>
      </c>
      <c r="AN11441">
        <v>22</v>
      </c>
      <c r="AO11441">
        <v>22</v>
      </c>
      <c r="AP11441">
        <v>22</v>
      </c>
      <c r="AQ11441">
        <v>22</v>
      </c>
    </row>
    <row r="11442" spans="1:43">
      <c r="A11442" t="s">
        <v>7120</v>
      </c>
      <c r="B11442" t="s">
        <v>7121</v>
      </c>
      <c r="C11442" t="s">
        <v>6988</v>
      </c>
      <c r="D11442" t="s">
        <v>6989</v>
      </c>
      <c r="E11442" t="s">
        <v>6982</v>
      </c>
      <c r="F11442" t="s">
        <v>6983</v>
      </c>
      <c r="G11442" t="s">
        <v>80</v>
      </c>
      <c r="H11442" t="s">
        <v>81</v>
      </c>
      <c r="I11442" s="2">
        <v>0</v>
      </c>
      <c r="J11442" s="2">
        <v>1</v>
      </c>
      <c r="K11442" s="2">
        <v>0</v>
      </c>
      <c r="L11442" t="s">
        <v>82</v>
      </c>
      <c r="M11442" t="s">
        <v>83</v>
      </c>
      <c r="N11442" t="s">
        <v>84</v>
      </c>
      <c r="O11442" t="s">
        <v>85</v>
      </c>
      <c r="P11442" t="s">
        <v>86</v>
      </c>
      <c r="Q11442">
        <v>26</v>
      </c>
      <c r="R11442">
        <v>26</v>
      </c>
      <c r="S11442">
        <v>26</v>
      </c>
      <c r="T11442">
        <v>26</v>
      </c>
      <c r="U11442">
        <v>26</v>
      </c>
      <c r="V11442">
        <v>27</v>
      </c>
      <c r="W11442">
        <v>27</v>
      </c>
      <c r="X11442">
        <v>27</v>
      </c>
      <c r="Y11442">
        <v>27</v>
      </c>
      <c r="Z11442">
        <v>27</v>
      </c>
      <c r="AA11442">
        <v>27</v>
      </c>
      <c r="AB11442">
        <v>27</v>
      </c>
      <c r="AC11442">
        <v>28</v>
      </c>
      <c r="AD11442">
        <v>28</v>
      </c>
      <c r="AE11442">
        <v>28</v>
      </c>
      <c r="AF11442">
        <v>28</v>
      </c>
      <c r="AG11442">
        <v>28</v>
      </c>
      <c r="AH11442">
        <v>28</v>
      </c>
      <c r="AI11442">
        <v>28</v>
      </c>
      <c r="AJ11442">
        <v>28</v>
      </c>
      <c r="AK11442">
        <v>28</v>
      </c>
      <c r="AL11442">
        <v>28</v>
      </c>
      <c r="AM11442">
        <v>28</v>
      </c>
      <c r="AN11442">
        <v>28</v>
      </c>
      <c r="AO11442">
        <v>28</v>
      </c>
      <c r="AP11442">
        <v>28</v>
      </c>
      <c r="AQ11442">
        <v>27</v>
      </c>
    </row>
    <row r="11443" spans="1:43">
      <c r="A11443" t="s">
        <v>7120</v>
      </c>
      <c r="B11443" t="s">
        <v>7121</v>
      </c>
      <c r="C11443" t="s">
        <v>6988</v>
      </c>
      <c r="D11443" t="s">
        <v>6989</v>
      </c>
      <c r="E11443" t="s">
        <v>6982</v>
      </c>
      <c r="F11443" t="s">
        <v>6983</v>
      </c>
      <c r="G11443" t="s">
        <v>80</v>
      </c>
      <c r="H11443" t="s">
        <v>81</v>
      </c>
      <c r="I11443" s="2">
        <v>0</v>
      </c>
      <c r="J11443" s="2">
        <v>1</v>
      </c>
      <c r="K11443" s="2">
        <v>0</v>
      </c>
      <c r="L11443" t="s">
        <v>82</v>
      </c>
      <c r="M11443" t="s">
        <v>87</v>
      </c>
      <c r="N11443" t="s">
        <v>88</v>
      </c>
      <c r="O11443" t="s">
        <v>85</v>
      </c>
      <c r="P11443" t="s">
        <v>86</v>
      </c>
      <c r="Q11443">
        <v>26</v>
      </c>
      <c r="R11443">
        <v>26</v>
      </c>
      <c r="S11443">
        <v>26</v>
      </c>
      <c r="T11443">
        <v>26</v>
      </c>
      <c r="U11443">
        <v>26</v>
      </c>
      <c r="V11443">
        <v>26</v>
      </c>
      <c r="W11443">
        <v>26</v>
      </c>
      <c r="X11443">
        <v>26</v>
      </c>
      <c r="Y11443">
        <v>26</v>
      </c>
      <c r="Z11443">
        <v>26</v>
      </c>
      <c r="AA11443">
        <v>26</v>
      </c>
      <c r="AB11443">
        <v>26</v>
      </c>
      <c r="AC11443">
        <v>26</v>
      </c>
      <c r="AD11443">
        <v>26</v>
      </c>
      <c r="AE11443">
        <v>26</v>
      </c>
      <c r="AF11443">
        <v>26</v>
      </c>
      <c r="AG11443">
        <v>26</v>
      </c>
      <c r="AH11443">
        <v>25</v>
      </c>
      <c r="AI11443">
        <v>25</v>
      </c>
      <c r="AJ11443">
        <v>25</v>
      </c>
      <c r="AK11443">
        <v>25</v>
      </c>
      <c r="AL11443">
        <v>25</v>
      </c>
      <c r="AM11443">
        <v>25</v>
      </c>
      <c r="AN11443">
        <v>25</v>
      </c>
      <c r="AO11443">
        <v>25</v>
      </c>
      <c r="AP11443">
        <v>25</v>
      </c>
      <c r="AQ11443">
        <v>25</v>
      </c>
    </row>
    <row r="11444" spans="1:43">
      <c r="A11444" t="s">
        <v>7120</v>
      </c>
      <c r="B11444" t="s">
        <v>7121</v>
      </c>
      <c r="C11444" t="s">
        <v>6988</v>
      </c>
      <c r="D11444" t="s">
        <v>6989</v>
      </c>
      <c r="E11444" t="s">
        <v>6982</v>
      </c>
      <c r="F11444" t="s">
        <v>6983</v>
      </c>
      <c r="G11444" t="s">
        <v>80</v>
      </c>
      <c r="H11444" t="s">
        <v>81</v>
      </c>
      <c r="I11444" s="2">
        <v>0</v>
      </c>
      <c r="J11444" s="2">
        <v>1</v>
      </c>
      <c r="K11444" s="2">
        <v>0</v>
      </c>
      <c r="L11444" t="s">
        <v>82</v>
      </c>
      <c r="M11444" t="s">
        <v>89</v>
      </c>
      <c r="N11444" t="s">
        <v>90</v>
      </c>
      <c r="O11444" t="s">
        <v>85</v>
      </c>
      <c r="P11444" t="s">
        <v>86</v>
      </c>
      <c r="Q11444">
        <v>26</v>
      </c>
      <c r="R11444">
        <v>26</v>
      </c>
      <c r="S11444">
        <v>27</v>
      </c>
      <c r="T11444">
        <v>27</v>
      </c>
      <c r="U11444">
        <v>27</v>
      </c>
      <c r="V11444">
        <v>28</v>
      </c>
      <c r="W11444">
        <v>28</v>
      </c>
      <c r="X11444">
        <v>28</v>
      </c>
      <c r="Y11444">
        <v>29</v>
      </c>
      <c r="Z11444">
        <v>29</v>
      </c>
      <c r="AA11444">
        <v>29</v>
      </c>
      <c r="AB11444">
        <v>29</v>
      </c>
      <c r="AC11444">
        <v>29</v>
      </c>
      <c r="AD11444">
        <v>30</v>
      </c>
      <c r="AE11444">
        <v>30</v>
      </c>
      <c r="AF11444">
        <v>29</v>
      </c>
      <c r="AG11444">
        <v>29</v>
      </c>
      <c r="AH11444">
        <v>29</v>
      </c>
      <c r="AI11444">
        <v>29</v>
      </c>
      <c r="AJ11444">
        <v>29</v>
      </c>
      <c r="AK11444">
        <v>29</v>
      </c>
      <c r="AL11444">
        <v>28</v>
      </c>
      <c r="AM11444">
        <v>28</v>
      </c>
      <c r="AN11444">
        <v>28</v>
      </c>
      <c r="AO11444">
        <v>28</v>
      </c>
      <c r="AP11444">
        <v>28</v>
      </c>
      <c r="AQ11444">
        <v>28</v>
      </c>
    </row>
    <row r="11445" spans="1:43">
      <c r="A11445" t="s">
        <v>7120</v>
      </c>
      <c r="B11445" t="s">
        <v>7121</v>
      </c>
      <c r="C11445" t="s">
        <v>6988</v>
      </c>
      <c r="D11445" t="s">
        <v>6989</v>
      </c>
      <c r="E11445" t="s">
        <v>6982</v>
      </c>
      <c r="F11445" t="s">
        <v>6983</v>
      </c>
      <c r="G11445" t="s">
        <v>80</v>
      </c>
      <c r="H11445" t="s">
        <v>81</v>
      </c>
      <c r="I11445" s="2">
        <v>0</v>
      </c>
      <c r="J11445" s="2">
        <v>1</v>
      </c>
      <c r="K11445" s="2">
        <v>0</v>
      </c>
      <c r="L11445" t="s">
        <v>82</v>
      </c>
      <c r="M11445" t="s">
        <v>83</v>
      </c>
      <c r="N11445" t="s">
        <v>91</v>
      </c>
      <c r="O11445" t="s">
        <v>85</v>
      </c>
      <c r="P11445" t="s">
        <v>86</v>
      </c>
      <c r="Q11445">
        <v>26</v>
      </c>
      <c r="R11445">
        <v>26</v>
      </c>
      <c r="S11445">
        <v>26</v>
      </c>
      <c r="T11445">
        <v>26</v>
      </c>
      <c r="U11445">
        <v>26</v>
      </c>
      <c r="V11445">
        <v>27</v>
      </c>
      <c r="W11445">
        <v>27</v>
      </c>
      <c r="X11445">
        <v>27</v>
      </c>
      <c r="Y11445">
        <v>27</v>
      </c>
      <c r="Z11445">
        <v>27</v>
      </c>
      <c r="AA11445">
        <v>27</v>
      </c>
      <c r="AB11445">
        <v>27</v>
      </c>
      <c r="AC11445">
        <v>28</v>
      </c>
      <c r="AD11445">
        <v>28</v>
      </c>
      <c r="AE11445">
        <v>28</v>
      </c>
      <c r="AF11445">
        <v>28</v>
      </c>
      <c r="AG11445">
        <v>28</v>
      </c>
      <c r="AH11445">
        <v>28</v>
      </c>
      <c r="AI11445">
        <v>28</v>
      </c>
      <c r="AJ11445">
        <v>28</v>
      </c>
      <c r="AK11445">
        <v>28</v>
      </c>
      <c r="AL11445">
        <v>28</v>
      </c>
      <c r="AM11445">
        <v>28</v>
      </c>
      <c r="AN11445">
        <v>28</v>
      </c>
      <c r="AO11445">
        <v>28</v>
      </c>
      <c r="AP11445">
        <v>28</v>
      </c>
      <c r="AQ11445">
        <v>27</v>
      </c>
    </row>
    <row r="11446" spans="1:43">
      <c r="A11446" t="s">
        <v>7122</v>
      </c>
      <c r="B11446" t="s">
        <v>7123</v>
      </c>
      <c r="C11446" t="s">
        <v>7068</v>
      </c>
      <c r="D11446" t="s">
        <v>7069</v>
      </c>
      <c r="E11446" t="s">
        <v>6982</v>
      </c>
      <c r="F11446" t="s">
        <v>6983</v>
      </c>
      <c r="G11446" t="s">
        <v>80</v>
      </c>
      <c r="H11446" t="s">
        <v>81</v>
      </c>
      <c r="I11446" s="2">
        <v>0</v>
      </c>
      <c r="J11446" s="2">
        <v>1</v>
      </c>
      <c r="K11446" s="2">
        <v>0</v>
      </c>
      <c r="L11446" t="s">
        <v>82</v>
      </c>
      <c r="M11446" t="s">
        <v>83</v>
      </c>
      <c r="N11446" t="s">
        <v>84</v>
      </c>
      <c r="O11446" t="s">
        <v>85</v>
      </c>
      <c r="P11446" t="s">
        <v>86</v>
      </c>
      <c r="Q11446">
        <v>18</v>
      </c>
      <c r="R11446">
        <v>18</v>
      </c>
      <c r="S11446">
        <v>18</v>
      </c>
      <c r="T11446">
        <v>18</v>
      </c>
      <c r="U11446">
        <v>18</v>
      </c>
      <c r="V11446">
        <v>19</v>
      </c>
      <c r="W11446">
        <v>19</v>
      </c>
      <c r="X11446">
        <v>19</v>
      </c>
      <c r="Y11446">
        <v>19</v>
      </c>
      <c r="Z11446">
        <v>19</v>
      </c>
      <c r="AA11446">
        <v>19</v>
      </c>
      <c r="AB11446">
        <v>19</v>
      </c>
      <c r="AC11446">
        <v>19</v>
      </c>
      <c r="AD11446">
        <v>19</v>
      </c>
      <c r="AE11446">
        <v>19</v>
      </c>
      <c r="AF11446">
        <v>19</v>
      </c>
      <c r="AG11446">
        <v>19</v>
      </c>
      <c r="AH11446">
        <v>19</v>
      </c>
      <c r="AI11446">
        <v>19</v>
      </c>
      <c r="AJ11446">
        <v>20</v>
      </c>
      <c r="AK11446">
        <v>20</v>
      </c>
      <c r="AL11446">
        <v>19</v>
      </c>
      <c r="AM11446">
        <v>19</v>
      </c>
      <c r="AN11446">
        <v>19</v>
      </c>
      <c r="AO11446">
        <v>19</v>
      </c>
      <c r="AP11446">
        <v>19</v>
      </c>
      <c r="AQ11446">
        <v>19</v>
      </c>
    </row>
    <row r="11447" spans="1:43">
      <c r="A11447" t="s">
        <v>7122</v>
      </c>
      <c r="B11447" t="s">
        <v>7123</v>
      </c>
      <c r="C11447" t="s">
        <v>7068</v>
      </c>
      <c r="D11447" t="s">
        <v>7069</v>
      </c>
      <c r="E11447" t="s">
        <v>6982</v>
      </c>
      <c r="F11447" t="s">
        <v>6983</v>
      </c>
      <c r="G11447" t="s">
        <v>80</v>
      </c>
      <c r="H11447" t="s">
        <v>81</v>
      </c>
      <c r="I11447" s="2">
        <v>0</v>
      </c>
      <c r="J11447" s="2">
        <v>1</v>
      </c>
      <c r="K11447" s="2">
        <v>0</v>
      </c>
      <c r="L11447" t="s">
        <v>82</v>
      </c>
      <c r="M11447" t="s">
        <v>87</v>
      </c>
      <c r="N11447" t="s">
        <v>88</v>
      </c>
      <c r="O11447" t="s">
        <v>85</v>
      </c>
      <c r="P11447" t="s">
        <v>86</v>
      </c>
      <c r="Q11447">
        <v>18</v>
      </c>
      <c r="R11447">
        <v>18</v>
      </c>
      <c r="S11447">
        <v>18</v>
      </c>
      <c r="T11447">
        <v>18</v>
      </c>
      <c r="U11447">
        <v>18</v>
      </c>
      <c r="V11447">
        <v>18</v>
      </c>
      <c r="W11447">
        <v>18</v>
      </c>
      <c r="X11447">
        <v>17</v>
      </c>
      <c r="Y11447">
        <v>17</v>
      </c>
      <c r="Z11447">
        <v>17</v>
      </c>
      <c r="AA11447">
        <v>17</v>
      </c>
      <c r="AB11447">
        <v>17</v>
      </c>
      <c r="AC11447">
        <v>17</v>
      </c>
      <c r="AD11447">
        <v>17</v>
      </c>
      <c r="AE11447">
        <v>17</v>
      </c>
      <c r="AF11447">
        <v>17</v>
      </c>
      <c r="AG11447">
        <v>17</v>
      </c>
      <c r="AH11447">
        <v>17</v>
      </c>
      <c r="AI11447">
        <v>17</v>
      </c>
      <c r="AJ11447">
        <v>17</v>
      </c>
      <c r="AK11447">
        <v>17</v>
      </c>
      <c r="AL11447">
        <v>17</v>
      </c>
      <c r="AM11447">
        <v>17</v>
      </c>
      <c r="AN11447">
        <v>17</v>
      </c>
      <c r="AO11447">
        <v>17</v>
      </c>
      <c r="AP11447">
        <v>17</v>
      </c>
      <c r="AQ11447">
        <v>16</v>
      </c>
    </row>
    <row r="11448" spans="1:43">
      <c r="A11448" t="s">
        <v>7122</v>
      </c>
      <c r="B11448" t="s">
        <v>7123</v>
      </c>
      <c r="C11448" t="s">
        <v>7068</v>
      </c>
      <c r="D11448" t="s">
        <v>7069</v>
      </c>
      <c r="E11448" t="s">
        <v>6982</v>
      </c>
      <c r="F11448" t="s">
        <v>6983</v>
      </c>
      <c r="G11448" t="s">
        <v>80</v>
      </c>
      <c r="H11448" t="s">
        <v>81</v>
      </c>
      <c r="I11448" s="2">
        <v>0</v>
      </c>
      <c r="J11448" s="2">
        <v>1</v>
      </c>
      <c r="K11448" s="2">
        <v>0</v>
      </c>
      <c r="L11448" t="s">
        <v>82</v>
      </c>
      <c r="M11448" t="s">
        <v>89</v>
      </c>
      <c r="N11448" t="s">
        <v>90</v>
      </c>
      <c r="O11448" t="s">
        <v>85</v>
      </c>
      <c r="P11448" t="s">
        <v>86</v>
      </c>
      <c r="Q11448">
        <v>18</v>
      </c>
      <c r="R11448">
        <v>18</v>
      </c>
      <c r="S11448">
        <v>19</v>
      </c>
      <c r="T11448">
        <v>19</v>
      </c>
      <c r="U11448">
        <v>19</v>
      </c>
      <c r="V11448">
        <v>19</v>
      </c>
      <c r="W11448">
        <v>20</v>
      </c>
      <c r="X11448">
        <v>20</v>
      </c>
      <c r="Y11448">
        <v>20</v>
      </c>
      <c r="Z11448">
        <v>20</v>
      </c>
      <c r="AA11448">
        <v>20</v>
      </c>
      <c r="AB11448">
        <v>20</v>
      </c>
      <c r="AC11448">
        <v>20</v>
      </c>
      <c r="AD11448">
        <v>21</v>
      </c>
      <c r="AE11448">
        <v>21</v>
      </c>
      <c r="AF11448">
        <v>20</v>
      </c>
      <c r="AG11448">
        <v>20</v>
      </c>
      <c r="AH11448">
        <v>20</v>
      </c>
      <c r="AI11448">
        <v>20</v>
      </c>
      <c r="AJ11448">
        <v>20</v>
      </c>
      <c r="AK11448">
        <v>20</v>
      </c>
      <c r="AL11448">
        <v>20</v>
      </c>
      <c r="AM11448">
        <v>19</v>
      </c>
      <c r="AN11448">
        <v>19</v>
      </c>
      <c r="AO11448">
        <v>19</v>
      </c>
      <c r="AP11448">
        <v>19</v>
      </c>
      <c r="AQ11448">
        <v>19</v>
      </c>
    </row>
    <row r="11449" spans="1:43">
      <c r="A11449" t="s">
        <v>7122</v>
      </c>
      <c r="B11449" t="s">
        <v>7123</v>
      </c>
      <c r="C11449" t="s">
        <v>7068</v>
      </c>
      <c r="D11449" t="s">
        <v>7069</v>
      </c>
      <c r="E11449" t="s">
        <v>6982</v>
      </c>
      <c r="F11449" t="s">
        <v>6983</v>
      </c>
      <c r="G11449" t="s">
        <v>80</v>
      </c>
      <c r="H11449" t="s">
        <v>81</v>
      </c>
      <c r="I11449" s="2">
        <v>0</v>
      </c>
      <c r="J11449" s="2">
        <v>1</v>
      </c>
      <c r="K11449" s="2">
        <v>0</v>
      </c>
      <c r="L11449" t="s">
        <v>82</v>
      </c>
      <c r="M11449" t="s">
        <v>83</v>
      </c>
      <c r="N11449" t="s">
        <v>91</v>
      </c>
      <c r="O11449" t="s">
        <v>85</v>
      </c>
      <c r="P11449" t="s">
        <v>86</v>
      </c>
      <c r="Q11449">
        <v>18</v>
      </c>
      <c r="R11449">
        <v>18</v>
      </c>
      <c r="S11449">
        <v>18</v>
      </c>
      <c r="T11449">
        <v>18</v>
      </c>
      <c r="U11449">
        <v>18</v>
      </c>
      <c r="V11449">
        <v>19</v>
      </c>
      <c r="W11449">
        <v>19</v>
      </c>
      <c r="X11449">
        <v>19</v>
      </c>
      <c r="Y11449">
        <v>19</v>
      </c>
      <c r="Z11449">
        <v>19</v>
      </c>
      <c r="AA11449">
        <v>19</v>
      </c>
      <c r="AB11449">
        <v>19</v>
      </c>
      <c r="AC11449">
        <v>19</v>
      </c>
      <c r="AD11449">
        <v>19</v>
      </c>
      <c r="AE11449">
        <v>19</v>
      </c>
      <c r="AF11449">
        <v>19</v>
      </c>
      <c r="AG11449">
        <v>19</v>
      </c>
      <c r="AH11449">
        <v>19</v>
      </c>
      <c r="AI11449">
        <v>19</v>
      </c>
      <c r="AJ11449">
        <v>20</v>
      </c>
      <c r="AK11449">
        <v>20</v>
      </c>
      <c r="AL11449">
        <v>19</v>
      </c>
      <c r="AM11449">
        <v>19</v>
      </c>
      <c r="AN11449">
        <v>19</v>
      </c>
      <c r="AO11449">
        <v>19</v>
      </c>
      <c r="AP11449">
        <v>19</v>
      </c>
      <c r="AQ11449">
        <v>19</v>
      </c>
    </row>
    <row r="11450" spans="1:43">
      <c r="A11450" t="s">
        <v>7124</v>
      </c>
      <c r="B11450" t="s">
        <v>7125</v>
      </c>
      <c r="C11450" t="s">
        <v>7068</v>
      </c>
      <c r="D11450" t="s">
        <v>7069</v>
      </c>
      <c r="E11450" t="s">
        <v>6982</v>
      </c>
      <c r="F11450" t="s">
        <v>6983</v>
      </c>
      <c r="G11450" t="s">
        <v>80</v>
      </c>
      <c r="H11450" t="s">
        <v>81</v>
      </c>
      <c r="I11450" s="2">
        <v>0</v>
      </c>
      <c r="J11450" s="2">
        <v>1</v>
      </c>
      <c r="K11450" s="2">
        <v>0</v>
      </c>
      <c r="L11450" t="s">
        <v>82</v>
      </c>
      <c r="M11450" t="s">
        <v>83</v>
      </c>
      <c r="N11450" t="s">
        <v>84</v>
      </c>
      <c r="O11450" t="s">
        <v>85</v>
      </c>
      <c r="P11450" t="s">
        <v>86</v>
      </c>
      <c r="Q11450">
        <v>18</v>
      </c>
      <c r="R11450">
        <v>18</v>
      </c>
      <c r="S11450">
        <v>18</v>
      </c>
      <c r="T11450">
        <v>18</v>
      </c>
      <c r="U11450">
        <v>18</v>
      </c>
      <c r="V11450">
        <v>18</v>
      </c>
      <c r="W11450">
        <v>18</v>
      </c>
      <c r="X11450">
        <v>18</v>
      </c>
      <c r="Y11450">
        <v>18</v>
      </c>
      <c r="Z11450">
        <v>18</v>
      </c>
      <c r="AA11450">
        <v>19</v>
      </c>
      <c r="AB11450">
        <v>19</v>
      </c>
      <c r="AC11450">
        <v>19</v>
      </c>
      <c r="AD11450">
        <v>19</v>
      </c>
      <c r="AE11450">
        <v>19</v>
      </c>
      <c r="AF11450">
        <v>19</v>
      </c>
      <c r="AG11450">
        <v>19</v>
      </c>
      <c r="AH11450">
        <v>19</v>
      </c>
      <c r="AI11450">
        <v>19</v>
      </c>
      <c r="AJ11450">
        <v>19</v>
      </c>
      <c r="AK11450">
        <v>19</v>
      </c>
      <c r="AL11450">
        <v>19</v>
      </c>
      <c r="AM11450">
        <v>19</v>
      </c>
      <c r="AN11450">
        <v>19</v>
      </c>
      <c r="AO11450">
        <v>19</v>
      </c>
      <c r="AP11450">
        <v>19</v>
      </c>
      <c r="AQ11450">
        <v>18</v>
      </c>
    </row>
    <row r="11451" spans="1:43">
      <c r="A11451" t="s">
        <v>7124</v>
      </c>
      <c r="B11451" t="s">
        <v>7125</v>
      </c>
      <c r="C11451" t="s">
        <v>7068</v>
      </c>
      <c r="D11451" t="s">
        <v>7069</v>
      </c>
      <c r="E11451" t="s">
        <v>6982</v>
      </c>
      <c r="F11451" t="s">
        <v>6983</v>
      </c>
      <c r="G11451" t="s">
        <v>80</v>
      </c>
      <c r="H11451" t="s">
        <v>81</v>
      </c>
      <c r="I11451" s="2">
        <v>0</v>
      </c>
      <c r="J11451" s="2">
        <v>1</v>
      </c>
      <c r="K11451" s="2">
        <v>0</v>
      </c>
      <c r="L11451" t="s">
        <v>82</v>
      </c>
      <c r="M11451" t="s">
        <v>87</v>
      </c>
      <c r="N11451" t="s">
        <v>88</v>
      </c>
      <c r="O11451" t="s">
        <v>85</v>
      </c>
      <c r="P11451" t="s">
        <v>86</v>
      </c>
      <c r="Q11451">
        <v>18</v>
      </c>
      <c r="R11451">
        <v>18</v>
      </c>
      <c r="S11451">
        <v>18</v>
      </c>
      <c r="T11451">
        <v>18</v>
      </c>
      <c r="U11451">
        <v>18</v>
      </c>
      <c r="V11451">
        <v>18</v>
      </c>
      <c r="W11451">
        <v>18</v>
      </c>
      <c r="X11451">
        <v>18</v>
      </c>
      <c r="Y11451">
        <v>18</v>
      </c>
      <c r="Z11451">
        <v>18</v>
      </c>
      <c r="AA11451">
        <v>18</v>
      </c>
      <c r="AB11451">
        <v>18</v>
      </c>
      <c r="AC11451">
        <v>18</v>
      </c>
      <c r="AD11451">
        <v>18</v>
      </c>
      <c r="AE11451">
        <v>18</v>
      </c>
      <c r="AF11451">
        <v>18</v>
      </c>
      <c r="AG11451">
        <v>18</v>
      </c>
      <c r="AH11451">
        <v>18</v>
      </c>
      <c r="AI11451">
        <v>18</v>
      </c>
      <c r="AJ11451">
        <v>17</v>
      </c>
      <c r="AK11451">
        <v>17</v>
      </c>
      <c r="AL11451">
        <v>17</v>
      </c>
      <c r="AM11451">
        <v>17</v>
      </c>
      <c r="AN11451">
        <v>17</v>
      </c>
      <c r="AO11451">
        <v>17</v>
      </c>
      <c r="AP11451">
        <v>17</v>
      </c>
      <c r="AQ11451">
        <v>17</v>
      </c>
    </row>
    <row r="11452" spans="1:43">
      <c r="A11452" t="s">
        <v>7124</v>
      </c>
      <c r="B11452" t="s">
        <v>7125</v>
      </c>
      <c r="C11452" t="s">
        <v>7068</v>
      </c>
      <c r="D11452" t="s">
        <v>7069</v>
      </c>
      <c r="E11452" t="s">
        <v>6982</v>
      </c>
      <c r="F11452" t="s">
        <v>6983</v>
      </c>
      <c r="G11452" t="s">
        <v>80</v>
      </c>
      <c r="H11452" t="s">
        <v>81</v>
      </c>
      <c r="I11452" s="2">
        <v>0</v>
      </c>
      <c r="J11452" s="2">
        <v>1</v>
      </c>
      <c r="K11452" s="2">
        <v>0</v>
      </c>
      <c r="L11452" t="s">
        <v>82</v>
      </c>
      <c r="M11452" t="s">
        <v>89</v>
      </c>
      <c r="N11452" t="s">
        <v>90</v>
      </c>
      <c r="O11452" t="s">
        <v>85</v>
      </c>
      <c r="P11452" t="s">
        <v>86</v>
      </c>
      <c r="Q11452">
        <v>18</v>
      </c>
      <c r="R11452">
        <v>18</v>
      </c>
      <c r="S11452">
        <v>18</v>
      </c>
      <c r="T11452">
        <v>18</v>
      </c>
      <c r="U11452">
        <v>19</v>
      </c>
      <c r="V11452">
        <v>19</v>
      </c>
      <c r="W11452">
        <v>19</v>
      </c>
      <c r="X11452">
        <v>19</v>
      </c>
      <c r="Y11452">
        <v>19</v>
      </c>
      <c r="Z11452">
        <v>20</v>
      </c>
      <c r="AA11452">
        <v>20</v>
      </c>
      <c r="AB11452">
        <v>20</v>
      </c>
      <c r="AC11452">
        <v>20</v>
      </c>
      <c r="AD11452">
        <v>20</v>
      </c>
      <c r="AE11452">
        <v>20</v>
      </c>
      <c r="AF11452">
        <v>20</v>
      </c>
      <c r="AG11452">
        <v>20</v>
      </c>
      <c r="AH11452">
        <v>20</v>
      </c>
      <c r="AI11452">
        <v>20</v>
      </c>
      <c r="AJ11452">
        <v>19</v>
      </c>
      <c r="AK11452">
        <v>19</v>
      </c>
      <c r="AL11452">
        <v>19</v>
      </c>
      <c r="AM11452">
        <v>19</v>
      </c>
      <c r="AN11452">
        <v>19</v>
      </c>
      <c r="AO11452">
        <v>19</v>
      </c>
      <c r="AP11452">
        <v>19</v>
      </c>
      <c r="AQ11452">
        <v>19</v>
      </c>
    </row>
    <row r="11453" spans="1:43">
      <c r="A11453" t="s">
        <v>7124</v>
      </c>
      <c r="B11453" t="s">
        <v>7125</v>
      </c>
      <c r="C11453" t="s">
        <v>7068</v>
      </c>
      <c r="D11453" t="s">
        <v>7069</v>
      </c>
      <c r="E11453" t="s">
        <v>6982</v>
      </c>
      <c r="F11453" t="s">
        <v>6983</v>
      </c>
      <c r="G11453" t="s">
        <v>80</v>
      </c>
      <c r="H11453" t="s">
        <v>81</v>
      </c>
      <c r="I11453" s="2">
        <v>0</v>
      </c>
      <c r="J11453" s="2">
        <v>1</v>
      </c>
      <c r="K11453" s="2">
        <v>0</v>
      </c>
      <c r="L11453" t="s">
        <v>82</v>
      </c>
      <c r="M11453" t="s">
        <v>83</v>
      </c>
      <c r="N11453" t="s">
        <v>91</v>
      </c>
      <c r="O11453" t="s">
        <v>85</v>
      </c>
      <c r="P11453" t="s">
        <v>86</v>
      </c>
      <c r="Q11453">
        <v>18</v>
      </c>
      <c r="R11453">
        <v>18</v>
      </c>
      <c r="S11453">
        <v>18</v>
      </c>
      <c r="T11453">
        <v>18</v>
      </c>
      <c r="U11453">
        <v>18</v>
      </c>
      <c r="V11453">
        <v>18</v>
      </c>
      <c r="W11453">
        <v>18</v>
      </c>
      <c r="X11453">
        <v>18</v>
      </c>
      <c r="Y11453">
        <v>18</v>
      </c>
      <c r="Z11453">
        <v>18</v>
      </c>
      <c r="AA11453">
        <v>19</v>
      </c>
      <c r="AB11453">
        <v>19</v>
      </c>
      <c r="AC11453">
        <v>19</v>
      </c>
      <c r="AD11453">
        <v>19</v>
      </c>
      <c r="AE11453">
        <v>19</v>
      </c>
      <c r="AF11453">
        <v>19</v>
      </c>
      <c r="AG11453">
        <v>19</v>
      </c>
      <c r="AH11453">
        <v>19</v>
      </c>
      <c r="AI11453">
        <v>19</v>
      </c>
      <c r="AJ11453">
        <v>19</v>
      </c>
      <c r="AK11453">
        <v>19</v>
      </c>
      <c r="AL11453">
        <v>19</v>
      </c>
      <c r="AM11453">
        <v>19</v>
      </c>
      <c r="AN11453">
        <v>19</v>
      </c>
      <c r="AO11453">
        <v>19</v>
      </c>
      <c r="AP11453">
        <v>19</v>
      </c>
      <c r="AQ11453">
        <v>18</v>
      </c>
    </row>
    <row r="11454" spans="1:43">
      <c r="A11454" t="s">
        <v>7126</v>
      </c>
      <c r="B11454" t="s">
        <v>7127</v>
      </c>
      <c r="C11454" t="s">
        <v>7128</v>
      </c>
      <c r="D11454" t="s">
        <v>7129</v>
      </c>
      <c r="E11454" t="s">
        <v>6982</v>
      </c>
      <c r="F11454" t="s">
        <v>6983</v>
      </c>
      <c r="G11454" t="s">
        <v>80</v>
      </c>
      <c r="H11454" t="s">
        <v>81</v>
      </c>
      <c r="I11454" s="2">
        <v>0</v>
      </c>
      <c r="J11454" s="2">
        <v>1</v>
      </c>
      <c r="K11454" s="2">
        <v>0</v>
      </c>
      <c r="L11454" t="s">
        <v>82</v>
      </c>
      <c r="M11454" t="s">
        <v>83</v>
      </c>
      <c r="N11454" t="s">
        <v>84</v>
      </c>
      <c r="O11454" t="s">
        <v>85</v>
      </c>
      <c r="P11454" t="s">
        <v>86</v>
      </c>
      <c r="Q11454">
        <v>58</v>
      </c>
      <c r="R11454">
        <v>59</v>
      </c>
      <c r="S11454">
        <v>59</v>
      </c>
      <c r="T11454">
        <v>59</v>
      </c>
      <c r="U11454">
        <v>60</v>
      </c>
      <c r="V11454">
        <v>60</v>
      </c>
      <c r="W11454">
        <v>60</v>
      </c>
      <c r="X11454">
        <v>61</v>
      </c>
      <c r="Y11454">
        <v>61</v>
      </c>
      <c r="Z11454">
        <v>61</v>
      </c>
      <c r="AA11454">
        <v>61</v>
      </c>
      <c r="AB11454">
        <v>62</v>
      </c>
      <c r="AC11454">
        <v>62</v>
      </c>
      <c r="AD11454">
        <v>62</v>
      </c>
      <c r="AE11454">
        <v>62</v>
      </c>
      <c r="AF11454">
        <v>62</v>
      </c>
      <c r="AG11454">
        <v>62</v>
      </c>
      <c r="AH11454">
        <v>63</v>
      </c>
      <c r="AI11454">
        <v>63</v>
      </c>
      <c r="AJ11454">
        <v>63</v>
      </c>
      <c r="AK11454">
        <v>63</v>
      </c>
      <c r="AL11454">
        <v>63</v>
      </c>
      <c r="AM11454">
        <v>62</v>
      </c>
      <c r="AN11454">
        <v>62</v>
      </c>
      <c r="AO11454">
        <v>61</v>
      </c>
      <c r="AP11454">
        <v>61</v>
      </c>
      <c r="AQ11454">
        <v>61</v>
      </c>
    </row>
    <row r="11455" spans="1:43">
      <c r="A11455" t="s">
        <v>7126</v>
      </c>
      <c r="B11455" t="s">
        <v>7127</v>
      </c>
      <c r="C11455" t="s">
        <v>7128</v>
      </c>
      <c r="D11455" t="s">
        <v>7129</v>
      </c>
      <c r="E11455" t="s">
        <v>6982</v>
      </c>
      <c r="F11455" t="s">
        <v>6983</v>
      </c>
      <c r="G11455" t="s">
        <v>80</v>
      </c>
      <c r="H11455" t="s">
        <v>81</v>
      </c>
      <c r="I11455" s="2">
        <v>0</v>
      </c>
      <c r="J11455" s="2">
        <v>1</v>
      </c>
      <c r="K11455" s="2">
        <v>0</v>
      </c>
      <c r="L11455" t="s">
        <v>82</v>
      </c>
      <c r="M11455" t="s">
        <v>87</v>
      </c>
      <c r="N11455" t="s">
        <v>88</v>
      </c>
      <c r="O11455" t="s">
        <v>85</v>
      </c>
      <c r="P11455" t="s">
        <v>86</v>
      </c>
      <c r="Q11455">
        <v>58</v>
      </c>
      <c r="R11455">
        <v>58</v>
      </c>
      <c r="S11455">
        <v>57</v>
      </c>
      <c r="T11455">
        <v>57</v>
      </c>
      <c r="U11455">
        <v>57</v>
      </c>
      <c r="V11455">
        <v>57</v>
      </c>
      <c r="W11455">
        <v>57</v>
      </c>
      <c r="X11455">
        <v>56</v>
      </c>
      <c r="Y11455">
        <v>56</v>
      </c>
      <c r="Z11455">
        <v>56</v>
      </c>
      <c r="AA11455">
        <v>56</v>
      </c>
      <c r="AB11455">
        <v>56</v>
      </c>
      <c r="AC11455">
        <v>55</v>
      </c>
      <c r="AD11455">
        <v>55</v>
      </c>
      <c r="AE11455">
        <v>55</v>
      </c>
      <c r="AF11455">
        <v>55</v>
      </c>
      <c r="AG11455">
        <v>55</v>
      </c>
      <c r="AH11455">
        <v>54</v>
      </c>
      <c r="AI11455">
        <v>54</v>
      </c>
      <c r="AJ11455">
        <v>54</v>
      </c>
      <c r="AK11455">
        <v>54</v>
      </c>
      <c r="AL11455">
        <v>54</v>
      </c>
      <c r="AM11455">
        <v>53</v>
      </c>
      <c r="AN11455">
        <v>53</v>
      </c>
      <c r="AO11455">
        <v>53</v>
      </c>
      <c r="AP11455">
        <v>53</v>
      </c>
      <c r="AQ11455">
        <v>53</v>
      </c>
    </row>
    <row r="11456" spans="1:43">
      <c r="A11456" t="s">
        <v>7126</v>
      </c>
      <c r="B11456" t="s">
        <v>7127</v>
      </c>
      <c r="C11456" t="s">
        <v>7128</v>
      </c>
      <c r="D11456" t="s">
        <v>7129</v>
      </c>
      <c r="E11456" t="s">
        <v>6982</v>
      </c>
      <c r="F11456" t="s">
        <v>6983</v>
      </c>
      <c r="G11456" t="s">
        <v>80</v>
      </c>
      <c r="H11456" t="s">
        <v>81</v>
      </c>
      <c r="I11456" s="2">
        <v>0</v>
      </c>
      <c r="J11456" s="2">
        <v>1</v>
      </c>
      <c r="K11456" s="2">
        <v>0</v>
      </c>
      <c r="L11456" t="s">
        <v>82</v>
      </c>
      <c r="M11456" t="s">
        <v>89</v>
      </c>
      <c r="N11456" t="s">
        <v>90</v>
      </c>
      <c r="O11456" t="s">
        <v>85</v>
      </c>
      <c r="P11456" t="s">
        <v>86</v>
      </c>
      <c r="Q11456">
        <v>58</v>
      </c>
      <c r="R11456">
        <v>59</v>
      </c>
      <c r="S11456">
        <v>60</v>
      </c>
      <c r="T11456">
        <v>60</v>
      </c>
      <c r="U11456">
        <v>61</v>
      </c>
      <c r="V11456">
        <v>62</v>
      </c>
      <c r="W11456">
        <v>62</v>
      </c>
      <c r="X11456">
        <v>63</v>
      </c>
      <c r="Y11456">
        <v>63</v>
      </c>
      <c r="Z11456">
        <v>64</v>
      </c>
      <c r="AA11456">
        <v>64</v>
      </c>
      <c r="AB11456">
        <v>65</v>
      </c>
      <c r="AC11456">
        <v>65</v>
      </c>
      <c r="AD11456">
        <v>65</v>
      </c>
      <c r="AE11456">
        <v>65</v>
      </c>
      <c r="AF11456">
        <v>65</v>
      </c>
      <c r="AG11456">
        <v>65</v>
      </c>
      <c r="AH11456">
        <v>64</v>
      </c>
      <c r="AI11456">
        <v>64</v>
      </c>
      <c r="AJ11456">
        <v>63</v>
      </c>
      <c r="AK11456">
        <v>63</v>
      </c>
      <c r="AL11456">
        <v>62</v>
      </c>
      <c r="AM11456">
        <v>62</v>
      </c>
      <c r="AN11456">
        <v>61</v>
      </c>
      <c r="AO11456">
        <v>61</v>
      </c>
      <c r="AP11456">
        <v>60</v>
      </c>
      <c r="AQ11456">
        <v>60</v>
      </c>
    </row>
    <row r="11457" spans="1:43">
      <c r="A11457" t="s">
        <v>7126</v>
      </c>
      <c r="B11457" t="s">
        <v>7127</v>
      </c>
      <c r="C11457" t="s">
        <v>7128</v>
      </c>
      <c r="D11457" t="s">
        <v>7129</v>
      </c>
      <c r="E11457" t="s">
        <v>6982</v>
      </c>
      <c r="F11457" t="s">
        <v>6983</v>
      </c>
      <c r="G11457" t="s">
        <v>80</v>
      </c>
      <c r="H11457" t="s">
        <v>81</v>
      </c>
      <c r="I11457" s="2">
        <v>0</v>
      </c>
      <c r="J11457" s="2">
        <v>1</v>
      </c>
      <c r="K11457" s="2">
        <v>0</v>
      </c>
      <c r="L11457" t="s">
        <v>82</v>
      </c>
      <c r="M11457" t="s">
        <v>83</v>
      </c>
      <c r="N11457" t="s">
        <v>91</v>
      </c>
      <c r="O11457" t="s">
        <v>85</v>
      </c>
      <c r="P11457" t="s">
        <v>86</v>
      </c>
      <c r="Q11457">
        <v>58</v>
      </c>
      <c r="R11457">
        <v>59</v>
      </c>
      <c r="S11457">
        <v>59</v>
      </c>
      <c r="T11457">
        <v>59</v>
      </c>
      <c r="U11457">
        <v>60</v>
      </c>
      <c r="V11457">
        <v>60</v>
      </c>
      <c r="W11457">
        <v>60</v>
      </c>
      <c r="X11457">
        <v>61</v>
      </c>
      <c r="Y11457">
        <v>61</v>
      </c>
      <c r="Z11457">
        <v>61</v>
      </c>
      <c r="AA11457">
        <v>61</v>
      </c>
      <c r="AB11457">
        <v>62</v>
      </c>
      <c r="AC11457">
        <v>62</v>
      </c>
      <c r="AD11457">
        <v>62</v>
      </c>
      <c r="AE11457">
        <v>62</v>
      </c>
      <c r="AF11457">
        <v>62</v>
      </c>
      <c r="AG11457">
        <v>62</v>
      </c>
      <c r="AH11457">
        <v>63</v>
      </c>
      <c r="AI11457">
        <v>63</v>
      </c>
      <c r="AJ11457">
        <v>63</v>
      </c>
      <c r="AK11457">
        <v>63</v>
      </c>
      <c r="AL11457">
        <v>63</v>
      </c>
      <c r="AM11457">
        <v>62</v>
      </c>
      <c r="AN11457">
        <v>62</v>
      </c>
      <c r="AO11457">
        <v>61</v>
      </c>
      <c r="AP11457">
        <v>61</v>
      </c>
      <c r="AQ11457">
        <v>61</v>
      </c>
    </row>
    <row r="11458" spans="1:43">
      <c r="A11458" t="s">
        <v>7130</v>
      </c>
      <c r="B11458" t="s">
        <v>7131</v>
      </c>
      <c r="C11458" t="s">
        <v>7128</v>
      </c>
      <c r="D11458" t="s">
        <v>7129</v>
      </c>
      <c r="E11458" t="s">
        <v>6982</v>
      </c>
      <c r="F11458" t="s">
        <v>6983</v>
      </c>
      <c r="G11458" t="s">
        <v>80</v>
      </c>
      <c r="H11458" t="s">
        <v>81</v>
      </c>
      <c r="I11458" s="2">
        <v>0</v>
      </c>
      <c r="J11458" s="2">
        <v>0.91</v>
      </c>
      <c r="K11458" s="2">
        <v>0.09</v>
      </c>
      <c r="L11458" t="s">
        <v>82</v>
      </c>
      <c r="M11458" t="s">
        <v>83</v>
      </c>
      <c r="N11458" t="s">
        <v>84</v>
      </c>
      <c r="O11458" t="s">
        <v>85</v>
      </c>
      <c r="P11458" t="s">
        <v>86</v>
      </c>
      <c r="Q11458">
        <v>11</v>
      </c>
      <c r="R11458">
        <v>11</v>
      </c>
      <c r="S11458">
        <v>11</v>
      </c>
      <c r="T11458">
        <v>11</v>
      </c>
      <c r="U11458">
        <v>11</v>
      </c>
      <c r="V11458">
        <v>11</v>
      </c>
      <c r="W11458">
        <v>11</v>
      </c>
      <c r="X11458">
        <v>11</v>
      </c>
      <c r="Y11458">
        <v>11</v>
      </c>
      <c r="Z11458">
        <v>11</v>
      </c>
      <c r="AA11458">
        <v>12</v>
      </c>
      <c r="AB11458">
        <v>12</v>
      </c>
      <c r="AC11458">
        <v>12</v>
      </c>
      <c r="AD11458">
        <v>12</v>
      </c>
      <c r="AE11458">
        <v>12</v>
      </c>
      <c r="AF11458">
        <v>12</v>
      </c>
      <c r="AG11458">
        <v>12</v>
      </c>
      <c r="AH11458">
        <v>12</v>
      </c>
      <c r="AI11458">
        <v>12</v>
      </c>
      <c r="AJ11458">
        <v>12</v>
      </c>
      <c r="AK11458">
        <v>12</v>
      </c>
      <c r="AL11458">
        <v>12</v>
      </c>
      <c r="AM11458">
        <v>12</v>
      </c>
      <c r="AN11458">
        <v>12</v>
      </c>
      <c r="AO11458">
        <v>12</v>
      </c>
      <c r="AP11458">
        <v>12</v>
      </c>
      <c r="AQ11458">
        <v>12</v>
      </c>
    </row>
    <row r="11459" spans="1:43">
      <c r="A11459" t="s">
        <v>7130</v>
      </c>
      <c r="B11459" t="s">
        <v>7131</v>
      </c>
      <c r="C11459" t="s">
        <v>7128</v>
      </c>
      <c r="D11459" t="s">
        <v>7129</v>
      </c>
      <c r="E11459" t="s">
        <v>6982</v>
      </c>
      <c r="F11459" t="s">
        <v>6983</v>
      </c>
      <c r="G11459" t="s">
        <v>80</v>
      </c>
      <c r="H11459" t="s">
        <v>81</v>
      </c>
      <c r="I11459" s="2">
        <v>0</v>
      </c>
      <c r="J11459" s="2">
        <v>0.91</v>
      </c>
      <c r="K11459" s="2">
        <v>0.09</v>
      </c>
      <c r="L11459" t="s">
        <v>82</v>
      </c>
      <c r="M11459" t="s">
        <v>87</v>
      </c>
      <c r="N11459" t="s">
        <v>88</v>
      </c>
      <c r="O11459" t="s">
        <v>85</v>
      </c>
      <c r="P11459" t="s">
        <v>86</v>
      </c>
      <c r="Q11459">
        <v>11</v>
      </c>
      <c r="R11459">
        <v>11</v>
      </c>
      <c r="S11459">
        <v>11</v>
      </c>
      <c r="T11459">
        <v>11</v>
      </c>
      <c r="U11459">
        <v>11</v>
      </c>
      <c r="V11459">
        <v>11</v>
      </c>
      <c r="W11459">
        <v>11</v>
      </c>
      <c r="X11459">
        <v>11</v>
      </c>
      <c r="Y11459">
        <v>11</v>
      </c>
      <c r="Z11459">
        <v>11</v>
      </c>
      <c r="AA11459">
        <v>10</v>
      </c>
      <c r="AB11459">
        <v>10</v>
      </c>
      <c r="AC11459">
        <v>10</v>
      </c>
      <c r="AD11459">
        <v>10</v>
      </c>
      <c r="AE11459">
        <v>10</v>
      </c>
      <c r="AF11459">
        <v>10</v>
      </c>
      <c r="AG11459">
        <v>10</v>
      </c>
      <c r="AH11459">
        <v>10</v>
      </c>
      <c r="AI11459">
        <v>10</v>
      </c>
      <c r="AJ11459">
        <v>10</v>
      </c>
      <c r="AK11459">
        <v>10</v>
      </c>
      <c r="AL11459">
        <v>10</v>
      </c>
      <c r="AM11459">
        <v>10</v>
      </c>
      <c r="AN11459">
        <v>10</v>
      </c>
      <c r="AO11459">
        <v>10</v>
      </c>
      <c r="AP11459">
        <v>10</v>
      </c>
      <c r="AQ11459">
        <v>10</v>
      </c>
    </row>
    <row r="11460" spans="1:43">
      <c r="A11460" t="s">
        <v>7130</v>
      </c>
      <c r="B11460" t="s">
        <v>7131</v>
      </c>
      <c r="C11460" t="s">
        <v>7128</v>
      </c>
      <c r="D11460" t="s">
        <v>7129</v>
      </c>
      <c r="E11460" t="s">
        <v>6982</v>
      </c>
      <c r="F11460" t="s">
        <v>6983</v>
      </c>
      <c r="G11460" t="s">
        <v>80</v>
      </c>
      <c r="H11460" t="s">
        <v>81</v>
      </c>
      <c r="I11460" s="2">
        <v>0</v>
      </c>
      <c r="J11460" s="2">
        <v>0.91</v>
      </c>
      <c r="K11460" s="2">
        <v>0.09</v>
      </c>
      <c r="L11460" t="s">
        <v>82</v>
      </c>
      <c r="M11460" t="s">
        <v>89</v>
      </c>
      <c r="N11460" t="s">
        <v>90</v>
      </c>
      <c r="O11460" t="s">
        <v>85</v>
      </c>
      <c r="P11460" t="s">
        <v>86</v>
      </c>
      <c r="Q11460">
        <v>11</v>
      </c>
      <c r="R11460">
        <v>11</v>
      </c>
      <c r="S11460">
        <v>11</v>
      </c>
      <c r="T11460">
        <v>11</v>
      </c>
      <c r="U11460">
        <v>12</v>
      </c>
      <c r="V11460">
        <v>12</v>
      </c>
      <c r="W11460">
        <v>12</v>
      </c>
      <c r="X11460">
        <v>12</v>
      </c>
      <c r="Y11460">
        <v>12</v>
      </c>
      <c r="Z11460">
        <v>12</v>
      </c>
      <c r="AA11460">
        <v>12</v>
      </c>
      <c r="AB11460">
        <v>12</v>
      </c>
      <c r="AC11460">
        <v>12</v>
      </c>
      <c r="AD11460">
        <v>13</v>
      </c>
      <c r="AE11460">
        <v>13</v>
      </c>
      <c r="AF11460">
        <v>12</v>
      </c>
      <c r="AG11460">
        <v>12</v>
      </c>
      <c r="AH11460">
        <v>12</v>
      </c>
      <c r="AI11460">
        <v>12</v>
      </c>
      <c r="AJ11460">
        <v>12</v>
      </c>
      <c r="AK11460">
        <v>12</v>
      </c>
      <c r="AL11460">
        <v>12</v>
      </c>
      <c r="AM11460">
        <v>12</v>
      </c>
      <c r="AN11460">
        <v>12</v>
      </c>
      <c r="AO11460">
        <v>12</v>
      </c>
      <c r="AP11460">
        <v>12</v>
      </c>
      <c r="AQ11460">
        <v>12</v>
      </c>
    </row>
    <row r="11461" spans="1:43">
      <c r="A11461" t="s">
        <v>7130</v>
      </c>
      <c r="B11461" t="s">
        <v>7131</v>
      </c>
      <c r="C11461" t="s">
        <v>7128</v>
      </c>
      <c r="D11461" t="s">
        <v>7129</v>
      </c>
      <c r="E11461" t="s">
        <v>6982</v>
      </c>
      <c r="F11461" t="s">
        <v>6983</v>
      </c>
      <c r="G11461" t="s">
        <v>80</v>
      </c>
      <c r="H11461" t="s">
        <v>81</v>
      </c>
      <c r="I11461" s="2">
        <v>0</v>
      </c>
      <c r="J11461" s="2">
        <v>0.91</v>
      </c>
      <c r="K11461" s="2">
        <v>0.09</v>
      </c>
      <c r="L11461" t="s">
        <v>82</v>
      </c>
      <c r="M11461" t="s">
        <v>83</v>
      </c>
      <c r="N11461" t="s">
        <v>91</v>
      </c>
      <c r="O11461" t="s">
        <v>85</v>
      </c>
      <c r="P11461" t="s">
        <v>86</v>
      </c>
      <c r="Q11461">
        <v>11</v>
      </c>
      <c r="R11461">
        <v>11</v>
      </c>
      <c r="S11461">
        <v>11</v>
      </c>
      <c r="T11461">
        <v>11</v>
      </c>
      <c r="U11461">
        <v>11</v>
      </c>
      <c r="V11461">
        <v>11</v>
      </c>
      <c r="W11461">
        <v>11</v>
      </c>
      <c r="X11461">
        <v>11</v>
      </c>
      <c r="Y11461">
        <v>11</v>
      </c>
      <c r="Z11461">
        <v>11</v>
      </c>
      <c r="AA11461">
        <v>12</v>
      </c>
      <c r="AB11461">
        <v>12</v>
      </c>
      <c r="AC11461">
        <v>12</v>
      </c>
      <c r="AD11461">
        <v>12</v>
      </c>
      <c r="AE11461">
        <v>12</v>
      </c>
      <c r="AF11461">
        <v>12</v>
      </c>
      <c r="AG11461">
        <v>12</v>
      </c>
      <c r="AH11461">
        <v>12</v>
      </c>
      <c r="AI11461">
        <v>12</v>
      </c>
      <c r="AJ11461">
        <v>12</v>
      </c>
      <c r="AK11461">
        <v>12</v>
      </c>
      <c r="AL11461">
        <v>12</v>
      </c>
      <c r="AM11461">
        <v>12</v>
      </c>
      <c r="AN11461">
        <v>12</v>
      </c>
      <c r="AO11461">
        <v>12</v>
      </c>
      <c r="AP11461">
        <v>12</v>
      </c>
      <c r="AQ11461">
        <v>12</v>
      </c>
    </row>
    <row r="11462" spans="1:43">
      <c r="A11462" t="s">
        <v>7132</v>
      </c>
      <c r="B11462" t="s">
        <v>7133</v>
      </c>
      <c r="C11462" t="s">
        <v>7128</v>
      </c>
      <c r="D11462" t="s">
        <v>7129</v>
      </c>
      <c r="E11462" t="s">
        <v>6982</v>
      </c>
      <c r="F11462" t="s">
        <v>6983</v>
      </c>
      <c r="G11462" t="s">
        <v>80</v>
      </c>
      <c r="H11462" t="s">
        <v>81</v>
      </c>
      <c r="I11462" s="2">
        <v>0</v>
      </c>
      <c r="J11462" s="2">
        <v>1</v>
      </c>
      <c r="K11462" s="2">
        <v>0</v>
      </c>
      <c r="L11462" t="s">
        <v>82</v>
      </c>
      <c r="M11462" t="s">
        <v>83</v>
      </c>
      <c r="N11462" t="s">
        <v>84</v>
      </c>
      <c r="O11462" t="s">
        <v>85</v>
      </c>
      <c r="P11462" t="s">
        <v>86</v>
      </c>
      <c r="Q11462">
        <v>4</v>
      </c>
      <c r="R11462">
        <v>4</v>
      </c>
      <c r="S11462">
        <v>4</v>
      </c>
      <c r="T11462">
        <v>4</v>
      </c>
      <c r="U11462">
        <v>4</v>
      </c>
      <c r="V11462">
        <v>4</v>
      </c>
      <c r="W11462">
        <v>4</v>
      </c>
      <c r="X11462">
        <v>4</v>
      </c>
      <c r="Y11462">
        <v>4</v>
      </c>
      <c r="Z11462">
        <v>4</v>
      </c>
      <c r="AA11462">
        <v>4</v>
      </c>
      <c r="AB11462">
        <v>4</v>
      </c>
      <c r="AC11462">
        <v>4</v>
      </c>
      <c r="AD11462">
        <v>4</v>
      </c>
      <c r="AE11462">
        <v>4</v>
      </c>
      <c r="AF11462">
        <v>4</v>
      </c>
      <c r="AG11462">
        <v>4</v>
      </c>
      <c r="AH11462">
        <v>5</v>
      </c>
      <c r="AI11462">
        <v>5</v>
      </c>
      <c r="AJ11462">
        <v>5</v>
      </c>
      <c r="AK11462">
        <v>5</v>
      </c>
      <c r="AL11462">
        <v>5</v>
      </c>
      <c r="AM11462">
        <v>4</v>
      </c>
      <c r="AN11462">
        <v>4</v>
      </c>
      <c r="AO11462">
        <v>4</v>
      </c>
      <c r="AP11462">
        <v>4</v>
      </c>
      <c r="AQ11462">
        <v>4</v>
      </c>
    </row>
    <row r="11463" spans="1:43">
      <c r="A11463" t="s">
        <v>7132</v>
      </c>
      <c r="B11463" t="s">
        <v>7133</v>
      </c>
      <c r="C11463" t="s">
        <v>7128</v>
      </c>
      <c r="D11463" t="s">
        <v>7129</v>
      </c>
      <c r="E11463" t="s">
        <v>6982</v>
      </c>
      <c r="F11463" t="s">
        <v>6983</v>
      </c>
      <c r="G11463" t="s">
        <v>80</v>
      </c>
      <c r="H11463" t="s">
        <v>81</v>
      </c>
      <c r="I11463" s="2">
        <v>0</v>
      </c>
      <c r="J11463" s="2">
        <v>1</v>
      </c>
      <c r="K11463" s="2">
        <v>0</v>
      </c>
      <c r="L11463" t="s">
        <v>82</v>
      </c>
      <c r="M11463" t="s">
        <v>87</v>
      </c>
      <c r="N11463" t="s">
        <v>88</v>
      </c>
      <c r="O11463" t="s">
        <v>85</v>
      </c>
      <c r="P11463" t="s">
        <v>86</v>
      </c>
      <c r="Q11463">
        <v>4</v>
      </c>
      <c r="R11463">
        <v>4</v>
      </c>
      <c r="S11463">
        <v>4</v>
      </c>
      <c r="T11463">
        <v>4</v>
      </c>
      <c r="U11463">
        <v>4</v>
      </c>
      <c r="V11463">
        <v>4</v>
      </c>
      <c r="W11463">
        <v>4</v>
      </c>
      <c r="X11463">
        <v>4</v>
      </c>
      <c r="Y11463">
        <v>4</v>
      </c>
      <c r="Z11463">
        <v>4</v>
      </c>
      <c r="AA11463">
        <v>4</v>
      </c>
      <c r="AB11463">
        <v>4</v>
      </c>
      <c r="AC11463">
        <v>4</v>
      </c>
      <c r="AD11463">
        <v>4</v>
      </c>
      <c r="AE11463">
        <v>4</v>
      </c>
      <c r="AF11463">
        <v>4</v>
      </c>
      <c r="AG11463">
        <v>4</v>
      </c>
      <c r="AH11463">
        <v>4</v>
      </c>
      <c r="AI11463">
        <v>4</v>
      </c>
      <c r="AJ11463">
        <v>4</v>
      </c>
      <c r="AK11463">
        <v>4</v>
      </c>
      <c r="AL11463">
        <v>4</v>
      </c>
      <c r="AM11463">
        <v>4</v>
      </c>
      <c r="AN11463">
        <v>4</v>
      </c>
      <c r="AO11463">
        <v>4</v>
      </c>
      <c r="AP11463">
        <v>4</v>
      </c>
      <c r="AQ11463">
        <v>4</v>
      </c>
    </row>
    <row r="11464" spans="1:43">
      <c r="A11464" t="s">
        <v>7132</v>
      </c>
      <c r="B11464" t="s">
        <v>7133</v>
      </c>
      <c r="C11464" t="s">
        <v>7128</v>
      </c>
      <c r="D11464" t="s">
        <v>7129</v>
      </c>
      <c r="E11464" t="s">
        <v>6982</v>
      </c>
      <c r="F11464" t="s">
        <v>6983</v>
      </c>
      <c r="G11464" t="s">
        <v>80</v>
      </c>
      <c r="H11464" t="s">
        <v>81</v>
      </c>
      <c r="I11464" s="2">
        <v>0</v>
      </c>
      <c r="J11464" s="2">
        <v>1</v>
      </c>
      <c r="K11464" s="2">
        <v>0</v>
      </c>
      <c r="L11464" t="s">
        <v>82</v>
      </c>
      <c r="M11464" t="s">
        <v>89</v>
      </c>
      <c r="N11464" t="s">
        <v>90</v>
      </c>
      <c r="O11464" t="s">
        <v>85</v>
      </c>
      <c r="P11464" t="s">
        <v>86</v>
      </c>
      <c r="Q11464">
        <v>4</v>
      </c>
      <c r="R11464">
        <v>4</v>
      </c>
      <c r="S11464">
        <v>4</v>
      </c>
      <c r="T11464">
        <v>4</v>
      </c>
      <c r="U11464">
        <v>4</v>
      </c>
      <c r="V11464">
        <v>4</v>
      </c>
      <c r="W11464">
        <v>5</v>
      </c>
      <c r="X11464">
        <v>5</v>
      </c>
      <c r="Y11464">
        <v>5</v>
      </c>
      <c r="Z11464">
        <v>5</v>
      </c>
      <c r="AA11464">
        <v>5</v>
      </c>
      <c r="AB11464">
        <v>5</v>
      </c>
      <c r="AC11464">
        <v>5</v>
      </c>
      <c r="AD11464">
        <v>5</v>
      </c>
      <c r="AE11464">
        <v>5</v>
      </c>
      <c r="AF11464">
        <v>5</v>
      </c>
      <c r="AG11464">
        <v>5</v>
      </c>
      <c r="AH11464">
        <v>5</v>
      </c>
      <c r="AI11464">
        <v>5</v>
      </c>
      <c r="AJ11464">
        <v>5</v>
      </c>
      <c r="AK11464">
        <v>5</v>
      </c>
      <c r="AL11464">
        <v>5</v>
      </c>
      <c r="AM11464">
        <v>5</v>
      </c>
      <c r="AN11464">
        <v>5</v>
      </c>
      <c r="AO11464">
        <v>4</v>
      </c>
      <c r="AP11464">
        <v>4</v>
      </c>
      <c r="AQ11464">
        <v>4</v>
      </c>
    </row>
    <row r="11465" spans="1:43">
      <c r="A11465" t="s">
        <v>7132</v>
      </c>
      <c r="B11465" t="s">
        <v>7133</v>
      </c>
      <c r="C11465" t="s">
        <v>7128</v>
      </c>
      <c r="D11465" t="s">
        <v>7129</v>
      </c>
      <c r="E11465" t="s">
        <v>6982</v>
      </c>
      <c r="F11465" t="s">
        <v>6983</v>
      </c>
      <c r="G11465" t="s">
        <v>80</v>
      </c>
      <c r="H11465" t="s">
        <v>81</v>
      </c>
      <c r="I11465" s="2">
        <v>0</v>
      </c>
      <c r="J11465" s="2">
        <v>1</v>
      </c>
      <c r="K11465" s="2">
        <v>0</v>
      </c>
      <c r="L11465" t="s">
        <v>82</v>
      </c>
      <c r="M11465" t="s">
        <v>83</v>
      </c>
      <c r="N11465" t="s">
        <v>91</v>
      </c>
      <c r="O11465" t="s">
        <v>85</v>
      </c>
      <c r="P11465" t="s">
        <v>86</v>
      </c>
      <c r="Q11465">
        <v>4</v>
      </c>
      <c r="R11465">
        <v>4</v>
      </c>
      <c r="S11465">
        <v>4</v>
      </c>
      <c r="T11465">
        <v>4</v>
      </c>
      <c r="U11465">
        <v>4</v>
      </c>
      <c r="V11465">
        <v>4</v>
      </c>
      <c r="W11465">
        <v>4</v>
      </c>
      <c r="X11465">
        <v>4</v>
      </c>
      <c r="Y11465">
        <v>4</v>
      </c>
      <c r="Z11465">
        <v>4</v>
      </c>
      <c r="AA11465">
        <v>4</v>
      </c>
      <c r="AB11465">
        <v>4</v>
      </c>
      <c r="AC11465">
        <v>4</v>
      </c>
      <c r="AD11465">
        <v>4</v>
      </c>
      <c r="AE11465">
        <v>4</v>
      </c>
      <c r="AF11465">
        <v>4</v>
      </c>
      <c r="AG11465">
        <v>4</v>
      </c>
      <c r="AH11465">
        <v>5</v>
      </c>
      <c r="AI11465">
        <v>5</v>
      </c>
      <c r="AJ11465">
        <v>5</v>
      </c>
      <c r="AK11465">
        <v>5</v>
      </c>
      <c r="AL11465">
        <v>5</v>
      </c>
      <c r="AM11465">
        <v>4</v>
      </c>
      <c r="AN11465">
        <v>4</v>
      </c>
      <c r="AO11465">
        <v>4</v>
      </c>
      <c r="AP11465">
        <v>4</v>
      </c>
      <c r="AQ11465">
        <v>4</v>
      </c>
    </row>
    <row r="11466" spans="1:43">
      <c r="A11466" t="s">
        <v>7134</v>
      </c>
      <c r="B11466" t="s">
        <v>7135</v>
      </c>
      <c r="C11466" t="s">
        <v>7128</v>
      </c>
      <c r="D11466" t="s">
        <v>7129</v>
      </c>
      <c r="E11466" t="s">
        <v>6982</v>
      </c>
      <c r="F11466" t="s">
        <v>6983</v>
      </c>
      <c r="G11466" t="s">
        <v>80</v>
      </c>
      <c r="H11466" t="s">
        <v>81</v>
      </c>
      <c r="I11466" s="2">
        <v>0</v>
      </c>
      <c r="J11466" s="2">
        <v>1</v>
      </c>
      <c r="K11466" s="2">
        <v>0</v>
      </c>
      <c r="L11466" t="s">
        <v>82</v>
      </c>
      <c r="M11466" t="s">
        <v>83</v>
      </c>
      <c r="N11466" t="s">
        <v>84</v>
      </c>
      <c r="O11466" t="s">
        <v>85</v>
      </c>
      <c r="P11466" t="s">
        <v>86</v>
      </c>
      <c r="Q11466">
        <v>19</v>
      </c>
      <c r="R11466">
        <v>19</v>
      </c>
      <c r="S11466">
        <v>19</v>
      </c>
      <c r="T11466">
        <v>20</v>
      </c>
      <c r="U11466">
        <v>20</v>
      </c>
      <c r="V11466">
        <v>20</v>
      </c>
      <c r="W11466">
        <v>20</v>
      </c>
      <c r="X11466">
        <v>20</v>
      </c>
      <c r="Y11466">
        <v>20</v>
      </c>
      <c r="Z11466">
        <v>20</v>
      </c>
      <c r="AA11466">
        <v>20</v>
      </c>
      <c r="AB11466">
        <v>20</v>
      </c>
      <c r="AC11466">
        <v>20</v>
      </c>
      <c r="AD11466">
        <v>21</v>
      </c>
      <c r="AE11466">
        <v>21</v>
      </c>
      <c r="AF11466">
        <v>21</v>
      </c>
      <c r="AG11466">
        <v>21</v>
      </c>
      <c r="AH11466">
        <v>21</v>
      </c>
      <c r="AI11466">
        <v>21</v>
      </c>
      <c r="AJ11466">
        <v>21</v>
      </c>
      <c r="AK11466">
        <v>21</v>
      </c>
      <c r="AL11466">
        <v>21</v>
      </c>
      <c r="AM11466">
        <v>21</v>
      </c>
      <c r="AN11466">
        <v>21</v>
      </c>
      <c r="AO11466">
        <v>20</v>
      </c>
      <c r="AP11466">
        <v>20</v>
      </c>
      <c r="AQ11466">
        <v>20</v>
      </c>
    </row>
    <row r="11467" spans="1:43">
      <c r="A11467" t="s">
        <v>7134</v>
      </c>
      <c r="B11467" t="s">
        <v>7135</v>
      </c>
      <c r="C11467" t="s">
        <v>7128</v>
      </c>
      <c r="D11467" t="s">
        <v>7129</v>
      </c>
      <c r="E11467" t="s">
        <v>6982</v>
      </c>
      <c r="F11467" t="s">
        <v>6983</v>
      </c>
      <c r="G11467" t="s">
        <v>80</v>
      </c>
      <c r="H11467" t="s">
        <v>81</v>
      </c>
      <c r="I11467" s="2">
        <v>0</v>
      </c>
      <c r="J11467" s="2">
        <v>1</v>
      </c>
      <c r="K11467" s="2">
        <v>0</v>
      </c>
      <c r="L11467" t="s">
        <v>82</v>
      </c>
      <c r="M11467" t="s">
        <v>87</v>
      </c>
      <c r="N11467" t="s">
        <v>88</v>
      </c>
      <c r="O11467" t="s">
        <v>85</v>
      </c>
      <c r="P11467" t="s">
        <v>86</v>
      </c>
      <c r="Q11467">
        <v>19</v>
      </c>
      <c r="R11467">
        <v>19</v>
      </c>
      <c r="S11467">
        <v>19</v>
      </c>
      <c r="T11467">
        <v>19</v>
      </c>
      <c r="U11467">
        <v>19</v>
      </c>
      <c r="V11467">
        <v>19</v>
      </c>
      <c r="W11467">
        <v>19</v>
      </c>
      <c r="X11467">
        <v>19</v>
      </c>
      <c r="Y11467">
        <v>19</v>
      </c>
      <c r="Z11467">
        <v>19</v>
      </c>
      <c r="AA11467">
        <v>19</v>
      </c>
      <c r="AB11467">
        <v>18</v>
      </c>
      <c r="AC11467">
        <v>18</v>
      </c>
      <c r="AD11467">
        <v>18</v>
      </c>
      <c r="AE11467">
        <v>18</v>
      </c>
      <c r="AF11467">
        <v>18</v>
      </c>
      <c r="AG11467">
        <v>18</v>
      </c>
      <c r="AH11467">
        <v>18</v>
      </c>
      <c r="AI11467">
        <v>18</v>
      </c>
      <c r="AJ11467">
        <v>18</v>
      </c>
      <c r="AK11467">
        <v>18</v>
      </c>
      <c r="AL11467">
        <v>18</v>
      </c>
      <c r="AM11467">
        <v>18</v>
      </c>
      <c r="AN11467">
        <v>18</v>
      </c>
      <c r="AO11467">
        <v>18</v>
      </c>
      <c r="AP11467">
        <v>18</v>
      </c>
      <c r="AQ11467">
        <v>18</v>
      </c>
    </row>
    <row r="11468" spans="1:43">
      <c r="A11468" t="s">
        <v>7134</v>
      </c>
      <c r="B11468" t="s">
        <v>7135</v>
      </c>
      <c r="C11468" t="s">
        <v>7128</v>
      </c>
      <c r="D11468" t="s">
        <v>7129</v>
      </c>
      <c r="E11468" t="s">
        <v>6982</v>
      </c>
      <c r="F11468" t="s">
        <v>6983</v>
      </c>
      <c r="G11468" t="s">
        <v>80</v>
      </c>
      <c r="H11468" t="s">
        <v>81</v>
      </c>
      <c r="I11468" s="2">
        <v>0</v>
      </c>
      <c r="J11468" s="2">
        <v>1</v>
      </c>
      <c r="K11468" s="2">
        <v>0</v>
      </c>
      <c r="L11468" t="s">
        <v>82</v>
      </c>
      <c r="M11468" t="s">
        <v>89</v>
      </c>
      <c r="N11468" t="s">
        <v>90</v>
      </c>
      <c r="O11468" t="s">
        <v>85</v>
      </c>
      <c r="P11468" t="s">
        <v>86</v>
      </c>
      <c r="Q11468">
        <v>19</v>
      </c>
      <c r="R11468">
        <v>20</v>
      </c>
      <c r="S11468">
        <v>20</v>
      </c>
      <c r="T11468">
        <v>20</v>
      </c>
      <c r="U11468">
        <v>20</v>
      </c>
      <c r="V11468">
        <v>21</v>
      </c>
      <c r="W11468">
        <v>21</v>
      </c>
      <c r="X11468">
        <v>21</v>
      </c>
      <c r="Y11468">
        <v>21</v>
      </c>
      <c r="Z11468">
        <v>21</v>
      </c>
      <c r="AA11468">
        <v>22</v>
      </c>
      <c r="AB11468">
        <v>22</v>
      </c>
      <c r="AC11468">
        <v>22</v>
      </c>
      <c r="AD11468">
        <v>22</v>
      </c>
      <c r="AE11468">
        <v>22</v>
      </c>
      <c r="AF11468">
        <v>22</v>
      </c>
      <c r="AG11468">
        <v>22</v>
      </c>
      <c r="AH11468">
        <v>22</v>
      </c>
      <c r="AI11468">
        <v>21</v>
      </c>
      <c r="AJ11468">
        <v>21</v>
      </c>
      <c r="AK11468">
        <v>21</v>
      </c>
      <c r="AL11468">
        <v>21</v>
      </c>
      <c r="AM11468">
        <v>21</v>
      </c>
      <c r="AN11468">
        <v>21</v>
      </c>
      <c r="AO11468">
        <v>21</v>
      </c>
      <c r="AP11468">
        <v>21</v>
      </c>
      <c r="AQ11468">
        <v>20</v>
      </c>
    </row>
    <row r="11469" spans="1:43">
      <c r="A11469" t="s">
        <v>7134</v>
      </c>
      <c r="B11469" t="s">
        <v>7135</v>
      </c>
      <c r="C11469" t="s">
        <v>7128</v>
      </c>
      <c r="D11469" t="s">
        <v>7129</v>
      </c>
      <c r="E11469" t="s">
        <v>6982</v>
      </c>
      <c r="F11469" t="s">
        <v>6983</v>
      </c>
      <c r="G11469" t="s">
        <v>80</v>
      </c>
      <c r="H11469" t="s">
        <v>81</v>
      </c>
      <c r="I11469" s="2">
        <v>0</v>
      </c>
      <c r="J11469" s="2">
        <v>1</v>
      </c>
      <c r="K11469" s="2">
        <v>0</v>
      </c>
      <c r="L11469" t="s">
        <v>82</v>
      </c>
      <c r="M11469" t="s">
        <v>83</v>
      </c>
      <c r="N11469" t="s">
        <v>91</v>
      </c>
      <c r="O11469" t="s">
        <v>85</v>
      </c>
      <c r="P11469" t="s">
        <v>86</v>
      </c>
      <c r="Q11469">
        <v>19</v>
      </c>
      <c r="R11469">
        <v>19</v>
      </c>
      <c r="S11469">
        <v>19</v>
      </c>
      <c r="T11469">
        <v>20</v>
      </c>
      <c r="U11469">
        <v>20</v>
      </c>
      <c r="V11469">
        <v>20</v>
      </c>
      <c r="W11469">
        <v>20</v>
      </c>
      <c r="X11469">
        <v>20</v>
      </c>
      <c r="Y11469">
        <v>20</v>
      </c>
      <c r="Z11469">
        <v>20</v>
      </c>
      <c r="AA11469">
        <v>20</v>
      </c>
      <c r="AB11469">
        <v>20</v>
      </c>
      <c r="AC11469">
        <v>20</v>
      </c>
      <c r="AD11469">
        <v>21</v>
      </c>
      <c r="AE11469">
        <v>21</v>
      </c>
      <c r="AF11469">
        <v>21</v>
      </c>
      <c r="AG11469">
        <v>21</v>
      </c>
      <c r="AH11469">
        <v>21</v>
      </c>
      <c r="AI11469">
        <v>21</v>
      </c>
      <c r="AJ11469">
        <v>21</v>
      </c>
      <c r="AK11469">
        <v>21</v>
      </c>
      <c r="AL11469">
        <v>21</v>
      </c>
      <c r="AM11469">
        <v>21</v>
      </c>
      <c r="AN11469">
        <v>21</v>
      </c>
      <c r="AO11469">
        <v>20</v>
      </c>
      <c r="AP11469">
        <v>20</v>
      </c>
      <c r="AQ11469">
        <v>20</v>
      </c>
    </row>
    <row r="11470" spans="1:43">
      <c r="A11470" t="s">
        <v>7136</v>
      </c>
      <c r="B11470" t="s">
        <v>7137</v>
      </c>
      <c r="C11470" t="s">
        <v>7138</v>
      </c>
      <c r="D11470" t="s">
        <v>7139</v>
      </c>
      <c r="E11470" t="s">
        <v>6982</v>
      </c>
      <c r="F11470" t="s">
        <v>6983</v>
      </c>
      <c r="G11470" t="s">
        <v>80</v>
      </c>
      <c r="H11470" t="s">
        <v>81</v>
      </c>
      <c r="I11470" s="2">
        <v>0</v>
      </c>
      <c r="J11470" s="2">
        <v>1</v>
      </c>
      <c r="K11470" s="2">
        <v>0</v>
      </c>
      <c r="L11470" t="s">
        <v>82</v>
      </c>
      <c r="M11470" t="s">
        <v>83</v>
      </c>
      <c r="N11470" t="s">
        <v>84</v>
      </c>
      <c r="O11470" t="s">
        <v>85</v>
      </c>
      <c r="P11470" t="s">
        <v>86</v>
      </c>
      <c r="Q11470">
        <v>11</v>
      </c>
      <c r="R11470">
        <v>11</v>
      </c>
      <c r="S11470">
        <v>11</v>
      </c>
      <c r="T11470">
        <v>11</v>
      </c>
      <c r="U11470">
        <v>11</v>
      </c>
      <c r="V11470">
        <v>11</v>
      </c>
      <c r="W11470">
        <v>12</v>
      </c>
      <c r="X11470">
        <v>12</v>
      </c>
      <c r="Y11470">
        <v>12</v>
      </c>
      <c r="Z11470">
        <v>12</v>
      </c>
      <c r="AA11470">
        <v>12</v>
      </c>
      <c r="AB11470">
        <v>12</v>
      </c>
      <c r="AC11470">
        <v>12</v>
      </c>
      <c r="AD11470">
        <v>12</v>
      </c>
      <c r="AE11470">
        <v>12</v>
      </c>
      <c r="AF11470">
        <v>12</v>
      </c>
      <c r="AG11470">
        <v>12</v>
      </c>
      <c r="AH11470">
        <v>12</v>
      </c>
      <c r="AI11470">
        <v>12</v>
      </c>
      <c r="AJ11470">
        <v>12</v>
      </c>
      <c r="AK11470">
        <v>12</v>
      </c>
      <c r="AL11470">
        <v>12</v>
      </c>
      <c r="AM11470">
        <v>12</v>
      </c>
      <c r="AN11470">
        <v>12</v>
      </c>
      <c r="AO11470">
        <v>12</v>
      </c>
      <c r="AP11470">
        <v>12</v>
      </c>
      <c r="AQ11470">
        <v>12</v>
      </c>
    </row>
    <row r="11471" spans="1:43">
      <c r="A11471" t="s">
        <v>7136</v>
      </c>
      <c r="B11471" t="s">
        <v>7137</v>
      </c>
      <c r="C11471" t="s">
        <v>7138</v>
      </c>
      <c r="D11471" t="s">
        <v>7139</v>
      </c>
      <c r="E11471" t="s">
        <v>6982</v>
      </c>
      <c r="F11471" t="s">
        <v>6983</v>
      </c>
      <c r="G11471" t="s">
        <v>80</v>
      </c>
      <c r="H11471" t="s">
        <v>81</v>
      </c>
      <c r="I11471" s="2">
        <v>0</v>
      </c>
      <c r="J11471" s="2">
        <v>1</v>
      </c>
      <c r="K11471" s="2">
        <v>0</v>
      </c>
      <c r="L11471" t="s">
        <v>82</v>
      </c>
      <c r="M11471" t="s">
        <v>87</v>
      </c>
      <c r="N11471" t="s">
        <v>88</v>
      </c>
      <c r="O11471" t="s">
        <v>85</v>
      </c>
      <c r="P11471" t="s">
        <v>86</v>
      </c>
      <c r="Q11471">
        <v>11</v>
      </c>
      <c r="R11471">
        <v>11</v>
      </c>
      <c r="S11471">
        <v>11</v>
      </c>
      <c r="T11471">
        <v>11</v>
      </c>
      <c r="U11471">
        <v>11</v>
      </c>
      <c r="V11471">
        <v>11</v>
      </c>
      <c r="W11471">
        <v>11</v>
      </c>
      <c r="X11471">
        <v>11</v>
      </c>
      <c r="Y11471">
        <v>11</v>
      </c>
      <c r="Z11471">
        <v>11</v>
      </c>
      <c r="AA11471">
        <v>11</v>
      </c>
      <c r="AB11471">
        <v>11</v>
      </c>
      <c r="AC11471">
        <v>11</v>
      </c>
      <c r="AD11471">
        <v>11</v>
      </c>
      <c r="AE11471">
        <v>11</v>
      </c>
      <c r="AF11471">
        <v>11</v>
      </c>
      <c r="AG11471">
        <v>10</v>
      </c>
      <c r="AH11471">
        <v>10</v>
      </c>
      <c r="AI11471">
        <v>10</v>
      </c>
      <c r="AJ11471">
        <v>10</v>
      </c>
      <c r="AK11471">
        <v>10</v>
      </c>
      <c r="AL11471">
        <v>10</v>
      </c>
      <c r="AM11471">
        <v>10</v>
      </c>
      <c r="AN11471">
        <v>10</v>
      </c>
      <c r="AO11471">
        <v>10</v>
      </c>
      <c r="AP11471">
        <v>10</v>
      </c>
      <c r="AQ11471">
        <v>10</v>
      </c>
    </row>
    <row r="11472" spans="1:43">
      <c r="A11472" t="s">
        <v>7136</v>
      </c>
      <c r="B11472" t="s">
        <v>7137</v>
      </c>
      <c r="C11472" t="s">
        <v>7138</v>
      </c>
      <c r="D11472" t="s">
        <v>7139</v>
      </c>
      <c r="E11472" t="s">
        <v>6982</v>
      </c>
      <c r="F11472" t="s">
        <v>6983</v>
      </c>
      <c r="G11472" t="s">
        <v>80</v>
      </c>
      <c r="H11472" t="s">
        <v>81</v>
      </c>
      <c r="I11472" s="2">
        <v>0</v>
      </c>
      <c r="J11472" s="2">
        <v>1</v>
      </c>
      <c r="K11472" s="2">
        <v>0</v>
      </c>
      <c r="L11472" t="s">
        <v>82</v>
      </c>
      <c r="M11472" t="s">
        <v>89</v>
      </c>
      <c r="N11472" t="s">
        <v>90</v>
      </c>
      <c r="O11472" t="s">
        <v>85</v>
      </c>
      <c r="P11472" t="s">
        <v>86</v>
      </c>
      <c r="Q11472">
        <v>11</v>
      </c>
      <c r="R11472">
        <v>11</v>
      </c>
      <c r="S11472">
        <v>12</v>
      </c>
      <c r="T11472">
        <v>12</v>
      </c>
      <c r="U11472">
        <v>12</v>
      </c>
      <c r="V11472">
        <v>12</v>
      </c>
      <c r="W11472">
        <v>12</v>
      </c>
      <c r="X11472">
        <v>12</v>
      </c>
      <c r="Y11472">
        <v>12</v>
      </c>
      <c r="Z11472">
        <v>12</v>
      </c>
      <c r="AA11472">
        <v>12</v>
      </c>
      <c r="AB11472">
        <v>13</v>
      </c>
      <c r="AC11472">
        <v>13</v>
      </c>
      <c r="AD11472">
        <v>13</v>
      </c>
      <c r="AE11472">
        <v>13</v>
      </c>
      <c r="AF11472">
        <v>13</v>
      </c>
      <c r="AG11472">
        <v>13</v>
      </c>
      <c r="AH11472">
        <v>12</v>
      </c>
      <c r="AI11472">
        <v>12</v>
      </c>
      <c r="AJ11472">
        <v>12</v>
      </c>
      <c r="AK11472">
        <v>12</v>
      </c>
      <c r="AL11472">
        <v>12</v>
      </c>
      <c r="AM11472">
        <v>12</v>
      </c>
      <c r="AN11472">
        <v>12</v>
      </c>
      <c r="AO11472">
        <v>12</v>
      </c>
      <c r="AP11472">
        <v>12</v>
      </c>
      <c r="AQ11472">
        <v>12</v>
      </c>
    </row>
    <row r="11473" spans="1:43">
      <c r="A11473" t="s">
        <v>7136</v>
      </c>
      <c r="B11473" t="s">
        <v>7137</v>
      </c>
      <c r="C11473" t="s">
        <v>7138</v>
      </c>
      <c r="D11473" t="s">
        <v>7139</v>
      </c>
      <c r="E11473" t="s">
        <v>6982</v>
      </c>
      <c r="F11473" t="s">
        <v>6983</v>
      </c>
      <c r="G11473" t="s">
        <v>80</v>
      </c>
      <c r="H11473" t="s">
        <v>81</v>
      </c>
      <c r="I11473" s="2">
        <v>0</v>
      </c>
      <c r="J11473" s="2">
        <v>1</v>
      </c>
      <c r="K11473" s="2">
        <v>0</v>
      </c>
      <c r="L11473" t="s">
        <v>82</v>
      </c>
      <c r="M11473" t="s">
        <v>83</v>
      </c>
      <c r="N11473" t="s">
        <v>91</v>
      </c>
      <c r="O11473" t="s">
        <v>85</v>
      </c>
      <c r="P11473" t="s">
        <v>86</v>
      </c>
      <c r="Q11473">
        <v>11</v>
      </c>
      <c r="R11473">
        <v>11</v>
      </c>
      <c r="S11473">
        <v>11</v>
      </c>
      <c r="T11473">
        <v>11</v>
      </c>
      <c r="U11473">
        <v>11</v>
      </c>
      <c r="V11473">
        <v>11</v>
      </c>
      <c r="W11473">
        <v>12</v>
      </c>
      <c r="X11473">
        <v>12</v>
      </c>
      <c r="Y11473">
        <v>12</v>
      </c>
      <c r="Z11473">
        <v>12</v>
      </c>
      <c r="AA11473">
        <v>12</v>
      </c>
      <c r="AB11473">
        <v>12</v>
      </c>
      <c r="AC11473">
        <v>12</v>
      </c>
      <c r="AD11473">
        <v>12</v>
      </c>
      <c r="AE11473">
        <v>12</v>
      </c>
      <c r="AF11473">
        <v>12</v>
      </c>
      <c r="AG11473">
        <v>12</v>
      </c>
      <c r="AH11473">
        <v>12</v>
      </c>
      <c r="AI11473">
        <v>12</v>
      </c>
      <c r="AJ11473">
        <v>12</v>
      </c>
      <c r="AK11473">
        <v>12</v>
      </c>
      <c r="AL11473">
        <v>12</v>
      </c>
      <c r="AM11473">
        <v>12</v>
      </c>
      <c r="AN11473">
        <v>12</v>
      </c>
      <c r="AO11473">
        <v>12</v>
      </c>
      <c r="AP11473">
        <v>12</v>
      </c>
      <c r="AQ11473">
        <v>12</v>
      </c>
    </row>
    <row r="11474" spans="1:43">
      <c r="A11474" t="s">
        <v>7140</v>
      </c>
      <c r="B11474" t="s">
        <v>7141</v>
      </c>
      <c r="C11474" t="s">
        <v>7138</v>
      </c>
      <c r="D11474" t="s">
        <v>7139</v>
      </c>
      <c r="E11474" t="s">
        <v>6982</v>
      </c>
      <c r="F11474" t="s">
        <v>6983</v>
      </c>
      <c r="G11474" t="s">
        <v>80</v>
      </c>
      <c r="H11474" t="s">
        <v>81</v>
      </c>
      <c r="I11474" s="2">
        <v>0</v>
      </c>
      <c r="J11474" s="2">
        <v>1</v>
      </c>
      <c r="K11474" s="2">
        <v>0</v>
      </c>
      <c r="L11474" t="s">
        <v>82</v>
      </c>
      <c r="M11474" t="s">
        <v>83</v>
      </c>
      <c r="N11474" t="s">
        <v>84</v>
      </c>
      <c r="O11474" t="s">
        <v>85</v>
      </c>
      <c r="P11474" t="s">
        <v>86</v>
      </c>
      <c r="Q11474">
        <v>3</v>
      </c>
      <c r="R11474">
        <v>3</v>
      </c>
      <c r="S11474">
        <v>3</v>
      </c>
      <c r="T11474">
        <v>3</v>
      </c>
      <c r="U11474">
        <v>3</v>
      </c>
      <c r="V11474">
        <v>3</v>
      </c>
      <c r="W11474">
        <v>3</v>
      </c>
      <c r="X11474">
        <v>3</v>
      </c>
      <c r="Y11474">
        <v>3</v>
      </c>
      <c r="Z11474">
        <v>3</v>
      </c>
      <c r="AA11474">
        <v>3</v>
      </c>
      <c r="AB11474">
        <v>3</v>
      </c>
      <c r="AC11474">
        <v>3</v>
      </c>
      <c r="AD11474">
        <v>3</v>
      </c>
      <c r="AE11474">
        <v>3</v>
      </c>
      <c r="AF11474">
        <v>3</v>
      </c>
      <c r="AG11474">
        <v>3</v>
      </c>
      <c r="AH11474">
        <v>3</v>
      </c>
      <c r="AI11474">
        <v>3</v>
      </c>
      <c r="AJ11474">
        <v>3</v>
      </c>
      <c r="AK11474">
        <v>3</v>
      </c>
      <c r="AL11474">
        <v>3</v>
      </c>
      <c r="AM11474">
        <v>3</v>
      </c>
      <c r="AN11474">
        <v>3</v>
      </c>
      <c r="AO11474">
        <v>3</v>
      </c>
      <c r="AP11474">
        <v>3</v>
      </c>
      <c r="AQ11474">
        <v>3</v>
      </c>
    </row>
    <row r="11475" spans="1:43">
      <c r="A11475" t="s">
        <v>7140</v>
      </c>
      <c r="B11475" t="s">
        <v>7141</v>
      </c>
      <c r="C11475" t="s">
        <v>7138</v>
      </c>
      <c r="D11475" t="s">
        <v>7139</v>
      </c>
      <c r="E11475" t="s">
        <v>6982</v>
      </c>
      <c r="F11475" t="s">
        <v>6983</v>
      </c>
      <c r="G11475" t="s">
        <v>80</v>
      </c>
      <c r="H11475" t="s">
        <v>81</v>
      </c>
      <c r="I11475" s="2">
        <v>0</v>
      </c>
      <c r="J11475" s="2">
        <v>1</v>
      </c>
      <c r="K11475" s="2">
        <v>0</v>
      </c>
      <c r="L11475" t="s">
        <v>82</v>
      </c>
      <c r="M11475" t="s">
        <v>87</v>
      </c>
      <c r="N11475" t="s">
        <v>88</v>
      </c>
      <c r="O11475" t="s">
        <v>85</v>
      </c>
      <c r="P11475" t="s">
        <v>86</v>
      </c>
      <c r="Q11475">
        <v>3</v>
      </c>
      <c r="R11475">
        <v>3</v>
      </c>
      <c r="S11475">
        <v>3</v>
      </c>
      <c r="T11475">
        <v>3</v>
      </c>
      <c r="U11475">
        <v>3</v>
      </c>
      <c r="V11475">
        <v>3</v>
      </c>
      <c r="W11475">
        <v>3</v>
      </c>
      <c r="X11475">
        <v>3</v>
      </c>
      <c r="Y11475">
        <v>3</v>
      </c>
      <c r="Z11475">
        <v>3</v>
      </c>
      <c r="AA11475">
        <v>3</v>
      </c>
      <c r="AB11475">
        <v>3</v>
      </c>
      <c r="AC11475">
        <v>3</v>
      </c>
      <c r="AD11475">
        <v>3</v>
      </c>
      <c r="AE11475">
        <v>3</v>
      </c>
      <c r="AF11475">
        <v>3</v>
      </c>
      <c r="AG11475">
        <v>3</v>
      </c>
      <c r="AH11475">
        <v>3</v>
      </c>
      <c r="AI11475">
        <v>3</v>
      </c>
      <c r="AJ11475">
        <v>3</v>
      </c>
      <c r="AK11475">
        <v>3</v>
      </c>
      <c r="AL11475">
        <v>3</v>
      </c>
      <c r="AM11475">
        <v>3</v>
      </c>
      <c r="AN11475">
        <v>3</v>
      </c>
      <c r="AO11475">
        <v>2</v>
      </c>
      <c r="AP11475">
        <v>2</v>
      </c>
      <c r="AQ11475">
        <v>2</v>
      </c>
    </row>
    <row r="11476" spans="1:43">
      <c r="A11476" t="s">
        <v>7140</v>
      </c>
      <c r="B11476" t="s">
        <v>7141</v>
      </c>
      <c r="C11476" t="s">
        <v>7138</v>
      </c>
      <c r="D11476" t="s">
        <v>7139</v>
      </c>
      <c r="E11476" t="s">
        <v>6982</v>
      </c>
      <c r="F11476" t="s">
        <v>6983</v>
      </c>
      <c r="G11476" t="s">
        <v>80</v>
      </c>
      <c r="H11476" t="s">
        <v>81</v>
      </c>
      <c r="I11476" s="2">
        <v>0</v>
      </c>
      <c r="J11476" s="2">
        <v>1</v>
      </c>
      <c r="K11476" s="2">
        <v>0</v>
      </c>
      <c r="L11476" t="s">
        <v>82</v>
      </c>
      <c r="M11476" t="s">
        <v>89</v>
      </c>
      <c r="N11476" t="s">
        <v>90</v>
      </c>
      <c r="O11476" t="s">
        <v>85</v>
      </c>
      <c r="P11476" t="s">
        <v>86</v>
      </c>
      <c r="Q11476">
        <v>3</v>
      </c>
      <c r="R11476">
        <v>3</v>
      </c>
      <c r="S11476">
        <v>3</v>
      </c>
      <c r="T11476">
        <v>3</v>
      </c>
      <c r="U11476">
        <v>3</v>
      </c>
      <c r="V11476">
        <v>3</v>
      </c>
      <c r="W11476">
        <v>3</v>
      </c>
      <c r="X11476">
        <v>3</v>
      </c>
      <c r="Y11476">
        <v>3</v>
      </c>
      <c r="Z11476">
        <v>3</v>
      </c>
      <c r="AA11476">
        <v>3</v>
      </c>
      <c r="AB11476">
        <v>3</v>
      </c>
      <c r="AC11476">
        <v>3</v>
      </c>
      <c r="AD11476">
        <v>3</v>
      </c>
      <c r="AE11476">
        <v>3</v>
      </c>
      <c r="AF11476">
        <v>3</v>
      </c>
      <c r="AG11476">
        <v>3</v>
      </c>
      <c r="AH11476">
        <v>3</v>
      </c>
      <c r="AI11476">
        <v>3</v>
      </c>
      <c r="AJ11476">
        <v>3</v>
      </c>
      <c r="AK11476">
        <v>3</v>
      </c>
      <c r="AL11476">
        <v>3</v>
      </c>
      <c r="AM11476">
        <v>3</v>
      </c>
      <c r="AN11476">
        <v>3</v>
      </c>
      <c r="AO11476">
        <v>3</v>
      </c>
      <c r="AP11476">
        <v>3</v>
      </c>
      <c r="AQ11476">
        <v>3</v>
      </c>
    </row>
    <row r="11477" spans="1:43">
      <c r="A11477" t="s">
        <v>7140</v>
      </c>
      <c r="B11477" t="s">
        <v>7141</v>
      </c>
      <c r="C11477" t="s">
        <v>7138</v>
      </c>
      <c r="D11477" t="s">
        <v>7139</v>
      </c>
      <c r="E11477" t="s">
        <v>6982</v>
      </c>
      <c r="F11477" t="s">
        <v>6983</v>
      </c>
      <c r="G11477" t="s">
        <v>80</v>
      </c>
      <c r="H11477" t="s">
        <v>81</v>
      </c>
      <c r="I11477" s="2">
        <v>0</v>
      </c>
      <c r="J11477" s="2">
        <v>1</v>
      </c>
      <c r="K11477" s="2">
        <v>0</v>
      </c>
      <c r="L11477" t="s">
        <v>82</v>
      </c>
      <c r="M11477" t="s">
        <v>83</v>
      </c>
      <c r="N11477" t="s">
        <v>91</v>
      </c>
      <c r="O11477" t="s">
        <v>85</v>
      </c>
      <c r="P11477" t="s">
        <v>86</v>
      </c>
      <c r="Q11477">
        <v>3</v>
      </c>
      <c r="R11477">
        <v>3</v>
      </c>
      <c r="S11477">
        <v>3</v>
      </c>
      <c r="T11477">
        <v>3</v>
      </c>
      <c r="U11477">
        <v>3</v>
      </c>
      <c r="V11477">
        <v>3</v>
      </c>
      <c r="W11477">
        <v>3</v>
      </c>
      <c r="X11477">
        <v>3</v>
      </c>
      <c r="Y11477">
        <v>3</v>
      </c>
      <c r="Z11477">
        <v>3</v>
      </c>
      <c r="AA11477">
        <v>3</v>
      </c>
      <c r="AB11477">
        <v>3</v>
      </c>
      <c r="AC11477">
        <v>3</v>
      </c>
      <c r="AD11477">
        <v>3</v>
      </c>
      <c r="AE11477">
        <v>3</v>
      </c>
      <c r="AF11477">
        <v>3</v>
      </c>
      <c r="AG11477">
        <v>3</v>
      </c>
      <c r="AH11477">
        <v>3</v>
      </c>
      <c r="AI11477">
        <v>3</v>
      </c>
      <c r="AJ11477">
        <v>3</v>
      </c>
      <c r="AK11477">
        <v>3</v>
      </c>
      <c r="AL11477">
        <v>3</v>
      </c>
      <c r="AM11477">
        <v>3</v>
      </c>
      <c r="AN11477">
        <v>3</v>
      </c>
      <c r="AO11477">
        <v>3</v>
      </c>
      <c r="AP11477">
        <v>3</v>
      </c>
      <c r="AQ11477">
        <v>3</v>
      </c>
    </row>
    <row r="11478" spans="1:43">
      <c r="A11478" t="s">
        <v>7142</v>
      </c>
      <c r="B11478" t="s">
        <v>7143</v>
      </c>
      <c r="C11478" t="s">
        <v>7138</v>
      </c>
      <c r="D11478" t="s">
        <v>7139</v>
      </c>
      <c r="E11478" t="s">
        <v>6982</v>
      </c>
      <c r="F11478" t="s">
        <v>6983</v>
      </c>
      <c r="G11478" t="s">
        <v>80</v>
      </c>
      <c r="H11478" t="s">
        <v>81</v>
      </c>
      <c r="I11478" s="2">
        <v>0</v>
      </c>
      <c r="J11478" s="2">
        <v>1</v>
      </c>
      <c r="K11478" s="2">
        <v>0</v>
      </c>
      <c r="L11478" t="s">
        <v>82</v>
      </c>
      <c r="M11478" t="s">
        <v>83</v>
      </c>
      <c r="N11478" t="s">
        <v>84</v>
      </c>
      <c r="O11478" t="s">
        <v>85</v>
      </c>
      <c r="P11478" t="s">
        <v>86</v>
      </c>
      <c r="Q11478">
        <v>47</v>
      </c>
      <c r="R11478">
        <v>47</v>
      </c>
      <c r="S11478">
        <v>47</v>
      </c>
      <c r="T11478">
        <v>48</v>
      </c>
      <c r="U11478">
        <v>48</v>
      </c>
      <c r="V11478">
        <v>48</v>
      </c>
      <c r="W11478">
        <v>48</v>
      </c>
      <c r="X11478">
        <v>49</v>
      </c>
      <c r="Y11478">
        <v>49</v>
      </c>
      <c r="Z11478">
        <v>49</v>
      </c>
      <c r="AA11478">
        <v>49</v>
      </c>
      <c r="AB11478">
        <v>50</v>
      </c>
      <c r="AC11478">
        <v>50</v>
      </c>
      <c r="AD11478">
        <v>50</v>
      </c>
      <c r="AE11478">
        <v>50</v>
      </c>
      <c r="AF11478">
        <v>50</v>
      </c>
      <c r="AG11478">
        <v>50</v>
      </c>
      <c r="AH11478">
        <v>50</v>
      </c>
      <c r="AI11478">
        <v>51</v>
      </c>
      <c r="AJ11478">
        <v>51</v>
      </c>
      <c r="AK11478">
        <v>51</v>
      </c>
      <c r="AL11478">
        <v>51</v>
      </c>
      <c r="AM11478">
        <v>50</v>
      </c>
      <c r="AN11478">
        <v>50</v>
      </c>
      <c r="AO11478">
        <v>50</v>
      </c>
      <c r="AP11478">
        <v>49</v>
      </c>
      <c r="AQ11478">
        <v>49</v>
      </c>
    </row>
    <row r="11479" spans="1:43">
      <c r="A11479" t="s">
        <v>7142</v>
      </c>
      <c r="B11479" t="s">
        <v>7143</v>
      </c>
      <c r="C11479" t="s">
        <v>7138</v>
      </c>
      <c r="D11479" t="s">
        <v>7139</v>
      </c>
      <c r="E11479" t="s">
        <v>6982</v>
      </c>
      <c r="F11479" t="s">
        <v>6983</v>
      </c>
      <c r="G11479" t="s">
        <v>80</v>
      </c>
      <c r="H11479" t="s">
        <v>81</v>
      </c>
      <c r="I11479" s="2">
        <v>0</v>
      </c>
      <c r="J11479" s="2">
        <v>1</v>
      </c>
      <c r="K11479" s="2">
        <v>0</v>
      </c>
      <c r="L11479" t="s">
        <v>82</v>
      </c>
      <c r="M11479" t="s">
        <v>87</v>
      </c>
      <c r="N11479" t="s">
        <v>88</v>
      </c>
      <c r="O11479" t="s">
        <v>85</v>
      </c>
      <c r="P11479" t="s">
        <v>86</v>
      </c>
      <c r="Q11479">
        <v>47</v>
      </c>
      <c r="R11479">
        <v>46</v>
      </c>
      <c r="S11479">
        <v>46</v>
      </c>
      <c r="T11479">
        <v>46</v>
      </c>
      <c r="U11479">
        <v>46</v>
      </c>
      <c r="V11479">
        <v>46</v>
      </c>
      <c r="W11479">
        <v>46</v>
      </c>
      <c r="X11479">
        <v>45</v>
      </c>
      <c r="Y11479">
        <v>45</v>
      </c>
      <c r="Z11479">
        <v>45</v>
      </c>
      <c r="AA11479">
        <v>45</v>
      </c>
      <c r="AB11479">
        <v>45</v>
      </c>
      <c r="AC11479">
        <v>45</v>
      </c>
      <c r="AD11479">
        <v>45</v>
      </c>
      <c r="AE11479">
        <v>44</v>
      </c>
      <c r="AF11479">
        <v>44</v>
      </c>
      <c r="AG11479">
        <v>44</v>
      </c>
      <c r="AH11479">
        <v>44</v>
      </c>
      <c r="AI11479">
        <v>44</v>
      </c>
      <c r="AJ11479">
        <v>44</v>
      </c>
      <c r="AK11479">
        <v>44</v>
      </c>
      <c r="AL11479">
        <v>43</v>
      </c>
      <c r="AM11479">
        <v>43</v>
      </c>
      <c r="AN11479">
        <v>43</v>
      </c>
      <c r="AO11479">
        <v>43</v>
      </c>
      <c r="AP11479">
        <v>43</v>
      </c>
      <c r="AQ11479">
        <v>43</v>
      </c>
    </row>
    <row r="11480" spans="1:43">
      <c r="A11480" t="s">
        <v>7142</v>
      </c>
      <c r="B11480" t="s">
        <v>7143</v>
      </c>
      <c r="C11480" t="s">
        <v>7138</v>
      </c>
      <c r="D11480" t="s">
        <v>7139</v>
      </c>
      <c r="E11480" t="s">
        <v>6982</v>
      </c>
      <c r="F11480" t="s">
        <v>6983</v>
      </c>
      <c r="G11480" t="s">
        <v>80</v>
      </c>
      <c r="H11480" t="s">
        <v>81</v>
      </c>
      <c r="I11480" s="2">
        <v>0</v>
      </c>
      <c r="J11480" s="2">
        <v>1</v>
      </c>
      <c r="K11480" s="2">
        <v>0</v>
      </c>
      <c r="L11480" t="s">
        <v>82</v>
      </c>
      <c r="M11480" t="s">
        <v>89</v>
      </c>
      <c r="N11480" t="s">
        <v>90</v>
      </c>
      <c r="O11480" t="s">
        <v>85</v>
      </c>
      <c r="P11480" t="s">
        <v>86</v>
      </c>
      <c r="Q11480">
        <v>47</v>
      </c>
      <c r="R11480">
        <v>48</v>
      </c>
      <c r="S11480">
        <v>49</v>
      </c>
      <c r="T11480">
        <v>49</v>
      </c>
      <c r="U11480">
        <v>50</v>
      </c>
      <c r="V11480">
        <v>50</v>
      </c>
      <c r="W11480">
        <v>51</v>
      </c>
      <c r="X11480">
        <v>51</v>
      </c>
      <c r="Y11480">
        <v>52</v>
      </c>
      <c r="Z11480">
        <v>52</v>
      </c>
      <c r="AA11480">
        <v>53</v>
      </c>
      <c r="AB11480">
        <v>53</v>
      </c>
      <c r="AC11480">
        <v>53</v>
      </c>
      <c r="AD11480">
        <v>54</v>
      </c>
      <c r="AE11480">
        <v>54</v>
      </c>
      <c r="AF11480">
        <v>53</v>
      </c>
      <c r="AG11480">
        <v>53</v>
      </c>
      <c r="AH11480">
        <v>52</v>
      </c>
      <c r="AI11480">
        <v>52</v>
      </c>
      <c r="AJ11480">
        <v>52</v>
      </c>
      <c r="AK11480">
        <v>51</v>
      </c>
      <c r="AL11480">
        <v>51</v>
      </c>
      <c r="AM11480">
        <v>51</v>
      </c>
      <c r="AN11480">
        <v>50</v>
      </c>
      <c r="AO11480">
        <v>50</v>
      </c>
      <c r="AP11480">
        <v>50</v>
      </c>
      <c r="AQ11480">
        <v>49</v>
      </c>
    </row>
    <row r="11481" spans="1:43">
      <c r="A11481" t="s">
        <v>7142</v>
      </c>
      <c r="B11481" t="s">
        <v>7143</v>
      </c>
      <c r="C11481" t="s">
        <v>7138</v>
      </c>
      <c r="D11481" t="s">
        <v>7139</v>
      </c>
      <c r="E11481" t="s">
        <v>6982</v>
      </c>
      <c r="F11481" t="s">
        <v>6983</v>
      </c>
      <c r="G11481" t="s">
        <v>80</v>
      </c>
      <c r="H11481" t="s">
        <v>81</v>
      </c>
      <c r="I11481" s="2">
        <v>0</v>
      </c>
      <c r="J11481" s="2">
        <v>1</v>
      </c>
      <c r="K11481" s="2">
        <v>0</v>
      </c>
      <c r="L11481" t="s">
        <v>82</v>
      </c>
      <c r="M11481" t="s">
        <v>83</v>
      </c>
      <c r="N11481" t="s">
        <v>91</v>
      </c>
      <c r="O11481" t="s">
        <v>85</v>
      </c>
      <c r="P11481" t="s">
        <v>86</v>
      </c>
      <c r="Q11481">
        <v>47</v>
      </c>
      <c r="R11481">
        <v>47</v>
      </c>
      <c r="S11481">
        <v>47</v>
      </c>
      <c r="T11481">
        <v>48</v>
      </c>
      <c r="U11481">
        <v>48</v>
      </c>
      <c r="V11481">
        <v>48</v>
      </c>
      <c r="W11481">
        <v>48</v>
      </c>
      <c r="X11481">
        <v>49</v>
      </c>
      <c r="Y11481">
        <v>49</v>
      </c>
      <c r="Z11481">
        <v>49</v>
      </c>
      <c r="AA11481">
        <v>49</v>
      </c>
      <c r="AB11481">
        <v>50</v>
      </c>
      <c r="AC11481">
        <v>50</v>
      </c>
      <c r="AD11481">
        <v>50</v>
      </c>
      <c r="AE11481">
        <v>50</v>
      </c>
      <c r="AF11481">
        <v>50</v>
      </c>
      <c r="AG11481">
        <v>50</v>
      </c>
      <c r="AH11481">
        <v>50</v>
      </c>
      <c r="AI11481">
        <v>51</v>
      </c>
      <c r="AJ11481">
        <v>51</v>
      </c>
      <c r="AK11481">
        <v>51</v>
      </c>
      <c r="AL11481">
        <v>51</v>
      </c>
      <c r="AM11481">
        <v>50</v>
      </c>
      <c r="AN11481">
        <v>50</v>
      </c>
      <c r="AO11481">
        <v>50</v>
      </c>
      <c r="AP11481">
        <v>49</v>
      </c>
      <c r="AQ11481">
        <v>49</v>
      </c>
    </row>
    <row r="11482" spans="1:43">
      <c r="A11482" t="s">
        <v>7144</v>
      </c>
      <c r="B11482" t="s">
        <v>7145</v>
      </c>
      <c r="C11482" t="s">
        <v>7138</v>
      </c>
      <c r="D11482" t="s">
        <v>7139</v>
      </c>
      <c r="E11482" t="s">
        <v>6982</v>
      </c>
      <c r="F11482" t="s">
        <v>6983</v>
      </c>
      <c r="G11482" t="s">
        <v>80</v>
      </c>
      <c r="H11482" t="s">
        <v>81</v>
      </c>
      <c r="I11482" s="2">
        <v>0</v>
      </c>
      <c r="J11482" s="2">
        <v>1</v>
      </c>
      <c r="K11482" s="2">
        <v>0</v>
      </c>
      <c r="L11482" t="s">
        <v>82</v>
      </c>
      <c r="M11482" t="s">
        <v>83</v>
      </c>
      <c r="N11482" t="s">
        <v>84</v>
      </c>
      <c r="O11482" t="s">
        <v>85</v>
      </c>
      <c r="P11482" t="s">
        <v>86</v>
      </c>
      <c r="Q11482">
        <v>15</v>
      </c>
      <c r="R11482">
        <v>15</v>
      </c>
      <c r="S11482">
        <v>15</v>
      </c>
      <c r="T11482">
        <v>15</v>
      </c>
      <c r="U11482">
        <v>15</v>
      </c>
      <c r="V11482">
        <v>15</v>
      </c>
      <c r="W11482">
        <v>15</v>
      </c>
      <c r="X11482">
        <v>16</v>
      </c>
      <c r="Y11482">
        <v>16</v>
      </c>
      <c r="Z11482">
        <v>16</v>
      </c>
      <c r="AA11482">
        <v>16</v>
      </c>
      <c r="AB11482">
        <v>16</v>
      </c>
      <c r="AC11482">
        <v>16</v>
      </c>
      <c r="AD11482">
        <v>16</v>
      </c>
      <c r="AE11482">
        <v>16</v>
      </c>
      <c r="AF11482">
        <v>16</v>
      </c>
      <c r="AG11482">
        <v>16</v>
      </c>
      <c r="AH11482">
        <v>16</v>
      </c>
      <c r="AI11482">
        <v>16</v>
      </c>
      <c r="AJ11482">
        <v>16</v>
      </c>
      <c r="AK11482">
        <v>16</v>
      </c>
      <c r="AL11482">
        <v>16</v>
      </c>
      <c r="AM11482">
        <v>16</v>
      </c>
      <c r="AN11482">
        <v>16</v>
      </c>
      <c r="AO11482">
        <v>16</v>
      </c>
      <c r="AP11482">
        <v>16</v>
      </c>
      <c r="AQ11482">
        <v>16</v>
      </c>
    </row>
    <row r="11483" spans="1:43">
      <c r="A11483" t="s">
        <v>7144</v>
      </c>
      <c r="B11483" t="s">
        <v>7145</v>
      </c>
      <c r="C11483" t="s">
        <v>7138</v>
      </c>
      <c r="D11483" t="s">
        <v>7139</v>
      </c>
      <c r="E11483" t="s">
        <v>6982</v>
      </c>
      <c r="F11483" t="s">
        <v>6983</v>
      </c>
      <c r="G11483" t="s">
        <v>80</v>
      </c>
      <c r="H11483" t="s">
        <v>81</v>
      </c>
      <c r="I11483" s="2">
        <v>0</v>
      </c>
      <c r="J11483" s="2">
        <v>1</v>
      </c>
      <c r="K11483" s="2">
        <v>0</v>
      </c>
      <c r="L11483" t="s">
        <v>82</v>
      </c>
      <c r="M11483" t="s">
        <v>87</v>
      </c>
      <c r="N11483" t="s">
        <v>88</v>
      </c>
      <c r="O11483" t="s">
        <v>85</v>
      </c>
      <c r="P11483" t="s">
        <v>86</v>
      </c>
      <c r="Q11483">
        <v>15</v>
      </c>
      <c r="R11483">
        <v>15</v>
      </c>
      <c r="S11483">
        <v>15</v>
      </c>
      <c r="T11483">
        <v>15</v>
      </c>
      <c r="U11483">
        <v>15</v>
      </c>
      <c r="V11483">
        <v>15</v>
      </c>
      <c r="W11483">
        <v>15</v>
      </c>
      <c r="X11483">
        <v>14</v>
      </c>
      <c r="Y11483">
        <v>14</v>
      </c>
      <c r="Z11483">
        <v>14</v>
      </c>
      <c r="AA11483">
        <v>14</v>
      </c>
      <c r="AB11483">
        <v>14</v>
      </c>
      <c r="AC11483">
        <v>14</v>
      </c>
      <c r="AD11483">
        <v>14</v>
      </c>
      <c r="AE11483">
        <v>14</v>
      </c>
      <c r="AF11483">
        <v>14</v>
      </c>
      <c r="AG11483">
        <v>14</v>
      </c>
      <c r="AH11483">
        <v>14</v>
      </c>
      <c r="AI11483">
        <v>14</v>
      </c>
      <c r="AJ11483">
        <v>14</v>
      </c>
      <c r="AK11483">
        <v>14</v>
      </c>
      <c r="AL11483">
        <v>14</v>
      </c>
      <c r="AM11483">
        <v>14</v>
      </c>
      <c r="AN11483">
        <v>14</v>
      </c>
      <c r="AO11483">
        <v>14</v>
      </c>
      <c r="AP11483">
        <v>14</v>
      </c>
      <c r="AQ11483">
        <v>14</v>
      </c>
    </row>
    <row r="11484" spans="1:43">
      <c r="A11484" t="s">
        <v>7144</v>
      </c>
      <c r="B11484" t="s">
        <v>7145</v>
      </c>
      <c r="C11484" t="s">
        <v>7138</v>
      </c>
      <c r="D11484" t="s">
        <v>7139</v>
      </c>
      <c r="E11484" t="s">
        <v>6982</v>
      </c>
      <c r="F11484" t="s">
        <v>6983</v>
      </c>
      <c r="G11484" t="s">
        <v>80</v>
      </c>
      <c r="H11484" t="s">
        <v>81</v>
      </c>
      <c r="I11484" s="2">
        <v>0</v>
      </c>
      <c r="J11484" s="2">
        <v>1</v>
      </c>
      <c r="K11484" s="2">
        <v>0</v>
      </c>
      <c r="L11484" t="s">
        <v>82</v>
      </c>
      <c r="M11484" t="s">
        <v>89</v>
      </c>
      <c r="N11484" t="s">
        <v>90</v>
      </c>
      <c r="O11484" t="s">
        <v>85</v>
      </c>
      <c r="P11484" t="s">
        <v>86</v>
      </c>
      <c r="Q11484">
        <v>15</v>
      </c>
      <c r="R11484">
        <v>15</v>
      </c>
      <c r="S11484">
        <v>16</v>
      </c>
      <c r="T11484">
        <v>16</v>
      </c>
      <c r="U11484">
        <v>16</v>
      </c>
      <c r="V11484">
        <v>16</v>
      </c>
      <c r="W11484">
        <v>16</v>
      </c>
      <c r="X11484">
        <v>16</v>
      </c>
      <c r="Y11484">
        <v>17</v>
      </c>
      <c r="Z11484">
        <v>17</v>
      </c>
      <c r="AA11484">
        <v>17</v>
      </c>
      <c r="AB11484">
        <v>17</v>
      </c>
      <c r="AC11484">
        <v>17</v>
      </c>
      <c r="AD11484">
        <v>17</v>
      </c>
      <c r="AE11484">
        <v>17</v>
      </c>
      <c r="AF11484">
        <v>17</v>
      </c>
      <c r="AG11484">
        <v>17</v>
      </c>
      <c r="AH11484">
        <v>17</v>
      </c>
      <c r="AI11484">
        <v>17</v>
      </c>
      <c r="AJ11484">
        <v>17</v>
      </c>
      <c r="AK11484">
        <v>16</v>
      </c>
      <c r="AL11484">
        <v>16</v>
      </c>
      <c r="AM11484">
        <v>16</v>
      </c>
      <c r="AN11484">
        <v>16</v>
      </c>
      <c r="AO11484">
        <v>16</v>
      </c>
      <c r="AP11484">
        <v>16</v>
      </c>
      <c r="AQ11484">
        <v>16</v>
      </c>
    </row>
    <row r="11485" spans="1:43">
      <c r="A11485" t="s">
        <v>7144</v>
      </c>
      <c r="B11485" t="s">
        <v>7145</v>
      </c>
      <c r="C11485" t="s">
        <v>7138</v>
      </c>
      <c r="D11485" t="s">
        <v>7139</v>
      </c>
      <c r="E11485" t="s">
        <v>6982</v>
      </c>
      <c r="F11485" t="s">
        <v>6983</v>
      </c>
      <c r="G11485" t="s">
        <v>80</v>
      </c>
      <c r="H11485" t="s">
        <v>81</v>
      </c>
      <c r="I11485" s="2">
        <v>0</v>
      </c>
      <c r="J11485" s="2">
        <v>1</v>
      </c>
      <c r="K11485" s="2">
        <v>0</v>
      </c>
      <c r="L11485" t="s">
        <v>82</v>
      </c>
      <c r="M11485" t="s">
        <v>83</v>
      </c>
      <c r="N11485" t="s">
        <v>91</v>
      </c>
      <c r="O11485" t="s">
        <v>85</v>
      </c>
      <c r="P11485" t="s">
        <v>86</v>
      </c>
      <c r="Q11485">
        <v>15</v>
      </c>
      <c r="R11485">
        <v>15</v>
      </c>
      <c r="S11485">
        <v>15</v>
      </c>
      <c r="T11485">
        <v>15</v>
      </c>
      <c r="U11485">
        <v>15</v>
      </c>
      <c r="V11485">
        <v>15</v>
      </c>
      <c r="W11485">
        <v>15</v>
      </c>
      <c r="X11485">
        <v>16</v>
      </c>
      <c r="Y11485">
        <v>16</v>
      </c>
      <c r="Z11485">
        <v>16</v>
      </c>
      <c r="AA11485">
        <v>16</v>
      </c>
      <c r="AB11485">
        <v>16</v>
      </c>
      <c r="AC11485">
        <v>16</v>
      </c>
      <c r="AD11485">
        <v>16</v>
      </c>
      <c r="AE11485">
        <v>16</v>
      </c>
      <c r="AF11485">
        <v>16</v>
      </c>
      <c r="AG11485">
        <v>16</v>
      </c>
      <c r="AH11485">
        <v>16</v>
      </c>
      <c r="AI11485">
        <v>16</v>
      </c>
      <c r="AJ11485">
        <v>16</v>
      </c>
      <c r="AK11485">
        <v>16</v>
      </c>
      <c r="AL11485">
        <v>16</v>
      </c>
      <c r="AM11485">
        <v>16</v>
      </c>
      <c r="AN11485">
        <v>16</v>
      </c>
      <c r="AO11485">
        <v>16</v>
      </c>
      <c r="AP11485">
        <v>16</v>
      </c>
      <c r="AQ11485">
        <v>16</v>
      </c>
    </row>
    <row r="11486" spans="1:43">
      <c r="A11486" t="s">
        <v>7146</v>
      </c>
      <c r="B11486" t="s">
        <v>7147</v>
      </c>
      <c r="C11486" t="s">
        <v>7004</v>
      </c>
      <c r="D11486" t="s">
        <v>7005</v>
      </c>
      <c r="E11486" t="s">
        <v>6982</v>
      </c>
      <c r="F11486" t="s">
        <v>6983</v>
      </c>
      <c r="G11486" t="s">
        <v>80</v>
      </c>
      <c r="H11486" t="s">
        <v>81</v>
      </c>
      <c r="I11486" s="2">
        <v>0</v>
      </c>
      <c r="J11486" s="2">
        <v>1</v>
      </c>
      <c r="K11486" s="2">
        <v>0</v>
      </c>
      <c r="L11486" t="s">
        <v>82</v>
      </c>
      <c r="M11486" t="s">
        <v>83</v>
      </c>
      <c r="N11486" t="s">
        <v>84</v>
      </c>
      <c r="O11486" t="s">
        <v>85</v>
      </c>
      <c r="P11486" t="s">
        <v>86</v>
      </c>
      <c r="Q11486">
        <v>26</v>
      </c>
      <c r="R11486">
        <v>26</v>
      </c>
      <c r="S11486">
        <v>26</v>
      </c>
      <c r="T11486">
        <v>26</v>
      </c>
      <c r="U11486">
        <v>27</v>
      </c>
      <c r="V11486">
        <v>27</v>
      </c>
      <c r="W11486">
        <v>27</v>
      </c>
      <c r="X11486">
        <v>27</v>
      </c>
      <c r="Y11486">
        <v>27</v>
      </c>
      <c r="Z11486">
        <v>27</v>
      </c>
      <c r="AA11486">
        <v>27</v>
      </c>
      <c r="AB11486">
        <v>27</v>
      </c>
      <c r="AC11486">
        <v>27</v>
      </c>
      <c r="AD11486">
        <v>28</v>
      </c>
      <c r="AE11486">
        <v>28</v>
      </c>
      <c r="AF11486">
        <v>28</v>
      </c>
      <c r="AG11486">
        <v>28</v>
      </c>
      <c r="AH11486">
        <v>28</v>
      </c>
      <c r="AI11486">
        <v>28</v>
      </c>
      <c r="AJ11486">
        <v>28</v>
      </c>
      <c r="AK11486">
        <v>28</v>
      </c>
      <c r="AL11486">
        <v>28</v>
      </c>
      <c r="AM11486">
        <v>28</v>
      </c>
      <c r="AN11486">
        <v>27</v>
      </c>
      <c r="AO11486">
        <v>27</v>
      </c>
      <c r="AP11486">
        <v>27</v>
      </c>
      <c r="AQ11486">
        <v>27</v>
      </c>
    </row>
    <row r="11487" spans="1:43">
      <c r="A11487" t="s">
        <v>7146</v>
      </c>
      <c r="B11487" t="s">
        <v>7147</v>
      </c>
      <c r="C11487" t="s">
        <v>7004</v>
      </c>
      <c r="D11487" t="s">
        <v>7005</v>
      </c>
      <c r="E11487" t="s">
        <v>6982</v>
      </c>
      <c r="F11487" t="s">
        <v>6983</v>
      </c>
      <c r="G11487" t="s">
        <v>80</v>
      </c>
      <c r="H11487" t="s">
        <v>81</v>
      </c>
      <c r="I11487" s="2">
        <v>0</v>
      </c>
      <c r="J11487" s="2">
        <v>1</v>
      </c>
      <c r="K11487" s="2">
        <v>0</v>
      </c>
      <c r="L11487" t="s">
        <v>82</v>
      </c>
      <c r="M11487" t="s">
        <v>87</v>
      </c>
      <c r="N11487" t="s">
        <v>88</v>
      </c>
      <c r="O11487" t="s">
        <v>85</v>
      </c>
      <c r="P11487" t="s">
        <v>86</v>
      </c>
      <c r="Q11487">
        <v>26</v>
      </c>
      <c r="R11487">
        <v>26</v>
      </c>
      <c r="S11487">
        <v>26</v>
      </c>
      <c r="T11487">
        <v>25</v>
      </c>
      <c r="U11487">
        <v>25</v>
      </c>
      <c r="V11487">
        <v>25</v>
      </c>
      <c r="W11487">
        <v>25</v>
      </c>
      <c r="X11487">
        <v>25</v>
      </c>
      <c r="Y11487">
        <v>25</v>
      </c>
      <c r="Z11487">
        <v>25</v>
      </c>
      <c r="AA11487">
        <v>25</v>
      </c>
      <c r="AB11487">
        <v>25</v>
      </c>
      <c r="AC11487">
        <v>25</v>
      </c>
      <c r="AD11487">
        <v>25</v>
      </c>
      <c r="AE11487">
        <v>24</v>
      </c>
      <c r="AF11487">
        <v>24</v>
      </c>
      <c r="AG11487">
        <v>24</v>
      </c>
      <c r="AH11487">
        <v>24</v>
      </c>
      <c r="AI11487">
        <v>24</v>
      </c>
      <c r="AJ11487">
        <v>24</v>
      </c>
      <c r="AK11487">
        <v>24</v>
      </c>
      <c r="AL11487">
        <v>24</v>
      </c>
      <c r="AM11487">
        <v>24</v>
      </c>
      <c r="AN11487">
        <v>24</v>
      </c>
      <c r="AO11487">
        <v>24</v>
      </c>
      <c r="AP11487">
        <v>24</v>
      </c>
      <c r="AQ11487">
        <v>24</v>
      </c>
    </row>
    <row r="11488" spans="1:43">
      <c r="A11488" t="s">
        <v>7146</v>
      </c>
      <c r="B11488" t="s">
        <v>7147</v>
      </c>
      <c r="C11488" t="s">
        <v>7004</v>
      </c>
      <c r="D11488" t="s">
        <v>7005</v>
      </c>
      <c r="E11488" t="s">
        <v>6982</v>
      </c>
      <c r="F11488" t="s">
        <v>6983</v>
      </c>
      <c r="G11488" t="s">
        <v>80</v>
      </c>
      <c r="H11488" t="s">
        <v>81</v>
      </c>
      <c r="I11488" s="2">
        <v>0</v>
      </c>
      <c r="J11488" s="2">
        <v>1</v>
      </c>
      <c r="K11488" s="2">
        <v>0</v>
      </c>
      <c r="L11488" t="s">
        <v>82</v>
      </c>
      <c r="M11488" t="s">
        <v>89</v>
      </c>
      <c r="N11488" t="s">
        <v>90</v>
      </c>
      <c r="O11488" t="s">
        <v>85</v>
      </c>
      <c r="P11488" t="s">
        <v>86</v>
      </c>
      <c r="Q11488">
        <v>26</v>
      </c>
      <c r="R11488">
        <v>27</v>
      </c>
      <c r="S11488">
        <v>27</v>
      </c>
      <c r="T11488">
        <v>27</v>
      </c>
      <c r="U11488">
        <v>28</v>
      </c>
      <c r="V11488">
        <v>28</v>
      </c>
      <c r="W11488">
        <v>28</v>
      </c>
      <c r="X11488">
        <v>28</v>
      </c>
      <c r="Y11488">
        <v>29</v>
      </c>
      <c r="Z11488">
        <v>29</v>
      </c>
      <c r="AA11488">
        <v>29</v>
      </c>
      <c r="AB11488">
        <v>29</v>
      </c>
      <c r="AC11488">
        <v>29</v>
      </c>
      <c r="AD11488">
        <v>30</v>
      </c>
      <c r="AE11488">
        <v>30</v>
      </c>
      <c r="AF11488">
        <v>29</v>
      </c>
      <c r="AG11488">
        <v>29</v>
      </c>
      <c r="AH11488">
        <v>29</v>
      </c>
      <c r="AI11488">
        <v>29</v>
      </c>
      <c r="AJ11488">
        <v>29</v>
      </c>
      <c r="AK11488">
        <v>28</v>
      </c>
      <c r="AL11488">
        <v>28</v>
      </c>
      <c r="AM11488">
        <v>28</v>
      </c>
      <c r="AN11488">
        <v>28</v>
      </c>
      <c r="AO11488">
        <v>28</v>
      </c>
      <c r="AP11488">
        <v>27</v>
      </c>
      <c r="AQ11488">
        <v>27</v>
      </c>
    </row>
    <row r="11489" spans="1:43">
      <c r="A11489" t="s">
        <v>7146</v>
      </c>
      <c r="B11489" t="s">
        <v>7147</v>
      </c>
      <c r="C11489" t="s">
        <v>7004</v>
      </c>
      <c r="D11489" t="s">
        <v>7005</v>
      </c>
      <c r="E11489" t="s">
        <v>6982</v>
      </c>
      <c r="F11489" t="s">
        <v>6983</v>
      </c>
      <c r="G11489" t="s">
        <v>80</v>
      </c>
      <c r="H11489" t="s">
        <v>81</v>
      </c>
      <c r="I11489" s="2">
        <v>0</v>
      </c>
      <c r="J11489" s="2">
        <v>1</v>
      </c>
      <c r="K11489" s="2">
        <v>0</v>
      </c>
      <c r="L11489" t="s">
        <v>82</v>
      </c>
      <c r="M11489" t="s">
        <v>83</v>
      </c>
      <c r="N11489" t="s">
        <v>91</v>
      </c>
      <c r="O11489" t="s">
        <v>85</v>
      </c>
      <c r="P11489" t="s">
        <v>86</v>
      </c>
      <c r="Q11489">
        <v>26</v>
      </c>
      <c r="R11489">
        <v>26</v>
      </c>
      <c r="S11489">
        <v>26</v>
      </c>
      <c r="T11489">
        <v>26</v>
      </c>
      <c r="U11489">
        <v>27</v>
      </c>
      <c r="V11489">
        <v>27</v>
      </c>
      <c r="W11489">
        <v>27</v>
      </c>
      <c r="X11489">
        <v>27</v>
      </c>
      <c r="Y11489">
        <v>27</v>
      </c>
      <c r="Z11489">
        <v>27</v>
      </c>
      <c r="AA11489">
        <v>27</v>
      </c>
      <c r="AB11489">
        <v>27</v>
      </c>
      <c r="AC11489">
        <v>27</v>
      </c>
      <c r="AD11489">
        <v>28</v>
      </c>
      <c r="AE11489">
        <v>28</v>
      </c>
      <c r="AF11489">
        <v>28</v>
      </c>
      <c r="AG11489">
        <v>28</v>
      </c>
      <c r="AH11489">
        <v>28</v>
      </c>
      <c r="AI11489">
        <v>28</v>
      </c>
      <c r="AJ11489">
        <v>28</v>
      </c>
      <c r="AK11489">
        <v>28</v>
      </c>
      <c r="AL11489">
        <v>28</v>
      </c>
      <c r="AM11489">
        <v>28</v>
      </c>
      <c r="AN11489">
        <v>27</v>
      </c>
      <c r="AO11489">
        <v>27</v>
      </c>
      <c r="AP11489">
        <v>27</v>
      </c>
      <c r="AQ11489">
        <v>27</v>
      </c>
    </row>
    <row r="11490" spans="1:43">
      <c r="A11490" t="s">
        <v>7148</v>
      </c>
      <c r="B11490" t="s">
        <v>7149</v>
      </c>
      <c r="C11490" t="s">
        <v>7138</v>
      </c>
      <c r="D11490" t="s">
        <v>7139</v>
      </c>
      <c r="E11490" t="s">
        <v>6982</v>
      </c>
      <c r="F11490" t="s">
        <v>6983</v>
      </c>
      <c r="G11490" t="s">
        <v>80</v>
      </c>
      <c r="H11490" t="s">
        <v>81</v>
      </c>
      <c r="I11490" s="2">
        <v>0</v>
      </c>
      <c r="J11490" s="2">
        <v>1</v>
      </c>
      <c r="K11490" s="2">
        <v>0</v>
      </c>
      <c r="L11490" t="s">
        <v>82</v>
      </c>
      <c r="M11490" t="s">
        <v>83</v>
      </c>
      <c r="N11490" t="s">
        <v>84</v>
      </c>
      <c r="O11490" t="s">
        <v>85</v>
      </c>
      <c r="P11490" t="s">
        <v>86</v>
      </c>
      <c r="Q11490">
        <v>29</v>
      </c>
      <c r="R11490">
        <v>29</v>
      </c>
      <c r="S11490">
        <v>29</v>
      </c>
      <c r="T11490">
        <v>29</v>
      </c>
      <c r="U11490">
        <v>30</v>
      </c>
      <c r="V11490">
        <v>30</v>
      </c>
      <c r="W11490">
        <v>30</v>
      </c>
      <c r="X11490">
        <v>30</v>
      </c>
      <c r="Y11490">
        <v>30</v>
      </c>
      <c r="Z11490">
        <v>30</v>
      </c>
      <c r="AA11490">
        <v>30</v>
      </c>
      <c r="AB11490">
        <v>31</v>
      </c>
      <c r="AC11490">
        <v>31</v>
      </c>
      <c r="AD11490">
        <v>31</v>
      </c>
      <c r="AE11490">
        <v>31</v>
      </c>
      <c r="AF11490">
        <v>31</v>
      </c>
      <c r="AG11490">
        <v>31</v>
      </c>
      <c r="AH11490">
        <v>31</v>
      </c>
      <c r="AI11490">
        <v>31</v>
      </c>
      <c r="AJ11490">
        <v>31</v>
      </c>
      <c r="AK11490">
        <v>31</v>
      </c>
      <c r="AL11490">
        <v>31</v>
      </c>
      <c r="AM11490">
        <v>31</v>
      </c>
      <c r="AN11490">
        <v>31</v>
      </c>
      <c r="AO11490">
        <v>31</v>
      </c>
      <c r="AP11490">
        <v>30</v>
      </c>
      <c r="AQ11490">
        <v>30</v>
      </c>
    </row>
    <row r="11491" spans="1:43">
      <c r="A11491" t="s">
        <v>7148</v>
      </c>
      <c r="B11491" t="s">
        <v>7149</v>
      </c>
      <c r="C11491" t="s">
        <v>7138</v>
      </c>
      <c r="D11491" t="s">
        <v>7139</v>
      </c>
      <c r="E11491" t="s">
        <v>6982</v>
      </c>
      <c r="F11491" t="s">
        <v>6983</v>
      </c>
      <c r="G11491" t="s">
        <v>80</v>
      </c>
      <c r="H11491" t="s">
        <v>81</v>
      </c>
      <c r="I11491" s="2">
        <v>0</v>
      </c>
      <c r="J11491" s="2">
        <v>1</v>
      </c>
      <c r="K11491" s="2">
        <v>0</v>
      </c>
      <c r="L11491" t="s">
        <v>82</v>
      </c>
      <c r="M11491" t="s">
        <v>87</v>
      </c>
      <c r="N11491" t="s">
        <v>88</v>
      </c>
      <c r="O11491" t="s">
        <v>85</v>
      </c>
      <c r="P11491" t="s">
        <v>86</v>
      </c>
      <c r="Q11491">
        <v>29</v>
      </c>
      <c r="R11491">
        <v>29</v>
      </c>
      <c r="S11491">
        <v>29</v>
      </c>
      <c r="T11491">
        <v>28</v>
      </c>
      <c r="U11491">
        <v>28</v>
      </c>
      <c r="V11491">
        <v>28</v>
      </c>
      <c r="W11491">
        <v>28</v>
      </c>
      <c r="X11491">
        <v>28</v>
      </c>
      <c r="Y11491">
        <v>28</v>
      </c>
      <c r="Z11491">
        <v>28</v>
      </c>
      <c r="AA11491">
        <v>28</v>
      </c>
      <c r="AB11491">
        <v>28</v>
      </c>
      <c r="AC11491">
        <v>28</v>
      </c>
      <c r="AD11491">
        <v>27</v>
      </c>
      <c r="AE11491">
        <v>27</v>
      </c>
      <c r="AF11491">
        <v>27</v>
      </c>
      <c r="AG11491">
        <v>27</v>
      </c>
      <c r="AH11491">
        <v>27</v>
      </c>
      <c r="AI11491">
        <v>27</v>
      </c>
      <c r="AJ11491">
        <v>27</v>
      </c>
      <c r="AK11491">
        <v>27</v>
      </c>
      <c r="AL11491">
        <v>27</v>
      </c>
      <c r="AM11491">
        <v>27</v>
      </c>
      <c r="AN11491">
        <v>27</v>
      </c>
      <c r="AO11491">
        <v>26</v>
      </c>
      <c r="AP11491">
        <v>26</v>
      </c>
      <c r="AQ11491">
        <v>26</v>
      </c>
    </row>
    <row r="11492" spans="1:43">
      <c r="A11492" t="s">
        <v>7148</v>
      </c>
      <c r="B11492" t="s">
        <v>7149</v>
      </c>
      <c r="C11492" t="s">
        <v>7138</v>
      </c>
      <c r="D11492" t="s">
        <v>7139</v>
      </c>
      <c r="E11492" t="s">
        <v>6982</v>
      </c>
      <c r="F11492" t="s">
        <v>6983</v>
      </c>
      <c r="G11492" t="s">
        <v>80</v>
      </c>
      <c r="H11492" t="s">
        <v>81</v>
      </c>
      <c r="I11492" s="2">
        <v>0</v>
      </c>
      <c r="J11492" s="2">
        <v>1</v>
      </c>
      <c r="K11492" s="2">
        <v>0</v>
      </c>
      <c r="L11492" t="s">
        <v>82</v>
      </c>
      <c r="M11492" t="s">
        <v>89</v>
      </c>
      <c r="N11492" t="s">
        <v>90</v>
      </c>
      <c r="O11492" t="s">
        <v>85</v>
      </c>
      <c r="P11492" t="s">
        <v>86</v>
      </c>
      <c r="Q11492">
        <v>29</v>
      </c>
      <c r="R11492">
        <v>30</v>
      </c>
      <c r="S11492">
        <v>30</v>
      </c>
      <c r="T11492">
        <v>30</v>
      </c>
      <c r="U11492">
        <v>31</v>
      </c>
      <c r="V11492">
        <v>31</v>
      </c>
      <c r="W11492">
        <v>31</v>
      </c>
      <c r="X11492">
        <v>32</v>
      </c>
      <c r="Y11492">
        <v>32</v>
      </c>
      <c r="Z11492">
        <v>32</v>
      </c>
      <c r="AA11492">
        <v>32</v>
      </c>
      <c r="AB11492">
        <v>33</v>
      </c>
      <c r="AC11492">
        <v>33</v>
      </c>
      <c r="AD11492">
        <v>33</v>
      </c>
      <c r="AE11492">
        <v>33</v>
      </c>
      <c r="AF11492">
        <v>33</v>
      </c>
      <c r="AG11492">
        <v>33</v>
      </c>
      <c r="AH11492">
        <v>32</v>
      </c>
      <c r="AI11492">
        <v>32</v>
      </c>
      <c r="AJ11492">
        <v>32</v>
      </c>
      <c r="AK11492">
        <v>32</v>
      </c>
      <c r="AL11492">
        <v>31</v>
      </c>
      <c r="AM11492">
        <v>31</v>
      </c>
      <c r="AN11492">
        <v>31</v>
      </c>
      <c r="AO11492">
        <v>31</v>
      </c>
      <c r="AP11492">
        <v>31</v>
      </c>
      <c r="AQ11492">
        <v>30</v>
      </c>
    </row>
    <row r="11493" spans="1:43">
      <c r="A11493" t="s">
        <v>7148</v>
      </c>
      <c r="B11493" t="s">
        <v>7149</v>
      </c>
      <c r="C11493" t="s">
        <v>7138</v>
      </c>
      <c r="D11493" t="s">
        <v>7139</v>
      </c>
      <c r="E11493" t="s">
        <v>6982</v>
      </c>
      <c r="F11493" t="s">
        <v>6983</v>
      </c>
      <c r="G11493" t="s">
        <v>80</v>
      </c>
      <c r="H11493" t="s">
        <v>81</v>
      </c>
      <c r="I11493" s="2">
        <v>0</v>
      </c>
      <c r="J11493" s="2">
        <v>1</v>
      </c>
      <c r="K11493" s="2">
        <v>0</v>
      </c>
      <c r="L11493" t="s">
        <v>82</v>
      </c>
      <c r="M11493" t="s">
        <v>83</v>
      </c>
      <c r="N11493" t="s">
        <v>91</v>
      </c>
      <c r="O11493" t="s">
        <v>85</v>
      </c>
      <c r="P11493" t="s">
        <v>86</v>
      </c>
      <c r="Q11493">
        <v>29</v>
      </c>
      <c r="R11493">
        <v>29</v>
      </c>
      <c r="S11493">
        <v>29</v>
      </c>
      <c r="T11493">
        <v>29</v>
      </c>
      <c r="U11493">
        <v>30</v>
      </c>
      <c r="V11493">
        <v>30</v>
      </c>
      <c r="W11493">
        <v>30</v>
      </c>
      <c r="X11493">
        <v>30</v>
      </c>
      <c r="Y11493">
        <v>30</v>
      </c>
      <c r="Z11493">
        <v>30</v>
      </c>
      <c r="AA11493">
        <v>30</v>
      </c>
      <c r="AB11493">
        <v>31</v>
      </c>
      <c r="AC11493">
        <v>31</v>
      </c>
      <c r="AD11493">
        <v>31</v>
      </c>
      <c r="AE11493">
        <v>31</v>
      </c>
      <c r="AF11493">
        <v>31</v>
      </c>
      <c r="AG11493">
        <v>31</v>
      </c>
      <c r="AH11493">
        <v>31</v>
      </c>
      <c r="AI11493">
        <v>31</v>
      </c>
      <c r="AJ11493">
        <v>31</v>
      </c>
      <c r="AK11493">
        <v>31</v>
      </c>
      <c r="AL11493">
        <v>31</v>
      </c>
      <c r="AM11493">
        <v>31</v>
      </c>
      <c r="AN11493">
        <v>31</v>
      </c>
      <c r="AO11493">
        <v>31</v>
      </c>
      <c r="AP11493">
        <v>30</v>
      </c>
      <c r="AQ11493">
        <v>30</v>
      </c>
    </row>
    <row r="11494" spans="1:43">
      <c r="A11494" t="s">
        <v>7150</v>
      </c>
      <c r="B11494" t="s">
        <v>7151</v>
      </c>
      <c r="C11494" t="s">
        <v>7050</v>
      </c>
      <c r="D11494" t="s">
        <v>7051</v>
      </c>
      <c r="E11494" t="s">
        <v>6982</v>
      </c>
      <c r="F11494" t="s">
        <v>6983</v>
      </c>
      <c r="G11494" t="s">
        <v>80</v>
      </c>
      <c r="H11494" t="s">
        <v>81</v>
      </c>
      <c r="I11494" s="2">
        <v>0</v>
      </c>
      <c r="J11494" s="2">
        <v>1</v>
      </c>
      <c r="K11494" s="2">
        <v>0</v>
      </c>
      <c r="L11494" t="s">
        <v>82</v>
      </c>
      <c r="M11494" t="s">
        <v>83</v>
      </c>
      <c r="N11494" t="s">
        <v>84</v>
      </c>
      <c r="O11494" t="s">
        <v>85</v>
      </c>
      <c r="P11494" t="s">
        <v>86</v>
      </c>
      <c r="Q11494">
        <v>11</v>
      </c>
      <c r="R11494">
        <v>11</v>
      </c>
      <c r="S11494">
        <v>11</v>
      </c>
      <c r="T11494">
        <v>11</v>
      </c>
      <c r="U11494">
        <v>11</v>
      </c>
      <c r="V11494">
        <v>12</v>
      </c>
      <c r="W11494">
        <v>12</v>
      </c>
      <c r="X11494">
        <v>12</v>
      </c>
      <c r="Y11494">
        <v>12</v>
      </c>
      <c r="Z11494">
        <v>12</v>
      </c>
      <c r="AA11494">
        <v>12</v>
      </c>
      <c r="AB11494">
        <v>12</v>
      </c>
      <c r="AC11494">
        <v>12</v>
      </c>
      <c r="AD11494">
        <v>12</v>
      </c>
      <c r="AE11494">
        <v>12</v>
      </c>
      <c r="AF11494">
        <v>12</v>
      </c>
      <c r="AG11494">
        <v>12</v>
      </c>
      <c r="AH11494">
        <v>12</v>
      </c>
      <c r="AI11494">
        <v>12</v>
      </c>
      <c r="AJ11494">
        <v>12</v>
      </c>
      <c r="AK11494">
        <v>12</v>
      </c>
      <c r="AL11494">
        <v>12</v>
      </c>
      <c r="AM11494">
        <v>12</v>
      </c>
      <c r="AN11494">
        <v>12</v>
      </c>
      <c r="AO11494">
        <v>12</v>
      </c>
      <c r="AP11494">
        <v>12</v>
      </c>
      <c r="AQ11494">
        <v>12</v>
      </c>
    </row>
    <row r="11495" spans="1:43">
      <c r="A11495" t="s">
        <v>7150</v>
      </c>
      <c r="B11495" t="s">
        <v>7151</v>
      </c>
      <c r="C11495" t="s">
        <v>7050</v>
      </c>
      <c r="D11495" t="s">
        <v>7051</v>
      </c>
      <c r="E11495" t="s">
        <v>6982</v>
      </c>
      <c r="F11495" t="s">
        <v>6983</v>
      </c>
      <c r="G11495" t="s">
        <v>80</v>
      </c>
      <c r="H11495" t="s">
        <v>81</v>
      </c>
      <c r="I11495" s="2">
        <v>0</v>
      </c>
      <c r="J11495" s="2">
        <v>1</v>
      </c>
      <c r="K11495" s="2">
        <v>0</v>
      </c>
      <c r="L11495" t="s">
        <v>82</v>
      </c>
      <c r="M11495" t="s">
        <v>87</v>
      </c>
      <c r="N11495" t="s">
        <v>88</v>
      </c>
      <c r="O11495" t="s">
        <v>85</v>
      </c>
      <c r="P11495" t="s">
        <v>86</v>
      </c>
      <c r="Q11495">
        <v>11</v>
      </c>
      <c r="R11495">
        <v>11</v>
      </c>
      <c r="S11495">
        <v>11</v>
      </c>
      <c r="T11495">
        <v>11</v>
      </c>
      <c r="U11495">
        <v>11</v>
      </c>
      <c r="V11495">
        <v>11</v>
      </c>
      <c r="W11495">
        <v>11</v>
      </c>
      <c r="X11495">
        <v>11</v>
      </c>
      <c r="Y11495">
        <v>11</v>
      </c>
      <c r="Z11495">
        <v>11</v>
      </c>
      <c r="AA11495">
        <v>11</v>
      </c>
      <c r="AB11495">
        <v>11</v>
      </c>
      <c r="AC11495">
        <v>11</v>
      </c>
      <c r="AD11495">
        <v>11</v>
      </c>
      <c r="AE11495">
        <v>11</v>
      </c>
      <c r="AF11495">
        <v>11</v>
      </c>
      <c r="AG11495">
        <v>11</v>
      </c>
      <c r="AH11495">
        <v>10</v>
      </c>
      <c r="AI11495">
        <v>10</v>
      </c>
      <c r="AJ11495">
        <v>10</v>
      </c>
      <c r="AK11495">
        <v>10</v>
      </c>
      <c r="AL11495">
        <v>10</v>
      </c>
      <c r="AM11495">
        <v>10</v>
      </c>
      <c r="AN11495">
        <v>10</v>
      </c>
      <c r="AO11495">
        <v>10</v>
      </c>
      <c r="AP11495">
        <v>10</v>
      </c>
      <c r="AQ11495">
        <v>10</v>
      </c>
    </row>
    <row r="11496" spans="1:43">
      <c r="A11496" t="s">
        <v>7150</v>
      </c>
      <c r="B11496" t="s">
        <v>7151</v>
      </c>
      <c r="C11496" t="s">
        <v>7050</v>
      </c>
      <c r="D11496" t="s">
        <v>7051</v>
      </c>
      <c r="E11496" t="s">
        <v>6982</v>
      </c>
      <c r="F11496" t="s">
        <v>6983</v>
      </c>
      <c r="G11496" t="s">
        <v>80</v>
      </c>
      <c r="H11496" t="s">
        <v>81</v>
      </c>
      <c r="I11496" s="2">
        <v>0</v>
      </c>
      <c r="J11496" s="2">
        <v>1</v>
      </c>
      <c r="K11496" s="2">
        <v>0</v>
      </c>
      <c r="L11496" t="s">
        <v>82</v>
      </c>
      <c r="M11496" t="s">
        <v>89</v>
      </c>
      <c r="N11496" t="s">
        <v>90</v>
      </c>
      <c r="O11496" t="s">
        <v>85</v>
      </c>
      <c r="P11496" t="s">
        <v>86</v>
      </c>
      <c r="Q11496">
        <v>11</v>
      </c>
      <c r="R11496">
        <v>11</v>
      </c>
      <c r="S11496">
        <v>12</v>
      </c>
      <c r="T11496">
        <v>12</v>
      </c>
      <c r="U11496">
        <v>12</v>
      </c>
      <c r="V11496">
        <v>12</v>
      </c>
      <c r="W11496">
        <v>12</v>
      </c>
      <c r="X11496">
        <v>12</v>
      </c>
      <c r="Y11496">
        <v>12</v>
      </c>
      <c r="Z11496">
        <v>12</v>
      </c>
      <c r="AA11496">
        <v>13</v>
      </c>
      <c r="AB11496">
        <v>13</v>
      </c>
      <c r="AC11496">
        <v>13</v>
      </c>
      <c r="AD11496">
        <v>13</v>
      </c>
      <c r="AE11496">
        <v>13</v>
      </c>
      <c r="AF11496">
        <v>13</v>
      </c>
      <c r="AG11496">
        <v>13</v>
      </c>
      <c r="AH11496">
        <v>12</v>
      </c>
      <c r="AI11496">
        <v>12</v>
      </c>
      <c r="AJ11496">
        <v>12</v>
      </c>
      <c r="AK11496">
        <v>12</v>
      </c>
      <c r="AL11496">
        <v>12</v>
      </c>
      <c r="AM11496">
        <v>12</v>
      </c>
      <c r="AN11496">
        <v>12</v>
      </c>
      <c r="AO11496">
        <v>12</v>
      </c>
      <c r="AP11496">
        <v>12</v>
      </c>
      <c r="AQ11496">
        <v>12</v>
      </c>
    </row>
    <row r="11497" spans="1:43">
      <c r="A11497" t="s">
        <v>7150</v>
      </c>
      <c r="B11497" t="s">
        <v>7151</v>
      </c>
      <c r="C11497" t="s">
        <v>7050</v>
      </c>
      <c r="D11497" t="s">
        <v>7051</v>
      </c>
      <c r="E11497" t="s">
        <v>6982</v>
      </c>
      <c r="F11497" t="s">
        <v>6983</v>
      </c>
      <c r="G11497" t="s">
        <v>80</v>
      </c>
      <c r="H11497" t="s">
        <v>81</v>
      </c>
      <c r="I11497" s="2">
        <v>0</v>
      </c>
      <c r="J11497" s="2">
        <v>1</v>
      </c>
      <c r="K11497" s="2">
        <v>0</v>
      </c>
      <c r="L11497" t="s">
        <v>82</v>
      </c>
      <c r="M11497" t="s">
        <v>83</v>
      </c>
      <c r="N11497" t="s">
        <v>91</v>
      </c>
      <c r="O11497" t="s">
        <v>85</v>
      </c>
      <c r="P11497" t="s">
        <v>86</v>
      </c>
      <c r="Q11497">
        <v>11</v>
      </c>
      <c r="R11497">
        <v>11</v>
      </c>
      <c r="S11497">
        <v>11</v>
      </c>
      <c r="T11497">
        <v>11</v>
      </c>
      <c r="U11497">
        <v>11</v>
      </c>
      <c r="V11497">
        <v>12</v>
      </c>
      <c r="W11497">
        <v>12</v>
      </c>
      <c r="X11497">
        <v>12</v>
      </c>
      <c r="Y11497">
        <v>12</v>
      </c>
      <c r="Z11497">
        <v>12</v>
      </c>
      <c r="AA11497">
        <v>12</v>
      </c>
      <c r="AB11497">
        <v>12</v>
      </c>
      <c r="AC11497">
        <v>12</v>
      </c>
      <c r="AD11497">
        <v>12</v>
      </c>
      <c r="AE11497">
        <v>12</v>
      </c>
      <c r="AF11497">
        <v>12</v>
      </c>
      <c r="AG11497">
        <v>12</v>
      </c>
      <c r="AH11497">
        <v>12</v>
      </c>
      <c r="AI11497">
        <v>12</v>
      </c>
      <c r="AJ11497">
        <v>12</v>
      </c>
      <c r="AK11497">
        <v>12</v>
      </c>
      <c r="AL11497">
        <v>12</v>
      </c>
      <c r="AM11497">
        <v>12</v>
      </c>
      <c r="AN11497">
        <v>12</v>
      </c>
      <c r="AO11497">
        <v>12</v>
      </c>
      <c r="AP11497">
        <v>12</v>
      </c>
      <c r="AQ11497">
        <v>12</v>
      </c>
    </row>
    <row r="11498" spans="1:43">
      <c r="A11498" t="s">
        <v>7152</v>
      </c>
      <c r="B11498" t="s">
        <v>7153</v>
      </c>
      <c r="C11498" t="s">
        <v>7000</v>
      </c>
      <c r="D11498" t="s">
        <v>7001</v>
      </c>
      <c r="E11498" t="s">
        <v>6982</v>
      </c>
      <c r="F11498" t="s">
        <v>6983</v>
      </c>
      <c r="G11498" t="s">
        <v>80</v>
      </c>
      <c r="H11498" t="s">
        <v>81</v>
      </c>
      <c r="I11498" s="2">
        <v>0</v>
      </c>
      <c r="J11498" s="2">
        <v>1</v>
      </c>
      <c r="K11498" s="2">
        <v>0</v>
      </c>
      <c r="L11498" t="s">
        <v>82</v>
      </c>
      <c r="M11498" t="s">
        <v>83</v>
      </c>
      <c r="N11498" t="s">
        <v>84</v>
      </c>
      <c r="O11498" t="s">
        <v>85</v>
      </c>
      <c r="P11498" t="s">
        <v>86</v>
      </c>
      <c r="Q11498">
        <v>38</v>
      </c>
      <c r="R11498">
        <v>38</v>
      </c>
      <c r="S11498">
        <v>38</v>
      </c>
      <c r="T11498">
        <v>38</v>
      </c>
      <c r="U11498">
        <v>39</v>
      </c>
      <c r="V11498">
        <v>39</v>
      </c>
      <c r="W11498">
        <v>39</v>
      </c>
      <c r="X11498">
        <v>39</v>
      </c>
      <c r="Y11498">
        <v>39</v>
      </c>
      <c r="Z11498">
        <v>39</v>
      </c>
      <c r="AA11498">
        <v>40</v>
      </c>
      <c r="AB11498">
        <v>40</v>
      </c>
      <c r="AC11498">
        <v>40</v>
      </c>
      <c r="AD11498">
        <v>40</v>
      </c>
      <c r="AE11498">
        <v>40</v>
      </c>
      <c r="AF11498">
        <v>40</v>
      </c>
      <c r="AG11498">
        <v>40</v>
      </c>
      <c r="AH11498">
        <v>40</v>
      </c>
      <c r="AI11498">
        <v>40</v>
      </c>
      <c r="AJ11498">
        <v>40</v>
      </c>
      <c r="AK11498">
        <v>40</v>
      </c>
      <c r="AL11498">
        <v>40</v>
      </c>
      <c r="AM11498">
        <v>40</v>
      </c>
      <c r="AN11498">
        <v>40</v>
      </c>
      <c r="AO11498">
        <v>39</v>
      </c>
      <c r="AP11498">
        <v>39</v>
      </c>
      <c r="AQ11498">
        <v>39</v>
      </c>
    </row>
    <row r="11499" spans="1:43">
      <c r="A11499" t="s">
        <v>7152</v>
      </c>
      <c r="B11499" t="s">
        <v>7153</v>
      </c>
      <c r="C11499" t="s">
        <v>7000</v>
      </c>
      <c r="D11499" t="s">
        <v>7001</v>
      </c>
      <c r="E11499" t="s">
        <v>6982</v>
      </c>
      <c r="F11499" t="s">
        <v>6983</v>
      </c>
      <c r="G11499" t="s">
        <v>80</v>
      </c>
      <c r="H11499" t="s">
        <v>81</v>
      </c>
      <c r="I11499" s="2">
        <v>0</v>
      </c>
      <c r="J11499" s="2">
        <v>1</v>
      </c>
      <c r="K11499" s="2">
        <v>0</v>
      </c>
      <c r="L11499" t="s">
        <v>82</v>
      </c>
      <c r="M11499" t="s">
        <v>87</v>
      </c>
      <c r="N11499" t="s">
        <v>88</v>
      </c>
      <c r="O11499" t="s">
        <v>85</v>
      </c>
      <c r="P11499" t="s">
        <v>86</v>
      </c>
      <c r="Q11499">
        <v>38</v>
      </c>
      <c r="R11499">
        <v>37</v>
      </c>
      <c r="S11499">
        <v>37</v>
      </c>
      <c r="T11499">
        <v>37</v>
      </c>
      <c r="U11499">
        <v>37</v>
      </c>
      <c r="V11499">
        <v>37</v>
      </c>
      <c r="W11499">
        <v>37</v>
      </c>
      <c r="X11499">
        <v>36</v>
      </c>
      <c r="Y11499">
        <v>36</v>
      </c>
      <c r="Z11499">
        <v>36</v>
      </c>
      <c r="AA11499">
        <v>36</v>
      </c>
      <c r="AB11499">
        <v>36</v>
      </c>
      <c r="AC11499">
        <v>36</v>
      </c>
      <c r="AD11499">
        <v>36</v>
      </c>
      <c r="AE11499">
        <v>35</v>
      </c>
      <c r="AF11499">
        <v>35</v>
      </c>
      <c r="AG11499">
        <v>35</v>
      </c>
      <c r="AH11499">
        <v>35</v>
      </c>
      <c r="AI11499">
        <v>35</v>
      </c>
      <c r="AJ11499">
        <v>35</v>
      </c>
      <c r="AK11499">
        <v>34</v>
      </c>
      <c r="AL11499">
        <v>34</v>
      </c>
      <c r="AM11499">
        <v>34</v>
      </c>
      <c r="AN11499">
        <v>34</v>
      </c>
      <c r="AO11499">
        <v>34</v>
      </c>
      <c r="AP11499">
        <v>34</v>
      </c>
      <c r="AQ11499">
        <v>34</v>
      </c>
    </row>
    <row r="11500" spans="1:43">
      <c r="A11500" t="s">
        <v>7152</v>
      </c>
      <c r="B11500" t="s">
        <v>7153</v>
      </c>
      <c r="C11500" t="s">
        <v>7000</v>
      </c>
      <c r="D11500" t="s">
        <v>7001</v>
      </c>
      <c r="E11500" t="s">
        <v>6982</v>
      </c>
      <c r="F11500" t="s">
        <v>6983</v>
      </c>
      <c r="G11500" t="s">
        <v>80</v>
      </c>
      <c r="H11500" t="s">
        <v>81</v>
      </c>
      <c r="I11500" s="2">
        <v>0</v>
      </c>
      <c r="J11500" s="2">
        <v>1</v>
      </c>
      <c r="K11500" s="2">
        <v>0</v>
      </c>
      <c r="L11500" t="s">
        <v>82</v>
      </c>
      <c r="M11500" t="s">
        <v>89</v>
      </c>
      <c r="N11500" t="s">
        <v>90</v>
      </c>
      <c r="O11500" t="s">
        <v>85</v>
      </c>
      <c r="P11500" t="s">
        <v>86</v>
      </c>
      <c r="Q11500">
        <v>38</v>
      </c>
      <c r="R11500">
        <v>39</v>
      </c>
      <c r="S11500">
        <v>39</v>
      </c>
      <c r="T11500">
        <v>40</v>
      </c>
      <c r="U11500">
        <v>40</v>
      </c>
      <c r="V11500">
        <v>41</v>
      </c>
      <c r="W11500">
        <v>41</v>
      </c>
      <c r="X11500">
        <v>41</v>
      </c>
      <c r="Y11500">
        <v>42</v>
      </c>
      <c r="Z11500">
        <v>42</v>
      </c>
      <c r="AA11500">
        <v>42</v>
      </c>
      <c r="AB11500">
        <v>42</v>
      </c>
      <c r="AC11500">
        <v>43</v>
      </c>
      <c r="AD11500">
        <v>43</v>
      </c>
      <c r="AE11500">
        <v>43</v>
      </c>
      <c r="AF11500">
        <v>42</v>
      </c>
      <c r="AG11500">
        <v>42</v>
      </c>
      <c r="AH11500">
        <v>42</v>
      </c>
      <c r="AI11500">
        <v>41</v>
      </c>
      <c r="AJ11500">
        <v>41</v>
      </c>
      <c r="AK11500">
        <v>41</v>
      </c>
      <c r="AL11500">
        <v>40</v>
      </c>
      <c r="AM11500">
        <v>40</v>
      </c>
      <c r="AN11500">
        <v>40</v>
      </c>
      <c r="AO11500">
        <v>39</v>
      </c>
      <c r="AP11500">
        <v>39</v>
      </c>
      <c r="AQ11500">
        <v>39</v>
      </c>
    </row>
    <row r="11501" spans="1:43">
      <c r="A11501" t="s">
        <v>7152</v>
      </c>
      <c r="B11501" t="s">
        <v>7153</v>
      </c>
      <c r="C11501" t="s">
        <v>7000</v>
      </c>
      <c r="D11501" t="s">
        <v>7001</v>
      </c>
      <c r="E11501" t="s">
        <v>6982</v>
      </c>
      <c r="F11501" t="s">
        <v>6983</v>
      </c>
      <c r="G11501" t="s">
        <v>80</v>
      </c>
      <c r="H11501" t="s">
        <v>81</v>
      </c>
      <c r="I11501" s="2">
        <v>0</v>
      </c>
      <c r="J11501" s="2">
        <v>1</v>
      </c>
      <c r="K11501" s="2">
        <v>0</v>
      </c>
      <c r="L11501" t="s">
        <v>82</v>
      </c>
      <c r="M11501" t="s">
        <v>83</v>
      </c>
      <c r="N11501" t="s">
        <v>91</v>
      </c>
      <c r="O11501" t="s">
        <v>85</v>
      </c>
      <c r="P11501" t="s">
        <v>86</v>
      </c>
      <c r="Q11501">
        <v>38</v>
      </c>
      <c r="R11501">
        <v>38</v>
      </c>
      <c r="S11501">
        <v>38</v>
      </c>
      <c r="T11501">
        <v>38</v>
      </c>
      <c r="U11501">
        <v>39</v>
      </c>
      <c r="V11501">
        <v>39</v>
      </c>
      <c r="W11501">
        <v>39</v>
      </c>
      <c r="X11501">
        <v>39</v>
      </c>
      <c r="Y11501">
        <v>39</v>
      </c>
      <c r="Z11501">
        <v>39</v>
      </c>
      <c r="AA11501">
        <v>40</v>
      </c>
      <c r="AB11501">
        <v>40</v>
      </c>
      <c r="AC11501">
        <v>40</v>
      </c>
      <c r="AD11501">
        <v>40</v>
      </c>
      <c r="AE11501">
        <v>40</v>
      </c>
      <c r="AF11501">
        <v>40</v>
      </c>
      <c r="AG11501">
        <v>40</v>
      </c>
      <c r="AH11501">
        <v>40</v>
      </c>
      <c r="AI11501">
        <v>40</v>
      </c>
      <c r="AJ11501">
        <v>40</v>
      </c>
      <c r="AK11501">
        <v>40</v>
      </c>
      <c r="AL11501">
        <v>40</v>
      </c>
      <c r="AM11501">
        <v>40</v>
      </c>
      <c r="AN11501">
        <v>40</v>
      </c>
      <c r="AO11501">
        <v>39</v>
      </c>
      <c r="AP11501">
        <v>39</v>
      </c>
      <c r="AQ11501">
        <v>39</v>
      </c>
    </row>
    <row r="11502" spans="1:43">
      <c r="A11502" t="s">
        <v>7154</v>
      </c>
      <c r="B11502" t="s">
        <v>7155</v>
      </c>
      <c r="C11502" t="s">
        <v>7000</v>
      </c>
      <c r="D11502" t="s">
        <v>7001</v>
      </c>
      <c r="E11502" t="s">
        <v>6982</v>
      </c>
      <c r="F11502" t="s">
        <v>6983</v>
      </c>
      <c r="G11502" t="s">
        <v>80</v>
      </c>
      <c r="H11502" t="s">
        <v>81</v>
      </c>
      <c r="I11502" s="2">
        <v>0</v>
      </c>
      <c r="J11502" s="2">
        <v>1</v>
      </c>
      <c r="K11502" s="2">
        <v>0</v>
      </c>
      <c r="L11502" t="s">
        <v>82</v>
      </c>
      <c r="M11502" t="s">
        <v>83</v>
      </c>
      <c r="N11502" t="s">
        <v>84</v>
      </c>
      <c r="O11502" t="s">
        <v>85</v>
      </c>
      <c r="P11502" t="s">
        <v>86</v>
      </c>
      <c r="Q11502">
        <v>4</v>
      </c>
      <c r="R11502">
        <v>4</v>
      </c>
      <c r="S11502">
        <v>4</v>
      </c>
      <c r="T11502">
        <v>4</v>
      </c>
      <c r="U11502">
        <v>4</v>
      </c>
      <c r="V11502">
        <v>4</v>
      </c>
      <c r="W11502">
        <v>4</v>
      </c>
      <c r="X11502">
        <v>4</v>
      </c>
      <c r="Y11502">
        <v>4</v>
      </c>
      <c r="Z11502">
        <v>4</v>
      </c>
      <c r="AA11502">
        <v>4</v>
      </c>
      <c r="AB11502">
        <v>4</v>
      </c>
      <c r="AC11502">
        <v>4</v>
      </c>
      <c r="AD11502">
        <v>4</v>
      </c>
      <c r="AE11502">
        <v>4</v>
      </c>
      <c r="AF11502">
        <v>4</v>
      </c>
      <c r="AG11502">
        <v>4</v>
      </c>
      <c r="AH11502">
        <v>4</v>
      </c>
      <c r="AI11502">
        <v>4</v>
      </c>
      <c r="AJ11502">
        <v>4</v>
      </c>
      <c r="AK11502">
        <v>4</v>
      </c>
      <c r="AL11502">
        <v>4</v>
      </c>
      <c r="AM11502">
        <v>4</v>
      </c>
      <c r="AN11502">
        <v>4</v>
      </c>
      <c r="AO11502">
        <v>4</v>
      </c>
      <c r="AP11502">
        <v>4</v>
      </c>
      <c r="AQ11502">
        <v>4</v>
      </c>
    </row>
    <row r="11503" spans="1:43">
      <c r="A11503" t="s">
        <v>7154</v>
      </c>
      <c r="B11503" t="s">
        <v>7155</v>
      </c>
      <c r="C11503" t="s">
        <v>7000</v>
      </c>
      <c r="D11503" t="s">
        <v>7001</v>
      </c>
      <c r="E11503" t="s">
        <v>6982</v>
      </c>
      <c r="F11503" t="s">
        <v>6983</v>
      </c>
      <c r="G11503" t="s">
        <v>80</v>
      </c>
      <c r="H11503" t="s">
        <v>81</v>
      </c>
      <c r="I11503" s="2">
        <v>0</v>
      </c>
      <c r="J11503" s="2">
        <v>1</v>
      </c>
      <c r="K11503" s="2">
        <v>0</v>
      </c>
      <c r="L11503" t="s">
        <v>82</v>
      </c>
      <c r="M11503" t="s">
        <v>87</v>
      </c>
      <c r="N11503" t="s">
        <v>88</v>
      </c>
      <c r="O11503" t="s">
        <v>85</v>
      </c>
      <c r="P11503" t="s">
        <v>86</v>
      </c>
      <c r="Q11503">
        <v>4</v>
      </c>
      <c r="R11503">
        <v>4</v>
      </c>
      <c r="S11503">
        <v>4</v>
      </c>
      <c r="T11503">
        <v>4</v>
      </c>
      <c r="U11503">
        <v>4</v>
      </c>
      <c r="V11503">
        <v>4</v>
      </c>
      <c r="W11503">
        <v>4</v>
      </c>
      <c r="X11503">
        <v>4</v>
      </c>
      <c r="Y11503">
        <v>4</v>
      </c>
      <c r="Z11503">
        <v>4</v>
      </c>
      <c r="AA11503">
        <v>4</v>
      </c>
      <c r="AB11503">
        <v>4</v>
      </c>
      <c r="AC11503">
        <v>4</v>
      </c>
      <c r="AD11503">
        <v>4</v>
      </c>
      <c r="AE11503">
        <v>4</v>
      </c>
      <c r="AF11503">
        <v>4</v>
      </c>
      <c r="AG11503">
        <v>4</v>
      </c>
      <c r="AH11503">
        <v>4</v>
      </c>
      <c r="AI11503">
        <v>4</v>
      </c>
      <c r="AJ11503">
        <v>4</v>
      </c>
      <c r="AK11503">
        <v>4</v>
      </c>
      <c r="AL11503">
        <v>4</v>
      </c>
      <c r="AM11503">
        <v>4</v>
      </c>
      <c r="AN11503">
        <v>4</v>
      </c>
      <c r="AO11503">
        <v>4</v>
      </c>
      <c r="AP11503">
        <v>4</v>
      </c>
      <c r="AQ11503">
        <v>4</v>
      </c>
    </row>
    <row r="11504" spans="1:43">
      <c r="A11504" t="s">
        <v>7154</v>
      </c>
      <c r="B11504" t="s">
        <v>7155</v>
      </c>
      <c r="C11504" t="s">
        <v>7000</v>
      </c>
      <c r="D11504" t="s">
        <v>7001</v>
      </c>
      <c r="E11504" t="s">
        <v>6982</v>
      </c>
      <c r="F11504" t="s">
        <v>6983</v>
      </c>
      <c r="G11504" t="s">
        <v>80</v>
      </c>
      <c r="H11504" t="s">
        <v>81</v>
      </c>
      <c r="I11504" s="2">
        <v>0</v>
      </c>
      <c r="J11504" s="2">
        <v>1</v>
      </c>
      <c r="K11504" s="2">
        <v>0</v>
      </c>
      <c r="L11504" t="s">
        <v>82</v>
      </c>
      <c r="M11504" t="s">
        <v>89</v>
      </c>
      <c r="N11504" t="s">
        <v>90</v>
      </c>
      <c r="O11504" t="s">
        <v>85</v>
      </c>
      <c r="P11504" t="s">
        <v>86</v>
      </c>
      <c r="Q11504">
        <v>4</v>
      </c>
      <c r="R11504">
        <v>4</v>
      </c>
      <c r="S11504">
        <v>4</v>
      </c>
      <c r="T11504">
        <v>4</v>
      </c>
      <c r="U11504">
        <v>4</v>
      </c>
      <c r="V11504">
        <v>4</v>
      </c>
      <c r="W11504">
        <v>4</v>
      </c>
      <c r="X11504">
        <v>4</v>
      </c>
      <c r="Y11504">
        <v>4</v>
      </c>
      <c r="Z11504">
        <v>4</v>
      </c>
      <c r="AA11504">
        <v>4</v>
      </c>
      <c r="AB11504">
        <v>4</v>
      </c>
      <c r="AC11504">
        <v>4</v>
      </c>
      <c r="AD11504">
        <v>5</v>
      </c>
      <c r="AE11504">
        <v>5</v>
      </c>
      <c r="AF11504">
        <v>4</v>
      </c>
      <c r="AG11504">
        <v>4</v>
      </c>
      <c r="AH11504">
        <v>4</v>
      </c>
      <c r="AI11504">
        <v>4</v>
      </c>
      <c r="AJ11504">
        <v>4</v>
      </c>
      <c r="AK11504">
        <v>4</v>
      </c>
      <c r="AL11504">
        <v>4</v>
      </c>
      <c r="AM11504">
        <v>4</v>
      </c>
      <c r="AN11504">
        <v>4</v>
      </c>
      <c r="AO11504">
        <v>4</v>
      </c>
      <c r="AP11504">
        <v>4</v>
      </c>
      <c r="AQ11504">
        <v>4</v>
      </c>
    </row>
    <row r="11505" spans="1:43">
      <c r="A11505" t="s">
        <v>7154</v>
      </c>
      <c r="B11505" t="s">
        <v>7155</v>
      </c>
      <c r="C11505" t="s">
        <v>7000</v>
      </c>
      <c r="D11505" t="s">
        <v>7001</v>
      </c>
      <c r="E11505" t="s">
        <v>6982</v>
      </c>
      <c r="F11505" t="s">
        <v>6983</v>
      </c>
      <c r="G11505" t="s">
        <v>80</v>
      </c>
      <c r="H11505" t="s">
        <v>81</v>
      </c>
      <c r="I11505" s="2">
        <v>0</v>
      </c>
      <c r="J11505" s="2">
        <v>1</v>
      </c>
      <c r="K11505" s="2">
        <v>0</v>
      </c>
      <c r="L11505" t="s">
        <v>82</v>
      </c>
      <c r="M11505" t="s">
        <v>83</v>
      </c>
      <c r="N11505" t="s">
        <v>91</v>
      </c>
      <c r="O11505" t="s">
        <v>85</v>
      </c>
      <c r="P11505" t="s">
        <v>86</v>
      </c>
      <c r="Q11505">
        <v>4</v>
      </c>
      <c r="R11505">
        <v>4</v>
      </c>
      <c r="S11505">
        <v>4</v>
      </c>
      <c r="T11505">
        <v>4</v>
      </c>
      <c r="U11505">
        <v>4</v>
      </c>
      <c r="V11505">
        <v>4</v>
      </c>
      <c r="W11505">
        <v>4</v>
      </c>
      <c r="X11505">
        <v>4</v>
      </c>
      <c r="Y11505">
        <v>4</v>
      </c>
      <c r="Z11505">
        <v>4</v>
      </c>
      <c r="AA11505">
        <v>4</v>
      </c>
      <c r="AB11505">
        <v>4</v>
      </c>
      <c r="AC11505">
        <v>4</v>
      </c>
      <c r="AD11505">
        <v>4</v>
      </c>
      <c r="AE11505">
        <v>4</v>
      </c>
      <c r="AF11505">
        <v>4</v>
      </c>
      <c r="AG11505">
        <v>4</v>
      </c>
      <c r="AH11505">
        <v>4</v>
      </c>
      <c r="AI11505">
        <v>4</v>
      </c>
      <c r="AJ11505">
        <v>4</v>
      </c>
      <c r="AK11505">
        <v>4</v>
      </c>
      <c r="AL11505">
        <v>4</v>
      </c>
      <c r="AM11505">
        <v>4</v>
      </c>
      <c r="AN11505">
        <v>4</v>
      </c>
      <c r="AO11505">
        <v>4</v>
      </c>
      <c r="AP11505">
        <v>4</v>
      </c>
      <c r="AQ11505">
        <v>4</v>
      </c>
    </row>
    <row r="11506" spans="1:43">
      <c r="A11506" t="s">
        <v>7156</v>
      </c>
      <c r="B11506" t="s">
        <v>7157</v>
      </c>
      <c r="C11506" t="s">
        <v>7000</v>
      </c>
      <c r="D11506" t="s">
        <v>7001</v>
      </c>
      <c r="E11506" t="s">
        <v>6982</v>
      </c>
      <c r="F11506" t="s">
        <v>6983</v>
      </c>
      <c r="G11506" t="s">
        <v>80</v>
      </c>
      <c r="H11506" t="s">
        <v>81</v>
      </c>
      <c r="I11506" s="2">
        <v>0</v>
      </c>
      <c r="J11506" s="2">
        <v>1</v>
      </c>
      <c r="K11506" s="2">
        <v>0</v>
      </c>
      <c r="L11506" t="s">
        <v>82</v>
      </c>
      <c r="M11506" t="s">
        <v>83</v>
      </c>
      <c r="N11506" t="s">
        <v>84</v>
      </c>
      <c r="O11506" t="s">
        <v>85</v>
      </c>
      <c r="P11506" t="s">
        <v>86</v>
      </c>
      <c r="Q11506">
        <v>26</v>
      </c>
      <c r="R11506">
        <v>26</v>
      </c>
      <c r="S11506">
        <v>26</v>
      </c>
      <c r="T11506">
        <v>26</v>
      </c>
      <c r="U11506">
        <v>26</v>
      </c>
      <c r="V11506">
        <v>26</v>
      </c>
      <c r="W11506">
        <v>27</v>
      </c>
      <c r="X11506">
        <v>27</v>
      </c>
      <c r="Y11506">
        <v>27</v>
      </c>
      <c r="Z11506">
        <v>27</v>
      </c>
      <c r="AA11506">
        <v>27</v>
      </c>
      <c r="AB11506">
        <v>27</v>
      </c>
      <c r="AC11506">
        <v>27</v>
      </c>
      <c r="AD11506">
        <v>27</v>
      </c>
      <c r="AE11506">
        <v>27</v>
      </c>
      <c r="AF11506">
        <v>27</v>
      </c>
      <c r="AG11506">
        <v>27</v>
      </c>
      <c r="AH11506">
        <v>28</v>
      </c>
      <c r="AI11506">
        <v>28</v>
      </c>
      <c r="AJ11506">
        <v>28</v>
      </c>
      <c r="AK11506">
        <v>28</v>
      </c>
      <c r="AL11506">
        <v>28</v>
      </c>
      <c r="AM11506">
        <v>27</v>
      </c>
      <c r="AN11506">
        <v>27</v>
      </c>
      <c r="AO11506">
        <v>27</v>
      </c>
      <c r="AP11506">
        <v>27</v>
      </c>
      <c r="AQ11506">
        <v>27</v>
      </c>
    </row>
    <row r="11507" spans="1:43">
      <c r="A11507" t="s">
        <v>7156</v>
      </c>
      <c r="B11507" t="s">
        <v>7157</v>
      </c>
      <c r="C11507" t="s">
        <v>7000</v>
      </c>
      <c r="D11507" t="s">
        <v>7001</v>
      </c>
      <c r="E11507" t="s">
        <v>6982</v>
      </c>
      <c r="F11507" t="s">
        <v>6983</v>
      </c>
      <c r="G11507" t="s">
        <v>80</v>
      </c>
      <c r="H11507" t="s">
        <v>81</v>
      </c>
      <c r="I11507" s="2">
        <v>0</v>
      </c>
      <c r="J11507" s="2">
        <v>1</v>
      </c>
      <c r="K11507" s="2">
        <v>0</v>
      </c>
      <c r="L11507" t="s">
        <v>82</v>
      </c>
      <c r="M11507" t="s">
        <v>87</v>
      </c>
      <c r="N11507" t="s">
        <v>88</v>
      </c>
      <c r="O11507" t="s">
        <v>85</v>
      </c>
      <c r="P11507" t="s">
        <v>86</v>
      </c>
      <c r="Q11507">
        <v>26</v>
      </c>
      <c r="R11507">
        <v>25</v>
      </c>
      <c r="S11507">
        <v>25</v>
      </c>
      <c r="T11507">
        <v>25</v>
      </c>
      <c r="U11507">
        <v>25</v>
      </c>
      <c r="V11507">
        <v>25</v>
      </c>
      <c r="W11507">
        <v>25</v>
      </c>
      <c r="X11507">
        <v>25</v>
      </c>
      <c r="Y11507">
        <v>25</v>
      </c>
      <c r="Z11507">
        <v>25</v>
      </c>
      <c r="AA11507">
        <v>25</v>
      </c>
      <c r="AB11507">
        <v>25</v>
      </c>
      <c r="AC11507">
        <v>24</v>
      </c>
      <c r="AD11507">
        <v>24</v>
      </c>
      <c r="AE11507">
        <v>24</v>
      </c>
      <c r="AF11507">
        <v>24</v>
      </c>
      <c r="AG11507">
        <v>24</v>
      </c>
      <c r="AH11507">
        <v>24</v>
      </c>
      <c r="AI11507">
        <v>24</v>
      </c>
      <c r="AJ11507">
        <v>24</v>
      </c>
      <c r="AK11507">
        <v>24</v>
      </c>
      <c r="AL11507">
        <v>24</v>
      </c>
      <c r="AM11507">
        <v>23</v>
      </c>
      <c r="AN11507">
        <v>23</v>
      </c>
      <c r="AO11507">
        <v>23</v>
      </c>
      <c r="AP11507">
        <v>23</v>
      </c>
      <c r="AQ11507">
        <v>23</v>
      </c>
    </row>
    <row r="11508" spans="1:43">
      <c r="A11508" t="s">
        <v>7156</v>
      </c>
      <c r="B11508" t="s">
        <v>7157</v>
      </c>
      <c r="C11508" t="s">
        <v>7000</v>
      </c>
      <c r="D11508" t="s">
        <v>7001</v>
      </c>
      <c r="E11508" t="s">
        <v>6982</v>
      </c>
      <c r="F11508" t="s">
        <v>6983</v>
      </c>
      <c r="G11508" t="s">
        <v>80</v>
      </c>
      <c r="H11508" t="s">
        <v>81</v>
      </c>
      <c r="I11508" s="2">
        <v>0</v>
      </c>
      <c r="J11508" s="2">
        <v>1</v>
      </c>
      <c r="K11508" s="2">
        <v>0</v>
      </c>
      <c r="L11508" t="s">
        <v>82</v>
      </c>
      <c r="M11508" t="s">
        <v>89</v>
      </c>
      <c r="N11508" t="s">
        <v>90</v>
      </c>
      <c r="O11508" t="s">
        <v>85</v>
      </c>
      <c r="P11508" t="s">
        <v>86</v>
      </c>
      <c r="Q11508">
        <v>26</v>
      </c>
      <c r="R11508">
        <v>26</v>
      </c>
      <c r="S11508">
        <v>27</v>
      </c>
      <c r="T11508">
        <v>27</v>
      </c>
      <c r="U11508">
        <v>27</v>
      </c>
      <c r="V11508">
        <v>28</v>
      </c>
      <c r="W11508">
        <v>28</v>
      </c>
      <c r="X11508">
        <v>28</v>
      </c>
      <c r="Y11508">
        <v>28</v>
      </c>
      <c r="Z11508">
        <v>29</v>
      </c>
      <c r="AA11508">
        <v>29</v>
      </c>
      <c r="AB11508">
        <v>29</v>
      </c>
      <c r="AC11508">
        <v>29</v>
      </c>
      <c r="AD11508">
        <v>29</v>
      </c>
      <c r="AE11508">
        <v>29</v>
      </c>
      <c r="AF11508">
        <v>29</v>
      </c>
      <c r="AG11508">
        <v>29</v>
      </c>
      <c r="AH11508">
        <v>29</v>
      </c>
      <c r="AI11508">
        <v>28</v>
      </c>
      <c r="AJ11508">
        <v>28</v>
      </c>
      <c r="AK11508">
        <v>28</v>
      </c>
      <c r="AL11508">
        <v>28</v>
      </c>
      <c r="AM11508">
        <v>28</v>
      </c>
      <c r="AN11508">
        <v>27</v>
      </c>
      <c r="AO11508">
        <v>27</v>
      </c>
      <c r="AP11508">
        <v>27</v>
      </c>
      <c r="AQ11508">
        <v>27</v>
      </c>
    </row>
    <row r="11509" spans="1:43">
      <c r="A11509" t="s">
        <v>7156</v>
      </c>
      <c r="B11509" t="s">
        <v>7157</v>
      </c>
      <c r="C11509" t="s">
        <v>7000</v>
      </c>
      <c r="D11509" t="s">
        <v>7001</v>
      </c>
      <c r="E11509" t="s">
        <v>6982</v>
      </c>
      <c r="F11509" t="s">
        <v>6983</v>
      </c>
      <c r="G11509" t="s">
        <v>80</v>
      </c>
      <c r="H11509" t="s">
        <v>81</v>
      </c>
      <c r="I11509" s="2">
        <v>0</v>
      </c>
      <c r="J11509" s="2">
        <v>1</v>
      </c>
      <c r="K11509" s="2">
        <v>0</v>
      </c>
      <c r="L11509" t="s">
        <v>82</v>
      </c>
      <c r="M11509" t="s">
        <v>83</v>
      </c>
      <c r="N11509" t="s">
        <v>91</v>
      </c>
      <c r="O11509" t="s">
        <v>85</v>
      </c>
      <c r="P11509" t="s">
        <v>86</v>
      </c>
      <c r="Q11509">
        <v>26</v>
      </c>
      <c r="R11509">
        <v>26</v>
      </c>
      <c r="S11509">
        <v>26</v>
      </c>
      <c r="T11509">
        <v>26</v>
      </c>
      <c r="U11509">
        <v>26</v>
      </c>
      <c r="V11509">
        <v>26</v>
      </c>
      <c r="W11509">
        <v>27</v>
      </c>
      <c r="X11509">
        <v>27</v>
      </c>
      <c r="Y11509">
        <v>27</v>
      </c>
      <c r="Z11509">
        <v>27</v>
      </c>
      <c r="AA11509">
        <v>27</v>
      </c>
      <c r="AB11509">
        <v>27</v>
      </c>
      <c r="AC11509">
        <v>27</v>
      </c>
      <c r="AD11509">
        <v>27</v>
      </c>
      <c r="AE11509">
        <v>27</v>
      </c>
      <c r="AF11509">
        <v>27</v>
      </c>
      <c r="AG11509">
        <v>27</v>
      </c>
      <c r="AH11509">
        <v>28</v>
      </c>
      <c r="AI11509">
        <v>28</v>
      </c>
      <c r="AJ11509">
        <v>28</v>
      </c>
      <c r="AK11509">
        <v>28</v>
      </c>
      <c r="AL11509">
        <v>28</v>
      </c>
      <c r="AM11509">
        <v>27</v>
      </c>
      <c r="AN11509">
        <v>27</v>
      </c>
      <c r="AO11509">
        <v>27</v>
      </c>
      <c r="AP11509">
        <v>27</v>
      </c>
      <c r="AQ11509">
        <v>27</v>
      </c>
    </row>
    <row r="11510" spans="1:43">
      <c r="A11510" t="s">
        <v>7158</v>
      </c>
      <c r="B11510" t="s">
        <v>7159</v>
      </c>
      <c r="C11510" t="s">
        <v>7160</v>
      </c>
      <c r="D11510" t="s">
        <v>7161</v>
      </c>
      <c r="E11510" t="s">
        <v>6982</v>
      </c>
      <c r="F11510" t="s">
        <v>6983</v>
      </c>
      <c r="G11510" t="s">
        <v>80</v>
      </c>
      <c r="H11510" t="s">
        <v>81</v>
      </c>
      <c r="I11510" s="2">
        <v>0</v>
      </c>
      <c r="J11510" s="2">
        <v>1</v>
      </c>
      <c r="K11510" s="2">
        <v>0</v>
      </c>
      <c r="L11510" t="s">
        <v>82</v>
      </c>
      <c r="M11510" t="s">
        <v>83</v>
      </c>
      <c r="N11510" t="s">
        <v>84</v>
      </c>
      <c r="O11510" t="s">
        <v>85</v>
      </c>
      <c r="P11510" t="s">
        <v>86</v>
      </c>
      <c r="Q11510">
        <v>63</v>
      </c>
      <c r="R11510">
        <v>63</v>
      </c>
      <c r="S11510">
        <v>63</v>
      </c>
      <c r="T11510">
        <v>64</v>
      </c>
      <c r="U11510">
        <v>64</v>
      </c>
      <c r="V11510">
        <v>65</v>
      </c>
      <c r="W11510">
        <v>65</v>
      </c>
      <c r="X11510">
        <v>65</v>
      </c>
      <c r="Y11510">
        <v>66</v>
      </c>
      <c r="Z11510">
        <v>66</v>
      </c>
      <c r="AA11510">
        <v>66</v>
      </c>
      <c r="AB11510">
        <v>67</v>
      </c>
      <c r="AC11510">
        <v>67</v>
      </c>
      <c r="AD11510">
        <v>67</v>
      </c>
      <c r="AE11510">
        <v>67</v>
      </c>
      <c r="AF11510">
        <v>68</v>
      </c>
      <c r="AG11510">
        <v>68</v>
      </c>
      <c r="AH11510">
        <v>68</v>
      </c>
      <c r="AI11510">
        <v>68</v>
      </c>
      <c r="AJ11510">
        <v>68</v>
      </c>
      <c r="AK11510">
        <v>69</v>
      </c>
      <c r="AL11510">
        <v>68</v>
      </c>
      <c r="AM11510">
        <v>68</v>
      </c>
      <c r="AN11510">
        <v>68</v>
      </c>
      <c r="AO11510">
        <v>67</v>
      </c>
      <c r="AP11510">
        <v>67</v>
      </c>
      <c r="AQ11510">
        <v>66</v>
      </c>
    </row>
    <row r="11511" spans="1:43">
      <c r="A11511" t="s">
        <v>7158</v>
      </c>
      <c r="B11511" t="s">
        <v>7159</v>
      </c>
      <c r="C11511" t="s">
        <v>7160</v>
      </c>
      <c r="D11511" t="s">
        <v>7161</v>
      </c>
      <c r="E11511" t="s">
        <v>6982</v>
      </c>
      <c r="F11511" t="s">
        <v>6983</v>
      </c>
      <c r="G11511" t="s">
        <v>80</v>
      </c>
      <c r="H11511" t="s">
        <v>81</v>
      </c>
      <c r="I11511" s="2">
        <v>0</v>
      </c>
      <c r="J11511" s="2">
        <v>1</v>
      </c>
      <c r="K11511" s="2">
        <v>0</v>
      </c>
      <c r="L11511" t="s">
        <v>82</v>
      </c>
      <c r="M11511" t="s">
        <v>87</v>
      </c>
      <c r="N11511" t="s">
        <v>88</v>
      </c>
      <c r="O11511" t="s">
        <v>85</v>
      </c>
      <c r="P11511" t="s">
        <v>86</v>
      </c>
      <c r="Q11511">
        <v>63</v>
      </c>
      <c r="R11511">
        <v>63</v>
      </c>
      <c r="S11511">
        <v>63</v>
      </c>
      <c r="T11511">
        <v>63</v>
      </c>
      <c r="U11511">
        <v>62</v>
      </c>
      <c r="V11511">
        <v>62</v>
      </c>
      <c r="W11511">
        <v>62</v>
      </c>
      <c r="X11511">
        <v>62</v>
      </c>
      <c r="Y11511">
        <v>62</v>
      </c>
      <c r="Z11511">
        <v>62</v>
      </c>
      <c r="AA11511">
        <v>61</v>
      </c>
      <c r="AB11511">
        <v>61</v>
      </c>
      <c r="AC11511">
        <v>61</v>
      </c>
      <c r="AD11511">
        <v>61</v>
      </c>
      <c r="AE11511">
        <v>61</v>
      </c>
      <c r="AF11511">
        <v>61</v>
      </c>
      <c r="AG11511">
        <v>60</v>
      </c>
      <c r="AH11511">
        <v>60</v>
      </c>
      <c r="AI11511">
        <v>60</v>
      </c>
      <c r="AJ11511">
        <v>60</v>
      </c>
      <c r="AK11511">
        <v>60</v>
      </c>
      <c r="AL11511">
        <v>60</v>
      </c>
      <c r="AM11511">
        <v>59</v>
      </c>
      <c r="AN11511">
        <v>59</v>
      </c>
      <c r="AO11511">
        <v>59</v>
      </c>
      <c r="AP11511">
        <v>59</v>
      </c>
      <c r="AQ11511">
        <v>59</v>
      </c>
    </row>
    <row r="11512" spans="1:43">
      <c r="A11512" t="s">
        <v>7158</v>
      </c>
      <c r="B11512" t="s">
        <v>7159</v>
      </c>
      <c r="C11512" t="s">
        <v>7160</v>
      </c>
      <c r="D11512" t="s">
        <v>7161</v>
      </c>
      <c r="E11512" t="s">
        <v>6982</v>
      </c>
      <c r="F11512" t="s">
        <v>6983</v>
      </c>
      <c r="G11512" t="s">
        <v>80</v>
      </c>
      <c r="H11512" t="s">
        <v>81</v>
      </c>
      <c r="I11512" s="2">
        <v>0</v>
      </c>
      <c r="J11512" s="2">
        <v>1</v>
      </c>
      <c r="K11512" s="2">
        <v>0</v>
      </c>
      <c r="L11512" t="s">
        <v>82</v>
      </c>
      <c r="M11512" t="s">
        <v>89</v>
      </c>
      <c r="N11512" t="s">
        <v>90</v>
      </c>
      <c r="O11512" t="s">
        <v>85</v>
      </c>
      <c r="P11512" t="s">
        <v>86</v>
      </c>
      <c r="Q11512">
        <v>63</v>
      </c>
      <c r="R11512">
        <v>64</v>
      </c>
      <c r="S11512">
        <v>65</v>
      </c>
      <c r="T11512">
        <v>66</v>
      </c>
      <c r="U11512">
        <v>67</v>
      </c>
      <c r="V11512">
        <v>68</v>
      </c>
      <c r="W11512">
        <v>68</v>
      </c>
      <c r="X11512">
        <v>69</v>
      </c>
      <c r="Y11512">
        <v>69</v>
      </c>
      <c r="Z11512">
        <v>70</v>
      </c>
      <c r="AA11512">
        <v>71</v>
      </c>
      <c r="AB11512">
        <v>71</v>
      </c>
      <c r="AC11512">
        <v>72</v>
      </c>
      <c r="AD11512">
        <v>72</v>
      </c>
      <c r="AE11512">
        <v>72</v>
      </c>
      <c r="AF11512">
        <v>72</v>
      </c>
      <c r="AG11512">
        <v>71</v>
      </c>
      <c r="AH11512">
        <v>71</v>
      </c>
      <c r="AI11512">
        <v>70</v>
      </c>
      <c r="AJ11512">
        <v>70</v>
      </c>
      <c r="AK11512">
        <v>70</v>
      </c>
      <c r="AL11512">
        <v>69</v>
      </c>
      <c r="AM11512">
        <v>69</v>
      </c>
      <c r="AN11512">
        <v>68</v>
      </c>
      <c r="AO11512">
        <v>68</v>
      </c>
      <c r="AP11512">
        <v>68</v>
      </c>
      <c r="AQ11512">
        <v>67</v>
      </c>
    </row>
    <row r="11513" spans="1:43">
      <c r="A11513" t="s">
        <v>7158</v>
      </c>
      <c r="B11513" t="s">
        <v>7159</v>
      </c>
      <c r="C11513" t="s">
        <v>7160</v>
      </c>
      <c r="D11513" t="s">
        <v>7161</v>
      </c>
      <c r="E11513" t="s">
        <v>6982</v>
      </c>
      <c r="F11513" t="s">
        <v>6983</v>
      </c>
      <c r="G11513" t="s">
        <v>80</v>
      </c>
      <c r="H11513" t="s">
        <v>81</v>
      </c>
      <c r="I11513" s="2">
        <v>0</v>
      </c>
      <c r="J11513" s="2">
        <v>1</v>
      </c>
      <c r="K11513" s="2">
        <v>0</v>
      </c>
      <c r="L11513" t="s">
        <v>82</v>
      </c>
      <c r="M11513" t="s">
        <v>83</v>
      </c>
      <c r="N11513" t="s">
        <v>91</v>
      </c>
      <c r="O11513" t="s">
        <v>85</v>
      </c>
      <c r="P11513" t="s">
        <v>86</v>
      </c>
      <c r="Q11513">
        <v>63</v>
      </c>
      <c r="R11513">
        <v>63</v>
      </c>
      <c r="S11513">
        <v>63</v>
      </c>
      <c r="T11513">
        <v>64</v>
      </c>
      <c r="U11513">
        <v>64</v>
      </c>
      <c r="V11513">
        <v>65</v>
      </c>
      <c r="W11513">
        <v>65</v>
      </c>
      <c r="X11513">
        <v>65</v>
      </c>
      <c r="Y11513">
        <v>66</v>
      </c>
      <c r="Z11513">
        <v>66</v>
      </c>
      <c r="AA11513">
        <v>66</v>
      </c>
      <c r="AB11513">
        <v>67</v>
      </c>
      <c r="AC11513">
        <v>67</v>
      </c>
      <c r="AD11513">
        <v>67</v>
      </c>
      <c r="AE11513">
        <v>67</v>
      </c>
      <c r="AF11513">
        <v>68</v>
      </c>
      <c r="AG11513">
        <v>68</v>
      </c>
      <c r="AH11513">
        <v>68</v>
      </c>
      <c r="AI11513">
        <v>68</v>
      </c>
      <c r="AJ11513">
        <v>68</v>
      </c>
      <c r="AK11513">
        <v>69</v>
      </c>
      <c r="AL11513">
        <v>68</v>
      </c>
      <c r="AM11513">
        <v>68</v>
      </c>
      <c r="AN11513">
        <v>68</v>
      </c>
      <c r="AO11513">
        <v>67</v>
      </c>
      <c r="AP11513">
        <v>67</v>
      </c>
      <c r="AQ11513">
        <v>66</v>
      </c>
    </row>
    <row r="11514" spans="1:43">
      <c r="A11514" t="s">
        <v>7162</v>
      </c>
      <c r="B11514" t="s">
        <v>7163</v>
      </c>
      <c r="C11514" t="s">
        <v>7000</v>
      </c>
      <c r="D11514" t="s">
        <v>7001</v>
      </c>
      <c r="E11514" t="s">
        <v>6982</v>
      </c>
      <c r="F11514" t="s">
        <v>6983</v>
      </c>
      <c r="G11514" t="s">
        <v>80</v>
      </c>
      <c r="H11514" t="s">
        <v>81</v>
      </c>
      <c r="I11514" s="2">
        <v>0</v>
      </c>
      <c r="J11514" s="2">
        <v>1</v>
      </c>
      <c r="K11514" s="2">
        <v>0</v>
      </c>
      <c r="L11514" t="s">
        <v>82</v>
      </c>
      <c r="M11514" t="s">
        <v>83</v>
      </c>
      <c r="N11514" t="s">
        <v>84</v>
      </c>
      <c r="O11514" t="s">
        <v>85</v>
      </c>
      <c r="P11514" t="s">
        <v>86</v>
      </c>
      <c r="Q11514">
        <v>41</v>
      </c>
      <c r="R11514">
        <v>41</v>
      </c>
      <c r="S11514">
        <v>41</v>
      </c>
      <c r="T11514">
        <v>42</v>
      </c>
      <c r="U11514">
        <v>42</v>
      </c>
      <c r="V11514">
        <v>42</v>
      </c>
      <c r="W11514">
        <v>42</v>
      </c>
      <c r="X11514">
        <v>42</v>
      </c>
      <c r="Y11514">
        <v>42</v>
      </c>
      <c r="Z11514">
        <v>42</v>
      </c>
      <c r="AA11514">
        <v>43</v>
      </c>
      <c r="AB11514">
        <v>43</v>
      </c>
      <c r="AC11514">
        <v>43</v>
      </c>
      <c r="AD11514">
        <v>43</v>
      </c>
      <c r="AE11514">
        <v>43</v>
      </c>
      <c r="AF11514">
        <v>43</v>
      </c>
      <c r="AG11514">
        <v>43</v>
      </c>
      <c r="AH11514">
        <v>43</v>
      </c>
      <c r="AI11514">
        <v>43</v>
      </c>
      <c r="AJ11514">
        <v>43</v>
      </c>
      <c r="AK11514">
        <v>43</v>
      </c>
      <c r="AL11514">
        <v>43</v>
      </c>
      <c r="AM11514">
        <v>43</v>
      </c>
      <c r="AN11514">
        <v>42</v>
      </c>
      <c r="AO11514">
        <v>42</v>
      </c>
      <c r="AP11514">
        <v>42</v>
      </c>
      <c r="AQ11514">
        <v>41</v>
      </c>
    </row>
    <row r="11515" spans="1:43">
      <c r="A11515" t="s">
        <v>7162</v>
      </c>
      <c r="B11515" t="s">
        <v>7163</v>
      </c>
      <c r="C11515" t="s">
        <v>7000</v>
      </c>
      <c r="D11515" t="s">
        <v>7001</v>
      </c>
      <c r="E11515" t="s">
        <v>6982</v>
      </c>
      <c r="F11515" t="s">
        <v>6983</v>
      </c>
      <c r="G11515" t="s">
        <v>80</v>
      </c>
      <c r="H11515" t="s">
        <v>81</v>
      </c>
      <c r="I11515" s="2">
        <v>0</v>
      </c>
      <c r="J11515" s="2">
        <v>1</v>
      </c>
      <c r="K11515" s="2">
        <v>0</v>
      </c>
      <c r="L11515" t="s">
        <v>82</v>
      </c>
      <c r="M11515" t="s">
        <v>87</v>
      </c>
      <c r="N11515" t="s">
        <v>88</v>
      </c>
      <c r="O11515" t="s">
        <v>85</v>
      </c>
      <c r="P11515" t="s">
        <v>86</v>
      </c>
      <c r="Q11515">
        <v>41</v>
      </c>
      <c r="R11515">
        <v>40</v>
      </c>
      <c r="S11515">
        <v>40</v>
      </c>
      <c r="T11515">
        <v>40</v>
      </c>
      <c r="U11515">
        <v>40</v>
      </c>
      <c r="V11515">
        <v>40</v>
      </c>
      <c r="W11515">
        <v>40</v>
      </c>
      <c r="X11515">
        <v>39</v>
      </c>
      <c r="Y11515">
        <v>39</v>
      </c>
      <c r="Z11515">
        <v>39</v>
      </c>
      <c r="AA11515">
        <v>39</v>
      </c>
      <c r="AB11515">
        <v>39</v>
      </c>
      <c r="AC11515">
        <v>38</v>
      </c>
      <c r="AD11515">
        <v>38</v>
      </c>
      <c r="AE11515">
        <v>38</v>
      </c>
      <c r="AF11515">
        <v>38</v>
      </c>
      <c r="AG11515">
        <v>38</v>
      </c>
      <c r="AH11515">
        <v>37</v>
      </c>
      <c r="AI11515">
        <v>37</v>
      </c>
      <c r="AJ11515">
        <v>37</v>
      </c>
      <c r="AK11515">
        <v>37</v>
      </c>
      <c r="AL11515">
        <v>37</v>
      </c>
      <c r="AM11515">
        <v>37</v>
      </c>
      <c r="AN11515">
        <v>36</v>
      </c>
      <c r="AO11515">
        <v>36</v>
      </c>
      <c r="AP11515">
        <v>36</v>
      </c>
      <c r="AQ11515">
        <v>36</v>
      </c>
    </row>
    <row r="11516" spans="1:43">
      <c r="A11516" t="s">
        <v>7162</v>
      </c>
      <c r="B11516" t="s">
        <v>7163</v>
      </c>
      <c r="C11516" t="s">
        <v>7000</v>
      </c>
      <c r="D11516" t="s">
        <v>7001</v>
      </c>
      <c r="E11516" t="s">
        <v>6982</v>
      </c>
      <c r="F11516" t="s">
        <v>6983</v>
      </c>
      <c r="G11516" t="s">
        <v>80</v>
      </c>
      <c r="H11516" t="s">
        <v>81</v>
      </c>
      <c r="I11516" s="2">
        <v>0</v>
      </c>
      <c r="J11516" s="2">
        <v>1</v>
      </c>
      <c r="K11516" s="2">
        <v>0</v>
      </c>
      <c r="L11516" t="s">
        <v>82</v>
      </c>
      <c r="M11516" t="s">
        <v>89</v>
      </c>
      <c r="N11516" t="s">
        <v>90</v>
      </c>
      <c r="O11516" t="s">
        <v>85</v>
      </c>
      <c r="P11516" t="s">
        <v>86</v>
      </c>
      <c r="Q11516">
        <v>41</v>
      </c>
      <c r="R11516">
        <v>42</v>
      </c>
      <c r="S11516">
        <v>42</v>
      </c>
      <c r="T11516">
        <v>43</v>
      </c>
      <c r="U11516">
        <v>43</v>
      </c>
      <c r="V11516">
        <v>44</v>
      </c>
      <c r="W11516">
        <v>44</v>
      </c>
      <c r="X11516">
        <v>45</v>
      </c>
      <c r="Y11516">
        <v>45</v>
      </c>
      <c r="Z11516">
        <v>45</v>
      </c>
      <c r="AA11516">
        <v>45</v>
      </c>
      <c r="AB11516">
        <v>46</v>
      </c>
      <c r="AC11516">
        <v>46</v>
      </c>
      <c r="AD11516">
        <v>46</v>
      </c>
      <c r="AE11516">
        <v>46</v>
      </c>
      <c r="AF11516">
        <v>46</v>
      </c>
      <c r="AG11516">
        <v>45</v>
      </c>
      <c r="AH11516">
        <v>45</v>
      </c>
      <c r="AI11516">
        <v>44</v>
      </c>
      <c r="AJ11516">
        <v>44</v>
      </c>
      <c r="AK11516">
        <v>44</v>
      </c>
      <c r="AL11516">
        <v>43</v>
      </c>
      <c r="AM11516">
        <v>43</v>
      </c>
      <c r="AN11516">
        <v>43</v>
      </c>
      <c r="AO11516">
        <v>42</v>
      </c>
      <c r="AP11516">
        <v>42</v>
      </c>
      <c r="AQ11516">
        <v>41</v>
      </c>
    </row>
    <row r="11517" spans="1:43">
      <c r="A11517" t="s">
        <v>7162</v>
      </c>
      <c r="B11517" t="s">
        <v>7163</v>
      </c>
      <c r="C11517" t="s">
        <v>7000</v>
      </c>
      <c r="D11517" t="s">
        <v>7001</v>
      </c>
      <c r="E11517" t="s">
        <v>6982</v>
      </c>
      <c r="F11517" t="s">
        <v>6983</v>
      </c>
      <c r="G11517" t="s">
        <v>80</v>
      </c>
      <c r="H11517" t="s">
        <v>81</v>
      </c>
      <c r="I11517" s="2">
        <v>0</v>
      </c>
      <c r="J11517" s="2">
        <v>1</v>
      </c>
      <c r="K11517" s="2">
        <v>0</v>
      </c>
      <c r="L11517" t="s">
        <v>82</v>
      </c>
      <c r="M11517" t="s">
        <v>83</v>
      </c>
      <c r="N11517" t="s">
        <v>91</v>
      </c>
      <c r="O11517" t="s">
        <v>85</v>
      </c>
      <c r="P11517" t="s">
        <v>86</v>
      </c>
      <c r="Q11517">
        <v>41</v>
      </c>
      <c r="R11517">
        <v>41</v>
      </c>
      <c r="S11517">
        <v>41</v>
      </c>
      <c r="T11517">
        <v>42</v>
      </c>
      <c r="U11517">
        <v>42</v>
      </c>
      <c r="V11517">
        <v>42</v>
      </c>
      <c r="W11517">
        <v>42</v>
      </c>
      <c r="X11517">
        <v>42</v>
      </c>
      <c r="Y11517">
        <v>42</v>
      </c>
      <c r="Z11517">
        <v>42</v>
      </c>
      <c r="AA11517">
        <v>43</v>
      </c>
      <c r="AB11517">
        <v>43</v>
      </c>
      <c r="AC11517">
        <v>43</v>
      </c>
      <c r="AD11517">
        <v>43</v>
      </c>
      <c r="AE11517">
        <v>43</v>
      </c>
      <c r="AF11517">
        <v>43</v>
      </c>
      <c r="AG11517">
        <v>43</v>
      </c>
      <c r="AH11517">
        <v>43</v>
      </c>
      <c r="AI11517">
        <v>43</v>
      </c>
      <c r="AJ11517">
        <v>43</v>
      </c>
      <c r="AK11517">
        <v>43</v>
      </c>
      <c r="AL11517">
        <v>43</v>
      </c>
      <c r="AM11517">
        <v>43</v>
      </c>
      <c r="AN11517">
        <v>42</v>
      </c>
      <c r="AO11517">
        <v>42</v>
      </c>
      <c r="AP11517">
        <v>42</v>
      </c>
      <c r="AQ11517">
        <v>41</v>
      </c>
    </row>
    <row r="11518" spans="1:43">
      <c r="A11518" t="s">
        <v>7164</v>
      </c>
      <c r="B11518" t="s">
        <v>7165</v>
      </c>
      <c r="C11518" t="s">
        <v>7166</v>
      </c>
      <c r="D11518" t="s">
        <v>7167</v>
      </c>
      <c r="E11518" t="s">
        <v>6982</v>
      </c>
      <c r="F11518" t="s">
        <v>6983</v>
      </c>
      <c r="G11518" t="s">
        <v>80</v>
      </c>
      <c r="H11518" t="s">
        <v>81</v>
      </c>
      <c r="I11518" s="2">
        <v>0</v>
      </c>
      <c r="J11518" s="2">
        <v>1</v>
      </c>
      <c r="K11518" s="2">
        <v>0</v>
      </c>
      <c r="L11518" t="s">
        <v>82</v>
      </c>
      <c r="M11518" t="s">
        <v>83</v>
      </c>
      <c r="N11518" t="s">
        <v>84</v>
      </c>
      <c r="O11518" t="s">
        <v>85</v>
      </c>
      <c r="P11518" t="s">
        <v>86</v>
      </c>
      <c r="Q11518">
        <v>21</v>
      </c>
      <c r="R11518">
        <v>21</v>
      </c>
      <c r="S11518">
        <v>21</v>
      </c>
      <c r="T11518">
        <v>21</v>
      </c>
      <c r="U11518">
        <v>21</v>
      </c>
      <c r="V11518">
        <v>22</v>
      </c>
      <c r="W11518">
        <v>22</v>
      </c>
      <c r="X11518">
        <v>22</v>
      </c>
      <c r="Y11518">
        <v>22</v>
      </c>
      <c r="Z11518">
        <v>22</v>
      </c>
      <c r="AA11518">
        <v>22</v>
      </c>
      <c r="AB11518">
        <v>22</v>
      </c>
      <c r="AC11518">
        <v>22</v>
      </c>
      <c r="AD11518">
        <v>22</v>
      </c>
      <c r="AE11518">
        <v>22</v>
      </c>
      <c r="AF11518">
        <v>22</v>
      </c>
      <c r="AG11518">
        <v>23</v>
      </c>
      <c r="AH11518">
        <v>23</v>
      </c>
      <c r="AI11518">
        <v>23</v>
      </c>
      <c r="AJ11518">
        <v>23</v>
      </c>
      <c r="AK11518">
        <v>23</v>
      </c>
      <c r="AL11518">
        <v>23</v>
      </c>
      <c r="AM11518">
        <v>23</v>
      </c>
      <c r="AN11518">
        <v>22</v>
      </c>
      <c r="AO11518">
        <v>22</v>
      </c>
      <c r="AP11518">
        <v>22</v>
      </c>
      <c r="AQ11518">
        <v>22</v>
      </c>
    </row>
    <row r="11519" spans="1:43">
      <c r="A11519" t="s">
        <v>7164</v>
      </c>
      <c r="B11519" t="s">
        <v>7165</v>
      </c>
      <c r="C11519" t="s">
        <v>7166</v>
      </c>
      <c r="D11519" t="s">
        <v>7167</v>
      </c>
      <c r="E11519" t="s">
        <v>6982</v>
      </c>
      <c r="F11519" t="s">
        <v>6983</v>
      </c>
      <c r="G11519" t="s">
        <v>80</v>
      </c>
      <c r="H11519" t="s">
        <v>81</v>
      </c>
      <c r="I11519" s="2">
        <v>0</v>
      </c>
      <c r="J11519" s="2">
        <v>1</v>
      </c>
      <c r="K11519" s="2">
        <v>0</v>
      </c>
      <c r="L11519" t="s">
        <v>82</v>
      </c>
      <c r="M11519" t="s">
        <v>87</v>
      </c>
      <c r="N11519" t="s">
        <v>88</v>
      </c>
      <c r="O11519" t="s">
        <v>85</v>
      </c>
      <c r="P11519" t="s">
        <v>86</v>
      </c>
      <c r="Q11519">
        <v>21</v>
      </c>
      <c r="R11519">
        <v>21</v>
      </c>
      <c r="S11519">
        <v>21</v>
      </c>
      <c r="T11519">
        <v>21</v>
      </c>
      <c r="U11519">
        <v>20</v>
      </c>
      <c r="V11519">
        <v>20</v>
      </c>
      <c r="W11519">
        <v>20</v>
      </c>
      <c r="X11519">
        <v>20</v>
      </c>
      <c r="Y11519">
        <v>20</v>
      </c>
      <c r="Z11519">
        <v>20</v>
      </c>
      <c r="AA11519">
        <v>20</v>
      </c>
      <c r="AB11519">
        <v>20</v>
      </c>
      <c r="AC11519">
        <v>20</v>
      </c>
      <c r="AD11519">
        <v>20</v>
      </c>
      <c r="AE11519">
        <v>20</v>
      </c>
      <c r="AF11519">
        <v>20</v>
      </c>
      <c r="AG11519">
        <v>20</v>
      </c>
      <c r="AH11519">
        <v>20</v>
      </c>
      <c r="AI11519">
        <v>20</v>
      </c>
      <c r="AJ11519">
        <v>20</v>
      </c>
      <c r="AK11519">
        <v>20</v>
      </c>
      <c r="AL11519">
        <v>20</v>
      </c>
      <c r="AM11519">
        <v>19</v>
      </c>
      <c r="AN11519">
        <v>19</v>
      </c>
      <c r="AO11519">
        <v>19</v>
      </c>
      <c r="AP11519">
        <v>19</v>
      </c>
      <c r="AQ11519">
        <v>19</v>
      </c>
    </row>
    <row r="11520" spans="1:43">
      <c r="A11520" t="s">
        <v>7164</v>
      </c>
      <c r="B11520" t="s">
        <v>7165</v>
      </c>
      <c r="C11520" t="s">
        <v>7166</v>
      </c>
      <c r="D11520" t="s">
        <v>7167</v>
      </c>
      <c r="E11520" t="s">
        <v>6982</v>
      </c>
      <c r="F11520" t="s">
        <v>6983</v>
      </c>
      <c r="G11520" t="s">
        <v>80</v>
      </c>
      <c r="H11520" t="s">
        <v>81</v>
      </c>
      <c r="I11520" s="2">
        <v>0</v>
      </c>
      <c r="J11520" s="2">
        <v>1</v>
      </c>
      <c r="K11520" s="2">
        <v>0</v>
      </c>
      <c r="L11520" t="s">
        <v>82</v>
      </c>
      <c r="M11520" t="s">
        <v>89</v>
      </c>
      <c r="N11520" t="s">
        <v>90</v>
      </c>
      <c r="O11520" t="s">
        <v>85</v>
      </c>
      <c r="P11520" t="s">
        <v>86</v>
      </c>
      <c r="Q11520">
        <v>21</v>
      </c>
      <c r="R11520">
        <v>21</v>
      </c>
      <c r="S11520">
        <v>22</v>
      </c>
      <c r="T11520">
        <v>22</v>
      </c>
      <c r="U11520">
        <v>22</v>
      </c>
      <c r="V11520">
        <v>22</v>
      </c>
      <c r="W11520">
        <v>23</v>
      </c>
      <c r="X11520">
        <v>23</v>
      </c>
      <c r="Y11520">
        <v>23</v>
      </c>
      <c r="Z11520">
        <v>23</v>
      </c>
      <c r="AA11520">
        <v>23</v>
      </c>
      <c r="AB11520">
        <v>24</v>
      </c>
      <c r="AC11520">
        <v>24</v>
      </c>
      <c r="AD11520">
        <v>24</v>
      </c>
      <c r="AE11520">
        <v>24</v>
      </c>
      <c r="AF11520">
        <v>24</v>
      </c>
      <c r="AG11520">
        <v>24</v>
      </c>
      <c r="AH11520">
        <v>23</v>
      </c>
      <c r="AI11520">
        <v>23</v>
      </c>
      <c r="AJ11520">
        <v>23</v>
      </c>
      <c r="AK11520">
        <v>23</v>
      </c>
      <c r="AL11520">
        <v>23</v>
      </c>
      <c r="AM11520">
        <v>23</v>
      </c>
      <c r="AN11520">
        <v>23</v>
      </c>
      <c r="AO11520">
        <v>22</v>
      </c>
      <c r="AP11520">
        <v>22</v>
      </c>
      <c r="AQ11520">
        <v>22</v>
      </c>
    </row>
    <row r="11521" spans="1:43">
      <c r="A11521" t="s">
        <v>7164</v>
      </c>
      <c r="B11521" t="s">
        <v>7165</v>
      </c>
      <c r="C11521" t="s">
        <v>7166</v>
      </c>
      <c r="D11521" t="s">
        <v>7167</v>
      </c>
      <c r="E11521" t="s">
        <v>6982</v>
      </c>
      <c r="F11521" t="s">
        <v>6983</v>
      </c>
      <c r="G11521" t="s">
        <v>80</v>
      </c>
      <c r="H11521" t="s">
        <v>81</v>
      </c>
      <c r="I11521" s="2">
        <v>0</v>
      </c>
      <c r="J11521" s="2">
        <v>1</v>
      </c>
      <c r="K11521" s="2">
        <v>0</v>
      </c>
      <c r="L11521" t="s">
        <v>82</v>
      </c>
      <c r="M11521" t="s">
        <v>83</v>
      </c>
      <c r="N11521" t="s">
        <v>91</v>
      </c>
      <c r="O11521" t="s">
        <v>85</v>
      </c>
      <c r="P11521" t="s">
        <v>86</v>
      </c>
      <c r="Q11521">
        <v>21</v>
      </c>
      <c r="R11521">
        <v>21</v>
      </c>
      <c r="S11521">
        <v>21</v>
      </c>
      <c r="T11521">
        <v>21</v>
      </c>
      <c r="U11521">
        <v>21</v>
      </c>
      <c r="V11521">
        <v>22</v>
      </c>
      <c r="W11521">
        <v>22</v>
      </c>
      <c r="X11521">
        <v>22</v>
      </c>
      <c r="Y11521">
        <v>22</v>
      </c>
      <c r="Z11521">
        <v>22</v>
      </c>
      <c r="AA11521">
        <v>22</v>
      </c>
      <c r="AB11521">
        <v>22</v>
      </c>
      <c r="AC11521">
        <v>22</v>
      </c>
      <c r="AD11521">
        <v>22</v>
      </c>
      <c r="AE11521">
        <v>22</v>
      </c>
      <c r="AF11521">
        <v>22</v>
      </c>
      <c r="AG11521">
        <v>23</v>
      </c>
      <c r="AH11521">
        <v>23</v>
      </c>
      <c r="AI11521">
        <v>23</v>
      </c>
      <c r="AJ11521">
        <v>23</v>
      </c>
      <c r="AK11521">
        <v>23</v>
      </c>
      <c r="AL11521">
        <v>23</v>
      </c>
      <c r="AM11521">
        <v>23</v>
      </c>
      <c r="AN11521">
        <v>22</v>
      </c>
      <c r="AO11521">
        <v>22</v>
      </c>
      <c r="AP11521">
        <v>22</v>
      </c>
      <c r="AQ11521">
        <v>22</v>
      </c>
    </row>
    <row r="11522" spans="1:43">
      <c r="A11522" t="s">
        <v>7168</v>
      </c>
      <c r="B11522" t="s">
        <v>7169</v>
      </c>
      <c r="C11522" t="s">
        <v>7166</v>
      </c>
      <c r="D11522" t="s">
        <v>7167</v>
      </c>
      <c r="E11522" t="s">
        <v>6982</v>
      </c>
      <c r="F11522" t="s">
        <v>6983</v>
      </c>
      <c r="G11522" t="s">
        <v>80</v>
      </c>
      <c r="H11522" t="s">
        <v>81</v>
      </c>
      <c r="I11522" s="2">
        <v>0</v>
      </c>
      <c r="J11522" s="2">
        <v>1</v>
      </c>
      <c r="K11522" s="2">
        <v>0</v>
      </c>
      <c r="L11522" t="s">
        <v>82</v>
      </c>
      <c r="M11522" t="s">
        <v>83</v>
      </c>
      <c r="N11522" t="s">
        <v>84</v>
      </c>
      <c r="O11522" t="s">
        <v>85</v>
      </c>
      <c r="P11522" t="s">
        <v>86</v>
      </c>
      <c r="Q11522">
        <v>16</v>
      </c>
      <c r="R11522">
        <v>16</v>
      </c>
      <c r="S11522">
        <v>16</v>
      </c>
      <c r="T11522">
        <v>16</v>
      </c>
      <c r="U11522">
        <v>16</v>
      </c>
      <c r="V11522">
        <v>16</v>
      </c>
      <c r="W11522">
        <v>16</v>
      </c>
      <c r="X11522">
        <v>16</v>
      </c>
      <c r="Y11522">
        <v>16</v>
      </c>
      <c r="Z11522">
        <v>16</v>
      </c>
      <c r="AA11522">
        <v>17</v>
      </c>
      <c r="AB11522">
        <v>17</v>
      </c>
      <c r="AC11522">
        <v>17</v>
      </c>
      <c r="AD11522">
        <v>17</v>
      </c>
      <c r="AE11522">
        <v>17</v>
      </c>
      <c r="AF11522">
        <v>17</v>
      </c>
      <c r="AG11522">
        <v>17</v>
      </c>
      <c r="AH11522">
        <v>17</v>
      </c>
      <c r="AI11522">
        <v>17</v>
      </c>
      <c r="AJ11522">
        <v>17</v>
      </c>
      <c r="AK11522">
        <v>17</v>
      </c>
      <c r="AL11522">
        <v>17</v>
      </c>
      <c r="AM11522">
        <v>17</v>
      </c>
      <c r="AN11522">
        <v>17</v>
      </c>
      <c r="AO11522">
        <v>17</v>
      </c>
      <c r="AP11522">
        <v>17</v>
      </c>
      <c r="AQ11522">
        <v>16</v>
      </c>
    </row>
    <row r="11523" spans="1:43">
      <c r="A11523" t="s">
        <v>7168</v>
      </c>
      <c r="B11523" t="s">
        <v>7169</v>
      </c>
      <c r="C11523" t="s">
        <v>7166</v>
      </c>
      <c r="D11523" t="s">
        <v>7167</v>
      </c>
      <c r="E11523" t="s">
        <v>6982</v>
      </c>
      <c r="F11523" t="s">
        <v>6983</v>
      </c>
      <c r="G11523" t="s">
        <v>80</v>
      </c>
      <c r="H11523" t="s">
        <v>81</v>
      </c>
      <c r="I11523" s="2">
        <v>0</v>
      </c>
      <c r="J11523" s="2">
        <v>1</v>
      </c>
      <c r="K11523" s="2">
        <v>0</v>
      </c>
      <c r="L11523" t="s">
        <v>82</v>
      </c>
      <c r="M11523" t="s">
        <v>87</v>
      </c>
      <c r="N11523" t="s">
        <v>88</v>
      </c>
      <c r="O11523" t="s">
        <v>85</v>
      </c>
      <c r="P11523" t="s">
        <v>86</v>
      </c>
      <c r="Q11523">
        <v>16</v>
      </c>
      <c r="R11523">
        <v>16</v>
      </c>
      <c r="S11523">
        <v>16</v>
      </c>
      <c r="T11523">
        <v>16</v>
      </c>
      <c r="U11523">
        <v>16</v>
      </c>
      <c r="V11523">
        <v>16</v>
      </c>
      <c r="W11523">
        <v>16</v>
      </c>
      <c r="X11523">
        <v>16</v>
      </c>
      <c r="Y11523">
        <v>16</v>
      </c>
      <c r="Z11523">
        <v>16</v>
      </c>
      <c r="AA11523">
        <v>16</v>
      </c>
      <c r="AB11523">
        <v>16</v>
      </c>
      <c r="AC11523">
        <v>16</v>
      </c>
      <c r="AD11523">
        <v>16</v>
      </c>
      <c r="AE11523">
        <v>16</v>
      </c>
      <c r="AF11523">
        <v>16</v>
      </c>
      <c r="AG11523">
        <v>16</v>
      </c>
      <c r="AH11523">
        <v>16</v>
      </c>
      <c r="AI11523">
        <v>16</v>
      </c>
      <c r="AJ11523">
        <v>16</v>
      </c>
      <c r="AK11523">
        <v>16</v>
      </c>
      <c r="AL11523">
        <v>16</v>
      </c>
      <c r="AM11523">
        <v>16</v>
      </c>
      <c r="AN11523">
        <v>16</v>
      </c>
      <c r="AO11523">
        <v>16</v>
      </c>
      <c r="AP11523">
        <v>15</v>
      </c>
      <c r="AQ11523">
        <v>15</v>
      </c>
    </row>
    <row r="11524" spans="1:43">
      <c r="A11524" t="s">
        <v>7168</v>
      </c>
      <c r="B11524" t="s">
        <v>7169</v>
      </c>
      <c r="C11524" t="s">
        <v>7166</v>
      </c>
      <c r="D11524" t="s">
        <v>7167</v>
      </c>
      <c r="E11524" t="s">
        <v>6982</v>
      </c>
      <c r="F11524" t="s">
        <v>6983</v>
      </c>
      <c r="G11524" t="s">
        <v>80</v>
      </c>
      <c r="H11524" t="s">
        <v>81</v>
      </c>
      <c r="I11524" s="2">
        <v>0</v>
      </c>
      <c r="J11524" s="2">
        <v>1</v>
      </c>
      <c r="K11524" s="2">
        <v>0</v>
      </c>
      <c r="L11524" t="s">
        <v>82</v>
      </c>
      <c r="M11524" t="s">
        <v>89</v>
      </c>
      <c r="N11524" t="s">
        <v>90</v>
      </c>
      <c r="O11524" t="s">
        <v>85</v>
      </c>
      <c r="P11524" t="s">
        <v>86</v>
      </c>
      <c r="Q11524">
        <v>16</v>
      </c>
      <c r="R11524">
        <v>16</v>
      </c>
      <c r="S11524">
        <v>16</v>
      </c>
      <c r="T11524">
        <v>16</v>
      </c>
      <c r="U11524">
        <v>17</v>
      </c>
      <c r="V11524">
        <v>17</v>
      </c>
      <c r="W11524">
        <v>17</v>
      </c>
      <c r="X11524">
        <v>17</v>
      </c>
      <c r="Y11524">
        <v>17</v>
      </c>
      <c r="Z11524">
        <v>17</v>
      </c>
      <c r="AA11524">
        <v>18</v>
      </c>
      <c r="AB11524">
        <v>18</v>
      </c>
      <c r="AC11524">
        <v>18</v>
      </c>
      <c r="AD11524">
        <v>18</v>
      </c>
      <c r="AE11524">
        <v>18</v>
      </c>
      <c r="AF11524">
        <v>18</v>
      </c>
      <c r="AG11524">
        <v>18</v>
      </c>
      <c r="AH11524">
        <v>18</v>
      </c>
      <c r="AI11524">
        <v>17</v>
      </c>
      <c r="AJ11524">
        <v>17</v>
      </c>
      <c r="AK11524">
        <v>17</v>
      </c>
      <c r="AL11524">
        <v>17</v>
      </c>
      <c r="AM11524">
        <v>17</v>
      </c>
      <c r="AN11524">
        <v>17</v>
      </c>
      <c r="AO11524">
        <v>17</v>
      </c>
      <c r="AP11524">
        <v>17</v>
      </c>
      <c r="AQ11524">
        <v>17</v>
      </c>
    </row>
    <row r="11525" spans="1:43">
      <c r="A11525" t="s">
        <v>7168</v>
      </c>
      <c r="B11525" t="s">
        <v>7169</v>
      </c>
      <c r="C11525" t="s">
        <v>7166</v>
      </c>
      <c r="D11525" t="s">
        <v>7167</v>
      </c>
      <c r="E11525" t="s">
        <v>6982</v>
      </c>
      <c r="F11525" t="s">
        <v>6983</v>
      </c>
      <c r="G11525" t="s">
        <v>80</v>
      </c>
      <c r="H11525" t="s">
        <v>81</v>
      </c>
      <c r="I11525" s="2">
        <v>0</v>
      </c>
      <c r="J11525" s="2">
        <v>1</v>
      </c>
      <c r="K11525" s="2">
        <v>0</v>
      </c>
      <c r="L11525" t="s">
        <v>82</v>
      </c>
      <c r="M11525" t="s">
        <v>83</v>
      </c>
      <c r="N11525" t="s">
        <v>91</v>
      </c>
      <c r="O11525" t="s">
        <v>85</v>
      </c>
      <c r="P11525" t="s">
        <v>86</v>
      </c>
      <c r="Q11525">
        <v>16</v>
      </c>
      <c r="R11525">
        <v>16</v>
      </c>
      <c r="S11525">
        <v>16</v>
      </c>
      <c r="T11525">
        <v>16</v>
      </c>
      <c r="U11525">
        <v>16</v>
      </c>
      <c r="V11525">
        <v>16</v>
      </c>
      <c r="W11525">
        <v>16</v>
      </c>
      <c r="X11525">
        <v>16</v>
      </c>
      <c r="Y11525">
        <v>16</v>
      </c>
      <c r="Z11525">
        <v>16</v>
      </c>
      <c r="AA11525">
        <v>17</v>
      </c>
      <c r="AB11525">
        <v>17</v>
      </c>
      <c r="AC11525">
        <v>17</v>
      </c>
      <c r="AD11525">
        <v>17</v>
      </c>
      <c r="AE11525">
        <v>17</v>
      </c>
      <c r="AF11525">
        <v>17</v>
      </c>
      <c r="AG11525">
        <v>17</v>
      </c>
      <c r="AH11525">
        <v>17</v>
      </c>
      <c r="AI11525">
        <v>17</v>
      </c>
      <c r="AJ11525">
        <v>17</v>
      </c>
      <c r="AK11525">
        <v>17</v>
      </c>
      <c r="AL11525">
        <v>17</v>
      </c>
      <c r="AM11525">
        <v>17</v>
      </c>
      <c r="AN11525">
        <v>17</v>
      </c>
      <c r="AO11525">
        <v>17</v>
      </c>
      <c r="AP11525">
        <v>17</v>
      </c>
      <c r="AQ11525">
        <v>16</v>
      </c>
    </row>
    <row r="11526" spans="1:43">
      <c r="A11526" t="s">
        <v>7170</v>
      </c>
      <c r="B11526" t="s">
        <v>7171</v>
      </c>
      <c r="C11526" t="s">
        <v>7166</v>
      </c>
      <c r="D11526" t="s">
        <v>7167</v>
      </c>
      <c r="E11526" t="s">
        <v>6982</v>
      </c>
      <c r="F11526" t="s">
        <v>6983</v>
      </c>
      <c r="G11526" t="s">
        <v>80</v>
      </c>
      <c r="H11526" t="s">
        <v>81</v>
      </c>
      <c r="I11526" s="2">
        <v>0</v>
      </c>
      <c r="J11526" s="2">
        <v>1</v>
      </c>
      <c r="K11526" s="2">
        <v>0</v>
      </c>
      <c r="L11526" t="s">
        <v>82</v>
      </c>
      <c r="M11526" t="s">
        <v>83</v>
      </c>
      <c r="N11526" t="s">
        <v>84</v>
      </c>
      <c r="O11526" t="s">
        <v>85</v>
      </c>
      <c r="P11526" t="s">
        <v>86</v>
      </c>
      <c r="Q11526">
        <v>16</v>
      </c>
      <c r="R11526">
        <v>16</v>
      </c>
      <c r="S11526">
        <v>17</v>
      </c>
      <c r="T11526">
        <v>17</v>
      </c>
      <c r="U11526">
        <v>17</v>
      </c>
      <c r="V11526">
        <v>17</v>
      </c>
      <c r="W11526">
        <v>17</v>
      </c>
      <c r="X11526">
        <v>17</v>
      </c>
      <c r="Y11526">
        <v>17</v>
      </c>
      <c r="Z11526">
        <v>17</v>
      </c>
      <c r="AA11526">
        <v>17</v>
      </c>
      <c r="AB11526">
        <v>17</v>
      </c>
      <c r="AC11526">
        <v>17</v>
      </c>
      <c r="AD11526">
        <v>17</v>
      </c>
      <c r="AE11526">
        <v>18</v>
      </c>
      <c r="AF11526">
        <v>18</v>
      </c>
      <c r="AG11526">
        <v>18</v>
      </c>
      <c r="AH11526">
        <v>18</v>
      </c>
      <c r="AI11526">
        <v>18</v>
      </c>
      <c r="AJ11526">
        <v>18</v>
      </c>
      <c r="AK11526">
        <v>18</v>
      </c>
      <c r="AL11526">
        <v>18</v>
      </c>
      <c r="AM11526">
        <v>18</v>
      </c>
      <c r="AN11526">
        <v>18</v>
      </c>
      <c r="AO11526">
        <v>18</v>
      </c>
      <c r="AP11526">
        <v>17</v>
      </c>
      <c r="AQ11526">
        <v>17</v>
      </c>
    </row>
    <row r="11527" spans="1:43">
      <c r="A11527" t="s">
        <v>7170</v>
      </c>
      <c r="B11527" t="s">
        <v>7171</v>
      </c>
      <c r="C11527" t="s">
        <v>7166</v>
      </c>
      <c r="D11527" t="s">
        <v>7167</v>
      </c>
      <c r="E11527" t="s">
        <v>6982</v>
      </c>
      <c r="F11527" t="s">
        <v>6983</v>
      </c>
      <c r="G11527" t="s">
        <v>80</v>
      </c>
      <c r="H11527" t="s">
        <v>81</v>
      </c>
      <c r="I11527" s="2">
        <v>0</v>
      </c>
      <c r="J11527" s="2">
        <v>1</v>
      </c>
      <c r="K11527" s="2">
        <v>0</v>
      </c>
      <c r="L11527" t="s">
        <v>82</v>
      </c>
      <c r="M11527" t="s">
        <v>87</v>
      </c>
      <c r="N11527" t="s">
        <v>88</v>
      </c>
      <c r="O11527" t="s">
        <v>85</v>
      </c>
      <c r="P11527" t="s">
        <v>86</v>
      </c>
      <c r="Q11527">
        <v>16</v>
      </c>
      <c r="R11527">
        <v>16</v>
      </c>
      <c r="S11527">
        <v>16</v>
      </c>
      <c r="T11527">
        <v>16</v>
      </c>
      <c r="U11527">
        <v>16</v>
      </c>
      <c r="V11527">
        <v>16</v>
      </c>
      <c r="W11527">
        <v>16</v>
      </c>
      <c r="X11527">
        <v>16</v>
      </c>
      <c r="Y11527">
        <v>16</v>
      </c>
      <c r="Z11527">
        <v>16</v>
      </c>
      <c r="AA11527">
        <v>16</v>
      </c>
      <c r="AB11527">
        <v>16</v>
      </c>
      <c r="AC11527">
        <v>16</v>
      </c>
      <c r="AD11527">
        <v>16</v>
      </c>
      <c r="AE11527">
        <v>16</v>
      </c>
      <c r="AF11527">
        <v>16</v>
      </c>
      <c r="AG11527">
        <v>16</v>
      </c>
      <c r="AH11527">
        <v>15</v>
      </c>
      <c r="AI11527">
        <v>15</v>
      </c>
      <c r="AJ11527">
        <v>15</v>
      </c>
      <c r="AK11527">
        <v>15</v>
      </c>
      <c r="AL11527">
        <v>15</v>
      </c>
      <c r="AM11527">
        <v>15</v>
      </c>
      <c r="AN11527">
        <v>15</v>
      </c>
      <c r="AO11527">
        <v>15</v>
      </c>
      <c r="AP11527">
        <v>15</v>
      </c>
      <c r="AQ11527">
        <v>15</v>
      </c>
    </row>
    <row r="11528" spans="1:43">
      <c r="A11528" t="s">
        <v>7170</v>
      </c>
      <c r="B11528" t="s">
        <v>7171</v>
      </c>
      <c r="C11528" t="s">
        <v>7166</v>
      </c>
      <c r="D11528" t="s">
        <v>7167</v>
      </c>
      <c r="E11528" t="s">
        <v>6982</v>
      </c>
      <c r="F11528" t="s">
        <v>6983</v>
      </c>
      <c r="G11528" t="s">
        <v>80</v>
      </c>
      <c r="H11528" t="s">
        <v>81</v>
      </c>
      <c r="I11528" s="2">
        <v>0</v>
      </c>
      <c r="J11528" s="2">
        <v>1</v>
      </c>
      <c r="K11528" s="2">
        <v>0</v>
      </c>
      <c r="L11528" t="s">
        <v>82</v>
      </c>
      <c r="M11528" t="s">
        <v>89</v>
      </c>
      <c r="N11528" t="s">
        <v>90</v>
      </c>
      <c r="O11528" t="s">
        <v>85</v>
      </c>
      <c r="P11528" t="s">
        <v>86</v>
      </c>
      <c r="Q11528">
        <v>16</v>
      </c>
      <c r="R11528">
        <v>17</v>
      </c>
      <c r="S11528">
        <v>17</v>
      </c>
      <c r="T11528">
        <v>17</v>
      </c>
      <c r="U11528">
        <v>17</v>
      </c>
      <c r="V11528">
        <v>18</v>
      </c>
      <c r="W11528">
        <v>18</v>
      </c>
      <c r="X11528">
        <v>18</v>
      </c>
      <c r="Y11528">
        <v>18</v>
      </c>
      <c r="Z11528">
        <v>18</v>
      </c>
      <c r="AA11528">
        <v>18</v>
      </c>
      <c r="AB11528">
        <v>18</v>
      </c>
      <c r="AC11528">
        <v>19</v>
      </c>
      <c r="AD11528">
        <v>19</v>
      </c>
      <c r="AE11528">
        <v>19</v>
      </c>
      <c r="AF11528">
        <v>19</v>
      </c>
      <c r="AG11528">
        <v>19</v>
      </c>
      <c r="AH11528">
        <v>18</v>
      </c>
      <c r="AI11528">
        <v>18</v>
      </c>
      <c r="AJ11528">
        <v>18</v>
      </c>
      <c r="AK11528">
        <v>18</v>
      </c>
      <c r="AL11528">
        <v>18</v>
      </c>
      <c r="AM11528">
        <v>18</v>
      </c>
      <c r="AN11528">
        <v>18</v>
      </c>
      <c r="AO11528">
        <v>18</v>
      </c>
      <c r="AP11528">
        <v>18</v>
      </c>
      <c r="AQ11528">
        <v>17</v>
      </c>
    </row>
    <row r="11529" spans="1:43">
      <c r="A11529" t="s">
        <v>7170</v>
      </c>
      <c r="B11529" t="s">
        <v>7171</v>
      </c>
      <c r="C11529" t="s">
        <v>7166</v>
      </c>
      <c r="D11529" t="s">
        <v>7167</v>
      </c>
      <c r="E11529" t="s">
        <v>6982</v>
      </c>
      <c r="F11529" t="s">
        <v>6983</v>
      </c>
      <c r="G11529" t="s">
        <v>80</v>
      </c>
      <c r="H11529" t="s">
        <v>81</v>
      </c>
      <c r="I11529" s="2">
        <v>0</v>
      </c>
      <c r="J11529" s="2">
        <v>1</v>
      </c>
      <c r="K11529" s="2">
        <v>0</v>
      </c>
      <c r="L11529" t="s">
        <v>82</v>
      </c>
      <c r="M11529" t="s">
        <v>83</v>
      </c>
      <c r="N11529" t="s">
        <v>91</v>
      </c>
      <c r="O11529" t="s">
        <v>85</v>
      </c>
      <c r="P11529" t="s">
        <v>86</v>
      </c>
      <c r="Q11529">
        <v>16</v>
      </c>
      <c r="R11529">
        <v>16</v>
      </c>
      <c r="S11529">
        <v>17</v>
      </c>
      <c r="T11529">
        <v>17</v>
      </c>
      <c r="U11529">
        <v>17</v>
      </c>
      <c r="V11529">
        <v>17</v>
      </c>
      <c r="W11529">
        <v>17</v>
      </c>
      <c r="X11529">
        <v>17</v>
      </c>
      <c r="Y11529">
        <v>17</v>
      </c>
      <c r="Z11529">
        <v>17</v>
      </c>
      <c r="AA11529">
        <v>17</v>
      </c>
      <c r="AB11529">
        <v>17</v>
      </c>
      <c r="AC11529">
        <v>17</v>
      </c>
      <c r="AD11529">
        <v>17</v>
      </c>
      <c r="AE11529">
        <v>18</v>
      </c>
      <c r="AF11529">
        <v>18</v>
      </c>
      <c r="AG11529">
        <v>18</v>
      </c>
      <c r="AH11529">
        <v>18</v>
      </c>
      <c r="AI11529">
        <v>18</v>
      </c>
      <c r="AJ11529">
        <v>18</v>
      </c>
      <c r="AK11529">
        <v>18</v>
      </c>
      <c r="AL11529">
        <v>18</v>
      </c>
      <c r="AM11529">
        <v>18</v>
      </c>
      <c r="AN11529">
        <v>18</v>
      </c>
      <c r="AO11529">
        <v>18</v>
      </c>
      <c r="AP11529">
        <v>17</v>
      </c>
      <c r="AQ11529">
        <v>17</v>
      </c>
    </row>
    <row r="11530" spans="1:43">
      <c r="A11530" t="s">
        <v>7172</v>
      </c>
      <c r="B11530" t="s">
        <v>7173</v>
      </c>
      <c r="C11530" t="s">
        <v>7166</v>
      </c>
      <c r="D11530" t="s">
        <v>7167</v>
      </c>
      <c r="E11530" t="s">
        <v>6982</v>
      </c>
      <c r="F11530" t="s">
        <v>6983</v>
      </c>
      <c r="G11530" t="s">
        <v>80</v>
      </c>
      <c r="H11530" t="s">
        <v>81</v>
      </c>
      <c r="I11530" s="2">
        <v>0</v>
      </c>
      <c r="J11530" s="2">
        <v>1</v>
      </c>
      <c r="K11530" s="2">
        <v>0</v>
      </c>
      <c r="L11530" t="s">
        <v>82</v>
      </c>
      <c r="M11530" t="s">
        <v>83</v>
      </c>
      <c r="N11530" t="s">
        <v>84</v>
      </c>
      <c r="O11530" t="s">
        <v>85</v>
      </c>
      <c r="P11530" t="s">
        <v>86</v>
      </c>
      <c r="Q11530">
        <v>8</v>
      </c>
      <c r="R11530">
        <v>8</v>
      </c>
      <c r="S11530">
        <v>8</v>
      </c>
      <c r="T11530">
        <v>8</v>
      </c>
      <c r="U11530">
        <v>8</v>
      </c>
      <c r="V11530">
        <v>8</v>
      </c>
      <c r="W11530">
        <v>8</v>
      </c>
      <c r="X11530">
        <v>8</v>
      </c>
      <c r="Y11530">
        <v>8</v>
      </c>
      <c r="Z11530">
        <v>8</v>
      </c>
      <c r="AA11530">
        <v>8</v>
      </c>
      <c r="AB11530">
        <v>8</v>
      </c>
      <c r="AC11530">
        <v>8</v>
      </c>
      <c r="AD11530">
        <v>8</v>
      </c>
      <c r="AE11530">
        <v>8</v>
      </c>
      <c r="AF11530">
        <v>8</v>
      </c>
      <c r="AG11530">
        <v>8</v>
      </c>
      <c r="AH11530">
        <v>8</v>
      </c>
      <c r="AI11530">
        <v>8</v>
      </c>
      <c r="AJ11530">
        <v>8</v>
      </c>
      <c r="AK11530">
        <v>9</v>
      </c>
      <c r="AL11530">
        <v>8</v>
      </c>
      <c r="AM11530">
        <v>8</v>
      </c>
      <c r="AN11530">
        <v>8</v>
      </c>
      <c r="AO11530">
        <v>8</v>
      </c>
      <c r="AP11530">
        <v>8</v>
      </c>
      <c r="AQ11530">
        <v>8</v>
      </c>
    </row>
    <row r="11531" spans="1:43">
      <c r="A11531" t="s">
        <v>7172</v>
      </c>
      <c r="B11531" t="s">
        <v>7173</v>
      </c>
      <c r="C11531" t="s">
        <v>7166</v>
      </c>
      <c r="D11531" t="s">
        <v>7167</v>
      </c>
      <c r="E11531" t="s">
        <v>6982</v>
      </c>
      <c r="F11531" t="s">
        <v>6983</v>
      </c>
      <c r="G11531" t="s">
        <v>80</v>
      </c>
      <c r="H11531" t="s">
        <v>81</v>
      </c>
      <c r="I11531" s="2">
        <v>0</v>
      </c>
      <c r="J11531" s="2">
        <v>1</v>
      </c>
      <c r="K11531" s="2">
        <v>0</v>
      </c>
      <c r="L11531" t="s">
        <v>82</v>
      </c>
      <c r="M11531" t="s">
        <v>87</v>
      </c>
      <c r="N11531" t="s">
        <v>88</v>
      </c>
      <c r="O11531" t="s">
        <v>85</v>
      </c>
      <c r="P11531" t="s">
        <v>86</v>
      </c>
      <c r="Q11531">
        <v>8</v>
      </c>
      <c r="R11531">
        <v>8</v>
      </c>
      <c r="S11531">
        <v>8</v>
      </c>
      <c r="T11531">
        <v>8</v>
      </c>
      <c r="U11531">
        <v>8</v>
      </c>
      <c r="V11531">
        <v>8</v>
      </c>
      <c r="W11531">
        <v>8</v>
      </c>
      <c r="X11531">
        <v>8</v>
      </c>
      <c r="Y11531">
        <v>8</v>
      </c>
      <c r="Z11531">
        <v>8</v>
      </c>
      <c r="AA11531">
        <v>8</v>
      </c>
      <c r="AB11531">
        <v>7</v>
      </c>
      <c r="AC11531">
        <v>7</v>
      </c>
      <c r="AD11531">
        <v>7</v>
      </c>
      <c r="AE11531">
        <v>7</v>
      </c>
      <c r="AF11531">
        <v>7</v>
      </c>
      <c r="AG11531">
        <v>7</v>
      </c>
      <c r="AH11531">
        <v>7</v>
      </c>
      <c r="AI11531">
        <v>7</v>
      </c>
      <c r="AJ11531">
        <v>7</v>
      </c>
      <c r="AK11531">
        <v>7</v>
      </c>
      <c r="AL11531">
        <v>7</v>
      </c>
      <c r="AM11531">
        <v>7</v>
      </c>
      <c r="AN11531">
        <v>7</v>
      </c>
      <c r="AO11531">
        <v>7</v>
      </c>
      <c r="AP11531">
        <v>7</v>
      </c>
      <c r="AQ11531">
        <v>7</v>
      </c>
    </row>
    <row r="11532" spans="1:43">
      <c r="A11532" t="s">
        <v>7172</v>
      </c>
      <c r="B11532" t="s">
        <v>7173</v>
      </c>
      <c r="C11532" t="s">
        <v>7166</v>
      </c>
      <c r="D11532" t="s">
        <v>7167</v>
      </c>
      <c r="E11532" t="s">
        <v>6982</v>
      </c>
      <c r="F11532" t="s">
        <v>6983</v>
      </c>
      <c r="G11532" t="s">
        <v>80</v>
      </c>
      <c r="H11532" t="s">
        <v>81</v>
      </c>
      <c r="I11532" s="2">
        <v>0</v>
      </c>
      <c r="J11532" s="2">
        <v>1</v>
      </c>
      <c r="K11532" s="2">
        <v>0</v>
      </c>
      <c r="L11532" t="s">
        <v>82</v>
      </c>
      <c r="M11532" t="s">
        <v>89</v>
      </c>
      <c r="N11532" t="s">
        <v>90</v>
      </c>
      <c r="O11532" t="s">
        <v>85</v>
      </c>
      <c r="P11532" t="s">
        <v>86</v>
      </c>
      <c r="Q11532">
        <v>8</v>
      </c>
      <c r="R11532">
        <v>8</v>
      </c>
      <c r="S11532">
        <v>8</v>
      </c>
      <c r="T11532">
        <v>8</v>
      </c>
      <c r="U11532">
        <v>8</v>
      </c>
      <c r="V11532">
        <v>8</v>
      </c>
      <c r="W11532">
        <v>8</v>
      </c>
      <c r="X11532">
        <v>9</v>
      </c>
      <c r="Y11532">
        <v>9</v>
      </c>
      <c r="Z11532">
        <v>9</v>
      </c>
      <c r="AA11532">
        <v>9</v>
      </c>
      <c r="AB11532">
        <v>9</v>
      </c>
      <c r="AC11532">
        <v>9</v>
      </c>
      <c r="AD11532">
        <v>9</v>
      </c>
      <c r="AE11532">
        <v>9</v>
      </c>
      <c r="AF11532">
        <v>9</v>
      </c>
      <c r="AG11532">
        <v>9</v>
      </c>
      <c r="AH11532">
        <v>9</v>
      </c>
      <c r="AI11532">
        <v>9</v>
      </c>
      <c r="AJ11532">
        <v>9</v>
      </c>
      <c r="AK11532">
        <v>9</v>
      </c>
      <c r="AL11532">
        <v>9</v>
      </c>
      <c r="AM11532">
        <v>8</v>
      </c>
      <c r="AN11532">
        <v>8</v>
      </c>
      <c r="AO11532">
        <v>8</v>
      </c>
      <c r="AP11532">
        <v>8</v>
      </c>
      <c r="AQ11532">
        <v>8</v>
      </c>
    </row>
    <row r="11533" spans="1:43">
      <c r="A11533" t="s">
        <v>7172</v>
      </c>
      <c r="B11533" t="s">
        <v>7173</v>
      </c>
      <c r="C11533" t="s">
        <v>7166</v>
      </c>
      <c r="D11533" t="s">
        <v>7167</v>
      </c>
      <c r="E11533" t="s">
        <v>6982</v>
      </c>
      <c r="F11533" t="s">
        <v>6983</v>
      </c>
      <c r="G11533" t="s">
        <v>80</v>
      </c>
      <c r="H11533" t="s">
        <v>81</v>
      </c>
      <c r="I11533" s="2">
        <v>0</v>
      </c>
      <c r="J11533" s="2">
        <v>1</v>
      </c>
      <c r="K11533" s="2">
        <v>0</v>
      </c>
      <c r="L11533" t="s">
        <v>82</v>
      </c>
      <c r="M11533" t="s">
        <v>83</v>
      </c>
      <c r="N11533" t="s">
        <v>91</v>
      </c>
      <c r="O11533" t="s">
        <v>85</v>
      </c>
      <c r="P11533" t="s">
        <v>86</v>
      </c>
      <c r="Q11533">
        <v>8</v>
      </c>
      <c r="R11533">
        <v>8</v>
      </c>
      <c r="S11533">
        <v>8</v>
      </c>
      <c r="T11533">
        <v>8</v>
      </c>
      <c r="U11533">
        <v>8</v>
      </c>
      <c r="V11533">
        <v>8</v>
      </c>
      <c r="W11533">
        <v>8</v>
      </c>
      <c r="X11533">
        <v>8</v>
      </c>
      <c r="Y11533">
        <v>8</v>
      </c>
      <c r="Z11533">
        <v>8</v>
      </c>
      <c r="AA11533">
        <v>8</v>
      </c>
      <c r="AB11533">
        <v>8</v>
      </c>
      <c r="AC11533">
        <v>8</v>
      </c>
      <c r="AD11533">
        <v>8</v>
      </c>
      <c r="AE11533">
        <v>8</v>
      </c>
      <c r="AF11533">
        <v>8</v>
      </c>
      <c r="AG11533">
        <v>8</v>
      </c>
      <c r="AH11533">
        <v>8</v>
      </c>
      <c r="AI11533">
        <v>8</v>
      </c>
      <c r="AJ11533">
        <v>8</v>
      </c>
      <c r="AK11533">
        <v>9</v>
      </c>
      <c r="AL11533">
        <v>8</v>
      </c>
      <c r="AM11533">
        <v>8</v>
      </c>
      <c r="AN11533">
        <v>8</v>
      </c>
      <c r="AO11533">
        <v>8</v>
      </c>
      <c r="AP11533">
        <v>8</v>
      </c>
      <c r="AQ11533">
        <v>8</v>
      </c>
    </row>
    <row r="11534" spans="1:43">
      <c r="A11534" t="s">
        <v>7174</v>
      </c>
      <c r="B11534" t="s">
        <v>7175</v>
      </c>
      <c r="C11534" t="s">
        <v>7166</v>
      </c>
      <c r="D11534" t="s">
        <v>7167</v>
      </c>
      <c r="E11534" t="s">
        <v>6982</v>
      </c>
      <c r="F11534" t="s">
        <v>6983</v>
      </c>
      <c r="G11534" t="s">
        <v>80</v>
      </c>
      <c r="H11534" t="s">
        <v>81</v>
      </c>
      <c r="I11534" s="2">
        <v>0</v>
      </c>
      <c r="J11534" s="2">
        <v>1</v>
      </c>
      <c r="K11534" s="2">
        <v>0</v>
      </c>
      <c r="L11534" t="s">
        <v>82</v>
      </c>
      <c r="M11534" t="s">
        <v>83</v>
      </c>
      <c r="N11534" t="s">
        <v>84</v>
      </c>
      <c r="O11534" t="s">
        <v>85</v>
      </c>
      <c r="P11534" t="s">
        <v>86</v>
      </c>
      <c r="Q11534">
        <v>14</v>
      </c>
      <c r="R11534">
        <v>14</v>
      </c>
      <c r="S11534">
        <v>14</v>
      </c>
      <c r="T11534">
        <v>14</v>
      </c>
      <c r="U11534">
        <v>14</v>
      </c>
      <c r="V11534">
        <v>14</v>
      </c>
      <c r="W11534">
        <v>14</v>
      </c>
      <c r="X11534">
        <v>14</v>
      </c>
      <c r="Y11534">
        <v>14</v>
      </c>
      <c r="Z11534">
        <v>14</v>
      </c>
      <c r="AA11534">
        <v>14</v>
      </c>
      <c r="AB11534">
        <v>14</v>
      </c>
      <c r="AC11534">
        <v>15</v>
      </c>
      <c r="AD11534">
        <v>15</v>
      </c>
      <c r="AE11534">
        <v>15</v>
      </c>
      <c r="AF11534">
        <v>15</v>
      </c>
      <c r="AG11534">
        <v>15</v>
      </c>
      <c r="AH11534">
        <v>15</v>
      </c>
      <c r="AI11534">
        <v>15</v>
      </c>
      <c r="AJ11534">
        <v>15</v>
      </c>
      <c r="AK11534">
        <v>15</v>
      </c>
      <c r="AL11534">
        <v>15</v>
      </c>
      <c r="AM11534">
        <v>15</v>
      </c>
      <c r="AN11534">
        <v>15</v>
      </c>
      <c r="AO11534">
        <v>15</v>
      </c>
      <c r="AP11534">
        <v>14</v>
      </c>
      <c r="AQ11534">
        <v>14</v>
      </c>
    </row>
    <row r="11535" spans="1:43">
      <c r="A11535" t="s">
        <v>7174</v>
      </c>
      <c r="B11535" t="s">
        <v>7175</v>
      </c>
      <c r="C11535" t="s">
        <v>7166</v>
      </c>
      <c r="D11535" t="s">
        <v>7167</v>
      </c>
      <c r="E11535" t="s">
        <v>6982</v>
      </c>
      <c r="F11535" t="s">
        <v>6983</v>
      </c>
      <c r="G11535" t="s">
        <v>80</v>
      </c>
      <c r="H11535" t="s">
        <v>81</v>
      </c>
      <c r="I11535" s="2">
        <v>0</v>
      </c>
      <c r="J11535" s="2">
        <v>1</v>
      </c>
      <c r="K11535" s="2">
        <v>0</v>
      </c>
      <c r="L11535" t="s">
        <v>82</v>
      </c>
      <c r="M11535" t="s">
        <v>87</v>
      </c>
      <c r="N11535" t="s">
        <v>88</v>
      </c>
      <c r="O11535" t="s">
        <v>85</v>
      </c>
      <c r="P11535" t="s">
        <v>86</v>
      </c>
      <c r="Q11535">
        <v>14</v>
      </c>
      <c r="R11535">
        <v>14</v>
      </c>
      <c r="S11535">
        <v>14</v>
      </c>
      <c r="T11535">
        <v>14</v>
      </c>
      <c r="U11535">
        <v>14</v>
      </c>
      <c r="V11535">
        <v>14</v>
      </c>
      <c r="W11535">
        <v>14</v>
      </c>
      <c r="X11535">
        <v>14</v>
      </c>
      <c r="Y11535">
        <v>14</v>
      </c>
      <c r="Z11535">
        <v>14</v>
      </c>
      <c r="AA11535">
        <v>14</v>
      </c>
      <c r="AB11535">
        <v>14</v>
      </c>
      <c r="AC11535">
        <v>14</v>
      </c>
      <c r="AD11535">
        <v>14</v>
      </c>
      <c r="AE11535">
        <v>14</v>
      </c>
      <c r="AF11535">
        <v>14</v>
      </c>
      <c r="AG11535">
        <v>14</v>
      </c>
      <c r="AH11535">
        <v>14</v>
      </c>
      <c r="AI11535">
        <v>14</v>
      </c>
      <c r="AJ11535">
        <v>14</v>
      </c>
      <c r="AK11535">
        <v>14</v>
      </c>
      <c r="AL11535">
        <v>14</v>
      </c>
      <c r="AM11535">
        <v>14</v>
      </c>
      <c r="AN11535">
        <v>14</v>
      </c>
      <c r="AO11535">
        <v>14</v>
      </c>
      <c r="AP11535">
        <v>14</v>
      </c>
      <c r="AQ11535">
        <v>14</v>
      </c>
    </row>
    <row r="11536" spans="1:43">
      <c r="A11536" t="s">
        <v>7174</v>
      </c>
      <c r="B11536" t="s">
        <v>7175</v>
      </c>
      <c r="C11536" t="s">
        <v>7166</v>
      </c>
      <c r="D11536" t="s">
        <v>7167</v>
      </c>
      <c r="E11536" t="s">
        <v>6982</v>
      </c>
      <c r="F11536" t="s">
        <v>6983</v>
      </c>
      <c r="G11536" t="s">
        <v>80</v>
      </c>
      <c r="H11536" t="s">
        <v>81</v>
      </c>
      <c r="I11536" s="2">
        <v>0</v>
      </c>
      <c r="J11536" s="2">
        <v>1</v>
      </c>
      <c r="K11536" s="2">
        <v>0</v>
      </c>
      <c r="L11536" t="s">
        <v>82</v>
      </c>
      <c r="M11536" t="s">
        <v>89</v>
      </c>
      <c r="N11536" t="s">
        <v>90</v>
      </c>
      <c r="O11536" t="s">
        <v>85</v>
      </c>
      <c r="P11536" t="s">
        <v>86</v>
      </c>
      <c r="Q11536">
        <v>14</v>
      </c>
      <c r="R11536">
        <v>14</v>
      </c>
      <c r="S11536">
        <v>14</v>
      </c>
      <c r="T11536">
        <v>14</v>
      </c>
      <c r="U11536">
        <v>14</v>
      </c>
      <c r="V11536">
        <v>15</v>
      </c>
      <c r="W11536">
        <v>15</v>
      </c>
      <c r="X11536">
        <v>15</v>
      </c>
      <c r="Y11536">
        <v>15</v>
      </c>
      <c r="Z11536">
        <v>15</v>
      </c>
      <c r="AA11536">
        <v>15</v>
      </c>
      <c r="AB11536">
        <v>15</v>
      </c>
      <c r="AC11536">
        <v>15</v>
      </c>
      <c r="AD11536">
        <v>16</v>
      </c>
      <c r="AE11536">
        <v>16</v>
      </c>
      <c r="AF11536">
        <v>15</v>
      </c>
      <c r="AG11536">
        <v>15</v>
      </c>
      <c r="AH11536">
        <v>15</v>
      </c>
      <c r="AI11536">
        <v>15</v>
      </c>
      <c r="AJ11536">
        <v>15</v>
      </c>
      <c r="AK11536">
        <v>15</v>
      </c>
      <c r="AL11536">
        <v>15</v>
      </c>
      <c r="AM11536">
        <v>15</v>
      </c>
      <c r="AN11536">
        <v>15</v>
      </c>
      <c r="AO11536">
        <v>15</v>
      </c>
      <c r="AP11536">
        <v>15</v>
      </c>
      <c r="AQ11536">
        <v>14</v>
      </c>
    </row>
    <row r="11537" spans="1:43">
      <c r="A11537" t="s">
        <v>7174</v>
      </c>
      <c r="B11537" t="s">
        <v>7175</v>
      </c>
      <c r="C11537" t="s">
        <v>7166</v>
      </c>
      <c r="D11537" t="s">
        <v>7167</v>
      </c>
      <c r="E11537" t="s">
        <v>6982</v>
      </c>
      <c r="F11537" t="s">
        <v>6983</v>
      </c>
      <c r="G11537" t="s">
        <v>80</v>
      </c>
      <c r="H11537" t="s">
        <v>81</v>
      </c>
      <c r="I11537" s="2">
        <v>0</v>
      </c>
      <c r="J11537" s="2">
        <v>1</v>
      </c>
      <c r="K11537" s="2">
        <v>0</v>
      </c>
      <c r="L11537" t="s">
        <v>82</v>
      </c>
      <c r="M11537" t="s">
        <v>83</v>
      </c>
      <c r="N11537" t="s">
        <v>91</v>
      </c>
      <c r="O11537" t="s">
        <v>85</v>
      </c>
      <c r="P11537" t="s">
        <v>86</v>
      </c>
      <c r="Q11537">
        <v>14</v>
      </c>
      <c r="R11537">
        <v>14</v>
      </c>
      <c r="S11537">
        <v>14</v>
      </c>
      <c r="T11537">
        <v>14</v>
      </c>
      <c r="U11537">
        <v>14</v>
      </c>
      <c r="V11537">
        <v>14</v>
      </c>
      <c r="W11537">
        <v>14</v>
      </c>
      <c r="X11537">
        <v>14</v>
      </c>
      <c r="Y11537">
        <v>14</v>
      </c>
      <c r="Z11537">
        <v>14</v>
      </c>
      <c r="AA11537">
        <v>14</v>
      </c>
      <c r="AB11537">
        <v>14</v>
      </c>
      <c r="AC11537">
        <v>15</v>
      </c>
      <c r="AD11537">
        <v>15</v>
      </c>
      <c r="AE11537">
        <v>15</v>
      </c>
      <c r="AF11537">
        <v>15</v>
      </c>
      <c r="AG11537">
        <v>15</v>
      </c>
      <c r="AH11537">
        <v>15</v>
      </c>
      <c r="AI11537">
        <v>15</v>
      </c>
      <c r="AJ11537">
        <v>15</v>
      </c>
      <c r="AK11537">
        <v>15</v>
      </c>
      <c r="AL11537">
        <v>15</v>
      </c>
      <c r="AM11537">
        <v>15</v>
      </c>
      <c r="AN11537">
        <v>15</v>
      </c>
      <c r="AO11537">
        <v>15</v>
      </c>
      <c r="AP11537">
        <v>14</v>
      </c>
      <c r="AQ11537">
        <v>14</v>
      </c>
    </row>
    <row r="11538" spans="1:43">
      <c r="A11538" t="s">
        <v>7176</v>
      </c>
      <c r="B11538" t="s">
        <v>7177</v>
      </c>
      <c r="C11538" t="s">
        <v>7128</v>
      </c>
      <c r="D11538" t="s">
        <v>7129</v>
      </c>
      <c r="E11538" t="s">
        <v>6982</v>
      </c>
      <c r="F11538" t="s">
        <v>6983</v>
      </c>
      <c r="G11538" t="s">
        <v>80</v>
      </c>
      <c r="H11538" t="s">
        <v>81</v>
      </c>
      <c r="I11538" s="2">
        <v>0</v>
      </c>
      <c r="J11538" s="2">
        <v>1</v>
      </c>
      <c r="K11538" s="2">
        <v>0</v>
      </c>
      <c r="L11538" t="s">
        <v>82</v>
      </c>
      <c r="M11538" t="s">
        <v>83</v>
      </c>
      <c r="N11538" t="s">
        <v>84</v>
      </c>
      <c r="O11538" t="s">
        <v>85</v>
      </c>
      <c r="P11538" t="s">
        <v>86</v>
      </c>
      <c r="Q11538">
        <v>14</v>
      </c>
      <c r="R11538">
        <v>14</v>
      </c>
      <c r="S11538">
        <v>14</v>
      </c>
      <c r="T11538">
        <v>14</v>
      </c>
      <c r="U11538">
        <v>15</v>
      </c>
      <c r="V11538">
        <v>15</v>
      </c>
      <c r="W11538">
        <v>15</v>
      </c>
      <c r="X11538">
        <v>15</v>
      </c>
      <c r="Y11538">
        <v>15</v>
      </c>
      <c r="Z11538">
        <v>15</v>
      </c>
      <c r="AA11538">
        <v>15</v>
      </c>
      <c r="AB11538">
        <v>15</v>
      </c>
      <c r="AC11538">
        <v>15</v>
      </c>
      <c r="AD11538">
        <v>15</v>
      </c>
      <c r="AE11538">
        <v>15</v>
      </c>
      <c r="AF11538">
        <v>15</v>
      </c>
      <c r="AG11538">
        <v>15</v>
      </c>
      <c r="AH11538">
        <v>15</v>
      </c>
      <c r="AI11538">
        <v>15</v>
      </c>
      <c r="AJ11538">
        <v>15</v>
      </c>
      <c r="AK11538">
        <v>15</v>
      </c>
      <c r="AL11538">
        <v>15</v>
      </c>
      <c r="AM11538">
        <v>15</v>
      </c>
      <c r="AN11538">
        <v>15</v>
      </c>
      <c r="AO11538">
        <v>15</v>
      </c>
      <c r="AP11538">
        <v>15</v>
      </c>
      <c r="AQ11538">
        <v>15</v>
      </c>
    </row>
    <row r="11539" spans="1:43">
      <c r="A11539" t="s">
        <v>7176</v>
      </c>
      <c r="B11539" t="s">
        <v>7177</v>
      </c>
      <c r="C11539" t="s">
        <v>7128</v>
      </c>
      <c r="D11539" t="s">
        <v>7129</v>
      </c>
      <c r="E11539" t="s">
        <v>6982</v>
      </c>
      <c r="F11539" t="s">
        <v>6983</v>
      </c>
      <c r="G11539" t="s">
        <v>80</v>
      </c>
      <c r="H11539" t="s">
        <v>81</v>
      </c>
      <c r="I11539" s="2">
        <v>0</v>
      </c>
      <c r="J11539" s="2">
        <v>1</v>
      </c>
      <c r="K11539" s="2">
        <v>0</v>
      </c>
      <c r="L11539" t="s">
        <v>82</v>
      </c>
      <c r="M11539" t="s">
        <v>87</v>
      </c>
      <c r="N11539" t="s">
        <v>88</v>
      </c>
      <c r="O11539" t="s">
        <v>85</v>
      </c>
      <c r="P11539" t="s">
        <v>86</v>
      </c>
      <c r="Q11539">
        <v>14</v>
      </c>
      <c r="R11539">
        <v>14</v>
      </c>
      <c r="S11539">
        <v>14</v>
      </c>
      <c r="T11539">
        <v>14</v>
      </c>
      <c r="U11539">
        <v>14</v>
      </c>
      <c r="V11539">
        <v>14</v>
      </c>
      <c r="W11539">
        <v>14</v>
      </c>
      <c r="X11539">
        <v>14</v>
      </c>
      <c r="Y11539">
        <v>14</v>
      </c>
      <c r="Z11539">
        <v>14</v>
      </c>
      <c r="AA11539">
        <v>14</v>
      </c>
      <c r="AB11539">
        <v>14</v>
      </c>
      <c r="AC11539">
        <v>14</v>
      </c>
      <c r="AD11539">
        <v>14</v>
      </c>
      <c r="AE11539">
        <v>14</v>
      </c>
      <c r="AF11539">
        <v>13</v>
      </c>
      <c r="AG11539">
        <v>13</v>
      </c>
      <c r="AH11539">
        <v>13</v>
      </c>
      <c r="AI11539">
        <v>13</v>
      </c>
      <c r="AJ11539">
        <v>13</v>
      </c>
      <c r="AK11539">
        <v>13</v>
      </c>
      <c r="AL11539">
        <v>13</v>
      </c>
      <c r="AM11539">
        <v>13</v>
      </c>
      <c r="AN11539">
        <v>13</v>
      </c>
      <c r="AO11539">
        <v>13</v>
      </c>
      <c r="AP11539">
        <v>13</v>
      </c>
      <c r="AQ11539">
        <v>13</v>
      </c>
    </row>
    <row r="11540" spans="1:43">
      <c r="A11540" t="s">
        <v>7176</v>
      </c>
      <c r="B11540" t="s">
        <v>7177</v>
      </c>
      <c r="C11540" t="s">
        <v>7128</v>
      </c>
      <c r="D11540" t="s">
        <v>7129</v>
      </c>
      <c r="E11540" t="s">
        <v>6982</v>
      </c>
      <c r="F11540" t="s">
        <v>6983</v>
      </c>
      <c r="G11540" t="s">
        <v>80</v>
      </c>
      <c r="H11540" t="s">
        <v>81</v>
      </c>
      <c r="I11540" s="2">
        <v>0</v>
      </c>
      <c r="J11540" s="2">
        <v>1</v>
      </c>
      <c r="K11540" s="2">
        <v>0</v>
      </c>
      <c r="L11540" t="s">
        <v>82</v>
      </c>
      <c r="M11540" t="s">
        <v>89</v>
      </c>
      <c r="N11540" t="s">
        <v>90</v>
      </c>
      <c r="O11540" t="s">
        <v>85</v>
      </c>
      <c r="P11540" t="s">
        <v>86</v>
      </c>
      <c r="Q11540">
        <v>14</v>
      </c>
      <c r="R11540">
        <v>15</v>
      </c>
      <c r="S11540">
        <v>15</v>
      </c>
      <c r="T11540">
        <v>15</v>
      </c>
      <c r="U11540">
        <v>15</v>
      </c>
      <c r="V11540">
        <v>15</v>
      </c>
      <c r="W11540">
        <v>15</v>
      </c>
      <c r="X11540">
        <v>16</v>
      </c>
      <c r="Y11540">
        <v>16</v>
      </c>
      <c r="Z11540">
        <v>16</v>
      </c>
      <c r="AA11540">
        <v>16</v>
      </c>
      <c r="AB11540">
        <v>16</v>
      </c>
      <c r="AC11540">
        <v>16</v>
      </c>
      <c r="AD11540">
        <v>16</v>
      </c>
      <c r="AE11540">
        <v>16</v>
      </c>
      <c r="AF11540">
        <v>16</v>
      </c>
      <c r="AG11540">
        <v>16</v>
      </c>
      <c r="AH11540">
        <v>16</v>
      </c>
      <c r="AI11540">
        <v>16</v>
      </c>
      <c r="AJ11540">
        <v>16</v>
      </c>
      <c r="AK11540">
        <v>16</v>
      </c>
      <c r="AL11540">
        <v>16</v>
      </c>
      <c r="AM11540">
        <v>15</v>
      </c>
      <c r="AN11540">
        <v>15</v>
      </c>
      <c r="AO11540">
        <v>15</v>
      </c>
      <c r="AP11540">
        <v>15</v>
      </c>
      <c r="AQ11540">
        <v>15</v>
      </c>
    </row>
    <row r="11541" spans="1:43">
      <c r="A11541" t="s">
        <v>7176</v>
      </c>
      <c r="B11541" t="s">
        <v>7177</v>
      </c>
      <c r="C11541" t="s">
        <v>7128</v>
      </c>
      <c r="D11541" t="s">
        <v>7129</v>
      </c>
      <c r="E11541" t="s">
        <v>6982</v>
      </c>
      <c r="F11541" t="s">
        <v>6983</v>
      </c>
      <c r="G11541" t="s">
        <v>80</v>
      </c>
      <c r="H11541" t="s">
        <v>81</v>
      </c>
      <c r="I11541" s="2">
        <v>0</v>
      </c>
      <c r="J11541" s="2">
        <v>1</v>
      </c>
      <c r="K11541" s="2">
        <v>0</v>
      </c>
      <c r="L11541" t="s">
        <v>82</v>
      </c>
      <c r="M11541" t="s">
        <v>83</v>
      </c>
      <c r="N11541" t="s">
        <v>91</v>
      </c>
      <c r="O11541" t="s">
        <v>85</v>
      </c>
      <c r="P11541" t="s">
        <v>86</v>
      </c>
      <c r="Q11541">
        <v>14</v>
      </c>
      <c r="R11541">
        <v>14</v>
      </c>
      <c r="S11541">
        <v>14</v>
      </c>
      <c r="T11541">
        <v>14</v>
      </c>
      <c r="U11541">
        <v>15</v>
      </c>
      <c r="V11541">
        <v>15</v>
      </c>
      <c r="W11541">
        <v>15</v>
      </c>
      <c r="X11541">
        <v>15</v>
      </c>
      <c r="Y11541">
        <v>15</v>
      </c>
      <c r="Z11541">
        <v>15</v>
      </c>
      <c r="AA11541">
        <v>15</v>
      </c>
      <c r="AB11541">
        <v>15</v>
      </c>
      <c r="AC11541">
        <v>15</v>
      </c>
      <c r="AD11541">
        <v>15</v>
      </c>
      <c r="AE11541">
        <v>15</v>
      </c>
      <c r="AF11541">
        <v>15</v>
      </c>
      <c r="AG11541">
        <v>15</v>
      </c>
      <c r="AH11541">
        <v>15</v>
      </c>
      <c r="AI11541">
        <v>15</v>
      </c>
      <c r="AJ11541">
        <v>15</v>
      </c>
      <c r="AK11541">
        <v>15</v>
      </c>
      <c r="AL11541">
        <v>15</v>
      </c>
      <c r="AM11541">
        <v>15</v>
      </c>
      <c r="AN11541">
        <v>15</v>
      </c>
      <c r="AO11541">
        <v>15</v>
      </c>
      <c r="AP11541">
        <v>15</v>
      </c>
      <c r="AQ11541">
        <v>15</v>
      </c>
    </row>
    <row r="11542" spans="1:43">
      <c r="A11542" t="s">
        <v>7178</v>
      </c>
      <c r="B11542" t="s">
        <v>7179</v>
      </c>
      <c r="C11542" t="s">
        <v>7068</v>
      </c>
      <c r="D11542" t="s">
        <v>7069</v>
      </c>
      <c r="E11542" t="s">
        <v>6982</v>
      </c>
      <c r="F11542" t="s">
        <v>6983</v>
      </c>
      <c r="G11542" t="s">
        <v>80</v>
      </c>
      <c r="H11542" t="s">
        <v>81</v>
      </c>
      <c r="I11542" s="2">
        <v>0</v>
      </c>
      <c r="J11542" s="2">
        <v>1</v>
      </c>
      <c r="K11542" s="2">
        <v>0</v>
      </c>
      <c r="L11542" t="s">
        <v>82</v>
      </c>
      <c r="M11542" t="s">
        <v>83</v>
      </c>
      <c r="N11542" t="s">
        <v>84</v>
      </c>
      <c r="O11542" t="s">
        <v>85</v>
      </c>
      <c r="P11542" t="s">
        <v>86</v>
      </c>
      <c r="Q11542">
        <v>23</v>
      </c>
      <c r="R11542">
        <v>23</v>
      </c>
      <c r="S11542">
        <v>23</v>
      </c>
      <c r="T11542">
        <v>24</v>
      </c>
      <c r="U11542">
        <v>24</v>
      </c>
      <c r="V11542">
        <v>24</v>
      </c>
      <c r="W11542">
        <v>24</v>
      </c>
      <c r="X11542">
        <v>24</v>
      </c>
      <c r="Y11542">
        <v>24</v>
      </c>
      <c r="Z11542">
        <v>24</v>
      </c>
      <c r="AA11542">
        <v>25</v>
      </c>
      <c r="AB11542">
        <v>25</v>
      </c>
      <c r="AC11542">
        <v>25</v>
      </c>
      <c r="AD11542">
        <v>25</v>
      </c>
      <c r="AE11542">
        <v>25</v>
      </c>
      <c r="AF11542">
        <v>25</v>
      </c>
      <c r="AG11542">
        <v>25</v>
      </c>
      <c r="AH11542">
        <v>25</v>
      </c>
      <c r="AI11542">
        <v>25</v>
      </c>
      <c r="AJ11542">
        <v>25</v>
      </c>
      <c r="AK11542">
        <v>25</v>
      </c>
      <c r="AL11542">
        <v>25</v>
      </c>
      <c r="AM11542">
        <v>25</v>
      </c>
      <c r="AN11542">
        <v>25</v>
      </c>
      <c r="AO11542">
        <v>25</v>
      </c>
      <c r="AP11542">
        <v>25</v>
      </c>
      <c r="AQ11542">
        <v>24</v>
      </c>
    </row>
    <row r="11543" spans="1:43">
      <c r="A11543" t="s">
        <v>7178</v>
      </c>
      <c r="B11543" t="s">
        <v>7179</v>
      </c>
      <c r="C11543" t="s">
        <v>7068</v>
      </c>
      <c r="D11543" t="s">
        <v>7069</v>
      </c>
      <c r="E11543" t="s">
        <v>6982</v>
      </c>
      <c r="F11543" t="s">
        <v>6983</v>
      </c>
      <c r="G11543" t="s">
        <v>80</v>
      </c>
      <c r="H11543" t="s">
        <v>81</v>
      </c>
      <c r="I11543" s="2">
        <v>0</v>
      </c>
      <c r="J11543" s="2">
        <v>1</v>
      </c>
      <c r="K11543" s="2">
        <v>0</v>
      </c>
      <c r="L11543" t="s">
        <v>82</v>
      </c>
      <c r="M11543" t="s">
        <v>87</v>
      </c>
      <c r="N11543" t="s">
        <v>88</v>
      </c>
      <c r="O11543" t="s">
        <v>85</v>
      </c>
      <c r="P11543" t="s">
        <v>86</v>
      </c>
      <c r="Q11543">
        <v>23</v>
      </c>
      <c r="R11543">
        <v>23</v>
      </c>
      <c r="S11543">
        <v>23</v>
      </c>
      <c r="T11543">
        <v>23</v>
      </c>
      <c r="U11543">
        <v>23</v>
      </c>
      <c r="V11543">
        <v>23</v>
      </c>
      <c r="W11543">
        <v>23</v>
      </c>
      <c r="X11543">
        <v>22</v>
      </c>
      <c r="Y11543">
        <v>22</v>
      </c>
      <c r="Z11543">
        <v>22</v>
      </c>
      <c r="AA11543">
        <v>22</v>
      </c>
      <c r="AB11543">
        <v>22</v>
      </c>
      <c r="AC11543">
        <v>22</v>
      </c>
      <c r="AD11543">
        <v>22</v>
      </c>
      <c r="AE11543">
        <v>22</v>
      </c>
      <c r="AF11543">
        <v>22</v>
      </c>
      <c r="AG11543">
        <v>22</v>
      </c>
      <c r="AH11543">
        <v>22</v>
      </c>
      <c r="AI11543">
        <v>22</v>
      </c>
      <c r="AJ11543">
        <v>22</v>
      </c>
      <c r="AK11543">
        <v>22</v>
      </c>
      <c r="AL11543">
        <v>22</v>
      </c>
      <c r="AM11543">
        <v>22</v>
      </c>
      <c r="AN11543">
        <v>22</v>
      </c>
      <c r="AO11543">
        <v>22</v>
      </c>
      <c r="AP11543">
        <v>21</v>
      </c>
      <c r="AQ11543">
        <v>21</v>
      </c>
    </row>
    <row r="11544" spans="1:43">
      <c r="A11544" t="s">
        <v>7178</v>
      </c>
      <c r="B11544" t="s">
        <v>7179</v>
      </c>
      <c r="C11544" t="s">
        <v>7068</v>
      </c>
      <c r="D11544" t="s">
        <v>7069</v>
      </c>
      <c r="E11544" t="s">
        <v>6982</v>
      </c>
      <c r="F11544" t="s">
        <v>6983</v>
      </c>
      <c r="G11544" t="s">
        <v>80</v>
      </c>
      <c r="H11544" t="s">
        <v>81</v>
      </c>
      <c r="I11544" s="2">
        <v>0</v>
      </c>
      <c r="J11544" s="2">
        <v>1</v>
      </c>
      <c r="K11544" s="2">
        <v>0</v>
      </c>
      <c r="L11544" t="s">
        <v>82</v>
      </c>
      <c r="M11544" t="s">
        <v>89</v>
      </c>
      <c r="N11544" t="s">
        <v>90</v>
      </c>
      <c r="O11544" t="s">
        <v>85</v>
      </c>
      <c r="P11544" t="s">
        <v>86</v>
      </c>
      <c r="Q11544">
        <v>23</v>
      </c>
      <c r="R11544">
        <v>24</v>
      </c>
      <c r="S11544">
        <v>24</v>
      </c>
      <c r="T11544">
        <v>24</v>
      </c>
      <c r="U11544">
        <v>25</v>
      </c>
      <c r="V11544">
        <v>25</v>
      </c>
      <c r="W11544">
        <v>25</v>
      </c>
      <c r="X11544">
        <v>25</v>
      </c>
      <c r="Y11544">
        <v>26</v>
      </c>
      <c r="Z11544">
        <v>26</v>
      </c>
      <c r="AA11544">
        <v>26</v>
      </c>
      <c r="AB11544">
        <v>26</v>
      </c>
      <c r="AC11544">
        <v>26</v>
      </c>
      <c r="AD11544">
        <v>27</v>
      </c>
      <c r="AE11544">
        <v>27</v>
      </c>
      <c r="AF11544">
        <v>26</v>
      </c>
      <c r="AG11544">
        <v>26</v>
      </c>
      <c r="AH11544">
        <v>26</v>
      </c>
      <c r="AI11544">
        <v>26</v>
      </c>
      <c r="AJ11544">
        <v>26</v>
      </c>
      <c r="AK11544">
        <v>26</v>
      </c>
      <c r="AL11544">
        <v>25</v>
      </c>
      <c r="AM11544">
        <v>25</v>
      </c>
      <c r="AN11544">
        <v>25</v>
      </c>
      <c r="AO11544">
        <v>25</v>
      </c>
      <c r="AP11544">
        <v>25</v>
      </c>
      <c r="AQ11544">
        <v>25</v>
      </c>
    </row>
    <row r="11545" spans="1:43">
      <c r="A11545" t="s">
        <v>7178</v>
      </c>
      <c r="B11545" t="s">
        <v>7179</v>
      </c>
      <c r="C11545" t="s">
        <v>7068</v>
      </c>
      <c r="D11545" t="s">
        <v>7069</v>
      </c>
      <c r="E11545" t="s">
        <v>6982</v>
      </c>
      <c r="F11545" t="s">
        <v>6983</v>
      </c>
      <c r="G11545" t="s">
        <v>80</v>
      </c>
      <c r="H11545" t="s">
        <v>81</v>
      </c>
      <c r="I11545" s="2">
        <v>0</v>
      </c>
      <c r="J11545" s="2">
        <v>1</v>
      </c>
      <c r="K11545" s="2">
        <v>0</v>
      </c>
      <c r="L11545" t="s">
        <v>82</v>
      </c>
      <c r="M11545" t="s">
        <v>83</v>
      </c>
      <c r="N11545" t="s">
        <v>91</v>
      </c>
      <c r="O11545" t="s">
        <v>85</v>
      </c>
      <c r="P11545" t="s">
        <v>86</v>
      </c>
      <c r="Q11545">
        <v>23</v>
      </c>
      <c r="R11545">
        <v>23</v>
      </c>
      <c r="S11545">
        <v>23</v>
      </c>
      <c r="T11545">
        <v>24</v>
      </c>
      <c r="U11545">
        <v>24</v>
      </c>
      <c r="V11545">
        <v>24</v>
      </c>
      <c r="W11545">
        <v>24</v>
      </c>
      <c r="X11545">
        <v>24</v>
      </c>
      <c r="Y11545">
        <v>24</v>
      </c>
      <c r="Z11545">
        <v>24</v>
      </c>
      <c r="AA11545">
        <v>25</v>
      </c>
      <c r="AB11545">
        <v>25</v>
      </c>
      <c r="AC11545">
        <v>25</v>
      </c>
      <c r="AD11545">
        <v>25</v>
      </c>
      <c r="AE11545">
        <v>25</v>
      </c>
      <c r="AF11545">
        <v>25</v>
      </c>
      <c r="AG11545">
        <v>25</v>
      </c>
      <c r="AH11545">
        <v>25</v>
      </c>
      <c r="AI11545">
        <v>25</v>
      </c>
      <c r="AJ11545">
        <v>25</v>
      </c>
      <c r="AK11545">
        <v>25</v>
      </c>
      <c r="AL11545">
        <v>25</v>
      </c>
      <c r="AM11545">
        <v>25</v>
      </c>
      <c r="AN11545">
        <v>25</v>
      </c>
      <c r="AO11545">
        <v>25</v>
      </c>
      <c r="AP11545">
        <v>25</v>
      </c>
      <c r="AQ11545">
        <v>24</v>
      </c>
    </row>
    <row r="11546" spans="1:43">
      <c r="A11546" t="s">
        <v>7180</v>
      </c>
      <c r="B11546" t="s">
        <v>7181</v>
      </c>
      <c r="C11546" t="s">
        <v>7160</v>
      </c>
      <c r="D11546" t="s">
        <v>7161</v>
      </c>
      <c r="E11546" t="s">
        <v>6982</v>
      </c>
      <c r="F11546" t="s">
        <v>6983</v>
      </c>
      <c r="G11546" t="s">
        <v>80</v>
      </c>
      <c r="H11546" t="s">
        <v>81</v>
      </c>
      <c r="I11546" s="2">
        <v>0</v>
      </c>
      <c r="J11546" s="2">
        <v>1</v>
      </c>
      <c r="K11546" s="2">
        <v>0</v>
      </c>
      <c r="L11546" t="s">
        <v>82</v>
      </c>
      <c r="M11546" t="s">
        <v>83</v>
      </c>
      <c r="N11546" t="s">
        <v>84</v>
      </c>
      <c r="O11546" t="s">
        <v>85</v>
      </c>
      <c r="P11546" t="s">
        <v>86</v>
      </c>
      <c r="Q11546">
        <v>7</v>
      </c>
      <c r="R11546">
        <v>7</v>
      </c>
      <c r="S11546">
        <v>7</v>
      </c>
      <c r="T11546">
        <v>7</v>
      </c>
      <c r="U11546">
        <v>7</v>
      </c>
      <c r="V11546">
        <v>7</v>
      </c>
      <c r="W11546">
        <v>7</v>
      </c>
      <c r="X11546">
        <v>7</v>
      </c>
      <c r="Y11546">
        <v>7</v>
      </c>
      <c r="Z11546">
        <v>7</v>
      </c>
      <c r="AA11546">
        <v>7</v>
      </c>
      <c r="AB11546">
        <v>7</v>
      </c>
      <c r="AC11546">
        <v>7</v>
      </c>
      <c r="AD11546">
        <v>7</v>
      </c>
      <c r="AE11546">
        <v>8</v>
      </c>
      <c r="AF11546">
        <v>8</v>
      </c>
      <c r="AG11546">
        <v>8</v>
      </c>
      <c r="AH11546">
        <v>8</v>
      </c>
      <c r="AI11546">
        <v>8</v>
      </c>
      <c r="AJ11546">
        <v>8</v>
      </c>
      <c r="AK11546">
        <v>8</v>
      </c>
      <c r="AL11546">
        <v>8</v>
      </c>
      <c r="AM11546">
        <v>8</v>
      </c>
      <c r="AN11546">
        <v>8</v>
      </c>
      <c r="AO11546">
        <v>8</v>
      </c>
      <c r="AP11546">
        <v>8</v>
      </c>
      <c r="AQ11546">
        <v>7</v>
      </c>
    </row>
    <row r="11547" spans="1:43">
      <c r="A11547" t="s">
        <v>7180</v>
      </c>
      <c r="B11547" t="s">
        <v>7181</v>
      </c>
      <c r="C11547" t="s">
        <v>7160</v>
      </c>
      <c r="D11547" t="s">
        <v>7161</v>
      </c>
      <c r="E11547" t="s">
        <v>6982</v>
      </c>
      <c r="F11547" t="s">
        <v>6983</v>
      </c>
      <c r="G11547" t="s">
        <v>80</v>
      </c>
      <c r="H11547" t="s">
        <v>81</v>
      </c>
      <c r="I11547" s="2">
        <v>0</v>
      </c>
      <c r="J11547" s="2">
        <v>1</v>
      </c>
      <c r="K11547" s="2">
        <v>0</v>
      </c>
      <c r="L11547" t="s">
        <v>82</v>
      </c>
      <c r="M11547" t="s">
        <v>87</v>
      </c>
      <c r="N11547" t="s">
        <v>88</v>
      </c>
      <c r="O11547" t="s">
        <v>85</v>
      </c>
      <c r="P11547" t="s">
        <v>86</v>
      </c>
      <c r="Q11547">
        <v>7</v>
      </c>
      <c r="R11547">
        <v>7</v>
      </c>
      <c r="S11547">
        <v>7</v>
      </c>
      <c r="T11547">
        <v>7</v>
      </c>
      <c r="U11547">
        <v>7</v>
      </c>
      <c r="V11547">
        <v>7</v>
      </c>
      <c r="W11547">
        <v>7</v>
      </c>
      <c r="X11547">
        <v>7</v>
      </c>
      <c r="Y11547">
        <v>7</v>
      </c>
      <c r="Z11547">
        <v>7</v>
      </c>
      <c r="AA11547">
        <v>7</v>
      </c>
      <c r="AB11547">
        <v>7</v>
      </c>
      <c r="AC11547">
        <v>7</v>
      </c>
      <c r="AD11547">
        <v>7</v>
      </c>
      <c r="AE11547">
        <v>7</v>
      </c>
      <c r="AF11547">
        <v>7</v>
      </c>
      <c r="AG11547">
        <v>7</v>
      </c>
      <c r="AH11547">
        <v>7</v>
      </c>
      <c r="AI11547">
        <v>7</v>
      </c>
      <c r="AJ11547">
        <v>7</v>
      </c>
      <c r="AK11547">
        <v>7</v>
      </c>
      <c r="AL11547">
        <v>7</v>
      </c>
      <c r="AM11547">
        <v>7</v>
      </c>
      <c r="AN11547">
        <v>7</v>
      </c>
      <c r="AO11547">
        <v>7</v>
      </c>
      <c r="AP11547">
        <v>7</v>
      </c>
      <c r="AQ11547">
        <v>7</v>
      </c>
    </row>
    <row r="11548" spans="1:43">
      <c r="A11548" t="s">
        <v>7180</v>
      </c>
      <c r="B11548" t="s">
        <v>7181</v>
      </c>
      <c r="C11548" t="s">
        <v>7160</v>
      </c>
      <c r="D11548" t="s">
        <v>7161</v>
      </c>
      <c r="E11548" t="s">
        <v>6982</v>
      </c>
      <c r="F11548" t="s">
        <v>6983</v>
      </c>
      <c r="G11548" t="s">
        <v>80</v>
      </c>
      <c r="H11548" t="s">
        <v>81</v>
      </c>
      <c r="I11548" s="2">
        <v>0</v>
      </c>
      <c r="J11548" s="2">
        <v>1</v>
      </c>
      <c r="K11548" s="2">
        <v>0</v>
      </c>
      <c r="L11548" t="s">
        <v>82</v>
      </c>
      <c r="M11548" t="s">
        <v>89</v>
      </c>
      <c r="N11548" t="s">
        <v>90</v>
      </c>
      <c r="O11548" t="s">
        <v>85</v>
      </c>
      <c r="P11548" t="s">
        <v>86</v>
      </c>
      <c r="Q11548">
        <v>7</v>
      </c>
      <c r="R11548">
        <v>7</v>
      </c>
      <c r="S11548">
        <v>7</v>
      </c>
      <c r="T11548">
        <v>7</v>
      </c>
      <c r="U11548">
        <v>7</v>
      </c>
      <c r="V11548">
        <v>8</v>
      </c>
      <c r="W11548">
        <v>8</v>
      </c>
      <c r="X11548">
        <v>8</v>
      </c>
      <c r="Y11548">
        <v>8</v>
      </c>
      <c r="Z11548">
        <v>8</v>
      </c>
      <c r="AA11548">
        <v>8</v>
      </c>
      <c r="AB11548">
        <v>8</v>
      </c>
      <c r="AC11548">
        <v>8</v>
      </c>
      <c r="AD11548">
        <v>8</v>
      </c>
      <c r="AE11548">
        <v>8</v>
      </c>
      <c r="AF11548">
        <v>8</v>
      </c>
      <c r="AG11548">
        <v>8</v>
      </c>
      <c r="AH11548">
        <v>8</v>
      </c>
      <c r="AI11548">
        <v>8</v>
      </c>
      <c r="AJ11548">
        <v>8</v>
      </c>
      <c r="AK11548">
        <v>8</v>
      </c>
      <c r="AL11548">
        <v>8</v>
      </c>
      <c r="AM11548">
        <v>8</v>
      </c>
      <c r="AN11548">
        <v>8</v>
      </c>
      <c r="AO11548">
        <v>8</v>
      </c>
      <c r="AP11548">
        <v>8</v>
      </c>
      <c r="AQ11548">
        <v>8</v>
      </c>
    </row>
    <row r="11549" spans="1:43">
      <c r="A11549" t="s">
        <v>7180</v>
      </c>
      <c r="B11549" t="s">
        <v>7181</v>
      </c>
      <c r="C11549" t="s">
        <v>7160</v>
      </c>
      <c r="D11549" t="s">
        <v>7161</v>
      </c>
      <c r="E11549" t="s">
        <v>6982</v>
      </c>
      <c r="F11549" t="s">
        <v>6983</v>
      </c>
      <c r="G11549" t="s">
        <v>80</v>
      </c>
      <c r="H11549" t="s">
        <v>81</v>
      </c>
      <c r="I11549" s="2">
        <v>0</v>
      </c>
      <c r="J11549" s="2">
        <v>1</v>
      </c>
      <c r="K11549" s="2">
        <v>0</v>
      </c>
      <c r="L11549" t="s">
        <v>82</v>
      </c>
      <c r="M11549" t="s">
        <v>83</v>
      </c>
      <c r="N11549" t="s">
        <v>91</v>
      </c>
      <c r="O11549" t="s">
        <v>85</v>
      </c>
      <c r="P11549" t="s">
        <v>86</v>
      </c>
      <c r="Q11549">
        <v>7</v>
      </c>
      <c r="R11549">
        <v>7</v>
      </c>
      <c r="S11549">
        <v>7</v>
      </c>
      <c r="T11549">
        <v>7</v>
      </c>
      <c r="U11549">
        <v>7</v>
      </c>
      <c r="V11549">
        <v>7</v>
      </c>
      <c r="W11549">
        <v>7</v>
      </c>
      <c r="X11549">
        <v>7</v>
      </c>
      <c r="Y11549">
        <v>7</v>
      </c>
      <c r="Z11549">
        <v>7</v>
      </c>
      <c r="AA11549">
        <v>7</v>
      </c>
      <c r="AB11549">
        <v>7</v>
      </c>
      <c r="AC11549">
        <v>7</v>
      </c>
      <c r="AD11549">
        <v>7</v>
      </c>
      <c r="AE11549">
        <v>8</v>
      </c>
      <c r="AF11549">
        <v>8</v>
      </c>
      <c r="AG11549">
        <v>8</v>
      </c>
      <c r="AH11549">
        <v>8</v>
      </c>
      <c r="AI11549">
        <v>8</v>
      </c>
      <c r="AJ11549">
        <v>8</v>
      </c>
      <c r="AK11549">
        <v>8</v>
      </c>
      <c r="AL11549">
        <v>8</v>
      </c>
      <c r="AM11549">
        <v>8</v>
      </c>
      <c r="AN11549">
        <v>8</v>
      </c>
      <c r="AO11549">
        <v>8</v>
      </c>
      <c r="AP11549">
        <v>8</v>
      </c>
      <c r="AQ11549">
        <v>7</v>
      </c>
    </row>
    <row r="11550" spans="1:43">
      <c r="A11550" t="s">
        <v>7182</v>
      </c>
      <c r="B11550" t="s">
        <v>7183</v>
      </c>
      <c r="C11550" t="s">
        <v>7036</v>
      </c>
      <c r="D11550" t="s">
        <v>7037</v>
      </c>
      <c r="E11550" t="s">
        <v>6982</v>
      </c>
      <c r="F11550" t="s">
        <v>6983</v>
      </c>
      <c r="G11550" t="s">
        <v>80</v>
      </c>
      <c r="H11550" t="s">
        <v>81</v>
      </c>
      <c r="I11550" s="2">
        <v>0</v>
      </c>
      <c r="J11550" s="2">
        <v>1</v>
      </c>
      <c r="K11550" s="2">
        <v>0</v>
      </c>
      <c r="L11550" t="s">
        <v>82</v>
      </c>
      <c r="M11550" t="s">
        <v>83</v>
      </c>
      <c r="N11550" t="s">
        <v>84</v>
      </c>
      <c r="O11550" t="s">
        <v>85</v>
      </c>
      <c r="P11550" t="s">
        <v>86</v>
      </c>
      <c r="Q11550">
        <v>15</v>
      </c>
      <c r="R11550">
        <v>15</v>
      </c>
      <c r="S11550">
        <v>15</v>
      </c>
      <c r="T11550">
        <v>15</v>
      </c>
      <c r="U11550">
        <v>15</v>
      </c>
      <c r="V11550">
        <v>15</v>
      </c>
      <c r="W11550">
        <v>16</v>
      </c>
      <c r="X11550">
        <v>16</v>
      </c>
      <c r="Y11550">
        <v>16</v>
      </c>
      <c r="Z11550">
        <v>16</v>
      </c>
      <c r="AA11550">
        <v>16</v>
      </c>
      <c r="AB11550">
        <v>16</v>
      </c>
      <c r="AC11550">
        <v>16</v>
      </c>
      <c r="AD11550">
        <v>16</v>
      </c>
      <c r="AE11550">
        <v>16</v>
      </c>
      <c r="AF11550">
        <v>16</v>
      </c>
      <c r="AG11550">
        <v>16</v>
      </c>
      <c r="AH11550">
        <v>16</v>
      </c>
      <c r="AI11550">
        <v>16</v>
      </c>
      <c r="AJ11550">
        <v>16</v>
      </c>
      <c r="AK11550">
        <v>16</v>
      </c>
      <c r="AL11550">
        <v>16</v>
      </c>
      <c r="AM11550">
        <v>16</v>
      </c>
      <c r="AN11550">
        <v>16</v>
      </c>
      <c r="AO11550">
        <v>16</v>
      </c>
      <c r="AP11550">
        <v>16</v>
      </c>
      <c r="AQ11550">
        <v>16</v>
      </c>
    </row>
    <row r="11551" spans="1:43">
      <c r="A11551" t="s">
        <v>7182</v>
      </c>
      <c r="B11551" t="s">
        <v>7183</v>
      </c>
      <c r="C11551" t="s">
        <v>7036</v>
      </c>
      <c r="D11551" t="s">
        <v>7037</v>
      </c>
      <c r="E11551" t="s">
        <v>6982</v>
      </c>
      <c r="F11551" t="s">
        <v>6983</v>
      </c>
      <c r="G11551" t="s">
        <v>80</v>
      </c>
      <c r="H11551" t="s">
        <v>81</v>
      </c>
      <c r="I11551" s="2">
        <v>0</v>
      </c>
      <c r="J11551" s="2">
        <v>1</v>
      </c>
      <c r="K11551" s="2">
        <v>0</v>
      </c>
      <c r="L11551" t="s">
        <v>82</v>
      </c>
      <c r="M11551" t="s">
        <v>87</v>
      </c>
      <c r="N11551" t="s">
        <v>88</v>
      </c>
      <c r="O11551" t="s">
        <v>85</v>
      </c>
      <c r="P11551" t="s">
        <v>86</v>
      </c>
      <c r="Q11551">
        <v>15</v>
      </c>
      <c r="R11551">
        <v>15</v>
      </c>
      <c r="S11551">
        <v>15</v>
      </c>
      <c r="T11551">
        <v>15</v>
      </c>
      <c r="U11551">
        <v>15</v>
      </c>
      <c r="V11551">
        <v>15</v>
      </c>
      <c r="W11551">
        <v>15</v>
      </c>
      <c r="X11551">
        <v>15</v>
      </c>
      <c r="Y11551">
        <v>15</v>
      </c>
      <c r="Z11551">
        <v>14</v>
      </c>
      <c r="AA11551">
        <v>14</v>
      </c>
      <c r="AB11551">
        <v>14</v>
      </c>
      <c r="AC11551">
        <v>14</v>
      </c>
      <c r="AD11551">
        <v>14</v>
      </c>
      <c r="AE11551">
        <v>14</v>
      </c>
      <c r="AF11551">
        <v>14</v>
      </c>
      <c r="AG11551">
        <v>14</v>
      </c>
      <c r="AH11551">
        <v>14</v>
      </c>
      <c r="AI11551">
        <v>14</v>
      </c>
      <c r="AJ11551">
        <v>14</v>
      </c>
      <c r="AK11551">
        <v>14</v>
      </c>
      <c r="AL11551">
        <v>14</v>
      </c>
      <c r="AM11551">
        <v>14</v>
      </c>
      <c r="AN11551">
        <v>14</v>
      </c>
      <c r="AO11551">
        <v>14</v>
      </c>
      <c r="AP11551">
        <v>14</v>
      </c>
      <c r="AQ11551">
        <v>14</v>
      </c>
    </row>
    <row r="11552" spans="1:43">
      <c r="A11552" t="s">
        <v>7182</v>
      </c>
      <c r="B11552" t="s">
        <v>7183</v>
      </c>
      <c r="C11552" t="s">
        <v>7036</v>
      </c>
      <c r="D11552" t="s">
        <v>7037</v>
      </c>
      <c r="E11552" t="s">
        <v>6982</v>
      </c>
      <c r="F11552" t="s">
        <v>6983</v>
      </c>
      <c r="G11552" t="s">
        <v>80</v>
      </c>
      <c r="H11552" t="s">
        <v>81</v>
      </c>
      <c r="I11552" s="2">
        <v>0</v>
      </c>
      <c r="J11552" s="2">
        <v>1</v>
      </c>
      <c r="K11552" s="2">
        <v>0</v>
      </c>
      <c r="L11552" t="s">
        <v>82</v>
      </c>
      <c r="M11552" t="s">
        <v>89</v>
      </c>
      <c r="N11552" t="s">
        <v>90</v>
      </c>
      <c r="O11552" t="s">
        <v>85</v>
      </c>
      <c r="P11552" t="s">
        <v>86</v>
      </c>
      <c r="Q11552">
        <v>15</v>
      </c>
      <c r="R11552">
        <v>15</v>
      </c>
      <c r="S11552">
        <v>15</v>
      </c>
      <c r="T11552">
        <v>16</v>
      </c>
      <c r="U11552">
        <v>16</v>
      </c>
      <c r="V11552">
        <v>16</v>
      </c>
      <c r="W11552">
        <v>16</v>
      </c>
      <c r="X11552">
        <v>16</v>
      </c>
      <c r="Y11552">
        <v>17</v>
      </c>
      <c r="Z11552">
        <v>17</v>
      </c>
      <c r="AA11552">
        <v>17</v>
      </c>
      <c r="AB11552">
        <v>17</v>
      </c>
      <c r="AC11552">
        <v>17</v>
      </c>
      <c r="AD11552">
        <v>17</v>
      </c>
      <c r="AE11552">
        <v>17</v>
      </c>
      <c r="AF11552">
        <v>17</v>
      </c>
      <c r="AG11552">
        <v>17</v>
      </c>
      <c r="AH11552">
        <v>17</v>
      </c>
      <c r="AI11552">
        <v>17</v>
      </c>
      <c r="AJ11552">
        <v>17</v>
      </c>
      <c r="AK11552">
        <v>17</v>
      </c>
      <c r="AL11552">
        <v>17</v>
      </c>
      <c r="AM11552">
        <v>17</v>
      </c>
      <c r="AN11552">
        <v>16</v>
      </c>
      <c r="AO11552">
        <v>16</v>
      </c>
      <c r="AP11552">
        <v>16</v>
      </c>
      <c r="AQ11552">
        <v>16</v>
      </c>
    </row>
    <row r="11553" spans="1:43">
      <c r="A11553" t="s">
        <v>7182</v>
      </c>
      <c r="B11553" t="s">
        <v>7183</v>
      </c>
      <c r="C11553" t="s">
        <v>7036</v>
      </c>
      <c r="D11553" t="s">
        <v>7037</v>
      </c>
      <c r="E11553" t="s">
        <v>6982</v>
      </c>
      <c r="F11553" t="s">
        <v>6983</v>
      </c>
      <c r="G11553" t="s">
        <v>80</v>
      </c>
      <c r="H11553" t="s">
        <v>81</v>
      </c>
      <c r="I11553" s="2">
        <v>0</v>
      </c>
      <c r="J11553" s="2">
        <v>1</v>
      </c>
      <c r="K11553" s="2">
        <v>0</v>
      </c>
      <c r="L11553" t="s">
        <v>82</v>
      </c>
      <c r="M11553" t="s">
        <v>83</v>
      </c>
      <c r="N11553" t="s">
        <v>91</v>
      </c>
      <c r="O11553" t="s">
        <v>85</v>
      </c>
      <c r="P11553" t="s">
        <v>86</v>
      </c>
      <c r="Q11553">
        <v>15</v>
      </c>
      <c r="R11553">
        <v>15</v>
      </c>
      <c r="S11553">
        <v>15</v>
      </c>
      <c r="T11553">
        <v>15</v>
      </c>
      <c r="U11553">
        <v>15</v>
      </c>
      <c r="V11553">
        <v>15</v>
      </c>
      <c r="W11553">
        <v>16</v>
      </c>
      <c r="X11553">
        <v>16</v>
      </c>
      <c r="Y11553">
        <v>16</v>
      </c>
      <c r="Z11553">
        <v>16</v>
      </c>
      <c r="AA11553">
        <v>16</v>
      </c>
      <c r="AB11553">
        <v>16</v>
      </c>
      <c r="AC11553">
        <v>16</v>
      </c>
      <c r="AD11553">
        <v>16</v>
      </c>
      <c r="AE11553">
        <v>16</v>
      </c>
      <c r="AF11553">
        <v>16</v>
      </c>
      <c r="AG11553">
        <v>16</v>
      </c>
      <c r="AH11553">
        <v>16</v>
      </c>
      <c r="AI11553">
        <v>16</v>
      </c>
      <c r="AJ11553">
        <v>16</v>
      </c>
      <c r="AK11553">
        <v>16</v>
      </c>
      <c r="AL11553">
        <v>16</v>
      </c>
      <c r="AM11553">
        <v>16</v>
      </c>
      <c r="AN11553">
        <v>16</v>
      </c>
      <c r="AO11553">
        <v>16</v>
      </c>
      <c r="AP11553">
        <v>16</v>
      </c>
      <c r="AQ11553">
        <v>16</v>
      </c>
    </row>
    <row r="11554" spans="1:43">
      <c r="A11554" t="s">
        <v>7184</v>
      </c>
      <c r="B11554" t="s">
        <v>7185</v>
      </c>
      <c r="C11554" t="s">
        <v>7186</v>
      </c>
      <c r="D11554" t="s">
        <v>7187</v>
      </c>
      <c r="E11554" t="s">
        <v>6982</v>
      </c>
      <c r="F11554" t="s">
        <v>6983</v>
      </c>
      <c r="G11554" t="s">
        <v>80</v>
      </c>
      <c r="H11554" t="s">
        <v>81</v>
      </c>
      <c r="I11554" s="2">
        <v>0</v>
      </c>
      <c r="J11554" s="2">
        <v>1</v>
      </c>
      <c r="K11554" s="2">
        <v>0</v>
      </c>
      <c r="L11554" t="s">
        <v>82</v>
      </c>
      <c r="M11554" t="s">
        <v>83</v>
      </c>
      <c r="N11554" t="s">
        <v>84</v>
      </c>
      <c r="O11554" t="s">
        <v>85</v>
      </c>
      <c r="P11554" t="s">
        <v>86</v>
      </c>
      <c r="Q11554">
        <v>7</v>
      </c>
      <c r="R11554">
        <v>7</v>
      </c>
      <c r="S11554">
        <v>7</v>
      </c>
      <c r="T11554">
        <v>7</v>
      </c>
      <c r="U11554">
        <v>7</v>
      </c>
      <c r="V11554">
        <v>7</v>
      </c>
      <c r="W11554">
        <v>7</v>
      </c>
      <c r="X11554">
        <v>7</v>
      </c>
      <c r="Y11554">
        <v>7</v>
      </c>
      <c r="Z11554">
        <v>7</v>
      </c>
      <c r="AA11554">
        <v>7</v>
      </c>
      <c r="AB11554">
        <v>7</v>
      </c>
      <c r="AC11554">
        <v>7</v>
      </c>
      <c r="AD11554">
        <v>7</v>
      </c>
      <c r="AE11554">
        <v>7</v>
      </c>
      <c r="AF11554">
        <v>7</v>
      </c>
      <c r="AG11554">
        <v>7</v>
      </c>
      <c r="AH11554">
        <v>7</v>
      </c>
      <c r="AI11554">
        <v>7</v>
      </c>
      <c r="AJ11554">
        <v>7</v>
      </c>
      <c r="AK11554">
        <v>7</v>
      </c>
      <c r="AL11554">
        <v>7</v>
      </c>
      <c r="AM11554">
        <v>7</v>
      </c>
      <c r="AN11554">
        <v>7</v>
      </c>
      <c r="AO11554">
        <v>7</v>
      </c>
      <c r="AP11554">
        <v>7</v>
      </c>
      <c r="AQ11554">
        <v>7</v>
      </c>
    </row>
    <row r="11555" spans="1:43">
      <c r="A11555" t="s">
        <v>7184</v>
      </c>
      <c r="B11555" t="s">
        <v>7185</v>
      </c>
      <c r="C11555" t="s">
        <v>7186</v>
      </c>
      <c r="D11555" t="s">
        <v>7187</v>
      </c>
      <c r="E11555" t="s">
        <v>6982</v>
      </c>
      <c r="F11555" t="s">
        <v>6983</v>
      </c>
      <c r="G11555" t="s">
        <v>80</v>
      </c>
      <c r="H11555" t="s">
        <v>81</v>
      </c>
      <c r="I11555" s="2">
        <v>0</v>
      </c>
      <c r="J11555" s="2">
        <v>1</v>
      </c>
      <c r="K11555" s="2">
        <v>0</v>
      </c>
      <c r="L11555" t="s">
        <v>82</v>
      </c>
      <c r="M11555" t="s">
        <v>87</v>
      </c>
      <c r="N11555" t="s">
        <v>88</v>
      </c>
      <c r="O11555" t="s">
        <v>85</v>
      </c>
      <c r="P11555" t="s">
        <v>86</v>
      </c>
      <c r="Q11555">
        <v>7</v>
      </c>
      <c r="R11555">
        <v>7</v>
      </c>
      <c r="S11555">
        <v>7</v>
      </c>
      <c r="T11555">
        <v>7</v>
      </c>
      <c r="U11555">
        <v>7</v>
      </c>
      <c r="V11555">
        <v>7</v>
      </c>
      <c r="W11555">
        <v>7</v>
      </c>
      <c r="X11555">
        <v>7</v>
      </c>
      <c r="Y11555">
        <v>6</v>
      </c>
      <c r="Z11555">
        <v>6</v>
      </c>
      <c r="AA11555">
        <v>6</v>
      </c>
      <c r="AB11555">
        <v>6</v>
      </c>
      <c r="AC11555">
        <v>6</v>
      </c>
      <c r="AD11555">
        <v>6</v>
      </c>
      <c r="AE11555">
        <v>6</v>
      </c>
      <c r="AF11555">
        <v>6</v>
      </c>
      <c r="AG11555">
        <v>6</v>
      </c>
      <c r="AH11555">
        <v>6</v>
      </c>
      <c r="AI11555">
        <v>6</v>
      </c>
      <c r="AJ11555">
        <v>6</v>
      </c>
      <c r="AK11555">
        <v>6</v>
      </c>
      <c r="AL11555">
        <v>6</v>
      </c>
      <c r="AM11555">
        <v>6</v>
      </c>
      <c r="AN11555">
        <v>6</v>
      </c>
      <c r="AO11555">
        <v>6</v>
      </c>
      <c r="AP11555">
        <v>6</v>
      </c>
      <c r="AQ11555">
        <v>6</v>
      </c>
    </row>
    <row r="11556" spans="1:43">
      <c r="A11556" t="s">
        <v>7184</v>
      </c>
      <c r="B11556" t="s">
        <v>7185</v>
      </c>
      <c r="C11556" t="s">
        <v>7186</v>
      </c>
      <c r="D11556" t="s">
        <v>7187</v>
      </c>
      <c r="E11556" t="s">
        <v>6982</v>
      </c>
      <c r="F11556" t="s">
        <v>6983</v>
      </c>
      <c r="G11556" t="s">
        <v>80</v>
      </c>
      <c r="H11556" t="s">
        <v>81</v>
      </c>
      <c r="I11556" s="2">
        <v>0</v>
      </c>
      <c r="J11556" s="2">
        <v>1</v>
      </c>
      <c r="K11556" s="2">
        <v>0</v>
      </c>
      <c r="L11556" t="s">
        <v>82</v>
      </c>
      <c r="M11556" t="s">
        <v>89</v>
      </c>
      <c r="N11556" t="s">
        <v>90</v>
      </c>
      <c r="O11556" t="s">
        <v>85</v>
      </c>
      <c r="P11556" t="s">
        <v>86</v>
      </c>
      <c r="Q11556">
        <v>7</v>
      </c>
      <c r="R11556">
        <v>7</v>
      </c>
      <c r="S11556">
        <v>7</v>
      </c>
      <c r="T11556">
        <v>7</v>
      </c>
      <c r="U11556">
        <v>7</v>
      </c>
      <c r="V11556">
        <v>7</v>
      </c>
      <c r="W11556">
        <v>7</v>
      </c>
      <c r="X11556">
        <v>7</v>
      </c>
      <c r="Y11556">
        <v>7</v>
      </c>
      <c r="Z11556">
        <v>7</v>
      </c>
      <c r="AA11556">
        <v>8</v>
      </c>
      <c r="AB11556">
        <v>8</v>
      </c>
      <c r="AC11556">
        <v>8</v>
      </c>
      <c r="AD11556">
        <v>8</v>
      </c>
      <c r="AE11556">
        <v>8</v>
      </c>
      <c r="AF11556">
        <v>8</v>
      </c>
      <c r="AG11556">
        <v>8</v>
      </c>
      <c r="AH11556">
        <v>8</v>
      </c>
      <c r="AI11556">
        <v>8</v>
      </c>
      <c r="AJ11556">
        <v>8</v>
      </c>
      <c r="AK11556">
        <v>7</v>
      </c>
      <c r="AL11556">
        <v>7</v>
      </c>
      <c r="AM11556">
        <v>7</v>
      </c>
      <c r="AN11556">
        <v>7</v>
      </c>
      <c r="AO11556">
        <v>7</v>
      </c>
      <c r="AP11556">
        <v>7</v>
      </c>
      <c r="AQ11556">
        <v>7</v>
      </c>
    </row>
    <row r="11557" spans="1:43">
      <c r="A11557" t="s">
        <v>7184</v>
      </c>
      <c r="B11557" t="s">
        <v>7185</v>
      </c>
      <c r="C11557" t="s">
        <v>7186</v>
      </c>
      <c r="D11557" t="s">
        <v>7187</v>
      </c>
      <c r="E11557" t="s">
        <v>6982</v>
      </c>
      <c r="F11557" t="s">
        <v>6983</v>
      </c>
      <c r="G11557" t="s">
        <v>80</v>
      </c>
      <c r="H11557" t="s">
        <v>81</v>
      </c>
      <c r="I11557" s="2">
        <v>0</v>
      </c>
      <c r="J11557" s="2">
        <v>1</v>
      </c>
      <c r="K11557" s="2">
        <v>0</v>
      </c>
      <c r="L11557" t="s">
        <v>82</v>
      </c>
      <c r="M11557" t="s">
        <v>83</v>
      </c>
      <c r="N11557" t="s">
        <v>91</v>
      </c>
      <c r="O11557" t="s">
        <v>85</v>
      </c>
      <c r="P11557" t="s">
        <v>86</v>
      </c>
      <c r="Q11557">
        <v>7</v>
      </c>
      <c r="R11557">
        <v>7</v>
      </c>
      <c r="S11557">
        <v>7</v>
      </c>
      <c r="T11557">
        <v>7</v>
      </c>
      <c r="U11557">
        <v>7</v>
      </c>
      <c r="V11557">
        <v>7</v>
      </c>
      <c r="W11557">
        <v>7</v>
      </c>
      <c r="X11557">
        <v>7</v>
      </c>
      <c r="Y11557">
        <v>7</v>
      </c>
      <c r="Z11557">
        <v>7</v>
      </c>
      <c r="AA11557">
        <v>7</v>
      </c>
      <c r="AB11557">
        <v>7</v>
      </c>
      <c r="AC11557">
        <v>7</v>
      </c>
      <c r="AD11557">
        <v>7</v>
      </c>
      <c r="AE11557">
        <v>7</v>
      </c>
      <c r="AF11557">
        <v>7</v>
      </c>
      <c r="AG11557">
        <v>7</v>
      </c>
      <c r="AH11557">
        <v>7</v>
      </c>
      <c r="AI11557">
        <v>7</v>
      </c>
      <c r="AJ11557">
        <v>7</v>
      </c>
      <c r="AK11557">
        <v>7</v>
      </c>
      <c r="AL11557">
        <v>7</v>
      </c>
      <c r="AM11557">
        <v>7</v>
      </c>
      <c r="AN11557">
        <v>7</v>
      </c>
      <c r="AO11557">
        <v>7</v>
      </c>
      <c r="AP11557">
        <v>7</v>
      </c>
      <c r="AQ11557">
        <v>7</v>
      </c>
    </row>
    <row r="11558" spans="1:43">
      <c r="A11558" t="s">
        <v>7188</v>
      </c>
      <c r="B11558" t="s">
        <v>7189</v>
      </c>
      <c r="C11558" t="s">
        <v>7160</v>
      </c>
      <c r="D11558" t="s">
        <v>7161</v>
      </c>
      <c r="E11558" t="s">
        <v>6982</v>
      </c>
      <c r="F11558" t="s">
        <v>6983</v>
      </c>
      <c r="G11558" t="s">
        <v>80</v>
      </c>
      <c r="H11558" t="s">
        <v>81</v>
      </c>
      <c r="I11558" s="2">
        <v>0</v>
      </c>
      <c r="J11558" s="2">
        <v>1</v>
      </c>
      <c r="K11558" s="2">
        <v>0</v>
      </c>
      <c r="L11558" t="s">
        <v>82</v>
      </c>
      <c r="M11558" t="s">
        <v>83</v>
      </c>
      <c r="N11558" t="s">
        <v>84</v>
      </c>
      <c r="O11558" t="s">
        <v>85</v>
      </c>
      <c r="P11558" t="s">
        <v>86</v>
      </c>
      <c r="Q11558">
        <v>67</v>
      </c>
      <c r="R11558">
        <v>67</v>
      </c>
      <c r="S11558">
        <v>67</v>
      </c>
      <c r="T11558">
        <v>68</v>
      </c>
      <c r="U11558">
        <v>68</v>
      </c>
      <c r="V11558">
        <v>69</v>
      </c>
      <c r="W11558">
        <v>69</v>
      </c>
      <c r="X11558">
        <v>69</v>
      </c>
      <c r="Y11558">
        <v>70</v>
      </c>
      <c r="Z11558">
        <v>70</v>
      </c>
      <c r="AA11558">
        <v>71</v>
      </c>
      <c r="AB11558">
        <v>71</v>
      </c>
      <c r="AC11558">
        <v>71</v>
      </c>
      <c r="AD11558">
        <v>71</v>
      </c>
      <c r="AE11558">
        <v>72</v>
      </c>
      <c r="AF11558">
        <v>72</v>
      </c>
      <c r="AG11558">
        <v>72</v>
      </c>
      <c r="AH11558">
        <v>72</v>
      </c>
      <c r="AI11558">
        <v>73</v>
      </c>
      <c r="AJ11558">
        <v>73</v>
      </c>
      <c r="AK11558">
        <v>73</v>
      </c>
      <c r="AL11558">
        <v>73</v>
      </c>
      <c r="AM11558">
        <v>72</v>
      </c>
      <c r="AN11558">
        <v>72</v>
      </c>
      <c r="AO11558">
        <v>72</v>
      </c>
      <c r="AP11558">
        <v>71</v>
      </c>
      <c r="AQ11558">
        <v>71</v>
      </c>
    </row>
    <row r="11559" spans="1:43">
      <c r="A11559" t="s">
        <v>7188</v>
      </c>
      <c r="B11559" t="s">
        <v>7189</v>
      </c>
      <c r="C11559" t="s">
        <v>7160</v>
      </c>
      <c r="D11559" t="s">
        <v>7161</v>
      </c>
      <c r="E11559" t="s">
        <v>6982</v>
      </c>
      <c r="F11559" t="s">
        <v>6983</v>
      </c>
      <c r="G11559" t="s">
        <v>80</v>
      </c>
      <c r="H11559" t="s">
        <v>81</v>
      </c>
      <c r="I11559" s="2">
        <v>0</v>
      </c>
      <c r="J11559" s="2">
        <v>1</v>
      </c>
      <c r="K11559" s="2">
        <v>0</v>
      </c>
      <c r="L11559" t="s">
        <v>82</v>
      </c>
      <c r="M11559" t="s">
        <v>87</v>
      </c>
      <c r="N11559" t="s">
        <v>88</v>
      </c>
      <c r="O11559" t="s">
        <v>85</v>
      </c>
      <c r="P11559" t="s">
        <v>86</v>
      </c>
      <c r="Q11559">
        <v>67</v>
      </c>
      <c r="R11559">
        <v>67</v>
      </c>
      <c r="S11559">
        <v>67</v>
      </c>
      <c r="T11559">
        <v>66</v>
      </c>
      <c r="U11559">
        <v>66</v>
      </c>
      <c r="V11559">
        <v>66</v>
      </c>
      <c r="W11559">
        <v>66</v>
      </c>
      <c r="X11559">
        <v>66</v>
      </c>
      <c r="Y11559">
        <v>66</v>
      </c>
      <c r="Z11559">
        <v>65</v>
      </c>
      <c r="AA11559">
        <v>65</v>
      </c>
      <c r="AB11559">
        <v>65</v>
      </c>
      <c r="AC11559">
        <v>65</v>
      </c>
      <c r="AD11559">
        <v>65</v>
      </c>
      <c r="AE11559">
        <v>65</v>
      </c>
      <c r="AF11559">
        <v>64</v>
      </c>
      <c r="AG11559">
        <v>64</v>
      </c>
      <c r="AH11559">
        <v>64</v>
      </c>
      <c r="AI11559">
        <v>64</v>
      </c>
      <c r="AJ11559">
        <v>64</v>
      </c>
      <c r="AK11559">
        <v>64</v>
      </c>
      <c r="AL11559">
        <v>63</v>
      </c>
      <c r="AM11559">
        <v>63</v>
      </c>
      <c r="AN11559">
        <v>63</v>
      </c>
      <c r="AO11559">
        <v>63</v>
      </c>
      <c r="AP11559">
        <v>63</v>
      </c>
      <c r="AQ11559">
        <v>63</v>
      </c>
    </row>
    <row r="11560" spans="1:43">
      <c r="A11560" t="s">
        <v>7188</v>
      </c>
      <c r="B11560" t="s">
        <v>7189</v>
      </c>
      <c r="C11560" t="s">
        <v>7160</v>
      </c>
      <c r="D11560" t="s">
        <v>7161</v>
      </c>
      <c r="E11560" t="s">
        <v>6982</v>
      </c>
      <c r="F11560" t="s">
        <v>6983</v>
      </c>
      <c r="G11560" t="s">
        <v>80</v>
      </c>
      <c r="H11560" t="s">
        <v>81</v>
      </c>
      <c r="I11560" s="2">
        <v>0</v>
      </c>
      <c r="J11560" s="2">
        <v>1</v>
      </c>
      <c r="K11560" s="2">
        <v>0</v>
      </c>
      <c r="L11560" t="s">
        <v>82</v>
      </c>
      <c r="M11560" t="s">
        <v>89</v>
      </c>
      <c r="N11560" t="s">
        <v>90</v>
      </c>
      <c r="O11560" t="s">
        <v>85</v>
      </c>
      <c r="P11560" t="s">
        <v>86</v>
      </c>
      <c r="Q11560">
        <v>67</v>
      </c>
      <c r="R11560">
        <v>68</v>
      </c>
      <c r="S11560">
        <v>69</v>
      </c>
      <c r="T11560">
        <v>70</v>
      </c>
      <c r="U11560">
        <v>71</v>
      </c>
      <c r="V11560">
        <v>72</v>
      </c>
      <c r="W11560">
        <v>73</v>
      </c>
      <c r="X11560">
        <v>73</v>
      </c>
      <c r="Y11560">
        <v>74</v>
      </c>
      <c r="Z11560">
        <v>75</v>
      </c>
      <c r="AA11560">
        <v>75</v>
      </c>
      <c r="AB11560">
        <v>76</v>
      </c>
      <c r="AC11560">
        <v>76</v>
      </c>
      <c r="AD11560">
        <v>77</v>
      </c>
      <c r="AE11560">
        <v>77</v>
      </c>
      <c r="AF11560">
        <v>76</v>
      </c>
      <c r="AG11560">
        <v>76</v>
      </c>
      <c r="AH11560">
        <v>75</v>
      </c>
      <c r="AI11560">
        <v>75</v>
      </c>
      <c r="AJ11560">
        <v>75</v>
      </c>
      <c r="AK11560">
        <v>74</v>
      </c>
      <c r="AL11560">
        <v>74</v>
      </c>
      <c r="AM11560">
        <v>73</v>
      </c>
      <c r="AN11560">
        <v>73</v>
      </c>
      <c r="AO11560">
        <v>72</v>
      </c>
      <c r="AP11560">
        <v>72</v>
      </c>
      <c r="AQ11560">
        <v>72</v>
      </c>
    </row>
    <row r="11561" spans="1:43">
      <c r="A11561" t="s">
        <v>7188</v>
      </c>
      <c r="B11561" t="s">
        <v>7189</v>
      </c>
      <c r="C11561" t="s">
        <v>7160</v>
      </c>
      <c r="D11561" t="s">
        <v>7161</v>
      </c>
      <c r="E11561" t="s">
        <v>6982</v>
      </c>
      <c r="F11561" t="s">
        <v>6983</v>
      </c>
      <c r="G11561" t="s">
        <v>80</v>
      </c>
      <c r="H11561" t="s">
        <v>81</v>
      </c>
      <c r="I11561" s="2">
        <v>0</v>
      </c>
      <c r="J11561" s="2">
        <v>1</v>
      </c>
      <c r="K11561" s="2">
        <v>0</v>
      </c>
      <c r="L11561" t="s">
        <v>82</v>
      </c>
      <c r="M11561" t="s">
        <v>83</v>
      </c>
      <c r="N11561" t="s">
        <v>91</v>
      </c>
      <c r="O11561" t="s">
        <v>85</v>
      </c>
      <c r="P11561" t="s">
        <v>86</v>
      </c>
      <c r="Q11561">
        <v>67</v>
      </c>
      <c r="R11561">
        <v>67</v>
      </c>
      <c r="S11561">
        <v>67</v>
      </c>
      <c r="T11561">
        <v>68</v>
      </c>
      <c r="U11561">
        <v>68</v>
      </c>
      <c r="V11561">
        <v>69</v>
      </c>
      <c r="W11561">
        <v>69</v>
      </c>
      <c r="X11561">
        <v>69</v>
      </c>
      <c r="Y11561">
        <v>70</v>
      </c>
      <c r="Z11561">
        <v>70</v>
      </c>
      <c r="AA11561">
        <v>71</v>
      </c>
      <c r="AB11561">
        <v>71</v>
      </c>
      <c r="AC11561">
        <v>71</v>
      </c>
      <c r="AD11561">
        <v>71</v>
      </c>
      <c r="AE11561">
        <v>72</v>
      </c>
      <c r="AF11561">
        <v>72</v>
      </c>
      <c r="AG11561">
        <v>72</v>
      </c>
      <c r="AH11561">
        <v>72</v>
      </c>
      <c r="AI11561">
        <v>73</v>
      </c>
      <c r="AJ11561">
        <v>73</v>
      </c>
      <c r="AK11561">
        <v>73</v>
      </c>
      <c r="AL11561">
        <v>73</v>
      </c>
      <c r="AM11561">
        <v>72</v>
      </c>
      <c r="AN11561">
        <v>72</v>
      </c>
      <c r="AO11561">
        <v>72</v>
      </c>
      <c r="AP11561">
        <v>71</v>
      </c>
      <c r="AQ11561">
        <v>71</v>
      </c>
    </row>
    <row r="11562" spans="1:43">
      <c r="A11562" t="s">
        <v>7190</v>
      </c>
      <c r="B11562" t="s">
        <v>7191</v>
      </c>
      <c r="C11562" t="s">
        <v>7036</v>
      </c>
      <c r="D11562" t="s">
        <v>7037</v>
      </c>
      <c r="E11562" t="s">
        <v>6982</v>
      </c>
      <c r="F11562" t="s">
        <v>6983</v>
      </c>
      <c r="G11562" t="s">
        <v>80</v>
      </c>
      <c r="H11562" t="s">
        <v>81</v>
      </c>
      <c r="I11562" s="2">
        <v>0</v>
      </c>
      <c r="J11562" s="2">
        <v>1</v>
      </c>
      <c r="K11562" s="2">
        <v>0</v>
      </c>
      <c r="L11562" t="s">
        <v>82</v>
      </c>
      <c r="M11562" t="s">
        <v>83</v>
      </c>
      <c r="N11562" t="s">
        <v>84</v>
      </c>
      <c r="O11562" t="s">
        <v>85</v>
      </c>
      <c r="P11562" t="s">
        <v>86</v>
      </c>
      <c r="Q11562">
        <v>27</v>
      </c>
      <c r="R11562">
        <v>27</v>
      </c>
      <c r="S11562">
        <v>27</v>
      </c>
      <c r="T11562">
        <v>27</v>
      </c>
      <c r="U11562">
        <v>27</v>
      </c>
      <c r="V11562">
        <v>27</v>
      </c>
      <c r="W11562">
        <v>28</v>
      </c>
      <c r="X11562">
        <v>28</v>
      </c>
      <c r="Y11562">
        <v>28</v>
      </c>
      <c r="Z11562">
        <v>28</v>
      </c>
      <c r="AA11562">
        <v>28</v>
      </c>
      <c r="AB11562">
        <v>28</v>
      </c>
      <c r="AC11562">
        <v>28</v>
      </c>
      <c r="AD11562">
        <v>29</v>
      </c>
      <c r="AE11562">
        <v>29</v>
      </c>
      <c r="AF11562">
        <v>29</v>
      </c>
      <c r="AG11562">
        <v>29</v>
      </c>
      <c r="AH11562">
        <v>29</v>
      </c>
      <c r="AI11562">
        <v>29</v>
      </c>
      <c r="AJ11562">
        <v>29</v>
      </c>
      <c r="AK11562">
        <v>29</v>
      </c>
      <c r="AL11562">
        <v>29</v>
      </c>
      <c r="AM11562">
        <v>29</v>
      </c>
      <c r="AN11562">
        <v>29</v>
      </c>
      <c r="AO11562">
        <v>29</v>
      </c>
      <c r="AP11562">
        <v>28</v>
      </c>
      <c r="AQ11562">
        <v>28</v>
      </c>
    </row>
    <row r="11563" spans="1:43">
      <c r="A11563" t="s">
        <v>7190</v>
      </c>
      <c r="B11563" t="s">
        <v>7191</v>
      </c>
      <c r="C11563" t="s">
        <v>7036</v>
      </c>
      <c r="D11563" t="s">
        <v>7037</v>
      </c>
      <c r="E11563" t="s">
        <v>6982</v>
      </c>
      <c r="F11563" t="s">
        <v>6983</v>
      </c>
      <c r="G11563" t="s">
        <v>80</v>
      </c>
      <c r="H11563" t="s">
        <v>81</v>
      </c>
      <c r="I11563" s="2">
        <v>0</v>
      </c>
      <c r="J11563" s="2">
        <v>1</v>
      </c>
      <c r="K11563" s="2">
        <v>0</v>
      </c>
      <c r="L11563" t="s">
        <v>82</v>
      </c>
      <c r="M11563" t="s">
        <v>87</v>
      </c>
      <c r="N11563" t="s">
        <v>88</v>
      </c>
      <c r="O11563" t="s">
        <v>85</v>
      </c>
      <c r="P11563" t="s">
        <v>86</v>
      </c>
      <c r="Q11563">
        <v>27</v>
      </c>
      <c r="R11563">
        <v>27</v>
      </c>
      <c r="S11563">
        <v>27</v>
      </c>
      <c r="T11563">
        <v>27</v>
      </c>
      <c r="U11563">
        <v>27</v>
      </c>
      <c r="V11563">
        <v>27</v>
      </c>
      <c r="W11563">
        <v>27</v>
      </c>
      <c r="X11563">
        <v>27</v>
      </c>
      <c r="Y11563">
        <v>27</v>
      </c>
      <c r="Z11563">
        <v>27</v>
      </c>
      <c r="AA11563">
        <v>27</v>
      </c>
      <c r="AB11563">
        <v>27</v>
      </c>
      <c r="AC11563">
        <v>27</v>
      </c>
      <c r="AD11563">
        <v>26</v>
      </c>
      <c r="AE11563">
        <v>26</v>
      </c>
      <c r="AF11563">
        <v>26</v>
      </c>
      <c r="AG11563">
        <v>26</v>
      </c>
      <c r="AH11563">
        <v>26</v>
      </c>
      <c r="AI11563">
        <v>26</v>
      </c>
      <c r="AJ11563">
        <v>26</v>
      </c>
      <c r="AK11563">
        <v>26</v>
      </c>
      <c r="AL11563">
        <v>26</v>
      </c>
      <c r="AM11563">
        <v>26</v>
      </c>
      <c r="AN11563">
        <v>26</v>
      </c>
      <c r="AO11563">
        <v>26</v>
      </c>
      <c r="AP11563">
        <v>26</v>
      </c>
      <c r="AQ11563">
        <v>26</v>
      </c>
    </row>
    <row r="11564" spans="1:43">
      <c r="A11564" t="s">
        <v>7190</v>
      </c>
      <c r="B11564" t="s">
        <v>7191</v>
      </c>
      <c r="C11564" t="s">
        <v>7036</v>
      </c>
      <c r="D11564" t="s">
        <v>7037</v>
      </c>
      <c r="E11564" t="s">
        <v>6982</v>
      </c>
      <c r="F11564" t="s">
        <v>6983</v>
      </c>
      <c r="G11564" t="s">
        <v>80</v>
      </c>
      <c r="H11564" t="s">
        <v>81</v>
      </c>
      <c r="I11564" s="2">
        <v>0</v>
      </c>
      <c r="J11564" s="2">
        <v>1</v>
      </c>
      <c r="K11564" s="2">
        <v>0</v>
      </c>
      <c r="L11564" t="s">
        <v>82</v>
      </c>
      <c r="M11564" t="s">
        <v>89</v>
      </c>
      <c r="N11564" t="s">
        <v>90</v>
      </c>
      <c r="O11564" t="s">
        <v>85</v>
      </c>
      <c r="P11564" t="s">
        <v>86</v>
      </c>
      <c r="Q11564">
        <v>27</v>
      </c>
      <c r="R11564">
        <v>27</v>
      </c>
      <c r="S11564">
        <v>28</v>
      </c>
      <c r="T11564">
        <v>28</v>
      </c>
      <c r="U11564">
        <v>28</v>
      </c>
      <c r="V11564">
        <v>29</v>
      </c>
      <c r="W11564">
        <v>29</v>
      </c>
      <c r="X11564">
        <v>29</v>
      </c>
      <c r="Y11564">
        <v>29</v>
      </c>
      <c r="Z11564">
        <v>30</v>
      </c>
      <c r="AA11564">
        <v>30</v>
      </c>
      <c r="AB11564">
        <v>30</v>
      </c>
      <c r="AC11564">
        <v>30</v>
      </c>
      <c r="AD11564">
        <v>31</v>
      </c>
      <c r="AE11564">
        <v>31</v>
      </c>
      <c r="AF11564">
        <v>30</v>
      </c>
      <c r="AG11564">
        <v>30</v>
      </c>
      <c r="AH11564">
        <v>30</v>
      </c>
      <c r="AI11564">
        <v>30</v>
      </c>
      <c r="AJ11564">
        <v>30</v>
      </c>
      <c r="AK11564">
        <v>30</v>
      </c>
      <c r="AL11564">
        <v>29</v>
      </c>
      <c r="AM11564">
        <v>29</v>
      </c>
      <c r="AN11564">
        <v>29</v>
      </c>
      <c r="AO11564">
        <v>29</v>
      </c>
      <c r="AP11564">
        <v>29</v>
      </c>
      <c r="AQ11564">
        <v>29</v>
      </c>
    </row>
    <row r="11565" spans="1:43">
      <c r="A11565" t="s">
        <v>7190</v>
      </c>
      <c r="B11565" t="s">
        <v>7191</v>
      </c>
      <c r="C11565" t="s">
        <v>7036</v>
      </c>
      <c r="D11565" t="s">
        <v>7037</v>
      </c>
      <c r="E11565" t="s">
        <v>6982</v>
      </c>
      <c r="F11565" t="s">
        <v>6983</v>
      </c>
      <c r="G11565" t="s">
        <v>80</v>
      </c>
      <c r="H11565" t="s">
        <v>81</v>
      </c>
      <c r="I11565" s="2">
        <v>0</v>
      </c>
      <c r="J11565" s="2">
        <v>1</v>
      </c>
      <c r="K11565" s="2">
        <v>0</v>
      </c>
      <c r="L11565" t="s">
        <v>82</v>
      </c>
      <c r="M11565" t="s">
        <v>83</v>
      </c>
      <c r="N11565" t="s">
        <v>91</v>
      </c>
      <c r="O11565" t="s">
        <v>85</v>
      </c>
      <c r="P11565" t="s">
        <v>86</v>
      </c>
      <c r="Q11565">
        <v>27</v>
      </c>
      <c r="R11565">
        <v>27</v>
      </c>
      <c r="S11565">
        <v>27</v>
      </c>
      <c r="T11565">
        <v>27</v>
      </c>
      <c r="U11565">
        <v>27</v>
      </c>
      <c r="V11565">
        <v>27</v>
      </c>
      <c r="W11565">
        <v>28</v>
      </c>
      <c r="X11565">
        <v>28</v>
      </c>
      <c r="Y11565">
        <v>28</v>
      </c>
      <c r="Z11565">
        <v>28</v>
      </c>
      <c r="AA11565">
        <v>28</v>
      </c>
      <c r="AB11565">
        <v>28</v>
      </c>
      <c r="AC11565">
        <v>28</v>
      </c>
      <c r="AD11565">
        <v>29</v>
      </c>
      <c r="AE11565">
        <v>29</v>
      </c>
      <c r="AF11565">
        <v>29</v>
      </c>
      <c r="AG11565">
        <v>29</v>
      </c>
      <c r="AH11565">
        <v>29</v>
      </c>
      <c r="AI11565">
        <v>29</v>
      </c>
      <c r="AJ11565">
        <v>29</v>
      </c>
      <c r="AK11565">
        <v>29</v>
      </c>
      <c r="AL11565">
        <v>29</v>
      </c>
      <c r="AM11565">
        <v>29</v>
      </c>
      <c r="AN11565">
        <v>29</v>
      </c>
      <c r="AO11565">
        <v>29</v>
      </c>
      <c r="AP11565">
        <v>28</v>
      </c>
      <c r="AQ11565">
        <v>28</v>
      </c>
    </row>
    <row r="11566" spans="1:43">
      <c r="A11566" t="s">
        <v>7192</v>
      </c>
      <c r="B11566" t="s">
        <v>7193</v>
      </c>
      <c r="C11566" t="s">
        <v>7036</v>
      </c>
      <c r="D11566" t="s">
        <v>7037</v>
      </c>
      <c r="E11566" t="s">
        <v>6982</v>
      </c>
      <c r="F11566" t="s">
        <v>6983</v>
      </c>
      <c r="G11566" t="s">
        <v>80</v>
      </c>
      <c r="H11566" t="s">
        <v>81</v>
      </c>
      <c r="I11566" s="2">
        <v>0</v>
      </c>
      <c r="J11566" s="2">
        <v>1</v>
      </c>
      <c r="K11566" s="2">
        <v>0</v>
      </c>
      <c r="L11566" t="s">
        <v>82</v>
      </c>
      <c r="M11566" t="s">
        <v>83</v>
      </c>
      <c r="N11566" t="s">
        <v>84</v>
      </c>
      <c r="O11566" t="s">
        <v>85</v>
      </c>
      <c r="P11566" t="s">
        <v>86</v>
      </c>
      <c r="Q11566">
        <v>22</v>
      </c>
      <c r="R11566">
        <v>22</v>
      </c>
      <c r="S11566">
        <v>22</v>
      </c>
      <c r="T11566">
        <v>23</v>
      </c>
      <c r="U11566">
        <v>23</v>
      </c>
      <c r="V11566">
        <v>23</v>
      </c>
      <c r="W11566">
        <v>23</v>
      </c>
      <c r="X11566">
        <v>23</v>
      </c>
      <c r="Y11566">
        <v>23</v>
      </c>
      <c r="Z11566">
        <v>23</v>
      </c>
      <c r="AA11566">
        <v>24</v>
      </c>
      <c r="AB11566">
        <v>24</v>
      </c>
      <c r="AC11566">
        <v>24</v>
      </c>
      <c r="AD11566">
        <v>24</v>
      </c>
      <c r="AE11566">
        <v>24</v>
      </c>
      <c r="AF11566">
        <v>24</v>
      </c>
      <c r="AG11566">
        <v>24</v>
      </c>
      <c r="AH11566">
        <v>24</v>
      </c>
      <c r="AI11566">
        <v>24</v>
      </c>
      <c r="AJ11566">
        <v>24</v>
      </c>
      <c r="AK11566">
        <v>24</v>
      </c>
      <c r="AL11566">
        <v>24</v>
      </c>
      <c r="AM11566">
        <v>24</v>
      </c>
      <c r="AN11566">
        <v>24</v>
      </c>
      <c r="AO11566">
        <v>24</v>
      </c>
      <c r="AP11566">
        <v>24</v>
      </c>
      <c r="AQ11566">
        <v>24</v>
      </c>
    </row>
    <row r="11567" spans="1:43">
      <c r="A11567" t="s">
        <v>7192</v>
      </c>
      <c r="B11567" t="s">
        <v>7193</v>
      </c>
      <c r="C11567" t="s">
        <v>7036</v>
      </c>
      <c r="D11567" t="s">
        <v>7037</v>
      </c>
      <c r="E11567" t="s">
        <v>6982</v>
      </c>
      <c r="F11567" t="s">
        <v>6983</v>
      </c>
      <c r="G11567" t="s">
        <v>80</v>
      </c>
      <c r="H11567" t="s">
        <v>81</v>
      </c>
      <c r="I11567" s="2">
        <v>0</v>
      </c>
      <c r="J11567" s="2">
        <v>1</v>
      </c>
      <c r="K11567" s="2">
        <v>0</v>
      </c>
      <c r="L11567" t="s">
        <v>82</v>
      </c>
      <c r="M11567" t="s">
        <v>87</v>
      </c>
      <c r="N11567" t="s">
        <v>88</v>
      </c>
      <c r="O11567" t="s">
        <v>85</v>
      </c>
      <c r="P11567" t="s">
        <v>86</v>
      </c>
      <c r="Q11567">
        <v>22</v>
      </c>
      <c r="R11567">
        <v>22</v>
      </c>
      <c r="S11567">
        <v>22</v>
      </c>
      <c r="T11567">
        <v>22</v>
      </c>
      <c r="U11567">
        <v>22</v>
      </c>
      <c r="V11567">
        <v>22</v>
      </c>
      <c r="W11567">
        <v>22</v>
      </c>
      <c r="X11567">
        <v>22</v>
      </c>
      <c r="Y11567">
        <v>21</v>
      </c>
      <c r="Z11567">
        <v>21</v>
      </c>
      <c r="AA11567">
        <v>21</v>
      </c>
      <c r="AB11567">
        <v>21</v>
      </c>
      <c r="AC11567">
        <v>21</v>
      </c>
      <c r="AD11567">
        <v>21</v>
      </c>
      <c r="AE11567">
        <v>21</v>
      </c>
      <c r="AF11567">
        <v>21</v>
      </c>
      <c r="AG11567">
        <v>21</v>
      </c>
      <c r="AH11567">
        <v>21</v>
      </c>
      <c r="AI11567">
        <v>21</v>
      </c>
      <c r="AJ11567">
        <v>21</v>
      </c>
      <c r="AK11567">
        <v>21</v>
      </c>
      <c r="AL11567">
        <v>21</v>
      </c>
      <c r="AM11567">
        <v>21</v>
      </c>
      <c r="AN11567">
        <v>21</v>
      </c>
      <c r="AO11567">
        <v>21</v>
      </c>
      <c r="AP11567">
        <v>21</v>
      </c>
      <c r="AQ11567">
        <v>21</v>
      </c>
    </row>
    <row r="11568" spans="1:43">
      <c r="A11568" t="s">
        <v>7192</v>
      </c>
      <c r="B11568" t="s">
        <v>7193</v>
      </c>
      <c r="C11568" t="s">
        <v>7036</v>
      </c>
      <c r="D11568" t="s">
        <v>7037</v>
      </c>
      <c r="E11568" t="s">
        <v>6982</v>
      </c>
      <c r="F11568" t="s">
        <v>6983</v>
      </c>
      <c r="G11568" t="s">
        <v>80</v>
      </c>
      <c r="H11568" t="s">
        <v>81</v>
      </c>
      <c r="I11568" s="2">
        <v>0</v>
      </c>
      <c r="J11568" s="2">
        <v>1</v>
      </c>
      <c r="K11568" s="2">
        <v>0</v>
      </c>
      <c r="L11568" t="s">
        <v>82</v>
      </c>
      <c r="M11568" t="s">
        <v>89</v>
      </c>
      <c r="N11568" t="s">
        <v>90</v>
      </c>
      <c r="O11568" t="s">
        <v>85</v>
      </c>
      <c r="P11568" t="s">
        <v>86</v>
      </c>
      <c r="Q11568">
        <v>22</v>
      </c>
      <c r="R11568">
        <v>23</v>
      </c>
      <c r="S11568">
        <v>23</v>
      </c>
      <c r="T11568">
        <v>23</v>
      </c>
      <c r="U11568">
        <v>24</v>
      </c>
      <c r="V11568">
        <v>24</v>
      </c>
      <c r="W11568">
        <v>24</v>
      </c>
      <c r="X11568">
        <v>24</v>
      </c>
      <c r="Y11568">
        <v>25</v>
      </c>
      <c r="Z11568">
        <v>25</v>
      </c>
      <c r="AA11568">
        <v>25</v>
      </c>
      <c r="AB11568">
        <v>25</v>
      </c>
      <c r="AC11568">
        <v>25</v>
      </c>
      <c r="AD11568">
        <v>25</v>
      </c>
      <c r="AE11568">
        <v>26</v>
      </c>
      <c r="AF11568">
        <v>25</v>
      </c>
      <c r="AG11568">
        <v>25</v>
      </c>
      <c r="AH11568">
        <v>25</v>
      </c>
      <c r="AI11568">
        <v>25</v>
      </c>
      <c r="AJ11568">
        <v>25</v>
      </c>
      <c r="AK11568">
        <v>25</v>
      </c>
      <c r="AL11568">
        <v>25</v>
      </c>
      <c r="AM11568">
        <v>24</v>
      </c>
      <c r="AN11568">
        <v>24</v>
      </c>
      <c r="AO11568">
        <v>24</v>
      </c>
      <c r="AP11568">
        <v>24</v>
      </c>
      <c r="AQ11568">
        <v>24</v>
      </c>
    </row>
    <row r="11569" spans="1:43">
      <c r="A11569" t="s">
        <v>7192</v>
      </c>
      <c r="B11569" t="s">
        <v>7193</v>
      </c>
      <c r="C11569" t="s">
        <v>7036</v>
      </c>
      <c r="D11569" t="s">
        <v>7037</v>
      </c>
      <c r="E11569" t="s">
        <v>6982</v>
      </c>
      <c r="F11569" t="s">
        <v>6983</v>
      </c>
      <c r="G11569" t="s">
        <v>80</v>
      </c>
      <c r="H11569" t="s">
        <v>81</v>
      </c>
      <c r="I11569" s="2">
        <v>0</v>
      </c>
      <c r="J11569" s="2">
        <v>1</v>
      </c>
      <c r="K11569" s="2">
        <v>0</v>
      </c>
      <c r="L11569" t="s">
        <v>82</v>
      </c>
      <c r="M11569" t="s">
        <v>83</v>
      </c>
      <c r="N11569" t="s">
        <v>91</v>
      </c>
      <c r="O11569" t="s">
        <v>85</v>
      </c>
      <c r="P11569" t="s">
        <v>86</v>
      </c>
      <c r="Q11569">
        <v>22</v>
      </c>
      <c r="R11569">
        <v>22</v>
      </c>
      <c r="S11569">
        <v>22</v>
      </c>
      <c r="T11569">
        <v>23</v>
      </c>
      <c r="U11569">
        <v>23</v>
      </c>
      <c r="V11569">
        <v>23</v>
      </c>
      <c r="W11569">
        <v>23</v>
      </c>
      <c r="X11569">
        <v>23</v>
      </c>
      <c r="Y11569">
        <v>23</v>
      </c>
      <c r="Z11569">
        <v>23</v>
      </c>
      <c r="AA11569">
        <v>24</v>
      </c>
      <c r="AB11569">
        <v>24</v>
      </c>
      <c r="AC11569">
        <v>24</v>
      </c>
      <c r="AD11569">
        <v>24</v>
      </c>
      <c r="AE11569">
        <v>24</v>
      </c>
      <c r="AF11569">
        <v>24</v>
      </c>
      <c r="AG11569">
        <v>24</v>
      </c>
      <c r="AH11569">
        <v>24</v>
      </c>
      <c r="AI11569">
        <v>24</v>
      </c>
      <c r="AJ11569">
        <v>24</v>
      </c>
      <c r="AK11569">
        <v>24</v>
      </c>
      <c r="AL11569">
        <v>24</v>
      </c>
      <c r="AM11569">
        <v>24</v>
      </c>
      <c r="AN11569">
        <v>24</v>
      </c>
      <c r="AO11569">
        <v>24</v>
      </c>
      <c r="AP11569">
        <v>24</v>
      </c>
      <c r="AQ11569">
        <v>24</v>
      </c>
    </row>
    <row r="11570" spans="1:43">
      <c r="A11570" t="s">
        <v>7194</v>
      </c>
      <c r="B11570" t="s">
        <v>7195</v>
      </c>
      <c r="C11570" t="s">
        <v>7196</v>
      </c>
      <c r="D11570" t="s">
        <v>7197</v>
      </c>
      <c r="E11570" t="s">
        <v>6982</v>
      </c>
      <c r="F11570" t="s">
        <v>6983</v>
      </c>
      <c r="G11570" t="s">
        <v>80</v>
      </c>
      <c r="H11570" t="s">
        <v>81</v>
      </c>
      <c r="I11570" s="2">
        <v>0</v>
      </c>
      <c r="J11570" s="2">
        <v>1</v>
      </c>
      <c r="K11570" s="2">
        <v>0</v>
      </c>
      <c r="L11570" t="s">
        <v>82</v>
      </c>
      <c r="M11570" t="s">
        <v>83</v>
      </c>
      <c r="N11570" t="s">
        <v>84</v>
      </c>
      <c r="O11570" t="s">
        <v>85</v>
      </c>
      <c r="P11570" t="s">
        <v>86</v>
      </c>
      <c r="Q11570">
        <v>14</v>
      </c>
      <c r="R11570">
        <v>14</v>
      </c>
      <c r="S11570">
        <v>14</v>
      </c>
      <c r="T11570">
        <v>14</v>
      </c>
      <c r="U11570">
        <v>14</v>
      </c>
      <c r="V11570">
        <v>14</v>
      </c>
      <c r="W11570">
        <v>14</v>
      </c>
      <c r="X11570">
        <v>15</v>
      </c>
      <c r="Y11570">
        <v>15</v>
      </c>
      <c r="Z11570">
        <v>15</v>
      </c>
      <c r="AA11570">
        <v>15</v>
      </c>
      <c r="AB11570">
        <v>15</v>
      </c>
      <c r="AC11570">
        <v>15</v>
      </c>
      <c r="AD11570">
        <v>15</v>
      </c>
      <c r="AE11570">
        <v>15</v>
      </c>
      <c r="AF11570">
        <v>15</v>
      </c>
      <c r="AG11570">
        <v>15</v>
      </c>
      <c r="AH11570">
        <v>15</v>
      </c>
      <c r="AI11570">
        <v>15</v>
      </c>
      <c r="AJ11570">
        <v>15</v>
      </c>
      <c r="AK11570">
        <v>15</v>
      </c>
      <c r="AL11570">
        <v>15</v>
      </c>
      <c r="AM11570">
        <v>15</v>
      </c>
      <c r="AN11570">
        <v>15</v>
      </c>
      <c r="AO11570">
        <v>15</v>
      </c>
      <c r="AP11570">
        <v>15</v>
      </c>
      <c r="AQ11570">
        <v>15</v>
      </c>
    </row>
    <row r="11571" spans="1:43">
      <c r="A11571" t="s">
        <v>7194</v>
      </c>
      <c r="B11571" t="s">
        <v>7195</v>
      </c>
      <c r="C11571" t="s">
        <v>7196</v>
      </c>
      <c r="D11571" t="s">
        <v>7197</v>
      </c>
      <c r="E11571" t="s">
        <v>6982</v>
      </c>
      <c r="F11571" t="s">
        <v>6983</v>
      </c>
      <c r="G11571" t="s">
        <v>80</v>
      </c>
      <c r="H11571" t="s">
        <v>81</v>
      </c>
      <c r="I11571" s="2">
        <v>0</v>
      </c>
      <c r="J11571" s="2">
        <v>1</v>
      </c>
      <c r="K11571" s="2">
        <v>0</v>
      </c>
      <c r="L11571" t="s">
        <v>82</v>
      </c>
      <c r="M11571" t="s">
        <v>87</v>
      </c>
      <c r="N11571" t="s">
        <v>88</v>
      </c>
      <c r="O11571" t="s">
        <v>85</v>
      </c>
      <c r="P11571" t="s">
        <v>86</v>
      </c>
      <c r="Q11571">
        <v>14</v>
      </c>
      <c r="R11571">
        <v>14</v>
      </c>
      <c r="S11571">
        <v>14</v>
      </c>
      <c r="T11571">
        <v>14</v>
      </c>
      <c r="U11571">
        <v>14</v>
      </c>
      <c r="V11571">
        <v>14</v>
      </c>
      <c r="W11571">
        <v>14</v>
      </c>
      <c r="X11571">
        <v>14</v>
      </c>
      <c r="Y11571">
        <v>14</v>
      </c>
      <c r="Z11571">
        <v>13</v>
      </c>
      <c r="AA11571">
        <v>13</v>
      </c>
      <c r="AB11571">
        <v>13</v>
      </c>
      <c r="AC11571">
        <v>13</v>
      </c>
      <c r="AD11571">
        <v>13</v>
      </c>
      <c r="AE11571">
        <v>13</v>
      </c>
      <c r="AF11571">
        <v>13</v>
      </c>
      <c r="AG11571">
        <v>13</v>
      </c>
      <c r="AH11571">
        <v>13</v>
      </c>
      <c r="AI11571">
        <v>13</v>
      </c>
      <c r="AJ11571">
        <v>13</v>
      </c>
      <c r="AK11571">
        <v>13</v>
      </c>
      <c r="AL11571">
        <v>13</v>
      </c>
      <c r="AM11571">
        <v>13</v>
      </c>
      <c r="AN11571">
        <v>13</v>
      </c>
      <c r="AO11571">
        <v>13</v>
      </c>
      <c r="AP11571">
        <v>13</v>
      </c>
      <c r="AQ11571">
        <v>13</v>
      </c>
    </row>
    <row r="11572" spans="1:43">
      <c r="A11572" t="s">
        <v>7194</v>
      </c>
      <c r="B11572" t="s">
        <v>7195</v>
      </c>
      <c r="C11572" t="s">
        <v>7196</v>
      </c>
      <c r="D11572" t="s">
        <v>7197</v>
      </c>
      <c r="E11572" t="s">
        <v>6982</v>
      </c>
      <c r="F11572" t="s">
        <v>6983</v>
      </c>
      <c r="G11572" t="s">
        <v>80</v>
      </c>
      <c r="H11572" t="s">
        <v>81</v>
      </c>
      <c r="I11572" s="2">
        <v>0</v>
      </c>
      <c r="J11572" s="2">
        <v>1</v>
      </c>
      <c r="K11572" s="2">
        <v>0</v>
      </c>
      <c r="L11572" t="s">
        <v>82</v>
      </c>
      <c r="M11572" t="s">
        <v>89</v>
      </c>
      <c r="N11572" t="s">
        <v>90</v>
      </c>
      <c r="O11572" t="s">
        <v>85</v>
      </c>
      <c r="P11572" t="s">
        <v>86</v>
      </c>
      <c r="Q11572">
        <v>14</v>
      </c>
      <c r="R11572">
        <v>14</v>
      </c>
      <c r="S11572">
        <v>15</v>
      </c>
      <c r="T11572">
        <v>15</v>
      </c>
      <c r="U11572">
        <v>15</v>
      </c>
      <c r="V11572">
        <v>15</v>
      </c>
      <c r="W11572">
        <v>15</v>
      </c>
      <c r="X11572">
        <v>15</v>
      </c>
      <c r="Y11572">
        <v>15</v>
      </c>
      <c r="Z11572">
        <v>16</v>
      </c>
      <c r="AA11572">
        <v>16</v>
      </c>
      <c r="AB11572">
        <v>16</v>
      </c>
      <c r="AC11572">
        <v>16</v>
      </c>
      <c r="AD11572">
        <v>16</v>
      </c>
      <c r="AE11572">
        <v>16</v>
      </c>
      <c r="AF11572">
        <v>16</v>
      </c>
      <c r="AG11572">
        <v>16</v>
      </c>
      <c r="AH11572">
        <v>16</v>
      </c>
      <c r="AI11572">
        <v>16</v>
      </c>
      <c r="AJ11572">
        <v>15</v>
      </c>
      <c r="AK11572">
        <v>15</v>
      </c>
      <c r="AL11572">
        <v>15</v>
      </c>
      <c r="AM11572">
        <v>15</v>
      </c>
      <c r="AN11572">
        <v>15</v>
      </c>
      <c r="AO11572">
        <v>15</v>
      </c>
      <c r="AP11572">
        <v>15</v>
      </c>
      <c r="AQ11572">
        <v>15</v>
      </c>
    </row>
    <row r="11573" spans="1:43">
      <c r="A11573" t="s">
        <v>7194</v>
      </c>
      <c r="B11573" t="s">
        <v>7195</v>
      </c>
      <c r="C11573" t="s">
        <v>7196</v>
      </c>
      <c r="D11573" t="s">
        <v>7197</v>
      </c>
      <c r="E11573" t="s">
        <v>6982</v>
      </c>
      <c r="F11573" t="s">
        <v>6983</v>
      </c>
      <c r="G11573" t="s">
        <v>80</v>
      </c>
      <c r="H11573" t="s">
        <v>81</v>
      </c>
      <c r="I11573" s="2">
        <v>0</v>
      </c>
      <c r="J11573" s="2">
        <v>1</v>
      </c>
      <c r="K11573" s="2">
        <v>0</v>
      </c>
      <c r="L11573" t="s">
        <v>82</v>
      </c>
      <c r="M11573" t="s">
        <v>83</v>
      </c>
      <c r="N11573" t="s">
        <v>91</v>
      </c>
      <c r="O11573" t="s">
        <v>85</v>
      </c>
      <c r="P11573" t="s">
        <v>86</v>
      </c>
      <c r="Q11573">
        <v>14</v>
      </c>
      <c r="R11573">
        <v>14</v>
      </c>
      <c r="S11573">
        <v>14</v>
      </c>
      <c r="T11573">
        <v>14</v>
      </c>
      <c r="U11573">
        <v>14</v>
      </c>
      <c r="V11573">
        <v>14</v>
      </c>
      <c r="W11573">
        <v>14</v>
      </c>
      <c r="X11573">
        <v>15</v>
      </c>
      <c r="Y11573">
        <v>15</v>
      </c>
      <c r="Z11573">
        <v>15</v>
      </c>
      <c r="AA11573">
        <v>15</v>
      </c>
      <c r="AB11573">
        <v>15</v>
      </c>
      <c r="AC11573">
        <v>15</v>
      </c>
      <c r="AD11573">
        <v>15</v>
      </c>
      <c r="AE11573">
        <v>15</v>
      </c>
      <c r="AF11573">
        <v>15</v>
      </c>
      <c r="AG11573">
        <v>15</v>
      </c>
      <c r="AH11573">
        <v>15</v>
      </c>
      <c r="AI11573">
        <v>15</v>
      </c>
      <c r="AJ11573">
        <v>15</v>
      </c>
      <c r="AK11573">
        <v>15</v>
      </c>
      <c r="AL11573">
        <v>15</v>
      </c>
      <c r="AM11573">
        <v>15</v>
      </c>
      <c r="AN11573">
        <v>15</v>
      </c>
      <c r="AO11573">
        <v>15</v>
      </c>
      <c r="AP11573">
        <v>15</v>
      </c>
      <c r="AQ11573">
        <v>15</v>
      </c>
    </row>
    <row r="11574" spans="1:43">
      <c r="A11574" t="s">
        <v>7198</v>
      </c>
      <c r="B11574" t="s">
        <v>7199</v>
      </c>
      <c r="C11574" t="s">
        <v>7196</v>
      </c>
      <c r="D11574" t="s">
        <v>7197</v>
      </c>
      <c r="E11574" t="s">
        <v>6982</v>
      </c>
      <c r="F11574" t="s">
        <v>6983</v>
      </c>
      <c r="G11574" t="s">
        <v>80</v>
      </c>
      <c r="H11574" t="s">
        <v>81</v>
      </c>
      <c r="I11574" s="2">
        <v>0</v>
      </c>
      <c r="J11574" s="2">
        <v>1</v>
      </c>
      <c r="K11574" s="2">
        <v>0</v>
      </c>
      <c r="L11574" t="s">
        <v>82</v>
      </c>
      <c r="M11574" t="s">
        <v>83</v>
      </c>
      <c r="N11574" t="s">
        <v>84</v>
      </c>
      <c r="O11574" t="s">
        <v>85</v>
      </c>
      <c r="P11574" t="s">
        <v>86</v>
      </c>
      <c r="Q11574">
        <v>60</v>
      </c>
      <c r="R11574">
        <v>61</v>
      </c>
      <c r="S11574">
        <v>61</v>
      </c>
      <c r="T11574">
        <v>62</v>
      </c>
      <c r="U11574">
        <v>62</v>
      </c>
      <c r="V11574">
        <v>62</v>
      </c>
      <c r="W11574">
        <v>63</v>
      </c>
      <c r="X11574">
        <v>63</v>
      </c>
      <c r="Y11574">
        <v>63</v>
      </c>
      <c r="Z11574">
        <v>64</v>
      </c>
      <c r="AA11574">
        <v>64</v>
      </c>
      <c r="AB11574">
        <v>64</v>
      </c>
      <c r="AC11574">
        <v>65</v>
      </c>
      <c r="AD11574">
        <v>65</v>
      </c>
      <c r="AE11574">
        <v>65</v>
      </c>
      <c r="AF11574">
        <v>65</v>
      </c>
      <c r="AG11574">
        <v>65</v>
      </c>
      <c r="AH11574">
        <v>66</v>
      </c>
      <c r="AI11574">
        <v>66</v>
      </c>
      <c r="AJ11574">
        <v>66</v>
      </c>
      <c r="AK11574">
        <v>66</v>
      </c>
      <c r="AL11574">
        <v>66</v>
      </c>
      <c r="AM11574">
        <v>65</v>
      </c>
      <c r="AN11574">
        <v>65</v>
      </c>
      <c r="AO11574">
        <v>65</v>
      </c>
      <c r="AP11574">
        <v>64</v>
      </c>
      <c r="AQ11574">
        <v>64</v>
      </c>
    </row>
    <row r="11575" spans="1:43">
      <c r="A11575" t="s">
        <v>7198</v>
      </c>
      <c r="B11575" t="s">
        <v>7199</v>
      </c>
      <c r="C11575" t="s">
        <v>7196</v>
      </c>
      <c r="D11575" t="s">
        <v>7197</v>
      </c>
      <c r="E11575" t="s">
        <v>6982</v>
      </c>
      <c r="F11575" t="s">
        <v>6983</v>
      </c>
      <c r="G11575" t="s">
        <v>80</v>
      </c>
      <c r="H11575" t="s">
        <v>81</v>
      </c>
      <c r="I11575" s="2">
        <v>0</v>
      </c>
      <c r="J11575" s="2">
        <v>1</v>
      </c>
      <c r="K11575" s="2">
        <v>0</v>
      </c>
      <c r="L11575" t="s">
        <v>82</v>
      </c>
      <c r="M11575" t="s">
        <v>87</v>
      </c>
      <c r="N11575" t="s">
        <v>88</v>
      </c>
      <c r="O11575" t="s">
        <v>85</v>
      </c>
      <c r="P11575" t="s">
        <v>86</v>
      </c>
      <c r="Q11575">
        <v>60</v>
      </c>
      <c r="R11575">
        <v>60</v>
      </c>
      <c r="S11575">
        <v>60</v>
      </c>
      <c r="T11575">
        <v>59</v>
      </c>
      <c r="U11575">
        <v>59</v>
      </c>
      <c r="V11575">
        <v>59</v>
      </c>
      <c r="W11575">
        <v>59</v>
      </c>
      <c r="X11575">
        <v>59</v>
      </c>
      <c r="Y11575">
        <v>59</v>
      </c>
      <c r="Z11575">
        <v>58</v>
      </c>
      <c r="AA11575">
        <v>58</v>
      </c>
      <c r="AB11575">
        <v>58</v>
      </c>
      <c r="AC11575">
        <v>58</v>
      </c>
      <c r="AD11575">
        <v>58</v>
      </c>
      <c r="AE11575">
        <v>58</v>
      </c>
      <c r="AF11575">
        <v>58</v>
      </c>
      <c r="AG11575">
        <v>57</v>
      </c>
      <c r="AH11575">
        <v>57</v>
      </c>
      <c r="AI11575">
        <v>57</v>
      </c>
      <c r="AJ11575">
        <v>57</v>
      </c>
      <c r="AK11575">
        <v>57</v>
      </c>
      <c r="AL11575">
        <v>57</v>
      </c>
      <c r="AM11575">
        <v>57</v>
      </c>
      <c r="AN11575">
        <v>56</v>
      </c>
      <c r="AO11575">
        <v>56</v>
      </c>
      <c r="AP11575">
        <v>56</v>
      </c>
      <c r="AQ11575">
        <v>56</v>
      </c>
    </row>
    <row r="11576" spans="1:43">
      <c r="A11576" t="s">
        <v>7198</v>
      </c>
      <c r="B11576" t="s">
        <v>7199</v>
      </c>
      <c r="C11576" t="s">
        <v>7196</v>
      </c>
      <c r="D11576" t="s">
        <v>7197</v>
      </c>
      <c r="E11576" t="s">
        <v>6982</v>
      </c>
      <c r="F11576" t="s">
        <v>6983</v>
      </c>
      <c r="G11576" t="s">
        <v>80</v>
      </c>
      <c r="H11576" t="s">
        <v>81</v>
      </c>
      <c r="I11576" s="2">
        <v>0</v>
      </c>
      <c r="J11576" s="2">
        <v>1</v>
      </c>
      <c r="K11576" s="2">
        <v>0</v>
      </c>
      <c r="L11576" t="s">
        <v>82</v>
      </c>
      <c r="M11576" t="s">
        <v>89</v>
      </c>
      <c r="N11576" t="s">
        <v>90</v>
      </c>
      <c r="O11576" t="s">
        <v>85</v>
      </c>
      <c r="P11576" t="s">
        <v>86</v>
      </c>
      <c r="Q11576">
        <v>60</v>
      </c>
      <c r="R11576">
        <v>61</v>
      </c>
      <c r="S11576">
        <v>62</v>
      </c>
      <c r="T11576">
        <v>63</v>
      </c>
      <c r="U11576">
        <v>63</v>
      </c>
      <c r="V11576">
        <v>64</v>
      </c>
      <c r="W11576">
        <v>65</v>
      </c>
      <c r="X11576">
        <v>65</v>
      </c>
      <c r="Y11576">
        <v>66</v>
      </c>
      <c r="Z11576">
        <v>66</v>
      </c>
      <c r="AA11576">
        <v>67</v>
      </c>
      <c r="AB11576">
        <v>67</v>
      </c>
      <c r="AC11576">
        <v>68</v>
      </c>
      <c r="AD11576">
        <v>68</v>
      </c>
      <c r="AE11576">
        <v>68</v>
      </c>
      <c r="AF11576">
        <v>68</v>
      </c>
      <c r="AG11576">
        <v>68</v>
      </c>
      <c r="AH11576">
        <v>67</v>
      </c>
      <c r="AI11576">
        <v>67</v>
      </c>
      <c r="AJ11576">
        <v>66</v>
      </c>
      <c r="AK11576">
        <v>66</v>
      </c>
      <c r="AL11576">
        <v>65</v>
      </c>
      <c r="AM11576">
        <v>65</v>
      </c>
      <c r="AN11576">
        <v>65</v>
      </c>
      <c r="AO11576">
        <v>64</v>
      </c>
      <c r="AP11576">
        <v>64</v>
      </c>
      <c r="AQ11576">
        <v>63</v>
      </c>
    </row>
    <row r="11577" spans="1:43">
      <c r="A11577" t="s">
        <v>7198</v>
      </c>
      <c r="B11577" t="s">
        <v>7199</v>
      </c>
      <c r="C11577" t="s">
        <v>7196</v>
      </c>
      <c r="D11577" t="s">
        <v>7197</v>
      </c>
      <c r="E11577" t="s">
        <v>6982</v>
      </c>
      <c r="F11577" t="s">
        <v>6983</v>
      </c>
      <c r="G11577" t="s">
        <v>80</v>
      </c>
      <c r="H11577" t="s">
        <v>81</v>
      </c>
      <c r="I11577" s="2">
        <v>0</v>
      </c>
      <c r="J11577" s="2">
        <v>1</v>
      </c>
      <c r="K11577" s="2">
        <v>0</v>
      </c>
      <c r="L11577" t="s">
        <v>82</v>
      </c>
      <c r="M11577" t="s">
        <v>83</v>
      </c>
      <c r="N11577" t="s">
        <v>91</v>
      </c>
      <c r="O11577" t="s">
        <v>85</v>
      </c>
      <c r="P11577" t="s">
        <v>86</v>
      </c>
      <c r="Q11577">
        <v>60</v>
      </c>
      <c r="R11577">
        <v>61</v>
      </c>
      <c r="S11577">
        <v>61</v>
      </c>
      <c r="T11577">
        <v>62</v>
      </c>
      <c r="U11577">
        <v>62</v>
      </c>
      <c r="V11577">
        <v>62</v>
      </c>
      <c r="W11577">
        <v>63</v>
      </c>
      <c r="X11577">
        <v>63</v>
      </c>
      <c r="Y11577">
        <v>63</v>
      </c>
      <c r="Z11577">
        <v>64</v>
      </c>
      <c r="AA11577">
        <v>64</v>
      </c>
      <c r="AB11577">
        <v>64</v>
      </c>
      <c r="AC11577">
        <v>65</v>
      </c>
      <c r="AD11577">
        <v>65</v>
      </c>
      <c r="AE11577">
        <v>65</v>
      </c>
      <c r="AF11577">
        <v>65</v>
      </c>
      <c r="AG11577">
        <v>65</v>
      </c>
      <c r="AH11577">
        <v>66</v>
      </c>
      <c r="AI11577">
        <v>66</v>
      </c>
      <c r="AJ11577">
        <v>66</v>
      </c>
      <c r="AK11577">
        <v>66</v>
      </c>
      <c r="AL11577">
        <v>66</v>
      </c>
      <c r="AM11577">
        <v>65</v>
      </c>
      <c r="AN11577">
        <v>65</v>
      </c>
      <c r="AO11577">
        <v>65</v>
      </c>
      <c r="AP11577">
        <v>64</v>
      </c>
      <c r="AQ11577">
        <v>64</v>
      </c>
    </row>
    <row r="11578" spans="1:43">
      <c r="A11578" t="s">
        <v>7200</v>
      </c>
      <c r="B11578" t="s">
        <v>7201</v>
      </c>
      <c r="C11578" t="s">
        <v>7196</v>
      </c>
      <c r="D11578" t="s">
        <v>7197</v>
      </c>
      <c r="E11578" t="s">
        <v>6982</v>
      </c>
      <c r="F11578" t="s">
        <v>6983</v>
      </c>
      <c r="G11578" t="s">
        <v>80</v>
      </c>
      <c r="H11578" t="s">
        <v>81</v>
      </c>
      <c r="I11578" s="2">
        <v>0</v>
      </c>
      <c r="J11578" s="2">
        <v>1</v>
      </c>
      <c r="K11578" s="2">
        <v>0</v>
      </c>
      <c r="L11578" t="s">
        <v>82</v>
      </c>
      <c r="M11578" t="s">
        <v>83</v>
      </c>
      <c r="N11578" t="s">
        <v>84</v>
      </c>
      <c r="O11578" t="s">
        <v>85</v>
      </c>
      <c r="P11578" t="s">
        <v>86</v>
      </c>
      <c r="Q11578">
        <v>29</v>
      </c>
      <c r="R11578">
        <v>29</v>
      </c>
      <c r="S11578">
        <v>29</v>
      </c>
      <c r="T11578">
        <v>30</v>
      </c>
      <c r="U11578">
        <v>30</v>
      </c>
      <c r="V11578">
        <v>30</v>
      </c>
      <c r="W11578">
        <v>30</v>
      </c>
      <c r="X11578">
        <v>30</v>
      </c>
      <c r="Y11578">
        <v>31</v>
      </c>
      <c r="Z11578">
        <v>31</v>
      </c>
      <c r="AA11578">
        <v>31</v>
      </c>
      <c r="AB11578">
        <v>31</v>
      </c>
      <c r="AC11578">
        <v>31</v>
      </c>
      <c r="AD11578">
        <v>31</v>
      </c>
      <c r="AE11578">
        <v>31</v>
      </c>
      <c r="AF11578">
        <v>31</v>
      </c>
      <c r="AG11578">
        <v>32</v>
      </c>
      <c r="AH11578">
        <v>32</v>
      </c>
      <c r="AI11578">
        <v>32</v>
      </c>
      <c r="AJ11578">
        <v>32</v>
      </c>
      <c r="AK11578">
        <v>32</v>
      </c>
      <c r="AL11578">
        <v>32</v>
      </c>
      <c r="AM11578">
        <v>32</v>
      </c>
      <c r="AN11578">
        <v>31</v>
      </c>
      <c r="AO11578">
        <v>31</v>
      </c>
      <c r="AP11578">
        <v>31</v>
      </c>
      <c r="AQ11578">
        <v>31</v>
      </c>
    </row>
    <row r="11579" spans="1:43">
      <c r="A11579" t="s">
        <v>7200</v>
      </c>
      <c r="B11579" t="s">
        <v>7201</v>
      </c>
      <c r="C11579" t="s">
        <v>7196</v>
      </c>
      <c r="D11579" t="s">
        <v>7197</v>
      </c>
      <c r="E11579" t="s">
        <v>6982</v>
      </c>
      <c r="F11579" t="s">
        <v>6983</v>
      </c>
      <c r="G11579" t="s">
        <v>80</v>
      </c>
      <c r="H11579" t="s">
        <v>81</v>
      </c>
      <c r="I11579" s="2">
        <v>0</v>
      </c>
      <c r="J11579" s="2">
        <v>1</v>
      </c>
      <c r="K11579" s="2">
        <v>0</v>
      </c>
      <c r="L11579" t="s">
        <v>82</v>
      </c>
      <c r="M11579" t="s">
        <v>87</v>
      </c>
      <c r="N11579" t="s">
        <v>88</v>
      </c>
      <c r="O11579" t="s">
        <v>85</v>
      </c>
      <c r="P11579" t="s">
        <v>86</v>
      </c>
      <c r="Q11579">
        <v>29</v>
      </c>
      <c r="R11579">
        <v>29</v>
      </c>
      <c r="S11579">
        <v>29</v>
      </c>
      <c r="T11579">
        <v>29</v>
      </c>
      <c r="U11579">
        <v>28</v>
      </c>
      <c r="V11579">
        <v>28</v>
      </c>
      <c r="W11579">
        <v>28</v>
      </c>
      <c r="X11579">
        <v>28</v>
      </c>
      <c r="Y11579">
        <v>28</v>
      </c>
      <c r="Z11579">
        <v>28</v>
      </c>
      <c r="AA11579">
        <v>28</v>
      </c>
      <c r="AB11579">
        <v>28</v>
      </c>
      <c r="AC11579">
        <v>28</v>
      </c>
      <c r="AD11579">
        <v>28</v>
      </c>
      <c r="AE11579">
        <v>28</v>
      </c>
      <c r="AF11579">
        <v>28</v>
      </c>
      <c r="AG11579">
        <v>28</v>
      </c>
      <c r="AH11579">
        <v>28</v>
      </c>
      <c r="AI11579">
        <v>28</v>
      </c>
      <c r="AJ11579">
        <v>28</v>
      </c>
      <c r="AK11579">
        <v>28</v>
      </c>
      <c r="AL11579">
        <v>27</v>
      </c>
      <c r="AM11579">
        <v>27</v>
      </c>
      <c r="AN11579">
        <v>27</v>
      </c>
      <c r="AO11579">
        <v>27</v>
      </c>
      <c r="AP11579">
        <v>27</v>
      </c>
      <c r="AQ11579">
        <v>27</v>
      </c>
    </row>
    <row r="11580" spans="1:43">
      <c r="A11580" t="s">
        <v>7200</v>
      </c>
      <c r="B11580" t="s">
        <v>7201</v>
      </c>
      <c r="C11580" t="s">
        <v>7196</v>
      </c>
      <c r="D11580" t="s">
        <v>7197</v>
      </c>
      <c r="E11580" t="s">
        <v>6982</v>
      </c>
      <c r="F11580" t="s">
        <v>6983</v>
      </c>
      <c r="G11580" t="s">
        <v>80</v>
      </c>
      <c r="H11580" t="s">
        <v>81</v>
      </c>
      <c r="I11580" s="2">
        <v>0</v>
      </c>
      <c r="J11580" s="2">
        <v>1</v>
      </c>
      <c r="K11580" s="2">
        <v>0</v>
      </c>
      <c r="L11580" t="s">
        <v>82</v>
      </c>
      <c r="M11580" t="s">
        <v>89</v>
      </c>
      <c r="N11580" t="s">
        <v>90</v>
      </c>
      <c r="O11580" t="s">
        <v>85</v>
      </c>
      <c r="P11580" t="s">
        <v>86</v>
      </c>
      <c r="Q11580">
        <v>29</v>
      </c>
      <c r="R11580">
        <v>30</v>
      </c>
      <c r="S11580">
        <v>30</v>
      </c>
      <c r="T11580">
        <v>31</v>
      </c>
      <c r="U11580">
        <v>31</v>
      </c>
      <c r="V11580">
        <v>31</v>
      </c>
      <c r="W11580">
        <v>32</v>
      </c>
      <c r="X11580">
        <v>32</v>
      </c>
      <c r="Y11580">
        <v>32</v>
      </c>
      <c r="Z11580">
        <v>33</v>
      </c>
      <c r="AA11580">
        <v>33</v>
      </c>
      <c r="AB11580">
        <v>33</v>
      </c>
      <c r="AC11580">
        <v>33</v>
      </c>
      <c r="AD11580">
        <v>33</v>
      </c>
      <c r="AE11580">
        <v>33</v>
      </c>
      <c r="AF11580">
        <v>33</v>
      </c>
      <c r="AG11580">
        <v>33</v>
      </c>
      <c r="AH11580">
        <v>33</v>
      </c>
      <c r="AI11580">
        <v>33</v>
      </c>
      <c r="AJ11580">
        <v>32</v>
      </c>
      <c r="AK11580">
        <v>32</v>
      </c>
      <c r="AL11580">
        <v>32</v>
      </c>
      <c r="AM11580">
        <v>32</v>
      </c>
      <c r="AN11580">
        <v>32</v>
      </c>
      <c r="AO11580">
        <v>32</v>
      </c>
      <c r="AP11580">
        <v>31</v>
      </c>
      <c r="AQ11580">
        <v>31</v>
      </c>
    </row>
    <row r="11581" spans="1:43">
      <c r="A11581" t="s">
        <v>7200</v>
      </c>
      <c r="B11581" t="s">
        <v>7201</v>
      </c>
      <c r="C11581" t="s">
        <v>7196</v>
      </c>
      <c r="D11581" t="s">
        <v>7197</v>
      </c>
      <c r="E11581" t="s">
        <v>6982</v>
      </c>
      <c r="F11581" t="s">
        <v>6983</v>
      </c>
      <c r="G11581" t="s">
        <v>80</v>
      </c>
      <c r="H11581" t="s">
        <v>81</v>
      </c>
      <c r="I11581" s="2">
        <v>0</v>
      </c>
      <c r="J11581" s="2">
        <v>1</v>
      </c>
      <c r="K11581" s="2">
        <v>0</v>
      </c>
      <c r="L11581" t="s">
        <v>82</v>
      </c>
      <c r="M11581" t="s">
        <v>83</v>
      </c>
      <c r="N11581" t="s">
        <v>91</v>
      </c>
      <c r="O11581" t="s">
        <v>85</v>
      </c>
      <c r="P11581" t="s">
        <v>86</v>
      </c>
      <c r="Q11581">
        <v>29</v>
      </c>
      <c r="R11581">
        <v>29</v>
      </c>
      <c r="S11581">
        <v>29</v>
      </c>
      <c r="T11581">
        <v>30</v>
      </c>
      <c r="U11581">
        <v>30</v>
      </c>
      <c r="V11581">
        <v>30</v>
      </c>
      <c r="W11581">
        <v>30</v>
      </c>
      <c r="X11581">
        <v>30</v>
      </c>
      <c r="Y11581">
        <v>31</v>
      </c>
      <c r="Z11581">
        <v>31</v>
      </c>
      <c r="AA11581">
        <v>31</v>
      </c>
      <c r="AB11581">
        <v>31</v>
      </c>
      <c r="AC11581">
        <v>31</v>
      </c>
      <c r="AD11581">
        <v>31</v>
      </c>
      <c r="AE11581">
        <v>31</v>
      </c>
      <c r="AF11581">
        <v>31</v>
      </c>
      <c r="AG11581">
        <v>32</v>
      </c>
      <c r="AH11581">
        <v>32</v>
      </c>
      <c r="AI11581">
        <v>32</v>
      </c>
      <c r="AJ11581">
        <v>32</v>
      </c>
      <c r="AK11581">
        <v>32</v>
      </c>
      <c r="AL11581">
        <v>32</v>
      </c>
      <c r="AM11581">
        <v>32</v>
      </c>
      <c r="AN11581">
        <v>31</v>
      </c>
      <c r="AO11581">
        <v>31</v>
      </c>
      <c r="AP11581">
        <v>31</v>
      </c>
      <c r="AQ11581">
        <v>31</v>
      </c>
    </row>
    <row r="11582" spans="1:43">
      <c r="A11582" t="s">
        <v>7202</v>
      </c>
      <c r="B11582" t="s">
        <v>7203</v>
      </c>
      <c r="C11582" t="s">
        <v>7196</v>
      </c>
      <c r="D11582" t="s">
        <v>7197</v>
      </c>
      <c r="E11582" t="s">
        <v>6982</v>
      </c>
      <c r="F11582" t="s">
        <v>6983</v>
      </c>
      <c r="G11582" t="s">
        <v>80</v>
      </c>
      <c r="H11582" t="s">
        <v>81</v>
      </c>
      <c r="I11582" s="2">
        <v>0</v>
      </c>
      <c r="J11582" s="2">
        <v>1</v>
      </c>
      <c r="K11582" s="2">
        <v>0</v>
      </c>
      <c r="L11582" t="s">
        <v>82</v>
      </c>
      <c r="M11582" t="s">
        <v>83</v>
      </c>
      <c r="N11582" t="s">
        <v>84</v>
      </c>
      <c r="O11582" t="s">
        <v>85</v>
      </c>
      <c r="P11582" t="s">
        <v>86</v>
      </c>
      <c r="Q11582">
        <v>2</v>
      </c>
      <c r="R11582">
        <v>2</v>
      </c>
      <c r="S11582">
        <v>2</v>
      </c>
      <c r="T11582">
        <v>2</v>
      </c>
      <c r="U11582">
        <v>2</v>
      </c>
      <c r="V11582">
        <v>2</v>
      </c>
      <c r="W11582">
        <v>2</v>
      </c>
      <c r="X11582">
        <v>2</v>
      </c>
      <c r="Y11582">
        <v>2</v>
      </c>
      <c r="Z11582">
        <v>2</v>
      </c>
      <c r="AA11582">
        <v>2</v>
      </c>
      <c r="AB11582">
        <v>2</v>
      </c>
      <c r="AC11582">
        <v>2</v>
      </c>
      <c r="AD11582">
        <v>2</v>
      </c>
      <c r="AE11582">
        <v>2</v>
      </c>
      <c r="AF11582">
        <v>2</v>
      </c>
      <c r="AG11582">
        <v>2</v>
      </c>
      <c r="AH11582">
        <v>2</v>
      </c>
      <c r="AI11582">
        <v>3</v>
      </c>
      <c r="AJ11582">
        <v>3</v>
      </c>
      <c r="AK11582">
        <v>3</v>
      </c>
      <c r="AL11582">
        <v>3</v>
      </c>
      <c r="AM11582">
        <v>2</v>
      </c>
      <c r="AN11582">
        <v>2</v>
      </c>
      <c r="AO11582">
        <v>2</v>
      </c>
      <c r="AP11582">
        <v>2</v>
      </c>
      <c r="AQ11582">
        <v>2</v>
      </c>
    </row>
    <row r="11583" spans="1:43">
      <c r="A11583" t="s">
        <v>7202</v>
      </c>
      <c r="B11583" t="s">
        <v>7203</v>
      </c>
      <c r="C11583" t="s">
        <v>7196</v>
      </c>
      <c r="D11583" t="s">
        <v>7197</v>
      </c>
      <c r="E11583" t="s">
        <v>6982</v>
      </c>
      <c r="F11583" t="s">
        <v>6983</v>
      </c>
      <c r="G11583" t="s">
        <v>80</v>
      </c>
      <c r="H11583" t="s">
        <v>81</v>
      </c>
      <c r="I11583" s="2">
        <v>0</v>
      </c>
      <c r="J11583" s="2">
        <v>1</v>
      </c>
      <c r="K11583" s="2">
        <v>0</v>
      </c>
      <c r="L11583" t="s">
        <v>82</v>
      </c>
      <c r="M11583" t="s">
        <v>87</v>
      </c>
      <c r="N11583" t="s">
        <v>88</v>
      </c>
      <c r="O11583" t="s">
        <v>85</v>
      </c>
      <c r="P11583" t="s">
        <v>86</v>
      </c>
      <c r="Q11583">
        <v>2</v>
      </c>
      <c r="R11583">
        <v>2</v>
      </c>
      <c r="S11583">
        <v>2</v>
      </c>
      <c r="T11583">
        <v>2</v>
      </c>
      <c r="U11583">
        <v>2</v>
      </c>
      <c r="V11583">
        <v>2</v>
      </c>
      <c r="W11583">
        <v>2</v>
      </c>
      <c r="X11583">
        <v>2</v>
      </c>
      <c r="Y11583">
        <v>2</v>
      </c>
      <c r="Z11583">
        <v>2</v>
      </c>
      <c r="AA11583">
        <v>2</v>
      </c>
      <c r="AB11583">
        <v>2</v>
      </c>
      <c r="AC11583">
        <v>2</v>
      </c>
      <c r="AD11583">
        <v>2</v>
      </c>
      <c r="AE11583">
        <v>2</v>
      </c>
      <c r="AF11583">
        <v>2</v>
      </c>
      <c r="AG11583">
        <v>2</v>
      </c>
      <c r="AH11583">
        <v>2</v>
      </c>
      <c r="AI11583">
        <v>2</v>
      </c>
      <c r="AJ11583">
        <v>2</v>
      </c>
      <c r="AK11583">
        <v>2</v>
      </c>
      <c r="AL11583">
        <v>2</v>
      </c>
      <c r="AM11583">
        <v>2</v>
      </c>
      <c r="AN11583">
        <v>2</v>
      </c>
      <c r="AO11583">
        <v>2</v>
      </c>
      <c r="AP11583">
        <v>2</v>
      </c>
      <c r="AQ11583">
        <v>2</v>
      </c>
    </row>
    <row r="11584" spans="1:43">
      <c r="A11584" t="s">
        <v>7202</v>
      </c>
      <c r="B11584" t="s">
        <v>7203</v>
      </c>
      <c r="C11584" t="s">
        <v>7196</v>
      </c>
      <c r="D11584" t="s">
        <v>7197</v>
      </c>
      <c r="E11584" t="s">
        <v>6982</v>
      </c>
      <c r="F11584" t="s">
        <v>6983</v>
      </c>
      <c r="G11584" t="s">
        <v>80</v>
      </c>
      <c r="H11584" t="s">
        <v>81</v>
      </c>
      <c r="I11584" s="2">
        <v>0</v>
      </c>
      <c r="J11584" s="2">
        <v>1</v>
      </c>
      <c r="K11584" s="2">
        <v>0</v>
      </c>
      <c r="L11584" t="s">
        <v>82</v>
      </c>
      <c r="M11584" t="s">
        <v>89</v>
      </c>
      <c r="N11584" t="s">
        <v>90</v>
      </c>
      <c r="O11584" t="s">
        <v>85</v>
      </c>
      <c r="P11584" t="s">
        <v>86</v>
      </c>
      <c r="Q11584">
        <v>2</v>
      </c>
      <c r="R11584">
        <v>2</v>
      </c>
      <c r="S11584">
        <v>2</v>
      </c>
      <c r="T11584">
        <v>2</v>
      </c>
      <c r="U11584">
        <v>2</v>
      </c>
      <c r="V11584">
        <v>2</v>
      </c>
      <c r="W11584">
        <v>2</v>
      </c>
      <c r="X11584">
        <v>3</v>
      </c>
      <c r="Y11584">
        <v>3</v>
      </c>
      <c r="Z11584">
        <v>3</v>
      </c>
      <c r="AA11584">
        <v>3</v>
      </c>
      <c r="AB11584">
        <v>3</v>
      </c>
      <c r="AC11584">
        <v>3</v>
      </c>
      <c r="AD11584">
        <v>3</v>
      </c>
      <c r="AE11584">
        <v>3</v>
      </c>
      <c r="AF11584">
        <v>3</v>
      </c>
      <c r="AG11584">
        <v>3</v>
      </c>
      <c r="AH11584">
        <v>3</v>
      </c>
      <c r="AI11584">
        <v>3</v>
      </c>
      <c r="AJ11584">
        <v>3</v>
      </c>
      <c r="AK11584">
        <v>3</v>
      </c>
      <c r="AL11584">
        <v>3</v>
      </c>
      <c r="AM11584">
        <v>3</v>
      </c>
      <c r="AN11584">
        <v>3</v>
      </c>
      <c r="AO11584">
        <v>2</v>
      </c>
      <c r="AP11584">
        <v>2</v>
      </c>
      <c r="AQ11584">
        <v>2</v>
      </c>
    </row>
    <row r="11585" spans="1:43">
      <c r="A11585" t="s">
        <v>7202</v>
      </c>
      <c r="B11585" t="s">
        <v>7203</v>
      </c>
      <c r="C11585" t="s">
        <v>7196</v>
      </c>
      <c r="D11585" t="s">
        <v>7197</v>
      </c>
      <c r="E11585" t="s">
        <v>6982</v>
      </c>
      <c r="F11585" t="s">
        <v>6983</v>
      </c>
      <c r="G11585" t="s">
        <v>80</v>
      </c>
      <c r="H11585" t="s">
        <v>81</v>
      </c>
      <c r="I11585" s="2">
        <v>0</v>
      </c>
      <c r="J11585" s="2">
        <v>1</v>
      </c>
      <c r="K11585" s="2">
        <v>0</v>
      </c>
      <c r="L11585" t="s">
        <v>82</v>
      </c>
      <c r="M11585" t="s">
        <v>83</v>
      </c>
      <c r="N11585" t="s">
        <v>91</v>
      </c>
      <c r="O11585" t="s">
        <v>85</v>
      </c>
      <c r="P11585" t="s">
        <v>86</v>
      </c>
      <c r="Q11585">
        <v>2</v>
      </c>
      <c r="R11585">
        <v>2</v>
      </c>
      <c r="S11585">
        <v>2</v>
      </c>
      <c r="T11585">
        <v>2</v>
      </c>
      <c r="U11585">
        <v>2</v>
      </c>
      <c r="V11585">
        <v>2</v>
      </c>
      <c r="W11585">
        <v>2</v>
      </c>
      <c r="X11585">
        <v>2</v>
      </c>
      <c r="Y11585">
        <v>2</v>
      </c>
      <c r="Z11585">
        <v>2</v>
      </c>
      <c r="AA11585">
        <v>2</v>
      </c>
      <c r="AB11585">
        <v>2</v>
      </c>
      <c r="AC11585">
        <v>2</v>
      </c>
      <c r="AD11585">
        <v>2</v>
      </c>
      <c r="AE11585">
        <v>2</v>
      </c>
      <c r="AF11585">
        <v>2</v>
      </c>
      <c r="AG11585">
        <v>2</v>
      </c>
      <c r="AH11585">
        <v>2</v>
      </c>
      <c r="AI11585">
        <v>3</v>
      </c>
      <c r="AJ11585">
        <v>3</v>
      </c>
      <c r="AK11585">
        <v>3</v>
      </c>
      <c r="AL11585">
        <v>3</v>
      </c>
      <c r="AM11585">
        <v>2</v>
      </c>
      <c r="AN11585">
        <v>2</v>
      </c>
      <c r="AO11585">
        <v>2</v>
      </c>
      <c r="AP11585">
        <v>2</v>
      </c>
      <c r="AQ11585">
        <v>2</v>
      </c>
    </row>
    <row r="11586" spans="1:43">
      <c r="A11586" t="s">
        <v>7204</v>
      </c>
      <c r="B11586" t="s">
        <v>7205</v>
      </c>
      <c r="C11586" t="s">
        <v>7014</v>
      </c>
      <c r="D11586" t="s">
        <v>7015</v>
      </c>
      <c r="E11586" t="s">
        <v>6982</v>
      </c>
      <c r="F11586" t="s">
        <v>6983</v>
      </c>
      <c r="G11586" t="s">
        <v>80</v>
      </c>
      <c r="H11586" t="s">
        <v>81</v>
      </c>
      <c r="I11586" s="2">
        <v>0</v>
      </c>
      <c r="J11586" s="2">
        <v>1</v>
      </c>
      <c r="K11586" s="2">
        <v>0</v>
      </c>
      <c r="L11586" t="s">
        <v>82</v>
      </c>
      <c r="M11586" t="s">
        <v>83</v>
      </c>
      <c r="N11586" t="s">
        <v>84</v>
      </c>
      <c r="O11586" t="s">
        <v>85</v>
      </c>
      <c r="P11586" t="s">
        <v>86</v>
      </c>
      <c r="Q11586">
        <v>63</v>
      </c>
      <c r="R11586">
        <v>64</v>
      </c>
      <c r="S11586">
        <v>64</v>
      </c>
      <c r="T11586">
        <v>65</v>
      </c>
      <c r="U11586">
        <v>65</v>
      </c>
      <c r="V11586">
        <v>65</v>
      </c>
      <c r="W11586">
        <v>66</v>
      </c>
      <c r="X11586">
        <v>66</v>
      </c>
      <c r="Y11586">
        <v>66</v>
      </c>
      <c r="Z11586">
        <v>67</v>
      </c>
      <c r="AA11586">
        <v>67</v>
      </c>
      <c r="AB11586">
        <v>67</v>
      </c>
      <c r="AC11586">
        <v>68</v>
      </c>
      <c r="AD11586">
        <v>68</v>
      </c>
      <c r="AE11586">
        <v>68</v>
      </c>
      <c r="AF11586">
        <v>68</v>
      </c>
      <c r="AG11586">
        <v>69</v>
      </c>
      <c r="AH11586">
        <v>69</v>
      </c>
      <c r="AI11586">
        <v>69</v>
      </c>
      <c r="AJ11586">
        <v>69</v>
      </c>
      <c r="AK11586">
        <v>69</v>
      </c>
      <c r="AL11586">
        <v>69</v>
      </c>
      <c r="AM11586">
        <v>69</v>
      </c>
      <c r="AN11586">
        <v>68</v>
      </c>
      <c r="AO11586">
        <v>68</v>
      </c>
      <c r="AP11586">
        <v>67</v>
      </c>
      <c r="AQ11586">
        <v>67</v>
      </c>
    </row>
    <row r="11587" spans="1:43">
      <c r="A11587" t="s">
        <v>7204</v>
      </c>
      <c r="B11587" t="s">
        <v>7205</v>
      </c>
      <c r="C11587" t="s">
        <v>7014</v>
      </c>
      <c r="D11587" t="s">
        <v>7015</v>
      </c>
      <c r="E11587" t="s">
        <v>6982</v>
      </c>
      <c r="F11587" t="s">
        <v>6983</v>
      </c>
      <c r="G11587" t="s">
        <v>80</v>
      </c>
      <c r="H11587" t="s">
        <v>81</v>
      </c>
      <c r="I11587" s="2">
        <v>0</v>
      </c>
      <c r="J11587" s="2">
        <v>1</v>
      </c>
      <c r="K11587" s="2">
        <v>0</v>
      </c>
      <c r="L11587" t="s">
        <v>82</v>
      </c>
      <c r="M11587" t="s">
        <v>87</v>
      </c>
      <c r="N11587" t="s">
        <v>88</v>
      </c>
      <c r="O11587" t="s">
        <v>85</v>
      </c>
      <c r="P11587" t="s">
        <v>86</v>
      </c>
      <c r="Q11587">
        <v>63</v>
      </c>
      <c r="R11587">
        <v>63</v>
      </c>
      <c r="S11587">
        <v>62</v>
      </c>
      <c r="T11587">
        <v>62</v>
      </c>
      <c r="U11587">
        <v>62</v>
      </c>
      <c r="V11587">
        <v>62</v>
      </c>
      <c r="W11587">
        <v>62</v>
      </c>
      <c r="X11587">
        <v>62</v>
      </c>
      <c r="Y11587">
        <v>61</v>
      </c>
      <c r="Z11587">
        <v>61</v>
      </c>
      <c r="AA11587">
        <v>61</v>
      </c>
      <c r="AB11587">
        <v>61</v>
      </c>
      <c r="AC11587">
        <v>61</v>
      </c>
      <c r="AD11587">
        <v>61</v>
      </c>
      <c r="AE11587">
        <v>60</v>
      </c>
      <c r="AF11587">
        <v>60</v>
      </c>
      <c r="AG11587">
        <v>60</v>
      </c>
      <c r="AH11587">
        <v>60</v>
      </c>
      <c r="AI11587">
        <v>60</v>
      </c>
      <c r="AJ11587">
        <v>60</v>
      </c>
      <c r="AK11587">
        <v>60</v>
      </c>
      <c r="AL11587">
        <v>59</v>
      </c>
      <c r="AM11587">
        <v>59</v>
      </c>
      <c r="AN11587">
        <v>59</v>
      </c>
      <c r="AO11587">
        <v>59</v>
      </c>
      <c r="AP11587">
        <v>59</v>
      </c>
      <c r="AQ11587">
        <v>59</v>
      </c>
    </row>
    <row r="11588" spans="1:43">
      <c r="A11588" t="s">
        <v>7204</v>
      </c>
      <c r="B11588" t="s">
        <v>7205</v>
      </c>
      <c r="C11588" t="s">
        <v>7014</v>
      </c>
      <c r="D11588" t="s">
        <v>7015</v>
      </c>
      <c r="E11588" t="s">
        <v>6982</v>
      </c>
      <c r="F11588" t="s">
        <v>6983</v>
      </c>
      <c r="G11588" t="s">
        <v>80</v>
      </c>
      <c r="H11588" t="s">
        <v>81</v>
      </c>
      <c r="I11588" s="2">
        <v>0</v>
      </c>
      <c r="J11588" s="2">
        <v>1</v>
      </c>
      <c r="K11588" s="2">
        <v>0</v>
      </c>
      <c r="L11588" t="s">
        <v>82</v>
      </c>
      <c r="M11588" t="s">
        <v>89</v>
      </c>
      <c r="N11588" t="s">
        <v>90</v>
      </c>
      <c r="O11588" t="s">
        <v>85</v>
      </c>
      <c r="P11588" t="s">
        <v>86</v>
      </c>
      <c r="Q11588">
        <v>63</v>
      </c>
      <c r="R11588">
        <v>64</v>
      </c>
      <c r="S11588">
        <v>65</v>
      </c>
      <c r="T11588">
        <v>66</v>
      </c>
      <c r="U11588">
        <v>66</v>
      </c>
      <c r="V11588">
        <v>67</v>
      </c>
      <c r="W11588">
        <v>68</v>
      </c>
      <c r="X11588">
        <v>69</v>
      </c>
      <c r="Y11588">
        <v>69</v>
      </c>
      <c r="Z11588">
        <v>70</v>
      </c>
      <c r="AA11588">
        <v>70</v>
      </c>
      <c r="AB11588">
        <v>71</v>
      </c>
      <c r="AC11588">
        <v>71</v>
      </c>
      <c r="AD11588">
        <v>72</v>
      </c>
      <c r="AE11588">
        <v>72</v>
      </c>
      <c r="AF11588">
        <v>71</v>
      </c>
      <c r="AG11588">
        <v>71</v>
      </c>
      <c r="AH11588">
        <v>70</v>
      </c>
      <c r="AI11588">
        <v>70</v>
      </c>
      <c r="AJ11588">
        <v>70</v>
      </c>
      <c r="AK11588">
        <v>69</v>
      </c>
      <c r="AL11588">
        <v>69</v>
      </c>
      <c r="AM11588">
        <v>68</v>
      </c>
      <c r="AN11588">
        <v>68</v>
      </c>
      <c r="AO11588">
        <v>67</v>
      </c>
      <c r="AP11588">
        <v>67</v>
      </c>
      <c r="AQ11588">
        <v>67</v>
      </c>
    </row>
    <row r="11589" spans="1:43">
      <c r="A11589" t="s">
        <v>7204</v>
      </c>
      <c r="B11589" t="s">
        <v>7205</v>
      </c>
      <c r="C11589" t="s">
        <v>7014</v>
      </c>
      <c r="D11589" t="s">
        <v>7015</v>
      </c>
      <c r="E11589" t="s">
        <v>6982</v>
      </c>
      <c r="F11589" t="s">
        <v>6983</v>
      </c>
      <c r="G11589" t="s">
        <v>80</v>
      </c>
      <c r="H11589" t="s">
        <v>81</v>
      </c>
      <c r="I11589" s="2">
        <v>0</v>
      </c>
      <c r="J11589" s="2">
        <v>1</v>
      </c>
      <c r="K11589" s="2">
        <v>0</v>
      </c>
      <c r="L11589" t="s">
        <v>82</v>
      </c>
      <c r="M11589" t="s">
        <v>83</v>
      </c>
      <c r="N11589" t="s">
        <v>91</v>
      </c>
      <c r="O11589" t="s">
        <v>85</v>
      </c>
      <c r="P11589" t="s">
        <v>86</v>
      </c>
      <c r="Q11589">
        <v>63</v>
      </c>
      <c r="R11589">
        <v>64</v>
      </c>
      <c r="S11589">
        <v>64</v>
      </c>
      <c r="T11589">
        <v>65</v>
      </c>
      <c r="U11589">
        <v>65</v>
      </c>
      <c r="V11589">
        <v>65</v>
      </c>
      <c r="W11589">
        <v>66</v>
      </c>
      <c r="X11589">
        <v>66</v>
      </c>
      <c r="Y11589">
        <v>66</v>
      </c>
      <c r="Z11589">
        <v>67</v>
      </c>
      <c r="AA11589">
        <v>67</v>
      </c>
      <c r="AB11589">
        <v>67</v>
      </c>
      <c r="AC11589">
        <v>68</v>
      </c>
      <c r="AD11589">
        <v>68</v>
      </c>
      <c r="AE11589">
        <v>68</v>
      </c>
      <c r="AF11589">
        <v>68</v>
      </c>
      <c r="AG11589">
        <v>69</v>
      </c>
      <c r="AH11589">
        <v>69</v>
      </c>
      <c r="AI11589">
        <v>69</v>
      </c>
      <c r="AJ11589">
        <v>69</v>
      </c>
      <c r="AK11589">
        <v>69</v>
      </c>
      <c r="AL11589">
        <v>69</v>
      </c>
      <c r="AM11589">
        <v>69</v>
      </c>
      <c r="AN11589">
        <v>68</v>
      </c>
      <c r="AO11589">
        <v>68</v>
      </c>
      <c r="AP11589">
        <v>67</v>
      </c>
      <c r="AQ11589">
        <v>67</v>
      </c>
    </row>
    <row r="11590" spans="1:43">
      <c r="A11590" t="s">
        <v>7206</v>
      </c>
      <c r="B11590" t="s">
        <v>7207</v>
      </c>
      <c r="C11590" t="s">
        <v>7014</v>
      </c>
      <c r="D11590" t="s">
        <v>7015</v>
      </c>
      <c r="E11590" t="s">
        <v>6982</v>
      </c>
      <c r="F11590" t="s">
        <v>6983</v>
      </c>
      <c r="G11590" t="s">
        <v>80</v>
      </c>
      <c r="H11590" t="s">
        <v>81</v>
      </c>
      <c r="I11590" s="2">
        <v>0</v>
      </c>
      <c r="J11590" s="2">
        <v>1</v>
      </c>
      <c r="K11590" s="2">
        <v>0</v>
      </c>
      <c r="L11590" t="s">
        <v>82</v>
      </c>
      <c r="M11590" t="s">
        <v>83</v>
      </c>
      <c r="N11590" t="s">
        <v>84</v>
      </c>
      <c r="O11590" t="s">
        <v>85</v>
      </c>
      <c r="P11590" t="s">
        <v>86</v>
      </c>
      <c r="Q11590">
        <v>36</v>
      </c>
      <c r="R11590">
        <v>36</v>
      </c>
      <c r="S11590">
        <v>37</v>
      </c>
      <c r="T11590">
        <v>37</v>
      </c>
      <c r="U11590">
        <v>37</v>
      </c>
      <c r="V11590">
        <v>37</v>
      </c>
      <c r="W11590">
        <v>37</v>
      </c>
      <c r="X11590">
        <v>38</v>
      </c>
      <c r="Y11590">
        <v>38</v>
      </c>
      <c r="Z11590">
        <v>38</v>
      </c>
      <c r="AA11590">
        <v>38</v>
      </c>
      <c r="AB11590">
        <v>38</v>
      </c>
      <c r="AC11590">
        <v>39</v>
      </c>
      <c r="AD11590">
        <v>39</v>
      </c>
      <c r="AE11590">
        <v>39</v>
      </c>
      <c r="AF11590">
        <v>39</v>
      </c>
      <c r="AG11590">
        <v>39</v>
      </c>
      <c r="AH11590">
        <v>39</v>
      </c>
      <c r="AI11590">
        <v>39</v>
      </c>
      <c r="AJ11590">
        <v>40</v>
      </c>
      <c r="AK11590">
        <v>40</v>
      </c>
      <c r="AL11590">
        <v>40</v>
      </c>
      <c r="AM11590">
        <v>39</v>
      </c>
      <c r="AN11590">
        <v>39</v>
      </c>
      <c r="AO11590">
        <v>39</v>
      </c>
      <c r="AP11590">
        <v>39</v>
      </c>
      <c r="AQ11590">
        <v>39</v>
      </c>
    </row>
    <row r="11591" spans="1:43">
      <c r="A11591" t="s">
        <v>7206</v>
      </c>
      <c r="B11591" t="s">
        <v>7207</v>
      </c>
      <c r="C11591" t="s">
        <v>7014</v>
      </c>
      <c r="D11591" t="s">
        <v>7015</v>
      </c>
      <c r="E11591" t="s">
        <v>6982</v>
      </c>
      <c r="F11591" t="s">
        <v>6983</v>
      </c>
      <c r="G11591" t="s">
        <v>80</v>
      </c>
      <c r="H11591" t="s">
        <v>81</v>
      </c>
      <c r="I11591" s="2">
        <v>0</v>
      </c>
      <c r="J11591" s="2">
        <v>1</v>
      </c>
      <c r="K11591" s="2">
        <v>0</v>
      </c>
      <c r="L11591" t="s">
        <v>82</v>
      </c>
      <c r="M11591" t="s">
        <v>87</v>
      </c>
      <c r="N11591" t="s">
        <v>88</v>
      </c>
      <c r="O11591" t="s">
        <v>85</v>
      </c>
      <c r="P11591" t="s">
        <v>86</v>
      </c>
      <c r="Q11591">
        <v>36</v>
      </c>
      <c r="R11591">
        <v>36</v>
      </c>
      <c r="S11591">
        <v>36</v>
      </c>
      <c r="T11591">
        <v>35</v>
      </c>
      <c r="U11591">
        <v>35</v>
      </c>
      <c r="V11591">
        <v>35</v>
      </c>
      <c r="W11591">
        <v>35</v>
      </c>
      <c r="X11591">
        <v>35</v>
      </c>
      <c r="Y11591">
        <v>35</v>
      </c>
      <c r="Z11591">
        <v>35</v>
      </c>
      <c r="AA11591">
        <v>35</v>
      </c>
      <c r="AB11591">
        <v>35</v>
      </c>
      <c r="AC11591">
        <v>35</v>
      </c>
      <c r="AD11591">
        <v>35</v>
      </c>
      <c r="AE11591">
        <v>35</v>
      </c>
      <c r="AF11591">
        <v>34</v>
      </c>
      <c r="AG11591">
        <v>34</v>
      </c>
      <c r="AH11591">
        <v>34</v>
      </c>
      <c r="AI11591">
        <v>34</v>
      </c>
      <c r="AJ11591">
        <v>34</v>
      </c>
      <c r="AK11591">
        <v>34</v>
      </c>
      <c r="AL11591">
        <v>34</v>
      </c>
      <c r="AM11591">
        <v>34</v>
      </c>
      <c r="AN11591">
        <v>34</v>
      </c>
      <c r="AO11591">
        <v>34</v>
      </c>
      <c r="AP11591">
        <v>34</v>
      </c>
      <c r="AQ11591">
        <v>34</v>
      </c>
    </row>
    <row r="11592" spans="1:43">
      <c r="A11592" t="s">
        <v>7206</v>
      </c>
      <c r="B11592" t="s">
        <v>7207</v>
      </c>
      <c r="C11592" t="s">
        <v>7014</v>
      </c>
      <c r="D11592" t="s">
        <v>7015</v>
      </c>
      <c r="E11592" t="s">
        <v>6982</v>
      </c>
      <c r="F11592" t="s">
        <v>6983</v>
      </c>
      <c r="G11592" t="s">
        <v>80</v>
      </c>
      <c r="H11592" t="s">
        <v>81</v>
      </c>
      <c r="I11592" s="2">
        <v>0</v>
      </c>
      <c r="J11592" s="2">
        <v>1</v>
      </c>
      <c r="K11592" s="2">
        <v>0</v>
      </c>
      <c r="L11592" t="s">
        <v>82</v>
      </c>
      <c r="M11592" t="s">
        <v>89</v>
      </c>
      <c r="N11592" t="s">
        <v>90</v>
      </c>
      <c r="O11592" t="s">
        <v>85</v>
      </c>
      <c r="P11592" t="s">
        <v>86</v>
      </c>
      <c r="Q11592">
        <v>36</v>
      </c>
      <c r="R11592">
        <v>37</v>
      </c>
      <c r="S11592">
        <v>37</v>
      </c>
      <c r="T11592">
        <v>38</v>
      </c>
      <c r="U11592">
        <v>38</v>
      </c>
      <c r="V11592">
        <v>39</v>
      </c>
      <c r="W11592">
        <v>39</v>
      </c>
      <c r="X11592">
        <v>40</v>
      </c>
      <c r="Y11592">
        <v>40</v>
      </c>
      <c r="Z11592">
        <v>40</v>
      </c>
      <c r="AA11592">
        <v>41</v>
      </c>
      <c r="AB11592">
        <v>41</v>
      </c>
      <c r="AC11592">
        <v>41</v>
      </c>
      <c r="AD11592">
        <v>41</v>
      </c>
      <c r="AE11592">
        <v>42</v>
      </c>
      <c r="AF11592">
        <v>41</v>
      </c>
      <c r="AG11592">
        <v>41</v>
      </c>
      <c r="AH11592">
        <v>41</v>
      </c>
      <c r="AI11592">
        <v>41</v>
      </c>
      <c r="AJ11592">
        <v>40</v>
      </c>
      <c r="AK11592">
        <v>40</v>
      </c>
      <c r="AL11592">
        <v>40</v>
      </c>
      <c r="AM11592">
        <v>40</v>
      </c>
      <c r="AN11592">
        <v>39</v>
      </c>
      <c r="AO11592">
        <v>39</v>
      </c>
      <c r="AP11592">
        <v>39</v>
      </c>
      <c r="AQ11592">
        <v>39</v>
      </c>
    </row>
    <row r="11593" spans="1:43">
      <c r="A11593" t="s">
        <v>7206</v>
      </c>
      <c r="B11593" t="s">
        <v>7207</v>
      </c>
      <c r="C11593" t="s">
        <v>7014</v>
      </c>
      <c r="D11593" t="s">
        <v>7015</v>
      </c>
      <c r="E11593" t="s">
        <v>6982</v>
      </c>
      <c r="F11593" t="s">
        <v>6983</v>
      </c>
      <c r="G11593" t="s">
        <v>80</v>
      </c>
      <c r="H11593" t="s">
        <v>81</v>
      </c>
      <c r="I11593" s="2">
        <v>0</v>
      </c>
      <c r="J11593" s="2">
        <v>1</v>
      </c>
      <c r="K11593" s="2">
        <v>0</v>
      </c>
      <c r="L11593" t="s">
        <v>82</v>
      </c>
      <c r="M11593" t="s">
        <v>83</v>
      </c>
      <c r="N11593" t="s">
        <v>91</v>
      </c>
      <c r="O11593" t="s">
        <v>85</v>
      </c>
      <c r="P11593" t="s">
        <v>86</v>
      </c>
      <c r="Q11593">
        <v>36</v>
      </c>
      <c r="R11593">
        <v>36</v>
      </c>
      <c r="S11593">
        <v>37</v>
      </c>
      <c r="T11593">
        <v>37</v>
      </c>
      <c r="U11593">
        <v>37</v>
      </c>
      <c r="V11593">
        <v>37</v>
      </c>
      <c r="W11593">
        <v>37</v>
      </c>
      <c r="X11593">
        <v>38</v>
      </c>
      <c r="Y11593">
        <v>38</v>
      </c>
      <c r="Z11593">
        <v>38</v>
      </c>
      <c r="AA11593">
        <v>38</v>
      </c>
      <c r="AB11593">
        <v>38</v>
      </c>
      <c r="AC11593">
        <v>39</v>
      </c>
      <c r="AD11593">
        <v>39</v>
      </c>
      <c r="AE11593">
        <v>39</v>
      </c>
      <c r="AF11593">
        <v>39</v>
      </c>
      <c r="AG11593">
        <v>39</v>
      </c>
      <c r="AH11593">
        <v>39</v>
      </c>
      <c r="AI11593">
        <v>39</v>
      </c>
      <c r="AJ11593">
        <v>40</v>
      </c>
      <c r="AK11593">
        <v>40</v>
      </c>
      <c r="AL11593">
        <v>40</v>
      </c>
      <c r="AM11593">
        <v>39</v>
      </c>
      <c r="AN11593">
        <v>39</v>
      </c>
      <c r="AO11593">
        <v>39</v>
      </c>
      <c r="AP11593">
        <v>39</v>
      </c>
      <c r="AQ11593">
        <v>39</v>
      </c>
    </row>
    <row r="11594" spans="1:43">
      <c r="A11594" t="s">
        <v>7208</v>
      </c>
      <c r="B11594" t="s">
        <v>7209</v>
      </c>
      <c r="C11594" t="s">
        <v>7160</v>
      </c>
      <c r="D11594" t="s">
        <v>7161</v>
      </c>
      <c r="E11594" t="s">
        <v>6982</v>
      </c>
      <c r="F11594" t="s">
        <v>6983</v>
      </c>
      <c r="G11594" t="s">
        <v>80</v>
      </c>
      <c r="H11594" t="s">
        <v>81</v>
      </c>
      <c r="I11594" s="2">
        <v>0</v>
      </c>
      <c r="J11594" s="2">
        <v>1</v>
      </c>
      <c r="K11594" s="2">
        <v>0</v>
      </c>
      <c r="L11594" t="s">
        <v>82</v>
      </c>
      <c r="M11594" t="s">
        <v>83</v>
      </c>
      <c r="N11594" t="s">
        <v>84</v>
      </c>
      <c r="O11594" t="s">
        <v>85</v>
      </c>
      <c r="P11594" t="s">
        <v>86</v>
      </c>
      <c r="Q11594">
        <v>17</v>
      </c>
      <c r="R11594">
        <v>17</v>
      </c>
      <c r="S11594">
        <v>17</v>
      </c>
      <c r="T11594">
        <v>18</v>
      </c>
      <c r="U11594">
        <v>18</v>
      </c>
      <c r="V11594">
        <v>18</v>
      </c>
      <c r="W11594">
        <v>18</v>
      </c>
      <c r="X11594">
        <v>18</v>
      </c>
      <c r="Y11594">
        <v>18</v>
      </c>
      <c r="Z11594">
        <v>18</v>
      </c>
      <c r="AA11594">
        <v>18</v>
      </c>
      <c r="AB11594">
        <v>18</v>
      </c>
      <c r="AC11594">
        <v>18</v>
      </c>
      <c r="AD11594">
        <v>19</v>
      </c>
      <c r="AE11594">
        <v>19</v>
      </c>
      <c r="AF11594">
        <v>19</v>
      </c>
      <c r="AG11594">
        <v>19</v>
      </c>
      <c r="AH11594">
        <v>19</v>
      </c>
      <c r="AI11594">
        <v>19</v>
      </c>
      <c r="AJ11594">
        <v>19</v>
      </c>
      <c r="AK11594">
        <v>19</v>
      </c>
      <c r="AL11594">
        <v>19</v>
      </c>
      <c r="AM11594">
        <v>19</v>
      </c>
      <c r="AN11594">
        <v>19</v>
      </c>
      <c r="AO11594">
        <v>19</v>
      </c>
      <c r="AP11594">
        <v>19</v>
      </c>
      <c r="AQ11594">
        <v>18</v>
      </c>
    </row>
    <row r="11595" spans="1:43">
      <c r="A11595" t="s">
        <v>7208</v>
      </c>
      <c r="B11595" t="s">
        <v>7209</v>
      </c>
      <c r="C11595" t="s">
        <v>7160</v>
      </c>
      <c r="D11595" t="s">
        <v>7161</v>
      </c>
      <c r="E11595" t="s">
        <v>6982</v>
      </c>
      <c r="F11595" t="s">
        <v>6983</v>
      </c>
      <c r="G11595" t="s">
        <v>80</v>
      </c>
      <c r="H11595" t="s">
        <v>81</v>
      </c>
      <c r="I11595" s="2">
        <v>0</v>
      </c>
      <c r="J11595" s="2">
        <v>1</v>
      </c>
      <c r="K11595" s="2">
        <v>0</v>
      </c>
      <c r="L11595" t="s">
        <v>82</v>
      </c>
      <c r="M11595" t="s">
        <v>87</v>
      </c>
      <c r="N11595" t="s">
        <v>88</v>
      </c>
      <c r="O11595" t="s">
        <v>85</v>
      </c>
      <c r="P11595" t="s">
        <v>86</v>
      </c>
      <c r="Q11595">
        <v>17</v>
      </c>
      <c r="R11595">
        <v>17</v>
      </c>
      <c r="S11595">
        <v>17</v>
      </c>
      <c r="T11595">
        <v>17</v>
      </c>
      <c r="U11595">
        <v>17</v>
      </c>
      <c r="V11595">
        <v>17</v>
      </c>
      <c r="W11595">
        <v>17</v>
      </c>
      <c r="X11595">
        <v>17</v>
      </c>
      <c r="Y11595">
        <v>17</v>
      </c>
      <c r="Z11595">
        <v>17</v>
      </c>
      <c r="AA11595">
        <v>17</v>
      </c>
      <c r="AB11595">
        <v>17</v>
      </c>
      <c r="AC11595">
        <v>17</v>
      </c>
      <c r="AD11595">
        <v>17</v>
      </c>
      <c r="AE11595">
        <v>17</v>
      </c>
      <c r="AF11595">
        <v>16</v>
      </c>
      <c r="AG11595">
        <v>16</v>
      </c>
      <c r="AH11595">
        <v>16</v>
      </c>
      <c r="AI11595">
        <v>16</v>
      </c>
      <c r="AJ11595">
        <v>16</v>
      </c>
      <c r="AK11595">
        <v>16</v>
      </c>
      <c r="AL11595">
        <v>16</v>
      </c>
      <c r="AM11595">
        <v>16</v>
      </c>
      <c r="AN11595">
        <v>16</v>
      </c>
      <c r="AO11595">
        <v>16</v>
      </c>
      <c r="AP11595">
        <v>16</v>
      </c>
      <c r="AQ11595">
        <v>16</v>
      </c>
    </row>
    <row r="11596" spans="1:43">
      <c r="A11596" t="s">
        <v>7208</v>
      </c>
      <c r="B11596" t="s">
        <v>7209</v>
      </c>
      <c r="C11596" t="s">
        <v>7160</v>
      </c>
      <c r="D11596" t="s">
        <v>7161</v>
      </c>
      <c r="E11596" t="s">
        <v>6982</v>
      </c>
      <c r="F11596" t="s">
        <v>6983</v>
      </c>
      <c r="G11596" t="s">
        <v>80</v>
      </c>
      <c r="H11596" t="s">
        <v>81</v>
      </c>
      <c r="I11596" s="2">
        <v>0</v>
      </c>
      <c r="J11596" s="2">
        <v>1</v>
      </c>
      <c r="K11596" s="2">
        <v>0</v>
      </c>
      <c r="L11596" t="s">
        <v>82</v>
      </c>
      <c r="M11596" t="s">
        <v>89</v>
      </c>
      <c r="N11596" t="s">
        <v>90</v>
      </c>
      <c r="O11596" t="s">
        <v>85</v>
      </c>
      <c r="P11596" t="s">
        <v>86</v>
      </c>
      <c r="Q11596">
        <v>17</v>
      </c>
      <c r="R11596">
        <v>18</v>
      </c>
      <c r="S11596">
        <v>18</v>
      </c>
      <c r="T11596">
        <v>18</v>
      </c>
      <c r="U11596">
        <v>18</v>
      </c>
      <c r="V11596">
        <v>19</v>
      </c>
      <c r="W11596">
        <v>19</v>
      </c>
      <c r="X11596">
        <v>19</v>
      </c>
      <c r="Y11596">
        <v>19</v>
      </c>
      <c r="Z11596">
        <v>19</v>
      </c>
      <c r="AA11596">
        <v>19</v>
      </c>
      <c r="AB11596">
        <v>20</v>
      </c>
      <c r="AC11596">
        <v>20</v>
      </c>
      <c r="AD11596">
        <v>20</v>
      </c>
      <c r="AE11596">
        <v>20</v>
      </c>
      <c r="AF11596">
        <v>20</v>
      </c>
      <c r="AG11596">
        <v>20</v>
      </c>
      <c r="AH11596">
        <v>20</v>
      </c>
      <c r="AI11596">
        <v>19</v>
      </c>
      <c r="AJ11596">
        <v>19</v>
      </c>
      <c r="AK11596">
        <v>19</v>
      </c>
      <c r="AL11596">
        <v>19</v>
      </c>
      <c r="AM11596">
        <v>19</v>
      </c>
      <c r="AN11596">
        <v>19</v>
      </c>
      <c r="AO11596">
        <v>19</v>
      </c>
      <c r="AP11596">
        <v>19</v>
      </c>
      <c r="AQ11596">
        <v>19</v>
      </c>
    </row>
    <row r="11597" spans="1:43">
      <c r="A11597" t="s">
        <v>7208</v>
      </c>
      <c r="B11597" t="s">
        <v>7209</v>
      </c>
      <c r="C11597" t="s">
        <v>7160</v>
      </c>
      <c r="D11597" t="s">
        <v>7161</v>
      </c>
      <c r="E11597" t="s">
        <v>6982</v>
      </c>
      <c r="F11597" t="s">
        <v>6983</v>
      </c>
      <c r="G11597" t="s">
        <v>80</v>
      </c>
      <c r="H11597" t="s">
        <v>81</v>
      </c>
      <c r="I11597" s="2">
        <v>0</v>
      </c>
      <c r="J11597" s="2">
        <v>1</v>
      </c>
      <c r="K11597" s="2">
        <v>0</v>
      </c>
      <c r="L11597" t="s">
        <v>82</v>
      </c>
      <c r="M11597" t="s">
        <v>83</v>
      </c>
      <c r="N11597" t="s">
        <v>91</v>
      </c>
      <c r="O11597" t="s">
        <v>85</v>
      </c>
      <c r="P11597" t="s">
        <v>86</v>
      </c>
      <c r="Q11597">
        <v>17</v>
      </c>
      <c r="R11597">
        <v>17</v>
      </c>
      <c r="S11597">
        <v>17</v>
      </c>
      <c r="T11597">
        <v>18</v>
      </c>
      <c r="U11597">
        <v>18</v>
      </c>
      <c r="V11597">
        <v>18</v>
      </c>
      <c r="W11597">
        <v>18</v>
      </c>
      <c r="X11597">
        <v>18</v>
      </c>
      <c r="Y11597">
        <v>18</v>
      </c>
      <c r="Z11597">
        <v>18</v>
      </c>
      <c r="AA11597">
        <v>18</v>
      </c>
      <c r="AB11597">
        <v>18</v>
      </c>
      <c r="AC11597">
        <v>18</v>
      </c>
      <c r="AD11597">
        <v>19</v>
      </c>
      <c r="AE11597">
        <v>19</v>
      </c>
      <c r="AF11597">
        <v>19</v>
      </c>
      <c r="AG11597">
        <v>19</v>
      </c>
      <c r="AH11597">
        <v>19</v>
      </c>
      <c r="AI11597">
        <v>19</v>
      </c>
      <c r="AJ11597">
        <v>19</v>
      </c>
      <c r="AK11597">
        <v>19</v>
      </c>
      <c r="AL11597">
        <v>19</v>
      </c>
      <c r="AM11597">
        <v>19</v>
      </c>
      <c r="AN11597">
        <v>19</v>
      </c>
      <c r="AO11597">
        <v>19</v>
      </c>
      <c r="AP11597">
        <v>19</v>
      </c>
      <c r="AQ11597">
        <v>18</v>
      </c>
    </row>
    <row r="11598" spans="1:43">
      <c r="A11598" t="s">
        <v>7210</v>
      </c>
      <c r="B11598" t="s">
        <v>7211</v>
      </c>
      <c r="C11598" t="s">
        <v>7186</v>
      </c>
      <c r="D11598" t="s">
        <v>7187</v>
      </c>
      <c r="E11598" t="s">
        <v>6982</v>
      </c>
      <c r="F11598" t="s">
        <v>6983</v>
      </c>
      <c r="G11598" t="s">
        <v>80</v>
      </c>
      <c r="H11598" t="s">
        <v>81</v>
      </c>
      <c r="I11598" s="2">
        <v>0</v>
      </c>
      <c r="J11598" s="2">
        <v>1</v>
      </c>
      <c r="K11598" s="2">
        <v>0</v>
      </c>
      <c r="L11598" t="s">
        <v>82</v>
      </c>
      <c r="M11598" t="s">
        <v>83</v>
      </c>
      <c r="N11598" t="s">
        <v>84</v>
      </c>
      <c r="O11598" t="s">
        <v>85</v>
      </c>
      <c r="P11598" t="s">
        <v>86</v>
      </c>
      <c r="Q11598">
        <v>24</v>
      </c>
      <c r="R11598">
        <v>24</v>
      </c>
      <c r="S11598">
        <v>24</v>
      </c>
      <c r="T11598">
        <v>25</v>
      </c>
      <c r="U11598">
        <v>25</v>
      </c>
      <c r="V11598">
        <v>25</v>
      </c>
      <c r="W11598">
        <v>25</v>
      </c>
      <c r="X11598">
        <v>25</v>
      </c>
      <c r="Y11598">
        <v>25</v>
      </c>
      <c r="Z11598">
        <v>25</v>
      </c>
      <c r="AA11598">
        <v>26</v>
      </c>
      <c r="AB11598">
        <v>26</v>
      </c>
      <c r="AC11598">
        <v>26</v>
      </c>
      <c r="AD11598">
        <v>26</v>
      </c>
      <c r="AE11598">
        <v>26</v>
      </c>
      <c r="AF11598">
        <v>26</v>
      </c>
      <c r="AG11598">
        <v>26</v>
      </c>
      <c r="AH11598">
        <v>26</v>
      </c>
      <c r="AI11598">
        <v>26</v>
      </c>
      <c r="AJ11598">
        <v>26</v>
      </c>
      <c r="AK11598">
        <v>26</v>
      </c>
      <c r="AL11598">
        <v>26</v>
      </c>
      <c r="AM11598">
        <v>26</v>
      </c>
      <c r="AN11598">
        <v>26</v>
      </c>
      <c r="AO11598">
        <v>26</v>
      </c>
      <c r="AP11598">
        <v>26</v>
      </c>
      <c r="AQ11598">
        <v>26</v>
      </c>
    </row>
    <row r="11599" spans="1:43">
      <c r="A11599" t="s">
        <v>7210</v>
      </c>
      <c r="B11599" t="s">
        <v>7211</v>
      </c>
      <c r="C11599" t="s">
        <v>7186</v>
      </c>
      <c r="D11599" t="s">
        <v>7187</v>
      </c>
      <c r="E11599" t="s">
        <v>6982</v>
      </c>
      <c r="F11599" t="s">
        <v>6983</v>
      </c>
      <c r="G11599" t="s">
        <v>80</v>
      </c>
      <c r="H11599" t="s">
        <v>81</v>
      </c>
      <c r="I11599" s="2">
        <v>0</v>
      </c>
      <c r="J11599" s="2">
        <v>1</v>
      </c>
      <c r="K11599" s="2">
        <v>0</v>
      </c>
      <c r="L11599" t="s">
        <v>82</v>
      </c>
      <c r="M11599" t="s">
        <v>87</v>
      </c>
      <c r="N11599" t="s">
        <v>88</v>
      </c>
      <c r="O11599" t="s">
        <v>85</v>
      </c>
      <c r="P11599" t="s">
        <v>86</v>
      </c>
      <c r="Q11599">
        <v>24</v>
      </c>
      <c r="R11599">
        <v>24</v>
      </c>
      <c r="S11599">
        <v>24</v>
      </c>
      <c r="T11599">
        <v>24</v>
      </c>
      <c r="U11599">
        <v>24</v>
      </c>
      <c r="V11599">
        <v>24</v>
      </c>
      <c r="W11599">
        <v>23</v>
      </c>
      <c r="X11599">
        <v>23</v>
      </c>
      <c r="Y11599">
        <v>23</v>
      </c>
      <c r="Z11599">
        <v>23</v>
      </c>
      <c r="AA11599">
        <v>23</v>
      </c>
      <c r="AB11599">
        <v>23</v>
      </c>
      <c r="AC11599">
        <v>23</v>
      </c>
      <c r="AD11599">
        <v>23</v>
      </c>
      <c r="AE11599">
        <v>23</v>
      </c>
      <c r="AF11599">
        <v>23</v>
      </c>
      <c r="AG11599">
        <v>23</v>
      </c>
      <c r="AH11599">
        <v>23</v>
      </c>
      <c r="AI11599">
        <v>23</v>
      </c>
      <c r="AJ11599">
        <v>23</v>
      </c>
      <c r="AK11599">
        <v>23</v>
      </c>
      <c r="AL11599">
        <v>23</v>
      </c>
      <c r="AM11599">
        <v>23</v>
      </c>
      <c r="AN11599">
        <v>22</v>
      </c>
      <c r="AO11599">
        <v>22</v>
      </c>
      <c r="AP11599">
        <v>22</v>
      </c>
      <c r="AQ11599">
        <v>22</v>
      </c>
    </row>
    <row r="11600" spans="1:43">
      <c r="A11600" t="s">
        <v>7210</v>
      </c>
      <c r="B11600" t="s">
        <v>7211</v>
      </c>
      <c r="C11600" t="s">
        <v>7186</v>
      </c>
      <c r="D11600" t="s">
        <v>7187</v>
      </c>
      <c r="E11600" t="s">
        <v>6982</v>
      </c>
      <c r="F11600" t="s">
        <v>6983</v>
      </c>
      <c r="G11600" t="s">
        <v>80</v>
      </c>
      <c r="H11600" t="s">
        <v>81</v>
      </c>
      <c r="I11600" s="2">
        <v>0</v>
      </c>
      <c r="J11600" s="2">
        <v>1</v>
      </c>
      <c r="K11600" s="2">
        <v>0</v>
      </c>
      <c r="L11600" t="s">
        <v>82</v>
      </c>
      <c r="M11600" t="s">
        <v>89</v>
      </c>
      <c r="N11600" t="s">
        <v>90</v>
      </c>
      <c r="O11600" t="s">
        <v>85</v>
      </c>
      <c r="P11600" t="s">
        <v>86</v>
      </c>
      <c r="Q11600">
        <v>24</v>
      </c>
      <c r="R11600">
        <v>25</v>
      </c>
      <c r="S11600">
        <v>25</v>
      </c>
      <c r="T11600">
        <v>25</v>
      </c>
      <c r="U11600">
        <v>26</v>
      </c>
      <c r="V11600">
        <v>26</v>
      </c>
      <c r="W11600">
        <v>26</v>
      </c>
      <c r="X11600">
        <v>27</v>
      </c>
      <c r="Y11600">
        <v>27</v>
      </c>
      <c r="Z11600">
        <v>27</v>
      </c>
      <c r="AA11600">
        <v>27</v>
      </c>
      <c r="AB11600">
        <v>27</v>
      </c>
      <c r="AC11600">
        <v>28</v>
      </c>
      <c r="AD11600">
        <v>28</v>
      </c>
      <c r="AE11600">
        <v>28</v>
      </c>
      <c r="AF11600">
        <v>28</v>
      </c>
      <c r="AG11600">
        <v>27</v>
      </c>
      <c r="AH11600">
        <v>27</v>
      </c>
      <c r="AI11600">
        <v>27</v>
      </c>
      <c r="AJ11600">
        <v>27</v>
      </c>
      <c r="AK11600">
        <v>27</v>
      </c>
      <c r="AL11600">
        <v>27</v>
      </c>
      <c r="AM11600">
        <v>27</v>
      </c>
      <c r="AN11600">
        <v>26</v>
      </c>
      <c r="AO11600">
        <v>26</v>
      </c>
      <c r="AP11600">
        <v>26</v>
      </c>
      <c r="AQ11600">
        <v>26</v>
      </c>
    </row>
    <row r="11601" spans="1:43">
      <c r="A11601" t="s">
        <v>7210</v>
      </c>
      <c r="B11601" t="s">
        <v>7211</v>
      </c>
      <c r="C11601" t="s">
        <v>7186</v>
      </c>
      <c r="D11601" t="s">
        <v>7187</v>
      </c>
      <c r="E11601" t="s">
        <v>6982</v>
      </c>
      <c r="F11601" t="s">
        <v>6983</v>
      </c>
      <c r="G11601" t="s">
        <v>80</v>
      </c>
      <c r="H11601" t="s">
        <v>81</v>
      </c>
      <c r="I11601" s="2">
        <v>0</v>
      </c>
      <c r="J11601" s="2">
        <v>1</v>
      </c>
      <c r="K11601" s="2">
        <v>0</v>
      </c>
      <c r="L11601" t="s">
        <v>82</v>
      </c>
      <c r="M11601" t="s">
        <v>83</v>
      </c>
      <c r="N11601" t="s">
        <v>91</v>
      </c>
      <c r="O11601" t="s">
        <v>85</v>
      </c>
      <c r="P11601" t="s">
        <v>86</v>
      </c>
      <c r="Q11601">
        <v>24</v>
      </c>
      <c r="R11601">
        <v>24</v>
      </c>
      <c r="S11601">
        <v>24</v>
      </c>
      <c r="T11601">
        <v>25</v>
      </c>
      <c r="U11601">
        <v>25</v>
      </c>
      <c r="V11601">
        <v>25</v>
      </c>
      <c r="W11601">
        <v>25</v>
      </c>
      <c r="X11601">
        <v>25</v>
      </c>
      <c r="Y11601">
        <v>25</v>
      </c>
      <c r="Z11601">
        <v>25</v>
      </c>
      <c r="AA11601">
        <v>26</v>
      </c>
      <c r="AB11601">
        <v>26</v>
      </c>
      <c r="AC11601">
        <v>26</v>
      </c>
      <c r="AD11601">
        <v>26</v>
      </c>
      <c r="AE11601">
        <v>26</v>
      </c>
      <c r="AF11601">
        <v>26</v>
      </c>
      <c r="AG11601">
        <v>26</v>
      </c>
      <c r="AH11601">
        <v>26</v>
      </c>
      <c r="AI11601">
        <v>26</v>
      </c>
      <c r="AJ11601">
        <v>26</v>
      </c>
      <c r="AK11601">
        <v>26</v>
      </c>
      <c r="AL11601">
        <v>26</v>
      </c>
      <c r="AM11601">
        <v>26</v>
      </c>
      <c r="AN11601">
        <v>26</v>
      </c>
      <c r="AO11601">
        <v>26</v>
      </c>
      <c r="AP11601">
        <v>26</v>
      </c>
      <c r="AQ11601">
        <v>26</v>
      </c>
    </row>
    <row r="11602" spans="1:43">
      <c r="A11602" t="s">
        <v>7212</v>
      </c>
      <c r="B11602" t="s">
        <v>7213</v>
      </c>
      <c r="C11602" t="s">
        <v>7186</v>
      </c>
      <c r="D11602" t="s">
        <v>7187</v>
      </c>
      <c r="E11602" t="s">
        <v>6982</v>
      </c>
      <c r="F11602" t="s">
        <v>6983</v>
      </c>
      <c r="G11602" t="s">
        <v>80</v>
      </c>
      <c r="H11602" t="s">
        <v>81</v>
      </c>
      <c r="I11602" s="2">
        <v>0</v>
      </c>
      <c r="J11602" s="2">
        <v>1</v>
      </c>
      <c r="K11602" s="2">
        <v>0</v>
      </c>
      <c r="L11602" t="s">
        <v>82</v>
      </c>
      <c r="M11602" t="s">
        <v>83</v>
      </c>
      <c r="N11602" t="s">
        <v>84</v>
      </c>
      <c r="O11602" t="s">
        <v>85</v>
      </c>
      <c r="P11602" t="s">
        <v>86</v>
      </c>
      <c r="Q11602">
        <v>4</v>
      </c>
      <c r="R11602">
        <v>4</v>
      </c>
      <c r="S11602">
        <v>4</v>
      </c>
      <c r="T11602">
        <v>4</v>
      </c>
      <c r="U11602">
        <v>4</v>
      </c>
      <c r="V11602">
        <v>4</v>
      </c>
      <c r="W11602">
        <v>4</v>
      </c>
      <c r="X11602">
        <v>4</v>
      </c>
      <c r="Y11602">
        <v>4</v>
      </c>
      <c r="Z11602">
        <v>4</v>
      </c>
      <c r="AA11602">
        <v>4</v>
      </c>
      <c r="AB11602">
        <v>4</v>
      </c>
      <c r="AC11602">
        <v>4</v>
      </c>
      <c r="AD11602">
        <v>4</v>
      </c>
      <c r="AE11602">
        <v>4</v>
      </c>
      <c r="AF11602">
        <v>4</v>
      </c>
      <c r="AG11602">
        <v>4</v>
      </c>
      <c r="AH11602">
        <v>4</v>
      </c>
      <c r="AI11602">
        <v>4</v>
      </c>
      <c r="AJ11602">
        <v>4</v>
      </c>
      <c r="AK11602">
        <v>4</v>
      </c>
      <c r="AL11602">
        <v>4</v>
      </c>
      <c r="AM11602">
        <v>4</v>
      </c>
      <c r="AN11602">
        <v>4</v>
      </c>
      <c r="AO11602">
        <v>4</v>
      </c>
      <c r="AP11602">
        <v>4</v>
      </c>
      <c r="AQ11602">
        <v>4</v>
      </c>
    </row>
    <row r="11603" spans="1:43">
      <c r="A11603" t="s">
        <v>7212</v>
      </c>
      <c r="B11603" t="s">
        <v>7213</v>
      </c>
      <c r="C11603" t="s">
        <v>7186</v>
      </c>
      <c r="D11603" t="s">
        <v>7187</v>
      </c>
      <c r="E11603" t="s">
        <v>6982</v>
      </c>
      <c r="F11603" t="s">
        <v>6983</v>
      </c>
      <c r="G11603" t="s">
        <v>80</v>
      </c>
      <c r="H11603" t="s">
        <v>81</v>
      </c>
      <c r="I11603" s="2">
        <v>0</v>
      </c>
      <c r="J11603" s="2">
        <v>1</v>
      </c>
      <c r="K11603" s="2">
        <v>0</v>
      </c>
      <c r="L11603" t="s">
        <v>82</v>
      </c>
      <c r="M11603" t="s">
        <v>87</v>
      </c>
      <c r="N11603" t="s">
        <v>88</v>
      </c>
      <c r="O11603" t="s">
        <v>85</v>
      </c>
      <c r="P11603" t="s">
        <v>86</v>
      </c>
      <c r="Q11603">
        <v>4</v>
      </c>
      <c r="R11603">
        <v>4</v>
      </c>
      <c r="S11603">
        <v>4</v>
      </c>
      <c r="T11603">
        <v>4</v>
      </c>
      <c r="U11603">
        <v>4</v>
      </c>
      <c r="V11603">
        <v>4</v>
      </c>
      <c r="W11603">
        <v>4</v>
      </c>
      <c r="X11603">
        <v>4</v>
      </c>
      <c r="Y11603">
        <v>4</v>
      </c>
      <c r="Z11603">
        <v>4</v>
      </c>
      <c r="AA11603">
        <v>4</v>
      </c>
      <c r="AB11603">
        <v>4</v>
      </c>
      <c r="AC11603">
        <v>4</v>
      </c>
      <c r="AD11603">
        <v>4</v>
      </c>
      <c r="AE11603">
        <v>4</v>
      </c>
      <c r="AF11603">
        <v>4</v>
      </c>
      <c r="AG11603">
        <v>4</v>
      </c>
      <c r="AH11603">
        <v>4</v>
      </c>
      <c r="AI11603">
        <v>4</v>
      </c>
      <c r="AJ11603">
        <v>4</v>
      </c>
      <c r="AK11603">
        <v>4</v>
      </c>
      <c r="AL11603">
        <v>4</v>
      </c>
      <c r="AM11603">
        <v>4</v>
      </c>
      <c r="AN11603">
        <v>4</v>
      </c>
      <c r="AO11603">
        <v>4</v>
      </c>
      <c r="AP11603">
        <v>4</v>
      </c>
      <c r="AQ11603">
        <v>4</v>
      </c>
    </row>
    <row r="11604" spans="1:43">
      <c r="A11604" t="s">
        <v>7212</v>
      </c>
      <c r="B11604" t="s">
        <v>7213</v>
      </c>
      <c r="C11604" t="s">
        <v>7186</v>
      </c>
      <c r="D11604" t="s">
        <v>7187</v>
      </c>
      <c r="E11604" t="s">
        <v>6982</v>
      </c>
      <c r="F11604" t="s">
        <v>6983</v>
      </c>
      <c r="G11604" t="s">
        <v>80</v>
      </c>
      <c r="H11604" t="s">
        <v>81</v>
      </c>
      <c r="I11604" s="2">
        <v>0</v>
      </c>
      <c r="J11604" s="2">
        <v>1</v>
      </c>
      <c r="K11604" s="2">
        <v>0</v>
      </c>
      <c r="L11604" t="s">
        <v>82</v>
      </c>
      <c r="M11604" t="s">
        <v>89</v>
      </c>
      <c r="N11604" t="s">
        <v>90</v>
      </c>
      <c r="O11604" t="s">
        <v>85</v>
      </c>
      <c r="P11604" t="s">
        <v>86</v>
      </c>
      <c r="Q11604">
        <v>4</v>
      </c>
      <c r="R11604">
        <v>4</v>
      </c>
      <c r="S11604">
        <v>4</v>
      </c>
      <c r="T11604">
        <v>4</v>
      </c>
      <c r="U11604">
        <v>4</v>
      </c>
      <c r="V11604">
        <v>4</v>
      </c>
      <c r="W11604">
        <v>4</v>
      </c>
      <c r="X11604">
        <v>4</v>
      </c>
      <c r="Y11604">
        <v>4</v>
      </c>
      <c r="Z11604">
        <v>4</v>
      </c>
      <c r="AA11604">
        <v>4</v>
      </c>
      <c r="AB11604">
        <v>4</v>
      </c>
      <c r="AC11604">
        <v>4</v>
      </c>
      <c r="AD11604">
        <v>4</v>
      </c>
      <c r="AE11604">
        <v>4</v>
      </c>
      <c r="AF11604">
        <v>4</v>
      </c>
      <c r="AG11604">
        <v>4</v>
      </c>
      <c r="AH11604">
        <v>4</v>
      </c>
      <c r="AI11604">
        <v>4</v>
      </c>
      <c r="AJ11604">
        <v>4</v>
      </c>
      <c r="AK11604">
        <v>4</v>
      </c>
      <c r="AL11604">
        <v>4</v>
      </c>
      <c r="AM11604">
        <v>4</v>
      </c>
      <c r="AN11604">
        <v>4</v>
      </c>
      <c r="AO11604">
        <v>4</v>
      </c>
      <c r="AP11604">
        <v>4</v>
      </c>
      <c r="AQ11604">
        <v>4</v>
      </c>
    </row>
    <row r="11605" spans="1:43">
      <c r="A11605" t="s">
        <v>7212</v>
      </c>
      <c r="B11605" t="s">
        <v>7213</v>
      </c>
      <c r="C11605" t="s">
        <v>7186</v>
      </c>
      <c r="D11605" t="s">
        <v>7187</v>
      </c>
      <c r="E11605" t="s">
        <v>6982</v>
      </c>
      <c r="F11605" t="s">
        <v>6983</v>
      </c>
      <c r="G11605" t="s">
        <v>80</v>
      </c>
      <c r="H11605" t="s">
        <v>81</v>
      </c>
      <c r="I11605" s="2">
        <v>0</v>
      </c>
      <c r="J11605" s="2">
        <v>1</v>
      </c>
      <c r="K11605" s="2">
        <v>0</v>
      </c>
      <c r="L11605" t="s">
        <v>82</v>
      </c>
      <c r="M11605" t="s">
        <v>83</v>
      </c>
      <c r="N11605" t="s">
        <v>91</v>
      </c>
      <c r="O11605" t="s">
        <v>85</v>
      </c>
      <c r="P11605" t="s">
        <v>86</v>
      </c>
      <c r="Q11605">
        <v>4</v>
      </c>
      <c r="R11605">
        <v>4</v>
      </c>
      <c r="S11605">
        <v>4</v>
      </c>
      <c r="T11605">
        <v>4</v>
      </c>
      <c r="U11605">
        <v>4</v>
      </c>
      <c r="V11605">
        <v>4</v>
      </c>
      <c r="W11605">
        <v>4</v>
      </c>
      <c r="X11605">
        <v>4</v>
      </c>
      <c r="Y11605">
        <v>4</v>
      </c>
      <c r="Z11605">
        <v>4</v>
      </c>
      <c r="AA11605">
        <v>4</v>
      </c>
      <c r="AB11605">
        <v>4</v>
      </c>
      <c r="AC11605">
        <v>4</v>
      </c>
      <c r="AD11605">
        <v>4</v>
      </c>
      <c r="AE11605">
        <v>4</v>
      </c>
      <c r="AF11605">
        <v>4</v>
      </c>
      <c r="AG11605">
        <v>4</v>
      </c>
      <c r="AH11605">
        <v>4</v>
      </c>
      <c r="AI11605">
        <v>4</v>
      </c>
      <c r="AJ11605">
        <v>4</v>
      </c>
      <c r="AK11605">
        <v>4</v>
      </c>
      <c r="AL11605">
        <v>4</v>
      </c>
      <c r="AM11605">
        <v>4</v>
      </c>
      <c r="AN11605">
        <v>4</v>
      </c>
      <c r="AO11605">
        <v>4</v>
      </c>
      <c r="AP11605">
        <v>4</v>
      </c>
      <c r="AQ11605">
        <v>4</v>
      </c>
    </row>
    <row r="11606" spans="1:43">
      <c r="A11606" t="s">
        <v>7214</v>
      </c>
      <c r="B11606" t="s">
        <v>7215</v>
      </c>
      <c r="C11606" t="s">
        <v>7186</v>
      </c>
      <c r="D11606" t="s">
        <v>7187</v>
      </c>
      <c r="E11606" t="s">
        <v>6982</v>
      </c>
      <c r="F11606" t="s">
        <v>6983</v>
      </c>
      <c r="G11606" t="s">
        <v>80</v>
      </c>
      <c r="H11606" t="s">
        <v>81</v>
      </c>
      <c r="I11606" s="2">
        <v>0</v>
      </c>
      <c r="J11606" s="2">
        <v>1</v>
      </c>
      <c r="K11606" s="2">
        <v>0</v>
      </c>
      <c r="L11606" t="s">
        <v>82</v>
      </c>
      <c r="M11606" t="s">
        <v>83</v>
      </c>
      <c r="N11606" t="s">
        <v>84</v>
      </c>
      <c r="O11606" t="s">
        <v>85</v>
      </c>
      <c r="P11606" t="s">
        <v>86</v>
      </c>
      <c r="Q11606">
        <v>24</v>
      </c>
      <c r="R11606">
        <v>24</v>
      </c>
      <c r="S11606">
        <v>24</v>
      </c>
      <c r="T11606">
        <v>24</v>
      </c>
      <c r="U11606">
        <v>24</v>
      </c>
      <c r="V11606">
        <v>24</v>
      </c>
      <c r="W11606">
        <v>24</v>
      </c>
      <c r="X11606">
        <v>25</v>
      </c>
      <c r="Y11606">
        <v>25</v>
      </c>
      <c r="Z11606">
        <v>25</v>
      </c>
      <c r="AA11606">
        <v>25</v>
      </c>
      <c r="AB11606">
        <v>25</v>
      </c>
      <c r="AC11606">
        <v>25</v>
      </c>
      <c r="AD11606">
        <v>25</v>
      </c>
      <c r="AE11606">
        <v>25</v>
      </c>
      <c r="AF11606">
        <v>25</v>
      </c>
      <c r="AG11606">
        <v>25</v>
      </c>
      <c r="AH11606">
        <v>26</v>
      </c>
      <c r="AI11606">
        <v>26</v>
      </c>
      <c r="AJ11606">
        <v>26</v>
      </c>
      <c r="AK11606">
        <v>26</v>
      </c>
      <c r="AL11606">
        <v>26</v>
      </c>
      <c r="AM11606">
        <v>26</v>
      </c>
      <c r="AN11606">
        <v>25</v>
      </c>
      <c r="AO11606">
        <v>25</v>
      </c>
      <c r="AP11606">
        <v>25</v>
      </c>
      <c r="AQ11606">
        <v>25</v>
      </c>
    </row>
    <row r="11607" spans="1:43">
      <c r="A11607" t="s">
        <v>7214</v>
      </c>
      <c r="B11607" t="s">
        <v>7215</v>
      </c>
      <c r="C11607" t="s">
        <v>7186</v>
      </c>
      <c r="D11607" t="s">
        <v>7187</v>
      </c>
      <c r="E11607" t="s">
        <v>6982</v>
      </c>
      <c r="F11607" t="s">
        <v>6983</v>
      </c>
      <c r="G11607" t="s">
        <v>80</v>
      </c>
      <c r="H11607" t="s">
        <v>81</v>
      </c>
      <c r="I11607" s="2">
        <v>0</v>
      </c>
      <c r="J11607" s="2">
        <v>1</v>
      </c>
      <c r="K11607" s="2">
        <v>0</v>
      </c>
      <c r="L11607" t="s">
        <v>82</v>
      </c>
      <c r="M11607" t="s">
        <v>87</v>
      </c>
      <c r="N11607" t="s">
        <v>88</v>
      </c>
      <c r="O11607" t="s">
        <v>85</v>
      </c>
      <c r="P11607" t="s">
        <v>86</v>
      </c>
      <c r="Q11607">
        <v>24</v>
      </c>
      <c r="R11607">
        <v>24</v>
      </c>
      <c r="S11607">
        <v>24</v>
      </c>
      <c r="T11607">
        <v>24</v>
      </c>
      <c r="U11607">
        <v>24</v>
      </c>
      <c r="V11607">
        <v>24</v>
      </c>
      <c r="W11607">
        <v>24</v>
      </c>
      <c r="X11607">
        <v>24</v>
      </c>
      <c r="Y11607">
        <v>24</v>
      </c>
      <c r="Z11607">
        <v>24</v>
      </c>
      <c r="AA11607">
        <v>24</v>
      </c>
      <c r="AB11607">
        <v>24</v>
      </c>
      <c r="AC11607">
        <v>24</v>
      </c>
      <c r="AD11607">
        <v>23</v>
      </c>
      <c r="AE11607">
        <v>23</v>
      </c>
      <c r="AF11607">
        <v>23</v>
      </c>
      <c r="AG11607">
        <v>23</v>
      </c>
      <c r="AH11607">
        <v>23</v>
      </c>
      <c r="AI11607">
        <v>23</v>
      </c>
      <c r="AJ11607">
        <v>23</v>
      </c>
      <c r="AK11607">
        <v>23</v>
      </c>
      <c r="AL11607">
        <v>23</v>
      </c>
      <c r="AM11607">
        <v>23</v>
      </c>
      <c r="AN11607">
        <v>23</v>
      </c>
      <c r="AO11607">
        <v>23</v>
      </c>
      <c r="AP11607">
        <v>23</v>
      </c>
      <c r="AQ11607">
        <v>23</v>
      </c>
    </row>
    <row r="11608" spans="1:43">
      <c r="A11608" t="s">
        <v>7214</v>
      </c>
      <c r="B11608" t="s">
        <v>7215</v>
      </c>
      <c r="C11608" t="s">
        <v>7186</v>
      </c>
      <c r="D11608" t="s">
        <v>7187</v>
      </c>
      <c r="E11608" t="s">
        <v>6982</v>
      </c>
      <c r="F11608" t="s">
        <v>6983</v>
      </c>
      <c r="G11608" t="s">
        <v>80</v>
      </c>
      <c r="H11608" t="s">
        <v>81</v>
      </c>
      <c r="I11608" s="2">
        <v>0</v>
      </c>
      <c r="J11608" s="2">
        <v>1</v>
      </c>
      <c r="K11608" s="2">
        <v>0</v>
      </c>
      <c r="L11608" t="s">
        <v>82</v>
      </c>
      <c r="M11608" t="s">
        <v>89</v>
      </c>
      <c r="N11608" t="s">
        <v>90</v>
      </c>
      <c r="O11608" t="s">
        <v>85</v>
      </c>
      <c r="P11608" t="s">
        <v>86</v>
      </c>
      <c r="Q11608">
        <v>24</v>
      </c>
      <c r="R11608">
        <v>24</v>
      </c>
      <c r="S11608">
        <v>24</v>
      </c>
      <c r="T11608">
        <v>25</v>
      </c>
      <c r="U11608">
        <v>25</v>
      </c>
      <c r="V11608">
        <v>25</v>
      </c>
      <c r="W11608">
        <v>26</v>
      </c>
      <c r="X11608">
        <v>26</v>
      </c>
      <c r="Y11608">
        <v>26</v>
      </c>
      <c r="Z11608">
        <v>26</v>
      </c>
      <c r="AA11608">
        <v>26</v>
      </c>
      <c r="AB11608">
        <v>27</v>
      </c>
      <c r="AC11608">
        <v>27</v>
      </c>
      <c r="AD11608">
        <v>27</v>
      </c>
      <c r="AE11608">
        <v>27</v>
      </c>
      <c r="AF11608">
        <v>27</v>
      </c>
      <c r="AG11608">
        <v>27</v>
      </c>
      <c r="AH11608">
        <v>27</v>
      </c>
      <c r="AI11608">
        <v>26</v>
      </c>
      <c r="AJ11608">
        <v>26</v>
      </c>
      <c r="AK11608">
        <v>26</v>
      </c>
      <c r="AL11608">
        <v>26</v>
      </c>
      <c r="AM11608">
        <v>26</v>
      </c>
      <c r="AN11608">
        <v>26</v>
      </c>
      <c r="AO11608">
        <v>26</v>
      </c>
      <c r="AP11608">
        <v>25</v>
      </c>
      <c r="AQ11608">
        <v>25</v>
      </c>
    </row>
    <row r="11609" spans="1:43">
      <c r="A11609" t="s">
        <v>7214</v>
      </c>
      <c r="B11609" t="s">
        <v>7215</v>
      </c>
      <c r="C11609" t="s">
        <v>7186</v>
      </c>
      <c r="D11609" t="s">
        <v>7187</v>
      </c>
      <c r="E11609" t="s">
        <v>6982</v>
      </c>
      <c r="F11609" t="s">
        <v>6983</v>
      </c>
      <c r="G11609" t="s">
        <v>80</v>
      </c>
      <c r="H11609" t="s">
        <v>81</v>
      </c>
      <c r="I11609" s="2">
        <v>0</v>
      </c>
      <c r="J11609" s="2">
        <v>1</v>
      </c>
      <c r="K11609" s="2">
        <v>0</v>
      </c>
      <c r="L11609" t="s">
        <v>82</v>
      </c>
      <c r="M11609" t="s">
        <v>83</v>
      </c>
      <c r="N11609" t="s">
        <v>91</v>
      </c>
      <c r="O11609" t="s">
        <v>85</v>
      </c>
      <c r="P11609" t="s">
        <v>86</v>
      </c>
      <c r="Q11609">
        <v>24</v>
      </c>
      <c r="R11609">
        <v>24</v>
      </c>
      <c r="S11609">
        <v>24</v>
      </c>
      <c r="T11609">
        <v>24</v>
      </c>
      <c r="U11609">
        <v>24</v>
      </c>
      <c r="V11609">
        <v>24</v>
      </c>
      <c r="W11609">
        <v>24</v>
      </c>
      <c r="X11609">
        <v>25</v>
      </c>
      <c r="Y11609">
        <v>25</v>
      </c>
      <c r="Z11609">
        <v>25</v>
      </c>
      <c r="AA11609">
        <v>25</v>
      </c>
      <c r="AB11609">
        <v>25</v>
      </c>
      <c r="AC11609">
        <v>25</v>
      </c>
      <c r="AD11609">
        <v>25</v>
      </c>
      <c r="AE11609">
        <v>25</v>
      </c>
      <c r="AF11609">
        <v>25</v>
      </c>
      <c r="AG11609">
        <v>25</v>
      </c>
      <c r="AH11609">
        <v>26</v>
      </c>
      <c r="AI11609">
        <v>26</v>
      </c>
      <c r="AJ11609">
        <v>26</v>
      </c>
      <c r="AK11609">
        <v>26</v>
      </c>
      <c r="AL11609">
        <v>26</v>
      </c>
      <c r="AM11609">
        <v>26</v>
      </c>
      <c r="AN11609">
        <v>25</v>
      </c>
      <c r="AO11609">
        <v>25</v>
      </c>
      <c r="AP11609">
        <v>25</v>
      </c>
      <c r="AQ11609">
        <v>25</v>
      </c>
    </row>
    <row r="11610" spans="1:43">
      <c r="A11610" t="s">
        <v>7216</v>
      </c>
      <c r="B11610" t="s">
        <v>7217</v>
      </c>
      <c r="C11610" t="s">
        <v>7186</v>
      </c>
      <c r="D11610" t="s">
        <v>7187</v>
      </c>
      <c r="E11610" t="s">
        <v>6982</v>
      </c>
      <c r="F11610" t="s">
        <v>6983</v>
      </c>
      <c r="G11610" t="s">
        <v>80</v>
      </c>
      <c r="H11610" t="s">
        <v>81</v>
      </c>
      <c r="I11610" s="2">
        <v>0</v>
      </c>
      <c r="J11610" s="2">
        <v>1</v>
      </c>
      <c r="K11610" s="2">
        <v>0</v>
      </c>
      <c r="L11610" t="s">
        <v>82</v>
      </c>
      <c r="M11610" t="s">
        <v>83</v>
      </c>
      <c r="N11610" t="s">
        <v>84</v>
      </c>
      <c r="O11610" t="s">
        <v>85</v>
      </c>
      <c r="P11610" t="s">
        <v>86</v>
      </c>
      <c r="Q11610">
        <v>22</v>
      </c>
      <c r="R11610">
        <v>22</v>
      </c>
      <c r="S11610">
        <v>22</v>
      </c>
      <c r="T11610">
        <v>23</v>
      </c>
      <c r="U11610">
        <v>23</v>
      </c>
      <c r="V11610">
        <v>23</v>
      </c>
      <c r="W11610">
        <v>23</v>
      </c>
      <c r="X11610">
        <v>23</v>
      </c>
      <c r="Y11610">
        <v>23</v>
      </c>
      <c r="Z11610">
        <v>23</v>
      </c>
      <c r="AA11610">
        <v>24</v>
      </c>
      <c r="AB11610">
        <v>24</v>
      </c>
      <c r="AC11610">
        <v>24</v>
      </c>
      <c r="AD11610">
        <v>24</v>
      </c>
      <c r="AE11610">
        <v>24</v>
      </c>
      <c r="AF11610">
        <v>24</v>
      </c>
      <c r="AG11610">
        <v>24</v>
      </c>
      <c r="AH11610">
        <v>24</v>
      </c>
      <c r="AI11610">
        <v>24</v>
      </c>
      <c r="AJ11610">
        <v>24</v>
      </c>
      <c r="AK11610">
        <v>24</v>
      </c>
      <c r="AL11610">
        <v>24</v>
      </c>
      <c r="AM11610">
        <v>24</v>
      </c>
      <c r="AN11610">
        <v>24</v>
      </c>
      <c r="AO11610">
        <v>24</v>
      </c>
      <c r="AP11610">
        <v>24</v>
      </c>
      <c r="AQ11610">
        <v>24</v>
      </c>
    </row>
    <row r="11611" spans="1:43">
      <c r="A11611" t="s">
        <v>7216</v>
      </c>
      <c r="B11611" t="s">
        <v>7217</v>
      </c>
      <c r="C11611" t="s">
        <v>7186</v>
      </c>
      <c r="D11611" t="s">
        <v>7187</v>
      </c>
      <c r="E11611" t="s">
        <v>6982</v>
      </c>
      <c r="F11611" t="s">
        <v>6983</v>
      </c>
      <c r="G11611" t="s">
        <v>80</v>
      </c>
      <c r="H11611" t="s">
        <v>81</v>
      </c>
      <c r="I11611" s="2">
        <v>0</v>
      </c>
      <c r="J11611" s="2">
        <v>1</v>
      </c>
      <c r="K11611" s="2">
        <v>0</v>
      </c>
      <c r="L11611" t="s">
        <v>82</v>
      </c>
      <c r="M11611" t="s">
        <v>87</v>
      </c>
      <c r="N11611" t="s">
        <v>88</v>
      </c>
      <c r="O11611" t="s">
        <v>85</v>
      </c>
      <c r="P11611" t="s">
        <v>86</v>
      </c>
      <c r="Q11611">
        <v>22</v>
      </c>
      <c r="R11611">
        <v>22</v>
      </c>
      <c r="S11611">
        <v>22</v>
      </c>
      <c r="T11611">
        <v>22</v>
      </c>
      <c r="U11611">
        <v>22</v>
      </c>
      <c r="V11611">
        <v>22</v>
      </c>
      <c r="W11611">
        <v>22</v>
      </c>
      <c r="X11611">
        <v>22</v>
      </c>
      <c r="Y11611">
        <v>22</v>
      </c>
      <c r="Z11611">
        <v>22</v>
      </c>
      <c r="AA11611">
        <v>21</v>
      </c>
      <c r="AB11611">
        <v>21</v>
      </c>
      <c r="AC11611">
        <v>21</v>
      </c>
      <c r="AD11611">
        <v>21</v>
      </c>
      <c r="AE11611">
        <v>21</v>
      </c>
      <c r="AF11611">
        <v>21</v>
      </c>
      <c r="AG11611">
        <v>21</v>
      </c>
      <c r="AH11611">
        <v>21</v>
      </c>
      <c r="AI11611">
        <v>21</v>
      </c>
      <c r="AJ11611">
        <v>21</v>
      </c>
      <c r="AK11611">
        <v>21</v>
      </c>
      <c r="AL11611">
        <v>21</v>
      </c>
      <c r="AM11611">
        <v>21</v>
      </c>
      <c r="AN11611">
        <v>21</v>
      </c>
      <c r="AO11611">
        <v>21</v>
      </c>
      <c r="AP11611">
        <v>21</v>
      </c>
      <c r="AQ11611">
        <v>21</v>
      </c>
    </row>
    <row r="11612" spans="1:43">
      <c r="A11612" t="s">
        <v>7216</v>
      </c>
      <c r="B11612" t="s">
        <v>7217</v>
      </c>
      <c r="C11612" t="s">
        <v>7186</v>
      </c>
      <c r="D11612" t="s">
        <v>7187</v>
      </c>
      <c r="E11612" t="s">
        <v>6982</v>
      </c>
      <c r="F11612" t="s">
        <v>6983</v>
      </c>
      <c r="G11612" t="s">
        <v>80</v>
      </c>
      <c r="H11612" t="s">
        <v>81</v>
      </c>
      <c r="I11612" s="2">
        <v>0</v>
      </c>
      <c r="J11612" s="2">
        <v>1</v>
      </c>
      <c r="K11612" s="2">
        <v>0</v>
      </c>
      <c r="L11612" t="s">
        <v>82</v>
      </c>
      <c r="M11612" t="s">
        <v>89</v>
      </c>
      <c r="N11612" t="s">
        <v>90</v>
      </c>
      <c r="O11612" t="s">
        <v>85</v>
      </c>
      <c r="P11612" t="s">
        <v>86</v>
      </c>
      <c r="Q11612">
        <v>22</v>
      </c>
      <c r="R11612">
        <v>23</v>
      </c>
      <c r="S11612">
        <v>23</v>
      </c>
      <c r="T11612">
        <v>23</v>
      </c>
      <c r="U11612">
        <v>24</v>
      </c>
      <c r="V11612">
        <v>24</v>
      </c>
      <c r="W11612">
        <v>24</v>
      </c>
      <c r="X11612">
        <v>24</v>
      </c>
      <c r="Y11612">
        <v>25</v>
      </c>
      <c r="Z11612">
        <v>25</v>
      </c>
      <c r="AA11612">
        <v>25</v>
      </c>
      <c r="AB11612">
        <v>25</v>
      </c>
      <c r="AC11612">
        <v>25</v>
      </c>
      <c r="AD11612">
        <v>26</v>
      </c>
      <c r="AE11612">
        <v>26</v>
      </c>
      <c r="AF11612">
        <v>25</v>
      </c>
      <c r="AG11612">
        <v>25</v>
      </c>
      <c r="AH11612">
        <v>25</v>
      </c>
      <c r="AI11612">
        <v>25</v>
      </c>
      <c r="AJ11612">
        <v>25</v>
      </c>
      <c r="AK11612">
        <v>25</v>
      </c>
      <c r="AL11612">
        <v>25</v>
      </c>
      <c r="AM11612">
        <v>25</v>
      </c>
      <c r="AN11612">
        <v>24</v>
      </c>
      <c r="AO11612">
        <v>24</v>
      </c>
      <c r="AP11612">
        <v>24</v>
      </c>
      <c r="AQ11612">
        <v>24</v>
      </c>
    </row>
    <row r="11613" spans="1:43">
      <c r="A11613" t="s">
        <v>7216</v>
      </c>
      <c r="B11613" t="s">
        <v>7217</v>
      </c>
      <c r="C11613" t="s">
        <v>7186</v>
      </c>
      <c r="D11613" t="s">
        <v>7187</v>
      </c>
      <c r="E11613" t="s">
        <v>6982</v>
      </c>
      <c r="F11613" t="s">
        <v>6983</v>
      </c>
      <c r="G11613" t="s">
        <v>80</v>
      </c>
      <c r="H11613" t="s">
        <v>81</v>
      </c>
      <c r="I11613" s="2">
        <v>0</v>
      </c>
      <c r="J11613" s="2">
        <v>1</v>
      </c>
      <c r="K11613" s="2">
        <v>0</v>
      </c>
      <c r="L11613" t="s">
        <v>82</v>
      </c>
      <c r="M11613" t="s">
        <v>83</v>
      </c>
      <c r="N11613" t="s">
        <v>91</v>
      </c>
      <c r="O11613" t="s">
        <v>85</v>
      </c>
      <c r="P11613" t="s">
        <v>86</v>
      </c>
      <c r="Q11613">
        <v>22</v>
      </c>
      <c r="R11613">
        <v>22</v>
      </c>
      <c r="S11613">
        <v>22</v>
      </c>
      <c r="T11613">
        <v>23</v>
      </c>
      <c r="U11613">
        <v>23</v>
      </c>
      <c r="V11613">
        <v>23</v>
      </c>
      <c r="W11613">
        <v>23</v>
      </c>
      <c r="X11613">
        <v>23</v>
      </c>
      <c r="Y11613">
        <v>23</v>
      </c>
      <c r="Z11613">
        <v>23</v>
      </c>
      <c r="AA11613">
        <v>24</v>
      </c>
      <c r="AB11613">
        <v>24</v>
      </c>
      <c r="AC11613">
        <v>24</v>
      </c>
      <c r="AD11613">
        <v>24</v>
      </c>
      <c r="AE11613">
        <v>24</v>
      </c>
      <c r="AF11613">
        <v>24</v>
      </c>
      <c r="AG11613">
        <v>24</v>
      </c>
      <c r="AH11613">
        <v>24</v>
      </c>
      <c r="AI11613">
        <v>24</v>
      </c>
      <c r="AJ11613">
        <v>24</v>
      </c>
      <c r="AK11613">
        <v>24</v>
      </c>
      <c r="AL11613">
        <v>24</v>
      </c>
      <c r="AM11613">
        <v>24</v>
      </c>
      <c r="AN11613">
        <v>24</v>
      </c>
      <c r="AO11613">
        <v>24</v>
      </c>
      <c r="AP11613">
        <v>24</v>
      </c>
      <c r="AQ11613">
        <v>24</v>
      </c>
    </row>
    <row r="11614" spans="1:43">
      <c r="A11614" t="s">
        <v>7218</v>
      </c>
      <c r="B11614" t="s">
        <v>7219</v>
      </c>
      <c r="C11614" t="s">
        <v>7160</v>
      </c>
      <c r="D11614" t="s">
        <v>7161</v>
      </c>
      <c r="E11614" t="s">
        <v>6982</v>
      </c>
      <c r="F11614" t="s">
        <v>6983</v>
      </c>
      <c r="G11614" t="s">
        <v>80</v>
      </c>
      <c r="H11614" t="s">
        <v>81</v>
      </c>
      <c r="I11614" s="2">
        <v>0</v>
      </c>
      <c r="J11614" s="2">
        <v>1</v>
      </c>
      <c r="K11614" s="2">
        <v>0</v>
      </c>
      <c r="L11614" t="s">
        <v>82</v>
      </c>
      <c r="M11614" t="s">
        <v>83</v>
      </c>
      <c r="N11614" t="s">
        <v>84</v>
      </c>
      <c r="O11614" t="s">
        <v>85</v>
      </c>
      <c r="P11614" t="s">
        <v>86</v>
      </c>
      <c r="Q11614">
        <v>48</v>
      </c>
      <c r="R11614">
        <v>48</v>
      </c>
      <c r="S11614">
        <v>49</v>
      </c>
      <c r="T11614">
        <v>49</v>
      </c>
      <c r="U11614">
        <v>49</v>
      </c>
      <c r="V11614">
        <v>50</v>
      </c>
      <c r="W11614">
        <v>50</v>
      </c>
      <c r="X11614">
        <v>50</v>
      </c>
      <c r="Y11614">
        <v>50</v>
      </c>
      <c r="Z11614">
        <v>51</v>
      </c>
      <c r="AA11614">
        <v>51</v>
      </c>
      <c r="AB11614">
        <v>51</v>
      </c>
      <c r="AC11614">
        <v>51</v>
      </c>
      <c r="AD11614">
        <v>52</v>
      </c>
      <c r="AE11614">
        <v>52</v>
      </c>
      <c r="AF11614">
        <v>52</v>
      </c>
      <c r="AG11614">
        <v>52</v>
      </c>
      <c r="AH11614">
        <v>52</v>
      </c>
      <c r="AI11614">
        <v>52</v>
      </c>
      <c r="AJ11614">
        <v>53</v>
      </c>
      <c r="AK11614">
        <v>53</v>
      </c>
      <c r="AL11614">
        <v>53</v>
      </c>
      <c r="AM11614">
        <v>52</v>
      </c>
      <c r="AN11614">
        <v>52</v>
      </c>
      <c r="AO11614">
        <v>52</v>
      </c>
      <c r="AP11614">
        <v>51</v>
      </c>
      <c r="AQ11614">
        <v>51</v>
      </c>
    </row>
    <row r="11615" spans="1:43">
      <c r="A11615" t="s">
        <v>7218</v>
      </c>
      <c r="B11615" t="s">
        <v>7219</v>
      </c>
      <c r="C11615" t="s">
        <v>7160</v>
      </c>
      <c r="D11615" t="s">
        <v>7161</v>
      </c>
      <c r="E11615" t="s">
        <v>6982</v>
      </c>
      <c r="F11615" t="s">
        <v>6983</v>
      </c>
      <c r="G11615" t="s">
        <v>80</v>
      </c>
      <c r="H11615" t="s">
        <v>81</v>
      </c>
      <c r="I11615" s="2">
        <v>0</v>
      </c>
      <c r="J11615" s="2">
        <v>1</v>
      </c>
      <c r="K11615" s="2">
        <v>0</v>
      </c>
      <c r="L11615" t="s">
        <v>82</v>
      </c>
      <c r="M11615" t="s">
        <v>87</v>
      </c>
      <c r="N11615" t="s">
        <v>88</v>
      </c>
      <c r="O11615" t="s">
        <v>85</v>
      </c>
      <c r="P11615" t="s">
        <v>86</v>
      </c>
      <c r="Q11615">
        <v>48</v>
      </c>
      <c r="R11615">
        <v>47</v>
      </c>
      <c r="S11615">
        <v>47</v>
      </c>
      <c r="T11615">
        <v>47</v>
      </c>
      <c r="U11615">
        <v>47</v>
      </c>
      <c r="V11615">
        <v>47</v>
      </c>
      <c r="W11615">
        <v>47</v>
      </c>
      <c r="X11615">
        <v>47</v>
      </c>
      <c r="Y11615">
        <v>47</v>
      </c>
      <c r="Z11615">
        <v>46</v>
      </c>
      <c r="AA11615">
        <v>46</v>
      </c>
      <c r="AB11615">
        <v>46</v>
      </c>
      <c r="AC11615">
        <v>46</v>
      </c>
      <c r="AD11615">
        <v>46</v>
      </c>
      <c r="AE11615">
        <v>46</v>
      </c>
      <c r="AF11615">
        <v>46</v>
      </c>
      <c r="AG11615">
        <v>46</v>
      </c>
      <c r="AH11615">
        <v>45</v>
      </c>
      <c r="AI11615">
        <v>45</v>
      </c>
      <c r="AJ11615">
        <v>45</v>
      </c>
      <c r="AK11615">
        <v>45</v>
      </c>
      <c r="AL11615">
        <v>45</v>
      </c>
      <c r="AM11615">
        <v>45</v>
      </c>
      <c r="AN11615">
        <v>45</v>
      </c>
      <c r="AO11615">
        <v>45</v>
      </c>
      <c r="AP11615">
        <v>45</v>
      </c>
      <c r="AQ11615">
        <v>44</v>
      </c>
    </row>
    <row r="11616" spans="1:43">
      <c r="A11616" t="s">
        <v>7218</v>
      </c>
      <c r="B11616" t="s">
        <v>7219</v>
      </c>
      <c r="C11616" t="s">
        <v>7160</v>
      </c>
      <c r="D11616" t="s">
        <v>7161</v>
      </c>
      <c r="E11616" t="s">
        <v>6982</v>
      </c>
      <c r="F11616" t="s">
        <v>6983</v>
      </c>
      <c r="G11616" t="s">
        <v>80</v>
      </c>
      <c r="H11616" t="s">
        <v>81</v>
      </c>
      <c r="I11616" s="2">
        <v>0</v>
      </c>
      <c r="J11616" s="2">
        <v>1</v>
      </c>
      <c r="K11616" s="2">
        <v>0</v>
      </c>
      <c r="L11616" t="s">
        <v>82</v>
      </c>
      <c r="M11616" t="s">
        <v>89</v>
      </c>
      <c r="N11616" t="s">
        <v>90</v>
      </c>
      <c r="O11616" t="s">
        <v>85</v>
      </c>
      <c r="P11616" t="s">
        <v>86</v>
      </c>
      <c r="Q11616">
        <v>48</v>
      </c>
      <c r="R11616">
        <v>48</v>
      </c>
      <c r="S11616">
        <v>49</v>
      </c>
      <c r="T11616">
        <v>50</v>
      </c>
      <c r="U11616">
        <v>50</v>
      </c>
      <c r="V11616">
        <v>51</v>
      </c>
      <c r="W11616">
        <v>51</v>
      </c>
      <c r="X11616">
        <v>52</v>
      </c>
      <c r="Y11616">
        <v>52</v>
      </c>
      <c r="Z11616">
        <v>53</v>
      </c>
      <c r="AA11616">
        <v>53</v>
      </c>
      <c r="AB11616">
        <v>53</v>
      </c>
      <c r="AC11616">
        <v>54</v>
      </c>
      <c r="AD11616">
        <v>54</v>
      </c>
      <c r="AE11616">
        <v>54</v>
      </c>
      <c r="AF11616">
        <v>54</v>
      </c>
      <c r="AG11616">
        <v>54</v>
      </c>
      <c r="AH11616">
        <v>53</v>
      </c>
      <c r="AI11616">
        <v>53</v>
      </c>
      <c r="AJ11616">
        <v>53</v>
      </c>
      <c r="AK11616">
        <v>52</v>
      </c>
      <c r="AL11616">
        <v>52</v>
      </c>
      <c r="AM11616">
        <v>52</v>
      </c>
      <c r="AN11616">
        <v>52</v>
      </c>
      <c r="AO11616">
        <v>51</v>
      </c>
      <c r="AP11616">
        <v>51</v>
      </c>
      <c r="AQ11616">
        <v>51</v>
      </c>
    </row>
    <row r="11617" spans="1:43">
      <c r="A11617" t="s">
        <v>7218</v>
      </c>
      <c r="B11617" t="s">
        <v>7219</v>
      </c>
      <c r="C11617" t="s">
        <v>7160</v>
      </c>
      <c r="D11617" t="s">
        <v>7161</v>
      </c>
      <c r="E11617" t="s">
        <v>6982</v>
      </c>
      <c r="F11617" t="s">
        <v>6983</v>
      </c>
      <c r="G11617" t="s">
        <v>80</v>
      </c>
      <c r="H11617" t="s">
        <v>81</v>
      </c>
      <c r="I11617" s="2">
        <v>0</v>
      </c>
      <c r="J11617" s="2">
        <v>1</v>
      </c>
      <c r="K11617" s="2">
        <v>0</v>
      </c>
      <c r="L11617" t="s">
        <v>82</v>
      </c>
      <c r="M11617" t="s">
        <v>83</v>
      </c>
      <c r="N11617" t="s">
        <v>91</v>
      </c>
      <c r="O11617" t="s">
        <v>85</v>
      </c>
      <c r="P11617" t="s">
        <v>86</v>
      </c>
      <c r="Q11617">
        <v>48</v>
      </c>
      <c r="R11617">
        <v>48</v>
      </c>
      <c r="S11617">
        <v>49</v>
      </c>
      <c r="T11617">
        <v>49</v>
      </c>
      <c r="U11617">
        <v>49</v>
      </c>
      <c r="V11617">
        <v>50</v>
      </c>
      <c r="W11617">
        <v>50</v>
      </c>
      <c r="X11617">
        <v>50</v>
      </c>
      <c r="Y11617">
        <v>50</v>
      </c>
      <c r="Z11617">
        <v>51</v>
      </c>
      <c r="AA11617">
        <v>51</v>
      </c>
      <c r="AB11617">
        <v>51</v>
      </c>
      <c r="AC11617">
        <v>51</v>
      </c>
      <c r="AD11617">
        <v>52</v>
      </c>
      <c r="AE11617">
        <v>52</v>
      </c>
      <c r="AF11617">
        <v>52</v>
      </c>
      <c r="AG11617">
        <v>52</v>
      </c>
      <c r="AH11617">
        <v>52</v>
      </c>
      <c r="AI11617">
        <v>52</v>
      </c>
      <c r="AJ11617">
        <v>53</v>
      </c>
      <c r="AK11617">
        <v>53</v>
      </c>
      <c r="AL11617">
        <v>53</v>
      </c>
      <c r="AM11617">
        <v>52</v>
      </c>
      <c r="AN11617">
        <v>52</v>
      </c>
      <c r="AO11617">
        <v>52</v>
      </c>
      <c r="AP11617">
        <v>51</v>
      </c>
      <c r="AQ11617">
        <v>51</v>
      </c>
    </row>
    <row r="11618" spans="1:43">
      <c r="A11618" t="s">
        <v>7220</v>
      </c>
      <c r="B11618" t="s">
        <v>7221</v>
      </c>
      <c r="C11618" t="s">
        <v>7098</v>
      </c>
      <c r="D11618" t="s">
        <v>7099</v>
      </c>
      <c r="E11618" t="s">
        <v>6982</v>
      </c>
      <c r="F11618" t="s">
        <v>6983</v>
      </c>
      <c r="G11618" t="s">
        <v>80</v>
      </c>
      <c r="H11618" t="s">
        <v>81</v>
      </c>
      <c r="I11618" s="2">
        <v>0</v>
      </c>
      <c r="J11618" s="2">
        <v>1</v>
      </c>
      <c r="K11618" s="2">
        <v>0</v>
      </c>
      <c r="L11618" t="s">
        <v>82</v>
      </c>
      <c r="M11618" t="s">
        <v>83</v>
      </c>
      <c r="N11618" t="s">
        <v>84</v>
      </c>
      <c r="O11618" t="s">
        <v>85</v>
      </c>
      <c r="P11618" t="s">
        <v>86</v>
      </c>
      <c r="Q11618">
        <v>20</v>
      </c>
      <c r="R11618">
        <v>21</v>
      </c>
      <c r="S11618">
        <v>21</v>
      </c>
      <c r="T11618">
        <v>21</v>
      </c>
      <c r="U11618">
        <v>21</v>
      </c>
      <c r="V11618">
        <v>21</v>
      </c>
      <c r="W11618">
        <v>21</v>
      </c>
      <c r="X11618">
        <v>21</v>
      </c>
      <c r="Y11618">
        <v>21</v>
      </c>
      <c r="Z11618">
        <v>21</v>
      </c>
      <c r="AA11618">
        <v>21</v>
      </c>
      <c r="AB11618">
        <v>21</v>
      </c>
      <c r="AC11618">
        <v>21</v>
      </c>
      <c r="AD11618">
        <v>22</v>
      </c>
      <c r="AE11618">
        <v>22</v>
      </c>
      <c r="AF11618">
        <v>22</v>
      </c>
      <c r="AG11618">
        <v>22</v>
      </c>
      <c r="AH11618">
        <v>22</v>
      </c>
      <c r="AI11618">
        <v>22</v>
      </c>
      <c r="AJ11618">
        <v>22</v>
      </c>
      <c r="AK11618">
        <v>22</v>
      </c>
      <c r="AL11618">
        <v>22</v>
      </c>
      <c r="AM11618">
        <v>22</v>
      </c>
      <c r="AN11618">
        <v>21</v>
      </c>
      <c r="AO11618">
        <v>21</v>
      </c>
      <c r="AP11618">
        <v>21</v>
      </c>
      <c r="AQ11618">
        <v>21</v>
      </c>
    </row>
    <row r="11619" spans="1:43">
      <c r="A11619" t="s">
        <v>7220</v>
      </c>
      <c r="B11619" t="s">
        <v>7221</v>
      </c>
      <c r="C11619" t="s">
        <v>7098</v>
      </c>
      <c r="D11619" t="s">
        <v>7099</v>
      </c>
      <c r="E11619" t="s">
        <v>6982</v>
      </c>
      <c r="F11619" t="s">
        <v>6983</v>
      </c>
      <c r="G11619" t="s">
        <v>80</v>
      </c>
      <c r="H11619" t="s">
        <v>81</v>
      </c>
      <c r="I11619" s="2">
        <v>0</v>
      </c>
      <c r="J11619" s="2">
        <v>1</v>
      </c>
      <c r="K11619" s="2">
        <v>0</v>
      </c>
      <c r="L11619" t="s">
        <v>82</v>
      </c>
      <c r="M11619" t="s">
        <v>87</v>
      </c>
      <c r="N11619" t="s">
        <v>88</v>
      </c>
      <c r="O11619" t="s">
        <v>85</v>
      </c>
      <c r="P11619" t="s">
        <v>86</v>
      </c>
      <c r="Q11619">
        <v>20</v>
      </c>
      <c r="R11619">
        <v>20</v>
      </c>
      <c r="S11619">
        <v>20</v>
      </c>
      <c r="T11619">
        <v>20</v>
      </c>
      <c r="U11619">
        <v>20</v>
      </c>
      <c r="V11619">
        <v>20</v>
      </c>
      <c r="W11619">
        <v>20</v>
      </c>
      <c r="X11619">
        <v>20</v>
      </c>
      <c r="Y11619">
        <v>20</v>
      </c>
      <c r="Z11619">
        <v>20</v>
      </c>
      <c r="AA11619">
        <v>19</v>
      </c>
      <c r="AB11619">
        <v>19</v>
      </c>
      <c r="AC11619">
        <v>19</v>
      </c>
      <c r="AD11619">
        <v>19</v>
      </c>
      <c r="AE11619">
        <v>19</v>
      </c>
      <c r="AF11619">
        <v>19</v>
      </c>
      <c r="AG11619">
        <v>19</v>
      </c>
      <c r="AH11619">
        <v>19</v>
      </c>
      <c r="AI11619">
        <v>19</v>
      </c>
      <c r="AJ11619">
        <v>19</v>
      </c>
      <c r="AK11619">
        <v>19</v>
      </c>
      <c r="AL11619">
        <v>19</v>
      </c>
      <c r="AM11619">
        <v>18</v>
      </c>
      <c r="AN11619">
        <v>18</v>
      </c>
      <c r="AO11619">
        <v>18</v>
      </c>
      <c r="AP11619">
        <v>18</v>
      </c>
      <c r="AQ11619">
        <v>18</v>
      </c>
    </row>
    <row r="11620" spans="1:43">
      <c r="A11620" t="s">
        <v>7220</v>
      </c>
      <c r="B11620" t="s">
        <v>7221</v>
      </c>
      <c r="C11620" t="s">
        <v>7098</v>
      </c>
      <c r="D11620" t="s">
        <v>7099</v>
      </c>
      <c r="E11620" t="s">
        <v>6982</v>
      </c>
      <c r="F11620" t="s">
        <v>6983</v>
      </c>
      <c r="G11620" t="s">
        <v>80</v>
      </c>
      <c r="H11620" t="s">
        <v>81</v>
      </c>
      <c r="I11620" s="2">
        <v>0</v>
      </c>
      <c r="J11620" s="2">
        <v>1</v>
      </c>
      <c r="K11620" s="2">
        <v>0</v>
      </c>
      <c r="L11620" t="s">
        <v>82</v>
      </c>
      <c r="M11620" t="s">
        <v>89</v>
      </c>
      <c r="N11620" t="s">
        <v>90</v>
      </c>
      <c r="O11620" t="s">
        <v>85</v>
      </c>
      <c r="P11620" t="s">
        <v>86</v>
      </c>
      <c r="Q11620">
        <v>20</v>
      </c>
      <c r="R11620">
        <v>20</v>
      </c>
      <c r="S11620">
        <v>20</v>
      </c>
      <c r="T11620">
        <v>20</v>
      </c>
      <c r="U11620">
        <v>21</v>
      </c>
      <c r="V11620">
        <v>21</v>
      </c>
      <c r="W11620">
        <v>21</v>
      </c>
      <c r="X11620">
        <v>21</v>
      </c>
      <c r="Y11620">
        <v>21</v>
      </c>
      <c r="Z11620">
        <v>22</v>
      </c>
      <c r="AA11620">
        <v>22</v>
      </c>
      <c r="AB11620">
        <v>22</v>
      </c>
      <c r="AC11620">
        <v>22</v>
      </c>
      <c r="AD11620">
        <v>22</v>
      </c>
      <c r="AE11620">
        <v>22</v>
      </c>
      <c r="AF11620">
        <v>22</v>
      </c>
      <c r="AG11620">
        <v>22</v>
      </c>
      <c r="AH11620">
        <v>22</v>
      </c>
      <c r="AI11620">
        <v>21</v>
      </c>
      <c r="AJ11620">
        <v>21</v>
      </c>
      <c r="AK11620">
        <v>21</v>
      </c>
      <c r="AL11620">
        <v>21</v>
      </c>
      <c r="AM11620">
        <v>21</v>
      </c>
      <c r="AN11620">
        <v>21</v>
      </c>
      <c r="AO11620">
        <v>20</v>
      </c>
      <c r="AP11620">
        <v>20</v>
      </c>
      <c r="AQ11620">
        <v>20</v>
      </c>
    </row>
    <row r="11621" spans="1:43">
      <c r="A11621" t="s">
        <v>7220</v>
      </c>
      <c r="B11621" t="s">
        <v>7221</v>
      </c>
      <c r="C11621" t="s">
        <v>7098</v>
      </c>
      <c r="D11621" t="s">
        <v>7099</v>
      </c>
      <c r="E11621" t="s">
        <v>6982</v>
      </c>
      <c r="F11621" t="s">
        <v>6983</v>
      </c>
      <c r="G11621" t="s">
        <v>80</v>
      </c>
      <c r="H11621" t="s">
        <v>81</v>
      </c>
      <c r="I11621" s="2">
        <v>0</v>
      </c>
      <c r="J11621" s="2">
        <v>1</v>
      </c>
      <c r="K11621" s="2">
        <v>0</v>
      </c>
      <c r="L11621" t="s">
        <v>82</v>
      </c>
      <c r="M11621" t="s">
        <v>83</v>
      </c>
      <c r="N11621" t="s">
        <v>91</v>
      </c>
      <c r="O11621" t="s">
        <v>85</v>
      </c>
      <c r="P11621" t="s">
        <v>86</v>
      </c>
      <c r="Q11621">
        <v>20</v>
      </c>
      <c r="R11621">
        <v>21</v>
      </c>
      <c r="S11621">
        <v>21</v>
      </c>
      <c r="T11621">
        <v>21</v>
      </c>
      <c r="U11621">
        <v>21</v>
      </c>
      <c r="V11621">
        <v>21</v>
      </c>
      <c r="W11621">
        <v>21</v>
      </c>
      <c r="X11621">
        <v>21</v>
      </c>
      <c r="Y11621">
        <v>21</v>
      </c>
      <c r="Z11621">
        <v>21</v>
      </c>
      <c r="AA11621">
        <v>21</v>
      </c>
      <c r="AB11621">
        <v>21</v>
      </c>
      <c r="AC11621">
        <v>21</v>
      </c>
      <c r="AD11621">
        <v>22</v>
      </c>
      <c r="AE11621">
        <v>22</v>
      </c>
      <c r="AF11621">
        <v>22</v>
      </c>
      <c r="AG11621">
        <v>22</v>
      </c>
      <c r="AH11621">
        <v>22</v>
      </c>
      <c r="AI11621">
        <v>22</v>
      </c>
      <c r="AJ11621">
        <v>22</v>
      </c>
      <c r="AK11621">
        <v>22</v>
      </c>
      <c r="AL11621">
        <v>22</v>
      </c>
      <c r="AM11621">
        <v>22</v>
      </c>
      <c r="AN11621">
        <v>21</v>
      </c>
      <c r="AO11621">
        <v>21</v>
      </c>
      <c r="AP11621">
        <v>21</v>
      </c>
      <c r="AQ11621">
        <v>21</v>
      </c>
    </row>
    <row r="11622" spans="1:43">
      <c r="A11622" t="s">
        <v>7222</v>
      </c>
      <c r="B11622" t="s">
        <v>7223</v>
      </c>
      <c r="C11622" t="s">
        <v>7022</v>
      </c>
      <c r="D11622" t="s">
        <v>7023</v>
      </c>
      <c r="E11622" t="s">
        <v>6982</v>
      </c>
      <c r="F11622" t="s">
        <v>6983</v>
      </c>
      <c r="G11622" t="s">
        <v>80</v>
      </c>
      <c r="H11622" t="s">
        <v>81</v>
      </c>
      <c r="I11622" s="2">
        <v>0</v>
      </c>
      <c r="J11622" s="2">
        <v>1</v>
      </c>
      <c r="K11622" s="2">
        <v>0</v>
      </c>
      <c r="L11622" t="s">
        <v>82</v>
      </c>
      <c r="M11622" t="s">
        <v>83</v>
      </c>
      <c r="N11622" t="s">
        <v>84</v>
      </c>
      <c r="O11622" t="s">
        <v>85</v>
      </c>
      <c r="P11622" t="s">
        <v>86</v>
      </c>
      <c r="Q11622">
        <v>39</v>
      </c>
      <c r="R11622">
        <v>39</v>
      </c>
      <c r="S11622">
        <v>39</v>
      </c>
      <c r="T11622">
        <v>40</v>
      </c>
      <c r="U11622">
        <v>40</v>
      </c>
      <c r="V11622">
        <v>40</v>
      </c>
      <c r="W11622">
        <v>40</v>
      </c>
      <c r="X11622">
        <v>40</v>
      </c>
      <c r="Y11622">
        <v>41</v>
      </c>
      <c r="Z11622">
        <v>41</v>
      </c>
      <c r="AA11622">
        <v>41</v>
      </c>
      <c r="AB11622">
        <v>41</v>
      </c>
      <c r="AC11622">
        <v>41</v>
      </c>
      <c r="AD11622">
        <v>41</v>
      </c>
      <c r="AE11622">
        <v>42</v>
      </c>
      <c r="AF11622">
        <v>42</v>
      </c>
      <c r="AG11622">
        <v>42</v>
      </c>
      <c r="AH11622">
        <v>42</v>
      </c>
      <c r="AI11622">
        <v>42</v>
      </c>
      <c r="AJ11622">
        <v>42</v>
      </c>
      <c r="AK11622">
        <v>42</v>
      </c>
      <c r="AL11622">
        <v>42</v>
      </c>
      <c r="AM11622">
        <v>42</v>
      </c>
      <c r="AN11622">
        <v>42</v>
      </c>
      <c r="AO11622">
        <v>41</v>
      </c>
      <c r="AP11622">
        <v>41</v>
      </c>
      <c r="AQ11622">
        <v>41</v>
      </c>
    </row>
    <row r="11623" spans="1:43">
      <c r="A11623" t="s">
        <v>7222</v>
      </c>
      <c r="B11623" t="s">
        <v>7223</v>
      </c>
      <c r="C11623" t="s">
        <v>7022</v>
      </c>
      <c r="D11623" t="s">
        <v>7023</v>
      </c>
      <c r="E11623" t="s">
        <v>6982</v>
      </c>
      <c r="F11623" t="s">
        <v>6983</v>
      </c>
      <c r="G11623" t="s">
        <v>80</v>
      </c>
      <c r="H11623" t="s">
        <v>81</v>
      </c>
      <c r="I11623" s="2">
        <v>0</v>
      </c>
      <c r="J11623" s="2">
        <v>1</v>
      </c>
      <c r="K11623" s="2">
        <v>0</v>
      </c>
      <c r="L11623" t="s">
        <v>82</v>
      </c>
      <c r="M11623" t="s">
        <v>87</v>
      </c>
      <c r="N11623" t="s">
        <v>88</v>
      </c>
      <c r="O11623" t="s">
        <v>85</v>
      </c>
      <c r="P11623" t="s">
        <v>86</v>
      </c>
      <c r="Q11623">
        <v>39</v>
      </c>
      <c r="R11623">
        <v>39</v>
      </c>
      <c r="S11623">
        <v>38</v>
      </c>
      <c r="T11623">
        <v>38</v>
      </c>
      <c r="U11623">
        <v>38</v>
      </c>
      <c r="V11623">
        <v>38</v>
      </c>
      <c r="W11623">
        <v>38</v>
      </c>
      <c r="X11623">
        <v>38</v>
      </c>
      <c r="Y11623">
        <v>38</v>
      </c>
      <c r="Z11623">
        <v>37</v>
      </c>
      <c r="AA11623">
        <v>37</v>
      </c>
      <c r="AB11623">
        <v>37</v>
      </c>
      <c r="AC11623">
        <v>37</v>
      </c>
      <c r="AD11623">
        <v>37</v>
      </c>
      <c r="AE11623">
        <v>37</v>
      </c>
      <c r="AF11623">
        <v>37</v>
      </c>
      <c r="AG11623">
        <v>37</v>
      </c>
      <c r="AH11623">
        <v>36</v>
      </c>
      <c r="AI11623">
        <v>36</v>
      </c>
      <c r="AJ11623">
        <v>36</v>
      </c>
      <c r="AK11623">
        <v>36</v>
      </c>
      <c r="AL11623">
        <v>36</v>
      </c>
      <c r="AM11623">
        <v>36</v>
      </c>
      <c r="AN11623">
        <v>36</v>
      </c>
      <c r="AO11623">
        <v>36</v>
      </c>
      <c r="AP11623">
        <v>36</v>
      </c>
      <c r="AQ11623">
        <v>35</v>
      </c>
    </row>
    <row r="11624" spans="1:43">
      <c r="A11624" t="s">
        <v>7222</v>
      </c>
      <c r="B11624" t="s">
        <v>7223</v>
      </c>
      <c r="C11624" t="s">
        <v>7022</v>
      </c>
      <c r="D11624" t="s">
        <v>7023</v>
      </c>
      <c r="E11624" t="s">
        <v>6982</v>
      </c>
      <c r="F11624" t="s">
        <v>6983</v>
      </c>
      <c r="G11624" t="s">
        <v>80</v>
      </c>
      <c r="H11624" t="s">
        <v>81</v>
      </c>
      <c r="I11624" s="2">
        <v>0</v>
      </c>
      <c r="J11624" s="2">
        <v>1</v>
      </c>
      <c r="K11624" s="2">
        <v>0</v>
      </c>
      <c r="L11624" t="s">
        <v>82</v>
      </c>
      <c r="M11624" t="s">
        <v>89</v>
      </c>
      <c r="N11624" t="s">
        <v>90</v>
      </c>
      <c r="O11624" t="s">
        <v>85</v>
      </c>
      <c r="P11624" t="s">
        <v>86</v>
      </c>
      <c r="Q11624">
        <v>39</v>
      </c>
      <c r="R11624">
        <v>40</v>
      </c>
      <c r="S11624">
        <v>40</v>
      </c>
      <c r="T11624">
        <v>41</v>
      </c>
      <c r="U11624">
        <v>41</v>
      </c>
      <c r="V11624">
        <v>42</v>
      </c>
      <c r="W11624">
        <v>42</v>
      </c>
      <c r="X11624">
        <v>43</v>
      </c>
      <c r="Y11624">
        <v>43</v>
      </c>
      <c r="Z11624">
        <v>43</v>
      </c>
      <c r="AA11624">
        <v>44</v>
      </c>
      <c r="AB11624">
        <v>44</v>
      </c>
      <c r="AC11624">
        <v>44</v>
      </c>
      <c r="AD11624">
        <v>45</v>
      </c>
      <c r="AE11624">
        <v>45</v>
      </c>
      <c r="AF11624">
        <v>44</v>
      </c>
      <c r="AG11624">
        <v>44</v>
      </c>
      <c r="AH11624">
        <v>44</v>
      </c>
      <c r="AI11624">
        <v>43</v>
      </c>
      <c r="AJ11624">
        <v>43</v>
      </c>
      <c r="AK11624">
        <v>43</v>
      </c>
      <c r="AL11624">
        <v>43</v>
      </c>
      <c r="AM11624">
        <v>42</v>
      </c>
      <c r="AN11624">
        <v>42</v>
      </c>
      <c r="AO11624">
        <v>42</v>
      </c>
      <c r="AP11624">
        <v>41</v>
      </c>
      <c r="AQ11624">
        <v>41</v>
      </c>
    </row>
    <row r="11625" spans="1:43">
      <c r="A11625" t="s">
        <v>7222</v>
      </c>
      <c r="B11625" t="s">
        <v>7223</v>
      </c>
      <c r="C11625" t="s">
        <v>7022</v>
      </c>
      <c r="D11625" t="s">
        <v>7023</v>
      </c>
      <c r="E11625" t="s">
        <v>6982</v>
      </c>
      <c r="F11625" t="s">
        <v>6983</v>
      </c>
      <c r="G11625" t="s">
        <v>80</v>
      </c>
      <c r="H11625" t="s">
        <v>81</v>
      </c>
      <c r="I11625" s="2">
        <v>0</v>
      </c>
      <c r="J11625" s="2">
        <v>1</v>
      </c>
      <c r="K11625" s="2">
        <v>0</v>
      </c>
      <c r="L11625" t="s">
        <v>82</v>
      </c>
      <c r="M11625" t="s">
        <v>83</v>
      </c>
      <c r="N11625" t="s">
        <v>91</v>
      </c>
      <c r="O11625" t="s">
        <v>85</v>
      </c>
      <c r="P11625" t="s">
        <v>86</v>
      </c>
      <c r="Q11625">
        <v>39</v>
      </c>
      <c r="R11625">
        <v>39</v>
      </c>
      <c r="S11625">
        <v>39</v>
      </c>
      <c r="T11625">
        <v>40</v>
      </c>
      <c r="U11625">
        <v>40</v>
      </c>
      <c r="V11625">
        <v>40</v>
      </c>
      <c r="W11625">
        <v>40</v>
      </c>
      <c r="X11625">
        <v>40</v>
      </c>
      <c r="Y11625">
        <v>41</v>
      </c>
      <c r="Z11625">
        <v>41</v>
      </c>
      <c r="AA11625">
        <v>41</v>
      </c>
      <c r="AB11625">
        <v>41</v>
      </c>
      <c r="AC11625">
        <v>41</v>
      </c>
      <c r="AD11625">
        <v>41</v>
      </c>
      <c r="AE11625">
        <v>42</v>
      </c>
      <c r="AF11625">
        <v>42</v>
      </c>
      <c r="AG11625">
        <v>42</v>
      </c>
      <c r="AH11625">
        <v>42</v>
      </c>
      <c r="AI11625">
        <v>42</v>
      </c>
      <c r="AJ11625">
        <v>42</v>
      </c>
      <c r="AK11625">
        <v>42</v>
      </c>
      <c r="AL11625">
        <v>42</v>
      </c>
      <c r="AM11625">
        <v>42</v>
      </c>
      <c r="AN11625">
        <v>42</v>
      </c>
      <c r="AO11625">
        <v>41</v>
      </c>
      <c r="AP11625">
        <v>41</v>
      </c>
      <c r="AQ11625">
        <v>41</v>
      </c>
    </row>
    <row r="11626" spans="1:43">
      <c r="A11626" t="s">
        <v>7224</v>
      </c>
      <c r="B11626" t="s">
        <v>7225</v>
      </c>
      <c r="C11626" t="s">
        <v>7098</v>
      </c>
      <c r="D11626" t="s">
        <v>7099</v>
      </c>
      <c r="E11626" t="s">
        <v>6982</v>
      </c>
      <c r="F11626" t="s">
        <v>6983</v>
      </c>
      <c r="G11626" t="s">
        <v>80</v>
      </c>
      <c r="H11626" t="s">
        <v>81</v>
      </c>
      <c r="I11626" s="2">
        <v>0</v>
      </c>
      <c r="J11626" s="2">
        <v>1</v>
      </c>
      <c r="K11626" s="2">
        <v>0</v>
      </c>
      <c r="L11626" t="s">
        <v>82</v>
      </c>
      <c r="M11626" t="s">
        <v>83</v>
      </c>
      <c r="N11626" t="s">
        <v>84</v>
      </c>
      <c r="O11626" t="s">
        <v>85</v>
      </c>
      <c r="P11626" t="s">
        <v>86</v>
      </c>
      <c r="Q11626">
        <v>121</v>
      </c>
      <c r="R11626">
        <v>121</v>
      </c>
      <c r="S11626">
        <v>122</v>
      </c>
      <c r="T11626">
        <v>123</v>
      </c>
      <c r="U11626">
        <v>123</v>
      </c>
      <c r="V11626">
        <v>124</v>
      </c>
      <c r="W11626">
        <v>125</v>
      </c>
      <c r="X11626">
        <v>125</v>
      </c>
      <c r="Y11626">
        <v>126</v>
      </c>
      <c r="Z11626">
        <v>126</v>
      </c>
      <c r="AA11626">
        <v>127</v>
      </c>
      <c r="AB11626">
        <v>127</v>
      </c>
      <c r="AC11626">
        <v>127</v>
      </c>
      <c r="AD11626">
        <v>128</v>
      </c>
      <c r="AE11626">
        <v>128</v>
      </c>
      <c r="AF11626">
        <v>129</v>
      </c>
      <c r="AG11626">
        <v>129</v>
      </c>
      <c r="AH11626">
        <v>129</v>
      </c>
      <c r="AI11626">
        <v>129</v>
      </c>
      <c r="AJ11626">
        <v>130</v>
      </c>
      <c r="AK11626">
        <v>130</v>
      </c>
      <c r="AL11626">
        <v>129</v>
      </c>
      <c r="AM11626">
        <v>129</v>
      </c>
      <c r="AN11626">
        <v>128</v>
      </c>
      <c r="AO11626">
        <v>127</v>
      </c>
      <c r="AP11626">
        <v>126</v>
      </c>
      <c r="AQ11626">
        <v>125</v>
      </c>
    </row>
    <row r="11627" spans="1:43">
      <c r="A11627" t="s">
        <v>7224</v>
      </c>
      <c r="B11627" t="s">
        <v>7225</v>
      </c>
      <c r="C11627" t="s">
        <v>7098</v>
      </c>
      <c r="D11627" t="s">
        <v>7099</v>
      </c>
      <c r="E11627" t="s">
        <v>6982</v>
      </c>
      <c r="F11627" t="s">
        <v>6983</v>
      </c>
      <c r="G11627" t="s">
        <v>80</v>
      </c>
      <c r="H11627" t="s">
        <v>81</v>
      </c>
      <c r="I11627" s="2">
        <v>0</v>
      </c>
      <c r="J11627" s="2">
        <v>1</v>
      </c>
      <c r="K11627" s="2">
        <v>0</v>
      </c>
      <c r="L11627" t="s">
        <v>82</v>
      </c>
      <c r="M11627" t="s">
        <v>87</v>
      </c>
      <c r="N11627" t="s">
        <v>88</v>
      </c>
      <c r="O11627" t="s">
        <v>85</v>
      </c>
      <c r="P11627" t="s">
        <v>86</v>
      </c>
      <c r="Q11627">
        <v>121</v>
      </c>
      <c r="R11627">
        <v>120</v>
      </c>
      <c r="S11627">
        <v>120</v>
      </c>
      <c r="T11627">
        <v>119</v>
      </c>
      <c r="U11627">
        <v>119</v>
      </c>
      <c r="V11627">
        <v>118</v>
      </c>
      <c r="W11627">
        <v>118</v>
      </c>
      <c r="X11627">
        <v>118</v>
      </c>
      <c r="Y11627">
        <v>117</v>
      </c>
      <c r="Z11627">
        <v>117</v>
      </c>
      <c r="AA11627">
        <v>116</v>
      </c>
      <c r="AB11627">
        <v>116</v>
      </c>
      <c r="AC11627">
        <v>115</v>
      </c>
      <c r="AD11627">
        <v>115</v>
      </c>
      <c r="AE11627">
        <v>115</v>
      </c>
      <c r="AF11627">
        <v>114</v>
      </c>
      <c r="AG11627">
        <v>114</v>
      </c>
      <c r="AH11627">
        <v>113</v>
      </c>
      <c r="AI11627">
        <v>113</v>
      </c>
      <c r="AJ11627">
        <v>112</v>
      </c>
      <c r="AK11627">
        <v>112</v>
      </c>
      <c r="AL11627">
        <v>112</v>
      </c>
      <c r="AM11627">
        <v>111</v>
      </c>
      <c r="AN11627">
        <v>111</v>
      </c>
      <c r="AO11627">
        <v>110</v>
      </c>
      <c r="AP11627">
        <v>110</v>
      </c>
      <c r="AQ11627">
        <v>109</v>
      </c>
    </row>
    <row r="11628" spans="1:43">
      <c r="A11628" t="s">
        <v>7224</v>
      </c>
      <c r="B11628" t="s">
        <v>7225</v>
      </c>
      <c r="C11628" t="s">
        <v>7098</v>
      </c>
      <c r="D11628" t="s">
        <v>7099</v>
      </c>
      <c r="E11628" t="s">
        <v>6982</v>
      </c>
      <c r="F11628" t="s">
        <v>6983</v>
      </c>
      <c r="G11628" t="s">
        <v>80</v>
      </c>
      <c r="H11628" t="s">
        <v>81</v>
      </c>
      <c r="I11628" s="2">
        <v>0</v>
      </c>
      <c r="J11628" s="2">
        <v>1</v>
      </c>
      <c r="K11628" s="2">
        <v>0</v>
      </c>
      <c r="L11628" t="s">
        <v>82</v>
      </c>
      <c r="M11628" t="s">
        <v>89</v>
      </c>
      <c r="N11628" t="s">
        <v>90</v>
      </c>
      <c r="O11628" t="s">
        <v>85</v>
      </c>
      <c r="P11628" t="s">
        <v>86</v>
      </c>
      <c r="Q11628">
        <v>121</v>
      </c>
      <c r="R11628">
        <v>123</v>
      </c>
      <c r="S11628">
        <v>124</v>
      </c>
      <c r="T11628">
        <v>126</v>
      </c>
      <c r="U11628">
        <v>127</v>
      </c>
      <c r="V11628">
        <v>129</v>
      </c>
      <c r="W11628">
        <v>130</v>
      </c>
      <c r="X11628">
        <v>131</v>
      </c>
      <c r="Y11628">
        <v>132</v>
      </c>
      <c r="Z11628">
        <v>133</v>
      </c>
      <c r="AA11628">
        <v>134</v>
      </c>
      <c r="AB11628">
        <v>135</v>
      </c>
      <c r="AC11628">
        <v>136</v>
      </c>
      <c r="AD11628">
        <v>136</v>
      </c>
      <c r="AE11628">
        <v>136</v>
      </c>
      <c r="AF11628">
        <v>135</v>
      </c>
      <c r="AG11628">
        <v>135</v>
      </c>
      <c r="AH11628">
        <v>134</v>
      </c>
      <c r="AI11628">
        <v>133</v>
      </c>
      <c r="AJ11628">
        <v>132</v>
      </c>
      <c r="AK11628">
        <v>131</v>
      </c>
      <c r="AL11628">
        <v>130</v>
      </c>
      <c r="AM11628">
        <v>129</v>
      </c>
      <c r="AN11628">
        <v>128</v>
      </c>
      <c r="AO11628">
        <v>127</v>
      </c>
      <c r="AP11628">
        <v>126</v>
      </c>
      <c r="AQ11628">
        <v>125</v>
      </c>
    </row>
    <row r="11629" spans="1:43">
      <c r="A11629" t="s">
        <v>7224</v>
      </c>
      <c r="B11629" t="s">
        <v>7225</v>
      </c>
      <c r="C11629" t="s">
        <v>7098</v>
      </c>
      <c r="D11629" t="s">
        <v>7099</v>
      </c>
      <c r="E11629" t="s">
        <v>6982</v>
      </c>
      <c r="F11629" t="s">
        <v>6983</v>
      </c>
      <c r="G11629" t="s">
        <v>80</v>
      </c>
      <c r="H11629" t="s">
        <v>81</v>
      </c>
      <c r="I11629" s="2">
        <v>0</v>
      </c>
      <c r="J11629" s="2">
        <v>1</v>
      </c>
      <c r="K11629" s="2">
        <v>0</v>
      </c>
      <c r="L11629" t="s">
        <v>82</v>
      </c>
      <c r="M11629" t="s">
        <v>83</v>
      </c>
      <c r="N11629" t="s">
        <v>91</v>
      </c>
      <c r="O11629" t="s">
        <v>85</v>
      </c>
      <c r="P11629" t="s">
        <v>86</v>
      </c>
      <c r="Q11629">
        <v>121</v>
      </c>
      <c r="R11629">
        <v>121</v>
      </c>
      <c r="S11629">
        <v>122</v>
      </c>
      <c r="T11629">
        <v>123</v>
      </c>
      <c r="U11629">
        <v>123</v>
      </c>
      <c r="V11629">
        <v>124</v>
      </c>
      <c r="W11629">
        <v>125</v>
      </c>
      <c r="X11629">
        <v>125</v>
      </c>
      <c r="Y11629">
        <v>126</v>
      </c>
      <c r="Z11629">
        <v>126</v>
      </c>
      <c r="AA11629">
        <v>127</v>
      </c>
      <c r="AB11629">
        <v>127</v>
      </c>
      <c r="AC11629">
        <v>127</v>
      </c>
      <c r="AD11629">
        <v>128</v>
      </c>
      <c r="AE11629">
        <v>128</v>
      </c>
      <c r="AF11629">
        <v>129</v>
      </c>
      <c r="AG11629">
        <v>129</v>
      </c>
      <c r="AH11629">
        <v>129</v>
      </c>
      <c r="AI11629">
        <v>129</v>
      </c>
      <c r="AJ11629">
        <v>130</v>
      </c>
      <c r="AK11629">
        <v>130</v>
      </c>
      <c r="AL11629">
        <v>129</v>
      </c>
      <c r="AM11629">
        <v>129</v>
      </c>
      <c r="AN11629">
        <v>128</v>
      </c>
      <c r="AO11629">
        <v>127</v>
      </c>
      <c r="AP11629">
        <v>126</v>
      </c>
      <c r="AQ11629">
        <v>125</v>
      </c>
    </row>
    <row r="11630" spans="1:43">
      <c r="A11630" t="s">
        <v>7226</v>
      </c>
      <c r="B11630" t="s">
        <v>7227</v>
      </c>
      <c r="C11630" t="s">
        <v>6994</v>
      </c>
      <c r="D11630" t="s">
        <v>6995</v>
      </c>
      <c r="E11630" t="s">
        <v>6982</v>
      </c>
      <c r="F11630" t="s">
        <v>6983</v>
      </c>
      <c r="G11630" t="s">
        <v>80</v>
      </c>
      <c r="H11630" t="s">
        <v>81</v>
      </c>
      <c r="I11630" s="2">
        <v>0</v>
      </c>
      <c r="J11630" s="2">
        <v>1</v>
      </c>
      <c r="K11630" s="2">
        <v>0</v>
      </c>
      <c r="L11630" t="s">
        <v>82</v>
      </c>
      <c r="M11630" t="s">
        <v>83</v>
      </c>
      <c r="N11630" t="s">
        <v>84</v>
      </c>
      <c r="O11630" t="s">
        <v>85</v>
      </c>
      <c r="P11630" t="s">
        <v>86</v>
      </c>
      <c r="Q11630">
        <v>8</v>
      </c>
      <c r="R11630">
        <v>8</v>
      </c>
      <c r="S11630">
        <v>8</v>
      </c>
      <c r="T11630">
        <v>8</v>
      </c>
      <c r="U11630">
        <v>8</v>
      </c>
      <c r="V11630">
        <v>8</v>
      </c>
      <c r="W11630">
        <v>8</v>
      </c>
      <c r="X11630">
        <v>8</v>
      </c>
      <c r="Y11630">
        <v>8</v>
      </c>
      <c r="Z11630">
        <v>8</v>
      </c>
      <c r="AA11630">
        <v>8</v>
      </c>
      <c r="AB11630">
        <v>8</v>
      </c>
      <c r="AC11630">
        <v>8</v>
      </c>
      <c r="AD11630">
        <v>8</v>
      </c>
      <c r="AE11630">
        <v>8</v>
      </c>
      <c r="AF11630">
        <v>8</v>
      </c>
      <c r="AG11630">
        <v>8</v>
      </c>
      <c r="AH11630">
        <v>8</v>
      </c>
      <c r="AI11630">
        <v>8</v>
      </c>
      <c r="AJ11630">
        <v>8</v>
      </c>
      <c r="AK11630">
        <v>9</v>
      </c>
      <c r="AL11630">
        <v>8</v>
      </c>
      <c r="AM11630">
        <v>8</v>
      </c>
      <c r="AN11630">
        <v>8</v>
      </c>
      <c r="AO11630">
        <v>8</v>
      </c>
      <c r="AP11630">
        <v>8</v>
      </c>
      <c r="AQ11630">
        <v>8</v>
      </c>
    </row>
    <row r="11631" spans="1:43">
      <c r="A11631" t="s">
        <v>7226</v>
      </c>
      <c r="B11631" t="s">
        <v>7227</v>
      </c>
      <c r="C11631" t="s">
        <v>6994</v>
      </c>
      <c r="D11631" t="s">
        <v>6995</v>
      </c>
      <c r="E11631" t="s">
        <v>6982</v>
      </c>
      <c r="F11631" t="s">
        <v>6983</v>
      </c>
      <c r="G11631" t="s">
        <v>80</v>
      </c>
      <c r="H11631" t="s">
        <v>81</v>
      </c>
      <c r="I11631" s="2">
        <v>0</v>
      </c>
      <c r="J11631" s="2">
        <v>1</v>
      </c>
      <c r="K11631" s="2">
        <v>0</v>
      </c>
      <c r="L11631" t="s">
        <v>82</v>
      </c>
      <c r="M11631" t="s">
        <v>87</v>
      </c>
      <c r="N11631" t="s">
        <v>88</v>
      </c>
      <c r="O11631" t="s">
        <v>85</v>
      </c>
      <c r="P11631" t="s">
        <v>86</v>
      </c>
      <c r="Q11631">
        <v>8</v>
      </c>
      <c r="R11631">
        <v>8</v>
      </c>
      <c r="S11631">
        <v>8</v>
      </c>
      <c r="T11631">
        <v>8</v>
      </c>
      <c r="U11631">
        <v>8</v>
      </c>
      <c r="V11631">
        <v>8</v>
      </c>
      <c r="W11631">
        <v>8</v>
      </c>
      <c r="X11631">
        <v>8</v>
      </c>
      <c r="Y11631">
        <v>8</v>
      </c>
      <c r="Z11631">
        <v>8</v>
      </c>
      <c r="AA11631">
        <v>8</v>
      </c>
      <c r="AB11631">
        <v>8</v>
      </c>
      <c r="AC11631">
        <v>7</v>
      </c>
      <c r="AD11631">
        <v>7</v>
      </c>
      <c r="AE11631">
        <v>7</v>
      </c>
      <c r="AF11631">
        <v>7</v>
      </c>
      <c r="AG11631">
        <v>7</v>
      </c>
      <c r="AH11631">
        <v>7</v>
      </c>
      <c r="AI11631">
        <v>7</v>
      </c>
      <c r="AJ11631">
        <v>7</v>
      </c>
      <c r="AK11631">
        <v>7</v>
      </c>
      <c r="AL11631">
        <v>7</v>
      </c>
      <c r="AM11631">
        <v>7</v>
      </c>
      <c r="AN11631">
        <v>7</v>
      </c>
      <c r="AO11631">
        <v>7</v>
      </c>
      <c r="AP11631">
        <v>7</v>
      </c>
      <c r="AQ11631">
        <v>7</v>
      </c>
    </row>
    <row r="11632" spans="1:43">
      <c r="A11632" t="s">
        <v>7226</v>
      </c>
      <c r="B11632" t="s">
        <v>7227</v>
      </c>
      <c r="C11632" t="s">
        <v>6994</v>
      </c>
      <c r="D11632" t="s">
        <v>6995</v>
      </c>
      <c r="E11632" t="s">
        <v>6982</v>
      </c>
      <c r="F11632" t="s">
        <v>6983</v>
      </c>
      <c r="G11632" t="s">
        <v>80</v>
      </c>
      <c r="H11632" t="s">
        <v>81</v>
      </c>
      <c r="I11632" s="2">
        <v>0</v>
      </c>
      <c r="J11632" s="2">
        <v>1</v>
      </c>
      <c r="K11632" s="2">
        <v>0</v>
      </c>
      <c r="L11632" t="s">
        <v>82</v>
      </c>
      <c r="M11632" t="s">
        <v>89</v>
      </c>
      <c r="N11632" t="s">
        <v>90</v>
      </c>
      <c r="O11632" t="s">
        <v>85</v>
      </c>
      <c r="P11632" t="s">
        <v>86</v>
      </c>
      <c r="Q11632">
        <v>8</v>
      </c>
      <c r="R11632">
        <v>8</v>
      </c>
      <c r="S11632">
        <v>8</v>
      </c>
      <c r="T11632">
        <v>8</v>
      </c>
      <c r="U11632">
        <v>8</v>
      </c>
      <c r="V11632">
        <v>9</v>
      </c>
      <c r="W11632">
        <v>9</v>
      </c>
      <c r="X11632">
        <v>9</v>
      </c>
      <c r="Y11632">
        <v>9</v>
      </c>
      <c r="Z11632">
        <v>9</v>
      </c>
      <c r="AA11632">
        <v>9</v>
      </c>
      <c r="AB11632">
        <v>9</v>
      </c>
      <c r="AC11632">
        <v>9</v>
      </c>
      <c r="AD11632">
        <v>9</v>
      </c>
      <c r="AE11632">
        <v>9</v>
      </c>
      <c r="AF11632">
        <v>9</v>
      </c>
      <c r="AG11632">
        <v>9</v>
      </c>
      <c r="AH11632">
        <v>9</v>
      </c>
      <c r="AI11632">
        <v>9</v>
      </c>
      <c r="AJ11632">
        <v>9</v>
      </c>
      <c r="AK11632">
        <v>9</v>
      </c>
      <c r="AL11632">
        <v>9</v>
      </c>
      <c r="AM11632">
        <v>8</v>
      </c>
      <c r="AN11632">
        <v>8</v>
      </c>
      <c r="AO11632">
        <v>8</v>
      </c>
      <c r="AP11632">
        <v>8</v>
      </c>
      <c r="AQ11632">
        <v>8</v>
      </c>
    </row>
    <row r="11633" spans="1:43">
      <c r="A11633" t="s">
        <v>7226</v>
      </c>
      <c r="B11633" t="s">
        <v>7227</v>
      </c>
      <c r="C11633" t="s">
        <v>6994</v>
      </c>
      <c r="D11633" t="s">
        <v>6995</v>
      </c>
      <c r="E11633" t="s">
        <v>6982</v>
      </c>
      <c r="F11633" t="s">
        <v>6983</v>
      </c>
      <c r="G11633" t="s">
        <v>80</v>
      </c>
      <c r="H11633" t="s">
        <v>81</v>
      </c>
      <c r="I11633" s="2">
        <v>0</v>
      </c>
      <c r="J11633" s="2">
        <v>1</v>
      </c>
      <c r="K11633" s="2">
        <v>0</v>
      </c>
      <c r="L11633" t="s">
        <v>82</v>
      </c>
      <c r="M11633" t="s">
        <v>83</v>
      </c>
      <c r="N11633" t="s">
        <v>91</v>
      </c>
      <c r="O11633" t="s">
        <v>85</v>
      </c>
      <c r="P11633" t="s">
        <v>86</v>
      </c>
      <c r="Q11633">
        <v>8</v>
      </c>
      <c r="R11633">
        <v>8</v>
      </c>
      <c r="S11633">
        <v>8</v>
      </c>
      <c r="T11633">
        <v>8</v>
      </c>
      <c r="U11633">
        <v>8</v>
      </c>
      <c r="V11633">
        <v>8</v>
      </c>
      <c r="W11633">
        <v>8</v>
      </c>
      <c r="X11633">
        <v>8</v>
      </c>
      <c r="Y11633">
        <v>8</v>
      </c>
      <c r="Z11633">
        <v>8</v>
      </c>
      <c r="AA11633">
        <v>8</v>
      </c>
      <c r="AB11633">
        <v>8</v>
      </c>
      <c r="AC11633">
        <v>8</v>
      </c>
      <c r="AD11633">
        <v>8</v>
      </c>
      <c r="AE11633">
        <v>8</v>
      </c>
      <c r="AF11633">
        <v>8</v>
      </c>
      <c r="AG11633">
        <v>8</v>
      </c>
      <c r="AH11633">
        <v>8</v>
      </c>
      <c r="AI11633">
        <v>8</v>
      </c>
      <c r="AJ11633">
        <v>8</v>
      </c>
      <c r="AK11633">
        <v>9</v>
      </c>
      <c r="AL11633">
        <v>8</v>
      </c>
      <c r="AM11633">
        <v>8</v>
      </c>
      <c r="AN11633">
        <v>8</v>
      </c>
      <c r="AO11633">
        <v>8</v>
      </c>
      <c r="AP11633">
        <v>8</v>
      </c>
      <c r="AQ11633">
        <v>8</v>
      </c>
    </row>
    <row r="11634" spans="1:43">
      <c r="A11634" t="s">
        <v>7228</v>
      </c>
      <c r="B11634" t="s">
        <v>7229</v>
      </c>
      <c r="C11634" t="s">
        <v>6994</v>
      </c>
      <c r="D11634" t="s">
        <v>6995</v>
      </c>
      <c r="E11634" t="s">
        <v>6982</v>
      </c>
      <c r="F11634" t="s">
        <v>6983</v>
      </c>
      <c r="G11634" t="s">
        <v>80</v>
      </c>
      <c r="H11634" t="s">
        <v>81</v>
      </c>
      <c r="I11634" s="2">
        <v>0</v>
      </c>
      <c r="J11634" s="2">
        <v>1</v>
      </c>
      <c r="K11634" s="2">
        <v>0</v>
      </c>
      <c r="L11634" t="s">
        <v>82</v>
      </c>
      <c r="M11634" t="s">
        <v>83</v>
      </c>
      <c r="N11634" t="s">
        <v>84</v>
      </c>
      <c r="O11634" t="s">
        <v>85</v>
      </c>
      <c r="P11634" t="s">
        <v>86</v>
      </c>
      <c r="Q11634">
        <v>52</v>
      </c>
      <c r="R11634">
        <v>53</v>
      </c>
      <c r="S11634">
        <v>53</v>
      </c>
      <c r="T11634">
        <v>53</v>
      </c>
      <c r="U11634">
        <v>53</v>
      </c>
      <c r="V11634">
        <v>54</v>
      </c>
      <c r="W11634">
        <v>54</v>
      </c>
      <c r="X11634">
        <v>54</v>
      </c>
      <c r="Y11634">
        <v>54</v>
      </c>
      <c r="Z11634">
        <v>55</v>
      </c>
      <c r="AA11634">
        <v>55</v>
      </c>
      <c r="AB11634">
        <v>55</v>
      </c>
      <c r="AC11634">
        <v>55</v>
      </c>
      <c r="AD11634">
        <v>55</v>
      </c>
      <c r="AE11634">
        <v>56</v>
      </c>
      <c r="AF11634">
        <v>56</v>
      </c>
      <c r="AG11634">
        <v>56</v>
      </c>
      <c r="AH11634">
        <v>56</v>
      </c>
      <c r="AI11634">
        <v>56</v>
      </c>
      <c r="AJ11634">
        <v>56</v>
      </c>
      <c r="AK11634">
        <v>56</v>
      </c>
      <c r="AL11634">
        <v>56</v>
      </c>
      <c r="AM11634">
        <v>56</v>
      </c>
      <c r="AN11634">
        <v>55</v>
      </c>
      <c r="AO11634">
        <v>55</v>
      </c>
      <c r="AP11634">
        <v>55</v>
      </c>
      <c r="AQ11634">
        <v>54</v>
      </c>
    </row>
    <row r="11635" spans="1:43">
      <c r="A11635" t="s">
        <v>7228</v>
      </c>
      <c r="B11635" t="s">
        <v>7229</v>
      </c>
      <c r="C11635" t="s">
        <v>6994</v>
      </c>
      <c r="D11635" t="s">
        <v>6995</v>
      </c>
      <c r="E11635" t="s">
        <v>6982</v>
      </c>
      <c r="F11635" t="s">
        <v>6983</v>
      </c>
      <c r="G11635" t="s">
        <v>80</v>
      </c>
      <c r="H11635" t="s">
        <v>81</v>
      </c>
      <c r="I11635" s="2">
        <v>0</v>
      </c>
      <c r="J11635" s="2">
        <v>1</v>
      </c>
      <c r="K11635" s="2">
        <v>0</v>
      </c>
      <c r="L11635" t="s">
        <v>82</v>
      </c>
      <c r="M11635" t="s">
        <v>87</v>
      </c>
      <c r="N11635" t="s">
        <v>88</v>
      </c>
      <c r="O11635" t="s">
        <v>85</v>
      </c>
      <c r="P11635" t="s">
        <v>86</v>
      </c>
      <c r="Q11635">
        <v>52</v>
      </c>
      <c r="R11635">
        <v>52</v>
      </c>
      <c r="S11635">
        <v>51</v>
      </c>
      <c r="T11635">
        <v>51</v>
      </c>
      <c r="U11635">
        <v>51</v>
      </c>
      <c r="V11635">
        <v>51</v>
      </c>
      <c r="W11635">
        <v>51</v>
      </c>
      <c r="X11635">
        <v>51</v>
      </c>
      <c r="Y11635">
        <v>50</v>
      </c>
      <c r="Z11635">
        <v>50</v>
      </c>
      <c r="AA11635">
        <v>50</v>
      </c>
      <c r="AB11635">
        <v>50</v>
      </c>
      <c r="AC11635">
        <v>50</v>
      </c>
      <c r="AD11635">
        <v>49</v>
      </c>
      <c r="AE11635">
        <v>49</v>
      </c>
      <c r="AF11635">
        <v>49</v>
      </c>
      <c r="AG11635">
        <v>49</v>
      </c>
      <c r="AH11635">
        <v>49</v>
      </c>
      <c r="AI11635">
        <v>48</v>
      </c>
      <c r="AJ11635">
        <v>48</v>
      </c>
      <c r="AK11635">
        <v>48</v>
      </c>
      <c r="AL11635">
        <v>48</v>
      </c>
      <c r="AM11635">
        <v>48</v>
      </c>
      <c r="AN11635">
        <v>48</v>
      </c>
      <c r="AO11635">
        <v>47</v>
      </c>
      <c r="AP11635">
        <v>47</v>
      </c>
      <c r="AQ11635">
        <v>47</v>
      </c>
    </row>
    <row r="11636" spans="1:43">
      <c r="A11636" t="s">
        <v>7228</v>
      </c>
      <c r="B11636" t="s">
        <v>7229</v>
      </c>
      <c r="C11636" t="s">
        <v>6994</v>
      </c>
      <c r="D11636" t="s">
        <v>6995</v>
      </c>
      <c r="E11636" t="s">
        <v>6982</v>
      </c>
      <c r="F11636" t="s">
        <v>6983</v>
      </c>
      <c r="G11636" t="s">
        <v>80</v>
      </c>
      <c r="H11636" t="s">
        <v>81</v>
      </c>
      <c r="I11636" s="2">
        <v>0</v>
      </c>
      <c r="J11636" s="2">
        <v>1</v>
      </c>
      <c r="K11636" s="2">
        <v>0</v>
      </c>
      <c r="L11636" t="s">
        <v>82</v>
      </c>
      <c r="M11636" t="s">
        <v>89</v>
      </c>
      <c r="N11636" t="s">
        <v>90</v>
      </c>
      <c r="O11636" t="s">
        <v>85</v>
      </c>
      <c r="P11636" t="s">
        <v>86</v>
      </c>
      <c r="Q11636">
        <v>52</v>
      </c>
      <c r="R11636">
        <v>53</v>
      </c>
      <c r="S11636">
        <v>53</v>
      </c>
      <c r="T11636">
        <v>54</v>
      </c>
      <c r="U11636">
        <v>55</v>
      </c>
      <c r="V11636">
        <v>55</v>
      </c>
      <c r="W11636">
        <v>56</v>
      </c>
      <c r="X11636">
        <v>56</v>
      </c>
      <c r="Y11636">
        <v>57</v>
      </c>
      <c r="Z11636">
        <v>57</v>
      </c>
      <c r="AA11636">
        <v>57</v>
      </c>
      <c r="AB11636">
        <v>58</v>
      </c>
      <c r="AC11636">
        <v>58</v>
      </c>
      <c r="AD11636">
        <v>59</v>
      </c>
      <c r="AE11636">
        <v>59</v>
      </c>
      <c r="AF11636">
        <v>58</v>
      </c>
      <c r="AG11636">
        <v>58</v>
      </c>
      <c r="AH11636">
        <v>57</v>
      </c>
      <c r="AI11636">
        <v>57</v>
      </c>
      <c r="AJ11636">
        <v>56</v>
      </c>
      <c r="AK11636">
        <v>56</v>
      </c>
      <c r="AL11636">
        <v>56</v>
      </c>
      <c r="AM11636">
        <v>55</v>
      </c>
      <c r="AN11636">
        <v>55</v>
      </c>
      <c r="AO11636">
        <v>54</v>
      </c>
      <c r="AP11636">
        <v>54</v>
      </c>
      <c r="AQ11636">
        <v>54</v>
      </c>
    </row>
    <row r="11637" spans="1:43">
      <c r="A11637" t="s">
        <v>7228</v>
      </c>
      <c r="B11637" t="s">
        <v>7229</v>
      </c>
      <c r="C11637" t="s">
        <v>6994</v>
      </c>
      <c r="D11637" t="s">
        <v>6995</v>
      </c>
      <c r="E11637" t="s">
        <v>6982</v>
      </c>
      <c r="F11637" t="s">
        <v>6983</v>
      </c>
      <c r="G11637" t="s">
        <v>80</v>
      </c>
      <c r="H11637" t="s">
        <v>81</v>
      </c>
      <c r="I11637" s="2">
        <v>0</v>
      </c>
      <c r="J11637" s="2">
        <v>1</v>
      </c>
      <c r="K11637" s="2">
        <v>0</v>
      </c>
      <c r="L11637" t="s">
        <v>82</v>
      </c>
      <c r="M11637" t="s">
        <v>83</v>
      </c>
      <c r="N11637" t="s">
        <v>91</v>
      </c>
      <c r="O11637" t="s">
        <v>85</v>
      </c>
      <c r="P11637" t="s">
        <v>86</v>
      </c>
      <c r="Q11637">
        <v>52</v>
      </c>
      <c r="R11637">
        <v>53</v>
      </c>
      <c r="S11637">
        <v>53</v>
      </c>
      <c r="T11637">
        <v>53</v>
      </c>
      <c r="U11637">
        <v>53</v>
      </c>
      <c r="V11637">
        <v>54</v>
      </c>
      <c r="W11637">
        <v>54</v>
      </c>
      <c r="X11637">
        <v>54</v>
      </c>
      <c r="Y11637">
        <v>54</v>
      </c>
      <c r="Z11637">
        <v>55</v>
      </c>
      <c r="AA11637">
        <v>55</v>
      </c>
      <c r="AB11637">
        <v>55</v>
      </c>
      <c r="AC11637">
        <v>55</v>
      </c>
      <c r="AD11637">
        <v>55</v>
      </c>
      <c r="AE11637">
        <v>56</v>
      </c>
      <c r="AF11637">
        <v>56</v>
      </c>
      <c r="AG11637">
        <v>56</v>
      </c>
      <c r="AH11637">
        <v>56</v>
      </c>
      <c r="AI11637">
        <v>56</v>
      </c>
      <c r="AJ11637">
        <v>56</v>
      </c>
      <c r="AK11637">
        <v>56</v>
      </c>
      <c r="AL11637">
        <v>56</v>
      </c>
      <c r="AM11637">
        <v>56</v>
      </c>
      <c r="AN11637">
        <v>55</v>
      </c>
      <c r="AO11637">
        <v>55</v>
      </c>
      <c r="AP11637">
        <v>55</v>
      </c>
      <c r="AQ11637">
        <v>54</v>
      </c>
    </row>
    <row r="11638" spans="1:43">
      <c r="A11638" t="s">
        <v>7230</v>
      </c>
      <c r="B11638" t="s">
        <v>7231</v>
      </c>
      <c r="C11638" t="s">
        <v>6994</v>
      </c>
      <c r="D11638" t="s">
        <v>6995</v>
      </c>
      <c r="E11638" t="s">
        <v>6982</v>
      </c>
      <c r="F11638" t="s">
        <v>6983</v>
      </c>
      <c r="G11638" t="s">
        <v>80</v>
      </c>
      <c r="H11638" t="s">
        <v>81</v>
      </c>
      <c r="I11638" s="2">
        <v>0</v>
      </c>
      <c r="J11638" s="2">
        <v>1</v>
      </c>
      <c r="K11638" s="2">
        <v>0</v>
      </c>
      <c r="L11638" t="s">
        <v>82</v>
      </c>
      <c r="M11638" t="s">
        <v>83</v>
      </c>
      <c r="N11638" t="s">
        <v>84</v>
      </c>
      <c r="O11638" t="s">
        <v>85</v>
      </c>
      <c r="P11638" t="s">
        <v>86</v>
      </c>
      <c r="Q11638">
        <v>48</v>
      </c>
      <c r="R11638">
        <v>49</v>
      </c>
      <c r="S11638">
        <v>49</v>
      </c>
      <c r="T11638">
        <v>49</v>
      </c>
      <c r="U11638">
        <v>49</v>
      </c>
      <c r="V11638">
        <v>50</v>
      </c>
      <c r="W11638">
        <v>50</v>
      </c>
      <c r="X11638">
        <v>50</v>
      </c>
      <c r="Y11638">
        <v>50</v>
      </c>
      <c r="Z11638">
        <v>51</v>
      </c>
      <c r="AA11638">
        <v>51</v>
      </c>
      <c r="AB11638">
        <v>51</v>
      </c>
      <c r="AC11638">
        <v>51</v>
      </c>
      <c r="AD11638">
        <v>51</v>
      </c>
      <c r="AE11638">
        <v>52</v>
      </c>
      <c r="AF11638">
        <v>52</v>
      </c>
      <c r="AG11638">
        <v>52</v>
      </c>
      <c r="AH11638">
        <v>52</v>
      </c>
      <c r="AI11638">
        <v>52</v>
      </c>
      <c r="AJ11638">
        <v>52</v>
      </c>
      <c r="AK11638">
        <v>53</v>
      </c>
      <c r="AL11638">
        <v>52</v>
      </c>
      <c r="AM11638">
        <v>52</v>
      </c>
      <c r="AN11638">
        <v>52</v>
      </c>
      <c r="AO11638">
        <v>51</v>
      </c>
      <c r="AP11638">
        <v>51</v>
      </c>
      <c r="AQ11638">
        <v>51</v>
      </c>
    </row>
    <row r="11639" spans="1:43">
      <c r="A11639" t="s">
        <v>7230</v>
      </c>
      <c r="B11639" t="s">
        <v>7231</v>
      </c>
      <c r="C11639" t="s">
        <v>6994</v>
      </c>
      <c r="D11639" t="s">
        <v>6995</v>
      </c>
      <c r="E11639" t="s">
        <v>6982</v>
      </c>
      <c r="F11639" t="s">
        <v>6983</v>
      </c>
      <c r="G11639" t="s">
        <v>80</v>
      </c>
      <c r="H11639" t="s">
        <v>81</v>
      </c>
      <c r="I11639" s="2">
        <v>0</v>
      </c>
      <c r="J11639" s="2">
        <v>1</v>
      </c>
      <c r="K11639" s="2">
        <v>0</v>
      </c>
      <c r="L11639" t="s">
        <v>82</v>
      </c>
      <c r="M11639" t="s">
        <v>87</v>
      </c>
      <c r="N11639" t="s">
        <v>88</v>
      </c>
      <c r="O11639" t="s">
        <v>85</v>
      </c>
      <c r="P11639" t="s">
        <v>86</v>
      </c>
      <c r="Q11639">
        <v>48</v>
      </c>
      <c r="R11639">
        <v>48</v>
      </c>
      <c r="S11639">
        <v>47</v>
      </c>
      <c r="T11639">
        <v>47</v>
      </c>
      <c r="U11639">
        <v>47</v>
      </c>
      <c r="V11639">
        <v>47</v>
      </c>
      <c r="W11639">
        <v>47</v>
      </c>
      <c r="X11639">
        <v>47</v>
      </c>
      <c r="Y11639">
        <v>47</v>
      </c>
      <c r="Z11639">
        <v>46</v>
      </c>
      <c r="AA11639">
        <v>46</v>
      </c>
      <c r="AB11639">
        <v>46</v>
      </c>
      <c r="AC11639">
        <v>46</v>
      </c>
      <c r="AD11639">
        <v>46</v>
      </c>
      <c r="AE11639">
        <v>46</v>
      </c>
      <c r="AF11639">
        <v>46</v>
      </c>
      <c r="AG11639">
        <v>45</v>
      </c>
      <c r="AH11639">
        <v>45</v>
      </c>
      <c r="AI11639">
        <v>45</v>
      </c>
      <c r="AJ11639">
        <v>45</v>
      </c>
      <c r="AK11639">
        <v>45</v>
      </c>
      <c r="AL11639">
        <v>45</v>
      </c>
      <c r="AM11639">
        <v>45</v>
      </c>
      <c r="AN11639">
        <v>45</v>
      </c>
      <c r="AO11639">
        <v>44</v>
      </c>
      <c r="AP11639">
        <v>44</v>
      </c>
      <c r="AQ11639">
        <v>44</v>
      </c>
    </row>
    <row r="11640" spans="1:43">
      <c r="A11640" t="s">
        <v>7230</v>
      </c>
      <c r="B11640" t="s">
        <v>7231</v>
      </c>
      <c r="C11640" t="s">
        <v>6994</v>
      </c>
      <c r="D11640" t="s">
        <v>6995</v>
      </c>
      <c r="E11640" t="s">
        <v>6982</v>
      </c>
      <c r="F11640" t="s">
        <v>6983</v>
      </c>
      <c r="G11640" t="s">
        <v>80</v>
      </c>
      <c r="H11640" t="s">
        <v>81</v>
      </c>
      <c r="I11640" s="2">
        <v>0</v>
      </c>
      <c r="J11640" s="2">
        <v>1</v>
      </c>
      <c r="K11640" s="2">
        <v>0</v>
      </c>
      <c r="L11640" t="s">
        <v>82</v>
      </c>
      <c r="M11640" t="s">
        <v>89</v>
      </c>
      <c r="N11640" t="s">
        <v>90</v>
      </c>
      <c r="O11640" t="s">
        <v>85</v>
      </c>
      <c r="P11640" t="s">
        <v>86</v>
      </c>
      <c r="Q11640">
        <v>48</v>
      </c>
      <c r="R11640">
        <v>48</v>
      </c>
      <c r="S11640">
        <v>49</v>
      </c>
      <c r="T11640">
        <v>50</v>
      </c>
      <c r="U11640">
        <v>50</v>
      </c>
      <c r="V11640">
        <v>51</v>
      </c>
      <c r="W11640">
        <v>51</v>
      </c>
      <c r="X11640">
        <v>52</v>
      </c>
      <c r="Y11640">
        <v>52</v>
      </c>
      <c r="Z11640">
        <v>53</v>
      </c>
      <c r="AA11640">
        <v>53</v>
      </c>
      <c r="AB11640">
        <v>53</v>
      </c>
      <c r="AC11640">
        <v>54</v>
      </c>
      <c r="AD11640">
        <v>54</v>
      </c>
      <c r="AE11640">
        <v>54</v>
      </c>
      <c r="AF11640">
        <v>54</v>
      </c>
      <c r="AG11640">
        <v>54</v>
      </c>
      <c r="AH11640">
        <v>53</v>
      </c>
      <c r="AI11640">
        <v>53</v>
      </c>
      <c r="AJ11640">
        <v>53</v>
      </c>
      <c r="AK11640">
        <v>52</v>
      </c>
      <c r="AL11640">
        <v>52</v>
      </c>
      <c r="AM11640">
        <v>52</v>
      </c>
      <c r="AN11640">
        <v>51</v>
      </c>
      <c r="AO11640">
        <v>51</v>
      </c>
      <c r="AP11640">
        <v>51</v>
      </c>
      <c r="AQ11640">
        <v>50</v>
      </c>
    </row>
    <row r="11641" spans="1:43">
      <c r="A11641" t="s">
        <v>7230</v>
      </c>
      <c r="B11641" t="s">
        <v>7231</v>
      </c>
      <c r="C11641" t="s">
        <v>6994</v>
      </c>
      <c r="D11641" t="s">
        <v>6995</v>
      </c>
      <c r="E11641" t="s">
        <v>6982</v>
      </c>
      <c r="F11641" t="s">
        <v>6983</v>
      </c>
      <c r="G11641" t="s">
        <v>80</v>
      </c>
      <c r="H11641" t="s">
        <v>81</v>
      </c>
      <c r="I11641" s="2">
        <v>0</v>
      </c>
      <c r="J11641" s="2">
        <v>1</v>
      </c>
      <c r="K11641" s="2">
        <v>0</v>
      </c>
      <c r="L11641" t="s">
        <v>82</v>
      </c>
      <c r="M11641" t="s">
        <v>83</v>
      </c>
      <c r="N11641" t="s">
        <v>91</v>
      </c>
      <c r="O11641" t="s">
        <v>85</v>
      </c>
      <c r="P11641" t="s">
        <v>86</v>
      </c>
      <c r="Q11641">
        <v>48</v>
      </c>
      <c r="R11641">
        <v>49</v>
      </c>
      <c r="S11641">
        <v>49</v>
      </c>
      <c r="T11641">
        <v>49</v>
      </c>
      <c r="U11641">
        <v>49</v>
      </c>
      <c r="V11641">
        <v>50</v>
      </c>
      <c r="W11641">
        <v>50</v>
      </c>
      <c r="X11641">
        <v>50</v>
      </c>
      <c r="Y11641">
        <v>50</v>
      </c>
      <c r="Z11641">
        <v>51</v>
      </c>
      <c r="AA11641">
        <v>51</v>
      </c>
      <c r="AB11641">
        <v>51</v>
      </c>
      <c r="AC11641">
        <v>51</v>
      </c>
      <c r="AD11641">
        <v>51</v>
      </c>
      <c r="AE11641">
        <v>52</v>
      </c>
      <c r="AF11641">
        <v>52</v>
      </c>
      <c r="AG11641">
        <v>52</v>
      </c>
      <c r="AH11641">
        <v>52</v>
      </c>
      <c r="AI11641">
        <v>52</v>
      </c>
      <c r="AJ11641">
        <v>52</v>
      </c>
      <c r="AK11641">
        <v>53</v>
      </c>
      <c r="AL11641">
        <v>52</v>
      </c>
      <c r="AM11641">
        <v>52</v>
      </c>
      <c r="AN11641">
        <v>52</v>
      </c>
      <c r="AO11641">
        <v>51</v>
      </c>
      <c r="AP11641">
        <v>51</v>
      </c>
      <c r="AQ11641">
        <v>51</v>
      </c>
    </row>
    <row r="11642" spans="1:43">
      <c r="A11642" t="s">
        <v>7232</v>
      </c>
      <c r="B11642" t="s">
        <v>7233</v>
      </c>
      <c r="C11642" t="s">
        <v>7234</v>
      </c>
      <c r="D11642" t="s">
        <v>7235</v>
      </c>
      <c r="E11642" t="s">
        <v>6982</v>
      </c>
      <c r="F11642" t="s">
        <v>6983</v>
      </c>
      <c r="G11642" t="s">
        <v>80</v>
      </c>
      <c r="H11642" t="s">
        <v>81</v>
      </c>
      <c r="I11642" s="2">
        <v>0</v>
      </c>
      <c r="J11642" s="2">
        <v>1</v>
      </c>
      <c r="K11642" s="2">
        <v>0</v>
      </c>
      <c r="L11642" t="s">
        <v>82</v>
      </c>
      <c r="M11642" t="s">
        <v>83</v>
      </c>
      <c r="N11642" t="s">
        <v>84</v>
      </c>
      <c r="O11642" t="s">
        <v>85</v>
      </c>
      <c r="P11642" t="s">
        <v>86</v>
      </c>
      <c r="Q11642">
        <v>90</v>
      </c>
      <c r="R11642">
        <v>90</v>
      </c>
      <c r="S11642">
        <v>91</v>
      </c>
      <c r="T11642">
        <v>92</v>
      </c>
      <c r="U11642">
        <v>92</v>
      </c>
      <c r="V11642">
        <v>93</v>
      </c>
      <c r="W11642">
        <v>93</v>
      </c>
      <c r="X11642">
        <v>94</v>
      </c>
      <c r="Y11642">
        <v>94</v>
      </c>
      <c r="Z11642">
        <v>95</v>
      </c>
      <c r="AA11642">
        <v>95</v>
      </c>
      <c r="AB11642">
        <v>95</v>
      </c>
      <c r="AC11642">
        <v>96</v>
      </c>
      <c r="AD11642">
        <v>96</v>
      </c>
      <c r="AE11642">
        <v>96</v>
      </c>
      <c r="AF11642">
        <v>97</v>
      </c>
      <c r="AG11642">
        <v>97</v>
      </c>
      <c r="AH11642">
        <v>97</v>
      </c>
      <c r="AI11642">
        <v>97</v>
      </c>
      <c r="AJ11642">
        <v>98</v>
      </c>
      <c r="AK11642">
        <v>98</v>
      </c>
      <c r="AL11642">
        <v>98</v>
      </c>
      <c r="AM11642">
        <v>97</v>
      </c>
      <c r="AN11642">
        <v>96</v>
      </c>
      <c r="AO11642">
        <v>96</v>
      </c>
      <c r="AP11642">
        <v>95</v>
      </c>
      <c r="AQ11642">
        <v>95</v>
      </c>
    </row>
    <row r="11643" spans="1:43">
      <c r="A11643" t="s">
        <v>7232</v>
      </c>
      <c r="B11643" t="s">
        <v>7233</v>
      </c>
      <c r="C11643" t="s">
        <v>7234</v>
      </c>
      <c r="D11643" t="s">
        <v>7235</v>
      </c>
      <c r="E11643" t="s">
        <v>6982</v>
      </c>
      <c r="F11643" t="s">
        <v>6983</v>
      </c>
      <c r="G11643" t="s">
        <v>80</v>
      </c>
      <c r="H11643" t="s">
        <v>81</v>
      </c>
      <c r="I11643" s="2">
        <v>0</v>
      </c>
      <c r="J11643" s="2">
        <v>1</v>
      </c>
      <c r="K11643" s="2">
        <v>0</v>
      </c>
      <c r="L11643" t="s">
        <v>82</v>
      </c>
      <c r="M11643" t="s">
        <v>87</v>
      </c>
      <c r="N11643" t="s">
        <v>88</v>
      </c>
      <c r="O11643" t="s">
        <v>85</v>
      </c>
      <c r="P11643" t="s">
        <v>86</v>
      </c>
      <c r="Q11643">
        <v>90</v>
      </c>
      <c r="R11643">
        <v>90</v>
      </c>
      <c r="S11643">
        <v>90</v>
      </c>
      <c r="T11643">
        <v>89</v>
      </c>
      <c r="U11643">
        <v>89</v>
      </c>
      <c r="V11643">
        <v>89</v>
      </c>
      <c r="W11643">
        <v>89</v>
      </c>
      <c r="X11643">
        <v>88</v>
      </c>
      <c r="Y11643">
        <v>88</v>
      </c>
      <c r="Z11643">
        <v>88</v>
      </c>
      <c r="AA11643">
        <v>88</v>
      </c>
      <c r="AB11643">
        <v>87</v>
      </c>
      <c r="AC11643">
        <v>87</v>
      </c>
      <c r="AD11643">
        <v>87</v>
      </c>
      <c r="AE11643">
        <v>87</v>
      </c>
      <c r="AF11643">
        <v>86</v>
      </c>
      <c r="AG11643">
        <v>86</v>
      </c>
      <c r="AH11643">
        <v>86</v>
      </c>
      <c r="AI11643">
        <v>86</v>
      </c>
      <c r="AJ11643">
        <v>85</v>
      </c>
      <c r="AK11643">
        <v>85</v>
      </c>
      <c r="AL11643">
        <v>85</v>
      </c>
      <c r="AM11643">
        <v>85</v>
      </c>
      <c r="AN11643">
        <v>84</v>
      </c>
      <c r="AO11643">
        <v>84</v>
      </c>
      <c r="AP11643">
        <v>84</v>
      </c>
      <c r="AQ11643">
        <v>84</v>
      </c>
    </row>
    <row r="11644" spans="1:43">
      <c r="A11644" t="s">
        <v>7232</v>
      </c>
      <c r="B11644" t="s">
        <v>7233</v>
      </c>
      <c r="C11644" t="s">
        <v>7234</v>
      </c>
      <c r="D11644" t="s">
        <v>7235</v>
      </c>
      <c r="E11644" t="s">
        <v>6982</v>
      </c>
      <c r="F11644" t="s">
        <v>6983</v>
      </c>
      <c r="G11644" t="s">
        <v>80</v>
      </c>
      <c r="H11644" t="s">
        <v>81</v>
      </c>
      <c r="I11644" s="2">
        <v>0</v>
      </c>
      <c r="J11644" s="2">
        <v>1</v>
      </c>
      <c r="K11644" s="2">
        <v>0</v>
      </c>
      <c r="L11644" t="s">
        <v>82</v>
      </c>
      <c r="M11644" t="s">
        <v>89</v>
      </c>
      <c r="N11644" t="s">
        <v>90</v>
      </c>
      <c r="O11644" t="s">
        <v>85</v>
      </c>
      <c r="P11644" t="s">
        <v>86</v>
      </c>
      <c r="Q11644">
        <v>90</v>
      </c>
      <c r="R11644">
        <v>91</v>
      </c>
      <c r="S11644">
        <v>92</v>
      </c>
      <c r="T11644">
        <v>94</v>
      </c>
      <c r="U11644">
        <v>95</v>
      </c>
      <c r="V11644">
        <v>96</v>
      </c>
      <c r="W11644">
        <v>97</v>
      </c>
      <c r="X11644">
        <v>98</v>
      </c>
      <c r="Y11644">
        <v>99</v>
      </c>
      <c r="Z11644">
        <v>99</v>
      </c>
      <c r="AA11644">
        <v>100</v>
      </c>
      <c r="AB11644">
        <v>101</v>
      </c>
      <c r="AC11644">
        <v>101</v>
      </c>
      <c r="AD11644">
        <v>102</v>
      </c>
      <c r="AE11644">
        <v>102</v>
      </c>
      <c r="AF11644">
        <v>101</v>
      </c>
      <c r="AG11644">
        <v>101</v>
      </c>
      <c r="AH11644">
        <v>100</v>
      </c>
      <c r="AI11644">
        <v>99</v>
      </c>
      <c r="AJ11644">
        <v>99</v>
      </c>
      <c r="AK11644">
        <v>98</v>
      </c>
      <c r="AL11644">
        <v>97</v>
      </c>
      <c r="AM11644">
        <v>97</v>
      </c>
      <c r="AN11644">
        <v>96</v>
      </c>
      <c r="AO11644">
        <v>96</v>
      </c>
      <c r="AP11644">
        <v>95</v>
      </c>
      <c r="AQ11644">
        <v>94</v>
      </c>
    </row>
    <row r="11645" spans="1:43">
      <c r="A11645" t="s">
        <v>7232</v>
      </c>
      <c r="B11645" t="s">
        <v>7233</v>
      </c>
      <c r="C11645" t="s">
        <v>7234</v>
      </c>
      <c r="D11645" t="s">
        <v>7235</v>
      </c>
      <c r="E11645" t="s">
        <v>6982</v>
      </c>
      <c r="F11645" t="s">
        <v>6983</v>
      </c>
      <c r="G11645" t="s">
        <v>80</v>
      </c>
      <c r="H11645" t="s">
        <v>81</v>
      </c>
      <c r="I11645" s="2">
        <v>0</v>
      </c>
      <c r="J11645" s="2">
        <v>1</v>
      </c>
      <c r="K11645" s="2">
        <v>0</v>
      </c>
      <c r="L11645" t="s">
        <v>82</v>
      </c>
      <c r="M11645" t="s">
        <v>83</v>
      </c>
      <c r="N11645" t="s">
        <v>91</v>
      </c>
      <c r="O11645" t="s">
        <v>85</v>
      </c>
      <c r="P11645" t="s">
        <v>86</v>
      </c>
      <c r="Q11645">
        <v>90</v>
      </c>
      <c r="R11645">
        <v>90</v>
      </c>
      <c r="S11645">
        <v>91</v>
      </c>
      <c r="T11645">
        <v>92</v>
      </c>
      <c r="U11645">
        <v>92</v>
      </c>
      <c r="V11645">
        <v>93</v>
      </c>
      <c r="W11645">
        <v>93</v>
      </c>
      <c r="X11645">
        <v>94</v>
      </c>
      <c r="Y11645">
        <v>94</v>
      </c>
      <c r="Z11645">
        <v>95</v>
      </c>
      <c r="AA11645">
        <v>95</v>
      </c>
      <c r="AB11645">
        <v>95</v>
      </c>
      <c r="AC11645">
        <v>96</v>
      </c>
      <c r="AD11645">
        <v>96</v>
      </c>
      <c r="AE11645">
        <v>96</v>
      </c>
      <c r="AF11645">
        <v>97</v>
      </c>
      <c r="AG11645">
        <v>97</v>
      </c>
      <c r="AH11645">
        <v>97</v>
      </c>
      <c r="AI11645">
        <v>97</v>
      </c>
      <c r="AJ11645">
        <v>98</v>
      </c>
      <c r="AK11645">
        <v>98</v>
      </c>
      <c r="AL11645">
        <v>98</v>
      </c>
      <c r="AM11645">
        <v>97</v>
      </c>
      <c r="AN11645">
        <v>96</v>
      </c>
      <c r="AO11645">
        <v>96</v>
      </c>
      <c r="AP11645">
        <v>95</v>
      </c>
      <c r="AQ11645">
        <v>95</v>
      </c>
    </row>
    <row r="11646" spans="1:43">
      <c r="A11646" t="s">
        <v>7236</v>
      </c>
      <c r="B11646" t="s">
        <v>7237</v>
      </c>
      <c r="C11646" t="s">
        <v>7102</v>
      </c>
      <c r="D11646" t="s">
        <v>7103</v>
      </c>
      <c r="E11646" t="s">
        <v>6982</v>
      </c>
      <c r="F11646" t="s">
        <v>6983</v>
      </c>
      <c r="G11646" t="s">
        <v>80</v>
      </c>
      <c r="H11646" t="s">
        <v>81</v>
      </c>
      <c r="I11646" s="2">
        <v>0</v>
      </c>
      <c r="J11646" s="2">
        <v>1</v>
      </c>
      <c r="K11646" s="2">
        <v>0</v>
      </c>
      <c r="L11646" t="s">
        <v>82</v>
      </c>
      <c r="M11646" t="s">
        <v>83</v>
      </c>
      <c r="N11646" t="s">
        <v>84</v>
      </c>
      <c r="O11646" t="s">
        <v>85</v>
      </c>
      <c r="P11646" t="s">
        <v>86</v>
      </c>
      <c r="Q11646">
        <v>131</v>
      </c>
      <c r="R11646">
        <v>132</v>
      </c>
      <c r="S11646">
        <v>133</v>
      </c>
      <c r="T11646">
        <v>133</v>
      </c>
      <c r="U11646">
        <v>134</v>
      </c>
      <c r="V11646">
        <v>135</v>
      </c>
      <c r="W11646">
        <v>135</v>
      </c>
      <c r="X11646">
        <v>136</v>
      </c>
      <c r="Y11646">
        <v>137</v>
      </c>
      <c r="Z11646">
        <v>138</v>
      </c>
      <c r="AA11646">
        <v>138</v>
      </c>
      <c r="AB11646">
        <v>139</v>
      </c>
      <c r="AC11646">
        <v>139</v>
      </c>
      <c r="AD11646">
        <v>140</v>
      </c>
      <c r="AE11646">
        <v>140</v>
      </c>
      <c r="AF11646">
        <v>140</v>
      </c>
      <c r="AG11646">
        <v>141</v>
      </c>
      <c r="AH11646">
        <v>141</v>
      </c>
      <c r="AI11646">
        <v>142</v>
      </c>
      <c r="AJ11646">
        <v>142</v>
      </c>
      <c r="AK11646">
        <v>142</v>
      </c>
      <c r="AL11646">
        <v>142</v>
      </c>
      <c r="AM11646">
        <v>141</v>
      </c>
      <c r="AN11646">
        <v>140</v>
      </c>
      <c r="AO11646">
        <v>139</v>
      </c>
      <c r="AP11646">
        <v>138</v>
      </c>
      <c r="AQ11646">
        <v>137</v>
      </c>
    </row>
    <row r="11647" spans="1:43">
      <c r="A11647" t="s">
        <v>7236</v>
      </c>
      <c r="B11647" t="s">
        <v>7237</v>
      </c>
      <c r="C11647" t="s">
        <v>7102</v>
      </c>
      <c r="D11647" t="s">
        <v>7103</v>
      </c>
      <c r="E11647" t="s">
        <v>6982</v>
      </c>
      <c r="F11647" t="s">
        <v>6983</v>
      </c>
      <c r="G11647" t="s">
        <v>80</v>
      </c>
      <c r="H11647" t="s">
        <v>81</v>
      </c>
      <c r="I11647" s="2">
        <v>0</v>
      </c>
      <c r="J11647" s="2">
        <v>1</v>
      </c>
      <c r="K11647" s="2">
        <v>0</v>
      </c>
      <c r="L11647" t="s">
        <v>82</v>
      </c>
      <c r="M11647" t="s">
        <v>87</v>
      </c>
      <c r="N11647" t="s">
        <v>88</v>
      </c>
      <c r="O11647" t="s">
        <v>85</v>
      </c>
      <c r="P11647" t="s">
        <v>86</v>
      </c>
      <c r="Q11647">
        <v>131</v>
      </c>
      <c r="R11647">
        <v>130</v>
      </c>
      <c r="S11647">
        <v>130</v>
      </c>
      <c r="T11647">
        <v>130</v>
      </c>
      <c r="U11647">
        <v>129</v>
      </c>
      <c r="V11647">
        <v>129</v>
      </c>
      <c r="W11647">
        <v>128</v>
      </c>
      <c r="X11647">
        <v>128</v>
      </c>
      <c r="Y11647">
        <v>128</v>
      </c>
      <c r="Z11647">
        <v>127</v>
      </c>
      <c r="AA11647">
        <v>127</v>
      </c>
      <c r="AB11647">
        <v>126</v>
      </c>
      <c r="AC11647">
        <v>126</v>
      </c>
      <c r="AD11647">
        <v>126</v>
      </c>
      <c r="AE11647">
        <v>125</v>
      </c>
      <c r="AF11647">
        <v>125</v>
      </c>
      <c r="AG11647">
        <v>124</v>
      </c>
      <c r="AH11647">
        <v>124</v>
      </c>
      <c r="AI11647">
        <v>124</v>
      </c>
      <c r="AJ11647">
        <v>123</v>
      </c>
      <c r="AK11647">
        <v>123</v>
      </c>
      <c r="AL11647">
        <v>123</v>
      </c>
      <c r="AM11647">
        <v>122</v>
      </c>
      <c r="AN11647">
        <v>122</v>
      </c>
      <c r="AO11647">
        <v>122</v>
      </c>
      <c r="AP11647">
        <v>121</v>
      </c>
      <c r="AQ11647">
        <v>121</v>
      </c>
    </row>
    <row r="11648" spans="1:43">
      <c r="A11648" t="s">
        <v>7236</v>
      </c>
      <c r="B11648" t="s">
        <v>7237</v>
      </c>
      <c r="C11648" t="s">
        <v>7102</v>
      </c>
      <c r="D11648" t="s">
        <v>7103</v>
      </c>
      <c r="E11648" t="s">
        <v>6982</v>
      </c>
      <c r="F11648" t="s">
        <v>6983</v>
      </c>
      <c r="G11648" t="s">
        <v>80</v>
      </c>
      <c r="H11648" t="s">
        <v>81</v>
      </c>
      <c r="I11648" s="2">
        <v>0</v>
      </c>
      <c r="J11648" s="2">
        <v>1</v>
      </c>
      <c r="K11648" s="2">
        <v>0</v>
      </c>
      <c r="L11648" t="s">
        <v>82</v>
      </c>
      <c r="M11648" t="s">
        <v>89</v>
      </c>
      <c r="N11648" t="s">
        <v>90</v>
      </c>
      <c r="O11648" t="s">
        <v>85</v>
      </c>
      <c r="P11648" t="s">
        <v>86</v>
      </c>
      <c r="Q11648">
        <v>131</v>
      </c>
      <c r="R11648">
        <v>133</v>
      </c>
      <c r="S11648">
        <v>135</v>
      </c>
      <c r="T11648">
        <v>137</v>
      </c>
      <c r="U11648">
        <v>138</v>
      </c>
      <c r="V11648">
        <v>140</v>
      </c>
      <c r="W11648">
        <v>141</v>
      </c>
      <c r="X11648">
        <v>143</v>
      </c>
      <c r="Y11648">
        <v>144</v>
      </c>
      <c r="Z11648">
        <v>145</v>
      </c>
      <c r="AA11648">
        <v>146</v>
      </c>
      <c r="AB11648">
        <v>147</v>
      </c>
      <c r="AC11648">
        <v>148</v>
      </c>
      <c r="AD11648">
        <v>149</v>
      </c>
      <c r="AE11648">
        <v>149</v>
      </c>
      <c r="AF11648">
        <v>148</v>
      </c>
      <c r="AG11648">
        <v>147</v>
      </c>
      <c r="AH11648">
        <v>146</v>
      </c>
      <c r="AI11648">
        <v>145</v>
      </c>
      <c r="AJ11648">
        <v>144</v>
      </c>
      <c r="AK11648">
        <v>143</v>
      </c>
      <c r="AL11648">
        <v>142</v>
      </c>
      <c r="AM11648">
        <v>141</v>
      </c>
      <c r="AN11648">
        <v>140</v>
      </c>
      <c r="AO11648">
        <v>139</v>
      </c>
      <c r="AP11648">
        <v>138</v>
      </c>
      <c r="AQ11648">
        <v>137</v>
      </c>
    </row>
    <row r="11649" spans="1:43">
      <c r="A11649" t="s">
        <v>7236</v>
      </c>
      <c r="B11649" t="s">
        <v>7237</v>
      </c>
      <c r="C11649" t="s">
        <v>7102</v>
      </c>
      <c r="D11649" t="s">
        <v>7103</v>
      </c>
      <c r="E11649" t="s">
        <v>6982</v>
      </c>
      <c r="F11649" t="s">
        <v>6983</v>
      </c>
      <c r="G11649" t="s">
        <v>80</v>
      </c>
      <c r="H11649" t="s">
        <v>81</v>
      </c>
      <c r="I11649" s="2">
        <v>0</v>
      </c>
      <c r="J11649" s="2">
        <v>1</v>
      </c>
      <c r="K11649" s="2">
        <v>0</v>
      </c>
      <c r="L11649" t="s">
        <v>82</v>
      </c>
      <c r="M11649" t="s">
        <v>83</v>
      </c>
      <c r="N11649" t="s">
        <v>91</v>
      </c>
      <c r="O11649" t="s">
        <v>85</v>
      </c>
      <c r="P11649" t="s">
        <v>86</v>
      </c>
      <c r="Q11649">
        <v>131</v>
      </c>
      <c r="R11649">
        <v>132</v>
      </c>
      <c r="S11649">
        <v>133</v>
      </c>
      <c r="T11649">
        <v>133</v>
      </c>
      <c r="U11649">
        <v>134</v>
      </c>
      <c r="V11649">
        <v>135</v>
      </c>
      <c r="W11649">
        <v>135</v>
      </c>
      <c r="X11649">
        <v>136</v>
      </c>
      <c r="Y11649">
        <v>137</v>
      </c>
      <c r="Z11649">
        <v>138</v>
      </c>
      <c r="AA11649">
        <v>138</v>
      </c>
      <c r="AB11649">
        <v>139</v>
      </c>
      <c r="AC11649">
        <v>139</v>
      </c>
      <c r="AD11649">
        <v>140</v>
      </c>
      <c r="AE11649">
        <v>140</v>
      </c>
      <c r="AF11649">
        <v>140</v>
      </c>
      <c r="AG11649">
        <v>141</v>
      </c>
      <c r="AH11649">
        <v>141</v>
      </c>
      <c r="AI11649">
        <v>142</v>
      </c>
      <c r="AJ11649">
        <v>142</v>
      </c>
      <c r="AK11649">
        <v>142</v>
      </c>
      <c r="AL11649">
        <v>142</v>
      </c>
      <c r="AM11649">
        <v>141</v>
      </c>
      <c r="AN11649">
        <v>140</v>
      </c>
      <c r="AO11649">
        <v>139</v>
      </c>
      <c r="AP11649">
        <v>138</v>
      </c>
      <c r="AQ11649">
        <v>137</v>
      </c>
    </row>
    <row r="11650" spans="1:43">
      <c r="A11650" t="s">
        <v>7238</v>
      </c>
      <c r="B11650" t="s">
        <v>7239</v>
      </c>
      <c r="C11650" t="s">
        <v>7234</v>
      </c>
      <c r="D11650" t="s">
        <v>7235</v>
      </c>
      <c r="E11650" t="s">
        <v>6982</v>
      </c>
      <c r="F11650" t="s">
        <v>6983</v>
      </c>
      <c r="G11650" t="s">
        <v>80</v>
      </c>
      <c r="H11650" t="s">
        <v>81</v>
      </c>
      <c r="I11650" s="2">
        <v>0</v>
      </c>
      <c r="J11650" s="2">
        <v>1</v>
      </c>
      <c r="K11650" s="2">
        <v>0</v>
      </c>
      <c r="L11650" t="s">
        <v>82</v>
      </c>
      <c r="M11650" t="s">
        <v>83</v>
      </c>
      <c r="N11650" t="s">
        <v>84</v>
      </c>
      <c r="O11650" t="s">
        <v>85</v>
      </c>
      <c r="P11650" t="s">
        <v>86</v>
      </c>
      <c r="Q11650">
        <v>21</v>
      </c>
      <c r="R11650">
        <v>21</v>
      </c>
      <c r="S11650">
        <v>21</v>
      </c>
      <c r="T11650">
        <v>21</v>
      </c>
      <c r="U11650">
        <v>21</v>
      </c>
      <c r="V11650">
        <v>21</v>
      </c>
      <c r="W11650">
        <v>22</v>
      </c>
      <c r="X11650">
        <v>22</v>
      </c>
      <c r="Y11650">
        <v>22</v>
      </c>
      <c r="Z11650">
        <v>22</v>
      </c>
      <c r="AA11650">
        <v>22</v>
      </c>
      <c r="AB11650">
        <v>22</v>
      </c>
      <c r="AC11650">
        <v>22</v>
      </c>
      <c r="AD11650">
        <v>22</v>
      </c>
      <c r="AE11650">
        <v>22</v>
      </c>
      <c r="AF11650">
        <v>22</v>
      </c>
      <c r="AG11650">
        <v>22</v>
      </c>
      <c r="AH11650">
        <v>23</v>
      </c>
      <c r="AI11650">
        <v>23</v>
      </c>
      <c r="AJ11650">
        <v>23</v>
      </c>
      <c r="AK11650">
        <v>23</v>
      </c>
      <c r="AL11650">
        <v>23</v>
      </c>
      <c r="AM11650">
        <v>22</v>
      </c>
      <c r="AN11650">
        <v>22</v>
      </c>
      <c r="AO11650">
        <v>22</v>
      </c>
      <c r="AP11650">
        <v>22</v>
      </c>
      <c r="AQ11650">
        <v>22</v>
      </c>
    </row>
    <row r="11651" spans="1:43">
      <c r="A11651" t="s">
        <v>7238</v>
      </c>
      <c r="B11651" t="s">
        <v>7239</v>
      </c>
      <c r="C11651" t="s">
        <v>7234</v>
      </c>
      <c r="D11651" t="s">
        <v>7235</v>
      </c>
      <c r="E11651" t="s">
        <v>6982</v>
      </c>
      <c r="F11651" t="s">
        <v>6983</v>
      </c>
      <c r="G11651" t="s">
        <v>80</v>
      </c>
      <c r="H11651" t="s">
        <v>81</v>
      </c>
      <c r="I11651" s="2">
        <v>0</v>
      </c>
      <c r="J11651" s="2">
        <v>1</v>
      </c>
      <c r="K11651" s="2">
        <v>0</v>
      </c>
      <c r="L11651" t="s">
        <v>82</v>
      </c>
      <c r="M11651" t="s">
        <v>87</v>
      </c>
      <c r="N11651" t="s">
        <v>88</v>
      </c>
      <c r="O11651" t="s">
        <v>85</v>
      </c>
      <c r="P11651" t="s">
        <v>86</v>
      </c>
      <c r="Q11651">
        <v>21</v>
      </c>
      <c r="R11651">
        <v>21</v>
      </c>
      <c r="S11651">
        <v>20</v>
      </c>
      <c r="T11651">
        <v>20</v>
      </c>
      <c r="U11651">
        <v>20</v>
      </c>
      <c r="V11651">
        <v>20</v>
      </c>
      <c r="W11651">
        <v>20</v>
      </c>
      <c r="X11651">
        <v>20</v>
      </c>
      <c r="Y11651">
        <v>20</v>
      </c>
      <c r="Z11651">
        <v>20</v>
      </c>
      <c r="AA11651">
        <v>20</v>
      </c>
      <c r="AB11651">
        <v>20</v>
      </c>
      <c r="AC11651">
        <v>20</v>
      </c>
      <c r="AD11651">
        <v>20</v>
      </c>
      <c r="AE11651">
        <v>20</v>
      </c>
      <c r="AF11651">
        <v>20</v>
      </c>
      <c r="AG11651">
        <v>20</v>
      </c>
      <c r="AH11651">
        <v>20</v>
      </c>
      <c r="AI11651">
        <v>20</v>
      </c>
      <c r="AJ11651">
        <v>20</v>
      </c>
      <c r="AK11651">
        <v>20</v>
      </c>
      <c r="AL11651">
        <v>19</v>
      </c>
      <c r="AM11651">
        <v>19</v>
      </c>
      <c r="AN11651">
        <v>19</v>
      </c>
      <c r="AO11651">
        <v>19</v>
      </c>
      <c r="AP11651">
        <v>19</v>
      </c>
      <c r="AQ11651">
        <v>19</v>
      </c>
    </row>
    <row r="11652" spans="1:43">
      <c r="A11652" t="s">
        <v>7238</v>
      </c>
      <c r="B11652" t="s">
        <v>7239</v>
      </c>
      <c r="C11652" t="s">
        <v>7234</v>
      </c>
      <c r="D11652" t="s">
        <v>7235</v>
      </c>
      <c r="E11652" t="s">
        <v>6982</v>
      </c>
      <c r="F11652" t="s">
        <v>6983</v>
      </c>
      <c r="G11652" t="s">
        <v>80</v>
      </c>
      <c r="H11652" t="s">
        <v>81</v>
      </c>
      <c r="I11652" s="2">
        <v>0</v>
      </c>
      <c r="J11652" s="2">
        <v>1</v>
      </c>
      <c r="K11652" s="2">
        <v>0</v>
      </c>
      <c r="L11652" t="s">
        <v>82</v>
      </c>
      <c r="M11652" t="s">
        <v>89</v>
      </c>
      <c r="N11652" t="s">
        <v>90</v>
      </c>
      <c r="O11652" t="s">
        <v>85</v>
      </c>
      <c r="P11652" t="s">
        <v>86</v>
      </c>
      <c r="Q11652">
        <v>21</v>
      </c>
      <c r="R11652">
        <v>21</v>
      </c>
      <c r="S11652">
        <v>22</v>
      </c>
      <c r="T11652">
        <v>22</v>
      </c>
      <c r="U11652">
        <v>22</v>
      </c>
      <c r="V11652">
        <v>22</v>
      </c>
      <c r="W11652">
        <v>23</v>
      </c>
      <c r="X11652">
        <v>23</v>
      </c>
      <c r="Y11652">
        <v>23</v>
      </c>
      <c r="Z11652">
        <v>23</v>
      </c>
      <c r="AA11652">
        <v>23</v>
      </c>
      <c r="AB11652">
        <v>24</v>
      </c>
      <c r="AC11652">
        <v>24</v>
      </c>
      <c r="AD11652">
        <v>24</v>
      </c>
      <c r="AE11652">
        <v>24</v>
      </c>
      <c r="AF11652">
        <v>24</v>
      </c>
      <c r="AG11652">
        <v>24</v>
      </c>
      <c r="AH11652">
        <v>23</v>
      </c>
      <c r="AI11652">
        <v>23</v>
      </c>
      <c r="AJ11652">
        <v>23</v>
      </c>
      <c r="AK11652">
        <v>23</v>
      </c>
      <c r="AL11652">
        <v>23</v>
      </c>
      <c r="AM11652">
        <v>23</v>
      </c>
      <c r="AN11652">
        <v>23</v>
      </c>
      <c r="AO11652">
        <v>22</v>
      </c>
      <c r="AP11652">
        <v>22</v>
      </c>
      <c r="AQ11652">
        <v>22</v>
      </c>
    </row>
    <row r="11653" spans="1:43">
      <c r="A11653" t="s">
        <v>7238</v>
      </c>
      <c r="B11653" t="s">
        <v>7239</v>
      </c>
      <c r="C11653" t="s">
        <v>7234</v>
      </c>
      <c r="D11653" t="s">
        <v>7235</v>
      </c>
      <c r="E11653" t="s">
        <v>6982</v>
      </c>
      <c r="F11653" t="s">
        <v>6983</v>
      </c>
      <c r="G11653" t="s">
        <v>80</v>
      </c>
      <c r="H11653" t="s">
        <v>81</v>
      </c>
      <c r="I11653" s="2">
        <v>0</v>
      </c>
      <c r="J11653" s="2">
        <v>1</v>
      </c>
      <c r="K11653" s="2">
        <v>0</v>
      </c>
      <c r="L11653" t="s">
        <v>82</v>
      </c>
      <c r="M11653" t="s">
        <v>83</v>
      </c>
      <c r="N11653" t="s">
        <v>91</v>
      </c>
      <c r="O11653" t="s">
        <v>85</v>
      </c>
      <c r="P11653" t="s">
        <v>86</v>
      </c>
      <c r="Q11653">
        <v>21</v>
      </c>
      <c r="R11653">
        <v>21</v>
      </c>
      <c r="S11653">
        <v>21</v>
      </c>
      <c r="T11653">
        <v>21</v>
      </c>
      <c r="U11653">
        <v>21</v>
      </c>
      <c r="V11653">
        <v>21</v>
      </c>
      <c r="W11653">
        <v>22</v>
      </c>
      <c r="X11653">
        <v>22</v>
      </c>
      <c r="Y11653">
        <v>22</v>
      </c>
      <c r="Z11653">
        <v>22</v>
      </c>
      <c r="AA11653">
        <v>22</v>
      </c>
      <c r="AB11653">
        <v>22</v>
      </c>
      <c r="AC11653">
        <v>22</v>
      </c>
      <c r="AD11653">
        <v>22</v>
      </c>
      <c r="AE11653">
        <v>22</v>
      </c>
      <c r="AF11653">
        <v>22</v>
      </c>
      <c r="AG11653">
        <v>22</v>
      </c>
      <c r="AH11653">
        <v>23</v>
      </c>
      <c r="AI11653">
        <v>23</v>
      </c>
      <c r="AJ11653">
        <v>23</v>
      </c>
      <c r="AK11653">
        <v>23</v>
      </c>
      <c r="AL11653">
        <v>23</v>
      </c>
      <c r="AM11653">
        <v>22</v>
      </c>
      <c r="AN11653">
        <v>22</v>
      </c>
      <c r="AO11653">
        <v>22</v>
      </c>
      <c r="AP11653">
        <v>22</v>
      </c>
      <c r="AQ11653">
        <v>22</v>
      </c>
    </row>
    <row r="11654" spans="1:43">
      <c r="A11654" t="s">
        <v>7240</v>
      </c>
      <c r="B11654" t="s">
        <v>7241</v>
      </c>
      <c r="C11654" t="s">
        <v>7196</v>
      </c>
      <c r="D11654" t="s">
        <v>7197</v>
      </c>
      <c r="E11654" t="s">
        <v>6982</v>
      </c>
      <c r="F11654" t="s">
        <v>6983</v>
      </c>
      <c r="G11654" t="s">
        <v>80</v>
      </c>
      <c r="H11654" t="s">
        <v>81</v>
      </c>
      <c r="I11654" s="2">
        <v>0</v>
      </c>
      <c r="J11654" s="2">
        <v>1</v>
      </c>
      <c r="K11654" s="2">
        <v>0</v>
      </c>
      <c r="L11654" t="s">
        <v>82</v>
      </c>
      <c r="M11654" t="s">
        <v>83</v>
      </c>
      <c r="N11654" t="s">
        <v>84</v>
      </c>
      <c r="O11654" t="s">
        <v>85</v>
      </c>
      <c r="P11654" t="s">
        <v>86</v>
      </c>
      <c r="Q11654">
        <v>21</v>
      </c>
      <c r="R11654">
        <v>22</v>
      </c>
      <c r="S11654">
        <v>22</v>
      </c>
      <c r="T11654">
        <v>22</v>
      </c>
      <c r="U11654">
        <v>22</v>
      </c>
      <c r="V11654">
        <v>22</v>
      </c>
      <c r="W11654">
        <v>22</v>
      </c>
      <c r="X11654">
        <v>22</v>
      </c>
      <c r="Y11654">
        <v>23</v>
      </c>
      <c r="Z11654">
        <v>23</v>
      </c>
      <c r="AA11654">
        <v>23</v>
      </c>
      <c r="AB11654">
        <v>23</v>
      </c>
      <c r="AC11654">
        <v>23</v>
      </c>
      <c r="AD11654">
        <v>23</v>
      </c>
      <c r="AE11654">
        <v>23</v>
      </c>
      <c r="AF11654">
        <v>23</v>
      </c>
      <c r="AG11654">
        <v>23</v>
      </c>
      <c r="AH11654">
        <v>23</v>
      </c>
      <c r="AI11654">
        <v>23</v>
      </c>
      <c r="AJ11654">
        <v>24</v>
      </c>
      <c r="AK11654">
        <v>24</v>
      </c>
      <c r="AL11654">
        <v>24</v>
      </c>
      <c r="AM11654">
        <v>23</v>
      </c>
      <c r="AN11654">
        <v>23</v>
      </c>
      <c r="AO11654">
        <v>23</v>
      </c>
      <c r="AP11654">
        <v>23</v>
      </c>
      <c r="AQ11654">
        <v>23</v>
      </c>
    </row>
    <row r="11655" spans="1:43">
      <c r="A11655" t="s">
        <v>7240</v>
      </c>
      <c r="B11655" t="s">
        <v>7241</v>
      </c>
      <c r="C11655" t="s">
        <v>7196</v>
      </c>
      <c r="D11655" t="s">
        <v>7197</v>
      </c>
      <c r="E11655" t="s">
        <v>6982</v>
      </c>
      <c r="F11655" t="s">
        <v>6983</v>
      </c>
      <c r="G11655" t="s">
        <v>80</v>
      </c>
      <c r="H11655" t="s">
        <v>81</v>
      </c>
      <c r="I11655" s="2">
        <v>0</v>
      </c>
      <c r="J11655" s="2">
        <v>1</v>
      </c>
      <c r="K11655" s="2">
        <v>0</v>
      </c>
      <c r="L11655" t="s">
        <v>82</v>
      </c>
      <c r="M11655" t="s">
        <v>87</v>
      </c>
      <c r="N11655" t="s">
        <v>88</v>
      </c>
      <c r="O11655" t="s">
        <v>85</v>
      </c>
      <c r="P11655" t="s">
        <v>86</v>
      </c>
      <c r="Q11655">
        <v>21</v>
      </c>
      <c r="R11655">
        <v>21</v>
      </c>
      <c r="S11655">
        <v>21</v>
      </c>
      <c r="T11655">
        <v>21</v>
      </c>
      <c r="U11655">
        <v>21</v>
      </c>
      <c r="V11655">
        <v>21</v>
      </c>
      <c r="W11655">
        <v>21</v>
      </c>
      <c r="X11655">
        <v>21</v>
      </c>
      <c r="Y11655">
        <v>21</v>
      </c>
      <c r="Z11655">
        <v>21</v>
      </c>
      <c r="AA11655">
        <v>21</v>
      </c>
      <c r="AB11655">
        <v>21</v>
      </c>
      <c r="AC11655">
        <v>21</v>
      </c>
      <c r="AD11655">
        <v>21</v>
      </c>
      <c r="AE11655">
        <v>21</v>
      </c>
      <c r="AF11655">
        <v>21</v>
      </c>
      <c r="AG11655">
        <v>20</v>
      </c>
      <c r="AH11655">
        <v>20</v>
      </c>
      <c r="AI11655">
        <v>20</v>
      </c>
      <c r="AJ11655">
        <v>20</v>
      </c>
      <c r="AK11655">
        <v>20</v>
      </c>
      <c r="AL11655">
        <v>20</v>
      </c>
      <c r="AM11655">
        <v>20</v>
      </c>
      <c r="AN11655">
        <v>20</v>
      </c>
      <c r="AO11655">
        <v>20</v>
      </c>
      <c r="AP11655">
        <v>20</v>
      </c>
      <c r="AQ11655">
        <v>20</v>
      </c>
    </row>
    <row r="11656" spans="1:43">
      <c r="A11656" t="s">
        <v>7240</v>
      </c>
      <c r="B11656" t="s">
        <v>7241</v>
      </c>
      <c r="C11656" t="s">
        <v>7196</v>
      </c>
      <c r="D11656" t="s">
        <v>7197</v>
      </c>
      <c r="E11656" t="s">
        <v>6982</v>
      </c>
      <c r="F11656" t="s">
        <v>6983</v>
      </c>
      <c r="G11656" t="s">
        <v>80</v>
      </c>
      <c r="H11656" t="s">
        <v>81</v>
      </c>
      <c r="I11656" s="2">
        <v>0</v>
      </c>
      <c r="J11656" s="2">
        <v>1</v>
      </c>
      <c r="K11656" s="2">
        <v>0</v>
      </c>
      <c r="L11656" t="s">
        <v>82</v>
      </c>
      <c r="M11656" t="s">
        <v>89</v>
      </c>
      <c r="N11656" t="s">
        <v>90</v>
      </c>
      <c r="O11656" t="s">
        <v>85</v>
      </c>
      <c r="P11656" t="s">
        <v>86</v>
      </c>
      <c r="Q11656">
        <v>21</v>
      </c>
      <c r="R11656">
        <v>21</v>
      </c>
      <c r="S11656">
        <v>21</v>
      </c>
      <c r="T11656">
        <v>22</v>
      </c>
      <c r="U11656">
        <v>22</v>
      </c>
      <c r="V11656">
        <v>22</v>
      </c>
      <c r="W11656">
        <v>22</v>
      </c>
      <c r="X11656">
        <v>23</v>
      </c>
      <c r="Y11656">
        <v>23</v>
      </c>
      <c r="Z11656">
        <v>23</v>
      </c>
      <c r="AA11656">
        <v>23</v>
      </c>
      <c r="AB11656">
        <v>23</v>
      </c>
      <c r="AC11656">
        <v>24</v>
      </c>
      <c r="AD11656">
        <v>24</v>
      </c>
      <c r="AE11656">
        <v>24</v>
      </c>
      <c r="AF11656">
        <v>24</v>
      </c>
      <c r="AG11656">
        <v>23</v>
      </c>
      <c r="AH11656">
        <v>23</v>
      </c>
      <c r="AI11656">
        <v>23</v>
      </c>
      <c r="AJ11656">
        <v>23</v>
      </c>
      <c r="AK11656">
        <v>23</v>
      </c>
      <c r="AL11656">
        <v>23</v>
      </c>
      <c r="AM11656">
        <v>23</v>
      </c>
      <c r="AN11656">
        <v>22</v>
      </c>
      <c r="AO11656">
        <v>22</v>
      </c>
      <c r="AP11656">
        <v>22</v>
      </c>
      <c r="AQ11656">
        <v>22</v>
      </c>
    </row>
    <row r="11657" spans="1:43">
      <c r="A11657" t="s">
        <v>7240</v>
      </c>
      <c r="B11657" t="s">
        <v>7241</v>
      </c>
      <c r="C11657" t="s">
        <v>7196</v>
      </c>
      <c r="D11657" t="s">
        <v>7197</v>
      </c>
      <c r="E11657" t="s">
        <v>6982</v>
      </c>
      <c r="F11657" t="s">
        <v>6983</v>
      </c>
      <c r="G11657" t="s">
        <v>80</v>
      </c>
      <c r="H11657" t="s">
        <v>81</v>
      </c>
      <c r="I11657" s="2">
        <v>0</v>
      </c>
      <c r="J11657" s="2">
        <v>1</v>
      </c>
      <c r="K11657" s="2">
        <v>0</v>
      </c>
      <c r="L11657" t="s">
        <v>82</v>
      </c>
      <c r="M11657" t="s">
        <v>83</v>
      </c>
      <c r="N11657" t="s">
        <v>91</v>
      </c>
      <c r="O11657" t="s">
        <v>85</v>
      </c>
      <c r="P11657" t="s">
        <v>86</v>
      </c>
      <c r="Q11657">
        <v>21</v>
      </c>
      <c r="R11657">
        <v>22</v>
      </c>
      <c r="S11657">
        <v>22</v>
      </c>
      <c r="T11657">
        <v>22</v>
      </c>
      <c r="U11657">
        <v>22</v>
      </c>
      <c r="V11657">
        <v>22</v>
      </c>
      <c r="W11657">
        <v>22</v>
      </c>
      <c r="X11657">
        <v>22</v>
      </c>
      <c r="Y11657">
        <v>23</v>
      </c>
      <c r="Z11657">
        <v>23</v>
      </c>
      <c r="AA11657">
        <v>23</v>
      </c>
      <c r="AB11657">
        <v>23</v>
      </c>
      <c r="AC11657">
        <v>23</v>
      </c>
      <c r="AD11657">
        <v>23</v>
      </c>
      <c r="AE11657">
        <v>23</v>
      </c>
      <c r="AF11657">
        <v>23</v>
      </c>
      <c r="AG11657">
        <v>23</v>
      </c>
      <c r="AH11657">
        <v>23</v>
      </c>
      <c r="AI11657">
        <v>23</v>
      </c>
      <c r="AJ11657">
        <v>24</v>
      </c>
      <c r="AK11657">
        <v>24</v>
      </c>
      <c r="AL11657">
        <v>24</v>
      </c>
      <c r="AM11657">
        <v>23</v>
      </c>
      <c r="AN11657">
        <v>23</v>
      </c>
      <c r="AO11657">
        <v>23</v>
      </c>
      <c r="AP11657">
        <v>23</v>
      </c>
      <c r="AQ11657">
        <v>23</v>
      </c>
    </row>
    <row r="11658" spans="1:43">
      <c r="A11658" t="s">
        <v>7242</v>
      </c>
      <c r="B11658" t="s">
        <v>7243</v>
      </c>
      <c r="C11658" t="s">
        <v>7234</v>
      </c>
      <c r="D11658" t="s">
        <v>7235</v>
      </c>
      <c r="E11658" t="s">
        <v>6982</v>
      </c>
      <c r="F11658" t="s">
        <v>6983</v>
      </c>
      <c r="G11658" t="s">
        <v>80</v>
      </c>
      <c r="H11658" t="s">
        <v>81</v>
      </c>
      <c r="I11658" s="2">
        <v>0</v>
      </c>
      <c r="J11658" s="2">
        <v>1</v>
      </c>
      <c r="K11658" s="2">
        <v>0</v>
      </c>
      <c r="L11658" t="s">
        <v>82</v>
      </c>
      <c r="M11658" t="s">
        <v>83</v>
      </c>
      <c r="N11658" t="s">
        <v>84</v>
      </c>
      <c r="O11658" t="s">
        <v>85</v>
      </c>
      <c r="P11658" t="s">
        <v>86</v>
      </c>
      <c r="Q11658">
        <v>26</v>
      </c>
      <c r="R11658">
        <v>26</v>
      </c>
      <c r="S11658">
        <v>27</v>
      </c>
      <c r="T11658">
        <v>27</v>
      </c>
      <c r="U11658">
        <v>27</v>
      </c>
      <c r="V11658">
        <v>27</v>
      </c>
      <c r="W11658">
        <v>27</v>
      </c>
      <c r="X11658">
        <v>27</v>
      </c>
      <c r="Y11658">
        <v>28</v>
      </c>
      <c r="Z11658">
        <v>28</v>
      </c>
      <c r="AA11658">
        <v>28</v>
      </c>
      <c r="AB11658">
        <v>28</v>
      </c>
      <c r="AC11658">
        <v>28</v>
      </c>
      <c r="AD11658">
        <v>28</v>
      </c>
      <c r="AE11658">
        <v>28</v>
      </c>
      <c r="AF11658">
        <v>28</v>
      </c>
      <c r="AG11658">
        <v>28</v>
      </c>
      <c r="AH11658">
        <v>29</v>
      </c>
      <c r="AI11658">
        <v>29</v>
      </c>
      <c r="AJ11658">
        <v>29</v>
      </c>
      <c r="AK11658">
        <v>29</v>
      </c>
      <c r="AL11658">
        <v>29</v>
      </c>
      <c r="AM11658">
        <v>29</v>
      </c>
      <c r="AN11658">
        <v>28</v>
      </c>
      <c r="AO11658">
        <v>28</v>
      </c>
      <c r="AP11658">
        <v>28</v>
      </c>
      <c r="AQ11658">
        <v>28</v>
      </c>
    </row>
    <row r="11659" spans="1:43">
      <c r="A11659" t="s">
        <v>7242</v>
      </c>
      <c r="B11659" t="s">
        <v>7243</v>
      </c>
      <c r="C11659" t="s">
        <v>7234</v>
      </c>
      <c r="D11659" t="s">
        <v>7235</v>
      </c>
      <c r="E11659" t="s">
        <v>6982</v>
      </c>
      <c r="F11659" t="s">
        <v>6983</v>
      </c>
      <c r="G11659" t="s">
        <v>80</v>
      </c>
      <c r="H11659" t="s">
        <v>81</v>
      </c>
      <c r="I11659" s="2">
        <v>0</v>
      </c>
      <c r="J11659" s="2">
        <v>1</v>
      </c>
      <c r="K11659" s="2">
        <v>0</v>
      </c>
      <c r="L11659" t="s">
        <v>82</v>
      </c>
      <c r="M11659" t="s">
        <v>87</v>
      </c>
      <c r="N11659" t="s">
        <v>88</v>
      </c>
      <c r="O11659" t="s">
        <v>85</v>
      </c>
      <c r="P11659" t="s">
        <v>86</v>
      </c>
      <c r="Q11659">
        <v>26</v>
      </c>
      <c r="R11659">
        <v>26</v>
      </c>
      <c r="S11659">
        <v>26</v>
      </c>
      <c r="T11659">
        <v>26</v>
      </c>
      <c r="U11659">
        <v>26</v>
      </c>
      <c r="V11659">
        <v>26</v>
      </c>
      <c r="W11659">
        <v>26</v>
      </c>
      <c r="X11659">
        <v>26</v>
      </c>
      <c r="Y11659">
        <v>25</v>
      </c>
      <c r="Z11659">
        <v>25</v>
      </c>
      <c r="AA11659">
        <v>25</v>
      </c>
      <c r="AB11659">
        <v>25</v>
      </c>
      <c r="AC11659">
        <v>25</v>
      </c>
      <c r="AD11659">
        <v>25</v>
      </c>
      <c r="AE11659">
        <v>25</v>
      </c>
      <c r="AF11659">
        <v>25</v>
      </c>
      <c r="AG11659">
        <v>25</v>
      </c>
      <c r="AH11659">
        <v>25</v>
      </c>
      <c r="AI11659">
        <v>25</v>
      </c>
      <c r="AJ11659">
        <v>25</v>
      </c>
      <c r="AK11659">
        <v>25</v>
      </c>
      <c r="AL11659">
        <v>25</v>
      </c>
      <c r="AM11659">
        <v>25</v>
      </c>
      <c r="AN11659">
        <v>25</v>
      </c>
      <c r="AO11659">
        <v>24</v>
      </c>
      <c r="AP11659">
        <v>24</v>
      </c>
      <c r="AQ11659">
        <v>24</v>
      </c>
    </row>
    <row r="11660" spans="1:43">
      <c r="A11660" t="s">
        <v>7242</v>
      </c>
      <c r="B11660" t="s">
        <v>7243</v>
      </c>
      <c r="C11660" t="s">
        <v>7234</v>
      </c>
      <c r="D11660" t="s">
        <v>7235</v>
      </c>
      <c r="E11660" t="s">
        <v>6982</v>
      </c>
      <c r="F11660" t="s">
        <v>6983</v>
      </c>
      <c r="G11660" t="s">
        <v>80</v>
      </c>
      <c r="H11660" t="s">
        <v>81</v>
      </c>
      <c r="I11660" s="2">
        <v>0</v>
      </c>
      <c r="J11660" s="2">
        <v>1</v>
      </c>
      <c r="K11660" s="2">
        <v>0</v>
      </c>
      <c r="L11660" t="s">
        <v>82</v>
      </c>
      <c r="M11660" t="s">
        <v>89</v>
      </c>
      <c r="N11660" t="s">
        <v>90</v>
      </c>
      <c r="O11660" t="s">
        <v>85</v>
      </c>
      <c r="P11660" t="s">
        <v>86</v>
      </c>
      <c r="Q11660">
        <v>26</v>
      </c>
      <c r="R11660">
        <v>26</v>
      </c>
      <c r="S11660">
        <v>26</v>
      </c>
      <c r="T11660">
        <v>27</v>
      </c>
      <c r="U11660">
        <v>27</v>
      </c>
      <c r="V11660">
        <v>27</v>
      </c>
      <c r="W11660">
        <v>28</v>
      </c>
      <c r="X11660">
        <v>28</v>
      </c>
      <c r="Y11660">
        <v>28</v>
      </c>
      <c r="Z11660">
        <v>28</v>
      </c>
      <c r="AA11660">
        <v>29</v>
      </c>
      <c r="AB11660">
        <v>29</v>
      </c>
      <c r="AC11660">
        <v>29</v>
      </c>
      <c r="AD11660">
        <v>29</v>
      </c>
      <c r="AE11660">
        <v>29</v>
      </c>
      <c r="AF11660">
        <v>29</v>
      </c>
      <c r="AG11660">
        <v>29</v>
      </c>
      <c r="AH11660">
        <v>29</v>
      </c>
      <c r="AI11660">
        <v>29</v>
      </c>
      <c r="AJ11660">
        <v>28</v>
      </c>
      <c r="AK11660">
        <v>28</v>
      </c>
      <c r="AL11660">
        <v>28</v>
      </c>
      <c r="AM11660">
        <v>28</v>
      </c>
      <c r="AN11660">
        <v>28</v>
      </c>
      <c r="AO11660">
        <v>27</v>
      </c>
      <c r="AP11660">
        <v>27</v>
      </c>
      <c r="AQ11660">
        <v>27</v>
      </c>
    </row>
    <row r="11661" spans="1:43">
      <c r="A11661" t="s">
        <v>7242</v>
      </c>
      <c r="B11661" t="s">
        <v>7243</v>
      </c>
      <c r="C11661" t="s">
        <v>7234</v>
      </c>
      <c r="D11661" t="s">
        <v>7235</v>
      </c>
      <c r="E11661" t="s">
        <v>6982</v>
      </c>
      <c r="F11661" t="s">
        <v>6983</v>
      </c>
      <c r="G11661" t="s">
        <v>80</v>
      </c>
      <c r="H11661" t="s">
        <v>81</v>
      </c>
      <c r="I11661" s="2">
        <v>0</v>
      </c>
      <c r="J11661" s="2">
        <v>1</v>
      </c>
      <c r="K11661" s="2">
        <v>0</v>
      </c>
      <c r="L11661" t="s">
        <v>82</v>
      </c>
      <c r="M11661" t="s">
        <v>83</v>
      </c>
      <c r="N11661" t="s">
        <v>91</v>
      </c>
      <c r="O11661" t="s">
        <v>85</v>
      </c>
      <c r="P11661" t="s">
        <v>86</v>
      </c>
      <c r="Q11661">
        <v>26</v>
      </c>
      <c r="R11661">
        <v>26</v>
      </c>
      <c r="S11661">
        <v>27</v>
      </c>
      <c r="T11661">
        <v>27</v>
      </c>
      <c r="U11661">
        <v>27</v>
      </c>
      <c r="V11661">
        <v>27</v>
      </c>
      <c r="W11661">
        <v>27</v>
      </c>
      <c r="X11661">
        <v>27</v>
      </c>
      <c r="Y11661">
        <v>28</v>
      </c>
      <c r="Z11661">
        <v>28</v>
      </c>
      <c r="AA11661">
        <v>28</v>
      </c>
      <c r="AB11661">
        <v>28</v>
      </c>
      <c r="AC11661">
        <v>28</v>
      </c>
      <c r="AD11661">
        <v>28</v>
      </c>
      <c r="AE11661">
        <v>28</v>
      </c>
      <c r="AF11661">
        <v>28</v>
      </c>
      <c r="AG11661">
        <v>28</v>
      </c>
      <c r="AH11661">
        <v>29</v>
      </c>
      <c r="AI11661">
        <v>29</v>
      </c>
      <c r="AJ11661">
        <v>29</v>
      </c>
      <c r="AK11661">
        <v>29</v>
      </c>
      <c r="AL11661">
        <v>29</v>
      </c>
      <c r="AM11661">
        <v>29</v>
      </c>
      <c r="AN11661">
        <v>28</v>
      </c>
      <c r="AO11661">
        <v>28</v>
      </c>
      <c r="AP11661">
        <v>28</v>
      </c>
      <c r="AQ11661">
        <v>28</v>
      </c>
    </row>
    <row r="11662" spans="1:43">
      <c r="A11662" t="s">
        <v>7244</v>
      </c>
      <c r="B11662" t="s">
        <v>7245</v>
      </c>
      <c r="C11662" t="s">
        <v>7234</v>
      </c>
      <c r="D11662" t="s">
        <v>7235</v>
      </c>
      <c r="E11662" t="s">
        <v>6982</v>
      </c>
      <c r="F11662" t="s">
        <v>6983</v>
      </c>
      <c r="G11662" t="s">
        <v>80</v>
      </c>
      <c r="H11662" t="s">
        <v>81</v>
      </c>
      <c r="I11662" s="2">
        <v>0</v>
      </c>
      <c r="J11662" s="2">
        <v>1</v>
      </c>
      <c r="K11662" s="2">
        <v>0</v>
      </c>
      <c r="L11662" t="s">
        <v>82</v>
      </c>
      <c r="M11662" t="s">
        <v>83</v>
      </c>
      <c r="N11662" t="s">
        <v>84</v>
      </c>
      <c r="O11662" t="s">
        <v>85</v>
      </c>
      <c r="P11662" t="s">
        <v>86</v>
      </c>
      <c r="Q11662">
        <v>23</v>
      </c>
      <c r="R11662">
        <v>23</v>
      </c>
      <c r="S11662">
        <v>23</v>
      </c>
      <c r="T11662">
        <v>24</v>
      </c>
      <c r="U11662">
        <v>24</v>
      </c>
      <c r="V11662">
        <v>24</v>
      </c>
      <c r="W11662">
        <v>24</v>
      </c>
      <c r="X11662">
        <v>24</v>
      </c>
      <c r="Y11662">
        <v>24</v>
      </c>
      <c r="Z11662">
        <v>24</v>
      </c>
      <c r="AA11662">
        <v>24</v>
      </c>
      <c r="AB11662">
        <v>25</v>
      </c>
      <c r="AC11662">
        <v>25</v>
      </c>
      <c r="AD11662">
        <v>25</v>
      </c>
      <c r="AE11662">
        <v>25</v>
      </c>
      <c r="AF11662">
        <v>25</v>
      </c>
      <c r="AG11662">
        <v>25</v>
      </c>
      <c r="AH11662">
        <v>25</v>
      </c>
      <c r="AI11662">
        <v>25</v>
      </c>
      <c r="AJ11662">
        <v>25</v>
      </c>
      <c r="AK11662">
        <v>25</v>
      </c>
      <c r="AL11662">
        <v>25</v>
      </c>
      <c r="AM11662">
        <v>25</v>
      </c>
      <c r="AN11662">
        <v>25</v>
      </c>
      <c r="AO11662">
        <v>25</v>
      </c>
      <c r="AP11662">
        <v>24</v>
      </c>
      <c r="AQ11662">
        <v>24</v>
      </c>
    </row>
    <row r="11663" spans="1:43">
      <c r="A11663" t="s">
        <v>7244</v>
      </c>
      <c r="B11663" t="s">
        <v>7245</v>
      </c>
      <c r="C11663" t="s">
        <v>7234</v>
      </c>
      <c r="D11663" t="s">
        <v>7235</v>
      </c>
      <c r="E11663" t="s">
        <v>6982</v>
      </c>
      <c r="F11663" t="s">
        <v>6983</v>
      </c>
      <c r="G11663" t="s">
        <v>80</v>
      </c>
      <c r="H11663" t="s">
        <v>81</v>
      </c>
      <c r="I11663" s="2">
        <v>0</v>
      </c>
      <c r="J11663" s="2">
        <v>1</v>
      </c>
      <c r="K11663" s="2">
        <v>0</v>
      </c>
      <c r="L11663" t="s">
        <v>82</v>
      </c>
      <c r="M11663" t="s">
        <v>87</v>
      </c>
      <c r="N11663" t="s">
        <v>88</v>
      </c>
      <c r="O11663" t="s">
        <v>85</v>
      </c>
      <c r="P11663" t="s">
        <v>86</v>
      </c>
      <c r="Q11663">
        <v>23</v>
      </c>
      <c r="R11663">
        <v>23</v>
      </c>
      <c r="S11663">
        <v>23</v>
      </c>
      <c r="T11663">
        <v>23</v>
      </c>
      <c r="U11663">
        <v>23</v>
      </c>
      <c r="V11663">
        <v>23</v>
      </c>
      <c r="W11663">
        <v>22</v>
      </c>
      <c r="X11663">
        <v>22</v>
      </c>
      <c r="Y11663">
        <v>22</v>
      </c>
      <c r="Z11663">
        <v>22</v>
      </c>
      <c r="AA11663">
        <v>22</v>
      </c>
      <c r="AB11663">
        <v>22</v>
      </c>
      <c r="AC11663">
        <v>22</v>
      </c>
      <c r="AD11663">
        <v>22</v>
      </c>
      <c r="AE11663">
        <v>22</v>
      </c>
      <c r="AF11663">
        <v>22</v>
      </c>
      <c r="AG11663">
        <v>22</v>
      </c>
      <c r="AH11663">
        <v>22</v>
      </c>
      <c r="AI11663">
        <v>22</v>
      </c>
      <c r="AJ11663">
        <v>22</v>
      </c>
      <c r="AK11663">
        <v>22</v>
      </c>
      <c r="AL11663">
        <v>22</v>
      </c>
      <c r="AM11663">
        <v>21</v>
      </c>
      <c r="AN11663">
        <v>21</v>
      </c>
      <c r="AO11663">
        <v>21</v>
      </c>
      <c r="AP11663">
        <v>21</v>
      </c>
      <c r="AQ11663">
        <v>21</v>
      </c>
    </row>
    <row r="11664" spans="1:43">
      <c r="A11664" t="s">
        <v>7244</v>
      </c>
      <c r="B11664" t="s">
        <v>7245</v>
      </c>
      <c r="C11664" t="s">
        <v>7234</v>
      </c>
      <c r="D11664" t="s">
        <v>7235</v>
      </c>
      <c r="E11664" t="s">
        <v>6982</v>
      </c>
      <c r="F11664" t="s">
        <v>6983</v>
      </c>
      <c r="G11664" t="s">
        <v>80</v>
      </c>
      <c r="H11664" t="s">
        <v>81</v>
      </c>
      <c r="I11664" s="2">
        <v>0</v>
      </c>
      <c r="J11664" s="2">
        <v>1</v>
      </c>
      <c r="K11664" s="2">
        <v>0</v>
      </c>
      <c r="L11664" t="s">
        <v>82</v>
      </c>
      <c r="M11664" t="s">
        <v>89</v>
      </c>
      <c r="N11664" t="s">
        <v>90</v>
      </c>
      <c r="O11664" t="s">
        <v>85</v>
      </c>
      <c r="P11664" t="s">
        <v>86</v>
      </c>
      <c r="Q11664">
        <v>23</v>
      </c>
      <c r="R11664">
        <v>24</v>
      </c>
      <c r="S11664">
        <v>24</v>
      </c>
      <c r="T11664">
        <v>24</v>
      </c>
      <c r="U11664">
        <v>25</v>
      </c>
      <c r="V11664">
        <v>25</v>
      </c>
      <c r="W11664">
        <v>25</v>
      </c>
      <c r="X11664">
        <v>25</v>
      </c>
      <c r="Y11664">
        <v>26</v>
      </c>
      <c r="Z11664">
        <v>26</v>
      </c>
      <c r="AA11664">
        <v>26</v>
      </c>
      <c r="AB11664">
        <v>26</v>
      </c>
      <c r="AC11664">
        <v>26</v>
      </c>
      <c r="AD11664">
        <v>26</v>
      </c>
      <c r="AE11664">
        <v>26</v>
      </c>
      <c r="AF11664">
        <v>26</v>
      </c>
      <c r="AG11664">
        <v>26</v>
      </c>
      <c r="AH11664">
        <v>26</v>
      </c>
      <c r="AI11664">
        <v>26</v>
      </c>
      <c r="AJ11664">
        <v>26</v>
      </c>
      <c r="AK11664">
        <v>25</v>
      </c>
      <c r="AL11664">
        <v>25</v>
      </c>
      <c r="AM11664">
        <v>25</v>
      </c>
      <c r="AN11664">
        <v>25</v>
      </c>
      <c r="AO11664">
        <v>25</v>
      </c>
      <c r="AP11664">
        <v>25</v>
      </c>
      <c r="AQ11664">
        <v>25</v>
      </c>
    </row>
    <row r="11665" spans="1:43">
      <c r="A11665" t="s">
        <v>7244</v>
      </c>
      <c r="B11665" t="s">
        <v>7245</v>
      </c>
      <c r="C11665" t="s">
        <v>7234</v>
      </c>
      <c r="D11665" t="s">
        <v>7235</v>
      </c>
      <c r="E11665" t="s">
        <v>6982</v>
      </c>
      <c r="F11665" t="s">
        <v>6983</v>
      </c>
      <c r="G11665" t="s">
        <v>80</v>
      </c>
      <c r="H11665" t="s">
        <v>81</v>
      </c>
      <c r="I11665" s="2">
        <v>0</v>
      </c>
      <c r="J11665" s="2">
        <v>1</v>
      </c>
      <c r="K11665" s="2">
        <v>0</v>
      </c>
      <c r="L11665" t="s">
        <v>82</v>
      </c>
      <c r="M11665" t="s">
        <v>83</v>
      </c>
      <c r="N11665" t="s">
        <v>91</v>
      </c>
      <c r="O11665" t="s">
        <v>85</v>
      </c>
      <c r="P11665" t="s">
        <v>86</v>
      </c>
      <c r="Q11665">
        <v>23</v>
      </c>
      <c r="R11665">
        <v>23</v>
      </c>
      <c r="S11665">
        <v>23</v>
      </c>
      <c r="T11665">
        <v>24</v>
      </c>
      <c r="U11665">
        <v>24</v>
      </c>
      <c r="V11665">
        <v>24</v>
      </c>
      <c r="W11665">
        <v>24</v>
      </c>
      <c r="X11665">
        <v>24</v>
      </c>
      <c r="Y11665">
        <v>24</v>
      </c>
      <c r="Z11665">
        <v>24</v>
      </c>
      <c r="AA11665">
        <v>24</v>
      </c>
      <c r="AB11665">
        <v>25</v>
      </c>
      <c r="AC11665">
        <v>25</v>
      </c>
      <c r="AD11665">
        <v>25</v>
      </c>
      <c r="AE11665">
        <v>25</v>
      </c>
      <c r="AF11665">
        <v>25</v>
      </c>
      <c r="AG11665">
        <v>25</v>
      </c>
      <c r="AH11665">
        <v>25</v>
      </c>
      <c r="AI11665">
        <v>25</v>
      </c>
      <c r="AJ11665">
        <v>25</v>
      </c>
      <c r="AK11665">
        <v>25</v>
      </c>
      <c r="AL11665">
        <v>25</v>
      </c>
      <c r="AM11665">
        <v>25</v>
      </c>
      <c r="AN11665">
        <v>25</v>
      </c>
      <c r="AO11665">
        <v>25</v>
      </c>
      <c r="AP11665">
        <v>24</v>
      </c>
      <c r="AQ11665">
        <v>24</v>
      </c>
    </row>
    <row r="11666" spans="1:43">
      <c r="A11666" t="s">
        <v>7246</v>
      </c>
      <c r="B11666" t="s">
        <v>7247</v>
      </c>
      <c r="C11666" t="s">
        <v>7248</v>
      </c>
      <c r="D11666" t="s">
        <v>7249</v>
      </c>
      <c r="E11666" t="s">
        <v>6982</v>
      </c>
      <c r="F11666" t="s">
        <v>6983</v>
      </c>
      <c r="G11666" t="s">
        <v>80</v>
      </c>
      <c r="H11666" t="s">
        <v>81</v>
      </c>
      <c r="I11666" s="2">
        <v>0</v>
      </c>
      <c r="J11666" s="2">
        <v>1</v>
      </c>
      <c r="K11666" s="2">
        <v>0</v>
      </c>
      <c r="L11666" t="s">
        <v>82</v>
      </c>
      <c r="M11666" t="s">
        <v>83</v>
      </c>
      <c r="N11666" t="s">
        <v>84</v>
      </c>
      <c r="O11666" t="s">
        <v>85</v>
      </c>
      <c r="P11666" t="s">
        <v>86</v>
      </c>
      <c r="Q11666">
        <v>12</v>
      </c>
      <c r="R11666">
        <v>12</v>
      </c>
      <c r="S11666">
        <v>12</v>
      </c>
      <c r="T11666">
        <v>12</v>
      </c>
      <c r="U11666">
        <v>12</v>
      </c>
      <c r="V11666">
        <v>12</v>
      </c>
      <c r="W11666">
        <v>12</v>
      </c>
      <c r="X11666">
        <v>12</v>
      </c>
      <c r="Y11666">
        <v>12</v>
      </c>
      <c r="Z11666">
        <v>13</v>
      </c>
      <c r="AA11666">
        <v>13</v>
      </c>
      <c r="AB11666">
        <v>13</v>
      </c>
      <c r="AC11666">
        <v>13</v>
      </c>
      <c r="AD11666">
        <v>13</v>
      </c>
      <c r="AE11666">
        <v>13</v>
      </c>
      <c r="AF11666">
        <v>13</v>
      </c>
      <c r="AG11666">
        <v>13</v>
      </c>
      <c r="AH11666">
        <v>13</v>
      </c>
      <c r="AI11666">
        <v>13</v>
      </c>
      <c r="AJ11666">
        <v>13</v>
      </c>
      <c r="AK11666">
        <v>13</v>
      </c>
      <c r="AL11666">
        <v>13</v>
      </c>
      <c r="AM11666">
        <v>13</v>
      </c>
      <c r="AN11666">
        <v>13</v>
      </c>
      <c r="AO11666">
        <v>13</v>
      </c>
      <c r="AP11666">
        <v>13</v>
      </c>
      <c r="AQ11666">
        <v>12</v>
      </c>
    </row>
    <row r="11667" spans="1:43">
      <c r="A11667" t="s">
        <v>7246</v>
      </c>
      <c r="B11667" t="s">
        <v>7247</v>
      </c>
      <c r="C11667" t="s">
        <v>7248</v>
      </c>
      <c r="D11667" t="s">
        <v>7249</v>
      </c>
      <c r="E11667" t="s">
        <v>6982</v>
      </c>
      <c r="F11667" t="s">
        <v>6983</v>
      </c>
      <c r="G11667" t="s">
        <v>80</v>
      </c>
      <c r="H11667" t="s">
        <v>81</v>
      </c>
      <c r="I11667" s="2">
        <v>0</v>
      </c>
      <c r="J11667" s="2">
        <v>1</v>
      </c>
      <c r="K11667" s="2">
        <v>0</v>
      </c>
      <c r="L11667" t="s">
        <v>82</v>
      </c>
      <c r="M11667" t="s">
        <v>87</v>
      </c>
      <c r="N11667" t="s">
        <v>88</v>
      </c>
      <c r="O11667" t="s">
        <v>85</v>
      </c>
      <c r="P11667" t="s">
        <v>86</v>
      </c>
      <c r="Q11667">
        <v>12</v>
      </c>
      <c r="R11667">
        <v>12</v>
      </c>
      <c r="S11667">
        <v>12</v>
      </c>
      <c r="T11667">
        <v>12</v>
      </c>
      <c r="U11667">
        <v>12</v>
      </c>
      <c r="V11667">
        <v>12</v>
      </c>
      <c r="W11667">
        <v>12</v>
      </c>
      <c r="X11667">
        <v>12</v>
      </c>
      <c r="Y11667">
        <v>12</v>
      </c>
      <c r="Z11667">
        <v>12</v>
      </c>
      <c r="AA11667">
        <v>11</v>
      </c>
      <c r="AB11667">
        <v>11</v>
      </c>
      <c r="AC11667">
        <v>11</v>
      </c>
      <c r="AD11667">
        <v>11</v>
      </c>
      <c r="AE11667">
        <v>11</v>
      </c>
      <c r="AF11667">
        <v>11</v>
      </c>
      <c r="AG11667">
        <v>11</v>
      </c>
      <c r="AH11667">
        <v>11</v>
      </c>
      <c r="AI11667">
        <v>11</v>
      </c>
      <c r="AJ11667">
        <v>11</v>
      </c>
      <c r="AK11667">
        <v>11</v>
      </c>
      <c r="AL11667">
        <v>11</v>
      </c>
      <c r="AM11667">
        <v>11</v>
      </c>
      <c r="AN11667">
        <v>11</v>
      </c>
      <c r="AO11667">
        <v>11</v>
      </c>
      <c r="AP11667">
        <v>11</v>
      </c>
      <c r="AQ11667">
        <v>11</v>
      </c>
    </row>
    <row r="11668" spans="1:43">
      <c r="A11668" t="s">
        <v>7246</v>
      </c>
      <c r="B11668" t="s">
        <v>7247</v>
      </c>
      <c r="C11668" t="s">
        <v>7248</v>
      </c>
      <c r="D11668" t="s">
        <v>7249</v>
      </c>
      <c r="E11668" t="s">
        <v>6982</v>
      </c>
      <c r="F11668" t="s">
        <v>6983</v>
      </c>
      <c r="G11668" t="s">
        <v>80</v>
      </c>
      <c r="H11668" t="s">
        <v>81</v>
      </c>
      <c r="I11668" s="2">
        <v>0</v>
      </c>
      <c r="J11668" s="2">
        <v>1</v>
      </c>
      <c r="K11668" s="2">
        <v>0</v>
      </c>
      <c r="L11668" t="s">
        <v>82</v>
      </c>
      <c r="M11668" t="s">
        <v>89</v>
      </c>
      <c r="N11668" t="s">
        <v>90</v>
      </c>
      <c r="O11668" t="s">
        <v>85</v>
      </c>
      <c r="P11668" t="s">
        <v>86</v>
      </c>
      <c r="Q11668">
        <v>12</v>
      </c>
      <c r="R11668">
        <v>12</v>
      </c>
      <c r="S11668">
        <v>12</v>
      </c>
      <c r="T11668">
        <v>13</v>
      </c>
      <c r="U11668">
        <v>13</v>
      </c>
      <c r="V11668">
        <v>13</v>
      </c>
      <c r="W11668">
        <v>13</v>
      </c>
      <c r="X11668">
        <v>13</v>
      </c>
      <c r="Y11668">
        <v>13</v>
      </c>
      <c r="Z11668">
        <v>13</v>
      </c>
      <c r="AA11668">
        <v>13</v>
      </c>
      <c r="AB11668">
        <v>13</v>
      </c>
      <c r="AC11668">
        <v>14</v>
      </c>
      <c r="AD11668">
        <v>14</v>
      </c>
      <c r="AE11668">
        <v>14</v>
      </c>
      <c r="AF11668">
        <v>14</v>
      </c>
      <c r="AG11668">
        <v>13</v>
      </c>
      <c r="AH11668">
        <v>13</v>
      </c>
      <c r="AI11668">
        <v>13</v>
      </c>
      <c r="AJ11668">
        <v>13</v>
      </c>
      <c r="AK11668">
        <v>13</v>
      </c>
      <c r="AL11668">
        <v>13</v>
      </c>
      <c r="AM11668">
        <v>13</v>
      </c>
      <c r="AN11668">
        <v>13</v>
      </c>
      <c r="AO11668">
        <v>13</v>
      </c>
      <c r="AP11668">
        <v>13</v>
      </c>
      <c r="AQ11668">
        <v>13</v>
      </c>
    </row>
    <row r="11669" spans="1:43">
      <c r="A11669" t="s">
        <v>7246</v>
      </c>
      <c r="B11669" t="s">
        <v>7247</v>
      </c>
      <c r="C11669" t="s">
        <v>7248</v>
      </c>
      <c r="D11669" t="s">
        <v>7249</v>
      </c>
      <c r="E11669" t="s">
        <v>6982</v>
      </c>
      <c r="F11669" t="s">
        <v>6983</v>
      </c>
      <c r="G11669" t="s">
        <v>80</v>
      </c>
      <c r="H11669" t="s">
        <v>81</v>
      </c>
      <c r="I11669" s="2">
        <v>0</v>
      </c>
      <c r="J11669" s="2">
        <v>1</v>
      </c>
      <c r="K11669" s="2">
        <v>0</v>
      </c>
      <c r="L11669" t="s">
        <v>82</v>
      </c>
      <c r="M11669" t="s">
        <v>83</v>
      </c>
      <c r="N11669" t="s">
        <v>91</v>
      </c>
      <c r="O11669" t="s">
        <v>85</v>
      </c>
      <c r="P11669" t="s">
        <v>86</v>
      </c>
      <c r="Q11669">
        <v>12</v>
      </c>
      <c r="R11669">
        <v>12</v>
      </c>
      <c r="S11669">
        <v>12</v>
      </c>
      <c r="T11669">
        <v>12</v>
      </c>
      <c r="U11669">
        <v>12</v>
      </c>
      <c r="V11669">
        <v>12</v>
      </c>
      <c r="W11669">
        <v>12</v>
      </c>
      <c r="X11669">
        <v>12</v>
      </c>
      <c r="Y11669">
        <v>12</v>
      </c>
      <c r="Z11669">
        <v>13</v>
      </c>
      <c r="AA11669">
        <v>13</v>
      </c>
      <c r="AB11669">
        <v>13</v>
      </c>
      <c r="AC11669">
        <v>13</v>
      </c>
      <c r="AD11669">
        <v>13</v>
      </c>
      <c r="AE11669">
        <v>13</v>
      </c>
      <c r="AF11669">
        <v>13</v>
      </c>
      <c r="AG11669">
        <v>13</v>
      </c>
      <c r="AH11669">
        <v>13</v>
      </c>
      <c r="AI11669">
        <v>13</v>
      </c>
      <c r="AJ11669">
        <v>13</v>
      </c>
      <c r="AK11669">
        <v>13</v>
      </c>
      <c r="AL11669">
        <v>13</v>
      </c>
      <c r="AM11669">
        <v>13</v>
      </c>
      <c r="AN11669">
        <v>13</v>
      </c>
      <c r="AO11669">
        <v>13</v>
      </c>
      <c r="AP11669">
        <v>13</v>
      </c>
      <c r="AQ11669">
        <v>12</v>
      </c>
    </row>
    <row r="11670" spans="1:43">
      <c r="A11670" t="s">
        <v>7250</v>
      </c>
      <c r="B11670" t="s">
        <v>7251</v>
      </c>
      <c r="C11670" t="s">
        <v>7248</v>
      </c>
      <c r="D11670" t="s">
        <v>7249</v>
      </c>
      <c r="E11670" t="s">
        <v>6982</v>
      </c>
      <c r="F11670" t="s">
        <v>6983</v>
      </c>
      <c r="G11670" t="s">
        <v>80</v>
      </c>
      <c r="H11670" t="s">
        <v>81</v>
      </c>
      <c r="I11670" s="2">
        <v>0</v>
      </c>
      <c r="J11670" s="2">
        <v>1</v>
      </c>
      <c r="K11670" s="2">
        <v>0</v>
      </c>
      <c r="L11670" t="s">
        <v>82</v>
      </c>
      <c r="M11670" t="s">
        <v>83</v>
      </c>
      <c r="N11670" t="s">
        <v>84</v>
      </c>
      <c r="O11670" t="s">
        <v>85</v>
      </c>
      <c r="P11670" t="s">
        <v>86</v>
      </c>
      <c r="Q11670">
        <v>12</v>
      </c>
      <c r="R11670">
        <v>12</v>
      </c>
      <c r="S11670">
        <v>12</v>
      </c>
      <c r="T11670">
        <v>12</v>
      </c>
      <c r="U11670">
        <v>12</v>
      </c>
      <c r="V11670">
        <v>12</v>
      </c>
      <c r="W11670">
        <v>12</v>
      </c>
      <c r="X11670">
        <v>12</v>
      </c>
      <c r="Y11670">
        <v>12</v>
      </c>
      <c r="Z11670">
        <v>12</v>
      </c>
      <c r="AA11670">
        <v>12</v>
      </c>
      <c r="AB11670">
        <v>12</v>
      </c>
      <c r="AC11670">
        <v>12</v>
      </c>
      <c r="AD11670">
        <v>12</v>
      </c>
      <c r="AE11670">
        <v>12</v>
      </c>
      <c r="AF11670">
        <v>12</v>
      </c>
      <c r="AG11670">
        <v>12</v>
      </c>
      <c r="AH11670">
        <v>13</v>
      </c>
      <c r="AI11670">
        <v>13</v>
      </c>
      <c r="AJ11670">
        <v>13</v>
      </c>
      <c r="AK11670">
        <v>13</v>
      </c>
      <c r="AL11670">
        <v>13</v>
      </c>
      <c r="AM11670">
        <v>12</v>
      </c>
      <c r="AN11670">
        <v>12</v>
      </c>
      <c r="AO11670">
        <v>12</v>
      </c>
      <c r="AP11670">
        <v>12</v>
      </c>
      <c r="AQ11670">
        <v>12</v>
      </c>
    </row>
    <row r="11671" spans="1:43">
      <c r="A11671" t="s">
        <v>7250</v>
      </c>
      <c r="B11671" t="s">
        <v>7251</v>
      </c>
      <c r="C11671" t="s">
        <v>7248</v>
      </c>
      <c r="D11671" t="s">
        <v>7249</v>
      </c>
      <c r="E11671" t="s">
        <v>6982</v>
      </c>
      <c r="F11671" t="s">
        <v>6983</v>
      </c>
      <c r="G11671" t="s">
        <v>80</v>
      </c>
      <c r="H11671" t="s">
        <v>81</v>
      </c>
      <c r="I11671" s="2">
        <v>0</v>
      </c>
      <c r="J11671" s="2">
        <v>1</v>
      </c>
      <c r="K11671" s="2">
        <v>0</v>
      </c>
      <c r="L11671" t="s">
        <v>82</v>
      </c>
      <c r="M11671" t="s">
        <v>87</v>
      </c>
      <c r="N11671" t="s">
        <v>88</v>
      </c>
      <c r="O11671" t="s">
        <v>85</v>
      </c>
      <c r="P11671" t="s">
        <v>86</v>
      </c>
      <c r="Q11671">
        <v>12</v>
      </c>
      <c r="R11671">
        <v>12</v>
      </c>
      <c r="S11671">
        <v>11</v>
      </c>
      <c r="T11671">
        <v>11</v>
      </c>
      <c r="U11671">
        <v>11</v>
      </c>
      <c r="V11671">
        <v>11</v>
      </c>
      <c r="W11671">
        <v>11</v>
      </c>
      <c r="X11671">
        <v>11</v>
      </c>
      <c r="Y11671">
        <v>11</v>
      </c>
      <c r="Z11671">
        <v>11</v>
      </c>
      <c r="AA11671">
        <v>11</v>
      </c>
      <c r="AB11671">
        <v>11</v>
      </c>
      <c r="AC11671">
        <v>11</v>
      </c>
      <c r="AD11671">
        <v>11</v>
      </c>
      <c r="AE11671">
        <v>11</v>
      </c>
      <c r="AF11671">
        <v>11</v>
      </c>
      <c r="AG11671">
        <v>11</v>
      </c>
      <c r="AH11671">
        <v>11</v>
      </c>
      <c r="AI11671">
        <v>11</v>
      </c>
      <c r="AJ11671">
        <v>11</v>
      </c>
      <c r="AK11671">
        <v>11</v>
      </c>
      <c r="AL11671">
        <v>11</v>
      </c>
      <c r="AM11671">
        <v>11</v>
      </c>
      <c r="AN11671">
        <v>11</v>
      </c>
      <c r="AO11671">
        <v>11</v>
      </c>
      <c r="AP11671">
        <v>11</v>
      </c>
      <c r="AQ11671">
        <v>11</v>
      </c>
    </row>
    <row r="11672" spans="1:43">
      <c r="A11672" t="s">
        <v>7250</v>
      </c>
      <c r="B11672" t="s">
        <v>7251</v>
      </c>
      <c r="C11672" t="s">
        <v>7248</v>
      </c>
      <c r="D11672" t="s">
        <v>7249</v>
      </c>
      <c r="E11672" t="s">
        <v>6982</v>
      </c>
      <c r="F11672" t="s">
        <v>6983</v>
      </c>
      <c r="G11672" t="s">
        <v>80</v>
      </c>
      <c r="H11672" t="s">
        <v>81</v>
      </c>
      <c r="I11672" s="2">
        <v>0</v>
      </c>
      <c r="J11672" s="2">
        <v>1</v>
      </c>
      <c r="K11672" s="2">
        <v>0</v>
      </c>
      <c r="L11672" t="s">
        <v>82</v>
      </c>
      <c r="M11672" t="s">
        <v>89</v>
      </c>
      <c r="N11672" t="s">
        <v>90</v>
      </c>
      <c r="O11672" t="s">
        <v>85</v>
      </c>
      <c r="P11672" t="s">
        <v>86</v>
      </c>
      <c r="Q11672">
        <v>12</v>
      </c>
      <c r="R11672">
        <v>12</v>
      </c>
      <c r="S11672">
        <v>12</v>
      </c>
      <c r="T11672">
        <v>12</v>
      </c>
      <c r="U11672">
        <v>12</v>
      </c>
      <c r="V11672">
        <v>13</v>
      </c>
      <c r="W11672">
        <v>13</v>
      </c>
      <c r="X11672">
        <v>13</v>
      </c>
      <c r="Y11672">
        <v>13</v>
      </c>
      <c r="Z11672">
        <v>13</v>
      </c>
      <c r="AA11672">
        <v>13</v>
      </c>
      <c r="AB11672">
        <v>13</v>
      </c>
      <c r="AC11672">
        <v>13</v>
      </c>
      <c r="AD11672">
        <v>13</v>
      </c>
      <c r="AE11672">
        <v>13</v>
      </c>
      <c r="AF11672">
        <v>13</v>
      </c>
      <c r="AG11672">
        <v>13</v>
      </c>
      <c r="AH11672">
        <v>13</v>
      </c>
      <c r="AI11672">
        <v>13</v>
      </c>
      <c r="AJ11672">
        <v>13</v>
      </c>
      <c r="AK11672">
        <v>13</v>
      </c>
      <c r="AL11672">
        <v>13</v>
      </c>
      <c r="AM11672">
        <v>13</v>
      </c>
      <c r="AN11672">
        <v>12</v>
      </c>
      <c r="AO11672">
        <v>12</v>
      </c>
      <c r="AP11672">
        <v>12</v>
      </c>
      <c r="AQ11672">
        <v>12</v>
      </c>
    </row>
    <row r="11673" spans="1:43">
      <c r="A11673" t="s">
        <v>7250</v>
      </c>
      <c r="B11673" t="s">
        <v>7251</v>
      </c>
      <c r="C11673" t="s">
        <v>7248</v>
      </c>
      <c r="D11673" t="s">
        <v>7249</v>
      </c>
      <c r="E11673" t="s">
        <v>6982</v>
      </c>
      <c r="F11673" t="s">
        <v>6983</v>
      </c>
      <c r="G11673" t="s">
        <v>80</v>
      </c>
      <c r="H11673" t="s">
        <v>81</v>
      </c>
      <c r="I11673" s="2">
        <v>0</v>
      </c>
      <c r="J11673" s="2">
        <v>1</v>
      </c>
      <c r="K11673" s="2">
        <v>0</v>
      </c>
      <c r="L11673" t="s">
        <v>82</v>
      </c>
      <c r="M11673" t="s">
        <v>83</v>
      </c>
      <c r="N11673" t="s">
        <v>91</v>
      </c>
      <c r="O11673" t="s">
        <v>85</v>
      </c>
      <c r="P11673" t="s">
        <v>86</v>
      </c>
      <c r="Q11673">
        <v>12</v>
      </c>
      <c r="R11673">
        <v>12</v>
      </c>
      <c r="S11673">
        <v>12</v>
      </c>
      <c r="T11673">
        <v>12</v>
      </c>
      <c r="U11673">
        <v>12</v>
      </c>
      <c r="V11673">
        <v>12</v>
      </c>
      <c r="W11673">
        <v>12</v>
      </c>
      <c r="X11673">
        <v>12</v>
      </c>
      <c r="Y11673">
        <v>12</v>
      </c>
      <c r="Z11673">
        <v>12</v>
      </c>
      <c r="AA11673">
        <v>12</v>
      </c>
      <c r="AB11673">
        <v>12</v>
      </c>
      <c r="AC11673">
        <v>12</v>
      </c>
      <c r="AD11673">
        <v>12</v>
      </c>
      <c r="AE11673">
        <v>12</v>
      </c>
      <c r="AF11673">
        <v>12</v>
      </c>
      <c r="AG11673">
        <v>12</v>
      </c>
      <c r="AH11673">
        <v>13</v>
      </c>
      <c r="AI11673">
        <v>13</v>
      </c>
      <c r="AJ11673">
        <v>13</v>
      </c>
      <c r="AK11673">
        <v>13</v>
      </c>
      <c r="AL11673">
        <v>13</v>
      </c>
      <c r="AM11673">
        <v>12</v>
      </c>
      <c r="AN11673">
        <v>12</v>
      </c>
      <c r="AO11673">
        <v>12</v>
      </c>
      <c r="AP11673">
        <v>12</v>
      </c>
      <c r="AQ11673">
        <v>12</v>
      </c>
    </row>
    <row r="11674" spans="1:43">
      <c r="A11674" t="s">
        <v>7252</v>
      </c>
      <c r="B11674" t="s">
        <v>7253</v>
      </c>
      <c r="C11674" t="s">
        <v>7248</v>
      </c>
      <c r="D11674" t="s">
        <v>7249</v>
      </c>
      <c r="E11674" t="s">
        <v>6982</v>
      </c>
      <c r="F11674" t="s">
        <v>6983</v>
      </c>
      <c r="G11674" t="s">
        <v>80</v>
      </c>
      <c r="H11674" t="s">
        <v>81</v>
      </c>
      <c r="I11674" s="2">
        <v>0</v>
      </c>
      <c r="J11674" s="2">
        <v>1</v>
      </c>
      <c r="K11674" s="2">
        <v>0</v>
      </c>
      <c r="L11674" t="s">
        <v>82</v>
      </c>
      <c r="M11674" t="s">
        <v>83</v>
      </c>
      <c r="N11674" t="s">
        <v>84</v>
      </c>
      <c r="O11674" t="s">
        <v>85</v>
      </c>
      <c r="P11674" t="s">
        <v>86</v>
      </c>
      <c r="Q11674">
        <v>35</v>
      </c>
      <c r="R11674">
        <v>35</v>
      </c>
      <c r="S11674">
        <v>35</v>
      </c>
      <c r="T11674">
        <v>36</v>
      </c>
      <c r="U11674">
        <v>36</v>
      </c>
      <c r="V11674">
        <v>36</v>
      </c>
      <c r="W11674">
        <v>36</v>
      </c>
      <c r="X11674">
        <v>36</v>
      </c>
      <c r="Y11674">
        <v>37</v>
      </c>
      <c r="Z11674">
        <v>37</v>
      </c>
      <c r="AA11674">
        <v>37</v>
      </c>
      <c r="AB11674">
        <v>37</v>
      </c>
      <c r="AC11674">
        <v>37</v>
      </c>
      <c r="AD11674">
        <v>37</v>
      </c>
      <c r="AE11674">
        <v>38</v>
      </c>
      <c r="AF11674">
        <v>38</v>
      </c>
      <c r="AG11674">
        <v>38</v>
      </c>
      <c r="AH11674">
        <v>38</v>
      </c>
      <c r="AI11674">
        <v>38</v>
      </c>
      <c r="AJ11674">
        <v>38</v>
      </c>
      <c r="AK11674">
        <v>38</v>
      </c>
      <c r="AL11674">
        <v>38</v>
      </c>
      <c r="AM11674">
        <v>38</v>
      </c>
      <c r="AN11674">
        <v>38</v>
      </c>
      <c r="AO11674">
        <v>37</v>
      </c>
      <c r="AP11674">
        <v>37</v>
      </c>
      <c r="AQ11674">
        <v>37</v>
      </c>
    </row>
    <row r="11675" spans="1:43">
      <c r="A11675" t="s">
        <v>7252</v>
      </c>
      <c r="B11675" t="s">
        <v>7253</v>
      </c>
      <c r="C11675" t="s">
        <v>7248</v>
      </c>
      <c r="D11675" t="s">
        <v>7249</v>
      </c>
      <c r="E11675" t="s">
        <v>6982</v>
      </c>
      <c r="F11675" t="s">
        <v>6983</v>
      </c>
      <c r="G11675" t="s">
        <v>80</v>
      </c>
      <c r="H11675" t="s">
        <v>81</v>
      </c>
      <c r="I11675" s="2">
        <v>0</v>
      </c>
      <c r="J11675" s="2">
        <v>1</v>
      </c>
      <c r="K11675" s="2">
        <v>0</v>
      </c>
      <c r="L11675" t="s">
        <v>82</v>
      </c>
      <c r="M11675" t="s">
        <v>87</v>
      </c>
      <c r="N11675" t="s">
        <v>88</v>
      </c>
      <c r="O11675" t="s">
        <v>85</v>
      </c>
      <c r="P11675" t="s">
        <v>86</v>
      </c>
      <c r="Q11675">
        <v>35</v>
      </c>
      <c r="R11675">
        <v>35</v>
      </c>
      <c r="S11675">
        <v>34</v>
      </c>
      <c r="T11675">
        <v>34</v>
      </c>
      <c r="U11675">
        <v>34</v>
      </c>
      <c r="V11675">
        <v>34</v>
      </c>
      <c r="W11675">
        <v>34</v>
      </c>
      <c r="X11675">
        <v>34</v>
      </c>
      <c r="Y11675">
        <v>34</v>
      </c>
      <c r="Z11675">
        <v>34</v>
      </c>
      <c r="AA11675">
        <v>34</v>
      </c>
      <c r="AB11675">
        <v>34</v>
      </c>
      <c r="AC11675">
        <v>34</v>
      </c>
      <c r="AD11675">
        <v>33</v>
      </c>
      <c r="AE11675">
        <v>33</v>
      </c>
      <c r="AF11675">
        <v>33</v>
      </c>
      <c r="AG11675">
        <v>33</v>
      </c>
      <c r="AH11675">
        <v>33</v>
      </c>
      <c r="AI11675">
        <v>33</v>
      </c>
      <c r="AJ11675">
        <v>33</v>
      </c>
      <c r="AK11675">
        <v>33</v>
      </c>
      <c r="AL11675">
        <v>33</v>
      </c>
      <c r="AM11675">
        <v>33</v>
      </c>
      <c r="AN11675">
        <v>33</v>
      </c>
      <c r="AO11675">
        <v>33</v>
      </c>
      <c r="AP11675">
        <v>32</v>
      </c>
      <c r="AQ11675">
        <v>32</v>
      </c>
    </row>
    <row r="11676" spans="1:43">
      <c r="A11676" t="s">
        <v>7252</v>
      </c>
      <c r="B11676" t="s">
        <v>7253</v>
      </c>
      <c r="C11676" t="s">
        <v>7248</v>
      </c>
      <c r="D11676" t="s">
        <v>7249</v>
      </c>
      <c r="E11676" t="s">
        <v>6982</v>
      </c>
      <c r="F11676" t="s">
        <v>6983</v>
      </c>
      <c r="G11676" t="s">
        <v>80</v>
      </c>
      <c r="H11676" t="s">
        <v>81</v>
      </c>
      <c r="I11676" s="2">
        <v>0</v>
      </c>
      <c r="J11676" s="2">
        <v>1</v>
      </c>
      <c r="K11676" s="2">
        <v>0</v>
      </c>
      <c r="L11676" t="s">
        <v>82</v>
      </c>
      <c r="M11676" t="s">
        <v>89</v>
      </c>
      <c r="N11676" t="s">
        <v>90</v>
      </c>
      <c r="O11676" t="s">
        <v>85</v>
      </c>
      <c r="P11676" t="s">
        <v>86</v>
      </c>
      <c r="Q11676">
        <v>35</v>
      </c>
      <c r="R11676">
        <v>36</v>
      </c>
      <c r="S11676">
        <v>36</v>
      </c>
      <c r="T11676">
        <v>37</v>
      </c>
      <c r="U11676">
        <v>37</v>
      </c>
      <c r="V11676">
        <v>38</v>
      </c>
      <c r="W11676">
        <v>38</v>
      </c>
      <c r="X11676">
        <v>38</v>
      </c>
      <c r="Y11676">
        <v>39</v>
      </c>
      <c r="Z11676">
        <v>39</v>
      </c>
      <c r="AA11676">
        <v>39</v>
      </c>
      <c r="AB11676">
        <v>40</v>
      </c>
      <c r="AC11676">
        <v>40</v>
      </c>
      <c r="AD11676">
        <v>40</v>
      </c>
      <c r="AE11676">
        <v>40</v>
      </c>
      <c r="AF11676">
        <v>40</v>
      </c>
      <c r="AG11676">
        <v>40</v>
      </c>
      <c r="AH11676">
        <v>39</v>
      </c>
      <c r="AI11676">
        <v>39</v>
      </c>
      <c r="AJ11676">
        <v>39</v>
      </c>
      <c r="AK11676">
        <v>39</v>
      </c>
      <c r="AL11676">
        <v>38</v>
      </c>
      <c r="AM11676">
        <v>38</v>
      </c>
      <c r="AN11676">
        <v>38</v>
      </c>
      <c r="AO11676">
        <v>38</v>
      </c>
      <c r="AP11676">
        <v>37</v>
      </c>
      <c r="AQ11676">
        <v>37</v>
      </c>
    </row>
    <row r="11677" spans="1:43">
      <c r="A11677" t="s">
        <v>7252</v>
      </c>
      <c r="B11677" t="s">
        <v>7253</v>
      </c>
      <c r="C11677" t="s">
        <v>7248</v>
      </c>
      <c r="D11677" t="s">
        <v>7249</v>
      </c>
      <c r="E11677" t="s">
        <v>6982</v>
      </c>
      <c r="F11677" t="s">
        <v>6983</v>
      </c>
      <c r="G11677" t="s">
        <v>80</v>
      </c>
      <c r="H11677" t="s">
        <v>81</v>
      </c>
      <c r="I11677" s="2">
        <v>0</v>
      </c>
      <c r="J11677" s="2">
        <v>1</v>
      </c>
      <c r="K11677" s="2">
        <v>0</v>
      </c>
      <c r="L11677" t="s">
        <v>82</v>
      </c>
      <c r="M11677" t="s">
        <v>83</v>
      </c>
      <c r="N11677" t="s">
        <v>91</v>
      </c>
      <c r="O11677" t="s">
        <v>85</v>
      </c>
      <c r="P11677" t="s">
        <v>86</v>
      </c>
      <c r="Q11677">
        <v>35</v>
      </c>
      <c r="R11677">
        <v>35</v>
      </c>
      <c r="S11677">
        <v>35</v>
      </c>
      <c r="T11677">
        <v>36</v>
      </c>
      <c r="U11677">
        <v>36</v>
      </c>
      <c r="V11677">
        <v>36</v>
      </c>
      <c r="W11677">
        <v>36</v>
      </c>
      <c r="X11677">
        <v>36</v>
      </c>
      <c r="Y11677">
        <v>37</v>
      </c>
      <c r="Z11677">
        <v>37</v>
      </c>
      <c r="AA11677">
        <v>37</v>
      </c>
      <c r="AB11677">
        <v>37</v>
      </c>
      <c r="AC11677">
        <v>37</v>
      </c>
      <c r="AD11677">
        <v>37</v>
      </c>
      <c r="AE11677">
        <v>38</v>
      </c>
      <c r="AF11677">
        <v>38</v>
      </c>
      <c r="AG11677">
        <v>38</v>
      </c>
      <c r="AH11677">
        <v>38</v>
      </c>
      <c r="AI11677">
        <v>38</v>
      </c>
      <c r="AJ11677">
        <v>38</v>
      </c>
      <c r="AK11677">
        <v>38</v>
      </c>
      <c r="AL11677">
        <v>38</v>
      </c>
      <c r="AM11677">
        <v>38</v>
      </c>
      <c r="AN11677">
        <v>38</v>
      </c>
      <c r="AO11677">
        <v>37</v>
      </c>
      <c r="AP11677">
        <v>37</v>
      </c>
      <c r="AQ11677">
        <v>37</v>
      </c>
    </row>
    <row r="11678" spans="1:43">
      <c r="A11678" t="s">
        <v>7254</v>
      </c>
      <c r="B11678" t="s">
        <v>7255</v>
      </c>
      <c r="C11678" t="s">
        <v>7248</v>
      </c>
      <c r="D11678" t="s">
        <v>7249</v>
      </c>
      <c r="E11678" t="s">
        <v>6982</v>
      </c>
      <c r="F11678" t="s">
        <v>6983</v>
      </c>
      <c r="G11678" t="s">
        <v>80</v>
      </c>
      <c r="H11678" t="s">
        <v>81</v>
      </c>
      <c r="I11678" s="2">
        <v>0</v>
      </c>
      <c r="J11678" s="2">
        <v>1</v>
      </c>
      <c r="K11678" s="2">
        <v>0</v>
      </c>
      <c r="L11678" t="s">
        <v>82</v>
      </c>
      <c r="M11678" t="s">
        <v>83</v>
      </c>
      <c r="N11678" t="s">
        <v>84</v>
      </c>
      <c r="O11678" t="s">
        <v>85</v>
      </c>
      <c r="P11678" t="s">
        <v>86</v>
      </c>
      <c r="Q11678">
        <v>42</v>
      </c>
      <c r="R11678">
        <v>42</v>
      </c>
      <c r="S11678">
        <v>42</v>
      </c>
      <c r="T11678">
        <v>42</v>
      </c>
      <c r="U11678">
        <v>43</v>
      </c>
      <c r="V11678">
        <v>43</v>
      </c>
      <c r="W11678">
        <v>43</v>
      </c>
      <c r="X11678">
        <v>43</v>
      </c>
      <c r="Y11678">
        <v>44</v>
      </c>
      <c r="Z11678">
        <v>44</v>
      </c>
      <c r="AA11678">
        <v>44</v>
      </c>
      <c r="AB11678">
        <v>44</v>
      </c>
      <c r="AC11678">
        <v>44</v>
      </c>
      <c r="AD11678">
        <v>45</v>
      </c>
      <c r="AE11678">
        <v>45</v>
      </c>
      <c r="AF11678">
        <v>45</v>
      </c>
      <c r="AG11678">
        <v>45</v>
      </c>
      <c r="AH11678">
        <v>45</v>
      </c>
      <c r="AI11678">
        <v>45</v>
      </c>
      <c r="AJ11678">
        <v>45</v>
      </c>
      <c r="AK11678">
        <v>46</v>
      </c>
      <c r="AL11678">
        <v>45</v>
      </c>
      <c r="AM11678">
        <v>45</v>
      </c>
      <c r="AN11678">
        <v>45</v>
      </c>
      <c r="AO11678">
        <v>45</v>
      </c>
      <c r="AP11678">
        <v>45</v>
      </c>
      <c r="AQ11678">
        <v>44</v>
      </c>
    </row>
    <row r="11679" spans="1:43">
      <c r="A11679" t="s">
        <v>7254</v>
      </c>
      <c r="B11679" t="s">
        <v>7255</v>
      </c>
      <c r="C11679" t="s">
        <v>7248</v>
      </c>
      <c r="D11679" t="s">
        <v>7249</v>
      </c>
      <c r="E11679" t="s">
        <v>6982</v>
      </c>
      <c r="F11679" t="s">
        <v>6983</v>
      </c>
      <c r="G11679" t="s">
        <v>80</v>
      </c>
      <c r="H11679" t="s">
        <v>81</v>
      </c>
      <c r="I11679" s="2">
        <v>0</v>
      </c>
      <c r="J11679" s="2">
        <v>1</v>
      </c>
      <c r="K11679" s="2">
        <v>0</v>
      </c>
      <c r="L11679" t="s">
        <v>82</v>
      </c>
      <c r="M11679" t="s">
        <v>87</v>
      </c>
      <c r="N11679" t="s">
        <v>88</v>
      </c>
      <c r="O11679" t="s">
        <v>85</v>
      </c>
      <c r="P11679" t="s">
        <v>86</v>
      </c>
      <c r="Q11679">
        <v>42</v>
      </c>
      <c r="R11679">
        <v>42</v>
      </c>
      <c r="S11679">
        <v>42</v>
      </c>
      <c r="T11679">
        <v>42</v>
      </c>
      <c r="U11679">
        <v>42</v>
      </c>
      <c r="V11679">
        <v>42</v>
      </c>
      <c r="W11679">
        <v>42</v>
      </c>
      <c r="X11679">
        <v>41</v>
      </c>
      <c r="Y11679">
        <v>41</v>
      </c>
      <c r="Z11679">
        <v>41</v>
      </c>
      <c r="AA11679">
        <v>41</v>
      </c>
      <c r="AB11679">
        <v>41</v>
      </c>
      <c r="AC11679">
        <v>41</v>
      </c>
      <c r="AD11679">
        <v>41</v>
      </c>
      <c r="AE11679">
        <v>41</v>
      </c>
      <c r="AF11679">
        <v>41</v>
      </c>
      <c r="AG11679">
        <v>40</v>
      </c>
      <c r="AH11679">
        <v>40</v>
      </c>
      <c r="AI11679">
        <v>40</v>
      </c>
      <c r="AJ11679">
        <v>40</v>
      </c>
      <c r="AK11679">
        <v>40</v>
      </c>
      <c r="AL11679">
        <v>40</v>
      </c>
      <c r="AM11679">
        <v>40</v>
      </c>
      <c r="AN11679">
        <v>40</v>
      </c>
      <c r="AO11679">
        <v>40</v>
      </c>
      <c r="AP11679">
        <v>40</v>
      </c>
      <c r="AQ11679">
        <v>39</v>
      </c>
    </row>
    <row r="11680" spans="1:43">
      <c r="A11680" t="s">
        <v>7254</v>
      </c>
      <c r="B11680" t="s">
        <v>7255</v>
      </c>
      <c r="C11680" t="s">
        <v>7248</v>
      </c>
      <c r="D11680" t="s">
        <v>7249</v>
      </c>
      <c r="E11680" t="s">
        <v>6982</v>
      </c>
      <c r="F11680" t="s">
        <v>6983</v>
      </c>
      <c r="G11680" t="s">
        <v>80</v>
      </c>
      <c r="H11680" t="s">
        <v>81</v>
      </c>
      <c r="I11680" s="2">
        <v>0</v>
      </c>
      <c r="J11680" s="2">
        <v>1</v>
      </c>
      <c r="K11680" s="2">
        <v>0</v>
      </c>
      <c r="L11680" t="s">
        <v>82</v>
      </c>
      <c r="M11680" t="s">
        <v>89</v>
      </c>
      <c r="N11680" t="s">
        <v>90</v>
      </c>
      <c r="O11680" t="s">
        <v>85</v>
      </c>
      <c r="P11680" t="s">
        <v>86</v>
      </c>
      <c r="Q11680">
        <v>42</v>
      </c>
      <c r="R11680">
        <v>43</v>
      </c>
      <c r="S11680">
        <v>43</v>
      </c>
      <c r="T11680">
        <v>44</v>
      </c>
      <c r="U11680">
        <v>44</v>
      </c>
      <c r="V11680">
        <v>45</v>
      </c>
      <c r="W11680">
        <v>45</v>
      </c>
      <c r="X11680">
        <v>46</v>
      </c>
      <c r="Y11680">
        <v>46</v>
      </c>
      <c r="Z11680">
        <v>47</v>
      </c>
      <c r="AA11680">
        <v>47</v>
      </c>
      <c r="AB11680">
        <v>47</v>
      </c>
      <c r="AC11680">
        <v>48</v>
      </c>
      <c r="AD11680">
        <v>48</v>
      </c>
      <c r="AE11680">
        <v>48</v>
      </c>
      <c r="AF11680">
        <v>48</v>
      </c>
      <c r="AG11680">
        <v>47</v>
      </c>
      <c r="AH11680">
        <v>47</v>
      </c>
      <c r="AI11680">
        <v>47</v>
      </c>
      <c r="AJ11680">
        <v>47</v>
      </c>
      <c r="AK11680">
        <v>46</v>
      </c>
      <c r="AL11680">
        <v>46</v>
      </c>
      <c r="AM11680">
        <v>46</v>
      </c>
      <c r="AN11680">
        <v>46</v>
      </c>
      <c r="AO11680">
        <v>45</v>
      </c>
      <c r="AP11680">
        <v>45</v>
      </c>
      <c r="AQ11680">
        <v>45</v>
      </c>
    </row>
    <row r="11681" spans="1:43">
      <c r="A11681" t="s">
        <v>7254</v>
      </c>
      <c r="B11681" t="s">
        <v>7255</v>
      </c>
      <c r="C11681" t="s">
        <v>7248</v>
      </c>
      <c r="D11681" t="s">
        <v>7249</v>
      </c>
      <c r="E11681" t="s">
        <v>6982</v>
      </c>
      <c r="F11681" t="s">
        <v>6983</v>
      </c>
      <c r="G11681" t="s">
        <v>80</v>
      </c>
      <c r="H11681" t="s">
        <v>81</v>
      </c>
      <c r="I11681" s="2">
        <v>0</v>
      </c>
      <c r="J11681" s="2">
        <v>1</v>
      </c>
      <c r="K11681" s="2">
        <v>0</v>
      </c>
      <c r="L11681" t="s">
        <v>82</v>
      </c>
      <c r="M11681" t="s">
        <v>83</v>
      </c>
      <c r="N11681" t="s">
        <v>91</v>
      </c>
      <c r="O11681" t="s">
        <v>85</v>
      </c>
      <c r="P11681" t="s">
        <v>86</v>
      </c>
      <c r="Q11681">
        <v>42</v>
      </c>
      <c r="R11681">
        <v>42</v>
      </c>
      <c r="S11681">
        <v>42</v>
      </c>
      <c r="T11681">
        <v>42</v>
      </c>
      <c r="U11681">
        <v>43</v>
      </c>
      <c r="V11681">
        <v>43</v>
      </c>
      <c r="W11681">
        <v>43</v>
      </c>
      <c r="X11681">
        <v>43</v>
      </c>
      <c r="Y11681">
        <v>44</v>
      </c>
      <c r="Z11681">
        <v>44</v>
      </c>
      <c r="AA11681">
        <v>44</v>
      </c>
      <c r="AB11681">
        <v>44</v>
      </c>
      <c r="AC11681">
        <v>44</v>
      </c>
      <c r="AD11681">
        <v>45</v>
      </c>
      <c r="AE11681">
        <v>45</v>
      </c>
      <c r="AF11681">
        <v>45</v>
      </c>
      <c r="AG11681">
        <v>45</v>
      </c>
      <c r="AH11681">
        <v>45</v>
      </c>
      <c r="AI11681">
        <v>45</v>
      </c>
      <c r="AJ11681">
        <v>45</v>
      </c>
      <c r="AK11681">
        <v>46</v>
      </c>
      <c r="AL11681">
        <v>45</v>
      </c>
      <c r="AM11681">
        <v>45</v>
      </c>
      <c r="AN11681">
        <v>45</v>
      </c>
      <c r="AO11681">
        <v>45</v>
      </c>
      <c r="AP11681">
        <v>45</v>
      </c>
      <c r="AQ11681">
        <v>44</v>
      </c>
    </row>
    <row r="11682" spans="1:43">
      <c r="A11682" t="s">
        <v>7256</v>
      </c>
      <c r="B11682" t="s">
        <v>7257</v>
      </c>
      <c r="C11682" t="s">
        <v>7248</v>
      </c>
      <c r="D11682" t="s">
        <v>7249</v>
      </c>
      <c r="E11682" t="s">
        <v>6982</v>
      </c>
      <c r="F11682" t="s">
        <v>6983</v>
      </c>
      <c r="G11682" t="s">
        <v>80</v>
      </c>
      <c r="H11682" t="s">
        <v>81</v>
      </c>
      <c r="I11682" s="2">
        <v>0</v>
      </c>
      <c r="J11682" s="2">
        <v>1</v>
      </c>
      <c r="K11682" s="2">
        <v>0</v>
      </c>
      <c r="L11682" t="s">
        <v>82</v>
      </c>
      <c r="M11682" t="s">
        <v>83</v>
      </c>
      <c r="N11682" t="s">
        <v>84</v>
      </c>
      <c r="O11682" t="s">
        <v>85</v>
      </c>
      <c r="P11682" t="s">
        <v>86</v>
      </c>
      <c r="Q11682">
        <v>25</v>
      </c>
      <c r="R11682">
        <v>25</v>
      </c>
      <c r="S11682">
        <v>25</v>
      </c>
      <c r="T11682">
        <v>25</v>
      </c>
      <c r="U11682">
        <v>25</v>
      </c>
      <c r="V11682">
        <v>26</v>
      </c>
      <c r="W11682">
        <v>26</v>
      </c>
      <c r="X11682">
        <v>26</v>
      </c>
      <c r="Y11682">
        <v>26</v>
      </c>
      <c r="Z11682">
        <v>26</v>
      </c>
      <c r="AA11682">
        <v>26</v>
      </c>
      <c r="AB11682">
        <v>26</v>
      </c>
      <c r="AC11682">
        <v>26</v>
      </c>
      <c r="AD11682">
        <v>27</v>
      </c>
      <c r="AE11682">
        <v>27</v>
      </c>
      <c r="AF11682">
        <v>27</v>
      </c>
      <c r="AG11682">
        <v>27</v>
      </c>
      <c r="AH11682">
        <v>27</v>
      </c>
      <c r="AI11682">
        <v>27</v>
      </c>
      <c r="AJ11682">
        <v>27</v>
      </c>
      <c r="AK11682">
        <v>27</v>
      </c>
      <c r="AL11682">
        <v>27</v>
      </c>
      <c r="AM11682">
        <v>27</v>
      </c>
      <c r="AN11682">
        <v>27</v>
      </c>
      <c r="AO11682">
        <v>27</v>
      </c>
      <c r="AP11682">
        <v>26</v>
      </c>
      <c r="AQ11682">
        <v>26</v>
      </c>
    </row>
    <row r="11683" spans="1:43">
      <c r="A11683" t="s">
        <v>7256</v>
      </c>
      <c r="B11683" t="s">
        <v>7257</v>
      </c>
      <c r="C11683" t="s">
        <v>7248</v>
      </c>
      <c r="D11683" t="s">
        <v>7249</v>
      </c>
      <c r="E11683" t="s">
        <v>6982</v>
      </c>
      <c r="F11683" t="s">
        <v>6983</v>
      </c>
      <c r="G11683" t="s">
        <v>80</v>
      </c>
      <c r="H11683" t="s">
        <v>81</v>
      </c>
      <c r="I11683" s="2">
        <v>0</v>
      </c>
      <c r="J11683" s="2">
        <v>1</v>
      </c>
      <c r="K11683" s="2">
        <v>0</v>
      </c>
      <c r="L11683" t="s">
        <v>82</v>
      </c>
      <c r="M11683" t="s">
        <v>87</v>
      </c>
      <c r="N11683" t="s">
        <v>88</v>
      </c>
      <c r="O11683" t="s">
        <v>85</v>
      </c>
      <c r="P11683" t="s">
        <v>86</v>
      </c>
      <c r="Q11683">
        <v>25</v>
      </c>
      <c r="R11683">
        <v>24</v>
      </c>
      <c r="S11683">
        <v>24</v>
      </c>
      <c r="T11683">
        <v>24</v>
      </c>
      <c r="U11683">
        <v>24</v>
      </c>
      <c r="V11683">
        <v>24</v>
      </c>
      <c r="W11683">
        <v>24</v>
      </c>
      <c r="X11683">
        <v>24</v>
      </c>
      <c r="Y11683">
        <v>24</v>
      </c>
      <c r="Z11683">
        <v>24</v>
      </c>
      <c r="AA11683">
        <v>24</v>
      </c>
      <c r="AB11683">
        <v>24</v>
      </c>
      <c r="AC11683">
        <v>24</v>
      </c>
      <c r="AD11683">
        <v>24</v>
      </c>
      <c r="AE11683">
        <v>24</v>
      </c>
      <c r="AF11683">
        <v>24</v>
      </c>
      <c r="AG11683">
        <v>24</v>
      </c>
      <c r="AH11683">
        <v>23</v>
      </c>
      <c r="AI11683">
        <v>23</v>
      </c>
      <c r="AJ11683">
        <v>23</v>
      </c>
      <c r="AK11683">
        <v>23</v>
      </c>
      <c r="AL11683">
        <v>23</v>
      </c>
      <c r="AM11683">
        <v>23</v>
      </c>
      <c r="AN11683">
        <v>23</v>
      </c>
      <c r="AO11683">
        <v>23</v>
      </c>
      <c r="AP11683">
        <v>23</v>
      </c>
      <c r="AQ11683">
        <v>23</v>
      </c>
    </row>
    <row r="11684" spans="1:43">
      <c r="A11684" t="s">
        <v>7256</v>
      </c>
      <c r="B11684" t="s">
        <v>7257</v>
      </c>
      <c r="C11684" t="s">
        <v>7248</v>
      </c>
      <c r="D11684" t="s">
        <v>7249</v>
      </c>
      <c r="E11684" t="s">
        <v>6982</v>
      </c>
      <c r="F11684" t="s">
        <v>6983</v>
      </c>
      <c r="G11684" t="s">
        <v>80</v>
      </c>
      <c r="H11684" t="s">
        <v>81</v>
      </c>
      <c r="I11684" s="2">
        <v>0</v>
      </c>
      <c r="J11684" s="2">
        <v>1</v>
      </c>
      <c r="K11684" s="2">
        <v>0</v>
      </c>
      <c r="L11684" t="s">
        <v>82</v>
      </c>
      <c r="M11684" t="s">
        <v>89</v>
      </c>
      <c r="N11684" t="s">
        <v>90</v>
      </c>
      <c r="O11684" t="s">
        <v>85</v>
      </c>
      <c r="P11684" t="s">
        <v>86</v>
      </c>
      <c r="Q11684">
        <v>25</v>
      </c>
      <c r="R11684">
        <v>25</v>
      </c>
      <c r="S11684">
        <v>26</v>
      </c>
      <c r="T11684">
        <v>26</v>
      </c>
      <c r="U11684">
        <v>26</v>
      </c>
      <c r="V11684">
        <v>27</v>
      </c>
      <c r="W11684">
        <v>27</v>
      </c>
      <c r="X11684">
        <v>27</v>
      </c>
      <c r="Y11684">
        <v>27</v>
      </c>
      <c r="Z11684">
        <v>28</v>
      </c>
      <c r="AA11684">
        <v>28</v>
      </c>
      <c r="AB11684">
        <v>28</v>
      </c>
      <c r="AC11684">
        <v>28</v>
      </c>
      <c r="AD11684">
        <v>28</v>
      </c>
      <c r="AE11684">
        <v>28</v>
      </c>
      <c r="AF11684">
        <v>28</v>
      </c>
      <c r="AG11684">
        <v>28</v>
      </c>
      <c r="AH11684">
        <v>28</v>
      </c>
      <c r="AI11684">
        <v>28</v>
      </c>
      <c r="AJ11684">
        <v>28</v>
      </c>
      <c r="AK11684">
        <v>27</v>
      </c>
      <c r="AL11684">
        <v>27</v>
      </c>
      <c r="AM11684">
        <v>27</v>
      </c>
      <c r="AN11684">
        <v>27</v>
      </c>
      <c r="AO11684">
        <v>27</v>
      </c>
      <c r="AP11684">
        <v>27</v>
      </c>
      <c r="AQ11684">
        <v>27</v>
      </c>
    </row>
    <row r="11685" spans="1:43">
      <c r="A11685" t="s">
        <v>7256</v>
      </c>
      <c r="B11685" t="s">
        <v>7257</v>
      </c>
      <c r="C11685" t="s">
        <v>7248</v>
      </c>
      <c r="D11685" t="s">
        <v>7249</v>
      </c>
      <c r="E11685" t="s">
        <v>6982</v>
      </c>
      <c r="F11685" t="s">
        <v>6983</v>
      </c>
      <c r="G11685" t="s">
        <v>80</v>
      </c>
      <c r="H11685" t="s">
        <v>81</v>
      </c>
      <c r="I11685" s="2">
        <v>0</v>
      </c>
      <c r="J11685" s="2">
        <v>1</v>
      </c>
      <c r="K11685" s="2">
        <v>0</v>
      </c>
      <c r="L11685" t="s">
        <v>82</v>
      </c>
      <c r="M11685" t="s">
        <v>83</v>
      </c>
      <c r="N11685" t="s">
        <v>91</v>
      </c>
      <c r="O11685" t="s">
        <v>85</v>
      </c>
      <c r="P11685" t="s">
        <v>86</v>
      </c>
      <c r="Q11685">
        <v>25</v>
      </c>
      <c r="R11685">
        <v>25</v>
      </c>
      <c r="S11685">
        <v>25</v>
      </c>
      <c r="T11685">
        <v>25</v>
      </c>
      <c r="U11685">
        <v>25</v>
      </c>
      <c r="V11685">
        <v>26</v>
      </c>
      <c r="W11685">
        <v>26</v>
      </c>
      <c r="X11685">
        <v>26</v>
      </c>
      <c r="Y11685">
        <v>26</v>
      </c>
      <c r="Z11685">
        <v>26</v>
      </c>
      <c r="AA11685">
        <v>26</v>
      </c>
      <c r="AB11685">
        <v>26</v>
      </c>
      <c r="AC11685">
        <v>26</v>
      </c>
      <c r="AD11685">
        <v>27</v>
      </c>
      <c r="AE11685">
        <v>27</v>
      </c>
      <c r="AF11685">
        <v>27</v>
      </c>
      <c r="AG11685">
        <v>27</v>
      </c>
      <c r="AH11685">
        <v>27</v>
      </c>
      <c r="AI11685">
        <v>27</v>
      </c>
      <c r="AJ11685">
        <v>27</v>
      </c>
      <c r="AK11685">
        <v>27</v>
      </c>
      <c r="AL11685">
        <v>27</v>
      </c>
      <c r="AM11685">
        <v>27</v>
      </c>
      <c r="AN11685">
        <v>27</v>
      </c>
      <c r="AO11685">
        <v>27</v>
      </c>
      <c r="AP11685">
        <v>26</v>
      </c>
      <c r="AQ11685">
        <v>26</v>
      </c>
    </row>
    <row r="11686" spans="1:43">
      <c r="A11686" t="s">
        <v>7258</v>
      </c>
      <c r="B11686" t="s">
        <v>7259</v>
      </c>
      <c r="C11686" t="s">
        <v>7014</v>
      </c>
      <c r="D11686" t="s">
        <v>7015</v>
      </c>
      <c r="E11686" t="s">
        <v>6982</v>
      </c>
      <c r="F11686" t="s">
        <v>6983</v>
      </c>
      <c r="G11686" t="s">
        <v>80</v>
      </c>
      <c r="H11686" t="s">
        <v>81</v>
      </c>
      <c r="I11686" s="2">
        <v>0</v>
      </c>
      <c r="J11686" s="2">
        <v>1</v>
      </c>
      <c r="K11686" s="2">
        <v>0</v>
      </c>
      <c r="L11686" t="s">
        <v>82</v>
      </c>
      <c r="M11686" t="s">
        <v>83</v>
      </c>
      <c r="N11686" t="s">
        <v>84</v>
      </c>
      <c r="O11686" t="s">
        <v>85</v>
      </c>
      <c r="P11686" t="s">
        <v>86</v>
      </c>
      <c r="Q11686">
        <v>18</v>
      </c>
      <c r="R11686">
        <v>18</v>
      </c>
      <c r="S11686">
        <v>18</v>
      </c>
      <c r="T11686">
        <v>18</v>
      </c>
      <c r="U11686">
        <v>19</v>
      </c>
      <c r="V11686">
        <v>19</v>
      </c>
      <c r="W11686">
        <v>19</v>
      </c>
      <c r="X11686">
        <v>19</v>
      </c>
      <c r="Y11686">
        <v>19</v>
      </c>
      <c r="Z11686">
        <v>19</v>
      </c>
      <c r="AA11686">
        <v>19</v>
      </c>
      <c r="AB11686">
        <v>19</v>
      </c>
      <c r="AC11686">
        <v>19</v>
      </c>
      <c r="AD11686">
        <v>19</v>
      </c>
      <c r="AE11686">
        <v>19</v>
      </c>
      <c r="AF11686">
        <v>19</v>
      </c>
      <c r="AG11686">
        <v>19</v>
      </c>
      <c r="AH11686">
        <v>19</v>
      </c>
      <c r="AI11686">
        <v>20</v>
      </c>
      <c r="AJ11686">
        <v>20</v>
      </c>
      <c r="AK11686">
        <v>20</v>
      </c>
      <c r="AL11686">
        <v>20</v>
      </c>
      <c r="AM11686">
        <v>19</v>
      </c>
      <c r="AN11686">
        <v>19</v>
      </c>
      <c r="AO11686">
        <v>19</v>
      </c>
      <c r="AP11686">
        <v>19</v>
      </c>
      <c r="AQ11686">
        <v>19</v>
      </c>
    </row>
    <row r="11687" spans="1:43">
      <c r="A11687" t="s">
        <v>7258</v>
      </c>
      <c r="B11687" t="s">
        <v>7259</v>
      </c>
      <c r="C11687" t="s">
        <v>7014</v>
      </c>
      <c r="D11687" t="s">
        <v>7015</v>
      </c>
      <c r="E11687" t="s">
        <v>6982</v>
      </c>
      <c r="F11687" t="s">
        <v>6983</v>
      </c>
      <c r="G11687" t="s">
        <v>80</v>
      </c>
      <c r="H11687" t="s">
        <v>81</v>
      </c>
      <c r="I11687" s="2">
        <v>0</v>
      </c>
      <c r="J11687" s="2">
        <v>1</v>
      </c>
      <c r="K11687" s="2">
        <v>0</v>
      </c>
      <c r="L11687" t="s">
        <v>82</v>
      </c>
      <c r="M11687" t="s">
        <v>87</v>
      </c>
      <c r="N11687" t="s">
        <v>88</v>
      </c>
      <c r="O11687" t="s">
        <v>85</v>
      </c>
      <c r="P11687" t="s">
        <v>86</v>
      </c>
      <c r="Q11687">
        <v>18</v>
      </c>
      <c r="R11687">
        <v>18</v>
      </c>
      <c r="S11687">
        <v>18</v>
      </c>
      <c r="T11687">
        <v>18</v>
      </c>
      <c r="U11687">
        <v>18</v>
      </c>
      <c r="V11687">
        <v>18</v>
      </c>
      <c r="W11687">
        <v>18</v>
      </c>
      <c r="X11687">
        <v>18</v>
      </c>
      <c r="Y11687">
        <v>17</v>
      </c>
      <c r="Z11687">
        <v>17</v>
      </c>
      <c r="AA11687">
        <v>17</v>
      </c>
      <c r="AB11687">
        <v>17</v>
      </c>
      <c r="AC11687">
        <v>17</v>
      </c>
      <c r="AD11687">
        <v>17</v>
      </c>
      <c r="AE11687">
        <v>17</v>
      </c>
      <c r="AF11687">
        <v>17</v>
      </c>
      <c r="AG11687">
        <v>17</v>
      </c>
      <c r="AH11687">
        <v>17</v>
      </c>
      <c r="AI11687">
        <v>17</v>
      </c>
      <c r="AJ11687">
        <v>17</v>
      </c>
      <c r="AK11687">
        <v>17</v>
      </c>
      <c r="AL11687">
        <v>17</v>
      </c>
      <c r="AM11687">
        <v>17</v>
      </c>
      <c r="AN11687">
        <v>17</v>
      </c>
      <c r="AO11687">
        <v>17</v>
      </c>
      <c r="AP11687">
        <v>17</v>
      </c>
      <c r="AQ11687">
        <v>16</v>
      </c>
    </row>
    <row r="11688" spans="1:43">
      <c r="A11688" t="s">
        <v>7258</v>
      </c>
      <c r="B11688" t="s">
        <v>7259</v>
      </c>
      <c r="C11688" t="s">
        <v>7014</v>
      </c>
      <c r="D11688" t="s">
        <v>7015</v>
      </c>
      <c r="E11688" t="s">
        <v>6982</v>
      </c>
      <c r="F11688" t="s">
        <v>6983</v>
      </c>
      <c r="G11688" t="s">
        <v>80</v>
      </c>
      <c r="H11688" t="s">
        <v>81</v>
      </c>
      <c r="I11688" s="2">
        <v>0</v>
      </c>
      <c r="J11688" s="2">
        <v>1</v>
      </c>
      <c r="K11688" s="2">
        <v>0</v>
      </c>
      <c r="L11688" t="s">
        <v>82</v>
      </c>
      <c r="M11688" t="s">
        <v>89</v>
      </c>
      <c r="N11688" t="s">
        <v>90</v>
      </c>
      <c r="O11688" t="s">
        <v>85</v>
      </c>
      <c r="P11688" t="s">
        <v>86</v>
      </c>
      <c r="Q11688">
        <v>18</v>
      </c>
      <c r="R11688">
        <v>19</v>
      </c>
      <c r="S11688">
        <v>19</v>
      </c>
      <c r="T11688">
        <v>19</v>
      </c>
      <c r="U11688">
        <v>19</v>
      </c>
      <c r="V11688">
        <v>19</v>
      </c>
      <c r="W11688">
        <v>20</v>
      </c>
      <c r="X11688">
        <v>20</v>
      </c>
      <c r="Y11688">
        <v>20</v>
      </c>
      <c r="Z11688">
        <v>20</v>
      </c>
      <c r="AA11688">
        <v>20</v>
      </c>
      <c r="AB11688">
        <v>20</v>
      </c>
      <c r="AC11688">
        <v>21</v>
      </c>
      <c r="AD11688">
        <v>21</v>
      </c>
      <c r="AE11688">
        <v>21</v>
      </c>
      <c r="AF11688">
        <v>21</v>
      </c>
      <c r="AG11688">
        <v>20</v>
      </c>
      <c r="AH11688">
        <v>20</v>
      </c>
      <c r="AI11688">
        <v>20</v>
      </c>
      <c r="AJ11688">
        <v>20</v>
      </c>
      <c r="AK11688">
        <v>20</v>
      </c>
      <c r="AL11688">
        <v>20</v>
      </c>
      <c r="AM11688">
        <v>20</v>
      </c>
      <c r="AN11688">
        <v>19</v>
      </c>
      <c r="AO11688">
        <v>19</v>
      </c>
      <c r="AP11688">
        <v>19</v>
      </c>
      <c r="AQ11688">
        <v>19</v>
      </c>
    </row>
    <row r="11689" spans="1:43">
      <c r="A11689" t="s">
        <v>7258</v>
      </c>
      <c r="B11689" t="s">
        <v>7259</v>
      </c>
      <c r="C11689" t="s">
        <v>7014</v>
      </c>
      <c r="D11689" t="s">
        <v>7015</v>
      </c>
      <c r="E11689" t="s">
        <v>6982</v>
      </c>
      <c r="F11689" t="s">
        <v>6983</v>
      </c>
      <c r="G11689" t="s">
        <v>80</v>
      </c>
      <c r="H11689" t="s">
        <v>81</v>
      </c>
      <c r="I11689" s="2">
        <v>0</v>
      </c>
      <c r="J11689" s="2">
        <v>1</v>
      </c>
      <c r="K11689" s="2">
        <v>0</v>
      </c>
      <c r="L11689" t="s">
        <v>82</v>
      </c>
      <c r="M11689" t="s">
        <v>83</v>
      </c>
      <c r="N11689" t="s">
        <v>91</v>
      </c>
      <c r="O11689" t="s">
        <v>85</v>
      </c>
      <c r="P11689" t="s">
        <v>86</v>
      </c>
      <c r="Q11689">
        <v>18</v>
      </c>
      <c r="R11689">
        <v>18</v>
      </c>
      <c r="S11689">
        <v>18</v>
      </c>
      <c r="T11689">
        <v>18</v>
      </c>
      <c r="U11689">
        <v>19</v>
      </c>
      <c r="V11689">
        <v>19</v>
      </c>
      <c r="W11689">
        <v>19</v>
      </c>
      <c r="X11689">
        <v>19</v>
      </c>
      <c r="Y11689">
        <v>19</v>
      </c>
      <c r="Z11689">
        <v>19</v>
      </c>
      <c r="AA11689">
        <v>19</v>
      </c>
      <c r="AB11689">
        <v>19</v>
      </c>
      <c r="AC11689">
        <v>19</v>
      </c>
      <c r="AD11689">
        <v>19</v>
      </c>
      <c r="AE11689">
        <v>19</v>
      </c>
      <c r="AF11689">
        <v>19</v>
      </c>
      <c r="AG11689">
        <v>19</v>
      </c>
      <c r="AH11689">
        <v>19</v>
      </c>
      <c r="AI11689">
        <v>20</v>
      </c>
      <c r="AJ11689">
        <v>20</v>
      </c>
      <c r="AK11689">
        <v>20</v>
      </c>
      <c r="AL11689">
        <v>20</v>
      </c>
      <c r="AM11689">
        <v>19</v>
      </c>
      <c r="AN11689">
        <v>19</v>
      </c>
      <c r="AO11689">
        <v>19</v>
      </c>
      <c r="AP11689">
        <v>19</v>
      </c>
      <c r="AQ11689">
        <v>19</v>
      </c>
    </row>
    <row r="11690" spans="1:43">
      <c r="A11690" t="s">
        <v>7260</v>
      </c>
      <c r="B11690" t="s">
        <v>7261</v>
      </c>
      <c r="C11690" t="s">
        <v>7262</v>
      </c>
      <c r="D11690" t="s">
        <v>7263</v>
      </c>
      <c r="E11690" t="s">
        <v>6982</v>
      </c>
      <c r="F11690" t="s">
        <v>6983</v>
      </c>
      <c r="G11690" t="s">
        <v>80</v>
      </c>
      <c r="H11690" t="s">
        <v>81</v>
      </c>
      <c r="I11690" s="2">
        <v>0</v>
      </c>
      <c r="J11690" s="2">
        <v>1</v>
      </c>
      <c r="K11690" s="2">
        <v>0</v>
      </c>
      <c r="L11690" t="s">
        <v>82</v>
      </c>
      <c r="M11690" t="s">
        <v>83</v>
      </c>
      <c r="N11690" t="s">
        <v>84</v>
      </c>
      <c r="O11690" t="s">
        <v>85</v>
      </c>
      <c r="P11690" t="s">
        <v>86</v>
      </c>
      <c r="Q11690">
        <v>3</v>
      </c>
      <c r="R11690">
        <v>3</v>
      </c>
      <c r="S11690">
        <v>3</v>
      </c>
      <c r="T11690">
        <v>3</v>
      </c>
      <c r="U11690">
        <v>3</v>
      </c>
      <c r="V11690">
        <v>3</v>
      </c>
      <c r="W11690">
        <v>3</v>
      </c>
      <c r="X11690">
        <v>3</v>
      </c>
      <c r="Y11690">
        <v>3</v>
      </c>
      <c r="Z11690">
        <v>3</v>
      </c>
      <c r="AA11690">
        <v>3</v>
      </c>
      <c r="AB11690">
        <v>3</v>
      </c>
      <c r="AC11690">
        <v>3</v>
      </c>
      <c r="AD11690">
        <v>3</v>
      </c>
      <c r="AE11690">
        <v>3</v>
      </c>
      <c r="AF11690">
        <v>3</v>
      </c>
      <c r="AG11690">
        <v>3</v>
      </c>
      <c r="AH11690">
        <v>3</v>
      </c>
      <c r="AI11690">
        <v>3</v>
      </c>
      <c r="AJ11690">
        <v>3</v>
      </c>
      <c r="AK11690">
        <v>3</v>
      </c>
      <c r="AL11690">
        <v>3</v>
      </c>
      <c r="AM11690">
        <v>3</v>
      </c>
      <c r="AN11690">
        <v>3</v>
      </c>
      <c r="AO11690">
        <v>3</v>
      </c>
      <c r="AP11690">
        <v>3</v>
      </c>
      <c r="AQ11690">
        <v>3</v>
      </c>
    </row>
    <row r="11691" spans="1:43">
      <c r="A11691" t="s">
        <v>7260</v>
      </c>
      <c r="B11691" t="s">
        <v>7261</v>
      </c>
      <c r="C11691" t="s">
        <v>7262</v>
      </c>
      <c r="D11691" t="s">
        <v>7263</v>
      </c>
      <c r="E11691" t="s">
        <v>6982</v>
      </c>
      <c r="F11691" t="s">
        <v>6983</v>
      </c>
      <c r="G11691" t="s">
        <v>80</v>
      </c>
      <c r="H11691" t="s">
        <v>81</v>
      </c>
      <c r="I11691" s="2">
        <v>0</v>
      </c>
      <c r="J11691" s="2">
        <v>1</v>
      </c>
      <c r="K11691" s="2">
        <v>0</v>
      </c>
      <c r="L11691" t="s">
        <v>82</v>
      </c>
      <c r="M11691" t="s">
        <v>87</v>
      </c>
      <c r="N11691" t="s">
        <v>88</v>
      </c>
      <c r="O11691" t="s">
        <v>85</v>
      </c>
      <c r="P11691" t="s">
        <v>86</v>
      </c>
      <c r="Q11691">
        <v>3</v>
      </c>
      <c r="R11691">
        <v>3</v>
      </c>
      <c r="S11691">
        <v>3</v>
      </c>
      <c r="T11691">
        <v>3</v>
      </c>
      <c r="U11691">
        <v>3</v>
      </c>
      <c r="V11691">
        <v>3</v>
      </c>
      <c r="W11691">
        <v>3</v>
      </c>
      <c r="X11691">
        <v>3</v>
      </c>
      <c r="Y11691">
        <v>3</v>
      </c>
      <c r="Z11691">
        <v>3</v>
      </c>
      <c r="AA11691">
        <v>3</v>
      </c>
      <c r="AB11691">
        <v>3</v>
      </c>
      <c r="AC11691">
        <v>3</v>
      </c>
      <c r="AD11691">
        <v>3</v>
      </c>
      <c r="AE11691">
        <v>3</v>
      </c>
      <c r="AF11691">
        <v>3</v>
      </c>
      <c r="AG11691">
        <v>3</v>
      </c>
      <c r="AH11691">
        <v>3</v>
      </c>
      <c r="AI11691">
        <v>3</v>
      </c>
      <c r="AJ11691">
        <v>3</v>
      </c>
      <c r="AK11691">
        <v>3</v>
      </c>
      <c r="AL11691">
        <v>3</v>
      </c>
      <c r="AM11691">
        <v>3</v>
      </c>
      <c r="AN11691">
        <v>3</v>
      </c>
      <c r="AO11691">
        <v>3</v>
      </c>
      <c r="AP11691">
        <v>3</v>
      </c>
      <c r="AQ11691">
        <v>3</v>
      </c>
    </row>
    <row r="11692" spans="1:43">
      <c r="A11692" t="s">
        <v>7260</v>
      </c>
      <c r="B11692" t="s">
        <v>7261</v>
      </c>
      <c r="C11692" t="s">
        <v>7262</v>
      </c>
      <c r="D11692" t="s">
        <v>7263</v>
      </c>
      <c r="E11692" t="s">
        <v>6982</v>
      </c>
      <c r="F11692" t="s">
        <v>6983</v>
      </c>
      <c r="G11692" t="s">
        <v>80</v>
      </c>
      <c r="H11692" t="s">
        <v>81</v>
      </c>
      <c r="I11692" s="2">
        <v>0</v>
      </c>
      <c r="J11692" s="2">
        <v>1</v>
      </c>
      <c r="K11692" s="2">
        <v>0</v>
      </c>
      <c r="L11692" t="s">
        <v>82</v>
      </c>
      <c r="M11692" t="s">
        <v>89</v>
      </c>
      <c r="N11692" t="s">
        <v>90</v>
      </c>
      <c r="O11692" t="s">
        <v>85</v>
      </c>
      <c r="P11692" t="s">
        <v>86</v>
      </c>
      <c r="Q11692">
        <v>3</v>
      </c>
      <c r="R11692">
        <v>3</v>
      </c>
      <c r="S11692">
        <v>3</v>
      </c>
      <c r="T11692">
        <v>3</v>
      </c>
      <c r="U11692">
        <v>3</v>
      </c>
      <c r="V11692">
        <v>3</v>
      </c>
      <c r="W11692">
        <v>3</v>
      </c>
      <c r="X11692">
        <v>3</v>
      </c>
      <c r="Y11692">
        <v>3</v>
      </c>
      <c r="Z11692">
        <v>3</v>
      </c>
      <c r="AA11692">
        <v>3</v>
      </c>
      <c r="AB11692">
        <v>3</v>
      </c>
      <c r="AC11692">
        <v>3</v>
      </c>
      <c r="AD11692">
        <v>4</v>
      </c>
      <c r="AE11692">
        <v>4</v>
      </c>
      <c r="AF11692">
        <v>3</v>
      </c>
      <c r="AG11692">
        <v>3</v>
      </c>
      <c r="AH11692">
        <v>3</v>
      </c>
      <c r="AI11692">
        <v>3</v>
      </c>
      <c r="AJ11692">
        <v>3</v>
      </c>
      <c r="AK11692">
        <v>3</v>
      </c>
      <c r="AL11692">
        <v>3</v>
      </c>
      <c r="AM11692">
        <v>3</v>
      </c>
      <c r="AN11692">
        <v>3</v>
      </c>
      <c r="AO11692">
        <v>3</v>
      </c>
      <c r="AP11692">
        <v>3</v>
      </c>
      <c r="AQ11692">
        <v>3</v>
      </c>
    </row>
    <row r="11693" spans="1:43">
      <c r="A11693" t="s">
        <v>7260</v>
      </c>
      <c r="B11693" t="s">
        <v>7261</v>
      </c>
      <c r="C11693" t="s">
        <v>7262</v>
      </c>
      <c r="D11693" t="s">
        <v>7263</v>
      </c>
      <c r="E11693" t="s">
        <v>6982</v>
      </c>
      <c r="F11693" t="s">
        <v>6983</v>
      </c>
      <c r="G11693" t="s">
        <v>80</v>
      </c>
      <c r="H11693" t="s">
        <v>81</v>
      </c>
      <c r="I11693" s="2">
        <v>0</v>
      </c>
      <c r="J11693" s="2">
        <v>1</v>
      </c>
      <c r="K11693" s="2">
        <v>0</v>
      </c>
      <c r="L11693" t="s">
        <v>82</v>
      </c>
      <c r="M11693" t="s">
        <v>83</v>
      </c>
      <c r="N11693" t="s">
        <v>91</v>
      </c>
      <c r="O11693" t="s">
        <v>85</v>
      </c>
      <c r="P11693" t="s">
        <v>86</v>
      </c>
      <c r="Q11693">
        <v>3</v>
      </c>
      <c r="R11693">
        <v>3</v>
      </c>
      <c r="S11693">
        <v>3</v>
      </c>
      <c r="T11693">
        <v>3</v>
      </c>
      <c r="U11693">
        <v>3</v>
      </c>
      <c r="V11693">
        <v>3</v>
      </c>
      <c r="W11693">
        <v>3</v>
      </c>
      <c r="X11693">
        <v>3</v>
      </c>
      <c r="Y11693">
        <v>3</v>
      </c>
      <c r="Z11693">
        <v>3</v>
      </c>
      <c r="AA11693">
        <v>3</v>
      </c>
      <c r="AB11693">
        <v>3</v>
      </c>
      <c r="AC11693">
        <v>3</v>
      </c>
      <c r="AD11693">
        <v>3</v>
      </c>
      <c r="AE11693">
        <v>3</v>
      </c>
      <c r="AF11693">
        <v>3</v>
      </c>
      <c r="AG11693">
        <v>3</v>
      </c>
      <c r="AH11693">
        <v>3</v>
      </c>
      <c r="AI11693">
        <v>3</v>
      </c>
      <c r="AJ11693">
        <v>3</v>
      </c>
      <c r="AK11693">
        <v>3</v>
      </c>
      <c r="AL11693">
        <v>3</v>
      </c>
      <c r="AM11693">
        <v>3</v>
      </c>
      <c r="AN11693">
        <v>3</v>
      </c>
      <c r="AO11693">
        <v>3</v>
      </c>
      <c r="AP11693">
        <v>3</v>
      </c>
      <c r="AQ11693">
        <v>3</v>
      </c>
    </row>
    <row r="11694" spans="1:43">
      <c r="A11694" t="s">
        <v>7264</v>
      </c>
      <c r="B11694" t="s">
        <v>7265</v>
      </c>
      <c r="C11694" t="s">
        <v>7262</v>
      </c>
      <c r="D11694" t="s">
        <v>7263</v>
      </c>
      <c r="E11694" t="s">
        <v>6982</v>
      </c>
      <c r="F11694" t="s">
        <v>6983</v>
      </c>
      <c r="G11694" t="s">
        <v>80</v>
      </c>
      <c r="H11694" t="s">
        <v>81</v>
      </c>
      <c r="I11694" s="2">
        <v>0</v>
      </c>
      <c r="J11694" s="2">
        <v>1</v>
      </c>
      <c r="K11694" s="2">
        <v>0</v>
      </c>
      <c r="L11694" t="s">
        <v>82</v>
      </c>
      <c r="M11694" t="s">
        <v>83</v>
      </c>
      <c r="N11694" t="s">
        <v>84</v>
      </c>
      <c r="O11694" t="s">
        <v>85</v>
      </c>
      <c r="P11694" t="s">
        <v>86</v>
      </c>
      <c r="Q11694">
        <v>61</v>
      </c>
      <c r="R11694">
        <v>61</v>
      </c>
      <c r="S11694">
        <v>61</v>
      </c>
      <c r="T11694">
        <v>62</v>
      </c>
      <c r="U11694">
        <v>62</v>
      </c>
      <c r="V11694">
        <v>62</v>
      </c>
      <c r="W11694">
        <v>63</v>
      </c>
      <c r="X11694">
        <v>63</v>
      </c>
      <c r="Y11694">
        <v>63</v>
      </c>
      <c r="Z11694">
        <v>63</v>
      </c>
      <c r="AA11694">
        <v>64</v>
      </c>
      <c r="AB11694">
        <v>64</v>
      </c>
      <c r="AC11694">
        <v>64</v>
      </c>
      <c r="AD11694">
        <v>64</v>
      </c>
      <c r="AE11694">
        <v>64</v>
      </c>
      <c r="AF11694">
        <v>64</v>
      </c>
      <c r="AG11694">
        <v>65</v>
      </c>
      <c r="AH11694">
        <v>65</v>
      </c>
      <c r="AI11694">
        <v>65</v>
      </c>
      <c r="AJ11694">
        <v>65</v>
      </c>
      <c r="AK11694">
        <v>65</v>
      </c>
      <c r="AL11694">
        <v>65</v>
      </c>
      <c r="AM11694">
        <v>64</v>
      </c>
      <c r="AN11694">
        <v>64</v>
      </c>
      <c r="AO11694">
        <v>63</v>
      </c>
      <c r="AP11694">
        <v>63</v>
      </c>
      <c r="AQ11694">
        <v>62</v>
      </c>
    </row>
    <row r="11695" spans="1:43">
      <c r="A11695" t="s">
        <v>7264</v>
      </c>
      <c r="B11695" t="s">
        <v>7265</v>
      </c>
      <c r="C11695" t="s">
        <v>7262</v>
      </c>
      <c r="D11695" t="s">
        <v>7263</v>
      </c>
      <c r="E11695" t="s">
        <v>6982</v>
      </c>
      <c r="F11695" t="s">
        <v>6983</v>
      </c>
      <c r="G11695" t="s">
        <v>80</v>
      </c>
      <c r="H11695" t="s">
        <v>81</v>
      </c>
      <c r="I11695" s="2">
        <v>0</v>
      </c>
      <c r="J11695" s="2">
        <v>1</v>
      </c>
      <c r="K11695" s="2">
        <v>0</v>
      </c>
      <c r="L11695" t="s">
        <v>82</v>
      </c>
      <c r="M11695" t="s">
        <v>87</v>
      </c>
      <c r="N11695" t="s">
        <v>88</v>
      </c>
      <c r="O11695" t="s">
        <v>85</v>
      </c>
      <c r="P11695" t="s">
        <v>86</v>
      </c>
      <c r="Q11695">
        <v>61</v>
      </c>
      <c r="R11695">
        <v>61</v>
      </c>
      <c r="S11695">
        <v>61</v>
      </c>
      <c r="T11695">
        <v>60</v>
      </c>
      <c r="U11695">
        <v>60</v>
      </c>
      <c r="V11695">
        <v>60</v>
      </c>
      <c r="W11695">
        <v>60</v>
      </c>
      <c r="X11695">
        <v>60</v>
      </c>
      <c r="Y11695">
        <v>59</v>
      </c>
      <c r="Z11695">
        <v>59</v>
      </c>
      <c r="AA11695">
        <v>59</v>
      </c>
      <c r="AB11695">
        <v>59</v>
      </c>
      <c r="AC11695">
        <v>58</v>
      </c>
      <c r="AD11695">
        <v>58</v>
      </c>
      <c r="AE11695">
        <v>58</v>
      </c>
      <c r="AF11695">
        <v>58</v>
      </c>
      <c r="AG11695">
        <v>57</v>
      </c>
      <c r="AH11695">
        <v>57</v>
      </c>
      <c r="AI11695">
        <v>57</v>
      </c>
      <c r="AJ11695">
        <v>57</v>
      </c>
      <c r="AK11695">
        <v>56</v>
      </c>
      <c r="AL11695">
        <v>56</v>
      </c>
      <c r="AM11695">
        <v>56</v>
      </c>
      <c r="AN11695">
        <v>56</v>
      </c>
      <c r="AO11695">
        <v>56</v>
      </c>
      <c r="AP11695">
        <v>55</v>
      </c>
      <c r="AQ11695">
        <v>55</v>
      </c>
    </row>
    <row r="11696" spans="1:43">
      <c r="A11696" t="s">
        <v>7264</v>
      </c>
      <c r="B11696" t="s">
        <v>7265</v>
      </c>
      <c r="C11696" t="s">
        <v>7262</v>
      </c>
      <c r="D11696" t="s">
        <v>7263</v>
      </c>
      <c r="E11696" t="s">
        <v>6982</v>
      </c>
      <c r="F11696" t="s">
        <v>6983</v>
      </c>
      <c r="G11696" t="s">
        <v>80</v>
      </c>
      <c r="H11696" t="s">
        <v>81</v>
      </c>
      <c r="I11696" s="2">
        <v>0</v>
      </c>
      <c r="J11696" s="2">
        <v>1</v>
      </c>
      <c r="K11696" s="2">
        <v>0</v>
      </c>
      <c r="L11696" t="s">
        <v>82</v>
      </c>
      <c r="M11696" t="s">
        <v>89</v>
      </c>
      <c r="N11696" t="s">
        <v>90</v>
      </c>
      <c r="O11696" t="s">
        <v>85</v>
      </c>
      <c r="P11696" t="s">
        <v>86</v>
      </c>
      <c r="Q11696">
        <v>61</v>
      </c>
      <c r="R11696">
        <v>62</v>
      </c>
      <c r="S11696">
        <v>63</v>
      </c>
      <c r="T11696">
        <v>64</v>
      </c>
      <c r="U11696">
        <v>64</v>
      </c>
      <c r="V11696">
        <v>65</v>
      </c>
      <c r="W11696">
        <v>66</v>
      </c>
      <c r="X11696">
        <v>66</v>
      </c>
      <c r="Y11696">
        <v>67</v>
      </c>
      <c r="Z11696">
        <v>67</v>
      </c>
      <c r="AA11696">
        <v>68</v>
      </c>
      <c r="AB11696">
        <v>68</v>
      </c>
      <c r="AC11696">
        <v>69</v>
      </c>
      <c r="AD11696">
        <v>69</v>
      </c>
      <c r="AE11696">
        <v>69</v>
      </c>
      <c r="AF11696">
        <v>68</v>
      </c>
      <c r="AG11696">
        <v>68</v>
      </c>
      <c r="AH11696">
        <v>67</v>
      </c>
      <c r="AI11696">
        <v>67</v>
      </c>
      <c r="AJ11696">
        <v>66</v>
      </c>
      <c r="AK11696">
        <v>66</v>
      </c>
      <c r="AL11696">
        <v>65</v>
      </c>
      <c r="AM11696">
        <v>65</v>
      </c>
      <c r="AN11696">
        <v>64</v>
      </c>
      <c r="AO11696">
        <v>64</v>
      </c>
      <c r="AP11696">
        <v>63</v>
      </c>
      <c r="AQ11696">
        <v>63</v>
      </c>
    </row>
    <row r="11697" spans="1:43">
      <c r="A11697" t="s">
        <v>7264</v>
      </c>
      <c r="B11697" t="s">
        <v>7265</v>
      </c>
      <c r="C11697" t="s">
        <v>7262</v>
      </c>
      <c r="D11697" t="s">
        <v>7263</v>
      </c>
      <c r="E11697" t="s">
        <v>6982</v>
      </c>
      <c r="F11697" t="s">
        <v>6983</v>
      </c>
      <c r="G11697" t="s">
        <v>80</v>
      </c>
      <c r="H11697" t="s">
        <v>81</v>
      </c>
      <c r="I11697" s="2">
        <v>0</v>
      </c>
      <c r="J11697" s="2">
        <v>1</v>
      </c>
      <c r="K11697" s="2">
        <v>0</v>
      </c>
      <c r="L11697" t="s">
        <v>82</v>
      </c>
      <c r="M11697" t="s">
        <v>83</v>
      </c>
      <c r="N11697" t="s">
        <v>91</v>
      </c>
      <c r="O11697" t="s">
        <v>85</v>
      </c>
      <c r="P11697" t="s">
        <v>86</v>
      </c>
      <c r="Q11697">
        <v>61</v>
      </c>
      <c r="R11697">
        <v>61</v>
      </c>
      <c r="S11697">
        <v>61</v>
      </c>
      <c r="T11697">
        <v>62</v>
      </c>
      <c r="U11697">
        <v>62</v>
      </c>
      <c r="V11697">
        <v>62</v>
      </c>
      <c r="W11697">
        <v>63</v>
      </c>
      <c r="X11697">
        <v>63</v>
      </c>
      <c r="Y11697">
        <v>63</v>
      </c>
      <c r="Z11697">
        <v>63</v>
      </c>
      <c r="AA11697">
        <v>64</v>
      </c>
      <c r="AB11697">
        <v>64</v>
      </c>
      <c r="AC11697">
        <v>64</v>
      </c>
      <c r="AD11697">
        <v>64</v>
      </c>
      <c r="AE11697">
        <v>64</v>
      </c>
      <c r="AF11697">
        <v>64</v>
      </c>
      <c r="AG11697">
        <v>65</v>
      </c>
      <c r="AH11697">
        <v>65</v>
      </c>
      <c r="AI11697">
        <v>65</v>
      </c>
      <c r="AJ11697">
        <v>65</v>
      </c>
      <c r="AK11697">
        <v>65</v>
      </c>
      <c r="AL11697">
        <v>65</v>
      </c>
      <c r="AM11697">
        <v>64</v>
      </c>
      <c r="AN11697">
        <v>64</v>
      </c>
      <c r="AO11697">
        <v>63</v>
      </c>
      <c r="AP11697">
        <v>63</v>
      </c>
      <c r="AQ11697">
        <v>62</v>
      </c>
    </row>
    <row r="11698" spans="1:43">
      <c r="A11698" t="s">
        <v>7266</v>
      </c>
      <c r="B11698" t="s">
        <v>7267</v>
      </c>
      <c r="C11698" t="s">
        <v>7262</v>
      </c>
      <c r="D11698" t="s">
        <v>7263</v>
      </c>
      <c r="E11698" t="s">
        <v>6982</v>
      </c>
      <c r="F11698" t="s">
        <v>6983</v>
      </c>
      <c r="G11698" t="s">
        <v>80</v>
      </c>
      <c r="H11698" t="s">
        <v>81</v>
      </c>
      <c r="I11698" s="2">
        <v>0</v>
      </c>
      <c r="J11698" s="2">
        <v>1</v>
      </c>
      <c r="K11698" s="2">
        <v>0</v>
      </c>
      <c r="L11698" t="s">
        <v>82</v>
      </c>
      <c r="M11698" t="s">
        <v>83</v>
      </c>
      <c r="N11698" t="s">
        <v>84</v>
      </c>
      <c r="O11698" t="s">
        <v>85</v>
      </c>
      <c r="P11698" t="s">
        <v>86</v>
      </c>
      <c r="Q11698">
        <v>18</v>
      </c>
      <c r="R11698">
        <v>18</v>
      </c>
      <c r="S11698">
        <v>18</v>
      </c>
      <c r="T11698">
        <v>18</v>
      </c>
      <c r="U11698">
        <v>18</v>
      </c>
      <c r="V11698">
        <v>18</v>
      </c>
      <c r="W11698">
        <v>18</v>
      </c>
      <c r="X11698">
        <v>18</v>
      </c>
      <c r="Y11698">
        <v>18</v>
      </c>
      <c r="Z11698">
        <v>18</v>
      </c>
      <c r="AA11698">
        <v>18</v>
      </c>
      <c r="AB11698">
        <v>18</v>
      </c>
      <c r="AC11698">
        <v>19</v>
      </c>
      <c r="AD11698">
        <v>19</v>
      </c>
      <c r="AE11698">
        <v>19</v>
      </c>
      <c r="AF11698">
        <v>19</v>
      </c>
      <c r="AG11698">
        <v>19</v>
      </c>
      <c r="AH11698">
        <v>19</v>
      </c>
      <c r="AI11698">
        <v>19</v>
      </c>
      <c r="AJ11698">
        <v>19</v>
      </c>
      <c r="AK11698">
        <v>19</v>
      </c>
      <c r="AL11698">
        <v>19</v>
      </c>
      <c r="AM11698">
        <v>19</v>
      </c>
      <c r="AN11698">
        <v>18</v>
      </c>
      <c r="AO11698">
        <v>18</v>
      </c>
      <c r="AP11698">
        <v>18</v>
      </c>
      <c r="AQ11698">
        <v>18</v>
      </c>
    </row>
    <row r="11699" spans="1:43">
      <c r="A11699" t="s">
        <v>7266</v>
      </c>
      <c r="B11699" t="s">
        <v>7267</v>
      </c>
      <c r="C11699" t="s">
        <v>7262</v>
      </c>
      <c r="D11699" t="s">
        <v>7263</v>
      </c>
      <c r="E11699" t="s">
        <v>6982</v>
      </c>
      <c r="F11699" t="s">
        <v>6983</v>
      </c>
      <c r="G11699" t="s">
        <v>80</v>
      </c>
      <c r="H11699" t="s">
        <v>81</v>
      </c>
      <c r="I11699" s="2">
        <v>0</v>
      </c>
      <c r="J11699" s="2">
        <v>1</v>
      </c>
      <c r="K11699" s="2">
        <v>0</v>
      </c>
      <c r="L11699" t="s">
        <v>82</v>
      </c>
      <c r="M11699" t="s">
        <v>87</v>
      </c>
      <c r="N11699" t="s">
        <v>88</v>
      </c>
      <c r="O11699" t="s">
        <v>85</v>
      </c>
      <c r="P11699" t="s">
        <v>86</v>
      </c>
      <c r="Q11699">
        <v>18</v>
      </c>
      <c r="R11699">
        <v>18</v>
      </c>
      <c r="S11699">
        <v>18</v>
      </c>
      <c r="T11699">
        <v>18</v>
      </c>
      <c r="U11699">
        <v>18</v>
      </c>
      <c r="V11699">
        <v>18</v>
      </c>
      <c r="W11699">
        <v>18</v>
      </c>
      <c r="X11699">
        <v>18</v>
      </c>
      <c r="Y11699">
        <v>18</v>
      </c>
      <c r="Z11699">
        <v>18</v>
      </c>
      <c r="AA11699">
        <v>18</v>
      </c>
      <c r="AB11699">
        <v>18</v>
      </c>
      <c r="AC11699">
        <v>18</v>
      </c>
      <c r="AD11699">
        <v>18</v>
      </c>
      <c r="AE11699">
        <v>17</v>
      </c>
      <c r="AF11699">
        <v>17</v>
      </c>
      <c r="AG11699">
        <v>17</v>
      </c>
      <c r="AH11699">
        <v>17</v>
      </c>
      <c r="AI11699">
        <v>17</v>
      </c>
      <c r="AJ11699">
        <v>17</v>
      </c>
      <c r="AK11699">
        <v>17</v>
      </c>
      <c r="AL11699">
        <v>17</v>
      </c>
      <c r="AM11699">
        <v>17</v>
      </c>
      <c r="AN11699">
        <v>17</v>
      </c>
      <c r="AO11699">
        <v>17</v>
      </c>
      <c r="AP11699">
        <v>17</v>
      </c>
      <c r="AQ11699">
        <v>17</v>
      </c>
    </row>
    <row r="11700" spans="1:43">
      <c r="A11700" t="s">
        <v>7266</v>
      </c>
      <c r="B11700" t="s">
        <v>7267</v>
      </c>
      <c r="C11700" t="s">
        <v>7262</v>
      </c>
      <c r="D11700" t="s">
        <v>7263</v>
      </c>
      <c r="E11700" t="s">
        <v>6982</v>
      </c>
      <c r="F11700" t="s">
        <v>6983</v>
      </c>
      <c r="G11700" t="s">
        <v>80</v>
      </c>
      <c r="H11700" t="s">
        <v>81</v>
      </c>
      <c r="I11700" s="2">
        <v>0</v>
      </c>
      <c r="J11700" s="2">
        <v>1</v>
      </c>
      <c r="K11700" s="2">
        <v>0</v>
      </c>
      <c r="L11700" t="s">
        <v>82</v>
      </c>
      <c r="M11700" t="s">
        <v>89</v>
      </c>
      <c r="N11700" t="s">
        <v>90</v>
      </c>
      <c r="O11700" t="s">
        <v>85</v>
      </c>
      <c r="P11700" t="s">
        <v>86</v>
      </c>
      <c r="Q11700">
        <v>18</v>
      </c>
      <c r="R11700">
        <v>18</v>
      </c>
      <c r="S11700">
        <v>18</v>
      </c>
      <c r="T11700">
        <v>19</v>
      </c>
      <c r="U11700">
        <v>19</v>
      </c>
      <c r="V11700">
        <v>19</v>
      </c>
      <c r="W11700">
        <v>19</v>
      </c>
      <c r="X11700">
        <v>19</v>
      </c>
      <c r="Y11700">
        <v>19</v>
      </c>
      <c r="Z11700">
        <v>20</v>
      </c>
      <c r="AA11700">
        <v>20</v>
      </c>
      <c r="AB11700">
        <v>20</v>
      </c>
      <c r="AC11700">
        <v>20</v>
      </c>
      <c r="AD11700">
        <v>20</v>
      </c>
      <c r="AE11700">
        <v>20</v>
      </c>
      <c r="AF11700">
        <v>20</v>
      </c>
      <c r="AG11700">
        <v>20</v>
      </c>
      <c r="AH11700">
        <v>19</v>
      </c>
      <c r="AI11700">
        <v>19</v>
      </c>
      <c r="AJ11700">
        <v>19</v>
      </c>
      <c r="AK11700">
        <v>19</v>
      </c>
      <c r="AL11700">
        <v>19</v>
      </c>
      <c r="AM11700">
        <v>19</v>
      </c>
      <c r="AN11700">
        <v>19</v>
      </c>
      <c r="AO11700">
        <v>18</v>
      </c>
      <c r="AP11700">
        <v>18</v>
      </c>
      <c r="AQ11700">
        <v>18</v>
      </c>
    </row>
    <row r="11701" spans="1:43">
      <c r="A11701" t="s">
        <v>7266</v>
      </c>
      <c r="B11701" t="s">
        <v>7267</v>
      </c>
      <c r="C11701" t="s">
        <v>7262</v>
      </c>
      <c r="D11701" t="s">
        <v>7263</v>
      </c>
      <c r="E11701" t="s">
        <v>6982</v>
      </c>
      <c r="F11701" t="s">
        <v>6983</v>
      </c>
      <c r="G11701" t="s">
        <v>80</v>
      </c>
      <c r="H11701" t="s">
        <v>81</v>
      </c>
      <c r="I11701" s="2">
        <v>0</v>
      </c>
      <c r="J11701" s="2">
        <v>1</v>
      </c>
      <c r="K11701" s="2">
        <v>0</v>
      </c>
      <c r="L11701" t="s">
        <v>82</v>
      </c>
      <c r="M11701" t="s">
        <v>83</v>
      </c>
      <c r="N11701" t="s">
        <v>91</v>
      </c>
      <c r="O11701" t="s">
        <v>85</v>
      </c>
      <c r="P11701" t="s">
        <v>86</v>
      </c>
      <c r="Q11701">
        <v>18</v>
      </c>
      <c r="R11701">
        <v>18</v>
      </c>
      <c r="S11701">
        <v>18</v>
      </c>
      <c r="T11701">
        <v>18</v>
      </c>
      <c r="U11701">
        <v>18</v>
      </c>
      <c r="V11701">
        <v>18</v>
      </c>
      <c r="W11701">
        <v>18</v>
      </c>
      <c r="X11701">
        <v>18</v>
      </c>
      <c r="Y11701">
        <v>18</v>
      </c>
      <c r="Z11701">
        <v>18</v>
      </c>
      <c r="AA11701">
        <v>18</v>
      </c>
      <c r="AB11701">
        <v>18</v>
      </c>
      <c r="AC11701">
        <v>19</v>
      </c>
      <c r="AD11701">
        <v>19</v>
      </c>
      <c r="AE11701">
        <v>19</v>
      </c>
      <c r="AF11701">
        <v>19</v>
      </c>
      <c r="AG11701">
        <v>19</v>
      </c>
      <c r="AH11701">
        <v>19</v>
      </c>
      <c r="AI11701">
        <v>19</v>
      </c>
      <c r="AJ11701">
        <v>19</v>
      </c>
      <c r="AK11701">
        <v>19</v>
      </c>
      <c r="AL11701">
        <v>19</v>
      </c>
      <c r="AM11701">
        <v>19</v>
      </c>
      <c r="AN11701">
        <v>18</v>
      </c>
      <c r="AO11701">
        <v>18</v>
      </c>
      <c r="AP11701">
        <v>18</v>
      </c>
      <c r="AQ11701">
        <v>18</v>
      </c>
    </row>
    <row r="11702" spans="1:43">
      <c r="A11702" t="s">
        <v>7268</v>
      </c>
      <c r="B11702" t="s">
        <v>7269</v>
      </c>
      <c r="C11702" t="s">
        <v>7098</v>
      </c>
      <c r="D11702" t="s">
        <v>7099</v>
      </c>
      <c r="E11702" t="s">
        <v>6982</v>
      </c>
      <c r="F11702" t="s">
        <v>6983</v>
      </c>
      <c r="G11702" t="s">
        <v>80</v>
      </c>
      <c r="H11702" t="s">
        <v>81</v>
      </c>
      <c r="I11702" s="2">
        <v>0</v>
      </c>
      <c r="J11702" s="2">
        <v>1</v>
      </c>
      <c r="K11702" s="2">
        <v>0</v>
      </c>
      <c r="L11702" t="s">
        <v>82</v>
      </c>
      <c r="M11702" t="s">
        <v>83</v>
      </c>
      <c r="N11702" t="s">
        <v>84</v>
      </c>
      <c r="O11702" t="s">
        <v>85</v>
      </c>
      <c r="P11702" t="s">
        <v>86</v>
      </c>
      <c r="Q11702">
        <v>16</v>
      </c>
      <c r="R11702">
        <v>17</v>
      </c>
      <c r="S11702">
        <v>17</v>
      </c>
      <c r="T11702">
        <v>17</v>
      </c>
      <c r="U11702">
        <v>17</v>
      </c>
      <c r="V11702">
        <v>17</v>
      </c>
      <c r="W11702">
        <v>17</v>
      </c>
      <c r="X11702">
        <v>17</v>
      </c>
      <c r="Y11702">
        <v>17</v>
      </c>
      <c r="Z11702">
        <v>17</v>
      </c>
      <c r="AA11702">
        <v>17</v>
      </c>
      <c r="AB11702">
        <v>17</v>
      </c>
      <c r="AC11702">
        <v>17</v>
      </c>
      <c r="AD11702">
        <v>17</v>
      </c>
      <c r="AE11702">
        <v>17</v>
      </c>
      <c r="AF11702">
        <v>17</v>
      </c>
      <c r="AG11702">
        <v>17</v>
      </c>
      <c r="AH11702">
        <v>17</v>
      </c>
      <c r="AI11702">
        <v>17</v>
      </c>
      <c r="AJ11702">
        <v>18</v>
      </c>
      <c r="AK11702">
        <v>18</v>
      </c>
      <c r="AL11702">
        <v>17</v>
      </c>
      <c r="AM11702">
        <v>17</v>
      </c>
      <c r="AN11702">
        <v>17</v>
      </c>
      <c r="AO11702">
        <v>17</v>
      </c>
      <c r="AP11702">
        <v>17</v>
      </c>
      <c r="AQ11702">
        <v>17</v>
      </c>
    </row>
    <row r="11703" spans="1:43">
      <c r="A11703" t="s">
        <v>7268</v>
      </c>
      <c r="B11703" t="s">
        <v>7269</v>
      </c>
      <c r="C11703" t="s">
        <v>7098</v>
      </c>
      <c r="D11703" t="s">
        <v>7099</v>
      </c>
      <c r="E11703" t="s">
        <v>6982</v>
      </c>
      <c r="F11703" t="s">
        <v>6983</v>
      </c>
      <c r="G11703" t="s">
        <v>80</v>
      </c>
      <c r="H11703" t="s">
        <v>81</v>
      </c>
      <c r="I11703" s="2">
        <v>0</v>
      </c>
      <c r="J11703" s="2">
        <v>1</v>
      </c>
      <c r="K11703" s="2">
        <v>0</v>
      </c>
      <c r="L11703" t="s">
        <v>82</v>
      </c>
      <c r="M11703" t="s">
        <v>87</v>
      </c>
      <c r="N11703" t="s">
        <v>88</v>
      </c>
      <c r="O11703" t="s">
        <v>85</v>
      </c>
      <c r="P11703" t="s">
        <v>86</v>
      </c>
      <c r="Q11703">
        <v>16</v>
      </c>
      <c r="R11703">
        <v>16</v>
      </c>
      <c r="S11703">
        <v>16</v>
      </c>
      <c r="T11703">
        <v>16</v>
      </c>
      <c r="U11703">
        <v>16</v>
      </c>
      <c r="V11703">
        <v>16</v>
      </c>
      <c r="W11703">
        <v>16</v>
      </c>
      <c r="X11703">
        <v>16</v>
      </c>
      <c r="Y11703">
        <v>16</v>
      </c>
      <c r="Z11703">
        <v>16</v>
      </c>
      <c r="AA11703">
        <v>16</v>
      </c>
      <c r="AB11703">
        <v>16</v>
      </c>
      <c r="AC11703">
        <v>15</v>
      </c>
      <c r="AD11703">
        <v>15</v>
      </c>
      <c r="AE11703">
        <v>15</v>
      </c>
      <c r="AF11703">
        <v>15</v>
      </c>
      <c r="AG11703">
        <v>15</v>
      </c>
      <c r="AH11703">
        <v>15</v>
      </c>
      <c r="AI11703">
        <v>15</v>
      </c>
      <c r="AJ11703">
        <v>15</v>
      </c>
      <c r="AK11703">
        <v>15</v>
      </c>
      <c r="AL11703">
        <v>15</v>
      </c>
      <c r="AM11703">
        <v>15</v>
      </c>
      <c r="AN11703">
        <v>15</v>
      </c>
      <c r="AO11703">
        <v>15</v>
      </c>
      <c r="AP11703">
        <v>15</v>
      </c>
      <c r="AQ11703">
        <v>15</v>
      </c>
    </row>
    <row r="11704" spans="1:43">
      <c r="A11704" t="s">
        <v>7268</v>
      </c>
      <c r="B11704" t="s">
        <v>7269</v>
      </c>
      <c r="C11704" t="s">
        <v>7098</v>
      </c>
      <c r="D11704" t="s">
        <v>7099</v>
      </c>
      <c r="E11704" t="s">
        <v>6982</v>
      </c>
      <c r="F11704" t="s">
        <v>6983</v>
      </c>
      <c r="G11704" t="s">
        <v>80</v>
      </c>
      <c r="H11704" t="s">
        <v>81</v>
      </c>
      <c r="I11704" s="2">
        <v>0</v>
      </c>
      <c r="J11704" s="2">
        <v>1</v>
      </c>
      <c r="K11704" s="2">
        <v>0</v>
      </c>
      <c r="L11704" t="s">
        <v>82</v>
      </c>
      <c r="M11704" t="s">
        <v>89</v>
      </c>
      <c r="N11704" t="s">
        <v>90</v>
      </c>
      <c r="O11704" t="s">
        <v>85</v>
      </c>
      <c r="P11704" t="s">
        <v>86</v>
      </c>
      <c r="Q11704">
        <v>16</v>
      </c>
      <c r="R11704">
        <v>16</v>
      </c>
      <c r="S11704">
        <v>16</v>
      </c>
      <c r="T11704">
        <v>16</v>
      </c>
      <c r="U11704">
        <v>16</v>
      </c>
      <c r="V11704">
        <v>17</v>
      </c>
      <c r="W11704">
        <v>17</v>
      </c>
      <c r="X11704">
        <v>17</v>
      </c>
      <c r="Y11704">
        <v>17</v>
      </c>
      <c r="Z11704">
        <v>17</v>
      </c>
      <c r="AA11704">
        <v>17</v>
      </c>
      <c r="AB11704">
        <v>17</v>
      </c>
      <c r="AC11704">
        <v>18</v>
      </c>
      <c r="AD11704">
        <v>18</v>
      </c>
      <c r="AE11704">
        <v>18</v>
      </c>
      <c r="AF11704">
        <v>17</v>
      </c>
      <c r="AG11704">
        <v>17</v>
      </c>
      <c r="AH11704">
        <v>17</v>
      </c>
      <c r="AI11704">
        <v>17</v>
      </c>
      <c r="AJ11704">
        <v>17</v>
      </c>
      <c r="AK11704">
        <v>17</v>
      </c>
      <c r="AL11704">
        <v>17</v>
      </c>
      <c r="AM11704">
        <v>16</v>
      </c>
      <c r="AN11704">
        <v>16</v>
      </c>
      <c r="AO11704">
        <v>16</v>
      </c>
      <c r="AP11704">
        <v>16</v>
      </c>
      <c r="AQ11704">
        <v>16</v>
      </c>
    </row>
    <row r="11705" spans="1:43">
      <c r="A11705" t="s">
        <v>7268</v>
      </c>
      <c r="B11705" t="s">
        <v>7269</v>
      </c>
      <c r="C11705" t="s">
        <v>7098</v>
      </c>
      <c r="D11705" t="s">
        <v>7099</v>
      </c>
      <c r="E11705" t="s">
        <v>6982</v>
      </c>
      <c r="F11705" t="s">
        <v>6983</v>
      </c>
      <c r="G11705" t="s">
        <v>80</v>
      </c>
      <c r="H11705" t="s">
        <v>81</v>
      </c>
      <c r="I11705" s="2">
        <v>0</v>
      </c>
      <c r="J11705" s="2">
        <v>1</v>
      </c>
      <c r="K11705" s="2">
        <v>0</v>
      </c>
      <c r="L11705" t="s">
        <v>82</v>
      </c>
      <c r="M11705" t="s">
        <v>83</v>
      </c>
      <c r="N11705" t="s">
        <v>91</v>
      </c>
      <c r="O11705" t="s">
        <v>85</v>
      </c>
      <c r="P11705" t="s">
        <v>86</v>
      </c>
      <c r="Q11705">
        <v>16</v>
      </c>
      <c r="R11705">
        <v>17</v>
      </c>
      <c r="S11705">
        <v>17</v>
      </c>
      <c r="T11705">
        <v>17</v>
      </c>
      <c r="U11705">
        <v>17</v>
      </c>
      <c r="V11705">
        <v>17</v>
      </c>
      <c r="W11705">
        <v>17</v>
      </c>
      <c r="X11705">
        <v>17</v>
      </c>
      <c r="Y11705">
        <v>17</v>
      </c>
      <c r="Z11705">
        <v>17</v>
      </c>
      <c r="AA11705">
        <v>17</v>
      </c>
      <c r="AB11705">
        <v>17</v>
      </c>
      <c r="AC11705">
        <v>17</v>
      </c>
      <c r="AD11705">
        <v>17</v>
      </c>
      <c r="AE11705">
        <v>17</v>
      </c>
      <c r="AF11705">
        <v>17</v>
      </c>
      <c r="AG11705">
        <v>17</v>
      </c>
      <c r="AH11705">
        <v>17</v>
      </c>
      <c r="AI11705">
        <v>17</v>
      </c>
      <c r="AJ11705">
        <v>18</v>
      </c>
      <c r="AK11705">
        <v>18</v>
      </c>
      <c r="AL11705">
        <v>17</v>
      </c>
      <c r="AM11705">
        <v>17</v>
      </c>
      <c r="AN11705">
        <v>17</v>
      </c>
      <c r="AO11705">
        <v>17</v>
      </c>
      <c r="AP11705">
        <v>17</v>
      </c>
      <c r="AQ11705">
        <v>17</v>
      </c>
    </row>
    <row r="11706" spans="1:43">
      <c r="A11706" t="s">
        <v>7270</v>
      </c>
      <c r="B11706" t="s">
        <v>7271</v>
      </c>
      <c r="C11706" t="s">
        <v>7098</v>
      </c>
      <c r="D11706" t="s">
        <v>7099</v>
      </c>
      <c r="E11706" t="s">
        <v>6982</v>
      </c>
      <c r="F11706" t="s">
        <v>6983</v>
      </c>
      <c r="G11706" t="s">
        <v>80</v>
      </c>
      <c r="H11706" t="s">
        <v>81</v>
      </c>
      <c r="I11706" s="2">
        <v>0</v>
      </c>
      <c r="J11706" s="2">
        <v>1</v>
      </c>
      <c r="K11706" s="2">
        <v>0</v>
      </c>
      <c r="L11706" t="s">
        <v>82</v>
      </c>
      <c r="M11706" t="s">
        <v>83</v>
      </c>
      <c r="N11706" t="s">
        <v>84</v>
      </c>
      <c r="O11706" t="s">
        <v>85</v>
      </c>
      <c r="P11706" t="s">
        <v>86</v>
      </c>
      <c r="Q11706">
        <v>28</v>
      </c>
      <c r="R11706">
        <v>28</v>
      </c>
      <c r="S11706">
        <v>28</v>
      </c>
      <c r="T11706">
        <v>28</v>
      </c>
      <c r="U11706">
        <v>29</v>
      </c>
      <c r="V11706">
        <v>29</v>
      </c>
      <c r="W11706">
        <v>29</v>
      </c>
      <c r="X11706">
        <v>29</v>
      </c>
      <c r="Y11706">
        <v>29</v>
      </c>
      <c r="Z11706">
        <v>29</v>
      </c>
      <c r="AA11706">
        <v>29</v>
      </c>
      <c r="AB11706">
        <v>29</v>
      </c>
      <c r="AC11706">
        <v>29</v>
      </c>
      <c r="AD11706">
        <v>29</v>
      </c>
      <c r="AE11706">
        <v>30</v>
      </c>
      <c r="AF11706">
        <v>30</v>
      </c>
      <c r="AG11706">
        <v>30</v>
      </c>
      <c r="AH11706">
        <v>30</v>
      </c>
      <c r="AI11706">
        <v>30</v>
      </c>
      <c r="AJ11706">
        <v>30</v>
      </c>
      <c r="AK11706">
        <v>30</v>
      </c>
      <c r="AL11706">
        <v>30</v>
      </c>
      <c r="AM11706">
        <v>30</v>
      </c>
      <c r="AN11706">
        <v>29</v>
      </c>
      <c r="AO11706">
        <v>29</v>
      </c>
      <c r="AP11706">
        <v>29</v>
      </c>
      <c r="AQ11706">
        <v>29</v>
      </c>
    </row>
    <row r="11707" spans="1:43">
      <c r="A11707" t="s">
        <v>7270</v>
      </c>
      <c r="B11707" t="s">
        <v>7271</v>
      </c>
      <c r="C11707" t="s">
        <v>7098</v>
      </c>
      <c r="D11707" t="s">
        <v>7099</v>
      </c>
      <c r="E11707" t="s">
        <v>6982</v>
      </c>
      <c r="F11707" t="s">
        <v>6983</v>
      </c>
      <c r="G11707" t="s">
        <v>80</v>
      </c>
      <c r="H11707" t="s">
        <v>81</v>
      </c>
      <c r="I11707" s="2">
        <v>0</v>
      </c>
      <c r="J11707" s="2">
        <v>1</v>
      </c>
      <c r="K11707" s="2">
        <v>0</v>
      </c>
      <c r="L11707" t="s">
        <v>82</v>
      </c>
      <c r="M11707" t="s">
        <v>87</v>
      </c>
      <c r="N11707" t="s">
        <v>88</v>
      </c>
      <c r="O11707" t="s">
        <v>85</v>
      </c>
      <c r="P11707" t="s">
        <v>86</v>
      </c>
      <c r="Q11707">
        <v>28</v>
      </c>
      <c r="R11707">
        <v>28</v>
      </c>
      <c r="S11707">
        <v>27</v>
      </c>
      <c r="T11707">
        <v>27</v>
      </c>
      <c r="U11707">
        <v>27</v>
      </c>
      <c r="V11707">
        <v>27</v>
      </c>
      <c r="W11707">
        <v>27</v>
      </c>
      <c r="X11707">
        <v>27</v>
      </c>
      <c r="Y11707">
        <v>27</v>
      </c>
      <c r="Z11707">
        <v>27</v>
      </c>
      <c r="AA11707">
        <v>27</v>
      </c>
      <c r="AB11707">
        <v>26</v>
      </c>
      <c r="AC11707">
        <v>26</v>
      </c>
      <c r="AD11707">
        <v>26</v>
      </c>
      <c r="AE11707">
        <v>26</v>
      </c>
      <c r="AF11707">
        <v>26</v>
      </c>
      <c r="AG11707">
        <v>26</v>
      </c>
      <c r="AH11707">
        <v>26</v>
      </c>
      <c r="AI11707">
        <v>26</v>
      </c>
      <c r="AJ11707">
        <v>26</v>
      </c>
      <c r="AK11707">
        <v>26</v>
      </c>
      <c r="AL11707">
        <v>25</v>
      </c>
      <c r="AM11707">
        <v>25</v>
      </c>
      <c r="AN11707">
        <v>25</v>
      </c>
      <c r="AO11707">
        <v>25</v>
      </c>
      <c r="AP11707">
        <v>25</v>
      </c>
      <c r="AQ11707">
        <v>25</v>
      </c>
    </row>
    <row r="11708" spans="1:43">
      <c r="A11708" t="s">
        <v>7270</v>
      </c>
      <c r="B11708" t="s">
        <v>7271</v>
      </c>
      <c r="C11708" t="s">
        <v>7098</v>
      </c>
      <c r="D11708" t="s">
        <v>7099</v>
      </c>
      <c r="E11708" t="s">
        <v>6982</v>
      </c>
      <c r="F11708" t="s">
        <v>6983</v>
      </c>
      <c r="G11708" t="s">
        <v>80</v>
      </c>
      <c r="H11708" t="s">
        <v>81</v>
      </c>
      <c r="I11708" s="2">
        <v>0</v>
      </c>
      <c r="J11708" s="2">
        <v>1</v>
      </c>
      <c r="K11708" s="2">
        <v>0</v>
      </c>
      <c r="L11708" t="s">
        <v>82</v>
      </c>
      <c r="M11708" t="s">
        <v>89</v>
      </c>
      <c r="N11708" t="s">
        <v>90</v>
      </c>
      <c r="O11708" t="s">
        <v>85</v>
      </c>
      <c r="P11708" t="s">
        <v>86</v>
      </c>
      <c r="Q11708">
        <v>28</v>
      </c>
      <c r="R11708">
        <v>29</v>
      </c>
      <c r="S11708">
        <v>29</v>
      </c>
      <c r="T11708">
        <v>29</v>
      </c>
      <c r="U11708">
        <v>30</v>
      </c>
      <c r="V11708">
        <v>30</v>
      </c>
      <c r="W11708">
        <v>30</v>
      </c>
      <c r="X11708">
        <v>31</v>
      </c>
      <c r="Y11708">
        <v>31</v>
      </c>
      <c r="Z11708">
        <v>31</v>
      </c>
      <c r="AA11708">
        <v>31</v>
      </c>
      <c r="AB11708">
        <v>31</v>
      </c>
      <c r="AC11708">
        <v>32</v>
      </c>
      <c r="AD11708">
        <v>32</v>
      </c>
      <c r="AE11708">
        <v>32</v>
      </c>
      <c r="AF11708">
        <v>31</v>
      </c>
      <c r="AG11708">
        <v>31</v>
      </c>
      <c r="AH11708">
        <v>31</v>
      </c>
      <c r="AI11708">
        <v>31</v>
      </c>
      <c r="AJ11708">
        <v>31</v>
      </c>
      <c r="AK11708">
        <v>30</v>
      </c>
      <c r="AL11708">
        <v>30</v>
      </c>
      <c r="AM11708">
        <v>30</v>
      </c>
      <c r="AN11708">
        <v>30</v>
      </c>
      <c r="AO11708">
        <v>29</v>
      </c>
      <c r="AP11708">
        <v>29</v>
      </c>
      <c r="AQ11708">
        <v>29</v>
      </c>
    </row>
    <row r="11709" spans="1:43">
      <c r="A11709" t="s">
        <v>7270</v>
      </c>
      <c r="B11709" t="s">
        <v>7271</v>
      </c>
      <c r="C11709" t="s">
        <v>7098</v>
      </c>
      <c r="D11709" t="s">
        <v>7099</v>
      </c>
      <c r="E11709" t="s">
        <v>6982</v>
      </c>
      <c r="F11709" t="s">
        <v>6983</v>
      </c>
      <c r="G11709" t="s">
        <v>80</v>
      </c>
      <c r="H11709" t="s">
        <v>81</v>
      </c>
      <c r="I11709" s="2">
        <v>0</v>
      </c>
      <c r="J11709" s="2">
        <v>1</v>
      </c>
      <c r="K11709" s="2">
        <v>0</v>
      </c>
      <c r="L11709" t="s">
        <v>82</v>
      </c>
      <c r="M11709" t="s">
        <v>83</v>
      </c>
      <c r="N11709" t="s">
        <v>91</v>
      </c>
      <c r="O11709" t="s">
        <v>85</v>
      </c>
      <c r="P11709" t="s">
        <v>86</v>
      </c>
      <c r="Q11709">
        <v>28</v>
      </c>
      <c r="R11709">
        <v>28</v>
      </c>
      <c r="S11709">
        <v>28</v>
      </c>
      <c r="T11709">
        <v>28</v>
      </c>
      <c r="U11709">
        <v>29</v>
      </c>
      <c r="V11709">
        <v>29</v>
      </c>
      <c r="W11709">
        <v>29</v>
      </c>
      <c r="X11709">
        <v>29</v>
      </c>
      <c r="Y11709">
        <v>29</v>
      </c>
      <c r="Z11709">
        <v>29</v>
      </c>
      <c r="AA11709">
        <v>29</v>
      </c>
      <c r="AB11709">
        <v>29</v>
      </c>
      <c r="AC11709">
        <v>29</v>
      </c>
      <c r="AD11709">
        <v>29</v>
      </c>
      <c r="AE11709">
        <v>30</v>
      </c>
      <c r="AF11709">
        <v>30</v>
      </c>
      <c r="AG11709">
        <v>30</v>
      </c>
      <c r="AH11709">
        <v>30</v>
      </c>
      <c r="AI11709">
        <v>30</v>
      </c>
      <c r="AJ11709">
        <v>30</v>
      </c>
      <c r="AK11709">
        <v>30</v>
      </c>
      <c r="AL11709">
        <v>30</v>
      </c>
      <c r="AM11709">
        <v>30</v>
      </c>
      <c r="AN11709">
        <v>29</v>
      </c>
      <c r="AO11709">
        <v>29</v>
      </c>
      <c r="AP11709">
        <v>29</v>
      </c>
      <c r="AQ11709">
        <v>29</v>
      </c>
    </row>
    <row r="11710" spans="1:43">
      <c r="A11710" t="s">
        <v>7272</v>
      </c>
      <c r="B11710" t="s">
        <v>7273</v>
      </c>
      <c r="C11710" t="s">
        <v>7262</v>
      </c>
      <c r="D11710" t="s">
        <v>7263</v>
      </c>
      <c r="E11710" t="s">
        <v>6982</v>
      </c>
      <c r="F11710" t="s">
        <v>6983</v>
      </c>
      <c r="G11710" t="s">
        <v>80</v>
      </c>
      <c r="H11710" t="s">
        <v>81</v>
      </c>
      <c r="I11710" s="2">
        <v>0</v>
      </c>
      <c r="J11710" s="2">
        <v>1</v>
      </c>
      <c r="K11710" s="2">
        <v>0</v>
      </c>
      <c r="L11710" t="s">
        <v>82</v>
      </c>
      <c r="M11710" t="s">
        <v>83</v>
      </c>
      <c r="N11710" t="s">
        <v>84</v>
      </c>
      <c r="O11710" t="s">
        <v>85</v>
      </c>
      <c r="P11710" t="s">
        <v>86</v>
      </c>
      <c r="Q11710">
        <v>70</v>
      </c>
      <c r="R11710">
        <v>70</v>
      </c>
      <c r="S11710">
        <v>70</v>
      </c>
      <c r="T11710">
        <v>71</v>
      </c>
      <c r="U11710">
        <v>71</v>
      </c>
      <c r="V11710">
        <v>71</v>
      </c>
      <c r="W11710">
        <v>72</v>
      </c>
      <c r="X11710">
        <v>72</v>
      </c>
      <c r="Y11710">
        <v>72</v>
      </c>
      <c r="Z11710">
        <v>73</v>
      </c>
      <c r="AA11710">
        <v>73</v>
      </c>
      <c r="AB11710">
        <v>73</v>
      </c>
      <c r="AC11710">
        <v>73</v>
      </c>
      <c r="AD11710">
        <v>74</v>
      </c>
      <c r="AE11710">
        <v>74</v>
      </c>
      <c r="AF11710">
        <v>74</v>
      </c>
      <c r="AG11710">
        <v>74</v>
      </c>
      <c r="AH11710">
        <v>74</v>
      </c>
      <c r="AI11710">
        <v>75</v>
      </c>
      <c r="AJ11710">
        <v>75</v>
      </c>
      <c r="AK11710">
        <v>75</v>
      </c>
      <c r="AL11710">
        <v>75</v>
      </c>
      <c r="AM11710">
        <v>74</v>
      </c>
      <c r="AN11710">
        <v>74</v>
      </c>
      <c r="AO11710">
        <v>73</v>
      </c>
      <c r="AP11710">
        <v>72</v>
      </c>
      <c r="AQ11710">
        <v>72</v>
      </c>
    </row>
    <row r="11711" spans="1:43">
      <c r="A11711" t="s">
        <v>7272</v>
      </c>
      <c r="B11711" t="s">
        <v>7273</v>
      </c>
      <c r="C11711" t="s">
        <v>7262</v>
      </c>
      <c r="D11711" t="s">
        <v>7263</v>
      </c>
      <c r="E11711" t="s">
        <v>6982</v>
      </c>
      <c r="F11711" t="s">
        <v>6983</v>
      </c>
      <c r="G11711" t="s">
        <v>80</v>
      </c>
      <c r="H11711" t="s">
        <v>81</v>
      </c>
      <c r="I11711" s="2">
        <v>0</v>
      </c>
      <c r="J11711" s="2">
        <v>1</v>
      </c>
      <c r="K11711" s="2">
        <v>0</v>
      </c>
      <c r="L11711" t="s">
        <v>82</v>
      </c>
      <c r="M11711" t="s">
        <v>87</v>
      </c>
      <c r="N11711" t="s">
        <v>88</v>
      </c>
      <c r="O11711" t="s">
        <v>85</v>
      </c>
      <c r="P11711" t="s">
        <v>86</v>
      </c>
      <c r="Q11711">
        <v>70</v>
      </c>
      <c r="R11711">
        <v>70</v>
      </c>
      <c r="S11711">
        <v>69</v>
      </c>
      <c r="T11711">
        <v>69</v>
      </c>
      <c r="U11711">
        <v>69</v>
      </c>
      <c r="V11711">
        <v>69</v>
      </c>
      <c r="W11711">
        <v>68</v>
      </c>
      <c r="X11711">
        <v>68</v>
      </c>
      <c r="Y11711">
        <v>68</v>
      </c>
      <c r="Z11711">
        <v>68</v>
      </c>
      <c r="AA11711">
        <v>67</v>
      </c>
      <c r="AB11711">
        <v>67</v>
      </c>
      <c r="AC11711">
        <v>67</v>
      </c>
      <c r="AD11711">
        <v>67</v>
      </c>
      <c r="AE11711">
        <v>66</v>
      </c>
      <c r="AF11711">
        <v>66</v>
      </c>
      <c r="AG11711">
        <v>66</v>
      </c>
      <c r="AH11711">
        <v>66</v>
      </c>
      <c r="AI11711">
        <v>65</v>
      </c>
      <c r="AJ11711">
        <v>65</v>
      </c>
      <c r="AK11711">
        <v>65</v>
      </c>
      <c r="AL11711">
        <v>65</v>
      </c>
      <c r="AM11711">
        <v>64</v>
      </c>
      <c r="AN11711">
        <v>64</v>
      </c>
      <c r="AO11711">
        <v>64</v>
      </c>
      <c r="AP11711">
        <v>64</v>
      </c>
      <c r="AQ11711">
        <v>63</v>
      </c>
    </row>
    <row r="11712" spans="1:43">
      <c r="A11712" t="s">
        <v>7272</v>
      </c>
      <c r="B11712" t="s">
        <v>7273</v>
      </c>
      <c r="C11712" t="s">
        <v>7262</v>
      </c>
      <c r="D11712" t="s">
        <v>7263</v>
      </c>
      <c r="E11712" t="s">
        <v>6982</v>
      </c>
      <c r="F11712" t="s">
        <v>6983</v>
      </c>
      <c r="G11712" t="s">
        <v>80</v>
      </c>
      <c r="H11712" t="s">
        <v>81</v>
      </c>
      <c r="I11712" s="2">
        <v>0</v>
      </c>
      <c r="J11712" s="2">
        <v>1</v>
      </c>
      <c r="K11712" s="2">
        <v>0</v>
      </c>
      <c r="L11712" t="s">
        <v>82</v>
      </c>
      <c r="M11712" t="s">
        <v>89</v>
      </c>
      <c r="N11712" t="s">
        <v>90</v>
      </c>
      <c r="O11712" t="s">
        <v>85</v>
      </c>
      <c r="P11712" t="s">
        <v>86</v>
      </c>
      <c r="Q11712">
        <v>70</v>
      </c>
      <c r="R11712">
        <v>71</v>
      </c>
      <c r="S11712">
        <v>72</v>
      </c>
      <c r="T11712">
        <v>73</v>
      </c>
      <c r="U11712">
        <v>74</v>
      </c>
      <c r="V11712">
        <v>75</v>
      </c>
      <c r="W11712">
        <v>75</v>
      </c>
      <c r="X11712">
        <v>76</v>
      </c>
      <c r="Y11712">
        <v>77</v>
      </c>
      <c r="Z11712">
        <v>77</v>
      </c>
      <c r="AA11712">
        <v>78</v>
      </c>
      <c r="AB11712">
        <v>78</v>
      </c>
      <c r="AC11712">
        <v>79</v>
      </c>
      <c r="AD11712">
        <v>79</v>
      </c>
      <c r="AE11712">
        <v>79</v>
      </c>
      <c r="AF11712">
        <v>79</v>
      </c>
      <c r="AG11712">
        <v>78</v>
      </c>
      <c r="AH11712">
        <v>78</v>
      </c>
      <c r="AI11712">
        <v>77</v>
      </c>
      <c r="AJ11712">
        <v>76</v>
      </c>
      <c r="AK11712">
        <v>76</v>
      </c>
      <c r="AL11712">
        <v>75</v>
      </c>
      <c r="AM11712">
        <v>75</v>
      </c>
      <c r="AN11712">
        <v>74</v>
      </c>
      <c r="AO11712">
        <v>74</v>
      </c>
      <c r="AP11712">
        <v>73</v>
      </c>
      <c r="AQ11712">
        <v>73</v>
      </c>
    </row>
    <row r="11713" spans="1:43">
      <c r="A11713" t="s">
        <v>7272</v>
      </c>
      <c r="B11713" t="s">
        <v>7273</v>
      </c>
      <c r="C11713" t="s">
        <v>7262</v>
      </c>
      <c r="D11713" t="s">
        <v>7263</v>
      </c>
      <c r="E11713" t="s">
        <v>6982</v>
      </c>
      <c r="F11713" t="s">
        <v>6983</v>
      </c>
      <c r="G11713" t="s">
        <v>80</v>
      </c>
      <c r="H11713" t="s">
        <v>81</v>
      </c>
      <c r="I11713" s="2">
        <v>0</v>
      </c>
      <c r="J11713" s="2">
        <v>1</v>
      </c>
      <c r="K11713" s="2">
        <v>0</v>
      </c>
      <c r="L11713" t="s">
        <v>82</v>
      </c>
      <c r="M11713" t="s">
        <v>83</v>
      </c>
      <c r="N11713" t="s">
        <v>91</v>
      </c>
      <c r="O11713" t="s">
        <v>85</v>
      </c>
      <c r="P11713" t="s">
        <v>86</v>
      </c>
      <c r="Q11713">
        <v>70</v>
      </c>
      <c r="R11713">
        <v>70</v>
      </c>
      <c r="S11713">
        <v>70</v>
      </c>
      <c r="T11713">
        <v>71</v>
      </c>
      <c r="U11713">
        <v>71</v>
      </c>
      <c r="V11713">
        <v>71</v>
      </c>
      <c r="W11713">
        <v>72</v>
      </c>
      <c r="X11713">
        <v>72</v>
      </c>
      <c r="Y11713">
        <v>72</v>
      </c>
      <c r="Z11713">
        <v>73</v>
      </c>
      <c r="AA11713">
        <v>73</v>
      </c>
      <c r="AB11713">
        <v>73</v>
      </c>
      <c r="AC11713">
        <v>73</v>
      </c>
      <c r="AD11713">
        <v>74</v>
      </c>
      <c r="AE11713">
        <v>74</v>
      </c>
      <c r="AF11713">
        <v>74</v>
      </c>
      <c r="AG11713">
        <v>74</v>
      </c>
      <c r="AH11713">
        <v>74</v>
      </c>
      <c r="AI11713">
        <v>75</v>
      </c>
      <c r="AJ11713">
        <v>75</v>
      </c>
      <c r="AK11713">
        <v>75</v>
      </c>
      <c r="AL11713">
        <v>75</v>
      </c>
      <c r="AM11713">
        <v>74</v>
      </c>
      <c r="AN11713">
        <v>74</v>
      </c>
      <c r="AO11713">
        <v>73</v>
      </c>
      <c r="AP11713">
        <v>72</v>
      </c>
      <c r="AQ11713">
        <v>72</v>
      </c>
    </row>
    <row r="11714" spans="1:43">
      <c r="A11714" t="s">
        <v>7274</v>
      </c>
      <c r="B11714" t="s">
        <v>7275</v>
      </c>
      <c r="C11714" t="s">
        <v>7276</v>
      </c>
      <c r="D11714" t="s">
        <v>7277</v>
      </c>
      <c r="E11714" t="s">
        <v>7278</v>
      </c>
      <c r="F11714" t="s">
        <v>7279</v>
      </c>
      <c r="G11714" t="s">
        <v>80</v>
      </c>
      <c r="H11714" t="s">
        <v>81</v>
      </c>
      <c r="I11714" s="2">
        <v>0</v>
      </c>
      <c r="J11714" s="2">
        <v>1</v>
      </c>
      <c r="K11714" s="2">
        <v>0</v>
      </c>
      <c r="L11714" t="s">
        <v>82</v>
      </c>
      <c r="M11714" t="s">
        <v>83</v>
      </c>
      <c r="N11714" t="s">
        <v>84</v>
      </c>
      <c r="O11714" t="s">
        <v>85</v>
      </c>
      <c r="P11714" t="s">
        <v>86</v>
      </c>
      <c r="Q11714">
        <v>11</v>
      </c>
      <c r="R11714">
        <v>11</v>
      </c>
      <c r="S11714">
        <v>12</v>
      </c>
      <c r="T11714">
        <v>12</v>
      </c>
      <c r="U11714">
        <v>12</v>
      </c>
      <c r="V11714">
        <v>12</v>
      </c>
      <c r="W11714">
        <v>12</v>
      </c>
      <c r="X11714">
        <v>12</v>
      </c>
      <c r="Y11714">
        <v>12</v>
      </c>
      <c r="Z11714">
        <v>12</v>
      </c>
      <c r="AA11714">
        <v>12</v>
      </c>
      <c r="AB11714">
        <v>12</v>
      </c>
      <c r="AC11714">
        <v>13</v>
      </c>
      <c r="AD11714">
        <v>13</v>
      </c>
      <c r="AE11714">
        <v>13</v>
      </c>
      <c r="AF11714">
        <v>13</v>
      </c>
      <c r="AG11714">
        <v>13</v>
      </c>
      <c r="AH11714">
        <v>13</v>
      </c>
      <c r="AI11714">
        <v>13</v>
      </c>
      <c r="AJ11714">
        <v>13</v>
      </c>
      <c r="AK11714">
        <v>13</v>
      </c>
      <c r="AL11714">
        <v>13</v>
      </c>
      <c r="AM11714">
        <v>13</v>
      </c>
      <c r="AN11714">
        <v>13</v>
      </c>
      <c r="AO11714">
        <v>13</v>
      </c>
      <c r="AP11714">
        <v>13</v>
      </c>
      <c r="AQ11714">
        <v>13</v>
      </c>
    </row>
    <row r="11715" spans="1:43">
      <c r="A11715" t="s">
        <v>7274</v>
      </c>
      <c r="B11715" t="s">
        <v>7275</v>
      </c>
      <c r="C11715" t="s">
        <v>7276</v>
      </c>
      <c r="D11715" t="s">
        <v>7277</v>
      </c>
      <c r="E11715" t="s">
        <v>7278</v>
      </c>
      <c r="F11715" t="s">
        <v>7279</v>
      </c>
      <c r="G11715" t="s">
        <v>80</v>
      </c>
      <c r="H11715" t="s">
        <v>81</v>
      </c>
      <c r="I11715" s="2">
        <v>0</v>
      </c>
      <c r="J11715" s="2">
        <v>1</v>
      </c>
      <c r="K11715" s="2">
        <v>0</v>
      </c>
      <c r="L11715" t="s">
        <v>82</v>
      </c>
      <c r="M11715" t="s">
        <v>87</v>
      </c>
      <c r="N11715" t="s">
        <v>88</v>
      </c>
      <c r="O11715" t="s">
        <v>85</v>
      </c>
      <c r="P11715" t="s">
        <v>86</v>
      </c>
      <c r="Q11715">
        <v>11</v>
      </c>
      <c r="R11715">
        <v>11</v>
      </c>
      <c r="S11715">
        <v>11</v>
      </c>
      <c r="T11715">
        <v>11</v>
      </c>
      <c r="U11715">
        <v>11</v>
      </c>
      <c r="V11715">
        <v>11</v>
      </c>
      <c r="W11715">
        <v>11</v>
      </c>
      <c r="X11715">
        <v>11</v>
      </c>
      <c r="Y11715">
        <v>11</v>
      </c>
      <c r="Z11715">
        <v>11</v>
      </c>
      <c r="AA11715">
        <v>11</v>
      </c>
      <c r="AB11715">
        <v>11</v>
      </c>
      <c r="AC11715">
        <v>11</v>
      </c>
      <c r="AD11715">
        <v>11</v>
      </c>
      <c r="AE11715">
        <v>11</v>
      </c>
      <c r="AF11715">
        <v>11</v>
      </c>
      <c r="AG11715">
        <v>11</v>
      </c>
      <c r="AH11715">
        <v>11</v>
      </c>
      <c r="AI11715">
        <v>11</v>
      </c>
      <c r="AJ11715">
        <v>11</v>
      </c>
      <c r="AK11715">
        <v>11</v>
      </c>
      <c r="AL11715">
        <v>11</v>
      </c>
      <c r="AM11715">
        <v>11</v>
      </c>
      <c r="AN11715">
        <v>11</v>
      </c>
      <c r="AO11715">
        <v>11</v>
      </c>
      <c r="AP11715">
        <v>11</v>
      </c>
      <c r="AQ11715">
        <v>11</v>
      </c>
    </row>
    <row r="11716" spans="1:43">
      <c r="A11716" t="s">
        <v>7274</v>
      </c>
      <c r="B11716" t="s">
        <v>7275</v>
      </c>
      <c r="C11716" t="s">
        <v>7276</v>
      </c>
      <c r="D11716" t="s">
        <v>7277</v>
      </c>
      <c r="E11716" t="s">
        <v>7278</v>
      </c>
      <c r="F11716" t="s">
        <v>7279</v>
      </c>
      <c r="G11716" t="s">
        <v>80</v>
      </c>
      <c r="H11716" t="s">
        <v>81</v>
      </c>
      <c r="I11716" s="2">
        <v>0</v>
      </c>
      <c r="J11716" s="2">
        <v>1</v>
      </c>
      <c r="K11716" s="2">
        <v>0</v>
      </c>
      <c r="L11716" t="s">
        <v>82</v>
      </c>
      <c r="M11716" t="s">
        <v>89</v>
      </c>
      <c r="N11716" t="s">
        <v>90</v>
      </c>
      <c r="O11716" t="s">
        <v>85</v>
      </c>
      <c r="P11716" t="s">
        <v>86</v>
      </c>
      <c r="Q11716">
        <v>11</v>
      </c>
      <c r="R11716">
        <v>12</v>
      </c>
      <c r="S11716">
        <v>12</v>
      </c>
      <c r="T11716">
        <v>12</v>
      </c>
      <c r="U11716">
        <v>12</v>
      </c>
      <c r="V11716">
        <v>12</v>
      </c>
      <c r="W11716">
        <v>13</v>
      </c>
      <c r="X11716">
        <v>13</v>
      </c>
      <c r="Y11716">
        <v>13</v>
      </c>
      <c r="Z11716">
        <v>13</v>
      </c>
      <c r="AA11716">
        <v>13</v>
      </c>
      <c r="AB11716">
        <v>13</v>
      </c>
      <c r="AC11716">
        <v>13</v>
      </c>
      <c r="AD11716">
        <v>14</v>
      </c>
      <c r="AE11716">
        <v>14</v>
      </c>
      <c r="AF11716">
        <v>14</v>
      </c>
      <c r="AG11716">
        <v>13</v>
      </c>
      <c r="AH11716">
        <v>13</v>
      </c>
      <c r="AI11716">
        <v>13</v>
      </c>
      <c r="AJ11716">
        <v>13</v>
      </c>
      <c r="AK11716">
        <v>13</v>
      </c>
      <c r="AL11716">
        <v>13</v>
      </c>
      <c r="AM11716">
        <v>13</v>
      </c>
      <c r="AN11716">
        <v>13</v>
      </c>
      <c r="AO11716">
        <v>13</v>
      </c>
      <c r="AP11716">
        <v>13</v>
      </c>
      <c r="AQ11716">
        <v>13</v>
      </c>
    </row>
    <row r="11717" spans="1:43">
      <c r="A11717" t="s">
        <v>7274</v>
      </c>
      <c r="B11717" t="s">
        <v>7275</v>
      </c>
      <c r="C11717" t="s">
        <v>7276</v>
      </c>
      <c r="D11717" t="s">
        <v>7277</v>
      </c>
      <c r="E11717" t="s">
        <v>7278</v>
      </c>
      <c r="F11717" t="s">
        <v>7279</v>
      </c>
      <c r="G11717" t="s">
        <v>80</v>
      </c>
      <c r="H11717" t="s">
        <v>81</v>
      </c>
      <c r="I11717" s="2">
        <v>0</v>
      </c>
      <c r="J11717" s="2">
        <v>1</v>
      </c>
      <c r="K11717" s="2">
        <v>0</v>
      </c>
      <c r="L11717" t="s">
        <v>82</v>
      </c>
      <c r="M11717" t="s">
        <v>83</v>
      </c>
      <c r="N11717" t="s">
        <v>91</v>
      </c>
      <c r="O11717" t="s">
        <v>85</v>
      </c>
      <c r="P11717" t="s">
        <v>86</v>
      </c>
      <c r="Q11717">
        <v>11</v>
      </c>
      <c r="R11717">
        <v>11</v>
      </c>
      <c r="S11717">
        <v>12</v>
      </c>
      <c r="T11717">
        <v>12</v>
      </c>
      <c r="U11717">
        <v>12</v>
      </c>
      <c r="V11717">
        <v>12</v>
      </c>
      <c r="W11717">
        <v>12</v>
      </c>
      <c r="X11717">
        <v>12</v>
      </c>
      <c r="Y11717">
        <v>12</v>
      </c>
      <c r="Z11717">
        <v>12</v>
      </c>
      <c r="AA11717">
        <v>12</v>
      </c>
      <c r="AB11717">
        <v>12</v>
      </c>
      <c r="AC11717">
        <v>13</v>
      </c>
      <c r="AD11717">
        <v>13</v>
      </c>
      <c r="AE11717">
        <v>13</v>
      </c>
      <c r="AF11717">
        <v>13</v>
      </c>
      <c r="AG11717">
        <v>13</v>
      </c>
      <c r="AH11717">
        <v>13</v>
      </c>
      <c r="AI11717">
        <v>13</v>
      </c>
      <c r="AJ11717">
        <v>13</v>
      </c>
      <c r="AK11717">
        <v>13</v>
      </c>
      <c r="AL11717">
        <v>13</v>
      </c>
      <c r="AM11717">
        <v>13</v>
      </c>
      <c r="AN11717">
        <v>13</v>
      </c>
      <c r="AO11717">
        <v>13</v>
      </c>
      <c r="AP11717">
        <v>13</v>
      </c>
      <c r="AQ11717">
        <v>13</v>
      </c>
    </row>
    <row r="11718" spans="1:43">
      <c r="A11718" t="s">
        <v>7280</v>
      </c>
      <c r="B11718" t="s">
        <v>7281</v>
      </c>
      <c r="C11718" t="s">
        <v>7282</v>
      </c>
      <c r="D11718" t="s">
        <v>7283</v>
      </c>
      <c r="E11718" t="s">
        <v>7278</v>
      </c>
      <c r="F11718" t="s">
        <v>7279</v>
      </c>
      <c r="G11718" t="s">
        <v>80</v>
      </c>
      <c r="H11718" t="s">
        <v>81</v>
      </c>
      <c r="I11718" s="2">
        <v>0</v>
      </c>
      <c r="J11718" s="2">
        <v>1</v>
      </c>
      <c r="K11718" s="2">
        <v>0</v>
      </c>
      <c r="L11718" t="s">
        <v>82</v>
      </c>
      <c r="M11718" t="s">
        <v>83</v>
      </c>
      <c r="N11718" t="s">
        <v>84</v>
      </c>
      <c r="O11718" t="s">
        <v>85</v>
      </c>
      <c r="P11718" t="s">
        <v>86</v>
      </c>
      <c r="Q11718">
        <v>6</v>
      </c>
      <c r="R11718">
        <v>6</v>
      </c>
      <c r="S11718">
        <v>6</v>
      </c>
      <c r="T11718">
        <v>6</v>
      </c>
      <c r="U11718">
        <v>6</v>
      </c>
      <c r="V11718">
        <v>6</v>
      </c>
      <c r="W11718">
        <v>6</v>
      </c>
      <c r="X11718">
        <v>6</v>
      </c>
      <c r="Y11718">
        <v>6</v>
      </c>
      <c r="Z11718">
        <v>6</v>
      </c>
      <c r="AA11718">
        <v>6</v>
      </c>
      <c r="AB11718">
        <v>6</v>
      </c>
      <c r="AC11718">
        <v>6</v>
      </c>
      <c r="AD11718">
        <v>6</v>
      </c>
      <c r="AE11718">
        <v>7</v>
      </c>
      <c r="AF11718">
        <v>7</v>
      </c>
      <c r="AG11718">
        <v>7</v>
      </c>
      <c r="AH11718">
        <v>7</v>
      </c>
      <c r="AI11718">
        <v>7</v>
      </c>
      <c r="AJ11718">
        <v>7</v>
      </c>
      <c r="AK11718">
        <v>7</v>
      </c>
      <c r="AL11718">
        <v>7</v>
      </c>
      <c r="AM11718">
        <v>7</v>
      </c>
      <c r="AN11718">
        <v>7</v>
      </c>
      <c r="AO11718">
        <v>7</v>
      </c>
      <c r="AP11718">
        <v>7</v>
      </c>
      <c r="AQ11718">
        <v>7</v>
      </c>
    </row>
    <row r="11719" spans="1:43">
      <c r="A11719" t="s">
        <v>7280</v>
      </c>
      <c r="B11719" t="s">
        <v>7281</v>
      </c>
      <c r="C11719" t="s">
        <v>7282</v>
      </c>
      <c r="D11719" t="s">
        <v>7283</v>
      </c>
      <c r="E11719" t="s">
        <v>7278</v>
      </c>
      <c r="F11719" t="s">
        <v>7279</v>
      </c>
      <c r="G11719" t="s">
        <v>80</v>
      </c>
      <c r="H11719" t="s">
        <v>81</v>
      </c>
      <c r="I11719" s="2">
        <v>0</v>
      </c>
      <c r="J11719" s="2">
        <v>1</v>
      </c>
      <c r="K11719" s="2">
        <v>0</v>
      </c>
      <c r="L11719" t="s">
        <v>82</v>
      </c>
      <c r="M11719" t="s">
        <v>87</v>
      </c>
      <c r="N11719" t="s">
        <v>88</v>
      </c>
      <c r="O11719" t="s">
        <v>85</v>
      </c>
      <c r="P11719" t="s">
        <v>86</v>
      </c>
      <c r="Q11719">
        <v>6</v>
      </c>
      <c r="R11719">
        <v>6</v>
      </c>
      <c r="S11719">
        <v>6</v>
      </c>
      <c r="T11719">
        <v>6</v>
      </c>
      <c r="U11719">
        <v>6</v>
      </c>
      <c r="V11719">
        <v>6</v>
      </c>
      <c r="W11719">
        <v>6</v>
      </c>
      <c r="X11719">
        <v>6</v>
      </c>
      <c r="Y11719">
        <v>6</v>
      </c>
      <c r="Z11719">
        <v>6</v>
      </c>
      <c r="AA11719">
        <v>6</v>
      </c>
      <c r="AB11719">
        <v>6</v>
      </c>
      <c r="AC11719">
        <v>6</v>
      </c>
      <c r="AD11719">
        <v>6</v>
      </c>
      <c r="AE11719">
        <v>6</v>
      </c>
      <c r="AF11719">
        <v>6</v>
      </c>
      <c r="AG11719">
        <v>6</v>
      </c>
      <c r="AH11719">
        <v>6</v>
      </c>
      <c r="AI11719">
        <v>6</v>
      </c>
      <c r="AJ11719">
        <v>6</v>
      </c>
      <c r="AK11719">
        <v>6</v>
      </c>
      <c r="AL11719">
        <v>6</v>
      </c>
      <c r="AM11719">
        <v>6</v>
      </c>
      <c r="AN11719">
        <v>6</v>
      </c>
      <c r="AO11719">
        <v>6</v>
      </c>
      <c r="AP11719">
        <v>6</v>
      </c>
      <c r="AQ11719">
        <v>6</v>
      </c>
    </row>
    <row r="11720" spans="1:43">
      <c r="A11720" t="s">
        <v>7280</v>
      </c>
      <c r="B11720" t="s">
        <v>7281</v>
      </c>
      <c r="C11720" t="s">
        <v>7282</v>
      </c>
      <c r="D11720" t="s">
        <v>7283</v>
      </c>
      <c r="E11720" t="s">
        <v>7278</v>
      </c>
      <c r="F11720" t="s">
        <v>7279</v>
      </c>
      <c r="G11720" t="s">
        <v>80</v>
      </c>
      <c r="H11720" t="s">
        <v>81</v>
      </c>
      <c r="I11720" s="2">
        <v>0</v>
      </c>
      <c r="J11720" s="2">
        <v>1</v>
      </c>
      <c r="K11720" s="2">
        <v>0</v>
      </c>
      <c r="L11720" t="s">
        <v>82</v>
      </c>
      <c r="M11720" t="s">
        <v>89</v>
      </c>
      <c r="N11720" t="s">
        <v>90</v>
      </c>
      <c r="O11720" t="s">
        <v>85</v>
      </c>
      <c r="P11720" t="s">
        <v>86</v>
      </c>
      <c r="Q11720">
        <v>6</v>
      </c>
      <c r="R11720">
        <v>6</v>
      </c>
      <c r="S11720">
        <v>6</v>
      </c>
      <c r="T11720">
        <v>6</v>
      </c>
      <c r="U11720">
        <v>6</v>
      </c>
      <c r="V11720">
        <v>6</v>
      </c>
      <c r="W11720">
        <v>6</v>
      </c>
      <c r="X11720">
        <v>7</v>
      </c>
      <c r="Y11720">
        <v>7</v>
      </c>
      <c r="Z11720">
        <v>7</v>
      </c>
      <c r="AA11720">
        <v>7</v>
      </c>
      <c r="AB11720">
        <v>7</v>
      </c>
      <c r="AC11720">
        <v>7</v>
      </c>
      <c r="AD11720">
        <v>7</v>
      </c>
      <c r="AE11720">
        <v>7</v>
      </c>
      <c r="AF11720">
        <v>7</v>
      </c>
      <c r="AG11720">
        <v>7</v>
      </c>
      <c r="AH11720">
        <v>7</v>
      </c>
      <c r="AI11720">
        <v>7</v>
      </c>
      <c r="AJ11720">
        <v>7</v>
      </c>
      <c r="AK11720">
        <v>7</v>
      </c>
      <c r="AL11720">
        <v>7</v>
      </c>
      <c r="AM11720">
        <v>7</v>
      </c>
      <c r="AN11720">
        <v>7</v>
      </c>
      <c r="AO11720">
        <v>7</v>
      </c>
      <c r="AP11720">
        <v>7</v>
      </c>
      <c r="AQ11720">
        <v>7</v>
      </c>
    </row>
    <row r="11721" spans="1:43">
      <c r="A11721" t="s">
        <v>7280</v>
      </c>
      <c r="B11721" t="s">
        <v>7281</v>
      </c>
      <c r="C11721" t="s">
        <v>7282</v>
      </c>
      <c r="D11721" t="s">
        <v>7283</v>
      </c>
      <c r="E11721" t="s">
        <v>7278</v>
      </c>
      <c r="F11721" t="s">
        <v>7279</v>
      </c>
      <c r="G11721" t="s">
        <v>80</v>
      </c>
      <c r="H11721" t="s">
        <v>81</v>
      </c>
      <c r="I11721" s="2">
        <v>0</v>
      </c>
      <c r="J11721" s="2">
        <v>1</v>
      </c>
      <c r="K11721" s="2">
        <v>0</v>
      </c>
      <c r="L11721" t="s">
        <v>82</v>
      </c>
      <c r="M11721" t="s">
        <v>83</v>
      </c>
      <c r="N11721" t="s">
        <v>91</v>
      </c>
      <c r="O11721" t="s">
        <v>85</v>
      </c>
      <c r="P11721" t="s">
        <v>86</v>
      </c>
      <c r="Q11721">
        <v>6</v>
      </c>
      <c r="R11721">
        <v>6</v>
      </c>
      <c r="S11721">
        <v>6</v>
      </c>
      <c r="T11721">
        <v>6</v>
      </c>
      <c r="U11721">
        <v>6</v>
      </c>
      <c r="V11721">
        <v>6</v>
      </c>
      <c r="W11721">
        <v>6</v>
      </c>
      <c r="X11721">
        <v>6</v>
      </c>
      <c r="Y11721">
        <v>6</v>
      </c>
      <c r="Z11721">
        <v>6</v>
      </c>
      <c r="AA11721">
        <v>6</v>
      </c>
      <c r="AB11721">
        <v>6</v>
      </c>
      <c r="AC11721">
        <v>6</v>
      </c>
      <c r="AD11721">
        <v>6</v>
      </c>
      <c r="AE11721">
        <v>7</v>
      </c>
      <c r="AF11721">
        <v>7</v>
      </c>
      <c r="AG11721">
        <v>7</v>
      </c>
      <c r="AH11721">
        <v>7</v>
      </c>
      <c r="AI11721">
        <v>7</v>
      </c>
      <c r="AJ11721">
        <v>7</v>
      </c>
      <c r="AK11721">
        <v>7</v>
      </c>
      <c r="AL11721">
        <v>7</v>
      </c>
      <c r="AM11721">
        <v>7</v>
      </c>
      <c r="AN11721">
        <v>7</v>
      </c>
      <c r="AO11721">
        <v>7</v>
      </c>
      <c r="AP11721">
        <v>7</v>
      </c>
      <c r="AQ11721">
        <v>7</v>
      </c>
    </row>
    <row r="11722" spans="1:43">
      <c r="A11722" t="s">
        <v>7284</v>
      </c>
      <c r="B11722" t="s">
        <v>7285</v>
      </c>
      <c r="C11722" t="s">
        <v>7276</v>
      </c>
      <c r="D11722" t="s">
        <v>7277</v>
      </c>
      <c r="E11722" t="s">
        <v>7278</v>
      </c>
      <c r="F11722" t="s">
        <v>7279</v>
      </c>
      <c r="G11722" t="s">
        <v>80</v>
      </c>
      <c r="H11722" t="s">
        <v>81</v>
      </c>
      <c r="I11722" s="2">
        <v>0</v>
      </c>
      <c r="J11722" s="2">
        <v>1</v>
      </c>
      <c r="K11722" s="2">
        <v>0</v>
      </c>
      <c r="L11722" t="s">
        <v>82</v>
      </c>
      <c r="M11722" t="s">
        <v>83</v>
      </c>
      <c r="N11722" t="s">
        <v>84</v>
      </c>
      <c r="O11722" t="s">
        <v>85</v>
      </c>
      <c r="P11722" t="s">
        <v>86</v>
      </c>
      <c r="Q11722">
        <v>23</v>
      </c>
      <c r="R11722">
        <v>23</v>
      </c>
      <c r="S11722">
        <v>23</v>
      </c>
      <c r="T11722">
        <v>23</v>
      </c>
      <c r="U11722">
        <v>24</v>
      </c>
      <c r="V11722">
        <v>24</v>
      </c>
      <c r="W11722">
        <v>24</v>
      </c>
      <c r="X11722">
        <v>24</v>
      </c>
      <c r="Y11722">
        <v>24</v>
      </c>
      <c r="Z11722">
        <v>25</v>
      </c>
      <c r="AA11722">
        <v>25</v>
      </c>
      <c r="AB11722">
        <v>25</v>
      </c>
      <c r="AC11722">
        <v>25</v>
      </c>
      <c r="AD11722">
        <v>25</v>
      </c>
      <c r="AE11722">
        <v>25</v>
      </c>
      <c r="AF11722">
        <v>26</v>
      </c>
      <c r="AG11722">
        <v>26</v>
      </c>
      <c r="AH11722">
        <v>26</v>
      </c>
      <c r="AI11722">
        <v>26</v>
      </c>
      <c r="AJ11722">
        <v>26</v>
      </c>
      <c r="AK11722">
        <v>26</v>
      </c>
      <c r="AL11722">
        <v>26</v>
      </c>
      <c r="AM11722">
        <v>26</v>
      </c>
      <c r="AN11722">
        <v>26</v>
      </c>
      <c r="AO11722">
        <v>26</v>
      </c>
      <c r="AP11722">
        <v>26</v>
      </c>
      <c r="AQ11722">
        <v>26</v>
      </c>
    </row>
    <row r="11723" spans="1:43">
      <c r="A11723" t="s">
        <v>7284</v>
      </c>
      <c r="B11723" t="s">
        <v>7285</v>
      </c>
      <c r="C11723" t="s">
        <v>7276</v>
      </c>
      <c r="D11723" t="s">
        <v>7277</v>
      </c>
      <c r="E11723" t="s">
        <v>7278</v>
      </c>
      <c r="F11723" t="s">
        <v>7279</v>
      </c>
      <c r="G11723" t="s">
        <v>80</v>
      </c>
      <c r="H11723" t="s">
        <v>81</v>
      </c>
      <c r="I11723" s="2">
        <v>0</v>
      </c>
      <c r="J11723" s="2">
        <v>1</v>
      </c>
      <c r="K11723" s="2">
        <v>0</v>
      </c>
      <c r="L11723" t="s">
        <v>82</v>
      </c>
      <c r="M11723" t="s">
        <v>87</v>
      </c>
      <c r="N11723" t="s">
        <v>88</v>
      </c>
      <c r="O11723" t="s">
        <v>85</v>
      </c>
      <c r="P11723" t="s">
        <v>86</v>
      </c>
      <c r="Q11723">
        <v>23</v>
      </c>
      <c r="R11723">
        <v>23</v>
      </c>
      <c r="S11723">
        <v>23</v>
      </c>
      <c r="T11723">
        <v>23</v>
      </c>
      <c r="U11723">
        <v>23</v>
      </c>
      <c r="V11723">
        <v>23</v>
      </c>
      <c r="W11723">
        <v>23</v>
      </c>
      <c r="X11723">
        <v>23</v>
      </c>
      <c r="Y11723">
        <v>23</v>
      </c>
      <c r="Z11723">
        <v>23</v>
      </c>
      <c r="AA11723">
        <v>23</v>
      </c>
      <c r="AB11723">
        <v>23</v>
      </c>
      <c r="AC11723">
        <v>23</v>
      </c>
      <c r="AD11723">
        <v>23</v>
      </c>
      <c r="AE11723">
        <v>23</v>
      </c>
      <c r="AF11723">
        <v>23</v>
      </c>
      <c r="AG11723">
        <v>23</v>
      </c>
      <c r="AH11723">
        <v>22</v>
      </c>
      <c r="AI11723">
        <v>22</v>
      </c>
      <c r="AJ11723">
        <v>22</v>
      </c>
      <c r="AK11723">
        <v>22</v>
      </c>
      <c r="AL11723">
        <v>22</v>
      </c>
      <c r="AM11723">
        <v>22</v>
      </c>
      <c r="AN11723">
        <v>22</v>
      </c>
      <c r="AO11723">
        <v>22</v>
      </c>
      <c r="AP11723">
        <v>22</v>
      </c>
      <c r="AQ11723">
        <v>22</v>
      </c>
    </row>
    <row r="11724" spans="1:43">
      <c r="A11724" t="s">
        <v>7284</v>
      </c>
      <c r="B11724" t="s">
        <v>7285</v>
      </c>
      <c r="C11724" t="s">
        <v>7276</v>
      </c>
      <c r="D11724" t="s">
        <v>7277</v>
      </c>
      <c r="E11724" t="s">
        <v>7278</v>
      </c>
      <c r="F11724" t="s">
        <v>7279</v>
      </c>
      <c r="G11724" t="s">
        <v>80</v>
      </c>
      <c r="H11724" t="s">
        <v>81</v>
      </c>
      <c r="I11724" s="2">
        <v>0</v>
      </c>
      <c r="J11724" s="2">
        <v>1</v>
      </c>
      <c r="K11724" s="2">
        <v>0</v>
      </c>
      <c r="L11724" t="s">
        <v>82</v>
      </c>
      <c r="M11724" t="s">
        <v>89</v>
      </c>
      <c r="N11724" t="s">
        <v>90</v>
      </c>
      <c r="O11724" t="s">
        <v>85</v>
      </c>
      <c r="P11724" t="s">
        <v>86</v>
      </c>
      <c r="Q11724">
        <v>23</v>
      </c>
      <c r="R11724">
        <v>23</v>
      </c>
      <c r="S11724">
        <v>24</v>
      </c>
      <c r="T11724">
        <v>24</v>
      </c>
      <c r="U11724">
        <v>25</v>
      </c>
      <c r="V11724">
        <v>25</v>
      </c>
      <c r="W11724">
        <v>25</v>
      </c>
      <c r="X11724">
        <v>26</v>
      </c>
      <c r="Y11724">
        <v>26</v>
      </c>
      <c r="Z11724">
        <v>26</v>
      </c>
      <c r="AA11724">
        <v>26</v>
      </c>
      <c r="AB11724">
        <v>27</v>
      </c>
      <c r="AC11724">
        <v>27</v>
      </c>
      <c r="AD11724">
        <v>27</v>
      </c>
      <c r="AE11724">
        <v>27</v>
      </c>
      <c r="AF11724">
        <v>27</v>
      </c>
      <c r="AG11724">
        <v>27</v>
      </c>
      <c r="AH11724">
        <v>27</v>
      </c>
      <c r="AI11724">
        <v>27</v>
      </c>
      <c r="AJ11724">
        <v>27</v>
      </c>
      <c r="AK11724">
        <v>26</v>
      </c>
      <c r="AL11724">
        <v>26</v>
      </c>
      <c r="AM11724">
        <v>26</v>
      </c>
      <c r="AN11724">
        <v>26</v>
      </c>
      <c r="AO11724">
        <v>26</v>
      </c>
      <c r="AP11724">
        <v>26</v>
      </c>
      <c r="AQ11724">
        <v>26</v>
      </c>
    </row>
    <row r="11725" spans="1:43">
      <c r="A11725" t="s">
        <v>7284</v>
      </c>
      <c r="B11725" t="s">
        <v>7285</v>
      </c>
      <c r="C11725" t="s">
        <v>7276</v>
      </c>
      <c r="D11725" t="s">
        <v>7277</v>
      </c>
      <c r="E11725" t="s">
        <v>7278</v>
      </c>
      <c r="F11725" t="s">
        <v>7279</v>
      </c>
      <c r="G11725" t="s">
        <v>80</v>
      </c>
      <c r="H11725" t="s">
        <v>81</v>
      </c>
      <c r="I11725" s="2">
        <v>0</v>
      </c>
      <c r="J11725" s="2">
        <v>1</v>
      </c>
      <c r="K11725" s="2">
        <v>0</v>
      </c>
      <c r="L11725" t="s">
        <v>82</v>
      </c>
      <c r="M11725" t="s">
        <v>83</v>
      </c>
      <c r="N11725" t="s">
        <v>91</v>
      </c>
      <c r="O11725" t="s">
        <v>85</v>
      </c>
      <c r="P11725" t="s">
        <v>86</v>
      </c>
      <c r="Q11725">
        <v>23</v>
      </c>
      <c r="R11725">
        <v>23</v>
      </c>
      <c r="S11725">
        <v>23</v>
      </c>
      <c r="T11725">
        <v>23</v>
      </c>
      <c r="U11725">
        <v>24</v>
      </c>
      <c r="V11725">
        <v>24</v>
      </c>
      <c r="W11725">
        <v>24</v>
      </c>
      <c r="X11725">
        <v>24</v>
      </c>
      <c r="Y11725">
        <v>24</v>
      </c>
      <c r="Z11725">
        <v>25</v>
      </c>
      <c r="AA11725">
        <v>25</v>
      </c>
      <c r="AB11725">
        <v>25</v>
      </c>
      <c r="AC11725">
        <v>25</v>
      </c>
      <c r="AD11725">
        <v>25</v>
      </c>
      <c r="AE11725">
        <v>25</v>
      </c>
      <c r="AF11725">
        <v>26</v>
      </c>
      <c r="AG11725">
        <v>26</v>
      </c>
      <c r="AH11725">
        <v>26</v>
      </c>
      <c r="AI11725">
        <v>26</v>
      </c>
      <c r="AJ11725">
        <v>26</v>
      </c>
      <c r="AK11725">
        <v>26</v>
      </c>
      <c r="AL11725">
        <v>26</v>
      </c>
      <c r="AM11725">
        <v>26</v>
      </c>
      <c r="AN11725">
        <v>26</v>
      </c>
      <c r="AO11725">
        <v>26</v>
      </c>
      <c r="AP11725">
        <v>26</v>
      </c>
      <c r="AQ11725">
        <v>26</v>
      </c>
    </row>
    <row r="11726" spans="1:43">
      <c r="A11726" t="s">
        <v>7286</v>
      </c>
      <c r="B11726" t="s">
        <v>7287</v>
      </c>
      <c r="C11726" t="s">
        <v>7288</v>
      </c>
      <c r="D11726" t="s">
        <v>7289</v>
      </c>
      <c r="E11726" t="s">
        <v>7278</v>
      </c>
      <c r="F11726" t="s">
        <v>7279</v>
      </c>
      <c r="G11726" t="s">
        <v>80</v>
      </c>
      <c r="H11726" t="s">
        <v>81</v>
      </c>
      <c r="I11726" s="2">
        <v>0</v>
      </c>
      <c r="J11726" s="2">
        <v>1</v>
      </c>
      <c r="K11726" s="2">
        <v>0</v>
      </c>
      <c r="L11726" t="s">
        <v>82</v>
      </c>
      <c r="M11726" t="s">
        <v>83</v>
      </c>
      <c r="N11726" t="s">
        <v>84</v>
      </c>
      <c r="O11726" t="s">
        <v>85</v>
      </c>
      <c r="P11726" t="s">
        <v>86</v>
      </c>
      <c r="Q11726">
        <v>17</v>
      </c>
      <c r="R11726">
        <v>17</v>
      </c>
      <c r="S11726">
        <v>17</v>
      </c>
      <c r="T11726">
        <v>17</v>
      </c>
      <c r="U11726">
        <v>18</v>
      </c>
      <c r="V11726">
        <v>18</v>
      </c>
      <c r="W11726">
        <v>18</v>
      </c>
      <c r="X11726">
        <v>18</v>
      </c>
      <c r="Y11726">
        <v>18</v>
      </c>
      <c r="Z11726">
        <v>18</v>
      </c>
      <c r="AA11726">
        <v>18</v>
      </c>
      <c r="AB11726">
        <v>19</v>
      </c>
      <c r="AC11726">
        <v>19</v>
      </c>
      <c r="AD11726">
        <v>19</v>
      </c>
      <c r="AE11726">
        <v>19</v>
      </c>
      <c r="AF11726">
        <v>19</v>
      </c>
      <c r="AG11726">
        <v>19</v>
      </c>
      <c r="AH11726">
        <v>19</v>
      </c>
      <c r="AI11726">
        <v>19</v>
      </c>
      <c r="AJ11726">
        <v>19</v>
      </c>
      <c r="AK11726">
        <v>19</v>
      </c>
      <c r="AL11726">
        <v>19</v>
      </c>
      <c r="AM11726">
        <v>19</v>
      </c>
      <c r="AN11726">
        <v>19</v>
      </c>
      <c r="AO11726">
        <v>19</v>
      </c>
      <c r="AP11726">
        <v>19</v>
      </c>
      <c r="AQ11726">
        <v>19</v>
      </c>
    </row>
    <row r="11727" spans="1:43">
      <c r="A11727" t="s">
        <v>7286</v>
      </c>
      <c r="B11727" t="s">
        <v>7287</v>
      </c>
      <c r="C11727" t="s">
        <v>7288</v>
      </c>
      <c r="D11727" t="s">
        <v>7289</v>
      </c>
      <c r="E11727" t="s">
        <v>7278</v>
      </c>
      <c r="F11727" t="s">
        <v>7279</v>
      </c>
      <c r="G11727" t="s">
        <v>80</v>
      </c>
      <c r="H11727" t="s">
        <v>81</v>
      </c>
      <c r="I11727" s="2">
        <v>0</v>
      </c>
      <c r="J11727" s="2">
        <v>1</v>
      </c>
      <c r="K11727" s="2">
        <v>0</v>
      </c>
      <c r="L11727" t="s">
        <v>82</v>
      </c>
      <c r="M11727" t="s">
        <v>87</v>
      </c>
      <c r="N11727" t="s">
        <v>88</v>
      </c>
      <c r="O11727" t="s">
        <v>85</v>
      </c>
      <c r="P11727" t="s">
        <v>86</v>
      </c>
      <c r="Q11727">
        <v>17</v>
      </c>
      <c r="R11727">
        <v>17</v>
      </c>
      <c r="S11727">
        <v>17</v>
      </c>
      <c r="T11727">
        <v>17</v>
      </c>
      <c r="U11727">
        <v>17</v>
      </c>
      <c r="V11727">
        <v>17</v>
      </c>
      <c r="W11727">
        <v>17</v>
      </c>
      <c r="X11727">
        <v>17</v>
      </c>
      <c r="Y11727">
        <v>17</v>
      </c>
      <c r="Z11727">
        <v>17</v>
      </c>
      <c r="AA11727">
        <v>17</v>
      </c>
      <c r="AB11727">
        <v>17</v>
      </c>
      <c r="AC11727">
        <v>17</v>
      </c>
      <c r="AD11727">
        <v>17</v>
      </c>
      <c r="AE11727">
        <v>17</v>
      </c>
      <c r="AF11727">
        <v>17</v>
      </c>
      <c r="AG11727">
        <v>17</v>
      </c>
      <c r="AH11727">
        <v>17</v>
      </c>
      <c r="AI11727">
        <v>17</v>
      </c>
      <c r="AJ11727">
        <v>17</v>
      </c>
      <c r="AK11727">
        <v>17</v>
      </c>
      <c r="AL11727">
        <v>17</v>
      </c>
      <c r="AM11727">
        <v>17</v>
      </c>
      <c r="AN11727">
        <v>17</v>
      </c>
      <c r="AO11727">
        <v>16</v>
      </c>
      <c r="AP11727">
        <v>16</v>
      </c>
      <c r="AQ11727">
        <v>16</v>
      </c>
    </row>
    <row r="11728" spans="1:43">
      <c r="A11728" t="s">
        <v>7286</v>
      </c>
      <c r="B11728" t="s">
        <v>7287</v>
      </c>
      <c r="C11728" t="s">
        <v>7288</v>
      </c>
      <c r="D11728" t="s">
        <v>7289</v>
      </c>
      <c r="E11728" t="s">
        <v>7278</v>
      </c>
      <c r="F11728" t="s">
        <v>7279</v>
      </c>
      <c r="G11728" t="s">
        <v>80</v>
      </c>
      <c r="H11728" t="s">
        <v>81</v>
      </c>
      <c r="I11728" s="2">
        <v>0</v>
      </c>
      <c r="J11728" s="2">
        <v>1</v>
      </c>
      <c r="K11728" s="2">
        <v>0</v>
      </c>
      <c r="L11728" t="s">
        <v>82</v>
      </c>
      <c r="M11728" t="s">
        <v>89</v>
      </c>
      <c r="N11728" t="s">
        <v>90</v>
      </c>
      <c r="O11728" t="s">
        <v>85</v>
      </c>
      <c r="P11728" t="s">
        <v>86</v>
      </c>
      <c r="Q11728">
        <v>17</v>
      </c>
      <c r="R11728">
        <v>17</v>
      </c>
      <c r="S11728">
        <v>18</v>
      </c>
      <c r="T11728">
        <v>18</v>
      </c>
      <c r="U11728">
        <v>18</v>
      </c>
      <c r="V11728">
        <v>19</v>
      </c>
      <c r="W11728">
        <v>19</v>
      </c>
      <c r="X11728">
        <v>19</v>
      </c>
      <c r="Y11728">
        <v>19</v>
      </c>
      <c r="Z11728">
        <v>19</v>
      </c>
      <c r="AA11728">
        <v>20</v>
      </c>
      <c r="AB11728">
        <v>20</v>
      </c>
      <c r="AC11728">
        <v>20</v>
      </c>
      <c r="AD11728">
        <v>20</v>
      </c>
      <c r="AE11728">
        <v>20</v>
      </c>
      <c r="AF11728">
        <v>20</v>
      </c>
      <c r="AG11728">
        <v>20</v>
      </c>
      <c r="AH11728">
        <v>20</v>
      </c>
      <c r="AI11728">
        <v>20</v>
      </c>
      <c r="AJ11728">
        <v>20</v>
      </c>
      <c r="AK11728">
        <v>20</v>
      </c>
      <c r="AL11728">
        <v>20</v>
      </c>
      <c r="AM11728">
        <v>19</v>
      </c>
      <c r="AN11728">
        <v>19</v>
      </c>
      <c r="AO11728">
        <v>19</v>
      </c>
      <c r="AP11728">
        <v>19</v>
      </c>
      <c r="AQ11728">
        <v>19</v>
      </c>
    </row>
    <row r="11729" spans="1:43">
      <c r="A11729" t="s">
        <v>7286</v>
      </c>
      <c r="B11729" t="s">
        <v>7287</v>
      </c>
      <c r="C11729" t="s">
        <v>7288</v>
      </c>
      <c r="D11729" t="s">
        <v>7289</v>
      </c>
      <c r="E11729" t="s">
        <v>7278</v>
      </c>
      <c r="F11729" t="s">
        <v>7279</v>
      </c>
      <c r="G11729" t="s">
        <v>80</v>
      </c>
      <c r="H11729" t="s">
        <v>81</v>
      </c>
      <c r="I11729" s="2">
        <v>0</v>
      </c>
      <c r="J11729" s="2">
        <v>1</v>
      </c>
      <c r="K11729" s="2">
        <v>0</v>
      </c>
      <c r="L11729" t="s">
        <v>82</v>
      </c>
      <c r="M11729" t="s">
        <v>83</v>
      </c>
      <c r="N11729" t="s">
        <v>91</v>
      </c>
      <c r="O11729" t="s">
        <v>85</v>
      </c>
      <c r="P11729" t="s">
        <v>86</v>
      </c>
      <c r="Q11729">
        <v>17</v>
      </c>
      <c r="R11729">
        <v>17</v>
      </c>
      <c r="S11729">
        <v>17</v>
      </c>
      <c r="T11729">
        <v>17</v>
      </c>
      <c r="U11729">
        <v>18</v>
      </c>
      <c r="V11729">
        <v>18</v>
      </c>
      <c r="W11729">
        <v>18</v>
      </c>
      <c r="X11729">
        <v>18</v>
      </c>
      <c r="Y11729">
        <v>18</v>
      </c>
      <c r="Z11729">
        <v>18</v>
      </c>
      <c r="AA11729">
        <v>18</v>
      </c>
      <c r="AB11729">
        <v>19</v>
      </c>
      <c r="AC11729">
        <v>19</v>
      </c>
      <c r="AD11729">
        <v>19</v>
      </c>
      <c r="AE11729">
        <v>19</v>
      </c>
      <c r="AF11729">
        <v>19</v>
      </c>
      <c r="AG11729">
        <v>19</v>
      </c>
      <c r="AH11729">
        <v>19</v>
      </c>
      <c r="AI11729">
        <v>19</v>
      </c>
      <c r="AJ11729">
        <v>19</v>
      </c>
      <c r="AK11729">
        <v>19</v>
      </c>
      <c r="AL11729">
        <v>19</v>
      </c>
      <c r="AM11729">
        <v>19</v>
      </c>
      <c r="AN11729">
        <v>19</v>
      </c>
      <c r="AO11729">
        <v>19</v>
      </c>
      <c r="AP11729">
        <v>19</v>
      </c>
      <c r="AQ11729">
        <v>19</v>
      </c>
    </row>
    <row r="11730" spans="1:43">
      <c r="A11730" t="s">
        <v>7290</v>
      </c>
      <c r="B11730" t="s">
        <v>7291</v>
      </c>
      <c r="C11730" t="s">
        <v>7288</v>
      </c>
      <c r="D11730" t="s">
        <v>7289</v>
      </c>
      <c r="E11730" t="s">
        <v>7278</v>
      </c>
      <c r="F11730" t="s">
        <v>7279</v>
      </c>
      <c r="G11730" t="s">
        <v>80</v>
      </c>
      <c r="H11730" t="s">
        <v>81</v>
      </c>
      <c r="I11730" s="2">
        <v>0</v>
      </c>
      <c r="J11730" s="2">
        <v>1</v>
      </c>
      <c r="K11730" s="2">
        <v>0</v>
      </c>
      <c r="L11730" t="s">
        <v>82</v>
      </c>
      <c r="M11730" t="s">
        <v>83</v>
      </c>
      <c r="N11730" t="s">
        <v>84</v>
      </c>
      <c r="O11730" t="s">
        <v>85</v>
      </c>
      <c r="P11730" t="s">
        <v>86</v>
      </c>
      <c r="Q11730">
        <v>14</v>
      </c>
      <c r="R11730">
        <v>14</v>
      </c>
      <c r="S11730">
        <v>14</v>
      </c>
      <c r="T11730">
        <v>14</v>
      </c>
      <c r="U11730">
        <v>14</v>
      </c>
      <c r="V11730">
        <v>15</v>
      </c>
      <c r="W11730">
        <v>15</v>
      </c>
      <c r="X11730">
        <v>15</v>
      </c>
      <c r="Y11730">
        <v>15</v>
      </c>
      <c r="Z11730">
        <v>15</v>
      </c>
      <c r="AA11730">
        <v>15</v>
      </c>
      <c r="AB11730">
        <v>15</v>
      </c>
      <c r="AC11730">
        <v>15</v>
      </c>
      <c r="AD11730">
        <v>15</v>
      </c>
      <c r="AE11730">
        <v>16</v>
      </c>
      <c r="AF11730">
        <v>16</v>
      </c>
      <c r="AG11730">
        <v>16</v>
      </c>
      <c r="AH11730">
        <v>16</v>
      </c>
      <c r="AI11730">
        <v>16</v>
      </c>
      <c r="AJ11730">
        <v>16</v>
      </c>
      <c r="AK11730">
        <v>16</v>
      </c>
      <c r="AL11730">
        <v>16</v>
      </c>
      <c r="AM11730">
        <v>16</v>
      </c>
      <c r="AN11730">
        <v>16</v>
      </c>
      <c r="AO11730">
        <v>16</v>
      </c>
      <c r="AP11730">
        <v>16</v>
      </c>
      <c r="AQ11730">
        <v>16</v>
      </c>
    </row>
    <row r="11731" spans="1:43">
      <c r="A11731" t="s">
        <v>7290</v>
      </c>
      <c r="B11731" t="s">
        <v>7291</v>
      </c>
      <c r="C11731" t="s">
        <v>7288</v>
      </c>
      <c r="D11731" t="s">
        <v>7289</v>
      </c>
      <c r="E11731" t="s">
        <v>7278</v>
      </c>
      <c r="F11731" t="s">
        <v>7279</v>
      </c>
      <c r="G11731" t="s">
        <v>80</v>
      </c>
      <c r="H11731" t="s">
        <v>81</v>
      </c>
      <c r="I11731" s="2">
        <v>0</v>
      </c>
      <c r="J11731" s="2">
        <v>1</v>
      </c>
      <c r="K11731" s="2">
        <v>0</v>
      </c>
      <c r="L11731" t="s">
        <v>82</v>
      </c>
      <c r="M11731" t="s">
        <v>87</v>
      </c>
      <c r="N11731" t="s">
        <v>88</v>
      </c>
      <c r="O11731" t="s">
        <v>85</v>
      </c>
      <c r="P11731" t="s">
        <v>86</v>
      </c>
      <c r="Q11731">
        <v>14</v>
      </c>
      <c r="R11731">
        <v>14</v>
      </c>
      <c r="S11731">
        <v>14</v>
      </c>
      <c r="T11731">
        <v>14</v>
      </c>
      <c r="U11731">
        <v>14</v>
      </c>
      <c r="V11731">
        <v>14</v>
      </c>
      <c r="W11731">
        <v>14</v>
      </c>
      <c r="X11731">
        <v>14</v>
      </c>
      <c r="Y11731">
        <v>14</v>
      </c>
      <c r="Z11731">
        <v>14</v>
      </c>
      <c r="AA11731">
        <v>14</v>
      </c>
      <c r="AB11731">
        <v>14</v>
      </c>
      <c r="AC11731">
        <v>14</v>
      </c>
      <c r="AD11731">
        <v>14</v>
      </c>
      <c r="AE11731">
        <v>14</v>
      </c>
      <c r="AF11731">
        <v>14</v>
      </c>
      <c r="AG11731">
        <v>14</v>
      </c>
      <c r="AH11731">
        <v>14</v>
      </c>
      <c r="AI11731">
        <v>14</v>
      </c>
      <c r="AJ11731">
        <v>14</v>
      </c>
      <c r="AK11731">
        <v>14</v>
      </c>
      <c r="AL11731">
        <v>14</v>
      </c>
      <c r="AM11731">
        <v>14</v>
      </c>
      <c r="AN11731">
        <v>14</v>
      </c>
      <c r="AO11731">
        <v>14</v>
      </c>
      <c r="AP11731">
        <v>14</v>
      </c>
      <c r="AQ11731">
        <v>14</v>
      </c>
    </row>
    <row r="11732" spans="1:43">
      <c r="A11732" t="s">
        <v>7290</v>
      </c>
      <c r="B11732" t="s">
        <v>7291</v>
      </c>
      <c r="C11732" t="s">
        <v>7288</v>
      </c>
      <c r="D11732" t="s">
        <v>7289</v>
      </c>
      <c r="E11732" t="s">
        <v>7278</v>
      </c>
      <c r="F11732" t="s">
        <v>7279</v>
      </c>
      <c r="G11732" t="s">
        <v>80</v>
      </c>
      <c r="H11732" t="s">
        <v>81</v>
      </c>
      <c r="I11732" s="2">
        <v>0</v>
      </c>
      <c r="J11732" s="2">
        <v>1</v>
      </c>
      <c r="K11732" s="2">
        <v>0</v>
      </c>
      <c r="L11732" t="s">
        <v>82</v>
      </c>
      <c r="M11732" t="s">
        <v>89</v>
      </c>
      <c r="N11732" t="s">
        <v>90</v>
      </c>
      <c r="O11732" t="s">
        <v>85</v>
      </c>
      <c r="P11732" t="s">
        <v>86</v>
      </c>
      <c r="Q11732">
        <v>14</v>
      </c>
      <c r="R11732">
        <v>14</v>
      </c>
      <c r="S11732">
        <v>15</v>
      </c>
      <c r="T11732">
        <v>15</v>
      </c>
      <c r="U11732">
        <v>15</v>
      </c>
      <c r="V11732">
        <v>15</v>
      </c>
      <c r="W11732">
        <v>15</v>
      </c>
      <c r="X11732">
        <v>16</v>
      </c>
      <c r="Y11732">
        <v>16</v>
      </c>
      <c r="Z11732">
        <v>16</v>
      </c>
      <c r="AA11732">
        <v>16</v>
      </c>
      <c r="AB11732">
        <v>16</v>
      </c>
      <c r="AC11732">
        <v>16</v>
      </c>
      <c r="AD11732">
        <v>17</v>
      </c>
      <c r="AE11732">
        <v>17</v>
      </c>
      <c r="AF11732">
        <v>17</v>
      </c>
      <c r="AG11732">
        <v>16</v>
      </c>
      <c r="AH11732">
        <v>16</v>
      </c>
      <c r="AI11732">
        <v>16</v>
      </c>
      <c r="AJ11732">
        <v>16</v>
      </c>
      <c r="AK11732">
        <v>16</v>
      </c>
      <c r="AL11732">
        <v>16</v>
      </c>
      <c r="AM11732">
        <v>16</v>
      </c>
      <c r="AN11732">
        <v>16</v>
      </c>
      <c r="AO11732">
        <v>16</v>
      </c>
      <c r="AP11732">
        <v>16</v>
      </c>
      <c r="AQ11732">
        <v>16</v>
      </c>
    </row>
    <row r="11733" spans="1:43">
      <c r="A11733" t="s">
        <v>7290</v>
      </c>
      <c r="B11733" t="s">
        <v>7291</v>
      </c>
      <c r="C11733" t="s">
        <v>7288</v>
      </c>
      <c r="D11733" t="s">
        <v>7289</v>
      </c>
      <c r="E11733" t="s">
        <v>7278</v>
      </c>
      <c r="F11733" t="s">
        <v>7279</v>
      </c>
      <c r="G11733" t="s">
        <v>80</v>
      </c>
      <c r="H11733" t="s">
        <v>81</v>
      </c>
      <c r="I11733" s="2">
        <v>0</v>
      </c>
      <c r="J11733" s="2">
        <v>1</v>
      </c>
      <c r="K11733" s="2">
        <v>0</v>
      </c>
      <c r="L11733" t="s">
        <v>82</v>
      </c>
      <c r="M11733" t="s">
        <v>83</v>
      </c>
      <c r="N11733" t="s">
        <v>91</v>
      </c>
      <c r="O11733" t="s">
        <v>85</v>
      </c>
      <c r="P11733" t="s">
        <v>86</v>
      </c>
      <c r="Q11733">
        <v>14</v>
      </c>
      <c r="R11733">
        <v>14</v>
      </c>
      <c r="S11733">
        <v>14</v>
      </c>
      <c r="T11733">
        <v>14</v>
      </c>
      <c r="U11733">
        <v>14</v>
      </c>
      <c r="V11733">
        <v>15</v>
      </c>
      <c r="W11733">
        <v>15</v>
      </c>
      <c r="X11733">
        <v>15</v>
      </c>
      <c r="Y11733">
        <v>15</v>
      </c>
      <c r="Z11733">
        <v>15</v>
      </c>
      <c r="AA11733">
        <v>15</v>
      </c>
      <c r="AB11733">
        <v>15</v>
      </c>
      <c r="AC11733">
        <v>15</v>
      </c>
      <c r="AD11733">
        <v>15</v>
      </c>
      <c r="AE11733">
        <v>16</v>
      </c>
      <c r="AF11733">
        <v>16</v>
      </c>
      <c r="AG11733">
        <v>16</v>
      </c>
      <c r="AH11733">
        <v>16</v>
      </c>
      <c r="AI11733">
        <v>16</v>
      </c>
      <c r="AJ11733">
        <v>16</v>
      </c>
      <c r="AK11733">
        <v>16</v>
      </c>
      <c r="AL11733">
        <v>16</v>
      </c>
      <c r="AM11733">
        <v>16</v>
      </c>
      <c r="AN11733">
        <v>16</v>
      </c>
      <c r="AO11733">
        <v>16</v>
      </c>
      <c r="AP11733">
        <v>16</v>
      </c>
      <c r="AQ11733">
        <v>16</v>
      </c>
    </row>
    <row r="11734" spans="1:43">
      <c r="A11734" t="s">
        <v>7292</v>
      </c>
      <c r="B11734" t="s">
        <v>7293</v>
      </c>
      <c r="C11734" t="s">
        <v>7276</v>
      </c>
      <c r="D11734" t="s">
        <v>7277</v>
      </c>
      <c r="E11734" t="s">
        <v>7278</v>
      </c>
      <c r="F11734" t="s">
        <v>7279</v>
      </c>
      <c r="G11734" t="s">
        <v>80</v>
      </c>
      <c r="H11734" t="s">
        <v>81</v>
      </c>
      <c r="I11734" s="2">
        <v>0</v>
      </c>
      <c r="J11734" s="2">
        <v>1</v>
      </c>
      <c r="K11734" s="2">
        <v>0</v>
      </c>
      <c r="L11734" t="s">
        <v>82</v>
      </c>
      <c r="M11734" t="s">
        <v>83</v>
      </c>
      <c r="N11734" t="s">
        <v>84</v>
      </c>
      <c r="O11734" t="s">
        <v>85</v>
      </c>
      <c r="P11734" t="s">
        <v>86</v>
      </c>
      <c r="Q11734">
        <v>17</v>
      </c>
      <c r="R11734">
        <v>17</v>
      </c>
      <c r="S11734">
        <v>17</v>
      </c>
      <c r="T11734">
        <v>17</v>
      </c>
      <c r="U11734">
        <v>18</v>
      </c>
      <c r="V11734">
        <v>18</v>
      </c>
      <c r="W11734">
        <v>18</v>
      </c>
      <c r="X11734">
        <v>18</v>
      </c>
      <c r="Y11734">
        <v>18</v>
      </c>
      <c r="Z11734">
        <v>18</v>
      </c>
      <c r="AA11734">
        <v>18</v>
      </c>
      <c r="AB11734">
        <v>19</v>
      </c>
      <c r="AC11734">
        <v>19</v>
      </c>
      <c r="AD11734">
        <v>19</v>
      </c>
      <c r="AE11734">
        <v>19</v>
      </c>
      <c r="AF11734">
        <v>19</v>
      </c>
      <c r="AG11734">
        <v>19</v>
      </c>
      <c r="AH11734">
        <v>19</v>
      </c>
      <c r="AI11734">
        <v>19</v>
      </c>
      <c r="AJ11734">
        <v>19</v>
      </c>
      <c r="AK11734">
        <v>19</v>
      </c>
      <c r="AL11734">
        <v>19</v>
      </c>
      <c r="AM11734">
        <v>19</v>
      </c>
      <c r="AN11734">
        <v>19</v>
      </c>
      <c r="AO11734">
        <v>19</v>
      </c>
      <c r="AP11734">
        <v>19</v>
      </c>
      <c r="AQ11734">
        <v>19</v>
      </c>
    </row>
    <row r="11735" spans="1:43">
      <c r="A11735" t="s">
        <v>7292</v>
      </c>
      <c r="B11735" t="s">
        <v>7293</v>
      </c>
      <c r="C11735" t="s">
        <v>7276</v>
      </c>
      <c r="D11735" t="s">
        <v>7277</v>
      </c>
      <c r="E11735" t="s">
        <v>7278</v>
      </c>
      <c r="F11735" t="s">
        <v>7279</v>
      </c>
      <c r="G11735" t="s">
        <v>80</v>
      </c>
      <c r="H11735" t="s">
        <v>81</v>
      </c>
      <c r="I11735" s="2">
        <v>0</v>
      </c>
      <c r="J11735" s="2">
        <v>1</v>
      </c>
      <c r="K11735" s="2">
        <v>0</v>
      </c>
      <c r="L11735" t="s">
        <v>82</v>
      </c>
      <c r="M11735" t="s">
        <v>87</v>
      </c>
      <c r="N11735" t="s">
        <v>88</v>
      </c>
      <c r="O11735" t="s">
        <v>85</v>
      </c>
      <c r="P11735" t="s">
        <v>86</v>
      </c>
      <c r="Q11735">
        <v>17</v>
      </c>
      <c r="R11735">
        <v>17</v>
      </c>
      <c r="S11735">
        <v>17</v>
      </c>
      <c r="T11735">
        <v>17</v>
      </c>
      <c r="U11735">
        <v>17</v>
      </c>
      <c r="V11735">
        <v>17</v>
      </c>
      <c r="W11735">
        <v>17</v>
      </c>
      <c r="X11735">
        <v>17</v>
      </c>
      <c r="Y11735">
        <v>17</v>
      </c>
      <c r="Z11735">
        <v>17</v>
      </c>
      <c r="AA11735">
        <v>17</v>
      </c>
      <c r="AB11735">
        <v>17</v>
      </c>
      <c r="AC11735">
        <v>17</v>
      </c>
      <c r="AD11735">
        <v>17</v>
      </c>
      <c r="AE11735">
        <v>17</v>
      </c>
      <c r="AF11735">
        <v>17</v>
      </c>
      <c r="AG11735">
        <v>17</v>
      </c>
      <c r="AH11735">
        <v>17</v>
      </c>
      <c r="AI11735">
        <v>17</v>
      </c>
      <c r="AJ11735">
        <v>17</v>
      </c>
      <c r="AK11735">
        <v>17</v>
      </c>
      <c r="AL11735">
        <v>17</v>
      </c>
      <c r="AM11735">
        <v>17</v>
      </c>
      <c r="AN11735">
        <v>17</v>
      </c>
      <c r="AO11735">
        <v>16</v>
      </c>
      <c r="AP11735">
        <v>16</v>
      </c>
      <c r="AQ11735">
        <v>16</v>
      </c>
    </row>
    <row r="11736" spans="1:43">
      <c r="A11736" t="s">
        <v>7292</v>
      </c>
      <c r="B11736" t="s">
        <v>7293</v>
      </c>
      <c r="C11736" t="s">
        <v>7276</v>
      </c>
      <c r="D11736" t="s">
        <v>7277</v>
      </c>
      <c r="E11736" t="s">
        <v>7278</v>
      </c>
      <c r="F11736" t="s">
        <v>7279</v>
      </c>
      <c r="G11736" t="s">
        <v>80</v>
      </c>
      <c r="H11736" t="s">
        <v>81</v>
      </c>
      <c r="I11736" s="2">
        <v>0</v>
      </c>
      <c r="J11736" s="2">
        <v>1</v>
      </c>
      <c r="K11736" s="2">
        <v>0</v>
      </c>
      <c r="L11736" t="s">
        <v>82</v>
      </c>
      <c r="M11736" t="s">
        <v>89</v>
      </c>
      <c r="N11736" t="s">
        <v>90</v>
      </c>
      <c r="O11736" t="s">
        <v>85</v>
      </c>
      <c r="P11736" t="s">
        <v>86</v>
      </c>
      <c r="Q11736">
        <v>17</v>
      </c>
      <c r="R11736">
        <v>17</v>
      </c>
      <c r="S11736">
        <v>18</v>
      </c>
      <c r="T11736">
        <v>18</v>
      </c>
      <c r="U11736">
        <v>18</v>
      </c>
      <c r="V11736">
        <v>19</v>
      </c>
      <c r="W11736">
        <v>19</v>
      </c>
      <c r="X11736">
        <v>19</v>
      </c>
      <c r="Y11736">
        <v>19</v>
      </c>
      <c r="Z11736">
        <v>19</v>
      </c>
      <c r="AA11736">
        <v>20</v>
      </c>
      <c r="AB11736">
        <v>20</v>
      </c>
      <c r="AC11736">
        <v>20</v>
      </c>
      <c r="AD11736">
        <v>20</v>
      </c>
      <c r="AE11736">
        <v>20</v>
      </c>
      <c r="AF11736">
        <v>20</v>
      </c>
      <c r="AG11736">
        <v>20</v>
      </c>
      <c r="AH11736">
        <v>20</v>
      </c>
      <c r="AI11736">
        <v>20</v>
      </c>
      <c r="AJ11736">
        <v>20</v>
      </c>
      <c r="AK11736">
        <v>20</v>
      </c>
      <c r="AL11736">
        <v>20</v>
      </c>
      <c r="AM11736">
        <v>19</v>
      </c>
      <c r="AN11736">
        <v>19</v>
      </c>
      <c r="AO11736">
        <v>19</v>
      </c>
      <c r="AP11736">
        <v>19</v>
      </c>
      <c r="AQ11736">
        <v>19</v>
      </c>
    </row>
    <row r="11737" spans="1:43">
      <c r="A11737" t="s">
        <v>7292</v>
      </c>
      <c r="B11737" t="s">
        <v>7293</v>
      </c>
      <c r="C11737" t="s">
        <v>7276</v>
      </c>
      <c r="D11737" t="s">
        <v>7277</v>
      </c>
      <c r="E11737" t="s">
        <v>7278</v>
      </c>
      <c r="F11737" t="s">
        <v>7279</v>
      </c>
      <c r="G11737" t="s">
        <v>80</v>
      </c>
      <c r="H11737" t="s">
        <v>81</v>
      </c>
      <c r="I11737" s="2">
        <v>0</v>
      </c>
      <c r="J11737" s="2">
        <v>1</v>
      </c>
      <c r="K11737" s="2">
        <v>0</v>
      </c>
      <c r="L11737" t="s">
        <v>82</v>
      </c>
      <c r="M11737" t="s">
        <v>83</v>
      </c>
      <c r="N11737" t="s">
        <v>91</v>
      </c>
      <c r="O11737" t="s">
        <v>85</v>
      </c>
      <c r="P11737" t="s">
        <v>86</v>
      </c>
      <c r="Q11737">
        <v>17</v>
      </c>
      <c r="R11737">
        <v>17</v>
      </c>
      <c r="S11737">
        <v>17</v>
      </c>
      <c r="T11737">
        <v>17</v>
      </c>
      <c r="U11737">
        <v>18</v>
      </c>
      <c r="V11737">
        <v>18</v>
      </c>
      <c r="W11737">
        <v>18</v>
      </c>
      <c r="X11737">
        <v>18</v>
      </c>
      <c r="Y11737">
        <v>18</v>
      </c>
      <c r="Z11737">
        <v>18</v>
      </c>
      <c r="AA11737">
        <v>18</v>
      </c>
      <c r="AB11737">
        <v>19</v>
      </c>
      <c r="AC11737">
        <v>19</v>
      </c>
      <c r="AD11737">
        <v>19</v>
      </c>
      <c r="AE11737">
        <v>19</v>
      </c>
      <c r="AF11737">
        <v>19</v>
      </c>
      <c r="AG11737">
        <v>19</v>
      </c>
      <c r="AH11737">
        <v>19</v>
      </c>
      <c r="AI11737">
        <v>19</v>
      </c>
      <c r="AJ11737">
        <v>19</v>
      </c>
      <c r="AK11737">
        <v>19</v>
      </c>
      <c r="AL11737">
        <v>19</v>
      </c>
      <c r="AM11737">
        <v>19</v>
      </c>
      <c r="AN11737">
        <v>19</v>
      </c>
      <c r="AO11737">
        <v>19</v>
      </c>
      <c r="AP11737">
        <v>19</v>
      </c>
      <c r="AQ11737">
        <v>19</v>
      </c>
    </row>
    <row r="11738" spans="1:43">
      <c r="A11738" t="s">
        <v>7294</v>
      </c>
      <c r="B11738" t="s">
        <v>7295</v>
      </c>
      <c r="C11738" t="s">
        <v>7282</v>
      </c>
      <c r="D11738" t="s">
        <v>7283</v>
      </c>
      <c r="E11738" t="s">
        <v>7278</v>
      </c>
      <c r="F11738" t="s">
        <v>7279</v>
      </c>
      <c r="G11738" t="s">
        <v>80</v>
      </c>
      <c r="H11738" t="s">
        <v>81</v>
      </c>
      <c r="I11738" s="2">
        <v>0</v>
      </c>
      <c r="J11738" s="2">
        <v>1</v>
      </c>
      <c r="K11738" s="2">
        <v>0</v>
      </c>
      <c r="L11738" t="s">
        <v>82</v>
      </c>
      <c r="M11738" t="s">
        <v>83</v>
      </c>
      <c r="N11738" t="s">
        <v>84</v>
      </c>
      <c r="O11738" t="s">
        <v>85</v>
      </c>
      <c r="P11738" t="s">
        <v>86</v>
      </c>
      <c r="Q11738">
        <v>17</v>
      </c>
      <c r="R11738">
        <v>17</v>
      </c>
      <c r="S11738">
        <v>18</v>
      </c>
      <c r="T11738">
        <v>18</v>
      </c>
      <c r="U11738">
        <v>18</v>
      </c>
      <c r="V11738">
        <v>18</v>
      </c>
      <c r="W11738">
        <v>18</v>
      </c>
      <c r="X11738">
        <v>18</v>
      </c>
      <c r="Y11738">
        <v>19</v>
      </c>
      <c r="Z11738">
        <v>19</v>
      </c>
      <c r="AA11738">
        <v>19</v>
      </c>
      <c r="AB11738">
        <v>19</v>
      </c>
      <c r="AC11738">
        <v>19</v>
      </c>
      <c r="AD11738">
        <v>19</v>
      </c>
      <c r="AE11738">
        <v>19</v>
      </c>
      <c r="AF11738">
        <v>19</v>
      </c>
      <c r="AG11738">
        <v>20</v>
      </c>
      <c r="AH11738">
        <v>20</v>
      </c>
      <c r="AI11738">
        <v>20</v>
      </c>
      <c r="AJ11738">
        <v>20</v>
      </c>
      <c r="AK11738">
        <v>20</v>
      </c>
      <c r="AL11738">
        <v>20</v>
      </c>
      <c r="AM11738">
        <v>20</v>
      </c>
      <c r="AN11738">
        <v>20</v>
      </c>
      <c r="AO11738">
        <v>20</v>
      </c>
      <c r="AP11738">
        <v>20</v>
      </c>
      <c r="AQ11738">
        <v>19</v>
      </c>
    </row>
    <row r="11739" spans="1:43">
      <c r="A11739" t="s">
        <v>7294</v>
      </c>
      <c r="B11739" t="s">
        <v>7295</v>
      </c>
      <c r="C11739" t="s">
        <v>7282</v>
      </c>
      <c r="D11739" t="s">
        <v>7283</v>
      </c>
      <c r="E11739" t="s">
        <v>7278</v>
      </c>
      <c r="F11739" t="s">
        <v>7279</v>
      </c>
      <c r="G11739" t="s">
        <v>80</v>
      </c>
      <c r="H11739" t="s">
        <v>81</v>
      </c>
      <c r="I11739" s="2">
        <v>0</v>
      </c>
      <c r="J11739" s="2">
        <v>1</v>
      </c>
      <c r="K11739" s="2">
        <v>0</v>
      </c>
      <c r="L11739" t="s">
        <v>82</v>
      </c>
      <c r="M11739" t="s">
        <v>87</v>
      </c>
      <c r="N11739" t="s">
        <v>88</v>
      </c>
      <c r="O11739" t="s">
        <v>85</v>
      </c>
      <c r="P11739" t="s">
        <v>86</v>
      </c>
      <c r="Q11739">
        <v>17</v>
      </c>
      <c r="R11739">
        <v>17</v>
      </c>
      <c r="S11739">
        <v>17</v>
      </c>
      <c r="T11739">
        <v>17</v>
      </c>
      <c r="U11739">
        <v>17</v>
      </c>
      <c r="V11739">
        <v>17</v>
      </c>
      <c r="W11739">
        <v>17</v>
      </c>
      <c r="X11739">
        <v>17</v>
      </c>
      <c r="Y11739">
        <v>17</v>
      </c>
      <c r="Z11739">
        <v>17</v>
      </c>
      <c r="AA11739">
        <v>17</v>
      </c>
      <c r="AB11739">
        <v>17</v>
      </c>
      <c r="AC11739">
        <v>17</v>
      </c>
      <c r="AD11739">
        <v>17</v>
      </c>
      <c r="AE11739">
        <v>17</v>
      </c>
      <c r="AF11739">
        <v>17</v>
      </c>
      <c r="AG11739">
        <v>17</v>
      </c>
      <c r="AH11739">
        <v>17</v>
      </c>
      <c r="AI11739">
        <v>17</v>
      </c>
      <c r="AJ11739">
        <v>17</v>
      </c>
      <c r="AK11739">
        <v>17</v>
      </c>
      <c r="AL11739">
        <v>17</v>
      </c>
      <c r="AM11739">
        <v>17</v>
      </c>
      <c r="AN11739">
        <v>17</v>
      </c>
      <c r="AO11739">
        <v>17</v>
      </c>
      <c r="AP11739">
        <v>17</v>
      </c>
      <c r="AQ11739">
        <v>17</v>
      </c>
    </row>
    <row r="11740" spans="1:43">
      <c r="A11740" t="s">
        <v>7294</v>
      </c>
      <c r="B11740" t="s">
        <v>7295</v>
      </c>
      <c r="C11740" t="s">
        <v>7282</v>
      </c>
      <c r="D11740" t="s">
        <v>7283</v>
      </c>
      <c r="E11740" t="s">
        <v>7278</v>
      </c>
      <c r="F11740" t="s">
        <v>7279</v>
      </c>
      <c r="G11740" t="s">
        <v>80</v>
      </c>
      <c r="H11740" t="s">
        <v>81</v>
      </c>
      <c r="I11740" s="2">
        <v>0</v>
      </c>
      <c r="J11740" s="2">
        <v>1</v>
      </c>
      <c r="K11740" s="2">
        <v>0</v>
      </c>
      <c r="L11740" t="s">
        <v>82</v>
      </c>
      <c r="M11740" t="s">
        <v>89</v>
      </c>
      <c r="N11740" t="s">
        <v>90</v>
      </c>
      <c r="O11740" t="s">
        <v>85</v>
      </c>
      <c r="P11740" t="s">
        <v>86</v>
      </c>
      <c r="Q11740">
        <v>17</v>
      </c>
      <c r="R11740">
        <v>18</v>
      </c>
      <c r="S11740">
        <v>18</v>
      </c>
      <c r="T11740">
        <v>18</v>
      </c>
      <c r="U11740">
        <v>19</v>
      </c>
      <c r="V11740">
        <v>19</v>
      </c>
      <c r="W11740">
        <v>19</v>
      </c>
      <c r="X11740">
        <v>19</v>
      </c>
      <c r="Y11740">
        <v>20</v>
      </c>
      <c r="Z11740">
        <v>20</v>
      </c>
      <c r="AA11740">
        <v>20</v>
      </c>
      <c r="AB11740">
        <v>20</v>
      </c>
      <c r="AC11740">
        <v>20</v>
      </c>
      <c r="AD11740">
        <v>21</v>
      </c>
      <c r="AE11740">
        <v>21</v>
      </c>
      <c r="AF11740">
        <v>21</v>
      </c>
      <c r="AG11740">
        <v>21</v>
      </c>
      <c r="AH11740">
        <v>20</v>
      </c>
      <c r="AI11740">
        <v>20</v>
      </c>
      <c r="AJ11740">
        <v>20</v>
      </c>
      <c r="AK11740">
        <v>20</v>
      </c>
      <c r="AL11740">
        <v>20</v>
      </c>
      <c r="AM11740">
        <v>20</v>
      </c>
      <c r="AN11740">
        <v>20</v>
      </c>
      <c r="AO11740">
        <v>20</v>
      </c>
      <c r="AP11740">
        <v>20</v>
      </c>
      <c r="AQ11740">
        <v>20</v>
      </c>
    </row>
    <row r="11741" spans="1:43">
      <c r="A11741" t="s">
        <v>7294</v>
      </c>
      <c r="B11741" t="s">
        <v>7295</v>
      </c>
      <c r="C11741" t="s">
        <v>7282</v>
      </c>
      <c r="D11741" t="s">
        <v>7283</v>
      </c>
      <c r="E11741" t="s">
        <v>7278</v>
      </c>
      <c r="F11741" t="s">
        <v>7279</v>
      </c>
      <c r="G11741" t="s">
        <v>80</v>
      </c>
      <c r="H11741" t="s">
        <v>81</v>
      </c>
      <c r="I11741" s="2">
        <v>0</v>
      </c>
      <c r="J11741" s="2">
        <v>1</v>
      </c>
      <c r="K11741" s="2">
        <v>0</v>
      </c>
      <c r="L11741" t="s">
        <v>82</v>
      </c>
      <c r="M11741" t="s">
        <v>83</v>
      </c>
      <c r="N11741" t="s">
        <v>91</v>
      </c>
      <c r="O11741" t="s">
        <v>85</v>
      </c>
      <c r="P11741" t="s">
        <v>86</v>
      </c>
      <c r="Q11741">
        <v>17</v>
      </c>
      <c r="R11741">
        <v>17</v>
      </c>
      <c r="S11741">
        <v>18</v>
      </c>
      <c r="T11741">
        <v>18</v>
      </c>
      <c r="U11741">
        <v>18</v>
      </c>
      <c r="V11741">
        <v>18</v>
      </c>
      <c r="W11741">
        <v>18</v>
      </c>
      <c r="X11741">
        <v>18</v>
      </c>
      <c r="Y11741">
        <v>19</v>
      </c>
      <c r="Z11741">
        <v>19</v>
      </c>
      <c r="AA11741">
        <v>19</v>
      </c>
      <c r="AB11741">
        <v>19</v>
      </c>
      <c r="AC11741">
        <v>19</v>
      </c>
      <c r="AD11741">
        <v>19</v>
      </c>
      <c r="AE11741">
        <v>19</v>
      </c>
      <c r="AF11741">
        <v>19</v>
      </c>
      <c r="AG11741">
        <v>20</v>
      </c>
      <c r="AH11741">
        <v>20</v>
      </c>
      <c r="AI11741">
        <v>20</v>
      </c>
      <c r="AJ11741">
        <v>20</v>
      </c>
      <c r="AK11741">
        <v>20</v>
      </c>
      <c r="AL11741">
        <v>20</v>
      </c>
      <c r="AM11741">
        <v>20</v>
      </c>
      <c r="AN11741">
        <v>20</v>
      </c>
      <c r="AO11741">
        <v>20</v>
      </c>
      <c r="AP11741">
        <v>20</v>
      </c>
      <c r="AQ11741">
        <v>19</v>
      </c>
    </row>
    <row r="11742" spans="1:43">
      <c r="A11742" t="s">
        <v>7296</v>
      </c>
      <c r="B11742" t="s">
        <v>7297</v>
      </c>
      <c r="C11742" t="s">
        <v>7282</v>
      </c>
      <c r="D11742" t="s">
        <v>7283</v>
      </c>
      <c r="E11742" t="s">
        <v>7278</v>
      </c>
      <c r="F11742" t="s">
        <v>7279</v>
      </c>
      <c r="G11742" t="s">
        <v>80</v>
      </c>
      <c r="H11742" t="s">
        <v>81</v>
      </c>
      <c r="I11742" s="2">
        <v>0</v>
      </c>
      <c r="J11742" s="2">
        <v>1</v>
      </c>
      <c r="K11742" s="2">
        <v>0</v>
      </c>
      <c r="L11742" t="s">
        <v>82</v>
      </c>
      <c r="M11742" t="s">
        <v>83</v>
      </c>
      <c r="N11742" t="s">
        <v>84</v>
      </c>
      <c r="O11742" t="s">
        <v>85</v>
      </c>
      <c r="P11742" t="s">
        <v>86</v>
      </c>
      <c r="Q11742">
        <v>13</v>
      </c>
      <c r="R11742">
        <v>13</v>
      </c>
      <c r="S11742">
        <v>14</v>
      </c>
      <c r="T11742">
        <v>14</v>
      </c>
      <c r="U11742">
        <v>14</v>
      </c>
      <c r="V11742">
        <v>14</v>
      </c>
      <c r="W11742">
        <v>14</v>
      </c>
      <c r="X11742">
        <v>14</v>
      </c>
      <c r="Y11742">
        <v>14</v>
      </c>
      <c r="Z11742">
        <v>14</v>
      </c>
      <c r="AA11742">
        <v>15</v>
      </c>
      <c r="AB11742">
        <v>15</v>
      </c>
      <c r="AC11742">
        <v>15</v>
      </c>
      <c r="AD11742">
        <v>15</v>
      </c>
      <c r="AE11742">
        <v>15</v>
      </c>
      <c r="AF11742">
        <v>15</v>
      </c>
      <c r="AG11742">
        <v>15</v>
      </c>
      <c r="AH11742">
        <v>15</v>
      </c>
      <c r="AI11742">
        <v>15</v>
      </c>
      <c r="AJ11742">
        <v>16</v>
      </c>
      <c r="AK11742">
        <v>16</v>
      </c>
      <c r="AL11742">
        <v>16</v>
      </c>
      <c r="AM11742">
        <v>16</v>
      </c>
      <c r="AN11742">
        <v>16</v>
      </c>
      <c r="AO11742">
        <v>16</v>
      </c>
      <c r="AP11742">
        <v>16</v>
      </c>
      <c r="AQ11742">
        <v>15</v>
      </c>
    </row>
    <row r="11743" spans="1:43">
      <c r="A11743" t="s">
        <v>7296</v>
      </c>
      <c r="B11743" t="s">
        <v>7297</v>
      </c>
      <c r="C11743" t="s">
        <v>7282</v>
      </c>
      <c r="D11743" t="s">
        <v>7283</v>
      </c>
      <c r="E11743" t="s">
        <v>7278</v>
      </c>
      <c r="F11743" t="s">
        <v>7279</v>
      </c>
      <c r="G11743" t="s">
        <v>80</v>
      </c>
      <c r="H11743" t="s">
        <v>81</v>
      </c>
      <c r="I11743" s="2">
        <v>0</v>
      </c>
      <c r="J11743" s="2">
        <v>1</v>
      </c>
      <c r="K11743" s="2">
        <v>0</v>
      </c>
      <c r="L11743" t="s">
        <v>82</v>
      </c>
      <c r="M11743" t="s">
        <v>87</v>
      </c>
      <c r="N11743" t="s">
        <v>88</v>
      </c>
      <c r="O11743" t="s">
        <v>85</v>
      </c>
      <c r="P11743" t="s">
        <v>86</v>
      </c>
      <c r="Q11743">
        <v>13</v>
      </c>
      <c r="R11743">
        <v>13</v>
      </c>
      <c r="S11743">
        <v>13</v>
      </c>
      <c r="T11743">
        <v>13</v>
      </c>
      <c r="U11743">
        <v>13</v>
      </c>
      <c r="V11743">
        <v>13</v>
      </c>
      <c r="W11743">
        <v>13</v>
      </c>
      <c r="X11743">
        <v>13</v>
      </c>
      <c r="Y11743">
        <v>13</v>
      </c>
      <c r="Z11743">
        <v>13</v>
      </c>
      <c r="AA11743">
        <v>13</v>
      </c>
      <c r="AB11743">
        <v>13</v>
      </c>
      <c r="AC11743">
        <v>13</v>
      </c>
      <c r="AD11743">
        <v>13</v>
      </c>
      <c r="AE11743">
        <v>13</v>
      </c>
      <c r="AF11743">
        <v>13</v>
      </c>
      <c r="AG11743">
        <v>13</v>
      </c>
      <c r="AH11743">
        <v>13</v>
      </c>
      <c r="AI11743">
        <v>13</v>
      </c>
      <c r="AJ11743">
        <v>13</v>
      </c>
      <c r="AK11743">
        <v>13</v>
      </c>
      <c r="AL11743">
        <v>13</v>
      </c>
      <c r="AM11743">
        <v>13</v>
      </c>
      <c r="AN11743">
        <v>13</v>
      </c>
      <c r="AO11743">
        <v>13</v>
      </c>
      <c r="AP11743">
        <v>13</v>
      </c>
      <c r="AQ11743">
        <v>13</v>
      </c>
    </row>
    <row r="11744" spans="1:43">
      <c r="A11744" t="s">
        <v>7296</v>
      </c>
      <c r="B11744" t="s">
        <v>7297</v>
      </c>
      <c r="C11744" t="s">
        <v>7282</v>
      </c>
      <c r="D11744" t="s">
        <v>7283</v>
      </c>
      <c r="E11744" t="s">
        <v>7278</v>
      </c>
      <c r="F11744" t="s">
        <v>7279</v>
      </c>
      <c r="G11744" t="s">
        <v>80</v>
      </c>
      <c r="H11744" t="s">
        <v>81</v>
      </c>
      <c r="I11744" s="2">
        <v>0</v>
      </c>
      <c r="J11744" s="2">
        <v>1</v>
      </c>
      <c r="K11744" s="2">
        <v>0</v>
      </c>
      <c r="L11744" t="s">
        <v>82</v>
      </c>
      <c r="M11744" t="s">
        <v>89</v>
      </c>
      <c r="N11744" t="s">
        <v>90</v>
      </c>
      <c r="O11744" t="s">
        <v>85</v>
      </c>
      <c r="P11744" t="s">
        <v>86</v>
      </c>
      <c r="Q11744">
        <v>13</v>
      </c>
      <c r="R11744">
        <v>14</v>
      </c>
      <c r="S11744">
        <v>14</v>
      </c>
      <c r="T11744">
        <v>14</v>
      </c>
      <c r="U11744">
        <v>14</v>
      </c>
      <c r="V11744">
        <v>15</v>
      </c>
      <c r="W11744">
        <v>15</v>
      </c>
      <c r="X11744">
        <v>15</v>
      </c>
      <c r="Y11744">
        <v>15</v>
      </c>
      <c r="Z11744">
        <v>15</v>
      </c>
      <c r="AA11744">
        <v>16</v>
      </c>
      <c r="AB11744">
        <v>16</v>
      </c>
      <c r="AC11744">
        <v>16</v>
      </c>
      <c r="AD11744">
        <v>16</v>
      </c>
      <c r="AE11744">
        <v>16</v>
      </c>
      <c r="AF11744">
        <v>16</v>
      </c>
      <c r="AG11744">
        <v>16</v>
      </c>
      <c r="AH11744">
        <v>16</v>
      </c>
      <c r="AI11744">
        <v>16</v>
      </c>
      <c r="AJ11744">
        <v>16</v>
      </c>
      <c r="AK11744">
        <v>16</v>
      </c>
      <c r="AL11744">
        <v>16</v>
      </c>
      <c r="AM11744">
        <v>16</v>
      </c>
      <c r="AN11744">
        <v>16</v>
      </c>
      <c r="AO11744">
        <v>16</v>
      </c>
      <c r="AP11744">
        <v>16</v>
      </c>
      <c r="AQ11744">
        <v>16</v>
      </c>
    </row>
    <row r="11745" spans="1:43">
      <c r="A11745" t="s">
        <v>7296</v>
      </c>
      <c r="B11745" t="s">
        <v>7297</v>
      </c>
      <c r="C11745" t="s">
        <v>7282</v>
      </c>
      <c r="D11745" t="s">
        <v>7283</v>
      </c>
      <c r="E11745" t="s">
        <v>7278</v>
      </c>
      <c r="F11745" t="s">
        <v>7279</v>
      </c>
      <c r="G11745" t="s">
        <v>80</v>
      </c>
      <c r="H11745" t="s">
        <v>81</v>
      </c>
      <c r="I11745" s="2">
        <v>0</v>
      </c>
      <c r="J11745" s="2">
        <v>1</v>
      </c>
      <c r="K11745" s="2">
        <v>0</v>
      </c>
      <c r="L11745" t="s">
        <v>82</v>
      </c>
      <c r="M11745" t="s">
        <v>83</v>
      </c>
      <c r="N11745" t="s">
        <v>91</v>
      </c>
      <c r="O11745" t="s">
        <v>85</v>
      </c>
      <c r="P11745" t="s">
        <v>86</v>
      </c>
      <c r="Q11745">
        <v>13</v>
      </c>
      <c r="R11745">
        <v>13</v>
      </c>
      <c r="S11745">
        <v>14</v>
      </c>
      <c r="T11745">
        <v>14</v>
      </c>
      <c r="U11745">
        <v>14</v>
      </c>
      <c r="V11745">
        <v>14</v>
      </c>
      <c r="W11745">
        <v>14</v>
      </c>
      <c r="X11745">
        <v>14</v>
      </c>
      <c r="Y11745">
        <v>14</v>
      </c>
      <c r="Z11745">
        <v>14</v>
      </c>
      <c r="AA11745">
        <v>15</v>
      </c>
      <c r="AB11745">
        <v>15</v>
      </c>
      <c r="AC11745">
        <v>15</v>
      </c>
      <c r="AD11745">
        <v>15</v>
      </c>
      <c r="AE11745">
        <v>15</v>
      </c>
      <c r="AF11745">
        <v>15</v>
      </c>
      <c r="AG11745">
        <v>15</v>
      </c>
      <c r="AH11745">
        <v>15</v>
      </c>
      <c r="AI11745">
        <v>15</v>
      </c>
      <c r="AJ11745">
        <v>16</v>
      </c>
      <c r="AK11745">
        <v>16</v>
      </c>
      <c r="AL11745">
        <v>16</v>
      </c>
      <c r="AM11745">
        <v>16</v>
      </c>
      <c r="AN11745">
        <v>16</v>
      </c>
      <c r="AO11745">
        <v>16</v>
      </c>
      <c r="AP11745">
        <v>16</v>
      </c>
      <c r="AQ11745">
        <v>15</v>
      </c>
    </row>
    <row r="11746" spans="1:43">
      <c r="A11746" t="s">
        <v>7298</v>
      </c>
      <c r="B11746" t="s">
        <v>7299</v>
      </c>
      <c r="C11746" t="s">
        <v>7300</v>
      </c>
      <c r="D11746" t="s">
        <v>7301</v>
      </c>
      <c r="E11746" t="s">
        <v>7278</v>
      </c>
      <c r="F11746" t="s">
        <v>7279</v>
      </c>
      <c r="G11746" t="s">
        <v>80</v>
      </c>
      <c r="H11746" t="s">
        <v>81</v>
      </c>
      <c r="I11746" s="2">
        <v>0</v>
      </c>
      <c r="J11746" s="2">
        <v>1</v>
      </c>
      <c r="K11746" s="2">
        <v>0</v>
      </c>
      <c r="L11746" t="s">
        <v>82</v>
      </c>
      <c r="M11746" t="s">
        <v>83</v>
      </c>
      <c r="N11746" t="s">
        <v>84</v>
      </c>
      <c r="O11746" t="s">
        <v>85</v>
      </c>
      <c r="P11746" t="s">
        <v>86</v>
      </c>
      <c r="Q11746">
        <v>19</v>
      </c>
      <c r="R11746">
        <v>20</v>
      </c>
      <c r="S11746">
        <v>20</v>
      </c>
      <c r="T11746">
        <v>20</v>
      </c>
      <c r="U11746">
        <v>20</v>
      </c>
      <c r="V11746">
        <v>20</v>
      </c>
      <c r="W11746">
        <v>21</v>
      </c>
      <c r="X11746">
        <v>21</v>
      </c>
      <c r="Y11746">
        <v>21</v>
      </c>
      <c r="Z11746">
        <v>21</v>
      </c>
      <c r="AA11746">
        <v>21</v>
      </c>
      <c r="AB11746">
        <v>22</v>
      </c>
      <c r="AC11746">
        <v>22</v>
      </c>
      <c r="AD11746">
        <v>22</v>
      </c>
      <c r="AE11746">
        <v>22</v>
      </c>
      <c r="AF11746">
        <v>22</v>
      </c>
      <c r="AG11746">
        <v>22</v>
      </c>
      <c r="AH11746">
        <v>23</v>
      </c>
      <c r="AI11746">
        <v>23</v>
      </c>
      <c r="AJ11746">
        <v>23</v>
      </c>
      <c r="AK11746">
        <v>23</v>
      </c>
      <c r="AL11746">
        <v>23</v>
      </c>
      <c r="AM11746">
        <v>23</v>
      </c>
      <c r="AN11746">
        <v>23</v>
      </c>
      <c r="AO11746">
        <v>23</v>
      </c>
      <c r="AP11746">
        <v>23</v>
      </c>
      <c r="AQ11746">
        <v>23</v>
      </c>
    </row>
    <row r="11747" spans="1:43">
      <c r="A11747" t="s">
        <v>7298</v>
      </c>
      <c r="B11747" t="s">
        <v>7299</v>
      </c>
      <c r="C11747" t="s">
        <v>7300</v>
      </c>
      <c r="D11747" t="s">
        <v>7301</v>
      </c>
      <c r="E11747" t="s">
        <v>7278</v>
      </c>
      <c r="F11747" t="s">
        <v>7279</v>
      </c>
      <c r="G11747" t="s">
        <v>80</v>
      </c>
      <c r="H11747" t="s">
        <v>81</v>
      </c>
      <c r="I11747" s="2">
        <v>0</v>
      </c>
      <c r="J11747" s="2">
        <v>1</v>
      </c>
      <c r="K11747" s="2">
        <v>0</v>
      </c>
      <c r="L11747" t="s">
        <v>82</v>
      </c>
      <c r="M11747" t="s">
        <v>87</v>
      </c>
      <c r="N11747" t="s">
        <v>88</v>
      </c>
      <c r="O11747" t="s">
        <v>85</v>
      </c>
      <c r="P11747" t="s">
        <v>86</v>
      </c>
      <c r="Q11747">
        <v>19</v>
      </c>
      <c r="R11747">
        <v>19</v>
      </c>
      <c r="S11747">
        <v>19</v>
      </c>
      <c r="T11747">
        <v>19</v>
      </c>
      <c r="U11747">
        <v>19</v>
      </c>
      <c r="V11747">
        <v>19</v>
      </c>
      <c r="W11747">
        <v>19</v>
      </c>
      <c r="X11747">
        <v>19</v>
      </c>
      <c r="Y11747">
        <v>19</v>
      </c>
      <c r="Z11747">
        <v>19</v>
      </c>
      <c r="AA11747">
        <v>20</v>
      </c>
      <c r="AB11747">
        <v>20</v>
      </c>
      <c r="AC11747">
        <v>20</v>
      </c>
      <c r="AD11747">
        <v>20</v>
      </c>
      <c r="AE11747">
        <v>20</v>
      </c>
      <c r="AF11747">
        <v>20</v>
      </c>
      <c r="AG11747">
        <v>20</v>
      </c>
      <c r="AH11747">
        <v>20</v>
      </c>
      <c r="AI11747">
        <v>20</v>
      </c>
      <c r="AJ11747">
        <v>20</v>
      </c>
      <c r="AK11747">
        <v>20</v>
      </c>
      <c r="AL11747">
        <v>20</v>
      </c>
      <c r="AM11747">
        <v>20</v>
      </c>
      <c r="AN11747">
        <v>20</v>
      </c>
      <c r="AO11747">
        <v>20</v>
      </c>
      <c r="AP11747">
        <v>20</v>
      </c>
      <c r="AQ11747">
        <v>20</v>
      </c>
    </row>
    <row r="11748" spans="1:43">
      <c r="A11748" t="s">
        <v>7298</v>
      </c>
      <c r="B11748" t="s">
        <v>7299</v>
      </c>
      <c r="C11748" t="s">
        <v>7300</v>
      </c>
      <c r="D11748" t="s">
        <v>7301</v>
      </c>
      <c r="E11748" t="s">
        <v>7278</v>
      </c>
      <c r="F11748" t="s">
        <v>7279</v>
      </c>
      <c r="G11748" t="s">
        <v>80</v>
      </c>
      <c r="H11748" t="s">
        <v>81</v>
      </c>
      <c r="I11748" s="2">
        <v>0</v>
      </c>
      <c r="J11748" s="2">
        <v>1</v>
      </c>
      <c r="K11748" s="2">
        <v>0</v>
      </c>
      <c r="L11748" t="s">
        <v>82</v>
      </c>
      <c r="M11748" t="s">
        <v>89</v>
      </c>
      <c r="N11748" t="s">
        <v>90</v>
      </c>
      <c r="O11748" t="s">
        <v>85</v>
      </c>
      <c r="P11748" t="s">
        <v>86</v>
      </c>
      <c r="Q11748">
        <v>19</v>
      </c>
      <c r="R11748">
        <v>19</v>
      </c>
      <c r="S11748">
        <v>19</v>
      </c>
      <c r="T11748">
        <v>20</v>
      </c>
      <c r="U11748">
        <v>20</v>
      </c>
      <c r="V11748">
        <v>20</v>
      </c>
      <c r="W11748">
        <v>21</v>
      </c>
      <c r="X11748">
        <v>21</v>
      </c>
      <c r="Y11748">
        <v>21</v>
      </c>
      <c r="Z11748">
        <v>22</v>
      </c>
      <c r="AA11748">
        <v>22</v>
      </c>
      <c r="AB11748">
        <v>22</v>
      </c>
      <c r="AC11748">
        <v>22</v>
      </c>
      <c r="AD11748">
        <v>23</v>
      </c>
      <c r="AE11748">
        <v>23</v>
      </c>
      <c r="AF11748">
        <v>23</v>
      </c>
      <c r="AG11748">
        <v>23</v>
      </c>
      <c r="AH11748">
        <v>23</v>
      </c>
      <c r="AI11748">
        <v>23</v>
      </c>
      <c r="AJ11748">
        <v>23</v>
      </c>
      <c r="AK11748">
        <v>23</v>
      </c>
      <c r="AL11748">
        <v>23</v>
      </c>
      <c r="AM11748">
        <v>23</v>
      </c>
      <c r="AN11748">
        <v>23</v>
      </c>
      <c r="AO11748">
        <v>23</v>
      </c>
      <c r="AP11748">
        <v>22</v>
      </c>
      <c r="AQ11748">
        <v>22</v>
      </c>
    </row>
    <row r="11749" spans="1:43">
      <c r="A11749" t="s">
        <v>7298</v>
      </c>
      <c r="B11749" t="s">
        <v>7299</v>
      </c>
      <c r="C11749" t="s">
        <v>7300</v>
      </c>
      <c r="D11749" t="s">
        <v>7301</v>
      </c>
      <c r="E11749" t="s">
        <v>7278</v>
      </c>
      <c r="F11749" t="s">
        <v>7279</v>
      </c>
      <c r="G11749" t="s">
        <v>80</v>
      </c>
      <c r="H11749" t="s">
        <v>81</v>
      </c>
      <c r="I11749" s="2">
        <v>0</v>
      </c>
      <c r="J11749" s="2">
        <v>1</v>
      </c>
      <c r="K11749" s="2">
        <v>0</v>
      </c>
      <c r="L11749" t="s">
        <v>82</v>
      </c>
      <c r="M11749" t="s">
        <v>83</v>
      </c>
      <c r="N11749" t="s">
        <v>91</v>
      </c>
      <c r="O11749" t="s">
        <v>85</v>
      </c>
      <c r="P11749" t="s">
        <v>86</v>
      </c>
      <c r="Q11749">
        <v>19</v>
      </c>
      <c r="R11749">
        <v>20</v>
      </c>
      <c r="S11749">
        <v>20</v>
      </c>
      <c r="T11749">
        <v>20</v>
      </c>
      <c r="U11749">
        <v>20</v>
      </c>
      <c r="V11749">
        <v>20</v>
      </c>
      <c r="W11749">
        <v>21</v>
      </c>
      <c r="X11749">
        <v>21</v>
      </c>
      <c r="Y11749">
        <v>21</v>
      </c>
      <c r="Z11749">
        <v>21</v>
      </c>
      <c r="AA11749">
        <v>21</v>
      </c>
      <c r="AB11749">
        <v>22</v>
      </c>
      <c r="AC11749">
        <v>22</v>
      </c>
      <c r="AD11749">
        <v>22</v>
      </c>
      <c r="AE11749">
        <v>22</v>
      </c>
      <c r="AF11749">
        <v>22</v>
      </c>
      <c r="AG11749">
        <v>22</v>
      </c>
      <c r="AH11749">
        <v>23</v>
      </c>
      <c r="AI11749">
        <v>23</v>
      </c>
      <c r="AJ11749">
        <v>23</v>
      </c>
      <c r="AK11749">
        <v>23</v>
      </c>
      <c r="AL11749">
        <v>23</v>
      </c>
      <c r="AM11749">
        <v>23</v>
      </c>
      <c r="AN11749">
        <v>23</v>
      </c>
      <c r="AO11749">
        <v>23</v>
      </c>
      <c r="AP11749">
        <v>23</v>
      </c>
      <c r="AQ11749">
        <v>23</v>
      </c>
    </row>
    <row r="11750" spans="1:43">
      <c r="A11750" t="s">
        <v>7302</v>
      </c>
      <c r="B11750" t="s">
        <v>7303</v>
      </c>
      <c r="C11750" t="s">
        <v>7300</v>
      </c>
      <c r="D11750" t="s">
        <v>7301</v>
      </c>
      <c r="E11750" t="s">
        <v>7278</v>
      </c>
      <c r="F11750" t="s">
        <v>7279</v>
      </c>
      <c r="G11750" t="s">
        <v>80</v>
      </c>
      <c r="H11750" t="s">
        <v>81</v>
      </c>
      <c r="I11750" s="2">
        <v>0</v>
      </c>
      <c r="J11750" s="2">
        <v>1</v>
      </c>
      <c r="K11750" s="2">
        <v>0</v>
      </c>
      <c r="L11750" t="s">
        <v>82</v>
      </c>
      <c r="M11750" t="s">
        <v>83</v>
      </c>
      <c r="N11750" t="s">
        <v>84</v>
      </c>
      <c r="O11750" t="s">
        <v>85</v>
      </c>
      <c r="P11750" t="s">
        <v>86</v>
      </c>
      <c r="Q11750">
        <v>29</v>
      </c>
      <c r="R11750">
        <v>29</v>
      </c>
      <c r="S11750">
        <v>30</v>
      </c>
      <c r="T11750">
        <v>30</v>
      </c>
      <c r="U11750">
        <v>30</v>
      </c>
      <c r="V11750">
        <v>31</v>
      </c>
      <c r="W11750">
        <v>31</v>
      </c>
      <c r="X11750">
        <v>31</v>
      </c>
      <c r="Y11750">
        <v>31</v>
      </c>
      <c r="Z11750">
        <v>32</v>
      </c>
      <c r="AA11750">
        <v>32</v>
      </c>
      <c r="AB11750">
        <v>32</v>
      </c>
      <c r="AC11750">
        <v>33</v>
      </c>
      <c r="AD11750">
        <v>33</v>
      </c>
      <c r="AE11750">
        <v>33</v>
      </c>
      <c r="AF11750">
        <v>33</v>
      </c>
      <c r="AG11750">
        <v>34</v>
      </c>
      <c r="AH11750">
        <v>34</v>
      </c>
      <c r="AI11750">
        <v>34</v>
      </c>
      <c r="AJ11750">
        <v>34</v>
      </c>
      <c r="AK11750">
        <v>35</v>
      </c>
      <c r="AL11750">
        <v>35</v>
      </c>
      <c r="AM11750">
        <v>35</v>
      </c>
      <c r="AN11750">
        <v>35</v>
      </c>
      <c r="AO11750">
        <v>35</v>
      </c>
      <c r="AP11750">
        <v>35</v>
      </c>
      <c r="AQ11750">
        <v>35</v>
      </c>
    </row>
    <row r="11751" spans="1:43">
      <c r="A11751" t="s">
        <v>7302</v>
      </c>
      <c r="B11751" t="s">
        <v>7303</v>
      </c>
      <c r="C11751" t="s">
        <v>7300</v>
      </c>
      <c r="D11751" t="s">
        <v>7301</v>
      </c>
      <c r="E11751" t="s">
        <v>7278</v>
      </c>
      <c r="F11751" t="s">
        <v>7279</v>
      </c>
      <c r="G11751" t="s">
        <v>80</v>
      </c>
      <c r="H11751" t="s">
        <v>81</v>
      </c>
      <c r="I11751" s="2">
        <v>0</v>
      </c>
      <c r="J11751" s="2">
        <v>1</v>
      </c>
      <c r="K11751" s="2">
        <v>0</v>
      </c>
      <c r="L11751" t="s">
        <v>82</v>
      </c>
      <c r="M11751" t="s">
        <v>87</v>
      </c>
      <c r="N11751" t="s">
        <v>88</v>
      </c>
      <c r="O11751" t="s">
        <v>85</v>
      </c>
      <c r="P11751" t="s">
        <v>86</v>
      </c>
      <c r="Q11751">
        <v>29</v>
      </c>
      <c r="R11751">
        <v>29</v>
      </c>
      <c r="S11751">
        <v>29</v>
      </c>
      <c r="T11751">
        <v>29</v>
      </c>
      <c r="U11751">
        <v>29</v>
      </c>
      <c r="V11751">
        <v>29</v>
      </c>
      <c r="W11751">
        <v>29</v>
      </c>
      <c r="X11751">
        <v>29</v>
      </c>
      <c r="Y11751">
        <v>29</v>
      </c>
      <c r="Z11751">
        <v>29</v>
      </c>
      <c r="AA11751">
        <v>29</v>
      </c>
      <c r="AB11751">
        <v>29</v>
      </c>
      <c r="AC11751">
        <v>29</v>
      </c>
      <c r="AD11751">
        <v>29</v>
      </c>
      <c r="AE11751">
        <v>29</v>
      </c>
      <c r="AF11751">
        <v>29</v>
      </c>
      <c r="AG11751">
        <v>29</v>
      </c>
      <c r="AH11751">
        <v>29</v>
      </c>
      <c r="AI11751">
        <v>29</v>
      </c>
      <c r="AJ11751">
        <v>29</v>
      </c>
      <c r="AK11751">
        <v>30</v>
      </c>
      <c r="AL11751">
        <v>30</v>
      </c>
      <c r="AM11751">
        <v>30</v>
      </c>
      <c r="AN11751">
        <v>30</v>
      </c>
      <c r="AO11751">
        <v>30</v>
      </c>
      <c r="AP11751">
        <v>30</v>
      </c>
      <c r="AQ11751">
        <v>30</v>
      </c>
    </row>
    <row r="11752" spans="1:43">
      <c r="A11752" t="s">
        <v>7302</v>
      </c>
      <c r="B11752" t="s">
        <v>7303</v>
      </c>
      <c r="C11752" t="s">
        <v>7300</v>
      </c>
      <c r="D11752" t="s">
        <v>7301</v>
      </c>
      <c r="E11752" t="s">
        <v>7278</v>
      </c>
      <c r="F11752" t="s">
        <v>7279</v>
      </c>
      <c r="G11752" t="s">
        <v>80</v>
      </c>
      <c r="H11752" t="s">
        <v>81</v>
      </c>
      <c r="I11752" s="2">
        <v>0</v>
      </c>
      <c r="J11752" s="2">
        <v>1</v>
      </c>
      <c r="K11752" s="2">
        <v>0</v>
      </c>
      <c r="L11752" t="s">
        <v>82</v>
      </c>
      <c r="M11752" t="s">
        <v>89</v>
      </c>
      <c r="N11752" t="s">
        <v>90</v>
      </c>
      <c r="O11752" t="s">
        <v>85</v>
      </c>
      <c r="P11752" t="s">
        <v>86</v>
      </c>
      <c r="Q11752">
        <v>29</v>
      </c>
      <c r="R11752">
        <v>30</v>
      </c>
      <c r="S11752">
        <v>30</v>
      </c>
      <c r="T11752">
        <v>31</v>
      </c>
      <c r="U11752">
        <v>31</v>
      </c>
      <c r="V11752">
        <v>32</v>
      </c>
      <c r="W11752">
        <v>32</v>
      </c>
      <c r="X11752">
        <v>33</v>
      </c>
      <c r="Y11752">
        <v>33</v>
      </c>
      <c r="Z11752">
        <v>34</v>
      </c>
      <c r="AA11752">
        <v>34</v>
      </c>
      <c r="AB11752">
        <v>35</v>
      </c>
      <c r="AC11752">
        <v>35</v>
      </c>
      <c r="AD11752">
        <v>35</v>
      </c>
      <c r="AE11752">
        <v>36</v>
      </c>
      <c r="AF11752">
        <v>36</v>
      </c>
      <c r="AG11752">
        <v>36</v>
      </c>
      <c r="AH11752">
        <v>35</v>
      </c>
      <c r="AI11752">
        <v>35</v>
      </c>
      <c r="AJ11752">
        <v>35</v>
      </c>
      <c r="AK11752">
        <v>35</v>
      </c>
      <c r="AL11752">
        <v>35</v>
      </c>
      <c r="AM11752">
        <v>35</v>
      </c>
      <c r="AN11752">
        <v>35</v>
      </c>
      <c r="AO11752">
        <v>35</v>
      </c>
      <c r="AP11752">
        <v>35</v>
      </c>
      <c r="AQ11752">
        <v>35</v>
      </c>
    </row>
    <row r="11753" spans="1:43">
      <c r="A11753" t="s">
        <v>7302</v>
      </c>
      <c r="B11753" t="s">
        <v>7303</v>
      </c>
      <c r="C11753" t="s">
        <v>7300</v>
      </c>
      <c r="D11753" t="s">
        <v>7301</v>
      </c>
      <c r="E11753" t="s">
        <v>7278</v>
      </c>
      <c r="F11753" t="s">
        <v>7279</v>
      </c>
      <c r="G11753" t="s">
        <v>80</v>
      </c>
      <c r="H11753" t="s">
        <v>81</v>
      </c>
      <c r="I11753" s="2">
        <v>0</v>
      </c>
      <c r="J11753" s="2">
        <v>1</v>
      </c>
      <c r="K11753" s="2">
        <v>0</v>
      </c>
      <c r="L11753" t="s">
        <v>82</v>
      </c>
      <c r="M11753" t="s">
        <v>83</v>
      </c>
      <c r="N11753" t="s">
        <v>91</v>
      </c>
      <c r="O11753" t="s">
        <v>85</v>
      </c>
      <c r="P11753" t="s">
        <v>86</v>
      </c>
      <c r="Q11753">
        <v>29</v>
      </c>
      <c r="R11753">
        <v>29</v>
      </c>
      <c r="S11753">
        <v>30</v>
      </c>
      <c r="T11753">
        <v>30</v>
      </c>
      <c r="U11753">
        <v>30</v>
      </c>
      <c r="V11753">
        <v>31</v>
      </c>
      <c r="W11753">
        <v>31</v>
      </c>
      <c r="X11753">
        <v>31</v>
      </c>
      <c r="Y11753">
        <v>31</v>
      </c>
      <c r="Z11753">
        <v>32</v>
      </c>
      <c r="AA11753">
        <v>32</v>
      </c>
      <c r="AB11753">
        <v>32</v>
      </c>
      <c r="AC11753">
        <v>33</v>
      </c>
      <c r="AD11753">
        <v>33</v>
      </c>
      <c r="AE11753">
        <v>33</v>
      </c>
      <c r="AF11753">
        <v>33</v>
      </c>
      <c r="AG11753">
        <v>34</v>
      </c>
      <c r="AH11753">
        <v>34</v>
      </c>
      <c r="AI11753">
        <v>34</v>
      </c>
      <c r="AJ11753">
        <v>34</v>
      </c>
      <c r="AK11753">
        <v>35</v>
      </c>
      <c r="AL11753">
        <v>35</v>
      </c>
      <c r="AM11753">
        <v>35</v>
      </c>
      <c r="AN11753">
        <v>35</v>
      </c>
      <c r="AO11753">
        <v>35</v>
      </c>
      <c r="AP11753">
        <v>35</v>
      </c>
      <c r="AQ11753">
        <v>35</v>
      </c>
    </row>
    <row r="11754" spans="1:43">
      <c r="A11754" t="s">
        <v>7304</v>
      </c>
      <c r="B11754" t="s">
        <v>7305</v>
      </c>
      <c r="C11754" t="s">
        <v>7300</v>
      </c>
      <c r="D11754" t="s">
        <v>7301</v>
      </c>
      <c r="E11754" t="s">
        <v>7278</v>
      </c>
      <c r="F11754" t="s">
        <v>7279</v>
      </c>
      <c r="G11754" t="s">
        <v>80</v>
      </c>
      <c r="H11754" t="s">
        <v>81</v>
      </c>
      <c r="I11754" s="2">
        <v>0</v>
      </c>
      <c r="J11754" s="2">
        <v>1</v>
      </c>
      <c r="K11754" s="2">
        <v>0</v>
      </c>
      <c r="L11754" t="s">
        <v>82</v>
      </c>
      <c r="M11754" t="s">
        <v>83</v>
      </c>
      <c r="N11754" t="s">
        <v>84</v>
      </c>
      <c r="O11754" t="s">
        <v>85</v>
      </c>
      <c r="P11754" t="s">
        <v>86</v>
      </c>
      <c r="Q11754">
        <v>11</v>
      </c>
      <c r="R11754">
        <v>12</v>
      </c>
      <c r="S11754">
        <v>12</v>
      </c>
      <c r="T11754">
        <v>12</v>
      </c>
      <c r="U11754">
        <v>12</v>
      </c>
      <c r="V11754">
        <v>12</v>
      </c>
      <c r="W11754">
        <v>12</v>
      </c>
      <c r="X11754">
        <v>12</v>
      </c>
      <c r="Y11754">
        <v>12</v>
      </c>
      <c r="Z11754">
        <v>13</v>
      </c>
      <c r="AA11754">
        <v>13</v>
      </c>
      <c r="AB11754">
        <v>13</v>
      </c>
      <c r="AC11754">
        <v>13</v>
      </c>
      <c r="AD11754">
        <v>13</v>
      </c>
      <c r="AE11754">
        <v>13</v>
      </c>
      <c r="AF11754">
        <v>13</v>
      </c>
      <c r="AG11754">
        <v>13</v>
      </c>
      <c r="AH11754">
        <v>13</v>
      </c>
      <c r="AI11754">
        <v>14</v>
      </c>
      <c r="AJ11754">
        <v>14</v>
      </c>
      <c r="AK11754">
        <v>14</v>
      </c>
      <c r="AL11754">
        <v>14</v>
      </c>
      <c r="AM11754">
        <v>14</v>
      </c>
      <c r="AN11754">
        <v>14</v>
      </c>
      <c r="AO11754">
        <v>14</v>
      </c>
      <c r="AP11754">
        <v>14</v>
      </c>
      <c r="AQ11754">
        <v>14</v>
      </c>
    </row>
    <row r="11755" spans="1:43">
      <c r="A11755" t="s">
        <v>7304</v>
      </c>
      <c r="B11755" t="s">
        <v>7305</v>
      </c>
      <c r="C11755" t="s">
        <v>7300</v>
      </c>
      <c r="D11755" t="s">
        <v>7301</v>
      </c>
      <c r="E11755" t="s">
        <v>7278</v>
      </c>
      <c r="F11755" t="s">
        <v>7279</v>
      </c>
      <c r="G11755" t="s">
        <v>80</v>
      </c>
      <c r="H11755" t="s">
        <v>81</v>
      </c>
      <c r="I11755" s="2">
        <v>0</v>
      </c>
      <c r="J11755" s="2">
        <v>1</v>
      </c>
      <c r="K11755" s="2">
        <v>0</v>
      </c>
      <c r="L11755" t="s">
        <v>82</v>
      </c>
      <c r="M11755" t="s">
        <v>87</v>
      </c>
      <c r="N11755" t="s">
        <v>88</v>
      </c>
      <c r="O11755" t="s">
        <v>85</v>
      </c>
      <c r="P11755" t="s">
        <v>86</v>
      </c>
      <c r="Q11755">
        <v>11</v>
      </c>
      <c r="R11755">
        <v>11</v>
      </c>
      <c r="S11755">
        <v>11</v>
      </c>
      <c r="T11755">
        <v>11</v>
      </c>
      <c r="U11755">
        <v>11</v>
      </c>
      <c r="V11755">
        <v>11</v>
      </c>
      <c r="W11755">
        <v>12</v>
      </c>
      <c r="X11755">
        <v>12</v>
      </c>
      <c r="Y11755">
        <v>12</v>
      </c>
      <c r="Z11755">
        <v>12</v>
      </c>
      <c r="AA11755">
        <v>12</v>
      </c>
      <c r="AB11755">
        <v>12</v>
      </c>
      <c r="AC11755">
        <v>12</v>
      </c>
      <c r="AD11755">
        <v>12</v>
      </c>
      <c r="AE11755">
        <v>12</v>
      </c>
      <c r="AF11755">
        <v>12</v>
      </c>
      <c r="AG11755">
        <v>12</v>
      </c>
      <c r="AH11755">
        <v>12</v>
      </c>
      <c r="AI11755">
        <v>12</v>
      </c>
      <c r="AJ11755">
        <v>12</v>
      </c>
      <c r="AK11755">
        <v>12</v>
      </c>
      <c r="AL11755">
        <v>12</v>
      </c>
      <c r="AM11755">
        <v>12</v>
      </c>
      <c r="AN11755">
        <v>12</v>
      </c>
      <c r="AO11755">
        <v>12</v>
      </c>
      <c r="AP11755">
        <v>12</v>
      </c>
      <c r="AQ11755">
        <v>12</v>
      </c>
    </row>
    <row r="11756" spans="1:43">
      <c r="A11756" t="s">
        <v>7304</v>
      </c>
      <c r="B11756" t="s">
        <v>7305</v>
      </c>
      <c r="C11756" t="s">
        <v>7300</v>
      </c>
      <c r="D11756" t="s">
        <v>7301</v>
      </c>
      <c r="E11756" t="s">
        <v>7278</v>
      </c>
      <c r="F11756" t="s">
        <v>7279</v>
      </c>
      <c r="G11756" t="s">
        <v>80</v>
      </c>
      <c r="H11756" t="s">
        <v>81</v>
      </c>
      <c r="I11756" s="2">
        <v>0</v>
      </c>
      <c r="J11756" s="2">
        <v>1</v>
      </c>
      <c r="K11756" s="2">
        <v>0</v>
      </c>
      <c r="L11756" t="s">
        <v>82</v>
      </c>
      <c r="M11756" t="s">
        <v>89</v>
      </c>
      <c r="N11756" t="s">
        <v>90</v>
      </c>
      <c r="O11756" t="s">
        <v>85</v>
      </c>
      <c r="P11756" t="s">
        <v>86</v>
      </c>
      <c r="Q11756">
        <v>11</v>
      </c>
      <c r="R11756">
        <v>11</v>
      </c>
      <c r="S11756">
        <v>11</v>
      </c>
      <c r="T11756">
        <v>11</v>
      </c>
      <c r="U11756">
        <v>11</v>
      </c>
      <c r="V11756">
        <v>12</v>
      </c>
      <c r="W11756">
        <v>12</v>
      </c>
      <c r="X11756">
        <v>12</v>
      </c>
      <c r="Y11756">
        <v>12</v>
      </c>
      <c r="Z11756">
        <v>12</v>
      </c>
      <c r="AA11756">
        <v>13</v>
      </c>
      <c r="AB11756">
        <v>13</v>
      </c>
      <c r="AC11756">
        <v>13</v>
      </c>
      <c r="AD11756">
        <v>13</v>
      </c>
      <c r="AE11756">
        <v>13</v>
      </c>
      <c r="AF11756">
        <v>13</v>
      </c>
      <c r="AG11756">
        <v>13</v>
      </c>
      <c r="AH11756">
        <v>13</v>
      </c>
      <c r="AI11756">
        <v>13</v>
      </c>
      <c r="AJ11756">
        <v>13</v>
      </c>
      <c r="AK11756">
        <v>13</v>
      </c>
      <c r="AL11756">
        <v>13</v>
      </c>
      <c r="AM11756">
        <v>13</v>
      </c>
      <c r="AN11756">
        <v>13</v>
      </c>
      <c r="AO11756">
        <v>13</v>
      </c>
      <c r="AP11756">
        <v>13</v>
      </c>
      <c r="AQ11756">
        <v>13</v>
      </c>
    </row>
    <row r="11757" spans="1:43">
      <c r="A11757" t="s">
        <v>7304</v>
      </c>
      <c r="B11757" t="s">
        <v>7305</v>
      </c>
      <c r="C11757" t="s">
        <v>7300</v>
      </c>
      <c r="D11757" t="s">
        <v>7301</v>
      </c>
      <c r="E11757" t="s">
        <v>7278</v>
      </c>
      <c r="F11757" t="s">
        <v>7279</v>
      </c>
      <c r="G11757" t="s">
        <v>80</v>
      </c>
      <c r="H11757" t="s">
        <v>81</v>
      </c>
      <c r="I11757" s="2">
        <v>0</v>
      </c>
      <c r="J11757" s="2">
        <v>1</v>
      </c>
      <c r="K11757" s="2">
        <v>0</v>
      </c>
      <c r="L11757" t="s">
        <v>82</v>
      </c>
      <c r="M11757" t="s">
        <v>83</v>
      </c>
      <c r="N11757" t="s">
        <v>91</v>
      </c>
      <c r="O11757" t="s">
        <v>85</v>
      </c>
      <c r="P11757" t="s">
        <v>86</v>
      </c>
      <c r="Q11757">
        <v>11</v>
      </c>
      <c r="R11757">
        <v>12</v>
      </c>
      <c r="S11757">
        <v>12</v>
      </c>
      <c r="T11757">
        <v>12</v>
      </c>
      <c r="U11757">
        <v>12</v>
      </c>
      <c r="V11757">
        <v>12</v>
      </c>
      <c r="W11757">
        <v>12</v>
      </c>
      <c r="X11757">
        <v>12</v>
      </c>
      <c r="Y11757">
        <v>12</v>
      </c>
      <c r="Z11757">
        <v>13</v>
      </c>
      <c r="AA11757">
        <v>13</v>
      </c>
      <c r="AB11757">
        <v>13</v>
      </c>
      <c r="AC11757">
        <v>13</v>
      </c>
      <c r="AD11757">
        <v>13</v>
      </c>
      <c r="AE11757">
        <v>13</v>
      </c>
      <c r="AF11757">
        <v>13</v>
      </c>
      <c r="AG11757">
        <v>13</v>
      </c>
      <c r="AH11757">
        <v>13</v>
      </c>
      <c r="AI11757">
        <v>14</v>
      </c>
      <c r="AJ11757">
        <v>14</v>
      </c>
      <c r="AK11757">
        <v>14</v>
      </c>
      <c r="AL11757">
        <v>14</v>
      </c>
      <c r="AM11757">
        <v>14</v>
      </c>
      <c r="AN11757">
        <v>14</v>
      </c>
      <c r="AO11757">
        <v>14</v>
      </c>
      <c r="AP11757">
        <v>14</v>
      </c>
      <c r="AQ11757">
        <v>14</v>
      </c>
    </row>
    <row r="11758" spans="1:43">
      <c r="A11758" t="s">
        <v>7306</v>
      </c>
      <c r="B11758" t="s">
        <v>7307</v>
      </c>
      <c r="C11758" t="s">
        <v>7308</v>
      </c>
      <c r="D11758" t="s">
        <v>7309</v>
      </c>
      <c r="E11758" t="s">
        <v>7278</v>
      </c>
      <c r="F11758" t="s">
        <v>7279</v>
      </c>
      <c r="G11758" t="s">
        <v>80</v>
      </c>
      <c r="H11758" t="s">
        <v>81</v>
      </c>
      <c r="I11758" s="2">
        <v>0</v>
      </c>
      <c r="J11758" s="2">
        <v>1</v>
      </c>
      <c r="K11758" s="2">
        <v>0</v>
      </c>
      <c r="L11758" t="s">
        <v>82</v>
      </c>
      <c r="M11758" t="s">
        <v>83</v>
      </c>
      <c r="N11758" t="s">
        <v>84</v>
      </c>
      <c r="O11758" t="s">
        <v>85</v>
      </c>
      <c r="P11758" t="s">
        <v>86</v>
      </c>
      <c r="Q11758">
        <v>53</v>
      </c>
      <c r="R11758">
        <v>53</v>
      </c>
      <c r="S11758">
        <v>54</v>
      </c>
      <c r="T11758">
        <v>55</v>
      </c>
      <c r="U11758">
        <v>55</v>
      </c>
      <c r="V11758">
        <v>56</v>
      </c>
      <c r="W11758">
        <v>57</v>
      </c>
      <c r="X11758">
        <v>57</v>
      </c>
      <c r="Y11758">
        <v>58</v>
      </c>
      <c r="Z11758">
        <v>58</v>
      </c>
      <c r="AA11758">
        <v>59</v>
      </c>
      <c r="AB11758">
        <v>59</v>
      </c>
      <c r="AC11758">
        <v>60</v>
      </c>
      <c r="AD11758">
        <v>60</v>
      </c>
      <c r="AE11758">
        <v>61</v>
      </c>
      <c r="AF11758">
        <v>61</v>
      </c>
      <c r="AG11758">
        <v>62</v>
      </c>
      <c r="AH11758">
        <v>62</v>
      </c>
      <c r="AI11758">
        <v>63</v>
      </c>
      <c r="AJ11758">
        <v>63</v>
      </c>
      <c r="AK11758">
        <v>64</v>
      </c>
      <c r="AL11758">
        <v>64</v>
      </c>
      <c r="AM11758">
        <v>64</v>
      </c>
      <c r="AN11758">
        <v>64</v>
      </c>
      <c r="AO11758">
        <v>64</v>
      </c>
      <c r="AP11758">
        <v>64</v>
      </c>
      <c r="AQ11758">
        <v>64</v>
      </c>
    </row>
    <row r="11759" spans="1:43">
      <c r="A11759" t="s">
        <v>7306</v>
      </c>
      <c r="B11759" t="s">
        <v>7307</v>
      </c>
      <c r="C11759" t="s">
        <v>7308</v>
      </c>
      <c r="D11759" t="s">
        <v>7309</v>
      </c>
      <c r="E11759" t="s">
        <v>7278</v>
      </c>
      <c r="F11759" t="s">
        <v>7279</v>
      </c>
      <c r="G11759" t="s">
        <v>80</v>
      </c>
      <c r="H11759" t="s">
        <v>81</v>
      </c>
      <c r="I11759" s="2">
        <v>0</v>
      </c>
      <c r="J11759" s="2">
        <v>1</v>
      </c>
      <c r="K11759" s="2">
        <v>0</v>
      </c>
      <c r="L11759" t="s">
        <v>82</v>
      </c>
      <c r="M11759" t="s">
        <v>87</v>
      </c>
      <c r="N11759" t="s">
        <v>88</v>
      </c>
      <c r="O11759" t="s">
        <v>85</v>
      </c>
      <c r="P11759" t="s">
        <v>86</v>
      </c>
      <c r="Q11759">
        <v>53</v>
      </c>
      <c r="R11759">
        <v>53</v>
      </c>
      <c r="S11759">
        <v>54</v>
      </c>
      <c r="T11759">
        <v>54</v>
      </c>
      <c r="U11759">
        <v>54</v>
      </c>
      <c r="V11759">
        <v>54</v>
      </c>
      <c r="W11759">
        <v>54</v>
      </c>
      <c r="X11759">
        <v>54</v>
      </c>
      <c r="Y11759">
        <v>54</v>
      </c>
      <c r="Z11759">
        <v>54</v>
      </c>
      <c r="AA11759">
        <v>55</v>
      </c>
      <c r="AB11759">
        <v>55</v>
      </c>
      <c r="AC11759">
        <v>55</v>
      </c>
      <c r="AD11759">
        <v>55</v>
      </c>
      <c r="AE11759">
        <v>55</v>
      </c>
      <c r="AF11759">
        <v>55</v>
      </c>
      <c r="AG11759">
        <v>55</v>
      </c>
      <c r="AH11759">
        <v>55</v>
      </c>
      <c r="AI11759">
        <v>55</v>
      </c>
      <c r="AJ11759">
        <v>55</v>
      </c>
      <c r="AK11759">
        <v>55</v>
      </c>
      <c r="AL11759">
        <v>56</v>
      </c>
      <c r="AM11759">
        <v>56</v>
      </c>
      <c r="AN11759">
        <v>56</v>
      </c>
      <c r="AO11759">
        <v>56</v>
      </c>
      <c r="AP11759">
        <v>56</v>
      </c>
      <c r="AQ11759">
        <v>56</v>
      </c>
    </row>
    <row r="11760" spans="1:43">
      <c r="A11760" t="s">
        <v>7306</v>
      </c>
      <c r="B11760" t="s">
        <v>7307</v>
      </c>
      <c r="C11760" t="s">
        <v>7308</v>
      </c>
      <c r="D11760" t="s">
        <v>7309</v>
      </c>
      <c r="E11760" t="s">
        <v>7278</v>
      </c>
      <c r="F11760" t="s">
        <v>7279</v>
      </c>
      <c r="G11760" t="s">
        <v>80</v>
      </c>
      <c r="H11760" t="s">
        <v>81</v>
      </c>
      <c r="I11760" s="2">
        <v>0</v>
      </c>
      <c r="J11760" s="2">
        <v>1</v>
      </c>
      <c r="K11760" s="2">
        <v>0</v>
      </c>
      <c r="L11760" t="s">
        <v>82</v>
      </c>
      <c r="M11760" t="s">
        <v>89</v>
      </c>
      <c r="N11760" t="s">
        <v>90</v>
      </c>
      <c r="O11760" t="s">
        <v>85</v>
      </c>
      <c r="P11760" t="s">
        <v>86</v>
      </c>
      <c r="Q11760">
        <v>53</v>
      </c>
      <c r="R11760">
        <v>54</v>
      </c>
      <c r="S11760">
        <v>56</v>
      </c>
      <c r="T11760">
        <v>57</v>
      </c>
      <c r="U11760">
        <v>58</v>
      </c>
      <c r="V11760">
        <v>59</v>
      </c>
      <c r="W11760">
        <v>59</v>
      </c>
      <c r="X11760">
        <v>60</v>
      </c>
      <c r="Y11760">
        <v>61</v>
      </c>
      <c r="Z11760">
        <v>62</v>
      </c>
      <c r="AA11760">
        <v>63</v>
      </c>
      <c r="AB11760">
        <v>63</v>
      </c>
      <c r="AC11760">
        <v>64</v>
      </c>
      <c r="AD11760">
        <v>65</v>
      </c>
      <c r="AE11760">
        <v>65</v>
      </c>
      <c r="AF11760">
        <v>65</v>
      </c>
      <c r="AG11760">
        <v>65</v>
      </c>
      <c r="AH11760">
        <v>65</v>
      </c>
      <c r="AI11760">
        <v>65</v>
      </c>
      <c r="AJ11760">
        <v>65</v>
      </c>
      <c r="AK11760">
        <v>65</v>
      </c>
      <c r="AL11760">
        <v>65</v>
      </c>
      <c r="AM11760">
        <v>65</v>
      </c>
      <c r="AN11760">
        <v>65</v>
      </c>
      <c r="AO11760">
        <v>65</v>
      </c>
      <c r="AP11760">
        <v>65</v>
      </c>
      <c r="AQ11760">
        <v>65</v>
      </c>
    </row>
    <row r="11761" spans="1:43">
      <c r="A11761" t="s">
        <v>7306</v>
      </c>
      <c r="B11761" t="s">
        <v>7307</v>
      </c>
      <c r="C11761" t="s">
        <v>7308</v>
      </c>
      <c r="D11761" t="s">
        <v>7309</v>
      </c>
      <c r="E11761" t="s">
        <v>7278</v>
      </c>
      <c r="F11761" t="s">
        <v>7279</v>
      </c>
      <c r="G11761" t="s">
        <v>80</v>
      </c>
      <c r="H11761" t="s">
        <v>81</v>
      </c>
      <c r="I11761" s="2">
        <v>0</v>
      </c>
      <c r="J11761" s="2">
        <v>1</v>
      </c>
      <c r="K11761" s="2">
        <v>0</v>
      </c>
      <c r="L11761" t="s">
        <v>82</v>
      </c>
      <c r="M11761" t="s">
        <v>83</v>
      </c>
      <c r="N11761" t="s">
        <v>91</v>
      </c>
      <c r="O11761" t="s">
        <v>85</v>
      </c>
      <c r="P11761" t="s">
        <v>86</v>
      </c>
      <c r="Q11761">
        <v>53</v>
      </c>
      <c r="R11761">
        <v>53</v>
      </c>
      <c r="S11761">
        <v>54</v>
      </c>
      <c r="T11761">
        <v>55</v>
      </c>
      <c r="U11761">
        <v>55</v>
      </c>
      <c r="V11761">
        <v>56</v>
      </c>
      <c r="W11761">
        <v>57</v>
      </c>
      <c r="X11761">
        <v>57</v>
      </c>
      <c r="Y11761">
        <v>58</v>
      </c>
      <c r="Z11761">
        <v>58</v>
      </c>
      <c r="AA11761">
        <v>59</v>
      </c>
      <c r="AB11761">
        <v>59</v>
      </c>
      <c r="AC11761">
        <v>60</v>
      </c>
      <c r="AD11761">
        <v>60</v>
      </c>
      <c r="AE11761">
        <v>61</v>
      </c>
      <c r="AF11761">
        <v>61</v>
      </c>
      <c r="AG11761">
        <v>62</v>
      </c>
      <c r="AH11761">
        <v>62</v>
      </c>
      <c r="AI11761">
        <v>63</v>
      </c>
      <c r="AJ11761">
        <v>63</v>
      </c>
      <c r="AK11761">
        <v>64</v>
      </c>
      <c r="AL11761">
        <v>64</v>
      </c>
      <c r="AM11761">
        <v>64</v>
      </c>
      <c r="AN11761">
        <v>64</v>
      </c>
      <c r="AO11761">
        <v>64</v>
      </c>
      <c r="AP11761">
        <v>64</v>
      </c>
      <c r="AQ11761">
        <v>64</v>
      </c>
    </row>
    <row r="11762" spans="1:43">
      <c r="A11762" t="s">
        <v>7310</v>
      </c>
      <c r="B11762" t="s">
        <v>7311</v>
      </c>
      <c r="C11762" t="s">
        <v>7312</v>
      </c>
      <c r="D11762" t="s">
        <v>7313</v>
      </c>
      <c r="E11762" t="s">
        <v>7278</v>
      </c>
      <c r="F11762" t="s">
        <v>7279</v>
      </c>
      <c r="G11762" t="s">
        <v>80</v>
      </c>
      <c r="H11762" t="s">
        <v>81</v>
      </c>
      <c r="I11762" s="2">
        <v>0</v>
      </c>
      <c r="J11762" s="2">
        <v>1</v>
      </c>
      <c r="K11762" s="2">
        <v>0</v>
      </c>
      <c r="L11762" t="s">
        <v>82</v>
      </c>
      <c r="M11762" t="s">
        <v>83</v>
      </c>
      <c r="N11762" t="s">
        <v>84</v>
      </c>
      <c r="O11762" t="s">
        <v>85</v>
      </c>
      <c r="P11762" t="s">
        <v>86</v>
      </c>
      <c r="Q11762">
        <v>14</v>
      </c>
      <c r="R11762">
        <v>15</v>
      </c>
      <c r="S11762">
        <v>15</v>
      </c>
      <c r="T11762">
        <v>15</v>
      </c>
      <c r="U11762">
        <v>15</v>
      </c>
      <c r="V11762">
        <v>15</v>
      </c>
      <c r="W11762">
        <v>15</v>
      </c>
      <c r="X11762">
        <v>16</v>
      </c>
      <c r="Y11762">
        <v>16</v>
      </c>
      <c r="Z11762">
        <v>16</v>
      </c>
      <c r="AA11762">
        <v>16</v>
      </c>
      <c r="AB11762">
        <v>16</v>
      </c>
      <c r="AC11762">
        <v>16</v>
      </c>
      <c r="AD11762">
        <v>16</v>
      </c>
      <c r="AE11762">
        <v>16</v>
      </c>
      <c r="AF11762">
        <v>16</v>
      </c>
      <c r="AG11762">
        <v>17</v>
      </c>
      <c r="AH11762">
        <v>17</v>
      </c>
      <c r="AI11762">
        <v>17</v>
      </c>
      <c r="AJ11762">
        <v>17</v>
      </c>
      <c r="AK11762">
        <v>17</v>
      </c>
      <c r="AL11762">
        <v>17</v>
      </c>
      <c r="AM11762">
        <v>17</v>
      </c>
      <c r="AN11762">
        <v>17</v>
      </c>
      <c r="AO11762">
        <v>17</v>
      </c>
      <c r="AP11762">
        <v>17</v>
      </c>
      <c r="AQ11762">
        <v>17</v>
      </c>
    </row>
    <row r="11763" spans="1:43">
      <c r="A11763" t="s">
        <v>7310</v>
      </c>
      <c r="B11763" t="s">
        <v>7311</v>
      </c>
      <c r="C11763" t="s">
        <v>7312</v>
      </c>
      <c r="D11763" t="s">
        <v>7313</v>
      </c>
      <c r="E11763" t="s">
        <v>7278</v>
      </c>
      <c r="F11763" t="s">
        <v>7279</v>
      </c>
      <c r="G11763" t="s">
        <v>80</v>
      </c>
      <c r="H11763" t="s">
        <v>81</v>
      </c>
      <c r="I11763" s="2">
        <v>0</v>
      </c>
      <c r="J11763" s="2">
        <v>1</v>
      </c>
      <c r="K11763" s="2">
        <v>0</v>
      </c>
      <c r="L11763" t="s">
        <v>82</v>
      </c>
      <c r="M11763" t="s">
        <v>87</v>
      </c>
      <c r="N11763" t="s">
        <v>88</v>
      </c>
      <c r="O11763" t="s">
        <v>85</v>
      </c>
      <c r="P11763" t="s">
        <v>86</v>
      </c>
      <c r="Q11763">
        <v>14</v>
      </c>
      <c r="R11763">
        <v>14</v>
      </c>
      <c r="S11763">
        <v>14</v>
      </c>
      <c r="T11763">
        <v>14</v>
      </c>
      <c r="U11763">
        <v>14</v>
      </c>
      <c r="V11763">
        <v>14</v>
      </c>
      <c r="W11763">
        <v>14</v>
      </c>
      <c r="X11763">
        <v>14</v>
      </c>
      <c r="Y11763">
        <v>14</v>
      </c>
      <c r="Z11763">
        <v>14</v>
      </c>
      <c r="AA11763">
        <v>14</v>
      </c>
      <c r="AB11763">
        <v>15</v>
      </c>
      <c r="AC11763">
        <v>15</v>
      </c>
      <c r="AD11763">
        <v>15</v>
      </c>
      <c r="AE11763">
        <v>15</v>
      </c>
      <c r="AF11763">
        <v>15</v>
      </c>
      <c r="AG11763">
        <v>15</v>
      </c>
      <c r="AH11763">
        <v>15</v>
      </c>
      <c r="AI11763">
        <v>15</v>
      </c>
      <c r="AJ11763">
        <v>15</v>
      </c>
      <c r="AK11763">
        <v>15</v>
      </c>
      <c r="AL11763">
        <v>15</v>
      </c>
      <c r="AM11763">
        <v>15</v>
      </c>
      <c r="AN11763">
        <v>15</v>
      </c>
      <c r="AO11763">
        <v>15</v>
      </c>
      <c r="AP11763">
        <v>15</v>
      </c>
      <c r="AQ11763">
        <v>15</v>
      </c>
    </row>
    <row r="11764" spans="1:43">
      <c r="A11764" t="s">
        <v>7310</v>
      </c>
      <c r="B11764" t="s">
        <v>7311</v>
      </c>
      <c r="C11764" t="s">
        <v>7312</v>
      </c>
      <c r="D11764" t="s">
        <v>7313</v>
      </c>
      <c r="E11764" t="s">
        <v>7278</v>
      </c>
      <c r="F11764" t="s">
        <v>7279</v>
      </c>
      <c r="G11764" t="s">
        <v>80</v>
      </c>
      <c r="H11764" t="s">
        <v>81</v>
      </c>
      <c r="I11764" s="2">
        <v>0</v>
      </c>
      <c r="J11764" s="2">
        <v>1</v>
      </c>
      <c r="K11764" s="2">
        <v>0</v>
      </c>
      <c r="L11764" t="s">
        <v>82</v>
      </c>
      <c r="M11764" t="s">
        <v>89</v>
      </c>
      <c r="N11764" t="s">
        <v>90</v>
      </c>
      <c r="O11764" t="s">
        <v>85</v>
      </c>
      <c r="P11764" t="s">
        <v>86</v>
      </c>
      <c r="Q11764">
        <v>14</v>
      </c>
      <c r="R11764">
        <v>14</v>
      </c>
      <c r="S11764">
        <v>14</v>
      </c>
      <c r="T11764">
        <v>14</v>
      </c>
      <c r="U11764">
        <v>15</v>
      </c>
      <c r="V11764">
        <v>15</v>
      </c>
      <c r="W11764">
        <v>15</v>
      </c>
      <c r="X11764">
        <v>15</v>
      </c>
      <c r="Y11764">
        <v>16</v>
      </c>
      <c r="Z11764">
        <v>16</v>
      </c>
      <c r="AA11764">
        <v>16</v>
      </c>
      <c r="AB11764">
        <v>16</v>
      </c>
      <c r="AC11764">
        <v>16</v>
      </c>
      <c r="AD11764">
        <v>16</v>
      </c>
      <c r="AE11764">
        <v>17</v>
      </c>
      <c r="AF11764">
        <v>17</v>
      </c>
      <c r="AG11764">
        <v>16</v>
      </c>
      <c r="AH11764">
        <v>16</v>
      </c>
      <c r="AI11764">
        <v>16</v>
      </c>
      <c r="AJ11764">
        <v>16</v>
      </c>
      <c r="AK11764">
        <v>16</v>
      </c>
      <c r="AL11764">
        <v>16</v>
      </c>
      <c r="AM11764">
        <v>16</v>
      </c>
      <c r="AN11764">
        <v>16</v>
      </c>
      <c r="AO11764">
        <v>16</v>
      </c>
      <c r="AP11764">
        <v>16</v>
      </c>
      <c r="AQ11764">
        <v>16</v>
      </c>
    </row>
    <row r="11765" spans="1:43">
      <c r="A11765" t="s">
        <v>7310</v>
      </c>
      <c r="B11765" t="s">
        <v>7311</v>
      </c>
      <c r="C11765" t="s">
        <v>7312</v>
      </c>
      <c r="D11765" t="s">
        <v>7313</v>
      </c>
      <c r="E11765" t="s">
        <v>7278</v>
      </c>
      <c r="F11765" t="s">
        <v>7279</v>
      </c>
      <c r="G11765" t="s">
        <v>80</v>
      </c>
      <c r="H11765" t="s">
        <v>81</v>
      </c>
      <c r="I11765" s="2">
        <v>0</v>
      </c>
      <c r="J11765" s="2">
        <v>1</v>
      </c>
      <c r="K11765" s="2">
        <v>0</v>
      </c>
      <c r="L11765" t="s">
        <v>82</v>
      </c>
      <c r="M11765" t="s">
        <v>83</v>
      </c>
      <c r="N11765" t="s">
        <v>91</v>
      </c>
      <c r="O11765" t="s">
        <v>85</v>
      </c>
      <c r="P11765" t="s">
        <v>86</v>
      </c>
      <c r="Q11765">
        <v>14</v>
      </c>
      <c r="R11765">
        <v>15</v>
      </c>
      <c r="S11765">
        <v>15</v>
      </c>
      <c r="T11765">
        <v>15</v>
      </c>
      <c r="U11765">
        <v>15</v>
      </c>
      <c r="V11765">
        <v>15</v>
      </c>
      <c r="W11765">
        <v>15</v>
      </c>
      <c r="X11765">
        <v>16</v>
      </c>
      <c r="Y11765">
        <v>16</v>
      </c>
      <c r="Z11765">
        <v>16</v>
      </c>
      <c r="AA11765">
        <v>16</v>
      </c>
      <c r="AB11765">
        <v>16</v>
      </c>
      <c r="AC11765">
        <v>16</v>
      </c>
      <c r="AD11765">
        <v>16</v>
      </c>
      <c r="AE11765">
        <v>16</v>
      </c>
      <c r="AF11765">
        <v>16</v>
      </c>
      <c r="AG11765">
        <v>17</v>
      </c>
      <c r="AH11765">
        <v>17</v>
      </c>
      <c r="AI11765">
        <v>17</v>
      </c>
      <c r="AJ11765">
        <v>17</v>
      </c>
      <c r="AK11765">
        <v>17</v>
      </c>
      <c r="AL11765">
        <v>17</v>
      </c>
      <c r="AM11765">
        <v>17</v>
      </c>
      <c r="AN11765">
        <v>17</v>
      </c>
      <c r="AO11765">
        <v>17</v>
      </c>
      <c r="AP11765">
        <v>17</v>
      </c>
      <c r="AQ11765">
        <v>17</v>
      </c>
    </row>
    <row r="11766" spans="1:43">
      <c r="A11766" t="s">
        <v>7314</v>
      </c>
      <c r="B11766" t="s">
        <v>7315</v>
      </c>
      <c r="C11766" t="s">
        <v>7312</v>
      </c>
      <c r="D11766" t="s">
        <v>7313</v>
      </c>
      <c r="E11766" t="s">
        <v>7278</v>
      </c>
      <c r="F11766" t="s">
        <v>7279</v>
      </c>
      <c r="G11766" t="s">
        <v>80</v>
      </c>
      <c r="H11766" t="s">
        <v>81</v>
      </c>
      <c r="I11766" s="2">
        <v>0</v>
      </c>
      <c r="J11766" s="2">
        <v>1</v>
      </c>
      <c r="K11766" s="2">
        <v>0</v>
      </c>
      <c r="L11766" t="s">
        <v>82</v>
      </c>
      <c r="M11766" t="s">
        <v>83</v>
      </c>
      <c r="N11766" t="s">
        <v>84</v>
      </c>
      <c r="O11766" t="s">
        <v>85</v>
      </c>
      <c r="P11766" t="s">
        <v>86</v>
      </c>
      <c r="Q11766">
        <v>8</v>
      </c>
      <c r="R11766">
        <v>8</v>
      </c>
      <c r="S11766">
        <v>8</v>
      </c>
      <c r="T11766">
        <v>8</v>
      </c>
      <c r="U11766">
        <v>8</v>
      </c>
      <c r="V11766">
        <v>8</v>
      </c>
      <c r="W11766">
        <v>8</v>
      </c>
      <c r="X11766">
        <v>8</v>
      </c>
      <c r="Y11766">
        <v>8</v>
      </c>
      <c r="Z11766">
        <v>8</v>
      </c>
      <c r="AA11766">
        <v>9</v>
      </c>
      <c r="AB11766">
        <v>9</v>
      </c>
      <c r="AC11766">
        <v>9</v>
      </c>
      <c r="AD11766">
        <v>9</v>
      </c>
      <c r="AE11766">
        <v>9</v>
      </c>
      <c r="AF11766">
        <v>9</v>
      </c>
      <c r="AG11766">
        <v>9</v>
      </c>
      <c r="AH11766">
        <v>9</v>
      </c>
      <c r="AI11766">
        <v>9</v>
      </c>
      <c r="AJ11766">
        <v>9</v>
      </c>
      <c r="AK11766">
        <v>9</v>
      </c>
      <c r="AL11766">
        <v>9</v>
      </c>
      <c r="AM11766">
        <v>9</v>
      </c>
      <c r="AN11766">
        <v>9</v>
      </c>
      <c r="AO11766">
        <v>9</v>
      </c>
      <c r="AP11766">
        <v>9</v>
      </c>
      <c r="AQ11766">
        <v>9</v>
      </c>
    </row>
    <row r="11767" spans="1:43">
      <c r="A11767" t="s">
        <v>7314</v>
      </c>
      <c r="B11767" t="s">
        <v>7315</v>
      </c>
      <c r="C11767" t="s">
        <v>7312</v>
      </c>
      <c r="D11767" t="s">
        <v>7313</v>
      </c>
      <c r="E11767" t="s">
        <v>7278</v>
      </c>
      <c r="F11767" t="s">
        <v>7279</v>
      </c>
      <c r="G11767" t="s">
        <v>80</v>
      </c>
      <c r="H11767" t="s">
        <v>81</v>
      </c>
      <c r="I11767" s="2">
        <v>0</v>
      </c>
      <c r="J11767" s="2">
        <v>1</v>
      </c>
      <c r="K11767" s="2">
        <v>0</v>
      </c>
      <c r="L11767" t="s">
        <v>82</v>
      </c>
      <c r="M11767" t="s">
        <v>87</v>
      </c>
      <c r="N11767" t="s">
        <v>88</v>
      </c>
      <c r="O11767" t="s">
        <v>85</v>
      </c>
      <c r="P11767" t="s">
        <v>86</v>
      </c>
      <c r="Q11767">
        <v>8</v>
      </c>
      <c r="R11767">
        <v>8</v>
      </c>
      <c r="S11767">
        <v>8</v>
      </c>
      <c r="T11767">
        <v>8</v>
      </c>
      <c r="U11767">
        <v>8</v>
      </c>
      <c r="V11767">
        <v>8</v>
      </c>
      <c r="W11767">
        <v>8</v>
      </c>
      <c r="X11767">
        <v>8</v>
      </c>
      <c r="Y11767">
        <v>8</v>
      </c>
      <c r="Z11767">
        <v>8</v>
      </c>
      <c r="AA11767">
        <v>8</v>
      </c>
      <c r="AB11767">
        <v>8</v>
      </c>
      <c r="AC11767">
        <v>8</v>
      </c>
      <c r="AD11767">
        <v>8</v>
      </c>
      <c r="AE11767">
        <v>8</v>
      </c>
      <c r="AF11767">
        <v>8</v>
      </c>
      <c r="AG11767">
        <v>8</v>
      </c>
      <c r="AH11767">
        <v>8</v>
      </c>
      <c r="AI11767">
        <v>8</v>
      </c>
      <c r="AJ11767">
        <v>8</v>
      </c>
      <c r="AK11767">
        <v>8</v>
      </c>
      <c r="AL11767">
        <v>8</v>
      </c>
      <c r="AM11767">
        <v>8</v>
      </c>
      <c r="AN11767">
        <v>8</v>
      </c>
      <c r="AO11767">
        <v>8</v>
      </c>
      <c r="AP11767">
        <v>8</v>
      </c>
      <c r="AQ11767">
        <v>8</v>
      </c>
    </row>
    <row r="11768" spans="1:43">
      <c r="A11768" t="s">
        <v>7314</v>
      </c>
      <c r="B11768" t="s">
        <v>7315</v>
      </c>
      <c r="C11768" t="s">
        <v>7312</v>
      </c>
      <c r="D11768" t="s">
        <v>7313</v>
      </c>
      <c r="E11768" t="s">
        <v>7278</v>
      </c>
      <c r="F11768" t="s">
        <v>7279</v>
      </c>
      <c r="G11768" t="s">
        <v>80</v>
      </c>
      <c r="H11768" t="s">
        <v>81</v>
      </c>
      <c r="I11768" s="2">
        <v>0</v>
      </c>
      <c r="J11768" s="2">
        <v>1</v>
      </c>
      <c r="K11768" s="2">
        <v>0</v>
      </c>
      <c r="L11768" t="s">
        <v>82</v>
      </c>
      <c r="M11768" t="s">
        <v>89</v>
      </c>
      <c r="N11768" t="s">
        <v>90</v>
      </c>
      <c r="O11768" t="s">
        <v>85</v>
      </c>
      <c r="P11768" t="s">
        <v>86</v>
      </c>
      <c r="Q11768">
        <v>8</v>
      </c>
      <c r="R11768">
        <v>8</v>
      </c>
      <c r="S11768">
        <v>8</v>
      </c>
      <c r="T11768">
        <v>8</v>
      </c>
      <c r="U11768">
        <v>8</v>
      </c>
      <c r="V11768">
        <v>9</v>
      </c>
      <c r="W11768">
        <v>9</v>
      </c>
      <c r="X11768">
        <v>9</v>
      </c>
      <c r="Y11768">
        <v>9</v>
      </c>
      <c r="Z11768">
        <v>9</v>
      </c>
      <c r="AA11768">
        <v>9</v>
      </c>
      <c r="AB11768">
        <v>9</v>
      </c>
      <c r="AC11768">
        <v>9</v>
      </c>
      <c r="AD11768">
        <v>9</v>
      </c>
      <c r="AE11768">
        <v>9</v>
      </c>
      <c r="AF11768">
        <v>9</v>
      </c>
      <c r="AG11768">
        <v>9</v>
      </c>
      <c r="AH11768">
        <v>9</v>
      </c>
      <c r="AI11768">
        <v>9</v>
      </c>
      <c r="AJ11768">
        <v>9</v>
      </c>
      <c r="AK11768">
        <v>9</v>
      </c>
      <c r="AL11768">
        <v>9</v>
      </c>
      <c r="AM11768">
        <v>9</v>
      </c>
      <c r="AN11768">
        <v>9</v>
      </c>
      <c r="AO11768">
        <v>9</v>
      </c>
      <c r="AP11768">
        <v>9</v>
      </c>
      <c r="AQ11768">
        <v>9</v>
      </c>
    </row>
    <row r="11769" spans="1:43">
      <c r="A11769" t="s">
        <v>7314</v>
      </c>
      <c r="B11769" t="s">
        <v>7315</v>
      </c>
      <c r="C11769" t="s">
        <v>7312</v>
      </c>
      <c r="D11769" t="s">
        <v>7313</v>
      </c>
      <c r="E11769" t="s">
        <v>7278</v>
      </c>
      <c r="F11769" t="s">
        <v>7279</v>
      </c>
      <c r="G11769" t="s">
        <v>80</v>
      </c>
      <c r="H11769" t="s">
        <v>81</v>
      </c>
      <c r="I11769" s="2">
        <v>0</v>
      </c>
      <c r="J11769" s="2">
        <v>1</v>
      </c>
      <c r="K11769" s="2">
        <v>0</v>
      </c>
      <c r="L11769" t="s">
        <v>82</v>
      </c>
      <c r="M11769" t="s">
        <v>83</v>
      </c>
      <c r="N11769" t="s">
        <v>91</v>
      </c>
      <c r="O11769" t="s">
        <v>85</v>
      </c>
      <c r="P11769" t="s">
        <v>86</v>
      </c>
      <c r="Q11769">
        <v>8</v>
      </c>
      <c r="R11769">
        <v>8</v>
      </c>
      <c r="S11769">
        <v>8</v>
      </c>
      <c r="T11769">
        <v>8</v>
      </c>
      <c r="U11769">
        <v>8</v>
      </c>
      <c r="V11769">
        <v>8</v>
      </c>
      <c r="W11769">
        <v>8</v>
      </c>
      <c r="X11769">
        <v>8</v>
      </c>
      <c r="Y11769">
        <v>8</v>
      </c>
      <c r="Z11769">
        <v>8</v>
      </c>
      <c r="AA11769">
        <v>9</v>
      </c>
      <c r="AB11769">
        <v>9</v>
      </c>
      <c r="AC11769">
        <v>9</v>
      </c>
      <c r="AD11769">
        <v>9</v>
      </c>
      <c r="AE11769">
        <v>9</v>
      </c>
      <c r="AF11769">
        <v>9</v>
      </c>
      <c r="AG11769">
        <v>9</v>
      </c>
      <c r="AH11769">
        <v>9</v>
      </c>
      <c r="AI11769">
        <v>9</v>
      </c>
      <c r="AJ11769">
        <v>9</v>
      </c>
      <c r="AK11769">
        <v>9</v>
      </c>
      <c r="AL11769">
        <v>9</v>
      </c>
      <c r="AM11769">
        <v>9</v>
      </c>
      <c r="AN11769">
        <v>9</v>
      </c>
      <c r="AO11769">
        <v>9</v>
      </c>
      <c r="AP11769">
        <v>9</v>
      </c>
      <c r="AQ11769">
        <v>9</v>
      </c>
    </row>
    <row r="11770" spans="1:43">
      <c r="A11770" t="s">
        <v>7316</v>
      </c>
      <c r="B11770" t="s">
        <v>7317</v>
      </c>
      <c r="C11770" t="s">
        <v>7312</v>
      </c>
      <c r="D11770" t="s">
        <v>7313</v>
      </c>
      <c r="E11770" t="s">
        <v>7278</v>
      </c>
      <c r="F11770" t="s">
        <v>7279</v>
      </c>
      <c r="G11770" t="s">
        <v>80</v>
      </c>
      <c r="H11770" t="s">
        <v>81</v>
      </c>
      <c r="I11770" s="2">
        <v>0</v>
      </c>
      <c r="J11770" s="2">
        <v>1</v>
      </c>
      <c r="K11770" s="2">
        <v>0</v>
      </c>
      <c r="L11770" t="s">
        <v>82</v>
      </c>
      <c r="M11770" t="s">
        <v>83</v>
      </c>
      <c r="N11770" t="s">
        <v>84</v>
      </c>
      <c r="O11770" t="s">
        <v>85</v>
      </c>
      <c r="P11770" t="s">
        <v>86</v>
      </c>
      <c r="Q11770">
        <v>0</v>
      </c>
      <c r="R11770">
        <v>0</v>
      </c>
      <c r="S11770">
        <v>0</v>
      </c>
      <c r="T11770">
        <v>0</v>
      </c>
      <c r="U11770">
        <v>0</v>
      </c>
      <c r="V11770">
        <v>0</v>
      </c>
      <c r="W11770">
        <v>0</v>
      </c>
      <c r="X11770">
        <v>0</v>
      </c>
      <c r="Y11770">
        <v>0</v>
      </c>
      <c r="Z11770">
        <v>0</v>
      </c>
      <c r="AA11770">
        <v>0</v>
      </c>
      <c r="AB11770">
        <v>0</v>
      </c>
      <c r="AC11770">
        <v>0</v>
      </c>
      <c r="AD11770">
        <v>0</v>
      </c>
      <c r="AE11770">
        <v>0</v>
      </c>
      <c r="AF11770">
        <v>0</v>
      </c>
      <c r="AG11770">
        <v>0</v>
      </c>
      <c r="AH11770">
        <v>0</v>
      </c>
      <c r="AI11770">
        <v>0</v>
      </c>
      <c r="AJ11770">
        <v>0</v>
      </c>
      <c r="AK11770">
        <v>0</v>
      </c>
      <c r="AL11770">
        <v>0</v>
      </c>
      <c r="AM11770">
        <v>0</v>
      </c>
      <c r="AN11770">
        <v>0</v>
      </c>
      <c r="AO11770">
        <v>0</v>
      </c>
      <c r="AP11770">
        <v>0</v>
      </c>
      <c r="AQ11770">
        <v>0</v>
      </c>
    </row>
    <row r="11771" spans="1:43">
      <c r="A11771" t="s">
        <v>7316</v>
      </c>
      <c r="B11771" t="s">
        <v>7317</v>
      </c>
      <c r="C11771" t="s">
        <v>7312</v>
      </c>
      <c r="D11771" t="s">
        <v>7313</v>
      </c>
      <c r="E11771" t="s">
        <v>7278</v>
      </c>
      <c r="F11771" t="s">
        <v>7279</v>
      </c>
      <c r="G11771" t="s">
        <v>80</v>
      </c>
      <c r="H11771" t="s">
        <v>81</v>
      </c>
      <c r="I11771" s="2">
        <v>0</v>
      </c>
      <c r="J11771" s="2">
        <v>1</v>
      </c>
      <c r="K11771" s="2">
        <v>0</v>
      </c>
      <c r="L11771" t="s">
        <v>82</v>
      </c>
      <c r="M11771" t="s">
        <v>87</v>
      </c>
      <c r="N11771" t="s">
        <v>88</v>
      </c>
      <c r="O11771" t="s">
        <v>85</v>
      </c>
      <c r="P11771" t="s">
        <v>86</v>
      </c>
      <c r="Q11771">
        <v>0</v>
      </c>
      <c r="R11771">
        <v>0</v>
      </c>
      <c r="S11771">
        <v>0</v>
      </c>
      <c r="T11771">
        <v>0</v>
      </c>
      <c r="U11771">
        <v>0</v>
      </c>
      <c r="V11771">
        <v>0</v>
      </c>
      <c r="W11771">
        <v>0</v>
      </c>
      <c r="X11771">
        <v>0</v>
      </c>
      <c r="Y11771">
        <v>0</v>
      </c>
      <c r="Z11771">
        <v>0</v>
      </c>
      <c r="AA11771">
        <v>0</v>
      </c>
      <c r="AB11771">
        <v>0</v>
      </c>
      <c r="AC11771">
        <v>0</v>
      </c>
      <c r="AD11771">
        <v>0</v>
      </c>
      <c r="AE11771">
        <v>0</v>
      </c>
      <c r="AF11771">
        <v>0</v>
      </c>
      <c r="AG11771">
        <v>0</v>
      </c>
      <c r="AH11771">
        <v>0</v>
      </c>
      <c r="AI11771">
        <v>0</v>
      </c>
      <c r="AJ11771">
        <v>0</v>
      </c>
      <c r="AK11771">
        <v>0</v>
      </c>
      <c r="AL11771">
        <v>0</v>
      </c>
      <c r="AM11771">
        <v>0</v>
      </c>
      <c r="AN11771">
        <v>0</v>
      </c>
      <c r="AO11771">
        <v>0</v>
      </c>
      <c r="AP11771">
        <v>0</v>
      </c>
      <c r="AQ11771">
        <v>0</v>
      </c>
    </row>
    <row r="11772" spans="1:43">
      <c r="A11772" t="s">
        <v>7316</v>
      </c>
      <c r="B11772" t="s">
        <v>7317</v>
      </c>
      <c r="C11772" t="s">
        <v>7312</v>
      </c>
      <c r="D11772" t="s">
        <v>7313</v>
      </c>
      <c r="E11772" t="s">
        <v>7278</v>
      </c>
      <c r="F11772" t="s">
        <v>7279</v>
      </c>
      <c r="G11772" t="s">
        <v>80</v>
      </c>
      <c r="H11772" t="s">
        <v>81</v>
      </c>
      <c r="I11772" s="2">
        <v>0</v>
      </c>
      <c r="J11772" s="2">
        <v>1</v>
      </c>
      <c r="K11772" s="2">
        <v>0</v>
      </c>
      <c r="L11772" t="s">
        <v>82</v>
      </c>
      <c r="M11772" t="s">
        <v>89</v>
      </c>
      <c r="N11772" t="s">
        <v>90</v>
      </c>
      <c r="O11772" t="s">
        <v>85</v>
      </c>
      <c r="P11772" t="s">
        <v>86</v>
      </c>
      <c r="Q11772">
        <v>0</v>
      </c>
      <c r="R11772">
        <v>0</v>
      </c>
      <c r="S11772">
        <v>0</v>
      </c>
      <c r="T11772">
        <v>0</v>
      </c>
      <c r="U11772">
        <v>0</v>
      </c>
      <c r="V11772">
        <v>0</v>
      </c>
      <c r="W11772">
        <v>0</v>
      </c>
      <c r="X11772">
        <v>0</v>
      </c>
      <c r="Y11772">
        <v>0</v>
      </c>
      <c r="Z11772">
        <v>0</v>
      </c>
      <c r="AA11772">
        <v>0</v>
      </c>
      <c r="AB11772">
        <v>0</v>
      </c>
      <c r="AC11772">
        <v>0</v>
      </c>
      <c r="AD11772">
        <v>0</v>
      </c>
      <c r="AE11772">
        <v>0</v>
      </c>
      <c r="AF11772">
        <v>0</v>
      </c>
      <c r="AG11772">
        <v>0</v>
      </c>
      <c r="AH11772">
        <v>0</v>
      </c>
      <c r="AI11772">
        <v>0</v>
      </c>
      <c r="AJ11772">
        <v>0</v>
      </c>
      <c r="AK11772">
        <v>0</v>
      </c>
      <c r="AL11772">
        <v>0</v>
      </c>
      <c r="AM11772">
        <v>0</v>
      </c>
      <c r="AN11772">
        <v>0</v>
      </c>
      <c r="AO11772">
        <v>0</v>
      </c>
      <c r="AP11772">
        <v>0</v>
      </c>
      <c r="AQ11772">
        <v>0</v>
      </c>
    </row>
    <row r="11773" spans="1:43">
      <c r="A11773" t="s">
        <v>7316</v>
      </c>
      <c r="B11773" t="s">
        <v>7317</v>
      </c>
      <c r="C11773" t="s">
        <v>7312</v>
      </c>
      <c r="D11773" t="s">
        <v>7313</v>
      </c>
      <c r="E11773" t="s">
        <v>7278</v>
      </c>
      <c r="F11773" t="s">
        <v>7279</v>
      </c>
      <c r="G11773" t="s">
        <v>80</v>
      </c>
      <c r="H11773" t="s">
        <v>81</v>
      </c>
      <c r="I11773" s="2">
        <v>0</v>
      </c>
      <c r="J11773" s="2">
        <v>1</v>
      </c>
      <c r="K11773" s="2">
        <v>0</v>
      </c>
      <c r="L11773" t="s">
        <v>82</v>
      </c>
      <c r="M11773" t="s">
        <v>83</v>
      </c>
      <c r="N11773" t="s">
        <v>91</v>
      </c>
      <c r="O11773" t="s">
        <v>85</v>
      </c>
      <c r="P11773" t="s">
        <v>86</v>
      </c>
      <c r="Q11773">
        <v>0</v>
      </c>
      <c r="R11773">
        <v>0</v>
      </c>
      <c r="S11773">
        <v>0</v>
      </c>
      <c r="T11773">
        <v>0</v>
      </c>
      <c r="U11773">
        <v>0</v>
      </c>
      <c r="V11773">
        <v>0</v>
      </c>
      <c r="W11773">
        <v>0</v>
      </c>
      <c r="X11773">
        <v>0</v>
      </c>
      <c r="Y11773">
        <v>0</v>
      </c>
      <c r="Z11773">
        <v>0</v>
      </c>
      <c r="AA11773">
        <v>0</v>
      </c>
      <c r="AB11773">
        <v>0</v>
      </c>
      <c r="AC11773">
        <v>0</v>
      </c>
      <c r="AD11773">
        <v>0</v>
      </c>
      <c r="AE11773">
        <v>0</v>
      </c>
      <c r="AF11773">
        <v>0</v>
      </c>
      <c r="AG11773">
        <v>0</v>
      </c>
      <c r="AH11773">
        <v>0</v>
      </c>
      <c r="AI11773">
        <v>0</v>
      </c>
      <c r="AJ11773">
        <v>0</v>
      </c>
      <c r="AK11773">
        <v>0</v>
      </c>
      <c r="AL11773">
        <v>0</v>
      </c>
      <c r="AM11773">
        <v>0</v>
      </c>
      <c r="AN11773">
        <v>0</v>
      </c>
      <c r="AO11773">
        <v>0</v>
      </c>
      <c r="AP11773">
        <v>0</v>
      </c>
      <c r="AQ11773">
        <v>0</v>
      </c>
    </row>
    <row r="11774" spans="1:43">
      <c r="A11774" t="s">
        <v>7318</v>
      </c>
      <c r="B11774" t="s">
        <v>7319</v>
      </c>
      <c r="C11774" t="s">
        <v>7320</v>
      </c>
      <c r="D11774" t="s">
        <v>7321</v>
      </c>
      <c r="E11774" t="s">
        <v>7278</v>
      </c>
      <c r="F11774" t="s">
        <v>7279</v>
      </c>
      <c r="G11774" t="s">
        <v>80</v>
      </c>
      <c r="H11774" t="s">
        <v>81</v>
      </c>
      <c r="I11774" s="2">
        <v>0</v>
      </c>
      <c r="J11774" s="2">
        <v>1</v>
      </c>
      <c r="K11774" s="2">
        <v>0</v>
      </c>
      <c r="L11774" t="s">
        <v>82</v>
      </c>
      <c r="M11774" t="s">
        <v>83</v>
      </c>
      <c r="N11774" t="s">
        <v>84</v>
      </c>
      <c r="O11774" t="s">
        <v>85</v>
      </c>
      <c r="P11774" t="s">
        <v>86</v>
      </c>
      <c r="Q11774">
        <v>30</v>
      </c>
      <c r="R11774">
        <v>31</v>
      </c>
      <c r="S11774">
        <v>31</v>
      </c>
      <c r="T11774">
        <v>31</v>
      </c>
      <c r="U11774">
        <v>32</v>
      </c>
      <c r="V11774">
        <v>32</v>
      </c>
      <c r="W11774">
        <v>32</v>
      </c>
      <c r="X11774">
        <v>33</v>
      </c>
      <c r="Y11774">
        <v>33</v>
      </c>
      <c r="Z11774">
        <v>33</v>
      </c>
      <c r="AA11774">
        <v>33</v>
      </c>
      <c r="AB11774">
        <v>34</v>
      </c>
      <c r="AC11774">
        <v>34</v>
      </c>
      <c r="AD11774">
        <v>34</v>
      </c>
      <c r="AE11774">
        <v>34</v>
      </c>
      <c r="AF11774">
        <v>35</v>
      </c>
      <c r="AG11774">
        <v>35</v>
      </c>
      <c r="AH11774">
        <v>35</v>
      </c>
      <c r="AI11774">
        <v>35</v>
      </c>
      <c r="AJ11774">
        <v>35</v>
      </c>
      <c r="AK11774">
        <v>35</v>
      </c>
      <c r="AL11774">
        <v>35</v>
      </c>
      <c r="AM11774">
        <v>35</v>
      </c>
      <c r="AN11774">
        <v>35</v>
      </c>
      <c r="AO11774">
        <v>35</v>
      </c>
      <c r="AP11774">
        <v>35</v>
      </c>
      <c r="AQ11774">
        <v>35</v>
      </c>
    </row>
    <row r="11775" spans="1:43">
      <c r="A11775" t="s">
        <v>7318</v>
      </c>
      <c r="B11775" t="s">
        <v>7319</v>
      </c>
      <c r="C11775" t="s">
        <v>7320</v>
      </c>
      <c r="D11775" t="s">
        <v>7321</v>
      </c>
      <c r="E11775" t="s">
        <v>7278</v>
      </c>
      <c r="F11775" t="s">
        <v>7279</v>
      </c>
      <c r="G11775" t="s">
        <v>80</v>
      </c>
      <c r="H11775" t="s">
        <v>81</v>
      </c>
      <c r="I11775" s="2">
        <v>0</v>
      </c>
      <c r="J11775" s="2">
        <v>1</v>
      </c>
      <c r="K11775" s="2">
        <v>0</v>
      </c>
      <c r="L11775" t="s">
        <v>82</v>
      </c>
      <c r="M11775" t="s">
        <v>87</v>
      </c>
      <c r="N11775" t="s">
        <v>88</v>
      </c>
      <c r="O11775" t="s">
        <v>85</v>
      </c>
      <c r="P11775" t="s">
        <v>86</v>
      </c>
      <c r="Q11775">
        <v>30</v>
      </c>
      <c r="R11775">
        <v>30</v>
      </c>
      <c r="S11775">
        <v>30</v>
      </c>
      <c r="T11775">
        <v>30</v>
      </c>
      <c r="U11775">
        <v>30</v>
      </c>
      <c r="V11775">
        <v>30</v>
      </c>
      <c r="W11775">
        <v>30</v>
      </c>
      <c r="X11775">
        <v>30</v>
      </c>
      <c r="Y11775">
        <v>30</v>
      </c>
      <c r="Z11775">
        <v>30</v>
      </c>
      <c r="AA11775">
        <v>30</v>
      </c>
      <c r="AB11775">
        <v>30</v>
      </c>
      <c r="AC11775">
        <v>30</v>
      </c>
      <c r="AD11775">
        <v>30</v>
      </c>
      <c r="AE11775">
        <v>30</v>
      </c>
      <c r="AF11775">
        <v>30</v>
      </c>
      <c r="AG11775">
        <v>30</v>
      </c>
      <c r="AH11775">
        <v>30</v>
      </c>
      <c r="AI11775">
        <v>30</v>
      </c>
      <c r="AJ11775">
        <v>30</v>
      </c>
      <c r="AK11775">
        <v>30</v>
      </c>
      <c r="AL11775">
        <v>30</v>
      </c>
      <c r="AM11775">
        <v>30</v>
      </c>
      <c r="AN11775">
        <v>30</v>
      </c>
      <c r="AO11775">
        <v>30</v>
      </c>
      <c r="AP11775">
        <v>30</v>
      </c>
      <c r="AQ11775">
        <v>30</v>
      </c>
    </row>
    <row r="11776" spans="1:43">
      <c r="A11776" t="s">
        <v>7318</v>
      </c>
      <c r="B11776" t="s">
        <v>7319</v>
      </c>
      <c r="C11776" t="s">
        <v>7320</v>
      </c>
      <c r="D11776" t="s">
        <v>7321</v>
      </c>
      <c r="E11776" t="s">
        <v>7278</v>
      </c>
      <c r="F11776" t="s">
        <v>7279</v>
      </c>
      <c r="G11776" t="s">
        <v>80</v>
      </c>
      <c r="H11776" t="s">
        <v>81</v>
      </c>
      <c r="I11776" s="2">
        <v>0</v>
      </c>
      <c r="J11776" s="2">
        <v>1</v>
      </c>
      <c r="K11776" s="2">
        <v>0</v>
      </c>
      <c r="L11776" t="s">
        <v>82</v>
      </c>
      <c r="M11776" t="s">
        <v>89</v>
      </c>
      <c r="N11776" t="s">
        <v>90</v>
      </c>
      <c r="O11776" t="s">
        <v>85</v>
      </c>
      <c r="P11776" t="s">
        <v>86</v>
      </c>
      <c r="Q11776">
        <v>30</v>
      </c>
      <c r="R11776">
        <v>30</v>
      </c>
      <c r="S11776">
        <v>31</v>
      </c>
      <c r="T11776">
        <v>31</v>
      </c>
      <c r="U11776">
        <v>32</v>
      </c>
      <c r="V11776">
        <v>33</v>
      </c>
      <c r="W11776">
        <v>33</v>
      </c>
      <c r="X11776">
        <v>33</v>
      </c>
      <c r="Y11776">
        <v>34</v>
      </c>
      <c r="Z11776">
        <v>34</v>
      </c>
      <c r="AA11776">
        <v>35</v>
      </c>
      <c r="AB11776">
        <v>35</v>
      </c>
      <c r="AC11776">
        <v>35</v>
      </c>
      <c r="AD11776">
        <v>36</v>
      </c>
      <c r="AE11776">
        <v>36</v>
      </c>
      <c r="AF11776">
        <v>36</v>
      </c>
      <c r="AG11776">
        <v>36</v>
      </c>
      <c r="AH11776">
        <v>35</v>
      </c>
      <c r="AI11776">
        <v>35</v>
      </c>
      <c r="AJ11776">
        <v>35</v>
      </c>
      <c r="AK11776">
        <v>35</v>
      </c>
      <c r="AL11776">
        <v>35</v>
      </c>
      <c r="AM11776">
        <v>35</v>
      </c>
      <c r="AN11776">
        <v>35</v>
      </c>
      <c r="AO11776">
        <v>35</v>
      </c>
      <c r="AP11776">
        <v>34</v>
      </c>
      <c r="AQ11776">
        <v>34</v>
      </c>
    </row>
    <row r="11777" spans="1:43">
      <c r="A11777" t="s">
        <v>7318</v>
      </c>
      <c r="B11777" t="s">
        <v>7319</v>
      </c>
      <c r="C11777" t="s">
        <v>7320</v>
      </c>
      <c r="D11777" t="s">
        <v>7321</v>
      </c>
      <c r="E11777" t="s">
        <v>7278</v>
      </c>
      <c r="F11777" t="s">
        <v>7279</v>
      </c>
      <c r="G11777" t="s">
        <v>80</v>
      </c>
      <c r="H11777" t="s">
        <v>81</v>
      </c>
      <c r="I11777" s="2">
        <v>0</v>
      </c>
      <c r="J11777" s="2">
        <v>1</v>
      </c>
      <c r="K11777" s="2">
        <v>0</v>
      </c>
      <c r="L11777" t="s">
        <v>82</v>
      </c>
      <c r="M11777" t="s">
        <v>83</v>
      </c>
      <c r="N11777" t="s">
        <v>91</v>
      </c>
      <c r="O11777" t="s">
        <v>85</v>
      </c>
      <c r="P11777" t="s">
        <v>86</v>
      </c>
      <c r="Q11777">
        <v>30</v>
      </c>
      <c r="R11777">
        <v>31</v>
      </c>
      <c r="S11777">
        <v>31</v>
      </c>
      <c r="T11777">
        <v>31</v>
      </c>
      <c r="U11777">
        <v>32</v>
      </c>
      <c r="V11777">
        <v>32</v>
      </c>
      <c r="W11777">
        <v>32</v>
      </c>
      <c r="X11777">
        <v>33</v>
      </c>
      <c r="Y11777">
        <v>33</v>
      </c>
      <c r="Z11777">
        <v>33</v>
      </c>
      <c r="AA11777">
        <v>33</v>
      </c>
      <c r="AB11777">
        <v>34</v>
      </c>
      <c r="AC11777">
        <v>34</v>
      </c>
      <c r="AD11777">
        <v>34</v>
      </c>
      <c r="AE11777">
        <v>34</v>
      </c>
      <c r="AF11777">
        <v>35</v>
      </c>
      <c r="AG11777">
        <v>35</v>
      </c>
      <c r="AH11777">
        <v>35</v>
      </c>
      <c r="AI11777">
        <v>35</v>
      </c>
      <c r="AJ11777">
        <v>35</v>
      </c>
      <c r="AK11777">
        <v>35</v>
      </c>
      <c r="AL11777">
        <v>35</v>
      </c>
      <c r="AM11777">
        <v>35</v>
      </c>
      <c r="AN11777">
        <v>35</v>
      </c>
      <c r="AO11777">
        <v>35</v>
      </c>
      <c r="AP11777">
        <v>35</v>
      </c>
      <c r="AQ11777">
        <v>35</v>
      </c>
    </row>
    <row r="11778" spans="1:43">
      <c r="A11778" t="s">
        <v>7322</v>
      </c>
      <c r="B11778" t="s">
        <v>7323</v>
      </c>
      <c r="C11778" t="s">
        <v>7324</v>
      </c>
      <c r="D11778" t="s">
        <v>7325</v>
      </c>
      <c r="E11778" t="s">
        <v>7278</v>
      </c>
      <c r="F11778" t="s">
        <v>7279</v>
      </c>
      <c r="G11778" t="s">
        <v>80</v>
      </c>
      <c r="H11778" t="s">
        <v>81</v>
      </c>
      <c r="I11778" s="2">
        <v>0</v>
      </c>
      <c r="J11778" s="2">
        <v>1</v>
      </c>
      <c r="K11778" s="2">
        <v>0</v>
      </c>
      <c r="L11778" t="s">
        <v>82</v>
      </c>
      <c r="M11778" t="s">
        <v>83</v>
      </c>
      <c r="N11778" t="s">
        <v>84</v>
      </c>
      <c r="O11778" t="s">
        <v>85</v>
      </c>
      <c r="P11778" t="s">
        <v>86</v>
      </c>
      <c r="Q11778">
        <v>39</v>
      </c>
      <c r="R11778">
        <v>39</v>
      </c>
      <c r="S11778">
        <v>40</v>
      </c>
      <c r="T11778">
        <v>40</v>
      </c>
      <c r="U11778">
        <v>41</v>
      </c>
      <c r="V11778">
        <v>41</v>
      </c>
      <c r="W11778">
        <v>41</v>
      </c>
      <c r="X11778">
        <v>42</v>
      </c>
      <c r="Y11778">
        <v>42</v>
      </c>
      <c r="Z11778">
        <v>43</v>
      </c>
      <c r="AA11778">
        <v>43</v>
      </c>
      <c r="AB11778">
        <v>43</v>
      </c>
      <c r="AC11778">
        <v>44</v>
      </c>
      <c r="AD11778">
        <v>44</v>
      </c>
      <c r="AE11778">
        <v>44</v>
      </c>
      <c r="AF11778">
        <v>44</v>
      </c>
      <c r="AG11778">
        <v>45</v>
      </c>
      <c r="AH11778">
        <v>45</v>
      </c>
      <c r="AI11778">
        <v>45</v>
      </c>
      <c r="AJ11778">
        <v>45</v>
      </c>
      <c r="AK11778">
        <v>46</v>
      </c>
      <c r="AL11778">
        <v>46</v>
      </c>
      <c r="AM11778">
        <v>46</v>
      </c>
      <c r="AN11778">
        <v>45</v>
      </c>
      <c r="AO11778">
        <v>45</v>
      </c>
      <c r="AP11778">
        <v>45</v>
      </c>
      <c r="AQ11778">
        <v>45</v>
      </c>
    </row>
    <row r="11779" spans="1:43">
      <c r="A11779" t="s">
        <v>7322</v>
      </c>
      <c r="B11779" t="s">
        <v>7323</v>
      </c>
      <c r="C11779" t="s">
        <v>7324</v>
      </c>
      <c r="D11779" t="s">
        <v>7325</v>
      </c>
      <c r="E11779" t="s">
        <v>7278</v>
      </c>
      <c r="F11779" t="s">
        <v>7279</v>
      </c>
      <c r="G11779" t="s">
        <v>80</v>
      </c>
      <c r="H11779" t="s">
        <v>81</v>
      </c>
      <c r="I11779" s="2">
        <v>0</v>
      </c>
      <c r="J11779" s="2">
        <v>1</v>
      </c>
      <c r="K11779" s="2">
        <v>0</v>
      </c>
      <c r="L11779" t="s">
        <v>82</v>
      </c>
      <c r="M11779" t="s">
        <v>87</v>
      </c>
      <c r="N11779" t="s">
        <v>88</v>
      </c>
      <c r="O11779" t="s">
        <v>85</v>
      </c>
      <c r="P11779" t="s">
        <v>86</v>
      </c>
      <c r="Q11779">
        <v>39</v>
      </c>
      <c r="R11779">
        <v>39</v>
      </c>
      <c r="S11779">
        <v>39</v>
      </c>
      <c r="T11779">
        <v>39</v>
      </c>
      <c r="U11779">
        <v>39</v>
      </c>
      <c r="V11779">
        <v>39</v>
      </c>
      <c r="W11779">
        <v>39</v>
      </c>
      <c r="X11779">
        <v>39</v>
      </c>
      <c r="Y11779">
        <v>39</v>
      </c>
      <c r="Z11779">
        <v>39</v>
      </c>
      <c r="AA11779">
        <v>39</v>
      </c>
      <c r="AB11779">
        <v>39</v>
      </c>
      <c r="AC11779">
        <v>39</v>
      </c>
      <c r="AD11779">
        <v>39</v>
      </c>
      <c r="AE11779">
        <v>39</v>
      </c>
      <c r="AF11779">
        <v>39</v>
      </c>
      <c r="AG11779">
        <v>39</v>
      </c>
      <c r="AH11779">
        <v>39</v>
      </c>
      <c r="AI11779">
        <v>39</v>
      </c>
      <c r="AJ11779">
        <v>39</v>
      </c>
      <c r="AK11779">
        <v>39</v>
      </c>
      <c r="AL11779">
        <v>39</v>
      </c>
      <c r="AM11779">
        <v>39</v>
      </c>
      <c r="AN11779">
        <v>39</v>
      </c>
      <c r="AO11779">
        <v>39</v>
      </c>
      <c r="AP11779">
        <v>39</v>
      </c>
      <c r="AQ11779">
        <v>39</v>
      </c>
    </row>
    <row r="11780" spans="1:43">
      <c r="A11780" t="s">
        <v>7322</v>
      </c>
      <c r="B11780" t="s">
        <v>7323</v>
      </c>
      <c r="C11780" t="s">
        <v>7324</v>
      </c>
      <c r="D11780" t="s">
        <v>7325</v>
      </c>
      <c r="E11780" t="s">
        <v>7278</v>
      </c>
      <c r="F11780" t="s">
        <v>7279</v>
      </c>
      <c r="G11780" t="s">
        <v>80</v>
      </c>
      <c r="H11780" t="s">
        <v>81</v>
      </c>
      <c r="I11780" s="2">
        <v>0</v>
      </c>
      <c r="J11780" s="2">
        <v>1</v>
      </c>
      <c r="K11780" s="2">
        <v>0</v>
      </c>
      <c r="L11780" t="s">
        <v>82</v>
      </c>
      <c r="M11780" t="s">
        <v>89</v>
      </c>
      <c r="N11780" t="s">
        <v>90</v>
      </c>
      <c r="O11780" t="s">
        <v>85</v>
      </c>
      <c r="P11780" t="s">
        <v>86</v>
      </c>
      <c r="Q11780">
        <v>39</v>
      </c>
      <c r="R11780">
        <v>40</v>
      </c>
      <c r="S11780">
        <v>41</v>
      </c>
      <c r="T11780">
        <v>42</v>
      </c>
      <c r="U11780">
        <v>42</v>
      </c>
      <c r="V11780">
        <v>43</v>
      </c>
      <c r="W11780">
        <v>44</v>
      </c>
      <c r="X11780">
        <v>44</v>
      </c>
      <c r="Y11780">
        <v>45</v>
      </c>
      <c r="Z11780">
        <v>45</v>
      </c>
      <c r="AA11780">
        <v>46</v>
      </c>
      <c r="AB11780">
        <v>46</v>
      </c>
      <c r="AC11780">
        <v>47</v>
      </c>
      <c r="AD11780">
        <v>47</v>
      </c>
      <c r="AE11780">
        <v>47</v>
      </c>
      <c r="AF11780">
        <v>47</v>
      </c>
      <c r="AG11780">
        <v>47</v>
      </c>
      <c r="AH11780">
        <v>47</v>
      </c>
      <c r="AI11780">
        <v>47</v>
      </c>
      <c r="AJ11780">
        <v>47</v>
      </c>
      <c r="AK11780">
        <v>46</v>
      </c>
      <c r="AL11780">
        <v>46</v>
      </c>
      <c r="AM11780">
        <v>46</v>
      </c>
      <c r="AN11780">
        <v>46</v>
      </c>
      <c r="AO11780">
        <v>46</v>
      </c>
      <c r="AP11780">
        <v>46</v>
      </c>
      <c r="AQ11780">
        <v>46</v>
      </c>
    </row>
    <row r="11781" spans="1:43">
      <c r="A11781" t="s">
        <v>7322</v>
      </c>
      <c r="B11781" t="s">
        <v>7323</v>
      </c>
      <c r="C11781" t="s">
        <v>7324</v>
      </c>
      <c r="D11781" t="s">
        <v>7325</v>
      </c>
      <c r="E11781" t="s">
        <v>7278</v>
      </c>
      <c r="F11781" t="s">
        <v>7279</v>
      </c>
      <c r="G11781" t="s">
        <v>80</v>
      </c>
      <c r="H11781" t="s">
        <v>81</v>
      </c>
      <c r="I11781" s="2">
        <v>0</v>
      </c>
      <c r="J11781" s="2">
        <v>1</v>
      </c>
      <c r="K11781" s="2">
        <v>0</v>
      </c>
      <c r="L11781" t="s">
        <v>82</v>
      </c>
      <c r="M11781" t="s">
        <v>83</v>
      </c>
      <c r="N11781" t="s">
        <v>91</v>
      </c>
      <c r="O11781" t="s">
        <v>85</v>
      </c>
      <c r="P11781" t="s">
        <v>86</v>
      </c>
      <c r="Q11781">
        <v>39</v>
      </c>
      <c r="R11781">
        <v>39</v>
      </c>
      <c r="S11781">
        <v>40</v>
      </c>
      <c r="T11781">
        <v>40</v>
      </c>
      <c r="U11781">
        <v>41</v>
      </c>
      <c r="V11781">
        <v>41</v>
      </c>
      <c r="W11781">
        <v>41</v>
      </c>
      <c r="X11781">
        <v>42</v>
      </c>
      <c r="Y11781">
        <v>42</v>
      </c>
      <c r="Z11781">
        <v>43</v>
      </c>
      <c r="AA11781">
        <v>43</v>
      </c>
      <c r="AB11781">
        <v>43</v>
      </c>
      <c r="AC11781">
        <v>44</v>
      </c>
      <c r="AD11781">
        <v>44</v>
      </c>
      <c r="AE11781">
        <v>44</v>
      </c>
      <c r="AF11781">
        <v>44</v>
      </c>
      <c r="AG11781">
        <v>45</v>
      </c>
      <c r="AH11781">
        <v>45</v>
      </c>
      <c r="AI11781">
        <v>45</v>
      </c>
      <c r="AJ11781">
        <v>45</v>
      </c>
      <c r="AK11781">
        <v>46</v>
      </c>
      <c r="AL11781">
        <v>46</v>
      </c>
      <c r="AM11781">
        <v>46</v>
      </c>
      <c r="AN11781">
        <v>45</v>
      </c>
      <c r="AO11781">
        <v>45</v>
      </c>
      <c r="AP11781">
        <v>45</v>
      </c>
      <c r="AQ11781">
        <v>45</v>
      </c>
    </row>
    <row r="11782" spans="1:43">
      <c r="A11782" t="s">
        <v>7326</v>
      </c>
      <c r="B11782" t="s">
        <v>7327</v>
      </c>
      <c r="C11782" t="s">
        <v>7320</v>
      </c>
      <c r="D11782" t="s">
        <v>7321</v>
      </c>
      <c r="E11782" t="s">
        <v>7278</v>
      </c>
      <c r="F11782" t="s">
        <v>7279</v>
      </c>
      <c r="G11782" t="s">
        <v>80</v>
      </c>
      <c r="H11782" t="s">
        <v>81</v>
      </c>
      <c r="I11782" s="2">
        <v>0</v>
      </c>
      <c r="J11782" s="2">
        <v>1</v>
      </c>
      <c r="K11782" s="2">
        <v>0</v>
      </c>
      <c r="L11782" t="s">
        <v>82</v>
      </c>
      <c r="M11782" t="s">
        <v>83</v>
      </c>
      <c r="N11782" t="s">
        <v>84</v>
      </c>
      <c r="O11782" t="s">
        <v>85</v>
      </c>
      <c r="P11782" t="s">
        <v>86</v>
      </c>
      <c r="Q11782">
        <v>20</v>
      </c>
      <c r="R11782">
        <v>21</v>
      </c>
      <c r="S11782">
        <v>21</v>
      </c>
      <c r="T11782">
        <v>21</v>
      </c>
      <c r="U11782">
        <v>21</v>
      </c>
      <c r="V11782">
        <v>22</v>
      </c>
      <c r="W11782">
        <v>22</v>
      </c>
      <c r="X11782">
        <v>22</v>
      </c>
      <c r="Y11782">
        <v>22</v>
      </c>
      <c r="Z11782">
        <v>22</v>
      </c>
      <c r="AA11782">
        <v>23</v>
      </c>
      <c r="AB11782">
        <v>23</v>
      </c>
      <c r="AC11782">
        <v>23</v>
      </c>
      <c r="AD11782">
        <v>23</v>
      </c>
      <c r="AE11782">
        <v>23</v>
      </c>
      <c r="AF11782">
        <v>23</v>
      </c>
      <c r="AG11782">
        <v>24</v>
      </c>
      <c r="AH11782">
        <v>24</v>
      </c>
      <c r="AI11782">
        <v>24</v>
      </c>
      <c r="AJ11782">
        <v>24</v>
      </c>
      <c r="AK11782">
        <v>24</v>
      </c>
      <c r="AL11782">
        <v>24</v>
      </c>
      <c r="AM11782">
        <v>24</v>
      </c>
      <c r="AN11782">
        <v>24</v>
      </c>
      <c r="AO11782">
        <v>24</v>
      </c>
      <c r="AP11782">
        <v>24</v>
      </c>
      <c r="AQ11782">
        <v>24</v>
      </c>
    </row>
    <row r="11783" spans="1:43">
      <c r="A11783" t="s">
        <v>7326</v>
      </c>
      <c r="B11783" t="s">
        <v>7327</v>
      </c>
      <c r="C11783" t="s">
        <v>7320</v>
      </c>
      <c r="D11783" t="s">
        <v>7321</v>
      </c>
      <c r="E11783" t="s">
        <v>7278</v>
      </c>
      <c r="F11783" t="s">
        <v>7279</v>
      </c>
      <c r="G11783" t="s">
        <v>80</v>
      </c>
      <c r="H11783" t="s">
        <v>81</v>
      </c>
      <c r="I11783" s="2">
        <v>0</v>
      </c>
      <c r="J11783" s="2">
        <v>1</v>
      </c>
      <c r="K11783" s="2">
        <v>0</v>
      </c>
      <c r="L11783" t="s">
        <v>82</v>
      </c>
      <c r="M11783" t="s">
        <v>87</v>
      </c>
      <c r="N11783" t="s">
        <v>88</v>
      </c>
      <c r="O11783" t="s">
        <v>85</v>
      </c>
      <c r="P11783" t="s">
        <v>86</v>
      </c>
      <c r="Q11783">
        <v>20</v>
      </c>
      <c r="R11783">
        <v>20</v>
      </c>
      <c r="S11783">
        <v>20</v>
      </c>
      <c r="T11783">
        <v>20</v>
      </c>
      <c r="U11783">
        <v>20</v>
      </c>
      <c r="V11783">
        <v>20</v>
      </c>
      <c r="W11783">
        <v>20</v>
      </c>
      <c r="X11783">
        <v>21</v>
      </c>
      <c r="Y11783">
        <v>21</v>
      </c>
      <c r="Z11783">
        <v>21</v>
      </c>
      <c r="AA11783">
        <v>21</v>
      </c>
      <c r="AB11783">
        <v>21</v>
      </c>
      <c r="AC11783">
        <v>21</v>
      </c>
      <c r="AD11783">
        <v>21</v>
      </c>
      <c r="AE11783">
        <v>21</v>
      </c>
      <c r="AF11783">
        <v>21</v>
      </c>
      <c r="AG11783">
        <v>21</v>
      </c>
      <c r="AH11783">
        <v>21</v>
      </c>
      <c r="AI11783">
        <v>21</v>
      </c>
      <c r="AJ11783">
        <v>21</v>
      </c>
      <c r="AK11783">
        <v>21</v>
      </c>
      <c r="AL11783">
        <v>21</v>
      </c>
      <c r="AM11783">
        <v>21</v>
      </c>
      <c r="AN11783">
        <v>21</v>
      </c>
      <c r="AO11783">
        <v>21</v>
      </c>
      <c r="AP11783">
        <v>21</v>
      </c>
      <c r="AQ11783">
        <v>21</v>
      </c>
    </row>
    <row r="11784" spans="1:43">
      <c r="A11784" t="s">
        <v>7326</v>
      </c>
      <c r="B11784" t="s">
        <v>7327</v>
      </c>
      <c r="C11784" t="s">
        <v>7320</v>
      </c>
      <c r="D11784" t="s">
        <v>7321</v>
      </c>
      <c r="E11784" t="s">
        <v>7278</v>
      </c>
      <c r="F11784" t="s">
        <v>7279</v>
      </c>
      <c r="G11784" t="s">
        <v>80</v>
      </c>
      <c r="H11784" t="s">
        <v>81</v>
      </c>
      <c r="I11784" s="2">
        <v>0</v>
      </c>
      <c r="J11784" s="2">
        <v>1</v>
      </c>
      <c r="K11784" s="2">
        <v>0</v>
      </c>
      <c r="L11784" t="s">
        <v>82</v>
      </c>
      <c r="M11784" t="s">
        <v>89</v>
      </c>
      <c r="N11784" t="s">
        <v>90</v>
      </c>
      <c r="O11784" t="s">
        <v>85</v>
      </c>
      <c r="P11784" t="s">
        <v>86</v>
      </c>
      <c r="Q11784">
        <v>20</v>
      </c>
      <c r="R11784">
        <v>20</v>
      </c>
      <c r="S11784">
        <v>20</v>
      </c>
      <c r="T11784">
        <v>21</v>
      </c>
      <c r="U11784">
        <v>21</v>
      </c>
      <c r="V11784">
        <v>22</v>
      </c>
      <c r="W11784">
        <v>22</v>
      </c>
      <c r="X11784">
        <v>22</v>
      </c>
      <c r="Y11784">
        <v>23</v>
      </c>
      <c r="Z11784">
        <v>23</v>
      </c>
      <c r="AA11784">
        <v>23</v>
      </c>
      <c r="AB11784">
        <v>23</v>
      </c>
      <c r="AC11784">
        <v>24</v>
      </c>
      <c r="AD11784">
        <v>24</v>
      </c>
      <c r="AE11784">
        <v>24</v>
      </c>
      <c r="AF11784">
        <v>24</v>
      </c>
      <c r="AG11784">
        <v>24</v>
      </c>
      <c r="AH11784">
        <v>24</v>
      </c>
      <c r="AI11784">
        <v>24</v>
      </c>
      <c r="AJ11784">
        <v>24</v>
      </c>
      <c r="AK11784">
        <v>24</v>
      </c>
      <c r="AL11784">
        <v>24</v>
      </c>
      <c r="AM11784">
        <v>24</v>
      </c>
      <c r="AN11784">
        <v>23</v>
      </c>
      <c r="AO11784">
        <v>23</v>
      </c>
      <c r="AP11784">
        <v>23</v>
      </c>
      <c r="AQ11784">
        <v>23</v>
      </c>
    </row>
    <row r="11785" spans="1:43">
      <c r="A11785" t="s">
        <v>7326</v>
      </c>
      <c r="B11785" t="s">
        <v>7327</v>
      </c>
      <c r="C11785" t="s">
        <v>7320</v>
      </c>
      <c r="D11785" t="s">
        <v>7321</v>
      </c>
      <c r="E11785" t="s">
        <v>7278</v>
      </c>
      <c r="F11785" t="s">
        <v>7279</v>
      </c>
      <c r="G11785" t="s">
        <v>80</v>
      </c>
      <c r="H11785" t="s">
        <v>81</v>
      </c>
      <c r="I11785" s="2">
        <v>0</v>
      </c>
      <c r="J11785" s="2">
        <v>1</v>
      </c>
      <c r="K11785" s="2">
        <v>0</v>
      </c>
      <c r="L11785" t="s">
        <v>82</v>
      </c>
      <c r="M11785" t="s">
        <v>83</v>
      </c>
      <c r="N11785" t="s">
        <v>91</v>
      </c>
      <c r="O11785" t="s">
        <v>85</v>
      </c>
      <c r="P11785" t="s">
        <v>86</v>
      </c>
      <c r="Q11785">
        <v>20</v>
      </c>
      <c r="R11785">
        <v>21</v>
      </c>
      <c r="S11785">
        <v>21</v>
      </c>
      <c r="T11785">
        <v>21</v>
      </c>
      <c r="U11785">
        <v>21</v>
      </c>
      <c r="V11785">
        <v>22</v>
      </c>
      <c r="W11785">
        <v>22</v>
      </c>
      <c r="X11785">
        <v>22</v>
      </c>
      <c r="Y11785">
        <v>22</v>
      </c>
      <c r="Z11785">
        <v>22</v>
      </c>
      <c r="AA11785">
        <v>23</v>
      </c>
      <c r="AB11785">
        <v>23</v>
      </c>
      <c r="AC11785">
        <v>23</v>
      </c>
      <c r="AD11785">
        <v>23</v>
      </c>
      <c r="AE11785">
        <v>23</v>
      </c>
      <c r="AF11785">
        <v>23</v>
      </c>
      <c r="AG11785">
        <v>24</v>
      </c>
      <c r="AH11785">
        <v>24</v>
      </c>
      <c r="AI11785">
        <v>24</v>
      </c>
      <c r="AJ11785">
        <v>24</v>
      </c>
      <c r="AK11785">
        <v>24</v>
      </c>
      <c r="AL11785">
        <v>24</v>
      </c>
      <c r="AM11785">
        <v>24</v>
      </c>
      <c r="AN11785">
        <v>24</v>
      </c>
      <c r="AO11785">
        <v>24</v>
      </c>
      <c r="AP11785">
        <v>24</v>
      </c>
      <c r="AQ11785">
        <v>24</v>
      </c>
    </row>
    <row r="11786" spans="1:43">
      <c r="A11786" t="s">
        <v>7328</v>
      </c>
      <c r="B11786" t="s">
        <v>7329</v>
      </c>
      <c r="C11786" t="s">
        <v>7330</v>
      </c>
      <c r="D11786" t="s">
        <v>7331</v>
      </c>
      <c r="E11786" t="s">
        <v>7278</v>
      </c>
      <c r="F11786" t="s">
        <v>7279</v>
      </c>
      <c r="G11786" t="s">
        <v>80</v>
      </c>
      <c r="H11786" t="s">
        <v>81</v>
      </c>
      <c r="I11786" s="2">
        <v>0</v>
      </c>
      <c r="J11786" s="2">
        <v>1</v>
      </c>
      <c r="K11786" s="2">
        <v>0</v>
      </c>
      <c r="L11786" t="s">
        <v>82</v>
      </c>
      <c r="M11786" t="s">
        <v>83</v>
      </c>
      <c r="N11786" t="s">
        <v>84</v>
      </c>
      <c r="O11786" t="s">
        <v>85</v>
      </c>
      <c r="P11786" t="s">
        <v>86</v>
      </c>
      <c r="Q11786">
        <v>79</v>
      </c>
      <c r="R11786">
        <v>80</v>
      </c>
      <c r="S11786">
        <v>81</v>
      </c>
      <c r="T11786">
        <v>82</v>
      </c>
      <c r="U11786">
        <v>83</v>
      </c>
      <c r="V11786">
        <v>84</v>
      </c>
      <c r="W11786">
        <v>84</v>
      </c>
      <c r="X11786">
        <v>85</v>
      </c>
      <c r="Y11786">
        <v>86</v>
      </c>
      <c r="Z11786">
        <v>87</v>
      </c>
      <c r="AA11786">
        <v>88</v>
      </c>
      <c r="AB11786">
        <v>88</v>
      </c>
      <c r="AC11786">
        <v>89</v>
      </c>
      <c r="AD11786">
        <v>90</v>
      </c>
      <c r="AE11786">
        <v>90</v>
      </c>
      <c r="AF11786">
        <v>91</v>
      </c>
      <c r="AG11786">
        <v>92</v>
      </c>
      <c r="AH11786">
        <v>92</v>
      </c>
      <c r="AI11786">
        <v>93</v>
      </c>
      <c r="AJ11786">
        <v>93</v>
      </c>
      <c r="AK11786">
        <v>94</v>
      </c>
      <c r="AL11786">
        <v>94</v>
      </c>
      <c r="AM11786">
        <v>94</v>
      </c>
      <c r="AN11786">
        <v>94</v>
      </c>
      <c r="AO11786">
        <v>93</v>
      </c>
      <c r="AP11786">
        <v>93</v>
      </c>
      <c r="AQ11786">
        <v>93</v>
      </c>
    </row>
    <row r="11787" spans="1:43">
      <c r="A11787" t="s">
        <v>7328</v>
      </c>
      <c r="B11787" t="s">
        <v>7329</v>
      </c>
      <c r="C11787" t="s">
        <v>7330</v>
      </c>
      <c r="D11787" t="s">
        <v>7331</v>
      </c>
      <c r="E11787" t="s">
        <v>7278</v>
      </c>
      <c r="F11787" t="s">
        <v>7279</v>
      </c>
      <c r="G11787" t="s">
        <v>80</v>
      </c>
      <c r="H11787" t="s">
        <v>81</v>
      </c>
      <c r="I11787" s="2">
        <v>0</v>
      </c>
      <c r="J11787" s="2">
        <v>1</v>
      </c>
      <c r="K11787" s="2">
        <v>0</v>
      </c>
      <c r="L11787" t="s">
        <v>82</v>
      </c>
      <c r="M11787" t="s">
        <v>87</v>
      </c>
      <c r="N11787" t="s">
        <v>88</v>
      </c>
      <c r="O11787" t="s">
        <v>85</v>
      </c>
      <c r="P11787" t="s">
        <v>86</v>
      </c>
      <c r="Q11787">
        <v>79</v>
      </c>
      <c r="R11787">
        <v>80</v>
      </c>
      <c r="S11787">
        <v>80</v>
      </c>
      <c r="T11787">
        <v>80</v>
      </c>
      <c r="U11787">
        <v>80</v>
      </c>
      <c r="V11787">
        <v>80</v>
      </c>
      <c r="W11787">
        <v>80</v>
      </c>
      <c r="X11787">
        <v>80</v>
      </c>
      <c r="Y11787">
        <v>81</v>
      </c>
      <c r="Z11787">
        <v>81</v>
      </c>
      <c r="AA11787">
        <v>81</v>
      </c>
      <c r="AB11787">
        <v>81</v>
      </c>
      <c r="AC11787">
        <v>81</v>
      </c>
      <c r="AD11787">
        <v>81</v>
      </c>
      <c r="AE11787">
        <v>81</v>
      </c>
      <c r="AF11787">
        <v>81</v>
      </c>
      <c r="AG11787">
        <v>81</v>
      </c>
      <c r="AH11787">
        <v>81</v>
      </c>
      <c r="AI11787">
        <v>81</v>
      </c>
      <c r="AJ11787">
        <v>81</v>
      </c>
      <c r="AK11787">
        <v>81</v>
      </c>
      <c r="AL11787">
        <v>81</v>
      </c>
      <c r="AM11787">
        <v>82</v>
      </c>
      <c r="AN11787">
        <v>82</v>
      </c>
      <c r="AO11787">
        <v>82</v>
      </c>
      <c r="AP11787">
        <v>82</v>
      </c>
      <c r="AQ11787">
        <v>82</v>
      </c>
    </row>
    <row r="11788" spans="1:43">
      <c r="A11788" t="s">
        <v>7328</v>
      </c>
      <c r="B11788" t="s">
        <v>7329</v>
      </c>
      <c r="C11788" t="s">
        <v>7330</v>
      </c>
      <c r="D11788" t="s">
        <v>7331</v>
      </c>
      <c r="E11788" t="s">
        <v>7278</v>
      </c>
      <c r="F11788" t="s">
        <v>7279</v>
      </c>
      <c r="G11788" t="s">
        <v>80</v>
      </c>
      <c r="H11788" t="s">
        <v>81</v>
      </c>
      <c r="I11788" s="2">
        <v>0</v>
      </c>
      <c r="J11788" s="2">
        <v>1</v>
      </c>
      <c r="K11788" s="2">
        <v>0</v>
      </c>
      <c r="L11788" t="s">
        <v>82</v>
      </c>
      <c r="M11788" t="s">
        <v>89</v>
      </c>
      <c r="N11788" t="s">
        <v>90</v>
      </c>
      <c r="O11788" t="s">
        <v>85</v>
      </c>
      <c r="P11788" t="s">
        <v>86</v>
      </c>
      <c r="Q11788">
        <v>79</v>
      </c>
      <c r="R11788">
        <v>80</v>
      </c>
      <c r="S11788">
        <v>82</v>
      </c>
      <c r="T11788">
        <v>84</v>
      </c>
      <c r="U11788">
        <v>85</v>
      </c>
      <c r="V11788">
        <v>86</v>
      </c>
      <c r="W11788">
        <v>88</v>
      </c>
      <c r="X11788">
        <v>89</v>
      </c>
      <c r="Y11788">
        <v>90</v>
      </c>
      <c r="Z11788">
        <v>91</v>
      </c>
      <c r="AA11788">
        <v>92</v>
      </c>
      <c r="AB11788">
        <v>93</v>
      </c>
      <c r="AC11788">
        <v>94</v>
      </c>
      <c r="AD11788">
        <v>95</v>
      </c>
      <c r="AE11788">
        <v>96</v>
      </c>
      <c r="AF11788">
        <v>95</v>
      </c>
      <c r="AG11788">
        <v>95</v>
      </c>
      <c r="AH11788">
        <v>95</v>
      </c>
      <c r="AI11788">
        <v>95</v>
      </c>
      <c r="AJ11788">
        <v>95</v>
      </c>
      <c r="AK11788">
        <v>95</v>
      </c>
      <c r="AL11788">
        <v>94</v>
      </c>
      <c r="AM11788">
        <v>94</v>
      </c>
      <c r="AN11788">
        <v>94</v>
      </c>
      <c r="AO11788">
        <v>94</v>
      </c>
      <c r="AP11788">
        <v>94</v>
      </c>
      <c r="AQ11788">
        <v>93</v>
      </c>
    </row>
    <row r="11789" spans="1:43">
      <c r="A11789" t="s">
        <v>7328</v>
      </c>
      <c r="B11789" t="s">
        <v>7329</v>
      </c>
      <c r="C11789" t="s">
        <v>7330</v>
      </c>
      <c r="D11789" t="s">
        <v>7331</v>
      </c>
      <c r="E11789" t="s">
        <v>7278</v>
      </c>
      <c r="F11789" t="s">
        <v>7279</v>
      </c>
      <c r="G11789" t="s">
        <v>80</v>
      </c>
      <c r="H11789" t="s">
        <v>81</v>
      </c>
      <c r="I11789" s="2">
        <v>0</v>
      </c>
      <c r="J11789" s="2">
        <v>1</v>
      </c>
      <c r="K11789" s="2">
        <v>0</v>
      </c>
      <c r="L11789" t="s">
        <v>82</v>
      </c>
      <c r="M11789" t="s">
        <v>83</v>
      </c>
      <c r="N11789" t="s">
        <v>91</v>
      </c>
      <c r="O11789" t="s">
        <v>85</v>
      </c>
      <c r="P11789" t="s">
        <v>86</v>
      </c>
      <c r="Q11789">
        <v>79</v>
      </c>
      <c r="R11789">
        <v>80</v>
      </c>
      <c r="S11789">
        <v>81</v>
      </c>
      <c r="T11789">
        <v>82</v>
      </c>
      <c r="U11789">
        <v>83</v>
      </c>
      <c r="V11789">
        <v>84</v>
      </c>
      <c r="W11789">
        <v>84</v>
      </c>
      <c r="X11789">
        <v>85</v>
      </c>
      <c r="Y11789">
        <v>86</v>
      </c>
      <c r="Z11789">
        <v>87</v>
      </c>
      <c r="AA11789">
        <v>88</v>
      </c>
      <c r="AB11789">
        <v>88</v>
      </c>
      <c r="AC11789">
        <v>89</v>
      </c>
      <c r="AD11789">
        <v>90</v>
      </c>
      <c r="AE11789">
        <v>90</v>
      </c>
      <c r="AF11789">
        <v>91</v>
      </c>
      <c r="AG11789">
        <v>92</v>
      </c>
      <c r="AH11789">
        <v>92</v>
      </c>
      <c r="AI11789">
        <v>93</v>
      </c>
      <c r="AJ11789">
        <v>93</v>
      </c>
      <c r="AK11789">
        <v>94</v>
      </c>
      <c r="AL11789">
        <v>94</v>
      </c>
      <c r="AM11789">
        <v>94</v>
      </c>
      <c r="AN11789">
        <v>94</v>
      </c>
      <c r="AO11789">
        <v>93</v>
      </c>
      <c r="AP11789">
        <v>93</v>
      </c>
      <c r="AQ11789">
        <v>93</v>
      </c>
    </row>
    <row r="11790" spans="1:43">
      <c r="A11790" t="s">
        <v>7332</v>
      </c>
      <c r="B11790" t="s">
        <v>7333</v>
      </c>
      <c r="C11790" t="s">
        <v>7320</v>
      </c>
      <c r="D11790" t="s">
        <v>7321</v>
      </c>
      <c r="E11790" t="s">
        <v>7278</v>
      </c>
      <c r="F11790" t="s">
        <v>7279</v>
      </c>
      <c r="G11790" t="s">
        <v>80</v>
      </c>
      <c r="H11790" t="s">
        <v>81</v>
      </c>
      <c r="I11790" s="2">
        <v>0</v>
      </c>
      <c r="J11790" s="2">
        <v>1</v>
      </c>
      <c r="K11790" s="2">
        <v>0</v>
      </c>
      <c r="L11790" t="s">
        <v>82</v>
      </c>
      <c r="M11790" t="s">
        <v>83</v>
      </c>
      <c r="N11790" t="s">
        <v>84</v>
      </c>
      <c r="O11790" t="s">
        <v>85</v>
      </c>
      <c r="P11790" t="s">
        <v>86</v>
      </c>
      <c r="Q11790">
        <v>60</v>
      </c>
      <c r="R11790">
        <v>61</v>
      </c>
      <c r="S11790">
        <v>62</v>
      </c>
      <c r="T11790">
        <v>62</v>
      </c>
      <c r="U11790">
        <v>63</v>
      </c>
      <c r="V11790">
        <v>64</v>
      </c>
      <c r="W11790">
        <v>64</v>
      </c>
      <c r="X11790">
        <v>65</v>
      </c>
      <c r="Y11790">
        <v>65</v>
      </c>
      <c r="Z11790">
        <v>66</v>
      </c>
      <c r="AA11790">
        <v>67</v>
      </c>
      <c r="AB11790">
        <v>67</v>
      </c>
      <c r="AC11790">
        <v>67</v>
      </c>
      <c r="AD11790">
        <v>68</v>
      </c>
      <c r="AE11790">
        <v>68</v>
      </c>
      <c r="AF11790">
        <v>69</v>
      </c>
      <c r="AG11790">
        <v>69</v>
      </c>
      <c r="AH11790">
        <v>70</v>
      </c>
      <c r="AI11790">
        <v>70</v>
      </c>
      <c r="AJ11790">
        <v>70</v>
      </c>
      <c r="AK11790">
        <v>71</v>
      </c>
      <c r="AL11790">
        <v>71</v>
      </c>
      <c r="AM11790">
        <v>70</v>
      </c>
      <c r="AN11790">
        <v>70</v>
      </c>
      <c r="AO11790">
        <v>70</v>
      </c>
      <c r="AP11790">
        <v>70</v>
      </c>
      <c r="AQ11790">
        <v>70</v>
      </c>
    </row>
    <row r="11791" spans="1:43">
      <c r="A11791" t="s">
        <v>7332</v>
      </c>
      <c r="B11791" t="s">
        <v>7333</v>
      </c>
      <c r="C11791" t="s">
        <v>7320</v>
      </c>
      <c r="D11791" t="s">
        <v>7321</v>
      </c>
      <c r="E11791" t="s">
        <v>7278</v>
      </c>
      <c r="F11791" t="s">
        <v>7279</v>
      </c>
      <c r="G11791" t="s">
        <v>80</v>
      </c>
      <c r="H11791" t="s">
        <v>81</v>
      </c>
      <c r="I11791" s="2">
        <v>0</v>
      </c>
      <c r="J11791" s="2">
        <v>1</v>
      </c>
      <c r="K11791" s="2">
        <v>0</v>
      </c>
      <c r="L11791" t="s">
        <v>82</v>
      </c>
      <c r="M11791" t="s">
        <v>87</v>
      </c>
      <c r="N11791" t="s">
        <v>88</v>
      </c>
      <c r="O11791" t="s">
        <v>85</v>
      </c>
      <c r="P11791" t="s">
        <v>86</v>
      </c>
      <c r="Q11791">
        <v>60</v>
      </c>
      <c r="R11791">
        <v>60</v>
      </c>
      <c r="S11791">
        <v>60</v>
      </c>
      <c r="T11791">
        <v>60</v>
      </c>
      <c r="U11791">
        <v>60</v>
      </c>
      <c r="V11791">
        <v>60</v>
      </c>
      <c r="W11791">
        <v>60</v>
      </c>
      <c r="X11791">
        <v>60</v>
      </c>
      <c r="Y11791">
        <v>60</v>
      </c>
      <c r="Z11791">
        <v>60</v>
      </c>
      <c r="AA11791">
        <v>61</v>
      </c>
      <c r="AB11791">
        <v>61</v>
      </c>
      <c r="AC11791">
        <v>61</v>
      </c>
      <c r="AD11791">
        <v>61</v>
      </c>
      <c r="AE11791">
        <v>61</v>
      </c>
      <c r="AF11791">
        <v>61</v>
      </c>
      <c r="AG11791">
        <v>61</v>
      </c>
      <c r="AH11791">
        <v>61</v>
      </c>
      <c r="AI11791">
        <v>61</v>
      </c>
      <c r="AJ11791">
        <v>61</v>
      </c>
      <c r="AK11791">
        <v>61</v>
      </c>
      <c r="AL11791">
        <v>60</v>
      </c>
      <c r="AM11791">
        <v>60</v>
      </c>
      <c r="AN11791">
        <v>60</v>
      </c>
      <c r="AO11791">
        <v>60</v>
      </c>
      <c r="AP11791">
        <v>60</v>
      </c>
      <c r="AQ11791">
        <v>60</v>
      </c>
    </row>
    <row r="11792" spans="1:43">
      <c r="A11792" t="s">
        <v>7332</v>
      </c>
      <c r="B11792" t="s">
        <v>7333</v>
      </c>
      <c r="C11792" t="s">
        <v>7320</v>
      </c>
      <c r="D11792" t="s">
        <v>7321</v>
      </c>
      <c r="E11792" t="s">
        <v>7278</v>
      </c>
      <c r="F11792" t="s">
        <v>7279</v>
      </c>
      <c r="G11792" t="s">
        <v>80</v>
      </c>
      <c r="H11792" t="s">
        <v>81</v>
      </c>
      <c r="I11792" s="2">
        <v>0</v>
      </c>
      <c r="J11792" s="2">
        <v>1</v>
      </c>
      <c r="K11792" s="2">
        <v>0</v>
      </c>
      <c r="L11792" t="s">
        <v>82</v>
      </c>
      <c r="M11792" t="s">
        <v>89</v>
      </c>
      <c r="N11792" t="s">
        <v>90</v>
      </c>
      <c r="O11792" t="s">
        <v>85</v>
      </c>
      <c r="P11792" t="s">
        <v>86</v>
      </c>
      <c r="Q11792">
        <v>60</v>
      </c>
      <c r="R11792">
        <v>61</v>
      </c>
      <c r="S11792">
        <v>62</v>
      </c>
      <c r="T11792">
        <v>63</v>
      </c>
      <c r="U11792">
        <v>65</v>
      </c>
      <c r="V11792">
        <v>66</v>
      </c>
      <c r="W11792">
        <v>67</v>
      </c>
      <c r="X11792">
        <v>67</v>
      </c>
      <c r="Y11792">
        <v>68</v>
      </c>
      <c r="Z11792">
        <v>69</v>
      </c>
      <c r="AA11792">
        <v>70</v>
      </c>
      <c r="AB11792">
        <v>70</v>
      </c>
      <c r="AC11792">
        <v>71</v>
      </c>
      <c r="AD11792">
        <v>72</v>
      </c>
      <c r="AE11792">
        <v>72</v>
      </c>
      <c r="AF11792">
        <v>72</v>
      </c>
      <c r="AG11792">
        <v>72</v>
      </c>
      <c r="AH11792">
        <v>72</v>
      </c>
      <c r="AI11792">
        <v>71</v>
      </c>
      <c r="AJ11792">
        <v>71</v>
      </c>
      <c r="AK11792">
        <v>71</v>
      </c>
      <c r="AL11792">
        <v>71</v>
      </c>
      <c r="AM11792">
        <v>70</v>
      </c>
      <c r="AN11792">
        <v>70</v>
      </c>
      <c r="AO11792">
        <v>70</v>
      </c>
      <c r="AP11792">
        <v>70</v>
      </c>
      <c r="AQ11792">
        <v>69</v>
      </c>
    </row>
    <row r="11793" spans="1:43">
      <c r="A11793" t="s">
        <v>7332</v>
      </c>
      <c r="B11793" t="s">
        <v>7333</v>
      </c>
      <c r="C11793" t="s">
        <v>7320</v>
      </c>
      <c r="D11793" t="s">
        <v>7321</v>
      </c>
      <c r="E11793" t="s">
        <v>7278</v>
      </c>
      <c r="F11793" t="s">
        <v>7279</v>
      </c>
      <c r="G11793" t="s">
        <v>80</v>
      </c>
      <c r="H11793" t="s">
        <v>81</v>
      </c>
      <c r="I11793" s="2">
        <v>0</v>
      </c>
      <c r="J11793" s="2">
        <v>1</v>
      </c>
      <c r="K11793" s="2">
        <v>0</v>
      </c>
      <c r="L11793" t="s">
        <v>82</v>
      </c>
      <c r="M11793" t="s">
        <v>83</v>
      </c>
      <c r="N11793" t="s">
        <v>91</v>
      </c>
      <c r="O11793" t="s">
        <v>85</v>
      </c>
      <c r="P11793" t="s">
        <v>86</v>
      </c>
      <c r="Q11793">
        <v>60</v>
      </c>
      <c r="R11793">
        <v>61</v>
      </c>
      <c r="S11793">
        <v>62</v>
      </c>
      <c r="T11793">
        <v>62</v>
      </c>
      <c r="U11793">
        <v>63</v>
      </c>
      <c r="V11793">
        <v>64</v>
      </c>
      <c r="W11793">
        <v>64</v>
      </c>
      <c r="X11793">
        <v>65</v>
      </c>
      <c r="Y11793">
        <v>65</v>
      </c>
      <c r="Z11793">
        <v>66</v>
      </c>
      <c r="AA11793">
        <v>67</v>
      </c>
      <c r="AB11793">
        <v>67</v>
      </c>
      <c r="AC11793">
        <v>67</v>
      </c>
      <c r="AD11793">
        <v>68</v>
      </c>
      <c r="AE11793">
        <v>68</v>
      </c>
      <c r="AF11793">
        <v>69</v>
      </c>
      <c r="AG11793">
        <v>69</v>
      </c>
      <c r="AH11793">
        <v>70</v>
      </c>
      <c r="AI11793">
        <v>70</v>
      </c>
      <c r="AJ11793">
        <v>70</v>
      </c>
      <c r="AK11793">
        <v>71</v>
      </c>
      <c r="AL11793">
        <v>71</v>
      </c>
      <c r="AM11793">
        <v>70</v>
      </c>
      <c r="AN11793">
        <v>70</v>
      </c>
      <c r="AO11793">
        <v>70</v>
      </c>
      <c r="AP11793">
        <v>70</v>
      </c>
      <c r="AQ11793">
        <v>70</v>
      </c>
    </row>
    <row r="11794" spans="1:43">
      <c r="A11794" t="s">
        <v>7334</v>
      </c>
      <c r="B11794" t="s">
        <v>7335</v>
      </c>
      <c r="C11794" t="s">
        <v>7330</v>
      </c>
      <c r="D11794" t="s">
        <v>7331</v>
      </c>
      <c r="E11794" t="s">
        <v>7278</v>
      </c>
      <c r="F11794" t="s">
        <v>7279</v>
      </c>
      <c r="G11794" t="s">
        <v>80</v>
      </c>
      <c r="H11794" t="s">
        <v>81</v>
      </c>
      <c r="I11794" s="2">
        <v>0</v>
      </c>
      <c r="J11794" s="2">
        <v>1</v>
      </c>
      <c r="K11794" s="2">
        <v>0</v>
      </c>
      <c r="L11794" t="s">
        <v>82</v>
      </c>
      <c r="M11794" t="s">
        <v>83</v>
      </c>
      <c r="N11794" t="s">
        <v>84</v>
      </c>
      <c r="O11794" t="s">
        <v>85</v>
      </c>
      <c r="P11794" t="s">
        <v>86</v>
      </c>
      <c r="Q11794">
        <v>68</v>
      </c>
      <c r="R11794">
        <v>69</v>
      </c>
      <c r="S11794">
        <v>70</v>
      </c>
      <c r="T11794">
        <v>70</v>
      </c>
      <c r="U11794">
        <v>71</v>
      </c>
      <c r="V11794">
        <v>72</v>
      </c>
      <c r="W11794">
        <v>73</v>
      </c>
      <c r="X11794">
        <v>73</v>
      </c>
      <c r="Y11794">
        <v>74</v>
      </c>
      <c r="Z11794">
        <v>75</v>
      </c>
      <c r="AA11794">
        <v>75</v>
      </c>
      <c r="AB11794">
        <v>76</v>
      </c>
      <c r="AC11794">
        <v>76</v>
      </c>
      <c r="AD11794">
        <v>77</v>
      </c>
      <c r="AE11794">
        <v>78</v>
      </c>
      <c r="AF11794">
        <v>78</v>
      </c>
      <c r="AG11794">
        <v>79</v>
      </c>
      <c r="AH11794">
        <v>79</v>
      </c>
      <c r="AI11794">
        <v>80</v>
      </c>
      <c r="AJ11794">
        <v>80</v>
      </c>
      <c r="AK11794">
        <v>81</v>
      </c>
      <c r="AL11794">
        <v>81</v>
      </c>
      <c r="AM11794">
        <v>80</v>
      </c>
      <c r="AN11794">
        <v>80</v>
      </c>
      <c r="AO11794">
        <v>80</v>
      </c>
      <c r="AP11794">
        <v>80</v>
      </c>
      <c r="AQ11794">
        <v>80</v>
      </c>
    </row>
    <row r="11795" spans="1:43">
      <c r="A11795" t="s">
        <v>7334</v>
      </c>
      <c r="B11795" t="s">
        <v>7335</v>
      </c>
      <c r="C11795" t="s">
        <v>7330</v>
      </c>
      <c r="D11795" t="s">
        <v>7331</v>
      </c>
      <c r="E11795" t="s">
        <v>7278</v>
      </c>
      <c r="F11795" t="s">
        <v>7279</v>
      </c>
      <c r="G11795" t="s">
        <v>80</v>
      </c>
      <c r="H11795" t="s">
        <v>81</v>
      </c>
      <c r="I11795" s="2">
        <v>0</v>
      </c>
      <c r="J11795" s="2">
        <v>1</v>
      </c>
      <c r="K11795" s="2">
        <v>0</v>
      </c>
      <c r="L11795" t="s">
        <v>82</v>
      </c>
      <c r="M11795" t="s">
        <v>87</v>
      </c>
      <c r="N11795" t="s">
        <v>88</v>
      </c>
      <c r="O11795" t="s">
        <v>85</v>
      </c>
      <c r="P11795" t="s">
        <v>86</v>
      </c>
      <c r="Q11795">
        <v>68</v>
      </c>
      <c r="R11795">
        <v>68</v>
      </c>
      <c r="S11795">
        <v>69</v>
      </c>
      <c r="T11795">
        <v>69</v>
      </c>
      <c r="U11795">
        <v>69</v>
      </c>
      <c r="V11795">
        <v>69</v>
      </c>
      <c r="W11795">
        <v>69</v>
      </c>
      <c r="X11795">
        <v>69</v>
      </c>
      <c r="Y11795">
        <v>69</v>
      </c>
      <c r="Z11795">
        <v>69</v>
      </c>
      <c r="AA11795">
        <v>69</v>
      </c>
      <c r="AB11795">
        <v>70</v>
      </c>
      <c r="AC11795">
        <v>70</v>
      </c>
      <c r="AD11795">
        <v>70</v>
      </c>
      <c r="AE11795">
        <v>70</v>
      </c>
      <c r="AF11795">
        <v>70</v>
      </c>
      <c r="AG11795">
        <v>70</v>
      </c>
      <c r="AH11795">
        <v>70</v>
      </c>
      <c r="AI11795">
        <v>70</v>
      </c>
      <c r="AJ11795">
        <v>70</v>
      </c>
      <c r="AK11795">
        <v>70</v>
      </c>
      <c r="AL11795">
        <v>70</v>
      </c>
      <c r="AM11795">
        <v>70</v>
      </c>
      <c r="AN11795">
        <v>70</v>
      </c>
      <c r="AO11795">
        <v>70</v>
      </c>
      <c r="AP11795">
        <v>70</v>
      </c>
      <c r="AQ11795">
        <v>70</v>
      </c>
    </row>
    <row r="11796" spans="1:43">
      <c r="A11796" t="s">
        <v>7334</v>
      </c>
      <c r="B11796" t="s">
        <v>7335</v>
      </c>
      <c r="C11796" t="s">
        <v>7330</v>
      </c>
      <c r="D11796" t="s">
        <v>7331</v>
      </c>
      <c r="E11796" t="s">
        <v>7278</v>
      </c>
      <c r="F11796" t="s">
        <v>7279</v>
      </c>
      <c r="G11796" t="s">
        <v>80</v>
      </c>
      <c r="H11796" t="s">
        <v>81</v>
      </c>
      <c r="I11796" s="2">
        <v>0</v>
      </c>
      <c r="J11796" s="2">
        <v>1</v>
      </c>
      <c r="K11796" s="2">
        <v>0</v>
      </c>
      <c r="L11796" t="s">
        <v>82</v>
      </c>
      <c r="M11796" t="s">
        <v>89</v>
      </c>
      <c r="N11796" t="s">
        <v>90</v>
      </c>
      <c r="O11796" t="s">
        <v>85</v>
      </c>
      <c r="P11796" t="s">
        <v>86</v>
      </c>
      <c r="Q11796">
        <v>68</v>
      </c>
      <c r="R11796">
        <v>69</v>
      </c>
      <c r="S11796">
        <v>70</v>
      </c>
      <c r="T11796">
        <v>72</v>
      </c>
      <c r="U11796">
        <v>73</v>
      </c>
      <c r="V11796">
        <v>74</v>
      </c>
      <c r="W11796">
        <v>75</v>
      </c>
      <c r="X11796">
        <v>76</v>
      </c>
      <c r="Y11796">
        <v>77</v>
      </c>
      <c r="Z11796">
        <v>78</v>
      </c>
      <c r="AA11796">
        <v>79</v>
      </c>
      <c r="AB11796">
        <v>80</v>
      </c>
      <c r="AC11796">
        <v>81</v>
      </c>
      <c r="AD11796">
        <v>82</v>
      </c>
      <c r="AE11796">
        <v>82</v>
      </c>
      <c r="AF11796">
        <v>82</v>
      </c>
      <c r="AG11796">
        <v>82</v>
      </c>
      <c r="AH11796">
        <v>81</v>
      </c>
      <c r="AI11796">
        <v>81</v>
      </c>
      <c r="AJ11796">
        <v>81</v>
      </c>
      <c r="AK11796">
        <v>81</v>
      </c>
      <c r="AL11796">
        <v>81</v>
      </c>
      <c r="AM11796">
        <v>81</v>
      </c>
      <c r="AN11796">
        <v>80</v>
      </c>
      <c r="AO11796">
        <v>80</v>
      </c>
      <c r="AP11796">
        <v>80</v>
      </c>
      <c r="AQ11796">
        <v>80</v>
      </c>
    </row>
    <row r="11797" spans="1:43">
      <c r="A11797" t="s">
        <v>7334</v>
      </c>
      <c r="B11797" t="s">
        <v>7335</v>
      </c>
      <c r="C11797" t="s">
        <v>7330</v>
      </c>
      <c r="D11797" t="s">
        <v>7331</v>
      </c>
      <c r="E11797" t="s">
        <v>7278</v>
      </c>
      <c r="F11797" t="s">
        <v>7279</v>
      </c>
      <c r="G11797" t="s">
        <v>80</v>
      </c>
      <c r="H11797" t="s">
        <v>81</v>
      </c>
      <c r="I11797" s="2">
        <v>0</v>
      </c>
      <c r="J11797" s="2">
        <v>1</v>
      </c>
      <c r="K11797" s="2">
        <v>0</v>
      </c>
      <c r="L11797" t="s">
        <v>82</v>
      </c>
      <c r="M11797" t="s">
        <v>83</v>
      </c>
      <c r="N11797" t="s">
        <v>91</v>
      </c>
      <c r="O11797" t="s">
        <v>85</v>
      </c>
      <c r="P11797" t="s">
        <v>86</v>
      </c>
      <c r="Q11797">
        <v>68</v>
      </c>
      <c r="R11797">
        <v>69</v>
      </c>
      <c r="S11797">
        <v>70</v>
      </c>
      <c r="T11797">
        <v>70</v>
      </c>
      <c r="U11797">
        <v>71</v>
      </c>
      <c r="V11797">
        <v>72</v>
      </c>
      <c r="W11797">
        <v>73</v>
      </c>
      <c r="X11797">
        <v>73</v>
      </c>
      <c r="Y11797">
        <v>74</v>
      </c>
      <c r="Z11797">
        <v>75</v>
      </c>
      <c r="AA11797">
        <v>75</v>
      </c>
      <c r="AB11797">
        <v>76</v>
      </c>
      <c r="AC11797">
        <v>76</v>
      </c>
      <c r="AD11797">
        <v>77</v>
      </c>
      <c r="AE11797">
        <v>78</v>
      </c>
      <c r="AF11797">
        <v>78</v>
      </c>
      <c r="AG11797">
        <v>79</v>
      </c>
      <c r="AH11797">
        <v>79</v>
      </c>
      <c r="AI11797">
        <v>80</v>
      </c>
      <c r="AJ11797">
        <v>80</v>
      </c>
      <c r="AK11797">
        <v>81</v>
      </c>
      <c r="AL11797">
        <v>81</v>
      </c>
      <c r="AM11797">
        <v>80</v>
      </c>
      <c r="AN11797">
        <v>80</v>
      </c>
      <c r="AO11797">
        <v>80</v>
      </c>
      <c r="AP11797">
        <v>80</v>
      </c>
      <c r="AQ11797">
        <v>80</v>
      </c>
    </row>
    <row r="11798" spans="1:43">
      <c r="A11798" t="s">
        <v>7336</v>
      </c>
      <c r="B11798" t="s">
        <v>7337</v>
      </c>
      <c r="C11798" t="s">
        <v>7330</v>
      </c>
      <c r="D11798" t="s">
        <v>7331</v>
      </c>
      <c r="E11798" t="s">
        <v>7278</v>
      </c>
      <c r="F11798" t="s">
        <v>7279</v>
      </c>
      <c r="G11798" t="s">
        <v>80</v>
      </c>
      <c r="H11798" t="s">
        <v>81</v>
      </c>
      <c r="I11798" s="2">
        <v>0</v>
      </c>
      <c r="J11798" s="2">
        <v>1</v>
      </c>
      <c r="K11798" s="2">
        <v>0</v>
      </c>
      <c r="L11798" t="s">
        <v>82</v>
      </c>
      <c r="M11798" t="s">
        <v>83</v>
      </c>
      <c r="N11798" t="s">
        <v>84</v>
      </c>
      <c r="O11798" t="s">
        <v>85</v>
      </c>
      <c r="P11798" t="s">
        <v>86</v>
      </c>
      <c r="Q11798">
        <v>49</v>
      </c>
      <c r="R11798">
        <v>50</v>
      </c>
      <c r="S11798">
        <v>50</v>
      </c>
      <c r="T11798">
        <v>51</v>
      </c>
      <c r="U11798">
        <v>51</v>
      </c>
      <c r="V11798">
        <v>52</v>
      </c>
      <c r="W11798">
        <v>52</v>
      </c>
      <c r="X11798">
        <v>53</v>
      </c>
      <c r="Y11798">
        <v>53</v>
      </c>
      <c r="Z11798">
        <v>54</v>
      </c>
      <c r="AA11798">
        <v>54</v>
      </c>
      <c r="AB11798">
        <v>55</v>
      </c>
      <c r="AC11798">
        <v>55</v>
      </c>
      <c r="AD11798">
        <v>55</v>
      </c>
      <c r="AE11798">
        <v>56</v>
      </c>
      <c r="AF11798">
        <v>56</v>
      </c>
      <c r="AG11798">
        <v>56</v>
      </c>
      <c r="AH11798">
        <v>57</v>
      </c>
      <c r="AI11798">
        <v>57</v>
      </c>
      <c r="AJ11798">
        <v>57</v>
      </c>
      <c r="AK11798">
        <v>58</v>
      </c>
      <c r="AL11798">
        <v>58</v>
      </c>
      <c r="AM11798">
        <v>58</v>
      </c>
      <c r="AN11798">
        <v>57</v>
      </c>
      <c r="AO11798">
        <v>57</v>
      </c>
      <c r="AP11798">
        <v>57</v>
      </c>
      <c r="AQ11798">
        <v>57</v>
      </c>
    </row>
    <row r="11799" spans="1:43">
      <c r="A11799" t="s">
        <v>7336</v>
      </c>
      <c r="B11799" t="s">
        <v>7337</v>
      </c>
      <c r="C11799" t="s">
        <v>7330</v>
      </c>
      <c r="D11799" t="s">
        <v>7331</v>
      </c>
      <c r="E11799" t="s">
        <v>7278</v>
      </c>
      <c r="F11799" t="s">
        <v>7279</v>
      </c>
      <c r="G11799" t="s">
        <v>80</v>
      </c>
      <c r="H11799" t="s">
        <v>81</v>
      </c>
      <c r="I11799" s="2">
        <v>0</v>
      </c>
      <c r="J11799" s="2">
        <v>1</v>
      </c>
      <c r="K11799" s="2">
        <v>0</v>
      </c>
      <c r="L11799" t="s">
        <v>82</v>
      </c>
      <c r="M11799" t="s">
        <v>87</v>
      </c>
      <c r="N11799" t="s">
        <v>88</v>
      </c>
      <c r="O11799" t="s">
        <v>85</v>
      </c>
      <c r="P11799" t="s">
        <v>86</v>
      </c>
      <c r="Q11799">
        <v>49</v>
      </c>
      <c r="R11799">
        <v>49</v>
      </c>
      <c r="S11799">
        <v>49</v>
      </c>
      <c r="T11799">
        <v>49</v>
      </c>
      <c r="U11799">
        <v>49</v>
      </c>
      <c r="V11799">
        <v>49</v>
      </c>
      <c r="W11799">
        <v>49</v>
      </c>
      <c r="X11799">
        <v>49</v>
      </c>
      <c r="Y11799">
        <v>49</v>
      </c>
      <c r="Z11799">
        <v>49</v>
      </c>
      <c r="AA11799">
        <v>49</v>
      </c>
      <c r="AB11799">
        <v>49</v>
      </c>
      <c r="AC11799">
        <v>49</v>
      </c>
      <c r="AD11799">
        <v>49</v>
      </c>
      <c r="AE11799">
        <v>49</v>
      </c>
      <c r="AF11799">
        <v>49</v>
      </c>
      <c r="AG11799">
        <v>49</v>
      </c>
      <c r="AH11799">
        <v>49</v>
      </c>
      <c r="AI11799">
        <v>49</v>
      </c>
      <c r="AJ11799">
        <v>49</v>
      </c>
      <c r="AK11799">
        <v>49</v>
      </c>
      <c r="AL11799">
        <v>49</v>
      </c>
      <c r="AM11799">
        <v>49</v>
      </c>
      <c r="AN11799">
        <v>49</v>
      </c>
      <c r="AO11799">
        <v>49</v>
      </c>
      <c r="AP11799">
        <v>49</v>
      </c>
      <c r="AQ11799">
        <v>49</v>
      </c>
    </row>
    <row r="11800" spans="1:43">
      <c r="A11800" t="s">
        <v>7336</v>
      </c>
      <c r="B11800" t="s">
        <v>7337</v>
      </c>
      <c r="C11800" t="s">
        <v>7330</v>
      </c>
      <c r="D11800" t="s">
        <v>7331</v>
      </c>
      <c r="E11800" t="s">
        <v>7278</v>
      </c>
      <c r="F11800" t="s">
        <v>7279</v>
      </c>
      <c r="G11800" t="s">
        <v>80</v>
      </c>
      <c r="H11800" t="s">
        <v>81</v>
      </c>
      <c r="I11800" s="2">
        <v>0</v>
      </c>
      <c r="J11800" s="2">
        <v>1</v>
      </c>
      <c r="K11800" s="2">
        <v>0</v>
      </c>
      <c r="L11800" t="s">
        <v>82</v>
      </c>
      <c r="M11800" t="s">
        <v>89</v>
      </c>
      <c r="N11800" t="s">
        <v>90</v>
      </c>
      <c r="O11800" t="s">
        <v>85</v>
      </c>
      <c r="P11800" t="s">
        <v>86</v>
      </c>
      <c r="Q11800">
        <v>49</v>
      </c>
      <c r="R11800">
        <v>50</v>
      </c>
      <c r="S11800">
        <v>51</v>
      </c>
      <c r="T11800">
        <v>52</v>
      </c>
      <c r="U11800">
        <v>53</v>
      </c>
      <c r="V11800">
        <v>53</v>
      </c>
      <c r="W11800">
        <v>54</v>
      </c>
      <c r="X11800">
        <v>55</v>
      </c>
      <c r="Y11800">
        <v>56</v>
      </c>
      <c r="Z11800">
        <v>56</v>
      </c>
      <c r="AA11800">
        <v>57</v>
      </c>
      <c r="AB11800">
        <v>57</v>
      </c>
      <c r="AC11800">
        <v>58</v>
      </c>
      <c r="AD11800">
        <v>58</v>
      </c>
      <c r="AE11800">
        <v>59</v>
      </c>
      <c r="AF11800">
        <v>59</v>
      </c>
      <c r="AG11800">
        <v>58</v>
      </c>
      <c r="AH11800">
        <v>58</v>
      </c>
      <c r="AI11800">
        <v>58</v>
      </c>
      <c r="AJ11800">
        <v>58</v>
      </c>
      <c r="AK11800">
        <v>58</v>
      </c>
      <c r="AL11800">
        <v>57</v>
      </c>
      <c r="AM11800">
        <v>57</v>
      </c>
      <c r="AN11800">
        <v>57</v>
      </c>
      <c r="AO11800">
        <v>57</v>
      </c>
      <c r="AP11800">
        <v>57</v>
      </c>
      <c r="AQ11800">
        <v>56</v>
      </c>
    </row>
    <row r="11801" spans="1:43">
      <c r="A11801" t="s">
        <v>7336</v>
      </c>
      <c r="B11801" t="s">
        <v>7337</v>
      </c>
      <c r="C11801" t="s">
        <v>7330</v>
      </c>
      <c r="D11801" t="s">
        <v>7331</v>
      </c>
      <c r="E11801" t="s">
        <v>7278</v>
      </c>
      <c r="F11801" t="s">
        <v>7279</v>
      </c>
      <c r="G11801" t="s">
        <v>80</v>
      </c>
      <c r="H11801" t="s">
        <v>81</v>
      </c>
      <c r="I11801" s="2">
        <v>0</v>
      </c>
      <c r="J11801" s="2">
        <v>1</v>
      </c>
      <c r="K11801" s="2">
        <v>0</v>
      </c>
      <c r="L11801" t="s">
        <v>82</v>
      </c>
      <c r="M11801" t="s">
        <v>83</v>
      </c>
      <c r="N11801" t="s">
        <v>91</v>
      </c>
      <c r="O11801" t="s">
        <v>85</v>
      </c>
      <c r="P11801" t="s">
        <v>86</v>
      </c>
      <c r="Q11801">
        <v>49</v>
      </c>
      <c r="R11801">
        <v>50</v>
      </c>
      <c r="S11801">
        <v>50</v>
      </c>
      <c r="T11801">
        <v>51</v>
      </c>
      <c r="U11801">
        <v>51</v>
      </c>
      <c r="V11801">
        <v>52</v>
      </c>
      <c r="W11801">
        <v>52</v>
      </c>
      <c r="X11801">
        <v>53</v>
      </c>
      <c r="Y11801">
        <v>53</v>
      </c>
      <c r="Z11801">
        <v>54</v>
      </c>
      <c r="AA11801">
        <v>54</v>
      </c>
      <c r="AB11801">
        <v>55</v>
      </c>
      <c r="AC11801">
        <v>55</v>
      </c>
      <c r="AD11801">
        <v>55</v>
      </c>
      <c r="AE11801">
        <v>56</v>
      </c>
      <c r="AF11801">
        <v>56</v>
      </c>
      <c r="AG11801">
        <v>56</v>
      </c>
      <c r="AH11801">
        <v>57</v>
      </c>
      <c r="AI11801">
        <v>57</v>
      </c>
      <c r="AJ11801">
        <v>57</v>
      </c>
      <c r="AK11801">
        <v>58</v>
      </c>
      <c r="AL11801">
        <v>58</v>
      </c>
      <c r="AM11801">
        <v>58</v>
      </c>
      <c r="AN11801">
        <v>57</v>
      </c>
      <c r="AO11801">
        <v>57</v>
      </c>
      <c r="AP11801">
        <v>57</v>
      </c>
      <c r="AQ11801">
        <v>57</v>
      </c>
    </row>
    <row r="11802" spans="1:43">
      <c r="A11802" t="s">
        <v>7338</v>
      </c>
      <c r="B11802" t="s">
        <v>7339</v>
      </c>
      <c r="C11802" t="s">
        <v>7330</v>
      </c>
      <c r="D11802" t="s">
        <v>7331</v>
      </c>
      <c r="E11802" t="s">
        <v>7278</v>
      </c>
      <c r="F11802" t="s">
        <v>7279</v>
      </c>
      <c r="G11802" t="s">
        <v>80</v>
      </c>
      <c r="H11802" t="s">
        <v>81</v>
      </c>
      <c r="I11802" s="2">
        <v>0</v>
      </c>
      <c r="J11802" s="2">
        <v>1</v>
      </c>
      <c r="K11802" s="2">
        <v>0</v>
      </c>
      <c r="L11802" t="s">
        <v>82</v>
      </c>
      <c r="M11802" t="s">
        <v>83</v>
      </c>
      <c r="N11802" t="s">
        <v>84</v>
      </c>
      <c r="O11802" t="s">
        <v>85</v>
      </c>
      <c r="P11802" t="s">
        <v>86</v>
      </c>
      <c r="Q11802">
        <v>62</v>
      </c>
      <c r="R11802">
        <v>63</v>
      </c>
      <c r="S11802">
        <v>63</v>
      </c>
      <c r="T11802">
        <v>64</v>
      </c>
      <c r="U11802">
        <v>64</v>
      </c>
      <c r="V11802">
        <v>65</v>
      </c>
      <c r="W11802">
        <v>66</v>
      </c>
      <c r="X11802">
        <v>66</v>
      </c>
      <c r="Y11802">
        <v>67</v>
      </c>
      <c r="Z11802">
        <v>67</v>
      </c>
      <c r="AA11802">
        <v>68</v>
      </c>
      <c r="AB11802">
        <v>68</v>
      </c>
      <c r="AC11802">
        <v>69</v>
      </c>
      <c r="AD11802">
        <v>69</v>
      </c>
      <c r="AE11802">
        <v>70</v>
      </c>
      <c r="AF11802">
        <v>70</v>
      </c>
      <c r="AG11802">
        <v>71</v>
      </c>
      <c r="AH11802">
        <v>71</v>
      </c>
      <c r="AI11802">
        <v>71</v>
      </c>
      <c r="AJ11802">
        <v>72</v>
      </c>
      <c r="AK11802">
        <v>72</v>
      </c>
      <c r="AL11802">
        <v>72</v>
      </c>
      <c r="AM11802">
        <v>72</v>
      </c>
      <c r="AN11802">
        <v>72</v>
      </c>
      <c r="AO11802">
        <v>71</v>
      </c>
      <c r="AP11802">
        <v>71</v>
      </c>
      <c r="AQ11802">
        <v>71</v>
      </c>
    </row>
    <row r="11803" spans="1:43">
      <c r="A11803" t="s">
        <v>7338</v>
      </c>
      <c r="B11803" t="s">
        <v>7339</v>
      </c>
      <c r="C11803" t="s">
        <v>7330</v>
      </c>
      <c r="D11803" t="s">
        <v>7331</v>
      </c>
      <c r="E11803" t="s">
        <v>7278</v>
      </c>
      <c r="F11803" t="s">
        <v>7279</v>
      </c>
      <c r="G11803" t="s">
        <v>80</v>
      </c>
      <c r="H11803" t="s">
        <v>81</v>
      </c>
      <c r="I11803" s="2">
        <v>0</v>
      </c>
      <c r="J11803" s="2">
        <v>1</v>
      </c>
      <c r="K11803" s="2">
        <v>0</v>
      </c>
      <c r="L11803" t="s">
        <v>82</v>
      </c>
      <c r="M11803" t="s">
        <v>87</v>
      </c>
      <c r="N11803" t="s">
        <v>88</v>
      </c>
      <c r="O11803" t="s">
        <v>85</v>
      </c>
      <c r="P11803" t="s">
        <v>86</v>
      </c>
      <c r="Q11803">
        <v>62</v>
      </c>
      <c r="R11803">
        <v>62</v>
      </c>
      <c r="S11803">
        <v>62</v>
      </c>
      <c r="T11803">
        <v>63</v>
      </c>
      <c r="U11803">
        <v>63</v>
      </c>
      <c r="V11803">
        <v>63</v>
      </c>
      <c r="W11803">
        <v>63</v>
      </c>
      <c r="X11803">
        <v>63</v>
      </c>
      <c r="Y11803">
        <v>63</v>
      </c>
      <c r="Z11803">
        <v>63</v>
      </c>
      <c r="AA11803">
        <v>63</v>
      </c>
      <c r="AB11803">
        <v>63</v>
      </c>
      <c r="AC11803">
        <v>63</v>
      </c>
      <c r="AD11803">
        <v>63</v>
      </c>
      <c r="AE11803">
        <v>63</v>
      </c>
      <c r="AF11803">
        <v>63</v>
      </c>
      <c r="AG11803">
        <v>63</v>
      </c>
      <c r="AH11803">
        <v>63</v>
      </c>
      <c r="AI11803">
        <v>63</v>
      </c>
      <c r="AJ11803">
        <v>63</v>
      </c>
      <c r="AK11803">
        <v>63</v>
      </c>
      <c r="AL11803">
        <v>63</v>
      </c>
      <c r="AM11803">
        <v>63</v>
      </c>
      <c r="AN11803">
        <v>63</v>
      </c>
      <c r="AO11803">
        <v>63</v>
      </c>
      <c r="AP11803">
        <v>63</v>
      </c>
      <c r="AQ11803">
        <v>62</v>
      </c>
    </row>
    <row r="11804" spans="1:43">
      <c r="A11804" t="s">
        <v>7338</v>
      </c>
      <c r="B11804" t="s">
        <v>7339</v>
      </c>
      <c r="C11804" t="s">
        <v>7330</v>
      </c>
      <c r="D11804" t="s">
        <v>7331</v>
      </c>
      <c r="E11804" t="s">
        <v>7278</v>
      </c>
      <c r="F11804" t="s">
        <v>7279</v>
      </c>
      <c r="G11804" t="s">
        <v>80</v>
      </c>
      <c r="H11804" t="s">
        <v>81</v>
      </c>
      <c r="I11804" s="2">
        <v>0</v>
      </c>
      <c r="J11804" s="2">
        <v>1</v>
      </c>
      <c r="K11804" s="2">
        <v>0</v>
      </c>
      <c r="L11804" t="s">
        <v>82</v>
      </c>
      <c r="M11804" t="s">
        <v>89</v>
      </c>
      <c r="N11804" t="s">
        <v>90</v>
      </c>
      <c r="O11804" t="s">
        <v>85</v>
      </c>
      <c r="P11804" t="s">
        <v>86</v>
      </c>
      <c r="Q11804">
        <v>62</v>
      </c>
      <c r="R11804">
        <v>64</v>
      </c>
      <c r="S11804">
        <v>65</v>
      </c>
      <c r="T11804">
        <v>66</v>
      </c>
      <c r="U11804">
        <v>67</v>
      </c>
      <c r="V11804">
        <v>68</v>
      </c>
      <c r="W11804">
        <v>69</v>
      </c>
      <c r="X11804">
        <v>70</v>
      </c>
      <c r="Y11804">
        <v>71</v>
      </c>
      <c r="Z11804">
        <v>72</v>
      </c>
      <c r="AA11804">
        <v>72</v>
      </c>
      <c r="AB11804">
        <v>73</v>
      </c>
      <c r="AC11804">
        <v>74</v>
      </c>
      <c r="AD11804">
        <v>74</v>
      </c>
      <c r="AE11804">
        <v>75</v>
      </c>
      <c r="AF11804">
        <v>74</v>
      </c>
      <c r="AG11804">
        <v>74</v>
      </c>
      <c r="AH11804">
        <v>74</v>
      </c>
      <c r="AI11804">
        <v>74</v>
      </c>
      <c r="AJ11804">
        <v>73</v>
      </c>
      <c r="AK11804">
        <v>73</v>
      </c>
      <c r="AL11804">
        <v>73</v>
      </c>
      <c r="AM11804">
        <v>73</v>
      </c>
      <c r="AN11804">
        <v>72</v>
      </c>
      <c r="AO11804">
        <v>72</v>
      </c>
      <c r="AP11804">
        <v>72</v>
      </c>
      <c r="AQ11804">
        <v>72</v>
      </c>
    </row>
    <row r="11805" spans="1:43">
      <c r="A11805" t="s">
        <v>7338</v>
      </c>
      <c r="B11805" t="s">
        <v>7339</v>
      </c>
      <c r="C11805" t="s">
        <v>7330</v>
      </c>
      <c r="D11805" t="s">
        <v>7331</v>
      </c>
      <c r="E11805" t="s">
        <v>7278</v>
      </c>
      <c r="F11805" t="s">
        <v>7279</v>
      </c>
      <c r="G11805" t="s">
        <v>80</v>
      </c>
      <c r="H11805" t="s">
        <v>81</v>
      </c>
      <c r="I11805" s="2">
        <v>0</v>
      </c>
      <c r="J11805" s="2">
        <v>1</v>
      </c>
      <c r="K11805" s="2">
        <v>0</v>
      </c>
      <c r="L11805" t="s">
        <v>82</v>
      </c>
      <c r="M11805" t="s">
        <v>83</v>
      </c>
      <c r="N11805" t="s">
        <v>91</v>
      </c>
      <c r="O11805" t="s">
        <v>85</v>
      </c>
      <c r="P11805" t="s">
        <v>86</v>
      </c>
      <c r="Q11805">
        <v>62</v>
      </c>
      <c r="R11805">
        <v>63</v>
      </c>
      <c r="S11805">
        <v>63</v>
      </c>
      <c r="T11805">
        <v>64</v>
      </c>
      <c r="U11805">
        <v>64</v>
      </c>
      <c r="V11805">
        <v>65</v>
      </c>
      <c r="W11805">
        <v>66</v>
      </c>
      <c r="X11805">
        <v>66</v>
      </c>
      <c r="Y11805">
        <v>67</v>
      </c>
      <c r="Z11805">
        <v>67</v>
      </c>
      <c r="AA11805">
        <v>68</v>
      </c>
      <c r="AB11805">
        <v>68</v>
      </c>
      <c r="AC11805">
        <v>69</v>
      </c>
      <c r="AD11805">
        <v>69</v>
      </c>
      <c r="AE11805">
        <v>70</v>
      </c>
      <c r="AF11805">
        <v>70</v>
      </c>
      <c r="AG11805">
        <v>71</v>
      </c>
      <c r="AH11805">
        <v>71</v>
      </c>
      <c r="AI11805">
        <v>71</v>
      </c>
      <c r="AJ11805">
        <v>72</v>
      </c>
      <c r="AK11805">
        <v>72</v>
      </c>
      <c r="AL11805">
        <v>72</v>
      </c>
      <c r="AM11805">
        <v>72</v>
      </c>
      <c r="AN11805">
        <v>72</v>
      </c>
      <c r="AO11805">
        <v>71</v>
      </c>
      <c r="AP11805">
        <v>71</v>
      </c>
      <c r="AQ11805">
        <v>71</v>
      </c>
    </row>
    <row r="11806" spans="1:43">
      <c r="A11806" t="s">
        <v>7340</v>
      </c>
      <c r="B11806" t="s">
        <v>7341</v>
      </c>
      <c r="C11806" t="s">
        <v>7324</v>
      </c>
      <c r="D11806" t="s">
        <v>7325</v>
      </c>
      <c r="E11806" t="s">
        <v>7278</v>
      </c>
      <c r="F11806" t="s">
        <v>7279</v>
      </c>
      <c r="G11806" t="s">
        <v>80</v>
      </c>
      <c r="H11806" t="s">
        <v>81</v>
      </c>
      <c r="I11806" s="2">
        <v>0</v>
      </c>
      <c r="J11806" s="2">
        <v>1</v>
      </c>
      <c r="K11806" s="2">
        <v>0</v>
      </c>
      <c r="L11806" t="s">
        <v>82</v>
      </c>
      <c r="M11806" t="s">
        <v>83</v>
      </c>
      <c r="N11806" t="s">
        <v>84</v>
      </c>
      <c r="O11806" t="s">
        <v>85</v>
      </c>
      <c r="P11806" t="s">
        <v>86</v>
      </c>
      <c r="Q11806">
        <v>12</v>
      </c>
      <c r="R11806">
        <v>12</v>
      </c>
      <c r="S11806">
        <v>12</v>
      </c>
      <c r="T11806">
        <v>12</v>
      </c>
      <c r="U11806">
        <v>13</v>
      </c>
      <c r="V11806">
        <v>13</v>
      </c>
      <c r="W11806">
        <v>13</v>
      </c>
      <c r="X11806">
        <v>13</v>
      </c>
      <c r="Y11806">
        <v>13</v>
      </c>
      <c r="Z11806">
        <v>13</v>
      </c>
      <c r="AA11806">
        <v>13</v>
      </c>
      <c r="AB11806">
        <v>13</v>
      </c>
      <c r="AC11806">
        <v>13</v>
      </c>
      <c r="AD11806">
        <v>13</v>
      </c>
      <c r="AE11806">
        <v>14</v>
      </c>
      <c r="AF11806">
        <v>14</v>
      </c>
      <c r="AG11806">
        <v>14</v>
      </c>
      <c r="AH11806">
        <v>14</v>
      </c>
      <c r="AI11806">
        <v>14</v>
      </c>
      <c r="AJ11806">
        <v>14</v>
      </c>
      <c r="AK11806">
        <v>14</v>
      </c>
      <c r="AL11806">
        <v>14</v>
      </c>
      <c r="AM11806">
        <v>14</v>
      </c>
      <c r="AN11806">
        <v>14</v>
      </c>
      <c r="AO11806">
        <v>14</v>
      </c>
      <c r="AP11806">
        <v>14</v>
      </c>
      <c r="AQ11806">
        <v>14</v>
      </c>
    </row>
    <row r="11807" spans="1:43">
      <c r="A11807" t="s">
        <v>7340</v>
      </c>
      <c r="B11807" t="s">
        <v>7341</v>
      </c>
      <c r="C11807" t="s">
        <v>7324</v>
      </c>
      <c r="D11807" t="s">
        <v>7325</v>
      </c>
      <c r="E11807" t="s">
        <v>7278</v>
      </c>
      <c r="F11807" t="s">
        <v>7279</v>
      </c>
      <c r="G11807" t="s">
        <v>80</v>
      </c>
      <c r="H11807" t="s">
        <v>81</v>
      </c>
      <c r="I11807" s="2">
        <v>0</v>
      </c>
      <c r="J11807" s="2">
        <v>1</v>
      </c>
      <c r="K11807" s="2">
        <v>0</v>
      </c>
      <c r="L11807" t="s">
        <v>82</v>
      </c>
      <c r="M11807" t="s">
        <v>87</v>
      </c>
      <c r="N11807" t="s">
        <v>88</v>
      </c>
      <c r="O11807" t="s">
        <v>85</v>
      </c>
      <c r="P11807" t="s">
        <v>86</v>
      </c>
      <c r="Q11807">
        <v>12</v>
      </c>
      <c r="R11807">
        <v>12</v>
      </c>
      <c r="S11807">
        <v>12</v>
      </c>
      <c r="T11807">
        <v>12</v>
      </c>
      <c r="U11807">
        <v>12</v>
      </c>
      <c r="V11807">
        <v>12</v>
      </c>
      <c r="W11807">
        <v>12</v>
      </c>
      <c r="X11807">
        <v>12</v>
      </c>
      <c r="Y11807">
        <v>12</v>
      </c>
      <c r="Z11807">
        <v>12</v>
      </c>
      <c r="AA11807">
        <v>12</v>
      </c>
      <c r="AB11807">
        <v>12</v>
      </c>
      <c r="AC11807">
        <v>12</v>
      </c>
      <c r="AD11807">
        <v>12</v>
      </c>
      <c r="AE11807">
        <v>12</v>
      </c>
      <c r="AF11807">
        <v>12</v>
      </c>
      <c r="AG11807">
        <v>12</v>
      </c>
      <c r="AH11807">
        <v>12</v>
      </c>
      <c r="AI11807">
        <v>12</v>
      </c>
      <c r="AJ11807">
        <v>12</v>
      </c>
      <c r="AK11807">
        <v>12</v>
      </c>
      <c r="AL11807">
        <v>12</v>
      </c>
      <c r="AM11807">
        <v>12</v>
      </c>
      <c r="AN11807">
        <v>12</v>
      </c>
      <c r="AO11807">
        <v>12</v>
      </c>
      <c r="AP11807">
        <v>12</v>
      </c>
      <c r="AQ11807">
        <v>12</v>
      </c>
    </row>
    <row r="11808" spans="1:43">
      <c r="A11808" t="s">
        <v>7340</v>
      </c>
      <c r="B11808" t="s">
        <v>7341</v>
      </c>
      <c r="C11808" t="s">
        <v>7324</v>
      </c>
      <c r="D11808" t="s">
        <v>7325</v>
      </c>
      <c r="E11808" t="s">
        <v>7278</v>
      </c>
      <c r="F11808" t="s">
        <v>7279</v>
      </c>
      <c r="G11808" t="s">
        <v>80</v>
      </c>
      <c r="H11808" t="s">
        <v>81</v>
      </c>
      <c r="I11808" s="2">
        <v>0</v>
      </c>
      <c r="J11808" s="2">
        <v>1</v>
      </c>
      <c r="K11808" s="2">
        <v>0</v>
      </c>
      <c r="L11808" t="s">
        <v>82</v>
      </c>
      <c r="M11808" t="s">
        <v>89</v>
      </c>
      <c r="N11808" t="s">
        <v>90</v>
      </c>
      <c r="O11808" t="s">
        <v>85</v>
      </c>
      <c r="P11808" t="s">
        <v>86</v>
      </c>
      <c r="Q11808">
        <v>12</v>
      </c>
      <c r="R11808">
        <v>12</v>
      </c>
      <c r="S11808">
        <v>13</v>
      </c>
      <c r="T11808">
        <v>13</v>
      </c>
      <c r="U11808">
        <v>13</v>
      </c>
      <c r="V11808">
        <v>13</v>
      </c>
      <c r="W11808">
        <v>13</v>
      </c>
      <c r="X11808">
        <v>14</v>
      </c>
      <c r="Y11808">
        <v>14</v>
      </c>
      <c r="Z11808">
        <v>14</v>
      </c>
      <c r="AA11808">
        <v>14</v>
      </c>
      <c r="AB11808">
        <v>14</v>
      </c>
      <c r="AC11808">
        <v>14</v>
      </c>
      <c r="AD11808">
        <v>14</v>
      </c>
      <c r="AE11808">
        <v>15</v>
      </c>
      <c r="AF11808">
        <v>14</v>
      </c>
      <c r="AG11808">
        <v>14</v>
      </c>
      <c r="AH11808">
        <v>14</v>
      </c>
      <c r="AI11808">
        <v>14</v>
      </c>
      <c r="AJ11808">
        <v>14</v>
      </c>
      <c r="AK11808">
        <v>14</v>
      </c>
      <c r="AL11808">
        <v>14</v>
      </c>
      <c r="AM11808">
        <v>14</v>
      </c>
      <c r="AN11808">
        <v>14</v>
      </c>
      <c r="AO11808">
        <v>14</v>
      </c>
      <c r="AP11808">
        <v>14</v>
      </c>
      <c r="AQ11808">
        <v>14</v>
      </c>
    </row>
    <row r="11809" spans="1:43">
      <c r="A11809" t="s">
        <v>7340</v>
      </c>
      <c r="B11809" t="s">
        <v>7341</v>
      </c>
      <c r="C11809" t="s">
        <v>7324</v>
      </c>
      <c r="D11809" t="s">
        <v>7325</v>
      </c>
      <c r="E11809" t="s">
        <v>7278</v>
      </c>
      <c r="F11809" t="s">
        <v>7279</v>
      </c>
      <c r="G11809" t="s">
        <v>80</v>
      </c>
      <c r="H11809" t="s">
        <v>81</v>
      </c>
      <c r="I11809" s="2">
        <v>0</v>
      </c>
      <c r="J11809" s="2">
        <v>1</v>
      </c>
      <c r="K11809" s="2">
        <v>0</v>
      </c>
      <c r="L11809" t="s">
        <v>82</v>
      </c>
      <c r="M11809" t="s">
        <v>83</v>
      </c>
      <c r="N11809" t="s">
        <v>91</v>
      </c>
      <c r="O11809" t="s">
        <v>85</v>
      </c>
      <c r="P11809" t="s">
        <v>86</v>
      </c>
      <c r="Q11809">
        <v>12</v>
      </c>
      <c r="R11809">
        <v>12</v>
      </c>
      <c r="S11809">
        <v>12</v>
      </c>
      <c r="T11809">
        <v>12</v>
      </c>
      <c r="U11809">
        <v>13</v>
      </c>
      <c r="V11809">
        <v>13</v>
      </c>
      <c r="W11809">
        <v>13</v>
      </c>
      <c r="X11809">
        <v>13</v>
      </c>
      <c r="Y11809">
        <v>13</v>
      </c>
      <c r="Z11809">
        <v>13</v>
      </c>
      <c r="AA11809">
        <v>13</v>
      </c>
      <c r="AB11809">
        <v>13</v>
      </c>
      <c r="AC11809">
        <v>13</v>
      </c>
      <c r="AD11809">
        <v>13</v>
      </c>
      <c r="AE11809">
        <v>14</v>
      </c>
      <c r="AF11809">
        <v>14</v>
      </c>
      <c r="AG11809">
        <v>14</v>
      </c>
      <c r="AH11809">
        <v>14</v>
      </c>
      <c r="AI11809">
        <v>14</v>
      </c>
      <c r="AJ11809">
        <v>14</v>
      </c>
      <c r="AK11809">
        <v>14</v>
      </c>
      <c r="AL11809">
        <v>14</v>
      </c>
      <c r="AM11809">
        <v>14</v>
      </c>
      <c r="AN11809">
        <v>14</v>
      </c>
      <c r="AO11809">
        <v>14</v>
      </c>
      <c r="AP11809">
        <v>14</v>
      </c>
      <c r="AQ11809">
        <v>14</v>
      </c>
    </row>
    <row r="11810" spans="1:43">
      <c r="A11810" t="s">
        <v>7342</v>
      </c>
      <c r="B11810" t="s">
        <v>7343</v>
      </c>
      <c r="C11810" t="s">
        <v>7344</v>
      </c>
      <c r="D11810" t="s">
        <v>7345</v>
      </c>
      <c r="E11810" t="s">
        <v>7278</v>
      </c>
      <c r="F11810" t="s">
        <v>7279</v>
      </c>
      <c r="G11810" t="s">
        <v>80</v>
      </c>
      <c r="H11810" t="s">
        <v>81</v>
      </c>
      <c r="I11810" s="2">
        <v>0</v>
      </c>
      <c r="J11810" s="2">
        <v>1</v>
      </c>
      <c r="K11810" s="2">
        <v>0</v>
      </c>
      <c r="L11810" t="s">
        <v>82</v>
      </c>
      <c r="M11810" t="s">
        <v>83</v>
      </c>
      <c r="N11810" t="s">
        <v>84</v>
      </c>
      <c r="O11810" t="s">
        <v>85</v>
      </c>
      <c r="P11810" t="s">
        <v>86</v>
      </c>
      <c r="Q11810">
        <v>55</v>
      </c>
      <c r="R11810">
        <v>56</v>
      </c>
      <c r="S11810">
        <v>56</v>
      </c>
      <c r="T11810">
        <v>57</v>
      </c>
      <c r="U11810">
        <v>57</v>
      </c>
      <c r="V11810">
        <v>58</v>
      </c>
      <c r="W11810">
        <v>59</v>
      </c>
      <c r="X11810">
        <v>59</v>
      </c>
      <c r="Y11810">
        <v>60</v>
      </c>
      <c r="Z11810">
        <v>60</v>
      </c>
      <c r="AA11810">
        <v>61</v>
      </c>
      <c r="AB11810">
        <v>61</v>
      </c>
      <c r="AC11810">
        <v>62</v>
      </c>
      <c r="AD11810">
        <v>62</v>
      </c>
      <c r="AE11810">
        <v>63</v>
      </c>
      <c r="AF11810">
        <v>63</v>
      </c>
      <c r="AG11810">
        <v>64</v>
      </c>
      <c r="AH11810">
        <v>64</v>
      </c>
      <c r="AI11810">
        <v>64</v>
      </c>
      <c r="AJ11810">
        <v>65</v>
      </c>
      <c r="AK11810">
        <v>65</v>
      </c>
      <c r="AL11810">
        <v>65</v>
      </c>
      <c r="AM11810">
        <v>65</v>
      </c>
      <c r="AN11810">
        <v>65</v>
      </c>
      <c r="AO11810">
        <v>65</v>
      </c>
      <c r="AP11810">
        <v>65</v>
      </c>
      <c r="AQ11810">
        <v>65</v>
      </c>
    </row>
    <row r="11811" spans="1:43">
      <c r="A11811" t="s">
        <v>7342</v>
      </c>
      <c r="B11811" t="s">
        <v>7343</v>
      </c>
      <c r="C11811" t="s">
        <v>7344</v>
      </c>
      <c r="D11811" t="s">
        <v>7345</v>
      </c>
      <c r="E11811" t="s">
        <v>7278</v>
      </c>
      <c r="F11811" t="s">
        <v>7279</v>
      </c>
      <c r="G11811" t="s">
        <v>80</v>
      </c>
      <c r="H11811" t="s">
        <v>81</v>
      </c>
      <c r="I11811" s="2">
        <v>0</v>
      </c>
      <c r="J11811" s="2">
        <v>1</v>
      </c>
      <c r="K11811" s="2">
        <v>0</v>
      </c>
      <c r="L11811" t="s">
        <v>82</v>
      </c>
      <c r="M11811" t="s">
        <v>87</v>
      </c>
      <c r="N11811" t="s">
        <v>88</v>
      </c>
      <c r="O11811" t="s">
        <v>85</v>
      </c>
      <c r="P11811" t="s">
        <v>86</v>
      </c>
      <c r="Q11811">
        <v>55</v>
      </c>
      <c r="R11811">
        <v>55</v>
      </c>
      <c r="S11811">
        <v>56</v>
      </c>
      <c r="T11811">
        <v>56</v>
      </c>
      <c r="U11811">
        <v>56</v>
      </c>
      <c r="V11811">
        <v>56</v>
      </c>
      <c r="W11811">
        <v>56</v>
      </c>
      <c r="X11811">
        <v>56</v>
      </c>
      <c r="Y11811">
        <v>56</v>
      </c>
      <c r="Z11811">
        <v>56</v>
      </c>
      <c r="AA11811">
        <v>56</v>
      </c>
      <c r="AB11811">
        <v>56</v>
      </c>
      <c r="AC11811">
        <v>56</v>
      </c>
      <c r="AD11811">
        <v>57</v>
      </c>
      <c r="AE11811">
        <v>57</v>
      </c>
      <c r="AF11811">
        <v>57</v>
      </c>
      <c r="AG11811">
        <v>57</v>
      </c>
      <c r="AH11811">
        <v>57</v>
      </c>
      <c r="AI11811">
        <v>57</v>
      </c>
      <c r="AJ11811">
        <v>57</v>
      </c>
      <c r="AK11811">
        <v>57</v>
      </c>
      <c r="AL11811">
        <v>57</v>
      </c>
      <c r="AM11811">
        <v>57</v>
      </c>
      <c r="AN11811">
        <v>57</v>
      </c>
      <c r="AO11811">
        <v>57</v>
      </c>
      <c r="AP11811">
        <v>57</v>
      </c>
      <c r="AQ11811">
        <v>57</v>
      </c>
    </row>
    <row r="11812" spans="1:43">
      <c r="A11812" t="s">
        <v>7342</v>
      </c>
      <c r="B11812" t="s">
        <v>7343</v>
      </c>
      <c r="C11812" t="s">
        <v>7344</v>
      </c>
      <c r="D11812" t="s">
        <v>7345</v>
      </c>
      <c r="E11812" t="s">
        <v>7278</v>
      </c>
      <c r="F11812" t="s">
        <v>7279</v>
      </c>
      <c r="G11812" t="s">
        <v>80</v>
      </c>
      <c r="H11812" t="s">
        <v>81</v>
      </c>
      <c r="I11812" s="2">
        <v>0</v>
      </c>
      <c r="J11812" s="2">
        <v>1</v>
      </c>
      <c r="K11812" s="2">
        <v>0</v>
      </c>
      <c r="L11812" t="s">
        <v>82</v>
      </c>
      <c r="M11812" t="s">
        <v>89</v>
      </c>
      <c r="N11812" t="s">
        <v>90</v>
      </c>
      <c r="O11812" t="s">
        <v>85</v>
      </c>
      <c r="P11812" t="s">
        <v>86</v>
      </c>
      <c r="Q11812">
        <v>55</v>
      </c>
      <c r="R11812">
        <v>56</v>
      </c>
      <c r="S11812">
        <v>58</v>
      </c>
      <c r="T11812">
        <v>59</v>
      </c>
      <c r="U11812">
        <v>60</v>
      </c>
      <c r="V11812">
        <v>61</v>
      </c>
      <c r="W11812">
        <v>62</v>
      </c>
      <c r="X11812">
        <v>62</v>
      </c>
      <c r="Y11812">
        <v>63</v>
      </c>
      <c r="Z11812">
        <v>64</v>
      </c>
      <c r="AA11812">
        <v>65</v>
      </c>
      <c r="AB11812">
        <v>65</v>
      </c>
      <c r="AC11812">
        <v>66</v>
      </c>
      <c r="AD11812">
        <v>67</v>
      </c>
      <c r="AE11812">
        <v>67</v>
      </c>
      <c r="AF11812">
        <v>67</v>
      </c>
      <c r="AG11812">
        <v>67</v>
      </c>
      <c r="AH11812">
        <v>67</v>
      </c>
      <c r="AI11812">
        <v>67</v>
      </c>
      <c r="AJ11812">
        <v>66</v>
      </c>
      <c r="AK11812">
        <v>66</v>
      </c>
      <c r="AL11812">
        <v>66</v>
      </c>
      <c r="AM11812">
        <v>66</v>
      </c>
      <c r="AN11812">
        <v>66</v>
      </c>
      <c r="AO11812">
        <v>66</v>
      </c>
      <c r="AP11812">
        <v>66</v>
      </c>
      <c r="AQ11812">
        <v>65</v>
      </c>
    </row>
    <row r="11813" spans="1:43">
      <c r="A11813" t="s">
        <v>7342</v>
      </c>
      <c r="B11813" t="s">
        <v>7343</v>
      </c>
      <c r="C11813" t="s">
        <v>7344</v>
      </c>
      <c r="D11813" t="s">
        <v>7345</v>
      </c>
      <c r="E11813" t="s">
        <v>7278</v>
      </c>
      <c r="F11813" t="s">
        <v>7279</v>
      </c>
      <c r="G11813" t="s">
        <v>80</v>
      </c>
      <c r="H11813" t="s">
        <v>81</v>
      </c>
      <c r="I11813" s="2">
        <v>0</v>
      </c>
      <c r="J11813" s="2">
        <v>1</v>
      </c>
      <c r="K11813" s="2">
        <v>0</v>
      </c>
      <c r="L11813" t="s">
        <v>82</v>
      </c>
      <c r="M11813" t="s">
        <v>83</v>
      </c>
      <c r="N11813" t="s">
        <v>91</v>
      </c>
      <c r="O11813" t="s">
        <v>85</v>
      </c>
      <c r="P11813" t="s">
        <v>86</v>
      </c>
      <c r="Q11813">
        <v>55</v>
      </c>
      <c r="R11813">
        <v>56</v>
      </c>
      <c r="S11813">
        <v>56</v>
      </c>
      <c r="T11813">
        <v>57</v>
      </c>
      <c r="U11813">
        <v>57</v>
      </c>
      <c r="V11813">
        <v>58</v>
      </c>
      <c r="W11813">
        <v>59</v>
      </c>
      <c r="X11813">
        <v>59</v>
      </c>
      <c r="Y11813">
        <v>60</v>
      </c>
      <c r="Z11813">
        <v>60</v>
      </c>
      <c r="AA11813">
        <v>61</v>
      </c>
      <c r="AB11813">
        <v>61</v>
      </c>
      <c r="AC11813">
        <v>62</v>
      </c>
      <c r="AD11813">
        <v>62</v>
      </c>
      <c r="AE11813">
        <v>63</v>
      </c>
      <c r="AF11813">
        <v>63</v>
      </c>
      <c r="AG11813">
        <v>64</v>
      </c>
      <c r="AH11813">
        <v>64</v>
      </c>
      <c r="AI11813">
        <v>64</v>
      </c>
      <c r="AJ11813">
        <v>65</v>
      </c>
      <c r="AK11813">
        <v>65</v>
      </c>
      <c r="AL11813">
        <v>65</v>
      </c>
      <c r="AM11813">
        <v>65</v>
      </c>
      <c r="AN11813">
        <v>65</v>
      </c>
      <c r="AO11813">
        <v>65</v>
      </c>
      <c r="AP11813">
        <v>65</v>
      </c>
      <c r="AQ11813">
        <v>65</v>
      </c>
    </row>
    <row r="11814" spans="1:43">
      <c r="A11814" t="s">
        <v>7346</v>
      </c>
      <c r="B11814" t="s">
        <v>7347</v>
      </c>
      <c r="C11814" t="s">
        <v>7344</v>
      </c>
      <c r="D11814" t="s">
        <v>7345</v>
      </c>
      <c r="E11814" t="s">
        <v>7278</v>
      </c>
      <c r="F11814" t="s">
        <v>7279</v>
      </c>
      <c r="G11814" t="s">
        <v>80</v>
      </c>
      <c r="H11814" t="s">
        <v>81</v>
      </c>
      <c r="I11814" s="2">
        <v>0</v>
      </c>
      <c r="J11814" s="2">
        <v>1</v>
      </c>
      <c r="K11814" s="2">
        <v>0</v>
      </c>
      <c r="L11814" t="s">
        <v>82</v>
      </c>
      <c r="M11814" t="s">
        <v>83</v>
      </c>
      <c r="N11814" t="s">
        <v>84</v>
      </c>
      <c r="O11814" t="s">
        <v>85</v>
      </c>
      <c r="P11814" t="s">
        <v>86</v>
      </c>
      <c r="Q11814">
        <v>42</v>
      </c>
      <c r="R11814">
        <v>43</v>
      </c>
      <c r="S11814">
        <v>43</v>
      </c>
      <c r="T11814">
        <v>43</v>
      </c>
      <c r="U11814">
        <v>44</v>
      </c>
      <c r="V11814">
        <v>44</v>
      </c>
      <c r="W11814">
        <v>45</v>
      </c>
      <c r="X11814">
        <v>45</v>
      </c>
      <c r="Y11814">
        <v>45</v>
      </c>
      <c r="Z11814">
        <v>46</v>
      </c>
      <c r="AA11814">
        <v>46</v>
      </c>
      <c r="AB11814">
        <v>47</v>
      </c>
      <c r="AC11814">
        <v>47</v>
      </c>
      <c r="AD11814">
        <v>47</v>
      </c>
      <c r="AE11814">
        <v>48</v>
      </c>
      <c r="AF11814">
        <v>48</v>
      </c>
      <c r="AG11814">
        <v>48</v>
      </c>
      <c r="AH11814">
        <v>48</v>
      </c>
      <c r="AI11814">
        <v>49</v>
      </c>
      <c r="AJ11814">
        <v>49</v>
      </c>
      <c r="AK11814">
        <v>49</v>
      </c>
      <c r="AL11814">
        <v>49</v>
      </c>
      <c r="AM11814">
        <v>49</v>
      </c>
      <c r="AN11814">
        <v>49</v>
      </c>
      <c r="AO11814">
        <v>49</v>
      </c>
      <c r="AP11814">
        <v>49</v>
      </c>
      <c r="AQ11814">
        <v>48</v>
      </c>
    </row>
    <row r="11815" spans="1:43">
      <c r="A11815" t="s">
        <v>7346</v>
      </c>
      <c r="B11815" t="s">
        <v>7347</v>
      </c>
      <c r="C11815" t="s">
        <v>7344</v>
      </c>
      <c r="D11815" t="s">
        <v>7345</v>
      </c>
      <c r="E11815" t="s">
        <v>7278</v>
      </c>
      <c r="F11815" t="s">
        <v>7279</v>
      </c>
      <c r="G11815" t="s">
        <v>80</v>
      </c>
      <c r="H11815" t="s">
        <v>81</v>
      </c>
      <c r="I11815" s="2">
        <v>0</v>
      </c>
      <c r="J11815" s="2">
        <v>1</v>
      </c>
      <c r="K11815" s="2">
        <v>0</v>
      </c>
      <c r="L11815" t="s">
        <v>82</v>
      </c>
      <c r="M11815" t="s">
        <v>87</v>
      </c>
      <c r="N11815" t="s">
        <v>88</v>
      </c>
      <c r="O11815" t="s">
        <v>85</v>
      </c>
      <c r="P11815" t="s">
        <v>86</v>
      </c>
      <c r="Q11815">
        <v>42</v>
      </c>
      <c r="R11815">
        <v>42</v>
      </c>
      <c r="S11815">
        <v>42</v>
      </c>
      <c r="T11815">
        <v>42</v>
      </c>
      <c r="U11815">
        <v>42</v>
      </c>
      <c r="V11815">
        <v>42</v>
      </c>
      <c r="W11815">
        <v>42</v>
      </c>
      <c r="X11815">
        <v>42</v>
      </c>
      <c r="Y11815">
        <v>42</v>
      </c>
      <c r="Z11815">
        <v>42</v>
      </c>
      <c r="AA11815">
        <v>42</v>
      </c>
      <c r="AB11815">
        <v>42</v>
      </c>
      <c r="AC11815">
        <v>42</v>
      </c>
      <c r="AD11815">
        <v>42</v>
      </c>
      <c r="AE11815">
        <v>42</v>
      </c>
      <c r="AF11815">
        <v>42</v>
      </c>
      <c r="AG11815">
        <v>42</v>
      </c>
      <c r="AH11815">
        <v>42</v>
      </c>
      <c r="AI11815">
        <v>42</v>
      </c>
      <c r="AJ11815">
        <v>42</v>
      </c>
      <c r="AK11815">
        <v>42</v>
      </c>
      <c r="AL11815">
        <v>42</v>
      </c>
      <c r="AM11815">
        <v>42</v>
      </c>
      <c r="AN11815">
        <v>42</v>
      </c>
      <c r="AO11815">
        <v>42</v>
      </c>
      <c r="AP11815">
        <v>42</v>
      </c>
      <c r="AQ11815">
        <v>42</v>
      </c>
    </row>
    <row r="11816" spans="1:43">
      <c r="A11816" t="s">
        <v>7346</v>
      </c>
      <c r="B11816" t="s">
        <v>7347</v>
      </c>
      <c r="C11816" t="s">
        <v>7344</v>
      </c>
      <c r="D11816" t="s">
        <v>7345</v>
      </c>
      <c r="E11816" t="s">
        <v>7278</v>
      </c>
      <c r="F11816" t="s">
        <v>7279</v>
      </c>
      <c r="G11816" t="s">
        <v>80</v>
      </c>
      <c r="H11816" t="s">
        <v>81</v>
      </c>
      <c r="I11816" s="2">
        <v>0</v>
      </c>
      <c r="J11816" s="2">
        <v>1</v>
      </c>
      <c r="K11816" s="2">
        <v>0</v>
      </c>
      <c r="L11816" t="s">
        <v>82</v>
      </c>
      <c r="M11816" t="s">
        <v>89</v>
      </c>
      <c r="N11816" t="s">
        <v>90</v>
      </c>
      <c r="O11816" t="s">
        <v>85</v>
      </c>
      <c r="P11816" t="s">
        <v>86</v>
      </c>
      <c r="Q11816">
        <v>42</v>
      </c>
      <c r="R11816">
        <v>43</v>
      </c>
      <c r="S11816">
        <v>44</v>
      </c>
      <c r="T11816">
        <v>45</v>
      </c>
      <c r="U11816">
        <v>46</v>
      </c>
      <c r="V11816">
        <v>46</v>
      </c>
      <c r="W11816">
        <v>47</v>
      </c>
      <c r="X11816">
        <v>48</v>
      </c>
      <c r="Y11816">
        <v>48</v>
      </c>
      <c r="Z11816">
        <v>49</v>
      </c>
      <c r="AA11816">
        <v>49</v>
      </c>
      <c r="AB11816">
        <v>50</v>
      </c>
      <c r="AC11816">
        <v>50</v>
      </c>
      <c r="AD11816">
        <v>51</v>
      </c>
      <c r="AE11816">
        <v>51</v>
      </c>
      <c r="AF11816">
        <v>51</v>
      </c>
      <c r="AG11816">
        <v>51</v>
      </c>
      <c r="AH11816">
        <v>50</v>
      </c>
      <c r="AI11816">
        <v>50</v>
      </c>
      <c r="AJ11816">
        <v>50</v>
      </c>
      <c r="AK11816">
        <v>50</v>
      </c>
      <c r="AL11816">
        <v>50</v>
      </c>
      <c r="AM11816">
        <v>50</v>
      </c>
      <c r="AN11816">
        <v>49</v>
      </c>
      <c r="AO11816">
        <v>49</v>
      </c>
      <c r="AP11816">
        <v>49</v>
      </c>
      <c r="AQ11816">
        <v>49</v>
      </c>
    </row>
    <row r="11817" spans="1:43">
      <c r="A11817" t="s">
        <v>7346</v>
      </c>
      <c r="B11817" t="s">
        <v>7347</v>
      </c>
      <c r="C11817" t="s">
        <v>7344</v>
      </c>
      <c r="D11817" t="s">
        <v>7345</v>
      </c>
      <c r="E11817" t="s">
        <v>7278</v>
      </c>
      <c r="F11817" t="s">
        <v>7279</v>
      </c>
      <c r="G11817" t="s">
        <v>80</v>
      </c>
      <c r="H11817" t="s">
        <v>81</v>
      </c>
      <c r="I11817" s="2">
        <v>0</v>
      </c>
      <c r="J11817" s="2">
        <v>1</v>
      </c>
      <c r="K11817" s="2">
        <v>0</v>
      </c>
      <c r="L11817" t="s">
        <v>82</v>
      </c>
      <c r="M11817" t="s">
        <v>83</v>
      </c>
      <c r="N11817" t="s">
        <v>91</v>
      </c>
      <c r="O11817" t="s">
        <v>85</v>
      </c>
      <c r="P11817" t="s">
        <v>86</v>
      </c>
      <c r="Q11817">
        <v>42</v>
      </c>
      <c r="R11817">
        <v>43</v>
      </c>
      <c r="S11817">
        <v>43</v>
      </c>
      <c r="T11817">
        <v>43</v>
      </c>
      <c r="U11817">
        <v>44</v>
      </c>
      <c r="V11817">
        <v>44</v>
      </c>
      <c r="W11817">
        <v>45</v>
      </c>
      <c r="X11817">
        <v>45</v>
      </c>
      <c r="Y11817">
        <v>45</v>
      </c>
      <c r="Z11817">
        <v>46</v>
      </c>
      <c r="AA11817">
        <v>46</v>
      </c>
      <c r="AB11817">
        <v>47</v>
      </c>
      <c r="AC11817">
        <v>47</v>
      </c>
      <c r="AD11817">
        <v>47</v>
      </c>
      <c r="AE11817">
        <v>48</v>
      </c>
      <c r="AF11817">
        <v>48</v>
      </c>
      <c r="AG11817">
        <v>48</v>
      </c>
      <c r="AH11817">
        <v>48</v>
      </c>
      <c r="AI11817">
        <v>49</v>
      </c>
      <c r="AJ11817">
        <v>49</v>
      </c>
      <c r="AK11817">
        <v>49</v>
      </c>
      <c r="AL11817">
        <v>49</v>
      </c>
      <c r="AM11817">
        <v>49</v>
      </c>
      <c r="AN11817">
        <v>49</v>
      </c>
      <c r="AO11817">
        <v>49</v>
      </c>
      <c r="AP11817">
        <v>49</v>
      </c>
      <c r="AQ11817">
        <v>48</v>
      </c>
    </row>
    <row r="11818" spans="1:43">
      <c r="A11818" t="s">
        <v>7348</v>
      </c>
      <c r="B11818" t="s">
        <v>7349</v>
      </c>
      <c r="C11818" t="s">
        <v>7344</v>
      </c>
      <c r="D11818" t="s">
        <v>7345</v>
      </c>
      <c r="E11818" t="s">
        <v>7278</v>
      </c>
      <c r="F11818" t="s">
        <v>7279</v>
      </c>
      <c r="G11818" t="s">
        <v>80</v>
      </c>
      <c r="H11818" t="s">
        <v>81</v>
      </c>
      <c r="I11818" s="2">
        <v>0</v>
      </c>
      <c r="J11818" s="2">
        <v>1</v>
      </c>
      <c r="K11818" s="2">
        <v>0</v>
      </c>
      <c r="L11818" t="s">
        <v>82</v>
      </c>
      <c r="M11818" t="s">
        <v>83</v>
      </c>
      <c r="N11818" t="s">
        <v>84</v>
      </c>
      <c r="O11818" t="s">
        <v>85</v>
      </c>
      <c r="P11818" t="s">
        <v>86</v>
      </c>
      <c r="Q11818">
        <v>3</v>
      </c>
      <c r="R11818">
        <v>3</v>
      </c>
      <c r="S11818">
        <v>3</v>
      </c>
      <c r="T11818">
        <v>3</v>
      </c>
      <c r="U11818">
        <v>3</v>
      </c>
      <c r="V11818">
        <v>3</v>
      </c>
      <c r="W11818">
        <v>3</v>
      </c>
      <c r="X11818">
        <v>4</v>
      </c>
      <c r="Y11818">
        <v>4</v>
      </c>
      <c r="Z11818">
        <v>4</v>
      </c>
      <c r="AA11818">
        <v>4</v>
      </c>
      <c r="AB11818">
        <v>4</v>
      </c>
      <c r="AC11818">
        <v>4</v>
      </c>
      <c r="AD11818">
        <v>4</v>
      </c>
      <c r="AE11818">
        <v>4</v>
      </c>
      <c r="AF11818">
        <v>4</v>
      </c>
      <c r="AG11818">
        <v>4</v>
      </c>
      <c r="AH11818">
        <v>4</v>
      </c>
      <c r="AI11818">
        <v>4</v>
      </c>
      <c r="AJ11818">
        <v>4</v>
      </c>
      <c r="AK11818">
        <v>4</v>
      </c>
      <c r="AL11818">
        <v>4</v>
      </c>
      <c r="AM11818">
        <v>4</v>
      </c>
      <c r="AN11818">
        <v>4</v>
      </c>
      <c r="AO11818">
        <v>4</v>
      </c>
      <c r="AP11818">
        <v>4</v>
      </c>
      <c r="AQ11818">
        <v>4</v>
      </c>
    </row>
    <row r="11819" spans="1:43">
      <c r="A11819" t="s">
        <v>7348</v>
      </c>
      <c r="B11819" t="s">
        <v>7349</v>
      </c>
      <c r="C11819" t="s">
        <v>7344</v>
      </c>
      <c r="D11819" t="s">
        <v>7345</v>
      </c>
      <c r="E11819" t="s">
        <v>7278</v>
      </c>
      <c r="F11819" t="s">
        <v>7279</v>
      </c>
      <c r="G11819" t="s">
        <v>80</v>
      </c>
      <c r="H11819" t="s">
        <v>81</v>
      </c>
      <c r="I11819" s="2">
        <v>0</v>
      </c>
      <c r="J11819" s="2">
        <v>1</v>
      </c>
      <c r="K11819" s="2">
        <v>0</v>
      </c>
      <c r="L11819" t="s">
        <v>82</v>
      </c>
      <c r="M11819" t="s">
        <v>87</v>
      </c>
      <c r="N11819" t="s">
        <v>88</v>
      </c>
      <c r="O11819" t="s">
        <v>85</v>
      </c>
      <c r="P11819" t="s">
        <v>86</v>
      </c>
      <c r="Q11819">
        <v>3</v>
      </c>
      <c r="R11819">
        <v>3</v>
      </c>
      <c r="S11819">
        <v>3</v>
      </c>
      <c r="T11819">
        <v>3</v>
      </c>
      <c r="U11819">
        <v>3</v>
      </c>
      <c r="V11819">
        <v>3</v>
      </c>
      <c r="W11819">
        <v>3</v>
      </c>
      <c r="X11819">
        <v>3</v>
      </c>
      <c r="Y11819">
        <v>3</v>
      </c>
      <c r="Z11819">
        <v>3</v>
      </c>
      <c r="AA11819">
        <v>3</v>
      </c>
      <c r="AB11819">
        <v>3</v>
      </c>
      <c r="AC11819">
        <v>3</v>
      </c>
      <c r="AD11819">
        <v>3</v>
      </c>
      <c r="AE11819">
        <v>3</v>
      </c>
      <c r="AF11819">
        <v>3</v>
      </c>
      <c r="AG11819">
        <v>3</v>
      </c>
      <c r="AH11819">
        <v>3</v>
      </c>
      <c r="AI11819">
        <v>3</v>
      </c>
      <c r="AJ11819">
        <v>3</v>
      </c>
      <c r="AK11819">
        <v>3</v>
      </c>
      <c r="AL11819">
        <v>3</v>
      </c>
      <c r="AM11819">
        <v>3</v>
      </c>
      <c r="AN11819">
        <v>3</v>
      </c>
      <c r="AO11819">
        <v>3</v>
      </c>
      <c r="AP11819">
        <v>3</v>
      </c>
      <c r="AQ11819">
        <v>3</v>
      </c>
    </row>
    <row r="11820" spans="1:43">
      <c r="A11820" t="s">
        <v>7348</v>
      </c>
      <c r="B11820" t="s">
        <v>7349</v>
      </c>
      <c r="C11820" t="s">
        <v>7344</v>
      </c>
      <c r="D11820" t="s">
        <v>7345</v>
      </c>
      <c r="E11820" t="s">
        <v>7278</v>
      </c>
      <c r="F11820" t="s">
        <v>7279</v>
      </c>
      <c r="G11820" t="s">
        <v>80</v>
      </c>
      <c r="H11820" t="s">
        <v>81</v>
      </c>
      <c r="I11820" s="2">
        <v>0</v>
      </c>
      <c r="J11820" s="2">
        <v>1</v>
      </c>
      <c r="K11820" s="2">
        <v>0</v>
      </c>
      <c r="L11820" t="s">
        <v>82</v>
      </c>
      <c r="M11820" t="s">
        <v>89</v>
      </c>
      <c r="N11820" t="s">
        <v>90</v>
      </c>
      <c r="O11820" t="s">
        <v>85</v>
      </c>
      <c r="P11820" t="s">
        <v>86</v>
      </c>
      <c r="Q11820">
        <v>3</v>
      </c>
      <c r="R11820">
        <v>3</v>
      </c>
      <c r="S11820">
        <v>3</v>
      </c>
      <c r="T11820">
        <v>3</v>
      </c>
      <c r="U11820">
        <v>4</v>
      </c>
      <c r="V11820">
        <v>4</v>
      </c>
      <c r="W11820">
        <v>4</v>
      </c>
      <c r="X11820">
        <v>4</v>
      </c>
      <c r="Y11820">
        <v>4</v>
      </c>
      <c r="Z11820">
        <v>4</v>
      </c>
      <c r="AA11820">
        <v>4</v>
      </c>
      <c r="AB11820">
        <v>4</v>
      </c>
      <c r="AC11820">
        <v>4</v>
      </c>
      <c r="AD11820">
        <v>4</v>
      </c>
      <c r="AE11820">
        <v>4</v>
      </c>
      <c r="AF11820">
        <v>4</v>
      </c>
      <c r="AG11820">
        <v>4</v>
      </c>
      <c r="AH11820">
        <v>4</v>
      </c>
      <c r="AI11820">
        <v>4</v>
      </c>
      <c r="AJ11820">
        <v>4</v>
      </c>
      <c r="AK11820">
        <v>4</v>
      </c>
      <c r="AL11820">
        <v>4</v>
      </c>
      <c r="AM11820">
        <v>4</v>
      </c>
      <c r="AN11820">
        <v>4</v>
      </c>
      <c r="AO11820">
        <v>4</v>
      </c>
      <c r="AP11820">
        <v>4</v>
      </c>
      <c r="AQ11820">
        <v>4</v>
      </c>
    </row>
    <row r="11821" spans="1:43">
      <c r="A11821" t="s">
        <v>7348</v>
      </c>
      <c r="B11821" t="s">
        <v>7349</v>
      </c>
      <c r="C11821" t="s">
        <v>7344</v>
      </c>
      <c r="D11821" t="s">
        <v>7345</v>
      </c>
      <c r="E11821" t="s">
        <v>7278</v>
      </c>
      <c r="F11821" t="s">
        <v>7279</v>
      </c>
      <c r="G11821" t="s">
        <v>80</v>
      </c>
      <c r="H11821" t="s">
        <v>81</v>
      </c>
      <c r="I11821" s="2">
        <v>0</v>
      </c>
      <c r="J11821" s="2">
        <v>1</v>
      </c>
      <c r="K11821" s="2">
        <v>0</v>
      </c>
      <c r="L11821" t="s">
        <v>82</v>
      </c>
      <c r="M11821" t="s">
        <v>83</v>
      </c>
      <c r="N11821" t="s">
        <v>91</v>
      </c>
      <c r="O11821" t="s">
        <v>85</v>
      </c>
      <c r="P11821" t="s">
        <v>86</v>
      </c>
      <c r="Q11821">
        <v>3</v>
      </c>
      <c r="R11821">
        <v>3</v>
      </c>
      <c r="S11821">
        <v>3</v>
      </c>
      <c r="T11821">
        <v>3</v>
      </c>
      <c r="U11821">
        <v>3</v>
      </c>
      <c r="V11821">
        <v>3</v>
      </c>
      <c r="W11821">
        <v>3</v>
      </c>
      <c r="X11821">
        <v>4</v>
      </c>
      <c r="Y11821">
        <v>4</v>
      </c>
      <c r="Z11821">
        <v>4</v>
      </c>
      <c r="AA11821">
        <v>4</v>
      </c>
      <c r="AB11821">
        <v>4</v>
      </c>
      <c r="AC11821">
        <v>4</v>
      </c>
      <c r="AD11821">
        <v>4</v>
      </c>
      <c r="AE11821">
        <v>4</v>
      </c>
      <c r="AF11821">
        <v>4</v>
      </c>
      <c r="AG11821">
        <v>4</v>
      </c>
      <c r="AH11821">
        <v>4</v>
      </c>
      <c r="AI11821">
        <v>4</v>
      </c>
      <c r="AJ11821">
        <v>4</v>
      </c>
      <c r="AK11821">
        <v>4</v>
      </c>
      <c r="AL11821">
        <v>4</v>
      </c>
      <c r="AM11821">
        <v>4</v>
      </c>
      <c r="AN11821">
        <v>4</v>
      </c>
      <c r="AO11821">
        <v>4</v>
      </c>
      <c r="AP11821">
        <v>4</v>
      </c>
      <c r="AQ11821">
        <v>4</v>
      </c>
    </row>
    <row r="11822" spans="1:43">
      <c r="A11822" t="s">
        <v>7350</v>
      </c>
      <c r="B11822" t="s">
        <v>7351</v>
      </c>
      <c r="C11822" t="s">
        <v>7352</v>
      </c>
      <c r="D11822" t="s">
        <v>7353</v>
      </c>
      <c r="E11822" t="s">
        <v>7278</v>
      </c>
      <c r="F11822" t="s">
        <v>7279</v>
      </c>
      <c r="G11822" t="s">
        <v>80</v>
      </c>
      <c r="H11822" t="s">
        <v>81</v>
      </c>
      <c r="I11822" s="2">
        <v>0</v>
      </c>
      <c r="J11822" s="2">
        <v>1</v>
      </c>
      <c r="K11822" s="2">
        <v>0</v>
      </c>
      <c r="L11822" t="s">
        <v>82</v>
      </c>
      <c r="M11822" t="s">
        <v>83</v>
      </c>
      <c r="N11822" t="s">
        <v>84</v>
      </c>
      <c r="O11822" t="s">
        <v>85</v>
      </c>
      <c r="P11822" t="s">
        <v>86</v>
      </c>
      <c r="Q11822">
        <v>4</v>
      </c>
      <c r="R11822">
        <v>4</v>
      </c>
      <c r="S11822">
        <v>4</v>
      </c>
      <c r="T11822">
        <v>4</v>
      </c>
      <c r="U11822">
        <v>4</v>
      </c>
      <c r="V11822">
        <v>4</v>
      </c>
      <c r="W11822">
        <v>4</v>
      </c>
      <c r="X11822">
        <v>4</v>
      </c>
      <c r="Y11822">
        <v>4</v>
      </c>
      <c r="Z11822">
        <v>4</v>
      </c>
      <c r="AA11822">
        <v>4</v>
      </c>
      <c r="AB11822">
        <v>4</v>
      </c>
      <c r="AC11822">
        <v>4</v>
      </c>
      <c r="AD11822">
        <v>4</v>
      </c>
      <c r="AE11822">
        <v>4</v>
      </c>
      <c r="AF11822">
        <v>4</v>
      </c>
      <c r="AG11822">
        <v>4</v>
      </c>
      <c r="AH11822">
        <v>4</v>
      </c>
      <c r="AI11822">
        <v>4</v>
      </c>
      <c r="AJ11822">
        <v>4</v>
      </c>
      <c r="AK11822">
        <v>4</v>
      </c>
      <c r="AL11822">
        <v>4</v>
      </c>
      <c r="AM11822">
        <v>4</v>
      </c>
      <c r="AN11822">
        <v>4</v>
      </c>
      <c r="AO11822">
        <v>4</v>
      </c>
      <c r="AP11822">
        <v>4</v>
      </c>
      <c r="AQ11822">
        <v>4</v>
      </c>
    </row>
    <row r="11823" spans="1:43">
      <c r="A11823" t="s">
        <v>7350</v>
      </c>
      <c r="B11823" t="s">
        <v>7351</v>
      </c>
      <c r="C11823" t="s">
        <v>7352</v>
      </c>
      <c r="D11823" t="s">
        <v>7353</v>
      </c>
      <c r="E11823" t="s">
        <v>7278</v>
      </c>
      <c r="F11823" t="s">
        <v>7279</v>
      </c>
      <c r="G11823" t="s">
        <v>80</v>
      </c>
      <c r="H11823" t="s">
        <v>81</v>
      </c>
      <c r="I11823" s="2">
        <v>0</v>
      </c>
      <c r="J11823" s="2">
        <v>1</v>
      </c>
      <c r="K11823" s="2">
        <v>0</v>
      </c>
      <c r="L11823" t="s">
        <v>82</v>
      </c>
      <c r="M11823" t="s">
        <v>87</v>
      </c>
      <c r="N11823" t="s">
        <v>88</v>
      </c>
      <c r="O11823" t="s">
        <v>85</v>
      </c>
      <c r="P11823" t="s">
        <v>86</v>
      </c>
      <c r="Q11823">
        <v>4</v>
      </c>
      <c r="R11823">
        <v>4</v>
      </c>
      <c r="S11823">
        <v>4</v>
      </c>
      <c r="T11823">
        <v>4</v>
      </c>
      <c r="U11823">
        <v>4</v>
      </c>
      <c r="V11823">
        <v>4</v>
      </c>
      <c r="W11823">
        <v>4</v>
      </c>
      <c r="X11823">
        <v>4</v>
      </c>
      <c r="Y11823">
        <v>4</v>
      </c>
      <c r="Z11823">
        <v>4</v>
      </c>
      <c r="AA11823">
        <v>4</v>
      </c>
      <c r="AB11823">
        <v>4</v>
      </c>
      <c r="AC11823">
        <v>4</v>
      </c>
      <c r="AD11823">
        <v>4</v>
      </c>
      <c r="AE11823">
        <v>4</v>
      </c>
      <c r="AF11823">
        <v>4</v>
      </c>
      <c r="AG11823">
        <v>4</v>
      </c>
      <c r="AH11823">
        <v>4</v>
      </c>
      <c r="AI11823">
        <v>4</v>
      </c>
      <c r="AJ11823">
        <v>4</v>
      </c>
      <c r="AK11823">
        <v>4</v>
      </c>
      <c r="AL11823">
        <v>4</v>
      </c>
      <c r="AM11823">
        <v>4</v>
      </c>
      <c r="AN11823">
        <v>4</v>
      </c>
      <c r="AO11823">
        <v>4</v>
      </c>
      <c r="AP11823">
        <v>4</v>
      </c>
      <c r="AQ11823">
        <v>4</v>
      </c>
    </row>
    <row r="11824" spans="1:43">
      <c r="A11824" t="s">
        <v>7350</v>
      </c>
      <c r="B11824" t="s">
        <v>7351</v>
      </c>
      <c r="C11824" t="s">
        <v>7352</v>
      </c>
      <c r="D11824" t="s">
        <v>7353</v>
      </c>
      <c r="E11824" t="s">
        <v>7278</v>
      </c>
      <c r="F11824" t="s">
        <v>7279</v>
      </c>
      <c r="G11824" t="s">
        <v>80</v>
      </c>
      <c r="H11824" t="s">
        <v>81</v>
      </c>
      <c r="I11824" s="2">
        <v>0</v>
      </c>
      <c r="J11824" s="2">
        <v>1</v>
      </c>
      <c r="K11824" s="2">
        <v>0</v>
      </c>
      <c r="L11824" t="s">
        <v>82</v>
      </c>
      <c r="M11824" t="s">
        <v>89</v>
      </c>
      <c r="N11824" t="s">
        <v>90</v>
      </c>
      <c r="O11824" t="s">
        <v>85</v>
      </c>
      <c r="P11824" t="s">
        <v>86</v>
      </c>
      <c r="Q11824">
        <v>4</v>
      </c>
      <c r="R11824">
        <v>4</v>
      </c>
      <c r="S11824">
        <v>4</v>
      </c>
      <c r="T11824">
        <v>4</v>
      </c>
      <c r="U11824">
        <v>4</v>
      </c>
      <c r="V11824">
        <v>4</v>
      </c>
      <c r="W11824">
        <v>4</v>
      </c>
      <c r="X11824">
        <v>4</v>
      </c>
      <c r="Y11824">
        <v>4</v>
      </c>
      <c r="Z11824">
        <v>4</v>
      </c>
      <c r="AA11824">
        <v>4</v>
      </c>
      <c r="AB11824">
        <v>4</v>
      </c>
      <c r="AC11824">
        <v>4</v>
      </c>
      <c r="AD11824">
        <v>4</v>
      </c>
      <c r="AE11824">
        <v>4</v>
      </c>
      <c r="AF11824">
        <v>4</v>
      </c>
      <c r="AG11824">
        <v>4</v>
      </c>
      <c r="AH11824">
        <v>4</v>
      </c>
      <c r="AI11824">
        <v>4</v>
      </c>
      <c r="AJ11824">
        <v>4</v>
      </c>
      <c r="AK11824">
        <v>4</v>
      </c>
      <c r="AL11824">
        <v>4</v>
      </c>
      <c r="AM11824">
        <v>4</v>
      </c>
      <c r="AN11824">
        <v>4</v>
      </c>
      <c r="AO11824">
        <v>4</v>
      </c>
      <c r="AP11824">
        <v>4</v>
      </c>
      <c r="AQ11824">
        <v>4</v>
      </c>
    </row>
    <row r="11825" spans="1:43">
      <c r="A11825" t="s">
        <v>7350</v>
      </c>
      <c r="B11825" t="s">
        <v>7351</v>
      </c>
      <c r="C11825" t="s">
        <v>7352</v>
      </c>
      <c r="D11825" t="s">
        <v>7353</v>
      </c>
      <c r="E11825" t="s">
        <v>7278</v>
      </c>
      <c r="F11825" t="s">
        <v>7279</v>
      </c>
      <c r="G11825" t="s">
        <v>80</v>
      </c>
      <c r="H11825" t="s">
        <v>81</v>
      </c>
      <c r="I11825" s="2">
        <v>0</v>
      </c>
      <c r="J11825" s="2">
        <v>1</v>
      </c>
      <c r="K11825" s="2">
        <v>0</v>
      </c>
      <c r="L11825" t="s">
        <v>82</v>
      </c>
      <c r="M11825" t="s">
        <v>83</v>
      </c>
      <c r="N11825" t="s">
        <v>91</v>
      </c>
      <c r="O11825" t="s">
        <v>85</v>
      </c>
      <c r="P11825" t="s">
        <v>86</v>
      </c>
      <c r="Q11825">
        <v>4</v>
      </c>
      <c r="R11825">
        <v>4</v>
      </c>
      <c r="S11825">
        <v>4</v>
      </c>
      <c r="T11825">
        <v>4</v>
      </c>
      <c r="U11825">
        <v>4</v>
      </c>
      <c r="V11825">
        <v>4</v>
      </c>
      <c r="W11825">
        <v>4</v>
      </c>
      <c r="X11825">
        <v>4</v>
      </c>
      <c r="Y11825">
        <v>4</v>
      </c>
      <c r="Z11825">
        <v>4</v>
      </c>
      <c r="AA11825">
        <v>4</v>
      </c>
      <c r="AB11825">
        <v>4</v>
      </c>
      <c r="AC11825">
        <v>4</v>
      </c>
      <c r="AD11825">
        <v>4</v>
      </c>
      <c r="AE11825">
        <v>4</v>
      </c>
      <c r="AF11825">
        <v>4</v>
      </c>
      <c r="AG11825">
        <v>4</v>
      </c>
      <c r="AH11825">
        <v>4</v>
      </c>
      <c r="AI11825">
        <v>4</v>
      </c>
      <c r="AJ11825">
        <v>4</v>
      </c>
      <c r="AK11825">
        <v>4</v>
      </c>
      <c r="AL11825">
        <v>4</v>
      </c>
      <c r="AM11825">
        <v>4</v>
      </c>
      <c r="AN11825">
        <v>4</v>
      </c>
      <c r="AO11825">
        <v>4</v>
      </c>
      <c r="AP11825">
        <v>4</v>
      </c>
      <c r="AQ11825">
        <v>4</v>
      </c>
    </row>
    <row r="11826" spans="1:43">
      <c r="A11826" t="s">
        <v>7354</v>
      </c>
      <c r="B11826" t="s">
        <v>7355</v>
      </c>
      <c r="C11826" t="s">
        <v>7352</v>
      </c>
      <c r="D11826" t="s">
        <v>7353</v>
      </c>
      <c r="E11826" t="s">
        <v>7278</v>
      </c>
      <c r="F11826" t="s">
        <v>7279</v>
      </c>
      <c r="G11826" t="s">
        <v>80</v>
      </c>
      <c r="H11826" t="s">
        <v>81</v>
      </c>
      <c r="I11826" s="2">
        <v>0</v>
      </c>
      <c r="J11826" s="2">
        <v>1</v>
      </c>
      <c r="K11826" s="2">
        <v>0</v>
      </c>
      <c r="L11826" t="s">
        <v>82</v>
      </c>
      <c r="M11826" t="s">
        <v>83</v>
      </c>
      <c r="N11826" t="s">
        <v>84</v>
      </c>
      <c r="O11826" t="s">
        <v>85</v>
      </c>
      <c r="P11826" t="s">
        <v>86</v>
      </c>
      <c r="Q11826">
        <v>17</v>
      </c>
      <c r="R11826">
        <v>18</v>
      </c>
      <c r="S11826">
        <v>18</v>
      </c>
      <c r="T11826">
        <v>18</v>
      </c>
      <c r="U11826">
        <v>18</v>
      </c>
      <c r="V11826">
        <v>18</v>
      </c>
      <c r="W11826">
        <v>18</v>
      </c>
      <c r="X11826">
        <v>19</v>
      </c>
      <c r="Y11826">
        <v>19</v>
      </c>
      <c r="Z11826">
        <v>19</v>
      </c>
      <c r="AA11826">
        <v>19</v>
      </c>
      <c r="AB11826">
        <v>19</v>
      </c>
      <c r="AC11826">
        <v>19</v>
      </c>
      <c r="AD11826">
        <v>19</v>
      </c>
      <c r="AE11826">
        <v>20</v>
      </c>
      <c r="AF11826">
        <v>20</v>
      </c>
      <c r="AG11826">
        <v>20</v>
      </c>
      <c r="AH11826">
        <v>20</v>
      </c>
      <c r="AI11826">
        <v>20</v>
      </c>
      <c r="AJ11826">
        <v>20</v>
      </c>
      <c r="AK11826">
        <v>20</v>
      </c>
      <c r="AL11826">
        <v>20</v>
      </c>
      <c r="AM11826">
        <v>20</v>
      </c>
      <c r="AN11826">
        <v>20</v>
      </c>
      <c r="AO11826">
        <v>20</v>
      </c>
      <c r="AP11826">
        <v>20</v>
      </c>
      <c r="AQ11826">
        <v>20</v>
      </c>
    </row>
    <row r="11827" spans="1:43">
      <c r="A11827" t="s">
        <v>7354</v>
      </c>
      <c r="B11827" t="s">
        <v>7355</v>
      </c>
      <c r="C11827" t="s">
        <v>7352</v>
      </c>
      <c r="D11827" t="s">
        <v>7353</v>
      </c>
      <c r="E11827" t="s">
        <v>7278</v>
      </c>
      <c r="F11827" t="s">
        <v>7279</v>
      </c>
      <c r="G11827" t="s">
        <v>80</v>
      </c>
      <c r="H11827" t="s">
        <v>81</v>
      </c>
      <c r="I11827" s="2">
        <v>0</v>
      </c>
      <c r="J11827" s="2">
        <v>1</v>
      </c>
      <c r="K11827" s="2">
        <v>0</v>
      </c>
      <c r="L11827" t="s">
        <v>82</v>
      </c>
      <c r="M11827" t="s">
        <v>87</v>
      </c>
      <c r="N11827" t="s">
        <v>88</v>
      </c>
      <c r="O11827" t="s">
        <v>85</v>
      </c>
      <c r="P11827" t="s">
        <v>86</v>
      </c>
      <c r="Q11827">
        <v>17</v>
      </c>
      <c r="R11827">
        <v>17</v>
      </c>
      <c r="S11827">
        <v>17</v>
      </c>
      <c r="T11827">
        <v>17</v>
      </c>
      <c r="U11827">
        <v>17</v>
      </c>
      <c r="V11827">
        <v>17</v>
      </c>
      <c r="W11827">
        <v>17</v>
      </c>
      <c r="X11827">
        <v>17</v>
      </c>
      <c r="Y11827">
        <v>17</v>
      </c>
      <c r="Z11827">
        <v>17</v>
      </c>
      <c r="AA11827">
        <v>17</v>
      </c>
      <c r="AB11827">
        <v>17</v>
      </c>
      <c r="AC11827">
        <v>17</v>
      </c>
      <c r="AD11827">
        <v>17</v>
      </c>
      <c r="AE11827">
        <v>17</v>
      </c>
      <c r="AF11827">
        <v>17</v>
      </c>
      <c r="AG11827">
        <v>17</v>
      </c>
      <c r="AH11827">
        <v>17</v>
      </c>
      <c r="AI11827">
        <v>17</v>
      </c>
      <c r="AJ11827">
        <v>17</v>
      </c>
      <c r="AK11827">
        <v>17</v>
      </c>
      <c r="AL11827">
        <v>17</v>
      </c>
      <c r="AM11827">
        <v>17</v>
      </c>
      <c r="AN11827">
        <v>17</v>
      </c>
      <c r="AO11827">
        <v>17</v>
      </c>
      <c r="AP11827">
        <v>17</v>
      </c>
      <c r="AQ11827">
        <v>17</v>
      </c>
    </row>
    <row r="11828" spans="1:43">
      <c r="A11828" t="s">
        <v>7354</v>
      </c>
      <c r="B11828" t="s">
        <v>7355</v>
      </c>
      <c r="C11828" t="s">
        <v>7352</v>
      </c>
      <c r="D11828" t="s">
        <v>7353</v>
      </c>
      <c r="E11828" t="s">
        <v>7278</v>
      </c>
      <c r="F11828" t="s">
        <v>7279</v>
      </c>
      <c r="G11828" t="s">
        <v>80</v>
      </c>
      <c r="H11828" t="s">
        <v>81</v>
      </c>
      <c r="I11828" s="2">
        <v>0</v>
      </c>
      <c r="J11828" s="2">
        <v>1</v>
      </c>
      <c r="K11828" s="2">
        <v>0</v>
      </c>
      <c r="L11828" t="s">
        <v>82</v>
      </c>
      <c r="M11828" t="s">
        <v>89</v>
      </c>
      <c r="N11828" t="s">
        <v>90</v>
      </c>
      <c r="O11828" t="s">
        <v>85</v>
      </c>
      <c r="P11828" t="s">
        <v>86</v>
      </c>
      <c r="Q11828">
        <v>17</v>
      </c>
      <c r="R11828">
        <v>17</v>
      </c>
      <c r="S11828">
        <v>17</v>
      </c>
      <c r="T11828">
        <v>18</v>
      </c>
      <c r="U11828">
        <v>18</v>
      </c>
      <c r="V11828">
        <v>18</v>
      </c>
      <c r="W11828">
        <v>18</v>
      </c>
      <c r="X11828">
        <v>19</v>
      </c>
      <c r="Y11828">
        <v>19</v>
      </c>
      <c r="Z11828">
        <v>19</v>
      </c>
      <c r="AA11828">
        <v>19</v>
      </c>
      <c r="AB11828">
        <v>19</v>
      </c>
      <c r="AC11828">
        <v>20</v>
      </c>
      <c r="AD11828">
        <v>20</v>
      </c>
      <c r="AE11828">
        <v>20</v>
      </c>
      <c r="AF11828">
        <v>20</v>
      </c>
      <c r="AG11828">
        <v>20</v>
      </c>
      <c r="AH11828">
        <v>20</v>
      </c>
      <c r="AI11828">
        <v>20</v>
      </c>
      <c r="AJ11828">
        <v>20</v>
      </c>
      <c r="AK11828">
        <v>19</v>
      </c>
      <c r="AL11828">
        <v>19</v>
      </c>
      <c r="AM11828">
        <v>19</v>
      </c>
      <c r="AN11828">
        <v>19</v>
      </c>
      <c r="AO11828">
        <v>19</v>
      </c>
      <c r="AP11828">
        <v>19</v>
      </c>
      <c r="AQ11828">
        <v>19</v>
      </c>
    </row>
    <row r="11829" spans="1:43">
      <c r="A11829" t="s">
        <v>7354</v>
      </c>
      <c r="B11829" t="s">
        <v>7355</v>
      </c>
      <c r="C11829" t="s">
        <v>7352</v>
      </c>
      <c r="D11829" t="s">
        <v>7353</v>
      </c>
      <c r="E11829" t="s">
        <v>7278</v>
      </c>
      <c r="F11829" t="s">
        <v>7279</v>
      </c>
      <c r="G11829" t="s">
        <v>80</v>
      </c>
      <c r="H11829" t="s">
        <v>81</v>
      </c>
      <c r="I11829" s="2">
        <v>0</v>
      </c>
      <c r="J11829" s="2">
        <v>1</v>
      </c>
      <c r="K11829" s="2">
        <v>0</v>
      </c>
      <c r="L11829" t="s">
        <v>82</v>
      </c>
      <c r="M11829" t="s">
        <v>83</v>
      </c>
      <c r="N11829" t="s">
        <v>91</v>
      </c>
      <c r="O11829" t="s">
        <v>85</v>
      </c>
      <c r="P11829" t="s">
        <v>86</v>
      </c>
      <c r="Q11829">
        <v>17</v>
      </c>
      <c r="R11829">
        <v>18</v>
      </c>
      <c r="S11829">
        <v>18</v>
      </c>
      <c r="T11829">
        <v>18</v>
      </c>
      <c r="U11829">
        <v>18</v>
      </c>
      <c r="V11829">
        <v>18</v>
      </c>
      <c r="W11829">
        <v>18</v>
      </c>
      <c r="X11829">
        <v>19</v>
      </c>
      <c r="Y11829">
        <v>19</v>
      </c>
      <c r="Z11829">
        <v>19</v>
      </c>
      <c r="AA11829">
        <v>19</v>
      </c>
      <c r="AB11829">
        <v>19</v>
      </c>
      <c r="AC11829">
        <v>19</v>
      </c>
      <c r="AD11829">
        <v>19</v>
      </c>
      <c r="AE11829">
        <v>20</v>
      </c>
      <c r="AF11829">
        <v>20</v>
      </c>
      <c r="AG11829">
        <v>20</v>
      </c>
      <c r="AH11829">
        <v>20</v>
      </c>
      <c r="AI11829">
        <v>20</v>
      </c>
      <c r="AJ11829">
        <v>20</v>
      </c>
      <c r="AK11829">
        <v>20</v>
      </c>
      <c r="AL11829">
        <v>20</v>
      </c>
      <c r="AM11829">
        <v>20</v>
      </c>
      <c r="AN11829">
        <v>20</v>
      </c>
      <c r="AO11829">
        <v>20</v>
      </c>
      <c r="AP11829">
        <v>20</v>
      </c>
      <c r="AQ11829">
        <v>20</v>
      </c>
    </row>
    <row r="11830" spans="1:43">
      <c r="A11830" t="s">
        <v>7356</v>
      </c>
      <c r="B11830" t="s">
        <v>7357</v>
      </c>
      <c r="C11830" t="s">
        <v>7276</v>
      </c>
      <c r="D11830" t="s">
        <v>7277</v>
      </c>
      <c r="E11830" t="s">
        <v>7278</v>
      </c>
      <c r="F11830" t="s">
        <v>7279</v>
      </c>
      <c r="G11830" t="s">
        <v>80</v>
      </c>
      <c r="H11830" t="s">
        <v>81</v>
      </c>
      <c r="I11830" s="2">
        <v>0</v>
      </c>
      <c r="J11830" s="2">
        <v>1</v>
      </c>
      <c r="K11830" s="2">
        <v>0</v>
      </c>
      <c r="L11830" t="s">
        <v>82</v>
      </c>
      <c r="M11830" t="s">
        <v>83</v>
      </c>
      <c r="N11830" t="s">
        <v>84</v>
      </c>
      <c r="O11830" t="s">
        <v>85</v>
      </c>
      <c r="P11830" t="s">
        <v>86</v>
      </c>
      <c r="Q11830">
        <v>11</v>
      </c>
      <c r="R11830">
        <v>11</v>
      </c>
      <c r="S11830">
        <v>11</v>
      </c>
      <c r="T11830">
        <v>11</v>
      </c>
      <c r="U11830">
        <v>11</v>
      </c>
      <c r="V11830">
        <v>11</v>
      </c>
      <c r="W11830">
        <v>12</v>
      </c>
      <c r="X11830">
        <v>12</v>
      </c>
      <c r="Y11830">
        <v>12</v>
      </c>
      <c r="Z11830">
        <v>12</v>
      </c>
      <c r="AA11830">
        <v>12</v>
      </c>
      <c r="AB11830">
        <v>12</v>
      </c>
      <c r="AC11830">
        <v>12</v>
      </c>
      <c r="AD11830">
        <v>12</v>
      </c>
      <c r="AE11830">
        <v>12</v>
      </c>
      <c r="AF11830">
        <v>12</v>
      </c>
      <c r="AG11830">
        <v>12</v>
      </c>
      <c r="AH11830">
        <v>12</v>
      </c>
      <c r="AI11830">
        <v>12</v>
      </c>
      <c r="AJ11830">
        <v>13</v>
      </c>
      <c r="AK11830">
        <v>13</v>
      </c>
      <c r="AL11830">
        <v>13</v>
      </c>
      <c r="AM11830">
        <v>13</v>
      </c>
      <c r="AN11830">
        <v>12</v>
      </c>
      <c r="AO11830">
        <v>12</v>
      </c>
      <c r="AP11830">
        <v>12</v>
      </c>
      <c r="AQ11830">
        <v>12</v>
      </c>
    </row>
    <row r="11831" spans="1:43">
      <c r="A11831" t="s">
        <v>7356</v>
      </c>
      <c r="B11831" t="s">
        <v>7357</v>
      </c>
      <c r="C11831" t="s">
        <v>7276</v>
      </c>
      <c r="D11831" t="s">
        <v>7277</v>
      </c>
      <c r="E11831" t="s">
        <v>7278</v>
      </c>
      <c r="F11831" t="s">
        <v>7279</v>
      </c>
      <c r="G11831" t="s">
        <v>80</v>
      </c>
      <c r="H11831" t="s">
        <v>81</v>
      </c>
      <c r="I11831" s="2">
        <v>0</v>
      </c>
      <c r="J11831" s="2">
        <v>1</v>
      </c>
      <c r="K11831" s="2">
        <v>0</v>
      </c>
      <c r="L11831" t="s">
        <v>82</v>
      </c>
      <c r="M11831" t="s">
        <v>87</v>
      </c>
      <c r="N11831" t="s">
        <v>88</v>
      </c>
      <c r="O11831" t="s">
        <v>85</v>
      </c>
      <c r="P11831" t="s">
        <v>86</v>
      </c>
      <c r="Q11831">
        <v>11</v>
      </c>
      <c r="R11831">
        <v>11</v>
      </c>
      <c r="S11831">
        <v>11</v>
      </c>
      <c r="T11831">
        <v>11</v>
      </c>
      <c r="U11831">
        <v>11</v>
      </c>
      <c r="V11831">
        <v>11</v>
      </c>
      <c r="W11831">
        <v>11</v>
      </c>
      <c r="X11831">
        <v>11</v>
      </c>
      <c r="Y11831">
        <v>11</v>
      </c>
      <c r="Z11831">
        <v>11</v>
      </c>
      <c r="AA11831">
        <v>11</v>
      </c>
      <c r="AB11831">
        <v>11</v>
      </c>
      <c r="AC11831">
        <v>11</v>
      </c>
      <c r="AD11831">
        <v>11</v>
      </c>
      <c r="AE11831">
        <v>11</v>
      </c>
      <c r="AF11831">
        <v>11</v>
      </c>
      <c r="AG11831">
        <v>11</v>
      </c>
      <c r="AH11831">
        <v>11</v>
      </c>
      <c r="AI11831">
        <v>11</v>
      </c>
      <c r="AJ11831">
        <v>11</v>
      </c>
      <c r="AK11831">
        <v>11</v>
      </c>
      <c r="AL11831">
        <v>11</v>
      </c>
      <c r="AM11831">
        <v>11</v>
      </c>
      <c r="AN11831">
        <v>11</v>
      </c>
      <c r="AO11831">
        <v>11</v>
      </c>
      <c r="AP11831">
        <v>11</v>
      </c>
      <c r="AQ11831">
        <v>11</v>
      </c>
    </row>
    <row r="11832" spans="1:43">
      <c r="A11832" t="s">
        <v>7356</v>
      </c>
      <c r="B11832" t="s">
        <v>7357</v>
      </c>
      <c r="C11832" t="s">
        <v>7276</v>
      </c>
      <c r="D11832" t="s">
        <v>7277</v>
      </c>
      <c r="E11832" t="s">
        <v>7278</v>
      </c>
      <c r="F11832" t="s">
        <v>7279</v>
      </c>
      <c r="G11832" t="s">
        <v>80</v>
      </c>
      <c r="H11832" t="s">
        <v>81</v>
      </c>
      <c r="I11832" s="2">
        <v>0</v>
      </c>
      <c r="J11832" s="2">
        <v>1</v>
      </c>
      <c r="K11832" s="2">
        <v>0</v>
      </c>
      <c r="L11832" t="s">
        <v>82</v>
      </c>
      <c r="M11832" t="s">
        <v>89</v>
      </c>
      <c r="N11832" t="s">
        <v>90</v>
      </c>
      <c r="O11832" t="s">
        <v>85</v>
      </c>
      <c r="P11832" t="s">
        <v>86</v>
      </c>
      <c r="Q11832">
        <v>11</v>
      </c>
      <c r="R11832">
        <v>11</v>
      </c>
      <c r="S11832">
        <v>11</v>
      </c>
      <c r="T11832">
        <v>12</v>
      </c>
      <c r="U11832">
        <v>12</v>
      </c>
      <c r="V11832">
        <v>12</v>
      </c>
      <c r="W11832">
        <v>12</v>
      </c>
      <c r="X11832">
        <v>12</v>
      </c>
      <c r="Y11832">
        <v>12</v>
      </c>
      <c r="Z11832">
        <v>13</v>
      </c>
      <c r="AA11832">
        <v>13</v>
      </c>
      <c r="AB11832">
        <v>13</v>
      </c>
      <c r="AC11832">
        <v>13</v>
      </c>
      <c r="AD11832">
        <v>13</v>
      </c>
      <c r="AE11832">
        <v>13</v>
      </c>
      <c r="AF11832">
        <v>13</v>
      </c>
      <c r="AG11832">
        <v>13</v>
      </c>
      <c r="AH11832">
        <v>13</v>
      </c>
      <c r="AI11832">
        <v>13</v>
      </c>
      <c r="AJ11832">
        <v>13</v>
      </c>
      <c r="AK11832">
        <v>13</v>
      </c>
      <c r="AL11832">
        <v>13</v>
      </c>
      <c r="AM11832">
        <v>13</v>
      </c>
      <c r="AN11832">
        <v>13</v>
      </c>
      <c r="AO11832">
        <v>13</v>
      </c>
      <c r="AP11832">
        <v>12</v>
      </c>
      <c r="AQ11832">
        <v>12</v>
      </c>
    </row>
    <row r="11833" spans="1:43">
      <c r="A11833" t="s">
        <v>7356</v>
      </c>
      <c r="B11833" t="s">
        <v>7357</v>
      </c>
      <c r="C11833" t="s">
        <v>7276</v>
      </c>
      <c r="D11833" t="s">
        <v>7277</v>
      </c>
      <c r="E11833" t="s">
        <v>7278</v>
      </c>
      <c r="F11833" t="s">
        <v>7279</v>
      </c>
      <c r="G11833" t="s">
        <v>80</v>
      </c>
      <c r="H11833" t="s">
        <v>81</v>
      </c>
      <c r="I11833" s="2">
        <v>0</v>
      </c>
      <c r="J11833" s="2">
        <v>1</v>
      </c>
      <c r="K11833" s="2">
        <v>0</v>
      </c>
      <c r="L11833" t="s">
        <v>82</v>
      </c>
      <c r="M11833" t="s">
        <v>83</v>
      </c>
      <c r="N11833" t="s">
        <v>91</v>
      </c>
      <c r="O11833" t="s">
        <v>85</v>
      </c>
      <c r="P11833" t="s">
        <v>86</v>
      </c>
      <c r="Q11833">
        <v>11</v>
      </c>
      <c r="R11833">
        <v>11</v>
      </c>
      <c r="S11833">
        <v>11</v>
      </c>
      <c r="T11833">
        <v>11</v>
      </c>
      <c r="U11833">
        <v>11</v>
      </c>
      <c r="V11833">
        <v>11</v>
      </c>
      <c r="W11833">
        <v>12</v>
      </c>
      <c r="X11833">
        <v>12</v>
      </c>
      <c r="Y11833">
        <v>12</v>
      </c>
      <c r="Z11833">
        <v>12</v>
      </c>
      <c r="AA11833">
        <v>12</v>
      </c>
      <c r="AB11833">
        <v>12</v>
      </c>
      <c r="AC11833">
        <v>12</v>
      </c>
      <c r="AD11833">
        <v>12</v>
      </c>
      <c r="AE11833">
        <v>12</v>
      </c>
      <c r="AF11833">
        <v>12</v>
      </c>
      <c r="AG11833">
        <v>12</v>
      </c>
      <c r="AH11833">
        <v>12</v>
      </c>
      <c r="AI11833">
        <v>12</v>
      </c>
      <c r="AJ11833">
        <v>13</v>
      </c>
      <c r="AK11833">
        <v>13</v>
      </c>
      <c r="AL11833">
        <v>13</v>
      </c>
      <c r="AM11833">
        <v>13</v>
      </c>
      <c r="AN11833">
        <v>12</v>
      </c>
      <c r="AO11833">
        <v>12</v>
      </c>
      <c r="AP11833">
        <v>12</v>
      </c>
      <c r="AQ11833">
        <v>12</v>
      </c>
    </row>
    <row r="11834" spans="1:43">
      <c r="A11834" t="s">
        <v>7358</v>
      </c>
      <c r="B11834" t="s">
        <v>7359</v>
      </c>
      <c r="C11834" t="s">
        <v>7352</v>
      </c>
      <c r="D11834" t="s">
        <v>7353</v>
      </c>
      <c r="E11834" t="s">
        <v>7278</v>
      </c>
      <c r="F11834" t="s">
        <v>7279</v>
      </c>
      <c r="G11834" t="s">
        <v>80</v>
      </c>
      <c r="H11834" t="s">
        <v>81</v>
      </c>
      <c r="I11834" s="2">
        <v>0</v>
      </c>
      <c r="J11834" s="2">
        <v>1</v>
      </c>
      <c r="K11834" s="2">
        <v>0</v>
      </c>
      <c r="L11834" t="s">
        <v>82</v>
      </c>
      <c r="M11834" t="s">
        <v>83</v>
      </c>
      <c r="N11834" t="s">
        <v>84</v>
      </c>
      <c r="O11834" t="s">
        <v>85</v>
      </c>
      <c r="P11834" t="s">
        <v>86</v>
      </c>
      <c r="Q11834">
        <v>26</v>
      </c>
      <c r="R11834">
        <v>26</v>
      </c>
      <c r="S11834">
        <v>26</v>
      </c>
      <c r="T11834">
        <v>27</v>
      </c>
      <c r="U11834">
        <v>27</v>
      </c>
      <c r="V11834">
        <v>27</v>
      </c>
      <c r="W11834">
        <v>27</v>
      </c>
      <c r="X11834">
        <v>28</v>
      </c>
      <c r="Y11834">
        <v>28</v>
      </c>
      <c r="Z11834">
        <v>28</v>
      </c>
      <c r="AA11834">
        <v>28</v>
      </c>
      <c r="AB11834">
        <v>29</v>
      </c>
      <c r="AC11834">
        <v>29</v>
      </c>
      <c r="AD11834">
        <v>29</v>
      </c>
      <c r="AE11834">
        <v>29</v>
      </c>
      <c r="AF11834">
        <v>29</v>
      </c>
      <c r="AG11834">
        <v>29</v>
      </c>
      <c r="AH11834">
        <v>30</v>
      </c>
      <c r="AI11834">
        <v>30</v>
      </c>
      <c r="AJ11834">
        <v>30</v>
      </c>
      <c r="AK11834">
        <v>30</v>
      </c>
      <c r="AL11834">
        <v>30</v>
      </c>
      <c r="AM11834">
        <v>30</v>
      </c>
      <c r="AN11834">
        <v>30</v>
      </c>
      <c r="AO11834">
        <v>30</v>
      </c>
      <c r="AP11834">
        <v>30</v>
      </c>
      <c r="AQ11834">
        <v>29</v>
      </c>
    </row>
    <row r="11835" spans="1:43">
      <c r="A11835" t="s">
        <v>7358</v>
      </c>
      <c r="B11835" t="s">
        <v>7359</v>
      </c>
      <c r="C11835" t="s">
        <v>7352</v>
      </c>
      <c r="D11835" t="s">
        <v>7353</v>
      </c>
      <c r="E11835" t="s">
        <v>7278</v>
      </c>
      <c r="F11835" t="s">
        <v>7279</v>
      </c>
      <c r="G11835" t="s">
        <v>80</v>
      </c>
      <c r="H11835" t="s">
        <v>81</v>
      </c>
      <c r="I11835" s="2">
        <v>0</v>
      </c>
      <c r="J11835" s="2">
        <v>1</v>
      </c>
      <c r="K11835" s="2">
        <v>0</v>
      </c>
      <c r="L11835" t="s">
        <v>82</v>
      </c>
      <c r="M11835" t="s">
        <v>87</v>
      </c>
      <c r="N11835" t="s">
        <v>88</v>
      </c>
      <c r="O11835" t="s">
        <v>85</v>
      </c>
      <c r="P11835" t="s">
        <v>86</v>
      </c>
      <c r="Q11835">
        <v>26</v>
      </c>
      <c r="R11835">
        <v>26</v>
      </c>
      <c r="S11835">
        <v>26</v>
      </c>
      <c r="T11835">
        <v>26</v>
      </c>
      <c r="U11835">
        <v>26</v>
      </c>
      <c r="V11835">
        <v>26</v>
      </c>
      <c r="W11835">
        <v>26</v>
      </c>
      <c r="X11835">
        <v>26</v>
      </c>
      <c r="Y11835">
        <v>26</v>
      </c>
      <c r="Z11835">
        <v>26</v>
      </c>
      <c r="AA11835">
        <v>26</v>
      </c>
      <c r="AB11835">
        <v>26</v>
      </c>
      <c r="AC11835">
        <v>26</v>
      </c>
      <c r="AD11835">
        <v>26</v>
      </c>
      <c r="AE11835">
        <v>26</v>
      </c>
      <c r="AF11835">
        <v>26</v>
      </c>
      <c r="AG11835">
        <v>26</v>
      </c>
      <c r="AH11835">
        <v>26</v>
      </c>
      <c r="AI11835">
        <v>26</v>
      </c>
      <c r="AJ11835">
        <v>26</v>
      </c>
      <c r="AK11835">
        <v>26</v>
      </c>
      <c r="AL11835">
        <v>26</v>
      </c>
      <c r="AM11835">
        <v>26</v>
      </c>
      <c r="AN11835">
        <v>26</v>
      </c>
      <c r="AO11835">
        <v>26</v>
      </c>
      <c r="AP11835">
        <v>26</v>
      </c>
      <c r="AQ11835">
        <v>26</v>
      </c>
    </row>
    <row r="11836" spans="1:43">
      <c r="A11836" t="s">
        <v>7358</v>
      </c>
      <c r="B11836" t="s">
        <v>7359</v>
      </c>
      <c r="C11836" t="s">
        <v>7352</v>
      </c>
      <c r="D11836" t="s">
        <v>7353</v>
      </c>
      <c r="E11836" t="s">
        <v>7278</v>
      </c>
      <c r="F11836" t="s">
        <v>7279</v>
      </c>
      <c r="G11836" t="s">
        <v>80</v>
      </c>
      <c r="H11836" t="s">
        <v>81</v>
      </c>
      <c r="I11836" s="2">
        <v>0</v>
      </c>
      <c r="J11836" s="2">
        <v>1</v>
      </c>
      <c r="K11836" s="2">
        <v>0</v>
      </c>
      <c r="L11836" t="s">
        <v>82</v>
      </c>
      <c r="M11836" t="s">
        <v>89</v>
      </c>
      <c r="N11836" t="s">
        <v>90</v>
      </c>
      <c r="O11836" t="s">
        <v>85</v>
      </c>
      <c r="P11836" t="s">
        <v>86</v>
      </c>
      <c r="Q11836">
        <v>26</v>
      </c>
      <c r="R11836">
        <v>27</v>
      </c>
      <c r="S11836">
        <v>27</v>
      </c>
      <c r="T11836">
        <v>28</v>
      </c>
      <c r="U11836">
        <v>28</v>
      </c>
      <c r="V11836">
        <v>28</v>
      </c>
      <c r="W11836">
        <v>29</v>
      </c>
      <c r="X11836">
        <v>29</v>
      </c>
      <c r="Y11836">
        <v>30</v>
      </c>
      <c r="Z11836">
        <v>30</v>
      </c>
      <c r="AA11836">
        <v>30</v>
      </c>
      <c r="AB11836">
        <v>30</v>
      </c>
      <c r="AC11836">
        <v>31</v>
      </c>
      <c r="AD11836">
        <v>31</v>
      </c>
      <c r="AE11836">
        <v>31</v>
      </c>
      <c r="AF11836">
        <v>31</v>
      </c>
      <c r="AG11836">
        <v>31</v>
      </c>
      <c r="AH11836">
        <v>31</v>
      </c>
      <c r="AI11836">
        <v>31</v>
      </c>
      <c r="AJ11836">
        <v>31</v>
      </c>
      <c r="AK11836">
        <v>30</v>
      </c>
      <c r="AL11836">
        <v>30</v>
      </c>
      <c r="AM11836">
        <v>30</v>
      </c>
      <c r="AN11836">
        <v>30</v>
      </c>
      <c r="AO11836">
        <v>30</v>
      </c>
      <c r="AP11836">
        <v>30</v>
      </c>
      <c r="AQ11836">
        <v>30</v>
      </c>
    </row>
    <row r="11837" spans="1:43">
      <c r="A11837" t="s">
        <v>7358</v>
      </c>
      <c r="B11837" t="s">
        <v>7359</v>
      </c>
      <c r="C11837" t="s">
        <v>7352</v>
      </c>
      <c r="D11837" t="s">
        <v>7353</v>
      </c>
      <c r="E11837" t="s">
        <v>7278</v>
      </c>
      <c r="F11837" t="s">
        <v>7279</v>
      </c>
      <c r="G11837" t="s">
        <v>80</v>
      </c>
      <c r="H11837" t="s">
        <v>81</v>
      </c>
      <c r="I11837" s="2">
        <v>0</v>
      </c>
      <c r="J11837" s="2">
        <v>1</v>
      </c>
      <c r="K11837" s="2">
        <v>0</v>
      </c>
      <c r="L11837" t="s">
        <v>82</v>
      </c>
      <c r="M11837" t="s">
        <v>83</v>
      </c>
      <c r="N11837" t="s">
        <v>91</v>
      </c>
      <c r="O11837" t="s">
        <v>85</v>
      </c>
      <c r="P11837" t="s">
        <v>86</v>
      </c>
      <c r="Q11837">
        <v>26</v>
      </c>
      <c r="R11837">
        <v>26</v>
      </c>
      <c r="S11837">
        <v>26</v>
      </c>
      <c r="T11837">
        <v>27</v>
      </c>
      <c r="U11837">
        <v>27</v>
      </c>
      <c r="V11837">
        <v>27</v>
      </c>
      <c r="W11837">
        <v>27</v>
      </c>
      <c r="X11837">
        <v>28</v>
      </c>
      <c r="Y11837">
        <v>28</v>
      </c>
      <c r="Z11837">
        <v>28</v>
      </c>
      <c r="AA11837">
        <v>28</v>
      </c>
      <c r="AB11837">
        <v>29</v>
      </c>
      <c r="AC11837">
        <v>29</v>
      </c>
      <c r="AD11837">
        <v>29</v>
      </c>
      <c r="AE11837">
        <v>29</v>
      </c>
      <c r="AF11837">
        <v>29</v>
      </c>
      <c r="AG11837">
        <v>29</v>
      </c>
      <c r="AH11837">
        <v>30</v>
      </c>
      <c r="AI11837">
        <v>30</v>
      </c>
      <c r="AJ11837">
        <v>30</v>
      </c>
      <c r="AK11837">
        <v>30</v>
      </c>
      <c r="AL11837">
        <v>30</v>
      </c>
      <c r="AM11837">
        <v>30</v>
      </c>
      <c r="AN11837">
        <v>30</v>
      </c>
      <c r="AO11837">
        <v>30</v>
      </c>
      <c r="AP11837">
        <v>30</v>
      </c>
      <c r="AQ11837">
        <v>29</v>
      </c>
    </row>
    <row r="11838" spans="1:43">
      <c r="A11838" t="s">
        <v>7360</v>
      </c>
      <c r="B11838" t="s">
        <v>7361</v>
      </c>
      <c r="C11838" t="s">
        <v>7352</v>
      </c>
      <c r="D11838" t="s">
        <v>7353</v>
      </c>
      <c r="E11838" t="s">
        <v>7278</v>
      </c>
      <c r="F11838" t="s">
        <v>7279</v>
      </c>
      <c r="G11838" t="s">
        <v>80</v>
      </c>
      <c r="H11838" t="s">
        <v>81</v>
      </c>
      <c r="I11838" s="2">
        <v>0</v>
      </c>
      <c r="J11838" s="2">
        <v>1</v>
      </c>
      <c r="K11838" s="2">
        <v>0</v>
      </c>
      <c r="L11838" t="s">
        <v>82</v>
      </c>
      <c r="M11838" t="s">
        <v>83</v>
      </c>
      <c r="N11838" t="s">
        <v>84</v>
      </c>
      <c r="O11838" t="s">
        <v>85</v>
      </c>
      <c r="P11838" t="s">
        <v>86</v>
      </c>
      <c r="Q11838">
        <v>73</v>
      </c>
      <c r="R11838">
        <v>74</v>
      </c>
      <c r="S11838">
        <v>74</v>
      </c>
      <c r="T11838">
        <v>75</v>
      </c>
      <c r="U11838">
        <v>76</v>
      </c>
      <c r="V11838">
        <v>77</v>
      </c>
      <c r="W11838">
        <v>77</v>
      </c>
      <c r="X11838">
        <v>78</v>
      </c>
      <c r="Y11838">
        <v>79</v>
      </c>
      <c r="Z11838">
        <v>79</v>
      </c>
      <c r="AA11838">
        <v>80</v>
      </c>
      <c r="AB11838">
        <v>80</v>
      </c>
      <c r="AC11838">
        <v>81</v>
      </c>
      <c r="AD11838">
        <v>81</v>
      </c>
      <c r="AE11838">
        <v>82</v>
      </c>
      <c r="AF11838">
        <v>82</v>
      </c>
      <c r="AG11838">
        <v>83</v>
      </c>
      <c r="AH11838">
        <v>83</v>
      </c>
      <c r="AI11838">
        <v>84</v>
      </c>
      <c r="AJ11838">
        <v>84</v>
      </c>
      <c r="AK11838">
        <v>84</v>
      </c>
      <c r="AL11838">
        <v>84</v>
      </c>
      <c r="AM11838">
        <v>84</v>
      </c>
      <c r="AN11838">
        <v>84</v>
      </c>
      <c r="AO11838">
        <v>83</v>
      </c>
      <c r="AP11838">
        <v>83</v>
      </c>
      <c r="AQ11838">
        <v>83</v>
      </c>
    </row>
    <row r="11839" spans="1:43">
      <c r="A11839" t="s">
        <v>7360</v>
      </c>
      <c r="B11839" t="s">
        <v>7361</v>
      </c>
      <c r="C11839" t="s">
        <v>7352</v>
      </c>
      <c r="D11839" t="s">
        <v>7353</v>
      </c>
      <c r="E11839" t="s">
        <v>7278</v>
      </c>
      <c r="F11839" t="s">
        <v>7279</v>
      </c>
      <c r="G11839" t="s">
        <v>80</v>
      </c>
      <c r="H11839" t="s">
        <v>81</v>
      </c>
      <c r="I11839" s="2">
        <v>0</v>
      </c>
      <c r="J11839" s="2">
        <v>1</v>
      </c>
      <c r="K11839" s="2">
        <v>0</v>
      </c>
      <c r="L11839" t="s">
        <v>82</v>
      </c>
      <c r="M11839" t="s">
        <v>87</v>
      </c>
      <c r="N11839" t="s">
        <v>88</v>
      </c>
      <c r="O11839" t="s">
        <v>85</v>
      </c>
      <c r="P11839" t="s">
        <v>86</v>
      </c>
      <c r="Q11839">
        <v>73</v>
      </c>
      <c r="R11839">
        <v>73</v>
      </c>
      <c r="S11839">
        <v>73</v>
      </c>
      <c r="T11839">
        <v>74</v>
      </c>
      <c r="U11839">
        <v>74</v>
      </c>
      <c r="V11839">
        <v>74</v>
      </c>
      <c r="W11839">
        <v>74</v>
      </c>
      <c r="X11839">
        <v>74</v>
      </c>
      <c r="Y11839">
        <v>74</v>
      </c>
      <c r="Z11839">
        <v>74</v>
      </c>
      <c r="AA11839">
        <v>74</v>
      </c>
      <c r="AB11839">
        <v>74</v>
      </c>
      <c r="AC11839">
        <v>74</v>
      </c>
      <c r="AD11839">
        <v>74</v>
      </c>
      <c r="AE11839">
        <v>74</v>
      </c>
      <c r="AF11839">
        <v>74</v>
      </c>
      <c r="AG11839">
        <v>73</v>
      </c>
      <c r="AH11839">
        <v>73</v>
      </c>
      <c r="AI11839">
        <v>73</v>
      </c>
      <c r="AJ11839">
        <v>73</v>
      </c>
      <c r="AK11839">
        <v>73</v>
      </c>
      <c r="AL11839">
        <v>73</v>
      </c>
      <c r="AM11839">
        <v>73</v>
      </c>
      <c r="AN11839">
        <v>73</v>
      </c>
      <c r="AO11839">
        <v>73</v>
      </c>
      <c r="AP11839">
        <v>73</v>
      </c>
      <c r="AQ11839">
        <v>73</v>
      </c>
    </row>
    <row r="11840" spans="1:43">
      <c r="A11840" t="s">
        <v>7360</v>
      </c>
      <c r="B11840" t="s">
        <v>7361</v>
      </c>
      <c r="C11840" t="s">
        <v>7352</v>
      </c>
      <c r="D11840" t="s">
        <v>7353</v>
      </c>
      <c r="E11840" t="s">
        <v>7278</v>
      </c>
      <c r="F11840" t="s">
        <v>7279</v>
      </c>
      <c r="G11840" t="s">
        <v>80</v>
      </c>
      <c r="H11840" t="s">
        <v>81</v>
      </c>
      <c r="I11840" s="2">
        <v>0</v>
      </c>
      <c r="J11840" s="2">
        <v>1</v>
      </c>
      <c r="K11840" s="2">
        <v>0</v>
      </c>
      <c r="L11840" t="s">
        <v>82</v>
      </c>
      <c r="M11840" t="s">
        <v>89</v>
      </c>
      <c r="N11840" t="s">
        <v>90</v>
      </c>
      <c r="O11840" t="s">
        <v>85</v>
      </c>
      <c r="P11840" t="s">
        <v>86</v>
      </c>
      <c r="Q11840">
        <v>73</v>
      </c>
      <c r="R11840">
        <v>74</v>
      </c>
      <c r="S11840">
        <v>75</v>
      </c>
      <c r="T11840">
        <v>77</v>
      </c>
      <c r="U11840">
        <v>78</v>
      </c>
      <c r="V11840">
        <v>79</v>
      </c>
      <c r="W11840">
        <v>80</v>
      </c>
      <c r="X11840">
        <v>81</v>
      </c>
      <c r="Y11840">
        <v>82</v>
      </c>
      <c r="Z11840">
        <v>83</v>
      </c>
      <c r="AA11840">
        <v>84</v>
      </c>
      <c r="AB11840">
        <v>85</v>
      </c>
      <c r="AC11840">
        <v>86</v>
      </c>
      <c r="AD11840">
        <v>86</v>
      </c>
      <c r="AE11840">
        <v>87</v>
      </c>
      <c r="AF11840">
        <v>86</v>
      </c>
      <c r="AG11840">
        <v>86</v>
      </c>
      <c r="AH11840">
        <v>86</v>
      </c>
      <c r="AI11840">
        <v>85</v>
      </c>
      <c r="AJ11840">
        <v>85</v>
      </c>
      <c r="AK11840">
        <v>85</v>
      </c>
      <c r="AL11840">
        <v>84</v>
      </c>
      <c r="AM11840">
        <v>84</v>
      </c>
      <c r="AN11840">
        <v>84</v>
      </c>
      <c r="AO11840">
        <v>83</v>
      </c>
      <c r="AP11840">
        <v>83</v>
      </c>
      <c r="AQ11840">
        <v>83</v>
      </c>
    </row>
    <row r="11841" spans="1:43">
      <c r="A11841" t="s">
        <v>7360</v>
      </c>
      <c r="B11841" t="s">
        <v>7361</v>
      </c>
      <c r="C11841" t="s">
        <v>7352</v>
      </c>
      <c r="D11841" t="s">
        <v>7353</v>
      </c>
      <c r="E11841" t="s">
        <v>7278</v>
      </c>
      <c r="F11841" t="s">
        <v>7279</v>
      </c>
      <c r="G11841" t="s">
        <v>80</v>
      </c>
      <c r="H11841" t="s">
        <v>81</v>
      </c>
      <c r="I11841" s="2">
        <v>0</v>
      </c>
      <c r="J11841" s="2">
        <v>1</v>
      </c>
      <c r="K11841" s="2">
        <v>0</v>
      </c>
      <c r="L11841" t="s">
        <v>82</v>
      </c>
      <c r="M11841" t="s">
        <v>83</v>
      </c>
      <c r="N11841" t="s">
        <v>91</v>
      </c>
      <c r="O11841" t="s">
        <v>85</v>
      </c>
      <c r="P11841" t="s">
        <v>86</v>
      </c>
      <c r="Q11841">
        <v>73</v>
      </c>
      <c r="R11841">
        <v>74</v>
      </c>
      <c r="S11841">
        <v>74</v>
      </c>
      <c r="T11841">
        <v>75</v>
      </c>
      <c r="U11841">
        <v>76</v>
      </c>
      <c r="V11841">
        <v>77</v>
      </c>
      <c r="W11841">
        <v>77</v>
      </c>
      <c r="X11841">
        <v>78</v>
      </c>
      <c r="Y11841">
        <v>79</v>
      </c>
      <c r="Z11841">
        <v>79</v>
      </c>
      <c r="AA11841">
        <v>80</v>
      </c>
      <c r="AB11841">
        <v>80</v>
      </c>
      <c r="AC11841">
        <v>81</v>
      </c>
      <c r="AD11841">
        <v>81</v>
      </c>
      <c r="AE11841">
        <v>82</v>
      </c>
      <c r="AF11841">
        <v>82</v>
      </c>
      <c r="AG11841">
        <v>83</v>
      </c>
      <c r="AH11841">
        <v>83</v>
      </c>
      <c r="AI11841">
        <v>84</v>
      </c>
      <c r="AJ11841">
        <v>84</v>
      </c>
      <c r="AK11841">
        <v>84</v>
      </c>
      <c r="AL11841">
        <v>84</v>
      </c>
      <c r="AM11841">
        <v>84</v>
      </c>
      <c r="AN11841">
        <v>84</v>
      </c>
      <c r="AO11841">
        <v>83</v>
      </c>
      <c r="AP11841">
        <v>83</v>
      </c>
      <c r="AQ11841">
        <v>83</v>
      </c>
    </row>
    <row r="11842" spans="1:43">
      <c r="A11842" t="s">
        <v>7362</v>
      </c>
      <c r="B11842" t="s">
        <v>7363</v>
      </c>
      <c r="C11842" t="s">
        <v>7288</v>
      </c>
      <c r="D11842" t="s">
        <v>7289</v>
      </c>
      <c r="E11842" t="s">
        <v>7278</v>
      </c>
      <c r="F11842" t="s">
        <v>7279</v>
      </c>
      <c r="G11842" t="s">
        <v>80</v>
      </c>
      <c r="H11842" t="s">
        <v>81</v>
      </c>
      <c r="I11842" s="2">
        <v>0</v>
      </c>
      <c r="J11842" s="2">
        <v>1</v>
      </c>
      <c r="K11842" s="2">
        <v>0</v>
      </c>
      <c r="L11842" t="s">
        <v>82</v>
      </c>
      <c r="M11842" t="s">
        <v>83</v>
      </c>
      <c r="N11842" t="s">
        <v>84</v>
      </c>
      <c r="O11842" t="s">
        <v>85</v>
      </c>
      <c r="P11842" t="s">
        <v>86</v>
      </c>
      <c r="Q11842">
        <v>12</v>
      </c>
      <c r="R11842">
        <v>12</v>
      </c>
      <c r="S11842">
        <v>12</v>
      </c>
      <c r="T11842">
        <v>12</v>
      </c>
      <c r="U11842">
        <v>12</v>
      </c>
      <c r="V11842">
        <v>12</v>
      </c>
      <c r="W11842">
        <v>12</v>
      </c>
      <c r="X11842">
        <v>12</v>
      </c>
      <c r="Y11842">
        <v>12</v>
      </c>
      <c r="Z11842">
        <v>13</v>
      </c>
      <c r="AA11842">
        <v>13</v>
      </c>
      <c r="AB11842">
        <v>13</v>
      </c>
      <c r="AC11842">
        <v>13</v>
      </c>
      <c r="AD11842">
        <v>13</v>
      </c>
      <c r="AE11842">
        <v>13</v>
      </c>
      <c r="AF11842">
        <v>13</v>
      </c>
      <c r="AG11842">
        <v>13</v>
      </c>
      <c r="AH11842">
        <v>13</v>
      </c>
      <c r="AI11842">
        <v>13</v>
      </c>
      <c r="AJ11842">
        <v>13</v>
      </c>
      <c r="AK11842">
        <v>13</v>
      </c>
      <c r="AL11842">
        <v>13</v>
      </c>
      <c r="AM11842">
        <v>13</v>
      </c>
      <c r="AN11842">
        <v>13</v>
      </c>
      <c r="AO11842">
        <v>13</v>
      </c>
      <c r="AP11842">
        <v>13</v>
      </c>
      <c r="AQ11842">
        <v>13</v>
      </c>
    </row>
    <row r="11843" spans="1:43">
      <c r="A11843" t="s">
        <v>7362</v>
      </c>
      <c r="B11843" t="s">
        <v>7363</v>
      </c>
      <c r="C11843" t="s">
        <v>7288</v>
      </c>
      <c r="D11843" t="s">
        <v>7289</v>
      </c>
      <c r="E11843" t="s">
        <v>7278</v>
      </c>
      <c r="F11843" t="s">
        <v>7279</v>
      </c>
      <c r="G11843" t="s">
        <v>80</v>
      </c>
      <c r="H11843" t="s">
        <v>81</v>
      </c>
      <c r="I11843" s="2">
        <v>0</v>
      </c>
      <c r="J11843" s="2">
        <v>1</v>
      </c>
      <c r="K11843" s="2">
        <v>0</v>
      </c>
      <c r="L11843" t="s">
        <v>82</v>
      </c>
      <c r="M11843" t="s">
        <v>87</v>
      </c>
      <c r="N11843" t="s">
        <v>88</v>
      </c>
      <c r="O11843" t="s">
        <v>85</v>
      </c>
      <c r="P11843" t="s">
        <v>86</v>
      </c>
      <c r="Q11843">
        <v>12</v>
      </c>
      <c r="R11843">
        <v>12</v>
      </c>
      <c r="S11843">
        <v>12</v>
      </c>
      <c r="T11843">
        <v>12</v>
      </c>
      <c r="U11843">
        <v>12</v>
      </c>
      <c r="V11843">
        <v>12</v>
      </c>
      <c r="W11843">
        <v>12</v>
      </c>
      <c r="X11843">
        <v>12</v>
      </c>
      <c r="Y11843">
        <v>12</v>
      </c>
      <c r="Z11843">
        <v>12</v>
      </c>
      <c r="AA11843">
        <v>12</v>
      </c>
      <c r="AB11843">
        <v>12</v>
      </c>
      <c r="AC11843">
        <v>12</v>
      </c>
      <c r="AD11843">
        <v>12</v>
      </c>
      <c r="AE11843">
        <v>12</v>
      </c>
      <c r="AF11843">
        <v>12</v>
      </c>
      <c r="AG11843">
        <v>12</v>
      </c>
      <c r="AH11843">
        <v>12</v>
      </c>
      <c r="AI11843">
        <v>12</v>
      </c>
      <c r="AJ11843">
        <v>12</v>
      </c>
      <c r="AK11843">
        <v>12</v>
      </c>
      <c r="AL11843">
        <v>12</v>
      </c>
      <c r="AM11843">
        <v>12</v>
      </c>
      <c r="AN11843">
        <v>12</v>
      </c>
      <c r="AO11843">
        <v>12</v>
      </c>
      <c r="AP11843">
        <v>12</v>
      </c>
      <c r="AQ11843">
        <v>12</v>
      </c>
    </row>
    <row r="11844" spans="1:43">
      <c r="A11844" t="s">
        <v>7362</v>
      </c>
      <c r="B11844" t="s">
        <v>7363</v>
      </c>
      <c r="C11844" t="s">
        <v>7288</v>
      </c>
      <c r="D11844" t="s">
        <v>7289</v>
      </c>
      <c r="E11844" t="s">
        <v>7278</v>
      </c>
      <c r="F11844" t="s">
        <v>7279</v>
      </c>
      <c r="G11844" t="s">
        <v>80</v>
      </c>
      <c r="H11844" t="s">
        <v>81</v>
      </c>
      <c r="I11844" s="2">
        <v>0</v>
      </c>
      <c r="J11844" s="2">
        <v>1</v>
      </c>
      <c r="K11844" s="2">
        <v>0</v>
      </c>
      <c r="L11844" t="s">
        <v>82</v>
      </c>
      <c r="M11844" t="s">
        <v>89</v>
      </c>
      <c r="N11844" t="s">
        <v>90</v>
      </c>
      <c r="O11844" t="s">
        <v>85</v>
      </c>
      <c r="P11844" t="s">
        <v>86</v>
      </c>
      <c r="Q11844">
        <v>12</v>
      </c>
      <c r="R11844">
        <v>12</v>
      </c>
      <c r="S11844">
        <v>12</v>
      </c>
      <c r="T11844">
        <v>12</v>
      </c>
      <c r="U11844">
        <v>12</v>
      </c>
      <c r="V11844">
        <v>13</v>
      </c>
      <c r="W11844">
        <v>13</v>
      </c>
      <c r="X11844">
        <v>13</v>
      </c>
      <c r="Y11844">
        <v>13</v>
      </c>
      <c r="Z11844">
        <v>13</v>
      </c>
      <c r="AA11844">
        <v>13</v>
      </c>
      <c r="AB11844">
        <v>14</v>
      </c>
      <c r="AC11844">
        <v>14</v>
      </c>
      <c r="AD11844">
        <v>14</v>
      </c>
      <c r="AE11844">
        <v>14</v>
      </c>
      <c r="AF11844">
        <v>14</v>
      </c>
      <c r="AG11844">
        <v>14</v>
      </c>
      <c r="AH11844">
        <v>14</v>
      </c>
      <c r="AI11844">
        <v>14</v>
      </c>
      <c r="AJ11844">
        <v>14</v>
      </c>
      <c r="AK11844">
        <v>14</v>
      </c>
      <c r="AL11844">
        <v>13</v>
      </c>
      <c r="AM11844">
        <v>13</v>
      </c>
      <c r="AN11844">
        <v>13</v>
      </c>
      <c r="AO11844">
        <v>13</v>
      </c>
      <c r="AP11844">
        <v>13</v>
      </c>
      <c r="AQ11844">
        <v>13</v>
      </c>
    </row>
    <row r="11845" spans="1:43">
      <c r="A11845" t="s">
        <v>7362</v>
      </c>
      <c r="B11845" t="s">
        <v>7363</v>
      </c>
      <c r="C11845" t="s">
        <v>7288</v>
      </c>
      <c r="D11845" t="s">
        <v>7289</v>
      </c>
      <c r="E11845" t="s">
        <v>7278</v>
      </c>
      <c r="F11845" t="s">
        <v>7279</v>
      </c>
      <c r="G11845" t="s">
        <v>80</v>
      </c>
      <c r="H11845" t="s">
        <v>81</v>
      </c>
      <c r="I11845" s="2">
        <v>0</v>
      </c>
      <c r="J11845" s="2">
        <v>1</v>
      </c>
      <c r="K11845" s="2">
        <v>0</v>
      </c>
      <c r="L11845" t="s">
        <v>82</v>
      </c>
      <c r="M11845" t="s">
        <v>83</v>
      </c>
      <c r="N11845" t="s">
        <v>91</v>
      </c>
      <c r="O11845" t="s">
        <v>85</v>
      </c>
      <c r="P11845" t="s">
        <v>86</v>
      </c>
      <c r="Q11845">
        <v>12</v>
      </c>
      <c r="R11845">
        <v>12</v>
      </c>
      <c r="S11845">
        <v>12</v>
      </c>
      <c r="T11845">
        <v>12</v>
      </c>
      <c r="U11845">
        <v>12</v>
      </c>
      <c r="V11845">
        <v>12</v>
      </c>
      <c r="W11845">
        <v>12</v>
      </c>
      <c r="X11845">
        <v>12</v>
      </c>
      <c r="Y11845">
        <v>12</v>
      </c>
      <c r="Z11845">
        <v>13</v>
      </c>
      <c r="AA11845">
        <v>13</v>
      </c>
      <c r="AB11845">
        <v>13</v>
      </c>
      <c r="AC11845">
        <v>13</v>
      </c>
      <c r="AD11845">
        <v>13</v>
      </c>
      <c r="AE11845">
        <v>13</v>
      </c>
      <c r="AF11845">
        <v>13</v>
      </c>
      <c r="AG11845">
        <v>13</v>
      </c>
      <c r="AH11845">
        <v>13</v>
      </c>
      <c r="AI11845">
        <v>13</v>
      </c>
      <c r="AJ11845">
        <v>13</v>
      </c>
      <c r="AK11845">
        <v>13</v>
      </c>
      <c r="AL11845">
        <v>13</v>
      </c>
      <c r="AM11845">
        <v>13</v>
      </c>
      <c r="AN11845">
        <v>13</v>
      </c>
      <c r="AO11845">
        <v>13</v>
      </c>
      <c r="AP11845">
        <v>13</v>
      </c>
      <c r="AQ11845">
        <v>13</v>
      </c>
    </row>
    <row r="11846" spans="1:43">
      <c r="A11846" t="s">
        <v>7364</v>
      </c>
      <c r="B11846" t="s">
        <v>7365</v>
      </c>
      <c r="C11846" t="s">
        <v>7352</v>
      </c>
      <c r="D11846" t="s">
        <v>7353</v>
      </c>
      <c r="E11846" t="s">
        <v>7278</v>
      </c>
      <c r="F11846" t="s">
        <v>7279</v>
      </c>
      <c r="G11846" t="s">
        <v>80</v>
      </c>
      <c r="H11846" t="s">
        <v>81</v>
      </c>
      <c r="I11846" s="2">
        <v>0</v>
      </c>
      <c r="J11846" s="2">
        <v>1</v>
      </c>
      <c r="K11846" s="2">
        <v>0</v>
      </c>
      <c r="L11846" t="s">
        <v>82</v>
      </c>
      <c r="M11846" t="s">
        <v>83</v>
      </c>
      <c r="N11846" t="s">
        <v>84</v>
      </c>
      <c r="O11846" t="s">
        <v>85</v>
      </c>
      <c r="P11846" t="s">
        <v>86</v>
      </c>
      <c r="Q11846">
        <v>34</v>
      </c>
      <c r="R11846">
        <v>34</v>
      </c>
      <c r="S11846">
        <v>35</v>
      </c>
      <c r="T11846">
        <v>35</v>
      </c>
      <c r="U11846">
        <v>35</v>
      </c>
      <c r="V11846">
        <v>36</v>
      </c>
      <c r="W11846">
        <v>36</v>
      </c>
      <c r="X11846">
        <v>36</v>
      </c>
      <c r="Y11846">
        <v>37</v>
      </c>
      <c r="Z11846">
        <v>37</v>
      </c>
      <c r="AA11846">
        <v>37</v>
      </c>
      <c r="AB11846">
        <v>38</v>
      </c>
      <c r="AC11846">
        <v>38</v>
      </c>
      <c r="AD11846">
        <v>38</v>
      </c>
      <c r="AE11846">
        <v>38</v>
      </c>
      <c r="AF11846">
        <v>38</v>
      </c>
      <c r="AG11846">
        <v>39</v>
      </c>
      <c r="AH11846">
        <v>39</v>
      </c>
      <c r="AI11846">
        <v>39</v>
      </c>
      <c r="AJ11846">
        <v>39</v>
      </c>
      <c r="AK11846">
        <v>39</v>
      </c>
      <c r="AL11846">
        <v>39</v>
      </c>
      <c r="AM11846">
        <v>39</v>
      </c>
      <c r="AN11846">
        <v>39</v>
      </c>
      <c r="AO11846">
        <v>39</v>
      </c>
      <c r="AP11846">
        <v>39</v>
      </c>
      <c r="AQ11846">
        <v>39</v>
      </c>
    </row>
    <row r="11847" spans="1:43">
      <c r="A11847" t="s">
        <v>7364</v>
      </c>
      <c r="B11847" t="s">
        <v>7365</v>
      </c>
      <c r="C11847" t="s">
        <v>7352</v>
      </c>
      <c r="D11847" t="s">
        <v>7353</v>
      </c>
      <c r="E11847" t="s">
        <v>7278</v>
      </c>
      <c r="F11847" t="s">
        <v>7279</v>
      </c>
      <c r="G11847" t="s">
        <v>80</v>
      </c>
      <c r="H11847" t="s">
        <v>81</v>
      </c>
      <c r="I11847" s="2">
        <v>0</v>
      </c>
      <c r="J11847" s="2">
        <v>1</v>
      </c>
      <c r="K11847" s="2">
        <v>0</v>
      </c>
      <c r="L11847" t="s">
        <v>82</v>
      </c>
      <c r="M11847" t="s">
        <v>87</v>
      </c>
      <c r="N11847" t="s">
        <v>88</v>
      </c>
      <c r="O11847" t="s">
        <v>85</v>
      </c>
      <c r="P11847" t="s">
        <v>86</v>
      </c>
      <c r="Q11847">
        <v>34</v>
      </c>
      <c r="R11847">
        <v>34</v>
      </c>
      <c r="S11847">
        <v>34</v>
      </c>
      <c r="T11847">
        <v>34</v>
      </c>
      <c r="U11847">
        <v>34</v>
      </c>
      <c r="V11847">
        <v>34</v>
      </c>
      <c r="W11847">
        <v>34</v>
      </c>
      <c r="X11847">
        <v>34</v>
      </c>
      <c r="Y11847">
        <v>34</v>
      </c>
      <c r="Z11847">
        <v>34</v>
      </c>
      <c r="AA11847">
        <v>34</v>
      </c>
      <c r="AB11847">
        <v>34</v>
      </c>
      <c r="AC11847">
        <v>34</v>
      </c>
      <c r="AD11847">
        <v>34</v>
      </c>
      <c r="AE11847">
        <v>34</v>
      </c>
      <c r="AF11847">
        <v>34</v>
      </c>
      <c r="AG11847">
        <v>34</v>
      </c>
      <c r="AH11847">
        <v>34</v>
      </c>
      <c r="AI11847">
        <v>34</v>
      </c>
      <c r="AJ11847">
        <v>34</v>
      </c>
      <c r="AK11847">
        <v>34</v>
      </c>
      <c r="AL11847">
        <v>34</v>
      </c>
      <c r="AM11847">
        <v>34</v>
      </c>
      <c r="AN11847">
        <v>34</v>
      </c>
      <c r="AO11847">
        <v>34</v>
      </c>
      <c r="AP11847">
        <v>33</v>
      </c>
      <c r="AQ11847">
        <v>33</v>
      </c>
    </row>
    <row r="11848" spans="1:43">
      <c r="A11848" t="s">
        <v>7364</v>
      </c>
      <c r="B11848" t="s">
        <v>7365</v>
      </c>
      <c r="C11848" t="s">
        <v>7352</v>
      </c>
      <c r="D11848" t="s">
        <v>7353</v>
      </c>
      <c r="E11848" t="s">
        <v>7278</v>
      </c>
      <c r="F11848" t="s">
        <v>7279</v>
      </c>
      <c r="G11848" t="s">
        <v>80</v>
      </c>
      <c r="H11848" t="s">
        <v>81</v>
      </c>
      <c r="I11848" s="2">
        <v>0</v>
      </c>
      <c r="J11848" s="2">
        <v>1</v>
      </c>
      <c r="K11848" s="2">
        <v>0</v>
      </c>
      <c r="L11848" t="s">
        <v>82</v>
      </c>
      <c r="M11848" t="s">
        <v>89</v>
      </c>
      <c r="N11848" t="s">
        <v>90</v>
      </c>
      <c r="O11848" t="s">
        <v>85</v>
      </c>
      <c r="P11848" t="s">
        <v>86</v>
      </c>
      <c r="Q11848">
        <v>34</v>
      </c>
      <c r="R11848">
        <v>35</v>
      </c>
      <c r="S11848">
        <v>36</v>
      </c>
      <c r="T11848">
        <v>36</v>
      </c>
      <c r="U11848">
        <v>37</v>
      </c>
      <c r="V11848">
        <v>37</v>
      </c>
      <c r="W11848">
        <v>38</v>
      </c>
      <c r="X11848">
        <v>38</v>
      </c>
      <c r="Y11848">
        <v>39</v>
      </c>
      <c r="Z11848">
        <v>39</v>
      </c>
      <c r="AA11848">
        <v>40</v>
      </c>
      <c r="AB11848">
        <v>40</v>
      </c>
      <c r="AC11848">
        <v>40</v>
      </c>
      <c r="AD11848">
        <v>41</v>
      </c>
      <c r="AE11848">
        <v>41</v>
      </c>
      <c r="AF11848">
        <v>41</v>
      </c>
      <c r="AG11848">
        <v>41</v>
      </c>
      <c r="AH11848">
        <v>40</v>
      </c>
      <c r="AI11848">
        <v>40</v>
      </c>
      <c r="AJ11848">
        <v>40</v>
      </c>
      <c r="AK11848">
        <v>40</v>
      </c>
      <c r="AL11848">
        <v>40</v>
      </c>
      <c r="AM11848">
        <v>40</v>
      </c>
      <c r="AN11848">
        <v>39</v>
      </c>
      <c r="AO11848">
        <v>39</v>
      </c>
      <c r="AP11848">
        <v>39</v>
      </c>
      <c r="AQ11848">
        <v>39</v>
      </c>
    </row>
    <row r="11849" spans="1:43">
      <c r="A11849" t="s">
        <v>7364</v>
      </c>
      <c r="B11849" t="s">
        <v>7365</v>
      </c>
      <c r="C11849" t="s">
        <v>7352</v>
      </c>
      <c r="D11849" t="s">
        <v>7353</v>
      </c>
      <c r="E11849" t="s">
        <v>7278</v>
      </c>
      <c r="F11849" t="s">
        <v>7279</v>
      </c>
      <c r="G11849" t="s">
        <v>80</v>
      </c>
      <c r="H11849" t="s">
        <v>81</v>
      </c>
      <c r="I11849" s="2">
        <v>0</v>
      </c>
      <c r="J11849" s="2">
        <v>1</v>
      </c>
      <c r="K11849" s="2">
        <v>0</v>
      </c>
      <c r="L11849" t="s">
        <v>82</v>
      </c>
      <c r="M11849" t="s">
        <v>83</v>
      </c>
      <c r="N11849" t="s">
        <v>91</v>
      </c>
      <c r="O11849" t="s">
        <v>85</v>
      </c>
      <c r="P11849" t="s">
        <v>86</v>
      </c>
      <c r="Q11849">
        <v>34</v>
      </c>
      <c r="R11849">
        <v>34</v>
      </c>
      <c r="S11849">
        <v>35</v>
      </c>
      <c r="T11849">
        <v>35</v>
      </c>
      <c r="U11849">
        <v>35</v>
      </c>
      <c r="V11849">
        <v>36</v>
      </c>
      <c r="W11849">
        <v>36</v>
      </c>
      <c r="X11849">
        <v>36</v>
      </c>
      <c r="Y11849">
        <v>37</v>
      </c>
      <c r="Z11849">
        <v>37</v>
      </c>
      <c r="AA11849">
        <v>37</v>
      </c>
      <c r="AB11849">
        <v>38</v>
      </c>
      <c r="AC11849">
        <v>38</v>
      </c>
      <c r="AD11849">
        <v>38</v>
      </c>
      <c r="AE11849">
        <v>38</v>
      </c>
      <c r="AF11849">
        <v>38</v>
      </c>
      <c r="AG11849">
        <v>39</v>
      </c>
      <c r="AH11849">
        <v>39</v>
      </c>
      <c r="AI11849">
        <v>39</v>
      </c>
      <c r="AJ11849">
        <v>39</v>
      </c>
      <c r="AK11849">
        <v>39</v>
      </c>
      <c r="AL11849">
        <v>39</v>
      </c>
      <c r="AM11849">
        <v>39</v>
      </c>
      <c r="AN11849">
        <v>39</v>
      </c>
      <c r="AO11849">
        <v>39</v>
      </c>
      <c r="AP11849">
        <v>39</v>
      </c>
      <c r="AQ11849">
        <v>39</v>
      </c>
    </row>
    <row r="11850" spans="1:43">
      <c r="A11850" t="s">
        <v>7366</v>
      </c>
      <c r="B11850" t="s">
        <v>7367</v>
      </c>
      <c r="C11850" t="s">
        <v>7288</v>
      </c>
      <c r="D11850" t="s">
        <v>7289</v>
      </c>
      <c r="E11850" t="s">
        <v>7278</v>
      </c>
      <c r="F11850" t="s">
        <v>7279</v>
      </c>
      <c r="G11850" t="s">
        <v>80</v>
      </c>
      <c r="H11850" t="s">
        <v>81</v>
      </c>
      <c r="I11850" s="2">
        <v>0</v>
      </c>
      <c r="J11850" s="2">
        <v>1</v>
      </c>
      <c r="K11850" s="2">
        <v>0</v>
      </c>
      <c r="L11850" t="s">
        <v>82</v>
      </c>
      <c r="M11850" t="s">
        <v>83</v>
      </c>
      <c r="N11850" t="s">
        <v>84</v>
      </c>
      <c r="O11850" t="s">
        <v>85</v>
      </c>
      <c r="P11850" t="s">
        <v>86</v>
      </c>
      <c r="Q11850">
        <v>4</v>
      </c>
      <c r="R11850">
        <v>4</v>
      </c>
      <c r="S11850">
        <v>4</v>
      </c>
      <c r="T11850">
        <v>4</v>
      </c>
      <c r="U11850">
        <v>4</v>
      </c>
      <c r="V11850">
        <v>4</v>
      </c>
      <c r="W11850">
        <v>4</v>
      </c>
      <c r="X11850">
        <v>4</v>
      </c>
      <c r="Y11850">
        <v>4</v>
      </c>
      <c r="Z11850">
        <v>4</v>
      </c>
      <c r="AA11850">
        <v>4</v>
      </c>
      <c r="AB11850">
        <v>4</v>
      </c>
      <c r="AC11850">
        <v>4</v>
      </c>
      <c r="AD11850">
        <v>4</v>
      </c>
      <c r="AE11850">
        <v>4</v>
      </c>
      <c r="AF11850">
        <v>4</v>
      </c>
      <c r="AG11850">
        <v>4</v>
      </c>
      <c r="AH11850">
        <v>4</v>
      </c>
      <c r="AI11850">
        <v>4</v>
      </c>
      <c r="AJ11850">
        <v>4</v>
      </c>
      <c r="AK11850">
        <v>4</v>
      </c>
      <c r="AL11850">
        <v>4</v>
      </c>
      <c r="AM11850">
        <v>4</v>
      </c>
      <c r="AN11850">
        <v>4</v>
      </c>
      <c r="AO11850">
        <v>4</v>
      </c>
      <c r="AP11850">
        <v>4</v>
      </c>
      <c r="AQ11850">
        <v>4</v>
      </c>
    </row>
    <row r="11851" spans="1:43">
      <c r="A11851" t="s">
        <v>7366</v>
      </c>
      <c r="B11851" t="s">
        <v>7367</v>
      </c>
      <c r="C11851" t="s">
        <v>7288</v>
      </c>
      <c r="D11851" t="s">
        <v>7289</v>
      </c>
      <c r="E11851" t="s">
        <v>7278</v>
      </c>
      <c r="F11851" t="s">
        <v>7279</v>
      </c>
      <c r="G11851" t="s">
        <v>80</v>
      </c>
      <c r="H11851" t="s">
        <v>81</v>
      </c>
      <c r="I11851" s="2">
        <v>0</v>
      </c>
      <c r="J11851" s="2">
        <v>1</v>
      </c>
      <c r="K11851" s="2">
        <v>0</v>
      </c>
      <c r="L11851" t="s">
        <v>82</v>
      </c>
      <c r="M11851" t="s">
        <v>87</v>
      </c>
      <c r="N11851" t="s">
        <v>88</v>
      </c>
      <c r="O11851" t="s">
        <v>85</v>
      </c>
      <c r="P11851" t="s">
        <v>86</v>
      </c>
      <c r="Q11851">
        <v>4</v>
      </c>
      <c r="R11851">
        <v>4</v>
      </c>
      <c r="S11851">
        <v>4</v>
      </c>
      <c r="T11851">
        <v>4</v>
      </c>
      <c r="U11851">
        <v>4</v>
      </c>
      <c r="V11851">
        <v>4</v>
      </c>
      <c r="W11851">
        <v>4</v>
      </c>
      <c r="X11851">
        <v>4</v>
      </c>
      <c r="Y11851">
        <v>4</v>
      </c>
      <c r="Z11851">
        <v>4</v>
      </c>
      <c r="AA11851">
        <v>4</v>
      </c>
      <c r="AB11851">
        <v>4</v>
      </c>
      <c r="AC11851">
        <v>4</v>
      </c>
      <c r="AD11851">
        <v>4</v>
      </c>
      <c r="AE11851">
        <v>4</v>
      </c>
      <c r="AF11851">
        <v>4</v>
      </c>
      <c r="AG11851">
        <v>4</v>
      </c>
      <c r="AH11851">
        <v>4</v>
      </c>
      <c r="AI11851">
        <v>4</v>
      </c>
      <c r="AJ11851">
        <v>4</v>
      </c>
      <c r="AK11851">
        <v>4</v>
      </c>
      <c r="AL11851">
        <v>4</v>
      </c>
      <c r="AM11851">
        <v>4</v>
      </c>
      <c r="AN11851">
        <v>3</v>
      </c>
      <c r="AO11851">
        <v>3</v>
      </c>
      <c r="AP11851">
        <v>3</v>
      </c>
      <c r="AQ11851">
        <v>3</v>
      </c>
    </row>
    <row r="11852" spans="1:43">
      <c r="A11852" t="s">
        <v>7366</v>
      </c>
      <c r="B11852" t="s">
        <v>7367</v>
      </c>
      <c r="C11852" t="s">
        <v>7288</v>
      </c>
      <c r="D11852" t="s">
        <v>7289</v>
      </c>
      <c r="E11852" t="s">
        <v>7278</v>
      </c>
      <c r="F11852" t="s">
        <v>7279</v>
      </c>
      <c r="G11852" t="s">
        <v>80</v>
      </c>
      <c r="H11852" t="s">
        <v>81</v>
      </c>
      <c r="I11852" s="2">
        <v>0</v>
      </c>
      <c r="J11852" s="2">
        <v>1</v>
      </c>
      <c r="K11852" s="2">
        <v>0</v>
      </c>
      <c r="L11852" t="s">
        <v>82</v>
      </c>
      <c r="M11852" t="s">
        <v>89</v>
      </c>
      <c r="N11852" t="s">
        <v>90</v>
      </c>
      <c r="O11852" t="s">
        <v>85</v>
      </c>
      <c r="P11852" t="s">
        <v>86</v>
      </c>
      <c r="Q11852">
        <v>4</v>
      </c>
      <c r="R11852">
        <v>4</v>
      </c>
      <c r="S11852">
        <v>4</v>
      </c>
      <c r="T11852">
        <v>4</v>
      </c>
      <c r="U11852">
        <v>4</v>
      </c>
      <c r="V11852">
        <v>4</v>
      </c>
      <c r="W11852">
        <v>4</v>
      </c>
      <c r="X11852">
        <v>4</v>
      </c>
      <c r="Y11852">
        <v>4</v>
      </c>
      <c r="Z11852">
        <v>4</v>
      </c>
      <c r="AA11852">
        <v>4</v>
      </c>
      <c r="AB11852">
        <v>4</v>
      </c>
      <c r="AC11852">
        <v>4</v>
      </c>
      <c r="AD11852">
        <v>4</v>
      </c>
      <c r="AE11852">
        <v>4</v>
      </c>
      <c r="AF11852">
        <v>4</v>
      </c>
      <c r="AG11852">
        <v>4</v>
      </c>
      <c r="AH11852">
        <v>4</v>
      </c>
      <c r="AI11852">
        <v>4</v>
      </c>
      <c r="AJ11852">
        <v>4</v>
      </c>
      <c r="AK11852">
        <v>4</v>
      </c>
      <c r="AL11852">
        <v>4</v>
      </c>
      <c r="AM11852">
        <v>4</v>
      </c>
      <c r="AN11852">
        <v>4</v>
      </c>
      <c r="AO11852">
        <v>4</v>
      </c>
      <c r="AP11852">
        <v>4</v>
      </c>
      <c r="AQ11852">
        <v>4</v>
      </c>
    </row>
    <row r="11853" spans="1:43">
      <c r="A11853" t="s">
        <v>7366</v>
      </c>
      <c r="B11853" t="s">
        <v>7367</v>
      </c>
      <c r="C11853" t="s">
        <v>7288</v>
      </c>
      <c r="D11853" t="s">
        <v>7289</v>
      </c>
      <c r="E11853" t="s">
        <v>7278</v>
      </c>
      <c r="F11853" t="s">
        <v>7279</v>
      </c>
      <c r="G11853" t="s">
        <v>80</v>
      </c>
      <c r="H11853" t="s">
        <v>81</v>
      </c>
      <c r="I11853" s="2">
        <v>0</v>
      </c>
      <c r="J11853" s="2">
        <v>1</v>
      </c>
      <c r="K11853" s="2">
        <v>0</v>
      </c>
      <c r="L11853" t="s">
        <v>82</v>
      </c>
      <c r="M11853" t="s">
        <v>83</v>
      </c>
      <c r="N11853" t="s">
        <v>91</v>
      </c>
      <c r="O11853" t="s">
        <v>85</v>
      </c>
      <c r="P11853" t="s">
        <v>86</v>
      </c>
      <c r="Q11853">
        <v>4</v>
      </c>
      <c r="R11853">
        <v>4</v>
      </c>
      <c r="S11853">
        <v>4</v>
      </c>
      <c r="T11853">
        <v>4</v>
      </c>
      <c r="U11853">
        <v>4</v>
      </c>
      <c r="V11853">
        <v>4</v>
      </c>
      <c r="W11853">
        <v>4</v>
      </c>
      <c r="X11853">
        <v>4</v>
      </c>
      <c r="Y11853">
        <v>4</v>
      </c>
      <c r="Z11853">
        <v>4</v>
      </c>
      <c r="AA11853">
        <v>4</v>
      </c>
      <c r="AB11853">
        <v>4</v>
      </c>
      <c r="AC11853">
        <v>4</v>
      </c>
      <c r="AD11853">
        <v>4</v>
      </c>
      <c r="AE11853">
        <v>4</v>
      </c>
      <c r="AF11853">
        <v>4</v>
      </c>
      <c r="AG11853">
        <v>4</v>
      </c>
      <c r="AH11853">
        <v>4</v>
      </c>
      <c r="AI11853">
        <v>4</v>
      </c>
      <c r="AJ11853">
        <v>4</v>
      </c>
      <c r="AK11853">
        <v>4</v>
      </c>
      <c r="AL11853">
        <v>4</v>
      </c>
      <c r="AM11853">
        <v>4</v>
      </c>
      <c r="AN11853">
        <v>4</v>
      </c>
      <c r="AO11853">
        <v>4</v>
      </c>
      <c r="AP11853">
        <v>4</v>
      </c>
      <c r="AQ11853">
        <v>4</v>
      </c>
    </row>
    <row r="11854" spans="1:43">
      <c r="A11854" t="s">
        <v>7368</v>
      </c>
      <c r="B11854" t="s">
        <v>7369</v>
      </c>
      <c r="C11854" t="s">
        <v>7288</v>
      </c>
      <c r="D11854" t="s">
        <v>7289</v>
      </c>
      <c r="E11854" t="s">
        <v>7278</v>
      </c>
      <c r="F11854" t="s">
        <v>7279</v>
      </c>
      <c r="G11854" t="s">
        <v>80</v>
      </c>
      <c r="H11854" t="s">
        <v>81</v>
      </c>
      <c r="I11854" s="2">
        <v>0</v>
      </c>
      <c r="J11854" s="2">
        <v>1</v>
      </c>
      <c r="K11854" s="2">
        <v>0</v>
      </c>
      <c r="L11854" t="s">
        <v>82</v>
      </c>
      <c r="M11854" t="s">
        <v>83</v>
      </c>
      <c r="N11854" t="s">
        <v>84</v>
      </c>
      <c r="O11854" t="s">
        <v>85</v>
      </c>
      <c r="P11854" t="s">
        <v>86</v>
      </c>
      <c r="Q11854">
        <v>8</v>
      </c>
      <c r="R11854">
        <v>8</v>
      </c>
      <c r="S11854">
        <v>8</v>
      </c>
      <c r="T11854">
        <v>9</v>
      </c>
      <c r="U11854">
        <v>9</v>
      </c>
      <c r="V11854">
        <v>9</v>
      </c>
      <c r="W11854">
        <v>9</v>
      </c>
      <c r="X11854">
        <v>9</v>
      </c>
      <c r="Y11854">
        <v>9</v>
      </c>
      <c r="Z11854">
        <v>9</v>
      </c>
      <c r="AA11854">
        <v>9</v>
      </c>
      <c r="AB11854">
        <v>9</v>
      </c>
      <c r="AC11854">
        <v>9</v>
      </c>
      <c r="AD11854">
        <v>9</v>
      </c>
      <c r="AE11854">
        <v>9</v>
      </c>
      <c r="AF11854">
        <v>9</v>
      </c>
      <c r="AG11854">
        <v>9</v>
      </c>
      <c r="AH11854">
        <v>9</v>
      </c>
      <c r="AI11854">
        <v>10</v>
      </c>
      <c r="AJ11854">
        <v>10</v>
      </c>
      <c r="AK11854">
        <v>10</v>
      </c>
      <c r="AL11854">
        <v>10</v>
      </c>
      <c r="AM11854">
        <v>10</v>
      </c>
      <c r="AN11854">
        <v>10</v>
      </c>
      <c r="AO11854">
        <v>9</v>
      </c>
      <c r="AP11854">
        <v>9</v>
      </c>
      <c r="AQ11854">
        <v>9</v>
      </c>
    </row>
    <row r="11855" spans="1:43">
      <c r="A11855" t="s">
        <v>7368</v>
      </c>
      <c r="B11855" t="s">
        <v>7369</v>
      </c>
      <c r="C11855" t="s">
        <v>7288</v>
      </c>
      <c r="D11855" t="s">
        <v>7289</v>
      </c>
      <c r="E11855" t="s">
        <v>7278</v>
      </c>
      <c r="F11855" t="s">
        <v>7279</v>
      </c>
      <c r="G11855" t="s">
        <v>80</v>
      </c>
      <c r="H11855" t="s">
        <v>81</v>
      </c>
      <c r="I11855" s="2">
        <v>0</v>
      </c>
      <c r="J11855" s="2">
        <v>1</v>
      </c>
      <c r="K11855" s="2">
        <v>0</v>
      </c>
      <c r="L11855" t="s">
        <v>82</v>
      </c>
      <c r="M11855" t="s">
        <v>87</v>
      </c>
      <c r="N11855" t="s">
        <v>88</v>
      </c>
      <c r="O11855" t="s">
        <v>85</v>
      </c>
      <c r="P11855" t="s">
        <v>86</v>
      </c>
      <c r="Q11855">
        <v>8</v>
      </c>
      <c r="R11855">
        <v>8</v>
      </c>
      <c r="S11855">
        <v>8</v>
      </c>
      <c r="T11855">
        <v>8</v>
      </c>
      <c r="U11855">
        <v>8</v>
      </c>
      <c r="V11855">
        <v>8</v>
      </c>
      <c r="W11855">
        <v>8</v>
      </c>
      <c r="X11855">
        <v>8</v>
      </c>
      <c r="Y11855">
        <v>8</v>
      </c>
      <c r="Z11855">
        <v>8</v>
      </c>
      <c r="AA11855">
        <v>8</v>
      </c>
      <c r="AB11855">
        <v>8</v>
      </c>
      <c r="AC11855">
        <v>8</v>
      </c>
      <c r="AD11855">
        <v>8</v>
      </c>
      <c r="AE11855">
        <v>8</v>
      </c>
      <c r="AF11855">
        <v>8</v>
      </c>
      <c r="AG11855">
        <v>8</v>
      </c>
      <c r="AH11855">
        <v>8</v>
      </c>
      <c r="AI11855">
        <v>8</v>
      </c>
      <c r="AJ11855">
        <v>8</v>
      </c>
      <c r="AK11855">
        <v>8</v>
      </c>
      <c r="AL11855">
        <v>8</v>
      </c>
      <c r="AM11855">
        <v>8</v>
      </c>
      <c r="AN11855">
        <v>8</v>
      </c>
      <c r="AO11855">
        <v>8</v>
      </c>
      <c r="AP11855">
        <v>8</v>
      </c>
      <c r="AQ11855">
        <v>8</v>
      </c>
    </row>
    <row r="11856" spans="1:43">
      <c r="A11856" t="s">
        <v>7368</v>
      </c>
      <c r="B11856" t="s">
        <v>7369</v>
      </c>
      <c r="C11856" t="s">
        <v>7288</v>
      </c>
      <c r="D11856" t="s">
        <v>7289</v>
      </c>
      <c r="E11856" t="s">
        <v>7278</v>
      </c>
      <c r="F11856" t="s">
        <v>7279</v>
      </c>
      <c r="G11856" t="s">
        <v>80</v>
      </c>
      <c r="H11856" t="s">
        <v>81</v>
      </c>
      <c r="I11856" s="2">
        <v>0</v>
      </c>
      <c r="J11856" s="2">
        <v>1</v>
      </c>
      <c r="K11856" s="2">
        <v>0</v>
      </c>
      <c r="L11856" t="s">
        <v>82</v>
      </c>
      <c r="M11856" t="s">
        <v>89</v>
      </c>
      <c r="N11856" t="s">
        <v>90</v>
      </c>
      <c r="O11856" t="s">
        <v>85</v>
      </c>
      <c r="P11856" t="s">
        <v>86</v>
      </c>
      <c r="Q11856">
        <v>8</v>
      </c>
      <c r="R11856">
        <v>9</v>
      </c>
      <c r="S11856">
        <v>9</v>
      </c>
      <c r="T11856">
        <v>9</v>
      </c>
      <c r="U11856">
        <v>9</v>
      </c>
      <c r="V11856">
        <v>9</v>
      </c>
      <c r="W11856">
        <v>9</v>
      </c>
      <c r="X11856">
        <v>9</v>
      </c>
      <c r="Y11856">
        <v>9</v>
      </c>
      <c r="Z11856">
        <v>10</v>
      </c>
      <c r="AA11856">
        <v>10</v>
      </c>
      <c r="AB11856">
        <v>10</v>
      </c>
      <c r="AC11856">
        <v>10</v>
      </c>
      <c r="AD11856">
        <v>10</v>
      </c>
      <c r="AE11856">
        <v>10</v>
      </c>
      <c r="AF11856">
        <v>10</v>
      </c>
      <c r="AG11856">
        <v>10</v>
      </c>
      <c r="AH11856">
        <v>10</v>
      </c>
      <c r="AI11856">
        <v>10</v>
      </c>
      <c r="AJ11856">
        <v>10</v>
      </c>
      <c r="AK11856">
        <v>10</v>
      </c>
      <c r="AL11856">
        <v>10</v>
      </c>
      <c r="AM11856">
        <v>10</v>
      </c>
      <c r="AN11856">
        <v>10</v>
      </c>
      <c r="AO11856">
        <v>10</v>
      </c>
      <c r="AP11856">
        <v>10</v>
      </c>
      <c r="AQ11856">
        <v>9</v>
      </c>
    </row>
    <row r="11857" spans="1:43">
      <c r="A11857" t="s">
        <v>7368</v>
      </c>
      <c r="B11857" t="s">
        <v>7369</v>
      </c>
      <c r="C11857" t="s">
        <v>7288</v>
      </c>
      <c r="D11857" t="s">
        <v>7289</v>
      </c>
      <c r="E11857" t="s">
        <v>7278</v>
      </c>
      <c r="F11857" t="s">
        <v>7279</v>
      </c>
      <c r="G11857" t="s">
        <v>80</v>
      </c>
      <c r="H11857" t="s">
        <v>81</v>
      </c>
      <c r="I11857" s="2">
        <v>0</v>
      </c>
      <c r="J11857" s="2">
        <v>1</v>
      </c>
      <c r="K11857" s="2">
        <v>0</v>
      </c>
      <c r="L11857" t="s">
        <v>82</v>
      </c>
      <c r="M11857" t="s">
        <v>83</v>
      </c>
      <c r="N11857" t="s">
        <v>91</v>
      </c>
      <c r="O11857" t="s">
        <v>85</v>
      </c>
      <c r="P11857" t="s">
        <v>86</v>
      </c>
      <c r="Q11857">
        <v>8</v>
      </c>
      <c r="R11857">
        <v>8</v>
      </c>
      <c r="S11857">
        <v>8</v>
      </c>
      <c r="T11857">
        <v>9</v>
      </c>
      <c r="U11857">
        <v>9</v>
      </c>
      <c r="V11857">
        <v>9</v>
      </c>
      <c r="W11857">
        <v>9</v>
      </c>
      <c r="X11857">
        <v>9</v>
      </c>
      <c r="Y11857">
        <v>9</v>
      </c>
      <c r="Z11857">
        <v>9</v>
      </c>
      <c r="AA11857">
        <v>9</v>
      </c>
      <c r="AB11857">
        <v>9</v>
      </c>
      <c r="AC11857">
        <v>9</v>
      </c>
      <c r="AD11857">
        <v>9</v>
      </c>
      <c r="AE11857">
        <v>9</v>
      </c>
      <c r="AF11857">
        <v>9</v>
      </c>
      <c r="AG11857">
        <v>9</v>
      </c>
      <c r="AH11857">
        <v>9</v>
      </c>
      <c r="AI11857">
        <v>10</v>
      </c>
      <c r="AJ11857">
        <v>10</v>
      </c>
      <c r="AK11857">
        <v>10</v>
      </c>
      <c r="AL11857">
        <v>10</v>
      </c>
      <c r="AM11857">
        <v>10</v>
      </c>
      <c r="AN11857">
        <v>10</v>
      </c>
      <c r="AO11857">
        <v>9</v>
      </c>
      <c r="AP11857">
        <v>9</v>
      </c>
      <c r="AQ11857">
        <v>9</v>
      </c>
    </row>
    <row r="11858" spans="1:43">
      <c r="A11858" t="s">
        <v>7370</v>
      </c>
      <c r="B11858" t="s">
        <v>7371</v>
      </c>
      <c r="C11858" t="s">
        <v>7372</v>
      </c>
      <c r="D11858" t="s">
        <v>7373</v>
      </c>
      <c r="E11858" t="s">
        <v>7278</v>
      </c>
      <c r="F11858" t="s">
        <v>7279</v>
      </c>
      <c r="G11858" t="s">
        <v>80</v>
      </c>
      <c r="H11858" t="s">
        <v>81</v>
      </c>
      <c r="I11858" s="2">
        <v>0</v>
      </c>
      <c r="J11858" s="2">
        <v>1</v>
      </c>
      <c r="K11858" s="2">
        <v>0</v>
      </c>
      <c r="L11858" t="s">
        <v>82</v>
      </c>
      <c r="M11858" t="s">
        <v>83</v>
      </c>
      <c r="N11858" t="s">
        <v>84</v>
      </c>
      <c r="O11858" t="s">
        <v>85</v>
      </c>
      <c r="P11858" t="s">
        <v>86</v>
      </c>
      <c r="Q11858">
        <v>67</v>
      </c>
      <c r="R11858">
        <v>67</v>
      </c>
      <c r="S11858">
        <v>68</v>
      </c>
      <c r="T11858">
        <v>69</v>
      </c>
      <c r="U11858">
        <v>70</v>
      </c>
      <c r="V11858">
        <v>70</v>
      </c>
      <c r="W11858">
        <v>71</v>
      </c>
      <c r="X11858">
        <v>72</v>
      </c>
      <c r="Y11858">
        <v>72</v>
      </c>
      <c r="Z11858">
        <v>73</v>
      </c>
      <c r="AA11858">
        <v>74</v>
      </c>
      <c r="AB11858">
        <v>74</v>
      </c>
      <c r="AC11858">
        <v>75</v>
      </c>
      <c r="AD11858">
        <v>75</v>
      </c>
      <c r="AE11858">
        <v>76</v>
      </c>
      <c r="AF11858">
        <v>77</v>
      </c>
      <c r="AG11858">
        <v>77</v>
      </c>
      <c r="AH11858">
        <v>78</v>
      </c>
      <c r="AI11858">
        <v>78</v>
      </c>
      <c r="AJ11858">
        <v>79</v>
      </c>
      <c r="AK11858">
        <v>79</v>
      </c>
      <c r="AL11858">
        <v>79</v>
      </c>
      <c r="AM11858">
        <v>79</v>
      </c>
      <c r="AN11858">
        <v>79</v>
      </c>
      <c r="AO11858">
        <v>79</v>
      </c>
      <c r="AP11858">
        <v>79</v>
      </c>
      <c r="AQ11858">
        <v>79</v>
      </c>
    </row>
    <row r="11859" spans="1:43">
      <c r="A11859" t="s">
        <v>7370</v>
      </c>
      <c r="B11859" t="s">
        <v>7371</v>
      </c>
      <c r="C11859" t="s">
        <v>7372</v>
      </c>
      <c r="D11859" t="s">
        <v>7373</v>
      </c>
      <c r="E11859" t="s">
        <v>7278</v>
      </c>
      <c r="F11859" t="s">
        <v>7279</v>
      </c>
      <c r="G11859" t="s">
        <v>80</v>
      </c>
      <c r="H11859" t="s">
        <v>81</v>
      </c>
      <c r="I11859" s="2">
        <v>0</v>
      </c>
      <c r="J11859" s="2">
        <v>1</v>
      </c>
      <c r="K11859" s="2">
        <v>0</v>
      </c>
      <c r="L11859" t="s">
        <v>82</v>
      </c>
      <c r="M11859" t="s">
        <v>87</v>
      </c>
      <c r="N11859" t="s">
        <v>88</v>
      </c>
      <c r="O11859" t="s">
        <v>85</v>
      </c>
      <c r="P11859" t="s">
        <v>86</v>
      </c>
      <c r="Q11859">
        <v>67</v>
      </c>
      <c r="R11859">
        <v>67</v>
      </c>
      <c r="S11859">
        <v>67</v>
      </c>
      <c r="T11859">
        <v>68</v>
      </c>
      <c r="U11859">
        <v>68</v>
      </c>
      <c r="V11859">
        <v>68</v>
      </c>
      <c r="W11859">
        <v>68</v>
      </c>
      <c r="X11859">
        <v>68</v>
      </c>
      <c r="Y11859">
        <v>68</v>
      </c>
      <c r="Z11859">
        <v>68</v>
      </c>
      <c r="AA11859">
        <v>68</v>
      </c>
      <c r="AB11859">
        <v>68</v>
      </c>
      <c r="AC11859">
        <v>68</v>
      </c>
      <c r="AD11859">
        <v>68</v>
      </c>
      <c r="AE11859">
        <v>68</v>
      </c>
      <c r="AF11859">
        <v>68</v>
      </c>
      <c r="AG11859">
        <v>68</v>
      </c>
      <c r="AH11859">
        <v>68</v>
      </c>
      <c r="AI11859">
        <v>68</v>
      </c>
      <c r="AJ11859">
        <v>69</v>
      </c>
      <c r="AK11859">
        <v>69</v>
      </c>
      <c r="AL11859">
        <v>69</v>
      </c>
      <c r="AM11859">
        <v>69</v>
      </c>
      <c r="AN11859">
        <v>69</v>
      </c>
      <c r="AO11859">
        <v>69</v>
      </c>
      <c r="AP11859">
        <v>69</v>
      </c>
      <c r="AQ11859">
        <v>69</v>
      </c>
    </row>
    <row r="11860" spans="1:43">
      <c r="A11860" t="s">
        <v>7370</v>
      </c>
      <c r="B11860" t="s">
        <v>7371</v>
      </c>
      <c r="C11860" t="s">
        <v>7372</v>
      </c>
      <c r="D11860" t="s">
        <v>7373</v>
      </c>
      <c r="E11860" t="s">
        <v>7278</v>
      </c>
      <c r="F11860" t="s">
        <v>7279</v>
      </c>
      <c r="G11860" t="s">
        <v>80</v>
      </c>
      <c r="H11860" t="s">
        <v>81</v>
      </c>
      <c r="I11860" s="2">
        <v>0</v>
      </c>
      <c r="J11860" s="2">
        <v>1</v>
      </c>
      <c r="K11860" s="2">
        <v>0</v>
      </c>
      <c r="L11860" t="s">
        <v>82</v>
      </c>
      <c r="M11860" t="s">
        <v>89</v>
      </c>
      <c r="N11860" t="s">
        <v>90</v>
      </c>
      <c r="O11860" t="s">
        <v>85</v>
      </c>
      <c r="P11860" t="s">
        <v>86</v>
      </c>
      <c r="Q11860">
        <v>67</v>
      </c>
      <c r="R11860">
        <v>69</v>
      </c>
      <c r="S11860">
        <v>70</v>
      </c>
      <c r="T11860">
        <v>71</v>
      </c>
      <c r="U11860">
        <v>72</v>
      </c>
      <c r="V11860">
        <v>74</v>
      </c>
      <c r="W11860">
        <v>75</v>
      </c>
      <c r="X11860">
        <v>76</v>
      </c>
      <c r="Y11860">
        <v>77</v>
      </c>
      <c r="Z11860">
        <v>78</v>
      </c>
      <c r="AA11860">
        <v>79</v>
      </c>
      <c r="AB11860">
        <v>79</v>
      </c>
      <c r="AC11860">
        <v>80</v>
      </c>
      <c r="AD11860">
        <v>81</v>
      </c>
      <c r="AE11860">
        <v>82</v>
      </c>
      <c r="AF11860">
        <v>81</v>
      </c>
      <c r="AG11860">
        <v>81</v>
      </c>
      <c r="AH11860">
        <v>81</v>
      </c>
      <c r="AI11860">
        <v>81</v>
      </c>
      <c r="AJ11860">
        <v>81</v>
      </c>
      <c r="AK11860">
        <v>81</v>
      </c>
      <c r="AL11860">
        <v>81</v>
      </c>
      <c r="AM11860">
        <v>81</v>
      </c>
      <c r="AN11860">
        <v>80</v>
      </c>
      <c r="AO11860">
        <v>80</v>
      </c>
      <c r="AP11860">
        <v>80</v>
      </c>
      <c r="AQ11860">
        <v>80</v>
      </c>
    </row>
    <row r="11861" spans="1:43">
      <c r="A11861" t="s">
        <v>7370</v>
      </c>
      <c r="B11861" t="s">
        <v>7371</v>
      </c>
      <c r="C11861" t="s">
        <v>7372</v>
      </c>
      <c r="D11861" t="s">
        <v>7373</v>
      </c>
      <c r="E11861" t="s">
        <v>7278</v>
      </c>
      <c r="F11861" t="s">
        <v>7279</v>
      </c>
      <c r="G11861" t="s">
        <v>80</v>
      </c>
      <c r="H11861" t="s">
        <v>81</v>
      </c>
      <c r="I11861" s="2">
        <v>0</v>
      </c>
      <c r="J11861" s="2">
        <v>1</v>
      </c>
      <c r="K11861" s="2">
        <v>0</v>
      </c>
      <c r="L11861" t="s">
        <v>82</v>
      </c>
      <c r="M11861" t="s">
        <v>83</v>
      </c>
      <c r="N11861" t="s">
        <v>91</v>
      </c>
      <c r="O11861" t="s">
        <v>85</v>
      </c>
      <c r="P11861" t="s">
        <v>86</v>
      </c>
      <c r="Q11861">
        <v>67</v>
      </c>
      <c r="R11861">
        <v>67</v>
      </c>
      <c r="S11861">
        <v>68</v>
      </c>
      <c r="T11861">
        <v>69</v>
      </c>
      <c r="U11861">
        <v>70</v>
      </c>
      <c r="V11861">
        <v>70</v>
      </c>
      <c r="W11861">
        <v>71</v>
      </c>
      <c r="X11861">
        <v>72</v>
      </c>
      <c r="Y11861">
        <v>72</v>
      </c>
      <c r="Z11861">
        <v>73</v>
      </c>
      <c r="AA11861">
        <v>74</v>
      </c>
      <c r="AB11861">
        <v>74</v>
      </c>
      <c r="AC11861">
        <v>75</v>
      </c>
      <c r="AD11861">
        <v>75</v>
      </c>
      <c r="AE11861">
        <v>76</v>
      </c>
      <c r="AF11861">
        <v>77</v>
      </c>
      <c r="AG11861">
        <v>77</v>
      </c>
      <c r="AH11861">
        <v>78</v>
      </c>
      <c r="AI11861">
        <v>78</v>
      </c>
      <c r="AJ11861">
        <v>79</v>
      </c>
      <c r="AK11861">
        <v>79</v>
      </c>
      <c r="AL11861">
        <v>79</v>
      </c>
      <c r="AM11861">
        <v>79</v>
      </c>
      <c r="AN11861">
        <v>79</v>
      </c>
      <c r="AO11861">
        <v>79</v>
      </c>
      <c r="AP11861">
        <v>79</v>
      </c>
      <c r="AQ11861">
        <v>79</v>
      </c>
    </row>
    <row r="11862" spans="1:43">
      <c r="A11862" t="s">
        <v>7374</v>
      </c>
      <c r="B11862" t="s">
        <v>7375</v>
      </c>
      <c r="C11862" t="s">
        <v>7372</v>
      </c>
      <c r="D11862" t="s">
        <v>7373</v>
      </c>
      <c r="E11862" t="s">
        <v>7278</v>
      </c>
      <c r="F11862" t="s">
        <v>7279</v>
      </c>
      <c r="G11862" t="s">
        <v>80</v>
      </c>
      <c r="H11862" t="s">
        <v>81</v>
      </c>
      <c r="I11862" s="2">
        <v>0</v>
      </c>
      <c r="J11862" s="2">
        <v>1</v>
      </c>
      <c r="K11862" s="2">
        <v>0</v>
      </c>
      <c r="L11862" t="s">
        <v>82</v>
      </c>
      <c r="M11862" t="s">
        <v>83</v>
      </c>
      <c r="N11862" t="s">
        <v>84</v>
      </c>
      <c r="O11862" t="s">
        <v>85</v>
      </c>
      <c r="P11862" t="s">
        <v>86</v>
      </c>
      <c r="Q11862">
        <v>44</v>
      </c>
      <c r="R11862">
        <v>44</v>
      </c>
      <c r="S11862">
        <v>45</v>
      </c>
      <c r="T11862">
        <v>45</v>
      </c>
      <c r="U11862">
        <v>46</v>
      </c>
      <c r="V11862">
        <v>46</v>
      </c>
      <c r="W11862">
        <v>47</v>
      </c>
      <c r="X11862">
        <v>47</v>
      </c>
      <c r="Y11862">
        <v>48</v>
      </c>
      <c r="Z11862">
        <v>48</v>
      </c>
      <c r="AA11862">
        <v>48</v>
      </c>
      <c r="AB11862">
        <v>49</v>
      </c>
      <c r="AC11862">
        <v>49</v>
      </c>
      <c r="AD11862">
        <v>50</v>
      </c>
      <c r="AE11862">
        <v>50</v>
      </c>
      <c r="AF11862">
        <v>50</v>
      </c>
      <c r="AG11862">
        <v>51</v>
      </c>
      <c r="AH11862">
        <v>51</v>
      </c>
      <c r="AI11862">
        <v>51</v>
      </c>
      <c r="AJ11862">
        <v>52</v>
      </c>
      <c r="AK11862">
        <v>52</v>
      </c>
      <c r="AL11862">
        <v>52</v>
      </c>
      <c r="AM11862">
        <v>52</v>
      </c>
      <c r="AN11862">
        <v>52</v>
      </c>
      <c r="AO11862">
        <v>52</v>
      </c>
      <c r="AP11862">
        <v>52</v>
      </c>
      <c r="AQ11862">
        <v>52</v>
      </c>
    </row>
    <row r="11863" spans="1:43">
      <c r="A11863" t="s">
        <v>7374</v>
      </c>
      <c r="B11863" t="s">
        <v>7375</v>
      </c>
      <c r="C11863" t="s">
        <v>7372</v>
      </c>
      <c r="D11863" t="s">
        <v>7373</v>
      </c>
      <c r="E11863" t="s">
        <v>7278</v>
      </c>
      <c r="F11863" t="s">
        <v>7279</v>
      </c>
      <c r="G11863" t="s">
        <v>80</v>
      </c>
      <c r="H11863" t="s">
        <v>81</v>
      </c>
      <c r="I11863" s="2">
        <v>0</v>
      </c>
      <c r="J11863" s="2">
        <v>1</v>
      </c>
      <c r="K11863" s="2">
        <v>0</v>
      </c>
      <c r="L11863" t="s">
        <v>82</v>
      </c>
      <c r="M11863" t="s">
        <v>87</v>
      </c>
      <c r="N11863" t="s">
        <v>88</v>
      </c>
      <c r="O11863" t="s">
        <v>85</v>
      </c>
      <c r="P11863" t="s">
        <v>86</v>
      </c>
      <c r="Q11863">
        <v>44</v>
      </c>
      <c r="R11863">
        <v>45</v>
      </c>
      <c r="S11863">
        <v>45</v>
      </c>
      <c r="T11863">
        <v>45</v>
      </c>
      <c r="U11863">
        <v>45</v>
      </c>
      <c r="V11863">
        <v>45</v>
      </c>
      <c r="W11863">
        <v>45</v>
      </c>
      <c r="X11863">
        <v>45</v>
      </c>
      <c r="Y11863">
        <v>45</v>
      </c>
      <c r="Z11863">
        <v>45</v>
      </c>
      <c r="AA11863">
        <v>45</v>
      </c>
      <c r="AB11863">
        <v>45</v>
      </c>
      <c r="AC11863">
        <v>45</v>
      </c>
      <c r="AD11863">
        <v>45</v>
      </c>
      <c r="AE11863">
        <v>45</v>
      </c>
      <c r="AF11863">
        <v>45</v>
      </c>
      <c r="AG11863">
        <v>45</v>
      </c>
      <c r="AH11863">
        <v>45</v>
      </c>
      <c r="AI11863">
        <v>45</v>
      </c>
      <c r="AJ11863">
        <v>45</v>
      </c>
      <c r="AK11863">
        <v>45</v>
      </c>
      <c r="AL11863">
        <v>45</v>
      </c>
      <c r="AM11863">
        <v>45</v>
      </c>
      <c r="AN11863">
        <v>45</v>
      </c>
      <c r="AO11863">
        <v>45</v>
      </c>
      <c r="AP11863">
        <v>45</v>
      </c>
      <c r="AQ11863">
        <v>45</v>
      </c>
    </row>
    <row r="11864" spans="1:43">
      <c r="A11864" t="s">
        <v>7374</v>
      </c>
      <c r="B11864" t="s">
        <v>7375</v>
      </c>
      <c r="C11864" t="s">
        <v>7372</v>
      </c>
      <c r="D11864" t="s">
        <v>7373</v>
      </c>
      <c r="E11864" t="s">
        <v>7278</v>
      </c>
      <c r="F11864" t="s">
        <v>7279</v>
      </c>
      <c r="G11864" t="s">
        <v>80</v>
      </c>
      <c r="H11864" t="s">
        <v>81</v>
      </c>
      <c r="I11864" s="2">
        <v>0</v>
      </c>
      <c r="J11864" s="2">
        <v>1</v>
      </c>
      <c r="K11864" s="2">
        <v>0</v>
      </c>
      <c r="L11864" t="s">
        <v>82</v>
      </c>
      <c r="M11864" t="s">
        <v>89</v>
      </c>
      <c r="N11864" t="s">
        <v>90</v>
      </c>
      <c r="O11864" t="s">
        <v>85</v>
      </c>
      <c r="P11864" t="s">
        <v>86</v>
      </c>
      <c r="Q11864">
        <v>44</v>
      </c>
      <c r="R11864">
        <v>45</v>
      </c>
      <c r="S11864">
        <v>46</v>
      </c>
      <c r="T11864">
        <v>47</v>
      </c>
      <c r="U11864">
        <v>48</v>
      </c>
      <c r="V11864">
        <v>48</v>
      </c>
      <c r="W11864">
        <v>49</v>
      </c>
      <c r="X11864">
        <v>50</v>
      </c>
      <c r="Y11864">
        <v>50</v>
      </c>
      <c r="Z11864">
        <v>51</v>
      </c>
      <c r="AA11864">
        <v>52</v>
      </c>
      <c r="AB11864">
        <v>52</v>
      </c>
      <c r="AC11864">
        <v>53</v>
      </c>
      <c r="AD11864">
        <v>53</v>
      </c>
      <c r="AE11864">
        <v>54</v>
      </c>
      <c r="AF11864">
        <v>54</v>
      </c>
      <c r="AG11864">
        <v>53</v>
      </c>
      <c r="AH11864">
        <v>53</v>
      </c>
      <c r="AI11864">
        <v>53</v>
      </c>
      <c r="AJ11864">
        <v>53</v>
      </c>
      <c r="AK11864">
        <v>53</v>
      </c>
      <c r="AL11864">
        <v>53</v>
      </c>
      <c r="AM11864">
        <v>53</v>
      </c>
      <c r="AN11864">
        <v>53</v>
      </c>
      <c r="AO11864">
        <v>53</v>
      </c>
      <c r="AP11864">
        <v>53</v>
      </c>
      <c r="AQ11864">
        <v>53</v>
      </c>
    </row>
    <row r="11865" spans="1:43">
      <c r="A11865" t="s">
        <v>7374</v>
      </c>
      <c r="B11865" t="s">
        <v>7375</v>
      </c>
      <c r="C11865" t="s">
        <v>7372</v>
      </c>
      <c r="D11865" t="s">
        <v>7373</v>
      </c>
      <c r="E11865" t="s">
        <v>7278</v>
      </c>
      <c r="F11865" t="s">
        <v>7279</v>
      </c>
      <c r="G11865" t="s">
        <v>80</v>
      </c>
      <c r="H11865" t="s">
        <v>81</v>
      </c>
      <c r="I11865" s="2">
        <v>0</v>
      </c>
      <c r="J11865" s="2">
        <v>1</v>
      </c>
      <c r="K11865" s="2">
        <v>0</v>
      </c>
      <c r="L11865" t="s">
        <v>82</v>
      </c>
      <c r="M11865" t="s">
        <v>83</v>
      </c>
      <c r="N11865" t="s">
        <v>91</v>
      </c>
      <c r="O11865" t="s">
        <v>85</v>
      </c>
      <c r="P11865" t="s">
        <v>86</v>
      </c>
      <c r="Q11865">
        <v>44</v>
      </c>
      <c r="R11865">
        <v>44</v>
      </c>
      <c r="S11865">
        <v>45</v>
      </c>
      <c r="T11865">
        <v>45</v>
      </c>
      <c r="U11865">
        <v>46</v>
      </c>
      <c r="V11865">
        <v>46</v>
      </c>
      <c r="W11865">
        <v>47</v>
      </c>
      <c r="X11865">
        <v>47</v>
      </c>
      <c r="Y11865">
        <v>48</v>
      </c>
      <c r="Z11865">
        <v>48</v>
      </c>
      <c r="AA11865">
        <v>48</v>
      </c>
      <c r="AB11865">
        <v>49</v>
      </c>
      <c r="AC11865">
        <v>49</v>
      </c>
      <c r="AD11865">
        <v>50</v>
      </c>
      <c r="AE11865">
        <v>50</v>
      </c>
      <c r="AF11865">
        <v>50</v>
      </c>
      <c r="AG11865">
        <v>51</v>
      </c>
      <c r="AH11865">
        <v>51</v>
      </c>
      <c r="AI11865">
        <v>51</v>
      </c>
      <c r="AJ11865">
        <v>52</v>
      </c>
      <c r="AK11865">
        <v>52</v>
      </c>
      <c r="AL11865">
        <v>52</v>
      </c>
      <c r="AM11865">
        <v>52</v>
      </c>
      <c r="AN11865">
        <v>52</v>
      </c>
      <c r="AO11865">
        <v>52</v>
      </c>
      <c r="AP11865">
        <v>52</v>
      </c>
      <c r="AQ11865">
        <v>52</v>
      </c>
    </row>
    <row r="11866" spans="1:43">
      <c r="A11866" t="s">
        <v>7376</v>
      </c>
      <c r="B11866" t="s">
        <v>7377</v>
      </c>
      <c r="C11866" t="s">
        <v>7372</v>
      </c>
      <c r="D11866" t="s">
        <v>7373</v>
      </c>
      <c r="E11866" t="s">
        <v>7278</v>
      </c>
      <c r="F11866" t="s">
        <v>7279</v>
      </c>
      <c r="G11866" t="s">
        <v>80</v>
      </c>
      <c r="H11866" t="s">
        <v>81</v>
      </c>
      <c r="I11866" s="2">
        <v>0</v>
      </c>
      <c r="J11866" s="2">
        <v>1</v>
      </c>
      <c r="K11866" s="2">
        <v>0</v>
      </c>
      <c r="L11866" t="s">
        <v>82</v>
      </c>
      <c r="M11866" t="s">
        <v>83</v>
      </c>
      <c r="N11866" t="s">
        <v>84</v>
      </c>
      <c r="O11866" t="s">
        <v>85</v>
      </c>
      <c r="P11866" t="s">
        <v>86</v>
      </c>
      <c r="Q11866">
        <v>26</v>
      </c>
      <c r="R11866">
        <v>26</v>
      </c>
      <c r="S11866">
        <v>27</v>
      </c>
      <c r="T11866">
        <v>27</v>
      </c>
      <c r="U11866">
        <v>27</v>
      </c>
      <c r="V11866">
        <v>28</v>
      </c>
      <c r="W11866">
        <v>28</v>
      </c>
      <c r="X11866">
        <v>28</v>
      </c>
      <c r="Y11866">
        <v>28</v>
      </c>
      <c r="Z11866">
        <v>29</v>
      </c>
      <c r="AA11866">
        <v>29</v>
      </c>
      <c r="AB11866">
        <v>29</v>
      </c>
      <c r="AC11866">
        <v>29</v>
      </c>
      <c r="AD11866">
        <v>30</v>
      </c>
      <c r="AE11866">
        <v>30</v>
      </c>
      <c r="AF11866">
        <v>30</v>
      </c>
      <c r="AG11866">
        <v>30</v>
      </c>
      <c r="AH11866">
        <v>30</v>
      </c>
      <c r="AI11866">
        <v>31</v>
      </c>
      <c r="AJ11866">
        <v>31</v>
      </c>
      <c r="AK11866">
        <v>31</v>
      </c>
      <c r="AL11866">
        <v>31</v>
      </c>
      <c r="AM11866">
        <v>31</v>
      </c>
      <c r="AN11866">
        <v>31</v>
      </c>
      <c r="AO11866">
        <v>31</v>
      </c>
      <c r="AP11866">
        <v>31</v>
      </c>
      <c r="AQ11866">
        <v>31</v>
      </c>
    </row>
    <row r="11867" spans="1:43">
      <c r="A11867" t="s">
        <v>7376</v>
      </c>
      <c r="B11867" t="s">
        <v>7377</v>
      </c>
      <c r="C11867" t="s">
        <v>7372</v>
      </c>
      <c r="D11867" t="s">
        <v>7373</v>
      </c>
      <c r="E11867" t="s">
        <v>7278</v>
      </c>
      <c r="F11867" t="s">
        <v>7279</v>
      </c>
      <c r="G11867" t="s">
        <v>80</v>
      </c>
      <c r="H11867" t="s">
        <v>81</v>
      </c>
      <c r="I11867" s="2">
        <v>0</v>
      </c>
      <c r="J11867" s="2">
        <v>1</v>
      </c>
      <c r="K11867" s="2">
        <v>0</v>
      </c>
      <c r="L11867" t="s">
        <v>82</v>
      </c>
      <c r="M11867" t="s">
        <v>87</v>
      </c>
      <c r="N11867" t="s">
        <v>88</v>
      </c>
      <c r="O11867" t="s">
        <v>85</v>
      </c>
      <c r="P11867" t="s">
        <v>86</v>
      </c>
      <c r="Q11867">
        <v>26</v>
      </c>
      <c r="R11867">
        <v>26</v>
      </c>
      <c r="S11867">
        <v>26</v>
      </c>
      <c r="T11867">
        <v>26</v>
      </c>
      <c r="U11867">
        <v>26</v>
      </c>
      <c r="V11867">
        <v>26</v>
      </c>
      <c r="W11867">
        <v>26</v>
      </c>
      <c r="X11867">
        <v>26</v>
      </c>
      <c r="Y11867">
        <v>26</v>
      </c>
      <c r="Z11867">
        <v>26</v>
      </c>
      <c r="AA11867">
        <v>26</v>
      </c>
      <c r="AB11867">
        <v>26</v>
      </c>
      <c r="AC11867">
        <v>26</v>
      </c>
      <c r="AD11867">
        <v>26</v>
      </c>
      <c r="AE11867">
        <v>26</v>
      </c>
      <c r="AF11867">
        <v>26</v>
      </c>
      <c r="AG11867">
        <v>26</v>
      </c>
      <c r="AH11867">
        <v>26</v>
      </c>
      <c r="AI11867">
        <v>26</v>
      </c>
      <c r="AJ11867">
        <v>26</v>
      </c>
      <c r="AK11867">
        <v>26</v>
      </c>
      <c r="AL11867">
        <v>27</v>
      </c>
      <c r="AM11867">
        <v>27</v>
      </c>
      <c r="AN11867">
        <v>27</v>
      </c>
      <c r="AO11867">
        <v>27</v>
      </c>
      <c r="AP11867">
        <v>27</v>
      </c>
      <c r="AQ11867">
        <v>27</v>
      </c>
    </row>
    <row r="11868" spans="1:43">
      <c r="A11868" t="s">
        <v>7376</v>
      </c>
      <c r="B11868" t="s">
        <v>7377</v>
      </c>
      <c r="C11868" t="s">
        <v>7372</v>
      </c>
      <c r="D11868" t="s">
        <v>7373</v>
      </c>
      <c r="E11868" t="s">
        <v>7278</v>
      </c>
      <c r="F11868" t="s">
        <v>7279</v>
      </c>
      <c r="G11868" t="s">
        <v>80</v>
      </c>
      <c r="H11868" t="s">
        <v>81</v>
      </c>
      <c r="I11868" s="2">
        <v>0</v>
      </c>
      <c r="J11868" s="2">
        <v>1</v>
      </c>
      <c r="K11868" s="2">
        <v>0</v>
      </c>
      <c r="L11868" t="s">
        <v>82</v>
      </c>
      <c r="M11868" t="s">
        <v>89</v>
      </c>
      <c r="N11868" t="s">
        <v>90</v>
      </c>
      <c r="O11868" t="s">
        <v>85</v>
      </c>
      <c r="P11868" t="s">
        <v>86</v>
      </c>
      <c r="Q11868">
        <v>26</v>
      </c>
      <c r="R11868">
        <v>27</v>
      </c>
      <c r="S11868">
        <v>27</v>
      </c>
      <c r="T11868">
        <v>28</v>
      </c>
      <c r="U11868">
        <v>28</v>
      </c>
      <c r="V11868">
        <v>29</v>
      </c>
      <c r="W11868">
        <v>29</v>
      </c>
      <c r="X11868">
        <v>30</v>
      </c>
      <c r="Y11868">
        <v>30</v>
      </c>
      <c r="Z11868">
        <v>30</v>
      </c>
      <c r="AA11868">
        <v>31</v>
      </c>
      <c r="AB11868">
        <v>31</v>
      </c>
      <c r="AC11868">
        <v>31</v>
      </c>
      <c r="AD11868">
        <v>32</v>
      </c>
      <c r="AE11868">
        <v>32</v>
      </c>
      <c r="AF11868">
        <v>32</v>
      </c>
      <c r="AG11868">
        <v>32</v>
      </c>
      <c r="AH11868">
        <v>32</v>
      </c>
      <c r="AI11868">
        <v>32</v>
      </c>
      <c r="AJ11868">
        <v>32</v>
      </c>
      <c r="AK11868">
        <v>32</v>
      </c>
      <c r="AL11868">
        <v>32</v>
      </c>
      <c r="AM11868">
        <v>32</v>
      </c>
      <c r="AN11868">
        <v>32</v>
      </c>
      <c r="AO11868">
        <v>32</v>
      </c>
      <c r="AP11868">
        <v>32</v>
      </c>
      <c r="AQ11868">
        <v>32</v>
      </c>
    </row>
    <row r="11869" spans="1:43">
      <c r="A11869" t="s">
        <v>7376</v>
      </c>
      <c r="B11869" t="s">
        <v>7377</v>
      </c>
      <c r="C11869" t="s">
        <v>7372</v>
      </c>
      <c r="D11869" t="s">
        <v>7373</v>
      </c>
      <c r="E11869" t="s">
        <v>7278</v>
      </c>
      <c r="F11869" t="s">
        <v>7279</v>
      </c>
      <c r="G11869" t="s">
        <v>80</v>
      </c>
      <c r="H11869" t="s">
        <v>81</v>
      </c>
      <c r="I11869" s="2">
        <v>0</v>
      </c>
      <c r="J11869" s="2">
        <v>1</v>
      </c>
      <c r="K11869" s="2">
        <v>0</v>
      </c>
      <c r="L11869" t="s">
        <v>82</v>
      </c>
      <c r="M11869" t="s">
        <v>83</v>
      </c>
      <c r="N11869" t="s">
        <v>91</v>
      </c>
      <c r="O11869" t="s">
        <v>85</v>
      </c>
      <c r="P11869" t="s">
        <v>86</v>
      </c>
      <c r="Q11869">
        <v>26</v>
      </c>
      <c r="R11869">
        <v>26</v>
      </c>
      <c r="S11869">
        <v>27</v>
      </c>
      <c r="T11869">
        <v>27</v>
      </c>
      <c r="U11869">
        <v>27</v>
      </c>
      <c r="V11869">
        <v>28</v>
      </c>
      <c r="W11869">
        <v>28</v>
      </c>
      <c r="X11869">
        <v>28</v>
      </c>
      <c r="Y11869">
        <v>28</v>
      </c>
      <c r="Z11869">
        <v>29</v>
      </c>
      <c r="AA11869">
        <v>29</v>
      </c>
      <c r="AB11869">
        <v>29</v>
      </c>
      <c r="AC11869">
        <v>29</v>
      </c>
      <c r="AD11869">
        <v>30</v>
      </c>
      <c r="AE11869">
        <v>30</v>
      </c>
      <c r="AF11869">
        <v>30</v>
      </c>
      <c r="AG11869">
        <v>30</v>
      </c>
      <c r="AH11869">
        <v>30</v>
      </c>
      <c r="AI11869">
        <v>31</v>
      </c>
      <c r="AJ11869">
        <v>31</v>
      </c>
      <c r="AK11869">
        <v>31</v>
      </c>
      <c r="AL11869">
        <v>31</v>
      </c>
      <c r="AM11869">
        <v>31</v>
      </c>
      <c r="AN11869">
        <v>31</v>
      </c>
      <c r="AO11869">
        <v>31</v>
      </c>
      <c r="AP11869">
        <v>31</v>
      </c>
      <c r="AQ11869">
        <v>31</v>
      </c>
    </row>
    <row r="11870" spans="1:43">
      <c r="A11870" t="s">
        <v>7378</v>
      </c>
      <c r="B11870" t="s">
        <v>7379</v>
      </c>
      <c r="C11870" t="s">
        <v>7380</v>
      </c>
      <c r="D11870" t="s">
        <v>7381</v>
      </c>
      <c r="E11870" t="s">
        <v>7278</v>
      </c>
      <c r="F11870" t="s">
        <v>7279</v>
      </c>
      <c r="G11870" t="s">
        <v>80</v>
      </c>
      <c r="H11870" t="s">
        <v>81</v>
      </c>
      <c r="I11870" s="2">
        <v>0</v>
      </c>
      <c r="J11870" s="2">
        <v>1</v>
      </c>
      <c r="K11870" s="2">
        <v>0</v>
      </c>
      <c r="L11870" t="s">
        <v>82</v>
      </c>
      <c r="M11870" t="s">
        <v>83</v>
      </c>
      <c r="N11870" t="s">
        <v>84</v>
      </c>
      <c r="O11870" t="s">
        <v>85</v>
      </c>
      <c r="P11870" t="s">
        <v>86</v>
      </c>
      <c r="Q11870">
        <v>101</v>
      </c>
      <c r="R11870">
        <v>102</v>
      </c>
      <c r="S11870">
        <v>103</v>
      </c>
      <c r="T11870">
        <v>104</v>
      </c>
      <c r="U11870">
        <v>105</v>
      </c>
      <c r="V11870">
        <v>106</v>
      </c>
      <c r="W11870">
        <v>107</v>
      </c>
      <c r="X11870">
        <v>108</v>
      </c>
      <c r="Y11870">
        <v>109</v>
      </c>
      <c r="Z11870">
        <v>110</v>
      </c>
      <c r="AA11870">
        <v>111</v>
      </c>
      <c r="AB11870">
        <v>112</v>
      </c>
      <c r="AC11870">
        <v>113</v>
      </c>
      <c r="AD11870">
        <v>114</v>
      </c>
      <c r="AE11870">
        <v>115</v>
      </c>
      <c r="AF11870">
        <v>116</v>
      </c>
      <c r="AG11870">
        <v>116</v>
      </c>
      <c r="AH11870">
        <v>117</v>
      </c>
      <c r="AI11870">
        <v>118</v>
      </c>
      <c r="AJ11870">
        <v>119</v>
      </c>
      <c r="AK11870">
        <v>119</v>
      </c>
      <c r="AL11870">
        <v>119</v>
      </c>
      <c r="AM11870">
        <v>119</v>
      </c>
      <c r="AN11870">
        <v>119</v>
      </c>
      <c r="AO11870">
        <v>119</v>
      </c>
      <c r="AP11870">
        <v>119</v>
      </c>
      <c r="AQ11870">
        <v>118</v>
      </c>
    </row>
    <row r="11871" spans="1:43">
      <c r="A11871" t="s">
        <v>7378</v>
      </c>
      <c r="B11871" t="s">
        <v>7379</v>
      </c>
      <c r="C11871" t="s">
        <v>7380</v>
      </c>
      <c r="D11871" t="s">
        <v>7381</v>
      </c>
      <c r="E11871" t="s">
        <v>7278</v>
      </c>
      <c r="F11871" t="s">
        <v>7279</v>
      </c>
      <c r="G11871" t="s">
        <v>80</v>
      </c>
      <c r="H11871" t="s">
        <v>81</v>
      </c>
      <c r="I11871" s="2">
        <v>0</v>
      </c>
      <c r="J11871" s="2">
        <v>1</v>
      </c>
      <c r="K11871" s="2">
        <v>0</v>
      </c>
      <c r="L11871" t="s">
        <v>82</v>
      </c>
      <c r="M11871" t="s">
        <v>87</v>
      </c>
      <c r="N11871" t="s">
        <v>88</v>
      </c>
      <c r="O11871" t="s">
        <v>85</v>
      </c>
      <c r="P11871" t="s">
        <v>86</v>
      </c>
      <c r="Q11871">
        <v>101</v>
      </c>
      <c r="R11871">
        <v>101</v>
      </c>
      <c r="S11871">
        <v>101</v>
      </c>
      <c r="T11871">
        <v>102</v>
      </c>
      <c r="U11871">
        <v>102</v>
      </c>
      <c r="V11871">
        <v>102</v>
      </c>
      <c r="W11871">
        <v>102</v>
      </c>
      <c r="X11871">
        <v>102</v>
      </c>
      <c r="Y11871">
        <v>102</v>
      </c>
      <c r="Z11871">
        <v>102</v>
      </c>
      <c r="AA11871">
        <v>102</v>
      </c>
      <c r="AB11871">
        <v>102</v>
      </c>
      <c r="AC11871">
        <v>103</v>
      </c>
      <c r="AD11871">
        <v>103</v>
      </c>
      <c r="AE11871">
        <v>103</v>
      </c>
      <c r="AF11871">
        <v>103</v>
      </c>
      <c r="AG11871">
        <v>103</v>
      </c>
      <c r="AH11871">
        <v>103</v>
      </c>
      <c r="AI11871">
        <v>103</v>
      </c>
      <c r="AJ11871">
        <v>103</v>
      </c>
      <c r="AK11871">
        <v>103</v>
      </c>
      <c r="AL11871">
        <v>103</v>
      </c>
      <c r="AM11871">
        <v>103</v>
      </c>
      <c r="AN11871">
        <v>103</v>
      </c>
      <c r="AO11871">
        <v>103</v>
      </c>
      <c r="AP11871">
        <v>103</v>
      </c>
      <c r="AQ11871">
        <v>103</v>
      </c>
    </row>
    <row r="11872" spans="1:43">
      <c r="A11872" t="s">
        <v>7378</v>
      </c>
      <c r="B11872" t="s">
        <v>7379</v>
      </c>
      <c r="C11872" t="s">
        <v>7380</v>
      </c>
      <c r="D11872" t="s">
        <v>7381</v>
      </c>
      <c r="E11872" t="s">
        <v>7278</v>
      </c>
      <c r="F11872" t="s">
        <v>7279</v>
      </c>
      <c r="G11872" t="s">
        <v>80</v>
      </c>
      <c r="H11872" t="s">
        <v>81</v>
      </c>
      <c r="I11872" s="2">
        <v>0</v>
      </c>
      <c r="J11872" s="2">
        <v>1</v>
      </c>
      <c r="K11872" s="2">
        <v>0</v>
      </c>
      <c r="L11872" t="s">
        <v>82</v>
      </c>
      <c r="M11872" t="s">
        <v>89</v>
      </c>
      <c r="N11872" t="s">
        <v>90</v>
      </c>
      <c r="O11872" t="s">
        <v>85</v>
      </c>
      <c r="P11872" t="s">
        <v>86</v>
      </c>
      <c r="Q11872">
        <v>101</v>
      </c>
      <c r="R11872">
        <v>103</v>
      </c>
      <c r="S11872">
        <v>105</v>
      </c>
      <c r="T11872">
        <v>107</v>
      </c>
      <c r="U11872">
        <v>109</v>
      </c>
      <c r="V11872">
        <v>110</v>
      </c>
      <c r="W11872">
        <v>112</v>
      </c>
      <c r="X11872">
        <v>114</v>
      </c>
      <c r="Y11872">
        <v>115</v>
      </c>
      <c r="Z11872">
        <v>116</v>
      </c>
      <c r="AA11872">
        <v>118</v>
      </c>
      <c r="AB11872">
        <v>119</v>
      </c>
      <c r="AC11872">
        <v>120</v>
      </c>
      <c r="AD11872">
        <v>121</v>
      </c>
      <c r="AE11872">
        <v>122</v>
      </c>
      <c r="AF11872">
        <v>122</v>
      </c>
      <c r="AG11872">
        <v>122</v>
      </c>
      <c r="AH11872">
        <v>121</v>
      </c>
      <c r="AI11872">
        <v>121</v>
      </c>
      <c r="AJ11872">
        <v>121</v>
      </c>
      <c r="AK11872">
        <v>121</v>
      </c>
      <c r="AL11872">
        <v>120</v>
      </c>
      <c r="AM11872">
        <v>120</v>
      </c>
      <c r="AN11872">
        <v>120</v>
      </c>
      <c r="AO11872">
        <v>120</v>
      </c>
      <c r="AP11872">
        <v>119</v>
      </c>
      <c r="AQ11872">
        <v>119</v>
      </c>
    </row>
    <row r="11873" spans="1:43">
      <c r="A11873" t="s">
        <v>7378</v>
      </c>
      <c r="B11873" t="s">
        <v>7379</v>
      </c>
      <c r="C11873" t="s">
        <v>7380</v>
      </c>
      <c r="D11873" t="s">
        <v>7381</v>
      </c>
      <c r="E11873" t="s">
        <v>7278</v>
      </c>
      <c r="F11873" t="s">
        <v>7279</v>
      </c>
      <c r="G11873" t="s">
        <v>80</v>
      </c>
      <c r="H11873" t="s">
        <v>81</v>
      </c>
      <c r="I11873" s="2">
        <v>0</v>
      </c>
      <c r="J11873" s="2">
        <v>1</v>
      </c>
      <c r="K11873" s="2">
        <v>0</v>
      </c>
      <c r="L11873" t="s">
        <v>82</v>
      </c>
      <c r="M11873" t="s">
        <v>83</v>
      </c>
      <c r="N11873" t="s">
        <v>91</v>
      </c>
      <c r="O11873" t="s">
        <v>85</v>
      </c>
      <c r="P11873" t="s">
        <v>86</v>
      </c>
      <c r="Q11873">
        <v>101</v>
      </c>
      <c r="R11873">
        <v>102</v>
      </c>
      <c r="S11873">
        <v>103</v>
      </c>
      <c r="T11873">
        <v>104</v>
      </c>
      <c r="U11873">
        <v>105</v>
      </c>
      <c r="V11873">
        <v>106</v>
      </c>
      <c r="W11873">
        <v>107</v>
      </c>
      <c r="X11873">
        <v>108</v>
      </c>
      <c r="Y11873">
        <v>109</v>
      </c>
      <c r="Z11873">
        <v>110</v>
      </c>
      <c r="AA11873">
        <v>111</v>
      </c>
      <c r="AB11873">
        <v>112</v>
      </c>
      <c r="AC11873">
        <v>113</v>
      </c>
      <c r="AD11873">
        <v>114</v>
      </c>
      <c r="AE11873">
        <v>115</v>
      </c>
      <c r="AF11873">
        <v>116</v>
      </c>
      <c r="AG11873">
        <v>116</v>
      </c>
      <c r="AH11873">
        <v>117</v>
      </c>
      <c r="AI11873">
        <v>118</v>
      </c>
      <c r="AJ11873">
        <v>119</v>
      </c>
      <c r="AK11873">
        <v>119</v>
      </c>
      <c r="AL11873">
        <v>119</v>
      </c>
      <c r="AM11873">
        <v>119</v>
      </c>
      <c r="AN11873">
        <v>119</v>
      </c>
      <c r="AO11873">
        <v>119</v>
      </c>
      <c r="AP11873">
        <v>119</v>
      </c>
      <c r="AQ11873">
        <v>118</v>
      </c>
    </row>
    <row r="11874" spans="1:43">
      <c r="A11874" t="s">
        <v>7382</v>
      </c>
      <c r="B11874" t="s">
        <v>7383</v>
      </c>
      <c r="C11874" t="s">
        <v>7300</v>
      </c>
      <c r="D11874" t="s">
        <v>7301</v>
      </c>
      <c r="E11874" t="s">
        <v>7278</v>
      </c>
      <c r="F11874" t="s">
        <v>7279</v>
      </c>
      <c r="G11874" t="s">
        <v>80</v>
      </c>
      <c r="H11874" t="s">
        <v>81</v>
      </c>
      <c r="I11874" s="2">
        <v>0</v>
      </c>
      <c r="J11874" s="2">
        <v>1</v>
      </c>
      <c r="K11874" s="2">
        <v>0</v>
      </c>
      <c r="L11874" t="s">
        <v>82</v>
      </c>
      <c r="M11874" t="s">
        <v>83</v>
      </c>
      <c r="N11874" t="s">
        <v>84</v>
      </c>
      <c r="O11874" t="s">
        <v>85</v>
      </c>
      <c r="P11874" t="s">
        <v>86</v>
      </c>
      <c r="Q11874">
        <v>5</v>
      </c>
      <c r="R11874">
        <v>5</v>
      </c>
      <c r="S11874">
        <v>5</v>
      </c>
      <c r="T11874">
        <v>5</v>
      </c>
      <c r="U11874">
        <v>5</v>
      </c>
      <c r="V11874">
        <v>5</v>
      </c>
      <c r="W11874">
        <v>5</v>
      </c>
      <c r="X11874">
        <v>5</v>
      </c>
      <c r="Y11874">
        <v>5</v>
      </c>
      <c r="Z11874">
        <v>5</v>
      </c>
      <c r="AA11874">
        <v>5</v>
      </c>
      <c r="AB11874">
        <v>5</v>
      </c>
      <c r="AC11874">
        <v>5</v>
      </c>
      <c r="AD11874">
        <v>5</v>
      </c>
      <c r="AE11874">
        <v>5</v>
      </c>
      <c r="AF11874">
        <v>5</v>
      </c>
      <c r="AG11874">
        <v>5</v>
      </c>
      <c r="AH11874">
        <v>5</v>
      </c>
      <c r="AI11874">
        <v>5</v>
      </c>
      <c r="AJ11874">
        <v>5</v>
      </c>
      <c r="AK11874">
        <v>5</v>
      </c>
      <c r="AL11874">
        <v>5</v>
      </c>
      <c r="AM11874">
        <v>5</v>
      </c>
      <c r="AN11874">
        <v>5</v>
      </c>
      <c r="AO11874">
        <v>5</v>
      </c>
      <c r="AP11874">
        <v>5</v>
      </c>
      <c r="AQ11874">
        <v>5</v>
      </c>
    </row>
    <row r="11875" spans="1:43">
      <c r="A11875" t="s">
        <v>7382</v>
      </c>
      <c r="B11875" t="s">
        <v>7383</v>
      </c>
      <c r="C11875" t="s">
        <v>7300</v>
      </c>
      <c r="D11875" t="s">
        <v>7301</v>
      </c>
      <c r="E11875" t="s">
        <v>7278</v>
      </c>
      <c r="F11875" t="s">
        <v>7279</v>
      </c>
      <c r="G11875" t="s">
        <v>80</v>
      </c>
      <c r="H11875" t="s">
        <v>81</v>
      </c>
      <c r="I11875" s="2">
        <v>0</v>
      </c>
      <c r="J11875" s="2">
        <v>1</v>
      </c>
      <c r="K11875" s="2">
        <v>0</v>
      </c>
      <c r="L11875" t="s">
        <v>82</v>
      </c>
      <c r="M11875" t="s">
        <v>87</v>
      </c>
      <c r="N11875" t="s">
        <v>88</v>
      </c>
      <c r="O11875" t="s">
        <v>85</v>
      </c>
      <c r="P11875" t="s">
        <v>86</v>
      </c>
      <c r="Q11875">
        <v>5</v>
      </c>
      <c r="R11875">
        <v>5</v>
      </c>
      <c r="S11875">
        <v>5</v>
      </c>
      <c r="T11875">
        <v>5</v>
      </c>
      <c r="U11875">
        <v>5</v>
      </c>
      <c r="V11875">
        <v>5</v>
      </c>
      <c r="W11875">
        <v>5</v>
      </c>
      <c r="X11875">
        <v>5</v>
      </c>
      <c r="Y11875">
        <v>5</v>
      </c>
      <c r="Z11875">
        <v>5</v>
      </c>
      <c r="AA11875">
        <v>5</v>
      </c>
      <c r="AB11875">
        <v>5</v>
      </c>
      <c r="AC11875">
        <v>5</v>
      </c>
      <c r="AD11875">
        <v>5</v>
      </c>
      <c r="AE11875">
        <v>5</v>
      </c>
      <c r="AF11875">
        <v>5</v>
      </c>
      <c r="AG11875">
        <v>5</v>
      </c>
      <c r="AH11875">
        <v>5</v>
      </c>
      <c r="AI11875">
        <v>5</v>
      </c>
      <c r="AJ11875">
        <v>5</v>
      </c>
      <c r="AK11875">
        <v>5</v>
      </c>
      <c r="AL11875">
        <v>5</v>
      </c>
      <c r="AM11875">
        <v>5</v>
      </c>
      <c r="AN11875">
        <v>5</v>
      </c>
      <c r="AO11875">
        <v>5</v>
      </c>
      <c r="AP11875">
        <v>5</v>
      </c>
      <c r="AQ11875">
        <v>5</v>
      </c>
    </row>
    <row r="11876" spans="1:43">
      <c r="A11876" t="s">
        <v>7382</v>
      </c>
      <c r="B11876" t="s">
        <v>7383</v>
      </c>
      <c r="C11876" t="s">
        <v>7300</v>
      </c>
      <c r="D11876" t="s">
        <v>7301</v>
      </c>
      <c r="E11876" t="s">
        <v>7278</v>
      </c>
      <c r="F11876" t="s">
        <v>7279</v>
      </c>
      <c r="G11876" t="s">
        <v>80</v>
      </c>
      <c r="H11876" t="s">
        <v>81</v>
      </c>
      <c r="I11876" s="2">
        <v>0</v>
      </c>
      <c r="J11876" s="2">
        <v>1</v>
      </c>
      <c r="K11876" s="2">
        <v>0</v>
      </c>
      <c r="L11876" t="s">
        <v>82</v>
      </c>
      <c r="M11876" t="s">
        <v>89</v>
      </c>
      <c r="N11876" t="s">
        <v>90</v>
      </c>
      <c r="O11876" t="s">
        <v>85</v>
      </c>
      <c r="P11876" t="s">
        <v>86</v>
      </c>
      <c r="Q11876">
        <v>5</v>
      </c>
      <c r="R11876">
        <v>5</v>
      </c>
      <c r="S11876">
        <v>5</v>
      </c>
      <c r="T11876">
        <v>5</v>
      </c>
      <c r="U11876">
        <v>5</v>
      </c>
      <c r="V11876">
        <v>5</v>
      </c>
      <c r="W11876">
        <v>5</v>
      </c>
      <c r="X11876">
        <v>5</v>
      </c>
      <c r="Y11876">
        <v>5</v>
      </c>
      <c r="Z11876">
        <v>5</v>
      </c>
      <c r="AA11876">
        <v>5</v>
      </c>
      <c r="AB11876">
        <v>5</v>
      </c>
      <c r="AC11876">
        <v>6</v>
      </c>
      <c r="AD11876">
        <v>6</v>
      </c>
      <c r="AE11876">
        <v>6</v>
      </c>
      <c r="AF11876">
        <v>6</v>
      </c>
      <c r="AG11876">
        <v>6</v>
      </c>
      <c r="AH11876">
        <v>6</v>
      </c>
      <c r="AI11876">
        <v>6</v>
      </c>
      <c r="AJ11876">
        <v>6</v>
      </c>
      <c r="AK11876">
        <v>6</v>
      </c>
      <c r="AL11876">
        <v>6</v>
      </c>
      <c r="AM11876">
        <v>6</v>
      </c>
      <c r="AN11876">
        <v>6</v>
      </c>
      <c r="AO11876">
        <v>6</v>
      </c>
      <c r="AP11876">
        <v>6</v>
      </c>
      <c r="AQ11876">
        <v>6</v>
      </c>
    </row>
    <row r="11877" spans="1:43">
      <c r="A11877" t="s">
        <v>7382</v>
      </c>
      <c r="B11877" t="s">
        <v>7383</v>
      </c>
      <c r="C11877" t="s">
        <v>7300</v>
      </c>
      <c r="D11877" t="s">
        <v>7301</v>
      </c>
      <c r="E11877" t="s">
        <v>7278</v>
      </c>
      <c r="F11877" t="s">
        <v>7279</v>
      </c>
      <c r="G11877" t="s">
        <v>80</v>
      </c>
      <c r="H11877" t="s">
        <v>81</v>
      </c>
      <c r="I11877" s="2">
        <v>0</v>
      </c>
      <c r="J11877" s="2">
        <v>1</v>
      </c>
      <c r="K11877" s="2">
        <v>0</v>
      </c>
      <c r="L11877" t="s">
        <v>82</v>
      </c>
      <c r="M11877" t="s">
        <v>83</v>
      </c>
      <c r="N11877" t="s">
        <v>91</v>
      </c>
      <c r="O11877" t="s">
        <v>85</v>
      </c>
      <c r="P11877" t="s">
        <v>86</v>
      </c>
      <c r="Q11877">
        <v>5</v>
      </c>
      <c r="R11877">
        <v>5</v>
      </c>
      <c r="S11877">
        <v>5</v>
      </c>
      <c r="T11877">
        <v>5</v>
      </c>
      <c r="U11877">
        <v>5</v>
      </c>
      <c r="V11877">
        <v>5</v>
      </c>
      <c r="W11877">
        <v>5</v>
      </c>
      <c r="X11877">
        <v>5</v>
      </c>
      <c r="Y11877">
        <v>5</v>
      </c>
      <c r="Z11877">
        <v>5</v>
      </c>
      <c r="AA11877">
        <v>5</v>
      </c>
      <c r="AB11877">
        <v>5</v>
      </c>
      <c r="AC11877">
        <v>5</v>
      </c>
      <c r="AD11877">
        <v>5</v>
      </c>
      <c r="AE11877">
        <v>5</v>
      </c>
      <c r="AF11877">
        <v>5</v>
      </c>
      <c r="AG11877">
        <v>5</v>
      </c>
      <c r="AH11877">
        <v>5</v>
      </c>
      <c r="AI11877">
        <v>5</v>
      </c>
      <c r="AJ11877">
        <v>5</v>
      </c>
      <c r="AK11877">
        <v>5</v>
      </c>
      <c r="AL11877">
        <v>5</v>
      </c>
      <c r="AM11877">
        <v>5</v>
      </c>
      <c r="AN11877">
        <v>5</v>
      </c>
      <c r="AO11877">
        <v>5</v>
      </c>
      <c r="AP11877">
        <v>5</v>
      </c>
      <c r="AQ11877">
        <v>5</v>
      </c>
    </row>
    <row r="11878" spans="1:43">
      <c r="A11878" t="s">
        <v>7384</v>
      </c>
      <c r="B11878" t="s">
        <v>7385</v>
      </c>
      <c r="C11878" t="s">
        <v>7372</v>
      </c>
      <c r="D11878" t="s">
        <v>7373</v>
      </c>
      <c r="E11878" t="s">
        <v>7278</v>
      </c>
      <c r="F11878" t="s">
        <v>7279</v>
      </c>
      <c r="G11878" t="s">
        <v>80</v>
      </c>
      <c r="H11878" t="s">
        <v>81</v>
      </c>
      <c r="I11878" s="2">
        <v>0</v>
      </c>
      <c r="J11878" s="2">
        <v>1</v>
      </c>
      <c r="K11878" s="2">
        <v>0</v>
      </c>
      <c r="L11878" t="s">
        <v>82</v>
      </c>
      <c r="M11878" t="s">
        <v>83</v>
      </c>
      <c r="N11878" t="s">
        <v>84</v>
      </c>
      <c r="O11878" t="s">
        <v>85</v>
      </c>
      <c r="P11878" t="s">
        <v>86</v>
      </c>
      <c r="Q11878">
        <v>36</v>
      </c>
      <c r="R11878">
        <v>36</v>
      </c>
      <c r="S11878">
        <v>36</v>
      </c>
      <c r="T11878">
        <v>37</v>
      </c>
      <c r="U11878">
        <v>37</v>
      </c>
      <c r="V11878">
        <v>38</v>
      </c>
      <c r="W11878">
        <v>38</v>
      </c>
      <c r="X11878">
        <v>38</v>
      </c>
      <c r="Y11878">
        <v>39</v>
      </c>
      <c r="Z11878">
        <v>39</v>
      </c>
      <c r="AA11878">
        <v>39</v>
      </c>
      <c r="AB11878">
        <v>40</v>
      </c>
      <c r="AC11878">
        <v>40</v>
      </c>
      <c r="AD11878">
        <v>40</v>
      </c>
      <c r="AE11878">
        <v>41</v>
      </c>
      <c r="AF11878">
        <v>41</v>
      </c>
      <c r="AG11878">
        <v>41</v>
      </c>
      <c r="AH11878">
        <v>42</v>
      </c>
      <c r="AI11878">
        <v>42</v>
      </c>
      <c r="AJ11878">
        <v>42</v>
      </c>
      <c r="AK11878">
        <v>42</v>
      </c>
      <c r="AL11878">
        <v>42</v>
      </c>
      <c r="AM11878">
        <v>42</v>
      </c>
      <c r="AN11878">
        <v>42</v>
      </c>
      <c r="AO11878">
        <v>42</v>
      </c>
      <c r="AP11878">
        <v>42</v>
      </c>
      <c r="AQ11878">
        <v>42</v>
      </c>
    </row>
    <row r="11879" spans="1:43">
      <c r="A11879" t="s">
        <v>7384</v>
      </c>
      <c r="B11879" t="s">
        <v>7385</v>
      </c>
      <c r="C11879" t="s">
        <v>7372</v>
      </c>
      <c r="D11879" t="s">
        <v>7373</v>
      </c>
      <c r="E11879" t="s">
        <v>7278</v>
      </c>
      <c r="F11879" t="s">
        <v>7279</v>
      </c>
      <c r="G11879" t="s">
        <v>80</v>
      </c>
      <c r="H11879" t="s">
        <v>81</v>
      </c>
      <c r="I11879" s="2">
        <v>0</v>
      </c>
      <c r="J11879" s="2">
        <v>1</v>
      </c>
      <c r="K11879" s="2">
        <v>0</v>
      </c>
      <c r="L11879" t="s">
        <v>82</v>
      </c>
      <c r="M11879" t="s">
        <v>87</v>
      </c>
      <c r="N11879" t="s">
        <v>88</v>
      </c>
      <c r="O11879" t="s">
        <v>85</v>
      </c>
      <c r="P11879" t="s">
        <v>86</v>
      </c>
      <c r="Q11879">
        <v>36</v>
      </c>
      <c r="R11879">
        <v>36</v>
      </c>
      <c r="S11879">
        <v>36</v>
      </c>
      <c r="T11879">
        <v>37</v>
      </c>
      <c r="U11879">
        <v>37</v>
      </c>
      <c r="V11879">
        <v>37</v>
      </c>
      <c r="W11879">
        <v>37</v>
      </c>
      <c r="X11879">
        <v>37</v>
      </c>
      <c r="Y11879">
        <v>37</v>
      </c>
      <c r="Z11879">
        <v>37</v>
      </c>
      <c r="AA11879">
        <v>37</v>
      </c>
      <c r="AB11879">
        <v>37</v>
      </c>
      <c r="AC11879">
        <v>37</v>
      </c>
      <c r="AD11879">
        <v>37</v>
      </c>
      <c r="AE11879">
        <v>37</v>
      </c>
      <c r="AF11879">
        <v>37</v>
      </c>
      <c r="AG11879">
        <v>37</v>
      </c>
      <c r="AH11879">
        <v>37</v>
      </c>
      <c r="AI11879">
        <v>37</v>
      </c>
      <c r="AJ11879">
        <v>37</v>
      </c>
      <c r="AK11879">
        <v>37</v>
      </c>
      <c r="AL11879">
        <v>37</v>
      </c>
      <c r="AM11879">
        <v>37</v>
      </c>
      <c r="AN11879">
        <v>37</v>
      </c>
      <c r="AO11879">
        <v>37</v>
      </c>
      <c r="AP11879">
        <v>37</v>
      </c>
      <c r="AQ11879">
        <v>37</v>
      </c>
    </row>
    <row r="11880" spans="1:43">
      <c r="A11880" t="s">
        <v>7384</v>
      </c>
      <c r="B11880" t="s">
        <v>7385</v>
      </c>
      <c r="C11880" t="s">
        <v>7372</v>
      </c>
      <c r="D11880" t="s">
        <v>7373</v>
      </c>
      <c r="E11880" t="s">
        <v>7278</v>
      </c>
      <c r="F11880" t="s">
        <v>7279</v>
      </c>
      <c r="G11880" t="s">
        <v>80</v>
      </c>
      <c r="H11880" t="s">
        <v>81</v>
      </c>
      <c r="I11880" s="2">
        <v>0</v>
      </c>
      <c r="J11880" s="2">
        <v>1</v>
      </c>
      <c r="K11880" s="2">
        <v>0</v>
      </c>
      <c r="L11880" t="s">
        <v>82</v>
      </c>
      <c r="M11880" t="s">
        <v>89</v>
      </c>
      <c r="N11880" t="s">
        <v>90</v>
      </c>
      <c r="O11880" t="s">
        <v>85</v>
      </c>
      <c r="P11880" t="s">
        <v>86</v>
      </c>
      <c r="Q11880">
        <v>36</v>
      </c>
      <c r="R11880">
        <v>37</v>
      </c>
      <c r="S11880">
        <v>37</v>
      </c>
      <c r="T11880">
        <v>38</v>
      </c>
      <c r="U11880">
        <v>39</v>
      </c>
      <c r="V11880">
        <v>39</v>
      </c>
      <c r="W11880">
        <v>40</v>
      </c>
      <c r="X11880">
        <v>41</v>
      </c>
      <c r="Y11880">
        <v>41</v>
      </c>
      <c r="Z11880">
        <v>42</v>
      </c>
      <c r="AA11880">
        <v>42</v>
      </c>
      <c r="AB11880">
        <v>42</v>
      </c>
      <c r="AC11880">
        <v>43</v>
      </c>
      <c r="AD11880">
        <v>43</v>
      </c>
      <c r="AE11880">
        <v>44</v>
      </c>
      <c r="AF11880">
        <v>44</v>
      </c>
      <c r="AG11880">
        <v>44</v>
      </c>
      <c r="AH11880">
        <v>43</v>
      </c>
      <c r="AI11880">
        <v>43</v>
      </c>
      <c r="AJ11880">
        <v>43</v>
      </c>
      <c r="AK11880">
        <v>43</v>
      </c>
      <c r="AL11880">
        <v>43</v>
      </c>
      <c r="AM11880">
        <v>43</v>
      </c>
      <c r="AN11880">
        <v>43</v>
      </c>
      <c r="AO11880">
        <v>43</v>
      </c>
      <c r="AP11880">
        <v>43</v>
      </c>
      <c r="AQ11880">
        <v>43</v>
      </c>
    </row>
    <row r="11881" spans="1:43">
      <c r="A11881" t="s">
        <v>7384</v>
      </c>
      <c r="B11881" t="s">
        <v>7385</v>
      </c>
      <c r="C11881" t="s">
        <v>7372</v>
      </c>
      <c r="D11881" t="s">
        <v>7373</v>
      </c>
      <c r="E11881" t="s">
        <v>7278</v>
      </c>
      <c r="F11881" t="s">
        <v>7279</v>
      </c>
      <c r="G11881" t="s">
        <v>80</v>
      </c>
      <c r="H11881" t="s">
        <v>81</v>
      </c>
      <c r="I11881" s="2">
        <v>0</v>
      </c>
      <c r="J11881" s="2">
        <v>1</v>
      </c>
      <c r="K11881" s="2">
        <v>0</v>
      </c>
      <c r="L11881" t="s">
        <v>82</v>
      </c>
      <c r="M11881" t="s">
        <v>83</v>
      </c>
      <c r="N11881" t="s">
        <v>91</v>
      </c>
      <c r="O11881" t="s">
        <v>85</v>
      </c>
      <c r="P11881" t="s">
        <v>86</v>
      </c>
      <c r="Q11881">
        <v>36</v>
      </c>
      <c r="R11881">
        <v>36</v>
      </c>
      <c r="S11881">
        <v>36</v>
      </c>
      <c r="T11881">
        <v>37</v>
      </c>
      <c r="U11881">
        <v>37</v>
      </c>
      <c r="V11881">
        <v>38</v>
      </c>
      <c r="W11881">
        <v>38</v>
      </c>
      <c r="X11881">
        <v>38</v>
      </c>
      <c r="Y11881">
        <v>39</v>
      </c>
      <c r="Z11881">
        <v>39</v>
      </c>
      <c r="AA11881">
        <v>39</v>
      </c>
      <c r="AB11881">
        <v>40</v>
      </c>
      <c r="AC11881">
        <v>40</v>
      </c>
      <c r="AD11881">
        <v>40</v>
      </c>
      <c r="AE11881">
        <v>41</v>
      </c>
      <c r="AF11881">
        <v>41</v>
      </c>
      <c r="AG11881">
        <v>41</v>
      </c>
      <c r="AH11881">
        <v>42</v>
      </c>
      <c r="AI11881">
        <v>42</v>
      </c>
      <c r="AJ11881">
        <v>42</v>
      </c>
      <c r="AK11881">
        <v>42</v>
      </c>
      <c r="AL11881">
        <v>42</v>
      </c>
      <c r="AM11881">
        <v>42</v>
      </c>
      <c r="AN11881">
        <v>42</v>
      </c>
      <c r="AO11881">
        <v>42</v>
      </c>
      <c r="AP11881">
        <v>42</v>
      </c>
      <c r="AQ11881">
        <v>42</v>
      </c>
    </row>
    <row r="11882" spans="1:43">
      <c r="A11882" t="s">
        <v>7386</v>
      </c>
      <c r="B11882" t="s">
        <v>7387</v>
      </c>
      <c r="C11882" t="s">
        <v>7372</v>
      </c>
      <c r="D11882" t="s">
        <v>7373</v>
      </c>
      <c r="E11882" t="s">
        <v>7278</v>
      </c>
      <c r="F11882" t="s">
        <v>7279</v>
      </c>
      <c r="G11882" t="s">
        <v>80</v>
      </c>
      <c r="H11882" t="s">
        <v>81</v>
      </c>
      <c r="I11882" s="2">
        <v>0</v>
      </c>
      <c r="J11882" s="2">
        <v>1</v>
      </c>
      <c r="K11882" s="2">
        <v>0</v>
      </c>
      <c r="L11882" t="s">
        <v>82</v>
      </c>
      <c r="M11882" t="s">
        <v>83</v>
      </c>
      <c r="N11882" t="s">
        <v>84</v>
      </c>
      <c r="O11882" t="s">
        <v>85</v>
      </c>
      <c r="P11882" t="s">
        <v>86</v>
      </c>
      <c r="Q11882">
        <v>40</v>
      </c>
      <c r="R11882">
        <v>41</v>
      </c>
      <c r="S11882">
        <v>41</v>
      </c>
      <c r="T11882">
        <v>42</v>
      </c>
      <c r="U11882">
        <v>42</v>
      </c>
      <c r="V11882">
        <v>43</v>
      </c>
      <c r="W11882">
        <v>43</v>
      </c>
      <c r="X11882">
        <v>43</v>
      </c>
      <c r="Y11882">
        <v>44</v>
      </c>
      <c r="Z11882">
        <v>44</v>
      </c>
      <c r="AA11882">
        <v>45</v>
      </c>
      <c r="AB11882">
        <v>45</v>
      </c>
      <c r="AC11882">
        <v>45</v>
      </c>
      <c r="AD11882">
        <v>45</v>
      </c>
      <c r="AE11882">
        <v>46</v>
      </c>
      <c r="AF11882">
        <v>46</v>
      </c>
      <c r="AG11882">
        <v>46</v>
      </c>
      <c r="AH11882">
        <v>47</v>
      </c>
      <c r="AI11882">
        <v>47</v>
      </c>
      <c r="AJ11882">
        <v>47</v>
      </c>
      <c r="AK11882">
        <v>47</v>
      </c>
      <c r="AL11882">
        <v>47</v>
      </c>
      <c r="AM11882">
        <v>47</v>
      </c>
      <c r="AN11882">
        <v>47</v>
      </c>
      <c r="AO11882">
        <v>47</v>
      </c>
      <c r="AP11882">
        <v>47</v>
      </c>
      <c r="AQ11882">
        <v>47</v>
      </c>
    </row>
    <row r="11883" spans="1:43">
      <c r="A11883" t="s">
        <v>7386</v>
      </c>
      <c r="B11883" t="s">
        <v>7387</v>
      </c>
      <c r="C11883" t="s">
        <v>7372</v>
      </c>
      <c r="D11883" t="s">
        <v>7373</v>
      </c>
      <c r="E11883" t="s">
        <v>7278</v>
      </c>
      <c r="F11883" t="s">
        <v>7279</v>
      </c>
      <c r="G11883" t="s">
        <v>80</v>
      </c>
      <c r="H11883" t="s">
        <v>81</v>
      </c>
      <c r="I11883" s="2">
        <v>0</v>
      </c>
      <c r="J11883" s="2">
        <v>1</v>
      </c>
      <c r="K11883" s="2">
        <v>0</v>
      </c>
      <c r="L11883" t="s">
        <v>82</v>
      </c>
      <c r="M11883" t="s">
        <v>87</v>
      </c>
      <c r="N11883" t="s">
        <v>88</v>
      </c>
      <c r="O11883" t="s">
        <v>85</v>
      </c>
      <c r="P11883" t="s">
        <v>86</v>
      </c>
      <c r="Q11883">
        <v>40</v>
      </c>
      <c r="R11883">
        <v>40</v>
      </c>
      <c r="S11883">
        <v>40</v>
      </c>
      <c r="T11883">
        <v>40</v>
      </c>
      <c r="U11883">
        <v>40</v>
      </c>
      <c r="V11883">
        <v>40</v>
      </c>
      <c r="W11883">
        <v>40</v>
      </c>
      <c r="X11883">
        <v>40</v>
      </c>
      <c r="Y11883">
        <v>40</v>
      </c>
      <c r="Z11883">
        <v>40</v>
      </c>
      <c r="AA11883">
        <v>41</v>
      </c>
      <c r="AB11883">
        <v>41</v>
      </c>
      <c r="AC11883">
        <v>41</v>
      </c>
      <c r="AD11883">
        <v>41</v>
      </c>
      <c r="AE11883">
        <v>41</v>
      </c>
      <c r="AF11883">
        <v>41</v>
      </c>
      <c r="AG11883">
        <v>41</v>
      </c>
      <c r="AH11883">
        <v>41</v>
      </c>
      <c r="AI11883">
        <v>41</v>
      </c>
      <c r="AJ11883">
        <v>41</v>
      </c>
      <c r="AK11883">
        <v>41</v>
      </c>
      <c r="AL11883">
        <v>41</v>
      </c>
      <c r="AM11883">
        <v>41</v>
      </c>
      <c r="AN11883">
        <v>41</v>
      </c>
      <c r="AO11883">
        <v>41</v>
      </c>
      <c r="AP11883">
        <v>41</v>
      </c>
      <c r="AQ11883">
        <v>41</v>
      </c>
    </row>
    <row r="11884" spans="1:43">
      <c r="A11884" t="s">
        <v>7386</v>
      </c>
      <c r="B11884" t="s">
        <v>7387</v>
      </c>
      <c r="C11884" t="s">
        <v>7372</v>
      </c>
      <c r="D11884" t="s">
        <v>7373</v>
      </c>
      <c r="E11884" t="s">
        <v>7278</v>
      </c>
      <c r="F11884" t="s">
        <v>7279</v>
      </c>
      <c r="G11884" t="s">
        <v>80</v>
      </c>
      <c r="H11884" t="s">
        <v>81</v>
      </c>
      <c r="I11884" s="2">
        <v>0</v>
      </c>
      <c r="J11884" s="2">
        <v>1</v>
      </c>
      <c r="K11884" s="2">
        <v>0</v>
      </c>
      <c r="L11884" t="s">
        <v>82</v>
      </c>
      <c r="M11884" t="s">
        <v>89</v>
      </c>
      <c r="N11884" t="s">
        <v>90</v>
      </c>
      <c r="O11884" t="s">
        <v>85</v>
      </c>
      <c r="P11884" t="s">
        <v>86</v>
      </c>
      <c r="Q11884">
        <v>40</v>
      </c>
      <c r="R11884">
        <v>41</v>
      </c>
      <c r="S11884">
        <v>41</v>
      </c>
      <c r="T11884">
        <v>42</v>
      </c>
      <c r="U11884">
        <v>43</v>
      </c>
      <c r="V11884">
        <v>44</v>
      </c>
      <c r="W11884">
        <v>44</v>
      </c>
      <c r="X11884">
        <v>45</v>
      </c>
      <c r="Y11884">
        <v>45</v>
      </c>
      <c r="Z11884">
        <v>46</v>
      </c>
      <c r="AA11884">
        <v>46</v>
      </c>
      <c r="AB11884">
        <v>47</v>
      </c>
      <c r="AC11884">
        <v>47</v>
      </c>
      <c r="AD11884">
        <v>48</v>
      </c>
      <c r="AE11884">
        <v>48</v>
      </c>
      <c r="AF11884">
        <v>48</v>
      </c>
      <c r="AG11884">
        <v>48</v>
      </c>
      <c r="AH11884">
        <v>48</v>
      </c>
      <c r="AI11884">
        <v>48</v>
      </c>
      <c r="AJ11884">
        <v>47</v>
      </c>
      <c r="AK11884">
        <v>47</v>
      </c>
      <c r="AL11884">
        <v>47</v>
      </c>
      <c r="AM11884">
        <v>47</v>
      </c>
      <c r="AN11884">
        <v>47</v>
      </c>
      <c r="AO11884">
        <v>47</v>
      </c>
      <c r="AP11884">
        <v>47</v>
      </c>
      <c r="AQ11884">
        <v>46</v>
      </c>
    </row>
    <row r="11885" spans="1:43">
      <c r="A11885" t="s">
        <v>7386</v>
      </c>
      <c r="B11885" t="s">
        <v>7387</v>
      </c>
      <c r="C11885" t="s">
        <v>7372</v>
      </c>
      <c r="D11885" t="s">
        <v>7373</v>
      </c>
      <c r="E11885" t="s">
        <v>7278</v>
      </c>
      <c r="F11885" t="s">
        <v>7279</v>
      </c>
      <c r="G11885" t="s">
        <v>80</v>
      </c>
      <c r="H11885" t="s">
        <v>81</v>
      </c>
      <c r="I11885" s="2">
        <v>0</v>
      </c>
      <c r="J11885" s="2">
        <v>1</v>
      </c>
      <c r="K11885" s="2">
        <v>0</v>
      </c>
      <c r="L11885" t="s">
        <v>82</v>
      </c>
      <c r="M11885" t="s">
        <v>83</v>
      </c>
      <c r="N11885" t="s">
        <v>91</v>
      </c>
      <c r="O11885" t="s">
        <v>85</v>
      </c>
      <c r="P11885" t="s">
        <v>86</v>
      </c>
      <c r="Q11885">
        <v>40</v>
      </c>
      <c r="R11885">
        <v>41</v>
      </c>
      <c r="S11885">
        <v>41</v>
      </c>
      <c r="T11885">
        <v>42</v>
      </c>
      <c r="U11885">
        <v>42</v>
      </c>
      <c r="V11885">
        <v>43</v>
      </c>
      <c r="W11885">
        <v>43</v>
      </c>
      <c r="X11885">
        <v>43</v>
      </c>
      <c r="Y11885">
        <v>44</v>
      </c>
      <c r="Z11885">
        <v>44</v>
      </c>
      <c r="AA11885">
        <v>45</v>
      </c>
      <c r="AB11885">
        <v>45</v>
      </c>
      <c r="AC11885">
        <v>45</v>
      </c>
      <c r="AD11885">
        <v>45</v>
      </c>
      <c r="AE11885">
        <v>46</v>
      </c>
      <c r="AF11885">
        <v>46</v>
      </c>
      <c r="AG11885">
        <v>46</v>
      </c>
      <c r="AH11885">
        <v>47</v>
      </c>
      <c r="AI11885">
        <v>47</v>
      </c>
      <c r="AJ11885">
        <v>47</v>
      </c>
      <c r="AK11885">
        <v>47</v>
      </c>
      <c r="AL11885">
        <v>47</v>
      </c>
      <c r="AM11885">
        <v>47</v>
      </c>
      <c r="AN11885">
        <v>47</v>
      </c>
      <c r="AO11885">
        <v>47</v>
      </c>
      <c r="AP11885">
        <v>47</v>
      </c>
      <c r="AQ11885">
        <v>47</v>
      </c>
    </row>
    <row r="11886" spans="1:43">
      <c r="A11886" t="s">
        <v>7388</v>
      </c>
      <c r="B11886" t="s">
        <v>7389</v>
      </c>
      <c r="C11886" t="s">
        <v>7380</v>
      </c>
      <c r="D11886" t="s">
        <v>7381</v>
      </c>
      <c r="E11886" t="s">
        <v>7278</v>
      </c>
      <c r="F11886" t="s">
        <v>7279</v>
      </c>
      <c r="G11886" t="s">
        <v>80</v>
      </c>
      <c r="H11886" t="s">
        <v>81</v>
      </c>
      <c r="I11886" s="2">
        <v>0</v>
      </c>
      <c r="J11886" s="2">
        <v>1</v>
      </c>
      <c r="K11886" s="2">
        <v>0</v>
      </c>
      <c r="L11886" t="s">
        <v>82</v>
      </c>
      <c r="M11886" t="s">
        <v>83</v>
      </c>
      <c r="N11886" t="s">
        <v>84</v>
      </c>
      <c r="O11886" t="s">
        <v>85</v>
      </c>
      <c r="P11886" t="s">
        <v>86</v>
      </c>
      <c r="Q11886">
        <v>21</v>
      </c>
      <c r="R11886">
        <v>21</v>
      </c>
      <c r="S11886">
        <v>21</v>
      </c>
      <c r="T11886">
        <v>22</v>
      </c>
      <c r="U11886">
        <v>22</v>
      </c>
      <c r="V11886">
        <v>22</v>
      </c>
      <c r="W11886">
        <v>22</v>
      </c>
      <c r="X11886">
        <v>22</v>
      </c>
      <c r="Y11886">
        <v>23</v>
      </c>
      <c r="Z11886">
        <v>23</v>
      </c>
      <c r="AA11886">
        <v>23</v>
      </c>
      <c r="AB11886">
        <v>23</v>
      </c>
      <c r="AC11886">
        <v>23</v>
      </c>
      <c r="AD11886">
        <v>24</v>
      </c>
      <c r="AE11886">
        <v>24</v>
      </c>
      <c r="AF11886">
        <v>24</v>
      </c>
      <c r="AG11886">
        <v>24</v>
      </c>
      <c r="AH11886">
        <v>24</v>
      </c>
      <c r="AI11886">
        <v>24</v>
      </c>
      <c r="AJ11886">
        <v>24</v>
      </c>
      <c r="AK11886">
        <v>25</v>
      </c>
      <c r="AL11886">
        <v>25</v>
      </c>
      <c r="AM11886">
        <v>24</v>
      </c>
      <c r="AN11886">
        <v>24</v>
      </c>
      <c r="AO11886">
        <v>24</v>
      </c>
      <c r="AP11886">
        <v>24</v>
      </c>
      <c r="AQ11886">
        <v>24</v>
      </c>
    </row>
    <row r="11887" spans="1:43">
      <c r="A11887" t="s">
        <v>7388</v>
      </c>
      <c r="B11887" t="s">
        <v>7389</v>
      </c>
      <c r="C11887" t="s">
        <v>7380</v>
      </c>
      <c r="D11887" t="s">
        <v>7381</v>
      </c>
      <c r="E11887" t="s">
        <v>7278</v>
      </c>
      <c r="F11887" t="s">
        <v>7279</v>
      </c>
      <c r="G11887" t="s">
        <v>80</v>
      </c>
      <c r="H11887" t="s">
        <v>81</v>
      </c>
      <c r="I11887" s="2">
        <v>0</v>
      </c>
      <c r="J11887" s="2">
        <v>1</v>
      </c>
      <c r="K11887" s="2">
        <v>0</v>
      </c>
      <c r="L11887" t="s">
        <v>82</v>
      </c>
      <c r="M11887" t="s">
        <v>87</v>
      </c>
      <c r="N11887" t="s">
        <v>88</v>
      </c>
      <c r="O11887" t="s">
        <v>85</v>
      </c>
      <c r="P11887" t="s">
        <v>86</v>
      </c>
      <c r="Q11887">
        <v>21</v>
      </c>
      <c r="R11887">
        <v>21</v>
      </c>
      <c r="S11887">
        <v>21</v>
      </c>
      <c r="T11887">
        <v>21</v>
      </c>
      <c r="U11887">
        <v>21</v>
      </c>
      <c r="V11887">
        <v>21</v>
      </c>
      <c r="W11887">
        <v>21</v>
      </c>
      <c r="X11887">
        <v>21</v>
      </c>
      <c r="Y11887">
        <v>21</v>
      </c>
      <c r="Z11887">
        <v>21</v>
      </c>
      <c r="AA11887">
        <v>21</v>
      </c>
      <c r="AB11887">
        <v>21</v>
      </c>
      <c r="AC11887">
        <v>21</v>
      </c>
      <c r="AD11887">
        <v>21</v>
      </c>
      <c r="AE11887">
        <v>21</v>
      </c>
      <c r="AF11887">
        <v>21</v>
      </c>
      <c r="AG11887">
        <v>21</v>
      </c>
      <c r="AH11887">
        <v>21</v>
      </c>
      <c r="AI11887">
        <v>21</v>
      </c>
      <c r="AJ11887">
        <v>21</v>
      </c>
      <c r="AK11887">
        <v>21</v>
      </c>
      <c r="AL11887">
        <v>21</v>
      </c>
      <c r="AM11887">
        <v>21</v>
      </c>
      <c r="AN11887">
        <v>21</v>
      </c>
      <c r="AO11887">
        <v>21</v>
      </c>
      <c r="AP11887">
        <v>21</v>
      </c>
      <c r="AQ11887">
        <v>21</v>
      </c>
    </row>
    <row r="11888" spans="1:43">
      <c r="A11888" t="s">
        <v>7388</v>
      </c>
      <c r="B11888" t="s">
        <v>7389</v>
      </c>
      <c r="C11888" t="s">
        <v>7380</v>
      </c>
      <c r="D11888" t="s">
        <v>7381</v>
      </c>
      <c r="E11888" t="s">
        <v>7278</v>
      </c>
      <c r="F11888" t="s">
        <v>7279</v>
      </c>
      <c r="G11888" t="s">
        <v>80</v>
      </c>
      <c r="H11888" t="s">
        <v>81</v>
      </c>
      <c r="I11888" s="2">
        <v>0</v>
      </c>
      <c r="J11888" s="2">
        <v>1</v>
      </c>
      <c r="K11888" s="2">
        <v>0</v>
      </c>
      <c r="L11888" t="s">
        <v>82</v>
      </c>
      <c r="M11888" t="s">
        <v>89</v>
      </c>
      <c r="N11888" t="s">
        <v>90</v>
      </c>
      <c r="O11888" t="s">
        <v>85</v>
      </c>
      <c r="P11888" t="s">
        <v>86</v>
      </c>
      <c r="Q11888">
        <v>21</v>
      </c>
      <c r="R11888">
        <v>22</v>
      </c>
      <c r="S11888">
        <v>22</v>
      </c>
      <c r="T11888">
        <v>22</v>
      </c>
      <c r="U11888">
        <v>23</v>
      </c>
      <c r="V11888">
        <v>23</v>
      </c>
      <c r="W11888">
        <v>23</v>
      </c>
      <c r="X11888">
        <v>24</v>
      </c>
      <c r="Y11888">
        <v>24</v>
      </c>
      <c r="Z11888">
        <v>24</v>
      </c>
      <c r="AA11888">
        <v>24</v>
      </c>
      <c r="AB11888">
        <v>25</v>
      </c>
      <c r="AC11888">
        <v>25</v>
      </c>
      <c r="AD11888">
        <v>25</v>
      </c>
      <c r="AE11888">
        <v>25</v>
      </c>
      <c r="AF11888">
        <v>25</v>
      </c>
      <c r="AG11888">
        <v>25</v>
      </c>
      <c r="AH11888">
        <v>25</v>
      </c>
      <c r="AI11888">
        <v>25</v>
      </c>
      <c r="AJ11888">
        <v>25</v>
      </c>
      <c r="AK11888">
        <v>25</v>
      </c>
      <c r="AL11888">
        <v>25</v>
      </c>
      <c r="AM11888">
        <v>25</v>
      </c>
      <c r="AN11888">
        <v>25</v>
      </c>
      <c r="AO11888">
        <v>25</v>
      </c>
      <c r="AP11888">
        <v>25</v>
      </c>
      <c r="AQ11888">
        <v>25</v>
      </c>
    </row>
    <row r="11889" spans="1:43">
      <c r="A11889" t="s">
        <v>7388</v>
      </c>
      <c r="B11889" t="s">
        <v>7389</v>
      </c>
      <c r="C11889" t="s">
        <v>7380</v>
      </c>
      <c r="D11889" t="s">
        <v>7381</v>
      </c>
      <c r="E11889" t="s">
        <v>7278</v>
      </c>
      <c r="F11889" t="s">
        <v>7279</v>
      </c>
      <c r="G11889" t="s">
        <v>80</v>
      </c>
      <c r="H11889" t="s">
        <v>81</v>
      </c>
      <c r="I11889" s="2">
        <v>0</v>
      </c>
      <c r="J11889" s="2">
        <v>1</v>
      </c>
      <c r="K11889" s="2">
        <v>0</v>
      </c>
      <c r="L11889" t="s">
        <v>82</v>
      </c>
      <c r="M11889" t="s">
        <v>83</v>
      </c>
      <c r="N11889" t="s">
        <v>91</v>
      </c>
      <c r="O11889" t="s">
        <v>85</v>
      </c>
      <c r="P11889" t="s">
        <v>86</v>
      </c>
      <c r="Q11889">
        <v>21</v>
      </c>
      <c r="R11889">
        <v>21</v>
      </c>
      <c r="S11889">
        <v>21</v>
      </c>
      <c r="T11889">
        <v>22</v>
      </c>
      <c r="U11889">
        <v>22</v>
      </c>
      <c r="V11889">
        <v>22</v>
      </c>
      <c r="W11889">
        <v>22</v>
      </c>
      <c r="X11889">
        <v>22</v>
      </c>
      <c r="Y11889">
        <v>23</v>
      </c>
      <c r="Z11889">
        <v>23</v>
      </c>
      <c r="AA11889">
        <v>23</v>
      </c>
      <c r="AB11889">
        <v>23</v>
      </c>
      <c r="AC11889">
        <v>23</v>
      </c>
      <c r="AD11889">
        <v>24</v>
      </c>
      <c r="AE11889">
        <v>24</v>
      </c>
      <c r="AF11889">
        <v>24</v>
      </c>
      <c r="AG11889">
        <v>24</v>
      </c>
      <c r="AH11889">
        <v>24</v>
      </c>
      <c r="AI11889">
        <v>24</v>
      </c>
      <c r="AJ11889">
        <v>24</v>
      </c>
      <c r="AK11889">
        <v>25</v>
      </c>
      <c r="AL11889">
        <v>25</v>
      </c>
      <c r="AM11889">
        <v>24</v>
      </c>
      <c r="AN11889">
        <v>24</v>
      </c>
      <c r="AO11889">
        <v>24</v>
      </c>
      <c r="AP11889">
        <v>24</v>
      </c>
      <c r="AQ11889">
        <v>24</v>
      </c>
    </row>
    <row r="11890" spans="1:43">
      <c r="A11890" t="s">
        <v>7390</v>
      </c>
      <c r="B11890" t="s">
        <v>7391</v>
      </c>
      <c r="C11890" t="s">
        <v>7392</v>
      </c>
      <c r="D11890" t="s">
        <v>7393</v>
      </c>
      <c r="E11890" t="s">
        <v>7278</v>
      </c>
      <c r="F11890" t="s">
        <v>7279</v>
      </c>
      <c r="G11890" t="s">
        <v>80</v>
      </c>
      <c r="H11890" t="s">
        <v>81</v>
      </c>
      <c r="I11890" s="2">
        <v>0</v>
      </c>
      <c r="J11890" s="2">
        <v>1</v>
      </c>
      <c r="K11890" s="2">
        <v>0</v>
      </c>
      <c r="L11890" t="s">
        <v>82</v>
      </c>
      <c r="M11890" t="s">
        <v>83</v>
      </c>
      <c r="N11890" t="s">
        <v>84</v>
      </c>
      <c r="O11890" t="s">
        <v>85</v>
      </c>
      <c r="P11890" t="s">
        <v>86</v>
      </c>
      <c r="Q11890">
        <v>7</v>
      </c>
      <c r="R11890">
        <v>7</v>
      </c>
      <c r="S11890">
        <v>7</v>
      </c>
      <c r="T11890">
        <v>7</v>
      </c>
      <c r="U11890">
        <v>7</v>
      </c>
      <c r="V11890">
        <v>8</v>
      </c>
      <c r="W11890">
        <v>8</v>
      </c>
      <c r="X11890">
        <v>8</v>
      </c>
      <c r="Y11890">
        <v>8</v>
      </c>
      <c r="Z11890">
        <v>8</v>
      </c>
      <c r="AA11890">
        <v>8</v>
      </c>
      <c r="AB11890">
        <v>8</v>
      </c>
      <c r="AC11890">
        <v>8</v>
      </c>
      <c r="AD11890">
        <v>8</v>
      </c>
      <c r="AE11890">
        <v>8</v>
      </c>
      <c r="AF11890">
        <v>8</v>
      </c>
      <c r="AG11890">
        <v>8</v>
      </c>
      <c r="AH11890">
        <v>8</v>
      </c>
      <c r="AI11890">
        <v>8</v>
      </c>
      <c r="AJ11890">
        <v>8</v>
      </c>
      <c r="AK11890">
        <v>8</v>
      </c>
      <c r="AL11890">
        <v>8</v>
      </c>
      <c r="AM11890">
        <v>8</v>
      </c>
      <c r="AN11890">
        <v>8</v>
      </c>
      <c r="AO11890">
        <v>8</v>
      </c>
      <c r="AP11890">
        <v>8</v>
      </c>
      <c r="AQ11890">
        <v>8</v>
      </c>
    </row>
    <row r="11891" spans="1:43">
      <c r="A11891" t="s">
        <v>7390</v>
      </c>
      <c r="B11891" t="s">
        <v>7391</v>
      </c>
      <c r="C11891" t="s">
        <v>7392</v>
      </c>
      <c r="D11891" t="s">
        <v>7393</v>
      </c>
      <c r="E11891" t="s">
        <v>7278</v>
      </c>
      <c r="F11891" t="s">
        <v>7279</v>
      </c>
      <c r="G11891" t="s">
        <v>80</v>
      </c>
      <c r="H11891" t="s">
        <v>81</v>
      </c>
      <c r="I11891" s="2">
        <v>0</v>
      </c>
      <c r="J11891" s="2">
        <v>1</v>
      </c>
      <c r="K11891" s="2">
        <v>0</v>
      </c>
      <c r="L11891" t="s">
        <v>82</v>
      </c>
      <c r="M11891" t="s">
        <v>87</v>
      </c>
      <c r="N11891" t="s">
        <v>88</v>
      </c>
      <c r="O11891" t="s">
        <v>85</v>
      </c>
      <c r="P11891" t="s">
        <v>86</v>
      </c>
      <c r="Q11891">
        <v>7</v>
      </c>
      <c r="R11891">
        <v>7</v>
      </c>
      <c r="S11891">
        <v>7</v>
      </c>
      <c r="T11891">
        <v>7</v>
      </c>
      <c r="U11891">
        <v>7</v>
      </c>
      <c r="V11891">
        <v>7</v>
      </c>
      <c r="W11891">
        <v>7</v>
      </c>
      <c r="X11891">
        <v>7</v>
      </c>
      <c r="Y11891">
        <v>7</v>
      </c>
      <c r="Z11891">
        <v>7</v>
      </c>
      <c r="AA11891">
        <v>7</v>
      </c>
      <c r="AB11891">
        <v>7</v>
      </c>
      <c r="AC11891">
        <v>7</v>
      </c>
      <c r="AD11891">
        <v>7</v>
      </c>
      <c r="AE11891">
        <v>7</v>
      </c>
      <c r="AF11891">
        <v>7</v>
      </c>
      <c r="AG11891">
        <v>7</v>
      </c>
      <c r="AH11891">
        <v>7</v>
      </c>
      <c r="AI11891">
        <v>7</v>
      </c>
      <c r="AJ11891">
        <v>7</v>
      </c>
      <c r="AK11891">
        <v>7</v>
      </c>
      <c r="AL11891">
        <v>7</v>
      </c>
      <c r="AM11891">
        <v>7</v>
      </c>
      <c r="AN11891">
        <v>7</v>
      </c>
      <c r="AO11891">
        <v>7</v>
      </c>
      <c r="AP11891">
        <v>7</v>
      </c>
      <c r="AQ11891">
        <v>7</v>
      </c>
    </row>
    <row r="11892" spans="1:43">
      <c r="A11892" t="s">
        <v>7390</v>
      </c>
      <c r="B11892" t="s">
        <v>7391</v>
      </c>
      <c r="C11892" t="s">
        <v>7392</v>
      </c>
      <c r="D11892" t="s">
        <v>7393</v>
      </c>
      <c r="E11892" t="s">
        <v>7278</v>
      </c>
      <c r="F11892" t="s">
        <v>7279</v>
      </c>
      <c r="G11892" t="s">
        <v>80</v>
      </c>
      <c r="H11892" t="s">
        <v>81</v>
      </c>
      <c r="I11892" s="2">
        <v>0</v>
      </c>
      <c r="J11892" s="2">
        <v>1</v>
      </c>
      <c r="K11892" s="2">
        <v>0</v>
      </c>
      <c r="L11892" t="s">
        <v>82</v>
      </c>
      <c r="M11892" t="s">
        <v>89</v>
      </c>
      <c r="N11892" t="s">
        <v>90</v>
      </c>
      <c r="O11892" t="s">
        <v>85</v>
      </c>
      <c r="P11892" t="s">
        <v>86</v>
      </c>
      <c r="Q11892">
        <v>7</v>
      </c>
      <c r="R11892">
        <v>7</v>
      </c>
      <c r="S11892">
        <v>7</v>
      </c>
      <c r="T11892">
        <v>8</v>
      </c>
      <c r="U11892">
        <v>8</v>
      </c>
      <c r="V11892">
        <v>8</v>
      </c>
      <c r="W11892">
        <v>8</v>
      </c>
      <c r="X11892">
        <v>8</v>
      </c>
      <c r="Y11892">
        <v>8</v>
      </c>
      <c r="Z11892">
        <v>8</v>
      </c>
      <c r="AA11892">
        <v>8</v>
      </c>
      <c r="AB11892">
        <v>8</v>
      </c>
      <c r="AC11892">
        <v>9</v>
      </c>
      <c r="AD11892">
        <v>9</v>
      </c>
      <c r="AE11892">
        <v>9</v>
      </c>
      <c r="AF11892">
        <v>9</v>
      </c>
      <c r="AG11892">
        <v>9</v>
      </c>
      <c r="AH11892">
        <v>9</v>
      </c>
      <c r="AI11892">
        <v>9</v>
      </c>
      <c r="AJ11892">
        <v>9</v>
      </c>
      <c r="AK11892">
        <v>9</v>
      </c>
      <c r="AL11892">
        <v>9</v>
      </c>
      <c r="AM11892">
        <v>9</v>
      </c>
      <c r="AN11892">
        <v>9</v>
      </c>
      <c r="AO11892">
        <v>9</v>
      </c>
      <c r="AP11892">
        <v>9</v>
      </c>
      <c r="AQ11892">
        <v>9</v>
      </c>
    </row>
    <row r="11893" spans="1:43">
      <c r="A11893" t="s">
        <v>7390</v>
      </c>
      <c r="B11893" t="s">
        <v>7391</v>
      </c>
      <c r="C11893" t="s">
        <v>7392</v>
      </c>
      <c r="D11893" t="s">
        <v>7393</v>
      </c>
      <c r="E11893" t="s">
        <v>7278</v>
      </c>
      <c r="F11893" t="s">
        <v>7279</v>
      </c>
      <c r="G11893" t="s">
        <v>80</v>
      </c>
      <c r="H11893" t="s">
        <v>81</v>
      </c>
      <c r="I11893" s="2">
        <v>0</v>
      </c>
      <c r="J11893" s="2">
        <v>1</v>
      </c>
      <c r="K11893" s="2">
        <v>0</v>
      </c>
      <c r="L11893" t="s">
        <v>82</v>
      </c>
      <c r="M11893" t="s">
        <v>83</v>
      </c>
      <c r="N11893" t="s">
        <v>91</v>
      </c>
      <c r="O11893" t="s">
        <v>85</v>
      </c>
      <c r="P11893" t="s">
        <v>86</v>
      </c>
      <c r="Q11893">
        <v>7</v>
      </c>
      <c r="R11893">
        <v>7</v>
      </c>
      <c r="S11893">
        <v>7</v>
      </c>
      <c r="T11893">
        <v>7</v>
      </c>
      <c r="U11893">
        <v>7</v>
      </c>
      <c r="V11893">
        <v>8</v>
      </c>
      <c r="W11893">
        <v>8</v>
      </c>
      <c r="X11893">
        <v>8</v>
      </c>
      <c r="Y11893">
        <v>8</v>
      </c>
      <c r="Z11893">
        <v>8</v>
      </c>
      <c r="AA11893">
        <v>8</v>
      </c>
      <c r="AB11893">
        <v>8</v>
      </c>
      <c r="AC11893">
        <v>8</v>
      </c>
      <c r="AD11893">
        <v>8</v>
      </c>
      <c r="AE11893">
        <v>8</v>
      </c>
      <c r="AF11893">
        <v>8</v>
      </c>
      <c r="AG11893">
        <v>8</v>
      </c>
      <c r="AH11893">
        <v>8</v>
      </c>
      <c r="AI11893">
        <v>8</v>
      </c>
      <c r="AJ11893">
        <v>8</v>
      </c>
      <c r="AK11893">
        <v>8</v>
      </c>
      <c r="AL11893">
        <v>8</v>
      </c>
      <c r="AM11893">
        <v>8</v>
      </c>
      <c r="AN11893">
        <v>8</v>
      </c>
      <c r="AO11893">
        <v>8</v>
      </c>
      <c r="AP11893">
        <v>8</v>
      </c>
      <c r="AQ11893">
        <v>8</v>
      </c>
    </row>
    <row r="11894" spans="1:43">
      <c r="A11894" t="s">
        <v>7394</v>
      </c>
      <c r="B11894" t="s">
        <v>7395</v>
      </c>
      <c r="C11894" t="s">
        <v>7396</v>
      </c>
      <c r="D11894" t="s">
        <v>7397</v>
      </c>
      <c r="E11894" t="s">
        <v>7278</v>
      </c>
      <c r="F11894" t="s">
        <v>7279</v>
      </c>
      <c r="G11894" t="s">
        <v>80</v>
      </c>
      <c r="H11894" t="s">
        <v>81</v>
      </c>
      <c r="I11894" s="2">
        <v>0</v>
      </c>
      <c r="J11894" s="2">
        <v>1</v>
      </c>
      <c r="K11894" s="2">
        <v>0</v>
      </c>
      <c r="L11894" t="s">
        <v>82</v>
      </c>
      <c r="M11894" t="s">
        <v>83</v>
      </c>
      <c r="N11894" t="s">
        <v>84</v>
      </c>
      <c r="O11894" t="s">
        <v>85</v>
      </c>
      <c r="P11894" t="s">
        <v>86</v>
      </c>
      <c r="Q11894">
        <v>63</v>
      </c>
      <c r="R11894">
        <v>64</v>
      </c>
      <c r="S11894">
        <v>65</v>
      </c>
      <c r="T11894">
        <v>65</v>
      </c>
      <c r="U11894">
        <v>66</v>
      </c>
      <c r="V11894">
        <v>67</v>
      </c>
      <c r="W11894">
        <v>67</v>
      </c>
      <c r="X11894">
        <v>68</v>
      </c>
      <c r="Y11894">
        <v>69</v>
      </c>
      <c r="Z11894">
        <v>69</v>
      </c>
      <c r="AA11894">
        <v>70</v>
      </c>
      <c r="AB11894">
        <v>70</v>
      </c>
      <c r="AC11894">
        <v>71</v>
      </c>
      <c r="AD11894">
        <v>71</v>
      </c>
      <c r="AE11894">
        <v>72</v>
      </c>
      <c r="AF11894">
        <v>73</v>
      </c>
      <c r="AG11894">
        <v>73</v>
      </c>
      <c r="AH11894">
        <v>73</v>
      </c>
      <c r="AI11894">
        <v>74</v>
      </c>
      <c r="AJ11894">
        <v>74</v>
      </c>
      <c r="AK11894">
        <v>75</v>
      </c>
      <c r="AL11894">
        <v>75</v>
      </c>
      <c r="AM11894">
        <v>75</v>
      </c>
      <c r="AN11894">
        <v>75</v>
      </c>
      <c r="AO11894">
        <v>75</v>
      </c>
      <c r="AP11894">
        <v>74</v>
      </c>
      <c r="AQ11894">
        <v>74</v>
      </c>
    </row>
    <row r="11895" spans="1:43">
      <c r="A11895" t="s">
        <v>7394</v>
      </c>
      <c r="B11895" t="s">
        <v>7395</v>
      </c>
      <c r="C11895" t="s">
        <v>7396</v>
      </c>
      <c r="D11895" t="s">
        <v>7397</v>
      </c>
      <c r="E11895" t="s">
        <v>7278</v>
      </c>
      <c r="F11895" t="s">
        <v>7279</v>
      </c>
      <c r="G11895" t="s">
        <v>80</v>
      </c>
      <c r="H11895" t="s">
        <v>81</v>
      </c>
      <c r="I11895" s="2">
        <v>0</v>
      </c>
      <c r="J11895" s="2">
        <v>1</v>
      </c>
      <c r="K11895" s="2">
        <v>0</v>
      </c>
      <c r="L11895" t="s">
        <v>82</v>
      </c>
      <c r="M11895" t="s">
        <v>87</v>
      </c>
      <c r="N11895" t="s">
        <v>88</v>
      </c>
      <c r="O11895" t="s">
        <v>85</v>
      </c>
      <c r="P11895" t="s">
        <v>86</v>
      </c>
      <c r="Q11895">
        <v>63</v>
      </c>
      <c r="R11895">
        <v>63</v>
      </c>
      <c r="S11895">
        <v>63</v>
      </c>
      <c r="T11895">
        <v>63</v>
      </c>
      <c r="U11895">
        <v>63</v>
      </c>
      <c r="V11895">
        <v>63</v>
      </c>
      <c r="W11895">
        <v>63</v>
      </c>
      <c r="X11895">
        <v>63</v>
      </c>
      <c r="Y11895">
        <v>63</v>
      </c>
      <c r="Z11895">
        <v>64</v>
      </c>
      <c r="AA11895">
        <v>64</v>
      </c>
      <c r="AB11895">
        <v>64</v>
      </c>
      <c r="AC11895">
        <v>64</v>
      </c>
      <c r="AD11895">
        <v>64</v>
      </c>
      <c r="AE11895">
        <v>64</v>
      </c>
      <c r="AF11895">
        <v>64</v>
      </c>
      <c r="AG11895">
        <v>64</v>
      </c>
      <c r="AH11895">
        <v>64</v>
      </c>
      <c r="AI11895">
        <v>64</v>
      </c>
      <c r="AJ11895">
        <v>64</v>
      </c>
      <c r="AK11895">
        <v>64</v>
      </c>
      <c r="AL11895">
        <v>64</v>
      </c>
      <c r="AM11895">
        <v>64</v>
      </c>
      <c r="AN11895">
        <v>64</v>
      </c>
      <c r="AO11895">
        <v>64</v>
      </c>
      <c r="AP11895">
        <v>64</v>
      </c>
      <c r="AQ11895">
        <v>64</v>
      </c>
    </row>
    <row r="11896" spans="1:43">
      <c r="A11896" t="s">
        <v>7394</v>
      </c>
      <c r="B11896" t="s">
        <v>7395</v>
      </c>
      <c r="C11896" t="s">
        <v>7396</v>
      </c>
      <c r="D11896" t="s">
        <v>7397</v>
      </c>
      <c r="E11896" t="s">
        <v>7278</v>
      </c>
      <c r="F11896" t="s">
        <v>7279</v>
      </c>
      <c r="G11896" t="s">
        <v>80</v>
      </c>
      <c r="H11896" t="s">
        <v>81</v>
      </c>
      <c r="I11896" s="2">
        <v>0</v>
      </c>
      <c r="J11896" s="2">
        <v>1</v>
      </c>
      <c r="K11896" s="2">
        <v>0</v>
      </c>
      <c r="L11896" t="s">
        <v>82</v>
      </c>
      <c r="M11896" t="s">
        <v>89</v>
      </c>
      <c r="N11896" t="s">
        <v>90</v>
      </c>
      <c r="O11896" t="s">
        <v>85</v>
      </c>
      <c r="P11896" t="s">
        <v>86</v>
      </c>
      <c r="Q11896">
        <v>63</v>
      </c>
      <c r="R11896">
        <v>64</v>
      </c>
      <c r="S11896">
        <v>65</v>
      </c>
      <c r="T11896">
        <v>67</v>
      </c>
      <c r="U11896">
        <v>68</v>
      </c>
      <c r="V11896">
        <v>69</v>
      </c>
      <c r="W11896">
        <v>70</v>
      </c>
      <c r="X11896">
        <v>71</v>
      </c>
      <c r="Y11896">
        <v>72</v>
      </c>
      <c r="Z11896">
        <v>73</v>
      </c>
      <c r="AA11896">
        <v>73</v>
      </c>
      <c r="AB11896">
        <v>74</v>
      </c>
      <c r="AC11896">
        <v>75</v>
      </c>
      <c r="AD11896">
        <v>76</v>
      </c>
      <c r="AE11896">
        <v>76</v>
      </c>
      <c r="AF11896">
        <v>76</v>
      </c>
      <c r="AG11896">
        <v>76</v>
      </c>
      <c r="AH11896">
        <v>76</v>
      </c>
      <c r="AI11896">
        <v>76</v>
      </c>
      <c r="AJ11896">
        <v>75</v>
      </c>
      <c r="AK11896">
        <v>75</v>
      </c>
      <c r="AL11896">
        <v>75</v>
      </c>
      <c r="AM11896">
        <v>75</v>
      </c>
      <c r="AN11896">
        <v>75</v>
      </c>
      <c r="AO11896">
        <v>75</v>
      </c>
      <c r="AP11896">
        <v>75</v>
      </c>
      <c r="AQ11896">
        <v>74</v>
      </c>
    </row>
    <row r="11897" spans="1:43">
      <c r="A11897" t="s">
        <v>7394</v>
      </c>
      <c r="B11897" t="s">
        <v>7395</v>
      </c>
      <c r="C11897" t="s">
        <v>7396</v>
      </c>
      <c r="D11897" t="s">
        <v>7397</v>
      </c>
      <c r="E11897" t="s">
        <v>7278</v>
      </c>
      <c r="F11897" t="s">
        <v>7279</v>
      </c>
      <c r="G11897" t="s">
        <v>80</v>
      </c>
      <c r="H11897" t="s">
        <v>81</v>
      </c>
      <c r="I11897" s="2">
        <v>0</v>
      </c>
      <c r="J11897" s="2">
        <v>1</v>
      </c>
      <c r="K11897" s="2">
        <v>0</v>
      </c>
      <c r="L11897" t="s">
        <v>82</v>
      </c>
      <c r="M11897" t="s">
        <v>83</v>
      </c>
      <c r="N11897" t="s">
        <v>91</v>
      </c>
      <c r="O11897" t="s">
        <v>85</v>
      </c>
      <c r="P11897" t="s">
        <v>86</v>
      </c>
      <c r="Q11897">
        <v>63</v>
      </c>
      <c r="R11897">
        <v>64</v>
      </c>
      <c r="S11897">
        <v>65</v>
      </c>
      <c r="T11897">
        <v>65</v>
      </c>
      <c r="U11897">
        <v>66</v>
      </c>
      <c r="V11897">
        <v>67</v>
      </c>
      <c r="W11897">
        <v>67</v>
      </c>
      <c r="X11897">
        <v>68</v>
      </c>
      <c r="Y11897">
        <v>69</v>
      </c>
      <c r="Z11897">
        <v>69</v>
      </c>
      <c r="AA11897">
        <v>70</v>
      </c>
      <c r="AB11897">
        <v>70</v>
      </c>
      <c r="AC11897">
        <v>71</v>
      </c>
      <c r="AD11897">
        <v>71</v>
      </c>
      <c r="AE11897">
        <v>72</v>
      </c>
      <c r="AF11897">
        <v>73</v>
      </c>
      <c r="AG11897">
        <v>73</v>
      </c>
      <c r="AH11897">
        <v>73</v>
      </c>
      <c r="AI11897">
        <v>74</v>
      </c>
      <c r="AJ11897">
        <v>74</v>
      </c>
      <c r="AK11897">
        <v>75</v>
      </c>
      <c r="AL11897">
        <v>75</v>
      </c>
      <c r="AM11897">
        <v>75</v>
      </c>
      <c r="AN11897">
        <v>75</v>
      </c>
      <c r="AO11897">
        <v>75</v>
      </c>
      <c r="AP11897">
        <v>74</v>
      </c>
      <c r="AQ11897">
        <v>74</v>
      </c>
    </row>
    <row r="11898" spans="1:43">
      <c r="A11898" t="s">
        <v>7398</v>
      </c>
      <c r="B11898" t="s">
        <v>7399</v>
      </c>
      <c r="C11898" t="s">
        <v>7396</v>
      </c>
      <c r="D11898" t="s">
        <v>7397</v>
      </c>
      <c r="E11898" t="s">
        <v>7278</v>
      </c>
      <c r="F11898" t="s">
        <v>7279</v>
      </c>
      <c r="G11898" t="s">
        <v>80</v>
      </c>
      <c r="H11898" t="s">
        <v>81</v>
      </c>
      <c r="I11898" s="2">
        <v>0</v>
      </c>
      <c r="J11898" s="2">
        <v>1</v>
      </c>
      <c r="K11898" s="2">
        <v>0</v>
      </c>
      <c r="L11898" t="s">
        <v>82</v>
      </c>
      <c r="M11898" t="s">
        <v>83</v>
      </c>
      <c r="N11898" t="s">
        <v>84</v>
      </c>
      <c r="O11898" t="s">
        <v>85</v>
      </c>
      <c r="P11898" t="s">
        <v>86</v>
      </c>
      <c r="Q11898">
        <v>8</v>
      </c>
      <c r="R11898">
        <v>8</v>
      </c>
      <c r="S11898">
        <v>8</v>
      </c>
      <c r="T11898">
        <v>8</v>
      </c>
      <c r="U11898">
        <v>9</v>
      </c>
      <c r="V11898">
        <v>9</v>
      </c>
      <c r="W11898">
        <v>9</v>
      </c>
      <c r="X11898">
        <v>9</v>
      </c>
      <c r="Y11898">
        <v>9</v>
      </c>
      <c r="Z11898">
        <v>9</v>
      </c>
      <c r="AA11898">
        <v>9</v>
      </c>
      <c r="AB11898">
        <v>9</v>
      </c>
      <c r="AC11898">
        <v>9</v>
      </c>
      <c r="AD11898">
        <v>9</v>
      </c>
      <c r="AE11898">
        <v>9</v>
      </c>
      <c r="AF11898">
        <v>9</v>
      </c>
      <c r="AG11898">
        <v>9</v>
      </c>
      <c r="AH11898">
        <v>9</v>
      </c>
      <c r="AI11898">
        <v>10</v>
      </c>
      <c r="AJ11898">
        <v>10</v>
      </c>
      <c r="AK11898">
        <v>10</v>
      </c>
      <c r="AL11898">
        <v>10</v>
      </c>
      <c r="AM11898">
        <v>10</v>
      </c>
      <c r="AN11898">
        <v>10</v>
      </c>
      <c r="AO11898">
        <v>10</v>
      </c>
      <c r="AP11898">
        <v>10</v>
      </c>
      <c r="AQ11898">
        <v>10</v>
      </c>
    </row>
    <row r="11899" spans="1:43">
      <c r="A11899" t="s">
        <v>7398</v>
      </c>
      <c r="B11899" t="s">
        <v>7399</v>
      </c>
      <c r="C11899" t="s">
        <v>7396</v>
      </c>
      <c r="D11899" t="s">
        <v>7397</v>
      </c>
      <c r="E11899" t="s">
        <v>7278</v>
      </c>
      <c r="F11899" t="s">
        <v>7279</v>
      </c>
      <c r="G11899" t="s">
        <v>80</v>
      </c>
      <c r="H11899" t="s">
        <v>81</v>
      </c>
      <c r="I11899" s="2">
        <v>0</v>
      </c>
      <c r="J11899" s="2">
        <v>1</v>
      </c>
      <c r="K11899" s="2">
        <v>0</v>
      </c>
      <c r="L11899" t="s">
        <v>82</v>
      </c>
      <c r="M11899" t="s">
        <v>87</v>
      </c>
      <c r="N11899" t="s">
        <v>88</v>
      </c>
      <c r="O11899" t="s">
        <v>85</v>
      </c>
      <c r="P11899" t="s">
        <v>86</v>
      </c>
      <c r="Q11899">
        <v>8</v>
      </c>
      <c r="R11899">
        <v>8</v>
      </c>
      <c r="S11899">
        <v>8</v>
      </c>
      <c r="T11899">
        <v>8</v>
      </c>
      <c r="U11899">
        <v>8</v>
      </c>
      <c r="V11899">
        <v>8</v>
      </c>
      <c r="W11899">
        <v>8</v>
      </c>
      <c r="X11899">
        <v>8</v>
      </c>
      <c r="Y11899">
        <v>8</v>
      </c>
      <c r="Z11899">
        <v>8</v>
      </c>
      <c r="AA11899">
        <v>8</v>
      </c>
      <c r="AB11899">
        <v>8</v>
      </c>
      <c r="AC11899">
        <v>8</v>
      </c>
      <c r="AD11899">
        <v>8</v>
      </c>
      <c r="AE11899">
        <v>8</v>
      </c>
      <c r="AF11899">
        <v>8</v>
      </c>
      <c r="AG11899">
        <v>8</v>
      </c>
      <c r="AH11899">
        <v>8</v>
      </c>
      <c r="AI11899">
        <v>8</v>
      </c>
      <c r="AJ11899">
        <v>8</v>
      </c>
      <c r="AK11899">
        <v>8</v>
      </c>
      <c r="AL11899">
        <v>8</v>
      </c>
      <c r="AM11899">
        <v>8</v>
      </c>
      <c r="AN11899">
        <v>8</v>
      </c>
      <c r="AO11899">
        <v>8</v>
      </c>
      <c r="AP11899">
        <v>8</v>
      </c>
      <c r="AQ11899">
        <v>8</v>
      </c>
    </row>
    <row r="11900" spans="1:43">
      <c r="A11900" t="s">
        <v>7398</v>
      </c>
      <c r="B11900" t="s">
        <v>7399</v>
      </c>
      <c r="C11900" t="s">
        <v>7396</v>
      </c>
      <c r="D11900" t="s">
        <v>7397</v>
      </c>
      <c r="E11900" t="s">
        <v>7278</v>
      </c>
      <c r="F11900" t="s">
        <v>7279</v>
      </c>
      <c r="G11900" t="s">
        <v>80</v>
      </c>
      <c r="H11900" t="s">
        <v>81</v>
      </c>
      <c r="I11900" s="2">
        <v>0</v>
      </c>
      <c r="J11900" s="2">
        <v>1</v>
      </c>
      <c r="K11900" s="2">
        <v>0</v>
      </c>
      <c r="L11900" t="s">
        <v>82</v>
      </c>
      <c r="M11900" t="s">
        <v>89</v>
      </c>
      <c r="N11900" t="s">
        <v>90</v>
      </c>
      <c r="O11900" t="s">
        <v>85</v>
      </c>
      <c r="P11900" t="s">
        <v>86</v>
      </c>
      <c r="Q11900">
        <v>8</v>
      </c>
      <c r="R11900">
        <v>8</v>
      </c>
      <c r="S11900">
        <v>9</v>
      </c>
      <c r="T11900">
        <v>9</v>
      </c>
      <c r="U11900">
        <v>9</v>
      </c>
      <c r="V11900">
        <v>9</v>
      </c>
      <c r="W11900">
        <v>9</v>
      </c>
      <c r="X11900">
        <v>9</v>
      </c>
      <c r="Y11900">
        <v>9</v>
      </c>
      <c r="Z11900">
        <v>9</v>
      </c>
      <c r="AA11900">
        <v>10</v>
      </c>
      <c r="AB11900">
        <v>10</v>
      </c>
      <c r="AC11900">
        <v>10</v>
      </c>
      <c r="AD11900">
        <v>10</v>
      </c>
      <c r="AE11900">
        <v>10</v>
      </c>
      <c r="AF11900">
        <v>10</v>
      </c>
      <c r="AG11900">
        <v>10</v>
      </c>
      <c r="AH11900">
        <v>10</v>
      </c>
      <c r="AI11900">
        <v>10</v>
      </c>
      <c r="AJ11900">
        <v>10</v>
      </c>
      <c r="AK11900">
        <v>10</v>
      </c>
      <c r="AL11900">
        <v>10</v>
      </c>
      <c r="AM11900">
        <v>10</v>
      </c>
      <c r="AN11900">
        <v>10</v>
      </c>
      <c r="AO11900">
        <v>10</v>
      </c>
      <c r="AP11900">
        <v>10</v>
      </c>
      <c r="AQ11900">
        <v>10</v>
      </c>
    </row>
    <row r="11901" spans="1:43">
      <c r="A11901" t="s">
        <v>7398</v>
      </c>
      <c r="B11901" t="s">
        <v>7399</v>
      </c>
      <c r="C11901" t="s">
        <v>7396</v>
      </c>
      <c r="D11901" t="s">
        <v>7397</v>
      </c>
      <c r="E11901" t="s">
        <v>7278</v>
      </c>
      <c r="F11901" t="s">
        <v>7279</v>
      </c>
      <c r="G11901" t="s">
        <v>80</v>
      </c>
      <c r="H11901" t="s">
        <v>81</v>
      </c>
      <c r="I11901" s="2">
        <v>0</v>
      </c>
      <c r="J11901" s="2">
        <v>1</v>
      </c>
      <c r="K11901" s="2">
        <v>0</v>
      </c>
      <c r="L11901" t="s">
        <v>82</v>
      </c>
      <c r="M11901" t="s">
        <v>83</v>
      </c>
      <c r="N11901" t="s">
        <v>91</v>
      </c>
      <c r="O11901" t="s">
        <v>85</v>
      </c>
      <c r="P11901" t="s">
        <v>86</v>
      </c>
      <c r="Q11901">
        <v>8</v>
      </c>
      <c r="R11901">
        <v>8</v>
      </c>
      <c r="S11901">
        <v>8</v>
      </c>
      <c r="T11901">
        <v>8</v>
      </c>
      <c r="U11901">
        <v>9</v>
      </c>
      <c r="V11901">
        <v>9</v>
      </c>
      <c r="W11901">
        <v>9</v>
      </c>
      <c r="X11901">
        <v>9</v>
      </c>
      <c r="Y11901">
        <v>9</v>
      </c>
      <c r="Z11901">
        <v>9</v>
      </c>
      <c r="AA11901">
        <v>9</v>
      </c>
      <c r="AB11901">
        <v>9</v>
      </c>
      <c r="AC11901">
        <v>9</v>
      </c>
      <c r="AD11901">
        <v>9</v>
      </c>
      <c r="AE11901">
        <v>9</v>
      </c>
      <c r="AF11901">
        <v>9</v>
      </c>
      <c r="AG11901">
        <v>9</v>
      </c>
      <c r="AH11901">
        <v>9</v>
      </c>
      <c r="AI11901">
        <v>10</v>
      </c>
      <c r="AJ11901">
        <v>10</v>
      </c>
      <c r="AK11901">
        <v>10</v>
      </c>
      <c r="AL11901">
        <v>10</v>
      </c>
      <c r="AM11901">
        <v>10</v>
      </c>
      <c r="AN11901">
        <v>10</v>
      </c>
      <c r="AO11901">
        <v>10</v>
      </c>
      <c r="AP11901">
        <v>10</v>
      </c>
      <c r="AQ11901">
        <v>10</v>
      </c>
    </row>
    <row r="11902" spans="1:43">
      <c r="A11902" t="s">
        <v>7400</v>
      </c>
      <c r="B11902" t="s">
        <v>7401</v>
      </c>
      <c r="C11902" t="s">
        <v>7396</v>
      </c>
      <c r="D11902" t="s">
        <v>7397</v>
      </c>
      <c r="E11902" t="s">
        <v>7278</v>
      </c>
      <c r="F11902" t="s">
        <v>7279</v>
      </c>
      <c r="G11902" t="s">
        <v>80</v>
      </c>
      <c r="H11902" t="s">
        <v>81</v>
      </c>
      <c r="I11902" s="2">
        <v>0</v>
      </c>
      <c r="J11902" s="2">
        <v>1</v>
      </c>
      <c r="K11902" s="2">
        <v>0</v>
      </c>
      <c r="L11902" t="s">
        <v>82</v>
      </c>
      <c r="M11902" t="s">
        <v>83</v>
      </c>
      <c r="N11902" t="s">
        <v>84</v>
      </c>
      <c r="O11902" t="s">
        <v>85</v>
      </c>
      <c r="P11902" t="s">
        <v>86</v>
      </c>
      <c r="Q11902">
        <v>53</v>
      </c>
      <c r="R11902">
        <v>54</v>
      </c>
      <c r="S11902">
        <v>55</v>
      </c>
      <c r="T11902">
        <v>55</v>
      </c>
      <c r="U11902">
        <v>56</v>
      </c>
      <c r="V11902">
        <v>56</v>
      </c>
      <c r="W11902">
        <v>57</v>
      </c>
      <c r="X11902">
        <v>58</v>
      </c>
      <c r="Y11902">
        <v>58</v>
      </c>
      <c r="Z11902">
        <v>59</v>
      </c>
      <c r="AA11902">
        <v>59</v>
      </c>
      <c r="AB11902">
        <v>60</v>
      </c>
      <c r="AC11902">
        <v>60</v>
      </c>
      <c r="AD11902">
        <v>61</v>
      </c>
      <c r="AE11902">
        <v>61</v>
      </c>
      <c r="AF11902">
        <v>62</v>
      </c>
      <c r="AG11902">
        <v>62</v>
      </c>
      <c r="AH11902">
        <v>62</v>
      </c>
      <c r="AI11902">
        <v>63</v>
      </c>
      <c r="AJ11902">
        <v>63</v>
      </c>
      <c r="AK11902">
        <v>64</v>
      </c>
      <c r="AL11902">
        <v>64</v>
      </c>
      <c r="AM11902">
        <v>64</v>
      </c>
      <c r="AN11902">
        <v>64</v>
      </c>
      <c r="AO11902">
        <v>63</v>
      </c>
      <c r="AP11902">
        <v>63</v>
      </c>
      <c r="AQ11902">
        <v>63</v>
      </c>
    </row>
    <row r="11903" spans="1:43">
      <c r="A11903" t="s">
        <v>7400</v>
      </c>
      <c r="B11903" t="s">
        <v>7401</v>
      </c>
      <c r="C11903" t="s">
        <v>7396</v>
      </c>
      <c r="D11903" t="s">
        <v>7397</v>
      </c>
      <c r="E11903" t="s">
        <v>7278</v>
      </c>
      <c r="F11903" t="s">
        <v>7279</v>
      </c>
      <c r="G11903" t="s">
        <v>80</v>
      </c>
      <c r="H11903" t="s">
        <v>81</v>
      </c>
      <c r="I11903" s="2">
        <v>0</v>
      </c>
      <c r="J11903" s="2">
        <v>1</v>
      </c>
      <c r="K11903" s="2">
        <v>0</v>
      </c>
      <c r="L11903" t="s">
        <v>82</v>
      </c>
      <c r="M11903" t="s">
        <v>87</v>
      </c>
      <c r="N11903" t="s">
        <v>88</v>
      </c>
      <c r="O11903" t="s">
        <v>85</v>
      </c>
      <c r="P11903" t="s">
        <v>86</v>
      </c>
      <c r="Q11903">
        <v>53</v>
      </c>
      <c r="R11903">
        <v>53</v>
      </c>
      <c r="S11903">
        <v>53</v>
      </c>
      <c r="T11903">
        <v>53</v>
      </c>
      <c r="U11903">
        <v>53</v>
      </c>
      <c r="V11903">
        <v>53</v>
      </c>
      <c r="W11903">
        <v>54</v>
      </c>
      <c r="X11903">
        <v>54</v>
      </c>
      <c r="Y11903">
        <v>54</v>
      </c>
      <c r="Z11903">
        <v>54</v>
      </c>
      <c r="AA11903">
        <v>54</v>
      </c>
      <c r="AB11903">
        <v>54</v>
      </c>
      <c r="AC11903">
        <v>54</v>
      </c>
      <c r="AD11903">
        <v>54</v>
      </c>
      <c r="AE11903">
        <v>54</v>
      </c>
      <c r="AF11903">
        <v>54</v>
      </c>
      <c r="AG11903">
        <v>54</v>
      </c>
      <c r="AH11903">
        <v>54</v>
      </c>
      <c r="AI11903">
        <v>54</v>
      </c>
      <c r="AJ11903">
        <v>54</v>
      </c>
      <c r="AK11903">
        <v>54</v>
      </c>
      <c r="AL11903">
        <v>54</v>
      </c>
      <c r="AM11903">
        <v>54</v>
      </c>
      <c r="AN11903">
        <v>54</v>
      </c>
      <c r="AO11903">
        <v>54</v>
      </c>
      <c r="AP11903">
        <v>54</v>
      </c>
      <c r="AQ11903">
        <v>54</v>
      </c>
    </row>
    <row r="11904" spans="1:43">
      <c r="A11904" t="s">
        <v>7400</v>
      </c>
      <c r="B11904" t="s">
        <v>7401</v>
      </c>
      <c r="C11904" t="s">
        <v>7396</v>
      </c>
      <c r="D11904" t="s">
        <v>7397</v>
      </c>
      <c r="E11904" t="s">
        <v>7278</v>
      </c>
      <c r="F11904" t="s">
        <v>7279</v>
      </c>
      <c r="G11904" t="s">
        <v>80</v>
      </c>
      <c r="H11904" t="s">
        <v>81</v>
      </c>
      <c r="I11904" s="2">
        <v>0</v>
      </c>
      <c r="J11904" s="2">
        <v>1</v>
      </c>
      <c r="K11904" s="2">
        <v>0</v>
      </c>
      <c r="L11904" t="s">
        <v>82</v>
      </c>
      <c r="M11904" t="s">
        <v>89</v>
      </c>
      <c r="N11904" t="s">
        <v>90</v>
      </c>
      <c r="O11904" t="s">
        <v>85</v>
      </c>
      <c r="P11904" t="s">
        <v>86</v>
      </c>
      <c r="Q11904">
        <v>53</v>
      </c>
      <c r="R11904">
        <v>54</v>
      </c>
      <c r="S11904">
        <v>55</v>
      </c>
      <c r="T11904">
        <v>56</v>
      </c>
      <c r="U11904">
        <v>57</v>
      </c>
      <c r="V11904">
        <v>58</v>
      </c>
      <c r="W11904">
        <v>59</v>
      </c>
      <c r="X11904">
        <v>60</v>
      </c>
      <c r="Y11904">
        <v>61</v>
      </c>
      <c r="Z11904">
        <v>61</v>
      </c>
      <c r="AA11904">
        <v>62</v>
      </c>
      <c r="AB11904">
        <v>63</v>
      </c>
      <c r="AC11904">
        <v>63</v>
      </c>
      <c r="AD11904">
        <v>64</v>
      </c>
      <c r="AE11904">
        <v>65</v>
      </c>
      <c r="AF11904">
        <v>64</v>
      </c>
      <c r="AG11904">
        <v>64</v>
      </c>
      <c r="AH11904">
        <v>64</v>
      </c>
      <c r="AI11904">
        <v>64</v>
      </c>
      <c r="AJ11904">
        <v>64</v>
      </c>
      <c r="AK11904">
        <v>64</v>
      </c>
      <c r="AL11904">
        <v>64</v>
      </c>
      <c r="AM11904">
        <v>64</v>
      </c>
      <c r="AN11904">
        <v>64</v>
      </c>
      <c r="AO11904">
        <v>64</v>
      </c>
      <c r="AP11904">
        <v>63</v>
      </c>
      <c r="AQ11904">
        <v>63</v>
      </c>
    </row>
    <row r="11905" spans="1:43">
      <c r="A11905" t="s">
        <v>7400</v>
      </c>
      <c r="B11905" t="s">
        <v>7401</v>
      </c>
      <c r="C11905" t="s">
        <v>7396</v>
      </c>
      <c r="D11905" t="s">
        <v>7397</v>
      </c>
      <c r="E11905" t="s">
        <v>7278</v>
      </c>
      <c r="F11905" t="s">
        <v>7279</v>
      </c>
      <c r="G11905" t="s">
        <v>80</v>
      </c>
      <c r="H11905" t="s">
        <v>81</v>
      </c>
      <c r="I11905" s="2">
        <v>0</v>
      </c>
      <c r="J11905" s="2">
        <v>1</v>
      </c>
      <c r="K11905" s="2">
        <v>0</v>
      </c>
      <c r="L11905" t="s">
        <v>82</v>
      </c>
      <c r="M11905" t="s">
        <v>83</v>
      </c>
      <c r="N11905" t="s">
        <v>91</v>
      </c>
      <c r="O11905" t="s">
        <v>85</v>
      </c>
      <c r="P11905" t="s">
        <v>86</v>
      </c>
      <c r="Q11905">
        <v>53</v>
      </c>
      <c r="R11905">
        <v>54</v>
      </c>
      <c r="S11905">
        <v>55</v>
      </c>
      <c r="T11905">
        <v>55</v>
      </c>
      <c r="U11905">
        <v>56</v>
      </c>
      <c r="V11905">
        <v>56</v>
      </c>
      <c r="W11905">
        <v>57</v>
      </c>
      <c r="X11905">
        <v>58</v>
      </c>
      <c r="Y11905">
        <v>58</v>
      </c>
      <c r="Z11905">
        <v>59</v>
      </c>
      <c r="AA11905">
        <v>59</v>
      </c>
      <c r="AB11905">
        <v>60</v>
      </c>
      <c r="AC11905">
        <v>60</v>
      </c>
      <c r="AD11905">
        <v>61</v>
      </c>
      <c r="AE11905">
        <v>61</v>
      </c>
      <c r="AF11905">
        <v>62</v>
      </c>
      <c r="AG11905">
        <v>62</v>
      </c>
      <c r="AH11905">
        <v>62</v>
      </c>
      <c r="AI11905">
        <v>63</v>
      </c>
      <c r="AJ11905">
        <v>63</v>
      </c>
      <c r="AK11905">
        <v>64</v>
      </c>
      <c r="AL11905">
        <v>64</v>
      </c>
      <c r="AM11905">
        <v>64</v>
      </c>
      <c r="AN11905">
        <v>64</v>
      </c>
      <c r="AO11905">
        <v>63</v>
      </c>
      <c r="AP11905">
        <v>63</v>
      </c>
      <c r="AQ11905">
        <v>63</v>
      </c>
    </row>
    <row r="11906" spans="1:43">
      <c r="A11906" t="s">
        <v>7402</v>
      </c>
      <c r="B11906" t="s">
        <v>7403</v>
      </c>
      <c r="C11906" t="s">
        <v>7396</v>
      </c>
      <c r="D11906" t="s">
        <v>7397</v>
      </c>
      <c r="E11906" t="s">
        <v>7278</v>
      </c>
      <c r="F11906" t="s">
        <v>7279</v>
      </c>
      <c r="G11906" t="s">
        <v>80</v>
      </c>
      <c r="H11906" t="s">
        <v>81</v>
      </c>
      <c r="I11906" s="2">
        <v>0</v>
      </c>
      <c r="J11906" s="2">
        <v>1</v>
      </c>
      <c r="K11906" s="2">
        <v>0</v>
      </c>
      <c r="L11906" t="s">
        <v>82</v>
      </c>
      <c r="M11906" t="s">
        <v>83</v>
      </c>
      <c r="N11906" t="s">
        <v>84</v>
      </c>
      <c r="O11906" t="s">
        <v>85</v>
      </c>
      <c r="P11906" t="s">
        <v>86</v>
      </c>
      <c r="Q11906">
        <v>16</v>
      </c>
      <c r="R11906">
        <v>16</v>
      </c>
      <c r="S11906">
        <v>17</v>
      </c>
      <c r="T11906">
        <v>17</v>
      </c>
      <c r="U11906">
        <v>17</v>
      </c>
      <c r="V11906">
        <v>17</v>
      </c>
      <c r="W11906">
        <v>17</v>
      </c>
      <c r="X11906">
        <v>17</v>
      </c>
      <c r="Y11906">
        <v>18</v>
      </c>
      <c r="Z11906">
        <v>18</v>
      </c>
      <c r="AA11906">
        <v>18</v>
      </c>
      <c r="AB11906">
        <v>18</v>
      </c>
      <c r="AC11906">
        <v>18</v>
      </c>
      <c r="AD11906">
        <v>18</v>
      </c>
      <c r="AE11906">
        <v>18</v>
      </c>
      <c r="AF11906">
        <v>19</v>
      </c>
      <c r="AG11906">
        <v>19</v>
      </c>
      <c r="AH11906">
        <v>19</v>
      </c>
      <c r="AI11906">
        <v>19</v>
      </c>
      <c r="AJ11906">
        <v>19</v>
      </c>
      <c r="AK11906">
        <v>19</v>
      </c>
      <c r="AL11906">
        <v>19</v>
      </c>
      <c r="AM11906">
        <v>19</v>
      </c>
      <c r="AN11906">
        <v>19</v>
      </c>
      <c r="AO11906">
        <v>19</v>
      </c>
      <c r="AP11906">
        <v>19</v>
      </c>
      <c r="AQ11906">
        <v>19</v>
      </c>
    </row>
    <row r="11907" spans="1:43">
      <c r="A11907" t="s">
        <v>7402</v>
      </c>
      <c r="B11907" t="s">
        <v>7403</v>
      </c>
      <c r="C11907" t="s">
        <v>7396</v>
      </c>
      <c r="D11907" t="s">
        <v>7397</v>
      </c>
      <c r="E11907" t="s">
        <v>7278</v>
      </c>
      <c r="F11907" t="s">
        <v>7279</v>
      </c>
      <c r="G11907" t="s">
        <v>80</v>
      </c>
      <c r="H11907" t="s">
        <v>81</v>
      </c>
      <c r="I11907" s="2">
        <v>0</v>
      </c>
      <c r="J11907" s="2">
        <v>1</v>
      </c>
      <c r="K11907" s="2">
        <v>0</v>
      </c>
      <c r="L11907" t="s">
        <v>82</v>
      </c>
      <c r="M11907" t="s">
        <v>87</v>
      </c>
      <c r="N11907" t="s">
        <v>88</v>
      </c>
      <c r="O11907" t="s">
        <v>85</v>
      </c>
      <c r="P11907" t="s">
        <v>86</v>
      </c>
      <c r="Q11907">
        <v>16</v>
      </c>
      <c r="R11907">
        <v>16</v>
      </c>
      <c r="S11907">
        <v>16</v>
      </c>
      <c r="T11907">
        <v>16</v>
      </c>
      <c r="U11907">
        <v>16</v>
      </c>
      <c r="V11907">
        <v>16</v>
      </c>
      <c r="W11907">
        <v>16</v>
      </c>
      <c r="X11907">
        <v>16</v>
      </c>
      <c r="Y11907">
        <v>16</v>
      </c>
      <c r="Z11907">
        <v>16</v>
      </c>
      <c r="AA11907">
        <v>16</v>
      </c>
      <c r="AB11907">
        <v>16</v>
      </c>
      <c r="AC11907">
        <v>16</v>
      </c>
      <c r="AD11907">
        <v>16</v>
      </c>
      <c r="AE11907">
        <v>16</v>
      </c>
      <c r="AF11907">
        <v>16</v>
      </c>
      <c r="AG11907">
        <v>16</v>
      </c>
      <c r="AH11907">
        <v>16</v>
      </c>
      <c r="AI11907">
        <v>16</v>
      </c>
      <c r="AJ11907">
        <v>16</v>
      </c>
      <c r="AK11907">
        <v>16</v>
      </c>
      <c r="AL11907">
        <v>16</v>
      </c>
      <c r="AM11907">
        <v>16</v>
      </c>
      <c r="AN11907">
        <v>16</v>
      </c>
      <c r="AO11907">
        <v>16</v>
      </c>
      <c r="AP11907">
        <v>16</v>
      </c>
      <c r="AQ11907">
        <v>16</v>
      </c>
    </row>
    <row r="11908" spans="1:43">
      <c r="A11908" t="s">
        <v>7402</v>
      </c>
      <c r="B11908" t="s">
        <v>7403</v>
      </c>
      <c r="C11908" t="s">
        <v>7396</v>
      </c>
      <c r="D11908" t="s">
        <v>7397</v>
      </c>
      <c r="E11908" t="s">
        <v>7278</v>
      </c>
      <c r="F11908" t="s">
        <v>7279</v>
      </c>
      <c r="G11908" t="s">
        <v>80</v>
      </c>
      <c r="H11908" t="s">
        <v>81</v>
      </c>
      <c r="I11908" s="2">
        <v>0</v>
      </c>
      <c r="J11908" s="2">
        <v>1</v>
      </c>
      <c r="K11908" s="2">
        <v>0</v>
      </c>
      <c r="L11908" t="s">
        <v>82</v>
      </c>
      <c r="M11908" t="s">
        <v>89</v>
      </c>
      <c r="N11908" t="s">
        <v>90</v>
      </c>
      <c r="O11908" t="s">
        <v>85</v>
      </c>
      <c r="P11908" t="s">
        <v>86</v>
      </c>
      <c r="Q11908">
        <v>16</v>
      </c>
      <c r="R11908">
        <v>17</v>
      </c>
      <c r="S11908">
        <v>17</v>
      </c>
      <c r="T11908">
        <v>17</v>
      </c>
      <c r="U11908">
        <v>18</v>
      </c>
      <c r="V11908">
        <v>18</v>
      </c>
      <c r="W11908">
        <v>18</v>
      </c>
      <c r="X11908">
        <v>18</v>
      </c>
      <c r="Y11908">
        <v>19</v>
      </c>
      <c r="Z11908">
        <v>19</v>
      </c>
      <c r="AA11908">
        <v>19</v>
      </c>
      <c r="AB11908">
        <v>19</v>
      </c>
      <c r="AC11908">
        <v>19</v>
      </c>
      <c r="AD11908">
        <v>20</v>
      </c>
      <c r="AE11908">
        <v>20</v>
      </c>
      <c r="AF11908">
        <v>20</v>
      </c>
      <c r="AG11908">
        <v>20</v>
      </c>
      <c r="AH11908">
        <v>20</v>
      </c>
      <c r="AI11908">
        <v>20</v>
      </c>
      <c r="AJ11908">
        <v>20</v>
      </c>
      <c r="AK11908">
        <v>20</v>
      </c>
      <c r="AL11908">
        <v>20</v>
      </c>
      <c r="AM11908">
        <v>19</v>
      </c>
      <c r="AN11908">
        <v>19</v>
      </c>
      <c r="AO11908">
        <v>19</v>
      </c>
      <c r="AP11908">
        <v>19</v>
      </c>
      <c r="AQ11908">
        <v>19</v>
      </c>
    </row>
    <row r="11909" spans="1:43">
      <c r="A11909" t="s">
        <v>7402</v>
      </c>
      <c r="B11909" t="s">
        <v>7403</v>
      </c>
      <c r="C11909" t="s">
        <v>7396</v>
      </c>
      <c r="D11909" t="s">
        <v>7397</v>
      </c>
      <c r="E11909" t="s">
        <v>7278</v>
      </c>
      <c r="F11909" t="s">
        <v>7279</v>
      </c>
      <c r="G11909" t="s">
        <v>80</v>
      </c>
      <c r="H11909" t="s">
        <v>81</v>
      </c>
      <c r="I11909" s="2">
        <v>0</v>
      </c>
      <c r="J11909" s="2">
        <v>1</v>
      </c>
      <c r="K11909" s="2">
        <v>0</v>
      </c>
      <c r="L11909" t="s">
        <v>82</v>
      </c>
      <c r="M11909" t="s">
        <v>83</v>
      </c>
      <c r="N11909" t="s">
        <v>91</v>
      </c>
      <c r="O11909" t="s">
        <v>85</v>
      </c>
      <c r="P11909" t="s">
        <v>86</v>
      </c>
      <c r="Q11909">
        <v>16</v>
      </c>
      <c r="R11909">
        <v>16</v>
      </c>
      <c r="S11909">
        <v>17</v>
      </c>
      <c r="T11909">
        <v>17</v>
      </c>
      <c r="U11909">
        <v>17</v>
      </c>
      <c r="V11909">
        <v>17</v>
      </c>
      <c r="W11909">
        <v>17</v>
      </c>
      <c r="X11909">
        <v>17</v>
      </c>
      <c r="Y11909">
        <v>18</v>
      </c>
      <c r="Z11909">
        <v>18</v>
      </c>
      <c r="AA11909">
        <v>18</v>
      </c>
      <c r="AB11909">
        <v>18</v>
      </c>
      <c r="AC11909">
        <v>18</v>
      </c>
      <c r="AD11909">
        <v>18</v>
      </c>
      <c r="AE11909">
        <v>18</v>
      </c>
      <c r="AF11909">
        <v>19</v>
      </c>
      <c r="AG11909">
        <v>19</v>
      </c>
      <c r="AH11909">
        <v>19</v>
      </c>
      <c r="AI11909">
        <v>19</v>
      </c>
      <c r="AJ11909">
        <v>19</v>
      </c>
      <c r="AK11909">
        <v>19</v>
      </c>
      <c r="AL11909">
        <v>19</v>
      </c>
      <c r="AM11909">
        <v>19</v>
      </c>
      <c r="AN11909">
        <v>19</v>
      </c>
      <c r="AO11909">
        <v>19</v>
      </c>
      <c r="AP11909">
        <v>19</v>
      </c>
      <c r="AQ11909">
        <v>19</v>
      </c>
    </row>
    <row r="11910" spans="1:43">
      <c r="A11910" t="s">
        <v>7404</v>
      </c>
      <c r="B11910" t="s">
        <v>7405</v>
      </c>
      <c r="C11910" t="s">
        <v>7406</v>
      </c>
      <c r="D11910" t="s">
        <v>7407</v>
      </c>
      <c r="E11910" t="s">
        <v>7278</v>
      </c>
      <c r="F11910" t="s">
        <v>7279</v>
      </c>
      <c r="G11910" t="s">
        <v>80</v>
      </c>
      <c r="H11910" t="s">
        <v>81</v>
      </c>
      <c r="I11910" s="2">
        <v>0</v>
      </c>
      <c r="J11910" s="2">
        <v>1</v>
      </c>
      <c r="K11910" s="2">
        <v>0</v>
      </c>
      <c r="L11910" t="s">
        <v>82</v>
      </c>
      <c r="M11910" t="s">
        <v>83</v>
      </c>
      <c r="N11910" t="s">
        <v>84</v>
      </c>
      <c r="O11910" t="s">
        <v>85</v>
      </c>
      <c r="P11910" t="s">
        <v>86</v>
      </c>
      <c r="Q11910">
        <v>25</v>
      </c>
      <c r="R11910">
        <v>25</v>
      </c>
      <c r="S11910">
        <v>25</v>
      </c>
      <c r="T11910">
        <v>26</v>
      </c>
      <c r="U11910">
        <v>26</v>
      </c>
      <c r="V11910">
        <v>26</v>
      </c>
      <c r="W11910">
        <v>26</v>
      </c>
      <c r="X11910">
        <v>27</v>
      </c>
      <c r="Y11910">
        <v>27</v>
      </c>
      <c r="Z11910">
        <v>27</v>
      </c>
      <c r="AA11910">
        <v>27</v>
      </c>
      <c r="AB11910">
        <v>28</v>
      </c>
      <c r="AC11910">
        <v>28</v>
      </c>
      <c r="AD11910">
        <v>28</v>
      </c>
      <c r="AE11910">
        <v>28</v>
      </c>
      <c r="AF11910">
        <v>29</v>
      </c>
      <c r="AG11910">
        <v>29</v>
      </c>
      <c r="AH11910">
        <v>29</v>
      </c>
      <c r="AI11910">
        <v>29</v>
      </c>
      <c r="AJ11910">
        <v>29</v>
      </c>
      <c r="AK11910">
        <v>30</v>
      </c>
      <c r="AL11910">
        <v>30</v>
      </c>
      <c r="AM11910">
        <v>30</v>
      </c>
      <c r="AN11910">
        <v>30</v>
      </c>
      <c r="AO11910">
        <v>30</v>
      </c>
      <c r="AP11910">
        <v>30</v>
      </c>
      <c r="AQ11910">
        <v>30</v>
      </c>
    </row>
    <row r="11911" spans="1:43">
      <c r="A11911" t="s">
        <v>7404</v>
      </c>
      <c r="B11911" t="s">
        <v>7405</v>
      </c>
      <c r="C11911" t="s">
        <v>7406</v>
      </c>
      <c r="D11911" t="s">
        <v>7407</v>
      </c>
      <c r="E11911" t="s">
        <v>7278</v>
      </c>
      <c r="F11911" t="s">
        <v>7279</v>
      </c>
      <c r="G11911" t="s">
        <v>80</v>
      </c>
      <c r="H11911" t="s">
        <v>81</v>
      </c>
      <c r="I11911" s="2">
        <v>0</v>
      </c>
      <c r="J11911" s="2">
        <v>1</v>
      </c>
      <c r="K11911" s="2">
        <v>0</v>
      </c>
      <c r="L11911" t="s">
        <v>82</v>
      </c>
      <c r="M11911" t="s">
        <v>87</v>
      </c>
      <c r="N11911" t="s">
        <v>88</v>
      </c>
      <c r="O11911" t="s">
        <v>85</v>
      </c>
      <c r="P11911" t="s">
        <v>86</v>
      </c>
      <c r="Q11911">
        <v>25</v>
      </c>
      <c r="R11911">
        <v>26</v>
      </c>
      <c r="S11911">
        <v>26</v>
      </c>
      <c r="T11911">
        <v>26</v>
      </c>
      <c r="U11911">
        <v>26</v>
      </c>
      <c r="V11911">
        <v>26</v>
      </c>
      <c r="W11911">
        <v>26</v>
      </c>
      <c r="X11911">
        <v>26</v>
      </c>
      <c r="Y11911">
        <v>26</v>
      </c>
      <c r="Z11911">
        <v>26</v>
      </c>
      <c r="AA11911">
        <v>26</v>
      </c>
      <c r="AB11911">
        <v>26</v>
      </c>
      <c r="AC11911">
        <v>26</v>
      </c>
      <c r="AD11911">
        <v>26</v>
      </c>
      <c r="AE11911">
        <v>26</v>
      </c>
      <c r="AF11911">
        <v>26</v>
      </c>
      <c r="AG11911">
        <v>26</v>
      </c>
      <c r="AH11911">
        <v>26</v>
      </c>
      <c r="AI11911">
        <v>26</v>
      </c>
      <c r="AJ11911">
        <v>26</v>
      </c>
      <c r="AK11911">
        <v>26</v>
      </c>
      <c r="AL11911">
        <v>26</v>
      </c>
      <c r="AM11911">
        <v>26</v>
      </c>
      <c r="AN11911">
        <v>26</v>
      </c>
      <c r="AO11911">
        <v>26</v>
      </c>
      <c r="AP11911">
        <v>26</v>
      </c>
      <c r="AQ11911">
        <v>26</v>
      </c>
    </row>
    <row r="11912" spans="1:43">
      <c r="A11912" t="s">
        <v>7404</v>
      </c>
      <c r="B11912" t="s">
        <v>7405</v>
      </c>
      <c r="C11912" t="s">
        <v>7406</v>
      </c>
      <c r="D11912" t="s">
        <v>7407</v>
      </c>
      <c r="E11912" t="s">
        <v>7278</v>
      </c>
      <c r="F11912" t="s">
        <v>7279</v>
      </c>
      <c r="G11912" t="s">
        <v>80</v>
      </c>
      <c r="H11912" t="s">
        <v>81</v>
      </c>
      <c r="I11912" s="2">
        <v>0</v>
      </c>
      <c r="J11912" s="2">
        <v>1</v>
      </c>
      <c r="K11912" s="2">
        <v>0</v>
      </c>
      <c r="L11912" t="s">
        <v>82</v>
      </c>
      <c r="M11912" t="s">
        <v>89</v>
      </c>
      <c r="N11912" t="s">
        <v>90</v>
      </c>
      <c r="O11912" t="s">
        <v>85</v>
      </c>
      <c r="P11912" t="s">
        <v>86</v>
      </c>
      <c r="Q11912">
        <v>25</v>
      </c>
      <c r="R11912">
        <v>25</v>
      </c>
      <c r="S11912">
        <v>26</v>
      </c>
      <c r="T11912">
        <v>26</v>
      </c>
      <c r="U11912">
        <v>27</v>
      </c>
      <c r="V11912">
        <v>27</v>
      </c>
      <c r="W11912">
        <v>28</v>
      </c>
      <c r="X11912">
        <v>28</v>
      </c>
      <c r="Y11912">
        <v>29</v>
      </c>
      <c r="Z11912">
        <v>29</v>
      </c>
      <c r="AA11912">
        <v>29</v>
      </c>
      <c r="AB11912">
        <v>30</v>
      </c>
      <c r="AC11912">
        <v>30</v>
      </c>
      <c r="AD11912">
        <v>30</v>
      </c>
      <c r="AE11912">
        <v>30</v>
      </c>
      <c r="AF11912">
        <v>30</v>
      </c>
      <c r="AG11912">
        <v>30</v>
      </c>
      <c r="AH11912">
        <v>30</v>
      </c>
      <c r="AI11912">
        <v>30</v>
      </c>
      <c r="AJ11912">
        <v>30</v>
      </c>
      <c r="AK11912">
        <v>30</v>
      </c>
      <c r="AL11912">
        <v>30</v>
      </c>
      <c r="AM11912">
        <v>30</v>
      </c>
      <c r="AN11912">
        <v>30</v>
      </c>
      <c r="AO11912">
        <v>30</v>
      </c>
      <c r="AP11912">
        <v>30</v>
      </c>
      <c r="AQ11912">
        <v>30</v>
      </c>
    </row>
    <row r="11913" spans="1:43">
      <c r="A11913" t="s">
        <v>7404</v>
      </c>
      <c r="B11913" t="s">
        <v>7405</v>
      </c>
      <c r="C11913" t="s">
        <v>7406</v>
      </c>
      <c r="D11913" t="s">
        <v>7407</v>
      </c>
      <c r="E11913" t="s">
        <v>7278</v>
      </c>
      <c r="F11913" t="s">
        <v>7279</v>
      </c>
      <c r="G11913" t="s">
        <v>80</v>
      </c>
      <c r="H11913" t="s">
        <v>81</v>
      </c>
      <c r="I11913" s="2">
        <v>0</v>
      </c>
      <c r="J11913" s="2">
        <v>1</v>
      </c>
      <c r="K11913" s="2">
        <v>0</v>
      </c>
      <c r="L11913" t="s">
        <v>82</v>
      </c>
      <c r="M11913" t="s">
        <v>83</v>
      </c>
      <c r="N11913" t="s">
        <v>91</v>
      </c>
      <c r="O11913" t="s">
        <v>85</v>
      </c>
      <c r="P11913" t="s">
        <v>86</v>
      </c>
      <c r="Q11913">
        <v>25</v>
      </c>
      <c r="R11913">
        <v>25</v>
      </c>
      <c r="S11913">
        <v>25</v>
      </c>
      <c r="T11913">
        <v>26</v>
      </c>
      <c r="U11913">
        <v>26</v>
      </c>
      <c r="V11913">
        <v>26</v>
      </c>
      <c r="W11913">
        <v>26</v>
      </c>
      <c r="X11913">
        <v>27</v>
      </c>
      <c r="Y11913">
        <v>27</v>
      </c>
      <c r="Z11913">
        <v>27</v>
      </c>
      <c r="AA11913">
        <v>27</v>
      </c>
      <c r="AB11913">
        <v>28</v>
      </c>
      <c r="AC11913">
        <v>28</v>
      </c>
      <c r="AD11913">
        <v>28</v>
      </c>
      <c r="AE11913">
        <v>28</v>
      </c>
      <c r="AF11913">
        <v>29</v>
      </c>
      <c r="AG11913">
        <v>29</v>
      </c>
      <c r="AH11913">
        <v>29</v>
      </c>
      <c r="AI11913">
        <v>29</v>
      </c>
      <c r="AJ11913">
        <v>29</v>
      </c>
      <c r="AK11913">
        <v>30</v>
      </c>
      <c r="AL11913">
        <v>30</v>
      </c>
      <c r="AM11913">
        <v>30</v>
      </c>
      <c r="AN11913">
        <v>30</v>
      </c>
      <c r="AO11913">
        <v>30</v>
      </c>
      <c r="AP11913">
        <v>30</v>
      </c>
      <c r="AQ11913">
        <v>30</v>
      </c>
    </row>
    <row r="11914" spans="1:43">
      <c r="A11914" t="s">
        <v>7408</v>
      </c>
      <c r="B11914" t="s">
        <v>7409</v>
      </c>
      <c r="C11914" t="s">
        <v>7396</v>
      </c>
      <c r="D11914" t="s">
        <v>7397</v>
      </c>
      <c r="E11914" t="s">
        <v>7278</v>
      </c>
      <c r="F11914" t="s">
        <v>7279</v>
      </c>
      <c r="G11914" t="s">
        <v>80</v>
      </c>
      <c r="H11914" t="s">
        <v>81</v>
      </c>
      <c r="I11914" s="2">
        <v>0</v>
      </c>
      <c r="J11914" s="2">
        <v>1</v>
      </c>
      <c r="K11914" s="2">
        <v>0</v>
      </c>
      <c r="L11914" t="s">
        <v>82</v>
      </c>
      <c r="M11914" t="s">
        <v>83</v>
      </c>
      <c r="N11914" t="s">
        <v>84</v>
      </c>
      <c r="O11914" t="s">
        <v>85</v>
      </c>
      <c r="P11914" t="s">
        <v>86</v>
      </c>
      <c r="Q11914">
        <v>43</v>
      </c>
      <c r="R11914">
        <v>43</v>
      </c>
      <c r="S11914">
        <v>44</v>
      </c>
      <c r="T11914">
        <v>44</v>
      </c>
      <c r="U11914">
        <v>44</v>
      </c>
      <c r="V11914">
        <v>45</v>
      </c>
      <c r="W11914">
        <v>45</v>
      </c>
      <c r="X11914">
        <v>46</v>
      </c>
      <c r="Y11914">
        <v>46</v>
      </c>
      <c r="Z11914">
        <v>47</v>
      </c>
      <c r="AA11914">
        <v>47</v>
      </c>
      <c r="AB11914">
        <v>47</v>
      </c>
      <c r="AC11914">
        <v>48</v>
      </c>
      <c r="AD11914">
        <v>48</v>
      </c>
      <c r="AE11914">
        <v>48</v>
      </c>
      <c r="AF11914">
        <v>49</v>
      </c>
      <c r="AG11914">
        <v>49</v>
      </c>
      <c r="AH11914">
        <v>49</v>
      </c>
      <c r="AI11914">
        <v>50</v>
      </c>
      <c r="AJ11914">
        <v>50</v>
      </c>
      <c r="AK11914">
        <v>50</v>
      </c>
      <c r="AL11914">
        <v>50</v>
      </c>
      <c r="AM11914">
        <v>50</v>
      </c>
      <c r="AN11914">
        <v>50</v>
      </c>
      <c r="AO11914">
        <v>50</v>
      </c>
      <c r="AP11914">
        <v>50</v>
      </c>
      <c r="AQ11914">
        <v>50</v>
      </c>
    </row>
    <row r="11915" spans="1:43">
      <c r="A11915" t="s">
        <v>7408</v>
      </c>
      <c r="B11915" t="s">
        <v>7409</v>
      </c>
      <c r="C11915" t="s">
        <v>7396</v>
      </c>
      <c r="D11915" t="s">
        <v>7397</v>
      </c>
      <c r="E11915" t="s">
        <v>7278</v>
      </c>
      <c r="F11915" t="s">
        <v>7279</v>
      </c>
      <c r="G11915" t="s">
        <v>80</v>
      </c>
      <c r="H11915" t="s">
        <v>81</v>
      </c>
      <c r="I11915" s="2">
        <v>0</v>
      </c>
      <c r="J11915" s="2">
        <v>1</v>
      </c>
      <c r="K11915" s="2">
        <v>0</v>
      </c>
      <c r="L11915" t="s">
        <v>82</v>
      </c>
      <c r="M11915" t="s">
        <v>87</v>
      </c>
      <c r="N11915" t="s">
        <v>88</v>
      </c>
      <c r="O11915" t="s">
        <v>85</v>
      </c>
      <c r="P11915" t="s">
        <v>86</v>
      </c>
      <c r="Q11915">
        <v>43</v>
      </c>
      <c r="R11915">
        <v>43</v>
      </c>
      <c r="S11915">
        <v>43</v>
      </c>
      <c r="T11915">
        <v>43</v>
      </c>
      <c r="U11915">
        <v>44</v>
      </c>
      <c r="V11915">
        <v>44</v>
      </c>
      <c r="W11915">
        <v>44</v>
      </c>
      <c r="X11915">
        <v>44</v>
      </c>
      <c r="Y11915">
        <v>44</v>
      </c>
      <c r="Z11915">
        <v>44</v>
      </c>
      <c r="AA11915">
        <v>44</v>
      </c>
      <c r="AB11915">
        <v>44</v>
      </c>
      <c r="AC11915">
        <v>44</v>
      </c>
      <c r="AD11915">
        <v>44</v>
      </c>
      <c r="AE11915">
        <v>44</v>
      </c>
      <c r="AF11915">
        <v>44</v>
      </c>
      <c r="AG11915">
        <v>44</v>
      </c>
      <c r="AH11915">
        <v>44</v>
      </c>
      <c r="AI11915">
        <v>44</v>
      </c>
      <c r="AJ11915">
        <v>44</v>
      </c>
      <c r="AK11915">
        <v>44</v>
      </c>
      <c r="AL11915">
        <v>44</v>
      </c>
      <c r="AM11915">
        <v>44</v>
      </c>
      <c r="AN11915">
        <v>44</v>
      </c>
      <c r="AO11915">
        <v>44</v>
      </c>
      <c r="AP11915">
        <v>44</v>
      </c>
      <c r="AQ11915">
        <v>44</v>
      </c>
    </row>
    <row r="11916" spans="1:43">
      <c r="A11916" t="s">
        <v>7408</v>
      </c>
      <c r="B11916" t="s">
        <v>7409</v>
      </c>
      <c r="C11916" t="s">
        <v>7396</v>
      </c>
      <c r="D11916" t="s">
        <v>7397</v>
      </c>
      <c r="E11916" t="s">
        <v>7278</v>
      </c>
      <c r="F11916" t="s">
        <v>7279</v>
      </c>
      <c r="G11916" t="s">
        <v>80</v>
      </c>
      <c r="H11916" t="s">
        <v>81</v>
      </c>
      <c r="I11916" s="2">
        <v>0</v>
      </c>
      <c r="J11916" s="2">
        <v>1</v>
      </c>
      <c r="K11916" s="2">
        <v>0</v>
      </c>
      <c r="L11916" t="s">
        <v>82</v>
      </c>
      <c r="M11916" t="s">
        <v>89</v>
      </c>
      <c r="N11916" t="s">
        <v>90</v>
      </c>
      <c r="O11916" t="s">
        <v>85</v>
      </c>
      <c r="P11916" t="s">
        <v>86</v>
      </c>
      <c r="Q11916">
        <v>43</v>
      </c>
      <c r="R11916">
        <v>44</v>
      </c>
      <c r="S11916">
        <v>45</v>
      </c>
      <c r="T11916">
        <v>45</v>
      </c>
      <c r="U11916">
        <v>46</v>
      </c>
      <c r="V11916">
        <v>47</v>
      </c>
      <c r="W11916">
        <v>48</v>
      </c>
      <c r="X11916">
        <v>48</v>
      </c>
      <c r="Y11916">
        <v>49</v>
      </c>
      <c r="Z11916">
        <v>50</v>
      </c>
      <c r="AA11916">
        <v>50</v>
      </c>
      <c r="AB11916">
        <v>51</v>
      </c>
      <c r="AC11916">
        <v>51</v>
      </c>
      <c r="AD11916">
        <v>52</v>
      </c>
      <c r="AE11916">
        <v>52</v>
      </c>
      <c r="AF11916">
        <v>52</v>
      </c>
      <c r="AG11916">
        <v>52</v>
      </c>
      <c r="AH11916">
        <v>52</v>
      </c>
      <c r="AI11916">
        <v>52</v>
      </c>
      <c r="AJ11916">
        <v>51</v>
      </c>
      <c r="AK11916">
        <v>51</v>
      </c>
      <c r="AL11916">
        <v>51</v>
      </c>
      <c r="AM11916">
        <v>51</v>
      </c>
      <c r="AN11916">
        <v>51</v>
      </c>
      <c r="AO11916">
        <v>51</v>
      </c>
      <c r="AP11916">
        <v>51</v>
      </c>
      <c r="AQ11916">
        <v>51</v>
      </c>
    </row>
    <row r="11917" spans="1:43">
      <c r="A11917" t="s">
        <v>7408</v>
      </c>
      <c r="B11917" t="s">
        <v>7409</v>
      </c>
      <c r="C11917" t="s">
        <v>7396</v>
      </c>
      <c r="D11917" t="s">
        <v>7397</v>
      </c>
      <c r="E11917" t="s">
        <v>7278</v>
      </c>
      <c r="F11917" t="s">
        <v>7279</v>
      </c>
      <c r="G11917" t="s">
        <v>80</v>
      </c>
      <c r="H11917" t="s">
        <v>81</v>
      </c>
      <c r="I11917" s="2">
        <v>0</v>
      </c>
      <c r="J11917" s="2">
        <v>1</v>
      </c>
      <c r="K11917" s="2">
        <v>0</v>
      </c>
      <c r="L11917" t="s">
        <v>82</v>
      </c>
      <c r="M11917" t="s">
        <v>83</v>
      </c>
      <c r="N11917" t="s">
        <v>91</v>
      </c>
      <c r="O11917" t="s">
        <v>85</v>
      </c>
      <c r="P11917" t="s">
        <v>86</v>
      </c>
      <c r="Q11917">
        <v>43</v>
      </c>
      <c r="R11917">
        <v>43</v>
      </c>
      <c r="S11917">
        <v>44</v>
      </c>
      <c r="T11917">
        <v>44</v>
      </c>
      <c r="U11917">
        <v>44</v>
      </c>
      <c r="V11917">
        <v>45</v>
      </c>
      <c r="W11917">
        <v>45</v>
      </c>
      <c r="X11917">
        <v>46</v>
      </c>
      <c r="Y11917">
        <v>46</v>
      </c>
      <c r="Z11917">
        <v>47</v>
      </c>
      <c r="AA11917">
        <v>47</v>
      </c>
      <c r="AB11917">
        <v>47</v>
      </c>
      <c r="AC11917">
        <v>48</v>
      </c>
      <c r="AD11917">
        <v>48</v>
      </c>
      <c r="AE11917">
        <v>48</v>
      </c>
      <c r="AF11917">
        <v>49</v>
      </c>
      <c r="AG11917">
        <v>49</v>
      </c>
      <c r="AH11917">
        <v>49</v>
      </c>
      <c r="AI11917">
        <v>50</v>
      </c>
      <c r="AJ11917">
        <v>50</v>
      </c>
      <c r="AK11917">
        <v>50</v>
      </c>
      <c r="AL11917">
        <v>50</v>
      </c>
      <c r="AM11917">
        <v>50</v>
      </c>
      <c r="AN11917">
        <v>50</v>
      </c>
      <c r="AO11917">
        <v>50</v>
      </c>
      <c r="AP11917">
        <v>50</v>
      </c>
      <c r="AQ11917">
        <v>50</v>
      </c>
    </row>
    <row r="11918" spans="1:43">
      <c r="A11918" t="s">
        <v>7410</v>
      </c>
      <c r="B11918" t="s">
        <v>7411</v>
      </c>
      <c r="C11918" t="s">
        <v>7412</v>
      </c>
      <c r="D11918" t="s">
        <v>7413</v>
      </c>
      <c r="E11918" t="s">
        <v>7278</v>
      </c>
      <c r="F11918" t="s">
        <v>7279</v>
      </c>
      <c r="G11918" t="s">
        <v>80</v>
      </c>
      <c r="H11918" t="s">
        <v>81</v>
      </c>
      <c r="I11918" s="2">
        <v>0</v>
      </c>
      <c r="J11918" s="2">
        <v>1</v>
      </c>
      <c r="K11918" s="2">
        <v>0</v>
      </c>
      <c r="L11918" t="s">
        <v>82</v>
      </c>
      <c r="M11918" t="s">
        <v>83</v>
      </c>
      <c r="N11918" t="s">
        <v>84</v>
      </c>
      <c r="O11918" t="s">
        <v>85</v>
      </c>
      <c r="P11918" t="s">
        <v>86</v>
      </c>
      <c r="Q11918">
        <v>19</v>
      </c>
      <c r="R11918">
        <v>19</v>
      </c>
      <c r="S11918">
        <v>19</v>
      </c>
      <c r="T11918">
        <v>20</v>
      </c>
      <c r="U11918">
        <v>20</v>
      </c>
      <c r="V11918">
        <v>20</v>
      </c>
      <c r="W11918">
        <v>20</v>
      </c>
      <c r="X11918">
        <v>20</v>
      </c>
      <c r="Y11918">
        <v>21</v>
      </c>
      <c r="Z11918">
        <v>21</v>
      </c>
      <c r="AA11918">
        <v>21</v>
      </c>
      <c r="AB11918">
        <v>21</v>
      </c>
      <c r="AC11918">
        <v>21</v>
      </c>
      <c r="AD11918">
        <v>21</v>
      </c>
      <c r="AE11918">
        <v>22</v>
      </c>
      <c r="AF11918">
        <v>22</v>
      </c>
      <c r="AG11918">
        <v>22</v>
      </c>
      <c r="AH11918">
        <v>22</v>
      </c>
      <c r="AI11918">
        <v>22</v>
      </c>
      <c r="AJ11918">
        <v>22</v>
      </c>
      <c r="AK11918">
        <v>23</v>
      </c>
      <c r="AL11918">
        <v>23</v>
      </c>
      <c r="AM11918">
        <v>22</v>
      </c>
      <c r="AN11918">
        <v>22</v>
      </c>
      <c r="AO11918">
        <v>22</v>
      </c>
      <c r="AP11918">
        <v>22</v>
      </c>
      <c r="AQ11918">
        <v>22</v>
      </c>
    </row>
    <row r="11919" spans="1:43">
      <c r="A11919" t="s">
        <v>7410</v>
      </c>
      <c r="B11919" t="s">
        <v>7411</v>
      </c>
      <c r="C11919" t="s">
        <v>7412</v>
      </c>
      <c r="D11919" t="s">
        <v>7413</v>
      </c>
      <c r="E11919" t="s">
        <v>7278</v>
      </c>
      <c r="F11919" t="s">
        <v>7279</v>
      </c>
      <c r="G11919" t="s">
        <v>80</v>
      </c>
      <c r="H11919" t="s">
        <v>81</v>
      </c>
      <c r="I11919" s="2">
        <v>0</v>
      </c>
      <c r="J11919" s="2">
        <v>1</v>
      </c>
      <c r="K11919" s="2">
        <v>0</v>
      </c>
      <c r="L11919" t="s">
        <v>82</v>
      </c>
      <c r="M11919" t="s">
        <v>87</v>
      </c>
      <c r="N11919" t="s">
        <v>88</v>
      </c>
      <c r="O11919" t="s">
        <v>85</v>
      </c>
      <c r="P11919" t="s">
        <v>86</v>
      </c>
      <c r="Q11919">
        <v>19</v>
      </c>
      <c r="R11919">
        <v>19</v>
      </c>
      <c r="S11919">
        <v>19</v>
      </c>
      <c r="T11919">
        <v>19</v>
      </c>
      <c r="U11919">
        <v>19</v>
      </c>
      <c r="V11919">
        <v>19</v>
      </c>
      <c r="W11919">
        <v>19</v>
      </c>
      <c r="X11919">
        <v>19</v>
      </c>
      <c r="Y11919">
        <v>19</v>
      </c>
      <c r="Z11919">
        <v>19</v>
      </c>
      <c r="AA11919">
        <v>19</v>
      </c>
      <c r="AB11919">
        <v>19</v>
      </c>
      <c r="AC11919">
        <v>19</v>
      </c>
      <c r="AD11919">
        <v>19</v>
      </c>
      <c r="AE11919">
        <v>19</v>
      </c>
      <c r="AF11919">
        <v>19</v>
      </c>
      <c r="AG11919">
        <v>19</v>
      </c>
      <c r="AH11919">
        <v>19</v>
      </c>
      <c r="AI11919">
        <v>19</v>
      </c>
      <c r="AJ11919">
        <v>19</v>
      </c>
      <c r="AK11919">
        <v>19</v>
      </c>
      <c r="AL11919">
        <v>19</v>
      </c>
      <c r="AM11919">
        <v>19</v>
      </c>
      <c r="AN11919">
        <v>19</v>
      </c>
      <c r="AO11919">
        <v>19</v>
      </c>
      <c r="AP11919">
        <v>19</v>
      </c>
      <c r="AQ11919">
        <v>19</v>
      </c>
    </row>
    <row r="11920" spans="1:43">
      <c r="A11920" t="s">
        <v>7410</v>
      </c>
      <c r="B11920" t="s">
        <v>7411</v>
      </c>
      <c r="C11920" t="s">
        <v>7412</v>
      </c>
      <c r="D11920" t="s">
        <v>7413</v>
      </c>
      <c r="E11920" t="s">
        <v>7278</v>
      </c>
      <c r="F11920" t="s">
        <v>7279</v>
      </c>
      <c r="G11920" t="s">
        <v>80</v>
      </c>
      <c r="H11920" t="s">
        <v>81</v>
      </c>
      <c r="I11920" s="2">
        <v>0</v>
      </c>
      <c r="J11920" s="2">
        <v>1</v>
      </c>
      <c r="K11920" s="2">
        <v>0</v>
      </c>
      <c r="L11920" t="s">
        <v>82</v>
      </c>
      <c r="M11920" t="s">
        <v>89</v>
      </c>
      <c r="N11920" t="s">
        <v>90</v>
      </c>
      <c r="O11920" t="s">
        <v>85</v>
      </c>
      <c r="P11920" t="s">
        <v>86</v>
      </c>
      <c r="Q11920">
        <v>19</v>
      </c>
      <c r="R11920">
        <v>20</v>
      </c>
      <c r="S11920">
        <v>20</v>
      </c>
      <c r="T11920">
        <v>20</v>
      </c>
      <c r="U11920">
        <v>21</v>
      </c>
      <c r="V11920">
        <v>21</v>
      </c>
      <c r="W11920">
        <v>21</v>
      </c>
      <c r="X11920">
        <v>22</v>
      </c>
      <c r="Y11920">
        <v>22</v>
      </c>
      <c r="Z11920">
        <v>22</v>
      </c>
      <c r="AA11920">
        <v>22</v>
      </c>
      <c r="AB11920">
        <v>23</v>
      </c>
      <c r="AC11920">
        <v>23</v>
      </c>
      <c r="AD11920">
        <v>23</v>
      </c>
      <c r="AE11920">
        <v>23</v>
      </c>
      <c r="AF11920">
        <v>23</v>
      </c>
      <c r="AG11920">
        <v>23</v>
      </c>
      <c r="AH11920">
        <v>23</v>
      </c>
      <c r="AI11920">
        <v>23</v>
      </c>
      <c r="AJ11920">
        <v>23</v>
      </c>
      <c r="AK11920">
        <v>23</v>
      </c>
      <c r="AL11920">
        <v>23</v>
      </c>
      <c r="AM11920">
        <v>23</v>
      </c>
      <c r="AN11920">
        <v>23</v>
      </c>
      <c r="AO11920">
        <v>23</v>
      </c>
      <c r="AP11920">
        <v>23</v>
      </c>
      <c r="AQ11920">
        <v>23</v>
      </c>
    </row>
    <row r="11921" spans="1:43">
      <c r="A11921" t="s">
        <v>7410</v>
      </c>
      <c r="B11921" t="s">
        <v>7411</v>
      </c>
      <c r="C11921" t="s">
        <v>7412</v>
      </c>
      <c r="D11921" t="s">
        <v>7413</v>
      </c>
      <c r="E11921" t="s">
        <v>7278</v>
      </c>
      <c r="F11921" t="s">
        <v>7279</v>
      </c>
      <c r="G11921" t="s">
        <v>80</v>
      </c>
      <c r="H11921" t="s">
        <v>81</v>
      </c>
      <c r="I11921" s="2">
        <v>0</v>
      </c>
      <c r="J11921" s="2">
        <v>1</v>
      </c>
      <c r="K11921" s="2">
        <v>0</v>
      </c>
      <c r="L11921" t="s">
        <v>82</v>
      </c>
      <c r="M11921" t="s">
        <v>83</v>
      </c>
      <c r="N11921" t="s">
        <v>91</v>
      </c>
      <c r="O11921" t="s">
        <v>85</v>
      </c>
      <c r="P11921" t="s">
        <v>86</v>
      </c>
      <c r="Q11921">
        <v>19</v>
      </c>
      <c r="R11921">
        <v>19</v>
      </c>
      <c r="S11921">
        <v>19</v>
      </c>
      <c r="T11921">
        <v>20</v>
      </c>
      <c r="U11921">
        <v>20</v>
      </c>
      <c r="V11921">
        <v>20</v>
      </c>
      <c r="W11921">
        <v>20</v>
      </c>
      <c r="X11921">
        <v>20</v>
      </c>
      <c r="Y11921">
        <v>21</v>
      </c>
      <c r="Z11921">
        <v>21</v>
      </c>
      <c r="AA11921">
        <v>21</v>
      </c>
      <c r="AB11921">
        <v>21</v>
      </c>
      <c r="AC11921">
        <v>21</v>
      </c>
      <c r="AD11921">
        <v>21</v>
      </c>
      <c r="AE11921">
        <v>22</v>
      </c>
      <c r="AF11921">
        <v>22</v>
      </c>
      <c r="AG11921">
        <v>22</v>
      </c>
      <c r="AH11921">
        <v>22</v>
      </c>
      <c r="AI11921">
        <v>22</v>
      </c>
      <c r="AJ11921">
        <v>22</v>
      </c>
      <c r="AK11921">
        <v>23</v>
      </c>
      <c r="AL11921">
        <v>23</v>
      </c>
      <c r="AM11921">
        <v>22</v>
      </c>
      <c r="AN11921">
        <v>22</v>
      </c>
      <c r="AO11921">
        <v>22</v>
      </c>
      <c r="AP11921">
        <v>22</v>
      </c>
      <c r="AQ11921">
        <v>22</v>
      </c>
    </row>
    <row r="11922" spans="1:43">
      <c r="A11922" t="s">
        <v>7414</v>
      </c>
      <c r="B11922" t="s">
        <v>7415</v>
      </c>
      <c r="C11922" t="s">
        <v>7412</v>
      </c>
      <c r="D11922" t="s">
        <v>7413</v>
      </c>
      <c r="E11922" t="s">
        <v>7278</v>
      </c>
      <c r="F11922" t="s">
        <v>7279</v>
      </c>
      <c r="G11922" t="s">
        <v>80</v>
      </c>
      <c r="H11922" t="s">
        <v>81</v>
      </c>
      <c r="I11922" s="2">
        <v>0</v>
      </c>
      <c r="J11922" s="2">
        <v>1</v>
      </c>
      <c r="K11922" s="2">
        <v>0</v>
      </c>
      <c r="L11922" t="s">
        <v>82</v>
      </c>
      <c r="M11922" t="s">
        <v>83</v>
      </c>
      <c r="N11922" t="s">
        <v>84</v>
      </c>
      <c r="O11922" t="s">
        <v>85</v>
      </c>
      <c r="P11922" t="s">
        <v>86</v>
      </c>
      <c r="Q11922">
        <v>0</v>
      </c>
      <c r="R11922">
        <v>0</v>
      </c>
      <c r="S11922">
        <v>0</v>
      </c>
      <c r="T11922">
        <v>0</v>
      </c>
      <c r="U11922">
        <v>0</v>
      </c>
      <c r="V11922">
        <v>0</v>
      </c>
      <c r="W11922">
        <v>0</v>
      </c>
      <c r="X11922">
        <v>0</v>
      </c>
      <c r="Y11922">
        <v>0</v>
      </c>
      <c r="Z11922">
        <v>0</v>
      </c>
      <c r="AA11922">
        <v>0</v>
      </c>
      <c r="AB11922">
        <v>0</v>
      </c>
      <c r="AC11922">
        <v>0</v>
      </c>
      <c r="AD11922">
        <v>0</v>
      </c>
      <c r="AE11922">
        <v>0</v>
      </c>
      <c r="AF11922">
        <v>0</v>
      </c>
      <c r="AG11922">
        <v>0</v>
      </c>
      <c r="AH11922">
        <v>0</v>
      </c>
      <c r="AI11922">
        <v>0</v>
      </c>
      <c r="AJ11922">
        <v>0</v>
      </c>
      <c r="AK11922">
        <v>0</v>
      </c>
      <c r="AL11922">
        <v>0</v>
      </c>
      <c r="AM11922">
        <v>0</v>
      </c>
      <c r="AN11922">
        <v>0</v>
      </c>
      <c r="AO11922">
        <v>0</v>
      </c>
      <c r="AP11922">
        <v>0</v>
      </c>
      <c r="AQ11922">
        <v>0</v>
      </c>
    </row>
    <row r="11923" spans="1:43">
      <c r="A11923" t="s">
        <v>7414</v>
      </c>
      <c r="B11923" t="s">
        <v>7415</v>
      </c>
      <c r="C11923" t="s">
        <v>7412</v>
      </c>
      <c r="D11923" t="s">
        <v>7413</v>
      </c>
      <c r="E11923" t="s">
        <v>7278</v>
      </c>
      <c r="F11923" t="s">
        <v>7279</v>
      </c>
      <c r="G11923" t="s">
        <v>80</v>
      </c>
      <c r="H11923" t="s">
        <v>81</v>
      </c>
      <c r="I11923" s="2">
        <v>0</v>
      </c>
      <c r="J11923" s="2">
        <v>1</v>
      </c>
      <c r="K11923" s="2">
        <v>0</v>
      </c>
      <c r="L11923" t="s">
        <v>82</v>
      </c>
      <c r="M11923" t="s">
        <v>87</v>
      </c>
      <c r="N11923" t="s">
        <v>88</v>
      </c>
      <c r="O11923" t="s">
        <v>85</v>
      </c>
      <c r="P11923" t="s">
        <v>86</v>
      </c>
      <c r="Q11923">
        <v>0</v>
      </c>
      <c r="R11923">
        <v>0</v>
      </c>
      <c r="S11923">
        <v>0</v>
      </c>
      <c r="T11923">
        <v>0</v>
      </c>
      <c r="U11923">
        <v>0</v>
      </c>
      <c r="V11923">
        <v>0</v>
      </c>
      <c r="W11923">
        <v>0</v>
      </c>
      <c r="X11923">
        <v>0</v>
      </c>
      <c r="Y11923">
        <v>0</v>
      </c>
      <c r="Z11923">
        <v>0</v>
      </c>
      <c r="AA11923">
        <v>0</v>
      </c>
      <c r="AB11923">
        <v>0</v>
      </c>
      <c r="AC11923">
        <v>0</v>
      </c>
      <c r="AD11923">
        <v>0</v>
      </c>
      <c r="AE11923">
        <v>0</v>
      </c>
      <c r="AF11923">
        <v>0</v>
      </c>
      <c r="AG11923">
        <v>0</v>
      </c>
      <c r="AH11923">
        <v>0</v>
      </c>
      <c r="AI11923">
        <v>0</v>
      </c>
      <c r="AJ11923">
        <v>0</v>
      </c>
      <c r="AK11923">
        <v>0</v>
      </c>
      <c r="AL11923">
        <v>0</v>
      </c>
      <c r="AM11923">
        <v>0</v>
      </c>
      <c r="AN11923">
        <v>0</v>
      </c>
      <c r="AO11923">
        <v>0</v>
      </c>
      <c r="AP11923">
        <v>0</v>
      </c>
      <c r="AQ11923">
        <v>0</v>
      </c>
    </row>
    <row r="11924" spans="1:43">
      <c r="A11924" t="s">
        <v>7414</v>
      </c>
      <c r="B11924" t="s">
        <v>7415</v>
      </c>
      <c r="C11924" t="s">
        <v>7412</v>
      </c>
      <c r="D11924" t="s">
        <v>7413</v>
      </c>
      <c r="E11924" t="s">
        <v>7278</v>
      </c>
      <c r="F11924" t="s">
        <v>7279</v>
      </c>
      <c r="G11924" t="s">
        <v>80</v>
      </c>
      <c r="H11924" t="s">
        <v>81</v>
      </c>
      <c r="I11924" s="2">
        <v>0</v>
      </c>
      <c r="J11924" s="2">
        <v>1</v>
      </c>
      <c r="K11924" s="2">
        <v>0</v>
      </c>
      <c r="L11924" t="s">
        <v>82</v>
      </c>
      <c r="M11924" t="s">
        <v>89</v>
      </c>
      <c r="N11924" t="s">
        <v>90</v>
      </c>
      <c r="O11924" t="s">
        <v>85</v>
      </c>
      <c r="P11924" t="s">
        <v>86</v>
      </c>
      <c r="Q11924">
        <v>0</v>
      </c>
      <c r="R11924">
        <v>0</v>
      </c>
      <c r="S11924">
        <v>0</v>
      </c>
      <c r="T11924">
        <v>0</v>
      </c>
      <c r="U11924">
        <v>0</v>
      </c>
      <c r="V11924">
        <v>0</v>
      </c>
      <c r="W11924">
        <v>0</v>
      </c>
      <c r="X11924">
        <v>0</v>
      </c>
      <c r="Y11924">
        <v>0</v>
      </c>
      <c r="Z11924">
        <v>0</v>
      </c>
      <c r="AA11924">
        <v>0</v>
      </c>
      <c r="AB11924">
        <v>0</v>
      </c>
      <c r="AC11924">
        <v>0</v>
      </c>
      <c r="AD11924">
        <v>0</v>
      </c>
      <c r="AE11924">
        <v>0</v>
      </c>
      <c r="AF11924">
        <v>0</v>
      </c>
      <c r="AG11924">
        <v>0</v>
      </c>
      <c r="AH11924">
        <v>0</v>
      </c>
      <c r="AI11924">
        <v>0</v>
      </c>
      <c r="AJ11924">
        <v>0</v>
      </c>
      <c r="AK11924">
        <v>0</v>
      </c>
      <c r="AL11924">
        <v>0</v>
      </c>
      <c r="AM11924">
        <v>0</v>
      </c>
      <c r="AN11924">
        <v>0</v>
      </c>
      <c r="AO11924">
        <v>0</v>
      </c>
      <c r="AP11924">
        <v>0</v>
      </c>
      <c r="AQ11924">
        <v>0</v>
      </c>
    </row>
    <row r="11925" spans="1:43">
      <c r="A11925" t="s">
        <v>7414</v>
      </c>
      <c r="B11925" t="s">
        <v>7415</v>
      </c>
      <c r="C11925" t="s">
        <v>7412</v>
      </c>
      <c r="D11925" t="s">
        <v>7413</v>
      </c>
      <c r="E11925" t="s">
        <v>7278</v>
      </c>
      <c r="F11925" t="s">
        <v>7279</v>
      </c>
      <c r="G11925" t="s">
        <v>80</v>
      </c>
      <c r="H11925" t="s">
        <v>81</v>
      </c>
      <c r="I11925" s="2">
        <v>0</v>
      </c>
      <c r="J11925" s="2">
        <v>1</v>
      </c>
      <c r="K11925" s="2">
        <v>0</v>
      </c>
      <c r="L11925" t="s">
        <v>82</v>
      </c>
      <c r="M11925" t="s">
        <v>83</v>
      </c>
      <c r="N11925" t="s">
        <v>91</v>
      </c>
      <c r="O11925" t="s">
        <v>85</v>
      </c>
      <c r="P11925" t="s">
        <v>86</v>
      </c>
      <c r="Q11925">
        <v>0</v>
      </c>
      <c r="R11925">
        <v>0</v>
      </c>
      <c r="S11925">
        <v>0</v>
      </c>
      <c r="T11925">
        <v>0</v>
      </c>
      <c r="U11925">
        <v>0</v>
      </c>
      <c r="V11925">
        <v>0</v>
      </c>
      <c r="W11925">
        <v>0</v>
      </c>
      <c r="X11925">
        <v>0</v>
      </c>
      <c r="Y11925">
        <v>0</v>
      </c>
      <c r="Z11925">
        <v>0</v>
      </c>
      <c r="AA11925">
        <v>0</v>
      </c>
      <c r="AB11925">
        <v>0</v>
      </c>
      <c r="AC11925">
        <v>0</v>
      </c>
      <c r="AD11925">
        <v>0</v>
      </c>
      <c r="AE11925">
        <v>0</v>
      </c>
      <c r="AF11925">
        <v>0</v>
      </c>
      <c r="AG11925">
        <v>0</v>
      </c>
      <c r="AH11925">
        <v>0</v>
      </c>
      <c r="AI11925">
        <v>0</v>
      </c>
      <c r="AJ11925">
        <v>0</v>
      </c>
      <c r="AK11925">
        <v>0</v>
      </c>
      <c r="AL11925">
        <v>0</v>
      </c>
      <c r="AM11925">
        <v>0</v>
      </c>
      <c r="AN11925">
        <v>0</v>
      </c>
      <c r="AO11925">
        <v>0</v>
      </c>
      <c r="AP11925">
        <v>0</v>
      </c>
      <c r="AQ11925">
        <v>0</v>
      </c>
    </row>
    <row r="11926" spans="1:43">
      <c r="A11926" t="s">
        <v>7416</v>
      </c>
      <c r="B11926" t="s">
        <v>7417</v>
      </c>
      <c r="C11926" t="s">
        <v>7380</v>
      </c>
      <c r="D11926" t="s">
        <v>7381</v>
      </c>
      <c r="E11926" t="s">
        <v>7278</v>
      </c>
      <c r="F11926" t="s">
        <v>7279</v>
      </c>
      <c r="G11926" t="s">
        <v>80</v>
      </c>
      <c r="H11926" t="s">
        <v>81</v>
      </c>
      <c r="I11926" s="2">
        <v>0</v>
      </c>
      <c r="J11926" s="2">
        <v>1</v>
      </c>
      <c r="K11926" s="2">
        <v>0</v>
      </c>
      <c r="L11926" t="s">
        <v>82</v>
      </c>
      <c r="M11926" t="s">
        <v>83</v>
      </c>
      <c r="N11926" t="s">
        <v>84</v>
      </c>
      <c r="O11926" t="s">
        <v>85</v>
      </c>
      <c r="P11926" t="s">
        <v>86</v>
      </c>
      <c r="Q11926">
        <v>35</v>
      </c>
      <c r="R11926">
        <v>35</v>
      </c>
      <c r="S11926">
        <v>35</v>
      </c>
      <c r="T11926">
        <v>36</v>
      </c>
      <c r="U11926">
        <v>36</v>
      </c>
      <c r="V11926">
        <v>36</v>
      </c>
      <c r="W11926">
        <v>37</v>
      </c>
      <c r="X11926">
        <v>37</v>
      </c>
      <c r="Y11926">
        <v>37</v>
      </c>
      <c r="Z11926">
        <v>38</v>
      </c>
      <c r="AA11926">
        <v>38</v>
      </c>
      <c r="AB11926">
        <v>38</v>
      </c>
      <c r="AC11926">
        <v>38</v>
      </c>
      <c r="AD11926">
        <v>39</v>
      </c>
      <c r="AE11926">
        <v>39</v>
      </c>
      <c r="AF11926">
        <v>39</v>
      </c>
      <c r="AG11926">
        <v>39</v>
      </c>
      <c r="AH11926">
        <v>39</v>
      </c>
      <c r="AI11926">
        <v>40</v>
      </c>
      <c r="AJ11926">
        <v>40</v>
      </c>
      <c r="AK11926">
        <v>40</v>
      </c>
      <c r="AL11926">
        <v>40</v>
      </c>
      <c r="AM11926">
        <v>40</v>
      </c>
      <c r="AN11926">
        <v>40</v>
      </c>
      <c r="AO11926">
        <v>40</v>
      </c>
      <c r="AP11926">
        <v>40</v>
      </c>
      <c r="AQ11926">
        <v>39</v>
      </c>
    </row>
    <row r="11927" spans="1:43">
      <c r="A11927" t="s">
        <v>7416</v>
      </c>
      <c r="B11927" t="s">
        <v>7417</v>
      </c>
      <c r="C11927" t="s">
        <v>7380</v>
      </c>
      <c r="D11927" t="s">
        <v>7381</v>
      </c>
      <c r="E11927" t="s">
        <v>7278</v>
      </c>
      <c r="F11927" t="s">
        <v>7279</v>
      </c>
      <c r="G11927" t="s">
        <v>80</v>
      </c>
      <c r="H11927" t="s">
        <v>81</v>
      </c>
      <c r="I11927" s="2">
        <v>0</v>
      </c>
      <c r="J11927" s="2">
        <v>1</v>
      </c>
      <c r="K11927" s="2">
        <v>0</v>
      </c>
      <c r="L11927" t="s">
        <v>82</v>
      </c>
      <c r="M11927" t="s">
        <v>87</v>
      </c>
      <c r="N11927" t="s">
        <v>88</v>
      </c>
      <c r="O11927" t="s">
        <v>85</v>
      </c>
      <c r="P11927" t="s">
        <v>86</v>
      </c>
      <c r="Q11927">
        <v>35</v>
      </c>
      <c r="R11927">
        <v>35</v>
      </c>
      <c r="S11927">
        <v>35</v>
      </c>
      <c r="T11927">
        <v>35</v>
      </c>
      <c r="U11927">
        <v>35</v>
      </c>
      <c r="V11927">
        <v>35</v>
      </c>
      <c r="W11927">
        <v>35</v>
      </c>
      <c r="X11927">
        <v>35</v>
      </c>
      <c r="Y11927">
        <v>35</v>
      </c>
      <c r="Z11927">
        <v>35</v>
      </c>
      <c r="AA11927">
        <v>35</v>
      </c>
      <c r="AB11927">
        <v>35</v>
      </c>
      <c r="AC11927">
        <v>35</v>
      </c>
      <c r="AD11927">
        <v>35</v>
      </c>
      <c r="AE11927">
        <v>35</v>
      </c>
      <c r="AF11927">
        <v>35</v>
      </c>
      <c r="AG11927">
        <v>35</v>
      </c>
      <c r="AH11927">
        <v>35</v>
      </c>
      <c r="AI11927">
        <v>35</v>
      </c>
      <c r="AJ11927">
        <v>35</v>
      </c>
      <c r="AK11927">
        <v>35</v>
      </c>
      <c r="AL11927">
        <v>35</v>
      </c>
      <c r="AM11927">
        <v>35</v>
      </c>
      <c r="AN11927">
        <v>35</v>
      </c>
      <c r="AO11927">
        <v>35</v>
      </c>
      <c r="AP11927">
        <v>35</v>
      </c>
      <c r="AQ11927">
        <v>35</v>
      </c>
    </row>
    <row r="11928" spans="1:43">
      <c r="A11928" t="s">
        <v>7416</v>
      </c>
      <c r="B11928" t="s">
        <v>7417</v>
      </c>
      <c r="C11928" t="s">
        <v>7380</v>
      </c>
      <c r="D11928" t="s">
        <v>7381</v>
      </c>
      <c r="E11928" t="s">
        <v>7278</v>
      </c>
      <c r="F11928" t="s">
        <v>7279</v>
      </c>
      <c r="G11928" t="s">
        <v>80</v>
      </c>
      <c r="H11928" t="s">
        <v>81</v>
      </c>
      <c r="I11928" s="2">
        <v>0</v>
      </c>
      <c r="J11928" s="2">
        <v>1</v>
      </c>
      <c r="K11928" s="2">
        <v>0</v>
      </c>
      <c r="L11928" t="s">
        <v>82</v>
      </c>
      <c r="M11928" t="s">
        <v>89</v>
      </c>
      <c r="N11928" t="s">
        <v>90</v>
      </c>
      <c r="O11928" t="s">
        <v>85</v>
      </c>
      <c r="P11928" t="s">
        <v>86</v>
      </c>
      <c r="Q11928">
        <v>35</v>
      </c>
      <c r="R11928">
        <v>36</v>
      </c>
      <c r="S11928">
        <v>36</v>
      </c>
      <c r="T11928">
        <v>37</v>
      </c>
      <c r="U11928">
        <v>38</v>
      </c>
      <c r="V11928">
        <v>38</v>
      </c>
      <c r="W11928">
        <v>39</v>
      </c>
      <c r="X11928">
        <v>39</v>
      </c>
      <c r="Y11928">
        <v>40</v>
      </c>
      <c r="Z11928">
        <v>40</v>
      </c>
      <c r="AA11928">
        <v>40</v>
      </c>
      <c r="AB11928">
        <v>41</v>
      </c>
      <c r="AC11928">
        <v>41</v>
      </c>
      <c r="AD11928">
        <v>41</v>
      </c>
      <c r="AE11928">
        <v>42</v>
      </c>
      <c r="AF11928">
        <v>42</v>
      </c>
      <c r="AG11928">
        <v>41</v>
      </c>
      <c r="AH11928">
        <v>41</v>
      </c>
      <c r="AI11928">
        <v>41</v>
      </c>
      <c r="AJ11928">
        <v>41</v>
      </c>
      <c r="AK11928">
        <v>41</v>
      </c>
      <c r="AL11928">
        <v>41</v>
      </c>
      <c r="AM11928">
        <v>41</v>
      </c>
      <c r="AN11928">
        <v>40</v>
      </c>
      <c r="AO11928">
        <v>40</v>
      </c>
      <c r="AP11928">
        <v>40</v>
      </c>
      <c r="AQ11928">
        <v>40</v>
      </c>
    </row>
    <row r="11929" spans="1:43">
      <c r="A11929" t="s">
        <v>7416</v>
      </c>
      <c r="B11929" t="s">
        <v>7417</v>
      </c>
      <c r="C11929" t="s">
        <v>7380</v>
      </c>
      <c r="D11929" t="s">
        <v>7381</v>
      </c>
      <c r="E11929" t="s">
        <v>7278</v>
      </c>
      <c r="F11929" t="s">
        <v>7279</v>
      </c>
      <c r="G11929" t="s">
        <v>80</v>
      </c>
      <c r="H11929" t="s">
        <v>81</v>
      </c>
      <c r="I11929" s="2">
        <v>0</v>
      </c>
      <c r="J11929" s="2">
        <v>1</v>
      </c>
      <c r="K11929" s="2">
        <v>0</v>
      </c>
      <c r="L11929" t="s">
        <v>82</v>
      </c>
      <c r="M11929" t="s">
        <v>83</v>
      </c>
      <c r="N11929" t="s">
        <v>91</v>
      </c>
      <c r="O11929" t="s">
        <v>85</v>
      </c>
      <c r="P11929" t="s">
        <v>86</v>
      </c>
      <c r="Q11929">
        <v>35</v>
      </c>
      <c r="R11929">
        <v>35</v>
      </c>
      <c r="S11929">
        <v>35</v>
      </c>
      <c r="T11929">
        <v>36</v>
      </c>
      <c r="U11929">
        <v>36</v>
      </c>
      <c r="V11929">
        <v>36</v>
      </c>
      <c r="W11929">
        <v>37</v>
      </c>
      <c r="X11929">
        <v>37</v>
      </c>
      <c r="Y11929">
        <v>37</v>
      </c>
      <c r="Z11929">
        <v>38</v>
      </c>
      <c r="AA11929">
        <v>38</v>
      </c>
      <c r="AB11929">
        <v>38</v>
      </c>
      <c r="AC11929">
        <v>38</v>
      </c>
      <c r="AD11929">
        <v>39</v>
      </c>
      <c r="AE11929">
        <v>39</v>
      </c>
      <c r="AF11929">
        <v>39</v>
      </c>
      <c r="AG11929">
        <v>39</v>
      </c>
      <c r="AH11929">
        <v>39</v>
      </c>
      <c r="AI11929">
        <v>40</v>
      </c>
      <c r="AJ11929">
        <v>40</v>
      </c>
      <c r="AK11929">
        <v>40</v>
      </c>
      <c r="AL11929">
        <v>40</v>
      </c>
      <c r="AM11929">
        <v>40</v>
      </c>
      <c r="AN11929">
        <v>40</v>
      </c>
      <c r="AO11929">
        <v>40</v>
      </c>
      <c r="AP11929">
        <v>40</v>
      </c>
      <c r="AQ11929">
        <v>39</v>
      </c>
    </row>
    <row r="11930" spans="1:43">
      <c r="A11930" t="s">
        <v>7418</v>
      </c>
      <c r="B11930" t="s">
        <v>7419</v>
      </c>
      <c r="C11930" t="s">
        <v>7420</v>
      </c>
      <c r="D11930" t="s">
        <v>7421</v>
      </c>
      <c r="E11930" t="s">
        <v>7278</v>
      </c>
      <c r="F11930" t="s">
        <v>7279</v>
      </c>
      <c r="G11930" t="s">
        <v>80</v>
      </c>
      <c r="H11930" t="s">
        <v>81</v>
      </c>
      <c r="I11930" s="2">
        <v>0</v>
      </c>
      <c r="J11930" s="2">
        <v>1</v>
      </c>
      <c r="K11930" s="2">
        <v>0</v>
      </c>
      <c r="L11930" t="s">
        <v>82</v>
      </c>
      <c r="M11930" t="s">
        <v>83</v>
      </c>
      <c r="N11930" t="s">
        <v>84</v>
      </c>
      <c r="O11930" t="s">
        <v>85</v>
      </c>
      <c r="P11930" t="s">
        <v>86</v>
      </c>
      <c r="Q11930">
        <v>26</v>
      </c>
      <c r="R11930">
        <v>26</v>
      </c>
      <c r="S11930">
        <v>27</v>
      </c>
      <c r="T11930">
        <v>27</v>
      </c>
      <c r="U11930">
        <v>27</v>
      </c>
      <c r="V11930">
        <v>27</v>
      </c>
      <c r="W11930">
        <v>28</v>
      </c>
      <c r="X11930">
        <v>28</v>
      </c>
      <c r="Y11930">
        <v>28</v>
      </c>
      <c r="Z11930">
        <v>28</v>
      </c>
      <c r="AA11930">
        <v>29</v>
      </c>
      <c r="AB11930">
        <v>29</v>
      </c>
      <c r="AC11930">
        <v>29</v>
      </c>
      <c r="AD11930">
        <v>29</v>
      </c>
      <c r="AE11930">
        <v>29</v>
      </c>
      <c r="AF11930">
        <v>30</v>
      </c>
      <c r="AG11930">
        <v>30</v>
      </c>
      <c r="AH11930">
        <v>30</v>
      </c>
      <c r="AI11930">
        <v>30</v>
      </c>
      <c r="AJ11930">
        <v>30</v>
      </c>
      <c r="AK11930">
        <v>31</v>
      </c>
      <c r="AL11930">
        <v>31</v>
      </c>
      <c r="AM11930">
        <v>30</v>
      </c>
      <c r="AN11930">
        <v>30</v>
      </c>
      <c r="AO11930">
        <v>30</v>
      </c>
      <c r="AP11930">
        <v>30</v>
      </c>
      <c r="AQ11930">
        <v>30</v>
      </c>
    </row>
    <row r="11931" spans="1:43">
      <c r="A11931" t="s">
        <v>7418</v>
      </c>
      <c r="B11931" t="s">
        <v>7419</v>
      </c>
      <c r="C11931" t="s">
        <v>7420</v>
      </c>
      <c r="D11931" t="s">
        <v>7421</v>
      </c>
      <c r="E11931" t="s">
        <v>7278</v>
      </c>
      <c r="F11931" t="s">
        <v>7279</v>
      </c>
      <c r="G11931" t="s">
        <v>80</v>
      </c>
      <c r="H11931" t="s">
        <v>81</v>
      </c>
      <c r="I11931" s="2">
        <v>0</v>
      </c>
      <c r="J11931" s="2">
        <v>1</v>
      </c>
      <c r="K11931" s="2">
        <v>0</v>
      </c>
      <c r="L11931" t="s">
        <v>82</v>
      </c>
      <c r="M11931" t="s">
        <v>87</v>
      </c>
      <c r="N11931" t="s">
        <v>88</v>
      </c>
      <c r="O11931" t="s">
        <v>85</v>
      </c>
      <c r="P11931" t="s">
        <v>86</v>
      </c>
      <c r="Q11931">
        <v>26</v>
      </c>
      <c r="R11931">
        <v>26</v>
      </c>
      <c r="S11931">
        <v>26</v>
      </c>
      <c r="T11931">
        <v>26</v>
      </c>
      <c r="U11931">
        <v>26</v>
      </c>
      <c r="V11931">
        <v>26</v>
      </c>
      <c r="W11931">
        <v>26</v>
      </c>
      <c r="X11931">
        <v>26</v>
      </c>
      <c r="Y11931">
        <v>26</v>
      </c>
      <c r="Z11931">
        <v>26</v>
      </c>
      <c r="AA11931">
        <v>26</v>
      </c>
      <c r="AB11931">
        <v>26</v>
      </c>
      <c r="AC11931">
        <v>26</v>
      </c>
      <c r="AD11931">
        <v>26</v>
      </c>
      <c r="AE11931">
        <v>26</v>
      </c>
      <c r="AF11931">
        <v>26</v>
      </c>
      <c r="AG11931">
        <v>26</v>
      </c>
      <c r="AH11931">
        <v>26</v>
      </c>
      <c r="AI11931">
        <v>26</v>
      </c>
      <c r="AJ11931">
        <v>26</v>
      </c>
      <c r="AK11931">
        <v>26</v>
      </c>
      <c r="AL11931">
        <v>26</v>
      </c>
      <c r="AM11931">
        <v>26</v>
      </c>
      <c r="AN11931">
        <v>26</v>
      </c>
      <c r="AO11931">
        <v>26</v>
      </c>
      <c r="AP11931">
        <v>26</v>
      </c>
      <c r="AQ11931">
        <v>26</v>
      </c>
    </row>
    <row r="11932" spans="1:43">
      <c r="A11932" t="s">
        <v>7418</v>
      </c>
      <c r="B11932" t="s">
        <v>7419</v>
      </c>
      <c r="C11932" t="s">
        <v>7420</v>
      </c>
      <c r="D11932" t="s">
        <v>7421</v>
      </c>
      <c r="E11932" t="s">
        <v>7278</v>
      </c>
      <c r="F11932" t="s">
        <v>7279</v>
      </c>
      <c r="G11932" t="s">
        <v>80</v>
      </c>
      <c r="H11932" t="s">
        <v>81</v>
      </c>
      <c r="I11932" s="2">
        <v>0</v>
      </c>
      <c r="J11932" s="2">
        <v>1</v>
      </c>
      <c r="K11932" s="2">
        <v>0</v>
      </c>
      <c r="L11932" t="s">
        <v>82</v>
      </c>
      <c r="M11932" t="s">
        <v>89</v>
      </c>
      <c r="N11932" t="s">
        <v>90</v>
      </c>
      <c r="O11932" t="s">
        <v>85</v>
      </c>
      <c r="P11932" t="s">
        <v>86</v>
      </c>
      <c r="Q11932">
        <v>26</v>
      </c>
      <c r="R11932">
        <v>27</v>
      </c>
      <c r="S11932">
        <v>27</v>
      </c>
      <c r="T11932">
        <v>28</v>
      </c>
      <c r="U11932">
        <v>28</v>
      </c>
      <c r="V11932">
        <v>29</v>
      </c>
      <c r="W11932">
        <v>29</v>
      </c>
      <c r="X11932">
        <v>29</v>
      </c>
      <c r="Y11932">
        <v>30</v>
      </c>
      <c r="Z11932">
        <v>30</v>
      </c>
      <c r="AA11932">
        <v>30</v>
      </c>
      <c r="AB11932">
        <v>31</v>
      </c>
      <c r="AC11932">
        <v>31</v>
      </c>
      <c r="AD11932">
        <v>31</v>
      </c>
      <c r="AE11932">
        <v>32</v>
      </c>
      <c r="AF11932">
        <v>31</v>
      </c>
      <c r="AG11932">
        <v>31</v>
      </c>
      <c r="AH11932">
        <v>31</v>
      </c>
      <c r="AI11932">
        <v>31</v>
      </c>
      <c r="AJ11932">
        <v>31</v>
      </c>
      <c r="AK11932">
        <v>31</v>
      </c>
      <c r="AL11932">
        <v>31</v>
      </c>
      <c r="AM11932">
        <v>31</v>
      </c>
      <c r="AN11932">
        <v>31</v>
      </c>
      <c r="AO11932">
        <v>31</v>
      </c>
      <c r="AP11932">
        <v>31</v>
      </c>
      <c r="AQ11932">
        <v>31</v>
      </c>
    </row>
    <row r="11933" spans="1:43">
      <c r="A11933" t="s">
        <v>7418</v>
      </c>
      <c r="B11933" t="s">
        <v>7419</v>
      </c>
      <c r="C11933" t="s">
        <v>7420</v>
      </c>
      <c r="D11933" t="s">
        <v>7421</v>
      </c>
      <c r="E11933" t="s">
        <v>7278</v>
      </c>
      <c r="F11933" t="s">
        <v>7279</v>
      </c>
      <c r="G11933" t="s">
        <v>80</v>
      </c>
      <c r="H11933" t="s">
        <v>81</v>
      </c>
      <c r="I11933" s="2">
        <v>0</v>
      </c>
      <c r="J11933" s="2">
        <v>1</v>
      </c>
      <c r="K11933" s="2">
        <v>0</v>
      </c>
      <c r="L11933" t="s">
        <v>82</v>
      </c>
      <c r="M11933" t="s">
        <v>83</v>
      </c>
      <c r="N11933" t="s">
        <v>91</v>
      </c>
      <c r="O11933" t="s">
        <v>85</v>
      </c>
      <c r="P11933" t="s">
        <v>86</v>
      </c>
      <c r="Q11933">
        <v>26</v>
      </c>
      <c r="R11933">
        <v>26</v>
      </c>
      <c r="S11933">
        <v>27</v>
      </c>
      <c r="T11933">
        <v>27</v>
      </c>
      <c r="U11933">
        <v>27</v>
      </c>
      <c r="V11933">
        <v>27</v>
      </c>
      <c r="W11933">
        <v>28</v>
      </c>
      <c r="X11933">
        <v>28</v>
      </c>
      <c r="Y11933">
        <v>28</v>
      </c>
      <c r="Z11933">
        <v>28</v>
      </c>
      <c r="AA11933">
        <v>29</v>
      </c>
      <c r="AB11933">
        <v>29</v>
      </c>
      <c r="AC11933">
        <v>29</v>
      </c>
      <c r="AD11933">
        <v>29</v>
      </c>
      <c r="AE11933">
        <v>29</v>
      </c>
      <c r="AF11933">
        <v>30</v>
      </c>
      <c r="AG11933">
        <v>30</v>
      </c>
      <c r="AH11933">
        <v>30</v>
      </c>
      <c r="AI11933">
        <v>30</v>
      </c>
      <c r="AJ11933">
        <v>30</v>
      </c>
      <c r="AK11933">
        <v>31</v>
      </c>
      <c r="AL11933">
        <v>31</v>
      </c>
      <c r="AM11933">
        <v>30</v>
      </c>
      <c r="AN11933">
        <v>30</v>
      </c>
      <c r="AO11933">
        <v>30</v>
      </c>
      <c r="AP11933">
        <v>30</v>
      </c>
      <c r="AQ11933">
        <v>30</v>
      </c>
    </row>
    <row r="11934" spans="1:43">
      <c r="A11934" t="s">
        <v>7422</v>
      </c>
      <c r="B11934" t="s">
        <v>7423</v>
      </c>
      <c r="C11934" t="s">
        <v>7420</v>
      </c>
      <c r="D11934" t="s">
        <v>7421</v>
      </c>
      <c r="E11934" t="s">
        <v>7278</v>
      </c>
      <c r="F11934" t="s">
        <v>7279</v>
      </c>
      <c r="G11934" t="s">
        <v>80</v>
      </c>
      <c r="H11934" t="s">
        <v>81</v>
      </c>
      <c r="I11934" s="2">
        <v>0</v>
      </c>
      <c r="J11934" s="2">
        <v>1</v>
      </c>
      <c r="K11934" s="2">
        <v>0</v>
      </c>
      <c r="L11934" t="s">
        <v>82</v>
      </c>
      <c r="M11934" t="s">
        <v>83</v>
      </c>
      <c r="N11934" t="s">
        <v>84</v>
      </c>
      <c r="O11934" t="s">
        <v>85</v>
      </c>
      <c r="P11934" t="s">
        <v>86</v>
      </c>
      <c r="Q11934">
        <v>16</v>
      </c>
      <c r="R11934">
        <v>16</v>
      </c>
      <c r="S11934">
        <v>17</v>
      </c>
      <c r="T11934">
        <v>17</v>
      </c>
      <c r="U11934">
        <v>17</v>
      </c>
      <c r="V11934">
        <v>17</v>
      </c>
      <c r="W11934">
        <v>17</v>
      </c>
      <c r="X11934">
        <v>17</v>
      </c>
      <c r="Y11934">
        <v>17</v>
      </c>
      <c r="Z11934">
        <v>18</v>
      </c>
      <c r="AA11934">
        <v>18</v>
      </c>
      <c r="AB11934">
        <v>18</v>
      </c>
      <c r="AC11934">
        <v>18</v>
      </c>
      <c r="AD11934">
        <v>18</v>
      </c>
      <c r="AE11934">
        <v>18</v>
      </c>
      <c r="AF11934">
        <v>18</v>
      </c>
      <c r="AG11934">
        <v>19</v>
      </c>
      <c r="AH11934">
        <v>19</v>
      </c>
      <c r="AI11934">
        <v>19</v>
      </c>
      <c r="AJ11934">
        <v>19</v>
      </c>
      <c r="AK11934">
        <v>19</v>
      </c>
      <c r="AL11934">
        <v>19</v>
      </c>
      <c r="AM11934">
        <v>19</v>
      </c>
      <c r="AN11934">
        <v>19</v>
      </c>
      <c r="AO11934">
        <v>19</v>
      </c>
      <c r="AP11934">
        <v>19</v>
      </c>
      <c r="AQ11934">
        <v>19</v>
      </c>
    </row>
    <row r="11935" spans="1:43">
      <c r="A11935" t="s">
        <v>7422</v>
      </c>
      <c r="B11935" t="s">
        <v>7423</v>
      </c>
      <c r="C11935" t="s">
        <v>7420</v>
      </c>
      <c r="D11935" t="s">
        <v>7421</v>
      </c>
      <c r="E11935" t="s">
        <v>7278</v>
      </c>
      <c r="F11935" t="s">
        <v>7279</v>
      </c>
      <c r="G11935" t="s">
        <v>80</v>
      </c>
      <c r="H11935" t="s">
        <v>81</v>
      </c>
      <c r="I11935" s="2">
        <v>0</v>
      </c>
      <c r="J11935" s="2">
        <v>1</v>
      </c>
      <c r="K11935" s="2">
        <v>0</v>
      </c>
      <c r="L11935" t="s">
        <v>82</v>
      </c>
      <c r="M11935" t="s">
        <v>87</v>
      </c>
      <c r="N11935" t="s">
        <v>88</v>
      </c>
      <c r="O11935" t="s">
        <v>85</v>
      </c>
      <c r="P11935" t="s">
        <v>86</v>
      </c>
      <c r="Q11935">
        <v>16</v>
      </c>
      <c r="R11935">
        <v>16</v>
      </c>
      <c r="S11935">
        <v>16</v>
      </c>
      <c r="T11935">
        <v>16</v>
      </c>
      <c r="U11935">
        <v>16</v>
      </c>
      <c r="V11935">
        <v>16</v>
      </c>
      <c r="W11935">
        <v>16</v>
      </c>
      <c r="X11935">
        <v>16</v>
      </c>
      <c r="Y11935">
        <v>16</v>
      </c>
      <c r="Z11935">
        <v>16</v>
      </c>
      <c r="AA11935">
        <v>16</v>
      </c>
      <c r="AB11935">
        <v>16</v>
      </c>
      <c r="AC11935">
        <v>16</v>
      </c>
      <c r="AD11935">
        <v>16</v>
      </c>
      <c r="AE11935">
        <v>16</v>
      </c>
      <c r="AF11935">
        <v>16</v>
      </c>
      <c r="AG11935">
        <v>16</v>
      </c>
      <c r="AH11935">
        <v>16</v>
      </c>
      <c r="AI11935">
        <v>16</v>
      </c>
      <c r="AJ11935">
        <v>16</v>
      </c>
      <c r="AK11935">
        <v>16</v>
      </c>
      <c r="AL11935">
        <v>16</v>
      </c>
      <c r="AM11935">
        <v>16</v>
      </c>
      <c r="AN11935">
        <v>16</v>
      </c>
      <c r="AO11935">
        <v>16</v>
      </c>
      <c r="AP11935">
        <v>16</v>
      </c>
      <c r="AQ11935">
        <v>16</v>
      </c>
    </row>
    <row r="11936" spans="1:43">
      <c r="A11936" t="s">
        <v>7422</v>
      </c>
      <c r="B11936" t="s">
        <v>7423</v>
      </c>
      <c r="C11936" t="s">
        <v>7420</v>
      </c>
      <c r="D11936" t="s">
        <v>7421</v>
      </c>
      <c r="E11936" t="s">
        <v>7278</v>
      </c>
      <c r="F11936" t="s">
        <v>7279</v>
      </c>
      <c r="G11936" t="s">
        <v>80</v>
      </c>
      <c r="H11936" t="s">
        <v>81</v>
      </c>
      <c r="I11936" s="2">
        <v>0</v>
      </c>
      <c r="J11936" s="2">
        <v>1</v>
      </c>
      <c r="K11936" s="2">
        <v>0</v>
      </c>
      <c r="L11936" t="s">
        <v>82</v>
      </c>
      <c r="M11936" t="s">
        <v>89</v>
      </c>
      <c r="N11936" t="s">
        <v>90</v>
      </c>
      <c r="O11936" t="s">
        <v>85</v>
      </c>
      <c r="P11936" t="s">
        <v>86</v>
      </c>
      <c r="Q11936">
        <v>16</v>
      </c>
      <c r="R11936">
        <v>17</v>
      </c>
      <c r="S11936">
        <v>17</v>
      </c>
      <c r="T11936">
        <v>17</v>
      </c>
      <c r="U11936">
        <v>18</v>
      </c>
      <c r="V11936">
        <v>18</v>
      </c>
      <c r="W11936">
        <v>18</v>
      </c>
      <c r="X11936">
        <v>18</v>
      </c>
      <c r="Y11936">
        <v>19</v>
      </c>
      <c r="Z11936">
        <v>19</v>
      </c>
      <c r="AA11936">
        <v>19</v>
      </c>
      <c r="AB11936">
        <v>19</v>
      </c>
      <c r="AC11936">
        <v>19</v>
      </c>
      <c r="AD11936">
        <v>20</v>
      </c>
      <c r="AE11936">
        <v>20</v>
      </c>
      <c r="AF11936">
        <v>20</v>
      </c>
      <c r="AG11936">
        <v>20</v>
      </c>
      <c r="AH11936">
        <v>19</v>
      </c>
      <c r="AI11936">
        <v>19</v>
      </c>
      <c r="AJ11936">
        <v>19</v>
      </c>
      <c r="AK11936">
        <v>19</v>
      </c>
      <c r="AL11936">
        <v>19</v>
      </c>
      <c r="AM11936">
        <v>19</v>
      </c>
      <c r="AN11936">
        <v>19</v>
      </c>
      <c r="AO11936">
        <v>19</v>
      </c>
      <c r="AP11936">
        <v>19</v>
      </c>
      <c r="AQ11936">
        <v>19</v>
      </c>
    </row>
    <row r="11937" spans="1:43">
      <c r="A11937" t="s">
        <v>7422</v>
      </c>
      <c r="B11937" t="s">
        <v>7423</v>
      </c>
      <c r="C11937" t="s">
        <v>7420</v>
      </c>
      <c r="D11937" t="s">
        <v>7421</v>
      </c>
      <c r="E11937" t="s">
        <v>7278</v>
      </c>
      <c r="F11937" t="s">
        <v>7279</v>
      </c>
      <c r="G11937" t="s">
        <v>80</v>
      </c>
      <c r="H11937" t="s">
        <v>81</v>
      </c>
      <c r="I11937" s="2">
        <v>0</v>
      </c>
      <c r="J11937" s="2">
        <v>1</v>
      </c>
      <c r="K11937" s="2">
        <v>0</v>
      </c>
      <c r="L11937" t="s">
        <v>82</v>
      </c>
      <c r="M11937" t="s">
        <v>83</v>
      </c>
      <c r="N11937" t="s">
        <v>91</v>
      </c>
      <c r="O11937" t="s">
        <v>85</v>
      </c>
      <c r="P11937" t="s">
        <v>86</v>
      </c>
      <c r="Q11937">
        <v>16</v>
      </c>
      <c r="R11937">
        <v>16</v>
      </c>
      <c r="S11937">
        <v>17</v>
      </c>
      <c r="T11937">
        <v>17</v>
      </c>
      <c r="U11937">
        <v>17</v>
      </c>
      <c r="V11937">
        <v>17</v>
      </c>
      <c r="W11937">
        <v>17</v>
      </c>
      <c r="X11937">
        <v>17</v>
      </c>
      <c r="Y11937">
        <v>17</v>
      </c>
      <c r="Z11937">
        <v>18</v>
      </c>
      <c r="AA11937">
        <v>18</v>
      </c>
      <c r="AB11937">
        <v>18</v>
      </c>
      <c r="AC11937">
        <v>18</v>
      </c>
      <c r="AD11937">
        <v>18</v>
      </c>
      <c r="AE11937">
        <v>18</v>
      </c>
      <c r="AF11937">
        <v>18</v>
      </c>
      <c r="AG11937">
        <v>19</v>
      </c>
      <c r="AH11937">
        <v>19</v>
      </c>
      <c r="AI11937">
        <v>19</v>
      </c>
      <c r="AJ11937">
        <v>19</v>
      </c>
      <c r="AK11937">
        <v>19</v>
      </c>
      <c r="AL11937">
        <v>19</v>
      </c>
      <c r="AM11937">
        <v>19</v>
      </c>
      <c r="AN11937">
        <v>19</v>
      </c>
      <c r="AO11937">
        <v>19</v>
      </c>
      <c r="AP11937">
        <v>19</v>
      </c>
      <c r="AQ11937">
        <v>19</v>
      </c>
    </row>
    <row r="11938" spans="1:43">
      <c r="A11938" t="s">
        <v>7424</v>
      </c>
      <c r="B11938" t="s">
        <v>7425</v>
      </c>
      <c r="C11938" t="s">
        <v>7420</v>
      </c>
      <c r="D11938" t="s">
        <v>7421</v>
      </c>
      <c r="E11938" t="s">
        <v>7278</v>
      </c>
      <c r="F11938" t="s">
        <v>7279</v>
      </c>
      <c r="G11938" t="s">
        <v>80</v>
      </c>
      <c r="H11938" t="s">
        <v>81</v>
      </c>
      <c r="I11938" s="2">
        <v>0</v>
      </c>
      <c r="J11938" s="2">
        <v>1</v>
      </c>
      <c r="K11938" s="2">
        <v>0</v>
      </c>
      <c r="L11938" t="s">
        <v>82</v>
      </c>
      <c r="M11938" t="s">
        <v>83</v>
      </c>
      <c r="N11938" t="s">
        <v>84</v>
      </c>
      <c r="O11938" t="s">
        <v>85</v>
      </c>
      <c r="P11938" t="s">
        <v>86</v>
      </c>
      <c r="Q11938">
        <v>10</v>
      </c>
      <c r="R11938">
        <v>10</v>
      </c>
      <c r="S11938">
        <v>10</v>
      </c>
      <c r="T11938">
        <v>10</v>
      </c>
      <c r="U11938">
        <v>10</v>
      </c>
      <c r="V11938">
        <v>11</v>
      </c>
      <c r="W11938">
        <v>11</v>
      </c>
      <c r="X11938">
        <v>11</v>
      </c>
      <c r="Y11938">
        <v>11</v>
      </c>
      <c r="Z11938">
        <v>11</v>
      </c>
      <c r="AA11938">
        <v>11</v>
      </c>
      <c r="AB11938">
        <v>11</v>
      </c>
      <c r="AC11938">
        <v>11</v>
      </c>
      <c r="AD11938">
        <v>11</v>
      </c>
      <c r="AE11938">
        <v>11</v>
      </c>
      <c r="AF11938">
        <v>11</v>
      </c>
      <c r="AG11938">
        <v>11</v>
      </c>
      <c r="AH11938">
        <v>12</v>
      </c>
      <c r="AI11938">
        <v>12</v>
      </c>
      <c r="AJ11938">
        <v>12</v>
      </c>
      <c r="AK11938">
        <v>12</v>
      </c>
      <c r="AL11938">
        <v>12</v>
      </c>
      <c r="AM11938">
        <v>12</v>
      </c>
      <c r="AN11938">
        <v>12</v>
      </c>
      <c r="AO11938">
        <v>12</v>
      </c>
      <c r="AP11938">
        <v>12</v>
      </c>
      <c r="AQ11938">
        <v>12</v>
      </c>
    </row>
    <row r="11939" spans="1:43">
      <c r="A11939" t="s">
        <v>7424</v>
      </c>
      <c r="B11939" t="s">
        <v>7425</v>
      </c>
      <c r="C11939" t="s">
        <v>7420</v>
      </c>
      <c r="D11939" t="s">
        <v>7421</v>
      </c>
      <c r="E11939" t="s">
        <v>7278</v>
      </c>
      <c r="F11939" t="s">
        <v>7279</v>
      </c>
      <c r="G11939" t="s">
        <v>80</v>
      </c>
      <c r="H11939" t="s">
        <v>81</v>
      </c>
      <c r="I11939" s="2">
        <v>0</v>
      </c>
      <c r="J11939" s="2">
        <v>1</v>
      </c>
      <c r="K11939" s="2">
        <v>0</v>
      </c>
      <c r="L11939" t="s">
        <v>82</v>
      </c>
      <c r="M11939" t="s">
        <v>87</v>
      </c>
      <c r="N11939" t="s">
        <v>88</v>
      </c>
      <c r="O11939" t="s">
        <v>85</v>
      </c>
      <c r="P11939" t="s">
        <v>86</v>
      </c>
      <c r="Q11939">
        <v>10</v>
      </c>
      <c r="R11939">
        <v>10</v>
      </c>
      <c r="S11939">
        <v>10</v>
      </c>
      <c r="T11939">
        <v>10</v>
      </c>
      <c r="U11939">
        <v>10</v>
      </c>
      <c r="V11939">
        <v>10</v>
      </c>
      <c r="W11939">
        <v>10</v>
      </c>
      <c r="X11939">
        <v>10</v>
      </c>
      <c r="Y11939">
        <v>10</v>
      </c>
      <c r="Z11939">
        <v>10</v>
      </c>
      <c r="AA11939">
        <v>10</v>
      </c>
      <c r="AB11939">
        <v>10</v>
      </c>
      <c r="AC11939">
        <v>10</v>
      </c>
      <c r="AD11939">
        <v>10</v>
      </c>
      <c r="AE11939">
        <v>10</v>
      </c>
      <c r="AF11939">
        <v>10</v>
      </c>
      <c r="AG11939">
        <v>10</v>
      </c>
      <c r="AH11939">
        <v>10</v>
      </c>
      <c r="AI11939">
        <v>10</v>
      </c>
      <c r="AJ11939">
        <v>10</v>
      </c>
      <c r="AK11939">
        <v>10</v>
      </c>
      <c r="AL11939">
        <v>10</v>
      </c>
      <c r="AM11939">
        <v>10</v>
      </c>
      <c r="AN11939">
        <v>10</v>
      </c>
      <c r="AO11939">
        <v>10</v>
      </c>
      <c r="AP11939">
        <v>10</v>
      </c>
      <c r="AQ11939">
        <v>10</v>
      </c>
    </row>
    <row r="11940" spans="1:43">
      <c r="A11940" t="s">
        <v>7424</v>
      </c>
      <c r="B11940" t="s">
        <v>7425</v>
      </c>
      <c r="C11940" t="s">
        <v>7420</v>
      </c>
      <c r="D11940" t="s">
        <v>7421</v>
      </c>
      <c r="E11940" t="s">
        <v>7278</v>
      </c>
      <c r="F11940" t="s">
        <v>7279</v>
      </c>
      <c r="G11940" t="s">
        <v>80</v>
      </c>
      <c r="H11940" t="s">
        <v>81</v>
      </c>
      <c r="I11940" s="2">
        <v>0</v>
      </c>
      <c r="J11940" s="2">
        <v>1</v>
      </c>
      <c r="K11940" s="2">
        <v>0</v>
      </c>
      <c r="L11940" t="s">
        <v>82</v>
      </c>
      <c r="M11940" t="s">
        <v>89</v>
      </c>
      <c r="N11940" t="s">
        <v>90</v>
      </c>
      <c r="O11940" t="s">
        <v>85</v>
      </c>
      <c r="P11940" t="s">
        <v>86</v>
      </c>
      <c r="Q11940">
        <v>10</v>
      </c>
      <c r="R11940">
        <v>10</v>
      </c>
      <c r="S11940">
        <v>10</v>
      </c>
      <c r="T11940">
        <v>11</v>
      </c>
      <c r="U11940">
        <v>11</v>
      </c>
      <c r="V11940">
        <v>11</v>
      </c>
      <c r="W11940">
        <v>11</v>
      </c>
      <c r="X11940">
        <v>11</v>
      </c>
      <c r="Y11940">
        <v>11</v>
      </c>
      <c r="Z11940">
        <v>12</v>
      </c>
      <c r="AA11940">
        <v>12</v>
      </c>
      <c r="AB11940">
        <v>12</v>
      </c>
      <c r="AC11940">
        <v>12</v>
      </c>
      <c r="AD11940">
        <v>12</v>
      </c>
      <c r="AE11940">
        <v>12</v>
      </c>
      <c r="AF11940">
        <v>12</v>
      </c>
      <c r="AG11940">
        <v>12</v>
      </c>
      <c r="AH11940">
        <v>12</v>
      </c>
      <c r="AI11940">
        <v>12</v>
      </c>
      <c r="AJ11940">
        <v>12</v>
      </c>
      <c r="AK11940">
        <v>12</v>
      </c>
      <c r="AL11940">
        <v>12</v>
      </c>
      <c r="AM11940">
        <v>12</v>
      </c>
      <c r="AN11940">
        <v>12</v>
      </c>
      <c r="AO11940">
        <v>12</v>
      </c>
      <c r="AP11940">
        <v>12</v>
      </c>
      <c r="AQ11940">
        <v>12</v>
      </c>
    </row>
    <row r="11941" spans="1:43">
      <c r="A11941" t="s">
        <v>7424</v>
      </c>
      <c r="B11941" t="s">
        <v>7425</v>
      </c>
      <c r="C11941" t="s">
        <v>7420</v>
      </c>
      <c r="D11941" t="s">
        <v>7421</v>
      </c>
      <c r="E11941" t="s">
        <v>7278</v>
      </c>
      <c r="F11941" t="s">
        <v>7279</v>
      </c>
      <c r="G11941" t="s">
        <v>80</v>
      </c>
      <c r="H11941" t="s">
        <v>81</v>
      </c>
      <c r="I11941" s="2">
        <v>0</v>
      </c>
      <c r="J11941" s="2">
        <v>1</v>
      </c>
      <c r="K11941" s="2">
        <v>0</v>
      </c>
      <c r="L11941" t="s">
        <v>82</v>
      </c>
      <c r="M11941" t="s">
        <v>83</v>
      </c>
      <c r="N11941" t="s">
        <v>91</v>
      </c>
      <c r="O11941" t="s">
        <v>85</v>
      </c>
      <c r="P11941" t="s">
        <v>86</v>
      </c>
      <c r="Q11941">
        <v>10</v>
      </c>
      <c r="R11941">
        <v>10</v>
      </c>
      <c r="S11941">
        <v>10</v>
      </c>
      <c r="T11941">
        <v>10</v>
      </c>
      <c r="U11941">
        <v>10</v>
      </c>
      <c r="V11941">
        <v>11</v>
      </c>
      <c r="W11941">
        <v>11</v>
      </c>
      <c r="X11941">
        <v>11</v>
      </c>
      <c r="Y11941">
        <v>11</v>
      </c>
      <c r="Z11941">
        <v>11</v>
      </c>
      <c r="AA11941">
        <v>11</v>
      </c>
      <c r="AB11941">
        <v>11</v>
      </c>
      <c r="AC11941">
        <v>11</v>
      </c>
      <c r="AD11941">
        <v>11</v>
      </c>
      <c r="AE11941">
        <v>11</v>
      </c>
      <c r="AF11941">
        <v>11</v>
      </c>
      <c r="AG11941">
        <v>11</v>
      </c>
      <c r="AH11941">
        <v>12</v>
      </c>
      <c r="AI11941">
        <v>12</v>
      </c>
      <c r="AJ11941">
        <v>12</v>
      </c>
      <c r="AK11941">
        <v>12</v>
      </c>
      <c r="AL11941">
        <v>12</v>
      </c>
      <c r="AM11941">
        <v>12</v>
      </c>
      <c r="AN11941">
        <v>12</v>
      </c>
      <c r="AO11941">
        <v>12</v>
      </c>
      <c r="AP11941">
        <v>12</v>
      </c>
      <c r="AQ11941">
        <v>12</v>
      </c>
    </row>
    <row r="11942" spans="1:43">
      <c r="A11942" t="s">
        <v>7426</v>
      </c>
      <c r="B11942" t="s">
        <v>7427</v>
      </c>
      <c r="C11942" t="s">
        <v>7420</v>
      </c>
      <c r="D11942" t="s">
        <v>7421</v>
      </c>
      <c r="E11942" t="s">
        <v>7278</v>
      </c>
      <c r="F11942" t="s">
        <v>7279</v>
      </c>
      <c r="G11942" t="s">
        <v>80</v>
      </c>
      <c r="H11942" t="s">
        <v>81</v>
      </c>
      <c r="I11942" s="2">
        <v>0</v>
      </c>
      <c r="J11942" s="2">
        <v>1</v>
      </c>
      <c r="K11942" s="2">
        <v>0</v>
      </c>
      <c r="L11942" t="s">
        <v>82</v>
      </c>
      <c r="M11942" t="s">
        <v>83</v>
      </c>
      <c r="N11942" t="s">
        <v>84</v>
      </c>
      <c r="O11942" t="s">
        <v>85</v>
      </c>
      <c r="P11942" t="s">
        <v>86</v>
      </c>
      <c r="Q11942">
        <v>5</v>
      </c>
      <c r="R11942">
        <v>5</v>
      </c>
      <c r="S11942">
        <v>5</v>
      </c>
      <c r="T11942">
        <v>5</v>
      </c>
      <c r="U11942">
        <v>5</v>
      </c>
      <c r="V11942">
        <v>5</v>
      </c>
      <c r="W11942">
        <v>5</v>
      </c>
      <c r="X11942">
        <v>5</v>
      </c>
      <c r="Y11942">
        <v>5</v>
      </c>
      <c r="Z11942">
        <v>5</v>
      </c>
      <c r="AA11942">
        <v>5</v>
      </c>
      <c r="AB11942">
        <v>5</v>
      </c>
      <c r="AC11942">
        <v>6</v>
      </c>
      <c r="AD11942">
        <v>6</v>
      </c>
      <c r="AE11942">
        <v>6</v>
      </c>
      <c r="AF11942">
        <v>6</v>
      </c>
      <c r="AG11942">
        <v>6</v>
      </c>
      <c r="AH11942">
        <v>6</v>
      </c>
      <c r="AI11942">
        <v>6</v>
      </c>
      <c r="AJ11942">
        <v>6</v>
      </c>
      <c r="AK11942">
        <v>6</v>
      </c>
      <c r="AL11942">
        <v>6</v>
      </c>
      <c r="AM11942">
        <v>6</v>
      </c>
      <c r="AN11942">
        <v>6</v>
      </c>
      <c r="AO11942">
        <v>6</v>
      </c>
      <c r="AP11942">
        <v>6</v>
      </c>
      <c r="AQ11942">
        <v>6</v>
      </c>
    </row>
    <row r="11943" spans="1:43">
      <c r="A11943" t="s">
        <v>7426</v>
      </c>
      <c r="B11943" t="s">
        <v>7427</v>
      </c>
      <c r="C11943" t="s">
        <v>7420</v>
      </c>
      <c r="D11943" t="s">
        <v>7421</v>
      </c>
      <c r="E11943" t="s">
        <v>7278</v>
      </c>
      <c r="F11943" t="s">
        <v>7279</v>
      </c>
      <c r="G11943" t="s">
        <v>80</v>
      </c>
      <c r="H11943" t="s">
        <v>81</v>
      </c>
      <c r="I11943" s="2">
        <v>0</v>
      </c>
      <c r="J11943" s="2">
        <v>1</v>
      </c>
      <c r="K11943" s="2">
        <v>0</v>
      </c>
      <c r="L11943" t="s">
        <v>82</v>
      </c>
      <c r="M11943" t="s">
        <v>87</v>
      </c>
      <c r="N11943" t="s">
        <v>88</v>
      </c>
      <c r="O11943" t="s">
        <v>85</v>
      </c>
      <c r="P11943" t="s">
        <v>86</v>
      </c>
      <c r="Q11943">
        <v>5</v>
      </c>
      <c r="R11943">
        <v>5</v>
      </c>
      <c r="S11943">
        <v>5</v>
      </c>
      <c r="T11943">
        <v>5</v>
      </c>
      <c r="U11943">
        <v>5</v>
      </c>
      <c r="V11943">
        <v>5</v>
      </c>
      <c r="W11943">
        <v>5</v>
      </c>
      <c r="X11943">
        <v>5</v>
      </c>
      <c r="Y11943">
        <v>5</v>
      </c>
      <c r="Z11943">
        <v>5</v>
      </c>
      <c r="AA11943">
        <v>5</v>
      </c>
      <c r="AB11943">
        <v>5</v>
      </c>
      <c r="AC11943">
        <v>5</v>
      </c>
      <c r="AD11943">
        <v>5</v>
      </c>
      <c r="AE11943">
        <v>5</v>
      </c>
      <c r="AF11943">
        <v>5</v>
      </c>
      <c r="AG11943">
        <v>5</v>
      </c>
      <c r="AH11943">
        <v>5</v>
      </c>
      <c r="AI11943">
        <v>5</v>
      </c>
      <c r="AJ11943">
        <v>5</v>
      </c>
      <c r="AK11943">
        <v>5</v>
      </c>
      <c r="AL11943">
        <v>5</v>
      </c>
      <c r="AM11943">
        <v>5</v>
      </c>
      <c r="AN11943">
        <v>5</v>
      </c>
      <c r="AO11943">
        <v>5</v>
      </c>
      <c r="AP11943">
        <v>5</v>
      </c>
      <c r="AQ11943">
        <v>5</v>
      </c>
    </row>
    <row r="11944" spans="1:43">
      <c r="A11944" t="s">
        <v>7426</v>
      </c>
      <c r="B11944" t="s">
        <v>7427</v>
      </c>
      <c r="C11944" t="s">
        <v>7420</v>
      </c>
      <c r="D11944" t="s">
        <v>7421</v>
      </c>
      <c r="E11944" t="s">
        <v>7278</v>
      </c>
      <c r="F11944" t="s">
        <v>7279</v>
      </c>
      <c r="G11944" t="s">
        <v>80</v>
      </c>
      <c r="H11944" t="s">
        <v>81</v>
      </c>
      <c r="I11944" s="2">
        <v>0</v>
      </c>
      <c r="J11944" s="2">
        <v>1</v>
      </c>
      <c r="K11944" s="2">
        <v>0</v>
      </c>
      <c r="L11944" t="s">
        <v>82</v>
      </c>
      <c r="M11944" t="s">
        <v>89</v>
      </c>
      <c r="N11944" t="s">
        <v>90</v>
      </c>
      <c r="O11944" t="s">
        <v>85</v>
      </c>
      <c r="P11944" t="s">
        <v>86</v>
      </c>
      <c r="Q11944">
        <v>5</v>
      </c>
      <c r="R11944">
        <v>5</v>
      </c>
      <c r="S11944">
        <v>5</v>
      </c>
      <c r="T11944">
        <v>5</v>
      </c>
      <c r="U11944">
        <v>5</v>
      </c>
      <c r="V11944">
        <v>5</v>
      </c>
      <c r="W11944">
        <v>6</v>
      </c>
      <c r="X11944">
        <v>6</v>
      </c>
      <c r="Y11944">
        <v>6</v>
      </c>
      <c r="Z11944">
        <v>6</v>
      </c>
      <c r="AA11944">
        <v>6</v>
      </c>
      <c r="AB11944">
        <v>6</v>
      </c>
      <c r="AC11944">
        <v>6</v>
      </c>
      <c r="AD11944">
        <v>6</v>
      </c>
      <c r="AE11944">
        <v>6</v>
      </c>
      <c r="AF11944">
        <v>6</v>
      </c>
      <c r="AG11944">
        <v>6</v>
      </c>
      <c r="AH11944">
        <v>6</v>
      </c>
      <c r="AI11944">
        <v>6</v>
      </c>
      <c r="AJ11944">
        <v>6</v>
      </c>
      <c r="AK11944">
        <v>6</v>
      </c>
      <c r="AL11944">
        <v>6</v>
      </c>
      <c r="AM11944">
        <v>6</v>
      </c>
      <c r="AN11944">
        <v>6</v>
      </c>
      <c r="AO11944">
        <v>6</v>
      </c>
      <c r="AP11944">
        <v>6</v>
      </c>
      <c r="AQ11944">
        <v>6</v>
      </c>
    </row>
    <row r="11945" spans="1:43">
      <c r="A11945" t="s">
        <v>7426</v>
      </c>
      <c r="B11945" t="s">
        <v>7427</v>
      </c>
      <c r="C11945" t="s">
        <v>7420</v>
      </c>
      <c r="D11945" t="s">
        <v>7421</v>
      </c>
      <c r="E11945" t="s">
        <v>7278</v>
      </c>
      <c r="F11945" t="s">
        <v>7279</v>
      </c>
      <c r="G11945" t="s">
        <v>80</v>
      </c>
      <c r="H11945" t="s">
        <v>81</v>
      </c>
      <c r="I11945" s="2">
        <v>0</v>
      </c>
      <c r="J11945" s="2">
        <v>1</v>
      </c>
      <c r="K11945" s="2">
        <v>0</v>
      </c>
      <c r="L11945" t="s">
        <v>82</v>
      </c>
      <c r="M11945" t="s">
        <v>83</v>
      </c>
      <c r="N11945" t="s">
        <v>91</v>
      </c>
      <c r="O11945" t="s">
        <v>85</v>
      </c>
      <c r="P11945" t="s">
        <v>86</v>
      </c>
      <c r="Q11945">
        <v>5</v>
      </c>
      <c r="R11945">
        <v>5</v>
      </c>
      <c r="S11945">
        <v>5</v>
      </c>
      <c r="T11945">
        <v>5</v>
      </c>
      <c r="U11945">
        <v>5</v>
      </c>
      <c r="V11945">
        <v>5</v>
      </c>
      <c r="W11945">
        <v>5</v>
      </c>
      <c r="X11945">
        <v>5</v>
      </c>
      <c r="Y11945">
        <v>5</v>
      </c>
      <c r="Z11945">
        <v>5</v>
      </c>
      <c r="AA11945">
        <v>5</v>
      </c>
      <c r="AB11945">
        <v>5</v>
      </c>
      <c r="AC11945">
        <v>6</v>
      </c>
      <c r="AD11945">
        <v>6</v>
      </c>
      <c r="AE11945">
        <v>6</v>
      </c>
      <c r="AF11945">
        <v>6</v>
      </c>
      <c r="AG11945">
        <v>6</v>
      </c>
      <c r="AH11945">
        <v>6</v>
      </c>
      <c r="AI11945">
        <v>6</v>
      </c>
      <c r="AJ11945">
        <v>6</v>
      </c>
      <c r="AK11945">
        <v>6</v>
      </c>
      <c r="AL11945">
        <v>6</v>
      </c>
      <c r="AM11945">
        <v>6</v>
      </c>
      <c r="AN11945">
        <v>6</v>
      </c>
      <c r="AO11945">
        <v>6</v>
      </c>
      <c r="AP11945">
        <v>6</v>
      </c>
      <c r="AQ11945">
        <v>6</v>
      </c>
    </row>
    <row r="11946" spans="1:43">
      <c r="A11946" t="s">
        <v>7428</v>
      </c>
      <c r="B11946" t="s">
        <v>7429</v>
      </c>
      <c r="C11946" t="s">
        <v>7380</v>
      </c>
      <c r="D11946" t="s">
        <v>7381</v>
      </c>
      <c r="E11946" t="s">
        <v>7278</v>
      </c>
      <c r="F11946" t="s">
        <v>7279</v>
      </c>
      <c r="G11946" t="s">
        <v>80</v>
      </c>
      <c r="H11946" t="s">
        <v>81</v>
      </c>
      <c r="I11946" s="2">
        <v>0</v>
      </c>
      <c r="J11946" s="2">
        <v>1</v>
      </c>
      <c r="K11946" s="2">
        <v>0</v>
      </c>
      <c r="L11946" t="s">
        <v>82</v>
      </c>
      <c r="M11946" t="s">
        <v>83</v>
      </c>
      <c r="N11946" t="s">
        <v>84</v>
      </c>
      <c r="O11946" t="s">
        <v>85</v>
      </c>
      <c r="P11946" t="s">
        <v>86</v>
      </c>
      <c r="Q11946">
        <v>37</v>
      </c>
      <c r="R11946">
        <v>38</v>
      </c>
      <c r="S11946">
        <v>38</v>
      </c>
      <c r="T11946">
        <v>39</v>
      </c>
      <c r="U11946">
        <v>39</v>
      </c>
      <c r="V11946">
        <v>40</v>
      </c>
      <c r="W11946">
        <v>40</v>
      </c>
      <c r="X11946">
        <v>40</v>
      </c>
      <c r="Y11946">
        <v>41</v>
      </c>
      <c r="Z11946">
        <v>41</v>
      </c>
      <c r="AA11946">
        <v>41</v>
      </c>
      <c r="AB11946">
        <v>42</v>
      </c>
      <c r="AC11946">
        <v>42</v>
      </c>
      <c r="AD11946">
        <v>42</v>
      </c>
      <c r="AE11946">
        <v>43</v>
      </c>
      <c r="AF11946">
        <v>43</v>
      </c>
      <c r="AG11946">
        <v>43</v>
      </c>
      <c r="AH11946">
        <v>43</v>
      </c>
      <c r="AI11946">
        <v>44</v>
      </c>
      <c r="AJ11946">
        <v>44</v>
      </c>
      <c r="AK11946">
        <v>44</v>
      </c>
      <c r="AL11946">
        <v>44</v>
      </c>
      <c r="AM11946">
        <v>44</v>
      </c>
      <c r="AN11946">
        <v>44</v>
      </c>
      <c r="AO11946">
        <v>44</v>
      </c>
      <c r="AP11946">
        <v>44</v>
      </c>
      <c r="AQ11946">
        <v>44</v>
      </c>
    </row>
    <row r="11947" spans="1:43">
      <c r="A11947" t="s">
        <v>7428</v>
      </c>
      <c r="B11947" t="s">
        <v>7429</v>
      </c>
      <c r="C11947" t="s">
        <v>7380</v>
      </c>
      <c r="D11947" t="s">
        <v>7381</v>
      </c>
      <c r="E11947" t="s">
        <v>7278</v>
      </c>
      <c r="F11947" t="s">
        <v>7279</v>
      </c>
      <c r="G11947" t="s">
        <v>80</v>
      </c>
      <c r="H11947" t="s">
        <v>81</v>
      </c>
      <c r="I11947" s="2">
        <v>0</v>
      </c>
      <c r="J11947" s="2">
        <v>1</v>
      </c>
      <c r="K11947" s="2">
        <v>0</v>
      </c>
      <c r="L11947" t="s">
        <v>82</v>
      </c>
      <c r="M11947" t="s">
        <v>87</v>
      </c>
      <c r="N11947" t="s">
        <v>88</v>
      </c>
      <c r="O11947" t="s">
        <v>85</v>
      </c>
      <c r="P11947" t="s">
        <v>86</v>
      </c>
      <c r="Q11947">
        <v>37</v>
      </c>
      <c r="R11947">
        <v>37</v>
      </c>
      <c r="S11947">
        <v>37</v>
      </c>
      <c r="T11947">
        <v>37</v>
      </c>
      <c r="U11947">
        <v>37</v>
      </c>
      <c r="V11947">
        <v>37</v>
      </c>
      <c r="W11947">
        <v>38</v>
      </c>
      <c r="X11947">
        <v>38</v>
      </c>
      <c r="Y11947">
        <v>38</v>
      </c>
      <c r="Z11947">
        <v>38</v>
      </c>
      <c r="AA11947">
        <v>38</v>
      </c>
      <c r="AB11947">
        <v>38</v>
      </c>
      <c r="AC11947">
        <v>38</v>
      </c>
      <c r="AD11947">
        <v>38</v>
      </c>
      <c r="AE11947">
        <v>38</v>
      </c>
      <c r="AF11947">
        <v>38</v>
      </c>
      <c r="AG11947">
        <v>38</v>
      </c>
      <c r="AH11947">
        <v>38</v>
      </c>
      <c r="AI11947">
        <v>38</v>
      </c>
      <c r="AJ11947">
        <v>38</v>
      </c>
      <c r="AK11947">
        <v>38</v>
      </c>
      <c r="AL11947">
        <v>38</v>
      </c>
      <c r="AM11947">
        <v>38</v>
      </c>
      <c r="AN11947">
        <v>38</v>
      </c>
      <c r="AO11947">
        <v>38</v>
      </c>
      <c r="AP11947">
        <v>38</v>
      </c>
      <c r="AQ11947">
        <v>38</v>
      </c>
    </row>
    <row r="11948" spans="1:43">
      <c r="A11948" t="s">
        <v>7428</v>
      </c>
      <c r="B11948" t="s">
        <v>7429</v>
      </c>
      <c r="C11948" t="s">
        <v>7380</v>
      </c>
      <c r="D11948" t="s">
        <v>7381</v>
      </c>
      <c r="E11948" t="s">
        <v>7278</v>
      </c>
      <c r="F11948" t="s">
        <v>7279</v>
      </c>
      <c r="G11948" t="s">
        <v>80</v>
      </c>
      <c r="H11948" t="s">
        <v>81</v>
      </c>
      <c r="I11948" s="2">
        <v>0</v>
      </c>
      <c r="J11948" s="2">
        <v>1</v>
      </c>
      <c r="K11948" s="2">
        <v>0</v>
      </c>
      <c r="L11948" t="s">
        <v>82</v>
      </c>
      <c r="M11948" t="s">
        <v>89</v>
      </c>
      <c r="N11948" t="s">
        <v>90</v>
      </c>
      <c r="O11948" t="s">
        <v>85</v>
      </c>
      <c r="P11948" t="s">
        <v>86</v>
      </c>
      <c r="Q11948">
        <v>37</v>
      </c>
      <c r="R11948">
        <v>38</v>
      </c>
      <c r="S11948">
        <v>38</v>
      </c>
      <c r="T11948">
        <v>39</v>
      </c>
      <c r="U11948">
        <v>40</v>
      </c>
      <c r="V11948">
        <v>40</v>
      </c>
      <c r="W11948">
        <v>41</v>
      </c>
      <c r="X11948">
        <v>42</v>
      </c>
      <c r="Y11948">
        <v>42</v>
      </c>
      <c r="Z11948">
        <v>43</v>
      </c>
      <c r="AA11948">
        <v>43</v>
      </c>
      <c r="AB11948">
        <v>44</v>
      </c>
      <c r="AC11948">
        <v>44</v>
      </c>
      <c r="AD11948">
        <v>44</v>
      </c>
      <c r="AE11948">
        <v>45</v>
      </c>
      <c r="AF11948">
        <v>45</v>
      </c>
      <c r="AG11948">
        <v>45</v>
      </c>
      <c r="AH11948">
        <v>44</v>
      </c>
      <c r="AI11948">
        <v>44</v>
      </c>
      <c r="AJ11948">
        <v>44</v>
      </c>
      <c r="AK11948">
        <v>44</v>
      </c>
      <c r="AL11948">
        <v>44</v>
      </c>
      <c r="AM11948">
        <v>44</v>
      </c>
      <c r="AN11948">
        <v>44</v>
      </c>
      <c r="AO11948">
        <v>44</v>
      </c>
      <c r="AP11948">
        <v>44</v>
      </c>
      <c r="AQ11948">
        <v>44</v>
      </c>
    </row>
    <row r="11949" spans="1:43">
      <c r="A11949" t="s">
        <v>7428</v>
      </c>
      <c r="B11949" t="s">
        <v>7429</v>
      </c>
      <c r="C11949" t="s">
        <v>7380</v>
      </c>
      <c r="D11949" t="s">
        <v>7381</v>
      </c>
      <c r="E11949" t="s">
        <v>7278</v>
      </c>
      <c r="F11949" t="s">
        <v>7279</v>
      </c>
      <c r="G11949" t="s">
        <v>80</v>
      </c>
      <c r="H11949" t="s">
        <v>81</v>
      </c>
      <c r="I11949" s="2">
        <v>0</v>
      </c>
      <c r="J11949" s="2">
        <v>1</v>
      </c>
      <c r="K11949" s="2">
        <v>0</v>
      </c>
      <c r="L11949" t="s">
        <v>82</v>
      </c>
      <c r="M11949" t="s">
        <v>83</v>
      </c>
      <c r="N11949" t="s">
        <v>91</v>
      </c>
      <c r="O11949" t="s">
        <v>85</v>
      </c>
      <c r="P11949" t="s">
        <v>86</v>
      </c>
      <c r="Q11949">
        <v>37</v>
      </c>
      <c r="R11949">
        <v>38</v>
      </c>
      <c r="S11949">
        <v>38</v>
      </c>
      <c r="T11949">
        <v>39</v>
      </c>
      <c r="U11949">
        <v>39</v>
      </c>
      <c r="V11949">
        <v>40</v>
      </c>
      <c r="W11949">
        <v>40</v>
      </c>
      <c r="X11949">
        <v>40</v>
      </c>
      <c r="Y11949">
        <v>41</v>
      </c>
      <c r="Z11949">
        <v>41</v>
      </c>
      <c r="AA11949">
        <v>41</v>
      </c>
      <c r="AB11949">
        <v>42</v>
      </c>
      <c r="AC11949">
        <v>42</v>
      </c>
      <c r="AD11949">
        <v>42</v>
      </c>
      <c r="AE11949">
        <v>43</v>
      </c>
      <c r="AF11949">
        <v>43</v>
      </c>
      <c r="AG11949">
        <v>43</v>
      </c>
      <c r="AH11949">
        <v>43</v>
      </c>
      <c r="AI11949">
        <v>44</v>
      </c>
      <c r="AJ11949">
        <v>44</v>
      </c>
      <c r="AK11949">
        <v>44</v>
      </c>
      <c r="AL11949">
        <v>44</v>
      </c>
      <c r="AM11949">
        <v>44</v>
      </c>
      <c r="AN11949">
        <v>44</v>
      </c>
      <c r="AO11949">
        <v>44</v>
      </c>
      <c r="AP11949">
        <v>44</v>
      </c>
      <c r="AQ11949">
        <v>44</v>
      </c>
    </row>
    <row r="11950" spans="1:43">
      <c r="A11950" t="s">
        <v>7430</v>
      </c>
      <c r="B11950" t="s">
        <v>7431</v>
      </c>
      <c r="C11950" t="s">
        <v>7432</v>
      </c>
      <c r="D11950" t="s">
        <v>7433</v>
      </c>
      <c r="E11950" t="s">
        <v>7278</v>
      </c>
      <c r="F11950" t="s">
        <v>7279</v>
      </c>
      <c r="G11950" t="s">
        <v>80</v>
      </c>
      <c r="H11950" t="s">
        <v>81</v>
      </c>
      <c r="I11950" s="2">
        <v>0</v>
      </c>
      <c r="J11950" s="2">
        <v>1</v>
      </c>
      <c r="K11950" s="2">
        <v>0</v>
      </c>
      <c r="L11950" t="s">
        <v>82</v>
      </c>
      <c r="M11950" t="s">
        <v>83</v>
      </c>
      <c r="N11950" t="s">
        <v>84</v>
      </c>
      <c r="O11950" t="s">
        <v>85</v>
      </c>
      <c r="P11950" t="s">
        <v>86</v>
      </c>
      <c r="Q11950">
        <v>33</v>
      </c>
      <c r="R11950">
        <v>34</v>
      </c>
      <c r="S11950">
        <v>34</v>
      </c>
      <c r="T11950">
        <v>34</v>
      </c>
      <c r="U11950">
        <v>35</v>
      </c>
      <c r="V11950">
        <v>35</v>
      </c>
      <c r="W11950">
        <v>35</v>
      </c>
      <c r="X11950">
        <v>36</v>
      </c>
      <c r="Y11950">
        <v>36</v>
      </c>
      <c r="Z11950">
        <v>36</v>
      </c>
      <c r="AA11950">
        <v>37</v>
      </c>
      <c r="AB11950">
        <v>37</v>
      </c>
      <c r="AC11950">
        <v>37</v>
      </c>
      <c r="AD11950">
        <v>37</v>
      </c>
      <c r="AE11950">
        <v>38</v>
      </c>
      <c r="AF11950">
        <v>38</v>
      </c>
      <c r="AG11950">
        <v>38</v>
      </c>
      <c r="AH11950">
        <v>38</v>
      </c>
      <c r="AI11950">
        <v>39</v>
      </c>
      <c r="AJ11950">
        <v>39</v>
      </c>
      <c r="AK11950">
        <v>39</v>
      </c>
      <c r="AL11950">
        <v>39</v>
      </c>
      <c r="AM11950">
        <v>39</v>
      </c>
      <c r="AN11950">
        <v>39</v>
      </c>
      <c r="AO11950">
        <v>39</v>
      </c>
      <c r="AP11950">
        <v>39</v>
      </c>
      <c r="AQ11950">
        <v>39</v>
      </c>
    </row>
    <row r="11951" spans="1:43">
      <c r="A11951" t="s">
        <v>7430</v>
      </c>
      <c r="B11951" t="s">
        <v>7431</v>
      </c>
      <c r="C11951" t="s">
        <v>7432</v>
      </c>
      <c r="D11951" t="s">
        <v>7433</v>
      </c>
      <c r="E11951" t="s">
        <v>7278</v>
      </c>
      <c r="F11951" t="s">
        <v>7279</v>
      </c>
      <c r="G11951" t="s">
        <v>80</v>
      </c>
      <c r="H11951" t="s">
        <v>81</v>
      </c>
      <c r="I11951" s="2">
        <v>0</v>
      </c>
      <c r="J11951" s="2">
        <v>1</v>
      </c>
      <c r="K11951" s="2">
        <v>0</v>
      </c>
      <c r="L11951" t="s">
        <v>82</v>
      </c>
      <c r="M11951" t="s">
        <v>87</v>
      </c>
      <c r="N11951" t="s">
        <v>88</v>
      </c>
      <c r="O11951" t="s">
        <v>85</v>
      </c>
      <c r="P11951" t="s">
        <v>86</v>
      </c>
      <c r="Q11951">
        <v>33</v>
      </c>
      <c r="R11951">
        <v>33</v>
      </c>
      <c r="S11951">
        <v>33</v>
      </c>
      <c r="T11951">
        <v>33</v>
      </c>
      <c r="U11951">
        <v>33</v>
      </c>
      <c r="V11951">
        <v>33</v>
      </c>
      <c r="W11951">
        <v>33</v>
      </c>
      <c r="X11951">
        <v>33</v>
      </c>
      <c r="Y11951">
        <v>33</v>
      </c>
      <c r="Z11951">
        <v>33</v>
      </c>
      <c r="AA11951">
        <v>33</v>
      </c>
      <c r="AB11951">
        <v>33</v>
      </c>
      <c r="AC11951">
        <v>33</v>
      </c>
      <c r="AD11951">
        <v>33</v>
      </c>
      <c r="AE11951">
        <v>33</v>
      </c>
      <c r="AF11951">
        <v>33</v>
      </c>
      <c r="AG11951">
        <v>33</v>
      </c>
      <c r="AH11951">
        <v>33</v>
      </c>
      <c r="AI11951">
        <v>33</v>
      </c>
      <c r="AJ11951">
        <v>33</v>
      </c>
      <c r="AK11951">
        <v>33</v>
      </c>
      <c r="AL11951">
        <v>33</v>
      </c>
      <c r="AM11951">
        <v>33</v>
      </c>
      <c r="AN11951">
        <v>33</v>
      </c>
      <c r="AO11951">
        <v>33</v>
      </c>
      <c r="AP11951">
        <v>33</v>
      </c>
      <c r="AQ11951">
        <v>33</v>
      </c>
    </row>
    <row r="11952" spans="1:43">
      <c r="A11952" t="s">
        <v>7430</v>
      </c>
      <c r="B11952" t="s">
        <v>7431</v>
      </c>
      <c r="C11952" t="s">
        <v>7432</v>
      </c>
      <c r="D11952" t="s">
        <v>7433</v>
      </c>
      <c r="E11952" t="s">
        <v>7278</v>
      </c>
      <c r="F11952" t="s">
        <v>7279</v>
      </c>
      <c r="G11952" t="s">
        <v>80</v>
      </c>
      <c r="H11952" t="s">
        <v>81</v>
      </c>
      <c r="I11952" s="2">
        <v>0</v>
      </c>
      <c r="J11952" s="2">
        <v>1</v>
      </c>
      <c r="K11952" s="2">
        <v>0</v>
      </c>
      <c r="L11952" t="s">
        <v>82</v>
      </c>
      <c r="M11952" t="s">
        <v>89</v>
      </c>
      <c r="N11952" t="s">
        <v>90</v>
      </c>
      <c r="O11952" t="s">
        <v>85</v>
      </c>
      <c r="P11952" t="s">
        <v>86</v>
      </c>
      <c r="Q11952">
        <v>33</v>
      </c>
      <c r="R11952">
        <v>33</v>
      </c>
      <c r="S11952">
        <v>34</v>
      </c>
      <c r="T11952">
        <v>35</v>
      </c>
      <c r="U11952">
        <v>35</v>
      </c>
      <c r="V11952">
        <v>36</v>
      </c>
      <c r="W11952">
        <v>36</v>
      </c>
      <c r="X11952">
        <v>37</v>
      </c>
      <c r="Y11952">
        <v>37</v>
      </c>
      <c r="Z11952">
        <v>38</v>
      </c>
      <c r="AA11952">
        <v>38</v>
      </c>
      <c r="AB11952">
        <v>38</v>
      </c>
      <c r="AC11952">
        <v>39</v>
      </c>
      <c r="AD11952">
        <v>39</v>
      </c>
      <c r="AE11952">
        <v>39</v>
      </c>
      <c r="AF11952">
        <v>39</v>
      </c>
      <c r="AG11952">
        <v>39</v>
      </c>
      <c r="AH11952">
        <v>39</v>
      </c>
      <c r="AI11952">
        <v>39</v>
      </c>
      <c r="AJ11952">
        <v>39</v>
      </c>
      <c r="AK11952">
        <v>39</v>
      </c>
      <c r="AL11952">
        <v>39</v>
      </c>
      <c r="AM11952">
        <v>39</v>
      </c>
      <c r="AN11952">
        <v>38</v>
      </c>
      <c r="AO11952">
        <v>38</v>
      </c>
      <c r="AP11952">
        <v>38</v>
      </c>
      <c r="AQ11952">
        <v>38</v>
      </c>
    </row>
    <row r="11953" spans="1:43">
      <c r="A11953" t="s">
        <v>7430</v>
      </c>
      <c r="B11953" t="s">
        <v>7431</v>
      </c>
      <c r="C11953" t="s">
        <v>7432</v>
      </c>
      <c r="D11953" t="s">
        <v>7433</v>
      </c>
      <c r="E11953" t="s">
        <v>7278</v>
      </c>
      <c r="F11953" t="s">
        <v>7279</v>
      </c>
      <c r="G11953" t="s">
        <v>80</v>
      </c>
      <c r="H11953" t="s">
        <v>81</v>
      </c>
      <c r="I11953" s="2">
        <v>0</v>
      </c>
      <c r="J11953" s="2">
        <v>1</v>
      </c>
      <c r="K11953" s="2">
        <v>0</v>
      </c>
      <c r="L11953" t="s">
        <v>82</v>
      </c>
      <c r="M11953" t="s">
        <v>83</v>
      </c>
      <c r="N11953" t="s">
        <v>91</v>
      </c>
      <c r="O11953" t="s">
        <v>85</v>
      </c>
      <c r="P11953" t="s">
        <v>86</v>
      </c>
      <c r="Q11953">
        <v>33</v>
      </c>
      <c r="R11953">
        <v>34</v>
      </c>
      <c r="S11953">
        <v>34</v>
      </c>
      <c r="T11953">
        <v>34</v>
      </c>
      <c r="U11953">
        <v>35</v>
      </c>
      <c r="V11953">
        <v>35</v>
      </c>
      <c r="W11953">
        <v>35</v>
      </c>
      <c r="X11953">
        <v>36</v>
      </c>
      <c r="Y11953">
        <v>36</v>
      </c>
      <c r="Z11953">
        <v>36</v>
      </c>
      <c r="AA11953">
        <v>37</v>
      </c>
      <c r="AB11953">
        <v>37</v>
      </c>
      <c r="AC11953">
        <v>37</v>
      </c>
      <c r="AD11953">
        <v>37</v>
      </c>
      <c r="AE11953">
        <v>38</v>
      </c>
      <c r="AF11953">
        <v>38</v>
      </c>
      <c r="AG11953">
        <v>38</v>
      </c>
      <c r="AH11953">
        <v>38</v>
      </c>
      <c r="AI11953">
        <v>39</v>
      </c>
      <c r="AJ11953">
        <v>39</v>
      </c>
      <c r="AK11953">
        <v>39</v>
      </c>
      <c r="AL11953">
        <v>39</v>
      </c>
      <c r="AM11953">
        <v>39</v>
      </c>
      <c r="AN11953">
        <v>39</v>
      </c>
      <c r="AO11953">
        <v>39</v>
      </c>
      <c r="AP11953">
        <v>39</v>
      </c>
      <c r="AQ11953">
        <v>39</v>
      </c>
    </row>
    <row r="11954" spans="1:43">
      <c r="A11954" t="s">
        <v>7434</v>
      </c>
      <c r="B11954" t="s">
        <v>7435</v>
      </c>
      <c r="C11954" t="s">
        <v>7432</v>
      </c>
      <c r="D11954" t="s">
        <v>7433</v>
      </c>
      <c r="E11954" t="s">
        <v>7278</v>
      </c>
      <c r="F11954" t="s">
        <v>7279</v>
      </c>
      <c r="G11954" t="s">
        <v>80</v>
      </c>
      <c r="H11954" t="s">
        <v>81</v>
      </c>
      <c r="I11954" s="2">
        <v>0</v>
      </c>
      <c r="J11954" s="2">
        <v>1</v>
      </c>
      <c r="K11954" s="2">
        <v>0</v>
      </c>
      <c r="L11954" t="s">
        <v>82</v>
      </c>
      <c r="M11954" t="s">
        <v>83</v>
      </c>
      <c r="N11954" t="s">
        <v>84</v>
      </c>
      <c r="O11954" t="s">
        <v>85</v>
      </c>
      <c r="P11954" t="s">
        <v>86</v>
      </c>
      <c r="Q11954">
        <v>11</v>
      </c>
      <c r="R11954">
        <v>12</v>
      </c>
      <c r="S11954">
        <v>12</v>
      </c>
      <c r="T11954">
        <v>12</v>
      </c>
      <c r="U11954">
        <v>12</v>
      </c>
      <c r="V11954">
        <v>12</v>
      </c>
      <c r="W11954">
        <v>12</v>
      </c>
      <c r="X11954">
        <v>12</v>
      </c>
      <c r="Y11954">
        <v>12</v>
      </c>
      <c r="Z11954">
        <v>12</v>
      </c>
      <c r="AA11954">
        <v>13</v>
      </c>
      <c r="AB11954">
        <v>13</v>
      </c>
      <c r="AC11954">
        <v>13</v>
      </c>
      <c r="AD11954">
        <v>13</v>
      </c>
      <c r="AE11954">
        <v>13</v>
      </c>
      <c r="AF11954">
        <v>13</v>
      </c>
      <c r="AG11954">
        <v>13</v>
      </c>
      <c r="AH11954">
        <v>13</v>
      </c>
      <c r="AI11954">
        <v>13</v>
      </c>
      <c r="AJ11954">
        <v>13</v>
      </c>
      <c r="AK11954">
        <v>13</v>
      </c>
      <c r="AL11954">
        <v>13</v>
      </c>
      <c r="AM11954">
        <v>13</v>
      </c>
      <c r="AN11954">
        <v>13</v>
      </c>
      <c r="AO11954">
        <v>13</v>
      </c>
      <c r="AP11954">
        <v>13</v>
      </c>
      <c r="AQ11954">
        <v>13</v>
      </c>
    </row>
    <row r="11955" spans="1:43">
      <c r="A11955" t="s">
        <v>7434</v>
      </c>
      <c r="B11955" t="s">
        <v>7435</v>
      </c>
      <c r="C11955" t="s">
        <v>7432</v>
      </c>
      <c r="D11955" t="s">
        <v>7433</v>
      </c>
      <c r="E11955" t="s">
        <v>7278</v>
      </c>
      <c r="F11955" t="s">
        <v>7279</v>
      </c>
      <c r="G11955" t="s">
        <v>80</v>
      </c>
      <c r="H11955" t="s">
        <v>81</v>
      </c>
      <c r="I11955" s="2">
        <v>0</v>
      </c>
      <c r="J11955" s="2">
        <v>1</v>
      </c>
      <c r="K11955" s="2">
        <v>0</v>
      </c>
      <c r="L11955" t="s">
        <v>82</v>
      </c>
      <c r="M11955" t="s">
        <v>87</v>
      </c>
      <c r="N11955" t="s">
        <v>88</v>
      </c>
      <c r="O11955" t="s">
        <v>85</v>
      </c>
      <c r="P11955" t="s">
        <v>86</v>
      </c>
      <c r="Q11955">
        <v>11</v>
      </c>
      <c r="R11955">
        <v>11</v>
      </c>
      <c r="S11955">
        <v>11</v>
      </c>
      <c r="T11955">
        <v>11</v>
      </c>
      <c r="U11955">
        <v>11</v>
      </c>
      <c r="V11955">
        <v>11</v>
      </c>
      <c r="W11955">
        <v>11</v>
      </c>
      <c r="X11955">
        <v>11</v>
      </c>
      <c r="Y11955">
        <v>11</v>
      </c>
      <c r="Z11955">
        <v>11</v>
      </c>
      <c r="AA11955">
        <v>11</v>
      </c>
      <c r="AB11955">
        <v>11</v>
      </c>
      <c r="AC11955">
        <v>11</v>
      </c>
      <c r="AD11955">
        <v>11</v>
      </c>
      <c r="AE11955">
        <v>11</v>
      </c>
      <c r="AF11955">
        <v>11</v>
      </c>
      <c r="AG11955">
        <v>11</v>
      </c>
      <c r="AH11955">
        <v>11</v>
      </c>
      <c r="AI11955">
        <v>11</v>
      </c>
      <c r="AJ11955">
        <v>11</v>
      </c>
      <c r="AK11955">
        <v>11</v>
      </c>
      <c r="AL11955">
        <v>11</v>
      </c>
      <c r="AM11955">
        <v>11</v>
      </c>
      <c r="AN11955">
        <v>11</v>
      </c>
      <c r="AO11955">
        <v>11</v>
      </c>
      <c r="AP11955">
        <v>11</v>
      </c>
      <c r="AQ11955">
        <v>11</v>
      </c>
    </row>
    <row r="11956" spans="1:43">
      <c r="A11956" t="s">
        <v>7434</v>
      </c>
      <c r="B11956" t="s">
        <v>7435</v>
      </c>
      <c r="C11956" t="s">
        <v>7432</v>
      </c>
      <c r="D11956" t="s">
        <v>7433</v>
      </c>
      <c r="E11956" t="s">
        <v>7278</v>
      </c>
      <c r="F11956" t="s">
        <v>7279</v>
      </c>
      <c r="G11956" t="s">
        <v>80</v>
      </c>
      <c r="H11956" t="s">
        <v>81</v>
      </c>
      <c r="I11956" s="2">
        <v>0</v>
      </c>
      <c r="J11956" s="2">
        <v>1</v>
      </c>
      <c r="K11956" s="2">
        <v>0</v>
      </c>
      <c r="L11956" t="s">
        <v>82</v>
      </c>
      <c r="M11956" t="s">
        <v>89</v>
      </c>
      <c r="N11956" t="s">
        <v>90</v>
      </c>
      <c r="O11956" t="s">
        <v>85</v>
      </c>
      <c r="P11956" t="s">
        <v>86</v>
      </c>
      <c r="Q11956">
        <v>11</v>
      </c>
      <c r="R11956">
        <v>11</v>
      </c>
      <c r="S11956">
        <v>11</v>
      </c>
      <c r="T11956">
        <v>11</v>
      </c>
      <c r="U11956">
        <v>11</v>
      </c>
      <c r="V11956">
        <v>12</v>
      </c>
      <c r="W11956">
        <v>12</v>
      </c>
      <c r="X11956">
        <v>12</v>
      </c>
      <c r="Y11956">
        <v>12</v>
      </c>
      <c r="Z11956">
        <v>12</v>
      </c>
      <c r="AA11956">
        <v>12</v>
      </c>
      <c r="AB11956">
        <v>12</v>
      </c>
      <c r="AC11956">
        <v>13</v>
      </c>
      <c r="AD11956">
        <v>13</v>
      </c>
      <c r="AE11956">
        <v>13</v>
      </c>
      <c r="AF11956">
        <v>13</v>
      </c>
      <c r="AG11956">
        <v>13</v>
      </c>
      <c r="AH11956">
        <v>13</v>
      </c>
      <c r="AI11956">
        <v>13</v>
      </c>
      <c r="AJ11956">
        <v>13</v>
      </c>
      <c r="AK11956">
        <v>13</v>
      </c>
      <c r="AL11956">
        <v>12</v>
      </c>
      <c r="AM11956">
        <v>12</v>
      </c>
      <c r="AN11956">
        <v>12</v>
      </c>
      <c r="AO11956">
        <v>12</v>
      </c>
      <c r="AP11956">
        <v>12</v>
      </c>
      <c r="AQ11956">
        <v>12</v>
      </c>
    </row>
    <row r="11957" spans="1:43">
      <c r="A11957" t="s">
        <v>7434</v>
      </c>
      <c r="B11957" t="s">
        <v>7435</v>
      </c>
      <c r="C11957" t="s">
        <v>7432</v>
      </c>
      <c r="D11957" t="s">
        <v>7433</v>
      </c>
      <c r="E11957" t="s">
        <v>7278</v>
      </c>
      <c r="F11957" t="s">
        <v>7279</v>
      </c>
      <c r="G11957" t="s">
        <v>80</v>
      </c>
      <c r="H11957" t="s">
        <v>81</v>
      </c>
      <c r="I11957" s="2">
        <v>0</v>
      </c>
      <c r="J11957" s="2">
        <v>1</v>
      </c>
      <c r="K11957" s="2">
        <v>0</v>
      </c>
      <c r="L11957" t="s">
        <v>82</v>
      </c>
      <c r="M11957" t="s">
        <v>83</v>
      </c>
      <c r="N11957" t="s">
        <v>91</v>
      </c>
      <c r="O11957" t="s">
        <v>85</v>
      </c>
      <c r="P11957" t="s">
        <v>86</v>
      </c>
      <c r="Q11957">
        <v>11</v>
      </c>
      <c r="R11957">
        <v>12</v>
      </c>
      <c r="S11957">
        <v>12</v>
      </c>
      <c r="T11957">
        <v>12</v>
      </c>
      <c r="U11957">
        <v>12</v>
      </c>
      <c r="V11957">
        <v>12</v>
      </c>
      <c r="W11957">
        <v>12</v>
      </c>
      <c r="X11957">
        <v>12</v>
      </c>
      <c r="Y11957">
        <v>12</v>
      </c>
      <c r="Z11957">
        <v>12</v>
      </c>
      <c r="AA11957">
        <v>13</v>
      </c>
      <c r="AB11957">
        <v>13</v>
      </c>
      <c r="AC11957">
        <v>13</v>
      </c>
      <c r="AD11957">
        <v>13</v>
      </c>
      <c r="AE11957">
        <v>13</v>
      </c>
      <c r="AF11957">
        <v>13</v>
      </c>
      <c r="AG11957">
        <v>13</v>
      </c>
      <c r="AH11957">
        <v>13</v>
      </c>
      <c r="AI11957">
        <v>13</v>
      </c>
      <c r="AJ11957">
        <v>13</v>
      </c>
      <c r="AK11957">
        <v>13</v>
      </c>
      <c r="AL11957">
        <v>13</v>
      </c>
      <c r="AM11957">
        <v>13</v>
      </c>
      <c r="AN11957">
        <v>13</v>
      </c>
      <c r="AO11957">
        <v>13</v>
      </c>
      <c r="AP11957">
        <v>13</v>
      </c>
      <c r="AQ11957">
        <v>13</v>
      </c>
    </row>
    <row r="11958" spans="1:43">
      <c r="A11958" t="s">
        <v>7436</v>
      </c>
      <c r="B11958" t="s">
        <v>7437</v>
      </c>
      <c r="C11958" t="s">
        <v>7438</v>
      </c>
      <c r="D11958" t="s">
        <v>7439</v>
      </c>
      <c r="E11958" t="s">
        <v>7278</v>
      </c>
      <c r="F11958" t="s">
        <v>7279</v>
      </c>
      <c r="G11958" t="s">
        <v>80</v>
      </c>
      <c r="H11958" t="s">
        <v>81</v>
      </c>
      <c r="I11958" s="2">
        <v>0</v>
      </c>
      <c r="J11958" s="2">
        <v>1</v>
      </c>
      <c r="K11958" s="2">
        <v>0</v>
      </c>
      <c r="L11958" t="s">
        <v>82</v>
      </c>
      <c r="M11958" t="s">
        <v>83</v>
      </c>
      <c r="N11958" t="s">
        <v>84</v>
      </c>
      <c r="O11958" t="s">
        <v>85</v>
      </c>
      <c r="P11958" t="s">
        <v>86</v>
      </c>
      <c r="Q11958">
        <v>15</v>
      </c>
      <c r="R11958">
        <v>15</v>
      </c>
      <c r="S11958">
        <v>15</v>
      </c>
      <c r="T11958">
        <v>15</v>
      </c>
      <c r="U11958">
        <v>16</v>
      </c>
      <c r="V11958">
        <v>16</v>
      </c>
      <c r="W11958">
        <v>16</v>
      </c>
      <c r="X11958">
        <v>16</v>
      </c>
      <c r="Y11958">
        <v>16</v>
      </c>
      <c r="Z11958">
        <v>16</v>
      </c>
      <c r="AA11958">
        <v>16</v>
      </c>
      <c r="AB11958">
        <v>16</v>
      </c>
      <c r="AC11958">
        <v>17</v>
      </c>
      <c r="AD11958">
        <v>17</v>
      </c>
      <c r="AE11958">
        <v>17</v>
      </c>
      <c r="AF11958">
        <v>17</v>
      </c>
      <c r="AG11958">
        <v>17</v>
      </c>
      <c r="AH11958">
        <v>17</v>
      </c>
      <c r="AI11958">
        <v>17</v>
      </c>
      <c r="AJ11958">
        <v>17</v>
      </c>
      <c r="AK11958">
        <v>17</v>
      </c>
      <c r="AL11958">
        <v>17</v>
      </c>
      <c r="AM11958">
        <v>17</v>
      </c>
      <c r="AN11958">
        <v>17</v>
      </c>
      <c r="AO11958">
        <v>17</v>
      </c>
      <c r="AP11958">
        <v>17</v>
      </c>
      <c r="AQ11958">
        <v>17</v>
      </c>
    </row>
    <row r="11959" spans="1:43">
      <c r="A11959" t="s">
        <v>7436</v>
      </c>
      <c r="B11959" t="s">
        <v>7437</v>
      </c>
      <c r="C11959" t="s">
        <v>7438</v>
      </c>
      <c r="D11959" t="s">
        <v>7439</v>
      </c>
      <c r="E11959" t="s">
        <v>7278</v>
      </c>
      <c r="F11959" t="s">
        <v>7279</v>
      </c>
      <c r="G11959" t="s">
        <v>80</v>
      </c>
      <c r="H11959" t="s">
        <v>81</v>
      </c>
      <c r="I11959" s="2">
        <v>0</v>
      </c>
      <c r="J11959" s="2">
        <v>1</v>
      </c>
      <c r="K11959" s="2">
        <v>0</v>
      </c>
      <c r="L11959" t="s">
        <v>82</v>
      </c>
      <c r="M11959" t="s">
        <v>87</v>
      </c>
      <c r="N11959" t="s">
        <v>88</v>
      </c>
      <c r="O11959" t="s">
        <v>85</v>
      </c>
      <c r="P11959" t="s">
        <v>86</v>
      </c>
      <c r="Q11959">
        <v>15</v>
      </c>
      <c r="R11959">
        <v>15</v>
      </c>
      <c r="S11959">
        <v>15</v>
      </c>
      <c r="T11959">
        <v>15</v>
      </c>
      <c r="U11959">
        <v>15</v>
      </c>
      <c r="V11959">
        <v>15</v>
      </c>
      <c r="W11959">
        <v>15</v>
      </c>
      <c r="X11959">
        <v>15</v>
      </c>
      <c r="Y11959">
        <v>15</v>
      </c>
      <c r="Z11959">
        <v>15</v>
      </c>
      <c r="AA11959">
        <v>15</v>
      </c>
      <c r="AB11959">
        <v>15</v>
      </c>
      <c r="AC11959">
        <v>15</v>
      </c>
      <c r="AD11959">
        <v>15</v>
      </c>
      <c r="AE11959">
        <v>15</v>
      </c>
      <c r="AF11959">
        <v>15</v>
      </c>
      <c r="AG11959">
        <v>15</v>
      </c>
      <c r="AH11959">
        <v>15</v>
      </c>
      <c r="AI11959">
        <v>15</v>
      </c>
      <c r="AJ11959">
        <v>15</v>
      </c>
      <c r="AK11959">
        <v>15</v>
      </c>
      <c r="AL11959">
        <v>15</v>
      </c>
      <c r="AM11959">
        <v>15</v>
      </c>
      <c r="AN11959">
        <v>15</v>
      </c>
      <c r="AO11959">
        <v>15</v>
      </c>
      <c r="AP11959">
        <v>15</v>
      </c>
      <c r="AQ11959">
        <v>15</v>
      </c>
    </row>
    <row r="11960" spans="1:43">
      <c r="A11960" t="s">
        <v>7436</v>
      </c>
      <c r="B11960" t="s">
        <v>7437</v>
      </c>
      <c r="C11960" t="s">
        <v>7438</v>
      </c>
      <c r="D11960" t="s">
        <v>7439</v>
      </c>
      <c r="E11960" t="s">
        <v>7278</v>
      </c>
      <c r="F11960" t="s">
        <v>7279</v>
      </c>
      <c r="G11960" t="s">
        <v>80</v>
      </c>
      <c r="H11960" t="s">
        <v>81</v>
      </c>
      <c r="I11960" s="2">
        <v>0</v>
      </c>
      <c r="J11960" s="2">
        <v>1</v>
      </c>
      <c r="K11960" s="2">
        <v>0</v>
      </c>
      <c r="L11960" t="s">
        <v>82</v>
      </c>
      <c r="M11960" t="s">
        <v>89</v>
      </c>
      <c r="N11960" t="s">
        <v>90</v>
      </c>
      <c r="O11960" t="s">
        <v>85</v>
      </c>
      <c r="P11960" t="s">
        <v>86</v>
      </c>
      <c r="Q11960">
        <v>15</v>
      </c>
      <c r="R11960">
        <v>15</v>
      </c>
      <c r="S11960">
        <v>16</v>
      </c>
      <c r="T11960">
        <v>16</v>
      </c>
      <c r="U11960">
        <v>16</v>
      </c>
      <c r="V11960">
        <v>16</v>
      </c>
      <c r="W11960">
        <v>17</v>
      </c>
      <c r="X11960">
        <v>17</v>
      </c>
      <c r="Y11960">
        <v>17</v>
      </c>
      <c r="Z11960">
        <v>17</v>
      </c>
      <c r="AA11960">
        <v>17</v>
      </c>
      <c r="AB11960">
        <v>18</v>
      </c>
      <c r="AC11960">
        <v>18</v>
      </c>
      <c r="AD11960">
        <v>18</v>
      </c>
      <c r="AE11960">
        <v>18</v>
      </c>
      <c r="AF11960">
        <v>18</v>
      </c>
      <c r="AG11960">
        <v>18</v>
      </c>
      <c r="AH11960">
        <v>18</v>
      </c>
      <c r="AI11960">
        <v>18</v>
      </c>
      <c r="AJ11960">
        <v>18</v>
      </c>
      <c r="AK11960">
        <v>18</v>
      </c>
      <c r="AL11960">
        <v>18</v>
      </c>
      <c r="AM11960">
        <v>18</v>
      </c>
      <c r="AN11960">
        <v>18</v>
      </c>
      <c r="AO11960">
        <v>17</v>
      </c>
      <c r="AP11960">
        <v>17</v>
      </c>
      <c r="AQ11960">
        <v>17</v>
      </c>
    </row>
    <row r="11961" spans="1:43">
      <c r="A11961" t="s">
        <v>7436</v>
      </c>
      <c r="B11961" t="s">
        <v>7437</v>
      </c>
      <c r="C11961" t="s">
        <v>7438</v>
      </c>
      <c r="D11961" t="s">
        <v>7439</v>
      </c>
      <c r="E11961" t="s">
        <v>7278</v>
      </c>
      <c r="F11961" t="s">
        <v>7279</v>
      </c>
      <c r="G11961" t="s">
        <v>80</v>
      </c>
      <c r="H11961" t="s">
        <v>81</v>
      </c>
      <c r="I11961" s="2">
        <v>0</v>
      </c>
      <c r="J11961" s="2">
        <v>1</v>
      </c>
      <c r="K11961" s="2">
        <v>0</v>
      </c>
      <c r="L11961" t="s">
        <v>82</v>
      </c>
      <c r="M11961" t="s">
        <v>83</v>
      </c>
      <c r="N11961" t="s">
        <v>91</v>
      </c>
      <c r="O11961" t="s">
        <v>85</v>
      </c>
      <c r="P11961" t="s">
        <v>86</v>
      </c>
      <c r="Q11961">
        <v>15</v>
      </c>
      <c r="R11961">
        <v>15</v>
      </c>
      <c r="S11961">
        <v>15</v>
      </c>
      <c r="T11961">
        <v>15</v>
      </c>
      <c r="U11961">
        <v>16</v>
      </c>
      <c r="V11961">
        <v>16</v>
      </c>
      <c r="W11961">
        <v>16</v>
      </c>
      <c r="X11961">
        <v>16</v>
      </c>
      <c r="Y11961">
        <v>16</v>
      </c>
      <c r="Z11961">
        <v>16</v>
      </c>
      <c r="AA11961">
        <v>16</v>
      </c>
      <c r="AB11961">
        <v>16</v>
      </c>
      <c r="AC11961">
        <v>17</v>
      </c>
      <c r="AD11961">
        <v>17</v>
      </c>
      <c r="AE11961">
        <v>17</v>
      </c>
      <c r="AF11961">
        <v>17</v>
      </c>
      <c r="AG11961">
        <v>17</v>
      </c>
      <c r="AH11961">
        <v>17</v>
      </c>
      <c r="AI11961">
        <v>17</v>
      </c>
      <c r="AJ11961">
        <v>17</v>
      </c>
      <c r="AK11961">
        <v>17</v>
      </c>
      <c r="AL11961">
        <v>17</v>
      </c>
      <c r="AM11961">
        <v>17</v>
      </c>
      <c r="AN11961">
        <v>17</v>
      </c>
      <c r="AO11961">
        <v>17</v>
      </c>
      <c r="AP11961">
        <v>17</v>
      </c>
      <c r="AQ11961">
        <v>17</v>
      </c>
    </row>
    <row r="11962" spans="1:43">
      <c r="A11962" t="s">
        <v>7440</v>
      </c>
      <c r="B11962" t="s">
        <v>7441</v>
      </c>
      <c r="C11962" t="s">
        <v>7432</v>
      </c>
      <c r="D11962" t="s">
        <v>7433</v>
      </c>
      <c r="E11962" t="s">
        <v>7278</v>
      </c>
      <c r="F11962" t="s">
        <v>7279</v>
      </c>
      <c r="G11962" t="s">
        <v>80</v>
      </c>
      <c r="H11962" t="s">
        <v>81</v>
      </c>
      <c r="I11962" s="2">
        <v>0</v>
      </c>
      <c r="J11962" s="2">
        <v>1</v>
      </c>
      <c r="K11962" s="2">
        <v>0</v>
      </c>
      <c r="L11962" t="s">
        <v>82</v>
      </c>
      <c r="M11962" t="s">
        <v>83</v>
      </c>
      <c r="N11962" t="s">
        <v>84</v>
      </c>
      <c r="O11962" t="s">
        <v>85</v>
      </c>
      <c r="P11962" t="s">
        <v>86</v>
      </c>
      <c r="Q11962">
        <v>40</v>
      </c>
      <c r="R11962">
        <v>41</v>
      </c>
      <c r="S11962">
        <v>41</v>
      </c>
      <c r="T11962">
        <v>42</v>
      </c>
      <c r="U11962">
        <v>42</v>
      </c>
      <c r="V11962">
        <v>42</v>
      </c>
      <c r="W11962">
        <v>43</v>
      </c>
      <c r="X11962">
        <v>43</v>
      </c>
      <c r="Y11962">
        <v>44</v>
      </c>
      <c r="Z11962">
        <v>44</v>
      </c>
      <c r="AA11962">
        <v>44</v>
      </c>
      <c r="AB11962">
        <v>45</v>
      </c>
      <c r="AC11962">
        <v>45</v>
      </c>
      <c r="AD11962">
        <v>45</v>
      </c>
      <c r="AE11962">
        <v>46</v>
      </c>
      <c r="AF11962">
        <v>46</v>
      </c>
      <c r="AG11962">
        <v>46</v>
      </c>
      <c r="AH11962">
        <v>46</v>
      </c>
      <c r="AI11962">
        <v>47</v>
      </c>
      <c r="AJ11962">
        <v>47</v>
      </c>
      <c r="AK11962">
        <v>47</v>
      </c>
      <c r="AL11962">
        <v>47</v>
      </c>
      <c r="AM11962">
        <v>47</v>
      </c>
      <c r="AN11962">
        <v>47</v>
      </c>
      <c r="AO11962">
        <v>47</v>
      </c>
      <c r="AP11962">
        <v>47</v>
      </c>
      <c r="AQ11962">
        <v>47</v>
      </c>
    </row>
    <row r="11963" spans="1:43">
      <c r="A11963" t="s">
        <v>7440</v>
      </c>
      <c r="B11963" t="s">
        <v>7441</v>
      </c>
      <c r="C11963" t="s">
        <v>7432</v>
      </c>
      <c r="D11963" t="s">
        <v>7433</v>
      </c>
      <c r="E11963" t="s">
        <v>7278</v>
      </c>
      <c r="F11963" t="s">
        <v>7279</v>
      </c>
      <c r="G11963" t="s">
        <v>80</v>
      </c>
      <c r="H11963" t="s">
        <v>81</v>
      </c>
      <c r="I11963" s="2">
        <v>0</v>
      </c>
      <c r="J11963" s="2">
        <v>1</v>
      </c>
      <c r="K11963" s="2">
        <v>0</v>
      </c>
      <c r="L11963" t="s">
        <v>82</v>
      </c>
      <c r="M11963" t="s">
        <v>87</v>
      </c>
      <c r="N11963" t="s">
        <v>88</v>
      </c>
      <c r="O11963" t="s">
        <v>85</v>
      </c>
      <c r="P11963" t="s">
        <v>86</v>
      </c>
      <c r="Q11963">
        <v>40</v>
      </c>
      <c r="R11963">
        <v>40</v>
      </c>
      <c r="S11963">
        <v>40</v>
      </c>
      <c r="T11963">
        <v>40</v>
      </c>
      <c r="U11963">
        <v>40</v>
      </c>
      <c r="V11963">
        <v>40</v>
      </c>
      <c r="W11963">
        <v>40</v>
      </c>
      <c r="X11963">
        <v>40</v>
      </c>
      <c r="Y11963">
        <v>40</v>
      </c>
      <c r="Z11963">
        <v>40</v>
      </c>
      <c r="AA11963">
        <v>40</v>
      </c>
      <c r="AB11963">
        <v>40</v>
      </c>
      <c r="AC11963">
        <v>40</v>
      </c>
      <c r="AD11963">
        <v>40</v>
      </c>
      <c r="AE11963">
        <v>40</v>
      </c>
      <c r="AF11963">
        <v>40</v>
      </c>
      <c r="AG11963">
        <v>40</v>
      </c>
      <c r="AH11963">
        <v>40</v>
      </c>
      <c r="AI11963">
        <v>40</v>
      </c>
      <c r="AJ11963">
        <v>40</v>
      </c>
      <c r="AK11963">
        <v>40</v>
      </c>
      <c r="AL11963">
        <v>40</v>
      </c>
      <c r="AM11963">
        <v>40</v>
      </c>
      <c r="AN11963">
        <v>40</v>
      </c>
      <c r="AO11963">
        <v>40</v>
      </c>
      <c r="AP11963">
        <v>40</v>
      </c>
      <c r="AQ11963">
        <v>40</v>
      </c>
    </row>
    <row r="11964" spans="1:43">
      <c r="A11964" t="s">
        <v>7440</v>
      </c>
      <c r="B11964" t="s">
        <v>7441</v>
      </c>
      <c r="C11964" t="s">
        <v>7432</v>
      </c>
      <c r="D11964" t="s">
        <v>7433</v>
      </c>
      <c r="E11964" t="s">
        <v>7278</v>
      </c>
      <c r="F11964" t="s">
        <v>7279</v>
      </c>
      <c r="G11964" t="s">
        <v>80</v>
      </c>
      <c r="H11964" t="s">
        <v>81</v>
      </c>
      <c r="I11964" s="2">
        <v>0</v>
      </c>
      <c r="J11964" s="2">
        <v>1</v>
      </c>
      <c r="K11964" s="2">
        <v>0</v>
      </c>
      <c r="L11964" t="s">
        <v>82</v>
      </c>
      <c r="M11964" t="s">
        <v>89</v>
      </c>
      <c r="N11964" t="s">
        <v>90</v>
      </c>
      <c r="O11964" t="s">
        <v>85</v>
      </c>
      <c r="P11964" t="s">
        <v>86</v>
      </c>
      <c r="Q11964">
        <v>40</v>
      </c>
      <c r="R11964">
        <v>40</v>
      </c>
      <c r="S11964">
        <v>41</v>
      </c>
      <c r="T11964">
        <v>42</v>
      </c>
      <c r="U11964">
        <v>43</v>
      </c>
      <c r="V11964">
        <v>43</v>
      </c>
      <c r="W11964">
        <v>44</v>
      </c>
      <c r="X11964">
        <v>45</v>
      </c>
      <c r="Y11964">
        <v>45</v>
      </c>
      <c r="Z11964">
        <v>46</v>
      </c>
      <c r="AA11964">
        <v>46</v>
      </c>
      <c r="AB11964">
        <v>47</v>
      </c>
      <c r="AC11964">
        <v>47</v>
      </c>
      <c r="AD11964">
        <v>48</v>
      </c>
      <c r="AE11964">
        <v>48</v>
      </c>
      <c r="AF11964">
        <v>48</v>
      </c>
      <c r="AG11964">
        <v>48</v>
      </c>
      <c r="AH11964">
        <v>48</v>
      </c>
      <c r="AI11964">
        <v>47</v>
      </c>
      <c r="AJ11964">
        <v>47</v>
      </c>
      <c r="AK11964">
        <v>47</v>
      </c>
      <c r="AL11964">
        <v>47</v>
      </c>
      <c r="AM11964">
        <v>47</v>
      </c>
      <c r="AN11964">
        <v>47</v>
      </c>
      <c r="AO11964">
        <v>47</v>
      </c>
      <c r="AP11964">
        <v>46</v>
      </c>
      <c r="AQ11964">
        <v>46</v>
      </c>
    </row>
    <row r="11965" spans="1:43">
      <c r="A11965" t="s">
        <v>7440</v>
      </c>
      <c r="B11965" t="s">
        <v>7441</v>
      </c>
      <c r="C11965" t="s">
        <v>7432</v>
      </c>
      <c r="D11965" t="s">
        <v>7433</v>
      </c>
      <c r="E11965" t="s">
        <v>7278</v>
      </c>
      <c r="F11965" t="s">
        <v>7279</v>
      </c>
      <c r="G11965" t="s">
        <v>80</v>
      </c>
      <c r="H11965" t="s">
        <v>81</v>
      </c>
      <c r="I11965" s="2">
        <v>0</v>
      </c>
      <c r="J11965" s="2">
        <v>1</v>
      </c>
      <c r="K11965" s="2">
        <v>0</v>
      </c>
      <c r="L11965" t="s">
        <v>82</v>
      </c>
      <c r="M11965" t="s">
        <v>83</v>
      </c>
      <c r="N11965" t="s">
        <v>91</v>
      </c>
      <c r="O11965" t="s">
        <v>85</v>
      </c>
      <c r="P11965" t="s">
        <v>86</v>
      </c>
      <c r="Q11965">
        <v>40</v>
      </c>
      <c r="R11965">
        <v>41</v>
      </c>
      <c r="S11965">
        <v>41</v>
      </c>
      <c r="T11965">
        <v>42</v>
      </c>
      <c r="U11965">
        <v>42</v>
      </c>
      <c r="V11965">
        <v>42</v>
      </c>
      <c r="W11965">
        <v>43</v>
      </c>
      <c r="X11965">
        <v>43</v>
      </c>
      <c r="Y11965">
        <v>44</v>
      </c>
      <c r="Z11965">
        <v>44</v>
      </c>
      <c r="AA11965">
        <v>44</v>
      </c>
      <c r="AB11965">
        <v>45</v>
      </c>
      <c r="AC11965">
        <v>45</v>
      </c>
      <c r="AD11965">
        <v>45</v>
      </c>
      <c r="AE11965">
        <v>46</v>
      </c>
      <c r="AF11965">
        <v>46</v>
      </c>
      <c r="AG11965">
        <v>46</v>
      </c>
      <c r="AH11965">
        <v>46</v>
      </c>
      <c r="AI11965">
        <v>47</v>
      </c>
      <c r="AJ11965">
        <v>47</v>
      </c>
      <c r="AK11965">
        <v>47</v>
      </c>
      <c r="AL11965">
        <v>47</v>
      </c>
      <c r="AM11965">
        <v>47</v>
      </c>
      <c r="AN11965">
        <v>47</v>
      </c>
      <c r="AO11965">
        <v>47</v>
      </c>
      <c r="AP11965">
        <v>47</v>
      </c>
      <c r="AQ11965">
        <v>47</v>
      </c>
    </row>
    <row r="11966" spans="1:43">
      <c r="A11966" t="s">
        <v>7442</v>
      </c>
      <c r="B11966" t="s">
        <v>7443</v>
      </c>
      <c r="C11966" t="s">
        <v>7444</v>
      </c>
      <c r="D11966" t="s">
        <v>7445</v>
      </c>
      <c r="E11966" t="s">
        <v>7278</v>
      </c>
      <c r="F11966" t="s">
        <v>7279</v>
      </c>
      <c r="G11966" t="s">
        <v>80</v>
      </c>
      <c r="H11966" t="s">
        <v>81</v>
      </c>
      <c r="I11966" s="2">
        <v>0</v>
      </c>
      <c r="J11966" s="2">
        <v>1</v>
      </c>
      <c r="K11966" s="2">
        <v>0</v>
      </c>
      <c r="L11966" t="s">
        <v>82</v>
      </c>
      <c r="M11966" t="s">
        <v>83</v>
      </c>
      <c r="N11966" t="s">
        <v>84</v>
      </c>
      <c r="O11966" t="s">
        <v>85</v>
      </c>
      <c r="P11966" t="s">
        <v>86</v>
      </c>
      <c r="Q11966">
        <v>18</v>
      </c>
      <c r="R11966">
        <v>18</v>
      </c>
      <c r="S11966">
        <v>18</v>
      </c>
      <c r="T11966">
        <v>18</v>
      </c>
      <c r="U11966">
        <v>18</v>
      </c>
      <c r="V11966">
        <v>18</v>
      </c>
      <c r="W11966">
        <v>19</v>
      </c>
      <c r="X11966">
        <v>19</v>
      </c>
      <c r="Y11966">
        <v>19</v>
      </c>
      <c r="Z11966">
        <v>19</v>
      </c>
      <c r="AA11966">
        <v>19</v>
      </c>
      <c r="AB11966">
        <v>19</v>
      </c>
      <c r="AC11966">
        <v>20</v>
      </c>
      <c r="AD11966">
        <v>20</v>
      </c>
      <c r="AE11966">
        <v>20</v>
      </c>
      <c r="AF11966">
        <v>20</v>
      </c>
      <c r="AG11966">
        <v>20</v>
      </c>
      <c r="AH11966">
        <v>20</v>
      </c>
      <c r="AI11966">
        <v>20</v>
      </c>
      <c r="AJ11966">
        <v>21</v>
      </c>
      <c r="AK11966">
        <v>21</v>
      </c>
      <c r="AL11966">
        <v>21</v>
      </c>
      <c r="AM11966">
        <v>21</v>
      </c>
      <c r="AN11966">
        <v>21</v>
      </c>
      <c r="AO11966">
        <v>20</v>
      </c>
      <c r="AP11966">
        <v>20</v>
      </c>
      <c r="AQ11966">
        <v>20</v>
      </c>
    </row>
    <row r="11967" spans="1:43">
      <c r="A11967" t="s">
        <v>7442</v>
      </c>
      <c r="B11967" t="s">
        <v>7443</v>
      </c>
      <c r="C11967" t="s">
        <v>7444</v>
      </c>
      <c r="D11967" t="s">
        <v>7445</v>
      </c>
      <c r="E11967" t="s">
        <v>7278</v>
      </c>
      <c r="F11967" t="s">
        <v>7279</v>
      </c>
      <c r="G11967" t="s">
        <v>80</v>
      </c>
      <c r="H11967" t="s">
        <v>81</v>
      </c>
      <c r="I11967" s="2">
        <v>0</v>
      </c>
      <c r="J11967" s="2">
        <v>1</v>
      </c>
      <c r="K11967" s="2">
        <v>0</v>
      </c>
      <c r="L11967" t="s">
        <v>82</v>
      </c>
      <c r="M11967" t="s">
        <v>87</v>
      </c>
      <c r="N11967" t="s">
        <v>88</v>
      </c>
      <c r="O11967" t="s">
        <v>85</v>
      </c>
      <c r="P11967" t="s">
        <v>86</v>
      </c>
      <c r="Q11967">
        <v>18</v>
      </c>
      <c r="R11967">
        <v>18</v>
      </c>
      <c r="S11967">
        <v>18</v>
      </c>
      <c r="T11967">
        <v>18</v>
      </c>
      <c r="U11967">
        <v>19</v>
      </c>
      <c r="V11967">
        <v>19</v>
      </c>
      <c r="W11967">
        <v>19</v>
      </c>
      <c r="X11967">
        <v>19</v>
      </c>
      <c r="Y11967">
        <v>19</v>
      </c>
      <c r="Z11967">
        <v>19</v>
      </c>
      <c r="AA11967">
        <v>19</v>
      </c>
      <c r="AB11967">
        <v>19</v>
      </c>
      <c r="AC11967">
        <v>19</v>
      </c>
      <c r="AD11967">
        <v>19</v>
      </c>
      <c r="AE11967">
        <v>19</v>
      </c>
      <c r="AF11967">
        <v>19</v>
      </c>
      <c r="AG11967">
        <v>19</v>
      </c>
      <c r="AH11967">
        <v>19</v>
      </c>
      <c r="AI11967">
        <v>19</v>
      </c>
      <c r="AJ11967">
        <v>19</v>
      </c>
      <c r="AK11967">
        <v>19</v>
      </c>
      <c r="AL11967">
        <v>19</v>
      </c>
      <c r="AM11967">
        <v>19</v>
      </c>
      <c r="AN11967">
        <v>19</v>
      </c>
      <c r="AO11967">
        <v>19</v>
      </c>
      <c r="AP11967">
        <v>19</v>
      </c>
      <c r="AQ11967">
        <v>19</v>
      </c>
    </row>
    <row r="11968" spans="1:43">
      <c r="A11968" t="s">
        <v>7442</v>
      </c>
      <c r="B11968" t="s">
        <v>7443</v>
      </c>
      <c r="C11968" t="s">
        <v>7444</v>
      </c>
      <c r="D11968" t="s">
        <v>7445</v>
      </c>
      <c r="E11968" t="s">
        <v>7278</v>
      </c>
      <c r="F11968" t="s">
        <v>7279</v>
      </c>
      <c r="G11968" t="s">
        <v>80</v>
      </c>
      <c r="H11968" t="s">
        <v>81</v>
      </c>
      <c r="I11968" s="2">
        <v>0</v>
      </c>
      <c r="J11968" s="2">
        <v>1</v>
      </c>
      <c r="K11968" s="2">
        <v>0</v>
      </c>
      <c r="L11968" t="s">
        <v>82</v>
      </c>
      <c r="M11968" t="s">
        <v>89</v>
      </c>
      <c r="N11968" t="s">
        <v>90</v>
      </c>
      <c r="O11968" t="s">
        <v>85</v>
      </c>
      <c r="P11968" t="s">
        <v>86</v>
      </c>
      <c r="Q11968">
        <v>18</v>
      </c>
      <c r="R11968">
        <v>18</v>
      </c>
      <c r="S11968">
        <v>18</v>
      </c>
      <c r="T11968">
        <v>19</v>
      </c>
      <c r="U11968">
        <v>19</v>
      </c>
      <c r="V11968">
        <v>19</v>
      </c>
      <c r="W11968">
        <v>20</v>
      </c>
      <c r="X11968">
        <v>20</v>
      </c>
      <c r="Y11968">
        <v>20</v>
      </c>
      <c r="Z11968">
        <v>20</v>
      </c>
      <c r="AA11968">
        <v>21</v>
      </c>
      <c r="AB11968">
        <v>21</v>
      </c>
      <c r="AC11968">
        <v>21</v>
      </c>
      <c r="AD11968">
        <v>21</v>
      </c>
      <c r="AE11968">
        <v>21</v>
      </c>
      <c r="AF11968">
        <v>21</v>
      </c>
      <c r="AG11968">
        <v>21</v>
      </c>
      <c r="AH11968">
        <v>21</v>
      </c>
      <c r="AI11968">
        <v>21</v>
      </c>
      <c r="AJ11968">
        <v>21</v>
      </c>
      <c r="AK11968">
        <v>21</v>
      </c>
      <c r="AL11968">
        <v>21</v>
      </c>
      <c r="AM11968">
        <v>21</v>
      </c>
      <c r="AN11968">
        <v>21</v>
      </c>
      <c r="AO11968">
        <v>21</v>
      </c>
      <c r="AP11968">
        <v>21</v>
      </c>
      <c r="AQ11968">
        <v>21</v>
      </c>
    </row>
    <row r="11969" spans="1:43">
      <c r="A11969" t="s">
        <v>7442</v>
      </c>
      <c r="B11969" t="s">
        <v>7443</v>
      </c>
      <c r="C11969" t="s">
        <v>7444</v>
      </c>
      <c r="D11969" t="s">
        <v>7445</v>
      </c>
      <c r="E11969" t="s">
        <v>7278</v>
      </c>
      <c r="F11969" t="s">
        <v>7279</v>
      </c>
      <c r="G11969" t="s">
        <v>80</v>
      </c>
      <c r="H11969" t="s">
        <v>81</v>
      </c>
      <c r="I11969" s="2">
        <v>0</v>
      </c>
      <c r="J11969" s="2">
        <v>1</v>
      </c>
      <c r="K11969" s="2">
        <v>0</v>
      </c>
      <c r="L11969" t="s">
        <v>82</v>
      </c>
      <c r="M11969" t="s">
        <v>83</v>
      </c>
      <c r="N11969" t="s">
        <v>91</v>
      </c>
      <c r="O11969" t="s">
        <v>85</v>
      </c>
      <c r="P11969" t="s">
        <v>86</v>
      </c>
      <c r="Q11969">
        <v>18</v>
      </c>
      <c r="R11969">
        <v>18</v>
      </c>
      <c r="S11969">
        <v>18</v>
      </c>
      <c r="T11969">
        <v>18</v>
      </c>
      <c r="U11969">
        <v>18</v>
      </c>
      <c r="V11969">
        <v>18</v>
      </c>
      <c r="W11969">
        <v>19</v>
      </c>
      <c r="X11969">
        <v>19</v>
      </c>
      <c r="Y11969">
        <v>19</v>
      </c>
      <c r="Z11969">
        <v>19</v>
      </c>
      <c r="AA11969">
        <v>19</v>
      </c>
      <c r="AB11969">
        <v>19</v>
      </c>
      <c r="AC11969">
        <v>20</v>
      </c>
      <c r="AD11969">
        <v>20</v>
      </c>
      <c r="AE11969">
        <v>20</v>
      </c>
      <c r="AF11969">
        <v>20</v>
      </c>
      <c r="AG11969">
        <v>20</v>
      </c>
      <c r="AH11969">
        <v>20</v>
      </c>
      <c r="AI11969">
        <v>20</v>
      </c>
      <c r="AJ11969">
        <v>21</v>
      </c>
      <c r="AK11969">
        <v>21</v>
      </c>
      <c r="AL11969">
        <v>21</v>
      </c>
      <c r="AM11969">
        <v>21</v>
      </c>
      <c r="AN11969">
        <v>21</v>
      </c>
      <c r="AO11969">
        <v>20</v>
      </c>
      <c r="AP11969">
        <v>20</v>
      </c>
      <c r="AQ11969">
        <v>20</v>
      </c>
    </row>
    <row r="11970" spans="1:43">
      <c r="A11970" t="s">
        <v>7446</v>
      </c>
      <c r="B11970" t="s">
        <v>7447</v>
      </c>
      <c r="C11970" t="s">
        <v>7438</v>
      </c>
      <c r="D11970" t="s">
        <v>7439</v>
      </c>
      <c r="E11970" t="s">
        <v>7278</v>
      </c>
      <c r="F11970" t="s">
        <v>7279</v>
      </c>
      <c r="G11970" t="s">
        <v>80</v>
      </c>
      <c r="H11970" t="s">
        <v>81</v>
      </c>
      <c r="I11970" s="2">
        <v>0</v>
      </c>
      <c r="J11970" s="2">
        <v>1</v>
      </c>
      <c r="K11970" s="2">
        <v>0</v>
      </c>
      <c r="L11970" t="s">
        <v>82</v>
      </c>
      <c r="M11970" t="s">
        <v>83</v>
      </c>
      <c r="N11970" t="s">
        <v>84</v>
      </c>
      <c r="O11970" t="s">
        <v>85</v>
      </c>
      <c r="P11970" t="s">
        <v>86</v>
      </c>
      <c r="Q11970">
        <v>63</v>
      </c>
      <c r="R11970">
        <v>64</v>
      </c>
      <c r="S11970">
        <v>64</v>
      </c>
      <c r="T11970">
        <v>65</v>
      </c>
      <c r="U11970">
        <v>66</v>
      </c>
      <c r="V11970">
        <v>66</v>
      </c>
      <c r="W11970">
        <v>67</v>
      </c>
      <c r="X11970">
        <v>68</v>
      </c>
      <c r="Y11970">
        <v>68</v>
      </c>
      <c r="Z11970">
        <v>69</v>
      </c>
      <c r="AA11970">
        <v>70</v>
      </c>
      <c r="AB11970">
        <v>70</v>
      </c>
      <c r="AC11970">
        <v>71</v>
      </c>
      <c r="AD11970">
        <v>71</v>
      </c>
      <c r="AE11970">
        <v>72</v>
      </c>
      <c r="AF11970">
        <v>72</v>
      </c>
      <c r="AG11970">
        <v>73</v>
      </c>
      <c r="AH11970">
        <v>73</v>
      </c>
      <c r="AI11970">
        <v>74</v>
      </c>
      <c r="AJ11970">
        <v>74</v>
      </c>
      <c r="AK11970">
        <v>75</v>
      </c>
      <c r="AL11970">
        <v>75</v>
      </c>
      <c r="AM11970">
        <v>75</v>
      </c>
      <c r="AN11970">
        <v>74</v>
      </c>
      <c r="AO11970">
        <v>74</v>
      </c>
      <c r="AP11970">
        <v>74</v>
      </c>
      <c r="AQ11970">
        <v>74</v>
      </c>
    </row>
    <row r="11971" spans="1:43">
      <c r="A11971" t="s">
        <v>7446</v>
      </c>
      <c r="B11971" t="s">
        <v>7447</v>
      </c>
      <c r="C11971" t="s">
        <v>7438</v>
      </c>
      <c r="D11971" t="s">
        <v>7439</v>
      </c>
      <c r="E11971" t="s">
        <v>7278</v>
      </c>
      <c r="F11971" t="s">
        <v>7279</v>
      </c>
      <c r="G11971" t="s">
        <v>80</v>
      </c>
      <c r="H11971" t="s">
        <v>81</v>
      </c>
      <c r="I11971" s="2">
        <v>0</v>
      </c>
      <c r="J11971" s="2">
        <v>1</v>
      </c>
      <c r="K11971" s="2">
        <v>0</v>
      </c>
      <c r="L11971" t="s">
        <v>82</v>
      </c>
      <c r="M11971" t="s">
        <v>87</v>
      </c>
      <c r="N11971" t="s">
        <v>88</v>
      </c>
      <c r="O11971" t="s">
        <v>85</v>
      </c>
      <c r="P11971" t="s">
        <v>86</v>
      </c>
      <c r="Q11971">
        <v>63</v>
      </c>
      <c r="R11971">
        <v>64</v>
      </c>
      <c r="S11971">
        <v>64</v>
      </c>
      <c r="T11971">
        <v>64</v>
      </c>
      <c r="U11971">
        <v>64</v>
      </c>
      <c r="V11971">
        <v>64</v>
      </c>
      <c r="W11971">
        <v>64</v>
      </c>
      <c r="X11971">
        <v>64</v>
      </c>
      <c r="Y11971">
        <v>64</v>
      </c>
      <c r="Z11971">
        <v>64</v>
      </c>
      <c r="AA11971">
        <v>64</v>
      </c>
      <c r="AB11971">
        <v>64</v>
      </c>
      <c r="AC11971">
        <v>64</v>
      </c>
      <c r="AD11971">
        <v>64</v>
      </c>
      <c r="AE11971">
        <v>64</v>
      </c>
      <c r="AF11971">
        <v>64</v>
      </c>
      <c r="AG11971">
        <v>64</v>
      </c>
      <c r="AH11971">
        <v>65</v>
      </c>
      <c r="AI11971">
        <v>65</v>
      </c>
      <c r="AJ11971">
        <v>65</v>
      </c>
      <c r="AK11971">
        <v>65</v>
      </c>
      <c r="AL11971">
        <v>65</v>
      </c>
      <c r="AM11971">
        <v>65</v>
      </c>
      <c r="AN11971">
        <v>65</v>
      </c>
      <c r="AO11971">
        <v>65</v>
      </c>
      <c r="AP11971">
        <v>65</v>
      </c>
      <c r="AQ11971">
        <v>65</v>
      </c>
    </row>
    <row r="11972" spans="1:43">
      <c r="A11972" t="s">
        <v>7446</v>
      </c>
      <c r="B11972" t="s">
        <v>7447</v>
      </c>
      <c r="C11972" t="s">
        <v>7438</v>
      </c>
      <c r="D11972" t="s">
        <v>7439</v>
      </c>
      <c r="E11972" t="s">
        <v>7278</v>
      </c>
      <c r="F11972" t="s">
        <v>7279</v>
      </c>
      <c r="G11972" t="s">
        <v>80</v>
      </c>
      <c r="H11972" t="s">
        <v>81</v>
      </c>
      <c r="I11972" s="2">
        <v>0</v>
      </c>
      <c r="J11972" s="2">
        <v>1</v>
      </c>
      <c r="K11972" s="2">
        <v>0</v>
      </c>
      <c r="L11972" t="s">
        <v>82</v>
      </c>
      <c r="M11972" t="s">
        <v>89</v>
      </c>
      <c r="N11972" t="s">
        <v>90</v>
      </c>
      <c r="O11972" t="s">
        <v>85</v>
      </c>
      <c r="P11972" t="s">
        <v>86</v>
      </c>
      <c r="Q11972">
        <v>63</v>
      </c>
      <c r="R11972">
        <v>64</v>
      </c>
      <c r="S11972">
        <v>65</v>
      </c>
      <c r="T11972">
        <v>66</v>
      </c>
      <c r="U11972">
        <v>67</v>
      </c>
      <c r="V11972">
        <v>69</v>
      </c>
      <c r="W11972">
        <v>70</v>
      </c>
      <c r="X11972">
        <v>71</v>
      </c>
      <c r="Y11972">
        <v>71</v>
      </c>
      <c r="Z11972">
        <v>72</v>
      </c>
      <c r="AA11972">
        <v>73</v>
      </c>
      <c r="AB11972">
        <v>74</v>
      </c>
      <c r="AC11972">
        <v>75</v>
      </c>
      <c r="AD11972">
        <v>76</v>
      </c>
      <c r="AE11972">
        <v>76</v>
      </c>
      <c r="AF11972">
        <v>76</v>
      </c>
      <c r="AG11972">
        <v>76</v>
      </c>
      <c r="AH11972">
        <v>76</v>
      </c>
      <c r="AI11972">
        <v>75</v>
      </c>
      <c r="AJ11972">
        <v>75</v>
      </c>
      <c r="AK11972">
        <v>75</v>
      </c>
      <c r="AL11972">
        <v>75</v>
      </c>
      <c r="AM11972">
        <v>75</v>
      </c>
      <c r="AN11972">
        <v>75</v>
      </c>
      <c r="AO11972">
        <v>74</v>
      </c>
      <c r="AP11972">
        <v>74</v>
      </c>
      <c r="AQ11972">
        <v>74</v>
      </c>
    </row>
    <row r="11973" spans="1:43">
      <c r="A11973" t="s">
        <v>7446</v>
      </c>
      <c r="B11973" t="s">
        <v>7447</v>
      </c>
      <c r="C11973" t="s">
        <v>7438</v>
      </c>
      <c r="D11973" t="s">
        <v>7439</v>
      </c>
      <c r="E11973" t="s">
        <v>7278</v>
      </c>
      <c r="F11973" t="s">
        <v>7279</v>
      </c>
      <c r="G11973" t="s">
        <v>80</v>
      </c>
      <c r="H11973" t="s">
        <v>81</v>
      </c>
      <c r="I11973" s="2">
        <v>0</v>
      </c>
      <c r="J11973" s="2">
        <v>1</v>
      </c>
      <c r="K11973" s="2">
        <v>0</v>
      </c>
      <c r="L11973" t="s">
        <v>82</v>
      </c>
      <c r="M11973" t="s">
        <v>83</v>
      </c>
      <c r="N11973" t="s">
        <v>91</v>
      </c>
      <c r="O11973" t="s">
        <v>85</v>
      </c>
      <c r="P11973" t="s">
        <v>86</v>
      </c>
      <c r="Q11973">
        <v>63</v>
      </c>
      <c r="R11973">
        <v>64</v>
      </c>
      <c r="S11973">
        <v>64</v>
      </c>
      <c r="T11973">
        <v>65</v>
      </c>
      <c r="U11973">
        <v>66</v>
      </c>
      <c r="V11973">
        <v>66</v>
      </c>
      <c r="W11973">
        <v>67</v>
      </c>
      <c r="X11973">
        <v>68</v>
      </c>
      <c r="Y11973">
        <v>68</v>
      </c>
      <c r="Z11973">
        <v>69</v>
      </c>
      <c r="AA11973">
        <v>70</v>
      </c>
      <c r="AB11973">
        <v>70</v>
      </c>
      <c r="AC11973">
        <v>71</v>
      </c>
      <c r="AD11973">
        <v>71</v>
      </c>
      <c r="AE11973">
        <v>72</v>
      </c>
      <c r="AF11973">
        <v>72</v>
      </c>
      <c r="AG11973">
        <v>73</v>
      </c>
      <c r="AH11973">
        <v>73</v>
      </c>
      <c r="AI11973">
        <v>74</v>
      </c>
      <c r="AJ11973">
        <v>74</v>
      </c>
      <c r="AK11973">
        <v>75</v>
      </c>
      <c r="AL11973">
        <v>75</v>
      </c>
      <c r="AM11973">
        <v>75</v>
      </c>
      <c r="AN11973">
        <v>74</v>
      </c>
      <c r="AO11973">
        <v>74</v>
      </c>
      <c r="AP11973">
        <v>74</v>
      </c>
      <c r="AQ11973">
        <v>74</v>
      </c>
    </row>
    <row r="11974" spans="1:43">
      <c r="A11974" t="s">
        <v>7448</v>
      </c>
      <c r="B11974" t="s">
        <v>7449</v>
      </c>
      <c r="C11974" t="s">
        <v>7438</v>
      </c>
      <c r="D11974" t="s">
        <v>7439</v>
      </c>
      <c r="E11974" t="s">
        <v>7278</v>
      </c>
      <c r="F11974" t="s">
        <v>7279</v>
      </c>
      <c r="G11974" t="s">
        <v>80</v>
      </c>
      <c r="H11974" t="s">
        <v>81</v>
      </c>
      <c r="I11974" s="2">
        <v>0</v>
      </c>
      <c r="J11974" s="2">
        <v>1</v>
      </c>
      <c r="K11974" s="2">
        <v>0</v>
      </c>
      <c r="L11974" t="s">
        <v>82</v>
      </c>
      <c r="M11974" t="s">
        <v>83</v>
      </c>
      <c r="N11974" t="s">
        <v>84</v>
      </c>
      <c r="O11974" t="s">
        <v>85</v>
      </c>
      <c r="P11974" t="s">
        <v>86</v>
      </c>
      <c r="Q11974">
        <v>65</v>
      </c>
      <c r="R11974">
        <v>65</v>
      </c>
      <c r="S11974">
        <v>66</v>
      </c>
      <c r="T11974">
        <v>67</v>
      </c>
      <c r="U11974">
        <v>68</v>
      </c>
      <c r="V11974">
        <v>68</v>
      </c>
      <c r="W11974">
        <v>69</v>
      </c>
      <c r="X11974">
        <v>69</v>
      </c>
      <c r="Y11974">
        <v>70</v>
      </c>
      <c r="Z11974">
        <v>71</v>
      </c>
      <c r="AA11974">
        <v>71</v>
      </c>
      <c r="AB11974">
        <v>72</v>
      </c>
      <c r="AC11974">
        <v>72</v>
      </c>
      <c r="AD11974">
        <v>73</v>
      </c>
      <c r="AE11974">
        <v>74</v>
      </c>
      <c r="AF11974">
        <v>74</v>
      </c>
      <c r="AG11974">
        <v>75</v>
      </c>
      <c r="AH11974">
        <v>75</v>
      </c>
      <c r="AI11974">
        <v>76</v>
      </c>
      <c r="AJ11974">
        <v>76</v>
      </c>
      <c r="AK11974">
        <v>77</v>
      </c>
      <c r="AL11974">
        <v>77</v>
      </c>
      <c r="AM11974">
        <v>76</v>
      </c>
      <c r="AN11974">
        <v>76</v>
      </c>
      <c r="AO11974">
        <v>76</v>
      </c>
      <c r="AP11974">
        <v>76</v>
      </c>
      <c r="AQ11974">
        <v>76</v>
      </c>
    </row>
    <row r="11975" spans="1:43">
      <c r="A11975" t="s">
        <v>7448</v>
      </c>
      <c r="B11975" t="s">
        <v>7449</v>
      </c>
      <c r="C11975" t="s">
        <v>7438</v>
      </c>
      <c r="D11975" t="s">
        <v>7439</v>
      </c>
      <c r="E11975" t="s">
        <v>7278</v>
      </c>
      <c r="F11975" t="s">
        <v>7279</v>
      </c>
      <c r="G11975" t="s">
        <v>80</v>
      </c>
      <c r="H11975" t="s">
        <v>81</v>
      </c>
      <c r="I11975" s="2">
        <v>0</v>
      </c>
      <c r="J11975" s="2">
        <v>1</v>
      </c>
      <c r="K11975" s="2">
        <v>0</v>
      </c>
      <c r="L11975" t="s">
        <v>82</v>
      </c>
      <c r="M11975" t="s">
        <v>87</v>
      </c>
      <c r="N11975" t="s">
        <v>88</v>
      </c>
      <c r="O11975" t="s">
        <v>85</v>
      </c>
      <c r="P11975" t="s">
        <v>86</v>
      </c>
      <c r="Q11975">
        <v>65</v>
      </c>
      <c r="R11975">
        <v>65</v>
      </c>
      <c r="S11975">
        <v>65</v>
      </c>
      <c r="T11975">
        <v>65</v>
      </c>
      <c r="U11975">
        <v>66</v>
      </c>
      <c r="V11975">
        <v>66</v>
      </c>
      <c r="W11975">
        <v>66</v>
      </c>
      <c r="X11975">
        <v>66</v>
      </c>
      <c r="Y11975">
        <v>66</v>
      </c>
      <c r="Z11975">
        <v>66</v>
      </c>
      <c r="AA11975">
        <v>66</v>
      </c>
      <c r="AB11975">
        <v>66</v>
      </c>
      <c r="AC11975">
        <v>66</v>
      </c>
      <c r="AD11975">
        <v>66</v>
      </c>
      <c r="AE11975">
        <v>66</v>
      </c>
      <c r="AF11975">
        <v>66</v>
      </c>
      <c r="AG11975">
        <v>66</v>
      </c>
      <c r="AH11975">
        <v>66</v>
      </c>
      <c r="AI11975">
        <v>66</v>
      </c>
      <c r="AJ11975">
        <v>66</v>
      </c>
      <c r="AK11975">
        <v>66</v>
      </c>
      <c r="AL11975">
        <v>66</v>
      </c>
      <c r="AM11975">
        <v>66</v>
      </c>
      <c r="AN11975">
        <v>66</v>
      </c>
      <c r="AO11975">
        <v>66</v>
      </c>
      <c r="AP11975">
        <v>66</v>
      </c>
      <c r="AQ11975">
        <v>66</v>
      </c>
    </row>
    <row r="11976" spans="1:43">
      <c r="A11976" t="s">
        <v>7448</v>
      </c>
      <c r="B11976" t="s">
        <v>7449</v>
      </c>
      <c r="C11976" t="s">
        <v>7438</v>
      </c>
      <c r="D11976" t="s">
        <v>7439</v>
      </c>
      <c r="E11976" t="s">
        <v>7278</v>
      </c>
      <c r="F11976" t="s">
        <v>7279</v>
      </c>
      <c r="G11976" t="s">
        <v>80</v>
      </c>
      <c r="H11976" t="s">
        <v>81</v>
      </c>
      <c r="I11976" s="2">
        <v>0</v>
      </c>
      <c r="J11976" s="2">
        <v>1</v>
      </c>
      <c r="K11976" s="2">
        <v>0</v>
      </c>
      <c r="L11976" t="s">
        <v>82</v>
      </c>
      <c r="M11976" t="s">
        <v>89</v>
      </c>
      <c r="N11976" t="s">
        <v>90</v>
      </c>
      <c r="O11976" t="s">
        <v>85</v>
      </c>
      <c r="P11976" t="s">
        <v>86</v>
      </c>
      <c r="Q11976">
        <v>65</v>
      </c>
      <c r="R11976">
        <v>67</v>
      </c>
      <c r="S11976">
        <v>68</v>
      </c>
      <c r="T11976">
        <v>69</v>
      </c>
      <c r="U11976">
        <v>70</v>
      </c>
      <c r="V11976">
        <v>71</v>
      </c>
      <c r="W11976">
        <v>72</v>
      </c>
      <c r="X11976">
        <v>73</v>
      </c>
      <c r="Y11976">
        <v>74</v>
      </c>
      <c r="Z11976">
        <v>75</v>
      </c>
      <c r="AA11976">
        <v>76</v>
      </c>
      <c r="AB11976">
        <v>77</v>
      </c>
      <c r="AC11976">
        <v>78</v>
      </c>
      <c r="AD11976">
        <v>79</v>
      </c>
      <c r="AE11976">
        <v>79</v>
      </c>
      <c r="AF11976">
        <v>79</v>
      </c>
      <c r="AG11976">
        <v>79</v>
      </c>
      <c r="AH11976">
        <v>78</v>
      </c>
      <c r="AI11976">
        <v>78</v>
      </c>
      <c r="AJ11976">
        <v>78</v>
      </c>
      <c r="AK11976">
        <v>78</v>
      </c>
      <c r="AL11976">
        <v>78</v>
      </c>
      <c r="AM11976">
        <v>78</v>
      </c>
      <c r="AN11976">
        <v>78</v>
      </c>
      <c r="AO11976">
        <v>77</v>
      </c>
      <c r="AP11976">
        <v>77</v>
      </c>
      <c r="AQ11976">
        <v>77</v>
      </c>
    </row>
    <row r="11977" spans="1:43">
      <c r="A11977" t="s">
        <v>7448</v>
      </c>
      <c r="B11977" t="s">
        <v>7449</v>
      </c>
      <c r="C11977" t="s">
        <v>7438</v>
      </c>
      <c r="D11977" t="s">
        <v>7439</v>
      </c>
      <c r="E11977" t="s">
        <v>7278</v>
      </c>
      <c r="F11977" t="s">
        <v>7279</v>
      </c>
      <c r="G11977" t="s">
        <v>80</v>
      </c>
      <c r="H11977" t="s">
        <v>81</v>
      </c>
      <c r="I11977" s="2">
        <v>0</v>
      </c>
      <c r="J11977" s="2">
        <v>1</v>
      </c>
      <c r="K11977" s="2">
        <v>0</v>
      </c>
      <c r="L11977" t="s">
        <v>82</v>
      </c>
      <c r="M11977" t="s">
        <v>83</v>
      </c>
      <c r="N11977" t="s">
        <v>91</v>
      </c>
      <c r="O11977" t="s">
        <v>85</v>
      </c>
      <c r="P11977" t="s">
        <v>86</v>
      </c>
      <c r="Q11977">
        <v>65</v>
      </c>
      <c r="R11977">
        <v>65</v>
      </c>
      <c r="S11977">
        <v>66</v>
      </c>
      <c r="T11977">
        <v>67</v>
      </c>
      <c r="U11977">
        <v>68</v>
      </c>
      <c r="V11977">
        <v>68</v>
      </c>
      <c r="W11977">
        <v>69</v>
      </c>
      <c r="X11977">
        <v>69</v>
      </c>
      <c r="Y11977">
        <v>70</v>
      </c>
      <c r="Z11977">
        <v>71</v>
      </c>
      <c r="AA11977">
        <v>71</v>
      </c>
      <c r="AB11977">
        <v>72</v>
      </c>
      <c r="AC11977">
        <v>72</v>
      </c>
      <c r="AD11977">
        <v>73</v>
      </c>
      <c r="AE11977">
        <v>74</v>
      </c>
      <c r="AF11977">
        <v>74</v>
      </c>
      <c r="AG11977">
        <v>75</v>
      </c>
      <c r="AH11977">
        <v>75</v>
      </c>
      <c r="AI11977">
        <v>76</v>
      </c>
      <c r="AJ11977">
        <v>76</v>
      </c>
      <c r="AK11977">
        <v>77</v>
      </c>
      <c r="AL11977">
        <v>77</v>
      </c>
      <c r="AM11977">
        <v>76</v>
      </c>
      <c r="AN11977">
        <v>76</v>
      </c>
      <c r="AO11977">
        <v>76</v>
      </c>
      <c r="AP11977">
        <v>76</v>
      </c>
      <c r="AQ11977">
        <v>76</v>
      </c>
    </row>
    <row r="11978" spans="1:43">
      <c r="A11978" t="s">
        <v>7450</v>
      </c>
      <c r="B11978" t="s">
        <v>7451</v>
      </c>
      <c r="C11978" t="s">
        <v>7432</v>
      </c>
      <c r="D11978" t="s">
        <v>7433</v>
      </c>
      <c r="E11978" t="s">
        <v>7278</v>
      </c>
      <c r="F11978" t="s">
        <v>7279</v>
      </c>
      <c r="G11978" t="s">
        <v>80</v>
      </c>
      <c r="H11978" t="s">
        <v>81</v>
      </c>
      <c r="I11978" s="2">
        <v>0</v>
      </c>
      <c r="J11978" s="2">
        <v>1</v>
      </c>
      <c r="K11978" s="2">
        <v>0</v>
      </c>
      <c r="L11978" t="s">
        <v>82</v>
      </c>
      <c r="M11978" t="s">
        <v>83</v>
      </c>
      <c r="N11978" t="s">
        <v>84</v>
      </c>
      <c r="O11978" t="s">
        <v>85</v>
      </c>
      <c r="P11978" t="s">
        <v>86</v>
      </c>
      <c r="Q11978">
        <v>26</v>
      </c>
      <c r="R11978">
        <v>27</v>
      </c>
      <c r="S11978">
        <v>27</v>
      </c>
      <c r="T11978">
        <v>27</v>
      </c>
      <c r="U11978">
        <v>27</v>
      </c>
      <c r="V11978">
        <v>28</v>
      </c>
      <c r="W11978">
        <v>28</v>
      </c>
      <c r="X11978">
        <v>28</v>
      </c>
      <c r="Y11978">
        <v>28</v>
      </c>
      <c r="Z11978">
        <v>29</v>
      </c>
      <c r="AA11978">
        <v>29</v>
      </c>
      <c r="AB11978">
        <v>29</v>
      </c>
      <c r="AC11978">
        <v>29</v>
      </c>
      <c r="AD11978">
        <v>30</v>
      </c>
      <c r="AE11978">
        <v>30</v>
      </c>
      <c r="AF11978">
        <v>30</v>
      </c>
      <c r="AG11978">
        <v>30</v>
      </c>
      <c r="AH11978">
        <v>30</v>
      </c>
      <c r="AI11978">
        <v>31</v>
      </c>
      <c r="AJ11978">
        <v>31</v>
      </c>
      <c r="AK11978">
        <v>31</v>
      </c>
      <c r="AL11978">
        <v>31</v>
      </c>
      <c r="AM11978">
        <v>31</v>
      </c>
      <c r="AN11978">
        <v>31</v>
      </c>
      <c r="AO11978">
        <v>31</v>
      </c>
      <c r="AP11978">
        <v>31</v>
      </c>
      <c r="AQ11978">
        <v>31</v>
      </c>
    </row>
    <row r="11979" spans="1:43">
      <c r="A11979" t="s">
        <v>7450</v>
      </c>
      <c r="B11979" t="s">
        <v>7451</v>
      </c>
      <c r="C11979" t="s">
        <v>7432</v>
      </c>
      <c r="D11979" t="s">
        <v>7433</v>
      </c>
      <c r="E11979" t="s">
        <v>7278</v>
      </c>
      <c r="F11979" t="s">
        <v>7279</v>
      </c>
      <c r="G11979" t="s">
        <v>80</v>
      </c>
      <c r="H11979" t="s">
        <v>81</v>
      </c>
      <c r="I11979" s="2">
        <v>0</v>
      </c>
      <c r="J11979" s="2">
        <v>1</v>
      </c>
      <c r="K11979" s="2">
        <v>0</v>
      </c>
      <c r="L11979" t="s">
        <v>82</v>
      </c>
      <c r="M11979" t="s">
        <v>87</v>
      </c>
      <c r="N11979" t="s">
        <v>88</v>
      </c>
      <c r="O11979" t="s">
        <v>85</v>
      </c>
      <c r="P11979" t="s">
        <v>86</v>
      </c>
      <c r="Q11979">
        <v>26</v>
      </c>
      <c r="R11979">
        <v>26</v>
      </c>
      <c r="S11979">
        <v>26</v>
      </c>
      <c r="T11979">
        <v>26</v>
      </c>
      <c r="U11979">
        <v>26</v>
      </c>
      <c r="V11979">
        <v>26</v>
      </c>
      <c r="W11979">
        <v>26</v>
      </c>
      <c r="X11979">
        <v>26</v>
      </c>
      <c r="Y11979">
        <v>26</v>
      </c>
      <c r="Z11979">
        <v>26</v>
      </c>
      <c r="AA11979">
        <v>26</v>
      </c>
      <c r="AB11979">
        <v>26</v>
      </c>
      <c r="AC11979">
        <v>26</v>
      </c>
      <c r="AD11979">
        <v>26</v>
      </c>
      <c r="AE11979">
        <v>26</v>
      </c>
      <c r="AF11979">
        <v>26</v>
      </c>
      <c r="AG11979">
        <v>26</v>
      </c>
      <c r="AH11979">
        <v>26</v>
      </c>
      <c r="AI11979">
        <v>26</v>
      </c>
      <c r="AJ11979">
        <v>26</v>
      </c>
      <c r="AK11979">
        <v>26</v>
      </c>
      <c r="AL11979">
        <v>26</v>
      </c>
      <c r="AM11979">
        <v>26</v>
      </c>
      <c r="AN11979">
        <v>26</v>
      </c>
      <c r="AO11979">
        <v>26</v>
      </c>
      <c r="AP11979">
        <v>26</v>
      </c>
      <c r="AQ11979">
        <v>26</v>
      </c>
    </row>
    <row r="11980" spans="1:43">
      <c r="A11980" t="s">
        <v>7450</v>
      </c>
      <c r="B11980" t="s">
        <v>7451</v>
      </c>
      <c r="C11980" t="s">
        <v>7432</v>
      </c>
      <c r="D11980" t="s">
        <v>7433</v>
      </c>
      <c r="E11980" t="s">
        <v>7278</v>
      </c>
      <c r="F11980" t="s">
        <v>7279</v>
      </c>
      <c r="G11980" t="s">
        <v>80</v>
      </c>
      <c r="H11980" t="s">
        <v>81</v>
      </c>
      <c r="I11980" s="2">
        <v>0</v>
      </c>
      <c r="J11980" s="2">
        <v>1</v>
      </c>
      <c r="K11980" s="2">
        <v>0</v>
      </c>
      <c r="L11980" t="s">
        <v>82</v>
      </c>
      <c r="M11980" t="s">
        <v>89</v>
      </c>
      <c r="N11980" t="s">
        <v>90</v>
      </c>
      <c r="O11980" t="s">
        <v>85</v>
      </c>
      <c r="P11980" t="s">
        <v>86</v>
      </c>
      <c r="Q11980">
        <v>26</v>
      </c>
      <c r="R11980">
        <v>26</v>
      </c>
      <c r="S11980">
        <v>27</v>
      </c>
      <c r="T11980">
        <v>27</v>
      </c>
      <c r="U11980">
        <v>28</v>
      </c>
      <c r="V11980">
        <v>28</v>
      </c>
      <c r="W11980">
        <v>28</v>
      </c>
      <c r="X11980">
        <v>29</v>
      </c>
      <c r="Y11980">
        <v>29</v>
      </c>
      <c r="Z11980">
        <v>30</v>
      </c>
      <c r="AA11980">
        <v>30</v>
      </c>
      <c r="AB11980">
        <v>30</v>
      </c>
      <c r="AC11980">
        <v>31</v>
      </c>
      <c r="AD11980">
        <v>31</v>
      </c>
      <c r="AE11980">
        <v>31</v>
      </c>
      <c r="AF11980">
        <v>31</v>
      </c>
      <c r="AG11980">
        <v>31</v>
      </c>
      <c r="AH11980">
        <v>31</v>
      </c>
      <c r="AI11980">
        <v>31</v>
      </c>
      <c r="AJ11980">
        <v>31</v>
      </c>
      <c r="AK11980">
        <v>30</v>
      </c>
      <c r="AL11980">
        <v>30</v>
      </c>
      <c r="AM11980">
        <v>30</v>
      </c>
      <c r="AN11980">
        <v>30</v>
      </c>
      <c r="AO11980">
        <v>30</v>
      </c>
      <c r="AP11980">
        <v>30</v>
      </c>
      <c r="AQ11980">
        <v>30</v>
      </c>
    </row>
    <row r="11981" spans="1:43">
      <c r="A11981" t="s">
        <v>7450</v>
      </c>
      <c r="B11981" t="s">
        <v>7451</v>
      </c>
      <c r="C11981" t="s">
        <v>7432</v>
      </c>
      <c r="D11981" t="s">
        <v>7433</v>
      </c>
      <c r="E11981" t="s">
        <v>7278</v>
      </c>
      <c r="F11981" t="s">
        <v>7279</v>
      </c>
      <c r="G11981" t="s">
        <v>80</v>
      </c>
      <c r="H11981" t="s">
        <v>81</v>
      </c>
      <c r="I11981" s="2">
        <v>0</v>
      </c>
      <c r="J11981" s="2">
        <v>1</v>
      </c>
      <c r="K11981" s="2">
        <v>0</v>
      </c>
      <c r="L11981" t="s">
        <v>82</v>
      </c>
      <c r="M11981" t="s">
        <v>83</v>
      </c>
      <c r="N11981" t="s">
        <v>91</v>
      </c>
      <c r="O11981" t="s">
        <v>85</v>
      </c>
      <c r="P11981" t="s">
        <v>86</v>
      </c>
      <c r="Q11981">
        <v>26</v>
      </c>
      <c r="R11981">
        <v>27</v>
      </c>
      <c r="S11981">
        <v>27</v>
      </c>
      <c r="T11981">
        <v>27</v>
      </c>
      <c r="U11981">
        <v>27</v>
      </c>
      <c r="V11981">
        <v>28</v>
      </c>
      <c r="W11981">
        <v>28</v>
      </c>
      <c r="X11981">
        <v>28</v>
      </c>
      <c r="Y11981">
        <v>28</v>
      </c>
      <c r="Z11981">
        <v>29</v>
      </c>
      <c r="AA11981">
        <v>29</v>
      </c>
      <c r="AB11981">
        <v>29</v>
      </c>
      <c r="AC11981">
        <v>29</v>
      </c>
      <c r="AD11981">
        <v>30</v>
      </c>
      <c r="AE11981">
        <v>30</v>
      </c>
      <c r="AF11981">
        <v>30</v>
      </c>
      <c r="AG11981">
        <v>30</v>
      </c>
      <c r="AH11981">
        <v>30</v>
      </c>
      <c r="AI11981">
        <v>31</v>
      </c>
      <c r="AJ11981">
        <v>31</v>
      </c>
      <c r="AK11981">
        <v>31</v>
      </c>
      <c r="AL11981">
        <v>31</v>
      </c>
      <c r="AM11981">
        <v>31</v>
      </c>
      <c r="AN11981">
        <v>31</v>
      </c>
      <c r="AO11981">
        <v>31</v>
      </c>
      <c r="AP11981">
        <v>31</v>
      </c>
      <c r="AQ11981">
        <v>31</v>
      </c>
    </row>
    <row r="11982" spans="1:43">
      <c r="A11982" t="s">
        <v>7452</v>
      </c>
      <c r="B11982" t="s">
        <v>7453</v>
      </c>
      <c r="C11982" t="s">
        <v>7454</v>
      </c>
      <c r="D11982" t="s">
        <v>7455</v>
      </c>
      <c r="E11982" t="s">
        <v>7278</v>
      </c>
      <c r="F11982" t="s">
        <v>7279</v>
      </c>
      <c r="G11982" t="s">
        <v>80</v>
      </c>
      <c r="H11982" t="s">
        <v>81</v>
      </c>
      <c r="I11982" s="2">
        <v>0</v>
      </c>
      <c r="J11982" s="2">
        <v>1</v>
      </c>
      <c r="K11982" s="2">
        <v>0</v>
      </c>
      <c r="L11982" t="s">
        <v>82</v>
      </c>
      <c r="M11982" t="s">
        <v>83</v>
      </c>
      <c r="N11982" t="s">
        <v>84</v>
      </c>
      <c r="O11982" t="s">
        <v>85</v>
      </c>
      <c r="P11982" t="s">
        <v>86</v>
      </c>
      <c r="Q11982">
        <v>54</v>
      </c>
      <c r="R11982">
        <v>55</v>
      </c>
      <c r="S11982">
        <v>55</v>
      </c>
      <c r="T11982">
        <v>56</v>
      </c>
      <c r="U11982">
        <v>57</v>
      </c>
      <c r="V11982">
        <v>57</v>
      </c>
      <c r="W11982">
        <v>58</v>
      </c>
      <c r="X11982">
        <v>58</v>
      </c>
      <c r="Y11982">
        <v>59</v>
      </c>
      <c r="Z11982">
        <v>59</v>
      </c>
      <c r="AA11982">
        <v>60</v>
      </c>
      <c r="AB11982">
        <v>60</v>
      </c>
      <c r="AC11982">
        <v>60</v>
      </c>
      <c r="AD11982">
        <v>61</v>
      </c>
      <c r="AE11982">
        <v>61</v>
      </c>
      <c r="AF11982">
        <v>62</v>
      </c>
      <c r="AG11982">
        <v>62</v>
      </c>
      <c r="AH11982">
        <v>62</v>
      </c>
      <c r="AI11982">
        <v>63</v>
      </c>
      <c r="AJ11982">
        <v>63</v>
      </c>
      <c r="AK11982">
        <v>63</v>
      </c>
      <c r="AL11982">
        <v>63</v>
      </c>
      <c r="AM11982">
        <v>63</v>
      </c>
      <c r="AN11982">
        <v>63</v>
      </c>
      <c r="AO11982">
        <v>63</v>
      </c>
      <c r="AP11982">
        <v>62</v>
      </c>
      <c r="AQ11982">
        <v>62</v>
      </c>
    </row>
    <row r="11983" spans="1:43">
      <c r="A11983" t="s">
        <v>7452</v>
      </c>
      <c r="B11983" t="s">
        <v>7453</v>
      </c>
      <c r="C11983" t="s">
        <v>7454</v>
      </c>
      <c r="D11983" t="s">
        <v>7455</v>
      </c>
      <c r="E11983" t="s">
        <v>7278</v>
      </c>
      <c r="F11983" t="s">
        <v>7279</v>
      </c>
      <c r="G11983" t="s">
        <v>80</v>
      </c>
      <c r="H11983" t="s">
        <v>81</v>
      </c>
      <c r="I11983" s="2">
        <v>0</v>
      </c>
      <c r="J11983" s="2">
        <v>1</v>
      </c>
      <c r="K11983" s="2">
        <v>0</v>
      </c>
      <c r="L11983" t="s">
        <v>82</v>
      </c>
      <c r="M11983" t="s">
        <v>87</v>
      </c>
      <c r="N11983" t="s">
        <v>88</v>
      </c>
      <c r="O11983" t="s">
        <v>85</v>
      </c>
      <c r="P11983" t="s">
        <v>86</v>
      </c>
      <c r="Q11983">
        <v>54</v>
      </c>
      <c r="R11983">
        <v>54</v>
      </c>
      <c r="S11983">
        <v>54</v>
      </c>
      <c r="T11983">
        <v>54</v>
      </c>
      <c r="U11983">
        <v>54</v>
      </c>
      <c r="V11983">
        <v>54</v>
      </c>
      <c r="W11983">
        <v>54</v>
      </c>
      <c r="X11983">
        <v>54</v>
      </c>
      <c r="Y11983">
        <v>54</v>
      </c>
      <c r="Z11983">
        <v>54</v>
      </c>
      <c r="AA11983">
        <v>54</v>
      </c>
      <c r="AB11983">
        <v>54</v>
      </c>
      <c r="AC11983">
        <v>54</v>
      </c>
      <c r="AD11983">
        <v>54</v>
      </c>
      <c r="AE11983">
        <v>54</v>
      </c>
      <c r="AF11983">
        <v>54</v>
      </c>
      <c r="AG11983">
        <v>54</v>
      </c>
      <c r="AH11983">
        <v>54</v>
      </c>
      <c r="AI11983">
        <v>54</v>
      </c>
      <c r="AJ11983">
        <v>54</v>
      </c>
      <c r="AK11983">
        <v>54</v>
      </c>
      <c r="AL11983">
        <v>54</v>
      </c>
      <c r="AM11983">
        <v>54</v>
      </c>
      <c r="AN11983">
        <v>54</v>
      </c>
      <c r="AO11983">
        <v>54</v>
      </c>
      <c r="AP11983">
        <v>54</v>
      </c>
      <c r="AQ11983">
        <v>54</v>
      </c>
    </row>
    <row r="11984" spans="1:43">
      <c r="A11984" t="s">
        <v>7452</v>
      </c>
      <c r="B11984" t="s">
        <v>7453</v>
      </c>
      <c r="C11984" t="s">
        <v>7454</v>
      </c>
      <c r="D11984" t="s">
        <v>7455</v>
      </c>
      <c r="E11984" t="s">
        <v>7278</v>
      </c>
      <c r="F11984" t="s">
        <v>7279</v>
      </c>
      <c r="G11984" t="s">
        <v>80</v>
      </c>
      <c r="H11984" t="s">
        <v>81</v>
      </c>
      <c r="I11984" s="2">
        <v>0</v>
      </c>
      <c r="J11984" s="2">
        <v>1</v>
      </c>
      <c r="K11984" s="2">
        <v>0</v>
      </c>
      <c r="L11984" t="s">
        <v>82</v>
      </c>
      <c r="M11984" t="s">
        <v>89</v>
      </c>
      <c r="N11984" t="s">
        <v>90</v>
      </c>
      <c r="O11984" t="s">
        <v>85</v>
      </c>
      <c r="P11984" t="s">
        <v>86</v>
      </c>
      <c r="Q11984">
        <v>54</v>
      </c>
      <c r="R11984">
        <v>55</v>
      </c>
      <c r="S11984">
        <v>56</v>
      </c>
      <c r="T11984">
        <v>57</v>
      </c>
      <c r="U11984">
        <v>58</v>
      </c>
      <c r="V11984">
        <v>59</v>
      </c>
      <c r="W11984">
        <v>60</v>
      </c>
      <c r="X11984">
        <v>60</v>
      </c>
      <c r="Y11984">
        <v>61</v>
      </c>
      <c r="Z11984">
        <v>62</v>
      </c>
      <c r="AA11984">
        <v>62</v>
      </c>
      <c r="AB11984">
        <v>63</v>
      </c>
      <c r="AC11984">
        <v>64</v>
      </c>
      <c r="AD11984">
        <v>64</v>
      </c>
      <c r="AE11984">
        <v>65</v>
      </c>
      <c r="AF11984">
        <v>64</v>
      </c>
      <c r="AG11984">
        <v>64</v>
      </c>
      <c r="AH11984">
        <v>64</v>
      </c>
      <c r="AI11984">
        <v>64</v>
      </c>
      <c r="AJ11984">
        <v>63</v>
      </c>
      <c r="AK11984">
        <v>63</v>
      </c>
      <c r="AL11984">
        <v>63</v>
      </c>
      <c r="AM11984">
        <v>63</v>
      </c>
      <c r="AN11984">
        <v>62</v>
      </c>
      <c r="AO11984">
        <v>62</v>
      </c>
      <c r="AP11984">
        <v>62</v>
      </c>
      <c r="AQ11984">
        <v>62</v>
      </c>
    </row>
    <row r="11985" spans="1:43">
      <c r="A11985" t="s">
        <v>7452</v>
      </c>
      <c r="B11985" t="s">
        <v>7453</v>
      </c>
      <c r="C11985" t="s">
        <v>7454</v>
      </c>
      <c r="D11985" t="s">
        <v>7455</v>
      </c>
      <c r="E11985" t="s">
        <v>7278</v>
      </c>
      <c r="F11985" t="s">
        <v>7279</v>
      </c>
      <c r="G11985" t="s">
        <v>80</v>
      </c>
      <c r="H11985" t="s">
        <v>81</v>
      </c>
      <c r="I11985" s="2">
        <v>0</v>
      </c>
      <c r="J11985" s="2">
        <v>1</v>
      </c>
      <c r="K11985" s="2">
        <v>0</v>
      </c>
      <c r="L11985" t="s">
        <v>82</v>
      </c>
      <c r="M11985" t="s">
        <v>83</v>
      </c>
      <c r="N11985" t="s">
        <v>91</v>
      </c>
      <c r="O11985" t="s">
        <v>85</v>
      </c>
      <c r="P11985" t="s">
        <v>86</v>
      </c>
      <c r="Q11985">
        <v>54</v>
      </c>
      <c r="R11985">
        <v>55</v>
      </c>
      <c r="S11985">
        <v>55</v>
      </c>
      <c r="T11985">
        <v>56</v>
      </c>
      <c r="U11985">
        <v>57</v>
      </c>
      <c r="V11985">
        <v>57</v>
      </c>
      <c r="W11985">
        <v>58</v>
      </c>
      <c r="X11985">
        <v>58</v>
      </c>
      <c r="Y11985">
        <v>59</v>
      </c>
      <c r="Z11985">
        <v>59</v>
      </c>
      <c r="AA11985">
        <v>60</v>
      </c>
      <c r="AB11985">
        <v>60</v>
      </c>
      <c r="AC11985">
        <v>60</v>
      </c>
      <c r="AD11985">
        <v>61</v>
      </c>
      <c r="AE11985">
        <v>61</v>
      </c>
      <c r="AF11985">
        <v>62</v>
      </c>
      <c r="AG11985">
        <v>62</v>
      </c>
      <c r="AH11985">
        <v>62</v>
      </c>
      <c r="AI11985">
        <v>63</v>
      </c>
      <c r="AJ11985">
        <v>63</v>
      </c>
      <c r="AK11985">
        <v>63</v>
      </c>
      <c r="AL11985">
        <v>63</v>
      </c>
      <c r="AM11985">
        <v>63</v>
      </c>
      <c r="AN11985">
        <v>63</v>
      </c>
      <c r="AO11985">
        <v>63</v>
      </c>
      <c r="AP11985">
        <v>62</v>
      </c>
      <c r="AQ11985">
        <v>62</v>
      </c>
    </row>
    <row r="11986" spans="1:43">
      <c r="A11986" t="s">
        <v>7456</v>
      </c>
      <c r="B11986" t="s">
        <v>7457</v>
      </c>
      <c r="C11986" t="s">
        <v>7458</v>
      </c>
      <c r="D11986" t="s">
        <v>7459</v>
      </c>
      <c r="E11986" t="s">
        <v>7278</v>
      </c>
      <c r="F11986" t="s">
        <v>7279</v>
      </c>
      <c r="G11986" t="s">
        <v>80</v>
      </c>
      <c r="H11986" t="s">
        <v>81</v>
      </c>
      <c r="I11986" s="2">
        <v>0</v>
      </c>
      <c r="J11986" s="2">
        <v>1</v>
      </c>
      <c r="K11986" s="2">
        <v>0</v>
      </c>
      <c r="L11986" t="s">
        <v>82</v>
      </c>
      <c r="M11986" t="s">
        <v>83</v>
      </c>
      <c r="N11986" t="s">
        <v>84</v>
      </c>
      <c r="O11986" t="s">
        <v>85</v>
      </c>
      <c r="P11986" t="s">
        <v>86</v>
      </c>
      <c r="Q11986">
        <v>12</v>
      </c>
      <c r="R11986">
        <v>12</v>
      </c>
      <c r="S11986">
        <v>12</v>
      </c>
      <c r="T11986">
        <v>12</v>
      </c>
      <c r="U11986">
        <v>12</v>
      </c>
      <c r="V11986">
        <v>12</v>
      </c>
      <c r="W11986">
        <v>12</v>
      </c>
      <c r="X11986">
        <v>13</v>
      </c>
      <c r="Y11986">
        <v>13</v>
      </c>
      <c r="Z11986">
        <v>13</v>
      </c>
      <c r="AA11986">
        <v>13</v>
      </c>
      <c r="AB11986">
        <v>13</v>
      </c>
      <c r="AC11986">
        <v>13</v>
      </c>
      <c r="AD11986">
        <v>13</v>
      </c>
      <c r="AE11986">
        <v>13</v>
      </c>
      <c r="AF11986">
        <v>13</v>
      </c>
      <c r="AG11986">
        <v>13</v>
      </c>
      <c r="AH11986">
        <v>13</v>
      </c>
      <c r="AI11986">
        <v>14</v>
      </c>
      <c r="AJ11986">
        <v>14</v>
      </c>
      <c r="AK11986">
        <v>14</v>
      </c>
      <c r="AL11986">
        <v>14</v>
      </c>
      <c r="AM11986">
        <v>14</v>
      </c>
      <c r="AN11986">
        <v>14</v>
      </c>
      <c r="AO11986">
        <v>14</v>
      </c>
      <c r="AP11986">
        <v>13</v>
      </c>
      <c r="AQ11986">
        <v>13</v>
      </c>
    </row>
    <row r="11987" spans="1:43">
      <c r="A11987" t="s">
        <v>7456</v>
      </c>
      <c r="B11987" t="s">
        <v>7457</v>
      </c>
      <c r="C11987" t="s">
        <v>7458</v>
      </c>
      <c r="D11987" t="s">
        <v>7459</v>
      </c>
      <c r="E11987" t="s">
        <v>7278</v>
      </c>
      <c r="F11987" t="s">
        <v>7279</v>
      </c>
      <c r="G11987" t="s">
        <v>80</v>
      </c>
      <c r="H11987" t="s">
        <v>81</v>
      </c>
      <c r="I11987" s="2">
        <v>0</v>
      </c>
      <c r="J11987" s="2">
        <v>1</v>
      </c>
      <c r="K11987" s="2">
        <v>0</v>
      </c>
      <c r="L11987" t="s">
        <v>82</v>
      </c>
      <c r="M11987" t="s">
        <v>87</v>
      </c>
      <c r="N11987" t="s">
        <v>88</v>
      </c>
      <c r="O11987" t="s">
        <v>85</v>
      </c>
      <c r="P11987" t="s">
        <v>86</v>
      </c>
      <c r="Q11987">
        <v>12</v>
      </c>
      <c r="R11987">
        <v>12</v>
      </c>
      <c r="S11987">
        <v>12</v>
      </c>
      <c r="T11987">
        <v>12</v>
      </c>
      <c r="U11987">
        <v>12</v>
      </c>
      <c r="V11987">
        <v>12</v>
      </c>
      <c r="W11987">
        <v>12</v>
      </c>
      <c r="X11987">
        <v>12</v>
      </c>
      <c r="Y11987">
        <v>12</v>
      </c>
      <c r="Z11987">
        <v>12</v>
      </c>
      <c r="AA11987">
        <v>12</v>
      </c>
      <c r="AB11987">
        <v>12</v>
      </c>
      <c r="AC11987">
        <v>12</v>
      </c>
      <c r="AD11987">
        <v>12</v>
      </c>
      <c r="AE11987">
        <v>12</v>
      </c>
      <c r="AF11987">
        <v>12</v>
      </c>
      <c r="AG11987">
        <v>12</v>
      </c>
      <c r="AH11987">
        <v>12</v>
      </c>
      <c r="AI11987">
        <v>12</v>
      </c>
      <c r="AJ11987">
        <v>12</v>
      </c>
      <c r="AK11987">
        <v>12</v>
      </c>
      <c r="AL11987">
        <v>12</v>
      </c>
      <c r="AM11987">
        <v>12</v>
      </c>
      <c r="AN11987">
        <v>12</v>
      </c>
      <c r="AO11987">
        <v>12</v>
      </c>
      <c r="AP11987">
        <v>12</v>
      </c>
      <c r="AQ11987">
        <v>12</v>
      </c>
    </row>
    <row r="11988" spans="1:43">
      <c r="A11988" t="s">
        <v>7456</v>
      </c>
      <c r="B11988" t="s">
        <v>7457</v>
      </c>
      <c r="C11988" t="s">
        <v>7458</v>
      </c>
      <c r="D11988" t="s">
        <v>7459</v>
      </c>
      <c r="E11988" t="s">
        <v>7278</v>
      </c>
      <c r="F11988" t="s">
        <v>7279</v>
      </c>
      <c r="G11988" t="s">
        <v>80</v>
      </c>
      <c r="H11988" t="s">
        <v>81</v>
      </c>
      <c r="I11988" s="2">
        <v>0</v>
      </c>
      <c r="J11988" s="2">
        <v>1</v>
      </c>
      <c r="K11988" s="2">
        <v>0</v>
      </c>
      <c r="L11988" t="s">
        <v>82</v>
      </c>
      <c r="M11988" t="s">
        <v>89</v>
      </c>
      <c r="N11988" t="s">
        <v>90</v>
      </c>
      <c r="O11988" t="s">
        <v>85</v>
      </c>
      <c r="P11988" t="s">
        <v>86</v>
      </c>
      <c r="Q11988">
        <v>12</v>
      </c>
      <c r="R11988">
        <v>12</v>
      </c>
      <c r="S11988">
        <v>12</v>
      </c>
      <c r="T11988">
        <v>13</v>
      </c>
      <c r="U11988">
        <v>13</v>
      </c>
      <c r="V11988">
        <v>13</v>
      </c>
      <c r="W11988">
        <v>13</v>
      </c>
      <c r="X11988">
        <v>13</v>
      </c>
      <c r="Y11988">
        <v>13</v>
      </c>
      <c r="Z11988">
        <v>14</v>
      </c>
      <c r="AA11988">
        <v>14</v>
      </c>
      <c r="AB11988">
        <v>14</v>
      </c>
      <c r="AC11988">
        <v>14</v>
      </c>
      <c r="AD11988">
        <v>14</v>
      </c>
      <c r="AE11988">
        <v>14</v>
      </c>
      <c r="AF11988">
        <v>14</v>
      </c>
      <c r="AG11988">
        <v>14</v>
      </c>
      <c r="AH11988">
        <v>14</v>
      </c>
      <c r="AI11988">
        <v>14</v>
      </c>
      <c r="AJ11988">
        <v>14</v>
      </c>
      <c r="AK11988">
        <v>14</v>
      </c>
      <c r="AL11988">
        <v>14</v>
      </c>
      <c r="AM11988">
        <v>14</v>
      </c>
      <c r="AN11988">
        <v>14</v>
      </c>
      <c r="AO11988">
        <v>14</v>
      </c>
      <c r="AP11988">
        <v>14</v>
      </c>
      <c r="AQ11988">
        <v>14</v>
      </c>
    </row>
    <row r="11989" spans="1:43">
      <c r="A11989" t="s">
        <v>7456</v>
      </c>
      <c r="B11989" t="s">
        <v>7457</v>
      </c>
      <c r="C11989" t="s">
        <v>7458</v>
      </c>
      <c r="D11989" t="s">
        <v>7459</v>
      </c>
      <c r="E11989" t="s">
        <v>7278</v>
      </c>
      <c r="F11989" t="s">
        <v>7279</v>
      </c>
      <c r="G11989" t="s">
        <v>80</v>
      </c>
      <c r="H11989" t="s">
        <v>81</v>
      </c>
      <c r="I11989" s="2">
        <v>0</v>
      </c>
      <c r="J11989" s="2">
        <v>1</v>
      </c>
      <c r="K11989" s="2">
        <v>0</v>
      </c>
      <c r="L11989" t="s">
        <v>82</v>
      </c>
      <c r="M11989" t="s">
        <v>83</v>
      </c>
      <c r="N11989" t="s">
        <v>91</v>
      </c>
      <c r="O11989" t="s">
        <v>85</v>
      </c>
      <c r="P11989" t="s">
        <v>86</v>
      </c>
      <c r="Q11989">
        <v>12</v>
      </c>
      <c r="R11989">
        <v>12</v>
      </c>
      <c r="S11989">
        <v>12</v>
      </c>
      <c r="T11989">
        <v>12</v>
      </c>
      <c r="U11989">
        <v>12</v>
      </c>
      <c r="V11989">
        <v>12</v>
      </c>
      <c r="W11989">
        <v>12</v>
      </c>
      <c r="X11989">
        <v>13</v>
      </c>
      <c r="Y11989">
        <v>13</v>
      </c>
      <c r="Z11989">
        <v>13</v>
      </c>
      <c r="AA11989">
        <v>13</v>
      </c>
      <c r="AB11989">
        <v>13</v>
      </c>
      <c r="AC11989">
        <v>13</v>
      </c>
      <c r="AD11989">
        <v>13</v>
      </c>
      <c r="AE11989">
        <v>13</v>
      </c>
      <c r="AF11989">
        <v>13</v>
      </c>
      <c r="AG11989">
        <v>13</v>
      </c>
      <c r="AH11989">
        <v>13</v>
      </c>
      <c r="AI11989">
        <v>14</v>
      </c>
      <c r="AJ11989">
        <v>14</v>
      </c>
      <c r="AK11989">
        <v>14</v>
      </c>
      <c r="AL11989">
        <v>14</v>
      </c>
      <c r="AM11989">
        <v>14</v>
      </c>
      <c r="AN11989">
        <v>14</v>
      </c>
      <c r="AO11989">
        <v>14</v>
      </c>
      <c r="AP11989">
        <v>13</v>
      </c>
      <c r="AQ11989">
        <v>13</v>
      </c>
    </row>
    <row r="11990" spans="1:43">
      <c r="A11990" t="s">
        <v>7460</v>
      </c>
      <c r="B11990" t="s">
        <v>7461</v>
      </c>
      <c r="C11990" t="s">
        <v>7454</v>
      </c>
      <c r="D11990" t="s">
        <v>7455</v>
      </c>
      <c r="E11990" t="s">
        <v>7278</v>
      </c>
      <c r="F11990" t="s">
        <v>7279</v>
      </c>
      <c r="G11990" t="s">
        <v>80</v>
      </c>
      <c r="H11990" t="s">
        <v>81</v>
      </c>
      <c r="I11990" s="2">
        <v>0</v>
      </c>
      <c r="J11990" s="2">
        <v>1</v>
      </c>
      <c r="K11990" s="2">
        <v>0</v>
      </c>
      <c r="L11990" t="s">
        <v>82</v>
      </c>
      <c r="M11990" t="s">
        <v>83</v>
      </c>
      <c r="N11990" t="s">
        <v>84</v>
      </c>
      <c r="O11990" t="s">
        <v>85</v>
      </c>
      <c r="P11990" t="s">
        <v>86</v>
      </c>
      <c r="Q11990">
        <v>29</v>
      </c>
      <c r="R11990">
        <v>30</v>
      </c>
      <c r="S11990">
        <v>30</v>
      </c>
      <c r="T11990">
        <v>30</v>
      </c>
      <c r="U11990">
        <v>31</v>
      </c>
      <c r="V11990">
        <v>31</v>
      </c>
      <c r="W11990">
        <v>31</v>
      </c>
      <c r="X11990">
        <v>32</v>
      </c>
      <c r="Y11990">
        <v>32</v>
      </c>
      <c r="Z11990">
        <v>32</v>
      </c>
      <c r="AA11990">
        <v>32</v>
      </c>
      <c r="AB11990">
        <v>33</v>
      </c>
      <c r="AC11990">
        <v>33</v>
      </c>
      <c r="AD11990">
        <v>33</v>
      </c>
      <c r="AE11990">
        <v>33</v>
      </c>
      <c r="AF11990">
        <v>33</v>
      </c>
      <c r="AG11990">
        <v>34</v>
      </c>
      <c r="AH11990">
        <v>34</v>
      </c>
      <c r="AI11990">
        <v>34</v>
      </c>
      <c r="AJ11990">
        <v>34</v>
      </c>
      <c r="AK11990">
        <v>34</v>
      </c>
      <c r="AL11990">
        <v>34</v>
      </c>
      <c r="AM11990">
        <v>34</v>
      </c>
      <c r="AN11990">
        <v>34</v>
      </c>
      <c r="AO11990">
        <v>34</v>
      </c>
      <c r="AP11990">
        <v>34</v>
      </c>
      <c r="AQ11990">
        <v>34</v>
      </c>
    </row>
    <row r="11991" spans="1:43">
      <c r="A11991" t="s">
        <v>7460</v>
      </c>
      <c r="B11991" t="s">
        <v>7461</v>
      </c>
      <c r="C11991" t="s">
        <v>7454</v>
      </c>
      <c r="D11991" t="s">
        <v>7455</v>
      </c>
      <c r="E11991" t="s">
        <v>7278</v>
      </c>
      <c r="F11991" t="s">
        <v>7279</v>
      </c>
      <c r="G11991" t="s">
        <v>80</v>
      </c>
      <c r="H11991" t="s">
        <v>81</v>
      </c>
      <c r="I11991" s="2">
        <v>0</v>
      </c>
      <c r="J11991" s="2">
        <v>1</v>
      </c>
      <c r="K11991" s="2">
        <v>0</v>
      </c>
      <c r="L11991" t="s">
        <v>82</v>
      </c>
      <c r="M11991" t="s">
        <v>87</v>
      </c>
      <c r="N11991" t="s">
        <v>88</v>
      </c>
      <c r="O11991" t="s">
        <v>85</v>
      </c>
      <c r="P11991" t="s">
        <v>86</v>
      </c>
      <c r="Q11991">
        <v>29</v>
      </c>
      <c r="R11991">
        <v>29</v>
      </c>
      <c r="S11991">
        <v>29</v>
      </c>
      <c r="T11991">
        <v>29</v>
      </c>
      <c r="U11991">
        <v>29</v>
      </c>
      <c r="V11991">
        <v>29</v>
      </c>
      <c r="W11991">
        <v>29</v>
      </c>
      <c r="X11991">
        <v>29</v>
      </c>
      <c r="Y11991">
        <v>29</v>
      </c>
      <c r="Z11991">
        <v>29</v>
      </c>
      <c r="AA11991">
        <v>29</v>
      </c>
      <c r="AB11991">
        <v>30</v>
      </c>
      <c r="AC11991">
        <v>30</v>
      </c>
      <c r="AD11991">
        <v>30</v>
      </c>
      <c r="AE11991">
        <v>30</v>
      </c>
      <c r="AF11991">
        <v>30</v>
      </c>
      <c r="AG11991">
        <v>30</v>
      </c>
      <c r="AH11991">
        <v>29</v>
      </c>
      <c r="AI11991">
        <v>29</v>
      </c>
      <c r="AJ11991">
        <v>29</v>
      </c>
      <c r="AK11991">
        <v>29</v>
      </c>
      <c r="AL11991">
        <v>29</v>
      </c>
      <c r="AM11991">
        <v>29</v>
      </c>
      <c r="AN11991">
        <v>29</v>
      </c>
      <c r="AO11991">
        <v>29</v>
      </c>
      <c r="AP11991">
        <v>29</v>
      </c>
      <c r="AQ11991">
        <v>29</v>
      </c>
    </row>
    <row r="11992" spans="1:43">
      <c r="A11992" t="s">
        <v>7460</v>
      </c>
      <c r="B11992" t="s">
        <v>7461</v>
      </c>
      <c r="C11992" t="s">
        <v>7454</v>
      </c>
      <c r="D11992" t="s">
        <v>7455</v>
      </c>
      <c r="E11992" t="s">
        <v>7278</v>
      </c>
      <c r="F11992" t="s">
        <v>7279</v>
      </c>
      <c r="G11992" t="s">
        <v>80</v>
      </c>
      <c r="H11992" t="s">
        <v>81</v>
      </c>
      <c r="I11992" s="2">
        <v>0</v>
      </c>
      <c r="J11992" s="2">
        <v>1</v>
      </c>
      <c r="K11992" s="2">
        <v>0</v>
      </c>
      <c r="L11992" t="s">
        <v>82</v>
      </c>
      <c r="M11992" t="s">
        <v>89</v>
      </c>
      <c r="N11992" t="s">
        <v>90</v>
      </c>
      <c r="O11992" t="s">
        <v>85</v>
      </c>
      <c r="P11992" t="s">
        <v>86</v>
      </c>
      <c r="Q11992">
        <v>29</v>
      </c>
      <c r="R11992">
        <v>29</v>
      </c>
      <c r="S11992">
        <v>30</v>
      </c>
      <c r="T11992">
        <v>30</v>
      </c>
      <c r="U11992">
        <v>31</v>
      </c>
      <c r="V11992">
        <v>31</v>
      </c>
      <c r="W11992">
        <v>32</v>
      </c>
      <c r="X11992">
        <v>32</v>
      </c>
      <c r="Y11992">
        <v>33</v>
      </c>
      <c r="Z11992">
        <v>33</v>
      </c>
      <c r="AA11992">
        <v>33</v>
      </c>
      <c r="AB11992">
        <v>34</v>
      </c>
      <c r="AC11992">
        <v>34</v>
      </c>
      <c r="AD11992">
        <v>34</v>
      </c>
      <c r="AE11992">
        <v>35</v>
      </c>
      <c r="AF11992">
        <v>34</v>
      </c>
      <c r="AG11992">
        <v>34</v>
      </c>
      <c r="AH11992">
        <v>34</v>
      </c>
      <c r="AI11992">
        <v>34</v>
      </c>
      <c r="AJ11992">
        <v>34</v>
      </c>
      <c r="AK11992">
        <v>34</v>
      </c>
      <c r="AL11992">
        <v>34</v>
      </c>
      <c r="AM11992">
        <v>34</v>
      </c>
      <c r="AN11992">
        <v>33</v>
      </c>
      <c r="AO11992">
        <v>33</v>
      </c>
      <c r="AP11992">
        <v>33</v>
      </c>
      <c r="AQ11992">
        <v>33</v>
      </c>
    </row>
    <row r="11993" spans="1:43">
      <c r="A11993" t="s">
        <v>7460</v>
      </c>
      <c r="B11993" t="s">
        <v>7461</v>
      </c>
      <c r="C11993" t="s">
        <v>7454</v>
      </c>
      <c r="D11993" t="s">
        <v>7455</v>
      </c>
      <c r="E11993" t="s">
        <v>7278</v>
      </c>
      <c r="F11993" t="s">
        <v>7279</v>
      </c>
      <c r="G11993" t="s">
        <v>80</v>
      </c>
      <c r="H11993" t="s">
        <v>81</v>
      </c>
      <c r="I11993" s="2">
        <v>0</v>
      </c>
      <c r="J11993" s="2">
        <v>1</v>
      </c>
      <c r="K11993" s="2">
        <v>0</v>
      </c>
      <c r="L11993" t="s">
        <v>82</v>
      </c>
      <c r="M11993" t="s">
        <v>83</v>
      </c>
      <c r="N11993" t="s">
        <v>91</v>
      </c>
      <c r="O11993" t="s">
        <v>85</v>
      </c>
      <c r="P11993" t="s">
        <v>86</v>
      </c>
      <c r="Q11993">
        <v>29</v>
      </c>
      <c r="R11993">
        <v>30</v>
      </c>
      <c r="S11993">
        <v>30</v>
      </c>
      <c r="T11993">
        <v>30</v>
      </c>
      <c r="U11993">
        <v>31</v>
      </c>
      <c r="V11993">
        <v>31</v>
      </c>
      <c r="W11993">
        <v>31</v>
      </c>
      <c r="X11993">
        <v>32</v>
      </c>
      <c r="Y11993">
        <v>32</v>
      </c>
      <c r="Z11993">
        <v>32</v>
      </c>
      <c r="AA11993">
        <v>32</v>
      </c>
      <c r="AB11993">
        <v>33</v>
      </c>
      <c r="AC11993">
        <v>33</v>
      </c>
      <c r="AD11993">
        <v>33</v>
      </c>
      <c r="AE11993">
        <v>33</v>
      </c>
      <c r="AF11993">
        <v>33</v>
      </c>
      <c r="AG11993">
        <v>34</v>
      </c>
      <c r="AH11993">
        <v>34</v>
      </c>
      <c r="AI11993">
        <v>34</v>
      </c>
      <c r="AJ11993">
        <v>34</v>
      </c>
      <c r="AK11993">
        <v>34</v>
      </c>
      <c r="AL11993">
        <v>34</v>
      </c>
      <c r="AM11993">
        <v>34</v>
      </c>
      <c r="AN11993">
        <v>34</v>
      </c>
      <c r="AO11993">
        <v>34</v>
      </c>
      <c r="AP11993">
        <v>34</v>
      </c>
      <c r="AQ11993">
        <v>34</v>
      </c>
    </row>
    <row r="11994" spans="1:43">
      <c r="A11994" t="s">
        <v>7462</v>
      </c>
      <c r="B11994" t="s">
        <v>7463</v>
      </c>
      <c r="C11994" t="s">
        <v>7454</v>
      </c>
      <c r="D11994" t="s">
        <v>7455</v>
      </c>
      <c r="E11994" t="s">
        <v>7278</v>
      </c>
      <c r="F11994" t="s">
        <v>7279</v>
      </c>
      <c r="G11994" t="s">
        <v>80</v>
      </c>
      <c r="H11994" t="s">
        <v>81</v>
      </c>
      <c r="I11994" s="2">
        <v>0</v>
      </c>
      <c r="J11994" s="2">
        <v>1</v>
      </c>
      <c r="K11994" s="2">
        <v>0</v>
      </c>
      <c r="L11994" t="s">
        <v>82</v>
      </c>
      <c r="M11994" t="s">
        <v>83</v>
      </c>
      <c r="N11994" t="s">
        <v>84</v>
      </c>
      <c r="O11994" t="s">
        <v>85</v>
      </c>
      <c r="P11994" t="s">
        <v>86</v>
      </c>
      <c r="Q11994">
        <v>36</v>
      </c>
      <c r="R11994">
        <v>36</v>
      </c>
      <c r="S11994">
        <v>37</v>
      </c>
      <c r="T11994">
        <v>37</v>
      </c>
      <c r="U11994">
        <v>37</v>
      </c>
      <c r="V11994">
        <v>38</v>
      </c>
      <c r="W11994">
        <v>38</v>
      </c>
      <c r="X11994">
        <v>38</v>
      </c>
      <c r="Y11994">
        <v>39</v>
      </c>
      <c r="Z11994">
        <v>39</v>
      </c>
      <c r="AA11994">
        <v>39</v>
      </c>
      <c r="AB11994">
        <v>40</v>
      </c>
      <c r="AC11994">
        <v>40</v>
      </c>
      <c r="AD11994">
        <v>40</v>
      </c>
      <c r="AE11994">
        <v>40</v>
      </c>
      <c r="AF11994">
        <v>41</v>
      </c>
      <c r="AG11994">
        <v>41</v>
      </c>
      <c r="AH11994">
        <v>41</v>
      </c>
      <c r="AI11994">
        <v>41</v>
      </c>
      <c r="AJ11994">
        <v>42</v>
      </c>
      <c r="AK11994">
        <v>42</v>
      </c>
      <c r="AL11994">
        <v>42</v>
      </c>
      <c r="AM11994">
        <v>42</v>
      </c>
      <c r="AN11994">
        <v>41</v>
      </c>
      <c r="AO11994">
        <v>41</v>
      </c>
      <c r="AP11994">
        <v>41</v>
      </c>
      <c r="AQ11994">
        <v>41</v>
      </c>
    </row>
    <row r="11995" spans="1:43">
      <c r="A11995" t="s">
        <v>7462</v>
      </c>
      <c r="B11995" t="s">
        <v>7463</v>
      </c>
      <c r="C11995" t="s">
        <v>7454</v>
      </c>
      <c r="D11995" t="s">
        <v>7455</v>
      </c>
      <c r="E11995" t="s">
        <v>7278</v>
      </c>
      <c r="F11995" t="s">
        <v>7279</v>
      </c>
      <c r="G11995" t="s">
        <v>80</v>
      </c>
      <c r="H11995" t="s">
        <v>81</v>
      </c>
      <c r="I11995" s="2">
        <v>0</v>
      </c>
      <c r="J11995" s="2">
        <v>1</v>
      </c>
      <c r="K11995" s="2">
        <v>0</v>
      </c>
      <c r="L11995" t="s">
        <v>82</v>
      </c>
      <c r="M11995" t="s">
        <v>87</v>
      </c>
      <c r="N11995" t="s">
        <v>88</v>
      </c>
      <c r="O11995" t="s">
        <v>85</v>
      </c>
      <c r="P11995" t="s">
        <v>86</v>
      </c>
      <c r="Q11995">
        <v>36</v>
      </c>
      <c r="R11995">
        <v>36</v>
      </c>
      <c r="S11995">
        <v>36</v>
      </c>
      <c r="T11995">
        <v>36</v>
      </c>
      <c r="U11995">
        <v>36</v>
      </c>
      <c r="V11995">
        <v>36</v>
      </c>
      <c r="W11995">
        <v>36</v>
      </c>
      <c r="X11995">
        <v>36</v>
      </c>
      <c r="Y11995">
        <v>36</v>
      </c>
      <c r="Z11995">
        <v>36</v>
      </c>
      <c r="AA11995">
        <v>36</v>
      </c>
      <c r="AB11995">
        <v>36</v>
      </c>
      <c r="AC11995">
        <v>36</v>
      </c>
      <c r="AD11995">
        <v>36</v>
      </c>
      <c r="AE11995">
        <v>36</v>
      </c>
      <c r="AF11995">
        <v>36</v>
      </c>
      <c r="AG11995">
        <v>36</v>
      </c>
      <c r="AH11995">
        <v>36</v>
      </c>
      <c r="AI11995">
        <v>36</v>
      </c>
      <c r="AJ11995">
        <v>36</v>
      </c>
      <c r="AK11995">
        <v>36</v>
      </c>
      <c r="AL11995">
        <v>36</v>
      </c>
      <c r="AM11995">
        <v>36</v>
      </c>
      <c r="AN11995">
        <v>36</v>
      </c>
      <c r="AO11995">
        <v>36</v>
      </c>
      <c r="AP11995">
        <v>36</v>
      </c>
      <c r="AQ11995">
        <v>36</v>
      </c>
    </row>
    <row r="11996" spans="1:43">
      <c r="A11996" t="s">
        <v>7462</v>
      </c>
      <c r="B11996" t="s">
        <v>7463</v>
      </c>
      <c r="C11996" t="s">
        <v>7454</v>
      </c>
      <c r="D11996" t="s">
        <v>7455</v>
      </c>
      <c r="E11996" t="s">
        <v>7278</v>
      </c>
      <c r="F11996" t="s">
        <v>7279</v>
      </c>
      <c r="G11996" t="s">
        <v>80</v>
      </c>
      <c r="H11996" t="s">
        <v>81</v>
      </c>
      <c r="I11996" s="2">
        <v>0</v>
      </c>
      <c r="J11996" s="2">
        <v>1</v>
      </c>
      <c r="K11996" s="2">
        <v>0</v>
      </c>
      <c r="L11996" t="s">
        <v>82</v>
      </c>
      <c r="M11996" t="s">
        <v>89</v>
      </c>
      <c r="N11996" t="s">
        <v>90</v>
      </c>
      <c r="O11996" t="s">
        <v>85</v>
      </c>
      <c r="P11996" t="s">
        <v>86</v>
      </c>
      <c r="Q11996">
        <v>36</v>
      </c>
      <c r="R11996">
        <v>37</v>
      </c>
      <c r="S11996">
        <v>38</v>
      </c>
      <c r="T11996">
        <v>38</v>
      </c>
      <c r="U11996">
        <v>39</v>
      </c>
      <c r="V11996">
        <v>39</v>
      </c>
      <c r="W11996">
        <v>40</v>
      </c>
      <c r="X11996">
        <v>41</v>
      </c>
      <c r="Y11996">
        <v>41</v>
      </c>
      <c r="Z11996">
        <v>42</v>
      </c>
      <c r="AA11996">
        <v>42</v>
      </c>
      <c r="AB11996">
        <v>42</v>
      </c>
      <c r="AC11996">
        <v>43</v>
      </c>
      <c r="AD11996">
        <v>43</v>
      </c>
      <c r="AE11996">
        <v>43</v>
      </c>
      <c r="AF11996">
        <v>43</v>
      </c>
      <c r="AG11996">
        <v>43</v>
      </c>
      <c r="AH11996">
        <v>43</v>
      </c>
      <c r="AI11996">
        <v>43</v>
      </c>
      <c r="AJ11996">
        <v>43</v>
      </c>
      <c r="AK11996">
        <v>42</v>
      </c>
      <c r="AL11996">
        <v>42</v>
      </c>
      <c r="AM11996">
        <v>42</v>
      </c>
      <c r="AN11996">
        <v>42</v>
      </c>
      <c r="AO11996">
        <v>42</v>
      </c>
      <c r="AP11996">
        <v>42</v>
      </c>
      <c r="AQ11996">
        <v>41</v>
      </c>
    </row>
    <row r="11997" spans="1:43">
      <c r="A11997" t="s">
        <v>7462</v>
      </c>
      <c r="B11997" t="s">
        <v>7463</v>
      </c>
      <c r="C11997" t="s">
        <v>7454</v>
      </c>
      <c r="D11997" t="s">
        <v>7455</v>
      </c>
      <c r="E11997" t="s">
        <v>7278</v>
      </c>
      <c r="F11997" t="s">
        <v>7279</v>
      </c>
      <c r="G11997" t="s">
        <v>80</v>
      </c>
      <c r="H11997" t="s">
        <v>81</v>
      </c>
      <c r="I11997" s="2">
        <v>0</v>
      </c>
      <c r="J11997" s="2">
        <v>1</v>
      </c>
      <c r="K11997" s="2">
        <v>0</v>
      </c>
      <c r="L11997" t="s">
        <v>82</v>
      </c>
      <c r="M11997" t="s">
        <v>83</v>
      </c>
      <c r="N11997" t="s">
        <v>91</v>
      </c>
      <c r="O11997" t="s">
        <v>85</v>
      </c>
      <c r="P11997" t="s">
        <v>86</v>
      </c>
      <c r="Q11997">
        <v>36</v>
      </c>
      <c r="R11997">
        <v>36</v>
      </c>
      <c r="S11997">
        <v>37</v>
      </c>
      <c r="T11997">
        <v>37</v>
      </c>
      <c r="U11997">
        <v>37</v>
      </c>
      <c r="V11997">
        <v>38</v>
      </c>
      <c r="W11997">
        <v>38</v>
      </c>
      <c r="X11997">
        <v>38</v>
      </c>
      <c r="Y11997">
        <v>39</v>
      </c>
      <c r="Z11997">
        <v>39</v>
      </c>
      <c r="AA11997">
        <v>39</v>
      </c>
      <c r="AB11997">
        <v>40</v>
      </c>
      <c r="AC11997">
        <v>40</v>
      </c>
      <c r="AD11997">
        <v>40</v>
      </c>
      <c r="AE11997">
        <v>40</v>
      </c>
      <c r="AF11997">
        <v>41</v>
      </c>
      <c r="AG11997">
        <v>41</v>
      </c>
      <c r="AH11997">
        <v>41</v>
      </c>
      <c r="AI11997">
        <v>41</v>
      </c>
      <c r="AJ11997">
        <v>42</v>
      </c>
      <c r="AK11997">
        <v>42</v>
      </c>
      <c r="AL11997">
        <v>42</v>
      </c>
      <c r="AM11997">
        <v>42</v>
      </c>
      <c r="AN11997">
        <v>41</v>
      </c>
      <c r="AO11997">
        <v>41</v>
      </c>
      <c r="AP11997">
        <v>41</v>
      </c>
      <c r="AQ11997">
        <v>41</v>
      </c>
    </row>
    <row r="11998" spans="1:43">
      <c r="A11998" t="s">
        <v>7464</v>
      </c>
      <c r="B11998" t="s">
        <v>7465</v>
      </c>
      <c r="C11998" t="s">
        <v>7444</v>
      </c>
      <c r="D11998" t="s">
        <v>7445</v>
      </c>
      <c r="E11998" t="s">
        <v>7278</v>
      </c>
      <c r="F11998" t="s">
        <v>7279</v>
      </c>
      <c r="G11998" t="s">
        <v>80</v>
      </c>
      <c r="H11998" t="s">
        <v>81</v>
      </c>
      <c r="I11998" s="2">
        <v>0</v>
      </c>
      <c r="J11998" s="2">
        <v>1</v>
      </c>
      <c r="K11998" s="2">
        <v>0</v>
      </c>
      <c r="L11998" t="s">
        <v>82</v>
      </c>
      <c r="M11998" t="s">
        <v>83</v>
      </c>
      <c r="N11998" t="s">
        <v>84</v>
      </c>
      <c r="O11998" t="s">
        <v>85</v>
      </c>
      <c r="P11998" t="s">
        <v>86</v>
      </c>
      <c r="Q11998">
        <v>13</v>
      </c>
      <c r="R11998">
        <v>13</v>
      </c>
      <c r="S11998">
        <v>13</v>
      </c>
      <c r="T11998">
        <v>14</v>
      </c>
      <c r="U11998">
        <v>14</v>
      </c>
      <c r="V11998">
        <v>14</v>
      </c>
      <c r="W11998">
        <v>14</v>
      </c>
      <c r="X11998">
        <v>14</v>
      </c>
      <c r="Y11998">
        <v>14</v>
      </c>
      <c r="Z11998">
        <v>14</v>
      </c>
      <c r="AA11998">
        <v>14</v>
      </c>
      <c r="AB11998">
        <v>15</v>
      </c>
      <c r="AC11998">
        <v>15</v>
      </c>
      <c r="AD11998">
        <v>15</v>
      </c>
      <c r="AE11998">
        <v>15</v>
      </c>
      <c r="AF11998">
        <v>15</v>
      </c>
      <c r="AG11998">
        <v>15</v>
      </c>
      <c r="AH11998">
        <v>15</v>
      </c>
      <c r="AI11998">
        <v>15</v>
      </c>
      <c r="AJ11998">
        <v>15</v>
      </c>
      <c r="AK11998">
        <v>15</v>
      </c>
      <c r="AL11998">
        <v>15</v>
      </c>
      <c r="AM11998">
        <v>15</v>
      </c>
      <c r="AN11998">
        <v>15</v>
      </c>
      <c r="AO11998">
        <v>15</v>
      </c>
      <c r="AP11998">
        <v>15</v>
      </c>
      <c r="AQ11998">
        <v>15</v>
      </c>
    </row>
    <row r="11999" spans="1:43">
      <c r="A11999" t="s">
        <v>7464</v>
      </c>
      <c r="B11999" t="s">
        <v>7465</v>
      </c>
      <c r="C11999" t="s">
        <v>7444</v>
      </c>
      <c r="D11999" t="s">
        <v>7445</v>
      </c>
      <c r="E11999" t="s">
        <v>7278</v>
      </c>
      <c r="F11999" t="s">
        <v>7279</v>
      </c>
      <c r="G11999" t="s">
        <v>80</v>
      </c>
      <c r="H11999" t="s">
        <v>81</v>
      </c>
      <c r="I11999" s="2">
        <v>0</v>
      </c>
      <c r="J11999" s="2">
        <v>1</v>
      </c>
      <c r="K11999" s="2">
        <v>0</v>
      </c>
      <c r="L11999" t="s">
        <v>82</v>
      </c>
      <c r="M11999" t="s">
        <v>87</v>
      </c>
      <c r="N11999" t="s">
        <v>88</v>
      </c>
      <c r="O11999" t="s">
        <v>85</v>
      </c>
      <c r="P11999" t="s">
        <v>86</v>
      </c>
      <c r="Q11999">
        <v>13</v>
      </c>
      <c r="R11999">
        <v>13</v>
      </c>
      <c r="S11999">
        <v>13</v>
      </c>
      <c r="T11999">
        <v>13</v>
      </c>
      <c r="U11999">
        <v>13</v>
      </c>
      <c r="V11999">
        <v>13</v>
      </c>
      <c r="W11999">
        <v>13</v>
      </c>
      <c r="X11999">
        <v>13</v>
      </c>
      <c r="Y11999">
        <v>13</v>
      </c>
      <c r="Z11999">
        <v>13</v>
      </c>
      <c r="AA11999">
        <v>13</v>
      </c>
      <c r="AB11999">
        <v>13</v>
      </c>
      <c r="AC11999">
        <v>13</v>
      </c>
      <c r="AD11999">
        <v>13</v>
      </c>
      <c r="AE11999">
        <v>13</v>
      </c>
      <c r="AF11999">
        <v>13</v>
      </c>
      <c r="AG11999">
        <v>13</v>
      </c>
      <c r="AH11999">
        <v>13</v>
      </c>
      <c r="AI11999">
        <v>13</v>
      </c>
      <c r="AJ11999">
        <v>13</v>
      </c>
      <c r="AK11999">
        <v>13</v>
      </c>
      <c r="AL11999">
        <v>13</v>
      </c>
      <c r="AM11999">
        <v>13</v>
      </c>
      <c r="AN11999">
        <v>13</v>
      </c>
      <c r="AO11999">
        <v>13</v>
      </c>
      <c r="AP11999">
        <v>13</v>
      </c>
      <c r="AQ11999">
        <v>13</v>
      </c>
    </row>
    <row r="12000" spans="1:43">
      <c r="A12000" t="s">
        <v>7464</v>
      </c>
      <c r="B12000" t="s">
        <v>7465</v>
      </c>
      <c r="C12000" t="s">
        <v>7444</v>
      </c>
      <c r="D12000" t="s">
        <v>7445</v>
      </c>
      <c r="E12000" t="s">
        <v>7278</v>
      </c>
      <c r="F12000" t="s">
        <v>7279</v>
      </c>
      <c r="G12000" t="s">
        <v>80</v>
      </c>
      <c r="H12000" t="s">
        <v>81</v>
      </c>
      <c r="I12000" s="2">
        <v>0</v>
      </c>
      <c r="J12000" s="2">
        <v>1</v>
      </c>
      <c r="K12000" s="2">
        <v>0</v>
      </c>
      <c r="L12000" t="s">
        <v>82</v>
      </c>
      <c r="M12000" t="s">
        <v>89</v>
      </c>
      <c r="N12000" t="s">
        <v>90</v>
      </c>
      <c r="O12000" t="s">
        <v>85</v>
      </c>
      <c r="P12000" t="s">
        <v>86</v>
      </c>
      <c r="Q12000">
        <v>13</v>
      </c>
      <c r="R12000">
        <v>13</v>
      </c>
      <c r="S12000">
        <v>14</v>
      </c>
      <c r="T12000">
        <v>14</v>
      </c>
      <c r="U12000">
        <v>14</v>
      </c>
      <c r="V12000">
        <v>14</v>
      </c>
      <c r="W12000">
        <v>15</v>
      </c>
      <c r="X12000">
        <v>15</v>
      </c>
      <c r="Y12000">
        <v>15</v>
      </c>
      <c r="Z12000">
        <v>15</v>
      </c>
      <c r="AA12000">
        <v>15</v>
      </c>
      <c r="AB12000">
        <v>16</v>
      </c>
      <c r="AC12000">
        <v>16</v>
      </c>
      <c r="AD12000">
        <v>16</v>
      </c>
      <c r="AE12000">
        <v>16</v>
      </c>
      <c r="AF12000">
        <v>16</v>
      </c>
      <c r="AG12000">
        <v>16</v>
      </c>
      <c r="AH12000">
        <v>16</v>
      </c>
      <c r="AI12000">
        <v>16</v>
      </c>
      <c r="AJ12000">
        <v>16</v>
      </c>
      <c r="AK12000">
        <v>16</v>
      </c>
      <c r="AL12000">
        <v>16</v>
      </c>
      <c r="AM12000">
        <v>16</v>
      </c>
      <c r="AN12000">
        <v>16</v>
      </c>
      <c r="AO12000">
        <v>16</v>
      </c>
      <c r="AP12000">
        <v>16</v>
      </c>
      <c r="AQ12000">
        <v>16</v>
      </c>
    </row>
    <row r="12001" spans="1:43">
      <c r="A12001" t="s">
        <v>7464</v>
      </c>
      <c r="B12001" t="s">
        <v>7465</v>
      </c>
      <c r="C12001" t="s">
        <v>7444</v>
      </c>
      <c r="D12001" t="s">
        <v>7445</v>
      </c>
      <c r="E12001" t="s">
        <v>7278</v>
      </c>
      <c r="F12001" t="s">
        <v>7279</v>
      </c>
      <c r="G12001" t="s">
        <v>80</v>
      </c>
      <c r="H12001" t="s">
        <v>81</v>
      </c>
      <c r="I12001" s="2">
        <v>0</v>
      </c>
      <c r="J12001" s="2">
        <v>1</v>
      </c>
      <c r="K12001" s="2">
        <v>0</v>
      </c>
      <c r="L12001" t="s">
        <v>82</v>
      </c>
      <c r="M12001" t="s">
        <v>83</v>
      </c>
      <c r="N12001" t="s">
        <v>91</v>
      </c>
      <c r="O12001" t="s">
        <v>85</v>
      </c>
      <c r="P12001" t="s">
        <v>86</v>
      </c>
      <c r="Q12001">
        <v>13</v>
      </c>
      <c r="R12001">
        <v>13</v>
      </c>
      <c r="S12001">
        <v>13</v>
      </c>
      <c r="T12001">
        <v>14</v>
      </c>
      <c r="U12001">
        <v>14</v>
      </c>
      <c r="V12001">
        <v>14</v>
      </c>
      <c r="W12001">
        <v>14</v>
      </c>
      <c r="X12001">
        <v>14</v>
      </c>
      <c r="Y12001">
        <v>14</v>
      </c>
      <c r="Z12001">
        <v>14</v>
      </c>
      <c r="AA12001">
        <v>14</v>
      </c>
      <c r="AB12001">
        <v>15</v>
      </c>
      <c r="AC12001">
        <v>15</v>
      </c>
      <c r="AD12001">
        <v>15</v>
      </c>
      <c r="AE12001">
        <v>15</v>
      </c>
      <c r="AF12001">
        <v>15</v>
      </c>
      <c r="AG12001">
        <v>15</v>
      </c>
      <c r="AH12001">
        <v>15</v>
      </c>
      <c r="AI12001">
        <v>15</v>
      </c>
      <c r="AJ12001">
        <v>15</v>
      </c>
      <c r="AK12001">
        <v>15</v>
      </c>
      <c r="AL12001">
        <v>15</v>
      </c>
      <c r="AM12001">
        <v>15</v>
      </c>
      <c r="AN12001">
        <v>15</v>
      </c>
      <c r="AO12001">
        <v>15</v>
      </c>
      <c r="AP12001">
        <v>15</v>
      </c>
      <c r="AQ12001">
        <v>15</v>
      </c>
    </row>
    <row r="12002" spans="1:43">
      <c r="A12002" t="s">
        <v>7466</v>
      </c>
      <c r="B12002" t="s">
        <v>7467</v>
      </c>
      <c r="C12002" t="s">
        <v>7468</v>
      </c>
      <c r="D12002" t="s">
        <v>7469</v>
      </c>
      <c r="E12002" t="s">
        <v>7278</v>
      </c>
      <c r="F12002" t="s">
        <v>7279</v>
      </c>
      <c r="G12002" t="s">
        <v>80</v>
      </c>
      <c r="H12002" t="s">
        <v>81</v>
      </c>
      <c r="I12002" s="2">
        <v>0</v>
      </c>
      <c r="J12002" s="2">
        <v>1</v>
      </c>
      <c r="K12002" s="2">
        <v>0</v>
      </c>
      <c r="L12002" t="s">
        <v>82</v>
      </c>
      <c r="M12002" t="s">
        <v>83</v>
      </c>
      <c r="N12002" t="s">
        <v>84</v>
      </c>
      <c r="O12002" t="s">
        <v>85</v>
      </c>
      <c r="P12002" t="s">
        <v>86</v>
      </c>
      <c r="Q12002">
        <v>91</v>
      </c>
      <c r="R12002">
        <v>92</v>
      </c>
      <c r="S12002">
        <v>93</v>
      </c>
      <c r="T12002">
        <v>94</v>
      </c>
      <c r="U12002">
        <v>95</v>
      </c>
      <c r="V12002">
        <v>96</v>
      </c>
      <c r="W12002">
        <v>97</v>
      </c>
      <c r="X12002">
        <v>98</v>
      </c>
      <c r="Y12002">
        <v>99</v>
      </c>
      <c r="Z12002">
        <v>100</v>
      </c>
      <c r="AA12002">
        <v>101</v>
      </c>
      <c r="AB12002">
        <v>101</v>
      </c>
      <c r="AC12002">
        <v>102</v>
      </c>
      <c r="AD12002">
        <v>103</v>
      </c>
      <c r="AE12002">
        <v>104</v>
      </c>
      <c r="AF12002">
        <v>105</v>
      </c>
      <c r="AG12002">
        <v>105</v>
      </c>
      <c r="AH12002">
        <v>106</v>
      </c>
      <c r="AI12002">
        <v>107</v>
      </c>
      <c r="AJ12002">
        <v>107</v>
      </c>
      <c r="AK12002">
        <v>108</v>
      </c>
      <c r="AL12002">
        <v>108</v>
      </c>
      <c r="AM12002">
        <v>108</v>
      </c>
      <c r="AN12002">
        <v>108</v>
      </c>
      <c r="AO12002">
        <v>108</v>
      </c>
      <c r="AP12002">
        <v>108</v>
      </c>
      <c r="AQ12002">
        <v>107</v>
      </c>
    </row>
    <row r="12003" spans="1:43">
      <c r="A12003" t="s">
        <v>7466</v>
      </c>
      <c r="B12003" t="s">
        <v>7467</v>
      </c>
      <c r="C12003" t="s">
        <v>7468</v>
      </c>
      <c r="D12003" t="s">
        <v>7469</v>
      </c>
      <c r="E12003" t="s">
        <v>7278</v>
      </c>
      <c r="F12003" t="s">
        <v>7279</v>
      </c>
      <c r="G12003" t="s">
        <v>80</v>
      </c>
      <c r="H12003" t="s">
        <v>81</v>
      </c>
      <c r="I12003" s="2">
        <v>0</v>
      </c>
      <c r="J12003" s="2">
        <v>1</v>
      </c>
      <c r="K12003" s="2">
        <v>0</v>
      </c>
      <c r="L12003" t="s">
        <v>82</v>
      </c>
      <c r="M12003" t="s">
        <v>87</v>
      </c>
      <c r="N12003" t="s">
        <v>88</v>
      </c>
      <c r="O12003" t="s">
        <v>85</v>
      </c>
      <c r="P12003" t="s">
        <v>86</v>
      </c>
      <c r="Q12003">
        <v>91</v>
      </c>
      <c r="R12003">
        <v>91</v>
      </c>
      <c r="S12003">
        <v>92</v>
      </c>
      <c r="T12003">
        <v>92</v>
      </c>
      <c r="U12003">
        <v>92</v>
      </c>
      <c r="V12003">
        <v>92</v>
      </c>
      <c r="W12003">
        <v>92</v>
      </c>
      <c r="X12003">
        <v>92</v>
      </c>
      <c r="Y12003">
        <v>92</v>
      </c>
      <c r="Z12003">
        <v>92</v>
      </c>
      <c r="AA12003">
        <v>93</v>
      </c>
      <c r="AB12003">
        <v>93</v>
      </c>
      <c r="AC12003">
        <v>93</v>
      </c>
      <c r="AD12003">
        <v>93</v>
      </c>
      <c r="AE12003">
        <v>93</v>
      </c>
      <c r="AF12003">
        <v>93</v>
      </c>
      <c r="AG12003">
        <v>93</v>
      </c>
      <c r="AH12003">
        <v>93</v>
      </c>
      <c r="AI12003">
        <v>93</v>
      </c>
      <c r="AJ12003">
        <v>93</v>
      </c>
      <c r="AK12003">
        <v>93</v>
      </c>
      <c r="AL12003">
        <v>93</v>
      </c>
      <c r="AM12003">
        <v>93</v>
      </c>
      <c r="AN12003">
        <v>93</v>
      </c>
      <c r="AO12003">
        <v>93</v>
      </c>
      <c r="AP12003">
        <v>93</v>
      </c>
      <c r="AQ12003">
        <v>93</v>
      </c>
    </row>
    <row r="12004" spans="1:43">
      <c r="A12004" t="s">
        <v>7466</v>
      </c>
      <c r="B12004" t="s">
        <v>7467</v>
      </c>
      <c r="C12004" t="s">
        <v>7468</v>
      </c>
      <c r="D12004" t="s">
        <v>7469</v>
      </c>
      <c r="E12004" t="s">
        <v>7278</v>
      </c>
      <c r="F12004" t="s">
        <v>7279</v>
      </c>
      <c r="G12004" t="s">
        <v>80</v>
      </c>
      <c r="H12004" t="s">
        <v>81</v>
      </c>
      <c r="I12004" s="2">
        <v>0</v>
      </c>
      <c r="J12004" s="2">
        <v>1</v>
      </c>
      <c r="K12004" s="2">
        <v>0</v>
      </c>
      <c r="L12004" t="s">
        <v>82</v>
      </c>
      <c r="M12004" t="s">
        <v>89</v>
      </c>
      <c r="N12004" t="s">
        <v>90</v>
      </c>
      <c r="O12004" t="s">
        <v>85</v>
      </c>
      <c r="P12004" t="s">
        <v>86</v>
      </c>
      <c r="Q12004">
        <v>91</v>
      </c>
      <c r="R12004">
        <v>93</v>
      </c>
      <c r="S12004">
        <v>94</v>
      </c>
      <c r="T12004">
        <v>96</v>
      </c>
      <c r="U12004">
        <v>98</v>
      </c>
      <c r="V12004">
        <v>99</v>
      </c>
      <c r="W12004">
        <v>101</v>
      </c>
      <c r="X12004">
        <v>102</v>
      </c>
      <c r="Y12004">
        <v>104</v>
      </c>
      <c r="Z12004">
        <v>105</v>
      </c>
      <c r="AA12004">
        <v>106</v>
      </c>
      <c r="AB12004">
        <v>107</v>
      </c>
      <c r="AC12004">
        <v>109</v>
      </c>
      <c r="AD12004">
        <v>110</v>
      </c>
      <c r="AE12004">
        <v>110</v>
      </c>
      <c r="AF12004">
        <v>110</v>
      </c>
      <c r="AG12004">
        <v>110</v>
      </c>
      <c r="AH12004">
        <v>110</v>
      </c>
      <c r="AI12004">
        <v>110</v>
      </c>
      <c r="AJ12004">
        <v>109</v>
      </c>
      <c r="AK12004">
        <v>109</v>
      </c>
      <c r="AL12004">
        <v>109</v>
      </c>
      <c r="AM12004">
        <v>109</v>
      </c>
      <c r="AN12004">
        <v>109</v>
      </c>
      <c r="AO12004">
        <v>108</v>
      </c>
      <c r="AP12004">
        <v>108</v>
      </c>
      <c r="AQ12004">
        <v>108</v>
      </c>
    </row>
    <row r="12005" spans="1:43">
      <c r="A12005" t="s">
        <v>7466</v>
      </c>
      <c r="B12005" t="s">
        <v>7467</v>
      </c>
      <c r="C12005" t="s">
        <v>7468</v>
      </c>
      <c r="D12005" t="s">
        <v>7469</v>
      </c>
      <c r="E12005" t="s">
        <v>7278</v>
      </c>
      <c r="F12005" t="s">
        <v>7279</v>
      </c>
      <c r="G12005" t="s">
        <v>80</v>
      </c>
      <c r="H12005" t="s">
        <v>81</v>
      </c>
      <c r="I12005" s="2">
        <v>0</v>
      </c>
      <c r="J12005" s="2">
        <v>1</v>
      </c>
      <c r="K12005" s="2">
        <v>0</v>
      </c>
      <c r="L12005" t="s">
        <v>82</v>
      </c>
      <c r="M12005" t="s">
        <v>83</v>
      </c>
      <c r="N12005" t="s">
        <v>91</v>
      </c>
      <c r="O12005" t="s">
        <v>85</v>
      </c>
      <c r="P12005" t="s">
        <v>86</v>
      </c>
      <c r="Q12005">
        <v>91</v>
      </c>
      <c r="R12005">
        <v>92</v>
      </c>
      <c r="S12005">
        <v>93</v>
      </c>
      <c r="T12005">
        <v>94</v>
      </c>
      <c r="U12005">
        <v>95</v>
      </c>
      <c r="V12005">
        <v>96</v>
      </c>
      <c r="W12005">
        <v>97</v>
      </c>
      <c r="X12005">
        <v>98</v>
      </c>
      <c r="Y12005">
        <v>99</v>
      </c>
      <c r="Z12005">
        <v>100</v>
      </c>
      <c r="AA12005">
        <v>101</v>
      </c>
      <c r="AB12005">
        <v>101</v>
      </c>
      <c r="AC12005">
        <v>102</v>
      </c>
      <c r="AD12005">
        <v>103</v>
      </c>
      <c r="AE12005">
        <v>104</v>
      </c>
      <c r="AF12005">
        <v>105</v>
      </c>
      <c r="AG12005">
        <v>105</v>
      </c>
      <c r="AH12005">
        <v>106</v>
      </c>
      <c r="AI12005">
        <v>107</v>
      </c>
      <c r="AJ12005">
        <v>107</v>
      </c>
      <c r="AK12005">
        <v>108</v>
      </c>
      <c r="AL12005">
        <v>108</v>
      </c>
      <c r="AM12005">
        <v>108</v>
      </c>
      <c r="AN12005">
        <v>108</v>
      </c>
      <c r="AO12005">
        <v>108</v>
      </c>
      <c r="AP12005">
        <v>108</v>
      </c>
      <c r="AQ12005">
        <v>107</v>
      </c>
    </row>
    <row r="12006" spans="1:43">
      <c r="A12006" t="s">
        <v>7470</v>
      </c>
      <c r="B12006" t="s">
        <v>7471</v>
      </c>
      <c r="C12006" t="s">
        <v>7438</v>
      </c>
      <c r="D12006" t="s">
        <v>7439</v>
      </c>
      <c r="E12006" t="s">
        <v>7278</v>
      </c>
      <c r="F12006" t="s">
        <v>7279</v>
      </c>
      <c r="G12006" t="s">
        <v>80</v>
      </c>
      <c r="H12006" t="s">
        <v>81</v>
      </c>
      <c r="I12006" s="2">
        <v>0</v>
      </c>
      <c r="J12006" s="2">
        <v>1</v>
      </c>
      <c r="K12006" s="2">
        <v>0</v>
      </c>
      <c r="L12006" t="s">
        <v>82</v>
      </c>
      <c r="M12006" t="s">
        <v>83</v>
      </c>
      <c r="N12006" t="s">
        <v>84</v>
      </c>
      <c r="O12006" t="s">
        <v>85</v>
      </c>
      <c r="P12006" t="s">
        <v>86</v>
      </c>
      <c r="Q12006">
        <v>46</v>
      </c>
      <c r="R12006">
        <v>47</v>
      </c>
      <c r="S12006">
        <v>47</v>
      </c>
      <c r="T12006">
        <v>48</v>
      </c>
      <c r="U12006">
        <v>48</v>
      </c>
      <c r="V12006">
        <v>48</v>
      </c>
      <c r="W12006">
        <v>49</v>
      </c>
      <c r="X12006">
        <v>49</v>
      </c>
      <c r="Y12006">
        <v>50</v>
      </c>
      <c r="Z12006">
        <v>50</v>
      </c>
      <c r="AA12006">
        <v>50</v>
      </c>
      <c r="AB12006">
        <v>51</v>
      </c>
      <c r="AC12006">
        <v>51</v>
      </c>
      <c r="AD12006">
        <v>52</v>
      </c>
      <c r="AE12006">
        <v>52</v>
      </c>
      <c r="AF12006">
        <v>52</v>
      </c>
      <c r="AG12006">
        <v>52</v>
      </c>
      <c r="AH12006">
        <v>53</v>
      </c>
      <c r="AI12006">
        <v>53</v>
      </c>
      <c r="AJ12006">
        <v>53</v>
      </c>
      <c r="AK12006">
        <v>54</v>
      </c>
      <c r="AL12006">
        <v>54</v>
      </c>
      <c r="AM12006">
        <v>53</v>
      </c>
      <c r="AN12006">
        <v>53</v>
      </c>
      <c r="AO12006">
        <v>53</v>
      </c>
      <c r="AP12006">
        <v>53</v>
      </c>
      <c r="AQ12006">
        <v>53</v>
      </c>
    </row>
    <row r="12007" spans="1:43">
      <c r="A12007" t="s">
        <v>7470</v>
      </c>
      <c r="B12007" t="s">
        <v>7471</v>
      </c>
      <c r="C12007" t="s">
        <v>7438</v>
      </c>
      <c r="D12007" t="s">
        <v>7439</v>
      </c>
      <c r="E12007" t="s">
        <v>7278</v>
      </c>
      <c r="F12007" t="s">
        <v>7279</v>
      </c>
      <c r="G12007" t="s">
        <v>80</v>
      </c>
      <c r="H12007" t="s">
        <v>81</v>
      </c>
      <c r="I12007" s="2">
        <v>0</v>
      </c>
      <c r="J12007" s="2">
        <v>1</v>
      </c>
      <c r="K12007" s="2">
        <v>0</v>
      </c>
      <c r="L12007" t="s">
        <v>82</v>
      </c>
      <c r="M12007" t="s">
        <v>87</v>
      </c>
      <c r="N12007" t="s">
        <v>88</v>
      </c>
      <c r="O12007" t="s">
        <v>85</v>
      </c>
      <c r="P12007" t="s">
        <v>86</v>
      </c>
      <c r="Q12007">
        <v>46</v>
      </c>
      <c r="R12007">
        <v>46</v>
      </c>
      <c r="S12007">
        <v>46</v>
      </c>
      <c r="T12007">
        <v>46</v>
      </c>
      <c r="U12007">
        <v>46</v>
      </c>
      <c r="V12007">
        <v>46</v>
      </c>
      <c r="W12007">
        <v>46</v>
      </c>
      <c r="X12007">
        <v>46</v>
      </c>
      <c r="Y12007">
        <v>46</v>
      </c>
      <c r="Z12007">
        <v>46</v>
      </c>
      <c r="AA12007">
        <v>46</v>
      </c>
      <c r="AB12007">
        <v>46</v>
      </c>
      <c r="AC12007">
        <v>46</v>
      </c>
      <c r="AD12007">
        <v>46</v>
      </c>
      <c r="AE12007">
        <v>46</v>
      </c>
      <c r="AF12007">
        <v>46</v>
      </c>
      <c r="AG12007">
        <v>46</v>
      </c>
      <c r="AH12007">
        <v>46</v>
      </c>
      <c r="AI12007">
        <v>46</v>
      </c>
      <c r="AJ12007">
        <v>46</v>
      </c>
      <c r="AK12007">
        <v>46</v>
      </c>
      <c r="AL12007">
        <v>46</v>
      </c>
      <c r="AM12007">
        <v>46</v>
      </c>
      <c r="AN12007">
        <v>46</v>
      </c>
      <c r="AO12007">
        <v>46</v>
      </c>
      <c r="AP12007">
        <v>46</v>
      </c>
      <c r="AQ12007">
        <v>46</v>
      </c>
    </row>
    <row r="12008" spans="1:43">
      <c r="A12008" t="s">
        <v>7470</v>
      </c>
      <c r="B12008" t="s">
        <v>7471</v>
      </c>
      <c r="C12008" t="s">
        <v>7438</v>
      </c>
      <c r="D12008" t="s">
        <v>7439</v>
      </c>
      <c r="E12008" t="s">
        <v>7278</v>
      </c>
      <c r="F12008" t="s">
        <v>7279</v>
      </c>
      <c r="G12008" t="s">
        <v>80</v>
      </c>
      <c r="H12008" t="s">
        <v>81</v>
      </c>
      <c r="I12008" s="2">
        <v>0</v>
      </c>
      <c r="J12008" s="2">
        <v>1</v>
      </c>
      <c r="K12008" s="2">
        <v>0</v>
      </c>
      <c r="L12008" t="s">
        <v>82</v>
      </c>
      <c r="M12008" t="s">
        <v>89</v>
      </c>
      <c r="N12008" t="s">
        <v>90</v>
      </c>
      <c r="O12008" t="s">
        <v>85</v>
      </c>
      <c r="P12008" t="s">
        <v>86</v>
      </c>
      <c r="Q12008">
        <v>46</v>
      </c>
      <c r="R12008">
        <v>47</v>
      </c>
      <c r="S12008">
        <v>48</v>
      </c>
      <c r="T12008">
        <v>49</v>
      </c>
      <c r="U12008">
        <v>50</v>
      </c>
      <c r="V12008">
        <v>51</v>
      </c>
      <c r="W12008">
        <v>51</v>
      </c>
      <c r="X12008">
        <v>52</v>
      </c>
      <c r="Y12008">
        <v>53</v>
      </c>
      <c r="Z12008">
        <v>53</v>
      </c>
      <c r="AA12008">
        <v>54</v>
      </c>
      <c r="AB12008">
        <v>54</v>
      </c>
      <c r="AC12008">
        <v>55</v>
      </c>
      <c r="AD12008">
        <v>55</v>
      </c>
      <c r="AE12008">
        <v>56</v>
      </c>
      <c r="AF12008">
        <v>55</v>
      </c>
      <c r="AG12008">
        <v>55</v>
      </c>
      <c r="AH12008">
        <v>55</v>
      </c>
      <c r="AI12008">
        <v>55</v>
      </c>
      <c r="AJ12008">
        <v>55</v>
      </c>
      <c r="AK12008">
        <v>54</v>
      </c>
      <c r="AL12008">
        <v>54</v>
      </c>
      <c r="AM12008">
        <v>54</v>
      </c>
      <c r="AN12008">
        <v>54</v>
      </c>
      <c r="AO12008">
        <v>54</v>
      </c>
      <c r="AP12008">
        <v>54</v>
      </c>
      <c r="AQ12008">
        <v>53</v>
      </c>
    </row>
    <row r="12009" spans="1:43">
      <c r="A12009" t="s">
        <v>7470</v>
      </c>
      <c r="B12009" t="s">
        <v>7471</v>
      </c>
      <c r="C12009" t="s">
        <v>7438</v>
      </c>
      <c r="D12009" t="s">
        <v>7439</v>
      </c>
      <c r="E12009" t="s">
        <v>7278</v>
      </c>
      <c r="F12009" t="s">
        <v>7279</v>
      </c>
      <c r="G12009" t="s">
        <v>80</v>
      </c>
      <c r="H12009" t="s">
        <v>81</v>
      </c>
      <c r="I12009" s="2">
        <v>0</v>
      </c>
      <c r="J12009" s="2">
        <v>1</v>
      </c>
      <c r="K12009" s="2">
        <v>0</v>
      </c>
      <c r="L12009" t="s">
        <v>82</v>
      </c>
      <c r="M12009" t="s">
        <v>83</v>
      </c>
      <c r="N12009" t="s">
        <v>91</v>
      </c>
      <c r="O12009" t="s">
        <v>85</v>
      </c>
      <c r="P12009" t="s">
        <v>86</v>
      </c>
      <c r="Q12009">
        <v>46</v>
      </c>
      <c r="R12009">
        <v>47</v>
      </c>
      <c r="S12009">
        <v>47</v>
      </c>
      <c r="T12009">
        <v>48</v>
      </c>
      <c r="U12009">
        <v>48</v>
      </c>
      <c r="V12009">
        <v>48</v>
      </c>
      <c r="W12009">
        <v>49</v>
      </c>
      <c r="X12009">
        <v>49</v>
      </c>
      <c r="Y12009">
        <v>50</v>
      </c>
      <c r="Z12009">
        <v>50</v>
      </c>
      <c r="AA12009">
        <v>50</v>
      </c>
      <c r="AB12009">
        <v>51</v>
      </c>
      <c r="AC12009">
        <v>51</v>
      </c>
      <c r="AD12009">
        <v>52</v>
      </c>
      <c r="AE12009">
        <v>52</v>
      </c>
      <c r="AF12009">
        <v>52</v>
      </c>
      <c r="AG12009">
        <v>52</v>
      </c>
      <c r="AH12009">
        <v>53</v>
      </c>
      <c r="AI12009">
        <v>53</v>
      </c>
      <c r="AJ12009">
        <v>53</v>
      </c>
      <c r="AK12009">
        <v>54</v>
      </c>
      <c r="AL12009">
        <v>54</v>
      </c>
      <c r="AM12009">
        <v>53</v>
      </c>
      <c r="AN12009">
        <v>53</v>
      </c>
      <c r="AO12009">
        <v>53</v>
      </c>
      <c r="AP12009">
        <v>53</v>
      </c>
      <c r="AQ12009">
        <v>53</v>
      </c>
    </row>
    <row r="12010" spans="1:43">
      <c r="A12010" t="s">
        <v>7472</v>
      </c>
      <c r="B12010" t="s">
        <v>7473</v>
      </c>
      <c r="C12010" t="s">
        <v>7468</v>
      </c>
      <c r="D12010" t="s">
        <v>7469</v>
      </c>
      <c r="E12010" t="s">
        <v>7278</v>
      </c>
      <c r="F12010" t="s">
        <v>7279</v>
      </c>
      <c r="G12010" t="s">
        <v>80</v>
      </c>
      <c r="H12010" t="s">
        <v>81</v>
      </c>
      <c r="I12010" s="2">
        <v>0</v>
      </c>
      <c r="J12010" s="2">
        <v>1</v>
      </c>
      <c r="K12010" s="2">
        <v>0</v>
      </c>
      <c r="L12010" t="s">
        <v>82</v>
      </c>
      <c r="M12010" t="s">
        <v>83</v>
      </c>
      <c r="N12010" t="s">
        <v>84</v>
      </c>
      <c r="O12010" t="s">
        <v>85</v>
      </c>
      <c r="P12010" t="s">
        <v>86</v>
      </c>
      <c r="Q12010">
        <v>79</v>
      </c>
      <c r="R12010">
        <v>80</v>
      </c>
      <c r="S12010">
        <v>80</v>
      </c>
      <c r="T12010">
        <v>81</v>
      </c>
      <c r="U12010">
        <v>82</v>
      </c>
      <c r="V12010">
        <v>83</v>
      </c>
      <c r="W12010">
        <v>84</v>
      </c>
      <c r="X12010">
        <v>84</v>
      </c>
      <c r="Y12010">
        <v>85</v>
      </c>
      <c r="Z12010">
        <v>86</v>
      </c>
      <c r="AA12010">
        <v>86</v>
      </c>
      <c r="AB12010">
        <v>87</v>
      </c>
      <c r="AC12010">
        <v>88</v>
      </c>
      <c r="AD12010">
        <v>88</v>
      </c>
      <c r="AE12010">
        <v>89</v>
      </c>
      <c r="AF12010">
        <v>89</v>
      </c>
      <c r="AG12010">
        <v>90</v>
      </c>
      <c r="AH12010">
        <v>91</v>
      </c>
      <c r="AI12010">
        <v>91</v>
      </c>
      <c r="AJ12010">
        <v>92</v>
      </c>
      <c r="AK12010">
        <v>92</v>
      </c>
      <c r="AL12010">
        <v>92</v>
      </c>
      <c r="AM12010">
        <v>92</v>
      </c>
      <c r="AN12010">
        <v>92</v>
      </c>
      <c r="AO12010">
        <v>91</v>
      </c>
      <c r="AP12010">
        <v>91</v>
      </c>
      <c r="AQ12010">
        <v>91</v>
      </c>
    </row>
    <row r="12011" spans="1:43">
      <c r="A12011" t="s">
        <v>7472</v>
      </c>
      <c r="B12011" t="s">
        <v>7473</v>
      </c>
      <c r="C12011" t="s">
        <v>7468</v>
      </c>
      <c r="D12011" t="s">
        <v>7469</v>
      </c>
      <c r="E12011" t="s">
        <v>7278</v>
      </c>
      <c r="F12011" t="s">
        <v>7279</v>
      </c>
      <c r="G12011" t="s">
        <v>80</v>
      </c>
      <c r="H12011" t="s">
        <v>81</v>
      </c>
      <c r="I12011" s="2">
        <v>0</v>
      </c>
      <c r="J12011" s="2">
        <v>1</v>
      </c>
      <c r="K12011" s="2">
        <v>0</v>
      </c>
      <c r="L12011" t="s">
        <v>82</v>
      </c>
      <c r="M12011" t="s">
        <v>87</v>
      </c>
      <c r="N12011" t="s">
        <v>88</v>
      </c>
      <c r="O12011" t="s">
        <v>85</v>
      </c>
      <c r="P12011" t="s">
        <v>86</v>
      </c>
      <c r="Q12011">
        <v>79</v>
      </c>
      <c r="R12011">
        <v>79</v>
      </c>
      <c r="S12011">
        <v>79</v>
      </c>
      <c r="T12011">
        <v>79</v>
      </c>
      <c r="U12011">
        <v>79</v>
      </c>
      <c r="V12011">
        <v>80</v>
      </c>
      <c r="W12011">
        <v>80</v>
      </c>
      <c r="X12011">
        <v>80</v>
      </c>
      <c r="Y12011">
        <v>80</v>
      </c>
      <c r="Z12011">
        <v>80</v>
      </c>
      <c r="AA12011">
        <v>80</v>
      </c>
      <c r="AB12011">
        <v>80</v>
      </c>
      <c r="AC12011">
        <v>80</v>
      </c>
      <c r="AD12011">
        <v>80</v>
      </c>
      <c r="AE12011">
        <v>80</v>
      </c>
      <c r="AF12011">
        <v>80</v>
      </c>
      <c r="AG12011">
        <v>80</v>
      </c>
      <c r="AH12011">
        <v>80</v>
      </c>
      <c r="AI12011">
        <v>80</v>
      </c>
      <c r="AJ12011">
        <v>80</v>
      </c>
      <c r="AK12011">
        <v>80</v>
      </c>
      <c r="AL12011">
        <v>80</v>
      </c>
      <c r="AM12011">
        <v>80</v>
      </c>
      <c r="AN12011">
        <v>80</v>
      </c>
      <c r="AO12011">
        <v>79</v>
      </c>
      <c r="AP12011">
        <v>79</v>
      </c>
      <c r="AQ12011">
        <v>79</v>
      </c>
    </row>
    <row r="12012" spans="1:43">
      <c r="A12012" t="s">
        <v>7472</v>
      </c>
      <c r="B12012" t="s">
        <v>7473</v>
      </c>
      <c r="C12012" t="s">
        <v>7468</v>
      </c>
      <c r="D12012" t="s">
        <v>7469</v>
      </c>
      <c r="E12012" t="s">
        <v>7278</v>
      </c>
      <c r="F12012" t="s">
        <v>7279</v>
      </c>
      <c r="G12012" t="s">
        <v>80</v>
      </c>
      <c r="H12012" t="s">
        <v>81</v>
      </c>
      <c r="I12012" s="2">
        <v>0</v>
      </c>
      <c r="J12012" s="2">
        <v>1</v>
      </c>
      <c r="K12012" s="2">
        <v>0</v>
      </c>
      <c r="L12012" t="s">
        <v>82</v>
      </c>
      <c r="M12012" t="s">
        <v>89</v>
      </c>
      <c r="N12012" t="s">
        <v>90</v>
      </c>
      <c r="O12012" t="s">
        <v>85</v>
      </c>
      <c r="P12012" t="s">
        <v>86</v>
      </c>
      <c r="Q12012">
        <v>79</v>
      </c>
      <c r="R12012">
        <v>81</v>
      </c>
      <c r="S12012">
        <v>83</v>
      </c>
      <c r="T12012">
        <v>84</v>
      </c>
      <c r="U12012">
        <v>85</v>
      </c>
      <c r="V12012">
        <v>87</v>
      </c>
      <c r="W12012">
        <v>88</v>
      </c>
      <c r="X12012">
        <v>89</v>
      </c>
      <c r="Y12012">
        <v>90</v>
      </c>
      <c r="Z12012">
        <v>91</v>
      </c>
      <c r="AA12012">
        <v>92</v>
      </c>
      <c r="AB12012">
        <v>93</v>
      </c>
      <c r="AC12012">
        <v>94</v>
      </c>
      <c r="AD12012">
        <v>95</v>
      </c>
      <c r="AE12012">
        <v>95</v>
      </c>
      <c r="AF12012">
        <v>95</v>
      </c>
      <c r="AG12012">
        <v>95</v>
      </c>
      <c r="AH12012">
        <v>94</v>
      </c>
      <c r="AI12012">
        <v>94</v>
      </c>
      <c r="AJ12012">
        <v>94</v>
      </c>
      <c r="AK12012">
        <v>94</v>
      </c>
      <c r="AL12012">
        <v>93</v>
      </c>
      <c r="AM12012">
        <v>93</v>
      </c>
      <c r="AN12012">
        <v>93</v>
      </c>
      <c r="AO12012">
        <v>92</v>
      </c>
      <c r="AP12012">
        <v>92</v>
      </c>
      <c r="AQ12012">
        <v>92</v>
      </c>
    </row>
    <row r="12013" spans="1:43">
      <c r="A12013" t="s">
        <v>7472</v>
      </c>
      <c r="B12013" t="s">
        <v>7473</v>
      </c>
      <c r="C12013" t="s">
        <v>7468</v>
      </c>
      <c r="D12013" t="s">
        <v>7469</v>
      </c>
      <c r="E12013" t="s">
        <v>7278</v>
      </c>
      <c r="F12013" t="s">
        <v>7279</v>
      </c>
      <c r="G12013" t="s">
        <v>80</v>
      </c>
      <c r="H12013" t="s">
        <v>81</v>
      </c>
      <c r="I12013" s="2">
        <v>0</v>
      </c>
      <c r="J12013" s="2">
        <v>1</v>
      </c>
      <c r="K12013" s="2">
        <v>0</v>
      </c>
      <c r="L12013" t="s">
        <v>82</v>
      </c>
      <c r="M12013" t="s">
        <v>83</v>
      </c>
      <c r="N12013" t="s">
        <v>91</v>
      </c>
      <c r="O12013" t="s">
        <v>85</v>
      </c>
      <c r="P12013" t="s">
        <v>86</v>
      </c>
      <c r="Q12013">
        <v>79</v>
      </c>
      <c r="R12013">
        <v>80</v>
      </c>
      <c r="S12013">
        <v>80</v>
      </c>
      <c r="T12013">
        <v>81</v>
      </c>
      <c r="U12013">
        <v>82</v>
      </c>
      <c r="V12013">
        <v>83</v>
      </c>
      <c r="W12013">
        <v>84</v>
      </c>
      <c r="X12013">
        <v>84</v>
      </c>
      <c r="Y12013">
        <v>85</v>
      </c>
      <c r="Z12013">
        <v>86</v>
      </c>
      <c r="AA12013">
        <v>86</v>
      </c>
      <c r="AB12013">
        <v>87</v>
      </c>
      <c r="AC12013">
        <v>88</v>
      </c>
      <c r="AD12013">
        <v>88</v>
      </c>
      <c r="AE12013">
        <v>89</v>
      </c>
      <c r="AF12013">
        <v>89</v>
      </c>
      <c r="AG12013">
        <v>90</v>
      </c>
      <c r="AH12013">
        <v>91</v>
      </c>
      <c r="AI12013">
        <v>91</v>
      </c>
      <c r="AJ12013">
        <v>92</v>
      </c>
      <c r="AK12013">
        <v>92</v>
      </c>
      <c r="AL12013">
        <v>92</v>
      </c>
      <c r="AM12013">
        <v>92</v>
      </c>
      <c r="AN12013">
        <v>92</v>
      </c>
      <c r="AO12013">
        <v>91</v>
      </c>
      <c r="AP12013">
        <v>91</v>
      </c>
      <c r="AQ12013">
        <v>91</v>
      </c>
    </row>
    <row r="12014" spans="1:43">
      <c r="A12014" t="s">
        <v>7474</v>
      </c>
      <c r="B12014" t="s">
        <v>7475</v>
      </c>
      <c r="C12014" t="s">
        <v>7454</v>
      </c>
      <c r="D12014" t="s">
        <v>7455</v>
      </c>
      <c r="E12014" t="s">
        <v>7278</v>
      </c>
      <c r="F12014" t="s">
        <v>7279</v>
      </c>
      <c r="G12014" t="s">
        <v>80</v>
      </c>
      <c r="H12014" t="s">
        <v>81</v>
      </c>
      <c r="I12014" s="2">
        <v>0</v>
      </c>
      <c r="J12014" s="2">
        <v>1</v>
      </c>
      <c r="K12014" s="2">
        <v>0</v>
      </c>
      <c r="L12014" t="s">
        <v>82</v>
      </c>
      <c r="M12014" t="s">
        <v>83</v>
      </c>
      <c r="N12014" t="s">
        <v>84</v>
      </c>
      <c r="O12014" t="s">
        <v>85</v>
      </c>
      <c r="P12014" t="s">
        <v>86</v>
      </c>
      <c r="Q12014">
        <v>27</v>
      </c>
      <c r="R12014">
        <v>27</v>
      </c>
      <c r="S12014">
        <v>28</v>
      </c>
      <c r="T12014">
        <v>28</v>
      </c>
      <c r="U12014">
        <v>28</v>
      </c>
      <c r="V12014">
        <v>28</v>
      </c>
      <c r="W12014">
        <v>29</v>
      </c>
      <c r="X12014">
        <v>29</v>
      </c>
      <c r="Y12014">
        <v>29</v>
      </c>
      <c r="Z12014">
        <v>30</v>
      </c>
      <c r="AA12014">
        <v>30</v>
      </c>
      <c r="AB12014">
        <v>30</v>
      </c>
      <c r="AC12014">
        <v>30</v>
      </c>
      <c r="AD12014">
        <v>30</v>
      </c>
      <c r="AE12014">
        <v>31</v>
      </c>
      <c r="AF12014">
        <v>31</v>
      </c>
      <c r="AG12014">
        <v>31</v>
      </c>
      <c r="AH12014">
        <v>31</v>
      </c>
      <c r="AI12014">
        <v>31</v>
      </c>
      <c r="AJ12014">
        <v>31</v>
      </c>
      <c r="AK12014">
        <v>32</v>
      </c>
      <c r="AL12014">
        <v>32</v>
      </c>
      <c r="AM12014">
        <v>31</v>
      </c>
      <c r="AN12014">
        <v>31</v>
      </c>
      <c r="AO12014">
        <v>31</v>
      </c>
      <c r="AP12014">
        <v>31</v>
      </c>
      <c r="AQ12014">
        <v>31</v>
      </c>
    </row>
    <row r="12015" spans="1:43">
      <c r="A12015" t="s">
        <v>7474</v>
      </c>
      <c r="B12015" t="s">
        <v>7475</v>
      </c>
      <c r="C12015" t="s">
        <v>7454</v>
      </c>
      <c r="D12015" t="s">
        <v>7455</v>
      </c>
      <c r="E12015" t="s">
        <v>7278</v>
      </c>
      <c r="F12015" t="s">
        <v>7279</v>
      </c>
      <c r="G12015" t="s">
        <v>80</v>
      </c>
      <c r="H12015" t="s">
        <v>81</v>
      </c>
      <c r="I12015" s="2">
        <v>0</v>
      </c>
      <c r="J12015" s="2">
        <v>1</v>
      </c>
      <c r="K12015" s="2">
        <v>0</v>
      </c>
      <c r="L12015" t="s">
        <v>82</v>
      </c>
      <c r="M12015" t="s">
        <v>87</v>
      </c>
      <c r="N12015" t="s">
        <v>88</v>
      </c>
      <c r="O12015" t="s">
        <v>85</v>
      </c>
      <c r="P12015" t="s">
        <v>86</v>
      </c>
      <c r="Q12015">
        <v>27</v>
      </c>
      <c r="R12015">
        <v>27</v>
      </c>
      <c r="S12015">
        <v>27</v>
      </c>
      <c r="T12015">
        <v>27</v>
      </c>
      <c r="U12015">
        <v>27</v>
      </c>
      <c r="V12015">
        <v>27</v>
      </c>
      <c r="W12015">
        <v>27</v>
      </c>
      <c r="X12015">
        <v>27</v>
      </c>
      <c r="Y12015">
        <v>27</v>
      </c>
      <c r="Z12015">
        <v>27</v>
      </c>
      <c r="AA12015">
        <v>27</v>
      </c>
      <c r="AB12015">
        <v>27</v>
      </c>
      <c r="AC12015">
        <v>27</v>
      </c>
      <c r="AD12015">
        <v>27</v>
      </c>
      <c r="AE12015">
        <v>27</v>
      </c>
      <c r="AF12015">
        <v>27</v>
      </c>
      <c r="AG12015">
        <v>27</v>
      </c>
      <c r="AH12015">
        <v>27</v>
      </c>
      <c r="AI12015">
        <v>27</v>
      </c>
      <c r="AJ12015">
        <v>27</v>
      </c>
      <c r="AK12015">
        <v>27</v>
      </c>
      <c r="AL12015">
        <v>27</v>
      </c>
      <c r="AM12015">
        <v>27</v>
      </c>
      <c r="AN12015">
        <v>27</v>
      </c>
      <c r="AO12015">
        <v>27</v>
      </c>
      <c r="AP12015">
        <v>27</v>
      </c>
      <c r="AQ12015">
        <v>27</v>
      </c>
    </row>
    <row r="12016" spans="1:43">
      <c r="A12016" t="s">
        <v>7474</v>
      </c>
      <c r="B12016" t="s">
        <v>7475</v>
      </c>
      <c r="C12016" t="s">
        <v>7454</v>
      </c>
      <c r="D12016" t="s">
        <v>7455</v>
      </c>
      <c r="E12016" t="s">
        <v>7278</v>
      </c>
      <c r="F12016" t="s">
        <v>7279</v>
      </c>
      <c r="G12016" t="s">
        <v>80</v>
      </c>
      <c r="H12016" t="s">
        <v>81</v>
      </c>
      <c r="I12016" s="2">
        <v>0</v>
      </c>
      <c r="J12016" s="2">
        <v>1</v>
      </c>
      <c r="K12016" s="2">
        <v>0</v>
      </c>
      <c r="L12016" t="s">
        <v>82</v>
      </c>
      <c r="M12016" t="s">
        <v>89</v>
      </c>
      <c r="N12016" t="s">
        <v>90</v>
      </c>
      <c r="O12016" t="s">
        <v>85</v>
      </c>
      <c r="P12016" t="s">
        <v>86</v>
      </c>
      <c r="Q12016">
        <v>27</v>
      </c>
      <c r="R12016">
        <v>28</v>
      </c>
      <c r="S12016">
        <v>28</v>
      </c>
      <c r="T12016">
        <v>29</v>
      </c>
      <c r="U12016">
        <v>29</v>
      </c>
      <c r="V12016">
        <v>30</v>
      </c>
      <c r="W12016">
        <v>30</v>
      </c>
      <c r="X12016">
        <v>31</v>
      </c>
      <c r="Y12016">
        <v>31</v>
      </c>
      <c r="Z12016">
        <v>31</v>
      </c>
      <c r="AA12016">
        <v>32</v>
      </c>
      <c r="AB12016">
        <v>32</v>
      </c>
      <c r="AC12016">
        <v>32</v>
      </c>
      <c r="AD12016">
        <v>33</v>
      </c>
      <c r="AE12016">
        <v>33</v>
      </c>
      <c r="AF12016">
        <v>33</v>
      </c>
      <c r="AG12016">
        <v>32</v>
      </c>
      <c r="AH12016">
        <v>32</v>
      </c>
      <c r="AI12016">
        <v>32</v>
      </c>
      <c r="AJ12016">
        <v>32</v>
      </c>
      <c r="AK12016">
        <v>32</v>
      </c>
      <c r="AL12016">
        <v>32</v>
      </c>
      <c r="AM12016">
        <v>32</v>
      </c>
      <c r="AN12016">
        <v>32</v>
      </c>
      <c r="AO12016">
        <v>32</v>
      </c>
      <c r="AP12016">
        <v>31</v>
      </c>
      <c r="AQ12016">
        <v>31</v>
      </c>
    </row>
    <row r="12017" spans="1:43">
      <c r="A12017" t="s">
        <v>7474</v>
      </c>
      <c r="B12017" t="s">
        <v>7475</v>
      </c>
      <c r="C12017" t="s">
        <v>7454</v>
      </c>
      <c r="D12017" t="s">
        <v>7455</v>
      </c>
      <c r="E12017" t="s">
        <v>7278</v>
      </c>
      <c r="F12017" t="s">
        <v>7279</v>
      </c>
      <c r="G12017" t="s">
        <v>80</v>
      </c>
      <c r="H12017" t="s">
        <v>81</v>
      </c>
      <c r="I12017" s="2">
        <v>0</v>
      </c>
      <c r="J12017" s="2">
        <v>1</v>
      </c>
      <c r="K12017" s="2">
        <v>0</v>
      </c>
      <c r="L12017" t="s">
        <v>82</v>
      </c>
      <c r="M12017" t="s">
        <v>83</v>
      </c>
      <c r="N12017" t="s">
        <v>91</v>
      </c>
      <c r="O12017" t="s">
        <v>85</v>
      </c>
      <c r="P12017" t="s">
        <v>86</v>
      </c>
      <c r="Q12017">
        <v>27</v>
      </c>
      <c r="R12017">
        <v>27</v>
      </c>
      <c r="S12017">
        <v>28</v>
      </c>
      <c r="T12017">
        <v>28</v>
      </c>
      <c r="U12017">
        <v>28</v>
      </c>
      <c r="V12017">
        <v>28</v>
      </c>
      <c r="W12017">
        <v>29</v>
      </c>
      <c r="X12017">
        <v>29</v>
      </c>
      <c r="Y12017">
        <v>29</v>
      </c>
      <c r="Z12017">
        <v>30</v>
      </c>
      <c r="AA12017">
        <v>30</v>
      </c>
      <c r="AB12017">
        <v>30</v>
      </c>
      <c r="AC12017">
        <v>30</v>
      </c>
      <c r="AD12017">
        <v>30</v>
      </c>
      <c r="AE12017">
        <v>31</v>
      </c>
      <c r="AF12017">
        <v>31</v>
      </c>
      <c r="AG12017">
        <v>31</v>
      </c>
      <c r="AH12017">
        <v>31</v>
      </c>
      <c r="AI12017">
        <v>31</v>
      </c>
      <c r="AJ12017">
        <v>31</v>
      </c>
      <c r="AK12017">
        <v>32</v>
      </c>
      <c r="AL12017">
        <v>32</v>
      </c>
      <c r="AM12017">
        <v>31</v>
      </c>
      <c r="AN12017">
        <v>31</v>
      </c>
      <c r="AO12017">
        <v>31</v>
      </c>
      <c r="AP12017">
        <v>31</v>
      </c>
      <c r="AQ12017">
        <v>31</v>
      </c>
    </row>
    <row r="12018" spans="1:43">
      <c r="A12018" t="s">
        <v>7476</v>
      </c>
      <c r="B12018" t="s">
        <v>7477</v>
      </c>
      <c r="C12018" t="s">
        <v>7406</v>
      </c>
      <c r="D12018" t="s">
        <v>7407</v>
      </c>
      <c r="E12018" t="s">
        <v>7278</v>
      </c>
      <c r="F12018" t="s">
        <v>7279</v>
      </c>
      <c r="G12018" t="s">
        <v>80</v>
      </c>
      <c r="H12018" t="s">
        <v>81</v>
      </c>
      <c r="I12018" s="2">
        <v>0</v>
      </c>
      <c r="J12018" s="2">
        <v>1</v>
      </c>
      <c r="K12018" s="2">
        <v>0</v>
      </c>
      <c r="L12018" t="s">
        <v>82</v>
      </c>
      <c r="M12018" t="s">
        <v>83</v>
      </c>
      <c r="N12018" t="s">
        <v>84</v>
      </c>
      <c r="O12018" t="s">
        <v>85</v>
      </c>
      <c r="P12018" t="s">
        <v>86</v>
      </c>
      <c r="Q12018">
        <v>0</v>
      </c>
      <c r="R12018">
        <v>0</v>
      </c>
      <c r="S12018">
        <v>0</v>
      </c>
      <c r="T12018">
        <v>0</v>
      </c>
      <c r="U12018">
        <v>0</v>
      </c>
      <c r="V12018">
        <v>0</v>
      </c>
      <c r="W12018">
        <v>0</v>
      </c>
      <c r="X12018">
        <v>0</v>
      </c>
      <c r="Y12018">
        <v>0</v>
      </c>
      <c r="Z12018">
        <v>0</v>
      </c>
      <c r="AA12018">
        <v>0</v>
      </c>
      <c r="AB12018">
        <v>0</v>
      </c>
      <c r="AC12018">
        <v>0</v>
      </c>
      <c r="AD12018">
        <v>0</v>
      </c>
      <c r="AE12018">
        <v>0</v>
      </c>
      <c r="AF12018">
        <v>0</v>
      </c>
      <c r="AG12018">
        <v>0</v>
      </c>
      <c r="AH12018">
        <v>0</v>
      </c>
      <c r="AI12018">
        <v>0</v>
      </c>
      <c r="AJ12018">
        <v>0</v>
      </c>
      <c r="AK12018">
        <v>0</v>
      </c>
      <c r="AL12018">
        <v>0</v>
      </c>
      <c r="AM12018">
        <v>0</v>
      </c>
      <c r="AN12018">
        <v>0</v>
      </c>
      <c r="AO12018">
        <v>0</v>
      </c>
      <c r="AP12018">
        <v>0</v>
      </c>
      <c r="AQ12018">
        <v>0</v>
      </c>
    </row>
    <row r="12019" spans="1:43">
      <c r="A12019" t="s">
        <v>7476</v>
      </c>
      <c r="B12019" t="s">
        <v>7477</v>
      </c>
      <c r="C12019" t="s">
        <v>7406</v>
      </c>
      <c r="D12019" t="s">
        <v>7407</v>
      </c>
      <c r="E12019" t="s">
        <v>7278</v>
      </c>
      <c r="F12019" t="s">
        <v>7279</v>
      </c>
      <c r="G12019" t="s">
        <v>80</v>
      </c>
      <c r="H12019" t="s">
        <v>81</v>
      </c>
      <c r="I12019" s="2">
        <v>0</v>
      </c>
      <c r="J12019" s="2">
        <v>1</v>
      </c>
      <c r="K12019" s="2">
        <v>0</v>
      </c>
      <c r="L12019" t="s">
        <v>82</v>
      </c>
      <c r="M12019" t="s">
        <v>87</v>
      </c>
      <c r="N12019" t="s">
        <v>88</v>
      </c>
      <c r="O12019" t="s">
        <v>85</v>
      </c>
      <c r="P12019" t="s">
        <v>86</v>
      </c>
      <c r="Q12019">
        <v>0</v>
      </c>
      <c r="R12019">
        <v>0</v>
      </c>
      <c r="S12019">
        <v>0</v>
      </c>
      <c r="T12019">
        <v>0</v>
      </c>
      <c r="U12019">
        <v>0</v>
      </c>
      <c r="V12019">
        <v>0</v>
      </c>
      <c r="W12019">
        <v>0</v>
      </c>
      <c r="X12019">
        <v>0</v>
      </c>
      <c r="Y12019">
        <v>0</v>
      </c>
      <c r="Z12019">
        <v>0</v>
      </c>
      <c r="AA12019">
        <v>0</v>
      </c>
      <c r="AB12019">
        <v>0</v>
      </c>
      <c r="AC12019">
        <v>0</v>
      </c>
      <c r="AD12019">
        <v>0</v>
      </c>
      <c r="AE12019">
        <v>0</v>
      </c>
      <c r="AF12019">
        <v>0</v>
      </c>
      <c r="AG12019">
        <v>0</v>
      </c>
      <c r="AH12019">
        <v>0</v>
      </c>
      <c r="AI12019">
        <v>0</v>
      </c>
      <c r="AJ12019">
        <v>0</v>
      </c>
      <c r="AK12019">
        <v>0</v>
      </c>
      <c r="AL12019">
        <v>0</v>
      </c>
      <c r="AM12019">
        <v>0</v>
      </c>
      <c r="AN12019">
        <v>0</v>
      </c>
      <c r="AO12019">
        <v>0</v>
      </c>
      <c r="AP12019">
        <v>0</v>
      </c>
      <c r="AQ12019">
        <v>0</v>
      </c>
    </row>
    <row r="12020" spans="1:43">
      <c r="A12020" t="s">
        <v>7476</v>
      </c>
      <c r="B12020" t="s">
        <v>7477</v>
      </c>
      <c r="C12020" t="s">
        <v>7406</v>
      </c>
      <c r="D12020" t="s">
        <v>7407</v>
      </c>
      <c r="E12020" t="s">
        <v>7278</v>
      </c>
      <c r="F12020" t="s">
        <v>7279</v>
      </c>
      <c r="G12020" t="s">
        <v>80</v>
      </c>
      <c r="H12020" t="s">
        <v>81</v>
      </c>
      <c r="I12020" s="2">
        <v>0</v>
      </c>
      <c r="J12020" s="2">
        <v>1</v>
      </c>
      <c r="K12020" s="2">
        <v>0</v>
      </c>
      <c r="L12020" t="s">
        <v>82</v>
      </c>
      <c r="M12020" t="s">
        <v>89</v>
      </c>
      <c r="N12020" t="s">
        <v>90</v>
      </c>
      <c r="O12020" t="s">
        <v>85</v>
      </c>
      <c r="P12020" t="s">
        <v>86</v>
      </c>
      <c r="Q12020">
        <v>0</v>
      </c>
      <c r="R12020">
        <v>0</v>
      </c>
      <c r="S12020">
        <v>0</v>
      </c>
      <c r="T12020">
        <v>0</v>
      </c>
      <c r="U12020">
        <v>0</v>
      </c>
      <c r="V12020">
        <v>0</v>
      </c>
      <c r="W12020">
        <v>0</v>
      </c>
      <c r="X12020">
        <v>0</v>
      </c>
      <c r="Y12020">
        <v>0</v>
      </c>
      <c r="Z12020">
        <v>0</v>
      </c>
      <c r="AA12020">
        <v>0</v>
      </c>
      <c r="AB12020">
        <v>0</v>
      </c>
      <c r="AC12020">
        <v>0</v>
      </c>
      <c r="AD12020">
        <v>0</v>
      </c>
      <c r="AE12020">
        <v>0</v>
      </c>
      <c r="AF12020">
        <v>0</v>
      </c>
      <c r="AG12020">
        <v>0</v>
      </c>
      <c r="AH12020">
        <v>0</v>
      </c>
      <c r="AI12020">
        <v>0</v>
      </c>
      <c r="AJ12020">
        <v>0</v>
      </c>
      <c r="AK12020">
        <v>0</v>
      </c>
      <c r="AL12020">
        <v>0</v>
      </c>
      <c r="AM12020">
        <v>0</v>
      </c>
      <c r="AN12020">
        <v>0</v>
      </c>
      <c r="AO12020">
        <v>0</v>
      </c>
      <c r="AP12020">
        <v>0</v>
      </c>
      <c r="AQ12020">
        <v>0</v>
      </c>
    </row>
    <row r="12021" spans="1:43">
      <c r="A12021" t="s">
        <v>7476</v>
      </c>
      <c r="B12021" t="s">
        <v>7477</v>
      </c>
      <c r="C12021" t="s">
        <v>7406</v>
      </c>
      <c r="D12021" t="s">
        <v>7407</v>
      </c>
      <c r="E12021" t="s">
        <v>7278</v>
      </c>
      <c r="F12021" t="s">
        <v>7279</v>
      </c>
      <c r="G12021" t="s">
        <v>80</v>
      </c>
      <c r="H12021" t="s">
        <v>81</v>
      </c>
      <c r="I12021" s="2">
        <v>0</v>
      </c>
      <c r="J12021" s="2">
        <v>1</v>
      </c>
      <c r="K12021" s="2">
        <v>0</v>
      </c>
      <c r="L12021" t="s">
        <v>82</v>
      </c>
      <c r="M12021" t="s">
        <v>83</v>
      </c>
      <c r="N12021" t="s">
        <v>91</v>
      </c>
      <c r="O12021" t="s">
        <v>85</v>
      </c>
      <c r="P12021" t="s">
        <v>86</v>
      </c>
      <c r="Q12021">
        <v>0</v>
      </c>
      <c r="R12021">
        <v>0</v>
      </c>
      <c r="S12021">
        <v>0</v>
      </c>
      <c r="T12021">
        <v>0</v>
      </c>
      <c r="U12021">
        <v>0</v>
      </c>
      <c r="V12021">
        <v>0</v>
      </c>
      <c r="W12021">
        <v>0</v>
      </c>
      <c r="X12021">
        <v>0</v>
      </c>
      <c r="Y12021">
        <v>0</v>
      </c>
      <c r="Z12021">
        <v>0</v>
      </c>
      <c r="AA12021">
        <v>0</v>
      </c>
      <c r="AB12021">
        <v>0</v>
      </c>
      <c r="AC12021">
        <v>0</v>
      </c>
      <c r="AD12021">
        <v>0</v>
      </c>
      <c r="AE12021">
        <v>0</v>
      </c>
      <c r="AF12021">
        <v>0</v>
      </c>
      <c r="AG12021">
        <v>0</v>
      </c>
      <c r="AH12021">
        <v>0</v>
      </c>
      <c r="AI12021">
        <v>0</v>
      </c>
      <c r="AJ12021">
        <v>0</v>
      </c>
      <c r="AK12021">
        <v>0</v>
      </c>
      <c r="AL12021">
        <v>0</v>
      </c>
      <c r="AM12021">
        <v>0</v>
      </c>
      <c r="AN12021">
        <v>0</v>
      </c>
      <c r="AO12021">
        <v>0</v>
      </c>
      <c r="AP12021">
        <v>0</v>
      </c>
      <c r="AQ12021">
        <v>0</v>
      </c>
    </row>
    <row r="12022" spans="1:43">
      <c r="A12022" t="s">
        <v>7478</v>
      </c>
      <c r="B12022" t="s">
        <v>7479</v>
      </c>
      <c r="C12022" t="s">
        <v>7444</v>
      </c>
      <c r="D12022" t="s">
        <v>7445</v>
      </c>
      <c r="E12022" t="s">
        <v>7278</v>
      </c>
      <c r="F12022" t="s">
        <v>7279</v>
      </c>
      <c r="G12022" t="s">
        <v>80</v>
      </c>
      <c r="H12022" t="s">
        <v>81</v>
      </c>
      <c r="I12022" s="2">
        <v>0</v>
      </c>
      <c r="J12022" s="2">
        <v>1</v>
      </c>
      <c r="K12022" s="2">
        <v>0</v>
      </c>
      <c r="L12022" t="s">
        <v>82</v>
      </c>
      <c r="M12022" t="s">
        <v>83</v>
      </c>
      <c r="N12022" t="s">
        <v>84</v>
      </c>
      <c r="O12022" t="s">
        <v>85</v>
      </c>
      <c r="P12022" t="s">
        <v>86</v>
      </c>
      <c r="Q12022">
        <v>4</v>
      </c>
      <c r="R12022">
        <v>4</v>
      </c>
      <c r="S12022">
        <v>4</v>
      </c>
      <c r="T12022">
        <v>4</v>
      </c>
      <c r="U12022">
        <v>4</v>
      </c>
      <c r="V12022">
        <v>4</v>
      </c>
      <c r="W12022">
        <v>4</v>
      </c>
      <c r="X12022">
        <v>4</v>
      </c>
      <c r="Y12022">
        <v>4</v>
      </c>
      <c r="Z12022">
        <v>4</v>
      </c>
      <c r="AA12022">
        <v>4</v>
      </c>
      <c r="AB12022">
        <v>4</v>
      </c>
      <c r="AC12022">
        <v>4</v>
      </c>
      <c r="AD12022">
        <v>4</v>
      </c>
      <c r="AE12022">
        <v>5</v>
      </c>
      <c r="AF12022">
        <v>5</v>
      </c>
      <c r="AG12022">
        <v>5</v>
      </c>
      <c r="AH12022">
        <v>5</v>
      </c>
      <c r="AI12022">
        <v>5</v>
      </c>
      <c r="AJ12022">
        <v>5</v>
      </c>
      <c r="AK12022">
        <v>5</v>
      </c>
      <c r="AL12022">
        <v>5</v>
      </c>
      <c r="AM12022">
        <v>5</v>
      </c>
      <c r="AN12022">
        <v>5</v>
      </c>
      <c r="AO12022">
        <v>5</v>
      </c>
      <c r="AP12022">
        <v>5</v>
      </c>
      <c r="AQ12022">
        <v>5</v>
      </c>
    </row>
    <row r="12023" spans="1:43">
      <c r="A12023" t="s">
        <v>7478</v>
      </c>
      <c r="B12023" t="s">
        <v>7479</v>
      </c>
      <c r="C12023" t="s">
        <v>7444</v>
      </c>
      <c r="D12023" t="s">
        <v>7445</v>
      </c>
      <c r="E12023" t="s">
        <v>7278</v>
      </c>
      <c r="F12023" t="s">
        <v>7279</v>
      </c>
      <c r="G12023" t="s">
        <v>80</v>
      </c>
      <c r="H12023" t="s">
        <v>81</v>
      </c>
      <c r="I12023" s="2">
        <v>0</v>
      </c>
      <c r="J12023" s="2">
        <v>1</v>
      </c>
      <c r="K12023" s="2">
        <v>0</v>
      </c>
      <c r="L12023" t="s">
        <v>82</v>
      </c>
      <c r="M12023" t="s">
        <v>87</v>
      </c>
      <c r="N12023" t="s">
        <v>88</v>
      </c>
      <c r="O12023" t="s">
        <v>85</v>
      </c>
      <c r="P12023" t="s">
        <v>86</v>
      </c>
      <c r="Q12023">
        <v>4</v>
      </c>
      <c r="R12023">
        <v>4</v>
      </c>
      <c r="S12023">
        <v>4</v>
      </c>
      <c r="T12023">
        <v>4</v>
      </c>
      <c r="U12023">
        <v>4</v>
      </c>
      <c r="V12023">
        <v>4</v>
      </c>
      <c r="W12023">
        <v>4</v>
      </c>
      <c r="X12023">
        <v>4</v>
      </c>
      <c r="Y12023">
        <v>4</v>
      </c>
      <c r="Z12023">
        <v>4</v>
      </c>
      <c r="AA12023">
        <v>4</v>
      </c>
      <c r="AB12023">
        <v>4</v>
      </c>
      <c r="AC12023">
        <v>4</v>
      </c>
      <c r="AD12023">
        <v>4</v>
      </c>
      <c r="AE12023">
        <v>4</v>
      </c>
      <c r="AF12023">
        <v>4</v>
      </c>
      <c r="AG12023">
        <v>4</v>
      </c>
      <c r="AH12023">
        <v>4</v>
      </c>
      <c r="AI12023">
        <v>4</v>
      </c>
      <c r="AJ12023">
        <v>4</v>
      </c>
      <c r="AK12023">
        <v>4</v>
      </c>
      <c r="AL12023">
        <v>4</v>
      </c>
      <c r="AM12023">
        <v>4</v>
      </c>
      <c r="AN12023">
        <v>4</v>
      </c>
      <c r="AO12023">
        <v>4</v>
      </c>
      <c r="AP12023">
        <v>4</v>
      </c>
      <c r="AQ12023">
        <v>4</v>
      </c>
    </row>
    <row r="12024" spans="1:43">
      <c r="A12024" t="s">
        <v>7478</v>
      </c>
      <c r="B12024" t="s">
        <v>7479</v>
      </c>
      <c r="C12024" t="s">
        <v>7444</v>
      </c>
      <c r="D12024" t="s">
        <v>7445</v>
      </c>
      <c r="E12024" t="s">
        <v>7278</v>
      </c>
      <c r="F12024" t="s">
        <v>7279</v>
      </c>
      <c r="G12024" t="s">
        <v>80</v>
      </c>
      <c r="H12024" t="s">
        <v>81</v>
      </c>
      <c r="I12024" s="2">
        <v>0</v>
      </c>
      <c r="J12024" s="2">
        <v>1</v>
      </c>
      <c r="K12024" s="2">
        <v>0</v>
      </c>
      <c r="L12024" t="s">
        <v>82</v>
      </c>
      <c r="M12024" t="s">
        <v>89</v>
      </c>
      <c r="N12024" t="s">
        <v>90</v>
      </c>
      <c r="O12024" t="s">
        <v>85</v>
      </c>
      <c r="P12024" t="s">
        <v>86</v>
      </c>
      <c r="Q12024">
        <v>4</v>
      </c>
      <c r="R12024">
        <v>4</v>
      </c>
      <c r="S12024">
        <v>4</v>
      </c>
      <c r="T12024">
        <v>4</v>
      </c>
      <c r="U12024">
        <v>4</v>
      </c>
      <c r="V12024">
        <v>4</v>
      </c>
      <c r="W12024">
        <v>4</v>
      </c>
      <c r="X12024">
        <v>4</v>
      </c>
      <c r="Y12024">
        <v>5</v>
      </c>
      <c r="Z12024">
        <v>5</v>
      </c>
      <c r="AA12024">
        <v>5</v>
      </c>
      <c r="AB12024">
        <v>5</v>
      </c>
      <c r="AC12024">
        <v>5</v>
      </c>
      <c r="AD12024">
        <v>5</v>
      </c>
      <c r="AE12024">
        <v>5</v>
      </c>
      <c r="AF12024">
        <v>5</v>
      </c>
      <c r="AG12024">
        <v>5</v>
      </c>
      <c r="AH12024">
        <v>5</v>
      </c>
      <c r="AI12024">
        <v>5</v>
      </c>
      <c r="AJ12024">
        <v>5</v>
      </c>
      <c r="AK12024">
        <v>5</v>
      </c>
      <c r="AL12024">
        <v>5</v>
      </c>
      <c r="AM12024">
        <v>5</v>
      </c>
      <c r="AN12024">
        <v>5</v>
      </c>
      <c r="AO12024">
        <v>5</v>
      </c>
      <c r="AP12024">
        <v>5</v>
      </c>
      <c r="AQ12024">
        <v>5</v>
      </c>
    </row>
    <row r="12025" spans="1:43">
      <c r="A12025" t="s">
        <v>7478</v>
      </c>
      <c r="B12025" t="s">
        <v>7479</v>
      </c>
      <c r="C12025" t="s">
        <v>7444</v>
      </c>
      <c r="D12025" t="s">
        <v>7445</v>
      </c>
      <c r="E12025" t="s">
        <v>7278</v>
      </c>
      <c r="F12025" t="s">
        <v>7279</v>
      </c>
      <c r="G12025" t="s">
        <v>80</v>
      </c>
      <c r="H12025" t="s">
        <v>81</v>
      </c>
      <c r="I12025" s="2">
        <v>0</v>
      </c>
      <c r="J12025" s="2">
        <v>1</v>
      </c>
      <c r="K12025" s="2">
        <v>0</v>
      </c>
      <c r="L12025" t="s">
        <v>82</v>
      </c>
      <c r="M12025" t="s">
        <v>83</v>
      </c>
      <c r="N12025" t="s">
        <v>91</v>
      </c>
      <c r="O12025" t="s">
        <v>85</v>
      </c>
      <c r="P12025" t="s">
        <v>86</v>
      </c>
      <c r="Q12025">
        <v>4</v>
      </c>
      <c r="R12025">
        <v>4</v>
      </c>
      <c r="S12025">
        <v>4</v>
      </c>
      <c r="T12025">
        <v>4</v>
      </c>
      <c r="U12025">
        <v>4</v>
      </c>
      <c r="V12025">
        <v>4</v>
      </c>
      <c r="W12025">
        <v>4</v>
      </c>
      <c r="X12025">
        <v>4</v>
      </c>
      <c r="Y12025">
        <v>4</v>
      </c>
      <c r="Z12025">
        <v>4</v>
      </c>
      <c r="AA12025">
        <v>4</v>
      </c>
      <c r="AB12025">
        <v>4</v>
      </c>
      <c r="AC12025">
        <v>4</v>
      </c>
      <c r="AD12025">
        <v>4</v>
      </c>
      <c r="AE12025">
        <v>5</v>
      </c>
      <c r="AF12025">
        <v>5</v>
      </c>
      <c r="AG12025">
        <v>5</v>
      </c>
      <c r="AH12025">
        <v>5</v>
      </c>
      <c r="AI12025">
        <v>5</v>
      </c>
      <c r="AJ12025">
        <v>5</v>
      </c>
      <c r="AK12025">
        <v>5</v>
      </c>
      <c r="AL12025">
        <v>5</v>
      </c>
      <c r="AM12025">
        <v>5</v>
      </c>
      <c r="AN12025">
        <v>5</v>
      </c>
      <c r="AO12025">
        <v>5</v>
      </c>
      <c r="AP12025">
        <v>5</v>
      </c>
      <c r="AQ12025">
        <v>5</v>
      </c>
    </row>
    <row r="12026" spans="1:43">
      <c r="A12026" t="s">
        <v>7480</v>
      </c>
      <c r="B12026" t="s">
        <v>7481</v>
      </c>
      <c r="C12026" t="s">
        <v>7482</v>
      </c>
      <c r="D12026" t="s">
        <v>7483</v>
      </c>
      <c r="E12026" t="s">
        <v>7278</v>
      </c>
      <c r="F12026" t="s">
        <v>7279</v>
      </c>
      <c r="G12026" t="s">
        <v>80</v>
      </c>
      <c r="H12026" t="s">
        <v>81</v>
      </c>
      <c r="I12026" s="2">
        <v>0</v>
      </c>
      <c r="J12026" s="2">
        <v>1</v>
      </c>
      <c r="K12026" s="2">
        <v>0</v>
      </c>
      <c r="L12026" t="s">
        <v>82</v>
      </c>
      <c r="M12026" t="s">
        <v>83</v>
      </c>
      <c r="N12026" t="s">
        <v>84</v>
      </c>
      <c r="O12026" t="s">
        <v>85</v>
      </c>
      <c r="P12026" t="s">
        <v>86</v>
      </c>
      <c r="Q12026">
        <v>59</v>
      </c>
      <c r="R12026">
        <v>60</v>
      </c>
      <c r="S12026">
        <v>61</v>
      </c>
      <c r="T12026">
        <v>61</v>
      </c>
      <c r="U12026">
        <v>62</v>
      </c>
      <c r="V12026">
        <v>63</v>
      </c>
      <c r="W12026">
        <v>63</v>
      </c>
      <c r="X12026">
        <v>64</v>
      </c>
      <c r="Y12026">
        <v>65</v>
      </c>
      <c r="Z12026">
        <v>65</v>
      </c>
      <c r="AA12026">
        <v>66</v>
      </c>
      <c r="AB12026">
        <v>67</v>
      </c>
      <c r="AC12026">
        <v>67</v>
      </c>
      <c r="AD12026">
        <v>68</v>
      </c>
      <c r="AE12026">
        <v>68</v>
      </c>
      <c r="AF12026">
        <v>69</v>
      </c>
      <c r="AG12026">
        <v>70</v>
      </c>
      <c r="AH12026">
        <v>70</v>
      </c>
      <c r="AI12026">
        <v>71</v>
      </c>
      <c r="AJ12026">
        <v>71</v>
      </c>
      <c r="AK12026">
        <v>72</v>
      </c>
      <c r="AL12026">
        <v>72</v>
      </c>
      <c r="AM12026">
        <v>72</v>
      </c>
      <c r="AN12026">
        <v>72</v>
      </c>
      <c r="AO12026">
        <v>72</v>
      </c>
      <c r="AP12026">
        <v>72</v>
      </c>
      <c r="AQ12026">
        <v>72</v>
      </c>
    </row>
    <row r="12027" spans="1:43">
      <c r="A12027" t="s">
        <v>7480</v>
      </c>
      <c r="B12027" t="s">
        <v>7481</v>
      </c>
      <c r="C12027" t="s">
        <v>7482</v>
      </c>
      <c r="D12027" t="s">
        <v>7483</v>
      </c>
      <c r="E12027" t="s">
        <v>7278</v>
      </c>
      <c r="F12027" t="s">
        <v>7279</v>
      </c>
      <c r="G12027" t="s">
        <v>80</v>
      </c>
      <c r="H12027" t="s">
        <v>81</v>
      </c>
      <c r="I12027" s="2">
        <v>0</v>
      </c>
      <c r="J12027" s="2">
        <v>1</v>
      </c>
      <c r="K12027" s="2">
        <v>0</v>
      </c>
      <c r="L12027" t="s">
        <v>82</v>
      </c>
      <c r="M12027" t="s">
        <v>87</v>
      </c>
      <c r="N12027" t="s">
        <v>88</v>
      </c>
      <c r="O12027" t="s">
        <v>85</v>
      </c>
      <c r="P12027" t="s">
        <v>86</v>
      </c>
      <c r="Q12027">
        <v>59</v>
      </c>
      <c r="R12027">
        <v>59</v>
      </c>
      <c r="S12027">
        <v>59</v>
      </c>
      <c r="T12027">
        <v>59</v>
      </c>
      <c r="U12027">
        <v>59</v>
      </c>
      <c r="V12027">
        <v>59</v>
      </c>
      <c r="W12027">
        <v>60</v>
      </c>
      <c r="X12027">
        <v>60</v>
      </c>
      <c r="Y12027">
        <v>60</v>
      </c>
      <c r="Z12027">
        <v>60</v>
      </c>
      <c r="AA12027">
        <v>60</v>
      </c>
      <c r="AB12027">
        <v>60</v>
      </c>
      <c r="AC12027">
        <v>60</v>
      </c>
      <c r="AD12027">
        <v>60</v>
      </c>
      <c r="AE12027">
        <v>61</v>
      </c>
      <c r="AF12027">
        <v>61</v>
      </c>
      <c r="AG12027">
        <v>61</v>
      </c>
      <c r="AH12027">
        <v>61</v>
      </c>
      <c r="AI12027">
        <v>61</v>
      </c>
      <c r="AJ12027">
        <v>61</v>
      </c>
      <c r="AK12027">
        <v>61</v>
      </c>
      <c r="AL12027">
        <v>61</v>
      </c>
      <c r="AM12027">
        <v>61</v>
      </c>
      <c r="AN12027">
        <v>62</v>
      </c>
      <c r="AO12027">
        <v>62</v>
      </c>
      <c r="AP12027">
        <v>62</v>
      </c>
      <c r="AQ12027">
        <v>62</v>
      </c>
    </row>
    <row r="12028" spans="1:43">
      <c r="A12028" t="s">
        <v>7480</v>
      </c>
      <c r="B12028" t="s">
        <v>7481</v>
      </c>
      <c r="C12028" t="s">
        <v>7482</v>
      </c>
      <c r="D12028" t="s">
        <v>7483</v>
      </c>
      <c r="E12028" t="s">
        <v>7278</v>
      </c>
      <c r="F12028" t="s">
        <v>7279</v>
      </c>
      <c r="G12028" t="s">
        <v>80</v>
      </c>
      <c r="H12028" t="s">
        <v>81</v>
      </c>
      <c r="I12028" s="2">
        <v>0</v>
      </c>
      <c r="J12028" s="2">
        <v>1</v>
      </c>
      <c r="K12028" s="2">
        <v>0</v>
      </c>
      <c r="L12028" t="s">
        <v>82</v>
      </c>
      <c r="M12028" t="s">
        <v>89</v>
      </c>
      <c r="N12028" t="s">
        <v>90</v>
      </c>
      <c r="O12028" t="s">
        <v>85</v>
      </c>
      <c r="P12028" t="s">
        <v>86</v>
      </c>
      <c r="Q12028">
        <v>59</v>
      </c>
      <c r="R12028">
        <v>60</v>
      </c>
      <c r="S12028">
        <v>61</v>
      </c>
      <c r="T12028">
        <v>62</v>
      </c>
      <c r="U12028">
        <v>64</v>
      </c>
      <c r="V12028">
        <v>65</v>
      </c>
      <c r="W12028">
        <v>66</v>
      </c>
      <c r="X12028">
        <v>67</v>
      </c>
      <c r="Y12028">
        <v>68</v>
      </c>
      <c r="Z12028">
        <v>69</v>
      </c>
      <c r="AA12028">
        <v>69</v>
      </c>
      <c r="AB12028">
        <v>70</v>
      </c>
      <c r="AC12028">
        <v>71</v>
      </c>
      <c r="AD12028">
        <v>72</v>
      </c>
      <c r="AE12028">
        <v>72</v>
      </c>
      <c r="AF12028">
        <v>72</v>
      </c>
      <c r="AG12028">
        <v>72</v>
      </c>
      <c r="AH12028">
        <v>72</v>
      </c>
      <c r="AI12028">
        <v>72</v>
      </c>
      <c r="AJ12028">
        <v>72</v>
      </c>
      <c r="AK12028">
        <v>73</v>
      </c>
      <c r="AL12028">
        <v>73</v>
      </c>
      <c r="AM12028">
        <v>73</v>
      </c>
      <c r="AN12028">
        <v>73</v>
      </c>
      <c r="AO12028">
        <v>73</v>
      </c>
      <c r="AP12028">
        <v>73</v>
      </c>
      <c r="AQ12028">
        <v>73</v>
      </c>
    </row>
    <row r="12029" spans="1:43">
      <c r="A12029" t="s">
        <v>7480</v>
      </c>
      <c r="B12029" t="s">
        <v>7481</v>
      </c>
      <c r="C12029" t="s">
        <v>7482</v>
      </c>
      <c r="D12029" t="s">
        <v>7483</v>
      </c>
      <c r="E12029" t="s">
        <v>7278</v>
      </c>
      <c r="F12029" t="s">
        <v>7279</v>
      </c>
      <c r="G12029" t="s">
        <v>80</v>
      </c>
      <c r="H12029" t="s">
        <v>81</v>
      </c>
      <c r="I12029" s="2">
        <v>0</v>
      </c>
      <c r="J12029" s="2">
        <v>1</v>
      </c>
      <c r="K12029" s="2">
        <v>0</v>
      </c>
      <c r="L12029" t="s">
        <v>82</v>
      </c>
      <c r="M12029" t="s">
        <v>83</v>
      </c>
      <c r="N12029" t="s">
        <v>91</v>
      </c>
      <c r="O12029" t="s">
        <v>85</v>
      </c>
      <c r="P12029" t="s">
        <v>86</v>
      </c>
      <c r="Q12029">
        <v>59</v>
      </c>
      <c r="R12029">
        <v>60</v>
      </c>
      <c r="S12029">
        <v>61</v>
      </c>
      <c r="T12029">
        <v>61</v>
      </c>
      <c r="U12029">
        <v>62</v>
      </c>
      <c r="V12029">
        <v>63</v>
      </c>
      <c r="W12029">
        <v>63</v>
      </c>
      <c r="X12029">
        <v>64</v>
      </c>
      <c r="Y12029">
        <v>65</v>
      </c>
      <c r="Z12029">
        <v>65</v>
      </c>
      <c r="AA12029">
        <v>66</v>
      </c>
      <c r="AB12029">
        <v>67</v>
      </c>
      <c r="AC12029">
        <v>67</v>
      </c>
      <c r="AD12029">
        <v>68</v>
      </c>
      <c r="AE12029">
        <v>68</v>
      </c>
      <c r="AF12029">
        <v>69</v>
      </c>
      <c r="AG12029">
        <v>70</v>
      </c>
      <c r="AH12029">
        <v>70</v>
      </c>
      <c r="AI12029">
        <v>71</v>
      </c>
      <c r="AJ12029">
        <v>71</v>
      </c>
      <c r="AK12029">
        <v>72</v>
      </c>
      <c r="AL12029">
        <v>72</v>
      </c>
      <c r="AM12029">
        <v>72</v>
      </c>
      <c r="AN12029">
        <v>72</v>
      </c>
      <c r="AO12029">
        <v>72</v>
      </c>
      <c r="AP12029">
        <v>72</v>
      </c>
      <c r="AQ12029">
        <v>72</v>
      </c>
    </row>
    <row r="12030" spans="1:43">
      <c r="A12030" t="s">
        <v>7484</v>
      </c>
      <c r="B12030" t="s">
        <v>7485</v>
      </c>
      <c r="C12030" t="s">
        <v>7406</v>
      </c>
      <c r="D12030" t="s">
        <v>7407</v>
      </c>
      <c r="E12030" t="s">
        <v>7278</v>
      </c>
      <c r="F12030" t="s">
        <v>7279</v>
      </c>
      <c r="G12030" t="s">
        <v>80</v>
      </c>
      <c r="H12030" t="s">
        <v>81</v>
      </c>
      <c r="I12030" s="2">
        <v>0</v>
      </c>
      <c r="J12030" s="2">
        <v>1</v>
      </c>
      <c r="K12030" s="2">
        <v>0</v>
      </c>
      <c r="L12030" t="s">
        <v>82</v>
      </c>
      <c r="M12030" t="s">
        <v>83</v>
      </c>
      <c r="N12030" t="s">
        <v>84</v>
      </c>
      <c r="O12030" t="s">
        <v>85</v>
      </c>
      <c r="P12030" t="s">
        <v>86</v>
      </c>
      <c r="Q12030">
        <v>39</v>
      </c>
      <c r="R12030">
        <v>40</v>
      </c>
      <c r="S12030">
        <v>40</v>
      </c>
      <c r="T12030">
        <v>41</v>
      </c>
      <c r="U12030">
        <v>41</v>
      </c>
      <c r="V12030">
        <v>42</v>
      </c>
      <c r="W12030">
        <v>42</v>
      </c>
      <c r="X12030">
        <v>43</v>
      </c>
      <c r="Y12030">
        <v>43</v>
      </c>
      <c r="Z12030">
        <v>43</v>
      </c>
      <c r="AA12030">
        <v>44</v>
      </c>
      <c r="AB12030">
        <v>44</v>
      </c>
      <c r="AC12030">
        <v>45</v>
      </c>
      <c r="AD12030">
        <v>45</v>
      </c>
      <c r="AE12030">
        <v>46</v>
      </c>
      <c r="AF12030">
        <v>46</v>
      </c>
      <c r="AG12030">
        <v>46</v>
      </c>
      <c r="AH12030">
        <v>47</v>
      </c>
      <c r="AI12030">
        <v>47</v>
      </c>
      <c r="AJ12030">
        <v>47</v>
      </c>
      <c r="AK12030">
        <v>48</v>
      </c>
      <c r="AL12030">
        <v>48</v>
      </c>
      <c r="AM12030">
        <v>48</v>
      </c>
      <c r="AN12030">
        <v>48</v>
      </c>
      <c r="AO12030">
        <v>48</v>
      </c>
      <c r="AP12030">
        <v>48</v>
      </c>
      <c r="AQ12030">
        <v>48</v>
      </c>
    </row>
    <row r="12031" spans="1:43">
      <c r="A12031" t="s">
        <v>7484</v>
      </c>
      <c r="B12031" t="s">
        <v>7485</v>
      </c>
      <c r="C12031" t="s">
        <v>7406</v>
      </c>
      <c r="D12031" t="s">
        <v>7407</v>
      </c>
      <c r="E12031" t="s">
        <v>7278</v>
      </c>
      <c r="F12031" t="s">
        <v>7279</v>
      </c>
      <c r="G12031" t="s">
        <v>80</v>
      </c>
      <c r="H12031" t="s">
        <v>81</v>
      </c>
      <c r="I12031" s="2">
        <v>0</v>
      </c>
      <c r="J12031" s="2">
        <v>1</v>
      </c>
      <c r="K12031" s="2">
        <v>0</v>
      </c>
      <c r="L12031" t="s">
        <v>82</v>
      </c>
      <c r="M12031" t="s">
        <v>87</v>
      </c>
      <c r="N12031" t="s">
        <v>88</v>
      </c>
      <c r="O12031" t="s">
        <v>85</v>
      </c>
      <c r="P12031" t="s">
        <v>86</v>
      </c>
      <c r="Q12031">
        <v>39</v>
      </c>
      <c r="R12031">
        <v>39</v>
      </c>
      <c r="S12031">
        <v>39</v>
      </c>
      <c r="T12031">
        <v>39</v>
      </c>
      <c r="U12031">
        <v>39</v>
      </c>
      <c r="V12031">
        <v>40</v>
      </c>
      <c r="W12031">
        <v>40</v>
      </c>
      <c r="X12031">
        <v>40</v>
      </c>
      <c r="Y12031">
        <v>40</v>
      </c>
      <c r="Z12031">
        <v>40</v>
      </c>
      <c r="AA12031">
        <v>40</v>
      </c>
      <c r="AB12031">
        <v>40</v>
      </c>
      <c r="AC12031">
        <v>40</v>
      </c>
      <c r="AD12031">
        <v>40</v>
      </c>
      <c r="AE12031">
        <v>40</v>
      </c>
      <c r="AF12031">
        <v>40</v>
      </c>
      <c r="AG12031">
        <v>40</v>
      </c>
      <c r="AH12031">
        <v>40</v>
      </c>
      <c r="AI12031">
        <v>41</v>
      </c>
      <c r="AJ12031">
        <v>41</v>
      </c>
      <c r="AK12031">
        <v>41</v>
      </c>
      <c r="AL12031">
        <v>41</v>
      </c>
      <c r="AM12031">
        <v>41</v>
      </c>
      <c r="AN12031">
        <v>41</v>
      </c>
      <c r="AO12031">
        <v>41</v>
      </c>
      <c r="AP12031">
        <v>41</v>
      </c>
      <c r="AQ12031">
        <v>41</v>
      </c>
    </row>
    <row r="12032" spans="1:43">
      <c r="A12032" t="s">
        <v>7484</v>
      </c>
      <c r="B12032" t="s">
        <v>7485</v>
      </c>
      <c r="C12032" t="s">
        <v>7406</v>
      </c>
      <c r="D12032" t="s">
        <v>7407</v>
      </c>
      <c r="E12032" t="s">
        <v>7278</v>
      </c>
      <c r="F12032" t="s">
        <v>7279</v>
      </c>
      <c r="G12032" t="s">
        <v>80</v>
      </c>
      <c r="H12032" t="s">
        <v>81</v>
      </c>
      <c r="I12032" s="2">
        <v>0</v>
      </c>
      <c r="J12032" s="2">
        <v>1</v>
      </c>
      <c r="K12032" s="2">
        <v>0</v>
      </c>
      <c r="L12032" t="s">
        <v>82</v>
      </c>
      <c r="M12032" t="s">
        <v>89</v>
      </c>
      <c r="N12032" t="s">
        <v>90</v>
      </c>
      <c r="O12032" t="s">
        <v>85</v>
      </c>
      <c r="P12032" t="s">
        <v>86</v>
      </c>
      <c r="Q12032">
        <v>39</v>
      </c>
      <c r="R12032">
        <v>40</v>
      </c>
      <c r="S12032">
        <v>40</v>
      </c>
      <c r="T12032">
        <v>41</v>
      </c>
      <c r="U12032">
        <v>42</v>
      </c>
      <c r="V12032">
        <v>43</v>
      </c>
      <c r="W12032">
        <v>43</v>
      </c>
      <c r="X12032">
        <v>44</v>
      </c>
      <c r="Y12032">
        <v>45</v>
      </c>
      <c r="Z12032">
        <v>45</v>
      </c>
      <c r="AA12032">
        <v>46</v>
      </c>
      <c r="AB12032">
        <v>46</v>
      </c>
      <c r="AC12032">
        <v>47</v>
      </c>
      <c r="AD12032">
        <v>48</v>
      </c>
      <c r="AE12032">
        <v>48</v>
      </c>
      <c r="AF12032">
        <v>48</v>
      </c>
      <c r="AG12032">
        <v>48</v>
      </c>
      <c r="AH12032">
        <v>48</v>
      </c>
      <c r="AI12032">
        <v>48</v>
      </c>
      <c r="AJ12032">
        <v>48</v>
      </c>
      <c r="AK12032">
        <v>48</v>
      </c>
      <c r="AL12032">
        <v>48</v>
      </c>
      <c r="AM12032">
        <v>48</v>
      </c>
      <c r="AN12032">
        <v>48</v>
      </c>
      <c r="AO12032">
        <v>48</v>
      </c>
      <c r="AP12032">
        <v>48</v>
      </c>
      <c r="AQ12032">
        <v>48</v>
      </c>
    </row>
    <row r="12033" spans="1:43">
      <c r="A12033" t="s">
        <v>7484</v>
      </c>
      <c r="B12033" t="s">
        <v>7485</v>
      </c>
      <c r="C12033" t="s">
        <v>7406</v>
      </c>
      <c r="D12033" t="s">
        <v>7407</v>
      </c>
      <c r="E12033" t="s">
        <v>7278</v>
      </c>
      <c r="F12033" t="s">
        <v>7279</v>
      </c>
      <c r="G12033" t="s">
        <v>80</v>
      </c>
      <c r="H12033" t="s">
        <v>81</v>
      </c>
      <c r="I12033" s="2">
        <v>0</v>
      </c>
      <c r="J12033" s="2">
        <v>1</v>
      </c>
      <c r="K12033" s="2">
        <v>0</v>
      </c>
      <c r="L12033" t="s">
        <v>82</v>
      </c>
      <c r="M12033" t="s">
        <v>83</v>
      </c>
      <c r="N12033" t="s">
        <v>91</v>
      </c>
      <c r="O12033" t="s">
        <v>85</v>
      </c>
      <c r="P12033" t="s">
        <v>86</v>
      </c>
      <c r="Q12033">
        <v>39</v>
      </c>
      <c r="R12033">
        <v>40</v>
      </c>
      <c r="S12033">
        <v>40</v>
      </c>
      <c r="T12033">
        <v>41</v>
      </c>
      <c r="U12033">
        <v>41</v>
      </c>
      <c r="V12033">
        <v>42</v>
      </c>
      <c r="W12033">
        <v>42</v>
      </c>
      <c r="X12033">
        <v>43</v>
      </c>
      <c r="Y12033">
        <v>43</v>
      </c>
      <c r="Z12033">
        <v>43</v>
      </c>
      <c r="AA12033">
        <v>44</v>
      </c>
      <c r="AB12033">
        <v>44</v>
      </c>
      <c r="AC12033">
        <v>45</v>
      </c>
      <c r="AD12033">
        <v>45</v>
      </c>
      <c r="AE12033">
        <v>46</v>
      </c>
      <c r="AF12033">
        <v>46</v>
      </c>
      <c r="AG12033">
        <v>46</v>
      </c>
      <c r="AH12033">
        <v>47</v>
      </c>
      <c r="AI12033">
        <v>47</v>
      </c>
      <c r="AJ12033">
        <v>47</v>
      </c>
      <c r="AK12033">
        <v>48</v>
      </c>
      <c r="AL12033">
        <v>48</v>
      </c>
      <c r="AM12033">
        <v>48</v>
      </c>
      <c r="AN12033">
        <v>48</v>
      </c>
      <c r="AO12033">
        <v>48</v>
      </c>
      <c r="AP12033">
        <v>48</v>
      </c>
      <c r="AQ12033">
        <v>48</v>
      </c>
    </row>
    <row r="12034" spans="1:43">
      <c r="A12034" t="s">
        <v>7486</v>
      </c>
      <c r="B12034" t="s">
        <v>7487</v>
      </c>
      <c r="C12034" t="s">
        <v>7482</v>
      </c>
      <c r="D12034" t="s">
        <v>7483</v>
      </c>
      <c r="E12034" t="s">
        <v>7278</v>
      </c>
      <c r="F12034" t="s">
        <v>7279</v>
      </c>
      <c r="G12034" t="s">
        <v>80</v>
      </c>
      <c r="H12034" t="s">
        <v>81</v>
      </c>
      <c r="I12034" s="2">
        <v>0</v>
      </c>
      <c r="J12034" s="2">
        <v>1</v>
      </c>
      <c r="K12034" s="2">
        <v>0</v>
      </c>
      <c r="L12034" t="s">
        <v>82</v>
      </c>
      <c r="M12034" t="s">
        <v>83</v>
      </c>
      <c r="N12034" t="s">
        <v>84</v>
      </c>
      <c r="O12034" t="s">
        <v>85</v>
      </c>
      <c r="P12034" t="s">
        <v>86</v>
      </c>
      <c r="Q12034">
        <v>22</v>
      </c>
      <c r="R12034">
        <v>23</v>
      </c>
      <c r="S12034">
        <v>23</v>
      </c>
      <c r="T12034">
        <v>23</v>
      </c>
      <c r="U12034">
        <v>23</v>
      </c>
      <c r="V12034">
        <v>24</v>
      </c>
      <c r="W12034">
        <v>24</v>
      </c>
      <c r="X12034">
        <v>24</v>
      </c>
      <c r="Y12034">
        <v>24</v>
      </c>
      <c r="Z12034">
        <v>25</v>
      </c>
      <c r="AA12034">
        <v>25</v>
      </c>
      <c r="AB12034">
        <v>25</v>
      </c>
      <c r="AC12034">
        <v>25</v>
      </c>
      <c r="AD12034">
        <v>26</v>
      </c>
      <c r="AE12034">
        <v>26</v>
      </c>
      <c r="AF12034">
        <v>26</v>
      </c>
      <c r="AG12034">
        <v>26</v>
      </c>
      <c r="AH12034">
        <v>27</v>
      </c>
      <c r="AI12034">
        <v>27</v>
      </c>
      <c r="AJ12034">
        <v>27</v>
      </c>
      <c r="AK12034">
        <v>27</v>
      </c>
      <c r="AL12034">
        <v>27</v>
      </c>
      <c r="AM12034">
        <v>27</v>
      </c>
      <c r="AN12034">
        <v>27</v>
      </c>
      <c r="AO12034">
        <v>27</v>
      </c>
      <c r="AP12034">
        <v>27</v>
      </c>
      <c r="AQ12034">
        <v>27</v>
      </c>
    </row>
    <row r="12035" spans="1:43">
      <c r="A12035" t="s">
        <v>7486</v>
      </c>
      <c r="B12035" t="s">
        <v>7487</v>
      </c>
      <c r="C12035" t="s">
        <v>7482</v>
      </c>
      <c r="D12035" t="s">
        <v>7483</v>
      </c>
      <c r="E12035" t="s">
        <v>7278</v>
      </c>
      <c r="F12035" t="s">
        <v>7279</v>
      </c>
      <c r="G12035" t="s">
        <v>80</v>
      </c>
      <c r="H12035" t="s">
        <v>81</v>
      </c>
      <c r="I12035" s="2">
        <v>0</v>
      </c>
      <c r="J12035" s="2">
        <v>1</v>
      </c>
      <c r="K12035" s="2">
        <v>0</v>
      </c>
      <c r="L12035" t="s">
        <v>82</v>
      </c>
      <c r="M12035" t="s">
        <v>87</v>
      </c>
      <c r="N12035" t="s">
        <v>88</v>
      </c>
      <c r="O12035" t="s">
        <v>85</v>
      </c>
      <c r="P12035" t="s">
        <v>86</v>
      </c>
      <c r="Q12035">
        <v>22</v>
      </c>
      <c r="R12035">
        <v>22</v>
      </c>
      <c r="S12035">
        <v>22</v>
      </c>
      <c r="T12035">
        <v>22</v>
      </c>
      <c r="U12035">
        <v>22</v>
      </c>
      <c r="V12035">
        <v>22</v>
      </c>
      <c r="W12035">
        <v>23</v>
      </c>
      <c r="X12035">
        <v>23</v>
      </c>
      <c r="Y12035">
        <v>23</v>
      </c>
      <c r="Z12035">
        <v>23</v>
      </c>
      <c r="AA12035">
        <v>23</v>
      </c>
      <c r="AB12035">
        <v>23</v>
      </c>
      <c r="AC12035">
        <v>23</v>
      </c>
      <c r="AD12035">
        <v>23</v>
      </c>
      <c r="AE12035">
        <v>23</v>
      </c>
      <c r="AF12035">
        <v>23</v>
      </c>
      <c r="AG12035">
        <v>23</v>
      </c>
      <c r="AH12035">
        <v>23</v>
      </c>
      <c r="AI12035">
        <v>23</v>
      </c>
      <c r="AJ12035">
        <v>23</v>
      </c>
      <c r="AK12035">
        <v>23</v>
      </c>
      <c r="AL12035">
        <v>23</v>
      </c>
      <c r="AM12035">
        <v>23</v>
      </c>
      <c r="AN12035">
        <v>23</v>
      </c>
      <c r="AO12035">
        <v>23</v>
      </c>
      <c r="AP12035">
        <v>23</v>
      </c>
      <c r="AQ12035">
        <v>23</v>
      </c>
    </row>
    <row r="12036" spans="1:43">
      <c r="A12036" t="s">
        <v>7486</v>
      </c>
      <c r="B12036" t="s">
        <v>7487</v>
      </c>
      <c r="C12036" t="s">
        <v>7482</v>
      </c>
      <c r="D12036" t="s">
        <v>7483</v>
      </c>
      <c r="E12036" t="s">
        <v>7278</v>
      </c>
      <c r="F12036" t="s">
        <v>7279</v>
      </c>
      <c r="G12036" t="s">
        <v>80</v>
      </c>
      <c r="H12036" t="s">
        <v>81</v>
      </c>
      <c r="I12036" s="2">
        <v>0</v>
      </c>
      <c r="J12036" s="2">
        <v>1</v>
      </c>
      <c r="K12036" s="2">
        <v>0</v>
      </c>
      <c r="L12036" t="s">
        <v>82</v>
      </c>
      <c r="M12036" t="s">
        <v>89</v>
      </c>
      <c r="N12036" t="s">
        <v>90</v>
      </c>
      <c r="O12036" t="s">
        <v>85</v>
      </c>
      <c r="P12036" t="s">
        <v>86</v>
      </c>
      <c r="Q12036">
        <v>22</v>
      </c>
      <c r="R12036">
        <v>22</v>
      </c>
      <c r="S12036">
        <v>23</v>
      </c>
      <c r="T12036">
        <v>23</v>
      </c>
      <c r="U12036">
        <v>23</v>
      </c>
      <c r="V12036">
        <v>24</v>
      </c>
      <c r="W12036">
        <v>24</v>
      </c>
      <c r="X12036">
        <v>25</v>
      </c>
      <c r="Y12036">
        <v>25</v>
      </c>
      <c r="Z12036">
        <v>25</v>
      </c>
      <c r="AA12036">
        <v>26</v>
      </c>
      <c r="AB12036">
        <v>26</v>
      </c>
      <c r="AC12036">
        <v>26</v>
      </c>
      <c r="AD12036">
        <v>27</v>
      </c>
      <c r="AE12036">
        <v>27</v>
      </c>
      <c r="AF12036">
        <v>27</v>
      </c>
      <c r="AG12036">
        <v>27</v>
      </c>
      <c r="AH12036">
        <v>27</v>
      </c>
      <c r="AI12036">
        <v>27</v>
      </c>
      <c r="AJ12036">
        <v>27</v>
      </c>
      <c r="AK12036">
        <v>27</v>
      </c>
      <c r="AL12036">
        <v>27</v>
      </c>
      <c r="AM12036">
        <v>27</v>
      </c>
      <c r="AN12036">
        <v>27</v>
      </c>
      <c r="AO12036">
        <v>27</v>
      </c>
      <c r="AP12036">
        <v>27</v>
      </c>
      <c r="AQ12036">
        <v>27</v>
      </c>
    </row>
    <row r="12037" spans="1:43">
      <c r="A12037" t="s">
        <v>7486</v>
      </c>
      <c r="B12037" t="s">
        <v>7487</v>
      </c>
      <c r="C12037" t="s">
        <v>7482</v>
      </c>
      <c r="D12037" t="s">
        <v>7483</v>
      </c>
      <c r="E12037" t="s">
        <v>7278</v>
      </c>
      <c r="F12037" t="s">
        <v>7279</v>
      </c>
      <c r="G12037" t="s">
        <v>80</v>
      </c>
      <c r="H12037" t="s">
        <v>81</v>
      </c>
      <c r="I12037" s="2">
        <v>0</v>
      </c>
      <c r="J12037" s="2">
        <v>1</v>
      </c>
      <c r="K12037" s="2">
        <v>0</v>
      </c>
      <c r="L12037" t="s">
        <v>82</v>
      </c>
      <c r="M12037" t="s">
        <v>83</v>
      </c>
      <c r="N12037" t="s">
        <v>91</v>
      </c>
      <c r="O12037" t="s">
        <v>85</v>
      </c>
      <c r="P12037" t="s">
        <v>86</v>
      </c>
      <c r="Q12037">
        <v>22</v>
      </c>
      <c r="R12037">
        <v>23</v>
      </c>
      <c r="S12037">
        <v>23</v>
      </c>
      <c r="T12037">
        <v>23</v>
      </c>
      <c r="U12037">
        <v>23</v>
      </c>
      <c r="V12037">
        <v>24</v>
      </c>
      <c r="W12037">
        <v>24</v>
      </c>
      <c r="X12037">
        <v>24</v>
      </c>
      <c r="Y12037">
        <v>24</v>
      </c>
      <c r="Z12037">
        <v>25</v>
      </c>
      <c r="AA12037">
        <v>25</v>
      </c>
      <c r="AB12037">
        <v>25</v>
      </c>
      <c r="AC12037">
        <v>25</v>
      </c>
      <c r="AD12037">
        <v>26</v>
      </c>
      <c r="AE12037">
        <v>26</v>
      </c>
      <c r="AF12037">
        <v>26</v>
      </c>
      <c r="AG12037">
        <v>26</v>
      </c>
      <c r="AH12037">
        <v>27</v>
      </c>
      <c r="AI12037">
        <v>27</v>
      </c>
      <c r="AJ12037">
        <v>27</v>
      </c>
      <c r="AK12037">
        <v>27</v>
      </c>
      <c r="AL12037">
        <v>27</v>
      </c>
      <c r="AM12037">
        <v>27</v>
      </c>
      <c r="AN12037">
        <v>27</v>
      </c>
      <c r="AO12037">
        <v>27</v>
      </c>
      <c r="AP12037">
        <v>27</v>
      </c>
      <c r="AQ12037">
        <v>27</v>
      </c>
    </row>
    <row r="12038" spans="1:43">
      <c r="A12038" t="s">
        <v>7488</v>
      </c>
      <c r="B12038" t="s">
        <v>7489</v>
      </c>
      <c r="C12038" t="s">
        <v>7482</v>
      </c>
      <c r="D12038" t="s">
        <v>7483</v>
      </c>
      <c r="E12038" t="s">
        <v>7278</v>
      </c>
      <c r="F12038" t="s">
        <v>7279</v>
      </c>
      <c r="G12038" t="s">
        <v>80</v>
      </c>
      <c r="H12038" t="s">
        <v>81</v>
      </c>
      <c r="I12038" s="2">
        <v>0</v>
      </c>
      <c r="J12038" s="2">
        <v>1</v>
      </c>
      <c r="K12038" s="2">
        <v>0</v>
      </c>
      <c r="L12038" t="s">
        <v>82</v>
      </c>
      <c r="M12038" t="s">
        <v>83</v>
      </c>
      <c r="N12038" t="s">
        <v>84</v>
      </c>
      <c r="O12038" t="s">
        <v>85</v>
      </c>
      <c r="P12038" t="s">
        <v>86</v>
      </c>
      <c r="Q12038">
        <v>10</v>
      </c>
      <c r="R12038">
        <v>11</v>
      </c>
      <c r="S12038">
        <v>11</v>
      </c>
      <c r="T12038">
        <v>11</v>
      </c>
      <c r="U12038">
        <v>11</v>
      </c>
      <c r="V12038">
        <v>11</v>
      </c>
      <c r="W12038">
        <v>11</v>
      </c>
      <c r="X12038">
        <v>11</v>
      </c>
      <c r="Y12038">
        <v>11</v>
      </c>
      <c r="Z12038">
        <v>11</v>
      </c>
      <c r="AA12038">
        <v>12</v>
      </c>
      <c r="AB12038">
        <v>12</v>
      </c>
      <c r="AC12038">
        <v>12</v>
      </c>
      <c r="AD12038">
        <v>12</v>
      </c>
      <c r="AE12038">
        <v>12</v>
      </c>
      <c r="AF12038">
        <v>12</v>
      </c>
      <c r="AG12038">
        <v>12</v>
      </c>
      <c r="AH12038">
        <v>12</v>
      </c>
      <c r="AI12038">
        <v>12</v>
      </c>
      <c r="AJ12038">
        <v>12</v>
      </c>
      <c r="AK12038">
        <v>12</v>
      </c>
      <c r="AL12038">
        <v>13</v>
      </c>
      <c r="AM12038">
        <v>13</v>
      </c>
      <c r="AN12038">
        <v>12</v>
      </c>
      <c r="AO12038">
        <v>12</v>
      </c>
      <c r="AP12038">
        <v>12</v>
      </c>
      <c r="AQ12038">
        <v>12</v>
      </c>
    </row>
    <row r="12039" spans="1:43">
      <c r="A12039" t="s">
        <v>7488</v>
      </c>
      <c r="B12039" t="s">
        <v>7489</v>
      </c>
      <c r="C12039" t="s">
        <v>7482</v>
      </c>
      <c r="D12039" t="s">
        <v>7483</v>
      </c>
      <c r="E12039" t="s">
        <v>7278</v>
      </c>
      <c r="F12039" t="s">
        <v>7279</v>
      </c>
      <c r="G12039" t="s">
        <v>80</v>
      </c>
      <c r="H12039" t="s">
        <v>81</v>
      </c>
      <c r="I12039" s="2">
        <v>0</v>
      </c>
      <c r="J12039" s="2">
        <v>1</v>
      </c>
      <c r="K12039" s="2">
        <v>0</v>
      </c>
      <c r="L12039" t="s">
        <v>82</v>
      </c>
      <c r="M12039" t="s">
        <v>87</v>
      </c>
      <c r="N12039" t="s">
        <v>88</v>
      </c>
      <c r="O12039" t="s">
        <v>85</v>
      </c>
      <c r="P12039" t="s">
        <v>86</v>
      </c>
      <c r="Q12039">
        <v>10</v>
      </c>
      <c r="R12039">
        <v>10</v>
      </c>
      <c r="S12039">
        <v>10</v>
      </c>
      <c r="T12039">
        <v>10</v>
      </c>
      <c r="U12039">
        <v>10</v>
      </c>
      <c r="V12039">
        <v>10</v>
      </c>
      <c r="W12039">
        <v>10</v>
      </c>
      <c r="X12039">
        <v>10</v>
      </c>
      <c r="Y12039">
        <v>11</v>
      </c>
      <c r="Z12039">
        <v>11</v>
      </c>
      <c r="AA12039">
        <v>11</v>
      </c>
      <c r="AB12039">
        <v>11</v>
      </c>
      <c r="AC12039">
        <v>11</v>
      </c>
      <c r="AD12039">
        <v>11</v>
      </c>
      <c r="AE12039">
        <v>11</v>
      </c>
      <c r="AF12039">
        <v>11</v>
      </c>
      <c r="AG12039">
        <v>11</v>
      </c>
      <c r="AH12039">
        <v>11</v>
      </c>
      <c r="AI12039">
        <v>11</v>
      </c>
      <c r="AJ12039">
        <v>11</v>
      </c>
      <c r="AK12039">
        <v>11</v>
      </c>
      <c r="AL12039">
        <v>11</v>
      </c>
      <c r="AM12039">
        <v>11</v>
      </c>
      <c r="AN12039">
        <v>11</v>
      </c>
      <c r="AO12039">
        <v>11</v>
      </c>
      <c r="AP12039">
        <v>11</v>
      </c>
      <c r="AQ12039">
        <v>11</v>
      </c>
    </row>
    <row r="12040" spans="1:43">
      <c r="A12040" t="s">
        <v>7488</v>
      </c>
      <c r="B12040" t="s">
        <v>7489</v>
      </c>
      <c r="C12040" t="s">
        <v>7482</v>
      </c>
      <c r="D12040" t="s">
        <v>7483</v>
      </c>
      <c r="E12040" t="s">
        <v>7278</v>
      </c>
      <c r="F12040" t="s">
        <v>7279</v>
      </c>
      <c r="G12040" t="s">
        <v>80</v>
      </c>
      <c r="H12040" t="s">
        <v>81</v>
      </c>
      <c r="I12040" s="2">
        <v>0</v>
      </c>
      <c r="J12040" s="2">
        <v>1</v>
      </c>
      <c r="K12040" s="2">
        <v>0</v>
      </c>
      <c r="L12040" t="s">
        <v>82</v>
      </c>
      <c r="M12040" t="s">
        <v>89</v>
      </c>
      <c r="N12040" t="s">
        <v>90</v>
      </c>
      <c r="O12040" t="s">
        <v>85</v>
      </c>
      <c r="P12040" t="s">
        <v>86</v>
      </c>
      <c r="Q12040">
        <v>10</v>
      </c>
      <c r="R12040">
        <v>10</v>
      </c>
      <c r="S12040">
        <v>10</v>
      </c>
      <c r="T12040">
        <v>10</v>
      </c>
      <c r="U12040">
        <v>10</v>
      </c>
      <c r="V12040">
        <v>11</v>
      </c>
      <c r="W12040">
        <v>11</v>
      </c>
      <c r="X12040">
        <v>11</v>
      </c>
      <c r="Y12040">
        <v>11</v>
      </c>
      <c r="Z12040">
        <v>11</v>
      </c>
      <c r="AA12040">
        <v>11</v>
      </c>
      <c r="AB12040">
        <v>11</v>
      </c>
      <c r="AC12040">
        <v>12</v>
      </c>
      <c r="AD12040">
        <v>12</v>
      </c>
      <c r="AE12040">
        <v>12</v>
      </c>
      <c r="AF12040">
        <v>12</v>
      </c>
      <c r="AG12040">
        <v>12</v>
      </c>
      <c r="AH12040">
        <v>12</v>
      </c>
      <c r="AI12040">
        <v>12</v>
      </c>
      <c r="AJ12040">
        <v>12</v>
      </c>
      <c r="AK12040">
        <v>12</v>
      </c>
      <c r="AL12040">
        <v>12</v>
      </c>
      <c r="AM12040">
        <v>12</v>
      </c>
      <c r="AN12040">
        <v>12</v>
      </c>
      <c r="AO12040">
        <v>12</v>
      </c>
      <c r="AP12040">
        <v>12</v>
      </c>
      <c r="AQ12040">
        <v>12</v>
      </c>
    </row>
    <row r="12041" spans="1:43">
      <c r="A12041" t="s">
        <v>7488</v>
      </c>
      <c r="B12041" t="s">
        <v>7489</v>
      </c>
      <c r="C12041" t="s">
        <v>7482</v>
      </c>
      <c r="D12041" t="s">
        <v>7483</v>
      </c>
      <c r="E12041" t="s">
        <v>7278</v>
      </c>
      <c r="F12041" t="s">
        <v>7279</v>
      </c>
      <c r="G12041" t="s">
        <v>80</v>
      </c>
      <c r="H12041" t="s">
        <v>81</v>
      </c>
      <c r="I12041" s="2">
        <v>0</v>
      </c>
      <c r="J12041" s="2">
        <v>1</v>
      </c>
      <c r="K12041" s="2">
        <v>0</v>
      </c>
      <c r="L12041" t="s">
        <v>82</v>
      </c>
      <c r="M12041" t="s">
        <v>83</v>
      </c>
      <c r="N12041" t="s">
        <v>91</v>
      </c>
      <c r="O12041" t="s">
        <v>85</v>
      </c>
      <c r="P12041" t="s">
        <v>86</v>
      </c>
      <c r="Q12041">
        <v>10</v>
      </c>
      <c r="R12041">
        <v>11</v>
      </c>
      <c r="S12041">
        <v>11</v>
      </c>
      <c r="T12041">
        <v>11</v>
      </c>
      <c r="U12041">
        <v>11</v>
      </c>
      <c r="V12041">
        <v>11</v>
      </c>
      <c r="W12041">
        <v>11</v>
      </c>
      <c r="X12041">
        <v>11</v>
      </c>
      <c r="Y12041">
        <v>11</v>
      </c>
      <c r="Z12041">
        <v>11</v>
      </c>
      <c r="AA12041">
        <v>12</v>
      </c>
      <c r="AB12041">
        <v>12</v>
      </c>
      <c r="AC12041">
        <v>12</v>
      </c>
      <c r="AD12041">
        <v>12</v>
      </c>
      <c r="AE12041">
        <v>12</v>
      </c>
      <c r="AF12041">
        <v>12</v>
      </c>
      <c r="AG12041">
        <v>12</v>
      </c>
      <c r="AH12041">
        <v>12</v>
      </c>
      <c r="AI12041">
        <v>12</v>
      </c>
      <c r="AJ12041">
        <v>12</v>
      </c>
      <c r="AK12041">
        <v>12</v>
      </c>
      <c r="AL12041">
        <v>13</v>
      </c>
      <c r="AM12041">
        <v>13</v>
      </c>
      <c r="AN12041">
        <v>12</v>
      </c>
      <c r="AO12041">
        <v>12</v>
      </c>
      <c r="AP12041">
        <v>12</v>
      </c>
      <c r="AQ12041">
        <v>12</v>
      </c>
    </row>
    <row r="12042" spans="1:43">
      <c r="A12042" t="s">
        <v>7490</v>
      </c>
      <c r="B12042" t="s">
        <v>7491</v>
      </c>
      <c r="C12042" t="s">
        <v>7482</v>
      </c>
      <c r="D12042" t="s">
        <v>7483</v>
      </c>
      <c r="E12042" t="s">
        <v>7278</v>
      </c>
      <c r="F12042" t="s">
        <v>7279</v>
      </c>
      <c r="G12042" t="s">
        <v>80</v>
      </c>
      <c r="H12042" t="s">
        <v>81</v>
      </c>
      <c r="I12042" s="2">
        <v>0</v>
      </c>
      <c r="J12042" s="2">
        <v>1</v>
      </c>
      <c r="K12042" s="2">
        <v>0</v>
      </c>
      <c r="L12042" t="s">
        <v>82</v>
      </c>
      <c r="M12042" t="s">
        <v>83</v>
      </c>
      <c r="N12042" t="s">
        <v>84</v>
      </c>
      <c r="O12042" t="s">
        <v>85</v>
      </c>
      <c r="P12042" t="s">
        <v>86</v>
      </c>
      <c r="Q12042">
        <v>109</v>
      </c>
      <c r="R12042">
        <v>111</v>
      </c>
      <c r="S12042">
        <v>112</v>
      </c>
      <c r="T12042">
        <v>113</v>
      </c>
      <c r="U12042">
        <v>114</v>
      </c>
      <c r="V12042">
        <v>116</v>
      </c>
      <c r="W12042">
        <v>117</v>
      </c>
      <c r="X12042">
        <v>118</v>
      </c>
      <c r="Y12042">
        <v>119</v>
      </c>
      <c r="Z12042">
        <v>120</v>
      </c>
      <c r="AA12042">
        <v>121</v>
      </c>
      <c r="AB12042">
        <v>122</v>
      </c>
      <c r="AC12042">
        <v>123</v>
      </c>
      <c r="AD12042">
        <v>124</v>
      </c>
      <c r="AE12042">
        <v>125</v>
      </c>
      <c r="AF12042">
        <v>126</v>
      </c>
      <c r="AG12042">
        <v>127</v>
      </c>
      <c r="AH12042">
        <v>128</v>
      </c>
      <c r="AI12042">
        <v>129</v>
      </c>
      <c r="AJ12042">
        <v>130</v>
      </c>
      <c r="AK12042">
        <v>131</v>
      </c>
      <c r="AL12042">
        <v>131</v>
      </c>
      <c r="AM12042">
        <v>131</v>
      </c>
      <c r="AN12042">
        <v>131</v>
      </c>
      <c r="AO12042">
        <v>131</v>
      </c>
      <c r="AP12042">
        <v>131</v>
      </c>
      <c r="AQ12042">
        <v>131</v>
      </c>
    </row>
    <row r="12043" spans="1:43">
      <c r="A12043" t="s">
        <v>7490</v>
      </c>
      <c r="B12043" t="s">
        <v>7491</v>
      </c>
      <c r="C12043" t="s">
        <v>7482</v>
      </c>
      <c r="D12043" t="s">
        <v>7483</v>
      </c>
      <c r="E12043" t="s">
        <v>7278</v>
      </c>
      <c r="F12043" t="s">
        <v>7279</v>
      </c>
      <c r="G12043" t="s">
        <v>80</v>
      </c>
      <c r="H12043" t="s">
        <v>81</v>
      </c>
      <c r="I12043" s="2">
        <v>0</v>
      </c>
      <c r="J12043" s="2">
        <v>1</v>
      </c>
      <c r="K12043" s="2">
        <v>0</v>
      </c>
      <c r="L12043" t="s">
        <v>82</v>
      </c>
      <c r="M12043" t="s">
        <v>87</v>
      </c>
      <c r="N12043" t="s">
        <v>88</v>
      </c>
      <c r="O12043" t="s">
        <v>85</v>
      </c>
      <c r="P12043" t="s">
        <v>86</v>
      </c>
      <c r="Q12043">
        <v>109</v>
      </c>
      <c r="R12043">
        <v>110</v>
      </c>
      <c r="S12043">
        <v>110</v>
      </c>
      <c r="T12043">
        <v>110</v>
      </c>
      <c r="U12043">
        <v>110</v>
      </c>
      <c r="V12043">
        <v>111</v>
      </c>
      <c r="W12043">
        <v>111</v>
      </c>
      <c r="X12043">
        <v>111</v>
      </c>
      <c r="Y12043">
        <v>111</v>
      </c>
      <c r="Z12043">
        <v>111</v>
      </c>
      <c r="AA12043">
        <v>111</v>
      </c>
      <c r="AB12043">
        <v>112</v>
      </c>
      <c r="AC12043">
        <v>112</v>
      </c>
      <c r="AD12043">
        <v>112</v>
      </c>
      <c r="AE12043">
        <v>112</v>
      </c>
      <c r="AF12043">
        <v>112</v>
      </c>
      <c r="AG12043">
        <v>112</v>
      </c>
      <c r="AH12043">
        <v>112</v>
      </c>
      <c r="AI12043">
        <v>112</v>
      </c>
      <c r="AJ12043">
        <v>113</v>
      </c>
      <c r="AK12043">
        <v>113</v>
      </c>
      <c r="AL12043">
        <v>113</v>
      </c>
      <c r="AM12043">
        <v>113</v>
      </c>
      <c r="AN12043">
        <v>113</v>
      </c>
      <c r="AO12043">
        <v>113</v>
      </c>
      <c r="AP12043">
        <v>113</v>
      </c>
      <c r="AQ12043">
        <v>113</v>
      </c>
    </row>
    <row r="12044" spans="1:43">
      <c r="A12044" t="s">
        <v>7490</v>
      </c>
      <c r="B12044" t="s">
        <v>7491</v>
      </c>
      <c r="C12044" t="s">
        <v>7482</v>
      </c>
      <c r="D12044" t="s">
        <v>7483</v>
      </c>
      <c r="E12044" t="s">
        <v>7278</v>
      </c>
      <c r="F12044" t="s">
        <v>7279</v>
      </c>
      <c r="G12044" t="s">
        <v>80</v>
      </c>
      <c r="H12044" t="s">
        <v>81</v>
      </c>
      <c r="I12044" s="2">
        <v>0</v>
      </c>
      <c r="J12044" s="2">
        <v>1</v>
      </c>
      <c r="K12044" s="2">
        <v>0</v>
      </c>
      <c r="L12044" t="s">
        <v>82</v>
      </c>
      <c r="M12044" t="s">
        <v>89</v>
      </c>
      <c r="N12044" t="s">
        <v>90</v>
      </c>
      <c r="O12044" t="s">
        <v>85</v>
      </c>
      <c r="P12044" t="s">
        <v>86</v>
      </c>
      <c r="Q12044">
        <v>109</v>
      </c>
      <c r="R12044">
        <v>112</v>
      </c>
      <c r="S12044">
        <v>114</v>
      </c>
      <c r="T12044">
        <v>116</v>
      </c>
      <c r="U12044">
        <v>118</v>
      </c>
      <c r="V12044">
        <v>120</v>
      </c>
      <c r="W12044">
        <v>122</v>
      </c>
      <c r="X12044">
        <v>124</v>
      </c>
      <c r="Y12044">
        <v>125</v>
      </c>
      <c r="Z12044">
        <v>127</v>
      </c>
      <c r="AA12044">
        <v>128</v>
      </c>
      <c r="AB12044">
        <v>130</v>
      </c>
      <c r="AC12044">
        <v>131</v>
      </c>
      <c r="AD12044">
        <v>133</v>
      </c>
      <c r="AE12044">
        <v>134</v>
      </c>
      <c r="AF12044">
        <v>134</v>
      </c>
      <c r="AG12044">
        <v>133</v>
      </c>
      <c r="AH12044">
        <v>133</v>
      </c>
      <c r="AI12044">
        <v>133</v>
      </c>
      <c r="AJ12044">
        <v>133</v>
      </c>
      <c r="AK12044">
        <v>133</v>
      </c>
      <c r="AL12044">
        <v>133</v>
      </c>
      <c r="AM12044">
        <v>133</v>
      </c>
      <c r="AN12044">
        <v>133</v>
      </c>
      <c r="AO12044">
        <v>133</v>
      </c>
      <c r="AP12044">
        <v>132</v>
      </c>
      <c r="AQ12044">
        <v>132</v>
      </c>
    </row>
    <row r="12045" spans="1:43">
      <c r="A12045" t="s">
        <v>7490</v>
      </c>
      <c r="B12045" t="s">
        <v>7491</v>
      </c>
      <c r="C12045" t="s">
        <v>7482</v>
      </c>
      <c r="D12045" t="s">
        <v>7483</v>
      </c>
      <c r="E12045" t="s">
        <v>7278</v>
      </c>
      <c r="F12045" t="s">
        <v>7279</v>
      </c>
      <c r="G12045" t="s">
        <v>80</v>
      </c>
      <c r="H12045" t="s">
        <v>81</v>
      </c>
      <c r="I12045" s="2">
        <v>0</v>
      </c>
      <c r="J12045" s="2">
        <v>1</v>
      </c>
      <c r="K12045" s="2">
        <v>0</v>
      </c>
      <c r="L12045" t="s">
        <v>82</v>
      </c>
      <c r="M12045" t="s">
        <v>83</v>
      </c>
      <c r="N12045" t="s">
        <v>91</v>
      </c>
      <c r="O12045" t="s">
        <v>85</v>
      </c>
      <c r="P12045" t="s">
        <v>86</v>
      </c>
      <c r="Q12045">
        <v>109</v>
      </c>
      <c r="R12045">
        <v>111</v>
      </c>
      <c r="S12045">
        <v>112</v>
      </c>
      <c r="T12045">
        <v>113</v>
      </c>
      <c r="U12045">
        <v>114</v>
      </c>
      <c r="V12045">
        <v>116</v>
      </c>
      <c r="W12045">
        <v>117</v>
      </c>
      <c r="X12045">
        <v>118</v>
      </c>
      <c r="Y12045">
        <v>119</v>
      </c>
      <c r="Z12045">
        <v>120</v>
      </c>
      <c r="AA12045">
        <v>121</v>
      </c>
      <c r="AB12045">
        <v>122</v>
      </c>
      <c r="AC12045">
        <v>123</v>
      </c>
      <c r="AD12045">
        <v>124</v>
      </c>
      <c r="AE12045">
        <v>125</v>
      </c>
      <c r="AF12045">
        <v>126</v>
      </c>
      <c r="AG12045">
        <v>127</v>
      </c>
      <c r="AH12045">
        <v>128</v>
      </c>
      <c r="AI12045">
        <v>129</v>
      </c>
      <c r="AJ12045">
        <v>130</v>
      </c>
      <c r="AK12045">
        <v>131</v>
      </c>
      <c r="AL12045">
        <v>131</v>
      </c>
      <c r="AM12045">
        <v>131</v>
      </c>
      <c r="AN12045">
        <v>131</v>
      </c>
      <c r="AO12045">
        <v>131</v>
      </c>
      <c r="AP12045">
        <v>131</v>
      </c>
      <c r="AQ12045">
        <v>131</v>
      </c>
    </row>
    <row r="12046" spans="1:43">
      <c r="A12046" t="s">
        <v>7492</v>
      </c>
      <c r="B12046" t="s">
        <v>7493</v>
      </c>
      <c r="C12046" t="s">
        <v>7444</v>
      </c>
      <c r="D12046" t="s">
        <v>7445</v>
      </c>
      <c r="E12046" t="s">
        <v>7278</v>
      </c>
      <c r="F12046" t="s">
        <v>7279</v>
      </c>
      <c r="G12046" t="s">
        <v>80</v>
      </c>
      <c r="H12046" t="s">
        <v>81</v>
      </c>
      <c r="I12046" s="2">
        <v>0</v>
      </c>
      <c r="J12046" s="2">
        <v>1</v>
      </c>
      <c r="K12046" s="2">
        <v>0</v>
      </c>
      <c r="L12046" t="s">
        <v>82</v>
      </c>
      <c r="M12046" t="s">
        <v>83</v>
      </c>
      <c r="N12046" t="s">
        <v>84</v>
      </c>
      <c r="O12046" t="s">
        <v>85</v>
      </c>
      <c r="P12046" t="s">
        <v>86</v>
      </c>
      <c r="Q12046">
        <v>59</v>
      </c>
      <c r="R12046">
        <v>59</v>
      </c>
      <c r="S12046">
        <v>60</v>
      </c>
      <c r="T12046">
        <v>61</v>
      </c>
      <c r="U12046">
        <v>61</v>
      </c>
      <c r="V12046">
        <v>62</v>
      </c>
      <c r="W12046">
        <v>63</v>
      </c>
      <c r="X12046">
        <v>63</v>
      </c>
      <c r="Y12046">
        <v>64</v>
      </c>
      <c r="Z12046">
        <v>65</v>
      </c>
      <c r="AA12046">
        <v>65</v>
      </c>
      <c r="AB12046">
        <v>66</v>
      </c>
      <c r="AC12046">
        <v>67</v>
      </c>
      <c r="AD12046">
        <v>67</v>
      </c>
      <c r="AE12046">
        <v>68</v>
      </c>
      <c r="AF12046">
        <v>68</v>
      </c>
      <c r="AG12046">
        <v>69</v>
      </c>
      <c r="AH12046">
        <v>70</v>
      </c>
      <c r="AI12046">
        <v>70</v>
      </c>
      <c r="AJ12046">
        <v>71</v>
      </c>
      <c r="AK12046">
        <v>71</v>
      </c>
      <c r="AL12046">
        <v>71</v>
      </c>
      <c r="AM12046">
        <v>71</v>
      </c>
      <c r="AN12046">
        <v>71</v>
      </c>
      <c r="AO12046">
        <v>71</v>
      </c>
      <c r="AP12046">
        <v>71</v>
      </c>
      <c r="AQ12046">
        <v>71</v>
      </c>
    </row>
    <row r="12047" spans="1:43">
      <c r="A12047" t="s">
        <v>7492</v>
      </c>
      <c r="B12047" t="s">
        <v>7493</v>
      </c>
      <c r="C12047" t="s">
        <v>7444</v>
      </c>
      <c r="D12047" t="s">
        <v>7445</v>
      </c>
      <c r="E12047" t="s">
        <v>7278</v>
      </c>
      <c r="F12047" t="s">
        <v>7279</v>
      </c>
      <c r="G12047" t="s">
        <v>80</v>
      </c>
      <c r="H12047" t="s">
        <v>81</v>
      </c>
      <c r="I12047" s="2">
        <v>0</v>
      </c>
      <c r="J12047" s="2">
        <v>1</v>
      </c>
      <c r="K12047" s="2">
        <v>0</v>
      </c>
      <c r="L12047" t="s">
        <v>82</v>
      </c>
      <c r="M12047" t="s">
        <v>87</v>
      </c>
      <c r="N12047" t="s">
        <v>88</v>
      </c>
      <c r="O12047" t="s">
        <v>85</v>
      </c>
      <c r="P12047" t="s">
        <v>86</v>
      </c>
      <c r="Q12047">
        <v>59</v>
      </c>
      <c r="R12047">
        <v>59</v>
      </c>
      <c r="S12047">
        <v>59</v>
      </c>
      <c r="T12047">
        <v>60</v>
      </c>
      <c r="U12047">
        <v>60</v>
      </c>
      <c r="V12047">
        <v>60</v>
      </c>
      <c r="W12047">
        <v>60</v>
      </c>
      <c r="X12047">
        <v>60</v>
      </c>
      <c r="Y12047">
        <v>60</v>
      </c>
      <c r="Z12047">
        <v>60</v>
      </c>
      <c r="AA12047">
        <v>61</v>
      </c>
      <c r="AB12047">
        <v>61</v>
      </c>
      <c r="AC12047">
        <v>61</v>
      </c>
      <c r="AD12047">
        <v>61</v>
      </c>
      <c r="AE12047">
        <v>61</v>
      </c>
      <c r="AF12047">
        <v>61</v>
      </c>
      <c r="AG12047">
        <v>61</v>
      </c>
      <c r="AH12047">
        <v>61</v>
      </c>
      <c r="AI12047">
        <v>61</v>
      </c>
      <c r="AJ12047">
        <v>62</v>
      </c>
      <c r="AK12047">
        <v>62</v>
      </c>
      <c r="AL12047">
        <v>62</v>
      </c>
      <c r="AM12047">
        <v>62</v>
      </c>
      <c r="AN12047">
        <v>62</v>
      </c>
      <c r="AO12047">
        <v>62</v>
      </c>
      <c r="AP12047">
        <v>62</v>
      </c>
      <c r="AQ12047">
        <v>62</v>
      </c>
    </row>
    <row r="12048" spans="1:43">
      <c r="A12048" t="s">
        <v>7492</v>
      </c>
      <c r="B12048" t="s">
        <v>7493</v>
      </c>
      <c r="C12048" t="s">
        <v>7444</v>
      </c>
      <c r="D12048" t="s">
        <v>7445</v>
      </c>
      <c r="E12048" t="s">
        <v>7278</v>
      </c>
      <c r="F12048" t="s">
        <v>7279</v>
      </c>
      <c r="G12048" t="s">
        <v>80</v>
      </c>
      <c r="H12048" t="s">
        <v>81</v>
      </c>
      <c r="I12048" s="2">
        <v>0</v>
      </c>
      <c r="J12048" s="2">
        <v>1</v>
      </c>
      <c r="K12048" s="2">
        <v>0</v>
      </c>
      <c r="L12048" t="s">
        <v>82</v>
      </c>
      <c r="M12048" t="s">
        <v>89</v>
      </c>
      <c r="N12048" t="s">
        <v>90</v>
      </c>
      <c r="O12048" t="s">
        <v>85</v>
      </c>
      <c r="P12048" t="s">
        <v>86</v>
      </c>
      <c r="Q12048">
        <v>59</v>
      </c>
      <c r="R12048">
        <v>60</v>
      </c>
      <c r="S12048">
        <v>62</v>
      </c>
      <c r="T12048">
        <v>63</v>
      </c>
      <c r="U12048">
        <v>64</v>
      </c>
      <c r="V12048">
        <v>65</v>
      </c>
      <c r="W12048">
        <v>66</v>
      </c>
      <c r="X12048">
        <v>67</v>
      </c>
      <c r="Y12048">
        <v>68</v>
      </c>
      <c r="Z12048">
        <v>69</v>
      </c>
      <c r="AA12048">
        <v>70</v>
      </c>
      <c r="AB12048">
        <v>71</v>
      </c>
      <c r="AC12048">
        <v>71</v>
      </c>
      <c r="AD12048">
        <v>72</v>
      </c>
      <c r="AE12048">
        <v>73</v>
      </c>
      <c r="AF12048">
        <v>73</v>
      </c>
      <c r="AG12048">
        <v>73</v>
      </c>
      <c r="AH12048">
        <v>73</v>
      </c>
      <c r="AI12048">
        <v>73</v>
      </c>
      <c r="AJ12048">
        <v>73</v>
      </c>
      <c r="AK12048">
        <v>73</v>
      </c>
      <c r="AL12048">
        <v>73</v>
      </c>
      <c r="AM12048">
        <v>73</v>
      </c>
      <c r="AN12048">
        <v>73</v>
      </c>
      <c r="AO12048">
        <v>73</v>
      </c>
      <c r="AP12048">
        <v>73</v>
      </c>
      <c r="AQ12048">
        <v>73</v>
      </c>
    </row>
    <row r="12049" spans="1:43">
      <c r="A12049" t="s">
        <v>7492</v>
      </c>
      <c r="B12049" t="s">
        <v>7493</v>
      </c>
      <c r="C12049" t="s">
        <v>7444</v>
      </c>
      <c r="D12049" t="s">
        <v>7445</v>
      </c>
      <c r="E12049" t="s">
        <v>7278</v>
      </c>
      <c r="F12049" t="s">
        <v>7279</v>
      </c>
      <c r="G12049" t="s">
        <v>80</v>
      </c>
      <c r="H12049" t="s">
        <v>81</v>
      </c>
      <c r="I12049" s="2">
        <v>0</v>
      </c>
      <c r="J12049" s="2">
        <v>1</v>
      </c>
      <c r="K12049" s="2">
        <v>0</v>
      </c>
      <c r="L12049" t="s">
        <v>82</v>
      </c>
      <c r="M12049" t="s">
        <v>83</v>
      </c>
      <c r="N12049" t="s">
        <v>91</v>
      </c>
      <c r="O12049" t="s">
        <v>85</v>
      </c>
      <c r="P12049" t="s">
        <v>86</v>
      </c>
      <c r="Q12049">
        <v>59</v>
      </c>
      <c r="R12049">
        <v>59</v>
      </c>
      <c r="S12049">
        <v>60</v>
      </c>
      <c r="T12049">
        <v>61</v>
      </c>
      <c r="U12049">
        <v>61</v>
      </c>
      <c r="V12049">
        <v>62</v>
      </c>
      <c r="W12049">
        <v>63</v>
      </c>
      <c r="X12049">
        <v>63</v>
      </c>
      <c r="Y12049">
        <v>64</v>
      </c>
      <c r="Z12049">
        <v>65</v>
      </c>
      <c r="AA12049">
        <v>65</v>
      </c>
      <c r="AB12049">
        <v>66</v>
      </c>
      <c r="AC12049">
        <v>67</v>
      </c>
      <c r="AD12049">
        <v>67</v>
      </c>
      <c r="AE12049">
        <v>68</v>
      </c>
      <c r="AF12049">
        <v>68</v>
      </c>
      <c r="AG12049">
        <v>69</v>
      </c>
      <c r="AH12049">
        <v>70</v>
      </c>
      <c r="AI12049">
        <v>70</v>
      </c>
      <c r="AJ12049">
        <v>71</v>
      </c>
      <c r="AK12049">
        <v>71</v>
      </c>
      <c r="AL12049">
        <v>71</v>
      </c>
      <c r="AM12049">
        <v>71</v>
      </c>
      <c r="AN12049">
        <v>71</v>
      </c>
      <c r="AO12049">
        <v>71</v>
      </c>
      <c r="AP12049">
        <v>71</v>
      </c>
      <c r="AQ12049">
        <v>71</v>
      </c>
    </row>
    <row r="12050" spans="1:43">
      <c r="A12050" t="s">
        <v>7494</v>
      </c>
      <c r="B12050" t="s">
        <v>7495</v>
      </c>
      <c r="C12050" t="s">
        <v>7496</v>
      </c>
      <c r="D12050" t="s">
        <v>7497</v>
      </c>
      <c r="E12050" t="s">
        <v>7278</v>
      </c>
      <c r="F12050" t="s">
        <v>7279</v>
      </c>
      <c r="G12050" t="s">
        <v>80</v>
      </c>
      <c r="H12050" t="s">
        <v>81</v>
      </c>
      <c r="I12050" s="2">
        <v>0</v>
      </c>
      <c r="J12050" s="2">
        <v>1</v>
      </c>
      <c r="K12050" s="2">
        <v>0</v>
      </c>
      <c r="L12050" t="s">
        <v>82</v>
      </c>
      <c r="M12050" t="s">
        <v>83</v>
      </c>
      <c r="N12050" t="s">
        <v>84</v>
      </c>
      <c r="O12050" t="s">
        <v>85</v>
      </c>
      <c r="P12050" t="s">
        <v>86</v>
      </c>
      <c r="Q12050">
        <v>8</v>
      </c>
      <c r="R12050">
        <v>8</v>
      </c>
      <c r="S12050">
        <v>8</v>
      </c>
      <c r="T12050">
        <v>9</v>
      </c>
      <c r="U12050">
        <v>9</v>
      </c>
      <c r="V12050">
        <v>9</v>
      </c>
      <c r="W12050">
        <v>9</v>
      </c>
      <c r="X12050">
        <v>9</v>
      </c>
      <c r="Y12050">
        <v>9</v>
      </c>
      <c r="Z12050">
        <v>9</v>
      </c>
      <c r="AA12050">
        <v>9</v>
      </c>
      <c r="AB12050">
        <v>9</v>
      </c>
      <c r="AC12050">
        <v>9</v>
      </c>
      <c r="AD12050">
        <v>9</v>
      </c>
      <c r="AE12050">
        <v>9</v>
      </c>
      <c r="AF12050">
        <v>9</v>
      </c>
      <c r="AG12050">
        <v>10</v>
      </c>
      <c r="AH12050">
        <v>10</v>
      </c>
      <c r="AI12050">
        <v>10</v>
      </c>
      <c r="AJ12050">
        <v>10</v>
      </c>
      <c r="AK12050">
        <v>10</v>
      </c>
      <c r="AL12050">
        <v>10</v>
      </c>
      <c r="AM12050">
        <v>10</v>
      </c>
      <c r="AN12050">
        <v>10</v>
      </c>
      <c r="AO12050">
        <v>10</v>
      </c>
      <c r="AP12050">
        <v>10</v>
      </c>
      <c r="AQ12050">
        <v>10</v>
      </c>
    </row>
    <row r="12051" spans="1:43">
      <c r="A12051" t="s">
        <v>7494</v>
      </c>
      <c r="B12051" t="s">
        <v>7495</v>
      </c>
      <c r="C12051" t="s">
        <v>7496</v>
      </c>
      <c r="D12051" t="s">
        <v>7497</v>
      </c>
      <c r="E12051" t="s">
        <v>7278</v>
      </c>
      <c r="F12051" t="s">
        <v>7279</v>
      </c>
      <c r="G12051" t="s">
        <v>80</v>
      </c>
      <c r="H12051" t="s">
        <v>81</v>
      </c>
      <c r="I12051" s="2">
        <v>0</v>
      </c>
      <c r="J12051" s="2">
        <v>1</v>
      </c>
      <c r="K12051" s="2">
        <v>0</v>
      </c>
      <c r="L12051" t="s">
        <v>82</v>
      </c>
      <c r="M12051" t="s">
        <v>87</v>
      </c>
      <c r="N12051" t="s">
        <v>88</v>
      </c>
      <c r="O12051" t="s">
        <v>85</v>
      </c>
      <c r="P12051" t="s">
        <v>86</v>
      </c>
      <c r="Q12051">
        <v>8</v>
      </c>
      <c r="R12051">
        <v>8</v>
      </c>
      <c r="S12051">
        <v>8</v>
      </c>
      <c r="T12051">
        <v>8</v>
      </c>
      <c r="U12051">
        <v>8</v>
      </c>
      <c r="V12051">
        <v>8</v>
      </c>
      <c r="W12051">
        <v>8</v>
      </c>
      <c r="X12051">
        <v>8</v>
      </c>
      <c r="Y12051">
        <v>8</v>
      </c>
      <c r="Z12051">
        <v>8</v>
      </c>
      <c r="AA12051">
        <v>8</v>
      </c>
      <c r="AB12051">
        <v>8</v>
      </c>
      <c r="AC12051">
        <v>8</v>
      </c>
      <c r="AD12051">
        <v>8</v>
      </c>
      <c r="AE12051">
        <v>8</v>
      </c>
      <c r="AF12051">
        <v>8</v>
      </c>
      <c r="AG12051">
        <v>8</v>
      </c>
      <c r="AH12051">
        <v>8</v>
      </c>
      <c r="AI12051">
        <v>8</v>
      </c>
      <c r="AJ12051">
        <v>8</v>
      </c>
      <c r="AK12051">
        <v>8</v>
      </c>
      <c r="AL12051">
        <v>8</v>
      </c>
      <c r="AM12051">
        <v>8</v>
      </c>
      <c r="AN12051">
        <v>8</v>
      </c>
      <c r="AO12051">
        <v>8</v>
      </c>
      <c r="AP12051">
        <v>8</v>
      </c>
      <c r="AQ12051">
        <v>8</v>
      </c>
    </row>
    <row r="12052" spans="1:43">
      <c r="A12052" t="s">
        <v>7494</v>
      </c>
      <c r="B12052" t="s">
        <v>7495</v>
      </c>
      <c r="C12052" t="s">
        <v>7496</v>
      </c>
      <c r="D12052" t="s">
        <v>7497</v>
      </c>
      <c r="E12052" t="s">
        <v>7278</v>
      </c>
      <c r="F12052" t="s">
        <v>7279</v>
      </c>
      <c r="G12052" t="s">
        <v>80</v>
      </c>
      <c r="H12052" t="s">
        <v>81</v>
      </c>
      <c r="I12052" s="2">
        <v>0</v>
      </c>
      <c r="J12052" s="2">
        <v>1</v>
      </c>
      <c r="K12052" s="2">
        <v>0</v>
      </c>
      <c r="L12052" t="s">
        <v>82</v>
      </c>
      <c r="M12052" t="s">
        <v>89</v>
      </c>
      <c r="N12052" t="s">
        <v>90</v>
      </c>
      <c r="O12052" t="s">
        <v>85</v>
      </c>
      <c r="P12052" t="s">
        <v>86</v>
      </c>
      <c r="Q12052">
        <v>8</v>
      </c>
      <c r="R12052">
        <v>8</v>
      </c>
      <c r="S12052">
        <v>9</v>
      </c>
      <c r="T12052">
        <v>9</v>
      </c>
      <c r="U12052">
        <v>9</v>
      </c>
      <c r="V12052">
        <v>9</v>
      </c>
      <c r="W12052">
        <v>9</v>
      </c>
      <c r="X12052">
        <v>9</v>
      </c>
      <c r="Y12052">
        <v>9</v>
      </c>
      <c r="Z12052">
        <v>10</v>
      </c>
      <c r="AA12052">
        <v>10</v>
      </c>
      <c r="AB12052">
        <v>10</v>
      </c>
      <c r="AC12052">
        <v>10</v>
      </c>
      <c r="AD12052">
        <v>10</v>
      </c>
      <c r="AE12052">
        <v>10</v>
      </c>
      <c r="AF12052">
        <v>10</v>
      </c>
      <c r="AG12052">
        <v>10</v>
      </c>
      <c r="AH12052">
        <v>10</v>
      </c>
      <c r="AI12052">
        <v>10</v>
      </c>
      <c r="AJ12052">
        <v>10</v>
      </c>
      <c r="AK12052">
        <v>10</v>
      </c>
      <c r="AL12052">
        <v>10</v>
      </c>
      <c r="AM12052">
        <v>10</v>
      </c>
      <c r="AN12052">
        <v>10</v>
      </c>
      <c r="AO12052">
        <v>10</v>
      </c>
      <c r="AP12052">
        <v>10</v>
      </c>
      <c r="AQ12052">
        <v>10</v>
      </c>
    </row>
    <row r="12053" spans="1:43">
      <c r="A12053" t="s">
        <v>7494</v>
      </c>
      <c r="B12053" t="s">
        <v>7495</v>
      </c>
      <c r="C12053" t="s">
        <v>7496</v>
      </c>
      <c r="D12053" t="s">
        <v>7497</v>
      </c>
      <c r="E12053" t="s">
        <v>7278</v>
      </c>
      <c r="F12053" t="s">
        <v>7279</v>
      </c>
      <c r="G12053" t="s">
        <v>80</v>
      </c>
      <c r="H12053" t="s">
        <v>81</v>
      </c>
      <c r="I12053" s="2">
        <v>0</v>
      </c>
      <c r="J12053" s="2">
        <v>1</v>
      </c>
      <c r="K12053" s="2">
        <v>0</v>
      </c>
      <c r="L12053" t="s">
        <v>82</v>
      </c>
      <c r="M12053" t="s">
        <v>83</v>
      </c>
      <c r="N12053" t="s">
        <v>91</v>
      </c>
      <c r="O12053" t="s">
        <v>85</v>
      </c>
      <c r="P12053" t="s">
        <v>86</v>
      </c>
      <c r="Q12053">
        <v>8</v>
      </c>
      <c r="R12053">
        <v>8</v>
      </c>
      <c r="S12053">
        <v>8</v>
      </c>
      <c r="T12053">
        <v>9</v>
      </c>
      <c r="U12053">
        <v>9</v>
      </c>
      <c r="V12053">
        <v>9</v>
      </c>
      <c r="W12053">
        <v>9</v>
      </c>
      <c r="X12053">
        <v>9</v>
      </c>
      <c r="Y12053">
        <v>9</v>
      </c>
      <c r="Z12053">
        <v>9</v>
      </c>
      <c r="AA12053">
        <v>9</v>
      </c>
      <c r="AB12053">
        <v>9</v>
      </c>
      <c r="AC12053">
        <v>9</v>
      </c>
      <c r="AD12053">
        <v>9</v>
      </c>
      <c r="AE12053">
        <v>9</v>
      </c>
      <c r="AF12053">
        <v>9</v>
      </c>
      <c r="AG12053">
        <v>10</v>
      </c>
      <c r="AH12053">
        <v>10</v>
      </c>
      <c r="AI12053">
        <v>10</v>
      </c>
      <c r="AJ12053">
        <v>10</v>
      </c>
      <c r="AK12053">
        <v>10</v>
      </c>
      <c r="AL12053">
        <v>10</v>
      </c>
      <c r="AM12053">
        <v>10</v>
      </c>
      <c r="AN12053">
        <v>10</v>
      </c>
      <c r="AO12053">
        <v>10</v>
      </c>
      <c r="AP12053">
        <v>10</v>
      </c>
      <c r="AQ12053">
        <v>10</v>
      </c>
    </row>
    <row r="12054" spans="1:43">
      <c r="A12054" t="s">
        <v>7498</v>
      </c>
      <c r="B12054" t="s">
        <v>7499</v>
      </c>
      <c r="C12054" t="s">
        <v>7496</v>
      </c>
      <c r="D12054" t="s">
        <v>7497</v>
      </c>
      <c r="E12054" t="s">
        <v>7278</v>
      </c>
      <c r="F12054" t="s">
        <v>7279</v>
      </c>
      <c r="G12054" t="s">
        <v>80</v>
      </c>
      <c r="H12054" t="s">
        <v>81</v>
      </c>
      <c r="I12054" s="2">
        <v>0</v>
      </c>
      <c r="J12054" s="2">
        <v>1</v>
      </c>
      <c r="K12054" s="2">
        <v>0</v>
      </c>
      <c r="L12054" t="s">
        <v>82</v>
      </c>
      <c r="M12054" t="s">
        <v>83</v>
      </c>
      <c r="N12054" t="s">
        <v>84</v>
      </c>
      <c r="O12054" t="s">
        <v>85</v>
      </c>
      <c r="P12054" t="s">
        <v>86</v>
      </c>
      <c r="Q12054">
        <v>54</v>
      </c>
      <c r="R12054">
        <v>55</v>
      </c>
      <c r="S12054">
        <v>56</v>
      </c>
      <c r="T12054">
        <v>56</v>
      </c>
      <c r="U12054">
        <v>57</v>
      </c>
      <c r="V12054">
        <v>58</v>
      </c>
      <c r="W12054">
        <v>58</v>
      </c>
      <c r="X12054">
        <v>59</v>
      </c>
      <c r="Y12054">
        <v>59</v>
      </c>
      <c r="Z12054">
        <v>60</v>
      </c>
      <c r="AA12054">
        <v>60</v>
      </c>
      <c r="AB12054">
        <v>61</v>
      </c>
      <c r="AC12054">
        <v>61</v>
      </c>
      <c r="AD12054">
        <v>62</v>
      </c>
      <c r="AE12054">
        <v>62</v>
      </c>
      <c r="AF12054">
        <v>63</v>
      </c>
      <c r="AG12054">
        <v>63</v>
      </c>
      <c r="AH12054">
        <v>64</v>
      </c>
      <c r="AI12054">
        <v>64</v>
      </c>
      <c r="AJ12054">
        <v>64</v>
      </c>
      <c r="AK12054">
        <v>65</v>
      </c>
      <c r="AL12054">
        <v>65</v>
      </c>
      <c r="AM12054">
        <v>65</v>
      </c>
      <c r="AN12054">
        <v>65</v>
      </c>
      <c r="AO12054">
        <v>65</v>
      </c>
      <c r="AP12054">
        <v>65</v>
      </c>
      <c r="AQ12054">
        <v>64</v>
      </c>
    </row>
    <row r="12055" spans="1:43">
      <c r="A12055" t="s">
        <v>7498</v>
      </c>
      <c r="B12055" t="s">
        <v>7499</v>
      </c>
      <c r="C12055" t="s">
        <v>7496</v>
      </c>
      <c r="D12055" t="s">
        <v>7497</v>
      </c>
      <c r="E12055" t="s">
        <v>7278</v>
      </c>
      <c r="F12055" t="s">
        <v>7279</v>
      </c>
      <c r="G12055" t="s">
        <v>80</v>
      </c>
      <c r="H12055" t="s">
        <v>81</v>
      </c>
      <c r="I12055" s="2">
        <v>0</v>
      </c>
      <c r="J12055" s="2">
        <v>1</v>
      </c>
      <c r="K12055" s="2">
        <v>0</v>
      </c>
      <c r="L12055" t="s">
        <v>82</v>
      </c>
      <c r="M12055" t="s">
        <v>87</v>
      </c>
      <c r="N12055" t="s">
        <v>88</v>
      </c>
      <c r="O12055" t="s">
        <v>85</v>
      </c>
      <c r="P12055" t="s">
        <v>86</v>
      </c>
      <c r="Q12055">
        <v>54</v>
      </c>
      <c r="R12055">
        <v>54</v>
      </c>
      <c r="S12055">
        <v>54</v>
      </c>
      <c r="T12055">
        <v>54</v>
      </c>
      <c r="U12055">
        <v>54</v>
      </c>
      <c r="V12055">
        <v>55</v>
      </c>
      <c r="W12055">
        <v>55</v>
      </c>
      <c r="X12055">
        <v>55</v>
      </c>
      <c r="Y12055">
        <v>55</v>
      </c>
      <c r="Z12055">
        <v>55</v>
      </c>
      <c r="AA12055">
        <v>55</v>
      </c>
      <c r="AB12055">
        <v>55</v>
      </c>
      <c r="AC12055">
        <v>55</v>
      </c>
      <c r="AD12055">
        <v>55</v>
      </c>
      <c r="AE12055">
        <v>55</v>
      </c>
      <c r="AF12055">
        <v>55</v>
      </c>
      <c r="AG12055">
        <v>55</v>
      </c>
      <c r="AH12055">
        <v>55</v>
      </c>
      <c r="AI12055">
        <v>55</v>
      </c>
      <c r="AJ12055">
        <v>55</v>
      </c>
      <c r="AK12055">
        <v>55</v>
      </c>
      <c r="AL12055">
        <v>55</v>
      </c>
      <c r="AM12055">
        <v>55</v>
      </c>
      <c r="AN12055">
        <v>56</v>
      </c>
      <c r="AO12055">
        <v>56</v>
      </c>
      <c r="AP12055">
        <v>56</v>
      </c>
      <c r="AQ12055">
        <v>56</v>
      </c>
    </row>
    <row r="12056" spans="1:43">
      <c r="A12056" t="s">
        <v>7498</v>
      </c>
      <c r="B12056" t="s">
        <v>7499</v>
      </c>
      <c r="C12056" t="s">
        <v>7496</v>
      </c>
      <c r="D12056" t="s">
        <v>7497</v>
      </c>
      <c r="E12056" t="s">
        <v>7278</v>
      </c>
      <c r="F12056" t="s">
        <v>7279</v>
      </c>
      <c r="G12056" t="s">
        <v>80</v>
      </c>
      <c r="H12056" t="s">
        <v>81</v>
      </c>
      <c r="I12056" s="2">
        <v>0</v>
      </c>
      <c r="J12056" s="2">
        <v>1</v>
      </c>
      <c r="K12056" s="2">
        <v>0</v>
      </c>
      <c r="L12056" t="s">
        <v>82</v>
      </c>
      <c r="M12056" t="s">
        <v>89</v>
      </c>
      <c r="N12056" t="s">
        <v>90</v>
      </c>
      <c r="O12056" t="s">
        <v>85</v>
      </c>
      <c r="P12056" t="s">
        <v>86</v>
      </c>
      <c r="Q12056">
        <v>54</v>
      </c>
      <c r="R12056">
        <v>55</v>
      </c>
      <c r="S12056">
        <v>56</v>
      </c>
      <c r="T12056">
        <v>57</v>
      </c>
      <c r="U12056">
        <v>58</v>
      </c>
      <c r="V12056">
        <v>59</v>
      </c>
      <c r="W12056">
        <v>60</v>
      </c>
      <c r="X12056">
        <v>61</v>
      </c>
      <c r="Y12056">
        <v>62</v>
      </c>
      <c r="Z12056">
        <v>63</v>
      </c>
      <c r="AA12056">
        <v>63</v>
      </c>
      <c r="AB12056">
        <v>64</v>
      </c>
      <c r="AC12056">
        <v>65</v>
      </c>
      <c r="AD12056">
        <v>65</v>
      </c>
      <c r="AE12056">
        <v>66</v>
      </c>
      <c r="AF12056">
        <v>66</v>
      </c>
      <c r="AG12056">
        <v>66</v>
      </c>
      <c r="AH12056">
        <v>65</v>
      </c>
      <c r="AI12056">
        <v>65</v>
      </c>
      <c r="AJ12056">
        <v>65</v>
      </c>
      <c r="AK12056">
        <v>65</v>
      </c>
      <c r="AL12056">
        <v>65</v>
      </c>
      <c r="AM12056">
        <v>65</v>
      </c>
      <c r="AN12056">
        <v>65</v>
      </c>
      <c r="AO12056">
        <v>65</v>
      </c>
      <c r="AP12056">
        <v>65</v>
      </c>
      <c r="AQ12056">
        <v>64</v>
      </c>
    </row>
    <row r="12057" spans="1:43">
      <c r="A12057" t="s">
        <v>7498</v>
      </c>
      <c r="B12057" t="s">
        <v>7499</v>
      </c>
      <c r="C12057" t="s">
        <v>7496</v>
      </c>
      <c r="D12057" t="s">
        <v>7497</v>
      </c>
      <c r="E12057" t="s">
        <v>7278</v>
      </c>
      <c r="F12057" t="s">
        <v>7279</v>
      </c>
      <c r="G12057" t="s">
        <v>80</v>
      </c>
      <c r="H12057" t="s">
        <v>81</v>
      </c>
      <c r="I12057" s="2">
        <v>0</v>
      </c>
      <c r="J12057" s="2">
        <v>1</v>
      </c>
      <c r="K12057" s="2">
        <v>0</v>
      </c>
      <c r="L12057" t="s">
        <v>82</v>
      </c>
      <c r="M12057" t="s">
        <v>83</v>
      </c>
      <c r="N12057" t="s">
        <v>91</v>
      </c>
      <c r="O12057" t="s">
        <v>85</v>
      </c>
      <c r="P12057" t="s">
        <v>86</v>
      </c>
      <c r="Q12057">
        <v>54</v>
      </c>
      <c r="R12057">
        <v>55</v>
      </c>
      <c r="S12057">
        <v>56</v>
      </c>
      <c r="T12057">
        <v>56</v>
      </c>
      <c r="U12057">
        <v>57</v>
      </c>
      <c r="V12057">
        <v>58</v>
      </c>
      <c r="W12057">
        <v>58</v>
      </c>
      <c r="X12057">
        <v>59</v>
      </c>
      <c r="Y12057">
        <v>59</v>
      </c>
      <c r="Z12057">
        <v>60</v>
      </c>
      <c r="AA12057">
        <v>60</v>
      </c>
      <c r="AB12057">
        <v>61</v>
      </c>
      <c r="AC12057">
        <v>61</v>
      </c>
      <c r="AD12057">
        <v>62</v>
      </c>
      <c r="AE12057">
        <v>62</v>
      </c>
      <c r="AF12057">
        <v>63</v>
      </c>
      <c r="AG12057">
        <v>63</v>
      </c>
      <c r="AH12057">
        <v>64</v>
      </c>
      <c r="AI12057">
        <v>64</v>
      </c>
      <c r="AJ12057">
        <v>64</v>
      </c>
      <c r="AK12057">
        <v>65</v>
      </c>
      <c r="AL12057">
        <v>65</v>
      </c>
      <c r="AM12057">
        <v>65</v>
      </c>
      <c r="AN12057">
        <v>65</v>
      </c>
      <c r="AO12057">
        <v>65</v>
      </c>
      <c r="AP12057">
        <v>65</v>
      </c>
      <c r="AQ12057">
        <v>64</v>
      </c>
    </row>
    <row r="12058" spans="1:43">
      <c r="A12058" t="s">
        <v>7500</v>
      </c>
      <c r="B12058" t="s">
        <v>7501</v>
      </c>
      <c r="C12058" t="s">
        <v>7468</v>
      </c>
      <c r="D12058" t="s">
        <v>7469</v>
      </c>
      <c r="E12058" t="s">
        <v>7278</v>
      </c>
      <c r="F12058" t="s">
        <v>7279</v>
      </c>
      <c r="G12058" t="s">
        <v>80</v>
      </c>
      <c r="H12058" t="s">
        <v>81</v>
      </c>
      <c r="I12058" s="2">
        <v>0</v>
      </c>
      <c r="J12058" s="2">
        <v>1</v>
      </c>
      <c r="K12058" s="2">
        <v>0</v>
      </c>
      <c r="L12058" t="s">
        <v>82</v>
      </c>
      <c r="M12058" t="s">
        <v>83</v>
      </c>
      <c r="N12058" t="s">
        <v>84</v>
      </c>
      <c r="O12058" t="s">
        <v>85</v>
      </c>
      <c r="P12058" t="s">
        <v>86</v>
      </c>
      <c r="Q12058">
        <v>22</v>
      </c>
      <c r="R12058">
        <v>22</v>
      </c>
      <c r="S12058">
        <v>23</v>
      </c>
      <c r="T12058">
        <v>23</v>
      </c>
      <c r="U12058">
        <v>23</v>
      </c>
      <c r="V12058">
        <v>24</v>
      </c>
      <c r="W12058">
        <v>24</v>
      </c>
      <c r="X12058">
        <v>24</v>
      </c>
      <c r="Y12058">
        <v>24</v>
      </c>
      <c r="Z12058">
        <v>24</v>
      </c>
      <c r="AA12058">
        <v>25</v>
      </c>
      <c r="AB12058">
        <v>25</v>
      </c>
      <c r="AC12058">
        <v>25</v>
      </c>
      <c r="AD12058">
        <v>25</v>
      </c>
      <c r="AE12058">
        <v>26</v>
      </c>
      <c r="AF12058">
        <v>26</v>
      </c>
      <c r="AG12058">
        <v>26</v>
      </c>
      <c r="AH12058">
        <v>26</v>
      </c>
      <c r="AI12058">
        <v>26</v>
      </c>
      <c r="AJ12058">
        <v>27</v>
      </c>
      <c r="AK12058">
        <v>27</v>
      </c>
      <c r="AL12058">
        <v>27</v>
      </c>
      <c r="AM12058">
        <v>27</v>
      </c>
      <c r="AN12058">
        <v>27</v>
      </c>
      <c r="AO12058">
        <v>27</v>
      </c>
      <c r="AP12058">
        <v>27</v>
      </c>
      <c r="AQ12058">
        <v>27</v>
      </c>
    </row>
    <row r="12059" spans="1:43">
      <c r="A12059" t="s">
        <v>7500</v>
      </c>
      <c r="B12059" t="s">
        <v>7501</v>
      </c>
      <c r="C12059" t="s">
        <v>7468</v>
      </c>
      <c r="D12059" t="s">
        <v>7469</v>
      </c>
      <c r="E12059" t="s">
        <v>7278</v>
      </c>
      <c r="F12059" t="s">
        <v>7279</v>
      </c>
      <c r="G12059" t="s">
        <v>80</v>
      </c>
      <c r="H12059" t="s">
        <v>81</v>
      </c>
      <c r="I12059" s="2">
        <v>0</v>
      </c>
      <c r="J12059" s="2">
        <v>1</v>
      </c>
      <c r="K12059" s="2">
        <v>0</v>
      </c>
      <c r="L12059" t="s">
        <v>82</v>
      </c>
      <c r="M12059" t="s">
        <v>87</v>
      </c>
      <c r="N12059" t="s">
        <v>88</v>
      </c>
      <c r="O12059" t="s">
        <v>85</v>
      </c>
      <c r="P12059" t="s">
        <v>86</v>
      </c>
      <c r="Q12059">
        <v>22</v>
      </c>
      <c r="R12059">
        <v>22</v>
      </c>
      <c r="S12059">
        <v>22</v>
      </c>
      <c r="T12059">
        <v>22</v>
      </c>
      <c r="U12059">
        <v>22</v>
      </c>
      <c r="V12059">
        <v>22</v>
      </c>
      <c r="W12059">
        <v>22</v>
      </c>
      <c r="X12059">
        <v>22</v>
      </c>
      <c r="Y12059">
        <v>22</v>
      </c>
      <c r="Z12059">
        <v>22</v>
      </c>
      <c r="AA12059">
        <v>22</v>
      </c>
      <c r="AB12059">
        <v>23</v>
      </c>
      <c r="AC12059">
        <v>23</v>
      </c>
      <c r="AD12059">
        <v>23</v>
      </c>
      <c r="AE12059">
        <v>23</v>
      </c>
      <c r="AF12059">
        <v>23</v>
      </c>
      <c r="AG12059">
        <v>23</v>
      </c>
      <c r="AH12059">
        <v>23</v>
      </c>
      <c r="AI12059">
        <v>23</v>
      </c>
      <c r="AJ12059">
        <v>23</v>
      </c>
      <c r="AK12059">
        <v>23</v>
      </c>
      <c r="AL12059">
        <v>23</v>
      </c>
      <c r="AM12059">
        <v>23</v>
      </c>
      <c r="AN12059">
        <v>23</v>
      </c>
      <c r="AO12059">
        <v>23</v>
      </c>
      <c r="AP12059">
        <v>23</v>
      </c>
      <c r="AQ12059">
        <v>23</v>
      </c>
    </row>
    <row r="12060" spans="1:43">
      <c r="A12060" t="s">
        <v>7500</v>
      </c>
      <c r="B12060" t="s">
        <v>7501</v>
      </c>
      <c r="C12060" t="s">
        <v>7468</v>
      </c>
      <c r="D12060" t="s">
        <v>7469</v>
      </c>
      <c r="E12060" t="s">
        <v>7278</v>
      </c>
      <c r="F12060" t="s">
        <v>7279</v>
      </c>
      <c r="G12060" t="s">
        <v>80</v>
      </c>
      <c r="H12060" t="s">
        <v>81</v>
      </c>
      <c r="I12060" s="2">
        <v>0</v>
      </c>
      <c r="J12060" s="2">
        <v>1</v>
      </c>
      <c r="K12060" s="2">
        <v>0</v>
      </c>
      <c r="L12060" t="s">
        <v>82</v>
      </c>
      <c r="M12060" t="s">
        <v>89</v>
      </c>
      <c r="N12060" t="s">
        <v>90</v>
      </c>
      <c r="O12060" t="s">
        <v>85</v>
      </c>
      <c r="P12060" t="s">
        <v>86</v>
      </c>
      <c r="Q12060">
        <v>22</v>
      </c>
      <c r="R12060">
        <v>23</v>
      </c>
      <c r="S12060">
        <v>23</v>
      </c>
      <c r="T12060">
        <v>24</v>
      </c>
      <c r="U12060">
        <v>24</v>
      </c>
      <c r="V12060">
        <v>25</v>
      </c>
      <c r="W12060">
        <v>25</v>
      </c>
      <c r="X12060">
        <v>25</v>
      </c>
      <c r="Y12060">
        <v>26</v>
      </c>
      <c r="Z12060">
        <v>26</v>
      </c>
      <c r="AA12060">
        <v>26</v>
      </c>
      <c r="AB12060">
        <v>27</v>
      </c>
      <c r="AC12060">
        <v>27</v>
      </c>
      <c r="AD12060">
        <v>27</v>
      </c>
      <c r="AE12060">
        <v>27</v>
      </c>
      <c r="AF12060">
        <v>27</v>
      </c>
      <c r="AG12060">
        <v>27</v>
      </c>
      <c r="AH12060">
        <v>27</v>
      </c>
      <c r="AI12060">
        <v>27</v>
      </c>
      <c r="AJ12060">
        <v>27</v>
      </c>
      <c r="AK12060">
        <v>27</v>
      </c>
      <c r="AL12060">
        <v>27</v>
      </c>
      <c r="AM12060">
        <v>27</v>
      </c>
      <c r="AN12060">
        <v>27</v>
      </c>
      <c r="AO12060">
        <v>27</v>
      </c>
      <c r="AP12060">
        <v>27</v>
      </c>
      <c r="AQ12060">
        <v>27</v>
      </c>
    </row>
    <row r="12061" spans="1:43">
      <c r="A12061" t="s">
        <v>7500</v>
      </c>
      <c r="B12061" t="s">
        <v>7501</v>
      </c>
      <c r="C12061" t="s">
        <v>7468</v>
      </c>
      <c r="D12061" t="s">
        <v>7469</v>
      </c>
      <c r="E12061" t="s">
        <v>7278</v>
      </c>
      <c r="F12061" t="s">
        <v>7279</v>
      </c>
      <c r="G12061" t="s">
        <v>80</v>
      </c>
      <c r="H12061" t="s">
        <v>81</v>
      </c>
      <c r="I12061" s="2">
        <v>0</v>
      </c>
      <c r="J12061" s="2">
        <v>1</v>
      </c>
      <c r="K12061" s="2">
        <v>0</v>
      </c>
      <c r="L12061" t="s">
        <v>82</v>
      </c>
      <c r="M12061" t="s">
        <v>83</v>
      </c>
      <c r="N12061" t="s">
        <v>91</v>
      </c>
      <c r="O12061" t="s">
        <v>85</v>
      </c>
      <c r="P12061" t="s">
        <v>86</v>
      </c>
      <c r="Q12061">
        <v>22</v>
      </c>
      <c r="R12061">
        <v>22</v>
      </c>
      <c r="S12061">
        <v>23</v>
      </c>
      <c r="T12061">
        <v>23</v>
      </c>
      <c r="U12061">
        <v>23</v>
      </c>
      <c r="V12061">
        <v>24</v>
      </c>
      <c r="W12061">
        <v>24</v>
      </c>
      <c r="X12061">
        <v>24</v>
      </c>
      <c r="Y12061">
        <v>24</v>
      </c>
      <c r="Z12061">
        <v>24</v>
      </c>
      <c r="AA12061">
        <v>25</v>
      </c>
      <c r="AB12061">
        <v>25</v>
      </c>
      <c r="AC12061">
        <v>25</v>
      </c>
      <c r="AD12061">
        <v>25</v>
      </c>
      <c r="AE12061">
        <v>26</v>
      </c>
      <c r="AF12061">
        <v>26</v>
      </c>
      <c r="AG12061">
        <v>26</v>
      </c>
      <c r="AH12061">
        <v>26</v>
      </c>
      <c r="AI12061">
        <v>26</v>
      </c>
      <c r="AJ12061">
        <v>27</v>
      </c>
      <c r="AK12061">
        <v>27</v>
      </c>
      <c r="AL12061">
        <v>27</v>
      </c>
      <c r="AM12061">
        <v>27</v>
      </c>
      <c r="AN12061">
        <v>27</v>
      </c>
      <c r="AO12061">
        <v>27</v>
      </c>
      <c r="AP12061">
        <v>27</v>
      </c>
      <c r="AQ12061">
        <v>27</v>
      </c>
    </row>
    <row r="12062" spans="1:43">
      <c r="A12062" t="s">
        <v>7502</v>
      </c>
      <c r="B12062" t="s">
        <v>7503</v>
      </c>
      <c r="C12062" t="s">
        <v>7468</v>
      </c>
      <c r="D12062" t="s">
        <v>7469</v>
      </c>
      <c r="E12062" t="s">
        <v>7278</v>
      </c>
      <c r="F12062" t="s">
        <v>7279</v>
      </c>
      <c r="G12062" t="s">
        <v>80</v>
      </c>
      <c r="H12062" t="s">
        <v>81</v>
      </c>
      <c r="I12062" s="2">
        <v>0</v>
      </c>
      <c r="J12062" s="2">
        <v>1</v>
      </c>
      <c r="K12062" s="2">
        <v>0</v>
      </c>
      <c r="L12062" t="s">
        <v>82</v>
      </c>
      <c r="M12062" t="s">
        <v>83</v>
      </c>
      <c r="N12062" t="s">
        <v>84</v>
      </c>
      <c r="O12062" t="s">
        <v>85</v>
      </c>
      <c r="P12062" t="s">
        <v>86</v>
      </c>
      <c r="Q12062">
        <v>41</v>
      </c>
      <c r="R12062">
        <v>41</v>
      </c>
      <c r="S12062">
        <v>42</v>
      </c>
      <c r="T12062">
        <v>42</v>
      </c>
      <c r="U12062">
        <v>43</v>
      </c>
      <c r="V12062">
        <v>43</v>
      </c>
      <c r="W12062">
        <v>44</v>
      </c>
      <c r="X12062">
        <v>44</v>
      </c>
      <c r="Y12062">
        <v>44</v>
      </c>
      <c r="Z12062">
        <v>45</v>
      </c>
      <c r="AA12062">
        <v>45</v>
      </c>
      <c r="AB12062">
        <v>46</v>
      </c>
      <c r="AC12062">
        <v>46</v>
      </c>
      <c r="AD12062">
        <v>47</v>
      </c>
      <c r="AE12062">
        <v>47</v>
      </c>
      <c r="AF12062">
        <v>47</v>
      </c>
      <c r="AG12062">
        <v>48</v>
      </c>
      <c r="AH12062">
        <v>48</v>
      </c>
      <c r="AI12062">
        <v>48</v>
      </c>
      <c r="AJ12062">
        <v>49</v>
      </c>
      <c r="AK12062">
        <v>49</v>
      </c>
      <c r="AL12062">
        <v>49</v>
      </c>
      <c r="AM12062">
        <v>49</v>
      </c>
      <c r="AN12062">
        <v>49</v>
      </c>
      <c r="AO12062">
        <v>49</v>
      </c>
      <c r="AP12062">
        <v>49</v>
      </c>
      <c r="AQ12062">
        <v>49</v>
      </c>
    </row>
    <row r="12063" spans="1:43">
      <c r="A12063" t="s">
        <v>7502</v>
      </c>
      <c r="B12063" t="s">
        <v>7503</v>
      </c>
      <c r="C12063" t="s">
        <v>7468</v>
      </c>
      <c r="D12063" t="s">
        <v>7469</v>
      </c>
      <c r="E12063" t="s">
        <v>7278</v>
      </c>
      <c r="F12063" t="s">
        <v>7279</v>
      </c>
      <c r="G12063" t="s">
        <v>80</v>
      </c>
      <c r="H12063" t="s">
        <v>81</v>
      </c>
      <c r="I12063" s="2">
        <v>0</v>
      </c>
      <c r="J12063" s="2">
        <v>1</v>
      </c>
      <c r="K12063" s="2">
        <v>0</v>
      </c>
      <c r="L12063" t="s">
        <v>82</v>
      </c>
      <c r="M12063" t="s">
        <v>87</v>
      </c>
      <c r="N12063" t="s">
        <v>88</v>
      </c>
      <c r="O12063" t="s">
        <v>85</v>
      </c>
      <c r="P12063" t="s">
        <v>86</v>
      </c>
      <c r="Q12063">
        <v>41</v>
      </c>
      <c r="R12063">
        <v>41</v>
      </c>
      <c r="S12063">
        <v>42</v>
      </c>
      <c r="T12063">
        <v>42</v>
      </c>
      <c r="U12063">
        <v>42</v>
      </c>
      <c r="V12063">
        <v>42</v>
      </c>
      <c r="W12063">
        <v>42</v>
      </c>
      <c r="X12063">
        <v>42</v>
      </c>
      <c r="Y12063">
        <v>42</v>
      </c>
      <c r="Z12063">
        <v>42</v>
      </c>
      <c r="AA12063">
        <v>42</v>
      </c>
      <c r="AB12063">
        <v>42</v>
      </c>
      <c r="AC12063">
        <v>42</v>
      </c>
      <c r="AD12063">
        <v>42</v>
      </c>
      <c r="AE12063">
        <v>43</v>
      </c>
      <c r="AF12063">
        <v>43</v>
      </c>
      <c r="AG12063">
        <v>43</v>
      </c>
      <c r="AH12063">
        <v>43</v>
      </c>
      <c r="AI12063">
        <v>43</v>
      </c>
      <c r="AJ12063">
        <v>43</v>
      </c>
      <c r="AK12063">
        <v>43</v>
      </c>
      <c r="AL12063">
        <v>43</v>
      </c>
      <c r="AM12063">
        <v>43</v>
      </c>
      <c r="AN12063">
        <v>43</v>
      </c>
      <c r="AO12063">
        <v>43</v>
      </c>
      <c r="AP12063">
        <v>43</v>
      </c>
      <c r="AQ12063">
        <v>43</v>
      </c>
    </row>
    <row r="12064" spans="1:43">
      <c r="A12064" t="s">
        <v>7502</v>
      </c>
      <c r="B12064" t="s">
        <v>7503</v>
      </c>
      <c r="C12064" t="s">
        <v>7468</v>
      </c>
      <c r="D12064" t="s">
        <v>7469</v>
      </c>
      <c r="E12064" t="s">
        <v>7278</v>
      </c>
      <c r="F12064" t="s">
        <v>7279</v>
      </c>
      <c r="G12064" t="s">
        <v>80</v>
      </c>
      <c r="H12064" t="s">
        <v>81</v>
      </c>
      <c r="I12064" s="2">
        <v>0</v>
      </c>
      <c r="J12064" s="2">
        <v>1</v>
      </c>
      <c r="K12064" s="2">
        <v>0</v>
      </c>
      <c r="L12064" t="s">
        <v>82</v>
      </c>
      <c r="M12064" t="s">
        <v>89</v>
      </c>
      <c r="N12064" t="s">
        <v>90</v>
      </c>
      <c r="O12064" t="s">
        <v>85</v>
      </c>
      <c r="P12064" t="s">
        <v>86</v>
      </c>
      <c r="Q12064">
        <v>41</v>
      </c>
      <c r="R12064">
        <v>42</v>
      </c>
      <c r="S12064">
        <v>43</v>
      </c>
      <c r="T12064">
        <v>44</v>
      </c>
      <c r="U12064">
        <v>44</v>
      </c>
      <c r="V12064">
        <v>45</v>
      </c>
      <c r="W12064">
        <v>46</v>
      </c>
      <c r="X12064">
        <v>46</v>
      </c>
      <c r="Y12064">
        <v>47</v>
      </c>
      <c r="Z12064">
        <v>48</v>
      </c>
      <c r="AA12064">
        <v>48</v>
      </c>
      <c r="AB12064">
        <v>49</v>
      </c>
      <c r="AC12064">
        <v>49</v>
      </c>
      <c r="AD12064">
        <v>50</v>
      </c>
      <c r="AE12064">
        <v>50</v>
      </c>
      <c r="AF12064">
        <v>50</v>
      </c>
      <c r="AG12064">
        <v>50</v>
      </c>
      <c r="AH12064">
        <v>50</v>
      </c>
      <c r="AI12064">
        <v>50</v>
      </c>
      <c r="AJ12064">
        <v>50</v>
      </c>
      <c r="AK12064">
        <v>50</v>
      </c>
      <c r="AL12064">
        <v>50</v>
      </c>
      <c r="AM12064">
        <v>50</v>
      </c>
      <c r="AN12064">
        <v>50</v>
      </c>
      <c r="AO12064">
        <v>50</v>
      </c>
      <c r="AP12064">
        <v>50</v>
      </c>
      <c r="AQ12064">
        <v>50</v>
      </c>
    </row>
    <row r="12065" spans="1:43">
      <c r="A12065" t="s">
        <v>7502</v>
      </c>
      <c r="B12065" t="s">
        <v>7503</v>
      </c>
      <c r="C12065" t="s">
        <v>7468</v>
      </c>
      <c r="D12065" t="s">
        <v>7469</v>
      </c>
      <c r="E12065" t="s">
        <v>7278</v>
      </c>
      <c r="F12065" t="s">
        <v>7279</v>
      </c>
      <c r="G12065" t="s">
        <v>80</v>
      </c>
      <c r="H12065" t="s">
        <v>81</v>
      </c>
      <c r="I12065" s="2">
        <v>0</v>
      </c>
      <c r="J12065" s="2">
        <v>1</v>
      </c>
      <c r="K12065" s="2">
        <v>0</v>
      </c>
      <c r="L12065" t="s">
        <v>82</v>
      </c>
      <c r="M12065" t="s">
        <v>83</v>
      </c>
      <c r="N12065" t="s">
        <v>91</v>
      </c>
      <c r="O12065" t="s">
        <v>85</v>
      </c>
      <c r="P12065" t="s">
        <v>86</v>
      </c>
      <c r="Q12065">
        <v>41</v>
      </c>
      <c r="R12065">
        <v>41</v>
      </c>
      <c r="S12065">
        <v>42</v>
      </c>
      <c r="T12065">
        <v>42</v>
      </c>
      <c r="U12065">
        <v>43</v>
      </c>
      <c r="V12065">
        <v>43</v>
      </c>
      <c r="W12065">
        <v>44</v>
      </c>
      <c r="X12065">
        <v>44</v>
      </c>
      <c r="Y12065">
        <v>44</v>
      </c>
      <c r="Z12065">
        <v>45</v>
      </c>
      <c r="AA12065">
        <v>45</v>
      </c>
      <c r="AB12065">
        <v>46</v>
      </c>
      <c r="AC12065">
        <v>46</v>
      </c>
      <c r="AD12065">
        <v>47</v>
      </c>
      <c r="AE12065">
        <v>47</v>
      </c>
      <c r="AF12065">
        <v>47</v>
      </c>
      <c r="AG12065">
        <v>48</v>
      </c>
      <c r="AH12065">
        <v>48</v>
      </c>
      <c r="AI12065">
        <v>48</v>
      </c>
      <c r="AJ12065">
        <v>49</v>
      </c>
      <c r="AK12065">
        <v>49</v>
      </c>
      <c r="AL12065">
        <v>49</v>
      </c>
      <c r="AM12065">
        <v>49</v>
      </c>
      <c r="AN12065">
        <v>49</v>
      </c>
      <c r="AO12065">
        <v>49</v>
      </c>
      <c r="AP12065">
        <v>49</v>
      </c>
      <c r="AQ12065">
        <v>49</v>
      </c>
    </row>
    <row r="12066" spans="1:43">
      <c r="A12066" t="s">
        <v>7504</v>
      </c>
      <c r="B12066" t="s">
        <v>7505</v>
      </c>
      <c r="C12066" t="s">
        <v>7468</v>
      </c>
      <c r="D12066" t="s">
        <v>7469</v>
      </c>
      <c r="E12066" t="s">
        <v>7278</v>
      </c>
      <c r="F12066" t="s">
        <v>7279</v>
      </c>
      <c r="G12066" t="s">
        <v>80</v>
      </c>
      <c r="H12066" t="s">
        <v>81</v>
      </c>
      <c r="I12066" s="2">
        <v>0</v>
      </c>
      <c r="J12066" s="2">
        <v>1</v>
      </c>
      <c r="K12066" s="2">
        <v>0</v>
      </c>
      <c r="L12066" t="s">
        <v>82</v>
      </c>
      <c r="M12066" t="s">
        <v>83</v>
      </c>
      <c r="N12066" t="s">
        <v>84</v>
      </c>
      <c r="O12066" t="s">
        <v>85</v>
      </c>
      <c r="P12066" t="s">
        <v>86</v>
      </c>
      <c r="Q12066">
        <v>18</v>
      </c>
      <c r="R12066">
        <v>18</v>
      </c>
      <c r="S12066">
        <v>18</v>
      </c>
      <c r="T12066">
        <v>19</v>
      </c>
      <c r="U12066">
        <v>19</v>
      </c>
      <c r="V12066">
        <v>19</v>
      </c>
      <c r="W12066">
        <v>19</v>
      </c>
      <c r="X12066">
        <v>19</v>
      </c>
      <c r="Y12066">
        <v>19</v>
      </c>
      <c r="Z12066">
        <v>20</v>
      </c>
      <c r="AA12066">
        <v>20</v>
      </c>
      <c r="AB12066">
        <v>20</v>
      </c>
      <c r="AC12066">
        <v>20</v>
      </c>
      <c r="AD12066">
        <v>20</v>
      </c>
      <c r="AE12066">
        <v>20</v>
      </c>
      <c r="AF12066">
        <v>20</v>
      </c>
      <c r="AG12066">
        <v>21</v>
      </c>
      <c r="AH12066">
        <v>21</v>
      </c>
      <c r="AI12066">
        <v>21</v>
      </c>
      <c r="AJ12066">
        <v>21</v>
      </c>
      <c r="AK12066">
        <v>21</v>
      </c>
      <c r="AL12066">
        <v>21</v>
      </c>
      <c r="AM12066">
        <v>21</v>
      </c>
      <c r="AN12066">
        <v>21</v>
      </c>
      <c r="AO12066">
        <v>21</v>
      </c>
      <c r="AP12066">
        <v>21</v>
      </c>
      <c r="AQ12066">
        <v>21</v>
      </c>
    </row>
    <row r="12067" spans="1:43">
      <c r="A12067" t="s">
        <v>7504</v>
      </c>
      <c r="B12067" t="s">
        <v>7505</v>
      </c>
      <c r="C12067" t="s">
        <v>7468</v>
      </c>
      <c r="D12067" t="s">
        <v>7469</v>
      </c>
      <c r="E12067" t="s">
        <v>7278</v>
      </c>
      <c r="F12067" t="s">
        <v>7279</v>
      </c>
      <c r="G12067" t="s">
        <v>80</v>
      </c>
      <c r="H12067" t="s">
        <v>81</v>
      </c>
      <c r="I12067" s="2">
        <v>0</v>
      </c>
      <c r="J12067" s="2">
        <v>1</v>
      </c>
      <c r="K12067" s="2">
        <v>0</v>
      </c>
      <c r="L12067" t="s">
        <v>82</v>
      </c>
      <c r="M12067" t="s">
        <v>87</v>
      </c>
      <c r="N12067" t="s">
        <v>88</v>
      </c>
      <c r="O12067" t="s">
        <v>85</v>
      </c>
      <c r="P12067" t="s">
        <v>86</v>
      </c>
      <c r="Q12067">
        <v>18</v>
      </c>
      <c r="R12067">
        <v>18</v>
      </c>
      <c r="S12067">
        <v>18</v>
      </c>
      <c r="T12067">
        <v>18</v>
      </c>
      <c r="U12067">
        <v>18</v>
      </c>
      <c r="V12067">
        <v>18</v>
      </c>
      <c r="W12067">
        <v>18</v>
      </c>
      <c r="X12067">
        <v>18</v>
      </c>
      <c r="Y12067">
        <v>18</v>
      </c>
      <c r="Z12067">
        <v>18</v>
      </c>
      <c r="AA12067">
        <v>18</v>
      </c>
      <c r="AB12067">
        <v>18</v>
      </c>
      <c r="AC12067">
        <v>18</v>
      </c>
      <c r="AD12067">
        <v>18</v>
      </c>
      <c r="AE12067">
        <v>18</v>
      </c>
      <c r="AF12067">
        <v>18</v>
      </c>
      <c r="AG12067">
        <v>18</v>
      </c>
      <c r="AH12067">
        <v>18</v>
      </c>
      <c r="AI12067">
        <v>18</v>
      </c>
      <c r="AJ12067">
        <v>18</v>
      </c>
      <c r="AK12067">
        <v>18</v>
      </c>
      <c r="AL12067">
        <v>18</v>
      </c>
      <c r="AM12067">
        <v>18</v>
      </c>
      <c r="AN12067">
        <v>18</v>
      </c>
      <c r="AO12067">
        <v>18</v>
      </c>
      <c r="AP12067">
        <v>18</v>
      </c>
      <c r="AQ12067">
        <v>18</v>
      </c>
    </row>
    <row r="12068" spans="1:43">
      <c r="A12068" t="s">
        <v>7504</v>
      </c>
      <c r="B12068" t="s">
        <v>7505</v>
      </c>
      <c r="C12068" t="s">
        <v>7468</v>
      </c>
      <c r="D12068" t="s">
        <v>7469</v>
      </c>
      <c r="E12068" t="s">
        <v>7278</v>
      </c>
      <c r="F12068" t="s">
        <v>7279</v>
      </c>
      <c r="G12068" t="s">
        <v>80</v>
      </c>
      <c r="H12068" t="s">
        <v>81</v>
      </c>
      <c r="I12068" s="2">
        <v>0</v>
      </c>
      <c r="J12068" s="2">
        <v>1</v>
      </c>
      <c r="K12068" s="2">
        <v>0</v>
      </c>
      <c r="L12068" t="s">
        <v>82</v>
      </c>
      <c r="M12068" t="s">
        <v>89</v>
      </c>
      <c r="N12068" t="s">
        <v>90</v>
      </c>
      <c r="O12068" t="s">
        <v>85</v>
      </c>
      <c r="P12068" t="s">
        <v>86</v>
      </c>
      <c r="Q12068">
        <v>18</v>
      </c>
      <c r="R12068">
        <v>19</v>
      </c>
      <c r="S12068">
        <v>19</v>
      </c>
      <c r="T12068">
        <v>19</v>
      </c>
      <c r="U12068">
        <v>20</v>
      </c>
      <c r="V12068">
        <v>20</v>
      </c>
      <c r="W12068">
        <v>20</v>
      </c>
      <c r="X12068">
        <v>20</v>
      </c>
      <c r="Y12068">
        <v>21</v>
      </c>
      <c r="Z12068">
        <v>21</v>
      </c>
      <c r="AA12068">
        <v>21</v>
      </c>
      <c r="AB12068">
        <v>21</v>
      </c>
      <c r="AC12068">
        <v>22</v>
      </c>
      <c r="AD12068">
        <v>22</v>
      </c>
      <c r="AE12068">
        <v>22</v>
      </c>
      <c r="AF12068">
        <v>22</v>
      </c>
      <c r="AG12068">
        <v>22</v>
      </c>
      <c r="AH12068">
        <v>22</v>
      </c>
      <c r="AI12068">
        <v>21</v>
      </c>
      <c r="AJ12068">
        <v>21</v>
      </c>
      <c r="AK12068">
        <v>21</v>
      </c>
      <c r="AL12068">
        <v>21</v>
      </c>
      <c r="AM12068">
        <v>21</v>
      </c>
      <c r="AN12068">
        <v>21</v>
      </c>
      <c r="AO12068">
        <v>21</v>
      </c>
      <c r="AP12068">
        <v>21</v>
      </c>
      <c r="AQ12068">
        <v>21</v>
      </c>
    </row>
    <row r="12069" spans="1:43">
      <c r="A12069" t="s">
        <v>7504</v>
      </c>
      <c r="B12069" t="s">
        <v>7505</v>
      </c>
      <c r="C12069" t="s">
        <v>7468</v>
      </c>
      <c r="D12069" t="s">
        <v>7469</v>
      </c>
      <c r="E12069" t="s">
        <v>7278</v>
      </c>
      <c r="F12069" t="s">
        <v>7279</v>
      </c>
      <c r="G12069" t="s">
        <v>80</v>
      </c>
      <c r="H12069" t="s">
        <v>81</v>
      </c>
      <c r="I12069" s="2">
        <v>0</v>
      </c>
      <c r="J12069" s="2">
        <v>1</v>
      </c>
      <c r="K12069" s="2">
        <v>0</v>
      </c>
      <c r="L12069" t="s">
        <v>82</v>
      </c>
      <c r="M12069" t="s">
        <v>83</v>
      </c>
      <c r="N12069" t="s">
        <v>91</v>
      </c>
      <c r="O12069" t="s">
        <v>85</v>
      </c>
      <c r="P12069" t="s">
        <v>86</v>
      </c>
      <c r="Q12069">
        <v>18</v>
      </c>
      <c r="R12069">
        <v>18</v>
      </c>
      <c r="S12069">
        <v>18</v>
      </c>
      <c r="T12069">
        <v>19</v>
      </c>
      <c r="U12069">
        <v>19</v>
      </c>
      <c r="V12069">
        <v>19</v>
      </c>
      <c r="W12069">
        <v>19</v>
      </c>
      <c r="X12069">
        <v>19</v>
      </c>
      <c r="Y12069">
        <v>19</v>
      </c>
      <c r="Z12069">
        <v>20</v>
      </c>
      <c r="AA12069">
        <v>20</v>
      </c>
      <c r="AB12069">
        <v>20</v>
      </c>
      <c r="AC12069">
        <v>20</v>
      </c>
      <c r="AD12069">
        <v>20</v>
      </c>
      <c r="AE12069">
        <v>20</v>
      </c>
      <c r="AF12069">
        <v>20</v>
      </c>
      <c r="AG12069">
        <v>21</v>
      </c>
      <c r="AH12069">
        <v>21</v>
      </c>
      <c r="AI12069">
        <v>21</v>
      </c>
      <c r="AJ12069">
        <v>21</v>
      </c>
      <c r="AK12069">
        <v>21</v>
      </c>
      <c r="AL12069">
        <v>21</v>
      </c>
      <c r="AM12069">
        <v>21</v>
      </c>
      <c r="AN12069">
        <v>21</v>
      </c>
      <c r="AO12069">
        <v>21</v>
      </c>
      <c r="AP12069">
        <v>21</v>
      </c>
      <c r="AQ12069">
        <v>21</v>
      </c>
    </row>
    <row r="12070" spans="1:43">
      <c r="A12070" t="s">
        <v>7506</v>
      </c>
      <c r="B12070" t="s">
        <v>7507</v>
      </c>
      <c r="C12070" t="s">
        <v>7496</v>
      </c>
      <c r="D12070" t="s">
        <v>7497</v>
      </c>
      <c r="E12070" t="s">
        <v>7278</v>
      </c>
      <c r="F12070" t="s">
        <v>7279</v>
      </c>
      <c r="G12070" t="s">
        <v>80</v>
      </c>
      <c r="H12070" t="s">
        <v>81</v>
      </c>
      <c r="I12070" s="2">
        <v>0</v>
      </c>
      <c r="J12070" s="2">
        <v>1</v>
      </c>
      <c r="K12070" s="2">
        <v>0</v>
      </c>
      <c r="L12070" t="s">
        <v>82</v>
      </c>
      <c r="M12070" t="s">
        <v>83</v>
      </c>
      <c r="N12070" t="s">
        <v>84</v>
      </c>
      <c r="O12070" t="s">
        <v>85</v>
      </c>
      <c r="P12070" t="s">
        <v>86</v>
      </c>
      <c r="Q12070">
        <v>34</v>
      </c>
      <c r="R12070">
        <v>34</v>
      </c>
      <c r="S12070">
        <v>35</v>
      </c>
      <c r="T12070">
        <v>35</v>
      </c>
      <c r="U12070">
        <v>35</v>
      </c>
      <c r="V12070">
        <v>36</v>
      </c>
      <c r="W12070">
        <v>36</v>
      </c>
      <c r="X12070">
        <v>37</v>
      </c>
      <c r="Y12070">
        <v>37</v>
      </c>
      <c r="Z12070">
        <v>37</v>
      </c>
      <c r="AA12070">
        <v>38</v>
      </c>
      <c r="AB12070">
        <v>38</v>
      </c>
      <c r="AC12070">
        <v>38</v>
      </c>
      <c r="AD12070">
        <v>39</v>
      </c>
      <c r="AE12070">
        <v>39</v>
      </c>
      <c r="AF12070">
        <v>39</v>
      </c>
      <c r="AG12070">
        <v>39</v>
      </c>
      <c r="AH12070">
        <v>40</v>
      </c>
      <c r="AI12070">
        <v>40</v>
      </c>
      <c r="AJ12070">
        <v>40</v>
      </c>
      <c r="AK12070">
        <v>41</v>
      </c>
      <c r="AL12070">
        <v>41</v>
      </c>
      <c r="AM12070">
        <v>41</v>
      </c>
      <c r="AN12070">
        <v>41</v>
      </c>
      <c r="AO12070">
        <v>41</v>
      </c>
      <c r="AP12070">
        <v>41</v>
      </c>
      <c r="AQ12070">
        <v>41</v>
      </c>
    </row>
    <row r="12071" spans="1:43">
      <c r="A12071" t="s">
        <v>7506</v>
      </c>
      <c r="B12071" t="s">
        <v>7507</v>
      </c>
      <c r="C12071" t="s">
        <v>7496</v>
      </c>
      <c r="D12071" t="s">
        <v>7497</v>
      </c>
      <c r="E12071" t="s">
        <v>7278</v>
      </c>
      <c r="F12071" t="s">
        <v>7279</v>
      </c>
      <c r="G12071" t="s">
        <v>80</v>
      </c>
      <c r="H12071" t="s">
        <v>81</v>
      </c>
      <c r="I12071" s="2">
        <v>0</v>
      </c>
      <c r="J12071" s="2">
        <v>1</v>
      </c>
      <c r="K12071" s="2">
        <v>0</v>
      </c>
      <c r="L12071" t="s">
        <v>82</v>
      </c>
      <c r="M12071" t="s">
        <v>87</v>
      </c>
      <c r="N12071" t="s">
        <v>88</v>
      </c>
      <c r="O12071" t="s">
        <v>85</v>
      </c>
      <c r="P12071" t="s">
        <v>86</v>
      </c>
      <c r="Q12071">
        <v>34</v>
      </c>
      <c r="R12071">
        <v>34</v>
      </c>
      <c r="S12071">
        <v>34</v>
      </c>
      <c r="T12071">
        <v>34</v>
      </c>
      <c r="U12071">
        <v>34</v>
      </c>
      <c r="V12071">
        <v>34</v>
      </c>
      <c r="W12071">
        <v>34</v>
      </c>
      <c r="X12071">
        <v>34</v>
      </c>
      <c r="Y12071">
        <v>34</v>
      </c>
      <c r="Z12071">
        <v>34</v>
      </c>
      <c r="AA12071">
        <v>34</v>
      </c>
      <c r="AB12071">
        <v>34</v>
      </c>
      <c r="AC12071">
        <v>34</v>
      </c>
      <c r="AD12071">
        <v>34</v>
      </c>
      <c r="AE12071">
        <v>34</v>
      </c>
      <c r="AF12071">
        <v>34</v>
      </c>
      <c r="AG12071">
        <v>35</v>
      </c>
      <c r="AH12071">
        <v>35</v>
      </c>
      <c r="AI12071">
        <v>35</v>
      </c>
      <c r="AJ12071">
        <v>35</v>
      </c>
      <c r="AK12071">
        <v>35</v>
      </c>
      <c r="AL12071">
        <v>35</v>
      </c>
      <c r="AM12071">
        <v>35</v>
      </c>
      <c r="AN12071">
        <v>35</v>
      </c>
      <c r="AO12071">
        <v>35</v>
      </c>
      <c r="AP12071">
        <v>35</v>
      </c>
      <c r="AQ12071">
        <v>35</v>
      </c>
    </row>
    <row r="12072" spans="1:43">
      <c r="A12072" t="s">
        <v>7506</v>
      </c>
      <c r="B12072" t="s">
        <v>7507</v>
      </c>
      <c r="C12072" t="s">
        <v>7496</v>
      </c>
      <c r="D12072" t="s">
        <v>7497</v>
      </c>
      <c r="E12072" t="s">
        <v>7278</v>
      </c>
      <c r="F12072" t="s">
        <v>7279</v>
      </c>
      <c r="G12072" t="s">
        <v>80</v>
      </c>
      <c r="H12072" t="s">
        <v>81</v>
      </c>
      <c r="I12072" s="2">
        <v>0</v>
      </c>
      <c r="J12072" s="2">
        <v>1</v>
      </c>
      <c r="K12072" s="2">
        <v>0</v>
      </c>
      <c r="L12072" t="s">
        <v>82</v>
      </c>
      <c r="M12072" t="s">
        <v>89</v>
      </c>
      <c r="N12072" t="s">
        <v>90</v>
      </c>
      <c r="O12072" t="s">
        <v>85</v>
      </c>
      <c r="P12072" t="s">
        <v>86</v>
      </c>
      <c r="Q12072">
        <v>34</v>
      </c>
      <c r="R12072">
        <v>35</v>
      </c>
      <c r="S12072">
        <v>36</v>
      </c>
      <c r="T12072">
        <v>36</v>
      </c>
      <c r="U12072">
        <v>37</v>
      </c>
      <c r="V12072">
        <v>37</v>
      </c>
      <c r="W12072">
        <v>38</v>
      </c>
      <c r="X12072">
        <v>39</v>
      </c>
      <c r="Y12072">
        <v>39</v>
      </c>
      <c r="Z12072">
        <v>40</v>
      </c>
      <c r="AA12072">
        <v>40</v>
      </c>
      <c r="AB12072">
        <v>41</v>
      </c>
      <c r="AC12072">
        <v>41</v>
      </c>
      <c r="AD12072">
        <v>41</v>
      </c>
      <c r="AE12072">
        <v>42</v>
      </c>
      <c r="AF12072">
        <v>42</v>
      </c>
      <c r="AG12072">
        <v>42</v>
      </c>
      <c r="AH12072">
        <v>42</v>
      </c>
      <c r="AI12072">
        <v>42</v>
      </c>
      <c r="AJ12072">
        <v>42</v>
      </c>
      <c r="AK12072">
        <v>41</v>
      </c>
      <c r="AL12072">
        <v>41</v>
      </c>
      <c r="AM12072">
        <v>41</v>
      </c>
      <c r="AN12072">
        <v>41</v>
      </c>
      <c r="AO12072">
        <v>41</v>
      </c>
      <c r="AP12072">
        <v>41</v>
      </c>
      <c r="AQ12072">
        <v>41</v>
      </c>
    </row>
    <row r="12073" spans="1:43">
      <c r="A12073" t="s">
        <v>7506</v>
      </c>
      <c r="B12073" t="s">
        <v>7507</v>
      </c>
      <c r="C12073" t="s">
        <v>7496</v>
      </c>
      <c r="D12073" t="s">
        <v>7497</v>
      </c>
      <c r="E12073" t="s">
        <v>7278</v>
      </c>
      <c r="F12073" t="s">
        <v>7279</v>
      </c>
      <c r="G12073" t="s">
        <v>80</v>
      </c>
      <c r="H12073" t="s">
        <v>81</v>
      </c>
      <c r="I12073" s="2">
        <v>0</v>
      </c>
      <c r="J12073" s="2">
        <v>1</v>
      </c>
      <c r="K12073" s="2">
        <v>0</v>
      </c>
      <c r="L12073" t="s">
        <v>82</v>
      </c>
      <c r="M12073" t="s">
        <v>83</v>
      </c>
      <c r="N12073" t="s">
        <v>91</v>
      </c>
      <c r="O12073" t="s">
        <v>85</v>
      </c>
      <c r="P12073" t="s">
        <v>86</v>
      </c>
      <c r="Q12073">
        <v>34</v>
      </c>
      <c r="R12073">
        <v>34</v>
      </c>
      <c r="S12073">
        <v>35</v>
      </c>
      <c r="T12073">
        <v>35</v>
      </c>
      <c r="U12073">
        <v>35</v>
      </c>
      <c r="V12073">
        <v>36</v>
      </c>
      <c r="W12073">
        <v>36</v>
      </c>
      <c r="X12073">
        <v>37</v>
      </c>
      <c r="Y12073">
        <v>37</v>
      </c>
      <c r="Z12073">
        <v>37</v>
      </c>
      <c r="AA12073">
        <v>38</v>
      </c>
      <c r="AB12073">
        <v>38</v>
      </c>
      <c r="AC12073">
        <v>38</v>
      </c>
      <c r="AD12073">
        <v>39</v>
      </c>
      <c r="AE12073">
        <v>39</v>
      </c>
      <c r="AF12073">
        <v>39</v>
      </c>
      <c r="AG12073">
        <v>39</v>
      </c>
      <c r="AH12073">
        <v>40</v>
      </c>
      <c r="AI12073">
        <v>40</v>
      </c>
      <c r="AJ12073">
        <v>40</v>
      </c>
      <c r="AK12073">
        <v>41</v>
      </c>
      <c r="AL12073">
        <v>41</v>
      </c>
      <c r="AM12073">
        <v>41</v>
      </c>
      <c r="AN12073">
        <v>41</v>
      </c>
      <c r="AO12073">
        <v>41</v>
      </c>
      <c r="AP12073">
        <v>41</v>
      </c>
      <c r="AQ12073">
        <v>41</v>
      </c>
    </row>
    <row r="12074" spans="1:43">
      <c r="A12074" t="s">
        <v>7508</v>
      </c>
      <c r="B12074" t="s">
        <v>7509</v>
      </c>
      <c r="C12074" t="s">
        <v>7496</v>
      </c>
      <c r="D12074" t="s">
        <v>7497</v>
      </c>
      <c r="E12074" t="s">
        <v>7278</v>
      </c>
      <c r="F12074" t="s">
        <v>7279</v>
      </c>
      <c r="G12074" t="s">
        <v>80</v>
      </c>
      <c r="H12074" t="s">
        <v>81</v>
      </c>
      <c r="I12074" s="2">
        <v>0</v>
      </c>
      <c r="J12074" s="2">
        <v>1</v>
      </c>
      <c r="K12074" s="2">
        <v>0</v>
      </c>
      <c r="L12074" t="s">
        <v>82</v>
      </c>
      <c r="M12074" t="s">
        <v>83</v>
      </c>
      <c r="N12074" t="s">
        <v>84</v>
      </c>
      <c r="O12074" t="s">
        <v>85</v>
      </c>
      <c r="P12074" t="s">
        <v>86</v>
      </c>
      <c r="Q12074">
        <v>48</v>
      </c>
      <c r="R12074">
        <v>49</v>
      </c>
      <c r="S12074">
        <v>49</v>
      </c>
      <c r="T12074">
        <v>50</v>
      </c>
      <c r="U12074">
        <v>50</v>
      </c>
      <c r="V12074">
        <v>51</v>
      </c>
      <c r="W12074">
        <v>51</v>
      </c>
      <c r="X12074">
        <v>52</v>
      </c>
      <c r="Y12074">
        <v>52</v>
      </c>
      <c r="Z12074">
        <v>53</v>
      </c>
      <c r="AA12074">
        <v>53</v>
      </c>
      <c r="AB12074">
        <v>53</v>
      </c>
      <c r="AC12074">
        <v>54</v>
      </c>
      <c r="AD12074">
        <v>54</v>
      </c>
      <c r="AE12074">
        <v>55</v>
      </c>
      <c r="AF12074">
        <v>55</v>
      </c>
      <c r="AG12074">
        <v>55</v>
      </c>
      <c r="AH12074">
        <v>56</v>
      </c>
      <c r="AI12074">
        <v>56</v>
      </c>
      <c r="AJ12074">
        <v>56</v>
      </c>
      <c r="AK12074">
        <v>57</v>
      </c>
      <c r="AL12074">
        <v>57</v>
      </c>
      <c r="AM12074">
        <v>57</v>
      </c>
      <c r="AN12074">
        <v>56</v>
      </c>
      <c r="AO12074">
        <v>56</v>
      </c>
      <c r="AP12074">
        <v>56</v>
      </c>
      <c r="AQ12074">
        <v>56</v>
      </c>
    </row>
    <row r="12075" spans="1:43">
      <c r="A12075" t="s">
        <v>7508</v>
      </c>
      <c r="B12075" t="s">
        <v>7509</v>
      </c>
      <c r="C12075" t="s">
        <v>7496</v>
      </c>
      <c r="D12075" t="s">
        <v>7497</v>
      </c>
      <c r="E12075" t="s">
        <v>7278</v>
      </c>
      <c r="F12075" t="s">
        <v>7279</v>
      </c>
      <c r="G12075" t="s">
        <v>80</v>
      </c>
      <c r="H12075" t="s">
        <v>81</v>
      </c>
      <c r="I12075" s="2">
        <v>0</v>
      </c>
      <c r="J12075" s="2">
        <v>1</v>
      </c>
      <c r="K12075" s="2">
        <v>0</v>
      </c>
      <c r="L12075" t="s">
        <v>82</v>
      </c>
      <c r="M12075" t="s">
        <v>87</v>
      </c>
      <c r="N12075" t="s">
        <v>88</v>
      </c>
      <c r="O12075" t="s">
        <v>85</v>
      </c>
      <c r="P12075" t="s">
        <v>86</v>
      </c>
      <c r="Q12075">
        <v>48</v>
      </c>
      <c r="R12075">
        <v>48</v>
      </c>
      <c r="S12075">
        <v>48</v>
      </c>
      <c r="T12075">
        <v>48</v>
      </c>
      <c r="U12075">
        <v>48</v>
      </c>
      <c r="V12075">
        <v>48</v>
      </c>
      <c r="W12075">
        <v>48</v>
      </c>
      <c r="X12075">
        <v>48</v>
      </c>
      <c r="Y12075">
        <v>48</v>
      </c>
      <c r="Z12075">
        <v>48</v>
      </c>
      <c r="AA12075">
        <v>48</v>
      </c>
      <c r="AB12075">
        <v>48</v>
      </c>
      <c r="AC12075">
        <v>48</v>
      </c>
      <c r="AD12075">
        <v>48</v>
      </c>
      <c r="AE12075">
        <v>48</v>
      </c>
      <c r="AF12075">
        <v>48</v>
      </c>
      <c r="AG12075">
        <v>48</v>
      </c>
      <c r="AH12075">
        <v>48</v>
      </c>
      <c r="AI12075">
        <v>48</v>
      </c>
      <c r="AJ12075">
        <v>48</v>
      </c>
      <c r="AK12075">
        <v>48</v>
      </c>
      <c r="AL12075">
        <v>48</v>
      </c>
      <c r="AM12075">
        <v>48</v>
      </c>
      <c r="AN12075">
        <v>48</v>
      </c>
      <c r="AO12075">
        <v>48</v>
      </c>
      <c r="AP12075">
        <v>48</v>
      </c>
      <c r="AQ12075">
        <v>48</v>
      </c>
    </row>
    <row r="12076" spans="1:43">
      <c r="A12076" t="s">
        <v>7508</v>
      </c>
      <c r="B12076" t="s">
        <v>7509</v>
      </c>
      <c r="C12076" t="s">
        <v>7496</v>
      </c>
      <c r="D12076" t="s">
        <v>7497</v>
      </c>
      <c r="E12076" t="s">
        <v>7278</v>
      </c>
      <c r="F12076" t="s">
        <v>7279</v>
      </c>
      <c r="G12076" t="s">
        <v>80</v>
      </c>
      <c r="H12076" t="s">
        <v>81</v>
      </c>
      <c r="I12076" s="2">
        <v>0</v>
      </c>
      <c r="J12076" s="2">
        <v>1</v>
      </c>
      <c r="K12076" s="2">
        <v>0</v>
      </c>
      <c r="L12076" t="s">
        <v>82</v>
      </c>
      <c r="M12076" t="s">
        <v>89</v>
      </c>
      <c r="N12076" t="s">
        <v>90</v>
      </c>
      <c r="O12076" t="s">
        <v>85</v>
      </c>
      <c r="P12076" t="s">
        <v>86</v>
      </c>
      <c r="Q12076">
        <v>48</v>
      </c>
      <c r="R12076">
        <v>49</v>
      </c>
      <c r="S12076">
        <v>50</v>
      </c>
      <c r="T12076">
        <v>50</v>
      </c>
      <c r="U12076">
        <v>51</v>
      </c>
      <c r="V12076">
        <v>52</v>
      </c>
      <c r="W12076">
        <v>53</v>
      </c>
      <c r="X12076">
        <v>54</v>
      </c>
      <c r="Y12076">
        <v>54</v>
      </c>
      <c r="Z12076">
        <v>55</v>
      </c>
      <c r="AA12076">
        <v>56</v>
      </c>
      <c r="AB12076">
        <v>56</v>
      </c>
      <c r="AC12076">
        <v>57</v>
      </c>
      <c r="AD12076">
        <v>57</v>
      </c>
      <c r="AE12076">
        <v>58</v>
      </c>
      <c r="AF12076">
        <v>57</v>
      </c>
      <c r="AG12076">
        <v>57</v>
      </c>
      <c r="AH12076">
        <v>57</v>
      </c>
      <c r="AI12076">
        <v>57</v>
      </c>
      <c r="AJ12076">
        <v>57</v>
      </c>
      <c r="AK12076">
        <v>57</v>
      </c>
      <c r="AL12076">
        <v>56</v>
      </c>
      <c r="AM12076">
        <v>56</v>
      </c>
      <c r="AN12076">
        <v>56</v>
      </c>
      <c r="AO12076">
        <v>56</v>
      </c>
      <c r="AP12076">
        <v>56</v>
      </c>
      <c r="AQ12076">
        <v>56</v>
      </c>
    </row>
    <row r="12077" spans="1:43">
      <c r="A12077" t="s">
        <v>7508</v>
      </c>
      <c r="B12077" t="s">
        <v>7509</v>
      </c>
      <c r="C12077" t="s">
        <v>7496</v>
      </c>
      <c r="D12077" t="s">
        <v>7497</v>
      </c>
      <c r="E12077" t="s">
        <v>7278</v>
      </c>
      <c r="F12077" t="s">
        <v>7279</v>
      </c>
      <c r="G12077" t="s">
        <v>80</v>
      </c>
      <c r="H12077" t="s">
        <v>81</v>
      </c>
      <c r="I12077" s="2">
        <v>0</v>
      </c>
      <c r="J12077" s="2">
        <v>1</v>
      </c>
      <c r="K12077" s="2">
        <v>0</v>
      </c>
      <c r="L12077" t="s">
        <v>82</v>
      </c>
      <c r="M12077" t="s">
        <v>83</v>
      </c>
      <c r="N12077" t="s">
        <v>91</v>
      </c>
      <c r="O12077" t="s">
        <v>85</v>
      </c>
      <c r="P12077" t="s">
        <v>86</v>
      </c>
      <c r="Q12077">
        <v>48</v>
      </c>
      <c r="R12077">
        <v>49</v>
      </c>
      <c r="S12077">
        <v>49</v>
      </c>
      <c r="T12077">
        <v>50</v>
      </c>
      <c r="U12077">
        <v>50</v>
      </c>
      <c r="V12077">
        <v>51</v>
      </c>
      <c r="W12077">
        <v>51</v>
      </c>
      <c r="X12077">
        <v>52</v>
      </c>
      <c r="Y12077">
        <v>52</v>
      </c>
      <c r="Z12077">
        <v>53</v>
      </c>
      <c r="AA12077">
        <v>53</v>
      </c>
      <c r="AB12077">
        <v>53</v>
      </c>
      <c r="AC12077">
        <v>54</v>
      </c>
      <c r="AD12077">
        <v>54</v>
      </c>
      <c r="AE12077">
        <v>55</v>
      </c>
      <c r="AF12077">
        <v>55</v>
      </c>
      <c r="AG12077">
        <v>55</v>
      </c>
      <c r="AH12077">
        <v>56</v>
      </c>
      <c r="AI12077">
        <v>56</v>
      </c>
      <c r="AJ12077">
        <v>56</v>
      </c>
      <c r="AK12077">
        <v>57</v>
      </c>
      <c r="AL12077">
        <v>57</v>
      </c>
      <c r="AM12077">
        <v>57</v>
      </c>
      <c r="AN12077">
        <v>56</v>
      </c>
      <c r="AO12077">
        <v>56</v>
      </c>
      <c r="AP12077">
        <v>56</v>
      </c>
      <c r="AQ12077">
        <v>56</v>
      </c>
    </row>
    <row r="12078" spans="1:43">
      <c r="A12078" t="s">
        <v>7510</v>
      </c>
      <c r="B12078" t="s">
        <v>7511</v>
      </c>
      <c r="C12078" t="s">
        <v>7392</v>
      </c>
      <c r="D12078" t="s">
        <v>7393</v>
      </c>
      <c r="E12078" t="s">
        <v>7278</v>
      </c>
      <c r="F12078" t="s">
        <v>7279</v>
      </c>
      <c r="G12078" t="s">
        <v>80</v>
      </c>
      <c r="H12078" t="s">
        <v>81</v>
      </c>
      <c r="I12078" s="2">
        <v>0</v>
      </c>
      <c r="J12078" s="2">
        <v>1</v>
      </c>
      <c r="K12078" s="2">
        <v>0</v>
      </c>
      <c r="L12078" t="s">
        <v>82</v>
      </c>
      <c r="M12078" t="s">
        <v>83</v>
      </c>
      <c r="N12078" t="s">
        <v>84</v>
      </c>
      <c r="O12078" t="s">
        <v>85</v>
      </c>
      <c r="P12078" t="s">
        <v>86</v>
      </c>
      <c r="Q12078">
        <v>40</v>
      </c>
      <c r="R12078">
        <v>41</v>
      </c>
      <c r="S12078">
        <v>41</v>
      </c>
      <c r="T12078">
        <v>42</v>
      </c>
      <c r="U12078">
        <v>42</v>
      </c>
      <c r="V12078">
        <v>43</v>
      </c>
      <c r="W12078">
        <v>43</v>
      </c>
      <c r="X12078">
        <v>43</v>
      </c>
      <c r="Y12078">
        <v>44</v>
      </c>
      <c r="Z12078">
        <v>44</v>
      </c>
      <c r="AA12078">
        <v>45</v>
      </c>
      <c r="AB12078">
        <v>45</v>
      </c>
      <c r="AC12078">
        <v>45</v>
      </c>
      <c r="AD12078">
        <v>46</v>
      </c>
      <c r="AE12078">
        <v>46</v>
      </c>
      <c r="AF12078">
        <v>46</v>
      </c>
      <c r="AG12078">
        <v>47</v>
      </c>
      <c r="AH12078">
        <v>47</v>
      </c>
      <c r="AI12078">
        <v>47</v>
      </c>
      <c r="AJ12078">
        <v>48</v>
      </c>
      <c r="AK12078">
        <v>48</v>
      </c>
      <c r="AL12078">
        <v>48</v>
      </c>
      <c r="AM12078">
        <v>48</v>
      </c>
      <c r="AN12078">
        <v>48</v>
      </c>
      <c r="AO12078">
        <v>48</v>
      </c>
      <c r="AP12078">
        <v>48</v>
      </c>
      <c r="AQ12078">
        <v>47</v>
      </c>
    </row>
    <row r="12079" spans="1:43">
      <c r="A12079" t="s">
        <v>7510</v>
      </c>
      <c r="B12079" t="s">
        <v>7511</v>
      </c>
      <c r="C12079" t="s">
        <v>7392</v>
      </c>
      <c r="D12079" t="s">
        <v>7393</v>
      </c>
      <c r="E12079" t="s">
        <v>7278</v>
      </c>
      <c r="F12079" t="s">
        <v>7279</v>
      </c>
      <c r="G12079" t="s">
        <v>80</v>
      </c>
      <c r="H12079" t="s">
        <v>81</v>
      </c>
      <c r="I12079" s="2">
        <v>0</v>
      </c>
      <c r="J12079" s="2">
        <v>1</v>
      </c>
      <c r="K12079" s="2">
        <v>0</v>
      </c>
      <c r="L12079" t="s">
        <v>82</v>
      </c>
      <c r="M12079" t="s">
        <v>87</v>
      </c>
      <c r="N12079" t="s">
        <v>88</v>
      </c>
      <c r="O12079" t="s">
        <v>85</v>
      </c>
      <c r="P12079" t="s">
        <v>86</v>
      </c>
      <c r="Q12079">
        <v>40</v>
      </c>
      <c r="R12079">
        <v>40</v>
      </c>
      <c r="S12079">
        <v>40</v>
      </c>
      <c r="T12079">
        <v>40</v>
      </c>
      <c r="U12079">
        <v>40</v>
      </c>
      <c r="V12079">
        <v>40</v>
      </c>
      <c r="W12079">
        <v>40</v>
      </c>
      <c r="X12079">
        <v>40</v>
      </c>
      <c r="Y12079">
        <v>41</v>
      </c>
      <c r="Z12079">
        <v>41</v>
      </c>
      <c r="AA12079">
        <v>41</v>
      </c>
      <c r="AB12079">
        <v>41</v>
      </c>
      <c r="AC12079">
        <v>41</v>
      </c>
      <c r="AD12079">
        <v>41</v>
      </c>
      <c r="AE12079">
        <v>41</v>
      </c>
      <c r="AF12079">
        <v>41</v>
      </c>
      <c r="AG12079">
        <v>41</v>
      </c>
      <c r="AH12079">
        <v>41</v>
      </c>
      <c r="AI12079">
        <v>41</v>
      </c>
      <c r="AJ12079">
        <v>41</v>
      </c>
      <c r="AK12079">
        <v>41</v>
      </c>
      <c r="AL12079">
        <v>41</v>
      </c>
      <c r="AM12079">
        <v>41</v>
      </c>
      <c r="AN12079">
        <v>41</v>
      </c>
      <c r="AO12079">
        <v>41</v>
      </c>
      <c r="AP12079">
        <v>41</v>
      </c>
      <c r="AQ12079">
        <v>41</v>
      </c>
    </row>
    <row r="12080" spans="1:43">
      <c r="A12080" t="s">
        <v>7510</v>
      </c>
      <c r="B12080" t="s">
        <v>7511</v>
      </c>
      <c r="C12080" t="s">
        <v>7392</v>
      </c>
      <c r="D12080" t="s">
        <v>7393</v>
      </c>
      <c r="E12080" t="s">
        <v>7278</v>
      </c>
      <c r="F12080" t="s">
        <v>7279</v>
      </c>
      <c r="G12080" t="s">
        <v>80</v>
      </c>
      <c r="H12080" t="s">
        <v>81</v>
      </c>
      <c r="I12080" s="2">
        <v>0</v>
      </c>
      <c r="J12080" s="2">
        <v>1</v>
      </c>
      <c r="K12080" s="2">
        <v>0</v>
      </c>
      <c r="L12080" t="s">
        <v>82</v>
      </c>
      <c r="M12080" t="s">
        <v>89</v>
      </c>
      <c r="N12080" t="s">
        <v>90</v>
      </c>
      <c r="O12080" t="s">
        <v>85</v>
      </c>
      <c r="P12080" t="s">
        <v>86</v>
      </c>
      <c r="Q12080">
        <v>40</v>
      </c>
      <c r="R12080">
        <v>41</v>
      </c>
      <c r="S12080">
        <v>41</v>
      </c>
      <c r="T12080">
        <v>42</v>
      </c>
      <c r="U12080">
        <v>43</v>
      </c>
      <c r="V12080">
        <v>44</v>
      </c>
      <c r="W12080">
        <v>44</v>
      </c>
      <c r="X12080">
        <v>45</v>
      </c>
      <c r="Y12080">
        <v>45</v>
      </c>
      <c r="Z12080">
        <v>46</v>
      </c>
      <c r="AA12080">
        <v>47</v>
      </c>
      <c r="AB12080">
        <v>47</v>
      </c>
      <c r="AC12080">
        <v>48</v>
      </c>
      <c r="AD12080">
        <v>48</v>
      </c>
      <c r="AE12080">
        <v>48</v>
      </c>
      <c r="AF12080">
        <v>48</v>
      </c>
      <c r="AG12080">
        <v>48</v>
      </c>
      <c r="AH12080">
        <v>48</v>
      </c>
      <c r="AI12080">
        <v>48</v>
      </c>
      <c r="AJ12080">
        <v>48</v>
      </c>
      <c r="AK12080">
        <v>48</v>
      </c>
      <c r="AL12080">
        <v>48</v>
      </c>
      <c r="AM12080">
        <v>48</v>
      </c>
      <c r="AN12080">
        <v>47</v>
      </c>
      <c r="AO12080">
        <v>47</v>
      </c>
      <c r="AP12080">
        <v>47</v>
      </c>
      <c r="AQ12080">
        <v>47</v>
      </c>
    </row>
    <row r="12081" spans="1:43">
      <c r="A12081" t="s">
        <v>7510</v>
      </c>
      <c r="B12081" t="s">
        <v>7511</v>
      </c>
      <c r="C12081" t="s">
        <v>7392</v>
      </c>
      <c r="D12081" t="s">
        <v>7393</v>
      </c>
      <c r="E12081" t="s">
        <v>7278</v>
      </c>
      <c r="F12081" t="s">
        <v>7279</v>
      </c>
      <c r="G12081" t="s">
        <v>80</v>
      </c>
      <c r="H12081" t="s">
        <v>81</v>
      </c>
      <c r="I12081" s="2">
        <v>0</v>
      </c>
      <c r="J12081" s="2">
        <v>1</v>
      </c>
      <c r="K12081" s="2">
        <v>0</v>
      </c>
      <c r="L12081" t="s">
        <v>82</v>
      </c>
      <c r="M12081" t="s">
        <v>83</v>
      </c>
      <c r="N12081" t="s">
        <v>91</v>
      </c>
      <c r="O12081" t="s">
        <v>85</v>
      </c>
      <c r="P12081" t="s">
        <v>86</v>
      </c>
      <c r="Q12081">
        <v>40</v>
      </c>
      <c r="R12081">
        <v>41</v>
      </c>
      <c r="S12081">
        <v>41</v>
      </c>
      <c r="T12081">
        <v>42</v>
      </c>
      <c r="U12081">
        <v>42</v>
      </c>
      <c r="V12081">
        <v>43</v>
      </c>
      <c r="W12081">
        <v>43</v>
      </c>
      <c r="X12081">
        <v>43</v>
      </c>
      <c r="Y12081">
        <v>44</v>
      </c>
      <c r="Z12081">
        <v>44</v>
      </c>
      <c r="AA12081">
        <v>45</v>
      </c>
      <c r="AB12081">
        <v>45</v>
      </c>
      <c r="AC12081">
        <v>45</v>
      </c>
      <c r="AD12081">
        <v>46</v>
      </c>
      <c r="AE12081">
        <v>46</v>
      </c>
      <c r="AF12081">
        <v>46</v>
      </c>
      <c r="AG12081">
        <v>47</v>
      </c>
      <c r="AH12081">
        <v>47</v>
      </c>
      <c r="AI12081">
        <v>47</v>
      </c>
      <c r="AJ12081">
        <v>48</v>
      </c>
      <c r="AK12081">
        <v>48</v>
      </c>
      <c r="AL12081">
        <v>48</v>
      </c>
      <c r="AM12081">
        <v>48</v>
      </c>
      <c r="AN12081">
        <v>48</v>
      </c>
      <c r="AO12081">
        <v>48</v>
      </c>
      <c r="AP12081">
        <v>48</v>
      </c>
      <c r="AQ12081">
        <v>47</v>
      </c>
    </row>
    <row r="12082" spans="1:43">
      <c r="A12082" t="s">
        <v>7512</v>
      </c>
      <c r="B12082" t="s">
        <v>7513</v>
      </c>
      <c r="C12082" t="s">
        <v>7514</v>
      </c>
      <c r="D12082" t="s">
        <v>7515</v>
      </c>
      <c r="E12082" t="s">
        <v>7278</v>
      </c>
      <c r="F12082" t="s">
        <v>7279</v>
      </c>
      <c r="G12082" t="s">
        <v>80</v>
      </c>
      <c r="H12082" t="s">
        <v>81</v>
      </c>
      <c r="I12082" s="2">
        <v>0</v>
      </c>
      <c r="J12082" s="2">
        <v>1</v>
      </c>
      <c r="K12082" s="2">
        <v>0</v>
      </c>
      <c r="L12082" t="s">
        <v>82</v>
      </c>
      <c r="M12082" t="s">
        <v>83</v>
      </c>
      <c r="N12082" t="s">
        <v>84</v>
      </c>
      <c r="O12082" t="s">
        <v>85</v>
      </c>
      <c r="P12082" t="s">
        <v>86</v>
      </c>
      <c r="Q12082">
        <v>36</v>
      </c>
      <c r="R12082">
        <v>36</v>
      </c>
      <c r="S12082">
        <v>37</v>
      </c>
      <c r="T12082">
        <v>37</v>
      </c>
      <c r="U12082">
        <v>37</v>
      </c>
      <c r="V12082">
        <v>38</v>
      </c>
      <c r="W12082">
        <v>38</v>
      </c>
      <c r="X12082">
        <v>39</v>
      </c>
      <c r="Y12082">
        <v>39</v>
      </c>
      <c r="Z12082">
        <v>39</v>
      </c>
      <c r="AA12082">
        <v>39</v>
      </c>
      <c r="AB12082">
        <v>40</v>
      </c>
      <c r="AC12082">
        <v>40</v>
      </c>
      <c r="AD12082">
        <v>40</v>
      </c>
      <c r="AE12082">
        <v>41</v>
      </c>
      <c r="AF12082">
        <v>41</v>
      </c>
      <c r="AG12082">
        <v>41</v>
      </c>
      <c r="AH12082">
        <v>41</v>
      </c>
      <c r="AI12082">
        <v>42</v>
      </c>
      <c r="AJ12082">
        <v>42</v>
      </c>
      <c r="AK12082">
        <v>42</v>
      </c>
      <c r="AL12082">
        <v>42</v>
      </c>
      <c r="AM12082">
        <v>42</v>
      </c>
      <c r="AN12082">
        <v>42</v>
      </c>
      <c r="AO12082">
        <v>42</v>
      </c>
      <c r="AP12082">
        <v>42</v>
      </c>
      <c r="AQ12082">
        <v>42</v>
      </c>
    </row>
    <row r="12083" spans="1:43">
      <c r="A12083" t="s">
        <v>7512</v>
      </c>
      <c r="B12083" t="s">
        <v>7513</v>
      </c>
      <c r="C12083" t="s">
        <v>7514</v>
      </c>
      <c r="D12083" t="s">
        <v>7515</v>
      </c>
      <c r="E12083" t="s">
        <v>7278</v>
      </c>
      <c r="F12083" t="s">
        <v>7279</v>
      </c>
      <c r="G12083" t="s">
        <v>80</v>
      </c>
      <c r="H12083" t="s">
        <v>81</v>
      </c>
      <c r="I12083" s="2">
        <v>0</v>
      </c>
      <c r="J12083" s="2">
        <v>1</v>
      </c>
      <c r="K12083" s="2">
        <v>0</v>
      </c>
      <c r="L12083" t="s">
        <v>82</v>
      </c>
      <c r="M12083" t="s">
        <v>87</v>
      </c>
      <c r="N12083" t="s">
        <v>88</v>
      </c>
      <c r="O12083" t="s">
        <v>85</v>
      </c>
      <c r="P12083" t="s">
        <v>86</v>
      </c>
      <c r="Q12083">
        <v>36</v>
      </c>
      <c r="R12083">
        <v>36</v>
      </c>
      <c r="S12083">
        <v>36</v>
      </c>
      <c r="T12083">
        <v>36</v>
      </c>
      <c r="U12083">
        <v>36</v>
      </c>
      <c r="V12083">
        <v>36</v>
      </c>
      <c r="W12083">
        <v>36</v>
      </c>
      <c r="X12083">
        <v>36</v>
      </c>
      <c r="Y12083">
        <v>36</v>
      </c>
      <c r="Z12083">
        <v>36</v>
      </c>
      <c r="AA12083">
        <v>36</v>
      </c>
      <c r="AB12083">
        <v>36</v>
      </c>
      <c r="AC12083">
        <v>36</v>
      </c>
      <c r="AD12083">
        <v>36</v>
      </c>
      <c r="AE12083">
        <v>36</v>
      </c>
      <c r="AF12083">
        <v>36</v>
      </c>
      <c r="AG12083">
        <v>36</v>
      </c>
      <c r="AH12083">
        <v>36</v>
      </c>
      <c r="AI12083">
        <v>36</v>
      </c>
      <c r="AJ12083">
        <v>36</v>
      </c>
      <c r="AK12083">
        <v>36</v>
      </c>
      <c r="AL12083">
        <v>36</v>
      </c>
      <c r="AM12083">
        <v>36</v>
      </c>
      <c r="AN12083">
        <v>36</v>
      </c>
      <c r="AO12083">
        <v>36</v>
      </c>
      <c r="AP12083">
        <v>36</v>
      </c>
      <c r="AQ12083">
        <v>36</v>
      </c>
    </row>
    <row r="12084" spans="1:43">
      <c r="A12084" t="s">
        <v>7512</v>
      </c>
      <c r="B12084" t="s">
        <v>7513</v>
      </c>
      <c r="C12084" t="s">
        <v>7514</v>
      </c>
      <c r="D12084" t="s">
        <v>7515</v>
      </c>
      <c r="E12084" t="s">
        <v>7278</v>
      </c>
      <c r="F12084" t="s">
        <v>7279</v>
      </c>
      <c r="G12084" t="s">
        <v>80</v>
      </c>
      <c r="H12084" t="s">
        <v>81</v>
      </c>
      <c r="I12084" s="2">
        <v>0</v>
      </c>
      <c r="J12084" s="2">
        <v>1</v>
      </c>
      <c r="K12084" s="2">
        <v>0</v>
      </c>
      <c r="L12084" t="s">
        <v>82</v>
      </c>
      <c r="M12084" t="s">
        <v>89</v>
      </c>
      <c r="N12084" t="s">
        <v>90</v>
      </c>
      <c r="O12084" t="s">
        <v>85</v>
      </c>
      <c r="P12084" t="s">
        <v>86</v>
      </c>
      <c r="Q12084">
        <v>36</v>
      </c>
      <c r="R12084">
        <v>37</v>
      </c>
      <c r="S12084">
        <v>38</v>
      </c>
      <c r="T12084">
        <v>38</v>
      </c>
      <c r="U12084">
        <v>39</v>
      </c>
      <c r="V12084">
        <v>40</v>
      </c>
      <c r="W12084">
        <v>40</v>
      </c>
      <c r="X12084">
        <v>41</v>
      </c>
      <c r="Y12084">
        <v>41</v>
      </c>
      <c r="Z12084">
        <v>42</v>
      </c>
      <c r="AA12084">
        <v>42</v>
      </c>
      <c r="AB12084">
        <v>42</v>
      </c>
      <c r="AC12084">
        <v>43</v>
      </c>
      <c r="AD12084">
        <v>43</v>
      </c>
      <c r="AE12084">
        <v>44</v>
      </c>
      <c r="AF12084">
        <v>43</v>
      </c>
      <c r="AG12084">
        <v>43</v>
      </c>
      <c r="AH12084">
        <v>43</v>
      </c>
      <c r="AI12084">
        <v>43</v>
      </c>
      <c r="AJ12084">
        <v>43</v>
      </c>
      <c r="AK12084">
        <v>43</v>
      </c>
      <c r="AL12084">
        <v>43</v>
      </c>
      <c r="AM12084">
        <v>43</v>
      </c>
      <c r="AN12084">
        <v>42</v>
      </c>
      <c r="AO12084">
        <v>42</v>
      </c>
      <c r="AP12084">
        <v>42</v>
      </c>
      <c r="AQ12084">
        <v>42</v>
      </c>
    </row>
    <row r="12085" spans="1:43">
      <c r="A12085" t="s">
        <v>7512</v>
      </c>
      <c r="B12085" t="s">
        <v>7513</v>
      </c>
      <c r="C12085" t="s">
        <v>7514</v>
      </c>
      <c r="D12085" t="s">
        <v>7515</v>
      </c>
      <c r="E12085" t="s">
        <v>7278</v>
      </c>
      <c r="F12085" t="s">
        <v>7279</v>
      </c>
      <c r="G12085" t="s">
        <v>80</v>
      </c>
      <c r="H12085" t="s">
        <v>81</v>
      </c>
      <c r="I12085" s="2">
        <v>0</v>
      </c>
      <c r="J12085" s="2">
        <v>1</v>
      </c>
      <c r="K12085" s="2">
        <v>0</v>
      </c>
      <c r="L12085" t="s">
        <v>82</v>
      </c>
      <c r="M12085" t="s">
        <v>83</v>
      </c>
      <c r="N12085" t="s">
        <v>91</v>
      </c>
      <c r="O12085" t="s">
        <v>85</v>
      </c>
      <c r="P12085" t="s">
        <v>86</v>
      </c>
      <c r="Q12085">
        <v>36</v>
      </c>
      <c r="R12085">
        <v>36</v>
      </c>
      <c r="S12085">
        <v>37</v>
      </c>
      <c r="T12085">
        <v>37</v>
      </c>
      <c r="U12085">
        <v>37</v>
      </c>
      <c r="V12085">
        <v>38</v>
      </c>
      <c r="W12085">
        <v>38</v>
      </c>
      <c r="X12085">
        <v>39</v>
      </c>
      <c r="Y12085">
        <v>39</v>
      </c>
      <c r="Z12085">
        <v>39</v>
      </c>
      <c r="AA12085">
        <v>39</v>
      </c>
      <c r="AB12085">
        <v>40</v>
      </c>
      <c r="AC12085">
        <v>40</v>
      </c>
      <c r="AD12085">
        <v>40</v>
      </c>
      <c r="AE12085">
        <v>41</v>
      </c>
      <c r="AF12085">
        <v>41</v>
      </c>
      <c r="AG12085">
        <v>41</v>
      </c>
      <c r="AH12085">
        <v>41</v>
      </c>
      <c r="AI12085">
        <v>42</v>
      </c>
      <c r="AJ12085">
        <v>42</v>
      </c>
      <c r="AK12085">
        <v>42</v>
      </c>
      <c r="AL12085">
        <v>42</v>
      </c>
      <c r="AM12085">
        <v>42</v>
      </c>
      <c r="AN12085">
        <v>42</v>
      </c>
      <c r="AO12085">
        <v>42</v>
      </c>
      <c r="AP12085">
        <v>42</v>
      </c>
      <c r="AQ12085">
        <v>42</v>
      </c>
    </row>
    <row r="12086" spans="1:43">
      <c r="A12086" t="s">
        <v>7516</v>
      </c>
      <c r="B12086" t="s">
        <v>7517</v>
      </c>
      <c r="C12086" t="s">
        <v>7392</v>
      </c>
      <c r="D12086" t="s">
        <v>7393</v>
      </c>
      <c r="E12086" t="s">
        <v>7278</v>
      </c>
      <c r="F12086" t="s">
        <v>7279</v>
      </c>
      <c r="G12086" t="s">
        <v>80</v>
      </c>
      <c r="H12086" t="s">
        <v>81</v>
      </c>
      <c r="I12086" s="2">
        <v>0</v>
      </c>
      <c r="J12086" s="2">
        <v>1</v>
      </c>
      <c r="K12086" s="2">
        <v>0</v>
      </c>
      <c r="L12086" t="s">
        <v>82</v>
      </c>
      <c r="M12086" t="s">
        <v>83</v>
      </c>
      <c r="N12086" t="s">
        <v>84</v>
      </c>
      <c r="O12086" t="s">
        <v>85</v>
      </c>
      <c r="P12086" t="s">
        <v>86</v>
      </c>
      <c r="Q12086">
        <v>38</v>
      </c>
      <c r="R12086">
        <v>38</v>
      </c>
      <c r="S12086">
        <v>39</v>
      </c>
      <c r="T12086">
        <v>39</v>
      </c>
      <c r="U12086">
        <v>39</v>
      </c>
      <c r="V12086">
        <v>40</v>
      </c>
      <c r="W12086">
        <v>40</v>
      </c>
      <c r="X12086">
        <v>41</v>
      </c>
      <c r="Y12086">
        <v>41</v>
      </c>
      <c r="Z12086">
        <v>41</v>
      </c>
      <c r="AA12086">
        <v>42</v>
      </c>
      <c r="AB12086">
        <v>42</v>
      </c>
      <c r="AC12086">
        <v>42</v>
      </c>
      <c r="AD12086">
        <v>42</v>
      </c>
      <c r="AE12086">
        <v>43</v>
      </c>
      <c r="AF12086">
        <v>43</v>
      </c>
      <c r="AG12086">
        <v>43</v>
      </c>
      <c r="AH12086">
        <v>44</v>
      </c>
      <c r="AI12086">
        <v>44</v>
      </c>
      <c r="AJ12086">
        <v>44</v>
      </c>
      <c r="AK12086">
        <v>44</v>
      </c>
      <c r="AL12086">
        <v>44</v>
      </c>
      <c r="AM12086">
        <v>44</v>
      </c>
      <c r="AN12086">
        <v>44</v>
      </c>
      <c r="AO12086">
        <v>44</v>
      </c>
      <c r="AP12086">
        <v>44</v>
      </c>
      <c r="AQ12086">
        <v>44</v>
      </c>
    </row>
    <row r="12087" spans="1:43">
      <c r="A12087" t="s">
        <v>7516</v>
      </c>
      <c r="B12087" t="s">
        <v>7517</v>
      </c>
      <c r="C12087" t="s">
        <v>7392</v>
      </c>
      <c r="D12087" t="s">
        <v>7393</v>
      </c>
      <c r="E12087" t="s">
        <v>7278</v>
      </c>
      <c r="F12087" t="s">
        <v>7279</v>
      </c>
      <c r="G12087" t="s">
        <v>80</v>
      </c>
      <c r="H12087" t="s">
        <v>81</v>
      </c>
      <c r="I12087" s="2">
        <v>0</v>
      </c>
      <c r="J12087" s="2">
        <v>1</v>
      </c>
      <c r="K12087" s="2">
        <v>0</v>
      </c>
      <c r="L12087" t="s">
        <v>82</v>
      </c>
      <c r="M12087" t="s">
        <v>87</v>
      </c>
      <c r="N12087" t="s">
        <v>88</v>
      </c>
      <c r="O12087" t="s">
        <v>85</v>
      </c>
      <c r="P12087" t="s">
        <v>86</v>
      </c>
      <c r="Q12087">
        <v>38</v>
      </c>
      <c r="R12087">
        <v>39</v>
      </c>
      <c r="S12087">
        <v>39</v>
      </c>
      <c r="T12087">
        <v>39</v>
      </c>
      <c r="U12087">
        <v>39</v>
      </c>
      <c r="V12087">
        <v>39</v>
      </c>
      <c r="W12087">
        <v>39</v>
      </c>
      <c r="X12087">
        <v>39</v>
      </c>
      <c r="Y12087">
        <v>39</v>
      </c>
      <c r="Z12087">
        <v>39</v>
      </c>
      <c r="AA12087">
        <v>39</v>
      </c>
      <c r="AB12087">
        <v>39</v>
      </c>
      <c r="AC12087">
        <v>39</v>
      </c>
      <c r="AD12087">
        <v>39</v>
      </c>
      <c r="AE12087">
        <v>39</v>
      </c>
      <c r="AF12087">
        <v>39</v>
      </c>
      <c r="AG12087">
        <v>39</v>
      </c>
      <c r="AH12087">
        <v>39</v>
      </c>
      <c r="AI12087">
        <v>39</v>
      </c>
      <c r="AJ12087">
        <v>39</v>
      </c>
      <c r="AK12087">
        <v>39</v>
      </c>
      <c r="AL12087">
        <v>39</v>
      </c>
      <c r="AM12087">
        <v>39</v>
      </c>
      <c r="AN12087">
        <v>39</v>
      </c>
      <c r="AO12087">
        <v>39</v>
      </c>
      <c r="AP12087">
        <v>39</v>
      </c>
      <c r="AQ12087">
        <v>39</v>
      </c>
    </row>
    <row r="12088" spans="1:43">
      <c r="A12088" t="s">
        <v>7516</v>
      </c>
      <c r="B12088" t="s">
        <v>7517</v>
      </c>
      <c r="C12088" t="s">
        <v>7392</v>
      </c>
      <c r="D12088" t="s">
        <v>7393</v>
      </c>
      <c r="E12088" t="s">
        <v>7278</v>
      </c>
      <c r="F12088" t="s">
        <v>7279</v>
      </c>
      <c r="G12088" t="s">
        <v>80</v>
      </c>
      <c r="H12088" t="s">
        <v>81</v>
      </c>
      <c r="I12088" s="2">
        <v>0</v>
      </c>
      <c r="J12088" s="2">
        <v>1</v>
      </c>
      <c r="K12088" s="2">
        <v>0</v>
      </c>
      <c r="L12088" t="s">
        <v>82</v>
      </c>
      <c r="M12088" t="s">
        <v>89</v>
      </c>
      <c r="N12088" t="s">
        <v>90</v>
      </c>
      <c r="O12088" t="s">
        <v>85</v>
      </c>
      <c r="P12088" t="s">
        <v>86</v>
      </c>
      <c r="Q12088">
        <v>38</v>
      </c>
      <c r="R12088">
        <v>39</v>
      </c>
      <c r="S12088">
        <v>40</v>
      </c>
      <c r="T12088">
        <v>40</v>
      </c>
      <c r="U12088">
        <v>41</v>
      </c>
      <c r="V12088">
        <v>42</v>
      </c>
      <c r="W12088">
        <v>42</v>
      </c>
      <c r="X12088">
        <v>43</v>
      </c>
      <c r="Y12088">
        <v>43</v>
      </c>
      <c r="Z12088">
        <v>44</v>
      </c>
      <c r="AA12088">
        <v>44</v>
      </c>
      <c r="AB12088">
        <v>45</v>
      </c>
      <c r="AC12088">
        <v>45</v>
      </c>
      <c r="AD12088">
        <v>46</v>
      </c>
      <c r="AE12088">
        <v>46</v>
      </c>
      <c r="AF12088">
        <v>46</v>
      </c>
      <c r="AG12088">
        <v>46</v>
      </c>
      <c r="AH12088">
        <v>45</v>
      </c>
      <c r="AI12088">
        <v>45</v>
      </c>
      <c r="AJ12088">
        <v>45</v>
      </c>
      <c r="AK12088">
        <v>45</v>
      </c>
      <c r="AL12088">
        <v>45</v>
      </c>
      <c r="AM12088">
        <v>45</v>
      </c>
      <c r="AN12088">
        <v>45</v>
      </c>
      <c r="AO12088">
        <v>45</v>
      </c>
      <c r="AP12088">
        <v>44</v>
      </c>
      <c r="AQ12088">
        <v>44</v>
      </c>
    </row>
    <row r="12089" spans="1:43">
      <c r="A12089" t="s">
        <v>7516</v>
      </c>
      <c r="B12089" t="s">
        <v>7517</v>
      </c>
      <c r="C12089" t="s">
        <v>7392</v>
      </c>
      <c r="D12089" t="s">
        <v>7393</v>
      </c>
      <c r="E12089" t="s">
        <v>7278</v>
      </c>
      <c r="F12089" t="s">
        <v>7279</v>
      </c>
      <c r="G12089" t="s">
        <v>80</v>
      </c>
      <c r="H12089" t="s">
        <v>81</v>
      </c>
      <c r="I12089" s="2">
        <v>0</v>
      </c>
      <c r="J12089" s="2">
        <v>1</v>
      </c>
      <c r="K12089" s="2">
        <v>0</v>
      </c>
      <c r="L12089" t="s">
        <v>82</v>
      </c>
      <c r="M12089" t="s">
        <v>83</v>
      </c>
      <c r="N12089" t="s">
        <v>91</v>
      </c>
      <c r="O12089" t="s">
        <v>85</v>
      </c>
      <c r="P12089" t="s">
        <v>86</v>
      </c>
      <c r="Q12089">
        <v>38</v>
      </c>
      <c r="R12089">
        <v>38</v>
      </c>
      <c r="S12089">
        <v>39</v>
      </c>
      <c r="T12089">
        <v>39</v>
      </c>
      <c r="U12089">
        <v>39</v>
      </c>
      <c r="V12089">
        <v>40</v>
      </c>
      <c r="W12089">
        <v>40</v>
      </c>
      <c r="X12089">
        <v>41</v>
      </c>
      <c r="Y12089">
        <v>41</v>
      </c>
      <c r="Z12089">
        <v>41</v>
      </c>
      <c r="AA12089">
        <v>42</v>
      </c>
      <c r="AB12089">
        <v>42</v>
      </c>
      <c r="AC12089">
        <v>42</v>
      </c>
      <c r="AD12089">
        <v>42</v>
      </c>
      <c r="AE12089">
        <v>43</v>
      </c>
      <c r="AF12089">
        <v>43</v>
      </c>
      <c r="AG12089">
        <v>43</v>
      </c>
      <c r="AH12089">
        <v>44</v>
      </c>
      <c r="AI12089">
        <v>44</v>
      </c>
      <c r="AJ12089">
        <v>44</v>
      </c>
      <c r="AK12089">
        <v>44</v>
      </c>
      <c r="AL12089">
        <v>44</v>
      </c>
      <c r="AM12089">
        <v>44</v>
      </c>
      <c r="AN12089">
        <v>44</v>
      </c>
      <c r="AO12089">
        <v>44</v>
      </c>
      <c r="AP12089">
        <v>44</v>
      </c>
      <c r="AQ12089">
        <v>44</v>
      </c>
    </row>
    <row r="12090" spans="1:43">
      <c r="A12090" t="s">
        <v>7518</v>
      </c>
      <c r="B12090" t="s">
        <v>7519</v>
      </c>
      <c r="C12090" t="s">
        <v>7520</v>
      </c>
      <c r="D12090" t="s">
        <v>7521</v>
      </c>
      <c r="E12090" t="s">
        <v>7278</v>
      </c>
      <c r="F12090" t="s">
        <v>7279</v>
      </c>
      <c r="G12090" t="s">
        <v>80</v>
      </c>
      <c r="H12090" t="s">
        <v>81</v>
      </c>
      <c r="I12090" s="2">
        <v>0</v>
      </c>
      <c r="J12090" s="2">
        <v>1</v>
      </c>
      <c r="K12090" s="2">
        <v>0</v>
      </c>
      <c r="L12090" t="s">
        <v>82</v>
      </c>
      <c r="M12090" t="s">
        <v>83</v>
      </c>
      <c r="N12090" t="s">
        <v>84</v>
      </c>
      <c r="O12090" t="s">
        <v>85</v>
      </c>
      <c r="P12090" t="s">
        <v>86</v>
      </c>
      <c r="Q12090">
        <v>37</v>
      </c>
      <c r="R12090">
        <v>38</v>
      </c>
      <c r="S12090">
        <v>38</v>
      </c>
      <c r="T12090">
        <v>38</v>
      </c>
      <c r="U12090">
        <v>39</v>
      </c>
      <c r="V12090">
        <v>39</v>
      </c>
      <c r="W12090">
        <v>39</v>
      </c>
      <c r="X12090">
        <v>40</v>
      </c>
      <c r="Y12090">
        <v>40</v>
      </c>
      <c r="Z12090">
        <v>41</v>
      </c>
      <c r="AA12090">
        <v>41</v>
      </c>
      <c r="AB12090">
        <v>41</v>
      </c>
      <c r="AC12090">
        <v>42</v>
      </c>
      <c r="AD12090">
        <v>42</v>
      </c>
      <c r="AE12090">
        <v>42</v>
      </c>
      <c r="AF12090">
        <v>42</v>
      </c>
      <c r="AG12090">
        <v>43</v>
      </c>
      <c r="AH12090">
        <v>43</v>
      </c>
      <c r="AI12090">
        <v>43</v>
      </c>
      <c r="AJ12090">
        <v>43</v>
      </c>
      <c r="AK12090">
        <v>44</v>
      </c>
      <c r="AL12090">
        <v>44</v>
      </c>
      <c r="AM12090">
        <v>44</v>
      </c>
      <c r="AN12090">
        <v>43</v>
      </c>
      <c r="AO12090">
        <v>43</v>
      </c>
      <c r="AP12090">
        <v>43</v>
      </c>
      <c r="AQ12090">
        <v>43</v>
      </c>
    </row>
    <row r="12091" spans="1:43">
      <c r="A12091" t="s">
        <v>7518</v>
      </c>
      <c r="B12091" t="s">
        <v>7519</v>
      </c>
      <c r="C12091" t="s">
        <v>7520</v>
      </c>
      <c r="D12091" t="s">
        <v>7521</v>
      </c>
      <c r="E12091" t="s">
        <v>7278</v>
      </c>
      <c r="F12091" t="s">
        <v>7279</v>
      </c>
      <c r="G12091" t="s">
        <v>80</v>
      </c>
      <c r="H12091" t="s">
        <v>81</v>
      </c>
      <c r="I12091" s="2">
        <v>0</v>
      </c>
      <c r="J12091" s="2">
        <v>1</v>
      </c>
      <c r="K12091" s="2">
        <v>0</v>
      </c>
      <c r="L12091" t="s">
        <v>82</v>
      </c>
      <c r="M12091" t="s">
        <v>87</v>
      </c>
      <c r="N12091" t="s">
        <v>88</v>
      </c>
      <c r="O12091" t="s">
        <v>85</v>
      </c>
      <c r="P12091" t="s">
        <v>86</v>
      </c>
      <c r="Q12091">
        <v>37</v>
      </c>
      <c r="R12091">
        <v>37</v>
      </c>
      <c r="S12091">
        <v>37</v>
      </c>
      <c r="T12091">
        <v>37</v>
      </c>
      <c r="U12091">
        <v>37</v>
      </c>
      <c r="V12091">
        <v>37</v>
      </c>
      <c r="W12091">
        <v>37</v>
      </c>
      <c r="X12091">
        <v>37</v>
      </c>
      <c r="Y12091">
        <v>37</v>
      </c>
      <c r="Z12091">
        <v>37</v>
      </c>
      <c r="AA12091">
        <v>37</v>
      </c>
      <c r="AB12091">
        <v>37</v>
      </c>
      <c r="AC12091">
        <v>37</v>
      </c>
      <c r="AD12091">
        <v>37</v>
      </c>
      <c r="AE12091">
        <v>37</v>
      </c>
      <c r="AF12091">
        <v>37</v>
      </c>
      <c r="AG12091">
        <v>37</v>
      </c>
      <c r="AH12091">
        <v>37</v>
      </c>
      <c r="AI12091">
        <v>37</v>
      </c>
      <c r="AJ12091">
        <v>37</v>
      </c>
      <c r="AK12091">
        <v>37</v>
      </c>
      <c r="AL12091">
        <v>37</v>
      </c>
      <c r="AM12091">
        <v>37</v>
      </c>
      <c r="AN12091">
        <v>37</v>
      </c>
      <c r="AO12091">
        <v>37</v>
      </c>
      <c r="AP12091">
        <v>37</v>
      </c>
      <c r="AQ12091">
        <v>37</v>
      </c>
    </row>
    <row r="12092" spans="1:43">
      <c r="A12092" t="s">
        <v>7518</v>
      </c>
      <c r="B12092" t="s">
        <v>7519</v>
      </c>
      <c r="C12092" t="s">
        <v>7520</v>
      </c>
      <c r="D12092" t="s">
        <v>7521</v>
      </c>
      <c r="E12092" t="s">
        <v>7278</v>
      </c>
      <c r="F12092" t="s">
        <v>7279</v>
      </c>
      <c r="G12092" t="s">
        <v>80</v>
      </c>
      <c r="H12092" t="s">
        <v>81</v>
      </c>
      <c r="I12092" s="2">
        <v>0</v>
      </c>
      <c r="J12092" s="2">
        <v>1</v>
      </c>
      <c r="K12092" s="2">
        <v>0</v>
      </c>
      <c r="L12092" t="s">
        <v>82</v>
      </c>
      <c r="M12092" t="s">
        <v>89</v>
      </c>
      <c r="N12092" t="s">
        <v>90</v>
      </c>
      <c r="O12092" t="s">
        <v>85</v>
      </c>
      <c r="P12092" t="s">
        <v>86</v>
      </c>
      <c r="Q12092">
        <v>37</v>
      </c>
      <c r="R12092">
        <v>38</v>
      </c>
      <c r="S12092">
        <v>39</v>
      </c>
      <c r="T12092">
        <v>40</v>
      </c>
      <c r="U12092">
        <v>40</v>
      </c>
      <c r="V12092">
        <v>41</v>
      </c>
      <c r="W12092">
        <v>42</v>
      </c>
      <c r="X12092">
        <v>42</v>
      </c>
      <c r="Y12092">
        <v>43</v>
      </c>
      <c r="Z12092">
        <v>43</v>
      </c>
      <c r="AA12092">
        <v>44</v>
      </c>
      <c r="AB12092">
        <v>44</v>
      </c>
      <c r="AC12092">
        <v>44</v>
      </c>
      <c r="AD12092">
        <v>45</v>
      </c>
      <c r="AE12092">
        <v>45</v>
      </c>
      <c r="AF12092">
        <v>45</v>
      </c>
      <c r="AG12092">
        <v>45</v>
      </c>
      <c r="AH12092">
        <v>45</v>
      </c>
      <c r="AI12092">
        <v>45</v>
      </c>
      <c r="AJ12092">
        <v>45</v>
      </c>
      <c r="AK12092">
        <v>44</v>
      </c>
      <c r="AL12092">
        <v>44</v>
      </c>
      <c r="AM12092">
        <v>44</v>
      </c>
      <c r="AN12092">
        <v>44</v>
      </c>
      <c r="AO12092">
        <v>44</v>
      </c>
      <c r="AP12092">
        <v>44</v>
      </c>
      <c r="AQ12092">
        <v>44</v>
      </c>
    </row>
    <row r="12093" spans="1:43">
      <c r="A12093" t="s">
        <v>7518</v>
      </c>
      <c r="B12093" t="s">
        <v>7519</v>
      </c>
      <c r="C12093" t="s">
        <v>7520</v>
      </c>
      <c r="D12093" t="s">
        <v>7521</v>
      </c>
      <c r="E12093" t="s">
        <v>7278</v>
      </c>
      <c r="F12093" t="s">
        <v>7279</v>
      </c>
      <c r="G12093" t="s">
        <v>80</v>
      </c>
      <c r="H12093" t="s">
        <v>81</v>
      </c>
      <c r="I12093" s="2">
        <v>0</v>
      </c>
      <c r="J12093" s="2">
        <v>1</v>
      </c>
      <c r="K12093" s="2">
        <v>0</v>
      </c>
      <c r="L12093" t="s">
        <v>82</v>
      </c>
      <c r="M12093" t="s">
        <v>83</v>
      </c>
      <c r="N12093" t="s">
        <v>91</v>
      </c>
      <c r="O12093" t="s">
        <v>85</v>
      </c>
      <c r="P12093" t="s">
        <v>86</v>
      </c>
      <c r="Q12093">
        <v>37</v>
      </c>
      <c r="R12093">
        <v>38</v>
      </c>
      <c r="S12093">
        <v>38</v>
      </c>
      <c r="T12093">
        <v>38</v>
      </c>
      <c r="U12093">
        <v>39</v>
      </c>
      <c r="V12093">
        <v>39</v>
      </c>
      <c r="W12093">
        <v>39</v>
      </c>
      <c r="X12093">
        <v>40</v>
      </c>
      <c r="Y12093">
        <v>40</v>
      </c>
      <c r="Z12093">
        <v>41</v>
      </c>
      <c r="AA12093">
        <v>41</v>
      </c>
      <c r="AB12093">
        <v>41</v>
      </c>
      <c r="AC12093">
        <v>42</v>
      </c>
      <c r="AD12093">
        <v>42</v>
      </c>
      <c r="AE12093">
        <v>42</v>
      </c>
      <c r="AF12093">
        <v>42</v>
      </c>
      <c r="AG12093">
        <v>43</v>
      </c>
      <c r="AH12093">
        <v>43</v>
      </c>
      <c r="AI12093">
        <v>43</v>
      </c>
      <c r="AJ12093">
        <v>43</v>
      </c>
      <c r="AK12093">
        <v>44</v>
      </c>
      <c r="AL12093">
        <v>44</v>
      </c>
      <c r="AM12093">
        <v>44</v>
      </c>
      <c r="AN12093">
        <v>43</v>
      </c>
      <c r="AO12093">
        <v>43</v>
      </c>
      <c r="AP12093">
        <v>43</v>
      </c>
      <c r="AQ12093">
        <v>43</v>
      </c>
    </row>
    <row r="12094" spans="1:43">
      <c r="A12094" t="s">
        <v>7522</v>
      </c>
      <c r="B12094" t="s">
        <v>7523</v>
      </c>
      <c r="C12094" t="s">
        <v>7524</v>
      </c>
      <c r="D12094" t="s">
        <v>7525</v>
      </c>
      <c r="E12094" t="s">
        <v>7278</v>
      </c>
      <c r="F12094" t="s">
        <v>7279</v>
      </c>
      <c r="G12094" t="s">
        <v>80</v>
      </c>
      <c r="H12094" t="s">
        <v>81</v>
      </c>
      <c r="I12094" s="2">
        <v>0</v>
      </c>
      <c r="J12094" s="2">
        <v>1</v>
      </c>
      <c r="K12094" s="2">
        <v>0</v>
      </c>
      <c r="L12094" t="s">
        <v>82</v>
      </c>
      <c r="M12094" t="s">
        <v>83</v>
      </c>
      <c r="N12094" t="s">
        <v>84</v>
      </c>
      <c r="O12094" t="s">
        <v>85</v>
      </c>
      <c r="P12094" t="s">
        <v>86</v>
      </c>
      <c r="Q12094">
        <v>37</v>
      </c>
      <c r="R12094">
        <v>37</v>
      </c>
      <c r="S12094">
        <v>38</v>
      </c>
      <c r="T12094">
        <v>38</v>
      </c>
      <c r="U12094">
        <v>39</v>
      </c>
      <c r="V12094">
        <v>39</v>
      </c>
      <c r="W12094">
        <v>39</v>
      </c>
      <c r="X12094">
        <v>40</v>
      </c>
      <c r="Y12094">
        <v>40</v>
      </c>
      <c r="Z12094">
        <v>40</v>
      </c>
      <c r="AA12094">
        <v>41</v>
      </c>
      <c r="AB12094">
        <v>41</v>
      </c>
      <c r="AC12094">
        <v>41</v>
      </c>
      <c r="AD12094">
        <v>42</v>
      </c>
      <c r="AE12094">
        <v>42</v>
      </c>
      <c r="AF12094">
        <v>42</v>
      </c>
      <c r="AG12094">
        <v>43</v>
      </c>
      <c r="AH12094">
        <v>43</v>
      </c>
      <c r="AI12094">
        <v>43</v>
      </c>
      <c r="AJ12094">
        <v>43</v>
      </c>
      <c r="AK12094">
        <v>44</v>
      </c>
      <c r="AL12094">
        <v>44</v>
      </c>
      <c r="AM12094">
        <v>44</v>
      </c>
      <c r="AN12094">
        <v>44</v>
      </c>
      <c r="AO12094">
        <v>43</v>
      </c>
      <c r="AP12094">
        <v>43</v>
      </c>
      <c r="AQ12094">
        <v>43</v>
      </c>
    </row>
    <row r="12095" spans="1:43">
      <c r="A12095" t="s">
        <v>7522</v>
      </c>
      <c r="B12095" t="s">
        <v>7523</v>
      </c>
      <c r="C12095" t="s">
        <v>7524</v>
      </c>
      <c r="D12095" t="s">
        <v>7525</v>
      </c>
      <c r="E12095" t="s">
        <v>7278</v>
      </c>
      <c r="F12095" t="s">
        <v>7279</v>
      </c>
      <c r="G12095" t="s">
        <v>80</v>
      </c>
      <c r="H12095" t="s">
        <v>81</v>
      </c>
      <c r="I12095" s="2">
        <v>0</v>
      </c>
      <c r="J12095" s="2">
        <v>1</v>
      </c>
      <c r="K12095" s="2">
        <v>0</v>
      </c>
      <c r="L12095" t="s">
        <v>82</v>
      </c>
      <c r="M12095" t="s">
        <v>87</v>
      </c>
      <c r="N12095" t="s">
        <v>88</v>
      </c>
      <c r="O12095" t="s">
        <v>85</v>
      </c>
      <c r="P12095" t="s">
        <v>86</v>
      </c>
      <c r="Q12095">
        <v>37</v>
      </c>
      <c r="R12095">
        <v>37</v>
      </c>
      <c r="S12095">
        <v>37</v>
      </c>
      <c r="T12095">
        <v>37</v>
      </c>
      <c r="U12095">
        <v>37</v>
      </c>
      <c r="V12095">
        <v>37</v>
      </c>
      <c r="W12095">
        <v>37</v>
      </c>
      <c r="X12095">
        <v>37</v>
      </c>
      <c r="Y12095">
        <v>37</v>
      </c>
      <c r="Z12095">
        <v>37</v>
      </c>
      <c r="AA12095">
        <v>37</v>
      </c>
      <c r="AB12095">
        <v>37</v>
      </c>
      <c r="AC12095">
        <v>37</v>
      </c>
      <c r="AD12095">
        <v>37</v>
      </c>
      <c r="AE12095">
        <v>37</v>
      </c>
      <c r="AF12095">
        <v>37</v>
      </c>
      <c r="AG12095">
        <v>37</v>
      </c>
      <c r="AH12095">
        <v>37</v>
      </c>
      <c r="AI12095">
        <v>37</v>
      </c>
      <c r="AJ12095">
        <v>37</v>
      </c>
      <c r="AK12095">
        <v>37</v>
      </c>
      <c r="AL12095">
        <v>37</v>
      </c>
      <c r="AM12095">
        <v>37</v>
      </c>
      <c r="AN12095">
        <v>37</v>
      </c>
      <c r="AO12095">
        <v>37</v>
      </c>
      <c r="AP12095">
        <v>37</v>
      </c>
      <c r="AQ12095">
        <v>37</v>
      </c>
    </row>
    <row r="12096" spans="1:43">
      <c r="A12096" t="s">
        <v>7522</v>
      </c>
      <c r="B12096" t="s">
        <v>7523</v>
      </c>
      <c r="C12096" t="s">
        <v>7524</v>
      </c>
      <c r="D12096" t="s">
        <v>7525</v>
      </c>
      <c r="E12096" t="s">
        <v>7278</v>
      </c>
      <c r="F12096" t="s">
        <v>7279</v>
      </c>
      <c r="G12096" t="s">
        <v>80</v>
      </c>
      <c r="H12096" t="s">
        <v>81</v>
      </c>
      <c r="I12096" s="2">
        <v>0</v>
      </c>
      <c r="J12096" s="2">
        <v>1</v>
      </c>
      <c r="K12096" s="2">
        <v>0</v>
      </c>
      <c r="L12096" t="s">
        <v>82</v>
      </c>
      <c r="M12096" t="s">
        <v>89</v>
      </c>
      <c r="N12096" t="s">
        <v>90</v>
      </c>
      <c r="O12096" t="s">
        <v>85</v>
      </c>
      <c r="P12096" t="s">
        <v>86</v>
      </c>
      <c r="Q12096">
        <v>37</v>
      </c>
      <c r="R12096">
        <v>38</v>
      </c>
      <c r="S12096">
        <v>39</v>
      </c>
      <c r="T12096">
        <v>39</v>
      </c>
      <c r="U12096">
        <v>40</v>
      </c>
      <c r="V12096">
        <v>41</v>
      </c>
      <c r="W12096">
        <v>41</v>
      </c>
      <c r="X12096">
        <v>42</v>
      </c>
      <c r="Y12096">
        <v>42</v>
      </c>
      <c r="Z12096">
        <v>43</v>
      </c>
      <c r="AA12096">
        <v>43</v>
      </c>
      <c r="AB12096">
        <v>44</v>
      </c>
      <c r="AC12096">
        <v>44</v>
      </c>
      <c r="AD12096">
        <v>45</v>
      </c>
      <c r="AE12096">
        <v>45</v>
      </c>
      <c r="AF12096">
        <v>45</v>
      </c>
      <c r="AG12096">
        <v>45</v>
      </c>
      <c r="AH12096">
        <v>45</v>
      </c>
      <c r="AI12096">
        <v>45</v>
      </c>
      <c r="AJ12096">
        <v>45</v>
      </c>
      <c r="AK12096">
        <v>44</v>
      </c>
      <c r="AL12096">
        <v>44</v>
      </c>
      <c r="AM12096">
        <v>44</v>
      </c>
      <c r="AN12096">
        <v>44</v>
      </c>
      <c r="AO12096">
        <v>44</v>
      </c>
      <c r="AP12096">
        <v>44</v>
      </c>
      <c r="AQ12096">
        <v>44</v>
      </c>
    </row>
    <row r="12097" spans="1:43">
      <c r="A12097" t="s">
        <v>7522</v>
      </c>
      <c r="B12097" t="s">
        <v>7523</v>
      </c>
      <c r="C12097" t="s">
        <v>7524</v>
      </c>
      <c r="D12097" t="s">
        <v>7525</v>
      </c>
      <c r="E12097" t="s">
        <v>7278</v>
      </c>
      <c r="F12097" t="s">
        <v>7279</v>
      </c>
      <c r="G12097" t="s">
        <v>80</v>
      </c>
      <c r="H12097" t="s">
        <v>81</v>
      </c>
      <c r="I12097" s="2">
        <v>0</v>
      </c>
      <c r="J12097" s="2">
        <v>1</v>
      </c>
      <c r="K12097" s="2">
        <v>0</v>
      </c>
      <c r="L12097" t="s">
        <v>82</v>
      </c>
      <c r="M12097" t="s">
        <v>83</v>
      </c>
      <c r="N12097" t="s">
        <v>91</v>
      </c>
      <c r="O12097" t="s">
        <v>85</v>
      </c>
      <c r="P12097" t="s">
        <v>86</v>
      </c>
      <c r="Q12097">
        <v>37</v>
      </c>
      <c r="R12097">
        <v>37</v>
      </c>
      <c r="S12097">
        <v>38</v>
      </c>
      <c r="T12097">
        <v>38</v>
      </c>
      <c r="U12097">
        <v>39</v>
      </c>
      <c r="V12097">
        <v>39</v>
      </c>
      <c r="W12097">
        <v>39</v>
      </c>
      <c r="X12097">
        <v>40</v>
      </c>
      <c r="Y12097">
        <v>40</v>
      </c>
      <c r="Z12097">
        <v>40</v>
      </c>
      <c r="AA12097">
        <v>41</v>
      </c>
      <c r="AB12097">
        <v>41</v>
      </c>
      <c r="AC12097">
        <v>41</v>
      </c>
      <c r="AD12097">
        <v>42</v>
      </c>
      <c r="AE12097">
        <v>42</v>
      </c>
      <c r="AF12097">
        <v>42</v>
      </c>
      <c r="AG12097">
        <v>43</v>
      </c>
      <c r="AH12097">
        <v>43</v>
      </c>
      <c r="AI12097">
        <v>43</v>
      </c>
      <c r="AJ12097">
        <v>43</v>
      </c>
      <c r="AK12097">
        <v>44</v>
      </c>
      <c r="AL12097">
        <v>44</v>
      </c>
      <c r="AM12097">
        <v>44</v>
      </c>
      <c r="AN12097">
        <v>44</v>
      </c>
      <c r="AO12097">
        <v>43</v>
      </c>
      <c r="AP12097">
        <v>43</v>
      </c>
      <c r="AQ12097">
        <v>43</v>
      </c>
    </row>
    <row r="12098" spans="1:43">
      <c r="A12098" t="s">
        <v>7526</v>
      </c>
      <c r="B12098" t="s">
        <v>7527</v>
      </c>
      <c r="C12098" t="s">
        <v>7392</v>
      </c>
      <c r="D12098" t="s">
        <v>7393</v>
      </c>
      <c r="E12098" t="s">
        <v>7278</v>
      </c>
      <c r="F12098" t="s">
        <v>7279</v>
      </c>
      <c r="G12098" t="s">
        <v>80</v>
      </c>
      <c r="H12098" t="s">
        <v>81</v>
      </c>
      <c r="I12098" s="2">
        <v>0</v>
      </c>
      <c r="J12098" s="2">
        <v>1</v>
      </c>
      <c r="K12098" s="2">
        <v>0</v>
      </c>
      <c r="L12098" t="s">
        <v>82</v>
      </c>
      <c r="M12098" t="s">
        <v>83</v>
      </c>
      <c r="N12098" t="s">
        <v>84</v>
      </c>
      <c r="O12098" t="s">
        <v>85</v>
      </c>
      <c r="P12098" t="s">
        <v>86</v>
      </c>
      <c r="Q12098">
        <v>17</v>
      </c>
      <c r="R12098">
        <v>17</v>
      </c>
      <c r="S12098">
        <v>17</v>
      </c>
      <c r="T12098">
        <v>17</v>
      </c>
      <c r="U12098">
        <v>18</v>
      </c>
      <c r="V12098">
        <v>18</v>
      </c>
      <c r="W12098">
        <v>18</v>
      </c>
      <c r="X12098">
        <v>18</v>
      </c>
      <c r="Y12098">
        <v>18</v>
      </c>
      <c r="Z12098">
        <v>18</v>
      </c>
      <c r="AA12098">
        <v>19</v>
      </c>
      <c r="AB12098">
        <v>19</v>
      </c>
      <c r="AC12098">
        <v>19</v>
      </c>
      <c r="AD12098">
        <v>19</v>
      </c>
      <c r="AE12098">
        <v>19</v>
      </c>
      <c r="AF12098">
        <v>19</v>
      </c>
      <c r="AG12098">
        <v>19</v>
      </c>
      <c r="AH12098">
        <v>20</v>
      </c>
      <c r="AI12098">
        <v>20</v>
      </c>
      <c r="AJ12098">
        <v>20</v>
      </c>
      <c r="AK12098">
        <v>20</v>
      </c>
      <c r="AL12098">
        <v>20</v>
      </c>
      <c r="AM12098">
        <v>20</v>
      </c>
      <c r="AN12098">
        <v>20</v>
      </c>
      <c r="AO12098">
        <v>20</v>
      </c>
      <c r="AP12098">
        <v>20</v>
      </c>
      <c r="AQ12098">
        <v>20</v>
      </c>
    </row>
    <row r="12099" spans="1:43">
      <c r="A12099" t="s">
        <v>7526</v>
      </c>
      <c r="B12099" t="s">
        <v>7527</v>
      </c>
      <c r="C12099" t="s">
        <v>7392</v>
      </c>
      <c r="D12099" t="s">
        <v>7393</v>
      </c>
      <c r="E12099" t="s">
        <v>7278</v>
      </c>
      <c r="F12099" t="s">
        <v>7279</v>
      </c>
      <c r="G12099" t="s">
        <v>80</v>
      </c>
      <c r="H12099" t="s">
        <v>81</v>
      </c>
      <c r="I12099" s="2">
        <v>0</v>
      </c>
      <c r="J12099" s="2">
        <v>1</v>
      </c>
      <c r="K12099" s="2">
        <v>0</v>
      </c>
      <c r="L12099" t="s">
        <v>82</v>
      </c>
      <c r="M12099" t="s">
        <v>87</v>
      </c>
      <c r="N12099" t="s">
        <v>88</v>
      </c>
      <c r="O12099" t="s">
        <v>85</v>
      </c>
      <c r="P12099" t="s">
        <v>86</v>
      </c>
      <c r="Q12099">
        <v>17</v>
      </c>
      <c r="R12099">
        <v>17</v>
      </c>
      <c r="S12099">
        <v>17</v>
      </c>
      <c r="T12099">
        <v>17</v>
      </c>
      <c r="U12099">
        <v>17</v>
      </c>
      <c r="V12099">
        <v>17</v>
      </c>
      <c r="W12099">
        <v>17</v>
      </c>
      <c r="X12099">
        <v>17</v>
      </c>
      <c r="Y12099">
        <v>17</v>
      </c>
      <c r="Z12099">
        <v>17</v>
      </c>
      <c r="AA12099">
        <v>17</v>
      </c>
      <c r="AB12099">
        <v>17</v>
      </c>
      <c r="AC12099">
        <v>17</v>
      </c>
      <c r="AD12099">
        <v>17</v>
      </c>
      <c r="AE12099">
        <v>17</v>
      </c>
      <c r="AF12099">
        <v>17</v>
      </c>
      <c r="AG12099">
        <v>17</v>
      </c>
      <c r="AH12099">
        <v>17</v>
      </c>
      <c r="AI12099">
        <v>17</v>
      </c>
      <c r="AJ12099">
        <v>17</v>
      </c>
      <c r="AK12099">
        <v>17</v>
      </c>
      <c r="AL12099">
        <v>17</v>
      </c>
      <c r="AM12099">
        <v>17</v>
      </c>
      <c r="AN12099">
        <v>17</v>
      </c>
      <c r="AO12099">
        <v>17</v>
      </c>
      <c r="AP12099">
        <v>17</v>
      </c>
      <c r="AQ12099">
        <v>17</v>
      </c>
    </row>
    <row r="12100" spans="1:43">
      <c r="A12100" t="s">
        <v>7526</v>
      </c>
      <c r="B12100" t="s">
        <v>7527</v>
      </c>
      <c r="C12100" t="s">
        <v>7392</v>
      </c>
      <c r="D12100" t="s">
        <v>7393</v>
      </c>
      <c r="E12100" t="s">
        <v>7278</v>
      </c>
      <c r="F12100" t="s">
        <v>7279</v>
      </c>
      <c r="G12100" t="s">
        <v>80</v>
      </c>
      <c r="H12100" t="s">
        <v>81</v>
      </c>
      <c r="I12100" s="2">
        <v>0</v>
      </c>
      <c r="J12100" s="2">
        <v>1</v>
      </c>
      <c r="K12100" s="2">
        <v>0</v>
      </c>
      <c r="L12100" t="s">
        <v>82</v>
      </c>
      <c r="M12100" t="s">
        <v>89</v>
      </c>
      <c r="N12100" t="s">
        <v>90</v>
      </c>
      <c r="O12100" t="s">
        <v>85</v>
      </c>
      <c r="P12100" t="s">
        <v>86</v>
      </c>
      <c r="Q12100">
        <v>17</v>
      </c>
      <c r="R12100">
        <v>17</v>
      </c>
      <c r="S12100">
        <v>18</v>
      </c>
      <c r="T12100">
        <v>18</v>
      </c>
      <c r="U12100">
        <v>18</v>
      </c>
      <c r="V12100">
        <v>19</v>
      </c>
      <c r="W12100">
        <v>19</v>
      </c>
      <c r="X12100">
        <v>19</v>
      </c>
      <c r="Y12100">
        <v>19</v>
      </c>
      <c r="Z12100">
        <v>20</v>
      </c>
      <c r="AA12100">
        <v>20</v>
      </c>
      <c r="AB12100">
        <v>20</v>
      </c>
      <c r="AC12100">
        <v>20</v>
      </c>
      <c r="AD12100">
        <v>20</v>
      </c>
      <c r="AE12100">
        <v>21</v>
      </c>
      <c r="AF12100">
        <v>21</v>
      </c>
      <c r="AG12100">
        <v>20</v>
      </c>
      <c r="AH12100">
        <v>20</v>
      </c>
      <c r="AI12100">
        <v>20</v>
      </c>
      <c r="AJ12100">
        <v>20</v>
      </c>
      <c r="AK12100">
        <v>20</v>
      </c>
      <c r="AL12100">
        <v>20</v>
      </c>
      <c r="AM12100">
        <v>20</v>
      </c>
      <c r="AN12100">
        <v>20</v>
      </c>
      <c r="AO12100">
        <v>20</v>
      </c>
      <c r="AP12100">
        <v>20</v>
      </c>
      <c r="AQ12100">
        <v>20</v>
      </c>
    </row>
    <row r="12101" spans="1:43">
      <c r="A12101" t="s">
        <v>7526</v>
      </c>
      <c r="B12101" t="s">
        <v>7527</v>
      </c>
      <c r="C12101" t="s">
        <v>7392</v>
      </c>
      <c r="D12101" t="s">
        <v>7393</v>
      </c>
      <c r="E12101" t="s">
        <v>7278</v>
      </c>
      <c r="F12101" t="s">
        <v>7279</v>
      </c>
      <c r="G12101" t="s">
        <v>80</v>
      </c>
      <c r="H12101" t="s">
        <v>81</v>
      </c>
      <c r="I12101" s="2">
        <v>0</v>
      </c>
      <c r="J12101" s="2">
        <v>1</v>
      </c>
      <c r="K12101" s="2">
        <v>0</v>
      </c>
      <c r="L12101" t="s">
        <v>82</v>
      </c>
      <c r="M12101" t="s">
        <v>83</v>
      </c>
      <c r="N12101" t="s">
        <v>91</v>
      </c>
      <c r="O12101" t="s">
        <v>85</v>
      </c>
      <c r="P12101" t="s">
        <v>86</v>
      </c>
      <c r="Q12101">
        <v>17</v>
      </c>
      <c r="R12101">
        <v>17</v>
      </c>
      <c r="S12101">
        <v>17</v>
      </c>
      <c r="T12101">
        <v>17</v>
      </c>
      <c r="U12101">
        <v>18</v>
      </c>
      <c r="V12101">
        <v>18</v>
      </c>
      <c r="W12101">
        <v>18</v>
      </c>
      <c r="X12101">
        <v>18</v>
      </c>
      <c r="Y12101">
        <v>18</v>
      </c>
      <c r="Z12101">
        <v>18</v>
      </c>
      <c r="AA12101">
        <v>19</v>
      </c>
      <c r="AB12101">
        <v>19</v>
      </c>
      <c r="AC12101">
        <v>19</v>
      </c>
      <c r="AD12101">
        <v>19</v>
      </c>
      <c r="AE12101">
        <v>19</v>
      </c>
      <c r="AF12101">
        <v>19</v>
      </c>
      <c r="AG12101">
        <v>19</v>
      </c>
      <c r="AH12101">
        <v>20</v>
      </c>
      <c r="AI12101">
        <v>20</v>
      </c>
      <c r="AJ12101">
        <v>20</v>
      </c>
      <c r="AK12101">
        <v>20</v>
      </c>
      <c r="AL12101">
        <v>20</v>
      </c>
      <c r="AM12101">
        <v>20</v>
      </c>
      <c r="AN12101">
        <v>20</v>
      </c>
      <c r="AO12101">
        <v>20</v>
      </c>
      <c r="AP12101">
        <v>20</v>
      </c>
      <c r="AQ12101">
        <v>20</v>
      </c>
    </row>
    <row r="12102" spans="1:43">
      <c r="A12102" t="s">
        <v>7528</v>
      </c>
      <c r="B12102" t="s">
        <v>7529</v>
      </c>
      <c r="C12102" t="s">
        <v>7514</v>
      </c>
      <c r="D12102" t="s">
        <v>7515</v>
      </c>
      <c r="E12102" t="s">
        <v>7278</v>
      </c>
      <c r="F12102" t="s">
        <v>7279</v>
      </c>
      <c r="G12102" t="s">
        <v>80</v>
      </c>
      <c r="H12102" t="s">
        <v>81</v>
      </c>
      <c r="I12102" s="2">
        <v>0</v>
      </c>
      <c r="J12102" s="2">
        <v>1</v>
      </c>
      <c r="K12102" s="2">
        <v>0</v>
      </c>
      <c r="L12102" t="s">
        <v>82</v>
      </c>
      <c r="M12102" t="s">
        <v>83</v>
      </c>
      <c r="N12102" t="s">
        <v>84</v>
      </c>
      <c r="O12102" t="s">
        <v>85</v>
      </c>
      <c r="P12102" t="s">
        <v>86</v>
      </c>
      <c r="Q12102">
        <v>19</v>
      </c>
      <c r="R12102">
        <v>19</v>
      </c>
      <c r="S12102">
        <v>20</v>
      </c>
      <c r="T12102">
        <v>20</v>
      </c>
      <c r="U12102">
        <v>20</v>
      </c>
      <c r="V12102">
        <v>20</v>
      </c>
      <c r="W12102">
        <v>20</v>
      </c>
      <c r="X12102">
        <v>21</v>
      </c>
      <c r="Y12102">
        <v>21</v>
      </c>
      <c r="Z12102">
        <v>21</v>
      </c>
      <c r="AA12102">
        <v>21</v>
      </c>
      <c r="AB12102">
        <v>21</v>
      </c>
      <c r="AC12102">
        <v>21</v>
      </c>
      <c r="AD12102">
        <v>21</v>
      </c>
      <c r="AE12102">
        <v>22</v>
      </c>
      <c r="AF12102">
        <v>22</v>
      </c>
      <c r="AG12102">
        <v>22</v>
      </c>
      <c r="AH12102">
        <v>22</v>
      </c>
      <c r="AI12102">
        <v>22</v>
      </c>
      <c r="AJ12102">
        <v>22</v>
      </c>
      <c r="AK12102">
        <v>22</v>
      </c>
      <c r="AL12102">
        <v>22</v>
      </c>
      <c r="AM12102">
        <v>22</v>
      </c>
      <c r="AN12102">
        <v>22</v>
      </c>
      <c r="AO12102">
        <v>22</v>
      </c>
      <c r="AP12102">
        <v>22</v>
      </c>
      <c r="AQ12102">
        <v>22</v>
      </c>
    </row>
    <row r="12103" spans="1:43">
      <c r="A12103" t="s">
        <v>7528</v>
      </c>
      <c r="B12103" t="s">
        <v>7529</v>
      </c>
      <c r="C12103" t="s">
        <v>7514</v>
      </c>
      <c r="D12103" t="s">
        <v>7515</v>
      </c>
      <c r="E12103" t="s">
        <v>7278</v>
      </c>
      <c r="F12103" t="s">
        <v>7279</v>
      </c>
      <c r="G12103" t="s">
        <v>80</v>
      </c>
      <c r="H12103" t="s">
        <v>81</v>
      </c>
      <c r="I12103" s="2">
        <v>0</v>
      </c>
      <c r="J12103" s="2">
        <v>1</v>
      </c>
      <c r="K12103" s="2">
        <v>0</v>
      </c>
      <c r="L12103" t="s">
        <v>82</v>
      </c>
      <c r="M12103" t="s">
        <v>87</v>
      </c>
      <c r="N12103" t="s">
        <v>88</v>
      </c>
      <c r="O12103" t="s">
        <v>85</v>
      </c>
      <c r="P12103" t="s">
        <v>86</v>
      </c>
      <c r="Q12103">
        <v>19</v>
      </c>
      <c r="R12103">
        <v>19</v>
      </c>
      <c r="S12103">
        <v>19</v>
      </c>
      <c r="T12103">
        <v>19</v>
      </c>
      <c r="U12103">
        <v>19</v>
      </c>
      <c r="V12103">
        <v>19</v>
      </c>
      <c r="W12103">
        <v>19</v>
      </c>
      <c r="X12103">
        <v>19</v>
      </c>
      <c r="Y12103">
        <v>19</v>
      </c>
      <c r="Z12103">
        <v>19</v>
      </c>
      <c r="AA12103">
        <v>19</v>
      </c>
      <c r="AB12103">
        <v>19</v>
      </c>
      <c r="AC12103">
        <v>19</v>
      </c>
      <c r="AD12103">
        <v>19</v>
      </c>
      <c r="AE12103">
        <v>19</v>
      </c>
      <c r="AF12103">
        <v>19</v>
      </c>
      <c r="AG12103">
        <v>19</v>
      </c>
      <c r="AH12103">
        <v>19</v>
      </c>
      <c r="AI12103">
        <v>19</v>
      </c>
      <c r="AJ12103">
        <v>19</v>
      </c>
      <c r="AK12103">
        <v>19</v>
      </c>
      <c r="AL12103">
        <v>19</v>
      </c>
      <c r="AM12103">
        <v>19</v>
      </c>
      <c r="AN12103">
        <v>19</v>
      </c>
      <c r="AO12103">
        <v>19</v>
      </c>
      <c r="AP12103">
        <v>19</v>
      </c>
      <c r="AQ12103">
        <v>19</v>
      </c>
    </row>
    <row r="12104" spans="1:43">
      <c r="A12104" t="s">
        <v>7528</v>
      </c>
      <c r="B12104" t="s">
        <v>7529</v>
      </c>
      <c r="C12104" t="s">
        <v>7514</v>
      </c>
      <c r="D12104" t="s">
        <v>7515</v>
      </c>
      <c r="E12104" t="s">
        <v>7278</v>
      </c>
      <c r="F12104" t="s">
        <v>7279</v>
      </c>
      <c r="G12104" t="s">
        <v>80</v>
      </c>
      <c r="H12104" t="s">
        <v>81</v>
      </c>
      <c r="I12104" s="2">
        <v>0</v>
      </c>
      <c r="J12104" s="2">
        <v>1</v>
      </c>
      <c r="K12104" s="2">
        <v>0</v>
      </c>
      <c r="L12104" t="s">
        <v>82</v>
      </c>
      <c r="M12104" t="s">
        <v>89</v>
      </c>
      <c r="N12104" t="s">
        <v>90</v>
      </c>
      <c r="O12104" t="s">
        <v>85</v>
      </c>
      <c r="P12104" t="s">
        <v>86</v>
      </c>
      <c r="Q12104">
        <v>19</v>
      </c>
      <c r="R12104">
        <v>20</v>
      </c>
      <c r="S12104">
        <v>20</v>
      </c>
      <c r="T12104">
        <v>20</v>
      </c>
      <c r="U12104">
        <v>21</v>
      </c>
      <c r="V12104">
        <v>21</v>
      </c>
      <c r="W12104">
        <v>21</v>
      </c>
      <c r="X12104">
        <v>22</v>
      </c>
      <c r="Y12104">
        <v>22</v>
      </c>
      <c r="Z12104">
        <v>22</v>
      </c>
      <c r="AA12104">
        <v>22</v>
      </c>
      <c r="AB12104">
        <v>23</v>
      </c>
      <c r="AC12104">
        <v>23</v>
      </c>
      <c r="AD12104">
        <v>23</v>
      </c>
      <c r="AE12104">
        <v>23</v>
      </c>
      <c r="AF12104">
        <v>23</v>
      </c>
      <c r="AG12104">
        <v>23</v>
      </c>
      <c r="AH12104">
        <v>23</v>
      </c>
      <c r="AI12104">
        <v>23</v>
      </c>
      <c r="AJ12104">
        <v>23</v>
      </c>
      <c r="AK12104">
        <v>23</v>
      </c>
      <c r="AL12104">
        <v>23</v>
      </c>
      <c r="AM12104">
        <v>23</v>
      </c>
      <c r="AN12104">
        <v>23</v>
      </c>
      <c r="AO12104">
        <v>23</v>
      </c>
      <c r="AP12104">
        <v>22</v>
      </c>
      <c r="AQ12104">
        <v>22</v>
      </c>
    </row>
    <row r="12105" spans="1:43">
      <c r="A12105" t="s">
        <v>7528</v>
      </c>
      <c r="B12105" t="s">
        <v>7529</v>
      </c>
      <c r="C12105" t="s">
        <v>7514</v>
      </c>
      <c r="D12105" t="s">
        <v>7515</v>
      </c>
      <c r="E12105" t="s">
        <v>7278</v>
      </c>
      <c r="F12105" t="s">
        <v>7279</v>
      </c>
      <c r="G12105" t="s">
        <v>80</v>
      </c>
      <c r="H12105" t="s">
        <v>81</v>
      </c>
      <c r="I12105" s="2">
        <v>0</v>
      </c>
      <c r="J12105" s="2">
        <v>1</v>
      </c>
      <c r="K12105" s="2">
        <v>0</v>
      </c>
      <c r="L12105" t="s">
        <v>82</v>
      </c>
      <c r="M12105" t="s">
        <v>83</v>
      </c>
      <c r="N12105" t="s">
        <v>91</v>
      </c>
      <c r="O12105" t="s">
        <v>85</v>
      </c>
      <c r="P12105" t="s">
        <v>86</v>
      </c>
      <c r="Q12105">
        <v>19</v>
      </c>
      <c r="R12105">
        <v>19</v>
      </c>
      <c r="S12105">
        <v>20</v>
      </c>
      <c r="T12105">
        <v>20</v>
      </c>
      <c r="U12105">
        <v>20</v>
      </c>
      <c r="V12105">
        <v>20</v>
      </c>
      <c r="W12105">
        <v>20</v>
      </c>
      <c r="X12105">
        <v>21</v>
      </c>
      <c r="Y12105">
        <v>21</v>
      </c>
      <c r="Z12105">
        <v>21</v>
      </c>
      <c r="AA12105">
        <v>21</v>
      </c>
      <c r="AB12105">
        <v>21</v>
      </c>
      <c r="AC12105">
        <v>21</v>
      </c>
      <c r="AD12105">
        <v>21</v>
      </c>
      <c r="AE12105">
        <v>22</v>
      </c>
      <c r="AF12105">
        <v>22</v>
      </c>
      <c r="AG12105">
        <v>22</v>
      </c>
      <c r="AH12105">
        <v>22</v>
      </c>
      <c r="AI12105">
        <v>22</v>
      </c>
      <c r="AJ12105">
        <v>22</v>
      </c>
      <c r="AK12105">
        <v>22</v>
      </c>
      <c r="AL12105">
        <v>22</v>
      </c>
      <c r="AM12105">
        <v>22</v>
      </c>
      <c r="AN12105">
        <v>22</v>
      </c>
      <c r="AO12105">
        <v>22</v>
      </c>
      <c r="AP12105">
        <v>22</v>
      </c>
      <c r="AQ12105">
        <v>22</v>
      </c>
    </row>
    <row r="12106" spans="1:43">
      <c r="A12106" t="s">
        <v>7530</v>
      </c>
      <c r="B12106" t="s">
        <v>7531</v>
      </c>
      <c r="C12106" t="s">
        <v>7514</v>
      </c>
      <c r="D12106" t="s">
        <v>7515</v>
      </c>
      <c r="E12106" t="s">
        <v>7278</v>
      </c>
      <c r="F12106" t="s">
        <v>7279</v>
      </c>
      <c r="G12106" t="s">
        <v>80</v>
      </c>
      <c r="H12106" t="s">
        <v>81</v>
      </c>
      <c r="I12106" s="2">
        <v>0</v>
      </c>
      <c r="J12106" s="2">
        <v>1</v>
      </c>
      <c r="K12106" s="2">
        <v>0</v>
      </c>
      <c r="L12106" t="s">
        <v>82</v>
      </c>
      <c r="M12106" t="s">
        <v>83</v>
      </c>
      <c r="N12106" t="s">
        <v>84</v>
      </c>
      <c r="O12106" t="s">
        <v>85</v>
      </c>
      <c r="P12106" t="s">
        <v>86</v>
      </c>
      <c r="Q12106">
        <v>10</v>
      </c>
      <c r="R12106">
        <v>10</v>
      </c>
      <c r="S12106">
        <v>10</v>
      </c>
      <c r="T12106">
        <v>10</v>
      </c>
      <c r="U12106">
        <v>10</v>
      </c>
      <c r="V12106">
        <v>11</v>
      </c>
      <c r="W12106">
        <v>11</v>
      </c>
      <c r="X12106">
        <v>11</v>
      </c>
      <c r="Y12106">
        <v>11</v>
      </c>
      <c r="Z12106">
        <v>11</v>
      </c>
      <c r="AA12106">
        <v>11</v>
      </c>
      <c r="AB12106">
        <v>11</v>
      </c>
      <c r="AC12106">
        <v>11</v>
      </c>
      <c r="AD12106">
        <v>11</v>
      </c>
      <c r="AE12106">
        <v>11</v>
      </c>
      <c r="AF12106">
        <v>11</v>
      </c>
      <c r="AG12106">
        <v>11</v>
      </c>
      <c r="AH12106">
        <v>12</v>
      </c>
      <c r="AI12106">
        <v>12</v>
      </c>
      <c r="AJ12106">
        <v>12</v>
      </c>
      <c r="AK12106">
        <v>12</v>
      </c>
      <c r="AL12106">
        <v>12</v>
      </c>
      <c r="AM12106">
        <v>12</v>
      </c>
      <c r="AN12106">
        <v>12</v>
      </c>
      <c r="AO12106">
        <v>12</v>
      </c>
      <c r="AP12106">
        <v>12</v>
      </c>
      <c r="AQ12106">
        <v>12</v>
      </c>
    </row>
    <row r="12107" spans="1:43">
      <c r="A12107" t="s">
        <v>7530</v>
      </c>
      <c r="B12107" t="s">
        <v>7531</v>
      </c>
      <c r="C12107" t="s">
        <v>7514</v>
      </c>
      <c r="D12107" t="s">
        <v>7515</v>
      </c>
      <c r="E12107" t="s">
        <v>7278</v>
      </c>
      <c r="F12107" t="s">
        <v>7279</v>
      </c>
      <c r="G12107" t="s">
        <v>80</v>
      </c>
      <c r="H12107" t="s">
        <v>81</v>
      </c>
      <c r="I12107" s="2">
        <v>0</v>
      </c>
      <c r="J12107" s="2">
        <v>1</v>
      </c>
      <c r="K12107" s="2">
        <v>0</v>
      </c>
      <c r="L12107" t="s">
        <v>82</v>
      </c>
      <c r="M12107" t="s">
        <v>87</v>
      </c>
      <c r="N12107" t="s">
        <v>88</v>
      </c>
      <c r="O12107" t="s">
        <v>85</v>
      </c>
      <c r="P12107" t="s">
        <v>86</v>
      </c>
      <c r="Q12107">
        <v>10</v>
      </c>
      <c r="R12107">
        <v>10</v>
      </c>
      <c r="S12107">
        <v>10</v>
      </c>
      <c r="T12107">
        <v>10</v>
      </c>
      <c r="U12107">
        <v>10</v>
      </c>
      <c r="V12107">
        <v>10</v>
      </c>
      <c r="W12107">
        <v>10</v>
      </c>
      <c r="X12107">
        <v>10</v>
      </c>
      <c r="Y12107">
        <v>10</v>
      </c>
      <c r="Z12107">
        <v>10</v>
      </c>
      <c r="AA12107">
        <v>10</v>
      </c>
      <c r="AB12107">
        <v>10</v>
      </c>
      <c r="AC12107">
        <v>10</v>
      </c>
      <c r="AD12107">
        <v>10</v>
      </c>
      <c r="AE12107">
        <v>10</v>
      </c>
      <c r="AF12107">
        <v>10</v>
      </c>
      <c r="AG12107">
        <v>10</v>
      </c>
      <c r="AH12107">
        <v>10</v>
      </c>
      <c r="AI12107">
        <v>10</v>
      </c>
      <c r="AJ12107">
        <v>10</v>
      </c>
      <c r="AK12107">
        <v>10</v>
      </c>
      <c r="AL12107">
        <v>10</v>
      </c>
      <c r="AM12107">
        <v>10</v>
      </c>
      <c r="AN12107">
        <v>10</v>
      </c>
      <c r="AO12107">
        <v>10</v>
      </c>
      <c r="AP12107">
        <v>10</v>
      </c>
      <c r="AQ12107">
        <v>10</v>
      </c>
    </row>
    <row r="12108" spans="1:43">
      <c r="A12108" t="s">
        <v>7530</v>
      </c>
      <c r="B12108" t="s">
        <v>7531</v>
      </c>
      <c r="C12108" t="s">
        <v>7514</v>
      </c>
      <c r="D12108" t="s">
        <v>7515</v>
      </c>
      <c r="E12108" t="s">
        <v>7278</v>
      </c>
      <c r="F12108" t="s">
        <v>7279</v>
      </c>
      <c r="G12108" t="s">
        <v>80</v>
      </c>
      <c r="H12108" t="s">
        <v>81</v>
      </c>
      <c r="I12108" s="2">
        <v>0</v>
      </c>
      <c r="J12108" s="2">
        <v>1</v>
      </c>
      <c r="K12108" s="2">
        <v>0</v>
      </c>
      <c r="L12108" t="s">
        <v>82</v>
      </c>
      <c r="M12108" t="s">
        <v>89</v>
      </c>
      <c r="N12108" t="s">
        <v>90</v>
      </c>
      <c r="O12108" t="s">
        <v>85</v>
      </c>
      <c r="P12108" t="s">
        <v>86</v>
      </c>
      <c r="Q12108">
        <v>10</v>
      </c>
      <c r="R12108">
        <v>10</v>
      </c>
      <c r="S12108">
        <v>11</v>
      </c>
      <c r="T12108">
        <v>11</v>
      </c>
      <c r="U12108">
        <v>11</v>
      </c>
      <c r="V12108">
        <v>11</v>
      </c>
      <c r="W12108">
        <v>11</v>
      </c>
      <c r="X12108">
        <v>11</v>
      </c>
      <c r="Y12108">
        <v>11</v>
      </c>
      <c r="Z12108">
        <v>12</v>
      </c>
      <c r="AA12108">
        <v>12</v>
      </c>
      <c r="AB12108">
        <v>12</v>
      </c>
      <c r="AC12108">
        <v>12</v>
      </c>
      <c r="AD12108">
        <v>12</v>
      </c>
      <c r="AE12108">
        <v>12</v>
      </c>
      <c r="AF12108">
        <v>12</v>
      </c>
      <c r="AG12108">
        <v>12</v>
      </c>
      <c r="AH12108">
        <v>12</v>
      </c>
      <c r="AI12108">
        <v>12</v>
      </c>
      <c r="AJ12108">
        <v>12</v>
      </c>
      <c r="AK12108">
        <v>12</v>
      </c>
      <c r="AL12108">
        <v>12</v>
      </c>
      <c r="AM12108">
        <v>12</v>
      </c>
      <c r="AN12108">
        <v>12</v>
      </c>
      <c r="AO12108">
        <v>12</v>
      </c>
      <c r="AP12108">
        <v>12</v>
      </c>
      <c r="AQ12108">
        <v>12</v>
      </c>
    </row>
    <row r="12109" spans="1:43">
      <c r="A12109" t="s">
        <v>7530</v>
      </c>
      <c r="B12109" t="s">
        <v>7531</v>
      </c>
      <c r="C12109" t="s">
        <v>7514</v>
      </c>
      <c r="D12109" t="s">
        <v>7515</v>
      </c>
      <c r="E12109" t="s">
        <v>7278</v>
      </c>
      <c r="F12109" t="s">
        <v>7279</v>
      </c>
      <c r="G12109" t="s">
        <v>80</v>
      </c>
      <c r="H12109" t="s">
        <v>81</v>
      </c>
      <c r="I12109" s="2">
        <v>0</v>
      </c>
      <c r="J12109" s="2">
        <v>1</v>
      </c>
      <c r="K12109" s="2">
        <v>0</v>
      </c>
      <c r="L12109" t="s">
        <v>82</v>
      </c>
      <c r="M12109" t="s">
        <v>83</v>
      </c>
      <c r="N12109" t="s">
        <v>91</v>
      </c>
      <c r="O12109" t="s">
        <v>85</v>
      </c>
      <c r="P12109" t="s">
        <v>86</v>
      </c>
      <c r="Q12109">
        <v>10</v>
      </c>
      <c r="R12109">
        <v>10</v>
      </c>
      <c r="S12109">
        <v>10</v>
      </c>
      <c r="T12109">
        <v>10</v>
      </c>
      <c r="U12109">
        <v>10</v>
      </c>
      <c r="V12109">
        <v>11</v>
      </c>
      <c r="W12109">
        <v>11</v>
      </c>
      <c r="X12109">
        <v>11</v>
      </c>
      <c r="Y12109">
        <v>11</v>
      </c>
      <c r="Z12109">
        <v>11</v>
      </c>
      <c r="AA12109">
        <v>11</v>
      </c>
      <c r="AB12109">
        <v>11</v>
      </c>
      <c r="AC12109">
        <v>11</v>
      </c>
      <c r="AD12109">
        <v>11</v>
      </c>
      <c r="AE12109">
        <v>11</v>
      </c>
      <c r="AF12109">
        <v>11</v>
      </c>
      <c r="AG12109">
        <v>11</v>
      </c>
      <c r="AH12109">
        <v>12</v>
      </c>
      <c r="AI12109">
        <v>12</v>
      </c>
      <c r="AJ12109">
        <v>12</v>
      </c>
      <c r="AK12109">
        <v>12</v>
      </c>
      <c r="AL12109">
        <v>12</v>
      </c>
      <c r="AM12109">
        <v>12</v>
      </c>
      <c r="AN12109">
        <v>12</v>
      </c>
      <c r="AO12109">
        <v>12</v>
      </c>
      <c r="AP12109">
        <v>12</v>
      </c>
      <c r="AQ12109">
        <v>12</v>
      </c>
    </row>
    <row r="12110" spans="1:43">
      <c r="A12110" t="s">
        <v>7532</v>
      </c>
      <c r="B12110" t="s">
        <v>7533</v>
      </c>
      <c r="C12110" t="s">
        <v>7514</v>
      </c>
      <c r="D12110" t="s">
        <v>7515</v>
      </c>
      <c r="E12110" t="s">
        <v>7278</v>
      </c>
      <c r="F12110" t="s">
        <v>7279</v>
      </c>
      <c r="G12110" t="s">
        <v>80</v>
      </c>
      <c r="H12110" t="s">
        <v>81</v>
      </c>
      <c r="I12110" s="2">
        <v>0</v>
      </c>
      <c r="J12110" s="2">
        <v>1</v>
      </c>
      <c r="K12110" s="2">
        <v>0</v>
      </c>
      <c r="L12110" t="s">
        <v>82</v>
      </c>
      <c r="M12110" t="s">
        <v>83</v>
      </c>
      <c r="N12110" t="s">
        <v>84</v>
      </c>
      <c r="O12110" t="s">
        <v>85</v>
      </c>
      <c r="P12110" t="s">
        <v>86</v>
      </c>
      <c r="Q12110">
        <v>6</v>
      </c>
      <c r="R12110">
        <v>6</v>
      </c>
      <c r="S12110">
        <v>6</v>
      </c>
      <c r="T12110">
        <v>6</v>
      </c>
      <c r="U12110">
        <v>6</v>
      </c>
      <c r="V12110">
        <v>6</v>
      </c>
      <c r="W12110">
        <v>6</v>
      </c>
      <c r="X12110">
        <v>6</v>
      </c>
      <c r="Y12110">
        <v>6</v>
      </c>
      <c r="Z12110">
        <v>6</v>
      </c>
      <c r="AA12110">
        <v>6</v>
      </c>
      <c r="AB12110">
        <v>6</v>
      </c>
      <c r="AC12110">
        <v>6</v>
      </c>
      <c r="AD12110">
        <v>6</v>
      </c>
      <c r="AE12110">
        <v>6</v>
      </c>
      <c r="AF12110">
        <v>6</v>
      </c>
      <c r="AG12110">
        <v>6</v>
      </c>
      <c r="AH12110">
        <v>6</v>
      </c>
      <c r="AI12110">
        <v>6</v>
      </c>
      <c r="AJ12110">
        <v>7</v>
      </c>
      <c r="AK12110">
        <v>7</v>
      </c>
      <c r="AL12110">
        <v>7</v>
      </c>
      <c r="AM12110">
        <v>7</v>
      </c>
      <c r="AN12110">
        <v>7</v>
      </c>
      <c r="AO12110">
        <v>7</v>
      </c>
      <c r="AP12110">
        <v>7</v>
      </c>
      <c r="AQ12110">
        <v>6</v>
      </c>
    </row>
    <row r="12111" spans="1:43">
      <c r="A12111" t="s">
        <v>7532</v>
      </c>
      <c r="B12111" t="s">
        <v>7533</v>
      </c>
      <c r="C12111" t="s">
        <v>7514</v>
      </c>
      <c r="D12111" t="s">
        <v>7515</v>
      </c>
      <c r="E12111" t="s">
        <v>7278</v>
      </c>
      <c r="F12111" t="s">
        <v>7279</v>
      </c>
      <c r="G12111" t="s">
        <v>80</v>
      </c>
      <c r="H12111" t="s">
        <v>81</v>
      </c>
      <c r="I12111" s="2">
        <v>0</v>
      </c>
      <c r="J12111" s="2">
        <v>1</v>
      </c>
      <c r="K12111" s="2">
        <v>0</v>
      </c>
      <c r="L12111" t="s">
        <v>82</v>
      </c>
      <c r="M12111" t="s">
        <v>87</v>
      </c>
      <c r="N12111" t="s">
        <v>88</v>
      </c>
      <c r="O12111" t="s">
        <v>85</v>
      </c>
      <c r="P12111" t="s">
        <v>86</v>
      </c>
      <c r="Q12111">
        <v>6</v>
      </c>
      <c r="R12111">
        <v>6</v>
      </c>
      <c r="S12111">
        <v>6</v>
      </c>
      <c r="T12111">
        <v>6</v>
      </c>
      <c r="U12111">
        <v>6</v>
      </c>
      <c r="V12111">
        <v>6</v>
      </c>
      <c r="W12111">
        <v>6</v>
      </c>
      <c r="X12111">
        <v>6</v>
      </c>
      <c r="Y12111">
        <v>6</v>
      </c>
      <c r="Z12111">
        <v>6</v>
      </c>
      <c r="AA12111">
        <v>6</v>
      </c>
      <c r="AB12111">
        <v>6</v>
      </c>
      <c r="AC12111">
        <v>6</v>
      </c>
      <c r="AD12111">
        <v>6</v>
      </c>
      <c r="AE12111">
        <v>6</v>
      </c>
      <c r="AF12111">
        <v>6</v>
      </c>
      <c r="AG12111">
        <v>6</v>
      </c>
      <c r="AH12111">
        <v>6</v>
      </c>
      <c r="AI12111">
        <v>6</v>
      </c>
      <c r="AJ12111">
        <v>6</v>
      </c>
      <c r="AK12111">
        <v>6</v>
      </c>
      <c r="AL12111">
        <v>6</v>
      </c>
      <c r="AM12111">
        <v>6</v>
      </c>
      <c r="AN12111">
        <v>6</v>
      </c>
      <c r="AO12111">
        <v>6</v>
      </c>
      <c r="AP12111">
        <v>6</v>
      </c>
      <c r="AQ12111">
        <v>6</v>
      </c>
    </row>
    <row r="12112" spans="1:43">
      <c r="A12112" t="s">
        <v>7532</v>
      </c>
      <c r="B12112" t="s">
        <v>7533</v>
      </c>
      <c r="C12112" t="s">
        <v>7514</v>
      </c>
      <c r="D12112" t="s">
        <v>7515</v>
      </c>
      <c r="E12112" t="s">
        <v>7278</v>
      </c>
      <c r="F12112" t="s">
        <v>7279</v>
      </c>
      <c r="G12112" t="s">
        <v>80</v>
      </c>
      <c r="H12112" t="s">
        <v>81</v>
      </c>
      <c r="I12112" s="2">
        <v>0</v>
      </c>
      <c r="J12112" s="2">
        <v>1</v>
      </c>
      <c r="K12112" s="2">
        <v>0</v>
      </c>
      <c r="L12112" t="s">
        <v>82</v>
      </c>
      <c r="M12112" t="s">
        <v>89</v>
      </c>
      <c r="N12112" t="s">
        <v>90</v>
      </c>
      <c r="O12112" t="s">
        <v>85</v>
      </c>
      <c r="P12112" t="s">
        <v>86</v>
      </c>
      <c r="Q12112">
        <v>6</v>
      </c>
      <c r="R12112">
        <v>6</v>
      </c>
      <c r="S12112">
        <v>6</v>
      </c>
      <c r="T12112">
        <v>6</v>
      </c>
      <c r="U12112">
        <v>6</v>
      </c>
      <c r="V12112">
        <v>6</v>
      </c>
      <c r="W12112">
        <v>6</v>
      </c>
      <c r="X12112">
        <v>6</v>
      </c>
      <c r="Y12112">
        <v>6</v>
      </c>
      <c r="Z12112">
        <v>6</v>
      </c>
      <c r="AA12112">
        <v>7</v>
      </c>
      <c r="AB12112">
        <v>7</v>
      </c>
      <c r="AC12112">
        <v>7</v>
      </c>
      <c r="AD12112">
        <v>7</v>
      </c>
      <c r="AE12112">
        <v>7</v>
      </c>
      <c r="AF12112">
        <v>7</v>
      </c>
      <c r="AG12112">
        <v>7</v>
      </c>
      <c r="AH12112">
        <v>7</v>
      </c>
      <c r="AI12112">
        <v>7</v>
      </c>
      <c r="AJ12112">
        <v>7</v>
      </c>
      <c r="AK12112">
        <v>7</v>
      </c>
      <c r="AL12112">
        <v>7</v>
      </c>
      <c r="AM12112">
        <v>7</v>
      </c>
      <c r="AN12112">
        <v>7</v>
      </c>
      <c r="AO12112">
        <v>7</v>
      </c>
      <c r="AP12112">
        <v>7</v>
      </c>
      <c r="AQ12112">
        <v>7</v>
      </c>
    </row>
    <row r="12113" spans="1:43">
      <c r="A12113" t="s">
        <v>7532</v>
      </c>
      <c r="B12113" t="s">
        <v>7533</v>
      </c>
      <c r="C12113" t="s">
        <v>7514</v>
      </c>
      <c r="D12113" t="s">
        <v>7515</v>
      </c>
      <c r="E12113" t="s">
        <v>7278</v>
      </c>
      <c r="F12113" t="s">
        <v>7279</v>
      </c>
      <c r="G12113" t="s">
        <v>80</v>
      </c>
      <c r="H12113" t="s">
        <v>81</v>
      </c>
      <c r="I12113" s="2">
        <v>0</v>
      </c>
      <c r="J12113" s="2">
        <v>1</v>
      </c>
      <c r="K12113" s="2">
        <v>0</v>
      </c>
      <c r="L12113" t="s">
        <v>82</v>
      </c>
      <c r="M12113" t="s">
        <v>83</v>
      </c>
      <c r="N12113" t="s">
        <v>91</v>
      </c>
      <c r="O12113" t="s">
        <v>85</v>
      </c>
      <c r="P12113" t="s">
        <v>86</v>
      </c>
      <c r="Q12113">
        <v>6</v>
      </c>
      <c r="R12113">
        <v>6</v>
      </c>
      <c r="S12113">
        <v>6</v>
      </c>
      <c r="T12113">
        <v>6</v>
      </c>
      <c r="U12113">
        <v>6</v>
      </c>
      <c r="V12113">
        <v>6</v>
      </c>
      <c r="W12113">
        <v>6</v>
      </c>
      <c r="X12113">
        <v>6</v>
      </c>
      <c r="Y12113">
        <v>6</v>
      </c>
      <c r="Z12113">
        <v>6</v>
      </c>
      <c r="AA12113">
        <v>6</v>
      </c>
      <c r="AB12113">
        <v>6</v>
      </c>
      <c r="AC12113">
        <v>6</v>
      </c>
      <c r="AD12113">
        <v>6</v>
      </c>
      <c r="AE12113">
        <v>6</v>
      </c>
      <c r="AF12113">
        <v>6</v>
      </c>
      <c r="AG12113">
        <v>6</v>
      </c>
      <c r="AH12113">
        <v>6</v>
      </c>
      <c r="AI12113">
        <v>6</v>
      </c>
      <c r="AJ12113">
        <v>7</v>
      </c>
      <c r="AK12113">
        <v>7</v>
      </c>
      <c r="AL12113">
        <v>7</v>
      </c>
      <c r="AM12113">
        <v>7</v>
      </c>
      <c r="AN12113">
        <v>7</v>
      </c>
      <c r="AO12113">
        <v>7</v>
      </c>
      <c r="AP12113">
        <v>7</v>
      </c>
      <c r="AQ12113">
        <v>6</v>
      </c>
    </row>
    <row r="12114" spans="1:43">
      <c r="A12114" t="s">
        <v>7534</v>
      </c>
      <c r="B12114" t="s">
        <v>7535</v>
      </c>
      <c r="C12114" t="s">
        <v>7520</v>
      </c>
      <c r="D12114" t="s">
        <v>7521</v>
      </c>
      <c r="E12114" t="s">
        <v>7278</v>
      </c>
      <c r="F12114" t="s">
        <v>7279</v>
      </c>
      <c r="G12114" t="s">
        <v>80</v>
      </c>
      <c r="H12114" t="s">
        <v>81</v>
      </c>
      <c r="I12114" s="2">
        <v>0</v>
      </c>
      <c r="J12114" s="2">
        <v>1</v>
      </c>
      <c r="K12114" s="2">
        <v>0</v>
      </c>
      <c r="L12114" t="s">
        <v>82</v>
      </c>
      <c r="M12114" t="s">
        <v>83</v>
      </c>
      <c r="N12114" t="s">
        <v>84</v>
      </c>
      <c r="O12114" t="s">
        <v>85</v>
      </c>
      <c r="P12114" t="s">
        <v>86</v>
      </c>
      <c r="Q12114">
        <v>8</v>
      </c>
      <c r="R12114">
        <v>8</v>
      </c>
      <c r="S12114">
        <v>8</v>
      </c>
      <c r="T12114">
        <v>8</v>
      </c>
      <c r="U12114">
        <v>8</v>
      </c>
      <c r="V12114">
        <v>8</v>
      </c>
      <c r="W12114">
        <v>9</v>
      </c>
      <c r="X12114">
        <v>9</v>
      </c>
      <c r="Y12114">
        <v>9</v>
      </c>
      <c r="Z12114">
        <v>9</v>
      </c>
      <c r="AA12114">
        <v>9</v>
      </c>
      <c r="AB12114">
        <v>9</v>
      </c>
      <c r="AC12114">
        <v>9</v>
      </c>
      <c r="AD12114">
        <v>9</v>
      </c>
      <c r="AE12114">
        <v>9</v>
      </c>
      <c r="AF12114">
        <v>9</v>
      </c>
      <c r="AG12114">
        <v>9</v>
      </c>
      <c r="AH12114">
        <v>9</v>
      </c>
      <c r="AI12114">
        <v>9</v>
      </c>
      <c r="AJ12114">
        <v>9</v>
      </c>
      <c r="AK12114">
        <v>9</v>
      </c>
      <c r="AL12114">
        <v>9</v>
      </c>
      <c r="AM12114">
        <v>9</v>
      </c>
      <c r="AN12114">
        <v>9</v>
      </c>
      <c r="AO12114">
        <v>9</v>
      </c>
      <c r="AP12114">
        <v>9</v>
      </c>
      <c r="AQ12114">
        <v>9</v>
      </c>
    </row>
    <row r="12115" spans="1:43">
      <c r="A12115" t="s">
        <v>7534</v>
      </c>
      <c r="B12115" t="s">
        <v>7535</v>
      </c>
      <c r="C12115" t="s">
        <v>7520</v>
      </c>
      <c r="D12115" t="s">
        <v>7521</v>
      </c>
      <c r="E12115" t="s">
        <v>7278</v>
      </c>
      <c r="F12115" t="s">
        <v>7279</v>
      </c>
      <c r="G12115" t="s">
        <v>80</v>
      </c>
      <c r="H12115" t="s">
        <v>81</v>
      </c>
      <c r="I12115" s="2">
        <v>0</v>
      </c>
      <c r="J12115" s="2">
        <v>1</v>
      </c>
      <c r="K12115" s="2">
        <v>0</v>
      </c>
      <c r="L12115" t="s">
        <v>82</v>
      </c>
      <c r="M12115" t="s">
        <v>87</v>
      </c>
      <c r="N12115" t="s">
        <v>88</v>
      </c>
      <c r="O12115" t="s">
        <v>85</v>
      </c>
      <c r="P12115" t="s">
        <v>86</v>
      </c>
      <c r="Q12115">
        <v>8</v>
      </c>
      <c r="R12115">
        <v>8</v>
      </c>
      <c r="S12115">
        <v>8</v>
      </c>
      <c r="T12115">
        <v>8</v>
      </c>
      <c r="U12115">
        <v>8</v>
      </c>
      <c r="V12115">
        <v>8</v>
      </c>
      <c r="W12115">
        <v>8</v>
      </c>
      <c r="X12115">
        <v>8</v>
      </c>
      <c r="Y12115">
        <v>8</v>
      </c>
      <c r="Z12115">
        <v>8</v>
      </c>
      <c r="AA12115">
        <v>8</v>
      </c>
      <c r="AB12115">
        <v>8</v>
      </c>
      <c r="AC12115">
        <v>8</v>
      </c>
      <c r="AD12115">
        <v>8</v>
      </c>
      <c r="AE12115">
        <v>8</v>
      </c>
      <c r="AF12115">
        <v>8</v>
      </c>
      <c r="AG12115">
        <v>8</v>
      </c>
      <c r="AH12115">
        <v>8</v>
      </c>
      <c r="AI12115">
        <v>8</v>
      </c>
      <c r="AJ12115">
        <v>8</v>
      </c>
      <c r="AK12115">
        <v>8</v>
      </c>
      <c r="AL12115">
        <v>8</v>
      </c>
      <c r="AM12115">
        <v>8</v>
      </c>
      <c r="AN12115">
        <v>8</v>
      </c>
      <c r="AO12115">
        <v>8</v>
      </c>
      <c r="AP12115">
        <v>8</v>
      </c>
      <c r="AQ12115">
        <v>8</v>
      </c>
    </row>
    <row r="12116" spans="1:43">
      <c r="A12116" t="s">
        <v>7534</v>
      </c>
      <c r="B12116" t="s">
        <v>7535</v>
      </c>
      <c r="C12116" t="s">
        <v>7520</v>
      </c>
      <c r="D12116" t="s">
        <v>7521</v>
      </c>
      <c r="E12116" t="s">
        <v>7278</v>
      </c>
      <c r="F12116" t="s">
        <v>7279</v>
      </c>
      <c r="G12116" t="s">
        <v>80</v>
      </c>
      <c r="H12116" t="s">
        <v>81</v>
      </c>
      <c r="I12116" s="2">
        <v>0</v>
      </c>
      <c r="J12116" s="2">
        <v>1</v>
      </c>
      <c r="K12116" s="2">
        <v>0</v>
      </c>
      <c r="L12116" t="s">
        <v>82</v>
      </c>
      <c r="M12116" t="s">
        <v>89</v>
      </c>
      <c r="N12116" t="s">
        <v>90</v>
      </c>
      <c r="O12116" t="s">
        <v>85</v>
      </c>
      <c r="P12116" t="s">
        <v>86</v>
      </c>
      <c r="Q12116">
        <v>8</v>
      </c>
      <c r="R12116">
        <v>8</v>
      </c>
      <c r="S12116">
        <v>8</v>
      </c>
      <c r="T12116">
        <v>9</v>
      </c>
      <c r="U12116">
        <v>9</v>
      </c>
      <c r="V12116">
        <v>9</v>
      </c>
      <c r="W12116">
        <v>9</v>
      </c>
      <c r="X12116">
        <v>9</v>
      </c>
      <c r="Y12116">
        <v>9</v>
      </c>
      <c r="Z12116">
        <v>9</v>
      </c>
      <c r="AA12116">
        <v>9</v>
      </c>
      <c r="AB12116">
        <v>10</v>
      </c>
      <c r="AC12116">
        <v>10</v>
      </c>
      <c r="AD12116">
        <v>10</v>
      </c>
      <c r="AE12116">
        <v>10</v>
      </c>
      <c r="AF12116">
        <v>10</v>
      </c>
      <c r="AG12116">
        <v>10</v>
      </c>
      <c r="AH12116">
        <v>10</v>
      </c>
      <c r="AI12116">
        <v>10</v>
      </c>
      <c r="AJ12116">
        <v>10</v>
      </c>
      <c r="AK12116">
        <v>10</v>
      </c>
      <c r="AL12116">
        <v>10</v>
      </c>
      <c r="AM12116">
        <v>10</v>
      </c>
      <c r="AN12116">
        <v>10</v>
      </c>
      <c r="AO12116">
        <v>10</v>
      </c>
      <c r="AP12116">
        <v>10</v>
      </c>
      <c r="AQ12116">
        <v>9</v>
      </c>
    </row>
    <row r="12117" spans="1:43">
      <c r="A12117" t="s">
        <v>7534</v>
      </c>
      <c r="B12117" t="s">
        <v>7535</v>
      </c>
      <c r="C12117" t="s">
        <v>7520</v>
      </c>
      <c r="D12117" t="s">
        <v>7521</v>
      </c>
      <c r="E12117" t="s">
        <v>7278</v>
      </c>
      <c r="F12117" t="s">
        <v>7279</v>
      </c>
      <c r="G12117" t="s">
        <v>80</v>
      </c>
      <c r="H12117" t="s">
        <v>81</v>
      </c>
      <c r="I12117" s="2">
        <v>0</v>
      </c>
      <c r="J12117" s="2">
        <v>1</v>
      </c>
      <c r="K12117" s="2">
        <v>0</v>
      </c>
      <c r="L12117" t="s">
        <v>82</v>
      </c>
      <c r="M12117" t="s">
        <v>83</v>
      </c>
      <c r="N12117" t="s">
        <v>91</v>
      </c>
      <c r="O12117" t="s">
        <v>85</v>
      </c>
      <c r="P12117" t="s">
        <v>86</v>
      </c>
      <c r="Q12117">
        <v>8</v>
      </c>
      <c r="R12117">
        <v>8</v>
      </c>
      <c r="S12117">
        <v>8</v>
      </c>
      <c r="T12117">
        <v>8</v>
      </c>
      <c r="U12117">
        <v>8</v>
      </c>
      <c r="V12117">
        <v>8</v>
      </c>
      <c r="W12117">
        <v>9</v>
      </c>
      <c r="X12117">
        <v>9</v>
      </c>
      <c r="Y12117">
        <v>9</v>
      </c>
      <c r="Z12117">
        <v>9</v>
      </c>
      <c r="AA12117">
        <v>9</v>
      </c>
      <c r="AB12117">
        <v>9</v>
      </c>
      <c r="AC12117">
        <v>9</v>
      </c>
      <c r="AD12117">
        <v>9</v>
      </c>
      <c r="AE12117">
        <v>9</v>
      </c>
      <c r="AF12117">
        <v>9</v>
      </c>
      <c r="AG12117">
        <v>9</v>
      </c>
      <c r="AH12117">
        <v>9</v>
      </c>
      <c r="AI12117">
        <v>9</v>
      </c>
      <c r="AJ12117">
        <v>9</v>
      </c>
      <c r="AK12117">
        <v>9</v>
      </c>
      <c r="AL12117">
        <v>9</v>
      </c>
      <c r="AM12117">
        <v>9</v>
      </c>
      <c r="AN12117">
        <v>9</v>
      </c>
      <c r="AO12117">
        <v>9</v>
      </c>
      <c r="AP12117">
        <v>9</v>
      </c>
      <c r="AQ12117">
        <v>9</v>
      </c>
    </row>
    <row r="12118" spans="1:43">
      <c r="A12118" t="s">
        <v>7536</v>
      </c>
      <c r="B12118" t="s">
        <v>7537</v>
      </c>
      <c r="C12118" t="s">
        <v>7524</v>
      </c>
      <c r="D12118" t="s">
        <v>7525</v>
      </c>
      <c r="E12118" t="s">
        <v>7278</v>
      </c>
      <c r="F12118" t="s">
        <v>7279</v>
      </c>
      <c r="G12118" t="s">
        <v>80</v>
      </c>
      <c r="H12118" t="s">
        <v>81</v>
      </c>
      <c r="I12118" s="2">
        <v>0</v>
      </c>
      <c r="J12118" s="2">
        <v>1</v>
      </c>
      <c r="K12118" s="2">
        <v>0</v>
      </c>
      <c r="L12118" t="s">
        <v>82</v>
      </c>
      <c r="M12118" t="s">
        <v>83</v>
      </c>
      <c r="N12118" t="s">
        <v>84</v>
      </c>
      <c r="O12118" t="s">
        <v>85</v>
      </c>
      <c r="P12118" t="s">
        <v>86</v>
      </c>
      <c r="Q12118">
        <v>0</v>
      </c>
      <c r="R12118">
        <v>0</v>
      </c>
      <c r="S12118">
        <v>0</v>
      </c>
      <c r="T12118">
        <v>0</v>
      </c>
      <c r="U12118">
        <v>0</v>
      </c>
      <c r="V12118">
        <v>0</v>
      </c>
      <c r="W12118">
        <v>0</v>
      </c>
      <c r="X12118">
        <v>0</v>
      </c>
      <c r="Y12118">
        <v>0</v>
      </c>
      <c r="Z12118">
        <v>0</v>
      </c>
      <c r="AA12118">
        <v>0</v>
      </c>
      <c r="AB12118">
        <v>0</v>
      </c>
      <c r="AC12118">
        <v>0</v>
      </c>
      <c r="AD12118">
        <v>0</v>
      </c>
      <c r="AE12118">
        <v>0</v>
      </c>
      <c r="AF12118">
        <v>0</v>
      </c>
      <c r="AG12118">
        <v>0</v>
      </c>
      <c r="AH12118">
        <v>0</v>
      </c>
      <c r="AI12118">
        <v>0</v>
      </c>
      <c r="AJ12118">
        <v>0</v>
      </c>
      <c r="AK12118">
        <v>0</v>
      </c>
      <c r="AL12118">
        <v>0</v>
      </c>
      <c r="AM12118">
        <v>0</v>
      </c>
      <c r="AN12118">
        <v>0</v>
      </c>
      <c r="AO12118">
        <v>0</v>
      </c>
      <c r="AP12118">
        <v>0</v>
      </c>
      <c r="AQ12118">
        <v>0</v>
      </c>
    </row>
    <row r="12119" spans="1:43">
      <c r="A12119" t="s">
        <v>7536</v>
      </c>
      <c r="B12119" t="s">
        <v>7537</v>
      </c>
      <c r="C12119" t="s">
        <v>7524</v>
      </c>
      <c r="D12119" t="s">
        <v>7525</v>
      </c>
      <c r="E12119" t="s">
        <v>7278</v>
      </c>
      <c r="F12119" t="s">
        <v>7279</v>
      </c>
      <c r="G12119" t="s">
        <v>80</v>
      </c>
      <c r="H12119" t="s">
        <v>81</v>
      </c>
      <c r="I12119" s="2">
        <v>0</v>
      </c>
      <c r="J12119" s="2">
        <v>1</v>
      </c>
      <c r="K12119" s="2">
        <v>0</v>
      </c>
      <c r="L12119" t="s">
        <v>82</v>
      </c>
      <c r="M12119" t="s">
        <v>87</v>
      </c>
      <c r="N12119" t="s">
        <v>88</v>
      </c>
      <c r="O12119" t="s">
        <v>85</v>
      </c>
      <c r="P12119" t="s">
        <v>86</v>
      </c>
      <c r="Q12119">
        <v>0</v>
      </c>
      <c r="R12119">
        <v>0</v>
      </c>
      <c r="S12119">
        <v>0</v>
      </c>
      <c r="T12119">
        <v>0</v>
      </c>
      <c r="U12119">
        <v>0</v>
      </c>
      <c r="V12119">
        <v>0</v>
      </c>
      <c r="W12119">
        <v>0</v>
      </c>
      <c r="X12119">
        <v>0</v>
      </c>
      <c r="Y12119">
        <v>0</v>
      </c>
      <c r="Z12119">
        <v>0</v>
      </c>
      <c r="AA12119">
        <v>0</v>
      </c>
      <c r="AB12119">
        <v>0</v>
      </c>
      <c r="AC12119">
        <v>0</v>
      </c>
      <c r="AD12119">
        <v>0</v>
      </c>
      <c r="AE12119">
        <v>0</v>
      </c>
      <c r="AF12119">
        <v>0</v>
      </c>
      <c r="AG12119">
        <v>0</v>
      </c>
      <c r="AH12119">
        <v>0</v>
      </c>
      <c r="AI12119">
        <v>0</v>
      </c>
      <c r="AJ12119">
        <v>0</v>
      </c>
      <c r="AK12119">
        <v>0</v>
      </c>
      <c r="AL12119">
        <v>0</v>
      </c>
      <c r="AM12119">
        <v>0</v>
      </c>
      <c r="AN12119">
        <v>0</v>
      </c>
      <c r="AO12119">
        <v>0</v>
      </c>
      <c r="AP12119">
        <v>0</v>
      </c>
      <c r="AQ12119">
        <v>0</v>
      </c>
    </row>
    <row r="12120" spans="1:43">
      <c r="A12120" t="s">
        <v>7536</v>
      </c>
      <c r="B12120" t="s">
        <v>7537</v>
      </c>
      <c r="C12120" t="s">
        <v>7524</v>
      </c>
      <c r="D12120" t="s">
        <v>7525</v>
      </c>
      <c r="E12120" t="s">
        <v>7278</v>
      </c>
      <c r="F12120" t="s">
        <v>7279</v>
      </c>
      <c r="G12120" t="s">
        <v>80</v>
      </c>
      <c r="H12120" t="s">
        <v>81</v>
      </c>
      <c r="I12120" s="2">
        <v>0</v>
      </c>
      <c r="J12120" s="2">
        <v>1</v>
      </c>
      <c r="K12120" s="2">
        <v>0</v>
      </c>
      <c r="L12120" t="s">
        <v>82</v>
      </c>
      <c r="M12120" t="s">
        <v>89</v>
      </c>
      <c r="N12120" t="s">
        <v>90</v>
      </c>
      <c r="O12120" t="s">
        <v>85</v>
      </c>
      <c r="P12120" t="s">
        <v>86</v>
      </c>
      <c r="Q12120">
        <v>0</v>
      </c>
      <c r="R12120">
        <v>0</v>
      </c>
      <c r="S12120">
        <v>0</v>
      </c>
      <c r="T12120">
        <v>0</v>
      </c>
      <c r="U12120">
        <v>0</v>
      </c>
      <c r="V12120">
        <v>0</v>
      </c>
      <c r="W12120">
        <v>0</v>
      </c>
      <c r="X12120">
        <v>0</v>
      </c>
      <c r="Y12120">
        <v>0</v>
      </c>
      <c r="Z12120">
        <v>0</v>
      </c>
      <c r="AA12120">
        <v>0</v>
      </c>
      <c r="AB12120">
        <v>0</v>
      </c>
      <c r="AC12120">
        <v>0</v>
      </c>
      <c r="AD12120">
        <v>0</v>
      </c>
      <c r="AE12120">
        <v>0</v>
      </c>
      <c r="AF12120">
        <v>0</v>
      </c>
      <c r="AG12120">
        <v>0</v>
      </c>
      <c r="AH12120">
        <v>0</v>
      </c>
      <c r="AI12120">
        <v>0</v>
      </c>
      <c r="AJ12120">
        <v>0</v>
      </c>
      <c r="AK12120">
        <v>0</v>
      </c>
      <c r="AL12120">
        <v>0</v>
      </c>
      <c r="AM12120">
        <v>0</v>
      </c>
      <c r="AN12120">
        <v>0</v>
      </c>
      <c r="AO12120">
        <v>0</v>
      </c>
      <c r="AP12120">
        <v>0</v>
      </c>
      <c r="AQ12120">
        <v>0</v>
      </c>
    </row>
    <row r="12121" spans="1:43">
      <c r="A12121" t="s">
        <v>7536</v>
      </c>
      <c r="B12121" t="s">
        <v>7537</v>
      </c>
      <c r="C12121" t="s">
        <v>7524</v>
      </c>
      <c r="D12121" t="s">
        <v>7525</v>
      </c>
      <c r="E12121" t="s">
        <v>7278</v>
      </c>
      <c r="F12121" t="s">
        <v>7279</v>
      </c>
      <c r="G12121" t="s">
        <v>80</v>
      </c>
      <c r="H12121" t="s">
        <v>81</v>
      </c>
      <c r="I12121" s="2">
        <v>0</v>
      </c>
      <c r="J12121" s="2">
        <v>1</v>
      </c>
      <c r="K12121" s="2">
        <v>0</v>
      </c>
      <c r="L12121" t="s">
        <v>82</v>
      </c>
      <c r="M12121" t="s">
        <v>83</v>
      </c>
      <c r="N12121" t="s">
        <v>91</v>
      </c>
      <c r="O12121" t="s">
        <v>85</v>
      </c>
      <c r="P12121" t="s">
        <v>86</v>
      </c>
      <c r="Q12121">
        <v>0</v>
      </c>
      <c r="R12121">
        <v>0</v>
      </c>
      <c r="S12121">
        <v>0</v>
      </c>
      <c r="T12121">
        <v>0</v>
      </c>
      <c r="U12121">
        <v>0</v>
      </c>
      <c r="V12121">
        <v>0</v>
      </c>
      <c r="W12121">
        <v>0</v>
      </c>
      <c r="X12121">
        <v>0</v>
      </c>
      <c r="Y12121">
        <v>0</v>
      </c>
      <c r="Z12121">
        <v>0</v>
      </c>
      <c r="AA12121">
        <v>0</v>
      </c>
      <c r="AB12121">
        <v>0</v>
      </c>
      <c r="AC12121">
        <v>0</v>
      </c>
      <c r="AD12121">
        <v>0</v>
      </c>
      <c r="AE12121">
        <v>0</v>
      </c>
      <c r="AF12121">
        <v>0</v>
      </c>
      <c r="AG12121">
        <v>0</v>
      </c>
      <c r="AH12121">
        <v>0</v>
      </c>
      <c r="AI12121">
        <v>0</v>
      </c>
      <c r="AJ12121">
        <v>0</v>
      </c>
      <c r="AK12121">
        <v>0</v>
      </c>
      <c r="AL12121">
        <v>0</v>
      </c>
      <c r="AM12121">
        <v>0</v>
      </c>
      <c r="AN12121">
        <v>0</v>
      </c>
      <c r="AO12121">
        <v>0</v>
      </c>
      <c r="AP12121">
        <v>0</v>
      </c>
      <c r="AQ12121">
        <v>0</v>
      </c>
    </row>
    <row r="12122" spans="1:43">
      <c r="A12122" t="s">
        <v>7538</v>
      </c>
      <c r="B12122" t="s">
        <v>7539</v>
      </c>
      <c r="C12122" t="s">
        <v>7520</v>
      </c>
      <c r="D12122" t="s">
        <v>7521</v>
      </c>
      <c r="E12122" t="s">
        <v>7278</v>
      </c>
      <c r="F12122" t="s">
        <v>7279</v>
      </c>
      <c r="G12122" t="s">
        <v>80</v>
      </c>
      <c r="H12122" t="s">
        <v>81</v>
      </c>
      <c r="I12122" s="2">
        <v>0</v>
      </c>
      <c r="J12122" s="2">
        <v>1</v>
      </c>
      <c r="K12122" s="2">
        <v>0</v>
      </c>
      <c r="L12122" t="s">
        <v>82</v>
      </c>
      <c r="M12122" t="s">
        <v>83</v>
      </c>
      <c r="N12122" t="s">
        <v>84</v>
      </c>
      <c r="O12122" t="s">
        <v>85</v>
      </c>
      <c r="P12122" t="s">
        <v>86</v>
      </c>
      <c r="Q12122">
        <v>27</v>
      </c>
      <c r="R12122">
        <v>28</v>
      </c>
      <c r="S12122">
        <v>28</v>
      </c>
      <c r="T12122">
        <v>28</v>
      </c>
      <c r="U12122">
        <v>29</v>
      </c>
      <c r="V12122">
        <v>29</v>
      </c>
      <c r="W12122">
        <v>29</v>
      </c>
      <c r="X12122">
        <v>30</v>
      </c>
      <c r="Y12122">
        <v>30</v>
      </c>
      <c r="Z12122">
        <v>30</v>
      </c>
      <c r="AA12122">
        <v>31</v>
      </c>
      <c r="AB12122">
        <v>31</v>
      </c>
      <c r="AC12122">
        <v>31</v>
      </c>
      <c r="AD12122">
        <v>31</v>
      </c>
      <c r="AE12122">
        <v>32</v>
      </c>
      <c r="AF12122">
        <v>32</v>
      </c>
      <c r="AG12122">
        <v>32</v>
      </c>
      <c r="AH12122">
        <v>32</v>
      </c>
      <c r="AI12122">
        <v>33</v>
      </c>
      <c r="AJ12122">
        <v>33</v>
      </c>
      <c r="AK12122">
        <v>33</v>
      </c>
      <c r="AL12122">
        <v>33</v>
      </c>
      <c r="AM12122">
        <v>33</v>
      </c>
      <c r="AN12122">
        <v>33</v>
      </c>
      <c r="AO12122">
        <v>33</v>
      </c>
      <c r="AP12122">
        <v>33</v>
      </c>
      <c r="AQ12122">
        <v>33</v>
      </c>
    </row>
    <row r="12123" spans="1:43">
      <c r="A12123" t="s">
        <v>7538</v>
      </c>
      <c r="B12123" t="s">
        <v>7539</v>
      </c>
      <c r="C12123" t="s">
        <v>7520</v>
      </c>
      <c r="D12123" t="s">
        <v>7521</v>
      </c>
      <c r="E12123" t="s">
        <v>7278</v>
      </c>
      <c r="F12123" t="s">
        <v>7279</v>
      </c>
      <c r="G12123" t="s">
        <v>80</v>
      </c>
      <c r="H12123" t="s">
        <v>81</v>
      </c>
      <c r="I12123" s="2">
        <v>0</v>
      </c>
      <c r="J12123" s="2">
        <v>1</v>
      </c>
      <c r="K12123" s="2">
        <v>0</v>
      </c>
      <c r="L12123" t="s">
        <v>82</v>
      </c>
      <c r="M12123" t="s">
        <v>87</v>
      </c>
      <c r="N12123" t="s">
        <v>88</v>
      </c>
      <c r="O12123" t="s">
        <v>85</v>
      </c>
      <c r="P12123" t="s">
        <v>86</v>
      </c>
      <c r="Q12123">
        <v>27</v>
      </c>
      <c r="R12123">
        <v>27</v>
      </c>
      <c r="S12123">
        <v>27</v>
      </c>
      <c r="T12123">
        <v>27</v>
      </c>
      <c r="U12123">
        <v>27</v>
      </c>
      <c r="V12123">
        <v>28</v>
      </c>
      <c r="W12123">
        <v>28</v>
      </c>
      <c r="X12123">
        <v>28</v>
      </c>
      <c r="Y12123">
        <v>28</v>
      </c>
      <c r="Z12123">
        <v>28</v>
      </c>
      <c r="AA12123">
        <v>28</v>
      </c>
      <c r="AB12123">
        <v>28</v>
      </c>
      <c r="AC12123">
        <v>28</v>
      </c>
      <c r="AD12123">
        <v>28</v>
      </c>
      <c r="AE12123">
        <v>28</v>
      </c>
      <c r="AF12123">
        <v>28</v>
      </c>
      <c r="AG12123">
        <v>28</v>
      </c>
      <c r="AH12123">
        <v>28</v>
      </c>
      <c r="AI12123">
        <v>28</v>
      </c>
      <c r="AJ12123">
        <v>28</v>
      </c>
      <c r="AK12123">
        <v>28</v>
      </c>
      <c r="AL12123">
        <v>28</v>
      </c>
      <c r="AM12123">
        <v>28</v>
      </c>
      <c r="AN12123">
        <v>28</v>
      </c>
      <c r="AO12123">
        <v>28</v>
      </c>
      <c r="AP12123">
        <v>28</v>
      </c>
      <c r="AQ12123">
        <v>29</v>
      </c>
    </row>
    <row r="12124" spans="1:43">
      <c r="A12124" t="s">
        <v>7538</v>
      </c>
      <c r="B12124" t="s">
        <v>7539</v>
      </c>
      <c r="C12124" t="s">
        <v>7520</v>
      </c>
      <c r="D12124" t="s">
        <v>7521</v>
      </c>
      <c r="E12124" t="s">
        <v>7278</v>
      </c>
      <c r="F12124" t="s">
        <v>7279</v>
      </c>
      <c r="G12124" t="s">
        <v>80</v>
      </c>
      <c r="H12124" t="s">
        <v>81</v>
      </c>
      <c r="I12124" s="2">
        <v>0</v>
      </c>
      <c r="J12124" s="2">
        <v>1</v>
      </c>
      <c r="K12124" s="2">
        <v>0</v>
      </c>
      <c r="L12124" t="s">
        <v>82</v>
      </c>
      <c r="M12124" t="s">
        <v>89</v>
      </c>
      <c r="N12124" t="s">
        <v>90</v>
      </c>
      <c r="O12124" t="s">
        <v>85</v>
      </c>
      <c r="P12124" t="s">
        <v>86</v>
      </c>
      <c r="Q12124">
        <v>27</v>
      </c>
      <c r="R12124">
        <v>27</v>
      </c>
      <c r="S12124">
        <v>28</v>
      </c>
      <c r="T12124">
        <v>28</v>
      </c>
      <c r="U12124">
        <v>29</v>
      </c>
      <c r="V12124">
        <v>29</v>
      </c>
      <c r="W12124">
        <v>30</v>
      </c>
      <c r="X12124">
        <v>30</v>
      </c>
      <c r="Y12124">
        <v>31</v>
      </c>
      <c r="Z12124">
        <v>31</v>
      </c>
      <c r="AA12124">
        <v>32</v>
      </c>
      <c r="AB12124">
        <v>32</v>
      </c>
      <c r="AC12124">
        <v>32</v>
      </c>
      <c r="AD12124">
        <v>33</v>
      </c>
      <c r="AE12124">
        <v>33</v>
      </c>
      <c r="AF12124">
        <v>33</v>
      </c>
      <c r="AG12124">
        <v>33</v>
      </c>
      <c r="AH12124">
        <v>33</v>
      </c>
      <c r="AI12124">
        <v>33</v>
      </c>
      <c r="AJ12124">
        <v>33</v>
      </c>
      <c r="AK12124">
        <v>33</v>
      </c>
      <c r="AL12124">
        <v>33</v>
      </c>
      <c r="AM12124">
        <v>33</v>
      </c>
      <c r="AN12124">
        <v>33</v>
      </c>
      <c r="AO12124">
        <v>33</v>
      </c>
      <c r="AP12124">
        <v>33</v>
      </c>
      <c r="AQ12124">
        <v>33</v>
      </c>
    </row>
    <row r="12125" spans="1:43">
      <c r="A12125" t="s">
        <v>7538</v>
      </c>
      <c r="B12125" t="s">
        <v>7539</v>
      </c>
      <c r="C12125" t="s">
        <v>7520</v>
      </c>
      <c r="D12125" t="s">
        <v>7521</v>
      </c>
      <c r="E12125" t="s">
        <v>7278</v>
      </c>
      <c r="F12125" t="s">
        <v>7279</v>
      </c>
      <c r="G12125" t="s">
        <v>80</v>
      </c>
      <c r="H12125" t="s">
        <v>81</v>
      </c>
      <c r="I12125" s="2">
        <v>0</v>
      </c>
      <c r="J12125" s="2">
        <v>1</v>
      </c>
      <c r="K12125" s="2">
        <v>0</v>
      </c>
      <c r="L12125" t="s">
        <v>82</v>
      </c>
      <c r="M12125" t="s">
        <v>83</v>
      </c>
      <c r="N12125" t="s">
        <v>91</v>
      </c>
      <c r="O12125" t="s">
        <v>85</v>
      </c>
      <c r="P12125" t="s">
        <v>86</v>
      </c>
      <c r="Q12125">
        <v>27</v>
      </c>
      <c r="R12125">
        <v>28</v>
      </c>
      <c r="S12125">
        <v>28</v>
      </c>
      <c r="T12125">
        <v>28</v>
      </c>
      <c r="U12125">
        <v>29</v>
      </c>
      <c r="V12125">
        <v>29</v>
      </c>
      <c r="W12125">
        <v>29</v>
      </c>
      <c r="X12125">
        <v>30</v>
      </c>
      <c r="Y12125">
        <v>30</v>
      </c>
      <c r="Z12125">
        <v>30</v>
      </c>
      <c r="AA12125">
        <v>31</v>
      </c>
      <c r="AB12125">
        <v>31</v>
      </c>
      <c r="AC12125">
        <v>31</v>
      </c>
      <c r="AD12125">
        <v>31</v>
      </c>
      <c r="AE12125">
        <v>32</v>
      </c>
      <c r="AF12125">
        <v>32</v>
      </c>
      <c r="AG12125">
        <v>32</v>
      </c>
      <c r="AH12125">
        <v>32</v>
      </c>
      <c r="AI12125">
        <v>33</v>
      </c>
      <c r="AJ12125">
        <v>33</v>
      </c>
      <c r="AK12125">
        <v>33</v>
      </c>
      <c r="AL12125">
        <v>33</v>
      </c>
      <c r="AM12125">
        <v>33</v>
      </c>
      <c r="AN12125">
        <v>33</v>
      </c>
      <c r="AO12125">
        <v>33</v>
      </c>
      <c r="AP12125">
        <v>33</v>
      </c>
      <c r="AQ12125">
        <v>33</v>
      </c>
    </row>
    <row r="12126" spans="1:43">
      <c r="A12126" t="s">
        <v>7540</v>
      </c>
      <c r="B12126" t="s">
        <v>7541</v>
      </c>
      <c r="C12126" t="s">
        <v>7524</v>
      </c>
      <c r="D12126" t="s">
        <v>7525</v>
      </c>
      <c r="E12126" t="s">
        <v>7278</v>
      </c>
      <c r="F12126" t="s">
        <v>7279</v>
      </c>
      <c r="G12126" t="s">
        <v>80</v>
      </c>
      <c r="H12126" t="s">
        <v>81</v>
      </c>
      <c r="I12126" s="2">
        <v>0</v>
      </c>
      <c r="J12126" s="2">
        <v>1</v>
      </c>
      <c r="K12126" s="2">
        <v>0</v>
      </c>
      <c r="L12126" t="s">
        <v>82</v>
      </c>
      <c r="M12126" t="s">
        <v>83</v>
      </c>
      <c r="N12126" t="s">
        <v>84</v>
      </c>
      <c r="O12126" t="s">
        <v>85</v>
      </c>
      <c r="P12126" t="s">
        <v>86</v>
      </c>
      <c r="Q12126">
        <v>39</v>
      </c>
      <c r="R12126">
        <v>40</v>
      </c>
      <c r="S12126">
        <v>40</v>
      </c>
      <c r="T12126">
        <v>40</v>
      </c>
      <c r="U12126">
        <v>41</v>
      </c>
      <c r="V12126">
        <v>41</v>
      </c>
      <c r="W12126">
        <v>42</v>
      </c>
      <c r="X12126">
        <v>42</v>
      </c>
      <c r="Y12126">
        <v>42</v>
      </c>
      <c r="Z12126">
        <v>43</v>
      </c>
      <c r="AA12126">
        <v>43</v>
      </c>
      <c r="AB12126">
        <v>44</v>
      </c>
      <c r="AC12126">
        <v>44</v>
      </c>
      <c r="AD12126">
        <v>44</v>
      </c>
      <c r="AE12126">
        <v>45</v>
      </c>
      <c r="AF12126">
        <v>45</v>
      </c>
      <c r="AG12126">
        <v>45</v>
      </c>
      <c r="AH12126">
        <v>45</v>
      </c>
      <c r="AI12126">
        <v>46</v>
      </c>
      <c r="AJ12126">
        <v>46</v>
      </c>
      <c r="AK12126">
        <v>46</v>
      </c>
      <c r="AL12126">
        <v>46</v>
      </c>
      <c r="AM12126">
        <v>46</v>
      </c>
      <c r="AN12126">
        <v>46</v>
      </c>
      <c r="AO12126">
        <v>46</v>
      </c>
      <c r="AP12126">
        <v>46</v>
      </c>
      <c r="AQ12126">
        <v>46</v>
      </c>
    </row>
    <row r="12127" spans="1:43">
      <c r="A12127" t="s">
        <v>7540</v>
      </c>
      <c r="B12127" t="s">
        <v>7541</v>
      </c>
      <c r="C12127" t="s">
        <v>7524</v>
      </c>
      <c r="D12127" t="s">
        <v>7525</v>
      </c>
      <c r="E12127" t="s">
        <v>7278</v>
      </c>
      <c r="F12127" t="s">
        <v>7279</v>
      </c>
      <c r="G12127" t="s">
        <v>80</v>
      </c>
      <c r="H12127" t="s">
        <v>81</v>
      </c>
      <c r="I12127" s="2">
        <v>0</v>
      </c>
      <c r="J12127" s="2">
        <v>1</v>
      </c>
      <c r="K12127" s="2">
        <v>0</v>
      </c>
      <c r="L12127" t="s">
        <v>82</v>
      </c>
      <c r="M12127" t="s">
        <v>87</v>
      </c>
      <c r="N12127" t="s">
        <v>88</v>
      </c>
      <c r="O12127" t="s">
        <v>85</v>
      </c>
      <c r="P12127" t="s">
        <v>86</v>
      </c>
      <c r="Q12127">
        <v>39</v>
      </c>
      <c r="R12127">
        <v>39</v>
      </c>
      <c r="S12127">
        <v>39</v>
      </c>
      <c r="T12127">
        <v>39</v>
      </c>
      <c r="U12127">
        <v>39</v>
      </c>
      <c r="V12127">
        <v>39</v>
      </c>
      <c r="W12127">
        <v>39</v>
      </c>
      <c r="X12127">
        <v>39</v>
      </c>
      <c r="Y12127">
        <v>39</v>
      </c>
      <c r="Z12127">
        <v>39</v>
      </c>
      <c r="AA12127">
        <v>39</v>
      </c>
      <c r="AB12127">
        <v>39</v>
      </c>
      <c r="AC12127">
        <v>39</v>
      </c>
      <c r="AD12127">
        <v>39</v>
      </c>
      <c r="AE12127">
        <v>39</v>
      </c>
      <c r="AF12127">
        <v>39</v>
      </c>
      <c r="AG12127">
        <v>40</v>
      </c>
      <c r="AH12127">
        <v>40</v>
      </c>
      <c r="AI12127">
        <v>40</v>
      </c>
      <c r="AJ12127">
        <v>40</v>
      </c>
      <c r="AK12127">
        <v>40</v>
      </c>
      <c r="AL12127">
        <v>40</v>
      </c>
      <c r="AM12127">
        <v>40</v>
      </c>
      <c r="AN12127">
        <v>40</v>
      </c>
      <c r="AO12127">
        <v>40</v>
      </c>
      <c r="AP12127">
        <v>40</v>
      </c>
      <c r="AQ12127">
        <v>40</v>
      </c>
    </row>
    <row r="12128" spans="1:43">
      <c r="A12128" t="s">
        <v>7540</v>
      </c>
      <c r="B12128" t="s">
        <v>7541</v>
      </c>
      <c r="C12128" t="s">
        <v>7524</v>
      </c>
      <c r="D12128" t="s">
        <v>7525</v>
      </c>
      <c r="E12128" t="s">
        <v>7278</v>
      </c>
      <c r="F12128" t="s">
        <v>7279</v>
      </c>
      <c r="G12128" t="s">
        <v>80</v>
      </c>
      <c r="H12128" t="s">
        <v>81</v>
      </c>
      <c r="I12128" s="2">
        <v>0</v>
      </c>
      <c r="J12128" s="2">
        <v>1</v>
      </c>
      <c r="K12128" s="2">
        <v>0</v>
      </c>
      <c r="L12128" t="s">
        <v>82</v>
      </c>
      <c r="M12128" t="s">
        <v>89</v>
      </c>
      <c r="N12128" t="s">
        <v>90</v>
      </c>
      <c r="O12128" t="s">
        <v>85</v>
      </c>
      <c r="P12128" t="s">
        <v>86</v>
      </c>
      <c r="Q12128">
        <v>39</v>
      </c>
      <c r="R12128">
        <v>40</v>
      </c>
      <c r="S12128">
        <v>41</v>
      </c>
      <c r="T12128">
        <v>42</v>
      </c>
      <c r="U12128">
        <v>42</v>
      </c>
      <c r="V12128">
        <v>43</v>
      </c>
      <c r="W12128">
        <v>44</v>
      </c>
      <c r="X12128">
        <v>44</v>
      </c>
      <c r="Y12128">
        <v>45</v>
      </c>
      <c r="Z12128">
        <v>46</v>
      </c>
      <c r="AA12128">
        <v>46</v>
      </c>
      <c r="AB12128">
        <v>47</v>
      </c>
      <c r="AC12128">
        <v>47</v>
      </c>
      <c r="AD12128">
        <v>48</v>
      </c>
      <c r="AE12128">
        <v>48</v>
      </c>
      <c r="AF12128">
        <v>48</v>
      </c>
      <c r="AG12128">
        <v>48</v>
      </c>
      <c r="AH12128">
        <v>48</v>
      </c>
      <c r="AI12128">
        <v>47</v>
      </c>
      <c r="AJ12128">
        <v>47</v>
      </c>
      <c r="AK12128">
        <v>47</v>
      </c>
      <c r="AL12128">
        <v>47</v>
      </c>
      <c r="AM12128">
        <v>47</v>
      </c>
      <c r="AN12128">
        <v>47</v>
      </c>
      <c r="AO12128">
        <v>47</v>
      </c>
      <c r="AP12128">
        <v>47</v>
      </c>
      <c r="AQ12128">
        <v>47</v>
      </c>
    </row>
    <row r="12129" spans="1:43">
      <c r="A12129" t="s">
        <v>7540</v>
      </c>
      <c r="B12129" t="s">
        <v>7541</v>
      </c>
      <c r="C12129" t="s">
        <v>7524</v>
      </c>
      <c r="D12129" t="s">
        <v>7525</v>
      </c>
      <c r="E12129" t="s">
        <v>7278</v>
      </c>
      <c r="F12129" t="s">
        <v>7279</v>
      </c>
      <c r="G12129" t="s">
        <v>80</v>
      </c>
      <c r="H12129" t="s">
        <v>81</v>
      </c>
      <c r="I12129" s="2">
        <v>0</v>
      </c>
      <c r="J12129" s="2">
        <v>1</v>
      </c>
      <c r="K12129" s="2">
        <v>0</v>
      </c>
      <c r="L12129" t="s">
        <v>82</v>
      </c>
      <c r="M12129" t="s">
        <v>83</v>
      </c>
      <c r="N12129" t="s">
        <v>91</v>
      </c>
      <c r="O12129" t="s">
        <v>85</v>
      </c>
      <c r="P12129" t="s">
        <v>86</v>
      </c>
      <c r="Q12129">
        <v>39</v>
      </c>
      <c r="R12129">
        <v>40</v>
      </c>
      <c r="S12129">
        <v>40</v>
      </c>
      <c r="T12129">
        <v>40</v>
      </c>
      <c r="U12129">
        <v>41</v>
      </c>
      <c r="V12129">
        <v>41</v>
      </c>
      <c r="W12129">
        <v>42</v>
      </c>
      <c r="X12129">
        <v>42</v>
      </c>
      <c r="Y12129">
        <v>42</v>
      </c>
      <c r="Z12129">
        <v>43</v>
      </c>
      <c r="AA12129">
        <v>43</v>
      </c>
      <c r="AB12129">
        <v>44</v>
      </c>
      <c r="AC12129">
        <v>44</v>
      </c>
      <c r="AD12129">
        <v>44</v>
      </c>
      <c r="AE12129">
        <v>45</v>
      </c>
      <c r="AF12129">
        <v>45</v>
      </c>
      <c r="AG12129">
        <v>45</v>
      </c>
      <c r="AH12129">
        <v>45</v>
      </c>
      <c r="AI12129">
        <v>46</v>
      </c>
      <c r="AJ12129">
        <v>46</v>
      </c>
      <c r="AK12129">
        <v>46</v>
      </c>
      <c r="AL12129">
        <v>46</v>
      </c>
      <c r="AM12129">
        <v>46</v>
      </c>
      <c r="AN12129">
        <v>46</v>
      </c>
      <c r="AO12129">
        <v>46</v>
      </c>
      <c r="AP12129">
        <v>46</v>
      </c>
      <c r="AQ12129">
        <v>46</v>
      </c>
    </row>
    <row r="12130" spans="1:43">
      <c r="A12130" t="s">
        <v>7542</v>
      </c>
      <c r="B12130" t="s">
        <v>7543</v>
      </c>
      <c r="C12130" t="s">
        <v>7406</v>
      </c>
      <c r="D12130" t="s">
        <v>7407</v>
      </c>
      <c r="E12130" t="s">
        <v>7278</v>
      </c>
      <c r="F12130" t="s">
        <v>7279</v>
      </c>
      <c r="G12130" t="s">
        <v>80</v>
      </c>
      <c r="H12130" t="s">
        <v>81</v>
      </c>
      <c r="I12130" s="2">
        <v>0</v>
      </c>
      <c r="J12130" s="2">
        <v>1</v>
      </c>
      <c r="K12130" s="2">
        <v>0</v>
      </c>
      <c r="L12130" t="s">
        <v>82</v>
      </c>
      <c r="M12130" t="s">
        <v>83</v>
      </c>
      <c r="N12130" t="s">
        <v>84</v>
      </c>
      <c r="O12130" t="s">
        <v>85</v>
      </c>
      <c r="P12130" t="s">
        <v>86</v>
      </c>
      <c r="Q12130">
        <v>14</v>
      </c>
      <c r="R12130">
        <v>15</v>
      </c>
      <c r="S12130">
        <v>15</v>
      </c>
      <c r="T12130">
        <v>15</v>
      </c>
      <c r="U12130">
        <v>15</v>
      </c>
      <c r="V12130">
        <v>15</v>
      </c>
      <c r="W12130">
        <v>15</v>
      </c>
      <c r="X12130">
        <v>16</v>
      </c>
      <c r="Y12130">
        <v>16</v>
      </c>
      <c r="Z12130">
        <v>16</v>
      </c>
      <c r="AA12130">
        <v>16</v>
      </c>
      <c r="AB12130">
        <v>16</v>
      </c>
      <c r="AC12130">
        <v>16</v>
      </c>
      <c r="AD12130">
        <v>16</v>
      </c>
      <c r="AE12130">
        <v>17</v>
      </c>
      <c r="AF12130">
        <v>17</v>
      </c>
      <c r="AG12130">
        <v>17</v>
      </c>
      <c r="AH12130">
        <v>17</v>
      </c>
      <c r="AI12130">
        <v>17</v>
      </c>
      <c r="AJ12130">
        <v>17</v>
      </c>
      <c r="AK12130">
        <v>17</v>
      </c>
      <c r="AL12130">
        <v>17</v>
      </c>
      <c r="AM12130">
        <v>17</v>
      </c>
      <c r="AN12130">
        <v>17</v>
      </c>
      <c r="AO12130">
        <v>17</v>
      </c>
      <c r="AP12130">
        <v>17</v>
      </c>
      <c r="AQ12130">
        <v>17</v>
      </c>
    </row>
    <row r="12131" spans="1:43">
      <c r="A12131" t="s">
        <v>7542</v>
      </c>
      <c r="B12131" t="s">
        <v>7543</v>
      </c>
      <c r="C12131" t="s">
        <v>7406</v>
      </c>
      <c r="D12131" t="s">
        <v>7407</v>
      </c>
      <c r="E12131" t="s">
        <v>7278</v>
      </c>
      <c r="F12131" t="s">
        <v>7279</v>
      </c>
      <c r="G12131" t="s">
        <v>80</v>
      </c>
      <c r="H12131" t="s">
        <v>81</v>
      </c>
      <c r="I12131" s="2">
        <v>0</v>
      </c>
      <c r="J12131" s="2">
        <v>1</v>
      </c>
      <c r="K12131" s="2">
        <v>0</v>
      </c>
      <c r="L12131" t="s">
        <v>82</v>
      </c>
      <c r="M12131" t="s">
        <v>87</v>
      </c>
      <c r="N12131" t="s">
        <v>88</v>
      </c>
      <c r="O12131" t="s">
        <v>85</v>
      </c>
      <c r="P12131" t="s">
        <v>86</v>
      </c>
      <c r="Q12131">
        <v>14</v>
      </c>
      <c r="R12131">
        <v>14</v>
      </c>
      <c r="S12131">
        <v>14</v>
      </c>
      <c r="T12131">
        <v>14</v>
      </c>
      <c r="U12131">
        <v>14</v>
      </c>
      <c r="V12131">
        <v>14</v>
      </c>
      <c r="W12131">
        <v>15</v>
      </c>
      <c r="X12131">
        <v>15</v>
      </c>
      <c r="Y12131">
        <v>15</v>
      </c>
      <c r="Z12131">
        <v>15</v>
      </c>
      <c r="AA12131">
        <v>15</v>
      </c>
      <c r="AB12131">
        <v>15</v>
      </c>
      <c r="AC12131">
        <v>15</v>
      </c>
      <c r="AD12131">
        <v>15</v>
      </c>
      <c r="AE12131">
        <v>15</v>
      </c>
      <c r="AF12131">
        <v>15</v>
      </c>
      <c r="AG12131">
        <v>15</v>
      </c>
      <c r="AH12131">
        <v>15</v>
      </c>
      <c r="AI12131">
        <v>15</v>
      </c>
      <c r="AJ12131">
        <v>15</v>
      </c>
      <c r="AK12131">
        <v>15</v>
      </c>
      <c r="AL12131">
        <v>15</v>
      </c>
      <c r="AM12131">
        <v>15</v>
      </c>
      <c r="AN12131">
        <v>15</v>
      </c>
      <c r="AO12131">
        <v>15</v>
      </c>
      <c r="AP12131">
        <v>15</v>
      </c>
      <c r="AQ12131">
        <v>15</v>
      </c>
    </row>
    <row r="12132" spans="1:43">
      <c r="A12132" t="s">
        <v>7542</v>
      </c>
      <c r="B12132" t="s">
        <v>7543</v>
      </c>
      <c r="C12132" t="s">
        <v>7406</v>
      </c>
      <c r="D12132" t="s">
        <v>7407</v>
      </c>
      <c r="E12132" t="s">
        <v>7278</v>
      </c>
      <c r="F12132" t="s">
        <v>7279</v>
      </c>
      <c r="G12132" t="s">
        <v>80</v>
      </c>
      <c r="H12132" t="s">
        <v>81</v>
      </c>
      <c r="I12132" s="2">
        <v>0</v>
      </c>
      <c r="J12132" s="2">
        <v>1</v>
      </c>
      <c r="K12132" s="2">
        <v>0</v>
      </c>
      <c r="L12132" t="s">
        <v>82</v>
      </c>
      <c r="M12132" t="s">
        <v>89</v>
      </c>
      <c r="N12132" t="s">
        <v>90</v>
      </c>
      <c r="O12132" t="s">
        <v>85</v>
      </c>
      <c r="P12132" t="s">
        <v>86</v>
      </c>
      <c r="Q12132">
        <v>14</v>
      </c>
      <c r="R12132">
        <v>14</v>
      </c>
      <c r="S12132">
        <v>14</v>
      </c>
      <c r="T12132">
        <v>14</v>
      </c>
      <c r="U12132">
        <v>15</v>
      </c>
      <c r="V12132">
        <v>15</v>
      </c>
      <c r="W12132">
        <v>15</v>
      </c>
      <c r="X12132">
        <v>15</v>
      </c>
      <c r="Y12132">
        <v>16</v>
      </c>
      <c r="Z12132">
        <v>16</v>
      </c>
      <c r="AA12132">
        <v>16</v>
      </c>
      <c r="AB12132">
        <v>16</v>
      </c>
      <c r="AC12132">
        <v>16</v>
      </c>
      <c r="AD12132">
        <v>17</v>
      </c>
      <c r="AE12132">
        <v>17</v>
      </c>
      <c r="AF12132">
        <v>17</v>
      </c>
      <c r="AG12132">
        <v>17</v>
      </c>
      <c r="AH12132">
        <v>17</v>
      </c>
      <c r="AI12132">
        <v>17</v>
      </c>
      <c r="AJ12132">
        <v>17</v>
      </c>
      <c r="AK12132">
        <v>17</v>
      </c>
      <c r="AL12132">
        <v>16</v>
      </c>
      <c r="AM12132">
        <v>16</v>
      </c>
      <c r="AN12132">
        <v>16</v>
      </c>
      <c r="AO12132">
        <v>16</v>
      </c>
      <c r="AP12132">
        <v>16</v>
      </c>
      <c r="AQ12132">
        <v>16</v>
      </c>
    </row>
    <row r="12133" spans="1:43">
      <c r="A12133" t="s">
        <v>7542</v>
      </c>
      <c r="B12133" t="s">
        <v>7543</v>
      </c>
      <c r="C12133" t="s">
        <v>7406</v>
      </c>
      <c r="D12133" t="s">
        <v>7407</v>
      </c>
      <c r="E12133" t="s">
        <v>7278</v>
      </c>
      <c r="F12133" t="s">
        <v>7279</v>
      </c>
      <c r="G12133" t="s">
        <v>80</v>
      </c>
      <c r="H12133" t="s">
        <v>81</v>
      </c>
      <c r="I12133" s="2">
        <v>0</v>
      </c>
      <c r="J12133" s="2">
        <v>1</v>
      </c>
      <c r="K12133" s="2">
        <v>0</v>
      </c>
      <c r="L12133" t="s">
        <v>82</v>
      </c>
      <c r="M12133" t="s">
        <v>83</v>
      </c>
      <c r="N12133" t="s">
        <v>91</v>
      </c>
      <c r="O12133" t="s">
        <v>85</v>
      </c>
      <c r="P12133" t="s">
        <v>86</v>
      </c>
      <c r="Q12133">
        <v>14</v>
      </c>
      <c r="R12133">
        <v>15</v>
      </c>
      <c r="S12133">
        <v>15</v>
      </c>
      <c r="T12133">
        <v>15</v>
      </c>
      <c r="U12133">
        <v>15</v>
      </c>
      <c r="V12133">
        <v>15</v>
      </c>
      <c r="W12133">
        <v>15</v>
      </c>
      <c r="X12133">
        <v>16</v>
      </c>
      <c r="Y12133">
        <v>16</v>
      </c>
      <c r="Z12133">
        <v>16</v>
      </c>
      <c r="AA12133">
        <v>16</v>
      </c>
      <c r="AB12133">
        <v>16</v>
      </c>
      <c r="AC12133">
        <v>16</v>
      </c>
      <c r="AD12133">
        <v>16</v>
      </c>
      <c r="AE12133">
        <v>17</v>
      </c>
      <c r="AF12133">
        <v>17</v>
      </c>
      <c r="AG12133">
        <v>17</v>
      </c>
      <c r="AH12133">
        <v>17</v>
      </c>
      <c r="AI12133">
        <v>17</v>
      </c>
      <c r="AJ12133">
        <v>17</v>
      </c>
      <c r="AK12133">
        <v>17</v>
      </c>
      <c r="AL12133">
        <v>17</v>
      </c>
      <c r="AM12133">
        <v>17</v>
      </c>
      <c r="AN12133">
        <v>17</v>
      </c>
      <c r="AO12133">
        <v>17</v>
      </c>
      <c r="AP12133">
        <v>17</v>
      </c>
      <c r="AQ12133">
        <v>17</v>
      </c>
    </row>
    <row r="12134" spans="1:43">
      <c r="A12134" t="s">
        <v>7544</v>
      </c>
      <c r="B12134" t="s">
        <v>7545</v>
      </c>
      <c r="C12134" t="s">
        <v>7406</v>
      </c>
      <c r="D12134" t="s">
        <v>7407</v>
      </c>
      <c r="E12134" t="s">
        <v>7278</v>
      </c>
      <c r="F12134" t="s">
        <v>7279</v>
      </c>
      <c r="G12134" t="s">
        <v>80</v>
      </c>
      <c r="H12134" t="s">
        <v>81</v>
      </c>
      <c r="I12134" s="2">
        <v>0</v>
      </c>
      <c r="J12134" s="2">
        <v>1</v>
      </c>
      <c r="K12134" s="2">
        <v>0</v>
      </c>
      <c r="L12134" t="s">
        <v>82</v>
      </c>
      <c r="M12134" t="s">
        <v>83</v>
      </c>
      <c r="N12134" t="s">
        <v>84</v>
      </c>
      <c r="O12134" t="s">
        <v>85</v>
      </c>
      <c r="P12134" t="s">
        <v>86</v>
      </c>
      <c r="Q12134">
        <v>0</v>
      </c>
      <c r="R12134">
        <v>0</v>
      </c>
      <c r="S12134">
        <v>0</v>
      </c>
      <c r="T12134">
        <v>0</v>
      </c>
      <c r="U12134">
        <v>0</v>
      </c>
      <c r="V12134">
        <v>0</v>
      </c>
      <c r="W12134">
        <v>0</v>
      </c>
      <c r="X12134">
        <v>0</v>
      </c>
      <c r="Y12134">
        <v>0</v>
      </c>
      <c r="Z12134">
        <v>0</v>
      </c>
      <c r="AA12134">
        <v>0</v>
      </c>
      <c r="AB12134">
        <v>0</v>
      </c>
      <c r="AC12134">
        <v>0</v>
      </c>
      <c r="AD12134">
        <v>0</v>
      </c>
      <c r="AE12134">
        <v>0</v>
      </c>
      <c r="AF12134">
        <v>0</v>
      </c>
      <c r="AG12134">
        <v>0</v>
      </c>
      <c r="AH12134">
        <v>0</v>
      </c>
      <c r="AI12134">
        <v>0</v>
      </c>
      <c r="AJ12134">
        <v>0</v>
      </c>
      <c r="AK12134">
        <v>0</v>
      </c>
      <c r="AL12134">
        <v>0</v>
      </c>
      <c r="AM12134">
        <v>0</v>
      </c>
      <c r="AN12134">
        <v>0</v>
      </c>
      <c r="AO12134">
        <v>0</v>
      </c>
      <c r="AP12134">
        <v>0</v>
      </c>
      <c r="AQ12134">
        <v>0</v>
      </c>
    </row>
    <row r="12135" spans="1:43">
      <c r="A12135" t="s">
        <v>7544</v>
      </c>
      <c r="B12135" t="s">
        <v>7545</v>
      </c>
      <c r="C12135" t="s">
        <v>7406</v>
      </c>
      <c r="D12135" t="s">
        <v>7407</v>
      </c>
      <c r="E12135" t="s">
        <v>7278</v>
      </c>
      <c r="F12135" t="s">
        <v>7279</v>
      </c>
      <c r="G12135" t="s">
        <v>80</v>
      </c>
      <c r="H12135" t="s">
        <v>81</v>
      </c>
      <c r="I12135" s="2">
        <v>0</v>
      </c>
      <c r="J12135" s="2">
        <v>1</v>
      </c>
      <c r="K12135" s="2">
        <v>0</v>
      </c>
      <c r="L12135" t="s">
        <v>82</v>
      </c>
      <c r="M12135" t="s">
        <v>87</v>
      </c>
      <c r="N12135" t="s">
        <v>88</v>
      </c>
      <c r="O12135" t="s">
        <v>85</v>
      </c>
      <c r="P12135" t="s">
        <v>86</v>
      </c>
      <c r="Q12135">
        <v>0</v>
      </c>
      <c r="R12135">
        <v>0</v>
      </c>
      <c r="S12135">
        <v>0</v>
      </c>
      <c r="T12135">
        <v>0</v>
      </c>
      <c r="U12135">
        <v>0</v>
      </c>
      <c r="V12135">
        <v>0</v>
      </c>
      <c r="W12135">
        <v>0</v>
      </c>
      <c r="X12135">
        <v>0</v>
      </c>
      <c r="Y12135">
        <v>0</v>
      </c>
      <c r="Z12135">
        <v>0</v>
      </c>
      <c r="AA12135">
        <v>0</v>
      </c>
      <c r="AB12135">
        <v>0</v>
      </c>
      <c r="AC12135">
        <v>0</v>
      </c>
      <c r="AD12135">
        <v>0</v>
      </c>
      <c r="AE12135">
        <v>0</v>
      </c>
      <c r="AF12135">
        <v>0</v>
      </c>
      <c r="AG12135">
        <v>0</v>
      </c>
      <c r="AH12135">
        <v>0</v>
      </c>
      <c r="AI12135">
        <v>0</v>
      </c>
      <c r="AJ12135">
        <v>0</v>
      </c>
      <c r="AK12135">
        <v>0</v>
      </c>
      <c r="AL12135">
        <v>0</v>
      </c>
      <c r="AM12135">
        <v>0</v>
      </c>
      <c r="AN12135">
        <v>0</v>
      </c>
      <c r="AO12135">
        <v>0</v>
      </c>
      <c r="AP12135">
        <v>0</v>
      </c>
      <c r="AQ12135">
        <v>0</v>
      </c>
    </row>
    <row r="12136" spans="1:43">
      <c r="A12136" t="s">
        <v>7544</v>
      </c>
      <c r="B12136" t="s">
        <v>7545</v>
      </c>
      <c r="C12136" t="s">
        <v>7406</v>
      </c>
      <c r="D12136" t="s">
        <v>7407</v>
      </c>
      <c r="E12136" t="s">
        <v>7278</v>
      </c>
      <c r="F12136" t="s">
        <v>7279</v>
      </c>
      <c r="G12136" t="s">
        <v>80</v>
      </c>
      <c r="H12136" t="s">
        <v>81</v>
      </c>
      <c r="I12136" s="2">
        <v>0</v>
      </c>
      <c r="J12136" s="2">
        <v>1</v>
      </c>
      <c r="K12136" s="2">
        <v>0</v>
      </c>
      <c r="L12136" t="s">
        <v>82</v>
      </c>
      <c r="M12136" t="s">
        <v>89</v>
      </c>
      <c r="N12136" t="s">
        <v>90</v>
      </c>
      <c r="O12136" t="s">
        <v>85</v>
      </c>
      <c r="P12136" t="s">
        <v>86</v>
      </c>
      <c r="Q12136">
        <v>0</v>
      </c>
      <c r="R12136">
        <v>0</v>
      </c>
      <c r="S12136">
        <v>0</v>
      </c>
      <c r="T12136">
        <v>0</v>
      </c>
      <c r="U12136">
        <v>0</v>
      </c>
      <c r="V12136">
        <v>0</v>
      </c>
      <c r="W12136">
        <v>0</v>
      </c>
      <c r="X12136">
        <v>0</v>
      </c>
      <c r="Y12136">
        <v>0</v>
      </c>
      <c r="Z12136">
        <v>0</v>
      </c>
      <c r="AA12136">
        <v>0</v>
      </c>
      <c r="AB12136">
        <v>0</v>
      </c>
      <c r="AC12136">
        <v>0</v>
      </c>
      <c r="AD12136">
        <v>0</v>
      </c>
      <c r="AE12136">
        <v>0</v>
      </c>
      <c r="AF12136">
        <v>0</v>
      </c>
      <c r="AG12136">
        <v>0</v>
      </c>
      <c r="AH12136">
        <v>0</v>
      </c>
      <c r="AI12136">
        <v>0</v>
      </c>
      <c r="AJ12136">
        <v>0</v>
      </c>
      <c r="AK12136">
        <v>0</v>
      </c>
      <c r="AL12136">
        <v>0</v>
      </c>
      <c r="AM12136">
        <v>0</v>
      </c>
      <c r="AN12136">
        <v>0</v>
      </c>
      <c r="AO12136">
        <v>0</v>
      </c>
      <c r="AP12136">
        <v>0</v>
      </c>
      <c r="AQ12136">
        <v>0</v>
      </c>
    </row>
    <row r="12137" spans="1:43">
      <c r="A12137" t="s">
        <v>7544</v>
      </c>
      <c r="B12137" t="s">
        <v>7545</v>
      </c>
      <c r="C12137" t="s">
        <v>7406</v>
      </c>
      <c r="D12137" t="s">
        <v>7407</v>
      </c>
      <c r="E12137" t="s">
        <v>7278</v>
      </c>
      <c r="F12137" t="s">
        <v>7279</v>
      </c>
      <c r="G12137" t="s">
        <v>80</v>
      </c>
      <c r="H12137" t="s">
        <v>81</v>
      </c>
      <c r="I12137" s="2">
        <v>0</v>
      </c>
      <c r="J12137" s="2">
        <v>1</v>
      </c>
      <c r="K12137" s="2">
        <v>0</v>
      </c>
      <c r="L12137" t="s">
        <v>82</v>
      </c>
      <c r="M12137" t="s">
        <v>83</v>
      </c>
      <c r="N12137" t="s">
        <v>91</v>
      </c>
      <c r="O12137" t="s">
        <v>85</v>
      </c>
      <c r="P12137" t="s">
        <v>86</v>
      </c>
      <c r="Q12137">
        <v>0</v>
      </c>
      <c r="R12137">
        <v>0</v>
      </c>
      <c r="S12137">
        <v>0</v>
      </c>
      <c r="T12137">
        <v>0</v>
      </c>
      <c r="U12137">
        <v>0</v>
      </c>
      <c r="V12137">
        <v>0</v>
      </c>
      <c r="W12137">
        <v>0</v>
      </c>
      <c r="X12137">
        <v>0</v>
      </c>
      <c r="Y12137">
        <v>0</v>
      </c>
      <c r="Z12137">
        <v>0</v>
      </c>
      <c r="AA12137">
        <v>0</v>
      </c>
      <c r="AB12137">
        <v>0</v>
      </c>
      <c r="AC12137">
        <v>0</v>
      </c>
      <c r="AD12137">
        <v>0</v>
      </c>
      <c r="AE12137">
        <v>0</v>
      </c>
      <c r="AF12137">
        <v>0</v>
      </c>
      <c r="AG12137">
        <v>0</v>
      </c>
      <c r="AH12137">
        <v>0</v>
      </c>
      <c r="AI12137">
        <v>0</v>
      </c>
      <c r="AJ12137">
        <v>0</v>
      </c>
      <c r="AK12137">
        <v>0</v>
      </c>
      <c r="AL12137">
        <v>0</v>
      </c>
      <c r="AM12137">
        <v>0</v>
      </c>
      <c r="AN12137">
        <v>0</v>
      </c>
      <c r="AO12137">
        <v>0</v>
      </c>
      <c r="AP12137">
        <v>0</v>
      </c>
      <c r="AQ12137">
        <v>0</v>
      </c>
    </row>
    <row r="12138" spans="1:43">
      <c r="A12138" t="s">
        <v>7546</v>
      </c>
      <c r="B12138" t="s">
        <v>7547</v>
      </c>
      <c r="C12138" t="s">
        <v>7520</v>
      </c>
      <c r="D12138" t="s">
        <v>7521</v>
      </c>
      <c r="E12138" t="s">
        <v>7278</v>
      </c>
      <c r="F12138" t="s">
        <v>7279</v>
      </c>
      <c r="G12138" t="s">
        <v>80</v>
      </c>
      <c r="H12138" t="s">
        <v>81</v>
      </c>
      <c r="I12138" s="2">
        <v>0</v>
      </c>
      <c r="J12138" s="2">
        <v>1</v>
      </c>
      <c r="K12138" s="2">
        <v>0</v>
      </c>
      <c r="L12138" t="s">
        <v>82</v>
      </c>
      <c r="M12138" t="s">
        <v>83</v>
      </c>
      <c r="N12138" t="s">
        <v>84</v>
      </c>
      <c r="O12138" t="s">
        <v>85</v>
      </c>
      <c r="P12138" t="s">
        <v>86</v>
      </c>
      <c r="Q12138">
        <v>35</v>
      </c>
      <c r="R12138">
        <v>35</v>
      </c>
      <c r="S12138">
        <v>35</v>
      </c>
      <c r="T12138">
        <v>36</v>
      </c>
      <c r="U12138">
        <v>36</v>
      </c>
      <c r="V12138">
        <v>36</v>
      </c>
      <c r="W12138">
        <v>37</v>
      </c>
      <c r="X12138">
        <v>37</v>
      </c>
      <c r="Y12138">
        <v>37</v>
      </c>
      <c r="Z12138">
        <v>38</v>
      </c>
      <c r="AA12138">
        <v>38</v>
      </c>
      <c r="AB12138">
        <v>38</v>
      </c>
      <c r="AC12138">
        <v>38</v>
      </c>
      <c r="AD12138">
        <v>39</v>
      </c>
      <c r="AE12138">
        <v>39</v>
      </c>
      <c r="AF12138">
        <v>39</v>
      </c>
      <c r="AG12138">
        <v>40</v>
      </c>
      <c r="AH12138">
        <v>40</v>
      </c>
      <c r="AI12138">
        <v>40</v>
      </c>
      <c r="AJ12138">
        <v>40</v>
      </c>
      <c r="AK12138">
        <v>40</v>
      </c>
      <c r="AL12138">
        <v>40</v>
      </c>
      <c r="AM12138">
        <v>40</v>
      </c>
      <c r="AN12138">
        <v>40</v>
      </c>
      <c r="AO12138">
        <v>40</v>
      </c>
      <c r="AP12138">
        <v>40</v>
      </c>
      <c r="AQ12138">
        <v>40</v>
      </c>
    </row>
    <row r="12139" spans="1:43">
      <c r="A12139" t="s">
        <v>7546</v>
      </c>
      <c r="B12139" t="s">
        <v>7547</v>
      </c>
      <c r="C12139" t="s">
        <v>7520</v>
      </c>
      <c r="D12139" t="s">
        <v>7521</v>
      </c>
      <c r="E12139" t="s">
        <v>7278</v>
      </c>
      <c r="F12139" t="s">
        <v>7279</v>
      </c>
      <c r="G12139" t="s">
        <v>80</v>
      </c>
      <c r="H12139" t="s">
        <v>81</v>
      </c>
      <c r="I12139" s="2">
        <v>0</v>
      </c>
      <c r="J12139" s="2">
        <v>1</v>
      </c>
      <c r="K12139" s="2">
        <v>0</v>
      </c>
      <c r="L12139" t="s">
        <v>82</v>
      </c>
      <c r="M12139" t="s">
        <v>87</v>
      </c>
      <c r="N12139" t="s">
        <v>88</v>
      </c>
      <c r="O12139" t="s">
        <v>85</v>
      </c>
      <c r="P12139" t="s">
        <v>86</v>
      </c>
      <c r="Q12139">
        <v>35</v>
      </c>
      <c r="R12139">
        <v>35</v>
      </c>
      <c r="S12139">
        <v>35</v>
      </c>
      <c r="T12139">
        <v>35</v>
      </c>
      <c r="U12139">
        <v>35</v>
      </c>
      <c r="V12139">
        <v>35</v>
      </c>
      <c r="W12139">
        <v>35</v>
      </c>
      <c r="X12139">
        <v>35</v>
      </c>
      <c r="Y12139">
        <v>35</v>
      </c>
      <c r="Z12139">
        <v>36</v>
      </c>
      <c r="AA12139">
        <v>36</v>
      </c>
      <c r="AB12139">
        <v>36</v>
      </c>
      <c r="AC12139">
        <v>36</v>
      </c>
      <c r="AD12139">
        <v>36</v>
      </c>
      <c r="AE12139">
        <v>36</v>
      </c>
      <c r="AF12139">
        <v>36</v>
      </c>
      <c r="AG12139">
        <v>36</v>
      </c>
      <c r="AH12139">
        <v>36</v>
      </c>
      <c r="AI12139">
        <v>36</v>
      </c>
      <c r="AJ12139">
        <v>36</v>
      </c>
      <c r="AK12139">
        <v>36</v>
      </c>
      <c r="AL12139">
        <v>35</v>
      </c>
      <c r="AM12139">
        <v>35</v>
      </c>
      <c r="AN12139">
        <v>35</v>
      </c>
      <c r="AO12139">
        <v>35</v>
      </c>
      <c r="AP12139">
        <v>35</v>
      </c>
      <c r="AQ12139">
        <v>35</v>
      </c>
    </row>
    <row r="12140" spans="1:43">
      <c r="A12140" t="s">
        <v>7546</v>
      </c>
      <c r="B12140" t="s">
        <v>7547</v>
      </c>
      <c r="C12140" t="s">
        <v>7520</v>
      </c>
      <c r="D12140" t="s">
        <v>7521</v>
      </c>
      <c r="E12140" t="s">
        <v>7278</v>
      </c>
      <c r="F12140" t="s">
        <v>7279</v>
      </c>
      <c r="G12140" t="s">
        <v>80</v>
      </c>
      <c r="H12140" t="s">
        <v>81</v>
      </c>
      <c r="I12140" s="2">
        <v>0</v>
      </c>
      <c r="J12140" s="2">
        <v>1</v>
      </c>
      <c r="K12140" s="2">
        <v>0</v>
      </c>
      <c r="L12140" t="s">
        <v>82</v>
      </c>
      <c r="M12140" t="s">
        <v>89</v>
      </c>
      <c r="N12140" t="s">
        <v>90</v>
      </c>
      <c r="O12140" t="s">
        <v>85</v>
      </c>
      <c r="P12140" t="s">
        <v>86</v>
      </c>
      <c r="Q12140">
        <v>35</v>
      </c>
      <c r="R12140">
        <v>36</v>
      </c>
      <c r="S12140">
        <v>36</v>
      </c>
      <c r="T12140">
        <v>37</v>
      </c>
      <c r="U12140">
        <v>37</v>
      </c>
      <c r="V12140">
        <v>38</v>
      </c>
      <c r="W12140">
        <v>39</v>
      </c>
      <c r="X12140">
        <v>39</v>
      </c>
      <c r="Y12140">
        <v>40</v>
      </c>
      <c r="Z12140">
        <v>40</v>
      </c>
      <c r="AA12140">
        <v>40</v>
      </c>
      <c r="AB12140">
        <v>41</v>
      </c>
      <c r="AC12140">
        <v>41</v>
      </c>
      <c r="AD12140">
        <v>42</v>
      </c>
      <c r="AE12140">
        <v>42</v>
      </c>
      <c r="AF12140">
        <v>42</v>
      </c>
      <c r="AG12140">
        <v>42</v>
      </c>
      <c r="AH12140">
        <v>42</v>
      </c>
      <c r="AI12140">
        <v>41</v>
      </c>
      <c r="AJ12140">
        <v>41</v>
      </c>
      <c r="AK12140">
        <v>41</v>
      </c>
      <c r="AL12140">
        <v>41</v>
      </c>
      <c r="AM12140">
        <v>41</v>
      </c>
      <c r="AN12140">
        <v>41</v>
      </c>
      <c r="AO12140">
        <v>41</v>
      </c>
      <c r="AP12140">
        <v>41</v>
      </c>
      <c r="AQ12140">
        <v>40</v>
      </c>
    </row>
    <row r="12141" spans="1:43">
      <c r="A12141" t="s">
        <v>7546</v>
      </c>
      <c r="B12141" t="s">
        <v>7547</v>
      </c>
      <c r="C12141" t="s">
        <v>7520</v>
      </c>
      <c r="D12141" t="s">
        <v>7521</v>
      </c>
      <c r="E12141" t="s">
        <v>7278</v>
      </c>
      <c r="F12141" t="s">
        <v>7279</v>
      </c>
      <c r="G12141" t="s">
        <v>80</v>
      </c>
      <c r="H12141" t="s">
        <v>81</v>
      </c>
      <c r="I12141" s="2">
        <v>0</v>
      </c>
      <c r="J12141" s="2">
        <v>1</v>
      </c>
      <c r="K12141" s="2">
        <v>0</v>
      </c>
      <c r="L12141" t="s">
        <v>82</v>
      </c>
      <c r="M12141" t="s">
        <v>83</v>
      </c>
      <c r="N12141" t="s">
        <v>91</v>
      </c>
      <c r="O12141" t="s">
        <v>85</v>
      </c>
      <c r="P12141" t="s">
        <v>86</v>
      </c>
      <c r="Q12141">
        <v>35</v>
      </c>
      <c r="R12141">
        <v>35</v>
      </c>
      <c r="S12141">
        <v>35</v>
      </c>
      <c r="T12141">
        <v>36</v>
      </c>
      <c r="U12141">
        <v>36</v>
      </c>
      <c r="V12141">
        <v>36</v>
      </c>
      <c r="W12141">
        <v>37</v>
      </c>
      <c r="X12141">
        <v>37</v>
      </c>
      <c r="Y12141">
        <v>37</v>
      </c>
      <c r="Z12141">
        <v>38</v>
      </c>
      <c r="AA12141">
        <v>38</v>
      </c>
      <c r="AB12141">
        <v>38</v>
      </c>
      <c r="AC12141">
        <v>38</v>
      </c>
      <c r="AD12141">
        <v>39</v>
      </c>
      <c r="AE12141">
        <v>39</v>
      </c>
      <c r="AF12141">
        <v>39</v>
      </c>
      <c r="AG12141">
        <v>40</v>
      </c>
      <c r="AH12141">
        <v>40</v>
      </c>
      <c r="AI12141">
        <v>40</v>
      </c>
      <c r="AJ12141">
        <v>40</v>
      </c>
      <c r="AK12141">
        <v>40</v>
      </c>
      <c r="AL12141">
        <v>40</v>
      </c>
      <c r="AM12141">
        <v>40</v>
      </c>
      <c r="AN12141">
        <v>40</v>
      </c>
      <c r="AO12141">
        <v>40</v>
      </c>
      <c r="AP12141">
        <v>40</v>
      </c>
      <c r="AQ12141">
        <v>40</v>
      </c>
    </row>
    <row r="12142" spans="1:43">
      <c r="A12142" t="s">
        <v>7548</v>
      </c>
      <c r="B12142" t="s">
        <v>7549</v>
      </c>
      <c r="C12142" t="s">
        <v>7524</v>
      </c>
      <c r="D12142" t="s">
        <v>7525</v>
      </c>
      <c r="E12142" t="s">
        <v>7278</v>
      </c>
      <c r="F12142" t="s">
        <v>7279</v>
      </c>
      <c r="G12142" t="s">
        <v>80</v>
      </c>
      <c r="H12142" t="s">
        <v>81</v>
      </c>
      <c r="I12142" s="2">
        <v>0</v>
      </c>
      <c r="J12142" s="2">
        <v>1</v>
      </c>
      <c r="K12142" s="2">
        <v>0</v>
      </c>
      <c r="L12142" t="s">
        <v>82</v>
      </c>
      <c r="M12142" t="s">
        <v>83</v>
      </c>
      <c r="N12142" t="s">
        <v>84</v>
      </c>
      <c r="O12142" t="s">
        <v>85</v>
      </c>
      <c r="P12142" t="s">
        <v>86</v>
      </c>
      <c r="Q12142">
        <v>109</v>
      </c>
      <c r="R12142">
        <v>111</v>
      </c>
      <c r="S12142">
        <v>112</v>
      </c>
      <c r="T12142">
        <v>113</v>
      </c>
      <c r="U12142">
        <v>114</v>
      </c>
      <c r="V12142">
        <v>115</v>
      </c>
      <c r="W12142">
        <v>116</v>
      </c>
      <c r="X12142">
        <v>117</v>
      </c>
      <c r="Y12142">
        <v>118</v>
      </c>
      <c r="Z12142">
        <v>119</v>
      </c>
      <c r="AA12142">
        <v>120</v>
      </c>
      <c r="AB12142">
        <v>121</v>
      </c>
      <c r="AC12142">
        <v>122</v>
      </c>
      <c r="AD12142">
        <v>123</v>
      </c>
      <c r="AE12142">
        <v>124</v>
      </c>
      <c r="AF12142">
        <v>125</v>
      </c>
      <c r="AG12142">
        <v>126</v>
      </c>
      <c r="AH12142">
        <v>126</v>
      </c>
      <c r="AI12142">
        <v>127</v>
      </c>
      <c r="AJ12142">
        <v>128</v>
      </c>
      <c r="AK12142">
        <v>129</v>
      </c>
      <c r="AL12142">
        <v>129</v>
      </c>
      <c r="AM12142">
        <v>128</v>
      </c>
      <c r="AN12142">
        <v>128</v>
      </c>
      <c r="AO12142">
        <v>128</v>
      </c>
      <c r="AP12142">
        <v>127</v>
      </c>
      <c r="AQ12142">
        <v>127</v>
      </c>
    </row>
    <row r="12143" spans="1:43">
      <c r="A12143" t="s">
        <v>7548</v>
      </c>
      <c r="B12143" t="s">
        <v>7549</v>
      </c>
      <c r="C12143" t="s">
        <v>7524</v>
      </c>
      <c r="D12143" t="s">
        <v>7525</v>
      </c>
      <c r="E12143" t="s">
        <v>7278</v>
      </c>
      <c r="F12143" t="s">
        <v>7279</v>
      </c>
      <c r="G12143" t="s">
        <v>80</v>
      </c>
      <c r="H12143" t="s">
        <v>81</v>
      </c>
      <c r="I12143" s="2">
        <v>0</v>
      </c>
      <c r="J12143" s="2">
        <v>1</v>
      </c>
      <c r="K12143" s="2">
        <v>0</v>
      </c>
      <c r="L12143" t="s">
        <v>82</v>
      </c>
      <c r="M12143" t="s">
        <v>87</v>
      </c>
      <c r="N12143" t="s">
        <v>88</v>
      </c>
      <c r="O12143" t="s">
        <v>85</v>
      </c>
      <c r="P12143" t="s">
        <v>86</v>
      </c>
      <c r="Q12143">
        <v>109</v>
      </c>
      <c r="R12143">
        <v>110</v>
      </c>
      <c r="S12143">
        <v>110</v>
      </c>
      <c r="T12143">
        <v>110</v>
      </c>
      <c r="U12143">
        <v>110</v>
      </c>
      <c r="V12143">
        <v>110</v>
      </c>
      <c r="W12143">
        <v>110</v>
      </c>
      <c r="X12143">
        <v>110</v>
      </c>
      <c r="Y12143">
        <v>111</v>
      </c>
      <c r="Z12143">
        <v>111</v>
      </c>
      <c r="AA12143">
        <v>111</v>
      </c>
      <c r="AB12143">
        <v>111</v>
      </c>
      <c r="AC12143">
        <v>111</v>
      </c>
      <c r="AD12143">
        <v>111</v>
      </c>
      <c r="AE12143">
        <v>111</v>
      </c>
      <c r="AF12143">
        <v>111</v>
      </c>
      <c r="AG12143">
        <v>111</v>
      </c>
      <c r="AH12143">
        <v>111</v>
      </c>
      <c r="AI12143">
        <v>111</v>
      </c>
      <c r="AJ12143">
        <v>111</v>
      </c>
      <c r="AK12143">
        <v>111</v>
      </c>
      <c r="AL12143">
        <v>111</v>
      </c>
      <c r="AM12143">
        <v>111</v>
      </c>
      <c r="AN12143">
        <v>111</v>
      </c>
      <c r="AO12143">
        <v>111</v>
      </c>
      <c r="AP12143">
        <v>111</v>
      </c>
      <c r="AQ12143">
        <v>111</v>
      </c>
    </row>
    <row r="12144" spans="1:43">
      <c r="A12144" t="s">
        <v>7548</v>
      </c>
      <c r="B12144" t="s">
        <v>7549</v>
      </c>
      <c r="C12144" t="s">
        <v>7524</v>
      </c>
      <c r="D12144" t="s">
        <v>7525</v>
      </c>
      <c r="E12144" t="s">
        <v>7278</v>
      </c>
      <c r="F12144" t="s">
        <v>7279</v>
      </c>
      <c r="G12144" t="s">
        <v>80</v>
      </c>
      <c r="H12144" t="s">
        <v>81</v>
      </c>
      <c r="I12144" s="2">
        <v>0</v>
      </c>
      <c r="J12144" s="2">
        <v>1</v>
      </c>
      <c r="K12144" s="2">
        <v>0</v>
      </c>
      <c r="L12144" t="s">
        <v>82</v>
      </c>
      <c r="M12144" t="s">
        <v>89</v>
      </c>
      <c r="N12144" t="s">
        <v>90</v>
      </c>
      <c r="O12144" t="s">
        <v>85</v>
      </c>
      <c r="P12144" t="s">
        <v>86</v>
      </c>
      <c r="Q12144">
        <v>109</v>
      </c>
      <c r="R12144">
        <v>112</v>
      </c>
      <c r="S12144">
        <v>114</v>
      </c>
      <c r="T12144">
        <v>116</v>
      </c>
      <c r="U12144">
        <v>118</v>
      </c>
      <c r="V12144">
        <v>120</v>
      </c>
      <c r="W12144">
        <v>121</v>
      </c>
      <c r="X12144">
        <v>123</v>
      </c>
      <c r="Y12144">
        <v>125</v>
      </c>
      <c r="Z12144">
        <v>126</v>
      </c>
      <c r="AA12144">
        <v>127</v>
      </c>
      <c r="AB12144">
        <v>129</v>
      </c>
      <c r="AC12144">
        <v>130</v>
      </c>
      <c r="AD12144">
        <v>131</v>
      </c>
      <c r="AE12144">
        <v>132</v>
      </c>
      <c r="AF12144">
        <v>132</v>
      </c>
      <c r="AG12144">
        <v>131</v>
      </c>
      <c r="AH12144">
        <v>131</v>
      </c>
      <c r="AI12144">
        <v>131</v>
      </c>
      <c r="AJ12144">
        <v>130</v>
      </c>
      <c r="AK12144">
        <v>130</v>
      </c>
      <c r="AL12144">
        <v>130</v>
      </c>
      <c r="AM12144">
        <v>129</v>
      </c>
      <c r="AN12144">
        <v>129</v>
      </c>
      <c r="AO12144">
        <v>129</v>
      </c>
      <c r="AP12144">
        <v>128</v>
      </c>
      <c r="AQ12144">
        <v>128</v>
      </c>
    </row>
    <row r="12145" spans="1:43">
      <c r="A12145" t="s">
        <v>7548</v>
      </c>
      <c r="B12145" t="s">
        <v>7549</v>
      </c>
      <c r="C12145" t="s">
        <v>7524</v>
      </c>
      <c r="D12145" t="s">
        <v>7525</v>
      </c>
      <c r="E12145" t="s">
        <v>7278</v>
      </c>
      <c r="F12145" t="s">
        <v>7279</v>
      </c>
      <c r="G12145" t="s">
        <v>80</v>
      </c>
      <c r="H12145" t="s">
        <v>81</v>
      </c>
      <c r="I12145" s="2">
        <v>0</v>
      </c>
      <c r="J12145" s="2">
        <v>1</v>
      </c>
      <c r="K12145" s="2">
        <v>0</v>
      </c>
      <c r="L12145" t="s">
        <v>82</v>
      </c>
      <c r="M12145" t="s">
        <v>83</v>
      </c>
      <c r="N12145" t="s">
        <v>91</v>
      </c>
      <c r="O12145" t="s">
        <v>85</v>
      </c>
      <c r="P12145" t="s">
        <v>86</v>
      </c>
      <c r="Q12145">
        <v>109</v>
      </c>
      <c r="R12145">
        <v>111</v>
      </c>
      <c r="S12145">
        <v>112</v>
      </c>
      <c r="T12145">
        <v>113</v>
      </c>
      <c r="U12145">
        <v>114</v>
      </c>
      <c r="V12145">
        <v>115</v>
      </c>
      <c r="W12145">
        <v>116</v>
      </c>
      <c r="X12145">
        <v>117</v>
      </c>
      <c r="Y12145">
        <v>118</v>
      </c>
      <c r="Z12145">
        <v>119</v>
      </c>
      <c r="AA12145">
        <v>120</v>
      </c>
      <c r="AB12145">
        <v>121</v>
      </c>
      <c r="AC12145">
        <v>122</v>
      </c>
      <c r="AD12145">
        <v>123</v>
      </c>
      <c r="AE12145">
        <v>124</v>
      </c>
      <c r="AF12145">
        <v>125</v>
      </c>
      <c r="AG12145">
        <v>126</v>
      </c>
      <c r="AH12145">
        <v>126</v>
      </c>
      <c r="AI12145">
        <v>127</v>
      </c>
      <c r="AJ12145">
        <v>128</v>
      </c>
      <c r="AK12145">
        <v>129</v>
      </c>
      <c r="AL12145">
        <v>129</v>
      </c>
      <c r="AM12145">
        <v>128</v>
      </c>
      <c r="AN12145">
        <v>128</v>
      </c>
      <c r="AO12145">
        <v>128</v>
      </c>
      <c r="AP12145">
        <v>127</v>
      </c>
      <c r="AQ12145">
        <v>127</v>
      </c>
    </row>
    <row r="12146" spans="1:43">
      <c r="A12146" t="s">
        <v>7550</v>
      </c>
      <c r="B12146" t="s">
        <v>7551</v>
      </c>
      <c r="C12146" t="s">
        <v>7308</v>
      </c>
      <c r="D12146" t="s">
        <v>7309</v>
      </c>
      <c r="E12146" t="s">
        <v>7278</v>
      </c>
      <c r="F12146" t="s">
        <v>7279</v>
      </c>
      <c r="G12146" t="s">
        <v>80</v>
      </c>
      <c r="H12146" t="s">
        <v>81</v>
      </c>
      <c r="I12146" s="2">
        <v>0</v>
      </c>
      <c r="J12146" s="2">
        <v>1</v>
      </c>
      <c r="K12146" s="2">
        <v>0</v>
      </c>
      <c r="L12146" t="s">
        <v>82</v>
      </c>
      <c r="M12146" t="s">
        <v>83</v>
      </c>
      <c r="N12146" t="s">
        <v>84</v>
      </c>
      <c r="O12146" t="s">
        <v>85</v>
      </c>
      <c r="P12146" t="s">
        <v>86</v>
      </c>
      <c r="Q12146">
        <v>11</v>
      </c>
      <c r="R12146">
        <v>11</v>
      </c>
      <c r="S12146">
        <v>11</v>
      </c>
      <c r="T12146">
        <v>11</v>
      </c>
      <c r="U12146">
        <v>11</v>
      </c>
      <c r="V12146">
        <v>11</v>
      </c>
      <c r="W12146">
        <v>11</v>
      </c>
      <c r="X12146">
        <v>11</v>
      </c>
      <c r="Y12146">
        <v>12</v>
      </c>
      <c r="Z12146">
        <v>12</v>
      </c>
      <c r="AA12146">
        <v>12</v>
      </c>
      <c r="AB12146">
        <v>12</v>
      </c>
      <c r="AC12146">
        <v>12</v>
      </c>
      <c r="AD12146">
        <v>12</v>
      </c>
      <c r="AE12146">
        <v>12</v>
      </c>
      <c r="AF12146">
        <v>12</v>
      </c>
      <c r="AG12146">
        <v>12</v>
      </c>
      <c r="AH12146">
        <v>12</v>
      </c>
      <c r="AI12146">
        <v>12</v>
      </c>
      <c r="AJ12146">
        <v>13</v>
      </c>
      <c r="AK12146">
        <v>13</v>
      </c>
      <c r="AL12146">
        <v>13</v>
      </c>
      <c r="AM12146">
        <v>13</v>
      </c>
      <c r="AN12146">
        <v>13</v>
      </c>
      <c r="AO12146">
        <v>13</v>
      </c>
      <c r="AP12146">
        <v>13</v>
      </c>
      <c r="AQ12146">
        <v>13</v>
      </c>
    </row>
    <row r="12147" spans="1:43">
      <c r="A12147" t="s">
        <v>7550</v>
      </c>
      <c r="B12147" t="s">
        <v>7551</v>
      </c>
      <c r="C12147" t="s">
        <v>7308</v>
      </c>
      <c r="D12147" t="s">
        <v>7309</v>
      </c>
      <c r="E12147" t="s">
        <v>7278</v>
      </c>
      <c r="F12147" t="s">
        <v>7279</v>
      </c>
      <c r="G12147" t="s">
        <v>80</v>
      </c>
      <c r="H12147" t="s">
        <v>81</v>
      </c>
      <c r="I12147" s="2">
        <v>0</v>
      </c>
      <c r="J12147" s="2">
        <v>1</v>
      </c>
      <c r="K12147" s="2">
        <v>0</v>
      </c>
      <c r="L12147" t="s">
        <v>82</v>
      </c>
      <c r="M12147" t="s">
        <v>87</v>
      </c>
      <c r="N12147" t="s">
        <v>88</v>
      </c>
      <c r="O12147" t="s">
        <v>85</v>
      </c>
      <c r="P12147" t="s">
        <v>86</v>
      </c>
      <c r="Q12147">
        <v>11</v>
      </c>
      <c r="R12147">
        <v>12</v>
      </c>
      <c r="S12147">
        <v>12</v>
      </c>
      <c r="T12147">
        <v>12</v>
      </c>
      <c r="U12147">
        <v>12</v>
      </c>
      <c r="V12147">
        <v>12</v>
      </c>
      <c r="W12147">
        <v>12</v>
      </c>
      <c r="X12147">
        <v>12</v>
      </c>
      <c r="Y12147">
        <v>12</v>
      </c>
      <c r="Z12147">
        <v>12</v>
      </c>
      <c r="AA12147">
        <v>12</v>
      </c>
      <c r="AB12147">
        <v>12</v>
      </c>
      <c r="AC12147">
        <v>12</v>
      </c>
      <c r="AD12147">
        <v>12</v>
      </c>
      <c r="AE12147">
        <v>12</v>
      </c>
      <c r="AF12147">
        <v>12</v>
      </c>
      <c r="AG12147">
        <v>12</v>
      </c>
      <c r="AH12147">
        <v>12</v>
      </c>
      <c r="AI12147">
        <v>12</v>
      </c>
      <c r="AJ12147">
        <v>12</v>
      </c>
      <c r="AK12147">
        <v>12</v>
      </c>
      <c r="AL12147">
        <v>12</v>
      </c>
      <c r="AM12147">
        <v>12</v>
      </c>
      <c r="AN12147">
        <v>12</v>
      </c>
      <c r="AO12147">
        <v>12</v>
      </c>
      <c r="AP12147">
        <v>12</v>
      </c>
      <c r="AQ12147">
        <v>12</v>
      </c>
    </row>
    <row r="12148" spans="1:43">
      <c r="A12148" t="s">
        <v>7550</v>
      </c>
      <c r="B12148" t="s">
        <v>7551</v>
      </c>
      <c r="C12148" t="s">
        <v>7308</v>
      </c>
      <c r="D12148" t="s">
        <v>7309</v>
      </c>
      <c r="E12148" t="s">
        <v>7278</v>
      </c>
      <c r="F12148" t="s">
        <v>7279</v>
      </c>
      <c r="G12148" t="s">
        <v>80</v>
      </c>
      <c r="H12148" t="s">
        <v>81</v>
      </c>
      <c r="I12148" s="2">
        <v>0</v>
      </c>
      <c r="J12148" s="2">
        <v>1</v>
      </c>
      <c r="K12148" s="2">
        <v>0</v>
      </c>
      <c r="L12148" t="s">
        <v>82</v>
      </c>
      <c r="M12148" t="s">
        <v>89</v>
      </c>
      <c r="N12148" t="s">
        <v>90</v>
      </c>
      <c r="O12148" t="s">
        <v>85</v>
      </c>
      <c r="P12148" t="s">
        <v>86</v>
      </c>
      <c r="Q12148">
        <v>11</v>
      </c>
      <c r="R12148">
        <v>11</v>
      </c>
      <c r="S12148">
        <v>11</v>
      </c>
      <c r="T12148">
        <v>11</v>
      </c>
      <c r="U12148">
        <v>12</v>
      </c>
      <c r="V12148">
        <v>12</v>
      </c>
      <c r="W12148">
        <v>12</v>
      </c>
      <c r="X12148">
        <v>12</v>
      </c>
      <c r="Y12148">
        <v>12</v>
      </c>
      <c r="Z12148">
        <v>12</v>
      </c>
      <c r="AA12148">
        <v>12</v>
      </c>
      <c r="AB12148">
        <v>13</v>
      </c>
      <c r="AC12148">
        <v>13</v>
      </c>
      <c r="AD12148">
        <v>13</v>
      </c>
      <c r="AE12148">
        <v>13</v>
      </c>
      <c r="AF12148">
        <v>13</v>
      </c>
      <c r="AG12148">
        <v>13</v>
      </c>
      <c r="AH12148">
        <v>13</v>
      </c>
      <c r="AI12148">
        <v>13</v>
      </c>
      <c r="AJ12148">
        <v>13</v>
      </c>
      <c r="AK12148">
        <v>13</v>
      </c>
      <c r="AL12148">
        <v>13</v>
      </c>
      <c r="AM12148">
        <v>13</v>
      </c>
      <c r="AN12148">
        <v>13</v>
      </c>
      <c r="AO12148">
        <v>13</v>
      </c>
      <c r="AP12148">
        <v>13</v>
      </c>
      <c r="AQ12148">
        <v>13</v>
      </c>
    </row>
    <row r="12149" spans="1:43">
      <c r="A12149" t="s">
        <v>7550</v>
      </c>
      <c r="B12149" t="s">
        <v>7551</v>
      </c>
      <c r="C12149" t="s">
        <v>7308</v>
      </c>
      <c r="D12149" t="s">
        <v>7309</v>
      </c>
      <c r="E12149" t="s">
        <v>7278</v>
      </c>
      <c r="F12149" t="s">
        <v>7279</v>
      </c>
      <c r="G12149" t="s">
        <v>80</v>
      </c>
      <c r="H12149" t="s">
        <v>81</v>
      </c>
      <c r="I12149" s="2">
        <v>0</v>
      </c>
      <c r="J12149" s="2">
        <v>1</v>
      </c>
      <c r="K12149" s="2">
        <v>0</v>
      </c>
      <c r="L12149" t="s">
        <v>82</v>
      </c>
      <c r="M12149" t="s">
        <v>83</v>
      </c>
      <c r="N12149" t="s">
        <v>91</v>
      </c>
      <c r="O12149" t="s">
        <v>85</v>
      </c>
      <c r="P12149" t="s">
        <v>86</v>
      </c>
      <c r="Q12149">
        <v>11</v>
      </c>
      <c r="R12149">
        <v>11</v>
      </c>
      <c r="S12149">
        <v>11</v>
      </c>
      <c r="T12149">
        <v>11</v>
      </c>
      <c r="U12149">
        <v>11</v>
      </c>
      <c r="V12149">
        <v>11</v>
      </c>
      <c r="W12149">
        <v>11</v>
      </c>
      <c r="X12149">
        <v>11</v>
      </c>
      <c r="Y12149">
        <v>12</v>
      </c>
      <c r="Z12149">
        <v>12</v>
      </c>
      <c r="AA12149">
        <v>12</v>
      </c>
      <c r="AB12149">
        <v>12</v>
      </c>
      <c r="AC12149">
        <v>12</v>
      </c>
      <c r="AD12149">
        <v>12</v>
      </c>
      <c r="AE12149">
        <v>12</v>
      </c>
      <c r="AF12149">
        <v>12</v>
      </c>
      <c r="AG12149">
        <v>12</v>
      </c>
      <c r="AH12149">
        <v>12</v>
      </c>
      <c r="AI12149">
        <v>12</v>
      </c>
      <c r="AJ12149">
        <v>13</v>
      </c>
      <c r="AK12149">
        <v>13</v>
      </c>
      <c r="AL12149">
        <v>13</v>
      </c>
      <c r="AM12149">
        <v>13</v>
      </c>
      <c r="AN12149">
        <v>13</v>
      </c>
      <c r="AO12149">
        <v>13</v>
      </c>
      <c r="AP12149">
        <v>13</v>
      </c>
      <c r="AQ12149">
        <v>13</v>
      </c>
    </row>
    <row r="12150" spans="1:43">
      <c r="A12150" t="s">
        <v>7552</v>
      </c>
      <c r="B12150" t="s">
        <v>7553</v>
      </c>
      <c r="C12150" t="s">
        <v>7320</v>
      </c>
      <c r="D12150" t="s">
        <v>7321</v>
      </c>
      <c r="E12150" t="s">
        <v>7278</v>
      </c>
      <c r="F12150" t="s">
        <v>7279</v>
      </c>
      <c r="G12150" t="s">
        <v>80</v>
      </c>
      <c r="H12150" t="s">
        <v>81</v>
      </c>
      <c r="I12150" s="2">
        <v>0</v>
      </c>
      <c r="J12150" s="2">
        <v>1</v>
      </c>
      <c r="K12150" s="2">
        <v>0</v>
      </c>
      <c r="L12150" t="s">
        <v>82</v>
      </c>
      <c r="M12150" t="s">
        <v>83</v>
      </c>
      <c r="N12150" t="s">
        <v>84</v>
      </c>
      <c r="O12150" t="s">
        <v>85</v>
      </c>
      <c r="P12150" t="s">
        <v>86</v>
      </c>
      <c r="Q12150">
        <v>26</v>
      </c>
      <c r="R12150">
        <v>26</v>
      </c>
      <c r="S12150">
        <v>26</v>
      </c>
      <c r="T12150">
        <v>27</v>
      </c>
      <c r="U12150">
        <v>27</v>
      </c>
      <c r="V12150">
        <v>27</v>
      </c>
      <c r="W12150">
        <v>27</v>
      </c>
      <c r="X12150">
        <v>28</v>
      </c>
      <c r="Y12150">
        <v>28</v>
      </c>
      <c r="Z12150">
        <v>28</v>
      </c>
      <c r="AA12150">
        <v>28</v>
      </c>
      <c r="AB12150">
        <v>29</v>
      </c>
      <c r="AC12150">
        <v>29</v>
      </c>
      <c r="AD12150">
        <v>29</v>
      </c>
      <c r="AE12150">
        <v>29</v>
      </c>
      <c r="AF12150">
        <v>30</v>
      </c>
      <c r="AG12150">
        <v>30</v>
      </c>
      <c r="AH12150">
        <v>30</v>
      </c>
      <c r="AI12150">
        <v>30</v>
      </c>
      <c r="AJ12150">
        <v>30</v>
      </c>
      <c r="AK12150">
        <v>31</v>
      </c>
      <c r="AL12150">
        <v>31</v>
      </c>
      <c r="AM12150">
        <v>30</v>
      </c>
      <c r="AN12150">
        <v>30</v>
      </c>
      <c r="AO12150">
        <v>30</v>
      </c>
      <c r="AP12150">
        <v>30</v>
      </c>
      <c r="AQ12150">
        <v>30</v>
      </c>
    </row>
    <row r="12151" spans="1:43">
      <c r="A12151" t="s">
        <v>7552</v>
      </c>
      <c r="B12151" t="s">
        <v>7553</v>
      </c>
      <c r="C12151" t="s">
        <v>7320</v>
      </c>
      <c r="D12151" t="s">
        <v>7321</v>
      </c>
      <c r="E12151" t="s">
        <v>7278</v>
      </c>
      <c r="F12151" t="s">
        <v>7279</v>
      </c>
      <c r="G12151" t="s">
        <v>80</v>
      </c>
      <c r="H12151" t="s">
        <v>81</v>
      </c>
      <c r="I12151" s="2">
        <v>0</v>
      </c>
      <c r="J12151" s="2">
        <v>1</v>
      </c>
      <c r="K12151" s="2">
        <v>0</v>
      </c>
      <c r="L12151" t="s">
        <v>82</v>
      </c>
      <c r="M12151" t="s">
        <v>87</v>
      </c>
      <c r="N12151" t="s">
        <v>88</v>
      </c>
      <c r="O12151" t="s">
        <v>85</v>
      </c>
      <c r="P12151" t="s">
        <v>86</v>
      </c>
      <c r="Q12151">
        <v>26</v>
      </c>
      <c r="R12151">
        <v>26</v>
      </c>
      <c r="S12151">
        <v>26</v>
      </c>
      <c r="T12151">
        <v>26</v>
      </c>
      <c r="U12151">
        <v>26</v>
      </c>
      <c r="V12151">
        <v>26</v>
      </c>
      <c r="W12151">
        <v>26</v>
      </c>
      <c r="X12151">
        <v>26</v>
      </c>
      <c r="Y12151">
        <v>26</v>
      </c>
      <c r="Z12151">
        <v>26</v>
      </c>
      <c r="AA12151">
        <v>26</v>
      </c>
      <c r="AB12151">
        <v>26</v>
      </c>
      <c r="AC12151">
        <v>26</v>
      </c>
      <c r="AD12151">
        <v>26</v>
      </c>
      <c r="AE12151">
        <v>26</v>
      </c>
      <c r="AF12151">
        <v>26</v>
      </c>
      <c r="AG12151">
        <v>26</v>
      </c>
      <c r="AH12151">
        <v>26</v>
      </c>
      <c r="AI12151">
        <v>26</v>
      </c>
      <c r="AJ12151">
        <v>26</v>
      </c>
      <c r="AK12151">
        <v>26</v>
      </c>
      <c r="AL12151">
        <v>26</v>
      </c>
      <c r="AM12151">
        <v>26</v>
      </c>
      <c r="AN12151">
        <v>26</v>
      </c>
      <c r="AO12151">
        <v>26</v>
      </c>
      <c r="AP12151">
        <v>26</v>
      </c>
      <c r="AQ12151">
        <v>26</v>
      </c>
    </row>
    <row r="12152" spans="1:43">
      <c r="A12152" t="s">
        <v>7552</v>
      </c>
      <c r="B12152" t="s">
        <v>7553</v>
      </c>
      <c r="C12152" t="s">
        <v>7320</v>
      </c>
      <c r="D12152" t="s">
        <v>7321</v>
      </c>
      <c r="E12152" t="s">
        <v>7278</v>
      </c>
      <c r="F12152" t="s">
        <v>7279</v>
      </c>
      <c r="G12152" t="s">
        <v>80</v>
      </c>
      <c r="H12152" t="s">
        <v>81</v>
      </c>
      <c r="I12152" s="2">
        <v>0</v>
      </c>
      <c r="J12152" s="2">
        <v>1</v>
      </c>
      <c r="K12152" s="2">
        <v>0</v>
      </c>
      <c r="L12152" t="s">
        <v>82</v>
      </c>
      <c r="M12152" t="s">
        <v>89</v>
      </c>
      <c r="N12152" t="s">
        <v>90</v>
      </c>
      <c r="O12152" t="s">
        <v>85</v>
      </c>
      <c r="P12152" t="s">
        <v>86</v>
      </c>
      <c r="Q12152">
        <v>26</v>
      </c>
      <c r="R12152">
        <v>27</v>
      </c>
      <c r="S12152">
        <v>27</v>
      </c>
      <c r="T12152">
        <v>28</v>
      </c>
      <c r="U12152">
        <v>28</v>
      </c>
      <c r="V12152">
        <v>28</v>
      </c>
      <c r="W12152">
        <v>29</v>
      </c>
      <c r="X12152">
        <v>29</v>
      </c>
      <c r="Y12152">
        <v>30</v>
      </c>
      <c r="Z12152">
        <v>30</v>
      </c>
      <c r="AA12152">
        <v>30</v>
      </c>
      <c r="AB12152">
        <v>31</v>
      </c>
      <c r="AC12152">
        <v>31</v>
      </c>
      <c r="AD12152">
        <v>31</v>
      </c>
      <c r="AE12152">
        <v>31</v>
      </c>
      <c r="AF12152">
        <v>31</v>
      </c>
      <c r="AG12152">
        <v>31</v>
      </c>
      <c r="AH12152">
        <v>31</v>
      </c>
      <c r="AI12152">
        <v>31</v>
      </c>
      <c r="AJ12152">
        <v>31</v>
      </c>
      <c r="AK12152">
        <v>31</v>
      </c>
      <c r="AL12152">
        <v>31</v>
      </c>
      <c r="AM12152">
        <v>31</v>
      </c>
      <c r="AN12152">
        <v>31</v>
      </c>
      <c r="AO12152">
        <v>31</v>
      </c>
      <c r="AP12152">
        <v>31</v>
      </c>
      <c r="AQ12152">
        <v>31</v>
      </c>
    </row>
    <row r="12153" spans="1:43">
      <c r="A12153" t="s">
        <v>7552</v>
      </c>
      <c r="B12153" t="s">
        <v>7553</v>
      </c>
      <c r="C12153" t="s">
        <v>7320</v>
      </c>
      <c r="D12153" t="s">
        <v>7321</v>
      </c>
      <c r="E12153" t="s">
        <v>7278</v>
      </c>
      <c r="F12153" t="s">
        <v>7279</v>
      </c>
      <c r="G12153" t="s">
        <v>80</v>
      </c>
      <c r="H12153" t="s">
        <v>81</v>
      </c>
      <c r="I12153" s="2">
        <v>0</v>
      </c>
      <c r="J12153" s="2">
        <v>1</v>
      </c>
      <c r="K12153" s="2">
        <v>0</v>
      </c>
      <c r="L12153" t="s">
        <v>82</v>
      </c>
      <c r="M12153" t="s">
        <v>83</v>
      </c>
      <c r="N12153" t="s">
        <v>91</v>
      </c>
      <c r="O12153" t="s">
        <v>85</v>
      </c>
      <c r="P12153" t="s">
        <v>86</v>
      </c>
      <c r="Q12153">
        <v>26</v>
      </c>
      <c r="R12153">
        <v>26</v>
      </c>
      <c r="S12153">
        <v>26</v>
      </c>
      <c r="T12153">
        <v>27</v>
      </c>
      <c r="U12153">
        <v>27</v>
      </c>
      <c r="V12153">
        <v>27</v>
      </c>
      <c r="W12153">
        <v>27</v>
      </c>
      <c r="X12153">
        <v>28</v>
      </c>
      <c r="Y12153">
        <v>28</v>
      </c>
      <c r="Z12153">
        <v>28</v>
      </c>
      <c r="AA12153">
        <v>28</v>
      </c>
      <c r="AB12153">
        <v>29</v>
      </c>
      <c r="AC12153">
        <v>29</v>
      </c>
      <c r="AD12153">
        <v>29</v>
      </c>
      <c r="AE12153">
        <v>29</v>
      </c>
      <c r="AF12153">
        <v>30</v>
      </c>
      <c r="AG12153">
        <v>30</v>
      </c>
      <c r="AH12153">
        <v>30</v>
      </c>
      <c r="AI12153">
        <v>30</v>
      </c>
      <c r="AJ12153">
        <v>30</v>
      </c>
      <c r="AK12153">
        <v>31</v>
      </c>
      <c r="AL12153">
        <v>31</v>
      </c>
      <c r="AM12153">
        <v>30</v>
      </c>
      <c r="AN12153">
        <v>30</v>
      </c>
      <c r="AO12153">
        <v>30</v>
      </c>
      <c r="AP12153">
        <v>30</v>
      </c>
      <c r="AQ12153">
        <v>30</v>
      </c>
    </row>
    <row r="12154" spans="1:43">
      <c r="A12154" t="s">
        <v>7554</v>
      </c>
      <c r="B12154" t="s">
        <v>7555</v>
      </c>
      <c r="C12154" t="s">
        <v>7556</v>
      </c>
      <c r="D12154" t="s">
        <v>7557</v>
      </c>
      <c r="E12154" t="s">
        <v>7278</v>
      </c>
      <c r="F12154" t="s">
        <v>7279</v>
      </c>
      <c r="G12154" t="s">
        <v>80</v>
      </c>
      <c r="H12154" t="s">
        <v>81</v>
      </c>
      <c r="I12154" s="2">
        <v>0</v>
      </c>
      <c r="J12154" s="2">
        <v>1</v>
      </c>
      <c r="K12154" s="2">
        <v>0</v>
      </c>
      <c r="L12154" t="s">
        <v>82</v>
      </c>
      <c r="M12154" t="s">
        <v>83</v>
      </c>
      <c r="N12154" t="s">
        <v>84</v>
      </c>
      <c r="O12154" t="s">
        <v>85</v>
      </c>
      <c r="P12154" t="s">
        <v>86</v>
      </c>
      <c r="Q12154">
        <v>12</v>
      </c>
      <c r="R12154">
        <v>12</v>
      </c>
      <c r="S12154">
        <v>13</v>
      </c>
      <c r="T12154">
        <v>13</v>
      </c>
      <c r="U12154">
        <v>13</v>
      </c>
      <c r="V12154">
        <v>13</v>
      </c>
      <c r="W12154">
        <v>13</v>
      </c>
      <c r="X12154">
        <v>13</v>
      </c>
      <c r="Y12154">
        <v>13</v>
      </c>
      <c r="Z12154">
        <v>14</v>
      </c>
      <c r="AA12154">
        <v>14</v>
      </c>
      <c r="AB12154">
        <v>14</v>
      </c>
      <c r="AC12154">
        <v>14</v>
      </c>
      <c r="AD12154">
        <v>14</v>
      </c>
      <c r="AE12154">
        <v>14</v>
      </c>
      <c r="AF12154">
        <v>14</v>
      </c>
      <c r="AG12154">
        <v>14</v>
      </c>
      <c r="AH12154">
        <v>14</v>
      </c>
      <c r="AI12154">
        <v>14</v>
      </c>
      <c r="AJ12154">
        <v>15</v>
      </c>
      <c r="AK12154">
        <v>15</v>
      </c>
      <c r="AL12154">
        <v>15</v>
      </c>
      <c r="AM12154">
        <v>15</v>
      </c>
      <c r="AN12154">
        <v>15</v>
      </c>
      <c r="AO12154">
        <v>15</v>
      </c>
      <c r="AP12154">
        <v>15</v>
      </c>
      <c r="AQ12154">
        <v>15</v>
      </c>
    </row>
    <row r="12155" spans="1:43">
      <c r="A12155" t="s">
        <v>7554</v>
      </c>
      <c r="B12155" t="s">
        <v>7555</v>
      </c>
      <c r="C12155" t="s">
        <v>7556</v>
      </c>
      <c r="D12155" t="s">
        <v>7557</v>
      </c>
      <c r="E12155" t="s">
        <v>7278</v>
      </c>
      <c r="F12155" t="s">
        <v>7279</v>
      </c>
      <c r="G12155" t="s">
        <v>80</v>
      </c>
      <c r="H12155" t="s">
        <v>81</v>
      </c>
      <c r="I12155" s="2">
        <v>0</v>
      </c>
      <c r="J12155" s="2">
        <v>1</v>
      </c>
      <c r="K12155" s="2">
        <v>0</v>
      </c>
      <c r="L12155" t="s">
        <v>82</v>
      </c>
      <c r="M12155" t="s">
        <v>87</v>
      </c>
      <c r="N12155" t="s">
        <v>88</v>
      </c>
      <c r="O12155" t="s">
        <v>85</v>
      </c>
      <c r="P12155" t="s">
        <v>86</v>
      </c>
      <c r="Q12155">
        <v>12</v>
      </c>
      <c r="R12155">
        <v>12</v>
      </c>
      <c r="S12155">
        <v>12</v>
      </c>
      <c r="T12155">
        <v>12</v>
      </c>
      <c r="U12155">
        <v>12</v>
      </c>
      <c r="V12155">
        <v>12</v>
      </c>
      <c r="W12155">
        <v>12</v>
      </c>
      <c r="X12155">
        <v>12</v>
      </c>
      <c r="Y12155">
        <v>12</v>
      </c>
      <c r="Z12155">
        <v>12</v>
      </c>
      <c r="AA12155">
        <v>12</v>
      </c>
      <c r="AB12155">
        <v>12</v>
      </c>
      <c r="AC12155">
        <v>12</v>
      </c>
      <c r="AD12155">
        <v>12</v>
      </c>
      <c r="AE12155">
        <v>12</v>
      </c>
      <c r="AF12155">
        <v>13</v>
      </c>
      <c r="AG12155">
        <v>13</v>
      </c>
      <c r="AH12155">
        <v>13</v>
      </c>
      <c r="AI12155">
        <v>13</v>
      </c>
      <c r="AJ12155">
        <v>13</v>
      </c>
      <c r="AK12155">
        <v>13</v>
      </c>
      <c r="AL12155">
        <v>13</v>
      </c>
      <c r="AM12155">
        <v>13</v>
      </c>
      <c r="AN12155">
        <v>13</v>
      </c>
      <c r="AO12155">
        <v>13</v>
      </c>
      <c r="AP12155">
        <v>13</v>
      </c>
      <c r="AQ12155">
        <v>13</v>
      </c>
    </row>
    <row r="12156" spans="1:43">
      <c r="A12156" t="s">
        <v>7554</v>
      </c>
      <c r="B12156" t="s">
        <v>7555</v>
      </c>
      <c r="C12156" t="s">
        <v>7556</v>
      </c>
      <c r="D12156" t="s">
        <v>7557</v>
      </c>
      <c r="E12156" t="s">
        <v>7278</v>
      </c>
      <c r="F12156" t="s">
        <v>7279</v>
      </c>
      <c r="G12156" t="s">
        <v>80</v>
      </c>
      <c r="H12156" t="s">
        <v>81</v>
      </c>
      <c r="I12156" s="2">
        <v>0</v>
      </c>
      <c r="J12156" s="2">
        <v>1</v>
      </c>
      <c r="K12156" s="2">
        <v>0</v>
      </c>
      <c r="L12156" t="s">
        <v>82</v>
      </c>
      <c r="M12156" t="s">
        <v>89</v>
      </c>
      <c r="N12156" t="s">
        <v>90</v>
      </c>
      <c r="O12156" t="s">
        <v>85</v>
      </c>
      <c r="P12156" t="s">
        <v>86</v>
      </c>
      <c r="Q12156">
        <v>12</v>
      </c>
      <c r="R12156">
        <v>13</v>
      </c>
      <c r="S12156">
        <v>13</v>
      </c>
      <c r="T12156">
        <v>13</v>
      </c>
      <c r="U12156">
        <v>13</v>
      </c>
      <c r="V12156">
        <v>14</v>
      </c>
      <c r="W12156">
        <v>14</v>
      </c>
      <c r="X12156">
        <v>14</v>
      </c>
      <c r="Y12156">
        <v>14</v>
      </c>
      <c r="Z12156">
        <v>14</v>
      </c>
      <c r="AA12156">
        <v>15</v>
      </c>
      <c r="AB12156">
        <v>15</v>
      </c>
      <c r="AC12156">
        <v>15</v>
      </c>
      <c r="AD12156">
        <v>15</v>
      </c>
      <c r="AE12156">
        <v>15</v>
      </c>
      <c r="AF12156">
        <v>15</v>
      </c>
      <c r="AG12156">
        <v>15</v>
      </c>
      <c r="AH12156">
        <v>15</v>
      </c>
      <c r="AI12156">
        <v>15</v>
      </c>
      <c r="AJ12156">
        <v>15</v>
      </c>
      <c r="AK12156">
        <v>15</v>
      </c>
      <c r="AL12156">
        <v>15</v>
      </c>
      <c r="AM12156">
        <v>15</v>
      </c>
      <c r="AN12156">
        <v>15</v>
      </c>
      <c r="AO12156">
        <v>15</v>
      </c>
      <c r="AP12156">
        <v>15</v>
      </c>
      <c r="AQ12156">
        <v>15</v>
      </c>
    </row>
    <row r="12157" spans="1:43">
      <c r="A12157" t="s">
        <v>7554</v>
      </c>
      <c r="B12157" t="s">
        <v>7555</v>
      </c>
      <c r="C12157" t="s">
        <v>7556</v>
      </c>
      <c r="D12157" t="s">
        <v>7557</v>
      </c>
      <c r="E12157" t="s">
        <v>7278</v>
      </c>
      <c r="F12157" t="s">
        <v>7279</v>
      </c>
      <c r="G12157" t="s">
        <v>80</v>
      </c>
      <c r="H12157" t="s">
        <v>81</v>
      </c>
      <c r="I12157" s="2">
        <v>0</v>
      </c>
      <c r="J12157" s="2">
        <v>1</v>
      </c>
      <c r="K12157" s="2">
        <v>0</v>
      </c>
      <c r="L12157" t="s">
        <v>82</v>
      </c>
      <c r="M12157" t="s">
        <v>83</v>
      </c>
      <c r="N12157" t="s">
        <v>91</v>
      </c>
      <c r="O12157" t="s">
        <v>85</v>
      </c>
      <c r="P12157" t="s">
        <v>86</v>
      </c>
      <c r="Q12157">
        <v>12</v>
      </c>
      <c r="R12157">
        <v>12</v>
      </c>
      <c r="S12157">
        <v>13</v>
      </c>
      <c r="T12157">
        <v>13</v>
      </c>
      <c r="U12157">
        <v>13</v>
      </c>
      <c r="V12157">
        <v>13</v>
      </c>
      <c r="W12157">
        <v>13</v>
      </c>
      <c r="X12157">
        <v>13</v>
      </c>
      <c r="Y12157">
        <v>13</v>
      </c>
      <c r="Z12157">
        <v>14</v>
      </c>
      <c r="AA12157">
        <v>14</v>
      </c>
      <c r="AB12157">
        <v>14</v>
      </c>
      <c r="AC12157">
        <v>14</v>
      </c>
      <c r="AD12157">
        <v>14</v>
      </c>
      <c r="AE12157">
        <v>14</v>
      </c>
      <c r="AF12157">
        <v>14</v>
      </c>
      <c r="AG12157">
        <v>14</v>
      </c>
      <c r="AH12157">
        <v>14</v>
      </c>
      <c r="AI12157">
        <v>14</v>
      </c>
      <c r="AJ12157">
        <v>15</v>
      </c>
      <c r="AK12157">
        <v>15</v>
      </c>
      <c r="AL12157">
        <v>15</v>
      </c>
      <c r="AM12157">
        <v>15</v>
      </c>
      <c r="AN12157">
        <v>15</v>
      </c>
      <c r="AO12157">
        <v>15</v>
      </c>
      <c r="AP12157">
        <v>15</v>
      </c>
      <c r="AQ12157">
        <v>15</v>
      </c>
    </row>
    <row r="12158" spans="1:43">
      <c r="A12158" t="s">
        <v>7558</v>
      </c>
      <c r="B12158" t="s">
        <v>7559</v>
      </c>
      <c r="C12158" t="s">
        <v>7556</v>
      </c>
      <c r="D12158" t="s">
        <v>7557</v>
      </c>
      <c r="E12158" t="s">
        <v>7278</v>
      </c>
      <c r="F12158" t="s">
        <v>7279</v>
      </c>
      <c r="G12158" t="s">
        <v>80</v>
      </c>
      <c r="H12158" t="s">
        <v>81</v>
      </c>
      <c r="I12158" s="2">
        <v>0</v>
      </c>
      <c r="J12158" s="2">
        <v>1</v>
      </c>
      <c r="K12158" s="2">
        <v>0</v>
      </c>
      <c r="L12158" t="s">
        <v>82</v>
      </c>
      <c r="M12158" t="s">
        <v>83</v>
      </c>
      <c r="N12158" t="s">
        <v>84</v>
      </c>
      <c r="O12158" t="s">
        <v>85</v>
      </c>
      <c r="P12158" t="s">
        <v>86</v>
      </c>
      <c r="Q12158">
        <v>34</v>
      </c>
      <c r="R12158">
        <v>34</v>
      </c>
      <c r="S12158">
        <v>35</v>
      </c>
      <c r="T12158">
        <v>35</v>
      </c>
      <c r="U12158">
        <v>35</v>
      </c>
      <c r="V12158">
        <v>36</v>
      </c>
      <c r="W12158">
        <v>36</v>
      </c>
      <c r="X12158">
        <v>37</v>
      </c>
      <c r="Y12158">
        <v>37</v>
      </c>
      <c r="Z12158">
        <v>37</v>
      </c>
      <c r="AA12158">
        <v>38</v>
      </c>
      <c r="AB12158">
        <v>38</v>
      </c>
      <c r="AC12158">
        <v>38</v>
      </c>
      <c r="AD12158">
        <v>38</v>
      </c>
      <c r="AE12158">
        <v>39</v>
      </c>
      <c r="AF12158">
        <v>39</v>
      </c>
      <c r="AG12158">
        <v>39</v>
      </c>
      <c r="AH12158">
        <v>40</v>
      </c>
      <c r="AI12158">
        <v>40</v>
      </c>
      <c r="AJ12158">
        <v>40</v>
      </c>
      <c r="AK12158">
        <v>40</v>
      </c>
      <c r="AL12158">
        <v>40</v>
      </c>
      <c r="AM12158">
        <v>40</v>
      </c>
      <c r="AN12158">
        <v>40</v>
      </c>
      <c r="AO12158">
        <v>40</v>
      </c>
      <c r="AP12158">
        <v>40</v>
      </c>
      <c r="AQ12158">
        <v>40</v>
      </c>
    </row>
    <row r="12159" spans="1:43">
      <c r="A12159" t="s">
        <v>7558</v>
      </c>
      <c r="B12159" t="s">
        <v>7559</v>
      </c>
      <c r="C12159" t="s">
        <v>7556</v>
      </c>
      <c r="D12159" t="s">
        <v>7557</v>
      </c>
      <c r="E12159" t="s">
        <v>7278</v>
      </c>
      <c r="F12159" t="s">
        <v>7279</v>
      </c>
      <c r="G12159" t="s">
        <v>80</v>
      </c>
      <c r="H12159" t="s">
        <v>81</v>
      </c>
      <c r="I12159" s="2">
        <v>0</v>
      </c>
      <c r="J12159" s="2">
        <v>1</v>
      </c>
      <c r="K12159" s="2">
        <v>0</v>
      </c>
      <c r="L12159" t="s">
        <v>82</v>
      </c>
      <c r="M12159" t="s">
        <v>87</v>
      </c>
      <c r="N12159" t="s">
        <v>88</v>
      </c>
      <c r="O12159" t="s">
        <v>85</v>
      </c>
      <c r="P12159" t="s">
        <v>86</v>
      </c>
      <c r="Q12159">
        <v>34</v>
      </c>
      <c r="R12159">
        <v>34</v>
      </c>
      <c r="S12159">
        <v>34</v>
      </c>
      <c r="T12159">
        <v>34</v>
      </c>
      <c r="U12159">
        <v>34</v>
      </c>
      <c r="V12159">
        <v>34</v>
      </c>
      <c r="W12159">
        <v>34</v>
      </c>
      <c r="X12159">
        <v>34</v>
      </c>
      <c r="Y12159">
        <v>34</v>
      </c>
      <c r="Z12159">
        <v>34</v>
      </c>
      <c r="AA12159">
        <v>34</v>
      </c>
      <c r="AB12159">
        <v>34</v>
      </c>
      <c r="AC12159">
        <v>34</v>
      </c>
      <c r="AD12159">
        <v>34</v>
      </c>
      <c r="AE12159">
        <v>34</v>
      </c>
      <c r="AF12159">
        <v>34</v>
      </c>
      <c r="AG12159">
        <v>34</v>
      </c>
      <c r="AH12159">
        <v>34</v>
      </c>
      <c r="AI12159">
        <v>34</v>
      </c>
      <c r="AJ12159">
        <v>34</v>
      </c>
      <c r="AK12159">
        <v>34</v>
      </c>
      <c r="AL12159">
        <v>34</v>
      </c>
      <c r="AM12159">
        <v>34</v>
      </c>
      <c r="AN12159">
        <v>34</v>
      </c>
      <c r="AO12159">
        <v>35</v>
      </c>
      <c r="AP12159">
        <v>35</v>
      </c>
      <c r="AQ12159">
        <v>35</v>
      </c>
    </row>
    <row r="12160" spans="1:43">
      <c r="A12160" t="s">
        <v>7558</v>
      </c>
      <c r="B12160" t="s">
        <v>7559</v>
      </c>
      <c r="C12160" t="s">
        <v>7556</v>
      </c>
      <c r="D12160" t="s">
        <v>7557</v>
      </c>
      <c r="E12160" t="s">
        <v>7278</v>
      </c>
      <c r="F12160" t="s">
        <v>7279</v>
      </c>
      <c r="G12160" t="s">
        <v>80</v>
      </c>
      <c r="H12160" t="s">
        <v>81</v>
      </c>
      <c r="I12160" s="2">
        <v>0</v>
      </c>
      <c r="J12160" s="2">
        <v>1</v>
      </c>
      <c r="K12160" s="2">
        <v>0</v>
      </c>
      <c r="L12160" t="s">
        <v>82</v>
      </c>
      <c r="M12160" t="s">
        <v>89</v>
      </c>
      <c r="N12160" t="s">
        <v>90</v>
      </c>
      <c r="O12160" t="s">
        <v>85</v>
      </c>
      <c r="P12160" t="s">
        <v>86</v>
      </c>
      <c r="Q12160">
        <v>34</v>
      </c>
      <c r="R12160">
        <v>35</v>
      </c>
      <c r="S12160">
        <v>36</v>
      </c>
      <c r="T12160">
        <v>36</v>
      </c>
      <c r="U12160">
        <v>37</v>
      </c>
      <c r="V12160">
        <v>37</v>
      </c>
      <c r="W12160">
        <v>38</v>
      </c>
      <c r="X12160">
        <v>39</v>
      </c>
      <c r="Y12160">
        <v>39</v>
      </c>
      <c r="Z12160">
        <v>40</v>
      </c>
      <c r="AA12160">
        <v>40</v>
      </c>
      <c r="AB12160">
        <v>40</v>
      </c>
      <c r="AC12160">
        <v>41</v>
      </c>
      <c r="AD12160">
        <v>41</v>
      </c>
      <c r="AE12160">
        <v>41</v>
      </c>
      <c r="AF12160">
        <v>41</v>
      </c>
      <c r="AG12160">
        <v>41</v>
      </c>
      <c r="AH12160">
        <v>41</v>
      </c>
      <c r="AI12160">
        <v>41</v>
      </c>
      <c r="AJ12160">
        <v>41</v>
      </c>
      <c r="AK12160">
        <v>41</v>
      </c>
      <c r="AL12160">
        <v>41</v>
      </c>
      <c r="AM12160">
        <v>41</v>
      </c>
      <c r="AN12160">
        <v>41</v>
      </c>
      <c r="AO12160">
        <v>41</v>
      </c>
      <c r="AP12160">
        <v>41</v>
      </c>
      <c r="AQ12160">
        <v>40</v>
      </c>
    </row>
    <row r="12161" spans="1:43">
      <c r="A12161" t="s">
        <v>7558</v>
      </c>
      <c r="B12161" t="s">
        <v>7559</v>
      </c>
      <c r="C12161" t="s">
        <v>7556</v>
      </c>
      <c r="D12161" t="s">
        <v>7557</v>
      </c>
      <c r="E12161" t="s">
        <v>7278</v>
      </c>
      <c r="F12161" t="s">
        <v>7279</v>
      </c>
      <c r="G12161" t="s">
        <v>80</v>
      </c>
      <c r="H12161" t="s">
        <v>81</v>
      </c>
      <c r="I12161" s="2">
        <v>0</v>
      </c>
      <c r="J12161" s="2">
        <v>1</v>
      </c>
      <c r="K12161" s="2">
        <v>0</v>
      </c>
      <c r="L12161" t="s">
        <v>82</v>
      </c>
      <c r="M12161" t="s">
        <v>83</v>
      </c>
      <c r="N12161" t="s">
        <v>91</v>
      </c>
      <c r="O12161" t="s">
        <v>85</v>
      </c>
      <c r="P12161" t="s">
        <v>86</v>
      </c>
      <c r="Q12161">
        <v>34</v>
      </c>
      <c r="R12161">
        <v>34</v>
      </c>
      <c r="S12161">
        <v>35</v>
      </c>
      <c r="T12161">
        <v>35</v>
      </c>
      <c r="U12161">
        <v>35</v>
      </c>
      <c r="V12161">
        <v>36</v>
      </c>
      <c r="W12161">
        <v>36</v>
      </c>
      <c r="X12161">
        <v>37</v>
      </c>
      <c r="Y12161">
        <v>37</v>
      </c>
      <c r="Z12161">
        <v>37</v>
      </c>
      <c r="AA12161">
        <v>38</v>
      </c>
      <c r="AB12161">
        <v>38</v>
      </c>
      <c r="AC12161">
        <v>38</v>
      </c>
      <c r="AD12161">
        <v>38</v>
      </c>
      <c r="AE12161">
        <v>39</v>
      </c>
      <c r="AF12161">
        <v>39</v>
      </c>
      <c r="AG12161">
        <v>39</v>
      </c>
      <c r="AH12161">
        <v>40</v>
      </c>
      <c r="AI12161">
        <v>40</v>
      </c>
      <c r="AJ12161">
        <v>40</v>
      </c>
      <c r="AK12161">
        <v>40</v>
      </c>
      <c r="AL12161">
        <v>40</v>
      </c>
      <c r="AM12161">
        <v>40</v>
      </c>
      <c r="AN12161">
        <v>40</v>
      </c>
      <c r="AO12161">
        <v>40</v>
      </c>
      <c r="AP12161">
        <v>40</v>
      </c>
      <c r="AQ12161">
        <v>40</v>
      </c>
    </row>
    <row r="12162" spans="1:43">
      <c r="A12162" t="s">
        <v>7560</v>
      </c>
      <c r="B12162" t="s">
        <v>7561</v>
      </c>
      <c r="C12162" t="s">
        <v>7458</v>
      </c>
      <c r="D12162" t="s">
        <v>7459</v>
      </c>
      <c r="E12162" t="s">
        <v>7278</v>
      </c>
      <c r="F12162" t="s">
        <v>7279</v>
      </c>
      <c r="G12162" t="s">
        <v>80</v>
      </c>
      <c r="H12162" t="s">
        <v>81</v>
      </c>
      <c r="I12162" s="2">
        <v>0</v>
      </c>
      <c r="J12162" s="2">
        <v>1</v>
      </c>
      <c r="K12162" s="2">
        <v>0</v>
      </c>
      <c r="L12162" t="s">
        <v>82</v>
      </c>
      <c r="M12162" t="s">
        <v>83</v>
      </c>
      <c r="N12162" t="s">
        <v>84</v>
      </c>
      <c r="O12162" t="s">
        <v>85</v>
      </c>
      <c r="P12162" t="s">
        <v>86</v>
      </c>
      <c r="Q12162">
        <v>13</v>
      </c>
      <c r="R12162">
        <v>13</v>
      </c>
      <c r="S12162">
        <v>13</v>
      </c>
      <c r="T12162">
        <v>13</v>
      </c>
      <c r="U12162">
        <v>13</v>
      </c>
      <c r="V12162">
        <v>13</v>
      </c>
      <c r="W12162">
        <v>13</v>
      </c>
      <c r="X12162">
        <v>13</v>
      </c>
      <c r="Y12162">
        <v>14</v>
      </c>
      <c r="Z12162">
        <v>14</v>
      </c>
      <c r="AA12162">
        <v>14</v>
      </c>
      <c r="AB12162">
        <v>14</v>
      </c>
      <c r="AC12162">
        <v>14</v>
      </c>
      <c r="AD12162">
        <v>14</v>
      </c>
      <c r="AE12162">
        <v>14</v>
      </c>
      <c r="AF12162">
        <v>14</v>
      </c>
      <c r="AG12162">
        <v>14</v>
      </c>
      <c r="AH12162">
        <v>14</v>
      </c>
      <c r="AI12162">
        <v>15</v>
      </c>
      <c r="AJ12162">
        <v>15</v>
      </c>
      <c r="AK12162">
        <v>15</v>
      </c>
      <c r="AL12162">
        <v>15</v>
      </c>
      <c r="AM12162">
        <v>15</v>
      </c>
      <c r="AN12162">
        <v>15</v>
      </c>
      <c r="AO12162">
        <v>15</v>
      </c>
      <c r="AP12162">
        <v>15</v>
      </c>
      <c r="AQ12162">
        <v>15</v>
      </c>
    </row>
    <row r="12163" spans="1:43">
      <c r="A12163" t="s">
        <v>7560</v>
      </c>
      <c r="B12163" t="s">
        <v>7561</v>
      </c>
      <c r="C12163" t="s">
        <v>7458</v>
      </c>
      <c r="D12163" t="s">
        <v>7459</v>
      </c>
      <c r="E12163" t="s">
        <v>7278</v>
      </c>
      <c r="F12163" t="s">
        <v>7279</v>
      </c>
      <c r="G12163" t="s">
        <v>80</v>
      </c>
      <c r="H12163" t="s">
        <v>81</v>
      </c>
      <c r="I12163" s="2">
        <v>0</v>
      </c>
      <c r="J12163" s="2">
        <v>1</v>
      </c>
      <c r="K12163" s="2">
        <v>0</v>
      </c>
      <c r="L12163" t="s">
        <v>82</v>
      </c>
      <c r="M12163" t="s">
        <v>87</v>
      </c>
      <c r="N12163" t="s">
        <v>88</v>
      </c>
      <c r="O12163" t="s">
        <v>85</v>
      </c>
      <c r="P12163" t="s">
        <v>86</v>
      </c>
      <c r="Q12163">
        <v>13</v>
      </c>
      <c r="R12163">
        <v>13</v>
      </c>
      <c r="S12163">
        <v>13</v>
      </c>
      <c r="T12163">
        <v>13</v>
      </c>
      <c r="U12163">
        <v>13</v>
      </c>
      <c r="V12163">
        <v>14</v>
      </c>
      <c r="W12163">
        <v>14</v>
      </c>
      <c r="X12163">
        <v>14</v>
      </c>
      <c r="Y12163">
        <v>14</v>
      </c>
      <c r="Z12163">
        <v>14</v>
      </c>
      <c r="AA12163">
        <v>14</v>
      </c>
      <c r="AB12163">
        <v>14</v>
      </c>
      <c r="AC12163">
        <v>14</v>
      </c>
      <c r="AD12163">
        <v>14</v>
      </c>
      <c r="AE12163">
        <v>14</v>
      </c>
      <c r="AF12163">
        <v>14</v>
      </c>
      <c r="AG12163">
        <v>14</v>
      </c>
      <c r="AH12163">
        <v>14</v>
      </c>
      <c r="AI12163">
        <v>14</v>
      </c>
      <c r="AJ12163">
        <v>14</v>
      </c>
      <c r="AK12163">
        <v>14</v>
      </c>
      <c r="AL12163">
        <v>14</v>
      </c>
      <c r="AM12163">
        <v>14</v>
      </c>
      <c r="AN12163">
        <v>14</v>
      </c>
      <c r="AO12163">
        <v>14</v>
      </c>
      <c r="AP12163">
        <v>14</v>
      </c>
      <c r="AQ12163">
        <v>14</v>
      </c>
    </row>
    <row r="12164" spans="1:43">
      <c r="A12164" t="s">
        <v>7560</v>
      </c>
      <c r="B12164" t="s">
        <v>7561</v>
      </c>
      <c r="C12164" t="s">
        <v>7458</v>
      </c>
      <c r="D12164" t="s">
        <v>7459</v>
      </c>
      <c r="E12164" t="s">
        <v>7278</v>
      </c>
      <c r="F12164" t="s">
        <v>7279</v>
      </c>
      <c r="G12164" t="s">
        <v>80</v>
      </c>
      <c r="H12164" t="s">
        <v>81</v>
      </c>
      <c r="I12164" s="2">
        <v>0</v>
      </c>
      <c r="J12164" s="2">
        <v>1</v>
      </c>
      <c r="K12164" s="2">
        <v>0</v>
      </c>
      <c r="L12164" t="s">
        <v>82</v>
      </c>
      <c r="M12164" t="s">
        <v>89</v>
      </c>
      <c r="N12164" t="s">
        <v>90</v>
      </c>
      <c r="O12164" t="s">
        <v>85</v>
      </c>
      <c r="P12164" t="s">
        <v>86</v>
      </c>
      <c r="Q12164">
        <v>13</v>
      </c>
      <c r="R12164">
        <v>13</v>
      </c>
      <c r="S12164">
        <v>13</v>
      </c>
      <c r="T12164">
        <v>13</v>
      </c>
      <c r="U12164">
        <v>14</v>
      </c>
      <c r="V12164">
        <v>14</v>
      </c>
      <c r="W12164">
        <v>14</v>
      </c>
      <c r="X12164">
        <v>14</v>
      </c>
      <c r="Y12164">
        <v>14</v>
      </c>
      <c r="Z12164">
        <v>15</v>
      </c>
      <c r="AA12164">
        <v>15</v>
      </c>
      <c r="AB12164">
        <v>15</v>
      </c>
      <c r="AC12164">
        <v>15</v>
      </c>
      <c r="AD12164">
        <v>15</v>
      </c>
      <c r="AE12164">
        <v>15</v>
      </c>
      <c r="AF12164">
        <v>15</v>
      </c>
      <c r="AG12164">
        <v>15</v>
      </c>
      <c r="AH12164">
        <v>15</v>
      </c>
      <c r="AI12164">
        <v>15</v>
      </c>
      <c r="AJ12164">
        <v>15</v>
      </c>
      <c r="AK12164">
        <v>15</v>
      </c>
      <c r="AL12164">
        <v>15</v>
      </c>
      <c r="AM12164">
        <v>15</v>
      </c>
      <c r="AN12164">
        <v>15</v>
      </c>
      <c r="AO12164">
        <v>15</v>
      </c>
      <c r="AP12164">
        <v>15</v>
      </c>
      <c r="AQ12164">
        <v>15</v>
      </c>
    </row>
    <row r="12165" spans="1:43">
      <c r="A12165" t="s">
        <v>7560</v>
      </c>
      <c r="B12165" t="s">
        <v>7561</v>
      </c>
      <c r="C12165" t="s">
        <v>7458</v>
      </c>
      <c r="D12165" t="s">
        <v>7459</v>
      </c>
      <c r="E12165" t="s">
        <v>7278</v>
      </c>
      <c r="F12165" t="s">
        <v>7279</v>
      </c>
      <c r="G12165" t="s">
        <v>80</v>
      </c>
      <c r="H12165" t="s">
        <v>81</v>
      </c>
      <c r="I12165" s="2">
        <v>0</v>
      </c>
      <c r="J12165" s="2">
        <v>1</v>
      </c>
      <c r="K12165" s="2">
        <v>0</v>
      </c>
      <c r="L12165" t="s">
        <v>82</v>
      </c>
      <c r="M12165" t="s">
        <v>83</v>
      </c>
      <c r="N12165" t="s">
        <v>91</v>
      </c>
      <c r="O12165" t="s">
        <v>85</v>
      </c>
      <c r="P12165" t="s">
        <v>86</v>
      </c>
      <c r="Q12165">
        <v>13</v>
      </c>
      <c r="R12165">
        <v>13</v>
      </c>
      <c r="S12165">
        <v>13</v>
      </c>
      <c r="T12165">
        <v>13</v>
      </c>
      <c r="U12165">
        <v>13</v>
      </c>
      <c r="V12165">
        <v>13</v>
      </c>
      <c r="W12165">
        <v>13</v>
      </c>
      <c r="X12165">
        <v>13</v>
      </c>
      <c r="Y12165">
        <v>14</v>
      </c>
      <c r="Z12165">
        <v>14</v>
      </c>
      <c r="AA12165">
        <v>14</v>
      </c>
      <c r="AB12165">
        <v>14</v>
      </c>
      <c r="AC12165">
        <v>14</v>
      </c>
      <c r="AD12165">
        <v>14</v>
      </c>
      <c r="AE12165">
        <v>14</v>
      </c>
      <c r="AF12165">
        <v>14</v>
      </c>
      <c r="AG12165">
        <v>14</v>
      </c>
      <c r="AH12165">
        <v>14</v>
      </c>
      <c r="AI12165">
        <v>15</v>
      </c>
      <c r="AJ12165">
        <v>15</v>
      </c>
      <c r="AK12165">
        <v>15</v>
      </c>
      <c r="AL12165">
        <v>15</v>
      </c>
      <c r="AM12165">
        <v>15</v>
      </c>
      <c r="AN12165">
        <v>15</v>
      </c>
      <c r="AO12165">
        <v>15</v>
      </c>
      <c r="AP12165">
        <v>15</v>
      </c>
      <c r="AQ12165">
        <v>15</v>
      </c>
    </row>
    <row r="12166" spans="1:43">
      <c r="A12166" t="s">
        <v>7562</v>
      </c>
      <c r="B12166" t="s">
        <v>7563</v>
      </c>
      <c r="C12166" t="s">
        <v>7458</v>
      </c>
      <c r="D12166" t="s">
        <v>7459</v>
      </c>
      <c r="E12166" t="s">
        <v>7278</v>
      </c>
      <c r="F12166" t="s">
        <v>7279</v>
      </c>
      <c r="G12166" t="s">
        <v>80</v>
      </c>
      <c r="H12166" t="s">
        <v>81</v>
      </c>
      <c r="I12166" s="2">
        <v>0</v>
      </c>
      <c r="J12166" s="2">
        <v>1</v>
      </c>
      <c r="K12166" s="2">
        <v>0</v>
      </c>
      <c r="L12166" t="s">
        <v>82</v>
      </c>
      <c r="M12166" t="s">
        <v>83</v>
      </c>
      <c r="N12166" t="s">
        <v>84</v>
      </c>
      <c r="O12166" t="s">
        <v>85</v>
      </c>
      <c r="P12166" t="s">
        <v>86</v>
      </c>
      <c r="Q12166">
        <v>7</v>
      </c>
      <c r="R12166">
        <v>8</v>
      </c>
      <c r="S12166">
        <v>8</v>
      </c>
      <c r="T12166">
        <v>8</v>
      </c>
      <c r="U12166">
        <v>8</v>
      </c>
      <c r="V12166">
        <v>8</v>
      </c>
      <c r="W12166">
        <v>8</v>
      </c>
      <c r="X12166">
        <v>8</v>
      </c>
      <c r="Y12166">
        <v>8</v>
      </c>
      <c r="Z12166">
        <v>8</v>
      </c>
      <c r="AA12166">
        <v>8</v>
      </c>
      <c r="AB12166">
        <v>8</v>
      </c>
      <c r="AC12166">
        <v>8</v>
      </c>
      <c r="AD12166">
        <v>8</v>
      </c>
      <c r="AE12166">
        <v>8</v>
      </c>
      <c r="AF12166">
        <v>9</v>
      </c>
      <c r="AG12166">
        <v>9</v>
      </c>
      <c r="AH12166">
        <v>9</v>
      </c>
      <c r="AI12166">
        <v>9</v>
      </c>
      <c r="AJ12166">
        <v>9</v>
      </c>
      <c r="AK12166">
        <v>9</v>
      </c>
      <c r="AL12166">
        <v>9</v>
      </c>
      <c r="AM12166">
        <v>9</v>
      </c>
      <c r="AN12166">
        <v>9</v>
      </c>
      <c r="AO12166">
        <v>9</v>
      </c>
      <c r="AP12166">
        <v>9</v>
      </c>
      <c r="AQ12166">
        <v>9</v>
      </c>
    </row>
    <row r="12167" spans="1:43">
      <c r="A12167" t="s">
        <v>7562</v>
      </c>
      <c r="B12167" t="s">
        <v>7563</v>
      </c>
      <c r="C12167" t="s">
        <v>7458</v>
      </c>
      <c r="D12167" t="s">
        <v>7459</v>
      </c>
      <c r="E12167" t="s">
        <v>7278</v>
      </c>
      <c r="F12167" t="s">
        <v>7279</v>
      </c>
      <c r="G12167" t="s">
        <v>80</v>
      </c>
      <c r="H12167" t="s">
        <v>81</v>
      </c>
      <c r="I12167" s="2">
        <v>0</v>
      </c>
      <c r="J12167" s="2">
        <v>1</v>
      </c>
      <c r="K12167" s="2">
        <v>0</v>
      </c>
      <c r="L12167" t="s">
        <v>82</v>
      </c>
      <c r="M12167" t="s">
        <v>87</v>
      </c>
      <c r="N12167" t="s">
        <v>88</v>
      </c>
      <c r="O12167" t="s">
        <v>85</v>
      </c>
      <c r="P12167" t="s">
        <v>86</v>
      </c>
      <c r="Q12167">
        <v>7</v>
      </c>
      <c r="R12167">
        <v>7</v>
      </c>
      <c r="S12167">
        <v>7</v>
      </c>
      <c r="T12167">
        <v>7</v>
      </c>
      <c r="U12167">
        <v>7</v>
      </c>
      <c r="V12167">
        <v>7</v>
      </c>
      <c r="W12167">
        <v>7</v>
      </c>
      <c r="X12167">
        <v>7</v>
      </c>
      <c r="Y12167">
        <v>7</v>
      </c>
      <c r="Z12167">
        <v>7</v>
      </c>
      <c r="AA12167">
        <v>7</v>
      </c>
      <c r="AB12167">
        <v>7</v>
      </c>
      <c r="AC12167">
        <v>8</v>
      </c>
      <c r="AD12167">
        <v>8</v>
      </c>
      <c r="AE12167">
        <v>8</v>
      </c>
      <c r="AF12167">
        <v>8</v>
      </c>
      <c r="AG12167">
        <v>8</v>
      </c>
      <c r="AH12167">
        <v>8</v>
      </c>
      <c r="AI12167">
        <v>8</v>
      </c>
      <c r="AJ12167">
        <v>8</v>
      </c>
      <c r="AK12167">
        <v>8</v>
      </c>
      <c r="AL12167">
        <v>8</v>
      </c>
      <c r="AM12167">
        <v>8</v>
      </c>
      <c r="AN12167">
        <v>8</v>
      </c>
      <c r="AO12167">
        <v>8</v>
      </c>
      <c r="AP12167">
        <v>8</v>
      </c>
      <c r="AQ12167">
        <v>8</v>
      </c>
    </row>
    <row r="12168" spans="1:43">
      <c r="A12168" t="s">
        <v>7562</v>
      </c>
      <c r="B12168" t="s">
        <v>7563</v>
      </c>
      <c r="C12168" t="s">
        <v>7458</v>
      </c>
      <c r="D12168" t="s">
        <v>7459</v>
      </c>
      <c r="E12168" t="s">
        <v>7278</v>
      </c>
      <c r="F12168" t="s">
        <v>7279</v>
      </c>
      <c r="G12168" t="s">
        <v>80</v>
      </c>
      <c r="H12168" t="s">
        <v>81</v>
      </c>
      <c r="I12168" s="2">
        <v>0</v>
      </c>
      <c r="J12168" s="2">
        <v>1</v>
      </c>
      <c r="K12168" s="2">
        <v>0</v>
      </c>
      <c r="L12168" t="s">
        <v>82</v>
      </c>
      <c r="M12168" t="s">
        <v>89</v>
      </c>
      <c r="N12168" t="s">
        <v>90</v>
      </c>
      <c r="O12168" t="s">
        <v>85</v>
      </c>
      <c r="P12168" t="s">
        <v>86</v>
      </c>
      <c r="Q12168">
        <v>7</v>
      </c>
      <c r="R12168">
        <v>7</v>
      </c>
      <c r="S12168">
        <v>7</v>
      </c>
      <c r="T12168">
        <v>7</v>
      </c>
      <c r="U12168">
        <v>7</v>
      </c>
      <c r="V12168">
        <v>7</v>
      </c>
      <c r="W12168">
        <v>7</v>
      </c>
      <c r="X12168">
        <v>7</v>
      </c>
      <c r="Y12168">
        <v>8</v>
      </c>
      <c r="Z12168">
        <v>8</v>
      </c>
      <c r="AA12168">
        <v>8</v>
      </c>
      <c r="AB12168">
        <v>8</v>
      </c>
      <c r="AC12168">
        <v>8</v>
      </c>
      <c r="AD12168">
        <v>8</v>
      </c>
      <c r="AE12168">
        <v>8</v>
      </c>
      <c r="AF12168">
        <v>8</v>
      </c>
      <c r="AG12168">
        <v>8</v>
      </c>
      <c r="AH12168">
        <v>8</v>
      </c>
      <c r="AI12168">
        <v>8</v>
      </c>
      <c r="AJ12168">
        <v>8</v>
      </c>
      <c r="AK12168">
        <v>8</v>
      </c>
      <c r="AL12168">
        <v>8</v>
      </c>
      <c r="AM12168">
        <v>8</v>
      </c>
      <c r="AN12168">
        <v>8</v>
      </c>
      <c r="AO12168">
        <v>8</v>
      </c>
      <c r="AP12168">
        <v>8</v>
      </c>
      <c r="AQ12168">
        <v>8</v>
      </c>
    </row>
    <row r="12169" spans="1:43">
      <c r="A12169" t="s">
        <v>7562</v>
      </c>
      <c r="B12169" t="s">
        <v>7563</v>
      </c>
      <c r="C12169" t="s">
        <v>7458</v>
      </c>
      <c r="D12169" t="s">
        <v>7459</v>
      </c>
      <c r="E12169" t="s">
        <v>7278</v>
      </c>
      <c r="F12169" t="s">
        <v>7279</v>
      </c>
      <c r="G12169" t="s">
        <v>80</v>
      </c>
      <c r="H12169" t="s">
        <v>81</v>
      </c>
      <c r="I12169" s="2">
        <v>0</v>
      </c>
      <c r="J12169" s="2">
        <v>1</v>
      </c>
      <c r="K12169" s="2">
        <v>0</v>
      </c>
      <c r="L12169" t="s">
        <v>82</v>
      </c>
      <c r="M12169" t="s">
        <v>83</v>
      </c>
      <c r="N12169" t="s">
        <v>91</v>
      </c>
      <c r="O12169" t="s">
        <v>85</v>
      </c>
      <c r="P12169" t="s">
        <v>86</v>
      </c>
      <c r="Q12169">
        <v>7</v>
      </c>
      <c r="R12169">
        <v>8</v>
      </c>
      <c r="S12169">
        <v>8</v>
      </c>
      <c r="T12169">
        <v>8</v>
      </c>
      <c r="U12169">
        <v>8</v>
      </c>
      <c r="V12169">
        <v>8</v>
      </c>
      <c r="W12169">
        <v>8</v>
      </c>
      <c r="X12169">
        <v>8</v>
      </c>
      <c r="Y12169">
        <v>8</v>
      </c>
      <c r="Z12169">
        <v>8</v>
      </c>
      <c r="AA12169">
        <v>8</v>
      </c>
      <c r="AB12169">
        <v>8</v>
      </c>
      <c r="AC12169">
        <v>8</v>
      </c>
      <c r="AD12169">
        <v>8</v>
      </c>
      <c r="AE12169">
        <v>8</v>
      </c>
      <c r="AF12169">
        <v>9</v>
      </c>
      <c r="AG12169">
        <v>9</v>
      </c>
      <c r="AH12169">
        <v>9</v>
      </c>
      <c r="AI12169">
        <v>9</v>
      </c>
      <c r="AJ12169">
        <v>9</v>
      </c>
      <c r="AK12169">
        <v>9</v>
      </c>
      <c r="AL12169">
        <v>9</v>
      </c>
      <c r="AM12169">
        <v>9</v>
      </c>
      <c r="AN12169">
        <v>9</v>
      </c>
      <c r="AO12169">
        <v>9</v>
      </c>
      <c r="AP12169">
        <v>9</v>
      </c>
      <c r="AQ12169">
        <v>9</v>
      </c>
    </row>
    <row r="12170" spans="1:43">
      <c r="A12170" t="s">
        <v>7564</v>
      </c>
      <c r="B12170" t="s">
        <v>7565</v>
      </c>
      <c r="C12170" t="s">
        <v>7566</v>
      </c>
      <c r="D12170" t="s">
        <v>7567</v>
      </c>
      <c r="E12170" t="s">
        <v>7278</v>
      </c>
      <c r="F12170" t="s">
        <v>7279</v>
      </c>
      <c r="G12170" t="s">
        <v>80</v>
      </c>
      <c r="H12170" t="s">
        <v>81</v>
      </c>
      <c r="I12170" s="2">
        <v>0</v>
      </c>
      <c r="J12170" s="2">
        <v>1</v>
      </c>
      <c r="K12170" s="2">
        <v>0</v>
      </c>
      <c r="L12170" t="s">
        <v>82</v>
      </c>
      <c r="M12170" t="s">
        <v>83</v>
      </c>
      <c r="N12170" t="s">
        <v>84</v>
      </c>
      <c r="O12170" t="s">
        <v>85</v>
      </c>
      <c r="P12170" t="s">
        <v>86</v>
      </c>
      <c r="Q12170">
        <v>29</v>
      </c>
      <c r="R12170">
        <v>29</v>
      </c>
      <c r="S12170">
        <v>30</v>
      </c>
      <c r="T12170">
        <v>30</v>
      </c>
      <c r="U12170">
        <v>30</v>
      </c>
      <c r="V12170">
        <v>31</v>
      </c>
      <c r="W12170">
        <v>31</v>
      </c>
      <c r="X12170">
        <v>31</v>
      </c>
      <c r="Y12170">
        <v>31</v>
      </c>
      <c r="Z12170">
        <v>32</v>
      </c>
      <c r="AA12170">
        <v>32</v>
      </c>
      <c r="AB12170">
        <v>32</v>
      </c>
      <c r="AC12170">
        <v>33</v>
      </c>
      <c r="AD12170">
        <v>33</v>
      </c>
      <c r="AE12170">
        <v>33</v>
      </c>
      <c r="AF12170">
        <v>33</v>
      </c>
      <c r="AG12170">
        <v>33</v>
      </c>
      <c r="AH12170">
        <v>34</v>
      </c>
      <c r="AI12170">
        <v>34</v>
      </c>
      <c r="AJ12170">
        <v>34</v>
      </c>
      <c r="AK12170">
        <v>34</v>
      </c>
      <c r="AL12170">
        <v>34</v>
      </c>
      <c r="AM12170">
        <v>34</v>
      </c>
      <c r="AN12170">
        <v>34</v>
      </c>
      <c r="AO12170">
        <v>34</v>
      </c>
      <c r="AP12170">
        <v>34</v>
      </c>
      <c r="AQ12170">
        <v>34</v>
      </c>
    </row>
    <row r="12171" spans="1:43">
      <c r="A12171" t="s">
        <v>7564</v>
      </c>
      <c r="B12171" t="s">
        <v>7565</v>
      </c>
      <c r="C12171" t="s">
        <v>7566</v>
      </c>
      <c r="D12171" t="s">
        <v>7567</v>
      </c>
      <c r="E12171" t="s">
        <v>7278</v>
      </c>
      <c r="F12171" t="s">
        <v>7279</v>
      </c>
      <c r="G12171" t="s">
        <v>80</v>
      </c>
      <c r="H12171" t="s">
        <v>81</v>
      </c>
      <c r="I12171" s="2">
        <v>0</v>
      </c>
      <c r="J12171" s="2">
        <v>1</v>
      </c>
      <c r="K12171" s="2">
        <v>0</v>
      </c>
      <c r="L12171" t="s">
        <v>82</v>
      </c>
      <c r="M12171" t="s">
        <v>87</v>
      </c>
      <c r="N12171" t="s">
        <v>88</v>
      </c>
      <c r="O12171" t="s">
        <v>85</v>
      </c>
      <c r="P12171" t="s">
        <v>86</v>
      </c>
      <c r="Q12171">
        <v>29</v>
      </c>
      <c r="R12171">
        <v>29</v>
      </c>
      <c r="S12171">
        <v>29</v>
      </c>
      <c r="T12171">
        <v>29</v>
      </c>
      <c r="U12171">
        <v>29</v>
      </c>
      <c r="V12171">
        <v>29</v>
      </c>
      <c r="W12171">
        <v>29</v>
      </c>
      <c r="X12171">
        <v>29</v>
      </c>
      <c r="Y12171">
        <v>29</v>
      </c>
      <c r="Z12171">
        <v>29</v>
      </c>
      <c r="AA12171">
        <v>29</v>
      </c>
      <c r="AB12171">
        <v>29</v>
      </c>
      <c r="AC12171">
        <v>29</v>
      </c>
      <c r="AD12171">
        <v>29</v>
      </c>
      <c r="AE12171">
        <v>29</v>
      </c>
      <c r="AF12171">
        <v>29</v>
      </c>
      <c r="AG12171">
        <v>29</v>
      </c>
      <c r="AH12171">
        <v>29</v>
      </c>
      <c r="AI12171">
        <v>29</v>
      </c>
      <c r="AJ12171">
        <v>29</v>
      </c>
      <c r="AK12171">
        <v>29</v>
      </c>
      <c r="AL12171">
        <v>29</v>
      </c>
      <c r="AM12171">
        <v>29</v>
      </c>
      <c r="AN12171">
        <v>29</v>
      </c>
      <c r="AO12171">
        <v>29</v>
      </c>
      <c r="AP12171">
        <v>29</v>
      </c>
      <c r="AQ12171">
        <v>29</v>
      </c>
    </row>
    <row r="12172" spans="1:43">
      <c r="A12172" t="s">
        <v>7564</v>
      </c>
      <c r="B12172" t="s">
        <v>7565</v>
      </c>
      <c r="C12172" t="s">
        <v>7566</v>
      </c>
      <c r="D12172" t="s">
        <v>7567</v>
      </c>
      <c r="E12172" t="s">
        <v>7278</v>
      </c>
      <c r="F12172" t="s">
        <v>7279</v>
      </c>
      <c r="G12172" t="s">
        <v>80</v>
      </c>
      <c r="H12172" t="s">
        <v>81</v>
      </c>
      <c r="I12172" s="2">
        <v>0</v>
      </c>
      <c r="J12172" s="2">
        <v>1</v>
      </c>
      <c r="K12172" s="2">
        <v>0</v>
      </c>
      <c r="L12172" t="s">
        <v>82</v>
      </c>
      <c r="M12172" t="s">
        <v>89</v>
      </c>
      <c r="N12172" t="s">
        <v>90</v>
      </c>
      <c r="O12172" t="s">
        <v>85</v>
      </c>
      <c r="P12172" t="s">
        <v>86</v>
      </c>
      <c r="Q12172">
        <v>29</v>
      </c>
      <c r="R12172">
        <v>30</v>
      </c>
      <c r="S12172">
        <v>30</v>
      </c>
      <c r="T12172">
        <v>31</v>
      </c>
      <c r="U12172">
        <v>31</v>
      </c>
      <c r="V12172">
        <v>32</v>
      </c>
      <c r="W12172">
        <v>32</v>
      </c>
      <c r="X12172">
        <v>33</v>
      </c>
      <c r="Y12172">
        <v>33</v>
      </c>
      <c r="Z12172">
        <v>34</v>
      </c>
      <c r="AA12172">
        <v>34</v>
      </c>
      <c r="AB12172">
        <v>34</v>
      </c>
      <c r="AC12172">
        <v>35</v>
      </c>
      <c r="AD12172">
        <v>35</v>
      </c>
      <c r="AE12172">
        <v>35</v>
      </c>
      <c r="AF12172">
        <v>35</v>
      </c>
      <c r="AG12172">
        <v>35</v>
      </c>
      <c r="AH12172">
        <v>35</v>
      </c>
      <c r="AI12172">
        <v>35</v>
      </c>
      <c r="AJ12172">
        <v>35</v>
      </c>
      <c r="AK12172">
        <v>35</v>
      </c>
      <c r="AL12172">
        <v>35</v>
      </c>
      <c r="AM12172">
        <v>35</v>
      </c>
      <c r="AN12172">
        <v>35</v>
      </c>
      <c r="AO12172">
        <v>35</v>
      </c>
      <c r="AP12172">
        <v>35</v>
      </c>
      <c r="AQ12172">
        <v>34</v>
      </c>
    </row>
    <row r="12173" spans="1:43">
      <c r="A12173" t="s">
        <v>7564</v>
      </c>
      <c r="B12173" t="s">
        <v>7565</v>
      </c>
      <c r="C12173" t="s">
        <v>7566</v>
      </c>
      <c r="D12173" t="s">
        <v>7567</v>
      </c>
      <c r="E12173" t="s">
        <v>7278</v>
      </c>
      <c r="F12173" t="s">
        <v>7279</v>
      </c>
      <c r="G12173" t="s">
        <v>80</v>
      </c>
      <c r="H12173" t="s">
        <v>81</v>
      </c>
      <c r="I12173" s="2">
        <v>0</v>
      </c>
      <c r="J12173" s="2">
        <v>1</v>
      </c>
      <c r="K12173" s="2">
        <v>0</v>
      </c>
      <c r="L12173" t="s">
        <v>82</v>
      </c>
      <c r="M12173" t="s">
        <v>83</v>
      </c>
      <c r="N12173" t="s">
        <v>91</v>
      </c>
      <c r="O12173" t="s">
        <v>85</v>
      </c>
      <c r="P12173" t="s">
        <v>86</v>
      </c>
      <c r="Q12173">
        <v>29</v>
      </c>
      <c r="R12173">
        <v>29</v>
      </c>
      <c r="S12173">
        <v>30</v>
      </c>
      <c r="T12173">
        <v>30</v>
      </c>
      <c r="U12173">
        <v>30</v>
      </c>
      <c r="V12173">
        <v>31</v>
      </c>
      <c r="W12173">
        <v>31</v>
      </c>
      <c r="X12173">
        <v>31</v>
      </c>
      <c r="Y12173">
        <v>31</v>
      </c>
      <c r="Z12173">
        <v>32</v>
      </c>
      <c r="AA12173">
        <v>32</v>
      </c>
      <c r="AB12173">
        <v>32</v>
      </c>
      <c r="AC12173">
        <v>33</v>
      </c>
      <c r="AD12173">
        <v>33</v>
      </c>
      <c r="AE12173">
        <v>33</v>
      </c>
      <c r="AF12173">
        <v>33</v>
      </c>
      <c r="AG12173">
        <v>33</v>
      </c>
      <c r="AH12173">
        <v>34</v>
      </c>
      <c r="AI12173">
        <v>34</v>
      </c>
      <c r="AJ12173">
        <v>34</v>
      </c>
      <c r="AK12173">
        <v>34</v>
      </c>
      <c r="AL12173">
        <v>34</v>
      </c>
      <c r="AM12173">
        <v>34</v>
      </c>
      <c r="AN12173">
        <v>34</v>
      </c>
      <c r="AO12173">
        <v>34</v>
      </c>
      <c r="AP12173">
        <v>34</v>
      </c>
      <c r="AQ12173">
        <v>34</v>
      </c>
    </row>
    <row r="12174" spans="1:43">
      <c r="A12174" t="s">
        <v>7568</v>
      </c>
      <c r="B12174" t="s">
        <v>7569</v>
      </c>
      <c r="C12174" t="s">
        <v>7308</v>
      </c>
      <c r="D12174" t="s">
        <v>7309</v>
      </c>
      <c r="E12174" t="s">
        <v>7278</v>
      </c>
      <c r="F12174" t="s">
        <v>7279</v>
      </c>
      <c r="G12174" t="s">
        <v>80</v>
      </c>
      <c r="H12174" t="s">
        <v>81</v>
      </c>
      <c r="I12174" s="2">
        <v>0</v>
      </c>
      <c r="J12174" s="2">
        <v>1</v>
      </c>
      <c r="K12174" s="2">
        <v>0</v>
      </c>
      <c r="L12174" t="s">
        <v>82</v>
      </c>
      <c r="M12174" t="s">
        <v>83</v>
      </c>
      <c r="N12174" t="s">
        <v>84</v>
      </c>
      <c r="O12174" t="s">
        <v>85</v>
      </c>
      <c r="P12174" t="s">
        <v>86</v>
      </c>
      <c r="Q12174">
        <v>8</v>
      </c>
      <c r="R12174">
        <v>8</v>
      </c>
      <c r="S12174">
        <v>8</v>
      </c>
      <c r="T12174">
        <v>8</v>
      </c>
      <c r="U12174">
        <v>8</v>
      </c>
      <c r="V12174">
        <v>9</v>
      </c>
      <c r="W12174">
        <v>9</v>
      </c>
      <c r="X12174">
        <v>9</v>
      </c>
      <c r="Y12174">
        <v>9</v>
      </c>
      <c r="Z12174">
        <v>9</v>
      </c>
      <c r="AA12174">
        <v>9</v>
      </c>
      <c r="AB12174">
        <v>9</v>
      </c>
      <c r="AC12174">
        <v>9</v>
      </c>
      <c r="AD12174">
        <v>9</v>
      </c>
      <c r="AE12174">
        <v>9</v>
      </c>
      <c r="AF12174">
        <v>9</v>
      </c>
      <c r="AG12174">
        <v>9</v>
      </c>
      <c r="AH12174">
        <v>10</v>
      </c>
      <c r="AI12174">
        <v>10</v>
      </c>
      <c r="AJ12174">
        <v>10</v>
      </c>
      <c r="AK12174">
        <v>10</v>
      </c>
      <c r="AL12174">
        <v>10</v>
      </c>
      <c r="AM12174">
        <v>10</v>
      </c>
      <c r="AN12174">
        <v>10</v>
      </c>
      <c r="AO12174">
        <v>10</v>
      </c>
      <c r="AP12174">
        <v>10</v>
      </c>
      <c r="AQ12174">
        <v>10</v>
      </c>
    </row>
    <row r="12175" spans="1:43">
      <c r="A12175" t="s">
        <v>7568</v>
      </c>
      <c r="B12175" t="s">
        <v>7569</v>
      </c>
      <c r="C12175" t="s">
        <v>7308</v>
      </c>
      <c r="D12175" t="s">
        <v>7309</v>
      </c>
      <c r="E12175" t="s">
        <v>7278</v>
      </c>
      <c r="F12175" t="s">
        <v>7279</v>
      </c>
      <c r="G12175" t="s">
        <v>80</v>
      </c>
      <c r="H12175" t="s">
        <v>81</v>
      </c>
      <c r="I12175" s="2">
        <v>0</v>
      </c>
      <c r="J12175" s="2">
        <v>1</v>
      </c>
      <c r="K12175" s="2">
        <v>0</v>
      </c>
      <c r="L12175" t="s">
        <v>82</v>
      </c>
      <c r="M12175" t="s">
        <v>87</v>
      </c>
      <c r="N12175" t="s">
        <v>88</v>
      </c>
      <c r="O12175" t="s">
        <v>85</v>
      </c>
      <c r="P12175" t="s">
        <v>86</v>
      </c>
      <c r="Q12175">
        <v>8</v>
      </c>
      <c r="R12175">
        <v>8</v>
      </c>
      <c r="S12175">
        <v>8</v>
      </c>
      <c r="T12175">
        <v>8</v>
      </c>
      <c r="U12175">
        <v>8</v>
      </c>
      <c r="V12175">
        <v>8</v>
      </c>
      <c r="W12175">
        <v>8</v>
      </c>
      <c r="X12175">
        <v>8</v>
      </c>
      <c r="Y12175">
        <v>8</v>
      </c>
      <c r="Z12175">
        <v>8</v>
      </c>
      <c r="AA12175">
        <v>8</v>
      </c>
      <c r="AB12175">
        <v>8</v>
      </c>
      <c r="AC12175">
        <v>8</v>
      </c>
      <c r="AD12175">
        <v>8</v>
      </c>
      <c r="AE12175">
        <v>8</v>
      </c>
      <c r="AF12175">
        <v>8</v>
      </c>
      <c r="AG12175">
        <v>8</v>
      </c>
      <c r="AH12175">
        <v>8</v>
      </c>
      <c r="AI12175">
        <v>8</v>
      </c>
      <c r="AJ12175">
        <v>8</v>
      </c>
      <c r="AK12175">
        <v>8</v>
      </c>
      <c r="AL12175">
        <v>8</v>
      </c>
      <c r="AM12175">
        <v>8</v>
      </c>
      <c r="AN12175">
        <v>8</v>
      </c>
      <c r="AO12175">
        <v>8</v>
      </c>
      <c r="AP12175">
        <v>8</v>
      </c>
      <c r="AQ12175">
        <v>8</v>
      </c>
    </row>
    <row r="12176" spans="1:43">
      <c r="A12176" t="s">
        <v>7568</v>
      </c>
      <c r="B12176" t="s">
        <v>7569</v>
      </c>
      <c r="C12176" t="s">
        <v>7308</v>
      </c>
      <c r="D12176" t="s">
        <v>7309</v>
      </c>
      <c r="E12176" t="s">
        <v>7278</v>
      </c>
      <c r="F12176" t="s">
        <v>7279</v>
      </c>
      <c r="G12176" t="s">
        <v>80</v>
      </c>
      <c r="H12176" t="s">
        <v>81</v>
      </c>
      <c r="I12176" s="2">
        <v>0</v>
      </c>
      <c r="J12176" s="2">
        <v>1</v>
      </c>
      <c r="K12176" s="2">
        <v>0</v>
      </c>
      <c r="L12176" t="s">
        <v>82</v>
      </c>
      <c r="M12176" t="s">
        <v>89</v>
      </c>
      <c r="N12176" t="s">
        <v>90</v>
      </c>
      <c r="O12176" t="s">
        <v>85</v>
      </c>
      <c r="P12176" t="s">
        <v>86</v>
      </c>
      <c r="Q12176">
        <v>8</v>
      </c>
      <c r="R12176">
        <v>8</v>
      </c>
      <c r="S12176">
        <v>9</v>
      </c>
      <c r="T12176">
        <v>9</v>
      </c>
      <c r="U12176">
        <v>9</v>
      </c>
      <c r="V12176">
        <v>9</v>
      </c>
      <c r="W12176">
        <v>9</v>
      </c>
      <c r="X12176">
        <v>9</v>
      </c>
      <c r="Y12176">
        <v>9</v>
      </c>
      <c r="Z12176">
        <v>10</v>
      </c>
      <c r="AA12176">
        <v>10</v>
      </c>
      <c r="AB12176">
        <v>10</v>
      </c>
      <c r="AC12176">
        <v>10</v>
      </c>
      <c r="AD12176">
        <v>10</v>
      </c>
      <c r="AE12176">
        <v>10</v>
      </c>
      <c r="AF12176">
        <v>10</v>
      </c>
      <c r="AG12176">
        <v>10</v>
      </c>
      <c r="AH12176">
        <v>10</v>
      </c>
      <c r="AI12176">
        <v>10</v>
      </c>
      <c r="AJ12176">
        <v>10</v>
      </c>
      <c r="AK12176">
        <v>10</v>
      </c>
      <c r="AL12176">
        <v>10</v>
      </c>
      <c r="AM12176">
        <v>10</v>
      </c>
      <c r="AN12176">
        <v>10</v>
      </c>
      <c r="AO12176">
        <v>10</v>
      </c>
      <c r="AP12176">
        <v>10</v>
      </c>
      <c r="AQ12176">
        <v>10</v>
      </c>
    </row>
    <row r="12177" spans="1:43">
      <c r="A12177" t="s">
        <v>7568</v>
      </c>
      <c r="B12177" t="s">
        <v>7569</v>
      </c>
      <c r="C12177" t="s">
        <v>7308</v>
      </c>
      <c r="D12177" t="s">
        <v>7309</v>
      </c>
      <c r="E12177" t="s">
        <v>7278</v>
      </c>
      <c r="F12177" t="s">
        <v>7279</v>
      </c>
      <c r="G12177" t="s">
        <v>80</v>
      </c>
      <c r="H12177" t="s">
        <v>81</v>
      </c>
      <c r="I12177" s="2">
        <v>0</v>
      </c>
      <c r="J12177" s="2">
        <v>1</v>
      </c>
      <c r="K12177" s="2">
        <v>0</v>
      </c>
      <c r="L12177" t="s">
        <v>82</v>
      </c>
      <c r="M12177" t="s">
        <v>83</v>
      </c>
      <c r="N12177" t="s">
        <v>91</v>
      </c>
      <c r="O12177" t="s">
        <v>85</v>
      </c>
      <c r="P12177" t="s">
        <v>86</v>
      </c>
      <c r="Q12177">
        <v>8</v>
      </c>
      <c r="R12177">
        <v>8</v>
      </c>
      <c r="S12177">
        <v>8</v>
      </c>
      <c r="T12177">
        <v>8</v>
      </c>
      <c r="U12177">
        <v>8</v>
      </c>
      <c r="V12177">
        <v>9</v>
      </c>
      <c r="W12177">
        <v>9</v>
      </c>
      <c r="X12177">
        <v>9</v>
      </c>
      <c r="Y12177">
        <v>9</v>
      </c>
      <c r="Z12177">
        <v>9</v>
      </c>
      <c r="AA12177">
        <v>9</v>
      </c>
      <c r="AB12177">
        <v>9</v>
      </c>
      <c r="AC12177">
        <v>9</v>
      </c>
      <c r="AD12177">
        <v>9</v>
      </c>
      <c r="AE12177">
        <v>9</v>
      </c>
      <c r="AF12177">
        <v>9</v>
      </c>
      <c r="AG12177">
        <v>9</v>
      </c>
      <c r="AH12177">
        <v>10</v>
      </c>
      <c r="AI12177">
        <v>10</v>
      </c>
      <c r="AJ12177">
        <v>10</v>
      </c>
      <c r="AK12177">
        <v>10</v>
      </c>
      <c r="AL12177">
        <v>10</v>
      </c>
      <c r="AM12177">
        <v>10</v>
      </c>
      <c r="AN12177">
        <v>10</v>
      </c>
      <c r="AO12177">
        <v>10</v>
      </c>
      <c r="AP12177">
        <v>10</v>
      </c>
      <c r="AQ12177">
        <v>10</v>
      </c>
    </row>
    <row r="12178" spans="1:43">
      <c r="A12178" t="s">
        <v>7570</v>
      </c>
      <c r="B12178" t="s">
        <v>7571</v>
      </c>
      <c r="C12178" t="s">
        <v>7566</v>
      </c>
      <c r="D12178" t="s">
        <v>7567</v>
      </c>
      <c r="E12178" t="s">
        <v>7278</v>
      </c>
      <c r="F12178" t="s">
        <v>7279</v>
      </c>
      <c r="G12178" t="s">
        <v>80</v>
      </c>
      <c r="H12178" t="s">
        <v>81</v>
      </c>
      <c r="I12178" s="2">
        <v>0</v>
      </c>
      <c r="J12178" s="2">
        <v>1</v>
      </c>
      <c r="K12178" s="2">
        <v>0</v>
      </c>
      <c r="L12178" t="s">
        <v>82</v>
      </c>
      <c r="M12178" t="s">
        <v>83</v>
      </c>
      <c r="N12178" t="s">
        <v>84</v>
      </c>
      <c r="O12178" t="s">
        <v>85</v>
      </c>
      <c r="P12178" t="s">
        <v>86</v>
      </c>
      <c r="Q12178">
        <v>18</v>
      </c>
      <c r="R12178">
        <v>18</v>
      </c>
      <c r="S12178">
        <v>19</v>
      </c>
      <c r="T12178">
        <v>19</v>
      </c>
      <c r="U12178">
        <v>19</v>
      </c>
      <c r="V12178">
        <v>19</v>
      </c>
      <c r="W12178">
        <v>19</v>
      </c>
      <c r="X12178">
        <v>20</v>
      </c>
      <c r="Y12178">
        <v>20</v>
      </c>
      <c r="Z12178">
        <v>20</v>
      </c>
      <c r="AA12178">
        <v>20</v>
      </c>
      <c r="AB12178">
        <v>20</v>
      </c>
      <c r="AC12178">
        <v>21</v>
      </c>
      <c r="AD12178">
        <v>21</v>
      </c>
      <c r="AE12178">
        <v>21</v>
      </c>
      <c r="AF12178">
        <v>21</v>
      </c>
      <c r="AG12178">
        <v>21</v>
      </c>
      <c r="AH12178">
        <v>21</v>
      </c>
      <c r="AI12178">
        <v>21</v>
      </c>
      <c r="AJ12178">
        <v>22</v>
      </c>
      <c r="AK12178">
        <v>22</v>
      </c>
      <c r="AL12178">
        <v>22</v>
      </c>
      <c r="AM12178">
        <v>22</v>
      </c>
      <c r="AN12178">
        <v>22</v>
      </c>
      <c r="AO12178">
        <v>22</v>
      </c>
      <c r="AP12178">
        <v>22</v>
      </c>
      <c r="AQ12178">
        <v>22</v>
      </c>
    </row>
    <row r="12179" spans="1:43">
      <c r="A12179" t="s">
        <v>7570</v>
      </c>
      <c r="B12179" t="s">
        <v>7571</v>
      </c>
      <c r="C12179" t="s">
        <v>7566</v>
      </c>
      <c r="D12179" t="s">
        <v>7567</v>
      </c>
      <c r="E12179" t="s">
        <v>7278</v>
      </c>
      <c r="F12179" t="s">
        <v>7279</v>
      </c>
      <c r="G12179" t="s">
        <v>80</v>
      </c>
      <c r="H12179" t="s">
        <v>81</v>
      </c>
      <c r="I12179" s="2">
        <v>0</v>
      </c>
      <c r="J12179" s="2">
        <v>1</v>
      </c>
      <c r="K12179" s="2">
        <v>0</v>
      </c>
      <c r="L12179" t="s">
        <v>82</v>
      </c>
      <c r="M12179" t="s">
        <v>87</v>
      </c>
      <c r="N12179" t="s">
        <v>88</v>
      </c>
      <c r="O12179" t="s">
        <v>85</v>
      </c>
      <c r="P12179" t="s">
        <v>86</v>
      </c>
      <c r="Q12179">
        <v>18</v>
      </c>
      <c r="R12179">
        <v>18</v>
      </c>
      <c r="S12179">
        <v>18</v>
      </c>
      <c r="T12179">
        <v>18</v>
      </c>
      <c r="U12179">
        <v>18</v>
      </c>
      <c r="V12179">
        <v>18</v>
      </c>
      <c r="W12179">
        <v>18</v>
      </c>
      <c r="X12179">
        <v>18</v>
      </c>
      <c r="Y12179">
        <v>18</v>
      </c>
      <c r="Z12179">
        <v>18</v>
      </c>
      <c r="AA12179">
        <v>18</v>
      </c>
      <c r="AB12179">
        <v>18</v>
      </c>
      <c r="AC12179">
        <v>18</v>
      </c>
      <c r="AD12179">
        <v>18</v>
      </c>
      <c r="AE12179">
        <v>18</v>
      </c>
      <c r="AF12179">
        <v>19</v>
      </c>
      <c r="AG12179">
        <v>19</v>
      </c>
      <c r="AH12179">
        <v>19</v>
      </c>
      <c r="AI12179">
        <v>19</v>
      </c>
      <c r="AJ12179">
        <v>19</v>
      </c>
      <c r="AK12179">
        <v>19</v>
      </c>
      <c r="AL12179">
        <v>19</v>
      </c>
      <c r="AM12179">
        <v>19</v>
      </c>
      <c r="AN12179">
        <v>19</v>
      </c>
      <c r="AO12179">
        <v>19</v>
      </c>
      <c r="AP12179">
        <v>19</v>
      </c>
      <c r="AQ12179">
        <v>19</v>
      </c>
    </row>
    <row r="12180" spans="1:43">
      <c r="A12180" t="s">
        <v>7570</v>
      </c>
      <c r="B12180" t="s">
        <v>7571</v>
      </c>
      <c r="C12180" t="s">
        <v>7566</v>
      </c>
      <c r="D12180" t="s">
        <v>7567</v>
      </c>
      <c r="E12180" t="s">
        <v>7278</v>
      </c>
      <c r="F12180" t="s">
        <v>7279</v>
      </c>
      <c r="G12180" t="s">
        <v>80</v>
      </c>
      <c r="H12180" t="s">
        <v>81</v>
      </c>
      <c r="I12180" s="2">
        <v>0</v>
      </c>
      <c r="J12180" s="2">
        <v>1</v>
      </c>
      <c r="K12180" s="2">
        <v>0</v>
      </c>
      <c r="L12180" t="s">
        <v>82</v>
      </c>
      <c r="M12180" t="s">
        <v>89</v>
      </c>
      <c r="N12180" t="s">
        <v>90</v>
      </c>
      <c r="O12180" t="s">
        <v>85</v>
      </c>
      <c r="P12180" t="s">
        <v>86</v>
      </c>
      <c r="Q12180">
        <v>18</v>
      </c>
      <c r="R12180">
        <v>19</v>
      </c>
      <c r="S12180">
        <v>19</v>
      </c>
      <c r="T12180">
        <v>20</v>
      </c>
      <c r="U12180">
        <v>20</v>
      </c>
      <c r="V12180">
        <v>20</v>
      </c>
      <c r="W12180">
        <v>20</v>
      </c>
      <c r="X12180">
        <v>21</v>
      </c>
      <c r="Y12180">
        <v>21</v>
      </c>
      <c r="Z12180">
        <v>21</v>
      </c>
      <c r="AA12180">
        <v>22</v>
      </c>
      <c r="AB12180">
        <v>22</v>
      </c>
      <c r="AC12180">
        <v>22</v>
      </c>
      <c r="AD12180">
        <v>22</v>
      </c>
      <c r="AE12180">
        <v>22</v>
      </c>
      <c r="AF12180">
        <v>22</v>
      </c>
      <c r="AG12180">
        <v>22</v>
      </c>
      <c r="AH12180">
        <v>22</v>
      </c>
      <c r="AI12180">
        <v>22</v>
      </c>
      <c r="AJ12180">
        <v>22</v>
      </c>
      <c r="AK12180">
        <v>22</v>
      </c>
      <c r="AL12180">
        <v>22</v>
      </c>
      <c r="AM12180">
        <v>22</v>
      </c>
      <c r="AN12180">
        <v>22</v>
      </c>
      <c r="AO12180">
        <v>22</v>
      </c>
      <c r="AP12180">
        <v>22</v>
      </c>
      <c r="AQ12180">
        <v>22</v>
      </c>
    </row>
    <row r="12181" spans="1:43">
      <c r="A12181" t="s">
        <v>7570</v>
      </c>
      <c r="B12181" t="s">
        <v>7571</v>
      </c>
      <c r="C12181" t="s">
        <v>7566</v>
      </c>
      <c r="D12181" t="s">
        <v>7567</v>
      </c>
      <c r="E12181" t="s">
        <v>7278</v>
      </c>
      <c r="F12181" t="s">
        <v>7279</v>
      </c>
      <c r="G12181" t="s">
        <v>80</v>
      </c>
      <c r="H12181" t="s">
        <v>81</v>
      </c>
      <c r="I12181" s="2">
        <v>0</v>
      </c>
      <c r="J12181" s="2">
        <v>1</v>
      </c>
      <c r="K12181" s="2">
        <v>0</v>
      </c>
      <c r="L12181" t="s">
        <v>82</v>
      </c>
      <c r="M12181" t="s">
        <v>83</v>
      </c>
      <c r="N12181" t="s">
        <v>91</v>
      </c>
      <c r="O12181" t="s">
        <v>85</v>
      </c>
      <c r="P12181" t="s">
        <v>86</v>
      </c>
      <c r="Q12181">
        <v>18</v>
      </c>
      <c r="R12181">
        <v>18</v>
      </c>
      <c r="S12181">
        <v>19</v>
      </c>
      <c r="T12181">
        <v>19</v>
      </c>
      <c r="U12181">
        <v>19</v>
      </c>
      <c r="V12181">
        <v>19</v>
      </c>
      <c r="W12181">
        <v>19</v>
      </c>
      <c r="X12181">
        <v>20</v>
      </c>
      <c r="Y12181">
        <v>20</v>
      </c>
      <c r="Z12181">
        <v>20</v>
      </c>
      <c r="AA12181">
        <v>20</v>
      </c>
      <c r="AB12181">
        <v>20</v>
      </c>
      <c r="AC12181">
        <v>21</v>
      </c>
      <c r="AD12181">
        <v>21</v>
      </c>
      <c r="AE12181">
        <v>21</v>
      </c>
      <c r="AF12181">
        <v>21</v>
      </c>
      <c r="AG12181">
        <v>21</v>
      </c>
      <c r="AH12181">
        <v>21</v>
      </c>
      <c r="AI12181">
        <v>21</v>
      </c>
      <c r="AJ12181">
        <v>22</v>
      </c>
      <c r="AK12181">
        <v>22</v>
      </c>
      <c r="AL12181">
        <v>22</v>
      </c>
      <c r="AM12181">
        <v>22</v>
      </c>
      <c r="AN12181">
        <v>22</v>
      </c>
      <c r="AO12181">
        <v>22</v>
      </c>
      <c r="AP12181">
        <v>22</v>
      </c>
      <c r="AQ12181">
        <v>22</v>
      </c>
    </row>
    <row r="12182" spans="1:43">
      <c r="A12182" t="s">
        <v>7572</v>
      </c>
      <c r="B12182" t="s">
        <v>7573</v>
      </c>
      <c r="C12182" t="s">
        <v>7574</v>
      </c>
      <c r="D12182" t="s">
        <v>7575</v>
      </c>
      <c r="E12182" t="s">
        <v>7278</v>
      </c>
      <c r="F12182" t="s">
        <v>7279</v>
      </c>
      <c r="G12182" t="s">
        <v>80</v>
      </c>
      <c r="H12182" t="s">
        <v>81</v>
      </c>
      <c r="I12182" s="2">
        <v>0</v>
      </c>
      <c r="J12182" s="2">
        <v>1</v>
      </c>
      <c r="K12182" s="2">
        <v>0</v>
      </c>
      <c r="L12182" t="s">
        <v>82</v>
      </c>
      <c r="M12182" t="s">
        <v>83</v>
      </c>
      <c r="N12182" t="s">
        <v>84</v>
      </c>
      <c r="O12182" t="s">
        <v>85</v>
      </c>
      <c r="P12182" t="s">
        <v>86</v>
      </c>
      <c r="Q12182">
        <v>78</v>
      </c>
      <c r="R12182">
        <v>79</v>
      </c>
      <c r="S12182">
        <v>80</v>
      </c>
      <c r="T12182">
        <v>81</v>
      </c>
      <c r="U12182">
        <v>81</v>
      </c>
      <c r="V12182">
        <v>82</v>
      </c>
      <c r="W12182">
        <v>83</v>
      </c>
      <c r="X12182">
        <v>84</v>
      </c>
      <c r="Y12182">
        <v>85</v>
      </c>
      <c r="Z12182">
        <v>86</v>
      </c>
      <c r="AA12182">
        <v>86</v>
      </c>
      <c r="AB12182">
        <v>87</v>
      </c>
      <c r="AC12182">
        <v>88</v>
      </c>
      <c r="AD12182">
        <v>88</v>
      </c>
      <c r="AE12182">
        <v>89</v>
      </c>
      <c r="AF12182">
        <v>90</v>
      </c>
      <c r="AG12182">
        <v>90</v>
      </c>
      <c r="AH12182">
        <v>91</v>
      </c>
      <c r="AI12182">
        <v>91</v>
      </c>
      <c r="AJ12182">
        <v>92</v>
      </c>
      <c r="AK12182">
        <v>93</v>
      </c>
      <c r="AL12182">
        <v>93</v>
      </c>
      <c r="AM12182">
        <v>92</v>
      </c>
      <c r="AN12182">
        <v>92</v>
      </c>
      <c r="AO12182">
        <v>92</v>
      </c>
      <c r="AP12182">
        <v>92</v>
      </c>
      <c r="AQ12182">
        <v>92</v>
      </c>
    </row>
    <row r="12183" spans="1:43">
      <c r="A12183" t="s">
        <v>7572</v>
      </c>
      <c r="B12183" t="s">
        <v>7573</v>
      </c>
      <c r="C12183" t="s">
        <v>7574</v>
      </c>
      <c r="D12183" t="s">
        <v>7575</v>
      </c>
      <c r="E12183" t="s">
        <v>7278</v>
      </c>
      <c r="F12183" t="s">
        <v>7279</v>
      </c>
      <c r="G12183" t="s">
        <v>80</v>
      </c>
      <c r="H12183" t="s">
        <v>81</v>
      </c>
      <c r="I12183" s="2">
        <v>0</v>
      </c>
      <c r="J12183" s="2">
        <v>1</v>
      </c>
      <c r="K12183" s="2">
        <v>0</v>
      </c>
      <c r="L12183" t="s">
        <v>82</v>
      </c>
      <c r="M12183" t="s">
        <v>87</v>
      </c>
      <c r="N12183" t="s">
        <v>88</v>
      </c>
      <c r="O12183" t="s">
        <v>85</v>
      </c>
      <c r="P12183" t="s">
        <v>86</v>
      </c>
      <c r="Q12183">
        <v>78</v>
      </c>
      <c r="R12183">
        <v>78</v>
      </c>
      <c r="S12183">
        <v>79</v>
      </c>
      <c r="T12183">
        <v>79</v>
      </c>
      <c r="U12183">
        <v>79</v>
      </c>
      <c r="V12183">
        <v>79</v>
      </c>
      <c r="W12183">
        <v>79</v>
      </c>
      <c r="X12183">
        <v>79</v>
      </c>
      <c r="Y12183">
        <v>79</v>
      </c>
      <c r="Z12183">
        <v>79</v>
      </c>
      <c r="AA12183">
        <v>80</v>
      </c>
      <c r="AB12183">
        <v>80</v>
      </c>
      <c r="AC12183">
        <v>80</v>
      </c>
      <c r="AD12183">
        <v>80</v>
      </c>
      <c r="AE12183">
        <v>80</v>
      </c>
      <c r="AF12183">
        <v>80</v>
      </c>
      <c r="AG12183">
        <v>80</v>
      </c>
      <c r="AH12183">
        <v>80</v>
      </c>
      <c r="AI12183">
        <v>80</v>
      </c>
      <c r="AJ12183">
        <v>80</v>
      </c>
      <c r="AK12183">
        <v>80</v>
      </c>
      <c r="AL12183">
        <v>80</v>
      </c>
      <c r="AM12183">
        <v>80</v>
      </c>
      <c r="AN12183">
        <v>80</v>
      </c>
      <c r="AO12183">
        <v>80</v>
      </c>
      <c r="AP12183">
        <v>81</v>
      </c>
      <c r="AQ12183">
        <v>81</v>
      </c>
    </row>
    <row r="12184" spans="1:43">
      <c r="A12184" t="s">
        <v>7572</v>
      </c>
      <c r="B12184" t="s">
        <v>7573</v>
      </c>
      <c r="C12184" t="s">
        <v>7574</v>
      </c>
      <c r="D12184" t="s">
        <v>7575</v>
      </c>
      <c r="E12184" t="s">
        <v>7278</v>
      </c>
      <c r="F12184" t="s">
        <v>7279</v>
      </c>
      <c r="G12184" t="s">
        <v>80</v>
      </c>
      <c r="H12184" t="s">
        <v>81</v>
      </c>
      <c r="I12184" s="2">
        <v>0</v>
      </c>
      <c r="J12184" s="2">
        <v>1</v>
      </c>
      <c r="K12184" s="2">
        <v>0</v>
      </c>
      <c r="L12184" t="s">
        <v>82</v>
      </c>
      <c r="M12184" t="s">
        <v>89</v>
      </c>
      <c r="N12184" t="s">
        <v>90</v>
      </c>
      <c r="O12184" t="s">
        <v>85</v>
      </c>
      <c r="P12184" t="s">
        <v>86</v>
      </c>
      <c r="Q12184">
        <v>78</v>
      </c>
      <c r="R12184">
        <v>79</v>
      </c>
      <c r="S12184">
        <v>81</v>
      </c>
      <c r="T12184">
        <v>82</v>
      </c>
      <c r="U12184">
        <v>84</v>
      </c>
      <c r="V12184">
        <v>85</v>
      </c>
      <c r="W12184">
        <v>86</v>
      </c>
      <c r="X12184">
        <v>88</v>
      </c>
      <c r="Y12184">
        <v>89</v>
      </c>
      <c r="Z12184">
        <v>90</v>
      </c>
      <c r="AA12184">
        <v>91</v>
      </c>
      <c r="AB12184">
        <v>92</v>
      </c>
      <c r="AC12184">
        <v>93</v>
      </c>
      <c r="AD12184">
        <v>94</v>
      </c>
      <c r="AE12184">
        <v>94</v>
      </c>
      <c r="AF12184">
        <v>94</v>
      </c>
      <c r="AG12184">
        <v>94</v>
      </c>
      <c r="AH12184">
        <v>94</v>
      </c>
      <c r="AI12184">
        <v>94</v>
      </c>
      <c r="AJ12184">
        <v>93</v>
      </c>
      <c r="AK12184">
        <v>93</v>
      </c>
      <c r="AL12184">
        <v>93</v>
      </c>
      <c r="AM12184">
        <v>93</v>
      </c>
      <c r="AN12184">
        <v>93</v>
      </c>
      <c r="AO12184">
        <v>92</v>
      </c>
      <c r="AP12184">
        <v>92</v>
      </c>
      <c r="AQ12184">
        <v>92</v>
      </c>
    </row>
    <row r="12185" spans="1:43">
      <c r="A12185" t="s">
        <v>7572</v>
      </c>
      <c r="B12185" t="s">
        <v>7573</v>
      </c>
      <c r="C12185" t="s">
        <v>7574</v>
      </c>
      <c r="D12185" t="s">
        <v>7575</v>
      </c>
      <c r="E12185" t="s">
        <v>7278</v>
      </c>
      <c r="F12185" t="s">
        <v>7279</v>
      </c>
      <c r="G12185" t="s">
        <v>80</v>
      </c>
      <c r="H12185" t="s">
        <v>81</v>
      </c>
      <c r="I12185" s="2">
        <v>0</v>
      </c>
      <c r="J12185" s="2">
        <v>1</v>
      </c>
      <c r="K12185" s="2">
        <v>0</v>
      </c>
      <c r="L12185" t="s">
        <v>82</v>
      </c>
      <c r="M12185" t="s">
        <v>83</v>
      </c>
      <c r="N12185" t="s">
        <v>91</v>
      </c>
      <c r="O12185" t="s">
        <v>85</v>
      </c>
      <c r="P12185" t="s">
        <v>86</v>
      </c>
      <c r="Q12185">
        <v>78</v>
      </c>
      <c r="R12185">
        <v>79</v>
      </c>
      <c r="S12185">
        <v>80</v>
      </c>
      <c r="T12185">
        <v>81</v>
      </c>
      <c r="U12185">
        <v>81</v>
      </c>
      <c r="V12185">
        <v>82</v>
      </c>
      <c r="W12185">
        <v>83</v>
      </c>
      <c r="X12185">
        <v>84</v>
      </c>
      <c r="Y12185">
        <v>85</v>
      </c>
      <c r="Z12185">
        <v>86</v>
      </c>
      <c r="AA12185">
        <v>86</v>
      </c>
      <c r="AB12185">
        <v>87</v>
      </c>
      <c r="AC12185">
        <v>88</v>
      </c>
      <c r="AD12185">
        <v>88</v>
      </c>
      <c r="AE12185">
        <v>89</v>
      </c>
      <c r="AF12185">
        <v>90</v>
      </c>
      <c r="AG12185">
        <v>90</v>
      </c>
      <c r="AH12185">
        <v>91</v>
      </c>
      <c r="AI12185">
        <v>91</v>
      </c>
      <c r="AJ12185">
        <v>92</v>
      </c>
      <c r="AK12185">
        <v>93</v>
      </c>
      <c r="AL12185">
        <v>93</v>
      </c>
      <c r="AM12185">
        <v>92</v>
      </c>
      <c r="AN12185">
        <v>92</v>
      </c>
      <c r="AO12185">
        <v>92</v>
      </c>
      <c r="AP12185">
        <v>92</v>
      </c>
      <c r="AQ12185">
        <v>92</v>
      </c>
    </row>
    <row r="12186" spans="1:43">
      <c r="A12186" t="s">
        <v>7576</v>
      </c>
      <c r="B12186" t="s">
        <v>7577</v>
      </c>
      <c r="C12186" t="s">
        <v>7556</v>
      </c>
      <c r="D12186" t="s">
        <v>7557</v>
      </c>
      <c r="E12186" t="s">
        <v>7278</v>
      </c>
      <c r="F12186" t="s">
        <v>7279</v>
      </c>
      <c r="G12186" t="s">
        <v>80</v>
      </c>
      <c r="H12186" t="s">
        <v>81</v>
      </c>
      <c r="I12186" s="2">
        <v>0</v>
      </c>
      <c r="J12186" s="2">
        <v>1</v>
      </c>
      <c r="K12186" s="2">
        <v>0</v>
      </c>
      <c r="L12186" t="s">
        <v>82</v>
      </c>
      <c r="M12186" t="s">
        <v>83</v>
      </c>
      <c r="N12186" t="s">
        <v>84</v>
      </c>
      <c r="O12186" t="s">
        <v>85</v>
      </c>
      <c r="P12186" t="s">
        <v>86</v>
      </c>
      <c r="Q12186">
        <v>16</v>
      </c>
      <c r="R12186">
        <v>16</v>
      </c>
      <c r="S12186">
        <v>16</v>
      </c>
      <c r="T12186">
        <v>17</v>
      </c>
      <c r="U12186">
        <v>17</v>
      </c>
      <c r="V12186">
        <v>17</v>
      </c>
      <c r="W12186">
        <v>17</v>
      </c>
      <c r="X12186">
        <v>17</v>
      </c>
      <c r="Y12186">
        <v>17</v>
      </c>
      <c r="Z12186">
        <v>18</v>
      </c>
      <c r="AA12186">
        <v>18</v>
      </c>
      <c r="AB12186">
        <v>18</v>
      </c>
      <c r="AC12186">
        <v>18</v>
      </c>
      <c r="AD12186">
        <v>18</v>
      </c>
      <c r="AE12186">
        <v>18</v>
      </c>
      <c r="AF12186">
        <v>18</v>
      </c>
      <c r="AG12186">
        <v>18</v>
      </c>
      <c r="AH12186">
        <v>19</v>
      </c>
      <c r="AI12186">
        <v>19</v>
      </c>
      <c r="AJ12186">
        <v>19</v>
      </c>
      <c r="AK12186">
        <v>19</v>
      </c>
      <c r="AL12186">
        <v>19</v>
      </c>
      <c r="AM12186">
        <v>19</v>
      </c>
      <c r="AN12186">
        <v>19</v>
      </c>
      <c r="AO12186">
        <v>19</v>
      </c>
      <c r="AP12186">
        <v>19</v>
      </c>
      <c r="AQ12186">
        <v>19</v>
      </c>
    </row>
    <row r="12187" spans="1:43">
      <c r="A12187" t="s">
        <v>7576</v>
      </c>
      <c r="B12187" t="s">
        <v>7577</v>
      </c>
      <c r="C12187" t="s">
        <v>7556</v>
      </c>
      <c r="D12187" t="s">
        <v>7557</v>
      </c>
      <c r="E12187" t="s">
        <v>7278</v>
      </c>
      <c r="F12187" t="s">
        <v>7279</v>
      </c>
      <c r="G12187" t="s">
        <v>80</v>
      </c>
      <c r="H12187" t="s">
        <v>81</v>
      </c>
      <c r="I12187" s="2">
        <v>0</v>
      </c>
      <c r="J12187" s="2">
        <v>1</v>
      </c>
      <c r="K12187" s="2">
        <v>0</v>
      </c>
      <c r="L12187" t="s">
        <v>82</v>
      </c>
      <c r="M12187" t="s">
        <v>87</v>
      </c>
      <c r="N12187" t="s">
        <v>88</v>
      </c>
      <c r="O12187" t="s">
        <v>85</v>
      </c>
      <c r="P12187" t="s">
        <v>86</v>
      </c>
      <c r="Q12187">
        <v>16</v>
      </c>
      <c r="R12187">
        <v>16</v>
      </c>
      <c r="S12187">
        <v>16</v>
      </c>
      <c r="T12187">
        <v>16</v>
      </c>
      <c r="U12187">
        <v>16</v>
      </c>
      <c r="V12187">
        <v>16</v>
      </c>
      <c r="W12187">
        <v>16</v>
      </c>
      <c r="X12187">
        <v>16</v>
      </c>
      <c r="Y12187">
        <v>16</v>
      </c>
      <c r="Z12187">
        <v>16</v>
      </c>
      <c r="AA12187">
        <v>16</v>
      </c>
      <c r="AB12187">
        <v>16</v>
      </c>
      <c r="AC12187">
        <v>16</v>
      </c>
      <c r="AD12187">
        <v>16</v>
      </c>
      <c r="AE12187">
        <v>16</v>
      </c>
      <c r="AF12187">
        <v>16</v>
      </c>
      <c r="AG12187">
        <v>16</v>
      </c>
      <c r="AH12187">
        <v>16</v>
      </c>
      <c r="AI12187">
        <v>16</v>
      </c>
      <c r="AJ12187">
        <v>16</v>
      </c>
      <c r="AK12187">
        <v>16</v>
      </c>
      <c r="AL12187">
        <v>16</v>
      </c>
      <c r="AM12187">
        <v>16</v>
      </c>
      <c r="AN12187">
        <v>16</v>
      </c>
      <c r="AO12187">
        <v>16</v>
      </c>
      <c r="AP12187">
        <v>16</v>
      </c>
      <c r="AQ12187">
        <v>16</v>
      </c>
    </row>
    <row r="12188" spans="1:43">
      <c r="A12188" t="s">
        <v>7576</v>
      </c>
      <c r="B12188" t="s">
        <v>7577</v>
      </c>
      <c r="C12188" t="s">
        <v>7556</v>
      </c>
      <c r="D12188" t="s">
        <v>7557</v>
      </c>
      <c r="E12188" t="s">
        <v>7278</v>
      </c>
      <c r="F12188" t="s">
        <v>7279</v>
      </c>
      <c r="G12188" t="s">
        <v>80</v>
      </c>
      <c r="H12188" t="s">
        <v>81</v>
      </c>
      <c r="I12188" s="2">
        <v>0</v>
      </c>
      <c r="J12188" s="2">
        <v>1</v>
      </c>
      <c r="K12188" s="2">
        <v>0</v>
      </c>
      <c r="L12188" t="s">
        <v>82</v>
      </c>
      <c r="M12188" t="s">
        <v>89</v>
      </c>
      <c r="N12188" t="s">
        <v>90</v>
      </c>
      <c r="O12188" t="s">
        <v>85</v>
      </c>
      <c r="P12188" t="s">
        <v>86</v>
      </c>
      <c r="Q12188">
        <v>16</v>
      </c>
      <c r="R12188">
        <v>16</v>
      </c>
      <c r="S12188">
        <v>17</v>
      </c>
      <c r="T12188">
        <v>17</v>
      </c>
      <c r="U12188">
        <v>17</v>
      </c>
      <c r="V12188">
        <v>18</v>
      </c>
      <c r="W12188">
        <v>18</v>
      </c>
      <c r="X12188">
        <v>18</v>
      </c>
      <c r="Y12188">
        <v>18</v>
      </c>
      <c r="Z12188">
        <v>19</v>
      </c>
      <c r="AA12188">
        <v>19</v>
      </c>
      <c r="AB12188">
        <v>19</v>
      </c>
      <c r="AC12188">
        <v>19</v>
      </c>
      <c r="AD12188">
        <v>19</v>
      </c>
      <c r="AE12188">
        <v>20</v>
      </c>
      <c r="AF12188">
        <v>19</v>
      </c>
      <c r="AG12188">
        <v>19</v>
      </c>
      <c r="AH12188">
        <v>19</v>
      </c>
      <c r="AI12188">
        <v>19</v>
      </c>
      <c r="AJ12188">
        <v>19</v>
      </c>
      <c r="AK12188">
        <v>19</v>
      </c>
      <c r="AL12188">
        <v>19</v>
      </c>
      <c r="AM12188">
        <v>19</v>
      </c>
      <c r="AN12188">
        <v>19</v>
      </c>
      <c r="AO12188">
        <v>19</v>
      </c>
      <c r="AP12188">
        <v>19</v>
      </c>
      <c r="AQ12188">
        <v>19</v>
      </c>
    </row>
    <row r="12189" spans="1:43">
      <c r="A12189" t="s">
        <v>7576</v>
      </c>
      <c r="B12189" t="s">
        <v>7577</v>
      </c>
      <c r="C12189" t="s">
        <v>7556</v>
      </c>
      <c r="D12189" t="s">
        <v>7557</v>
      </c>
      <c r="E12189" t="s">
        <v>7278</v>
      </c>
      <c r="F12189" t="s">
        <v>7279</v>
      </c>
      <c r="G12189" t="s">
        <v>80</v>
      </c>
      <c r="H12189" t="s">
        <v>81</v>
      </c>
      <c r="I12189" s="2">
        <v>0</v>
      </c>
      <c r="J12189" s="2">
        <v>1</v>
      </c>
      <c r="K12189" s="2">
        <v>0</v>
      </c>
      <c r="L12189" t="s">
        <v>82</v>
      </c>
      <c r="M12189" t="s">
        <v>83</v>
      </c>
      <c r="N12189" t="s">
        <v>91</v>
      </c>
      <c r="O12189" t="s">
        <v>85</v>
      </c>
      <c r="P12189" t="s">
        <v>86</v>
      </c>
      <c r="Q12189">
        <v>16</v>
      </c>
      <c r="R12189">
        <v>16</v>
      </c>
      <c r="S12189">
        <v>16</v>
      </c>
      <c r="T12189">
        <v>17</v>
      </c>
      <c r="U12189">
        <v>17</v>
      </c>
      <c r="V12189">
        <v>17</v>
      </c>
      <c r="W12189">
        <v>17</v>
      </c>
      <c r="X12189">
        <v>17</v>
      </c>
      <c r="Y12189">
        <v>17</v>
      </c>
      <c r="Z12189">
        <v>18</v>
      </c>
      <c r="AA12189">
        <v>18</v>
      </c>
      <c r="AB12189">
        <v>18</v>
      </c>
      <c r="AC12189">
        <v>18</v>
      </c>
      <c r="AD12189">
        <v>18</v>
      </c>
      <c r="AE12189">
        <v>18</v>
      </c>
      <c r="AF12189">
        <v>18</v>
      </c>
      <c r="AG12189">
        <v>18</v>
      </c>
      <c r="AH12189">
        <v>19</v>
      </c>
      <c r="AI12189">
        <v>19</v>
      </c>
      <c r="AJ12189">
        <v>19</v>
      </c>
      <c r="AK12189">
        <v>19</v>
      </c>
      <c r="AL12189">
        <v>19</v>
      </c>
      <c r="AM12189">
        <v>19</v>
      </c>
      <c r="AN12189">
        <v>19</v>
      </c>
      <c r="AO12189">
        <v>19</v>
      </c>
      <c r="AP12189">
        <v>19</v>
      </c>
      <c r="AQ12189">
        <v>19</v>
      </c>
    </row>
    <row r="12190" spans="1:43">
      <c r="A12190" t="s">
        <v>7578</v>
      </c>
      <c r="B12190" t="s">
        <v>7579</v>
      </c>
      <c r="C12190" t="s">
        <v>7574</v>
      </c>
      <c r="D12190" t="s">
        <v>7575</v>
      </c>
      <c r="E12190" t="s">
        <v>7278</v>
      </c>
      <c r="F12190" t="s">
        <v>7279</v>
      </c>
      <c r="G12190" t="s">
        <v>80</v>
      </c>
      <c r="H12190" t="s">
        <v>81</v>
      </c>
      <c r="I12190" s="2">
        <v>0</v>
      </c>
      <c r="J12190" s="2">
        <v>1</v>
      </c>
      <c r="K12190" s="2">
        <v>0</v>
      </c>
      <c r="L12190" t="s">
        <v>82</v>
      </c>
      <c r="M12190" t="s">
        <v>83</v>
      </c>
      <c r="N12190" t="s">
        <v>84</v>
      </c>
      <c r="O12190" t="s">
        <v>85</v>
      </c>
      <c r="P12190" t="s">
        <v>86</v>
      </c>
      <c r="Q12190">
        <v>10</v>
      </c>
      <c r="R12190">
        <v>10</v>
      </c>
      <c r="S12190">
        <v>10</v>
      </c>
      <c r="T12190">
        <v>11</v>
      </c>
      <c r="U12190">
        <v>11</v>
      </c>
      <c r="V12190">
        <v>11</v>
      </c>
      <c r="W12190">
        <v>11</v>
      </c>
      <c r="X12190">
        <v>11</v>
      </c>
      <c r="Y12190">
        <v>11</v>
      </c>
      <c r="Z12190">
        <v>11</v>
      </c>
      <c r="AA12190">
        <v>11</v>
      </c>
      <c r="AB12190">
        <v>11</v>
      </c>
      <c r="AC12190">
        <v>12</v>
      </c>
      <c r="AD12190">
        <v>12</v>
      </c>
      <c r="AE12190">
        <v>12</v>
      </c>
      <c r="AF12190">
        <v>12</v>
      </c>
      <c r="AG12190">
        <v>12</v>
      </c>
      <c r="AH12190">
        <v>12</v>
      </c>
      <c r="AI12190">
        <v>12</v>
      </c>
      <c r="AJ12190">
        <v>12</v>
      </c>
      <c r="AK12190">
        <v>12</v>
      </c>
      <c r="AL12190">
        <v>12</v>
      </c>
      <c r="AM12190">
        <v>12</v>
      </c>
      <c r="AN12190">
        <v>12</v>
      </c>
      <c r="AO12190">
        <v>12</v>
      </c>
      <c r="AP12190">
        <v>12</v>
      </c>
      <c r="AQ12190">
        <v>12</v>
      </c>
    </row>
    <row r="12191" spans="1:43">
      <c r="A12191" t="s">
        <v>7578</v>
      </c>
      <c r="B12191" t="s">
        <v>7579</v>
      </c>
      <c r="C12191" t="s">
        <v>7574</v>
      </c>
      <c r="D12191" t="s">
        <v>7575</v>
      </c>
      <c r="E12191" t="s">
        <v>7278</v>
      </c>
      <c r="F12191" t="s">
        <v>7279</v>
      </c>
      <c r="G12191" t="s">
        <v>80</v>
      </c>
      <c r="H12191" t="s">
        <v>81</v>
      </c>
      <c r="I12191" s="2">
        <v>0</v>
      </c>
      <c r="J12191" s="2">
        <v>1</v>
      </c>
      <c r="K12191" s="2">
        <v>0</v>
      </c>
      <c r="L12191" t="s">
        <v>82</v>
      </c>
      <c r="M12191" t="s">
        <v>87</v>
      </c>
      <c r="N12191" t="s">
        <v>88</v>
      </c>
      <c r="O12191" t="s">
        <v>85</v>
      </c>
      <c r="P12191" t="s">
        <v>86</v>
      </c>
      <c r="Q12191">
        <v>10</v>
      </c>
      <c r="R12191">
        <v>10</v>
      </c>
      <c r="S12191">
        <v>10</v>
      </c>
      <c r="T12191">
        <v>10</v>
      </c>
      <c r="U12191">
        <v>10</v>
      </c>
      <c r="V12191">
        <v>10</v>
      </c>
      <c r="W12191">
        <v>10</v>
      </c>
      <c r="X12191">
        <v>10</v>
      </c>
      <c r="Y12191">
        <v>10</v>
      </c>
      <c r="Z12191">
        <v>10</v>
      </c>
      <c r="AA12191">
        <v>10</v>
      </c>
      <c r="AB12191">
        <v>10</v>
      </c>
      <c r="AC12191">
        <v>10</v>
      </c>
      <c r="AD12191">
        <v>10</v>
      </c>
      <c r="AE12191">
        <v>10</v>
      </c>
      <c r="AF12191">
        <v>10</v>
      </c>
      <c r="AG12191">
        <v>10</v>
      </c>
      <c r="AH12191">
        <v>10</v>
      </c>
      <c r="AI12191">
        <v>10</v>
      </c>
      <c r="AJ12191">
        <v>10</v>
      </c>
      <c r="AK12191">
        <v>10</v>
      </c>
      <c r="AL12191">
        <v>10</v>
      </c>
      <c r="AM12191">
        <v>10</v>
      </c>
      <c r="AN12191">
        <v>10</v>
      </c>
      <c r="AO12191">
        <v>11</v>
      </c>
      <c r="AP12191">
        <v>11</v>
      </c>
      <c r="AQ12191">
        <v>11</v>
      </c>
    </row>
    <row r="12192" spans="1:43">
      <c r="A12192" t="s">
        <v>7578</v>
      </c>
      <c r="B12192" t="s">
        <v>7579</v>
      </c>
      <c r="C12192" t="s">
        <v>7574</v>
      </c>
      <c r="D12192" t="s">
        <v>7575</v>
      </c>
      <c r="E12192" t="s">
        <v>7278</v>
      </c>
      <c r="F12192" t="s">
        <v>7279</v>
      </c>
      <c r="G12192" t="s">
        <v>80</v>
      </c>
      <c r="H12192" t="s">
        <v>81</v>
      </c>
      <c r="I12192" s="2">
        <v>0</v>
      </c>
      <c r="J12192" s="2">
        <v>1</v>
      </c>
      <c r="K12192" s="2">
        <v>0</v>
      </c>
      <c r="L12192" t="s">
        <v>82</v>
      </c>
      <c r="M12192" t="s">
        <v>89</v>
      </c>
      <c r="N12192" t="s">
        <v>90</v>
      </c>
      <c r="O12192" t="s">
        <v>85</v>
      </c>
      <c r="P12192" t="s">
        <v>86</v>
      </c>
      <c r="Q12192">
        <v>10</v>
      </c>
      <c r="R12192">
        <v>10</v>
      </c>
      <c r="S12192">
        <v>11</v>
      </c>
      <c r="T12192">
        <v>11</v>
      </c>
      <c r="U12192">
        <v>11</v>
      </c>
      <c r="V12192">
        <v>11</v>
      </c>
      <c r="W12192">
        <v>11</v>
      </c>
      <c r="X12192">
        <v>12</v>
      </c>
      <c r="Y12192">
        <v>12</v>
      </c>
      <c r="Z12192">
        <v>12</v>
      </c>
      <c r="AA12192">
        <v>12</v>
      </c>
      <c r="AB12192">
        <v>12</v>
      </c>
      <c r="AC12192">
        <v>12</v>
      </c>
      <c r="AD12192">
        <v>12</v>
      </c>
      <c r="AE12192">
        <v>13</v>
      </c>
      <c r="AF12192">
        <v>13</v>
      </c>
      <c r="AG12192">
        <v>13</v>
      </c>
      <c r="AH12192">
        <v>13</v>
      </c>
      <c r="AI12192">
        <v>13</v>
      </c>
      <c r="AJ12192">
        <v>13</v>
      </c>
      <c r="AK12192">
        <v>13</v>
      </c>
      <c r="AL12192">
        <v>13</v>
      </c>
      <c r="AM12192">
        <v>12</v>
      </c>
      <c r="AN12192">
        <v>12</v>
      </c>
      <c r="AO12192">
        <v>12</v>
      </c>
      <c r="AP12192">
        <v>12</v>
      </c>
      <c r="AQ12192">
        <v>12</v>
      </c>
    </row>
    <row r="12193" spans="1:43">
      <c r="A12193" t="s">
        <v>7578</v>
      </c>
      <c r="B12193" t="s">
        <v>7579</v>
      </c>
      <c r="C12193" t="s">
        <v>7574</v>
      </c>
      <c r="D12193" t="s">
        <v>7575</v>
      </c>
      <c r="E12193" t="s">
        <v>7278</v>
      </c>
      <c r="F12193" t="s">
        <v>7279</v>
      </c>
      <c r="G12193" t="s">
        <v>80</v>
      </c>
      <c r="H12193" t="s">
        <v>81</v>
      </c>
      <c r="I12193" s="2">
        <v>0</v>
      </c>
      <c r="J12193" s="2">
        <v>1</v>
      </c>
      <c r="K12193" s="2">
        <v>0</v>
      </c>
      <c r="L12193" t="s">
        <v>82</v>
      </c>
      <c r="M12193" t="s">
        <v>83</v>
      </c>
      <c r="N12193" t="s">
        <v>91</v>
      </c>
      <c r="O12193" t="s">
        <v>85</v>
      </c>
      <c r="P12193" t="s">
        <v>86</v>
      </c>
      <c r="Q12193">
        <v>10</v>
      </c>
      <c r="R12193">
        <v>10</v>
      </c>
      <c r="S12193">
        <v>10</v>
      </c>
      <c r="T12193">
        <v>11</v>
      </c>
      <c r="U12193">
        <v>11</v>
      </c>
      <c r="V12193">
        <v>11</v>
      </c>
      <c r="W12193">
        <v>11</v>
      </c>
      <c r="X12193">
        <v>11</v>
      </c>
      <c r="Y12193">
        <v>11</v>
      </c>
      <c r="Z12193">
        <v>11</v>
      </c>
      <c r="AA12193">
        <v>11</v>
      </c>
      <c r="AB12193">
        <v>11</v>
      </c>
      <c r="AC12193">
        <v>12</v>
      </c>
      <c r="AD12193">
        <v>12</v>
      </c>
      <c r="AE12193">
        <v>12</v>
      </c>
      <c r="AF12193">
        <v>12</v>
      </c>
      <c r="AG12193">
        <v>12</v>
      </c>
      <c r="AH12193">
        <v>12</v>
      </c>
      <c r="AI12193">
        <v>12</v>
      </c>
      <c r="AJ12193">
        <v>12</v>
      </c>
      <c r="AK12193">
        <v>12</v>
      </c>
      <c r="AL12193">
        <v>12</v>
      </c>
      <c r="AM12193">
        <v>12</v>
      </c>
      <c r="AN12193">
        <v>12</v>
      </c>
      <c r="AO12193">
        <v>12</v>
      </c>
      <c r="AP12193">
        <v>12</v>
      </c>
      <c r="AQ12193">
        <v>12</v>
      </c>
    </row>
    <row r="12194" spans="1:43">
      <c r="A12194" t="s">
        <v>7580</v>
      </c>
      <c r="B12194" t="s">
        <v>7581</v>
      </c>
      <c r="C12194" t="s">
        <v>7344</v>
      </c>
      <c r="D12194" t="s">
        <v>7345</v>
      </c>
      <c r="E12194" t="s">
        <v>7278</v>
      </c>
      <c r="F12194" t="s">
        <v>7279</v>
      </c>
      <c r="G12194" t="s">
        <v>80</v>
      </c>
      <c r="H12194" t="s">
        <v>81</v>
      </c>
      <c r="I12194" s="2">
        <v>0</v>
      </c>
      <c r="J12194" s="2">
        <v>1</v>
      </c>
      <c r="K12194" s="2">
        <v>0</v>
      </c>
      <c r="L12194" t="s">
        <v>82</v>
      </c>
      <c r="M12194" t="s">
        <v>83</v>
      </c>
      <c r="N12194" t="s">
        <v>84</v>
      </c>
      <c r="O12194" t="s">
        <v>85</v>
      </c>
      <c r="P12194" t="s">
        <v>86</v>
      </c>
      <c r="Q12194">
        <v>14</v>
      </c>
      <c r="R12194">
        <v>14</v>
      </c>
      <c r="S12194">
        <v>14</v>
      </c>
      <c r="T12194">
        <v>14</v>
      </c>
      <c r="U12194">
        <v>15</v>
      </c>
      <c r="V12194">
        <v>15</v>
      </c>
      <c r="W12194">
        <v>15</v>
      </c>
      <c r="X12194">
        <v>15</v>
      </c>
      <c r="Y12194">
        <v>15</v>
      </c>
      <c r="Z12194">
        <v>15</v>
      </c>
      <c r="AA12194">
        <v>15</v>
      </c>
      <c r="AB12194">
        <v>15</v>
      </c>
      <c r="AC12194">
        <v>16</v>
      </c>
      <c r="AD12194">
        <v>16</v>
      </c>
      <c r="AE12194">
        <v>16</v>
      </c>
      <c r="AF12194">
        <v>16</v>
      </c>
      <c r="AG12194">
        <v>16</v>
      </c>
      <c r="AH12194">
        <v>16</v>
      </c>
      <c r="AI12194">
        <v>16</v>
      </c>
      <c r="AJ12194">
        <v>16</v>
      </c>
      <c r="AK12194">
        <v>16</v>
      </c>
      <c r="AL12194">
        <v>16</v>
      </c>
      <c r="AM12194">
        <v>16</v>
      </c>
      <c r="AN12194">
        <v>16</v>
      </c>
      <c r="AO12194">
        <v>16</v>
      </c>
      <c r="AP12194">
        <v>16</v>
      </c>
      <c r="AQ12194">
        <v>16</v>
      </c>
    </row>
    <row r="12195" spans="1:43">
      <c r="A12195" t="s">
        <v>7580</v>
      </c>
      <c r="B12195" t="s">
        <v>7581</v>
      </c>
      <c r="C12195" t="s">
        <v>7344</v>
      </c>
      <c r="D12195" t="s">
        <v>7345</v>
      </c>
      <c r="E12195" t="s">
        <v>7278</v>
      </c>
      <c r="F12195" t="s">
        <v>7279</v>
      </c>
      <c r="G12195" t="s">
        <v>80</v>
      </c>
      <c r="H12195" t="s">
        <v>81</v>
      </c>
      <c r="I12195" s="2">
        <v>0</v>
      </c>
      <c r="J12195" s="2">
        <v>1</v>
      </c>
      <c r="K12195" s="2">
        <v>0</v>
      </c>
      <c r="L12195" t="s">
        <v>82</v>
      </c>
      <c r="M12195" t="s">
        <v>87</v>
      </c>
      <c r="N12195" t="s">
        <v>88</v>
      </c>
      <c r="O12195" t="s">
        <v>85</v>
      </c>
      <c r="P12195" t="s">
        <v>86</v>
      </c>
      <c r="Q12195">
        <v>14</v>
      </c>
      <c r="R12195">
        <v>14</v>
      </c>
      <c r="S12195">
        <v>14</v>
      </c>
      <c r="T12195">
        <v>14</v>
      </c>
      <c r="U12195">
        <v>14</v>
      </c>
      <c r="V12195">
        <v>14</v>
      </c>
      <c r="W12195">
        <v>14</v>
      </c>
      <c r="X12195">
        <v>14</v>
      </c>
      <c r="Y12195">
        <v>14</v>
      </c>
      <c r="Z12195">
        <v>14</v>
      </c>
      <c r="AA12195">
        <v>14</v>
      </c>
      <c r="AB12195">
        <v>14</v>
      </c>
      <c r="AC12195">
        <v>14</v>
      </c>
      <c r="AD12195">
        <v>14</v>
      </c>
      <c r="AE12195">
        <v>14</v>
      </c>
      <c r="AF12195">
        <v>14</v>
      </c>
      <c r="AG12195">
        <v>14</v>
      </c>
      <c r="AH12195">
        <v>14</v>
      </c>
      <c r="AI12195">
        <v>14</v>
      </c>
      <c r="AJ12195">
        <v>14</v>
      </c>
      <c r="AK12195">
        <v>14</v>
      </c>
      <c r="AL12195">
        <v>14</v>
      </c>
      <c r="AM12195">
        <v>14</v>
      </c>
      <c r="AN12195">
        <v>14</v>
      </c>
      <c r="AO12195">
        <v>14</v>
      </c>
      <c r="AP12195">
        <v>14</v>
      </c>
      <c r="AQ12195">
        <v>14</v>
      </c>
    </row>
    <row r="12196" spans="1:43">
      <c r="A12196" t="s">
        <v>7580</v>
      </c>
      <c r="B12196" t="s">
        <v>7581</v>
      </c>
      <c r="C12196" t="s">
        <v>7344</v>
      </c>
      <c r="D12196" t="s">
        <v>7345</v>
      </c>
      <c r="E12196" t="s">
        <v>7278</v>
      </c>
      <c r="F12196" t="s">
        <v>7279</v>
      </c>
      <c r="G12196" t="s">
        <v>80</v>
      </c>
      <c r="H12196" t="s">
        <v>81</v>
      </c>
      <c r="I12196" s="2">
        <v>0</v>
      </c>
      <c r="J12196" s="2">
        <v>1</v>
      </c>
      <c r="K12196" s="2">
        <v>0</v>
      </c>
      <c r="L12196" t="s">
        <v>82</v>
      </c>
      <c r="M12196" t="s">
        <v>89</v>
      </c>
      <c r="N12196" t="s">
        <v>90</v>
      </c>
      <c r="O12196" t="s">
        <v>85</v>
      </c>
      <c r="P12196" t="s">
        <v>86</v>
      </c>
      <c r="Q12196">
        <v>14</v>
      </c>
      <c r="R12196">
        <v>14</v>
      </c>
      <c r="S12196">
        <v>15</v>
      </c>
      <c r="T12196">
        <v>15</v>
      </c>
      <c r="U12196">
        <v>15</v>
      </c>
      <c r="V12196">
        <v>15</v>
      </c>
      <c r="W12196">
        <v>16</v>
      </c>
      <c r="X12196">
        <v>16</v>
      </c>
      <c r="Y12196">
        <v>16</v>
      </c>
      <c r="Z12196">
        <v>16</v>
      </c>
      <c r="AA12196">
        <v>16</v>
      </c>
      <c r="AB12196">
        <v>17</v>
      </c>
      <c r="AC12196">
        <v>17</v>
      </c>
      <c r="AD12196">
        <v>17</v>
      </c>
      <c r="AE12196">
        <v>17</v>
      </c>
      <c r="AF12196">
        <v>17</v>
      </c>
      <c r="AG12196">
        <v>17</v>
      </c>
      <c r="AH12196">
        <v>17</v>
      </c>
      <c r="AI12196">
        <v>17</v>
      </c>
      <c r="AJ12196">
        <v>17</v>
      </c>
      <c r="AK12196">
        <v>17</v>
      </c>
      <c r="AL12196">
        <v>17</v>
      </c>
      <c r="AM12196">
        <v>17</v>
      </c>
      <c r="AN12196">
        <v>17</v>
      </c>
      <c r="AO12196">
        <v>17</v>
      </c>
      <c r="AP12196">
        <v>17</v>
      </c>
      <c r="AQ12196">
        <v>17</v>
      </c>
    </row>
    <row r="12197" spans="1:43">
      <c r="A12197" t="s">
        <v>7580</v>
      </c>
      <c r="B12197" t="s">
        <v>7581</v>
      </c>
      <c r="C12197" t="s">
        <v>7344</v>
      </c>
      <c r="D12197" t="s">
        <v>7345</v>
      </c>
      <c r="E12197" t="s">
        <v>7278</v>
      </c>
      <c r="F12197" t="s">
        <v>7279</v>
      </c>
      <c r="G12197" t="s">
        <v>80</v>
      </c>
      <c r="H12197" t="s">
        <v>81</v>
      </c>
      <c r="I12197" s="2">
        <v>0</v>
      </c>
      <c r="J12197" s="2">
        <v>1</v>
      </c>
      <c r="K12197" s="2">
        <v>0</v>
      </c>
      <c r="L12197" t="s">
        <v>82</v>
      </c>
      <c r="M12197" t="s">
        <v>83</v>
      </c>
      <c r="N12197" t="s">
        <v>91</v>
      </c>
      <c r="O12197" t="s">
        <v>85</v>
      </c>
      <c r="P12197" t="s">
        <v>86</v>
      </c>
      <c r="Q12197">
        <v>14</v>
      </c>
      <c r="R12197">
        <v>14</v>
      </c>
      <c r="S12197">
        <v>14</v>
      </c>
      <c r="T12197">
        <v>14</v>
      </c>
      <c r="U12197">
        <v>15</v>
      </c>
      <c r="V12197">
        <v>15</v>
      </c>
      <c r="W12197">
        <v>15</v>
      </c>
      <c r="X12197">
        <v>15</v>
      </c>
      <c r="Y12197">
        <v>15</v>
      </c>
      <c r="Z12197">
        <v>15</v>
      </c>
      <c r="AA12197">
        <v>15</v>
      </c>
      <c r="AB12197">
        <v>15</v>
      </c>
      <c r="AC12197">
        <v>16</v>
      </c>
      <c r="AD12197">
        <v>16</v>
      </c>
      <c r="AE12197">
        <v>16</v>
      </c>
      <c r="AF12197">
        <v>16</v>
      </c>
      <c r="AG12197">
        <v>16</v>
      </c>
      <c r="AH12197">
        <v>16</v>
      </c>
      <c r="AI12197">
        <v>16</v>
      </c>
      <c r="AJ12197">
        <v>16</v>
      </c>
      <c r="AK12197">
        <v>16</v>
      </c>
      <c r="AL12197">
        <v>16</v>
      </c>
      <c r="AM12197">
        <v>16</v>
      </c>
      <c r="AN12197">
        <v>16</v>
      </c>
      <c r="AO12197">
        <v>16</v>
      </c>
      <c r="AP12197">
        <v>16</v>
      </c>
      <c r="AQ12197">
        <v>16</v>
      </c>
    </row>
    <row r="12198" spans="1:43">
      <c r="A12198" t="s">
        <v>7582</v>
      </c>
      <c r="B12198" t="s">
        <v>7583</v>
      </c>
      <c r="C12198" t="s">
        <v>7574</v>
      </c>
      <c r="D12198" t="s">
        <v>7575</v>
      </c>
      <c r="E12198" t="s">
        <v>7278</v>
      </c>
      <c r="F12198" t="s">
        <v>7279</v>
      </c>
      <c r="G12198" t="s">
        <v>80</v>
      </c>
      <c r="H12198" t="s">
        <v>81</v>
      </c>
      <c r="I12198" s="2">
        <v>0</v>
      </c>
      <c r="J12198" s="2">
        <v>1</v>
      </c>
      <c r="K12198" s="2">
        <v>0</v>
      </c>
      <c r="L12198" t="s">
        <v>82</v>
      </c>
      <c r="M12198" t="s">
        <v>83</v>
      </c>
      <c r="N12198" t="s">
        <v>84</v>
      </c>
      <c r="O12198" t="s">
        <v>85</v>
      </c>
      <c r="P12198" t="s">
        <v>86</v>
      </c>
      <c r="Q12198">
        <v>37</v>
      </c>
      <c r="R12198">
        <v>38</v>
      </c>
      <c r="S12198">
        <v>38</v>
      </c>
      <c r="T12198">
        <v>39</v>
      </c>
      <c r="U12198">
        <v>39</v>
      </c>
      <c r="V12198">
        <v>40</v>
      </c>
      <c r="W12198">
        <v>40</v>
      </c>
      <c r="X12198">
        <v>41</v>
      </c>
      <c r="Y12198">
        <v>41</v>
      </c>
      <c r="Z12198">
        <v>41</v>
      </c>
      <c r="AA12198">
        <v>42</v>
      </c>
      <c r="AB12198">
        <v>42</v>
      </c>
      <c r="AC12198">
        <v>43</v>
      </c>
      <c r="AD12198">
        <v>43</v>
      </c>
      <c r="AE12198">
        <v>43</v>
      </c>
      <c r="AF12198">
        <v>44</v>
      </c>
      <c r="AG12198">
        <v>44</v>
      </c>
      <c r="AH12198">
        <v>44</v>
      </c>
      <c r="AI12198">
        <v>45</v>
      </c>
      <c r="AJ12198">
        <v>45</v>
      </c>
      <c r="AK12198">
        <v>45</v>
      </c>
      <c r="AL12198">
        <v>45</v>
      </c>
      <c r="AM12198">
        <v>45</v>
      </c>
      <c r="AN12198">
        <v>45</v>
      </c>
      <c r="AO12198">
        <v>45</v>
      </c>
      <c r="AP12198">
        <v>45</v>
      </c>
      <c r="AQ12198">
        <v>45</v>
      </c>
    </row>
    <row r="12199" spans="1:43">
      <c r="A12199" t="s">
        <v>7582</v>
      </c>
      <c r="B12199" t="s">
        <v>7583</v>
      </c>
      <c r="C12199" t="s">
        <v>7574</v>
      </c>
      <c r="D12199" t="s">
        <v>7575</v>
      </c>
      <c r="E12199" t="s">
        <v>7278</v>
      </c>
      <c r="F12199" t="s">
        <v>7279</v>
      </c>
      <c r="G12199" t="s">
        <v>80</v>
      </c>
      <c r="H12199" t="s">
        <v>81</v>
      </c>
      <c r="I12199" s="2">
        <v>0</v>
      </c>
      <c r="J12199" s="2">
        <v>1</v>
      </c>
      <c r="K12199" s="2">
        <v>0</v>
      </c>
      <c r="L12199" t="s">
        <v>82</v>
      </c>
      <c r="M12199" t="s">
        <v>87</v>
      </c>
      <c r="N12199" t="s">
        <v>88</v>
      </c>
      <c r="O12199" t="s">
        <v>85</v>
      </c>
      <c r="P12199" t="s">
        <v>86</v>
      </c>
      <c r="Q12199">
        <v>37</v>
      </c>
      <c r="R12199">
        <v>37</v>
      </c>
      <c r="S12199">
        <v>37</v>
      </c>
      <c r="T12199">
        <v>37</v>
      </c>
      <c r="U12199">
        <v>38</v>
      </c>
      <c r="V12199">
        <v>38</v>
      </c>
      <c r="W12199">
        <v>38</v>
      </c>
      <c r="X12199">
        <v>38</v>
      </c>
      <c r="Y12199">
        <v>38</v>
      </c>
      <c r="Z12199">
        <v>38</v>
      </c>
      <c r="AA12199">
        <v>38</v>
      </c>
      <c r="AB12199">
        <v>38</v>
      </c>
      <c r="AC12199">
        <v>38</v>
      </c>
      <c r="AD12199">
        <v>38</v>
      </c>
      <c r="AE12199">
        <v>38</v>
      </c>
      <c r="AF12199">
        <v>38</v>
      </c>
      <c r="AG12199">
        <v>38</v>
      </c>
      <c r="AH12199">
        <v>38</v>
      </c>
      <c r="AI12199">
        <v>39</v>
      </c>
      <c r="AJ12199">
        <v>39</v>
      </c>
      <c r="AK12199">
        <v>39</v>
      </c>
      <c r="AL12199">
        <v>39</v>
      </c>
      <c r="AM12199">
        <v>39</v>
      </c>
      <c r="AN12199">
        <v>39</v>
      </c>
      <c r="AO12199">
        <v>39</v>
      </c>
      <c r="AP12199">
        <v>39</v>
      </c>
      <c r="AQ12199">
        <v>39</v>
      </c>
    </row>
    <row r="12200" spans="1:43">
      <c r="A12200" t="s">
        <v>7582</v>
      </c>
      <c r="B12200" t="s">
        <v>7583</v>
      </c>
      <c r="C12200" t="s">
        <v>7574</v>
      </c>
      <c r="D12200" t="s">
        <v>7575</v>
      </c>
      <c r="E12200" t="s">
        <v>7278</v>
      </c>
      <c r="F12200" t="s">
        <v>7279</v>
      </c>
      <c r="G12200" t="s">
        <v>80</v>
      </c>
      <c r="H12200" t="s">
        <v>81</v>
      </c>
      <c r="I12200" s="2">
        <v>0</v>
      </c>
      <c r="J12200" s="2">
        <v>1</v>
      </c>
      <c r="K12200" s="2">
        <v>0</v>
      </c>
      <c r="L12200" t="s">
        <v>82</v>
      </c>
      <c r="M12200" t="s">
        <v>89</v>
      </c>
      <c r="N12200" t="s">
        <v>90</v>
      </c>
      <c r="O12200" t="s">
        <v>85</v>
      </c>
      <c r="P12200" t="s">
        <v>86</v>
      </c>
      <c r="Q12200">
        <v>37</v>
      </c>
      <c r="R12200">
        <v>38</v>
      </c>
      <c r="S12200">
        <v>38</v>
      </c>
      <c r="T12200">
        <v>39</v>
      </c>
      <c r="U12200">
        <v>40</v>
      </c>
      <c r="V12200">
        <v>41</v>
      </c>
      <c r="W12200">
        <v>41</v>
      </c>
      <c r="X12200">
        <v>42</v>
      </c>
      <c r="Y12200">
        <v>42</v>
      </c>
      <c r="Z12200">
        <v>43</v>
      </c>
      <c r="AA12200">
        <v>43</v>
      </c>
      <c r="AB12200">
        <v>44</v>
      </c>
      <c r="AC12200">
        <v>45</v>
      </c>
      <c r="AD12200">
        <v>45</v>
      </c>
      <c r="AE12200">
        <v>45</v>
      </c>
      <c r="AF12200">
        <v>45</v>
      </c>
      <c r="AG12200">
        <v>45</v>
      </c>
      <c r="AH12200">
        <v>45</v>
      </c>
      <c r="AI12200">
        <v>45</v>
      </c>
      <c r="AJ12200">
        <v>45</v>
      </c>
      <c r="AK12200">
        <v>45</v>
      </c>
      <c r="AL12200">
        <v>45</v>
      </c>
      <c r="AM12200">
        <v>45</v>
      </c>
      <c r="AN12200">
        <v>45</v>
      </c>
      <c r="AO12200">
        <v>45</v>
      </c>
      <c r="AP12200">
        <v>45</v>
      </c>
      <c r="AQ12200">
        <v>45</v>
      </c>
    </row>
    <row r="12201" spans="1:43">
      <c r="A12201" t="s">
        <v>7582</v>
      </c>
      <c r="B12201" t="s">
        <v>7583</v>
      </c>
      <c r="C12201" t="s">
        <v>7574</v>
      </c>
      <c r="D12201" t="s">
        <v>7575</v>
      </c>
      <c r="E12201" t="s">
        <v>7278</v>
      </c>
      <c r="F12201" t="s">
        <v>7279</v>
      </c>
      <c r="G12201" t="s">
        <v>80</v>
      </c>
      <c r="H12201" t="s">
        <v>81</v>
      </c>
      <c r="I12201" s="2">
        <v>0</v>
      </c>
      <c r="J12201" s="2">
        <v>1</v>
      </c>
      <c r="K12201" s="2">
        <v>0</v>
      </c>
      <c r="L12201" t="s">
        <v>82</v>
      </c>
      <c r="M12201" t="s">
        <v>83</v>
      </c>
      <c r="N12201" t="s">
        <v>91</v>
      </c>
      <c r="O12201" t="s">
        <v>85</v>
      </c>
      <c r="P12201" t="s">
        <v>86</v>
      </c>
      <c r="Q12201">
        <v>37</v>
      </c>
      <c r="R12201">
        <v>38</v>
      </c>
      <c r="S12201">
        <v>38</v>
      </c>
      <c r="T12201">
        <v>39</v>
      </c>
      <c r="U12201">
        <v>39</v>
      </c>
      <c r="V12201">
        <v>40</v>
      </c>
      <c r="W12201">
        <v>40</v>
      </c>
      <c r="X12201">
        <v>41</v>
      </c>
      <c r="Y12201">
        <v>41</v>
      </c>
      <c r="Z12201">
        <v>41</v>
      </c>
      <c r="AA12201">
        <v>42</v>
      </c>
      <c r="AB12201">
        <v>42</v>
      </c>
      <c r="AC12201">
        <v>43</v>
      </c>
      <c r="AD12201">
        <v>43</v>
      </c>
      <c r="AE12201">
        <v>43</v>
      </c>
      <c r="AF12201">
        <v>44</v>
      </c>
      <c r="AG12201">
        <v>44</v>
      </c>
      <c r="AH12201">
        <v>44</v>
      </c>
      <c r="AI12201">
        <v>45</v>
      </c>
      <c r="AJ12201">
        <v>45</v>
      </c>
      <c r="AK12201">
        <v>45</v>
      </c>
      <c r="AL12201">
        <v>45</v>
      </c>
      <c r="AM12201">
        <v>45</v>
      </c>
      <c r="AN12201">
        <v>45</v>
      </c>
      <c r="AO12201">
        <v>45</v>
      </c>
      <c r="AP12201">
        <v>45</v>
      </c>
      <c r="AQ12201">
        <v>45</v>
      </c>
    </row>
    <row r="12202" spans="1:43">
      <c r="A12202" t="s">
        <v>7584</v>
      </c>
      <c r="B12202" t="s">
        <v>7585</v>
      </c>
      <c r="C12202" t="s">
        <v>7556</v>
      </c>
      <c r="D12202" t="s">
        <v>7557</v>
      </c>
      <c r="E12202" t="s">
        <v>7278</v>
      </c>
      <c r="F12202" t="s">
        <v>7279</v>
      </c>
      <c r="G12202" t="s">
        <v>80</v>
      </c>
      <c r="H12202" t="s">
        <v>81</v>
      </c>
      <c r="I12202" s="2">
        <v>0</v>
      </c>
      <c r="J12202" s="2">
        <v>1</v>
      </c>
      <c r="K12202" s="2">
        <v>0</v>
      </c>
      <c r="L12202" t="s">
        <v>82</v>
      </c>
      <c r="M12202" t="s">
        <v>83</v>
      </c>
      <c r="N12202" t="s">
        <v>84</v>
      </c>
      <c r="O12202" t="s">
        <v>85</v>
      </c>
      <c r="P12202" t="s">
        <v>86</v>
      </c>
      <c r="Q12202">
        <v>32</v>
      </c>
      <c r="R12202">
        <v>32</v>
      </c>
      <c r="S12202">
        <v>32</v>
      </c>
      <c r="T12202">
        <v>33</v>
      </c>
      <c r="U12202">
        <v>33</v>
      </c>
      <c r="V12202">
        <v>33</v>
      </c>
      <c r="W12202">
        <v>34</v>
      </c>
      <c r="X12202">
        <v>34</v>
      </c>
      <c r="Y12202">
        <v>34</v>
      </c>
      <c r="Z12202">
        <v>35</v>
      </c>
      <c r="AA12202">
        <v>35</v>
      </c>
      <c r="AB12202">
        <v>35</v>
      </c>
      <c r="AC12202">
        <v>36</v>
      </c>
      <c r="AD12202">
        <v>36</v>
      </c>
      <c r="AE12202">
        <v>36</v>
      </c>
      <c r="AF12202">
        <v>36</v>
      </c>
      <c r="AG12202">
        <v>37</v>
      </c>
      <c r="AH12202">
        <v>37</v>
      </c>
      <c r="AI12202">
        <v>37</v>
      </c>
      <c r="AJ12202">
        <v>37</v>
      </c>
      <c r="AK12202">
        <v>38</v>
      </c>
      <c r="AL12202">
        <v>38</v>
      </c>
      <c r="AM12202">
        <v>38</v>
      </c>
      <c r="AN12202">
        <v>38</v>
      </c>
      <c r="AO12202">
        <v>38</v>
      </c>
      <c r="AP12202">
        <v>38</v>
      </c>
      <c r="AQ12202">
        <v>37</v>
      </c>
    </row>
    <row r="12203" spans="1:43">
      <c r="A12203" t="s">
        <v>7584</v>
      </c>
      <c r="B12203" t="s">
        <v>7585</v>
      </c>
      <c r="C12203" t="s">
        <v>7556</v>
      </c>
      <c r="D12203" t="s">
        <v>7557</v>
      </c>
      <c r="E12203" t="s">
        <v>7278</v>
      </c>
      <c r="F12203" t="s">
        <v>7279</v>
      </c>
      <c r="G12203" t="s">
        <v>80</v>
      </c>
      <c r="H12203" t="s">
        <v>81</v>
      </c>
      <c r="I12203" s="2">
        <v>0</v>
      </c>
      <c r="J12203" s="2">
        <v>1</v>
      </c>
      <c r="K12203" s="2">
        <v>0</v>
      </c>
      <c r="L12203" t="s">
        <v>82</v>
      </c>
      <c r="M12203" t="s">
        <v>87</v>
      </c>
      <c r="N12203" t="s">
        <v>88</v>
      </c>
      <c r="O12203" t="s">
        <v>85</v>
      </c>
      <c r="P12203" t="s">
        <v>86</v>
      </c>
      <c r="Q12203">
        <v>32</v>
      </c>
      <c r="R12203">
        <v>32</v>
      </c>
      <c r="S12203">
        <v>32</v>
      </c>
      <c r="T12203">
        <v>33</v>
      </c>
      <c r="U12203">
        <v>33</v>
      </c>
      <c r="V12203">
        <v>33</v>
      </c>
      <c r="W12203">
        <v>33</v>
      </c>
      <c r="X12203">
        <v>33</v>
      </c>
      <c r="Y12203">
        <v>33</v>
      </c>
      <c r="Z12203">
        <v>33</v>
      </c>
      <c r="AA12203">
        <v>33</v>
      </c>
      <c r="AB12203">
        <v>33</v>
      </c>
      <c r="AC12203">
        <v>33</v>
      </c>
      <c r="AD12203">
        <v>33</v>
      </c>
      <c r="AE12203">
        <v>33</v>
      </c>
      <c r="AF12203">
        <v>33</v>
      </c>
      <c r="AG12203">
        <v>33</v>
      </c>
      <c r="AH12203">
        <v>33</v>
      </c>
      <c r="AI12203">
        <v>33</v>
      </c>
      <c r="AJ12203">
        <v>33</v>
      </c>
      <c r="AK12203">
        <v>33</v>
      </c>
      <c r="AL12203">
        <v>33</v>
      </c>
      <c r="AM12203">
        <v>33</v>
      </c>
      <c r="AN12203">
        <v>33</v>
      </c>
      <c r="AO12203">
        <v>33</v>
      </c>
      <c r="AP12203">
        <v>33</v>
      </c>
      <c r="AQ12203">
        <v>33</v>
      </c>
    </row>
    <row r="12204" spans="1:43">
      <c r="A12204" t="s">
        <v>7584</v>
      </c>
      <c r="B12204" t="s">
        <v>7585</v>
      </c>
      <c r="C12204" t="s">
        <v>7556</v>
      </c>
      <c r="D12204" t="s">
        <v>7557</v>
      </c>
      <c r="E12204" t="s">
        <v>7278</v>
      </c>
      <c r="F12204" t="s">
        <v>7279</v>
      </c>
      <c r="G12204" t="s">
        <v>80</v>
      </c>
      <c r="H12204" t="s">
        <v>81</v>
      </c>
      <c r="I12204" s="2">
        <v>0</v>
      </c>
      <c r="J12204" s="2">
        <v>1</v>
      </c>
      <c r="K12204" s="2">
        <v>0</v>
      </c>
      <c r="L12204" t="s">
        <v>82</v>
      </c>
      <c r="M12204" t="s">
        <v>89</v>
      </c>
      <c r="N12204" t="s">
        <v>90</v>
      </c>
      <c r="O12204" t="s">
        <v>85</v>
      </c>
      <c r="P12204" t="s">
        <v>86</v>
      </c>
      <c r="Q12204">
        <v>32</v>
      </c>
      <c r="R12204">
        <v>33</v>
      </c>
      <c r="S12204">
        <v>33</v>
      </c>
      <c r="T12204">
        <v>34</v>
      </c>
      <c r="U12204">
        <v>34</v>
      </c>
      <c r="V12204">
        <v>35</v>
      </c>
      <c r="W12204">
        <v>35</v>
      </c>
      <c r="X12204">
        <v>36</v>
      </c>
      <c r="Y12204">
        <v>36</v>
      </c>
      <c r="Z12204">
        <v>37</v>
      </c>
      <c r="AA12204">
        <v>37</v>
      </c>
      <c r="AB12204">
        <v>38</v>
      </c>
      <c r="AC12204">
        <v>38</v>
      </c>
      <c r="AD12204">
        <v>39</v>
      </c>
      <c r="AE12204">
        <v>39</v>
      </c>
      <c r="AF12204">
        <v>39</v>
      </c>
      <c r="AG12204">
        <v>39</v>
      </c>
      <c r="AH12204">
        <v>39</v>
      </c>
      <c r="AI12204">
        <v>39</v>
      </c>
      <c r="AJ12204">
        <v>38</v>
      </c>
      <c r="AK12204">
        <v>38</v>
      </c>
      <c r="AL12204">
        <v>38</v>
      </c>
      <c r="AM12204">
        <v>38</v>
      </c>
      <c r="AN12204">
        <v>38</v>
      </c>
      <c r="AO12204">
        <v>38</v>
      </c>
      <c r="AP12204">
        <v>38</v>
      </c>
      <c r="AQ12204">
        <v>38</v>
      </c>
    </row>
    <row r="12205" spans="1:43">
      <c r="A12205" t="s">
        <v>7584</v>
      </c>
      <c r="B12205" t="s">
        <v>7585</v>
      </c>
      <c r="C12205" t="s">
        <v>7556</v>
      </c>
      <c r="D12205" t="s">
        <v>7557</v>
      </c>
      <c r="E12205" t="s">
        <v>7278</v>
      </c>
      <c r="F12205" t="s">
        <v>7279</v>
      </c>
      <c r="G12205" t="s">
        <v>80</v>
      </c>
      <c r="H12205" t="s">
        <v>81</v>
      </c>
      <c r="I12205" s="2">
        <v>0</v>
      </c>
      <c r="J12205" s="2">
        <v>1</v>
      </c>
      <c r="K12205" s="2">
        <v>0</v>
      </c>
      <c r="L12205" t="s">
        <v>82</v>
      </c>
      <c r="M12205" t="s">
        <v>83</v>
      </c>
      <c r="N12205" t="s">
        <v>91</v>
      </c>
      <c r="O12205" t="s">
        <v>85</v>
      </c>
      <c r="P12205" t="s">
        <v>86</v>
      </c>
      <c r="Q12205">
        <v>32</v>
      </c>
      <c r="R12205">
        <v>32</v>
      </c>
      <c r="S12205">
        <v>32</v>
      </c>
      <c r="T12205">
        <v>33</v>
      </c>
      <c r="U12205">
        <v>33</v>
      </c>
      <c r="V12205">
        <v>33</v>
      </c>
      <c r="W12205">
        <v>34</v>
      </c>
      <c r="X12205">
        <v>34</v>
      </c>
      <c r="Y12205">
        <v>34</v>
      </c>
      <c r="Z12205">
        <v>35</v>
      </c>
      <c r="AA12205">
        <v>35</v>
      </c>
      <c r="AB12205">
        <v>35</v>
      </c>
      <c r="AC12205">
        <v>36</v>
      </c>
      <c r="AD12205">
        <v>36</v>
      </c>
      <c r="AE12205">
        <v>36</v>
      </c>
      <c r="AF12205">
        <v>36</v>
      </c>
      <c r="AG12205">
        <v>37</v>
      </c>
      <c r="AH12205">
        <v>37</v>
      </c>
      <c r="AI12205">
        <v>37</v>
      </c>
      <c r="AJ12205">
        <v>37</v>
      </c>
      <c r="AK12205">
        <v>38</v>
      </c>
      <c r="AL12205">
        <v>38</v>
      </c>
      <c r="AM12205">
        <v>38</v>
      </c>
      <c r="AN12205">
        <v>38</v>
      </c>
      <c r="AO12205">
        <v>38</v>
      </c>
      <c r="AP12205">
        <v>38</v>
      </c>
      <c r="AQ12205">
        <v>37</v>
      </c>
    </row>
    <row r="12206" spans="1:43">
      <c r="A12206" t="s">
        <v>7586</v>
      </c>
      <c r="B12206" t="s">
        <v>7587</v>
      </c>
      <c r="C12206" t="s">
        <v>7574</v>
      </c>
      <c r="D12206" t="s">
        <v>7575</v>
      </c>
      <c r="E12206" t="s">
        <v>7278</v>
      </c>
      <c r="F12206" t="s">
        <v>7279</v>
      </c>
      <c r="G12206" t="s">
        <v>80</v>
      </c>
      <c r="H12206" t="s">
        <v>81</v>
      </c>
      <c r="I12206" s="2">
        <v>0</v>
      </c>
      <c r="J12206" s="2">
        <v>1</v>
      </c>
      <c r="K12206" s="2">
        <v>0</v>
      </c>
      <c r="L12206" t="s">
        <v>82</v>
      </c>
      <c r="M12206" t="s">
        <v>83</v>
      </c>
      <c r="N12206" t="s">
        <v>84</v>
      </c>
      <c r="O12206" t="s">
        <v>85</v>
      </c>
      <c r="P12206" t="s">
        <v>86</v>
      </c>
      <c r="Q12206">
        <v>11</v>
      </c>
      <c r="R12206">
        <v>11</v>
      </c>
      <c r="S12206">
        <v>11</v>
      </c>
      <c r="T12206">
        <v>12</v>
      </c>
      <c r="U12206">
        <v>12</v>
      </c>
      <c r="V12206">
        <v>12</v>
      </c>
      <c r="W12206">
        <v>12</v>
      </c>
      <c r="X12206">
        <v>12</v>
      </c>
      <c r="Y12206">
        <v>12</v>
      </c>
      <c r="Z12206">
        <v>12</v>
      </c>
      <c r="AA12206">
        <v>12</v>
      </c>
      <c r="AB12206">
        <v>13</v>
      </c>
      <c r="AC12206">
        <v>13</v>
      </c>
      <c r="AD12206">
        <v>13</v>
      </c>
      <c r="AE12206">
        <v>13</v>
      </c>
      <c r="AF12206">
        <v>13</v>
      </c>
      <c r="AG12206">
        <v>13</v>
      </c>
      <c r="AH12206">
        <v>13</v>
      </c>
      <c r="AI12206">
        <v>13</v>
      </c>
      <c r="AJ12206">
        <v>13</v>
      </c>
      <c r="AK12206">
        <v>14</v>
      </c>
      <c r="AL12206">
        <v>14</v>
      </c>
      <c r="AM12206">
        <v>14</v>
      </c>
      <c r="AN12206">
        <v>14</v>
      </c>
      <c r="AO12206">
        <v>14</v>
      </c>
      <c r="AP12206">
        <v>14</v>
      </c>
      <c r="AQ12206">
        <v>14</v>
      </c>
    </row>
    <row r="12207" spans="1:43">
      <c r="A12207" t="s">
        <v>7586</v>
      </c>
      <c r="B12207" t="s">
        <v>7587</v>
      </c>
      <c r="C12207" t="s">
        <v>7574</v>
      </c>
      <c r="D12207" t="s">
        <v>7575</v>
      </c>
      <c r="E12207" t="s">
        <v>7278</v>
      </c>
      <c r="F12207" t="s">
        <v>7279</v>
      </c>
      <c r="G12207" t="s">
        <v>80</v>
      </c>
      <c r="H12207" t="s">
        <v>81</v>
      </c>
      <c r="I12207" s="2">
        <v>0</v>
      </c>
      <c r="J12207" s="2">
        <v>1</v>
      </c>
      <c r="K12207" s="2">
        <v>0</v>
      </c>
      <c r="L12207" t="s">
        <v>82</v>
      </c>
      <c r="M12207" t="s">
        <v>87</v>
      </c>
      <c r="N12207" t="s">
        <v>88</v>
      </c>
      <c r="O12207" t="s">
        <v>85</v>
      </c>
      <c r="P12207" t="s">
        <v>86</v>
      </c>
      <c r="Q12207">
        <v>11</v>
      </c>
      <c r="R12207">
        <v>11</v>
      </c>
      <c r="S12207">
        <v>11</v>
      </c>
      <c r="T12207">
        <v>11</v>
      </c>
      <c r="U12207">
        <v>11</v>
      </c>
      <c r="V12207">
        <v>11</v>
      </c>
      <c r="W12207">
        <v>11</v>
      </c>
      <c r="X12207">
        <v>11</v>
      </c>
      <c r="Y12207">
        <v>11</v>
      </c>
      <c r="Z12207">
        <v>11</v>
      </c>
      <c r="AA12207">
        <v>11</v>
      </c>
      <c r="AB12207">
        <v>11</v>
      </c>
      <c r="AC12207">
        <v>11</v>
      </c>
      <c r="AD12207">
        <v>11</v>
      </c>
      <c r="AE12207">
        <v>11</v>
      </c>
      <c r="AF12207">
        <v>11</v>
      </c>
      <c r="AG12207">
        <v>11</v>
      </c>
      <c r="AH12207">
        <v>11</v>
      </c>
      <c r="AI12207">
        <v>11</v>
      </c>
      <c r="AJ12207">
        <v>12</v>
      </c>
      <c r="AK12207">
        <v>12</v>
      </c>
      <c r="AL12207">
        <v>12</v>
      </c>
      <c r="AM12207">
        <v>12</v>
      </c>
      <c r="AN12207">
        <v>12</v>
      </c>
      <c r="AO12207">
        <v>12</v>
      </c>
      <c r="AP12207">
        <v>12</v>
      </c>
      <c r="AQ12207">
        <v>12</v>
      </c>
    </row>
    <row r="12208" spans="1:43">
      <c r="A12208" t="s">
        <v>7586</v>
      </c>
      <c r="B12208" t="s">
        <v>7587</v>
      </c>
      <c r="C12208" t="s">
        <v>7574</v>
      </c>
      <c r="D12208" t="s">
        <v>7575</v>
      </c>
      <c r="E12208" t="s">
        <v>7278</v>
      </c>
      <c r="F12208" t="s">
        <v>7279</v>
      </c>
      <c r="G12208" t="s">
        <v>80</v>
      </c>
      <c r="H12208" t="s">
        <v>81</v>
      </c>
      <c r="I12208" s="2">
        <v>0</v>
      </c>
      <c r="J12208" s="2">
        <v>1</v>
      </c>
      <c r="K12208" s="2">
        <v>0</v>
      </c>
      <c r="L12208" t="s">
        <v>82</v>
      </c>
      <c r="M12208" t="s">
        <v>89</v>
      </c>
      <c r="N12208" t="s">
        <v>90</v>
      </c>
      <c r="O12208" t="s">
        <v>85</v>
      </c>
      <c r="P12208" t="s">
        <v>86</v>
      </c>
      <c r="Q12208">
        <v>11</v>
      </c>
      <c r="R12208">
        <v>12</v>
      </c>
      <c r="S12208">
        <v>12</v>
      </c>
      <c r="T12208">
        <v>12</v>
      </c>
      <c r="U12208">
        <v>12</v>
      </c>
      <c r="V12208">
        <v>12</v>
      </c>
      <c r="W12208">
        <v>13</v>
      </c>
      <c r="X12208">
        <v>13</v>
      </c>
      <c r="Y12208">
        <v>13</v>
      </c>
      <c r="Z12208">
        <v>13</v>
      </c>
      <c r="AA12208">
        <v>13</v>
      </c>
      <c r="AB12208">
        <v>13</v>
      </c>
      <c r="AC12208">
        <v>14</v>
      </c>
      <c r="AD12208">
        <v>14</v>
      </c>
      <c r="AE12208">
        <v>14</v>
      </c>
      <c r="AF12208">
        <v>14</v>
      </c>
      <c r="AG12208">
        <v>14</v>
      </c>
      <c r="AH12208">
        <v>14</v>
      </c>
      <c r="AI12208">
        <v>14</v>
      </c>
      <c r="AJ12208">
        <v>14</v>
      </c>
      <c r="AK12208">
        <v>14</v>
      </c>
      <c r="AL12208">
        <v>14</v>
      </c>
      <c r="AM12208">
        <v>14</v>
      </c>
      <c r="AN12208">
        <v>14</v>
      </c>
      <c r="AO12208">
        <v>14</v>
      </c>
      <c r="AP12208">
        <v>14</v>
      </c>
      <c r="AQ12208">
        <v>14</v>
      </c>
    </row>
    <row r="12209" spans="1:43">
      <c r="A12209" t="s">
        <v>7586</v>
      </c>
      <c r="B12209" t="s">
        <v>7587</v>
      </c>
      <c r="C12209" t="s">
        <v>7574</v>
      </c>
      <c r="D12209" t="s">
        <v>7575</v>
      </c>
      <c r="E12209" t="s">
        <v>7278</v>
      </c>
      <c r="F12209" t="s">
        <v>7279</v>
      </c>
      <c r="G12209" t="s">
        <v>80</v>
      </c>
      <c r="H12209" t="s">
        <v>81</v>
      </c>
      <c r="I12209" s="2">
        <v>0</v>
      </c>
      <c r="J12209" s="2">
        <v>1</v>
      </c>
      <c r="K12209" s="2">
        <v>0</v>
      </c>
      <c r="L12209" t="s">
        <v>82</v>
      </c>
      <c r="M12209" t="s">
        <v>83</v>
      </c>
      <c r="N12209" t="s">
        <v>91</v>
      </c>
      <c r="O12209" t="s">
        <v>85</v>
      </c>
      <c r="P12209" t="s">
        <v>86</v>
      </c>
      <c r="Q12209">
        <v>11</v>
      </c>
      <c r="R12209">
        <v>11</v>
      </c>
      <c r="S12209">
        <v>11</v>
      </c>
      <c r="T12209">
        <v>12</v>
      </c>
      <c r="U12209">
        <v>12</v>
      </c>
      <c r="V12209">
        <v>12</v>
      </c>
      <c r="W12209">
        <v>12</v>
      </c>
      <c r="X12209">
        <v>12</v>
      </c>
      <c r="Y12209">
        <v>12</v>
      </c>
      <c r="Z12209">
        <v>12</v>
      </c>
      <c r="AA12209">
        <v>12</v>
      </c>
      <c r="AB12209">
        <v>13</v>
      </c>
      <c r="AC12209">
        <v>13</v>
      </c>
      <c r="AD12209">
        <v>13</v>
      </c>
      <c r="AE12209">
        <v>13</v>
      </c>
      <c r="AF12209">
        <v>13</v>
      </c>
      <c r="AG12209">
        <v>13</v>
      </c>
      <c r="AH12209">
        <v>13</v>
      </c>
      <c r="AI12209">
        <v>13</v>
      </c>
      <c r="AJ12209">
        <v>13</v>
      </c>
      <c r="AK12209">
        <v>14</v>
      </c>
      <c r="AL12209">
        <v>14</v>
      </c>
      <c r="AM12209">
        <v>14</v>
      </c>
      <c r="AN12209">
        <v>14</v>
      </c>
      <c r="AO12209">
        <v>14</v>
      </c>
      <c r="AP12209">
        <v>14</v>
      </c>
      <c r="AQ12209">
        <v>14</v>
      </c>
    </row>
    <row r="12210" spans="1:43">
      <c r="A12210" t="s">
        <v>7588</v>
      </c>
      <c r="B12210" t="s">
        <v>7589</v>
      </c>
      <c r="C12210" t="s">
        <v>7590</v>
      </c>
      <c r="D12210" t="s">
        <v>7591</v>
      </c>
      <c r="E12210" t="s">
        <v>7278</v>
      </c>
      <c r="F12210" t="s">
        <v>7279</v>
      </c>
      <c r="G12210" t="s">
        <v>80</v>
      </c>
      <c r="H12210" t="s">
        <v>81</v>
      </c>
      <c r="I12210" s="2">
        <v>0</v>
      </c>
      <c r="J12210" s="2">
        <v>1</v>
      </c>
      <c r="K12210" s="2">
        <v>0</v>
      </c>
      <c r="L12210" t="s">
        <v>82</v>
      </c>
      <c r="M12210" t="s">
        <v>83</v>
      </c>
      <c r="N12210" t="s">
        <v>84</v>
      </c>
      <c r="O12210" t="s">
        <v>85</v>
      </c>
      <c r="P12210" t="s">
        <v>86</v>
      </c>
      <c r="Q12210">
        <v>41</v>
      </c>
      <c r="R12210">
        <v>41</v>
      </c>
      <c r="S12210">
        <v>42</v>
      </c>
      <c r="T12210">
        <v>42</v>
      </c>
      <c r="U12210">
        <v>43</v>
      </c>
      <c r="V12210">
        <v>43</v>
      </c>
      <c r="W12210">
        <v>43</v>
      </c>
      <c r="X12210">
        <v>44</v>
      </c>
      <c r="Y12210">
        <v>44</v>
      </c>
      <c r="Z12210">
        <v>44</v>
      </c>
      <c r="AA12210">
        <v>45</v>
      </c>
      <c r="AB12210">
        <v>45</v>
      </c>
      <c r="AC12210">
        <v>45</v>
      </c>
      <c r="AD12210">
        <v>45</v>
      </c>
      <c r="AE12210">
        <v>46</v>
      </c>
      <c r="AF12210">
        <v>46</v>
      </c>
      <c r="AG12210">
        <v>46</v>
      </c>
      <c r="AH12210">
        <v>46</v>
      </c>
      <c r="AI12210">
        <v>47</v>
      </c>
      <c r="AJ12210">
        <v>47</v>
      </c>
      <c r="AK12210">
        <v>47</v>
      </c>
      <c r="AL12210">
        <v>47</v>
      </c>
      <c r="AM12210">
        <v>47</v>
      </c>
      <c r="AN12210">
        <v>47</v>
      </c>
      <c r="AO12210">
        <v>46</v>
      </c>
      <c r="AP12210">
        <v>46</v>
      </c>
      <c r="AQ12210">
        <v>46</v>
      </c>
    </row>
    <row r="12211" spans="1:43">
      <c r="A12211" t="s">
        <v>7588</v>
      </c>
      <c r="B12211" t="s">
        <v>7589</v>
      </c>
      <c r="C12211" t="s">
        <v>7590</v>
      </c>
      <c r="D12211" t="s">
        <v>7591</v>
      </c>
      <c r="E12211" t="s">
        <v>7278</v>
      </c>
      <c r="F12211" t="s">
        <v>7279</v>
      </c>
      <c r="G12211" t="s">
        <v>80</v>
      </c>
      <c r="H12211" t="s">
        <v>81</v>
      </c>
      <c r="I12211" s="2">
        <v>0</v>
      </c>
      <c r="J12211" s="2">
        <v>1</v>
      </c>
      <c r="K12211" s="2">
        <v>0</v>
      </c>
      <c r="L12211" t="s">
        <v>82</v>
      </c>
      <c r="M12211" t="s">
        <v>87</v>
      </c>
      <c r="N12211" t="s">
        <v>88</v>
      </c>
      <c r="O12211" t="s">
        <v>85</v>
      </c>
      <c r="P12211" t="s">
        <v>86</v>
      </c>
      <c r="Q12211">
        <v>41</v>
      </c>
      <c r="R12211">
        <v>41</v>
      </c>
      <c r="S12211">
        <v>41</v>
      </c>
      <c r="T12211">
        <v>41</v>
      </c>
      <c r="U12211">
        <v>41</v>
      </c>
      <c r="V12211">
        <v>41</v>
      </c>
      <c r="W12211">
        <v>41</v>
      </c>
      <c r="X12211">
        <v>41</v>
      </c>
      <c r="Y12211">
        <v>41</v>
      </c>
      <c r="Z12211">
        <v>41</v>
      </c>
      <c r="AA12211">
        <v>41</v>
      </c>
      <c r="AB12211">
        <v>41</v>
      </c>
      <c r="AC12211">
        <v>41</v>
      </c>
      <c r="AD12211">
        <v>41</v>
      </c>
      <c r="AE12211">
        <v>40</v>
      </c>
      <c r="AF12211">
        <v>40</v>
      </c>
      <c r="AG12211">
        <v>40</v>
      </c>
      <c r="AH12211">
        <v>40</v>
      </c>
      <c r="AI12211">
        <v>40</v>
      </c>
      <c r="AJ12211">
        <v>40</v>
      </c>
      <c r="AK12211">
        <v>40</v>
      </c>
      <c r="AL12211">
        <v>40</v>
      </c>
      <c r="AM12211">
        <v>40</v>
      </c>
      <c r="AN12211">
        <v>40</v>
      </c>
      <c r="AO12211">
        <v>40</v>
      </c>
      <c r="AP12211">
        <v>40</v>
      </c>
      <c r="AQ12211">
        <v>40</v>
      </c>
    </row>
    <row r="12212" spans="1:43">
      <c r="A12212" t="s">
        <v>7588</v>
      </c>
      <c r="B12212" t="s">
        <v>7589</v>
      </c>
      <c r="C12212" t="s">
        <v>7590</v>
      </c>
      <c r="D12212" t="s">
        <v>7591</v>
      </c>
      <c r="E12212" t="s">
        <v>7278</v>
      </c>
      <c r="F12212" t="s">
        <v>7279</v>
      </c>
      <c r="G12212" t="s">
        <v>80</v>
      </c>
      <c r="H12212" t="s">
        <v>81</v>
      </c>
      <c r="I12212" s="2">
        <v>0</v>
      </c>
      <c r="J12212" s="2">
        <v>1</v>
      </c>
      <c r="K12212" s="2">
        <v>0</v>
      </c>
      <c r="L12212" t="s">
        <v>82</v>
      </c>
      <c r="M12212" t="s">
        <v>89</v>
      </c>
      <c r="N12212" t="s">
        <v>90</v>
      </c>
      <c r="O12212" t="s">
        <v>85</v>
      </c>
      <c r="P12212" t="s">
        <v>86</v>
      </c>
      <c r="Q12212">
        <v>41</v>
      </c>
      <c r="R12212">
        <v>42</v>
      </c>
      <c r="S12212">
        <v>43</v>
      </c>
      <c r="T12212">
        <v>44</v>
      </c>
      <c r="U12212">
        <v>44</v>
      </c>
      <c r="V12212">
        <v>45</v>
      </c>
      <c r="W12212">
        <v>46</v>
      </c>
      <c r="X12212">
        <v>46</v>
      </c>
      <c r="Y12212">
        <v>47</v>
      </c>
      <c r="Z12212">
        <v>47</v>
      </c>
      <c r="AA12212">
        <v>48</v>
      </c>
      <c r="AB12212">
        <v>48</v>
      </c>
      <c r="AC12212">
        <v>48</v>
      </c>
      <c r="AD12212">
        <v>49</v>
      </c>
      <c r="AE12212">
        <v>49</v>
      </c>
      <c r="AF12212">
        <v>49</v>
      </c>
      <c r="AG12212">
        <v>49</v>
      </c>
      <c r="AH12212">
        <v>48</v>
      </c>
      <c r="AI12212">
        <v>48</v>
      </c>
      <c r="AJ12212">
        <v>48</v>
      </c>
      <c r="AK12212">
        <v>48</v>
      </c>
      <c r="AL12212">
        <v>48</v>
      </c>
      <c r="AM12212">
        <v>47</v>
      </c>
      <c r="AN12212">
        <v>47</v>
      </c>
      <c r="AO12212">
        <v>47</v>
      </c>
      <c r="AP12212">
        <v>47</v>
      </c>
      <c r="AQ12212">
        <v>46</v>
      </c>
    </row>
    <row r="12213" spans="1:43">
      <c r="A12213" t="s">
        <v>7588</v>
      </c>
      <c r="B12213" t="s">
        <v>7589</v>
      </c>
      <c r="C12213" t="s">
        <v>7590</v>
      </c>
      <c r="D12213" t="s">
        <v>7591</v>
      </c>
      <c r="E12213" t="s">
        <v>7278</v>
      </c>
      <c r="F12213" t="s">
        <v>7279</v>
      </c>
      <c r="G12213" t="s">
        <v>80</v>
      </c>
      <c r="H12213" t="s">
        <v>81</v>
      </c>
      <c r="I12213" s="2">
        <v>0</v>
      </c>
      <c r="J12213" s="2">
        <v>1</v>
      </c>
      <c r="K12213" s="2">
        <v>0</v>
      </c>
      <c r="L12213" t="s">
        <v>82</v>
      </c>
      <c r="M12213" t="s">
        <v>83</v>
      </c>
      <c r="N12213" t="s">
        <v>91</v>
      </c>
      <c r="O12213" t="s">
        <v>85</v>
      </c>
      <c r="P12213" t="s">
        <v>86</v>
      </c>
      <c r="Q12213">
        <v>41</v>
      </c>
      <c r="R12213">
        <v>41</v>
      </c>
      <c r="S12213">
        <v>42</v>
      </c>
      <c r="T12213">
        <v>42</v>
      </c>
      <c r="U12213">
        <v>43</v>
      </c>
      <c r="V12213">
        <v>43</v>
      </c>
      <c r="W12213">
        <v>43</v>
      </c>
      <c r="X12213">
        <v>44</v>
      </c>
      <c r="Y12213">
        <v>44</v>
      </c>
      <c r="Z12213">
        <v>44</v>
      </c>
      <c r="AA12213">
        <v>45</v>
      </c>
      <c r="AB12213">
        <v>45</v>
      </c>
      <c r="AC12213">
        <v>45</v>
      </c>
      <c r="AD12213">
        <v>45</v>
      </c>
      <c r="AE12213">
        <v>46</v>
      </c>
      <c r="AF12213">
        <v>46</v>
      </c>
      <c r="AG12213">
        <v>46</v>
      </c>
      <c r="AH12213">
        <v>46</v>
      </c>
      <c r="AI12213">
        <v>47</v>
      </c>
      <c r="AJ12213">
        <v>47</v>
      </c>
      <c r="AK12213">
        <v>47</v>
      </c>
      <c r="AL12213">
        <v>47</v>
      </c>
      <c r="AM12213">
        <v>47</v>
      </c>
      <c r="AN12213">
        <v>47</v>
      </c>
      <c r="AO12213">
        <v>46</v>
      </c>
      <c r="AP12213">
        <v>46</v>
      </c>
      <c r="AQ12213">
        <v>46</v>
      </c>
    </row>
    <row r="12214" spans="1:43">
      <c r="A12214" t="s">
        <v>7592</v>
      </c>
      <c r="B12214" t="s">
        <v>7593</v>
      </c>
      <c r="C12214" t="s">
        <v>7594</v>
      </c>
      <c r="D12214" t="s">
        <v>7595</v>
      </c>
      <c r="E12214" t="s">
        <v>7278</v>
      </c>
      <c r="F12214" t="s">
        <v>7279</v>
      </c>
      <c r="G12214" t="s">
        <v>80</v>
      </c>
      <c r="H12214" t="s">
        <v>81</v>
      </c>
      <c r="I12214" s="2">
        <v>0</v>
      </c>
      <c r="J12214" s="2">
        <v>1</v>
      </c>
      <c r="K12214" s="2">
        <v>0</v>
      </c>
      <c r="L12214" t="s">
        <v>82</v>
      </c>
      <c r="M12214" t="s">
        <v>83</v>
      </c>
      <c r="N12214" t="s">
        <v>84</v>
      </c>
      <c r="O12214" t="s">
        <v>85</v>
      </c>
      <c r="P12214" t="s">
        <v>86</v>
      </c>
      <c r="Q12214">
        <v>27</v>
      </c>
      <c r="R12214">
        <v>28</v>
      </c>
      <c r="S12214">
        <v>28</v>
      </c>
      <c r="T12214">
        <v>28</v>
      </c>
      <c r="U12214">
        <v>29</v>
      </c>
      <c r="V12214">
        <v>29</v>
      </c>
      <c r="W12214">
        <v>29</v>
      </c>
      <c r="X12214">
        <v>29</v>
      </c>
      <c r="Y12214">
        <v>30</v>
      </c>
      <c r="Z12214">
        <v>30</v>
      </c>
      <c r="AA12214">
        <v>30</v>
      </c>
      <c r="AB12214">
        <v>30</v>
      </c>
      <c r="AC12214">
        <v>31</v>
      </c>
      <c r="AD12214">
        <v>31</v>
      </c>
      <c r="AE12214">
        <v>31</v>
      </c>
      <c r="AF12214">
        <v>31</v>
      </c>
      <c r="AG12214">
        <v>32</v>
      </c>
      <c r="AH12214">
        <v>32</v>
      </c>
      <c r="AI12214">
        <v>32</v>
      </c>
      <c r="AJ12214">
        <v>32</v>
      </c>
      <c r="AK12214">
        <v>32</v>
      </c>
      <c r="AL12214">
        <v>32</v>
      </c>
      <c r="AM12214">
        <v>32</v>
      </c>
      <c r="AN12214">
        <v>32</v>
      </c>
      <c r="AO12214">
        <v>32</v>
      </c>
      <c r="AP12214">
        <v>32</v>
      </c>
      <c r="AQ12214">
        <v>32</v>
      </c>
    </row>
    <row r="12215" spans="1:43">
      <c r="A12215" t="s">
        <v>7592</v>
      </c>
      <c r="B12215" t="s">
        <v>7593</v>
      </c>
      <c r="C12215" t="s">
        <v>7594</v>
      </c>
      <c r="D12215" t="s">
        <v>7595</v>
      </c>
      <c r="E12215" t="s">
        <v>7278</v>
      </c>
      <c r="F12215" t="s">
        <v>7279</v>
      </c>
      <c r="G12215" t="s">
        <v>80</v>
      </c>
      <c r="H12215" t="s">
        <v>81</v>
      </c>
      <c r="I12215" s="2">
        <v>0</v>
      </c>
      <c r="J12215" s="2">
        <v>1</v>
      </c>
      <c r="K12215" s="2">
        <v>0</v>
      </c>
      <c r="L12215" t="s">
        <v>82</v>
      </c>
      <c r="M12215" t="s">
        <v>87</v>
      </c>
      <c r="N12215" t="s">
        <v>88</v>
      </c>
      <c r="O12215" t="s">
        <v>85</v>
      </c>
      <c r="P12215" t="s">
        <v>86</v>
      </c>
      <c r="Q12215">
        <v>27</v>
      </c>
      <c r="R12215">
        <v>27</v>
      </c>
      <c r="S12215">
        <v>27</v>
      </c>
      <c r="T12215">
        <v>27</v>
      </c>
      <c r="U12215">
        <v>27</v>
      </c>
      <c r="V12215">
        <v>27</v>
      </c>
      <c r="W12215">
        <v>27</v>
      </c>
      <c r="X12215">
        <v>27</v>
      </c>
      <c r="Y12215">
        <v>27</v>
      </c>
      <c r="Z12215">
        <v>27</v>
      </c>
      <c r="AA12215">
        <v>28</v>
      </c>
      <c r="AB12215">
        <v>28</v>
      </c>
      <c r="AC12215">
        <v>28</v>
      </c>
      <c r="AD12215">
        <v>28</v>
      </c>
      <c r="AE12215">
        <v>28</v>
      </c>
      <c r="AF12215">
        <v>28</v>
      </c>
      <c r="AG12215">
        <v>28</v>
      </c>
      <c r="AH12215">
        <v>28</v>
      </c>
      <c r="AI12215">
        <v>28</v>
      </c>
      <c r="AJ12215">
        <v>28</v>
      </c>
      <c r="AK12215">
        <v>28</v>
      </c>
      <c r="AL12215">
        <v>28</v>
      </c>
      <c r="AM12215">
        <v>28</v>
      </c>
      <c r="AN12215">
        <v>28</v>
      </c>
      <c r="AO12215">
        <v>28</v>
      </c>
      <c r="AP12215">
        <v>28</v>
      </c>
      <c r="AQ12215">
        <v>28</v>
      </c>
    </row>
    <row r="12216" spans="1:43">
      <c r="A12216" t="s">
        <v>7592</v>
      </c>
      <c r="B12216" t="s">
        <v>7593</v>
      </c>
      <c r="C12216" t="s">
        <v>7594</v>
      </c>
      <c r="D12216" t="s">
        <v>7595</v>
      </c>
      <c r="E12216" t="s">
        <v>7278</v>
      </c>
      <c r="F12216" t="s">
        <v>7279</v>
      </c>
      <c r="G12216" t="s">
        <v>80</v>
      </c>
      <c r="H12216" t="s">
        <v>81</v>
      </c>
      <c r="I12216" s="2">
        <v>0</v>
      </c>
      <c r="J12216" s="2">
        <v>1</v>
      </c>
      <c r="K12216" s="2">
        <v>0</v>
      </c>
      <c r="L12216" t="s">
        <v>82</v>
      </c>
      <c r="M12216" t="s">
        <v>89</v>
      </c>
      <c r="N12216" t="s">
        <v>90</v>
      </c>
      <c r="O12216" t="s">
        <v>85</v>
      </c>
      <c r="P12216" t="s">
        <v>86</v>
      </c>
      <c r="Q12216">
        <v>27</v>
      </c>
      <c r="R12216">
        <v>27</v>
      </c>
      <c r="S12216">
        <v>28</v>
      </c>
      <c r="T12216">
        <v>28</v>
      </c>
      <c r="U12216">
        <v>29</v>
      </c>
      <c r="V12216">
        <v>29</v>
      </c>
      <c r="W12216">
        <v>30</v>
      </c>
      <c r="X12216">
        <v>30</v>
      </c>
      <c r="Y12216">
        <v>30</v>
      </c>
      <c r="Z12216">
        <v>31</v>
      </c>
      <c r="AA12216">
        <v>31</v>
      </c>
      <c r="AB12216">
        <v>32</v>
      </c>
      <c r="AC12216">
        <v>32</v>
      </c>
      <c r="AD12216">
        <v>32</v>
      </c>
      <c r="AE12216">
        <v>32</v>
      </c>
      <c r="AF12216">
        <v>32</v>
      </c>
      <c r="AG12216">
        <v>32</v>
      </c>
      <c r="AH12216">
        <v>32</v>
      </c>
      <c r="AI12216">
        <v>32</v>
      </c>
      <c r="AJ12216">
        <v>32</v>
      </c>
      <c r="AK12216">
        <v>32</v>
      </c>
      <c r="AL12216">
        <v>32</v>
      </c>
      <c r="AM12216">
        <v>32</v>
      </c>
      <c r="AN12216">
        <v>32</v>
      </c>
      <c r="AO12216">
        <v>32</v>
      </c>
      <c r="AP12216">
        <v>32</v>
      </c>
      <c r="AQ12216">
        <v>32</v>
      </c>
    </row>
    <row r="12217" spans="1:43">
      <c r="A12217" t="s">
        <v>7592</v>
      </c>
      <c r="B12217" t="s">
        <v>7593</v>
      </c>
      <c r="C12217" t="s">
        <v>7594</v>
      </c>
      <c r="D12217" t="s">
        <v>7595</v>
      </c>
      <c r="E12217" t="s">
        <v>7278</v>
      </c>
      <c r="F12217" t="s">
        <v>7279</v>
      </c>
      <c r="G12217" t="s">
        <v>80</v>
      </c>
      <c r="H12217" t="s">
        <v>81</v>
      </c>
      <c r="I12217" s="2">
        <v>0</v>
      </c>
      <c r="J12217" s="2">
        <v>1</v>
      </c>
      <c r="K12217" s="2">
        <v>0</v>
      </c>
      <c r="L12217" t="s">
        <v>82</v>
      </c>
      <c r="M12217" t="s">
        <v>83</v>
      </c>
      <c r="N12217" t="s">
        <v>91</v>
      </c>
      <c r="O12217" t="s">
        <v>85</v>
      </c>
      <c r="P12217" t="s">
        <v>86</v>
      </c>
      <c r="Q12217">
        <v>27</v>
      </c>
      <c r="R12217">
        <v>28</v>
      </c>
      <c r="S12217">
        <v>28</v>
      </c>
      <c r="T12217">
        <v>28</v>
      </c>
      <c r="U12217">
        <v>29</v>
      </c>
      <c r="V12217">
        <v>29</v>
      </c>
      <c r="W12217">
        <v>29</v>
      </c>
      <c r="X12217">
        <v>29</v>
      </c>
      <c r="Y12217">
        <v>30</v>
      </c>
      <c r="Z12217">
        <v>30</v>
      </c>
      <c r="AA12217">
        <v>30</v>
      </c>
      <c r="AB12217">
        <v>30</v>
      </c>
      <c r="AC12217">
        <v>31</v>
      </c>
      <c r="AD12217">
        <v>31</v>
      </c>
      <c r="AE12217">
        <v>31</v>
      </c>
      <c r="AF12217">
        <v>31</v>
      </c>
      <c r="AG12217">
        <v>32</v>
      </c>
      <c r="AH12217">
        <v>32</v>
      </c>
      <c r="AI12217">
        <v>32</v>
      </c>
      <c r="AJ12217">
        <v>32</v>
      </c>
      <c r="AK12217">
        <v>32</v>
      </c>
      <c r="AL12217">
        <v>32</v>
      </c>
      <c r="AM12217">
        <v>32</v>
      </c>
      <c r="AN12217">
        <v>32</v>
      </c>
      <c r="AO12217">
        <v>32</v>
      </c>
      <c r="AP12217">
        <v>32</v>
      </c>
      <c r="AQ12217">
        <v>32</v>
      </c>
    </row>
    <row r="12218" spans="1:43">
      <c r="A12218" t="s">
        <v>7596</v>
      </c>
      <c r="B12218" t="s">
        <v>7597</v>
      </c>
      <c r="C12218" t="s">
        <v>7598</v>
      </c>
      <c r="D12218" t="s">
        <v>7599</v>
      </c>
      <c r="E12218" t="s">
        <v>7278</v>
      </c>
      <c r="F12218" t="s">
        <v>7279</v>
      </c>
      <c r="G12218" t="s">
        <v>80</v>
      </c>
      <c r="H12218" t="s">
        <v>81</v>
      </c>
      <c r="I12218" s="2">
        <v>0</v>
      </c>
      <c r="J12218" s="2">
        <v>1</v>
      </c>
      <c r="K12218" s="2">
        <v>0</v>
      </c>
      <c r="L12218" t="s">
        <v>82</v>
      </c>
      <c r="M12218" t="s">
        <v>83</v>
      </c>
      <c r="N12218" t="s">
        <v>84</v>
      </c>
      <c r="O12218" t="s">
        <v>85</v>
      </c>
      <c r="P12218" t="s">
        <v>86</v>
      </c>
      <c r="Q12218">
        <v>33</v>
      </c>
      <c r="R12218">
        <v>34</v>
      </c>
      <c r="S12218">
        <v>34</v>
      </c>
      <c r="T12218">
        <v>34</v>
      </c>
      <c r="U12218">
        <v>35</v>
      </c>
      <c r="V12218">
        <v>35</v>
      </c>
      <c r="W12218">
        <v>35</v>
      </c>
      <c r="X12218">
        <v>36</v>
      </c>
      <c r="Y12218">
        <v>36</v>
      </c>
      <c r="Z12218">
        <v>36</v>
      </c>
      <c r="AA12218">
        <v>37</v>
      </c>
      <c r="AB12218">
        <v>37</v>
      </c>
      <c r="AC12218">
        <v>37</v>
      </c>
      <c r="AD12218">
        <v>37</v>
      </c>
      <c r="AE12218">
        <v>38</v>
      </c>
      <c r="AF12218">
        <v>38</v>
      </c>
      <c r="AG12218">
        <v>38</v>
      </c>
      <c r="AH12218">
        <v>39</v>
      </c>
      <c r="AI12218">
        <v>39</v>
      </c>
      <c r="AJ12218">
        <v>39</v>
      </c>
      <c r="AK12218">
        <v>39</v>
      </c>
      <c r="AL12218">
        <v>39</v>
      </c>
      <c r="AM12218">
        <v>39</v>
      </c>
      <c r="AN12218">
        <v>39</v>
      </c>
      <c r="AO12218">
        <v>39</v>
      </c>
      <c r="AP12218">
        <v>39</v>
      </c>
      <c r="AQ12218">
        <v>39</v>
      </c>
    </row>
    <row r="12219" spans="1:43">
      <c r="A12219" t="s">
        <v>7596</v>
      </c>
      <c r="B12219" t="s">
        <v>7597</v>
      </c>
      <c r="C12219" t="s">
        <v>7598</v>
      </c>
      <c r="D12219" t="s">
        <v>7599</v>
      </c>
      <c r="E12219" t="s">
        <v>7278</v>
      </c>
      <c r="F12219" t="s">
        <v>7279</v>
      </c>
      <c r="G12219" t="s">
        <v>80</v>
      </c>
      <c r="H12219" t="s">
        <v>81</v>
      </c>
      <c r="I12219" s="2">
        <v>0</v>
      </c>
      <c r="J12219" s="2">
        <v>1</v>
      </c>
      <c r="K12219" s="2">
        <v>0</v>
      </c>
      <c r="L12219" t="s">
        <v>82</v>
      </c>
      <c r="M12219" t="s">
        <v>87</v>
      </c>
      <c r="N12219" t="s">
        <v>88</v>
      </c>
      <c r="O12219" t="s">
        <v>85</v>
      </c>
      <c r="P12219" t="s">
        <v>86</v>
      </c>
      <c r="Q12219">
        <v>33</v>
      </c>
      <c r="R12219">
        <v>33</v>
      </c>
      <c r="S12219">
        <v>33</v>
      </c>
      <c r="T12219">
        <v>33</v>
      </c>
      <c r="U12219">
        <v>33</v>
      </c>
      <c r="V12219">
        <v>33</v>
      </c>
      <c r="W12219">
        <v>33</v>
      </c>
      <c r="X12219">
        <v>33</v>
      </c>
      <c r="Y12219">
        <v>33</v>
      </c>
      <c r="Z12219">
        <v>33</v>
      </c>
      <c r="AA12219">
        <v>33</v>
      </c>
      <c r="AB12219">
        <v>33</v>
      </c>
      <c r="AC12219">
        <v>33</v>
      </c>
      <c r="AD12219">
        <v>33</v>
      </c>
      <c r="AE12219">
        <v>33</v>
      </c>
      <c r="AF12219">
        <v>33</v>
      </c>
      <c r="AG12219">
        <v>33</v>
      </c>
      <c r="AH12219">
        <v>33</v>
      </c>
      <c r="AI12219">
        <v>33</v>
      </c>
      <c r="AJ12219">
        <v>33</v>
      </c>
      <c r="AK12219">
        <v>33</v>
      </c>
      <c r="AL12219">
        <v>33</v>
      </c>
      <c r="AM12219">
        <v>33</v>
      </c>
      <c r="AN12219">
        <v>33</v>
      </c>
      <c r="AO12219">
        <v>33</v>
      </c>
      <c r="AP12219">
        <v>34</v>
      </c>
      <c r="AQ12219">
        <v>34</v>
      </c>
    </row>
    <row r="12220" spans="1:43">
      <c r="A12220" t="s">
        <v>7596</v>
      </c>
      <c r="B12220" t="s">
        <v>7597</v>
      </c>
      <c r="C12220" t="s">
        <v>7598</v>
      </c>
      <c r="D12220" t="s">
        <v>7599</v>
      </c>
      <c r="E12220" t="s">
        <v>7278</v>
      </c>
      <c r="F12220" t="s">
        <v>7279</v>
      </c>
      <c r="G12220" t="s">
        <v>80</v>
      </c>
      <c r="H12220" t="s">
        <v>81</v>
      </c>
      <c r="I12220" s="2">
        <v>0</v>
      </c>
      <c r="J12220" s="2">
        <v>1</v>
      </c>
      <c r="K12220" s="2">
        <v>0</v>
      </c>
      <c r="L12220" t="s">
        <v>82</v>
      </c>
      <c r="M12220" t="s">
        <v>89</v>
      </c>
      <c r="N12220" t="s">
        <v>90</v>
      </c>
      <c r="O12220" t="s">
        <v>85</v>
      </c>
      <c r="P12220" t="s">
        <v>86</v>
      </c>
      <c r="Q12220">
        <v>33</v>
      </c>
      <c r="R12220">
        <v>33</v>
      </c>
      <c r="S12220">
        <v>34</v>
      </c>
      <c r="T12220">
        <v>34</v>
      </c>
      <c r="U12220">
        <v>35</v>
      </c>
      <c r="V12220">
        <v>36</v>
      </c>
      <c r="W12220">
        <v>36</v>
      </c>
      <c r="X12220">
        <v>37</v>
      </c>
      <c r="Y12220">
        <v>37</v>
      </c>
      <c r="Z12220">
        <v>38</v>
      </c>
      <c r="AA12220">
        <v>38</v>
      </c>
      <c r="AB12220">
        <v>38</v>
      </c>
      <c r="AC12220">
        <v>39</v>
      </c>
      <c r="AD12220">
        <v>39</v>
      </c>
      <c r="AE12220">
        <v>40</v>
      </c>
      <c r="AF12220">
        <v>39</v>
      </c>
      <c r="AG12220">
        <v>39</v>
      </c>
      <c r="AH12220">
        <v>39</v>
      </c>
      <c r="AI12220">
        <v>39</v>
      </c>
      <c r="AJ12220">
        <v>39</v>
      </c>
      <c r="AK12220">
        <v>39</v>
      </c>
      <c r="AL12220">
        <v>39</v>
      </c>
      <c r="AM12220">
        <v>39</v>
      </c>
      <c r="AN12220">
        <v>39</v>
      </c>
      <c r="AO12220">
        <v>39</v>
      </c>
      <c r="AP12220">
        <v>39</v>
      </c>
      <c r="AQ12220">
        <v>39</v>
      </c>
    </row>
    <row r="12221" spans="1:43">
      <c r="A12221" t="s">
        <v>7596</v>
      </c>
      <c r="B12221" t="s">
        <v>7597</v>
      </c>
      <c r="C12221" t="s">
        <v>7598</v>
      </c>
      <c r="D12221" t="s">
        <v>7599</v>
      </c>
      <c r="E12221" t="s">
        <v>7278</v>
      </c>
      <c r="F12221" t="s">
        <v>7279</v>
      </c>
      <c r="G12221" t="s">
        <v>80</v>
      </c>
      <c r="H12221" t="s">
        <v>81</v>
      </c>
      <c r="I12221" s="2">
        <v>0</v>
      </c>
      <c r="J12221" s="2">
        <v>1</v>
      </c>
      <c r="K12221" s="2">
        <v>0</v>
      </c>
      <c r="L12221" t="s">
        <v>82</v>
      </c>
      <c r="M12221" t="s">
        <v>83</v>
      </c>
      <c r="N12221" t="s">
        <v>91</v>
      </c>
      <c r="O12221" t="s">
        <v>85</v>
      </c>
      <c r="P12221" t="s">
        <v>86</v>
      </c>
      <c r="Q12221">
        <v>33</v>
      </c>
      <c r="R12221">
        <v>34</v>
      </c>
      <c r="S12221">
        <v>34</v>
      </c>
      <c r="T12221">
        <v>34</v>
      </c>
      <c r="U12221">
        <v>35</v>
      </c>
      <c r="V12221">
        <v>35</v>
      </c>
      <c r="W12221">
        <v>35</v>
      </c>
      <c r="X12221">
        <v>36</v>
      </c>
      <c r="Y12221">
        <v>36</v>
      </c>
      <c r="Z12221">
        <v>36</v>
      </c>
      <c r="AA12221">
        <v>37</v>
      </c>
      <c r="AB12221">
        <v>37</v>
      </c>
      <c r="AC12221">
        <v>37</v>
      </c>
      <c r="AD12221">
        <v>37</v>
      </c>
      <c r="AE12221">
        <v>38</v>
      </c>
      <c r="AF12221">
        <v>38</v>
      </c>
      <c r="AG12221">
        <v>38</v>
      </c>
      <c r="AH12221">
        <v>39</v>
      </c>
      <c r="AI12221">
        <v>39</v>
      </c>
      <c r="AJ12221">
        <v>39</v>
      </c>
      <c r="AK12221">
        <v>39</v>
      </c>
      <c r="AL12221">
        <v>39</v>
      </c>
      <c r="AM12221">
        <v>39</v>
      </c>
      <c r="AN12221">
        <v>39</v>
      </c>
      <c r="AO12221">
        <v>39</v>
      </c>
      <c r="AP12221">
        <v>39</v>
      </c>
      <c r="AQ12221">
        <v>39</v>
      </c>
    </row>
    <row r="12222" spans="1:43">
      <c r="A12222" t="s">
        <v>7600</v>
      </c>
      <c r="B12222" t="s">
        <v>7601</v>
      </c>
      <c r="C12222" t="s">
        <v>7598</v>
      </c>
      <c r="D12222" t="s">
        <v>7599</v>
      </c>
      <c r="E12222" t="s">
        <v>7278</v>
      </c>
      <c r="F12222" t="s">
        <v>7279</v>
      </c>
      <c r="G12222" t="s">
        <v>80</v>
      </c>
      <c r="H12222" t="s">
        <v>81</v>
      </c>
      <c r="I12222" s="2">
        <v>0</v>
      </c>
      <c r="J12222" s="2">
        <v>1</v>
      </c>
      <c r="K12222" s="2">
        <v>0</v>
      </c>
      <c r="L12222" t="s">
        <v>82</v>
      </c>
      <c r="M12222" t="s">
        <v>83</v>
      </c>
      <c r="N12222" t="s">
        <v>84</v>
      </c>
      <c r="O12222" t="s">
        <v>85</v>
      </c>
      <c r="P12222" t="s">
        <v>86</v>
      </c>
      <c r="Q12222">
        <v>6</v>
      </c>
      <c r="R12222">
        <v>6</v>
      </c>
      <c r="S12222">
        <v>6</v>
      </c>
      <c r="T12222">
        <v>6</v>
      </c>
      <c r="U12222">
        <v>7</v>
      </c>
      <c r="V12222">
        <v>7</v>
      </c>
      <c r="W12222">
        <v>7</v>
      </c>
      <c r="X12222">
        <v>7</v>
      </c>
      <c r="Y12222">
        <v>7</v>
      </c>
      <c r="Z12222">
        <v>7</v>
      </c>
      <c r="AA12222">
        <v>7</v>
      </c>
      <c r="AB12222">
        <v>7</v>
      </c>
      <c r="AC12222">
        <v>7</v>
      </c>
      <c r="AD12222">
        <v>7</v>
      </c>
      <c r="AE12222">
        <v>7</v>
      </c>
      <c r="AF12222">
        <v>7</v>
      </c>
      <c r="AG12222">
        <v>7</v>
      </c>
      <c r="AH12222">
        <v>7</v>
      </c>
      <c r="AI12222">
        <v>7</v>
      </c>
      <c r="AJ12222">
        <v>7</v>
      </c>
      <c r="AK12222">
        <v>7</v>
      </c>
      <c r="AL12222">
        <v>7</v>
      </c>
      <c r="AM12222">
        <v>7</v>
      </c>
      <c r="AN12222">
        <v>7</v>
      </c>
      <c r="AO12222">
        <v>7</v>
      </c>
      <c r="AP12222">
        <v>7</v>
      </c>
      <c r="AQ12222">
        <v>7</v>
      </c>
    </row>
    <row r="12223" spans="1:43">
      <c r="A12223" t="s">
        <v>7600</v>
      </c>
      <c r="B12223" t="s">
        <v>7601</v>
      </c>
      <c r="C12223" t="s">
        <v>7598</v>
      </c>
      <c r="D12223" t="s">
        <v>7599</v>
      </c>
      <c r="E12223" t="s">
        <v>7278</v>
      </c>
      <c r="F12223" t="s">
        <v>7279</v>
      </c>
      <c r="G12223" t="s">
        <v>80</v>
      </c>
      <c r="H12223" t="s">
        <v>81</v>
      </c>
      <c r="I12223" s="2">
        <v>0</v>
      </c>
      <c r="J12223" s="2">
        <v>1</v>
      </c>
      <c r="K12223" s="2">
        <v>0</v>
      </c>
      <c r="L12223" t="s">
        <v>82</v>
      </c>
      <c r="M12223" t="s">
        <v>87</v>
      </c>
      <c r="N12223" t="s">
        <v>88</v>
      </c>
      <c r="O12223" t="s">
        <v>85</v>
      </c>
      <c r="P12223" t="s">
        <v>86</v>
      </c>
      <c r="Q12223">
        <v>6</v>
      </c>
      <c r="R12223">
        <v>6</v>
      </c>
      <c r="S12223">
        <v>6</v>
      </c>
      <c r="T12223">
        <v>6</v>
      </c>
      <c r="U12223">
        <v>6</v>
      </c>
      <c r="V12223">
        <v>6</v>
      </c>
      <c r="W12223">
        <v>6</v>
      </c>
      <c r="X12223">
        <v>6</v>
      </c>
      <c r="Y12223">
        <v>6</v>
      </c>
      <c r="Z12223">
        <v>6</v>
      </c>
      <c r="AA12223">
        <v>6</v>
      </c>
      <c r="AB12223">
        <v>6</v>
      </c>
      <c r="AC12223">
        <v>6</v>
      </c>
      <c r="AD12223">
        <v>6</v>
      </c>
      <c r="AE12223">
        <v>6</v>
      </c>
      <c r="AF12223">
        <v>6</v>
      </c>
      <c r="AG12223">
        <v>6</v>
      </c>
      <c r="AH12223">
        <v>6</v>
      </c>
      <c r="AI12223">
        <v>6</v>
      </c>
      <c r="AJ12223">
        <v>6</v>
      </c>
      <c r="AK12223">
        <v>6</v>
      </c>
      <c r="AL12223">
        <v>6</v>
      </c>
      <c r="AM12223">
        <v>6</v>
      </c>
      <c r="AN12223">
        <v>6</v>
      </c>
      <c r="AO12223">
        <v>6</v>
      </c>
      <c r="AP12223">
        <v>6</v>
      </c>
      <c r="AQ12223">
        <v>6</v>
      </c>
    </row>
    <row r="12224" spans="1:43">
      <c r="A12224" t="s">
        <v>7600</v>
      </c>
      <c r="B12224" t="s">
        <v>7601</v>
      </c>
      <c r="C12224" t="s">
        <v>7598</v>
      </c>
      <c r="D12224" t="s">
        <v>7599</v>
      </c>
      <c r="E12224" t="s">
        <v>7278</v>
      </c>
      <c r="F12224" t="s">
        <v>7279</v>
      </c>
      <c r="G12224" t="s">
        <v>80</v>
      </c>
      <c r="H12224" t="s">
        <v>81</v>
      </c>
      <c r="I12224" s="2">
        <v>0</v>
      </c>
      <c r="J12224" s="2">
        <v>1</v>
      </c>
      <c r="K12224" s="2">
        <v>0</v>
      </c>
      <c r="L12224" t="s">
        <v>82</v>
      </c>
      <c r="M12224" t="s">
        <v>89</v>
      </c>
      <c r="N12224" t="s">
        <v>90</v>
      </c>
      <c r="O12224" t="s">
        <v>85</v>
      </c>
      <c r="P12224" t="s">
        <v>86</v>
      </c>
      <c r="Q12224">
        <v>6</v>
      </c>
      <c r="R12224">
        <v>6</v>
      </c>
      <c r="S12224">
        <v>7</v>
      </c>
      <c r="T12224">
        <v>7</v>
      </c>
      <c r="U12224">
        <v>7</v>
      </c>
      <c r="V12224">
        <v>7</v>
      </c>
      <c r="W12224">
        <v>7</v>
      </c>
      <c r="X12224">
        <v>7</v>
      </c>
      <c r="Y12224">
        <v>7</v>
      </c>
      <c r="Z12224">
        <v>7</v>
      </c>
      <c r="AA12224">
        <v>7</v>
      </c>
      <c r="AB12224">
        <v>7</v>
      </c>
      <c r="AC12224">
        <v>7</v>
      </c>
      <c r="AD12224">
        <v>8</v>
      </c>
      <c r="AE12224">
        <v>8</v>
      </c>
      <c r="AF12224">
        <v>8</v>
      </c>
      <c r="AG12224">
        <v>8</v>
      </c>
      <c r="AH12224">
        <v>7</v>
      </c>
      <c r="AI12224">
        <v>7</v>
      </c>
      <c r="AJ12224">
        <v>7</v>
      </c>
      <c r="AK12224">
        <v>7</v>
      </c>
      <c r="AL12224">
        <v>7</v>
      </c>
      <c r="AM12224">
        <v>7</v>
      </c>
      <c r="AN12224">
        <v>7</v>
      </c>
      <c r="AO12224">
        <v>7</v>
      </c>
      <c r="AP12224">
        <v>7</v>
      </c>
      <c r="AQ12224">
        <v>7</v>
      </c>
    </row>
    <row r="12225" spans="1:43">
      <c r="A12225" t="s">
        <v>7600</v>
      </c>
      <c r="B12225" t="s">
        <v>7601</v>
      </c>
      <c r="C12225" t="s">
        <v>7598</v>
      </c>
      <c r="D12225" t="s">
        <v>7599</v>
      </c>
      <c r="E12225" t="s">
        <v>7278</v>
      </c>
      <c r="F12225" t="s">
        <v>7279</v>
      </c>
      <c r="G12225" t="s">
        <v>80</v>
      </c>
      <c r="H12225" t="s">
        <v>81</v>
      </c>
      <c r="I12225" s="2">
        <v>0</v>
      </c>
      <c r="J12225" s="2">
        <v>1</v>
      </c>
      <c r="K12225" s="2">
        <v>0</v>
      </c>
      <c r="L12225" t="s">
        <v>82</v>
      </c>
      <c r="M12225" t="s">
        <v>83</v>
      </c>
      <c r="N12225" t="s">
        <v>91</v>
      </c>
      <c r="O12225" t="s">
        <v>85</v>
      </c>
      <c r="P12225" t="s">
        <v>86</v>
      </c>
      <c r="Q12225">
        <v>6</v>
      </c>
      <c r="R12225">
        <v>6</v>
      </c>
      <c r="S12225">
        <v>6</v>
      </c>
      <c r="T12225">
        <v>6</v>
      </c>
      <c r="U12225">
        <v>7</v>
      </c>
      <c r="V12225">
        <v>7</v>
      </c>
      <c r="W12225">
        <v>7</v>
      </c>
      <c r="X12225">
        <v>7</v>
      </c>
      <c r="Y12225">
        <v>7</v>
      </c>
      <c r="Z12225">
        <v>7</v>
      </c>
      <c r="AA12225">
        <v>7</v>
      </c>
      <c r="AB12225">
        <v>7</v>
      </c>
      <c r="AC12225">
        <v>7</v>
      </c>
      <c r="AD12225">
        <v>7</v>
      </c>
      <c r="AE12225">
        <v>7</v>
      </c>
      <c r="AF12225">
        <v>7</v>
      </c>
      <c r="AG12225">
        <v>7</v>
      </c>
      <c r="AH12225">
        <v>7</v>
      </c>
      <c r="AI12225">
        <v>7</v>
      </c>
      <c r="AJ12225">
        <v>7</v>
      </c>
      <c r="AK12225">
        <v>7</v>
      </c>
      <c r="AL12225">
        <v>7</v>
      </c>
      <c r="AM12225">
        <v>7</v>
      </c>
      <c r="AN12225">
        <v>7</v>
      </c>
      <c r="AO12225">
        <v>7</v>
      </c>
      <c r="AP12225">
        <v>7</v>
      </c>
      <c r="AQ12225">
        <v>7</v>
      </c>
    </row>
    <row r="12226" spans="1:43">
      <c r="A12226" t="s">
        <v>7602</v>
      </c>
      <c r="B12226" t="s">
        <v>7603</v>
      </c>
      <c r="C12226" t="s">
        <v>7598</v>
      </c>
      <c r="D12226" t="s">
        <v>7599</v>
      </c>
      <c r="E12226" t="s">
        <v>7278</v>
      </c>
      <c r="F12226" t="s">
        <v>7279</v>
      </c>
      <c r="G12226" t="s">
        <v>80</v>
      </c>
      <c r="H12226" t="s">
        <v>81</v>
      </c>
      <c r="I12226" s="2">
        <v>0</v>
      </c>
      <c r="J12226" s="2">
        <v>1</v>
      </c>
      <c r="K12226" s="2">
        <v>0</v>
      </c>
      <c r="L12226" t="s">
        <v>82</v>
      </c>
      <c r="M12226" t="s">
        <v>83</v>
      </c>
      <c r="N12226" t="s">
        <v>84</v>
      </c>
      <c r="O12226" t="s">
        <v>85</v>
      </c>
      <c r="P12226" t="s">
        <v>86</v>
      </c>
      <c r="Q12226">
        <v>147</v>
      </c>
      <c r="R12226">
        <v>149</v>
      </c>
      <c r="S12226">
        <v>151</v>
      </c>
      <c r="T12226">
        <v>152</v>
      </c>
      <c r="U12226">
        <v>154</v>
      </c>
      <c r="V12226">
        <v>155</v>
      </c>
      <c r="W12226">
        <v>156</v>
      </c>
      <c r="X12226">
        <v>158</v>
      </c>
      <c r="Y12226">
        <v>159</v>
      </c>
      <c r="Z12226">
        <v>161</v>
      </c>
      <c r="AA12226">
        <v>162</v>
      </c>
      <c r="AB12226">
        <v>163</v>
      </c>
      <c r="AC12226">
        <v>164</v>
      </c>
      <c r="AD12226">
        <v>165</v>
      </c>
      <c r="AE12226">
        <v>166</v>
      </c>
      <c r="AF12226">
        <v>167</v>
      </c>
      <c r="AG12226">
        <v>168</v>
      </c>
      <c r="AH12226">
        <v>169</v>
      </c>
      <c r="AI12226">
        <v>170</v>
      </c>
      <c r="AJ12226">
        <v>170</v>
      </c>
      <c r="AK12226">
        <v>171</v>
      </c>
      <c r="AL12226">
        <v>171</v>
      </c>
      <c r="AM12226">
        <v>170</v>
      </c>
      <c r="AN12226">
        <v>170</v>
      </c>
      <c r="AO12226">
        <v>169</v>
      </c>
      <c r="AP12226">
        <v>168</v>
      </c>
      <c r="AQ12226">
        <v>168</v>
      </c>
    </row>
    <row r="12227" spans="1:43">
      <c r="A12227" t="s">
        <v>7602</v>
      </c>
      <c r="B12227" t="s">
        <v>7603</v>
      </c>
      <c r="C12227" t="s">
        <v>7598</v>
      </c>
      <c r="D12227" t="s">
        <v>7599</v>
      </c>
      <c r="E12227" t="s">
        <v>7278</v>
      </c>
      <c r="F12227" t="s">
        <v>7279</v>
      </c>
      <c r="G12227" t="s">
        <v>80</v>
      </c>
      <c r="H12227" t="s">
        <v>81</v>
      </c>
      <c r="I12227" s="2">
        <v>0</v>
      </c>
      <c r="J12227" s="2">
        <v>1</v>
      </c>
      <c r="K12227" s="2">
        <v>0</v>
      </c>
      <c r="L12227" t="s">
        <v>82</v>
      </c>
      <c r="M12227" t="s">
        <v>87</v>
      </c>
      <c r="N12227" t="s">
        <v>88</v>
      </c>
      <c r="O12227" t="s">
        <v>85</v>
      </c>
      <c r="P12227" t="s">
        <v>86</v>
      </c>
      <c r="Q12227">
        <v>147</v>
      </c>
      <c r="R12227">
        <v>147</v>
      </c>
      <c r="S12227">
        <v>148</v>
      </c>
      <c r="T12227">
        <v>148</v>
      </c>
      <c r="U12227">
        <v>148</v>
      </c>
      <c r="V12227">
        <v>148</v>
      </c>
      <c r="W12227">
        <v>148</v>
      </c>
      <c r="X12227">
        <v>148</v>
      </c>
      <c r="Y12227">
        <v>148</v>
      </c>
      <c r="Z12227">
        <v>148</v>
      </c>
      <c r="AA12227">
        <v>148</v>
      </c>
      <c r="AB12227">
        <v>148</v>
      </c>
      <c r="AC12227">
        <v>148</v>
      </c>
      <c r="AD12227">
        <v>148</v>
      </c>
      <c r="AE12227">
        <v>148</v>
      </c>
      <c r="AF12227">
        <v>148</v>
      </c>
      <c r="AG12227">
        <v>148</v>
      </c>
      <c r="AH12227">
        <v>148</v>
      </c>
      <c r="AI12227">
        <v>148</v>
      </c>
      <c r="AJ12227">
        <v>148</v>
      </c>
      <c r="AK12227">
        <v>148</v>
      </c>
      <c r="AL12227">
        <v>148</v>
      </c>
      <c r="AM12227">
        <v>148</v>
      </c>
      <c r="AN12227">
        <v>147</v>
      </c>
      <c r="AO12227">
        <v>147</v>
      </c>
      <c r="AP12227">
        <v>147</v>
      </c>
      <c r="AQ12227">
        <v>147</v>
      </c>
    </row>
    <row r="12228" spans="1:43">
      <c r="A12228" t="s">
        <v>7602</v>
      </c>
      <c r="B12228" t="s">
        <v>7603</v>
      </c>
      <c r="C12228" t="s">
        <v>7598</v>
      </c>
      <c r="D12228" t="s">
        <v>7599</v>
      </c>
      <c r="E12228" t="s">
        <v>7278</v>
      </c>
      <c r="F12228" t="s">
        <v>7279</v>
      </c>
      <c r="G12228" t="s">
        <v>80</v>
      </c>
      <c r="H12228" t="s">
        <v>81</v>
      </c>
      <c r="I12228" s="2">
        <v>0</v>
      </c>
      <c r="J12228" s="2">
        <v>1</v>
      </c>
      <c r="K12228" s="2">
        <v>0</v>
      </c>
      <c r="L12228" t="s">
        <v>82</v>
      </c>
      <c r="M12228" t="s">
        <v>89</v>
      </c>
      <c r="N12228" t="s">
        <v>90</v>
      </c>
      <c r="O12228" t="s">
        <v>85</v>
      </c>
      <c r="P12228" t="s">
        <v>86</v>
      </c>
      <c r="Q12228">
        <v>147</v>
      </c>
      <c r="R12228">
        <v>150</v>
      </c>
      <c r="S12228">
        <v>152</v>
      </c>
      <c r="T12228">
        <v>155</v>
      </c>
      <c r="U12228">
        <v>158</v>
      </c>
      <c r="V12228">
        <v>160</v>
      </c>
      <c r="W12228">
        <v>163</v>
      </c>
      <c r="X12228">
        <v>165</v>
      </c>
      <c r="Y12228">
        <v>167</v>
      </c>
      <c r="Z12228">
        <v>168</v>
      </c>
      <c r="AA12228">
        <v>170</v>
      </c>
      <c r="AB12228">
        <v>172</v>
      </c>
      <c r="AC12228">
        <v>173</v>
      </c>
      <c r="AD12228">
        <v>175</v>
      </c>
      <c r="AE12228">
        <v>176</v>
      </c>
      <c r="AF12228">
        <v>175</v>
      </c>
      <c r="AG12228">
        <v>174</v>
      </c>
      <c r="AH12228">
        <v>174</v>
      </c>
      <c r="AI12228">
        <v>173</v>
      </c>
      <c r="AJ12228">
        <v>172</v>
      </c>
      <c r="AK12228">
        <v>172</v>
      </c>
      <c r="AL12228">
        <v>171</v>
      </c>
      <c r="AM12228">
        <v>170</v>
      </c>
      <c r="AN12228">
        <v>169</v>
      </c>
      <c r="AO12228">
        <v>169</v>
      </c>
      <c r="AP12228">
        <v>168</v>
      </c>
      <c r="AQ12228">
        <v>167</v>
      </c>
    </row>
    <row r="12229" spans="1:43">
      <c r="A12229" t="s">
        <v>7602</v>
      </c>
      <c r="B12229" t="s">
        <v>7603</v>
      </c>
      <c r="C12229" t="s">
        <v>7598</v>
      </c>
      <c r="D12229" t="s">
        <v>7599</v>
      </c>
      <c r="E12229" t="s">
        <v>7278</v>
      </c>
      <c r="F12229" t="s">
        <v>7279</v>
      </c>
      <c r="G12229" t="s">
        <v>80</v>
      </c>
      <c r="H12229" t="s">
        <v>81</v>
      </c>
      <c r="I12229" s="2">
        <v>0</v>
      </c>
      <c r="J12229" s="2">
        <v>1</v>
      </c>
      <c r="K12229" s="2">
        <v>0</v>
      </c>
      <c r="L12229" t="s">
        <v>82</v>
      </c>
      <c r="M12229" t="s">
        <v>83</v>
      </c>
      <c r="N12229" t="s">
        <v>91</v>
      </c>
      <c r="O12229" t="s">
        <v>85</v>
      </c>
      <c r="P12229" t="s">
        <v>86</v>
      </c>
      <c r="Q12229">
        <v>147</v>
      </c>
      <c r="R12229">
        <v>149</v>
      </c>
      <c r="S12229">
        <v>151</v>
      </c>
      <c r="T12229">
        <v>152</v>
      </c>
      <c r="U12229">
        <v>154</v>
      </c>
      <c r="V12229">
        <v>155</v>
      </c>
      <c r="W12229">
        <v>156</v>
      </c>
      <c r="X12229">
        <v>158</v>
      </c>
      <c r="Y12229">
        <v>159</v>
      </c>
      <c r="Z12229">
        <v>161</v>
      </c>
      <c r="AA12229">
        <v>162</v>
      </c>
      <c r="AB12229">
        <v>163</v>
      </c>
      <c r="AC12229">
        <v>164</v>
      </c>
      <c r="AD12229">
        <v>165</v>
      </c>
      <c r="AE12229">
        <v>166</v>
      </c>
      <c r="AF12229">
        <v>167</v>
      </c>
      <c r="AG12229">
        <v>168</v>
      </c>
      <c r="AH12229">
        <v>169</v>
      </c>
      <c r="AI12229">
        <v>170</v>
      </c>
      <c r="AJ12229">
        <v>170</v>
      </c>
      <c r="AK12229">
        <v>171</v>
      </c>
      <c r="AL12229">
        <v>171</v>
      </c>
      <c r="AM12229">
        <v>170</v>
      </c>
      <c r="AN12229">
        <v>170</v>
      </c>
      <c r="AO12229">
        <v>169</v>
      </c>
      <c r="AP12229">
        <v>168</v>
      </c>
      <c r="AQ12229">
        <v>168</v>
      </c>
    </row>
    <row r="12230" spans="1:43">
      <c r="A12230" t="s">
        <v>7604</v>
      </c>
      <c r="B12230" t="s">
        <v>7605</v>
      </c>
      <c r="C12230" t="s">
        <v>7412</v>
      </c>
      <c r="D12230" t="s">
        <v>7413</v>
      </c>
      <c r="E12230" t="s">
        <v>7278</v>
      </c>
      <c r="F12230" t="s">
        <v>7279</v>
      </c>
      <c r="G12230" t="s">
        <v>80</v>
      </c>
      <c r="H12230" t="s">
        <v>81</v>
      </c>
      <c r="I12230" s="2">
        <v>0</v>
      </c>
      <c r="J12230" s="2">
        <v>1</v>
      </c>
      <c r="K12230" s="2">
        <v>0</v>
      </c>
      <c r="L12230" t="s">
        <v>82</v>
      </c>
      <c r="M12230" t="s">
        <v>83</v>
      </c>
      <c r="N12230" t="s">
        <v>84</v>
      </c>
      <c r="O12230" t="s">
        <v>85</v>
      </c>
      <c r="P12230" t="s">
        <v>86</v>
      </c>
      <c r="Q12230">
        <v>10</v>
      </c>
      <c r="R12230">
        <v>10</v>
      </c>
      <c r="S12230">
        <v>10</v>
      </c>
      <c r="T12230">
        <v>10</v>
      </c>
      <c r="U12230">
        <v>10</v>
      </c>
      <c r="V12230">
        <v>11</v>
      </c>
      <c r="W12230">
        <v>11</v>
      </c>
      <c r="X12230">
        <v>11</v>
      </c>
      <c r="Y12230">
        <v>11</v>
      </c>
      <c r="Z12230">
        <v>11</v>
      </c>
      <c r="AA12230">
        <v>11</v>
      </c>
      <c r="AB12230">
        <v>11</v>
      </c>
      <c r="AC12230">
        <v>11</v>
      </c>
      <c r="AD12230">
        <v>11</v>
      </c>
      <c r="AE12230">
        <v>11</v>
      </c>
      <c r="AF12230">
        <v>11</v>
      </c>
      <c r="AG12230">
        <v>11</v>
      </c>
      <c r="AH12230">
        <v>12</v>
      </c>
      <c r="AI12230">
        <v>12</v>
      </c>
      <c r="AJ12230">
        <v>12</v>
      </c>
      <c r="AK12230">
        <v>12</v>
      </c>
      <c r="AL12230">
        <v>12</v>
      </c>
      <c r="AM12230">
        <v>12</v>
      </c>
      <c r="AN12230">
        <v>12</v>
      </c>
      <c r="AO12230">
        <v>12</v>
      </c>
      <c r="AP12230">
        <v>12</v>
      </c>
      <c r="AQ12230">
        <v>12</v>
      </c>
    </row>
    <row r="12231" spans="1:43">
      <c r="A12231" t="s">
        <v>7604</v>
      </c>
      <c r="B12231" t="s">
        <v>7605</v>
      </c>
      <c r="C12231" t="s">
        <v>7412</v>
      </c>
      <c r="D12231" t="s">
        <v>7413</v>
      </c>
      <c r="E12231" t="s">
        <v>7278</v>
      </c>
      <c r="F12231" t="s">
        <v>7279</v>
      </c>
      <c r="G12231" t="s">
        <v>80</v>
      </c>
      <c r="H12231" t="s">
        <v>81</v>
      </c>
      <c r="I12231" s="2">
        <v>0</v>
      </c>
      <c r="J12231" s="2">
        <v>1</v>
      </c>
      <c r="K12231" s="2">
        <v>0</v>
      </c>
      <c r="L12231" t="s">
        <v>82</v>
      </c>
      <c r="M12231" t="s">
        <v>87</v>
      </c>
      <c r="N12231" t="s">
        <v>88</v>
      </c>
      <c r="O12231" t="s">
        <v>85</v>
      </c>
      <c r="P12231" t="s">
        <v>86</v>
      </c>
      <c r="Q12231">
        <v>10</v>
      </c>
      <c r="R12231">
        <v>10</v>
      </c>
      <c r="S12231">
        <v>10</v>
      </c>
      <c r="T12231">
        <v>10</v>
      </c>
      <c r="U12231">
        <v>10</v>
      </c>
      <c r="V12231">
        <v>10</v>
      </c>
      <c r="W12231">
        <v>10</v>
      </c>
      <c r="X12231">
        <v>10</v>
      </c>
      <c r="Y12231">
        <v>10</v>
      </c>
      <c r="Z12231">
        <v>10</v>
      </c>
      <c r="AA12231">
        <v>10</v>
      </c>
      <c r="AB12231">
        <v>10</v>
      </c>
      <c r="AC12231">
        <v>10</v>
      </c>
      <c r="AD12231">
        <v>10</v>
      </c>
      <c r="AE12231">
        <v>10</v>
      </c>
      <c r="AF12231">
        <v>10</v>
      </c>
      <c r="AG12231">
        <v>10</v>
      </c>
      <c r="AH12231">
        <v>10</v>
      </c>
      <c r="AI12231">
        <v>10</v>
      </c>
      <c r="AJ12231">
        <v>10</v>
      </c>
      <c r="AK12231">
        <v>10</v>
      </c>
      <c r="AL12231">
        <v>10</v>
      </c>
      <c r="AM12231">
        <v>10</v>
      </c>
      <c r="AN12231">
        <v>10</v>
      </c>
      <c r="AO12231">
        <v>10</v>
      </c>
      <c r="AP12231">
        <v>10</v>
      </c>
      <c r="AQ12231">
        <v>10</v>
      </c>
    </row>
    <row r="12232" spans="1:43">
      <c r="A12232" t="s">
        <v>7604</v>
      </c>
      <c r="B12232" t="s">
        <v>7605</v>
      </c>
      <c r="C12232" t="s">
        <v>7412</v>
      </c>
      <c r="D12232" t="s">
        <v>7413</v>
      </c>
      <c r="E12232" t="s">
        <v>7278</v>
      </c>
      <c r="F12232" t="s">
        <v>7279</v>
      </c>
      <c r="G12232" t="s">
        <v>80</v>
      </c>
      <c r="H12232" t="s">
        <v>81</v>
      </c>
      <c r="I12232" s="2">
        <v>0</v>
      </c>
      <c r="J12232" s="2">
        <v>1</v>
      </c>
      <c r="K12232" s="2">
        <v>0</v>
      </c>
      <c r="L12232" t="s">
        <v>82</v>
      </c>
      <c r="M12232" t="s">
        <v>89</v>
      </c>
      <c r="N12232" t="s">
        <v>90</v>
      </c>
      <c r="O12232" t="s">
        <v>85</v>
      </c>
      <c r="P12232" t="s">
        <v>86</v>
      </c>
      <c r="Q12232">
        <v>10</v>
      </c>
      <c r="R12232">
        <v>10</v>
      </c>
      <c r="S12232">
        <v>10</v>
      </c>
      <c r="T12232">
        <v>11</v>
      </c>
      <c r="U12232">
        <v>11</v>
      </c>
      <c r="V12232">
        <v>11</v>
      </c>
      <c r="W12232">
        <v>11</v>
      </c>
      <c r="X12232">
        <v>11</v>
      </c>
      <c r="Y12232">
        <v>11</v>
      </c>
      <c r="Z12232">
        <v>12</v>
      </c>
      <c r="AA12232">
        <v>12</v>
      </c>
      <c r="AB12232">
        <v>12</v>
      </c>
      <c r="AC12232">
        <v>12</v>
      </c>
      <c r="AD12232">
        <v>12</v>
      </c>
      <c r="AE12232">
        <v>12</v>
      </c>
      <c r="AF12232">
        <v>12</v>
      </c>
      <c r="AG12232">
        <v>12</v>
      </c>
      <c r="AH12232">
        <v>12</v>
      </c>
      <c r="AI12232">
        <v>12</v>
      </c>
      <c r="AJ12232">
        <v>12</v>
      </c>
      <c r="AK12232">
        <v>12</v>
      </c>
      <c r="AL12232">
        <v>12</v>
      </c>
      <c r="AM12232">
        <v>12</v>
      </c>
      <c r="AN12232">
        <v>12</v>
      </c>
      <c r="AO12232">
        <v>12</v>
      </c>
      <c r="AP12232">
        <v>12</v>
      </c>
      <c r="AQ12232">
        <v>12</v>
      </c>
    </row>
    <row r="12233" spans="1:43">
      <c r="A12233" t="s">
        <v>7604</v>
      </c>
      <c r="B12233" t="s">
        <v>7605</v>
      </c>
      <c r="C12233" t="s">
        <v>7412</v>
      </c>
      <c r="D12233" t="s">
        <v>7413</v>
      </c>
      <c r="E12233" t="s">
        <v>7278</v>
      </c>
      <c r="F12233" t="s">
        <v>7279</v>
      </c>
      <c r="G12233" t="s">
        <v>80</v>
      </c>
      <c r="H12233" t="s">
        <v>81</v>
      </c>
      <c r="I12233" s="2">
        <v>0</v>
      </c>
      <c r="J12233" s="2">
        <v>1</v>
      </c>
      <c r="K12233" s="2">
        <v>0</v>
      </c>
      <c r="L12233" t="s">
        <v>82</v>
      </c>
      <c r="M12233" t="s">
        <v>83</v>
      </c>
      <c r="N12233" t="s">
        <v>91</v>
      </c>
      <c r="O12233" t="s">
        <v>85</v>
      </c>
      <c r="P12233" t="s">
        <v>86</v>
      </c>
      <c r="Q12233">
        <v>10</v>
      </c>
      <c r="R12233">
        <v>10</v>
      </c>
      <c r="S12233">
        <v>10</v>
      </c>
      <c r="T12233">
        <v>10</v>
      </c>
      <c r="U12233">
        <v>10</v>
      </c>
      <c r="V12233">
        <v>11</v>
      </c>
      <c r="W12233">
        <v>11</v>
      </c>
      <c r="X12233">
        <v>11</v>
      </c>
      <c r="Y12233">
        <v>11</v>
      </c>
      <c r="Z12233">
        <v>11</v>
      </c>
      <c r="AA12233">
        <v>11</v>
      </c>
      <c r="AB12233">
        <v>11</v>
      </c>
      <c r="AC12233">
        <v>11</v>
      </c>
      <c r="AD12233">
        <v>11</v>
      </c>
      <c r="AE12233">
        <v>11</v>
      </c>
      <c r="AF12233">
        <v>11</v>
      </c>
      <c r="AG12233">
        <v>11</v>
      </c>
      <c r="AH12233">
        <v>12</v>
      </c>
      <c r="AI12233">
        <v>12</v>
      </c>
      <c r="AJ12233">
        <v>12</v>
      </c>
      <c r="AK12233">
        <v>12</v>
      </c>
      <c r="AL12233">
        <v>12</v>
      </c>
      <c r="AM12233">
        <v>12</v>
      </c>
      <c r="AN12233">
        <v>12</v>
      </c>
      <c r="AO12233">
        <v>12</v>
      </c>
      <c r="AP12233">
        <v>12</v>
      </c>
      <c r="AQ12233">
        <v>12</v>
      </c>
    </row>
    <row r="12234" spans="1:43">
      <c r="A12234" t="s">
        <v>7606</v>
      </c>
      <c r="B12234" t="s">
        <v>7607</v>
      </c>
      <c r="C12234" t="s">
        <v>7412</v>
      </c>
      <c r="D12234" t="s">
        <v>7413</v>
      </c>
      <c r="E12234" t="s">
        <v>7278</v>
      </c>
      <c r="F12234" t="s">
        <v>7279</v>
      </c>
      <c r="G12234" t="s">
        <v>80</v>
      </c>
      <c r="H12234" t="s">
        <v>81</v>
      </c>
      <c r="I12234" s="2">
        <v>0</v>
      </c>
      <c r="J12234" s="2">
        <v>1</v>
      </c>
      <c r="K12234" s="2">
        <v>0</v>
      </c>
      <c r="L12234" t="s">
        <v>82</v>
      </c>
      <c r="M12234" t="s">
        <v>83</v>
      </c>
      <c r="N12234" t="s">
        <v>84</v>
      </c>
      <c r="O12234" t="s">
        <v>85</v>
      </c>
      <c r="P12234" t="s">
        <v>86</v>
      </c>
      <c r="Q12234">
        <v>22</v>
      </c>
      <c r="R12234">
        <v>22</v>
      </c>
      <c r="S12234">
        <v>22</v>
      </c>
      <c r="T12234">
        <v>23</v>
      </c>
      <c r="U12234">
        <v>23</v>
      </c>
      <c r="V12234">
        <v>23</v>
      </c>
      <c r="W12234">
        <v>23</v>
      </c>
      <c r="X12234">
        <v>24</v>
      </c>
      <c r="Y12234">
        <v>24</v>
      </c>
      <c r="Z12234">
        <v>24</v>
      </c>
      <c r="AA12234">
        <v>24</v>
      </c>
      <c r="AB12234">
        <v>24</v>
      </c>
      <c r="AC12234">
        <v>25</v>
      </c>
      <c r="AD12234">
        <v>25</v>
      </c>
      <c r="AE12234">
        <v>25</v>
      </c>
      <c r="AF12234">
        <v>25</v>
      </c>
      <c r="AG12234">
        <v>25</v>
      </c>
      <c r="AH12234">
        <v>26</v>
      </c>
      <c r="AI12234">
        <v>26</v>
      </c>
      <c r="AJ12234">
        <v>26</v>
      </c>
      <c r="AK12234">
        <v>26</v>
      </c>
      <c r="AL12234">
        <v>26</v>
      </c>
      <c r="AM12234">
        <v>26</v>
      </c>
      <c r="AN12234">
        <v>26</v>
      </c>
      <c r="AO12234">
        <v>26</v>
      </c>
      <c r="AP12234">
        <v>26</v>
      </c>
      <c r="AQ12234">
        <v>26</v>
      </c>
    </row>
    <row r="12235" spans="1:43">
      <c r="A12235" t="s">
        <v>7606</v>
      </c>
      <c r="B12235" t="s">
        <v>7607</v>
      </c>
      <c r="C12235" t="s">
        <v>7412</v>
      </c>
      <c r="D12235" t="s">
        <v>7413</v>
      </c>
      <c r="E12235" t="s">
        <v>7278</v>
      </c>
      <c r="F12235" t="s">
        <v>7279</v>
      </c>
      <c r="G12235" t="s">
        <v>80</v>
      </c>
      <c r="H12235" t="s">
        <v>81</v>
      </c>
      <c r="I12235" s="2">
        <v>0</v>
      </c>
      <c r="J12235" s="2">
        <v>1</v>
      </c>
      <c r="K12235" s="2">
        <v>0</v>
      </c>
      <c r="L12235" t="s">
        <v>82</v>
      </c>
      <c r="M12235" t="s">
        <v>87</v>
      </c>
      <c r="N12235" t="s">
        <v>88</v>
      </c>
      <c r="O12235" t="s">
        <v>85</v>
      </c>
      <c r="P12235" t="s">
        <v>86</v>
      </c>
      <c r="Q12235">
        <v>22</v>
      </c>
      <c r="R12235">
        <v>22</v>
      </c>
      <c r="S12235">
        <v>22</v>
      </c>
      <c r="T12235">
        <v>22</v>
      </c>
      <c r="U12235">
        <v>22</v>
      </c>
      <c r="V12235">
        <v>22</v>
      </c>
      <c r="W12235">
        <v>22</v>
      </c>
      <c r="X12235">
        <v>22</v>
      </c>
      <c r="Y12235">
        <v>22</v>
      </c>
      <c r="Z12235">
        <v>22</v>
      </c>
      <c r="AA12235">
        <v>22</v>
      </c>
      <c r="AB12235">
        <v>22</v>
      </c>
      <c r="AC12235">
        <v>22</v>
      </c>
      <c r="AD12235">
        <v>22</v>
      </c>
      <c r="AE12235">
        <v>22</v>
      </c>
      <c r="AF12235">
        <v>22</v>
      </c>
      <c r="AG12235">
        <v>22</v>
      </c>
      <c r="AH12235">
        <v>22</v>
      </c>
      <c r="AI12235">
        <v>22</v>
      </c>
      <c r="AJ12235">
        <v>22</v>
      </c>
      <c r="AK12235">
        <v>22</v>
      </c>
      <c r="AL12235">
        <v>22</v>
      </c>
      <c r="AM12235">
        <v>22</v>
      </c>
      <c r="AN12235">
        <v>22</v>
      </c>
      <c r="AO12235">
        <v>22</v>
      </c>
      <c r="AP12235">
        <v>22</v>
      </c>
      <c r="AQ12235">
        <v>22</v>
      </c>
    </row>
    <row r="12236" spans="1:43">
      <c r="A12236" t="s">
        <v>7606</v>
      </c>
      <c r="B12236" t="s">
        <v>7607</v>
      </c>
      <c r="C12236" t="s">
        <v>7412</v>
      </c>
      <c r="D12236" t="s">
        <v>7413</v>
      </c>
      <c r="E12236" t="s">
        <v>7278</v>
      </c>
      <c r="F12236" t="s">
        <v>7279</v>
      </c>
      <c r="G12236" t="s">
        <v>80</v>
      </c>
      <c r="H12236" t="s">
        <v>81</v>
      </c>
      <c r="I12236" s="2">
        <v>0</v>
      </c>
      <c r="J12236" s="2">
        <v>1</v>
      </c>
      <c r="K12236" s="2">
        <v>0</v>
      </c>
      <c r="L12236" t="s">
        <v>82</v>
      </c>
      <c r="M12236" t="s">
        <v>89</v>
      </c>
      <c r="N12236" t="s">
        <v>90</v>
      </c>
      <c r="O12236" t="s">
        <v>85</v>
      </c>
      <c r="P12236" t="s">
        <v>86</v>
      </c>
      <c r="Q12236">
        <v>22</v>
      </c>
      <c r="R12236">
        <v>23</v>
      </c>
      <c r="S12236">
        <v>23</v>
      </c>
      <c r="T12236">
        <v>23</v>
      </c>
      <c r="U12236">
        <v>24</v>
      </c>
      <c r="V12236">
        <v>24</v>
      </c>
      <c r="W12236">
        <v>25</v>
      </c>
      <c r="X12236">
        <v>25</v>
      </c>
      <c r="Y12236">
        <v>25</v>
      </c>
      <c r="Z12236">
        <v>26</v>
      </c>
      <c r="AA12236">
        <v>26</v>
      </c>
      <c r="AB12236">
        <v>26</v>
      </c>
      <c r="AC12236">
        <v>26</v>
      </c>
      <c r="AD12236">
        <v>27</v>
      </c>
      <c r="AE12236">
        <v>27</v>
      </c>
      <c r="AF12236">
        <v>27</v>
      </c>
      <c r="AG12236">
        <v>27</v>
      </c>
      <c r="AH12236">
        <v>27</v>
      </c>
      <c r="AI12236">
        <v>27</v>
      </c>
      <c r="AJ12236">
        <v>27</v>
      </c>
      <c r="AK12236">
        <v>27</v>
      </c>
      <c r="AL12236">
        <v>27</v>
      </c>
      <c r="AM12236">
        <v>26</v>
      </c>
      <c r="AN12236">
        <v>26</v>
      </c>
      <c r="AO12236">
        <v>26</v>
      </c>
      <c r="AP12236">
        <v>26</v>
      </c>
      <c r="AQ12236">
        <v>26</v>
      </c>
    </row>
    <row r="12237" spans="1:43">
      <c r="A12237" t="s">
        <v>7606</v>
      </c>
      <c r="B12237" t="s">
        <v>7607</v>
      </c>
      <c r="C12237" t="s">
        <v>7412</v>
      </c>
      <c r="D12237" t="s">
        <v>7413</v>
      </c>
      <c r="E12237" t="s">
        <v>7278</v>
      </c>
      <c r="F12237" t="s">
        <v>7279</v>
      </c>
      <c r="G12237" t="s">
        <v>80</v>
      </c>
      <c r="H12237" t="s">
        <v>81</v>
      </c>
      <c r="I12237" s="2">
        <v>0</v>
      </c>
      <c r="J12237" s="2">
        <v>1</v>
      </c>
      <c r="K12237" s="2">
        <v>0</v>
      </c>
      <c r="L12237" t="s">
        <v>82</v>
      </c>
      <c r="M12237" t="s">
        <v>83</v>
      </c>
      <c r="N12237" t="s">
        <v>91</v>
      </c>
      <c r="O12237" t="s">
        <v>85</v>
      </c>
      <c r="P12237" t="s">
        <v>86</v>
      </c>
      <c r="Q12237">
        <v>22</v>
      </c>
      <c r="R12237">
        <v>22</v>
      </c>
      <c r="S12237">
        <v>22</v>
      </c>
      <c r="T12237">
        <v>23</v>
      </c>
      <c r="U12237">
        <v>23</v>
      </c>
      <c r="V12237">
        <v>23</v>
      </c>
      <c r="W12237">
        <v>23</v>
      </c>
      <c r="X12237">
        <v>24</v>
      </c>
      <c r="Y12237">
        <v>24</v>
      </c>
      <c r="Z12237">
        <v>24</v>
      </c>
      <c r="AA12237">
        <v>24</v>
      </c>
      <c r="AB12237">
        <v>24</v>
      </c>
      <c r="AC12237">
        <v>25</v>
      </c>
      <c r="AD12237">
        <v>25</v>
      </c>
      <c r="AE12237">
        <v>25</v>
      </c>
      <c r="AF12237">
        <v>25</v>
      </c>
      <c r="AG12237">
        <v>25</v>
      </c>
      <c r="AH12237">
        <v>26</v>
      </c>
      <c r="AI12237">
        <v>26</v>
      </c>
      <c r="AJ12237">
        <v>26</v>
      </c>
      <c r="AK12237">
        <v>26</v>
      </c>
      <c r="AL12237">
        <v>26</v>
      </c>
      <c r="AM12237">
        <v>26</v>
      </c>
      <c r="AN12237">
        <v>26</v>
      </c>
      <c r="AO12237">
        <v>26</v>
      </c>
      <c r="AP12237">
        <v>26</v>
      </c>
      <c r="AQ12237">
        <v>26</v>
      </c>
    </row>
    <row r="12238" spans="1:43">
      <c r="A12238" t="s">
        <v>7608</v>
      </c>
      <c r="B12238" t="s">
        <v>7609</v>
      </c>
      <c r="C12238" t="s">
        <v>7412</v>
      </c>
      <c r="D12238" t="s">
        <v>7413</v>
      </c>
      <c r="E12238" t="s">
        <v>7278</v>
      </c>
      <c r="F12238" t="s">
        <v>7279</v>
      </c>
      <c r="G12238" t="s">
        <v>80</v>
      </c>
      <c r="H12238" t="s">
        <v>81</v>
      </c>
      <c r="I12238" s="2">
        <v>0</v>
      </c>
      <c r="J12238" s="2">
        <v>1</v>
      </c>
      <c r="K12238" s="2">
        <v>0</v>
      </c>
      <c r="L12238" t="s">
        <v>82</v>
      </c>
      <c r="M12238" t="s">
        <v>83</v>
      </c>
      <c r="N12238" t="s">
        <v>84</v>
      </c>
      <c r="O12238" t="s">
        <v>85</v>
      </c>
      <c r="P12238" t="s">
        <v>86</v>
      </c>
      <c r="Q12238">
        <v>14</v>
      </c>
      <c r="R12238">
        <v>14</v>
      </c>
      <c r="S12238">
        <v>14</v>
      </c>
      <c r="T12238">
        <v>14</v>
      </c>
      <c r="U12238">
        <v>15</v>
      </c>
      <c r="V12238">
        <v>15</v>
      </c>
      <c r="W12238">
        <v>15</v>
      </c>
      <c r="X12238">
        <v>15</v>
      </c>
      <c r="Y12238">
        <v>15</v>
      </c>
      <c r="Z12238">
        <v>15</v>
      </c>
      <c r="AA12238">
        <v>15</v>
      </c>
      <c r="AB12238">
        <v>16</v>
      </c>
      <c r="AC12238">
        <v>16</v>
      </c>
      <c r="AD12238">
        <v>16</v>
      </c>
      <c r="AE12238">
        <v>16</v>
      </c>
      <c r="AF12238">
        <v>16</v>
      </c>
      <c r="AG12238">
        <v>16</v>
      </c>
      <c r="AH12238">
        <v>16</v>
      </c>
      <c r="AI12238">
        <v>16</v>
      </c>
      <c r="AJ12238">
        <v>17</v>
      </c>
      <c r="AK12238">
        <v>17</v>
      </c>
      <c r="AL12238">
        <v>17</v>
      </c>
      <c r="AM12238">
        <v>17</v>
      </c>
      <c r="AN12238">
        <v>17</v>
      </c>
      <c r="AO12238">
        <v>17</v>
      </c>
      <c r="AP12238">
        <v>17</v>
      </c>
      <c r="AQ12238">
        <v>16</v>
      </c>
    </row>
    <row r="12239" spans="1:43">
      <c r="A12239" t="s">
        <v>7608</v>
      </c>
      <c r="B12239" t="s">
        <v>7609</v>
      </c>
      <c r="C12239" t="s">
        <v>7412</v>
      </c>
      <c r="D12239" t="s">
        <v>7413</v>
      </c>
      <c r="E12239" t="s">
        <v>7278</v>
      </c>
      <c r="F12239" t="s">
        <v>7279</v>
      </c>
      <c r="G12239" t="s">
        <v>80</v>
      </c>
      <c r="H12239" t="s">
        <v>81</v>
      </c>
      <c r="I12239" s="2">
        <v>0</v>
      </c>
      <c r="J12239" s="2">
        <v>1</v>
      </c>
      <c r="K12239" s="2">
        <v>0</v>
      </c>
      <c r="L12239" t="s">
        <v>82</v>
      </c>
      <c r="M12239" t="s">
        <v>87</v>
      </c>
      <c r="N12239" t="s">
        <v>88</v>
      </c>
      <c r="O12239" t="s">
        <v>85</v>
      </c>
      <c r="P12239" t="s">
        <v>86</v>
      </c>
      <c r="Q12239">
        <v>14</v>
      </c>
      <c r="R12239">
        <v>14</v>
      </c>
      <c r="S12239">
        <v>14</v>
      </c>
      <c r="T12239">
        <v>14</v>
      </c>
      <c r="U12239">
        <v>14</v>
      </c>
      <c r="V12239">
        <v>14</v>
      </c>
      <c r="W12239">
        <v>14</v>
      </c>
      <c r="X12239">
        <v>14</v>
      </c>
      <c r="Y12239">
        <v>14</v>
      </c>
      <c r="Z12239">
        <v>14</v>
      </c>
      <c r="AA12239">
        <v>14</v>
      </c>
      <c r="AB12239">
        <v>14</v>
      </c>
      <c r="AC12239">
        <v>14</v>
      </c>
      <c r="AD12239">
        <v>14</v>
      </c>
      <c r="AE12239">
        <v>14</v>
      </c>
      <c r="AF12239">
        <v>14</v>
      </c>
      <c r="AG12239">
        <v>14</v>
      </c>
      <c r="AH12239">
        <v>14</v>
      </c>
      <c r="AI12239">
        <v>14</v>
      </c>
      <c r="AJ12239">
        <v>14</v>
      </c>
      <c r="AK12239">
        <v>14</v>
      </c>
      <c r="AL12239">
        <v>14</v>
      </c>
      <c r="AM12239">
        <v>14</v>
      </c>
      <c r="AN12239">
        <v>14</v>
      </c>
      <c r="AO12239">
        <v>14</v>
      </c>
      <c r="AP12239">
        <v>14</v>
      </c>
      <c r="AQ12239">
        <v>14</v>
      </c>
    </row>
    <row r="12240" spans="1:43">
      <c r="A12240" t="s">
        <v>7608</v>
      </c>
      <c r="B12240" t="s">
        <v>7609</v>
      </c>
      <c r="C12240" t="s">
        <v>7412</v>
      </c>
      <c r="D12240" t="s">
        <v>7413</v>
      </c>
      <c r="E12240" t="s">
        <v>7278</v>
      </c>
      <c r="F12240" t="s">
        <v>7279</v>
      </c>
      <c r="G12240" t="s">
        <v>80</v>
      </c>
      <c r="H12240" t="s">
        <v>81</v>
      </c>
      <c r="I12240" s="2">
        <v>0</v>
      </c>
      <c r="J12240" s="2">
        <v>1</v>
      </c>
      <c r="K12240" s="2">
        <v>0</v>
      </c>
      <c r="L12240" t="s">
        <v>82</v>
      </c>
      <c r="M12240" t="s">
        <v>89</v>
      </c>
      <c r="N12240" t="s">
        <v>90</v>
      </c>
      <c r="O12240" t="s">
        <v>85</v>
      </c>
      <c r="P12240" t="s">
        <v>86</v>
      </c>
      <c r="Q12240">
        <v>14</v>
      </c>
      <c r="R12240">
        <v>14</v>
      </c>
      <c r="S12240">
        <v>15</v>
      </c>
      <c r="T12240">
        <v>15</v>
      </c>
      <c r="U12240">
        <v>15</v>
      </c>
      <c r="V12240">
        <v>15</v>
      </c>
      <c r="W12240">
        <v>16</v>
      </c>
      <c r="X12240">
        <v>16</v>
      </c>
      <c r="Y12240">
        <v>16</v>
      </c>
      <c r="Z12240">
        <v>16</v>
      </c>
      <c r="AA12240">
        <v>16</v>
      </c>
      <c r="AB12240">
        <v>17</v>
      </c>
      <c r="AC12240">
        <v>17</v>
      </c>
      <c r="AD12240">
        <v>17</v>
      </c>
      <c r="AE12240">
        <v>17</v>
      </c>
      <c r="AF12240">
        <v>17</v>
      </c>
      <c r="AG12240">
        <v>17</v>
      </c>
      <c r="AH12240">
        <v>17</v>
      </c>
      <c r="AI12240">
        <v>17</v>
      </c>
      <c r="AJ12240">
        <v>17</v>
      </c>
      <c r="AK12240">
        <v>17</v>
      </c>
      <c r="AL12240">
        <v>17</v>
      </c>
      <c r="AM12240">
        <v>17</v>
      </c>
      <c r="AN12240">
        <v>17</v>
      </c>
      <c r="AO12240">
        <v>17</v>
      </c>
      <c r="AP12240">
        <v>17</v>
      </c>
      <c r="AQ12240">
        <v>17</v>
      </c>
    </row>
    <row r="12241" spans="1:43">
      <c r="A12241" t="s">
        <v>7608</v>
      </c>
      <c r="B12241" t="s">
        <v>7609</v>
      </c>
      <c r="C12241" t="s">
        <v>7412</v>
      </c>
      <c r="D12241" t="s">
        <v>7413</v>
      </c>
      <c r="E12241" t="s">
        <v>7278</v>
      </c>
      <c r="F12241" t="s">
        <v>7279</v>
      </c>
      <c r="G12241" t="s">
        <v>80</v>
      </c>
      <c r="H12241" t="s">
        <v>81</v>
      </c>
      <c r="I12241" s="2">
        <v>0</v>
      </c>
      <c r="J12241" s="2">
        <v>1</v>
      </c>
      <c r="K12241" s="2">
        <v>0</v>
      </c>
      <c r="L12241" t="s">
        <v>82</v>
      </c>
      <c r="M12241" t="s">
        <v>83</v>
      </c>
      <c r="N12241" t="s">
        <v>91</v>
      </c>
      <c r="O12241" t="s">
        <v>85</v>
      </c>
      <c r="P12241" t="s">
        <v>86</v>
      </c>
      <c r="Q12241">
        <v>14</v>
      </c>
      <c r="R12241">
        <v>14</v>
      </c>
      <c r="S12241">
        <v>14</v>
      </c>
      <c r="T12241">
        <v>14</v>
      </c>
      <c r="U12241">
        <v>15</v>
      </c>
      <c r="V12241">
        <v>15</v>
      </c>
      <c r="W12241">
        <v>15</v>
      </c>
      <c r="X12241">
        <v>15</v>
      </c>
      <c r="Y12241">
        <v>15</v>
      </c>
      <c r="Z12241">
        <v>15</v>
      </c>
      <c r="AA12241">
        <v>15</v>
      </c>
      <c r="AB12241">
        <v>16</v>
      </c>
      <c r="AC12241">
        <v>16</v>
      </c>
      <c r="AD12241">
        <v>16</v>
      </c>
      <c r="AE12241">
        <v>16</v>
      </c>
      <c r="AF12241">
        <v>16</v>
      </c>
      <c r="AG12241">
        <v>16</v>
      </c>
      <c r="AH12241">
        <v>16</v>
      </c>
      <c r="AI12241">
        <v>16</v>
      </c>
      <c r="AJ12241">
        <v>17</v>
      </c>
      <c r="AK12241">
        <v>17</v>
      </c>
      <c r="AL12241">
        <v>17</v>
      </c>
      <c r="AM12241">
        <v>17</v>
      </c>
      <c r="AN12241">
        <v>17</v>
      </c>
      <c r="AO12241">
        <v>17</v>
      </c>
      <c r="AP12241">
        <v>17</v>
      </c>
      <c r="AQ12241">
        <v>16</v>
      </c>
    </row>
    <row r="12242" spans="1:43">
      <c r="A12242" t="s">
        <v>7610</v>
      </c>
      <c r="B12242" t="s">
        <v>7611</v>
      </c>
      <c r="C12242" t="s">
        <v>7380</v>
      </c>
      <c r="D12242" t="s">
        <v>7381</v>
      </c>
      <c r="E12242" t="s">
        <v>7278</v>
      </c>
      <c r="F12242" t="s">
        <v>7279</v>
      </c>
      <c r="G12242" t="s">
        <v>80</v>
      </c>
      <c r="H12242" t="s">
        <v>81</v>
      </c>
      <c r="I12242" s="2">
        <v>0</v>
      </c>
      <c r="J12242" s="2">
        <v>1</v>
      </c>
      <c r="K12242" s="2">
        <v>0</v>
      </c>
      <c r="L12242" t="s">
        <v>82</v>
      </c>
      <c r="M12242" t="s">
        <v>83</v>
      </c>
      <c r="N12242" t="s">
        <v>84</v>
      </c>
      <c r="O12242" t="s">
        <v>85</v>
      </c>
      <c r="P12242" t="s">
        <v>86</v>
      </c>
      <c r="Q12242">
        <v>0</v>
      </c>
      <c r="R12242">
        <v>0</v>
      </c>
      <c r="S12242">
        <v>0</v>
      </c>
      <c r="T12242">
        <v>0</v>
      </c>
      <c r="U12242">
        <v>0</v>
      </c>
      <c r="V12242">
        <v>0</v>
      </c>
      <c r="W12242">
        <v>0</v>
      </c>
      <c r="X12242">
        <v>0</v>
      </c>
      <c r="Y12242">
        <v>0</v>
      </c>
      <c r="Z12242">
        <v>0</v>
      </c>
      <c r="AA12242">
        <v>0</v>
      </c>
      <c r="AB12242">
        <v>0</v>
      </c>
      <c r="AC12242">
        <v>0</v>
      </c>
      <c r="AD12242">
        <v>0</v>
      </c>
      <c r="AE12242">
        <v>0</v>
      </c>
      <c r="AF12242">
        <v>0</v>
      </c>
      <c r="AG12242">
        <v>0</v>
      </c>
      <c r="AH12242">
        <v>0</v>
      </c>
      <c r="AI12242">
        <v>0</v>
      </c>
      <c r="AJ12242">
        <v>0</v>
      </c>
      <c r="AK12242">
        <v>0</v>
      </c>
      <c r="AL12242">
        <v>0</v>
      </c>
      <c r="AM12242">
        <v>0</v>
      </c>
      <c r="AN12242">
        <v>0</v>
      </c>
      <c r="AO12242">
        <v>0</v>
      </c>
      <c r="AP12242">
        <v>0</v>
      </c>
      <c r="AQ12242">
        <v>0</v>
      </c>
    </row>
    <row r="12243" spans="1:43">
      <c r="A12243" t="s">
        <v>7610</v>
      </c>
      <c r="B12243" t="s">
        <v>7611</v>
      </c>
      <c r="C12243" t="s">
        <v>7380</v>
      </c>
      <c r="D12243" t="s">
        <v>7381</v>
      </c>
      <c r="E12243" t="s">
        <v>7278</v>
      </c>
      <c r="F12243" t="s">
        <v>7279</v>
      </c>
      <c r="G12243" t="s">
        <v>80</v>
      </c>
      <c r="H12243" t="s">
        <v>81</v>
      </c>
      <c r="I12243" s="2">
        <v>0</v>
      </c>
      <c r="J12243" s="2">
        <v>1</v>
      </c>
      <c r="K12243" s="2">
        <v>0</v>
      </c>
      <c r="L12243" t="s">
        <v>82</v>
      </c>
      <c r="M12243" t="s">
        <v>87</v>
      </c>
      <c r="N12243" t="s">
        <v>88</v>
      </c>
      <c r="O12243" t="s">
        <v>85</v>
      </c>
      <c r="P12243" t="s">
        <v>86</v>
      </c>
      <c r="Q12243">
        <v>0</v>
      </c>
      <c r="R12243">
        <v>0</v>
      </c>
      <c r="S12243">
        <v>0</v>
      </c>
      <c r="T12243">
        <v>0</v>
      </c>
      <c r="U12243">
        <v>0</v>
      </c>
      <c r="V12243">
        <v>0</v>
      </c>
      <c r="W12243">
        <v>0</v>
      </c>
      <c r="X12243">
        <v>0</v>
      </c>
      <c r="Y12243">
        <v>0</v>
      </c>
      <c r="Z12243">
        <v>0</v>
      </c>
      <c r="AA12243">
        <v>0</v>
      </c>
      <c r="AB12243">
        <v>0</v>
      </c>
      <c r="AC12243">
        <v>0</v>
      </c>
      <c r="AD12243">
        <v>0</v>
      </c>
      <c r="AE12243">
        <v>0</v>
      </c>
      <c r="AF12243">
        <v>0</v>
      </c>
      <c r="AG12243">
        <v>0</v>
      </c>
      <c r="AH12243">
        <v>0</v>
      </c>
      <c r="AI12243">
        <v>0</v>
      </c>
      <c r="AJ12243">
        <v>0</v>
      </c>
      <c r="AK12243">
        <v>0</v>
      </c>
      <c r="AL12243">
        <v>0</v>
      </c>
      <c r="AM12243">
        <v>0</v>
      </c>
      <c r="AN12243">
        <v>0</v>
      </c>
      <c r="AO12243">
        <v>0</v>
      </c>
      <c r="AP12243">
        <v>0</v>
      </c>
      <c r="AQ12243">
        <v>0</v>
      </c>
    </row>
    <row r="12244" spans="1:43">
      <c r="A12244" t="s">
        <v>7610</v>
      </c>
      <c r="B12244" t="s">
        <v>7611</v>
      </c>
      <c r="C12244" t="s">
        <v>7380</v>
      </c>
      <c r="D12244" t="s">
        <v>7381</v>
      </c>
      <c r="E12244" t="s">
        <v>7278</v>
      </c>
      <c r="F12244" t="s">
        <v>7279</v>
      </c>
      <c r="G12244" t="s">
        <v>80</v>
      </c>
      <c r="H12244" t="s">
        <v>81</v>
      </c>
      <c r="I12244" s="2">
        <v>0</v>
      </c>
      <c r="J12244" s="2">
        <v>1</v>
      </c>
      <c r="K12244" s="2">
        <v>0</v>
      </c>
      <c r="L12244" t="s">
        <v>82</v>
      </c>
      <c r="M12244" t="s">
        <v>89</v>
      </c>
      <c r="N12244" t="s">
        <v>90</v>
      </c>
      <c r="O12244" t="s">
        <v>85</v>
      </c>
      <c r="P12244" t="s">
        <v>86</v>
      </c>
      <c r="Q12244">
        <v>0</v>
      </c>
      <c r="R12244">
        <v>0</v>
      </c>
      <c r="S12244">
        <v>0</v>
      </c>
      <c r="T12244">
        <v>0</v>
      </c>
      <c r="U12244">
        <v>0</v>
      </c>
      <c r="V12244">
        <v>0</v>
      </c>
      <c r="W12244">
        <v>0</v>
      </c>
      <c r="X12244">
        <v>0</v>
      </c>
      <c r="Y12244">
        <v>0</v>
      </c>
      <c r="Z12244">
        <v>0</v>
      </c>
      <c r="AA12244">
        <v>0</v>
      </c>
      <c r="AB12244">
        <v>0</v>
      </c>
      <c r="AC12244">
        <v>0</v>
      </c>
      <c r="AD12244">
        <v>0</v>
      </c>
      <c r="AE12244">
        <v>0</v>
      </c>
      <c r="AF12244">
        <v>0</v>
      </c>
      <c r="AG12244">
        <v>0</v>
      </c>
      <c r="AH12244">
        <v>0</v>
      </c>
      <c r="AI12244">
        <v>0</v>
      </c>
      <c r="AJ12244">
        <v>0</v>
      </c>
      <c r="AK12244">
        <v>0</v>
      </c>
      <c r="AL12244">
        <v>0</v>
      </c>
      <c r="AM12244">
        <v>0</v>
      </c>
      <c r="AN12244">
        <v>0</v>
      </c>
      <c r="AO12244">
        <v>0</v>
      </c>
      <c r="AP12244">
        <v>0</v>
      </c>
      <c r="AQ12244">
        <v>0</v>
      </c>
    </row>
    <row r="12245" spans="1:43">
      <c r="A12245" t="s">
        <v>7610</v>
      </c>
      <c r="B12245" t="s">
        <v>7611</v>
      </c>
      <c r="C12245" t="s">
        <v>7380</v>
      </c>
      <c r="D12245" t="s">
        <v>7381</v>
      </c>
      <c r="E12245" t="s">
        <v>7278</v>
      </c>
      <c r="F12245" t="s">
        <v>7279</v>
      </c>
      <c r="G12245" t="s">
        <v>80</v>
      </c>
      <c r="H12245" t="s">
        <v>81</v>
      </c>
      <c r="I12245" s="2">
        <v>0</v>
      </c>
      <c r="J12245" s="2">
        <v>1</v>
      </c>
      <c r="K12245" s="2">
        <v>0</v>
      </c>
      <c r="L12245" t="s">
        <v>82</v>
      </c>
      <c r="M12245" t="s">
        <v>83</v>
      </c>
      <c r="N12245" t="s">
        <v>91</v>
      </c>
      <c r="O12245" t="s">
        <v>85</v>
      </c>
      <c r="P12245" t="s">
        <v>86</v>
      </c>
      <c r="Q12245">
        <v>0</v>
      </c>
      <c r="R12245">
        <v>0</v>
      </c>
      <c r="S12245">
        <v>0</v>
      </c>
      <c r="T12245">
        <v>0</v>
      </c>
      <c r="U12245">
        <v>0</v>
      </c>
      <c r="V12245">
        <v>0</v>
      </c>
      <c r="W12245">
        <v>0</v>
      </c>
      <c r="X12245">
        <v>0</v>
      </c>
      <c r="Y12245">
        <v>0</v>
      </c>
      <c r="Z12245">
        <v>0</v>
      </c>
      <c r="AA12245">
        <v>0</v>
      </c>
      <c r="AB12245">
        <v>0</v>
      </c>
      <c r="AC12245">
        <v>0</v>
      </c>
      <c r="AD12245">
        <v>0</v>
      </c>
      <c r="AE12245">
        <v>0</v>
      </c>
      <c r="AF12245">
        <v>0</v>
      </c>
      <c r="AG12245">
        <v>0</v>
      </c>
      <c r="AH12245">
        <v>0</v>
      </c>
      <c r="AI12245">
        <v>0</v>
      </c>
      <c r="AJ12245">
        <v>0</v>
      </c>
      <c r="AK12245">
        <v>0</v>
      </c>
      <c r="AL12245">
        <v>0</v>
      </c>
      <c r="AM12245">
        <v>0</v>
      </c>
      <c r="AN12245">
        <v>0</v>
      </c>
      <c r="AO12245">
        <v>0</v>
      </c>
      <c r="AP12245">
        <v>0</v>
      </c>
      <c r="AQ12245">
        <v>0</v>
      </c>
    </row>
    <row r="12246" spans="1:43">
      <c r="A12246" t="s">
        <v>7612</v>
      </c>
      <c r="B12246" t="s">
        <v>7613</v>
      </c>
      <c r="C12246" t="s">
        <v>7614</v>
      </c>
      <c r="D12246" t="s">
        <v>7615</v>
      </c>
      <c r="E12246" t="s">
        <v>7278</v>
      </c>
      <c r="F12246" t="s">
        <v>7279</v>
      </c>
      <c r="G12246" t="s">
        <v>80</v>
      </c>
      <c r="H12246" t="s">
        <v>81</v>
      </c>
      <c r="I12246" s="2">
        <v>0</v>
      </c>
      <c r="J12246" s="2">
        <v>1</v>
      </c>
      <c r="K12246" s="2">
        <v>0</v>
      </c>
      <c r="L12246" t="s">
        <v>82</v>
      </c>
      <c r="M12246" t="s">
        <v>83</v>
      </c>
      <c r="N12246" t="s">
        <v>84</v>
      </c>
      <c r="O12246" t="s">
        <v>85</v>
      </c>
      <c r="P12246" t="s">
        <v>86</v>
      </c>
      <c r="Q12246">
        <v>7</v>
      </c>
      <c r="R12246">
        <v>8</v>
      </c>
      <c r="S12246">
        <v>8</v>
      </c>
      <c r="T12246">
        <v>8</v>
      </c>
      <c r="U12246">
        <v>8</v>
      </c>
      <c r="V12246">
        <v>8</v>
      </c>
      <c r="W12246">
        <v>8</v>
      </c>
      <c r="X12246">
        <v>8</v>
      </c>
      <c r="Y12246">
        <v>8</v>
      </c>
      <c r="Z12246">
        <v>8</v>
      </c>
      <c r="AA12246">
        <v>8</v>
      </c>
      <c r="AB12246">
        <v>8</v>
      </c>
      <c r="AC12246">
        <v>8</v>
      </c>
      <c r="AD12246">
        <v>8</v>
      </c>
      <c r="AE12246">
        <v>8</v>
      </c>
      <c r="AF12246">
        <v>9</v>
      </c>
      <c r="AG12246">
        <v>9</v>
      </c>
      <c r="AH12246">
        <v>9</v>
      </c>
      <c r="AI12246">
        <v>9</v>
      </c>
      <c r="AJ12246">
        <v>9</v>
      </c>
      <c r="AK12246">
        <v>9</v>
      </c>
      <c r="AL12246">
        <v>9</v>
      </c>
      <c r="AM12246">
        <v>9</v>
      </c>
      <c r="AN12246">
        <v>9</v>
      </c>
      <c r="AO12246">
        <v>9</v>
      </c>
      <c r="AP12246">
        <v>9</v>
      </c>
      <c r="AQ12246">
        <v>9</v>
      </c>
    </row>
    <row r="12247" spans="1:43">
      <c r="A12247" t="s">
        <v>7612</v>
      </c>
      <c r="B12247" t="s">
        <v>7613</v>
      </c>
      <c r="C12247" t="s">
        <v>7614</v>
      </c>
      <c r="D12247" t="s">
        <v>7615</v>
      </c>
      <c r="E12247" t="s">
        <v>7278</v>
      </c>
      <c r="F12247" t="s">
        <v>7279</v>
      </c>
      <c r="G12247" t="s">
        <v>80</v>
      </c>
      <c r="H12247" t="s">
        <v>81</v>
      </c>
      <c r="I12247" s="2">
        <v>0</v>
      </c>
      <c r="J12247" s="2">
        <v>1</v>
      </c>
      <c r="K12247" s="2">
        <v>0</v>
      </c>
      <c r="L12247" t="s">
        <v>82</v>
      </c>
      <c r="M12247" t="s">
        <v>87</v>
      </c>
      <c r="N12247" t="s">
        <v>88</v>
      </c>
      <c r="O12247" t="s">
        <v>85</v>
      </c>
      <c r="P12247" t="s">
        <v>86</v>
      </c>
      <c r="Q12247">
        <v>7</v>
      </c>
      <c r="R12247">
        <v>7</v>
      </c>
      <c r="S12247">
        <v>7</v>
      </c>
      <c r="T12247">
        <v>7</v>
      </c>
      <c r="U12247">
        <v>7</v>
      </c>
      <c r="V12247">
        <v>7</v>
      </c>
      <c r="W12247">
        <v>7</v>
      </c>
      <c r="X12247">
        <v>7</v>
      </c>
      <c r="Y12247">
        <v>7</v>
      </c>
      <c r="Z12247">
        <v>7</v>
      </c>
      <c r="AA12247">
        <v>7</v>
      </c>
      <c r="AB12247">
        <v>7</v>
      </c>
      <c r="AC12247">
        <v>7</v>
      </c>
      <c r="AD12247">
        <v>8</v>
      </c>
      <c r="AE12247">
        <v>8</v>
      </c>
      <c r="AF12247">
        <v>8</v>
      </c>
      <c r="AG12247">
        <v>8</v>
      </c>
      <c r="AH12247">
        <v>8</v>
      </c>
      <c r="AI12247">
        <v>8</v>
      </c>
      <c r="AJ12247">
        <v>8</v>
      </c>
      <c r="AK12247">
        <v>8</v>
      </c>
      <c r="AL12247">
        <v>8</v>
      </c>
      <c r="AM12247">
        <v>8</v>
      </c>
      <c r="AN12247">
        <v>8</v>
      </c>
      <c r="AO12247">
        <v>8</v>
      </c>
      <c r="AP12247">
        <v>8</v>
      </c>
      <c r="AQ12247">
        <v>8</v>
      </c>
    </row>
    <row r="12248" spans="1:43">
      <c r="A12248" t="s">
        <v>7612</v>
      </c>
      <c r="B12248" t="s">
        <v>7613</v>
      </c>
      <c r="C12248" t="s">
        <v>7614</v>
      </c>
      <c r="D12248" t="s">
        <v>7615</v>
      </c>
      <c r="E12248" t="s">
        <v>7278</v>
      </c>
      <c r="F12248" t="s">
        <v>7279</v>
      </c>
      <c r="G12248" t="s">
        <v>80</v>
      </c>
      <c r="H12248" t="s">
        <v>81</v>
      </c>
      <c r="I12248" s="2">
        <v>0</v>
      </c>
      <c r="J12248" s="2">
        <v>1</v>
      </c>
      <c r="K12248" s="2">
        <v>0</v>
      </c>
      <c r="L12248" t="s">
        <v>82</v>
      </c>
      <c r="M12248" t="s">
        <v>89</v>
      </c>
      <c r="N12248" t="s">
        <v>90</v>
      </c>
      <c r="O12248" t="s">
        <v>85</v>
      </c>
      <c r="P12248" t="s">
        <v>86</v>
      </c>
      <c r="Q12248">
        <v>7</v>
      </c>
      <c r="R12248">
        <v>7</v>
      </c>
      <c r="S12248">
        <v>7</v>
      </c>
      <c r="T12248">
        <v>7</v>
      </c>
      <c r="U12248">
        <v>7</v>
      </c>
      <c r="V12248">
        <v>7</v>
      </c>
      <c r="W12248">
        <v>7</v>
      </c>
      <c r="X12248">
        <v>7</v>
      </c>
      <c r="Y12248">
        <v>8</v>
      </c>
      <c r="Z12248">
        <v>8</v>
      </c>
      <c r="AA12248">
        <v>8</v>
      </c>
      <c r="AB12248">
        <v>8</v>
      </c>
      <c r="AC12248">
        <v>8</v>
      </c>
      <c r="AD12248">
        <v>8</v>
      </c>
      <c r="AE12248">
        <v>8</v>
      </c>
      <c r="AF12248">
        <v>8</v>
      </c>
      <c r="AG12248">
        <v>8</v>
      </c>
      <c r="AH12248">
        <v>8</v>
      </c>
      <c r="AI12248">
        <v>8</v>
      </c>
      <c r="AJ12248">
        <v>8</v>
      </c>
      <c r="AK12248">
        <v>8</v>
      </c>
      <c r="AL12248">
        <v>8</v>
      </c>
      <c r="AM12248">
        <v>8</v>
      </c>
      <c r="AN12248">
        <v>8</v>
      </c>
      <c r="AO12248">
        <v>8</v>
      </c>
      <c r="AP12248">
        <v>8</v>
      </c>
      <c r="AQ12248">
        <v>8</v>
      </c>
    </row>
    <row r="12249" spans="1:43">
      <c r="A12249" t="s">
        <v>7612</v>
      </c>
      <c r="B12249" t="s">
        <v>7613</v>
      </c>
      <c r="C12249" t="s">
        <v>7614</v>
      </c>
      <c r="D12249" t="s">
        <v>7615</v>
      </c>
      <c r="E12249" t="s">
        <v>7278</v>
      </c>
      <c r="F12249" t="s">
        <v>7279</v>
      </c>
      <c r="G12249" t="s">
        <v>80</v>
      </c>
      <c r="H12249" t="s">
        <v>81</v>
      </c>
      <c r="I12249" s="2">
        <v>0</v>
      </c>
      <c r="J12249" s="2">
        <v>1</v>
      </c>
      <c r="K12249" s="2">
        <v>0</v>
      </c>
      <c r="L12249" t="s">
        <v>82</v>
      </c>
      <c r="M12249" t="s">
        <v>83</v>
      </c>
      <c r="N12249" t="s">
        <v>91</v>
      </c>
      <c r="O12249" t="s">
        <v>85</v>
      </c>
      <c r="P12249" t="s">
        <v>86</v>
      </c>
      <c r="Q12249">
        <v>7</v>
      </c>
      <c r="R12249">
        <v>8</v>
      </c>
      <c r="S12249">
        <v>8</v>
      </c>
      <c r="T12249">
        <v>8</v>
      </c>
      <c r="U12249">
        <v>8</v>
      </c>
      <c r="V12249">
        <v>8</v>
      </c>
      <c r="W12249">
        <v>8</v>
      </c>
      <c r="X12249">
        <v>8</v>
      </c>
      <c r="Y12249">
        <v>8</v>
      </c>
      <c r="Z12249">
        <v>8</v>
      </c>
      <c r="AA12249">
        <v>8</v>
      </c>
      <c r="AB12249">
        <v>8</v>
      </c>
      <c r="AC12249">
        <v>8</v>
      </c>
      <c r="AD12249">
        <v>8</v>
      </c>
      <c r="AE12249">
        <v>8</v>
      </c>
      <c r="AF12249">
        <v>9</v>
      </c>
      <c r="AG12249">
        <v>9</v>
      </c>
      <c r="AH12249">
        <v>9</v>
      </c>
      <c r="AI12249">
        <v>9</v>
      </c>
      <c r="AJ12249">
        <v>9</v>
      </c>
      <c r="AK12249">
        <v>9</v>
      </c>
      <c r="AL12249">
        <v>9</v>
      </c>
      <c r="AM12249">
        <v>9</v>
      </c>
      <c r="AN12249">
        <v>9</v>
      </c>
      <c r="AO12249">
        <v>9</v>
      </c>
      <c r="AP12249">
        <v>9</v>
      </c>
      <c r="AQ12249">
        <v>9</v>
      </c>
    </row>
    <row r="12250" spans="1:43">
      <c r="A12250" t="s">
        <v>7616</v>
      </c>
      <c r="B12250" t="s">
        <v>7617</v>
      </c>
      <c r="C12250" t="s">
        <v>7614</v>
      </c>
      <c r="D12250" t="s">
        <v>7615</v>
      </c>
      <c r="E12250" t="s">
        <v>7278</v>
      </c>
      <c r="F12250" t="s">
        <v>7279</v>
      </c>
      <c r="G12250" t="s">
        <v>80</v>
      </c>
      <c r="H12250" t="s">
        <v>81</v>
      </c>
      <c r="I12250" s="2">
        <v>0</v>
      </c>
      <c r="J12250" s="2">
        <v>1</v>
      </c>
      <c r="K12250" s="2">
        <v>0</v>
      </c>
      <c r="L12250" t="s">
        <v>82</v>
      </c>
      <c r="M12250" t="s">
        <v>83</v>
      </c>
      <c r="N12250" t="s">
        <v>84</v>
      </c>
      <c r="O12250" t="s">
        <v>85</v>
      </c>
      <c r="P12250" t="s">
        <v>86</v>
      </c>
      <c r="Q12250">
        <v>6</v>
      </c>
      <c r="R12250">
        <v>6</v>
      </c>
      <c r="S12250">
        <v>6</v>
      </c>
      <c r="T12250">
        <v>6</v>
      </c>
      <c r="U12250">
        <v>6</v>
      </c>
      <c r="V12250">
        <v>6</v>
      </c>
      <c r="W12250">
        <v>6</v>
      </c>
      <c r="X12250">
        <v>6</v>
      </c>
      <c r="Y12250">
        <v>6</v>
      </c>
      <c r="Z12250">
        <v>6</v>
      </c>
      <c r="AA12250">
        <v>6</v>
      </c>
      <c r="AB12250">
        <v>6</v>
      </c>
      <c r="AC12250">
        <v>6</v>
      </c>
      <c r="AD12250">
        <v>6</v>
      </c>
      <c r="AE12250">
        <v>6</v>
      </c>
      <c r="AF12250">
        <v>7</v>
      </c>
      <c r="AG12250">
        <v>7</v>
      </c>
      <c r="AH12250">
        <v>7</v>
      </c>
      <c r="AI12250">
        <v>7</v>
      </c>
      <c r="AJ12250">
        <v>7</v>
      </c>
      <c r="AK12250">
        <v>7</v>
      </c>
      <c r="AL12250">
        <v>7</v>
      </c>
      <c r="AM12250">
        <v>7</v>
      </c>
      <c r="AN12250">
        <v>7</v>
      </c>
      <c r="AO12250">
        <v>7</v>
      </c>
      <c r="AP12250">
        <v>7</v>
      </c>
      <c r="AQ12250">
        <v>7</v>
      </c>
    </row>
    <row r="12251" spans="1:43">
      <c r="A12251" t="s">
        <v>7616</v>
      </c>
      <c r="B12251" t="s">
        <v>7617</v>
      </c>
      <c r="C12251" t="s">
        <v>7614</v>
      </c>
      <c r="D12251" t="s">
        <v>7615</v>
      </c>
      <c r="E12251" t="s">
        <v>7278</v>
      </c>
      <c r="F12251" t="s">
        <v>7279</v>
      </c>
      <c r="G12251" t="s">
        <v>80</v>
      </c>
      <c r="H12251" t="s">
        <v>81</v>
      </c>
      <c r="I12251" s="2">
        <v>0</v>
      </c>
      <c r="J12251" s="2">
        <v>1</v>
      </c>
      <c r="K12251" s="2">
        <v>0</v>
      </c>
      <c r="L12251" t="s">
        <v>82</v>
      </c>
      <c r="M12251" t="s">
        <v>87</v>
      </c>
      <c r="N12251" t="s">
        <v>88</v>
      </c>
      <c r="O12251" t="s">
        <v>85</v>
      </c>
      <c r="P12251" t="s">
        <v>86</v>
      </c>
      <c r="Q12251">
        <v>6</v>
      </c>
      <c r="R12251">
        <v>6</v>
      </c>
      <c r="S12251">
        <v>6</v>
      </c>
      <c r="T12251">
        <v>6</v>
      </c>
      <c r="U12251">
        <v>6</v>
      </c>
      <c r="V12251">
        <v>6</v>
      </c>
      <c r="W12251">
        <v>6</v>
      </c>
      <c r="X12251">
        <v>6</v>
      </c>
      <c r="Y12251">
        <v>6</v>
      </c>
      <c r="Z12251">
        <v>6</v>
      </c>
      <c r="AA12251">
        <v>6</v>
      </c>
      <c r="AB12251">
        <v>6</v>
      </c>
      <c r="AC12251">
        <v>6</v>
      </c>
      <c r="AD12251">
        <v>6</v>
      </c>
      <c r="AE12251">
        <v>6</v>
      </c>
      <c r="AF12251">
        <v>6</v>
      </c>
      <c r="AG12251">
        <v>6</v>
      </c>
      <c r="AH12251">
        <v>6</v>
      </c>
      <c r="AI12251">
        <v>6</v>
      </c>
      <c r="AJ12251">
        <v>6</v>
      </c>
      <c r="AK12251">
        <v>6</v>
      </c>
      <c r="AL12251">
        <v>6</v>
      </c>
      <c r="AM12251">
        <v>6</v>
      </c>
      <c r="AN12251">
        <v>6</v>
      </c>
      <c r="AO12251">
        <v>6</v>
      </c>
      <c r="AP12251">
        <v>6</v>
      </c>
      <c r="AQ12251">
        <v>6</v>
      </c>
    </row>
    <row r="12252" spans="1:43">
      <c r="A12252" t="s">
        <v>7616</v>
      </c>
      <c r="B12252" t="s">
        <v>7617</v>
      </c>
      <c r="C12252" t="s">
        <v>7614</v>
      </c>
      <c r="D12252" t="s">
        <v>7615</v>
      </c>
      <c r="E12252" t="s">
        <v>7278</v>
      </c>
      <c r="F12252" t="s">
        <v>7279</v>
      </c>
      <c r="G12252" t="s">
        <v>80</v>
      </c>
      <c r="H12252" t="s">
        <v>81</v>
      </c>
      <c r="I12252" s="2">
        <v>0</v>
      </c>
      <c r="J12252" s="2">
        <v>1</v>
      </c>
      <c r="K12252" s="2">
        <v>0</v>
      </c>
      <c r="L12252" t="s">
        <v>82</v>
      </c>
      <c r="M12252" t="s">
        <v>89</v>
      </c>
      <c r="N12252" t="s">
        <v>90</v>
      </c>
      <c r="O12252" t="s">
        <v>85</v>
      </c>
      <c r="P12252" t="s">
        <v>86</v>
      </c>
      <c r="Q12252">
        <v>6</v>
      </c>
      <c r="R12252">
        <v>6</v>
      </c>
      <c r="S12252">
        <v>6</v>
      </c>
      <c r="T12252">
        <v>6</v>
      </c>
      <c r="U12252">
        <v>6</v>
      </c>
      <c r="V12252">
        <v>6</v>
      </c>
      <c r="W12252">
        <v>6</v>
      </c>
      <c r="X12252">
        <v>6</v>
      </c>
      <c r="Y12252">
        <v>7</v>
      </c>
      <c r="Z12252">
        <v>7</v>
      </c>
      <c r="AA12252">
        <v>7</v>
      </c>
      <c r="AB12252">
        <v>7</v>
      </c>
      <c r="AC12252">
        <v>7</v>
      </c>
      <c r="AD12252">
        <v>7</v>
      </c>
      <c r="AE12252">
        <v>7</v>
      </c>
      <c r="AF12252">
        <v>7</v>
      </c>
      <c r="AG12252">
        <v>7</v>
      </c>
      <c r="AH12252">
        <v>7</v>
      </c>
      <c r="AI12252">
        <v>7</v>
      </c>
      <c r="AJ12252">
        <v>7</v>
      </c>
      <c r="AK12252">
        <v>7</v>
      </c>
      <c r="AL12252">
        <v>7</v>
      </c>
      <c r="AM12252">
        <v>7</v>
      </c>
      <c r="AN12252">
        <v>7</v>
      </c>
      <c r="AO12252">
        <v>7</v>
      </c>
      <c r="AP12252">
        <v>7</v>
      </c>
      <c r="AQ12252">
        <v>7</v>
      </c>
    </row>
    <row r="12253" spans="1:43">
      <c r="A12253" t="s">
        <v>7616</v>
      </c>
      <c r="B12253" t="s">
        <v>7617</v>
      </c>
      <c r="C12253" t="s">
        <v>7614</v>
      </c>
      <c r="D12253" t="s">
        <v>7615</v>
      </c>
      <c r="E12253" t="s">
        <v>7278</v>
      </c>
      <c r="F12253" t="s">
        <v>7279</v>
      </c>
      <c r="G12253" t="s">
        <v>80</v>
      </c>
      <c r="H12253" t="s">
        <v>81</v>
      </c>
      <c r="I12253" s="2">
        <v>0</v>
      </c>
      <c r="J12253" s="2">
        <v>1</v>
      </c>
      <c r="K12253" s="2">
        <v>0</v>
      </c>
      <c r="L12253" t="s">
        <v>82</v>
      </c>
      <c r="M12253" t="s">
        <v>83</v>
      </c>
      <c r="N12253" t="s">
        <v>91</v>
      </c>
      <c r="O12253" t="s">
        <v>85</v>
      </c>
      <c r="P12253" t="s">
        <v>86</v>
      </c>
      <c r="Q12253">
        <v>6</v>
      </c>
      <c r="R12253">
        <v>6</v>
      </c>
      <c r="S12253">
        <v>6</v>
      </c>
      <c r="T12253">
        <v>6</v>
      </c>
      <c r="U12253">
        <v>6</v>
      </c>
      <c r="V12253">
        <v>6</v>
      </c>
      <c r="W12253">
        <v>6</v>
      </c>
      <c r="X12253">
        <v>6</v>
      </c>
      <c r="Y12253">
        <v>6</v>
      </c>
      <c r="Z12253">
        <v>6</v>
      </c>
      <c r="AA12253">
        <v>6</v>
      </c>
      <c r="AB12253">
        <v>6</v>
      </c>
      <c r="AC12253">
        <v>6</v>
      </c>
      <c r="AD12253">
        <v>6</v>
      </c>
      <c r="AE12253">
        <v>6</v>
      </c>
      <c r="AF12253">
        <v>7</v>
      </c>
      <c r="AG12253">
        <v>7</v>
      </c>
      <c r="AH12253">
        <v>7</v>
      </c>
      <c r="AI12253">
        <v>7</v>
      </c>
      <c r="AJ12253">
        <v>7</v>
      </c>
      <c r="AK12253">
        <v>7</v>
      </c>
      <c r="AL12253">
        <v>7</v>
      </c>
      <c r="AM12253">
        <v>7</v>
      </c>
      <c r="AN12253">
        <v>7</v>
      </c>
      <c r="AO12253">
        <v>7</v>
      </c>
      <c r="AP12253">
        <v>7</v>
      </c>
      <c r="AQ12253">
        <v>7</v>
      </c>
    </row>
    <row r="12254" spans="1:43">
      <c r="A12254" t="s">
        <v>7618</v>
      </c>
      <c r="B12254" t="s">
        <v>7619</v>
      </c>
      <c r="C12254" t="s">
        <v>7614</v>
      </c>
      <c r="D12254" t="s">
        <v>7615</v>
      </c>
      <c r="E12254" t="s">
        <v>7278</v>
      </c>
      <c r="F12254" t="s">
        <v>7279</v>
      </c>
      <c r="G12254" t="s">
        <v>80</v>
      </c>
      <c r="H12254" t="s">
        <v>81</v>
      </c>
      <c r="I12254" s="2">
        <v>0</v>
      </c>
      <c r="J12254" s="2">
        <v>1</v>
      </c>
      <c r="K12254" s="2">
        <v>0</v>
      </c>
      <c r="L12254" t="s">
        <v>82</v>
      </c>
      <c r="M12254" t="s">
        <v>83</v>
      </c>
      <c r="N12254" t="s">
        <v>84</v>
      </c>
      <c r="O12254" t="s">
        <v>85</v>
      </c>
      <c r="P12254" t="s">
        <v>86</v>
      </c>
      <c r="Q12254">
        <v>12</v>
      </c>
      <c r="R12254">
        <v>12</v>
      </c>
      <c r="S12254">
        <v>12</v>
      </c>
      <c r="T12254">
        <v>12</v>
      </c>
      <c r="U12254">
        <v>13</v>
      </c>
      <c r="V12254">
        <v>13</v>
      </c>
      <c r="W12254">
        <v>13</v>
      </c>
      <c r="X12254">
        <v>13</v>
      </c>
      <c r="Y12254">
        <v>13</v>
      </c>
      <c r="Z12254">
        <v>13</v>
      </c>
      <c r="AA12254">
        <v>13</v>
      </c>
      <c r="AB12254">
        <v>13</v>
      </c>
      <c r="AC12254">
        <v>14</v>
      </c>
      <c r="AD12254">
        <v>14</v>
      </c>
      <c r="AE12254">
        <v>14</v>
      </c>
      <c r="AF12254">
        <v>14</v>
      </c>
      <c r="AG12254">
        <v>14</v>
      </c>
      <c r="AH12254">
        <v>14</v>
      </c>
      <c r="AI12254">
        <v>14</v>
      </c>
      <c r="AJ12254">
        <v>14</v>
      </c>
      <c r="AK12254">
        <v>14</v>
      </c>
      <c r="AL12254">
        <v>14</v>
      </c>
      <c r="AM12254">
        <v>14</v>
      </c>
      <c r="AN12254">
        <v>14</v>
      </c>
      <c r="AO12254">
        <v>14</v>
      </c>
      <c r="AP12254">
        <v>14</v>
      </c>
      <c r="AQ12254">
        <v>14</v>
      </c>
    </row>
    <row r="12255" spans="1:43">
      <c r="A12255" t="s">
        <v>7618</v>
      </c>
      <c r="B12255" t="s">
        <v>7619</v>
      </c>
      <c r="C12255" t="s">
        <v>7614</v>
      </c>
      <c r="D12255" t="s">
        <v>7615</v>
      </c>
      <c r="E12255" t="s">
        <v>7278</v>
      </c>
      <c r="F12255" t="s">
        <v>7279</v>
      </c>
      <c r="G12255" t="s">
        <v>80</v>
      </c>
      <c r="H12255" t="s">
        <v>81</v>
      </c>
      <c r="I12255" s="2">
        <v>0</v>
      </c>
      <c r="J12255" s="2">
        <v>1</v>
      </c>
      <c r="K12255" s="2">
        <v>0</v>
      </c>
      <c r="L12255" t="s">
        <v>82</v>
      </c>
      <c r="M12255" t="s">
        <v>87</v>
      </c>
      <c r="N12255" t="s">
        <v>88</v>
      </c>
      <c r="O12255" t="s">
        <v>85</v>
      </c>
      <c r="P12255" t="s">
        <v>86</v>
      </c>
      <c r="Q12255">
        <v>12</v>
      </c>
      <c r="R12255">
        <v>12</v>
      </c>
      <c r="S12255">
        <v>12</v>
      </c>
      <c r="T12255">
        <v>12</v>
      </c>
      <c r="U12255">
        <v>12</v>
      </c>
      <c r="V12255">
        <v>12</v>
      </c>
      <c r="W12255">
        <v>12</v>
      </c>
      <c r="X12255">
        <v>12</v>
      </c>
      <c r="Y12255">
        <v>12</v>
      </c>
      <c r="Z12255">
        <v>12</v>
      </c>
      <c r="AA12255">
        <v>12</v>
      </c>
      <c r="AB12255">
        <v>12</v>
      </c>
      <c r="AC12255">
        <v>12</v>
      </c>
      <c r="AD12255">
        <v>12</v>
      </c>
      <c r="AE12255">
        <v>12</v>
      </c>
      <c r="AF12255">
        <v>12</v>
      </c>
      <c r="AG12255">
        <v>12</v>
      </c>
      <c r="AH12255">
        <v>12</v>
      </c>
      <c r="AI12255">
        <v>12</v>
      </c>
      <c r="AJ12255">
        <v>12</v>
      </c>
      <c r="AK12255">
        <v>12</v>
      </c>
      <c r="AL12255">
        <v>12</v>
      </c>
      <c r="AM12255">
        <v>12</v>
      </c>
      <c r="AN12255">
        <v>12</v>
      </c>
      <c r="AO12255">
        <v>12</v>
      </c>
      <c r="AP12255">
        <v>12</v>
      </c>
      <c r="AQ12255">
        <v>12</v>
      </c>
    </row>
    <row r="12256" spans="1:43">
      <c r="A12256" t="s">
        <v>7618</v>
      </c>
      <c r="B12256" t="s">
        <v>7619</v>
      </c>
      <c r="C12256" t="s">
        <v>7614</v>
      </c>
      <c r="D12256" t="s">
        <v>7615</v>
      </c>
      <c r="E12256" t="s">
        <v>7278</v>
      </c>
      <c r="F12256" t="s">
        <v>7279</v>
      </c>
      <c r="G12256" t="s">
        <v>80</v>
      </c>
      <c r="H12256" t="s">
        <v>81</v>
      </c>
      <c r="I12256" s="2">
        <v>0</v>
      </c>
      <c r="J12256" s="2">
        <v>1</v>
      </c>
      <c r="K12256" s="2">
        <v>0</v>
      </c>
      <c r="L12256" t="s">
        <v>82</v>
      </c>
      <c r="M12256" t="s">
        <v>89</v>
      </c>
      <c r="N12256" t="s">
        <v>90</v>
      </c>
      <c r="O12256" t="s">
        <v>85</v>
      </c>
      <c r="P12256" t="s">
        <v>86</v>
      </c>
      <c r="Q12256">
        <v>12</v>
      </c>
      <c r="R12256">
        <v>12</v>
      </c>
      <c r="S12256">
        <v>13</v>
      </c>
      <c r="T12256">
        <v>13</v>
      </c>
      <c r="U12256">
        <v>13</v>
      </c>
      <c r="V12256">
        <v>13</v>
      </c>
      <c r="W12256">
        <v>14</v>
      </c>
      <c r="X12256">
        <v>14</v>
      </c>
      <c r="Y12256">
        <v>14</v>
      </c>
      <c r="Z12256">
        <v>14</v>
      </c>
      <c r="AA12256">
        <v>14</v>
      </c>
      <c r="AB12256">
        <v>14</v>
      </c>
      <c r="AC12256">
        <v>15</v>
      </c>
      <c r="AD12256">
        <v>15</v>
      </c>
      <c r="AE12256">
        <v>15</v>
      </c>
      <c r="AF12256">
        <v>15</v>
      </c>
      <c r="AG12256">
        <v>15</v>
      </c>
      <c r="AH12256">
        <v>15</v>
      </c>
      <c r="AI12256">
        <v>15</v>
      </c>
      <c r="AJ12256">
        <v>15</v>
      </c>
      <c r="AK12256">
        <v>15</v>
      </c>
      <c r="AL12256">
        <v>15</v>
      </c>
      <c r="AM12256">
        <v>15</v>
      </c>
      <c r="AN12256">
        <v>15</v>
      </c>
      <c r="AO12256">
        <v>14</v>
      </c>
      <c r="AP12256">
        <v>14</v>
      </c>
      <c r="AQ12256">
        <v>14</v>
      </c>
    </row>
    <row r="12257" spans="1:43">
      <c r="A12257" t="s">
        <v>7618</v>
      </c>
      <c r="B12257" t="s">
        <v>7619</v>
      </c>
      <c r="C12257" t="s">
        <v>7614</v>
      </c>
      <c r="D12257" t="s">
        <v>7615</v>
      </c>
      <c r="E12257" t="s">
        <v>7278</v>
      </c>
      <c r="F12257" t="s">
        <v>7279</v>
      </c>
      <c r="G12257" t="s">
        <v>80</v>
      </c>
      <c r="H12257" t="s">
        <v>81</v>
      </c>
      <c r="I12257" s="2">
        <v>0</v>
      </c>
      <c r="J12257" s="2">
        <v>1</v>
      </c>
      <c r="K12257" s="2">
        <v>0</v>
      </c>
      <c r="L12257" t="s">
        <v>82</v>
      </c>
      <c r="M12257" t="s">
        <v>83</v>
      </c>
      <c r="N12257" t="s">
        <v>91</v>
      </c>
      <c r="O12257" t="s">
        <v>85</v>
      </c>
      <c r="P12257" t="s">
        <v>86</v>
      </c>
      <c r="Q12257">
        <v>12</v>
      </c>
      <c r="R12257">
        <v>12</v>
      </c>
      <c r="S12257">
        <v>12</v>
      </c>
      <c r="T12257">
        <v>12</v>
      </c>
      <c r="U12257">
        <v>13</v>
      </c>
      <c r="V12257">
        <v>13</v>
      </c>
      <c r="W12257">
        <v>13</v>
      </c>
      <c r="X12257">
        <v>13</v>
      </c>
      <c r="Y12257">
        <v>13</v>
      </c>
      <c r="Z12257">
        <v>13</v>
      </c>
      <c r="AA12257">
        <v>13</v>
      </c>
      <c r="AB12257">
        <v>13</v>
      </c>
      <c r="AC12257">
        <v>14</v>
      </c>
      <c r="AD12257">
        <v>14</v>
      </c>
      <c r="AE12257">
        <v>14</v>
      </c>
      <c r="AF12257">
        <v>14</v>
      </c>
      <c r="AG12257">
        <v>14</v>
      </c>
      <c r="AH12257">
        <v>14</v>
      </c>
      <c r="AI12257">
        <v>14</v>
      </c>
      <c r="AJ12257">
        <v>14</v>
      </c>
      <c r="AK12257">
        <v>14</v>
      </c>
      <c r="AL12257">
        <v>14</v>
      </c>
      <c r="AM12257">
        <v>14</v>
      </c>
      <c r="AN12257">
        <v>14</v>
      </c>
      <c r="AO12257">
        <v>14</v>
      </c>
      <c r="AP12257">
        <v>14</v>
      </c>
      <c r="AQ12257">
        <v>14</v>
      </c>
    </row>
    <row r="12258" spans="1:43">
      <c r="A12258" t="s">
        <v>7620</v>
      </c>
      <c r="B12258" t="s">
        <v>7621</v>
      </c>
      <c r="C12258" t="s">
        <v>7614</v>
      </c>
      <c r="D12258" t="s">
        <v>7615</v>
      </c>
      <c r="E12258" t="s">
        <v>7278</v>
      </c>
      <c r="F12258" t="s">
        <v>7279</v>
      </c>
      <c r="G12258" t="s">
        <v>80</v>
      </c>
      <c r="H12258" t="s">
        <v>81</v>
      </c>
      <c r="I12258" s="2">
        <v>0</v>
      </c>
      <c r="J12258" s="2">
        <v>1</v>
      </c>
      <c r="K12258" s="2">
        <v>0</v>
      </c>
      <c r="L12258" t="s">
        <v>82</v>
      </c>
      <c r="M12258" t="s">
        <v>83</v>
      </c>
      <c r="N12258" t="s">
        <v>84</v>
      </c>
      <c r="O12258" t="s">
        <v>85</v>
      </c>
      <c r="P12258" t="s">
        <v>86</v>
      </c>
      <c r="Q12258">
        <v>6</v>
      </c>
      <c r="R12258">
        <v>7</v>
      </c>
      <c r="S12258">
        <v>7</v>
      </c>
      <c r="T12258">
        <v>7</v>
      </c>
      <c r="U12258">
        <v>7</v>
      </c>
      <c r="V12258">
        <v>7</v>
      </c>
      <c r="W12258">
        <v>7</v>
      </c>
      <c r="X12258">
        <v>7</v>
      </c>
      <c r="Y12258">
        <v>7</v>
      </c>
      <c r="Z12258">
        <v>7</v>
      </c>
      <c r="AA12258">
        <v>7</v>
      </c>
      <c r="AB12258">
        <v>7</v>
      </c>
      <c r="AC12258">
        <v>7</v>
      </c>
      <c r="AD12258">
        <v>7</v>
      </c>
      <c r="AE12258">
        <v>7</v>
      </c>
      <c r="AF12258">
        <v>7</v>
      </c>
      <c r="AG12258">
        <v>7</v>
      </c>
      <c r="AH12258">
        <v>7</v>
      </c>
      <c r="AI12258">
        <v>8</v>
      </c>
      <c r="AJ12258">
        <v>8</v>
      </c>
      <c r="AK12258">
        <v>8</v>
      </c>
      <c r="AL12258">
        <v>8</v>
      </c>
      <c r="AM12258">
        <v>8</v>
      </c>
      <c r="AN12258">
        <v>8</v>
      </c>
      <c r="AO12258">
        <v>8</v>
      </c>
      <c r="AP12258">
        <v>8</v>
      </c>
      <c r="AQ12258">
        <v>8</v>
      </c>
    </row>
    <row r="12259" spans="1:43">
      <c r="A12259" t="s">
        <v>7620</v>
      </c>
      <c r="B12259" t="s">
        <v>7621</v>
      </c>
      <c r="C12259" t="s">
        <v>7614</v>
      </c>
      <c r="D12259" t="s">
        <v>7615</v>
      </c>
      <c r="E12259" t="s">
        <v>7278</v>
      </c>
      <c r="F12259" t="s">
        <v>7279</v>
      </c>
      <c r="G12259" t="s">
        <v>80</v>
      </c>
      <c r="H12259" t="s">
        <v>81</v>
      </c>
      <c r="I12259" s="2">
        <v>0</v>
      </c>
      <c r="J12259" s="2">
        <v>1</v>
      </c>
      <c r="K12259" s="2">
        <v>0</v>
      </c>
      <c r="L12259" t="s">
        <v>82</v>
      </c>
      <c r="M12259" t="s">
        <v>87</v>
      </c>
      <c r="N12259" t="s">
        <v>88</v>
      </c>
      <c r="O12259" t="s">
        <v>85</v>
      </c>
      <c r="P12259" t="s">
        <v>86</v>
      </c>
      <c r="Q12259">
        <v>6</v>
      </c>
      <c r="R12259">
        <v>6</v>
      </c>
      <c r="S12259">
        <v>6</v>
      </c>
      <c r="T12259">
        <v>6</v>
      </c>
      <c r="U12259">
        <v>6</v>
      </c>
      <c r="V12259">
        <v>6</v>
      </c>
      <c r="W12259">
        <v>6</v>
      </c>
      <c r="X12259">
        <v>6</v>
      </c>
      <c r="Y12259">
        <v>6</v>
      </c>
      <c r="Z12259">
        <v>6</v>
      </c>
      <c r="AA12259">
        <v>6</v>
      </c>
      <c r="AB12259">
        <v>6</v>
      </c>
      <c r="AC12259">
        <v>6</v>
      </c>
      <c r="AD12259">
        <v>6</v>
      </c>
      <c r="AE12259">
        <v>6</v>
      </c>
      <c r="AF12259">
        <v>6</v>
      </c>
      <c r="AG12259">
        <v>6</v>
      </c>
      <c r="AH12259">
        <v>6</v>
      </c>
      <c r="AI12259">
        <v>6</v>
      </c>
      <c r="AJ12259">
        <v>6</v>
      </c>
      <c r="AK12259">
        <v>7</v>
      </c>
      <c r="AL12259">
        <v>7</v>
      </c>
      <c r="AM12259">
        <v>7</v>
      </c>
      <c r="AN12259">
        <v>7</v>
      </c>
      <c r="AO12259">
        <v>7</v>
      </c>
      <c r="AP12259">
        <v>7</v>
      </c>
      <c r="AQ12259">
        <v>7</v>
      </c>
    </row>
    <row r="12260" spans="1:43">
      <c r="A12260" t="s">
        <v>7620</v>
      </c>
      <c r="B12260" t="s">
        <v>7621</v>
      </c>
      <c r="C12260" t="s">
        <v>7614</v>
      </c>
      <c r="D12260" t="s">
        <v>7615</v>
      </c>
      <c r="E12260" t="s">
        <v>7278</v>
      </c>
      <c r="F12260" t="s">
        <v>7279</v>
      </c>
      <c r="G12260" t="s">
        <v>80</v>
      </c>
      <c r="H12260" t="s">
        <v>81</v>
      </c>
      <c r="I12260" s="2">
        <v>0</v>
      </c>
      <c r="J12260" s="2">
        <v>1</v>
      </c>
      <c r="K12260" s="2">
        <v>0</v>
      </c>
      <c r="L12260" t="s">
        <v>82</v>
      </c>
      <c r="M12260" t="s">
        <v>89</v>
      </c>
      <c r="N12260" t="s">
        <v>90</v>
      </c>
      <c r="O12260" t="s">
        <v>85</v>
      </c>
      <c r="P12260" t="s">
        <v>86</v>
      </c>
      <c r="Q12260">
        <v>6</v>
      </c>
      <c r="R12260">
        <v>7</v>
      </c>
      <c r="S12260">
        <v>7</v>
      </c>
      <c r="T12260">
        <v>7</v>
      </c>
      <c r="U12260">
        <v>7</v>
      </c>
      <c r="V12260">
        <v>7</v>
      </c>
      <c r="W12260">
        <v>7</v>
      </c>
      <c r="X12260">
        <v>7</v>
      </c>
      <c r="Y12260">
        <v>7</v>
      </c>
      <c r="Z12260">
        <v>7</v>
      </c>
      <c r="AA12260">
        <v>8</v>
      </c>
      <c r="AB12260">
        <v>8</v>
      </c>
      <c r="AC12260">
        <v>8</v>
      </c>
      <c r="AD12260">
        <v>8</v>
      </c>
      <c r="AE12260">
        <v>8</v>
      </c>
      <c r="AF12260">
        <v>8</v>
      </c>
      <c r="AG12260">
        <v>8</v>
      </c>
      <c r="AH12260">
        <v>8</v>
      </c>
      <c r="AI12260">
        <v>8</v>
      </c>
      <c r="AJ12260">
        <v>8</v>
      </c>
      <c r="AK12260">
        <v>8</v>
      </c>
      <c r="AL12260">
        <v>8</v>
      </c>
      <c r="AM12260">
        <v>8</v>
      </c>
      <c r="AN12260">
        <v>8</v>
      </c>
      <c r="AO12260">
        <v>8</v>
      </c>
      <c r="AP12260">
        <v>8</v>
      </c>
      <c r="AQ12260">
        <v>8</v>
      </c>
    </row>
    <row r="12261" spans="1:43">
      <c r="A12261" t="s">
        <v>7620</v>
      </c>
      <c r="B12261" t="s">
        <v>7621</v>
      </c>
      <c r="C12261" t="s">
        <v>7614</v>
      </c>
      <c r="D12261" t="s">
        <v>7615</v>
      </c>
      <c r="E12261" t="s">
        <v>7278</v>
      </c>
      <c r="F12261" t="s">
        <v>7279</v>
      </c>
      <c r="G12261" t="s">
        <v>80</v>
      </c>
      <c r="H12261" t="s">
        <v>81</v>
      </c>
      <c r="I12261" s="2">
        <v>0</v>
      </c>
      <c r="J12261" s="2">
        <v>1</v>
      </c>
      <c r="K12261" s="2">
        <v>0</v>
      </c>
      <c r="L12261" t="s">
        <v>82</v>
      </c>
      <c r="M12261" t="s">
        <v>83</v>
      </c>
      <c r="N12261" t="s">
        <v>91</v>
      </c>
      <c r="O12261" t="s">
        <v>85</v>
      </c>
      <c r="P12261" t="s">
        <v>86</v>
      </c>
      <c r="Q12261">
        <v>6</v>
      </c>
      <c r="R12261">
        <v>7</v>
      </c>
      <c r="S12261">
        <v>7</v>
      </c>
      <c r="T12261">
        <v>7</v>
      </c>
      <c r="U12261">
        <v>7</v>
      </c>
      <c r="V12261">
        <v>7</v>
      </c>
      <c r="W12261">
        <v>7</v>
      </c>
      <c r="X12261">
        <v>7</v>
      </c>
      <c r="Y12261">
        <v>7</v>
      </c>
      <c r="Z12261">
        <v>7</v>
      </c>
      <c r="AA12261">
        <v>7</v>
      </c>
      <c r="AB12261">
        <v>7</v>
      </c>
      <c r="AC12261">
        <v>7</v>
      </c>
      <c r="AD12261">
        <v>7</v>
      </c>
      <c r="AE12261">
        <v>7</v>
      </c>
      <c r="AF12261">
        <v>7</v>
      </c>
      <c r="AG12261">
        <v>7</v>
      </c>
      <c r="AH12261">
        <v>7</v>
      </c>
      <c r="AI12261">
        <v>8</v>
      </c>
      <c r="AJ12261">
        <v>8</v>
      </c>
      <c r="AK12261">
        <v>8</v>
      </c>
      <c r="AL12261">
        <v>8</v>
      </c>
      <c r="AM12261">
        <v>8</v>
      </c>
      <c r="AN12261">
        <v>8</v>
      </c>
      <c r="AO12261">
        <v>8</v>
      </c>
      <c r="AP12261">
        <v>8</v>
      </c>
      <c r="AQ12261">
        <v>8</v>
      </c>
    </row>
    <row r="12262" spans="1:43">
      <c r="A12262" t="s">
        <v>7622</v>
      </c>
      <c r="B12262" t="s">
        <v>7623</v>
      </c>
      <c r="C12262" t="s">
        <v>7614</v>
      </c>
      <c r="D12262" t="s">
        <v>7615</v>
      </c>
      <c r="E12262" t="s">
        <v>7278</v>
      </c>
      <c r="F12262" t="s">
        <v>7279</v>
      </c>
      <c r="G12262" t="s">
        <v>80</v>
      </c>
      <c r="H12262" t="s">
        <v>81</v>
      </c>
      <c r="I12262" s="2">
        <v>0</v>
      </c>
      <c r="J12262" s="2">
        <v>1</v>
      </c>
      <c r="K12262" s="2">
        <v>0</v>
      </c>
      <c r="L12262" t="s">
        <v>82</v>
      </c>
      <c r="M12262" t="s">
        <v>83</v>
      </c>
      <c r="N12262" t="s">
        <v>84</v>
      </c>
      <c r="O12262" t="s">
        <v>85</v>
      </c>
      <c r="P12262" t="s">
        <v>86</v>
      </c>
      <c r="Q12262">
        <v>0</v>
      </c>
      <c r="R12262">
        <v>0</v>
      </c>
      <c r="S12262">
        <v>0</v>
      </c>
      <c r="T12262">
        <v>0</v>
      </c>
      <c r="U12262">
        <v>0</v>
      </c>
      <c r="V12262">
        <v>0</v>
      </c>
      <c r="W12262">
        <v>0</v>
      </c>
      <c r="X12262">
        <v>0</v>
      </c>
      <c r="Y12262">
        <v>0</v>
      </c>
      <c r="Z12262">
        <v>0</v>
      </c>
      <c r="AA12262">
        <v>0</v>
      </c>
      <c r="AB12262">
        <v>0</v>
      </c>
      <c r="AC12262">
        <v>0</v>
      </c>
      <c r="AD12262">
        <v>0</v>
      </c>
      <c r="AE12262">
        <v>0</v>
      </c>
      <c r="AF12262">
        <v>0</v>
      </c>
      <c r="AG12262">
        <v>0</v>
      </c>
      <c r="AH12262">
        <v>0</v>
      </c>
      <c r="AI12262">
        <v>0</v>
      </c>
      <c r="AJ12262">
        <v>0</v>
      </c>
      <c r="AK12262">
        <v>0</v>
      </c>
      <c r="AL12262">
        <v>0</v>
      </c>
      <c r="AM12262">
        <v>0</v>
      </c>
      <c r="AN12262">
        <v>0</v>
      </c>
      <c r="AO12262">
        <v>0</v>
      </c>
      <c r="AP12262">
        <v>0</v>
      </c>
      <c r="AQ12262">
        <v>0</v>
      </c>
    </row>
    <row r="12263" spans="1:43">
      <c r="A12263" t="s">
        <v>7622</v>
      </c>
      <c r="B12263" t="s">
        <v>7623</v>
      </c>
      <c r="C12263" t="s">
        <v>7614</v>
      </c>
      <c r="D12263" t="s">
        <v>7615</v>
      </c>
      <c r="E12263" t="s">
        <v>7278</v>
      </c>
      <c r="F12263" t="s">
        <v>7279</v>
      </c>
      <c r="G12263" t="s">
        <v>80</v>
      </c>
      <c r="H12263" t="s">
        <v>81</v>
      </c>
      <c r="I12263" s="2">
        <v>0</v>
      </c>
      <c r="J12263" s="2">
        <v>1</v>
      </c>
      <c r="K12263" s="2">
        <v>0</v>
      </c>
      <c r="L12263" t="s">
        <v>82</v>
      </c>
      <c r="M12263" t="s">
        <v>87</v>
      </c>
      <c r="N12263" t="s">
        <v>88</v>
      </c>
      <c r="O12263" t="s">
        <v>85</v>
      </c>
      <c r="P12263" t="s">
        <v>86</v>
      </c>
      <c r="Q12263">
        <v>0</v>
      </c>
      <c r="R12263">
        <v>0</v>
      </c>
      <c r="S12263">
        <v>0</v>
      </c>
      <c r="T12263">
        <v>0</v>
      </c>
      <c r="U12263">
        <v>0</v>
      </c>
      <c r="V12263">
        <v>0</v>
      </c>
      <c r="W12263">
        <v>0</v>
      </c>
      <c r="X12263">
        <v>0</v>
      </c>
      <c r="Y12263">
        <v>0</v>
      </c>
      <c r="Z12263">
        <v>0</v>
      </c>
      <c r="AA12263">
        <v>0</v>
      </c>
      <c r="AB12263">
        <v>0</v>
      </c>
      <c r="AC12263">
        <v>0</v>
      </c>
      <c r="AD12263">
        <v>0</v>
      </c>
      <c r="AE12263">
        <v>0</v>
      </c>
      <c r="AF12263">
        <v>0</v>
      </c>
      <c r="AG12263">
        <v>0</v>
      </c>
      <c r="AH12263">
        <v>0</v>
      </c>
      <c r="AI12263">
        <v>0</v>
      </c>
      <c r="AJ12263">
        <v>0</v>
      </c>
      <c r="AK12263">
        <v>0</v>
      </c>
      <c r="AL12263">
        <v>0</v>
      </c>
      <c r="AM12263">
        <v>0</v>
      </c>
      <c r="AN12263">
        <v>0</v>
      </c>
      <c r="AO12263">
        <v>0</v>
      </c>
      <c r="AP12263">
        <v>0</v>
      </c>
      <c r="AQ12263">
        <v>0</v>
      </c>
    </row>
    <row r="12264" spans="1:43">
      <c r="A12264" t="s">
        <v>7622</v>
      </c>
      <c r="B12264" t="s">
        <v>7623</v>
      </c>
      <c r="C12264" t="s">
        <v>7614</v>
      </c>
      <c r="D12264" t="s">
        <v>7615</v>
      </c>
      <c r="E12264" t="s">
        <v>7278</v>
      </c>
      <c r="F12264" t="s">
        <v>7279</v>
      </c>
      <c r="G12264" t="s">
        <v>80</v>
      </c>
      <c r="H12264" t="s">
        <v>81</v>
      </c>
      <c r="I12264" s="2">
        <v>0</v>
      </c>
      <c r="J12264" s="2">
        <v>1</v>
      </c>
      <c r="K12264" s="2">
        <v>0</v>
      </c>
      <c r="L12264" t="s">
        <v>82</v>
      </c>
      <c r="M12264" t="s">
        <v>89</v>
      </c>
      <c r="N12264" t="s">
        <v>90</v>
      </c>
      <c r="O12264" t="s">
        <v>85</v>
      </c>
      <c r="P12264" t="s">
        <v>86</v>
      </c>
      <c r="Q12264">
        <v>0</v>
      </c>
      <c r="R12264">
        <v>0</v>
      </c>
      <c r="S12264">
        <v>0</v>
      </c>
      <c r="T12264">
        <v>0</v>
      </c>
      <c r="U12264">
        <v>0</v>
      </c>
      <c r="V12264">
        <v>0</v>
      </c>
      <c r="W12264">
        <v>0</v>
      </c>
      <c r="X12264">
        <v>0</v>
      </c>
      <c r="Y12264">
        <v>0</v>
      </c>
      <c r="Z12264">
        <v>0</v>
      </c>
      <c r="AA12264">
        <v>0</v>
      </c>
      <c r="AB12264">
        <v>0</v>
      </c>
      <c r="AC12264">
        <v>0</v>
      </c>
      <c r="AD12264">
        <v>0</v>
      </c>
      <c r="AE12264">
        <v>0</v>
      </c>
      <c r="AF12264">
        <v>0</v>
      </c>
      <c r="AG12264">
        <v>0</v>
      </c>
      <c r="AH12264">
        <v>0</v>
      </c>
      <c r="AI12264">
        <v>0</v>
      </c>
      <c r="AJ12264">
        <v>0</v>
      </c>
      <c r="AK12264">
        <v>0</v>
      </c>
      <c r="AL12264">
        <v>0</v>
      </c>
      <c r="AM12264">
        <v>0</v>
      </c>
      <c r="AN12264">
        <v>0</v>
      </c>
      <c r="AO12264">
        <v>0</v>
      </c>
      <c r="AP12264">
        <v>0</v>
      </c>
      <c r="AQ12264">
        <v>0</v>
      </c>
    </row>
    <row r="12265" spans="1:43">
      <c r="A12265" t="s">
        <v>7622</v>
      </c>
      <c r="B12265" t="s">
        <v>7623</v>
      </c>
      <c r="C12265" t="s">
        <v>7614</v>
      </c>
      <c r="D12265" t="s">
        <v>7615</v>
      </c>
      <c r="E12265" t="s">
        <v>7278</v>
      </c>
      <c r="F12265" t="s">
        <v>7279</v>
      </c>
      <c r="G12265" t="s">
        <v>80</v>
      </c>
      <c r="H12265" t="s">
        <v>81</v>
      </c>
      <c r="I12265" s="2">
        <v>0</v>
      </c>
      <c r="J12265" s="2">
        <v>1</v>
      </c>
      <c r="K12265" s="2">
        <v>0</v>
      </c>
      <c r="L12265" t="s">
        <v>82</v>
      </c>
      <c r="M12265" t="s">
        <v>83</v>
      </c>
      <c r="N12265" t="s">
        <v>91</v>
      </c>
      <c r="O12265" t="s">
        <v>85</v>
      </c>
      <c r="P12265" t="s">
        <v>86</v>
      </c>
      <c r="Q12265">
        <v>0</v>
      </c>
      <c r="R12265">
        <v>0</v>
      </c>
      <c r="S12265">
        <v>0</v>
      </c>
      <c r="T12265">
        <v>0</v>
      </c>
      <c r="U12265">
        <v>0</v>
      </c>
      <c r="V12265">
        <v>0</v>
      </c>
      <c r="W12265">
        <v>0</v>
      </c>
      <c r="X12265">
        <v>0</v>
      </c>
      <c r="Y12265">
        <v>0</v>
      </c>
      <c r="Z12265">
        <v>0</v>
      </c>
      <c r="AA12265">
        <v>0</v>
      </c>
      <c r="AB12265">
        <v>0</v>
      </c>
      <c r="AC12265">
        <v>0</v>
      </c>
      <c r="AD12265">
        <v>0</v>
      </c>
      <c r="AE12265">
        <v>0</v>
      </c>
      <c r="AF12265">
        <v>0</v>
      </c>
      <c r="AG12265">
        <v>0</v>
      </c>
      <c r="AH12265">
        <v>0</v>
      </c>
      <c r="AI12265">
        <v>0</v>
      </c>
      <c r="AJ12265">
        <v>0</v>
      </c>
      <c r="AK12265">
        <v>0</v>
      </c>
      <c r="AL12265">
        <v>0</v>
      </c>
      <c r="AM12265">
        <v>0</v>
      </c>
      <c r="AN12265">
        <v>0</v>
      </c>
      <c r="AO12265">
        <v>0</v>
      </c>
      <c r="AP12265">
        <v>0</v>
      </c>
      <c r="AQ12265">
        <v>0</v>
      </c>
    </row>
    <row r="12266" spans="1:43">
      <c r="A12266" t="s">
        <v>7624</v>
      </c>
      <c r="B12266" t="s">
        <v>7625</v>
      </c>
      <c r="C12266" t="s">
        <v>7566</v>
      </c>
      <c r="D12266" t="s">
        <v>7567</v>
      </c>
      <c r="E12266" t="s">
        <v>7278</v>
      </c>
      <c r="F12266" t="s">
        <v>7279</v>
      </c>
      <c r="G12266" t="s">
        <v>80</v>
      </c>
      <c r="H12266" t="s">
        <v>81</v>
      </c>
      <c r="I12266" s="2">
        <v>0</v>
      </c>
      <c r="J12266" s="2">
        <v>1</v>
      </c>
      <c r="K12266" s="2">
        <v>0</v>
      </c>
      <c r="L12266" t="s">
        <v>82</v>
      </c>
      <c r="M12266" t="s">
        <v>83</v>
      </c>
      <c r="N12266" t="s">
        <v>84</v>
      </c>
      <c r="O12266" t="s">
        <v>85</v>
      </c>
      <c r="P12266" t="s">
        <v>86</v>
      </c>
      <c r="Q12266">
        <v>43</v>
      </c>
      <c r="R12266">
        <v>43</v>
      </c>
      <c r="S12266">
        <v>44</v>
      </c>
      <c r="T12266">
        <v>44</v>
      </c>
      <c r="U12266">
        <v>45</v>
      </c>
      <c r="V12266">
        <v>45</v>
      </c>
      <c r="W12266">
        <v>46</v>
      </c>
      <c r="X12266">
        <v>46</v>
      </c>
      <c r="Y12266">
        <v>46</v>
      </c>
      <c r="Z12266">
        <v>47</v>
      </c>
      <c r="AA12266">
        <v>47</v>
      </c>
      <c r="AB12266">
        <v>47</v>
      </c>
      <c r="AC12266">
        <v>48</v>
      </c>
      <c r="AD12266">
        <v>48</v>
      </c>
      <c r="AE12266">
        <v>48</v>
      </c>
      <c r="AF12266">
        <v>49</v>
      </c>
      <c r="AG12266">
        <v>49</v>
      </c>
      <c r="AH12266">
        <v>49</v>
      </c>
      <c r="AI12266">
        <v>50</v>
      </c>
      <c r="AJ12266">
        <v>50</v>
      </c>
      <c r="AK12266">
        <v>50</v>
      </c>
      <c r="AL12266">
        <v>50</v>
      </c>
      <c r="AM12266">
        <v>50</v>
      </c>
      <c r="AN12266">
        <v>50</v>
      </c>
      <c r="AO12266">
        <v>50</v>
      </c>
      <c r="AP12266">
        <v>50</v>
      </c>
      <c r="AQ12266">
        <v>49</v>
      </c>
    </row>
    <row r="12267" spans="1:43">
      <c r="A12267" t="s">
        <v>7624</v>
      </c>
      <c r="B12267" t="s">
        <v>7625</v>
      </c>
      <c r="C12267" t="s">
        <v>7566</v>
      </c>
      <c r="D12267" t="s">
        <v>7567</v>
      </c>
      <c r="E12267" t="s">
        <v>7278</v>
      </c>
      <c r="F12267" t="s">
        <v>7279</v>
      </c>
      <c r="G12267" t="s">
        <v>80</v>
      </c>
      <c r="H12267" t="s">
        <v>81</v>
      </c>
      <c r="I12267" s="2">
        <v>0</v>
      </c>
      <c r="J12267" s="2">
        <v>1</v>
      </c>
      <c r="K12267" s="2">
        <v>0</v>
      </c>
      <c r="L12267" t="s">
        <v>82</v>
      </c>
      <c r="M12267" t="s">
        <v>87</v>
      </c>
      <c r="N12267" t="s">
        <v>88</v>
      </c>
      <c r="O12267" t="s">
        <v>85</v>
      </c>
      <c r="P12267" t="s">
        <v>86</v>
      </c>
      <c r="Q12267">
        <v>43</v>
      </c>
      <c r="R12267">
        <v>43</v>
      </c>
      <c r="S12267">
        <v>44</v>
      </c>
      <c r="T12267">
        <v>44</v>
      </c>
      <c r="U12267">
        <v>44</v>
      </c>
      <c r="V12267">
        <v>44</v>
      </c>
      <c r="W12267">
        <v>44</v>
      </c>
      <c r="X12267">
        <v>44</v>
      </c>
      <c r="Y12267">
        <v>44</v>
      </c>
      <c r="Z12267">
        <v>44</v>
      </c>
      <c r="AA12267">
        <v>44</v>
      </c>
      <c r="AB12267">
        <v>44</v>
      </c>
      <c r="AC12267">
        <v>44</v>
      </c>
      <c r="AD12267">
        <v>44</v>
      </c>
      <c r="AE12267">
        <v>44</v>
      </c>
      <c r="AF12267">
        <v>44</v>
      </c>
      <c r="AG12267">
        <v>44</v>
      </c>
      <c r="AH12267">
        <v>44</v>
      </c>
      <c r="AI12267">
        <v>44</v>
      </c>
      <c r="AJ12267">
        <v>44</v>
      </c>
      <c r="AK12267">
        <v>44</v>
      </c>
      <c r="AL12267">
        <v>44</v>
      </c>
      <c r="AM12267">
        <v>44</v>
      </c>
      <c r="AN12267">
        <v>44</v>
      </c>
      <c r="AO12267">
        <v>44</v>
      </c>
      <c r="AP12267">
        <v>44</v>
      </c>
      <c r="AQ12267">
        <v>44</v>
      </c>
    </row>
    <row r="12268" spans="1:43">
      <c r="A12268" t="s">
        <v>7624</v>
      </c>
      <c r="B12268" t="s">
        <v>7625</v>
      </c>
      <c r="C12268" t="s">
        <v>7566</v>
      </c>
      <c r="D12268" t="s">
        <v>7567</v>
      </c>
      <c r="E12268" t="s">
        <v>7278</v>
      </c>
      <c r="F12268" t="s">
        <v>7279</v>
      </c>
      <c r="G12268" t="s">
        <v>80</v>
      </c>
      <c r="H12268" t="s">
        <v>81</v>
      </c>
      <c r="I12268" s="2">
        <v>0</v>
      </c>
      <c r="J12268" s="2">
        <v>1</v>
      </c>
      <c r="K12268" s="2">
        <v>0</v>
      </c>
      <c r="L12268" t="s">
        <v>82</v>
      </c>
      <c r="M12268" t="s">
        <v>89</v>
      </c>
      <c r="N12268" t="s">
        <v>90</v>
      </c>
      <c r="O12268" t="s">
        <v>85</v>
      </c>
      <c r="P12268" t="s">
        <v>86</v>
      </c>
      <c r="Q12268">
        <v>43</v>
      </c>
      <c r="R12268">
        <v>44</v>
      </c>
      <c r="S12268">
        <v>45</v>
      </c>
      <c r="T12268">
        <v>46</v>
      </c>
      <c r="U12268">
        <v>46</v>
      </c>
      <c r="V12268">
        <v>47</v>
      </c>
      <c r="W12268">
        <v>48</v>
      </c>
      <c r="X12268">
        <v>48</v>
      </c>
      <c r="Y12268">
        <v>49</v>
      </c>
      <c r="Z12268">
        <v>50</v>
      </c>
      <c r="AA12268">
        <v>50</v>
      </c>
      <c r="AB12268">
        <v>51</v>
      </c>
      <c r="AC12268">
        <v>51</v>
      </c>
      <c r="AD12268">
        <v>52</v>
      </c>
      <c r="AE12268">
        <v>52</v>
      </c>
      <c r="AF12268">
        <v>52</v>
      </c>
      <c r="AG12268">
        <v>52</v>
      </c>
      <c r="AH12268">
        <v>51</v>
      </c>
      <c r="AI12268">
        <v>51</v>
      </c>
      <c r="AJ12268">
        <v>51</v>
      </c>
      <c r="AK12268">
        <v>51</v>
      </c>
      <c r="AL12268">
        <v>51</v>
      </c>
      <c r="AM12268">
        <v>51</v>
      </c>
      <c r="AN12268">
        <v>51</v>
      </c>
      <c r="AO12268">
        <v>50</v>
      </c>
      <c r="AP12268">
        <v>50</v>
      </c>
      <c r="AQ12268">
        <v>50</v>
      </c>
    </row>
    <row r="12269" spans="1:43">
      <c r="A12269" t="s">
        <v>7624</v>
      </c>
      <c r="B12269" t="s">
        <v>7625</v>
      </c>
      <c r="C12269" t="s">
        <v>7566</v>
      </c>
      <c r="D12269" t="s">
        <v>7567</v>
      </c>
      <c r="E12269" t="s">
        <v>7278</v>
      </c>
      <c r="F12269" t="s">
        <v>7279</v>
      </c>
      <c r="G12269" t="s">
        <v>80</v>
      </c>
      <c r="H12269" t="s">
        <v>81</v>
      </c>
      <c r="I12269" s="2">
        <v>0</v>
      </c>
      <c r="J12269" s="2">
        <v>1</v>
      </c>
      <c r="K12269" s="2">
        <v>0</v>
      </c>
      <c r="L12269" t="s">
        <v>82</v>
      </c>
      <c r="M12269" t="s">
        <v>83</v>
      </c>
      <c r="N12269" t="s">
        <v>91</v>
      </c>
      <c r="O12269" t="s">
        <v>85</v>
      </c>
      <c r="P12269" t="s">
        <v>86</v>
      </c>
      <c r="Q12269">
        <v>43</v>
      </c>
      <c r="R12269">
        <v>43</v>
      </c>
      <c r="S12269">
        <v>44</v>
      </c>
      <c r="T12269">
        <v>44</v>
      </c>
      <c r="U12269">
        <v>45</v>
      </c>
      <c r="V12269">
        <v>45</v>
      </c>
      <c r="W12269">
        <v>46</v>
      </c>
      <c r="X12269">
        <v>46</v>
      </c>
      <c r="Y12269">
        <v>46</v>
      </c>
      <c r="Z12269">
        <v>47</v>
      </c>
      <c r="AA12269">
        <v>47</v>
      </c>
      <c r="AB12269">
        <v>47</v>
      </c>
      <c r="AC12269">
        <v>48</v>
      </c>
      <c r="AD12269">
        <v>48</v>
      </c>
      <c r="AE12269">
        <v>48</v>
      </c>
      <c r="AF12269">
        <v>49</v>
      </c>
      <c r="AG12269">
        <v>49</v>
      </c>
      <c r="AH12269">
        <v>49</v>
      </c>
      <c r="AI12269">
        <v>50</v>
      </c>
      <c r="AJ12269">
        <v>50</v>
      </c>
      <c r="AK12269">
        <v>50</v>
      </c>
      <c r="AL12269">
        <v>50</v>
      </c>
      <c r="AM12269">
        <v>50</v>
      </c>
      <c r="AN12269">
        <v>50</v>
      </c>
      <c r="AO12269">
        <v>50</v>
      </c>
      <c r="AP12269">
        <v>50</v>
      </c>
      <c r="AQ12269">
        <v>49</v>
      </c>
    </row>
    <row r="12270" spans="1:43">
      <c r="A12270" t="s">
        <v>7626</v>
      </c>
      <c r="B12270" t="s">
        <v>7627</v>
      </c>
      <c r="C12270" t="s">
        <v>7628</v>
      </c>
      <c r="D12270" t="s">
        <v>7629</v>
      </c>
      <c r="E12270" t="s">
        <v>7278</v>
      </c>
      <c r="F12270" t="s">
        <v>7279</v>
      </c>
      <c r="G12270" t="s">
        <v>80</v>
      </c>
      <c r="H12270" t="s">
        <v>81</v>
      </c>
      <c r="I12270" s="2">
        <v>0</v>
      </c>
      <c r="J12270" s="2">
        <v>1</v>
      </c>
      <c r="K12270" s="2">
        <v>0</v>
      </c>
      <c r="L12270" t="s">
        <v>82</v>
      </c>
      <c r="M12270" t="s">
        <v>83</v>
      </c>
      <c r="N12270" t="s">
        <v>84</v>
      </c>
      <c r="O12270" t="s">
        <v>85</v>
      </c>
      <c r="P12270" t="s">
        <v>86</v>
      </c>
      <c r="Q12270">
        <v>19</v>
      </c>
      <c r="R12270">
        <v>19</v>
      </c>
      <c r="S12270">
        <v>19</v>
      </c>
      <c r="T12270">
        <v>19</v>
      </c>
      <c r="U12270">
        <v>19</v>
      </c>
      <c r="V12270">
        <v>20</v>
      </c>
      <c r="W12270">
        <v>20</v>
      </c>
      <c r="X12270">
        <v>20</v>
      </c>
      <c r="Y12270">
        <v>20</v>
      </c>
      <c r="Z12270">
        <v>20</v>
      </c>
      <c r="AA12270">
        <v>20</v>
      </c>
      <c r="AB12270">
        <v>21</v>
      </c>
      <c r="AC12270">
        <v>21</v>
      </c>
      <c r="AD12270">
        <v>21</v>
      </c>
      <c r="AE12270">
        <v>21</v>
      </c>
      <c r="AF12270">
        <v>21</v>
      </c>
      <c r="AG12270">
        <v>21</v>
      </c>
      <c r="AH12270">
        <v>21</v>
      </c>
      <c r="AI12270">
        <v>21</v>
      </c>
      <c r="AJ12270">
        <v>22</v>
      </c>
      <c r="AK12270">
        <v>22</v>
      </c>
      <c r="AL12270">
        <v>22</v>
      </c>
      <c r="AM12270">
        <v>22</v>
      </c>
      <c r="AN12270">
        <v>22</v>
      </c>
      <c r="AO12270">
        <v>21</v>
      </c>
      <c r="AP12270">
        <v>21</v>
      </c>
      <c r="AQ12270">
        <v>21</v>
      </c>
    </row>
    <row r="12271" spans="1:43">
      <c r="A12271" t="s">
        <v>7626</v>
      </c>
      <c r="B12271" t="s">
        <v>7627</v>
      </c>
      <c r="C12271" t="s">
        <v>7628</v>
      </c>
      <c r="D12271" t="s">
        <v>7629</v>
      </c>
      <c r="E12271" t="s">
        <v>7278</v>
      </c>
      <c r="F12271" t="s">
        <v>7279</v>
      </c>
      <c r="G12271" t="s">
        <v>80</v>
      </c>
      <c r="H12271" t="s">
        <v>81</v>
      </c>
      <c r="I12271" s="2">
        <v>0</v>
      </c>
      <c r="J12271" s="2">
        <v>1</v>
      </c>
      <c r="K12271" s="2">
        <v>0</v>
      </c>
      <c r="L12271" t="s">
        <v>82</v>
      </c>
      <c r="M12271" t="s">
        <v>87</v>
      </c>
      <c r="N12271" t="s">
        <v>88</v>
      </c>
      <c r="O12271" t="s">
        <v>85</v>
      </c>
      <c r="P12271" t="s">
        <v>86</v>
      </c>
      <c r="Q12271">
        <v>19</v>
      </c>
      <c r="R12271">
        <v>19</v>
      </c>
      <c r="S12271">
        <v>20</v>
      </c>
      <c r="T12271">
        <v>20</v>
      </c>
      <c r="U12271">
        <v>20</v>
      </c>
      <c r="V12271">
        <v>20</v>
      </c>
      <c r="W12271">
        <v>20</v>
      </c>
      <c r="X12271">
        <v>20</v>
      </c>
      <c r="Y12271">
        <v>20</v>
      </c>
      <c r="Z12271">
        <v>20</v>
      </c>
      <c r="AA12271">
        <v>20</v>
      </c>
      <c r="AB12271">
        <v>20</v>
      </c>
      <c r="AC12271">
        <v>20</v>
      </c>
      <c r="AD12271">
        <v>20</v>
      </c>
      <c r="AE12271">
        <v>20</v>
      </c>
      <c r="AF12271">
        <v>20</v>
      </c>
      <c r="AG12271">
        <v>20</v>
      </c>
      <c r="AH12271">
        <v>20</v>
      </c>
      <c r="AI12271">
        <v>20</v>
      </c>
      <c r="AJ12271">
        <v>20</v>
      </c>
      <c r="AK12271">
        <v>20</v>
      </c>
      <c r="AL12271">
        <v>20</v>
      </c>
      <c r="AM12271">
        <v>19</v>
      </c>
      <c r="AN12271">
        <v>19</v>
      </c>
      <c r="AO12271">
        <v>19</v>
      </c>
      <c r="AP12271">
        <v>19</v>
      </c>
      <c r="AQ12271">
        <v>19</v>
      </c>
    </row>
    <row r="12272" spans="1:43">
      <c r="A12272" t="s">
        <v>7626</v>
      </c>
      <c r="B12272" t="s">
        <v>7627</v>
      </c>
      <c r="C12272" t="s">
        <v>7628</v>
      </c>
      <c r="D12272" t="s">
        <v>7629</v>
      </c>
      <c r="E12272" t="s">
        <v>7278</v>
      </c>
      <c r="F12272" t="s">
        <v>7279</v>
      </c>
      <c r="G12272" t="s">
        <v>80</v>
      </c>
      <c r="H12272" t="s">
        <v>81</v>
      </c>
      <c r="I12272" s="2">
        <v>0</v>
      </c>
      <c r="J12272" s="2">
        <v>1</v>
      </c>
      <c r="K12272" s="2">
        <v>0</v>
      </c>
      <c r="L12272" t="s">
        <v>82</v>
      </c>
      <c r="M12272" t="s">
        <v>89</v>
      </c>
      <c r="N12272" t="s">
        <v>90</v>
      </c>
      <c r="O12272" t="s">
        <v>85</v>
      </c>
      <c r="P12272" t="s">
        <v>86</v>
      </c>
      <c r="Q12272">
        <v>19</v>
      </c>
      <c r="R12272">
        <v>19</v>
      </c>
      <c r="S12272">
        <v>20</v>
      </c>
      <c r="T12272">
        <v>20</v>
      </c>
      <c r="U12272">
        <v>20</v>
      </c>
      <c r="V12272">
        <v>20</v>
      </c>
      <c r="W12272">
        <v>21</v>
      </c>
      <c r="X12272">
        <v>21</v>
      </c>
      <c r="Y12272">
        <v>21</v>
      </c>
      <c r="Z12272">
        <v>22</v>
      </c>
      <c r="AA12272">
        <v>22</v>
      </c>
      <c r="AB12272">
        <v>22</v>
      </c>
      <c r="AC12272">
        <v>22</v>
      </c>
      <c r="AD12272">
        <v>22</v>
      </c>
      <c r="AE12272">
        <v>22</v>
      </c>
      <c r="AF12272">
        <v>22</v>
      </c>
      <c r="AG12272">
        <v>22</v>
      </c>
      <c r="AH12272">
        <v>22</v>
      </c>
      <c r="AI12272">
        <v>22</v>
      </c>
      <c r="AJ12272">
        <v>22</v>
      </c>
      <c r="AK12272">
        <v>22</v>
      </c>
      <c r="AL12272">
        <v>22</v>
      </c>
      <c r="AM12272">
        <v>22</v>
      </c>
      <c r="AN12272">
        <v>22</v>
      </c>
      <c r="AO12272">
        <v>22</v>
      </c>
      <c r="AP12272">
        <v>22</v>
      </c>
      <c r="AQ12272">
        <v>22</v>
      </c>
    </row>
    <row r="12273" spans="1:43">
      <c r="A12273" t="s">
        <v>7626</v>
      </c>
      <c r="B12273" t="s">
        <v>7627</v>
      </c>
      <c r="C12273" t="s">
        <v>7628</v>
      </c>
      <c r="D12273" t="s">
        <v>7629</v>
      </c>
      <c r="E12273" t="s">
        <v>7278</v>
      </c>
      <c r="F12273" t="s">
        <v>7279</v>
      </c>
      <c r="G12273" t="s">
        <v>80</v>
      </c>
      <c r="H12273" t="s">
        <v>81</v>
      </c>
      <c r="I12273" s="2">
        <v>0</v>
      </c>
      <c r="J12273" s="2">
        <v>1</v>
      </c>
      <c r="K12273" s="2">
        <v>0</v>
      </c>
      <c r="L12273" t="s">
        <v>82</v>
      </c>
      <c r="M12273" t="s">
        <v>83</v>
      </c>
      <c r="N12273" t="s">
        <v>91</v>
      </c>
      <c r="O12273" t="s">
        <v>85</v>
      </c>
      <c r="P12273" t="s">
        <v>86</v>
      </c>
      <c r="Q12273">
        <v>19</v>
      </c>
      <c r="R12273">
        <v>19</v>
      </c>
      <c r="S12273">
        <v>19</v>
      </c>
      <c r="T12273">
        <v>19</v>
      </c>
      <c r="U12273">
        <v>19</v>
      </c>
      <c r="V12273">
        <v>20</v>
      </c>
      <c r="W12273">
        <v>20</v>
      </c>
      <c r="X12273">
        <v>20</v>
      </c>
      <c r="Y12273">
        <v>20</v>
      </c>
      <c r="Z12273">
        <v>20</v>
      </c>
      <c r="AA12273">
        <v>20</v>
      </c>
      <c r="AB12273">
        <v>21</v>
      </c>
      <c r="AC12273">
        <v>21</v>
      </c>
      <c r="AD12273">
        <v>21</v>
      </c>
      <c r="AE12273">
        <v>21</v>
      </c>
      <c r="AF12273">
        <v>21</v>
      </c>
      <c r="AG12273">
        <v>21</v>
      </c>
      <c r="AH12273">
        <v>21</v>
      </c>
      <c r="AI12273">
        <v>21</v>
      </c>
      <c r="AJ12273">
        <v>22</v>
      </c>
      <c r="AK12273">
        <v>22</v>
      </c>
      <c r="AL12273">
        <v>22</v>
      </c>
      <c r="AM12273">
        <v>22</v>
      </c>
      <c r="AN12273">
        <v>22</v>
      </c>
      <c r="AO12273">
        <v>21</v>
      </c>
      <c r="AP12273">
        <v>21</v>
      </c>
      <c r="AQ12273">
        <v>21</v>
      </c>
    </row>
    <row r="12274" spans="1:43">
      <c r="A12274" t="s">
        <v>7630</v>
      </c>
      <c r="B12274" t="s">
        <v>7631</v>
      </c>
      <c r="C12274" t="s">
        <v>7628</v>
      </c>
      <c r="D12274" t="s">
        <v>7629</v>
      </c>
      <c r="E12274" t="s">
        <v>7278</v>
      </c>
      <c r="F12274" t="s">
        <v>7279</v>
      </c>
      <c r="G12274" t="s">
        <v>80</v>
      </c>
      <c r="H12274" t="s">
        <v>81</v>
      </c>
      <c r="I12274" s="2">
        <v>0</v>
      </c>
      <c r="J12274" s="2">
        <v>1</v>
      </c>
      <c r="K12274" s="2">
        <v>0</v>
      </c>
      <c r="L12274" t="s">
        <v>82</v>
      </c>
      <c r="M12274" t="s">
        <v>83</v>
      </c>
      <c r="N12274" t="s">
        <v>84</v>
      </c>
      <c r="O12274" t="s">
        <v>85</v>
      </c>
      <c r="P12274" t="s">
        <v>86</v>
      </c>
      <c r="Q12274">
        <v>30</v>
      </c>
      <c r="R12274">
        <v>30</v>
      </c>
      <c r="S12274">
        <v>31</v>
      </c>
      <c r="T12274">
        <v>31</v>
      </c>
      <c r="U12274">
        <v>31</v>
      </c>
      <c r="V12274">
        <v>31</v>
      </c>
      <c r="W12274">
        <v>32</v>
      </c>
      <c r="X12274">
        <v>32</v>
      </c>
      <c r="Y12274">
        <v>32</v>
      </c>
      <c r="Z12274">
        <v>32</v>
      </c>
      <c r="AA12274">
        <v>33</v>
      </c>
      <c r="AB12274">
        <v>33</v>
      </c>
      <c r="AC12274">
        <v>33</v>
      </c>
      <c r="AD12274">
        <v>33</v>
      </c>
      <c r="AE12274">
        <v>34</v>
      </c>
      <c r="AF12274">
        <v>34</v>
      </c>
      <c r="AG12274">
        <v>34</v>
      </c>
      <c r="AH12274">
        <v>34</v>
      </c>
      <c r="AI12274">
        <v>34</v>
      </c>
      <c r="AJ12274">
        <v>35</v>
      </c>
      <c r="AK12274">
        <v>35</v>
      </c>
      <c r="AL12274">
        <v>35</v>
      </c>
      <c r="AM12274">
        <v>35</v>
      </c>
      <c r="AN12274">
        <v>35</v>
      </c>
      <c r="AO12274">
        <v>34</v>
      </c>
      <c r="AP12274">
        <v>34</v>
      </c>
      <c r="AQ12274">
        <v>34</v>
      </c>
    </row>
    <row r="12275" spans="1:43">
      <c r="A12275" t="s">
        <v>7630</v>
      </c>
      <c r="B12275" t="s">
        <v>7631</v>
      </c>
      <c r="C12275" t="s">
        <v>7628</v>
      </c>
      <c r="D12275" t="s">
        <v>7629</v>
      </c>
      <c r="E12275" t="s">
        <v>7278</v>
      </c>
      <c r="F12275" t="s">
        <v>7279</v>
      </c>
      <c r="G12275" t="s">
        <v>80</v>
      </c>
      <c r="H12275" t="s">
        <v>81</v>
      </c>
      <c r="I12275" s="2">
        <v>0</v>
      </c>
      <c r="J12275" s="2">
        <v>1</v>
      </c>
      <c r="K12275" s="2">
        <v>0</v>
      </c>
      <c r="L12275" t="s">
        <v>82</v>
      </c>
      <c r="M12275" t="s">
        <v>87</v>
      </c>
      <c r="N12275" t="s">
        <v>88</v>
      </c>
      <c r="O12275" t="s">
        <v>85</v>
      </c>
      <c r="P12275" t="s">
        <v>86</v>
      </c>
      <c r="Q12275">
        <v>30</v>
      </c>
      <c r="R12275">
        <v>30</v>
      </c>
      <c r="S12275">
        <v>30</v>
      </c>
      <c r="T12275">
        <v>30</v>
      </c>
      <c r="U12275">
        <v>30</v>
      </c>
      <c r="V12275">
        <v>30</v>
      </c>
      <c r="W12275">
        <v>30</v>
      </c>
      <c r="X12275">
        <v>30</v>
      </c>
      <c r="Y12275">
        <v>30</v>
      </c>
      <c r="Z12275">
        <v>30</v>
      </c>
      <c r="AA12275">
        <v>30</v>
      </c>
      <c r="AB12275">
        <v>30</v>
      </c>
      <c r="AC12275">
        <v>30</v>
      </c>
      <c r="AD12275">
        <v>30</v>
      </c>
      <c r="AE12275">
        <v>30</v>
      </c>
      <c r="AF12275">
        <v>30</v>
      </c>
      <c r="AG12275">
        <v>30</v>
      </c>
      <c r="AH12275">
        <v>30</v>
      </c>
      <c r="AI12275">
        <v>30</v>
      </c>
      <c r="AJ12275">
        <v>30</v>
      </c>
      <c r="AK12275">
        <v>30</v>
      </c>
      <c r="AL12275">
        <v>30</v>
      </c>
      <c r="AM12275">
        <v>30</v>
      </c>
      <c r="AN12275">
        <v>30</v>
      </c>
      <c r="AO12275">
        <v>30</v>
      </c>
      <c r="AP12275">
        <v>30</v>
      </c>
      <c r="AQ12275">
        <v>30</v>
      </c>
    </row>
    <row r="12276" spans="1:43">
      <c r="A12276" t="s">
        <v>7630</v>
      </c>
      <c r="B12276" t="s">
        <v>7631</v>
      </c>
      <c r="C12276" t="s">
        <v>7628</v>
      </c>
      <c r="D12276" t="s">
        <v>7629</v>
      </c>
      <c r="E12276" t="s">
        <v>7278</v>
      </c>
      <c r="F12276" t="s">
        <v>7279</v>
      </c>
      <c r="G12276" t="s">
        <v>80</v>
      </c>
      <c r="H12276" t="s">
        <v>81</v>
      </c>
      <c r="I12276" s="2">
        <v>0</v>
      </c>
      <c r="J12276" s="2">
        <v>1</v>
      </c>
      <c r="K12276" s="2">
        <v>0</v>
      </c>
      <c r="L12276" t="s">
        <v>82</v>
      </c>
      <c r="M12276" t="s">
        <v>89</v>
      </c>
      <c r="N12276" t="s">
        <v>90</v>
      </c>
      <c r="O12276" t="s">
        <v>85</v>
      </c>
      <c r="P12276" t="s">
        <v>86</v>
      </c>
      <c r="Q12276">
        <v>30</v>
      </c>
      <c r="R12276">
        <v>31</v>
      </c>
      <c r="S12276">
        <v>31</v>
      </c>
      <c r="T12276">
        <v>32</v>
      </c>
      <c r="U12276">
        <v>32</v>
      </c>
      <c r="V12276">
        <v>33</v>
      </c>
      <c r="W12276">
        <v>33</v>
      </c>
      <c r="X12276">
        <v>34</v>
      </c>
      <c r="Y12276">
        <v>34</v>
      </c>
      <c r="Z12276">
        <v>35</v>
      </c>
      <c r="AA12276">
        <v>35</v>
      </c>
      <c r="AB12276">
        <v>35</v>
      </c>
      <c r="AC12276">
        <v>36</v>
      </c>
      <c r="AD12276">
        <v>36</v>
      </c>
      <c r="AE12276">
        <v>36</v>
      </c>
      <c r="AF12276">
        <v>36</v>
      </c>
      <c r="AG12276">
        <v>36</v>
      </c>
      <c r="AH12276">
        <v>36</v>
      </c>
      <c r="AI12276">
        <v>36</v>
      </c>
      <c r="AJ12276">
        <v>35</v>
      </c>
      <c r="AK12276">
        <v>35</v>
      </c>
      <c r="AL12276">
        <v>35</v>
      </c>
      <c r="AM12276">
        <v>35</v>
      </c>
      <c r="AN12276">
        <v>35</v>
      </c>
      <c r="AO12276">
        <v>35</v>
      </c>
      <c r="AP12276">
        <v>35</v>
      </c>
      <c r="AQ12276">
        <v>35</v>
      </c>
    </row>
    <row r="12277" spans="1:43">
      <c r="A12277" t="s">
        <v>7630</v>
      </c>
      <c r="B12277" t="s">
        <v>7631</v>
      </c>
      <c r="C12277" t="s">
        <v>7628</v>
      </c>
      <c r="D12277" t="s">
        <v>7629</v>
      </c>
      <c r="E12277" t="s">
        <v>7278</v>
      </c>
      <c r="F12277" t="s">
        <v>7279</v>
      </c>
      <c r="G12277" t="s">
        <v>80</v>
      </c>
      <c r="H12277" t="s">
        <v>81</v>
      </c>
      <c r="I12277" s="2">
        <v>0</v>
      </c>
      <c r="J12277" s="2">
        <v>1</v>
      </c>
      <c r="K12277" s="2">
        <v>0</v>
      </c>
      <c r="L12277" t="s">
        <v>82</v>
      </c>
      <c r="M12277" t="s">
        <v>83</v>
      </c>
      <c r="N12277" t="s">
        <v>91</v>
      </c>
      <c r="O12277" t="s">
        <v>85</v>
      </c>
      <c r="P12277" t="s">
        <v>86</v>
      </c>
      <c r="Q12277">
        <v>30</v>
      </c>
      <c r="R12277">
        <v>30</v>
      </c>
      <c r="S12277">
        <v>31</v>
      </c>
      <c r="T12277">
        <v>31</v>
      </c>
      <c r="U12277">
        <v>31</v>
      </c>
      <c r="V12277">
        <v>31</v>
      </c>
      <c r="W12277">
        <v>32</v>
      </c>
      <c r="X12277">
        <v>32</v>
      </c>
      <c r="Y12277">
        <v>32</v>
      </c>
      <c r="Z12277">
        <v>32</v>
      </c>
      <c r="AA12277">
        <v>33</v>
      </c>
      <c r="AB12277">
        <v>33</v>
      </c>
      <c r="AC12277">
        <v>33</v>
      </c>
      <c r="AD12277">
        <v>33</v>
      </c>
      <c r="AE12277">
        <v>34</v>
      </c>
      <c r="AF12277">
        <v>34</v>
      </c>
      <c r="AG12277">
        <v>34</v>
      </c>
      <c r="AH12277">
        <v>34</v>
      </c>
      <c r="AI12277">
        <v>34</v>
      </c>
      <c r="AJ12277">
        <v>35</v>
      </c>
      <c r="AK12277">
        <v>35</v>
      </c>
      <c r="AL12277">
        <v>35</v>
      </c>
      <c r="AM12277">
        <v>35</v>
      </c>
      <c r="AN12277">
        <v>35</v>
      </c>
      <c r="AO12277">
        <v>34</v>
      </c>
      <c r="AP12277">
        <v>34</v>
      </c>
      <c r="AQ12277">
        <v>34</v>
      </c>
    </row>
    <row r="12278" spans="1:43">
      <c r="A12278" t="s">
        <v>7632</v>
      </c>
      <c r="B12278" t="s">
        <v>7633</v>
      </c>
      <c r="C12278" t="s">
        <v>7628</v>
      </c>
      <c r="D12278" t="s">
        <v>7629</v>
      </c>
      <c r="E12278" t="s">
        <v>7278</v>
      </c>
      <c r="F12278" t="s">
        <v>7279</v>
      </c>
      <c r="G12278" t="s">
        <v>80</v>
      </c>
      <c r="H12278" t="s">
        <v>81</v>
      </c>
      <c r="I12278" s="2">
        <v>0</v>
      </c>
      <c r="J12278" s="2">
        <v>1</v>
      </c>
      <c r="K12278" s="2">
        <v>0</v>
      </c>
      <c r="L12278" t="s">
        <v>82</v>
      </c>
      <c r="M12278" t="s">
        <v>83</v>
      </c>
      <c r="N12278" t="s">
        <v>84</v>
      </c>
      <c r="O12278" t="s">
        <v>85</v>
      </c>
      <c r="P12278" t="s">
        <v>86</v>
      </c>
      <c r="Q12278">
        <v>55</v>
      </c>
      <c r="R12278">
        <v>55</v>
      </c>
      <c r="S12278">
        <v>56</v>
      </c>
      <c r="T12278">
        <v>57</v>
      </c>
      <c r="U12278">
        <v>57</v>
      </c>
      <c r="V12278">
        <v>58</v>
      </c>
      <c r="W12278">
        <v>58</v>
      </c>
      <c r="X12278">
        <v>59</v>
      </c>
      <c r="Y12278">
        <v>59</v>
      </c>
      <c r="Z12278">
        <v>60</v>
      </c>
      <c r="AA12278">
        <v>60</v>
      </c>
      <c r="AB12278">
        <v>61</v>
      </c>
      <c r="AC12278">
        <v>61</v>
      </c>
      <c r="AD12278">
        <v>61</v>
      </c>
      <c r="AE12278">
        <v>62</v>
      </c>
      <c r="AF12278">
        <v>62</v>
      </c>
      <c r="AG12278">
        <v>63</v>
      </c>
      <c r="AH12278">
        <v>63</v>
      </c>
      <c r="AI12278">
        <v>63</v>
      </c>
      <c r="AJ12278">
        <v>64</v>
      </c>
      <c r="AK12278">
        <v>64</v>
      </c>
      <c r="AL12278">
        <v>64</v>
      </c>
      <c r="AM12278">
        <v>64</v>
      </c>
      <c r="AN12278">
        <v>63</v>
      </c>
      <c r="AO12278">
        <v>63</v>
      </c>
      <c r="AP12278">
        <v>63</v>
      </c>
      <c r="AQ12278">
        <v>63</v>
      </c>
    </row>
    <row r="12279" spans="1:43">
      <c r="A12279" t="s">
        <v>7632</v>
      </c>
      <c r="B12279" t="s">
        <v>7633</v>
      </c>
      <c r="C12279" t="s">
        <v>7628</v>
      </c>
      <c r="D12279" t="s">
        <v>7629</v>
      </c>
      <c r="E12279" t="s">
        <v>7278</v>
      </c>
      <c r="F12279" t="s">
        <v>7279</v>
      </c>
      <c r="G12279" t="s">
        <v>80</v>
      </c>
      <c r="H12279" t="s">
        <v>81</v>
      </c>
      <c r="I12279" s="2">
        <v>0</v>
      </c>
      <c r="J12279" s="2">
        <v>1</v>
      </c>
      <c r="K12279" s="2">
        <v>0</v>
      </c>
      <c r="L12279" t="s">
        <v>82</v>
      </c>
      <c r="M12279" t="s">
        <v>87</v>
      </c>
      <c r="N12279" t="s">
        <v>88</v>
      </c>
      <c r="O12279" t="s">
        <v>85</v>
      </c>
      <c r="P12279" t="s">
        <v>86</v>
      </c>
      <c r="Q12279">
        <v>55</v>
      </c>
      <c r="R12279">
        <v>55</v>
      </c>
      <c r="S12279">
        <v>56</v>
      </c>
      <c r="T12279">
        <v>56</v>
      </c>
      <c r="U12279">
        <v>56</v>
      </c>
      <c r="V12279">
        <v>56</v>
      </c>
      <c r="W12279">
        <v>56</v>
      </c>
      <c r="X12279">
        <v>56</v>
      </c>
      <c r="Y12279">
        <v>56</v>
      </c>
      <c r="Z12279">
        <v>56</v>
      </c>
      <c r="AA12279">
        <v>56</v>
      </c>
      <c r="AB12279">
        <v>56</v>
      </c>
      <c r="AC12279">
        <v>56</v>
      </c>
      <c r="AD12279">
        <v>56</v>
      </c>
      <c r="AE12279">
        <v>56</v>
      </c>
      <c r="AF12279">
        <v>56</v>
      </c>
      <c r="AG12279">
        <v>56</v>
      </c>
      <c r="AH12279">
        <v>56</v>
      </c>
      <c r="AI12279">
        <v>56</v>
      </c>
      <c r="AJ12279">
        <v>56</v>
      </c>
      <c r="AK12279">
        <v>56</v>
      </c>
      <c r="AL12279">
        <v>56</v>
      </c>
      <c r="AM12279">
        <v>55</v>
      </c>
      <c r="AN12279">
        <v>55</v>
      </c>
      <c r="AO12279">
        <v>55</v>
      </c>
      <c r="AP12279">
        <v>55</v>
      </c>
      <c r="AQ12279">
        <v>55</v>
      </c>
    </row>
    <row r="12280" spans="1:43">
      <c r="A12280" t="s">
        <v>7632</v>
      </c>
      <c r="B12280" t="s">
        <v>7633</v>
      </c>
      <c r="C12280" t="s">
        <v>7628</v>
      </c>
      <c r="D12280" t="s">
        <v>7629</v>
      </c>
      <c r="E12280" t="s">
        <v>7278</v>
      </c>
      <c r="F12280" t="s">
        <v>7279</v>
      </c>
      <c r="G12280" t="s">
        <v>80</v>
      </c>
      <c r="H12280" t="s">
        <v>81</v>
      </c>
      <c r="I12280" s="2">
        <v>0</v>
      </c>
      <c r="J12280" s="2">
        <v>1</v>
      </c>
      <c r="K12280" s="2">
        <v>0</v>
      </c>
      <c r="L12280" t="s">
        <v>82</v>
      </c>
      <c r="M12280" t="s">
        <v>89</v>
      </c>
      <c r="N12280" t="s">
        <v>90</v>
      </c>
      <c r="O12280" t="s">
        <v>85</v>
      </c>
      <c r="P12280" t="s">
        <v>86</v>
      </c>
      <c r="Q12280">
        <v>55</v>
      </c>
      <c r="R12280">
        <v>56</v>
      </c>
      <c r="S12280">
        <v>57</v>
      </c>
      <c r="T12280">
        <v>58</v>
      </c>
      <c r="U12280">
        <v>59</v>
      </c>
      <c r="V12280">
        <v>60</v>
      </c>
      <c r="W12280">
        <v>61</v>
      </c>
      <c r="X12280">
        <v>62</v>
      </c>
      <c r="Y12280">
        <v>63</v>
      </c>
      <c r="Z12280">
        <v>63</v>
      </c>
      <c r="AA12280">
        <v>64</v>
      </c>
      <c r="AB12280">
        <v>65</v>
      </c>
      <c r="AC12280">
        <v>65</v>
      </c>
      <c r="AD12280">
        <v>66</v>
      </c>
      <c r="AE12280">
        <v>66</v>
      </c>
      <c r="AF12280">
        <v>66</v>
      </c>
      <c r="AG12280">
        <v>66</v>
      </c>
      <c r="AH12280">
        <v>66</v>
      </c>
      <c r="AI12280">
        <v>65</v>
      </c>
      <c r="AJ12280">
        <v>65</v>
      </c>
      <c r="AK12280">
        <v>65</v>
      </c>
      <c r="AL12280">
        <v>65</v>
      </c>
      <c r="AM12280">
        <v>64</v>
      </c>
      <c r="AN12280">
        <v>64</v>
      </c>
      <c r="AO12280">
        <v>64</v>
      </c>
      <c r="AP12280">
        <v>64</v>
      </c>
      <c r="AQ12280">
        <v>64</v>
      </c>
    </row>
    <row r="12281" spans="1:43">
      <c r="A12281" t="s">
        <v>7632</v>
      </c>
      <c r="B12281" t="s">
        <v>7633</v>
      </c>
      <c r="C12281" t="s">
        <v>7628</v>
      </c>
      <c r="D12281" t="s">
        <v>7629</v>
      </c>
      <c r="E12281" t="s">
        <v>7278</v>
      </c>
      <c r="F12281" t="s">
        <v>7279</v>
      </c>
      <c r="G12281" t="s">
        <v>80</v>
      </c>
      <c r="H12281" t="s">
        <v>81</v>
      </c>
      <c r="I12281" s="2">
        <v>0</v>
      </c>
      <c r="J12281" s="2">
        <v>1</v>
      </c>
      <c r="K12281" s="2">
        <v>0</v>
      </c>
      <c r="L12281" t="s">
        <v>82</v>
      </c>
      <c r="M12281" t="s">
        <v>83</v>
      </c>
      <c r="N12281" t="s">
        <v>91</v>
      </c>
      <c r="O12281" t="s">
        <v>85</v>
      </c>
      <c r="P12281" t="s">
        <v>86</v>
      </c>
      <c r="Q12281">
        <v>55</v>
      </c>
      <c r="R12281">
        <v>55</v>
      </c>
      <c r="S12281">
        <v>56</v>
      </c>
      <c r="T12281">
        <v>57</v>
      </c>
      <c r="U12281">
        <v>57</v>
      </c>
      <c r="V12281">
        <v>58</v>
      </c>
      <c r="W12281">
        <v>58</v>
      </c>
      <c r="X12281">
        <v>59</v>
      </c>
      <c r="Y12281">
        <v>59</v>
      </c>
      <c r="Z12281">
        <v>60</v>
      </c>
      <c r="AA12281">
        <v>60</v>
      </c>
      <c r="AB12281">
        <v>61</v>
      </c>
      <c r="AC12281">
        <v>61</v>
      </c>
      <c r="AD12281">
        <v>61</v>
      </c>
      <c r="AE12281">
        <v>62</v>
      </c>
      <c r="AF12281">
        <v>62</v>
      </c>
      <c r="AG12281">
        <v>63</v>
      </c>
      <c r="AH12281">
        <v>63</v>
      </c>
      <c r="AI12281">
        <v>63</v>
      </c>
      <c r="AJ12281">
        <v>64</v>
      </c>
      <c r="AK12281">
        <v>64</v>
      </c>
      <c r="AL12281">
        <v>64</v>
      </c>
      <c r="AM12281">
        <v>64</v>
      </c>
      <c r="AN12281">
        <v>63</v>
      </c>
      <c r="AO12281">
        <v>63</v>
      </c>
      <c r="AP12281">
        <v>63</v>
      </c>
      <c r="AQ12281">
        <v>63</v>
      </c>
    </row>
    <row r="12282" spans="1:43">
      <c r="A12282" t="s">
        <v>7634</v>
      </c>
      <c r="B12282" t="s">
        <v>7635</v>
      </c>
      <c r="C12282" t="s">
        <v>7628</v>
      </c>
      <c r="D12282" t="s">
        <v>7629</v>
      </c>
      <c r="E12282" t="s">
        <v>7278</v>
      </c>
      <c r="F12282" t="s">
        <v>7279</v>
      </c>
      <c r="G12282" t="s">
        <v>80</v>
      </c>
      <c r="H12282" t="s">
        <v>81</v>
      </c>
      <c r="I12282" s="2">
        <v>0</v>
      </c>
      <c r="J12282" s="2">
        <v>1</v>
      </c>
      <c r="K12282" s="2">
        <v>0</v>
      </c>
      <c r="L12282" t="s">
        <v>82</v>
      </c>
      <c r="M12282" t="s">
        <v>83</v>
      </c>
      <c r="N12282" t="s">
        <v>84</v>
      </c>
      <c r="O12282" t="s">
        <v>85</v>
      </c>
      <c r="P12282" t="s">
        <v>86</v>
      </c>
      <c r="Q12282">
        <v>17</v>
      </c>
      <c r="R12282">
        <v>17</v>
      </c>
      <c r="S12282">
        <v>17</v>
      </c>
      <c r="T12282">
        <v>17</v>
      </c>
      <c r="U12282">
        <v>18</v>
      </c>
      <c r="V12282">
        <v>18</v>
      </c>
      <c r="W12282">
        <v>18</v>
      </c>
      <c r="X12282">
        <v>18</v>
      </c>
      <c r="Y12282">
        <v>18</v>
      </c>
      <c r="Z12282">
        <v>18</v>
      </c>
      <c r="AA12282">
        <v>18</v>
      </c>
      <c r="AB12282">
        <v>19</v>
      </c>
      <c r="AC12282">
        <v>19</v>
      </c>
      <c r="AD12282">
        <v>19</v>
      </c>
      <c r="AE12282">
        <v>19</v>
      </c>
      <c r="AF12282">
        <v>19</v>
      </c>
      <c r="AG12282">
        <v>19</v>
      </c>
      <c r="AH12282">
        <v>19</v>
      </c>
      <c r="AI12282">
        <v>19</v>
      </c>
      <c r="AJ12282">
        <v>19</v>
      </c>
      <c r="AK12282">
        <v>20</v>
      </c>
      <c r="AL12282">
        <v>20</v>
      </c>
      <c r="AM12282">
        <v>19</v>
      </c>
      <c r="AN12282">
        <v>19</v>
      </c>
      <c r="AO12282">
        <v>19</v>
      </c>
      <c r="AP12282">
        <v>19</v>
      </c>
      <c r="AQ12282">
        <v>19</v>
      </c>
    </row>
    <row r="12283" spans="1:43">
      <c r="A12283" t="s">
        <v>7634</v>
      </c>
      <c r="B12283" t="s">
        <v>7635</v>
      </c>
      <c r="C12283" t="s">
        <v>7628</v>
      </c>
      <c r="D12283" t="s">
        <v>7629</v>
      </c>
      <c r="E12283" t="s">
        <v>7278</v>
      </c>
      <c r="F12283" t="s">
        <v>7279</v>
      </c>
      <c r="G12283" t="s">
        <v>80</v>
      </c>
      <c r="H12283" t="s">
        <v>81</v>
      </c>
      <c r="I12283" s="2">
        <v>0</v>
      </c>
      <c r="J12283" s="2">
        <v>1</v>
      </c>
      <c r="K12283" s="2">
        <v>0</v>
      </c>
      <c r="L12283" t="s">
        <v>82</v>
      </c>
      <c r="M12283" t="s">
        <v>87</v>
      </c>
      <c r="N12283" t="s">
        <v>88</v>
      </c>
      <c r="O12283" t="s">
        <v>85</v>
      </c>
      <c r="P12283" t="s">
        <v>86</v>
      </c>
      <c r="Q12283">
        <v>17</v>
      </c>
      <c r="R12283">
        <v>17</v>
      </c>
      <c r="S12283">
        <v>17</v>
      </c>
      <c r="T12283">
        <v>17</v>
      </c>
      <c r="U12283">
        <v>17</v>
      </c>
      <c r="V12283">
        <v>17</v>
      </c>
      <c r="W12283">
        <v>17</v>
      </c>
      <c r="X12283">
        <v>17</v>
      </c>
      <c r="Y12283">
        <v>17</v>
      </c>
      <c r="Z12283">
        <v>17</v>
      </c>
      <c r="AA12283">
        <v>17</v>
      </c>
      <c r="AB12283">
        <v>17</v>
      </c>
      <c r="AC12283">
        <v>17</v>
      </c>
      <c r="AD12283">
        <v>17</v>
      </c>
      <c r="AE12283">
        <v>17</v>
      </c>
      <c r="AF12283">
        <v>17</v>
      </c>
      <c r="AG12283">
        <v>17</v>
      </c>
      <c r="AH12283">
        <v>17</v>
      </c>
      <c r="AI12283">
        <v>17</v>
      </c>
      <c r="AJ12283">
        <v>17</v>
      </c>
      <c r="AK12283">
        <v>17</v>
      </c>
      <c r="AL12283">
        <v>17</v>
      </c>
      <c r="AM12283">
        <v>17</v>
      </c>
      <c r="AN12283">
        <v>17</v>
      </c>
      <c r="AO12283">
        <v>17</v>
      </c>
      <c r="AP12283">
        <v>17</v>
      </c>
      <c r="AQ12283">
        <v>17</v>
      </c>
    </row>
    <row r="12284" spans="1:43">
      <c r="A12284" t="s">
        <v>7634</v>
      </c>
      <c r="B12284" t="s">
        <v>7635</v>
      </c>
      <c r="C12284" t="s">
        <v>7628</v>
      </c>
      <c r="D12284" t="s">
        <v>7629</v>
      </c>
      <c r="E12284" t="s">
        <v>7278</v>
      </c>
      <c r="F12284" t="s">
        <v>7279</v>
      </c>
      <c r="G12284" t="s">
        <v>80</v>
      </c>
      <c r="H12284" t="s">
        <v>81</v>
      </c>
      <c r="I12284" s="2">
        <v>0</v>
      </c>
      <c r="J12284" s="2">
        <v>1</v>
      </c>
      <c r="K12284" s="2">
        <v>0</v>
      </c>
      <c r="L12284" t="s">
        <v>82</v>
      </c>
      <c r="M12284" t="s">
        <v>89</v>
      </c>
      <c r="N12284" t="s">
        <v>90</v>
      </c>
      <c r="O12284" t="s">
        <v>85</v>
      </c>
      <c r="P12284" t="s">
        <v>86</v>
      </c>
      <c r="Q12284">
        <v>17</v>
      </c>
      <c r="R12284">
        <v>17</v>
      </c>
      <c r="S12284">
        <v>18</v>
      </c>
      <c r="T12284">
        <v>18</v>
      </c>
      <c r="U12284">
        <v>18</v>
      </c>
      <c r="V12284">
        <v>18</v>
      </c>
      <c r="W12284">
        <v>19</v>
      </c>
      <c r="X12284">
        <v>19</v>
      </c>
      <c r="Y12284">
        <v>19</v>
      </c>
      <c r="Z12284">
        <v>19</v>
      </c>
      <c r="AA12284">
        <v>20</v>
      </c>
      <c r="AB12284">
        <v>20</v>
      </c>
      <c r="AC12284">
        <v>20</v>
      </c>
      <c r="AD12284">
        <v>20</v>
      </c>
      <c r="AE12284">
        <v>20</v>
      </c>
      <c r="AF12284">
        <v>20</v>
      </c>
      <c r="AG12284">
        <v>20</v>
      </c>
      <c r="AH12284">
        <v>20</v>
      </c>
      <c r="AI12284">
        <v>20</v>
      </c>
      <c r="AJ12284">
        <v>20</v>
      </c>
      <c r="AK12284">
        <v>20</v>
      </c>
      <c r="AL12284">
        <v>20</v>
      </c>
      <c r="AM12284">
        <v>20</v>
      </c>
      <c r="AN12284">
        <v>20</v>
      </c>
      <c r="AO12284">
        <v>20</v>
      </c>
      <c r="AP12284">
        <v>19</v>
      </c>
      <c r="AQ12284">
        <v>19</v>
      </c>
    </row>
    <row r="12285" spans="1:43">
      <c r="A12285" t="s">
        <v>7634</v>
      </c>
      <c r="B12285" t="s">
        <v>7635</v>
      </c>
      <c r="C12285" t="s">
        <v>7628</v>
      </c>
      <c r="D12285" t="s">
        <v>7629</v>
      </c>
      <c r="E12285" t="s">
        <v>7278</v>
      </c>
      <c r="F12285" t="s">
        <v>7279</v>
      </c>
      <c r="G12285" t="s">
        <v>80</v>
      </c>
      <c r="H12285" t="s">
        <v>81</v>
      </c>
      <c r="I12285" s="2">
        <v>0</v>
      </c>
      <c r="J12285" s="2">
        <v>1</v>
      </c>
      <c r="K12285" s="2">
        <v>0</v>
      </c>
      <c r="L12285" t="s">
        <v>82</v>
      </c>
      <c r="M12285" t="s">
        <v>83</v>
      </c>
      <c r="N12285" t="s">
        <v>91</v>
      </c>
      <c r="O12285" t="s">
        <v>85</v>
      </c>
      <c r="P12285" t="s">
        <v>86</v>
      </c>
      <c r="Q12285">
        <v>17</v>
      </c>
      <c r="R12285">
        <v>17</v>
      </c>
      <c r="S12285">
        <v>17</v>
      </c>
      <c r="T12285">
        <v>17</v>
      </c>
      <c r="U12285">
        <v>18</v>
      </c>
      <c r="V12285">
        <v>18</v>
      </c>
      <c r="W12285">
        <v>18</v>
      </c>
      <c r="X12285">
        <v>18</v>
      </c>
      <c r="Y12285">
        <v>18</v>
      </c>
      <c r="Z12285">
        <v>18</v>
      </c>
      <c r="AA12285">
        <v>18</v>
      </c>
      <c r="AB12285">
        <v>19</v>
      </c>
      <c r="AC12285">
        <v>19</v>
      </c>
      <c r="AD12285">
        <v>19</v>
      </c>
      <c r="AE12285">
        <v>19</v>
      </c>
      <c r="AF12285">
        <v>19</v>
      </c>
      <c r="AG12285">
        <v>19</v>
      </c>
      <c r="AH12285">
        <v>19</v>
      </c>
      <c r="AI12285">
        <v>19</v>
      </c>
      <c r="AJ12285">
        <v>19</v>
      </c>
      <c r="AK12285">
        <v>20</v>
      </c>
      <c r="AL12285">
        <v>20</v>
      </c>
      <c r="AM12285">
        <v>19</v>
      </c>
      <c r="AN12285">
        <v>19</v>
      </c>
      <c r="AO12285">
        <v>19</v>
      </c>
      <c r="AP12285">
        <v>19</v>
      </c>
      <c r="AQ12285">
        <v>19</v>
      </c>
    </row>
    <row r="12286" spans="1:43">
      <c r="A12286" t="s">
        <v>7636</v>
      </c>
      <c r="B12286" t="s">
        <v>7637</v>
      </c>
      <c r="C12286" t="s">
        <v>7458</v>
      </c>
      <c r="D12286" t="s">
        <v>7459</v>
      </c>
      <c r="E12286" t="s">
        <v>7278</v>
      </c>
      <c r="F12286" t="s">
        <v>7279</v>
      </c>
      <c r="G12286" t="s">
        <v>80</v>
      </c>
      <c r="H12286" t="s">
        <v>81</v>
      </c>
      <c r="I12286" s="2">
        <v>0</v>
      </c>
      <c r="J12286" s="2">
        <v>1</v>
      </c>
      <c r="K12286" s="2">
        <v>0</v>
      </c>
      <c r="L12286" t="s">
        <v>82</v>
      </c>
      <c r="M12286" t="s">
        <v>83</v>
      </c>
      <c r="N12286" t="s">
        <v>84</v>
      </c>
      <c r="O12286" t="s">
        <v>85</v>
      </c>
      <c r="P12286" t="s">
        <v>86</v>
      </c>
      <c r="Q12286">
        <v>37</v>
      </c>
      <c r="R12286">
        <v>38</v>
      </c>
      <c r="S12286">
        <v>38</v>
      </c>
      <c r="T12286">
        <v>38</v>
      </c>
      <c r="U12286">
        <v>39</v>
      </c>
      <c r="V12286">
        <v>39</v>
      </c>
      <c r="W12286">
        <v>39</v>
      </c>
      <c r="X12286">
        <v>40</v>
      </c>
      <c r="Y12286">
        <v>40</v>
      </c>
      <c r="Z12286">
        <v>41</v>
      </c>
      <c r="AA12286">
        <v>41</v>
      </c>
      <c r="AB12286">
        <v>41</v>
      </c>
      <c r="AC12286">
        <v>41</v>
      </c>
      <c r="AD12286">
        <v>42</v>
      </c>
      <c r="AE12286">
        <v>42</v>
      </c>
      <c r="AF12286">
        <v>42</v>
      </c>
      <c r="AG12286">
        <v>42</v>
      </c>
      <c r="AH12286">
        <v>43</v>
      </c>
      <c r="AI12286">
        <v>43</v>
      </c>
      <c r="AJ12286">
        <v>43</v>
      </c>
      <c r="AK12286">
        <v>43</v>
      </c>
      <c r="AL12286">
        <v>43</v>
      </c>
      <c r="AM12286">
        <v>43</v>
      </c>
      <c r="AN12286">
        <v>43</v>
      </c>
      <c r="AO12286">
        <v>43</v>
      </c>
      <c r="AP12286">
        <v>43</v>
      </c>
      <c r="AQ12286">
        <v>43</v>
      </c>
    </row>
    <row r="12287" spans="1:43">
      <c r="A12287" t="s">
        <v>7636</v>
      </c>
      <c r="B12287" t="s">
        <v>7637</v>
      </c>
      <c r="C12287" t="s">
        <v>7458</v>
      </c>
      <c r="D12287" t="s">
        <v>7459</v>
      </c>
      <c r="E12287" t="s">
        <v>7278</v>
      </c>
      <c r="F12287" t="s">
        <v>7279</v>
      </c>
      <c r="G12287" t="s">
        <v>80</v>
      </c>
      <c r="H12287" t="s">
        <v>81</v>
      </c>
      <c r="I12287" s="2">
        <v>0</v>
      </c>
      <c r="J12287" s="2">
        <v>1</v>
      </c>
      <c r="K12287" s="2">
        <v>0</v>
      </c>
      <c r="L12287" t="s">
        <v>82</v>
      </c>
      <c r="M12287" t="s">
        <v>87</v>
      </c>
      <c r="N12287" t="s">
        <v>88</v>
      </c>
      <c r="O12287" t="s">
        <v>85</v>
      </c>
      <c r="P12287" t="s">
        <v>86</v>
      </c>
      <c r="Q12287">
        <v>37</v>
      </c>
      <c r="R12287">
        <v>37</v>
      </c>
      <c r="S12287">
        <v>37</v>
      </c>
      <c r="T12287">
        <v>37</v>
      </c>
      <c r="U12287">
        <v>37</v>
      </c>
      <c r="V12287">
        <v>37</v>
      </c>
      <c r="W12287">
        <v>37</v>
      </c>
      <c r="X12287">
        <v>37</v>
      </c>
      <c r="Y12287">
        <v>37</v>
      </c>
      <c r="Z12287">
        <v>37</v>
      </c>
      <c r="AA12287">
        <v>37</v>
      </c>
      <c r="AB12287">
        <v>37</v>
      </c>
      <c r="AC12287">
        <v>37</v>
      </c>
      <c r="AD12287">
        <v>37</v>
      </c>
      <c r="AE12287">
        <v>37</v>
      </c>
      <c r="AF12287">
        <v>37</v>
      </c>
      <c r="AG12287">
        <v>37</v>
      </c>
      <c r="AH12287">
        <v>37</v>
      </c>
      <c r="AI12287">
        <v>37</v>
      </c>
      <c r="AJ12287">
        <v>37</v>
      </c>
      <c r="AK12287">
        <v>37</v>
      </c>
      <c r="AL12287">
        <v>37</v>
      </c>
      <c r="AM12287">
        <v>37</v>
      </c>
      <c r="AN12287">
        <v>37</v>
      </c>
      <c r="AO12287">
        <v>37</v>
      </c>
      <c r="AP12287">
        <v>37</v>
      </c>
      <c r="AQ12287">
        <v>37</v>
      </c>
    </row>
    <row r="12288" spans="1:43">
      <c r="A12288" t="s">
        <v>7636</v>
      </c>
      <c r="B12288" t="s">
        <v>7637</v>
      </c>
      <c r="C12288" t="s">
        <v>7458</v>
      </c>
      <c r="D12288" t="s">
        <v>7459</v>
      </c>
      <c r="E12288" t="s">
        <v>7278</v>
      </c>
      <c r="F12288" t="s">
        <v>7279</v>
      </c>
      <c r="G12288" t="s">
        <v>80</v>
      </c>
      <c r="H12288" t="s">
        <v>81</v>
      </c>
      <c r="I12288" s="2">
        <v>0</v>
      </c>
      <c r="J12288" s="2">
        <v>1</v>
      </c>
      <c r="K12288" s="2">
        <v>0</v>
      </c>
      <c r="L12288" t="s">
        <v>82</v>
      </c>
      <c r="M12288" t="s">
        <v>89</v>
      </c>
      <c r="N12288" t="s">
        <v>90</v>
      </c>
      <c r="O12288" t="s">
        <v>85</v>
      </c>
      <c r="P12288" t="s">
        <v>86</v>
      </c>
      <c r="Q12288">
        <v>37</v>
      </c>
      <c r="R12288">
        <v>37</v>
      </c>
      <c r="S12288">
        <v>38</v>
      </c>
      <c r="T12288">
        <v>39</v>
      </c>
      <c r="U12288">
        <v>39</v>
      </c>
      <c r="V12288">
        <v>40</v>
      </c>
      <c r="W12288">
        <v>41</v>
      </c>
      <c r="X12288">
        <v>41</v>
      </c>
      <c r="Y12288">
        <v>42</v>
      </c>
      <c r="Z12288">
        <v>42</v>
      </c>
      <c r="AA12288">
        <v>42</v>
      </c>
      <c r="AB12288">
        <v>43</v>
      </c>
      <c r="AC12288">
        <v>43</v>
      </c>
      <c r="AD12288">
        <v>44</v>
      </c>
      <c r="AE12288">
        <v>44</v>
      </c>
      <c r="AF12288">
        <v>44</v>
      </c>
      <c r="AG12288">
        <v>44</v>
      </c>
      <c r="AH12288">
        <v>43</v>
      </c>
      <c r="AI12288">
        <v>43</v>
      </c>
      <c r="AJ12288">
        <v>43</v>
      </c>
      <c r="AK12288">
        <v>43</v>
      </c>
      <c r="AL12288">
        <v>43</v>
      </c>
      <c r="AM12288">
        <v>43</v>
      </c>
      <c r="AN12288">
        <v>42</v>
      </c>
      <c r="AO12288">
        <v>42</v>
      </c>
      <c r="AP12288">
        <v>42</v>
      </c>
      <c r="AQ12288">
        <v>42</v>
      </c>
    </row>
    <row r="12289" spans="1:43">
      <c r="A12289" t="s">
        <v>7636</v>
      </c>
      <c r="B12289" t="s">
        <v>7637</v>
      </c>
      <c r="C12289" t="s">
        <v>7458</v>
      </c>
      <c r="D12289" t="s">
        <v>7459</v>
      </c>
      <c r="E12289" t="s">
        <v>7278</v>
      </c>
      <c r="F12289" t="s">
        <v>7279</v>
      </c>
      <c r="G12289" t="s">
        <v>80</v>
      </c>
      <c r="H12289" t="s">
        <v>81</v>
      </c>
      <c r="I12289" s="2">
        <v>0</v>
      </c>
      <c r="J12289" s="2">
        <v>1</v>
      </c>
      <c r="K12289" s="2">
        <v>0</v>
      </c>
      <c r="L12289" t="s">
        <v>82</v>
      </c>
      <c r="M12289" t="s">
        <v>83</v>
      </c>
      <c r="N12289" t="s">
        <v>91</v>
      </c>
      <c r="O12289" t="s">
        <v>85</v>
      </c>
      <c r="P12289" t="s">
        <v>86</v>
      </c>
      <c r="Q12289">
        <v>37</v>
      </c>
      <c r="R12289">
        <v>38</v>
      </c>
      <c r="S12289">
        <v>38</v>
      </c>
      <c r="T12289">
        <v>38</v>
      </c>
      <c r="U12289">
        <v>39</v>
      </c>
      <c r="V12289">
        <v>39</v>
      </c>
      <c r="W12289">
        <v>39</v>
      </c>
      <c r="X12289">
        <v>40</v>
      </c>
      <c r="Y12289">
        <v>40</v>
      </c>
      <c r="Z12289">
        <v>41</v>
      </c>
      <c r="AA12289">
        <v>41</v>
      </c>
      <c r="AB12289">
        <v>41</v>
      </c>
      <c r="AC12289">
        <v>41</v>
      </c>
      <c r="AD12289">
        <v>42</v>
      </c>
      <c r="AE12289">
        <v>42</v>
      </c>
      <c r="AF12289">
        <v>42</v>
      </c>
      <c r="AG12289">
        <v>42</v>
      </c>
      <c r="AH12289">
        <v>43</v>
      </c>
      <c r="AI12289">
        <v>43</v>
      </c>
      <c r="AJ12289">
        <v>43</v>
      </c>
      <c r="AK12289">
        <v>43</v>
      </c>
      <c r="AL12289">
        <v>43</v>
      </c>
      <c r="AM12289">
        <v>43</v>
      </c>
      <c r="AN12289">
        <v>43</v>
      </c>
      <c r="AO12289">
        <v>43</v>
      </c>
      <c r="AP12289">
        <v>43</v>
      </c>
      <c r="AQ12289">
        <v>43</v>
      </c>
    </row>
    <row r="12290" spans="1:43">
      <c r="A12290" t="s">
        <v>7638</v>
      </c>
      <c r="B12290" t="s">
        <v>7639</v>
      </c>
      <c r="C12290" t="s">
        <v>7628</v>
      </c>
      <c r="D12290" t="s">
        <v>7629</v>
      </c>
      <c r="E12290" t="s">
        <v>7278</v>
      </c>
      <c r="F12290" t="s">
        <v>7279</v>
      </c>
      <c r="G12290" t="s">
        <v>80</v>
      </c>
      <c r="H12290" t="s">
        <v>81</v>
      </c>
      <c r="I12290" s="2">
        <v>0</v>
      </c>
      <c r="J12290" s="2">
        <v>1</v>
      </c>
      <c r="K12290" s="2">
        <v>0</v>
      </c>
      <c r="L12290" t="s">
        <v>82</v>
      </c>
      <c r="M12290" t="s">
        <v>83</v>
      </c>
      <c r="N12290" t="s">
        <v>84</v>
      </c>
      <c r="O12290" t="s">
        <v>85</v>
      </c>
      <c r="P12290" t="s">
        <v>86</v>
      </c>
      <c r="Q12290">
        <v>31</v>
      </c>
      <c r="R12290">
        <v>32</v>
      </c>
      <c r="S12290">
        <v>32</v>
      </c>
      <c r="T12290">
        <v>32</v>
      </c>
      <c r="U12290">
        <v>33</v>
      </c>
      <c r="V12290">
        <v>33</v>
      </c>
      <c r="W12290">
        <v>33</v>
      </c>
      <c r="X12290">
        <v>34</v>
      </c>
      <c r="Y12290">
        <v>34</v>
      </c>
      <c r="Z12290">
        <v>34</v>
      </c>
      <c r="AA12290">
        <v>35</v>
      </c>
      <c r="AB12290">
        <v>35</v>
      </c>
      <c r="AC12290">
        <v>35</v>
      </c>
      <c r="AD12290">
        <v>35</v>
      </c>
      <c r="AE12290">
        <v>35</v>
      </c>
      <c r="AF12290">
        <v>36</v>
      </c>
      <c r="AG12290">
        <v>36</v>
      </c>
      <c r="AH12290">
        <v>36</v>
      </c>
      <c r="AI12290">
        <v>36</v>
      </c>
      <c r="AJ12290">
        <v>36</v>
      </c>
      <c r="AK12290">
        <v>37</v>
      </c>
      <c r="AL12290">
        <v>37</v>
      </c>
      <c r="AM12290">
        <v>37</v>
      </c>
      <c r="AN12290">
        <v>36</v>
      </c>
      <c r="AO12290">
        <v>36</v>
      </c>
      <c r="AP12290">
        <v>36</v>
      </c>
      <c r="AQ12290">
        <v>36</v>
      </c>
    </row>
    <row r="12291" spans="1:43">
      <c r="A12291" t="s">
        <v>7638</v>
      </c>
      <c r="B12291" t="s">
        <v>7639</v>
      </c>
      <c r="C12291" t="s">
        <v>7628</v>
      </c>
      <c r="D12291" t="s">
        <v>7629</v>
      </c>
      <c r="E12291" t="s">
        <v>7278</v>
      </c>
      <c r="F12291" t="s">
        <v>7279</v>
      </c>
      <c r="G12291" t="s">
        <v>80</v>
      </c>
      <c r="H12291" t="s">
        <v>81</v>
      </c>
      <c r="I12291" s="2">
        <v>0</v>
      </c>
      <c r="J12291" s="2">
        <v>1</v>
      </c>
      <c r="K12291" s="2">
        <v>0</v>
      </c>
      <c r="L12291" t="s">
        <v>82</v>
      </c>
      <c r="M12291" t="s">
        <v>87</v>
      </c>
      <c r="N12291" t="s">
        <v>88</v>
      </c>
      <c r="O12291" t="s">
        <v>85</v>
      </c>
      <c r="P12291" t="s">
        <v>86</v>
      </c>
      <c r="Q12291">
        <v>31</v>
      </c>
      <c r="R12291">
        <v>31</v>
      </c>
      <c r="S12291">
        <v>31</v>
      </c>
      <c r="T12291">
        <v>31</v>
      </c>
      <c r="U12291">
        <v>31</v>
      </c>
      <c r="V12291">
        <v>31</v>
      </c>
      <c r="W12291">
        <v>31</v>
      </c>
      <c r="X12291">
        <v>31</v>
      </c>
      <c r="Y12291">
        <v>31</v>
      </c>
      <c r="Z12291">
        <v>31</v>
      </c>
      <c r="AA12291">
        <v>31</v>
      </c>
      <c r="AB12291">
        <v>31</v>
      </c>
      <c r="AC12291">
        <v>31</v>
      </c>
      <c r="AD12291">
        <v>31</v>
      </c>
      <c r="AE12291">
        <v>31</v>
      </c>
      <c r="AF12291">
        <v>31</v>
      </c>
      <c r="AG12291">
        <v>31</v>
      </c>
      <c r="AH12291">
        <v>31</v>
      </c>
      <c r="AI12291">
        <v>31</v>
      </c>
      <c r="AJ12291">
        <v>31</v>
      </c>
      <c r="AK12291">
        <v>31</v>
      </c>
      <c r="AL12291">
        <v>31</v>
      </c>
      <c r="AM12291">
        <v>31</v>
      </c>
      <c r="AN12291">
        <v>31</v>
      </c>
      <c r="AO12291">
        <v>31</v>
      </c>
      <c r="AP12291">
        <v>31</v>
      </c>
      <c r="AQ12291">
        <v>31</v>
      </c>
    </row>
    <row r="12292" spans="1:43">
      <c r="A12292" t="s">
        <v>7638</v>
      </c>
      <c r="B12292" t="s">
        <v>7639</v>
      </c>
      <c r="C12292" t="s">
        <v>7628</v>
      </c>
      <c r="D12292" t="s">
        <v>7629</v>
      </c>
      <c r="E12292" t="s">
        <v>7278</v>
      </c>
      <c r="F12292" t="s">
        <v>7279</v>
      </c>
      <c r="G12292" t="s">
        <v>80</v>
      </c>
      <c r="H12292" t="s">
        <v>81</v>
      </c>
      <c r="I12292" s="2">
        <v>0</v>
      </c>
      <c r="J12292" s="2">
        <v>1</v>
      </c>
      <c r="K12292" s="2">
        <v>0</v>
      </c>
      <c r="L12292" t="s">
        <v>82</v>
      </c>
      <c r="M12292" t="s">
        <v>89</v>
      </c>
      <c r="N12292" t="s">
        <v>90</v>
      </c>
      <c r="O12292" t="s">
        <v>85</v>
      </c>
      <c r="P12292" t="s">
        <v>86</v>
      </c>
      <c r="Q12292">
        <v>31</v>
      </c>
      <c r="R12292">
        <v>31</v>
      </c>
      <c r="S12292">
        <v>32</v>
      </c>
      <c r="T12292">
        <v>33</v>
      </c>
      <c r="U12292">
        <v>33</v>
      </c>
      <c r="V12292">
        <v>34</v>
      </c>
      <c r="W12292">
        <v>34</v>
      </c>
      <c r="X12292">
        <v>35</v>
      </c>
      <c r="Y12292">
        <v>35</v>
      </c>
      <c r="Z12292">
        <v>35</v>
      </c>
      <c r="AA12292">
        <v>36</v>
      </c>
      <c r="AB12292">
        <v>36</v>
      </c>
      <c r="AC12292">
        <v>36</v>
      </c>
      <c r="AD12292">
        <v>37</v>
      </c>
      <c r="AE12292">
        <v>37</v>
      </c>
      <c r="AF12292">
        <v>37</v>
      </c>
      <c r="AG12292">
        <v>37</v>
      </c>
      <c r="AH12292">
        <v>37</v>
      </c>
      <c r="AI12292">
        <v>36</v>
      </c>
      <c r="AJ12292">
        <v>36</v>
      </c>
      <c r="AK12292">
        <v>36</v>
      </c>
      <c r="AL12292">
        <v>36</v>
      </c>
      <c r="AM12292">
        <v>36</v>
      </c>
      <c r="AN12292">
        <v>36</v>
      </c>
      <c r="AO12292">
        <v>36</v>
      </c>
      <c r="AP12292">
        <v>36</v>
      </c>
      <c r="AQ12292">
        <v>35</v>
      </c>
    </row>
    <row r="12293" spans="1:43">
      <c r="A12293" t="s">
        <v>7638</v>
      </c>
      <c r="B12293" t="s">
        <v>7639</v>
      </c>
      <c r="C12293" t="s">
        <v>7628</v>
      </c>
      <c r="D12293" t="s">
        <v>7629</v>
      </c>
      <c r="E12293" t="s">
        <v>7278</v>
      </c>
      <c r="F12293" t="s">
        <v>7279</v>
      </c>
      <c r="G12293" t="s">
        <v>80</v>
      </c>
      <c r="H12293" t="s">
        <v>81</v>
      </c>
      <c r="I12293" s="2">
        <v>0</v>
      </c>
      <c r="J12293" s="2">
        <v>1</v>
      </c>
      <c r="K12293" s="2">
        <v>0</v>
      </c>
      <c r="L12293" t="s">
        <v>82</v>
      </c>
      <c r="M12293" t="s">
        <v>83</v>
      </c>
      <c r="N12293" t="s">
        <v>91</v>
      </c>
      <c r="O12293" t="s">
        <v>85</v>
      </c>
      <c r="P12293" t="s">
        <v>86</v>
      </c>
      <c r="Q12293">
        <v>31</v>
      </c>
      <c r="R12293">
        <v>32</v>
      </c>
      <c r="S12293">
        <v>32</v>
      </c>
      <c r="T12293">
        <v>32</v>
      </c>
      <c r="U12293">
        <v>33</v>
      </c>
      <c r="V12293">
        <v>33</v>
      </c>
      <c r="W12293">
        <v>33</v>
      </c>
      <c r="X12293">
        <v>34</v>
      </c>
      <c r="Y12293">
        <v>34</v>
      </c>
      <c r="Z12293">
        <v>34</v>
      </c>
      <c r="AA12293">
        <v>35</v>
      </c>
      <c r="AB12293">
        <v>35</v>
      </c>
      <c r="AC12293">
        <v>35</v>
      </c>
      <c r="AD12293">
        <v>35</v>
      </c>
      <c r="AE12293">
        <v>35</v>
      </c>
      <c r="AF12293">
        <v>36</v>
      </c>
      <c r="AG12293">
        <v>36</v>
      </c>
      <c r="AH12293">
        <v>36</v>
      </c>
      <c r="AI12293">
        <v>36</v>
      </c>
      <c r="AJ12293">
        <v>36</v>
      </c>
      <c r="AK12293">
        <v>37</v>
      </c>
      <c r="AL12293">
        <v>37</v>
      </c>
      <c r="AM12293">
        <v>37</v>
      </c>
      <c r="AN12293">
        <v>36</v>
      </c>
      <c r="AO12293">
        <v>36</v>
      </c>
      <c r="AP12293">
        <v>36</v>
      </c>
      <c r="AQ12293">
        <v>36</v>
      </c>
    </row>
    <row r="12294" spans="1:43">
      <c r="A12294" t="s">
        <v>7640</v>
      </c>
      <c r="B12294" t="s">
        <v>7641</v>
      </c>
      <c r="C12294" t="s">
        <v>7566</v>
      </c>
      <c r="D12294" t="s">
        <v>7567</v>
      </c>
      <c r="E12294" t="s">
        <v>7278</v>
      </c>
      <c r="F12294" t="s">
        <v>7279</v>
      </c>
      <c r="G12294" t="s">
        <v>80</v>
      </c>
      <c r="H12294" t="s">
        <v>81</v>
      </c>
      <c r="I12294" s="2">
        <v>0</v>
      </c>
      <c r="J12294" s="2">
        <v>1</v>
      </c>
      <c r="K12294" s="2">
        <v>0</v>
      </c>
      <c r="L12294" t="s">
        <v>82</v>
      </c>
      <c r="M12294" t="s">
        <v>83</v>
      </c>
      <c r="N12294" t="s">
        <v>84</v>
      </c>
      <c r="O12294" t="s">
        <v>85</v>
      </c>
      <c r="P12294" t="s">
        <v>86</v>
      </c>
      <c r="Q12294">
        <v>14</v>
      </c>
      <c r="R12294">
        <v>14</v>
      </c>
      <c r="S12294">
        <v>14</v>
      </c>
      <c r="T12294">
        <v>14</v>
      </c>
      <c r="U12294">
        <v>15</v>
      </c>
      <c r="V12294">
        <v>15</v>
      </c>
      <c r="W12294">
        <v>15</v>
      </c>
      <c r="X12294">
        <v>15</v>
      </c>
      <c r="Y12294">
        <v>15</v>
      </c>
      <c r="Z12294">
        <v>15</v>
      </c>
      <c r="AA12294">
        <v>15</v>
      </c>
      <c r="AB12294">
        <v>16</v>
      </c>
      <c r="AC12294">
        <v>16</v>
      </c>
      <c r="AD12294">
        <v>16</v>
      </c>
      <c r="AE12294">
        <v>16</v>
      </c>
      <c r="AF12294">
        <v>16</v>
      </c>
      <c r="AG12294">
        <v>16</v>
      </c>
      <c r="AH12294">
        <v>16</v>
      </c>
      <c r="AI12294">
        <v>16</v>
      </c>
      <c r="AJ12294">
        <v>16</v>
      </c>
      <c r="AK12294">
        <v>16</v>
      </c>
      <c r="AL12294">
        <v>16</v>
      </c>
      <c r="AM12294">
        <v>16</v>
      </c>
      <c r="AN12294">
        <v>16</v>
      </c>
      <c r="AO12294">
        <v>16</v>
      </c>
      <c r="AP12294">
        <v>16</v>
      </c>
      <c r="AQ12294">
        <v>16</v>
      </c>
    </row>
    <row r="12295" spans="1:43">
      <c r="A12295" t="s">
        <v>7640</v>
      </c>
      <c r="B12295" t="s">
        <v>7641</v>
      </c>
      <c r="C12295" t="s">
        <v>7566</v>
      </c>
      <c r="D12295" t="s">
        <v>7567</v>
      </c>
      <c r="E12295" t="s">
        <v>7278</v>
      </c>
      <c r="F12295" t="s">
        <v>7279</v>
      </c>
      <c r="G12295" t="s">
        <v>80</v>
      </c>
      <c r="H12295" t="s">
        <v>81</v>
      </c>
      <c r="I12295" s="2">
        <v>0</v>
      </c>
      <c r="J12295" s="2">
        <v>1</v>
      </c>
      <c r="K12295" s="2">
        <v>0</v>
      </c>
      <c r="L12295" t="s">
        <v>82</v>
      </c>
      <c r="M12295" t="s">
        <v>87</v>
      </c>
      <c r="N12295" t="s">
        <v>88</v>
      </c>
      <c r="O12295" t="s">
        <v>85</v>
      </c>
      <c r="P12295" t="s">
        <v>86</v>
      </c>
      <c r="Q12295">
        <v>14</v>
      </c>
      <c r="R12295">
        <v>14</v>
      </c>
      <c r="S12295">
        <v>14</v>
      </c>
      <c r="T12295">
        <v>14</v>
      </c>
      <c r="U12295">
        <v>14</v>
      </c>
      <c r="V12295">
        <v>14</v>
      </c>
      <c r="W12295">
        <v>14</v>
      </c>
      <c r="X12295">
        <v>14</v>
      </c>
      <c r="Y12295">
        <v>14</v>
      </c>
      <c r="Z12295">
        <v>14</v>
      </c>
      <c r="AA12295">
        <v>14</v>
      </c>
      <c r="AB12295">
        <v>14</v>
      </c>
      <c r="AC12295">
        <v>14</v>
      </c>
      <c r="AD12295">
        <v>14</v>
      </c>
      <c r="AE12295">
        <v>14</v>
      </c>
      <c r="AF12295">
        <v>14</v>
      </c>
      <c r="AG12295">
        <v>14</v>
      </c>
      <c r="AH12295">
        <v>14</v>
      </c>
      <c r="AI12295">
        <v>14</v>
      </c>
      <c r="AJ12295">
        <v>14</v>
      </c>
      <c r="AK12295">
        <v>14</v>
      </c>
      <c r="AL12295">
        <v>14</v>
      </c>
      <c r="AM12295">
        <v>14</v>
      </c>
      <c r="AN12295">
        <v>14</v>
      </c>
      <c r="AO12295">
        <v>14</v>
      </c>
      <c r="AP12295">
        <v>14</v>
      </c>
      <c r="AQ12295">
        <v>14</v>
      </c>
    </row>
    <row r="12296" spans="1:43">
      <c r="A12296" t="s">
        <v>7640</v>
      </c>
      <c r="B12296" t="s">
        <v>7641</v>
      </c>
      <c r="C12296" t="s">
        <v>7566</v>
      </c>
      <c r="D12296" t="s">
        <v>7567</v>
      </c>
      <c r="E12296" t="s">
        <v>7278</v>
      </c>
      <c r="F12296" t="s">
        <v>7279</v>
      </c>
      <c r="G12296" t="s">
        <v>80</v>
      </c>
      <c r="H12296" t="s">
        <v>81</v>
      </c>
      <c r="I12296" s="2">
        <v>0</v>
      </c>
      <c r="J12296" s="2">
        <v>1</v>
      </c>
      <c r="K12296" s="2">
        <v>0</v>
      </c>
      <c r="L12296" t="s">
        <v>82</v>
      </c>
      <c r="M12296" t="s">
        <v>89</v>
      </c>
      <c r="N12296" t="s">
        <v>90</v>
      </c>
      <c r="O12296" t="s">
        <v>85</v>
      </c>
      <c r="P12296" t="s">
        <v>86</v>
      </c>
      <c r="Q12296">
        <v>14</v>
      </c>
      <c r="R12296">
        <v>14</v>
      </c>
      <c r="S12296">
        <v>15</v>
      </c>
      <c r="T12296">
        <v>15</v>
      </c>
      <c r="U12296">
        <v>15</v>
      </c>
      <c r="V12296">
        <v>15</v>
      </c>
      <c r="W12296">
        <v>16</v>
      </c>
      <c r="X12296">
        <v>16</v>
      </c>
      <c r="Y12296">
        <v>16</v>
      </c>
      <c r="Z12296">
        <v>16</v>
      </c>
      <c r="AA12296">
        <v>16</v>
      </c>
      <c r="AB12296">
        <v>17</v>
      </c>
      <c r="AC12296">
        <v>17</v>
      </c>
      <c r="AD12296">
        <v>17</v>
      </c>
      <c r="AE12296">
        <v>17</v>
      </c>
      <c r="AF12296">
        <v>17</v>
      </c>
      <c r="AG12296">
        <v>17</v>
      </c>
      <c r="AH12296">
        <v>17</v>
      </c>
      <c r="AI12296">
        <v>17</v>
      </c>
      <c r="AJ12296">
        <v>17</v>
      </c>
      <c r="AK12296">
        <v>17</v>
      </c>
      <c r="AL12296">
        <v>17</v>
      </c>
      <c r="AM12296">
        <v>16</v>
      </c>
      <c r="AN12296">
        <v>16</v>
      </c>
      <c r="AO12296">
        <v>16</v>
      </c>
      <c r="AP12296">
        <v>16</v>
      </c>
      <c r="AQ12296">
        <v>16</v>
      </c>
    </row>
    <row r="12297" spans="1:43">
      <c r="A12297" t="s">
        <v>7640</v>
      </c>
      <c r="B12297" t="s">
        <v>7641</v>
      </c>
      <c r="C12297" t="s">
        <v>7566</v>
      </c>
      <c r="D12297" t="s">
        <v>7567</v>
      </c>
      <c r="E12297" t="s">
        <v>7278</v>
      </c>
      <c r="F12297" t="s">
        <v>7279</v>
      </c>
      <c r="G12297" t="s">
        <v>80</v>
      </c>
      <c r="H12297" t="s">
        <v>81</v>
      </c>
      <c r="I12297" s="2">
        <v>0</v>
      </c>
      <c r="J12297" s="2">
        <v>1</v>
      </c>
      <c r="K12297" s="2">
        <v>0</v>
      </c>
      <c r="L12297" t="s">
        <v>82</v>
      </c>
      <c r="M12297" t="s">
        <v>83</v>
      </c>
      <c r="N12297" t="s">
        <v>91</v>
      </c>
      <c r="O12297" t="s">
        <v>85</v>
      </c>
      <c r="P12297" t="s">
        <v>86</v>
      </c>
      <c r="Q12297">
        <v>14</v>
      </c>
      <c r="R12297">
        <v>14</v>
      </c>
      <c r="S12297">
        <v>14</v>
      </c>
      <c r="T12297">
        <v>14</v>
      </c>
      <c r="U12297">
        <v>15</v>
      </c>
      <c r="V12297">
        <v>15</v>
      </c>
      <c r="W12297">
        <v>15</v>
      </c>
      <c r="X12297">
        <v>15</v>
      </c>
      <c r="Y12297">
        <v>15</v>
      </c>
      <c r="Z12297">
        <v>15</v>
      </c>
      <c r="AA12297">
        <v>15</v>
      </c>
      <c r="AB12297">
        <v>16</v>
      </c>
      <c r="AC12297">
        <v>16</v>
      </c>
      <c r="AD12297">
        <v>16</v>
      </c>
      <c r="AE12297">
        <v>16</v>
      </c>
      <c r="AF12297">
        <v>16</v>
      </c>
      <c r="AG12297">
        <v>16</v>
      </c>
      <c r="AH12297">
        <v>16</v>
      </c>
      <c r="AI12297">
        <v>16</v>
      </c>
      <c r="AJ12297">
        <v>16</v>
      </c>
      <c r="AK12297">
        <v>16</v>
      </c>
      <c r="AL12297">
        <v>16</v>
      </c>
      <c r="AM12297">
        <v>16</v>
      </c>
      <c r="AN12297">
        <v>16</v>
      </c>
      <c r="AO12297">
        <v>16</v>
      </c>
      <c r="AP12297">
        <v>16</v>
      </c>
      <c r="AQ12297">
        <v>16</v>
      </c>
    </row>
    <row r="12298" spans="1:43">
      <c r="A12298" t="s">
        <v>7642</v>
      </c>
      <c r="B12298" t="s">
        <v>7643</v>
      </c>
      <c r="C12298" t="s">
        <v>7644</v>
      </c>
      <c r="D12298" t="s">
        <v>7645</v>
      </c>
      <c r="E12298" t="s">
        <v>7646</v>
      </c>
      <c r="F12298" t="s">
        <v>7647</v>
      </c>
      <c r="G12298" t="s">
        <v>80</v>
      </c>
      <c r="H12298" t="s">
        <v>81</v>
      </c>
      <c r="I12298" s="2">
        <v>0</v>
      </c>
      <c r="J12298" s="2">
        <v>1</v>
      </c>
      <c r="K12298" s="2">
        <v>0</v>
      </c>
      <c r="L12298" t="s">
        <v>82</v>
      </c>
      <c r="M12298" t="s">
        <v>83</v>
      </c>
      <c r="N12298" t="s">
        <v>84</v>
      </c>
      <c r="O12298" t="s">
        <v>85</v>
      </c>
      <c r="P12298" t="s">
        <v>86</v>
      </c>
      <c r="Q12298">
        <v>26</v>
      </c>
      <c r="R12298">
        <v>27</v>
      </c>
      <c r="S12298">
        <v>27</v>
      </c>
      <c r="T12298">
        <v>28</v>
      </c>
      <c r="U12298">
        <v>28</v>
      </c>
      <c r="V12298">
        <v>29</v>
      </c>
      <c r="W12298">
        <v>29</v>
      </c>
      <c r="X12298">
        <v>30</v>
      </c>
      <c r="Y12298">
        <v>30</v>
      </c>
      <c r="Z12298">
        <v>31</v>
      </c>
      <c r="AA12298">
        <v>31</v>
      </c>
      <c r="AB12298">
        <v>32</v>
      </c>
      <c r="AC12298">
        <v>32</v>
      </c>
      <c r="AD12298">
        <v>33</v>
      </c>
      <c r="AE12298">
        <v>33</v>
      </c>
      <c r="AF12298">
        <v>34</v>
      </c>
      <c r="AG12298">
        <v>34</v>
      </c>
      <c r="AH12298">
        <v>35</v>
      </c>
      <c r="AI12298">
        <v>35</v>
      </c>
      <c r="AJ12298">
        <v>36</v>
      </c>
      <c r="AK12298">
        <v>36</v>
      </c>
      <c r="AL12298">
        <v>37</v>
      </c>
      <c r="AM12298">
        <v>37</v>
      </c>
      <c r="AN12298">
        <v>37</v>
      </c>
      <c r="AO12298">
        <v>37</v>
      </c>
      <c r="AP12298">
        <v>37</v>
      </c>
      <c r="AQ12298">
        <v>37</v>
      </c>
    </row>
    <row r="12299" spans="1:43">
      <c r="A12299" t="s">
        <v>7642</v>
      </c>
      <c r="B12299" t="s">
        <v>7643</v>
      </c>
      <c r="C12299" t="s">
        <v>7644</v>
      </c>
      <c r="D12299" t="s">
        <v>7645</v>
      </c>
      <c r="E12299" t="s">
        <v>7646</v>
      </c>
      <c r="F12299" t="s">
        <v>7647</v>
      </c>
      <c r="G12299" t="s">
        <v>80</v>
      </c>
      <c r="H12299" t="s">
        <v>81</v>
      </c>
      <c r="I12299" s="2">
        <v>0</v>
      </c>
      <c r="J12299" s="2">
        <v>1</v>
      </c>
      <c r="K12299" s="2">
        <v>0</v>
      </c>
      <c r="L12299" t="s">
        <v>82</v>
      </c>
      <c r="M12299" t="s">
        <v>87</v>
      </c>
      <c r="N12299" t="s">
        <v>88</v>
      </c>
      <c r="O12299" t="s">
        <v>85</v>
      </c>
      <c r="P12299" t="s">
        <v>86</v>
      </c>
      <c r="Q12299">
        <v>26</v>
      </c>
      <c r="R12299">
        <v>26</v>
      </c>
      <c r="S12299">
        <v>27</v>
      </c>
      <c r="T12299">
        <v>27</v>
      </c>
      <c r="U12299">
        <v>27</v>
      </c>
      <c r="V12299">
        <v>27</v>
      </c>
      <c r="W12299">
        <v>28</v>
      </c>
      <c r="X12299">
        <v>28</v>
      </c>
      <c r="Y12299">
        <v>28</v>
      </c>
      <c r="Z12299">
        <v>28</v>
      </c>
      <c r="AA12299">
        <v>29</v>
      </c>
      <c r="AB12299">
        <v>29</v>
      </c>
      <c r="AC12299">
        <v>29</v>
      </c>
      <c r="AD12299">
        <v>29</v>
      </c>
      <c r="AE12299">
        <v>29</v>
      </c>
      <c r="AF12299">
        <v>30</v>
      </c>
      <c r="AG12299">
        <v>30</v>
      </c>
      <c r="AH12299">
        <v>30</v>
      </c>
      <c r="AI12299">
        <v>30</v>
      </c>
      <c r="AJ12299">
        <v>31</v>
      </c>
      <c r="AK12299">
        <v>31</v>
      </c>
      <c r="AL12299">
        <v>31</v>
      </c>
      <c r="AM12299">
        <v>31</v>
      </c>
      <c r="AN12299">
        <v>32</v>
      </c>
      <c r="AO12299">
        <v>32</v>
      </c>
      <c r="AP12299">
        <v>32</v>
      </c>
      <c r="AQ12299">
        <v>32</v>
      </c>
    </row>
    <row r="12300" spans="1:43">
      <c r="A12300" t="s">
        <v>7642</v>
      </c>
      <c r="B12300" t="s">
        <v>7643</v>
      </c>
      <c r="C12300" t="s">
        <v>7644</v>
      </c>
      <c r="D12300" t="s">
        <v>7645</v>
      </c>
      <c r="E12300" t="s">
        <v>7646</v>
      </c>
      <c r="F12300" t="s">
        <v>7647</v>
      </c>
      <c r="G12300" t="s">
        <v>80</v>
      </c>
      <c r="H12300" t="s">
        <v>81</v>
      </c>
      <c r="I12300" s="2">
        <v>0</v>
      </c>
      <c r="J12300" s="2">
        <v>1</v>
      </c>
      <c r="K12300" s="2">
        <v>0</v>
      </c>
      <c r="L12300" t="s">
        <v>82</v>
      </c>
      <c r="M12300" t="s">
        <v>89</v>
      </c>
      <c r="N12300" t="s">
        <v>90</v>
      </c>
      <c r="O12300" t="s">
        <v>85</v>
      </c>
      <c r="P12300" t="s">
        <v>86</v>
      </c>
      <c r="Q12300">
        <v>26</v>
      </c>
      <c r="R12300">
        <v>26</v>
      </c>
      <c r="S12300">
        <v>27</v>
      </c>
      <c r="T12300">
        <v>28</v>
      </c>
      <c r="U12300">
        <v>28</v>
      </c>
      <c r="V12300">
        <v>29</v>
      </c>
      <c r="W12300">
        <v>30</v>
      </c>
      <c r="X12300">
        <v>31</v>
      </c>
      <c r="Y12300">
        <v>31</v>
      </c>
      <c r="Z12300">
        <v>32</v>
      </c>
      <c r="AA12300">
        <v>32</v>
      </c>
      <c r="AB12300">
        <v>33</v>
      </c>
      <c r="AC12300">
        <v>34</v>
      </c>
      <c r="AD12300">
        <v>34</v>
      </c>
      <c r="AE12300">
        <v>35</v>
      </c>
      <c r="AF12300">
        <v>35</v>
      </c>
      <c r="AG12300">
        <v>35</v>
      </c>
      <c r="AH12300">
        <v>35</v>
      </c>
      <c r="AI12300">
        <v>35</v>
      </c>
      <c r="AJ12300">
        <v>36</v>
      </c>
      <c r="AK12300">
        <v>36</v>
      </c>
      <c r="AL12300">
        <v>36</v>
      </c>
      <c r="AM12300">
        <v>36</v>
      </c>
      <c r="AN12300">
        <v>36</v>
      </c>
      <c r="AO12300">
        <v>36</v>
      </c>
      <c r="AP12300">
        <v>36</v>
      </c>
      <c r="AQ12300">
        <v>37</v>
      </c>
    </row>
    <row r="12301" spans="1:43">
      <c r="A12301" t="s">
        <v>7642</v>
      </c>
      <c r="B12301" t="s">
        <v>7643</v>
      </c>
      <c r="C12301" t="s">
        <v>7644</v>
      </c>
      <c r="D12301" t="s">
        <v>7645</v>
      </c>
      <c r="E12301" t="s">
        <v>7646</v>
      </c>
      <c r="F12301" t="s">
        <v>7647</v>
      </c>
      <c r="G12301" t="s">
        <v>80</v>
      </c>
      <c r="H12301" t="s">
        <v>81</v>
      </c>
      <c r="I12301" s="2">
        <v>0</v>
      </c>
      <c r="J12301" s="2">
        <v>1</v>
      </c>
      <c r="K12301" s="2">
        <v>0</v>
      </c>
      <c r="L12301" t="s">
        <v>82</v>
      </c>
      <c r="M12301" t="s">
        <v>83</v>
      </c>
      <c r="N12301" t="s">
        <v>91</v>
      </c>
      <c r="O12301" t="s">
        <v>85</v>
      </c>
      <c r="P12301" t="s">
        <v>86</v>
      </c>
      <c r="Q12301">
        <v>26</v>
      </c>
      <c r="R12301">
        <v>27</v>
      </c>
      <c r="S12301">
        <v>27</v>
      </c>
      <c r="T12301">
        <v>28</v>
      </c>
      <c r="U12301">
        <v>28</v>
      </c>
      <c r="V12301">
        <v>29</v>
      </c>
      <c r="W12301">
        <v>29</v>
      </c>
      <c r="X12301">
        <v>30</v>
      </c>
      <c r="Y12301">
        <v>30</v>
      </c>
      <c r="Z12301">
        <v>31</v>
      </c>
      <c r="AA12301">
        <v>31</v>
      </c>
      <c r="AB12301">
        <v>32</v>
      </c>
      <c r="AC12301">
        <v>32</v>
      </c>
      <c r="AD12301">
        <v>33</v>
      </c>
      <c r="AE12301">
        <v>33</v>
      </c>
      <c r="AF12301">
        <v>34</v>
      </c>
      <c r="AG12301">
        <v>34</v>
      </c>
      <c r="AH12301">
        <v>35</v>
      </c>
      <c r="AI12301">
        <v>35</v>
      </c>
      <c r="AJ12301">
        <v>36</v>
      </c>
      <c r="AK12301">
        <v>36</v>
      </c>
      <c r="AL12301">
        <v>37</v>
      </c>
      <c r="AM12301">
        <v>37</v>
      </c>
      <c r="AN12301">
        <v>37</v>
      </c>
      <c r="AO12301">
        <v>37</v>
      </c>
      <c r="AP12301">
        <v>37</v>
      </c>
      <c r="AQ12301">
        <v>37</v>
      </c>
    </row>
    <row r="12302" spans="1:43">
      <c r="A12302" t="s">
        <v>7648</v>
      </c>
      <c r="B12302" t="s">
        <v>7649</v>
      </c>
      <c r="C12302" t="s">
        <v>7650</v>
      </c>
      <c r="D12302" t="s">
        <v>7651</v>
      </c>
      <c r="E12302" t="s">
        <v>7646</v>
      </c>
      <c r="F12302" t="s">
        <v>7647</v>
      </c>
      <c r="G12302" t="s">
        <v>80</v>
      </c>
      <c r="H12302" t="s">
        <v>81</v>
      </c>
      <c r="I12302" s="2">
        <v>0</v>
      </c>
      <c r="J12302" s="2">
        <v>1</v>
      </c>
      <c r="K12302" s="2">
        <v>0</v>
      </c>
      <c r="L12302" t="s">
        <v>82</v>
      </c>
      <c r="M12302" t="s">
        <v>83</v>
      </c>
      <c r="N12302" t="s">
        <v>84</v>
      </c>
      <c r="O12302" t="s">
        <v>85</v>
      </c>
      <c r="P12302" t="s">
        <v>86</v>
      </c>
      <c r="Q12302">
        <v>24</v>
      </c>
      <c r="R12302">
        <v>25</v>
      </c>
      <c r="S12302">
        <v>25</v>
      </c>
      <c r="T12302">
        <v>26</v>
      </c>
      <c r="U12302">
        <v>26</v>
      </c>
      <c r="V12302">
        <v>27</v>
      </c>
      <c r="W12302">
        <v>27</v>
      </c>
      <c r="X12302">
        <v>28</v>
      </c>
      <c r="Y12302">
        <v>28</v>
      </c>
      <c r="Z12302">
        <v>29</v>
      </c>
      <c r="AA12302">
        <v>29</v>
      </c>
      <c r="AB12302">
        <v>29</v>
      </c>
      <c r="AC12302">
        <v>30</v>
      </c>
      <c r="AD12302">
        <v>30</v>
      </c>
      <c r="AE12302">
        <v>31</v>
      </c>
      <c r="AF12302">
        <v>31</v>
      </c>
      <c r="AG12302">
        <v>32</v>
      </c>
      <c r="AH12302">
        <v>32</v>
      </c>
      <c r="AI12302">
        <v>33</v>
      </c>
      <c r="AJ12302">
        <v>33</v>
      </c>
      <c r="AK12302">
        <v>34</v>
      </c>
      <c r="AL12302">
        <v>34</v>
      </c>
      <c r="AM12302">
        <v>34</v>
      </c>
      <c r="AN12302">
        <v>34</v>
      </c>
      <c r="AO12302">
        <v>34</v>
      </c>
      <c r="AP12302">
        <v>34</v>
      </c>
      <c r="AQ12302">
        <v>35</v>
      </c>
    </row>
    <row r="12303" spans="1:43">
      <c r="A12303" t="s">
        <v>7648</v>
      </c>
      <c r="B12303" t="s">
        <v>7649</v>
      </c>
      <c r="C12303" t="s">
        <v>7650</v>
      </c>
      <c r="D12303" t="s">
        <v>7651</v>
      </c>
      <c r="E12303" t="s">
        <v>7646</v>
      </c>
      <c r="F12303" t="s">
        <v>7647</v>
      </c>
      <c r="G12303" t="s">
        <v>80</v>
      </c>
      <c r="H12303" t="s">
        <v>81</v>
      </c>
      <c r="I12303" s="2">
        <v>0</v>
      </c>
      <c r="J12303" s="2">
        <v>1</v>
      </c>
      <c r="K12303" s="2">
        <v>0</v>
      </c>
      <c r="L12303" t="s">
        <v>82</v>
      </c>
      <c r="M12303" t="s">
        <v>87</v>
      </c>
      <c r="N12303" t="s">
        <v>88</v>
      </c>
      <c r="O12303" t="s">
        <v>85</v>
      </c>
      <c r="P12303" t="s">
        <v>86</v>
      </c>
      <c r="Q12303">
        <v>24</v>
      </c>
      <c r="R12303">
        <v>24</v>
      </c>
      <c r="S12303">
        <v>25</v>
      </c>
      <c r="T12303">
        <v>25</v>
      </c>
      <c r="U12303">
        <v>25</v>
      </c>
      <c r="V12303">
        <v>25</v>
      </c>
      <c r="W12303">
        <v>26</v>
      </c>
      <c r="X12303">
        <v>26</v>
      </c>
      <c r="Y12303">
        <v>26</v>
      </c>
      <c r="Z12303">
        <v>26</v>
      </c>
      <c r="AA12303">
        <v>26</v>
      </c>
      <c r="AB12303">
        <v>27</v>
      </c>
      <c r="AC12303">
        <v>27</v>
      </c>
      <c r="AD12303">
        <v>27</v>
      </c>
      <c r="AE12303">
        <v>27</v>
      </c>
      <c r="AF12303">
        <v>28</v>
      </c>
      <c r="AG12303">
        <v>28</v>
      </c>
      <c r="AH12303">
        <v>28</v>
      </c>
      <c r="AI12303">
        <v>28</v>
      </c>
      <c r="AJ12303">
        <v>28</v>
      </c>
      <c r="AK12303">
        <v>29</v>
      </c>
      <c r="AL12303">
        <v>29</v>
      </c>
      <c r="AM12303">
        <v>29</v>
      </c>
      <c r="AN12303">
        <v>29</v>
      </c>
      <c r="AO12303">
        <v>30</v>
      </c>
      <c r="AP12303">
        <v>30</v>
      </c>
      <c r="AQ12303">
        <v>30</v>
      </c>
    </row>
    <row r="12304" spans="1:43">
      <c r="A12304" t="s">
        <v>7648</v>
      </c>
      <c r="B12304" t="s">
        <v>7649</v>
      </c>
      <c r="C12304" t="s">
        <v>7650</v>
      </c>
      <c r="D12304" t="s">
        <v>7651</v>
      </c>
      <c r="E12304" t="s">
        <v>7646</v>
      </c>
      <c r="F12304" t="s">
        <v>7647</v>
      </c>
      <c r="G12304" t="s">
        <v>80</v>
      </c>
      <c r="H12304" t="s">
        <v>81</v>
      </c>
      <c r="I12304" s="2">
        <v>0</v>
      </c>
      <c r="J12304" s="2">
        <v>1</v>
      </c>
      <c r="K12304" s="2">
        <v>0</v>
      </c>
      <c r="L12304" t="s">
        <v>82</v>
      </c>
      <c r="M12304" t="s">
        <v>89</v>
      </c>
      <c r="N12304" t="s">
        <v>90</v>
      </c>
      <c r="O12304" t="s">
        <v>85</v>
      </c>
      <c r="P12304" t="s">
        <v>86</v>
      </c>
      <c r="Q12304">
        <v>24</v>
      </c>
      <c r="R12304">
        <v>24</v>
      </c>
      <c r="S12304">
        <v>25</v>
      </c>
      <c r="T12304">
        <v>26</v>
      </c>
      <c r="U12304">
        <v>26</v>
      </c>
      <c r="V12304">
        <v>27</v>
      </c>
      <c r="W12304">
        <v>28</v>
      </c>
      <c r="X12304">
        <v>28</v>
      </c>
      <c r="Y12304">
        <v>29</v>
      </c>
      <c r="Z12304">
        <v>29</v>
      </c>
      <c r="AA12304">
        <v>30</v>
      </c>
      <c r="AB12304">
        <v>31</v>
      </c>
      <c r="AC12304">
        <v>31</v>
      </c>
      <c r="AD12304">
        <v>32</v>
      </c>
      <c r="AE12304">
        <v>32</v>
      </c>
      <c r="AF12304">
        <v>32</v>
      </c>
      <c r="AG12304">
        <v>32</v>
      </c>
      <c r="AH12304">
        <v>33</v>
      </c>
      <c r="AI12304">
        <v>33</v>
      </c>
      <c r="AJ12304">
        <v>33</v>
      </c>
      <c r="AK12304">
        <v>33</v>
      </c>
      <c r="AL12304">
        <v>33</v>
      </c>
      <c r="AM12304">
        <v>33</v>
      </c>
      <c r="AN12304">
        <v>33</v>
      </c>
      <c r="AO12304">
        <v>34</v>
      </c>
      <c r="AP12304">
        <v>34</v>
      </c>
      <c r="AQ12304">
        <v>34</v>
      </c>
    </row>
    <row r="12305" spans="1:43">
      <c r="A12305" t="s">
        <v>7648</v>
      </c>
      <c r="B12305" t="s">
        <v>7649</v>
      </c>
      <c r="C12305" t="s">
        <v>7650</v>
      </c>
      <c r="D12305" t="s">
        <v>7651</v>
      </c>
      <c r="E12305" t="s">
        <v>7646</v>
      </c>
      <c r="F12305" t="s">
        <v>7647</v>
      </c>
      <c r="G12305" t="s">
        <v>80</v>
      </c>
      <c r="H12305" t="s">
        <v>81</v>
      </c>
      <c r="I12305" s="2">
        <v>0</v>
      </c>
      <c r="J12305" s="2">
        <v>1</v>
      </c>
      <c r="K12305" s="2">
        <v>0</v>
      </c>
      <c r="L12305" t="s">
        <v>82</v>
      </c>
      <c r="M12305" t="s">
        <v>83</v>
      </c>
      <c r="N12305" t="s">
        <v>91</v>
      </c>
      <c r="O12305" t="s">
        <v>85</v>
      </c>
      <c r="P12305" t="s">
        <v>86</v>
      </c>
      <c r="Q12305">
        <v>24</v>
      </c>
      <c r="R12305">
        <v>25</v>
      </c>
      <c r="S12305">
        <v>25</v>
      </c>
      <c r="T12305">
        <v>26</v>
      </c>
      <c r="U12305">
        <v>26</v>
      </c>
      <c r="V12305">
        <v>27</v>
      </c>
      <c r="W12305">
        <v>27</v>
      </c>
      <c r="X12305">
        <v>28</v>
      </c>
      <c r="Y12305">
        <v>28</v>
      </c>
      <c r="Z12305">
        <v>29</v>
      </c>
      <c r="AA12305">
        <v>29</v>
      </c>
      <c r="AB12305">
        <v>29</v>
      </c>
      <c r="AC12305">
        <v>30</v>
      </c>
      <c r="AD12305">
        <v>30</v>
      </c>
      <c r="AE12305">
        <v>31</v>
      </c>
      <c r="AF12305">
        <v>31</v>
      </c>
      <c r="AG12305">
        <v>32</v>
      </c>
      <c r="AH12305">
        <v>32</v>
      </c>
      <c r="AI12305">
        <v>33</v>
      </c>
      <c r="AJ12305">
        <v>33</v>
      </c>
      <c r="AK12305">
        <v>34</v>
      </c>
      <c r="AL12305">
        <v>34</v>
      </c>
      <c r="AM12305">
        <v>34</v>
      </c>
      <c r="AN12305">
        <v>34</v>
      </c>
      <c r="AO12305">
        <v>34</v>
      </c>
      <c r="AP12305">
        <v>34</v>
      </c>
      <c r="AQ12305">
        <v>35</v>
      </c>
    </row>
    <row r="12306" spans="1:43">
      <c r="A12306" t="s">
        <v>7652</v>
      </c>
      <c r="B12306" t="s">
        <v>7653</v>
      </c>
      <c r="C12306" t="s">
        <v>7650</v>
      </c>
      <c r="D12306" t="s">
        <v>7651</v>
      </c>
      <c r="E12306" t="s">
        <v>7646</v>
      </c>
      <c r="F12306" t="s">
        <v>7647</v>
      </c>
      <c r="G12306" t="s">
        <v>80</v>
      </c>
      <c r="H12306" t="s">
        <v>81</v>
      </c>
      <c r="I12306" s="2">
        <v>0.03</v>
      </c>
      <c r="J12306" s="2">
        <v>0.97</v>
      </c>
      <c r="K12306" s="2">
        <v>0</v>
      </c>
      <c r="L12306" t="s">
        <v>82</v>
      </c>
      <c r="M12306" t="s">
        <v>83</v>
      </c>
      <c r="N12306" t="s">
        <v>84</v>
      </c>
      <c r="O12306" t="s">
        <v>85</v>
      </c>
      <c r="P12306" t="s">
        <v>86</v>
      </c>
      <c r="Q12306">
        <v>38</v>
      </c>
      <c r="R12306">
        <v>39</v>
      </c>
      <c r="S12306">
        <v>39</v>
      </c>
      <c r="T12306">
        <v>40</v>
      </c>
      <c r="U12306">
        <v>41</v>
      </c>
      <c r="V12306">
        <v>41</v>
      </c>
      <c r="W12306">
        <v>42</v>
      </c>
      <c r="X12306">
        <v>43</v>
      </c>
      <c r="Y12306">
        <v>44</v>
      </c>
      <c r="Z12306">
        <v>44</v>
      </c>
      <c r="AA12306">
        <v>45</v>
      </c>
      <c r="AB12306">
        <v>46</v>
      </c>
      <c r="AC12306">
        <v>47</v>
      </c>
      <c r="AD12306">
        <v>47</v>
      </c>
      <c r="AE12306">
        <v>48</v>
      </c>
      <c r="AF12306">
        <v>49</v>
      </c>
      <c r="AG12306">
        <v>49</v>
      </c>
      <c r="AH12306">
        <v>50</v>
      </c>
      <c r="AI12306">
        <v>51</v>
      </c>
      <c r="AJ12306">
        <v>52</v>
      </c>
      <c r="AK12306">
        <v>52</v>
      </c>
      <c r="AL12306">
        <v>53</v>
      </c>
      <c r="AM12306">
        <v>53</v>
      </c>
      <c r="AN12306">
        <v>53</v>
      </c>
      <c r="AO12306">
        <v>53</v>
      </c>
      <c r="AP12306">
        <v>54</v>
      </c>
      <c r="AQ12306">
        <v>54</v>
      </c>
    </row>
    <row r="12307" spans="1:43">
      <c r="A12307" t="s">
        <v>7652</v>
      </c>
      <c r="B12307" t="s">
        <v>7653</v>
      </c>
      <c r="C12307" t="s">
        <v>7650</v>
      </c>
      <c r="D12307" t="s">
        <v>7651</v>
      </c>
      <c r="E12307" t="s">
        <v>7646</v>
      </c>
      <c r="F12307" t="s">
        <v>7647</v>
      </c>
      <c r="G12307" t="s">
        <v>80</v>
      </c>
      <c r="H12307" t="s">
        <v>81</v>
      </c>
      <c r="I12307" s="2">
        <v>0.03</v>
      </c>
      <c r="J12307" s="2">
        <v>0.97</v>
      </c>
      <c r="K12307" s="2">
        <v>0</v>
      </c>
      <c r="L12307" t="s">
        <v>82</v>
      </c>
      <c r="M12307" t="s">
        <v>87</v>
      </c>
      <c r="N12307" t="s">
        <v>88</v>
      </c>
      <c r="O12307" t="s">
        <v>85</v>
      </c>
      <c r="P12307" t="s">
        <v>86</v>
      </c>
      <c r="Q12307">
        <v>38</v>
      </c>
      <c r="R12307">
        <v>39</v>
      </c>
      <c r="S12307">
        <v>39</v>
      </c>
      <c r="T12307">
        <v>40</v>
      </c>
      <c r="U12307">
        <v>40</v>
      </c>
      <c r="V12307">
        <v>40</v>
      </c>
      <c r="W12307">
        <v>41</v>
      </c>
      <c r="X12307">
        <v>41</v>
      </c>
      <c r="Y12307">
        <v>41</v>
      </c>
      <c r="Z12307">
        <v>42</v>
      </c>
      <c r="AA12307">
        <v>42</v>
      </c>
      <c r="AB12307">
        <v>42</v>
      </c>
      <c r="AC12307">
        <v>43</v>
      </c>
      <c r="AD12307">
        <v>43</v>
      </c>
      <c r="AE12307">
        <v>43</v>
      </c>
      <c r="AF12307">
        <v>44</v>
      </c>
      <c r="AG12307">
        <v>44</v>
      </c>
      <c r="AH12307">
        <v>45</v>
      </c>
      <c r="AI12307">
        <v>45</v>
      </c>
      <c r="AJ12307">
        <v>45</v>
      </c>
      <c r="AK12307">
        <v>46</v>
      </c>
      <c r="AL12307">
        <v>46</v>
      </c>
      <c r="AM12307">
        <v>46</v>
      </c>
      <c r="AN12307">
        <v>47</v>
      </c>
      <c r="AO12307">
        <v>47</v>
      </c>
      <c r="AP12307">
        <v>47</v>
      </c>
      <c r="AQ12307">
        <v>48</v>
      </c>
    </row>
    <row r="12308" spans="1:43">
      <c r="A12308" t="s">
        <v>7652</v>
      </c>
      <c r="B12308" t="s">
        <v>7653</v>
      </c>
      <c r="C12308" t="s">
        <v>7650</v>
      </c>
      <c r="D12308" t="s">
        <v>7651</v>
      </c>
      <c r="E12308" t="s">
        <v>7646</v>
      </c>
      <c r="F12308" t="s">
        <v>7647</v>
      </c>
      <c r="G12308" t="s">
        <v>80</v>
      </c>
      <c r="H12308" t="s">
        <v>81</v>
      </c>
      <c r="I12308" s="2">
        <v>0.03</v>
      </c>
      <c r="J12308" s="2">
        <v>0.97</v>
      </c>
      <c r="K12308" s="2">
        <v>0</v>
      </c>
      <c r="L12308" t="s">
        <v>82</v>
      </c>
      <c r="M12308" t="s">
        <v>89</v>
      </c>
      <c r="N12308" t="s">
        <v>90</v>
      </c>
      <c r="O12308" t="s">
        <v>85</v>
      </c>
      <c r="P12308" t="s">
        <v>86</v>
      </c>
      <c r="Q12308">
        <v>38</v>
      </c>
      <c r="R12308">
        <v>39</v>
      </c>
      <c r="S12308">
        <v>40</v>
      </c>
      <c r="T12308">
        <v>41</v>
      </c>
      <c r="U12308">
        <v>42</v>
      </c>
      <c r="V12308">
        <v>43</v>
      </c>
      <c r="W12308">
        <v>44</v>
      </c>
      <c r="X12308">
        <v>45</v>
      </c>
      <c r="Y12308">
        <v>46</v>
      </c>
      <c r="Z12308">
        <v>47</v>
      </c>
      <c r="AA12308">
        <v>48</v>
      </c>
      <c r="AB12308">
        <v>49</v>
      </c>
      <c r="AC12308">
        <v>50</v>
      </c>
      <c r="AD12308">
        <v>51</v>
      </c>
      <c r="AE12308">
        <v>51</v>
      </c>
      <c r="AF12308">
        <v>52</v>
      </c>
      <c r="AG12308">
        <v>52</v>
      </c>
      <c r="AH12308">
        <v>52</v>
      </c>
      <c r="AI12308">
        <v>52</v>
      </c>
      <c r="AJ12308">
        <v>52</v>
      </c>
      <c r="AK12308">
        <v>53</v>
      </c>
      <c r="AL12308">
        <v>53</v>
      </c>
      <c r="AM12308">
        <v>53</v>
      </c>
      <c r="AN12308">
        <v>53</v>
      </c>
      <c r="AO12308">
        <v>54</v>
      </c>
      <c r="AP12308">
        <v>54</v>
      </c>
      <c r="AQ12308">
        <v>54</v>
      </c>
    </row>
    <row r="12309" spans="1:43">
      <c r="A12309" t="s">
        <v>7652</v>
      </c>
      <c r="B12309" t="s">
        <v>7653</v>
      </c>
      <c r="C12309" t="s">
        <v>7650</v>
      </c>
      <c r="D12309" t="s">
        <v>7651</v>
      </c>
      <c r="E12309" t="s">
        <v>7646</v>
      </c>
      <c r="F12309" t="s">
        <v>7647</v>
      </c>
      <c r="G12309" t="s">
        <v>80</v>
      </c>
      <c r="H12309" t="s">
        <v>81</v>
      </c>
      <c r="I12309" s="2">
        <v>0.03</v>
      </c>
      <c r="J12309" s="2">
        <v>0.97</v>
      </c>
      <c r="K12309" s="2">
        <v>0</v>
      </c>
      <c r="L12309" t="s">
        <v>82</v>
      </c>
      <c r="M12309" t="s">
        <v>83</v>
      </c>
      <c r="N12309" t="s">
        <v>91</v>
      </c>
      <c r="O12309" t="s">
        <v>85</v>
      </c>
      <c r="P12309" t="s">
        <v>86</v>
      </c>
      <c r="Q12309">
        <v>38</v>
      </c>
      <c r="R12309">
        <v>39</v>
      </c>
      <c r="S12309">
        <v>39</v>
      </c>
      <c r="T12309">
        <v>40</v>
      </c>
      <c r="U12309">
        <v>41</v>
      </c>
      <c r="V12309">
        <v>41</v>
      </c>
      <c r="W12309">
        <v>42</v>
      </c>
      <c r="X12309">
        <v>43</v>
      </c>
      <c r="Y12309">
        <v>44</v>
      </c>
      <c r="Z12309">
        <v>44</v>
      </c>
      <c r="AA12309">
        <v>45</v>
      </c>
      <c r="AB12309">
        <v>46</v>
      </c>
      <c r="AC12309">
        <v>47</v>
      </c>
      <c r="AD12309">
        <v>47</v>
      </c>
      <c r="AE12309">
        <v>48</v>
      </c>
      <c r="AF12309">
        <v>49</v>
      </c>
      <c r="AG12309">
        <v>49</v>
      </c>
      <c r="AH12309">
        <v>50</v>
      </c>
      <c r="AI12309">
        <v>51</v>
      </c>
      <c r="AJ12309">
        <v>52</v>
      </c>
      <c r="AK12309">
        <v>52</v>
      </c>
      <c r="AL12309">
        <v>53</v>
      </c>
      <c r="AM12309">
        <v>53</v>
      </c>
      <c r="AN12309">
        <v>53</v>
      </c>
      <c r="AO12309">
        <v>53</v>
      </c>
      <c r="AP12309">
        <v>54</v>
      </c>
      <c r="AQ12309">
        <v>54</v>
      </c>
    </row>
    <row r="12310" spans="1:43">
      <c r="A12310" t="s">
        <v>7654</v>
      </c>
      <c r="B12310" t="s">
        <v>7655</v>
      </c>
      <c r="C12310" t="s">
        <v>7650</v>
      </c>
      <c r="D12310" t="s">
        <v>7651</v>
      </c>
      <c r="E12310" t="s">
        <v>7646</v>
      </c>
      <c r="F12310" t="s">
        <v>7647</v>
      </c>
      <c r="G12310" t="s">
        <v>80</v>
      </c>
      <c r="H12310" t="s">
        <v>81</v>
      </c>
      <c r="I12310" s="2">
        <v>0</v>
      </c>
      <c r="J12310" s="2">
        <v>1</v>
      </c>
      <c r="K12310" s="2">
        <v>0</v>
      </c>
      <c r="L12310" t="s">
        <v>82</v>
      </c>
      <c r="M12310" t="s">
        <v>83</v>
      </c>
      <c r="N12310" t="s">
        <v>84</v>
      </c>
      <c r="O12310" t="s">
        <v>85</v>
      </c>
      <c r="P12310" t="s">
        <v>86</v>
      </c>
      <c r="Q12310">
        <v>12</v>
      </c>
      <c r="R12310">
        <v>13</v>
      </c>
      <c r="S12310">
        <v>13</v>
      </c>
      <c r="T12310">
        <v>13</v>
      </c>
      <c r="U12310">
        <v>13</v>
      </c>
      <c r="V12310">
        <v>14</v>
      </c>
      <c r="W12310">
        <v>14</v>
      </c>
      <c r="X12310">
        <v>14</v>
      </c>
      <c r="Y12310">
        <v>14</v>
      </c>
      <c r="Z12310">
        <v>14</v>
      </c>
      <c r="AA12310">
        <v>15</v>
      </c>
      <c r="AB12310">
        <v>15</v>
      </c>
      <c r="AC12310">
        <v>15</v>
      </c>
      <c r="AD12310">
        <v>15</v>
      </c>
      <c r="AE12310">
        <v>16</v>
      </c>
      <c r="AF12310">
        <v>16</v>
      </c>
      <c r="AG12310">
        <v>16</v>
      </c>
      <c r="AH12310">
        <v>16</v>
      </c>
      <c r="AI12310">
        <v>17</v>
      </c>
      <c r="AJ12310">
        <v>17</v>
      </c>
      <c r="AK12310">
        <v>17</v>
      </c>
      <c r="AL12310">
        <v>17</v>
      </c>
      <c r="AM12310">
        <v>17</v>
      </c>
      <c r="AN12310">
        <v>17</v>
      </c>
      <c r="AO12310">
        <v>17</v>
      </c>
      <c r="AP12310">
        <v>17</v>
      </c>
      <c r="AQ12310">
        <v>18</v>
      </c>
    </row>
    <row r="12311" spans="1:43">
      <c r="A12311" t="s">
        <v>7654</v>
      </c>
      <c r="B12311" t="s">
        <v>7655</v>
      </c>
      <c r="C12311" t="s">
        <v>7650</v>
      </c>
      <c r="D12311" t="s">
        <v>7651</v>
      </c>
      <c r="E12311" t="s">
        <v>7646</v>
      </c>
      <c r="F12311" t="s">
        <v>7647</v>
      </c>
      <c r="G12311" t="s">
        <v>80</v>
      </c>
      <c r="H12311" t="s">
        <v>81</v>
      </c>
      <c r="I12311" s="2">
        <v>0</v>
      </c>
      <c r="J12311" s="2">
        <v>1</v>
      </c>
      <c r="K12311" s="2">
        <v>0</v>
      </c>
      <c r="L12311" t="s">
        <v>82</v>
      </c>
      <c r="M12311" t="s">
        <v>87</v>
      </c>
      <c r="N12311" t="s">
        <v>88</v>
      </c>
      <c r="O12311" t="s">
        <v>85</v>
      </c>
      <c r="P12311" t="s">
        <v>86</v>
      </c>
      <c r="Q12311">
        <v>12</v>
      </c>
      <c r="R12311">
        <v>12</v>
      </c>
      <c r="S12311">
        <v>12</v>
      </c>
      <c r="T12311">
        <v>13</v>
      </c>
      <c r="U12311">
        <v>13</v>
      </c>
      <c r="V12311">
        <v>13</v>
      </c>
      <c r="W12311">
        <v>13</v>
      </c>
      <c r="X12311">
        <v>13</v>
      </c>
      <c r="Y12311">
        <v>13</v>
      </c>
      <c r="Z12311">
        <v>13</v>
      </c>
      <c r="AA12311">
        <v>13</v>
      </c>
      <c r="AB12311">
        <v>14</v>
      </c>
      <c r="AC12311">
        <v>14</v>
      </c>
      <c r="AD12311">
        <v>14</v>
      </c>
      <c r="AE12311">
        <v>14</v>
      </c>
      <c r="AF12311">
        <v>14</v>
      </c>
      <c r="AG12311">
        <v>14</v>
      </c>
      <c r="AH12311">
        <v>14</v>
      </c>
      <c r="AI12311">
        <v>14</v>
      </c>
      <c r="AJ12311">
        <v>14</v>
      </c>
      <c r="AK12311">
        <v>15</v>
      </c>
      <c r="AL12311">
        <v>15</v>
      </c>
      <c r="AM12311">
        <v>15</v>
      </c>
      <c r="AN12311">
        <v>15</v>
      </c>
      <c r="AO12311">
        <v>15</v>
      </c>
      <c r="AP12311">
        <v>15</v>
      </c>
      <c r="AQ12311">
        <v>15</v>
      </c>
    </row>
    <row r="12312" spans="1:43">
      <c r="A12312" t="s">
        <v>7654</v>
      </c>
      <c r="B12312" t="s">
        <v>7655</v>
      </c>
      <c r="C12312" t="s">
        <v>7650</v>
      </c>
      <c r="D12312" t="s">
        <v>7651</v>
      </c>
      <c r="E12312" t="s">
        <v>7646</v>
      </c>
      <c r="F12312" t="s">
        <v>7647</v>
      </c>
      <c r="G12312" t="s">
        <v>80</v>
      </c>
      <c r="H12312" t="s">
        <v>81</v>
      </c>
      <c r="I12312" s="2">
        <v>0</v>
      </c>
      <c r="J12312" s="2">
        <v>1</v>
      </c>
      <c r="K12312" s="2">
        <v>0</v>
      </c>
      <c r="L12312" t="s">
        <v>82</v>
      </c>
      <c r="M12312" t="s">
        <v>89</v>
      </c>
      <c r="N12312" t="s">
        <v>90</v>
      </c>
      <c r="O12312" t="s">
        <v>85</v>
      </c>
      <c r="P12312" t="s">
        <v>86</v>
      </c>
      <c r="Q12312">
        <v>12</v>
      </c>
      <c r="R12312">
        <v>13</v>
      </c>
      <c r="S12312">
        <v>13</v>
      </c>
      <c r="T12312">
        <v>13</v>
      </c>
      <c r="U12312">
        <v>14</v>
      </c>
      <c r="V12312">
        <v>14</v>
      </c>
      <c r="W12312">
        <v>14</v>
      </c>
      <c r="X12312">
        <v>15</v>
      </c>
      <c r="Y12312">
        <v>15</v>
      </c>
      <c r="Z12312">
        <v>15</v>
      </c>
      <c r="AA12312">
        <v>16</v>
      </c>
      <c r="AB12312">
        <v>16</v>
      </c>
      <c r="AC12312">
        <v>16</v>
      </c>
      <c r="AD12312">
        <v>17</v>
      </c>
      <c r="AE12312">
        <v>17</v>
      </c>
      <c r="AF12312">
        <v>17</v>
      </c>
      <c r="AG12312">
        <v>17</v>
      </c>
      <c r="AH12312">
        <v>17</v>
      </c>
      <c r="AI12312">
        <v>17</v>
      </c>
      <c r="AJ12312">
        <v>17</v>
      </c>
      <c r="AK12312">
        <v>17</v>
      </c>
      <c r="AL12312">
        <v>17</v>
      </c>
      <c r="AM12312">
        <v>17</v>
      </c>
      <c r="AN12312">
        <v>17</v>
      </c>
      <c r="AO12312">
        <v>18</v>
      </c>
      <c r="AP12312">
        <v>18</v>
      </c>
      <c r="AQ12312">
        <v>18</v>
      </c>
    </row>
    <row r="12313" spans="1:43">
      <c r="A12313" t="s">
        <v>7654</v>
      </c>
      <c r="B12313" t="s">
        <v>7655</v>
      </c>
      <c r="C12313" t="s">
        <v>7650</v>
      </c>
      <c r="D12313" t="s">
        <v>7651</v>
      </c>
      <c r="E12313" t="s">
        <v>7646</v>
      </c>
      <c r="F12313" t="s">
        <v>7647</v>
      </c>
      <c r="G12313" t="s">
        <v>80</v>
      </c>
      <c r="H12313" t="s">
        <v>81</v>
      </c>
      <c r="I12313" s="2">
        <v>0</v>
      </c>
      <c r="J12313" s="2">
        <v>1</v>
      </c>
      <c r="K12313" s="2">
        <v>0</v>
      </c>
      <c r="L12313" t="s">
        <v>82</v>
      </c>
      <c r="M12313" t="s">
        <v>83</v>
      </c>
      <c r="N12313" t="s">
        <v>91</v>
      </c>
      <c r="O12313" t="s">
        <v>85</v>
      </c>
      <c r="P12313" t="s">
        <v>86</v>
      </c>
      <c r="Q12313">
        <v>12</v>
      </c>
      <c r="R12313">
        <v>13</v>
      </c>
      <c r="S12313">
        <v>13</v>
      </c>
      <c r="T12313">
        <v>13</v>
      </c>
      <c r="U12313">
        <v>13</v>
      </c>
      <c r="V12313">
        <v>14</v>
      </c>
      <c r="W12313">
        <v>14</v>
      </c>
      <c r="X12313">
        <v>14</v>
      </c>
      <c r="Y12313">
        <v>14</v>
      </c>
      <c r="Z12313">
        <v>14</v>
      </c>
      <c r="AA12313">
        <v>15</v>
      </c>
      <c r="AB12313">
        <v>15</v>
      </c>
      <c r="AC12313">
        <v>15</v>
      </c>
      <c r="AD12313">
        <v>15</v>
      </c>
      <c r="AE12313">
        <v>16</v>
      </c>
      <c r="AF12313">
        <v>16</v>
      </c>
      <c r="AG12313">
        <v>16</v>
      </c>
      <c r="AH12313">
        <v>16</v>
      </c>
      <c r="AI12313">
        <v>17</v>
      </c>
      <c r="AJ12313">
        <v>17</v>
      </c>
      <c r="AK12313">
        <v>17</v>
      </c>
      <c r="AL12313">
        <v>17</v>
      </c>
      <c r="AM12313">
        <v>17</v>
      </c>
      <c r="AN12313">
        <v>17</v>
      </c>
      <c r="AO12313">
        <v>17</v>
      </c>
      <c r="AP12313">
        <v>17</v>
      </c>
      <c r="AQ12313">
        <v>18</v>
      </c>
    </row>
    <row r="12314" spans="1:43">
      <c r="A12314" t="s">
        <v>7656</v>
      </c>
      <c r="B12314" t="s">
        <v>7657</v>
      </c>
      <c r="C12314" t="s">
        <v>7650</v>
      </c>
      <c r="D12314" t="s">
        <v>7651</v>
      </c>
      <c r="E12314" t="s">
        <v>7646</v>
      </c>
      <c r="F12314" t="s">
        <v>7647</v>
      </c>
      <c r="G12314" t="s">
        <v>80</v>
      </c>
      <c r="H12314" t="s">
        <v>81</v>
      </c>
      <c r="I12314" s="2">
        <v>0</v>
      </c>
      <c r="J12314" s="2">
        <v>1</v>
      </c>
      <c r="K12314" s="2">
        <v>0</v>
      </c>
      <c r="L12314" t="s">
        <v>82</v>
      </c>
      <c r="M12314" t="s">
        <v>83</v>
      </c>
      <c r="N12314" t="s">
        <v>84</v>
      </c>
      <c r="O12314" t="s">
        <v>85</v>
      </c>
      <c r="P12314" t="s">
        <v>86</v>
      </c>
      <c r="Q12314">
        <v>11</v>
      </c>
      <c r="R12314">
        <v>11</v>
      </c>
      <c r="S12314">
        <v>12</v>
      </c>
      <c r="T12314">
        <v>12</v>
      </c>
      <c r="U12314">
        <v>12</v>
      </c>
      <c r="V12314">
        <v>12</v>
      </c>
      <c r="W12314">
        <v>12</v>
      </c>
      <c r="X12314">
        <v>13</v>
      </c>
      <c r="Y12314">
        <v>13</v>
      </c>
      <c r="Z12314">
        <v>13</v>
      </c>
      <c r="AA12314">
        <v>13</v>
      </c>
      <c r="AB12314">
        <v>14</v>
      </c>
      <c r="AC12314">
        <v>14</v>
      </c>
      <c r="AD12314">
        <v>14</v>
      </c>
      <c r="AE12314">
        <v>14</v>
      </c>
      <c r="AF12314">
        <v>14</v>
      </c>
      <c r="AG12314">
        <v>15</v>
      </c>
      <c r="AH12314">
        <v>15</v>
      </c>
      <c r="AI12314">
        <v>15</v>
      </c>
      <c r="AJ12314">
        <v>15</v>
      </c>
      <c r="AK12314">
        <v>15</v>
      </c>
      <c r="AL12314">
        <v>16</v>
      </c>
      <c r="AM12314">
        <v>16</v>
      </c>
      <c r="AN12314">
        <v>16</v>
      </c>
      <c r="AO12314">
        <v>16</v>
      </c>
      <c r="AP12314">
        <v>16</v>
      </c>
      <c r="AQ12314">
        <v>16</v>
      </c>
    </row>
    <row r="12315" spans="1:43">
      <c r="A12315" t="s">
        <v>7656</v>
      </c>
      <c r="B12315" t="s">
        <v>7657</v>
      </c>
      <c r="C12315" t="s">
        <v>7650</v>
      </c>
      <c r="D12315" t="s">
        <v>7651</v>
      </c>
      <c r="E12315" t="s">
        <v>7646</v>
      </c>
      <c r="F12315" t="s">
        <v>7647</v>
      </c>
      <c r="G12315" t="s">
        <v>80</v>
      </c>
      <c r="H12315" t="s">
        <v>81</v>
      </c>
      <c r="I12315" s="2">
        <v>0</v>
      </c>
      <c r="J12315" s="2">
        <v>1</v>
      </c>
      <c r="K12315" s="2">
        <v>0</v>
      </c>
      <c r="L12315" t="s">
        <v>82</v>
      </c>
      <c r="M12315" t="s">
        <v>87</v>
      </c>
      <c r="N12315" t="s">
        <v>88</v>
      </c>
      <c r="O12315" t="s">
        <v>85</v>
      </c>
      <c r="P12315" t="s">
        <v>86</v>
      </c>
      <c r="Q12315">
        <v>11</v>
      </c>
      <c r="R12315">
        <v>11</v>
      </c>
      <c r="S12315">
        <v>11</v>
      </c>
      <c r="T12315">
        <v>11</v>
      </c>
      <c r="U12315">
        <v>11</v>
      </c>
      <c r="V12315">
        <v>12</v>
      </c>
      <c r="W12315">
        <v>12</v>
      </c>
      <c r="X12315">
        <v>12</v>
      </c>
      <c r="Y12315">
        <v>12</v>
      </c>
      <c r="Z12315">
        <v>12</v>
      </c>
      <c r="AA12315">
        <v>12</v>
      </c>
      <c r="AB12315">
        <v>12</v>
      </c>
      <c r="AC12315">
        <v>12</v>
      </c>
      <c r="AD12315">
        <v>12</v>
      </c>
      <c r="AE12315">
        <v>13</v>
      </c>
      <c r="AF12315">
        <v>13</v>
      </c>
      <c r="AG12315">
        <v>13</v>
      </c>
      <c r="AH12315">
        <v>13</v>
      </c>
      <c r="AI12315">
        <v>13</v>
      </c>
      <c r="AJ12315">
        <v>13</v>
      </c>
      <c r="AK12315">
        <v>13</v>
      </c>
      <c r="AL12315">
        <v>13</v>
      </c>
      <c r="AM12315">
        <v>13</v>
      </c>
      <c r="AN12315">
        <v>13</v>
      </c>
      <c r="AO12315">
        <v>14</v>
      </c>
      <c r="AP12315">
        <v>14</v>
      </c>
      <c r="AQ12315">
        <v>14</v>
      </c>
    </row>
    <row r="12316" spans="1:43">
      <c r="A12316" t="s">
        <v>7656</v>
      </c>
      <c r="B12316" t="s">
        <v>7657</v>
      </c>
      <c r="C12316" t="s">
        <v>7650</v>
      </c>
      <c r="D12316" t="s">
        <v>7651</v>
      </c>
      <c r="E12316" t="s">
        <v>7646</v>
      </c>
      <c r="F12316" t="s">
        <v>7647</v>
      </c>
      <c r="G12316" t="s">
        <v>80</v>
      </c>
      <c r="H12316" t="s">
        <v>81</v>
      </c>
      <c r="I12316" s="2">
        <v>0</v>
      </c>
      <c r="J12316" s="2">
        <v>1</v>
      </c>
      <c r="K12316" s="2">
        <v>0</v>
      </c>
      <c r="L12316" t="s">
        <v>82</v>
      </c>
      <c r="M12316" t="s">
        <v>89</v>
      </c>
      <c r="N12316" t="s">
        <v>90</v>
      </c>
      <c r="O12316" t="s">
        <v>85</v>
      </c>
      <c r="P12316" t="s">
        <v>86</v>
      </c>
      <c r="Q12316">
        <v>11</v>
      </c>
      <c r="R12316">
        <v>12</v>
      </c>
      <c r="S12316">
        <v>12</v>
      </c>
      <c r="T12316">
        <v>12</v>
      </c>
      <c r="U12316">
        <v>12</v>
      </c>
      <c r="V12316">
        <v>13</v>
      </c>
      <c r="W12316">
        <v>13</v>
      </c>
      <c r="X12316">
        <v>13</v>
      </c>
      <c r="Y12316">
        <v>14</v>
      </c>
      <c r="Z12316">
        <v>14</v>
      </c>
      <c r="AA12316">
        <v>14</v>
      </c>
      <c r="AB12316">
        <v>14</v>
      </c>
      <c r="AC12316">
        <v>15</v>
      </c>
      <c r="AD12316">
        <v>15</v>
      </c>
      <c r="AE12316">
        <v>15</v>
      </c>
      <c r="AF12316">
        <v>15</v>
      </c>
      <c r="AG12316">
        <v>15</v>
      </c>
      <c r="AH12316">
        <v>15</v>
      </c>
      <c r="AI12316">
        <v>15</v>
      </c>
      <c r="AJ12316">
        <v>16</v>
      </c>
      <c r="AK12316">
        <v>16</v>
      </c>
      <c r="AL12316">
        <v>16</v>
      </c>
      <c r="AM12316">
        <v>16</v>
      </c>
      <c r="AN12316">
        <v>16</v>
      </c>
      <c r="AO12316">
        <v>16</v>
      </c>
      <c r="AP12316">
        <v>16</v>
      </c>
      <c r="AQ12316">
        <v>16</v>
      </c>
    </row>
    <row r="12317" spans="1:43">
      <c r="A12317" t="s">
        <v>7656</v>
      </c>
      <c r="B12317" t="s">
        <v>7657</v>
      </c>
      <c r="C12317" t="s">
        <v>7650</v>
      </c>
      <c r="D12317" t="s">
        <v>7651</v>
      </c>
      <c r="E12317" t="s">
        <v>7646</v>
      </c>
      <c r="F12317" t="s">
        <v>7647</v>
      </c>
      <c r="G12317" t="s">
        <v>80</v>
      </c>
      <c r="H12317" t="s">
        <v>81</v>
      </c>
      <c r="I12317" s="2">
        <v>0</v>
      </c>
      <c r="J12317" s="2">
        <v>1</v>
      </c>
      <c r="K12317" s="2">
        <v>0</v>
      </c>
      <c r="L12317" t="s">
        <v>82</v>
      </c>
      <c r="M12317" t="s">
        <v>83</v>
      </c>
      <c r="N12317" t="s">
        <v>91</v>
      </c>
      <c r="O12317" t="s">
        <v>85</v>
      </c>
      <c r="P12317" t="s">
        <v>86</v>
      </c>
      <c r="Q12317">
        <v>11</v>
      </c>
      <c r="R12317">
        <v>11</v>
      </c>
      <c r="S12317">
        <v>12</v>
      </c>
      <c r="T12317">
        <v>12</v>
      </c>
      <c r="U12317">
        <v>12</v>
      </c>
      <c r="V12317">
        <v>12</v>
      </c>
      <c r="W12317">
        <v>12</v>
      </c>
      <c r="X12317">
        <v>13</v>
      </c>
      <c r="Y12317">
        <v>13</v>
      </c>
      <c r="Z12317">
        <v>13</v>
      </c>
      <c r="AA12317">
        <v>13</v>
      </c>
      <c r="AB12317">
        <v>14</v>
      </c>
      <c r="AC12317">
        <v>14</v>
      </c>
      <c r="AD12317">
        <v>14</v>
      </c>
      <c r="AE12317">
        <v>14</v>
      </c>
      <c r="AF12317">
        <v>14</v>
      </c>
      <c r="AG12317">
        <v>15</v>
      </c>
      <c r="AH12317">
        <v>15</v>
      </c>
      <c r="AI12317">
        <v>15</v>
      </c>
      <c r="AJ12317">
        <v>15</v>
      </c>
      <c r="AK12317">
        <v>15</v>
      </c>
      <c r="AL12317">
        <v>16</v>
      </c>
      <c r="AM12317">
        <v>16</v>
      </c>
      <c r="AN12317">
        <v>16</v>
      </c>
      <c r="AO12317">
        <v>16</v>
      </c>
      <c r="AP12317">
        <v>16</v>
      </c>
      <c r="AQ12317">
        <v>16</v>
      </c>
    </row>
    <row r="12318" spans="1:43">
      <c r="A12318" t="s">
        <v>7658</v>
      </c>
      <c r="B12318" t="s">
        <v>7659</v>
      </c>
      <c r="C12318" t="s">
        <v>7644</v>
      </c>
      <c r="D12318" t="s">
        <v>7645</v>
      </c>
      <c r="E12318" t="s">
        <v>7646</v>
      </c>
      <c r="F12318" t="s">
        <v>7647</v>
      </c>
      <c r="G12318" t="s">
        <v>80</v>
      </c>
      <c r="H12318" t="s">
        <v>81</v>
      </c>
      <c r="I12318" s="2">
        <v>0</v>
      </c>
      <c r="J12318" s="2">
        <v>1</v>
      </c>
      <c r="K12318" s="2">
        <v>0</v>
      </c>
      <c r="L12318" t="s">
        <v>82</v>
      </c>
      <c r="M12318" t="s">
        <v>83</v>
      </c>
      <c r="N12318" t="s">
        <v>84</v>
      </c>
      <c r="O12318" t="s">
        <v>85</v>
      </c>
      <c r="P12318" t="s">
        <v>86</v>
      </c>
      <c r="Q12318">
        <v>14</v>
      </c>
      <c r="R12318">
        <v>14</v>
      </c>
      <c r="S12318">
        <v>14</v>
      </c>
      <c r="T12318">
        <v>14</v>
      </c>
      <c r="U12318">
        <v>15</v>
      </c>
      <c r="V12318">
        <v>15</v>
      </c>
      <c r="W12318">
        <v>15</v>
      </c>
      <c r="X12318">
        <v>15</v>
      </c>
      <c r="Y12318">
        <v>16</v>
      </c>
      <c r="Z12318">
        <v>16</v>
      </c>
      <c r="AA12318">
        <v>16</v>
      </c>
      <c r="AB12318">
        <v>16</v>
      </c>
      <c r="AC12318">
        <v>17</v>
      </c>
      <c r="AD12318">
        <v>17</v>
      </c>
      <c r="AE12318">
        <v>17</v>
      </c>
      <c r="AF12318">
        <v>17</v>
      </c>
      <c r="AG12318">
        <v>18</v>
      </c>
      <c r="AH12318">
        <v>18</v>
      </c>
      <c r="AI12318">
        <v>18</v>
      </c>
      <c r="AJ12318">
        <v>18</v>
      </c>
      <c r="AK12318">
        <v>19</v>
      </c>
      <c r="AL12318">
        <v>19</v>
      </c>
      <c r="AM12318">
        <v>19</v>
      </c>
      <c r="AN12318">
        <v>19</v>
      </c>
      <c r="AO12318">
        <v>19</v>
      </c>
      <c r="AP12318">
        <v>19</v>
      </c>
      <c r="AQ12318">
        <v>19</v>
      </c>
    </row>
    <row r="12319" spans="1:43">
      <c r="A12319" t="s">
        <v>7658</v>
      </c>
      <c r="B12319" t="s">
        <v>7659</v>
      </c>
      <c r="C12319" t="s">
        <v>7644</v>
      </c>
      <c r="D12319" t="s">
        <v>7645</v>
      </c>
      <c r="E12319" t="s">
        <v>7646</v>
      </c>
      <c r="F12319" t="s">
        <v>7647</v>
      </c>
      <c r="G12319" t="s">
        <v>80</v>
      </c>
      <c r="H12319" t="s">
        <v>81</v>
      </c>
      <c r="I12319" s="2">
        <v>0</v>
      </c>
      <c r="J12319" s="2">
        <v>1</v>
      </c>
      <c r="K12319" s="2">
        <v>0</v>
      </c>
      <c r="L12319" t="s">
        <v>82</v>
      </c>
      <c r="M12319" t="s">
        <v>87</v>
      </c>
      <c r="N12319" t="s">
        <v>88</v>
      </c>
      <c r="O12319" t="s">
        <v>85</v>
      </c>
      <c r="P12319" t="s">
        <v>86</v>
      </c>
      <c r="Q12319">
        <v>14</v>
      </c>
      <c r="R12319">
        <v>15</v>
      </c>
      <c r="S12319">
        <v>15</v>
      </c>
      <c r="T12319">
        <v>15</v>
      </c>
      <c r="U12319">
        <v>15</v>
      </c>
      <c r="V12319">
        <v>15</v>
      </c>
      <c r="W12319">
        <v>15</v>
      </c>
      <c r="X12319">
        <v>15</v>
      </c>
      <c r="Y12319">
        <v>15</v>
      </c>
      <c r="Z12319">
        <v>15</v>
      </c>
      <c r="AA12319">
        <v>16</v>
      </c>
      <c r="AB12319">
        <v>16</v>
      </c>
      <c r="AC12319">
        <v>16</v>
      </c>
      <c r="AD12319">
        <v>16</v>
      </c>
      <c r="AE12319">
        <v>16</v>
      </c>
      <c r="AF12319">
        <v>16</v>
      </c>
      <c r="AG12319">
        <v>16</v>
      </c>
      <c r="AH12319">
        <v>16</v>
      </c>
      <c r="AI12319">
        <v>17</v>
      </c>
      <c r="AJ12319">
        <v>17</v>
      </c>
      <c r="AK12319">
        <v>17</v>
      </c>
      <c r="AL12319">
        <v>17</v>
      </c>
      <c r="AM12319">
        <v>17</v>
      </c>
      <c r="AN12319">
        <v>17</v>
      </c>
      <c r="AO12319">
        <v>17</v>
      </c>
      <c r="AP12319">
        <v>17</v>
      </c>
      <c r="AQ12319">
        <v>18</v>
      </c>
    </row>
    <row r="12320" spans="1:43">
      <c r="A12320" t="s">
        <v>7658</v>
      </c>
      <c r="B12320" t="s">
        <v>7659</v>
      </c>
      <c r="C12320" t="s">
        <v>7644</v>
      </c>
      <c r="D12320" t="s">
        <v>7645</v>
      </c>
      <c r="E12320" t="s">
        <v>7646</v>
      </c>
      <c r="F12320" t="s">
        <v>7647</v>
      </c>
      <c r="G12320" t="s">
        <v>80</v>
      </c>
      <c r="H12320" t="s">
        <v>81</v>
      </c>
      <c r="I12320" s="2">
        <v>0</v>
      </c>
      <c r="J12320" s="2">
        <v>1</v>
      </c>
      <c r="K12320" s="2">
        <v>0</v>
      </c>
      <c r="L12320" t="s">
        <v>82</v>
      </c>
      <c r="M12320" t="s">
        <v>89</v>
      </c>
      <c r="N12320" t="s">
        <v>90</v>
      </c>
      <c r="O12320" t="s">
        <v>85</v>
      </c>
      <c r="P12320" t="s">
        <v>86</v>
      </c>
      <c r="Q12320">
        <v>14</v>
      </c>
      <c r="R12320">
        <v>14</v>
      </c>
      <c r="S12320">
        <v>14</v>
      </c>
      <c r="T12320">
        <v>15</v>
      </c>
      <c r="U12320">
        <v>15</v>
      </c>
      <c r="V12320">
        <v>15</v>
      </c>
      <c r="W12320">
        <v>16</v>
      </c>
      <c r="X12320">
        <v>16</v>
      </c>
      <c r="Y12320">
        <v>16</v>
      </c>
      <c r="Z12320">
        <v>17</v>
      </c>
      <c r="AA12320">
        <v>17</v>
      </c>
      <c r="AB12320">
        <v>17</v>
      </c>
      <c r="AC12320">
        <v>18</v>
      </c>
      <c r="AD12320">
        <v>18</v>
      </c>
      <c r="AE12320">
        <v>18</v>
      </c>
      <c r="AF12320">
        <v>18</v>
      </c>
      <c r="AG12320">
        <v>18</v>
      </c>
      <c r="AH12320">
        <v>19</v>
      </c>
      <c r="AI12320">
        <v>19</v>
      </c>
      <c r="AJ12320">
        <v>19</v>
      </c>
      <c r="AK12320">
        <v>19</v>
      </c>
      <c r="AL12320">
        <v>19</v>
      </c>
      <c r="AM12320">
        <v>19</v>
      </c>
      <c r="AN12320">
        <v>19</v>
      </c>
      <c r="AO12320">
        <v>19</v>
      </c>
      <c r="AP12320">
        <v>19</v>
      </c>
      <c r="AQ12320">
        <v>19</v>
      </c>
    </row>
    <row r="12321" spans="1:43">
      <c r="A12321" t="s">
        <v>7658</v>
      </c>
      <c r="B12321" t="s">
        <v>7659</v>
      </c>
      <c r="C12321" t="s">
        <v>7644</v>
      </c>
      <c r="D12321" t="s">
        <v>7645</v>
      </c>
      <c r="E12321" t="s">
        <v>7646</v>
      </c>
      <c r="F12321" t="s">
        <v>7647</v>
      </c>
      <c r="G12321" t="s">
        <v>80</v>
      </c>
      <c r="H12321" t="s">
        <v>81</v>
      </c>
      <c r="I12321" s="2">
        <v>0</v>
      </c>
      <c r="J12321" s="2">
        <v>1</v>
      </c>
      <c r="K12321" s="2">
        <v>0</v>
      </c>
      <c r="L12321" t="s">
        <v>82</v>
      </c>
      <c r="M12321" t="s">
        <v>83</v>
      </c>
      <c r="N12321" t="s">
        <v>91</v>
      </c>
      <c r="O12321" t="s">
        <v>85</v>
      </c>
      <c r="P12321" t="s">
        <v>86</v>
      </c>
      <c r="Q12321">
        <v>14</v>
      </c>
      <c r="R12321">
        <v>14</v>
      </c>
      <c r="S12321">
        <v>14</v>
      </c>
      <c r="T12321">
        <v>14</v>
      </c>
      <c r="U12321">
        <v>15</v>
      </c>
      <c r="V12321">
        <v>15</v>
      </c>
      <c r="W12321">
        <v>15</v>
      </c>
      <c r="X12321">
        <v>15</v>
      </c>
      <c r="Y12321">
        <v>16</v>
      </c>
      <c r="Z12321">
        <v>16</v>
      </c>
      <c r="AA12321">
        <v>16</v>
      </c>
      <c r="AB12321">
        <v>16</v>
      </c>
      <c r="AC12321">
        <v>17</v>
      </c>
      <c r="AD12321">
        <v>17</v>
      </c>
      <c r="AE12321">
        <v>17</v>
      </c>
      <c r="AF12321">
        <v>17</v>
      </c>
      <c r="AG12321">
        <v>18</v>
      </c>
      <c r="AH12321">
        <v>18</v>
      </c>
      <c r="AI12321">
        <v>18</v>
      </c>
      <c r="AJ12321">
        <v>18</v>
      </c>
      <c r="AK12321">
        <v>19</v>
      </c>
      <c r="AL12321">
        <v>19</v>
      </c>
      <c r="AM12321">
        <v>19</v>
      </c>
      <c r="AN12321">
        <v>19</v>
      </c>
      <c r="AO12321">
        <v>19</v>
      </c>
      <c r="AP12321">
        <v>19</v>
      </c>
      <c r="AQ12321">
        <v>19</v>
      </c>
    </row>
    <row r="12322" spans="1:43">
      <c r="A12322" t="s">
        <v>7660</v>
      </c>
      <c r="B12322" t="s">
        <v>7661</v>
      </c>
      <c r="C12322" t="s">
        <v>7644</v>
      </c>
      <c r="D12322" t="s">
        <v>7645</v>
      </c>
      <c r="E12322" t="s">
        <v>7646</v>
      </c>
      <c r="F12322" t="s">
        <v>7647</v>
      </c>
      <c r="G12322" t="s">
        <v>80</v>
      </c>
      <c r="H12322" t="s">
        <v>81</v>
      </c>
      <c r="I12322" s="2">
        <v>0</v>
      </c>
      <c r="J12322" s="2">
        <v>1</v>
      </c>
      <c r="K12322" s="2">
        <v>0</v>
      </c>
      <c r="L12322" t="s">
        <v>82</v>
      </c>
      <c r="M12322" t="s">
        <v>83</v>
      </c>
      <c r="N12322" t="s">
        <v>84</v>
      </c>
      <c r="O12322" t="s">
        <v>85</v>
      </c>
      <c r="P12322" t="s">
        <v>86</v>
      </c>
      <c r="Q12322">
        <v>10</v>
      </c>
      <c r="R12322">
        <v>11</v>
      </c>
      <c r="S12322">
        <v>11</v>
      </c>
      <c r="T12322">
        <v>11</v>
      </c>
      <c r="U12322">
        <v>11</v>
      </c>
      <c r="V12322">
        <v>11</v>
      </c>
      <c r="W12322">
        <v>12</v>
      </c>
      <c r="X12322">
        <v>12</v>
      </c>
      <c r="Y12322">
        <v>12</v>
      </c>
      <c r="Z12322">
        <v>12</v>
      </c>
      <c r="AA12322">
        <v>12</v>
      </c>
      <c r="AB12322">
        <v>13</v>
      </c>
      <c r="AC12322">
        <v>13</v>
      </c>
      <c r="AD12322">
        <v>13</v>
      </c>
      <c r="AE12322">
        <v>13</v>
      </c>
      <c r="AF12322">
        <v>13</v>
      </c>
      <c r="AG12322">
        <v>14</v>
      </c>
      <c r="AH12322">
        <v>14</v>
      </c>
      <c r="AI12322">
        <v>14</v>
      </c>
      <c r="AJ12322">
        <v>14</v>
      </c>
      <c r="AK12322">
        <v>14</v>
      </c>
      <c r="AL12322">
        <v>15</v>
      </c>
      <c r="AM12322">
        <v>15</v>
      </c>
      <c r="AN12322">
        <v>15</v>
      </c>
      <c r="AO12322">
        <v>15</v>
      </c>
      <c r="AP12322">
        <v>15</v>
      </c>
      <c r="AQ12322">
        <v>15</v>
      </c>
    </row>
    <row r="12323" spans="1:43">
      <c r="A12323" t="s">
        <v>7660</v>
      </c>
      <c r="B12323" t="s">
        <v>7661</v>
      </c>
      <c r="C12323" t="s">
        <v>7644</v>
      </c>
      <c r="D12323" t="s">
        <v>7645</v>
      </c>
      <c r="E12323" t="s">
        <v>7646</v>
      </c>
      <c r="F12323" t="s">
        <v>7647</v>
      </c>
      <c r="G12323" t="s">
        <v>80</v>
      </c>
      <c r="H12323" t="s">
        <v>81</v>
      </c>
      <c r="I12323" s="2">
        <v>0</v>
      </c>
      <c r="J12323" s="2">
        <v>1</v>
      </c>
      <c r="K12323" s="2">
        <v>0</v>
      </c>
      <c r="L12323" t="s">
        <v>82</v>
      </c>
      <c r="M12323" t="s">
        <v>87</v>
      </c>
      <c r="N12323" t="s">
        <v>88</v>
      </c>
      <c r="O12323" t="s">
        <v>85</v>
      </c>
      <c r="P12323" t="s">
        <v>86</v>
      </c>
      <c r="Q12323">
        <v>10</v>
      </c>
      <c r="R12323">
        <v>10</v>
      </c>
      <c r="S12323">
        <v>11</v>
      </c>
      <c r="T12323">
        <v>11</v>
      </c>
      <c r="U12323">
        <v>11</v>
      </c>
      <c r="V12323">
        <v>11</v>
      </c>
      <c r="W12323">
        <v>11</v>
      </c>
      <c r="X12323">
        <v>11</v>
      </c>
      <c r="Y12323">
        <v>11</v>
      </c>
      <c r="Z12323">
        <v>11</v>
      </c>
      <c r="AA12323">
        <v>11</v>
      </c>
      <c r="AB12323">
        <v>11</v>
      </c>
      <c r="AC12323">
        <v>12</v>
      </c>
      <c r="AD12323">
        <v>12</v>
      </c>
      <c r="AE12323">
        <v>12</v>
      </c>
      <c r="AF12323">
        <v>12</v>
      </c>
      <c r="AG12323">
        <v>12</v>
      </c>
      <c r="AH12323">
        <v>12</v>
      </c>
      <c r="AI12323">
        <v>12</v>
      </c>
      <c r="AJ12323">
        <v>12</v>
      </c>
      <c r="AK12323">
        <v>12</v>
      </c>
      <c r="AL12323">
        <v>12</v>
      </c>
      <c r="AM12323">
        <v>13</v>
      </c>
      <c r="AN12323">
        <v>13</v>
      </c>
      <c r="AO12323">
        <v>13</v>
      </c>
      <c r="AP12323">
        <v>13</v>
      </c>
      <c r="AQ12323">
        <v>13</v>
      </c>
    </row>
    <row r="12324" spans="1:43">
      <c r="A12324" t="s">
        <v>7660</v>
      </c>
      <c r="B12324" t="s">
        <v>7661</v>
      </c>
      <c r="C12324" t="s">
        <v>7644</v>
      </c>
      <c r="D12324" t="s">
        <v>7645</v>
      </c>
      <c r="E12324" t="s">
        <v>7646</v>
      </c>
      <c r="F12324" t="s">
        <v>7647</v>
      </c>
      <c r="G12324" t="s">
        <v>80</v>
      </c>
      <c r="H12324" t="s">
        <v>81</v>
      </c>
      <c r="I12324" s="2">
        <v>0</v>
      </c>
      <c r="J12324" s="2">
        <v>1</v>
      </c>
      <c r="K12324" s="2">
        <v>0</v>
      </c>
      <c r="L12324" t="s">
        <v>82</v>
      </c>
      <c r="M12324" t="s">
        <v>89</v>
      </c>
      <c r="N12324" t="s">
        <v>90</v>
      </c>
      <c r="O12324" t="s">
        <v>85</v>
      </c>
      <c r="P12324" t="s">
        <v>86</v>
      </c>
      <c r="Q12324">
        <v>10</v>
      </c>
      <c r="R12324">
        <v>10</v>
      </c>
      <c r="S12324">
        <v>10</v>
      </c>
      <c r="T12324">
        <v>10</v>
      </c>
      <c r="U12324">
        <v>11</v>
      </c>
      <c r="V12324">
        <v>11</v>
      </c>
      <c r="W12324">
        <v>11</v>
      </c>
      <c r="X12324">
        <v>12</v>
      </c>
      <c r="Y12324">
        <v>12</v>
      </c>
      <c r="Z12324">
        <v>12</v>
      </c>
      <c r="AA12324">
        <v>12</v>
      </c>
      <c r="AB12324">
        <v>12</v>
      </c>
      <c r="AC12324">
        <v>13</v>
      </c>
      <c r="AD12324">
        <v>13</v>
      </c>
      <c r="AE12324">
        <v>13</v>
      </c>
      <c r="AF12324">
        <v>13</v>
      </c>
      <c r="AG12324">
        <v>13</v>
      </c>
      <c r="AH12324">
        <v>13</v>
      </c>
      <c r="AI12324">
        <v>13</v>
      </c>
      <c r="AJ12324">
        <v>14</v>
      </c>
      <c r="AK12324">
        <v>14</v>
      </c>
      <c r="AL12324">
        <v>14</v>
      </c>
      <c r="AM12324">
        <v>14</v>
      </c>
      <c r="AN12324">
        <v>14</v>
      </c>
      <c r="AO12324">
        <v>14</v>
      </c>
      <c r="AP12324">
        <v>14</v>
      </c>
      <c r="AQ12324">
        <v>14</v>
      </c>
    </row>
    <row r="12325" spans="1:43">
      <c r="A12325" t="s">
        <v>7660</v>
      </c>
      <c r="B12325" t="s">
        <v>7661</v>
      </c>
      <c r="C12325" t="s">
        <v>7644</v>
      </c>
      <c r="D12325" t="s">
        <v>7645</v>
      </c>
      <c r="E12325" t="s">
        <v>7646</v>
      </c>
      <c r="F12325" t="s">
        <v>7647</v>
      </c>
      <c r="G12325" t="s">
        <v>80</v>
      </c>
      <c r="H12325" t="s">
        <v>81</v>
      </c>
      <c r="I12325" s="2">
        <v>0</v>
      </c>
      <c r="J12325" s="2">
        <v>1</v>
      </c>
      <c r="K12325" s="2">
        <v>0</v>
      </c>
      <c r="L12325" t="s">
        <v>82</v>
      </c>
      <c r="M12325" t="s">
        <v>83</v>
      </c>
      <c r="N12325" t="s">
        <v>91</v>
      </c>
      <c r="O12325" t="s">
        <v>85</v>
      </c>
      <c r="P12325" t="s">
        <v>86</v>
      </c>
      <c r="Q12325">
        <v>10</v>
      </c>
      <c r="R12325">
        <v>11</v>
      </c>
      <c r="S12325">
        <v>11</v>
      </c>
      <c r="T12325">
        <v>11</v>
      </c>
      <c r="U12325">
        <v>11</v>
      </c>
      <c r="V12325">
        <v>11</v>
      </c>
      <c r="W12325">
        <v>12</v>
      </c>
      <c r="X12325">
        <v>12</v>
      </c>
      <c r="Y12325">
        <v>12</v>
      </c>
      <c r="Z12325">
        <v>12</v>
      </c>
      <c r="AA12325">
        <v>12</v>
      </c>
      <c r="AB12325">
        <v>13</v>
      </c>
      <c r="AC12325">
        <v>13</v>
      </c>
      <c r="AD12325">
        <v>13</v>
      </c>
      <c r="AE12325">
        <v>13</v>
      </c>
      <c r="AF12325">
        <v>13</v>
      </c>
      <c r="AG12325">
        <v>14</v>
      </c>
      <c r="AH12325">
        <v>14</v>
      </c>
      <c r="AI12325">
        <v>14</v>
      </c>
      <c r="AJ12325">
        <v>14</v>
      </c>
      <c r="AK12325">
        <v>14</v>
      </c>
      <c r="AL12325">
        <v>15</v>
      </c>
      <c r="AM12325">
        <v>15</v>
      </c>
      <c r="AN12325">
        <v>15</v>
      </c>
      <c r="AO12325">
        <v>15</v>
      </c>
      <c r="AP12325">
        <v>15</v>
      </c>
      <c r="AQ12325">
        <v>15</v>
      </c>
    </row>
    <row r="12326" spans="1:43">
      <c r="A12326" t="s">
        <v>7662</v>
      </c>
      <c r="B12326" t="s">
        <v>7663</v>
      </c>
      <c r="C12326" t="s">
        <v>7644</v>
      </c>
      <c r="D12326" t="s">
        <v>7645</v>
      </c>
      <c r="E12326" t="s">
        <v>7646</v>
      </c>
      <c r="F12326" t="s">
        <v>7647</v>
      </c>
      <c r="G12326" t="s">
        <v>80</v>
      </c>
      <c r="H12326" t="s">
        <v>81</v>
      </c>
      <c r="I12326" s="2">
        <v>0</v>
      </c>
      <c r="J12326" s="2">
        <v>1</v>
      </c>
      <c r="K12326" s="2">
        <v>0</v>
      </c>
      <c r="L12326" t="s">
        <v>82</v>
      </c>
      <c r="M12326" t="s">
        <v>83</v>
      </c>
      <c r="N12326" t="s">
        <v>84</v>
      </c>
      <c r="O12326" t="s">
        <v>85</v>
      </c>
      <c r="P12326" t="s">
        <v>86</v>
      </c>
      <c r="Q12326">
        <v>62</v>
      </c>
      <c r="R12326">
        <v>63</v>
      </c>
      <c r="S12326">
        <v>65</v>
      </c>
      <c r="T12326">
        <v>66</v>
      </c>
      <c r="U12326">
        <v>67</v>
      </c>
      <c r="V12326">
        <v>68</v>
      </c>
      <c r="W12326">
        <v>69</v>
      </c>
      <c r="X12326">
        <v>71</v>
      </c>
      <c r="Y12326">
        <v>72</v>
      </c>
      <c r="Z12326">
        <v>73</v>
      </c>
      <c r="AA12326">
        <v>74</v>
      </c>
      <c r="AB12326">
        <v>75</v>
      </c>
      <c r="AC12326">
        <v>76</v>
      </c>
      <c r="AD12326">
        <v>78</v>
      </c>
      <c r="AE12326">
        <v>79</v>
      </c>
      <c r="AF12326">
        <v>80</v>
      </c>
      <c r="AG12326">
        <v>81</v>
      </c>
      <c r="AH12326">
        <v>82</v>
      </c>
      <c r="AI12326">
        <v>84</v>
      </c>
      <c r="AJ12326">
        <v>85</v>
      </c>
      <c r="AK12326">
        <v>86</v>
      </c>
      <c r="AL12326">
        <v>87</v>
      </c>
      <c r="AM12326">
        <v>87</v>
      </c>
      <c r="AN12326">
        <v>87</v>
      </c>
      <c r="AO12326">
        <v>88</v>
      </c>
      <c r="AP12326">
        <v>88</v>
      </c>
      <c r="AQ12326">
        <v>88</v>
      </c>
    </row>
    <row r="12327" spans="1:43">
      <c r="A12327" t="s">
        <v>7662</v>
      </c>
      <c r="B12327" t="s">
        <v>7663</v>
      </c>
      <c r="C12327" t="s">
        <v>7644</v>
      </c>
      <c r="D12327" t="s">
        <v>7645</v>
      </c>
      <c r="E12327" t="s">
        <v>7646</v>
      </c>
      <c r="F12327" t="s">
        <v>7647</v>
      </c>
      <c r="G12327" t="s">
        <v>80</v>
      </c>
      <c r="H12327" t="s">
        <v>81</v>
      </c>
      <c r="I12327" s="2">
        <v>0</v>
      </c>
      <c r="J12327" s="2">
        <v>1</v>
      </c>
      <c r="K12327" s="2">
        <v>0</v>
      </c>
      <c r="L12327" t="s">
        <v>82</v>
      </c>
      <c r="M12327" t="s">
        <v>87</v>
      </c>
      <c r="N12327" t="s">
        <v>88</v>
      </c>
      <c r="O12327" t="s">
        <v>85</v>
      </c>
      <c r="P12327" t="s">
        <v>86</v>
      </c>
      <c r="Q12327">
        <v>62</v>
      </c>
      <c r="R12327">
        <v>62</v>
      </c>
      <c r="S12327">
        <v>63</v>
      </c>
      <c r="T12327">
        <v>63</v>
      </c>
      <c r="U12327">
        <v>64</v>
      </c>
      <c r="V12327">
        <v>65</v>
      </c>
      <c r="W12327">
        <v>65</v>
      </c>
      <c r="X12327">
        <v>66</v>
      </c>
      <c r="Y12327">
        <v>66</v>
      </c>
      <c r="Z12327">
        <v>67</v>
      </c>
      <c r="AA12327">
        <v>67</v>
      </c>
      <c r="AB12327">
        <v>68</v>
      </c>
      <c r="AC12327">
        <v>69</v>
      </c>
      <c r="AD12327">
        <v>69</v>
      </c>
      <c r="AE12327">
        <v>70</v>
      </c>
      <c r="AF12327">
        <v>70</v>
      </c>
      <c r="AG12327">
        <v>71</v>
      </c>
      <c r="AH12327">
        <v>72</v>
      </c>
      <c r="AI12327">
        <v>72</v>
      </c>
      <c r="AJ12327">
        <v>73</v>
      </c>
      <c r="AK12327">
        <v>73</v>
      </c>
      <c r="AL12327">
        <v>74</v>
      </c>
      <c r="AM12327">
        <v>75</v>
      </c>
      <c r="AN12327">
        <v>75</v>
      </c>
      <c r="AO12327">
        <v>76</v>
      </c>
      <c r="AP12327">
        <v>76</v>
      </c>
      <c r="AQ12327">
        <v>77</v>
      </c>
    </row>
    <row r="12328" spans="1:43">
      <c r="A12328" t="s">
        <v>7662</v>
      </c>
      <c r="B12328" t="s">
        <v>7663</v>
      </c>
      <c r="C12328" t="s">
        <v>7644</v>
      </c>
      <c r="D12328" t="s">
        <v>7645</v>
      </c>
      <c r="E12328" t="s">
        <v>7646</v>
      </c>
      <c r="F12328" t="s">
        <v>7647</v>
      </c>
      <c r="G12328" t="s">
        <v>80</v>
      </c>
      <c r="H12328" t="s">
        <v>81</v>
      </c>
      <c r="I12328" s="2">
        <v>0</v>
      </c>
      <c r="J12328" s="2">
        <v>1</v>
      </c>
      <c r="K12328" s="2">
        <v>0</v>
      </c>
      <c r="L12328" t="s">
        <v>82</v>
      </c>
      <c r="M12328" t="s">
        <v>89</v>
      </c>
      <c r="N12328" t="s">
        <v>90</v>
      </c>
      <c r="O12328" t="s">
        <v>85</v>
      </c>
      <c r="P12328" t="s">
        <v>86</v>
      </c>
      <c r="Q12328">
        <v>62</v>
      </c>
      <c r="R12328">
        <v>64</v>
      </c>
      <c r="S12328">
        <v>65</v>
      </c>
      <c r="T12328">
        <v>67</v>
      </c>
      <c r="U12328">
        <v>69</v>
      </c>
      <c r="V12328">
        <v>70</v>
      </c>
      <c r="W12328">
        <v>72</v>
      </c>
      <c r="X12328">
        <v>73</v>
      </c>
      <c r="Y12328">
        <v>75</v>
      </c>
      <c r="Z12328">
        <v>76</v>
      </c>
      <c r="AA12328">
        <v>78</v>
      </c>
      <c r="AB12328">
        <v>79</v>
      </c>
      <c r="AC12328">
        <v>81</v>
      </c>
      <c r="AD12328">
        <v>82</v>
      </c>
      <c r="AE12328">
        <v>83</v>
      </c>
      <c r="AF12328">
        <v>84</v>
      </c>
      <c r="AG12328">
        <v>84</v>
      </c>
      <c r="AH12328">
        <v>85</v>
      </c>
      <c r="AI12328">
        <v>85</v>
      </c>
      <c r="AJ12328">
        <v>85</v>
      </c>
      <c r="AK12328">
        <v>86</v>
      </c>
      <c r="AL12328">
        <v>86</v>
      </c>
      <c r="AM12328">
        <v>87</v>
      </c>
      <c r="AN12328">
        <v>87</v>
      </c>
      <c r="AO12328">
        <v>87</v>
      </c>
      <c r="AP12328">
        <v>88</v>
      </c>
      <c r="AQ12328">
        <v>88</v>
      </c>
    </row>
    <row r="12329" spans="1:43">
      <c r="A12329" t="s">
        <v>7662</v>
      </c>
      <c r="B12329" t="s">
        <v>7663</v>
      </c>
      <c r="C12329" t="s">
        <v>7644</v>
      </c>
      <c r="D12329" t="s">
        <v>7645</v>
      </c>
      <c r="E12329" t="s">
        <v>7646</v>
      </c>
      <c r="F12329" t="s">
        <v>7647</v>
      </c>
      <c r="G12329" t="s">
        <v>80</v>
      </c>
      <c r="H12329" t="s">
        <v>81</v>
      </c>
      <c r="I12329" s="2">
        <v>0</v>
      </c>
      <c r="J12329" s="2">
        <v>1</v>
      </c>
      <c r="K12329" s="2">
        <v>0</v>
      </c>
      <c r="L12329" t="s">
        <v>82</v>
      </c>
      <c r="M12329" t="s">
        <v>83</v>
      </c>
      <c r="N12329" t="s">
        <v>91</v>
      </c>
      <c r="O12329" t="s">
        <v>85</v>
      </c>
      <c r="P12329" t="s">
        <v>86</v>
      </c>
      <c r="Q12329">
        <v>62</v>
      </c>
      <c r="R12329">
        <v>63</v>
      </c>
      <c r="S12329">
        <v>65</v>
      </c>
      <c r="T12329">
        <v>66</v>
      </c>
      <c r="U12329">
        <v>67</v>
      </c>
      <c r="V12329">
        <v>68</v>
      </c>
      <c r="W12329">
        <v>69</v>
      </c>
      <c r="X12329">
        <v>71</v>
      </c>
      <c r="Y12329">
        <v>72</v>
      </c>
      <c r="Z12329">
        <v>73</v>
      </c>
      <c r="AA12329">
        <v>74</v>
      </c>
      <c r="AB12329">
        <v>75</v>
      </c>
      <c r="AC12329">
        <v>76</v>
      </c>
      <c r="AD12329">
        <v>78</v>
      </c>
      <c r="AE12329">
        <v>79</v>
      </c>
      <c r="AF12329">
        <v>80</v>
      </c>
      <c r="AG12329">
        <v>81</v>
      </c>
      <c r="AH12329">
        <v>82</v>
      </c>
      <c r="AI12329">
        <v>84</v>
      </c>
      <c r="AJ12329">
        <v>85</v>
      </c>
      <c r="AK12329">
        <v>86</v>
      </c>
      <c r="AL12329">
        <v>87</v>
      </c>
      <c r="AM12329">
        <v>87</v>
      </c>
      <c r="AN12329">
        <v>87</v>
      </c>
      <c r="AO12329">
        <v>88</v>
      </c>
      <c r="AP12329">
        <v>88</v>
      </c>
      <c r="AQ12329">
        <v>88</v>
      </c>
    </row>
    <row r="12330" spans="1:43">
      <c r="A12330" t="s">
        <v>7664</v>
      </c>
      <c r="B12330" t="s">
        <v>7665</v>
      </c>
      <c r="C12330" t="s">
        <v>7666</v>
      </c>
      <c r="D12330" t="s">
        <v>7667</v>
      </c>
      <c r="E12330" t="s">
        <v>7646</v>
      </c>
      <c r="F12330" t="s">
        <v>7647</v>
      </c>
      <c r="G12330" t="s">
        <v>80</v>
      </c>
      <c r="H12330" t="s">
        <v>81</v>
      </c>
      <c r="I12330" s="2">
        <v>0</v>
      </c>
      <c r="J12330" s="2">
        <v>1</v>
      </c>
      <c r="K12330" s="2">
        <v>0</v>
      </c>
      <c r="L12330" t="s">
        <v>82</v>
      </c>
      <c r="M12330" t="s">
        <v>83</v>
      </c>
      <c r="N12330" t="s">
        <v>84</v>
      </c>
      <c r="O12330" t="s">
        <v>85</v>
      </c>
      <c r="P12330" t="s">
        <v>86</v>
      </c>
      <c r="Q12330">
        <v>18</v>
      </c>
      <c r="R12330">
        <v>18</v>
      </c>
      <c r="S12330">
        <v>19</v>
      </c>
      <c r="T12330">
        <v>19</v>
      </c>
      <c r="U12330">
        <v>19</v>
      </c>
      <c r="V12330">
        <v>20</v>
      </c>
      <c r="W12330">
        <v>20</v>
      </c>
      <c r="X12330">
        <v>20</v>
      </c>
      <c r="Y12330">
        <v>21</v>
      </c>
      <c r="Z12330">
        <v>21</v>
      </c>
      <c r="AA12330">
        <v>22</v>
      </c>
      <c r="AB12330">
        <v>22</v>
      </c>
      <c r="AC12330">
        <v>22</v>
      </c>
      <c r="AD12330">
        <v>23</v>
      </c>
      <c r="AE12330">
        <v>23</v>
      </c>
      <c r="AF12330">
        <v>23</v>
      </c>
      <c r="AG12330">
        <v>24</v>
      </c>
      <c r="AH12330">
        <v>24</v>
      </c>
      <c r="AI12330">
        <v>24</v>
      </c>
      <c r="AJ12330">
        <v>25</v>
      </c>
      <c r="AK12330">
        <v>25</v>
      </c>
      <c r="AL12330">
        <v>25</v>
      </c>
      <c r="AM12330">
        <v>25</v>
      </c>
      <c r="AN12330">
        <v>25</v>
      </c>
      <c r="AO12330">
        <v>25</v>
      </c>
      <c r="AP12330">
        <v>26</v>
      </c>
      <c r="AQ12330">
        <v>26</v>
      </c>
    </row>
    <row r="12331" spans="1:43">
      <c r="A12331" t="s">
        <v>7664</v>
      </c>
      <c r="B12331" t="s">
        <v>7665</v>
      </c>
      <c r="C12331" t="s">
        <v>7666</v>
      </c>
      <c r="D12331" t="s">
        <v>7667</v>
      </c>
      <c r="E12331" t="s">
        <v>7646</v>
      </c>
      <c r="F12331" t="s">
        <v>7647</v>
      </c>
      <c r="G12331" t="s">
        <v>80</v>
      </c>
      <c r="H12331" t="s">
        <v>81</v>
      </c>
      <c r="I12331" s="2">
        <v>0</v>
      </c>
      <c r="J12331" s="2">
        <v>1</v>
      </c>
      <c r="K12331" s="2">
        <v>0</v>
      </c>
      <c r="L12331" t="s">
        <v>82</v>
      </c>
      <c r="M12331" t="s">
        <v>87</v>
      </c>
      <c r="N12331" t="s">
        <v>88</v>
      </c>
      <c r="O12331" t="s">
        <v>85</v>
      </c>
      <c r="P12331" t="s">
        <v>86</v>
      </c>
      <c r="Q12331">
        <v>18</v>
      </c>
      <c r="R12331">
        <v>18</v>
      </c>
      <c r="S12331">
        <v>18</v>
      </c>
      <c r="T12331">
        <v>18</v>
      </c>
      <c r="U12331">
        <v>19</v>
      </c>
      <c r="V12331">
        <v>19</v>
      </c>
      <c r="W12331">
        <v>19</v>
      </c>
      <c r="X12331">
        <v>19</v>
      </c>
      <c r="Y12331">
        <v>19</v>
      </c>
      <c r="Z12331">
        <v>19</v>
      </c>
      <c r="AA12331">
        <v>20</v>
      </c>
      <c r="AB12331">
        <v>20</v>
      </c>
      <c r="AC12331">
        <v>20</v>
      </c>
      <c r="AD12331">
        <v>20</v>
      </c>
      <c r="AE12331">
        <v>20</v>
      </c>
      <c r="AF12331">
        <v>20</v>
      </c>
      <c r="AG12331">
        <v>21</v>
      </c>
      <c r="AH12331">
        <v>21</v>
      </c>
      <c r="AI12331">
        <v>21</v>
      </c>
      <c r="AJ12331">
        <v>21</v>
      </c>
      <c r="AK12331">
        <v>21</v>
      </c>
      <c r="AL12331">
        <v>21</v>
      </c>
      <c r="AM12331">
        <v>22</v>
      </c>
      <c r="AN12331">
        <v>22</v>
      </c>
      <c r="AO12331">
        <v>22</v>
      </c>
      <c r="AP12331">
        <v>22</v>
      </c>
      <c r="AQ12331">
        <v>22</v>
      </c>
    </row>
    <row r="12332" spans="1:43">
      <c r="A12332" t="s">
        <v>7664</v>
      </c>
      <c r="B12332" t="s">
        <v>7665</v>
      </c>
      <c r="C12332" t="s">
        <v>7666</v>
      </c>
      <c r="D12332" t="s">
        <v>7667</v>
      </c>
      <c r="E12332" t="s">
        <v>7646</v>
      </c>
      <c r="F12332" t="s">
        <v>7647</v>
      </c>
      <c r="G12332" t="s">
        <v>80</v>
      </c>
      <c r="H12332" t="s">
        <v>81</v>
      </c>
      <c r="I12332" s="2">
        <v>0</v>
      </c>
      <c r="J12332" s="2">
        <v>1</v>
      </c>
      <c r="K12332" s="2">
        <v>0</v>
      </c>
      <c r="L12332" t="s">
        <v>82</v>
      </c>
      <c r="M12332" t="s">
        <v>89</v>
      </c>
      <c r="N12332" t="s">
        <v>90</v>
      </c>
      <c r="O12332" t="s">
        <v>85</v>
      </c>
      <c r="P12332" t="s">
        <v>86</v>
      </c>
      <c r="Q12332">
        <v>18</v>
      </c>
      <c r="R12332">
        <v>19</v>
      </c>
      <c r="S12332">
        <v>19</v>
      </c>
      <c r="T12332">
        <v>20</v>
      </c>
      <c r="U12332">
        <v>20</v>
      </c>
      <c r="V12332">
        <v>21</v>
      </c>
      <c r="W12332">
        <v>21</v>
      </c>
      <c r="X12332">
        <v>22</v>
      </c>
      <c r="Y12332">
        <v>22</v>
      </c>
      <c r="Z12332">
        <v>22</v>
      </c>
      <c r="AA12332">
        <v>23</v>
      </c>
      <c r="AB12332">
        <v>23</v>
      </c>
      <c r="AC12332">
        <v>24</v>
      </c>
      <c r="AD12332">
        <v>24</v>
      </c>
      <c r="AE12332">
        <v>24</v>
      </c>
      <c r="AF12332">
        <v>25</v>
      </c>
      <c r="AG12332">
        <v>25</v>
      </c>
      <c r="AH12332">
        <v>25</v>
      </c>
      <c r="AI12332">
        <v>25</v>
      </c>
      <c r="AJ12332">
        <v>25</v>
      </c>
      <c r="AK12332">
        <v>25</v>
      </c>
      <c r="AL12332">
        <v>25</v>
      </c>
      <c r="AM12332">
        <v>25</v>
      </c>
      <c r="AN12332">
        <v>25</v>
      </c>
      <c r="AO12332">
        <v>26</v>
      </c>
      <c r="AP12332">
        <v>26</v>
      </c>
      <c r="AQ12332">
        <v>26</v>
      </c>
    </row>
    <row r="12333" spans="1:43">
      <c r="A12333" t="s">
        <v>7664</v>
      </c>
      <c r="B12333" t="s">
        <v>7665</v>
      </c>
      <c r="C12333" t="s">
        <v>7666</v>
      </c>
      <c r="D12333" t="s">
        <v>7667</v>
      </c>
      <c r="E12333" t="s">
        <v>7646</v>
      </c>
      <c r="F12333" t="s">
        <v>7647</v>
      </c>
      <c r="G12333" t="s">
        <v>80</v>
      </c>
      <c r="H12333" t="s">
        <v>81</v>
      </c>
      <c r="I12333" s="2">
        <v>0</v>
      </c>
      <c r="J12333" s="2">
        <v>1</v>
      </c>
      <c r="K12333" s="2">
        <v>0</v>
      </c>
      <c r="L12333" t="s">
        <v>82</v>
      </c>
      <c r="M12333" t="s">
        <v>83</v>
      </c>
      <c r="N12333" t="s">
        <v>91</v>
      </c>
      <c r="O12333" t="s">
        <v>85</v>
      </c>
      <c r="P12333" t="s">
        <v>86</v>
      </c>
      <c r="Q12333">
        <v>18</v>
      </c>
      <c r="R12333">
        <v>18</v>
      </c>
      <c r="S12333">
        <v>19</v>
      </c>
      <c r="T12333">
        <v>19</v>
      </c>
      <c r="U12333">
        <v>19</v>
      </c>
      <c r="V12333">
        <v>20</v>
      </c>
      <c r="W12333">
        <v>20</v>
      </c>
      <c r="X12333">
        <v>20</v>
      </c>
      <c r="Y12333">
        <v>21</v>
      </c>
      <c r="Z12333">
        <v>21</v>
      </c>
      <c r="AA12333">
        <v>22</v>
      </c>
      <c r="AB12333">
        <v>22</v>
      </c>
      <c r="AC12333">
        <v>22</v>
      </c>
      <c r="AD12333">
        <v>23</v>
      </c>
      <c r="AE12333">
        <v>23</v>
      </c>
      <c r="AF12333">
        <v>23</v>
      </c>
      <c r="AG12333">
        <v>24</v>
      </c>
      <c r="AH12333">
        <v>24</v>
      </c>
      <c r="AI12333">
        <v>24</v>
      </c>
      <c r="AJ12333">
        <v>25</v>
      </c>
      <c r="AK12333">
        <v>25</v>
      </c>
      <c r="AL12333">
        <v>25</v>
      </c>
      <c r="AM12333">
        <v>25</v>
      </c>
      <c r="AN12333">
        <v>25</v>
      </c>
      <c r="AO12333">
        <v>25</v>
      </c>
      <c r="AP12333">
        <v>26</v>
      </c>
      <c r="AQ12333">
        <v>26</v>
      </c>
    </row>
    <row r="12334" spans="1:43">
      <c r="A12334" t="s">
        <v>7668</v>
      </c>
      <c r="B12334" t="s">
        <v>7669</v>
      </c>
      <c r="C12334" t="s">
        <v>7670</v>
      </c>
      <c r="D12334" t="s">
        <v>7671</v>
      </c>
      <c r="E12334" t="s">
        <v>7646</v>
      </c>
      <c r="F12334" t="s">
        <v>7647</v>
      </c>
      <c r="G12334" t="s">
        <v>80</v>
      </c>
      <c r="H12334" t="s">
        <v>81</v>
      </c>
      <c r="I12334" s="2">
        <v>0</v>
      </c>
      <c r="J12334" s="2">
        <v>1</v>
      </c>
      <c r="K12334" s="2">
        <v>0</v>
      </c>
      <c r="L12334" t="s">
        <v>82</v>
      </c>
      <c r="M12334" t="s">
        <v>83</v>
      </c>
      <c r="N12334" t="s">
        <v>84</v>
      </c>
      <c r="O12334" t="s">
        <v>85</v>
      </c>
      <c r="P12334" t="s">
        <v>86</v>
      </c>
      <c r="Q12334">
        <v>54</v>
      </c>
      <c r="R12334">
        <v>55</v>
      </c>
      <c r="S12334">
        <v>56</v>
      </c>
      <c r="T12334">
        <v>57</v>
      </c>
      <c r="U12334">
        <v>58</v>
      </c>
      <c r="V12334">
        <v>59</v>
      </c>
      <c r="W12334">
        <v>60</v>
      </c>
      <c r="X12334">
        <v>61</v>
      </c>
      <c r="Y12334">
        <v>62</v>
      </c>
      <c r="Z12334">
        <v>63</v>
      </c>
      <c r="AA12334">
        <v>64</v>
      </c>
      <c r="AB12334">
        <v>65</v>
      </c>
      <c r="AC12334">
        <v>66</v>
      </c>
      <c r="AD12334">
        <v>67</v>
      </c>
      <c r="AE12334">
        <v>68</v>
      </c>
      <c r="AF12334">
        <v>69</v>
      </c>
      <c r="AG12334">
        <v>70</v>
      </c>
      <c r="AH12334">
        <v>71</v>
      </c>
      <c r="AI12334">
        <v>72</v>
      </c>
      <c r="AJ12334">
        <v>73</v>
      </c>
      <c r="AK12334">
        <v>74</v>
      </c>
      <c r="AL12334">
        <v>74</v>
      </c>
      <c r="AM12334">
        <v>75</v>
      </c>
      <c r="AN12334">
        <v>75</v>
      </c>
      <c r="AO12334">
        <v>75</v>
      </c>
      <c r="AP12334">
        <v>76</v>
      </c>
      <c r="AQ12334">
        <v>76</v>
      </c>
    </row>
    <row r="12335" spans="1:43">
      <c r="A12335" t="s">
        <v>7668</v>
      </c>
      <c r="B12335" t="s">
        <v>7669</v>
      </c>
      <c r="C12335" t="s">
        <v>7670</v>
      </c>
      <c r="D12335" t="s">
        <v>7671</v>
      </c>
      <c r="E12335" t="s">
        <v>7646</v>
      </c>
      <c r="F12335" t="s">
        <v>7647</v>
      </c>
      <c r="G12335" t="s">
        <v>80</v>
      </c>
      <c r="H12335" t="s">
        <v>81</v>
      </c>
      <c r="I12335" s="2">
        <v>0</v>
      </c>
      <c r="J12335" s="2">
        <v>1</v>
      </c>
      <c r="K12335" s="2">
        <v>0</v>
      </c>
      <c r="L12335" t="s">
        <v>82</v>
      </c>
      <c r="M12335" t="s">
        <v>87</v>
      </c>
      <c r="N12335" t="s">
        <v>88</v>
      </c>
      <c r="O12335" t="s">
        <v>85</v>
      </c>
      <c r="P12335" t="s">
        <v>86</v>
      </c>
      <c r="Q12335">
        <v>54</v>
      </c>
      <c r="R12335">
        <v>55</v>
      </c>
      <c r="S12335">
        <v>55</v>
      </c>
      <c r="T12335">
        <v>56</v>
      </c>
      <c r="U12335">
        <v>56</v>
      </c>
      <c r="V12335">
        <v>57</v>
      </c>
      <c r="W12335">
        <v>57</v>
      </c>
      <c r="X12335">
        <v>58</v>
      </c>
      <c r="Y12335">
        <v>58</v>
      </c>
      <c r="Z12335">
        <v>59</v>
      </c>
      <c r="AA12335">
        <v>59</v>
      </c>
      <c r="AB12335">
        <v>60</v>
      </c>
      <c r="AC12335">
        <v>60</v>
      </c>
      <c r="AD12335">
        <v>61</v>
      </c>
      <c r="AE12335">
        <v>61</v>
      </c>
      <c r="AF12335">
        <v>62</v>
      </c>
      <c r="AG12335">
        <v>62</v>
      </c>
      <c r="AH12335">
        <v>63</v>
      </c>
      <c r="AI12335">
        <v>63</v>
      </c>
      <c r="AJ12335">
        <v>64</v>
      </c>
      <c r="AK12335">
        <v>64</v>
      </c>
      <c r="AL12335">
        <v>65</v>
      </c>
      <c r="AM12335">
        <v>65</v>
      </c>
      <c r="AN12335">
        <v>66</v>
      </c>
      <c r="AO12335">
        <v>66</v>
      </c>
      <c r="AP12335">
        <v>67</v>
      </c>
      <c r="AQ12335">
        <v>67</v>
      </c>
    </row>
    <row r="12336" spans="1:43">
      <c r="A12336" t="s">
        <v>7668</v>
      </c>
      <c r="B12336" t="s">
        <v>7669</v>
      </c>
      <c r="C12336" t="s">
        <v>7670</v>
      </c>
      <c r="D12336" t="s">
        <v>7671</v>
      </c>
      <c r="E12336" t="s">
        <v>7646</v>
      </c>
      <c r="F12336" t="s">
        <v>7647</v>
      </c>
      <c r="G12336" t="s">
        <v>80</v>
      </c>
      <c r="H12336" t="s">
        <v>81</v>
      </c>
      <c r="I12336" s="2">
        <v>0</v>
      </c>
      <c r="J12336" s="2">
        <v>1</v>
      </c>
      <c r="K12336" s="2">
        <v>0</v>
      </c>
      <c r="L12336" t="s">
        <v>82</v>
      </c>
      <c r="M12336" t="s">
        <v>89</v>
      </c>
      <c r="N12336" t="s">
        <v>90</v>
      </c>
      <c r="O12336" t="s">
        <v>85</v>
      </c>
      <c r="P12336" t="s">
        <v>86</v>
      </c>
      <c r="Q12336">
        <v>54</v>
      </c>
      <c r="R12336">
        <v>56</v>
      </c>
      <c r="S12336">
        <v>57</v>
      </c>
      <c r="T12336">
        <v>58</v>
      </c>
      <c r="U12336">
        <v>60</v>
      </c>
      <c r="V12336">
        <v>61</v>
      </c>
      <c r="W12336">
        <v>63</v>
      </c>
      <c r="X12336">
        <v>64</v>
      </c>
      <c r="Y12336">
        <v>65</v>
      </c>
      <c r="Z12336">
        <v>67</v>
      </c>
      <c r="AA12336">
        <v>68</v>
      </c>
      <c r="AB12336">
        <v>69</v>
      </c>
      <c r="AC12336">
        <v>70</v>
      </c>
      <c r="AD12336">
        <v>72</v>
      </c>
      <c r="AE12336">
        <v>73</v>
      </c>
      <c r="AF12336">
        <v>73</v>
      </c>
      <c r="AG12336">
        <v>73</v>
      </c>
      <c r="AH12336">
        <v>74</v>
      </c>
      <c r="AI12336">
        <v>74</v>
      </c>
      <c r="AJ12336">
        <v>74</v>
      </c>
      <c r="AK12336">
        <v>75</v>
      </c>
      <c r="AL12336">
        <v>75</v>
      </c>
      <c r="AM12336">
        <v>75</v>
      </c>
      <c r="AN12336">
        <v>76</v>
      </c>
      <c r="AO12336">
        <v>76</v>
      </c>
      <c r="AP12336">
        <v>76</v>
      </c>
      <c r="AQ12336">
        <v>77</v>
      </c>
    </row>
    <row r="12337" spans="1:43">
      <c r="A12337" t="s">
        <v>7668</v>
      </c>
      <c r="B12337" t="s">
        <v>7669</v>
      </c>
      <c r="C12337" t="s">
        <v>7670</v>
      </c>
      <c r="D12337" t="s">
        <v>7671</v>
      </c>
      <c r="E12337" t="s">
        <v>7646</v>
      </c>
      <c r="F12337" t="s">
        <v>7647</v>
      </c>
      <c r="G12337" t="s">
        <v>80</v>
      </c>
      <c r="H12337" t="s">
        <v>81</v>
      </c>
      <c r="I12337" s="2">
        <v>0</v>
      </c>
      <c r="J12337" s="2">
        <v>1</v>
      </c>
      <c r="K12337" s="2">
        <v>0</v>
      </c>
      <c r="L12337" t="s">
        <v>82</v>
      </c>
      <c r="M12337" t="s">
        <v>83</v>
      </c>
      <c r="N12337" t="s">
        <v>91</v>
      </c>
      <c r="O12337" t="s">
        <v>85</v>
      </c>
      <c r="P12337" t="s">
        <v>86</v>
      </c>
      <c r="Q12337">
        <v>54</v>
      </c>
      <c r="R12337">
        <v>55</v>
      </c>
      <c r="S12337">
        <v>56</v>
      </c>
      <c r="T12337">
        <v>57</v>
      </c>
      <c r="U12337">
        <v>58</v>
      </c>
      <c r="V12337">
        <v>59</v>
      </c>
      <c r="W12337">
        <v>60</v>
      </c>
      <c r="X12337">
        <v>61</v>
      </c>
      <c r="Y12337">
        <v>62</v>
      </c>
      <c r="Z12337">
        <v>63</v>
      </c>
      <c r="AA12337">
        <v>64</v>
      </c>
      <c r="AB12337">
        <v>65</v>
      </c>
      <c r="AC12337">
        <v>66</v>
      </c>
      <c r="AD12337">
        <v>67</v>
      </c>
      <c r="AE12337">
        <v>68</v>
      </c>
      <c r="AF12337">
        <v>69</v>
      </c>
      <c r="AG12337">
        <v>70</v>
      </c>
      <c r="AH12337">
        <v>71</v>
      </c>
      <c r="AI12337">
        <v>72</v>
      </c>
      <c r="AJ12337">
        <v>73</v>
      </c>
      <c r="AK12337">
        <v>74</v>
      </c>
      <c r="AL12337">
        <v>74</v>
      </c>
      <c r="AM12337">
        <v>75</v>
      </c>
      <c r="AN12337">
        <v>75</v>
      </c>
      <c r="AO12337">
        <v>75</v>
      </c>
      <c r="AP12337">
        <v>76</v>
      </c>
      <c r="AQ12337">
        <v>76</v>
      </c>
    </row>
    <row r="12338" spans="1:43">
      <c r="A12338" t="s">
        <v>7672</v>
      </c>
      <c r="B12338" t="s">
        <v>7673</v>
      </c>
      <c r="C12338" t="s">
        <v>7666</v>
      </c>
      <c r="D12338" t="s">
        <v>7667</v>
      </c>
      <c r="E12338" t="s">
        <v>7646</v>
      </c>
      <c r="F12338" t="s">
        <v>7647</v>
      </c>
      <c r="G12338" t="s">
        <v>80</v>
      </c>
      <c r="H12338" t="s">
        <v>81</v>
      </c>
      <c r="I12338" s="2">
        <v>0</v>
      </c>
      <c r="J12338" s="2">
        <v>1</v>
      </c>
      <c r="K12338" s="2">
        <v>0</v>
      </c>
      <c r="L12338" t="s">
        <v>82</v>
      </c>
      <c r="M12338" t="s">
        <v>83</v>
      </c>
      <c r="N12338" t="s">
        <v>84</v>
      </c>
      <c r="O12338" t="s">
        <v>85</v>
      </c>
      <c r="P12338" t="s">
        <v>86</v>
      </c>
      <c r="Q12338">
        <v>28</v>
      </c>
      <c r="R12338">
        <v>28</v>
      </c>
      <c r="S12338">
        <v>29</v>
      </c>
      <c r="T12338">
        <v>29</v>
      </c>
      <c r="U12338">
        <v>30</v>
      </c>
      <c r="V12338">
        <v>30</v>
      </c>
      <c r="W12338">
        <v>31</v>
      </c>
      <c r="X12338">
        <v>31</v>
      </c>
      <c r="Y12338">
        <v>32</v>
      </c>
      <c r="Z12338">
        <v>32</v>
      </c>
      <c r="AA12338">
        <v>33</v>
      </c>
      <c r="AB12338">
        <v>33</v>
      </c>
      <c r="AC12338">
        <v>34</v>
      </c>
      <c r="AD12338">
        <v>34</v>
      </c>
      <c r="AE12338">
        <v>35</v>
      </c>
      <c r="AF12338">
        <v>35</v>
      </c>
      <c r="AG12338">
        <v>36</v>
      </c>
      <c r="AH12338">
        <v>36</v>
      </c>
      <c r="AI12338">
        <v>37</v>
      </c>
      <c r="AJ12338">
        <v>37</v>
      </c>
      <c r="AK12338">
        <v>38</v>
      </c>
      <c r="AL12338">
        <v>38</v>
      </c>
      <c r="AM12338">
        <v>38</v>
      </c>
      <c r="AN12338">
        <v>39</v>
      </c>
      <c r="AO12338">
        <v>39</v>
      </c>
      <c r="AP12338">
        <v>39</v>
      </c>
      <c r="AQ12338">
        <v>39</v>
      </c>
    </row>
    <row r="12339" spans="1:43">
      <c r="A12339" t="s">
        <v>7672</v>
      </c>
      <c r="B12339" t="s">
        <v>7673</v>
      </c>
      <c r="C12339" t="s">
        <v>7666</v>
      </c>
      <c r="D12339" t="s">
        <v>7667</v>
      </c>
      <c r="E12339" t="s">
        <v>7646</v>
      </c>
      <c r="F12339" t="s">
        <v>7647</v>
      </c>
      <c r="G12339" t="s">
        <v>80</v>
      </c>
      <c r="H12339" t="s">
        <v>81</v>
      </c>
      <c r="I12339" s="2">
        <v>0</v>
      </c>
      <c r="J12339" s="2">
        <v>1</v>
      </c>
      <c r="K12339" s="2">
        <v>0</v>
      </c>
      <c r="L12339" t="s">
        <v>82</v>
      </c>
      <c r="M12339" t="s">
        <v>87</v>
      </c>
      <c r="N12339" t="s">
        <v>88</v>
      </c>
      <c r="O12339" t="s">
        <v>85</v>
      </c>
      <c r="P12339" t="s">
        <v>86</v>
      </c>
      <c r="Q12339">
        <v>28</v>
      </c>
      <c r="R12339">
        <v>29</v>
      </c>
      <c r="S12339">
        <v>29</v>
      </c>
      <c r="T12339">
        <v>29</v>
      </c>
      <c r="U12339">
        <v>29</v>
      </c>
      <c r="V12339">
        <v>30</v>
      </c>
      <c r="W12339">
        <v>30</v>
      </c>
      <c r="X12339">
        <v>30</v>
      </c>
      <c r="Y12339">
        <v>30</v>
      </c>
      <c r="Z12339">
        <v>31</v>
      </c>
      <c r="AA12339">
        <v>31</v>
      </c>
      <c r="AB12339">
        <v>31</v>
      </c>
      <c r="AC12339">
        <v>31</v>
      </c>
      <c r="AD12339">
        <v>32</v>
      </c>
      <c r="AE12339">
        <v>32</v>
      </c>
      <c r="AF12339">
        <v>32</v>
      </c>
      <c r="AG12339">
        <v>32</v>
      </c>
      <c r="AH12339">
        <v>33</v>
      </c>
      <c r="AI12339">
        <v>33</v>
      </c>
      <c r="AJ12339">
        <v>33</v>
      </c>
      <c r="AK12339">
        <v>33</v>
      </c>
      <c r="AL12339">
        <v>34</v>
      </c>
      <c r="AM12339">
        <v>34</v>
      </c>
      <c r="AN12339">
        <v>34</v>
      </c>
      <c r="AO12339">
        <v>34</v>
      </c>
      <c r="AP12339">
        <v>35</v>
      </c>
      <c r="AQ12339">
        <v>35</v>
      </c>
    </row>
    <row r="12340" spans="1:43">
      <c r="A12340" t="s">
        <v>7672</v>
      </c>
      <c r="B12340" t="s">
        <v>7673</v>
      </c>
      <c r="C12340" t="s">
        <v>7666</v>
      </c>
      <c r="D12340" t="s">
        <v>7667</v>
      </c>
      <c r="E12340" t="s">
        <v>7646</v>
      </c>
      <c r="F12340" t="s">
        <v>7647</v>
      </c>
      <c r="G12340" t="s">
        <v>80</v>
      </c>
      <c r="H12340" t="s">
        <v>81</v>
      </c>
      <c r="I12340" s="2">
        <v>0</v>
      </c>
      <c r="J12340" s="2">
        <v>1</v>
      </c>
      <c r="K12340" s="2">
        <v>0</v>
      </c>
      <c r="L12340" t="s">
        <v>82</v>
      </c>
      <c r="M12340" t="s">
        <v>89</v>
      </c>
      <c r="N12340" t="s">
        <v>90</v>
      </c>
      <c r="O12340" t="s">
        <v>85</v>
      </c>
      <c r="P12340" t="s">
        <v>86</v>
      </c>
      <c r="Q12340">
        <v>28</v>
      </c>
      <c r="R12340">
        <v>29</v>
      </c>
      <c r="S12340">
        <v>29</v>
      </c>
      <c r="T12340">
        <v>30</v>
      </c>
      <c r="U12340">
        <v>31</v>
      </c>
      <c r="V12340">
        <v>31</v>
      </c>
      <c r="W12340">
        <v>32</v>
      </c>
      <c r="X12340">
        <v>33</v>
      </c>
      <c r="Y12340">
        <v>34</v>
      </c>
      <c r="Z12340">
        <v>34</v>
      </c>
      <c r="AA12340">
        <v>35</v>
      </c>
      <c r="AB12340">
        <v>36</v>
      </c>
      <c r="AC12340">
        <v>36</v>
      </c>
      <c r="AD12340">
        <v>37</v>
      </c>
      <c r="AE12340">
        <v>37</v>
      </c>
      <c r="AF12340">
        <v>38</v>
      </c>
      <c r="AG12340">
        <v>38</v>
      </c>
      <c r="AH12340">
        <v>38</v>
      </c>
      <c r="AI12340">
        <v>38</v>
      </c>
      <c r="AJ12340">
        <v>38</v>
      </c>
      <c r="AK12340">
        <v>38</v>
      </c>
      <c r="AL12340">
        <v>38</v>
      </c>
      <c r="AM12340">
        <v>39</v>
      </c>
      <c r="AN12340">
        <v>39</v>
      </c>
      <c r="AO12340">
        <v>39</v>
      </c>
      <c r="AP12340">
        <v>39</v>
      </c>
      <c r="AQ12340">
        <v>39</v>
      </c>
    </row>
    <row r="12341" spans="1:43">
      <c r="A12341" t="s">
        <v>7672</v>
      </c>
      <c r="B12341" t="s">
        <v>7673</v>
      </c>
      <c r="C12341" t="s">
        <v>7666</v>
      </c>
      <c r="D12341" t="s">
        <v>7667</v>
      </c>
      <c r="E12341" t="s">
        <v>7646</v>
      </c>
      <c r="F12341" t="s">
        <v>7647</v>
      </c>
      <c r="G12341" t="s">
        <v>80</v>
      </c>
      <c r="H12341" t="s">
        <v>81</v>
      </c>
      <c r="I12341" s="2">
        <v>0</v>
      </c>
      <c r="J12341" s="2">
        <v>1</v>
      </c>
      <c r="K12341" s="2">
        <v>0</v>
      </c>
      <c r="L12341" t="s">
        <v>82</v>
      </c>
      <c r="M12341" t="s">
        <v>83</v>
      </c>
      <c r="N12341" t="s">
        <v>91</v>
      </c>
      <c r="O12341" t="s">
        <v>85</v>
      </c>
      <c r="P12341" t="s">
        <v>86</v>
      </c>
      <c r="Q12341">
        <v>28</v>
      </c>
      <c r="R12341">
        <v>28</v>
      </c>
      <c r="S12341">
        <v>29</v>
      </c>
      <c r="T12341">
        <v>29</v>
      </c>
      <c r="U12341">
        <v>30</v>
      </c>
      <c r="V12341">
        <v>30</v>
      </c>
      <c r="W12341">
        <v>31</v>
      </c>
      <c r="X12341">
        <v>31</v>
      </c>
      <c r="Y12341">
        <v>32</v>
      </c>
      <c r="Z12341">
        <v>32</v>
      </c>
      <c r="AA12341">
        <v>33</v>
      </c>
      <c r="AB12341">
        <v>33</v>
      </c>
      <c r="AC12341">
        <v>34</v>
      </c>
      <c r="AD12341">
        <v>34</v>
      </c>
      <c r="AE12341">
        <v>35</v>
      </c>
      <c r="AF12341">
        <v>35</v>
      </c>
      <c r="AG12341">
        <v>36</v>
      </c>
      <c r="AH12341">
        <v>36</v>
      </c>
      <c r="AI12341">
        <v>37</v>
      </c>
      <c r="AJ12341">
        <v>37</v>
      </c>
      <c r="AK12341">
        <v>38</v>
      </c>
      <c r="AL12341">
        <v>38</v>
      </c>
      <c r="AM12341">
        <v>38</v>
      </c>
      <c r="AN12341">
        <v>39</v>
      </c>
      <c r="AO12341">
        <v>39</v>
      </c>
      <c r="AP12341">
        <v>39</v>
      </c>
      <c r="AQ12341">
        <v>39</v>
      </c>
    </row>
    <row r="12342" spans="1:43">
      <c r="A12342" t="s">
        <v>7674</v>
      </c>
      <c r="B12342" t="s">
        <v>7675</v>
      </c>
      <c r="C12342" t="s">
        <v>7666</v>
      </c>
      <c r="D12342" t="s">
        <v>7667</v>
      </c>
      <c r="E12342" t="s">
        <v>7646</v>
      </c>
      <c r="F12342" t="s">
        <v>7647</v>
      </c>
      <c r="G12342" t="s">
        <v>80</v>
      </c>
      <c r="H12342" t="s">
        <v>81</v>
      </c>
      <c r="I12342" s="2">
        <v>0</v>
      </c>
      <c r="J12342" s="2">
        <v>1</v>
      </c>
      <c r="K12342" s="2">
        <v>0</v>
      </c>
      <c r="L12342" t="s">
        <v>82</v>
      </c>
      <c r="M12342" t="s">
        <v>83</v>
      </c>
      <c r="N12342" t="s">
        <v>84</v>
      </c>
      <c r="O12342" t="s">
        <v>85</v>
      </c>
      <c r="P12342" t="s">
        <v>86</v>
      </c>
      <c r="Q12342">
        <v>3</v>
      </c>
      <c r="R12342">
        <v>3</v>
      </c>
      <c r="S12342">
        <v>3</v>
      </c>
      <c r="T12342">
        <v>3</v>
      </c>
      <c r="U12342">
        <v>3</v>
      </c>
      <c r="V12342">
        <v>3</v>
      </c>
      <c r="W12342">
        <v>3</v>
      </c>
      <c r="X12342">
        <v>3</v>
      </c>
      <c r="Y12342">
        <v>3</v>
      </c>
      <c r="Z12342">
        <v>4</v>
      </c>
      <c r="AA12342">
        <v>4</v>
      </c>
      <c r="AB12342">
        <v>4</v>
      </c>
      <c r="AC12342">
        <v>4</v>
      </c>
      <c r="AD12342">
        <v>4</v>
      </c>
      <c r="AE12342">
        <v>4</v>
      </c>
      <c r="AF12342">
        <v>4</v>
      </c>
      <c r="AG12342">
        <v>4</v>
      </c>
      <c r="AH12342">
        <v>4</v>
      </c>
      <c r="AI12342">
        <v>4</v>
      </c>
      <c r="AJ12342">
        <v>4</v>
      </c>
      <c r="AK12342">
        <v>4</v>
      </c>
      <c r="AL12342">
        <v>4</v>
      </c>
      <c r="AM12342">
        <v>4</v>
      </c>
      <c r="AN12342">
        <v>4</v>
      </c>
      <c r="AO12342">
        <v>4</v>
      </c>
      <c r="AP12342">
        <v>4</v>
      </c>
      <c r="AQ12342">
        <v>4</v>
      </c>
    </row>
    <row r="12343" spans="1:43">
      <c r="A12343" t="s">
        <v>7674</v>
      </c>
      <c r="B12343" t="s">
        <v>7675</v>
      </c>
      <c r="C12343" t="s">
        <v>7666</v>
      </c>
      <c r="D12343" t="s">
        <v>7667</v>
      </c>
      <c r="E12343" t="s">
        <v>7646</v>
      </c>
      <c r="F12343" t="s">
        <v>7647</v>
      </c>
      <c r="G12343" t="s">
        <v>80</v>
      </c>
      <c r="H12343" t="s">
        <v>81</v>
      </c>
      <c r="I12343" s="2">
        <v>0</v>
      </c>
      <c r="J12343" s="2">
        <v>1</v>
      </c>
      <c r="K12343" s="2">
        <v>0</v>
      </c>
      <c r="L12343" t="s">
        <v>82</v>
      </c>
      <c r="M12343" t="s">
        <v>87</v>
      </c>
      <c r="N12343" t="s">
        <v>88</v>
      </c>
      <c r="O12343" t="s">
        <v>85</v>
      </c>
      <c r="P12343" t="s">
        <v>86</v>
      </c>
      <c r="Q12343">
        <v>3</v>
      </c>
      <c r="R12343">
        <v>3</v>
      </c>
      <c r="S12343">
        <v>3</v>
      </c>
      <c r="T12343">
        <v>3</v>
      </c>
      <c r="U12343">
        <v>3</v>
      </c>
      <c r="V12343">
        <v>3</v>
      </c>
      <c r="W12343">
        <v>3</v>
      </c>
      <c r="X12343">
        <v>3</v>
      </c>
      <c r="Y12343">
        <v>3</v>
      </c>
      <c r="Z12343">
        <v>3</v>
      </c>
      <c r="AA12343">
        <v>3</v>
      </c>
      <c r="AB12343">
        <v>3</v>
      </c>
      <c r="AC12343">
        <v>3</v>
      </c>
      <c r="AD12343">
        <v>3</v>
      </c>
      <c r="AE12343">
        <v>3</v>
      </c>
      <c r="AF12343">
        <v>3</v>
      </c>
      <c r="AG12343">
        <v>3</v>
      </c>
      <c r="AH12343">
        <v>3</v>
      </c>
      <c r="AI12343">
        <v>4</v>
      </c>
      <c r="AJ12343">
        <v>4</v>
      </c>
      <c r="AK12343">
        <v>4</v>
      </c>
      <c r="AL12343">
        <v>4</v>
      </c>
      <c r="AM12343">
        <v>4</v>
      </c>
      <c r="AN12343">
        <v>4</v>
      </c>
      <c r="AO12343">
        <v>4</v>
      </c>
      <c r="AP12343">
        <v>4</v>
      </c>
      <c r="AQ12343">
        <v>4</v>
      </c>
    </row>
    <row r="12344" spans="1:43">
      <c r="A12344" t="s">
        <v>7674</v>
      </c>
      <c r="B12344" t="s">
        <v>7675</v>
      </c>
      <c r="C12344" t="s">
        <v>7666</v>
      </c>
      <c r="D12344" t="s">
        <v>7667</v>
      </c>
      <c r="E12344" t="s">
        <v>7646</v>
      </c>
      <c r="F12344" t="s">
        <v>7647</v>
      </c>
      <c r="G12344" t="s">
        <v>80</v>
      </c>
      <c r="H12344" t="s">
        <v>81</v>
      </c>
      <c r="I12344" s="2">
        <v>0</v>
      </c>
      <c r="J12344" s="2">
        <v>1</v>
      </c>
      <c r="K12344" s="2">
        <v>0</v>
      </c>
      <c r="L12344" t="s">
        <v>82</v>
      </c>
      <c r="M12344" t="s">
        <v>89</v>
      </c>
      <c r="N12344" t="s">
        <v>90</v>
      </c>
      <c r="O12344" t="s">
        <v>85</v>
      </c>
      <c r="P12344" t="s">
        <v>86</v>
      </c>
      <c r="Q12344">
        <v>3</v>
      </c>
      <c r="R12344">
        <v>3</v>
      </c>
      <c r="S12344">
        <v>3</v>
      </c>
      <c r="T12344">
        <v>3</v>
      </c>
      <c r="U12344">
        <v>3</v>
      </c>
      <c r="V12344">
        <v>3</v>
      </c>
      <c r="W12344">
        <v>4</v>
      </c>
      <c r="X12344">
        <v>4</v>
      </c>
      <c r="Y12344">
        <v>4</v>
      </c>
      <c r="Z12344">
        <v>4</v>
      </c>
      <c r="AA12344">
        <v>4</v>
      </c>
      <c r="AB12344">
        <v>4</v>
      </c>
      <c r="AC12344">
        <v>4</v>
      </c>
      <c r="AD12344">
        <v>4</v>
      </c>
      <c r="AE12344">
        <v>4</v>
      </c>
      <c r="AF12344">
        <v>4</v>
      </c>
      <c r="AG12344">
        <v>4</v>
      </c>
      <c r="AH12344">
        <v>4</v>
      </c>
      <c r="AI12344">
        <v>4</v>
      </c>
      <c r="AJ12344">
        <v>4</v>
      </c>
      <c r="AK12344">
        <v>4</v>
      </c>
      <c r="AL12344">
        <v>4</v>
      </c>
      <c r="AM12344">
        <v>4</v>
      </c>
      <c r="AN12344">
        <v>4</v>
      </c>
      <c r="AO12344">
        <v>4</v>
      </c>
      <c r="AP12344">
        <v>4</v>
      </c>
      <c r="AQ12344">
        <v>4</v>
      </c>
    </row>
    <row r="12345" spans="1:43">
      <c r="A12345" t="s">
        <v>7674</v>
      </c>
      <c r="B12345" t="s">
        <v>7675</v>
      </c>
      <c r="C12345" t="s">
        <v>7666</v>
      </c>
      <c r="D12345" t="s">
        <v>7667</v>
      </c>
      <c r="E12345" t="s">
        <v>7646</v>
      </c>
      <c r="F12345" t="s">
        <v>7647</v>
      </c>
      <c r="G12345" t="s">
        <v>80</v>
      </c>
      <c r="H12345" t="s">
        <v>81</v>
      </c>
      <c r="I12345" s="2">
        <v>0</v>
      </c>
      <c r="J12345" s="2">
        <v>1</v>
      </c>
      <c r="K12345" s="2">
        <v>0</v>
      </c>
      <c r="L12345" t="s">
        <v>82</v>
      </c>
      <c r="M12345" t="s">
        <v>83</v>
      </c>
      <c r="N12345" t="s">
        <v>91</v>
      </c>
      <c r="O12345" t="s">
        <v>85</v>
      </c>
      <c r="P12345" t="s">
        <v>86</v>
      </c>
      <c r="Q12345">
        <v>3</v>
      </c>
      <c r="R12345">
        <v>3</v>
      </c>
      <c r="S12345">
        <v>3</v>
      </c>
      <c r="T12345">
        <v>3</v>
      </c>
      <c r="U12345">
        <v>3</v>
      </c>
      <c r="V12345">
        <v>3</v>
      </c>
      <c r="W12345">
        <v>3</v>
      </c>
      <c r="X12345">
        <v>3</v>
      </c>
      <c r="Y12345">
        <v>3</v>
      </c>
      <c r="Z12345">
        <v>4</v>
      </c>
      <c r="AA12345">
        <v>4</v>
      </c>
      <c r="AB12345">
        <v>4</v>
      </c>
      <c r="AC12345">
        <v>4</v>
      </c>
      <c r="AD12345">
        <v>4</v>
      </c>
      <c r="AE12345">
        <v>4</v>
      </c>
      <c r="AF12345">
        <v>4</v>
      </c>
      <c r="AG12345">
        <v>4</v>
      </c>
      <c r="AH12345">
        <v>4</v>
      </c>
      <c r="AI12345">
        <v>4</v>
      </c>
      <c r="AJ12345">
        <v>4</v>
      </c>
      <c r="AK12345">
        <v>4</v>
      </c>
      <c r="AL12345">
        <v>4</v>
      </c>
      <c r="AM12345">
        <v>4</v>
      </c>
      <c r="AN12345">
        <v>4</v>
      </c>
      <c r="AO12345">
        <v>4</v>
      </c>
      <c r="AP12345">
        <v>4</v>
      </c>
      <c r="AQ12345">
        <v>4</v>
      </c>
    </row>
    <row r="12346" spans="1:43">
      <c r="A12346" t="s">
        <v>7676</v>
      </c>
      <c r="B12346" t="s">
        <v>7677</v>
      </c>
      <c r="C12346" t="s">
        <v>7670</v>
      </c>
      <c r="D12346" t="s">
        <v>7671</v>
      </c>
      <c r="E12346" t="s">
        <v>7646</v>
      </c>
      <c r="F12346" t="s">
        <v>7647</v>
      </c>
      <c r="G12346" t="s">
        <v>80</v>
      </c>
      <c r="H12346" t="s">
        <v>81</v>
      </c>
      <c r="I12346" s="2">
        <v>0</v>
      </c>
      <c r="J12346" s="2">
        <v>1</v>
      </c>
      <c r="K12346" s="2">
        <v>0</v>
      </c>
      <c r="L12346" t="s">
        <v>82</v>
      </c>
      <c r="M12346" t="s">
        <v>83</v>
      </c>
      <c r="N12346" t="s">
        <v>84</v>
      </c>
      <c r="O12346" t="s">
        <v>85</v>
      </c>
      <c r="P12346" t="s">
        <v>86</v>
      </c>
      <c r="Q12346">
        <v>24</v>
      </c>
      <c r="R12346">
        <v>24</v>
      </c>
      <c r="S12346">
        <v>25</v>
      </c>
      <c r="T12346">
        <v>25</v>
      </c>
      <c r="U12346">
        <v>26</v>
      </c>
      <c r="V12346">
        <v>26</v>
      </c>
      <c r="W12346">
        <v>26</v>
      </c>
      <c r="X12346">
        <v>27</v>
      </c>
      <c r="Y12346">
        <v>27</v>
      </c>
      <c r="Z12346">
        <v>28</v>
      </c>
      <c r="AA12346">
        <v>28</v>
      </c>
      <c r="AB12346">
        <v>29</v>
      </c>
      <c r="AC12346">
        <v>29</v>
      </c>
      <c r="AD12346">
        <v>30</v>
      </c>
      <c r="AE12346">
        <v>30</v>
      </c>
      <c r="AF12346">
        <v>31</v>
      </c>
      <c r="AG12346">
        <v>31</v>
      </c>
      <c r="AH12346">
        <v>31</v>
      </c>
      <c r="AI12346">
        <v>32</v>
      </c>
      <c r="AJ12346">
        <v>32</v>
      </c>
      <c r="AK12346">
        <v>33</v>
      </c>
      <c r="AL12346">
        <v>33</v>
      </c>
      <c r="AM12346">
        <v>33</v>
      </c>
      <c r="AN12346">
        <v>33</v>
      </c>
      <c r="AO12346">
        <v>33</v>
      </c>
      <c r="AP12346">
        <v>34</v>
      </c>
      <c r="AQ12346">
        <v>34</v>
      </c>
    </row>
    <row r="12347" spans="1:43">
      <c r="A12347" t="s">
        <v>7676</v>
      </c>
      <c r="B12347" t="s">
        <v>7677</v>
      </c>
      <c r="C12347" t="s">
        <v>7670</v>
      </c>
      <c r="D12347" t="s">
        <v>7671</v>
      </c>
      <c r="E12347" t="s">
        <v>7646</v>
      </c>
      <c r="F12347" t="s">
        <v>7647</v>
      </c>
      <c r="G12347" t="s">
        <v>80</v>
      </c>
      <c r="H12347" t="s">
        <v>81</v>
      </c>
      <c r="I12347" s="2">
        <v>0</v>
      </c>
      <c r="J12347" s="2">
        <v>1</v>
      </c>
      <c r="K12347" s="2">
        <v>0</v>
      </c>
      <c r="L12347" t="s">
        <v>82</v>
      </c>
      <c r="M12347" t="s">
        <v>87</v>
      </c>
      <c r="N12347" t="s">
        <v>88</v>
      </c>
      <c r="O12347" t="s">
        <v>85</v>
      </c>
      <c r="P12347" t="s">
        <v>86</v>
      </c>
      <c r="Q12347">
        <v>24</v>
      </c>
      <c r="R12347">
        <v>24</v>
      </c>
      <c r="S12347">
        <v>24</v>
      </c>
      <c r="T12347">
        <v>24</v>
      </c>
      <c r="U12347">
        <v>24</v>
      </c>
      <c r="V12347">
        <v>25</v>
      </c>
      <c r="W12347">
        <v>25</v>
      </c>
      <c r="X12347">
        <v>25</v>
      </c>
      <c r="Y12347">
        <v>25</v>
      </c>
      <c r="Z12347">
        <v>26</v>
      </c>
      <c r="AA12347">
        <v>26</v>
      </c>
      <c r="AB12347">
        <v>26</v>
      </c>
      <c r="AC12347">
        <v>26</v>
      </c>
      <c r="AD12347">
        <v>26</v>
      </c>
      <c r="AE12347">
        <v>27</v>
      </c>
      <c r="AF12347">
        <v>27</v>
      </c>
      <c r="AG12347">
        <v>27</v>
      </c>
      <c r="AH12347">
        <v>27</v>
      </c>
      <c r="AI12347">
        <v>27</v>
      </c>
      <c r="AJ12347">
        <v>28</v>
      </c>
      <c r="AK12347">
        <v>28</v>
      </c>
      <c r="AL12347">
        <v>28</v>
      </c>
      <c r="AM12347">
        <v>28</v>
      </c>
      <c r="AN12347">
        <v>29</v>
      </c>
      <c r="AO12347">
        <v>29</v>
      </c>
      <c r="AP12347">
        <v>29</v>
      </c>
      <c r="AQ12347">
        <v>29</v>
      </c>
    </row>
    <row r="12348" spans="1:43">
      <c r="A12348" t="s">
        <v>7676</v>
      </c>
      <c r="B12348" t="s">
        <v>7677</v>
      </c>
      <c r="C12348" t="s">
        <v>7670</v>
      </c>
      <c r="D12348" t="s">
        <v>7671</v>
      </c>
      <c r="E12348" t="s">
        <v>7646</v>
      </c>
      <c r="F12348" t="s">
        <v>7647</v>
      </c>
      <c r="G12348" t="s">
        <v>80</v>
      </c>
      <c r="H12348" t="s">
        <v>81</v>
      </c>
      <c r="I12348" s="2">
        <v>0</v>
      </c>
      <c r="J12348" s="2">
        <v>1</v>
      </c>
      <c r="K12348" s="2">
        <v>0</v>
      </c>
      <c r="L12348" t="s">
        <v>82</v>
      </c>
      <c r="M12348" t="s">
        <v>89</v>
      </c>
      <c r="N12348" t="s">
        <v>90</v>
      </c>
      <c r="O12348" t="s">
        <v>85</v>
      </c>
      <c r="P12348" t="s">
        <v>86</v>
      </c>
      <c r="Q12348">
        <v>24</v>
      </c>
      <c r="R12348">
        <v>25</v>
      </c>
      <c r="S12348">
        <v>25</v>
      </c>
      <c r="T12348">
        <v>26</v>
      </c>
      <c r="U12348">
        <v>27</v>
      </c>
      <c r="V12348">
        <v>27</v>
      </c>
      <c r="W12348">
        <v>28</v>
      </c>
      <c r="X12348">
        <v>28</v>
      </c>
      <c r="Y12348">
        <v>29</v>
      </c>
      <c r="Z12348">
        <v>30</v>
      </c>
      <c r="AA12348">
        <v>30</v>
      </c>
      <c r="AB12348">
        <v>31</v>
      </c>
      <c r="AC12348">
        <v>31</v>
      </c>
      <c r="AD12348">
        <v>32</v>
      </c>
      <c r="AE12348">
        <v>32</v>
      </c>
      <c r="AF12348">
        <v>32</v>
      </c>
      <c r="AG12348">
        <v>33</v>
      </c>
      <c r="AH12348">
        <v>33</v>
      </c>
      <c r="AI12348">
        <v>33</v>
      </c>
      <c r="AJ12348">
        <v>33</v>
      </c>
      <c r="AK12348">
        <v>33</v>
      </c>
      <c r="AL12348">
        <v>33</v>
      </c>
      <c r="AM12348">
        <v>33</v>
      </c>
      <c r="AN12348">
        <v>33</v>
      </c>
      <c r="AO12348">
        <v>34</v>
      </c>
      <c r="AP12348">
        <v>34</v>
      </c>
      <c r="AQ12348">
        <v>34</v>
      </c>
    </row>
    <row r="12349" spans="1:43">
      <c r="A12349" t="s">
        <v>7676</v>
      </c>
      <c r="B12349" t="s">
        <v>7677</v>
      </c>
      <c r="C12349" t="s">
        <v>7670</v>
      </c>
      <c r="D12349" t="s">
        <v>7671</v>
      </c>
      <c r="E12349" t="s">
        <v>7646</v>
      </c>
      <c r="F12349" t="s">
        <v>7647</v>
      </c>
      <c r="G12349" t="s">
        <v>80</v>
      </c>
      <c r="H12349" t="s">
        <v>81</v>
      </c>
      <c r="I12349" s="2">
        <v>0</v>
      </c>
      <c r="J12349" s="2">
        <v>1</v>
      </c>
      <c r="K12349" s="2">
        <v>0</v>
      </c>
      <c r="L12349" t="s">
        <v>82</v>
      </c>
      <c r="M12349" t="s">
        <v>83</v>
      </c>
      <c r="N12349" t="s">
        <v>91</v>
      </c>
      <c r="O12349" t="s">
        <v>85</v>
      </c>
      <c r="P12349" t="s">
        <v>86</v>
      </c>
      <c r="Q12349">
        <v>24</v>
      </c>
      <c r="R12349">
        <v>24</v>
      </c>
      <c r="S12349">
        <v>25</v>
      </c>
      <c r="T12349">
        <v>25</v>
      </c>
      <c r="U12349">
        <v>26</v>
      </c>
      <c r="V12349">
        <v>26</v>
      </c>
      <c r="W12349">
        <v>26</v>
      </c>
      <c r="X12349">
        <v>27</v>
      </c>
      <c r="Y12349">
        <v>27</v>
      </c>
      <c r="Z12349">
        <v>28</v>
      </c>
      <c r="AA12349">
        <v>28</v>
      </c>
      <c r="AB12349">
        <v>29</v>
      </c>
      <c r="AC12349">
        <v>29</v>
      </c>
      <c r="AD12349">
        <v>30</v>
      </c>
      <c r="AE12349">
        <v>30</v>
      </c>
      <c r="AF12349">
        <v>31</v>
      </c>
      <c r="AG12349">
        <v>31</v>
      </c>
      <c r="AH12349">
        <v>31</v>
      </c>
      <c r="AI12349">
        <v>32</v>
      </c>
      <c r="AJ12349">
        <v>32</v>
      </c>
      <c r="AK12349">
        <v>33</v>
      </c>
      <c r="AL12349">
        <v>33</v>
      </c>
      <c r="AM12349">
        <v>33</v>
      </c>
      <c r="AN12349">
        <v>33</v>
      </c>
      <c r="AO12349">
        <v>33</v>
      </c>
      <c r="AP12349">
        <v>34</v>
      </c>
      <c r="AQ12349">
        <v>34</v>
      </c>
    </row>
    <row r="12350" spans="1:43">
      <c r="A12350" t="s">
        <v>7678</v>
      </c>
      <c r="B12350" t="s">
        <v>7679</v>
      </c>
      <c r="C12350" t="s">
        <v>7666</v>
      </c>
      <c r="D12350" t="s">
        <v>7667</v>
      </c>
      <c r="E12350" t="s">
        <v>7646</v>
      </c>
      <c r="F12350" t="s">
        <v>7647</v>
      </c>
      <c r="G12350" t="s">
        <v>80</v>
      </c>
      <c r="H12350" t="s">
        <v>81</v>
      </c>
      <c r="I12350" s="2">
        <v>0</v>
      </c>
      <c r="J12350" s="2">
        <v>1</v>
      </c>
      <c r="K12350" s="2">
        <v>0</v>
      </c>
      <c r="L12350" t="s">
        <v>82</v>
      </c>
      <c r="M12350" t="s">
        <v>83</v>
      </c>
      <c r="N12350" t="s">
        <v>84</v>
      </c>
      <c r="O12350" t="s">
        <v>85</v>
      </c>
      <c r="P12350" t="s">
        <v>86</v>
      </c>
      <c r="Q12350">
        <v>10</v>
      </c>
      <c r="R12350">
        <v>10</v>
      </c>
      <c r="S12350">
        <v>10</v>
      </c>
      <c r="T12350">
        <v>10</v>
      </c>
      <c r="U12350">
        <v>10</v>
      </c>
      <c r="V12350">
        <v>11</v>
      </c>
      <c r="W12350">
        <v>11</v>
      </c>
      <c r="X12350">
        <v>11</v>
      </c>
      <c r="Y12350">
        <v>11</v>
      </c>
      <c r="Z12350">
        <v>11</v>
      </c>
      <c r="AA12350">
        <v>12</v>
      </c>
      <c r="AB12350">
        <v>12</v>
      </c>
      <c r="AC12350">
        <v>12</v>
      </c>
      <c r="AD12350">
        <v>12</v>
      </c>
      <c r="AE12350">
        <v>12</v>
      </c>
      <c r="AF12350">
        <v>12</v>
      </c>
      <c r="AG12350">
        <v>13</v>
      </c>
      <c r="AH12350">
        <v>13</v>
      </c>
      <c r="AI12350">
        <v>13</v>
      </c>
      <c r="AJ12350">
        <v>13</v>
      </c>
      <c r="AK12350">
        <v>13</v>
      </c>
      <c r="AL12350">
        <v>13</v>
      </c>
      <c r="AM12350">
        <v>14</v>
      </c>
      <c r="AN12350">
        <v>14</v>
      </c>
      <c r="AO12350">
        <v>14</v>
      </c>
      <c r="AP12350">
        <v>14</v>
      </c>
      <c r="AQ12350">
        <v>14</v>
      </c>
    </row>
    <row r="12351" spans="1:43">
      <c r="A12351" t="s">
        <v>7678</v>
      </c>
      <c r="B12351" t="s">
        <v>7679</v>
      </c>
      <c r="C12351" t="s">
        <v>7666</v>
      </c>
      <c r="D12351" t="s">
        <v>7667</v>
      </c>
      <c r="E12351" t="s">
        <v>7646</v>
      </c>
      <c r="F12351" t="s">
        <v>7647</v>
      </c>
      <c r="G12351" t="s">
        <v>80</v>
      </c>
      <c r="H12351" t="s">
        <v>81</v>
      </c>
      <c r="I12351" s="2">
        <v>0</v>
      </c>
      <c r="J12351" s="2">
        <v>1</v>
      </c>
      <c r="K12351" s="2">
        <v>0</v>
      </c>
      <c r="L12351" t="s">
        <v>82</v>
      </c>
      <c r="M12351" t="s">
        <v>87</v>
      </c>
      <c r="N12351" t="s">
        <v>88</v>
      </c>
      <c r="O12351" t="s">
        <v>85</v>
      </c>
      <c r="P12351" t="s">
        <v>86</v>
      </c>
      <c r="Q12351">
        <v>10</v>
      </c>
      <c r="R12351">
        <v>10</v>
      </c>
      <c r="S12351">
        <v>10</v>
      </c>
      <c r="T12351">
        <v>10</v>
      </c>
      <c r="U12351">
        <v>10</v>
      </c>
      <c r="V12351">
        <v>10</v>
      </c>
      <c r="W12351">
        <v>10</v>
      </c>
      <c r="X12351">
        <v>10</v>
      </c>
      <c r="Y12351">
        <v>10</v>
      </c>
      <c r="Z12351">
        <v>10</v>
      </c>
      <c r="AA12351">
        <v>11</v>
      </c>
      <c r="AB12351">
        <v>11</v>
      </c>
      <c r="AC12351">
        <v>11</v>
      </c>
      <c r="AD12351">
        <v>11</v>
      </c>
      <c r="AE12351">
        <v>11</v>
      </c>
      <c r="AF12351">
        <v>11</v>
      </c>
      <c r="AG12351">
        <v>11</v>
      </c>
      <c r="AH12351">
        <v>11</v>
      </c>
      <c r="AI12351">
        <v>11</v>
      </c>
      <c r="AJ12351">
        <v>11</v>
      </c>
      <c r="AK12351">
        <v>11</v>
      </c>
      <c r="AL12351">
        <v>12</v>
      </c>
      <c r="AM12351">
        <v>12</v>
      </c>
      <c r="AN12351">
        <v>12</v>
      </c>
      <c r="AO12351">
        <v>12</v>
      </c>
      <c r="AP12351">
        <v>12</v>
      </c>
      <c r="AQ12351">
        <v>12</v>
      </c>
    </row>
    <row r="12352" spans="1:43">
      <c r="A12352" t="s">
        <v>7678</v>
      </c>
      <c r="B12352" t="s">
        <v>7679</v>
      </c>
      <c r="C12352" t="s">
        <v>7666</v>
      </c>
      <c r="D12352" t="s">
        <v>7667</v>
      </c>
      <c r="E12352" t="s">
        <v>7646</v>
      </c>
      <c r="F12352" t="s">
        <v>7647</v>
      </c>
      <c r="G12352" t="s">
        <v>80</v>
      </c>
      <c r="H12352" t="s">
        <v>81</v>
      </c>
      <c r="I12352" s="2">
        <v>0</v>
      </c>
      <c r="J12352" s="2">
        <v>1</v>
      </c>
      <c r="K12352" s="2">
        <v>0</v>
      </c>
      <c r="L12352" t="s">
        <v>82</v>
      </c>
      <c r="M12352" t="s">
        <v>89</v>
      </c>
      <c r="N12352" t="s">
        <v>90</v>
      </c>
      <c r="O12352" t="s">
        <v>85</v>
      </c>
      <c r="P12352" t="s">
        <v>86</v>
      </c>
      <c r="Q12352">
        <v>10</v>
      </c>
      <c r="R12352">
        <v>10</v>
      </c>
      <c r="S12352">
        <v>10</v>
      </c>
      <c r="T12352">
        <v>11</v>
      </c>
      <c r="U12352">
        <v>11</v>
      </c>
      <c r="V12352">
        <v>11</v>
      </c>
      <c r="W12352">
        <v>11</v>
      </c>
      <c r="X12352">
        <v>12</v>
      </c>
      <c r="Y12352">
        <v>12</v>
      </c>
      <c r="Z12352">
        <v>12</v>
      </c>
      <c r="AA12352">
        <v>12</v>
      </c>
      <c r="AB12352">
        <v>13</v>
      </c>
      <c r="AC12352">
        <v>13</v>
      </c>
      <c r="AD12352">
        <v>13</v>
      </c>
      <c r="AE12352">
        <v>13</v>
      </c>
      <c r="AF12352">
        <v>13</v>
      </c>
      <c r="AG12352">
        <v>13</v>
      </c>
      <c r="AH12352">
        <v>13</v>
      </c>
      <c r="AI12352">
        <v>13</v>
      </c>
      <c r="AJ12352">
        <v>13</v>
      </c>
      <c r="AK12352">
        <v>14</v>
      </c>
      <c r="AL12352">
        <v>14</v>
      </c>
      <c r="AM12352">
        <v>14</v>
      </c>
      <c r="AN12352">
        <v>14</v>
      </c>
      <c r="AO12352">
        <v>14</v>
      </c>
      <c r="AP12352">
        <v>14</v>
      </c>
      <c r="AQ12352">
        <v>14</v>
      </c>
    </row>
    <row r="12353" spans="1:43">
      <c r="A12353" t="s">
        <v>7678</v>
      </c>
      <c r="B12353" t="s">
        <v>7679</v>
      </c>
      <c r="C12353" t="s">
        <v>7666</v>
      </c>
      <c r="D12353" t="s">
        <v>7667</v>
      </c>
      <c r="E12353" t="s">
        <v>7646</v>
      </c>
      <c r="F12353" t="s">
        <v>7647</v>
      </c>
      <c r="G12353" t="s">
        <v>80</v>
      </c>
      <c r="H12353" t="s">
        <v>81</v>
      </c>
      <c r="I12353" s="2">
        <v>0</v>
      </c>
      <c r="J12353" s="2">
        <v>1</v>
      </c>
      <c r="K12353" s="2">
        <v>0</v>
      </c>
      <c r="L12353" t="s">
        <v>82</v>
      </c>
      <c r="M12353" t="s">
        <v>83</v>
      </c>
      <c r="N12353" t="s">
        <v>91</v>
      </c>
      <c r="O12353" t="s">
        <v>85</v>
      </c>
      <c r="P12353" t="s">
        <v>86</v>
      </c>
      <c r="Q12353">
        <v>10</v>
      </c>
      <c r="R12353">
        <v>10</v>
      </c>
      <c r="S12353">
        <v>10</v>
      </c>
      <c r="T12353">
        <v>10</v>
      </c>
      <c r="U12353">
        <v>10</v>
      </c>
      <c r="V12353">
        <v>11</v>
      </c>
      <c r="W12353">
        <v>11</v>
      </c>
      <c r="X12353">
        <v>11</v>
      </c>
      <c r="Y12353">
        <v>11</v>
      </c>
      <c r="Z12353">
        <v>11</v>
      </c>
      <c r="AA12353">
        <v>12</v>
      </c>
      <c r="AB12353">
        <v>12</v>
      </c>
      <c r="AC12353">
        <v>12</v>
      </c>
      <c r="AD12353">
        <v>12</v>
      </c>
      <c r="AE12353">
        <v>12</v>
      </c>
      <c r="AF12353">
        <v>12</v>
      </c>
      <c r="AG12353">
        <v>13</v>
      </c>
      <c r="AH12353">
        <v>13</v>
      </c>
      <c r="AI12353">
        <v>13</v>
      </c>
      <c r="AJ12353">
        <v>13</v>
      </c>
      <c r="AK12353">
        <v>13</v>
      </c>
      <c r="AL12353">
        <v>13</v>
      </c>
      <c r="AM12353">
        <v>14</v>
      </c>
      <c r="AN12353">
        <v>14</v>
      </c>
      <c r="AO12353">
        <v>14</v>
      </c>
      <c r="AP12353">
        <v>14</v>
      </c>
      <c r="AQ12353">
        <v>14</v>
      </c>
    </row>
    <row r="12354" spans="1:43">
      <c r="A12354" t="s">
        <v>7680</v>
      </c>
      <c r="B12354" t="s">
        <v>7681</v>
      </c>
      <c r="C12354" t="s">
        <v>7670</v>
      </c>
      <c r="D12354" t="s">
        <v>7671</v>
      </c>
      <c r="E12354" t="s">
        <v>7646</v>
      </c>
      <c r="F12354" t="s">
        <v>7647</v>
      </c>
      <c r="G12354" t="s">
        <v>80</v>
      </c>
      <c r="H12354" t="s">
        <v>81</v>
      </c>
      <c r="I12354" s="2">
        <v>0</v>
      </c>
      <c r="J12354" s="2">
        <v>1</v>
      </c>
      <c r="K12354" s="2">
        <v>0</v>
      </c>
      <c r="L12354" t="s">
        <v>82</v>
      </c>
      <c r="M12354" t="s">
        <v>83</v>
      </c>
      <c r="N12354" t="s">
        <v>84</v>
      </c>
      <c r="O12354" t="s">
        <v>85</v>
      </c>
      <c r="P12354" t="s">
        <v>86</v>
      </c>
      <c r="Q12354">
        <v>4</v>
      </c>
      <c r="R12354">
        <v>4</v>
      </c>
      <c r="S12354">
        <v>4</v>
      </c>
      <c r="T12354">
        <v>4</v>
      </c>
      <c r="U12354">
        <v>4</v>
      </c>
      <c r="V12354">
        <v>4</v>
      </c>
      <c r="W12354">
        <v>5</v>
      </c>
      <c r="X12354">
        <v>5</v>
      </c>
      <c r="Y12354">
        <v>5</v>
      </c>
      <c r="Z12354">
        <v>5</v>
      </c>
      <c r="AA12354">
        <v>5</v>
      </c>
      <c r="AB12354">
        <v>5</v>
      </c>
      <c r="AC12354">
        <v>5</v>
      </c>
      <c r="AD12354">
        <v>5</v>
      </c>
      <c r="AE12354">
        <v>5</v>
      </c>
      <c r="AF12354">
        <v>5</v>
      </c>
      <c r="AG12354">
        <v>5</v>
      </c>
      <c r="AH12354">
        <v>5</v>
      </c>
      <c r="AI12354">
        <v>5</v>
      </c>
      <c r="AJ12354">
        <v>6</v>
      </c>
      <c r="AK12354">
        <v>6</v>
      </c>
      <c r="AL12354">
        <v>6</v>
      </c>
      <c r="AM12354">
        <v>6</v>
      </c>
      <c r="AN12354">
        <v>6</v>
      </c>
      <c r="AO12354">
        <v>6</v>
      </c>
      <c r="AP12354">
        <v>6</v>
      </c>
      <c r="AQ12354">
        <v>6</v>
      </c>
    </row>
    <row r="12355" spans="1:43">
      <c r="A12355" t="s">
        <v>7680</v>
      </c>
      <c r="B12355" t="s">
        <v>7681</v>
      </c>
      <c r="C12355" t="s">
        <v>7670</v>
      </c>
      <c r="D12355" t="s">
        <v>7671</v>
      </c>
      <c r="E12355" t="s">
        <v>7646</v>
      </c>
      <c r="F12355" t="s">
        <v>7647</v>
      </c>
      <c r="G12355" t="s">
        <v>80</v>
      </c>
      <c r="H12355" t="s">
        <v>81</v>
      </c>
      <c r="I12355" s="2">
        <v>0</v>
      </c>
      <c r="J12355" s="2">
        <v>1</v>
      </c>
      <c r="K12355" s="2">
        <v>0</v>
      </c>
      <c r="L12355" t="s">
        <v>82</v>
      </c>
      <c r="M12355" t="s">
        <v>87</v>
      </c>
      <c r="N12355" t="s">
        <v>88</v>
      </c>
      <c r="O12355" t="s">
        <v>85</v>
      </c>
      <c r="P12355" t="s">
        <v>86</v>
      </c>
      <c r="Q12355">
        <v>4</v>
      </c>
      <c r="R12355">
        <v>4</v>
      </c>
      <c r="S12355">
        <v>4</v>
      </c>
      <c r="T12355">
        <v>4</v>
      </c>
      <c r="U12355">
        <v>4</v>
      </c>
      <c r="V12355">
        <v>4</v>
      </c>
      <c r="W12355">
        <v>4</v>
      </c>
      <c r="X12355">
        <v>4</v>
      </c>
      <c r="Y12355">
        <v>4</v>
      </c>
      <c r="Z12355">
        <v>4</v>
      </c>
      <c r="AA12355">
        <v>4</v>
      </c>
      <c r="AB12355">
        <v>4</v>
      </c>
      <c r="AC12355">
        <v>4</v>
      </c>
      <c r="AD12355">
        <v>5</v>
      </c>
      <c r="AE12355">
        <v>5</v>
      </c>
      <c r="AF12355">
        <v>5</v>
      </c>
      <c r="AG12355">
        <v>5</v>
      </c>
      <c r="AH12355">
        <v>5</v>
      </c>
      <c r="AI12355">
        <v>5</v>
      </c>
      <c r="AJ12355">
        <v>5</v>
      </c>
      <c r="AK12355">
        <v>5</v>
      </c>
      <c r="AL12355">
        <v>5</v>
      </c>
      <c r="AM12355">
        <v>5</v>
      </c>
      <c r="AN12355">
        <v>5</v>
      </c>
      <c r="AO12355">
        <v>5</v>
      </c>
      <c r="AP12355">
        <v>5</v>
      </c>
      <c r="AQ12355">
        <v>5</v>
      </c>
    </row>
    <row r="12356" spans="1:43">
      <c r="A12356" t="s">
        <v>7680</v>
      </c>
      <c r="B12356" t="s">
        <v>7681</v>
      </c>
      <c r="C12356" t="s">
        <v>7670</v>
      </c>
      <c r="D12356" t="s">
        <v>7671</v>
      </c>
      <c r="E12356" t="s">
        <v>7646</v>
      </c>
      <c r="F12356" t="s">
        <v>7647</v>
      </c>
      <c r="G12356" t="s">
        <v>80</v>
      </c>
      <c r="H12356" t="s">
        <v>81</v>
      </c>
      <c r="I12356" s="2">
        <v>0</v>
      </c>
      <c r="J12356" s="2">
        <v>1</v>
      </c>
      <c r="K12356" s="2">
        <v>0</v>
      </c>
      <c r="L12356" t="s">
        <v>82</v>
      </c>
      <c r="M12356" t="s">
        <v>89</v>
      </c>
      <c r="N12356" t="s">
        <v>90</v>
      </c>
      <c r="O12356" t="s">
        <v>85</v>
      </c>
      <c r="P12356" t="s">
        <v>86</v>
      </c>
      <c r="Q12356">
        <v>4</v>
      </c>
      <c r="R12356">
        <v>4</v>
      </c>
      <c r="S12356">
        <v>4</v>
      </c>
      <c r="T12356">
        <v>4</v>
      </c>
      <c r="U12356">
        <v>5</v>
      </c>
      <c r="V12356">
        <v>5</v>
      </c>
      <c r="W12356">
        <v>5</v>
      </c>
      <c r="X12356">
        <v>5</v>
      </c>
      <c r="Y12356">
        <v>5</v>
      </c>
      <c r="Z12356">
        <v>5</v>
      </c>
      <c r="AA12356">
        <v>5</v>
      </c>
      <c r="AB12356">
        <v>5</v>
      </c>
      <c r="AC12356">
        <v>5</v>
      </c>
      <c r="AD12356">
        <v>5</v>
      </c>
      <c r="AE12356">
        <v>6</v>
      </c>
      <c r="AF12356">
        <v>6</v>
      </c>
      <c r="AG12356">
        <v>6</v>
      </c>
      <c r="AH12356">
        <v>6</v>
      </c>
      <c r="AI12356">
        <v>6</v>
      </c>
      <c r="AJ12356">
        <v>6</v>
      </c>
      <c r="AK12356">
        <v>6</v>
      </c>
      <c r="AL12356">
        <v>6</v>
      </c>
      <c r="AM12356">
        <v>6</v>
      </c>
      <c r="AN12356">
        <v>6</v>
      </c>
      <c r="AO12356">
        <v>6</v>
      </c>
      <c r="AP12356">
        <v>6</v>
      </c>
      <c r="AQ12356">
        <v>6</v>
      </c>
    </row>
    <row r="12357" spans="1:43">
      <c r="A12357" t="s">
        <v>7680</v>
      </c>
      <c r="B12357" t="s">
        <v>7681</v>
      </c>
      <c r="C12357" t="s">
        <v>7670</v>
      </c>
      <c r="D12357" t="s">
        <v>7671</v>
      </c>
      <c r="E12357" t="s">
        <v>7646</v>
      </c>
      <c r="F12357" t="s">
        <v>7647</v>
      </c>
      <c r="G12357" t="s">
        <v>80</v>
      </c>
      <c r="H12357" t="s">
        <v>81</v>
      </c>
      <c r="I12357" s="2">
        <v>0</v>
      </c>
      <c r="J12357" s="2">
        <v>1</v>
      </c>
      <c r="K12357" s="2">
        <v>0</v>
      </c>
      <c r="L12357" t="s">
        <v>82</v>
      </c>
      <c r="M12357" t="s">
        <v>83</v>
      </c>
      <c r="N12357" t="s">
        <v>91</v>
      </c>
      <c r="O12357" t="s">
        <v>85</v>
      </c>
      <c r="P12357" t="s">
        <v>86</v>
      </c>
      <c r="Q12357">
        <v>4</v>
      </c>
      <c r="R12357">
        <v>4</v>
      </c>
      <c r="S12357">
        <v>4</v>
      </c>
      <c r="T12357">
        <v>4</v>
      </c>
      <c r="U12357">
        <v>4</v>
      </c>
      <c r="V12357">
        <v>4</v>
      </c>
      <c r="W12357">
        <v>5</v>
      </c>
      <c r="X12357">
        <v>5</v>
      </c>
      <c r="Y12357">
        <v>5</v>
      </c>
      <c r="Z12357">
        <v>5</v>
      </c>
      <c r="AA12357">
        <v>5</v>
      </c>
      <c r="AB12357">
        <v>5</v>
      </c>
      <c r="AC12357">
        <v>5</v>
      </c>
      <c r="AD12357">
        <v>5</v>
      </c>
      <c r="AE12357">
        <v>5</v>
      </c>
      <c r="AF12357">
        <v>5</v>
      </c>
      <c r="AG12357">
        <v>5</v>
      </c>
      <c r="AH12357">
        <v>5</v>
      </c>
      <c r="AI12357">
        <v>5</v>
      </c>
      <c r="AJ12357">
        <v>6</v>
      </c>
      <c r="AK12357">
        <v>6</v>
      </c>
      <c r="AL12357">
        <v>6</v>
      </c>
      <c r="AM12357">
        <v>6</v>
      </c>
      <c r="AN12357">
        <v>6</v>
      </c>
      <c r="AO12357">
        <v>6</v>
      </c>
      <c r="AP12357">
        <v>6</v>
      </c>
      <c r="AQ12357">
        <v>6</v>
      </c>
    </row>
    <row r="12358" spans="1:43">
      <c r="A12358" t="s">
        <v>7682</v>
      </c>
      <c r="B12358" t="s">
        <v>7683</v>
      </c>
      <c r="C12358" t="s">
        <v>7670</v>
      </c>
      <c r="D12358" t="s">
        <v>7671</v>
      </c>
      <c r="E12358" t="s">
        <v>7646</v>
      </c>
      <c r="F12358" t="s">
        <v>7647</v>
      </c>
      <c r="G12358" t="s">
        <v>80</v>
      </c>
      <c r="H12358" t="s">
        <v>81</v>
      </c>
      <c r="I12358" s="2">
        <v>0</v>
      </c>
      <c r="J12358" s="2">
        <v>1</v>
      </c>
      <c r="K12358" s="2">
        <v>0</v>
      </c>
      <c r="L12358" t="s">
        <v>82</v>
      </c>
      <c r="M12358" t="s">
        <v>83</v>
      </c>
      <c r="N12358" t="s">
        <v>84</v>
      </c>
      <c r="O12358" t="s">
        <v>85</v>
      </c>
      <c r="P12358" t="s">
        <v>86</v>
      </c>
      <c r="Q12358">
        <v>42</v>
      </c>
      <c r="R12358">
        <v>43</v>
      </c>
      <c r="S12358">
        <v>44</v>
      </c>
      <c r="T12358">
        <v>45</v>
      </c>
      <c r="U12358">
        <v>45</v>
      </c>
      <c r="V12358">
        <v>46</v>
      </c>
      <c r="W12358">
        <v>47</v>
      </c>
      <c r="X12358">
        <v>48</v>
      </c>
      <c r="Y12358">
        <v>49</v>
      </c>
      <c r="Z12358">
        <v>49</v>
      </c>
      <c r="AA12358">
        <v>50</v>
      </c>
      <c r="AB12358">
        <v>51</v>
      </c>
      <c r="AC12358">
        <v>52</v>
      </c>
      <c r="AD12358">
        <v>53</v>
      </c>
      <c r="AE12358">
        <v>53</v>
      </c>
      <c r="AF12358">
        <v>54</v>
      </c>
      <c r="AG12358">
        <v>55</v>
      </c>
      <c r="AH12358">
        <v>56</v>
      </c>
      <c r="AI12358">
        <v>57</v>
      </c>
      <c r="AJ12358">
        <v>57</v>
      </c>
      <c r="AK12358">
        <v>58</v>
      </c>
      <c r="AL12358">
        <v>59</v>
      </c>
      <c r="AM12358">
        <v>59</v>
      </c>
      <c r="AN12358">
        <v>59</v>
      </c>
      <c r="AO12358">
        <v>59</v>
      </c>
      <c r="AP12358">
        <v>60</v>
      </c>
      <c r="AQ12358">
        <v>60</v>
      </c>
    </row>
    <row r="12359" spans="1:43">
      <c r="A12359" t="s">
        <v>7682</v>
      </c>
      <c r="B12359" t="s">
        <v>7683</v>
      </c>
      <c r="C12359" t="s">
        <v>7670</v>
      </c>
      <c r="D12359" t="s">
        <v>7671</v>
      </c>
      <c r="E12359" t="s">
        <v>7646</v>
      </c>
      <c r="F12359" t="s">
        <v>7647</v>
      </c>
      <c r="G12359" t="s">
        <v>80</v>
      </c>
      <c r="H12359" t="s">
        <v>81</v>
      </c>
      <c r="I12359" s="2">
        <v>0</v>
      </c>
      <c r="J12359" s="2">
        <v>1</v>
      </c>
      <c r="K12359" s="2">
        <v>0</v>
      </c>
      <c r="L12359" t="s">
        <v>82</v>
      </c>
      <c r="M12359" t="s">
        <v>87</v>
      </c>
      <c r="N12359" t="s">
        <v>88</v>
      </c>
      <c r="O12359" t="s">
        <v>85</v>
      </c>
      <c r="P12359" t="s">
        <v>86</v>
      </c>
      <c r="Q12359">
        <v>42</v>
      </c>
      <c r="R12359">
        <v>42</v>
      </c>
      <c r="S12359">
        <v>43</v>
      </c>
      <c r="T12359">
        <v>43</v>
      </c>
      <c r="U12359">
        <v>43</v>
      </c>
      <c r="V12359">
        <v>44</v>
      </c>
      <c r="W12359">
        <v>44</v>
      </c>
      <c r="X12359">
        <v>45</v>
      </c>
      <c r="Y12359">
        <v>45</v>
      </c>
      <c r="Z12359">
        <v>45</v>
      </c>
      <c r="AA12359">
        <v>46</v>
      </c>
      <c r="AB12359">
        <v>46</v>
      </c>
      <c r="AC12359">
        <v>47</v>
      </c>
      <c r="AD12359">
        <v>47</v>
      </c>
      <c r="AE12359">
        <v>47</v>
      </c>
      <c r="AF12359">
        <v>48</v>
      </c>
      <c r="AG12359">
        <v>48</v>
      </c>
      <c r="AH12359">
        <v>49</v>
      </c>
      <c r="AI12359">
        <v>49</v>
      </c>
      <c r="AJ12359">
        <v>49</v>
      </c>
      <c r="AK12359">
        <v>50</v>
      </c>
      <c r="AL12359">
        <v>50</v>
      </c>
      <c r="AM12359">
        <v>51</v>
      </c>
      <c r="AN12359">
        <v>51</v>
      </c>
      <c r="AO12359">
        <v>51</v>
      </c>
      <c r="AP12359">
        <v>52</v>
      </c>
      <c r="AQ12359">
        <v>52</v>
      </c>
    </row>
    <row r="12360" spans="1:43">
      <c r="A12360" t="s">
        <v>7682</v>
      </c>
      <c r="B12360" t="s">
        <v>7683</v>
      </c>
      <c r="C12360" t="s">
        <v>7670</v>
      </c>
      <c r="D12360" t="s">
        <v>7671</v>
      </c>
      <c r="E12360" t="s">
        <v>7646</v>
      </c>
      <c r="F12360" t="s">
        <v>7647</v>
      </c>
      <c r="G12360" t="s">
        <v>80</v>
      </c>
      <c r="H12360" t="s">
        <v>81</v>
      </c>
      <c r="I12360" s="2">
        <v>0</v>
      </c>
      <c r="J12360" s="2">
        <v>1</v>
      </c>
      <c r="K12360" s="2">
        <v>0</v>
      </c>
      <c r="L12360" t="s">
        <v>82</v>
      </c>
      <c r="M12360" t="s">
        <v>89</v>
      </c>
      <c r="N12360" t="s">
        <v>90</v>
      </c>
      <c r="O12360" t="s">
        <v>85</v>
      </c>
      <c r="P12360" t="s">
        <v>86</v>
      </c>
      <c r="Q12360">
        <v>42</v>
      </c>
      <c r="R12360">
        <v>43</v>
      </c>
      <c r="S12360">
        <v>44</v>
      </c>
      <c r="T12360">
        <v>45</v>
      </c>
      <c r="U12360">
        <v>46</v>
      </c>
      <c r="V12360">
        <v>47</v>
      </c>
      <c r="W12360">
        <v>48</v>
      </c>
      <c r="X12360">
        <v>49</v>
      </c>
      <c r="Y12360">
        <v>50</v>
      </c>
      <c r="Z12360">
        <v>51</v>
      </c>
      <c r="AA12360">
        <v>52</v>
      </c>
      <c r="AB12360">
        <v>53</v>
      </c>
      <c r="AC12360">
        <v>54</v>
      </c>
      <c r="AD12360">
        <v>55</v>
      </c>
      <c r="AE12360">
        <v>56</v>
      </c>
      <c r="AF12360">
        <v>56</v>
      </c>
      <c r="AG12360">
        <v>57</v>
      </c>
      <c r="AH12360">
        <v>57</v>
      </c>
      <c r="AI12360">
        <v>57</v>
      </c>
      <c r="AJ12360">
        <v>58</v>
      </c>
      <c r="AK12360">
        <v>58</v>
      </c>
      <c r="AL12360">
        <v>58</v>
      </c>
      <c r="AM12360">
        <v>58</v>
      </c>
      <c r="AN12360">
        <v>59</v>
      </c>
      <c r="AO12360">
        <v>59</v>
      </c>
      <c r="AP12360">
        <v>59</v>
      </c>
      <c r="AQ12360">
        <v>59</v>
      </c>
    </row>
    <row r="12361" spans="1:43">
      <c r="A12361" t="s">
        <v>7682</v>
      </c>
      <c r="B12361" t="s">
        <v>7683</v>
      </c>
      <c r="C12361" t="s">
        <v>7670</v>
      </c>
      <c r="D12361" t="s">
        <v>7671</v>
      </c>
      <c r="E12361" t="s">
        <v>7646</v>
      </c>
      <c r="F12361" t="s">
        <v>7647</v>
      </c>
      <c r="G12361" t="s">
        <v>80</v>
      </c>
      <c r="H12361" t="s">
        <v>81</v>
      </c>
      <c r="I12361" s="2">
        <v>0</v>
      </c>
      <c r="J12361" s="2">
        <v>1</v>
      </c>
      <c r="K12361" s="2">
        <v>0</v>
      </c>
      <c r="L12361" t="s">
        <v>82</v>
      </c>
      <c r="M12361" t="s">
        <v>83</v>
      </c>
      <c r="N12361" t="s">
        <v>91</v>
      </c>
      <c r="O12361" t="s">
        <v>85</v>
      </c>
      <c r="P12361" t="s">
        <v>86</v>
      </c>
      <c r="Q12361">
        <v>42</v>
      </c>
      <c r="R12361">
        <v>43</v>
      </c>
      <c r="S12361">
        <v>44</v>
      </c>
      <c r="T12361">
        <v>45</v>
      </c>
      <c r="U12361">
        <v>45</v>
      </c>
      <c r="V12361">
        <v>46</v>
      </c>
      <c r="W12361">
        <v>47</v>
      </c>
      <c r="X12361">
        <v>48</v>
      </c>
      <c r="Y12361">
        <v>49</v>
      </c>
      <c r="Z12361">
        <v>49</v>
      </c>
      <c r="AA12361">
        <v>50</v>
      </c>
      <c r="AB12361">
        <v>51</v>
      </c>
      <c r="AC12361">
        <v>52</v>
      </c>
      <c r="AD12361">
        <v>53</v>
      </c>
      <c r="AE12361">
        <v>53</v>
      </c>
      <c r="AF12361">
        <v>54</v>
      </c>
      <c r="AG12361">
        <v>55</v>
      </c>
      <c r="AH12361">
        <v>56</v>
      </c>
      <c r="AI12361">
        <v>57</v>
      </c>
      <c r="AJ12361">
        <v>57</v>
      </c>
      <c r="AK12361">
        <v>58</v>
      </c>
      <c r="AL12361">
        <v>59</v>
      </c>
      <c r="AM12361">
        <v>59</v>
      </c>
      <c r="AN12361">
        <v>59</v>
      </c>
      <c r="AO12361">
        <v>59</v>
      </c>
      <c r="AP12361">
        <v>60</v>
      </c>
      <c r="AQ12361">
        <v>60</v>
      </c>
    </row>
    <row r="12362" spans="1:43">
      <c r="A12362" t="s">
        <v>7684</v>
      </c>
      <c r="B12362" t="s">
        <v>7685</v>
      </c>
      <c r="C12362" t="s">
        <v>7686</v>
      </c>
      <c r="D12362" t="s">
        <v>7687</v>
      </c>
      <c r="E12362" t="s">
        <v>7646</v>
      </c>
      <c r="F12362" t="s">
        <v>7647</v>
      </c>
      <c r="G12362" t="s">
        <v>80</v>
      </c>
      <c r="H12362" t="s">
        <v>81</v>
      </c>
      <c r="I12362" s="2">
        <v>0</v>
      </c>
      <c r="J12362" s="2">
        <v>1</v>
      </c>
      <c r="K12362" s="2">
        <v>0</v>
      </c>
      <c r="L12362" t="s">
        <v>82</v>
      </c>
      <c r="M12362" t="s">
        <v>83</v>
      </c>
      <c r="N12362" t="s">
        <v>84</v>
      </c>
      <c r="O12362" t="s">
        <v>85</v>
      </c>
      <c r="P12362" t="s">
        <v>86</v>
      </c>
      <c r="Q12362">
        <v>8</v>
      </c>
      <c r="R12362">
        <v>8</v>
      </c>
      <c r="S12362">
        <v>8</v>
      </c>
      <c r="T12362">
        <v>9</v>
      </c>
      <c r="U12362">
        <v>9</v>
      </c>
      <c r="V12362">
        <v>9</v>
      </c>
      <c r="W12362">
        <v>9</v>
      </c>
      <c r="X12362">
        <v>9</v>
      </c>
      <c r="Y12362">
        <v>9</v>
      </c>
      <c r="Z12362">
        <v>10</v>
      </c>
      <c r="AA12362">
        <v>10</v>
      </c>
      <c r="AB12362">
        <v>10</v>
      </c>
      <c r="AC12362">
        <v>10</v>
      </c>
      <c r="AD12362">
        <v>10</v>
      </c>
      <c r="AE12362">
        <v>10</v>
      </c>
      <c r="AF12362">
        <v>11</v>
      </c>
      <c r="AG12362">
        <v>11</v>
      </c>
      <c r="AH12362">
        <v>11</v>
      </c>
      <c r="AI12362">
        <v>11</v>
      </c>
      <c r="AJ12362">
        <v>11</v>
      </c>
      <c r="AK12362">
        <v>11</v>
      </c>
      <c r="AL12362">
        <v>11</v>
      </c>
      <c r="AM12362">
        <v>11</v>
      </c>
      <c r="AN12362">
        <v>11</v>
      </c>
      <c r="AO12362">
        <v>12</v>
      </c>
      <c r="AP12362">
        <v>12</v>
      </c>
      <c r="AQ12362">
        <v>12</v>
      </c>
    </row>
    <row r="12363" spans="1:43">
      <c r="A12363" t="s">
        <v>7684</v>
      </c>
      <c r="B12363" t="s">
        <v>7685</v>
      </c>
      <c r="C12363" t="s">
        <v>7686</v>
      </c>
      <c r="D12363" t="s">
        <v>7687</v>
      </c>
      <c r="E12363" t="s">
        <v>7646</v>
      </c>
      <c r="F12363" t="s">
        <v>7647</v>
      </c>
      <c r="G12363" t="s">
        <v>80</v>
      </c>
      <c r="H12363" t="s">
        <v>81</v>
      </c>
      <c r="I12363" s="2">
        <v>0</v>
      </c>
      <c r="J12363" s="2">
        <v>1</v>
      </c>
      <c r="K12363" s="2">
        <v>0</v>
      </c>
      <c r="L12363" t="s">
        <v>82</v>
      </c>
      <c r="M12363" t="s">
        <v>87</v>
      </c>
      <c r="N12363" t="s">
        <v>88</v>
      </c>
      <c r="O12363" t="s">
        <v>85</v>
      </c>
      <c r="P12363" t="s">
        <v>86</v>
      </c>
      <c r="Q12363">
        <v>8</v>
      </c>
      <c r="R12363">
        <v>8</v>
      </c>
      <c r="S12363">
        <v>8</v>
      </c>
      <c r="T12363">
        <v>8</v>
      </c>
      <c r="U12363">
        <v>8</v>
      </c>
      <c r="V12363">
        <v>8</v>
      </c>
      <c r="W12363">
        <v>9</v>
      </c>
      <c r="X12363">
        <v>9</v>
      </c>
      <c r="Y12363">
        <v>9</v>
      </c>
      <c r="Z12363">
        <v>9</v>
      </c>
      <c r="AA12363">
        <v>9</v>
      </c>
      <c r="AB12363">
        <v>9</v>
      </c>
      <c r="AC12363">
        <v>9</v>
      </c>
      <c r="AD12363">
        <v>9</v>
      </c>
      <c r="AE12363">
        <v>9</v>
      </c>
      <c r="AF12363">
        <v>9</v>
      </c>
      <c r="AG12363">
        <v>9</v>
      </c>
      <c r="AH12363">
        <v>9</v>
      </c>
      <c r="AI12363">
        <v>9</v>
      </c>
      <c r="AJ12363">
        <v>10</v>
      </c>
      <c r="AK12363">
        <v>10</v>
      </c>
      <c r="AL12363">
        <v>10</v>
      </c>
      <c r="AM12363">
        <v>10</v>
      </c>
      <c r="AN12363">
        <v>10</v>
      </c>
      <c r="AO12363">
        <v>10</v>
      </c>
      <c r="AP12363">
        <v>10</v>
      </c>
      <c r="AQ12363">
        <v>10</v>
      </c>
    </row>
    <row r="12364" spans="1:43">
      <c r="A12364" t="s">
        <v>7684</v>
      </c>
      <c r="B12364" t="s">
        <v>7685</v>
      </c>
      <c r="C12364" t="s">
        <v>7686</v>
      </c>
      <c r="D12364" t="s">
        <v>7687</v>
      </c>
      <c r="E12364" t="s">
        <v>7646</v>
      </c>
      <c r="F12364" t="s">
        <v>7647</v>
      </c>
      <c r="G12364" t="s">
        <v>80</v>
      </c>
      <c r="H12364" t="s">
        <v>81</v>
      </c>
      <c r="I12364" s="2">
        <v>0</v>
      </c>
      <c r="J12364" s="2">
        <v>1</v>
      </c>
      <c r="K12364" s="2">
        <v>0</v>
      </c>
      <c r="L12364" t="s">
        <v>82</v>
      </c>
      <c r="M12364" t="s">
        <v>89</v>
      </c>
      <c r="N12364" t="s">
        <v>90</v>
      </c>
      <c r="O12364" t="s">
        <v>85</v>
      </c>
      <c r="P12364" t="s">
        <v>86</v>
      </c>
      <c r="Q12364">
        <v>8</v>
      </c>
      <c r="R12364">
        <v>8</v>
      </c>
      <c r="S12364">
        <v>9</v>
      </c>
      <c r="T12364">
        <v>9</v>
      </c>
      <c r="U12364">
        <v>9</v>
      </c>
      <c r="V12364">
        <v>9</v>
      </c>
      <c r="W12364">
        <v>10</v>
      </c>
      <c r="X12364">
        <v>10</v>
      </c>
      <c r="Y12364">
        <v>10</v>
      </c>
      <c r="Z12364">
        <v>10</v>
      </c>
      <c r="AA12364">
        <v>10</v>
      </c>
      <c r="AB12364">
        <v>11</v>
      </c>
      <c r="AC12364">
        <v>11</v>
      </c>
      <c r="AD12364">
        <v>11</v>
      </c>
      <c r="AE12364">
        <v>11</v>
      </c>
      <c r="AF12364">
        <v>11</v>
      </c>
      <c r="AG12364">
        <v>11</v>
      </c>
      <c r="AH12364">
        <v>11</v>
      </c>
      <c r="AI12364">
        <v>11</v>
      </c>
      <c r="AJ12364">
        <v>11</v>
      </c>
      <c r="AK12364">
        <v>11</v>
      </c>
      <c r="AL12364">
        <v>11</v>
      </c>
      <c r="AM12364">
        <v>11</v>
      </c>
      <c r="AN12364">
        <v>12</v>
      </c>
      <c r="AO12364">
        <v>12</v>
      </c>
      <c r="AP12364">
        <v>12</v>
      </c>
      <c r="AQ12364">
        <v>12</v>
      </c>
    </row>
    <row r="12365" spans="1:43">
      <c r="A12365" t="s">
        <v>7684</v>
      </c>
      <c r="B12365" t="s">
        <v>7685</v>
      </c>
      <c r="C12365" t="s">
        <v>7686</v>
      </c>
      <c r="D12365" t="s">
        <v>7687</v>
      </c>
      <c r="E12365" t="s">
        <v>7646</v>
      </c>
      <c r="F12365" t="s">
        <v>7647</v>
      </c>
      <c r="G12365" t="s">
        <v>80</v>
      </c>
      <c r="H12365" t="s">
        <v>81</v>
      </c>
      <c r="I12365" s="2">
        <v>0</v>
      </c>
      <c r="J12365" s="2">
        <v>1</v>
      </c>
      <c r="K12365" s="2">
        <v>0</v>
      </c>
      <c r="L12365" t="s">
        <v>82</v>
      </c>
      <c r="M12365" t="s">
        <v>83</v>
      </c>
      <c r="N12365" t="s">
        <v>91</v>
      </c>
      <c r="O12365" t="s">
        <v>85</v>
      </c>
      <c r="P12365" t="s">
        <v>86</v>
      </c>
      <c r="Q12365">
        <v>8</v>
      </c>
      <c r="R12365">
        <v>8</v>
      </c>
      <c r="S12365">
        <v>8</v>
      </c>
      <c r="T12365">
        <v>9</v>
      </c>
      <c r="U12365">
        <v>9</v>
      </c>
      <c r="V12365">
        <v>9</v>
      </c>
      <c r="W12365">
        <v>9</v>
      </c>
      <c r="X12365">
        <v>9</v>
      </c>
      <c r="Y12365">
        <v>9</v>
      </c>
      <c r="Z12365">
        <v>10</v>
      </c>
      <c r="AA12365">
        <v>10</v>
      </c>
      <c r="AB12365">
        <v>10</v>
      </c>
      <c r="AC12365">
        <v>10</v>
      </c>
      <c r="AD12365">
        <v>10</v>
      </c>
      <c r="AE12365">
        <v>10</v>
      </c>
      <c r="AF12365">
        <v>11</v>
      </c>
      <c r="AG12365">
        <v>11</v>
      </c>
      <c r="AH12365">
        <v>11</v>
      </c>
      <c r="AI12365">
        <v>11</v>
      </c>
      <c r="AJ12365">
        <v>11</v>
      </c>
      <c r="AK12365">
        <v>11</v>
      </c>
      <c r="AL12365">
        <v>11</v>
      </c>
      <c r="AM12365">
        <v>11</v>
      </c>
      <c r="AN12365">
        <v>11</v>
      </c>
      <c r="AO12365">
        <v>12</v>
      </c>
      <c r="AP12365">
        <v>12</v>
      </c>
      <c r="AQ12365">
        <v>12</v>
      </c>
    </row>
    <row r="12366" spans="1:43">
      <c r="A12366" t="s">
        <v>7688</v>
      </c>
      <c r="B12366" t="s">
        <v>7689</v>
      </c>
      <c r="C12366" t="s">
        <v>7686</v>
      </c>
      <c r="D12366" t="s">
        <v>7687</v>
      </c>
      <c r="E12366" t="s">
        <v>7646</v>
      </c>
      <c r="F12366" t="s">
        <v>7647</v>
      </c>
      <c r="G12366" t="s">
        <v>80</v>
      </c>
      <c r="H12366" t="s">
        <v>81</v>
      </c>
      <c r="I12366" s="2">
        <v>0</v>
      </c>
      <c r="J12366" s="2">
        <v>1</v>
      </c>
      <c r="K12366" s="2">
        <v>0</v>
      </c>
      <c r="L12366" t="s">
        <v>82</v>
      </c>
      <c r="M12366" t="s">
        <v>83</v>
      </c>
      <c r="N12366" t="s">
        <v>84</v>
      </c>
      <c r="O12366" t="s">
        <v>85</v>
      </c>
      <c r="P12366" t="s">
        <v>86</v>
      </c>
      <c r="Q12366">
        <v>33</v>
      </c>
      <c r="R12366">
        <v>34</v>
      </c>
      <c r="S12366">
        <v>35</v>
      </c>
      <c r="T12366">
        <v>35</v>
      </c>
      <c r="U12366">
        <v>36</v>
      </c>
      <c r="V12366">
        <v>37</v>
      </c>
      <c r="W12366">
        <v>37</v>
      </c>
      <c r="X12366">
        <v>38</v>
      </c>
      <c r="Y12366">
        <v>39</v>
      </c>
      <c r="Z12366">
        <v>39</v>
      </c>
      <c r="AA12366">
        <v>40</v>
      </c>
      <c r="AB12366">
        <v>41</v>
      </c>
      <c r="AC12366">
        <v>41</v>
      </c>
      <c r="AD12366">
        <v>42</v>
      </c>
      <c r="AE12366">
        <v>42</v>
      </c>
      <c r="AF12366">
        <v>43</v>
      </c>
      <c r="AG12366">
        <v>44</v>
      </c>
      <c r="AH12366">
        <v>44</v>
      </c>
      <c r="AI12366">
        <v>45</v>
      </c>
      <c r="AJ12366">
        <v>46</v>
      </c>
      <c r="AK12366">
        <v>46</v>
      </c>
      <c r="AL12366">
        <v>47</v>
      </c>
      <c r="AM12366">
        <v>47</v>
      </c>
      <c r="AN12366">
        <v>47</v>
      </c>
      <c r="AO12366">
        <v>47</v>
      </c>
      <c r="AP12366">
        <v>47</v>
      </c>
      <c r="AQ12366">
        <v>48</v>
      </c>
    </row>
    <row r="12367" spans="1:43">
      <c r="A12367" t="s">
        <v>7688</v>
      </c>
      <c r="B12367" t="s">
        <v>7689</v>
      </c>
      <c r="C12367" t="s">
        <v>7686</v>
      </c>
      <c r="D12367" t="s">
        <v>7687</v>
      </c>
      <c r="E12367" t="s">
        <v>7646</v>
      </c>
      <c r="F12367" t="s">
        <v>7647</v>
      </c>
      <c r="G12367" t="s">
        <v>80</v>
      </c>
      <c r="H12367" t="s">
        <v>81</v>
      </c>
      <c r="I12367" s="2">
        <v>0</v>
      </c>
      <c r="J12367" s="2">
        <v>1</v>
      </c>
      <c r="K12367" s="2">
        <v>0</v>
      </c>
      <c r="L12367" t="s">
        <v>82</v>
      </c>
      <c r="M12367" t="s">
        <v>87</v>
      </c>
      <c r="N12367" t="s">
        <v>88</v>
      </c>
      <c r="O12367" t="s">
        <v>85</v>
      </c>
      <c r="P12367" t="s">
        <v>86</v>
      </c>
      <c r="Q12367">
        <v>33</v>
      </c>
      <c r="R12367">
        <v>33</v>
      </c>
      <c r="S12367">
        <v>34</v>
      </c>
      <c r="T12367">
        <v>34</v>
      </c>
      <c r="U12367">
        <v>34</v>
      </c>
      <c r="V12367">
        <v>35</v>
      </c>
      <c r="W12367">
        <v>35</v>
      </c>
      <c r="X12367">
        <v>35</v>
      </c>
      <c r="Y12367">
        <v>36</v>
      </c>
      <c r="Z12367">
        <v>36</v>
      </c>
      <c r="AA12367">
        <v>36</v>
      </c>
      <c r="AB12367">
        <v>37</v>
      </c>
      <c r="AC12367">
        <v>37</v>
      </c>
      <c r="AD12367">
        <v>37</v>
      </c>
      <c r="AE12367">
        <v>38</v>
      </c>
      <c r="AF12367">
        <v>38</v>
      </c>
      <c r="AG12367">
        <v>38</v>
      </c>
      <c r="AH12367">
        <v>39</v>
      </c>
      <c r="AI12367">
        <v>39</v>
      </c>
      <c r="AJ12367">
        <v>39</v>
      </c>
      <c r="AK12367">
        <v>39</v>
      </c>
      <c r="AL12367">
        <v>40</v>
      </c>
      <c r="AM12367">
        <v>40</v>
      </c>
      <c r="AN12367">
        <v>40</v>
      </c>
      <c r="AO12367">
        <v>41</v>
      </c>
      <c r="AP12367">
        <v>41</v>
      </c>
      <c r="AQ12367">
        <v>41</v>
      </c>
    </row>
    <row r="12368" spans="1:43">
      <c r="A12368" t="s">
        <v>7688</v>
      </c>
      <c r="B12368" t="s">
        <v>7689</v>
      </c>
      <c r="C12368" t="s">
        <v>7686</v>
      </c>
      <c r="D12368" t="s">
        <v>7687</v>
      </c>
      <c r="E12368" t="s">
        <v>7646</v>
      </c>
      <c r="F12368" t="s">
        <v>7647</v>
      </c>
      <c r="G12368" t="s">
        <v>80</v>
      </c>
      <c r="H12368" t="s">
        <v>81</v>
      </c>
      <c r="I12368" s="2">
        <v>0</v>
      </c>
      <c r="J12368" s="2">
        <v>1</v>
      </c>
      <c r="K12368" s="2">
        <v>0</v>
      </c>
      <c r="L12368" t="s">
        <v>82</v>
      </c>
      <c r="M12368" t="s">
        <v>89</v>
      </c>
      <c r="N12368" t="s">
        <v>90</v>
      </c>
      <c r="O12368" t="s">
        <v>85</v>
      </c>
      <c r="P12368" t="s">
        <v>86</v>
      </c>
      <c r="Q12368">
        <v>33</v>
      </c>
      <c r="R12368">
        <v>34</v>
      </c>
      <c r="S12368">
        <v>35</v>
      </c>
      <c r="T12368">
        <v>36</v>
      </c>
      <c r="U12368">
        <v>36</v>
      </c>
      <c r="V12368">
        <v>37</v>
      </c>
      <c r="W12368">
        <v>38</v>
      </c>
      <c r="X12368">
        <v>39</v>
      </c>
      <c r="Y12368">
        <v>40</v>
      </c>
      <c r="Z12368">
        <v>41</v>
      </c>
      <c r="AA12368">
        <v>41</v>
      </c>
      <c r="AB12368">
        <v>42</v>
      </c>
      <c r="AC12368">
        <v>43</v>
      </c>
      <c r="AD12368">
        <v>44</v>
      </c>
      <c r="AE12368">
        <v>44</v>
      </c>
      <c r="AF12368">
        <v>45</v>
      </c>
      <c r="AG12368">
        <v>45</v>
      </c>
      <c r="AH12368">
        <v>45</v>
      </c>
      <c r="AI12368">
        <v>45</v>
      </c>
      <c r="AJ12368">
        <v>45</v>
      </c>
      <c r="AK12368">
        <v>46</v>
      </c>
      <c r="AL12368">
        <v>46</v>
      </c>
      <c r="AM12368">
        <v>46</v>
      </c>
      <c r="AN12368">
        <v>46</v>
      </c>
      <c r="AO12368">
        <v>46</v>
      </c>
      <c r="AP12368">
        <v>47</v>
      </c>
      <c r="AQ12368">
        <v>47</v>
      </c>
    </row>
    <row r="12369" spans="1:43">
      <c r="A12369" t="s">
        <v>7688</v>
      </c>
      <c r="B12369" t="s">
        <v>7689</v>
      </c>
      <c r="C12369" t="s">
        <v>7686</v>
      </c>
      <c r="D12369" t="s">
        <v>7687</v>
      </c>
      <c r="E12369" t="s">
        <v>7646</v>
      </c>
      <c r="F12369" t="s">
        <v>7647</v>
      </c>
      <c r="G12369" t="s">
        <v>80</v>
      </c>
      <c r="H12369" t="s">
        <v>81</v>
      </c>
      <c r="I12369" s="2">
        <v>0</v>
      </c>
      <c r="J12369" s="2">
        <v>1</v>
      </c>
      <c r="K12369" s="2">
        <v>0</v>
      </c>
      <c r="L12369" t="s">
        <v>82</v>
      </c>
      <c r="M12369" t="s">
        <v>83</v>
      </c>
      <c r="N12369" t="s">
        <v>91</v>
      </c>
      <c r="O12369" t="s">
        <v>85</v>
      </c>
      <c r="P12369" t="s">
        <v>86</v>
      </c>
      <c r="Q12369">
        <v>33</v>
      </c>
      <c r="R12369">
        <v>34</v>
      </c>
      <c r="S12369">
        <v>35</v>
      </c>
      <c r="T12369">
        <v>35</v>
      </c>
      <c r="U12369">
        <v>36</v>
      </c>
      <c r="V12369">
        <v>37</v>
      </c>
      <c r="W12369">
        <v>37</v>
      </c>
      <c r="X12369">
        <v>38</v>
      </c>
      <c r="Y12369">
        <v>39</v>
      </c>
      <c r="Z12369">
        <v>39</v>
      </c>
      <c r="AA12369">
        <v>40</v>
      </c>
      <c r="AB12369">
        <v>41</v>
      </c>
      <c r="AC12369">
        <v>41</v>
      </c>
      <c r="AD12369">
        <v>42</v>
      </c>
      <c r="AE12369">
        <v>42</v>
      </c>
      <c r="AF12369">
        <v>43</v>
      </c>
      <c r="AG12369">
        <v>44</v>
      </c>
      <c r="AH12369">
        <v>44</v>
      </c>
      <c r="AI12369">
        <v>45</v>
      </c>
      <c r="AJ12369">
        <v>46</v>
      </c>
      <c r="AK12369">
        <v>46</v>
      </c>
      <c r="AL12369">
        <v>47</v>
      </c>
      <c r="AM12369">
        <v>47</v>
      </c>
      <c r="AN12369">
        <v>47</v>
      </c>
      <c r="AO12369">
        <v>47</v>
      </c>
      <c r="AP12369">
        <v>47</v>
      </c>
      <c r="AQ12369">
        <v>48</v>
      </c>
    </row>
    <row r="12370" spans="1:43">
      <c r="A12370" t="s">
        <v>7690</v>
      </c>
      <c r="B12370" t="s">
        <v>7691</v>
      </c>
      <c r="C12370" t="s">
        <v>7692</v>
      </c>
      <c r="D12370" t="s">
        <v>7693</v>
      </c>
      <c r="E12370" t="s">
        <v>7646</v>
      </c>
      <c r="F12370" t="s">
        <v>7647</v>
      </c>
      <c r="G12370" t="s">
        <v>80</v>
      </c>
      <c r="H12370" t="s">
        <v>81</v>
      </c>
      <c r="I12370" s="2">
        <v>0</v>
      </c>
      <c r="J12370" s="2">
        <v>1</v>
      </c>
      <c r="K12370" s="2">
        <v>0</v>
      </c>
      <c r="L12370" t="s">
        <v>82</v>
      </c>
      <c r="M12370" t="s">
        <v>83</v>
      </c>
      <c r="N12370" t="s">
        <v>84</v>
      </c>
      <c r="O12370" t="s">
        <v>85</v>
      </c>
      <c r="P12370" t="s">
        <v>86</v>
      </c>
      <c r="Q12370">
        <v>43</v>
      </c>
      <c r="R12370">
        <v>44</v>
      </c>
      <c r="S12370">
        <v>45</v>
      </c>
      <c r="T12370">
        <v>46</v>
      </c>
      <c r="U12370">
        <v>47</v>
      </c>
      <c r="V12370">
        <v>47</v>
      </c>
      <c r="W12370">
        <v>48</v>
      </c>
      <c r="X12370">
        <v>49</v>
      </c>
      <c r="Y12370">
        <v>50</v>
      </c>
      <c r="Z12370">
        <v>51</v>
      </c>
      <c r="AA12370">
        <v>52</v>
      </c>
      <c r="AB12370">
        <v>52</v>
      </c>
      <c r="AC12370">
        <v>53</v>
      </c>
      <c r="AD12370">
        <v>54</v>
      </c>
      <c r="AE12370">
        <v>55</v>
      </c>
      <c r="AF12370">
        <v>56</v>
      </c>
      <c r="AG12370">
        <v>57</v>
      </c>
      <c r="AH12370">
        <v>57</v>
      </c>
      <c r="AI12370">
        <v>58</v>
      </c>
      <c r="AJ12370">
        <v>59</v>
      </c>
      <c r="AK12370">
        <v>60</v>
      </c>
      <c r="AL12370">
        <v>60</v>
      </c>
      <c r="AM12370">
        <v>61</v>
      </c>
      <c r="AN12370">
        <v>61</v>
      </c>
      <c r="AO12370">
        <v>61</v>
      </c>
      <c r="AP12370">
        <v>61</v>
      </c>
      <c r="AQ12370">
        <v>62</v>
      </c>
    </row>
    <row r="12371" spans="1:43">
      <c r="A12371" t="s">
        <v>7690</v>
      </c>
      <c r="B12371" t="s">
        <v>7691</v>
      </c>
      <c r="C12371" t="s">
        <v>7692</v>
      </c>
      <c r="D12371" t="s">
        <v>7693</v>
      </c>
      <c r="E12371" t="s">
        <v>7646</v>
      </c>
      <c r="F12371" t="s">
        <v>7647</v>
      </c>
      <c r="G12371" t="s">
        <v>80</v>
      </c>
      <c r="H12371" t="s">
        <v>81</v>
      </c>
      <c r="I12371" s="2">
        <v>0</v>
      </c>
      <c r="J12371" s="2">
        <v>1</v>
      </c>
      <c r="K12371" s="2">
        <v>0</v>
      </c>
      <c r="L12371" t="s">
        <v>82</v>
      </c>
      <c r="M12371" t="s">
        <v>87</v>
      </c>
      <c r="N12371" t="s">
        <v>88</v>
      </c>
      <c r="O12371" t="s">
        <v>85</v>
      </c>
      <c r="P12371" t="s">
        <v>86</v>
      </c>
      <c r="Q12371">
        <v>43</v>
      </c>
      <c r="R12371">
        <v>43</v>
      </c>
      <c r="S12371">
        <v>44</v>
      </c>
      <c r="T12371">
        <v>44</v>
      </c>
      <c r="U12371">
        <v>45</v>
      </c>
      <c r="V12371">
        <v>45</v>
      </c>
      <c r="W12371">
        <v>45</v>
      </c>
      <c r="X12371">
        <v>46</v>
      </c>
      <c r="Y12371">
        <v>46</v>
      </c>
      <c r="Z12371">
        <v>47</v>
      </c>
      <c r="AA12371">
        <v>47</v>
      </c>
      <c r="AB12371">
        <v>47</v>
      </c>
      <c r="AC12371">
        <v>48</v>
      </c>
      <c r="AD12371">
        <v>48</v>
      </c>
      <c r="AE12371">
        <v>49</v>
      </c>
      <c r="AF12371">
        <v>49</v>
      </c>
      <c r="AG12371">
        <v>49</v>
      </c>
      <c r="AH12371">
        <v>50</v>
      </c>
      <c r="AI12371">
        <v>50</v>
      </c>
      <c r="AJ12371">
        <v>51</v>
      </c>
      <c r="AK12371">
        <v>51</v>
      </c>
      <c r="AL12371">
        <v>51</v>
      </c>
      <c r="AM12371">
        <v>52</v>
      </c>
      <c r="AN12371">
        <v>52</v>
      </c>
      <c r="AO12371">
        <v>53</v>
      </c>
      <c r="AP12371">
        <v>53</v>
      </c>
      <c r="AQ12371">
        <v>53</v>
      </c>
    </row>
    <row r="12372" spans="1:43">
      <c r="A12372" t="s">
        <v>7690</v>
      </c>
      <c r="B12372" t="s">
        <v>7691</v>
      </c>
      <c r="C12372" t="s">
        <v>7692</v>
      </c>
      <c r="D12372" t="s">
        <v>7693</v>
      </c>
      <c r="E12372" t="s">
        <v>7646</v>
      </c>
      <c r="F12372" t="s">
        <v>7647</v>
      </c>
      <c r="G12372" t="s">
        <v>80</v>
      </c>
      <c r="H12372" t="s">
        <v>81</v>
      </c>
      <c r="I12372" s="2">
        <v>0</v>
      </c>
      <c r="J12372" s="2">
        <v>1</v>
      </c>
      <c r="K12372" s="2">
        <v>0</v>
      </c>
      <c r="L12372" t="s">
        <v>82</v>
      </c>
      <c r="M12372" t="s">
        <v>89</v>
      </c>
      <c r="N12372" t="s">
        <v>90</v>
      </c>
      <c r="O12372" t="s">
        <v>85</v>
      </c>
      <c r="P12372" t="s">
        <v>86</v>
      </c>
      <c r="Q12372">
        <v>43</v>
      </c>
      <c r="R12372">
        <v>44</v>
      </c>
      <c r="S12372">
        <v>45</v>
      </c>
      <c r="T12372">
        <v>46</v>
      </c>
      <c r="U12372">
        <v>48</v>
      </c>
      <c r="V12372">
        <v>49</v>
      </c>
      <c r="W12372">
        <v>50</v>
      </c>
      <c r="X12372">
        <v>51</v>
      </c>
      <c r="Y12372">
        <v>52</v>
      </c>
      <c r="Z12372">
        <v>53</v>
      </c>
      <c r="AA12372">
        <v>54</v>
      </c>
      <c r="AB12372">
        <v>55</v>
      </c>
      <c r="AC12372">
        <v>56</v>
      </c>
      <c r="AD12372">
        <v>57</v>
      </c>
      <c r="AE12372">
        <v>58</v>
      </c>
      <c r="AF12372">
        <v>58</v>
      </c>
      <c r="AG12372">
        <v>58</v>
      </c>
      <c r="AH12372">
        <v>59</v>
      </c>
      <c r="AI12372">
        <v>59</v>
      </c>
      <c r="AJ12372">
        <v>59</v>
      </c>
      <c r="AK12372">
        <v>59</v>
      </c>
      <c r="AL12372">
        <v>60</v>
      </c>
      <c r="AM12372">
        <v>60</v>
      </c>
      <c r="AN12372">
        <v>60</v>
      </c>
      <c r="AO12372">
        <v>60</v>
      </c>
      <c r="AP12372">
        <v>61</v>
      </c>
      <c r="AQ12372">
        <v>61</v>
      </c>
    </row>
    <row r="12373" spans="1:43">
      <c r="A12373" t="s">
        <v>7690</v>
      </c>
      <c r="B12373" t="s">
        <v>7691</v>
      </c>
      <c r="C12373" t="s">
        <v>7692</v>
      </c>
      <c r="D12373" t="s">
        <v>7693</v>
      </c>
      <c r="E12373" t="s">
        <v>7646</v>
      </c>
      <c r="F12373" t="s">
        <v>7647</v>
      </c>
      <c r="G12373" t="s">
        <v>80</v>
      </c>
      <c r="H12373" t="s">
        <v>81</v>
      </c>
      <c r="I12373" s="2">
        <v>0</v>
      </c>
      <c r="J12373" s="2">
        <v>1</v>
      </c>
      <c r="K12373" s="2">
        <v>0</v>
      </c>
      <c r="L12373" t="s">
        <v>82</v>
      </c>
      <c r="M12373" t="s">
        <v>83</v>
      </c>
      <c r="N12373" t="s">
        <v>91</v>
      </c>
      <c r="O12373" t="s">
        <v>85</v>
      </c>
      <c r="P12373" t="s">
        <v>86</v>
      </c>
      <c r="Q12373">
        <v>43</v>
      </c>
      <c r="R12373">
        <v>44</v>
      </c>
      <c r="S12373">
        <v>45</v>
      </c>
      <c r="T12373">
        <v>46</v>
      </c>
      <c r="U12373">
        <v>47</v>
      </c>
      <c r="V12373">
        <v>47</v>
      </c>
      <c r="W12373">
        <v>48</v>
      </c>
      <c r="X12373">
        <v>49</v>
      </c>
      <c r="Y12373">
        <v>50</v>
      </c>
      <c r="Z12373">
        <v>51</v>
      </c>
      <c r="AA12373">
        <v>52</v>
      </c>
      <c r="AB12373">
        <v>52</v>
      </c>
      <c r="AC12373">
        <v>53</v>
      </c>
      <c r="AD12373">
        <v>54</v>
      </c>
      <c r="AE12373">
        <v>55</v>
      </c>
      <c r="AF12373">
        <v>56</v>
      </c>
      <c r="AG12373">
        <v>57</v>
      </c>
      <c r="AH12373">
        <v>57</v>
      </c>
      <c r="AI12373">
        <v>58</v>
      </c>
      <c r="AJ12373">
        <v>59</v>
      </c>
      <c r="AK12373">
        <v>60</v>
      </c>
      <c r="AL12373">
        <v>60</v>
      </c>
      <c r="AM12373">
        <v>61</v>
      </c>
      <c r="AN12373">
        <v>61</v>
      </c>
      <c r="AO12373">
        <v>61</v>
      </c>
      <c r="AP12373">
        <v>61</v>
      </c>
      <c r="AQ12373">
        <v>62</v>
      </c>
    </row>
    <row r="12374" spans="1:43">
      <c r="A12374" t="s">
        <v>7694</v>
      </c>
      <c r="B12374" t="s">
        <v>7695</v>
      </c>
      <c r="C12374" t="s">
        <v>7692</v>
      </c>
      <c r="D12374" t="s">
        <v>7693</v>
      </c>
      <c r="E12374" t="s">
        <v>7646</v>
      </c>
      <c r="F12374" t="s">
        <v>7647</v>
      </c>
      <c r="G12374" t="s">
        <v>80</v>
      </c>
      <c r="H12374" t="s">
        <v>81</v>
      </c>
      <c r="I12374" s="2">
        <v>0</v>
      </c>
      <c r="J12374" s="2">
        <v>1</v>
      </c>
      <c r="K12374" s="2">
        <v>0</v>
      </c>
      <c r="L12374" t="s">
        <v>82</v>
      </c>
      <c r="M12374" t="s">
        <v>83</v>
      </c>
      <c r="N12374" t="s">
        <v>84</v>
      </c>
      <c r="O12374" t="s">
        <v>85</v>
      </c>
      <c r="P12374" t="s">
        <v>86</v>
      </c>
      <c r="Q12374">
        <v>35</v>
      </c>
      <c r="R12374">
        <v>35</v>
      </c>
      <c r="S12374">
        <v>36</v>
      </c>
      <c r="T12374">
        <v>36</v>
      </c>
      <c r="U12374">
        <v>37</v>
      </c>
      <c r="V12374">
        <v>38</v>
      </c>
      <c r="W12374">
        <v>38</v>
      </c>
      <c r="X12374">
        <v>39</v>
      </c>
      <c r="Y12374">
        <v>40</v>
      </c>
      <c r="Z12374">
        <v>40</v>
      </c>
      <c r="AA12374">
        <v>41</v>
      </c>
      <c r="AB12374">
        <v>42</v>
      </c>
      <c r="AC12374">
        <v>42</v>
      </c>
      <c r="AD12374">
        <v>43</v>
      </c>
      <c r="AE12374">
        <v>44</v>
      </c>
      <c r="AF12374">
        <v>44</v>
      </c>
      <c r="AG12374">
        <v>45</v>
      </c>
      <c r="AH12374">
        <v>46</v>
      </c>
      <c r="AI12374">
        <v>46</v>
      </c>
      <c r="AJ12374">
        <v>47</v>
      </c>
      <c r="AK12374">
        <v>48</v>
      </c>
      <c r="AL12374">
        <v>48</v>
      </c>
      <c r="AM12374">
        <v>48</v>
      </c>
      <c r="AN12374">
        <v>48</v>
      </c>
      <c r="AO12374">
        <v>49</v>
      </c>
      <c r="AP12374">
        <v>49</v>
      </c>
      <c r="AQ12374">
        <v>49</v>
      </c>
    </row>
    <row r="12375" spans="1:43">
      <c r="A12375" t="s">
        <v>7694</v>
      </c>
      <c r="B12375" t="s">
        <v>7695</v>
      </c>
      <c r="C12375" t="s">
        <v>7692</v>
      </c>
      <c r="D12375" t="s">
        <v>7693</v>
      </c>
      <c r="E12375" t="s">
        <v>7646</v>
      </c>
      <c r="F12375" t="s">
        <v>7647</v>
      </c>
      <c r="G12375" t="s">
        <v>80</v>
      </c>
      <c r="H12375" t="s">
        <v>81</v>
      </c>
      <c r="I12375" s="2">
        <v>0</v>
      </c>
      <c r="J12375" s="2">
        <v>1</v>
      </c>
      <c r="K12375" s="2">
        <v>0</v>
      </c>
      <c r="L12375" t="s">
        <v>82</v>
      </c>
      <c r="M12375" t="s">
        <v>87</v>
      </c>
      <c r="N12375" t="s">
        <v>88</v>
      </c>
      <c r="O12375" t="s">
        <v>85</v>
      </c>
      <c r="P12375" t="s">
        <v>86</v>
      </c>
      <c r="Q12375">
        <v>35</v>
      </c>
      <c r="R12375">
        <v>36</v>
      </c>
      <c r="S12375">
        <v>36</v>
      </c>
      <c r="T12375">
        <v>36</v>
      </c>
      <c r="U12375">
        <v>36</v>
      </c>
      <c r="V12375">
        <v>37</v>
      </c>
      <c r="W12375">
        <v>37</v>
      </c>
      <c r="X12375">
        <v>37</v>
      </c>
      <c r="Y12375">
        <v>38</v>
      </c>
      <c r="Z12375">
        <v>38</v>
      </c>
      <c r="AA12375">
        <v>38</v>
      </c>
      <c r="AB12375">
        <v>39</v>
      </c>
      <c r="AC12375">
        <v>39</v>
      </c>
      <c r="AD12375">
        <v>39</v>
      </c>
      <c r="AE12375">
        <v>40</v>
      </c>
      <c r="AF12375">
        <v>40</v>
      </c>
      <c r="AG12375">
        <v>40</v>
      </c>
      <c r="AH12375">
        <v>41</v>
      </c>
      <c r="AI12375">
        <v>41</v>
      </c>
      <c r="AJ12375">
        <v>41</v>
      </c>
      <c r="AK12375">
        <v>42</v>
      </c>
      <c r="AL12375">
        <v>42</v>
      </c>
      <c r="AM12375">
        <v>42</v>
      </c>
      <c r="AN12375">
        <v>43</v>
      </c>
      <c r="AO12375">
        <v>43</v>
      </c>
      <c r="AP12375">
        <v>43</v>
      </c>
      <c r="AQ12375">
        <v>44</v>
      </c>
    </row>
    <row r="12376" spans="1:43">
      <c r="A12376" t="s">
        <v>7694</v>
      </c>
      <c r="B12376" t="s">
        <v>7695</v>
      </c>
      <c r="C12376" t="s">
        <v>7692</v>
      </c>
      <c r="D12376" t="s">
        <v>7693</v>
      </c>
      <c r="E12376" t="s">
        <v>7646</v>
      </c>
      <c r="F12376" t="s">
        <v>7647</v>
      </c>
      <c r="G12376" t="s">
        <v>80</v>
      </c>
      <c r="H12376" t="s">
        <v>81</v>
      </c>
      <c r="I12376" s="2">
        <v>0</v>
      </c>
      <c r="J12376" s="2">
        <v>1</v>
      </c>
      <c r="K12376" s="2">
        <v>0</v>
      </c>
      <c r="L12376" t="s">
        <v>82</v>
      </c>
      <c r="M12376" t="s">
        <v>89</v>
      </c>
      <c r="N12376" t="s">
        <v>90</v>
      </c>
      <c r="O12376" t="s">
        <v>85</v>
      </c>
      <c r="P12376" t="s">
        <v>86</v>
      </c>
      <c r="Q12376">
        <v>35</v>
      </c>
      <c r="R12376">
        <v>36</v>
      </c>
      <c r="S12376">
        <v>37</v>
      </c>
      <c r="T12376">
        <v>38</v>
      </c>
      <c r="U12376">
        <v>39</v>
      </c>
      <c r="V12376">
        <v>39</v>
      </c>
      <c r="W12376">
        <v>40</v>
      </c>
      <c r="X12376">
        <v>41</v>
      </c>
      <c r="Y12376">
        <v>42</v>
      </c>
      <c r="Z12376">
        <v>43</v>
      </c>
      <c r="AA12376">
        <v>44</v>
      </c>
      <c r="AB12376">
        <v>45</v>
      </c>
      <c r="AC12376">
        <v>45</v>
      </c>
      <c r="AD12376">
        <v>46</v>
      </c>
      <c r="AE12376">
        <v>47</v>
      </c>
      <c r="AF12376">
        <v>47</v>
      </c>
      <c r="AG12376">
        <v>47</v>
      </c>
      <c r="AH12376">
        <v>47</v>
      </c>
      <c r="AI12376">
        <v>48</v>
      </c>
      <c r="AJ12376">
        <v>48</v>
      </c>
      <c r="AK12376">
        <v>48</v>
      </c>
      <c r="AL12376">
        <v>48</v>
      </c>
      <c r="AM12376">
        <v>48</v>
      </c>
      <c r="AN12376">
        <v>49</v>
      </c>
      <c r="AO12376">
        <v>49</v>
      </c>
      <c r="AP12376">
        <v>49</v>
      </c>
      <c r="AQ12376">
        <v>49</v>
      </c>
    </row>
    <row r="12377" spans="1:43">
      <c r="A12377" t="s">
        <v>7694</v>
      </c>
      <c r="B12377" t="s">
        <v>7695</v>
      </c>
      <c r="C12377" t="s">
        <v>7692</v>
      </c>
      <c r="D12377" t="s">
        <v>7693</v>
      </c>
      <c r="E12377" t="s">
        <v>7646</v>
      </c>
      <c r="F12377" t="s">
        <v>7647</v>
      </c>
      <c r="G12377" t="s">
        <v>80</v>
      </c>
      <c r="H12377" t="s">
        <v>81</v>
      </c>
      <c r="I12377" s="2">
        <v>0</v>
      </c>
      <c r="J12377" s="2">
        <v>1</v>
      </c>
      <c r="K12377" s="2">
        <v>0</v>
      </c>
      <c r="L12377" t="s">
        <v>82</v>
      </c>
      <c r="M12377" t="s">
        <v>83</v>
      </c>
      <c r="N12377" t="s">
        <v>91</v>
      </c>
      <c r="O12377" t="s">
        <v>85</v>
      </c>
      <c r="P12377" t="s">
        <v>86</v>
      </c>
      <c r="Q12377">
        <v>35</v>
      </c>
      <c r="R12377">
        <v>35</v>
      </c>
      <c r="S12377">
        <v>36</v>
      </c>
      <c r="T12377">
        <v>36</v>
      </c>
      <c r="U12377">
        <v>37</v>
      </c>
      <c r="V12377">
        <v>38</v>
      </c>
      <c r="W12377">
        <v>38</v>
      </c>
      <c r="X12377">
        <v>39</v>
      </c>
      <c r="Y12377">
        <v>40</v>
      </c>
      <c r="Z12377">
        <v>40</v>
      </c>
      <c r="AA12377">
        <v>41</v>
      </c>
      <c r="AB12377">
        <v>42</v>
      </c>
      <c r="AC12377">
        <v>42</v>
      </c>
      <c r="AD12377">
        <v>43</v>
      </c>
      <c r="AE12377">
        <v>44</v>
      </c>
      <c r="AF12377">
        <v>44</v>
      </c>
      <c r="AG12377">
        <v>45</v>
      </c>
      <c r="AH12377">
        <v>46</v>
      </c>
      <c r="AI12377">
        <v>46</v>
      </c>
      <c r="AJ12377">
        <v>47</v>
      </c>
      <c r="AK12377">
        <v>48</v>
      </c>
      <c r="AL12377">
        <v>48</v>
      </c>
      <c r="AM12377">
        <v>48</v>
      </c>
      <c r="AN12377">
        <v>48</v>
      </c>
      <c r="AO12377">
        <v>49</v>
      </c>
      <c r="AP12377">
        <v>49</v>
      </c>
      <c r="AQ12377">
        <v>49</v>
      </c>
    </row>
    <row r="12378" spans="1:43">
      <c r="A12378" t="s">
        <v>7696</v>
      </c>
      <c r="B12378" t="s">
        <v>7697</v>
      </c>
      <c r="C12378" t="s">
        <v>7686</v>
      </c>
      <c r="D12378" t="s">
        <v>7687</v>
      </c>
      <c r="E12378" t="s">
        <v>7646</v>
      </c>
      <c r="F12378" t="s">
        <v>7647</v>
      </c>
      <c r="G12378" t="s">
        <v>80</v>
      </c>
      <c r="H12378" t="s">
        <v>81</v>
      </c>
      <c r="I12378" s="2">
        <v>0</v>
      </c>
      <c r="J12378" s="2">
        <v>1</v>
      </c>
      <c r="K12378" s="2">
        <v>0</v>
      </c>
      <c r="L12378" t="s">
        <v>82</v>
      </c>
      <c r="M12378" t="s">
        <v>83</v>
      </c>
      <c r="N12378" t="s">
        <v>84</v>
      </c>
      <c r="O12378" t="s">
        <v>85</v>
      </c>
      <c r="P12378" t="s">
        <v>86</v>
      </c>
      <c r="Q12378">
        <v>28</v>
      </c>
      <c r="R12378">
        <v>28</v>
      </c>
      <c r="S12378">
        <v>29</v>
      </c>
      <c r="T12378">
        <v>29</v>
      </c>
      <c r="U12378">
        <v>30</v>
      </c>
      <c r="V12378">
        <v>30</v>
      </c>
      <c r="W12378">
        <v>31</v>
      </c>
      <c r="X12378">
        <v>31</v>
      </c>
      <c r="Y12378">
        <v>32</v>
      </c>
      <c r="Z12378">
        <v>32</v>
      </c>
      <c r="AA12378">
        <v>33</v>
      </c>
      <c r="AB12378">
        <v>33</v>
      </c>
      <c r="AC12378">
        <v>34</v>
      </c>
      <c r="AD12378">
        <v>34</v>
      </c>
      <c r="AE12378">
        <v>35</v>
      </c>
      <c r="AF12378">
        <v>36</v>
      </c>
      <c r="AG12378">
        <v>36</v>
      </c>
      <c r="AH12378">
        <v>37</v>
      </c>
      <c r="AI12378">
        <v>37</v>
      </c>
      <c r="AJ12378">
        <v>38</v>
      </c>
      <c r="AK12378">
        <v>38</v>
      </c>
      <c r="AL12378">
        <v>38</v>
      </c>
      <c r="AM12378">
        <v>39</v>
      </c>
      <c r="AN12378">
        <v>39</v>
      </c>
      <c r="AO12378">
        <v>39</v>
      </c>
      <c r="AP12378">
        <v>39</v>
      </c>
      <c r="AQ12378">
        <v>39</v>
      </c>
    </row>
    <row r="12379" spans="1:43">
      <c r="A12379" t="s">
        <v>7696</v>
      </c>
      <c r="B12379" t="s">
        <v>7697</v>
      </c>
      <c r="C12379" t="s">
        <v>7686</v>
      </c>
      <c r="D12379" t="s">
        <v>7687</v>
      </c>
      <c r="E12379" t="s">
        <v>7646</v>
      </c>
      <c r="F12379" t="s">
        <v>7647</v>
      </c>
      <c r="G12379" t="s">
        <v>80</v>
      </c>
      <c r="H12379" t="s">
        <v>81</v>
      </c>
      <c r="I12379" s="2">
        <v>0</v>
      </c>
      <c r="J12379" s="2">
        <v>1</v>
      </c>
      <c r="K12379" s="2">
        <v>0</v>
      </c>
      <c r="L12379" t="s">
        <v>82</v>
      </c>
      <c r="M12379" t="s">
        <v>87</v>
      </c>
      <c r="N12379" t="s">
        <v>88</v>
      </c>
      <c r="O12379" t="s">
        <v>85</v>
      </c>
      <c r="P12379" t="s">
        <v>86</v>
      </c>
      <c r="Q12379">
        <v>28</v>
      </c>
      <c r="R12379">
        <v>29</v>
      </c>
      <c r="S12379">
        <v>29</v>
      </c>
      <c r="T12379">
        <v>29</v>
      </c>
      <c r="U12379">
        <v>29</v>
      </c>
      <c r="V12379">
        <v>30</v>
      </c>
      <c r="W12379">
        <v>30</v>
      </c>
      <c r="X12379">
        <v>30</v>
      </c>
      <c r="Y12379">
        <v>30</v>
      </c>
      <c r="Z12379">
        <v>31</v>
      </c>
      <c r="AA12379">
        <v>31</v>
      </c>
      <c r="AB12379">
        <v>31</v>
      </c>
      <c r="AC12379">
        <v>31</v>
      </c>
      <c r="AD12379">
        <v>32</v>
      </c>
      <c r="AE12379">
        <v>32</v>
      </c>
      <c r="AF12379">
        <v>32</v>
      </c>
      <c r="AG12379">
        <v>33</v>
      </c>
      <c r="AH12379">
        <v>33</v>
      </c>
      <c r="AI12379">
        <v>33</v>
      </c>
      <c r="AJ12379">
        <v>33</v>
      </c>
      <c r="AK12379">
        <v>34</v>
      </c>
      <c r="AL12379">
        <v>34</v>
      </c>
      <c r="AM12379">
        <v>34</v>
      </c>
      <c r="AN12379">
        <v>34</v>
      </c>
      <c r="AO12379">
        <v>35</v>
      </c>
      <c r="AP12379">
        <v>35</v>
      </c>
      <c r="AQ12379">
        <v>35</v>
      </c>
    </row>
    <row r="12380" spans="1:43">
      <c r="A12380" t="s">
        <v>7696</v>
      </c>
      <c r="B12380" t="s">
        <v>7697</v>
      </c>
      <c r="C12380" t="s">
        <v>7686</v>
      </c>
      <c r="D12380" t="s">
        <v>7687</v>
      </c>
      <c r="E12380" t="s">
        <v>7646</v>
      </c>
      <c r="F12380" t="s">
        <v>7647</v>
      </c>
      <c r="G12380" t="s">
        <v>80</v>
      </c>
      <c r="H12380" t="s">
        <v>81</v>
      </c>
      <c r="I12380" s="2">
        <v>0</v>
      </c>
      <c r="J12380" s="2">
        <v>1</v>
      </c>
      <c r="K12380" s="2">
        <v>0</v>
      </c>
      <c r="L12380" t="s">
        <v>82</v>
      </c>
      <c r="M12380" t="s">
        <v>89</v>
      </c>
      <c r="N12380" t="s">
        <v>90</v>
      </c>
      <c r="O12380" t="s">
        <v>85</v>
      </c>
      <c r="P12380" t="s">
        <v>86</v>
      </c>
      <c r="Q12380">
        <v>28</v>
      </c>
      <c r="R12380">
        <v>29</v>
      </c>
      <c r="S12380">
        <v>29</v>
      </c>
      <c r="T12380">
        <v>30</v>
      </c>
      <c r="U12380">
        <v>31</v>
      </c>
      <c r="V12380">
        <v>32</v>
      </c>
      <c r="W12380">
        <v>32</v>
      </c>
      <c r="X12380">
        <v>33</v>
      </c>
      <c r="Y12380">
        <v>34</v>
      </c>
      <c r="Z12380">
        <v>34</v>
      </c>
      <c r="AA12380">
        <v>35</v>
      </c>
      <c r="AB12380">
        <v>36</v>
      </c>
      <c r="AC12380">
        <v>36</v>
      </c>
      <c r="AD12380">
        <v>37</v>
      </c>
      <c r="AE12380">
        <v>38</v>
      </c>
      <c r="AF12380">
        <v>38</v>
      </c>
      <c r="AG12380">
        <v>38</v>
      </c>
      <c r="AH12380">
        <v>38</v>
      </c>
      <c r="AI12380">
        <v>38</v>
      </c>
      <c r="AJ12380">
        <v>38</v>
      </c>
      <c r="AK12380">
        <v>38</v>
      </c>
      <c r="AL12380">
        <v>39</v>
      </c>
      <c r="AM12380">
        <v>39</v>
      </c>
      <c r="AN12380">
        <v>39</v>
      </c>
      <c r="AO12380">
        <v>39</v>
      </c>
      <c r="AP12380">
        <v>39</v>
      </c>
      <c r="AQ12380">
        <v>39</v>
      </c>
    </row>
    <row r="12381" spans="1:43">
      <c r="A12381" t="s">
        <v>7696</v>
      </c>
      <c r="B12381" t="s">
        <v>7697</v>
      </c>
      <c r="C12381" t="s">
        <v>7686</v>
      </c>
      <c r="D12381" t="s">
        <v>7687</v>
      </c>
      <c r="E12381" t="s">
        <v>7646</v>
      </c>
      <c r="F12381" t="s">
        <v>7647</v>
      </c>
      <c r="G12381" t="s">
        <v>80</v>
      </c>
      <c r="H12381" t="s">
        <v>81</v>
      </c>
      <c r="I12381" s="2">
        <v>0</v>
      </c>
      <c r="J12381" s="2">
        <v>1</v>
      </c>
      <c r="K12381" s="2">
        <v>0</v>
      </c>
      <c r="L12381" t="s">
        <v>82</v>
      </c>
      <c r="M12381" t="s">
        <v>83</v>
      </c>
      <c r="N12381" t="s">
        <v>91</v>
      </c>
      <c r="O12381" t="s">
        <v>85</v>
      </c>
      <c r="P12381" t="s">
        <v>86</v>
      </c>
      <c r="Q12381">
        <v>28</v>
      </c>
      <c r="R12381">
        <v>28</v>
      </c>
      <c r="S12381">
        <v>29</v>
      </c>
      <c r="T12381">
        <v>29</v>
      </c>
      <c r="U12381">
        <v>30</v>
      </c>
      <c r="V12381">
        <v>30</v>
      </c>
      <c r="W12381">
        <v>31</v>
      </c>
      <c r="X12381">
        <v>31</v>
      </c>
      <c r="Y12381">
        <v>32</v>
      </c>
      <c r="Z12381">
        <v>32</v>
      </c>
      <c r="AA12381">
        <v>33</v>
      </c>
      <c r="AB12381">
        <v>33</v>
      </c>
      <c r="AC12381">
        <v>34</v>
      </c>
      <c r="AD12381">
        <v>34</v>
      </c>
      <c r="AE12381">
        <v>35</v>
      </c>
      <c r="AF12381">
        <v>36</v>
      </c>
      <c r="AG12381">
        <v>36</v>
      </c>
      <c r="AH12381">
        <v>37</v>
      </c>
      <c r="AI12381">
        <v>37</v>
      </c>
      <c r="AJ12381">
        <v>38</v>
      </c>
      <c r="AK12381">
        <v>38</v>
      </c>
      <c r="AL12381">
        <v>38</v>
      </c>
      <c r="AM12381">
        <v>39</v>
      </c>
      <c r="AN12381">
        <v>39</v>
      </c>
      <c r="AO12381">
        <v>39</v>
      </c>
      <c r="AP12381">
        <v>39</v>
      </c>
      <c r="AQ12381">
        <v>39</v>
      </c>
    </row>
    <row r="12382" spans="1:43">
      <c r="A12382" t="s">
        <v>7698</v>
      </c>
      <c r="B12382" t="s">
        <v>7699</v>
      </c>
      <c r="C12382" t="s">
        <v>7692</v>
      </c>
      <c r="D12382" t="s">
        <v>7693</v>
      </c>
      <c r="E12382" t="s">
        <v>7646</v>
      </c>
      <c r="F12382" t="s">
        <v>7647</v>
      </c>
      <c r="G12382" t="s">
        <v>80</v>
      </c>
      <c r="H12382" t="s">
        <v>81</v>
      </c>
      <c r="I12382" s="2">
        <v>0</v>
      </c>
      <c r="J12382" s="2">
        <v>1</v>
      </c>
      <c r="K12382" s="2">
        <v>0</v>
      </c>
      <c r="L12382" t="s">
        <v>82</v>
      </c>
      <c r="M12382" t="s">
        <v>83</v>
      </c>
      <c r="N12382" t="s">
        <v>84</v>
      </c>
      <c r="O12382" t="s">
        <v>85</v>
      </c>
      <c r="P12382" t="s">
        <v>86</v>
      </c>
      <c r="Q12382">
        <v>2</v>
      </c>
      <c r="R12382">
        <v>2</v>
      </c>
      <c r="S12382">
        <v>2</v>
      </c>
      <c r="T12382">
        <v>2</v>
      </c>
      <c r="U12382">
        <v>2</v>
      </c>
      <c r="V12382">
        <v>3</v>
      </c>
      <c r="W12382">
        <v>3</v>
      </c>
      <c r="X12382">
        <v>3</v>
      </c>
      <c r="Y12382">
        <v>3</v>
      </c>
      <c r="Z12382">
        <v>3</v>
      </c>
      <c r="AA12382">
        <v>3</v>
      </c>
      <c r="AB12382">
        <v>3</v>
      </c>
      <c r="AC12382">
        <v>3</v>
      </c>
      <c r="AD12382">
        <v>3</v>
      </c>
      <c r="AE12382">
        <v>3</v>
      </c>
      <c r="AF12382">
        <v>3</v>
      </c>
      <c r="AG12382">
        <v>3</v>
      </c>
      <c r="AH12382">
        <v>3</v>
      </c>
      <c r="AI12382">
        <v>3</v>
      </c>
      <c r="AJ12382">
        <v>3</v>
      </c>
      <c r="AK12382">
        <v>3</v>
      </c>
      <c r="AL12382">
        <v>3</v>
      </c>
      <c r="AM12382">
        <v>3</v>
      </c>
      <c r="AN12382">
        <v>3</v>
      </c>
      <c r="AO12382">
        <v>3</v>
      </c>
      <c r="AP12382">
        <v>3</v>
      </c>
      <c r="AQ12382">
        <v>3</v>
      </c>
    </row>
    <row r="12383" spans="1:43">
      <c r="A12383" t="s">
        <v>7698</v>
      </c>
      <c r="B12383" t="s">
        <v>7699</v>
      </c>
      <c r="C12383" t="s">
        <v>7692</v>
      </c>
      <c r="D12383" t="s">
        <v>7693</v>
      </c>
      <c r="E12383" t="s">
        <v>7646</v>
      </c>
      <c r="F12383" t="s">
        <v>7647</v>
      </c>
      <c r="G12383" t="s">
        <v>80</v>
      </c>
      <c r="H12383" t="s">
        <v>81</v>
      </c>
      <c r="I12383" s="2">
        <v>0</v>
      </c>
      <c r="J12383" s="2">
        <v>1</v>
      </c>
      <c r="K12383" s="2">
        <v>0</v>
      </c>
      <c r="L12383" t="s">
        <v>82</v>
      </c>
      <c r="M12383" t="s">
        <v>87</v>
      </c>
      <c r="N12383" t="s">
        <v>88</v>
      </c>
      <c r="O12383" t="s">
        <v>85</v>
      </c>
      <c r="P12383" t="s">
        <v>86</v>
      </c>
      <c r="Q12383">
        <v>2</v>
      </c>
      <c r="R12383">
        <v>2</v>
      </c>
      <c r="S12383">
        <v>2</v>
      </c>
      <c r="T12383">
        <v>2</v>
      </c>
      <c r="U12383">
        <v>2</v>
      </c>
      <c r="V12383">
        <v>2</v>
      </c>
      <c r="W12383">
        <v>2</v>
      </c>
      <c r="X12383">
        <v>2</v>
      </c>
      <c r="Y12383">
        <v>2</v>
      </c>
      <c r="Z12383">
        <v>2</v>
      </c>
      <c r="AA12383">
        <v>2</v>
      </c>
      <c r="AB12383">
        <v>3</v>
      </c>
      <c r="AC12383">
        <v>3</v>
      </c>
      <c r="AD12383">
        <v>3</v>
      </c>
      <c r="AE12383">
        <v>3</v>
      </c>
      <c r="AF12383">
        <v>3</v>
      </c>
      <c r="AG12383">
        <v>3</v>
      </c>
      <c r="AH12383">
        <v>3</v>
      </c>
      <c r="AI12383">
        <v>3</v>
      </c>
      <c r="AJ12383">
        <v>3</v>
      </c>
      <c r="AK12383">
        <v>3</v>
      </c>
      <c r="AL12383">
        <v>3</v>
      </c>
      <c r="AM12383">
        <v>3</v>
      </c>
      <c r="AN12383">
        <v>3</v>
      </c>
      <c r="AO12383">
        <v>3</v>
      </c>
      <c r="AP12383">
        <v>3</v>
      </c>
      <c r="AQ12383">
        <v>3</v>
      </c>
    </row>
    <row r="12384" spans="1:43">
      <c r="A12384" t="s">
        <v>7698</v>
      </c>
      <c r="B12384" t="s">
        <v>7699</v>
      </c>
      <c r="C12384" t="s">
        <v>7692</v>
      </c>
      <c r="D12384" t="s">
        <v>7693</v>
      </c>
      <c r="E12384" t="s">
        <v>7646</v>
      </c>
      <c r="F12384" t="s">
        <v>7647</v>
      </c>
      <c r="G12384" t="s">
        <v>80</v>
      </c>
      <c r="H12384" t="s">
        <v>81</v>
      </c>
      <c r="I12384" s="2">
        <v>0</v>
      </c>
      <c r="J12384" s="2">
        <v>1</v>
      </c>
      <c r="K12384" s="2">
        <v>0</v>
      </c>
      <c r="L12384" t="s">
        <v>82</v>
      </c>
      <c r="M12384" t="s">
        <v>89</v>
      </c>
      <c r="N12384" t="s">
        <v>90</v>
      </c>
      <c r="O12384" t="s">
        <v>85</v>
      </c>
      <c r="P12384" t="s">
        <v>86</v>
      </c>
      <c r="Q12384">
        <v>2</v>
      </c>
      <c r="R12384">
        <v>2</v>
      </c>
      <c r="S12384">
        <v>2</v>
      </c>
      <c r="T12384">
        <v>2</v>
      </c>
      <c r="U12384">
        <v>3</v>
      </c>
      <c r="V12384">
        <v>3</v>
      </c>
      <c r="W12384">
        <v>3</v>
      </c>
      <c r="X12384">
        <v>3</v>
      </c>
      <c r="Y12384">
        <v>3</v>
      </c>
      <c r="Z12384">
        <v>3</v>
      </c>
      <c r="AA12384">
        <v>3</v>
      </c>
      <c r="AB12384">
        <v>3</v>
      </c>
      <c r="AC12384">
        <v>3</v>
      </c>
      <c r="AD12384">
        <v>3</v>
      </c>
      <c r="AE12384">
        <v>3</v>
      </c>
      <c r="AF12384">
        <v>3</v>
      </c>
      <c r="AG12384">
        <v>3</v>
      </c>
      <c r="AH12384">
        <v>3</v>
      </c>
      <c r="AI12384">
        <v>3</v>
      </c>
      <c r="AJ12384">
        <v>3</v>
      </c>
      <c r="AK12384">
        <v>3</v>
      </c>
      <c r="AL12384">
        <v>3</v>
      </c>
      <c r="AM12384">
        <v>3</v>
      </c>
      <c r="AN12384">
        <v>3</v>
      </c>
      <c r="AO12384">
        <v>3</v>
      </c>
      <c r="AP12384">
        <v>3</v>
      </c>
      <c r="AQ12384">
        <v>3</v>
      </c>
    </row>
    <row r="12385" spans="1:43">
      <c r="A12385" t="s">
        <v>7698</v>
      </c>
      <c r="B12385" t="s">
        <v>7699</v>
      </c>
      <c r="C12385" t="s">
        <v>7692</v>
      </c>
      <c r="D12385" t="s">
        <v>7693</v>
      </c>
      <c r="E12385" t="s">
        <v>7646</v>
      </c>
      <c r="F12385" t="s">
        <v>7647</v>
      </c>
      <c r="G12385" t="s">
        <v>80</v>
      </c>
      <c r="H12385" t="s">
        <v>81</v>
      </c>
      <c r="I12385" s="2">
        <v>0</v>
      </c>
      <c r="J12385" s="2">
        <v>1</v>
      </c>
      <c r="K12385" s="2">
        <v>0</v>
      </c>
      <c r="L12385" t="s">
        <v>82</v>
      </c>
      <c r="M12385" t="s">
        <v>83</v>
      </c>
      <c r="N12385" t="s">
        <v>91</v>
      </c>
      <c r="O12385" t="s">
        <v>85</v>
      </c>
      <c r="P12385" t="s">
        <v>86</v>
      </c>
      <c r="Q12385">
        <v>2</v>
      </c>
      <c r="R12385">
        <v>2</v>
      </c>
      <c r="S12385">
        <v>2</v>
      </c>
      <c r="T12385">
        <v>2</v>
      </c>
      <c r="U12385">
        <v>2</v>
      </c>
      <c r="V12385">
        <v>3</v>
      </c>
      <c r="W12385">
        <v>3</v>
      </c>
      <c r="X12385">
        <v>3</v>
      </c>
      <c r="Y12385">
        <v>3</v>
      </c>
      <c r="Z12385">
        <v>3</v>
      </c>
      <c r="AA12385">
        <v>3</v>
      </c>
      <c r="AB12385">
        <v>3</v>
      </c>
      <c r="AC12385">
        <v>3</v>
      </c>
      <c r="AD12385">
        <v>3</v>
      </c>
      <c r="AE12385">
        <v>3</v>
      </c>
      <c r="AF12385">
        <v>3</v>
      </c>
      <c r="AG12385">
        <v>3</v>
      </c>
      <c r="AH12385">
        <v>3</v>
      </c>
      <c r="AI12385">
        <v>3</v>
      </c>
      <c r="AJ12385">
        <v>3</v>
      </c>
      <c r="AK12385">
        <v>3</v>
      </c>
      <c r="AL12385">
        <v>3</v>
      </c>
      <c r="AM12385">
        <v>3</v>
      </c>
      <c r="AN12385">
        <v>3</v>
      </c>
      <c r="AO12385">
        <v>3</v>
      </c>
      <c r="AP12385">
        <v>3</v>
      </c>
      <c r="AQ12385">
        <v>3</v>
      </c>
    </row>
    <row r="12386" spans="1:43">
      <c r="A12386" t="s">
        <v>7700</v>
      </c>
      <c r="B12386" t="s">
        <v>7701</v>
      </c>
      <c r="C12386" t="s">
        <v>7686</v>
      </c>
      <c r="D12386" t="s">
        <v>7687</v>
      </c>
      <c r="E12386" t="s">
        <v>7646</v>
      </c>
      <c r="F12386" t="s">
        <v>7647</v>
      </c>
      <c r="G12386" t="s">
        <v>80</v>
      </c>
      <c r="H12386" t="s">
        <v>81</v>
      </c>
      <c r="I12386" s="2">
        <v>0</v>
      </c>
      <c r="J12386" s="2">
        <v>1</v>
      </c>
      <c r="K12386" s="2">
        <v>0</v>
      </c>
      <c r="L12386" t="s">
        <v>82</v>
      </c>
      <c r="M12386" t="s">
        <v>83</v>
      </c>
      <c r="N12386" t="s">
        <v>84</v>
      </c>
      <c r="O12386" t="s">
        <v>85</v>
      </c>
      <c r="P12386" t="s">
        <v>86</v>
      </c>
      <c r="Q12386">
        <v>19</v>
      </c>
      <c r="R12386">
        <v>19</v>
      </c>
      <c r="S12386">
        <v>19</v>
      </c>
      <c r="T12386">
        <v>20</v>
      </c>
      <c r="U12386">
        <v>20</v>
      </c>
      <c r="V12386">
        <v>20</v>
      </c>
      <c r="W12386">
        <v>21</v>
      </c>
      <c r="X12386">
        <v>21</v>
      </c>
      <c r="Y12386">
        <v>21</v>
      </c>
      <c r="Z12386">
        <v>22</v>
      </c>
      <c r="AA12386">
        <v>22</v>
      </c>
      <c r="AB12386">
        <v>22</v>
      </c>
      <c r="AC12386">
        <v>23</v>
      </c>
      <c r="AD12386">
        <v>23</v>
      </c>
      <c r="AE12386">
        <v>23</v>
      </c>
      <c r="AF12386">
        <v>24</v>
      </c>
      <c r="AG12386">
        <v>24</v>
      </c>
      <c r="AH12386">
        <v>25</v>
      </c>
      <c r="AI12386">
        <v>25</v>
      </c>
      <c r="AJ12386">
        <v>25</v>
      </c>
      <c r="AK12386">
        <v>26</v>
      </c>
      <c r="AL12386">
        <v>26</v>
      </c>
      <c r="AM12386">
        <v>26</v>
      </c>
      <c r="AN12386">
        <v>26</v>
      </c>
      <c r="AO12386">
        <v>26</v>
      </c>
      <c r="AP12386">
        <v>26</v>
      </c>
      <c r="AQ12386">
        <v>26</v>
      </c>
    </row>
    <row r="12387" spans="1:43">
      <c r="A12387" t="s">
        <v>7700</v>
      </c>
      <c r="B12387" t="s">
        <v>7701</v>
      </c>
      <c r="C12387" t="s">
        <v>7686</v>
      </c>
      <c r="D12387" t="s">
        <v>7687</v>
      </c>
      <c r="E12387" t="s">
        <v>7646</v>
      </c>
      <c r="F12387" t="s">
        <v>7647</v>
      </c>
      <c r="G12387" t="s">
        <v>80</v>
      </c>
      <c r="H12387" t="s">
        <v>81</v>
      </c>
      <c r="I12387" s="2">
        <v>0</v>
      </c>
      <c r="J12387" s="2">
        <v>1</v>
      </c>
      <c r="K12387" s="2">
        <v>0</v>
      </c>
      <c r="L12387" t="s">
        <v>82</v>
      </c>
      <c r="M12387" t="s">
        <v>87</v>
      </c>
      <c r="N12387" t="s">
        <v>88</v>
      </c>
      <c r="O12387" t="s">
        <v>85</v>
      </c>
      <c r="P12387" t="s">
        <v>86</v>
      </c>
      <c r="Q12387">
        <v>19</v>
      </c>
      <c r="R12387">
        <v>20</v>
      </c>
      <c r="S12387">
        <v>20</v>
      </c>
      <c r="T12387">
        <v>20</v>
      </c>
      <c r="U12387">
        <v>20</v>
      </c>
      <c r="V12387">
        <v>20</v>
      </c>
      <c r="W12387">
        <v>20</v>
      </c>
      <c r="X12387">
        <v>21</v>
      </c>
      <c r="Y12387">
        <v>21</v>
      </c>
      <c r="Z12387">
        <v>21</v>
      </c>
      <c r="AA12387">
        <v>21</v>
      </c>
      <c r="AB12387">
        <v>21</v>
      </c>
      <c r="AC12387">
        <v>21</v>
      </c>
      <c r="AD12387">
        <v>22</v>
      </c>
      <c r="AE12387">
        <v>22</v>
      </c>
      <c r="AF12387">
        <v>22</v>
      </c>
      <c r="AG12387">
        <v>22</v>
      </c>
      <c r="AH12387">
        <v>22</v>
      </c>
      <c r="AI12387">
        <v>23</v>
      </c>
      <c r="AJ12387">
        <v>23</v>
      </c>
      <c r="AK12387">
        <v>23</v>
      </c>
      <c r="AL12387">
        <v>23</v>
      </c>
      <c r="AM12387">
        <v>23</v>
      </c>
      <c r="AN12387">
        <v>23</v>
      </c>
      <c r="AO12387">
        <v>24</v>
      </c>
      <c r="AP12387">
        <v>24</v>
      </c>
      <c r="AQ12387">
        <v>24</v>
      </c>
    </row>
    <row r="12388" spans="1:43">
      <c r="A12388" t="s">
        <v>7700</v>
      </c>
      <c r="B12388" t="s">
        <v>7701</v>
      </c>
      <c r="C12388" t="s">
        <v>7686</v>
      </c>
      <c r="D12388" t="s">
        <v>7687</v>
      </c>
      <c r="E12388" t="s">
        <v>7646</v>
      </c>
      <c r="F12388" t="s">
        <v>7647</v>
      </c>
      <c r="G12388" t="s">
        <v>80</v>
      </c>
      <c r="H12388" t="s">
        <v>81</v>
      </c>
      <c r="I12388" s="2">
        <v>0</v>
      </c>
      <c r="J12388" s="2">
        <v>1</v>
      </c>
      <c r="K12388" s="2">
        <v>0</v>
      </c>
      <c r="L12388" t="s">
        <v>82</v>
      </c>
      <c r="M12388" t="s">
        <v>89</v>
      </c>
      <c r="N12388" t="s">
        <v>90</v>
      </c>
      <c r="O12388" t="s">
        <v>85</v>
      </c>
      <c r="P12388" t="s">
        <v>86</v>
      </c>
      <c r="Q12388">
        <v>19</v>
      </c>
      <c r="R12388">
        <v>19</v>
      </c>
      <c r="S12388">
        <v>20</v>
      </c>
      <c r="T12388">
        <v>20</v>
      </c>
      <c r="U12388">
        <v>21</v>
      </c>
      <c r="V12388">
        <v>21</v>
      </c>
      <c r="W12388">
        <v>22</v>
      </c>
      <c r="X12388">
        <v>22</v>
      </c>
      <c r="Y12388">
        <v>23</v>
      </c>
      <c r="Z12388">
        <v>23</v>
      </c>
      <c r="AA12388">
        <v>24</v>
      </c>
      <c r="AB12388">
        <v>24</v>
      </c>
      <c r="AC12388">
        <v>24</v>
      </c>
      <c r="AD12388">
        <v>25</v>
      </c>
      <c r="AE12388">
        <v>25</v>
      </c>
      <c r="AF12388">
        <v>25</v>
      </c>
      <c r="AG12388">
        <v>25</v>
      </c>
      <c r="AH12388">
        <v>26</v>
      </c>
      <c r="AI12388">
        <v>26</v>
      </c>
      <c r="AJ12388">
        <v>26</v>
      </c>
      <c r="AK12388">
        <v>26</v>
      </c>
      <c r="AL12388">
        <v>26</v>
      </c>
      <c r="AM12388">
        <v>26</v>
      </c>
      <c r="AN12388">
        <v>26</v>
      </c>
      <c r="AO12388">
        <v>26</v>
      </c>
      <c r="AP12388">
        <v>26</v>
      </c>
      <c r="AQ12388">
        <v>26</v>
      </c>
    </row>
    <row r="12389" spans="1:43">
      <c r="A12389" t="s">
        <v>7700</v>
      </c>
      <c r="B12389" t="s">
        <v>7701</v>
      </c>
      <c r="C12389" t="s">
        <v>7686</v>
      </c>
      <c r="D12389" t="s">
        <v>7687</v>
      </c>
      <c r="E12389" t="s">
        <v>7646</v>
      </c>
      <c r="F12389" t="s">
        <v>7647</v>
      </c>
      <c r="G12389" t="s">
        <v>80</v>
      </c>
      <c r="H12389" t="s">
        <v>81</v>
      </c>
      <c r="I12389" s="2">
        <v>0</v>
      </c>
      <c r="J12389" s="2">
        <v>1</v>
      </c>
      <c r="K12389" s="2">
        <v>0</v>
      </c>
      <c r="L12389" t="s">
        <v>82</v>
      </c>
      <c r="M12389" t="s">
        <v>83</v>
      </c>
      <c r="N12389" t="s">
        <v>91</v>
      </c>
      <c r="O12389" t="s">
        <v>85</v>
      </c>
      <c r="P12389" t="s">
        <v>86</v>
      </c>
      <c r="Q12389">
        <v>19</v>
      </c>
      <c r="R12389">
        <v>19</v>
      </c>
      <c r="S12389">
        <v>19</v>
      </c>
      <c r="T12389">
        <v>20</v>
      </c>
      <c r="U12389">
        <v>20</v>
      </c>
      <c r="V12389">
        <v>20</v>
      </c>
      <c r="W12389">
        <v>21</v>
      </c>
      <c r="X12389">
        <v>21</v>
      </c>
      <c r="Y12389">
        <v>21</v>
      </c>
      <c r="Z12389">
        <v>22</v>
      </c>
      <c r="AA12389">
        <v>22</v>
      </c>
      <c r="AB12389">
        <v>22</v>
      </c>
      <c r="AC12389">
        <v>23</v>
      </c>
      <c r="AD12389">
        <v>23</v>
      </c>
      <c r="AE12389">
        <v>23</v>
      </c>
      <c r="AF12389">
        <v>24</v>
      </c>
      <c r="AG12389">
        <v>24</v>
      </c>
      <c r="AH12389">
        <v>25</v>
      </c>
      <c r="AI12389">
        <v>25</v>
      </c>
      <c r="AJ12389">
        <v>25</v>
      </c>
      <c r="AK12389">
        <v>26</v>
      </c>
      <c r="AL12389">
        <v>26</v>
      </c>
      <c r="AM12389">
        <v>26</v>
      </c>
      <c r="AN12389">
        <v>26</v>
      </c>
      <c r="AO12389">
        <v>26</v>
      </c>
      <c r="AP12389">
        <v>26</v>
      </c>
      <c r="AQ12389">
        <v>26</v>
      </c>
    </row>
    <row r="12390" spans="1:43">
      <c r="A12390" t="s">
        <v>7702</v>
      </c>
      <c r="B12390" t="s">
        <v>7703</v>
      </c>
      <c r="C12390" t="s">
        <v>7704</v>
      </c>
      <c r="D12390" t="s">
        <v>7705</v>
      </c>
      <c r="E12390" t="s">
        <v>7646</v>
      </c>
      <c r="F12390" t="s">
        <v>7647</v>
      </c>
      <c r="G12390" t="s">
        <v>80</v>
      </c>
      <c r="H12390" t="s">
        <v>81</v>
      </c>
      <c r="I12390" s="2">
        <v>0</v>
      </c>
      <c r="J12390" s="2">
        <v>1</v>
      </c>
      <c r="K12390" s="2">
        <v>0</v>
      </c>
      <c r="L12390" t="s">
        <v>82</v>
      </c>
      <c r="M12390" t="s">
        <v>83</v>
      </c>
      <c r="N12390" t="s">
        <v>84</v>
      </c>
      <c r="O12390" t="s">
        <v>85</v>
      </c>
      <c r="P12390" t="s">
        <v>86</v>
      </c>
      <c r="Q12390">
        <v>25</v>
      </c>
      <c r="R12390">
        <v>25</v>
      </c>
      <c r="S12390">
        <v>26</v>
      </c>
      <c r="T12390">
        <v>26</v>
      </c>
      <c r="U12390">
        <v>27</v>
      </c>
      <c r="V12390">
        <v>27</v>
      </c>
      <c r="W12390">
        <v>28</v>
      </c>
      <c r="X12390">
        <v>28</v>
      </c>
      <c r="Y12390">
        <v>29</v>
      </c>
      <c r="Z12390">
        <v>29</v>
      </c>
      <c r="AA12390">
        <v>29</v>
      </c>
      <c r="AB12390">
        <v>30</v>
      </c>
      <c r="AC12390">
        <v>30</v>
      </c>
      <c r="AD12390">
        <v>31</v>
      </c>
      <c r="AE12390">
        <v>31</v>
      </c>
      <c r="AF12390">
        <v>32</v>
      </c>
      <c r="AG12390">
        <v>32</v>
      </c>
      <c r="AH12390">
        <v>33</v>
      </c>
      <c r="AI12390">
        <v>33</v>
      </c>
      <c r="AJ12390">
        <v>34</v>
      </c>
      <c r="AK12390">
        <v>34</v>
      </c>
      <c r="AL12390">
        <v>34</v>
      </c>
      <c r="AM12390">
        <v>35</v>
      </c>
      <c r="AN12390">
        <v>35</v>
      </c>
      <c r="AO12390">
        <v>35</v>
      </c>
      <c r="AP12390">
        <v>35</v>
      </c>
      <c r="AQ12390">
        <v>35</v>
      </c>
    </row>
    <row r="12391" spans="1:43">
      <c r="A12391" t="s">
        <v>7702</v>
      </c>
      <c r="B12391" t="s">
        <v>7703</v>
      </c>
      <c r="C12391" t="s">
        <v>7704</v>
      </c>
      <c r="D12391" t="s">
        <v>7705</v>
      </c>
      <c r="E12391" t="s">
        <v>7646</v>
      </c>
      <c r="F12391" t="s">
        <v>7647</v>
      </c>
      <c r="G12391" t="s">
        <v>80</v>
      </c>
      <c r="H12391" t="s">
        <v>81</v>
      </c>
      <c r="I12391" s="2">
        <v>0</v>
      </c>
      <c r="J12391" s="2">
        <v>1</v>
      </c>
      <c r="K12391" s="2">
        <v>0</v>
      </c>
      <c r="L12391" t="s">
        <v>82</v>
      </c>
      <c r="M12391" t="s">
        <v>87</v>
      </c>
      <c r="N12391" t="s">
        <v>88</v>
      </c>
      <c r="O12391" t="s">
        <v>85</v>
      </c>
      <c r="P12391" t="s">
        <v>86</v>
      </c>
      <c r="Q12391">
        <v>25</v>
      </c>
      <c r="R12391">
        <v>25</v>
      </c>
      <c r="S12391">
        <v>25</v>
      </c>
      <c r="T12391">
        <v>25</v>
      </c>
      <c r="U12391">
        <v>25</v>
      </c>
      <c r="V12391">
        <v>26</v>
      </c>
      <c r="W12391">
        <v>26</v>
      </c>
      <c r="X12391">
        <v>26</v>
      </c>
      <c r="Y12391">
        <v>26</v>
      </c>
      <c r="Z12391">
        <v>27</v>
      </c>
      <c r="AA12391">
        <v>27</v>
      </c>
      <c r="AB12391">
        <v>27</v>
      </c>
      <c r="AC12391">
        <v>27</v>
      </c>
      <c r="AD12391">
        <v>28</v>
      </c>
      <c r="AE12391">
        <v>28</v>
      </c>
      <c r="AF12391">
        <v>28</v>
      </c>
      <c r="AG12391">
        <v>28</v>
      </c>
      <c r="AH12391">
        <v>28</v>
      </c>
      <c r="AI12391">
        <v>29</v>
      </c>
      <c r="AJ12391">
        <v>29</v>
      </c>
      <c r="AK12391">
        <v>29</v>
      </c>
      <c r="AL12391">
        <v>29</v>
      </c>
      <c r="AM12391">
        <v>30</v>
      </c>
      <c r="AN12391">
        <v>30</v>
      </c>
      <c r="AO12391">
        <v>30</v>
      </c>
      <c r="AP12391">
        <v>30</v>
      </c>
      <c r="AQ12391">
        <v>31</v>
      </c>
    </row>
    <row r="12392" spans="1:43">
      <c r="A12392" t="s">
        <v>7702</v>
      </c>
      <c r="B12392" t="s">
        <v>7703</v>
      </c>
      <c r="C12392" t="s">
        <v>7704</v>
      </c>
      <c r="D12392" t="s">
        <v>7705</v>
      </c>
      <c r="E12392" t="s">
        <v>7646</v>
      </c>
      <c r="F12392" t="s">
        <v>7647</v>
      </c>
      <c r="G12392" t="s">
        <v>80</v>
      </c>
      <c r="H12392" t="s">
        <v>81</v>
      </c>
      <c r="I12392" s="2">
        <v>0</v>
      </c>
      <c r="J12392" s="2">
        <v>1</v>
      </c>
      <c r="K12392" s="2">
        <v>0</v>
      </c>
      <c r="L12392" t="s">
        <v>82</v>
      </c>
      <c r="M12392" t="s">
        <v>89</v>
      </c>
      <c r="N12392" t="s">
        <v>90</v>
      </c>
      <c r="O12392" t="s">
        <v>85</v>
      </c>
      <c r="P12392" t="s">
        <v>86</v>
      </c>
      <c r="Q12392">
        <v>25</v>
      </c>
      <c r="R12392">
        <v>26</v>
      </c>
      <c r="S12392">
        <v>26</v>
      </c>
      <c r="T12392">
        <v>27</v>
      </c>
      <c r="U12392">
        <v>28</v>
      </c>
      <c r="V12392">
        <v>28</v>
      </c>
      <c r="W12392">
        <v>29</v>
      </c>
      <c r="X12392">
        <v>30</v>
      </c>
      <c r="Y12392">
        <v>30</v>
      </c>
      <c r="Z12392">
        <v>31</v>
      </c>
      <c r="AA12392">
        <v>31</v>
      </c>
      <c r="AB12392">
        <v>32</v>
      </c>
      <c r="AC12392">
        <v>33</v>
      </c>
      <c r="AD12392">
        <v>33</v>
      </c>
      <c r="AE12392">
        <v>34</v>
      </c>
      <c r="AF12392">
        <v>34</v>
      </c>
      <c r="AG12392">
        <v>34</v>
      </c>
      <c r="AH12392">
        <v>34</v>
      </c>
      <c r="AI12392">
        <v>34</v>
      </c>
      <c r="AJ12392">
        <v>34</v>
      </c>
      <c r="AK12392">
        <v>34</v>
      </c>
      <c r="AL12392">
        <v>35</v>
      </c>
      <c r="AM12392">
        <v>35</v>
      </c>
      <c r="AN12392">
        <v>35</v>
      </c>
      <c r="AO12392">
        <v>35</v>
      </c>
      <c r="AP12392">
        <v>35</v>
      </c>
      <c r="AQ12392">
        <v>35</v>
      </c>
    </row>
    <row r="12393" spans="1:43">
      <c r="A12393" t="s">
        <v>7702</v>
      </c>
      <c r="B12393" t="s">
        <v>7703</v>
      </c>
      <c r="C12393" t="s">
        <v>7704</v>
      </c>
      <c r="D12393" t="s">
        <v>7705</v>
      </c>
      <c r="E12393" t="s">
        <v>7646</v>
      </c>
      <c r="F12393" t="s">
        <v>7647</v>
      </c>
      <c r="G12393" t="s">
        <v>80</v>
      </c>
      <c r="H12393" t="s">
        <v>81</v>
      </c>
      <c r="I12393" s="2">
        <v>0</v>
      </c>
      <c r="J12393" s="2">
        <v>1</v>
      </c>
      <c r="K12393" s="2">
        <v>0</v>
      </c>
      <c r="L12393" t="s">
        <v>82</v>
      </c>
      <c r="M12393" t="s">
        <v>83</v>
      </c>
      <c r="N12393" t="s">
        <v>91</v>
      </c>
      <c r="O12393" t="s">
        <v>85</v>
      </c>
      <c r="P12393" t="s">
        <v>86</v>
      </c>
      <c r="Q12393">
        <v>25</v>
      </c>
      <c r="R12393">
        <v>25</v>
      </c>
      <c r="S12393">
        <v>26</v>
      </c>
      <c r="T12393">
        <v>26</v>
      </c>
      <c r="U12393">
        <v>27</v>
      </c>
      <c r="V12393">
        <v>27</v>
      </c>
      <c r="W12393">
        <v>28</v>
      </c>
      <c r="X12393">
        <v>28</v>
      </c>
      <c r="Y12393">
        <v>29</v>
      </c>
      <c r="Z12393">
        <v>29</v>
      </c>
      <c r="AA12393">
        <v>29</v>
      </c>
      <c r="AB12393">
        <v>30</v>
      </c>
      <c r="AC12393">
        <v>30</v>
      </c>
      <c r="AD12393">
        <v>31</v>
      </c>
      <c r="AE12393">
        <v>31</v>
      </c>
      <c r="AF12393">
        <v>32</v>
      </c>
      <c r="AG12393">
        <v>32</v>
      </c>
      <c r="AH12393">
        <v>33</v>
      </c>
      <c r="AI12393">
        <v>33</v>
      </c>
      <c r="AJ12393">
        <v>34</v>
      </c>
      <c r="AK12393">
        <v>34</v>
      </c>
      <c r="AL12393">
        <v>34</v>
      </c>
      <c r="AM12393">
        <v>35</v>
      </c>
      <c r="AN12393">
        <v>35</v>
      </c>
      <c r="AO12393">
        <v>35</v>
      </c>
      <c r="AP12393">
        <v>35</v>
      </c>
      <c r="AQ12393">
        <v>35</v>
      </c>
    </row>
    <row r="12394" spans="1:43">
      <c r="A12394" t="s">
        <v>7706</v>
      </c>
      <c r="B12394" t="s">
        <v>7707</v>
      </c>
      <c r="C12394" t="s">
        <v>7704</v>
      </c>
      <c r="D12394" t="s">
        <v>7705</v>
      </c>
      <c r="E12394" t="s">
        <v>7646</v>
      </c>
      <c r="F12394" t="s">
        <v>7647</v>
      </c>
      <c r="G12394" t="s">
        <v>80</v>
      </c>
      <c r="H12394" t="s">
        <v>81</v>
      </c>
      <c r="I12394" s="2">
        <v>0</v>
      </c>
      <c r="J12394" s="2">
        <v>1</v>
      </c>
      <c r="K12394" s="2">
        <v>0</v>
      </c>
      <c r="L12394" t="s">
        <v>82</v>
      </c>
      <c r="M12394" t="s">
        <v>83</v>
      </c>
      <c r="N12394" t="s">
        <v>84</v>
      </c>
      <c r="O12394" t="s">
        <v>85</v>
      </c>
      <c r="P12394" t="s">
        <v>86</v>
      </c>
      <c r="Q12394">
        <v>51</v>
      </c>
      <c r="R12394">
        <v>52</v>
      </c>
      <c r="S12394">
        <v>53</v>
      </c>
      <c r="T12394">
        <v>54</v>
      </c>
      <c r="U12394">
        <v>55</v>
      </c>
      <c r="V12394">
        <v>56</v>
      </c>
      <c r="W12394">
        <v>57</v>
      </c>
      <c r="X12394">
        <v>58</v>
      </c>
      <c r="Y12394">
        <v>59</v>
      </c>
      <c r="Z12394">
        <v>60</v>
      </c>
      <c r="AA12394">
        <v>61</v>
      </c>
      <c r="AB12394">
        <v>62</v>
      </c>
      <c r="AC12394">
        <v>63</v>
      </c>
      <c r="AD12394">
        <v>64</v>
      </c>
      <c r="AE12394">
        <v>65</v>
      </c>
      <c r="AF12394">
        <v>65</v>
      </c>
      <c r="AG12394">
        <v>66</v>
      </c>
      <c r="AH12394">
        <v>67</v>
      </c>
      <c r="AI12394">
        <v>68</v>
      </c>
      <c r="AJ12394">
        <v>69</v>
      </c>
      <c r="AK12394">
        <v>70</v>
      </c>
      <c r="AL12394">
        <v>71</v>
      </c>
      <c r="AM12394">
        <v>71</v>
      </c>
      <c r="AN12394">
        <v>71</v>
      </c>
      <c r="AO12394">
        <v>72</v>
      </c>
      <c r="AP12394">
        <v>72</v>
      </c>
      <c r="AQ12394">
        <v>72</v>
      </c>
    </row>
    <row r="12395" spans="1:43">
      <c r="A12395" t="s">
        <v>7706</v>
      </c>
      <c r="B12395" t="s">
        <v>7707</v>
      </c>
      <c r="C12395" t="s">
        <v>7704</v>
      </c>
      <c r="D12395" t="s">
        <v>7705</v>
      </c>
      <c r="E12395" t="s">
        <v>7646</v>
      </c>
      <c r="F12395" t="s">
        <v>7647</v>
      </c>
      <c r="G12395" t="s">
        <v>80</v>
      </c>
      <c r="H12395" t="s">
        <v>81</v>
      </c>
      <c r="I12395" s="2">
        <v>0</v>
      </c>
      <c r="J12395" s="2">
        <v>1</v>
      </c>
      <c r="K12395" s="2">
        <v>0</v>
      </c>
      <c r="L12395" t="s">
        <v>82</v>
      </c>
      <c r="M12395" t="s">
        <v>87</v>
      </c>
      <c r="N12395" t="s">
        <v>88</v>
      </c>
      <c r="O12395" t="s">
        <v>85</v>
      </c>
      <c r="P12395" t="s">
        <v>86</v>
      </c>
      <c r="Q12395">
        <v>51</v>
      </c>
      <c r="R12395">
        <v>52</v>
      </c>
      <c r="S12395">
        <v>52</v>
      </c>
      <c r="T12395">
        <v>53</v>
      </c>
      <c r="U12395">
        <v>53</v>
      </c>
      <c r="V12395">
        <v>54</v>
      </c>
      <c r="W12395">
        <v>54</v>
      </c>
      <c r="X12395">
        <v>55</v>
      </c>
      <c r="Y12395">
        <v>55</v>
      </c>
      <c r="Z12395">
        <v>56</v>
      </c>
      <c r="AA12395">
        <v>56</v>
      </c>
      <c r="AB12395">
        <v>57</v>
      </c>
      <c r="AC12395">
        <v>57</v>
      </c>
      <c r="AD12395">
        <v>58</v>
      </c>
      <c r="AE12395">
        <v>58</v>
      </c>
      <c r="AF12395">
        <v>59</v>
      </c>
      <c r="AG12395">
        <v>59</v>
      </c>
      <c r="AH12395">
        <v>60</v>
      </c>
      <c r="AI12395">
        <v>60</v>
      </c>
      <c r="AJ12395">
        <v>61</v>
      </c>
      <c r="AK12395">
        <v>61</v>
      </c>
      <c r="AL12395">
        <v>62</v>
      </c>
      <c r="AM12395">
        <v>62</v>
      </c>
      <c r="AN12395">
        <v>63</v>
      </c>
      <c r="AO12395">
        <v>63</v>
      </c>
      <c r="AP12395">
        <v>64</v>
      </c>
      <c r="AQ12395">
        <v>64</v>
      </c>
    </row>
    <row r="12396" spans="1:43">
      <c r="A12396" t="s">
        <v>7706</v>
      </c>
      <c r="B12396" t="s">
        <v>7707</v>
      </c>
      <c r="C12396" t="s">
        <v>7704</v>
      </c>
      <c r="D12396" t="s">
        <v>7705</v>
      </c>
      <c r="E12396" t="s">
        <v>7646</v>
      </c>
      <c r="F12396" t="s">
        <v>7647</v>
      </c>
      <c r="G12396" t="s">
        <v>80</v>
      </c>
      <c r="H12396" t="s">
        <v>81</v>
      </c>
      <c r="I12396" s="2">
        <v>0</v>
      </c>
      <c r="J12396" s="2">
        <v>1</v>
      </c>
      <c r="K12396" s="2">
        <v>0</v>
      </c>
      <c r="L12396" t="s">
        <v>82</v>
      </c>
      <c r="M12396" t="s">
        <v>89</v>
      </c>
      <c r="N12396" t="s">
        <v>90</v>
      </c>
      <c r="O12396" t="s">
        <v>85</v>
      </c>
      <c r="P12396" t="s">
        <v>86</v>
      </c>
      <c r="Q12396">
        <v>51</v>
      </c>
      <c r="R12396">
        <v>53</v>
      </c>
      <c r="S12396">
        <v>54</v>
      </c>
      <c r="T12396">
        <v>56</v>
      </c>
      <c r="U12396">
        <v>57</v>
      </c>
      <c r="V12396">
        <v>58</v>
      </c>
      <c r="W12396">
        <v>60</v>
      </c>
      <c r="X12396">
        <v>61</v>
      </c>
      <c r="Y12396">
        <v>62</v>
      </c>
      <c r="Z12396">
        <v>63</v>
      </c>
      <c r="AA12396">
        <v>65</v>
      </c>
      <c r="AB12396">
        <v>66</v>
      </c>
      <c r="AC12396">
        <v>67</v>
      </c>
      <c r="AD12396">
        <v>68</v>
      </c>
      <c r="AE12396">
        <v>69</v>
      </c>
      <c r="AF12396">
        <v>69</v>
      </c>
      <c r="AG12396">
        <v>70</v>
      </c>
      <c r="AH12396">
        <v>70</v>
      </c>
      <c r="AI12396">
        <v>70</v>
      </c>
      <c r="AJ12396">
        <v>71</v>
      </c>
      <c r="AK12396">
        <v>71</v>
      </c>
      <c r="AL12396">
        <v>71</v>
      </c>
      <c r="AM12396">
        <v>72</v>
      </c>
      <c r="AN12396">
        <v>72</v>
      </c>
      <c r="AO12396">
        <v>72</v>
      </c>
      <c r="AP12396">
        <v>73</v>
      </c>
      <c r="AQ12396">
        <v>73</v>
      </c>
    </row>
    <row r="12397" spans="1:43">
      <c r="A12397" t="s">
        <v>7706</v>
      </c>
      <c r="B12397" t="s">
        <v>7707</v>
      </c>
      <c r="C12397" t="s">
        <v>7704</v>
      </c>
      <c r="D12397" t="s">
        <v>7705</v>
      </c>
      <c r="E12397" t="s">
        <v>7646</v>
      </c>
      <c r="F12397" t="s">
        <v>7647</v>
      </c>
      <c r="G12397" t="s">
        <v>80</v>
      </c>
      <c r="H12397" t="s">
        <v>81</v>
      </c>
      <c r="I12397" s="2">
        <v>0</v>
      </c>
      <c r="J12397" s="2">
        <v>1</v>
      </c>
      <c r="K12397" s="2">
        <v>0</v>
      </c>
      <c r="L12397" t="s">
        <v>82</v>
      </c>
      <c r="M12397" t="s">
        <v>83</v>
      </c>
      <c r="N12397" t="s">
        <v>91</v>
      </c>
      <c r="O12397" t="s">
        <v>85</v>
      </c>
      <c r="P12397" t="s">
        <v>86</v>
      </c>
      <c r="Q12397">
        <v>51</v>
      </c>
      <c r="R12397">
        <v>52</v>
      </c>
      <c r="S12397">
        <v>53</v>
      </c>
      <c r="T12397">
        <v>54</v>
      </c>
      <c r="U12397">
        <v>55</v>
      </c>
      <c r="V12397">
        <v>56</v>
      </c>
      <c r="W12397">
        <v>57</v>
      </c>
      <c r="X12397">
        <v>58</v>
      </c>
      <c r="Y12397">
        <v>59</v>
      </c>
      <c r="Z12397">
        <v>60</v>
      </c>
      <c r="AA12397">
        <v>61</v>
      </c>
      <c r="AB12397">
        <v>62</v>
      </c>
      <c r="AC12397">
        <v>63</v>
      </c>
      <c r="AD12397">
        <v>64</v>
      </c>
      <c r="AE12397">
        <v>65</v>
      </c>
      <c r="AF12397">
        <v>65</v>
      </c>
      <c r="AG12397">
        <v>66</v>
      </c>
      <c r="AH12397">
        <v>67</v>
      </c>
      <c r="AI12397">
        <v>68</v>
      </c>
      <c r="AJ12397">
        <v>69</v>
      </c>
      <c r="AK12397">
        <v>70</v>
      </c>
      <c r="AL12397">
        <v>71</v>
      </c>
      <c r="AM12397">
        <v>71</v>
      </c>
      <c r="AN12397">
        <v>71</v>
      </c>
      <c r="AO12397">
        <v>72</v>
      </c>
      <c r="AP12397">
        <v>72</v>
      </c>
      <c r="AQ12397">
        <v>72</v>
      </c>
    </row>
    <row r="12398" spans="1:43">
      <c r="A12398" t="s">
        <v>7708</v>
      </c>
      <c r="B12398" t="s">
        <v>7709</v>
      </c>
      <c r="C12398" t="s">
        <v>7710</v>
      </c>
      <c r="D12398" t="s">
        <v>7711</v>
      </c>
      <c r="E12398" t="s">
        <v>7646</v>
      </c>
      <c r="F12398" t="s">
        <v>7647</v>
      </c>
      <c r="G12398" t="s">
        <v>80</v>
      </c>
      <c r="H12398" t="s">
        <v>81</v>
      </c>
      <c r="I12398" s="2">
        <v>0</v>
      </c>
      <c r="J12398" s="2">
        <v>1</v>
      </c>
      <c r="K12398" s="2">
        <v>0</v>
      </c>
      <c r="L12398" t="s">
        <v>82</v>
      </c>
      <c r="M12398" t="s">
        <v>83</v>
      </c>
      <c r="N12398" t="s">
        <v>84</v>
      </c>
      <c r="O12398" t="s">
        <v>85</v>
      </c>
      <c r="P12398" t="s">
        <v>86</v>
      </c>
      <c r="Q12398">
        <v>17</v>
      </c>
      <c r="R12398">
        <v>17</v>
      </c>
      <c r="S12398">
        <v>18</v>
      </c>
      <c r="T12398">
        <v>18</v>
      </c>
      <c r="U12398">
        <v>18</v>
      </c>
      <c r="V12398">
        <v>19</v>
      </c>
      <c r="W12398">
        <v>19</v>
      </c>
      <c r="X12398">
        <v>19</v>
      </c>
      <c r="Y12398">
        <v>20</v>
      </c>
      <c r="Z12398">
        <v>20</v>
      </c>
      <c r="AA12398">
        <v>20</v>
      </c>
      <c r="AB12398">
        <v>21</v>
      </c>
      <c r="AC12398">
        <v>21</v>
      </c>
      <c r="AD12398">
        <v>21</v>
      </c>
      <c r="AE12398">
        <v>22</v>
      </c>
      <c r="AF12398">
        <v>22</v>
      </c>
      <c r="AG12398">
        <v>22</v>
      </c>
      <c r="AH12398">
        <v>22</v>
      </c>
      <c r="AI12398">
        <v>23</v>
      </c>
      <c r="AJ12398">
        <v>23</v>
      </c>
      <c r="AK12398">
        <v>23</v>
      </c>
      <c r="AL12398">
        <v>24</v>
      </c>
      <c r="AM12398">
        <v>24</v>
      </c>
      <c r="AN12398">
        <v>24</v>
      </c>
      <c r="AO12398">
        <v>24</v>
      </c>
      <c r="AP12398">
        <v>24</v>
      </c>
      <c r="AQ12398">
        <v>24</v>
      </c>
    </row>
    <row r="12399" spans="1:43">
      <c r="A12399" t="s">
        <v>7708</v>
      </c>
      <c r="B12399" t="s">
        <v>7709</v>
      </c>
      <c r="C12399" t="s">
        <v>7710</v>
      </c>
      <c r="D12399" t="s">
        <v>7711</v>
      </c>
      <c r="E12399" t="s">
        <v>7646</v>
      </c>
      <c r="F12399" t="s">
        <v>7647</v>
      </c>
      <c r="G12399" t="s">
        <v>80</v>
      </c>
      <c r="H12399" t="s">
        <v>81</v>
      </c>
      <c r="I12399" s="2">
        <v>0</v>
      </c>
      <c r="J12399" s="2">
        <v>1</v>
      </c>
      <c r="K12399" s="2">
        <v>0</v>
      </c>
      <c r="L12399" t="s">
        <v>82</v>
      </c>
      <c r="M12399" t="s">
        <v>87</v>
      </c>
      <c r="N12399" t="s">
        <v>88</v>
      </c>
      <c r="O12399" t="s">
        <v>85</v>
      </c>
      <c r="P12399" t="s">
        <v>86</v>
      </c>
      <c r="Q12399">
        <v>17</v>
      </c>
      <c r="R12399">
        <v>17</v>
      </c>
      <c r="S12399">
        <v>17</v>
      </c>
      <c r="T12399">
        <v>17</v>
      </c>
      <c r="U12399">
        <v>17</v>
      </c>
      <c r="V12399">
        <v>18</v>
      </c>
      <c r="W12399">
        <v>18</v>
      </c>
      <c r="X12399">
        <v>18</v>
      </c>
      <c r="Y12399">
        <v>18</v>
      </c>
      <c r="Z12399">
        <v>18</v>
      </c>
      <c r="AA12399">
        <v>18</v>
      </c>
      <c r="AB12399">
        <v>19</v>
      </c>
      <c r="AC12399">
        <v>19</v>
      </c>
      <c r="AD12399">
        <v>19</v>
      </c>
      <c r="AE12399">
        <v>19</v>
      </c>
      <c r="AF12399">
        <v>19</v>
      </c>
      <c r="AG12399">
        <v>19</v>
      </c>
      <c r="AH12399">
        <v>20</v>
      </c>
      <c r="AI12399">
        <v>20</v>
      </c>
      <c r="AJ12399">
        <v>20</v>
      </c>
      <c r="AK12399">
        <v>20</v>
      </c>
      <c r="AL12399">
        <v>20</v>
      </c>
      <c r="AM12399">
        <v>20</v>
      </c>
      <c r="AN12399">
        <v>21</v>
      </c>
      <c r="AO12399">
        <v>21</v>
      </c>
      <c r="AP12399">
        <v>21</v>
      </c>
      <c r="AQ12399">
        <v>21</v>
      </c>
    </row>
    <row r="12400" spans="1:43">
      <c r="A12400" t="s">
        <v>7708</v>
      </c>
      <c r="B12400" t="s">
        <v>7709</v>
      </c>
      <c r="C12400" t="s">
        <v>7710</v>
      </c>
      <c r="D12400" t="s">
        <v>7711</v>
      </c>
      <c r="E12400" t="s">
        <v>7646</v>
      </c>
      <c r="F12400" t="s">
        <v>7647</v>
      </c>
      <c r="G12400" t="s">
        <v>80</v>
      </c>
      <c r="H12400" t="s">
        <v>81</v>
      </c>
      <c r="I12400" s="2">
        <v>0</v>
      </c>
      <c r="J12400" s="2">
        <v>1</v>
      </c>
      <c r="K12400" s="2">
        <v>0</v>
      </c>
      <c r="L12400" t="s">
        <v>82</v>
      </c>
      <c r="M12400" t="s">
        <v>89</v>
      </c>
      <c r="N12400" t="s">
        <v>90</v>
      </c>
      <c r="O12400" t="s">
        <v>85</v>
      </c>
      <c r="P12400" t="s">
        <v>86</v>
      </c>
      <c r="Q12400">
        <v>17</v>
      </c>
      <c r="R12400">
        <v>18</v>
      </c>
      <c r="S12400">
        <v>18</v>
      </c>
      <c r="T12400">
        <v>19</v>
      </c>
      <c r="U12400">
        <v>19</v>
      </c>
      <c r="V12400">
        <v>19</v>
      </c>
      <c r="W12400">
        <v>20</v>
      </c>
      <c r="X12400">
        <v>20</v>
      </c>
      <c r="Y12400">
        <v>21</v>
      </c>
      <c r="Z12400">
        <v>21</v>
      </c>
      <c r="AA12400">
        <v>22</v>
      </c>
      <c r="AB12400">
        <v>22</v>
      </c>
      <c r="AC12400">
        <v>22</v>
      </c>
      <c r="AD12400">
        <v>23</v>
      </c>
      <c r="AE12400">
        <v>23</v>
      </c>
      <c r="AF12400">
        <v>23</v>
      </c>
      <c r="AG12400">
        <v>23</v>
      </c>
      <c r="AH12400">
        <v>23</v>
      </c>
      <c r="AI12400">
        <v>23</v>
      </c>
      <c r="AJ12400">
        <v>24</v>
      </c>
      <c r="AK12400">
        <v>24</v>
      </c>
      <c r="AL12400">
        <v>24</v>
      </c>
      <c r="AM12400">
        <v>24</v>
      </c>
      <c r="AN12400">
        <v>24</v>
      </c>
      <c r="AO12400">
        <v>24</v>
      </c>
      <c r="AP12400">
        <v>24</v>
      </c>
      <c r="AQ12400">
        <v>24</v>
      </c>
    </row>
    <row r="12401" spans="1:43">
      <c r="A12401" t="s">
        <v>7708</v>
      </c>
      <c r="B12401" t="s">
        <v>7709</v>
      </c>
      <c r="C12401" t="s">
        <v>7710</v>
      </c>
      <c r="D12401" t="s">
        <v>7711</v>
      </c>
      <c r="E12401" t="s">
        <v>7646</v>
      </c>
      <c r="F12401" t="s">
        <v>7647</v>
      </c>
      <c r="G12401" t="s">
        <v>80</v>
      </c>
      <c r="H12401" t="s">
        <v>81</v>
      </c>
      <c r="I12401" s="2">
        <v>0</v>
      </c>
      <c r="J12401" s="2">
        <v>1</v>
      </c>
      <c r="K12401" s="2">
        <v>0</v>
      </c>
      <c r="L12401" t="s">
        <v>82</v>
      </c>
      <c r="M12401" t="s">
        <v>83</v>
      </c>
      <c r="N12401" t="s">
        <v>91</v>
      </c>
      <c r="O12401" t="s">
        <v>85</v>
      </c>
      <c r="P12401" t="s">
        <v>86</v>
      </c>
      <c r="Q12401">
        <v>17</v>
      </c>
      <c r="R12401">
        <v>17</v>
      </c>
      <c r="S12401">
        <v>18</v>
      </c>
      <c r="T12401">
        <v>18</v>
      </c>
      <c r="U12401">
        <v>18</v>
      </c>
      <c r="V12401">
        <v>19</v>
      </c>
      <c r="W12401">
        <v>19</v>
      </c>
      <c r="X12401">
        <v>19</v>
      </c>
      <c r="Y12401">
        <v>20</v>
      </c>
      <c r="Z12401">
        <v>20</v>
      </c>
      <c r="AA12401">
        <v>20</v>
      </c>
      <c r="AB12401">
        <v>21</v>
      </c>
      <c r="AC12401">
        <v>21</v>
      </c>
      <c r="AD12401">
        <v>21</v>
      </c>
      <c r="AE12401">
        <v>22</v>
      </c>
      <c r="AF12401">
        <v>22</v>
      </c>
      <c r="AG12401">
        <v>22</v>
      </c>
      <c r="AH12401">
        <v>22</v>
      </c>
      <c r="AI12401">
        <v>23</v>
      </c>
      <c r="AJ12401">
        <v>23</v>
      </c>
      <c r="AK12401">
        <v>23</v>
      </c>
      <c r="AL12401">
        <v>24</v>
      </c>
      <c r="AM12401">
        <v>24</v>
      </c>
      <c r="AN12401">
        <v>24</v>
      </c>
      <c r="AO12401">
        <v>24</v>
      </c>
      <c r="AP12401">
        <v>24</v>
      </c>
      <c r="AQ12401">
        <v>24</v>
      </c>
    </row>
    <row r="12402" spans="1:43">
      <c r="A12402" t="s">
        <v>7712</v>
      </c>
      <c r="B12402" t="s">
        <v>7713</v>
      </c>
      <c r="C12402" t="s">
        <v>7710</v>
      </c>
      <c r="D12402" t="s">
        <v>7711</v>
      </c>
      <c r="E12402" t="s">
        <v>7646</v>
      </c>
      <c r="F12402" t="s">
        <v>7647</v>
      </c>
      <c r="G12402" t="s">
        <v>80</v>
      </c>
      <c r="H12402" t="s">
        <v>81</v>
      </c>
      <c r="I12402" s="2">
        <v>0</v>
      </c>
      <c r="J12402" s="2">
        <v>1</v>
      </c>
      <c r="K12402" s="2">
        <v>0</v>
      </c>
      <c r="L12402" t="s">
        <v>82</v>
      </c>
      <c r="M12402" t="s">
        <v>83</v>
      </c>
      <c r="N12402" t="s">
        <v>84</v>
      </c>
      <c r="O12402" t="s">
        <v>85</v>
      </c>
      <c r="P12402" t="s">
        <v>86</v>
      </c>
      <c r="Q12402">
        <v>7</v>
      </c>
      <c r="R12402">
        <v>7</v>
      </c>
      <c r="S12402">
        <v>7</v>
      </c>
      <c r="T12402">
        <v>7</v>
      </c>
      <c r="U12402">
        <v>8</v>
      </c>
      <c r="V12402">
        <v>8</v>
      </c>
      <c r="W12402">
        <v>8</v>
      </c>
      <c r="X12402">
        <v>8</v>
      </c>
      <c r="Y12402">
        <v>8</v>
      </c>
      <c r="Z12402">
        <v>8</v>
      </c>
      <c r="AA12402">
        <v>8</v>
      </c>
      <c r="AB12402">
        <v>9</v>
      </c>
      <c r="AC12402">
        <v>9</v>
      </c>
      <c r="AD12402">
        <v>9</v>
      </c>
      <c r="AE12402">
        <v>9</v>
      </c>
      <c r="AF12402">
        <v>9</v>
      </c>
      <c r="AG12402">
        <v>9</v>
      </c>
      <c r="AH12402">
        <v>9</v>
      </c>
      <c r="AI12402">
        <v>9</v>
      </c>
      <c r="AJ12402">
        <v>10</v>
      </c>
      <c r="AK12402">
        <v>10</v>
      </c>
      <c r="AL12402">
        <v>10</v>
      </c>
      <c r="AM12402">
        <v>10</v>
      </c>
      <c r="AN12402">
        <v>10</v>
      </c>
      <c r="AO12402">
        <v>10</v>
      </c>
      <c r="AP12402">
        <v>10</v>
      </c>
      <c r="AQ12402">
        <v>10</v>
      </c>
    </row>
    <row r="12403" spans="1:43">
      <c r="A12403" t="s">
        <v>7712</v>
      </c>
      <c r="B12403" t="s">
        <v>7713</v>
      </c>
      <c r="C12403" t="s">
        <v>7710</v>
      </c>
      <c r="D12403" t="s">
        <v>7711</v>
      </c>
      <c r="E12403" t="s">
        <v>7646</v>
      </c>
      <c r="F12403" t="s">
        <v>7647</v>
      </c>
      <c r="G12403" t="s">
        <v>80</v>
      </c>
      <c r="H12403" t="s">
        <v>81</v>
      </c>
      <c r="I12403" s="2">
        <v>0</v>
      </c>
      <c r="J12403" s="2">
        <v>1</v>
      </c>
      <c r="K12403" s="2">
        <v>0</v>
      </c>
      <c r="L12403" t="s">
        <v>82</v>
      </c>
      <c r="M12403" t="s">
        <v>87</v>
      </c>
      <c r="N12403" t="s">
        <v>88</v>
      </c>
      <c r="O12403" t="s">
        <v>85</v>
      </c>
      <c r="P12403" t="s">
        <v>86</v>
      </c>
      <c r="Q12403">
        <v>7</v>
      </c>
      <c r="R12403">
        <v>7</v>
      </c>
      <c r="S12403">
        <v>7</v>
      </c>
      <c r="T12403">
        <v>7</v>
      </c>
      <c r="U12403">
        <v>7</v>
      </c>
      <c r="V12403">
        <v>7</v>
      </c>
      <c r="W12403">
        <v>7</v>
      </c>
      <c r="X12403">
        <v>7</v>
      </c>
      <c r="Y12403">
        <v>7</v>
      </c>
      <c r="Z12403">
        <v>8</v>
      </c>
      <c r="AA12403">
        <v>8</v>
      </c>
      <c r="AB12403">
        <v>8</v>
      </c>
      <c r="AC12403">
        <v>8</v>
      </c>
      <c r="AD12403">
        <v>8</v>
      </c>
      <c r="AE12403">
        <v>8</v>
      </c>
      <c r="AF12403">
        <v>8</v>
      </c>
      <c r="AG12403">
        <v>8</v>
      </c>
      <c r="AH12403">
        <v>8</v>
      </c>
      <c r="AI12403">
        <v>8</v>
      </c>
      <c r="AJ12403">
        <v>8</v>
      </c>
      <c r="AK12403">
        <v>8</v>
      </c>
      <c r="AL12403">
        <v>8</v>
      </c>
      <c r="AM12403">
        <v>8</v>
      </c>
      <c r="AN12403">
        <v>9</v>
      </c>
      <c r="AO12403">
        <v>9</v>
      </c>
      <c r="AP12403">
        <v>9</v>
      </c>
      <c r="AQ12403">
        <v>9</v>
      </c>
    </row>
    <row r="12404" spans="1:43">
      <c r="A12404" t="s">
        <v>7712</v>
      </c>
      <c r="B12404" t="s">
        <v>7713</v>
      </c>
      <c r="C12404" t="s">
        <v>7710</v>
      </c>
      <c r="D12404" t="s">
        <v>7711</v>
      </c>
      <c r="E12404" t="s">
        <v>7646</v>
      </c>
      <c r="F12404" t="s">
        <v>7647</v>
      </c>
      <c r="G12404" t="s">
        <v>80</v>
      </c>
      <c r="H12404" t="s">
        <v>81</v>
      </c>
      <c r="I12404" s="2">
        <v>0</v>
      </c>
      <c r="J12404" s="2">
        <v>1</v>
      </c>
      <c r="K12404" s="2">
        <v>0</v>
      </c>
      <c r="L12404" t="s">
        <v>82</v>
      </c>
      <c r="M12404" t="s">
        <v>89</v>
      </c>
      <c r="N12404" t="s">
        <v>90</v>
      </c>
      <c r="O12404" t="s">
        <v>85</v>
      </c>
      <c r="P12404" t="s">
        <v>86</v>
      </c>
      <c r="Q12404">
        <v>7</v>
      </c>
      <c r="R12404">
        <v>7</v>
      </c>
      <c r="S12404">
        <v>7</v>
      </c>
      <c r="T12404">
        <v>8</v>
      </c>
      <c r="U12404">
        <v>8</v>
      </c>
      <c r="V12404">
        <v>8</v>
      </c>
      <c r="W12404">
        <v>8</v>
      </c>
      <c r="X12404">
        <v>8</v>
      </c>
      <c r="Y12404">
        <v>9</v>
      </c>
      <c r="Z12404">
        <v>9</v>
      </c>
      <c r="AA12404">
        <v>9</v>
      </c>
      <c r="AB12404">
        <v>9</v>
      </c>
      <c r="AC12404">
        <v>9</v>
      </c>
      <c r="AD12404">
        <v>9</v>
      </c>
      <c r="AE12404">
        <v>10</v>
      </c>
      <c r="AF12404">
        <v>10</v>
      </c>
      <c r="AG12404">
        <v>10</v>
      </c>
      <c r="AH12404">
        <v>10</v>
      </c>
      <c r="AI12404">
        <v>10</v>
      </c>
      <c r="AJ12404">
        <v>10</v>
      </c>
      <c r="AK12404">
        <v>10</v>
      </c>
      <c r="AL12404">
        <v>10</v>
      </c>
      <c r="AM12404">
        <v>10</v>
      </c>
      <c r="AN12404">
        <v>10</v>
      </c>
      <c r="AO12404">
        <v>10</v>
      </c>
      <c r="AP12404">
        <v>10</v>
      </c>
      <c r="AQ12404">
        <v>10</v>
      </c>
    </row>
    <row r="12405" spans="1:43">
      <c r="A12405" t="s">
        <v>7712</v>
      </c>
      <c r="B12405" t="s">
        <v>7713</v>
      </c>
      <c r="C12405" t="s">
        <v>7710</v>
      </c>
      <c r="D12405" t="s">
        <v>7711</v>
      </c>
      <c r="E12405" t="s">
        <v>7646</v>
      </c>
      <c r="F12405" t="s">
        <v>7647</v>
      </c>
      <c r="G12405" t="s">
        <v>80</v>
      </c>
      <c r="H12405" t="s">
        <v>81</v>
      </c>
      <c r="I12405" s="2">
        <v>0</v>
      </c>
      <c r="J12405" s="2">
        <v>1</v>
      </c>
      <c r="K12405" s="2">
        <v>0</v>
      </c>
      <c r="L12405" t="s">
        <v>82</v>
      </c>
      <c r="M12405" t="s">
        <v>83</v>
      </c>
      <c r="N12405" t="s">
        <v>91</v>
      </c>
      <c r="O12405" t="s">
        <v>85</v>
      </c>
      <c r="P12405" t="s">
        <v>86</v>
      </c>
      <c r="Q12405">
        <v>7</v>
      </c>
      <c r="R12405">
        <v>7</v>
      </c>
      <c r="S12405">
        <v>7</v>
      </c>
      <c r="T12405">
        <v>7</v>
      </c>
      <c r="U12405">
        <v>8</v>
      </c>
      <c r="V12405">
        <v>8</v>
      </c>
      <c r="W12405">
        <v>8</v>
      </c>
      <c r="X12405">
        <v>8</v>
      </c>
      <c r="Y12405">
        <v>8</v>
      </c>
      <c r="Z12405">
        <v>8</v>
      </c>
      <c r="AA12405">
        <v>8</v>
      </c>
      <c r="AB12405">
        <v>9</v>
      </c>
      <c r="AC12405">
        <v>9</v>
      </c>
      <c r="AD12405">
        <v>9</v>
      </c>
      <c r="AE12405">
        <v>9</v>
      </c>
      <c r="AF12405">
        <v>9</v>
      </c>
      <c r="AG12405">
        <v>9</v>
      </c>
      <c r="AH12405">
        <v>9</v>
      </c>
      <c r="AI12405">
        <v>9</v>
      </c>
      <c r="AJ12405">
        <v>10</v>
      </c>
      <c r="AK12405">
        <v>10</v>
      </c>
      <c r="AL12405">
        <v>10</v>
      </c>
      <c r="AM12405">
        <v>10</v>
      </c>
      <c r="AN12405">
        <v>10</v>
      </c>
      <c r="AO12405">
        <v>10</v>
      </c>
      <c r="AP12405">
        <v>10</v>
      </c>
      <c r="AQ12405">
        <v>10</v>
      </c>
    </row>
    <row r="12406" spans="1:43">
      <c r="A12406" t="s">
        <v>7714</v>
      </c>
      <c r="B12406" t="s">
        <v>7715</v>
      </c>
      <c r="C12406" t="s">
        <v>7710</v>
      </c>
      <c r="D12406" t="s">
        <v>7711</v>
      </c>
      <c r="E12406" t="s">
        <v>7646</v>
      </c>
      <c r="F12406" t="s">
        <v>7647</v>
      </c>
      <c r="G12406" t="s">
        <v>80</v>
      </c>
      <c r="H12406" t="s">
        <v>81</v>
      </c>
      <c r="I12406" s="2">
        <v>0</v>
      </c>
      <c r="J12406" s="2">
        <v>1</v>
      </c>
      <c r="K12406" s="2">
        <v>0</v>
      </c>
      <c r="L12406" t="s">
        <v>82</v>
      </c>
      <c r="M12406" t="s">
        <v>83</v>
      </c>
      <c r="N12406" t="s">
        <v>84</v>
      </c>
      <c r="O12406" t="s">
        <v>85</v>
      </c>
      <c r="P12406" t="s">
        <v>86</v>
      </c>
      <c r="Q12406">
        <v>6</v>
      </c>
      <c r="R12406">
        <v>6</v>
      </c>
      <c r="S12406">
        <v>6</v>
      </c>
      <c r="T12406">
        <v>6</v>
      </c>
      <c r="U12406">
        <v>6</v>
      </c>
      <c r="V12406">
        <v>6</v>
      </c>
      <c r="W12406">
        <v>6</v>
      </c>
      <c r="X12406">
        <v>6</v>
      </c>
      <c r="Y12406">
        <v>6</v>
      </c>
      <c r="Z12406">
        <v>7</v>
      </c>
      <c r="AA12406">
        <v>7</v>
      </c>
      <c r="AB12406">
        <v>7</v>
      </c>
      <c r="AC12406">
        <v>7</v>
      </c>
      <c r="AD12406">
        <v>7</v>
      </c>
      <c r="AE12406">
        <v>7</v>
      </c>
      <c r="AF12406">
        <v>7</v>
      </c>
      <c r="AG12406">
        <v>7</v>
      </c>
      <c r="AH12406">
        <v>7</v>
      </c>
      <c r="AI12406">
        <v>7</v>
      </c>
      <c r="AJ12406">
        <v>8</v>
      </c>
      <c r="AK12406">
        <v>8</v>
      </c>
      <c r="AL12406">
        <v>8</v>
      </c>
      <c r="AM12406">
        <v>8</v>
      </c>
      <c r="AN12406">
        <v>8</v>
      </c>
      <c r="AO12406">
        <v>8</v>
      </c>
      <c r="AP12406">
        <v>8</v>
      </c>
      <c r="AQ12406">
        <v>8</v>
      </c>
    </row>
    <row r="12407" spans="1:43">
      <c r="A12407" t="s">
        <v>7714</v>
      </c>
      <c r="B12407" t="s">
        <v>7715</v>
      </c>
      <c r="C12407" t="s">
        <v>7710</v>
      </c>
      <c r="D12407" t="s">
        <v>7711</v>
      </c>
      <c r="E12407" t="s">
        <v>7646</v>
      </c>
      <c r="F12407" t="s">
        <v>7647</v>
      </c>
      <c r="G12407" t="s">
        <v>80</v>
      </c>
      <c r="H12407" t="s">
        <v>81</v>
      </c>
      <c r="I12407" s="2">
        <v>0</v>
      </c>
      <c r="J12407" s="2">
        <v>1</v>
      </c>
      <c r="K12407" s="2">
        <v>0</v>
      </c>
      <c r="L12407" t="s">
        <v>82</v>
      </c>
      <c r="M12407" t="s">
        <v>87</v>
      </c>
      <c r="N12407" t="s">
        <v>88</v>
      </c>
      <c r="O12407" t="s">
        <v>85</v>
      </c>
      <c r="P12407" t="s">
        <v>86</v>
      </c>
      <c r="Q12407">
        <v>6</v>
      </c>
      <c r="R12407">
        <v>6</v>
      </c>
      <c r="S12407">
        <v>6</v>
      </c>
      <c r="T12407">
        <v>6</v>
      </c>
      <c r="U12407">
        <v>6</v>
      </c>
      <c r="V12407">
        <v>6</v>
      </c>
      <c r="W12407">
        <v>6</v>
      </c>
      <c r="X12407">
        <v>6</v>
      </c>
      <c r="Y12407">
        <v>6</v>
      </c>
      <c r="Z12407">
        <v>6</v>
      </c>
      <c r="AA12407">
        <v>6</v>
      </c>
      <c r="AB12407">
        <v>6</v>
      </c>
      <c r="AC12407">
        <v>6</v>
      </c>
      <c r="AD12407">
        <v>6</v>
      </c>
      <c r="AE12407">
        <v>6</v>
      </c>
      <c r="AF12407">
        <v>6</v>
      </c>
      <c r="AG12407">
        <v>6</v>
      </c>
      <c r="AH12407">
        <v>6</v>
      </c>
      <c r="AI12407">
        <v>6</v>
      </c>
      <c r="AJ12407">
        <v>7</v>
      </c>
      <c r="AK12407">
        <v>7</v>
      </c>
      <c r="AL12407">
        <v>7</v>
      </c>
      <c r="AM12407">
        <v>7</v>
      </c>
      <c r="AN12407">
        <v>7</v>
      </c>
      <c r="AO12407">
        <v>7</v>
      </c>
      <c r="AP12407">
        <v>7</v>
      </c>
      <c r="AQ12407">
        <v>7</v>
      </c>
    </row>
    <row r="12408" spans="1:43">
      <c r="A12408" t="s">
        <v>7714</v>
      </c>
      <c r="B12408" t="s">
        <v>7715</v>
      </c>
      <c r="C12408" t="s">
        <v>7710</v>
      </c>
      <c r="D12408" t="s">
        <v>7711</v>
      </c>
      <c r="E12408" t="s">
        <v>7646</v>
      </c>
      <c r="F12408" t="s">
        <v>7647</v>
      </c>
      <c r="G12408" t="s">
        <v>80</v>
      </c>
      <c r="H12408" t="s">
        <v>81</v>
      </c>
      <c r="I12408" s="2">
        <v>0</v>
      </c>
      <c r="J12408" s="2">
        <v>1</v>
      </c>
      <c r="K12408" s="2">
        <v>0</v>
      </c>
      <c r="L12408" t="s">
        <v>82</v>
      </c>
      <c r="M12408" t="s">
        <v>89</v>
      </c>
      <c r="N12408" t="s">
        <v>90</v>
      </c>
      <c r="O12408" t="s">
        <v>85</v>
      </c>
      <c r="P12408" t="s">
        <v>86</v>
      </c>
      <c r="Q12408">
        <v>6</v>
      </c>
      <c r="R12408">
        <v>6</v>
      </c>
      <c r="S12408">
        <v>6</v>
      </c>
      <c r="T12408">
        <v>6</v>
      </c>
      <c r="U12408">
        <v>6</v>
      </c>
      <c r="V12408">
        <v>6</v>
      </c>
      <c r="W12408">
        <v>7</v>
      </c>
      <c r="X12408">
        <v>7</v>
      </c>
      <c r="Y12408">
        <v>7</v>
      </c>
      <c r="Z12408">
        <v>7</v>
      </c>
      <c r="AA12408">
        <v>7</v>
      </c>
      <c r="AB12408">
        <v>7</v>
      </c>
      <c r="AC12408">
        <v>7</v>
      </c>
      <c r="AD12408">
        <v>7</v>
      </c>
      <c r="AE12408">
        <v>8</v>
      </c>
      <c r="AF12408">
        <v>8</v>
      </c>
      <c r="AG12408">
        <v>8</v>
      </c>
      <c r="AH12408">
        <v>8</v>
      </c>
      <c r="AI12408">
        <v>8</v>
      </c>
      <c r="AJ12408">
        <v>8</v>
      </c>
      <c r="AK12408">
        <v>8</v>
      </c>
      <c r="AL12408">
        <v>8</v>
      </c>
      <c r="AM12408">
        <v>8</v>
      </c>
      <c r="AN12408">
        <v>8</v>
      </c>
      <c r="AO12408">
        <v>8</v>
      </c>
      <c r="AP12408">
        <v>8</v>
      </c>
      <c r="AQ12408">
        <v>8</v>
      </c>
    </row>
    <row r="12409" spans="1:43">
      <c r="A12409" t="s">
        <v>7714</v>
      </c>
      <c r="B12409" t="s">
        <v>7715</v>
      </c>
      <c r="C12409" t="s">
        <v>7710</v>
      </c>
      <c r="D12409" t="s">
        <v>7711</v>
      </c>
      <c r="E12409" t="s">
        <v>7646</v>
      </c>
      <c r="F12409" t="s">
        <v>7647</v>
      </c>
      <c r="G12409" t="s">
        <v>80</v>
      </c>
      <c r="H12409" t="s">
        <v>81</v>
      </c>
      <c r="I12409" s="2">
        <v>0</v>
      </c>
      <c r="J12409" s="2">
        <v>1</v>
      </c>
      <c r="K12409" s="2">
        <v>0</v>
      </c>
      <c r="L12409" t="s">
        <v>82</v>
      </c>
      <c r="M12409" t="s">
        <v>83</v>
      </c>
      <c r="N12409" t="s">
        <v>91</v>
      </c>
      <c r="O12409" t="s">
        <v>85</v>
      </c>
      <c r="P12409" t="s">
        <v>86</v>
      </c>
      <c r="Q12409">
        <v>6</v>
      </c>
      <c r="R12409">
        <v>6</v>
      </c>
      <c r="S12409">
        <v>6</v>
      </c>
      <c r="T12409">
        <v>6</v>
      </c>
      <c r="U12409">
        <v>6</v>
      </c>
      <c r="V12409">
        <v>6</v>
      </c>
      <c r="W12409">
        <v>6</v>
      </c>
      <c r="X12409">
        <v>6</v>
      </c>
      <c r="Y12409">
        <v>6</v>
      </c>
      <c r="Z12409">
        <v>7</v>
      </c>
      <c r="AA12409">
        <v>7</v>
      </c>
      <c r="AB12409">
        <v>7</v>
      </c>
      <c r="AC12409">
        <v>7</v>
      </c>
      <c r="AD12409">
        <v>7</v>
      </c>
      <c r="AE12409">
        <v>7</v>
      </c>
      <c r="AF12409">
        <v>7</v>
      </c>
      <c r="AG12409">
        <v>7</v>
      </c>
      <c r="AH12409">
        <v>7</v>
      </c>
      <c r="AI12409">
        <v>7</v>
      </c>
      <c r="AJ12409">
        <v>8</v>
      </c>
      <c r="AK12409">
        <v>8</v>
      </c>
      <c r="AL12409">
        <v>8</v>
      </c>
      <c r="AM12409">
        <v>8</v>
      </c>
      <c r="AN12409">
        <v>8</v>
      </c>
      <c r="AO12409">
        <v>8</v>
      </c>
      <c r="AP12409">
        <v>8</v>
      </c>
      <c r="AQ12409">
        <v>8</v>
      </c>
    </row>
    <row r="12410" spans="1:43">
      <c r="A12410" t="s">
        <v>7716</v>
      </c>
      <c r="B12410" t="s">
        <v>7717</v>
      </c>
      <c r="C12410" t="s">
        <v>7704</v>
      </c>
      <c r="D12410" t="s">
        <v>7705</v>
      </c>
      <c r="E12410" t="s">
        <v>7646</v>
      </c>
      <c r="F12410" t="s">
        <v>7647</v>
      </c>
      <c r="G12410" t="s">
        <v>80</v>
      </c>
      <c r="H12410" t="s">
        <v>81</v>
      </c>
      <c r="I12410" s="2">
        <v>0</v>
      </c>
      <c r="J12410" s="2">
        <v>1</v>
      </c>
      <c r="K12410" s="2">
        <v>0</v>
      </c>
      <c r="L12410" t="s">
        <v>82</v>
      </c>
      <c r="M12410" t="s">
        <v>83</v>
      </c>
      <c r="N12410" t="s">
        <v>84</v>
      </c>
      <c r="O12410" t="s">
        <v>85</v>
      </c>
      <c r="P12410" t="s">
        <v>86</v>
      </c>
      <c r="Q12410">
        <v>48</v>
      </c>
      <c r="R12410">
        <v>49</v>
      </c>
      <c r="S12410">
        <v>50</v>
      </c>
      <c r="T12410">
        <v>51</v>
      </c>
      <c r="U12410">
        <v>52</v>
      </c>
      <c r="V12410">
        <v>52</v>
      </c>
      <c r="W12410">
        <v>53</v>
      </c>
      <c r="X12410">
        <v>54</v>
      </c>
      <c r="Y12410">
        <v>55</v>
      </c>
      <c r="Z12410">
        <v>56</v>
      </c>
      <c r="AA12410">
        <v>57</v>
      </c>
      <c r="AB12410">
        <v>58</v>
      </c>
      <c r="AC12410">
        <v>59</v>
      </c>
      <c r="AD12410">
        <v>60</v>
      </c>
      <c r="AE12410">
        <v>61</v>
      </c>
      <c r="AF12410">
        <v>62</v>
      </c>
      <c r="AG12410">
        <v>62</v>
      </c>
      <c r="AH12410">
        <v>63</v>
      </c>
      <c r="AI12410">
        <v>64</v>
      </c>
      <c r="AJ12410">
        <v>65</v>
      </c>
      <c r="AK12410">
        <v>66</v>
      </c>
      <c r="AL12410">
        <v>67</v>
      </c>
      <c r="AM12410">
        <v>67</v>
      </c>
      <c r="AN12410">
        <v>67</v>
      </c>
      <c r="AO12410">
        <v>67</v>
      </c>
      <c r="AP12410">
        <v>68</v>
      </c>
      <c r="AQ12410">
        <v>68</v>
      </c>
    </row>
    <row r="12411" spans="1:43">
      <c r="A12411" t="s">
        <v>7716</v>
      </c>
      <c r="B12411" t="s">
        <v>7717</v>
      </c>
      <c r="C12411" t="s">
        <v>7704</v>
      </c>
      <c r="D12411" t="s">
        <v>7705</v>
      </c>
      <c r="E12411" t="s">
        <v>7646</v>
      </c>
      <c r="F12411" t="s">
        <v>7647</v>
      </c>
      <c r="G12411" t="s">
        <v>80</v>
      </c>
      <c r="H12411" t="s">
        <v>81</v>
      </c>
      <c r="I12411" s="2">
        <v>0</v>
      </c>
      <c r="J12411" s="2">
        <v>1</v>
      </c>
      <c r="K12411" s="2">
        <v>0</v>
      </c>
      <c r="L12411" t="s">
        <v>82</v>
      </c>
      <c r="M12411" t="s">
        <v>87</v>
      </c>
      <c r="N12411" t="s">
        <v>88</v>
      </c>
      <c r="O12411" t="s">
        <v>85</v>
      </c>
      <c r="P12411" t="s">
        <v>86</v>
      </c>
      <c r="Q12411">
        <v>48</v>
      </c>
      <c r="R12411">
        <v>49</v>
      </c>
      <c r="S12411">
        <v>49</v>
      </c>
      <c r="T12411">
        <v>50</v>
      </c>
      <c r="U12411">
        <v>50</v>
      </c>
      <c r="V12411">
        <v>51</v>
      </c>
      <c r="W12411">
        <v>51</v>
      </c>
      <c r="X12411">
        <v>52</v>
      </c>
      <c r="Y12411">
        <v>52</v>
      </c>
      <c r="Z12411">
        <v>52</v>
      </c>
      <c r="AA12411">
        <v>53</v>
      </c>
      <c r="AB12411">
        <v>53</v>
      </c>
      <c r="AC12411">
        <v>54</v>
      </c>
      <c r="AD12411">
        <v>54</v>
      </c>
      <c r="AE12411">
        <v>55</v>
      </c>
      <c r="AF12411">
        <v>55</v>
      </c>
      <c r="AG12411">
        <v>56</v>
      </c>
      <c r="AH12411">
        <v>56</v>
      </c>
      <c r="AI12411">
        <v>57</v>
      </c>
      <c r="AJ12411">
        <v>57</v>
      </c>
      <c r="AK12411">
        <v>57</v>
      </c>
      <c r="AL12411">
        <v>58</v>
      </c>
      <c r="AM12411">
        <v>58</v>
      </c>
      <c r="AN12411">
        <v>59</v>
      </c>
      <c r="AO12411">
        <v>59</v>
      </c>
      <c r="AP12411">
        <v>60</v>
      </c>
      <c r="AQ12411">
        <v>60</v>
      </c>
    </row>
    <row r="12412" spans="1:43">
      <c r="A12412" t="s">
        <v>7716</v>
      </c>
      <c r="B12412" t="s">
        <v>7717</v>
      </c>
      <c r="C12412" t="s">
        <v>7704</v>
      </c>
      <c r="D12412" t="s">
        <v>7705</v>
      </c>
      <c r="E12412" t="s">
        <v>7646</v>
      </c>
      <c r="F12412" t="s">
        <v>7647</v>
      </c>
      <c r="G12412" t="s">
        <v>80</v>
      </c>
      <c r="H12412" t="s">
        <v>81</v>
      </c>
      <c r="I12412" s="2">
        <v>0</v>
      </c>
      <c r="J12412" s="2">
        <v>1</v>
      </c>
      <c r="K12412" s="2">
        <v>0</v>
      </c>
      <c r="L12412" t="s">
        <v>82</v>
      </c>
      <c r="M12412" t="s">
        <v>89</v>
      </c>
      <c r="N12412" t="s">
        <v>90</v>
      </c>
      <c r="O12412" t="s">
        <v>85</v>
      </c>
      <c r="P12412" t="s">
        <v>86</v>
      </c>
      <c r="Q12412">
        <v>48</v>
      </c>
      <c r="R12412">
        <v>50</v>
      </c>
      <c r="S12412">
        <v>51</v>
      </c>
      <c r="T12412">
        <v>52</v>
      </c>
      <c r="U12412">
        <v>54</v>
      </c>
      <c r="V12412">
        <v>55</v>
      </c>
      <c r="W12412">
        <v>56</v>
      </c>
      <c r="X12412">
        <v>57</v>
      </c>
      <c r="Y12412">
        <v>58</v>
      </c>
      <c r="Z12412">
        <v>60</v>
      </c>
      <c r="AA12412">
        <v>61</v>
      </c>
      <c r="AB12412">
        <v>62</v>
      </c>
      <c r="AC12412">
        <v>63</v>
      </c>
      <c r="AD12412">
        <v>64</v>
      </c>
      <c r="AE12412">
        <v>65</v>
      </c>
      <c r="AF12412">
        <v>65</v>
      </c>
      <c r="AG12412">
        <v>66</v>
      </c>
      <c r="AH12412">
        <v>66</v>
      </c>
      <c r="AI12412">
        <v>66</v>
      </c>
      <c r="AJ12412">
        <v>66</v>
      </c>
      <c r="AK12412">
        <v>67</v>
      </c>
      <c r="AL12412">
        <v>67</v>
      </c>
      <c r="AM12412">
        <v>67</v>
      </c>
      <c r="AN12412">
        <v>68</v>
      </c>
      <c r="AO12412">
        <v>68</v>
      </c>
      <c r="AP12412">
        <v>68</v>
      </c>
      <c r="AQ12412">
        <v>68</v>
      </c>
    </row>
    <row r="12413" spans="1:43">
      <c r="A12413" t="s">
        <v>7716</v>
      </c>
      <c r="B12413" t="s">
        <v>7717</v>
      </c>
      <c r="C12413" t="s">
        <v>7704</v>
      </c>
      <c r="D12413" t="s">
        <v>7705</v>
      </c>
      <c r="E12413" t="s">
        <v>7646</v>
      </c>
      <c r="F12413" t="s">
        <v>7647</v>
      </c>
      <c r="G12413" t="s">
        <v>80</v>
      </c>
      <c r="H12413" t="s">
        <v>81</v>
      </c>
      <c r="I12413" s="2">
        <v>0</v>
      </c>
      <c r="J12413" s="2">
        <v>1</v>
      </c>
      <c r="K12413" s="2">
        <v>0</v>
      </c>
      <c r="L12413" t="s">
        <v>82</v>
      </c>
      <c r="M12413" t="s">
        <v>83</v>
      </c>
      <c r="N12413" t="s">
        <v>91</v>
      </c>
      <c r="O12413" t="s">
        <v>85</v>
      </c>
      <c r="P12413" t="s">
        <v>86</v>
      </c>
      <c r="Q12413">
        <v>48</v>
      </c>
      <c r="R12413">
        <v>49</v>
      </c>
      <c r="S12413">
        <v>50</v>
      </c>
      <c r="T12413">
        <v>51</v>
      </c>
      <c r="U12413">
        <v>52</v>
      </c>
      <c r="V12413">
        <v>52</v>
      </c>
      <c r="W12413">
        <v>53</v>
      </c>
      <c r="X12413">
        <v>54</v>
      </c>
      <c r="Y12413">
        <v>55</v>
      </c>
      <c r="Z12413">
        <v>56</v>
      </c>
      <c r="AA12413">
        <v>57</v>
      </c>
      <c r="AB12413">
        <v>58</v>
      </c>
      <c r="AC12413">
        <v>59</v>
      </c>
      <c r="AD12413">
        <v>60</v>
      </c>
      <c r="AE12413">
        <v>61</v>
      </c>
      <c r="AF12413">
        <v>62</v>
      </c>
      <c r="AG12413">
        <v>62</v>
      </c>
      <c r="AH12413">
        <v>63</v>
      </c>
      <c r="AI12413">
        <v>64</v>
      </c>
      <c r="AJ12413">
        <v>65</v>
      </c>
      <c r="AK12413">
        <v>66</v>
      </c>
      <c r="AL12413">
        <v>67</v>
      </c>
      <c r="AM12413">
        <v>67</v>
      </c>
      <c r="AN12413">
        <v>67</v>
      </c>
      <c r="AO12413">
        <v>67</v>
      </c>
      <c r="AP12413">
        <v>68</v>
      </c>
      <c r="AQ12413">
        <v>68</v>
      </c>
    </row>
    <row r="12414" spans="1:43">
      <c r="A12414" t="s">
        <v>7718</v>
      </c>
      <c r="B12414" t="s">
        <v>7719</v>
      </c>
      <c r="C12414" t="s">
        <v>7720</v>
      </c>
      <c r="D12414" t="s">
        <v>7721</v>
      </c>
      <c r="E12414" t="s">
        <v>7646</v>
      </c>
      <c r="F12414" t="s">
        <v>7647</v>
      </c>
      <c r="G12414" t="s">
        <v>80</v>
      </c>
      <c r="H12414" t="s">
        <v>81</v>
      </c>
      <c r="I12414" s="2">
        <v>0</v>
      </c>
      <c r="J12414" s="2">
        <v>1</v>
      </c>
      <c r="K12414" s="2">
        <v>0</v>
      </c>
      <c r="L12414" t="s">
        <v>82</v>
      </c>
      <c r="M12414" t="s">
        <v>83</v>
      </c>
      <c r="N12414" t="s">
        <v>84</v>
      </c>
      <c r="O12414" t="s">
        <v>85</v>
      </c>
      <c r="P12414" t="s">
        <v>86</v>
      </c>
      <c r="Q12414">
        <v>99</v>
      </c>
      <c r="R12414">
        <v>101</v>
      </c>
      <c r="S12414">
        <v>103</v>
      </c>
      <c r="T12414">
        <v>105</v>
      </c>
      <c r="U12414">
        <v>107</v>
      </c>
      <c r="V12414">
        <v>109</v>
      </c>
      <c r="W12414">
        <v>111</v>
      </c>
      <c r="X12414">
        <v>112</v>
      </c>
      <c r="Y12414">
        <v>114</v>
      </c>
      <c r="Z12414">
        <v>116</v>
      </c>
      <c r="AA12414">
        <v>118</v>
      </c>
      <c r="AB12414">
        <v>120</v>
      </c>
      <c r="AC12414">
        <v>122</v>
      </c>
      <c r="AD12414">
        <v>124</v>
      </c>
      <c r="AE12414">
        <v>126</v>
      </c>
      <c r="AF12414">
        <v>128</v>
      </c>
      <c r="AG12414">
        <v>129</v>
      </c>
      <c r="AH12414">
        <v>131</v>
      </c>
      <c r="AI12414">
        <v>133</v>
      </c>
      <c r="AJ12414">
        <v>135</v>
      </c>
      <c r="AK12414">
        <v>137</v>
      </c>
      <c r="AL12414">
        <v>138</v>
      </c>
      <c r="AM12414">
        <v>139</v>
      </c>
      <c r="AN12414">
        <v>139</v>
      </c>
      <c r="AO12414">
        <v>140</v>
      </c>
      <c r="AP12414">
        <v>140</v>
      </c>
      <c r="AQ12414">
        <v>141</v>
      </c>
    </row>
    <row r="12415" spans="1:43">
      <c r="A12415" t="s">
        <v>7718</v>
      </c>
      <c r="B12415" t="s">
        <v>7719</v>
      </c>
      <c r="C12415" t="s">
        <v>7720</v>
      </c>
      <c r="D12415" t="s">
        <v>7721</v>
      </c>
      <c r="E12415" t="s">
        <v>7646</v>
      </c>
      <c r="F12415" t="s">
        <v>7647</v>
      </c>
      <c r="G12415" t="s">
        <v>80</v>
      </c>
      <c r="H12415" t="s">
        <v>81</v>
      </c>
      <c r="I12415" s="2">
        <v>0</v>
      </c>
      <c r="J12415" s="2">
        <v>1</v>
      </c>
      <c r="K12415" s="2">
        <v>0</v>
      </c>
      <c r="L12415" t="s">
        <v>82</v>
      </c>
      <c r="M12415" t="s">
        <v>87</v>
      </c>
      <c r="N12415" t="s">
        <v>88</v>
      </c>
      <c r="O12415" t="s">
        <v>85</v>
      </c>
      <c r="P12415" t="s">
        <v>86</v>
      </c>
      <c r="Q12415">
        <v>99</v>
      </c>
      <c r="R12415">
        <v>100</v>
      </c>
      <c r="S12415">
        <v>101</v>
      </c>
      <c r="T12415">
        <v>102</v>
      </c>
      <c r="U12415">
        <v>103</v>
      </c>
      <c r="V12415">
        <v>104</v>
      </c>
      <c r="W12415">
        <v>105</v>
      </c>
      <c r="X12415">
        <v>106</v>
      </c>
      <c r="Y12415">
        <v>107</v>
      </c>
      <c r="Z12415">
        <v>108</v>
      </c>
      <c r="AA12415">
        <v>109</v>
      </c>
      <c r="AB12415">
        <v>110</v>
      </c>
      <c r="AC12415">
        <v>110</v>
      </c>
      <c r="AD12415">
        <v>111</v>
      </c>
      <c r="AE12415">
        <v>112</v>
      </c>
      <c r="AF12415">
        <v>113</v>
      </c>
      <c r="AG12415">
        <v>114</v>
      </c>
      <c r="AH12415">
        <v>115</v>
      </c>
      <c r="AI12415">
        <v>116</v>
      </c>
      <c r="AJ12415">
        <v>117</v>
      </c>
      <c r="AK12415">
        <v>118</v>
      </c>
      <c r="AL12415">
        <v>119</v>
      </c>
      <c r="AM12415">
        <v>120</v>
      </c>
      <c r="AN12415">
        <v>121</v>
      </c>
      <c r="AO12415">
        <v>122</v>
      </c>
      <c r="AP12415">
        <v>123</v>
      </c>
      <c r="AQ12415">
        <v>124</v>
      </c>
    </row>
    <row r="12416" spans="1:43">
      <c r="A12416" t="s">
        <v>7718</v>
      </c>
      <c r="B12416" t="s">
        <v>7719</v>
      </c>
      <c r="C12416" t="s">
        <v>7720</v>
      </c>
      <c r="D12416" t="s">
        <v>7721</v>
      </c>
      <c r="E12416" t="s">
        <v>7646</v>
      </c>
      <c r="F12416" t="s">
        <v>7647</v>
      </c>
      <c r="G12416" t="s">
        <v>80</v>
      </c>
      <c r="H12416" t="s">
        <v>81</v>
      </c>
      <c r="I12416" s="2">
        <v>0</v>
      </c>
      <c r="J12416" s="2">
        <v>1</v>
      </c>
      <c r="K12416" s="2">
        <v>0</v>
      </c>
      <c r="L12416" t="s">
        <v>82</v>
      </c>
      <c r="M12416" t="s">
        <v>89</v>
      </c>
      <c r="N12416" t="s">
        <v>90</v>
      </c>
      <c r="O12416" t="s">
        <v>85</v>
      </c>
      <c r="P12416" t="s">
        <v>86</v>
      </c>
      <c r="Q12416">
        <v>99</v>
      </c>
      <c r="R12416">
        <v>102</v>
      </c>
      <c r="S12416">
        <v>105</v>
      </c>
      <c r="T12416">
        <v>107</v>
      </c>
      <c r="U12416">
        <v>110</v>
      </c>
      <c r="V12416">
        <v>113</v>
      </c>
      <c r="W12416">
        <v>115</v>
      </c>
      <c r="X12416">
        <v>118</v>
      </c>
      <c r="Y12416">
        <v>120</v>
      </c>
      <c r="Z12416">
        <v>122</v>
      </c>
      <c r="AA12416">
        <v>125</v>
      </c>
      <c r="AB12416">
        <v>127</v>
      </c>
      <c r="AC12416">
        <v>130</v>
      </c>
      <c r="AD12416">
        <v>132</v>
      </c>
      <c r="AE12416">
        <v>134</v>
      </c>
      <c r="AF12416">
        <v>134</v>
      </c>
      <c r="AG12416">
        <v>135</v>
      </c>
      <c r="AH12416">
        <v>136</v>
      </c>
      <c r="AI12416">
        <v>136</v>
      </c>
      <c r="AJ12416">
        <v>137</v>
      </c>
      <c r="AK12416">
        <v>137</v>
      </c>
      <c r="AL12416">
        <v>138</v>
      </c>
      <c r="AM12416">
        <v>139</v>
      </c>
      <c r="AN12416">
        <v>139</v>
      </c>
      <c r="AO12416">
        <v>140</v>
      </c>
      <c r="AP12416">
        <v>140</v>
      </c>
      <c r="AQ12416">
        <v>141</v>
      </c>
    </row>
    <row r="12417" spans="1:43">
      <c r="A12417" t="s">
        <v>7718</v>
      </c>
      <c r="B12417" t="s">
        <v>7719</v>
      </c>
      <c r="C12417" t="s">
        <v>7720</v>
      </c>
      <c r="D12417" t="s">
        <v>7721</v>
      </c>
      <c r="E12417" t="s">
        <v>7646</v>
      </c>
      <c r="F12417" t="s">
        <v>7647</v>
      </c>
      <c r="G12417" t="s">
        <v>80</v>
      </c>
      <c r="H12417" t="s">
        <v>81</v>
      </c>
      <c r="I12417" s="2">
        <v>0</v>
      </c>
      <c r="J12417" s="2">
        <v>1</v>
      </c>
      <c r="K12417" s="2">
        <v>0</v>
      </c>
      <c r="L12417" t="s">
        <v>82</v>
      </c>
      <c r="M12417" t="s">
        <v>83</v>
      </c>
      <c r="N12417" t="s">
        <v>91</v>
      </c>
      <c r="O12417" t="s">
        <v>85</v>
      </c>
      <c r="P12417" t="s">
        <v>86</v>
      </c>
      <c r="Q12417">
        <v>99</v>
      </c>
      <c r="R12417">
        <v>101</v>
      </c>
      <c r="S12417">
        <v>103</v>
      </c>
      <c r="T12417">
        <v>105</v>
      </c>
      <c r="U12417">
        <v>107</v>
      </c>
      <c r="V12417">
        <v>109</v>
      </c>
      <c r="W12417">
        <v>111</v>
      </c>
      <c r="X12417">
        <v>112</v>
      </c>
      <c r="Y12417">
        <v>114</v>
      </c>
      <c r="Z12417">
        <v>116</v>
      </c>
      <c r="AA12417">
        <v>118</v>
      </c>
      <c r="AB12417">
        <v>120</v>
      </c>
      <c r="AC12417">
        <v>122</v>
      </c>
      <c r="AD12417">
        <v>124</v>
      </c>
      <c r="AE12417">
        <v>126</v>
      </c>
      <c r="AF12417">
        <v>128</v>
      </c>
      <c r="AG12417">
        <v>129</v>
      </c>
      <c r="AH12417">
        <v>131</v>
      </c>
      <c r="AI12417">
        <v>133</v>
      </c>
      <c r="AJ12417">
        <v>135</v>
      </c>
      <c r="AK12417">
        <v>137</v>
      </c>
      <c r="AL12417">
        <v>138</v>
      </c>
      <c r="AM12417">
        <v>139</v>
      </c>
      <c r="AN12417">
        <v>139</v>
      </c>
      <c r="AO12417">
        <v>140</v>
      </c>
      <c r="AP12417">
        <v>140</v>
      </c>
      <c r="AQ12417">
        <v>141</v>
      </c>
    </row>
    <row r="12418" spans="1:43">
      <c r="A12418" t="s">
        <v>7722</v>
      </c>
      <c r="B12418" t="s">
        <v>7723</v>
      </c>
      <c r="C12418" t="s">
        <v>7720</v>
      </c>
      <c r="D12418" t="s">
        <v>7721</v>
      </c>
      <c r="E12418" t="s">
        <v>7646</v>
      </c>
      <c r="F12418" t="s">
        <v>7647</v>
      </c>
      <c r="G12418" t="s">
        <v>80</v>
      </c>
      <c r="H12418" t="s">
        <v>81</v>
      </c>
      <c r="I12418" s="2">
        <v>0</v>
      </c>
      <c r="J12418" s="2">
        <v>1</v>
      </c>
      <c r="K12418" s="2">
        <v>0</v>
      </c>
      <c r="L12418" t="s">
        <v>82</v>
      </c>
      <c r="M12418" t="s">
        <v>83</v>
      </c>
      <c r="N12418" t="s">
        <v>84</v>
      </c>
      <c r="O12418" t="s">
        <v>85</v>
      </c>
      <c r="P12418" t="s">
        <v>86</v>
      </c>
      <c r="Q12418">
        <v>30</v>
      </c>
      <c r="R12418">
        <v>30</v>
      </c>
      <c r="S12418">
        <v>31</v>
      </c>
      <c r="T12418">
        <v>31</v>
      </c>
      <c r="U12418">
        <v>32</v>
      </c>
      <c r="V12418">
        <v>33</v>
      </c>
      <c r="W12418">
        <v>33</v>
      </c>
      <c r="X12418">
        <v>34</v>
      </c>
      <c r="Y12418">
        <v>34</v>
      </c>
      <c r="Z12418">
        <v>35</v>
      </c>
      <c r="AA12418">
        <v>35</v>
      </c>
      <c r="AB12418">
        <v>36</v>
      </c>
      <c r="AC12418">
        <v>37</v>
      </c>
      <c r="AD12418">
        <v>37</v>
      </c>
      <c r="AE12418">
        <v>38</v>
      </c>
      <c r="AF12418">
        <v>38</v>
      </c>
      <c r="AG12418">
        <v>39</v>
      </c>
      <c r="AH12418">
        <v>39</v>
      </c>
      <c r="AI12418">
        <v>40</v>
      </c>
      <c r="AJ12418">
        <v>41</v>
      </c>
      <c r="AK12418">
        <v>41</v>
      </c>
      <c r="AL12418">
        <v>41</v>
      </c>
      <c r="AM12418">
        <v>42</v>
      </c>
      <c r="AN12418">
        <v>42</v>
      </c>
      <c r="AO12418">
        <v>42</v>
      </c>
      <c r="AP12418">
        <v>42</v>
      </c>
      <c r="AQ12418">
        <v>42</v>
      </c>
    </row>
    <row r="12419" spans="1:43">
      <c r="A12419" t="s">
        <v>7722</v>
      </c>
      <c r="B12419" t="s">
        <v>7723</v>
      </c>
      <c r="C12419" t="s">
        <v>7720</v>
      </c>
      <c r="D12419" t="s">
        <v>7721</v>
      </c>
      <c r="E12419" t="s">
        <v>7646</v>
      </c>
      <c r="F12419" t="s">
        <v>7647</v>
      </c>
      <c r="G12419" t="s">
        <v>80</v>
      </c>
      <c r="H12419" t="s">
        <v>81</v>
      </c>
      <c r="I12419" s="2">
        <v>0</v>
      </c>
      <c r="J12419" s="2">
        <v>1</v>
      </c>
      <c r="K12419" s="2">
        <v>0</v>
      </c>
      <c r="L12419" t="s">
        <v>82</v>
      </c>
      <c r="M12419" t="s">
        <v>87</v>
      </c>
      <c r="N12419" t="s">
        <v>88</v>
      </c>
      <c r="O12419" t="s">
        <v>85</v>
      </c>
      <c r="P12419" t="s">
        <v>86</v>
      </c>
      <c r="Q12419">
        <v>30</v>
      </c>
      <c r="R12419">
        <v>31</v>
      </c>
      <c r="S12419">
        <v>31</v>
      </c>
      <c r="T12419">
        <v>31</v>
      </c>
      <c r="U12419">
        <v>32</v>
      </c>
      <c r="V12419">
        <v>32</v>
      </c>
      <c r="W12419">
        <v>32</v>
      </c>
      <c r="X12419">
        <v>32</v>
      </c>
      <c r="Y12419">
        <v>33</v>
      </c>
      <c r="Z12419">
        <v>33</v>
      </c>
      <c r="AA12419">
        <v>33</v>
      </c>
      <c r="AB12419">
        <v>34</v>
      </c>
      <c r="AC12419">
        <v>34</v>
      </c>
      <c r="AD12419">
        <v>34</v>
      </c>
      <c r="AE12419">
        <v>34</v>
      </c>
      <c r="AF12419">
        <v>35</v>
      </c>
      <c r="AG12419">
        <v>35</v>
      </c>
      <c r="AH12419">
        <v>35</v>
      </c>
      <c r="AI12419">
        <v>36</v>
      </c>
      <c r="AJ12419">
        <v>36</v>
      </c>
      <c r="AK12419">
        <v>36</v>
      </c>
      <c r="AL12419">
        <v>36</v>
      </c>
      <c r="AM12419">
        <v>37</v>
      </c>
      <c r="AN12419">
        <v>37</v>
      </c>
      <c r="AO12419">
        <v>37</v>
      </c>
      <c r="AP12419">
        <v>38</v>
      </c>
      <c r="AQ12419">
        <v>38</v>
      </c>
    </row>
    <row r="12420" spans="1:43">
      <c r="A12420" t="s">
        <v>7722</v>
      </c>
      <c r="B12420" t="s">
        <v>7723</v>
      </c>
      <c r="C12420" t="s">
        <v>7720</v>
      </c>
      <c r="D12420" t="s">
        <v>7721</v>
      </c>
      <c r="E12420" t="s">
        <v>7646</v>
      </c>
      <c r="F12420" t="s">
        <v>7647</v>
      </c>
      <c r="G12420" t="s">
        <v>80</v>
      </c>
      <c r="H12420" t="s">
        <v>81</v>
      </c>
      <c r="I12420" s="2">
        <v>0</v>
      </c>
      <c r="J12420" s="2">
        <v>1</v>
      </c>
      <c r="K12420" s="2">
        <v>0</v>
      </c>
      <c r="L12420" t="s">
        <v>82</v>
      </c>
      <c r="M12420" t="s">
        <v>89</v>
      </c>
      <c r="N12420" t="s">
        <v>90</v>
      </c>
      <c r="O12420" t="s">
        <v>85</v>
      </c>
      <c r="P12420" t="s">
        <v>86</v>
      </c>
      <c r="Q12420">
        <v>30</v>
      </c>
      <c r="R12420">
        <v>31</v>
      </c>
      <c r="S12420">
        <v>32</v>
      </c>
      <c r="T12420">
        <v>32</v>
      </c>
      <c r="U12420">
        <v>33</v>
      </c>
      <c r="V12420">
        <v>34</v>
      </c>
      <c r="W12420">
        <v>35</v>
      </c>
      <c r="X12420">
        <v>36</v>
      </c>
      <c r="Y12420">
        <v>36</v>
      </c>
      <c r="Z12420">
        <v>37</v>
      </c>
      <c r="AA12420">
        <v>38</v>
      </c>
      <c r="AB12420">
        <v>38</v>
      </c>
      <c r="AC12420">
        <v>39</v>
      </c>
      <c r="AD12420">
        <v>40</v>
      </c>
      <c r="AE12420">
        <v>40</v>
      </c>
      <c r="AF12420">
        <v>41</v>
      </c>
      <c r="AG12420">
        <v>41</v>
      </c>
      <c r="AH12420">
        <v>41</v>
      </c>
      <c r="AI12420">
        <v>41</v>
      </c>
      <c r="AJ12420">
        <v>41</v>
      </c>
      <c r="AK12420">
        <v>41</v>
      </c>
      <c r="AL12420">
        <v>42</v>
      </c>
      <c r="AM12420">
        <v>42</v>
      </c>
      <c r="AN12420">
        <v>42</v>
      </c>
      <c r="AO12420">
        <v>42</v>
      </c>
      <c r="AP12420">
        <v>42</v>
      </c>
      <c r="AQ12420">
        <v>42</v>
      </c>
    </row>
    <row r="12421" spans="1:43">
      <c r="A12421" t="s">
        <v>7722</v>
      </c>
      <c r="B12421" t="s">
        <v>7723</v>
      </c>
      <c r="C12421" t="s">
        <v>7720</v>
      </c>
      <c r="D12421" t="s">
        <v>7721</v>
      </c>
      <c r="E12421" t="s">
        <v>7646</v>
      </c>
      <c r="F12421" t="s">
        <v>7647</v>
      </c>
      <c r="G12421" t="s">
        <v>80</v>
      </c>
      <c r="H12421" t="s">
        <v>81</v>
      </c>
      <c r="I12421" s="2">
        <v>0</v>
      </c>
      <c r="J12421" s="2">
        <v>1</v>
      </c>
      <c r="K12421" s="2">
        <v>0</v>
      </c>
      <c r="L12421" t="s">
        <v>82</v>
      </c>
      <c r="M12421" t="s">
        <v>83</v>
      </c>
      <c r="N12421" t="s">
        <v>91</v>
      </c>
      <c r="O12421" t="s">
        <v>85</v>
      </c>
      <c r="P12421" t="s">
        <v>86</v>
      </c>
      <c r="Q12421">
        <v>30</v>
      </c>
      <c r="R12421">
        <v>30</v>
      </c>
      <c r="S12421">
        <v>31</v>
      </c>
      <c r="T12421">
        <v>31</v>
      </c>
      <c r="U12421">
        <v>32</v>
      </c>
      <c r="V12421">
        <v>33</v>
      </c>
      <c r="W12421">
        <v>33</v>
      </c>
      <c r="X12421">
        <v>34</v>
      </c>
      <c r="Y12421">
        <v>34</v>
      </c>
      <c r="Z12421">
        <v>35</v>
      </c>
      <c r="AA12421">
        <v>35</v>
      </c>
      <c r="AB12421">
        <v>36</v>
      </c>
      <c r="AC12421">
        <v>37</v>
      </c>
      <c r="AD12421">
        <v>37</v>
      </c>
      <c r="AE12421">
        <v>38</v>
      </c>
      <c r="AF12421">
        <v>38</v>
      </c>
      <c r="AG12421">
        <v>39</v>
      </c>
      <c r="AH12421">
        <v>39</v>
      </c>
      <c r="AI12421">
        <v>40</v>
      </c>
      <c r="AJ12421">
        <v>41</v>
      </c>
      <c r="AK12421">
        <v>41</v>
      </c>
      <c r="AL12421">
        <v>41</v>
      </c>
      <c r="AM12421">
        <v>42</v>
      </c>
      <c r="AN12421">
        <v>42</v>
      </c>
      <c r="AO12421">
        <v>42</v>
      </c>
      <c r="AP12421">
        <v>42</v>
      </c>
      <c r="AQ12421">
        <v>42</v>
      </c>
    </row>
    <row r="12422" spans="1:43">
      <c r="A12422" t="s">
        <v>7724</v>
      </c>
      <c r="B12422" t="s">
        <v>7725</v>
      </c>
      <c r="C12422" t="s">
        <v>7720</v>
      </c>
      <c r="D12422" t="s">
        <v>7721</v>
      </c>
      <c r="E12422" t="s">
        <v>7646</v>
      </c>
      <c r="F12422" t="s">
        <v>7647</v>
      </c>
      <c r="G12422" t="s">
        <v>80</v>
      </c>
      <c r="H12422" t="s">
        <v>81</v>
      </c>
      <c r="I12422" s="2">
        <v>0</v>
      </c>
      <c r="J12422" s="2">
        <v>1</v>
      </c>
      <c r="K12422" s="2">
        <v>0</v>
      </c>
      <c r="L12422" t="s">
        <v>82</v>
      </c>
      <c r="M12422" t="s">
        <v>83</v>
      </c>
      <c r="N12422" t="s">
        <v>84</v>
      </c>
      <c r="O12422" t="s">
        <v>85</v>
      </c>
      <c r="P12422" t="s">
        <v>86</v>
      </c>
      <c r="Q12422">
        <v>31</v>
      </c>
      <c r="R12422">
        <v>32</v>
      </c>
      <c r="S12422">
        <v>32</v>
      </c>
      <c r="T12422">
        <v>33</v>
      </c>
      <c r="U12422">
        <v>33</v>
      </c>
      <c r="V12422">
        <v>34</v>
      </c>
      <c r="W12422">
        <v>35</v>
      </c>
      <c r="X12422">
        <v>35</v>
      </c>
      <c r="Y12422">
        <v>36</v>
      </c>
      <c r="Z12422">
        <v>36</v>
      </c>
      <c r="AA12422">
        <v>37</v>
      </c>
      <c r="AB12422">
        <v>38</v>
      </c>
      <c r="AC12422">
        <v>38</v>
      </c>
      <c r="AD12422">
        <v>39</v>
      </c>
      <c r="AE12422">
        <v>39</v>
      </c>
      <c r="AF12422">
        <v>40</v>
      </c>
      <c r="AG12422">
        <v>41</v>
      </c>
      <c r="AH12422">
        <v>41</v>
      </c>
      <c r="AI12422">
        <v>42</v>
      </c>
      <c r="AJ12422">
        <v>42</v>
      </c>
      <c r="AK12422">
        <v>43</v>
      </c>
      <c r="AL12422">
        <v>43</v>
      </c>
      <c r="AM12422">
        <v>43</v>
      </c>
      <c r="AN12422">
        <v>44</v>
      </c>
      <c r="AO12422">
        <v>44</v>
      </c>
      <c r="AP12422">
        <v>44</v>
      </c>
      <c r="AQ12422">
        <v>44</v>
      </c>
    </row>
    <row r="12423" spans="1:43">
      <c r="A12423" t="s">
        <v>7724</v>
      </c>
      <c r="B12423" t="s">
        <v>7725</v>
      </c>
      <c r="C12423" t="s">
        <v>7720</v>
      </c>
      <c r="D12423" t="s">
        <v>7721</v>
      </c>
      <c r="E12423" t="s">
        <v>7646</v>
      </c>
      <c r="F12423" t="s">
        <v>7647</v>
      </c>
      <c r="G12423" t="s">
        <v>80</v>
      </c>
      <c r="H12423" t="s">
        <v>81</v>
      </c>
      <c r="I12423" s="2">
        <v>0</v>
      </c>
      <c r="J12423" s="2">
        <v>1</v>
      </c>
      <c r="K12423" s="2">
        <v>0</v>
      </c>
      <c r="L12423" t="s">
        <v>82</v>
      </c>
      <c r="M12423" t="s">
        <v>87</v>
      </c>
      <c r="N12423" t="s">
        <v>88</v>
      </c>
      <c r="O12423" t="s">
        <v>85</v>
      </c>
      <c r="P12423" t="s">
        <v>86</v>
      </c>
      <c r="Q12423">
        <v>31</v>
      </c>
      <c r="R12423">
        <v>31</v>
      </c>
      <c r="S12423">
        <v>31</v>
      </c>
      <c r="T12423">
        <v>32</v>
      </c>
      <c r="U12423">
        <v>32</v>
      </c>
      <c r="V12423">
        <v>32</v>
      </c>
      <c r="W12423">
        <v>33</v>
      </c>
      <c r="X12423">
        <v>33</v>
      </c>
      <c r="Y12423">
        <v>33</v>
      </c>
      <c r="Z12423">
        <v>33</v>
      </c>
      <c r="AA12423">
        <v>34</v>
      </c>
      <c r="AB12423">
        <v>34</v>
      </c>
      <c r="AC12423">
        <v>34</v>
      </c>
      <c r="AD12423">
        <v>35</v>
      </c>
      <c r="AE12423">
        <v>35</v>
      </c>
      <c r="AF12423">
        <v>35</v>
      </c>
      <c r="AG12423">
        <v>36</v>
      </c>
      <c r="AH12423">
        <v>36</v>
      </c>
      <c r="AI12423">
        <v>36</v>
      </c>
      <c r="AJ12423">
        <v>37</v>
      </c>
      <c r="AK12423">
        <v>37</v>
      </c>
      <c r="AL12423">
        <v>37</v>
      </c>
      <c r="AM12423">
        <v>37</v>
      </c>
      <c r="AN12423">
        <v>38</v>
      </c>
      <c r="AO12423">
        <v>38</v>
      </c>
      <c r="AP12423">
        <v>38</v>
      </c>
      <c r="AQ12423">
        <v>39</v>
      </c>
    </row>
    <row r="12424" spans="1:43">
      <c r="A12424" t="s">
        <v>7724</v>
      </c>
      <c r="B12424" t="s">
        <v>7725</v>
      </c>
      <c r="C12424" t="s">
        <v>7720</v>
      </c>
      <c r="D12424" t="s">
        <v>7721</v>
      </c>
      <c r="E12424" t="s">
        <v>7646</v>
      </c>
      <c r="F12424" t="s">
        <v>7647</v>
      </c>
      <c r="G12424" t="s">
        <v>80</v>
      </c>
      <c r="H12424" t="s">
        <v>81</v>
      </c>
      <c r="I12424" s="2">
        <v>0</v>
      </c>
      <c r="J12424" s="2">
        <v>1</v>
      </c>
      <c r="K12424" s="2">
        <v>0</v>
      </c>
      <c r="L12424" t="s">
        <v>82</v>
      </c>
      <c r="M12424" t="s">
        <v>89</v>
      </c>
      <c r="N12424" t="s">
        <v>90</v>
      </c>
      <c r="O12424" t="s">
        <v>85</v>
      </c>
      <c r="P12424" t="s">
        <v>86</v>
      </c>
      <c r="Q12424">
        <v>31</v>
      </c>
      <c r="R12424">
        <v>32</v>
      </c>
      <c r="S12424">
        <v>33</v>
      </c>
      <c r="T12424">
        <v>34</v>
      </c>
      <c r="U12424">
        <v>35</v>
      </c>
      <c r="V12424">
        <v>36</v>
      </c>
      <c r="W12424">
        <v>36</v>
      </c>
      <c r="X12424">
        <v>37</v>
      </c>
      <c r="Y12424">
        <v>38</v>
      </c>
      <c r="Z12424">
        <v>39</v>
      </c>
      <c r="AA12424">
        <v>39</v>
      </c>
      <c r="AB12424">
        <v>40</v>
      </c>
      <c r="AC12424">
        <v>41</v>
      </c>
      <c r="AD12424">
        <v>42</v>
      </c>
      <c r="AE12424">
        <v>42</v>
      </c>
      <c r="AF12424">
        <v>42</v>
      </c>
      <c r="AG12424">
        <v>43</v>
      </c>
      <c r="AH12424">
        <v>43</v>
      </c>
      <c r="AI12424">
        <v>43</v>
      </c>
      <c r="AJ12424">
        <v>43</v>
      </c>
      <c r="AK12424">
        <v>43</v>
      </c>
      <c r="AL12424">
        <v>43</v>
      </c>
      <c r="AM12424">
        <v>44</v>
      </c>
      <c r="AN12424">
        <v>44</v>
      </c>
      <c r="AO12424">
        <v>44</v>
      </c>
      <c r="AP12424">
        <v>44</v>
      </c>
      <c r="AQ12424">
        <v>44</v>
      </c>
    </row>
    <row r="12425" spans="1:43">
      <c r="A12425" t="s">
        <v>7724</v>
      </c>
      <c r="B12425" t="s">
        <v>7725</v>
      </c>
      <c r="C12425" t="s">
        <v>7720</v>
      </c>
      <c r="D12425" t="s">
        <v>7721</v>
      </c>
      <c r="E12425" t="s">
        <v>7646</v>
      </c>
      <c r="F12425" t="s">
        <v>7647</v>
      </c>
      <c r="G12425" t="s">
        <v>80</v>
      </c>
      <c r="H12425" t="s">
        <v>81</v>
      </c>
      <c r="I12425" s="2">
        <v>0</v>
      </c>
      <c r="J12425" s="2">
        <v>1</v>
      </c>
      <c r="K12425" s="2">
        <v>0</v>
      </c>
      <c r="L12425" t="s">
        <v>82</v>
      </c>
      <c r="M12425" t="s">
        <v>83</v>
      </c>
      <c r="N12425" t="s">
        <v>91</v>
      </c>
      <c r="O12425" t="s">
        <v>85</v>
      </c>
      <c r="P12425" t="s">
        <v>86</v>
      </c>
      <c r="Q12425">
        <v>31</v>
      </c>
      <c r="R12425">
        <v>32</v>
      </c>
      <c r="S12425">
        <v>32</v>
      </c>
      <c r="T12425">
        <v>33</v>
      </c>
      <c r="U12425">
        <v>33</v>
      </c>
      <c r="V12425">
        <v>34</v>
      </c>
      <c r="W12425">
        <v>35</v>
      </c>
      <c r="X12425">
        <v>35</v>
      </c>
      <c r="Y12425">
        <v>36</v>
      </c>
      <c r="Z12425">
        <v>36</v>
      </c>
      <c r="AA12425">
        <v>37</v>
      </c>
      <c r="AB12425">
        <v>38</v>
      </c>
      <c r="AC12425">
        <v>38</v>
      </c>
      <c r="AD12425">
        <v>39</v>
      </c>
      <c r="AE12425">
        <v>39</v>
      </c>
      <c r="AF12425">
        <v>40</v>
      </c>
      <c r="AG12425">
        <v>41</v>
      </c>
      <c r="AH12425">
        <v>41</v>
      </c>
      <c r="AI12425">
        <v>42</v>
      </c>
      <c r="AJ12425">
        <v>42</v>
      </c>
      <c r="AK12425">
        <v>43</v>
      </c>
      <c r="AL12425">
        <v>43</v>
      </c>
      <c r="AM12425">
        <v>43</v>
      </c>
      <c r="AN12425">
        <v>44</v>
      </c>
      <c r="AO12425">
        <v>44</v>
      </c>
      <c r="AP12425">
        <v>44</v>
      </c>
      <c r="AQ12425">
        <v>44</v>
      </c>
    </row>
    <row r="12426" spans="1:43">
      <c r="A12426" t="s">
        <v>7726</v>
      </c>
      <c r="B12426" t="s">
        <v>7727</v>
      </c>
      <c r="C12426" t="s">
        <v>7720</v>
      </c>
      <c r="D12426" t="s">
        <v>7721</v>
      </c>
      <c r="E12426" t="s">
        <v>7646</v>
      </c>
      <c r="F12426" t="s">
        <v>7647</v>
      </c>
      <c r="G12426" t="s">
        <v>80</v>
      </c>
      <c r="H12426" t="s">
        <v>81</v>
      </c>
      <c r="I12426" s="2">
        <v>0</v>
      </c>
      <c r="J12426" s="2">
        <v>1</v>
      </c>
      <c r="K12426" s="2">
        <v>0</v>
      </c>
      <c r="L12426" t="s">
        <v>82</v>
      </c>
      <c r="M12426" t="s">
        <v>83</v>
      </c>
      <c r="N12426" t="s">
        <v>84</v>
      </c>
      <c r="O12426" t="s">
        <v>85</v>
      </c>
      <c r="P12426" t="s">
        <v>86</v>
      </c>
      <c r="Q12426">
        <v>12</v>
      </c>
      <c r="R12426">
        <v>13</v>
      </c>
      <c r="S12426">
        <v>13</v>
      </c>
      <c r="T12426">
        <v>13</v>
      </c>
      <c r="U12426">
        <v>13</v>
      </c>
      <c r="V12426">
        <v>14</v>
      </c>
      <c r="W12426">
        <v>14</v>
      </c>
      <c r="X12426">
        <v>14</v>
      </c>
      <c r="Y12426">
        <v>14</v>
      </c>
      <c r="Z12426">
        <v>15</v>
      </c>
      <c r="AA12426">
        <v>15</v>
      </c>
      <c r="AB12426">
        <v>15</v>
      </c>
      <c r="AC12426">
        <v>15</v>
      </c>
      <c r="AD12426">
        <v>16</v>
      </c>
      <c r="AE12426">
        <v>16</v>
      </c>
      <c r="AF12426">
        <v>16</v>
      </c>
      <c r="AG12426">
        <v>16</v>
      </c>
      <c r="AH12426">
        <v>17</v>
      </c>
      <c r="AI12426">
        <v>17</v>
      </c>
      <c r="AJ12426">
        <v>17</v>
      </c>
      <c r="AK12426">
        <v>17</v>
      </c>
      <c r="AL12426">
        <v>17</v>
      </c>
      <c r="AM12426">
        <v>17</v>
      </c>
      <c r="AN12426">
        <v>18</v>
      </c>
      <c r="AO12426">
        <v>18</v>
      </c>
      <c r="AP12426">
        <v>18</v>
      </c>
      <c r="AQ12426">
        <v>18</v>
      </c>
    </row>
    <row r="12427" spans="1:43">
      <c r="A12427" t="s">
        <v>7726</v>
      </c>
      <c r="B12427" t="s">
        <v>7727</v>
      </c>
      <c r="C12427" t="s">
        <v>7720</v>
      </c>
      <c r="D12427" t="s">
        <v>7721</v>
      </c>
      <c r="E12427" t="s">
        <v>7646</v>
      </c>
      <c r="F12427" t="s">
        <v>7647</v>
      </c>
      <c r="G12427" t="s">
        <v>80</v>
      </c>
      <c r="H12427" t="s">
        <v>81</v>
      </c>
      <c r="I12427" s="2">
        <v>0</v>
      </c>
      <c r="J12427" s="2">
        <v>1</v>
      </c>
      <c r="K12427" s="2">
        <v>0</v>
      </c>
      <c r="L12427" t="s">
        <v>82</v>
      </c>
      <c r="M12427" t="s">
        <v>87</v>
      </c>
      <c r="N12427" t="s">
        <v>88</v>
      </c>
      <c r="O12427" t="s">
        <v>85</v>
      </c>
      <c r="P12427" t="s">
        <v>86</v>
      </c>
      <c r="Q12427">
        <v>12</v>
      </c>
      <c r="R12427">
        <v>12</v>
      </c>
      <c r="S12427">
        <v>13</v>
      </c>
      <c r="T12427">
        <v>13</v>
      </c>
      <c r="U12427">
        <v>13</v>
      </c>
      <c r="V12427">
        <v>13</v>
      </c>
      <c r="W12427">
        <v>13</v>
      </c>
      <c r="X12427">
        <v>13</v>
      </c>
      <c r="Y12427">
        <v>13</v>
      </c>
      <c r="Z12427">
        <v>13</v>
      </c>
      <c r="AA12427">
        <v>14</v>
      </c>
      <c r="AB12427">
        <v>14</v>
      </c>
      <c r="AC12427">
        <v>14</v>
      </c>
      <c r="AD12427">
        <v>14</v>
      </c>
      <c r="AE12427">
        <v>14</v>
      </c>
      <c r="AF12427">
        <v>14</v>
      </c>
      <c r="AG12427">
        <v>14</v>
      </c>
      <c r="AH12427">
        <v>14</v>
      </c>
      <c r="AI12427">
        <v>15</v>
      </c>
      <c r="AJ12427">
        <v>15</v>
      </c>
      <c r="AK12427">
        <v>15</v>
      </c>
      <c r="AL12427">
        <v>15</v>
      </c>
      <c r="AM12427">
        <v>15</v>
      </c>
      <c r="AN12427">
        <v>15</v>
      </c>
      <c r="AO12427">
        <v>15</v>
      </c>
      <c r="AP12427">
        <v>15</v>
      </c>
      <c r="AQ12427">
        <v>16</v>
      </c>
    </row>
    <row r="12428" spans="1:43">
      <c r="A12428" t="s">
        <v>7726</v>
      </c>
      <c r="B12428" t="s">
        <v>7727</v>
      </c>
      <c r="C12428" t="s">
        <v>7720</v>
      </c>
      <c r="D12428" t="s">
        <v>7721</v>
      </c>
      <c r="E12428" t="s">
        <v>7646</v>
      </c>
      <c r="F12428" t="s">
        <v>7647</v>
      </c>
      <c r="G12428" t="s">
        <v>80</v>
      </c>
      <c r="H12428" t="s">
        <v>81</v>
      </c>
      <c r="I12428" s="2">
        <v>0</v>
      </c>
      <c r="J12428" s="2">
        <v>1</v>
      </c>
      <c r="K12428" s="2">
        <v>0</v>
      </c>
      <c r="L12428" t="s">
        <v>82</v>
      </c>
      <c r="M12428" t="s">
        <v>89</v>
      </c>
      <c r="N12428" t="s">
        <v>90</v>
      </c>
      <c r="O12428" t="s">
        <v>85</v>
      </c>
      <c r="P12428" t="s">
        <v>86</v>
      </c>
      <c r="Q12428">
        <v>12</v>
      </c>
      <c r="R12428">
        <v>12</v>
      </c>
      <c r="S12428">
        <v>12</v>
      </c>
      <c r="T12428">
        <v>13</v>
      </c>
      <c r="U12428">
        <v>13</v>
      </c>
      <c r="V12428">
        <v>13</v>
      </c>
      <c r="W12428">
        <v>14</v>
      </c>
      <c r="X12428">
        <v>14</v>
      </c>
      <c r="Y12428">
        <v>14</v>
      </c>
      <c r="Z12428">
        <v>15</v>
      </c>
      <c r="AA12428">
        <v>15</v>
      </c>
      <c r="AB12428">
        <v>15</v>
      </c>
      <c r="AC12428">
        <v>15</v>
      </c>
      <c r="AD12428">
        <v>16</v>
      </c>
      <c r="AE12428">
        <v>16</v>
      </c>
      <c r="AF12428">
        <v>16</v>
      </c>
      <c r="AG12428">
        <v>16</v>
      </c>
      <c r="AH12428">
        <v>16</v>
      </c>
      <c r="AI12428">
        <v>16</v>
      </c>
      <c r="AJ12428">
        <v>16</v>
      </c>
      <c r="AK12428">
        <v>16</v>
      </c>
      <c r="AL12428">
        <v>16</v>
      </c>
      <c r="AM12428">
        <v>17</v>
      </c>
      <c r="AN12428">
        <v>17</v>
      </c>
      <c r="AO12428">
        <v>17</v>
      </c>
      <c r="AP12428">
        <v>17</v>
      </c>
      <c r="AQ12428">
        <v>17</v>
      </c>
    </row>
    <row r="12429" spans="1:43">
      <c r="A12429" t="s">
        <v>7726</v>
      </c>
      <c r="B12429" t="s">
        <v>7727</v>
      </c>
      <c r="C12429" t="s">
        <v>7720</v>
      </c>
      <c r="D12429" t="s">
        <v>7721</v>
      </c>
      <c r="E12429" t="s">
        <v>7646</v>
      </c>
      <c r="F12429" t="s">
        <v>7647</v>
      </c>
      <c r="G12429" t="s">
        <v>80</v>
      </c>
      <c r="H12429" t="s">
        <v>81</v>
      </c>
      <c r="I12429" s="2">
        <v>0</v>
      </c>
      <c r="J12429" s="2">
        <v>1</v>
      </c>
      <c r="K12429" s="2">
        <v>0</v>
      </c>
      <c r="L12429" t="s">
        <v>82</v>
      </c>
      <c r="M12429" t="s">
        <v>83</v>
      </c>
      <c r="N12429" t="s">
        <v>91</v>
      </c>
      <c r="O12429" t="s">
        <v>85</v>
      </c>
      <c r="P12429" t="s">
        <v>86</v>
      </c>
      <c r="Q12429">
        <v>12</v>
      </c>
      <c r="R12429">
        <v>13</v>
      </c>
      <c r="S12429">
        <v>13</v>
      </c>
      <c r="T12429">
        <v>13</v>
      </c>
      <c r="U12429">
        <v>13</v>
      </c>
      <c r="V12429">
        <v>14</v>
      </c>
      <c r="W12429">
        <v>14</v>
      </c>
      <c r="X12429">
        <v>14</v>
      </c>
      <c r="Y12429">
        <v>14</v>
      </c>
      <c r="Z12429">
        <v>15</v>
      </c>
      <c r="AA12429">
        <v>15</v>
      </c>
      <c r="AB12429">
        <v>15</v>
      </c>
      <c r="AC12429">
        <v>15</v>
      </c>
      <c r="AD12429">
        <v>16</v>
      </c>
      <c r="AE12429">
        <v>16</v>
      </c>
      <c r="AF12429">
        <v>16</v>
      </c>
      <c r="AG12429">
        <v>16</v>
      </c>
      <c r="AH12429">
        <v>17</v>
      </c>
      <c r="AI12429">
        <v>17</v>
      </c>
      <c r="AJ12429">
        <v>17</v>
      </c>
      <c r="AK12429">
        <v>17</v>
      </c>
      <c r="AL12429">
        <v>17</v>
      </c>
      <c r="AM12429">
        <v>17</v>
      </c>
      <c r="AN12429">
        <v>18</v>
      </c>
      <c r="AO12429">
        <v>18</v>
      </c>
      <c r="AP12429">
        <v>18</v>
      </c>
      <c r="AQ12429">
        <v>18</v>
      </c>
    </row>
    <row r="12430" spans="1:43">
      <c r="A12430" t="s">
        <v>7728</v>
      </c>
      <c r="B12430" t="s">
        <v>7729</v>
      </c>
      <c r="C12430" t="s">
        <v>7720</v>
      </c>
      <c r="D12430" t="s">
        <v>7721</v>
      </c>
      <c r="E12430" t="s">
        <v>7646</v>
      </c>
      <c r="F12430" t="s">
        <v>7647</v>
      </c>
      <c r="G12430" t="s">
        <v>80</v>
      </c>
      <c r="H12430" t="s">
        <v>81</v>
      </c>
      <c r="I12430" s="2">
        <v>0</v>
      </c>
      <c r="J12430" s="2">
        <v>1</v>
      </c>
      <c r="K12430" s="2">
        <v>0</v>
      </c>
      <c r="L12430" t="s">
        <v>82</v>
      </c>
      <c r="M12430" t="s">
        <v>83</v>
      </c>
      <c r="N12430" t="s">
        <v>84</v>
      </c>
      <c r="O12430" t="s">
        <v>85</v>
      </c>
      <c r="P12430" t="s">
        <v>86</v>
      </c>
      <c r="Q12430">
        <v>53</v>
      </c>
      <c r="R12430">
        <v>54</v>
      </c>
      <c r="S12430">
        <v>55</v>
      </c>
      <c r="T12430">
        <v>56</v>
      </c>
      <c r="U12430">
        <v>57</v>
      </c>
      <c r="V12430">
        <v>58</v>
      </c>
      <c r="W12430">
        <v>59</v>
      </c>
      <c r="X12430">
        <v>60</v>
      </c>
      <c r="Y12430">
        <v>61</v>
      </c>
      <c r="Z12430">
        <v>62</v>
      </c>
      <c r="AA12430">
        <v>63</v>
      </c>
      <c r="AB12430">
        <v>64</v>
      </c>
      <c r="AC12430">
        <v>65</v>
      </c>
      <c r="AD12430">
        <v>66</v>
      </c>
      <c r="AE12430">
        <v>67</v>
      </c>
      <c r="AF12430">
        <v>68</v>
      </c>
      <c r="AG12430">
        <v>70</v>
      </c>
      <c r="AH12430">
        <v>71</v>
      </c>
      <c r="AI12430">
        <v>72</v>
      </c>
      <c r="AJ12430">
        <v>73</v>
      </c>
      <c r="AK12430">
        <v>74</v>
      </c>
      <c r="AL12430">
        <v>74</v>
      </c>
      <c r="AM12430">
        <v>74</v>
      </c>
      <c r="AN12430">
        <v>75</v>
      </c>
      <c r="AO12430">
        <v>75</v>
      </c>
      <c r="AP12430">
        <v>75</v>
      </c>
      <c r="AQ12430">
        <v>76</v>
      </c>
    </row>
    <row r="12431" spans="1:43">
      <c r="A12431" t="s">
        <v>7728</v>
      </c>
      <c r="B12431" t="s">
        <v>7729</v>
      </c>
      <c r="C12431" t="s">
        <v>7720</v>
      </c>
      <c r="D12431" t="s">
        <v>7721</v>
      </c>
      <c r="E12431" t="s">
        <v>7646</v>
      </c>
      <c r="F12431" t="s">
        <v>7647</v>
      </c>
      <c r="G12431" t="s">
        <v>80</v>
      </c>
      <c r="H12431" t="s">
        <v>81</v>
      </c>
      <c r="I12431" s="2">
        <v>0</v>
      </c>
      <c r="J12431" s="2">
        <v>1</v>
      </c>
      <c r="K12431" s="2">
        <v>0</v>
      </c>
      <c r="L12431" t="s">
        <v>82</v>
      </c>
      <c r="M12431" t="s">
        <v>87</v>
      </c>
      <c r="N12431" t="s">
        <v>88</v>
      </c>
      <c r="O12431" t="s">
        <v>85</v>
      </c>
      <c r="P12431" t="s">
        <v>86</v>
      </c>
      <c r="Q12431">
        <v>53</v>
      </c>
      <c r="R12431">
        <v>53</v>
      </c>
      <c r="S12431">
        <v>54</v>
      </c>
      <c r="T12431">
        <v>54</v>
      </c>
      <c r="U12431">
        <v>55</v>
      </c>
      <c r="V12431">
        <v>55</v>
      </c>
      <c r="W12431">
        <v>56</v>
      </c>
      <c r="X12431">
        <v>56</v>
      </c>
      <c r="Y12431">
        <v>57</v>
      </c>
      <c r="Z12431">
        <v>57</v>
      </c>
      <c r="AA12431">
        <v>58</v>
      </c>
      <c r="AB12431">
        <v>58</v>
      </c>
      <c r="AC12431">
        <v>59</v>
      </c>
      <c r="AD12431">
        <v>59</v>
      </c>
      <c r="AE12431">
        <v>60</v>
      </c>
      <c r="AF12431">
        <v>60</v>
      </c>
      <c r="AG12431">
        <v>61</v>
      </c>
      <c r="AH12431">
        <v>61</v>
      </c>
      <c r="AI12431">
        <v>62</v>
      </c>
      <c r="AJ12431">
        <v>62</v>
      </c>
      <c r="AK12431">
        <v>63</v>
      </c>
      <c r="AL12431">
        <v>63</v>
      </c>
      <c r="AM12431">
        <v>64</v>
      </c>
      <c r="AN12431">
        <v>64</v>
      </c>
      <c r="AO12431">
        <v>65</v>
      </c>
      <c r="AP12431">
        <v>65</v>
      </c>
      <c r="AQ12431">
        <v>66</v>
      </c>
    </row>
    <row r="12432" spans="1:43">
      <c r="A12432" t="s">
        <v>7728</v>
      </c>
      <c r="B12432" t="s">
        <v>7729</v>
      </c>
      <c r="C12432" t="s">
        <v>7720</v>
      </c>
      <c r="D12432" t="s">
        <v>7721</v>
      </c>
      <c r="E12432" t="s">
        <v>7646</v>
      </c>
      <c r="F12432" t="s">
        <v>7647</v>
      </c>
      <c r="G12432" t="s">
        <v>80</v>
      </c>
      <c r="H12432" t="s">
        <v>81</v>
      </c>
      <c r="I12432" s="2">
        <v>0</v>
      </c>
      <c r="J12432" s="2">
        <v>1</v>
      </c>
      <c r="K12432" s="2">
        <v>0</v>
      </c>
      <c r="L12432" t="s">
        <v>82</v>
      </c>
      <c r="M12432" t="s">
        <v>89</v>
      </c>
      <c r="N12432" t="s">
        <v>90</v>
      </c>
      <c r="O12432" t="s">
        <v>85</v>
      </c>
      <c r="P12432" t="s">
        <v>86</v>
      </c>
      <c r="Q12432">
        <v>53</v>
      </c>
      <c r="R12432">
        <v>54</v>
      </c>
      <c r="S12432">
        <v>56</v>
      </c>
      <c r="T12432">
        <v>57</v>
      </c>
      <c r="U12432">
        <v>59</v>
      </c>
      <c r="V12432">
        <v>60</v>
      </c>
      <c r="W12432">
        <v>61</v>
      </c>
      <c r="X12432">
        <v>63</v>
      </c>
      <c r="Y12432">
        <v>64</v>
      </c>
      <c r="Z12432">
        <v>65</v>
      </c>
      <c r="AA12432">
        <v>67</v>
      </c>
      <c r="AB12432">
        <v>68</v>
      </c>
      <c r="AC12432">
        <v>69</v>
      </c>
      <c r="AD12432">
        <v>70</v>
      </c>
      <c r="AE12432">
        <v>71</v>
      </c>
      <c r="AF12432">
        <v>72</v>
      </c>
      <c r="AG12432">
        <v>72</v>
      </c>
      <c r="AH12432">
        <v>72</v>
      </c>
      <c r="AI12432">
        <v>73</v>
      </c>
      <c r="AJ12432">
        <v>73</v>
      </c>
      <c r="AK12432">
        <v>73</v>
      </c>
      <c r="AL12432">
        <v>74</v>
      </c>
      <c r="AM12432">
        <v>74</v>
      </c>
      <c r="AN12432">
        <v>74</v>
      </c>
      <c r="AO12432">
        <v>74</v>
      </c>
      <c r="AP12432">
        <v>75</v>
      </c>
      <c r="AQ12432">
        <v>75</v>
      </c>
    </row>
    <row r="12433" spans="1:43">
      <c r="A12433" t="s">
        <v>7728</v>
      </c>
      <c r="B12433" t="s">
        <v>7729</v>
      </c>
      <c r="C12433" t="s">
        <v>7720</v>
      </c>
      <c r="D12433" t="s">
        <v>7721</v>
      </c>
      <c r="E12433" t="s">
        <v>7646</v>
      </c>
      <c r="F12433" t="s">
        <v>7647</v>
      </c>
      <c r="G12433" t="s">
        <v>80</v>
      </c>
      <c r="H12433" t="s">
        <v>81</v>
      </c>
      <c r="I12433" s="2">
        <v>0</v>
      </c>
      <c r="J12433" s="2">
        <v>1</v>
      </c>
      <c r="K12433" s="2">
        <v>0</v>
      </c>
      <c r="L12433" t="s">
        <v>82</v>
      </c>
      <c r="M12433" t="s">
        <v>83</v>
      </c>
      <c r="N12433" t="s">
        <v>91</v>
      </c>
      <c r="O12433" t="s">
        <v>85</v>
      </c>
      <c r="P12433" t="s">
        <v>86</v>
      </c>
      <c r="Q12433">
        <v>53</v>
      </c>
      <c r="R12433">
        <v>54</v>
      </c>
      <c r="S12433">
        <v>55</v>
      </c>
      <c r="T12433">
        <v>56</v>
      </c>
      <c r="U12433">
        <v>57</v>
      </c>
      <c r="V12433">
        <v>58</v>
      </c>
      <c r="W12433">
        <v>59</v>
      </c>
      <c r="X12433">
        <v>60</v>
      </c>
      <c r="Y12433">
        <v>61</v>
      </c>
      <c r="Z12433">
        <v>62</v>
      </c>
      <c r="AA12433">
        <v>63</v>
      </c>
      <c r="AB12433">
        <v>64</v>
      </c>
      <c r="AC12433">
        <v>65</v>
      </c>
      <c r="AD12433">
        <v>66</v>
      </c>
      <c r="AE12433">
        <v>67</v>
      </c>
      <c r="AF12433">
        <v>68</v>
      </c>
      <c r="AG12433">
        <v>70</v>
      </c>
      <c r="AH12433">
        <v>71</v>
      </c>
      <c r="AI12433">
        <v>72</v>
      </c>
      <c r="AJ12433">
        <v>73</v>
      </c>
      <c r="AK12433">
        <v>74</v>
      </c>
      <c r="AL12433">
        <v>74</v>
      </c>
      <c r="AM12433">
        <v>74</v>
      </c>
      <c r="AN12433">
        <v>75</v>
      </c>
      <c r="AO12433">
        <v>75</v>
      </c>
      <c r="AP12433">
        <v>75</v>
      </c>
      <c r="AQ12433">
        <v>76</v>
      </c>
    </row>
    <row r="12434" spans="1:43">
      <c r="A12434" t="s">
        <v>7730</v>
      </c>
      <c r="B12434" t="s">
        <v>7731</v>
      </c>
      <c r="C12434" t="s">
        <v>7720</v>
      </c>
      <c r="D12434" t="s">
        <v>7721</v>
      </c>
      <c r="E12434" t="s">
        <v>7646</v>
      </c>
      <c r="F12434" t="s">
        <v>7647</v>
      </c>
      <c r="G12434" t="s">
        <v>80</v>
      </c>
      <c r="H12434" t="s">
        <v>81</v>
      </c>
      <c r="I12434" s="2">
        <v>0</v>
      </c>
      <c r="J12434" s="2">
        <v>1</v>
      </c>
      <c r="K12434" s="2">
        <v>0</v>
      </c>
      <c r="L12434" t="s">
        <v>82</v>
      </c>
      <c r="M12434" t="s">
        <v>83</v>
      </c>
      <c r="N12434" t="s">
        <v>84</v>
      </c>
      <c r="O12434" t="s">
        <v>85</v>
      </c>
      <c r="P12434" t="s">
        <v>86</v>
      </c>
      <c r="Q12434">
        <v>24</v>
      </c>
      <c r="R12434">
        <v>25</v>
      </c>
      <c r="S12434">
        <v>25</v>
      </c>
      <c r="T12434">
        <v>25</v>
      </c>
      <c r="U12434">
        <v>26</v>
      </c>
      <c r="V12434">
        <v>26</v>
      </c>
      <c r="W12434">
        <v>27</v>
      </c>
      <c r="X12434">
        <v>27</v>
      </c>
      <c r="Y12434">
        <v>28</v>
      </c>
      <c r="Z12434">
        <v>28</v>
      </c>
      <c r="AA12434">
        <v>29</v>
      </c>
      <c r="AB12434">
        <v>29</v>
      </c>
      <c r="AC12434">
        <v>30</v>
      </c>
      <c r="AD12434">
        <v>30</v>
      </c>
      <c r="AE12434">
        <v>30</v>
      </c>
      <c r="AF12434">
        <v>31</v>
      </c>
      <c r="AG12434">
        <v>31</v>
      </c>
      <c r="AH12434">
        <v>32</v>
      </c>
      <c r="AI12434">
        <v>32</v>
      </c>
      <c r="AJ12434">
        <v>33</v>
      </c>
      <c r="AK12434">
        <v>33</v>
      </c>
      <c r="AL12434">
        <v>33</v>
      </c>
      <c r="AM12434">
        <v>34</v>
      </c>
      <c r="AN12434">
        <v>34</v>
      </c>
      <c r="AO12434">
        <v>34</v>
      </c>
      <c r="AP12434">
        <v>34</v>
      </c>
      <c r="AQ12434">
        <v>34</v>
      </c>
    </row>
    <row r="12435" spans="1:43">
      <c r="A12435" t="s">
        <v>7730</v>
      </c>
      <c r="B12435" t="s">
        <v>7731</v>
      </c>
      <c r="C12435" t="s">
        <v>7720</v>
      </c>
      <c r="D12435" t="s">
        <v>7721</v>
      </c>
      <c r="E12435" t="s">
        <v>7646</v>
      </c>
      <c r="F12435" t="s">
        <v>7647</v>
      </c>
      <c r="G12435" t="s">
        <v>80</v>
      </c>
      <c r="H12435" t="s">
        <v>81</v>
      </c>
      <c r="I12435" s="2">
        <v>0</v>
      </c>
      <c r="J12435" s="2">
        <v>1</v>
      </c>
      <c r="K12435" s="2">
        <v>0</v>
      </c>
      <c r="L12435" t="s">
        <v>82</v>
      </c>
      <c r="M12435" t="s">
        <v>87</v>
      </c>
      <c r="N12435" t="s">
        <v>88</v>
      </c>
      <c r="O12435" t="s">
        <v>85</v>
      </c>
      <c r="P12435" t="s">
        <v>86</v>
      </c>
      <c r="Q12435">
        <v>24</v>
      </c>
      <c r="R12435">
        <v>24</v>
      </c>
      <c r="S12435">
        <v>24</v>
      </c>
      <c r="T12435">
        <v>24</v>
      </c>
      <c r="U12435">
        <v>25</v>
      </c>
      <c r="V12435">
        <v>25</v>
      </c>
      <c r="W12435">
        <v>25</v>
      </c>
      <c r="X12435">
        <v>25</v>
      </c>
      <c r="Y12435">
        <v>26</v>
      </c>
      <c r="Z12435">
        <v>26</v>
      </c>
      <c r="AA12435">
        <v>26</v>
      </c>
      <c r="AB12435">
        <v>26</v>
      </c>
      <c r="AC12435">
        <v>27</v>
      </c>
      <c r="AD12435">
        <v>27</v>
      </c>
      <c r="AE12435">
        <v>27</v>
      </c>
      <c r="AF12435">
        <v>27</v>
      </c>
      <c r="AG12435">
        <v>27</v>
      </c>
      <c r="AH12435">
        <v>28</v>
      </c>
      <c r="AI12435">
        <v>28</v>
      </c>
      <c r="AJ12435">
        <v>28</v>
      </c>
      <c r="AK12435">
        <v>28</v>
      </c>
      <c r="AL12435">
        <v>29</v>
      </c>
      <c r="AM12435">
        <v>29</v>
      </c>
      <c r="AN12435">
        <v>29</v>
      </c>
      <c r="AO12435">
        <v>29</v>
      </c>
      <c r="AP12435">
        <v>30</v>
      </c>
      <c r="AQ12435">
        <v>30</v>
      </c>
    </row>
    <row r="12436" spans="1:43">
      <c r="A12436" t="s">
        <v>7730</v>
      </c>
      <c r="B12436" t="s">
        <v>7731</v>
      </c>
      <c r="C12436" t="s">
        <v>7720</v>
      </c>
      <c r="D12436" t="s">
        <v>7721</v>
      </c>
      <c r="E12436" t="s">
        <v>7646</v>
      </c>
      <c r="F12436" t="s">
        <v>7647</v>
      </c>
      <c r="G12436" t="s">
        <v>80</v>
      </c>
      <c r="H12436" t="s">
        <v>81</v>
      </c>
      <c r="I12436" s="2">
        <v>0</v>
      </c>
      <c r="J12436" s="2">
        <v>1</v>
      </c>
      <c r="K12436" s="2">
        <v>0</v>
      </c>
      <c r="L12436" t="s">
        <v>82</v>
      </c>
      <c r="M12436" t="s">
        <v>89</v>
      </c>
      <c r="N12436" t="s">
        <v>90</v>
      </c>
      <c r="O12436" t="s">
        <v>85</v>
      </c>
      <c r="P12436" t="s">
        <v>86</v>
      </c>
      <c r="Q12436">
        <v>24</v>
      </c>
      <c r="R12436">
        <v>25</v>
      </c>
      <c r="S12436">
        <v>26</v>
      </c>
      <c r="T12436">
        <v>26</v>
      </c>
      <c r="U12436">
        <v>27</v>
      </c>
      <c r="V12436">
        <v>28</v>
      </c>
      <c r="W12436">
        <v>28</v>
      </c>
      <c r="X12436">
        <v>29</v>
      </c>
      <c r="Y12436">
        <v>29</v>
      </c>
      <c r="Z12436">
        <v>30</v>
      </c>
      <c r="AA12436">
        <v>31</v>
      </c>
      <c r="AB12436">
        <v>31</v>
      </c>
      <c r="AC12436">
        <v>32</v>
      </c>
      <c r="AD12436">
        <v>32</v>
      </c>
      <c r="AE12436">
        <v>33</v>
      </c>
      <c r="AF12436">
        <v>33</v>
      </c>
      <c r="AG12436">
        <v>33</v>
      </c>
      <c r="AH12436">
        <v>33</v>
      </c>
      <c r="AI12436">
        <v>33</v>
      </c>
      <c r="AJ12436">
        <v>33</v>
      </c>
      <c r="AK12436">
        <v>34</v>
      </c>
      <c r="AL12436">
        <v>34</v>
      </c>
      <c r="AM12436">
        <v>34</v>
      </c>
      <c r="AN12436">
        <v>34</v>
      </c>
      <c r="AO12436">
        <v>34</v>
      </c>
      <c r="AP12436">
        <v>34</v>
      </c>
      <c r="AQ12436">
        <v>34</v>
      </c>
    </row>
    <row r="12437" spans="1:43">
      <c r="A12437" t="s">
        <v>7730</v>
      </c>
      <c r="B12437" t="s">
        <v>7731</v>
      </c>
      <c r="C12437" t="s">
        <v>7720</v>
      </c>
      <c r="D12437" t="s">
        <v>7721</v>
      </c>
      <c r="E12437" t="s">
        <v>7646</v>
      </c>
      <c r="F12437" t="s">
        <v>7647</v>
      </c>
      <c r="G12437" t="s">
        <v>80</v>
      </c>
      <c r="H12437" t="s">
        <v>81</v>
      </c>
      <c r="I12437" s="2">
        <v>0</v>
      </c>
      <c r="J12437" s="2">
        <v>1</v>
      </c>
      <c r="K12437" s="2">
        <v>0</v>
      </c>
      <c r="L12437" t="s">
        <v>82</v>
      </c>
      <c r="M12437" t="s">
        <v>83</v>
      </c>
      <c r="N12437" t="s">
        <v>91</v>
      </c>
      <c r="O12437" t="s">
        <v>85</v>
      </c>
      <c r="P12437" t="s">
        <v>86</v>
      </c>
      <c r="Q12437">
        <v>24</v>
      </c>
      <c r="R12437">
        <v>25</v>
      </c>
      <c r="S12437">
        <v>25</v>
      </c>
      <c r="T12437">
        <v>25</v>
      </c>
      <c r="U12437">
        <v>26</v>
      </c>
      <c r="V12437">
        <v>26</v>
      </c>
      <c r="W12437">
        <v>27</v>
      </c>
      <c r="X12437">
        <v>27</v>
      </c>
      <c r="Y12437">
        <v>28</v>
      </c>
      <c r="Z12437">
        <v>28</v>
      </c>
      <c r="AA12437">
        <v>29</v>
      </c>
      <c r="AB12437">
        <v>29</v>
      </c>
      <c r="AC12437">
        <v>30</v>
      </c>
      <c r="AD12437">
        <v>30</v>
      </c>
      <c r="AE12437">
        <v>30</v>
      </c>
      <c r="AF12437">
        <v>31</v>
      </c>
      <c r="AG12437">
        <v>31</v>
      </c>
      <c r="AH12437">
        <v>32</v>
      </c>
      <c r="AI12437">
        <v>32</v>
      </c>
      <c r="AJ12437">
        <v>33</v>
      </c>
      <c r="AK12437">
        <v>33</v>
      </c>
      <c r="AL12437">
        <v>33</v>
      </c>
      <c r="AM12437">
        <v>34</v>
      </c>
      <c r="AN12437">
        <v>34</v>
      </c>
      <c r="AO12437">
        <v>34</v>
      </c>
      <c r="AP12437">
        <v>34</v>
      </c>
      <c r="AQ12437">
        <v>34</v>
      </c>
    </row>
    <row r="12438" spans="1:43">
      <c r="A12438" t="s">
        <v>7732</v>
      </c>
      <c r="B12438" t="s">
        <v>7733</v>
      </c>
      <c r="C12438" t="s">
        <v>7720</v>
      </c>
      <c r="D12438" t="s">
        <v>7721</v>
      </c>
      <c r="E12438" t="s">
        <v>7646</v>
      </c>
      <c r="F12438" t="s">
        <v>7647</v>
      </c>
      <c r="G12438" t="s">
        <v>80</v>
      </c>
      <c r="H12438" t="s">
        <v>81</v>
      </c>
      <c r="I12438" s="2">
        <v>0</v>
      </c>
      <c r="J12438" s="2">
        <v>1</v>
      </c>
      <c r="K12438" s="2">
        <v>0</v>
      </c>
      <c r="L12438" t="s">
        <v>82</v>
      </c>
      <c r="M12438" t="s">
        <v>83</v>
      </c>
      <c r="N12438" t="s">
        <v>84</v>
      </c>
      <c r="O12438" t="s">
        <v>85</v>
      </c>
      <c r="P12438" t="s">
        <v>86</v>
      </c>
      <c r="Q12438">
        <v>82</v>
      </c>
      <c r="R12438">
        <v>84</v>
      </c>
      <c r="S12438">
        <v>85</v>
      </c>
      <c r="T12438">
        <v>87</v>
      </c>
      <c r="U12438">
        <v>88</v>
      </c>
      <c r="V12438">
        <v>90</v>
      </c>
      <c r="W12438">
        <v>91</v>
      </c>
      <c r="X12438">
        <v>93</v>
      </c>
      <c r="Y12438">
        <v>95</v>
      </c>
      <c r="Z12438">
        <v>96</v>
      </c>
      <c r="AA12438">
        <v>98</v>
      </c>
      <c r="AB12438">
        <v>99</v>
      </c>
      <c r="AC12438">
        <v>101</v>
      </c>
      <c r="AD12438">
        <v>102</v>
      </c>
      <c r="AE12438">
        <v>104</v>
      </c>
      <c r="AF12438">
        <v>106</v>
      </c>
      <c r="AG12438">
        <v>107</v>
      </c>
      <c r="AH12438">
        <v>109</v>
      </c>
      <c r="AI12438">
        <v>110</v>
      </c>
      <c r="AJ12438">
        <v>112</v>
      </c>
      <c r="AK12438">
        <v>113</v>
      </c>
      <c r="AL12438">
        <v>114</v>
      </c>
      <c r="AM12438">
        <v>115</v>
      </c>
      <c r="AN12438">
        <v>115</v>
      </c>
      <c r="AO12438">
        <v>116</v>
      </c>
      <c r="AP12438">
        <v>116</v>
      </c>
      <c r="AQ12438">
        <v>117</v>
      </c>
    </row>
    <row r="12439" spans="1:43">
      <c r="A12439" t="s">
        <v>7732</v>
      </c>
      <c r="B12439" t="s">
        <v>7733</v>
      </c>
      <c r="C12439" t="s">
        <v>7720</v>
      </c>
      <c r="D12439" t="s">
        <v>7721</v>
      </c>
      <c r="E12439" t="s">
        <v>7646</v>
      </c>
      <c r="F12439" t="s">
        <v>7647</v>
      </c>
      <c r="G12439" t="s">
        <v>80</v>
      </c>
      <c r="H12439" t="s">
        <v>81</v>
      </c>
      <c r="I12439" s="2">
        <v>0</v>
      </c>
      <c r="J12439" s="2">
        <v>1</v>
      </c>
      <c r="K12439" s="2">
        <v>0</v>
      </c>
      <c r="L12439" t="s">
        <v>82</v>
      </c>
      <c r="M12439" t="s">
        <v>87</v>
      </c>
      <c r="N12439" t="s">
        <v>88</v>
      </c>
      <c r="O12439" t="s">
        <v>85</v>
      </c>
      <c r="P12439" t="s">
        <v>86</v>
      </c>
      <c r="Q12439">
        <v>82</v>
      </c>
      <c r="R12439">
        <v>83</v>
      </c>
      <c r="S12439">
        <v>84</v>
      </c>
      <c r="T12439">
        <v>85</v>
      </c>
      <c r="U12439">
        <v>85</v>
      </c>
      <c r="V12439">
        <v>86</v>
      </c>
      <c r="W12439">
        <v>87</v>
      </c>
      <c r="X12439">
        <v>88</v>
      </c>
      <c r="Y12439">
        <v>88</v>
      </c>
      <c r="Z12439">
        <v>89</v>
      </c>
      <c r="AA12439">
        <v>90</v>
      </c>
      <c r="AB12439">
        <v>91</v>
      </c>
      <c r="AC12439">
        <v>92</v>
      </c>
      <c r="AD12439">
        <v>92</v>
      </c>
      <c r="AE12439">
        <v>93</v>
      </c>
      <c r="AF12439">
        <v>94</v>
      </c>
      <c r="AG12439">
        <v>95</v>
      </c>
      <c r="AH12439">
        <v>95</v>
      </c>
      <c r="AI12439">
        <v>96</v>
      </c>
      <c r="AJ12439">
        <v>97</v>
      </c>
      <c r="AK12439">
        <v>98</v>
      </c>
      <c r="AL12439">
        <v>99</v>
      </c>
      <c r="AM12439">
        <v>99</v>
      </c>
      <c r="AN12439">
        <v>100</v>
      </c>
      <c r="AO12439">
        <v>101</v>
      </c>
      <c r="AP12439">
        <v>102</v>
      </c>
      <c r="AQ12439">
        <v>102</v>
      </c>
    </row>
    <row r="12440" spans="1:43">
      <c r="A12440" t="s">
        <v>7732</v>
      </c>
      <c r="B12440" t="s">
        <v>7733</v>
      </c>
      <c r="C12440" t="s">
        <v>7720</v>
      </c>
      <c r="D12440" t="s">
        <v>7721</v>
      </c>
      <c r="E12440" t="s">
        <v>7646</v>
      </c>
      <c r="F12440" t="s">
        <v>7647</v>
      </c>
      <c r="G12440" t="s">
        <v>80</v>
      </c>
      <c r="H12440" t="s">
        <v>81</v>
      </c>
      <c r="I12440" s="2">
        <v>0</v>
      </c>
      <c r="J12440" s="2">
        <v>1</v>
      </c>
      <c r="K12440" s="2">
        <v>0</v>
      </c>
      <c r="L12440" t="s">
        <v>82</v>
      </c>
      <c r="M12440" t="s">
        <v>89</v>
      </c>
      <c r="N12440" t="s">
        <v>90</v>
      </c>
      <c r="O12440" t="s">
        <v>85</v>
      </c>
      <c r="P12440" t="s">
        <v>86</v>
      </c>
      <c r="Q12440">
        <v>82</v>
      </c>
      <c r="R12440">
        <v>84</v>
      </c>
      <c r="S12440">
        <v>86</v>
      </c>
      <c r="T12440">
        <v>89</v>
      </c>
      <c r="U12440">
        <v>91</v>
      </c>
      <c r="V12440">
        <v>93</v>
      </c>
      <c r="W12440">
        <v>95</v>
      </c>
      <c r="X12440">
        <v>97</v>
      </c>
      <c r="Y12440">
        <v>99</v>
      </c>
      <c r="Z12440">
        <v>101</v>
      </c>
      <c r="AA12440">
        <v>103</v>
      </c>
      <c r="AB12440">
        <v>105</v>
      </c>
      <c r="AC12440">
        <v>107</v>
      </c>
      <c r="AD12440">
        <v>109</v>
      </c>
      <c r="AE12440">
        <v>110</v>
      </c>
      <c r="AF12440">
        <v>111</v>
      </c>
      <c r="AG12440">
        <v>112</v>
      </c>
      <c r="AH12440">
        <v>112</v>
      </c>
      <c r="AI12440">
        <v>113</v>
      </c>
      <c r="AJ12440">
        <v>113</v>
      </c>
      <c r="AK12440">
        <v>113</v>
      </c>
      <c r="AL12440">
        <v>114</v>
      </c>
      <c r="AM12440">
        <v>114</v>
      </c>
      <c r="AN12440">
        <v>115</v>
      </c>
      <c r="AO12440">
        <v>115</v>
      </c>
      <c r="AP12440">
        <v>116</v>
      </c>
      <c r="AQ12440">
        <v>116</v>
      </c>
    </row>
    <row r="12441" spans="1:43">
      <c r="A12441" t="s">
        <v>7732</v>
      </c>
      <c r="B12441" t="s">
        <v>7733</v>
      </c>
      <c r="C12441" t="s">
        <v>7720</v>
      </c>
      <c r="D12441" t="s">
        <v>7721</v>
      </c>
      <c r="E12441" t="s">
        <v>7646</v>
      </c>
      <c r="F12441" t="s">
        <v>7647</v>
      </c>
      <c r="G12441" t="s">
        <v>80</v>
      </c>
      <c r="H12441" t="s">
        <v>81</v>
      </c>
      <c r="I12441" s="2">
        <v>0</v>
      </c>
      <c r="J12441" s="2">
        <v>1</v>
      </c>
      <c r="K12441" s="2">
        <v>0</v>
      </c>
      <c r="L12441" t="s">
        <v>82</v>
      </c>
      <c r="M12441" t="s">
        <v>83</v>
      </c>
      <c r="N12441" t="s">
        <v>91</v>
      </c>
      <c r="O12441" t="s">
        <v>85</v>
      </c>
      <c r="P12441" t="s">
        <v>86</v>
      </c>
      <c r="Q12441">
        <v>82</v>
      </c>
      <c r="R12441">
        <v>84</v>
      </c>
      <c r="S12441">
        <v>85</v>
      </c>
      <c r="T12441">
        <v>87</v>
      </c>
      <c r="U12441">
        <v>88</v>
      </c>
      <c r="V12441">
        <v>90</v>
      </c>
      <c r="W12441">
        <v>91</v>
      </c>
      <c r="X12441">
        <v>93</v>
      </c>
      <c r="Y12441">
        <v>95</v>
      </c>
      <c r="Z12441">
        <v>96</v>
      </c>
      <c r="AA12441">
        <v>98</v>
      </c>
      <c r="AB12441">
        <v>99</v>
      </c>
      <c r="AC12441">
        <v>101</v>
      </c>
      <c r="AD12441">
        <v>102</v>
      </c>
      <c r="AE12441">
        <v>104</v>
      </c>
      <c r="AF12441">
        <v>106</v>
      </c>
      <c r="AG12441">
        <v>107</v>
      </c>
      <c r="AH12441">
        <v>109</v>
      </c>
      <c r="AI12441">
        <v>110</v>
      </c>
      <c r="AJ12441">
        <v>112</v>
      </c>
      <c r="AK12441">
        <v>113</v>
      </c>
      <c r="AL12441">
        <v>114</v>
      </c>
      <c r="AM12441">
        <v>115</v>
      </c>
      <c r="AN12441">
        <v>115</v>
      </c>
      <c r="AO12441">
        <v>116</v>
      </c>
      <c r="AP12441">
        <v>116</v>
      </c>
      <c r="AQ12441">
        <v>117</v>
      </c>
    </row>
    <row r="12442" spans="1:43">
      <c r="A12442" t="s">
        <v>7734</v>
      </c>
      <c r="B12442" t="s">
        <v>7735</v>
      </c>
      <c r="C12442" t="s">
        <v>7736</v>
      </c>
      <c r="D12442" t="s">
        <v>7737</v>
      </c>
      <c r="E12442" t="s">
        <v>7646</v>
      </c>
      <c r="F12442" t="s">
        <v>7647</v>
      </c>
      <c r="G12442" t="s">
        <v>80</v>
      </c>
      <c r="H12442" t="s">
        <v>81</v>
      </c>
      <c r="I12442" s="2">
        <v>0</v>
      </c>
      <c r="J12442" s="2">
        <v>1</v>
      </c>
      <c r="K12442" s="2">
        <v>0</v>
      </c>
      <c r="L12442" t="s">
        <v>82</v>
      </c>
      <c r="M12442" t="s">
        <v>83</v>
      </c>
      <c r="N12442" t="s">
        <v>84</v>
      </c>
      <c r="O12442" t="s">
        <v>85</v>
      </c>
      <c r="P12442" t="s">
        <v>86</v>
      </c>
      <c r="Q12442">
        <v>33</v>
      </c>
      <c r="R12442">
        <v>34</v>
      </c>
      <c r="S12442">
        <v>34</v>
      </c>
      <c r="T12442">
        <v>35</v>
      </c>
      <c r="U12442">
        <v>36</v>
      </c>
      <c r="V12442">
        <v>36</v>
      </c>
      <c r="W12442">
        <v>37</v>
      </c>
      <c r="X12442">
        <v>38</v>
      </c>
      <c r="Y12442">
        <v>38</v>
      </c>
      <c r="Z12442">
        <v>39</v>
      </c>
      <c r="AA12442">
        <v>40</v>
      </c>
      <c r="AB12442">
        <v>40</v>
      </c>
      <c r="AC12442">
        <v>41</v>
      </c>
      <c r="AD12442">
        <v>41</v>
      </c>
      <c r="AE12442">
        <v>42</v>
      </c>
      <c r="AF12442">
        <v>43</v>
      </c>
      <c r="AG12442">
        <v>43</v>
      </c>
      <c r="AH12442">
        <v>44</v>
      </c>
      <c r="AI12442">
        <v>45</v>
      </c>
      <c r="AJ12442">
        <v>45</v>
      </c>
      <c r="AK12442">
        <v>46</v>
      </c>
      <c r="AL12442">
        <v>46</v>
      </c>
      <c r="AM12442">
        <v>46</v>
      </c>
      <c r="AN12442">
        <v>47</v>
      </c>
      <c r="AO12442">
        <v>47</v>
      </c>
      <c r="AP12442">
        <v>47</v>
      </c>
      <c r="AQ12442">
        <v>47</v>
      </c>
    </row>
    <row r="12443" spans="1:43">
      <c r="A12443" t="s">
        <v>7734</v>
      </c>
      <c r="B12443" t="s">
        <v>7735</v>
      </c>
      <c r="C12443" t="s">
        <v>7736</v>
      </c>
      <c r="D12443" t="s">
        <v>7737</v>
      </c>
      <c r="E12443" t="s">
        <v>7646</v>
      </c>
      <c r="F12443" t="s">
        <v>7647</v>
      </c>
      <c r="G12443" t="s">
        <v>80</v>
      </c>
      <c r="H12443" t="s">
        <v>81</v>
      </c>
      <c r="I12443" s="2">
        <v>0</v>
      </c>
      <c r="J12443" s="2">
        <v>1</v>
      </c>
      <c r="K12443" s="2">
        <v>0</v>
      </c>
      <c r="L12443" t="s">
        <v>82</v>
      </c>
      <c r="M12443" t="s">
        <v>87</v>
      </c>
      <c r="N12443" t="s">
        <v>88</v>
      </c>
      <c r="O12443" t="s">
        <v>85</v>
      </c>
      <c r="P12443" t="s">
        <v>86</v>
      </c>
      <c r="Q12443">
        <v>33</v>
      </c>
      <c r="R12443">
        <v>33</v>
      </c>
      <c r="S12443">
        <v>33</v>
      </c>
      <c r="T12443">
        <v>34</v>
      </c>
      <c r="U12443">
        <v>34</v>
      </c>
      <c r="V12443">
        <v>34</v>
      </c>
      <c r="W12443">
        <v>35</v>
      </c>
      <c r="X12443">
        <v>35</v>
      </c>
      <c r="Y12443">
        <v>35</v>
      </c>
      <c r="Z12443">
        <v>36</v>
      </c>
      <c r="AA12443">
        <v>36</v>
      </c>
      <c r="AB12443">
        <v>36</v>
      </c>
      <c r="AC12443">
        <v>37</v>
      </c>
      <c r="AD12443">
        <v>37</v>
      </c>
      <c r="AE12443">
        <v>37</v>
      </c>
      <c r="AF12443">
        <v>38</v>
      </c>
      <c r="AG12443">
        <v>38</v>
      </c>
      <c r="AH12443">
        <v>38</v>
      </c>
      <c r="AI12443">
        <v>39</v>
      </c>
      <c r="AJ12443">
        <v>39</v>
      </c>
      <c r="AK12443">
        <v>39</v>
      </c>
      <c r="AL12443">
        <v>39</v>
      </c>
      <c r="AM12443">
        <v>40</v>
      </c>
      <c r="AN12443">
        <v>40</v>
      </c>
      <c r="AO12443">
        <v>40</v>
      </c>
      <c r="AP12443">
        <v>41</v>
      </c>
      <c r="AQ12443">
        <v>41</v>
      </c>
    </row>
    <row r="12444" spans="1:43">
      <c r="A12444" t="s">
        <v>7734</v>
      </c>
      <c r="B12444" t="s">
        <v>7735</v>
      </c>
      <c r="C12444" t="s">
        <v>7736</v>
      </c>
      <c r="D12444" t="s">
        <v>7737</v>
      </c>
      <c r="E12444" t="s">
        <v>7646</v>
      </c>
      <c r="F12444" t="s">
        <v>7647</v>
      </c>
      <c r="G12444" t="s">
        <v>80</v>
      </c>
      <c r="H12444" t="s">
        <v>81</v>
      </c>
      <c r="I12444" s="2">
        <v>0</v>
      </c>
      <c r="J12444" s="2">
        <v>1</v>
      </c>
      <c r="K12444" s="2">
        <v>0</v>
      </c>
      <c r="L12444" t="s">
        <v>82</v>
      </c>
      <c r="M12444" t="s">
        <v>89</v>
      </c>
      <c r="N12444" t="s">
        <v>90</v>
      </c>
      <c r="O12444" t="s">
        <v>85</v>
      </c>
      <c r="P12444" t="s">
        <v>86</v>
      </c>
      <c r="Q12444">
        <v>33</v>
      </c>
      <c r="R12444">
        <v>34</v>
      </c>
      <c r="S12444">
        <v>35</v>
      </c>
      <c r="T12444">
        <v>36</v>
      </c>
      <c r="U12444">
        <v>37</v>
      </c>
      <c r="V12444">
        <v>38</v>
      </c>
      <c r="W12444">
        <v>39</v>
      </c>
      <c r="X12444">
        <v>40</v>
      </c>
      <c r="Y12444">
        <v>40</v>
      </c>
      <c r="Z12444">
        <v>41</v>
      </c>
      <c r="AA12444">
        <v>42</v>
      </c>
      <c r="AB12444">
        <v>43</v>
      </c>
      <c r="AC12444">
        <v>44</v>
      </c>
      <c r="AD12444">
        <v>44</v>
      </c>
      <c r="AE12444">
        <v>45</v>
      </c>
      <c r="AF12444">
        <v>45</v>
      </c>
      <c r="AG12444">
        <v>45</v>
      </c>
      <c r="AH12444">
        <v>46</v>
      </c>
      <c r="AI12444">
        <v>46</v>
      </c>
      <c r="AJ12444">
        <v>46</v>
      </c>
      <c r="AK12444">
        <v>46</v>
      </c>
      <c r="AL12444">
        <v>46</v>
      </c>
      <c r="AM12444">
        <v>47</v>
      </c>
      <c r="AN12444">
        <v>47</v>
      </c>
      <c r="AO12444">
        <v>47</v>
      </c>
      <c r="AP12444">
        <v>47</v>
      </c>
      <c r="AQ12444">
        <v>47</v>
      </c>
    </row>
    <row r="12445" spans="1:43">
      <c r="A12445" t="s">
        <v>7734</v>
      </c>
      <c r="B12445" t="s">
        <v>7735</v>
      </c>
      <c r="C12445" t="s">
        <v>7736</v>
      </c>
      <c r="D12445" t="s">
        <v>7737</v>
      </c>
      <c r="E12445" t="s">
        <v>7646</v>
      </c>
      <c r="F12445" t="s">
        <v>7647</v>
      </c>
      <c r="G12445" t="s">
        <v>80</v>
      </c>
      <c r="H12445" t="s">
        <v>81</v>
      </c>
      <c r="I12445" s="2">
        <v>0</v>
      </c>
      <c r="J12445" s="2">
        <v>1</v>
      </c>
      <c r="K12445" s="2">
        <v>0</v>
      </c>
      <c r="L12445" t="s">
        <v>82</v>
      </c>
      <c r="M12445" t="s">
        <v>83</v>
      </c>
      <c r="N12445" t="s">
        <v>91</v>
      </c>
      <c r="O12445" t="s">
        <v>85</v>
      </c>
      <c r="P12445" t="s">
        <v>86</v>
      </c>
      <c r="Q12445">
        <v>33</v>
      </c>
      <c r="R12445">
        <v>34</v>
      </c>
      <c r="S12445">
        <v>34</v>
      </c>
      <c r="T12445">
        <v>35</v>
      </c>
      <c r="U12445">
        <v>36</v>
      </c>
      <c r="V12445">
        <v>36</v>
      </c>
      <c r="W12445">
        <v>37</v>
      </c>
      <c r="X12445">
        <v>38</v>
      </c>
      <c r="Y12445">
        <v>38</v>
      </c>
      <c r="Z12445">
        <v>39</v>
      </c>
      <c r="AA12445">
        <v>40</v>
      </c>
      <c r="AB12445">
        <v>40</v>
      </c>
      <c r="AC12445">
        <v>41</v>
      </c>
      <c r="AD12445">
        <v>41</v>
      </c>
      <c r="AE12445">
        <v>42</v>
      </c>
      <c r="AF12445">
        <v>43</v>
      </c>
      <c r="AG12445">
        <v>43</v>
      </c>
      <c r="AH12445">
        <v>44</v>
      </c>
      <c r="AI12445">
        <v>45</v>
      </c>
      <c r="AJ12445">
        <v>45</v>
      </c>
      <c r="AK12445">
        <v>46</v>
      </c>
      <c r="AL12445">
        <v>46</v>
      </c>
      <c r="AM12445">
        <v>46</v>
      </c>
      <c r="AN12445">
        <v>47</v>
      </c>
      <c r="AO12445">
        <v>47</v>
      </c>
      <c r="AP12445">
        <v>47</v>
      </c>
      <c r="AQ12445">
        <v>47</v>
      </c>
    </row>
    <row r="12446" spans="1:43">
      <c r="A12446" t="s">
        <v>7738</v>
      </c>
      <c r="B12446" t="s">
        <v>7739</v>
      </c>
      <c r="C12446" t="s">
        <v>7736</v>
      </c>
      <c r="D12446" t="s">
        <v>7737</v>
      </c>
      <c r="E12446" t="s">
        <v>7646</v>
      </c>
      <c r="F12446" t="s">
        <v>7647</v>
      </c>
      <c r="G12446" t="s">
        <v>80</v>
      </c>
      <c r="H12446" t="s">
        <v>81</v>
      </c>
      <c r="I12446" s="2">
        <v>0</v>
      </c>
      <c r="J12446" s="2">
        <v>1</v>
      </c>
      <c r="K12446" s="2">
        <v>0</v>
      </c>
      <c r="L12446" t="s">
        <v>82</v>
      </c>
      <c r="M12446" t="s">
        <v>83</v>
      </c>
      <c r="N12446" t="s">
        <v>84</v>
      </c>
      <c r="O12446" t="s">
        <v>85</v>
      </c>
      <c r="P12446" t="s">
        <v>86</v>
      </c>
      <c r="Q12446">
        <v>12</v>
      </c>
      <c r="R12446">
        <v>12</v>
      </c>
      <c r="S12446">
        <v>12</v>
      </c>
      <c r="T12446">
        <v>12</v>
      </c>
      <c r="U12446">
        <v>12</v>
      </c>
      <c r="V12446">
        <v>13</v>
      </c>
      <c r="W12446">
        <v>13</v>
      </c>
      <c r="X12446">
        <v>13</v>
      </c>
      <c r="Y12446">
        <v>13</v>
      </c>
      <c r="Z12446">
        <v>14</v>
      </c>
      <c r="AA12446">
        <v>14</v>
      </c>
      <c r="AB12446">
        <v>14</v>
      </c>
      <c r="AC12446">
        <v>14</v>
      </c>
      <c r="AD12446">
        <v>14</v>
      </c>
      <c r="AE12446">
        <v>15</v>
      </c>
      <c r="AF12446">
        <v>15</v>
      </c>
      <c r="AG12446">
        <v>15</v>
      </c>
      <c r="AH12446">
        <v>15</v>
      </c>
      <c r="AI12446">
        <v>16</v>
      </c>
      <c r="AJ12446">
        <v>16</v>
      </c>
      <c r="AK12446">
        <v>16</v>
      </c>
      <c r="AL12446">
        <v>16</v>
      </c>
      <c r="AM12446">
        <v>16</v>
      </c>
      <c r="AN12446">
        <v>16</v>
      </c>
      <c r="AO12446">
        <v>16</v>
      </c>
      <c r="AP12446">
        <v>16</v>
      </c>
      <c r="AQ12446">
        <v>16</v>
      </c>
    </row>
    <row r="12447" spans="1:43">
      <c r="A12447" t="s">
        <v>7738</v>
      </c>
      <c r="B12447" t="s">
        <v>7739</v>
      </c>
      <c r="C12447" t="s">
        <v>7736</v>
      </c>
      <c r="D12447" t="s">
        <v>7737</v>
      </c>
      <c r="E12447" t="s">
        <v>7646</v>
      </c>
      <c r="F12447" t="s">
        <v>7647</v>
      </c>
      <c r="G12447" t="s">
        <v>80</v>
      </c>
      <c r="H12447" t="s">
        <v>81</v>
      </c>
      <c r="I12447" s="2">
        <v>0</v>
      </c>
      <c r="J12447" s="2">
        <v>1</v>
      </c>
      <c r="K12447" s="2">
        <v>0</v>
      </c>
      <c r="L12447" t="s">
        <v>82</v>
      </c>
      <c r="M12447" t="s">
        <v>87</v>
      </c>
      <c r="N12447" t="s">
        <v>88</v>
      </c>
      <c r="O12447" t="s">
        <v>85</v>
      </c>
      <c r="P12447" t="s">
        <v>86</v>
      </c>
      <c r="Q12447">
        <v>12</v>
      </c>
      <c r="R12447">
        <v>13</v>
      </c>
      <c r="S12447">
        <v>13</v>
      </c>
      <c r="T12447">
        <v>13</v>
      </c>
      <c r="U12447">
        <v>13</v>
      </c>
      <c r="V12447">
        <v>13</v>
      </c>
      <c r="W12447">
        <v>13</v>
      </c>
      <c r="X12447">
        <v>13</v>
      </c>
      <c r="Y12447">
        <v>13</v>
      </c>
      <c r="Z12447">
        <v>13</v>
      </c>
      <c r="AA12447">
        <v>14</v>
      </c>
      <c r="AB12447">
        <v>14</v>
      </c>
      <c r="AC12447">
        <v>14</v>
      </c>
      <c r="AD12447">
        <v>14</v>
      </c>
      <c r="AE12447">
        <v>14</v>
      </c>
      <c r="AF12447">
        <v>14</v>
      </c>
      <c r="AG12447">
        <v>14</v>
      </c>
      <c r="AH12447">
        <v>14</v>
      </c>
      <c r="AI12447">
        <v>14</v>
      </c>
      <c r="AJ12447">
        <v>15</v>
      </c>
      <c r="AK12447">
        <v>15</v>
      </c>
      <c r="AL12447">
        <v>15</v>
      </c>
      <c r="AM12447">
        <v>15</v>
      </c>
      <c r="AN12447">
        <v>15</v>
      </c>
      <c r="AO12447">
        <v>15</v>
      </c>
      <c r="AP12447">
        <v>15</v>
      </c>
      <c r="AQ12447">
        <v>15</v>
      </c>
    </row>
    <row r="12448" spans="1:43">
      <c r="A12448" t="s">
        <v>7738</v>
      </c>
      <c r="B12448" t="s">
        <v>7739</v>
      </c>
      <c r="C12448" t="s">
        <v>7736</v>
      </c>
      <c r="D12448" t="s">
        <v>7737</v>
      </c>
      <c r="E12448" t="s">
        <v>7646</v>
      </c>
      <c r="F12448" t="s">
        <v>7647</v>
      </c>
      <c r="G12448" t="s">
        <v>80</v>
      </c>
      <c r="H12448" t="s">
        <v>81</v>
      </c>
      <c r="I12448" s="2">
        <v>0</v>
      </c>
      <c r="J12448" s="2">
        <v>1</v>
      </c>
      <c r="K12448" s="2">
        <v>0</v>
      </c>
      <c r="L12448" t="s">
        <v>82</v>
      </c>
      <c r="M12448" t="s">
        <v>89</v>
      </c>
      <c r="N12448" t="s">
        <v>90</v>
      </c>
      <c r="O12448" t="s">
        <v>85</v>
      </c>
      <c r="P12448" t="s">
        <v>86</v>
      </c>
      <c r="Q12448">
        <v>12</v>
      </c>
      <c r="R12448">
        <v>12</v>
      </c>
      <c r="S12448">
        <v>12</v>
      </c>
      <c r="T12448">
        <v>13</v>
      </c>
      <c r="U12448">
        <v>13</v>
      </c>
      <c r="V12448">
        <v>13</v>
      </c>
      <c r="W12448">
        <v>14</v>
      </c>
      <c r="X12448">
        <v>14</v>
      </c>
      <c r="Y12448">
        <v>14</v>
      </c>
      <c r="Z12448">
        <v>14</v>
      </c>
      <c r="AA12448">
        <v>15</v>
      </c>
      <c r="AB12448">
        <v>15</v>
      </c>
      <c r="AC12448">
        <v>15</v>
      </c>
      <c r="AD12448">
        <v>16</v>
      </c>
      <c r="AE12448">
        <v>16</v>
      </c>
      <c r="AF12448">
        <v>16</v>
      </c>
      <c r="AG12448">
        <v>16</v>
      </c>
      <c r="AH12448">
        <v>16</v>
      </c>
      <c r="AI12448">
        <v>16</v>
      </c>
      <c r="AJ12448">
        <v>16</v>
      </c>
      <c r="AK12448">
        <v>16</v>
      </c>
      <c r="AL12448">
        <v>16</v>
      </c>
      <c r="AM12448">
        <v>16</v>
      </c>
      <c r="AN12448">
        <v>16</v>
      </c>
      <c r="AO12448">
        <v>16</v>
      </c>
      <c r="AP12448">
        <v>16</v>
      </c>
      <c r="AQ12448">
        <v>17</v>
      </c>
    </row>
    <row r="12449" spans="1:43">
      <c r="A12449" t="s">
        <v>7738</v>
      </c>
      <c r="B12449" t="s">
        <v>7739</v>
      </c>
      <c r="C12449" t="s">
        <v>7736</v>
      </c>
      <c r="D12449" t="s">
        <v>7737</v>
      </c>
      <c r="E12449" t="s">
        <v>7646</v>
      </c>
      <c r="F12449" t="s">
        <v>7647</v>
      </c>
      <c r="G12449" t="s">
        <v>80</v>
      </c>
      <c r="H12449" t="s">
        <v>81</v>
      </c>
      <c r="I12449" s="2">
        <v>0</v>
      </c>
      <c r="J12449" s="2">
        <v>1</v>
      </c>
      <c r="K12449" s="2">
        <v>0</v>
      </c>
      <c r="L12449" t="s">
        <v>82</v>
      </c>
      <c r="M12449" t="s">
        <v>83</v>
      </c>
      <c r="N12449" t="s">
        <v>91</v>
      </c>
      <c r="O12449" t="s">
        <v>85</v>
      </c>
      <c r="P12449" t="s">
        <v>86</v>
      </c>
      <c r="Q12449">
        <v>12</v>
      </c>
      <c r="R12449">
        <v>12</v>
      </c>
      <c r="S12449">
        <v>12</v>
      </c>
      <c r="T12449">
        <v>12</v>
      </c>
      <c r="U12449">
        <v>12</v>
      </c>
      <c r="V12449">
        <v>13</v>
      </c>
      <c r="W12449">
        <v>13</v>
      </c>
      <c r="X12449">
        <v>13</v>
      </c>
      <c r="Y12449">
        <v>13</v>
      </c>
      <c r="Z12449">
        <v>14</v>
      </c>
      <c r="AA12449">
        <v>14</v>
      </c>
      <c r="AB12449">
        <v>14</v>
      </c>
      <c r="AC12449">
        <v>14</v>
      </c>
      <c r="AD12449">
        <v>14</v>
      </c>
      <c r="AE12449">
        <v>15</v>
      </c>
      <c r="AF12449">
        <v>15</v>
      </c>
      <c r="AG12449">
        <v>15</v>
      </c>
      <c r="AH12449">
        <v>15</v>
      </c>
      <c r="AI12449">
        <v>16</v>
      </c>
      <c r="AJ12449">
        <v>16</v>
      </c>
      <c r="AK12449">
        <v>16</v>
      </c>
      <c r="AL12449">
        <v>16</v>
      </c>
      <c r="AM12449">
        <v>16</v>
      </c>
      <c r="AN12449">
        <v>16</v>
      </c>
      <c r="AO12449">
        <v>16</v>
      </c>
      <c r="AP12449">
        <v>16</v>
      </c>
      <c r="AQ12449">
        <v>16</v>
      </c>
    </row>
    <row r="12450" spans="1:43">
      <c r="A12450" t="s">
        <v>7740</v>
      </c>
      <c r="B12450" t="s">
        <v>7741</v>
      </c>
      <c r="C12450" t="s">
        <v>7736</v>
      </c>
      <c r="D12450" t="s">
        <v>7737</v>
      </c>
      <c r="E12450" t="s">
        <v>7646</v>
      </c>
      <c r="F12450" t="s">
        <v>7647</v>
      </c>
      <c r="G12450" t="s">
        <v>80</v>
      </c>
      <c r="H12450" t="s">
        <v>81</v>
      </c>
      <c r="I12450" s="2">
        <v>0</v>
      </c>
      <c r="J12450" s="2">
        <v>1</v>
      </c>
      <c r="K12450" s="2">
        <v>0</v>
      </c>
      <c r="L12450" t="s">
        <v>82</v>
      </c>
      <c r="M12450" t="s">
        <v>83</v>
      </c>
      <c r="N12450" t="s">
        <v>84</v>
      </c>
      <c r="O12450" t="s">
        <v>85</v>
      </c>
      <c r="P12450" t="s">
        <v>86</v>
      </c>
      <c r="Q12450">
        <v>51</v>
      </c>
      <c r="R12450">
        <v>52</v>
      </c>
      <c r="S12450">
        <v>53</v>
      </c>
      <c r="T12450">
        <v>54</v>
      </c>
      <c r="U12450">
        <v>55</v>
      </c>
      <c r="V12450">
        <v>56</v>
      </c>
      <c r="W12450">
        <v>57</v>
      </c>
      <c r="X12450">
        <v>58</v>
      </c>
      <c r="Y12450">
        <v>59</v>
      </c>
      <c r="Z12450">
        <v>60</v>
      </c>
      <c r="AA12450">
        <v>61</v>
      </c>
      <c r="AB12450">
        <v>62</v>
      </c>
      <c r="AC12450">
        <v>63</v>
      </c>
      <c r="AD12450">
        <v>63</v>
      </c>
      <c r="AE12450">
        <v>64</v>
      </c>
      <c r="AF12450">
        <v>65</v>
      </c>
      <c r="AG12450">
        <v>66</v>
      </c>
      <c r="AH12450">
        <v>67</v>
      </c>
      <c r="AI12450">
        <v>68</v>
      </c>
      <c r="AJ12450">
        <v>69</v>
      </c>
      <c r="AK12450">
        <v>70</v>
      </c>
      <c r="AL12450">
        <v>71</v>
      </c>
      <c r="AM12450">
        <v>71</v>
      </c>
      <c r="AN12450">
        <v>71</v>
      </c>
      <c r="AO12450">
        <v>72</v>
      </c>
      <c r="AP12450">
        <v>72</v>
      </c>
      <c r="AQ12450">
        <v>72</v>
      </c>
    </row>
    <row r="12451" spans="1:43">
      <c r="A12451" t="s">
        <v>7740</v>
      </c>
      <c r="B12451" t="s">
        <v>7741</v>
      </c>
      <c r="C12451" t="s">
        <v>7736</v>
      </c>
      <c r="D12451" t="s">
        <v>7737</v>
      </c>
      <c r="E12451" t="s">
        <v>7646</v>
      </c>
      <c r="F12451" t="s">
        <v>7647</v>
      </c>
      <c r="G12451" t="s">
        <v>80</v>
      </c>
      <c r="H12451" t="s">
        <v>81</v>
      </c>
      <c r="I12451" s="2">
        <v>0</v>
      </c>
      <c r="J12451" s="2">
        <v>1</v>
      </c>
      <c r="K12451" s="2">
        <v>0</v>
      </c>
      <c r="L12451" t="s">
        <v>82</v>
      </c>
      <c r="M12451" t="s">
        <v>87</v>
      </c>
      <c r="N12451" t="s">
        <v>88</v>
      </c>
      <c r="O12451" t="s">
        <v>85</v>
      </c>
      <c r="P12451" t="s">
        <v>86</v>
      </c>
      <c r="Q12451">
        <v>51</v>
      </c>
      <c r="R12451">
        <v>52</v>
      </c>
      <c r="S12451">
        <v>52</v>
      </c>
      <c r="T12451">
        <v>53</v>
      </c>
      <c r="U12451">
        <v>53</v>
      </c>
      <c r="V12451">
        <v>54</v>
      </c>
      <c r="W12451">
        <v>54</v>
      </c>
      <c r="X12451">
        <v>55</v>
      </c>
      <c r="Y12451">
        <v>55</v>
      </c>
      <c r="Z12451">
        <v>56</v>
      </c>
      <c r="AA12451">
        <v>56</v>
      </c>
      <c r="AB12451">
        <v>57</v>
      </c>
      <c r="AC12451">
        <v>57</v>
      </c>
      <c r="AD12451">
        <v>58</v>
      </c>
      <c r="AE12451">
        <v>58</v>
      </c>
      <c r="AF12451">
        <v>59</v>
      </c>
      <c r="AG12451">
        <v>59</v>
      </c>
      <c r="AH12451">
        <v>59</v>
      </c>
      <c r="AI12451">
        <v>60</v>
      </c>
      <c r="AJ12451">
        <v>60</v>
      </c>
      <c r="AK12451">
        <v>61</v>
      </c>
      <c r="AL12451">
        <v>61</v>
      </c>
      <c r="AM12451">
        <v>62</v>
      </c>
      <c r="AN12451">
        <v>62</v>
      </c>
      <c r="AO12451">
        <v>63</v>
      </c>
      <c r="AP12451">
        <v>63</v>
      </c>
      <c r="AQ12451">
        <v>64</v>
      </c>
    </row>
    <row r="12452" spans="1:43">
      <c r="A12452" t="s">
        <v>7740</v>
      </c>
      <c r="B12452" t="s">
        <v>7741</v>
      </c>
      <c r="C12452" t="s">
        <v>7736</v>
      </c>
      <c r="D12452" t="s">
        <v>7737</v>
      </c>
      <c r="E12452" t="s">
        <v>7646</v>
      </c>
      <c r="F12452" t="s">
        <v>7647</v>
      </c>
      <c r="G12452" t="s">
        <v>80</v>
      </c>
      <c r="H12452" t="s">
        <v>81</v>
      </c>
      <c r="I12452" s="2">
        <v>0</v>
      </c>
      <c r="J12452" s="2">
        <v>1</v>
      </c>
      <c r="K12452" s="2">
        <v>0</v>
      </c>
      <c r="L12452" t="s">
        <v>82</v>
      </c>
      <c r="M12452" t="s">
        <v>89</v>
      </c>
      <c r="N12452" t="s">
        <v>90</v>
      </c>
      <c r="O12452" t="s">
        <v>85</v>
      </c>
      <c r="P12452" t="s">
        <v>86</v>
      </c>
      <c r="Q12452">
        <v>51</v>
      </c>
      <c r="R12452">
        <v>53</v>
      </c>
      <c r="S12452">
        <v>54</v>
      </c>
      <c r="T12452">
        <v>56</v>
      </c>
      <c r="U12452">
        <v>57</v>
      </c>
      <c r="V12452">
        <v>58</v>
      </c>
      <c r="W12452">
        <v>60</v>
      </c>
      <c r="X12452">
        <v>61</v>
      </c>
      <c r="Y12452">
        <v>62</v>
      </c>
      <c r="Z12452">
        <v>63</v>
      </c>
      <c r="AA12452">
        <v>65</v>
      </c>
      <c r="AB12452">
        <v>66</v>
      </c>
      <c r="AC12452">
        <v>67</v>
      </c>
      <c r="AD12452">
        <v>68</v>
      </c>
      <c r="AE12452">
        <v>69</v>
      </c>
      <c r="AF12452">
        <v>69</v>
      </c>
      <c r="AG12452">
        <v>70</v>
      </c>
      <c r="AH12452">
        <v>70</v>
      </c>
      <c r="AI12452">
        <v>70</v>
      </c>
      <c r="AJ12452">
        <v>71</v>
      </c>
      <c r="AK12452">
        <v>71</v>
      </c>
      <c r="AL12452">
        <v>71</v>
      </c>
      <c r="AM12452">
        <v>72</v>
      </c>
      <c r="AN12452">
        <v>72</v>
      </c>
      <c r="AO12452">
        <v>72</v>
      </c>
      <c r="AP12452">
        <v>72</v>
      </c>
      <c r="AQ12452">
        <v>73</v>
      </c>
    </row>
    <row r="12453" spans="1:43">
      <c r="A12453" t="s">
        <v>7740</v>
      </c>
      <c r="B12453" t="s">
        <v>7741</v>
      </c>
      <c r="C12453" t="s">
        <v>7736</v>
      </c>
      <c r="D12453" t="s">
        <v>7737</v>
      </c>
      <c r="E12453" t="s">
        <v>7646</v>
      </c>
      <c r="F12453" t="s">
        <v>7647</v>
      </c>
      <c r="G12453" t="s">
        <v>80</v>
      </c>
      <c r="H12453" t="s">
        <v>81</v>
      </c>
      <c r="I12453" s="2">
        <v>0</v>
      </c>
      <c r="J12453" s="2">
        <v>1</v>
      </c>
      <c r="K12453" s="2">
        <v>0</v>
      </c>
      <c r="L12453" t="s">
        <v>82</v>
      </c>
      <c r="M12453" t="s">
        <v>83</v>
      </c>
      <c r="N12453" t="s">
        <v>91</v>
      </c>
      <c r="O12453" t="s">
        <v>85</v>
      </c>
      <c r="P12453" t="s">
        <v>86</v>
      </c>
      <c r="Q12453">
        <v>51</v>
      </c>
      <c r="R12453">
        <v>52</v>
      </c>
      <c r="S12453">
        <v>53</v>
      </c>
      <c r="T12453">
        <v>54</v>
      </c>
      <c r="U12453">
        <v>55</v>
      </c>
      <c r="V12453">
        <v>56</v>
      </c>
      <c r="W12453">
        <v>57</v>
      </c>
      <c r="X12453">
        <v>58</v>
      </c>
      <c r="Y12453">
        <v>59</v>
      </c>
      <c r="Z12453">
        <v>60</v>
      </c>
      <c r="AA12453">
        <v>61</v>
      </c>
      <c r="AB12453">
        <v>62</v>
      </c>
      <c r="AC12453">
        <v>63</v>
      </c>
      <c r="AD12453">
        <v>63</v>
      </c>
      <c r="AE12453">
        <v>64</v>
      </c>
      <c r="AF12453">
        <v>65</v>
      </c>
      <c r="AG12453">
        <v>66</v>
      </c>
      <c r="AH12453">
        <v>67</v>
      </c>
      <c r="AI12453">
        <v>68</v>
      </c>
      <c r="AJ12453">
        <v>69</v>
      </c>
      <c r="AK12453">
        <v>70</v>
      </c>
      <c r="AL12453">
        <v>71</v>
      </c>
      <c r="AM12453">
        <v>71</v>
      </c>
      <c r="AN12453">
        <v>71</v>
      </c>
      <c r="AO12453">
        <v>72</v>
      </c>
      <c r="AP12453">
        <v>72</v>
      </c>
      <c r="AQ12453">
        <v>72</v>
      </c>
    </row>
    <row r="12454" spans="1:43">
      <c r="A12454" t="s">
        <v>7742</v>
      </c>
      <c r="B12454" t="s">
        <v>7743</v>
      </c>
      <c r="C12454" t="s">
        <v>7736</v>
      </c>
      <c r="D12454" t="s">
        <v>7737</v>
      </c>
      <c r="E12454" t="s">
        <v>7646</v>
      </c>
      <c r="F12454" t="s">
        <v>7647</v>
      </c>
      <c r="G12454" t="s">
        <v>80</v>
      </c>
      <c r="H12454" t="s">
        <v>81</v>
      </c>
      <c r="I12454" s="2">
        <v>0</v>
      </c>
      <c r="J12454" s="2">
        <v>1</v>
      </c>
      <c r="K12454" s="2">
        <v>0</v>
      </c>
      <c r="L12454" t="s">
        <v>82</v>
      </c>
      <c r="M12454" t="s">
        <v>83</v>
      </c>
      <c r="N12454" t="s">
        <v>84</v>
      </c>
      <c r="O12454" t="s">
        <v>85</v>
      </c>
      <c r="P12454" t="s">
        <v>86</v>
      </c>
      <c r="Q12454">
        <v>9</v>
      </c>
      <c r="R12454">
        <v>10</v>
      </c>
      <c r="S12454">
        <v>10</v>
      </c>
      <c r="T12454">
        <v>10</v>
      </c>
      <c r="U12454">
        <v>10</v>
      </c>
      <c r="V12454">
        <v>10</v>
      </c>
      <c r="W12454">
        <v>10</v>
      </c>
      <c r="X12454">
        <v>11</v>
      </c>
      <c r="Y12454">
        <v>11</v>
      </c>
      <c r="Z12454">
        <v>11</v>
      </c>
      <c r="AA12454">
        <v>11</v>
      </c>
      <c r="AB12454">
        <v>11</v>
      </c>
      <c r="AC12454">
        <v>11</v>
      </c>
      <c r="AD12454">
        <v>12</v>
      </c>
      <c r="AE12454">
        <v>12</v>
      </c>
      <c r="AF12454">
        <v>12</v>
      </c>
      <c r="AG12454">
        <v>12</v>
      </c>
      <c r="AH12454">
        <v>12</v>
      </c>
      <c r="AI12454">
        <v>13</v>
      </c>
      <c r="AJ12454">
        <v>13</v>
      </c>
      <c r="AK12454">
        <v>13</v>
      </c>
      <c r="AL12454">
        <v>13</v>
      </c>
      <c r="AM12454">
        <v>13</v>
      </c>
      <c r="AN12454">
        <v>13</v>
      </c>
      <c r="AO12454">
        <v>13</v>
      </c>
      <c r="AP12454">
        <v>13</v>
      </c>
      <c r="AQ12454">
        <v>13</v>
      </c>
    </row>
    <row r="12455" spans="1:43">
      <c r="A12455" t="s">
        <v>7742</v>
      </c>
      <c r="B12455" t="s">
        <v>7743</v>
      </c>
      <c r="C12455" t="s">
        <v>7736</v>
      </c>
      <c r="D12455" t="s">
        <v>7737</v>
      </c>
      <c r="E12455" t="s">
        <v>7646</v>
      </c>
      <c r="F12455" t="s">
        <v>7647</v>
      </c>
      <c r="G12455" t="s">
        <v>80</v>
      </c>
      <c r="H12455" t="s">
        <v>81</v>
      </c>
      <c r="I12455" s="2">
        <v>0</v>
      </c>
      <c r="J12455" s="2">
        <v>1</v>
      </c>
      <c r="K12455" s="2">
        <v>0</v>
      </c>
      <c r="L12455" t="s">
        <v>82</v>
      </c>
      <c r="M12455" t="s">
        <v>87</v>
      </c>
      <c r="N12455" t="s">
        <v>88</v>
      </c>
      <c r="O12455" t="s">
        <v>85</v>
      </c>
      <c r="P12455" t="s">
        <v>86</v>
      </c>
      <c r="Q12455">
        <v>9</v>
      </c>
      <c r="R12455">
        <v>9</v>
      </c>
      <c r="S12455">
        <v>9</v>
      </c>
      <c r="T12455">
        <v>10</v>
      </c>
      <c r="U12455">
        <v>10</v>
      </c>
      <c r="V12455">
        <v>10</v>
      </c>
      <c r="W12455">
        <v>10</v>
      </c>
      <c r="X12455">
        <v>10</v>
      </c>
      <c r="Y12455">
        <v>10</v>
      </c>
      <c r="Z12455">
        <v>10</v>
      </c>
      <c r="AA12455">
        <v>10</v>
      </c>
      <c r="AB12455">
        <v>10</v>
      </c>
      <c r="AC12455">
        <v>10</v>
      </c>
      <c r="AD12455">
        <v>10</v>
      </c>
      <c r="AE12455">
        <v>10</v>
      </c>
      <c r="AF12455">
        <v>11</v>
      </c>
      <c r="AG12455">
        <v>11</v>
      </c>
      <c r="AH12455">
        <v>11</v>
      </c>
      <c r="AI12455">
        <v>11</v>
      </c>
      <c r="AJ12455">
        <v>11</v>
      </c>
      <c r="AK12455">
        <v>11</v>
      </c>
      <c r="AL12455">
        <v>11</v>
      </c>
      <c r="AM12455">
        <v>11</v>
      </c>
      <c r="AN12455">
        <v>11</v>
      </c>
      <c r="AO12455">
        <v>11</v>
      </c>
      <c r="AP12455">
        <v>11</v>
      </c>
      <c r="AQ12455">
        <v>12</v>
      </c>
    </row>
    <row r="12456" spans="1:43">
      <c r="A12456" t="s">
        <v>7742</v>
      </c>
      <c r="B12456" t="s">
        <v>7743</v>
      </c>
      <c r="C12456" t="s">
        <v>7736</v>
      </c>
      <c r="D12456" t="s">
        <v>7737</v>
      </c>
      <c r="E12456" t="s">
        <v>7646</v>
      </c>
      <c r="F12456" t="s">
        <v>7647</v>
      </c>
      <c r="G12456" t="s">
        <v>80</v>
      </c>
      <c r="H12456" t="s">
        <v>81</v>
      </c>
      <c r="I12456" s="2">
        <v>0</v>
      </c>
      <c r="J12456" s="2">
        <v>1</v>
      </c>
      <c r="K12456" s="2">
        <v>0</v>
      </c>
      <c r="L12456" t="s">
        <v>82</v>
      </c>
      <c r="M12456" t="s">
        <v>89</v>
      </c>
      <c r="N12456" t="s">
        <v>90</v>
      </c>
      <c r="O12456" t="s">
        <v>85</v>
      </c>
      <c r="P12456" t="s">
        <v>86</v>
      </c>
      <c r="Q12456">
        <v>9</v>
      </c>
      <c r="R12456">
        <v>10</v>
      </c>
      <c r="S12456">
        <v>10</v>
      </c>
      <c r="T12456">
        <v>10</v>
      </c>
      <c r="U12456">
        <v>10</v>
      </c>
      <c r="V12456">
        <v>11</v>
      </c>
      <c r="W12456">
        <v>11</v>
      </c>
      <c r="X12456">
        <v>11</v>
      </c>
      <c r="Y12456">
        <v>11</v>
      </c>
      <c r="Z12456">
        <v>12</v>
      </c>
      <c r="AA12456">
        <v>12</v>
      </c>
      <c r="AB12456">
        <v>12</v>
      </c>
      <c r="AC12456">
        <v>12</v>
      </c>
      <c r="AD12456">
        <v>13</v>
      </c>
      <c r="AE12456">
        <v>13</v>
      </c>
      <c r="AF12456">
        <v>13</v>
      </c>
      <c r="AG12456">
        <v>13</v>
      </c>
      <c r="AH12456">
        <v>13</v>
      </c>
      <c r="AI12456">
        <v>13</v>
      </c>
      <c r="AJ12456">
        <v>13</v>
      </c>
      <c r="AK12456">
        <v>13</v>
      </c>
      <c r="AL12456">
        <v>13</v>
      </c>
      <c r="AM12456">
        <v>13</v>
      </c>
      <c r="AN12456">
        <v>13</v>
      </c>
      <c r="AO12456">
        <v>13</v>
      </c>
      <c r="AP12456">
        <v>13</v>
      </c>
      <c r="AQ12456">
        <v>13</v>
      </c>
    </row>
    <row r="12457" spans="1:43">
      <c r="A12457" t="s">
        <v>7742</v>
      </c>
      <c r="B12457" t="s">
        <v>7743</v>
      </c>
      <c r="C12457" t="s">
        <v>7736</v>
      </c>
      <c r="D12457" t="s">
        <v>7737</v>
      </c>
      <c r="E12457" t="s">
        <v>7646</v>
      </c>
      <c r="F12457" t="s">
        <v>7647</v>
      </c>
      <c r="G12457" t="s">
        <v>80</v>
      </c>
      <c r="H12457" t="s">
        <v>81</v>
      </c>
      <c r="I12457" s="2">
        <v>0</v>
      </c>
      <c r="J12457" s="2">
        <v>1</v>
      </c>
      <c r="K12457" s="2">
        <v>0</v>
      </c>
      <c r="L12457" t="s">
        <v>82</v>
      </c>
      <c r="M12457" t="s">
        <v>83</v>
      </c>
      <c r="N12457" t="s">
        <v>91</v>
      </c>
      <c r="O12457" t="s">
        <v>85</v>
      </c>
      <c r="P12457" t="s">
        <v>86</v>
      </c>
      <c r="Q12457">
        <v>9</v>
      </c>
      <c r="R12457">
        <v>10</v>
      </c>
      <c r="S12457">
        <v>10</v>
      </c>
      <c r="T12457">
        <v>10</v>
      </c>
      <c r="U12457">
        <v>10</v>
      </c>
      <c r="V12457">
        <v>10</v>
      </c>
      <c r="W12457">
        <v>10</v>
      </c>
      <c r="X12457">
        <v>11</v>
      </c>
      <c r="Y12457">
        <v>11</v>
      </c>
      <c r="Z12457">
        <v>11</v>
      </c>
      <c r="AA12457">
        <v>11</v>
      </c>
      <c r="AB12457">
        <v>11</v>
      </c>
      <c r="AC12457">
        <v>11</v>
      </c>
      <c r="AD12457">
        <v>12</v>
      </c>
      <c r="AE12457">
        <v>12</v>
      </c>
      <c r="AF12457">
        <v>12</v>
      </c>
      <c r="AG12457">
        <v>12</v>
      </c>
      <c r="AH12457">
        <v>12</v>
      </c>
      <c r="AI12457">
        <v>13</v>
      </c>
      <c r="AJ12457">
        <v>13</v>
      </c>
      <c r="AK12457">
        <v>13</v>
      </c>
      <c r="AL12457">
        <v>13</v>
      </c>
      <c r="AM12457">
        <v>13</v>
      </c>
      <c r="AN12457">
        <v>13</v>
      </c>
      <c r="AO12457">
        <v>13</v>
      </c>
      <c r="AP12457">
        <v>13</v>
      </c>
      <c r="AQ12457">
        <v>13</v>
      </c>
    </row>
    <row r="12458" spans="1:43">
      <c r="A12458" t="s">
        <v>7744</v>
      </c>
      <c r="B12458" t="s">
        <v>7745</v>
      </c>
      <c r="C12458" t="s">
        <v>7736</v>
      </c>
      <c r="D12458" t="s">
        <v>7737</v>
      </c>
      <c r="E12458" t="s">
        <v>7646</v>
      </c>
      <c r="F12458" t="s">
        <v>7647</v>
      </c>
      <c r="G12458" t="s">
        <v>80</v>
      </c>
      <c r="H12458" t="s">
        <v>81</v>
      </c>
      <c r="I12458" s="2">
        <v>0</v>
      </c>
      <c r="J12458" s="2">
        <v>1</v>
      </c>
      <c r="K12458" s="2">
        <v>0</v>
      </c>
      <c r="L12458" t="s">
        <v>82</v>
      </c>
      <c r="M12458" t="s">
        <v>83</v>
      </c>
      <c r="N12458" t="s">
        <v>84</v>
      </c>
      <c r="O12458" t="s">
        <v>85</v>
      </c>
      <c r="P12458" t="s">
        <v>86</v>
      </c>
      <c r="Q12458">
        <v>19</v>
      </c>
      <c r="R12458">
        <v>20</v>
      </c>
      <c r="S12458">
        <v>20</v>
      </c>
      <c r="T12458">
        <v>20</v>
      </c>
      <c r="U12458">
        <v>21</v>
      </c>
      <c r="V12458">
        <v>21</v>
      </c>
      <c r="W12458">
        <v>22</v>
      </c>
      <c r="X12458">
        <v>22</v>
      </c>
      <c r="Y12458">
        <v>22</v>
      </c>
      <c r="Z12458">
        <v>23</v>
      </c>
      <c r="AA12458">
        <v>23</v>
      </c>
      <c r="AB12458">
        <v>23</v>
      </c>
      <c r="AC12458">
        <v>24</v>
      </c>
      <c r="AD12458">
        <v>24</v>
      </c>
      <c r="AE12458">
        <v>25</v>
      </c>
      <c r="AF12458">
        <v>25</v>
      </c>
      <c r="AG12458">
        <v>25</v>
      </c>
      <c r="AH12458">
        <v>26</v>
      </c>
      <c r="AI12458">
        <v>26</v>
      </c>
      <c r="AJ12458">
        <v>26</v>
      </c>
      <c r="AK12458">
        <v>27</v>
      </c>
      <c r="AL12458">
        <v>27</v>
      </c>
      <c r="AM12458">
        <v>27</v>
      </c>
      <c r="AN12458">
        <v>27</v>
      </c>
      <c r="AO12458">
        <v>27</v>
      </c>
      <c r="AP12458">
        <v>27</v>
      </c>
      <c r="AQ12458">
        <v>28</v>
      </c>
    </row>
    <row r="12459" spans="1:43">
      <c r="A12459" t="s">
        <v>7744</v>
      </c>
      <c r="B12459" t="s">
        <v>7745</v>
      </c>
      <c r="C12459" t="s">
        <v>7736</v>
      </c>
      <c r="D12459" t="s">
        <v>7737</v>
      </c>
      <c r="E12459" t="s">
        <v>7646</v>
      </c>
      <c r="F12459" t="s">
        <v>7647</v>
      </c>
      <c r="G12459" t="s">
        <v>80</v>
      </c>
      <c r="H12459" t="s">
        <v>81</v>
      </c>
      <c r="I12459" s="2">
        <v>0</v>
      </c>
      <c r="J12459" s="2">
        <v>1</v>
      </c>
      <c r="K12459" s="2">
        <v>0</v>
      </c>
      <c r="L12459" t="s">
        <v>82</v>
      </c>
      <c r="M12459" t="s">
        <v>87</v>
      </c>
      <c r="N12459" t="s">
        <v>88</v>
      </c>
      <c r="O12459" t="s">
        <v>85</v>
      </c>
      <c r="P12459" t="s">
        <v>86</v>
      </c>
      <c r="Q12459">
        <v>19</v>
      </c>
      <c r="R12459">
        <v>19</v>
      </c>
      <c r="S12459">
        <v>20</v>
      </c>
      <c r="T12459">
        <v>20</v>
      </c>
      <c r="U12459">
        <v>20</v>
      </c>
      <c r="V12459">
        <v>20</v>
      </c>
      <c r="W12459">
        <v>20</v>
      </c>
      <c r="X12459">
        <v>20</v>
      </c>
      <c r="Y12459">
        <v>21</v>
      </c>
      <c r="Z12459">
        <v>21</v>
      </c>
      <c r="AA12459">
        <v>21</v>
      </c>
      <c r="AB12459">
        <v>21</v>
      </c>
      <c r="AC12459">
        <v>21</v>
      </c>
      <c r="AD12459">
        <v>22</v>
      </c>
      <c r="AE12459">
        <v>22</v>
      </c>
      <c r="AF12459">
        <v>22</v>
      </c>
      <c r="AG12459">
        <v>22</v>
      </c>
      <c r="AH12459">
        <v>22</v>
      </c>
      <c r="AI12459">
        <v>23</v>
      </c>
      <c r="AJ12459">
        <v>23</v>
      </c>
      <c r="AK12459">
        <v>23</v>
      </c>
      <c r="AL12459">
        <v>23</v>
      </c>
      <c r="AM12459">
        <v>23</v>
      </c>
      <c r="AN12459">
        <v>23</v>
      </c>
      <c r="AO12459">
        <v>24</v>
      </c>
      <c r="AP12459">
        <v>24</v>
      </c>
      <c r="AQ12459">
        <v>24</v>
      </c>
    </row>
    <row r="12460" spans="1:43">
      <c r="A12460" t="s">
        <v>7744</v>
      </c>
      <c r="B12460" t="s">
        <v>7745</v>
      </c>
      <c r="C12460" t="s">
        <v>7736</v>
      </c>
      <c r="D12460" t="s">
        <v>7737</v>
      </c>
      <c r="E12460" t="s">
        <v>7646</v>
      </c>
      <c r="F12460" t="s">
        <v>7647</v>
      </c>
      <c r="G12460" t="s">
        <v>80</v>
      </c>
      <c r="H12460" t="s">
        <v>81</v>
      </c>
      <c r="I12460" s="2">
        <v>0</v>
      </c>
      <c r="J12460" s="2">
        <v>1</v>
      </c>
      <c r="K12460" s="2">
        <v>0</v>
      </c>
      <c r="L12460" t="s">
        <v>82</v>
      </c>
      <c r="M12460" t="s">
        <v>89</v>
      </c>
      <c r="N12460" t="s">
        <v>90</v>
      </c>
      <c r="O12460" t="s">
        <v>85</v>
      </c>
      <c r="P12460" t="s">
        <v>86</v>
      </c>
      <c r="Q12460">
        <v>19</v>
      </c>
      <c r="R12460">
        <v>19</v>
      </c>
      <c r="S12460">
        <v>20</v>
      </c>
      <c r="T12460">
        <v>20</v>
      </c>
      <c r="U12460">
        <v>21</v>
      </c>
      <c r="V12460">
        <v>21</v>
      </c>
      <c r="W12460">
        <v>22</v>
      </c>
      <c r="X12460">
        <v>22</v>
      </c>
      <c r="Y12460">
        <v>23</v>
      </c>
      <c r="Z12460">
        <v>23</v>
      </c>
      <c r="AA12460">
        <v>24</v>
      </c>
      <c r="AB12460">
        <v>24</v>
      </c>
      <c r="AC12460">
        <v>25</v>
      </c>
      <c r="AD12460">
        <v>25</v>
      </c>
      <c r="AE12460">
        <v>25</v>
      </c>
      <c r="AF12460">
        <v>25</v>
      </c>
      <c r="AG12460">
        <v>26</v>
      </c>
      <c r="AH12460">
        <v>26</v>
      </c>
      <c r="AI12460">
        <v>26</v>
      </c>
      <c r="AJ12460">
        <v>26</v>
      </c>
      <c r="AK12460">
        <v>26</v>
      </c>
      <c r="AL12460">
        <v>26</v>
      </c>
      <c r="AM12460">
        <v>26</v>
      </c>
      <c r="AN12460">
        <v>26</v>
      </c>
      <c r="AO12460">
        <v>26</v>
      </c>
      <c r="AP12460">
        <v>27</v>
      </c>
      <c r="AQ12460">
        <v>27</v>
      </c>
    </row>
    <row r="12461" spans="1:43">
      <c r="A12461" t="s">
        <v>7744</v>
      </c>
      <c r="B12461" t="s">
        <v>7745</v>
      </c>
      <c r="C12461" t="s">
        <v>7736</v>
      </c>
      <c r="D12461" t="s">
        <v>7737</v>
      </c>
      <c r="E12461" t="s">
        <v>7646</v>
      </c>
      <c r="F12461" t="s">
        <v>7647</v>
      </c>
      <c r="G12461" t="s">
        <v>80</v>
      </c>
      <c r="H12461" t="s">
        <v>81</v>
      </c>
      <c r="I12461" s="2">
        <v>0</v>
      </c>
      <c r="J12461" s="2">
        <v>1</v>
      </c>
      <c r="K12461" s="2">
        <v>0</v>
      </c>
      <c r="L12461" t="s">
        <v>82</v>
      </c>
      <c r="M12461" t="s">
        <v>83</v>
      </c>
      <c r="N12461" t="s">
        <v>91</v>
      </c>
      <c r="O12461" t="s">
        <v>85</v>
      </c>
      <c r="P12461" t="s">
        <v>86</v>
      </c>
      <c r="Q12461">
        <v>19</v>
      </c>
      <c r="R12461">
        <v>20</v>
      </c>
      <c r="S12461">
        <v>20</v>
      </c>
      <c r="T12461">
        <v>20</v>
      </c>
      <c r="U12461">
        <v>21</v>
      </c>
      <c r="V12461">
        <v>21</v>
      </c>
      <c r="W12461">
        <v>22</v>
      </c>
      <c r="X12461">
        <v>22</v>
      </c>
      <c r="Y12461">
        <v>22</v>
      </c>
      <c r="Z12461">
        <v>23</v>
      </c>
      <c r="AA12461">
        <v>23</v>
      </c>
      <c r="AB12461">
        <v>23</v>
      </c>
      <c r="AC12461">
        <v>24</v>
      </c>
      <c r="AD12461">
        <v>24</v>
      </c>
      <c r="AE12461">
        <v>25</v>
      </c>
      <c r="AF12461">
        <v>25</v>
      </c>
      <c r="AG12461">
        <v>25</v>
      </c>
      <c r="AH12461">
        <v>26</v>
      </c>
      <c r="AI12461">
        <v>26</v>
      </c>
      <c r="AJ12461">
        <v>26</v>
      </c>
      <c r="AK12461">
        <v>27</v>
      </c>
      <c r="AL12461">
        <v>27</v>
      </c>
      <c r="AM12461">
        <v>27</v>
      </c>
      <c r="AN12461">
        <v>27</v>
      </c>
      <c r="AO12461">
        <v>27</v>
      </c>
      <c r="AP12461">
        <v>27</v>
      </c>
      <c r="AQ12461">
        <v>28</v>
      </c>
    </row>
    <row r="12462" spans="1:43">
      <c r="A12462" t="s">
        <v>7746</v>
      </c>
      <c r="B12462" t="s">
        <v>7747</v>
      </c>
      <c r="C12462" t="s">
        <v>7736</v>
      </c>
      <c r="D12462" t="s">
        <v>7737</v>
      </c>
      <c r="E12462" t="s">
        <v>7646</v>
      </c>
      <c r="F12462" t="s">
        <v>7647</v>
      </c>
      <c r="G12462" t="s">
        <v>80</v>
      </c>
      <c r="H12462" t="s">
        <v>81</v>
      </c>
      <c r="I12462" s="2">
        <v>0</v>
      </c>
      <c r="J12462" s="2">
        <v>1</v>
      </c>
      <c r="K12462" s="2">
        <v>0</v>
      </c>
      <c r="L12462" t="s">
        <v>82</v>
      </c>
      <c r="M12462" t="s">
        <v>83</v>
      </c>
      <c r="N12462" t="s">
        <v>84</v>
      </c>
      <c r="O12462" t="s">
        <v>85</v>
      </c>
      <c r="P12462" t="s">
        <v>86</v>
      </c>
      <c r="Q12462">
        <v>20</v>
      </c>
      <c r="R12462">
        <v>20</v>
      </c>
      <c r="S12462">
        <v>20</v>
      </c>
      <c r="T12462">
        <v>20</v>
      </c>
      <c r="U12462">
        <v>21</v>
      </c>
      <c r="V12462">
        <v>21</v>
      </c>
      <c r="W12462">
        <v>21</v>
      </c>
      <c r="X12462">
        <v>21</v>
      </c>
      <c r="Y12462">
        <v>22</v>
      </c>
      <c r="Z12462">
        <v>22</v>
      </c>
      <c r="AA12462">
        <v>22</v>
      </c>
      <c r="AB12462">
        <v>22</v>
      </c>
      <c r="AC12462">
        <v>23</v>
      </c>
      <c r="AD12462">
        <v>23</v>
      </c>
      <c r="AE12462">
        <v>23</v>
      </c>
      <c r="AF12462">
        <v>23</v>
      </c>
      <c r="AG12462">
        <v>23</v>
      </c>
      <c r="AH12462">
        <v>24</v>
      </c>
      <c r="AI12462">
        <v>24</v>
      </c>
      <c r="AJ12462">
        <v>24</v>
      </c>
      <c r="AK12462">
        <v>24</v>
      </c>
      <c r="AL12462">
        <v>24</v>
      </c>
      <c r="AM12462">
        <v>24</v>
      </c>
      <c r="AN12462">
        <v>24</v>
      </c>
      <c r="AO12462">
        <v>24</v>
      </c>
      <c r="AP12462">
        <v>24</v>
      </c>
      <c r="AQ12462">
        <v>24</v>
      </c>
    </row>
    <row r="12463" spans="1:43">
      <c r="A12463" t="s">
        <v>7746</v>
      </c>
      <c r="B12463" t="s">
        <v>7747</v>
      </c>
      <c r="C12463" t="s">
        <v>7736</v>
      </c>
      <c r="D12463" t="s">
        <v>7737</v>
      </c>
      <c r="E12463" t="s">
        <v>7646</v>
      </c>
      <c r="F12463" t="s">
        <v>7647</v>
      </c>
      <c r="G12463" t="s">
        <v>80</v>
      </c>
      <c r="H12463" t="s">
        <v>81</v>
      </c>
      <c r="I12463" s="2">
        <v>0</v>
      </c>
      <c r="J12463" s="2">
        <v>1</v>
      </c>
      <c r="K12463" s="2">
        <v>0</v>
      </c>
      <c r="L12463" t="s">
        <v>82</v>
      </c>
      <c r="M12463" t="s">
        <v>87</v>
      </c>
      <c r="N12463" t="s">
        <v>88</v>
      </c>
      <c r="O12463" t="s">
        <v>85</v>
      </c>
      <c r="P12463" t="s">
        <v>86</v>
      </c>
      <c r="Q12463">
        <v>20</v>
      </c>
      <c r="R12463">
        <v>20</v>
      </c>
      <c r="S12463">
        <v>21</v>
      </c>
      <c r="T12463">
        <v>21</v>
      </c>
      <c r="U12463">
        <v>21</v>
      </c>
      <c r="V12463">
        <v>21</v>
      </c>
      <c r="W12463">
        <v>21</v>
      </c>
      <c r="X12463">
        <v>21</v>
      </c>
      <c r="Y12463">
        <v>21</v>
      </c>
      <c r="Z12463">
        <v>21</v>
      </c>
      <c r="AA12463">
        <v>21</v>
      </c>
      <c r="AB12463">
        <v>21</v>
      </c>
      <c r="AC12463">
        <v>21</v>
      </c>
      <c r="AD12463">
        <v>21</v>
      </c>
      <c r="AE12463">
        <v>21</v>
      </c>
      <c r="AF12463">
        <v>22</v>
      </c>
      <c r="AG12463">
        <v>22</v>
      </c>
      <c r="AH12463">
        <v>22</v>
      </c>
      <c r="AI12463">
        <v>22</v>
      </c>
      <c r="AJ12463">
        <v>22</v>
      </c>
      <c r="AK12463">
        <v>22</v>
      </c>
      <c r="AL12463">
        <v>22</v>
      </c>
      <c r="AM12463">
        <v>22</v>
      </c>
      <c r="AN12463">
        <v>22</v>
      </c>
      <c r="AO12463">
        <v>22</v>
      </c>
      <c r="AP12463">
        <v>22</v>
      </c>
      <c r="AQ12463">
        <v>22</v>
      </c>
    </row>
    <row r="12464" spans="1:43">
      <c r="A12464" t="s">
        <v>7746</v>
      </c>
      <c r="B12464" t="s">
        <v>7747</v>
      </c>
      <c r="C12464" t="s">
        <v>7736</v>
      </c>
      <c r="D12464" t="s">
        <v>7737</v>
      </c>
      <c r="E12464" t="s">
        <v>7646</v>
      </c>
      <c r="F12464" t="s">
        <v>7647</v>
      </c>
      <c r="G12464" t="s">
        <v>80</v>
      </c>
      <c r="H12464" t="s">
        <v>81</v>
      </c>
      <c r="I12464" s="2">
        <v>0</v>
      </c>
      <c r="J12464" s="2">
        <v>1</v>
      </c>
      <c r="K12464" s="2">
        <v>0</v>
      </c>
      <c r="L12464" t="s">
        <v>82</v>
      </c>
      <c r="M12464" t="s">
        <v>89</v>
      </c>
      <c r="N12464" t="s">
        <v>90</v>
      </c>
      <c r="O12464" t="s">
        <v>85</v>
      </c>
      <c r="P12464" t="s">
        <v>86</v>
      </c>
      <c r="Q12464">
        <v>20</v>
      </c>
      <c r="R12464">
        <v>20</v>
      </c>
      <c r="S12464">
        <v>21</v>
      </c>
      <c r="T12464">
        <v>21</v>
      </c>
      <c r="U12464">
        <v>21</v>
      </c>
      <c r="V12464">
        <v>22</v>
      </c>
      <c r="W12464">
        <v>22</v>
      </c>
      <c r="X12464">
        <v>23</v>
      </c>
      <c r="Y12464">
        <v>23</v>
      </c>
      <c r="Z12464">
        <v>23</v>
      </c>
      <c r="AA12464">
        <v>24</v>
      </c>
      <c r="AB12464">
        <v>24</v>
      </c>
      <c r="AC12464">
        <v>24</v>
      </c>
      <c r="AD12464">
        <v>24</v>
      </c>
      <c r="AE12464">
        <v>25</v>
      </c>
      <c r="AF12464">
        <v>25</v>
      </c>
      <c r="AG12464">
        <v>25</v>
      </c>
      <c r="AH12464">
        <v>25</v>
      </c>
      <c r="AI12464">
        <v>25</v>
      </c>
      <c r="AJ12464">
        <v>25</v>
      </c>
      <c r="AK12464">
        <v>25</v>
      </c>
      <c r="AL12464">
        <v>25</v>
      </c>
      <c r="AM12464">
        <v>25</v>
      </c>
      <c r="AN12464">
        <v>25</v>
      </c>
      <c r="AO12464">
        <v>25</v>
      </c>
      <c r="AP12464">
        <v>25</v>
      </c>
      <c r="AQ12464">
        <v>25</v>
      </c>
    </row>
    <row r="12465" spans="1:43">
      <c r="A12465" t="s">
        <v>7746</v>
      </c>
      <c r="B12465" t="s">
        <v>7747</v>
      </c>
      <c r="C12465" t="s">
        <v>7736</v>
      </c>
      <c r="D12465" t="s">
        <v>7737</v>
      </c>
      <c r="E12465" t="s">
        <v>7646</v>
      </c>
      <c r="F12465" t="s">
        <v>7647</v>
      </c>
      <c r="G12465" t="s">
        <v>80</v>
      </c>
      <c r="H12465" t="s">
        <v>81</v>
      </c>
      <c r="I12465" s="2">
        <v>0</v>
      </c>
      <c r="J12465" s="2">
        <v>1</v>
      </c>
      <c r="K12465" s="2">
        <v>0</v>
      </c>
      <c r="L12465" t="s">
        <v>82</v>
      </c>
      <c r="M12465" t="s">
        <v>83</v>
      </c>
      <c r="N12465" t="s">
        <v>91</v>
      </c>
      <c r="O12465" t="s">
        <v>85</v>
      </c>
      <c r="P12465" t="s">
        <v>86</v>
      </c>
      <c r="Q12465">
        <v>20</v>
      </c>
      <c r="R12465">
        <v>20</v>
      </c>
      <c r="S12465">
        <v>20</v>
      </c>
      <c r="T12465">
        <v>20</v>
      </c>
      <c r="U12465">
        <v>21</v>
      </c>
      <c r="V12465">
        <v>21</v>
      </c>
      <c r="W12465">
        <v>21</v>
      </c>
      <c r="X12465">
        <v>21</v>
      </c>
      <c r="Y12465">
        <v>22</v>
      </c>
      <c r="Z12465">
        <v>22</v>
      </c>
      <c r="AA12465">
        <v>22</v>
      </c>
      <c r="AB12465">
        <v>22</v>
      </c>
      <c r="AC12465">
        <v>23</v>
      </c>
      <c r="AD12465">
        <v>23</v>
      </c>
      <c r="AE12465">
        <v>23</v>
      </c>
      <c r="AF12465">
        <v>23</v>
      </c>
      <c r="AG12465">
        <v>23</v>
      </c>
      <c r="AH12465">
        <v>24</v>
      </c>
      <c r="AI12465">
        <v>24</v>
      </c>
      <c r="AJ12465">
        <v>24</v>
      </c>
      <c r="AK12465">
        <v>24</v>
      </c>
      <c r="AL12465">
        <v>24</v>
      </c>
      <c r="AM12465">
        <v>24</v>
      </c>
      <c r="AN12465">
        <v>24</v>
      </c>
      <c r="AO12465">
        <v>24</v>
      </c>
      <c r="AP12465">
        <v>24</v>
      </c>
      <c r="AQ12465">
        <v>24</v>
      </c>
    </row>
    <row r="12466" spans="1:43">
      <c r="A12466" t="s">
        <v>7748</v>
      </c>
      <c r="B12466" t="s">
        <v>7749</v>
      </c>
      <c r="C12466" t="s">
        <v>7736</v>
      </c>
      <c r="D12466" t="s">
        <v>7737</v>
      </c>
      <c r="E12466" t="s">
        <v>7646</v>
      </c>
      <c r="F12466" t="s">
        <v>7647</v>
      </c>
      <c r="G12466" t="s">
        <v>80</v>
      </c>
      <c r="H12466" t="s">
        <v>81</v>
      </c>
      <c r="I12466" s="2">
        <v>0</v>
      </c>
      <c r="J12466" s="2">
        <v>1</v>
      </c>
      <c r="K12466" s="2">
        <v>0</v>
      </c>
      <c r="L12466" t="s">
        <v>82</v>
      </c>
      <c r="M12466" t="s">
        <v>83</v>
      </c>
      <c r="N12466" t="s">
        <v>84</v>
      </c>
      <c r="O12466" t="s">
        <v>85</v>
      </c>
      <c r="P12466" t="s">
        <v>86</v>
      </c>
      <c r="Q12466">
        <v>44</v>
      </c>
      <c r="R12466">
        <v>45</v>
      </c>
      <c r="S12466">
        <v>46</v>
      </c>
      <c r="T12466">
        <v>47</v>
      </c>
      <c r="U12466">
        <v>47</v>
      </c>
      <c r="V12466">
        <v>48</v>
      </c>
      <c r="W12466">
        <v>49</v>
      </c>
      <c r="X12466">
        <v>50</v>
      </c>
      <c r="Y12466">
        <v>51</v>
      </c>
      <c r="Z12466">
        <v>52</v>
      </c>
      <c r="AA12466">
        <v>53</v>
      </c>
      <c r="AB12466">
        <v>53</v>
      </c>
      <c r="AC12466">
        <v>54</v>
      </c>
      <c r="AD12466">
        <v>55</v>
      </c>
      <c r="AE12466">
        <v>56</v>
      </c>
      <c r="AF12466">
        <v>57</v>
      </c>
      <c r="AG12466">
        <v>58</v>
      </c>
      <c r="AH12466">
        <v>58</v>
      </c>
      <c r="AI12466">
        <v>59</v>
      </c>
      <c r="AJ12466">
        <v>60</v>
      </c>
      <c r="AK12466">
        <v>61</v>
      </c>
      <c r="AL12466">
        <v>61</v>
      </c>
      <c r="AM12466">
        <v>62</v>
      </c>
      <c r="AN12466">
        <v>62</v>
      </c>
      <c r="AO12466">
        <v>62</v>
      </c>
      <c r="AP12466">
        <v>62</v>
      </c>
      <c r="AQ12466">
        <v>63</v>
      </c>
    </row>
    <row r="12467" spans="1:43">
      <c r="A12467" t="s">
        <v>7748</v>
      </c>
      <c r="B12467" t="s">
        <v>7749</v>
      </c>
      <c r="C12467" t="s">
        <v>7736</v>
      </c>
      <c r="D12467" t="s">
        <v>7737</v>
      </c>
      <c r="E12467" t="s">
        <v>7646</v>
      </c>
      <c r="F12467" t="s">
        <v>7647</v>
      </c>
      <c r="G12467" t="s">
        <v>80</v>
      </c>
      <c r="H12467" t="s">
        <v>81</v>
      </c>
      <c r="I12467" s="2">
        <v>0</v>
      </c>
      <c r="J12467" s="2">
        <v>1</v>
      </c>
      <c r="K12467" s="2">
        <v>0</v>
      </c>
      <c r="L12467" t="s">
        <v>82</v>
      </c>
      <c r="M12467" t="s">
        <v>87</v>
      </c>
      <c r="N12467" t="s">
        <v>88</v>
      </c>
      <c r="O12467" t="s">
        <v>85</v>
      </c>
      <c r="P12467" t="s">
        <v>86</v>
      </c>
      <c r="Q12467">
        <v>44</v>
      </c>
      <c r="R12467">
        <v>44</v>
      </c>
      <c r="S12467">
        <v>45</v>
      </c>
      <c r="T12467">
        <v>45</v>
      </c>
      <c r="U12467">
        <v>45</v>
      </c>
      <c r="V12467">
        <v>46</v>
      </c>
      <c r="W12467">
        <v>46</v>
      </c>
      <c r="X12467">
        <v>47</v>
      </c>
      <c r="Y12467">
        <v>47</v>
      </c>
      <c r="Z12467">
        <v>47</v>
      </c>
      <c r="AA12467">
        <v>48</v>
      </c>
      <c r="AB12467">
        <v>48</v>
      </c>
      <c r="AC12467">
        <v>49</v>
      </c>
      <c r="AD12467">
        <v>49</v>
      </c>
      <c r="AE12467">
        <v>50</v>
      </c>
      <c r="AF12467">
        <v>50</v>
      </c>
      <c r="AG12467">
        <v>50</v>
      </c>
      <c r="AH12467">
        <v>51</v>
      </c>
      <c r="AI12467">
        <v>51</v>
      </c>
      <c r="AJ12467">
        <v>52</v>
      </c>
      <c r="AK12467">
        <v>52</v>
      </c>
      <c r="AL12467">
        <v>53</v>
      </c>
      <c r="AM12467">
        <v>53</v>
      </c>
      <c r="AN12467">
        <v>53</v>
      </c>
      <c r="AO12467">
        <v>54</v>
      </c>
      <c r="AP12467">
        <v>54</v>
      </c>
      <c r="AQ12467">
        <v>55</v>
      </c>
    </row>
    <row r="12468" spans="1:43">
      <c r="A12468" t="s">
        <v>7748</v>
      </c>
      <c r="B12468" t="s">
        <v>7749</v>
      </c>
      <c r="C12468" t="s">
        <v>7736</v>
      </c>
      <c r="D12468" t="s">
        <v>7737</v>
      </c>
      <c r="E12468" t="s">
        <v>7646</v>
      </c>
      <c r="F12468" t="s">
        <v>7647</v>
      </c>
      <c r="G12468" t="s">
        <v>80</v>
      </c>
      <c r="H12468" t="s">
        <v>81</v>
      </c>
      <c r="I12468" s="2">
        <v>0</v>
      </c>
      <c r="J12468" s="2">
        <v>1</v>
      </c>
      <c r="K12468" s="2">
        <v>0</v>
      </c>
      <c r="L12468" t="s">
        <v>82</v>
      </c>
      <c r="M12468" t="s">
        <v>89</v>
      </c>
      <c r="N12468" t="s">
        <v>90</v>
      </c>
      <c r="O12468" t="s">
        <v>85</v>
      </c>
      <c r="P12468" t="s">
        <v>86</v>
      </c>
      <c r="Q12468">
        <v>44</v>
      </c>
      <c r="R12468">
        <v>45</v>
      </c>
      <c r="S12468">
        <v>46</v>
      </c>
      <c r="T12468">
        <v>47</v>
      </c>
      <c r="U12468">
        <v>48</v>
      </c>
      <c r="V12468">
        <v>50</v>
      </c>
      <c r="W12468">
        <v>51</v>
      </c>
      <c r="X12468">
        <v>52</v>
      </c>
      <c r="Y12468">
        <v>53</v>
      </c>
      <c r="Z12468">
        <v>54</v>
      </c>
      <c r="AA12468">
        <v>55</v>
      </c>
      <c r="AB12468">
        <v>56</v>
      </c>
      <c r="AC12468">
        <v>57</v>
      </c>
      <c r="AD12468">
        <v>58</v>
      </c>
      <c r="AE12468">
        <v>59</v>
      </c>
      <c r="AF12468">
        <v>59</v>
      </c>
      <c r="AG12468">
        <v>59</v>
      </c>
      <c r="AH12468">
        <v>60</v>
      </c>
      <c r="AI12468">
        <v>60</v>
      </c>
      <c r="AJ12468">
        <v>60</v>
      </c>
      <c r="AK12468">
        <v>61</v>
      </c>
      <c r="AL12468">
        <v>61</v>
      </c>
      <c r="AM12468">
        <v>61</v>
      </c>
      <c r="AN12468">
        <v>61</v>
      </c>
      <c r="AO12468">
        <v>62</v>
      </c>
      <c r="AP12468">
        <v>62</v>
      </c>
      <c r="AQ12468">
        <v>62</v>
      </c>
    </row>
    <row r="12469" spans="1:43">
      <c r="A12469" t="s">
        <v>7748</v>
      </c>
      <c r="B12469" t="s">
        <v>7749</v>
      </c>
      <c r="C12469" t="s">
        <v>7736</v>
      </c>
      <c r="D12469" t="s">
        <v>7737</v>
      </c>
      <c r="E12469" t="s">
        <v>7646</v>
      </c>
      <c r="F12469" t="s">
        <v>7647</v>
      </c>
      <c r="G12469" t="s">
        <v>80</v>
      </c>
      <c r="H12469" t="s">
        <v>81</v>
      </c>
      <c r="I12469" s="2">
        <v>0</v>
      </c>
      <c r="J12469" s="2">
        <v>1</v>
      </c>
      <c r="K12469" s="2">
        <v>0</v>
      </c>
      <c r="L12469" t="s">
        <v>82</v>
      </c>
      <c r="M12469" t="s">
        <v>83</v>
      </c>
      <c r="N12469" t="s">
        <v>91</v>
      </c>
      <c r="O12469" t="s">
        <v>85</v>
      </c>
      <c r="P12469" t="s">
        <v>86</v>
      </c>
      <c r="Q12469">
        <v>44</v>
      </c>
      <c r="R12469">
        <v>45</v>
      </c>
      <c r="S12469">
        <v>46</v>
      </c>
      <c r="T12469">
        <v>47</v>
      </c>
      <c r="U12469">
        <v>47</v>
      </c>
      <c r="V12469">
        <v>48</v>
      </c>
      <c r="W12469">
        <v>49</v>
      </c>
      <c r="X12469">
        <v>50</v>
      </c>
      <c r="Y12469">
        <v>51</v>
      </c>
      <c r="Z12469">
        <v>52</v>
      </c>
      <c r="AA12469">
        <v>53</v>
      </c>
      <c r="AB12469">
        <v>53</v>
      </c>
      <c r="AC12469">
        <v>54</v>
      </c>
      <c r="AD12469">
        <v>55</v>
      </c>
      <c r="AE12469">
        <v>56</v>
      </c>
      <c r="AF12469">
        <v>57</v>
      </c>
      <c r="AG12469">
        <v>58</v>
      </c>
      <c r="AH12469">
        <v>58</v>
      </c>
      <c r="AI12469">
        <v>59</v>
      </c>
      <c r="AJ12469">
        <v>60</v>
      </c>
      <c r="AK12469">
        <v>61</v>
      </c>
      <c r="AL12469">
        <v>61</v>
      </c>
      <c r="AM12469">
        <v>62</v>
      </c>
      <c r="AN12469">
        <v>62</v>
      </c>
      <c r="AO12469">
        <v>62</v>
      </c>
      <c r="AP12469">
        <v>62</v>
      </c>
      <c r="AQ12469">
        <v>63</v>
      </c>
    </row>
    <row r="12470" spans="1:43">
      <c r="A12470" t="s">
        <v>7750</v>
      </c>
      <c r="B12470" t="s">
        <v>7751</v>
      </c>
      <c r="C12470" t="s">
        <v>7736</v>
      </c>
      <c r="D12470" t="s">
        <v>7737</v>
      </c>
      <c r="E12470" t="s">
        <v>7646</v>
      </c>
      <c r="F12470" t="s">
        <v>7647</v>
      </c>
      <c r="G12470" t="s">
        <v>80</v>
      </c>
      <c r="H12470" t="s">
        <v>81</v>
      </c>
      <c r="I12470" s="2">
        <v>0</v>
      </c>
      <c r="J12470" s="2">
        <v>1</v>
      </c>
      <c r="K12470" s="2">
        <v>0</v>
      </c>
      <c r="L12470" t="s">
        <v>82</v>
      </c>
      <c r="M12470" t="s">
        <v>83</v>
      </c>
      <c r="N12470" t="s">
        <v>84</v>
      </c>
      <c r="O12470" t="s">
        <v>85</v>
      </c>
      <c r="P12470" t="s">
        <v>86</v>
      </c>
      <c r="Q12470">
        <v>10</v>
      </c>
      <c r="R12470">
        <v>10</v>
      </c>
      <c r="S12470">
        <v>10</v>
      </c>
      <c r="T12470">
        <v>10</v>
      </c>
      <c r="U12470">
        <v>11</v>
      </c>
      <c r="V12470">
        <v>11</v>
      </c>
      <c r="W12470">
        <v>11</v>
      </c>
      <c r="X12470">
        <v>11</v>
      </c>
      <c r="Y12470">
        <v>11</v>
      </c>
      <c r="Z12470">
        <v>12</v>
      </c>
      <c r="AA12470">
        <v>12</v>
      </c>
      <c r="AB12470">
        <v>12</v>
      </c>
      <c r="AC12470">
        <v>12</v>
      </c>
      <c r="AD12470">
        <v>12</v>
      </c>
      <c r="AE12470">
        <v>13</v>
      </c>
      <c r="AF12470">
        <v>13</v>
      </c>
      <c r="AG12470">
        <v>13</v>
      </c>
      <c r="AH12470">
        <v>13</v>
      </c>
      <c r="AI12470">
        <v>13</v>
      </c>
      <c r="AJ12470">
        <v>13</v>
      </c>
      <c r="AK12470">
        <v>14</v>
      </c>
      <c r="AL12470">
        <v>14</v>
      </c>
      <c r="AM12470">
        <v>14</v>
      </c>
      <c r="AN12470">
        <v>14</v>
      </c>
      <c r="AO12470">
        <v>14</v>
      </c>
      <c r="AP12470">
        <v>14</v>
      </c>
      <c r="AQ12470">
        <v>14</v>
      </c>
    </row>
    <row r="12471" spans="1:43">
      <c r="A12471" t="s">
        <v>7750</v>
      </c>
      <c r="B12471" t="s">
        <v>7751</v>
      </c>
      <c r="C12471" t="s">
        <v>7736</v>
      </c>
      <c r="D12471" t="s">
        <v>7737</v>
      </c>
      <c r="E12471" t="s">
        <v>7646</v>
      </c>
      <c r="F12471" t="s">
        <v>7647</v>
      </c>
      <c r="G12471" t="s">
        <v>80</v>
      </c>
      <c r="H12471" t="s">
        <v>81</v>
      </c>
      <c r="I12471" s="2">
        <v>0</v>
      </c>
      <c r="J12471" s="2">
        <v>1</v>
      </c>
      <c r="K12471" s="2">
        <v>0</v>
      </c>
      <c r="L12471" t="s">
        <v>82</v>
      </c>
      <c r="M12471" t="s">
        <v>87</v>
      </c>
      <c r="N12471" t="s">
        <v>88</v>
      </c>
      <c r="O12471" t="s">
        <v>85</v>
      </c>
      <c r="P12471" t="s">
        <v>86</v>
      </c>
      <c r="Q12471">
        <v>10</v>
      </c>
      <c r="R12471">
        <v>10</v>
      </c>
      <c r="S12471">
        <v>10</v>
      </c>
      <c r="T12471">
        <v>10</v>
      </c>
      <c r="U12471">
        <v>10</v>
      </c>
      <c r="V12471">
        <v>10</v>
      </c>
      <c r="W12471">
        <v>10</v>
      </c>
      <c r="X12471">
        <v>10</v>
      </c>
      <c r="Y12471">
        <v>11</v>
      </c>
      <c r="Z12471">
        <v>11</v>
      </c>
      <c r="AA12471">
        <v>11</v>
      </c>
      <c r="AB12471">
        <v>11</v>
      </c>
      <c r="AC12471">
        <v>11</v>
      </c>
      <c r="AD12471">
        <v>11</v>
      </c>
      <c r="AE12471">
        <v>11</v>
      </c>
      <c r="AF12471">
        <v>11</v>
      </c>
      <c r="AG12471">
        <v>11</v>
      </c>
      <c r="AH12471">
        <v>11</v>
      </c>
      <c r="AI12471">
        <v>11</v>
      </c>
      <c r="AJ12471">
        <v>12</v>
      </c>
      <c r="AK12471">
        <v>12</v>
      </c>
      <c r="AL12471">
        <v>12</v>
      </c>
      <c r="AM12471">
        <v>12</v>
      </c>
      <c r="AN12471">
        <v>12</v>
      </c>
      <c r="AO12471">
        <v>12</v>
      </c>
      <c r="AP12471">
        <v>12</v>
      </c>
      <c r="AQ12471">
        <v>12</v>
      </c>
    </row>
    <row r="12472" spans="1:43">
      <c r="A12472" t="s">
        <v>7750</v>
      </c>
      <c r="B12472" t="s">
        <v>7751</v>
      </c>
      <c r="C12472" t="s">
        <v>7736</v>
      </c>
      <c r="D12472" t="s">
        <v>7737</v>
      </c>
      <c r="E12472" t="s">
        <v>7646</v>
      </c>
      <c r="F12472" t="s">
        <v>7647</v>
      </c>
      <c r="G12472" t="s">
        <v>80</v>
      </c>
      <c r="H12472" t="s">
        <v>81</v>
      </c>
      <c r="I12472" s="2">
        <v>0</v>
      </c>
      <c r="J12472" s="2">
        <v>1</v>
      </c>
      <c r="K12472" s="2">
        <v>0</v>
      </c>
      <c r="L12472" t="s">
        <v>82</v>
      </c>
      <c r="M12472" t="s">
        <v>89</v>
      </c>
      <c r="N12472" t="s">
        <v>90</v>
      </c>
      <c r="O12472" t="s">
        <v>85</v>
      </c>
      <c r="P12472" t="s">
        <v>86</v>
      </c>
      <c r="Q12472">
        <v>10</v>
      </c>
      <c r="R12472">
        <v>10</v>
      </c>
      <c r="S12472">
        <v>11</v>
      </c>
      <c r="T12472">
        <v>11</v>
      </c>
      <c r="U12472">
        <v>11</v>
      </c>
      <c r="V12472">
        <v>11</v>
      </c>
      <c r="W12472">
        <v>12</v>
      </c>
      <c r="X12472">
        <v>12</v>
      </c>
      <c r="Y12472">
        <v>12</v>
      </c>
      <c r="Z12472">
        <v>12</v>
      </c>
      <c r="AA12472">
        <v>13</v>
      </c>
      <c r="AB12472">
        <v>13</v>
      </c>
      <c r="AC12472">
        <v>13</v>
      </c>
      <c r="AD12472">
        <v>13</v>
      </c>
      <c r="AE12472">
        <v>13</v>
      </c>
      <c r="AF12472">
        <v>13</v>
      </c>
      <c r="AG12472">
        <v>14</v>
      </c>
      <c r="AH12472">
        <v>14</v>
      </c>
      <c r="AI12472">
        <v>14</v>
      </c>
      <c r="AJ12472">
        <v>14</v>
      </c>
      <c r="AK12472">
        <v>14</v>
      </c>
      <c r="AL12472">
        <v>14</v>
      </c>
      <c r="AM12472">
        <v>14</v>
      </c>
      <c r="AN12472">
        <v>14</v>
      </c>
      <c r="AO12472">
        <v>14</v>
      </c>
      <c r="AP12472">
        <v>14</v>
      </c>
      <c r="AQ12472">
        <v>14</v>
      </c>
    </row>
    <row r="12473" spans="1:43">
      <c r="A12473" t="s">
        <v>7750</v>
      </c>
      <c r="B12473" t="s">
        <v>7751</v>
      </c>
      <c r="C12473" t="s">
        <v>7736</v>
      </c>
      <c r="D12473" t="s">
        <v>7737</v>
      </c>
      <c r="E12473" t="s">
        <v>7646</v>
      </c>
      <c r="F12473" t="s">
        <v>7647</v>
      </c>
      <c r="G12473" t="s">
        <v>80</v>
      </c>
      <c r="H12473" t="s">
        <v>81</v>
      </c>
      <c r="I12473" s="2">
        <v>0</v>
      </c>
      <c r="J12473" s="2">
        <v>1</v>
      </c>
      <c r="K12473" s="2">
        <v>0</v>
      </c>
      <c r="L12473" t="s">
        <v>82</v>
      </c>
      <c r="M12473" t="s">
        <v>83</v>
      </c>
      <c r="N12473" t="s">
        <v>91</v>
      </c>
      <c r="O12473" t="s">
        <v>85</v>
      </c>
      <c r="P12473" t="s">
        <v>86</v>
      </c>
      <c r="Q12473">
        <v>10</v>
      </c>
      <c r="R12473">
        <v>10</v>
      </c>
      <c r="S12473">
        <v>10</v>
      </c>
      <c r="T12473">
        <v>10</v>
      </c>
      <c r="U12473">
        <v>11</v>
      </c>
      <c r="V12473">
        <v>11</v>
      </c>
      <c r="W12473">
        <v>11</v>
      </c>
      <c r="X12473">
        <v>11</v>
      </c>
      <c r="Y12473">
        <v>11</v>
      </c>
      <c r="Z12473">
        <v>12</v>
      </c>
      <c r="AA12473">
        <v>12</v>
      </c>
      <c r="AB12473">
        <v>12</v>
      </c>
      <c r="AC12473">
        <v>12</v>
      </c>
      <c r="AD12473">
        <v>12</v>
      </c>
      <c r="AE12473">
        <v>13</v>
      </c>
      <c r="AF12473">
        <v>13</v>
      </c>
      <c r="AG12473">
        <v>13</v>
      </c>
      <c r="AH12473">
        <v>13</v>
      </c>
      <c r="AI12473">
        <v>13</v>
      </c>
      <c r="AJ12473">
        <v>13</v>
      </c>
      <c r="AK12473">
        <v>14</v>
      </c>
      <c r="AL12473">
        <v>14</v>
      </c>
      <c r="AM12473">
        <v>14</v>
      </c>
      <c r="AN12473">
        <v>14</v>
      </c>
      <c r="AO12473">
        <v>14</v>
      </c>
      <c r="AP12473">
        <v>14</v>
      </c>
      <c r="AQ12473">
        <v>14</v>
      </c>
    </row>
    <row r="12474" spans="1:43">
      <c r="A12474" t="s">
        <v>7752</v>
      </c>
      <c r="B12474" t="s">
        <v>7753</v>
      </c>
      <c r="C12474" t="s">
        <v>7754</v>
      </c>
      <c r="D12474" t="s">
        <v>7755</v>
      </c>
      <c r="E12474" t="s">
        <v>7646</v>
      </c>
      <c r="F12474" t="s">
        <v>7647</v>
      </c>
      <c r="G12474" t="s">
        <v>80</v>
      </c>
      <c r="H12474" t="s">
        <v>81</v>
      </c>
      <c r="I12474" s="2">
        <v>0</v>
      </c>
      <c r="J12474" s="2">
        <v>1</v>
      </c>
      <c r="K12474" s="2">
        <v>0</v>
      </c>
      <c r="L12474" t="s">
        <v>82</v>
      </c>
      <c r="M12474" t="s">
        <v>83</v>
      </c>
      <c r="N12474" t="s">
        <v>84</v>
      </c>
      <c r="O12474" t="s">
        <v>85</v>
      </c>
      <c r="P12474" t="s">
        <v>86</v>
      </c>
      <c r="Q12474">
        <v>9</v>
      </c>
      <c r="R12474">
        <v>9</v>
      </c>
      <c r="S12474">
        <v>10</v>
      </c>
      <c r="T12474">
        <v>10</v>
      </c>
      <c r="U12474">
        <v>10</v>
      </c>
      <c r="V12474">
        <v>10</v>
      </c>
      <c r="W12474">
        <v>10</v>
      </c>
      <c r="X12474">
        <v>11</v>
      </c>
      <c r="Y12474">
        <v>11</v>
      </c>
      <c r="Z12474">
        <v>11</v>
      </c>
      <c r="AA12474">
        <v>11</v>
      </c>
      <c r="AB12474">
        <v>11</v>
      </c>
      <c r="AC12474">
        <v>11</v>
      </c>
      <c r="AD12474">
        <v>12</v>
      </c>
      <c r="AE12474">
        <v>12</v>
      </c>
      <c r="AF12474">
        <v>12</v>
      </c>
      <c r="AG12474">
        <v>12</v>
      </c>
      <c r="AH12474">
        <v>12</v>
      </c>
      <c r="AI12474">
        <v>12</v>
      </c>
      <c r="AJ12474">
        <v>13</v>
      </c>
      <c r="AK12474">
        <v>13</v>
      </c>
      <c r="AL12474">
        <v>13</v>
      </c>
      <c r="AM12474">
        <v>13</v>
      </c>
      <c r="AN12474">
        <v>13</v>
      </c>
      <c r="AO12474">
        <v>13</v>
      </c>
      <c r="AP12474">
        <v>13</v>
      </c>
      <c r="AQ12474">
        <v>13</v>
      </c>
    </row>
    <row r="12475" spans="1:43">
      <c r="A12475" t="s">
        <v>7752</v>
      </c>
      <c r="B12475" t="s">
        <v>7753</v>
      </c>
      <c r="C12475" t="s">
        <v>7754</v>
      </c>
      <c r="D12475" t="s">
        <v>7755</v>
      </c>
      <c r="E12475" t="s">
        <v>7646</v>
      </c>
      <c r="F12475" t="s">
        <v>7647</v>
      </c>
      <c r="G12475" t="s">
        <v>80</v>
      </c>
      <c r="H12475" t="s">
        <v>81</v>
      </c>
      <c r="I12475" s="2">
        <v>0</v>
      </c>
      <c r="J12475" s="2">
        <v>1</v>
      </c>
      <c r="K12475" s="2">
        <v>0</v>
      </c>
      <c r="L12475" t="s">
        <v>82</v>
      </c>
      <c r="M12475" t="s">
        <v>87</v>
      </c>
      <c r="N12475" t="s">
        <v>88</v>
      </c>
      <c r="O12475" t="s">
        <v>85</v>
      </c>
      <c r="P12475" t="s">
        <v>86</v>
      </c>
      <c r="Q12475">
        <v>9</v>
      </c>
      <c r="R12475">
        <v>9</v>
      </c>
      <c r="S12475">
        <v>9</v>
      </c>
      <c r="T12475">
        <v>9</v>
      </c>
      <c r="U12475">
        <v>10</v>
      </c>
      <c r="V12475">
        <v>10</v>
      </c>
      <c r="W12475">
        <v>10</v>
      </c>
      <c r="X12475">
        <v>10</v>
      </c>
      <c r="Y12475">
        <v>10</v>
      </c>
      <c r="Z12475">
        <v>10</v>
      </c>
      <c r="AA12475">
        <v>10</v>
      </c>
      <c r="AB12475">
        <v>10</v>
      </c>
      <c r="AC12475">
        <v>10</v>
      </c>
      <c r="AD12475">
        <v>10</v>
      </c>
      <c r="AE12475">
        <v>10</v>
      </c>
      <c r="AF12475">
        <v>10</v>
      </c>
      <c r="AG12475">
        <v>11</v>
      </c>
      <c r="AH12475">
        <v>11</v>
      </c>
      <c r="AI12475">
        <v>11</v>
      </c>
      <c r="AJ12475">
        <v>11</v>
      </c>
      <c r="AK12475">
        <v>11</v>
      </c>
      <c r="AL12475">
        <v>11</v>
      </c>
      <c r="AM12475">
        <v>11</v>
      </c>
      <c r="AN12475">
        <v>11</v>
      </c>
      <c r="AO12475">
        <v>11</v>
      </c>
      <c r="AP12475">
        <v>11</v>
      </c>
      <c r="AQ12475">
        <v>11</v>
      </c>
    </row>
    <row r="12476" spans="1:43">
      <c r="A12476" t="s">
        <v>7752</v>
      </c>
      <c r="B12476" t="s">
        <v>7753</v>
      </c>
      <c r="C12476" t="s">
        <v>7754</v>
      </c>
      <c r="D12476" t="s">
        <v>7755</v>
      </c>
      <c r="E12476" t="s">
        <v>7646</v>
      </c>
      <c r="F12476" t="s">
        <v>7647</v>
      </c>
      <c r="G12476" t="s">
        <v>80</v>
      </c>
      <c r="H12476" t="s">
        <v>81</v>
      </c>
      <c r="I12476" s="2">
        <v>0</v>
      </c>
      <c r="J12476" s="2">
        <v>1</v>
      </c>
      <c r="K12476" s="2">
        <v>0</v>
      </c>
      <c r="L12476" t="s">
        <v>82</v>
      </c>
      <c r="M12476" t="s">
        <v>89</v>
      </c>
      <c r="N12476" t="s">
        <v>90</v>
      </c>
      <c r="O12476" t="s">
        <v>85</v>
      </c>
      <c r="P12476" t="s">
        <v>86</v>
      </c>
      <c r="Q12476">
        <v>9</v>
      </c>
      <c r="R12476">
        <v>10</v>
      </c>
      <c r="S12476">
        <v>10</v>
      </c>
      <c r="T12476">
        <v>10</v>
      </c>
      <c r="U12476">
        <v>10</v>
      </c>
      <c r="V12476">
        <v>11</v>
      </c>
      <c r="W12476">
        <v>11</v>
      </c>
      <c r="X12476">
        <v>11</v>
      </c>
      <c r="Y12476">
        <v>11</v>
      </c>
      <c r="Z12476">
        <v>12</v>
      </c>
      <c r="AA12476">
        <v>12</v>
      </c>
      <c r="AB12476">
        <v>12</v>
      </c>
      <c r="AC12476">
        <v>12</v>
      </c>
      <c r="AD12476">
        <v>12</v>
      </c>
      <c r="AE12476">
        <v>13</v>
      </c>
      <c r="AF12476">
        <v>13</v>
      </c>
      <c r="AG12476">
        <v>13</v>
      </c>
      <c r="AH12476">
        <v>13</v>
      </c>
      <c r="AI12476">
        <v>13</v>
      </c>
      <c r="AJ12476">
        <v>13</v>
      </c>
      <c r="AK12476">
        <v>13</v>
      </c>
      <c r="AL12476">
        <v>13</v>
      </c>
      <c r="AM12476">
        <v>13</v>
      </c>
      <c r="AN12476">
        <v>13</v>
      </c>
      <c r="AO12476">
        <v>13</v>
      </c>
      <c r="AP12476">
        <v>13</v>
      </c>
      <c r="AQ12476">
        <v>13</v>
      </c>
    </row>
    <row r="12477" spans="1:43">
      <c r="A12477" t="s">
        <v>7752</v>
      </c>
      <c r="B12477" t="s">
        <v>7753</v>
      </c>
      <c r="C12477" t="s">
        <v>7754</v>
      </c>
      <c r="D12477" t="s">
        <v>7755</v>
      </c>
      <c r="E12477" t="s">
        <v>7646</v>
      </c>
      <c r="F12477" t="s">
        <v>7647</v>
      </c>
      <c r="G12477" t="s">
        <v>80</v>
      </c>
      <c r="H12477" t="s">
        <v>81</v>
      </c>
      <c r="I12477" s="2">
        <v>0</v>
      </c>
      <c r="J12477" s="2">
        <v>1</v>
      </c>
      <c r="K12477" s="2">
        <v>0</v>
      </c>
      <c r="L12477" t="s">
        <v>82</v>
      </c>
      <c r="M12477" t="s">
        <v>83</v>
      </c>
      <c r="N12477" t="s">
        <v>91</v>
      </c>
      <c r="O12477" t="s">
        <v>85</v>
      </c>
      <c r="P12477" t="s">
        <v>86</v>
      </c>
      <c r="Q12477">
        <v>9</v>
      </c>
      <c r="R12477">
        <v>9</v>
      </c>
      <c r="S12477">
        <v>10</v>
      </c>
      <c r="T12477">
        <v>10</v>
      </c>
      <c r="U12477">
        <v>10</v>
      </c>
      <c r="V12477">
        <v>10</v>
      </c>
      <c r="W12477">
        <v>10</v>
      </c>
      <c r="X12477">
        <v>11</v>
      </c>
      <c r="Y12477">
        <v>11</v>
      </c>
      <c r="Z12477">
        <v>11</v>
      </c>
      <c r="AA12477">
        <v>11</v>
      </c>
      <c r="AB12477">
        <v>11</v>
      </c>
      <c r="AC12477">
        <v>11</v>
      </c>
      <c r="AD12477">
        <v>12</v>
      </c>
      <c r="AE12477">
        <v>12</v>
      </c>
      <c r="AF12477">
        <v>12</v>
      </c>
      <c r="AG12477">
        <v>12</v>
      </c>
      <c r="AH12477">
        <v>12</v>
      </c>
      <c r="AI12477">
        <v>12</v>
      </c>
      <c r="AJ12477">
        <v>13</v>
      </c>
      <c r="AK12477">
        <v>13</v>
      </c>
      <c r="AL12477">
        <v>13</v>
      </c>
      <c r="AM12477">
        <v>13</v>
      </c>
      <c r="AN12477">
        <v>13</v>
      </c>
      <c r="AO12477">
        <v>13</v>
      </c>
      <c r="AP12477">
        <v>13</v>
      </c>
      <c r="AQ12477">
        <v>13</v>
      </c>
    </row>
    <row r="12478" spans="1:43">
      <c r="A12478" t="s">
        <v>7756</v>
      </c>
      <c r="B12478" t="s">
        <v>7757</v>
      </c>
      <c r="C12478" t="s">
        <v>7754</v>
      </c>
      <c r="D12478" t="s">
        <v>7755</v>
      </c>
      <c r="E12478" t="s">
        <v>7646</v>
      </c>
      <c r="F12478" t="s">
        <v>7647</v>
      </c>
      <c r="G12478" t="s">
        <v>80</v>
      </c>
      <c r="H12478" t="s">
        <v>81</v>
      </c>
      <c r="I12478" s="2">
        <v>0</v>
      </c>
      <c r="J12478" s="2">
        <v>1</v>
      </c>
      <c r="K12478" s="2">
        <v>0</v>
      </c>
      <c r="L12478" t="s">
        <v>82</v>
      </c>
      <c r="M12478" t="s">
        <v>83</v>
      </c>
      <c r="N12478" t="s">
        <v>84</v>
      </c>
      <c r="O12478" t="s">
        <v>85</v>
      </c>
      <c r="P12478" t="s">
        <v>86</v>
      </c>
      <c r="Q12478">
        <v>13</v>
      </c>
      <c r="R12478">
        <v>13</v>
      </c>
      <c r="S12478">
        <v>14</v>
      </c>
      <c r="T12478">
        <v>14</v>
      </c>
      <c r="U12478">
        <v>14</v>
      </c>
      <c r="V12478">
        <v>14</v>
      </c>
      <c r="W12478">
        <v>15</v>
      </c>
      <c r="X12478">
        <v>15</v>
      </c>
      <c r="Y12478">
        <v>15</v>
      </c>
      <c r="Z12478">
        <v>15</v>
      </c>
      <c r="AA12478">
        <v>16</v>
      </c>
      <c r="AB12478">
        <v>16</v>
      </c>
      <c r="AC12478">
        <v>16</v>
      </c>
      <c r="AD12478">
        <v>16</v>
      </c>
      <c r="AE12478">
        <v>17</v>
      </c>
      <c r="AF12478">
        <v>17</v>
      </c>
      <c r="AG12478">
        <v>17</v>
      </c>
      <c r="AH12478">
        <v>17</v>
      </c>
      <c r="AI12478">
        <v>18</v>
      </c>
      <c r="AJ12478">
        <v>18</v>
      </c>
      <c r="AK12478">
        <v>18</v>
      </c>
      <c r="AL12478">
        <v>18</v>
      </c>
      <c r="AM12478">
        <v>18</v>
      </c>
      <c r="AN12478">
        <v>18</v>
      </c>
      <c r="AO12478">
        <v>19</v>
      </c>
      <c r="AP12478">
        <v>19</v>
      </c>
      <c r="AQ12478">
        <v>19</v>
      </c>
    </row>
    <row r="12479" spans="1:43">
      <c r="A12479" t="s">
        <v>7756</v>
      </c>
      <c r="B12479" t="s">
        <v>7757</v>
      </c>
      <c r="C12479" t="s">
        <v>7754</v>
      </c>
      <c r="D12479" t="s">
        <v>7755</v>
      </c>
      <c r="E12479" t="s">
        <v>7646</v>
      </c>
      <c r="F12479" t="s">
        <v>7647</v>
      </c>
      <c r="G12479" t="s">
        <v>80</v>
      </c>
      <c r="H12479" t="s">
        <v>81</v>
      </c>
      <c r="I12479" s="2">
        <v>0</v>
      </c>
      <c r="J12479" s="2">
        <v>1</v>
      </c>
      <c r="K12479" s="2">
        <v>0</v>
      </c>
      <c r="L12479" t="s">
        <v>82</v>
      </c>
      <c r="M12479" t="s">
        <v>87</v>
      </c>
      <c r="N12479" t="s">
        <v>88</v>
      </c>
      <c r="O12479" t="s">
        <v>85</v>
      </c>
      <c r="P12479" t="s">
        <v>86</v>
      </c>
      <c r="Q12479">
        <v>13</v>
      </c>
      <c r="R12479">
        <v>13</v>
      </c>
      <c r="S12479">
        <v>13</v>
      </c>
      <c r="T12479">
        <v>13</v>
      </c>
      <c r="U12479">
        <v>14</v>
      </c>
      <c r="V12479">
        <v>14</v>
      </c>
      <c r="W12479">
        <v>14</v>
      </c>
      <c r="X12479">
        <v>14</v>
      </c>
      <c r="Y12479">
        <v>14</v>
      </c>
      <c r="Z12479">
        <v>14</v>
      </c>
      <c r="AA12479">
        <v>14</v>
      </c>
      <c r="AB12479">
        <v>14</v>
      </c>
      <c r="AC12479">
        <v>15</v>
      </c>
      <c r="AD12479">
        <v>15</v>
      </c>
      <c r="AE12479">
        <v>15</v>
      </c>
      <c r="AF12479">
        <v>15</v>
      </c>
      <c r="AG12479">
        <v>15</v>
      </c>
      <c r="AH12479">
        <v>15</v>
      </c>
      <c r="AI12479">
        <v>15</v>
      </c>
      <c r="AJ12479">
        <v>15</v>
      </c>
      <c r="AK12479">
        <v>15</v>
      </c>
      <c r="AL12479">
        <v>16</v>
      </c>
      <c r="AM12479">
        <v>16</v>
      </c>
      <c r="AN12479">
        <v>16</v>
      </c>
      <c r="AO12479">
        <v>16</v>
      </c>
      <c r="AP12479">
        <v>16</v>
      </c>
      <c r="AQ12479">
        <v>16</v>
      </c>
    </row>
    <row r="12480" spans="1:43">
      <c r="A12480" t="s">
        <v>7756</v>
      </c>
      <c r="B12480" t="s">
        <v>7757</v>
      </c>
      <c r="C12480" t="s">
        <v>7754</v>
      </c>
      <c r="D12480" t="s">
        <v>7755</v>
      </c>
      <c r="E12480" t="s">
        <v>7646</v>
      </c>
      <c r="F12480" t="s">
        <v>7647</v>
      </c>
      <c r="G12480" t="s">
        <v>80</v>
      </c>
      <c r="H12480" t="s">
        <v>81</v>
      </c>
      <c r="I12480" s="2">
        <v>0</v>
      </c>
      <c r="J12480" s="2">
        <v>1</v>
      </c>
      <c r="K12480" s="2">
        <v>0</v>
      </c>
      <c r="L12480" t="s">
        <v>82</v>
      </c>
      <c r="M12480" t="s">
        <v>89</v>
      </c>
      <c r="N12480" t="s">
        <v>90</v>
      </c>
      <c r="O12480" t="s">
        <v>85</v>
      </c>
      <c r="P12480" t="s">
        <v>86</v>
      </c>
      <c r="Q12480">
        <v>13</v>
      </c>
      <c r="R12480">
        <v>14</v>
      </c>
      <c r="S12480">
        <v>14</v>
      </c>
      <c r="T12480">
        <v>14</v>
      </c>
      <c r="U12480">
        <v>15</v>
      </c>
      <c r="V12480">
        <v>15</v>
      </c>
      <c r="W12480">
        <v>15</v>
      </c>
      <c r="X12480">
        <v>16</v>
      </c>
      <c r="Y12480">
        <v>16</v>
      </c>
      <c r="Z12480">
        <v>16</v>
      </c>
      <c r="AA12480">
        <v>17</v>
      </c>
      <c r="AB12480">
        <v>17</v>
      </c>
      <c r="AC12480">
        <v>17</v>
      </c>
      <c r="AD12480">
        <v>18</v>
      </c>
      <c r="AE12480">
        <v>18</v>
      </c>
      <c r="AF12480">
        <v>18</v>
      </c>
      <c r="AG12480">
        <v>18</v>
      </c>
      <c r="AH12480">
        <v>18</v>
      </c>
      <c r="AI12480">
        <v>18</v>
      </c>
      <c r="AJ12480">
        <v>18</v>
      </c>
      <c r="AK12480">
        <v>18</v>
      </c>
      <c r="AL12480">
        <v>19</v>
      </c>
      <c r="AM12480">
        <v>19</v>
      </c>
      <c r="AN12480">
        <v>19</v>
      </c>
      <c r="AO12480">
        <v>19</v>
      </c>
      <c r="AP12480">
        <v>19</v>
      </c>
      <c r="AQ12480">
        <v>19</v>
      </c>
    </row>
    <row r="12481" spans="1:43">
      <c r="A12481" t="s">
        <v>7756</v>
      </c>
      <c r="B12481" t="s">
        <v>7757</v>
      </c>
      <c r="C12481" t="s">
        <v>7754</v>
      </c>
      <c r="D12481" t="s">
        <v>7755</v>
      </c>
      <c r="E12481" t="s">
        <v>7646</v>
      </c>
      <c r="F12481" t="s">
        <v>7647</v>
      </c>
      <c r="G12481" t="s">
        <v>80</v>
      </c>
      <c r="H12481" t="s">
        <v>81</v>
      </c>
      <c r="I12481" s="2">
        <v>0</v>
      </c>
      <c r="J12481" s="2">
        <v>1</v>
      </c>
      <c r="K12481" s="2">
        <v>0</v>
      </c>
      <c r="L12481" t="s">
        <v>82</v>
      </c>
      <c r="M12481" t="s">
        <v>83</v>
      </c>
      <c r="N12481" t="s">
        <v>91</v>
      </c>
      <c r="O12481" t="s">
        <v>85</v>
      </c>
      <c r="P12481" t="s">
        <v>86</v>
      </c>
      <c r="Q12481">
        <v>13</v>
      </c>
      <c r="R12481">
        <v>13</v>
      </c>
      <c r="S12481">
        <v>14</v>
      </c>
      <c r="T12481">
        <v>14</v>
      </c>
      <c r="U12481">
        <v>14</v>
      </c>
      <c r="V12481">
        <v>14</v>
      </c>
      <c r="W12481">
        <v>15</v>
      </c>
      <c r="X12481">
        <v>15</v>
      </c>
      <c r="Y12481">
        <v>15</v>
      </c>
      <c r="Z12481">
        <v>15</v>
      </c>
      <c r="AA12481">
        <v>16</v>
      </c>
      <c r="AB12481">
        <v>16</v>
      </c>
      <c r="AC12481">
        <v>16</v>
      </c>
      <c r="AD12481">
        <v>16</v>
      </c>
      <c r="AE12481">
        <v>17</v>
      </c>
      <c r="AF12481">
        <v>17</v>
      </c>
      <c r="AG12481">
        <v>17</v>
      </c>
      <c r="AH12481">
        <v>17</v>
      </c>
      <c r="AI12481">
        <v>18</v>
      </c>
      <c r="AJ12481">
        <v>18</v>
      </c>
      <c r="AK12481">
        <v>18</v>
      </c>
      <c r="AL12481">
        <v>18</v>
      </c>
      <c r="AM12481">
        <v>18</v>
      </c>
      <c r="AN12481">
        <v>18</v>
      </c>
      <c r="AO12481">
        <v>19</v>
      </c>
      <c r="AP12481">
        <v>19</v>
      </c>
      <c r="AQ12481">
        <v>19</v>
      </c>
    </row>
    <row r="12482" spans="1:43">
      <c r="A12482" t="s">
        <v>7758</v>
      </c>
      <c r="B12482" t="s">
        <v>7759</v>
      </c>
      <c r="C12482" t="s">
        <v>7754</v>
      </c>
      <c r="D12482" t="s">
        <v>7755</v>
      </c>
      <c r="E12482" t="s">
        <v>7646</v>
      </c>
      <c r="F12482" t="s">
        <v>7647</v>
      </c>
      <c r="G12482" t="s">
        <v>80</v>
      </c>
      <c r="H12482" t="s">
        <v>81</v>
      </c>
      <c r="I12482" s="2">
        <v>0</v>
      </c>
      <c r="J12482" s="2">
        <v>1</v>
      </c>
      <c r="K12482" s="2">
        <v>0</v>
      </c>
      <c r="L12482" t="s">
        <v>82</v>
      </c>
      <c r="M12482" t="s">
        <v>83</v>
      </c>
      <c r="N12482" t="s">
        <v>84</v>
      </c>
      <c r="O12482" t="s">
        <v>85</v>
      </c>
      <c r="P12482" t="s">
        <v>86</v>
      </c>
      <c r="Q12482">
        <v>41</v>
      </c>
      <c r="R12482">
        <v>42</v>
      </c>
      <c r="S12482">
        <v>43</v>
      </c>
      <c r="T12482">
        <v>43</v>
      </c>
      <c r="U12482">
        <v>44</v>
      </c>
      <c r="V12482">
        <v>45</v>
      </c>
      <c r="W12482">
        <v>46</v>
      </c>
      <c r="X12482">
        <v>46</v>
      </c>
      <c r="Y12482">
        <v>47</v>
      </c>
      <c r="Z12482">
        <v>48</v>
      </c>
      <c r="AA12482">
        <v>49</v>
      </c>
      <c r="AB12482">
        <v>50</v>
      </c>
      <c r="AC12482">
        <v>50</v>
      </c>
      <c r="AD12482">
        <v>51</v>
      </c>
      <c r="AE12482">
        <v>52</v>
      </c>
      <c r="AF12482">
        <v>53</v>
      </c>
      <c r="AG12482">
        <v>53</v>
      </c>
      <c r="AH12482">
        <v>54</v>
      </c>
      <c r="AI12482">
        <v>55</v>
      </c>
      <c r="AJ12482">
        <v>56</v>
      </c>
      <c r="AK12482">
        <v>56</v>
      </c>
      <c r="AL12482">
        <v>57</v>
      </c>
      <c r="AM12482">
        <v>57</v>
      </c>
      <c r="AN12482">
        <v>57</v>
      </c>
      <c r="AO12482">
        <v>58</v>
      </c>
      <c r="AP12482">
        <v>58</v>
      </c>
      <c r="AQ12482">
        <v>58</v>
      </c>
    </row>
    <row r="12483" spans="1:43">
      <c r="A12483" t="s">
        <v>7758</v>
      </c>
      <c r="B12483" t="s">
        <v>7759</v>
      </c>
      <c r="C12483" t="s">
        <v>7754</v>
      </c>
      <c r="D12483" t="s">
        <v>7755</v>
      </c>
      <c r="E12483" t="s">
        <v>7646</v>
      </c>
      <c r="F12483" t="s">
        <v>7647</v>
      </c>
      <c r="G12483" t="s">
        <v>80</v>
      </c>
      <c r="H12483" t="s">
        <v>81</v>
      </c>
      <c r="I12483" s="2">
        <v>0</v>
      </c>
      <c r="J12483" s="2">
        <v>1</v>
      </c>
      <c r="K12483" s="2">
        <v>0</v>
      </c>
      <c r="L12483" t="s">
        <v>82</v>
      </c>
      <c r="M12483" t="s">
        <v>87</v>
      </c>
      <c r="N12483" t="s">
        <v>88</v>
      </c>
      <c r="O12483" t="s">
        <v>85</v>
      </c>
      <c r="P12483" t="s">
        <v>86</v>
      </c>
      <c r="Q12483">
        <v>41</v>
      </c>
      <c r="R12483">
        <v>41</v>
      </c>
      <c r="S12483">
        <v>41</v>
      </c>
      <c r="T12483">
        <v>42</v>
      </c>
      <c r="U12483">
        <v>42</v>
      </c>
      <c r="V12483">
        <v>43</v>
      </c>
      <c r="W12483">
        <v>43</v>
      </c>
      <c r="X12483">
        <v>43</v>
      </c>
      <c r="Y12483">
        <v>44</v>
      </c>
      <c r="Z12483">
        <v>44</v>
      </c>
      <c r="AA12483">
        <v>44</v>
      </c>
      <c r="AB12483">
        <v>45</v>
      </c>
      <c r="AC12483">
        <v>45</v>
      </c>
      <c r="AD12483">
        <v>46</v>
      </c>
      <c r="AE12483">
        <v>46</v>
      </c>
      <c r="AF12483">
        <v>46</v>
      </c>
      <c r="AG12483">
        <v>47</v>
      </c>
      <c r="AH12483">
        <v>47</v>
      </c>
      <c r="AI12483">
        <v>47</v>
      </c>
      <c r="AJ12483">
        <v>48</v>
      </c>
      <c r="AK12483">
        <v>48</v>
      </c>
      <c r="AL12483">
        <v>48</v>
      </c>
      <c r="AM12483">
        <v>49</v>
      </c>
      <c r="AN12483">
        <v>49</v>
      </c>
      <c r="AO12483">
        <v>50</v>
      </c>
      <c r="AP12483">
        <v>50</v>
      </c>
      <c r="AQ12483">
        <v>50</v>
      </c>
    </row>
    <row r="12484" spans="1:43">
      <c r="A12484" t="s">
        <v>7758</v>
      </c>
      <c r="B12484" t="s">
        <v>7759</v>
      </c>
      <c r="C12484" t="s">
        <v>7754</v>
      </c>
      <c r="D12484" t="s">
        <v>7755</v>
      </c>
      <c r="E12484" t="s">
        <v>7646</v>
      </c>
      <c r="F12484" t="s">
        <v>7647</v>
      </c>
      <c r="G12484" t="s">
        <v>80</v>
      </c>
      <c r="H12484" t="s">
        <v>81</v>
      </c>
      <c r="I12484" s="2">
        <v>0</v>
      </c>
      <c r="J12484" s="2">
        <v>1</v>
      </c>
      <c r="K12484" s="2">
        <v>0</v>
      </c>
      <c r="L12484" t="s">
        <v>82</v>
      </c>
      <c r="M12484" t="s">
        <v>89</v>
      </c>
      <c r="N12484" t="s">
        <v>90</v>
      </c>
      <c r="O12484" t="s">
        <v>85</v>
      </c>
      <c r="P12484" t="s">
        <v>86</v>
      </c>
      <c r="Q12484">
        <v>41</v>
      </c>
      <c r="R12484">
        <v>42</v>
      </c>
      <c r="S12484">
        <v>43</v>
      </c>
      <c r="T12484">
        <v>44</v>
      </c>
      <c r="U12484">
        <v>45</v>
      </c>
      <c r="V12484">
        <v>46</v>
      </c>
      <c r="W12484">
        <v>47</v>
      </c>
      <c r="X12484">
        <v>48</v>
      </c>
      <c r="Y12484">
        <v>49</v>
      </c>
      <c r="Z12484">
        <v>50</v>
      </c>
      <c r="AA12484">
        <v>51</v>
      </c>
      <c r="AB12484">
        <v>52</v>
      </c>
      <c r="AC12484">
        <v>53</v>
      </c>
      <c r="AD12484">
        <v>54</v>
      </c>
      <c r="AE12484">
        <v>55</v>
      </c>
      <c r="AF12484">
        <v>55</v>
      </c>
      <c r="AG12484">
        <v>55</v>
      </c>
      <c r="AH12484">
        <v>55</v>
      </c>
      <c r="AI12484">
        <v>56</v>
      </c>
      <c r="AJ12484">
        <v>56</v>
      </c>
      <c r="AK12484">
        <v>56</v>
      </c>
      <c r="AL12484">
        <v>57</v>
      </c>
      <c r="AM12484">
        <v>57</v>
      </c>
      <c r="AN12484">
        <v>57</v>
      </c>
      <c r="AO12484">
        <v>57</v>
      </c>
      <c r="AP12484">
        <v>58</v>
      </c>
      <c r="AQ12484">
        <v>58</v>
      </c>
    </row>
    <row r="12485" spans="1:43">
      <c r="A12485" t="s">
        <v>7758</v>
      </c>
      <c r="B12485" t="s">
        <v>7759</v>
      </c>
      <c r="C12485" t="s">
        <v>7754</v>
      </c>
      <c r="D12485" t="s">
        <v>7755</v>
      </c>
      <c r="E12485" t="s">
        <v>7646</v>
      </c>
      <c r="F12485" t="s">
        <v>7647</v>
      </c>
      <c r="G12485" t="s">
        <v>80</v>
      </c>
      <c r="H12485" t="s">
        <v>81</v>
      </c>
      <c r="I12485" s="2">
        <v>0</v>
      </c>
      <c r="J12485" s="2">
        <v>1</v>
      </c>
      <c r="K12485" s="2">
        <v>0</v>
      </c>
      <c r="L12485" t="s">
        <v>82</v>
      </c>
      <c r="M12485" t="s">
        <v>83</v>
      </c>
      <c r="N12485" t="s">
        <v>91</v>
      </c>
      <c r="O12485" t="s">
        <v>85</v>
      </c>
      <c r="P12485" t="s">
        <v>86</v>
      </c>
      <c r="Q12485">
        <v>41</v>
      </c>
      <c r="R12485">
        <v>42</v>
      </c>
      <c r="S12485">
        <v>43</v>
      </c>
      <c r="T12485">
        <v>43</v>
      </c>
      <c r="U12485">
        <v>44</v>
      </c>
      <c r="V12485">
        <v>45</v>
      </c>
      <c r="W12485">
        <v>46</v>
      </c>
      <c r="X12485">
        <v>46</v>
      </c>
      <c r="Y12485">
        <v>47</v>
      </c>
      <c r="Z12485">
        <v>48</v>
      </c>
      <c r="AA12485">
        <v>49</v>
      </c>
      <c r="AB12485">
        <v>50</v>
      </c>
      <c r="AC12485">
        <v>50</v>
      </c>
      <c r="AD12485">
        <v>51</v>
      </c>
      <c r="AE12485">
        <v>52</v>
      </c>
      <c r="AF12485">
        <v>53</v>
      </c>
      <c r="AG12485">
        <v>53</v>
      </c>
      <c r="AH12485">
        <v>54</v>
      </c>
      <c r="AI12485">
        <v>55</v>
      </c>
      <c r="AJ12485">
        <v>56</v>
      </c>
      <c r="AK12485">
        <v>56</v>
      </c>
      <c r="AL12485">
        <v>57</v>
      </c>
      <c r="AM12485">
        <v>57</v>
      </c>
      <c r="AN12485">
        <v>57</v>
      </c>
      <c r="AO12485">
        <v>58</v>
      </c>
      <c r="AP12485">
        <v>58</v>
      </c>
      <c r="AQ12485">
        <v>58</v>
      </c>
    </row>
    <row r="12486" spans="1:43">
      <c r="A12486" t="s">
        <v>7760</v>
      </c>
      <c r="B12486" t="s">
        <v>7761</v>
      </c>
      <c r="C12486" t="s">
        <v>7754</v>
      </c>
      <c r="D12486" t="s">
        <v>7755</v>
      </c>
      <c r="E12486" t="s">
        <v>7646</v>
      </c>
      <c r="F12486" t="s">
        <v>7647</v>
      </c>
      <c r="G12486" t="s">
        <v>80</v>
      </c>
      <c r="H12486" t="s">
        <v>81</v>
      </c>
      <c r="I12486" s="2">
        <v>0</v>
      </c>
      <c r="J12486" s="2">
        <v>1</v>
      </c>
      <c r="K12486" s="2">
        <v>0</v>
      </c>
      <c r="L12486" t="s">
        <v>82</v>
      </c>
      <c r="M12486" t="s">
        <v>83</v>
      </c>
      <c r="N12486" t="s">
        <v>84</v>
      </c>
      <c r="O12486" t="s">
        <v>85</v>
      </c>
      <c r="P12486" t="s">
        <v>86</v>
      </c>
      <c r="Q12486">
        <v>0</v>
      </c>
      <c r="R12486">
        <v>0</v>
      </c>
      <c r="S12486">
        <v>0</v>
      </c>
      <c r="T12486">
        <v>0</v>
      </c>
      <c r="U12486">
        <v>0</v>
      </c>
      <c r="V12486">
        <v>0</v>
      </c>
      <c r="W12486">
        <v>0</v>
      </c>
      <c r="X12486">
        <v>0</v>
      </c>
      <c r="Y12486">
        <v>0</v>
      </c>
      <c r="Z12486">
        <v>0</v>
      </c>
      <c r="AA12486">
        <v>0</v>
      </c>
      <c r="AB12486">
        <v>0</v>
      </c>
      <c r="AC12486">
        <v>0</v>
      </c>
      <c r="AD12486">
        <v>0</v>
      </c>
      <c r="AE12486">
        <v>0</v>
      </c>
      <c r="AF12486">
        <v>0</v>
      </c>
      <c r="AG12486">
        <v>0</v>
      </c>
      <c r="AH12486">
        <v>0</v>
      </c>
      <c r="AI12486">
        <v>0</v>
      </c>
      <c r="AJ12486">
        <v>0</v>
      </c>
      <c r="AK12486">
        <v>0</v>
      </c>
      <c r="AL12486">
        <v>0</v>
      </c>
      <c r="AM12486">
        <v>0</v>
      </c>
      <c r="AN12486">
        <v>0</v>
      </c>
      <c r="AO12486">
        <v>0</v>
      </c>
      <c r="AP12486">
        <v>0</v>
      </c>
      <c r="AQ12486">
        <v>0</v>
      </c>
    </row>
    <row r="12487" spans="1:43">
      <c r="A12487" t="s">
        <v>7760</v>
      </c>
      <c r="B12487" t="s">
        <v>7761</v>
      </c>
      <c r="C12487" t="s">
        <v>7754</v>
      </c>
      <c r="D12487" t="s">
        <v>7755</v>
      </c>
      <c r="E12487" t="s">
        <v>7646</v>
      </c>
      <c r="F12487" t="s">
        <v>7647</v>
      </c>
      <c r="G12487" t="s">
        <v>80</v>
      </c>
      <c r="H12487" t="s">
        <v>81</v>
      </c>
      <c r="I12487" s="2">
        <v>0</v>
      </c>
      <c r="J12487" s="2">
        <v>1</v>
      </c>
      <c r="K12487" s="2">
        <v>0</v>
      </c>
      <c r="L12487" t="s">
        <v>82</v>
      </c>
      <c r="M12487" t="s">
        <v>87</v>
      </c>
      <c r="N12487" t="s">
        <v>88</v>
      </c>
      <c r="O12487" t="s">
        <v>85</v>
      </c>
      <c r="P12487" t="s">
        <v>86</v>
      </c>
      <c r="Q12487">
        <v>0</v>
      </c>
      <c r="R12487">
        <v>0</v>
      </c>
      <c r="S12487">
        <v>0</v>
      </c>
      <c r="T12487">
        <v>0</v>
      </c>
      <c r="U12487">
        <v>0</v>
      </c>
      <c r="V12487">
        <v>0</v>
      </c>
      <c r="W12487">
        <v>0</v>
      </c>
      <c r="X12487">
        <v>0</v>
      </c>
      <c r="Y12487">
        <v>0</v>
      </c>
      <c r="Z12487">
        <v>0</v>
      </c>
      <c r="AA12487">
        <v>0</v>
      </c>
      <c r="AB12487">
        <v>0</v>
      </c>
      <c r="AC12487">
        <v>0</v>
      </c>
      <c r="AD12487">
        <v>0</v>
      </c>
      <c r="AE12487">
        <v>0</v>
      </c>
      <c r="AF12487">
        <v>0</v>
      </c>
      <c r="AG12487">
        <v>0</v>
      </c>
      <c r="AH12487">
        <v>0</v>
      </c>
      <c r="AI12487">
        <v>0</v>
      </c>
      <c r="AJ12487">
        <v>0</v>
      </c>
      <c r="AK12487">
        <v>0</v>
      </c>
      <c r="AL12487">
        <v>0</v>
      </c>
      <c r="AM12487">
        <v>0</v>
      </c>
      <c r="AN12487">
        <v>0</v>
      </c>
      <c r="AO12487">
        <v>0</v>
      </c>
      <c r="AP12487">
        <v>0</v>
      </c>
      <c r="AQ12487">
        <v>0</v>
      </c>
    </row>
    <row r="12488" spans="1:43">
      <c r="A12488" t="s">
        <v>7760</v>
      </c>
      <c r="B12488" t="s">
        <v>7761</v>
      </c>
      <c r="C12488" t="s">
        <v>7754</v>
      </c>
      <c r="D12488" t="s">
        <v>7755</v>
      </c>
      <c r="E12488" t="s">
        <v>7646</v>
      </c>
      <c r="F12488" t="s">
        <v>7647</v>
      </c>
      <c r="G12488" t="s">
        <v>80</v>
      </c>
      <c r="H12488" t="s">
        <v>81</v>
      </c>
      <c r="I12488" s="2">
        <v>0</v>
      </c>
      <c r="J12488" s="2">
        <v>1</v>
      </c>
      <c r="K12488" s="2">
        <v>0</v>
      </c>
      <c r="L12488" t="s">
        <v>82</v>
      </c>
      <c r="M12488" t="s">
        <v>89</v>
      </c>
      <c r="N12488" t="s">
        <v>90</v>
      </c>
      <c r="O12488" t="s">
        <v>85</v>
      </c>
      <c r="P12488" t="s">
        <v>86</v>
      </c>
      <c r="Q12488">
        <v>0</v>
      </c>
      <c r="R12488">
        <v>0</v>
      </c>
      <c r="S12488">
        <v>0</v>
      </c>
      <c r="T12488">
        <v>0</v>
      </c>
      <c r="U12488">
        <v>0</v>
      </c>
      <c r="V12488">
        <v>0</v>
      </c>
      <c r="W12488">
        <v>0</v>
      </c>
      <c r="X12488">
        <v>0</v>
      </c>
      <c r="Y12488">
        <v>0</v>
      </c>
      <c r="Z12488">
        <v>0</v>
      </c>
      <c r="AA12488">
        <v>0</v>
      </c>
      <c r="AB12488">
        <v>0</v>
      </c>
      <c r="AC12488">
        <v>0</v>
      </c>
      <c r="AD12488">
        <v>0</v>
      </c>
      <c r="AE12488">
        <v>0</v>
      </c>
      <c r="AF12488">
        <v>0</v>
      </c>
      <c r="AG12488">
        <v>0</v>
      </c>
      <c r="AH12488">
        <v>0</v>
      </c>
      <c r="AI12488">
        <v>0</v>
      </c>
      <c r="AJ12488">
        <v>0</v>
      </c>
      <c r="AK12488">
        <v>0</v>
      </c>
      <c r="AL12488">
        <v>0</v>
      </c>
      <c r="AM12488">
        <v>0</v>
      </c>
      <c r="AN12488">
        <v>0</v>
      </c>
      <c r="AO12488">
        <v>0</v>
      </c>
      <c r="AP12488">
        <v>0</v>
      </c>
      <c r="AQ12488">
        <v>0</v>
      </c>
    </row>
    <row r="12489" spans="1:43">
      <c r="A12489" t="s">
        <v>7760</v>
      </c>
      <c r="B12489" t="s">
        <v>7761</v>
      </c>
      <c r="C12489" t="s">
        <v>7754</v>
      </c>
      <c r="D12489" t="s">
        <v>7755</v>
      </c>
      <c r="E12489" t="s">
        <v>7646</v>
      </c>
      <c r="F12489" t="s">
        <v>7647</v>
      </c>
      <c r="G12489" t="s">
        <v>80</v>
      </c>
      <c r="H12489" t="s">
        <v>81</v>
      </c>
      <c r="I12489" s="2">
        <v>0</v>
      </c>
      <c r="J12489" s="2">
        <v>1</v>
      </c>
      <c r="K12489" s="2">
        <v>0</v>
      </c>
      <c r="L12489" t="s">
        <v>82</v>
      </c>
      <c r="M12489" t="s">
        <v>83</v>
      </c>
      <c r="N12489" t="s">
        <v>91</v>
      </c>
      <c r="O12489" t="s">
        <v>85</v>
      </c>
      <c r="P12489" t="s">
        <v>86</v>
      </c>
      <c r="Q12489">
        <v>0</v>
      </c>
      <c r="R12489">
        <v>0</v>
      </c>
      <c r="S12489">
        <v>0</v>
      </c>
      <c r="T12489">
        <v>0</v>
      </c>
      <c r="U12489">
        <v>0</v>
      </c>
      <c r="V12489">
        <v>0</v>
      </c>
      <c r="W12489">
        <v>0</v>
      </c>
      <c r="X12489">
        <v>0</v>
      </c>
      <c r="Y12489">
        <v>0</v>
      </c>
      <c r="Z12489">
        <v>0</v>
      </c>
      <c r="AA12489">
        <v>0</v>
      </c>
      <c r="AB12489">
        <v>0</v>
      </c>
      <c r="AC12489">
        <v>0</v>
      </c>
      <c r="AD12489">
        <v>0</v>
      </c>
      <c r="AE12489">
        <v>0</v>
      </c>
      <c r="AF12489">
        <v>0</v>
      </c>
      <c r="AG12489">
        <v>0</v>
      </c>
      <c r="AH12489">
        <v>0</v>
      </c>
      <c r="AI12489">
        <v>0</v>
      </c>
      <c r="AJ12489">
        <v>0</v>
      </c>
      <c r="AK12489">
        <v>0</v>
      </c>
      <c r="AL12489">
        <v>0</v>
      </c>
      <c r="AM12489">
        <v>0</v>
      </c>
      <c r="AN12489">
        <v>0</v>
      </c>
      <c r="AO12489">
        <v>0</v>
      </c>
      <c r="AP12489">
        <v>0</v>
      </c>
      <c r="AQ12489">
        <v>0</v>
      </c>
    </row>
    <row r="12490" spans="1:43">
      <c r="A12490" t="s">
        <v>7762</v>
      </c>
      <c r="B12490" t="s">
        <v>7763</v>
      </c>
      <c r="C12490" t="s">
        <v>7754</v>
      </c>
      <c r="D12490" t="s">
        <v>7755</v>
      </c>
      <c r="E12490" t="s">
        <v>7646</v>
      </c>
      <c r="F12490" t="s">
        <v>7647</v>
      </c>
      <c r="G12490" t="s">
        <v>80</v>
      </c>
      <c r="H12490" t="s">
        <v>81</v>
      </c>
      <c r="I12490" s="2">
        <v>0</v>
      </c>
      <c r="J12490" s="2">
        <v>1</v>
      </c>
      <c r="K12490" s="2">
        <v>0</v>
      </c>
      <c r="L12490" t="s">
        <v>82</v>
      </c>
      <c r="M12490" t="s">
        <v>83</v>
      </c>
      <c r="N12490" t="s">
        <v>84</v>
      </c>
      <c r="O12490" t="s">
        <v>85</v>
      </c>
      <c r="P12490" t="s">
        <v>86</v>
      </c>
      <c r="Q12490">
        <v>30</v>
      </c>
      <c r="R12490">
        <v>30</v>
      </c>
      <c r="S12490">
        <v>31</v>
      </c>
      <c r="T12490">
        <v>32</v>
      </c>
      <c r="U12490">
        <v>32</v>
      </c>
      <c r="V12490">
        <v>33</v>
      </c>
      <c r="W12490">
        <v>33</v>
      </c>
      <c r="X12490">
        <v>34</v>
      </c>
      <c r="Y12490">
        <v>34</v>
      </c>
      <c r="Z12490">
        <v>35</v>
      </c>
      <c r="AA12490">
        <v>35</v>
      </c>
      <c r="AB12490">
        <v>36</v>
      </c>
      <c r="AC12490">
        <v>37</v>
      </c>
      <c r="AD12490">
        <v>37</v>
      </c>
      <c r="AE12490">
        <v>38</v>
      </c>
      <c r="AF12490">
        <v>38</v>
      </c>
      <c r="AG12490">
        <v>39</v>
      </c>
      <c r="AH12490">
        <v>39</v>
      </c>
      <c r="AI12490">
        <v>40</v>
      </c>
      <c r="AJ12490">
        <v>40</v>
      </c>
      <c r="AK12490">
        <v>41</v>
      </c>
      <c r="AL12490">
        <v>41</v>
      </c>
      <c r="AM12490">
        <v>41</v>
      </c>
      <c r="AN12490">
        <v>42</v>
      </c>
      <c r="AO12490">
        <v>42</v>
      </c>
      <c r="AP12490">
        <v>42</v>
      </c>
      <c r="AQ12490">
        <v>42</v>
      </c>
    </row>
    <row r="12491" spans="1:43">
      <c r="A12491" t="s">
        <v>7762</v>
      </c>
      <c r="B12491" t="s">
        <v>7763</v>
      </c>
      <c r="C12491" t="s">
        <v>7754</v>
      </c>
      <c r="D12491" t="s">
        <v>7755</v>
      </c>
      <c r="E12491" t="s">
        <v>7646</v>
      </c>
      <c r="F12491" t="s">
        <v>7647</v>
      </c>
      <c r="G12491" t="s">
        <v>80</v>
      </c>
      <c r="H12491" t="s">
        <v>81</v>
      </c>
      <c r="I12491" s="2">
        <v>0</v>
      </c>
      <c r="J12491" s="2">
        <v>1</v>
      </c>
      <c r="K12491" s="2">
        <v>0</v>
      </c>
      <c r="L12491" t="s">
        <v>82</v>
      </c>
      <c r="M12491" t="s">
        <v>87</v>
      </c>
      <c r="N12491" t="s">
        <v>88</v>
      </c>
      <c r="O12491" t="s">
        <v>85</v>
      </c>
      <c r="P12491" t="s">
        <v>86</v>
      </c>
      <c r="Q12491">
        <v>30</v>
      </c>
      <c r="R12491">
        <v>30</v>
      </c>
      <c r="S12491">
        <v>30</v>
      </c>
      <c r="T12491">
        <v>30</v>
      </c>
      <c r="U12491">
        <v>31</v>
      </c>
      <c r="V12491">
        <v>31</v>
      </c>
      <c r="W12491">
        <v>31</v>
      </c>
      <c r="X12491">
        <v>31</v>
      </c>
      <c r="Y12491">
        <v>32</v>
      </c>
      <c r="Z12491">
        <v>32</v>
      </c>
      <c r="AA12491">
        <v>32</v>
      </c>
      <c r="AB12491">
        <v>33</v>
      </c>
      <c r="AC12491">
        <v>33</v>
      </c>
      <c r="AD12491">
        <v>33</v>
      </c>
      <c r="AE12491">
        <v>33</v>
      </c>
      <c r="AF12491">
        <v>34</v>
      </c>
      <c r="AG12491">
        <v>34</v>
      </c>
      <c r="AH12491">
        <v>34</v>
      </c>
      <c r="AI12491">
        <v>34</v>
      </c>
      <c r="AJ12491">
        <v>35</v>
      </c>
      <c r="AK12491">
        <v>35</v>
      </c>
      <c r="AL12491">
        <v>35</v>
      </c>
      <c r="AM12491">
        <v>35</v>
      </c>
      <c r="AN12491">
        <v>36</v>
      </c>
      <c r="AO12491">
        <v>36</v>
      </c>
      <c r="AP12491">
        <v>36</v>
      </c>
      <c r="AQ12491">
        <v>37</v>
      </c>
    </row>
    <row r="12492" spans="1:43">
      <c r="A12492" t="s">
        <v>7762</v>
      </c>
      <c r="B12492" t="s">
        <v>7763</v>
      </c>
      <c r="C12492" t="s">
        <v>7754</v>
      </c>
      <c r="D12492" t="s">
        <v>7755</v>
      </c>
      <c r="E12492" t="s">
        <v>7646</v>
      </c>
      <c r="F12492" t="s">
        <v>7647</v>
      </c>
      <c r="G12492" t="s">
        <v>80</v>
      </c>
      <c r="H12492" t="s">
        <v>81</v>
      </c>
      <c r="I12492" s="2">
        <v>0</v>
      </c>
      <c r="J12492" s="2">
        <v>1</v>
      </c>
      <c r="K12492" s="2">
        <v>0</v>
      </c>
      <c r="L12492" t="s">
        <v>82</v>
      </c>
      <c r="M12492" t="s">
        <v>89</v>
      </c>
      <c r="N12492" t="s">
        <v>90</v>
      </c>
      <c r="O12492" t="s">
        <v>85</v>
      </c>
      <c r="P12492" t="s">
        <v>86</v>
      </c>
      <c r="Q12492">
        <v>30</v>
      </c>
      <c r="R12492">
        <v>31</v>
      </c>
      <c r="S12492">
        <v>32</v>
      </c>
      <c r="T12492">
        <v>33</v>
      </c>
      <c r="U12492">
        <v>33</v>
      </c>
      <c r="V12492">
        <v>34</v>
      </c>
      <c r="W12492">
        <v>35</v>
      </c>
      <c r="X12492">
        <v>36</v>
      </c>
      <c r="Y12492">
        <v>36</v>
      </c>
      <c r="Z12492">
        <v>37</v>
      </c>
      <c r="AA12492">
        <v>38</v>
      </c>
      <c r="AB12492">
        <v>38</v>
      </c>
      <c r="AC12492">
        <v>39</v>
      </c>
      <c r="AD12492">
        <v>40</v>
      </c>
      <c r="AE12492">
        <v>40</v>
      </c>
      <c r="AF12492">
        <v>41</v>
      </c>
      <c r="AG12492">
        <v>41</v>
      </c>
      <c r="AH12492">
        <v>41</v>
      </c>
      <c r="AI12492">
        <v>41</v>
      </c>
      <c r="AJ12492">
        <v>41</v>
      </c>
      <c r="AK12492">
        <v>42</v>
      </c>
      <c r="AL12492">
        <v>42</v>
      </c>
      <c r="AM12492">
        <v>42</v>
      </c>
      <c r="AN12492">
        <v>42</v>
      </c>
      <c r="AO12492">
        <v>42</v>
      </c>
      <c r="AP12492">
        <v>43</v>
      </c>
      <c r="AQ12492">
        <v>43</v>
      </c>
    </row>
    <row r="12493" spans="1:43">
      <c r="A12493" t="s">
        <v>7762</v>
      </c>
      <c r="B12493" t="s">
        <v>7763</v>
      </c>
      <c r="C12493" t="s">
        <v>7754</v>
      </c>
      <c r="D12493" t="s">
        <v>7755</v>
      </c>
      <c r="E12493" t="s">
        <v>7646</v>
      </c>
      <c r="F12493" t="s">
        <v>7647</v>
      </c>
      <c r="G12493" t="s">
        <v>80</v>
      </c>
      <c r="H12493" t="s">
        <v>81</v>
      </c>
      <c r="I12493" s="2">
        <v>0</v>
      </c>
      <c r="J12493" s="2">
        <v>1</v>
      </c>
      <c r="K12493" s="2">
        <v>0</v>
      </c>
      <c r="L12493" t="s">
        <v>82</v>
      </c>
      <c r="M12493" t="s">
        <v>83</v>
      </c>
      <c r="N12493" t="s">
        <v>91</v>
      </c>
      <c r="O12493" t="s">
        <v>85</v>
      </c>
      <c r="P12493" t="s">
        <v>86</v>
      </c>
      <c r="Q12493">
        <v>30</v>
      </c>
      <c r="R12493">
        <v>30</v>
      </c>
      <c r="S12493">
        <v>31</v>
      </c>
      <c r="T12493">
        <v>32</v>
      </c>
      <c r="U12493">
        <v>32</v>
      </c>
      <c r="V12493">
        <v>33</v>
      </c>
      <c r="W12493">
        <v>33</v>
      </c>
      <c r="X12493">
        <v>34</v>
      </c>
      <c r="Y12493">
        <v>34</v>
      </c>
      <c r="Z12493">
        <v>35</v>
      </c>
      <c r="AA12493">
        <v>35</v>
      </c>
      <c r="AB12493">
        <v>36</v>
      </c>
      <c r="AC12493">
        <v>37</v>
      </c>
      <c r="AD12493">
        <v>37</v>
      </c>
      <c r="AE12493">
        <v>38</v>
      </c>
      <c r="AF12493">
        <v>38</v>
      </c>
      <c r="AG12493">
        <v>39</v>
      </c>
      <c r="AH12493">
        <v>39</v>
      </c>
      <c r="AI12493">
        <v>40</v>
      </c>
      <c r="AJ12493">
        <v>40</v>
      </c>
      <c r="AK12493">
        <v>41</v>
      </c>
      <c r="AL12493">
        <v>41</v>
      </c>
      <c r="AM12493">
        <v>41</v>
      </c>
      <c r="AN12493">
        <v>42</v>
      </c>
      <c r="AO12493">
        <v>42</v>
      </c>
      <c r="AP12493">
        <v>42</v>
      </c>
      <c r="AQ12493">
        <v>42</v>
      </c>
    </row>
    <row r="12494" spans="1:43">
      <c r="A12494" t="s">
        <v>7764</v>
      </c>
      <c r="B12494" t="s">
        <v>7765</v>
      </c>
      <c r="C12494" t="s">
        <v>7766</v>
      </c>
      <c r="D12494" t="s">
        <v>7767</v>
      </c>
      <c r="E12494" t="s">
        <v>7646</v>
      </c>
      <c r="F12494" t="s">
        <v>7647</v>
      </c>
      <c r="G12494" t="s">
        <v>80</v>
      </c>
      <c r="H12494" t="s">
        <v>81</v>
      </c>
      <c r="I12494" s="2">
        <v>0</v>
      </c>
      <c r="J12494" s="2">
        <v>1</v>
      </c>
      <c r="K12494" s="2">
        <v>0</v>
      </c>
      <c r="L12494" t="s">
        <v>82</v>
      </c>
      <c r="M12494" t="s">
        <v>83</v>
      </c>
      <c r="N12494" t="s">
        <v>84</v>
      </c>
      <c r="O12494" t="s">
        <v>85</v>
      </c>
      <c r="P12494" t="s">
        <v>86</v>
      </c>
      <c r="Q12494">
        <v>158</v>
      </c>
      <c r="R12494">
        <v>161</v>
      </c>
      <c r="S12494">
        <v>164</v>
      </c>
      <c r="T12494">
        <v>167</v>
      </c>
      <c r="U12494">
        <v>170</v>
      </c>
      <c r="V12494">
        <v>173</v>
      </c>
      <c r="W12494">
        <v>176</v>
      </c>
      <c r="X12494">
        <v>179</v>
      </c>
      <c r="Y12494">
        <v>182</v>
      </c>
      <c r="Z12494">
        <v>185</v>
      </c>
      <c r="AA12494">
        <v>188</v>
      </c>
      <c r="AB12494">
        <v>191</v>
      </c>
      <c r="AC12494">
        <v>193</v>
      </c>
      <c r="AD12494">
        <v>196</v>
      </c>
      <c r="AE12494">
        <v>199</v>
      </c>
      <c r="AF12494">
        <v>202</v>
      </c>
      <c r="AG12494">
        <v>205</v>
      </c>
      <c r="AH12494">
        <v>208</v>
      </c>
      <c r="AI12494">
        <v>211</v>
      </c>
      <c r="AJ12494">
        <v>214</v>
      </c>
      <c r="AK12494">
        <v>217</v>
      </c>
      <c r="AL12494">
        <v>219</v>
      </c>
      <c r="AM12494">
        <v>220</v>
      </c>
      <c r="AN12494">
        <v>221</v>
      </c>
      <c r="AO12494">
        <v>222</v>
      </c>
      <c r="AP12494">
        <v>223</v>
      </c>
      <c r="AQ12494">
        <v>224</v>
      </c>
    </row>
    <row r="12495" spans="1:43">
      <c r="A12495" t="s">
        <v>7764</v>
      </c>
      <c r="B12495" t="s">
        <v>7765</v>
      </c>
      <c r="C12495" t="s">
        <v>7766</v>
      </c>
      <c r="D12495" t="s">
        <v>7767</v>
      </c>
      <c r="E12495" t="s">
        <v>7646</v>
      </c>
      <c r="F12495" t="s">
        <v>7647</v>
      </c>
      <c r="G12495" t="s">
        <v>80</v>
      </c>
      <c r="H12495" t="s">
        <v>81</v>
      </c>
      <c r="I12495" s="2">
        <v>0</v>
      </c>
      <c r="J12495" s="2">
        <v>1</v>
      </c>
      <c r="K12495" s="2">
        <v>0</v>
      </c>
      <c r="L12495" t="s">
        <v>82</v>
      </c>
      <c r="M12495" t="s">
        <v>87</v>
      </c>
      <c r="N12495" t="s">
        <v>88</v>
      </c>
      <c r="O12495" t="s">
        <v>85</v>
      </c>
      <c r="P12495" t="s">
        <v>86</v>
      </c>
      <c r="Q12495">
        <v>158</v>
      </c>
      <c r="R12495">
        <v>159</v>
      </c>
      <c r="S12495">
        <v>160</v>
      </c>
      <c r="T12495">
        <v>162</v>
      </c>
      <c r="U12495">
        <v>163</v>
      </c>
      <c r="V12495">
        <v>165</v>
      </c>
      <c r="W12495">
        <v>166</v>
      </c>
      <c r="X12495">
        <v>167</v>
      </c>
      <c r="Y12495">
        <v>169</v>
      </c>
      <c r="Z12495">
        <v>170</v>
      </c>
      <c r="AA12495">
        <v>172</v>
      </c>
      <c r="AB12495">
        <v>173</v>
      </c>
      <c r="AC12495">
        <v>175</v>
      </c>
      <c r="AD12495">
        <v>176</v>
      </c>
      <c r="AE12495">
        <v>177</v>
      </c>
      <c r="AF12495">
        <v>179</v>
      </c>
      <c r="AG12495">
        <v>180</v>
      </c>
      <c r="AH12495">
        <v>182</v>
      </c>
      <c r="AI12495">
        <v>183</v>
      </c>
      <c r="AJ12495">
        <v>184</v>
      </c>
      <c r="AK12495">
        <v>186</v>
      </c>
      <c r="AL12495">
        <v>187</v>
      </c>
      <c r="AM12495">
        <v>189</v>
      </c>
      <c r="AN12495">
        <v>190</v>
      </c>
      <c r="AO12495">
        <v>192</v>
      </c>
      <c r="AP12495">
        <v>193</v>
      </c>
      <c r="AQ12495">
        <v>194</v>
      </c>
    </row>
    <row r="12496" spans="1:43">
      <c r="A12496" t="s">
        <v>7764</v>
      </c>
      <c r="B12496" t="s">
        <v>7765</v>
      </c>
      <c r="C12496" t="s">
        <v>7766</v>
      </c>
      <c r="D12496" t="s">
        <v>7767</v>
      </c>
      <c r="E12496" t="s">
        <v>7646</v>
      </c>
      <c r="F12496" t="s">
        <v>7647</v>
      </c>
      <c r="G12496" t="s">
        <v>80</v>
      </c>
      <c r="H12496" t="s">
        <v>81</v>
      </c>
      <c r="I12496" s="2">
        <v>0</v>
      </c>
      <c r="J12496" s="2">
        <v>1</v>
      </c>
      <c r="K12496" s="2">
        <v>0</v>
      </c>
      <c r="L12496" t="s">
        <v>82</v>
      </c>
      <c r="M12496" t="s">
        <v>89</v>
      </c>
      <c r="N12496" t="s">
        <v>90</v>
      </c>
      <c r="O12496" t="s">
        <v>85</v>
      </c>
      <c r="P12496" t="s">
        <v>86</v>
      </c>
      <c r="Q12496">
        <v>158</v>
      </c>
      <c r="R12496">
        <v>162</v>
      </c>
      <c r="S12496">
        <v>166</v>
      </c>
      <c r="T12496">
        <v>170</v>
      </c>
      <c r="U12496">
        <v>175</v>
      </c>
      <c r="V12496">
        <v>179</v>
      </c>
      <c r="W12496">
        <v>183</v>
      </c>
      <c r="X12496">
        <v>187</v>
      </c>
      <c r="Y12496">
        <v>190</v>
      </c>
      <c r="Z12496">
        <v>194</v>
      </c>
      <c r="AA12496">
        <v>198</v>
      </c>
      <c r="AB12496">
        <v>201</v>
      </c>
      <c r="AC12496">
        <v>205</v>
      </c>
      <c r="AD12496">
        <v>209</v>
      </c>
      <c r="AE12496">
        <v>212</v>
      </c>
      <c r="AF12496">
        <v>213</v>
      </c>
      <c r="AG12496">
        <v>214</v>
      </c>
      <c r="AH12496">
        <v>215</v>
      </c>
      <c r="AI12496">
        <v>216</v>
      </c>
      <c r="AJ12496">
        <v>217</v>
      </c>
      <c r="AK12496">
        <v>218</v>
      </c>
      <c r="AL12496">
        <v>219</v>
      </c>
      <c r="AM12496">
        <v>220</v>
      </c>
      <c r="AN12496">
        <v>221</v>
      </c>
      <c r="AO12496">
        <v>222</v>
      </c>
      <c r="AP12496">
        <v>223</v>
      </c>
      <c r="AQ12496">
        <v>224</v>
      </c>
    </row>
    <row r="12497" spans="1:43">
      <c r="A12497" t="s">
        <v>7764</v>
      </c>
      <c r="B12497" t="s">
        <v>7765</v>
      </c>
      <c r="C12497" t="s">
        <v>7766</v>
      </c>
      <c r="D12497" t="s">
        <v>7767</v>
      </c>
      <c r="E12497" t="s">
        <v>7646</v>
      </c>
      <c r="F12497" t="s">
        <v>7647</v>
      </c>
      <c r="G12497" t="s">
        <v>80</v>
      </c>
      <c r="H12497" t="s">
        <v>81</v>
      </c>
      <c r="I12497" s="2">
        <v>0</v>
      </c>
      <c r="J12497" s="2">
        <v>1</v>
      </c>
      <c r="K12497" s="2">
        <v>0</v>
      </c>
      <c r="L12497" t="s">
        <v>82</v>
      </c>
      <c r="M12497" t="s">
        <v>83</v>
      </c>
      <c r="N12497" t="s">
        <v>91</v>
      </c>
      <c r="O12497" t="s">
        <v>85</v>
      </c>
      <c r="P12497" t="s">
        <v>86</v>
      </c>
      <c r="Q12497">
        <v>158</v>
      </c>
      <c r="R12497">
        <v>161</v>
      </c>
      <c r="S12497">
        <v>164</v>
      </c>
      <c r="T12497">
        <v>167</v>
      </c>
      <c r="U12497">
        <v>170</v>
      </c>
      <c r="V12497">
        <v>173</v>
      </c>
      <c r="W12497">
        <v>176</v>
      </c>
      <c r="X12497">
        <v>179</v>
      </c>
      <c r="Y12497">
        <v>182</v>
      </c>
      <c r="Z12497">
        <v>185</v>
      </c>
      <c r="AA12497">
        <v>188</v>
      </c>
      <c r="AB12497">
        <v>191</v>
      </c>
      <c r="AC12497">
        <v>193</v>
      </c>
      <c r="AD12497">
        <v>196</v>
      </c>
      <c r="AE12497">
        <v>199</v>
      </c>
      <c r="AF12497">
        <v>202</v>
      </c>
      <c r="AG12497">
        <v>205</v>
      </c>
      <c r="AH12497">
        <v>208</v>
      </c>
      <c r="AI12497">
        <v>211</v>
      </c>
      <c r="AJ12497">
        <v>214</v>
      </c>
      <c r="AK12497">
        <v>217</v>
      </c>
      <c r="AL12497">
        <v>219</v>
      </c>
      <c r="AM12497">
        <v>220</v>
      </c>
      <c r="AN12497">
        <v>221</v>
      </c>
      <c r="AO12497">
        <v>222</v>
      </c>
      <c r="AP12497">
        <v>223</v>
      </c>
      <c r="AQ12497">
        <v>224</v>
      </c>
    </row>
    <row r="12498" spans="1:43">
      <c r="A12498" t="s">
        <v>7768</v>
      </c>
      <c r="B12498" t="s">
        <v>7769</v>
      </c>
      <c r="C12498" t="s">
        <v>7770</v>
      </c>
      <c r="D12498" t="s">
        <v>7771</v>
      </c>
      <c r="E12498" t="s">
        <v>7646</v>
      </c>
      <c r="F12498" t="s">
        <v>7647</v>
      </c>
      <c r="G12498" t="s">
        <v>80</v>
      </c>
      <c r="H12498" t="s">
        <v>81</v>
      </c>
      <c r="I12498" s="2">
        <v>0</v>
      </c>
      <c r="J12498" s="2">
        <v>1</v>
      </c>
      <c r="K12498" s="2">
        <v>0</v>
      </c>
      <c r="L12498" t="s">
        <v>82</v>
      </c>
      <c r="M12498" t="s">
        <v>83</v>
      </c>
      <c r="N12498" t="s">
        <v>84</v>
      </c>
      <c r="O12498" t="s">
        <v>85</v>
      </c>
      <c r="P12498" t="s">
        <v>86</v>
      </c>
      <c r="Q12498">
        <v>144</v>
      </c>
      <c r="R12498">
        <v>147</v>
      </c>
      <c r="S12498">
        <v>150</v>
      </c>
      <c r="T12498">
        <v>153</v>
      </c>
      <c r="U12498">
        <v>155</v>
      </c>
      <c r="V12498">
        <v>158</v>
      </c>
      <c r="W12498">
        <v>161</v>
      </c>
      <c r="X12498">
        <v>164</v>
      </c>
      <c r="Y12498">
        <v>167</v>
      </c>
      <c r="Z12498">
        <v>169</v>
      </c>
      <c r="AA12498">
        <v>172</v>
      </c>
      <c r="AB12498">
        <v>175</v>
      </c>
      <c r="AC12498">
        <v>178</v>
      </c>
      <c r="AD12498">
        <v>180</v>
      </c>
      <c r="AE12498">
        <v>183</v>
      </c>
      <c r="AF12498">
        <v>186</v>
      </c>
      <c r="AG12498">
        <v>188</v>
      </c>
      <c r="AH12498">
        <v>191</v>
      </c>
      <c r="AI12498">
        <v>194</v>
      </c>
      <c r="AJ12498">
        <v>197</v>
      </c>
      <c r="AK12498">
        <v>199</v>
      </c>
      <c r="AL12498">
        <v>201</v>
      </c>
      <c r="AM12498">
        <v>202</v>
      </c>
      <c r="AN12498">
        <v>203</v>
      </c>
      <c r="AO12498">
        <v>204</v>
      </c>
      <c r="AP12498">
        <v>204</v>
      </c>
      <c r="AQ12498">
        <v>205</v>
      </c>
    </row>
    <row r="12499" spans="1:43">
      <c r="A12499" t="s">
        <v>7768</v>
      </c>
      <c r="B12499" t="s">
        <v>7769</v>
      </c>
      <c r="C12499" t="s">
        <v>7770</v>
      </c>
      <c r="D12499" t="s">
        <v>7771</v>
      </c>
      <c r="E12499" t="s">
        <v>7646</v>
      </c>
      <c r="F12499" t="s">
        <v>7647</v>
      </c>
      <c r="G12499" t="s">
        <v>80</v>
      </c>
      <c r="H12499" t="s">
        <v>81</v>
      </c>
      <c r="I12499" s="2">
        <v>0</v>
      </c>
      <c r="J12499" s="2">
        <v>1</v>
      </c>
      <c r="K12499" s="2">
        <v>0</v>
      </c>
      <c r="L12499" t="s">
        <v>82</v>
      </c>
      <c r="M12499" t="s">
        <v>87</v>
      </c>
      <c r="N12499" t="s">
        <v>88</v>
      </c>
      <c r="O12499" t="s">
        <v>85</v>
      </c>
      <c r="P12499" t="s">
        <v>86</v>
      </c>
      <c r="Q12499">
        <v>144</v>
      </c>
      <c r="R12499">
        <v>145</v>
      </c>
      <c r="S12499">
        <v>147</v>
      </c>
      <c r="T12499">
        <v>148</v>
      </c>
      <c r="U12499">
        <v>150</v>
      </c>
      <c r="V12499">
        <v>151</v>
      </c>
      <c r="W12499">
        <v>152</v>
      </c>
      <c r="X12499">
        <v>154</v>
      </c>
      <c r="Y12499">
        <v>155</v>
      </c>
      <c r="Z12499">
        <v>156</v>
      </c>
      <c r="AA12499">
        <v>158</v>
      </c>
      <c r="AB12499">
        <v>159</v>
      </c>
      <c r="AC12499">
        <v>160</v>
      </c>
      <c r="AD12499">
        <v>162</v>
      </c>
      <c r="AE12499">
        <v>163</v>
      </c>
      <c r="AF12499">
        <v>165</v>
      </c>
      <c r="AG12499">
        <v>166</v>
      </c>
      <c r="AH12499">
        <v>167</v>
      </c>
      <c r="AI12499">
        <v>169</v>
      </c>
      <c r="AJ12499">
        <v>170</v>
      </c>
      <c r="AK12499">
        <v>171</v>
      </c>
      <c r="AL12499">
        <v>173</v>
      </c>
      <c r="AM12499">
        <v>174</v>
      </c>
      <c r="AN12499">
        <v>176</v>
      </c>
      <c r="AO12499">
        <v>177</v>
      </c>
      <c r="AP12499">
        <v>178</v>
      </c>
      <c r="AQ12499">
        <v>180</v>
      </c>
    </row>
    <row r="12500" spans="1:43">
      <c r="A12500" t="s">
        <v>7768</v>
      </c>
      <c r="B12500" t="s">
        <v>7769</v>
      </c>
      <c r="C12500" t="s">
        <v>7770</v>
      </c>
      <c r="D12500" t="s">
        <v>7771</v>
      </c>
      <c r="E12500" t="s">
        <v>7646</v>
      </c>
      <c r="F12500" t="s">
        <v>7647</v>
      </c>
      <c r="G12500" t="s">
        <v>80</v>
      </c>
      <c r="H12500" t="s">
        <v>81</v>
      </c>
      <c r="I12500" s="2">
        <v>0</v>
      </c>
      <c r="J12500" s="2">
        <v>1</v>
      </c>
      <c r="K12500" s="2">
        <v>0</v>
      </c>
      <c r="L12500" t="s">
        <v>82</v>
      </c>
      <c r="M12500" t="s">
        <v>89</v>
      </c>
      <c r="N12500" t="s">
        <v>90</v>
      </c>
      <c r="O12500" t="s">
        <v>85</v>
      </c>
      <c r="P12500" t="s">
        <v>86</v>
      </c>
      <c r="Q12500">
        <v>144</v>
      </c>
      <c r="R12500">
        <v>148</v>
      </c>
      <c r="S12500">
        <v>152</v>
      </c>
      <c r="T12500">
        <v>156</v>
      </c>
      <c r="U12500">
        <v>160</v>
      </c>
      <c r="V12500">
        <v>163</v>
      </c>
      <c r="W12500">
        <v>167</v>
      </c>
      <c r="X12500">
        <v>171</v>
      </c>
      <c r="Y12500">
        <v>174</v>
      </c>
      <c r="Z12500">
        <v>178</v>
      </c>
      <c r="AA12500">
        <v>181</v>
      </c>
      <c r="AB12500">
        <v>184</v>
      </c>
      <c r="AC12500">
        <v>188</v>
      </c>
      <c r="AD12500">
        <v>191</v>
      </c>
      <c r="AE12500">
        <v>194</v>
      </c>
      <c r="AF12500">
        <v>195</v>
      </c>
      <c r="AG12500">
        <v>196</v>
      </c>
      <c r="AH12500">
        <v>197</v>
      </c>
      <c r="AI12500">
        <v>198</v>
      </c>
      <c r="AJ12500">
        <v>199</v>
      </c>
      <c r="AK12500">
        <v>200</v>
      </c>
      <c r="AL12500">
        <v>200</v>
      </c>
      <c r="AM12500">
        <v>201</v>
      </c>
      <c r="AN12500">
        <v>202</v>
      </c>
      <c r="AO12500">
        <v>203</v>
      </c>
      <c r="AP12500">
        <v>204</v>
      </c>
      <c r="AQ12500">
        <v>205</v>
      </c>
    </row>
    <row r="12501" spans="1:43">
      <c r="A12501" t="s">
        <v>7768</v>
      </c>
      <c r="B12501" t="s">
        <v>7769</v>
      </c>
      <c r="C12501" t="s">
        <v>7770</v>
      </c>
      <c r="D12501" t="s">
        <v>7771</v>
      </c>
      <c r="E12501" t="s">
        <v>7646</v>
      </c>
      <c r="F12501" t="s">
        <v>7647</v>
      </c>
      <c r="G12501" t="s">
        <v>80</v>
      </c>
      <c r="H12501" t="s">
        <v>81</v>
      </c>
      <c r="I12501" s="2">
        <v>0</v>
      </c>
      <c r="J12501" s="2">
        <v>1</v>
      </c>
      <c r="K12501" s="2">
        <v>0</v>
      </c>
      <c r="L12501" t="s">
        <v>82</v>
      </c>
      <c r="M12501" t="s">
        <v>83</v>
      </c>
      <c r="N12501" t="s">
        <v>91</v>
      </c>
      <c r="O12501" t="s">
        <v>85</v>
      </c>
      <c r="P12501" t="s">
        <v>86</v>
      </c>
      <c r="Q12501">
        <v>144</v>
      </c>
      <c r="R12501">
        <v>147</v>
      </c>
      <c r="S12501">
        <v>150</v>
      </c>
      <c r="T12501">
        <v>153</v>
      </c>
      <c r="U12501">
        <v>155</v>
      </c>
      <c r="V12501">
        <v>158</v>
      </c>
      <c r="W12501">
        <v>161</v>
      </c>
      <c r="X12501">
        <v>164</v>
      </c>
      <c r="Y12501">
        <v>167</v>
      </c>
      <c r="Z12501">
        <v>169</v>
      </c>
      <c r="AA12501">
        <v>172</v>
      </c>
      <c r="AB12501">
        <v>175</v>
      </c>
      <c r="AC12501">
        <v>178</v>
      </c>
      <c r="AD12501">
        <v>180</v>
      </c>
      <c r="AE12501">
        <v>183</v>
      </c>
      <c r="AF12501">
        <v>186</v>
      </c>
      <c r="AG12501">
        <v>188</v>
      </c>
      <c r="AH12501">
        <v>191</v>
      </c>
      <c r="AI12501">
        <v>194</v>
      </c>
      <c r="AJ12501">
        <v>197</v>
      </c>
      <c r="AK12501">
        <v>199</v>
      </c>
      <c r="AL12501">
        <v>201</v>
      </c>
      <c r="AM12501">
        <v>202</v>
      </c>
      <c r="AN12501">
        <v>203</v>
      </c>
      <c r="AO12501">
        <v>204</v>
      </c>
      <c r="AP12501">
        <v>204</v>
      </c>
      <c r="AQ12501">
        <v>205</v>
      </c>
    </row>
    <row r="12502" spans="1:43">
      <c r="A12502" t="s">
        <v>7772</v>
      </c>
      <c r="B12502" t="s">
        <v>7773</v>
      </c>
      <c r="C12502" t="s">
        <v>7770</v>
      </c>
      <c r="D12502" t="s">
        <v>7771</v>
      </c>
      <c r="E12502" t="s">
        <v>7646</v>
      </c>
      <c r="F12502" t="s">
        <v>7647</v>
      </c>
      <c r="G12502" t="s">
        <v>80</v>
      </c>
      <c r="H12502" t="s">
        <v>81</v>
      </c>
      <c r="I12502" s="2">
        <v>0</v>
      </c>
      <c r="J12502" s="2">
        <v>1</v>
      </c>
      <c r="K12502" s="2">
        <v>0</v>
      </c>
      <c r="L12502" t="s">
        <v>82</v>
      </c>
      <c r="M12502" t="s">
        <v>83</v>
      </c>
      <c r="N12502" t="s">
        <v>84</v>
      </c>
      <c r="O12502" t="s">
        <v>85</v>
      </c>
      <c r="P12502" t="s">
        <v>86</v>
      </c>
      <c r="Q12502">
        <v>17</v>
      </c>
      <c r="R12502">
        <v>17</v>
      </c>
      <c r="S12502">
        <v>18</v>
      </c>
      <c r="T12502">
        <v>18</v>
      </c>
      <c r="U12502">
        <v>18</v>
      </c>
      <c r="V12502">
        <v>19</v>
      </c>
      <c r="W12502">
        <v>19</v>
      </c>
      <c r="X12502">
        <v>19</v>
      </c>
      <c r="Y12502">
        <v>20</v>
      </c>
      <c r="Z12502">
        <v>20</v>
      </c>
      <c r="AA12502">
        <v>20</v>
      </c>
      <c r="AB12502">
        <v>21</v>
      </c>
      <c r="AC12502">
        <v>21</v>
      </c>
      <c r="AD12502">
        <v>21</v>
      </c>
      <c r="AE12502">
        <v>22</v>
      </c>
      <c r="AF12502">
        <v>22</v>
      </c>
      <c r="AG12502">
        <v>22</v>
      </c>
      <c r="AH12502">
        <v>22</v>
      </c>
      <c r="AI12502">
        <v>23</v>
      </c>
      <c r="AJ12502">
        <v>23</v>
      </c>
      <c r="AK12502">
        <v>23</v>
      </c>
      <c r="AL12502">
        <v>24</v>
      </c>
      <c r="AM12502">
        <v>24</v>
      </c>
      <c r="AN12502">
        <v>24</v>
      </c>
      <c r="AO12502">
        <v>24</v>
      </c>
      <c r="AP12502">
        <v>24</v>
      </c>
      <c r="AQ12502">
        <v>24</v>
      </c>
    </row>
    <row r="12503" spans="1:43">
      <c r="A12503" t="s">
        <v>7772</v>
      </c>
      <c r="B12503" t="s">
        <v>7773</v>
      </c>
      <c r="C12503" t="s">
        <v>7770</v>
      </c>
      <c r="D12503" t="s">
        <v>7771</v>
      </c>
      <c r="E12503" t="s">
        <v>7646</v>
      </c>
      <c r="F12503" t="s">
        <v>7647</v>
      </c>
      <c r="G12503" t="s">
        <v>80</v>
      </c>
      <c r="H12503" t="s">
        <v>81</v>
      </c>
      <c r="I12503" s="2">
        <v>0</v>
      </c>
      <c r="J12503" s="2">
        <v>1</v>
      </c>
      <c r="K12503" s="2">
        <v>0</v>
      </c>
      <c r="L12503" t="s">
        <v>82</v>
      </c>
      <c r="M12503" t="s">
        <v>87</v>
      </c>
      <c r="N12503" t="s">
        <v>88</v>
      </c>
      <c r="O12503" t="s">
        <v>85</v>
      </c>
      <c r="P12503" t="s">
        <v>86</v>
      </c>
      <c r="Q12503">
        <v>17</v>
      </c>
      <c r="R12503">
        <v>17</v>
      </c>
      <c r="S12503">
        <v>17</v>
      </c>
      <c r="T12503">
        <v>17</v>
      </c>
      <c r="U12503">
        <v>17</v>
      </c>
      <c r="V12503">
        <v>18</v>
      </c>
      <c r="W12503">
        <v>18</v>
      </c>
      <c r="X12503">
        <v>18</v>
      </c>
      <c r="Y12503">
        <v>18</v>
      </c>
      <c r="Z12503">
        <v>18</v>
      </c>
      <c r="AA12503">
        <v>18</v>
      </c>
      <c r="AB12503">
        <v>19</v>
      </c>
      <c r="AC12503">
        <v>19</v>
      </c>
      <c r="AD12503">
        <v>19</v>
      </c>
      <c r="AE12503">
        <v>19</v>
      </c>
      <c r="AF12503">
        <v>19</v>
      </c>
      <c r="AG12503">
        <v>19</v>
      </c>
      <c r="AH12503">
        <v>20</v>
      </c>
      <c r="AI12503">
        <v>20</v>
      </c>
      <c r="AJ12503">
        <v>20</v>
      </c>
      <c r="AK12503">
        <v>20</v>
      </c>
      <c r="AL12503">
        <v>20</v>
      </c>
      <c r="AM12503">
        <v>20</v>
      </c>
      <c r="AN12503">
        <v>21</v>
      </c>
      <c r="AO12503">
        <v>21</v>
      </c>
      <c r="AP12503">
        <v>21</v>
      </c>
      <c r="AQ12503">
        <v>21</v>
      </c>
    </row>
    <row r="12504" spans="1:43">
      <c r="A12504" t="s">
        <v>7772</v>
      </c>
      <c r="B12504" t="s">
        <v>7773</v>
      </c>
      <c r="C12504" t="s">
        <v>7770</v>
      </c>
      <c r="D12504" t="s">
        <v>7771</v>
      </c>
      <c r="E12504" t="s">
        <v>7646</v>
      </c>
      <c r="F12504" t="s">
        <v>7647</v>
      </c>
      <c r="G12504" t="s">
        <v>80</v>
      </c>
      <c r="H12504" t="s">
        <v>81</v>
      </c>
      <c r="I12504" s="2">
        <v>0</v>
      </c>
      <c r="J12504" s="2">
        <v>1</v>
      </c>
      <c r="K12504" s="2">
        <v>0</v>
      </c>
      <c r="L12504" t="s">
        <v>82</v>
      </c>
      <c r="M12504" t="s">
        <v>89</v>
      </c>
      <c r="N12504" t="s">
        <v>90</v>
      </c>
      <c r="O12504" t="s">
        <v>85</v>
      </c>
      <c r="P12504" t="s">
        <v>86</v>
      </c>
      <c r="Q12504">
        <v>17</v>
      </c>
      <c r="R12504">
        <v>18</v>
      </c>
      <c r="S12504">
        <v>18</v>
      </c>
      <c r="T12504">
        <v>19</v>
      </c>
      <c r="U12504">
        <v>19</v>
      </c>
      <c r="V12504">
        <v>19</v>
      </c>
      <c r="W12504">
        <v>20</v>
      </c>
      <c r="X12504">
        <v>20</v>
      </c>
      <c r="Y12504">
        <v>21</v>
      </c>
      <c r="Z12504">
        <v>21</v>
      </c>
      <c r="AA12504">
        <v>22</v>
      </c>
      <c r="AB12504">
        <v>22</v>
      </c>
      <c r="AC12504">
        <v>22</v>
      </c>
      <c r="AD12504">
        <v>23</v>
      </c>
      <c r="AE12504">
        <v>23</v>
      </c>
      <c r="AF12504">
        <v>23</v>
      </c>
      <c r="AG12504">
        <v>23</v>
      </c>
      <c r="AH12504">
        <v>23</v>
      </c>
      <c r="AI12504">
        <v>23</v>
      </c>
      <c r="AJ12504">
        <v>24</v>
      </c>
      <c r="AK12504">
        <v>24</v>
      </c>
      <c r="AL12504">
        <v>24</v>
      </c>
      <c r="AM12504">
        <v>24</v>
      </c>
      <c r="AN12504">
        <v>24</v>
      </c>
      <c r="AO12504">
        <v>24</v>
      </c>
      <c r="AP12504">
        <v>24</v>
      </c>
      <c r="AQ12504">
        <v>24</v>
      </c>
    </row>
    <row r="12505" spans="1:43">
      <c r="A12505" t="s">
        <v>7772</v>
      </c>
      <c r="B12505" t="s">
        <v>7773</v>
      </c>
      <c r="C12505" t="s">
        <v>7770</v>
      </c>
      <c r="D12505" t="s">
        <v>7771</v>
      </c>
      <c r="E12505" t="s">
        <v>7646</v>
      </c>
      <c r="F12505" t="s">
        <v>7647</v>
      </c>
      <c r="G12505" t="s">
        <v>80</v>
      </c>
      <c r="H12505" t="s">
        <v>81</v>
      </c>
      <c r="I12505" s="2">
        <v>0</v>
      </c>
      <c r="J12505" s="2">
        <v>1</v>
      </c>
      <c r="K12505" s="2">
        <v>0</v>
      </c>
      <c r="L12505" t="s">
        <v>82</v>
      </c>
      <c r="M12505" t="s">
        <v>83</v>
      </c>
      <c r="N12505" t="s">
        <v>91</v>
      </c>
      <c r="O12505" t="s">
        <v>85</v>
      </c>
      <c r="P12505" t="s">
        <v>86</v>
      </c>
      <c r="Q12505">
        <v>17</v>
      </c>
      <c r="R12505">
        <v>17</v>
      </c>
      <c r="S12505">
        <v>18</v>
      </c>
      <c r="T12505">
        <v>18</v>
      </c>
      <c r="U12505">
        <v>18</v>
      </c>
      <c r="V12505">
        <v>19</v>
      </c>
      <c r="W12505">
        <v>19</v>
      </c>
      <c r="X12505">
        <v>19</v>
      </c>
      <c r="Y12505">
        <v>20</v>
      </c>
      <c r="Z12505">
        <v>20</v>
      </c>
      <c r="AA12505">
        <v>20</v>
      </c>
      <c r="AB12505">
        <v>21</v>
      </c>
      <c r="AC12505">
        <v>21</v>
      </c>
      <c r="AD12505">
        <v>21</v>
      </c>
      <c r="AE12505">
        <v>22</v>
      </c>
      <c r="AF12505">
        <v>22</v>
      </c>
      <c r="AG12505">
        <v>22</v>
      </c>
      <c r="AH12505">
        <v>22</v>
      </c>
      <c r="AI12505">
        <v>23</v>
      </c>
      <c r="AJ12505">
        <v>23</v>
      </c>
      <c r="AK12505">
        <v>23</v>
      </c>
      <c r="AL12505">
        <v>24</v>
      </c>
      <c r="AM12505">
        <v>24</v>
      </c>
      <c r="AN12505">
        <v>24</v>
      </c>
      <c r="AO12505">
        <v>24</v>
      </c>
      <c r="AP12505">
        <v>24</v>
      </c>
      <c r="AQ12505">
        <v>24</v>
      </c>
    </row>
    <row r="12506" spans="1:43">
      <c r="A12506" t="s">
        <v>7774</v>
      </c>
      <c r="B12506" t="s">
        <v>7775</v>
      </c>
      <c r="C12506" t="s">
        <v>7770</v>
      </c>
      <c r="D12506" t="s">
        <v>7771</v>
      </c>
      <c r="E12506" t="s">
        <v>7646</v>
      </c>
      <c r="F12506" t="s">
        <v>7647</v>
      </c>
      <c r="G12506" t="s">
        <v>80</v>
      </c>
      <c r="H12506" t="s">
        <v>81</v>
      </c>
      <c r="I12506" s="2">
        <v>0</v>
      </c>
      <c r="J12506" s="2">
        <v>1</v>
      </c>
      <c r="K12506" s="2">
        <v>0</v>
      </c>
      <c r="L12506" t="s">
        <v>82</v>
      </c>
      <c r="M12506" t="s">
        <v>83</v>
      </c>
      <c r="N12506" t="s">
        <v>84</v>
      </c>
      <c r="O12506" t="s">
        <v>85</v>
      </c>
      <c r="P12506" t="s">
        <v>86</v>
      </c>
      <c r="Q12506">
        <v>6</v>
      </c>
      <c r="R12506">
        <v>6</v>
      </c>
      <c r="S12506">
        <v>6</v>
      </c>
      <c r="T12506">
        <v>6</v>
      </c>
      <c r="U12506">
        <v>6</v>
      </c>
      <c r="V12506">
        <v>6</v>
      </c>
      <c r="W12506">
        <v>6</v>
      </c>
      <c r="X12506">
        <v>6</v>
      </c>
      <c r="Y12506">
        <v>7</v>
      </c>
      <c r="Z12506">
        <v>7</v>
      </c>
      <c r="AA12506">
        <v>7</v>
      </c>
      <c r="AB12506">
        <v>7</v>
      </c>
      <c r="AC12506">
        <v>7</v>
      </c>
      <c r="AD12506">
        <v>7</v>
      </c>
      <c r="AE12506">
        <v>7</v>
      </c>
      <c r="AF12506">
        <v>7</v>
      </c>
      <c r="AG12506">
        <v>7</v>
      </c>
      <c r="AH12506">
        <v>8</v>
      </c>
      <c r="AI12506">
        <v>8</v>
      </c>
      <c r="AJ12506">
        <v>8</v>
      </c>
      <c r="AK12506">
        <v>8</v>
      </c>
      <c r="AL12506">
        <v>8</v>
      </c>
      <c r="AM12506">
        <v>8</v>
      </c>
      <c r="AN12506">
        <v>8</v>
      </c>
      <c r="AO12506">
        <v>8</v>
      </c>
      <c r="AP12506">
        <v>8</v>
      </c>
      <c r="AQ12506">
        <v>8</v>
      </c>
    </row>
    <row r="12507" spans="1:43">
      <c r="A12507" t="s">
        <v>7774</v>
      </c>
      <c r="B12507" t="s">
        <v>7775</v>
      </c>
      <c r="C12507" t="s">
        <v>7770</v>
      </c>
      <c r="D12507" t="s">
        <v>7771</v>
      </c>
      <c r="E12507" t="s">
        <v>7646</v>
      </c>
      <c r="F12507" t="s">
        <v>7647</v>
      </c>
      <c r="G12507" t="s">
        <v>80</v>
      </c>
      <c r="H12507" t="s">
        <v>81</v>
      </c>
      <c r="I12507" s="2">
        <v>0</v>
      </c>
      <c r="J12507" s="2">
        <v>1</v>
      </c>
      <c r="K12507" s="2">
        <v>0</v>
      </c>
      <c r="L12507" t="s">
        <v>82</v>
      </c>
      <c r="M12507" t="s">
        <v>87</v>
      </c>
      <c r="N12507" t="s">
        <v>88</v>
      </c>
      <c r="O12507" t="s">
        <v>85</v>
      </c>
      <c r="P12507" t="s">
        <v>86</v>
      </c>
      <c r="Q12507">
        <v>6</v>
      </c>
      <c r="R12507">
        <v>6</v>
      </c>
      <c r="S12507">
        <v>6</v>
      </c>
      <c r="T12507">
        <v>6</v>
      </c>
      <c r="U12507">
        <v>6</v>
      </c>
      <c r="V12507">
        <v>6</v>
      </c>
      <c r="W12507">
        <v>6</v>
      </c>
      <c r="X12507">
        <v>6</v>
      </c>
      <c r="Y12507">
        <v>6</v>
      </c>
      <c r="Z12507">
        <v>6</v>
      </c>
      <c r="AA12507">
        <v>6</v>
      </c>
      <c r="AB12507">
        <v>6</v>
      </c>
      <c r="AC12507">
        <v>6</v>
      </c>
      <c r="AD12507">
        <v>6</v>
      </c>
      <c r="AE12507">
        <v>6</v>
      </c>
      <c r="AF12507">
        <v>6</v>
      </c>
      <c r="AG12507">
        <v>7</v>
      </c>
      <c r="AH12507">
        <v>7</v>
      </c>
      <c r="AI12507">
        <v>7</v>
      </c>
      <c r="AJ12507">
        <v>7</v>
      </c>
      <c r="AK12507">
        <v>7</v>
      </c>
      <c r="AL12507">
        <v>7</v>
      </c>
      <c r="AM12507">
        <v>7</v>
      </c>
      <c r="AN12507">
        <v>7</v>
      </c>
      <c r="AO12507">
        <v>7</v>
      </c>
      <c r="AP12507">
        <v>7</v>
      </c>
      <c r="AQ12507">
        <v>7</v>
      </c>
    </row>
    <row r="12508" spans="1:43">
      <c r="A12508" t="s">
        <v>7774</v>
      </c>
      <c r="B12508" t="s">
        <v>7775</v>
      </c>
      <c r="C12508" t="s">
        <v>7770</v>
      </c>
      <c r="D12508" t="s">
        <v>7771</v>
      </c>
      <c r="E12508" t="s">
        <v>7646</v>
      </c>
      <c r="F12508" t="s">
        <v>7647</v>
      </c>
      <c r="G12508" t="s">
        <v>80</v>
      </c>
      <c r="H12508" t="s">
        <v>81</v>
      </c>
      <c r="I12508" s="2">
        <v>0</v>
      </c>
      <c r="J12508" s="2">
        <v>1</v>
      </c>
      <c r="K12508" s="2">
        <v>0</v>
      </c>
      <c r="L12508" t="s">
        <v>82</v>
      </c>
      <c r="M12508" t="s">
        <v>89</v>
      </c>
      <c r="N12508" t="s">
        <v>90</v>
      </c>
      <c r="O12508" t="s">
        <v>85</v>
      </c>
      <c r="P12508" t="s">
        <v>86</v>
      </c>
      <c r="Q12508">
        <v>6</v>
      </c>
      <c r="R12508">
        <v>6</v>
      </c>
      <c r="S12508">
        <v>6</v>
      </c>
      <c r="T12508">
        <v>6</v>
      </c>
      <c r="U12508">
        <v>6</v>
      </c>
      <c r="V12508">
        <v>7</v>
      </c>
      <c r="W12508">
        <v>7</v>
      </c>
      <c r="X12508">
        <v>7</v>
      </c>
      <c r="Y12508">
        <v>7</v>
      </c>
      <c r="Z12508">
        <v>7</v>
      </c>
      <c r="AA12508">
        <v>7</v>
      </c>
      <c r="AB12508">
        <v>7</v>
      </c>
      <c r="AC12508">
        <v>7</v>
      </c>
      <c r="AD12508">
        <v>8</v>
      </c>
      <c r="AE12508">
        <v>8</v>
      </c>
      <c r="AF12508">
        <v>8</v>
      </c>
      <c r="AG12508">
        <v>8</v>
      </c>
      <c r="AH12508">
        <v>8</v>
      </c>
      <c r="AI12508">
        <v>8</v>
      </c>
      <c r="AJ12508">
        <v>8</v>
      </c>
      <c r="AK12508">
        <v>8</v>
      </c>
      <c r="AL12508">
        <v>8</v>
      </c>
      <c r="AM12508">
        <v>8</v>
      </c>
      <c r="AN12508">
        <v>8</v>
      </c>
      <c r="AO12508">
        <v>8</v>
      </c>
      <c r="AP12508">
        <v>8</v>
      </c>
      <c r="AQ12508">
        <v>8</v>
      </c>
    </row>
    <row r="12509" spans="1:43">
      <c r="A12509" t="s">
        <v>7774</v>
      </c>
      <c r="B12509" t="s">
        <v>7775</v>
      </c>
      <c r="C12509" t="s">
        <v>7770</v>
      </c>
      <c r="D12509" t="s">
        <v>7771</v>
      </c>
      <c r="E12509" t="s">
        <v>7646</v>
      </c>
      <c r="F12509" t="s">
        <v>7647</v>
      </c>
      <c r="G12509" t="s">
        <v>80</v>
      </c>
      <c r="H12509" t="s">
        <v>81</v>
      </c>
      <c r="I12509" s="2">
        <v>0</v>
      </c>
      <c r="J12509" s="2">
        <v>1</v>
      </c>
      <c r="K12509" s="2">
        <v>0</v>
      </c>
      <c r="L12509" t="s">
        <v>82</v>
      </c>
      <c r="M12509" t="s">
        <v>83</v>
      </c>
      <c r="N12509" t="s">
        <v>91</v>
      </c>
      <c r="O12509" t="s">
        <v>85</v>
      </c>
      <c r="P12509" t="s">
        <v>86</v>
      </c>
      <c r="Q12509">
        <v>6</v>
      </c>
      <c r="R12509">
        <v>6</v>
      </c>
      <c r="S12509">
        <v>6</v>
      </c>
      <c r="T12509">
        <v>6</v>
      </c>
      <c r="U12509">
        <v>6</v>
      </c>
      <c r="V12509">
        <v>6</v>
      </c>
      <c r="W12509">
        <v>6</v>
      </c>
      <c r="X12509">
        <v>6</v>
      </c>
      <c r="Y12509">
        <v>7</v>
      </c>
      <c r="Z12509">
        <v>7</v>
      </c>
      <c r="AA12509">
        <v>7</v>
      </c>
      <c r="AB12509">
        <v>7</v>
      </c>
      <c r="AC12509">
        <v>7</v>
      </c>
      <c r="AD12509">
        <v>7</v>
      </c>
      <c r="AE12509">
        <v>7</v>
      </c>
      <c r="AF12509">
        <v>7</v>
      </c>
      <c r="AG12509">
        <v>7</v>
      </c>
      <c r="AH12509">
        <v>8</v>
      </c>
      <c r="AI12509">
        <v>8</v>
      </c>
      <c r="AJ12509">
        <v>8</v>
      </c>
      <c r="AK12509">
        <v>8</v>
      </c>
      <c r="AL12509">
        <v>8</v>
      </c>
      <c r="AM12509">
        <v>8</v>
      </c>
      <c r="AN12509">
        <v>8</v>
      </c>
      <c r="AO12509">
        <v>8</v>
      </c>
      <c r="AP12509">
        <v>8</v>
      </c>
      <c r="AQ12509">
        <v>8</v>
      </c>
    </row>
    <row r="12510" spans="1:43">
      <c r="A12510" t="s">
        <v>7776</v>
      </c>
      <c r="B12510" t="s">
        <v>7777</v>
      </c>
      <c r="C12510" t="s">
        <v>7770</v>
      </c>
      <c r="D12510" t="s">
        <v>7771</v>
      </c>
      <c r="E12510" t="s">
        <v>7646</v>
      </c>
      <c r="F12510" t="s">
        <v>7647</v>
      </c>
      <c r="G12510" t="s">
        <v>80</v>
      </c>
      <c r="H12510" t="s">
        <v>81</v>
      </c>
      <c r="I12510" s="2">
        <v>0</v>
      </c>
      <c r="J12510" s="2">
        <v>1</v>
      </c>
      <c r="K12510" s="2">
        <v>0</v>
      </c>
      <c r="L12510" t="s">
        <v>82</v>
      </c>
      <c r="M12510" t="s">
        <v>83</v>
      </c>
      <c r="N12510" t="s">
        <v>84</v>
      </c>
      <c r="O12510" t="s">
        <v>85</v>
      </c>
      <c r="P12510" t="s">
        <v>86</v>
      </c>
      <c r="Q12510">
        <v>3</v>
      </c>
      <c r="R12510">
        <v>3</v>
      </c>
      <c r="S12510">
        <v>3</v>
      </c>
      <c r="T12510">
        <v>3</v>
      </c>
      <c r="U12510">
        <v>3</v>
      </c>
      <c r="V12510">
        <v>3</v>
      </c>
      <c r="W12510">
        <v>3</v>
      </c>
      <c r="X12510">
        <v>3</v>
      </c>
      <c r="Y12510">
        <v>4</v>
      </c>
      <c r="Z12510">
        <v>4</v>
      </c>
      <c r="AA12510">
        <v>4</v>
      </c>
      <c r="AB12510">
        <v>4</v>
      </c>
      <c r="AC12510">
        <v>4</v>
      </c>
      <c r="AD12510">
        <v>4</v>
      </c>
      <c r="AE12510">
        <v>4</v>
      </c>
      <c r="AF12510">
        <v>4</v>
      </c>
      <c r="AG12510">
        <v>4</v>
      </c>
      <c r="AH12510">
        <v>4</v>
      </c>
      <c r="AI12510">
        <v>4</v>
      </c>
      <c r="AJ12510">
        <v>4</v>
      </c>
      <c r="AK12510">
        <v>4</v>
      </c>
      <c r="AL12510">
        <v>4</v>
      </c>
      <c r="AM12510">
        <v>4</v>
      </c>
      <c r="AN12510">
        <v>4</v>
      </c>
      <c r="AO12510">
        <v>4</v>
      </c>
      <c r="AP12510">
        <v>4</v>
      </c>
      <c r="AQ12510">
        <v>4</v>
      </c>
    </row>
    <row r="12511" spans="1:43">
      <c r="A12511" t="s">
        <v>7776</v>
      </c>
      <c r="B12511" t="s">
        <v>7777</v>
      </c>
      <c r="C12511" t="s">
        <v>7770</v>
      </c>
      <c r="D12511" t="s">
        <v>7771</v>
      </c>
      <c r="E12511" t="s">
        <v>7646</v>
      </c>
      <c r="F12511" t="s">
        <v>7647</v>
      </c>
      <c r="G12511" t="s">
        <v>80</v>
      </c>
      <c r="H12511" t="s">
        <v>81</v>
      </c>
      <c r="I12511" s="2">
        <v>0</v>
      </c>
      <c r="J12511" s="2">
        <v>1</v>
      </c>
      <c r="K12511" s="2">
        <v>0</v>
      </c>
      <c r="L12511" t="s">
        <v>82</v>
      </c>
      <c r="M12511" t="s">
        <v>87</v>
      </c>
      <c r="N12511" t="s">
        <v>88</v>
      </c>
      <c r="O12511" t="s">
        <v>85</v>
      </c>
      <c r="P12511" t="s">
        <v>86</v>
      </c>
      <c r="Q12511">
        <v>3</v>
      </c>
      <c r="R12511">
        <v>3</v>
      </c>
      <c r="S12511">
        <v>3</v>
      </c>
      <c r="T12511">
        <v>3</v>
      </c>
      <c r="U12511">
        <v>3</v>
      </c>
      <c r="V12511">
        <v>3</v>
      </c>
      <c r="W12511">
        <v>3</v>
      </c>
      <c r="X12511">
        <v>3</v>
      </c>
      <c r="Y12511">
        <v>3</v>
      </c>
      <c r="Z12511">
        <v>3</v>
      </c>
      <c r="AA12511">
        <v>3</v>
      </c>
      <c r="AB12511">
        <v>3</v>
      </c>
      <c r="AC12511">
        <v>3</v>
      </c>
      <c r="AD12511">
        <v>3</v>
      </c>
      <c r="AE12511">
        <v>3</v>
      </c>
      <c r="AF12511">
        <v>3</v>
      </c>
      <c r="AG12511">
        <v>3</v>
      </c>
      <c r="AH12511">
        <v>4</v>
      </c>
      <c r="AI12511">
        <v>4</v>
      </c>
      <c r="AJ12511">
        <v>4</v>
      </c>
      <c r="AK12511">
        <v>4</v>
      </c>
      <c r="AL12511">
        <v>4</v>
      </c>
      <c r="AM12511">
        <v>4</v>
      </c>
      <c r="AN12511">
        <v>4</v>
      </c>
      <c r="AO12511">
        <v>4</v>
      </c>
      <c r="AP12511">
        <v>4</v>
      </c>
      <c r="AQ12511">
        <v>4</v>
      </c>
    </row>
    <row r="12512" spans="1:43">
      <c r="A12512" t="s">
        <v>7776</v>
      </c>
      <c r="B12512" t="s">
        <v>7777</v>
      </c>
      <c r="C12512" t="s">
        <v>7770</v>
      </c>
      <c r="D12512" t="s">
        <v>7771</v>
      </c>
      <c r="E12512" t="s">
        <v>7646</v>
      </c>
      <c r="F12512" t="s">
        <v>7647</v>
      </c>
      <c r="G12512" t="s">
        <v>80</v>
      </c>
      <c r="H12512" t="s">
        <v>81</v>
      </c>
      <c r="I12512" s="2">
        <v>0</v>
      </c>
      <c r="J12512" s="2">
        <v>1</v>
      </c>
      <c r="K12512" s="2">
        <v>0</v>
      </c>
      <c r="L12512" t="s">
        <v>82</v>
      </c>
      <c r="M12512" t="s">
        <v>89</v>
      </c>
      <c r="N12512" t="s">
        <v>90</v>
      </c>
      <c r="O12512" t="s">
        <v>85</v>
      </c>
      <c r="P12512" t="s">
        <v>86</v>
      </c>
      <c r="Q12512">
        <v>3</v>
      </c>
      <c r="R12512">
        <v>3</v>
      </c>
      <c r="S12512">
        <v>3</v>
      </c>
      <c r="T12512">
        <v>3</v>
      </c>
      <c r="U12512">
        <v>3</v>
      </c>
      <c r="V12512">
        <v>3</v>
      </c>
      <c r="W12512">
        <v>4</v>
      </c>
      <c r="X12512">
        <v>4</v>
      </c>
      <c r="Y12512">
        <v>4</v>
      </c>
      <c r="Z12512">
        <v>4</v>
      </c>
      <c r="AA12512">
        <v>4</v>
      </c>
      <c r="AB12512">
        <v>4</v>
      </c>
      <c r="AC12512">
        <v>4</v>
      </c>
      <c r="AD12512">
        <v>4</v>
      </c>
      <c r="AE12512">
        <v>4</v>
      </c>
      <c r="AF12512">
        <v>4</v>
      </c>
      <c r="AG12512">
        <v>4</v>
      </c>
      <c r="AH12512">
        <v>4</v>
      </c>
      <c r="AI12512">
        <v>4</v>
      </c>
      <c r="AJ12512">
        <v>4</v>
      </c>
      <c r="AK12512">
        <v>4</v>
      </c>
      <c r="AL12512">
        <v>4</v>
      </c>
      <c r="AM12512">
        <v>4</v>
      </c>
      <c r="AN12512">
        <v>4</v>
      </c>
      <c r="AO12512">
        <v>4</v>
      </c>
      <c r="AP12512">
        <v>4</v>
      </c>
      <c r="AQ12512">
        <v>4</v>
      </c>
    </row>
    <row r="12513" spans="1:43">
      <c r="A12513" t="s">
        <v>7776</v>
      </c>
      <c r="B12513" t="s">
        <v>7777</v>
      </c>
      <c r="C12513" t="s">
        <v>7770</v>
      </c>
      <c r="D12513" t="s">
        <v>7771</v>
      </c>
      <c r="E12513" t="s">
        <v>7646</v>
      </c>
      <c r="F12513" t="s">
        <v>7647</v>
      </c>
      <c r="G12513" t="s">
        <v>80</v>
      </c>
      <c r="H12513" t="s">
        <v>81</v>
      </c>
      <c r="I12513" s="2">
        <v>0</v>
      </c>
      <c r="J12513" s="2">
        <v>1</v>
      </c>
      <c r="K12513" s="2">
        <v>0</v>
      </c>
      <c r="L12513" t="s">
        <v>82</v>
      </c>
      <c r="M12513" t="s">
        <v>83</v>
      </c>
      <c r="N12513" t="s">
        <v>91</v>
      </c>
      <c r="O12513" t="s">
        <v>85</v>
      </c>
      <c r="P12513" t="s">
        <v>86</v>
      </c>
      <c r="Q12513">
        <v>3</v>
      </c>
      <c r="R12513">
        <v>3</v>
      </c>
      <c r="S12513">
        <v>3</v>
      </c>
      <c r="T12513">
        <v>3</v>
      </c>
      <c r="U12513">
        <v>3</v>
      </c>
      <c r="V12513">
        <v>3</v>
      </c>
      <c r="W12513">
        <v>3</v>
      </c>
      <c r="X12513">
        <v>3</v>
      </c>
      <c r="Y12513">
        <v>4</v>
      </c>
      <c r="Z12513">
        <v>4</v>
      </c>
      <c r="AA12513">
        <v>4</v>
      </c>
      <c r="AB12513">
        <v>4</v>
      </c>
      <c r="AC12513">
        <v>4</v>
      </c>
      <c r="AD12513">
        <v>4</v>
      </c>
      <c r="AE12513">
        <v>4</v>
      </c>
      <c r="AF12513">
        <v>4</v>
      </c>
      <c r="AG12513">
        <v>4</v>
      </c>
      <c r="AH12513">
        <v>4</v>
      </c>
      <c r="AI12513">
        <v>4</v>
      </c>
      <c r="AJ12513">
        <v>4</v>
      </c>
      <c r="AK12513">
        <v>4</v>
      </c>
      <c r="AL12513">
        <v>4</v>
      </c>
      <c r="AM12513">
        <v>4</v>
      </c>
      <c r="AN12513">
        <v>4</v>
      </c>
      <c r="AO12513">
        <v>4</v>
      </c>
      <c r="AP12513">
        <v>4</v>
      </c>
      <c r="AQ12513">
        <v>4</v>
      </c>
    </row>
    <row r="12514" spans="1:43">
      <c r="A12514" t="s">
        <v>7778</v>
      </c>
      <c r="B12514" t="s">
        <v>7779</v>
      </c>
      <c r="C12514" t="s">
        <v>7770</v>
      </c>
      <c r="D12514" t="s">
        <v>7771</v>
      </c>
      <c r="E12514" t="s">
        <v>7646</v>
      </c>
      <c r="F12514" t="s">
        <v>7647</v>
      </c>
      <c r="G12514" t="s">
        <v>80</v>
      </c>
      <c r="H12514" t="s">
        <v>81</v>
      </c>
      <c r="I12514" s="2">
        <v>0</v>
      </c>
      <c r="J12514" s="2">
        <v>1</v>
      </c>
      <c r="K12514" s="2">
        <v>0</v>
      </c>
      <c r="L12514" t="s">
        <v>82</v>
      </c>
      <c r="M12514" t="s">
        <v>83</v>
      </c>
      <c r="N12514" t="s">
        <v>84</v>
      </c>
      <c r="O12514" t="s">
        <v>85</v>
      </c>
      <c r="P12514" t="s">
        <v>86</v>
      </c>
      <c r="Q12514">
        <v>10</v>
      </c>
      <c r="R12514">
        <v>11</v>
      </c>
      <c r="S12514">
        <v>11</v>
      </c>
      <c r="T12514">
        <v>11</v>
      </c>
      <c r="U12514">
        <v>11</v>
      </c>
      <c r="V12514">
        <v>11</v>
      </c>
      <c r="W12514">
        <v>12</v>
      </c>
      <c r="X12514">
        <v>12</v>
      </c>
      <c r="Y12514">
        <v>12</v>
      </c>
      <c r="Z12514">
        <v>12</v>
      </c>
      <c r="AA12514">
        <v>12</v>
      </c>
      <c r="AB12514">
        <v>13</v>
      </c>
      <c r="AC12514">
        <v>13</v>
      </c>
      <c r="AD12514">
        <v>13</v>
      </c>
      <c r="AE12514">
        <v>13</v>
      </c>
      <c r="AF12514">
        <v>13</v>
      </c>
      <c r="AG12514">
        <v>14</v>
      </c>
      <c r="AH12514">
        <v>14</v>
      </c>
      <c r="AI12514">
        <v>14</v>
      </c>
      <c r="AJ12514">
        <v>14</v>
      </c>
      <c r="AK12514">
        <v>14</v>
      </c>
      <c r="AL12514">
        <v>15</v>
      </c>
      <c r="AM12514">
        <v>15</v>
      </c>
      <c r="AN12514">
        <v>15</v>
      </c>
      <c r="AO12514">
        <v>15</v>
      </c>
      <c r="AP12514">
        <v>15</v>
      </c>
      <c r="AQ12514">
        <v>15</v>
      </c>
    </row>
    <row r="12515" spans="1:43">
      <c r="A12515" t="s">
        <v>7778</v>
      </c>
      <c r="B12515" t="s">
        <v>7779</v>
      </c>
      <c r="C12515" t="s">
        <v>7770</v>
      </c>
      <c r="D12515" t="s">
        <v>7771</v>
      </c>
      <c r="E12515" t="s">
        <v>7646</v>
      </c>
      <c r="F12515" t="s">
        <v>7647</v>
      </c>
      <c r="G12515" t="s">
        <v>80</v>
      </c>
      <c r="H12515" t="s">
        <v>81</v>
      </c>
      <c r="I12515" s="2">
        <v>0</v>
      </c>
      <c r="J12515" s="2">
        <v>1</v>
      </c>
      <c r="K12515" s="2">
        <v>0</v>
      </c>
      <c r="L12515" t="s">
        <v>82</v>
      </c>
      <c r="M12515" t="s">
        <v>87</v>
      </c>
      <c r="N12515" t="s">
        <v>88</v>
      </c>
      <c r="O12515" t="s">
        <v>85</v>
      </c>
      <c r="P12515" t="s">
        <v>86</v>
      </c>
      <c r="Q12515">
        <v>10</v>
      </c>
      <c r="R12515">
        <v>10</v>
      </c>
      <c r="S12515">
        <v>11</v>
      </c>
      <c r="T12515">
        <v>11</v>
      </c>
      <c r="U12515">
        <v>11</v>
      </c>
      <c r="V12515">
        <v>11</v>
      </c>
      <c r="W12515">
        <v>11</v>
      </c>
      <c r="X12515">
        <v>11</v>
      </c>
      <c r="Y12515">
        <v>11</v>
      </c>
      <c r="Z12515">
        <v>11</v>
      </c>
      <c r="AA12515">
        <v>11</v>
      </c>
      <c r="AB12515">
        <v>11</v>
      </c>
      <c r="AC12515">
        <v>12</v>
      </c>
      <c r="AD12515">
        <v>12</v>
      </c>
      <c r="AE12515">
        <v>12</v>
      </c>
      <c r="AF12515">
        <v>12</v>
      </c>
      <c r="AG12515">
        <v>12</v>
      </c>
      <c r="AH12515">
        <v>12</v>
      </c>
      <c r="AI12515">
        <v>12</v>
      </c>
      <c r="AJ12515">
        <v>12</v>
      </c>
      <c r="AK12515">
        <v>12</v>
      </c>
      <c r="AL12515">
        <v>12</v>
      </c>
      <c r="AM12515">
        <v>13</v>
      </c>
      <c r="AN12515">
        <v>13</v>
      </c>
      <c r="AO12515">
        <v>13</v>
      </c>
      <c r="AP12515">
        <v>13</v>
      </c>
      <c r="AQ12515">
        <v>13</v>
      </c>
    </row>
    <row r="12516" spans="1:43">
      <c r="A12516" t="s">
        <v>7778</v>
      </c>
      <c r="B12516" t="s">
        <v>7779</v>
      </c>
      <c r="C12516" t="s">
        <v>7770</v>
      </c>
      <c r="D12516" t="s">
        <v>7771</v>
      </c>
      <c r="E12516" t="s">
        <v>7646</v>
      </c>
      <c r="F12516" t="s">
        <v>7647</v>
      </c>
      <c r="G12516" t="s">
        <v>80</v>
      </c>
      <c r="H12516" t="s">
        <v>81</v>
      </c>
      <c r="I12516" s="2">
        <v>0</v>
      </c>
      <c r="J12516" s="2">
        <v>1</v>
      </c>
      <c r="K12516" s="2">
        <v>0</v>
      </c>
      <c r="L12516" t="s">
        <v>82</v>
      </c>
      <c r="M12516" t="s">
        <v>89</v>
      </c>
      <c r="N12516" t="s">
        <v>90</v>
      </c>
      <c r="O12516" t="s">
        <v>85</v>
      </c>
      <c r="P12516" t="s">
        <v>86</v>
      </c>
      <c r="Q12516">
        <v>10</v>
      </c>
      <c r="R12516">
        <v>10</v>
      </c>
      <c r="S12516">
        <v>10</v>
      </c>
      <c r="T12516">
        <v>10</v>
      </c>
      <c r="U12516">
        <v>11</v>
      </c>
      <c r="V12516">
        <v>11</v>
      </c>
      <c r="W12516">
        <v>11</v>
      </c>
      <c r="X12516">
        <v>11</v>
      </c>
      <c r="Y12516">
        <v>12</v>
      </c>
      <c r="Z12516">
        <v>12</v>
      </c>
      <c r="AA12516">
        <v>12</v>
      </c>
      <c r="AB12516">
        <v>12</v>
      </c>
      <c r="AC12516">
        <v>13</v>
      </c>
      <c r="AD12516">
        <v>13</v>
      </c>
      <c r="AE12516">
        <v>13</v>
      </c>
      <c r="AF12516">
        <v>13</v>
      </c>
      <c r="AG12516">
        <v>13</v>
      </c>
      <c r="AH12516">
        <v>13</v>
      </c>
      <c r="AI12516">
        <v>13</v>
      </c>
      <c r="AJ12516">
        <v>13</v>
      </c>
      <c r="AK12516">
        <v>14</v>
      </c>
      <c r="AL12516">
        <v>14</v>
      </c>
      <c r="AM12516">
        <v>14</v>
      </c>
      <c r="AN12516">
        <v>14</v>
      </c>
      <c r="AO12516">
        <v>14</v>
      </c>
      <c r="AP12516">
        <v>14</v>
      </c>
      <c r="AQ12516">
        <v>14</v>
      </c>
    </row>
    <row r="12517" spans="1:43">
      <c r="A12517" t="s">
        <v>7778</v>
      </c>
      <c r="B12517" t="s">
        <v>7779</v>
      </c>
      <c r="C12517" t="s">
        <v>7770</v>
      </c>
      <c r="D12517" t="s">
        <v>7771</v>
      </c>
      <c r="E12517" t="s">
        <v>7646</v>
      </c>
      <c r="F12517" t="s">
        <v>7647</v>
      </c>
      <c r="G12517" t="s">
        <v>80</v>
      </c>
      <c r="H12517" t="s">
        <v>81</v>
      </c>
      <c r="I12517" s="2">
        <v>0</v>
      </c>
      <c r="J12517" s="2">
        <v>1</v>
      </c>
      <c r="K12517" s="2">
        <v>0</v>
      </c>
      <c r="L12517" t="s">
        <v>82</v>
      </c>
      <c r="M12517" t="s">
        <v>83</v>
      </c>
      <c r="N12517" t="s">
        <v>91</v>
      </c>
      <c r="O12517" t="s">
        <v>85</v>
      </c>
      <c r="P12517" t="s">
        <v>86</v>
      </c>
      <c r="Q12517">
        <v>10</v>
      </c>
      <c r="R12517">
        <v>11</v>
      </c>
      <c r="S12517">
        <v>11</v>
      </c>
      <c r="T12517">
        <v>11</v>
      </c>
      <c r="U12517">
        <v>11</v>
      </c>
      <c r="V12517">
        <v>11</v>
      </c>
      <c r="W12517">
        <v>12</v>
      </c>
      <c r="X12517">
        <v>12</v>
      </c>
      <c r="Y12517">
        <v>12</v>
      </c>
      <c r="Z12517">
        <v>12</v>
      </c>
      <c r="AA12517">
        <v>12</v>
      </c>
      <c r="AB12517">
        <v>13</v>
      </c>
      <c r="AC12517">
        <v>13</v>
      </c>
      <c r="AD12517">
        <v>13</v>
      </c>
      <c r="AE12517">
        <v>13</v>
      </c>
      <c r="AF12517">
        <v>13</v>
      </c>
      <c r="AG12517">
        <v>14</v>
      </c>
      <c r="AH12517">
        <v>14</v>
      </c>
      <c r="AI12517">
        <v>14</v>
      </c>
      <c r="AJ12517">
        <v>14</v>
      </c>
      <c r="AK12517">
        <v>14</v>
      </c>
      <c r="AL12517">
        <v>15</v>
      </c>
      <c r="AM12517">
        <v>15</v>
      </c>
      <c r="AN12517">
        <v>15</v>
      </c>
      <c r="AO12517">
        <v>15</v>
      </c>
      <c r="AP12517">
        <v>15</v>
      </c>
      <c r="AQ12517">
        <v>15</v>
      </c>
    </row>
    <row r="12518" spans="1:43">
      <c r="A12518" t="s">
        <v>7780</v>
      </c>
      <c r="B12518" t="s">
        <v>7781</v>
      </c>
      <c r="C12518" t="s">
        <v>7770</v>
      </c>
      <c r="D12518" t="s">
        <v>7771</v>
      </c>
      <c r="E12518" t="s">
        <v>7646</v>
      </c>
      <c r="F12518" t="s">
        <v>7647</v>
      </c>
      <c r="G12518" t="s">
        <v>80</v>
      </c>
      <c r="H12518" t="s">
        <v>81</v>
      </c>
      <c r="I12518" s="2">
        <v>0</v>
      </c>
      <c r="J12518" s="2">
        <v>1</v>
      </c>
      <c r="K12518" s="2">
        <v>0</v>
      </c>
      <c r="L12518" t="s">
        <v>82</v>
      </c>
      <c r="M12518" t="s">
        <v>83</v>
      </c>
      <c r="N12518" t="s">
        <v>84</v>
      </c>
      <c r="O12518" t="s">
        <v>85</v>
      </c>
      <c r="P12518" t="s">
        <v>86</v>
      </c>
      <c r="Q12518">
        <v>8</v>
      </c>
      <c r="R12518">
        <v>8</v>
      </c>
      <c r="S12518">
        <v>8</v>
      </c>
      <c r="T12518">
        <v>9</v>
      </c>
      <c r="U12518">
        <v>9</v>
      </c>
      <c r="V12518">
        <v>9</v>
      </c>
      <c r="W12518">
        <v>9</v>
      </c>
      <c r="X12518">
        <v>9</v>
      </c>
      <c r="Y12518">
        <v>9</v>
      </c>
      <c r="Z12518">
        <v>9</v>
      </c>
      <c r="AA12518">
        <v>10</v>
      </c>
      <c r="AB12518">
        <v>10</v>
      </c>
      <c r="AC12518">
        <v>10</v>
      </c>
      <c r="AD12518">
        <v>10</v>
      </c>
      <c r="AE12518">
        <v>10</v>
      </c>
      <c r="AF12518">
        <v>10</v>
      </c>
      <c r="AG12518">
        <v>11</v>
      </c>
      <c r="AH12518">
        <v>11</v>
      </c>
      <c r="AI12518">
        <v>11</v>
      </c>
      <c r="AJ12518">
        <v>11</v>
      </c>
      <c r="AK12518">
        <v>11</v>
      </c>
      <c r="AL12518">
        <v>11</v>
      </c>
      <c r="AM12518">
        <v>11</v>
      </c>
      <c r="AN12518">
        <v>11</v>
      </c>
      <c r="AO12518">
        <v>11</v>
      </c>
      <c r="AP12518">
        <v>11</v>
      </c>
      <c r="AQ12518">
        <v>12</v>
      </c>
    </row>
    <row r="12519" spans="1:43">
      <c r="A12519" t="s">
        <v>7780</v>
      </c>
      <c r="B12519" t="s">
        <v>7781</v>
      </c>
      <c r="C12519" t="s">
        <v>7770</v>
      </c>
      <c r="D12519" t="s">
        <v>7771</v>
      </c>
      <c r="E12519" t="s">
        <v>7646</v>
      </c>
      <c r="F12519" t="s">
        <v>7647</v>
      </c>
      <c r="G12519" t="s">
        <v>80</v>
      </c>
      <c r="H12519" t="s">
        <v>81</v>
      </c>
      <c r="I12519" s="2">
        <v>0</v>
      </c>
      <c r="J12519" s="2">
        <v>1</v>
      </c>
      <c r="K12519" s="2">
        <v>0</v>
      </c>
      <c r="L12519" t="s">
        <v>82</v>
      </c>
      <c r="M12519" t="s">
        <v>87</v>
      </c>
      <c r="N12519" t="s">
        <v>88</v>
      </c>
      <c r="O12519" t="s">
        <v>85</v>
      </c>
      <c r="P12519" t="s">
        <v>86</v>
      </c>
      <c r="Q12519">
        <v>8</v>
      </c>
      <c r="R12519">
        <v>8</v>
      </c>
      <c r="S12519">
        <v>8</v>
      </c>
      <c r="T12519">
        <v>8</v>
      </c>
      <c r="U12519">
        <v>8</v>
      </c>
      <c r="V12519">
        <v>8</v>
      </c>
      <c r="W12519">
        <v>8</v>
      </c>
      <c r="X12519">
        <v>9</v>
      </c>
      <c r="Y12519">
        <v>9</v>
      </c>
      <c r="Z12519">
        <v>9</v>
      </c>
      <c r="AA12519">
        <v>9</v>
      </c>
      <c r="AB12519">
        <v>9</v>
      </c>
      <c r="AC12519">
        <v>9</v>
      </c>
      <c r="AD12519">
        <v>9</v>
      </c>
      <c r="AE12519">
        <v>9</v>
      </c>
      <c r="AF12519">
        <v>9</v>
      </c>
      <c r="AG12519">
        <v>9</v>
      </c>
      <c r="AH12519">
        <v>9</v>
      </c>
      <c r="AI12519">
        <v>9</v>
      </c>
      <c r="AJ12519">
        <v>9</v>
      </c>
      <c r="AK12519">
        <v>10</v>
      </c>
      <c r="AL12519">
        <v>10</v>
      </c>
      <c r="AM12519">
        <v>10</v>
      </c>
      <c r="AN12519">
        <v>10</v>
      </c>
      <c r="AO12519">
        <v>10</v>
      </c>
      <c r="AP12519">
        <v>10</v>
      </c>
      <c r="AQ12519">
        <v>10</v>
      </c>
    </row>
    <row r="12520" spans="1:43">
      <c r="A12520" t="s">
        <v>7780</v>
      </c>
      <c r="B12520" t="s">
        <v>7781</v>
      </c>
      <c r="C12520" t="s">
        <v>7770</v>
      </c>
      <c r="D12520" t="s">
        <v>7771</v>
      </c>
      <c r="E12520" t="s">
        <v>7646</v>
      </c>
      <c r="F12520" t="s">
        <v>7647</v>
      </c>
      <c r="G12520" t="s">
        <v>80</v>
      </c>
      <c r="H12520" t="s">
        <v>81</v>
      </c>
      <c r="I12520" s="2">
        <v>0</v>
      </c>
      <c r="J12520" s="2">
        <v>1</v>
      </c>
      <c r="K12520" s="2">
        <v>0</v>
      </c>
      <c r="L12520" t="s">
        <v>82</v>
      </c>
      <c r="M12520" t="s">
        <v>89</v>
      </c>
      <c r="N12520" t="s">
        <v>90</v>
      </c>
      <c r="O12520" t="s">
        <v>85</v>
      </c>
      <c r="P12520" t="s">
        <v>86</v>
      </c>
      <c r="Q12520">
        <v>8</v>
      </c>
      <c r="R12520">
        <v>8</v>
      </c>
      <c r="S12520">
        <v>9</v>
      </c>
      <c r="T12520">
        <v>9</v>
      </c>
      <c r="U12520">
        <v>9</v>
      </c>
      <c r="V12520">
        <v>9</v>
      </c>
      <c r="W12520">
        <v>9</v>
      </c>
      <c r="X12520">
        <v>10</v>
      </c>
      <c r="Y12520">
        <v>10</v>
      </c>
      <c r="Z12520">
        <v>10</v>
      </c>
      <c r="AA12520">
        <v>10</v>
      </c>
      <c r="AB12520">
        <v>10</v>
      </c>
      <c r="AC12520">
        <v>11</v>
      </c>
      <c r="AD12520">
        <v>11</v>
      </c>
      <c r="AE12520">
        <v>11</v>
      </c>
      <c r="AF12520">
        <v>11</v>
      </c>
      <c r="AG12520">
        <v>11</v>
      </c>
      <c r="AH12520">
        <v>11</v>
      </c>
      <c r="AI12520">
        <v>11</v>
      </c>
      <c r="AJ12520">
        <v>11</v>
      </c>
      <c r="AK12520">
        <v>11</v>
      </c>
      <c r="AL12520">
        <v>11</v>
      </c>
      <c r="AM12520">
        <v>11</v>
      </c>
      <c r="AN12520">
        <v>11</v>
      </c>
      <c r="AO12520">
        <v>11</v>
      </c>
      <c r="AP12520">
        <v>12</v>
      </c>
      <c r="AQ12520">
        <v>12</v>
      </c>
    </row>
    <row r="12521" spans="1:43">
      <c r="A12521" t="s">
        <v>7780</v>
      </c>
      <c r="B12521" t="s">
        <v>7781</v>
      </c>
      <c r="C12521" t="s">
        <v>7770</v>
      </c>
      <c r="D12521" t="s">
        <v>7771</v>
      </c>
      <c r="E12521" t="s">
        <v>7646</v>
      </c>
      <c r="F12521" t="s">
        <v>7647</v>
      </c>
      <c r="G12521" t="s">
        <v>80</v>
      </c>
      <c r="H12521" t="s">
        <v>81</v>
      </c>
      <c r="I12521" s="2">
        <v>0</v>
      </c>
      <c r="J12521" s="2">
        <v>1</v>
      </c>
      <c r="K12521" s="2">
        <v>0</v>
      </c>
      <c r="L12521" t="s">
        <v>82</v>
      </c>
      <c r="M12521" t="s">
        <v>83</v>
      </c>
      <c r="N12521" t="s">
        <v>91</v>
      </c>
      <c r="O12521" t="s">
        <v>85</v>
      </c>
      <c r="P12521" t="s">
        <v>86</v>
      </c>
      <c r="Q12521">
        <v>8</v>
      </c>
      <c r="R12521">
        <v>8</v>
      </c>
      <c r="S12521">
        <v>8</v>
      </c>
      <c r="T12521">
        <v>9</v>
      </c>
      <c r="U12521">
        <v>9</v>
      </c>
      <c r="V12521">
        <v>9</v>
      </c>
      <c r="W12521">
        <v>9</v>
      </c>
      <c r="X12521">
        <v>9</v>
      </c>
      <c r="Y12521">
        <v>9</v>
      </c>
      <c r="Z12521">
        <v>9</v>
      </c>
      <c r="AA12521">
        <v>10</v>
      </c>
      <c r="AB12521">
        <v>10</v>
      </c>
      <c r="AC12521">
        <v>10</v>
      </c>
      <c r="AD12521">
        <v>10</v>
      </c>
      <c r="AE12521">
        <v>10</v>
      </c>
      <c r="AF12521">
        <v>10</v>
      </c>
      <c r="AG12521">
        <v>11</v>
      </c>
      <c r="AH12521">
        <v>11</v>
      </c>
      <c r="AI12521">
        <v>11</v>
      </c>
      <c r="AJ12521">
        <v>11</v>
      </c>
      <c r="AK12521">
        <v>11</v>
      </c>
      <c r="AL12521">
        <v>11</v>
      </c>
      <c r="AM12521">
        <v>11</v>
      </c>
      <c r="AN12521">
        <v>11</v>
      </c>
      <c r="AO12521">
        <v>11</v>
      </c>
      <c r="AP12521">
        <v>11</v>
      </c>
      <c r="AQ12521">
        <v>12</v>
      </c>
    </row>
    <row r="12522" spans="1:43">
      <c r="A12522" t="s">
        <v>7782</v>
      </c>
      <c r="B12522" t="s">
        <v>7783</v>
      </c>
      <c r="C12522" t="s">
        <v>7770</v>
      </c>
      <c r="D12522" t="s">
        <v>7771</v>
      </c>
      <c r="E12522" t="s">
        <v>7646</v>
      </c>
      <c r="F12522" t="s">
        <v>7647</v>
      </c>
      <c r="G12522" t="s">
        <v>80</v>
      </c>
      <c r="H12522" t="s">
        <v>81</v>
      </c>
      <c r="I12522" s="2">
        <v>0</v>
      </c>
      <c r="J12522" s="2">
        <v>1</v>
      </c>
      <c r="K12522" s="2">
        <v>0</v>
      </c>
      <c r="L12522" t="s">
        <v>82</v>
      </c>
      <c r="M12522" t="s">
        <v>83</v>
      </c>
      <c r="N12522" t="s">
        <v>84</v>
      </c>
      <c r="O12522" t="s">
        <v>85</v>
      </c>
      <c r="P12522" t="s">
        <v>86</v>
      </c>
      <c r="Q12522">
        <v>23</v>
      </c>
      <c r="R12522">
        <v>23</v>
      </c>
      <c r="S12522">
        <v>24</v>
      </c>
      <c r="T12522">
        <v>24</v>
      </c>
      <c r="U12522">
        <v>25</v>
      </c>
      <c r="V12522">
        <v>25</v>
      </c>
      <c r="W12522">
        <v>26</v>
      </c>
      <c r="X12522">
        <v>26</v>
      </c>
      <c r="Y12522">
        <v>26</v>
      </c>
      <c r="Z12522">
        <v>27</v>
      </c>
      <c r="AA12522">
        <v>27</v>
      </c>
      <c r="AB12522">
        <v>28</v>
      </c>
      <c r="AC12522">
        <v>28</v>
      </c>
      <c r="AD12522">
        <v>29</v>
      </c>
      <c r="AE12522">
        <v>29</v>
      </c>
      <c r="AF12522">
        <v>29</v>
      </c>
      <c r="AG12522">
        <v>30</v>
      </c>
      <c r="AH12522">
        <v>30</v>
      </c>
      <c r="AI12522">
        <v>31</v>
      </c>
      <c r="AJ12522">
        <v>31</v>
      </c>
      <c r="AK12522">
        <v>32</v>
      </c>
      <c r="AL12522">
        <v>32</v>
      </c>
      <c r="AM12522">
        <v>32</v>
      </c>
      <c r="AN12522">
        <v>32</v>
      </c>
      <c r="AO12522">
        <v>32</v>
      </c>
      <c r="AP12522">
        <v>32</v>
      </c>
      <c r="AQ12522">
        <v>33</v>
      </c>
    </row>
    <row r="12523" spans="1:43">
      <c r="A12523" t="s">
        <v>7782</v>
      </c>
      <c r="B12523" t="s">
        <v>7783</v>
      </c>
      <c r="C12523" t="s">
        <v>7770</v>
      </c>
      <c r="D12523" t="s">
        <v>7771</v>
      </c>
      <c r="E12523" t="s">
        <v>7646</v>
      </c>
      <c r="F12523" t="s">
        <v>7647</v>
      </c>
      <c r="G12523" t="s">
        <v>80</v>
      </c>
      <c r="H12523" t="s">
        <v>81</v>
      </c>
      <c r="I12523" s="2">
        <v>0</v>
      </c>
      <c r="J12523" s="2">
        <v>1</v>
      </c>
      <c r="K12523" s="2">
        <v>0</v>
      </c>
      <c r="L12523" t="s">
        <v>82</v>
      </c>
      <c r="M12523" t="s">
        <v>87</v>
      </c>
      <c r="N12523" t="s">
        <v>88</v>
      </c>
      <c r="O12523" t="s">
        <v>85</v>
      </c>
      <c r="P12523" t="s">
        <v>86</v>
      </c>
      <c r="Q12523">
        <v>23</v>
      </c>
      <c r="R12523">
        <v>23</v>
      </c>
      <c r="S12523">
        <v>23</v>
      </c>
      <c r="T12523">
        <v>23</v>
      </c>
      <c r="U12523">
        <v>24</v>
      </c>
      <c r="V12523">
        <v>24</v>
      </c>
      <c r="W12523">
        <v>24</v>
      </c>
      <c r="X12523">
        <v>24</v>
      </c>
      <c r="Y12523">
        <v>24</v>
      </c>
      <c r="Z12523">
        <v>25</v>
      </c>
      <c r="AA12523">
        <v>25</v>
      </c>
      <c r="AB12523">
        <v>25</v>
      </c>
      <c r="AC12523">
        <v>25</v>
      </c>
      <c r="AD12523">
        <v>26</v>
      </c>
      <c r="AE12523">
        <v>26</v>
      </c>
      <c r="AF12523">
        <v>26</v>
      </c>
      <c r="AG12523">
        <v>26</v>
      </c>
      <c r="AH12523">
        <v>26</v>
      </c>
      <c r="AI12523">
        <v>27</v>
      </c>
      <c r="AJ12523">
        <v>27</v>
      </c>
      <c r="AK12523">
        <v>27</v>
      </c>
      <c r="AL12523">
        <v>27</v>
      </c>
      <c r="AM12523">
        <v>28</v>
      </c>
      <c r="AN12523">
        <v>28</v>
      </c>
      <c r="AO12523">
        <v>28</v>
      </c>
      <c r="AP12523">
        <v>28</v>
      </c>
      <c r="AQ12523">
        <v>28</v>
      </c>
    </row>
    <row r="12524" spans="1:43">
      <c r="A12524" t="s">
        <v>7782</v>
      </c>
      <c r="B12524" t="s">
        <v>7783</v>
      </c>
      <c r="C12524" t="s">
        <v>7770</v>
      </c>
      <c r="D12524" t="s">
        <v>7771</v>
      </c>
      <c r="E12524" t="s">
        <v>7646</v>
      </c>
      <c r="F12524" t="s">
        <v>7647</v>
      </c>
      <c r="G12524" t="s">
        <v>80</v>
      </c>
      <c r="H12524" t="s">
        <v>81</v>
      </c>
      <c r="I12524" s="2">
        <v>0</v>
      </c>
      <c r="J12524" s="2">
        <v>1</v>
      </c>
      <c r="K12524" s="2">
        <v>0</v>
      </c>
      <c r="L12524" t="s">
        <v>82</v>
      </c>
      <c r="M12524" t="s">
        <v>89</v>
      </c>
      <c r="N12524" t="s">
        <v>90</v>
      </c>
      <c r="O12524" t="s">
        <v>85</v>
      </c>
      <c r="P12524" t="s">
        <v>86</v>
      </c>
      <c r="Q12524">
        <v>23</v>
      </c>
      <c r="R12524">
        <v>24</v>
      </c>
      <c r="S12524">
        <v>24</v>
      </c>
      <c r="T12524">
        <v>25</v>
      </c>
      <c r="U12524">
        <v>26</v>
      </c>
      <c r="V12524">
        <v>26</v>
      </c>
      <c r="W12524">
        <v>27</v>
      </c>
      <c r="X12524">
        <v>27</v>
      </c>
      <c r="Y12524">
        <v>28</v>
      </c>
      <c r="Z12524">
        <v>29</v>
      </c>
      <c r="AA12524">
        <v>29</v>
      </c>
      <c r="AB12524">
        <v>30</v>
      </c>
      <c r="AC12524">
        <v>30</v>
      </c>
      <c r="AD12524">
        <v>31</v>
      </c>
      <c r="AE12524">
        <v>31</v>
      </c>
      <c r="AF12524">
        <v>31</v>
      </c>
      <c r="AG12524">
        <v>31</v>
      </c>
      <c r="AH12524">
        <v>32</v>
      </c>
      <c r="AI12524">
        <v>32</v>
      </c>
      <c r="AJ12524">
        <v>32</v>
      </c>
      <c r="AK12524">
        <v>32</v>
      </c>
      <c r="AL12524">
        <v>32</v>
      </c>
      <c r="AM12524">
        <v>32</v>
      </c>
      <c r="AN12524">
        <v>32</v>
      </c>
      <c r="AO12524">
        <v>32</v>
      </c>
      <c r="AP12524">
        <v>33</v>
      </c>
      <c r="AQ12524">
        <v>33</v>
      </c>
    </row>
    <row r="12525" spans="1:43">
      <c r="A12525" t="s">
        <v>7782</v>
      </c>
      <c r="B12525" t="s">
        <v>7783</v>
      </c>
      <c r="C12525" t="s">
        <v>7770</v>
      </c>
      <c r="D12525" t="s">
        <v>7771</v>
      </c>
      <c r="E12525" t="s">
        <v>7646</v>
      </c>
      <c r="F12525" t="s">
        <v>7647</v>
      </c>
      <c r="G12525" t="s">
        <v>80</v>
      </c>
      <c r="H12525" t="s">
        <v>81</v>
      </c>
      <c r="I12525" s="2">
        <v>0</v>
      </c>
      <c r="J12525" s="2">
        <v>1</v>
      </c>
      <c r="K12525" s="2">
        <v>0</v>
      </c>
      <c r="L12525" t="s">
        <v>82</v>
      </c>
      <c r="M12525" t="s">
        <v>83</v>
      </c>
      <c r="N12525" t="s">
        <v>91</v>
      </c>
      <c r="O12525" t="s">
        <v>85</v>
      </c>
      <c r="P12525" t="s">
        <v>86</v>
      </c>
      <c r="Q12525">
        <v>23</v>
      </c>
      <c r="R12525">
        <v>23</v>
      </c>
      <c r="S12525">
        <v>24</v>
      </c>
      <c r="T12525">
        <v>24</v>
      </c>
      <c r="U12525">
        <v>25</v>
      </c>
      <c r="V12525">
        <v>25</v>
      </c>
      <c r="W12525">
        <v>26</v>
      </c>
      <c r="X12525">
        <v>26</v>
      </c>
      <c r="Y12525">
        <v>26</v>
      </c>
      <c r="Z12525">
        <v>27</v>
      </c>
      <c r="AA12525">
        <v>27</v>
      </c>
      <c r="AB12525">
        <v>28</v>
      </c>
      <c r="AC12525">
        <v>28</v>
      </c>
      <c r="AD12525">
        <v>29</v>
      </c>
      <c r="AE12525">
        <v>29</v>
      </c>
      <c r="AF12525">
        <v>29</v>
      </c>
      <c r="AG12525">
        <v>30</v>
      </c>
      <c r="AH12525">
        <v>30</v>
      </c>
      <c r="AI12525">
        <v>31</v>
      </c>
      <c r="AJ12525">
        <v>31</v>
      </c>
      <c r="AK12525">
        <v>32</v>
      </c>
      <c r="AL12525">
        <v>32</v>
      </c>
      <c r="AM12525">
        <v>32</v>
      </c>
      <c r="AN12525">
        <v>32</v>
      </c>
      <c r="AO12525">
        <v>32</v>
      </c>
      <c r="AP12525">
        <v>32</v>
      </c>
      <c r="AQ12525">
        <v>33</v>
      </c>
    </row>
    <row r="12526" spans="1:43">
      <c r="A12526" t="s">
        <v>7784</v>
      </c>
      <c r="B12526" t="s">
        <v>7785</v>
      </c>
      <c r="C12526" t="s">
        <v>7770</v>
      </c>
      <c r="D12526" t="s">
        <v>7771</v>
      </c>
      <c r="E12526" t="s">
        <v>7646</v>
      </c>
      <c r="F12526" t="s">
        <v>7647</v>
      </c>
      <c r="G12526" t="s">
        <v>80</v>
      </c>
      <c r="H12526" t="s">
        <v>81</v>
      </c>
      <c r="I12526" s="2">
        <v>0</v>
      </c>
      <c r="J12526" s="2">
        <v>1</v>
      </c>
      <c r="K12526" s="2">
        <v>0</v>
      </c>
      <c r="L12526" t="s">
        <v>82</v>
      </c>
      <c r="M12526" t="s">
        <v>83</v>
      </c>
      <c r="N12526" t="s">
        <v>84</v>
      </c>
      <c r="O12526" t="s">
        <v>85</v>
      </c>
      <c r="P12526" t="s">
        <v>86</v>
      </c>
      <c r="Q12526">
        <v>13</v>
      </c>
      <c r="R12526">
        <v>14</v>
      </c>
      <c r="S12526">
        <v>14</v>
      </c>
      <c r="T12526">
        <v>14</v>
      </c>
      <c r="U12526">
        <v>14</v>
      </c>
      <c r="V12526">
        <v>15</v>
      </c>
      <c r="W12526">
        <v>15</v>
      </c>
      <c r="X12526">
        <v>15</v>
      </c>
      <c r="Y12526">
        <v>15</v>
      </c>
      <c r="Z12526">
        <v>16</v>
      </c>
      <c r="AA12526">
        <v>16</v>
      </c>
      <c r="AB12526">
        <v>16</v>
      </c>
      <c r="AC12526">
        <v>17</v>
      </c>
      <c r="AD12526">
        <v>17</v>
      </c>
      <c r="AE12526">
        <v>17</v>
      </c>
      <c r="AF12526">
        <v>17</v>
      </c>
      <c r="AG12526">
        <v>18</v>
      </c>
      <c r="AH12526">
        <v>18</v>
      </c>
      <c r="AI12526">
        <v>18</v>
      </c>
      <c r="AJ12526">
        <v>18</v>
      </c>
      <c r="AK12526">
        <v>19</v>
      </c>
      <c r="AL12526">
        <v>19</v>
      </c>
      <c r="AM12526">
        <v>19</v>
      </c>
      <c r="AN12526">
        <v>19</v>
      </c>
      <c r="AO12526">
        <v>19</v>
      </c>
      <c r="AP12526">
        <v>19</v>
      </c>
      <c r="AQ12526">
        <v>19</v>
      </c>
    </row>
    <row r="12527" spans="1:43">
      <c r="A12527" t="s">
        <v>7784</v>
      </c>
      <c r="B12527" t="s">
        <v>7785</v>
      </c>
      <c r="C12527" t="s">
        <v>7770</v>
      </c>
      <c r="D12527" t="s">
        <v>7771</v>
      </c>
      <c r="E12527" t="s">
        <v>7646</v>
      </c>
      <c r="F12527" t="s">
        <v>7647</v>
      </c>
      <c r="G12527" t="s">
        <v>80</v>
      </c>
      <c r="H12527" t="s">
        <v>81</v>
      </c>
      <c r="I12527" s="2">
        <v>0</v>
      </c>
      <c r="J12527" s="2">
        <v>1</v>
      </c>
      <c r="K12527" s="2">
        <v>0</v>
      </c>
      <c r="L12527" t="s">
        <v>82</v>
      </c>
      <c r="M12527" t="s">
        <v>87</v>
      </c>
      <c r="N12527" t="s">
        <v>88</v>
      </c>
      <c r="O12527" t="s">
        <v>85</v>
      </c>
      <c r="P12527" t="s">
        <v>86</v>
      </c>
      <c r="Q12527">
        <v>13</v>
      </c>
      <c r="R12527">
        <v>13</v>
      </c>
      <c r="S12527">
        <v>14</v>
      </c>
      <c r="T12527">
        <v>14</v>
      </c>
      <c r="U12527">
        <v>14</v>
      </c>
      <c r="V12527">
        <v>14</v>
      </c>
      <c r="W12527">
        <v>14</v>
      </c>
      <c r="X12527">
        <v>14</v>
      </c>
      <c r="Y12527">
        <v>14</v>
      </c>
      <c r="Z12527">
        <v>14</v>
      </c>
      <c r="AA12527">
        <v>15</v>
      </c>
      <c r="AB12527">
        <v>15</v>
      </c>
      <c r="AC12527">
        <v>15</v>
      </c>
      <c r="AD12527">
        <v>15</v>
      </c>
      <c r="AE12527">
        <v>15</v>
      </c>
      <c r="AF12527">
        <v>15</v>
      </c>
      <c r="AG12527">
        <v>15</v>
      </c>
      <c r="AH12527">
        <v>15</v>
      </c>
      <c r="AI12527">
        <v>16</v>
      </c>
      <c r="AJ12527">
        <v>16</v>
      </c>
      <c r="AK12527">
        <v>16</v>
      </c>
      <c r="AL12527">
        <v>16</v>
      </c>
      <c r="AM12527">
        <v>16</v>
      </c>
      <c r="AN12527">
        <v>16</v>
      </c>
      <c r="AO12527">
        <v>16</v>
      </c>
      <c r="AP12527">
        <v>17</v>
      </c>
      <c r="AQ12527">
        <v>17</v>
      </c>
    </row>
    <row r="12528" spans="1:43">
      <c r="A12528" t="s">
        <v>7784</v>
      </c>
      <c r="B12528" t="s">
        <v>7785</v>
      </c>
      <c r="C12528" t="s">
        <v>7770</v>
      </c>
      <c r="D12528" t="s">
        <v>7771</v>
      </c>
      <c r="E12528" t="s">
        <v>7646</v>
      </c>
      <c r="F12528" t="s">
        <v>7647</v>
      </c>
      <c r="G12528" t="s">
        <v>80</v>
      </c>
      <c r="H12528" t="s">
        <v>81</v>
      </c>
      <c r="I12528" s="2">
        <v>0</v>
      </c>
      <c r="J12528" s="2">
        <v>1</v>
      </c>
      <c r="K12528" s="2">
        <v>0</v>
      </c>
      <c r="L12528" t="s">
        <v>82</v>
      </c>
      <c r="M12528" t="s">
        <v>89</v>
      </c>
      <c r="N12528" t="s">
        <v>90</v>
      </c>
      <c r="O12528" t="s">
        <v>85</v>
      </c>
      <c r="P12528" t="s">
        <v>86</v>
      </c>
      <c r="Q12528">
        <v>13</v>
      </c>
      <c r="R12528">
        <v>13</v>
      </c>
      <c r="S12528">
        <v>13</v>
      </c>
      <c r="T12528">
        <v>14</v>
      </c>
      <c r="U12528">
        <v>14</v>
      </c>
      <c r="V12528">
        <v>14</v>
      </c>
      <c r="W12528">
        <v>15</v>
      </c>
      <c r="X12528">
        <v>15</v>
      </c>
      <c r="Y12528">
        <v>15</v>
      </c>
      <c r="Z12528">
        <v>16</v>
      </c>
      <c r="AA12528">
        <v>16</v>
      </c>
      <c r="AB12528">
        <v>16</v>
      </c>
      <c r="AC12528">
        <v>17</v>
      </c>
      <c r="AD12528">
        <v>17</v>
      </c>
      <c r="AE12528">
        <v>17</v>
      </c>
      <c r="AF12528">
        <v>17</v>
      </c>
      <c r="AG12528">
        <v>17</v>
      </c>
      <c r="AH12528">
        <v>17</v>
      </c>
      <c r="AI12528">
        <v>18</v>
      </c>
      <c r="AJ12528">
        <v>18</v>
      </c>
      <c r="AK12528">
        <v>18</v>
      </c>
      <c r="AL12528">
        <v>18</v>
      </c>
      <c r="AM12528">
        <v>18</v>
      </c>
      <c r="AN12528">
        <v>18</v>
      </c>
      <c r="AO12528">
        <v>18</v>
      </c>
      <c r="AP12528">
        <v>18</v>
      </c>
      <c r="AQ12528">
        <v>18</v>
      </c>
    </row>
    <row r="12529" spans="1:43">
      <c r="A12529" t="s">
        <v>7784</v>
      </c>
      <c r="B12529" t="s">
        <v>7785</v>
      </c>
      <c r="C12529" t="s">
        <v>7770</v>
      </c>
      <c r="D12529" t="s">
        <v>7771</v>
      </c>
      <c r="E12529" t="s">
        <v>7646</v>
      </c>
      <c r="F12529" t="s">
        <v>7647</v>
      </c>
      <c r="G12529" t="s">
        <v>80</v>
      </c>
      <c r="H12529" t="s">
        <v>81</v>
      </c>
      <c r="I12529" s="2">
        <v>0</v>
      </c>
      <c r="J12529" s="2">
        <v>1</v>
      </c>
      <c r="K12529" s="2">
        <v>0</v>
      </c>
      <c r="L12529" t="s">
        <v>82</v>
      </c>
      <c r="M12529" t="s">
        <v>83</v>
      </c>
      <c r="N12529" t="s">
        <v>91</v>
      </c>
      <c r="O12529" t="s">
        <v>85</v>
      </c>
      <c r="P12529" t="s">
        <v>86</v>
      </c>
      <c r="Q12529">
        <v>13</v>
      </c>
      <c r="R12529">
        <v>14</v>
      </c>
      <c r="S12529">
        <v>14</v>
      </c>
      <c r="T12529">
        <v>14</v>
      </c>
      <c r="U12529">
        <v>14</v>
      </c>
      <c r="V12529">
        <v>15</v>
      </c>
      <c r="W12529">
        <v>15</v>
      </c>
      <c r="X12529">
        <v>15</v>
      </c>
      <c r="Y12529">
        <v>15</v>
      </c>
      <c r="Z12529">
        <v>16</v>
      </c>
      <c r="AA12529">
        <v>16</v>
      </c>
      <c r="AB12529">
        <v>16</v>
      </c>
      <c r="AC12529">
        <v>17</v>
      </c>
      <c r="AD12529">
        <v>17</v>
      </c>
      <c r="AE12529">
        <v>17</v>
      </c>
      <c r="AF12529">
        <v>17</v>
      </c>
      <c r="AG12529">
        <v>18</v>
      </c>
      <c r="AH12529">
        <v>18</v>
      </c>
      <c r="AI12529">
        <v>18</v>
      </c>
      <c r="AJ12529">
        <v>18</v>
      </c>
      <c r="AK12529">
        <v>19</v>
      </c>
      <c r="AL12529">
        <v>19</v>
      </c>
      <c r="AM12529">
        <v>19</v>
      </c>
      <c r="AN12529">
        <v>19</v>
      </c>
      <c r="AO12529">
        <v>19</v>
      </c>
      <c r="AP12529">
        <v>19</v>
      </c>
      <c r="AQ12529">
        <v>19</v>
      </c>
    </row>
    <row r="12530" spans="1:43">
      <c r="A12530" t="s">
        <v>7786</v>
      </c>
      <c r="B12530" t="s">
        <v>7787</v>
      </c>
      <c r="C12530" t="s">
        <v>7788</v>
      </c>
      <c r="D12530" t="s">
        <v>7789</v>
      </c>
      <c r="E12530" t="s">
        <v>7646</v>
      </c>
      <c r="F12530" t="s">
        <v>7647</v>
      </c>
      <c r="G12530" t="s">
        <v>80</v>
      </c>
      <c r="H12530" t="s">
        <v>81</v>
      </c>
      <c r="I12530" s="2">
        <v>0</v>
      </c>
      <c r="J12530" s="2">
        <v>1</v>
      </c>
      <c r="K12530" s="2">
        <v>0</v>
      </c>
      <c r="L12530" t="s">
        <v>82</v>
      </c>
      <c r="M12530" t="s">
        <v>83</v>
      </c>
      <c r="N12530" t="s">
        <v>84</v>
      </c>
      <c r="O12530" t="s">
        <v>85</v>
      </c>
      <c r="P12530" t="s">
        <v>86</v>
      </c>
      <c r="Q12530">
        <v>12</v>
      </c>
      <c r="R12530">
        <v>13</v>
      </c>
      <c r="S12530">
        <v>13</v>
      </c>
      <c r="T12530">
        <v>13</v>
      </c>
      <c r="U12530">
        <v>13</v>
      </c>
      <c r="V12530">
        <v>14</v>
      </c>
      <c r="W12530">
        <v>14</v>
      </c>
      <c r="X12530">
        <v>14</v>
      </c>
      <c r="Y12530">
        <v>14</v>
      </c>
      <c r="Z12530">
        <v>14</v>
      </c>
      <c r="AA12530">
        <v>15</v>
      </c>
      <c r="AB12530">
        <v>15</v>
      </c>
      <c r="AC12530">
        <v>15</v>
      </c>
      <c r="AD12530">
        <v>15</v>
      </c>
      <c r="AE12530">
        <v>16</v>
      </c>
      <c r="AF12530">
        <v>16</v>
      </c>
      <c r="AG12530">
        <v>16</v>
      </c>
      <c r="AH12530">
        <v>16</v>
      </c>
      <c r="AI12530">
        <v>17</v>
      </c>
      <c r="AJ12530">
        <v>17</v>
      </c>
      <c r="AK12530">
        <v>17</v>
      </c>
      <c r="AL12530">
        <v>17</v>
      </c>
      <c r="AM12530">
        <v>17</v>
      </c>
      <c r="AN12530">
        <v>17</v>
      </c>
      <c r="AO12530">
        <v>17</v>
      </c>
      <c r="AP12530">
        <v>17</v>
      </c>
      <c r="AQ12530">
        <v>18</v>
      </c>
    </row>
    <row r="12531" spans="1:43">
      <c r="A12531" t="s">
        <v>7786</v>
      </c>
      <c r="B12531" t="s">
        <v>7787</v>
      </c>
      <c r="C12531" t="s">
        <v>7788</v>
      </c>
      <c r="D12531" t="s">
        <v>7789</v>
      </c>
      <c r="E12531" t="s">
        <v>7646</v>
      </c>
      <c r="F12531" t="s">
        <v>7647</v>
      </c>
      <c r="G12531" t="s">
        <v>80</v>
      </c>
      <c r="H12531" t="s">
        <v>81</v>
      </c>
      <c r="I12531" s="2">
        <v>0</v>
      </c>
      <c r="J12531" s="2">
        <v>1</v>
      </c>
      <c r="K12531" s="2">
        <v>0</v>
      </c>
      <c r="L12531" t="s">
        <v>82</v>
      </c>
      <c r="M12531" t="s">
        <v>87</v>
      </c>
      <c r="N12531" t="s">
        <v>88</v>
      </c>
      <c r="O12531" t="s">
        <v>85</v>
      </c>
      <c r="P12531" t="s">
        <v>86</v>
      </c>
      <c r="Q12531">
        <v>12</v>
      </c>
      <c r="R12531">
        <v>12</v>
      </c>
      <c r="S12531">
        <v>12</v>
      </c>
      <c r="T12531">
        <v>13</v>
      </c>
      <c r="U12531">
        <v>13</v>
      </c>
      <c r="V12531">
        <v>13</v>
      </c>
      <c r="W12531">
        <v>13</v>
      </c>
      <c r="X12531">
        <v>13</v>
      </c>
      <c r="Y12531">
        <v>13</v>
      </c>
      <c r="Z12531">
        <v>13</v>
      </c>
      <c r="AA12531">
        <v>13</v>
      </c>
      <c r="AB12531">
        <v>13</v>
      </c>
      <c r="AC12531">
        <v>14</v>
      </c>
      <c r="AD12531">
        <v>14</v>
      </c>
      <c r="AE12531">
        <v>14</v>
      </c>
      <c r="AF12531">
        <v>14</v>
      </c>
      <c r="AG12531">
        <v>14</v>
      </c>
      <c r="AH12531">
        <v>14</v>
      </c>
      <c r="AI12531">
        <v>14</v>
      </c>
      <c r="AJ12531">
        <v>14</v>
      </c>
      <c r="AK12531">
        <v>15</v>
      </c>
      <c r="AL12531">
        <v>15</v>
      </c>
      <c r="AM12531">
        <v>15</v>
      </c>
      <c r="AN12531">
        <v>15</v>
      </c>
      <c r="AO12531">
        <v>15</v>
      </c>
      <c r="AP12531">
        <v>15</v>
      </c>
      <c r="AQ12531">
        <v>15</v>
      </c>
    </row>
    <row r="12532" spans="1:43">
      <c r="A12532" t="s">
        <v>7786</v>
      </c>
      <c r="B12532" t="s">
        <v>7787</v>
      </c>
      <c r="C12532" t="s">
        <v>7788</v>
      </c>
      <c r="D12532" t="s">
        <v>7789</v>
      </c>
      <c r="E12532" t="s">
        <v>7646</v>
      </c>
      <c r="F12532" t="s">
        <v>7647</v>
      </c>
      <c r="G12532" t="s">
        <v>80</v>
      </c>
      <c r="H12532" t="s">
        <v>81</v>
      </c>
      <c r="I12532" s="2">
        <v>0</v>
      </c>
      <c r="J12532" s="2">
        <v>1</v>
      </c>
      <c r="K12532" s="2">
        <v>0</v>
      </c>
      <c r="L12532" t="s">
        <v>82</v>
      </c>
      <c r="M12532" t="s">
        <v>89</v>
      </c>
      <c r="N12532" t="s">
        <v>90</v>
      </c>
      <c r="O12532" t="s">
        <v>85</v>
      </c>
      <c r="P12532" t="s">
        <v>86</v>
      </c>
      <c r="Q12532">
        <v>12</v>
      </c>
      <c r="R12532">
        <v>13</v>
      </c>
      <c r="S12532">
        <v>13</v>
      </c>
      <c r="T12532">
        <v>13</v>
      </c>
      <c r="U12532">
        <v>14</v>
      </c>
      <c r="V12532">
        <v>14</v>
      </c>
      <c r="W12532">
        <v>14</v>
      </c>
      <c r="X12532">
        <v>15</v>
      </c>
      <c r="Y12532">
        <v>15</v>
      </c>
      <c r="Z12532">
        <v>15</v>
      </c>
      <c r="AA12532">
        <v>16</v>
      </c>
      <c r="AB12532">
        <v>16</v>
      </c>
      <c r="AC12532">
        <v>16</v>
      </c>
      <c r="AD12532">
        <v>17</v>
      </c>
      <c r="AE12532">
        <v>17</v>
      </c>
      <c r="AF12532">
        <v>17</v>
      </c>
      <c r="AG12532">
        <v>17</v>
      </c>
      <c r="AH12532">
        <v>17</v>
      </c>
      <c r="AI12532">
        <v>17</v>
      </c>
      <c r="AJ12532">
        <v>17</v>
      </c>
      <c r="AK12532">
        <v>17</v>
      </c>
      <c r="AL12532">
        <v>17</v>
      </c>
      <c r="AM12532">
        <v>17</v>
      </c>
      <c r="AN12532">
        <v>17</v>
      </c>
      <c r="AO12532">
        <v>18</v>
      </c>
      <c r="AP12532">
        <v>18</v>
      </c>
      <c r="AQ12532">
        <v>18</v>
      </c>
    </row>
    <row r="12533" spans="1:43">
      <c r="A12533" t="s">
        <v>7786</v>
      </c>
      <c r="B12533" t="s">
        <v>7787</v>
      </c>
      <c r="C12533" t="s">
        <v>7788</v>
      </c>
      <c r="D12533" t="s">
        <v>7789</v>
      </c>
      <c r="E12533" t="s">
        <v>7646</v>
      </c>
      <c r="F12533" t="s">
        <v>7647</v>
      </c>
      <c r="G12533" t="s">
        <v>80</v>
      </c>
      <c r="H12533" t="s">
        <v>81</v>
      </c>
      <c r="I12533" s="2">
        <v>0</v>
      </c>
      <c r="J12533" s="2">
        <v>1</v>
      </c>
      <c r="K12533" s="2">
        <v>0</v>
      </c>
      <c r="L12533" t="s">
        <v>82</v>
      </c>
      <c r="M12533" t="s">
        <v>83</v>
      </c>
      <c r="N12533" t="s">
        <v>91</v>
      </c>
      <c r="O12533" t="s">
        <v>85</v>
      </c>
      <c r="P12533" t="s">
        <v>86</v>
      </c>
      <c r="Q12533">
        <v>12</v>
      </c>
      <c r="R12533">
        <v>13</v>
      </c>
      <c r="S12533">
        <v>13</v>
      </c>
      <c r="T12533">
        <v>13</v>
      </c>
      <c r="U12533">
        <v>13</v>
      </c>
      <c r="V12533">
        <v>14</v>
      </c>
      <c r="W12533">
        <v>14</v>
      </c>
      <c r="X12533">
        <v>14</v>
      </c>
      <c r="Y12533">
        <v>14</v>
      </c>
      <c r="Z12533">
        <v>14</v>
      </c>
      <c r="AA12533">
        <v>15</v>
      </c>
      <c r="AB12533">
        <v>15</v>
      </c>
      <c r="AC12533">
        <v>15</v>
      </c>
      <c r="AD12533">
        <v>15</v>
      </c>
      <c r="AE12533">
        <v>16</v>
      </c>
      <c r="AF12533">
        <v>16</v>
      </c>
      <c r="AG12533">
        <v>16</v>
      </c>
      <c r="AH12533">
        <v>16</v>
      </c>
      <c r="AI12533">
        <v>17</v>
      </c>
      <c r="AJ12533">
        <v>17</v>
      </c>
      <c r="AK12533">
        <v>17</v>
      </c>
      <c r="AL12533">
        <v>17</v>
      </c>
      <c r="AM12533">
        <v>17</v>
      </c>
      <c r="AN12533">
        <v>17</v>
      </c>
      <c r="AO12533">
        <v>17</v>
      </c>
      <c r="AP12533">
        <v>17</v>
      </c>
      <c r="AQ12533">
        <v>18</v>
      </c>
    </row>
    <row r="12534" spans="1:43">
      <c r="A12534" t="s">
        <v>7790</v>
      </c>
      <c r="B12534" t="s">
        <v>7791</v>
      </c>
      <c r="C12534" t="s">
        <v>7788</v>
      </c>
      <c r="D12534" t="s">
        <v>7789</v>
      </c>
      <c r="E12534" t="s">
        <v>7646</v>
      </c>
      <c r="F12534" t="s">
        <v>7647</v>
      </c>
      <c r="G12534" t="s">
        <v>80</v>
      </c>
      <c r="H12534" t="s">
        <v>81</v>
      </c>
      <c r="I12534" s="2">
        <v>0</v>
      </c>
      <c r="J12534" s="2">
        <v>1</v>
      </c>
      <c r="K12534" s="2">
        <v>0</v>
      </c>
      <c r="L12534" t="s">
        <v>82</v>
      </c>
      <c r="M12534" t="s">
        <v>83</v>
      </c>
      <c r="N12534" t="s">
        <v>84</v>
      </c>
      <c r="O12534" t="s">
        <v>85</v>
      </c>
      <c r="P12534" t="s">
        <v>86</v>
      </c>
      <c r="Q12534">
        <v>53</v>
      </c>
      <c r="R12534">
        <v>54</v>
      </c>
      <c r="S12534">
        <v>55</v>
      </c>
      <c r="T12534">
        <v>56</v>
      </c>
      <c r="U12534">
        <v>57</v>
      </c>
      <c r="V12534">
        <v>58</v>
      </c>
      <c r="W12534">
        <v>59</v>
      </c>
      <c r="X12534">
        <v>60</v>
      </c>
      <c r="Y12534">
        <v>61</v>
      </c>
      <c r="Z12534">
        <v>62</v>
      </c>
      <c r="AA12534">
        <v>63</v>
      </c>
      <c r="AB12534">
        <v>64</v>
      </c>
      <c r="AC12534">
        <v>65</v>
      </c>
      <c r="AD12534">
        <v>66</v>
      </c>
      <c r="AE12534">
        <v>67</v>
      </c>
      <c r="AF12534">
        <v>68</v>
      </c>
      <c r="AG12534">
        <v>69</v>
      </c>
      <c r="AH12534">
        <v>70</v>
      </c>
      <c r="AI12534">
        <v>71</v>
      </c>
      <c r="AJ12534">
        <v>72</v>
      </c>
      <c r="AK12534">
        <v>73</v>
      </c>
      <c r="AL12534">
        <v>73</v>
      </c>
      <c r="AM12534">
        <v>73</v>
      </c>
      <c r="AN12534">
        <v>74</v>
      </c>
      <c r="AO12534">
        <v>74</v>
      </c>
      <c r="AP12534">
        <v>74</v>
      </c>
      <c r="AQ12534">
        <v>75</v>
      </c>
    </row>
    <row r="12535" spans="1:43">
      <c r="A12535" t="s">
        <v>7790</v>
      </c>
      <c r="B12535" t="s">
        <v>7791</v>
      </c>
      <c r="C12535" t="s">
        <v>7788</v>
      </c>
      <c r="D12535" t="s">
        <v>7789</v>
      </c>
      <c r="E12535" t="s">
        <v>7646</v>
      </c>
      <c r="F12535" t="s">
        <v>7647</v>
      </c>
      <c r="G12535" t="s">
        <v>80</v>
      </c>
      <c r="H12535" t="s">
        <v>81</v>
      </c>
      <c r="I12535" s="2">
        <v>0</v>
      </c>
      <c r="J12535" s="2">
        <v>1</v>
      </c>
      <c r="K12535" s="2">
        <v>0</v>
      </c>
      <c r="L12535" t="s">
        <v>82</v>
      </c>
      <c r="M12535" t="s">
        <v>87</v>
      </c>
      <c r="N12535" t="s">
        <v>88</v>
      </c>
      <c r="O12535" t="s">
        <v>85</v>
      </c>
      <c r="P12535" t="s">
        <v>86</v>
      </c>
      <c r="Q12535">
        <v>53</v>
      </c>
      <c r="R12535">
        <v>54</v>
      </c>
      <c r="S12535">
        <v>54</v>
      </c>
      <c r="T12535">
        <v>55</v>
      </c>
      <c r="U12535">
        <v>55</v>
      </c>
      <c r="V12535">
        <v>56</v>
      </c>
      <c r="W12535">
        <v>56</v>
      </c>
      <c r="X12535">
        <v>57</v>
      </c>
      <c r="Y12535">
        <v>57</v>
      </c>
      <c r="Z12535">
        <v>58</v>
      </c>
      <c r="AA12535">
        <v>58</v>
      </c>
      <c r="AB12535">
        <v>58</v>
      </c>
      <c r="AC12535">
        <v>59</v>
      </c>
      <c r="AD12535">
        <v>59</v>
      </c>
      <c r="AE12535">
        <v>60</v>
      </c>
      <c r="AF12535">
        <v>60</v>
      </c>
      <c r="AG12535">
        <v>61</v>
      </c>
      <c r="AH12535">
        <v>61</v>
      </c>
      <c r="AI12535">
        <v>62</v>
      </c>
      <c r="AJ12535">
        <v>62</v>
      </c>
      <c r="AK12535">
        <v>63</v>
      </c>
      <c r="AL12535">
        <v>63</v>
      </c>
      <c r="AM12535">
        <v>64</v>
      </c>
      <c r="AN12535">
        <v>64</v>
      </c>
      <c r="AO12535">
        <v>65</v>
      </c>
      <c r="AP12535">
        <v>65</v>
      </c>
      <c r="AQ12535">
        <v>65</v>
      </c>
    </row>
    <row r="12536" spans="1:43">
      <c r="A12536" t="s">
        <v>7790</v>
      </c>
      <c r="B12536" t="s">
        <v>7791</v>
      </c>
      <c r="C12536" t="s">
        <v>7788</v>
      </c>
      <c r="D12536" t="s">
        <v>7789</v>
      </c>
      <c r="E12536" t="s">
        <v>7646</v>
      </c>
      <c r="F12536" t="s">
        <v>7647</v>
      </c>
      <c r="G12536" t="s">
        <v>80</v>
      </c>
      <c r="H12536" t="s">
        <v>81</v>
      </c>
      <c r="I12536" s="2">
        <v>0</v>
      </c>
      <c r="J12536" s="2">
        <v>1</v>
      </c>
      <c r="K12536" s="2">
        <v>0</v>
      </c>
      <c r="L12536" t="s">
        <v>82</v>
      </c>
      <c r="M12536" t="s">
        <v>89</v>
      </c>
      <c r="N12536" t="s">
        <v>90</v>
      </c>
      <c r="O12536" t="s">
        <v>85</v>
      </c>
      <c r="P12536" t="s">
        <v>86</v>
      </c>
      <c r="Q12536">
        <v>53</v>
      </c>
      <c r="R12536">
        <v>55</v>
      </c>
      <c r="S12536">
        <v>56</v>
      </c>
      <c r="T12536">
        <v>58</v>
      </c>
      <c r="U12536">
        <v>59</v>
      </c>
      <c r="V12536">
        <v>60</v>
      </c>
      <c r="W12536">
        <v>62</v>
      </c>
      <c r="X12536">
        <v>63</v>
      </c>
      <c r="Y12536">
        <v>64</v>
      </c>
      <c r="Z12536">
        <v>66</v>
      </c>
      <c r="AA12536">
        <v>67</v>
      </c>
      <c r="AB12536">
        <v>68</v>
      </c>
      <c r="AC12536">
        <v>69</v>
      </c>
      <c r="AD12536">
        <v>71</v>
      </c>
      <c r="AE12536">
        <v>72</v>
      </c>
      <c r="AF12536">
        <v>72</v>
      </c>
      <c r="AG12536">
        <v>72</v>
      </c>
      <c r="AH12536">
        <v>72</v>
      </c>
      <c r="AI12536">
        <v>73</v>
      </c>
      <c r="AJ12536">
        <v>73</v>
      </c>
      <c r="AK12536">
        <v>73</v>
      </c>
      <c r="AL12536">
        <v>74</v>
      </c>
      <c r="AM12536">
        <v>74</v>
      </c>
      <c r="AN12536">
        <v>74</v>
      </c>
      <c r="AO12536">
        <v>75</v>
      </c>
      <c r="AP12536">
        <v>75</v>
      </c>
      <c r="AQ12536">
        <v>75</v>
      </c>
    </row>
    <row r="12537" spans="1:43">
      <c r="A12537" t="s">
        <v>7790</v>
      </c>
      <c r="B12537" t="s">
        <v>7791</v>
      </c>
      <c r="C12537" t="s">
        <v>7788</v>
      </c>
      <c r="D12537" t="s">
        <v>7789</v>
      </c>
      <c r="E12537" t="s">
        <v>7646</v>
      </c>
      <c r="F12537" t="s">
        <v>7647</v>
      </c>
      <c r="G12537" t="s">
        <v>80</v>
      </c>
      <c r="H12537" t="s">
        <v>81</v>
      </c>
      <c r="I12537" s="2">
        <v>0</v>
      </c>
      <c r="J12537" s="2">
        <v>1</v>
      </c>
      <c r="K12537" s="2">
        <v>0</v>
      </c>
      <c r="L12537" t="s">
        <v>82</v>
      </c>
      <c r="M12537" t="s">
        <v>83</v>
      </c>
      <c r="N12537" t="s">
        <v>91</v>
      </c>
      <c r="O12537" t="s">
        <v>85</v>
      </c>
      <c r="P12537" t="s">
        <v>86</v>
      </c>
      <c r="Q12537">
        <v>53</v>
      </c>
      <c r="R12537">
        <v>54</v>
      </c>
      <c r="S12537">
        <v>55</v>
      </c>
      <c r="T12537">
        <v>56</v>
      </c>
      <c r="U12537">
        <v>57</v>
      </c>
      <c r="V12537">
        <v>58</v>
      </c>
      <c r="W12537">
        <v>59</v>
      </c>
      <c r="X12537">
        <v>60</v>
      </c>
      <c r="Y12537">
        <v>61</v>
      </c>
      <c r="Z12537">
        <v>62</v>
      </c>
      <c r="AA12537">
        <v>63</v>
      </c>
      <c r="AB12537">
        <v>64</v>
      </c>
      <c r="AC12537">
        <v>65</v>
      </c>
      <c r="AD12537">
        <v>66</v>
      </c>
      <c r="AE12537">
        <v>67</v>
      </c>
      <c r="AF12537">
        <v>68</v>
      </c>
      <c r="AG12537">
        <v>69</v>
      </c>
      <c r="AH12537">
        <v>70</v>
      </c>
      <c r="AI12537">
        <v>71</v>
      </c>
      <c r="AJ12537">
        <v>72</v>
      </c>
      <c r="AK12537">
        <v>73</v>
      </c>
      <c r="AL12537">
        <v>73</v>
      </c>
      <c r="AM12537">
        <v>73</v>
      </c>
      <c r="AN12537">
        <v>74</v>
      </c>
      <c r="AO12537">
        <v>74</v>
      </c>
      <c r="AP12537">
        <v>74</v>
      </c>
      <c r="AQ12537">
        <v>75</v>
      </c>
    </row>
    <row r="12538" spans="1:43">
      <c r="A12538" t="s">
        <v>7792</v>
      </c>
      <c r="B12538" t="s">
        <v>7793</v>
      </c>
      <c r="C12538" t="s">
        <v>7788</v>
      </c>
      <c r="D12538" t="s">
        <v>7789</v>
      </c>
      <c r="E12538" t="s">
        <v>7646</v>
      </c>
      <c r="F12538" t="s">
        <v>7647</v>
      </c>
      <c r="G12538" t="s">
        <v>80</v>
      </c>
      <c r="H12538" t="s">
        <v>81</v>
      </c>
      <c r="I12538" s="2">
        <v>0</v>
      </c>
      <c r="J12538" s="2">
        <v>1</v>
      </c>
      <c r="K12538" s="2">
        <v>0</v>
      </c>
      <c r="L12538" t="s">
        <v>82</v>
      </c>
      <c r="M12538" t="s">
        <v>83</v>
      </c>
      <c r="N12538" t="s">
        <v>84</v>
      </c>
      <c r="O12538" t="s">
        <v>85</v>
      </c>
      <c r="P12538" t="s">
        <v>86</v>
      </c>
      <c r="Q12538">
        <v>22</v>
      </c>
      <c r="R12538">
        <v>22</v>
      </c>
      <c r="S12538">
        <v>23</v>
      </c>
      <c r="T12538">
        <v>23</v>
      </c>
      <c r="U12538">
        <v>24</v>
      </c>
      <c r="V12538">
        <v>24</v>
      </c>
      <c r="W12538">
        <v>24</v>
      </c>
      <c r="X12538">
        <v>25</v>
      </c>
      <c r="Y12538">
        <v>25</v>
      </c>
      <c r="Z12538">
        <v>26</v>
      </c>
      <c r="AA12538">
        <v>26</v>
      </c>
      <c r="AB12538">
        <v>26</v>
      </c>
      <c r="AC12538">
        <v>27</v>
      </c>
      <c r="AD12538">
        <v>27</v>
      </c>
      <c r="AE12538">
        <v>28</v>
      </c>
      <c r="AF12538">
        <v>28</v>
      </c>
      <c r="AG12538">
        <v>29</v>
      </c>
      <c r="AH12538">
        <v>29</v>
      </c>
      <c r="AI12538">
        <v>29</v>
      </c>
      <c r="AJ12538">
        <v>30</v>
      </c>
      <c r="AK12538">
        <v>30</v>
      </c>
      <c r="AL12538">
        <v>30</v>
      </c>
      <c r="AM12538">
        <v>31</v>
      </c>
      <c r="AN12538">
        <v>31</v>
      </c>
      <c r="AO12538">
        <v>31</v>
      </c>
      <c r="AP12538">
        <v>31</v>
      </c>
      <c r="AQ12538">
        <v>31</v>
      </c>
    </row>
    <row r="12539" spans="1:43">
      <c r="A12539" t="s">
        <v>7792</v>
      </c>
      <c r="B12539" t="s">
        <v>7793</v>
      </c>
      <c r="C12539" t="s">
        <v>7788</v>
      </c>
      <c r="D12539" t="s">
        <v>7789</v>
      </c>
      <c r="E12539" t="s">
        <v>7646</v>
      </c>
      <c r="F12539" t="s">
        <v>7647</v>
      </c>
      <c r="G12539" t="s">
        <v>80</v>
      </c>
      <c r="H12539" t="s">
        <v>81</v>
      </c>
      <c r="I12539" s="2">
        <v>0</v>
      </c>
      <c r="J12539" s="2">
        <v>1</v>
      </c>
      <c r="K12539" s="2">
        <v>0</v>
      </c>
      <c r="L12539" t="s">
        <v>82</v>
      </c>
      <c r="M12539" t="s">
        <v>87</v>
      </c>
      <c r="N12539" t="s">
        <v>88</v>
      </c>
      <c r="O12539" t="s">
        <v>85</v>
      </c>
      <c r="P12539" t="s">
        <v>86</v>
      </c>
      <c r="Q12539">
        <v>22</v>
      </c>
      <c r="R12539">
        <v>22</v>
      </c>
      <c r="S12539">
        <v>22</v>
      </c>
      <c r="T12539">
        <v>22</v>
      </c>
      <c r="U12539">
        <v>23</v>
      </c>
      <c r="V12539">
        <v>23</v>
      </c>
      <c r="W12539">
        <v>23</v>
      </c>
      <c r="X12539">
        <v>23</v>
      </c>
      <c r="Y12539">
        <v>23</v>
      </c>
      <c r="Z12539">
        <v>24</v>
      </c>
      <c r="AA12539">
        <v>24</v>
      </c>
      <c r="AB12539">
        <v>24</v>
      </c>
      <c r="AC12539">
        <v>24</v>
      </c>
      <c r="AD12539">
        <v>24</v>
      </c>
      <c r="AE12539">
        <v>25</v>
      </c>
      <c r="AF12539">
        <v>25</v>
      </c>
      <c r="AG12539">
        <v>25</v>
      </c>
      <c r="AH12539">
        <v>25</v>
      </c>
      <c r="AI12539">
        <v>25</v>
      </c>
      <c r="AJ12539">
        <v>26</v>
      </c>
      <c r="AK12539">
        <v>26</v>
      </c>
      <c r="AL12539">
        <v>26</v>
      </c>
      <c r="AM12539">
        <v>26</v>
      </c>
      <c r="AN12539">
        <v>26</v>
      </c>
      <c r="AO12539">
        <v>27</v>
      </c>
      <c r="AP12539">
        <v>27</v>
      </c>
      <c r="AQ12539">
        <v>27</v>
      </c>
    </row>
    <row r="12540" spans="1:43">
      <c r="A12540" t="s">
        <v>7792</v>
      </c>
      <c r="B12540" t="s">
        <v>7793</v>
      </c>
      <c r="C12540" t="s">
        <v>7788</v>
      </c>
      <c r="D12540" t="s">
        <v>7789</v>
      </c>
      <c r="E12540" t="s">
        <v>7646</v>
      </c>
      <c r="F12540" t="s">
        <v>7647</v>
      </c>
      <c r="G12540" t="s">
        <v>80</v>
      </c>
      <c r="H12540" t="s">
        <v>81</v>
      </c>
      <c r="I12540" s="2">
        <v>0</v>
      </c>
      <c r="J12540" s="2">
        <v>1</v>
      </c>
      <c r="K12540" s="2">
        <v>0</v>
      </c>
      <c r="L12540" t="s">
        <v>82</v>
      </c>
      <c r="M12540" t="s">
        <v>89</v>
      </c>
      <c r="N12540" t="s">
        <v>90</v>
      </c>
      <c r="O12540" t="s">
        <v>85</v>
      </c>
      <c r="P12540" t="s">
        <v>86</v>
      </c>
      <c r="Q12540">
        <v>22</v>
      </c>
      <c r="R12540">
        <v>23</v>
      </c>
      <c r="S12540">
        <v>23</v>
      </c>
      <c r="T12540">
        <v>24</v>
      </c>
      <c r="U12540">
        <v>25</v>
      </c>
      <c r="V12540">
        <v>25</v>
      </c>
      <c r="W12540">
        <v>26</v>
      </c>
      <c r="X12540">
        <v>26</v>
      </c>
      <c r="Y12540">
        <v>27</v>
      </c>
      <c r="Z12540">
        <v>27</v>
      </c>
      <c r="AA12540">
        <v>28</v>
      </c>
      <c r="AB12540">
        <v>28</v>
      </c>
      <c r="AC12540">
        <v>29</v>
      </c>
      <c r="AD12540">
        <v>29</v>
      </c>
      <c r="AE12540">
        <v>30</v>
      </c>
      <c r="AF12540">
        <v>30</v>
      </c>
      <c r="AG12540">
        <v>30</v>
      </c>
      <c r="AH12540">
        <v>30</v>
      </c>
      <c r="AI12540">
        <v>30</v>
      </c>
      <c r="AJ12540">
        <v>30</v>
      </c>
      <c r="AK12540">
        <v>31</v>
      </c>
      <c r="AL12540">
        <v>31</v>
      </c>
      <c r="AM12540">
        <v>31</v>
      </c>
      <c r="AN12540">
        <v>31</v>
      </c>
      <c r="AO12540">
        <v>31</v>
      </c>
      <c r="AP12540">
        <v>31</v>
      </c>
      <c r="AQ12540">
        <v>31</v>
      </c>
    </row>
    <row r="12541" spans="1:43">
      <c r="A12541" t="s">
        <v>7792</v>
      </c>
      <c r="B12541" t="s">
        <v>7793</v>
      </c>
      <c r="C12541" t="s">
        <v>7788</v>
      </c>
      <c r="D12541" t="s">
        <v>7789</v>
      </c>
      <c r="E12541" t="s">
        <v>7646</v>
      </c>
      <c r="F12541" t="s">
        <v>7647</v>
      </c>
      <c r="G12541" t="s">
        <v>80</v>
      </c>
      <c r="H12541" t="s">
        <v>81</v>
      </c>
      <c r="I12541" s="2">
        <v>0</v>
      </c>
      <c r="J12541" s="2">
        <v>1</v>
      </c>
      <c r="K12541" s="2">
        <v>0</v>
      </c>
      <c r="L12541" t="s">
        <v>82</v>
      </c>
      <c r="M12541" t="s">
        <v>83</v>
      </c>
      <c r="N12541" t="s">
        <v>91</v>
      </c>
      <c r="O12541" t="s">
        <v>85</v>
      </c>
      <c r="P12541" t="s">
        <v>86</v>
      </c>
      <c r="Q12541">
        <v>22</v>
      </c>
      <c r="R12541">
        <v>22</v>
      </c>
      <c r="S12541">
        <v>23</v>
      </c>
      <c r="T12541">
        <v>23</v>
      </c>
      <c r="U12541">
        <v>24</v>
      </c>
      <c r="V12541">
        <v>24</v>
      </c>
      <c r="W12541">
        <v>24</v>
      </c>
      <c r="X12541">
        <v>25</v>
      </c>
      <c r="Y12541">
        <v>25</v>
      </c>
      <c r="Z12541">
        <v>26</v>
      </c>
      <c r="AA12541">
        <v>26</v>
      </c>
      <c r="AB12541">
        <v>26</v>
      </c>
      <c r="AC12541">
        <v>27</v>
      </c>
      <c r="AD12541">
        <v>27</v>
      </c>
      <c r="AE12541">
        <v>28</v>
      </c>
      <c r="AF12541">
        <v>28</v>
      </c>
      <c r="AG12541">
        <v>29</v>
      </c>
      <c r="AH12541">
        <v>29</v>
      </c>
      <c r="AI12541">
        <v>29</v>
      </c>
      <c r="AJ12541">
        <v>30</v>
      </c>
      <c r="AK12541">
        <v>30</v>
      </c>
      <c r="AL12541">
        <v>30</v>
      </c>
      <c r="AM12541">
        <v>31</v>
      </c>
      <c r="AN12541">
        <v>31</v>
      </c>
      <c r="AO12541">
        <v>31</v>
      </c>
      <c r="AP12541">
        <v>31</v>
      </c>
      <c r="AQ12541">
        <v>31</v>
      </c>
    </row>
    <row r="12542" spans="1:43">
      <c r="A12542" t="s">
        <v>7794</v>
      </c>
      <c r="B12542" t="s">
        <v>7795</v>
      </c>
      <c r="C12542" t="s">
        <v>7788</v>
      </c>
      <c r="D12542" t="s">
        <v>7789</v>
      </c>
      <c r="E12542" t="s">
        <v>7646</v>
      </c>
      <c r="F12542" t="s">
        <v>7647</v>
      </c>
      <c r="G12542" t="s">
        <v>80</v>
      </c>
      <c r="H12542" t="s">
        <v>81</v>
      </c>
      <c r="I12542" s="2">
        <v>0</v>
      </c>
      <c r="J12542" s="2">
        <v>1</v>
      </c>
      <c r="K12542" s="2">
        <v>0</v>
      </c>
      <c r="L12542" t="s">
        <v>82</v>
      </c>
      <c r="M12542" t="s">
        <v>83</v>
      </c>
      <c r="N12542" t="s">
        <v>84</v>
      </c>
      <c r="O12542" t="s">
        <v>85</v>
      </c>
      <c r="P12542" t="s">
        <v>86</v>
      </c>
      <c r="Q12542">
        <v>32</v>
      </c>
      <c r="R12542">
        <v>33</v>
      </c>
      <c r="S12542">
        <v>33</v>
      </c>
      <c r="T12542">
        <v>34</v>
      </c>
      <c r="U12542">
        <v>35</v>
      </c>
      <c r="V12542">
        <v>35</v>
      </c>
      <c r="W12542">
        <v>36</v>
      </c>
      <c r="X12542">
        <v>36</v>
      </c>
      <c r="Y12542">
        <v>37</v>
      </c>
      <c r="Z12542">
        <v>38</v>
      </c>
      <c r="AA12542">
        <v>38</v>
      </c>
      <c r="AB12542">
        <v>39</v>
      </c>
      <c r="AC12542">
        <v>40</v>
      </c>
      <c r="AD12542">
        <v>40</v>
      </c>
      <c r="AE12542">
        <v>41</v>
      </c>
      <c r="AF12542">
        <v>41</v>
      </c>
      <c r="AG12542">
        <v>42</v>
      </c>
      <c r="AH12542">
        <v>43</v>
      </c>
      <c r="AI12542">
        <v>43</v>
      </c>
      <c r="AJ12542">
        <v>44</v>
      </c>
      <c r="AK12542">
        <v>44</v>
      </c>
      <c r="AL12542">
        <v>45</v>
      </c>
      <c r="AM12542">
        <v>45</v>
      </c>
      <c r="AN12542">
        <v>45</v>
      </c>
      <c r="AO12542">
        <v>45</v>
      </c>
      <c r="AP12542">
        <v>46</v>
      </c>
      <c r="AQ12542">
        <v>46</v>
      </c>
    </row>
    <row r="12543" spans="1:43">
      <c r="A12543" t="s">
        <v>7794</v>
      </c>
      <c r="B12543" t="s">
        <v>7795</v>
      </c>
      <c r="C12543" t="s">
        <v>7788</v>
      </c>
      <c r="D12543" t="s">
        <v>7789</v>
      </c>
      <c r="E12543" t="s">
        <v>7646</v>
      </c>
      <c r="F12543" t="s">
        <v>7647</v>
      </c>
      <c r="G12543" t="s">
        <v>80</v>
      </c>
      <c r="H12543" t="s">
        <v>81</v>
      </c>
      <c r="I12543" s="2">
        <v>0</v>
      </c>
      <c r="J12543" s="2">
        <v>1</v>
      </c>
      <c r="K12543" s="2">
        <v>0</v>
      </c>
      <c r="L12543" t="s">
        <v>82</v>
      </c>
      <c r="M12543" t="s">
        <v>87</v>
      </c>
      <c r="N12543" t="s">
        <v>88</v>
      </c>
      <c r="O12543" t="s">
        <v>85</v>
      </c>
      <c r="P12543" t="s">
        <v>86</v>
      </c>
      <c r="Q12543">
        <v>32</v>
      </c>
      <c r="R12543">
        <v>32</v>
      </c>
      <c r="S12543">
        <v>33</v>
      </c>
      <c r="T12543">
        <v>33</v>
      </c>
      <c r="U12543">
        <v>33</v>
      </c>
      <c r="V12543">
        <v>33</v>
      </c>
      <c r="W12543">
        <v>34</v>
      </c>
      <c r="X12543">
        <v>34</v>
      </c>
      <c r="Y12543">
        <v>34</v>
      </c>
      <c r="Z12543">
        <v>35</v>
      </c>
      <c r="AA12543">
        <v>35</v>
      </c>
      <c r="AB12543">
        <v>35</v>
      </c>
      <c r="AC12543">
        <v>35</v>
      </c>
      <c r="AD12543">
        <v>36</v>
      </c>
      <c r="AE12543">
        <v>36</v>
      </c>
      <c r="AF12543">
        <v>36</v>
      </c>
      <c r="AG12543">
        <v>37</v>
      </c>
      <c r="AH12543">
        <v>37</v>
      </c>
      <c r="AI12543">
        <v>37</v>
      </c>
      <c r="AJ12543">
        <v>38</v>
      </c>
      <c r="AK12543">
        <v>38</v>
      </c>
      <c r="AL12543">
        <v>38</v>
      </c>
      <c r="AM12543">
        <v>38</v>
      </c>
      <c r="AN12543">
        <v>39</v>
      </c>
      <c r="AO12543">
        <v>39</v>
      </c>
      <c r="AP12543">
        <v>39</v>
      </c>
      <c r="AQ12543">
        <v>40</v>
      </c>
    </row>
    <row r="12544" spans="1:43">
      <c r="A12544" t="s">
        <v>7794</v>
      </c>
      <c r="B12544" t="s">
        <v>7795</v>
      </c>
      <c r="C12544" t="s">
        <v>7788</v>
      </c>
      <c r="D12544" t="s">
        <v>7789</v>
      </c>
      <c r="E12544" t="s">
        <v>7646</v>
      </c>
      <c r="F12544" t="s">
        <v>7647</v>
      </c>
      <c r="G12544" t="s">
        <v>80</v>
      </c>
      <c r="H12544" t="s">
        <v>81</v>
      </c>
      <c r="I12544" s="2">
        <v>0</v>
      </c>
      <c r="J12544" s="2">
        <v>1</v>
      </c>
      <c r="K12544" s="2">
        <v>0</v>
      </c>
      <c r="L12544" t="s">
        <v>82</v>
      </c>
      <c r="M12544" t="s">
        <v>89</v>
      </c>
      <c r="N12544" t="s">
        <v>90</v>
      </c>
      <c r="O12544" t="s">
        <v>85</v>
      </c>
      <c r="P12544" t="s">
        <v>86</v>
      </c>
      <c r="Q12544">
        <v>32</v>
      </c>
      <c r="R12544">
        <v>32</v>
      </c>
      <c r="S12544">
        <v>33</v>
      </c>
      <c r="T12544">
        <v>34</v>
      </c>
      <c r="U12544">
        <v>35</v>
      </c>
      <c r="V12544">
        <v>36</v>
      </c>
      <c r="W12544">
        <v>37</v>
      </c>
      <c r="X12544">
        <v>38</v>
      </c>
      <c r="Y12544">
        <v>38</v>
      </c>
      <c r="Z12544">
        <v>39</v>
      </c>
      <c r="AA12544">
        <v>40</v>
      </c>
      <c r="AB12544">
        <v>41</v>
      </c>
      <c r="AC12544">
        <v>41</v>
      </c>
      <c r="AD12544">
        <v>42</v>
      </c>
      <c r="AE12544">
        <v>43</v>
      </c>
      <c r="AF12544">
        <v>43</v>
      </c>
      <c r="AG12544">
        <v>43</v>
      </c>
      <c r="AH12544">
        <v>43</v>
      </c>
      <c r="AI12544">
        <v>44</v>
      </c>
      <c r="AJ12544">
        <v>44</v>
      </c>
      <c r="AK12544">
        <v>44</v>
      </c>
      <c r="AL12544">
        <v>44</v>
      </c>
      <c r="AM12544">
        <v>44</v>
      </c>
      <c r="AN12544">
        <v>44</v>
      </c>
      <c r="AO12544">
        <v>45</v>
      </c>
      <c r="AP12544">
        <v>45</v>
      </c>
      <c r="AQ12544">
        <v>45</v>
      </c>
    </row>
    <row r="12545" spans="1:43">
      <c r="A12545" t="s">
        <v>7794</v>
      </c>
      <c r="B12545" t="s">
        <v>7795</v>
      </c>
      <c r="C12545" t="s">
        <v>7788</v>
      </c>
      <c r="D12545" t="s">
        <v>7789</v>
      </c>
      <c r="E12545" t="s">
        <v>7646</v>
      </c>
      <c r="F12545" t="s">
        <v>7647</v>
      </c>
      <c r="G12545" t="s">
        <v>80</v>
      </c>
      <c r="H12545" t="s">
        <v>81</v>
      </c>
      <c r="I12545" s="2">
        <v>0</v>
      </c>
      <c r="J12545" s="2">
        <v>1</v>
      </c>
      <c r="K12545" s="2">
        <v>0</v>
      </c>
      <c r="L12545" t="s">
        <v>82</v>
      </c>
      <c r="M12545" t="s">
        <v>83</v>
      </c>
      <c r="N12545" t="s">
        <v>91</v>
      </c>
      <c r="O12545" t="s">
        <v>85</v>
      </c>
      <c r="P12545" t="s">
        <v>86</v>
      </c>
      <c r="Q12545">
        <v>32</v>
      </c>
      <c r="R12545">
        <v>33</v>
      </c>
      <c r="S12545">
        <v>33</v>
      </c>
      <c r="T12545">
        <v>34</v>
      </c>
      <c r="U12545">
        <v>35</v>
      </c>
      <c r="V12545">
        <v>35</v>
      </c>
      <c r="W12545">
        <v>36</v>
      </c>
      <c r="X12545">
        <v>36</v>
      </c>
      <c r="Y12545">
        <v>37</v>
      </c>
      <c r="Z12545">
        <v>38</v>
      </c>
      <c r="AA12545">
        <v>38</v>
      </c>
      <c r="AB12545">
        <v>39</v>
      </c>
      <c r="AC12545">
        <v>40</v>
      </c>
      <c r="AD12545">
        <v>40</v>
      </c>
      <c r="AE12545">
        <v>41</v>
      </c>
      <c r="AF12545">
        <v>41</v>
      </c>
      <c r="AG12545">
        <v>42</v>
      </c>
      <c r="AH12545">
        <v>43</v>
      </c>
      <c r="AI12545">
        <v>43</v>
      </c>
      <c r="AJ12545">
        <v>44</v>
      </c>
      <c r="AK12545">
        <v>44</v>
      </c>
      <c r="AL12545">
        <v>45</v>
      </c>
      <c r="AM12545">
        <v>45</v>
      </c>
      <c r="AN12545">
        <v>45</v>
      </c>
      <c r="AO12545">
        <v>45</v>
      </c>
      <c r="AP12545">
        <v>46</v>
      </c>
      <c r="AQ12545">
        <v>46</v>
      </c>
    </row>
    <row r="12546" spans="1:43">
      <c r="A12546" t="s">
        <v>7796</v>
      </c>
      <c r="B12546" t="s">
        <v>7797</v>
      </c>
      <c r="C12546" t="s">
        <v>7788</v>
      </c>
      <c r="D12546" t="s">
        <v>7789</v>
      </c>
      <c r="E12546" t="s">
        <v>7646</v>
      </c>
      <c r="F12546" t="s">
        <v>7647</v>
      </c>
      <c r="G12546" t="s">
        <v>80</v>
      </c>
      <c r="H12546" t="s">
        <v>81</v>
      </c>
      <c r="I12546" s="2">
        <v>0</v>
      </c>
      <c r="J12546" s="2">
        <v>1</v>
      </c>
      <c r="K12546" s="2">
        <v>0</v>
      </c>
      <c r="L12546" t="s">
        <v>82</v>
      </c>
      <c r="M12546" t="s">
        <v>83</v>
      </c>
      <c r="N12546" t="s">
        <v>84</v>
      </c>
      <c r="O12546" t="s">
        <v>85</v>
      </c>
      <c r="P12546" t="s">
        <v>86</v>
      </c>
      <c r="Q12546">
        <v>21</v>
      </c>
      <c r="R12546">
        <v>21</v>
      </c>
      <c r="S12546">
        <v>22</v>
      </c>
      <c r="T12546">
        <v>22</v>
      </c>
      <c r="U12546">
        <v>22</v>
      </c>
      <c r="V12546">
        <v>23</v>
      </c>
      <c r="W12546">
        <v>23</v>
      </c>
      <c r="X12546">
        <v>23</v>
      </c>
      <c r="Y12546">
        <v>24</v>
      </c>
      <c r="Z12546">
        <v>24</v>
      </c>
      <c r="AA12546">
        <v>25</v>
      </c>
      <c r="AB12546">
        <v>25</v>
      </c>
      <c r="AC12546">
        <v>25</v>
      </c>
      <c r="AD12546">
        <v>26</v>
      </c>
      <c r="AE12546">
        <v>26</v>
      </c>
      <c r="AF12546">
        <v>27</v>
      </c>
      <c r="AG12546">
        <v>27</v>
      </c>
      <c r="AH12546">
        <v>27</v>
      </c>
      <c r="AI12546">
        <v>28</v>
      </c>
      <c r="AJ12546">
        <v>28</v>
      </c>
      <c r="AK12546">
        <v>29</v>
      </c>
      <c r="AL12546">
        <v>29</v>
      </c>
      <c r="AM12546">
        <v>29</v>
      </c>
      <c r="AN12546">
        <v>29</v>
      </c>
      <c r="AO12546">
        <v>29</v>
      </c>
      <c r="AP12546">
        <v>29</v>
      </c>
      <c r="AQ12546">
        <v>29</v>
      </c>
    </row>
    <row r="12547" spans="1:43">
      <c r="A12547" t="s">
        <v>7796</v>
      </c>
      <c r="B12547" t="s">
        <v>7797</v>
      </c>
      <c r="C12547" t="s">
        <v>7788</v>
      </c>
      <c r="D12547" t="s">
        <v>7789</v>
      </c>
      <c r="E12547" t="s">
        <v>7646</v>
      </c>
      <c r="F12547" t="s">
        <v>7647</v>
      </c>
      <c r="G12547" t="s">
        <v>80</v>
      </c>
      <c r="H12547" t="s">
        <v>81</v>
      </c>
      <c r="I12547" s="2">
        <v>0</v>
      </c>
      <c r="J12547" s="2">
        <v>1</v>
      </c>
      <c r="K12547" s="2">
        <v>0</v>
      </c>
      <c r="L12547" t="s">
        <v>82</v>
      </c>
      <c r="M12547" t="s">
        <v>87</v>
      </c>
      <c r="N12547" t="s">
        <v>88</v>
      </c>
      <c r="O12547" t="s">
        <v>85</v>
      </c>
      <c r="P12547" t="s">
        <v>86</v>
      </c>
      <c r="Q12547">
        <v>21</v>
      </c>
      <c r="R12547">
        <v>21</v>
      </c>
      <c r="S12547">
        <v>21</v>
      </c>
      <c r="T12547">
        <v>21</v>
      </c>
      <c r="U12547">
        <v>21</v>
      </c>
      <c r="V12547">
        <v>21</v>
      </c>
      <c r="W12547">
        <v>22</v>
      </c>
      <c r="X12547">
        <v>22</v>
      </c>
      <c r="Y12547">
        <v>22</v>
      </c>
      <c r="Z12547">
        <v>22</v>
      </c>
      <c r="AA12547">
        <v>22</v>
      </c>
      <c r="AB12547">
        <v>23</v>
      </c>
      <c r="AC12547">
        <v>23</v>
      </c>
      <c r="AD12547">
        <v>23</v>
      </c>
      <c r="AE12547">
        <v>23</v>
      </c>
      <c r="AF12547">
        <v>23</v>
      </c>
      <c r="AG12547">
        <v>24</v>
      </c>
      <c r="AH12547">
        <v>24</v>
      </c>
      <c r="AI12547">
        <v>24</v>
      </c>
      <c r="AJ12547">
        <v>24</v>
      </c>
      <c r="AK12547">
        <v>24</v>
      </c>
      <c r="AL12547">
        <v>25</v>
      </c>
      <c r="AM12547">
        <v>25</v>
      </c>
      <c r="AN12547">
        <v>25</v>
      </c>
      <c r="AO12547">
        <v>25</v>
      </c>
      <c r="AP12547">
        <v>25</v>
      </c>
      <c r="AQ12547">
        <v>25</v>
      </c>
    </row>
    <row r="12548" spans="1:43">
      <c r="A12548" t="s">
        <v>7796</v>
      </c>
      <c r="B12548" t="s">
        <v>7797</v>
      </c>
      <c r="C12548" t="s">
        <v>7788</v>
      </c>
      <c r="D12548" t="s">
        <v>7789</v>
      </c>
      <c r="E12548" t="s">
        <v>7646</v>
      </c>
      <c r="F12548" t="s">
        <v>7647</v>
      </c>
      <c r="G12548" t="s">
        <v>80</v>
      </c>
      <c r="H12548" t="s">
        <v>81</v>
      </c>
      <c r="I12548" s="2">
        <v>0</v>
      </c>
      <c r="J12548" s="2">
        <v>1</v>
      </c>
      <c r="K12548" s="2">
        <v>0</v>
      </c>
      <c r="L12548" t="s">
        <v>82</v>
      </c>
      <c r="M12548" t="s">
        <v>89</v>
      </c>
      <c r="N12548" t="s">
        <v>90</v>
      </c>
      <c r="O12548" t="s">
        <v>85</v>
      </c>
      <c r="P12548" t="s">
        <v>86</v>
      </c>
      <c r="Q12548">
        <v>21</v>
      </c>
      <c r="R12548">
        <v>22</v>
      </c>
      <c r="S12548">
        <v>22</v>
      </c>
      <c r="T12548">
        <v>23</v>
      </c>
      <c r="U12548">
        <v>23</v>
      </c>
      <c r="V12548">
        <v>24</v>
      </c>
      <c r="W12548">
        <v>24</v>
      </c>
      <c r="X12548">
        <v>25</v>
      </c>
      <c r="Y12548">
        <v>25</v>
      </c>
      <c r="Z12548">
        <v>26</v>
      </c>
      <c r="AA12548">
        <v>26</v>
      </c>
      <c r="AB12548">
        <v>27</v>
      </c>
      <c r="AC12548">
        <v>27</v>
      </c>
      <c r="AD12548">
        <v>28</v>
      </c>
      <c r="AE12548">
        <v>28</v>
      </c>
      <c r="AF12548">
        <v>28</v>
      </c>
      <c r="AG12548">
        <v>28</v>
      </c>
      <c r="AH12548">
        <v>29</v>
      </c>
      <c r="AI12548">
        <v>29</v>
      </c>
      <c r="AJ12548">
        <v>29</v>
      </c>
      <c r="AK12548">
        <v>29</v>
      </c>
      <c r="AL12548">
        <v>29</v>
      </c>
      <c r="AM12548">
        <v>29</v>
      </c>
      <c r="AN12548">
        <v>29</v>
      </c>
      <c r="AO12548">
        <v>29</v>
      </c>
      <c r="AP12548">
        <v>30</v>
      </c>
      <c r="AQ12548">
        <v>30</v>
      </c>
    </row>
    <row r="12549" spans="1:43">
      <c r="A12549" t="s">
        <v>7796</v>
      </c>
      <c r="B12549" t="s">
        <v>7797</v>
      </c>
      <c r="C12549" t="s">
        <v>7788</v>
      </c>
      <c r="D12549" t="s">
        <v>7789</v>
      </c>
      <c r="E12549" t="s">
        <v>7646</v>
      </c>
      <c r="F12549" t="s">
        <v>7647</v>
      </c>
      <c r="G12549" t="s">
        <v>80</v>
      </c>
      <c r="H12549" t="s">
        <v>81</v>
      </c>
      <c r="I12549" s="2">
        <v>0</v>
      </c>
      <c r="J12549" s="2">
        <v>1</v>
      </c>
      <c r="K12549" s="2">
        <v>0</v>
      </c>
      <c r="L12549" t="s">
        <v>82</v>
      </c>
      <c r="M12549" t="s">
        <v>83</v>
      </c>
      <c r="N12549" t="s">
        <v>91</v>
      </c>
      <c r="O12549" t="s">
        <v>85</v>
      </c>
      <c r="P12549" t="s">
        <v>86</v>
      </c>
      <c r="Q12549">
        <v>21</v>
      </c>
      <c r="R12549">
        <v>21</v>
      </c>
      <c r="S12549">
        <v>22</v>
      </c>
      <c r="T12549">
        <v>22</v>
      </c>
      <c r="U12549">
        <v>22</v>
      </c>
      <c r="V12549">
        <v>23</v>
      </c>
      <c r="W12549">
        <v>23</v>
      </c>
      <c r="X12549">
        <v>23</v>
      </c>
      <c r="Y12549">
        <v>24</v>
      </c>
      <c r="Z12549">
        <v>24</v>
      </c>
      <c r="AA12549">
        <v>25</v>
      </c>
      <c r="AB12549">
        <v>25</v>
      </c>
      <c r="AC12549">
        <v>25</v>
      </c>
      <c r="AD12549">
        <v>26</v>
      </c>
      <c r="AE12549">
        <v>26</v>
      </c>
      <c r="AF12549">
        <v>27</v>
      </c>
      <c r="AG12549">
        <v>27</v>
      </c>
      <c r="AH12549">
        <v>27</v>
      </c>
      <c r="AI12549">
        <v>28</v>
      </c>
      <c r="AJ12549">
        <v>28</v>
      </c>
      <c r="AK12549">
        <v>29</v>
      </c>
      <c r="AL12549">
        <v>29</v>
      </c>
      <c r="AM12549">
        <v>29</v>
      </c>
      <c r="AN12549">
        <v>29</v>
      </c>
      <c r="AO12549">
        <v>29</v>
      </c>
      <c r="AP12549">
        <v>29</v>
      </c>
      <c r="AQ12549">
        <v>29</v>
      </c>
    </row>
    <row r="12550" spans="1:43">
      <c r="A12550" t="s">
        <v>7798</v>
      </c>
      <c r="B12550" t="s">
        <v>7799</v>
      </c>
      <c r="C12550" t="s">
        <v>7788</v>
      </c>
      <c r="D12550" t="s">
        <v>7789</v>
      </c>
      <c r="E12550" t="s">
        <v>7646</v>
      </c>
      <c r="F12550" t="s">
        <v>7647</v>
      </c>
      <c r="G12550" t="s">
        <v>80</v>
      </c>
      <c r="H12550" t="s">
        <v>81</v>
      </c>
      <c r="I12550" s="2">
        <v>0</v>
      </c>
      <c r="J12550" s="2">
        <v>1</v>
      </c>
      <c r="K12550" s="2">
        <v>0</v>
      </c>
      <c r="L12550" t="s">
        <v>82</v>
      </c>
      <c r="M12550" t="s">
        <v>83</v>
      </c>
      <c r="N12550" t="s">
        <v>84</v>
      </c>
      <c r="O12550" t="s">
        <v>85</v>
      </c>
      <c r="P12550" t="s">
        <v>86</v>
      </c>
      <c r="Q12550">
        <v>30</v>
      </c>
      <c r="R12550">
        <v>31</v>
      </c>
      <c r="S12550">
        <v>31</v>
      </c>
      <c r="T12550">
        <v>32</v>
      </c>
      <c r="U12550">
        <v>32</v>
      </c>
      <c r="V12550">
        <v>33</v>
      </c>
      <c r="W12550">
        <v>34</v>
      </c>
      <c r="X12550">
        <v>34</v>
      </c>
      <c r="Y12550">
        <v>35</v>
      </c>
      <c r="Z12550">
        <v>35</v>
      </c>
      <c r="AA12550">
        <v>36</v>
      </c>
      <c r="AB12550">
        <v>37</v>
      </c>
      <c r="AC12550">
        <v>37</v>
      </c>
      <c r="AD12550">
        <v>38</v>
      </c>
      <c r="AE12550">
        <v>38</v>
      </c>
      <c r="AF12550">
        <v>39</v>
      </c>
      <c r="AG12550">
        <v>39</v>
      </c>
      <c r="AH12550">
        <v>40</v>
      </c>
      <c r="AI12550">
        <v>40</v>
      </c>
      <c r="AJ12550">
        <v>41</v>
      </c>
      <c r="AK12550">
        <v>42</v>
      </c>
      <c r="AL12550">
        <v>42</v>
      </c>
      <c r="AM12550">
        <v>42</v>
      </c>
      <c r="AN12550">
        <v>42</v>
      </c>
      <c r="AO12550">
        <v>42</v>
      </c>
      <c r="AP12550">
        <v>43</v>
      </c>
      <c r="AQ12550">
        <v>43</v>
      </c>
    </row>
    <row r="12551" spans="1:43">
      <c r="A12551" t="s">
        <v>7798</v>
      </c>
      <c r="B12551" t="s">
        <v>7799</v>
      </c>
      <c r="C12551" t="s">
        <v>7788</v>
      </c>
      <c r="D12551" t="s">
        <v>7789</v>
      </c>
      <c r="E12551" t="s">
        <v>7646</v>
      </c>
      <c r="F12551" t="s">
        <v>7647</v>
      </c>
      <c r="G12551" t="s">
        <v>80</v>
      </c>
      <c r="H12551" t="s">
        <v>81</v>
      </c>
      <c r="I12551" s="2">
        <v>0</v>
      </c>
      <c r="J12551" s="2">
        <v>1</v>
      </c>
      <c r="K12551" s="2">
        <v>0</v>
      </c>
      <c r="L12551" t="s">
        <v>82</v>
      </c>
      <c r="M12551" t="s">
        <v>87</v>
      </c>
      <c r="N12551" t="s">
        <v>88</v>
      </c>
      <c r="O12551" t="s">
        <v>85</v>
      </c>
      <c r="P12551" t="s">
        <v>86</v>
      </c>
      <c r="Q12551">
        <v>30</v>
      </c>
      <c r="R12551">
        <v>30</v>
      </c>
      <c r="S12551">
        <v>30</v>
      </c>
      <c r="T12551">
        <v>31</v>
      </c>
      <c r="U12551">
        <v>31</v>
      </c>
      <c r="V12551">
        <v>31</v>
      </c>
      <c r="W12551">
        <v>32</v>
      </c>
      <c r="X12551">
        <v>32</v>
      </c>
      <c r="Y12551">
        <v>32</v>
      </c>
      <c r="Z12551">
        <v>32</v>
      </c>
      <c r="AA12551">
        <v>33</v>
      </c>
      <c r="AB12551">
        <v>33</v>
      </c>
      <c r="AC12551">
        <v>33</v>
      </c>
      <c r="AD12551">
        <v>34</v>
      </c>
      <c r="AE12551">
        <v>34</v>
      </c>
      <c r="AF12551">
        <v>34</v>
      </c>
      <c r="AG12551">
        <v>34</v>
      </c>
      <c r="AH12551">
        <v>35</v>
      </c>
      <c r="AI12551">
        <v>35</v>
      </c>
      <c r="AJ12551">
        <v>35</v>
      </c>
      <c r="AK12551">
        <v>36</v>
      </c>
      <c r="AL12551">
        <v>36</v>
      </c>
      <c r="AM12551">
        <v>36</v>
      </c>
      <c r="AN12551">
        <v>36</v>
      </c>
      <c r="AO12551">
        <v>37</v>
      </c>
      <c r="AP12551">
        <v>37</v>
      </c>
      <c r="AQ12551">
        <v>37</v>
      </c>
    </row>
    <row r="12552" spans="1:43">
      <c r="A12552" t="s">
        <v>7798</v>
      </c>
      <c r="B12552" t="s">
        <v>7799</v>
      </c>
      <c r="C12552" t="s">
        <v>7788</v>
      </c>
      <c r="D12552" t="s">
        <v>7789</v>
      </c>
      <c r="E12552" t="s">
        <v>7646</v>
      </c>
      <c r="F12552" t="s">
        <v>7647</v>
      </c>
      <c r="G12552" t="s">
        <v>80</v>
      </c>
      <c r="H12552" t="s">
        <v>81</v>
      </c>
      <c r="I12552" s="2">
        <v>0</v>
      </c>
      <c r="J12552" s="2">
        <v>1</v>
      </c>
      <c r="K12552" s="2">
        <v>0</v>
      </c>
      <c r="L12552" t="s">
        <v>82</v>
      </c>
      <c r="M12552" t="s">
        <v>89</v>
      </c>
      <c r="N12552" t="s">
        <v>90</v>
      </c>
      <c r="O12552" t="s">
        <v>85</v>
      </c>
      <c r="P12552" t="s">
        <v>86</v>
      </c>
      <c r="Q12552">
        <v>30</v>
      </c>
      <c r="R12552">
        <v>31</v>
      </c>
      <c r="S12552">
        <v>32</v>
      </c>
      <c r="T12552">
        <v>33</v>
      </c>
      <c r="U12552">
        <v>34</v>
      </c>
      <c r="V12552">
        <v>35</v>
      </c>
      <c r="W12552">
        <v>35</v>
      </c>
      <c r="X12552">
        <v>36</v>
      </c>
      <c r="Y12552">
        <v>37</v>
      </c>
      <c r="Z12552">
        <v>38</v>
      </c>
      <c r="AA12552">
        <v>38</v>
      </c>
      <c r="AB12552">
        <v>39</v>
      </c>
      <c r="AC12552">
        <v>40</v>
      </c>
      <c r="AD12552">
        <v>40</v>
      </c>
      <c r="AE12552">
        <v>41</v>
      </c>
      <c r="AF12552">
        <v>41</v>
      </c>
      <c r="AG12552">
        <v>41</v>
      </c>
      <c r="AH12552">
        <v>42</v>
      </c>
      <c r="AI12552">
        <v>42</v>
      </c>
      <c r="AJ12552">
        <v>42</v>
      </c>
      <c r="AK12552">
        <v>42</v>
      </c>
      <c r="AL12552">
        <v>42</v>
      </c>
      <c r="AM12552">
        <v>42</v>
      </c>
      <c r="AN12552">
        <v>43</v>
      </c>
      <c r="AO12552">
        <v>43</v>
      </c>
      <c r="AP12552">
        <v>43</v>
      </c>
      <c r="AQ12552">
        <v>43</v>
      </c>
    </row>
    <row r="12553" spans="1:43">
      <c r="A12553" t="s">
        <v>7798</v>
      </c>
      <c r="B12553" t="s">
        <v>7799</v>
      </c>
      <c r="C12553" t="s">
        <v>7788</v>
      </c>
      <c r="D12553" t="s">
        <v>7789</v>
      </c>
      <c r="E12553" t="s">
        <v>7646</v>
      </c>
      <c r="F12553" t="s">
        <v>7647</v>
      </c>
      <c r="G12553" t="s">
        <v>80</v>
      </c>
      <c r="H12553" t="s">
        <v>81</v>
      </c>
      <c r="I12553" s="2">
        <v>0</v>
      </c>
      <c r="J12553" s="2">
        <v>1</v>
      </c>
      <c r="K12553" s="2">
        <v>0</v>
      </c>
      <c r="L12553" t="s">
        <v>82</v>
      </c>
      <c r="M12553" t="s">
        <v>83</v>
      </c>
      <c r="N12553" t="s">
        <v>91</v>
      </c>
      <c r="O12553" t="s">
        <v>85</v>
      </c>
      <c r="P12553" t="s">
        <v>86</v>
      </c>
      <c r="Q12553">
        <v>30</v>
      </c>
      <c r="R12553">
        <v>31</v>
      </c>
      <c r="S12553">
        <v>31</v>
      </c>
      <c r="T12553">
        <v>32</v>
      </c>
      <c r="U12553">
        <v>32</v>
      </c>
      <c r="V12553">
        <v>33</v>
      </c>
      <c r="W12553">
        <v>34</v>
      </c>
      <c r="X12553">
        <v>34</v>
      </c>
      <c r="Y12553">
        <v>35</v>
      </c>
      <c r="Z12553">
        <v>35</v>
      </c>
      <c r="AA12553">
        <v>36</v>
      </c>
      <c r="AB12553">
        <v>37</v>
      </c>
      <c r="AC12553">
        <v>37</v>
      </c>
      <c r="AD12553">
        <v>38</v>
      </c>
      <c r="AE12553">
        <v>38</v>
      </c>
      <c r="AF12553">
        <v>39</v>
      </c>
      <c r="AG12553">
        <v>39</v>
      </c>
      <c r="AH12553">
        <v>40</v>
      </c>
      <c r="AI12553">
        <v>40</v>
      </c>
      <c r="AJ12553">
        <v>41</v>
      </c>
      <c r="AK12553">
        <v>42</v>
      </c>
      <c r="AL12553">
        <v>42</v>
      </c>
      <c r="AM12553">
        <v>42</v>
      </c>
      <c r="AN12553">
        <v>42</v>
      </c>
      <c r="AO12553">
        <v>42</v>
      </c>
      <c r="AP12553">
        <v>43</v>
      </c>
      <c r="AQ12553">
        <v>43</v>
      </c>
    </row>
    <row r="12554" spans="1:43">
      <c r="A12554" t="s">
        <v>7800</v>
      </c>
      <c r="B12554" t="s">
        <v>7801</v>
      </c>
      <c r="C12554" t="s">
        <v>7788</v>
      </c>
      <c r="D12554" t="s">
        <v>7789</v>
      </c>
      <c r="E12554" t="s">
        <v>7646</v>
      </c>
      <c r="F12554" t="s">
        <v>7647</v>
      </c>
      <c r="G12554" t="s">
        <v>80</v>
      </c>
      <c r="H12554" t="s">
        <v>81</v>
      </c>
      <c r="I12554" s="2">
        <v>0</v>
      </c>
      <c r="J12554" s="2">
        <v>1</v>
      </c>
      <c r="K12554" s="2">
        <v>0</v>
      </c>
      <c r="L12554" t="s">
        <v>82</v>
      </c>
      <c r="M12554" t="s">
        <v>83</v>
      </c>
      <c r="N12554" t="s">
        <v>84</v>
      </c>
      <c r="O12554" t="s">
        <v>85</v>
      </c>
      <c r="P12554" t="s">
        <v>86</v>
      </c>
      <c r="Q12554">
        <v>28</v>
      </c>
      <c r="R12554">
        <v>28</v>
      </c>
      <c r="S12554">
        <v>29</v>
      </c>
      <c r="T12554">
        <v>29</v>
      </c>
      <c r="U12554">
        <v>30</v>
      </c>
      <c r="V12554">
        <v>30</v>
      </c>
      <c r="W12554">
        <v>31</v>
      </c>
      <c r="X12554">
        <v>31</v>
      </c>
      <c r="Y12554">
        <v>32</v>
      </c>
      <c r="Z12554">
        <v>32</v>
      </c>
      <c r="AA12554">
        <v>33</v>
      </c>
      <c r="AB12554">
        <v>33</v>
      </c>
      <c r="AC12554">
        <v>34</v>
      </c>
      <c r="AD12554">
        <v>34</v>
      </c>
      <c r="AE12554">
        <v>35</v>
      </c>
      <c r="AF12554">
        <v>35</v>
      </c>
      <c r="AG12554">
        <v>36</v>
      </c>
      <c r="AH12554">
        <v>36</v>
      </c>
      <c r="AI12554">
        <v>37</v>
      </c>
      <c r="AJ12554">
        <v>37</v>
      </c>
      <c r="AK12554">
        <v>38</v>
      </c>
      <c r="AL12554">
        <v>38</v>
      </c>
      <c r="AM12554">
        <v>38</v>
      </c>
      <c r="AN12554">
        <v>38</v>
      </c>
      <c r="AO12554">
        <v>39</v>
      </c>
      <c r="AP12554">
        <v>39</v>
      </c>
      <c r="AQ12554">
        <v>39</v>
      </c>
    </row>
    <row r="12555" spans="1:43">
      <c r="A12555" t="s">
        <v>7800</v>
      </c>
      <c r="B12555" t="s">
        <v>7801</v>
      </c>
      <c r="C12555" t="s">
        <v>7788</v>
      </c>
      <c r="D12555" t="s">
        <v>7789</v>
      </c>
      <c r="E12555" t="s">
        <v>7646</v>
      </c>
      <c r="F12555" t="s">
        <v>7647</v>
      </c>
      <c r="G12555" t="s">
        <v>80</v>
      </c>
      <c r="H12555" t="s">
        <v>81</v>
      </c>
      <c r="I12555" s="2">
        <v>0</v>
      </c>
      <c r="J12555" s="2">
        <v>1</v>
      </c>
      <c r="K12555" s="2">
        <v>0</v>
      </c>
      <c r="L12555" t="s">
        <v>82</v>
      </c>
      <c r="M12555" t="s">
        <v>87</v>
      </c>
      <c r="N12555" t="s">
        <v>88</v>
      </c>
      <c r="O12555" t="s">
        <v>85</v>
      </c>
      <c r="P12555" t="s">
        <v>86</v>
      </c>
      <c r="Q12555">
        <v>28</v>
      </c>
      <c r="R12555">
        <v>29</v>
      </c>
      <c r="S12555">
        <v>29</v>
      </c>
      <c r="T12555">
        <v>29</v>
      </c>
      <c r="U12555">
        <v>29</v>
      </c>
      <c r="V12555">
        <v>29</v>
      </c>
      <c r="W12555">
        <v>30</v>
      </c>
      <c r="X12555">
        <v>30</v>
      </c>
      <c r="Y12555">
        <v>30</v>
      </c>
      <c r="Z12555">
        <v>30</v>
      </c>
      <c r="AA12555">
        <v>31</v>
      </c>
      <c r="AB12555">
        <v>31</v>
      </c>
      <c r="AC12555">
        <v>31</v>
      </c>
      <c r="AD12555">
        <v>32</v>
      </c>
      <c r="AE12555">
        <v>32</v>
      </c>
      <c r="AF12555">
        <v>32</v>
      </c>
      <c r="AG12555">
        <v>32</v>
      </c>
      <c r="AH12555">
        <v>33</v>
      </c>
      <c r="AI12555">
        <v>33</v>
      </c>
      <c r="AJ12555">
        <v>33</v>
      </c>
      <c r="AK12555">
        <v>33</v>
      </c>
      <c r="AL12555">
        <v>34</v>
      </c>
      <c r="AM12555">
        <v>34</v>
      </c>
      <c r="AN12555">
        <v>34</v>
      </c>
      <c r="AO12555">
        <v>34</v>
      </c>
      <c r="AP12555">
        <v>35</v>
      </c>
      <c r="AQ12555">
        <v>35</v>
      </c>
    </row>
    <row r="12556" spans="1:43">
      <c r="A12556" t="s">
        <v>7800</v>
      </c>
      <c r="B12556" t="s">
        <v>7801</v>
      </c>
      <c r="C12556" t="s">
        <v>7788</v>
      </c>
      <c r="D12556" t="s">
        <v>7789</v>
      </c>
      <c r="E12556" t="s">
        <v>7646</v>
      </c>
      <c r="F12556" t="s">
        <v>7647</v>
      </c>
      <c r="G12556" t="s">
        <v>80</v>
      </c>
      <c r="H12556" t="s">
        <v>81</v>
      </c>
      <c r="I12556" s="2">
        <v>0</v>
      </c>
      <c r="J12556" s="2">
        <v>1</v>
      </c>
      <c r="K12556" s="2">
        <v>0</v>
      </c>
      <c r="L12556" t="s">
        <v>82</v>
      </c>
      <c r="M12556" t="s">
        <v>89</v>
      </c>
      <c r="N12556" t="s">
        <v>90</v>
      </c>
      <c r="O12556" t="s">
        <v>85</v>
      </c>
      <c r="P12556" t="s">
        <v>86</v>
      </c>
      <c r="Q12556">
        <v>28</v>
      </c>
      <c r="R12556">
        <v>29</v>
      </c>
      <c r="S12556">
        <v>29</v>
      </c>
      <c r="T12556">
        <v>30</v>
      </c>
      <c r="U12556">
        <v>31</v>
      </c>
      <c r="V12556">
        <v>31</v>
      </c>
      <c r="W12556">
        <v>32</v>
      </c>
      <c r="X12556">
        <v>33</v>
      </c>
      <c r="Y12556">
        <v>34</v>
      </c>
      <c r="Z12556">
        <v>34</v>
      </c>
      <c r="AA12556">
        <v>35</v>
      </c>
      <c r="AB12556">
        <v>35</v>
      </c>
      <c r="AC12556">
        <v>36</v>
      </c>
      <c r="AD12556">
        <v>37</v>
      </c>
      <c r="AE12556">
        <v>37</v>
      </c>
      <c r="AF12556">
        <v>37</v>
      </c>
      <c r="AG12556">
        <v>38</v>
      </c>
      <c r="AH12556">
        <v>38</v>
      </c>
      <c r="AI12556">
        <v>38</v>
      </c>
      <c r="AJ12556">
        <v>38</v>
      </c>
      <c r="AK12556">
        <v>38</v>
      </c>
      <c r="AL12556">
        <v>38</v>
      </c>
      <c r="AM12556">
        <v>39</v>
      </c>
      <c r="AN12556">
        <v>39</v>
      </c>
      <c r="AO12556">
        <v>39</v>
      </c>
      <c r="AP12556">
        <v>39</v>
      </c>
      <c r="AQ12556">
        <v>39</v>
      </c>
    </row>
    <row r="12557" spans="1:43">
      <c r="A12557" t="s">
        <v>7800</v>
      </c>
      <c r="B12557" t="s">
        <v>7801</v>
      </c>
      <c r="C12557" t="s">
        <v>7788</v>
      </c>
      <c r="D12557" t="s">
        <v>7789</v>
      </c>
      <c r="E12557" t="s">
        <v>7646</v>
      </c>
      <c r="F12557" t="s">
        <v>7647</v>
      </c>
      <c r="G12557" t="s">
        <v>80</v>
      </c>
      <c r="H12557" t="s">
        <v>81</v>
      </c>
      <c r="I12557" s="2">
        <v>0</v>
      </c>
      <c r="J12557" s="2">
        <v>1</v>
      </c>
      <c r="K12557" s="2">
        <v>0</v>
      </c>
      <c r="L12557" t="s">
        <v>82</v>
      </c>
      <c r="M12557" t="s">
        <v>83</v>
      </c>
      <c r="N12557" t="s">
        <v>91</v>
      </c>
      <c r="O12557" t="s">
        <v>85</v>
      </c>
      <c r="P12557" t="s">
        <v>86</v>
      </c>
      <c r="Q12557">
        <v>28</v>
      </c>
      <c r="R12557">
        <v>28</v>
      </c>
      <c r="S12557">
        <v>29</v>
      </c>
      <c r="T12557">
        <v>29</v>
      </c>
      <c r="U12557">
        <v>30</v>
      </c>
      <c r="V12557">
        <v>30</v>
      </c>
      <c r="W12557">
        <v>31</v>
      </c>
      <c r="X12557">
        <v>31</v>
      </c>
      <c r="Y12557">
        <v>32</v>
      </c>
      <c r="Z12557">
        <v>32</v>
      </c>
      <c r="AA12557">
        <v>33</v>
      </c>
      <c r="AB12557">
        <v>33</v>
      </c>
      <c r="AC12557">
        <v>34</v>
      </c>
      <c r="AD12557">
        <v>34</v>
      </c>
      <c r="AE12557">
        <v>35</v>
      </c>
      <c r="AF12557">
        <v>35</v>
      </c>
      <c r="AG12557">
        <v>36</v>
      </c>
      <c r="AH12557">
        <v>36</v>
      </c>
      <c r="AI12557">
        <v>37</v>
      </c>
      <c r="AJ12557">
        <v>37</v>
      </c>
      <c r="AK12557">
        <v>38</v>
      </c>
      <c r="AL12557">
        <v>38</v>
      </c>
      <c r="AM12557">
        <v>38</v>
      </c>
      <c r="AN12557">
        <v>38</v>
      </c>
      <c r="AO12557">
        <v>39</v>
      </c>
      <c r="AP12557">
        <v>39</v>
      </c>
      <c r="AQ12557">
        <v>39</v>
      </c>
    </row>
    <row r="12558" spans="1:43">
      <c r="A12558" t="s">
        <v>7802</v>
      </c>
      <c r="B12558" t="s">
        <v>7803</v>
      </c>
      <c r="C12558" t="s">
        <v>7804</v>
      </c>
      <c r="D12558" t="s">
        <v>7805</v>
      </c>
      <c r="E12558" t="s">
        <v>7646</v>
      </c>
      <c r="F12558" t="s">
        <v>7647</v>
      </c>
      <c r="G12558" t="s">
        <v>80</v>
      </c>
      <c r="H12558" t="s">
        <v>81</v>
      </c>
      <c r="I12558" s="2">
        <v>0</v>
      </c>
      <c r="J12558" s="2">
        <v>1</v>
      </c>
      <c r="K12558" s="2">
        <v>0</v>
      </c>
      <c r="L12558" t="s">
        <v>82</v>
      </c>
      <c r="M12558" t="s">
        <v>83</v>
      </c>
      <c r="N12558" t="s">
        <v>84</v>
      </c>
      <c r="O12558" t="s">
        <v>85</v>
      </c>
      <c r="P12558" t="s">
        <v>86</v>
      </c>
      <c r="Q12558">
        <v>63</v>
      </c>
      <c r="R12558">
        <v>64</v>
      </c>
      <c r="S12558">
        <v>65</v>
      </c>
      <c r="T12558">
        <v>67</v>
      </c>
      <c r="U12558">
        <v>68</v>
      </c>
      <c r="V12558">
        <v>69</v>
      </c>
      <c r="W12558">
        <v>70</v>
      </c>
      <c r="X12558">
        <v>71</v>
      </c>
      <c r="Y12558">
        <v>72</v>
      </c>
      <c r="Z12558">
        <v>74</v>
      </c>
      <c r="AA12558">
        <v>75</v>
      </c>
      <c r="AB12558">
        <v>76</v>
      </c>
      <c r="AC12558">
        <v>77</v>
      </c>
      <c r="AD12558">
        <v>78</v>
      </c>
      <c r="AE12558">
        <v>80</v>
      </c>
      <c r="AF12558">
        <v>81</v>
      </c>
      <c r="AG12558">
        <v>82</v>
      </c>
      <c r="AH12558">
        <v>83</v>
      </c>
      <c r="AI12558">
        <v>84</v>
      </c>
      <c r="AJ12558">
        <v>85</v>
      </c>
      <c r="AK12558">
        <v>87</v>
      </c>
      <c r="AL12558">
        <v>87</v>
      </c>
      <c r="AM12558">
        <v>88</v>
      </c>
      <c r="AN12558">
        <v>88</v>
      </c>
      <c r="AO12558">
        <v>88</v>
      </c>
      <c r="AP12558">
        <v>89</v>
      </c>
      <c r="AQ12558">
        <v>89</v>
      </c>
    </row>
    <row r="12559" spans="1:43">
      <c r="A12559" t="s">
        <v>7802</v>
      </c>
      <c r="B12559" t="s">
        <v>7803</v>
      </c>
      <c r="C12559" t="s">
        <v>7804</v>
      </c>
      <c r="D12559" t="s">
        <v>7805</v>
      </c>
      <c r="E12559" t="s">
        <v>7646</v>
      </c>
      <c r="F12559" t="s">
        <v>7647</v>
      </c>
      <c r="G12559" t="s">
        <v>80</v>
      </c>
      <c r="H12559" t="s">
        <v>81</v>
      </c>
      <c r="I12559" s="2">
        <v>0</v>
      </c>
      <c r="J12559" s="2">
        <v>1</v>
      </c>
      <c r="K12559" s="2">
        <v>0</v>
      </c>
      <c r="L12559" t="s">
        <v>82</v>
      </c>
      <c r="M12559" t="s">
        <v>87</v>
      </c>
      <c r="N12559" t="s">
        <v>88</v>
      </c>
      <c r="O12559" t="s">
        <v>85</v>
      </c>
      <c r="P12559" t="s">
        <v>86</v>
      </c>
      <c r="Q12559">
        <v>63</v>
      </c>
      <c r="R12559">
        <v>64</v>
      </c>
      <c r="S12559">
        <v>65</v>
      </c>
      <c r="T12559">
        <v>65</v>
      </c>
      <c r="U12559">
        <v>66</v>
      </c>
      <c r="V12559">
        <v>66</v>
      </c>
      <c r="W12559">
        <v>67</v>
      </c>
      <c r="X12559">
        <v>67</v>
      </c>
      <c r="Y12559">
        <v>68</v>
      </c>
      <c r="Z12559">
        <v>69</v>
      </c>
      <c r="AA12559">
        <v>69</v>
      </c>
      <c r="AB12559">
        <v>70</v>
      </c>
      <c r="AC12559">
        <v>70</v>
      </c>
      <c r="AD12559">
        <v>71</v>
      </c>
      <c r="AE12559">
        <v>71</v>
      </c>
      <c r="AF12559">
        <v>72</v>
      </c>
      <c r="AG12559">
        <v>73</v>
      </c>
      <c r="AH12559">
        <v>73</v>
      </c>
      <c r="AI12559">
        <v>74</v>
      </c>
      <c r="AJ12559">
        <v>74</v>
      </c>
      <c r="AK12559">
        <v>75</v>
      </c>
      <c r="AL12559">
        <v>75</v>
      </c>
      <c r="AM12559">
        <v>76</v>
      </c>
      <c r="AN12559">
        <v>77</v>
      </c>
      <c r="AO12559">
        <v>77</v>
      </c>
      <c r="AP12559">
        <v>78</v>
      </c>
      <c r="AQ12559">
        <v>78</v>
      </c>
    </row>
    <row r="12560" spans="1:43">
      <c r="A12560" t="s">
        <v>7802</v>
      </c>
      <c r="B12560" t="s">
        <v>7803</v>
      </c>
      <c r="C12560" t="s">
        <v>7804</v>
      </c>
      <c r="D12560" t="s">
        <v>7805</v>
      </c>
      <c r="E12560" t="s">
        <v>7646</v>
      </c>
      <c r="F12560" t="s">
        <v>7647</v>
      </c>
      <c r="G12560" t="s">
        <v>80</v>
      </c>
      <c r="H12560" t="s">
        <v>81</v>
      </c>
      <c r="I12560" s="2">
        <v>0</v>
      </c>
      <c r="J12560" s="2">
        <v>1</v>
      </c>
      <c r="K12560" s="2">
        <v>0</v>
      </c>
      <c r="L12560" t="s">
        <v>82</v>
      </c>
      <c r="M12560" t="s">
        <v>89</v>
      </c>
      <c r="N12560" t="s">
        <v>90</v>
      </c>
      <c r="O12560" t="s">
        <v>85</v>
      </c>
      <c r="P12560" t="s">
        <v>86</v>
      </c>
      <c r="Q12560">
        <v>63</v>
      </c>
      <c r="R12560">
        <v>64</v>
      </c>
      <c r="S12560">
        <v>66</v>
      </c>
      <c r="T12560">
        <v>68</v>
      </c>
      <c r="U12560">
        <v>69</v>
      </c>
      <c r="V12560">
        <v>71</v>
      </c>
      <c r="W12560">
        <v>73</v>
      </c>
      <c r="X12560">
        <v>74</v>
      </c>
      <c r="Y12560">
        <v>76</v>
      </c>
      <c r="Z12560">
        <v>77</v>
      </c>
      <c r="AA12560">
        <v>79</v>
      </c>
      <c r="AB12560">
        <v>80</v>
      </c>
      <c r="AC12560">
        <v>82</v>
      </c>
      <c r="AD12560">
        <v>83</v>
      </c>
      <c r="AE12560">
        <v>84</v>
      </c>
      <c r="AF12560">
        <v>85</v>
      </c>
      <c r="AG12560">
        <v>85</v>
      </c>
      <c r="AH12560">
        <v>86</v>
      </c>
      <c r="AI12560">
        <v>86</v>
      </c>
      <c r="AJ12560">
        <v>86</v>
      </c>
      <c r="AK12560">
        <v>87</v>
      </c>
      <c r="AL12560">
        <v>87</v>
      </c>
      <c r="AM12560">
        <v>88</v>
      </c>
      <c r="AN12560">
        <v>88</v>
      </c>
      <c r="AO12560">
        <v>88</v>
      </c>
      <c r="AP12560">
        <v>89</v>
      </c>
      <c r="AQ12560">
        <v>89</v>
      </c>
    </row>
    <row r="12561" spans="1:43">
      <c r="A12561" t="s">
        <v>7802</v>
      </c>
      <c r="B12561" t="s">
        <v>7803</v>
      </c>
      <c r="C12561" t="s">
        <v>7804</v>
      </c>
      <c r="D12561" t="s">
        <v>7805</v>
      </c>
      <c r="E12561" t="s">
        <v>7646</v>
      </c>
      <c r="F12561" t="s">
        <v>7647</v>
      </c>
      <c r="G12561" t="s">
        <v>80</v>
      </c>
      <c r="H12561" t="s">
        <v>81</v>
      </c>
      <c r="I12561" s="2">
        <v>0</v>
      </c>
      <c r="J12561" s="2">
        <v>1</v>
      </c>
      <c r="K12561" s="2">
        <v>0</v>
      </c>
      <c r="L12561" t="s">
        <v>82</v>
      </c>
      <c r="M12561" t="s">
        <v>83</v>
      </c>
      <c r="N12561" t="s">
        <v>91</v>
      </c>
      <c r="O12561" t="s">
        <v>85</v>
      </c>
      <c r="P12561" t="s">
        <v>86</v>
      </c>
      <c r="Q12561">
        <v>63</v>
      </c>
      <c r="R12561">
        <v>64</v>
      </c>
      <c r="S12561">
        <v>65</v>
      </c>
      <c r="T12561">
        <v>67</v>
      </c>
      <c r="U12561">
        <v>68</v>
      </c>
      <c r="V12561">
        <v>69</v>
      </c>
      <c r="W12561">
        <v>70</v>
      </c>
      <c r="X12561">
        <v>71</v>
      </c>
      <c r="Y12561">
        <v>72</v>
      </c>
      <c r="Z12561">
        <v>74</v>
      </c>
      <c r="AA12561">
        <v>75</v>
      </c>
      <c r="AB12561">
        <v>76</v>
      </c>
      <c r="AC12561">
        <v>77</v>
      </c>
      <c r="AD12561">
        <v>78</v>
      </c>
      <c r="AE12561">
        <v>80</v>
      </c>
      <c r="AF12561">
        <v>81</v>
      </c>
      <c r="AG12561">
        <v>82</v>
      </c>
      <c r="AH12561">
        <v>83</v>
      </c>
      <c r="AI12561">
        <v>84</v>
      </c>
      <c r="AJ12561">
        <v>85</v>
      </c>
      <c r="AK12561">
        <v>87</v>
      </c>
      <c r="AL12561">
        <v>87</v>
      </c>
      <c r="AM12561">
        <v>88</v>
      </c>
      <c r="AN12561">
        <v>88</v>
      </c>
      <c r="AO12561">
        <v>88</v>
      </c>
      <c r="AP12561">
        <v>89</v>
      </c>
      <c r="AQ12561">
        <v>89</v>
      </c>
    </row>
    <row r="12562" spans="1:43">
      <c r="A12562" t="s">
        <v>7806</v>
      </c>
      <c r="B12562" t="s">
        <v>7807</v>
      </c>
      <c r="C12562" t="s">
        <v>7804</v>
      </c>
      <c r="D12562" t="s">
        <v>7805</v>
      </c>
      <c r="E12562" t="s">
        <v>7646</v>
      </c>
      <c r="F12562" t="s">
        <v>7647</v>
      </c>
      <c r="G12562" t="s">
        <v>80</v>
      </c>
      <c r="H12562" t="s">
        <v>81</v>
      </c>
      <c r="I12562" s="2">
        <v>0</v>
      </c>
      <c r="J12562" s="2">
        <v>1</v>
      </c>
      <c r="K12562" s="2">
        <v>0</v>
      </c>
      <c r="L12562" t="s">
        <v>82</v>
      </c>
      <c r="M12562" t="s">
        <v>83</v>
      </c>
      <c r="N12562" t="s">
        <v>84</v>
      </c>
      <c r="O12562" t="s">
        <v>85</v>
      </c>
      <c r="P12562" t="s">
        <v>86</v>
      </c>
      <c r="Q12562">
        <v>3</v>
      </c>
      <c r="R12562">
        <v>3</v>
      </c>
      <c r="S12562">
        <v>3</v>
      </c>
      <c r="T12562">
        <v>3</v>
      </c>
      <c r="U12562">
        <v>3</v>
      </c>
      <c r="V12562">
        <v>3</v>
      </c>
      <c r="W12562">
        <v>3</v>
      </c>
      <c r="X12562">
        <v>3</v>
      </c>
      <c r="Y12562">
        <v>3</v>
      </c>
      <c r="Z12562">
        <v>3</v>
      </c>
      <c r="AA12562">
        <v>3</v>
      </c>
      <c r="AB12562">
        <v>3</v>
      </c>
      <c r="AC12562">
        <v>3</v>
      </c>
      <c r="AD12562">
        <v>3</v>
      </c>
      <c r="AE12562">
        <v>3</v>
      </c>
      <c r="AF12562">
        <v>4</v>
      </c>
      <c r="AG12562">
        <v>4</v>
      </c>
      <c r="AH12562">
        <v>4</v>
      </c>
      <c r="AI12562">
        <v>4</v>
      </c>
      <c r="AJ12562">
        <v>4</v>
      </c>
      <c r="AK12562">
        <v>4</v>
      </c>
      <c r="AL12562">
        <v>4</v>
      </c>
      <c r="AM12562">
        <v>4</v>
      </c>
      <c r="AN12562">
        <v>4</v>
      </c>
      <c r="AO12562">
        <v>4</v>
      </c>
      <c r="AP12562">
        <v>4</v>
      </c>
      <c r="AQ12562">
        <v>4</v>
      </c>
    </row>
    <row r="12563" spans="1:43">
      <c r="A12563" t="s">
        <v>7806</v>
      </c>
      <c r="B12563" t="s">
        <v>7807</v>
      </c>
      <c r="C12563" t="s">
        <v>7804</v>
      </c>
      <c r="D12563" t="s">
        <v>7805</v>
      </c>
      <c r="E12563" t="s">
        <v>7646</v>
      </c>
      <c r="F12563" t="s">
        <v>7647</v>
      </c>
      <c r="G12563" t="s">
        <v>80</v>
      </c>
      <c r="H12563" t="s">
        <v>81</v>
      </c>
      <c r="I12563" s="2">
        <v>0</v>
      </c>
      <c r="J12563" s="2">
        <v>1</v>
      </c>
      <c r="K12563" s="2">
        <v>0</v>
      </c>
      <c r="L12563" t="s">
        <v>82</v>
      </c>
      <c r="M12563" t="s">
        <v>87</v>
      </c>
      <c r="N12563" t="s">
        <v>88</v>
      </c>
      <c r="O12563" t="s">
        <v>85</v>
      </c>
      <c r="P12563" t="s">
        <v>86</v>
      </c>
      <c r="Q12563">
        <v>3</v>
      </c>
      <c r="R12563">
        <v>3</v>
      </c>
      <c r="S12563">
        <v>3</v>
      </c>
      <c r="T12563">
        <v>3</v>
      </c>
      <c r="U12563">
        <v>3</v>
      </c>
      <c r="V12563">
        <v>3</v>
      </c>
      <c r="W12563">
        <v>3</v>
      </c>
      <c r="X12563">
        <v>3</v>
      </c>
      <c r="Y12563">
        <v>3</v>
      </c>
      <c r="Z12563">
        <v>3</v>
      </c>
      <c r="AA12563">
        <v>3</v>
      </c>
      <c r="AB12563">
        <v>3</v>
      </c>
      <c r="AC12563">
        <v>3</v>
      </c>
      <c r="AD12563">
        <v>3</v>
      </c>
      <c r="AE12563">
        <v>3</v>
      </c>
      <c r="AF12563">
        <v>3</v>
      </c>
      <c r="AG12563">
        <v>3</v>
      </c>
      <c r="AH12563">
        <v>3</v>
      </c>
      <c r="AI12563">
        <v>3</v>
      </c>
      <c r="AJ12563">
        <v>3</v>
      </c>
      <c r="AK12563">
        <v>3</v>
      </c>
      <c r="AL12563">
        <v>3</v>
      </c>
      <c r="AM12563">
        <v>3</v>
      </c>
      <c r="AN12563">
        <v>3</v>
      </c>
      <c r="AO12563">
        <v>3</v>
      </c>
      <c r="AP12563">
        <v>3</v>
      </c>
      <c r="AQ12563">
        <v>3</v>
      </c>
    </row>
    <row r="12564" spans="1:43">
      <c r="A12564" t="s">
        <v>7806</v>
      </c>
      <c r="B12564" t="s">
        <v>7807</v>
      </c>
      <c r="C12564" t="s">
        <v>7804</v>
      </c>
      <c r="D12564" t="s">
        <v>7805</v>
      </c>
      <c r="E12564" t="s">
        <v>7646</v>
      </c>
      <c r="F12564" t="s">
        <v>7647</v>
      </c>
      <c r="G12564" t="s">
        <v>80</v>
      </c>
      <c r="H12564" t="s">
        <v>81</v>
      </c>
      <c r="I12564" s="2">
        <v>0</v>
      </c>
      <c r="J12564" s="2">
        <v>1</v>
      </c>
      <c r="K12564" s="2">
        <v>0</v>
      </c>
      <c r="L12564" t="s">
        <v>82</v>
      </c>
      <c r="M12564" t="s">
        <v>89</v>
      </c>
      <c r="N12564" t="s">
        <v>90</v>
      </c>
      <c r="O12564" t="s">
        <v>85</v>
      </c>
      <c r="P12564" t="s">
        <v>86</v>
      </c>
      <c r="Q12564">
        <v>3</v>
      </c>
      <c r="R12564">
        <v>3</v>
      </c>
      <c r="S12564">
        <v>3</v>
      </c>
      <c r="T12564">
        <v>3</v>
      </c>
      <c r="U12564">
        <v>3</v>
      </c>
      <c r="V12564">
        <v>3</v>
      </c>
      <c r="W12564">
        <v>3</v>
      </c>
      <c r="X12564">
        <v>3</v>
      </c>
      <c r="Y12564">
        <v>3</v>
      </c>
      <c r="Z12564">
        <v>3</v>
      </c>
      <c r="AA12564">
        <v>3</v>
      </c>
      <c r="AB12564">
        <v>4</v>
      </c>
      <c r="AC12564">
        <v>4</v>
      </c>
      <c r="AD12564">
        <v>4</v>
      </c>
      <c r="AE12564">
        <v>4</v>
      </c>
      <c r="AF12564">
        <v>4</v>
      </c>
      <c r="AG12564">
        <v>4</v>
      </c>
      <c r="AH12564">
        <v>4</v>
      </c>
      <c r="AI12564">
        <v>4</v>
      </c>
      <c r="AJ12564">
        <v>4</v>
      </c>
      <c r="AK12564">
        <v>4</v>
      </c>
      <c r="AL12564">
        <v>4</v>
      </c>
      <c r="AM12564">
        <v>4</v>
      </c>
      <c r="AN12564">
        <v>4</v>
      </c>
      <c r="AO12564">
        <v>4</v>
      </c>
      <c r="AP12564">
        <v>4</v>
      </c>
      <c r="AQ12564">
        <v>4</v>
      </c>
    </row>
    <row r="12565" spans="1:43">
      <c r="A12565" t="s">
        <v>7806</v>
      </c>
      <c r="B12565" t="s">
        <v>7807</v>
      </c>
      <c r="C12565" t="s">
        <v>7804</v>
      </c>
      <c r="D12565" t="s">
        <v>7805</v>
      </c>
      <c r="E12565" t="s">
        <v>7646</v>
      </c>
      <c r="F12565" t="s">
        <v>7647</v>
      </c>
      <c r="G12565" t="s">
        <v>80</v>
      </c>
      <c r="H12565" t="s">
        <v>81</v>
      </c>
      <c r="I12565" s="2">
        <v>0</v>
      </c>
      <c r="J12565" s="2">
        <v>1</v>
      </c>
      <c r="K12565" s="2">
        <v>0</v>
      </c>
      <c r="L12565" t="s">
        <v>82</v>
      </c>
      <c r="M12565" t="s">
        <v>83</v>
      </c>
      <c r="N12565" t="s">
        <v>91</v>
      </c>
      <c r="O12565" t="s">
        <v>85</v>
      </c>
      <c r="P12565" t="s">
        <v>86</v>
      </c>
      <c r="Q12565">
        <v>3</v>
      </c>
      <c r="R12565">
        <v>3</v>
      </c>
      <c r="S12565">
        <v>3</v>
      </c>
      <c r="T12565">
        <v>3</v>
      </c>
      <c r="U12565">
        <v>3</v>
      </c>
      <c r="V12565">
        <v>3</v>
      </c>
      <c r="W12565">
        <v>3</v>
      </c>
      <c r="X12565">
        <v>3</v>
      </c>
      <c r="Y12565">
        <v>3</v>
      </c>
      <c r="Z12565">
        <v>3</v>
      </c>
      <c r="AA12565">
        <v>3</v>
      </c>
      <c r="AB12565">
        <v>3</v>
      </c>
      <c r="AC12565">
        <v>3</v>
      </c>
      <c r="AD12565">
        <v>3</v>
      </c>
      <c r="AE12565">
        <v>3</v>
      </c>
      <c r="AF12565">
        <v>4</v>
      </c>
      <c r="AG12565">
        <v>4</v>
      </c>
      <c r="AH12565">
        <v>4</v>
      </c>
      <c r="AI12565">
        <v>4</v>
      </c>
      <c r="AJ12565">
        <v>4</v>
      </c>
      <c r="AK12565">
        <v>4</v>
      </c>
      <c r="AL12565">
        <v>4</v>
      </c>
      <c r="AM12565">
        <v>4</v>
      </c>
      <c r="AN12565">
        <v>4</v>
      </c>
      <c r="AO12565">
        <v>4</v>
      </c>
      <c r="AP12565">
        <v>4</v>
      </c>
      <c r="AQ12565">
        <v>4</v>
      </c>
    </row>
    <row r="12566" spans="1:43">
      <c r="A12566" t="s">
        <v>7808</v>
      </c>
      <c r="B12566" t="s">
        <v>7809</v>
      </c>
      <c r="C12566" t="s">
        <v>7810</v>
      </c>
      <c r="D12566" t="s">
        <v>7811</v>
      </c>
      <c r="E12566" t="s">
        <v>7646</v>
      </c>
      <c r="F12566" t="s">
        <v>7647</v>
      </c>
      <c r="G12566" t="s">
        <v>80</v>
      </c>
      <c r="H12566" t="s">
        <v>81</v>
      </c>
      <c r="I12566" s="2">
        <v>0</v>
      </c>
      <c r="J12566" s="2">
        <v>1</v>
      </c>
      <c r="K12566" s="2">
        <v>0</v>
      </c>
      <c r="L12566" t="s">
        <v>82</v>
      </c>
      <c r="M12566" t="s">
        <v>83</v>
      </c>
      <c r="N12566" t="s">
        <v>84</v>
      </c>
      <c r="O12566" t="s">
        <v>85</v>
      </c>
      <c r="P12566" t="s">
        <v>86</v>
      </c>
      <c r="Q12566">
        <v>18</v>
      </c>
      <c r="R12566">
        <v>19</v>
      </c>
      <c r="S12566">
        <v>19</v>
      </c>
      <c r="T12566">
        <v>19</v>
      </c>
      <c r="U12566">
        <v>20</v>
      </c>
      <c r="V12566">
        <v>20</v>
      </c>
      <c r="W12566">
        <v>20</v>
      </c>
      <c r="X12566">
        <v>21</v>
      </c>
      <c r="Y12566">
        <v>21</v>
      </c>
      <c r="Z12566">
        <v>21</v>
      </c>
      <c r="AA12566">
        <v>22</v>
      </c>
      <c r="AB12566">
        <v>22</v>
      </c>
      <c r="AC12566">
        <v>22</v>
      </c>
      <c r="AD12566">
        <v>23</v>
      </c>
      <c r="AE12566">
        <v>23</v>
      </c>
      <c r="AF12566">
        <v>23</v>
      </c>
      <c r="AG12566">
        <v>24</v>
      </c>
      <c r="AH12566">
        <v>24</v>
      </c>
      <c r="AI12566">
        <v>24</v>
      </c>
      <c r="AJ12566">
        <v>25</v>
      </c>
      <c r="AK12566">
        <v>25</v>
      </c>
      <c r="AL12566">
        <v>25</v>
      </c>
      <c r="AM12566">
        <v>25</v>
      </c>
      <c r="AN12566">
        <v>26</v>
      </c>
      <c r="AO12566">
        <v>26</v>
      </c>
      <c r="AP12566">
        <v>26</v>
      </c>
      <c r="AQ12566">
        <v>26</v>
      </c>
    </row>
    <row r="12567" spans="1:43">
      <c r="A12567" t="s">
        <v>7808</v>
      </c>
      <c r="B12567" t="s">
        <v>7809</v>
      </c>
      <c r="C12567" t="s">
        <v>7810</v>
      </c>
      <c r="D12567" t="s">
        <v>7811</v>
      </c>
      <c r="E12567" t="s">
        <v>7646</v>
      </c>
      <c r="F12567" t="s">
        <v>7647</v>
      </c>
      <c r="G12567" t="s">
        <v>80</v>
      </c>
      <c r="H12567" t="s">
        <v>81</v>
      </c>
      <c r="I12567" s="2">
        <v>0</v>
      </c>
      <c r="J12567" s="2">
        <v>1</v>
      </c>
      <c r="K12567" s="2">
        <v>0</v>
      </c>
      <c r="L12567" t="s">
        <v>82</v>
      </c>
      <c r="M12567" t="s">
        <v>87</v>
      </c>
      <c r="N12567" t="s">
        <v>88</v>
      </c>
      <c r="O12567" t="s">
        <v>85</v>
      </c>
      <c r="P12567" t="s">
        <v>86</v>
      </c>
      <c r="Q12567">
        <v>18</v>
      </c>
      <c r="R12567">
        <v>18</v>
      </c>
      <c r="S12567">
        <v>18</v>
      </c>
      <c r="T12567">
        <v>19</v>
      </c>
      <c r="U12567">
        <v>19</v>
      </c>
      <c r="V12567">
        <v>19</v>
      </c>
      <c r="W12567">
        <v>19</v>
      </c>
      <c r="X12567">
        <v>19</v>
      </c>
      <c r="Y12567">
        <v>19</v>
      </c>
      <c r="Z12567">
        <v>20</v>
      </c>
      <c r="AA12567">
        <v>20</v>
      </c>
      <c r="AB12567">
        <v>20</v>
      </c>
      <c r="AC12567">
        <v>20</v>
      </c>
      <c r="AD12567">
        <v>20</v>
      </c>
      <c r="AE12567">
        <v>20</v>
      </c>
      <c r="AF12567">
        <v>21</v>
      </c>
      <c r="AG12567">
        <v>21</v>
      </c>
      <c r="AH12567">
        <v>21</v>
      </c>
      <c r="AI12567">
        <v>21</v>
      </c>
      <c r="AJ12567">
        <v>21</v>
      </c>
      <c r="AK12567">
        <v>22</v>
      </c>
      <c r="AL12567">
        <v>22</v>
      </c>
      <c r="AM12567">
        <v>22</v>
      </c>
      <c r="AN12567">
        <v>22</v>
      </c>
      <c r="AO12567">
        <v>22</v>
      </c>
      <c r="AP12567">
        <v>22</v>
      </c>
      <c r="AQ12567">
        <v>23</v>
      </c>
    </row>
    <row r="12568" spans="1:43">
      <c r="A12568" t="s">
        <v>7808</v>
      </c>
      <c r="B12568" t="s">
        <v>7809</v>
      </c>
      <c r="C12568" t="s">
        <v>7810</v>
      </c>
      <c r="D12568" t="s">
        <v>7811</v>
      </c>
      <c r="E12568" t="s">
        <v>7646</v>
      </c>
      <c r="F12568" t="s">
        <v>7647</v>
      </c>
      <c r="G12568" t="s">
        <v>80</v>
      </c>
      <c r="H12568" t="s">
        <v>81</v>
      </c>
      <c r="I12568" s="2">
        <v>0</v>
      </c>
      <c r="J12568" s="2">
        <v>1</v>
      </c>
      <c r="K12568" s="2">
        <v>0</v>
      </c>
      <c r="L12568" t="s">
        <v>82</v>
      </c>
      <c r="M12568" t="s">
        <v>89</v>
      </c>
      <c r="N12568" t="s">
        <v>90</v>
      </c>
      <c r="O12568" t="s">
        <v>85</v>
      </c>
      <c r="P12568" t="s">
        <v>86</v>
      </c>
      <c r="Q12568">
        <v>18</v>
      </c>
      <c r="R12568">
        <v>19</v>
      </c>
      <c r="S12568">
        <v>19</v>
      </c>
      <c r="T12568">
        <v>20</v>
      </c>
      <c r="U12568">
        <v>20</v>
      </c>
      <c r="V12568">
        <v>21</v>
      </c>
      <c r="W12568">
        <v>21</v>
      </c>
      <c r="X12568">
        <v>22</v>
      </c>
      <c r="Y12568">
        <v>22</v>
      </c>
      <c r="Z12568">
        <v>23</v>
      </c>
      <c r="AA12568">
        <v>23</v>
      </c>
      <c r="AB12568">
        <v>24</v>
      </c>
      <c r="AC12568">
        <v>24</v>
      </c>
      <c r="AD12568">
        <v>24</v>
      </c>
      <c r="AE12568">
        <v>25</v>
      </c>
      <c r="AF12568">
        <v>25</v>
      </c>
      <c r="AG12568">
        <v>25</v>
      </c>
      <c r="AH12568">
        <v>25</v>
      </c>
      <c r="AI12568">
        <v>25</v>
      </c>
      <c r="AJ12568">
        <v>25</v>
      </c>
      <c r="AK12568">
        <v>25</v>
      </c>
      <c r="AL12568">
        <v>26</v>
      </c>
      <c r="AM12568">
        <v>26</v>
      </c>
      <c r="AN12568">
        <v>26</v>
      </c>
      <c r="AO12568">
        <v>26</v>
      </c>
      <c r="AP12568">
        <v>26</v>
      </c>
      <c r="AQ12568">
        <v>26</v>
      </c>
    </row>
    <row r="12569" spans="1:43">
      <c r="A12569" t="s">
        <v>7808</v>
      </c>
      <c r="B12569" t="s">
        <v>7809</v>
      </c>
      <c r="C12569" t="s">
        <v>7810</v>
      </c>
      <c r="D12569" t="s">
        <v>7811</v>
      </c>
      <c r="E12569" t="s">
        <v>7646</v>
      </c>
      <c r="F12569" t="s">
        <v>7647</v>
      </c>
      <c r="G12569" t="s">
        <v>80</v>
      </c>
      <c r="H12569" t="s">
        <v>81</v>
      </c>
      <c r="I12569" s="2">
        <v>0</v>
      </c>
      <c r="J12569" s="2">
        <v>1</v>
      </c>
      <c r="K12569" s="2">
        <v>0</v>
      </c>
      <c r="L12569" t="s">
        <v>82</v>
      </c>
      <c r="M12569" t="s">
        <v>83</v>
      </c>
      <c r="N12569" t="s">
        <v>91</v>
      </c>
      <c r="O12569" t="s">
        <v>85</v>
      </c>
      <c r="P12569" t="s">
        <v>86</v>
      </c>
      <c r="Q12569">
        <v>18</v>
      </c>
      <c r="R12569">
        <v>19</v>
      </c>
      <c r="S12569">
        <v>19</v>
      </c>
      <c r="T12569">
        <v>19</v>
      </c>
      <c r="U12569">
        <v>20</v>
      </c>
      <c r="V12569">
        <v>20</v>
      </c>
      <c r="W12569">
        <v>20</v>
      </c>
      <c r="X12569">
        <v>21</v>
      </c>
      <c r="Y12569">
        <v>21</v>
      </c>
      <c r="Z12569">
        <v>21</v>
      </c>
      <c r="AA12569">
        <v>22</v>
      </c>
      <c r="AB12569">
        <v>22</v>
      </c>
      <c r="AC12569">
        <v>22</v>
      </c>
      <c r="AD12569">
        <v>23</v>
      </c>
      <c r="AE12569">
        <v>23</v>
      </c>
      <c r="AF12569">
        <v>23</v>
      </c>
      <c r="AG12569">
        <v>24</v>
      </c>
      <c r="AH12569">
        <v>24</v>
      </c>
      <c r="AI12569">
        <v>24</v>
      </c>
      <c r="AJ12569">
        <v>25</v>
      </c>
      <c r="AK12569">
        <v>25</v>
      </c>
      <c r="AL12569">
        <v>25</v>
      </c>
      <c r="AM12569">
        <v>25</v>
      </c>
      <c r="AN12569">
        <v>26</v>
      </c>
      <c r="AO12569">
        <v>26</v>
      </c>
      <c r="AP12569">
        <v>26</v>
      </c>
      <c r="AQ12569">
        <v>26</v>
      </c>
    </row>
    <row r="12570" spans="1:43">
      <c r="A12570" t="s">
        <v>7812</v>
      </c>
      <c r="B12570" t="s">
        <v>7813</v>
      </c>
      <c r="C12570" t="s">
        <v>7810</v>
      </c>
      <c r="D12570" t="s">
        <v>7811</v>
      </c>
      <c r="E12570" t="s">
        <v>7646</v>
      </c>
      <c r="F12570" t="s">
        <v>7647</v>
      </c>
      <c r="G12570" t="s">
        <v>80</v>
      </c>
      <c r="H12570" t="s">
        <v>81</v>
      </c>
      <c r="I12570" s="2">
        <v>0</v>
      </c>
      <c r="J12570" s="2">
        <v>1</v>
      </c>
      <c r="K12570" s="2">
        <v>0</v>
      </c>
      <c r="L12570" t="s">
        <v>82</v>
      </c>
      <c r="M12570" t="s">
        <v>83</v>
      </c>
      <c r="N12570" t="s">
        <v>84</v>
      </c>
      <c r="O12570" t="s">
        <v>85</v>
      </c>
      <c r="P12570" t="s">
        <v>86</v>
      </c>
      <c r="Q12570">
        <v>16</v>
      </c>
      <c r="R12570">
        <v>16</v>
      </c>
      <c r="S12570">
        <v>16</v>
      </c>
      <c r="T12570">
        <v>17</v>
      </c>
      <c r="U12570">
        <v>17</v>
      </c>
      <c r="V12570">
        <v>17</v>
      </c>
      <c r="W12570">
        <v>18</v>
      </c>
      <c r="X12570">
        <v>18</v>
      </c>
      <c r="Y12570">
        <v>18</v>
      </c>
      <c r="Z12570">
        <v>19</v>
      </c>
      <c r="AA12570">
        <v>19</v>
      </c>
      <c r="AB12570">
        <v>19</v>
      </c>
      <c r="AC12570">
        <v>20</v>
      </c>
      <c r="AD12570">
        <v>20</v>
      </c>
      <c r="AE12570">
        <v>20</v>
      </c>
      <c r="AF12570">
        <v>20</v>
      </c>
      <c r="AG12570">
        <v>21</v>
      </c>
      <c r="AH12570">
        <v>21</v>
      </c>
      <c r="AI12570">
        <v>21</v>
      </c>
      <c r="AJ12570">
        <v>22</v>
      </c>
      <c r="AK12570">
        <v>22</v>
      </c>
      <c r="AL12570">
        <v>22</v>
      </c>
      <c r="AM12570">
        <v>22</v>
      </c>
      <c r="AN12570">
        <v>22</v>
      </c>
      <c r="AO12570">
        <v>22</v>
      </c>
      <c r="AP12570">
        <v>22</v>
      </c>
      <c r="AQ12570">
        <v>23</v>
      </c>
    </row>
    <row r="12571" spans="1:43">
      <c r="A12571" t="s">
        <v>7812</v>
      </c>
      <c r="B12571" t="s">
        <v>7813</v>
      </c>
      <c r="C12571" t="s">
        <v>7810</v>
      </c>
      <c r="D12571" t="s">
        <v>7811</v>
      </c>
      <c r="E12571" t="s">
        <v>7646</v>
      </c>
      <c r="F12571" t="s">
        <v>7647</v>
      </c>
      <c r="G12571" t="s">
        <v>80</v>
      </c>
      <c r="H12571" t="s">
        <v>81</v>
      </c>
      <c r="I12571" s="2">
        <v>0</v>
      </c>
      <c r="J12571" s="2">
        <v>1</v>
      </c>
      <c r="K12571" s="2">
        <v>0</v>
      </c>
      <c r="L12571" t="s">
        <v>82</v>
      </c>
      <c r="M12571" t="s">
        <v>87</v>
      </c>
      <c r="N12571" t="s">
        <v>88</v>
      </c>
      <c r="O12571" t="s">
        <v>85</v>
      </c>
      <c r="P12571" t="s">
        <v>86</v>
      </c>
      <c r="Q12571">
        <v>16</v>
      </c>
      <c r="R12571">
        <v>16</v>
      </c>
      <c r="S12571">
        <v>16</v>
      </c>
      <c r="T12571">
        <v>16</v>
      </c>
      <c r="U12571">
        <v>16</v>
      </c>
      <c r="V12571">
        <v>16</v>
      </c>
      <c r="W12571">
        <v>17</v>
      </c>
      <c r="X12571">
        <v>17</v>
      </c>
      <c r="Y12571">
        <v>17</v>
      </c>
      <c r="Z12571">
        <v>17</v>
      </c>
      <c r="AA12571">
        <v>17</v>
      </c>
      <c r="AB12571">
        <v>17</v>
      </c>
      <c r="AC12571">
        <v>18</v>
      </c>
      <c r="AD12571">
        <v>18</v>
      </c>
      <c r="AE12571">
        <v>18</v>
      </c>
      <c r="AF12571">
        <v>18</v>
      </c>
      <c r="AG12571">
        <v>18</v>
      </c>
      <c r="AH12571">
        <v>18</v>
      </c>
      <c r="AI12571">
        <v>18</v>
      </c>
      <c r="AJ12571">
        <v>19</v>
      </c>
      <c r="AK12571">
        <v>19</v>
      </c>
      <c r="AL12571">
        <v>19</v>
      </c>
      <c r="AM12571">
        <v>19</v>
      </c>
      <c r="AN12571">
        <v>19</v>
      </c>
      <c r="AO12571">
        <v>19</v>
      </c>
      <c r="AP12571">
        <v>20</v>
      </c>
      <c r="AQ12571">
        <v>20</v>
      </c>
    </row>
    <row r="12572" spans="1:43">
      <c r="A12572" t="s">
        <v>7812</v>
      </c>
      <c r="B12572" t="s">
        <v>7813</v>
      </c>
      <c r="C12572" t="s">
        <v>7810</v>
      </c>
      <c r="D12572" t="s">
        <v>7811</v>
      </c>
      <c r="E12572" t="s">
        <v>7646</v>
      </c>
      <c r="F12572" t="s">
        <v>7647</v>
      </c>
      <c r="G12572" t="s">
        <v>80</v>
      </c>
      <c r="H12572" t="s">
        <v>81</v>
      </c>
      <c r="I12572" s="2">
        <v>0</v>
      </c>
      <c r="J12572" s="2">
        <v>1</v>
      </c>
      <c r="K12572" s="2">
        <v>0</v>
      </c>
      <c r="L12572" t="s">
        <v>82</v>
      </c>
      <c r="M12572" t="s">
        <v>89</v>
      </c>
      <c r="N12572" t="s">
        <v>90</v>
      </c>
      <c r="O12572" t="s">
        <v>85</v>
      </c>
      <c r="P12572" t="s">
        <v>86</v>
      </c>
      <c r="Q12572">
        <v>16</v>
      </c>
      <c r="R12572">
        <v>16</v>
      </c>
      <c r="S12572">
        <v>17</v>
      </c>
      <c r="T12572">
        <v>17</v>
      </c>
      <c r="U12572">
        <v>18</v>
      </c>
      <c r="V12572">
        <v>18</v>
      </c>
      <c r="W12572">
        <v>19</v>
      </c>
      <c r="X12572">
        <v>19</v>
      </c>
      <c r="Y12572">
        <v>19</v>
      </c>
      <c r="Z12572">
        <v>20</v>
      </c>
      <c r="AA12572">
        <v>20</v>
      </c>
      <c r="AB12572">
        <v>21</v>
      </c>
      <c r="AC12572">
        <v>21</v>
      </c>
      <c r="AD12572">
        <v>21</v>
      </c>
      <c r="AE12572">
        <v>22</v>
      </c>
      <c r="AF12572">
        <v>22</v>
      </c>
      <c r="AG12572">
        <v>22</v>
      </c>
      <c r="AH12572">
        <v>22</v>
      </c>
      <c r="AI12572">
        <v>22</v>
      </c>
      <c r="AJ12572">
        <v>22</v>
      </c>
      <c r="AK12572">
        <v>22</v>
      </c>
      <c r="AL12572">
        <v>22</v>
      </c>
      <c r="AM12572">
        <v>22</v>
      </c>
      <c r="AN12572">
        <v>22</v>
      </c>
      <c r="AO12572">
        <v>23</v>
      </c>
      <c r="AP12572">
        <v>23</v>
      </c>
      <c r="AQ12572">
        <v>23</v>
      </c>
    </row>
    <row r="12573" spans="1:43">
      <c r="A12573" t="s">
        <v>7812</v>
      </c>
      <c r="B12573" t="s">
        <v>7813</v>
      </c>
      <c r="C12573" t="s">
        <v>7810</v>
      </c>
      <c r="D12573" t="s">
        <v>7811</v>
      </c>
      <c r="E12573" t="s">
        <v>7646</v>
      </c>
      <c r="F12573" t="s">
        <v>7647</v>
      </c>
      <c r="G12573" t="s">
        <v>80</v>
      </c>
      <c r="H12573" t="s">
        <v>81</v>
      </c>
      <c r="I12573" s="2">
        <v>0</v>
      </c>
      <c r="J12573" s="2">
        <v>1</v>
      </c>
      <c r="K12573" s="2">
        <v>0</v>
      </c>
      <c r="L12573" t="s">
        <v>82</v>
      </c>
      <c r="M12573" t="s">
        <v>83</v>
      </c>
      <c r="N12573" t="s">
        <v>91</v>
      </c>
      <c r="O12573" t="s">
        <v>85</v>
      </c>
      <c r="P12573" t="s">
        <v>86</v>
      </c>
      <c r="Q12573">
        <v>16</v>
      </c>
      <c r="R12573">
        <v>16</v>
      </c>
      <c r="S12573">
        <v>16</v>
      </c>
      <c r="T12573">
        <v>17</v>
      </c>
      <c r="U12573">
        <v>17</v>
      </c>
      <c r="V12573">
        <v>17</v>
      </c>
      <c r="W12573">
        <v>18</v>
      </c>
      <c r="X12573">
        <v>18</v>
      </c>
      <c r="Y12573">
        <v>18</v>
      </c>
      <c r="Z12573">
        <v>19</v>
      </c>
      <c r="AA12573">
        <v>19</v>
      </c>
      <c r="AB12573">
        <v>19</v>
      </c>
      <c r="AC12573">
        <v>20</v>
      </c>
      <c r="AD12573">
        <v>20</v>
      </c>
      <c r="AE12573">
        <v>20</v>
      </c>
      <c r="AF12573">
        <v>20</v>
      </c>
      <c r="AG12573">
        <v>21</v>
      </c>
      <c r="AH12573">
        <v>21</v>
      </c>
      <c r="AI12573">
        <v>21</v>
      </c>
      <c r="AJ12573">
        <v>22</v>
      </c>
      <c r="AK12573">
        <v>22</v>
      </c>
      <c r="AL12573">
        <v>22</v>
      </c>
      <c r="AM12573">
        <v>22</v>
      </c>
      <c r="AN12573">
        <v>22</v>
      </c>
      <c r="AO12573">
        <v>22</v>
      </c>
      <c r="AP12573">
        <v>22</v>
      </c>
      <c r="AQ12573">
        <v>23</v>
      </c>
    </row>
    <row r="12574" spans="1:43">
      <c r="A12574" t="s">
        <v>7814</v>
      </c>
      <c r="B12574" t="s">
        <v>7815</v>
      </c>
      <c r="C12574" t="s">
        <v>7810</v>
      </c>
      <c r="D12574" t="s">
        <v>7811</v>
      </c>
      <c r="E12574" t="s">
        <v>7646</v>
      </c>
      <c r="F12574" t="s">
        <v>7647</v>
      </c>
      <c r="G12574" t="s">
        <v>80</v>
      </c>
      <c r="H12574" t="s">
        <v>81</v>
      </c>
      <c r="I12574" s="2">
        <v>0</v>
      </c>
      <c r="J12574" s="2">
        <v>1</v>
      </c>
      <c r="K12574" s="2">
        <v>0</v>
      </c>
      <c r="L12574" t="s">
        <v>82</v>
      </c>
      <c r="M12574" t="s">
        <v>83</v>
      </c>
      <c r="N12574" t="s">
        <v>84</v>
      </c>
      <c r="O12574" t="s">
        <v>85</v>
      </c>
      <c r="P12574" t="s">
        <v>86</v>
      </c>
      <c r="Q12574">
        <v>14</v>
      </c>
      <c r="R12574">
        <v>14</v>
      </c>
      <c r="S12574">
        <v>14</v>
      </c>
      <c r="T12574">
        <v>15</v>
      </c>
      <c r="U12574">
        <v>15</v>
      </c>
      <c r="V12574">
        <v>15</v>
      </c>
      <c r="W12574">
        <v>15</v>
      </c>
      <c r="X12574">
        <v>16</v>
      </c>
      <c r="Y12574">
        <v>16</v>
      </c>
      <c r="Z12574">
        <v>16</v>
      </c>
      <c r="AA12574">
        <v>16</v>
      </c>
      <c r="AB12574">
        <v>17</v>
      </c>
      <c r="AC12574">
        <v>17</v>
      </c>
      <c r="AD12574">
        <v>17</v>
      </c>
      <c r="AE12574">
        <v>17</v>
      </c>
      <c r="AF12574">
        <v>18</v>
      </c>
      <c r="AG12574">
        <v>18</v>
      </c>
      <c r="AH12574">
        <v>18</v>
      </c>
      <c r="AI12574">
        <v>19</v>
      </c>
      <c r="AJ12574">
        <v>19</v>
      </c>
      <c r="AK12574">
        <v>19</v>
      </c>
      <c r="AL12574">
        <v>19</v>
      </c>
      <c r="AM12574">
        <v>19</v>
      </c>
      <c r="AN12574">
        <v>19</v>
      </c>
      <c r="AO12574">
        <v>19</v>
      </c>
      <c r="AP12574">
        <v>20</v>
      </c>
      <c r="AQ12574">
        <v>20</v>
      </c>
    </row>
    <row r="12575" spans="1:43">
      <c r="A12575" t="s">
        <v>7814</v>
      </c>
      <c r="B12575" t="s">
        <v>7815</v>
      </c>
      <c r="C12575" t="s">
        <v>7810</v>
      </c>
      <c r="D12575" t="s">
        <v>7811</v>
      </c>
      <c r="E12575" t="s">
        <v>7646</v>
      </c>
      <c r="F12575" t="s">
        <v>7647</v>
      </c>
      <c r="G12575" t="s">
        <v>80</v>
      </c>
      <c r="H12575" t="s">
        <v>81</v>
      </c>
      <c r="I12575" s="2">
        <v>0</v>
      </c>
      <c r="J12575" s="2">
        <v>1</v>
      </c>
      <c r="K12575" s="2">
        <v>0</v>
      </c>
      <c r="L12575" t="s">
        <v>82</v>
      </c>
      <c r="M12575" t="s">
        <v>87</v>
      </c>
      <c r="N12575" t="s">
        <v>88</v>
      </c>
      <c r="O12575" t="s">
        <v>85</v>
      </c>
      <c r="P12575" t="s">
        <v>86</v>
      </c>
      <c r="Q12575">
        <v>14</v>
      </c>
      <c r="R12575">
        <v>14</v>
      </c>
      <c r="S12575">
        <v>14</v>
      </c>
      <c r="T12575">
        <v>14</v>
      </c>
      <c r="U12575">
        <v>14</v>
      </c>
      <c r="V12575">
        <v>14</v>
      </c>
      <c r="W12575">
        <v>14</v>
      </c>
      <c r="X12575">
        <v>15</v>
      </c>
      <c r="Y12575">
        <v>15</v>
      </c>
      <c r="Z12575">
        <v>15</v>
      </c>
      <c r="AA12575">
        <v>15</v>
      </c>
      <c r="AB12575">
        <v>15</v>
      </c>
      <c r="AC12575">
        <v>15</v>
      </c>
      <c r="AD12575">
        <v>15</v>
      </c>
      <c r="AE12575">
        <v>16</v>
      </c>
      <c r="AF12575">
        <v>16</v>
      </c>
      <c r="AG12575">
        <v>16</v>
      </c>
      <c r="AH12575">
        <v>16</v>
      </c>
      <c r="AI12575">
        <v>16</v>
      </c>
      <c r="AJ12575">
        <v>16</v>
      </c>
      <c r="AK12575">
        <v>16</v>
      </c>
      <c r="AL12575">
        <v>16</v>
      </c>
      <c r="AM12575">
        <v>17</v>
      </c>
      <c r="AN12575">
        <v>17</v>
      </c>
      <c r="AO12575">
        <v>17</v>
      </c>
      <c r="AP12575">
        <v>17</v>
      </c>
      <c r="AQ12575">
        <v>17</v>
      </c>
    </row>
    <row r="12576" spans="1:43">
      <c r="A12576" t="s">
        <v>7814</v>
      </c>
      <c r="B12576" t="s">
        <v>7815</v>
      </c>
      <c r="C12576" t="s">
        <v>7810</v>
      </c>
      <c r="D12576" t="s">
        <v>7811</v>
      </c>
      <c r="E12576" t="s">
        <v>7646</v>
      </c>
      <c r="F12576" t="s">
        <v>7647</v>
      </c>
      <c r="G12576" t="s">
        <v>80</v>
      </c>
      <c r="H12576" t="s">
        <v>81</v>
      </c>
      <c r="I12576" s="2">
        <v>0</v>
      </c>
      <c r="J12576" s="2">
        <v>1</v>
      </c>
      <c r="K12576" s="2">
        <v>0</v>
      </c>
      <c r="L12576" t="s">
        <v>82</v>
      </c>
      <c r="M12576" t="s">
        <v>89</v>
      </c>
      <c r="N12576" t="s">
        <v>90</v>
      </c>
      <c r="O12576" t="s">
        <v>85</v>
      </c>
      <c r="P12576" t="s">
        <v>86</v>
      </c>
      <c r="Q12576">
        <v>14</v>
      </c>
      <c r="R12576">
        <v>14</v>
      </c>
      <c r="S12576">
        <v>15</v>
      </c>
      <c r="T12576">
        <v>15</v>
      </c>
      <c r="U12576">
        <v>15</v>
      </c>
      <c r="V12576">
        <v>16</v>
      </c>
      <c r="W12576">
        <v>16</v>
      </c>
      <c r="X12576">
        <v>17</v>
      </c>
      <c r="Y12576">
        <v>17</v>
      </c>
      <c r="Z12576">
        <v>17</v>
      </c>
      <c r="AA12576">
        <v>17</v>
      </c>
      <c r="AB12576">
        <v>18</v>
      </c>
      <c r="AC12576">
        <v>18</v>
      </c>
      <c r="AD12576">
        <v>18</v>
      </c>
      <c r="AE12576">
        <v>19</v>
      </c>
      <c r="AF12576">
        <v>19</v>
      </c>
      <c r="AG12576">
        <v>19</v>
      </c>
      <c r="AH12576">
        <v>19</v>
      </c>
      <c r="AI12576">
        <v>19</v>
      </c>
      <c r="AJ12576">
        <v>19</v>
      </c>
      <c r="AK12576">
        <v>19</v>
      </c>
      <c r="AL12576">
        <v>19</v>
      </c>
      <c r="AM12576">
        <v>19</v>
      </c>
      <c r="AN12576">
        <v>19</v>
      </c>
      <c r="AO12576">
        <v>20</v>
      </c>
      <c r="AP12576">
        <v>20</v>
      </c>
      <c r="AQ12576">
        <v>20</v>
      </c>
    </row>
    <row r="12577" spans="1:43">
      <c r="A12577" t="s">
        <v>7814</v>
      </c>
      <c r="B12577" t="s">
        <v>7815</v>
      </c>
      <c r="C12577" t="s">
        <v>7810</v>
      </c>
      <c r="D12577" t="s">
        <v>7811</v>
      </c>
      <c r="E12577" t="s">
        <v>7646</v>
      </c>
      <c r="F12577" t="s">
        <v>7647</v>
      </c>
      <c r="G12577" t="s">
        <v>80</v>
      </c>
      <c r="H12577" t="s">
        <v>81</v>
      </c>
      <c r="I12577" s="2">
        <v>0</v>
      </c>
      <c r="J12577" s="2">
        <v>1</v>
      </c>
      <c r="K12577" s="2">
        <v>0</v>
      </c>
      <c r="L12577" t="s">
        <v>82</v>
      </c>
      <c r="M12577" t="s">
        <v>83</v>
      </c>
      <c r="N12577" t="s">
        <v>91</v>
      </c>
      <c r="O12577" t="s">
        <v>85</v>
      </c>
      <c r="P12577" t="s">
        <v>86</v>
      </c>
      <c r="Q12577">
        <v>14</v>
      </c>
      <c r="R12577">
        <v>14</v>
      </c>
      <c r="S12577">
        <v>14</v>
      </c>
      <c r="T12577">
        <v>15</v>
      </c>
      <c r="U12577">
        <v>15</v>
      </c>
      <c r="V12577">
        <v>15</v>
      </c>
      <c r="W12577">
        <v>15</v>
      </c>
      <c r="X12577">
        <v>16</v>
      </c>
      <c r="Y12577">
        <v>16</v>
      </c>
      <c r="Z12577">
        <v>16</v>
      </c>
      <c r="AA12577">
        <v>16</v>
      </c>
      <c r="AB12577">
        <v>17</v>
      </c>
      <c r="AC12577">
        <v>17</v>
      </c>
      <c r="AD12577">
        <v>17</v>
      </c>
      <c r="AE12577">
        <v>17</v>
      </c>
      <c r="AF12577">
        <v>18</v>
      </c>
      <c r="AG12577">
        <v>18</v>
      </c>
      <c r="AH12577">
        <v>18</v>
      </c>
      <c r="AI12577">
        <v>19</v>
      </c>
      <c r="AJ12577">
        <v>19</v>
      </c>
      <c r="AK12577">
        <v>19</v>
      </c>
      <c r="AL12577">
        <v>19</v>
      </c>
      <c r="AM12577">
        <v>19</v>
      </c>
      <c r="AN12577">
        <v>19</v>
      </c>
      <c r="AO12577">
        <v>19</v>
      </c>
      <c r="AP12577">
        <v>20</v>
      </c>
      <c r="AQ12577">
        <v>20</v>
      </c>
    </row>
    <row r="12578" spans="1:43">
      <c r="A12578" t="s">
        <v>7816</v>
      </c>
      <c r="B12578" t="s">
        <v>7817</v>
      </c>
      <c r="C12578" t="s">
        <v>7810</v>
      </c>
      <c r="D12578" t="s">
        <v>7811</v>
      </c>
      <c r="E12578" t="s">
        <v>7646</v>
      </c>
      <c r="F12578" t="s">
        <v>7647</v>
      </c>
      <c r="G12578" t="s">
        <v>80</v>
      </c>
      <c r="H12578" t="s">
        <v>81</v>
      </c>
      <c r="I12578" s="2">
        <v>0</v>
      </c>
      <c r="J12578" s="2">
        <v>1</v>
      </c>
      <c r="K12578" s="2">
        <v>0</v>
      </c>
      <c r="L12578" t="s">
        <v>82</v>
      </c>
      <c r="M12578" t="s">
        <v>83</v>
      </c>
      <c r="N12578" t="s">
        <v>84</v>
      </c>
      <c r="O12578" t="s">
        <v>85</v>
      </c>
      <c r="P12578" t="s">
        <v>86</v>
      </c>
      <c r="Q12578">
        <v>4</v>
      </c>
      <c r="R12578">
        <v>4</v>
      </c>
      <c r="S12578">
        <v>4</v>
      </c>
      <c r="T12578">
        <v>4</v>
      </c>
      <c r="U12578">
        <v>4</v>
      </c>
      <c r="V12578">
        <v>4</v>
      </c>
      <c r="W12578">
        <v>4</v>
      </c>
      <c r="X12578">
        <v>4</v>
      </c>
      <c r="Y12578">
        <v>5</v>
      </c>
      <c r="Z12578">
        <v>5</v>
      </c>
      <c r="AA12578">
        <v>5</v>
      </c>
      <c r="AB12578">
        <v>5</v>
      </c>
      <c r="AC12578">
        <v>5</v>
      </c>
      <c r="AD12578">
        <v>5</v>
      </c>
      <c r="AE12578">
        <v>5</v>
      </c>
      <c r="AF12578">
        <v>5</v>
      </c>
      <c r="AG12578">
        <v>5</v>
      </c>
      <c r="AH12578">
        <v>5</v>
      </c>
      <c r="AI12578">
        <v>5</v>
      </c>
      <c r="AJ12578">
        <v>5</v>
      </c>
      <c r="AK12578">
        <v>5</v>
      </c>
      <c r="AL12578">
        <v>5</v>
      </c>
      <c r="AM12578">
        <v>5</v>
      </c>
      <c r="AN12578">
        <v>5</v>
      </c>
      <c r="AO12578">
        <v>6</v>
      </c>
      <c r="AP12578">
        <v>6</v>
      </c>
      <c r="AQ12578">
        <v>6</v>
      </c>
    </row>
    <row r="12579" spans="1:43">
      <c r="A12579" t="s">
        <v>7816</v>
      </c>
      <c r="B12579" t="s">
        <v>7817</v>
      </c>
      <c r="C12579" t="s">
        <v>7810</v>
      </c>
      <c r="D12579" t="s">
        <v>7811</v>
      </c>
      <c r="E12579" t="s">
        <v>7646</v>
      </c>
      <c r="F12579" t="s">
        <v>7647</v>
      </c>
      <c r="G12579" t="s">
        <v>80</v>
      </c>
      <c r="H12579" t="s">
        <v>81</v>
      </c>
      <c r="I12579" s="2">
        <v>0</v>
      </c>
      <c r="J12579" s="2">
        <v>1</v>
      </c>
      <c r="K12579" s="2">
        <v>0</v>
      </c>
      <c r="L12579" t="s">
        <v>82</v>
      </c>
      <c r="M12579" t="s">
        <v>87</v>
      </c>
      <c r="N12579" t="s">
        <v>88</v>
      </c>
      <c r="O12579" t="s">
        <v>85</v>
      </c>
      <c r="P12579" t="s">
        <v>86</v>
      </c>
      <c r="Q12579">
        <v>4</v>
      </c>
      <c r="R12579">
        <v>4</v>
      </c>
      <c r="S12579">
        <v>4</v>
      </c>
      <c r="T12579">
        <v>4</v>
      </c>
      <c r="U12579">
        <v>4</v>
      </c>
      <c r="V12579">
        <v>4</v>
      </c>
      <c r="W12579">
        <v>4</v>
      </c>
      <c r="X12579">
        <v>4</v>
      </c>
      <c r="Y12579">
        <v>4</v>
      </c>
      <c r="Z12579">
        <v>4</v>
      </c>
      <c r="AA12579">
        <v>4</v>
      </c>
      <c r="AB12579">
        <v>4</v>
      </c>
      <c r="AC12579">
        <v>4</v>
      </c>
      <c r="AD12579">
        <v>4</v>
      </c>
      <c r="AE12579">
        <v>4</v>
      </c>
      <c r="AF12579">
        <v>4</v>
      </c>
      <c r="AG12579">
        <v>4</v>
      </c>
      <c r="AH12579">
        <v>5</v>
      </c>
      <c r="AI12579">
        <v>5</v>
      </c>
      <c r="AJ12579">
        <v>5</v>
      </c>
      <c r="AK12579">
        <v>5</v>
      </c>
      <c r="AL12579">
        <v>5</v>
      </c>
      <c r="AM12579">
        <v>5</v>
      </c>
      <c r="AN12579">
        <v>5</v>
      </c>
      <c r="AO12579">
        <v>5</v>
      </c>
      <c r="AP12579">
        <v>5</v>
      </c>
      <c r="AQ12579">
        <v>5</v>
      </c>
    </row>
    <row r="12580" spans="1:43">
      <c r="A12580" t="s">
        <v>7816</v>
      </c>
      <c r="B12580" t="s">
        <v>7817</v>
      </c>
      <c r="C12580" t="s">
        <v>7810</v>
      </c>
      <c r="D12580" t="s">
        <v>7811</v>
      </c>
      <c r="E12580" t="s">
        <v>7646</v>
      </c>
      <c r="F12580" t="s">
        <v>7647</v>
      </c>
      <c r="G12580" t="s">
        <v>80</v>
      </c>
      <c r="H12580" t="s">
        <v>81</v>
      </c>
      <c r="I12580" s="2">
        <v>0</v>
      </c>
      <c r="J12580" s="2">
        <v>1</v>
      </c>
      <c r="K12580" s="2">
        <v>0</v>
      </c>
      <c r="L12580" t="s">
        <v>82</v>
      </c>
      <c r="M12580" t="s">
        <v>89</v>
      </c>
      <c r="N12580" t="s">
        <v>90</v>
      </c>
      <c r="O12580" t="s">
        <v>85</v>
      </c>
      <c r="P12580" t="s">
        <v>86</v>
      </c>
      <c r="Q12580">
        <v>4</v>
      </c>
      <c r="R12580">
        <v>4</v>
      </c>
      <c r="S12580">
        <v>4</v>
      </c>
      <c r="T12580">
        <v>4</v>
      </c>
      <c r="U12580">
        <v>4</v>
      </c>
      <c r="V12580">
        <v>4</v>
      </c>
      <c r="W12580">
        <v>5</v>
      </c>
      <c r="X12580">
        <v>5</v>
      </c>
      <c r="Y12580">
        <v>5</v>
      </c>
      <c r="Z12580">
        <v>5</v>
      </c>
      <c r="AA12580">
        <v>5</v>
      </c>
      <c r="AB12580">
        <v>5</v>
      </c>
      <c r="AC12580">
        <v>5</v>
      </c>
      <c r="AD12580">
        <v>5</v>
      </c>
      <c r="AE12580">
        <v>5</v>
      </c>
      <c r="AF12580">
        <v>5</v>
      </c>
      <c r="AG12580">
        <v>5</v>
      </c>
      <c r="AH12580">
        <v>5</v>
      </c>
      <c r="AI12580">
        <v>5</v>
      </c>
      <c r="AJ12580">
        <v>5</v>
      </c>
      <c r="AK12580">
        <v>5</v>
      </c>
      <c r="AL12580">
        <v>5</v>
      </c>
      <c r="AM12580">
        <v>5</v>
      </c>
      <c r="AN12580">
        <v>6</v>
      </c>
      <c r="AO12580">
        <v>6</v>
      </c>
      <c r="AP12580">
        <v>6</v>
      </c>
      <c r="AQ12580">
        <v>6</v>
      </c>
    </row>
    <row r="12581" spans="1:43">
      <c r="A12581" t="s">
        <v>7816</v>
      </c>
      <c r="B12581" t="s">
        <v>7817</v>
      </c>
      <c r="C12581" t="s">
        <v>7810</v>
      </c>
      <c r="D12581" t="s">
        <v>7811</v>
      </c>
      <c r="E12581" t="s">
        <v>7646</v>
      </c>
      <c r="F12581" t="s">
        <v>7647</v>
      </c>
      <c r="G12581" t="s">
        <v>80</v>
      </c>
      <c r="H12581" t="s">
        <v>81</v>
      </c>
      <c r="I12581" s="2">
        <v>0</v>
      </c>
      <c r="J12581" s="2">
        <v>1</v>
      </c>
      <c r="K12581" s="2">
        <v>0</v>
      </c>
      <c r="L12581" t="s">
        <v>82</v>
      </c>
      <c r="M12581" t="s">
        <v>83</v>
      </c>
      <c r="N12581" t="s">
        <v>91</v>
      </c>
      <c r="O12581" t="s">
        <v>85</v>
      </c>
      <c r="P12581" t="s">
        <v>86</v>
      </c>
      <c r="Q12581">
        <v>4</v>
      </c>
      <c r="R12581">
        <v>4</v>
      </c>
      <c r="S12581">
        <v>4</v>
      </c>
      <c r="T12581">
        <v>4</v>
      </c>
      <c r="U12581">
        <v>4</v>
      </c>
      <c r="V12581">
        <v>4</v>
      </c>
      <c r="W12581">
        <v>4</v>
      </c>
      <c r="X12581">
        <v>4</v>
      </c>
      <c r="Y12581">
        <v>5</v>
      </c>
      <c r="Z12581">
        <v>5</v>
      </c>
      <c r="AA12581">
        <v>5</v>
      </c>
      <c r="AB12581">
        <v>5</v>
      </c>
      <c r="AC12581">
        <v>5</v>
      </c>
      <c r="AD12581">
        <v>5</v>
      </c>
      <c r="AE12581">
        <v>5</v>
      </c>
      <c r="AF12581">
        <v>5</v>
      </c>
      <c r="AG12581">
        <v>5</v>
      </c>
      <c r="AH12581">
        <v>5</v>
      </c>
      <c r="AI12581">
        <v>5</v>
      </c>
      <c r="AJ12581">
        <v>5</v>
      </c>
      <c r="AK12581">
        <v>5</v>
      </c>
      <c r="AL12581">
        <v>5</v>
      </c>
      <c r="AM12581">
        <v>5</v>
      </c>
      <c r="AN12581">
        <v>5</v>
      </c>
      <c r="AO12581">
        <v>6</v>
      </c>
      <c r="AP12581">
        <v>6</v>
      </c>
      <c r="AQ12581">
        <v>6</v>
      </c>
    </row>
    <row r="12582" spans="1:43">
      <c r="A12582" t="s">
        <v>7818</v>
      </c>
      <c r="B12582" t="s">
        <v>7819</v>
      </c>
      <c r="C12582" t="s">
        <v>7804</v>
      </c>
      <c r="D12582" t="s">
        <v>7805</v>
      </c>
      <c r="E12582" t="s">
        <v>7646</v>
      </c>
      <c r="F12582" t="s">
        <v>7647</v>
      </c>
      <c r="G12582" t="s">
        <v>80</v>
      </c>
      <c r="H12582" t="s">
        <v>81</v>
      </c>
      <c r="I12582" s="2">
        <v>0</v>
      </c>
      <c r="J12582" s="2">
        <v>1</v>
      </c>
      <c r="K12582" s="2">
        <v>0</v>
      </c>
      <c r="L12582" t="s">
        <v>82</v>
      </c>
      <c r="M12582" t="s">
        <v>83</v>
      </c>
      <c r="N12582" t="s">
        <v>84</v>
      </c>
      <c r="O12582" t="s">
        <v>85</v>
      </c>
      <c r="P12582" t="s">
        <v>86</v>
      </c>
      <c r="Q12582">
        <v>52</v>
      </c>
      <c r="R12582">
        <v>53</v>
      </c>
      <c r="S12582">
        <v>54</v>
      </c>
      <c r="T12582">
        <v>55</v>
      </c>
      <c r="U12582">
        <v>56</v>
      </c>
      <c r="V12582">
        <v>57</v>
      </c>
      <c r="W12582">
        <v>58</v>
      </c>
      <c r="X12582">
        <v>59</v>
      </c>
      <c r="Y12582">
        <v>60</v>
      </c>
      <c r="Z12582">
        <v>61</v>
      </c>
      <c r="AA12582">
        <v>62</v>
      </c>
      <c r="AB12582">
        <v>63</v>
      </c>
      <c r="AC12582">
        <v>64</v>
      </c>
      <c r="AD12582">
        <v>65</v>
      </c>
      <c r="AE12582">
        <v>66</v>
      </c>
      <c r="AF12582">
        <v>67</v>
      </c>
      <c r="AG12582">
        <v>68</v>
      </c>
      <c r="AH12582">
        <v>69</v>
      </c>
      <c r="AI12582">
        <v>70</v>
      </c>
      <c r="AJ12582">
        <v>71</v>
      </c>
      <c r="AK12582">
        <v>72</v>
      </c>
      <c r="AL12582">
        <v>73</v>
      </c>
      <c r="AM12582">
        <v>73</v>
      </c>
      <c r="AN12582">
        <v>73</v>
      </c>
      <c r="AO12582">
        <v>74</v>
      </c>
      <c r="AP12582">
        <v>74</v>
      </c>
      <c r="AQ12582">
        <v>74</v>
      </c>
    </row>
    <row r="12583" spans="1:43">
      <c r="A12583" t="s">
        <v>7818</v>
      </c>
      <c r="B12583" t="s">
        <v>7819</v>
      </c>
      <c r="C12583" t="s">
        <v>7804</v>
      </c>
      <c r="D12583" t="s">
        <v>7805</v>
      </c>
      <c r="E12583" t="s">
        <v>7646</v>
      </c>
      <c r="F12583" t="s">
        <v>7647</v>
      </c>
      <c r="G12583" t="s">
        <v>80</v>
      </c>
      <c r="H12583" t="s">
        <v>81</v>
      </c>
      <c r="I12583" s="2">
        <v>0</v>
      </c>
      <c r="J12583" s="2">
        <v>1</v>
      </c>
      <c r="K12583" s="2">
        <v>0</v>
      </c>
      <c r="L12583" t="s">
        <v>82</v>
      </c>
      <c r="M12583" t="s">
        <v>87</v>
      </c>
      <c r="N12583" t="s">
        <v>88</v>
      </c>
      <c r="O12583" t="s">
        <v>85</v>
      </c>
      <c r="P12583" t="s">
        <v>86</v>
      </c>
      <c r="Q12583">
        <v>52</v>
      </c>
      <c r="R12583">
        <v>52</v>
      </c>
      <c r="S12583">
        <v>53</v>
      </c>
      <c r="T12583">
        <v>53</v>
      </c>
      <c r="U12583">
        <v>54</v>
      </c>
      <c r="V12583">
        <v>54</v>
      </c>
      <c r="W12583">
        <v>55</v>
      </c>
      <c r="X12583">
        <v>55</v>
      </c>
      <c r="Y12583">
        <v>56</v>
      </c>
      <c r="Z12583">
        <v>56</v>
      </c>
      <c r="AA12583">
        <v>57</v>
      </c>
      <c r="AB12583">
        <v>57</v>
      </c>
      <c r="AC12583">
        <v>58</v>
      </c>
      <c r="AD12583">
        <v>58</v>
      </c>
      <c r="AE12583">
        <v>59</v>
      </c>
      <c r="AF12583">
        <v>59</v>
      </c>
      <c r="AG12583">
        <v>60</v>
      </c>
      <c r="AH12583">
        <v>60</v>
      </c>
      <c r="AI12583">
        <v>60</v>
      </c>
      <c r="AJ12583">
        <v>61</v>
      </c>
      <c r="AK12583">
        <v>61</v>
      </c>
      <c r="AL12583">
        <v>62</v>
      </c>
      <c r="AM12583">
        <v>62</v>
      </c>
      <c r="AN12583">
        <v>63</v>
      </c>
      <c r="AO12583">
        <v>63</v>
      </c>
      <c r="AP12583">
        <v>64</v>
      </c>
      <c r="AQ12583">
        <v>64</v>
      </c>
    </row>
    <row r="12584" spans="1:43">
      <c r="A12584" t="s">
        <v>7818</v>
      </c>
      <c r="B12584" t="s">
        <v>7819</v>
      </c>
      <c r="C12584" t="s">
        <v>7804</v>
      </c>
      <c r="D12584" t="s">
        <v>7805</v>
      </c>
      <c r="E12584" t="s">
        <v>7646</v>
      </c>
      <c r="F12584" t="s">
        <v>7647</v>
      </c>
      <c r="G12584" t="s">
        <v>80</v>
      </c>
      <c r="H12584" t="s">
        <v>81</v>
      </c>
      <c r="I12584" s="2">
        <v>0</v>
      </c>
      <c r="J12584" s="2">
        <v>1</v>
      </c>
      <c r="K12584" s="2">
        <v>0</v>
      </c>
      <c r="L12584" t="s">
        <v>82</v>
      </c>
      <c r="M12584" t="s">
        <v>89</v>
      </c>
      <c r="N12584" t="s">
        <v>90</v>
      </c>
      <c r="O12584" t="s">
        <v>85</v>
      </c>
      <c r="P12584" t="s">
        <v>86</v>
      </c>
      <c r="Q12584">
        <v>52</v>
      </c>
      <c r="R12584">
        <v>53</v>
      </c>
      <c r="S12584">
        <v>55</v>
      </c>
      <c r="T12584">
        <v>56</v>
      </c>
      <c r="U12584">
        <v>57</v>
      </c>
      <c r="V12584">
        <v>59</v>
      </c>
      <c r="W12584">
        <v>60</v>
      </c>
      <c r="X12584">
        <v>62</v>
      </c>
      <c r="Y12584">
        <v>63</v>
      </c>
      <c r="Z12584">
        <v>64</v>
      </c>
      <c r="AA12584">
        <v>65</v>
      </c>
      <c r="AB12584">
        <v>66</v>
      </c>
      <c r="AC12584">
        <v>68</v>
      </c>
      <c r="AD12584">
        <v>69</v>
      </c>
      <c r="AE12584">
        <v>70</v>
      </c>
      <c r="AF12584">
        <v>70</v>
      </c>
      <c r="AG12584">
        <v>71</v>
      </c>
      <c r="AH12584">
        <v>71</v>
      </c>
      <c r="AI12584">
        <v>71</v>
      </c>
      <c r="AJ12584">
        <v>72</v>
      </c>
      <c r="AK12584">
        <v>72</v>
      </c>
      <c r="AL12584">
        <v>72</v>
      </c>
      <c r="AM12584">
        <v>73</v>
      </c>
      <c r="AN12584">
        <v>73</v>
      </c>
      <c r="AO12584">
        <v>73</v>
      </c>
      <c r="AP12584">
        <v>73</v>
      </c>
      <c r="AQ12584">
        <v>74</v>
      </c>
    </row>
    <row r="12585" spans="1:43">
      <c r="A12585" t="s">
        <v>7818</v>
      </c>
      <c r="B12585" t="s">
        <v>7819</v>
      </c>
      <c r="C12585" t="s">
        <v>7804</v>
      </c>
      <c r="D12585" t="s">
        <v>7805</v>
      </c>
      <c r="E12585" t="s">
        <v>7646</v>
      </c>
      <c r="F12585" t="s">
        <v>7647</v>
      </c>
      <c r="G12585" t="s">
        <v>80</v>
      </c>
      <c r="H12585" t="s">
        <v>81</v>
      </c>
      <c r="I12585" s="2">
        <v>0</v>
      </c>
      <c r="J12585" s="2">
        <v>1</v>
      </c>
      <c r="K12585" s="2">
        <v>0</v>
      </c>
      <c r="L12585" t="s">
        <v>82</v>
      </c>
      <c r="M12585" t="s">
        <v>83</v>
      </c>
      <c r="N12585" t="s">
        <v>91</v>
      </c>
      <c r="O12585" t="s">
        <v>85</v>
      </c>
      <c r="P12585" t="s">
        <v>86</v>
      </c>
      <c r="Q12585">
        <v>52</v>
      </c>
      <c r="R12585">
        <v>53</v>
      </c>
      <c r="S12585">
        <v>54</v>
      </c>
      <c r="T12585">
        <v>55</v>
      </c>
      <c r="U12585">
        <v>56</v>
      </c>
      <c r="V12585">
        <v>57</v>
      </c>
      <c r="W12585">
        <v>58</v>
      </c>
      <c r="X12585">
        <v>59</v>
      </c>
      <c r="Y12585">
        <v>60</v>
      </c>
      <c r="Z12585">
        <v>61</v>
      </c>
      <c r="AA12585">
        <v>62</v>
      </c>
      <c r="AB12585">
        <v>63</v>
      </c>
      <c r="AC12585">
        <v>64</v>
      </c>
      <c r="AD12585">
        <v>65</v>
      </c>
      <c r="AE12585">
        <v>66</v>
      </c>
      <c r="AF12585">
        <v>67</v>
      </c>
      <c r="AG12585">
        <v>68</v>
      </c>
      <c r="AH12585">
        <v>69</v>
      </c>
      <c r="AI12585">
        <v>70</v>
      </c>
      <c r="AJ12585">
        <v>71</v>
      </c>
      <c r="AK12585">
        <v>72</v>
      </c>
      <c r="AL12585">
        <v>73</v>
      </c>
      <c r="AM12585">
        <v>73</v>
      </c>
      <c r="AN12585">
        <v>73</v>
      </c>
      <c r="AO12585">
        <v>74</v>
      </c>
      <c r="AP12585">
        <v>74</v>
      </c>
      <c r="AQ12585">
        <v>74</v>
      </c>
    </row>
    <row r="12586" spans="1:43">
      <c r="A12586" t="s">
        <v>7820</v>
      </c>
      <c r="B12586" t="s">
        <v>7821</v>
      </c>
      <c r="C12586" t="s">
        <v>7804</v>
      </c>
      <c r="D12586" t="s">
        <v>7805</v>
      </c>
      <c r="E12586" t="s">
        <v>7646</v>
      </c>
      <c r="F12586" t="s">
        <v>7647</v>
      </c>
      <c r="G12586" t="s">
        <v>80</v>
      </c>
      <c r="H12586" t="s">
        <v>81</v>
      </c>
      <c r="I12586" s="2">
        <v>0</v>
      </c>
      <c r="J12586" s="2">
        <v>1</v>
      </c>
      <c r="K12586" s="2">
        <v>0</v>
      </c>
      <c r="L12586" t="s">
        <v>82</v>
      </c>
      <c r="M12586" t="s">
        <v>83</v>
      </c>
      <c r="N12586" t="s">
        <v>84</v>
      </c>
      <c r="O12586" t="s">
        <v>85</v>
      </c>
      <c r="P12586" t="s">
        <v>86</v>
      </c>
      <c r="Q12586">
        <v>13</v>
      </c>
      <c r="R12586">
        <v>14</v>
      </c>
      <c r="S12586">
        <v>14</v>
      </c>
      <c r="T12586">
        <v>14</v>
      </c>
      <c r="U12586">
        <v>14</v>
      </c>
      <c r="V12586">
        <v>15</v>
      </c>
      <c r="W12586">
        <v>15</v>
      </c>
      <c r="X12586">
        <v>15</v>
      </c>
      <c r="Y12586">
        <v>15</v>
      </c>
      <c r="Z12586">
        <v>16</v>
      </c>
      <c r="AA12586">
        <v>16</v>
      </c>
      <c r="AB12586">
        <v>16</v>
      </c>
      <c r="AC12586">
        <v>16</v>
      </c>
      <c r="AD12586">
        <v>17</v>
      </c>
      <c r="AE12586">
        <v>17</v>
      </c>
      <c r="AF12586">
        <v>17</v>
      </c>
      <c r="AG12586">
        <v>17</v>
      </c>
      <c r="AH12586">
        <v>18</v>
      </c>
      <c r="AI12586">
        <v>18</v>
      </c>
      <c r="AJ12586">
        <v>18</v>
      </c>
      <c r="AK12586">
        <v>18</v>
      </c>
      <c r="AL12586">
        <v>19</v>
      </c>
      <c r="AM12586">
        <v>19</v>
      </c>
      <c r="AN12586">
        <v>19</v>
      </c>
      <c r="AO12586">
        <v>19</v>
      </c>
      <c r="AP12586">
        <v>19</v>
      </c>
      <c r="AQ12586">
        <v>19</v>
      </c>
    </row>
    <row r="12587" spans="1:43">
      <c r="A12587" t="s">
        <v>7820</v>
      </c>
      <c r="B12587" t="s">
        <v>7821</v>
      </c>
      <c r="C12587" t="s">
        <v>7804</v>
      </c>
      <c r="D12587" t="s">
        <v>7805</v>
      </c>
      <c r="E12587" t="s">
        <v>7646</v>
      </c>
      <c r="F12587" t="s">
        <v>7647</v>
      </c>
      <c r="G12587" t="s">
        <v>80</v>
      </c>
      <c r="H12587" t="s">
        <v>81</v>
      </c>
      <c r="I12587" s="2">
        <v>0</v>
      </c>
      <c r="J12587" s="2">
        <v>1</v>
      </c>
      <c r="K12587" s="2">
        <v>0</v>
      </c>
      <c r="L12587" t="s">
        <v>82</v>
      </c>
      <c r="M12587" t="s">
        <v>87</v>
      </c>
      <c r="N12587" t="s">
        <v>88</v>
      </c>
      <c r="O12587" t="s">
        <v>85</v>
      </c>
      <c r="P12587" t="s">
        <v>86</v>
      </c>
      <c r="Q12587">
        <v>13</v>
      </c>
      <c r="R12587">
        <v>13</v>
      </c>
      <c r="S12587">
        <v>13</v>
      </c>
      <c r="T12587">
        <v>14</v>
      </c>
      <c r="U12587">
        <v>14</v>
      </c>
      <c r="V12587">
        <v>14</v>
      </c>
      <c r="W12587">
        <v>14</v>
      </c>
      <c r="X12587">
        <v>14</v>
      </c>
      <c r="Y12587">
        <v>14</v>
      </c>
      <c r="Z12587">
        <v>14</v>
      </c>
      <c r="AA12587">
        <v>14</v>
      </c>
      <c r="AB12587">
        <v>15</v>
      </c>
      <c r="AC12587">
        <v>15</v>
      </c>
      <c r="AD12587">
        <v>15</v>
      </c>
      <c r="AE12587">
        <v>15</v>
      </c>
      <c r="AF12587">
        <v>15</v>
      </c>
      <c r="AG12587">
        <v>15</v>
      </c>
      <c r="AH12587">
        <v>15</v>
      </c>
      <c r="AI12587">
        <v>16</v>
      </c>
      <c r="AJ12587">
        <v>16</v>
      </c>
      <c r="AK12587">
        <v>16</v>
      </c>
      <c r="AL12587">
        <v>16</v>
      </c>
      <c r="AM12587">
        <v>16</v>
      </c>
      <c r="AN12587">
        <v>16</v>
      </c>
      <c r="AO12587">
        <v>16</v>
      </c>
      <c r="AP12587">
        <v>16</v>
      </c>
      <c r="AQ12587">
        <v>17</v>
      </c>
    </row>
    <row r="12588" spans="1:43">
      <c r="A12588" t="s">
        <v>7820</v>
      </c>
      <c r="B12588" t="s">
        <v>7821</v>
      </c>
      <c r="C12588" t="s">
        <v>7804</v>
      </c>
      <c r="D12588" t="s">
        <v>7805</v>
      </c>
      <c r="E12588" t="s">
        <v>7646</v>
      </c>
      <c r="F12588" t="s">
        <v>7647</v>
      </c>
      <c r="G12588" t="s">
        <v>80</v>
      </c>
      <c r="H12588" t="s">
        <v>81</v>
      </c>
      <c r="I12588" s="2">
        <v>0</v>
      </c>
      <c r="J12588" s="2">
        <v>1</v>
      </c>
      <c r="K12588" s="2">
        <v>0</v>
      </c>
      <c r="L12588" t="s">
        <v>82</v>
      </c>
      <c r="M12588" t="s">
        <v>89</v>
      </c>
      <c r="N12588" t="s">
        <v>90</v>
      </c>
      <c r="O12588" t="s">
        <v>85</v>
      </c>
      <c r="P12588" t="s">
        <v>86</v>
      </c>
      <c r="Q12588">
        <v>13</v>
      </c>
      <c r="R12588">
        <v>14</v>
      </c>
      <c r="S12588">
        <v>14</v>
      </c>
      <c r="T12588">
        <v>15</v>
      </c>
      <c r="U12588">
        <v>15</v>
      </c>
      <c r="V12588">
        <v>15</v>
      </c>
      <c r="W12588">
        <v>16</v>
      </c>
      <c r="X12588">
        <v>16</v>
      </c>
      <c r="Y12588">
        <v>16</v>
      </c>
      <c r="Z12588">
        <v>17</v>
      </c>
      <c r="AA12588">
        <v>17</v>
      </c>
      <c r="AB12588">
        <v>17</v>
      </c>
      <c r="AC12588">
        <v>18</v>
      </c>
      <c r="AD12588">
        <v>18</v>
      </c>
      <c r="AE12588">
        <v>18</v>
      </c>
      <c r="AF12588">
        <v>18</v>
      </c>
      <c r="AG12588">
        <v>18</v>
      </c>
      <c r="AH12588">
        <v>18</v>
      </c>
      <c r="AI12588">
        <v>18</v>
      </c>
      <c r="AJ12588">
        <v>19</v>
      </c>
      <c r="AK12588">
        <v>19</v>
      </c>
      <c r="AL12588">
        <v>19</v>
      </c>
      <c r="AM12588">
        <v>19</v>
      </c>
      <c r="AN12588">
        <v>19</v>
      </c>
      <c r="AO12588">
        <v>19</v>
      </c>
      <c r="AP12588">
        <v>19</v>
      </c>
      <c r="AQ12588">
        <v>19</v>
      </c>
    </row>
    <row r="12589" spans="1:43">
      <c r="A12589" t="s">
        <v>7820</v>
      </c>
      <c r="B12589" t="s">
        <v>7821</v>
      </c>
      <c r="C12589" t="s">
        <v>7804</v>
      </c>
      <c r="D12589" t="s">
        <v>7805</v>
      </c>
      <c r="E12589" t="s">
        <v>7646</v>
      </c>
      <c r="F12589" t="s">
        <v>7647</v>
      </c>
      <c r="G12589" t="s">
        <v>80</v>
      </c>
      <c r="H12589" t="s">
        <v>81</v>
      </c>
      <c r="I12589" s="2">
        <v>0</v>
      </c>
      <c r="J12589" s="2">
        <v>1</v>
      </c>
      <c r="K12589" s="2">
        <v>0</v>
      </c>
      <c r="L12589" t="s">
        <v>82</v>
      </c>
      <c r="M12589" t="s">
        <v>83</v>
      </c>
      <c r="N12589" t="s">
        <v>91</v>
      </c>
      <c r="O12589" t="s">
        <v>85</v>
      </c>
      <c r="P12589" t="s">
        <v>86</v>
      </c>
      <c r="Q12589">
        <v>13</v>
      </c>
      <c r="R12589">
        <v>14</v>
      </c>
      <c r="S12589">
        <v>14</v>
      </c>
      <c r="T12589">
        <v>14</v>
      </c>
      <c r="U12589">
        <v>14</v>
      </c>
      <c r="V12589">
        <v>15</v>
      </c>
      <c r="W12589">
        <v>15</v>
      </c>
      <c r="X12589">
        <v>15</v>
      </c>
      <c r="Y12589">
        <v>15</v>
      </c>
      <c r="Z12589">
        <v>16</v>
      </c>
      <c r="AA12589">
        <v>16</v>
      </c>
      <c r="AB12589">
        <v>16</v>
      </c>
      <c r="AC12589">
        <v>16</v>
      </c>
      <c r="AD12589">
        <v>17</v>
      </c>
      <c r="AE12589">
        <v>17</v>
      </c>
      <c r="AF12589">
        <v>17</v>
      </c>
      <c r="AG12589">
        <v>17</v>
      </c>
      <c r="AH12589">
        <v>18</v>
      </c>
      <c r="AI12589">
        <v>18</v>
      </c>
      <c r="AJ12589">
        <v>18</v>
      </c>
      <c r="AK12589">
        <v>18</v>
      </c>
      <c r="AL12589">
        <v>19</v>
      </c>
      <c r="AM12589">
        <v>19</v>
      </c>
      <c r="AN12589">
        <v>19</v>
      </c>
      <c r="AO12589">
        <v>19</v>
      </c>
      <c r="AP12589">
        <v>19</v>
      </c>
      <c r="AQ12589">
        <v>19</v>
      </c>
    </row>
    <row r="12590" spans="1:43">
      <c r="A12590" t="s">
        <v>7822</v>
      </c>
      <c r="B12590" t="s">
        <v>7823</v>
      </c>
      <c r="C12590" t="s">
        <v>7824</v>
      </c>
      <c r="D12590" t="s">
        <v>7825</v>
      </c>
      <c r="E12590" t="s">
        <v>7646</v>
      </c>
      <c r="F12590" t="s">
        <v>7647</v>
      </c>
      <c r="G12590" t="s">
        <v>80</v>
      </c>
      <c r="H12590" t="s">
        <v>81</v>
      </c>
      <c r="I12590" s="2">
        <v>0</v>
      </c>
      <c r="J12590" s="2">
        <v>1</v>
      </c>
      <c r="K12590" s="2">
        <v>0</v>
      </c>
      <c r="L12590" t="s">
        <v>82</v>
      </c>
      <c r="M12590" t="s">
        <v>83</v>
      </c>
      <c r="N12590" t="s">
        <v>84</v>
      </c>
      <c r="O12590" t="s">
        <v>85</v>
      </c>
      <c r="P12590" t="s">
        <v>86</v>
      </c>
      <c r="Q12590">
        <v>9</v>
      </c>
      <c r="R12590">
        <v>9</v>
      </c>
      <c r="S12590">
        <v>9</v>
      </c>
      <c r="T12590">
        <v>9</v>
      </c>
      <c r="U12590">
        <v>10</v>
      </c>
      <c r="V12590">
        <v>10</v>
      </c>
      <c r="W12590">
        <v>10</v>
      </c>
      <c r="X12590">
        <v>10</v>
      </c>
      <c r="Y12590">
        <v>10</v>
      </c>
      <c r="Z12590">
        <v>10</v>
      </c>
      <c r="AA12590">
        <v>11</v>
      </c>
      <c r="AB12590">
        <v>11</v>
      </c>
      <c r="AC12590">
        <v>11</v>
      </c>
      <c r="AD12590">
        <v>11</v>
      </c>
      <c r="AE12590">
        <v>11</v>
      </c>
      <c r="AF12590">
        <v>11</v>
      </c>
      <c r="AG12590">
        <v>12</v>
      </c>
      <c r="AH12590">
        <v>12</v>
      </c>
      <c r="AI12590">
        <v>12</v>
      </c>
      <c r="AJ12590">
        <v>12</v>
      </c>
      <c r="AK12590">
        <v>12</v>
      </c>
      <c r="AL12590">
        <v>12</v>
      </c>
      <c r="AM12590">
        <v>12</v>
      </c>
      <c r="AN12590">
        <v>12</v>
      </c>
      <c r="AO12590">
        <v>12</v>
      </c>
      <c r="AP12590">
        <v>13</v>
      </c>
      <c r="AQ12590">
        <v>13</v>
      </c>
    </row>
    <row r="12591" spans="1:43">
      <c r="A12591" t="s">
        <v>7822</v>
      </c>
      <c r="B12591" t="s">
        <v>7823</v>
      </c>
      <c r="C12591" t="s">
        <v>7824</v>
      </c>
      <c r="D12591" t="s">
        <v>7825</v>
      </c>
      <c r="E12591" t="s">
        <v>7646</v>
      </c>
      <c r="F12591" t="s">
        <v>7647</v>
      </c>
      <c r="G12591" t="s">
        <v>80</v>
      </c>
      <c r="H12591" t="s">
        <v>81</v>
      </c>
      <c r="I12591" s="2">
        <v>0</v>
      </c>
      <c r="J12591" s="2">
        <v>1</v>
      </c>
      <c r="K12591" s="2">
        <v>0</v>
      </c>
      <c r="L12591" t="s">
        <v>82</v>
      </c>
      <c r="M12591" t="s">
        <v>87</v>
      </c>
      <c r="N12591" t="s">
        <v>88</v>
      </c>
      <c r="O12591" t="s">
        <v>85</v>
      </c>
      <c r="P12591" t="s">
        <v>86</v>
      </c>
      <c r="Q12591">
        <v>9</v>
      </c>
      <c r="R12591">
        <v>9</v>
      </c>
      <c r="S12591">
        <v>9</v>
      </c>
      <c r="T12591">
        <v>9</v>
      </c>
      <c r="U12591">
        <v>9</v>
      </c>
      <c r="V12591">
        <v>9</v>
      </c>
      <c r="W12591">
        <v>9</v>
      </c>
      <c r="X12591">
        <v>9</v>
      </c>
      <c r="Y12591">
        <v>9</v>
      </c>
      <c r="Z12591">
        <v>10</v>
      </c>
      <c r="AA12591">
        <v>10</v>
      </c>
      <c r="AB12591">
        <v>10</v>
      </c>
      <c r="AC12591">
        <v>10</v>
      </c>
      <c r="AD12591">
        <v>10</v>
      </c>
      <c r="AE12591">
        <v>10</v>
      </c>
      <c r="AF12591">
        <v>10</v>
      </c>
      <c r="AG12591">
        <v>10</v>
      </c>
      <c r="AH12591">
        <v>10</v>
      </c>
      <c r="AI12591">
        <v>10</v>
      </c>
      <c r="AJ12591">
        <v>10</v>
      </c>
      <c r="AK12591">
        <v>10</v>
      </c>
      <c r="AL12591">
        <v>11</v>
      </c>
      <c r="AM12591">
        <v>11</v>
      </c>
      <c r="AN12591">
        <v>11</v>
      </c>
      <c r="AO12591">
        <v>11</v>
      </c>
      <c r="AP12591">
        <v>11</v>
      </c>
      <c r="AQ12591">
        <v>11</v>
      </c>
    </row>
    <row r="12592" spans="1:43">
      <c r="A12592" t="s">
        <v>7822</v>
      </c>
      <c r="B12592" t="s">
        <v>7823</v>
      </c>
      <c r="C12592" t="s">
        <v>7824</v>
      </c>
      <c r="D12592" t="s">
        <v>7825</v>
      </c>
      <c r="E12592" t="s">
        <v>7646</v>
      </c>
      <c r="F12592" t="s">
        <v>7647</v>
      </c>
      <c r="G12592" t="s">
        <v>80</v>
      </c>
      <c r="H12592" t="s">
        <v>81</v>
      </c>
      <c r="I12592" s="2">
        <v>0</v>
      </c>
      <c r="J12592" s="2">
        <v>1</v>
      </c>
      <c r="K12592" s="2">
        <v>0</v>
      </c>
      <c r="L12592" t="s">
        <v>82</v>
      </c>
      <c r="M12592" t="s">
        <v>89</v>
      </c>
      <c r="N12592" t="s">
        <v>90</v>
      </c>
      <c r="O12592" t="s">
        <v>85</v>
      </c>
      <c r="P12592" t="s">
        <v>86</v>
      </c>
      <c r="Q12592">
        <v>9</v>
      </c>
      <c r="R12592">
        <v>9</v>
      </c>
      <c r="S12592">
        <v>9</v>
      </c>
      <c r="T12592">
        <v>10</v>
      </c>
      <c r="U12592">
        <v>10</v>
      </c>
      <c r="V12592">
        <v>10</v>
      </c>
      <c r="W12592">
        <v>10</v>
      </c>
      <c r="X12592">
        <v>11</v>
      </c>
      <c r="Y12592">
        <v>11</v>
      </c>
      <c r="Z12592">
        <v>11</v>
      </c>
      <c r="AA12592">
        <v>11</v>
      </c>
      <c r="AB12592">
        <v>11</v>
      </c>
      <c r="AC12592">
        <v>12</v>
      </c>
      <c r="AD12592">
        <v>12</v>
      </c>
      <c r="AE12592">
        <v>12</v>
      </c>
      <c r="AF12592">
        <v>12</v>
      </c>
      <c r="AG12592">
        <v>12</v>
      </c>
      <c r="AH12592">
        <v>12</v>
      </c>
      <c r="AI12592">
        <v>12</v>
      </c>
      <c r="AJ12592">
        <v>12</v>
      </c>
      <c r="AK12592">
        <v>12</v>
      </c>
      <c r="AL12592">
        <v>12</v>
      </c>
      <c r="AM12592">
        <v>12</v>
      </c>
      <c r="AN12592">
        <v>13</v>
      </c>
      <c r="AO12592">
        <v>13</v>
      </c>
      <c r="AP12592">
        <v>13</v>
      </c>
      <c r="AQ12592">
        <v>13</v>
      </c>
    </row>
    <row r="12593" spans="1:43">
      <c r="A12593" t="s">
        <v>7822</v>
      </c>
      <c r="B12593" t="s">
        <v>7823</v>
      </c>
      <c r="C12593" t="s">
        <v>7824</v>
      </c>
      <c r="D12593" t="s">
        <v>7825</v>
      </c>
      <c r="E12593" t="s">
        <v>7646</v>
      </c>
      <c r="F12593" t="s">
        <v>7647</v>
      </c>
      <c r="G12593" t="s">
        <v>80</v>
      </c>
      <c r="H12593" t="s">
        <v>81</v>
      </c>
      <c r="I12593" s="2">
        <v>0</v>
      </c>
      <c r="J12593" s="2">
        <v>1</v>
      </c>
      <c r="K12593" s="2">
        <v>0</v>
      </c>
      <c r="L12593" t="s">
        <v>82</v>
      </c>
      <c r="M12593" t="s">
        <v>83</v>
      </c>
      <c r="N12593" t="s">
        <v>91</v>
      </c>
      <c r="O12593" t="s">
        <v>85</v>
      </c>
      <c r="P12593" t="s">
        <v>86</v>
      </c>
      <c r="Q12593">
        <v>9</v>
      </c>
      <c r="R12593">
        <v>9</v>
      </c>
      <c r="S12593">
        <v>9</v>
      </c>
      <c r="T12593">
        <v>9</v>
      </c>
      <c r="U12593">
        <v>10</v>
      </c>
      <c r="V12593">
        <v>10</v>
      </c>
      <c r="W12593">
        <v>10</v>
      </c>
      <c r="X12593">
        <v>10</v>
      </c>
      <c r="Y12593">
        <v>10</v>
      </c>
      <c r="Z12593">
        <v>10</v>
      </c>
      <c r="AA12593">
        <v>11</v>
      </c>
      <c r="AB12593">
        <v>11</v>
      </c>
      <c r="AC12593">
        <v>11</v>
      </c>
      <c r="AD12593">
        <v>11</v>
      </c>
      <c r="AE12593">
        <v>11</v>
      </c>
      <c r="AF12593">
        <v>11</v>
      </c>
      <c r="AG12593">
        <v>12</v>
      </c>
      <c r="AH12593">
        <v>12</v>
      </c>
      <c r="AI12593">
        <v>12</v>
      </c>
      <c r="AJ12593">
        <v>12</v>
      </c>
      <c r="AK12593">
        <v>12</v>
      </c>
      <c r="AL12593">
        <v>12</v>
      </c>
      <c r="AM12593">
        <v>12</v>
      </c>
      <c r="AN12593">
        <v>12</v>
      </c>
      <c r="AO12593">
        <v>12</v>
      </c>
      <c r="AP12593">
        <v>13</v>
      </c>
      <c r="AQ12593">
        <v>13</v>
      </c>
    </row>
    <row r="12594" spans="1:43">
      <c r="A12594" t="s">
        <v>7826</v>
      </c>
      <c r="B12594" t="s">
        <v>7827</v>
      </c>
      <c r="C12594" t="s">
        <v>7824</v>
      </c>
      <c r="D12594" t="s">
        <v>7825</v>
      </c>
      <c r="E12594" t="s">
        <v>7646</v>
      </c>
      <c r="F12594" t="s">
        <v>7647</v>
      </c>
      <c r="G12594" t="s">
        <v>80</v>
      </c>
      <c r="H12594" t="s">
        <v>81</v>
      </c>
      <c r="I12594" s="2">
        <v>0</v>
      </c>
      <c r="J12594" s="2">
        <v>1</v>
      </c>
      <c r="K12594" s="2">
        <v>0</v>
      </c>
      <c r="L12594" t="s">
        <v>82</v>
      </c>
      <c r="M12594" t="s">
        <v>83</v>
      </c>
      <c r="N12594" t="s">
        <v>84</v>
      </c>
      <c r="O12594" t="s">
        <v>85</v>
      </c>
      <c r="P12594" t="s">
        <v>86</v>
      </c>
      <c r="Q12594">
        <v>50</v>
      </c>
      <c r="R12594">
        <v>51</v>
      </c>
      <c r="S12594">
        <v>52</v>
      </c>
      <c r="T12594">
        <v>53</v>
      </c>
      <c r="U12594">
        <v>54</v>
      </c>
      <c r="V12594">
        <v>55</v>
      </c>
      <c r="W12594">
        <v>56</v>
      </c>
      <c r="X12594">
        <v>57</v>
      </c>
      <c r="Y12594">
        <v>57</v>
      </c>
      <c r="Z12594">
        <v>58</v>
      </c>
      <c r="AA12594">
        <v>59</v>
      </c>
      <c r="AB12594">
        <v>60</v>
      </c>
      <c r="AC12594">
        <v>61</v>
      </c>
      <c r="AD12594">
        <v>62</v>
      </c>
      <c r="AE12594">
        <v>63</v>
      </c>
      <c r="AF12594">
        <v>64</v>
      </c>
      <c r="AG12594">
        <v>65</v>
      </c>
      <c r="AH12594">
        <v>66</v>
      </c>
      <c r="AI12594">
        <v>67</v>
      </c>
      <c r="AJ12594">
        <v>68</v>
      </c>
      <c r="AK12594">
        <v>69</v>
      </c>
      <c r="AL12594">
        <v>69</v>
      </c>
      <c r="AM12594">
        <v>70</v>
      </c>
      <c r="AN12594">
        <v>70</v>
      </c>
      <c r="AO12594">
        <v>70</v>
      </c>
      <c r="AP12594">
        <v>71</v>
      </c>
      <c r="AQ12594">
        <v>71</v>
      </c>
    </row>
    <row r="12595" spans="1:43">
      <c r="A12595" t="s">
        <v>7826</v>
      </c>
      <c r="B12595" t="s">
        <v>7827</v>
      </c>
      <c r="C12595" t="s">
        <v>7824</v>
      </c>
      <c r="D12595" t="s">
        <v>7825</v>
      </c>
      <c r="E12595" t="s">
        <v>7646</v>
      </c>
      <c r="F12595" t="s">
        <v>7647</v>
      </c>
      <c r="G12595" t="s">
        <v>80</v>
      </c>
      <c r="H12595" t="s">
        <v>81</v>
      </c>
      <c r="I12595" s="2">
        <v>0</v>
      </c>
      <c r="J12595" s="2">
        <v>1</v>
      </c>
      <c r="K12595" s="2">
        <v>0</v>
      </c>
      <c r="L12595" t="s">
        <v>82</v>
      </c>
      <c r="M12595" t="s">
        <v>87</v>
      </c>
      <c r="N12595" t="s">
        <v>88</v>
      </c>
      <c r="O12595" t="s">
        <v>85</v>
      </c>
      <c r="P12595" t="s">
        <v>86</v>
      </c>
      <c r="Q12595">
        <v>50</v>
      </c>
      <c r="R12595">
        <v>51</v>
      </c>
      <c r="S12595">
        <v>51</v>
      </c>
      <c r="T12595">
        <v>52</v>
      </c>
      <c r="U12595">
        <v>52</v>
      </c>
      <c r="V12595">
        <v>53</v>
      </c>
      <c r="W12595">
        <v>53</v>
      </c>
      <c r="X12595">
        <v>54</v>
      </c>
      <c r="Y12595">
        <v>54</v>
      </c>
      <c r="Z12595">
        <v>55</v>
      </c>
      <c r="AA12595">
        <v>55</v>
      </c>
      <c r="AB12595">
        <v>56</v>
      </c>
      <c r="AC12595">
        <v>56</v>
      </c>
      <c r="AD12595">
        <v>56</v>
      </c>
      <c r="AE12595">
        <v>57</v>
      </c>
      <c r="AF12595">
        <v>57</v>
      </c>
      <c r="AG12595">
        <v>58</v>
      </c>
      <c r="AH12595">
        <v>58</v>
      </c>
      <c r="AI12595">
        <v>59</v>
      </c>
      <c r="AJ12595">
        <v>59</v>
      </c>
      <c r="AK12595">
        <v>60</v>
      </c>
      <c r="AL12595">
        <v>60</v>
      </c>
      <c r="AM12595">
        <v>61</v>
      </c>
      <c r="AN12595">
        <v>61</v>
      </c>
      <c r="AO12595">
        <v>62</v>
      </c>
      <c r="AP12595">
        <v>62</v>
      </c>
      <c r="AQ12595">
        <v>63</v>
      </c>
    </row>
    <row r="12596" spans="1:43">
      <c r="A12596" t="s">
        <v>7826</v>
      </c>
      <c r="B12596" t="s">
        <v>7827</v>
      </c>
      <c r="C12596" t="s">
        <v>7824</v>
      </c>
      <c r="D12596" t="s">
        <v>7825</v>
      </c>
      <c r="E12596" t="s">
        <v>7646</v>
      </c>
      <c r="F12596" t="s">
        <v>7647</v>
      </c>
      <c r="G12596" t="s">
        <v>80</v>
      </c>
      <c r="H12596" t="s">
        <v>81</v>
      </c>
      <c r="I12596" s="2">
        <v>0</v>
      </c>
      <c r="J12596" s="2">
        <v>1</v>
      </c>
      <c r="K12596" s="2">
        <v>0</v>
      </c>
      <c r="L12596" t="s">
        <v>82</v>
      </c>
      <c r="M12596" t="s">
        <v>89</v>
      </c>
      <c r="N12596" t="s">
        <v>90</v>
      </c>
      <c r="O12596" t="s">
        <v>85</v>
      </c>
      <c r="P12596" t="s">
        <v>86</v>
      </c>
      <c r="Q12596">
        <v>50</v>
      </c>
      <c r="R12596">
        <v>52</v>
      </c>
      <c r="S12596">
        <v>53</v>
      </c>
      <c r="T12596">
        <v>54</v>
      </c>
      <c r="U12596">
        <v>56</v>
      </c>
      <c r="V12596">
        <v>57</v>
      </c>
      <c r="W12596">
        <v>58</v>
      </c>
      <c r="X12596">
        <v>60</v>
      </c>
      <c r="Y12596">
        <v>61</v>
      </c>
      <c r="Z12596">
        <v>62</v>
      </c>
      <c r="AA12596">
        <v>63</v>
      </c>
      <c r="AB12596">
        <v>64</v>
      </c>
      <c r="AC12596">
        <v>66</v>
      </c>
      <c r="AD12596">
        <v>67</v>
      </c>
      <c r="AE12596">
        <v>68</v>
      </c>
      <c r="AF12596">
        <v>68</v>
      </c>
      <c r="AG12596">
        <v>68</v>
      </c>
      <c r="AH12596">
        <v>69</v>
      </c>
      <c r="AI12596">
        <v>69</v>
      </c>
      <c r="AJ12596">
        <v>69</v>
      </c>
      <c r="AK12596">
        <v>70</v>
      </c>
      <c r="AL12596">
        <v>70</v>
      </c>
      <c r="AM12596">
        <v>70</v>
      </c>
      <c r="AN12596">
        <v>70</v>
      </c>
      <c r="AO12596">
        <v>71</v>
      </c>
      <c r="AP12596">
        <v>71</v>
      </c>
      <c r="AQ12596">
        <v>71</v>
      </c>
    </row>
    <row r="12597" spans="1:43">
      <c r="A12597" t="s">
        <v>7826</v>
      </c>
      <c r="B12597" t="s">
        <v>7827</v>
      </c>
      <c r="C12597" t="s">
        <v>7824</v>
      </c>
      <c r="D12597" t="s">
        <v>7825</v>
      </c>
      <c r="E12597" t="s">
        <v>7646</v>
      </c>
      <c r="F12597" t="s">
        <v>7647</v>
      </c>
      <c r="G12597" t="s">
        <v>80</v>
      </c>
      <c r="H12597" t="s">
        <v>81</v>
      </c>
      <c r="I12597" s="2">
        <v>0</v>
      </c>
      <c r="J12597" s="2">
        <v>1</v>
      </c>
      <c r="K12597" s="2">
        <v>0</v>
      </c>
      <c r="L12597" t="s">
        <v>82</v>
      </c>
      <c r="M12597" t="s">
        <v>83</v>
      </c>
      <c r="N12597" t="s">
        <v>91</v>
      </c>
      <c r="O12597" t="s">
        <v>85</v>
      </c>
      <c r="P12597" t="s">
        <v>86</v>
      </c>
      <c r="Q12597">
        <v>50</v>
      </c>
      <c r="R12597">
        <v>51</v>
      </c>
      <c r="S12597">
        <v>52</v>
      </c>
      <c r="T12597">
        <v>53</v>
      </c>
      <c r="U12597">
        <v>54</v>
      </c>
      <c r="V12597">
        <v>55</v>
      </c>
      <c r="W12597">
        <v>56</v>
      </c>
      <c r="X12597">
        <v>57</v>
      </c>
      <c r="Y12597">
        <v>57</v>
      </c>
      <c r="Z12597">
        <v>58</v>
      </c>
      <c r="AA12597">
        <v>59</v>
      </c>
      <c r="AB12597">
        <v>60</v>
      </c>
      <c r="AC12597">
        <v>61</v>
      </c>
      <c r="AD12597">
        <v>62</v>
      </c>
      <c r="AE12597">
        <v>63</v>
      </c>
      <c r="AF12597">
        <v>64</v>
      </c>
      <c r="AG12597">
        <v>65</v>
      </c>
      <c r="AH12597">
        <v>66</v>
      </c>
      <c r="AI12597">
        <v>67</v>
      </c>
      <c r="AJ12597">
        <v>68</v>
      </c>
      <c r="AK12597">
        <v>69</v>
      </c>
      <c r="AL12597">
        <v>69</v>
      </c>
      <c r="AM12597">
        <v>70</v>
      </c>
      <c r="AN12597">
        <v>70</v>
      </c>
      <c r="AO12597">
        <v>70</v>
      </c>
      <c r="AP12597">
        <v>71</v>
      </c>
      <c r="AQ12597">
        <v>71</v>
      </c>
    </row>
    <row r="12598" spans="1:43">
      <c r="A12598" t="s">
        <v>7828</v>
      </c>
      <c r="B12598" t="s">
        <v>7829</v>
      </c>
      <c r="C12598" t="s">
        <v>7824</v>
      </c>
      <c r="D12598" t="s">
        <v>7825</v>
      </c>
      <c r="E12598" t="s">
        <v>7646</v>
      </c>
      <c r="F12598" t="s">
        <v>7647</v>
      </c>
      <c r="G12598" t="s">
        <v>80</v>
      </c>
      <c r="H12598" t="s">
        <v>81</v>
      </c>
      <c r="I12598" s="2">
        <v>0</v>
      </c>
      <c r="J12598" s="2">
        <v>1</v>
      </c>
      <c r="K12598" s="2">
        <v>0</v>
      </c>
      <c r="L12598" t="s">
        <v>82</v>
      </c>
      <c r="M12598" t="s">
        <v>83</v>
      </c>
      <c r="N12598" t="s">
        <v>84</v>
      </c>
      <c r="O12598" t="s">
        <v>85</v>
      </c>
      <c r="P12598" t="s">
        <v>86</v>
      </c>
      <c r="Q12598">
        <v>3</v>
      </c>
      <c r="R12598">
        <v>3</v>
      </c>
      <c r="S12598">
        <v>3</v>
      </c>
      <c r="T12598">
        <v>3</v>
      </c>
      <c r="U12598">
        <v>3</v>
      </c>
      <c r="V12598">
        <v>3</v>
      </c>
      <c r="W12598">
        <v>3</v>
      </c>
      <c r="X12598">
        <v>3</v>
      </c>
      <c r="Y12598">
        <v>3</v>
      </c>
      <c r="Z12598">
        <v>3</v>
      </c>
      <c r="AA12598">
        <v>3</v>
      </c>
      <c r="AB12598">
        <v>3</v>
      </c>
      <c r="AC12598">
        <v>3</v>
      </c>
      <c r="AD12598">
        <v>3</v>
      </c>
      <c r="AE12598">
        <v>4</v>
      </c>
      <c r="AF12598">
        <v>4</v>
      </c>
      <c r="AG12598">
        <v>4</v>
      </c>
      <c r="AH12598">
        <v>4</v>
      </c>
      <c r="AI12598">
        <v>4</v>
      </c>
      <c r="AJ12598">
        <v>4</v>
      </c>
      <c r="AK12598">
        <v>4</v>
      </c>
      <c r="AL12598">
        <v>4</v>
      </c>
      <c r="AM12598">
        <v>4</v>
      </c>
      <c r="AN12598">
        <v>4</v>
      </c>
      <c r="AO12598">
        <v>4</v>
      </c>
      <c r="AP12598">
        <v>4</v>
      </c>
      <c r="AQ12598">
        <v>4</v>
      </c>
    </row>
    <row r="12599" spans="1:43">
      <c r="A12599" t="s">
        <v>7828</v>
      </c>
      <c r="B12599" t="s">
        <v>7829</v>
      </c>
      <c r="C12599" t="s">
        <v>7824</v>
      </c>
      <c r="D12599" t="s">
        <v>7825</v>
      </c>
      <c r="E12599" t="s">
        <v>7646</v>
      </c>
      <c r="F12599" t="s">
        <v>7647</v>
      </c>
      <c r="G12599" t="s">
        <v>80</v>
      </c>
      <c r="H12599" t="s">
        <v>81</v>
      </c>
      <c r="I12599" s="2">
        <v>0</v>
      </c>
      <c r="J12599" s="2">
        <v>1</v>
      </c>
      <c r="K12599" s="2">
        <v>0</v>
      </c>
      <c r="L12599" t="s">
        <v>82</v>
      </c>
      <c r="M12599" t="s">
        <v>87</v>
      </c>
      <c r="N12599" t="s">
        <v>88</v>
      </c>
      <c r="O12599" t="s">
        <v>85</v>
      </c>
      <c r="P12599" t="s">
        <v>86</v>
      </c>
      <c r="Q12599">
        <v>3</v>
      </c>
      <c r="R12599">
        <v>3</v>
      </c>
      <c r="S12599">
        <v>3</v>
      </c>
      <c r="T12599">
        <v>3</v>
      </c>
      <c r="U12599">
        <v>3</v>
      </c>
      <c r="V12599">
        <v>3</v>
      </c>
      <c r="W12599">
        <v>3</v>
      </c>
      <c r="X12599">
        <v>3</v>
      </c>
      <c r="Y12599">
        <v>3</v>
      </c>
      <c r="Z12599">
        <v>3</v>
      </c>
      <c r="AA12599">
        <v>3</v>
      </c>
      <c r="AB12599">
        <v>3</v>
      </c>
      <c r="AC12599">
        <v>3</v>
      </c>
      <c r="AD12599">
        <v>3</v>
      </c>
      <c r="AE12599">
        <v>3</v>
      </c>
      <c r="AF12599">
        <v>3</v>
      </c>
      <c r="AG12599">
        <v>3</v>
      </c>
      <c r="AH12599">
        <v>3</v>
      </c>
      <c r="AI12599">
        <v>3</v>
      </c>
      <c r="AJ12599">
        <v>3</v>
      </c>
      <c r="AK12599">
        <v>3</v>
      </c>
      <c r="AL12599">
        <v>3</v>
      </c>
      <c r="AM12599">
        <v>3</v>
      </c>
      <c r="AN12599">
        <v>3</v>
      </c>
      <c r="AO12599">
        <v>3</v>
      </c>
      <c r="AP12599">
        <v>3</v>
      </c>
      <c r="AQ12599">
        <v>3</v>
      </c>
    </row>
    <row r="12600" spans="1:43">
      <c r="A12600" t="s">
        <v>7828</v>
      </c>
      <c r="B12600" t="s">
        <v>7829</v>
      </c>
      <c r="C12600" t="s">
        <v>7824</v>
      </c>
      <c r="D12600" t="s">
        <v>7825</v>
      </c>
      <c r="E12600" t="s">
        <v>7646</v>
      </c>
      <c r="F12600" t="s">
        <v>7647</v>
      </c>
      <c r="G12600" t="s">
        <v>80</v>
      </c>
      <c r="H12600" t="s">
        <v>81</v>
      </c>
      <c r="I12600" s="2">
        <v>0</v>
      </c>
      <c r="J12600" s="2">
        <v>1</v>
      </c>
      <c r="K12600" s="2">
        <v>0</v>
      </c>
      <c r="L12600" t="s">
        <v>82</v>
      </c>
      <c r="M12600" t="s">
        <v>89</v>
      </c>
      <c r="N12600" t="s">
        <v>90</v>
      </c>
      <c r="O12600" t="s">
        <v>85</v>
      </c>
      <c r="P12600" t="s">
        <v>86</v>
      </c>
      <c r="Q12600">
        <v>3</v>
      </c>
      <c r="R12600">
        <v>3</v>
      </c>
      <c r="S12600">
        <v>3</v>
      </c>
      <c r="T12600">
        <v>3</v>
      </c>
      <c r="U12600">
        <v>3</v>
      </c>
      <c r="V12600">
        <v>3</v>
      </c>
      <c r="W12600">
        <v>3</v>
      </c>
      <c r="X12600">
        <v>3</v>
      </c>
      <c r="Y12600">
        <v>3</v>
      </c>
      <c r="Z12600">
        <v>3</v>
      </c>
      <c r="AA12600">
        <v>4</v>
      </c>
      <c r="AB12600">
        <v>4</v>
      </c>
      <c r="AC12600">
        <v>4</v>
      </c>
      <c r="AD12600">
        <v>4</v>
      </c>
      <c r="AE12600">
        <v>4</v>
      </c>
      <c r="AF12600">
        <v>4</v>
      </c>
      <c r="AG12600">
        <v>4</v>
      </c>
      <c r="AH12600">
        <v>4</v>
      </c>
      <c r="AI12600">
        <v>4</v>
      </c>
      <c r="AJ12600">
        <v>4</v>
      </c>
      <c r="AK12600">
        <v>4</v>
      </c>
      <c r="AL12600">
        <v>4</v>
      </c>
      <c r="AM12600">
        <v>4</v>
      </c>
      <c r="AN12600">
        <v>4</v>
      </c>
      <c r="AO12600">
        <v>4</v>
      </c>
      <c r="AP12600">
        <v>4</v>
      </c>
      <c r="AQ12600">
        <v>4</v>
      </c>
    </row>
    <row r="12601" spans="1:43">
      <c r="A12601" t="s">
        <v>7828</v>
      </c>
      <c r="B12601" t="s">
        <v>7829</v>
      </c>
      <c r="C12601" t="s">
        <v>7824</v>
      </c>
      <c r="D12601" t="s">
        <v>7825</v>
      </c>
      <c r="E12601" t="s">
        <v>7646</v>
      </c>
      <c r="F12601" t="s">
        <v>7647</v>
      </c>
      <c r="G12601" t="s">
        <v>80</v>
      </c>
      <c r="H12601" t="s">
        <v>81</v>
      </c>
      <c r="I12601" s="2">
        <v>0</v>
      </c>
      <c r="J12601" s="2">
        <v>1</v>
      </c>
      <c r="K12601" s="2">
        <v>0</v>
      </c>
      <c r="L12601" t="s">
        <v>82</v>
      </c>
      <c r="M12601" t="s">
        <v>83</v>
      </c>
      <c r="N12601" t="s">
        <v>91</v>
      </c>
      <c r="O12601" t="s">
        <v>85</v>
      </c>
      <c r="P12601" t="s">
        <v>86</v>
      </c>
      <c r="Q12601">
        <v>3</v>
      </c>
      <c r="R12601">
        <v>3</v>
      </c>
      <c r="S12601">
        <v>3</v>
      </c>
      <c r="T12601">
        <v>3</v>
      </c>
      <c r="U12601">
        <v>3</v>
      </c>
      <c r="V12601">
        <v>3</v>
      </c>
      <c r="W12601">
        <v>3</v>
      </c>
      <c r="X12601">
        <v>3</v>
      </c>
      <c r="Y12601">
        <v>3</v>
      </c>
      <c r="Z12601">
        <v>3</v>
      </c>
      <c r="AA12601">
        <v>3</v>
      </c>
      <c r="AB12601">
        <v>3</v>
      </c>
      <c r="AC12601">
        <v>3</v>
      </c>
      <c r="AD12601">
        <v>3</v>
      </c>
      <c r="AE12601">
        <v>4</v>
      </c>
      <c r="AF12601">
        <v>4</v>
      </c>
      <c r="AG12601">
        <v>4</v>
      </c>
      <c r="AH12601">
        <v>4</v>
      </c>
      <c r="AI12601">
        <v>4</v>
      </c>
      <c r="AJ12601">
        <v>4</v>
      </c>
      <c r="AK12601">
        <v>4</v>
      </c>
      <c r="AL12601">
        <v>4</v>
      </c>
      <c r="AM12601">
        <v>4</v>
      </c>
      <c r="AN12601">
        <v>4</v>
      </c>
      <c r="AO12601">
        <v>4</v>
      </c>
      <c r="AP12601">
        <v>4</v>
      </c>
      <c r="AQ12601">
        <v>4</v>
      </c>
    </row>
    <row r="12602" spans="1:43">
      <c r="A12602" t="s">
        <v>7830</v>
      </c>
      <c r="B12602" t="s">
        <v>7831</v>
      </c>
      <c r="C12602" t="s">
        <v>7824</v>
      </c>
      <c r="D12602" t="s">
        <v>7825</v>
      </c>
      <c r="E12602" t="s">
        <v>7646</v>
      </c>
      <c r="F12602" t="s">
        <v>7647</v>
      </c>
      <c r="G12602" t="s">
        <v>80</v>
      </c>
      <c r="H12602" t="s">
        <v>81</v>
      </c>
      <c r="I12602" s="2">
        <v>0</v>
      </c>
      <c r="J12602" s="2">
        <v>1</v>
      </c>
      <c r="K12602" s="2">
        <v>0</v>
      </c>
      <c r="L12602" t="s">
        <v>82</v>
      </c>
      <c r="M12602" t="s">
        <v>83</v>
      </c>
      <c r="N12602" t="s">
        <v>84</v>
      </c>
      <c r="O12602" t="s">
        <v>85</v>
      </c>
      <c r="P12602" t="s">
        <v>86</v>
      </c>
      <c r="Q12602">
        <v>21</v>
      </c>
      <c r="R12602">
        <v>22</v>
      </c>
      <c r="S12602">
        <v>22</v>
      </c>
      <c r="T12602">
        <v>23</v>
      </c>
      <c r="U12602">
        <v>23</v>
      </c>
      <c r="V12602">
        <v>23</v>
      </c>
      <c r="W12602">
        <v>24</v>
      </c>
      <c r="X12602">
        <v>24</v>
      </c>
      <c r="Y12602">
        <v>25</v>
      </c>
      <c r="Z12602">
        <v>25</v>
      </c>
      <c r="AA12602">
        <v>25</v>
      </c>
      <c r="AB12602">
        <v>26</v>
      </c>
      <c r="AC12602">
        <v>26</v>
      </c>
      <c r="AD12602">
        <v>27</v>
      </c>
      <c r="AE12602">
        <v>27</v>
      </c>
      <c r="AF12602">
        <v>27</v>
      </c>
      <c r="AG12602">
        <v>28</v>
      </c>
      <c r="AH12602">
        <v>28</v>
      </c>
      <c r="AI12602">
        <v>29</v>
      </c>
      <c r="AJ12602">
        <v>29</v>
      </c>
      <c r="AK12602">
        <v>29</v>
      </c>
      <c r="AL12602">
        <v>30</v>
      </c>
      <c r="AM12602">
        <v>30</v>
      </c>
      <c r="AN12602">
        <v>30</v>
      </c>
      <c r="AO12602">
        <v>30</v>
      </c>
      <c r="AP12602">
        <v>30</v>
      </c>
      <c r="AQ12602">
        <v>30</v>
      </c>
    </row>
    <row r="12603" spans="1:43">
      <c r="A12603" t="s">
        <v>7830</v>
      </c>
      <c r="B12603" t="s">
        <v>7831</v>
      </c>
      <c r="C12603" t="s">
        <v>7824</v>
      </c>
      <c r="D12603" t="s">
        <v>7825</v>
      </c>
      <c r="E12603" t="s">
        <v>7646</v>
      </c>
      <c r="F12603" t="s">
        <v>7647</v>
      </c>
      <c r="G12603" t="s">
        <v>80</v>
      </c>
      <c r="H12603" t="s">
        <v>81</v>
      </c>
      <c r="I12603" s="2">
        <v>0</v>
      </c>
      <c r="J12603" s="2">
        <v>1</v>
      </c>
      <c r="K12603" s="2">
        <v>0</v>
      </c>
      <c r="L12603" t="s">
        <v>82</v>
      </c>
      <c r="M12603" t="s">
        <v>87</v>
      </c>
      <c r="N12603" t="s">
        <v>88</v>
      </c>
      <c r="O12603" t="s">
        <v>85</v>
      </c>
      <c r="P12603" t="s">
        <v>86</v>
      </c>
      <c r="Q12603">
        <v>21</v>
      </c>
      <c r="R12603">
        <v>21</v>
      </c>
      <c r="S12603">
        <v>22</v>
      </c>
      <c r="T12603">
        <v>22</v>
      </c>
      <c r="U12603">
        <v>22</v>
      </c>
      <c r="V12603">
        <v>22</v>
      </c>
      <c r="W12603">
        <v>22</v>
      </c>
      <c r="X12603">
        <v>23</v>
      </c>
      <c r="Y12603">
        <v>23</v>
      </c>
      <c r="Z12603">
        <v>23</v>
      </c>
      <c r="AA12603">
        <v>23</v>
      </c>
      <c r="AB12603">
        <v>23</v>
      </c>
      <c r="AC12603">
        <v>24</v>
      </c>
      <c r="AD12603">
        <v>24</v>
      </c>
      <c r="AE12603">
        <v>24</v>
      </c>
      <c r="AF12603">
        <v>24</v>
      </c>
      <c r="AG12603">
        <v>24</v>
      </c>
      <c r="AH12603">
        <v>25</v>
      </c>
      <c r="AI12603">
        <v>25</v>
      </c>
      <c r="AJ12603">
        <v>25</v>
      </c>
      <c r="AK12603">
        <v>25</v>
      </c>
      <c r="AL12603">
        <v>25</v>
      </c>
      <c r="AM12603">
        <v>26</v>
      </c>
      <c r="AN12603">
        <v>26</v>
      </c>
      <c r="AO12603">
        <v>26</v>
      </c>
      <c r="AP12603">
        <v>26</v>
      </c>
      <c r="AQ12603">
        <v>26</v>
      </c>
    </row>
    <row r="12604" spans="1:43">
      <c r="A12604" t="s">
        <v>7830</v>
      </c>
      <c r="B12604" t="s">
        <v>7831</v>
      </c>
      <c r="C12604" t="s">
        <v>7824</v>
      </c>
      <c r="D12604" t="s">
        <v>7825</v>
      </c>
      <c r="E12604" t="s">
        <v>7646</v>
      </c>
      <c r="F12604" t="s">
        <v>7647</v>
      </c>
      <c r="G12604" t="s">
        <v>80</v>
      </c>
      <c r="H12604" t="s">
        <v>81</v>
      </c>
      <c r="I12604" s="2">
        <v>0</v>
      </c>
      <c r="J12604" s="2">
        <v>1</v>
      </c>
      <c r="K12604" s="2">
        <v>0</v>
      </c>
      <c r="L12604" t="s">
        <v>82</v>
      </c>
      <c r="M12604" t="s">
        <v>89</v>
      </c>
      <c r="N12604" t="s">
        <v>90</v>
      </c>
      <c r="O12604" t="s">
        <v>85</v>
      </c>
      <c r="P12604" t="s">
        <v>86</v>
      </c>
      <c r="Q12604">
        <v>21</v>
      </c>
      <c r="R12604">
        <v>21</v>
      </c>
      <c r="S12604">
        <v>22</v>
      </c>
      <c r="T12604">
        <v>22</v>
      </c>
      <c r="U12604">
        <v>23</v>
      </c>
      <c r="V12604">
        <v>23</v>
      </c>
      <c r="W12604">
        <v>24</v>
      </c>
      <c r="X12604">
        <v>25</v>
      </c>
      <c r="Y12604">
        <v>25</v>
      </c>
      <c r="Z12604">
        <v>26</v>
      </c>
      <c r="AA12604">
        <v>26</v>
      </c>
      <c r="AB12604">
        <v>27</v>
      </c>
      <c r="AC12604">
        <v>27</v>
      </c>
      <c r="AD12604">
        <v>28</v>
      </c>
      <c r="AE12604">
        <v>28</v>
      </c>
      <c r="AF12604">
        <v>28</v>
      </c>
      <c r="AG12604">
        <v>28</v>
      </c>
      <c r="AH12604">
        <v>28</v>
      </c>
      <c r="AI12604">
        <v>28</v>
      </c>
      <c r="AJ12604">
        <v>29</v>
      </c>
      <c r="AK12604">
        <v>29</v>
      </c>
      <c r="AL12604">
        <v>29</v>
      </c>
      <c r="AM12604">
        <v>29</v>
      </c>
      <c r="AN12604">
        <v>29</v>
      </c>
      <c r="AO12604">
        <v>29</v>
      </c>
      <c r="AP12604">
        <v>29</v>
      </c>
      <c r="AQ12604">
        <v>29</v>
      </c>
    </row>
    <row r="12605" spans="1:43">
      <c r="A12605" t="s">
        <v>7830</v>
      </c>
      <c r="B12605" t="s">
        <v>7831</v>
      </c>
      <c r="C12605" t="s">
        <v>7824</v>
      </c>
      <c r="D12605" t="s">
        <v>7825</v>
      </c>
      <c r="E12605" t="s">
        <v>7646</v>
      </c>
      <c r="F12605" t="s">
        <v>7647</v>
      </c>
      <c r="G12605" t="s">
        <v>80</v>
      </c>
      <c r="H12605" t="s">
        <v>81</v>
      </c>
      <c r="I12605" s="2">
        <v>0</v>
      </c>
      <c r="J12605" s="2">
        <v>1</v>
      </c>
      <c r="K12605" s="2">
        <v>0</v>
      </c>
      <c r="L12605" t="s">
        <v>82</v>
      </c>
      <c r="M12605" t="s">
        <v>83</v>
      </c>
      <c r="N12605" t="s">
        <v>91</v>
      </c>
      <c r="O12605" t="s">
        <v>85</v>
      </c>
      <c r="P12605" t="s">
        <v>86</v>
      </c>
      <c r="Q12605">
        <v>21</v>
      </c>
      <c r="R12605">
        <v>22</v>
      </c>
      <c r="S12605">
        <v>22</v>
      </c>
      <c r="T12605">
        <v>23</v>
      </c>
      <c r="U12605">
        <v>23</v>
      </c>
      <c r="V12605">
        <v>23</v>
      </c>
      <c r="W12605">
        <v>24</v>
      </c>
      <c r="X12605">
        <v>24</v>
      </c>
      <c r="Y12605">
        <v>25</v>
      </c>
      <c r="Z12605">
        <v>25</v>
      </c>
      <c r="AA12605">
        <v>25</v>
      </c>
      <c r="AB12605">
        <v>26</v>
      </c>
      <c r="AC12605">
        <v>26</v>
      </c>
      <c r="AD12605">
        <v>27</v>
      </c>
      <c r="AE12605">
        <v>27</v>
      </c>
      <c r="AF12605">
        <v>27</v>
      </c>
      <c r="AG12605">
        <v>28</v>
      </c>
      <c r="AH12605">
        <v>28</v>
      </c>
      <c r="AI12605">
        <v>29</v>
      </c>
      <c r="AJ12605">
        <v>29</v>
      </c>
      <c r="AK12605">
        <v>29</v>
      </c>
      <c r="AL12605">
        <v>30</v>
      </c>
      <c r="AM12605">
        <v>30</v>
      </c>
      <c r="AN12605">
        <v>30</v>
      </c>
      <c r="AO12605">
        <v>30</v>
      </c>
      <c r="AP12605">
        <v>30</v>
      </c>
      <c r="AQ12605">
        <v>30</v>
      </c>
    </row>
    <row r="12606" spans="1:43">
      <c r="A12606" t="s">
        <v>7832</v>
      </c>
      <c r="B12606" t="s">
        <v>7833</v>
      </c>
      <c r="C12606" t="s">
        <v>7824</v>
      </c>
      <c r="D12606" t="s">
        <v>7825</v>
      </c>
      <c r="E12606" t="s">
        <v>7646</v>
      </c>
      <c r="F12606" t="s">
        <v>7647</v>
      </c>
      <c r="G12606" t="s">
        <v>80</v>
      </c>
      <c r="H12606" t="s">
        <v>81</v>
      </c>
      <c r="I12606" s="2">
        <v>0</v>
      </c>
      <c r="J12606" s="2">
        <v>1</v>
      </c>
      <c r="K12606" s="2">
        <v>0</v>
      </c>
      <c r="L12606" t="s">
        <v>82</v>
      </c>
      <c r="M12606" t="s">
        <v>83</v>
      </c>
      <c r="N12606" t="s">
        <v>84</v>
      </c>
      <c r="O12606" t="s">
        <v>85</v>
      </c>
      <c r="P12606" t="s">
        <v>86</v>
      </c>
      <c r="Q12606">
        <v>44</v>
      </c>
      <c r="R12606">
        <v>45</v>
      </c>
      <c r="S12606">
        <v>46</v>
      </c>
      <c r="T12606">
        <v>46</v>
      </c>
      <c r="U12606">
        <v>47</v>
      </c>
      <c r="V12606">
        <v>48</v>
      </c>
      <c r="W12606">
        <v>49</v>
      </c>
      <c r="X12606">
        <v>50</v>
      </c>
      <c r="Y12606">
        <v>51</v>
      </c>
      <c r="Z12606">
        <v>51</v>
      </c>
      <c r="AA12606">
        <v>52</v>
      </c>
      <c r="AB12606">
        <v>53</v>
      </c>
      <c r="AC12606">
        <v>54</v>
      </c>
      <c r="AD12606">
        <v>55</v>
      </c>
      <c r="AE12606">
        <v>56</v>
      </c>
      <c r="AF12606">
        <v>56</v>
      </c>
      <c r="AG12606">
        <v>57</v>
      </c>
      <c r="AH12606">
        <v>58</v>
      </c>
      <c r="AI12606">
        <v>59</v>
      </c>
      <c r="AJ12606">
        <v>60</v>
      </c>
      <c r="AK12606">
        <v>61</v>
      </c>
      <c r="AL12606">
        <v>61</v>
      </c>
      <c r="AM12606">
        <v>61</v>
      </c>
      <c r="AN12606">
        <v>61</v>
      </c>
      <c r="AO12606">
        <v>62</v>
      </c>
      <c r="AP12606">
        <v>62</v>
      </c>
      <c r="AQ12606">
        <v>62</v>
      </c>
    </row>
    <row r="12607" spans="1:43">
      <c r="A12607" t="s">
        <v>7832</v>
      </c>
      <c r="B12607" t="s">
        <v>7833</v>
      </c>
      <c r="C12607" t="s">
        <v>7824</v>
      </c>
      <c r="D12607" t="s">
        <v>7825</v>
      </c>
      <c r="E12607" t="s">
        <v>7646</v>
      </c>
      <c r="F12607" t="s">
        <v>7647</v>
      </c>
      <c r="G12607" t="s">
        <v>80</v>
      </c>
      <c r="H12607" t="s">
        <v>81</v>
      </c>
      <c r="I12607" s="2">
        <v>0</v>
      </c>
      <c r="J12607" s="2">
        <v>1</v>
      </c>
      <c r="K12607" s="2">
        <v>0</v>
      </c>
      <c r="L12607" t="s">
        <v>82</v>
      </c>
      <c r="M12607" t="s">
        <v>87</v>
      </c>
      <c r="N12607" t="s">
        <v>88</v>
      </c>
      <c r="O12607" t="s">
        <v>85</v>
      </c>
      <c r="P12607" t="s">
        <v>86</v>
      </c>
      <c r="Q12607">
        <v>44</v>
      </c>
      <c r="R12607">
        <v>45</v>
      </c>
      <c r="S12607">
        <v>45</v>
      </c>
      <c r="T12607">
        <v>46</v>
      </c>
      <c r="U12607">
        <v>46</v>
      </c>
      <c r="V12607">
        <v>47</v>
      </c>
      <c r="W12607">
        <v>47</v>
      </c>
      <c r="X12607">
        <v>47</v>
      </c>
      <c r="Y12607">
        <v>48</v>
      </c>
      <c r="Z12607">
        <v>48</v>
      </c>
      <c r="AA12607">
        <v>49</v>
      </c>
      <c r="AB12607">
        <v>49</v>
      </c>
      <c r="AC12607">
        <v>49</v>
      </c>
      <c r="AD12607">
        <v>50</v>
      </c>
      <c r="AE12607">
        <v>50</v>
      </c>
      <c r="AF12607">
        <v>51</v>
      </c>
      <c r="AG12607">
        <v>51</v>
      </c>
      <c r="AH12607">
        <v>51</v>
      </c>
      <c r="AI12607">
        <v>52</v>
      </c>
      <c r="AJ12607">
        <v>52</v>
      </c>
      <c r="AK12607">
        <v>53</v>
      </c>
      <c r="AL12607">
        <v>53</v>
      </c>
      <c r="AM12607">
        <v>53</v>
      </c>
      <c r="AN12607">
        <v>54</v>
      </c>
      <c r="AO12607">
        <v>54</v>
      </c>
      <c r="AP12607">
        <v>55</v>
      </c>
      <c r="AQ12607">
        <v>55</v>
      </c>
    </row>
    <row r="12608" spans="1:43">
      <c r="A12608" t="s">
        <v>7832</v>
      </c>
      <c r="B12608" t="s">
        <v>7833</v>
      </c>
      <c r="C12608" t="s">
        <v>7824</v>
      </c>
      <c r="D12608" t="s">
        <v>7825</v>
      </c>
      <c r="E12608" t="s">
        <v>7646</v>
      </c>
      <c r="F12608" t="s">
        <v>7647</v>
      </c>
      <c r="G12608" t="s">
        <v>80</v>
      </c>
      <c r="H12608" t="s">
        <v>81</v>
      </c>
      <c r="I12608" s="2">
        <v>0</v>
      </c>
      <c r="J12608" s="2">
        <v>1</v>
      </c>
      <c r="K12608" s="2">
        <v>0</v>
      </c>
      <c r="L12608" t="s">
        <v>82</v>
      </c>
      <c r="M12608" t="s">
        <v>89</v>
      </c>
      <c r="N12608" t="s">
        <v>90</v>
      </c>
      <c r="O12608" t="s">
        <v>85</v>
      </c>
      <c r="P12608" t="s">
        <v>86</v>
      </c>
      <c r="Q12608">
        <v>44</v>
      </c>
      <c r="R12608">
        <v>46</v>
      </c>
      <c r="S12608">
        <v>47</v>
      </c>
      <c r="T12608">
        <v>48</v>
      </c>
      <c r="U12608">
        <v>49</v>
      </c>
      <c r="V12608">
        <v>50</v>
      </c>
      <c r="W12608">
        <v>51</v>
      </c>
      <c r="X12608">
        <v>52</v>
      </c>
      <c r="Y12608">
        <v>54</v>
      </c>
      <c r="Z12608">
        <v>55</v>
      </c>
      <c r="AA12608">
        <v>56</v>
      </c>
      <c r="AB12608">
        <v>57</v>
      </c>
      <c r="AC12608">
        <v>58</v>
      </c>
      <c r="AD12608">
        <v>59</v>
      </c>
      <c r="AE12608">
        <v>60</v>
      </c>
      <c r="AF12608">
        <v>60</v>
      </c>
      <c r="AG12608">
        <v>60</v>
      </c>
      <c r="AH12608">
        <v>60</v>
      </c>
      <c r="AI12608">
        <v>61</v>
      </c>
      <c r="AJ12608">
        <v>61</v>
      </c>
      <c r="AK12608">
        <v>61</v>
      </c>
      <c r="AL12608">
        <v>61</v>
      </c>
      <c r="AM12608">
        <v>62</v>
      </c>
      <c r="AN12608">
        <v>62</v>
      </c>
      <c r="AO12608">
        <v>62</v>
      </c>
      <c r="AP12608">
        <v>62</v>
      </c>
      <c r="AQ12608">
        <v>63</v>
      </c>
    </row>
    <row r="12609" spans="1:43">
      <c r="A12609" t="s">
        <v>7832</v>
      </c>
      <c r="B12609" t="s">
        <v>7833</v>
      </c>
      <c r="C12609" t="s">
        <v>7824</v>
      </c>
      <c r="D12609" t="s">
        <v>7825</v>
      </c>
      <c r="E12609" t="s">
        <v>7646</v>
      </c>
      <c r="F12609" t="s">
        <v>7647</v>
      </c>
      <c r="G12609" t="s">
        <v>80</v>
      </c>
      <c r="H12609" t="s">
        <v>81</v>
      </c>
      <c r="I12609" s="2">
        <v>0</v>
      </c>
      <c r="J12609" s="2">
        <v>1</v>
      </c>
      <c r="K12609" s="2">
        <v>0</v>
      </c>
      <c r="L12609" t="s">
        <v>82</v>
      </c>
      <c r="M12609" t="s">
        <v>83</v>
      </c>
      <c r="N12609" t="s">
        <v>91</v>
      </c>
      <c r="O12609" t="s">
        <v>85</v>
      </c>
      <c r="P12609" t="s">
        <v>86</v>
      </c>
      <c r="Q12609">
        <v>44</v>
      </c>
      <c r="R12609">
        <v>45</v>
      </c>
      <c r="S12609">
        <v>46</v>
      </c>
      <c r="T12609">
        <v>46</v>
      </c>
      <c r="U12609">
        <v>47</v>
      </c>
      <c r="V12609">
        <v>48</v>
      </c>
      <c r="W12609">
        <v>49</v>
      </c>
      <c r="X12609">
        <v>50</v>
      </c>
      <c r="Y12609">
        <v>51</v>
      </c>
      <c r="Z12609">
        <v>51</v>
      </c>
      <c r="AA12609">
        <v>52</v>
      </c>
      <c r="AB12609">
        <v>53</v>
      </c>
      <c r="AC12609">
        <v>54</v>
      </c>
      <c r="AD12609">
        <v>55</v>
      </c>
      <c r="AE12609">
        <v>56</v>
      </c>
      <c r="AF12609">
        <v>56</v>
      </c>
      <c r="AG12609">
        <v>57</v>
      </c>
      <c r="AH12609">
        <v>58</v>
      </c>
      <c r="AI12609">
        <v>59</v>
      </c>
      <c r="AJ12609">
        <v>60</v>
      </c>
      <c r="AK12609">
        <v>61</v>
      </c>
      <c r="AL12609">
        <v>61</v>
      </c>
      <c r="AM12609">
        <v>61</v>
      </c>
      <c r="AN12609">
        <v>61</v>
      </c>
      <c r="AO12609">
        <v>62</v>
      </c>
      <c r="AP12609">
        <v>62</v>
      </c>
      <c r="AQ12609">
        <v>62</v>
      </c>
    </row>
    <row r="12610" spans="1:43">
      <c r="A12610" t="s">
        <v>7834</v>
      </c>
      <c r="B12610" t="s">
        <v>7835</v>
      </c>
      <c r="C12610" t="s">
        <v>7824</v>
      </c>
      <c r="D12610" t="s">
        <v>7825</v>
      </c>
      <c r="E12610" t="s">
        <v>7646</v>
      </c>
      <c r="F12610" t="s">
        <v>7647</v>
      </c>
      <c r="G12610" t="s">
        <v>80</v>
      </c>
      <c r="H12610" t="s">
        <v>81</v>
      </c>
      <c r="I12610" s="2">
        <v>0</v>
      </c>
      <c r="J12610" s="2">
        <v>1</v>
      </c>
      <c r="K12610" s="2">
        <v>0</v>
      </c>
      <c r="L12610" t="s">
        <v>82</v>
      </c>
      <c r="M12610" t="s">
        <v>83</v>
      </c>
      <c r="N12610" t="s">
        <v>84</v>
      </c>
      <c r="O12610" t="s">
        <v>85</v>
      </c>
      <c r="P12610" t="s">
        <v>86</v>
      </c>
      <c r="Q12610">
        <v>72</v>
      </c>
      <c r="R12610">
        <v>73</v>
      </c>
      <c r="S12610">
        <v>75</v>
      </c>
      <c r="T12610">
        <v>76</v>
      </c>
      <c r="U12610">
        <v>78</v>
      </c>
      <c r="V12610">
        <v>79</v>
      </c>
      <c r="W12610">
        <v>80</v>
      </c>
      <c r="X12610">
        <v>82</v>
      </c>
      <c r="Y12610">
        <v>83</v>
      </c>
      <c r="Z12610">
        <v>84</v>
      </c>
      <c r="AA12610">
        <v>86</v>
      </c>
      <c r="AB12610">
        <v>87</v>
      </c>
      <c r="AC12610">
        <v>89</v>
      </c>
      <c r="AD12610">
        <v>90</v>
      </c>
      <c r="AE12610">
        <v>91</v>
      </c>
      <c r="AF12610">
        <v>93</v>
      </c>
      <c r="AG12610">
        <v>94</v>
      </c>
      <c r="AH12610">
        <v>95</v>
      </c>
      <c r="AI12610">
        <v>97</v>
      </c>
      <c r="AJ12610">
        <v>98</v>
      </c>
      <c r="AK12610">
        <v>99</v>
      </c>
      <c r="AL12610">
        <v>100</v>
      </c>
      <c r="AM12610">
        <v>101</v>
      </c>
      <c r="AN12610">
        <v>101</v>
      </c>
      <c r="AO12610">
        <v>101</v>
      </c>
      <c r="AP12610">
        <v>102</v>
      </c>
      <c r="AQ12610">
        <v>102</v>
      </c>
    </row>
    <row r="12611" spans="1:43">
      <c r="A12611" t="s">
        <v>7834</v>
      </c>
      <c r="B12611" t="s">
        <v>7835</v>
      </c>
      <c r="C12611" t="s">
        <v>7824</v>
      </c>
      <c r="D12611" t="s">
        <v>7825</v>
      </c>
      <c r="E12611" t="s">
        <v>7646</v>
      </c>
      <c r="F12611" t="s">
        <v>7647</v>
      </c>
      <c r="G12611" t="s">
        <v>80</v>
      </c>
      <c r="H12611" t="s">
        <v>81</v>
      </c>
      <c r="I12611" s="2">
        <v>0</v>
      </c>
      <c r="J12611" s="2">
        <v>1</v>
      </c>
      <c r="K12611" s="2">
        <v>0</v>
      </c>
      <c r="L12611" t="s">
        <v>82</v>
      </c>
      <c r="M12611" t="s">
        <v>87</v>
      </c>
      <c r="N12611" t="s">
        <v>88</v>
      </c>
      <c r="O12611" t="s">
        <v>85</v>
      </c>
      <c r="P12611" t="s">
        <v>86</v>
      </c>
      <c r="Q12611">
        <v>72</v>
      </c>
      <c r="R12611">
        <v>73</v>
      </c>
      <c r="S12611">
        <v>74</v>
      </c>
      <c r="T12611">
        <v>74</v>
      </c>
      <c r="U12611">
        <v>75</v>
      </c>
      <c r="V12611">
        <v>76</v>
      </c>
      <c r="W12611">
        <v>76</v>
      </c>
      <c r="X12611">
        <v>77</v>
      </c>
      <c r="Y12611">
        <v>78</v>
      </c>
      <c r="Z12611">
        <v>78</v>
      </c>
      <c r="AA12611">
        <v>79</v>
      </c>
      <c r="AB12611">
        <v>80</v>
      </c>
      <c r="AC12611">
        <v>80</v>
      </c>
      <c r="AD12611">
        <v>81</v>
      </c>
      <c r="AE12611">
        <v>82</v>
      </c>
      <c r="AF12611">
        <v>82</v>
      </c>
      <c r="AG12611">
        <v>83</v>
      </c>
      <c r="AH12611">
        <v>84</v>
      </c>
      <c r="AI12611">
        <v>85</v>
      </c>
      <c r="AJ12611">
        <v>85</v>
      </c>
      <c r="AK12611">
        <v>86</v>
      </c>
      <c r="AL12611">
        <v>87</v>
      </c>
      <c r="AM12611">
        <v>87</v>
      </c>
      <c r="AN12611">
        <v>88</v>
      </c>
      <c r="AO12611">
        <v>89</v>
      </c>
      <c r="AP12611">
        <v>89</v>
      </c>
      <c r="AQ12611">
        <v>90</v>
      </c>
    </row>
    <row r="12612" spans="1:43">
      <c r="A12612" t="s">
        <v>7834</v>
      </c>
      <c r="B12612" t="s">
        <v>7835</v>
      </c>
      <c r="C12612" t="s">
        <v>7824</v>
      </c>
      <c r="D12612" t="s">
        <v>7825</v>
      </c>
      <c r="E12612" t="s">
        <v>7646</v>
      </c>
      <c r="F12612" t="s">
        <v>7647</v>
      </c>
      <c r="G12612" t="s">
        <v>80</v>
      </c>
      <c r="H12612" t="s">
        <v>81</v>
      </c>
      <c r="I12612" s="2">
        <v>0</v>
      </c>
      <c r="J12612" s="2">
        <v>1</v>
      </c>
      <c r="K12612" s="2">
        <v>0</v>
      </c>
      <c r="L12612" t="s">
        <v>82</v>
      </c>
      <c r="M12612" t="s">
        <v>89</v>
      </c>
      <c r="N12612" t="s">
        <v>90</v>
      </c>
      <c r="O12612" t="s">
        <v>85</v>
      </c>
      <c r="P12612" t="s">
        <v>86</v>
      </c>
      <c r="Q12612">
        <v>72</v>
      </c>
      <c r="R12612">
        <v>74</v>
      </c>
      <c r="S12612">
        <v>76</v>
      </c>
      <c r="T12612">
        <v>78</v>
      </c>
      <c r="U12612">
        <v>80</v>
      </c>
      <c r="V12612">
        <v>82</v>
      </c>
      <c r="W12612">
        <v>83</v>
      </c>
      <c r="X12612">
        <v>85</v>
      </c>
      <c r="Y12612">
        <v>87</v>
      </c>
      <c r="Z12612">
        <v>89</v>
      </c>
      <c r="AA12612">
        <v>90</v>
      </c>
      <c r="AB12612">
        <v>92</v>
      </c>
      <c r="AC12612">
        <v>94</v>
      </c>
      <c r="AD12612">
        <v>96</v>
      </c>
      <c r="AE12612">
        <v>97</v>
      </c>
      <c r="AF12612">
        <v>97</v>
      </c>
      <c r="AG12612">
        <v>98</v>
      </c>
      <c r="AH12612">
        <v>98</v>
      </c>
      <c r="AI12612">
        <v>99</v>
      </c>
      <c r="AJ12612">
        <v>99</v>
      </c>
      <c r="AK12612">
        <v>99</v>
      </c>
      <c r="AL12612">
        <v>100</v>
      </c>
      <c r="AM12612">
        <v>100</v>
      </c>
      <c r="AN12612">
        <v>101</v>
      </c>
      <c r="AO12612">
        <v>101</v>
      </c>
      <c r="AP12612">
        <v>102</v>
      </c>
      <c r="AQ12612">
        <v>102</v>
      </c>
    </row>
    <row r="12613" spans="1:43">
      <c r="A12613" t="s">
        <v>7834</v>
      </c>
      <c r="B12613" t="s">
        <v>7835</v>
      </c>
      <c r="C12613" t="s">
        <v>7824</v>
      </c>
      <c r="D12613" t="s">
        <v>7825</v>
      </c>
      <c r="E12613" t="s">
        <v>7646</v>
      </c>
      <c r="F12613" t="s">
        <v>7647</v>
      </c>
      <c r="G12613" t="s">
        <v>80</v>
      </c>
      <c r="H12613" t="s">
        <v>81</v>
      </c>
      <c r="I12613" s="2">
        <v>0</v>
      </c>
      <c r="J12613" s="2">
        <v>1</v>
      </c>
      <c r="K12613" s="2">
        <v>0</v>
      </c>
      <c r="L12613" t="s">
        <v>82</v>
      </c>
      <c r="M12613" t="s">
        <v>83</v>
      </c>
      <c r="N12613" t="s">
        <v>91</v>
      </c>
      <c r="O12613" t="s">
        <v>85</v>
      </c>
      <c r="P12613" t="s">
        <v>86</v>
      </c>
      <c r="Q12613">
        <v>72</v>
      </c>
      <c r="R12613">
        <v>73</v>
      </c>
      <c r="S12613">
        <v>75</v>
      </c>
      <c r="T12613">
        <v>76</v>
      </c>
      <c r="U12613">
        <v>78</v>
      </c>
      <c r="V12613">
        <v>79</v>
      </c>
      <c r="W12613">
        <v>80</v>
      </c>
      <c r="X12613">
        <v>82</v>
      </c>
      <c r="Y12613">
        <v>83</v>
      </c>
      <c r="Z12613">
        <v>84</v>
      </c>
      <c r="AA12613">
        <v>86</v>
      </c>
      <c r="AB12613">
        <v>87</v>
      </c>
      <c r="AC12613">
        <v>89</v>
      </c>
      <c r="AD12613">
        <v>90</v>
      </c>
      <c r="AE12613">
        <v>91</v>
      </c>
      <c r="AF12613">
        <v>93</v>
      </c>
      <c r="AG12613">
        <v>94</v>
      </c>
      <c r="AH12613">
        <v>95</v>
      </c>
      <c r="AI12613">
        <v>97</v>
      </c>
      <c r="AJ12613">
        <v>98</v>
      </c>
      <c r="AK12613">
        <v>99</v>
      </c>
      <c r="AL12613">
        <v>100</v>
      </c>
      <c r="AM12613">
        <v>101</v>
      </c>
      <c r="AN12613">
        <v>101</v>
      </c>
      <c r="AO12613">
        <v>101</v>
      </c>
      <c r="AP12613">
        <v>102</v>
      </c>
      <c r="AQ12613">
        <v>102</v>
      </c>
    </row>
    <row r="12614" spans="1:43">
      <c r="A12614" t="s">
        <v>7836</v>
      </c>
      <c r="B12614" t="s">
        <v>7837</v>
      </c>
      <c r="C12614" t="s">
        <v>7838</v>
      </c>
      <c r="D12614" t="s">
        <v>7839</v>
      </c>
      <c r="E12614" t="s">
        <v>7646</v>
      </c>
      <c r="F12614" t="s">
        <v>7647</v>
      </c>
      <c r="G12614" t="s">
        <v>80</v>
      </c>
      <c r="H12614" t="s">
        <v>81</v>
      </c>
      <c r="I12614" s="2">
        <v>0</v>
      </c>
      <c r="J12614" s="2">
        <v>1</v>
      </c>
      <c r="K12614" s="2">
        <v>0</v>
      </c>
      <c r="L12614" t="s">
        <v>82</v>
      </c>
      <c r="M12614" t="s">
        <v>83</v>
      </c>
      <c r="N12614" t="s">
        <v>84</v>
      </c>
      <c r="O12614" t="s">
        <v>85</v>
      </c>
      <c r="P12614" t="s">
        <v>86</v>
      </c>
      <c r="Q12614">
        <v>41</v>
      </c>
      <c r="R12614">
        <v>42</v>
      </c>
      <c r="S12614">
        <v>43</v>
      </c>
      <c r="T12614">
        <v>43</v>
      </c>
      <c r="U12614">
        <v>44</v>
      </c>
      <c r="V12614">
        <v>45</v>
      </c>
      <c r="W12614">
        <v>46</v>
      </c>
      <c r="X12614">
        <v>47</v>
      </c>
      <c r="Y12614">
        <v>47</v>
      </c>
      <c r="Z12614">
        <v>48</v>
      </c>
      <c r="AA12614">
        <v>49</v>
      </c>
      <c r="AB12614">
        <v>50</v>
      </c>
      <c r="AC12614">
        <v>50</v>
      </c>
      <c r="AD12614">
        <v>51</v>
      </c>
      <c r="AE12614">
        <v>52</v>
      </c>
      <c r="AF12614">
        <v>53</v>
      </c>
      <c r="AG12614">
        <v>54</v>
      </c>
      <c r="AH12614">
        <v>54</v>
      </c>
      <c r="AI12614">
        <v>55</v>
      </c>
      <c r="AJ12614">
        <v>56</v>
      </c>
      <c r="AK12614">
        <v>57</v>
      </c>
      <c r="AL12614">
        <v>57</v>
      </c>
      <c r="AM12614">
        <v>57</v>
      </c>
      <c r="AN12614">
        <v>58</v>
      </c>
      <c r="AO12614">
        <v>58</v>
      </c>
      <c r="AP12614">
        <v>58</v>
      </c>
      <c r="AQ12614">
        <v>58</v>
      </c>
    </row>
    <row r="12615" spans="1:43">
      <c r="A12615" t="s">
        <v>7836</v>
      </c>
      <c r="B12615" t="s">
        <v>7837</v>
      </c>
      <c r="C12615" t="s">
        <v>7838</v>
      </c>
      <c r="D12615" t="s">
        <v>7839</v>
      </c>
      <c r="E12615" t="s">
        <v>7646</v>
      </c>
      <c r="F12615" t="s">
        <v>7647</v>
      </c>
      <c r="G12615" t="s">
        <v>80</v>
      </c>
      <c r="H12615" t="s">
        <v>81</v>
      </c>
      <c r="I12615" s="2">
        <v>0</v>
      </c>
      <c r="J12615" s="2">
        <v>1</v>
      </c>
      <c r="K12615" s="2">
        <v>0</v>
      </c>
      <c r="L12615" t="s">
        <v>82</v>
      </c>
      <c r="M12615" t="s">
        <v>87</v>
      </c>
      <c r="N12615" t="s">
        <v>88</v>
      </c>
      <c r="O12615" t="s">
        <v>85</v>
      </c>
      <c r="P12615" t="s">
        <v>86</v>
      </c>
      <c r="Q12615">
        <v>41</v>
      </c>
      <c r="R12615">
        <v>41</v>
      </c>
      <c r="S12615">
        <v>42</v>
      </c>
      <c r="T12615">
        <v>42</v>
      </c>
      <c r="U12615">
        <v>42</v>
      </c>
      <c r="V12615">
        <v>43</v>
      </c>
      <c r="W12615">
        <v>43</v>
      </c>
      <c r="X12615">
        <v>43</v>
      </c>
      <c r="Y12615">
        <v>44</v>
      </c>
      <c r="Z12615">
        <v>44</v>
      </c>
      <c r="AA12615">
        <v>45</v>
      </c>
      <c r="AB12615">
        <v>45</v>
      </c>
      <c r="AC12615">
        <v>45</v>
      </c>
      <c r="AD12615">
        <v>46</v>
      </c>
      <c r="AE12615">
        <v>46</v>
      </c>
      <c r="AF12615">
        <v>46</v>
      </c>
      <c r="AG12615">
        <v>47</v>
      </c>
      <c r="AH12615">
        <v>47</v>
      </c>
      <c r="AI12615">
        <v>48</v>
      </c>
      <c r="AJ12615">
        <v>48</v>
      </c>
      <c r="AK12615">
        <v>48</v>
      </c>
      <c r="AL12615">
        <v>49</v>
      </c>
      <c r="AM12615">
        <v>49</v>
      </c>
      <c r="AN12615">
        <v>49</v>
      </c>
      <c r="AO12615">
        <v>50</v>
      </c>
      <c r="AP12615">
        <v>50</v>
      </c>
      <c r="AQ12615">
        <v>51</v>
      </c>
    </row>
    <row r="12616" spans="1:43">
      <c r="A12616" t="s">
        <v>7836</v>
      </c>
      <c r="B12616" t="s">
        <v>7837</v>
      </c>
      <c r="C12616" t="s">
        <v>7838</v>
      </c>
      <c r="D12616" t="s">
        <v>7839</v>
      </c>
      <c r="E12616" t="s">
        <v>7646</v>
      </c>
      <c r="F12616" t="s">
        <v>7647</v>
      </c>
      <c r="G12616" t="s">
        <v>80</v>
      </c>
      <c r="H12616" t="s">
        <v>81</v>
      </c>
      <c r="I12616" s="2">
        <v>0</v>
      </c>
      <c r="J12616" s="2">
        <v>1</v>
      </c>
      <c r="K12616" s="2">
        <v>0</v>
      </c>
      <c r="L12616" t="s">
        <v>82</v>
      </c>
      <c r="M12616" t="s">
        <v>89</v>
      </c>
      <c r="N12616" t="s">
        <v>90</v>
      </c>
      <c r="O12616" t="s">
        <v>85</v>
      </c>
      <c r="P12616" t="s">
        <v>86</v>
      </c>
      <c r="Q12616">
        <v>41</v>
      </c>
      <c r="R12616">
        <v>42</v>
      </c>
      <c r="S12616">
        <v>43</v>
      </c>
      <c r="T12616">
        <v>44</v>
      </c>
      <c r="U12616">
        <v>45</v>
      </c>
      <c r="V12616">
        <v>46</v>
      </c>
      <c r="W12616">
        <v>47</v>
      </c>
      <c r="X12616">
        <v>48</v>
      </c>
      <c r="Y12616">
        <v>49</v>
      </c>
      <c r="Z12616">
        <v>50</v>
      </c>
      <c r="AA12616">
        <v>51</v>
      </c>
      <c r="AB12616">
        <v>52</v>
      </c>
      <c r="AC12616">
        <v>53</v>
      </c>
      <c r="AD12616">
        <v>54</v>
      </c>
      <c r="AE12616">
        <v>55</v>
      </c>
      <c r="AF12616">
        <v>55</v>
      </c>
      <c r="AG12616">
        <v>55</v>
      </c>
      <c r="AH12616">
        <v>56</v>
      </c>
      <c r="AI12616">
        <v>56</v>
      </c>
      <c r="AJ12616">
        <v>56</v>
      </c>
      <c r="AK12616">
        <v>56</v>
      </c>
      <c r="AL12616">
        <v>56</v>
      </c>
      <c r="AM12616">
        <v>57</v>
      </c>
      <c r="AN12616">
        <v>57</v>
      </c>
      <c r="AO12616">
        <v>57</v>
      </c>
      <c r="AP12616">
        <v>57</v>
      </c>
      <c r="AQ12616">
        <v>58</v>
      </c>
    </row>
    <row r="12617" spans="1:43">
      <c r="A12617" t="s">
        <v>7836</v>
      </c>
      <c r="B12617" t="s">
        <v>7837</v>
      </c>
      <c r="C12617" t="s">
        <v>7838</v>
      </c>
      <c r="D12617" t="s">
        <v>7839</v>
      </c>
      <c r="E12617" t="s">
        <v>7646</v>
      </c>
      <c r="F12617" t="s">
        <v>7647</v>
      </c>
      <c r="G12617" t="s">
        <v>80</v>
      </c>
      <c r="H12617" t="s">
        <v>81</v>
      </c>
      <c r="I12617" s="2">
        <v>0</v>
      </c>
      <c r="J12617" s="2">
        <v>1</v>
      </c>
      <c r="K12617" s="2">
        <v>0</v>
      </c>
      <c r="L12617" t="s">
        <v>82</v>
      </c>
      <c r="M12617" t="s">
        <v>83</v>
      </c>
      <c r="N12617" t="s">
        <v>91</v>
      </c>
      <c r="O12617" t="s">
        <v>85</v>
      </c>
      <c r="P12617" t="s">
        <v>86</v>
      </c>
      <c r="Q12617">
        <v>41</v>
      </c>
      <c r="R12617">
        <v>42</v>
      </c>
      <c r="S12617">
        <v>43</v>
      </c>
      <c r="T12617">
        <v>43</v>
      </c>
      <c r="U12617">
        <v>44</v>
      </c>
      <c r="V12617">
        <v>45</v>
      </c>
      <c r="W12617">
        <v>46</v>
      </c>
      <c r="X12617">
        <v>47</v>
      </c>
      <c r="Y12617">
        <v>47</v>
      </c>
      <c r="Z12617">
        <v>48</v>
      </c>
      <c r="AA12617">
        <v>49</v>
      </c>
      <c r="AB12617">
        <v>50</v>
      </c>
      <c r="AC12617">
        <v>50</v>
      </c>
      <c r="AD12617">
        <v>51</v>
      </c>
      <c r="AE12617">
        <v>52</v>
      </c>
      <c r="AF12617">
        <v>53</v>
      </c>
      <c r="AG12617">
        <v>54</v>
      </c>
      <c r="AH12617">
        <v>54</v>
      </c>
      <c r="AI12617">
        <v>55</v>
      </c>
      <c r="AJ12617">
        <v>56</v>
      </c>
      <c r="AK12617">
        <v>57</v>
      </c>
      <c r="AL12617">
        <v>57</v>
      </c>
      <c r="AM12617">
        <v>57</v>
      </c>
      <c r="AN12617">
        <v>58</v>
      </c>
      <c r="AO12617">
        <v>58</v>
      </c>
      <c r="AP12617">
        <v>58</v>
      </c>
      <c r="AQ12617">
        <v>58</v>
      </c>
    </row>
    <row r="12618" spans="1:43">
      <c r="A12618" t="s">
        <v>7840</v>
      </c>
      <c r="B12618" t="s">
        <v>7841</v>
      </c>
      <c r="C12618" t="s">
        <v>7842</v>
      </c>
      <c r="D12618" t="s">
        <v>7843</v>
      </c>
      <c r="E12618" t="s">
        <v>7646</v>
      </c>
      <c r="F12618" t="s">
        <v>7647</v>
      </c>
      <c r="G12618" t="s">
        <v>80</v>
      </c>
      <c r="H12618" t="s">
        <v>81</v>
      </c>
      <c r="I12618" s="2">
        <v>0</v>
      </c>
      <c r="J12618" s="2">
        <v>1</v>
      </c>
      <c r="K12618" s="2">
        <v>0</v>
      </c>
      <c r="L12618" t="s">
        <v>82</v>
      </c>
      <c r="M12618" t="s">
        <v>83</v>
      </c>
      <c r="N12618" t="s">
        <v>84</v>
      </c>
      <c r="O12618" t="s">
        <v>85</v>
      </c>
      <c r="P12618" t="s">
        <v>86</v>
      </c>
      <c r="Q12618">
        <v>7</v>
      </c>
      <c r="R12618">
        <v>7</v>
      </c>
      <c r="S12618">
        <v>8</v>
      </c>
      <c r="T12618">
        <v>8</v>
      </c>
      <c r="U12618">
        <v>8</v>
      </c>
      <c r="V12618">
        <v>8</v>
      </c>
      <c r="W12618">
        <v>8</v>
      </c>
      <c r="X12618">
        <v>8</v>
      </c>
      <c r="Y12618">
        <v>8</v>
      </c>
      <c r="Z12618">
        <v>8</v>
      </c>
      <c r="AA12618">
        <v>9</v>
      </c>
      <c r="AB12618">
        <v>9</v>
      </c>
      <c r="AC12618">
        <v>9</v>
      </c>
      <c r="AD12618">
        <v>9</v>
      </c>
      <c r="AE12618">
        <v>9</v>
      </c>
      <c r="AF12618">
        <v>9</v>
      </c>
      <c r="AG12618">
        <v>9</v>
      </c>
      <c r="AH12618">
        <v>10</v>
      </c>
      <c r="AI12618">
        <v>10</v>
      </c>
      <c r="AJ12618">
        <v>10</v>
      </c>
      <c r="AK12618">
        <v>10</v>
      </c>
      <c r="AL12618">
        <v>10</v>
      </c>
      <c r="AM12618">
        <v>10</v>
      </c>
      <c r="AN12618">
        <v>10</v>
      </c>
      <c r="AO12618">
        <v>10</v>
      </c>
      <c r="AP12618">
        <v>10</v>
      </c>
      <c r="AQ12618">
        <v>10</v>
      </c>
    </row>
    <row r="12619" spans="1:43">
      <c r="A12619" t="s">
        <v>7840</v>
      </c>
      <c r="B12619" t="s">
        <v>7841</v>
      </c>
      <c r="C12619" t="s">
        <v>7842</v>
      </c>
      <c r="D12619" t="s">
        <v>7843</v>
      </c>
      <c r="E12619" t="s">
        <v>7646</v>
      </c>
      <c r="F12619" t="s">
        <v>7647</v>
      </c>
      <c r="G12619" t="s">
        <v>80</v>
      </c>
      <c r="H12619" t="s">
        <v>81</v>
      </c>
      <c r="I12619" s="2">
        <v>0</v>
      </c>
      <c r="J12619" s="2">
        <v>1</v>
      </c>
      <c r="K12619" s="2">
        <v>0</v>
      </c>
      <c r="L12619" t="s">
        <v>82</v>
      </c>
      <c r="M12619" t="s">
        <v>87</v>
      </c>
      <c r="N12619" t="s">
        <v>88</v>
      </c>
      <c r="O12619" t="s">
        <v>85</v>
      </c>
      <c r="P12619" t="s">
        <v>86</v>
      </c>
      <c r="Q12619">
        <v>7</v>
      </c>
      <c r="R12619">
        <v>7</v>
      </c>
      <c r="S12619">
        <v>7</v>
      </c>
      <c r="T12619">
        <v>7</v>
      </c>
      <c r="U12619">
        <v>7</v>
      </c>
      <c r="V12619">
        <v>8</v>
      </c>
      <c r="W12619">
        <v>8</v>
      </c>
      <c r="X12619">
        <v>8</v>
      </c>
      <c r="Y12619">
        <v>8</v>
      </c>
      <c r="Z12619">
        <v>8</v>
      </c>
      <c r="AA12619">
        <v>8</v>
      </c>
      <c r="AB12619">
        <v>8</v>
      </c>
      <c r="AC12619">
        <v>8</v>
      </c>
      <c r="AD12619">
        <v>8</v>
      </c>
      <c r="AE12619">
        <v>8</v>
      </c>
      <c r="AF12619">
        <v>8</v>
      </c>
      <c r="AG12619">
        <v>8</v>
      </c>
      <c r="AH12619">
        <v>8</v>
      </c>
      <c r="AI12619">
        <v>8</v>
      </c>
      <c r="AJ12619">
        <v>8</v>
      </c>
      <c r="AK12619">
        <v>8</v>
      </c>
      <c r="AL12619">
        <v>9</v>
      </c>
      <c r="AM12619">
        <v>9</v>
      </c>
      <c r="AN12619">
        <v>9</v>
      </c>
      <c r="AO12619">
        <v>9</v>
      </c>
      <c r="AP12619">
        <v>9</v>
      </c>
      <c r="AQ12619">
        <v>9</v>
      </c>
    </row>
    <row r="12620" spans="1:43">
      <c r="A12620" t="s">
        <v>7840</v>
      </c>
      <c r="B12620" t="s">
        <v>7841</v>
      </c>
      <c r="C12620" t="s">
        <v>7842</v>
      </c>
      <c r="D12620" t="s">
        <v>7843</v>
      </c>
      <c r="E12620" t="s">
        <v>7646</v>
      </c>
      <c r="F12620" t="s">
        <v>7647</v>
      </c>
      <c r="G12620" t="s">
        <v>80</v>
      </c>
      <c r="H12620" t="s">
        <v>81</v>
      </c>
      <c r="I12620" s="2">
        <v>0</v>
      </c>
      <c r="J12620" s="2">
        <v>1</v>
      </c>
      <c r="K12620" s="2">
        <v>0</v>
      </c>
      <c r="L12620" t="s">
        <v>82</v>
      </c>
      <c r="M12620" t="s">
        <v>89</v>
      </c>
      <c r="N12620" t="s">
        <v>90</v>
      </c>
      <c r="O12620" t="s">
        <v>85</v>
      </c>
      <c r="P12620" t="s">
        <v>86</v>
      </c>
      <c r="Q12620">
        <v>7</v>
      </c>
      <c r="R12620">
        <v>8</v>
      </c>
      <c r="S12620">
        <v>8</v>
      </c>
      <c r="T12620">
        <v>8</v>
      </c>
      <c r="U12620">
        <v>8</v>
      </c>
      <c r="V12620">
        <v>8</v>
      </c>
      <c r="W12620">
        <v>8</v>
      </c>
      <c r="X12620">
        <v>9</v>
      </c>
      <c r="Y12620">
        <v>9</v>
      </c>
      <c r="Z12620">
        <v>9</v>
      </c>
      <c r="AA12620">
        <v>9</v>
      </c>
      <c r="AB12620">
        <v>9</v>
      </c>
      <c r="AC12620">
        <v>10</v>
      </c>
      <c r="AD12620">
        <v>10</v>
      </c>
      <c r="AE12620">
        <v>10</v>
      </c>
      <c r="AF12620">
        <v>10</v>
      </c>
      <c r="AG12620">
        <v>10</v>
      </c>
      <c r="AH12620">
        <v>10</v>
      </c>
      <c r="AI12620">
        <v>10</v>
      </c>
      <c r="AJ12620">
        <v>10</v>
      </c>
      <c r="AK12620">
        <v>10</v>
      </c>
      <c r="AL12620">
        <v>10</v>
      </c>
      <c r="AM12620">
        <v>10</v>
      </c>
      <c r="AN12620">
        <v>10</v>
      </c>
      <c r="AO12620">
        <v>10</v>
      </c>
      <c r="AP12620">
        <v>10</v>
      </c>
      <c r="AQ12620">
        <v>10</v>
      </c>
    </row>
    <row r="12621" spans="1:43">
      <c r="A12621" t="s">
        <v>7840</v>
      </c>
      <c r="B12621" t="s">
        <v>7841</v>
      </c>
      <c r="C12621" t="s">
        <v>7842</v>
      </c>
      <c r="D12621" t="s">
        <v>7843</v>
      </c>
      <c r="E12621" t="s">
        <v>7646</v>
      </c>
      <c r="F12621" t="s">
        <v>7647</v>
      </c>
      <c r="G12621" t="s">
        <v>80</v>
      </c>
      <c r="H12621" t="s">
        <v>81</v>
      </c>
      <c r="I12621" s="2">
        <v>0</v>
      </c>
      <c r="J12621" s="2">
        <v>1</v>
      </c>
      <c r="K12621" s="2">
        <v>0</v>
      </c>
      <c r="L12621" t="s">
        <v>82</v>
      </c>
      <c r="M12621" t="s">
        <v>83</v>
      </c>
      <c r="N12621" t="s">
        <v>91</v>
      </c>
      <c r="O12621" t="s">
        <v>85</v>
      </c>
      <c r="P12621" t="s">
        <v>86</v>
      </c>
      <c r="Q12621">
        <v>7</v>
      </c>
      <c r="R12621">
        <v>7</v>
      </c>
      <c r="S12621">
        <v>8</v>
      </c>
      <c r="T12621">
        <v>8</v>
      </c>
      <c r="U12621">
        <v>8</v>
      </c>
      <c r="V12621">
        <v>8</v>
      </c>
      <c r="W12621">
        <v>8</v>
      </c>
      <c r="X12621">
        <v>8</v>
      </c>
      <c r="Y12621">
        <v>8</v>
      </c>
      <c r="Z12621">
        <v>8</v>
      </c>
      <c r="AA12621">
        <v>9</v>
      </c>
      <c r="AB12621">
        <v>9</v>
      </c>
      <c r="AC12621">
        <v>9</v>
      </c>
      <c r="AD12621">
        <v>9</v>
      </c>
      <c r="AE12621">
        <v>9</v>
      </c>
      <c r="AF12621">
        <v>9</v>
      </c>
      <c r="AG12621">
        <v>9</v>
      </c>
      <c r="AH12621">
        <v>10</v>
      </c>
      <c r="AI12621">
        <v>10</v>
      </c>
      <c r="AJ12621">
        <v>10</v>
      </c>
      <c r="AK12621">
        <v>10</v>
      </c>
      <c r="AL12621">
        <v>10</v>
      </c>
      <c r="AM12621">
        <v>10</v>
      </c>
      <c r="AN12621">
        <v>10</v>
      </c>
      <c r="AO12621">
        <v>10</v>
      </c>
      <c r="AP12621">
        <v>10</v>
      </c>
      <c r="AQ12621">
        <v>10</v>
      </c>
    </row>
    <row r="12622" spans="1:43">
      <c r="A12622" t="s">
        <v>7844</v>
      </c>
      <c r="B12622" t="s">
        <v>7845</v>
      </c>
      <c r="C12622" t="s">
        <v>7838</v>
      </c>
      <c r="D12622" t="s">
        <v>7839</v>
      </c>
      <c r="E12622" t="s">
        <v>7646</v>
      </c>
      <c r="F12622" t="s">
        <v>7647</v>
      </c>
      <c r="G12622" t="s">
        <v>80</v>
      </c>
      <c r="H12622" t="s">
        <v>81</v>
      </c>
      <c r="I12622" s="2">
        <v>0</v>
      </c>
      <c r="J12622" s="2">
        <v>1</v>
      </c>
      <c r="K12622" s="2">
        <v>0</v>
      </c>
      <c r="L12622" t="s">
        <v>82</v>
      </c>
      <c r="M12622" t="s">
        <v>83</v>
      </c>
      <c r="N12622" t="s">
        <v>84</v>
      </c>
      <c r="O12622" t="s">
        <v>85</v>
      </c>
      <c r="P12622" t="s">
        <v>86</v>
      </c>
      <c r="Q12622">
        <v>16</v>
      </c>
      <c r="R12622">
        <v>17</v>
      </c>
      <c r="S12622">
        <v>17</v>
      </c>
      <c r="T12622">
        <v>17</v>
      </c>
      <c r="U12622">
        <v>18</v>
      </c>
      <c r="V12622">
        <v>18</v>
      </c>
      <c r="W12622">
        <v>18</v>
      </c>
      <c r="X12622">
        <v>19</v>
      </c>
      <c r="Y12622">
        <v>19</v>
      </c>
      <c r="Z12622">
        <v>19</v>
      </c>
      <c r="AA12622">
        <v>20</v>
      </c>
      <c r="AB12622">
        <v>20</v>
      </c>
      <c r="AC12622">
        <v>20</v>
      </c>
      <c r="AD12622">
        <v>21</v>
      </c>
      <c r="AE12622">
        <v>21</v>
      </c>
      <c r="AF12622">
        <v>21</v>
      </c>
      <c r="AG12622">
        <v>21</v>
      </c>
      <c r="AH12622">
        <v>22</v>
      </c>
      <c r="AI12622">
        <v>22</v>
      </c>
      <c r="AJ12622">
        <v>22</v>
      </c>
      <c r="AK12622">
        <v>23</v>
      </c>
      <c r="AL12622">
        <v>23</v>
      </c>
      <c r="AM12622">
        <v>23</v>
      </c>
      <c r="AN12622">
        <v>23</v>
      </c>
      <c r="AO12622">
        <v>23</v>
      </c>
      <c r="AP12622">
        <v>23</v>
      </c>
      <c r="AQ12622">
        <v>23</v>
      </c>
    </row>
    <row r="12623" spans="1:43">
      <c r="A12623" t="s">
        <v>7844</v>
      </c>
      <c r="B12623" t="s">
        <v>7845</v>
      </c>
      <c r="C12623" t="s">
        <v>7838</v>
      </c>
      <c r="D12623" t="s">
        <v>7839</v>
      </c>
      <c r="E12623" t="s">
        <v>7646</v>
      </c>
      <c r="F12623" t="s">
        <v>7647</v>
      </c>
      <c r="G12623" t="s">
        <v>80</v>
      </c>
      <c r="H12623" t="s">
        <v>81</v>
      </c>
      <c r="I12623" s="2">
        <v>0</v>
      </c>
      <c r="J12623" s="2">
        <v>1</v>
      </c>
      <c r="K12623" s="2">
        <v>0</v>
      </c>
      <c r="L12623" t="s">
        <v>82</v>
      </c>
      <c r="M12623" t="s">
        <v>87</v>
      </c>
      <c r="N12623" t="s">
        <v>88</v>
      </c>
      <c r="O12623" t="s">
        <v>85</v>
      </c>
      <c r="P12623" t="s">
        <v>86</v>
      </c>
      <c r="Q12623">
        <v>16</v>
      </c>
      <c r="R12623">
        <v>16</v>
      </c>
      <c r="S12623">
        <v>17</v>
      </c>
      <c r="T12623">
        <v>17</v>
      </c>
      <c r="U12623">
        <v>17</v>
      </c>
      <c r="V12623">
        <v>17</v>
      </c>
      <c r="W12623">
        <v>17</v>
      </c>
      <c r="X12623">
        <v>17</v>
      </c>
      <c r="Y12623">
        <v>18</v>
      </c>
      <c r="Z12623">
        <v>18</v>
      </c>
      <c r="AA12623">
        <v>18</v>
      </c>
      <c r="AB12623">
        <v>18</v>
      </c>
      <c r="AC12623">
        <v>18</v>
      </c>
      <c r="AD12623">
        <v>18</v>
      </c>
      <c r="AE12623">
        <v>18</v>
      </c>
      <c r="AF12623">
        <v>19</v>
      </c>
      <c r="AG12623">
        <v>19</v>
      </c>
      <c r="AH12623">
        <v>19</v>
      </c>
      <c r="AI12623">
        <v>19</v>
      </c>
      <c r="AJ12623">
        <v>19</v>
      </c>
      <c r="AK12623">
        <v>19</v>
      </c>
      <c r="AL12623">
        <v>20</v>
      </c>
      <c r="AM12623">
        <v>20</v>
      </c>
      <c r="AN12623">
        <v>20</v>
      </c>
      <c r="AO12623">
        <v>20</v>
      </c>
      <c r="AP12623">
        <v>20</v>
      </c>
      <c r="AQ12623">
        <v>20</v>
      </c>
    </row>
    <row r="12624" spans="1:43">
      <c r="A12624" t="s">
        <v>7844</v>
      </c>
      <c r="B12624" t="s">
        <v>7845</v>
      </c>
      <c r="C12624" t="s">
        <v>7838</v>
      </c>
      <c r="D12624" t="s">
        <v>7839</v>
      </c>
      <c r="E12624" t="s">
        <v>7646</v>
      </c>
      <c r="F12624" t="s">
        <v>7647</v>
      </c>
      <c r="G12624" t="s">
        <v>80</v>
      </c>
      <c r="H12624" t="s">
        <v>81</v>
      </c>
      <c r="I12624" s="2">
        <v>0</v>
      </c>
      <c r="J12624" s="2">
        <v>1</v>
      </c>
      <c r="K12624" s="2">
        <v>0</v>
      </c>
      <c r="L12624" t="s">
        <v>82</v>
      </c>
      <c r="M12624" t="s">
        <v>89</v>
      </c>
      <c r="N12624" t="s">
        <v>90</v>
      </c>
      <c r="O12624" t="s">
        <v>85</v>
      </c>
      <c r="P12624" t="s">
        <v>86</v>
      </c>
      <c r="Q12624">
        <v>16</v>
      </c>
      <c r="R12624">
        <v>16</v>
      </c>
      <c r="S12624">
        <v>17</v>
      </c>
      <c r="T12624">
        <v>17</v>
      </c>
      <c r="U12624">
        <v>17</v>
      </c>
      <c r="V12624">
        <v>18</v>
      </c>
      <c r="W12624">
        <v>18</v>
      </c>
      <c r="X12624">
        <v>19</v>
      </c>
      <c r="Y12624">
        <v>19</v>
      </c>
      <c r="Z12624">
        <v>19</v>
      </c>
      <c r="AA12624">
        <v>20</v>
      </c>
      <c r="AB12624">
        <v>20</v>
      </c>
      <c r="AC12624">
        <v>21</v>
      </c>
      <c r="AD12624">
        <v>21</v>
      </c>
      <c r="AE12624">
        <v>21</v>
      </c>
      <c r="AF12624">
        <v>21</v>
      </c>
      <c r="AG12624">
        <v>22</v>
      </c>
      <c r="AH12624">
        <v>22</v>
      </c>
      <c r="AI12624">
        <v>22</v>
      </c>
      <c r="AJ12624">
        <v>22</v>
      </c>
      <c r="AK12624">
        <v>22</v>
      </c>
      <c r="AL12624">
        <v>22</v>
      </c>
      <c r="AM12624">
        <v>22</v>
      </c>
      <c r="AN12624">
        <v>22</v>
      </c>
      <c r="AO12624">
        <v>22</v>
      </c>
      <c r="AP12624">
        <v>22</v>
      </c>
      <c r="AQ12624">
        <v>22</v>
      </c>
    </row>
    <row r="12625" spans="1:43">
      <c r="A12625" t="s">
        <v>7844</v>
      </c>
      <c r="B12625" t="s">
        <v>7845</v>
      </c>
      <c r="C12625" t="s">
        <v>7838</v>
      </c>
      <c r="D12625" t="s">
        <v>7839</v>
      </c>
      <c r="E12625" t="s">
        <v>7646</v>
      </c>
      <c r="F12625" t="s">
        <v>7647</v>
      </c>
      <c r="G12625" t="s">
        <v>80</v>
      </c>
      <c r="H12625" t="s">
        <v>81</v>
      </c>
      <c r="I12625" s="2">
        <v>0</v>
      </c>
      <c r="J12625" s="2">
        <v>1</v>
      </c>
      <c r="K12625" s="2">
        <v>0</v>
      </c>
      <c r="L12625" t="s">
        <v>82</v>
      </c>
      <c r="M12625" t="s">
        <v>83</v>
      </c>
      <c r="N12625" t="s">
        <v>91</v>
      </c>
      <c r="O12625" t="s">
        <v>85</v>
      </c>
      <c r="P12625" t="s">
        <v>86</v>
      </c>
      <c r="Q12625">
        <v>16</v>
      </c>
      <c r="R12625">
        <v>17</v>
      </c>
      <c r="S12625">
        <v>17</v>
      </c>
      <c r="T12625">
        <v>17</v>
      </c>
      <c r="U12625">
        <v>18</v>
      </c>
      <c r="V12625">
        <v>18</v>
      </c>
      <c r="W12625">
        <v>18</v>
      </c>
      <c r="X12625">
        <v>19</v>
      </c>
      <c r="Y12625">
        <v>19</v>
      </c>
      <c r="Z12625">
        <v>19</v>
      </c>
      <c r="AA12625">
        <v>20</v>
      </c>
      <c r="AB12625">
        <v>20</v>
      </c>
      <c r="AC12625">
        <v>20</v>
      </c>
      <c r="AD12625">
        <v>21</v>
      </c>
      <c r="AE12625">
        <v>21</v>
      </c>
      <c r="AF12625">
        <v>21</v>
      </c>
      <c r="AG12625">
        <v>21</v>
      </c>
      <c r="AH12625">
        <v>22</v>
      </c>
      <c r="AI12625">
        <v>22</v>
      </c>
      <c r="AJ12625">
        <v>22</v>
      </c>
      <c r="AK12625">
        <v>23</v>
      </c>
      <c r="AL12625">
        <v>23</v>
      </c>
      <c r="AM12625">
        <v>23</v>
      </c>
      <c r="AN12625">
        <v>23</v>
      </c>
      <c r="AO12625">
        <v>23</v>
      </c>
      <c r="AP12625">
        <v>23</v>
      </c>
      <c r="AQ12625">
        <v>23</v>
      </c>
    </row>
    <row r="12626" spans="1:43">
      <c r="A12626" t="s">
        <v>7846</v>
      </c>
      <c r="B12626" t="s">
        <v>7847</v>
      </c>
      <c r="C12626" t="s">
        <v>7838</v>
      </c>
      <c r="D12626" t="s">
        <v>7839</v>
      </c>
      <c r="E12626" t="s">
        <v>7646</v>
      </c>
      <c r="F12626" t="s">
        <v>7647</v>
      </c>
      <c r="G12626" t="s">
        <v>80</v>
      </c>
      <c r="H12626" t="s">
        <v>81</v>
      </c>
      <c r="I12626" s="2">
        <v>0</v>
      </c>
      <c r="J12626" s="2">
        <v>1</v>
      </c>
      <c r="K12626" s="2">
        <v>0</v>
      </c>
      <c r="L12626" t="s">
        <v>82</v>
      </c>
      <c r="M12626" t="s">
        <v>83</v>
      </c>
      <c r="N12626" t="s">
        <v>84</v>
      </c>
      <c r="O12626" t="s">
        <v>85</v>
      </c>
      <c r="P12626" t="s">
        <v>86</v>
      </c>
      <c r="Q12626">
        <v>11</v>
      </c>
      <c r="R12626">
        <v>11</v>
      </c>
      <c r="S12626">
        <v>12</v>
      </c>
      <c r="T12626">
        <v>12</v>
      </c>
      <c r="U12626">
        <v>12</v>
      </c>
      <c r="V12626">
        <v>12</v>
      </c>
      <c r="W12626">
        <v>12</v>
      </c>
      <c r="X12626">
        <v>13</v>
      </c>
      <c r="Y12626">
        <v>13</v>
      </c>
      <c r="Z12626">
        <v>13</v>
      </c>
      <c r="AA12626">
        <v>13</v>
      </c>
      <c r="AB12626">
        <v>13</v>
      </c>
      <c r="AC12626">
        <v>14</v>
      </c>
      <c r="AD12626">
        <v>14</v>
      </c>
      <c r="AE12626">
        <v>14</v>
      </c>
      <c r="AF12626">
        <v>14</v>
      </c>
      <c r="AG12626">
        <v>14</v>
      </c>
      <c r="AH12626">
        <v>15</v>
      </c>
      <c r="AI12626">
        <v>15</v>
      </c>
      <c r="AJ12626">
        <v>15</v>
      </c>
      <c r="AK12626">
        <v>15</v>
      </c>
      <c r="AL12626">
        <v>15</v>
      </c>
      <c r="AM12626">
        <v>16</v>
      </c>
      <c r="AN12626">
        <v>16</v>
      </c>
      <c r="AO12626">
        <v>16</v>
      </c>
      <c r="AP12626">
        <v>16</v>
      </c>
      <c r="AQ12626">
        <v>16</v>
      </c>
    </row>
    <row r="12627" spans="1:43">
      <c r="A12627" t="s">
        <v>7846</v>
      </c>
      <c r="B12627" t="s">
        <v>7847</v>
      </c>
      <c r="C12627" t="s">
        <v>7838</v>
      </c>
      <c r="D12627" t="s">
        <v>7839</v>
      </c>
      <c r="E12627" t="s">
        <v>7646</v>
      </c>
      <c r="F12627" t="s">
        <v>7647</v>
      </c>
      <c r="G12627" t="s">
        <v>80</v>
      </c>
      <c r="H12627" t="s">
        <v>81</v>
      </c>
      <c r="I12627" s="2">
        <v>0</v>
      </c>
      <c r="J12627" s="2">
        <v>1</v>
      </c>
      <c r="K12627" s="2">
        <v>0</v>
      </c>
      <c r="L12627" t="s">
        <v>82</v>
      </c>
      <c r="M12627" t="s">
        <v>87</v>
      </c>
      <c r="N12627" t="s">
        <v>88</v>
      </c>
      <c r="O12627" t="s">
        <v>85</v>
      </c>
      <c r="P12627" t="s">
        <v>86</v>
      </c>
      <c r="Q12627">
        <v>11</v>
      </c>
      <c r="R12627">
        <v>11</v>
      </c>
      <c r="S12627">
        <v>11</v>
      </c>
      <c r="T12627">
        <v>11</v>
      </c>
      <c r="U12627">
        <v>11</v>
      </c>
      <c r="V12627">
        <v>12</v>
      </c>
      <c r="W12627">
        <v>12</v>
      </c>
      <c r="X12627">
        <v>12</v>
      </c>
      <c r="Y12627">
        <v>12</v>
      </c>
      <c r="Z12627">
        <v>12</v>
      </c>
      <c r="AA12627">
        <v>12</v>
      </c>
      <c r="AB12627">
        <v>12</v>
      </c>
      <c r="AC12627">
        <v>12</v>
      </c>
      <c r="AD12627">
        <v>12</v>
      </c>
      <c r="AE12627">
        <v>12</v>
      </c>
      <c r="AF12627">
        <v>13</v>
      </c>
      <c r="AG12627">
        <v>13</v>
      </c>
      <c r="AH12627">
        <v>13</v>
      </c>
      <c r="AI12627">
        <v>13</v>
      </c>
      <c r="AJ12627">
        <v>13</v>
      </c>
      <c r="AK12627">
        <v>13</v>
      </c>
      <c r="AL12627">
        <v>13</v>
      </c>
      <c r="AM12627">
        <v>13</v>
      </c>
      <c r="AN12627">
        <v>13</v>
      </c>
      <c r="AO12627">
        <v>14</v>
      </c>
      <c r="AP12627">
        <v>14</v>
      </c>
      <c r="AQ12627">
        <v>14</v>
      </c>
    </row>
    <row r="12628" spans="1:43">
      <c r="A12628" t="s">
        <v>7846</v>
      </c>
      <c r="B12628" t="s">
        <v>7847</v>
      </c>
      <c r="C12628" t="s">
        <v>7838</v>
      </c>
      <c r="D12628" t="s">
        <v>7839</v>
      </c>
      <c r="E12628" t="s">
        <v>7646</v>
      </c>
      <c r="F12628" t="s">
        <v>7647</v>
      </c>
      <c r="G12628" t="s">
        <v>80</v>
      </c>
      <c r="H12628" t="s">
        <v>81</v>
      </c>
      <c r="I12628" s="2">
        <v>0</v>
      </c>
      <c r="J12628" s="2">
        <v>1</v>
      </c>
      <c r="K12628" s="2">
        <v>0</v>
      </c>
      <c r="L12628" t="s">
        <v>82</v>
      </c>
      <c r="M12628" t="s">
        <v>89</v>
      </c>
      <c r="N12628" t="s">
        <v>90</v>
      </c>
      <c r="O12628" t="s">
        <v>85</v>
      </c>
      <c r="P12628" t="s">
        <v>86</v>
      </c>
      <c r="Q12628">
        <v>11</v>
      </c>
      <c r="R12628">
        <v>12</v>
      </c>
      <c r="S12628">
        <v>12</v>
      </c>
      <c r="T12628">
        <v>12</v>
      </c>
      <c r="U12628">
        <v>12</v>
      </c>
      <c r="V12628">
        <v>13</v>
      </c>
      <c r="W12628">
        <v>13</v>
      </c>
      <c r="X12628">
        <v>13</v>
      </c>
      <c r="Y12628">
        <v>14</v>
      </c>
      <c r="Z12628">
        <v>14</v>
      </c>
      <c r="AA12628">
        <v>14</v>
      </c>
      <c r="AB12628">
        <v>14</v>
      </c>
      <c r="AC12628">
        <v>15</v>
      </c>
      <c r="AD12628">
        <v>15</v>
      </c>
      <c r="AE12628">
        <v>15</v>
      </c>
      <c r="AF12628">
        <v>15</v>
      </c>
      <c r="AG12628">
        <v>15</v>
      </c>
      <c r="AH12628">
        <v>15</v>
      </c>
      <c r="AI12628">
        <v>15</v>
      </c>
      <c r="AJ12628">
        <v>15</v>
      </c>
      <c r="AK12628">
        <v>15</v>
      </c>
      <c r="AL12628">
        <v>16</v>
      </c>
      <c r="AM12628">
        <v>16</v>
      </c>
      <c r="AN12628">
        <v>16</v>
      </c>
      <c r="AO12628">
        <v>16</v>
      </c>
      <c r="AP12628">
        <v>16</v>
      </c>
      <c r="AQ12628">
        <v>16</v>
      </c>
    </row>
    <row r="12629" spans="1:43">
      <c r="A12629" t="s">
        <v>7846</v>
      </c>
      <c r="B12629" t="s">
        <v>7847</v>
      </c>
      <c r="C12629" t="s">
        <v>7838</v>
      </c>
      <c r="D12629" t="s">
        <v>7839</v>
      </c>
      <c r="E12629" t="s">
        <v>7646</v>
      </c>
      <c r="F12629" t="s">
        <v>7647</v>
      </c>
      <c r="G12629" t="s">
        <v>80</v>
      </c>
      <c r="H12629" t="s">
        <v>81</v>
      </c>
      <c r="I12629" s="2">
        <v>0</v>
      </c>
      <c r="J12629" s="2">
        <v>1</v>
      </c>
      <c r="K12629" s="2">
        <v>0</v>
      </c>
      <c r="L12629" t="s">
        <v>82</v>
      </c>
      <c r="M12629" t="s">
        <v>83</v>
      </c>
      <c r="N12629" t="s">
        <v>91</v>
      </c>
      <c r="O12629" t="s">
        <v>85</v>
      </c>
      <c r="P12629" t="s">
        <v>86</v>
      </c>
      <c r="Q12629">
        <v>11</v>
      </c>
      <c r="R12629">
        <v>11</v>
      </c>
      <c r="S12629">
        <v>12</v>
      </c>
      <c r="T12629">
        <v>12</v>
      </c>
      <c r="U12629">
        <v>12</v>
      </c>
      <c r="V12629">
        <v>12</v>
      </c>
      <c r="W12629">
        <v>12</v>
      </c>
      <c r="X12629">
        <v>13</v>
      </c>
      <c r="Y12629">
        <v>13</v>
      </c>
      <c r="Z12629">
        <v>13</v>
      </c>
      <c r="AA12629">
        <v>13</v>
      </c>
      <c r="AB12629">
        <v>13</v>
      </c>
      <c r="AC12629">
        <v>14</v>
      </c>
      <c r="AD12629">
        <v>14</v>
      </c>
      <c r="AE12629">
        <v>14</v>
      </c>
      <c r="AF12629">
        <v>14</v>
      </c>
      <c r="AG12629">
        <v>14</v>
      </c>
      <c r="AH12629">
        <v>15</v>
      </c>
      <c r="AI12629">
        <v>15</v>
      </c>
      <c r="AJ12629">
        <v>15</v>
      </c>
      <c r="AK12629">
        <v>15</v>
      </c>
      <c r="AL12629">
        <v>15</v>
      </c>
      <c r="AM12629">
        <v>16</v>
      </c>
      <c r="AN12629">
        <v>16</v>
      </c>
      <c r="AO12629">
        <v>16</v>
      </c>
      <c r="AP12629">
        <v>16</v>
      </c>
      <c r="AQ12629">
        <v>16</v>
      </c>
    </row>
    <row r="12630" spans="1:43">
      <c r="A12630" t="s">
        <v>7848</v>
      </c>
      <c r="B12630" t="s">
        <v>7849</v>
      </c>
      <c r="C12630" t="s">
        <v>7842</v>
      </c>
      <c r="D12630" t="s">
        <v>7843</v>
      </c>
      <c r="E12630" t="s">
        <v>7646</v>
      </c>
      <c r="F12630" t="s">
        <v>7647</v>
      </c>
      <c r="G12630" t="s">
        <v>80</v>
      </c>
      <c r="H12630" t="s">
        <v>81</v>
      </c>
      <c r="I12630" s="2">
        <v>0</v>
      </c>
      <c r="J12630" s="2">
        <v>1</v>
      </c>
      <c r="K12630" s="2">
        <v>0</v>
      </c>
      <c r="L12630" t="s">
        <v>82</v>
      </c>
      <c r="M12630" t="s">
        <v>83</v>
      </c>
      <c r="N12630" t="s">
        <v>84</v>
      </c>
      <c r="O12630" t="s">
        <v>85</v>
      </c>
      <c r="P12630" t="s">
        <v>86</v>
      </c>
      <c r="Q12630">
        <v>22</v>
      </c>
      <c r="R12630">
        <v>22</v>
      </c>
      <c r="S12630">
        <v>22</v>
      </c>
      <c r="T12630">
        <v>23</v>
      </c>
      <c r="U12630">
        <v>23</v>
      </c>
      <c r="V12630">
        <v>24</v>
      </c>
      <c r="W12630">
        <v>24</v>
      </c>
      <c r="X12630">
        <v>24</v>
      </c>
      <c r="Y12630">
        <v>25</v>
      </c>
      <c r="Z12630">
        <v>25</v>
      </c>
      <c r="AA12630">
        <v>26</v>
      </c>
      <c r="AB12630">
        <v>26</v>
      </c>
      <c r="AC12630">
        <v>27</v>
      </c>
      <c r="AD12630">
        <v>27</v>
      </c>
      <c r="AE12630">
        <v>27</v>
      </c>
      <c r="AF12630">
        <v>28</v>
      </c>
      <c r="AG12630">
        <v>28</v>
      </c>
      <c r="AH12630">
        <v>29</v>
      </c>
      <c r="AI12630">
        <v>29</v>
      </c>
      <c r="AJ12630">
        <v>29</v>
      </c>
      <c r="AK12630">
        <v>30</v>
      </c>
      <c r="AL12630">
        <v>30</v>
      </c>
      <c r="AM12630">
        <v>30</v>
      </c>
      <c r="AN12630">
        <v>30</v>
      </c>
      <c r="AO12630">
        <v>30</v>
      </c>
      <c r="AP12630">
        <v>31</v>
      </c>
      <c r="AQ12630">
        <v>31</v>
      </c>
    </row>
    <row r="12631" spans="1:43">
      <c r="A12631" t="s">
        <v>7848</v>
      </c>
      <c r="B12631" t="s">
        <v>7849</v>
      </c>
      <c r="C12631" t="s">
        <v>7842</v>
      </c>
      <c r="D12631" t="s">
        <v>7843</v>
      </c>
      <c r="E12631" t="s">
        <v>7646</v>
      </c>
      <c r="F12631" t="s">
        <v>7647</v>
      </c>
      <c r="G12631" t="s">
        <v>80</v>
      </c>
      <c r="H12631" t="s">
        <v>81</v>
      </c>
      <c r="I12631" s="2">
        <v>0</v>
      </c>
      <c r="J12631" s="2">
        <v>1</v>
      </c>
      <c r="K12631" s="2">
        <v>0</v>
      </c>
      <c r="L12631" t="s">
        <v>82</v>
      </c>
      <c r="M12631" t="s">
        <v>87</v>
      </c>
      <c r="N12631" t="s">
        <v>88</v>
      </c>
      <c r="O12631" t="s">
        <v>85</v>
      </c>
      <c r="P12631" t="s">
        <v>86</v>
      </c>
      <c r="Q12631">
        <v>22</v>
      </c>
      <c r="R12631">
        <v>23</v>
      </c>
      <c r="S12631">
        <v>23</v>
      </c>
      <c r="T12631">
        <v>23</v>
      </c>
      <c r="U12631">
        <v>23</v>
      </c>
      <c r="V12631">
        <v>23</v>
      </c>
      <c r="W12631">
        <v>24</v>
      </c>
      <c r="X12631">
        <v>24</v>
      </c>
      <c r="Y12631">
        <v>24</v>
      </c>
      <c r="Z12631">
        <v>24</v>
      </c>
      <c r="AA12631">
        <v>24</v>
      </c>
      <c r="AB12631">
        <v>25</v>
      </c>
      <c r="AC12631">
        <v>25</v>
      </c>
      <c r="AD12631">
        <v>25</v>
      </c>
      <c r="AE12631">
        <v>25</v>
      </c>
      <c r="AF12631">
        <v>25</v>
      </c>
      <c r="AG12631">
        <v>26</v>
      </c>
      <c r="AH12631">
        <v>26</v>
      </c>
      <c r="AI12631">
        <v>26</v>
      </c>
      <c r="AJ12631">
        <v>26</v>
      </c>
      <c r="AK12631">
        <v>26</v>
      </c>
      <c r="AL12631">
        <v>27</v>
      </c>
      <c r="AM12631">
        <v>27</v>
      </c>
      <c r="AN12631">
        <v>27</v>
      </c>
      <c r="AO12631">
        <v>27</v>
      </c>
      <c r="AP12631">
        <v>27</v>
      </c>
      <c r="AQ12631">
        <v>28</v>
      </c>
    </row>
    <row r="12632" spans="1:43">
      <c r="A12632" t="s">
        <v>7848</v>
      </c>
      <c r="B12632" t="s">
        <v>7849</v>
      </c>
      <c r="C12632" t="s">
        <v>7842</v>
      </c>
      <c r="D12632" t="s">
        <v>7843</v>
      </c>
      <c r="E12632" t="s">
        <v>7646</v>
      </c>
      <c r="F12632" t="s">
        <v>7647</v>
      </c>
      <c r="G12632" t="s">
        <v>80</v>
      </c>
      <c r="H12632" t="s">
        <v>81</v>
      </c>
      <c r="I12632" s="2">
        <v>0</v>
      </c>
      <c r="J12632" s="2">
        <v>1</v>
      </c>
      <c r="K12632" s="2">
        <v>0</v>
      </c>
      <c r="L12632" t="s">
        <v>82</v>
      </c>
      <c r="M12632" t="s">
        <v>89</v>
      </c>
      <c r="N12632" t="s">
        <v>90</v>
      </c>
      <c r="O12632" t="s">
        <v>85</v>
      </c>
      <c r="P12632" t="s">
        <v>86</v>
      </c>
      <c r="Q12632">
        <v>22</v>
      </c>
      <c r="R12632">
        <v>22</v>
      </c>
      <c r="S12632">
        <v>23</v>
      </c>
      <c r="T12632">
        <v>24</v>
      </c>
      <c r="U12632">
        <v>24</v>
      </c>
      <c r="V12632">
        <v>25</v>
      </c>
      <c r="W12632">
        <v>25</v>
      </c>
      <c r="X12632">
        <v>26</v>
      </c>
      <c r="Y12632">
        <v>26</v>
      </c>
      <c r="Z12632">
        <v>27</v>
      </c>
      <c r="AA12632">
        <v>27</v>
      </c>
      <c r="AB12632">
        <v>28</v>
      </c>
      <c r="AC12632">
        <v>28</v>
      </c>
      <c r="AD12632">
        <v>29</v>
      </c>
      <c r="AE12632">
        <v>29</v>
      </c>
      <c r="AF12632">
        <v>29</v>
      </c>
      <c r="AG12632">
        <v>30</v>
      </c>
      <c r="AH12632">
        <v>30</v>
      </c>
      <c r="AI12632">
        <v>30</v>
      </c>
      <c r="AJ12632">
        <v>30</v>
      </c>
      <c r="AK12632">
        <v>30</v>
      </c>
      <c r="AL12632">
        <v>30</v>
      </c>
      <c r="AM12632">
        <v>30</v>
      </c>
      <c r="AN12632">
        <v>30</v>
      </c>
      <c r="AO12632">
        <v>31</v>
      </c>
      <c r="AP12632">
        <v>31</v>
      </c>
      <c r="AQ12632">
        <v>31</v>
      </c>
    </row>
    <row r="12633" spans="1:43">
      <c r="A12633" t="s">
        <v>7848</v>
      </c>
      <c r="B12633" t="s">
        <v>7849</v>
      </c>
      <c r="C12633" t="s">
        <v>7842</v>
      </c>
      <c r="D12633" t="s">
        <v>7843</v>
      </c>
      <c r="E12633" t="s">
        <v>7646</v>
      </c>
      <c r="F12633" t="s">
        <v>7647</v>
      </c>
      <c r="G12633" t="s">
        <v>80</v>
      </c>
      <c r="H12633" t="s">
        <v>81</v>
      </c>
      <c r="I12633" s="2">
        <v>0</v>
      </c>
      <c r="J12633" s="2">
        <v>1</v>
      </c>
      <c r="K12633" s="2">
        <v>0</v>
      </c>
      <c r="L12633" t="s">
        <v>82</v>
      </c>
      <c r="M12633" t="s">
        <v>83</v>
      </c>
      <c r="N12633" t="s">
        <v>91</v>
      </c>
      <c r="O12633" t="s">
        <v>85</v>
      </c>
      <c r="P12633" t="s">
        <v>86</v>
      </c>
      <c r="Q12633">
        <v>22</v>
      </c>
      <c r="R12633">
        <v>22</v>
      </c>
      <c r="S12633">
        <v>22</v>
      </c>
      <c r="T12633">
        <v>23</v>
      </c>
      <c r="U12633">
        <v>23</v>
      </c>
      <c r="V12633">
        <v>24</v>
      </c>
      <c r="W12633">
        <v>24</v>
      </c>
      <c r="X12633">
        <v>24</v>
      </c>
      <c r="Y12633">
        <v>25</v>
      </c>
      <c r="Z12633">
        <v>25</v>
      </c>
      <c r="AA12633">
        <v>26</v>
      </c>
      <c r="AB12633">
        <v>26</v>
      </c>
      <c r="AC12633">
        <v>27</v>
      </c>
      <c r="AD12633">
        <v>27</v>
      </c>
      <c r="AE12633">
        <v>27</v>
      </c>
      <c r="AF12633">
        <v>28</v>
      </c>
      <c r="AG12633">
        <v>28</v>
      </c>
      <c r="AH12633">
        <v>29</v>
      </c>
      <c r="AI12633">
        <v>29</v>
      </c>
      <c r="AJ12633">
        <v>29</v>
      </c>
      <c r="AK12633">
        <v>30</v>
      </c>
      <c r="AL12633">
        <v>30</v>
      </c>
      <c r="AM12633">
        <v>30</v>
      </c>
      <c r="AN12633">
        <v>30</v>
      </c>
      <c r="AO12633">
        <v>30</v>
      </c>
      <c r="AP12633">
        <v>31</v>
      </c>
      <c r="AQ12633">
        <v>31</v>
      </c>
    </row>
    <row r="12634" spans="1:43">
      <c r="A12634" t="s">
        <v>7850</v>
      </c>
      <c r="B12634" t="s">
        <v>7851</v>
      </c>
      <c r="C12634" t="s">
        <v>7842</v>
      </c>
      <c r="D12634" t="s">
        <v>7843</v>
      </c>
      <c r="E12634" t="s">
        <v>7646</v>
      </c>
      <c r="F12634" t="s">
        <v>7647</v>
      </c>
      <c r="G12634" t="s">
        <v>80</v>
      </c>
      <c r="H12634" t="s">
        <v>81</v>
      </c>
      <c r="I12634" s="2">
        <v>0</v>
      </c>
      <c r="J12634" s="2">
        <v>1</v>
      </c>
      <c r="K12634" s="2">
        <v>0</v>
      </c>
      <c r="L12634" t="s">
        <v>82</v>
      </c>
      <c r="M12634" t="s">
        <v>83</v>
      </c>
      <c r="N12634" t="s">
        <v>84</v>
      </c>
      <c r="O12634" t="s">
        <v>85</v>
      </c>
      <c r="P12634" t="s">
        <v>86</v>
      </c>
      <c r="Q12634">
        <v>11</v>
      </c>
      <c r="R12634">
        <v>11</v>
      </c>
      <c r="S12634">
        <v>12</v>
      </c>
      <c r="T12634">
        <v>12</v>
      </c>
      <c r="U12634">
        <v>12</v>
      </c>
      <c r="V12634">
        <v>12</v>
      </c>
      <c r="W12634">
        <v>12</v>
      </c>
      <c r="X12634">
        <v>13</v>
      </c>
      <c r="Y12634">
        <v>13</v>
      </c>
      <c r="Z12634">
        <v>13</v>
      </c>
      <c r="AA12634">
        <v>13</v>
      </c>
      <c r="AB12634">
        <v>13</v>
      </c>
      <c r="AC12634">
        <v>14</v>
      </c>
      <c r="AD12634">
        <v>14</v>
      </c>
      <c r="AE12634">
        <v>14</v>
      </c>
      <c r="AF12634">
        <v>14</v>
      </c>
      <c r="AG12634">
        <v>14</v>
      </c>
      <c r="AH12634">
        <v>15</v>
      </c>
      <c r="AI12634">
        <v>15</v>
      </c>
      <c r="AJ12634">
        <v>15</v>
      </c>
      <c r="AK12634">
        <v>15</v>
      </c>
      <c r="AL12634">
        <v>15</v>
      </c>
      <c r="AM12634">
        <v>16</v>
      </c>
      <c r="AN12634">
        <v>16</v>
      </c>
      <c r="AO12634">
        <v>16</v>
      </c>
      <c r="AP12634">
        <v>16</v>
      </c>
      <c r="AQ12634">
        <v>16</v>
      </c>
    </row>
    <row r="12635" spans="1:43">
      <c r="A12635" t="s">
        <v>7850</v>
      </c>
      <c r="B12635" t="s">
        <v>7851</v>
      </c>
      <c r="C12635" t="s">
        <v>7842</v>
      </c>
      <c r="D12635" t="s">
        <v>7843</v>
      </c>
      <c r="E12635" t="s">
        <v>7646</v>
      </c>
      <c r="F12635" t="s">
        <v>7647</v>
      </c>
      <c r="G12635" t="s">
        <v>80</v>
      </c>
      <c r="H12635" t="s">
        <v>81</v>
      </c>
      <c r="I12635" s="2">
        <v>0</v>
      </c>
      <c r="J12635" s="2">
        <v>1</v>
      </c>
      <c r="K12635" s="2">
        <v>0</v>
      </c>
      <c r="L12635" t="s">
        <v>82</v>
      </c>
      <c r="M12635" t="s">
        <v>87</v>
      </c>
      <c r="N12635" t="s">
        <v>88</v>
      </c>
      <c r="O12635" t="s">
        <v>85</v>
      </c>
      <c r="P12635" t="s">
        <v>86</v>
      </c>
      <c r="Q12635">
        <v>11</v>
      </c>
      <c r="R12635">
        <v>11</v>
      </c>
      <c r="S12635">
        <v>11</v>
      </c>
      <c r="T12635">
        <v>11</v>
      </c>
      <c r="U12635">
        <v>11</v>
      </c>
      <c r="V12635">
        <v>12</v>
      </c>
      <c r="W12635">
        <v>12</v>
      </c>
      <c r="X12635">
        <v>12</v>
      </c>
      <c r="Y12635">
        <v>12</v>
      </c>
      <c r="Z12635">
        <v>12</v>
      </c>
      <c r="AA12635">
        <v>12</v>
      </c>
      <c r="AB12635">
        <v>12</v>
      </c>
      <c r="AC12635">
        <v>12</v>
      </c>
      <c r="AD12635">
        <v>12</v>
      </c>
      <c r="AE12635">
        <v>12</v>
      </c>
      <c r="AF12635">
        <v>13</v>
      </c>
      <c r="AG12635">
        <v>13</v>
      </c>
      <c r="AH12635">
        <v>13</v>
      </c>
      <c r="AI12635">
        <v>13</v>
      </c>
      <c r="AJ12635">
        <v>13</v>
      </c>
      <c r="AK12635">
        <v>13</v>
      </c>
      <c r="AL12635">
        <v>13</v>
      </c>
      <c r="AM12635">
        <v>13</v>
      </c>
      <c r="AN12635">
        <v>13</v>
      </c>
      <c r="AO12635">
        <v>13</v>
      </c>
      <c r="AP12635">
        <v>14</v>
      </c>
      <c r="AQ12635">
        <v>14</v>
      </c>
    </row>
    <row r="12636" spans="1:43">
      <c r="A12636" t="s">
        <v>7850</v>
      </c>
      <c r="B12636" t="s">
        <v>7851</v>
      </c>
      <c r="C12636" t="s">
        <v>7842</v>
      </c>
      <c r="D12636" t="s">
        <v>7843</v>
      </c>
      <c r="E12636" t="s">
        <v>7646</v>
      </c>
      <c r="F12636" t="s">
        <v>7647</v>
      </c>
      <c r="G12636" t="s">
        <v>80</v>
      </c>
      <c r="H12636" t="s">
        <v>81</v>
      </c>
      <c r="I12636" s="2">
        <v>0</v>
      </c>
      <c r="J12636" s="2">
        <v>1</v>
      </c>
      <c r="K12636" s="2">
        <v>0</v>
      </c>
      <c r="L12636" t="s">
        <v>82</v>
      </c>
      <c r="M12636" t="s">
        <v>89</v>
      </c>
      <c r="N12636" t="s">
        <v>90</v>
      </c>
      <c r="O12636" t="s">
        <v>85</v>
      </c>
      <c r="P12636" t="s">
        <v>86</v>
      </c>
      <c r="Q12636">
        <v>11</v>
      </c>
      <c r="R12636">
        <v>12</v>
      </c>
      <c r="S12636">
        <v>12</v>
      </c>
      <c r="T12636">
        <v>12</v>
      </c>
      <c r="U12636">
        <v>12</v>
      </c>
      <c r="V12636">
        <v>13</v>
      </c>
      <c r="W12636">
        <v>13</v>
      </c>
      <c r="X12636">
        <v>13</v>
      </c>
      <c r="Y12636">
        <v>14</v>
      </c>
      <c r="Z12636">
        <v>14</v>
      </c>
      <c r="AA12636">
        <v>14</v>
      </c>
      <c r="AB12636">
        <v>14</v>
      </c>
      <c r="AC12636">
        <v>15</v>
      </c>
      <c r="AD12636">
        <v>15</v>
      </c>
      <c r="AE12636">
        <v>15</v>
      </c>
      <c r="AF12636">
        <v>15</v>
      </c>
      <c r="AG12636">
        <v>15</v>
      </c>
      <c r="AH12636">
        <v>15</v>
      </c>
      <c r="AI12636">
        <v>15</v>
      </c>
      <c r="AJ12636">
        <v>15</v>
      </c>
      <c r="AK12636">
        <v>15</v>
      </c>
      <c r="AL12636">
        <v>16</v>
      </c>
      <c r="AM12636">
        <v>16</v>
      </c>
      <c r="AN12636">
        <v>16</v>
      </c>
      <c r="AO12636">
        <v>16</v>
      </c>
      <c r="AP12636">
        <v>16</v>
      </c>
      <c r="AQ12636">
        <v>16</v>
      </c>
    </row>
    <row r="12637" spans="1:43">
      <c r="A12637" t="s">
        <v>7850</v>
      </c>
      <c r="B12637" t="s">
        <v>7851</v>
      </c>
      <c r="C12637" t="s">
        <v>7842</v>
      </c>
      <c r="D12637" t="s">
        <v>7843</v>
      </c>
      <c r="E12637" t="s">
        <v>7646</v>
      </c>
      <c r="F12637" t="s">
        <v>7647</v>
      </c>
      <c r="G12637" t="s">
        <v>80</v>
      </c>
      <c r="H12637" t="s">
        <v>81</v>
      </c>
      <c r="I12637" s="2">
        <v>0</v>
      </c>
      <c r="J12637" s="2">
        <v>1</v>
      </c>
      <c r="K12637" s="2">
        <v>0</v>
      </c>
      <c r="L12637" t="s">
        <v>82</v>
      </c>
      <c r="M12637" t="s">
        <v>83</v>
      </c>
      <c r="N12637" t="s">
        <v>91</v>
      </c>
      <c r="O12637" t="s">
        <v>85</v>
      </c>
      <c r="P12637" t="s">
        <v>86</v>
      </c>
      <c r="Q12637">
        <v>11</v>
      </c>
      <c r="R12637">
        <v>11</v>
      </c>
      <c r="S12637">
        <v>12</v>
      </c>
      <c r="T12637">
        <v>12</v>
      </c>
      <c r="U12637">
        <v>12</v>
      </c>
      <c r="V12637">
        <v>12</v>
      </c>
      <c r="W12637">
        <v>12</v>
      </c>
      <c r="X12637">
        <v>13</v>
      </c>
      <c r="Y12637">
        <v>13</v>
      </c>
      <c r="Z12637">
        <v>13</v>
      </c>
      <c r="AA12637">
        <v>13</v>
      </c>
      <c r="AB12637">
        <v>13</v>
      </c>
      <c r="AC12637">
        <v>14</v>
      </c>
      <c r="AD12637">
        <v>14</v>
      </c>
      <c r="AE12637">
        <v>14</v>
      </c>
      <c r="AF12637">
        <v>14</v>
      </c>
      <c r="AG12637">
        <v>14</v>
      </c>
      <c r="AH12637">
        <v>15</v>
      </c>
      <c r="AI12637">
        <v>15</v>
      </c>
      <c r="AJ12637">
        <v>15</v>
      </c>
      <c r="AK12637">
        <v>15</v>
      </c>
      <c r="AL12637">
        <v>15</v>
      </c>
      <c r="AM12637">
        <v>16</v>
      </c>
      <c r="AN12637">
        <v>16</v>
      </c>
      <c r="AO12637">
        <v>16</v>
      </c>
      <c r="AP12637">
        <v>16</v>
      </c>
      <c r="AQ12637">
        <v>16</v>
      </c>
    </row>
    <row r="12638" spans="1:43">
      <c r="A12638" t="s">
        <v>7852</v>
      </c>
      <c r="B12638" t="s">
        <v>7853</v>
      </c>
      <c r="C12638" t="s">
        <v>7838</v>
      </c>
      <c r="D12638" t="s">
        <v>7839</v>
      </c>
      <c r="E12638" t="s">
        <v>7646</v>
      </c>
      <c r="F12638" t="s">
        <v>7647</v>
      </c>
      <c r="G12638" t="s">
        <v>80</v>
      </c>
      <c r="H12638" t="s">
        <v>81</v>
      </c>
      <c r="I12638" s="2">
        <v>0.28000000000000003</v>
      </c>
      <c r="J12638" s="2">
        <v>0.72</v>
      </c>
      <c r="K12638" s="2">
        <v>0</v>
      </c>
      <c r="L12638" t="s">
        <v>82</v>
      </c>
      <c r="M12638" t="s">
        <v>83</v>
      </c>
      <c r="N12638" t="s">
        <v>84</v>
      </c>
      <c r="O12638" t="s">
        <v>85</v>
      </c>
      <c r="P12638" t="s">
        <v>86</v>
      </c>
      <c r="Q12638">
        <v>90</v>
      </c>
      <c r="R12638">
        <v>92</v>
      </c>
      <c r="S12638">
        <v>93</v>
      </c>
      <c r="T12638">
        <v>95</v>
      </c>
      <c r="U12638">
        <v>97</v>
      </c>
      <c r="V12638">
        <v>98</v>
      </c>
      <c r="W12638">
        <v>100</v>
      </c>
      <c r="X12638">
        <v>102</v>
      </c>
      <c r="Y12638">
        <v>103</v>
      </c>
      <c r="Z12638">
        <v>105</v>
      </c>
      <c r="AA12638">
        <v>107</v>
      </c>
      <c r="AB12638">
        <v>108</v>
      </c>
      <c r="AC12638">
        <v>110</v>
      </c>
      <c r="AD12638">
        <v>112</v>
      </c>
      <c r="AE12638">
        <v>113</v>
      </c>
      <c r="AF12638">
        <v>115</v>
      </c>
      <c r="AG12638">
        <v>117</v>
      </c>
      <c r="AH12638">
        <v>118</v>
      </c>
      <c r="AI12638">
        <v>120</v>
      </c>
      <c r="AJ12638">
        <v>122</v>
      </c>
      <c r="AK12638">
        <v>124</v>
      </c>
      <c r="AL12638">
        <v>124</v>
      </c>
      <c r="AM12638">
        <v>125</v>
      </c>
      <c r="AN12638">
        <v>126</v>
      </c>
      <c r="AO12638">
        <v>126</v>
      </c>
      <c r="AP12638">
        <v>127</v>
      </c>
      <c r="AQ12638">
        <v>127</v>
      </c>
    </row>
    <row r="12639" spans="1:43">
      <c r="A12639" t="s">
        <v>7852</v>
      </c>
      <c r="B12639" t="s">
        <v>7853</v>
      </c>
      <c r="C12639" t="s">
        <v>7838</v>
      </c>
      <c r="D12639" t="s">
        <v>7839</v>
      </c>
      <c r="E12639" t="s">
        <v>7646</v>
      </c>
      <c r="F12639" t="s">
        <v>7647</v>
      </c>
      <c r="G12639" t="s">
        <v>80</v>
      </c>
      <c r="H12639" t="s">
        <v>81</v>
      </c>
      <c r="I12639" s="2">
        <v>0.28000000000000003</v>
      </c>
      <c r="J12639" s="2">
        <v>0.72</v>
      </c>
      <c r="K12639" s="2">
        <v>0</v>
      </c>
      <c r="L12639" t="s">
        <v>82</v>
      </c>
      <c r="M12639" t="s">
        <v>87</v>
      </c>
      <c r="N12639" t="s">
        <v>88</v>
      </c>
      <c r="O12639" t="s">
        <v>85</v>
      </c>
      <c r="P12639" t="s">
        <v>86</v>
      </c>
      <c r="Q12639">
        <v>90</v>
      </c>
      <c r="R12639">
        <v>91</v>
      </c>
      <c r="S12639">
        <v>92</v>
      </c>
      <c r="T12639">
        <v>93</v>
      </c>
      <c r="U12639">
        <v>93</v>
      </c>
      <c r="V12639">
        <v>94</v>
      </c>
      <c r="W12639">
        <v>95</v>
      </c>
      <c r="X12639">
        <v>96</v>
      </c>
      <c r="Y12639">
        <v>96</v>
      </c>
      <c r="Z12639">
        <v>97</v>
      </c>
      <c r="AA12639">
        <v>98</v>
      </c>
      <c r="AB12639">
        <v>99</v>
      </c>
      <c r="AC12639">
        <v>100</v>
      </c>
      <c r="AD12639">
        <v>100</v>
      </c>
      <c r="AE12639">
        <v>101</v>
      </c>
      <c r="AF12639">
        <v>102</v>
      </c>
      <c r="AG12639">
        <v>103</v>
      </c>
      <c r="AH12639">
        <v>104</v>
      </c>
      <c r="AI12639">
        <v>104</v>
      </c>
      <c r="AJ12639">
        <v>105</v>
      </c>
      <c r="AK12639">
        <v>106</v>
      </c>
      <c r="AL12639">
        <v>107</v>
      </c>
      <c r="AM12639">
        <v>108</v>
      </c>
      <c r="AN12639">
        <v>108</v>
      </c>
      <c r="AO12639">
        <v>109</v>
      </c>
      <c r="AP12639">
        <v>110</v>
      </c>
      <c r="AQ12639">
        <v>111</v>
      </c>
    </row>
    <row r="12640" spans="1:43">
      <c r="A12640" t="s">
        <v>7852</v>
      </c>
      <c r="B12640" t="s">
        <v>7853</v>
      </c>
      <c r="C12640" t="s">
        <v>7838</v>
      </c>
      <c r="D12640" t="s">
        <v>7839</v>
      </c>
      <c r="E12640" t="s">
        <v>7646</v>
      </c>
      <c r="F12640" t="s">
        <v>7647</v>
      </c>
      <c r="G12640" t="s">
        <v>80</v>
      </c>
      <c r="H12640" t="s">
        <v>81</v>
      </c>
      <c r="I12640" s="2">
        <v>0.28000000000000003</v>
      </c>
      <c r="J12640" s="2">
        <v>0.72</v>
      </c>
      <c r="K12640" s="2">
        <v>0</v>
      </c>
      <c r="L12640" t="s">
        <v>82</v>
      </c>
      <c r="M12640" t="s">
        <v>89</v>
      </c>
      <c r="N12640" t="s">
        <v>90</v>
      </c>
      <c r="O12640" t="s">
        <v>85</v>
      </c>
      <c r="P12640" t="s">
        <v>86</v>
      </c>
      <c r="Q12640">
        <v>90</v>
      </c>
      <c r="R12640">
        <v>92</v>
      </c>
      <c r="S12640">
        <v>95</v>
      </c>
      <c r="T12640">
        <v>97</v>
      </c>
      <c r="U12640">
        <v>99</v>
      </c>
      <c r="V12640">
        <v>102</v>
      </c>
      <c r="W12640">
        <v>104</v>
      </c>
      <c r="X12640">
        <v>106</v>
      </c>
      <c r="Y12640">
        <v>108</v>
      </c>
      <c r="Z12640">
        <v>111</v>
      </c>
      <c r="AA12640">
        <v>113</v>
      </c>
      <c r="AB12640">
        <v>115</v>
      </c>
      <c r="AC12640">
        <v>117</v>
      </c>
      <c r="AD12640">
        <v>119</v>
      </c>
      <c r="AE12640">
        <v>121</v>
      </c>
      <c r="AF12640">
        <v>121</v>
      </c>
      <c r="AG12640">
        <v>122</v>
      </c>
      <c r="AH12640">
        <v>122</v>
      </c>
      <c r="AI12640">
        <v>123</v>
      </c>
      <c r="AJ12640">
        <v>123</v>
      </c>
      <c r="AK12640">
        <v>124</v>
      </c>
      <c r="AL12640">
        <v>125</v>
      </c>
      <c r="AM12640">
        <v>125</v>
      </c>
      <c r="AN12640">
        <v>125</v>
      </c>
      <c r="AO12640">
        <v>126</v>
      </c>
      <c r="AP12640">
        <v>126</v>
      </c>
      <c r="AQ12640">
        <v>127</v>
      </c>
    </row>
    <row r="12641" spans="1:43">
      <c r="A12641" t="s">
        <v>7852</v>
      </c>
      <c r="B12641" t="s">
        <v>7853</v>
      </c>
      <c r="C12641" t="s">
        <v>7838</v>
      </c>
      <c r="D12641" t="s">
        <v>7839</v>
      </c>
      <c r="E12641" t="s">
        <v>7646</v>
      </c>
      <c r="F12641" t="s">
        <v>7647</v>
      </c>
      <c r="G12641" t="s">
        <v>80</v>
      </c>
      <c r="H12641" t="s">
        <v>81</v>
      </c>
      <c r="I12641" s="2">
        <v>0.28000000000000003</v>
      </c>
      <c r="J12641" s="2">
        <v>0.72</v>
      </c>
      <c r="K12641" s="2">
        <v>0</v>
      </c>
      <c r="L12641" t="s">
        <v>82</v>
      </c>
      <c r="M12641" t="s">
        <v>83</v>
      </c>
      <c r="N12641" t="s">
        <v>91</v>
      </c>
      <c r="O12641" t="s">
        <v>85</v>
      </c>
      <c r="P12641" t="s">
        <v>86</v>
      </c>
      <c r="Q12641">
        <v>90</v>
      </c>
      <c r="R12641">
        <v>92</v>
      </c>
      <c r="S12641">
        <v>93</v>
      </c>
      <c r="T12641">
        <v>95</v>
      </c>
      <c r="U12641">
        <v>97</v>
      </c>
      <c r="V12641">
        <v>98</v>
      </c>
      <c r="W12641">
        <v>100</v>
      </c>
      <c r="X12641">
        <v>102</v>
      </c>
      <c r="Y12641">
        <v>103</v>
      </c>
      <c r="Z12641">
        <v>105</v>
      </c>
      <c r="AA12641">
        <v>107</v>
      </c>
      <c r="AB12641">
        <v>108</v>
      </c>
      <c r="AC12641">
        <v>110</v>
      </c>
      <c r="AD12641">
        <v>112</v>
      </c>
      <c r="AE12641">
        <v>113</v>
      </c>
      <c r="AF12641">
        <v>115</v>
      </c>
      <c r="AG12641">
        <v>117</v>
      </c>
      <c r="AH12641">
        <v>118</v>
      </c>
      <c r="AI12641">
        <v>120</v>
      </c>
      <c r="AJ12641">
        <v>122</v>
      </c>
      <c r="AK12641">
        <v>124</v>
      </c>
      <c r="AL12641">
        <v>124</v>
      </c>
      <c r="AM12641">
        <v>125</v>
      </c>
      <c r="AN12641">
        <v>126</v>
      </c>
      <c r="AO12641">
        <v>126</v>
      </c>
      <c r="AP12641">
        <v>127</v>
      </c>
      <c r="AQ12641">
        <v>127</v>
      </c>
    </row>
    <row r="12642" spans="1:43">
      <c r="A12642" t="s">
        <v>7854</v>
      </c>
      <c r="B12642" t="s">
        <v>7855</v>
      </c>
      <c r="C12642" t="s">
        <v>7842</v>
      </c>
      <c r="D12642" t="s">
        <v>7843</v>
      </c>
      <c r="E12642" t="s">
        <v>7646</v>
      </c>
      <c r="F12642" t="s">
        <v>7647</v>
      </c>
      <c r="G12642" t="s">
        <v>80</v>
      </c>
      <c r="H12642" t="s">
        <v>81</v>
      </c>
      <c r="I12642" s="2">
        <v>0</v>
      </c>
      <c r="J12642" s="2">
        <v>1</v>
      </c>
      <c r="K12642" s="2">
        <v>0</v>
      </c>
      <c r="L12642" t="s">
        <v>82</v>
      </c>
      <c r="M12642" t="s">
        <v>83</v>
      </c>
      <c r="N12642" t="s">
        <v>84</v>
      </c>
      <c r="O12642" t="s">
        <v>85</v>
      </c>
      <c r="P12642" t="s">
        <v>86</v>
      </c>
      <c r="Q12642">
        <v>12</v>
      </c>
      <c r="R12642">
        <v>12</v>
      </c>
      <c r="S12642">
        <v>13</v>
      </c>
      <c r="T12642">
        <v>13</v>
      </c>
      <c r="U12642">
        <v>13</v>
      </c>
      <c r="V12642">
        <v>13</v>
      </c>
      <c r="W12642">
        <v>14</v>
      </c>
      <c r="X12642">
        <v>14</v>
      </c>
      <c r="Y12642">
        <v>14</v>
      </c>
      <c r="Z12642">
        <v>14</v>
      </c>
      <c r="AA12642">
        <v>15</v>
      </c>
      <c r="AB12642">
        <v>15</v>
      </c>
      <c r="AC12642">
        <v>15</v>
      </c>
      <c r="AD12642">
        <v>15</v>
      </c>
      <c r="AE12642">
        <v>15</v>
      </c>
      <c r="AF12642">
        <v>16</v>
      </c>
      <c r="AG12642">
        <v>16</v>
      </c>
      <c r="AH12642">
        <v>16</v>
      </c>
      <c r="AI12642">
        <v>16</v>
      </c>
      <c r="AJ12642">
        <v>17</v>
      </c>
      <c r="AK12642">
        <v>17</v>
      </c>
      <c r="AL12642">
        <v>17</v>
      </c>
      <c r="AM12642">
        <v>17</v>
      </c>
      <c r="AN12642">
        <v>17</v>
      </c>
      <c r="AO12642">
        <v>17</v>
      </c>
      <c r="AP12642">
        <v>17</v>
      </c>
      <c r="AQ12642">
        <v>17</v>
      </c>
    </row>
    <row r="12643" spans="1:43">
      <c r="A12643" t="s">
        <v>7854</v>
      </c>
      <c r="B12643" t="s">
        <v>7855</v>
      </c>
      <c r="C12643" t="s">
        <v>7842</v>
      </c>
      <c r="D12643" t="s">
        <v>7843</v>
      </c>
      <c r="E12643" t="s">
        <v>7646</v>
      </c>
      <c r="F12643" t="s">
        <v>7647</v>
      </c>
      <c r="G12643" t="s">
        <v>80</v>
      </c>
      <c r="H12643" t="s">
        <v>81</v>
      </c>
      <c r="I12643" s="2">
        <v>0</v>
      </c>
      <c r="J12643" s="2">
        <v>1</v>
      </c>
      <c r="K12643" s="2">
        <v>0</v>
      </c>
      <c r="L12643" t="s">
        <v>82</v>
      </c>
      <c r="M12643" t="s">
        <v>87</v>
      </c>
      <c r="N12643" t="s">
        <v>88</v>
      </c>
      <c r="O12643" t="s">
        <v>85</v>
      </c>
      <c r="P12643" t="s">
        <v>86</v>
      </c>
      <c r="Q12643">
        <v>12</v>
      </c>
      <c r="R12643">
        <v>12</v>
      </c>
      <c r="S12643">
        <v>12</v>
      </c>
      <c r="T12643">
        <v>12</v>
      </c>
      <c r="U12643">
        <v>13</v>
      </c>
      <c r="V12643">
        <v>13</v>
      </c>
      <c r="W12643">
        <v>13</v>
      </c>
      <c r="X12643">
        <v>13</v>
      </c>
      <c r="Y12643">
        <v>13</v>
      </c>
      <c r="Z12643">
        <v>13</v>
      </c>
      <c r="AA12643">
        <v>13</v>
      </c>
      <c r="AB12643">
        <v>13</v>
      </c>
      <c r="AC12643">
        <v>13</v>
      </c>
      <c r="AD12643">
        <v>14</v>
      </c>
      <c r="AE12643">
        <v>14</v>
      </c>
      <c r="AF12643">
        <v>14</v>
      </c>
      <c r="AG12643">
        <v>14</v>
      </c>
      <c r="AH12643">
        <v>14</v>
      </c>
      <c r="AI12643">
        <v>14</v>
      </c>
      <c r="AJ12643">
        <v>14</v>
      </c>
      <c r="AK12643">
        <v>14</v>
      </c>
      <c r="AL12643">
        <v>15</v>
      </c>
      <c r="AM12643">
        <v>15</v>
      </c>
      <c r="AN12643">
        <v>15</v>
      </c>
      <c r="AO12643">
        <v>15</v>
      </c>
      <c r="AP12643">
        <v>15</v>
      </c>
      <c r="AQ12643">
        <v>15</v>
      </c>
    </row>
    <row r="12644" spans="1:43">
      <c r="A12644" t="s">
        <v>7854</v>
      </c>
      <c r="B12644" t="s">
        <v>7855</v>
      </c>
      <c r="C12644" t="s">
        <v>7842</v>
      </c>
      <c r="D12644" t="s">
        <v>7843</v>
      </c>
      <c r="E12644" t="s">
        <v>7646</v>
      </c>
      <c r="F12644" t="s">
        <v>7647</v>
      </c>
      <c r="G12644" t="s">
        <v>80</v>
      </c>
      <c r="H12644" t="s">
        <v>81</v>
      </c>
      <c r="I12644" s="2">
        <v>0</v>
      </c>
      <c r="J12644" s="2">
        <v>1</v>
      </c>
      <c r="K12644" s="2">
        <v>0</v>
      </c>
      <c r="L12644" t="s">
        <v>82</v>
      </c>
      <c r="M12644" t="s">
        <v>89</v>
      </c>
      <c r="N12644" t="s">
        <v>90</v>
      </c>
      <c r="O12644" t="s">
        <v>85</v>
      </c>
      <c r="P12644" t="s">
        <v>86</v>
      </c>
      <c r="Q12644">
        <v>12</v>
      </c>
      <c r="R12644">
        <v>13</v>
      </c>
      <c r="S12644">
        <v>13</v>
      </c>
      <c r="T12644">
        <v>13</v>
      </c>
      <c r="U12644">
        <v>14</v>
      </c>
      <c r="V12644">
        <v>14</v>
      </c>
      <c r="W12644">
        <v>14</v>
      </c>
      <c r="X12644">
        <v>15</v>
      </c>
      <c r="Y12644">
        <v>15</v>
      </c>
      <c r="Z12644">
        <v>15</v>
      </c>
      <c r="AA12644">
        <v>15</v>
      </c>
      <c r="AB12644">
        <v>16</v>
      </c>
      <c r="AC12644">
        <v>16</v>
      </c>
      <c r="AD12644">
        <v>16</v>
      </c>
      <c r="AE12644">
        <v>17</v>
      </c>
      <c r="AF12644">
        <v>17</v>
      </c>
      <c r="AG12644">
        <v>17</v>
      </c>
      <c r="AH12644">
        <v>17</v>
      </c>
      <c r="AI12644">
        <v>17</v>
      </c>
      <c r="AJ12644">
        <v>17</v>
      </c>
      <c r="AK12644">
        <v>17</v>
      </c>
      <c r="AL12644">
        <v>17</v>
      </c>
      <c r="AM12644">
        <v>17</v>
      </c>
      <c r="AN12644">
        <v>17</v>
      </c>
      <c r="AO12644">
        <v>17</v>
      </c>
      <c r="AP12644">
        <v>17</v>
      </c>
      <c r="AQ12644">
        <v>17</v>
      </c>
    </row>
    <row r="12645" spans="1:43">
      <c r="A12645" t="s">
        <v>7854</v>
      </c>
      <c r="B12645" t="s">
        <v>7855</v>
      </c>
      <c r="C12645" t="s">
        <v>7842</v>
      </c>
      <c r="D12645" t="s">
        <v>7843</v>
      </c>
      <c r="E12645" t="s">
        <v>7646</v>
      </c>
      <c r="F12645" t="s">
        <v>7647</v>
      </c>
      <c r="G12645" t="s">
        <v>80</v>
      </c>
      <c r="H12645" t="s">
        <v>81</v>
      </c>
      <c r="I12645" s="2">
        <v>0</v>
      </c>
      <c r="J12645" s="2">
        <v>1</v>
      </c>
      <c r="K12645" s="2">
        <v>0</v>
      </c>
      <c r="L12645" t="s">
        <v>82</v>
      </c>
      <c r="M12645" t="s">
        <v>83</v>
      </c>
      <c r="N12645" t="s">
        <v>91</v>
      </c>
      <c r="O12645" t="s">
        <v>85</v>
      </c>
      <c r="P12645" t="s">
        <v>86</v>
      </c>
      <c r="Q12645">
        <v>12</v>
      </c>
      <c r="R12645">
        <v>12</v>
      </c>
      <c r="S12645">
        <v>13</v>
      </c>
      <c r="T12645">
        <v>13</v>
      </c>
      <c r="U12645">
        <v>13</v>
      </c>
      <c r="V12645">
        <v>13</v>
      </c>
      <c r="W12645">
        <v>14</v>
      </c>
      <c r="X12645">
        <v>14</v>
      </c>
      <c r="Y12645">
        <v>14</v>
      </c>
      <c r="Z12645">
        <v>14</v>
      </c>
      <c r="AA12645">
        <v>15</v>
      </c>
      <c r="AB12645">
        <v>15</v>
      </c>
      <c r="AC12645">
        <v>15</v>
      </c>
      <c r="AD12645">
        <v>15</v>
      </c>
      <c r="AE12645">
        <v>15</v>
      </c>
      <c r="AF12645">
        <v>16</v>
      </c>
      <c r="AG12645">
        <v>16</v>
      </c>
      <c r="AH12645">
        <v>16</v>
      </c>
      <c r="AI12645">
        <v>16</v>
      </c>
      <c r="AJ12645">
        <v>17</v>
      </c>
      <c r="AK12645">
        <v>17</v>
      </c>
      <c r="AL12645">
        <v>17</v>
      </c>
      <c r="AM12645">
        <v>17</v>
      </c>
      <c r="AN12645">
        <v>17</v>
      </c>
      <c r="AO12645">
        <v>17</v>
      </c>
      <c r="AP12645">
        <v>17</v>
      </c>
      <c r="AQ12645">
        <v>17</v>
      </c>
    </row>
    <row r="12646" spans="1:43">
      <c r="A12646" t="s">
        <v>7856</v>
      </c>
      <c r="B12646" t="s">
        <v>7857</v>
      </c>
      <c r="C12646" t="s">
        <v>7858</v>
      </c>
      <c r="D12646" t="s">
        <v>7859</v>
      </c>
      <c r="E12646" t="s">
        <v>7646</v>
      </c>
      <c r="F12646" t="s">
        <v>7647</v>
      </c>
      <c r="G12646" t="s">
        <v>80</v>
      </c>
      <c r="H12646" t="s">
        <v>81</v>
      </c>
      <c r="I12646" s="2">
        <v>0</v>
      </c>
      <c r="J12646" s="2">
        <v>1</v>
      </c>
      <c r="K12646" s="2">
        <v>0</v>
      </c>
      <c r="L12646" t="s">
        <v>82</v>
      </c>
      <c r="M12646" t="s">
        <v>83</v>
      </c>
      <c r="N12646" t="s">
        <v>84</v>
      </c>
      <c r="O12646" t="s">
        <v>85</v>
      </c>
      <c r="P12646" t="s">
        <v>86</v>
      </c>
      <c r="Q12646">
        <v>39</v>
      </c>
      <c r="R12646">
        <v>40</v>
      </c>
      <c r="S12646">
        <v>41</v>
      </c>
      <c r="T12646">
        <v>41</v>
      </c>
      <c r="U12646">
        <v>42</v>
      </c>
      <c r="V12646">
        <v>43</v>
      </c>
      <c r="W12646">
        <v>44</v>
      </c>
      <c r="X12646">
        <v>44</v>
      </c>
      <c r="Y12646">
        <v>45</v>
      </c>
      <c r="Z12646">
        <v>46</v>
      </c>
      <c r="AA12646">
        <v>47</v>
      </c>
      <c r="AB12646">
        <v>47</v>
      </c>
      <c r="AC12646">
        <v>48</v>
      </c>
      <c r="AD12646">
        <v>49</v>
      </c>
      <c r="AE12646">
        <v>50</v>
      </c>
      <c r="AF12646">
        <v>50</v>
      </c>
      <c r="AG12646">
        <v>51</v>
      </c>
      <c r="AH12646">
        <v>52</v>
      </c>
      <c r="AI12646">
        <v>52</v>
      </c>
      <c r="AJ12646">
        <v>53</v>
      </c>
      <c r="AK12646">
        <v>54</v>
      </c>
      <c r="AL12646">
        <v>54</v>
      </c>
      <c r="AM12646">
        <v>55</v>
      </c>
      <c r="AN12646">
        <v>55</v>
      </c>
      <c r="AO12646">
        <v>55</v>
      </c>
      <c r="AP12646">
        <v>55</v>
      </c>
      <c r="AQ12646">
        <v>56</v>
      </c>
    </row>
    <row r="12647" spans="1:43">
      <c r="A12647" t="s">
        <v>7856</v>
      </c>
      <c r="B12647" t="s">
        <v>7857</v>
      </c>
      <c r="C12647" t="s">
        <v>7858</v>
      </c>
      <c r="D12647" t="s">
        <v>7859</v>
      </c>
      <c r="E12647" t="s">
        <v>7646</v>
      </c>
      <c r="F12647" t="s">
        <v>7647</v>
      </c>
      <c r="G12647" t="s">
        <v>80</v>
      </c>
      <c r="H12647" t="s">
        <v>81</v>
      </c>
      <c r="I12647" s="2">
        <v>0</v>
      </c>
      <c r="J12647" s="2">
        <v>1</v>
      </c>
      <c r="K12647" s="2">
        <v>0</v>
      </c>
      <c r="L12647" t="s">
        <v>82</v>
      </c>
      <c r="M12647" t="s">
        <v>87</v>
      </c>
      <c r="N12647" t="s">
        <v>88</v>
      </c>
      <c r="O12647" t="s">
        <v>85</v>
      </c>
      <c r="P12647" t="s">
        <v>86</v>
      </c>
      <c r="Q12647">
        <v>39</v>
      </c>
      <c r="R12647">
        <v>39</v>
      </c>
      <c r="S12647">
        <v>40</v>
      </c>
      <c r="T12647">
        <v>40</v>
      </c>
      <c r="U12647">
        <v>40</v>
      </c>
      <c r="V12647">
        <v>41</v>
      </c>
      <c r="W12647">
        <v>41</v>
      </c>
      <c r="X12647">
        <v>41</v>
      </c>
      <c r="Y12647">
        <v>42</v>
      </c>
      <c r="Z12647">
        <v>42</v>
      </c>
      <c r="AA12647">
        <v>42</v>
      </c>
      <c r="AB12647">
        <v>43</v>
      </c>
      <c r="AC12647">
        <v>43</v>
      </c>
      <c r="AD12647">
        <v>44</v>
      </c>
      <c r="AE12647">
        <v>44</v>
      </c>
      <c r="AF12647">
        <v>44</v>
      </c>
      <c r="AG12647">
        <v>45</v>
      </c>
      <c r="AH12647">
        <v>45</v>
      </c>
      <c r="AI12647">
        <v>45</v>
      </c>
      <c r="AJ12647">
        <v>46</v>
      </c>
      <c r="AK12647">
        <v>46</v>
      </c>
      <c r="AL12647">
        <v>46</v>
      </c>
      <c r="AM12647">
        <v>47</v>
      </c>
      <c r="AN12647">
        <v>47</v>
      </c>
      <c r="AO12647">
        <v>47</v>
      </c>
      <c r="AP12647">
        <v>48</v>
      </c>
      <c r="AQ12647">
        <v>48</v>
      </c>
    </row>
    <row r="12648" spans="1:43">
      <c r="A12648" t="s">
        <v>7856</v>
      </c>
      <c r="B12648" t="s">
        <v>7857</v>
      </c>
      <c r="C12648" t="s">
        <v>7858</v>
      </c>
      <c r="D12648" t="s">
        <v>7859</v>
      </c>
      <c r="E12648" t="s">
        <v>7646</v>
      </c>
      <c r="F12648" t="s">
        <v>7647</v>
      </c>
      <c r="G12648" t="s">
        <v>80</v>
      </c>
      <c r="H12648" t="s">
        <v>81</v>
      </c>
      <c r="I12648" s="2">
        <v>0</v>
      </c>
      <c r="J12648" s="2">
        <v>1</v>
      </c>
      <c r="K12648" s="2">
        <v>0</v>
      </c>
      <c r="L12648" t="s">
        <v>82</v>
      </c>
      <c r="M12648" t="s">
        <v>89</v>
      </c>
      <c r="N12648" t="s">
        <v>90</v>
      </c>
      <c r="O12648" t="s">
        <v>85</v>
      </c>
      <c r="P12648" t="s">
        <v>86</v>
      </c>
      <c r="Q12648">
        <v>39</v>
      </c>
      <c r="R12648">
        <v>40</v>
      </c>
      <c r="S12648">
        <v>41</v>
      </c>
      <c r="T12648">
        <v>42</v>
      </c>
      <c r="U12648">
        <v>43</v>
      </c>
      <c r="V12648">
        <v>44</v>
      </c>
      <c r="W12648">
        <v>45</v>
      </c>
      <c r="X12648">
        <v>46</v>
      </c>
      <c r="Y12648">
        <v>47</v>
      </c>
      <c r="Z12648">
        <v>48</v>
      </c>
      <c r="AA12648">
        <v>49</v>
      </c>
      <c r="AB12648">
        <v>50</v>
      </c>
      <c r="AC12648">
        <v>51</v>
      </c>
      <c r="AD12648">
        <v>51</v>
      </c>
      <c r="AE12648">
        <v>52</v>
      </c>
      <c r="AF12648">
        <v>52</v>
      </c>
      <c r="AG12648">
        <v>53</v>
      </c>
      <c r="AH12648">
        <v>53</v>
      </c>
      <c r="AI12648">
        <v>53</v>
      </c>
      <c r="AJ12648">
        <v>53</v>
      </c>
      <c r="AK12648">
        <v>54</v>
      </c>
      <c r="AL12648">
        <v>54</v>
      </c>
      <c r="AM12648">
        <v>54</v>
      </c>
      <c r="AN12648">
        <v>54</v>
      </c>
      <c r="AO12648">
        <v>55</v>
      </c>
      <c r="AP12648">
        <v>55</v>
      </c>
      <c r="AQ12648">
        <v>55</v>
      </c>
    </row>
    <row r="12649" spans="1:43">
      <c r="A12649" t="s">
        <v>7856</v>
      </c>
      <c r="B12649" t="s">
        <v>7857</v>
      </c>
      <c r="C12649" t="s">
        <v>7858</v>
      </c>
      <c r="D12649" t="s">
        <v>7859</v>
      </c>
      <c r="E12649" t="s">
        <v>7646</v>
      </c>
      <c r="F12649" t="s">
        <v>7647</v>
      </c>
      <c r="G12649" t="s">
        <v>80</v>
      </c>
      <c r="H12649" t="s">
        <v>81</v>
      </c>
      <c r="I12649" s="2">
        <v>0</v>
      </c>
      <c r="J12649" s="2">
        <v>1</v>
      </c>
      <c r="K12649" s="2">
        <v>0</v>
      </c>
      <c r="L12649" t="s">
        <v>82</v>
      </c>
      <c r="M12649" t="s">
        <v>83</v>
      </c>
      <c r="N12649" t="s">
        <v>91</v>
      </c>
      <c r="O12649" t="s">
        <v>85</v>
      </c>
      <c r="P12649" t="s">
        <v>86</v>
      </c>
      <c r="Q12649">
        <v>39</v>
      </c>
      <c r="R12649">
        <v>40</v>
      </c>
      <c r="S12649">
        <v>41</v>
      </c>
      <c r="T12649">
        <v>41</v>
      </c>
      <c r="U12649">
        <v>42</v>
      </c>
      <c r="V12649">
        <v>43</v>
      </c>
      <c r="W12649">
        <v>44</v>
      </c>
      <c r="X12649">
        <v>44</v>
      </c>
      <c r="Y12649">
        <v>45</v>
      </c>
      <c r="Z12649">
        <v>46</v>
      </c>
      <c r="AA12649">
        <v>47</v>
      </c>
      <c r="AB12649">
        <v>47</v>
      </c>
      <c r="AC12649">
        <v>48</v>
      </c>
      <c r="AD12649">
        <v>49</v>
      </c>
      <c r="AE12649">
        <v>50</v>
      </c>
      <c r="AF12649">
        <v>50</v>
      </c>
      <c r="AG12649">
        <v>51</v>
      </c>
      <c r="AH12649">
        <v>52</v>
      </c>
      <c r="AI12649">
        <v>52</v>
      </c>
      <c r="AJ12649">
        <v>53</v>
      </c>
      <c r="AK12649">
        <v>54</v>
      </c>
      <c r="AL12649">
        <v>54</v>
      </c>
      <c r="AM12649">
        <v>55</v>
      </c>
      <c r="AN12649">
        <v>55</v>
      </c>
      <c r="AO12649">
        <v>55</v>
      </c>
      <c r="AP12649">
        <v>55</v>
      </c>
      <c r="AQ12649">
        <v>56</v>
      </c>
    </row>
    <row r="12650" spans="1:43">
      <c r="A12650" t="s">
        <v>7860</v>
      </c>
      <c r="B12650" t="s">
        <v>7861</v>
      </c>
      <c r="C12650" t="s">
        <v>7858</v>
      </c>
      <c r="D12650" t="s">
        <v>7859</v>
      </c>
      <c r="E12650" t="s">
        <v>7646</v>
      </c>
      <c r="F12650" t="s">
        <v>7647</v>
      </c>
      <c r="G12650" t="s">
        <v>80</v>
      </c>
      <c r="H12650" t="s">
        <v>81</v>
      </c>
      <c r="I12650" s="2">
        <v>0</v>
      </c>
      <c r="J12650" s="2">
        <v>1</v>
      </c>
      <c r="K12650" s="2">
        <v>0</v>
      </c>
      <c r="L12650" t="s">
        <v>82</v>
      </c>
      <c r="M12650" t="s">
        <v>83</v>
      </c>
      <c r="N12650" t="s">
        <v>84</v>
      </c>
      <c r="O12650" t="s">
        <v>85</v>
      </c>
      <c r="P12650" t="s">
        <v>86</v>
      </c>
      <c r="Q12650">
        <v>0</v>
      </c>
      <c r="R12650">
        <v>0</v>
      </c>
      <c r="S12650">
        <v>0</v>
      </c>
      <c r="T12650">
        <v>0</v>
      </c>
      <c r="U12650">
        <v>0</v>
      </c>
      <c r="V12650">
        <v>0</v>
      </c>
      <c r="W12650">
        <v>0</v>
      </c>
      <c r="X12650">
        <v>0</v>
      </c>
      <c r="Y12650">
        <v>0</v>
      </c>
      <c r="Z12650">
        <v>0</v>
      </c>
      <c r="AA12650">
        <v>0</v>
      </c>
      <c r="AB12650">
        <v>0</v>
      </c>
      <c r="AC12650">
        <v>0</v>
      </c>
      <c r="AD12650">
        <v>0</v>
      </c>
      <c r="AE12650">
        <v>0</v>
      </c>
      <c r="AF12650">
        <v>0</v>
      </c>
      <c r="AG12650">
        <v>0</v>
      </c>
      <c r="AH12650">
        <v>0</v>
      </c>
      <c r="AI12650">
        <v>0</v>
      </c>
      <c r="AJ12650">
        <v>0</v>
      </c>
      <c r="AK12650">
        <v>0</v>
      </c>
      <c r="AL12650">
        <v>0</v>
      </c>
      <c r="AM12650">
        <v>0</v>
      </c>
      <c r="AN12650">
        <v>0</v>
      </c>
      <c r="AO12650">
        <v>0</v>
      </c>
      <c r="AP12650">
        <v>0</v>
      </c>
      <c r="AQ12650">
        <v>0</v>
      </c>
    </row>
    <row r="12651" spans="1:43">
      <c r="A12651" t="s">
        <v>7860</v>
      </c>
      <c r="B12651" t="s">
        <v>7861</v>
      </c>
      <c r="C12651" t="s">
        <v>7858</v>
      </c>
      <c r="D12651" t="s">
        <v>7859</v>
      </c>
      <c r="E12651" t="s">
        <v>7646</v>
      </c>
      <c r="F12651" t="s">
        <v>7647</v>
      </c>
      <c r="G12651" t="s">
        <v>80</v>
      </c>
      <c r="H12651" t="s">
        <v>81</v>
      </c>
      <c r="I12651" s="2">
        <v>0</v>
      </c>
      <c r="J12651" s="2">
        <v>1</v>
      </c>
      <c r="K12651" s="2">
        <v>0</v>
      </c>
      <c r="L12651" t="s">
        <v>82</v>
      </c>
      <c r="M12651" t="s">
        <v>87</v>
      </c>
      <c r="N12651" t="s">
        <v>88</v>
      </c>
      <c r="O12651" t="s">
        <v>85</v>
      </c>
      <c r="P12651" t="s">
        <v>86</v>
      </c>
      <c r="Q12651">
        <v>0</v>
      </c>
      <c r="R12651">
        <v>0</v>
      </c>
      <c r="S12651">
        <v>0</v>
      </c>
      <c r="T12651">
        <v>0</v>
      </c>
      <c r="U12651">
        <v>0</v>
      </c>
      <c r="V12651">
        <v>0</v>
      </c>
      <c r="W12651">
        <v>0</v>
      </c>
      <c r="X12651">
        <v>0</v>
      </c>
      <c r="Y12651">
        <v>0</v>
      </c>
      <c r="Z12651">
        <v>0</v>
      </c>
      <c r="AA12651">
        <v>0</v>
      </c>
      <c r="AB12651">
        <v>0</v>
      </c>
      <c r="AC12651">
        <v>0</v>
      </c>
      <c r="AD12651">
        <v>0</v>
      </c>
      <c r="AE12651">
        <v>0</v>
      </c>
      <c r="AF12651">
        <v>0</v>
      </c>
      <c r="AG12651">
        <v>0</v>
      </c>
      <c r="AH12651">
        <v>0</v>
      </c>
      <c r="AI12651">
        <v>0</v>
      </c>
      <c r="AJ12651">
        <v>0</v>
      </c>
      <c r="AK12651">
        <v>0</v>
      </c>
      <c r="AL12651">
        <v>0</v>
      </c>
      <c r="AM12651">
        <v>0</v>
      </c>
      <c r="AN12651">
        <v>0</v>
      </c>
      <c r="AO12651">
        <v>0</v>
      </c>
      <c r="AP12651">
        <v>0</v>
      </c>
      <c r="AQ12651">
        <v>0</v>
      </c>
    </row>
    <row r="12652" spans="1:43">
      <c r="A12652" t="s">
        <v>7860</v>
      </c>
      <c r="B12652" t="s">
        <v>7861</v>
      </c>
      <c r="C12652" t="s">
        <v>7858</v>
      </c>
      <c r="D12652" t="s">
        <v>7859</v>
      </c>
      <c r="E12652" t="s">
        <v>7646</v>
      </c>
      <c r="F12652" t="s">
        <v>7647</v>
      </c>
      <c r="G12652" t="s">
        <v>80</v>
      </c>
      <c r="H12652" t="s">
        <v>81</v>
      </c>
      <c r="I12652" s="2">
        <v>0</v>
      </c>
      <c r="J12652" s="2">
        <v>1</v>
      </c>
      <c r="K12652" s="2">
        <v>0</v>
      </c>
      <c r="L12652" t="s">
        <v>82</v>
      </c>
      <c r="M12652" t="s">
        <v>89</v>
      </c>
      <c r="N12652" t="s">
        <v>90</v>
      </c>
      <c r="O12652" t="s">
        <v>85</v>
      </c>
      <c r="P12652" t="s">
        <v>86</v>
      </c>
      <c r="Q12652">
        <v>0</v>
      </c>
      <c r="R12652">
        <v>0</v>
      </c>
      <c r="S12652">
        <v>0</v>
      </c>
      <c r="T12652">
        <v>0</v>
      </c>
      <c r="U12652">
        <v>0</v>
      </c>
      <c r="V12652">
        <v>0</v>
      </c>
      <c r="W12652">
        <v>0</v>
      </c>
      <c r="X12652">
        <v>0</v>
      </c>
      <c r="Y12652">
        <v>0</v>
      </c>
      <c r="Z12652">
        <v>0</v>
      </c>
      <c r="AA12652">
        <v>0</v>
      </c>
      <c r="AB12652">
        <v>0</v>
      </c>
      <c r="AC12652">
        <v>0</v>
      </c>
      <c r="AD12652">
        <v>0</v>
      </c>
      <c r="AE12652">
        <v>0</v>
      </c>
      <c r="AF12652">
        <v>0</v>
      </c>
      <c r="AG12652">
        <v>0</v>
      </c>
      <c r="AH12652">
        <v>0</v>
      </c>
      <c r="AI12652">
        <v>0</v>
      </c>
      <c r="AJ12652">
        <v>0</v>
      </c>
      <c r="AK12652">
        <v>0</v>
      </c>
      <c r="AL12652">
        <v>0</v>
      </c>
      <c r="AM12652">
        <v>0</v>
      </c>
      <c r="AN12652">
        <v>0</v>
      </c>
      <c r="AO12652">
        <v>0</v>
      </c>
      <c r="AP12652">
        <v>0</v>
      </c>
      <c r="AQ12652">
        <v>0</v>
      </c>
    </row>
    <row r="12653" spans="1:43">
      <c r="A12653" t="s">
        <v>7860</v>
      </c>
      <c r="B12653" t="s">
        <v>7861</v>
      </c>
      <c r="C12653" t="s">
        <v>7858</v>
      </c>
      <c r="D12653" t="s">
        <v>7859</v>
      </c>
      <c r="E12653" t="s">
        <v>7646</v>
      </c>
      <c r="F12653" t="s">
        <v>7647</v>
      </c>
      <c r="G12653" t="s">
        <v>80</v>
      </c>
      <c r="H12653" t="s">
        <v>81</v>
      </c>
      <c r="I12653" s="2">
        <v>0</v>
      </c>
      <c r="J12653" s="2">
        <v>1</v>
      </c>
      <c r="K12653" s="2">
        <v>0</v>
      </c>
      <c r="L12653" t="s">
        <v>82</v>
      </c>
      <c r="M12653" t="s">
        <v>83</v>
      </c>
      <c r="N12653" t="s">
        <v>91</v>
      </c>
      <c r="O12653" t="s">
        <v>85</v>
      </c>
      <c r="P12653" t="s">
        <v>86</v>
      </c>
      <c r="Q12653">
        <v>0</v>
      </c>
      <c r="R12653">
        <v>0</v>
      </c>
      <c r="S12653">
        <v>0</v>
      </c>
      <c r="T12653">
        <v>0</v>
      </c>
      <c r="U12653">
        <v>0</v>
      </c>
      <c r="V12653">
        <v>0</v>
      </c>
      <c r="W12653">
        <v>0</v>
      </c>
      <c r="X12653">
        <v>0</v>
      </c>
      <c r="Y12653">
        <v>0</v>
      </c>
      <c r="Z12653">
        <v>0</v>
      </c>
      <c r="AA12653">
        <v>0</v>
      </c>
      <c r="AB12653">
        <v>0</v>
      </c>
      <c r="AC12653">
        <v>0</v>
      </c>
      <c r="AD12653">
        <v>0</v>
      </c>
      <c r="AE12653">
        <v>0</v>
      </c>
      <c r="AF12653">
        <v>0</v>
      </c>
      <c r="AG12653">
        <v>0</v>
      </c>
      <c r="AH12653">
        <v>0</v>
      </c>
      <c r="AI12653">
        <v>0</v>
      </c>
      <c r="AJ12653">
        <v>0</v>
      </c>
      <c r="AK12653">
        <v>0</v>
      </c>
      <c r="AL12653">
        <v>0</v>
      </c>
      <c r="AM12653">
        <v>0</v>
      </c>
      <c r="AN12653">
        <v>0</v>
      </c>
      <c r="AO12653">
        <v>0</v>
      </c>
      <c r="AP12653">
        <v>0</v>
      </c>
      <c r="AQ12653">
        <v>0</v>
      </c>
    </row>
    <row r="12654" spans="1:43">
      <c r="A12654" t="s">
        <v>7862</v>
      </c>
      <c r="B12654" t="s">
        <v>7863</v>
      </c>
      <c r="C12654" t="s">
        <v>7864</v>
      </c>
      <c r="D12654" t="s">
        <v>7865</v>
      </c>
      <c r="E12654" t="s">
        <v>7646</v>
      </c>
      <c r="F12654" t="s">
        <v>7647</v>
      </c>
      <c r="G12654" t="s">
        <v>80</v>
      </c>
      <c r="H12654" t="s">
        <v>81</v>
      </c>
      <c r="I12654" s="2">
        <v>0</v>
      </c>
      <c r="J12654" s="2">
        <v>1</v>
      </c>
      <c r="K12654" s="2">
        <v>0</v>
      </c>
      <c r="L12654" t="s">
        <v>82</v>
      </c>
      <c r="M12654" t="s">
        <v>83</v>
      </c>
      <c r="N12654" t="s">
        <v>84</v>
      </c>
      <c r="O12654" t="s">
        <v>85</v>
      </c>
      <c r="P12654" t="s">
        <v>86</v>
      </c>
      <c r="Q12654">
        <v>23</v>
      </c>
      <c r="R12654">
        <v>24</v>
      </c>
      <c r="S12654">
        <v>24</v>
      </c>
      <c r="T12654">
        <v>24</v>
      </c>
      <c r="U12654">
        <v>25</v>
      </c>
      <c r="V12654">
        <v>25</v>
      </c>
      <c r="W12654">
        <v>26</v>
      </c>
      <c r="X12654">
        <v>26</v>
      </c>
      <c r="Y12654">
        <v>27</v>
      </c>
      <c r="Z12654">
        <v>27</v>
      </c>
      <c r="AA12654">
        <v>28</v>
      </c>
      <c r="AB12654">
        <v>28</v>
      </c>
      <c r="AC12654">
        <v>28</v>
      </c>
      <c r="AD12654">
        <v>29</v>
      </c>
      <c r="AE12654">
        <v>29</v>
      </c>
      <c r="AF12654">
        <v>30</v>
      </c>
      <c r="AG12654">
        <v>30</v>
      </c>
      <c r="AH12654">
        <v>31</v>
      </c>
      <c r="AI12654">
        <v>31</v>
      </c>
      <c r="AJ12654">
        <v>31</v>
      </c>
      <c r="AK12654">
        <v>32</v>
      </c>
      <c r="AL12654">
        <v>32</v>
      </c>
      <c r="AM12654">
        <v>32</v>
      </c>
      <c r="AN12654">
        <v>32</v>
      </c>
      <c r="AO12654">
        <v>32</v>
      </c>
      <c r="AP12654">
        <v>33</v>
      </c>
      <c r="AQ12654">
        <v>33</v>
      </c>
    </row>
    <row r="12655" spans="1:43">
      <c r="A12655" t="s">
        <v>7862</v>
      </c>
      <c r="B12655" t="s">
        <v>7863</v>
      </c>
      <c r="C12655" t="s">
        <v>7864</v>
      </c>
      <c r="D12655" t="s">
        <v>7865</v>
      </c>
      <c r="E12655" t="s">
        <v>7646</v>
      </c>
      <c r="F12655" t="s">
        <v>7647</v>
      </c>
      <c r="G12655" t="s">
        <v>80</v>
      </c>
      <c r="H12655" t="s">
        <v>81</v>
      </c>
      <c r="I12655" s="2">
        <v>0</v>
      </c>
      <c r="J12655" s="2">
        <v>1</v>
      </c>
      <c r="K12655" s="2">
        <v>0</v>
      </c>
      <c r="L12655" t="s">
        <v>82</v>
      </c>
      <c r="M12655" t="s">
        <v>87</v>
      </c>
      <c r="N12655" t="s">
        <v>88</v>
      </c>
      <c r="O12655" t="s">
        <v>85</v>
      </c>
      <c r="P12655" t="s">
        <v>86</v>
      </c>
      <c r="Q12655">
        <v>23</v>
      </c>
      <c r="R12655">
        <v>23</v>
      </c>
      <c r="S12655">
        <v>23</v>
      </c>
      <c r="T12655">
        <v>24</v>
      </c>
      <c r="U12655">
        <v>24</v>
      </c>
      <c r="V12655">
        <v>24</v>
      </c>
      <c r="W12655">
        <v>24</v>
      </c>
      <c r="X12655">
        <v>24</v>
      </c>
      <c r="Y12655">
        <v>25</v>
      </c>
      <c r="Z12655">
        <v>25</v>
      </c>
      <c r="AA12655">
        <v>25</v>
      </c>
      <c r="AB12655">
        <v>25</v>
      </c>
      <c r="AC12655">
        <v>25</v>
      </c>
      <c r="AD12655">
        <v>26</v>
      </c>
      <c r="AE12655">
        <v>26</v>
      </c>
      <c r="AF12655">
        <v>26</v>
      </c>
      <c r="AG12655">
        <v>26</v>
      </c>
      <c r="AH12655">
        <v>26</v>
      </c>
      <c r="AI12655">
        <v>27</v>
      </c>
      <c r="AJ12655">
        <v>27</v>
      </c>
      <c r="AK12655">
        <v>27</v>
      </c>
      <c r="AL12655">
        <v>27</v>
      </c>
      <c r="AM12655">
        <v>28</v>
      </c>
      <c r="AN12655">
        <v>28</v>
      </c>
      <c r="AO12655">
        <v>28</v>
      </c>
      <c r="AP12655">
        <v>28</v>
      </c>
      <c r="AQ12655">
        <v>28</v>
      </c>
    </row>
    <row r="12656" spans="1:43">
      <c r="A12656" t="s">
        <v>7862</v>
      </c>
      <c r="B12656" t="s">
        <v>7863</v>
      </c>
      <c r="C12656" t="s">
        <v>7864</v>
      </c>
      <c r="D12656" t="s">
        <v>7865</v>
      </c>
      <c r="E12656" t="s">
        <v>7646</v>
      </c>
      <c r="F12656" t="s">
        <v>7647</v>
      </c>
      <c r="G12656" t="s">
        <v>80</v>
      </c>
      <c r="H12656" t="s">
        <v>81</v>
      </c>
      <c r="I12656" s="2">
        <v>0</v>
      </c>
      <c r="J12656" s="2">
        <v>1</v>
      </c>
      <c r="K12656" s="2">
        <v>0</v>
      </c>
      <c r="L12656" t="s">
        <v>82</v>
      </c>
      <c r="M12656" t="s">
        <v>89</v>
      </c>
      <c r="N12656" t="s">
        <v>90</v>
      </c>
      <c r="O12656" t="s">
        <v>85</v>
      </c>
      <c r="P12656" t="s">
        <v>86</v>
      </c>
      <c r="Q12656">
        <v>23</v>
      </c>
      <c r="R12656">
        <v>24</v>
      </c>
      <c r="S12656">
        <v>25</v>
      </c>
      <c r="T12656">
        <v>25</v>
      </c>
      <c r="U12656">
        <v>26</v>
      </c>
      <c r="V12656">
        <v>26</v>
      </c>
      <c r="W12656">
        <v>27</v>
      </c>
      <c r="X12656">
        <v>28</v>
      </c>
      <c r="Y12656">
        <v>28</v>
      </c>
      <c r="Z12656">
        <v>29</v>
      </c>
      <c r="AA12656">
        <v>29</v>
      </c>
      <c r="AB12656">
        <v>30</v>
      </c>
      <c r="AC12656">
        <v>30</v>
      </c>
      <c r="AD12656">
        <v>31</v>
      </c>
      <c r="AE12656">
        <v>31</v>
      </c>
      <c r="AF12656">
        <v>32</v>
      </c>
      <c r="AG12656">
        <v>32</v>
      </c>
      <c r="AH12656">
        <v>32</v>
      </c>
      <c r="AI12656">
        <v>32</v>
      </c>
      <c r="AJ12656">
        <v>32</v>
      </c>
      <c r="AK12656">
        <v>32</v>
      </c>
      <c r="AL12656">
        <v>32</v>
      </c>
      <c r="AM12656">
        <v>33</v>
      </c>
      <c r="AN12656">
        <v>33</v>
      </c>
      <c r="AO12656">
        <v>33</v>
      </c>
      <c r="AP12656">
        <v>33</v>
      </c>
      <c r="AQ12656">
        <v>33</v>
      </c>
    </row>
    <row r="12657" spans="1:43">
      <c r="A12657" t="s">
        <v>7862</v>
      </c>
      <c r="B12657" t="s">
        <v>7863</v>
      </c>
      <c r="C12657" t="s">
        <v>7864</v>
      </c>
      <c r="D12657" t="s">
        <v>7865</v>
      </c>
      <c r="E12657" t="s">
        <v>7646</v>
      </c>
      <c r="F12657" t="s">
        <v>7647</v>
      </c>
      <c r="G12657" t="s">
        <v>80</v>
      </c>
      <c r="H12657" t="s">
        <v>81</v>
      </c>
      <c r="I12657" s="2">
        <v>0</v>
      </c>
      <c r="J12657" s="2">
        <v>1</v>
      </c>
      <c r="K12657" s="2">
        <v>0</v>
      </c>
      <c r="L12657" t="s">
        <v>82</v>
      </c>
      <c r="M12657" t="s">
        <v>83</v>
      </c>
      <c r="N12657" t="s">
        <v>91</v>
      </c>
      <c r="O12657" t="s">
        <v>85</v>
      </c>
      <c r="P12657" t="s">
        <v>86</v>
      </c>
      <c r="Q12657">
        <v>23</v>
      </c>
      <c r="R12657">
        <v>24</v>
      </c>
      <c r="S12657">
        <v>24</v>
      </c>
      <c r="T12657">
        <v>24</v>
      </c>
      <c r="U12657">
        <v>25</v>
      </c>
      <c r="V12657">
        <v>25</v>
      </c>
      <c r="W12657">
        <v>26</v>
      </c>
      <c r="X12657">
        <v>26</v>
      </c>
      <c r="Y12657">
        <v>27</v>
      </c>
      <c r="Z12657">
        <v>27</v>
      </c>
      <c r="AA12657">
        <v>28</v>
      </c>
      <c r="AB12657">
        <v>28</v>
      </c>
      <c r="AC12657">
        <v>28</v>
      </c>
      <c r="AD12657">
        <v>29</v>
      </c>
      <c r="AE12657">
        <v>29</v>
      </c>
      <c r="AF12657">
        <v>30</v>
      </c>
      <c r="AG12657">
        <v>30</v>
      </c>
      <c r="AH12657">
        <v>31</v>
      </c>
      <c r="AI12657">
        <v>31</v>
      </c>
      <c r="AJ12657">
        <v>31</v>
      </c>
      <c r="AK12657">
        <v>32</v>
      </c>
      <c r="AL12657">
        <v>32</v>
      </c>
      <c r="AM12657">
        <v>32</v>
      </c>
      <c r="AN12657">
        <v>32</v>
      </c>
      <c r="AO12657">
        <v>32</v>
      </c>
      <c r="AP12657">
        <v>33</v>
      </c>
      <c r="AQ12657">
        <v>33</v>
      </c>
    </row>
    <row r="12658" spans="1:43">
      <c r="A12658" t="s">
        <v>7866</v>
      </c>
      <c r="B12658" t="s">
        <v>7867</v>
      </c>
      <c r="C12658" t="s">
        <v>7858</v>
      </c>
      <c r="D12658" t="s">
        <v>7859</v>
      </c>
      <c r="E12658" t="s">
        <v>7646</v>
      </c>
      <c r="F12658" t="s">
        <v>7647</v>
      </c>
      <c r="G12658" t="s">
        <v>80</v>
      </c>
      <c r="H12658" t="s">
        <v>81</v>
      </c>
      <c r="I12658" s="2">
        <v>0</v>
      </c>
      <c r="J12658" s="2">
        <v>1</v>
      </c>
      <c r="K12658" s="2">
        <v>0</v>
      </c>
      <c r="L12658" t="s">
        <v>82</v>
      </c>
      <c r="M12658" t="s">
        <v>83</v>
      </c>
      <c r="N12658" t="s">
        <v>84</v>
      </c>
      <c r="O12658" t="s">
        <v>85</v>
      </c>
      <c r="P12658" t="s">
        <v>86</v>
      </c>
      <c r="Q12658">
        <v>26</v>
      </c>
      <c r="R12658">
        <v>26</v>
      </c>
      <c r="S12658">
        <v>27</v>
      </c>
      <c r="T12658">
        <v>27</v>
      </c>
      <c r="U12658">
        <v>28</v>
      </c>
      <c r="V12658">
        <v>28</v>
      </c>
      <c r="W12658">
        <v>29</v>
      </c>
      <c r="X12658">
        <v>29</v>
      </c>
      <c r="Y12658">
        <v>30</v>
      </c>
      <c r="Z12658">
        <v>30</v>
      </c>
      <c r="AA12658">
        <v>31</v>
      </c>
      <c r="AB12658">
        <v>31</v>
      </c>
      <c r="AC12658">
        <v>32</v>
      </c>
      <c r="AD12658">
        <v>32</v>
      </c>
      <c r="AE12658">
        <v>33</v>
      </c>
      <c r="AF12658">
        <v>33</v>
      </c>
      <c r="AG12658">
        <v>34</v>
      </c>
      <c r="AH12658">
        <v>34</v>
      </c>
      <c r="AI12658">
        <v>35</v>
      </c>
      <c r="AJ12658">
        <v>35</v>
      </c>
      <c r="AK12658">
        <v>36</v>
      </c>
      <c r="AL12658">
        <v>36</v>
      </c>
      <c r="AM12658">
        <v>36</v>
      </c>
      <c r="AN12658">
        <v>36</v>
      </c>
      <c r="AO12658">
        <v>36</v>
      </c>
      <c r="AP12658">
        <v>36</v>
      </c>
      <c r="AQ12658">
        <v>37</v>
      </c>
    </row>
    <row r="12659" spans="1:43">
      <c r="A12659" t="s">
        <v>7866</v>
      </c>
      <c r="B12659" t="s">
        <v>7867</v>
      </c>
      <c r="C12659" t="s">
        <v>7858</v>
      </c>
      <c r="D12659" t="s">
        <v>7859</v>
      </c>
      <c r="E12659" t="s">
        <v>7646</v>
      </c>
      <c r="F12659" t="s">
        <v>7647</v>
      </c>
      <c r="G12659" t="s">
        <v>80</v>
      </c>
      <c r="H12659" t="s">
        <v>81</v>
      </c>
      <c r="I12659" s="2">
        <v>0</v>
      </c>
      <c r="J12659" s="2">
        <v>1</v>
      </c>
      <c r="K12659" s="2">
        <v>0</v>
      </c>
      <c r="L12659" t="s">
        <v>82</v>
      </c>
      <c r="M12659" t="s">
        <v>87</v>
      </c>
      <c r="N12659" t="s">
        <v>88</v>
      </c>
      <c r="O12659" t="s">
        <v>85</v>
      </c>
      <c r="P12659" t="s">
        <v>86</v>
      </c>
      <c r="Q12659">
        <v>26</v>
      </c>
      <c r="R12659">
        <v>26</v>
      </c>
      <c r="S12659">
        <v>26</v>
      </c>
      <c r="T12659">
        <v>26</v>
      </c>
      <c r="U12659">
        <v>27</v>
      </c>
      <c r="V12659">
        <v>27</v>
      </c>
      <c r="W12659">
        <v>27</v>
      </c>
      <c r="X12659">
        <v>27</v>
      </c>
      <c r="Y12659">
        <v>28</v>
      </c>
      <c r="Z12659">
        <v>28</v>
      </c>
      <c r="AA12659">
        <v>28</v>
      </c>
      <c r="AB12659">
        <v>28</v>
      </c>
      <c r="AC12659">
        <v>28</v>
      </c>
      <c r="AD12659">
        <v>29</v>
      </c>
      <c r="AE12659">
        <v>29</v>
      </c>
      <c r="AF12659">
        <v>29</v>
      </c>
      <c r="AG12659">
        <v>29</v>
      </c>
      <c r="AH12659">
        <v>30</v>
      </c>
      <c r="AI12659">
        <v>30</v>
      </c>
      <c r="AJ12659">
        <v>30</v>
      </c>
      <c r="AK12659">
        <v>30</v>
      </c>
      <c r="AL12659">
        <v>31</v>
      </c>
      <c r="AM12659">
        <v>31</v>
      </c>
      <c r="AN12659">
        <v>31</v>
      </c>
      <c r="AO12659">
        <v>31</v>
      </c>
      <c r="AP12659">
        <v>31</v>
      </c>
      <c r="AQ12659">
        <v>32</v>
      </c>
    </row>
    <row r="12660" spans="1:43">
      <c r="A12660" t="s">
        <v>7866</v>
      </c>
      <c r="B12660" t="s">
        <v>7867</v>
      </c>
      <c r="C12660" t="s">
        <v>7858</v>
      </c>
      <c r="D12660" t="s">
        <v>7859</v>
      </c>
      <c r="E12660" t="s">
        <v>7646</v>
      </c>
      <c r="F12660" t="s">
        <v>7647</v>
      </c>
      <c r="G12660" t="s">
        <v>80</v>
      </c>
      <c r="H12660" t="s">
        <v>81</v>
      </c>
      <c r="I12660" s="2">
        <v>0</v>
      </c>
      <c r="J12660" s="2">
        <v>1</v>
      </c>
      <c r="K12660" s="2">
        <v>0</v>
      </c>
      <c r="L12660" t="s">
        <v>82</v>
      </c>
      <c r="M12660" t="s">
        <v>89</v>
      </c>
      <c r="N12660" t="s">
        <v>90</v>
      </c>
      <c r="O12660" t="s">
        <v>85</v>
      </c>
      <c r="P12660" t="s">
        <v>86</v>
      </c>
      <c r="Q12660">
        <v>26</v>
      </c>
      <c r="R12660">
        <v>27</v>
      </c>
      <c r="S12660">
        <v>28</v>
      </c>
      <c r="T12660">
        <v>28</v>
      </c>
      <c r="U12660">
        <v>29</v>
      </c>
      <c r="V12660">
        <v>30</v>
      </c>
      <c r="W12660">
        <v>30</v>
      </c>
      <c r="X12660">
        <v>31</v>
      </c>
      <c r="Y12660">
        <v>32</v>
      </c>
      <c r="Z12660">
        <v>32</v>
      </c>
      <c r="AA12660">
        <v>33</v>
      </c>
      <c r="AB12660">
        <v>33</v>
      </c>
      <c r="AC12660">
        <v>34</v>
      </c>
      <c r="AD12660">
        <v>35</v>
      </c>
      <c r="AE12660">
        <v>35</v>
      </c>
      <c r="AF12660">
        <v>35</v>
      </c>
      <c r="AG12660">
        <v>35</v>
      </c>
      <c r="AH12660">
        <v>36</v>
      </c>
      <c r="AI12660">
        <v>36</v>
      </c>
      <c r="AJ12660">
        <v>36</v>
      </c>
      <c r="AK12660">
        <v>36</v>
      </c>
      <c r="AL12660">
        <v>36</v>
      </c>
      <c r="AM12660">
        <v>36</v>
      </c>
      <c r="AN12660">
        <v>37</v>
      </c>
      <c r="AO12660">
        <v>37</v>
      </c>
      <c r="AP12660">
        <v>37</v>
      </c>
      <c r="AQ12660">
        <v>37</v>
      </c>
    </row>
    <row r="12661" spans="1:43">
      <c r="A12661" t="s">
        <v>7866</v>
      </c>
      <c r="B12661" t="s">
        <v>7867</v>
      </c>
      <c r="C12661" t="s">
        <v>7858</v>
      </c>
      <c r="D12661" t="s">
        <v>7859</v>
      </c>
      <c r="E12661" t="s">
        <v>7646</v>
      </c>
      <c r="F12661" t="s">
        <v>7647</v>
      </c>
      <c r="G12661" t="s">
        <v>80</v>
      </c>
      <c r="H12661" t="s">
        <v>81</v>
      </c>
      <c r="I12661" s="2">
        <v>0</v>
      </c>
      <c r="J12661" s="2">
        <v>1</v>
      </c>
      <c r="K12661" s="2">
        <v>0</v>
      </c>
      <c r="L12661" t="s">
        <v>82</v>
      </c>
      <c r="M12661" t="s">
        <v>83</v>
      </c>
      <c r="N12661" t="s">
        <v>91</v>
      </c>
      <c r="O12661" t="s">
        <v>85</v>
      </c>
      <c r="P12661" t="s">
        <v>86</v>
      </c>
      <c r="Q12661">
        <v>26</v>
      </c>
      <c r="R12661">
        <v>26</v>
      </c>
      <c r="S12661">
        <v>27</v>
      </c>
      <c r="T12661">
        <v>27</v>
      </c>
      <c r="U12661">
        <v>28</v>
      </c>
      <c r="V12661">
        <v>28</v>
      </c>
      <c r="W12661">
        <v>29</v>
      </c>
      <c r="X12661">
        <v>29</v>
      </c>
      <c r="Y12661">
        <v>30</v>
      </c>
      <c r="Z12661">
        <v>30</v>
      </c>
      <c r="AA12661">
        <v>31</v>
      </c>
      <c r="AB12661">
        <v>31</v>
      </c>
      <c r="AC12661">
        <v>32</v>
      </c>
      <c r="AD12661">
        <v>32</v>
      </c>
      <c r="AE12661">
        <v>33</v>
      </c>
      <c r="AF12661">
        <v>33</v>
      </c>
      <c r="AG12661">
        <v>34</v>
      </c>
      <c r="AH12661">
        <v>34</v>
      </c>
      <c r="AI12661">
        <v>35</v>
      </c>
      <c r="AJ12661">
        <v>35</v>
      </c>
      <c r="AK12661">
        <v>36</v>
      </c>
      <c r="AL12661">
        <v>36</v>
      </c>
      <c r="AM12661">
        <v>36</v>
      </c>
      <c r="AN12661">
        <v>36</v>
      </c>
      <c r="AO12661">
        <v>36</v>
      </c>
      <c r="AP12661">
        <v>36</v>
      </c>
      <c r="AQ12661">
        <v>37</v>
      </c>
    </row>
    <row r="12662" spans="1:43">
      <c r="A12662" t="s">
        <v>7868</v>
      </c>
      <c r="B12662" t="s">
        <v>7869</v>
      </c>
      <c r="C12662" t="s">
        <v>7858</v>
      </c>
      <c r="D12662" t="s">
        <v>7859</v>
      </c>
      <c r="E12662" t="s">
        <v>7646</v>
      </c>
      <c r="F12662" t="s">
        <v>7647</v>
      </c>
      <c r="G12662" t="s">
        <v>80</v>
      </c>
      <c r="H12662" t="s">
        <v>81</v>
      </c>
      <c r="I12662" s="2">
        <v>0</v>
      </c>
      <c r="J12662" s="2">
        <v>1</v>
      </c>
      <c r="K12662" s="2">
        <v>0</v>
      </c>
      <c r="L12662" t="s">
        <v>82</v>
      </c>
      <c r="M12662" t="s">
        <v>83</v>
      </c>
      <c r="N12662" t="s">
        <v>84</v>
      </c>
      <c r="O12662" t="s">
        <v>85</v>
      </c>
      <c r="P12662" t="s">
        <v>86</v>
      </c>
      <c r="Q12662">
        <v>6</v>
      </c>
      <c r="R12662">
        <v>6</v>
      </c>
      <c r="S12662">
        <v>6</v>
      </c>
      <c r="T12662">
        <v>6</v>
      </c>
      <c r="U12662">
        <v>6</v>
      </c>
      <c r="V12662">
        <v>6</v>
      </c>
      <c r="W12662">
        <v>6</v>
      </c>
      <c r="X12662">
        <v>6</v>
      </c>
      <c r="Y12662">
        <v>7</v>
      </c>
      <c r="Z12662">
        <v>7</v>
      </c>
      <c r="AA12662">
        <v>7</v>
      </c>
      <c r="AB12662">
        <v>7</v>
      </c>
      <c r="AC12662">
        <v>7</v>
      </c>
      <c r="AD12662">
        <v>7</v>
      </c>
      <c r="AE12662">
        <v>7</v>
      </c>
      <c r="AF12662">
        <v>7</v>
      </c>
      <c r="AG12662">
        <v>7</v>
      </c>
      <c r="AH12662">
        <v>7</v>
      </c>
      <c r="AI12662">
        <v>8</v>
      </c>
      <c r="AJ12662">
        <v>8</v>
      </c>
      <c r="AK12662">
        <v>8</v>
      </c>
      <c r="AL12662">
        <v>8</v>
      </c>
      <c r="AM12662">
        <v>8</v>
      </c>
      <c r="AN12662">
        <v>8</v>
      </c>
      <c r="AO12662">
        <v>8</v>
      </c>
      <c r="AP12662">
        <v>8</v>
      </c>
      <c r="AQ12662">
        <v>8</v>
      </c>
    </row>
    <row r="12663" spans="1:43">
      <c r="A12663" t="s">
        <v>7868</v>
      </c>
      <c r="B12663" t="s">
        <v>7869</v>
      </c>
      <c r="C12663" t="s">
        <v>7858</v>
      </c>
      <c r="D12663" t="s">
        <v>7859</v>
      </c>
      <c r="E12663" t="s">
        <v>7646</v>
      </c>
      <c r="F12663" t="s">
        <v>7647</v>
      </c>
      <c r="G12663" t="s">
        <v>80</v>
      </c>
      <c r="H12663" t="s">
        <v>81</v>
      </c>
      <c r="I12663" s="2">
        <v>0</v>
      </c>
      <c r="J12663" s="2">
        <v>1</v>
      </c>
      <c r="K12663" s="2">
        <v>0</v>
      </c>
      <c r="L12663" t="s">
        <v>82</v>
      </c>
      <c r="M12663" t="s">
        <v>87</v>
      </c>
      <c r="N12663" t="s">
        <v>88</v>
      </c>
      <c r="O12663" t="s">
        <v>85</v>
      </c>
      <c r="P12663" t="s">
        <v>86</v>
      </c>
      <c r="Q12663">
        <v>6</v>
      </c>
      <c r="R12663">
        <v>6</v>
      </c>
      <c r="S12663">
        <v>6</v>
      </c>
      <c r="T12663">
        <v>6</v>
      </c>
      <c r="U12663">
        <v>6</v>
      </c>
      <c r="V12663">
        <v>6</v>
      </c>
      <c r="W12663">
        <v>6</v>
      </c>
      <c r="X12663">
        <v>6</v>
      </c>
      <c r="Y12663">
        <v>6</v>
      </c>
      <c r="Z12663">
        <v>6</v>
      </c>
      <c r="AA12663">
        <v>6</v>
      </c>
      <c r="AB12663">
        <v>6</v>
      </c>
      <c r="AC12663">
        <v>6</v>
      </c>
      <c r="AD12663">
        <v>6</v>
      </c>
      <c r="AE12663">
        <v>6</v>
      </c>
      <c r="AF12663">
        <v>6</v>
      </c>
      <c r="AG12663">
        <v>6</v>
      </c>
      <c r="AH12663">
        <v>6</v>
      </c>
      <c r="AI12663">
        <v>7</v>
      </c>
      <c r="AJ12663">
        <v>7</v>
      </c>
      <c r="AK12663">
        <v>7</v>
      </c>
      <c r="AL12663">
        <v>7</v>
      </c>
      <c r="AM12663">
        <v>7</v>
      </c>
      <c r="AN12663">
        <v>7</v>
      </c>
      <c r="AO12663">
        <v>7</v>
      </c>
      <c r="AP12663">
        <v>7</v>
      </c>
      <c r="AQ12663">
        <v>7</v>
      </c>
    </row>
    <row r="12664" spans="1:43">
      <c r="A12664" t="s">
        <v>7868</v>
      </c>
      <c r="B12664" t="s">
        <v>7869</v>
      </c>
      <c r="C12664" t="s">
        <v>7858</v>
      </c>
      <c r="D12664" t="s">
        <v>7859</v>
      </c>
      <c r="E12664" t="s">
        <v>7646</v>
      </c>
      <c r="F12664" t="s">
        <v>7647</v>
      </c>
      <c r="G12664" t="s">
        <v>80</v>
      </c>
      <c r="H12664" t="s">
        <v>81</v>
      </c>
      <c r="I12664" s="2">
        <v>0</v>
      </c>
      <c r="J12664" s="2">
        <v>1</v>
      </c>
      <c r="K12664" s="2">
        <v>0</v>
      </c>
      <c r="L12664" t="s">
        <v>82</v>
      </c>
      <c r="M12664" t="s">
        <v>89</v>
      </c>
      <c r="N12664" t="s">
        <v>90</v>
      </c>
      <c r="O12664" t="s">
        <v>85</v>
      </c>
      <c r="P12664" t="s">
        <v>86</v>
      </c>
      <c r="Q12664">
        <v>6</v>
      </c>
      <c r="R12664">
        <v>6</v>
      </c>
      <c r="S12664">
        <v>6</v>
      </c>
      <c r="T12664">
        <v>6</v>
      </c>
      <c r="U12664">
        <v>6</v>
      </c>
      <c r="V12664">
        <v>6</v>
      </c>
      <c r="W12664">
        <v>7</v>
      </c>
      <c r="X12664">
        <v>7</v>
      </c>
      <c r="Y12664">
        <v>7</v>
      </c>
      <c r="Z12664">
        <v>7</v>
      </c>
      <c r="AA12664">
        <v>7</v>
      </c>
      <c r="AB12664">
        <v>7</v>
      </c>
      <c r="AC12664">
        <v>7</v>
      </c>
      <c r="AD12664">
        <v>8</v>
      </c>
      <c r="AE12664">
        <v>8</v>
      </c>
      <c r="AF12664">
        <v>8</v>
      </c>
      <c r="AG12664">
        <v>8</v>
      </c>
      <c r="AH12664">
        <v>8</v>
      </c>
      <c r="AI12664">
        <v>8</v>
      </c>
      <c r="AJ12664">
        <v>8</v>
      </c>
      <c r="AK12664">
        <v>8</v>
      </c>
      <c r="AL12664">
        <v>8</v>
      </c>
      <c r="AM12664">
        <v>8</v>
      </c>
      <c r="AN12664">
        <v>8</v>
      </c>
      <c r="AO12664">
        <v>8</v>
      </c>
      <c r="AP12664">
        <v>8</v>
      </c>
      <c r="AQ12664">
        <v>8</v>
      </c>
    </row>
    <row r="12665" spans="1:43">
      <c r="A12665" t="s">
        <v>7868</v>
      </c>
      <c r="B12665" t="s">
        <v>7869</v>
      </c>
      <c r="C12665" t="s">
        <v>7858</v>
      </c>
      <c r="D12665" t="s">
        <v>7859</v>
      </c>
      <c r="E12665" t="s">
        <v>7646</v>
      </c>
      <c r="F12665" t="s">
        <v>7647</v>
      </c>
      <c r="G12665" t="s">
        <v>80</v>
      </c>
      <c r="H12665" t="s">
        <v>81</v>
      </c>
      <c r="I12665" s="2">
        <v>0</v>
      </c>
      <c r="J12665" s="2">
        <v>1</v>
      </c>
      <c r="K12665" s="2">
        <v>0</v>
      </c>
      <c r="L12665" t="s">
        <v>82</v>
      </c>
      <c r="M12665" t="s">
        <v>83</v>
      </c>
      <c r="N12665" t="s">
        <v>91</v>
      </c>
      <c r="O12665" t="s">
        <v>85</v>
      </c>
      <c r="P12665" t="s">
        <v>86</v>
      </c>
      <c r="Q12665">
        <v>6</v>
      </c>
      <c r="R12665">
        <v>6</v>
      </c>
      <c r="S12665">
        <v>6</v>
      </c>
      <c r="T12665">
        <v>6</v>
      </c>
      <c r="U12665">
        <v>6</v>
      </c>
      <c r="V12665">
        <v>6</v>
      </c>
      <c r="W12665">
        <v>6</v>
      </c>
      <c r="X12665">
        <v>6</v>
      </c>
      <c r="Y12665">
        <v>7</v>
      </c>
      <c r="Z12665">
        <v>7</v>
      </c>
      <c r="AA12665">
        <v>7</v>
      </c>
      <c r="AB12665">
        <v>7</v>
      </c>
      <c r="AC12665">
        <v>7</v>
      </c>
      <c r="AD12665">
        <v>7</v>
      </c>
      <c r="AE12665">
        <v>7</v>
      </c>
      <c r="AF12665">
        <v>7</v>
      </c>
      <c r="AG12665">
        <v>7</v>
      </c>
      <c r="AH12665">
        <v>7</v>
      </c>
      <c r="AI12665">
        <v>8</v>
      </c>
      <c r="AJ12665">
        <v>8</v>
      </c>
      <c r="AK12665">
        <v>8</v>
      </c>
      <c r="AL12665">
        <v>8</v>
      </c>
      <c r="AM12665">
        <v>8</v>
      </c>
      <c r="AN12665">
        <v>8</v>
      </c>
      <c r="AO12665">
        <v>8</v>
      </c>
      <c r="AP12665">
        <v>8</v>
      </c>
      <c r="AQ12665">
        <v>8</v>
      </c>
    </row>
    <row r="12666" spans="1:43">
      <c r="A12666" t="s">
        <v>7870</v>
      </c>
      <c r="B12666" t="s">
        <v>7871</v>
      </c>
      <c r="C12666" t="s">
        <v>7864</v>
      </c>
      <c r="D12666" t="s">
        <v>7865</v>
      </c>
      <c r="E12666" t="s">
        <v>7646</v>
      </c>
      <c r="F12666" t="s">
        <v>7647</v>
      </c>
      <c r="G12666" t="s">
        <v>80</v>
      </c>
      <c r="H12666" t="s">
        <v>81</v>
      </c>
      <c r="I12666" s="2">
        <v>0</v>
      </c>
      <c r="J12666" s="2">
        <v>1</v>
      </c>
      <c r="K12666" s="2">
        <v>0</v>
      </c>
      <c r="L12666" t="s">
        <v>82</v>
      </c>
      <c r="M12666" t="s">
        <v>83</v>
      </c>
      <c r="N12666" t="s">
        <v>84</v>
      </c>
      <c r="O12666" t="s">
        <v>85</v>
      </c>
      <c r="P12666" t="s">
        <v>86</v>
      </c>
      <c r="Q12666">
        <v>15</v>
      </c>
      <c r="R12666">
        <v>15</v>
      </c>
      <c r="S12666">
        <v>16</v>
      </c>
      <c r="T12666">
        <v>16</v>
      </c>
      <c r="U12666">
        <v>16</v>
      </c>
      <c r="V12666">
        <v>17</v>
      </c>
      <c r="W12666">
        <v>17</v>
      </c>
      <c r="X12666">
        <v>17</v>
      </c>
      <c r="Y12666">
        <v>17</v>
      </c>
      <c r="Z12666">
        <v>18</v>
      </c>
      <c r="AA12666">
        <v>18</v>
      </c>
      <c r="AB12666">
        <v>18</v>
      </c>
      <c r="AC12666">
        <v>19</v>
      </c>
      <c r="AD12666">
        <v>19</v>
      </c>
      <c r="AE12666">
        <v>19</v>
      </c>
      <c r="AF12666">
        <v>19</v>
      </c>
      <c r="AG12666">
        <v>20</v>
      </c>
      <c r="AH12666">
        <v>20</v>
      </c>
      <c r="AI12666">
        <v>20</v>
      </c>
      <c r="AJ12666">
        <v>20</v>
      </c>
      <c r="AK12666">
        <v>21</v>
      </c>
      <c r="AL12666">
        <v>21</v>
      </c>
      <c r="AM12666">
        <v>21</v>
      </c>
      <c r="AN12666">
        <v>21</v>
      </c>
      <c r="AO12666">
        <v>21</v>
      </c>
      <c r="AP12666">
        <v>21</v>
      </c>
      <c r="AQ12666">
        <v>21</v>
      </c>
    </row>
    <row r="12667" spans="1:43">
      <c r="A12667" t="s">
        <v>7870</v>
      </c>
      <c r="B12667" t="s">
        <v>7871</v>
      </c>
      <c r="C12667" t="s">
        <v>7864</v>
      </c>
      <c r="D12667" t="s">
        <v>7865</v>
      </c>
      <c r="E12667" t="s">
        <v>7646</v>
      </c>
      <c r="F12667" t="s">
        <v>7647</v>
      </c>
      <c r="G12667" t="s">
        <v>80</v>
      </c>
      <c r="H12667" t="s">
        <v>81</v>
      </c>
      <c r="I12667" s="2">
        <v>0</v>
      </c>
      <c r="J12667" s="2">
        <v>1</v>
      </c>
      <c r="K12667" s="2">
        <v>0</v>
      </c>
      <c r="L12667" t="s">
        <v>82</v>
      </c>
      <c r="M12667" t="s">
        <v>87</v>
      </c>
      <c r="N12667" t="s">
        <v>88</v>
      </c>
      <c r="O12667" t="s">
        <v>85</v>
      </c>
      <c r="P12667" t="s">
        <v>86</v>
      </c>
      <c r="Q12667">
        <v>15</v>
      </c>
      <c r="R12667">
        <v>15</v>
      </c>
      <c r="S12667">
        <v>15</v>
      </c>
      <c r="T12667">
        <v>15</v>
      </c>
      <c r="U12667">
        <v>16</v>
      </c>
      <c r="V12667">
        <v>16</v>
      </c>
      <c r="W12667">
        <v>16</v>
      </c>
      <c r="X12667">
        <v>16</v>
      </c>
      <c r="Y12667">
        <v>16</v>
      </c>
      <c r="Z12667">
        <v>16</v>
      </c>
      <c r="AA12667">
        <v>16</v>
      </c>
      <c r="AB12667">
        <v>16</v>
      </c>
      <c r="AC12667">
        <v>17</v>
      </c>
      <c r="AD12667">
        <v>17</v>
      </c>
      <c r="AE12667">
        <v>17</v>
      </c>
      <c r="AF12667">
        <v>17</v>
      </c>
      <c r="AG12667">
        <v>17</v>
      </c>
      <c r="AH12667">
        <v>17</v>
      </c>
      <c r="AI12667">
        <v>17</v>
      </c>
      <c r="AJ12667">
        <v>18</v>
      </c>
      <c r="AK12667">
        <v>18</v>
      </c>
      <c r="AL12667">
        <v>18</v>
      </c>
      <c r="AM12667">
        <v>18</v>
      </c>
      <c r="AN12667">
        <v>18</v>
      </c>
      <c r="AO12667">
        <v>18</v>
      </c>
      <c r="AP12667">
        <v>18</v>
      </c>
      <c r="AQ12667">
        <v>19</v>
      </c>
    </row>
    <row r="12668" spans="1:43">
      <c r="A12668" t="s">
        <v>7870</v>
      </c>
      <c r="B12668" t="s">
        <v>7871</v>
      </c>
      <c r="C12668" t="s">
        <v>7864</v>
      </c>
      <c r="D12668" t="s">
        <v>7865</v>
      </c>
      <c r="E12668" t="s">
        <v>7646</v>
      </c>
      <c r="F12668" t="s">
        <v>7647</v>
      </c>
      <c r="G12668" t="s">
        <v>80</v>
      </c>
      <c r="H12668" t="s">
        <v>81</v>
      </c>
      <c r="I12668" s="2">
        <v>0</v>
      </c>
      <c r="J12668" s="2">
        <v>1</v>
      </c>
      <c r="K12668" s="2">
        <v>0</v>
      </c>
      <c r="L12668" t="s">
        <v>82</v>
      </c>
      <c r="M12668" t="s">
        <v>89</v>
      </c>
      <c r="N12668" t="s">
        <v>90</v>
      </c>
      <c r="O12668" t="s">
        <v>85</v>
      </c>
      <c r="P12668" t="s">
        <v>86</v>
      </c>
      <c r="Q12668">
        <v>15</v>
      </c>
      <c r="R12668">
        <v>16</v>
      </c>
      <c r="S12668">
        <v>16</v>
      </c>
      <c r="T12668">
        <v>16</v>
      </c>
      <c r="U12668">
        <v>17</v>
      </c>
      <c r="V12668">
        <v>17</v>
      </c>
      <c r="W12668">
        <v>18</v>
      </c>
      <c r="X12668">
        <v>18</v>
      </c>
      <c r="Y12668">
        <v>18</v>
      </c>
      <c r="Z12668">
        <v>19</v>
      </c>
      <c r="AA12668">
        <v>19</v>
      </c>
      <c r="AB12668">
        <v>19</v>
      </c>
      <c r="AC12668">
        <v>20</v>
      </c>
      <c r="AD12668">
        <v>20</v>
      </c>
      <c r="AE12668">
        <v>20</v>
      </c>
      <c r="AF12668">
        <v>21</v>
      </c>
      <c r="AG12668">
        <v>21</v>
      </c>
      <c r="AH12668">
        <v>21</v>
      </c>
      <c r="AI12668">
        <v>21</v>
      </c>
      <c r="AJ12668">
        <v>21</v>
      </c>
      <c r="AK12668">
        <v>21</v>
      </c>
      <c r="AL12668">
        <v>21</v>
      </c>
      <c r="AM12668">
        <v>21</v>
      </c>
      <c r="AN12668">
        <v>21</v>
      </c>
      <c r="AO12668">
        <v>21</v>
      </c>
      <c r="AP12668">
        <v>22</v>
      </c>
      <c r="AQ12668">
        <v>22</v>
      </c>
    </row>
    <row r="12669" spans="1:43">
      <c r="A12669" t="s">
        <v>7870</v>
      </c>
      <c r="B12669" t="s">
        <v>7871</v>
      </c>
      <c r="C12669" t="s">
        <v>7864</v>
      </c>
      <c r="D12669" t="s">
        <v>7865</v>
      </c>
      <c r="E12669" t="s">
        <v>7646</v>
      </c>
      <c r="F12669" t="s">
        <v>7647</v>
      </c>
      <c r="G12669" t="s">
        <v>80</v>
      </c>
      <c r="H12669" t="s">
        <v>81</v>
      </c>
      <c r="I12669" s="2">
        <v>0</v>
      </c>
      <c r="J12669" s="2">
        <v>1</v>
      </c>
      <c r="K12669" s="2">
        <v>0</v>
      </c>
      <c r="L12669" t="s">
        <v>82</v>
      </c>
      <c r="M12669" t="s">
        <v>83</v>
      </c>
      <c r="N12669" t="s">
        <v>91</v>
      </c>
      <c r="O12669" t="s">
        <v>85</v>
      </c>
      <c r="P12669" t="s">
        <v>86</v>
      </c>
      <c r="Q12669">
        <v>15</v>
      </c>
      <c r="R12669">
        <v>15</v>
      </c>
      <c r="S12669">
        <v>16</v>
      </c>
      <c r="T12669">
        <v>16</v>
      </c>
      <c r="U12669">
        <v>16</v>
      </c>
      <c r="V12669">
        <v>17</v>
      </c>
      <c r="W12669">
        <v>17</v>
      </c>
      <c r="X12669">
        <v>17</v>
      </c>
      <c r="Y12669">
        <v>17</v>
      </c>
      <c r="Z12669">
        <v>18</v>
      </c>
      <c r="AA12669">
        <v>18</v>
      </c>
      <c r="AB12669">
        <v>18</v>
      </c>
      <c r="AC12669">
        <v>19</v>
      </c>
      <c r="AD12669">
        <v>19</v>
      </c>
      <c r="AE12669">
        <v>19</v>
      </c>
      <c r="AF12669">
        <v>19</v>
      </c>
      <c r="AG12669">
        <v>20</v>
      </c>
      <c r="AH12669">
        <v>20</v>
      </c>
      <c r="AI12669">
        <v>20</v>
      </c>
      <c r="AJ12669">
        <v>20</v>
      </c>
      <c r="AK12669">
        <v>21</v>
      </c>
      <c r="AL12669">
        <v>21</v>
      </c>
      <c r="AM12669">
        <v>21</v>
      </c>
      <c r="AN12669">
        <v>21</v>
      </c>
      <c r="AO12669">
        <v>21</v>
      </c>
      <c r="AP12669">
        <v>21</v>
      </c>
      <c r="AQ12669">
        <v>21</v>
      </c>
    </row>
    <row r="12670" spans="1:43">
      <c r="A12670" t="s">
        <v>7872</v>
      </c>
      <c r="B12670" t="s">
        <v>7873</v>
      </c>
      <c r="C12670" t="s">
        <v>7864</v>
      </c>
      <c r="D12670" t="s">
        <v>7865</v>
      </c>
      <c r="E12670" t="s">
        <v>7646</v>
      </c>
      <c r="F12670" t="s">
        <v>7647</v>
      </c>
      <c r="G12670" t="s">
        <v>80</v>
      </c>
      <c r="H12670" t="s">
        <v>81</v>
      </c>
      <c r="I12670" s="2">
        <v>0</v>
      </c>
      <c r="J12670" s="2">
        <v>1</v>
      </c>
      <c r="K12670" s="2">
        <v>0</v>
      </c>
      <c r="L12670" t="s">
        <v>82</v>
      </c>
      <c r="M12670" t="s">
        <v>83</v>
      </c>
      <c r="N12670" t="s">
        <v>84</v>
      </c>
      <c r="O12670" t="s">
        <v>85</v>
      </c>
      <c r="P12670" t="s">
        <v>86</v>
      </c>
      <c r="Q12670">
        <v>9</v>
      </c>
      <c r="R12670">
        <v>9</v>
      </c>
      <c r="S12670">
        <v>10</v>
      </c>
      <c r="T12670">
        <v>10</v>
      </c>
      <c r="U12670">
        <v>10</v>
      </c>
      <c r="V12670">
        <v>10</v>
      </c>
      <c r="W12670">
        <v>10</v>
      </c>
      <c r="X12670">
        <v>10</v>
      </c>
      <c r="Y12670">
        <v>11</v>
      </c>
      <c r="Z12670">
        <v>11</v>
      </c>
      <c r="AA12670">
        <v>11</v>
      </c>
      <c r="AB12670">
        <v>11</v>
      </c>
      <c r="AC12670">
        <v>11</v>
      </c>
      <c r="AD12670">
        <v>11</v>
      </c>
      <c r="AE12670">
        <v>12</v>
      </c>
      <c r="AF12670">
        <v>12</v>
      </c>
      <c r="AG12670">
        <v>12</v>
      </c>
      <c r="AH12670">
        <v>12</v>
      </c>
      <c r="AI12670">
        <v>12</v>
      </c>
      <c r="AJ12670">
        <v>13</v>
      </c>
      <c r="AK12670">
        <v>13</v>
      </c>
      <c r="AL12670">
        <v>13</v>
      </c>
      <c r="AM12670">
        <v>13</v>
      </c>
      <c r="AN12670">
        <v>13</v>
      </c>
      <c r="AO12670">
        <v>13</v>
      </c>
      <c r="AP12670">
        <v>13</v>
      </c>
      <c r="AQ12670">
        <v>13</v>
      </c>
    </row>
    <row r="12671" spans="1:43">
      <c r="A12671" t="s">
        <v>7872</v>
      </c>
      <c r="B12671" t="s">
        <v>7873</v>
      </c>
      <c r="C12671" t="s">
        <v>7864</v>
      </c>
      <c r="D12671" t="s">
        <v>7865</v>
      </c>
      <c r="E12671" t="s">
        <v>7646</v>
      </c>
      <c r="F12671" t="s">
        <v>7647</v>
      </c>
      <c r="G12671" t="s">
        <v>80</v>
      </c>
      <c r="H12671" t="s">
        <v>81</v>
      </c>
      <c r="I12671" s="2">
        <v>0</v>
      </c>
      <c r="J12671" s="2">
        <v>1</v>
      </c>
      <c r="K12671" s="2">
        <v>0</v>
      </c>
      <c r="L12671" t="s">
        <v>82</v>
      </c>
      <c r="M12671" t="s">
        <v>87</v>
      </c>
      <c r="N12671" t="s">
        <v>88</v>
      </c>
      <c r="O12671" t="s">
        <v>85</v>
      </c>
      <c r="P12671" t="s">
        <v>86</v>
      </c>
      <c r="Q12671">
        <v>9</v>
      </c>
      <c r="R12671">
        <v>9</v>
      </c>
      <c r="S12671">
        <v>9</v>
      </c>
      <c r="T12671">
        <v>9</v>
      </c>
      <c r="U12671">
        <v>9</v>
      </c>
      <c r="V12671">
        <v>10</v>
      </c>
      <c r="W12671">
        <v>10</v>
      </c>
      <c r="X12671">
        <v>10</v>
      </c>
      <c r="Y12671">
        <v>10</v>
      </c>
      <c r="Z12671">
        <v>10</v>
      </c>
      <c r="AA12671">
        <v>10</v>
      </c>
      <c r="AB12671">
        <v>10</v>
      </c>
      <c r="AC12671">
        <v>10</v>
      </c>
      <c r="AD12671">
        <v>10</v>
      </c>
      <c r="AE12671">
        <v>10</v>
      </c>
      <c r="AF12671">
        <v>10</v>
      </c>
      <c r="AG12671">
        <v>10</v>
      </c>
      <c r="AH12671">
        <v>11</v>
      </c>
      <c r="AI12671">
        <v>11</v>
      </c>
      <c r="AJ12671">
        <v>11</v>
      </c>
      <c r="AK12671">
        <v>11</v>
      </c>
      <c r="AL12671">
        <v>11</v>
      </c>
      <c r="AM12671">
        <v>11</v>
      </c>
      <c r="AN12671">
        <v>11</v>
      </c>
      <c r="AO12671">
        <v>11</v>
      </c>
      <c r="AP12671">
        <v>11</v>
      </c>
      <c r="AQ12671">
        <v>11</v>
      </c>
    </row>
    <row r="12672" spans="1:43">
      <c r="A12672" t="s">
        <v>7872</v>
      </c>
      <c r="B12672" t="s">
        <v>7873</v>
      </c>
      <c r="C12672" t="s">
        <v>7864</v>
      </c>
      <c r="D12672" t="s">
        <v>7865</v>
      </c>
      <c r="E12672" t="s">
        <v>7646</v>
      </c>
      <c r="F12672" t="s">
        <v>7647</v>
      </c>
      <c r="G12672" t="s">
        <v>80</v>
      </c>
      <c r="H12672" t="s">
        <v>81</v>
      </c>
      <c r="I12672" s="2">
        <v>0</v>
      </c>
      <c r="J12672" s="2">
        <v>1</v>
      </c>
      <c r="K12672" s="2">
        <v>0</v>
      </c>
      <c r="L12672" t="s">
        <v>82</v>
      </c>
      <c r="M12672" t="s">
        <v>89</v>
      </c>
      <c r="N12672" t="s">
        <v>90</v>
      </c>
      <c r="O12672" t="s">
        <v>85</v>
      </c>
      <c r="P12672" t="s">
        <v>86</v>
      </c>
      <c r="Q12672">
        <v>9</v>
      </c>
      <c r="R12672">
        <v>10</v>
      </c>
      <c r="S12672">
        <v>10</v>
      </c>
      <c r="T12672">
        <v>10</v>
      </c>
      <c r="U12672">
        <v>10</v>
      </c>
      <c r="V12672">
        <v>11</v>
      </c>
      <c r="W12672">
        <v>11</v>
      </c>
      <c r="X12672">
        <v>11</v>
      </c>
      <c r="Y12672">
        <v>11</v>
      </c>
      <c r="Z12672">
        <v>11</v>
      </c>
      <c r="AA12672">
        <v>12</v>
      </c>
      <c r="AB12672">
        <v>12</v>
      </c>
      <c r="AC12672">
        <v>12</v>
      </c>
      <c r="AD12672">
        <v>12</v>
      </c>
      <c r="AE12672">
        <v>13</v>
      </c>
      <c r="AF12672">
        <v>13</v>
      </c>
      <c r="AG12672">
        <v>13</v>
      </c>
      <c r="AH12672">
        <v>13</v>
      </c>
      <c r="AI12672">
        <v>13</v>
      </c>
      <c r="AJ12672">
        <v>13</v>
      </c>
      <c r="AK12672">
        <v>13</v>
      </c>
      <c r="AL12672">
        <v>13</v>
      </c>
      <c r="AM12672">
        <v>13</v>
      </c>
      <c r="AN12672">
        <v>13</v>
      </c>
      <c r="AO12672">
        <v>13</v>
      </c>
      <c r="AP12672">
        <v>13</v>
      </c>
      <c r="AQ12672">
        <v>13</v>
      </c>
    </row>
    <row r="12673" spans="1:43">
      <c r="A12673" t="s">
        <v>7872</v>
      </c>
      <c r="B12673" t="s">
        <v>7873</v>
      </c>
      <c r="C12673" t="s">
        <v>7864</v>
      </c>
      <c r="D12673" t="s">
        <v>7865</v>
      </c>
      <c r="E12673" t="s">
        <v>7646</v>
      </c>
      <c r="F12673" t="s">
        <v>7647</v>
      </c>
      <c r="G12673" t="s">
        <v>80</v>
      </c>
      <c r="H12673" t="s">
        <v>81</v>
      </c>
      <c r="I12673" s="2">
        <v>0</v>
      </c>
      <c r="J12673" s="2">
        <v>1</v>
      </c>
      <c r="K12673" s="2">
        <v>0</v>
      </c>
      <c r="L12673" t="s">
        <v>82</v>
      </c>
      <c r="M12673" t="s">
        <v>83</v>
      </c>
      <c r="N12673" t="s">
        <v>91</v>
      </c>
      <c r="O12673" t="s">
        <v>85</v>
      </c>
      <c r="P12673" t="s">
        <v>86</v>
      </c>
      <c r="Q12673">
        <v>9</v>
      </c>
      <c r="R12673">
        <v>9</v>
      </c>
      <c r="S12673">
        <v>10</v>
      </c>
      <c r="T12673">
        <v>10</v>
      </c>
      <c r="U12673">
        <v>10</v>
      </c>
      <c r="V12673">
        <v>10</v>
      </c>
      <c r="W12673">
        <v>10</v>
      </c>
      <c r="X12673">
        <v>10</v>
      </c>
      <c r="Y12673">
        <v>11</v>
      </c>
      <c r="Z12673">
        <v>11</v>
      </c>
      <c r="AA12673">
        <v>11</v>
      </c>
      <c r="AB12673">
        <v>11</v>
      </c>
      <c r="AC12673">
        <v>11</v>
      </c>
      <c r="AD12673">
        <v>11</v>
      </c>
      <c r="AE12673">
        <v>12</v>
      </c>
      <c r="AF12673">
        <v>12</v>
      </c>
      <c r="AG12673">
        <v>12</v>
      </c>
      <c r="AH12673">
        <v>12</v>
      </c>
      <c r="AI12673">
        <v>12</v>
      </c>
      <c r="AJ12673">
        <v>13</v>
      </c>
      <c r="AK12673">
        <v>13</v>
      </c>
      <c r="AL12673">
        <v>13</v>
      </c>
      <c r="AM12673">
        <v>13</v>
      </c>
      <c r="AN12673">
        <v>13</v>
      </c>
      <c r="AO12673">
        <v>13</v>
      </c>
      <c r="AP12673">
        <v>13</v>
      </c>
      <c r="AQ12673">
        <v>13</v>
      </c>
    </row>
    <row r="12674" spans="1:43">
      <c r="A12674" t="s">
        <v>7874</v>
      </c>
      <c r="B12674" t="s">
        <v>7875</v>
      </c>
      <c r="C12674" t="s">
        <v>7864</v>
      </c>
      <c r="D12674" t="s">
        <v>7865</v>
      </c>
      <c r="E12674" t="s">
        <v>7646</v>
      </c>
      <c r="F12674" t="s">
        <v>7647</v>
      </c>
      <c r="G12674" t="s">
        <v>80</v>
      </c>
      <c r="H12674" t="s">
        <v>81</v>
      </c>
      <c r="I12674" s="2">
        <v>0</v>
      </c>
      <c r="J12674" s="2">
        <v>1</v>
      </c>
      <c r="K12674" s="2">
        <v>0</v>
      </c>
      <c r="L12674" t="s">
        <v>82</v>
      </c>
      <c r="M12674" t="s">
        <v>83</v>
      </c>
      <c r="N12674" t="s">
        <v>84</v>
      </c>
      <c r="O12674" t="s">
        <v>85</v>
      </c>
      <c r="P12674" t="s">
        <v>86</v>
      </c>
      <c r="Q12674">
        <v>10</v>
      </c>
      <c r="R12674">
        <v>11</v>
      </c>
      <c r="S12674">
        <v>11</v>
      </c>
      <c r="T12674">
        <v>11</v>
      </c>
      <c r="U12674">
        <v>11</v>
      </c>
      <c r="V12674">
        <v>11</v>
      </c>
      <c r="W12674">
        <v>11</v>
      </c>
      <c r="X12674">
        <v>12</v>
      </c>
      <c r="Y12674">
        <v>12</v>
      </c>
      <c r="Z12674">
        <v>12</v>
      </c>
      <c r="AA12674">
        <v>12</v>
      </c>
      <c r="AB12674">
        <v>12</v>
      </c>
      <c r="AC12674">
        <v>13</v>
      </c>
      <c r="AD12674">
        <v>13</v>
      </c>
      <c r="AE12674">
        <v>13</v>
      </c>
      <c r="AF12674">
        <v>13</v>
      </c>
      <c r="AG12674">
        <v>13</v>
      </c>
      <c r="AH12674">
        <v>14</v>
      </c>
      <c r="AI12674">
        <v>14</v>
      </c>
      <c r="AJ12674">
        <v>14</v>
      </c>
      <c r="AK12674">
        <v>14</v>
      </c>
      <c r="AL12674">
        <v>14</v>
      </c>
      <c r="AM12674">
        <v>14</v>
      </c>
      <c r="AN12674">
        <v>14</v>
      </c>
      <c r="AO12674">
        <v>14</v>
      </c>
      <c r="AP12674">
        <v>15</v>
      </c>
      <c r="AQ12674">
        <v>15</v>
      </c>
    </row>
    <row r="12675" spans="1:43">
      <c r="A12675" t="s">
        <v>7874</v>
      </c>
      <c r="B12675" t="s">
        <v>7875</v>
      </c>
      <c r="C12675" t="s">
        <v>7864</v>
      </c>
      <c r="D12675" t="s">
        <v>7865</v>
      </c>
      <c r="E12675" t="s">
        <v>7646</v>
      </c>
      <c r="F12675" t="s">
        <v>7647</v>
      </c>
      <c r="G12675" t="s">
        <v>80</v>
      </c>
      <c r="H12675" t="s">
        <v>81</v>
      </c>
      <c r="I12675" s="2">
        <v>0</v>
      </c>
      <c r="J12675" s="2">
        <v>1</v>
      </c>
      <c r="K12675" s="2">
        <v>0</v>
      </c>
      <c r="L12675" t="s">
        <v>82</v>
      </c>
      <c r="M12675" t="s">
        <v>87</v>
      </c>
      <c r="N12675" t="s">
        <v>88</v>
      </c>
      <c r="O12675" t="s">
        <v>85</v>
      </c>
      <c r="P12675" t="s">
        <v>86</v>
      </c>
      <c r="Q12675">
        <v>10</v>
      </c>
      <c r="R12675">
        <v>10</v>
      </c>
      <c r="S12675">
        <v>10</v>
      </c>
      <c r="T12675">
        <v>11</v>
      </c>
      <c r="U12675">
        <v>11</v>
      </c>
      <c r="V12675">
        <v>11</v>
      </c>
      <c r="W12675">
        <v>11</v>
      </c>
      <c r="X12675">
        <v>11</v>
      </c>
      <c r="Y12675">
        <v>11</v>
      </c>
      <c r="Z12675">
        <v>11</v>
      </c>
      <c r="AA12675">
        <v>11</v>
      </c>
      <c r="AB12675">
        <v>11</v>
      </c>
      <c r="AC12675">
        <v>11</v>
      </c>
      <c r="AD12675">
        <v>11</v>
      </c>
      <c r="AE12675">
        <v>12</v>
      </c>
      <c r="AF12675">
        <v>12</v>
      </c>
      <c r="AG12675">
        <v>12</v>
      </c>
      <c r="AH12675">
        <v>12</v>
      </c>
      <c r="AI12675">
        <v>12</v>
      </c>
      <c r="AJ12675">
        <v>12</v>
      </c>
      <c r="AK12675">
        <v>12</v>
      </c>
      <c r="AL12675">
        <v>12</v>
      </c>
      <c r="AM12675">
        <v>12</v>
      </c>
      <c r="AN12675">
        <v>12</v>
      </c>
      <c r="AO12675">
        <v>12</v>
      </c>
      <c r="AP12675">
        <v>13</v>
      </c>
      <c r="AQ12675">
        <v>13</v>
      </c>
    </row>
    <row r="12676" spans="1:43">
      <c r="A12676" t="s">
        <v>7874</v>
      </c>
      <c r="B12676" t="s">
        <v>7875</v>
      </c>
      <c r="C12676" t="s">
        <v>7864</v>
      </c>
      <c r="D12676" t="s">
        <v>7865</v>
      </c>
      <c r="E12676" t="s">
        <v>7646</v>
      </c>
      <c r="F12676" t="s">
        <v>7647</v>
      </c>
      <c r="G12676" t="s">
        <v>80</v>
      </c>
      <c r="H12676" t="s">
        <v>81</v>
      </c>
      <c r="I12676" s="2">
        <v>0</v>
      </c>
      <c r="J12676" s="2">
        <v>1</v>
      </c>
      <c r="K12676" s="2">
        <v>0</v>
      </c>
      <c r="L12676" t="s">
        <v>82</v>
      </c>
      <c r="M12676" t="s">
        <v>89</v>
      </c>
      <c r="N12676" t="s">
        <v>90</v>
      </c>
      <c r="O12676" t="s">
        <v>85</v>
      </c>
      <c r="P12676" t="s">
        <v>86</v>
      </c>
      <c r="Q12676">
        <v>10</v>
      </c>
      <c r="R12676">
        <v>11</v>
      </c>
      <c r="S12676">
        <v>11</v>
      </c>
      <c r="T12676">
        <v>11</v>
      </c>
      <c r="U12676">
        <v>12</v>
      </c>
      <c r="V12676">
        <v>12</v>
      </c>
      <c r="W12676">
        <v>12</v>
      </c>
      <c r="X12676">
        <v>12</v>
      </c>
      <c r="Y12676">
        <v>13</v>
      </c>
      <c r="Z12676">
        <v>13</v>
      </c>
      <c r="AA12676">
        <v>13</v>
      </c>
      <c r="AB12676">
        <v>13</v>
      </c>
      <c r="AC12676">
        <v>14</v>
      </c>
      <c r="AD12676">
        <v>14</v>
      </c>
      <c r="AE12676">
        <v>14</v>
      </c>
      <c r="AF12676">
        <v>14</v>
      </c>
      <c r="AG12676">
        <v>14</v>
      </c>
      <c r="AH12676">
        <v>14</v>
      </c>
      <c r="AI12676">
        <v>14</v>
      </c>
      <c r="AJ12676">
        <v>14</v>
      </c>
      <c r="AK12676">
        <v>14</v>
      </c>
      <c r="AL12676">
        <v>14</v>
      </c>
      <c r="AM12676">
        <v>14</v>
      </c>
      <c r="AN12676">
        <v>15</v>
      </c>
      <c r="AO12676">
        <v>15</v>
      </c>
      <c r="AP12676">
        <v>15</v>
      </c>
      <c r="AQ12676">
        <v>15</v>
      </c>
    </row>
    <row r="12677" spans="1:43">
      <c r="A12677" t="s">
        <v>7874</v>
      </c>
      <c r="B12677" t="s">
        <v>7875</v>
      </c>
      <c r="C12677" t="s">
        <v>7864</v>
      </c>
      <c r="D12677" t="s">
        <v>7865</v>
      </c>
      <c r="E12677" t="s">
        <v>7646</v>
      </c>
      <c r="F12677" t="s">
        <v>7647</v>
      </c>
      <c r="G12677" t="s">
        <v>80</v>
      </c>
      <c r="H12677" t="s">
        <v>81</v>
      </c>
      <c r="I12677" s="2">
        <v>0</v>
      </c>
      <c r="J12677" s="2">
        <v>1</v>
      </c>
      <c r="K12677" s="2">
        <v>0</v>
      </c>
      <c r="L12677" t="s">
        <v>82</v>
      </c>
      <c r="M12677" t="s">
        <v>83</v>
      </c>
      <c r="N12677" t="s">
        <v>91</v>
      </c>
      <c r="O12677" t="s">
        <v>85</v>
      </c>
      <c r="P12677" t="s">
        <v>86</v>
      </c>
      <c r="Q12677">
        <v>10</v>
      </c>
      <c r="R12677">
        <v>11</v>
      </c>
      <c r="S12677">
        <v>11</v>
      </c>
      <c r="T12677">
        <v>11</v>
      </c>
      <c r="U12677">
        <v>11</v>
      </c>
      <c r="V12677">
        <v>11</v>
      </c>
      <c r="W12677">
        <v>11</v>
      </c>
      <c r="X12677">
        <v>12</v>
      </c>
      <c r="Y12677">
        <v>12</v>
      </c>
      <c r="Z12677">
        <v>12</v>
      </c>
      <c r="AA12677">
        <v>12</v>
      </c>
      <c r="AB12677">
        <v>12</v>
      </c>
      <c r="AC12677">
        <v>13</v>
      </c>
      <c r="AD12677">
        <v>13</v>
      </c>
      <c r="AE12677">
        <v>13</v>
      </c>
      <c r="AF12677">
        <v>13</v>
      </c>
      <c r="AG12677">
        <v>13</v>
      </c>
      <c r="AH12677">
        <v>14</v>
      </c>
      <c r="AI12677">
        <v>14</v>
      </c>
      <c r="AJ12677">
        <v>14</v>
      </c>
      <c r="AK12677">
        <v>14</v>
      </c>
      <c r="AL12677">
        <v>14</v>
      </c>
      <c r="AM12677">
        <v>14</v>
      </c>
      <c r="AN12677">
        <v>14</v>
      </c>
      <c r="AO12677">
        <v>14</v>
      </c>
      <c r="AP12677">
        <v>15</v>
      </c>
      <c r="AQ12677">
        <v>15</v>
      </c>
    </row>
    <row r="12678" spans="1:43">
      <c r="A12678" t="s">
        <v>7876</v>
      </c>
      <c r="B12678" t="s">
        <v>7877</v>
      </c>
      <c r="C12678" t="s">
        <v>7878</v>
      </c>
      <c r="D12678" t="s">
        <v>7879</v>
      </c>
      <c r="E12678" t="s">
        <v>7646</v>
      </c>
      <c r="F12678" t="s">
        <v>7647</v>
      </c>
      <c r="G12678" t="s">
        <v>80</v>
      </c>
      <c r="H12678" t="s">
        <v>81</v>
      </c>
      <c r="I12678" s="2">
        <v>0</v>
      </c>
      <c r="J12678" s="2">
        <v>1</v>
      </c>
      <c r="K12678" s="2">
        <v>0</v>
      </c>
      <c r="L12678" t="s">
        <v>82</v>
      </c>
      <c r="M12678" t="s">
        <v>83</v>
      </c>
      <c r="N12678" t="s">
        <v>84</v>
      </c>
      <c r="O12678" t="s">
        <v>85</v>
      </c>
      <c r="P12678" t="s">
        <v>86</v>
      </c>
      <c r="Q12678">
        <v>18</v>
      </c>
      <c r="R12678">
        <v>19</v>
      </c>
      <c r="S12678">
        <v>19</v>
      </c>
      <c r="T12678">
        <v>19</v>
      </c>
      <c r="U12678">
        <v>20</v>
      </c>
      <c r="V12678">
        <v>20</v>
      </c>
      <c r="W12678">
        <v>20</v>
      </c>
      <c r="X12678">
        <v>21</v>
      </c>
      <c r="Y12678">
        <v>21</v>
      </c>
      <c r="Z12678">
        <v>22</v>
      </c>
      <c r="AA12678">
        <v>22</v>
      </c>
      <c r="AB12678">
        <v>22</v>
      </c>
      <c r="AC12678">
        <v>23</v>
      </c>
      <c r="AD12678">
        <v>23</v>
      </c>
      <c r="AE12678">
        <v>23</v>
      </c>
      <c r="AF12678">
        <v>24</v>
      </c>
      <c r="AG12678">
        <v>24</v>
      </c>
      <c r="AH12678">
        <v>24</v>
      </c>
      <c r="AI12678">
        <v>25</v>
      </c>
      <c r="AJ12678">
        <v>25</v>
      </c>
      <c r="AK12678">
        <v>25</v>
      </c>
      <c r="AL12678">
        <v>26</v>
      </c>
      <c r="AM12678">
        <v>26</v>
      </c>
      <c r="AN12678">
        <v>26</v>
      </c>
      <c r="AO12678">
        <v>26</v>
      </c>
      <c r="AP12678">
        <v>26</v>
      </c>
      <c r="AQ12678">
        <v>26</v>
      </c>
    </row>
    <row r="12679" spans="1:43">
      <c r="A12679" t="s">
        <v>7876</v>
      </c>
      <c r="B12679" t="s">
        <v>7877</v>
      </c>
      <c r="C12679" t="s">
        <v>7878</v>
      </c>
      <c r="D12679" t="s">
        <v>7879</v>
      </c>
      <c r="E12679" t="s">
        <v>7646</v>
      </c>
      <c r="F12679" t="s">
        <v>7647</v>
      </c>
      <c r="G12679" t="s">
        <v>80</v>
      </c>
      <c r="H12679" t="s">
        <v>81</v>
      </c>
      <c r="I12679" s="2">
        <v>0</v>
      </c>
      <c r="J12679" s="2">
        <v>1</v>
      </c>
      <c r="K12679" s="2">
        <v>0</v>
      </c>
      <c r="L12679" t="s">
        <v>82</v>
      </c>
      <c r="M12679" t="s">
        <v>87</v>
      </c>
      <c r="N12679" t="s">
        <v>88</v>
      </c>
      <c r="O12679" t="s">
        <v>85</v>
      </c>
      <c r="P12679" t="s">
        <v>86</v>
      </c>
      <c r="Q12679">
        <v>18</v>
      </c>
      <c r="R12679">
        <v>18</v>
      </c>
      <c r="S12679">
        <v>19</v>
      </c>
      <c r="T12679">
        <v>19</v>
      </c>
      <c r="U12679">
        <v>19</v>
      </c>
      <c r="V12679">
        <v>19</v>
      </c>
      <c r="W12679">
        <v>19</v>
      </c>
      <c r="X12679">
        <v>19</v>
      </c>
      <c r="Y12679">
        <v>20</v>
      </c>
      <c r="Z12679">
        <v>20</v>
      </c>
      <c r="AA12679">
        <v>20</v>
      </c>
      <c r="AB12679">
        <v>20</v>
      </c>
      <c r="AC12679">
        <v>20</v>
      </c>
      <c r="AD12679">
        <v>20</v>
      </c>
      <c r="AE12679">
        <v>21</v>
      </c>
      <c r="AF12679">
        <v>21</v>
      </c>
      <c r="AG12679">
        <v>21</v>
      </c>
      <c r="AH12679">
        <v>21</v>
      </c>
      <c r="AI12679">
        <v>21</v>
      </c>
      <c r="AJ12679">
        <v>21</v>
      </c>
      <c r="AK12679">
        <v>22</v>
      </c>
      <c r="AL12679">
        <v>22</v>
      </c>
      <c r="AM12679">
        <v>22</v>
      </c>
      <c r="AN12679">
        <v>22</v>
      </c>
      <c r="AO12679">
        <v>22</v>
      </c>
      <c r="AP12679">
        <v>23</v>
      </c>
      <c r="AQ12679">
        <v>23</v>
      </c>
    </row>
    <row r="12680" spans="1:43">
      <c r="A12680" t="s">
        <v>7876</v>
      </c>
      <c r="B12680" t="s">
        <v>7877</v>
      </c>
      <c r="C12680" t="s">
        <v>7878</v>
      </c>
      <c r="D12680" t="s">
        <v>7879</v>
      </c>
      <c r="E12680" t="s">
        <v>7646</v>
      </c>
      <c r="F12680" t="s">
        <v>7647</v>
      </c>
      <c r="G12680" t="s">
        <v>80</v>
      </c>
      <c r="H12680" t="s">
        <v>81</v>
      </c>
      <c r="I12680" s="2">
        <v>0</v>
      </c>
      <c r="J12680" s="2">
        <v>1</v>
      </c>
      <c r="K12680" s="2">
        <v>0</v>
      </c>
      <c r="L12680" t="s">
        <v>82</v>
      </c>
      <c r="M12680" t="s">
        <v>89</v>
      </c>
      <c r="N12680" t="s">
        <v>90</v>
      </c>
      <c r="O12680" t="s">
        <v>85</v>
      </c>
      <c r="P12680" t="s">
        <v>86</v>
      </c>
      <c r="Q12680">
        <v>18</v>
      </c>
      <c r="R12680">
        <v>18</v>
      </c>
      <c r="S12680">
        <v>19</v>
      </c>
      <c r="T12680">
        <v>19</v>
      </c>
      <c r="U12680">
        <v>20</v>
      </c>
      <c r="V12680">
        <v>20</v>
      </c>
      <c r="W12680">
        <v>21</v>
      </c>
      <c r="X12680">
        <v>21</v>
      </c>
      <c r="Y12680">
        <v>21</v>
      </c>
      <c r="Z12680">
        <v>22</v>
      </c>
      <c r="AA12680">
        <v>22</v>
      </c>
      <c r="AB12680">
        <v>23</v>
      </c>
      <c r="AC12680">
        <v>23</v>
      </c>
      <c r="AD12680">
        <v>24</v>
      </c>
      <c r="AE12680">
        <v>24</v>
      </c>
      <c r="AF12680">
        <v>24</v>
      </c>
      <c r="AG12680">
        <v>24</v>
      </c>
      <c r="AH12680">
        <v>24</v>
      </c>
      <c r="AI12680">
        <v>24</v>
      </c>
      <c r="AJ12680">
        <v>25</v>
      </c>
      <c r="AK12680">
        <v>25</v>
      </c>
      <c r="AL12680">
        <v>25</v>
      </c>
      <c r="AM12680">
        <v>25</v>
      </c>
      <c r="AN12680">
        <v>25</v>
      </c>
      <c r="AO12680">
        <v>25</v>
      </c>
      <c r="AP12680">
        <v>25</v>
      </c>
      <c r="AQ12680">
        <v>25</v>
      </c>
    </row>
    <row r="12681" spans="1:43">
      <c r="A12681" t="s">
        <v>7876</v>
      </c>
      <c r="B12681" t="s">
        <v>7877</v>
      </c>
      <c r="C12681" t="s">
        <v>7878</v>
      </c>
      <c r="D12681" t="s">
        <v>7879</v>
      </c>
      <c r="E12681" t="s">
        <v>7646</v>
      </c>
      <c r="F12681" t="s">
        <v>7647</v>
      </c>
      <c r="G12681" t="s">
        <v>80</v>
      </c>
      <c r="H12681" t="s">
        <v>81</v>
      </c>
      <c r="I12681" s="2">
        <v>0</v>
      </c>
      <c r="J12681" s="2">
        <v>1</v>
      </c>
      <c r="K12681" s="2">
        <v>0</v>
      </c>
      <c r="L12681" t="s">
        <v>82</v>
      </c>
      <c r="M12681" t="s">
        <v>83</v>
      </c>
      <c r="N12681" t="s">
        <v>91</v>
      </c>
      <c r="O12681" t="s">
        <v>85</v>
      </c>
      <c r="P12681" t="s">
        <v>86</v>
      </c>
      <c r="Q12681">
        <v>18</v>
      </c>
      <c r="R12681">
        <v>19</v>
      </c>
      <c r="S12681">
        <v>19</v>
      </c>
      <c r="T12681">
        <v>19</v>
      </c>
      <c r="U12681">
        <v>20</v>
      </c>
      <c r="V12681">
        <v>20</v>
      </c>
      <c r="W12681">
        <v>20</v>
      </c>
      <c r="X12681">
        <v>21</v>
      </c>
      <c r="Y12681">
        <v>21</v>
      </c>
      <c r="Z12681">
        <v>22</v>
      </c>
      <c r="AA12681">
        <v>22</v>
      </c>
      <c r="AB12681">
        <v>22</v>
      </c>
      <c r="AC12681">
        <v>23</v>
      </c>
      <c r="AD12681">
        <v>23</v>
      </c>
      <c r="AE12681">
        <v>23</v>
      </c>
      <c r="AF12681">
        <v>24</v>
      </c>
      <c r="AG12681">
        <v>24</v>
      </c>
      <c r="AH12681">
        <v>24</v>
      </c>
      <c r="AI12681">
        <v>25</v>
      </c>
      <c r="AJ12681">
        <v>25</v>
      </c>
      <c r="AK12681">
        <v>25</v>
      </c>
      <c r="AL12681">
        <v>26</v>
      </c>
      <c r="AM12681">
        <v>26</v>
      </c>
      <c r="AN12681">
        <v>26</v>
      </c>
      <c r="AO12681">
        <v>26</v>
      </c>
      <c r="AP12681">
        <v>26</v>
      </c>
      <c r="AQ12681">
        <v>26</v>
      </c>
    </row>
    <row r="12682" spans="1:43">
      <c r="A12682" t="s">
        <v>7880</v>
      </c>
      <c r="B12682" t="s">
        <v>7881</v>
      </c>
      <c r="C12682" t="s">
        <v>7878</v>
      </c>
      <c r="D12682" t="s">
        <v>7879</v>
      </c>
      <c r="E12682" t="s">
        <v>7646</v>
      </c>
      <c r="F12682" t="s">
        <v>7647</v>
      </c>
      <c r="G12682" t="s">
        <v>80</v>
      </c>
      <c r="H12682" t="s">
        <v>81</v>
      </c>
      <c r="I12682" s="2">
        <v>0</v>
      </c>
      <c r="J12682" s="2">
        <v>1</v>
      </c>
      <c r="K12682" s="2">
        <v>0</v>
      </c>
      <c r="L12682" t="s">
        <v>82</v>
      </c>
      <c r="M12682" t="s">
        <v>83</v>
      </c>
      <c r="N12682" t="s">
        <v>84</v>
      </c>
      <c r="O12682" t="s">
        <v>85</v>
      </c>
      <c r="P12682" t="s">
        <v>86</v>
      </c>
      <c r="Q12682">
        <v>8</v>
      </c>
      <c r="R12682">
        <v>8</v>
      </c>
      <c r="S12682">
        <v>8</v>
      </c>
      <c r="T12682">
        <v>9</v>
      </c>
      <c r="U12682">
        <v>9</v>
      </c>
      <c r="V12682">
        <v>9</v>
      </c>
      <c r="W12682">
        <v>9</v>
      </c>
      <c r="X12682">
        <v>9</v>
      </c>
      <c r="Y12682">
        <v>9</v>
      </c>
      <c r="Z12682">
        <v>9</v>
      </c>
      <c r="AA12682">
        <v>10</v>
      </c>
      <c r="AB12682">
        <v>10</v>
      </c>
      <c r="AC12682">
        <v>10</v>
      </c>
      <c r="AD12682">
        <v>10</v>
      </c>
      <c r="AE12682">
        <v>10</v>
      </c>
      <c r="AF12682">
        <v>10</v>
      </c>
      <c r="AG12682">
        <v>11</v>
      </c>
      <c r="AH12682">
        <v>11</v>
      </c>
      <c r="AI12682">
        <v>11</v>
      </c>
      <c r="AJ12682">
        <v>11</v>
      </c>
      <c r="AK12682">
        <v>11</v>
      </c>
      <c r="AL12682">
        <v>11</v>
      </c>
      <c r="AM12682">
        <v>11</v>
      </c>
      <c r="AN12682">
        <v>11</v>
      </c>
      <c r="AO12682">
        <v>11</v>
      </c>
      <c r="AP12682">
        <v>11</v>
      </c>
      <c r="AQ12682">
        <v>11</v>
      </c>
    </row>
    <row r="12683" spans="1:43">
      <c r="A12683" t="s">
        <v>7880</v>
      </c>
      <c r="B12683" t="s">
        <v>7881</v>
      </c>
      <c r="C12683" t="s">
        <v>7878</v>
      </c>
      <c r="D12683" t="s">
        <v>7879</v>
      </c>
      <c r="E12683" t="s">
        <v>7646</v>
      </c>
      <c r="F12683" t="s">
        <v>7647</v>
      </c>
      <c r="G12683" t="s">
        <v>80</v>
      </c>
      <c r="H12683" t="s">
        <v>81</v>
      </c>
      <c r="I12683" s="2">
        <v>0</v>
      </c>
      <c r="J12683" s="2">
        <v>1</v>
      </c>
      <c r="K12683" s="2">
        <v>0</v>
      </c>
      <c r="L12683" t="s">
        <v>82</v>
      </c>
      <c r="M12683" t="s">
        <v>87</v>
      </c>
      <c r="N12683" t="s">
        <v>88</v>
      </c>
      <c r="O12683" t="s">
        <v>85</v>
      </c>
      <c r="P12683" t="s">
        <v>86</v>
      </c>
      <c r="Q12683">
        <v>8</v>
      </c>
      <c r="R12683">
        <v>8</v>
      </c>
      <c r="S12683">
        <v>8</v>
      </c>
      <c r="T12683">
        <v>8</v>
      </c>
      <c r="U12683">
        <v>8</v>
      </c>
      <c r="V12683">
        <v>8</v>
      </c>
      <c r="W12683">
        <v>8</v>
      </c>
      <c r="X12683">
        <v>9</v>
      </c>
      <c r="Y12683">
        <v>9</v>
      </c>
      <c r="Z12683">
        <v>9</v>
      </c>
      <c r="AA12683">
        <v>9</v>
      </c>
      <c r="AB12683">
        <v>9</v>
      </c>
      <c r="AC12683">
        <v>9</v>
      </c>
      <c r="AD12683">
        <v>9</v>
      </c>
      <c r="AE12683">
        <v>9</v>
      </c>
      <c r="AF12683">
        <v>9</v>
      </c>
      <c r="AG12683">
        <v>9</v>
      </c>
      <c r="AH12683">
        <v>9</v>
      </c>
      <c r="AI12683">
        <v>9</v>
      </c>
      <c r="AJ12683">
        <v>9</v>
      </c>
      <c r="AK12683">
        <v>10</v>
      </c>
      <c r="AL12683">
        <v>10</v>
      </c>
      <c r="AM12683">
        <v>10</v>
      </c>
      <c r="AN12683">
        <v>10</v>
      </c>
      <c r="AO12683">
        <v>10</v>
      </c>
      <c r="AP12683">
        <v>10</v>
      </c>
      <c r="AQ12683">
        <v>10</v>
      </c>
    </row>
    <row r="12684" spans="1:43">
      <c r="A12684" t="s">
        <v>7880</v>
      </c>
      <c r="B12684" t="s">
        <v>7881</v>
      </c>
      <c r="C12684" t="s">
        <v>7878</v>
      </c>
      <c r="D12684" t="s">
        <v>7879</v>
      </c>
      <c r="E12684" t="s">
        <v>7646</v>
      </c>
      <c r="F12684" t="s">
        <v>7647</v>
      </c>
      <c r="G12684" t="s">
        <v>80</v>
      </c>
      <c r="H12684" t="s">
        <v>81</v>
      </c>
      <c r="I12684" s="2">
        <v>0</v>
      </c>
      <c r="J12684" s="2">
        <v>1</v>
      </c>
      <c r="K12684" s="2">
        <v>0</v>
      </c>
      <c r="L12684" t="s">
        <v>82</v>
      </c>
      <c r="M12684" t="s">
        <v>89</v>
      </c>
      <c r="N12684" t="s">
        <v>90</v>
      </c>
      <c r="O12684" t="s">
        <v>85</v>
      </c>
      <c r="P12684" t="s">
        <v>86</v>
      </c>
      <c r="Q12684">
        <v>8</v>
      </c>
      <c r="R12684">
        <v>8</v>
      </c>
      <c r="S12684">
        <v>9</v>
      </c>
      <c r="T12684">
        <v>9</v>
      </c>
      <c r="U12684">
        <v>9</v>
      </c>
      <c r="V12684">
        <v>9</v>
      </c>
      <c r="W12684">
        <v>9</v>
      </c>
      <c r="X12684">
        <v>10</v>
      </c>
      <c r="Y12684">
        <v>10</v>
      </c>
      <c r="Z12684">
        <v>10</v>
      </c>
      <c r="AA12684">
        <v>10</v>
      </c>
      <c r="AB12684">
        <v>10</v>
      </c>
      <c r="AC12684">
        <v>11</v>
      </c>
      <c r="AD12684">
        <v>11</v>
      </c>
      <c r="AE12684">
        <v>11</v>
      </c>
      <c r="AF12684">
        <v>11</v>
      </c>
      <c r="AG12684">
        <v>11</v>
      </c>
      <c r="AH12684">
        <v>11</v>
      </c>
      <c r="AI12684">
        <v>11</v>
      </c>
      <c r="AJ12684">
        <v>11</v>
      </c>
      <c r="AK12684">
        <v>11</v>
      </c>
      <c r="AL12684">
        <v>11</v>
      </c>
      <c r="AM12684">
        <v>11</v>
      </c>
      <c r="AN12684">
        <v>11</v>
      </c>
      <c r="AO12684">
        <v>11</v>
      </c>
      <c r="AP12684">
        <v>11</v>
      </c>
      <c r="AQ12684">
        <v>12</v>
      </c>
    </row>
    <row r="12685" spans="1:43">
      <c r="A12685" t="s">
        <v>7880</v>
      </c>
      <c r="B12685" t="s">
        <v>7881</v>
      </c>
      <c r="C12685" t="s">
        <v>7878</v>
      </c>
      <c r="D12685" t="s">
        <v>7879</v>
      </c>
      <c r="E12685" t="s">
        <v>7646</v>
      </c>
      <c r="F12685" t="s">
        <v>7647</v>
      </c>
      <c r="G12685" t="s">
        <v>80</v>
      </c>
      <c r="H12685" t="s">
        <v>81</v>
      </c>
      <c r="I12685" s="2">
        <v>0</v>
      </c>
      <c r="J12685" s="2">
        <v>1</v>
      </c>
      <c r="K12685" s="2">
        <v>0</v>
      </c>
      <c r="L12685" t="s">
        <v>82</v>
      </c>
      <c r="M12685" t="s">
        <v>83</v>
      </c>
      <c r="N12685" t="s">
        <v>91</v>
      </c>
      <c r="O12685" t="s">
        <v>85</v>
      </c>
      <c r="P12685" t="s">
        <v>86</v>
      </c>
      <c r="Q12685">
        <v>8</v>
      </c>
      <c r="R12685">
        <v>8</v>
      </c>
      <c r="S12685">
        <v>8</v>
      </c>
      <c r="T12685">
        <v>9</v>
      </c>
      <c r="U12685">
        <v>9</v>
      </c>
      <c r="V12685">
        <v>9</v>
      </c>
      <c r="W12685">
        <v>9</v>
      </c>
      <c r="X12685">
        <v>9</v>
      </c>
      <c r="Y12685">
        <v>9</v>
      </c>
      <c r="Z12685">
        <v>9</v>
      </c>
      <c r="AA12685">
        <v>10</v>
      </c>
      <c r="AB12685">
        <v>10</v>
      </c>
      <c r="AC12685">
        <v>10</v>
      </c>
      <c r="AD12685">
        <v>10</v>
      </c>
      <c r="AE12685">
        <v>10</v>
      </c>
      <c r="AF12685">
        <v>10</v>
      </c>
      <c r="AG12685">
        <v>11</v>
      </c>
      <c r="AH12685">
        <v>11</v>
      </c>
      <c r="AI12685">
        <v>11</v>
      </c>
      <c r="AJ12685">
        <v>11</v>
      </c>
      <c r="AK12685">
        <v>11</v>
      </c>
      <c r="AL12685">
        <v>11</v>
      </c>
      <c r="AM12685">
        <v>11</v>
      </c>
      <c r="AN12685">
        <v>11</v>
      </c>
      <c r="AO12685">
        <v>11</v>
      </c>
      <c r="AP12685">
        <v>11</v>
      </c>
      <c r="AQ12685">
        <v>11</v>
      </c>
    </row>
    <row r="12686" spans="1:43">
      <c r="A12686" t="s">
        <v>7882</v>
      </c>
      <c r="B12686" t="s">
        <v>7883</v>
      </c>
      <c r="C12686" t="s">
        <v>7878</v>
      </c>
      <c r="D12686" t="s">
        <v>7879</v>
      </c>
      <c r="E12686" t="s">
        <v>7646</v>
      </c>
      <c r="F12686" t="s">
        <v>7647</v>
      </c>
      <c r="G12686" t="s">
        <v>80</v>
      </c>
      <c r="H12686" t="s">
        <v>81</v>
      </c>
      <c r="I12686" s="2">
        <v>0</v>
      </c>
      <c r="J12686" s="2">
        <v>1</v>
      </c>
      <c r="K12686" s="2">
        <v>0</v>
      </c>
      <c r="L12686" t="s">
        <v>82</v>
      </c>
      <c r="M12686" t="s">
        <v>83</v>
      </c>
      <c r="N12686" t="s">
        <v>84</v>
      </c>
      <c r="O12686" t="s">
        <v>85</v>
      </c>
      <c r="P12686" t="s">
        <v>86</v>
      </c>
      <c r="Q12686">
        <v>13</v>
      </c>
      <c r="R12686">
        <v>13</v>
      </c>
      <c r="S12686">
        <v>14</v>
      </c>
      <c r="T12686">
        <v>14</v>
      </c>
      <c r="U12686">
        <v>14</v>
      </c>
      <c r="V12686">
        <v>14</v>
      </c>
      <c r="W12686">
        <v>15</v>
      </c>
      <c r="X12686">
        <v>15</v>
      </c>
      <c r="Y12686">
        <v>15</v>
      </c>
      <c r="Z12686">
        <v>15</v>
      </c>
      <c r="AA12686">
        <v>16</v>
      </c>
      <c r="AB12686">
        <v>16</v>
      </c>
      <c r="AC12686">
        <v>16</v>
      </c>
      <c r="AD12686">
        <v>16</v>
      </c>
      <c r="AE12686">
        <v>17</v>
      </c>
      <c r="AF12686">
        <v>17</v>
      </c>
      <c r="AG12686">
        <v>17</v>
      </c>
      <c r="AH12686">
        <v>17</v>
      </c>
      <c r="AI12686">
        <v>18</v>
      </c>
      <c r="AJ12686">
        <v>18</v>
      </c>
      <c r="AK12686">
        <v>18</v>
      </c>
      <c r="AL12686">
        <v>18</v>
      </c>
      <c r="AM12686">
        <v>18</v>
      </c>
      <c r="AN12686">
        <v>19</v>
      </c>
      <c r="AO12686">
        <v>19</v>
      </c>
      <c r="AP12686">
        <v>19</v>
      </c>
      <c r="AQ12686">
        <v>19</v>
      </c>
    </row>
    <row r="12687" spans="1:43">
      <c r="A12687" t="s">
        <v>7882</v>
      </c>
      <c r="B12687" t="s">
        <v>7883</v>
      </c>
      <c r="C12687" t="s">
        <v>7878</v>
      </c>
      <c r="D12687" t="s">
        <v>7879</v>
      </c>
      <c r="E12687" t="s">
        <v>7646</v>
      </c>
      <c r="F12687" t="s">
        <v>7647</v>
      </c>
      <c r="G12687" t="s">
        <v>80</v>
      </c>
      <c r="H12687" t="s">
        <v>81</v>
      </c>
      <c r="I12687" s="2">
        <v>0</v>
      </c>
      <c r="J12687" s="2">
        <v>1</v>
      </c>
      <c r="K12687" s="2">
        <v>0</v>
      </c>
      <c r="L12687" t="s">
        <v>82</v>
      </c>
      <c r="M12687" t="s">
        <v>87</v>
      </c>
      <c r="N12687" t="s">
        <v>88</v>
      </c>
      <c r="O12687" t="s">
        <v>85</v>
      </c>
      <c r="P12687" t="s">
        <v>86</v>
      </c>
      <c r="Q12687">
        <v>13</v>
      </c>
      <c r="R12687">
        <v>13</v>
      </c>
      <c r="S12687">
        <v>13</v>
      </c>
      <c r="T12687">
        <v>13</v>
      </c>
      <c r="U12687">
        <v>14</v>
      </c>
      <c r="V12687">
        <v>14</v>
      </c>
      <c r="W12687">
        <v>14</v>
      </c>
      <c r="X12687">
        <v>14</v>
      </c>
      <c r="Y12687">
        <v>14</v>
      </c>
      <c r="Z12687">
        <v>14</v>
      </c>
      <c r="AA12687">
        <v>14</v>
      </c>
      <c r="AB12687">
        <v>14</v>
      </c>
      <c r="AC12687">
        <v>15</v>
      </c>
      <c r="AD12687">
        <v>15</v>
      </c>
      <c r="AE12687">
        <v>15</v>
      </c>
      <c r="AF12687">
        <v>15</v>
      </c>
      <c r="AG12687">
        <v>15</v>
      </c>
      <c r="AH12687">
        <v>15</v>
      </c>
      <c r="AI12687">
        <v>15</v>
      </c>
      <c r="AJ12687">
        <v>15</v>
      </c>
      <c r="AK12687">
        <v>16</v>
      </c>
      <c r="AL12687">
        <v>16</v>
      </c>
      <c r="AM12687">
        <v>16</v>
      </c>
      <c r="AN12687">
        <v>16</v>
      </c>
      <c r="AO12687">
        <v>16</v>
      </c>
      <c r="AP12687">
        <v>16</v>
      </c>
      <c r="AQ12687">
        <v>16</v>
      </c>
    </row>
    <row r="12688" spans="1:43">
      <c r="A12688" t="s">
        <v>7882</v>
      </c>
      <c r="B12688" t="s">
        <v>7883</v>
      </c>
      <c r="C12688" t="s">
        <v>7878</v>
      </c>
      <c r="D12688" t="s">
        <v>7879</v>
      </c>
      <c r="E12688" t="s">
        <v>7646</v>
      </c>
      <c r="F12688" t="s">
        <v>7647</v>
      </c>
      <c r="G12688" t="s">
        <v>80</v>
      </c>
      <c r="H12688" t="s">
        <v>81</v>
      </c>
      <c r="I12688" s="2">
        <v>0</v>
      </c>
      <c r="J12688" s="2">
        <v>1</v>
      </c>
      <c r="K12688" s="2">
        <v>0</v>
      </c>
      <c r="L12688" t="s">
        <v>82</v>
      </c>
      <c r="M12688" t="s">
        <v>89</v>
      </c>
      <c r="N12688" t="s">
        <v>90</v>
      </c>
      <c r="O12688" t="s">
        <v>85</v>
      </c>
      <c r="P12688" t="s">
        <v>86</v>
      </c>
      <c r="Q12688">
        <v>13</v>
      </c>
      <c r="R12688">
        <v>14</v>
      </c>
      <c r="S12688">
        <v>14</v>
      </c>
      <c r="T12688">
        <v>14</v>
      </c>
      <c r="U12688">
        <v>15</v>
      </c>
      <c r="V12688">
        <v>15</v>
      </c>
      <c r="W12688">
        <v>15</v>
      </c>
      <c r="X12688">
        <v>16</v>
      </c>
      <c r="Y12688">
        <v>16</v>
      </c>
      <c r="Z12688">
        <v>16</v>
      </c>
      <c r="AA12688">
        <v>17</v>
      </c>
      <c r="AB12688">
        <v>17</v>
      </c>
      <c r="AC12688">
        <v>17</v>
      </c>
      <c r="AD12688">
        <v>18</v>
      </c>
      <c r="AE12688">
        <v>18</v>
      </c>
      <c r="AF12688">
        <v>18</v>
      </c>
      <c r="AG12688">
        <v>18</v>
      </c>
      <c r="AH12688">
        <v>18</v>
      </c>
      <c r="AI12688">
        <v>18</v>
      </c>
      <c r="AJ12688">
        <v>18</v>
      </c>
      <c r="AK12688">
        <v>18</v>
      </c>
      <c r="AL12688">
        <v>19</v>
      </c>
      <c r="AM12688">
        <v>19</v>
      </c>
      <c r="AN12688">
        <v>19</v>
      </c>
      <c r="AO12688">
        <v>19</v>
      </c>
      <c r="AP12688">
        <v>19</v>
      </c>
      <c r="AQ12688">
        <v>19</v>
      </c>
    </row>
    <row r="12689" spans="1:43">
      <c r="A12689" t="s">
        <v>7882</v>
      </c>
      <c r="B12689" t="s">
        <v>7883</v>
      </c>
      <c r="C12689" t="s">
        <v>7878</v>
      </c>
      <c r="D12689" t="s">
        <v>7879</v>
      </c>
      <c r="E12689" t="s">
        <v>7646</v>
      </c>
      <c r="F12689" t="s">
        <v>7647</v>
      </c>
      <c r="G12689" t="s">
        <v>80</v>
      </c>
      <c r="H12689" t="s">
        <v>81</v>
      </c>
      <c r="I12689" s="2">
        <v>0</v>
      </c>
      <c r="J12689" s="2">
        <v>1</v>
      </c>
      <c r="K12689" s="2">
        <v>0</v>
      </c>
      <c r="L12689" t="s">
        <v>82</v>
      </c>
      <c r="M12689" t="s">
        <v>83</v>
      </c>
      <c r="N12689" t="s">
        <v>91</v>
      </c>
      <c r="O12689" t="s">
        <v>85</v>
      </c>
      <c r="P12689" t="s">
        <v>86</v>
      </c>
      <c r="Q12689">
        <v>13</v>
      </c>
      <c r="R12689">
        <v>13</v>
      </c>
      <c r="S12689">
        <v>14</v>
      </c>
      <c r="T12689">
        <v>14</v>
      </c>
      <c r="U12689">
        <v>14</v>
      </c>
      <c r="V12689">
        <v>14</v>
      </c>
      <c r="W12689">
        <v>15</v>
      </c>
      <c r="X12689">
        <v>15</v>
      </c>
      <c r="Y12689">
        <v>15</v>
      </c>
      <c r="Z12689">
        <v>15</v>
      </c>
      <c r="AA12689">
        <v>16</v>
      </c>
      <c r="AB12689">
        <v>16</v>
      </c>
      <c r="AC12689">
        <v>16</v>
      </c>
      <c r="AD12689">
        <v>16</v>
      </c>
      <c r="AE12689">
        <v>17</v>
      </c>
      <c r="AF12689">
        <v>17</v>
      </c>
      <c r="AG12689">
        <v>17</v>
      </c>
      <c r="AH12689">
        <v>17</v>
      </c>
      <c r="AI12689">
        <v>18</v>
      </c>
      <c r="AJ12689">
        <v>18</v>
      </c>
      <c r="AK12689">
        <v>18</v>
      </c>
      <c r="AL12689">
        <v>18</v>
      </c>
      <c r="AM12689">
        <v>18</v>
      </c>
      <c r="AN12689">
        <v>19</v>
      </c>
      <c r="AO12689">
        <v>19</v>
      </c>
      <c r="AP12689">
        <v>19</v>
      </c>
      <c r="AQ12689">
        <v>19</v>
      </c>
    </row>
    <row r="12690" spans="1:43">
      <c r="A12690" t="s">
        <v>7884</v>
      </c>
      <c r="B12690" t="s">
        <v>7885</v>
      </c>
      <c r="C12690" t="s">
        <v>7878</v>
      </c>
      <c r="D12690" t="s">
        <v>7879</v>
      </c>
      <c r="E12690" t="s">
        <v>7646</v>
      </c>
      <c r="F12690" t="s">
        <v>7647</v>
      </c>
      <c r="G12690" t="s">
        <v>80</v>
      </c>
      <c r="H12690" t="s">
        <v>81</v>
      </c>
      <c r="I12690" s="2">
        <v>0</v>
      </c>
      <c r="J12690" s="2">
        <v>1</v>
      </c>
      <c r="K12690" s="2">
        <v>0</v>
      </c>
      <c r="L12690" t="s">
        <v>82</v>
      </c>
      <c r="M12690" t="s">
        <v>83</v>
      </c>
      <c r="N12690" t="s">
        <v>84</v>
      </c>
      <c r="O12690" t="s">
        <v>85</v>
      </c>
      <c r="P12690" t="s">
        <v>86</v>
      </c>
      <c r="Q12690">
        <v>11</v>
      </c>
      <c r="R12690">
        <v>11</v>
      </c>
      <c r="S12690">
        <v>11</v>
      </c>
      <c r="T12690">
        <v>11</v>
      </c>
      <c r="U12690">
        <v>12</v>
      </c>
      <c r="V12690">
        <v>12</v>
      </c>
      <c r="W12690">
        <v>12</v>
      </c>
      <c r="X12690">
        <v>12</v>
      </c>
      <c r="Y12690">
        <v>12</v>
      </c>
      <c r="Z12690">
        <v>13</v>
      </c>
      <c r="AA12690">
        <v>13</v>
      </c>
      <c r="AB12690">
        <v>13</v>
      </c>
      <c r="AC12690">
        <v>13</v>
      </c>
      <c r="AD12690">
        <v>13</v>
      </c>
      <c r="AE12690">
        <v>14</v>
      </c>
      <c r="AF12690">
        <v>14</v>
      </c>
      <c r="AG12690">
        <v>14</v>
      </c>
      <c r="AH12690">
        <v>14</v>
      </c>
      <c r="AI12690">
        <v>14</v>
      </c>
      <c r="AJ12690">
        <v>15</v>
      </c>
      <c r="AK12690">
        <v>15</v>
      </c>
      <c r="AL12690">
        <v>15</v>
      </c>
      <c r="AM12690">
        <v>15</v>
      </c>
      <c r="AN12690">
        <v>15</v>
      </c>
      <c r="AO12690">
        <v>15</v>
      </c>
      <c r="AP12690">
        <v>15</v>
      </c>
      <c r="AQ12690">
        <v>15</v>
      </c>
    </row>
    <row r="12691" spans="1:43">
      <c r="A12691" t="s">
        <v>7884</v>
      </c>
      <c r="B12691" t="s">
        <v>7885</v>
      </c>
      <c r="C12691" t="s">
        <v>7878</v>
      </c>
      <c r="D12691" t="s">
        <v>7879</v>
      </c>
      <c r="E12691" t="s">
        <v>7646</v>
      </c>
      <c r="F12691" t="s">
        <v>7647</v>
      </c>
      <c r="G12691" t="s">
        <v>80</v>
      </c>
      <c r="H12691" t="s">
        <v>81</v>
      </c>
      <c r="I12691" s="2">
        <v>0</v>
      </c>
      <c r="J12691" s="2">
        <v>1</v>
      </c>
      <c r="K12691" s="2">
        <v>0</v>
      </c>
      <c r="L12691" t="s">
        <v>82</v>
      </c>
      <c r="M12691" t="s">
        <v>87</v>
      </c>
      <c r="N12691" t="s">
        <v>88</v>
      </c>
      <c r="O12691" t="s">
        <v>85</v>
      </c>
      <c r="P12691" t="s">
        <v>86</v>
      </c>
      <c r="Q12691">
        <v>11</v>
      </c>
      <c r="R12691">
        <v>11</v>
      </c>
      <c r="S12691">
        <v>11</v>
      </c>
      <c r="T12691">
        <v>11</v>
      </c>
      <c r="U12691">
        <v>11</v>
      </c>
      <c r="V12691">
        <v>11</v>
      </c>
      <c r="W12691">
        <v>11</v>
      </c>
      <c r="X12691">
        <v>11</v>
      </c>
      <c r="Y12691">
        <v>11</v>
      </c>
      <c r="Z12691">
        <v>12</v>
      </c>
      <c r="AA12691">
        <v>12</v>
      </c>
      <c r="AB12691">
        <v>12</v>
      </c>
      <c r="AC12691">
        <v>12</v>
      </c>
      <c r="AD12691">
        <v>12</v>
      </c>
      <c r="AE12691">
        <v>12</v>
      </c>
      <c r="AF12691">
        <v>12</v>
      </c>
      <c r="AG12691">
        <v>12</v>
      </c>
      <c r="AH12691">
        <v>12</v>
      </c>
      <c r="AI12691">
        <v>12</v>
      </c>
      <c r="AJ12691">
        <v>13</v>
      </c>
      <c r="AK12691">
        <v>13</v>
      </c>
      <c r="AL12691">
        <v>13</v>
      </c>
      <c r="AM12691">
        <v>13</v>
      </c>
      <c r="AN12691">
        <v>13</v>
      </c>
      <c r="AO12691">
        <v>13</v>
      </c>
      <c r="AP12691">
        <v>13</v>
      </c>
      <c r="AQ12691">
        <v>13</v>
      </c>
    </row>
    <row r="12692" spans="1:43">
      <c r="A12692" t="s">
        <v>7884</v>
      </c>
      <c r="B12692" t="s">
        <v>7885</v>
      </c>
      <c r="C12692" t="s">
        <v>7878</v>
      </c>
      <c r="D12692" t="s">
        <v>7879</v>
      </c>
      <c r="E12692" t="s">
        <v>7646</v>
      </c>
      <c r="F12692" t="s">
        <v>7647</v>
      </c>
      <c r="G12692" t="s">
        <v>80</v>
      </c>
      <c r="H12692" t="s">
        <v>81</v>
      </c>
      <c r="I12692" s="2">
        <v>0</v>
      </c>
      <c r="J12692" s="2">
        <v>1</v>
      </c>
      <c r="K12692" s="2">
        <v>0</v>
      </c>
      <c r="L12692" t="s">
        <v>82</v>
      </c>
      <c r="M12692" t="s">
        <v>89</v>
      </c>
      <c r="N12692" t="s">
        <v>90</v>
      </c>
      <c r="O12692" t="s">
        <v>85</v>
      </c>
      <c r="P12692" t="s">
        <v>86</v>
      </c>
      <c r="Q12692">
        <v>11</v>
      </c>
      <c r="R12692">
        <v>11</v>
      </c>
      <c r="S12692">
        <v>11</v>
      </c>
      <c r="T12692">
        <v>12</v>
      </c>
      <c r="U12692">
        <v>12</v>
      </c>
      <c r="V12692">
        <v>12</v>
      </c>
      <c r="W12692">
        <v>13</v>
      </c>
      <c r="X12692">
        <v>13</v>
      </c>
      <c r="Y12692">
        <v>13</v>
      </c>
      <c r="Z12692">
        <v>13</v>
      </c>
      <c r="AA12692">
        <v>14</v>
      </c>
      <c r="AB12692">
        <v>14</v>
      </c>
      <c r="AC12692">
        <v>14</v>
      </c>
      <c r="AD12692">
        <v>14</v>
      </c>
      <c r="AE12692">
        <v>15</v>
      </c>
      <c r="AF12692">
        <v>15</v>
      </c>
      <c r="AG12692">
        <v>15</v>
      </c>
      <c r="AH12692">
        <v>15</v>
      </c>
      <c r="AI12692">
        <v>15</v>
      </c>
      <c r="AJ12692">
        <v>15</v>
      </c>
      <c r="AK12692">
        <v>15</v>
      </c>
      <c r="AL12692">
        <v>15</v>
      </c>
      <c r="AM12692">
        <v>15</v>
      </c>
      <c r="AN12692">
        <v>15</v>
      </c>
      <c r="AO12692">
        <v>15</v>
      </c>
      <c r="AP12692">
        <v>15</v>
      </c>
      <c r="AQ12692">
        <v>15</v>
      </c>
    </row>
    <row r="12693" spans="1:43">
      <c r="A12693" t="s">
        <v>7884</v>
      </c>
      <c r="B12693" t="s">
        <v>7885</v>
      </c>
      <c r="C12693" t="s">
        <v>7878</v>
      </c>
      <c r="D12693" t="s">
        <v>7879</v>
      </c>
      <c r="E12693" t="s">
        <v>7646</v>
      </c>
      <c r="F12693" t="s">
        <v>7647</v>
      </c>
      <c r="G12693" t="s">
        <v>80</v>
      </c>
      <c r="H12693" t="s">
        <v>81</v>
      </c>
      <c r="I12693" s="2">
        <v>0</v>
      </c>
      <c r="J12693" s="2">
        <v>1</v>
      </c>
      <c r="K12693" s="2">
        <v>0</v>
      </c>
      <c r="L12693" t="s">
        <v>82</v>
      </c>
      <c r="M12693" t="s">
        <v>83</v>
      </c>
      <c r="N12693" t="s">
        <v>91</v>
      </c>
      <c r="O12693" t="s">
        <v>85</v>
      </c>
      <c r="P12693" t="s">
        <v>86</v>
      </c>
      <c r="Q12693">
        <v>11</v>
      </c>
      <c r="R12693">
        <v>11</v>
      </c>
      <c r="S12693">
        <v>11</v>
      </c>
      <c r="T12693">
        <v>11</v>
      </c>
      <c r="U12693">
        <v>12</v>
      </c>
      <c r="V12693">
        <v>12</v>
      </c>
      <c r="W12693">
        <v>12</v>
      </c>
      <c r="X12693">
        <v>12</v>
      </c>
      <c r="Y12693">
        <v>12</v>
      </c>
      <c r="Z12693">
        <v>13</v>
      </c>
      <c r="AA12693">
        <v>13</v>
      </c>
      <c r="AB12693">
        <v>13</v>
      </c>
      <c r="AC12693">
        <v>13</v>
      </c>
      <c r="AD12693">
        <v>13</v>
      </c>
      <c r="AE12693">
        <v>14</v>
      </c>
      <c r="AF12693">
        <v>14</v>
      </c>
      <c r="AG12693">
        <v>14</v>
      </c>
      <c r="AH12693">
        <v>14</v>
      </c>
      <c r="AI12693">
        <v>14</v>
      </c>
      <c r="AJ12693">
        <v>15</v>
      </c>
      <c r="AK12693">
        <v>15</v>
      </c>
      <c r="AL12693">
        <v>15</v>
      </c>
      <c r="AM12693">
        <v>15</v>
      </c>
      <c r="AN12693">
        <v>15</v>
      </c>
      <c r="AO12693">
        <v>15</v>
      </c>
      <c r="AP12693">
        <v>15</v>
      </c>
      <c r="AQ12693">
        <v>15</v>
      </c>
    </row>
    <row r="12694" spans="1:43">
      <c r="A12694" t="s">
        <v>7886</v>
      </c>
      <c r="B12694" t="s">
        <v>7887</v>
      </c>
      <c r="C12694" t="s">
        <v>7878</v>
      </c>
      <c r="D12694" t="s">
        <v>7879</v>
      </c>
      <c r="E12694" t="s">
        <v>7646</v>
      </c>
      <c r="F12694" t="s">
        <v>7647</v>
      </c>
      <c r="G12694" t="s">
        <v>80</v>
      </c>
      <c r="H12694" t="s">
        <v>81</v>
      </c>
      <c r="I12694" s="2">
        <v>0</v>
      </c>
      <c r="J12694" s="2">
        <v>1</v>
      </c>
      <c r="K12694" s="2">
        <v>0</v>
      </c>
      <c r="L12694" t="s">
        <v>82</v>
      </c>
      <c r="M12694" t="s">
        <v>83</v>
      </c>
      <c r="N12694" t="s">
        <v>84</v>
      </c>
      <c r="O12694" t="s">
        <v>85</v>
      </c>
      <c r="P12694" t="s">
        <v>86</v>
      </c>
      <c r="Q12694">
        <v>14</v>
      </c>
      <c r="R12694">
        <v>15</v>
      </c>
      <c r="S12694">
        <v>15</v>
      </c>
      <c r="T12694">
        <v>15</v>
      </c>
      <c r="U12694">
        <v>15</v>
      </c>
      <c r="V12694">
        <v>16</v>
      </c>
      <c r="W12694">
        <v>16</v>
      </c>
      <c r="X12694">
        <v>16</v>
      </c>
      <c r="Y12694">
        <v>17</v>
      </c>
      <c r="Z12694">
        <v>17</v>
      </c>
      <c r="AA12694">
        <v>17</v>
      </c>
      <c r="AB12694">
        <v>17</v>
      </c>
      <c r="AC12694">
        <v>18</v>
      </c>
      <c r="AD12694">
        <v>18</v>
      </c>
      <c r="AE12694">
        <v>18</v>
      </c>
      <c r="AF12694">
        <v>18</v>
      </c>
      <c r="AG12694">
        <v>19</v>
      </c>
      <c r="AH12694">
        <v>19</v>
      </c>
      <c r="AI12694">
        <v>19</v>
      </c>
      <c r="AJ12694">
        <v>20</v>
      </c>
      <c r="AK12694">
        <v>20</v>
      </c>
      <c r="AL12694">
        <v>20</v>
      </c>
      <c r="AM12694">
        <v>20</v>
      </c>
      <c r="AN12694">
        <v>20</v>
      </c>
      <c r="AO12694">
        <v>20</v>
      </c>
      <c r="AP12694">
        <v>20</v>
      </c>
      <c r="AQ12694">
        <v>20</v>
      </c>
    </row>
    <row r="12695" spans="1:43">
      <c r="A12695" t="s">
        <v>7886</v>
      </c>
      <c r="B12695" t="s">
        <v>7887</v>
      </c>
      <c r="C12695" t="s">
        <v>7878</v>
      </c>
      <c r="D12695" t="s">
        <v>7879</v>
      </c>
      <c r="E12695" t="s">
        <v>7646</v>
      </c>
      <c r="F12695" t="s">
        <v>7647</v>
      </c>
      <c r="G12695" t="s">
        <v>80</v>
      </c>
      <c r="H12695" t="s">
        <v>81</v>
      </c>
      <c r="I12695" s="2">
        <v>0</v>
      </c>
      <c r="J12695" s="2">
        <v>1</v>
      </c>
      <c r="K12695" s="2">
        <v>0</v>
      </c>
      <c r="L12695" t="s">
        <v>82</v>
      </c>
      <c r="M12695" t="s">
        <v>87</v>
      </c>
      <c r="N12695" t="s">
        <v>88</v>
      </c>
      <c r="O12695" t="s">
        <v>85</v>
      </c>
      <c r="P12695" t="s">
        <v>86</v>
      </c>
      <c r="Q12695">
        <v>14</v>
      </c>
      <c r="R12695">
        <v>14</v>
      </c>
      <c r="S12695">
        <v>14</v>
      </c>
      <c r="T12695">
        <v>15</v>
      </c>
      <c r="U12695">
        <v>15</v>
      </c>
      <c r="V12695">
        <v>15</v>
      </c>
      <c r="W12695">
        <v>15</v>
      </c>
      <c r="X12695">
        <v>15</v>
      </c>
      <c r="Y12695">
        <v>15</v>
      </c>
      <c r="Z12695">
        <v>15</v>
      </c>
      <c r="AA12695">
        <v>16</v>
      </c>
      <c r="AB12695">
        <v>16</v>
      </c>
      <c r="AC12695">
        <v>16</v>
      </c>
      <c r="AD12695">
        <v>16</v>
      </c>
      <c r="AE12695">
        <v>16</v>
      </c>
      <c r="AF12695">
        <v>16</v>
      </c>
      <c r="AG12695">
        <v>16</v>
      </c>
      <c r="AH12695">
        <v>16</v>
      </c>
      <c r="AI12695">
        <v>17</v>
      </c>
      <c r="AJ12695">
        <v>17</v>
      </c>
      <c r="AK12695">
        <v>17</v>
      </c>
      <c r="AL12695">
        <v>17</v>
      </c>
      <c r="AM12695">
        <v>17</v>
      </c>
      <c r="AN12695">
        <v>17</v>
      </c>
      <c r="AO12695">
        <v>17</v>
      </c>
      <c r="AP12695">
        <v>18</v>
      </c>
      <c r="AQ12695">
        <v>18</v>
      </c>
    </row>
    <row r="12696" spans="1:43">
      <c r="A12696" t="s">
        <v>7886</v>
      </c>
      <c r="B12696" t="s">
        <v>7887</v>
      </c>
      <c r="C12696" t="s">
        <v>7878</v>
      </c>
      <c r="D12696" t="s">
        <v>7879</v>
      </c>
      <c r="E12696" t="s">
        <v>7646</v>
      </c>
      <c r="F12696" t="s">
        <v>7647</v>
      </c>
      <c r="G12696" t="s">
        <v>80</v>
      </c>
      <c r="H12696" t="s">
        <v>81</v>
      </c>
      <c r="I12696" s="2">
        <v>0</v>
      </c>
      <c r="J12696" s="2">
        <v>1</v>
      </c>
      <c r="K12696" s="2">
        <v>0</v>
      </c>
      <c r="L12696" t="s">
        <v>82</v>
      </c>
      <c r="M12696" t="s">
        <v>89</v>
      </c>
      <c r="N12696" t="s">
        <v>90</v>
      </c>
      <c r="O12696" t="s">
        <v>85</v>
      </c>
      <c r="P12696" t="s">
        <v>86</v>
      </c>
      <c r="Q12696">
        <v>14</v>
      </c>
      <c r="R12696">
        <v>15</v>
      </c>
      <c r="S12696">
        <v>15</v>
      </c>
      <c r="T12696">
        <v>16</v>
      </c>
      <c r="U12696">
        <v>16</v>
      </c>
      <c r="V12696">
        <v>16</v>
      </c>
      <c r="W12696">
        <v>17</v>
      </c>
      <c r="X12696">
        <v>17</v>
      </c>
      <c r="Y12696">
        <v>17</v>
      </c>
      <c r="Z12696">
        <v>18</v>
      </c>
      <c r="AA12696">
        <v>18</v>
      </c>
      <c r="AB12696">
        <v>18</v>
      </c>
      <c r="AC12696">
        <v>19</v>
      </c>
      <c r="AD12696">
        <v>19</v>
      </c>
      <c r="AE12696">
        <v>19</v>
      </c>
      <c r="AF12696">
        <v>20</v>
      </c>
      <c r="AG12696">
        <v>20</v>
      </c>
      <c r="AH12696">
        <v>20</v>
      </c>
      <c r="AI12696">
        <v>20</v>
      </c>
      <c r="AJ12696">
        <v>20</v>
      </c>
      <c r="AK12696">
        <v>20</v>
      </c>
      <c r="AL12696">
        <v>20</v>
      </c>
      <c r="AM12696">
        <v>20</v>
      </c>
      <c r="AN12696">
        <v>20</v>
      </c>
      <c r="AO12696">
        <v>20</v>
      </c>
      <c r="AP12696">
        <v>20</v>
      </c>
      <c r="AQ12696">
        <v>20</v>
      </c>
    </row>
    <row r="12697" spans="1:43">
      <c r="A12697" t="s">
        <v>7886</v>
      </c>
      <c r="B12697" t="s">
        <v>7887</v>
      </c>
      <c r="C12697" t="s">
        <v>7878</v>
      </c>
      <c r="D12697" t="s">
        <v>7879</v>
      </c>
      <c r="E12697" t="s">
        <v>7646</v>
      </c>
      <c r="F12697" t="s">
        <v>7647</v>
      </c>
      <c r="G12697" t="s">
        <v>80</v>
      </c>
      <c r="H12697" t="s">
        <v>81</v>
      </c>
      <c r="I12697" s="2">
        <v>0</v>
      </c>
      <c r="J12697" s="2">
        <v>1</v>
      </c>
      <c r="K12697" s="2">
        <v>0</v>
      </c>
      <c r="L12697" t="s">
        <v>82</v>
      </c>
      <c r="M12697" t="s">
        <v>83</v>
      </c>
      <c r="N12697" t="s">
        <v>91</v>
      </c>
      <c r="O12697" t="s">
        <v>85</v>
      </c>
      <c r="P12697" t="s">
        <v>86</v>
      </c>
      <c r="Q12697">
        <v>14</v>
      </c>
      <c r="R12697">
        <v>15</v>
      </c>
      <c r="S12697">
        <v>15</v>
      </c>
      <c r="T12697">
        <v>15</v>
      </c>
      <c r="U12697">
        <v>15</v>
      </c>
      <c r="V12697">
        <v>16</v>
      </c>
      <c r="W12697">
        <v>16</v>
      </c>
      <c r="X12697">
        <v>16</v>
      </c>
      <c r="Y12697">
        <v>17</v>
      </c>
      <c r="Z12697">
        <v>17</v>
      </c>
      <c r="AA12697">
        <v>17</v>
      </c>
      <c r="AB12697">
        <v>17</v>
      </c>
      <c r="AC12697">
        <v>18</v>
      </c>
      <c r="AD12697">
        <v>18</v>
      </c>
      <c r="AE12697">
        <v>18</v>
      </c>
      <c r="AF12697">
        <v>18</v>
      </c>
      <c r="AG12697">
        <v>19</v>
      </c>
      <c r="AH12697">
        <v>19</v>
      </c>
      <c r="AI12697">
        <v>19</v>
      </c>
      <c r="AJ12697">
        <v>20</v>
      </c>
      <c r="AK12697">
        <v>20</v>
      </c>
      <c r="AL12697">
        <v>20</v>
      </c>
      <c r="AM12697">
        <v>20</v>
      </c>
      <c r="AN12697">
        <v>20</v>
      </c>
      <c r="AO12697">
        <v>20</v>
      </c>
      <c r="AP12697">
        <v>20</v>
      </c>
      <c r="AQ12697">
        <v>20</v>
      </c>
    </row>
    <row r="12698" spans="1:43">
      <c r="A12698" t="s">
        <v>7888</v>
      </c>
      <c r="B12698" t="s">
        <v>7889</v>
      </c>
      <c r="C12698" t="s">
        <v>7878</v>
      </c>
      <c r="D12698" t="s">
        <v>7879</v>
      </c>
      <c r="E12698" t="s">
        <v>7646</v>
      </c>
      <c r="F12698" t="s">
        <v>7647</v>
      </c>
      <c r="G12698" t="s">
        <v>80</v>
      </c>
      <c r="H12698" t="s">
        <v>81</v>
      </c>
      <c r="I12698" s="2">
        <v>0</v>
      </c>
      <c r="J12698" s="2">
        <v>1</v>
      </c>
      <c r="K12698" s="2">
        <v>0</v>
      </c>
      <c r="L12698" t="s">
        <v>82</v>
      </c>
      <c r="M12698" t="s">
        <v>83</v>
      </c>
      <c r="N12698" t="s">
        <v>84</v>
      </c>
      <c r="O12698" t="s">
        <v>85</v>
      </c>
      <c r="P12698" t="s">
        <v>86</v>
      </c>
      <c r="Q12698">
        <v>0</v>
      </c>
      <c r="R12698">
        <v>0</v>
      </c>
      <c r="S12698">
        <v>0</v>
      </c>
      <c r="T12698">
        <v>0</v>
      </c>
      <c r="U12698">
        <v>0</v>
      </c>
      <c r="V12698">
        <v>0</v>
      </c>
      <c r="W12698">
        <v>0</v>
      </c>
      <c r="X12698">
        <v>0</v>
      </c>
      <c r="Y12698">
        <v>0</v>
      </c>
      <c r="Z12698">
        <v>0</v>
      </c>
      <c r="AA12698">
        <v>0</v>
      </c>
      <c r="AB12698">
        <v>0</v>
      </c>
      <c r="AC12698">
        <v>0</v>
      </c>
      <c r="AD12698">
        <v>0</v>
      </c>
      <c r="AE12698">
        <v>0</v>
      </c>
      <c r="AF12698">
        <v>0</v>
      </c>
      <c r="AG12698">
        <v>0</v>
      </c>
      <c r="AH12698">
        <v>0</v>
      </c>
      <c r="AI12698">
        <v>0</v>
      </c>
      <c r="AJ12698">
        <v>0</v>
      </c>
      <c r="AK12698">
        <v>0</v>
      </c>
      <c r="AL12698">
        <v>0</v>
      </c>
      <c r="AM12698">
        <v>0</v>
      </c>
      <c r="AN12698">
        <v>0</v>
      </c>
      <c r="AO12698">
        <v>0</v>
      </c>
      <c r="AP12698">
        <v>0</v>
      </c>
      <c r="AQ12698">
        <v>0</v>
      </c>
    </row>
    <row r="12699" spans="1:43">
      <c r="A12699" t="s">
        <v>7888</v>
      </c>
      <c r="B12699" t="s">
        <v>7889</v>
      </c>
      <c r="C12699" t="s">
        <v>7878</v>
      </c>
      <c r="D12699" t="s">
        <v>7879</v>
      </c>
      <c r="E12699" t="s">
        <v>7646</v>
      </c>
      <c r="F12699" t="s">
        <v>7647</v>
      </c>
      <c r="G12699" t="s">
        <v>80</v>
      </c>
      <c r="H12699" t="s">
        <v>81</v>
      </c>
      <c r="I12699" s="2">
        <v>0</v>
      </c>
      <c r="J12699" s="2">
        <v>1</v>
      </c>
      <c r="K12699" s="2">
        <v>0</v>
      </c>
      <c r="L12699" t="s">
        <v>82</v>
      </c>
      <c r="M12699" t="s">
        <v>87</v>
      </c>
      <c r="N12699" t="s">
        <v>88</v>
      </c>
      <c r="O12699" t="s">
        <v>85</v>
      </c>
      <c r="P12699" t="s">
        <v>86</v>
      </c>
      <c r="Q12699">
        <v>0</v>
      </c>
      <c r="R12699">
        <v>0</v>
      </c>
      <c r="S12699">
        <v>0</v>
      </c>
      <c r="T12699">
        <v>0</v>
      </c>
      <c r="U12699">
        <v>0</v>
      </c>
      <c r="V12699">
        <v>0</v>
      </c>
      <c r="W12699">
        <v>0</v>
      </c>
      <c r="X12699">
        <v>0</v>
      </c>
      <c r="Y12699">
        <v>0</v>
      </c>
      <c r="Z12699">
        <v>0</v>
      </c>
      <c r="AA12699">
        <v>0</v>
      </c>
      <c r="AB12699">
        <v>0</v>
      </c>
      <c r="AC12699">
        <v>0</v>
      </c>
      <c r="AD12699">
        <v>0</v>
      </c>
      <c r="AE12699">
        <v>0</v>
      </c>
      <c r="AF12699">
        <v>0</v>
      </c>
      <c r="AG12699">
        <v>0</v>
      </c>
      <c r="AH12699">
        <v>0</v>
      </c>
      <c r="AI12699">
        <v>0</v>
      </c>
      <c r="AJ12699">
        <v>0</v>
      </c>
      <c r="AK12699">
        <v>0</v>
      </c>
      <c r="AL12699">
        <v>0</v>
      </c>
      <c r="AM12699">
        <v>0</v>
      </c>
      <c r="AN12699">
        <v>0</v>
      </c>
      <c r="AO12699">
        <v>0</v>
      </c>
      <c r="AP12699">
        <v>0</v>
      </c>
      <c r="AQ12699">
        <v>0</v>
      </c>
    </row>
    <row r="12700" spans="1:43">
      <c r="A12700" t="s">
        <v>7888</v>
      </c>
      <c r="B12700" t="s">
        <v>7889</v>
      </c>
      <c r="C12700" t="s">
        <v>7878</v>
      </c>
      <c r="D12700" t="s">
        <v>7879</v>
      </c>
      <c r="E12700" t="s">
        <v>7646</v>
      </c>
      <c r="F12700" t="s">
        <v>7647</v>
      </c>
      <c r="G12700" t="s">
        <v>80</v>
      </c>
      <c r="H12700" t="s">
        <v>81</v>
      </c>
      <c r="I12700" s="2">
        <v>0</v>
      </c>
      <c r="J12700" s="2">
        <v>1</v>
      </c>
      <c r="K12700" s="2">
        <v>0</v>
      </c>
      <c r="L12700" t="s">
        <v>82</v>
      </c>
      <c r="M12700" t="s">
        <v>89</v>
      </c>
      <c r="N12700" t="s">
        <v>90</v>
      </c>
      <c r="O12700" t="s">
        <v>85</v>
      </c>
      <c r="P12700" t="s">
        <v>86</v>
      </c>
      <c r="Q12700">
        <v>0</v>
      </c>
      <c r="R12700">
        <v>0</v>
      </c>
      <c r="S12700">
        <v>0</v>
      </c>
      <c r="T12700">
        <v>0</v>
      </c>
      <c r="U12700">
        <v>0</v>
      </c>
      <c r="V12700">
        <v>0</v>
      </c>
      <c r="W12700">
        <v>0</v>
      </c>
      <c r="X12700">
        <v>0</v>
      </c>
      <c r="Y12700">
        <v>0</v>
      </c>
      <c r="Z12700">
        <v>0</v>
      </c>
      <c r="AA12700">
        <v>0</v>
      </c>
      <c r="AB12700">
        <v>0</v>
      </c>
      <c r="AC12700">
        <v>0</v>
      </c>
      <c r="AD12700">
        <v>0</v>
      </c>
      <c r="AE12700">
        <v>0</v>
      </c>
      <c r="AF12700">
        <v>0</v>
      </c>
      <c r="AG12700">
        <v>0</v>
      </c>
      <c r="AH12700">
        <v>0</v>
      </c>
      <c r="AI12700">
        <v>0</v>
      </c>
      <c r="AJ12700">
        <v>0</v>
      </c>
      <c r="AK12700">
        <v>0</v>
      </c>
      <c r="AL12700">
        <v>0</v>
      </c>
      <c r="AM12700">
        <v>0</v>
      </c>
      <c r="AN12700">
        <v>0</v>
      </c>
      <c r="AO12700">
        <v>0</v>
      </c>
      <c r="AP12700">
        <v>0</v>
      </c>
      <c r="AQ12700">
        <v>0</v>
      </c>
    </row>
    <row r="12701" spans="1:43">
      <c r="A12701" t="s">
        <v>7888</v>
      </c>
      <c r="B12701" t="s">
        <v>7889</v>
      </c>
      <c r="C12701" t="s">
        <v>7878</v>
      </c>
      <c r="D12701" t="s">
        <v>7879</v>
      </c>
      <c r="E12701" t="s">
        <v>7646</v>
      </c>
      <c r="F12701" t="s">
        <v>7647</v>
      </c>
      <c r="G12701" t="s">
        <v>80</v>
      </c>
      <c r="H12701" t="s">
        <v>81</v>
      </c>
      <c r="I12701" s="2">
        <v>0</v>
      </c>
      <c r="J12701" s="2">
        <v>1</v>
      </c>
      <c r="K12701" s="2">
        <v>0</v>
      </c>
      <c r="L12701" t="s">
        <v>82</v>
      </c>
      <c r="M12701" t="s">
        <v>83</v>
      </c>
      <c r="N12701" t="s">
        <v>91</v>
      </c>
      <c r="O12701" t="s">
        <v>85</v>
      </c>
      <c r="P12701" t="s">
        <v>86</v>
      </c>
      <c r="Q12701">
        <v>0</v>
      </c>
      <c r="R12701">
        <v>0</v>
      </c>
      <c r="S12701">
        <v>0</v>
      </c>
      <c r="T12701">
        <v>0</v>
      </c>
      <c r="U12701">
        <v>0</v>
      </c>
      <c r="V12701">
        <v>0</v>
      </c>
      <c r="W12701">
        <v>0</v>
      </c>
      <c r="X12701">
        <v>0</v>
      </c>
      <c r="Y12701">
        <v>0</v>
      </c>
      <c r="Z12701">
        <v>0</v>
      </c>
      <c r="AA12701">
        <v>0</v>
      </c>
      <c r="AB12701">
        <v>0</v>
      </c>
      <c r="AC12701">
        <v>0</v>
      </c>
      <c r="AD12701">
        <v>0</v>
      </c>
      <c r="AE12701">
        <v>0</v>
      </c>
      <c r="AF12701">
        <v>0</v>
      </c>
      <c r="AG12701">
        <v>0</v>
      </c>
      <c r="AH12701">
        <v>0</v>
      </c>
      <c r="AI12701">
        <v>0</v>
      </c>
      <c r="AJ12701">
        <v>0</v>
      </c>
      <c r="AK12701">
        <v>0</v>
      </c>
      <c r="AL12701">
        <v>0</v>
      </c>
      <c r="AM12701">
        <v>0</v>
      </c>
      <c r="AN12701">
        <v>0</v>
      </c>
      <c r="AO12701">
        <v>0</v>
      </c>
      <c r="AP12701">
        <v>0</v>
      </c>
      <c r="AQ12701">
        <v>0</v>
      </c>
    </row>
    <row r="12702" spans="1:43">
      <c r="A12702" t="s">
        <v>7890</v>
      </c>
      <c r="B12702" t="s">
        <v>7891</v>
      </c>
      <c r="C12702" t="s">
        <v>7878</v>
      </c>
      <c r="D12702" t="s">
        <v>7879</v>
      </c>
      <c r="E12702" t="s">
        <v>7646</v>
      </c>
      <c r="F12702" t="s">
        <v>7647</v>
      </c>
      <c r="G12702" t="s">
        <v>80</v>
      </c>
      <c r="H12702" t="s">
        <v>81</v>
      </c>
      <c r="I12702" s="2">
        <v>0</v>
      </c>
      <c r="J12702" s="2">
        <v>1</v>
      </c>
      <c r="K12702" s="2">
        <v>0</v>
      </c>
      <c r="L12702" t="s">
        <v>82</v>
      </c>
      <c r="M12702" t="s">
        <v>83</v>
      </c>
      <c r="N12702" t="s">
        <v>84</v>
      </c>
      <c r="O12702" t="s">
        <v>85</v>
      </c>
      <c r="P12702" t="s">
        <v>86</v>
      </c>
      <c r="Q12702">
        <v>28</v>
      </c>
      <c r="R12702">
        <v>29</v>
      </c>
      <c r="S12702">
        <v>29</v>
      </c>
      <c r="T12702">
        <v>30</v>
      </c>
      <c r="U12702">
        <v>30</v>
      </c>
      <c r="V12702">
        <v>31</v>
      </c>
      <c r="W12702">
        <v>31</v>
      </c>
      <c r="X12702">
        <v>32</v>
      </c>
      <c r="Y12702">
        <v>32</v>
      </c>
      <c r="Z12702">
        <v>33</v>
      </c>
      <c r="AA12702">
        <v>33</v>
      </c>
      <c r="AB12702">
        <v>34</v>
      </c>
      <c r="AC12702">
        <v>34</v>
      </c>
      <c r="AD12702">
        <v>35</v>
      </c>
      <c r="AE12702">
        <v>35</v>
      </c>
      <c r="AF12702">
        <v>36</v>
      </c>
      <c r="AG12702">
        <v>36</v>
      </c>
      <c r="AH12702">
        <v>37</v>
      </c>
      <c r="AI12702">
        <v>38</v>
      </c>
      <c r="AJ12702">
        <v>38</v>
      </c>
      <c r="AK12702">
        <v>39</v>
      </c>
      <c r="AL12702">
        <v>39</v>
      </c>
      <c r="AM12702">
        <v>39</v>
      </c>
      <c r="AN12702">
        <v>39</v>
      </c>
      <c r="AO12702">
        <v>39</v>
      </c>
      <c r="AP12702">
        <v>40</v>
      </c>
      <c r="AQ12702">
        <v>40</v>
      </c>
    </row>
    <row r="12703" spans="1:43">
      <c r="A12703" t="s">
        <v>7890</v>
      </c>
      <c r="B12703" t="s">
        <v>7891</v>
      </c>
      <c r="C12703" t="s">
        <v>7878</v>
      </c>
      <c r="D12703" t="s">
        <v>7879</v>
      </c>
      <c r="E12703" t="s">
        <v>7646</v>
      </c>
      <c r="F12703" t="s">
        <v>7647</v>
      </c>
      <c r="G12703" t="s">
        <v>80</v>
      </c>
      <c r="H12703" t="s">
        <v>81</v>
      </c>
      <c r="I12703" s="2">
        <v>0</v>
      </c>
      <c r="J12703" s="2">
        <v>1</v>
      </c>
      <c r="K12703" s="2">
        <v>0</v>
      </c>
      <c r="L12703" t="s">
        <v>82</v>
      </c>
      <c r="M12703" t="s">
        <v>87</v>
      </c>
      <c r="N12703" t="s">
        <v>88</v>
      </c>
      <c r="O12703" t="s">
        <v>85</v>
      </c>
      <c r="P12703" t="s">
        <v>86</v>
      </c>
      <c r="Q12703">
        <v>28</v>
      </c>
      <c r="R12703">
        <v>28</v>
      </c>
      <c r="S12703">
        <v>28</v>
      </c>
      <c r="T12703">
        <v>29</v>
      </c>
      <c r="U12703">
        <v>29</v>
      </c>
      <c r="V12703">
        <v>29</v>
      </c>
      <c r="W12703">
        <v>29</v>
      </c>
      <c r="X12703">
        <v>30</v>
      </c>
      <c r="Y12703">
        <v>30</v>
      </c>
      <c r="Z12703">
        <v>30</v>
      </c>
      <c r="AA12703">
        <v>30</v>
      </c>
      <c r="AB12703">
        <v>31</v>
      </c>
      <c r="AC12703">
        <v>31</v>
      </c>
      <c r="AD12703">
        <v>31</v>
      </c>
      <c r="AE12703">
        <v>31</v>
      </c>
      <c r="AF12703">
        <v>32</v>
      </c>
      <c r="AG12703">
        <v>32</v>
      </c>
      <c r="AH12703">
        <v>32</v>
      </c>
      <c r="AI12703">
        <v>32</v>
      </c>
      <c r="AJ12703">
        <v>33</v>
      </c>
      <c r="AK12703">
        <v>33</v>
      </c>
      <c r="AL12703">
        <v>33</v>
      </c>
      <c r="AM12703">
        <v>33</v>
      </c>
      <c r="AN12703">
        <v>34</v>
      </c>
      <c r="AO12703">
        <v>34</v>
      </c>
      <c r="AP12703">
        <v>34</v>
      </c>
      <c r="AQ12703">
        <v>34</v>
      </c>
    </row>
    <row r="12704" spans="1:43">
      <c r="A12704" t="s">
        <v>7890</v>
      </c>
      <c r="B12704" t="s">
        <v>7891</v>
      </c>
      <c r="C12704" t="s">
        <v>7878</v>
      </c>
      <c r="D12704" t="s">
        <v>7879</v>
      </c>
      <c r="E12704" t="s">
        <v>7646</v>
      </c>
      <c r="F12704" t="s">
        <v>7647</v>
      </c>
      <c r="G12704" t="s">
        <v>80</v>
      </c>
      <c r="H12704" t="s">
        <v>81</v>
      </c>
      <c r="I12704" s="2">
        <v>0</v>
      </c>
      <c r="J12704" s="2">
        <v>1</v>
      </c>
      <c r="K12704" s="2">
        <v>0</v>
      </c>
      <c r="L12704" t="s">
        <v>82</v>
      </c>
      <c r="M12704" t="s">
        <v>89</v>
      </c>
      <c r="N12704" t="s">
        <v>90</v>
      </c>
      <c r="O12704" t="s">
        <v>85</v>
      </c>
      <c r="P12704" t="s">
        <v>86</v>
      </c>
      <c r="Q12704">
        <v>28</v>
      </c>
      <c r="R12704">
        <v>29</v>
      </c>
      <c r="S12704">
        <v>30</v>
      </c>
      <c r="T12704">
        <v>31</v>
      </c>
      <c r="U12704">
        <v>31</v>
      </c>
      <c r="V12704">
        <v>32</v>
      </c>
      <c r="W12704">
        <v>33</v>
      </c>
      <c r="X12704">
        <v>34</v>
      </c>
      <c r="Y12704">
        <v>34</v>
      </c>
      <c r="Z12704">
        <v>35</v>
      </c>
      <c r="AA12704">
        <v>36</v>
      </c>
      <c r="AB12704">
        <v>36</v>
      </c>
      <c r="AC12704">
        <v>37</v>
      </c>
      <c r="AD12704">
        <v>38</v>
      </c>
      <c r="AE12704">
        <v>38</v>
      </c>
      <c r="AF12704">
        <v>38</v>
      </c>
      <c r="AG12704">
        <v>38</v>
      </c>
      <c r="AH12704">
        <v>39</v>
      </c>
      <c r="AI12704">
        <v>39</v>
      </c>
      <c r="AJ12704">
        <v>39</v>
      </c>
      <c r="AK12704">
        <v>39</v>
      </c>
      <c r="AL12704">
        <v>39</v>
      </c>
      <c r="AM12704">
        <v>40</v>
      </c>
      <c r="AN12704">
        <v>40</v>
      </c>
      <c r="AO12704">
        <v>40</v>
      </c>
      <c r="AP12704">
        <v>40</v>
      </c>
      <c r="AQ12704">
        <v>40</v>
      </c>
    </row>
    <row r="12705" spans="1:43">
      <c r="A12705" t="s">
        <v>7890</v>
      </c>
      <c r="B12705" t="s">
        <v>7891</v>
      </c>
      <c r="C12705" t="s">
        <v>7878</v>
      </c>
      <c r="D12705" t="s">
        <v>7879</v>
      </c>
      <c r="E12705" t="s">
        <v>7646</v>
      </c>
      <c r="F12705" t="s">
        <v>7647</v>
      </c>
      <c r="G12705" t="s">
        <v>80</v>
      </c>
      <c r="H12705" t="s">
        <v>81</v>
      </c>
      <c r="I12705" s="2">
        <v>0</v>
      </c>
      <c r="J12705" s="2">
        <v>1</v>
      </c>
      <c r="K12705" s="2">
        <v>0</v>
      </c>
      <c r="L12705" t="s">
        <v>82</v>
      </c>
      <c r="M12705" t="s">
        <v>83</v>
      </c>
      <c r="N12705" t="s">
        <v>91</v>
      </c>
      <c r="O12705" t="s">
        <v>85</v>
      </c>
      <c r="P12705" t="s">
        <v>86</v>
      </c>
      <c r="Q12705">
        <v>28</v>
      </c>
      <c r="R12705">
        <v>29</v>
      </c>
      <c r="S12705">
        <v>29</v>
      </c>
      <c r="T12705">
        <v>30</v>
      </c>
      <c r="U12705">
        <v>30</v>
      </c>
      <c r="V12705">
        <v>31</v>
      </c>
      <c r="W12705">
        <v>31</v>
      </c>
      <c r="X12705">
        <v>32</v>
      </c>
      <c r="Y12705">
        <v>32</v>
      </c>
      <c r="Z12705">
        <v>33</v>
      </c>
      <c r="AA12705">
        <v>33</v>
      </c>
      <c r="AB12705">
        <v>34</v>
      </c>
      <c r="AC12705">
        <v>34</v>
      </c>
      <c r="AD12705">
        <v>35</v>
      </c>
      <c r="AE12705">
        <v>35</v>
      </c>
      <c r="AF12705">
        <v>36</v>
      </c>
      <c r="AG12705">
        <v>36</v>
      </c>
      <c r="AH12705">
        <v>37</v>
      </c>
      <c r="AI12705">
        <v>38</v>
      </c>
      <c r="AJ12705">
        <v>38</v>
      </c>
      <c r="AK12705">
        <v>39</v>
      </c>
      <c r="AL12705">
        <v>39</v>
      </c>
      <c r="AM12705">
        <v>39</v>
      </c>
      <c r="AN12705">
        <v>39</v>
      </c>
      <c r="AO12705">
        <v>39</v>
      </c>
      <c r="AP12705">
        <v>40</v>
      </c>
      <c r="AQ12705">
        <v>40</v>
      </c>
    </row>
    <row r="12706" spans="1:43">
      <c r="A12706" t="s">
        <v>7892</v>
      </c>
      <c r="B12706" t="s">
        <v>7893</v>
      </c>
      <c r="C12706" t="s">
        <v>7894</v>
      </c>
      <c r="D12706" t="s">
        <v>7895</v>
      </c>
      <c r="E12706" t="s">
        <v>7646</v>
      </c>
      <c r="F12706" t="s">
        <v>7647</v>
      </c>
      <c r="G12706" t="s">
        <v>80</v>
      </c>
      <c r="H12706" t="s">
        <v>81</v>
      </c>
      <c r="I12706" s="2">
        <v>0</v>
      </c>
      <c r="J12706" s="2">
        <v>1</v>
      </c>
      <c r="K12706" s="2">
        <v>0</v>
      </c>
      <c r="L12706" t="s">
        <v>82</v>
      </c>
      <c r="M12706" t="s">
        <v>83</v>
      </c>
      <c r="N12706" t="s">
        <v>84</v>
      </c>
      <c r="O12706" t="s">
        <v>85</v>
      </c>
      <c r="P12706" t="s">
        <v>86</v>
      </c>
      <c r="Q12706">
        <v>27</v>
      </c>
      <c r="R12706">
        <v>27</v>
      </c>
      <c r="S12706">
        <v>28</v>
      </c>
      <c r="T12706">
        <v>28</v>
      </c>
      <c r="U12706">
        <v>29</v>
      </c>
      <c r="V12706">
        <v>29</v>
      </c>
      <c r="W12706">
        <v>30</v>
      </c>
      <c r="X12706">
        <v>30</v>
      </c>
      <c r="Y12706">
        <v>31</v>
      </c>
      <c r="Z12706">
        <v>31</v>
      </c>
      <c r="AA12706">
        <v>32</v>
      </c>
      <c r="AB12706">
        <v>32</v>
      </c>
      <c r="AC12706">
        <v>33</v>
      </c>
      <c r="AD12706">
        <v>33</v>
      </c>
      <c r="AE12706">
        <v>34</v>
      </c>
      <c r="AF12706">
        <v>34</v>
      </c>
      <c r="AG12706">
        <v>35</v>
      </c>
      <c r="AH12706">
        <v>35</v>
      </c>
      <c r="AI12706">
        <v>36</v>
      </c>
      <c r="AJ12706">
        <v>36</v>
      </c>
      <c r="AK12706">
        <v>37</v>
      </c>
      <c r="AL12706">
        <v>37</v>
      </c>
      <c r="AM12706">
        <v>37</v>
      </c>
      <c r="AN12706">
        <v>37</v>
      </c>
      <c r="AO12706">
        <v>37</v>
      </c>
      <c r="AP12706">
        <v>38</v>
      </c>
      <c r="AQ12706">
        <v>38</v>
      </c>
    </row>
    <row r="12707" spans="1:43">
      <c r="A12707" t="s">
        <v>7892</v>
      </c>
      <c r="B12707" t="s">
        <v>7893</v>
      </c>
      <c r="C12707" t="s">
        <v>7894</v>
      </c>
      <c r="D12707" t="s">
        <v>7895</v>
      </c>
      <c r="E12707" t="s">
        <v>7646</v>
      </c>
      <c r="F12707" t="s">
        <v>7647</v>
      </c>
      <c r="G12707" t="s">
        <v>80</v>
      </c>
      <c r="H12707" t="s">
        <v>81</v>
      </c>
      <c r="I12707" s="2">
        <v>0</v>
      </c>
      <c r="J12707" s="2">
        <v>1</v>
      </c>
      <c r="K12707" s="2">
        <v>0</v>
      </c>
      <c r="L12707" t="s">
        <v>82</v>
      </c>
      <c r="M12707" t="s">
        <v>87</v>
      </c>
      <c r="N12707" t="s">
        <v>88</v>
      </c>
      <c r="O12707" t="s">
        <v>85</v>
      </c>
      <c r="P12707" t="s">
        <v>86</v>
      </c>
      <c r="Q12707">
        <v>27</v>
      </c>
      <c r="R12707">
        <v>28</v>
      </c>
      <c r="S12707">
        <v>28</v>
      </c>
      <c r="T12707">
        <v>28</v>
      </c>
      <c r="U12707">
        <v>28</v>
      </c>
      <c r="V12707">
        <v>28</v>
      </c>
      <c r="W12707">
        <v>29</v>
      </c>
      <c r="X12707">
        <v>29</v>
      </c>
      <c r="Y12707">
        <v>29</v>
      </c>
      <c r="Z12707">
        <v>29</v>
      </c>
      <c r="AA12707">
        <v>30</v>
      </c>
      <c r="AB12707">
        <v>30</v>
      </c>
      <c r="AC12707">
        <v>30</v>
      </c>
      <c r="AD12707">
        <v>30</v>
      </c>
      <c r="AE12707">
        <v>31</v>
      </c>
      <c r="AF12707">
        <v>31</v>
      </c>
      <c r="AG12707">
        <v>31</v>
      </c>
      <c r="AH12707">
        <v>31</v>
      </c>
      <c r="AI12707">
        <v>32</v>
      </c>
      <c r="AJ12707">
        <v>32</v>
      </c>
      <c r="AK12707">
        <v>32</v>
      </c>
      <c r="AL12707">
        <v>32</v>
      </c>
      <c r="AM12707">
        <v>33</v>
      </c>
      <c r="AN12707">
        <v>33</v>
      </c>
      <c r="AO12707">
        <v>33</v>
      </c>
      <c r="AP12707">
        <v>33</v>
      </c>
      <c r="AQ12707">
        <v>34</v>
      </c>
    </row>
    <row r="12708" spans="1:43">
      <c r="A12708" t="s">
        <v>7892</v>
      </c>
      <c r="B12708" t="s">
        <v>7893</v>
      </c>
      <c r="C12708" t="s">
        <v>7894</v>
      </c>
      <c r="D12708" t="s">
        <v>7895</v>
      </c>
      <c r="E12708" t="s">
        <v>7646</v>
      </c>
      <c r="F12708" t="s">
        <v>7647</v>
      </c>
      <c r="G12708" t="s">
        <v>80</v>
      </c>
      <c r="H12708" t="s">
        <v>81</v>
      </c>
      <c r="I12708" s="2">
        <v>0</v>
      </c>
      <c r="J12708" s="2">
        <v>1</v>
      </c>
      <c r="K12708" s="2">
        <v>0</v>
      </c>
      <c r="L12708" t="s">
        <v>82</v>
      </c>
      <c r="M12708" t="s">
        <v>89</v>
      </c>
      <c r="N12708" t="s">
        <v>90</v>
      </c>
      <c r="O12708" t="s">
        <v>85</v>
      </c>
      <c r="P12708" t="s">
        <v>86</v>
      </c>
      <c r="Q12708">
        <v>27</v>
      </c>
      <c r="R12708">
        <v>27</v>
      </c>
      <c r="S12708">
        <v>28</v>
      </c>
      <c r="T12708">
        <v>29</v>
      </c>
      <c r="U12708">
        <v>30</v>
      </c>
      <c r="V12708">
        <v>30</v>
      </c>
      <c r="W12708">
        <v>31</v>
      </c>
      <c r="X12708">
        <v>32</v>
      </c>
      <c r="Y12708">
        <v>32</v>
      </c>
      <c r="Z12708">
        <v>33</v>
      </c>
      <c r="AA12708">
        <v>34</v>
      </c>
      <c r="AB12708">
        <v>34</v>
      </c>
      <c r="AC12708">
        <v>35</v>
      </c>
      <c r="AD12708">
        <v>36</v>
      </c>
      <c r="AE12708">
        <v>36</v>
      </c>
      <c r="AF12708">
        <v>36</v>
      </c>
      <c r="AG12708">
        <v>36</v>
      </c>
      <c r="AH12708">
        <v>36</v>
      </c>
      <c r="AI12708">
        <v>37</v>
      </c>
      <c r="AJ12708">
        <v>37</v>
      </c>
      <c r="AK12708">
        <v>37</v>
      </c>
      <c r="AL12708">
        <v>37</v>
      </c>
      <c r="AM12708">
        <v>37</v>
      </c>
      <c r="AN12708">
        <v>37</v>
      </c>
      <c r="AO12708">
        <v>38</v>
      </c>
      <c r="AP12708">
        <v>38</v>
      </c>
      <c r="AQ12708">
        <v>38</v>
      </c>
    </row>
    <row r="12709" spans="1:43">
      <c r="A12709" t="s">
        <v>7892</v>
      </c>
      <c r="B12709" t="s">
        <v>7893</v>
      </c>
      <c r="C12709" t="s">
        <v>7894</v>
      </c>
      <c r="D12709" t="s">
        <v>7895</v>
      </c>
      <c r="E12709" t="s">
        <v>7646</v>
      </c>
      <c r="F12709" t="s">
        <v>7647</v>
      </c>
      <c r="G12709" t="s">
        <v>80</v>
      </c>
      <c r="H12709" t="s">
        <v>81</v>
      </c>
      <c r="I12709" s="2">
        <v>0</v>
      </c>
      <c r="J12709" s="2">
        <v>1</v>
      </c>
      <c r="K12709" s="2">
        <v>0</v>
      </c>
      <c r="L12709" t="s">
        <v>82</v>
      </c>
      <c r="M12709" t="s">
        <v>83</v>
      </c>
      <c r="N12709" t="s">
        <v>91</v>
      </c>
      <c r="O12709" t="s">
        <v>85</v>
      </c>
      <c r="P12709" t="s">
        <v>86</v>
      </c>
      <c r="Q12709">
        <v>27</v>
      </c>
      <c r="R12709">
        <v>27</v>
      </c>
      <c r="S12709">
        <v>28</v>
      </c>
      <c r="T12709">
        <v>28</v>
      </c>
      <c r="U12709">
        <v>29</v>
      </c>
      <c r="V12709">
        <v>29</v>
      </c>
      <c r="W12709">
        <v>30</v>
      </c>
      <c r="X12709">
        <v>30</v>
      </c>
      <c r="Y12709">
        <v>31</v>
      </c>
      <c r="Z12709">
        <v>31</v>
      </c>
      <c r="AA12709">
        <v>32</v>
      </c>
      <c r="AB12709">
        <v>32</v>
      </c>
      <c r="AC12709">
        <v>33</v>
      </c>
      <c r="AD12709">
        <v>33</v>
      </c>
      <c r="AE12709">
        <v>34</v>
      </c>
      <c r="AF12709">
        <v>34</v>
      </c>
      <c r="AG12709">
        <v>35</v>
      </c>
      <c r="AH12709">
        <v>35</v>
      </c>
      <c r="AI12709">
        <v>36</v>
      </c>
      <c r="AJ12709">
        <v>36</v>
      </c>
      <c r="AK12709">
        <v>37</v>
      </c>
      <c r="AL12709">
        <v>37</v>
      </c>
      <c r="AM12709">
        <v>37</v>
      </c>
      <c r="AN12709">
        <v>37</v>
      </c>
      <c r="AO12709">
        <v>37</v>
      </c>
      <c r="AP12709">
        <v>38</v>
      </c>
      <c r="AQ12709">
        <v>38</v>
      </c>
    </row>
    <row r="12710" spans="1:43">
      <c r="A12710" t="s">
        <v>7896</v>
      </c>
      <c r="B12710" t="s">
        <v>7897</v>
      </c>
      <c r="C12710" t="s">
        <v>7894</v>
      </c>
      <c r="D12710" t="s">
        <v>7895</v>
      </c>
      <c r="E12710" t="s">
        <v>7646</v>
      </c>
      <c r="F12710" t="s">
        <v>7647</v>
      </c>
      <c r="G12710" t="s">
        <v>80</v>
      </c>
      <c r="H12710" t="s">
        <v>81</v>
      </c>
      <c r="I12710" s="2">
        <v>0</v>
      </c>
      <c r="J12710" s="2">
        <v>1</v>
      </c>
      <c r="K12710" s="2">
        <v>0</v>
      </c>
      <c r="L12710" t="s">
        <v>82</v>
      </c>
      <c r="M12710" t="s">
        <v>83</v>
      </c>
      <c r="N12710" t="s">
        <v>84</v>
      </c>
      <c r="O12710" t="s">
        <v>85</v>
      </c>
      <c r="P12710" t="s">
        <v>86</v>
      </c>
      <c r="Q12710">
        <v>2</v>
      </c>
      <c r="R12710">
        <v>2</v>
      </c>
      <c r="S12710">
        <v>2</v>
      </c>
      <c r="T12710">
        <v>3</v>
      </c>
      <c r="U12710">
        <v>3</v>
      </c>
      <c r="V12710">
        <v>3</v>
      </c>
      <c r="W12710">
        <v>3</v>
      </c>
      <c r="X12710">
        <v>3</v>
      </c>
      <c r="Y12710">
        <v>3</v>
      </c>
      <c r="Z12710">
        <v>3</v>
      </c>
      <c r="AA12710">
        <v>3</v>
      </c>
      <c r="AB12710">
        <v>3</v>
      </c>
      <c r="AC12710">
        <v>3</v>
      </c>
      <c r="AD12710">
        <v>3</v>
      </c>
      <c r="AE12710">
        <v>3</v>
      </c>
      <c r="AF12710">
        <v>3</v>
      </c>
      <c r="AG12710">
        <v>3</v>
      </c>
      <c r="AH12710">
        <v>3</v>
      </c>
      <c r="AI12710">
        <v>3</v>
      </c>
      <c r="AJ12710">
        <v>3</v>
      </c>
      <c r="AK12710">
        <v>3</v>
      </c>
      <c r="AL12710">
        <v>3</v>
      </c>
      <c r="AM12710">
        <v>3</v>
      </c>
      <c r="AN12710">
        <v>3</v>
      </c>
      <c r="AO12710">
        <v>3</v>
      </c>
      <c r="AP12710">
        <v>3</v>
      </c>
      <c r="AQ12710">
        <v>3</v>
      </c>
    </row>
    <row r="12711" spans="1:43">
      <c r="A12711" t="s">
        <v>7896</v>
      </c>
      <c r="B12711" t="s">
        <v>7897</v>
      </c>
      <c r="C12711" t="s">
        <v>7894</v>
      </c>
      <c r="D12711" t="s">
        <v>7895</v>
      </c>
      <c r="E12711" t="s">
        <v>7646</v>
      </c>
      <c r="F12711" t="s">
        <v>7647</v>
      </c>
      <c r="G12711" t="s">
        <v>80</v>
      </c>
      <c r="H12711" t="s">
        <v>81</v>
      </c>
      <c r="I12711" s="2">
        <v>0</v>
      </c>
      <c r="J12711" s="2">
        <v>1</v>
      </c>
      <c r="K12711" s="2">
        <v>0</v>
      </c>
      <c r="L12711" t="s">
        <v>82</v>
      </c>
      <c r="M12711" t="s">
        <v>87</v>
      </c>
      <c r="N12711" t="s">
        <v>88</v>
      </c>
      <c r="O12711" t="s">
        <v>85</v>
      </c>
      <c r="P12711" t="s">
        <v>86</v>
      </c>
      <c r="Q12711">
        <v>2</v>
      </c>
      <c r="R12711">
        <v>2</v>
      </c>
      <c r="S12711">
        <v>2</v>
      </c>
      <c r="T12711">
        <v>2</v>
      </c>
      <c r="U12711">
        <v>2</v>
      </c>
      <c r="V12711">
        <v>2</v>
      </c>
      <c r="W12711">
        <v>3</v>
      </c>
      <c r="X12711">
        <v>3</v>
      </c>
      <c r="Y12711">
        <v>3</v>
      </c>
      <c r="Z12711">
        <v>3</v>
      </c>
      <c r="AA12711">
        <v>3</v>
      </c>
      <c r="AB12711">
        <v>3</v>
      </c>
      <c r="AC12711">
        <v>3</v>
      </c>
      <c r="AD12711">
        <v>3</v>
      </c>
      <c r="AE12711">
        <v>3</v>
      </c>
      <c r="AF12711">
        <v>3</v>
      </c>
      <c r="AG12711">
        <v>3</v>
      </c>
      <c r="AH12711">
        <v>3</v>
      </c>
      <c r="AI12711">
        <v>3</v>
      </c>
      <c r="AJ12711">
        <v>3</v>
      </c>
      <c r="AK12711">
        <v>3</v>
      </c>
      <c r="AL12711">
        <v>3</v>
      </c>
      <c r="AM12711">
        <v>3</v>
      </c>
      <c r="AN12711">
        <v>3</v>
      </c>
      <c r="AO12711">
        <v>3</v>
      </c>
      <c r="AP12711">
        <v>3</v>
      </c>
      <c r="AQ12711">
        <v>3</v>
      </c>
    </row>
    <row r="12712" spans="1:43">
      <c r="A12712" t="s">
        <v>7896</v>
      </c>
      <c r="B12712" t="s">
        <v>7897</v>
      </c>
      <c r="C12712" t="s">
        <v>7894</v>
      </c>
      <c r="D12712" t="s">
        <v>7895</v>
      </c>
      <c r="E12712" t="s">
        <v>7646</v>
      </c>
      <c r="F12712" t="s">
        <v>7647</v>
      </c>
      <c r="G12712" t="s">
        <v>80</v>
      </c>
      <c r="H12712" t="s">
        <v>81</v>
      </c>
      <c r="I12712" s="2">
        <v>0</v>
      </c>
      <c r="J12712" s="2">
        <v>1</v>
      </c>
      <c r="K12712" s="2">
        <v>0</v>
      </c>
      <c r="L12712" t="s">
        <v>82</v>
      </c>
      <c r="M12712" t="s">
        <v>89</v>
      </c>
      <c r="N12712" t="s">
        <v>90</v>
      </c>
      <c r="O12712" t="s">
        <v>85</v>
      </c>
      <c r="P12712" t="s">
        <v>86</v>
      </c>
      <c r="Q12712">
        <v>2</v>
      </c>
      <c r="R12712">
        <v>2</v>
      </c>
      <c r="S12712">
        <v>3</v>
      </c>
      <c r="T12712">
        <v>3</v>
      </c>
      <c r="U12712">
        <v>3</v>
      </c>
      <c r="V12712">
        <v>3</v>
      </c>
      <c r="W12712">
        <v>3</v>
      </c>
      <c r="X12712">
        <v>3</v>
      </c>
      <c r="Y12712">
        <v>3</v>
      </c>
      <c r="Z12712">
        <v>3</v>
      </c>
      <c r="AA12712">
        <v>3</v>
      </c>
      <c r="AB12712">
        <v>3</v>
      </c>
      <c r="AC12712">
        <v>3</v>
      </c>
      <c r="AD12712">
        <v>3</v>
      </c>
      <c r="AE12712">
        <v>3</v>
      </c>
      <c r="AF12712">
        <v>3</v>
      </c>
      <c r="AG12712">
        <v>3</v>
      </c>
      <c r="AH12712">
        <v>3</v>
      </c>
      <c r="AI12712">
        <v>3</v>
      </c>
      <c r="AJ12712">
        <v>3</v>
      </c>
      <c r="AK12712">
        <v>3</v>
      </c>
      <c r="AL12712">
        <v>3</v>
      </c>
      <c r="AM12712">
        <v>3</v>
      </c>
      <c r="AN12712">
        <v>3</v>
      </c>
      <c r="AO12712">
        <v>3</v>
      </c>
      <c r="AP12712">
        <v>3</v>
      </c>
      <c r="AQ12712">
        <v>3</v>
      </c>
    </row>
    <row r="12713" spans="1:43">
      <c r="A12713" t="s">
        <v>7896</v>
      </c>
      <c r="B12713" t="s">
        <v>7897</v>
      </c>
      <c r="C12713" t="s">
        <v>7894</v>
      </c>
      <c r="D12713" t="s">
        <v>7895</v>
      </c>
      <c r="E12713" t="s">
        <v>7646</v>
      </c>
      <c r="F12713" t="s">
        <v>7647</v>
      </c>
      <c r="G12713" t="s">
        <v>80</v>
      </c>
      <c r="H12713" t="s">
        <v>81</v>
      </c>
      <c r="I12713" s="2">
        <v>0</v>
      </c>
      <c r="J12713" s="2">
        <v>1</v>
      </c>
      <c r="K12713" s="2">
        <v>0</v>
      </c>
      <c r="L12713" t="s">
        <v>82</v>
      </c>
      <c r="M12713" t="s">
        <v>83</v>
      </c>
      <c r="N12713" t="s">
        <v>91</v>
      </c>
      <c r="O12713" t="s">
        <v>85</v>
      </c>
      <c r="P12713" t="s">
        <v>86</v>
      </c>
      <c r="Q12713">
        <v>2</v>
      </c>
      <c r="R12713">
        <v>2</v>
      </c>
      <c r="S12713">
        <v>2</v>
      </c>
      <c r="T12713">
        <v>3</v>
      </c>
      <c r="U12713">
        <v>3</v>
      </c>
      <c r="V12713">
        <v>3</v>
      </c>
      <c r="W12713">
        <v>3</v>
      </c>
      <c r="X12713">
        <v>3</v>
      </c>
      <c r="Y12713">
        <v>3</v>
      </c>
      <c r="Z12713">
        <v>3</v>
      </c>
      <c r="AA12713">
        <v>3</v>
      </c>
      <c r="AB12713">
        <v>3</v>
      </c>
      <c r="AC12713">
        <v>3</v>
      </c>
      <c r="AD12713">
        <v>3</v>
      </c>
      <c r="AE12713">
        <v>3</v>
      </c>
      <c r="AF12713">
        <v>3</v>
      </c>
      <c r="AG12713">
        <v>3</v>
      </c>
      <c r="AH12713">
        <v>3</v>
      </c>
      <c r="AI12713">
        <v>3</v>
      </c>
      <c r="AJ12713">
        <v>3</v>
      </c>
      <c r="AK12713">
        <v>3</v>
      </c>
      <c r="AL12713">
        <v>3</v>
      </c>
      <c r="AM12713">
        <v>3</v>
      </c>
      <c r="AN12713">
        <v>3</v>
      </c>
      <c r="AO12713">
        <v>3</v>
      </c>
      <c r="AP12713">
        <v>3</v>
      </c>
      <c r="AQ12713">
        <v>3</v>
      </c>
    </row>
    <row r="12714" spans="1:43">
      <c r="A12714" t="s">
        <v>7898</v>
      </c>
      <c r="B12714" t="s">
        <v>7899</v>
      </c>
      <c r="C12714" t="s">
        <v>7894</v>
      </c>
      <c r="D12714" t="s">
        <v>7895</v>
      </c>
      <c r="E12714" t="s">
        <v>7646</v>
      </c>
      <c r="F12714" t="s">
        <v>7647</v>
      </c>
      <c r="G12714" t="s">
        <v>80</v>
      </c>
      <c r="H12714" t="s">
        <v>81</v>
      </c>
      <c r="I12714" s="2">
        <v>0</v>
      </c>
      <c r="J12714" s="2">
        <v>1</v>
      </c>
      <c r="K12714" s="2">
        <v>0</v>
      </c>
      <c r="L12714" t="s">
        <v>82</v>
      </c>
      <c r="M12714" t="s">
        <v>83</v>
      </c>
      <c r="N12714" t="s">
        <v>84</v>
      </c>
      <c r="O12714" t="s">
        <v>85</v>
      </c>
      <c r="P12714" t="s">
        <v>86</v>
      </c>
      <c r="Q12714">
        <v>33</v>
      </c>
      <c r="R12714">
        <v>34</v>
      </c>
      <c r="S12714">
        <v>34</v>
      </c>
      <c r="T12714">
        <v>35</v>
      </c>
      <c r="U12714">
        <v>36</v>
      </c>
      <c r="V12714">
        <v>36</v>
      </c>
      <c r="W12714">
        <v>37</v>
      </c>
      <c r="X12714">
        <v>37</v>
      </c>
      <c r="Y12714">
        <v>38</v>
      </c>
      <c r="Z12714">
        <v>39</v>
      </c>
      <c r="AA12714">
        <v>39</v>
      </c>
      <c r="AB12714">
        <v>40</v>
      </c>
      <c r="AC12714">
        <v>41</v>
      </c>
      <c r="AD12714">
        <v>41</v>
      </c>
      <c r="AE12714">
        <v>42</v>
      </c>
      <c r="AF12714">
        <v>43</v>
      </c>
      <c r="AG12714">
        <v>43</v>
      </c>
      <c r="AH12714">
        <v>44</v>
      </c>
      <c r="AI12714">
        <v>44</v>
      </c>
      <c r="AJ12714">
        <v>45</v>
      </c>
      <c r="AK12714">
        <v>46</v>
      </c>
      <c r="AL12714">
        <v>46</v>
      </c>
      <c r="AM12714">
        <v>46</v>
      </c>
      <c r="AN12714">
        <v>46</v>
      </c>
      <c r="AO12714">
        <v>47</v>
      </c>
      <c r="AP12714">
        <v>47</v>
      </c>
      <c r="AQ12714">
        <v>47</v>
      </c>
    </row>
    <row r="12715" spans="1:43">
      <c r="A12715" t="s">
        <v>7898</v>
      </c>
      <c r="B12715" t="s">
        <v>7899</v>
      </c>
      <c r="C12715" t="s">
        <v>7894</v>
      </c>
      <c r="D12715" t="s">
        <v>7895</v>
      </c>
      <c r="E12715" t="s">
        <v>7646</v>
      </c>
      <c r="F12715" t="s">
        <v>7647</v>
      </c>
      <c r="G12715" t="s">
        <v>80</v>
      </c>
      <c r="H12715" t="s">
        <v>81</v>
      </c>
      <c r="I12715" s="2">
        <v>0</v>
      </c>
      <c r="J12715" s="2">
        <v>1</v>
      </c>
      <c r="K12715" s="2">
        <v>0</v>
      </c>
      <c r="L12715" t="s">
        <v>82</v>
      </c>
      <c r="M12715" t="s">
        <v>87</v>
      </c>
      <c r="N12715" t="s">
        <v>88</v>
      </c>
      <c r="O12715" t="s">
        <v>85</v>
      </c>
      <c r="P12715" t="s">
        <v>86</v>
      </c>
      <c r="Q12715">
        <v>33</v>
      </c>
      <c r="R12715">
        <v>33</v>
      </c>
      <c r="S12715">
        <v>33</v>
      </c>
      <c r="T12715">
        <v>34</v>
      </c>
      <c r="U12715">
        <v>34</v>
      </c>
      <c r="V12715">
        <v>34</v>
      </c>
      <c r="W12715">
        <v>35</v>
      </c>
      <c r="X12715">
        <v>35</v>
      </c>
      <c r="Y12715">
        <v>35</v>
      </c>
      <c r="Z12715">
        <v>36</v>
      </c>
      <c r="AA12715">
        <v>36</v>
      </c>
      <c r="AB12715">
        <v>36</v>
      </c>
      <c r="AC12715">
        <v>36</v>
      </c>
      <c r="AD12715">
        <v>37</v>
      </c>
      <c r="AE12715">
        <v>37</v>
      </c>
      <c r="AF12715">
        <v>37</v>
      </c>
      <c r="AG12715">
        <v>38</v>
      </c>
      <c r="AH12715">
        <v>38</v>
      </c>
      <c r="AI12715">
        <v>38</v>
      </c>
      <c r="AJ12715">
        <v>39</v>
      </c>
      <c r="AK12715">
        <v>39</v>
      </c>
      <c r="AL12715">
        <v>39</v>
      </c>
      <c r="AM12715">
        <v>40</v>
      </c>
      <c r="AN12715">
        <v>40</v>
      </c>
      <c r="AO12715">
        <v>40</v>
      </c>
      <c r="AP12715">
        <v>41</v>
      </c>
      <c r="AQ12715">
        <v>41</v>
      </c>
    </row>
    <row r="12716" spans="1:43">
      <c r="A12716" t="s">
        <v>7898</v>
      </c>
      <c r="B12716" t="s">
        <v>7899</v>
      </c>
      <c r="C12716" t="s">
        <v>7894</v>
      </c>
      <c r="D12716" t="s">
        <v>7895</v>
      </c>
      <c r="E12716" t="s">
        <v>7646</v>
      </c>
      <c r="F12716" t="s">
        <v>7647</v>
      </c>
      <c r="G12716" t="s">
        <v>80</v>
      </c>
      <c r="H12716" t="s">
        <v>81</v>
      </c>
      <c r="I12716" s="2">
        <v>0</v>
      </c>
      <c r="J12716" s="2">
        <v>1</v>
      </c>
      <c r="K12716" s="2">
        <v>0</v>
      </c>
      <c r="L12716" t="s">
        <v>82</v>
      </c>
      <c r="M12716" t="s">
        <v>89</v>
      </c>
      <c r="N12716" t="s">
        <v>90</v>
      </c>
      <c r="O12716" t="s">
        <v>85</v>
      </c>
      <c r="P12716" t="s">
        <v>86</v>
      </c>
      <c r="Q12716">
        <v>33</v>
      </c>
      <c r="R12716">
        <v>34</v>
      </c>
      <c r="S12716">
        <v>35</v>
      </c>
      <c r="T12716">
        <v>36</v>
      </c>
      <c r="U12716">
        <v>37</v>
      </c>
      <c r="V12716">
        <v>38</v>
      </c>
      <c r="W12716">
        <v>39</v>
      </c>
      <c r="X12716">
        <v>40</v>
      </c>
      <c r="Y12716">
        <v>40</v>
      </c>
      <c r="Z12716">
        <v>41</v>
      </c>
      <c r="AA12716">
        <v>42</v>
      </c>
      <c r="AB12716">
        <v>43</v>
      </c>
      <c r="AC12716">
        <v>44</v>
      </c>
      <c r="AD12716">
        <v>44</v>
      </c>
      <c r="AE12716">
        <v>45</v>
      </c>
      <c r="AF12716">
        <v>45</v>
      </c>
      <c r="AG12716">
        <v>45</v>
      </c>
      <c r="AH12716">
        <v>46</v>
      </c>
      <c r="AI12716">
        <v>46</v>
      </c>
      <c r="AJ12716">
        <v>46</v>
      </c>
      <c r="AK12716">
        <v>46</v>
      </c>
      <c r="AL12716">
        <v>46</v>
      </c>
      <c r="AM12716">
        <v>46</v>
      </c>
      <c r="AN12716">
        <v>47</v>
      </c>
      <c r="AO12716">
        <v>47</v>
      </c>
      <c r="AP12716">
        <v>47</v>
      </c>
      <c r="AQ12716">
        <v>47</v>
      </c>
    </row>
    <row r="12717" spans="1:43">
      <c r="A12717" t="s">
        <v>7898</v>
      </c>
      <c r="B12717" t="s">
        <v>7899</v>
      </c>
      <c r="C12717" t="s">
        <v>7894</v>
      </c>
      <c r="D12717" t="s">
        <v>7895</v>
      </c>
      <c r="E12717" t="s">
        <v>7646</v>
      </c>
      <c r="F12717" t="s">
        <v>7647</v>
      </c>
      <c r="G12717" t="s">
        <v>80</v>
      </c>
      <c r="H12717" t="s">
        <v>81</v>
      </c>
      <c r="I12717" s="2">
        <v>0</v>
      </c>
      <c r="J12717" s="2">
        <v>1</v>
      </c>
      <c r="K12717" s="2">
        <v>0</v>
      </c>
      <c r="L12717" t="s">
        <v>82</v>
      </c>
      <c r="M12717" t="s">
        <v>83</v>
      </c>
      <c r="N12717" t="s">
        <v>91</v>
      </c>
      <c r="O12717" t="s">
        <v>85</v>
      </c>
      <c r="P12717" t="s">
        <v>86</v>
      </c>
      <c r="Q12717">
        <v>33</v>
      </c>
      <c r="R12717">
        <v>34</v>
      </c>
      <c r="S12717">
        <v>34</v>
      </c>
      <c r="T12717">
        <v>35</v>
      </c>
      <c r="U12717">
        <v>36</v>
      </c>
      <c r="V12717">
        <v>36</v>
      </c>
      <c r="W12717">
        <v>37</v>
      </c>
      <c r="X12717">
        <v>37</v>
      </c>
      <c r="Y12717">
        <v>38</v>
      </c>
      <c r="Z12717">
        <v>39</v>
      </c>
      <c r="AA12717">
        <v>39</v>
      </c>
      <c r="AB12717">
        <v>40</v>
      </c>
      <c r="AC12717">
        <v>41</v>
      </c>
      <c r="AD12717">
        <v>41</v>
      </c>
      <c r="AE12717">
        <v>42</v>
      </c>
      <c r="AF12717">
        <v>43</v>
      </c>
      <c r="AG12717">
        <v>43</v>
      </c>
      <c r="AH12717">
        <v>44</v>
      </c>
      <c r="AI12717">
        <v>44</v>
      </c>
      <c r="AJ12717">
        <v>45</v>
      </c>
      <c r="AK12717">
        <v>46</v>
      </c>
      <c r="AL12717">
        <v>46</v>
      </c>
      <c r="AM12717">
        <v>46</v>
      </c>
      <c r="AN12717">
        <v>46</v>
      </c>
      <c r="AO12717">
        <v>47</v>
      </c>
      <c r="AP12717">
        <v>47</v>
      </c>
      <c r="AQ12717">
        <v>47</v>
      </c>
    </row>
    <row r="12718" spans="1:43">
      <c r="A12718" t="s">
        <v>7900</v>
      </c>
      <c r="B12718" t="s">
        <v>7901</v>
      </c>
      <c r="C12718" t="s">
        <v>7894</v>
      </c>
      <c r="D12718" t="s">
        <v>7895</v>
      </c>
      <c r="E12718" t="s">
        <v>7646</v>
      </c>
      <c r="F12718" t="s">
        <v>7647</v>
      </c>
      <c r="G12718" t="s">
        <v>80</v>
      </c>
      <c r="H12718" t="s">
        <v>81</v>
      </c>
      <c r="I12718" s="2">
        <v>0</v>
      </c>
      <c r="J12718" s="2">
        <v>1</v>
      </c>
      <c r="K12718" s="2">
        <v>0</v>
      </c>
      <c r="L12718" t="s">
        <v>82</v>
      </c>
      <c r="M12718" t="s">
        <v>83</v>
      </c>
      <c r="N12718" t="s">
        <v>84</v>
      </c>
      <c r="O12718" t="s">
        <v>85</v>
      </c>
      <c r="P12718" t="s">
        <v>86</v>
      </c>
      <c r="Q12718">
        <v>5</v>
      </c>
      <c r="R12718">
        <v>5</v>
      </c>
      <c r="S12718">
        <v>5</v>
      </c>
      <c r="T12718">
        <v>5</v>
      </c>
      <c r="U12718">
        <v>5</v>
      </c>
      <c r="V12718">
        <v>6</v>
      </c>
      <c r="W12718">
        <v>6</v>
      </c>
      <c r="X12718">
        <v>6</v>
      </c>
      <c r="Y12718">
        <v>6</v>
      </c>
      <c r="Z12718">
        <v>6</v>
      </c>
      <c r="AA12718">
        <v>6</v>
      </c>
      <c r="AB12718">
        <v>6</v>
      </c>
      <c r="AC12718">
        <v>6</v>
      </c>
      <c r="AD12718">
        <v>6</v>
      </c>
      <c r="AE12718">
        <v>6</v>
      </c>
      <c r="AF12718">
        <v>7</v>
      </c>
      <c r="AG12718">
        <v>7</v>
      </c>
      <c r="AH12718">
        <v>7</v>
      </c>
      <c r="AI12718">
        <v>7</v>
      </c>
      <c r="AJ12718">
        <v>7</v>
      </c>
      <c r="AK12718">
        <v>7</v>
      </c>
      <c r="AL12718">
        <v>7</v>
      </c>
      <c r="AM12718">
        <v>7</v>
      </c>
      <c r="AN12718">
        <v>7</v>
      </c>
      <c r="AO12718">
        <v>7</v>
      </c>
      <c r="AP12718">
        <v>7</v>
      </c>
      <c r="AQ12718">
        <v>7</v>
      </c>
    </row>
    <row r="12719" spans="1:43">
      <c r="A12719" t="s">
        <v>7900</v>
      </c>
      <c r="B12719" t="s">
        <v>7901</v>
      </c>
      <c r="C12719" t="s">
        <v>7894</v>
      </c>
      <c r="D12719" t="s">
        <v>7895</v>
      </c>
      <c r="E12719" t="s">
        <v>7646</v>
      </c>
      <c r="F12719" t="s">
        <v>7647</v>
      </c>
      <c r="G12719" t="s">
        <v>80</v>
      </c>
      <c r="H12719" t="s">
        <v>81</v>
      </c>
      <c r="I12719" s="2">
        <v>0</v>
      </c>
      <c r="J12719" s="2">
        <v>1</v>
      </c>
      <c r="K12719" s="2">
        <v>0</v>
      </c>
      <c r="L12719" t="s">
        <v>82</v>
      </c>
      <c r="M12719" t="s">
        <v>87</v>
      </c>
      <c r="N12719" t="s">
        <v>88</v>
      </c>
      <c r="O12719" t="s">
        <v>85</v>
      </c>
      <c r="P12719" t="s">
        <v>86</v>
      </c>
      <c r="Q12719">
        <v>5</v>
      </c>
      <c r="R12719">
        <v>5</v>
      </c>
      <c r="S12719">
        <v>5</v>
      </c>
      <c r="T12719">
        <v>5</v>
      </c>
      <c r="U12719">
        <v>5</v>
      </c>
      <c r="V12719">
        <v>5</v>
      </c>
      <c r="W12719">
        <v>5</v>
      </c>
      <c r="X12719">
        <v>5</v>
      </c>
      <c r="Y12719">
        <v>5</v>
      </c>
      <c r="Z12719">
        <v>5</v>
      </c>
      <c r="AA12719">
        <v>5</v>
      </c>
      <c r="AB12719">
        <v>6</v>
      </c>
      <c r="AC12719">
        <v>6</v>
      </c>
      <c r="AD12719">
        <v>6</v>
      </c>
      <c r="AE12719">
        <v>6</v>
      </c>
      <c r="AF12719">
        <v>6</v>
      </c>
      <c r="AG12719">
        <v>6</v>
      </c>
      <c r="AH12719">
        <v>6</v>
      </c>
      <c r="AI12719">
        <v>6</v>
      </c>
      <c r="AJ12719">
        <v>6</v>
      </c>
      <c r="AK12719">
        <v>6</v>
      </c>
      <c r="AL12719">
        <v>6</v>
      </c>
      <c r="AM12719">
        <v>6</v>
      </c>
      <c r="AN12719">
        <v>6</v>
      </c>
      <c r="AO12719">
        <v>6</v>
      </c>
      <c r="AP12719">
        <v>6</v>
      </c>
      <c r="AQ12719">
        <v>6</v>
      </c>
    </row>
    <row r="12720" spans="1:43">
      <c r="A12720" t="s">
        <v>7900</v>
      </c>
      <c r="B12720" t="s">
        <v>7901</v>
      </c>
      <c r="C12720" t="s">
        <v>7894</v>
      </c>
      <c r="D12720" t="s">
        <v>7895</v>
      </c>
      <c r="E12720" t="s">
        <v>7646</v>
      </c>
      <c r="F12720" t="s">
        <v>7647</v>
      </c>
      <c r="G12720" t="s">
        <v>80</v>
      </c>
      <c r="H12720" t="s">
        <v>81</v>
      </c>
      <c r="I12720" s="2">
        <v>0</v>
      </c>
      <c r="J12720" s="2">
        <v>1</v>
      </c>
      <c r="K12720" s="2">
        <v>0</v>
      </c>
      <c r="L12720" t="s">
        <v>82</v>
      </c>
      <c r="M12720" t="s">
        <v>89</v>
      </c>
      <c r="N12720" t="s">
        <v>90</v>
      </c>
      <c r="O12720" t="s">
        <v>85</v>
      </c>
      <c r="P12720" t="s">
        <v>86</v>
      </c>
      <c r="Q12720">
        <v>5</v>
      </c>
      <c r="R12720">
        <v>5</v>
      </c>
      <c r="S12720">
        <v>5</v>
      </c>
      <c r="T12720">
        <v>6</v>
      </c>
      <c r="U12720">
        <v>6</v>
      </c>
      <c r="V12720">
        <v>6</v>
      </c>
      <c r="W12720">
        <v>6</v>
      </c>
      <c r="X12720">
        <v>6</v>
      </c>
      <c r="Y12720">
        <v>6</v>
      </c>
      <c r="Z12720">
        <v>6</v>
      </c>
      <c r="AA12720">
        <v>6</v>
      </c>
      <c r="AB12720">
        <v>7</v>
      </c>
      <c r="AC12720">
        <v>7</v>
      </c>
      <c r="AD12720">
        <v>7</v>
      </c>
      <c r="AE12720">
        <v>7</v>
      </c>
      <c r="AF12720">
        <v>7</v>
      </c>
      <c r="AG12720">
        <v>7</v>
      </c>
      <c r="AH12720">
        <v>7</v>
      </c>
      <c r="AI12720">
        <v>7</v>
      </c>
      <c r="AJ12720">
        <v>7</v>
      </c>
      <c r="AK12720">
        <v>7</v>
      </c>
      <c r="AL12720">
        <v>7</v>
      </c>
      <c r="AM12720">
        <v>7</v>
      </c>
      <c r="AN12720">
        <v>7</v>
      </c>
      <c r="AO12720">
        <v>7</v>
      </c>
      <c r="AP12720">
        <v>7</v>
      </c>
      <c r="AQ12720">
        <v>7</v>
      </c>
    </row>
    <row r="12721" spans="1:43">
      <c r="A12721" t="s">
        <v>7900</v>
      </c>
      <c r="B12721" t="s">
        <v>7901</v>
      </c>
      <c r="C12721" t="s">
        <v>7894</v>
      </c>
      <c r="D12721" t="s">
        <v>7895</v>
      </c>
      <c r="E12721" t="s">
        <v>7646</v>
      </c>
      <c r="F12721" t="s">
        <v>7647</v>
      </c>
      <c r="G12721" t="s">
        <v>80</v>
      </c>
      <c r="H12721" t="s">
        <v>81</v>
      </c>
      <c r="I12721" s="2">
        <v>0</v>
      </c>
      <c r="J12721" s="2">
        <v>1</v>
      </c>
      <c r="K12721" s="2">
        <v>0</v>
      </c>
      <c r="L12721" t="s">
        <v>82</v>
      </c>
      <c r="M12721" t="s">
        <v>83</v>
      </c>
      <c r="N12721" t="s">
        <v>91</v>
      </c>
      <c r="O12721" t="s">
        <v>85</v>
      </c>
      <c r="P12721" t="s">
        <v>86</v>
      </c>
      <c r="Q12721">
        <v>5</v>
      </c>
      <c r="R12721">
        <v>5</v>
      </c>
      <c r="S12721">
        <v>5</v>
      </c>
      <c r="T12721">
        <v>5</v>
      </c>
      <c r="U12721">
        <v>5</v>
      </c>
      <c r="V12721">
        <v>6</v>
      </c>
      <c r="W12721">
        <v>6</v>
      </c>
      <c r="X12721">
        <v>6</v>
      </c>
      <c r="Y12721">
        <v>6</v>
      </c>
      <c r="Z12721">
        <v>6</v>
      </c>
      <c r="AA12721">
        <v>6</v>
      </c>
      <c r="AB12721">
        <v>6</v>
      </c>
      <c r="AC12721">
        <v>6</v>
      </c>
      <c r="AD12721">
        <v>6</v>
      </c>
      <c r="AE12721">
        <v>6</v>
      </c>
      <c r="AF12721">
        <v>7</v>
      </c>
      <c r="AG12721">
        <v>7</v>
      </c>
      <c r="AH12721">
        <v>7</v>
      </c>
      <c r="AI12721">
        <v>7</v>
      </c>
      <c r="AJ12721">
        <v>7</v>
      </c>
      <c r="AK12721">
        <v>7</v>
      </c>
      <c r="AL12721">
        <v>7</v>
      </c>
      <c r="AM12721">
        <v>7</v>
      </c>
      <c r="AN12721">
        <v>7</v>
      </c>
      <c r="AO12721">
        <v>7</v>
      </c>
      <c r="AP12721">
        <v>7</v>
      </c>
      <c r="AQ12721">
        <v>7</v>
      </c>
    </row>
    <row r="12722" spans="1:43">
      <c r="A12722" t="s">
        <v>7902</v>
      </c>
      <c r="B12722" t="s">
        <v>7903</v>
      </c>
      <c r="C12722" t="s">
        <v>7894</v>
      </c>
      <c r="D12722" t="s">
        <v>7895</v>
      </c>
      <c r="E12722" t="s">
        <v>7646</v>
      </c>
      <c r="F12722" t="s">
        <v>7647</v>
      </c>
      <c r="G12722" t="s">
        <v>80</v>
      </c>
      <c r="H12722" t="s">
        <v>81</v>
      </c>
      <c r="I12722" s="2">
        <v>0</v>
      </c>
      <c r="J12722" s="2">
        <v>1</v>
      </c>
      <c r="K12722" s="2">
        <v>0</v>
      </c>
      <c r="L12722" t="s">
        <v>82</v>
      </c>
      <c r="M12722" t="s">
        <v>83</v>
      </c>
      <c r="N12722" t="s">
        <v>84</v>
      </c>
      <c r="O12722" t="s">
        <v>85</v>
      </c>
      <c r="P12722" t="s">
        <v>86</v>
      </c>
      <c r="Q12722">
        <v>54</v>
      </c>
      <c r="R12722">
        <v>55</v>
      </c>
      <c r="S12722">
        <v>56</v>
      </c>
      <c r="T12722">
        <v>57</v>
      </c>
      <c r="U12722">
        <v>58</v>
      </c>
      <c r="V12722">
        <v>59</v>
      </c>
      <c r="W12722">
        <v>60</v>
      </c>
      <c r="X12722">
        <v>61</v>
      </c>
      <c r="Y12722">
        <v>62</v>
      </c>
      <c r="Z12722">
        <v>63</v>
      </c>
      <c r="AA12722">
        <v>64</v>
      </c>
      <c r="AB12722">
        <v>65</v>
      </c>
      <c r="AC12722">
        <v>66</v>
      </c>
      <c r="AD12722">
        <v>67</v>
      </c>
      <c r="AE12722">
        <v>68</v>
      </c>
      <c r="AF12722">
        <v>69</v>
      </c>
      <c r="AG12722">
        <v>70</v>
      </c>
      <c r="AH12722">
        <v>71</v>
      </c>
      <c r="AI12722">
        <v>72</v>
      </c>
      <c r="AJ12722">
        <v>73</v>
      </c>
      <c r="AK12722">
        <v>75</v>
      </c>
      <c r="AL12722">
        <v>75</v>
      </c>
      <c r="AM12722">
        <v>75</v>
      </c>
      <c r="AN12722">
        <v>76</v>
      </c>
      <c r="AO12722">
        <v>76</v>
      </c>
      <c r="AP12722">
        <v>76</v>
      </c>
      <c r="AQ12722">
        <v>77</v>
      </c>
    </row>
    <row r="12723" spans="1:43">
      <c r="A12723" t="s">
        <v>7902</v>
      </c>
      <c r="B12723" t="s">
        <v>7903</v>
      </c>
      <c r="C12723" t="s">
        <v>7894</v>
      </c>
      <c r="D12723" t="s">
        <v>7895</v>
      </c>
      <c r="E12723" t="s">
        <v>7646</v>
      </c>
      <c r="F12723" t="s">
        <v>7647</v>
      </c>
      <c r="G12723" t="s">
        <v>80</v>
      </c>
      <c r="H12723" t="s">
        <v>81</v>
      </c>
      <c r="I12723" s="2">
        <v>0</v>
      </c>
      <c r="J12723" s="2">
        <v>1</v>
      </c>
      <c r="K12723" s="2">
        <v>0</v>
      </c>
      <c r="L12723" t="s">
        <v>82</v>
      </c>
      <c r="M12723" t="s">
        <v>87</v>
      </c>
      <c r="N12723" t="s">
        <v>88</v>
      </c>
      <c r="O12723" t="s">
        <v>85</v>
      </c>
      <c r="P12723" t="s">
        <v>86</v>
      </c>
      <c r="Q12723">
        <v>54</v>
      </c>
      <c r="R12723">
        <v>55</v>
      </c>
      <c r="S12723">
        <v>55</v>
      </c>
      <c r="T12723">
        <v>56</v>
      </c>
      <c r="U12723">
        <v>56</v>
      </c>
      <c r="V12723">
        <v>57</v>
      </c>
      <c r="W12723">
        <v>57</v>
      </c>
      <c r="X12723">
        <v>58</v>
      </c>
      <c r="Y12723">
        <v>58</v>
      </c>
      <c r="Z12723">
        <v>59</v>
      </c>
      <c r="AA12723">
        <v>59</v>
      </c>
      <c r="AB12723">
        <v>60</v>
      </c>
      <c r="AC12723">
        <v>61</v>
      </c>
      <c r="AD12723">
        <v>61</v>
      </c>
      <c r="AE12723">
        <v>62</v>
      </c>
      <c r="AF12723">
        <v>62</v>
      </c>
      <c r="AG12723">
        <v>63</v>
      </c>
      <c r="AH12723">
        <v>63</v>
      </c>
      <c r="AI12723">
        <v>64</v>
      </c>
      <c r="AJ12723">
        <v>64</v>
      </c>
      <c r="AK12723">
        <v>65</v>
      </c>
      <c r="AL12723">
        <v>65</v>
      </c>
      <c r="AM12723">
        <v>66</v>
      </c>
      <c r="AN12723">
        <v>66</v>
      </c>
      <c r="AO12723">
        <v>67</v>
      </c>
      <c r="AP12723">
        <v>67</v>
      </c>
      <c r="AQ12723">
        <v>68</v>
      </c>
    </row>
    <row r="12724" spans="1:43">
      <c r="A12724" t="s">
        <v>7902</v>
      </c>
      <c r="B12724" t="s">
        <v>7903</v>
      </c>
      <c r="C12724" t="s">
        <v>7894</v>
      </c>
      <c r="D12724" t="s">
        <v>7895</v>
      </c>
      <c r="E12724" t="s">
        <v>7646</v>
      </c>
      <c r="F12724" t="s">
        <v>7647</v>
      </c>
      <c r="G12724" t="s">
        <v>80</v>
      </c>
      <c r="H12724" t="s">
        <v>81</v>
      </c>
      <c r="I12724" s="2">
        <v>0</v>
      </c>
      <c r="J12724" s="2">
        <v>1</v>
      </c>
      <c r="K12724" s="2">
        <v>0</v>
      </c>
      <c r="L12724" t="s">
        <v>82</v>
      </c>
      <c r="M12724" t="s">
        <v>89</v>
      </c>
      <c r="N12724" t="s">
        <v>90</v>
      </c>
      <c r="O12724" t="s">
        <v>85</v>
      </c>
      <c r="P12724" t="s">
        <v>86</v>
      </c>
      <c r="Q12724">
        <v>54</v>
      </c>
      <c r="R12724">
        <v>56</v>
      </c>
      <c r="S12724">
        <v>57</v>
      </c>
      <c r="T12724">
        <v>59</v>
      </c>
      <c r="U12724">
        <v>60</v>
      </c>
      <c r="V12724">
        <v>62</v>
      </c>
      <c r="W12724">
        <v>63</v>
      </c>
      <c r="X12724">
        <v>65</v>
      </c>
      <c r="Y12724">
        <v>66</v>
      </c>
      <c r="Z12724">
        <v>67</v>
      </c>
      <c r="AA12724">
        <v>68</v>
      </c>
      <c r="AB12724">
        <v>70</v>
      </c>
      <c r="AC12724">
        <v>71</v>
      </c>
      <c r="AD12724">
        <v>72</v>
      </c>
      <c r="AE12724">
        <v>73</v>
      </c>
      <c r="AF12724">
        <v>74</v>
      </c>
      <c r="AG12724">
        <v>74</v>
      </c>
      <c r="AH12724">
        <v>74</v>
      </c>
      <c r="AI12724">
        <v>75</v>
      </c>
      <c r="AJ12724">
        <v>75</v>
      </c>
      <c r="AK12724">
        <v>75</v>
      </c>
      <c r="AL12724">
        <v>76</v>
      </c>
      <c r="AM12724">
        <v>76</v>
      </c>
      <c r="AN12724">
        <v>76</v>
      </c>
      <c r="AO12724">
        <v>76</v>
      </c>
      <c r="AP12724">
        <v>77</v>
      </c>
      <c r="AQ12724">
        <v>77</v>
      </c>
    </row>
    <row r="12725" spans="1:43">
      <c r="A12725" t="s">
        <v>7902</v>
      </c>
      <c r="B12725" t="s">
        <v>7903</v>
      </c>
      <c r="C12725" t="s">
        <v>7894</v>
      </c>
      <c r="D12725" t="s">
        <v>7895</v>
      </c>
      <c r="E12725" t="s">
        <v>7646</v>
      </c>
      <c r="F12725" t="s">
        <v>7647</v>
      </c>
      <c r="G12725" t="s">
        <v>80</v>
      </c>
      <c r="H12725" t="s">
        <v>81</v>
      </c>
      <c r="I12725" s="2">
        <v>0</v>
      </c>
      <c r="J12725" s="2">
        <v>1</v>
      </c>
      <c r="K12725" s="2">
        <v>0</v>
      </c>
      <c r="L12725" t="s">
        <v>82</v>
      </c>
      <c r="M12725" t="s">
        <v>83</v>
      </c>
      <c r="N12725" t="s">
        <v>91</v>
      </c>
      <c r="O12725" t="s">
        <v>85</v>
      </c>
      <c r="P12725" t="s">
        <v>86</v>
      </c>
      <c r="Q12725">
        <v>54</v>
      </c>
      <c r="R12725">
        <v>55</v>
      </c>
      <c r="S12725">
        <v>56</v>
      </c>
      <c r="T12725">
        <v>57</v>
      </c>
      <c r="U12725">
        <v>58</v>
      </c>
      <c r="V12725">
        <v>59</v>
      </c>
      <c r="W12725">
        <v>60</v>
      </c>
      <c r="X12725">
        <v>61</v>
      </c>
      <c r="Y12725">
        <v>62</v>
      </c>
      <c r="Z12725">
        <v>63</v>
      </c>
      <c r="AA12725">
        <v>64</v>
      </c>
      <c r="AB12725">
        <v>65</v>
      </c>
      <c r="AC12725">
        <v>66</v>
      </c>
      <c r="AD12725">
        <v>67</v>
      </c>
      <c r="AE12725">
        <v>68</v>
      </c>
      <c r="AF12725">
        <v>69</v>
      </c>
      <c r="AG12725">
        <v>70</v>
      </c>
      <c r="AH12725">
        <v>71</v>
      </c>
      <c r="AI12725">
        <v>72</v>
      </c>
      <c r="AJ12725">
        <v>73</v>
      </c>
      <c r="AK12725">
        <v>75</v>
      </c>
      <c r="AL12725">
        <v>75</v>
      </c>
      <c r="AM12725">
        <v>75</v>
      </c>
      <c r="AN12725">
        <v>76</v>
      </c>
      <c r="AO12725">
        <v>76</v>
      </c>
      <c r="AP12725">
        <v>76</v>
      </c>
      <c r="AQ12725">
        <v>77</v>
      </c>
    </row>
    <row r="12726" spans="1:43">
      <c r="A12726" t="s">
        <v>7904</v>
      </c>
      <c r="B12726" t="s">
        <v>7905</v>
      </c>
      <c r="C12726" t="s">
        <v>7894</v>
      </c>
      <c r="D12726" t="s">
        <v>7895</v>
      </c>
      <c r="E12726" t="s">
        <v>7646</v>
      </c>
      <c r="F12726" t="s">
        <v>7647</v>
      </c>
      <c r="G12726" t="s">
        <v>80</v>
      </c>
      <c r="H12726" t="s">
        <v>81</v>
      </c>
      <c r="I12726" s="2">
        <v>0</v>
      </c>
      <c r="J12726" s="2">
        <v>1</v>
      </c>
      <c r="K12726" s="2">
        <v>0</v>
      </c>
      <c r="L12726" t="s">
        <v>82</v>
      </c>
      <c r="M12726" t="s">
        <v>83</v>
      </c>
      <c r="N12726" t="s">
        <v>84</v>
      </c>
      <c r="O12726" t="s">
        <v>85</v>
      </c>
      <c r="P12726" t="s">
        <v>86</v>
      </c>
      <c r="Q12726">
        <v>11</v>
      </c>
      <c r="R12726">
        <v>11</v>
      </c>
      <c r="S12726">
        <v>11</v>
      </c>
      <c r="T12726">
        <v>11</v>
      </c>
      <c r="U12726">
        <v>12</v>
      </c>
      <c r="V12726">
        <v>12</v>
      </c>
      <c r="W12726">
        <v>12</v>
      </c>
      <c r="X12726">
        <v>12</v>
      </c>
      <c r="Y12726">
        <v>12</v>
      </c>
      <c r="Z12726">
        <v>13</v>
      </c>
      <c r="AA12726">
        <v>13</v>
      </c>
      <c r="AB12726">
        <v>13</v>
      </c>
      <c r="AC12726">
        <v>13</v>
      </c>
      <c r="AD12726">
        <v>13</v>
      </c>
      <c r="AE12726">
        <v>14</v>
      </c>
      <c r="AF12726">
        <v>14</v>
      </c>
      <c r="AG12726">
        <v>14</v>
      </c>
      <c r="AH12726">
        <v>14</v>
      </c>
      <c r="AI12726">
        <v>15</v>
      </c>
      <c r="AJ12726">
        <v>15</v>
      </c>
      <c r="AK12726">
        <v>15</v>
      </c>
      <c r="AL12726">
        <v>15</v>
      </c>
      <c r="AM12726">
        <v>15</v>
      </c>
      <c r="AN12726">
        <v>15</v>
      </c>
      <c r="AO12726">
        <v>15</v>
      </c>
      <c r="AP12726">
        <v>15</v>
      </c>
      <c r="AQ12726">
        <v>15</v>
      </c>
    </row>
    <row r="12727" spans="1:43">
      <c r="A12727" t="s">
        <v>7904</v>
      </c>
      <c r="B12727" t="s">
        <v>7905</v>
      </c>
      <c r="C12727" t="s">
        <v>7894</v>
      </c>
      <c r="D12727" t="s">
        <v>7895</v>
      </c>
      <c r="E12727" t="s">
        <v>7646</v>
      </c>
      <c r="F12727" t="s">
        <v>7647</v>
      </c>
      <c r="G12727" t="s">
        <v>80</v>
      </c>
      <c r="H12727" t="s">
        <v>81</v>
      </c>
      <c r="I12727" s="2">
        <v>0</v>
      </c>
      <c r="J12727" s="2">
        <v>1</v>
      </c>
      <c r="K12727" s="2">
        <v>0</v>
      </c>
      <c r="L12727" t="s">
        <v>82</v>
      </c>
      <c r="M12727" t="s">
        <v>87</v>
      </c>
      <c r="N12727" t="s">
        <v>88</v>
      </c>
      <c r="O12727" t="s">
        <v>85</v>
      </c>
      <c r="P12727" t="s">
        <v>86</v>
      </c>
      <c r="Q12727">
        <v>11</v>
      </c>
      <c r="R12727">
        <v>11</v>
      </c>
      <c r="S12727">
        <v>11</v>
      </c>
      <c r="T12727">
        <v>11</v>
      </c>
      <c r="U12727">
        <v>11</v>
      </c>
      <c r="V12727">
        <v>11</v>
      </c>
      <c r="W12727">
        <v>11</v>
      </c>
      <c r="X12727">
        <v>11</v>
      </c>
      <c r="Y12727">
        <v>12</v>
      </c>
      <c r="Z12727">
        <v>12</v>
      </c>
      <c r="AA12727">
        <v>12</v>
      </c>
      <c r="AB12727">
        <v>12</v>
      </c>
      <c r="AC12727">
        <v>12</v>
      </c>
      <c r="AD12727">
        <v>12</v>
      </c>
      <c r="AE12727">
        <v>12</v>
      </c>
      <c r="AF12727">
        <v>12</v>
      </c>
      <c r="AG12727">
        <v>12</v>
      </c>
      <c r="AH12727">
        <v>12</v>
      </c>
      <c r="AI12727">
        <v>13</v>
      </c>
      <c r="AJ12727">
        <v>13</v>
      </c>
      <c r="AK12727">
        <v>13</v>
      </c>
      <c r="AL12727">
        <v>13</v>
      </c>
      <c r="AM12727">
        <v>13</v>
      </c>
      <c r="AN12727">
        <v>13</v>
      </c>
      <c r="AO12727">
        <v>13</v>
      </c>
      <c r="AP12727">
        <v>13</v>
      </c>
      <c r="AQ12727">
        <v>13</v>
      </c>
    </row>
    <row r="12728" spans="1:43">
      <c r="A12728" t="s">
        <v>7904</v>
      </c>
      <c r="B12728" t="s">
        <v>7905</v>
      </c>
      <c r="C12728" t="s">
        <v>7894</v>
      </c>
      <c r="D12728" t="s">
        <v>7895</v>
      </c>
      <c r="E12728" t="s">
        <v>7646</v>
      </c>
      <c r="F12728" t="s">
        <v>7647</v>
      </c>
      <c r="G12728" t="s">
        <v>80</v>
      </c>
      <c r="H12728" t="s">
        <v>81</v>
      </c>
      <c r="I12728" s="2">
        <v>0</v>
      </c>
      <c r="J12728" s="2">
        <v>1</v>
      </c>
      <c r="K12728" s="2">
        <v>0</v>
      </c>
      <c r="L12728" t="s">
        <v>82</v>
      </c>
      <c r="M12728" t="s">
        <v>89</v>
      </c>
      <c r="N12728" t="s">
        <v>90</v>
      </c>
      <c r="O12728" t="s">
        <v>85</v>
      </c>
      <c r="P12728" t="s">
        <v>86</v>
      </c>
      <c r="Q12728">
        <v>11</v>
      </c>
      <c r="R12728">
        <v>11</v>
      </c>
      <c r="S12728">
        <v>11</v>
      </c>
      <c r="T12728">
        <v>12</v>
      </c>
      <c r="U12728">
        <v>12</v>
      </c>
      <c r="V12728">
        <v>12</v>
      </c>
      <c r="W12728">
        <v>13</v>
      </c>
      <c r="X12728">
        <v>13</v>
      </c>
      <c r="Y12728">
        <v>13</v>
      </c>
      <c r="Z12728">
        <v>13</v>
      </c>
      <c r="AA12728">
        <v>14</v>
      </c>
      <c r="AB12728">
        <v>14</v>
      </c>
      <c r="AC12728">
        <v>14</v>
      </c>
      <c r="AD12728">
        <v>14</v>
      </c>
      <c r="AE12728">
        <v>15</v>
      </c>
      <c r="AF12728">
        <v>15</v>
      </c>
      <c r="AG12728">
        <v>15</v>
      </c>
      <c r="AH12728">
        <v>15</v>
      </c>
      <c r="AI12728">
        <v>15</v>
      </c>
      <c r="AJ12728">
        <v>15</v>
      </c>
      <c r="AK12728">
        <v>15</v>
      </c>
      <c r="AL12728">
        <v>15</v>
      </c>
      <c r="AM12728">
        <v>15</v>
      </c>
      <c r="AN12728">
        <v>15</v>
      </c>
      <c r="AO12728">
        <v>15</v>
      </c>
      <c r="AP12728">
        <v>15</v>
      </c>
      <c r="AQ12728">
        <v>15</v>
      </c>
    </row>
    <row r="12729" spans="1:43">
      <c r="A12729" t="s">
        <v>7904</v>
      </c>
      <c r="B12729" t="s">
        <v>7905</v>
      </c>
      <c r="C12729" t="s">
        <v>7894</v>
      </c>
      <c r="D12729" t="s">
        <v>7895</v>
      </c>
      <c r="E12729" t="s">
        <v>7646</v>
      </c>
      <c r="F12729" t="s">
        <v>7647</v>
      </c>
      <c r="G12729" t="s">
        <v>80</v>
      </c>
      <c r="H12729" t="s">
        <v>81</v>
      </c>
      <c r="I12729" s="2">
        <v>0</v>
      </c>
      <c r="J12729" s="2">
        <v>1</v>
      </c>
      <c r="K12729" s="2">
        <v>0</v>
      </c>
      <c r="L12729" t="s">
        <v>82</v>
      </c>
      <c r="M12729" t="s">
        <v>83</v>
      </c>
      <c r="N12729" t="s">
        <v>91</v>
      </c>
      <c r="O12729" t="s">
        <v>85</v>
      </c>
      <c r="P12729" t="s">
        <v>86</v>
      </c>
      <c r="Q12729">
        <v>11</v>
      </c>
      <c r="R12729">
        <v>11</v>
      </c>
      <c r="S12729">
        <v>11</v>
      </c>
      <c r="T12729">
        <v>11</v>
      </c>
      <c r="U12729">
        <v>12</v>
      </c>
      <c r="V12729">
        <v>12</v>
      </c>
      <c r="W12729">
        <v>12</v>
      </c>
      <c r="X12729">
        <v>12</v>
      </c>
      <c r="Y12729">
        <v>12</v>
      </c>
      <c r="Z12729">
        <v>13</v>
      </c>
      <c r="AA12729">
        <v>13</v>
      </c>
      <c r="AB12729">
        <v>13</v>
      </c>
      <c r="AC12729">
        <v>13</v>
      </c>
      <c r="AD12729">
        <v>13</v>
      </c>
      <c r="AE12729">
        <v>14</v>
      </c>
      <c r="AF12729">
        <v>14</v>
      </c>
      <c r="AG12729">
        <v>14</v>
      </c>
      <c r="AH12729">
        <v>14</v>
      </c>
      <c r="AI12729">
        <v>15</v>
      </c>
      <c r="AJ12729">
        <v>15</v>
      </c>
      <c r="AK12729">
        <v>15</v>
      </c>
      <c r="AL12729">
        <v>15</v>
      </c>
      <c r="AM12729">
        <v>15</v>
      </c>
      <c r="AN12729">
        <v>15</v>
      </c>
      <c r="AO12729">
        <v>15</v>
      </c>
      <c r="AP12729">
        <v>15</v>
      </c>
      <c r="AQ12729">
        <v>15</v>
      </c>
    </row>
    <row r="12730" spans="1:43">
      <c r="A12730" t="s">
        <v>7906</v>
      </c>
      <c r="B12730" t="s">
        <v>7907</v>
      </c>
      <c r="C12730" t="s">
        <v>7894</v>
      </c>
      <c r="D12730" t="s">
        <v>7895</v>
      </c>
      <c r="E12730" t="s">
        <v>7646</v>
      </c>
      <c r="F12730" t="s">
        <v>7647</v>
      </c>
      <c r="G12730" t="s">
        <v>80</v>
      </c>
      <c r="H12730" t="s">
        <v>81</v>
      </c>
      <c r="I12730" s="2">
        <v>0</v>
      </c>
      <c r="J12730" s="2">
        <v>1</v>
      </c>
      <c r="K12730" s="2">
        <v>0</v>
      </c>
      <c r="L12730" t="s">
        <v>82</v>
      </c>
      <c r="M12730" t="s">
        <v>83</v>
      </c>
      <c r="N12730" t="s">
        <v>84</v>
      </c>
      <c r="O12730" t="s">
        <v>85</v>
      </c>
      <c r="P12730" t="s">
        <v>86</v>
      </c>
      <c r="Q12730">
        <v>81</v>
      </c>
      <c r="R12730">
        <v>83</v>
      </c>
      <c r="S12730">
        <v>84</v>
      </c>
      <c r="T12730">
        <v>86</v>
      </c>
      <c r="U12730">
        <v>87</v>
      </c>
      <c r="V12730">
        <v>89</v>
      </c>
      <c r="W12730">
        <v>90</v>
      </c>
      <c r="X12730">
        <v>92</v>
      </c>
      <c r="Y12730">
        <v>94</v>
      </c>
      <c r="Z12730">
        <v>95</v>
      </c>
      <c r="AA12730">
        <v>97</v>
      </c>
      <c r="AB12730">
        <v>98</v>
      </c>
      <c r="AC12730">
        <v>100</v>
      </c>
      <c r="AD12730">
        <v>101</v>
      </c>
      <c r="AE12730">
        <v>103</v>
      </c>
      <c r="AF12730">
        <v>105</v>
      </c>
      <c r="AG12730">
        <v>106</v>
      </c>
      <c r="AH12730">
        <v>108</v>
      </c>
      <c r="AI12730">
        <v>109</v>
      </c>
      <c r="AJ12730">
        <v>111</v>
      </c>
      <c r="AK12730">
        <v>112</v>
      </c>
      <c r="AL12730">
        <v>113</v>
      </c>
      <c r="AM12730">
        <v>114</v>
      </c>
      <c r="AN12730">
        <v>114</v>
      </c>
      <c r="AO12730">
        <v>115</v>
      </c>
      <c r="AP12730">
        <v>115</v>
      </c>
      <c r="AQ12730">
        <v>116</v>
      </c>
    </row>
    <row r="12731" spans="1:43">
      <c r="A12731" t="s">
        <v>7906</v>
      </c>
      <c r="B12731" t="s">
        <v>7907</v>
      </c>
      <c r="C12731" t="s">
        <v>7894</v>
      </c>
      <c r="D12731" t="s">
        <v>7895</v>
      </c>
      <c r="E12731" t="s">
        <v>7646</v>
      </c>
      <c r="F12731" t="s">
        <v>7647</v>
      </c>
      <c r="G12731" t="s">
        <v>80</v>
      </c>
      <c r="H12731" t="s">
        <v>81</v>
      </c>
      <c r="I12731" s="2">
        <v>0</v>
      </c>
      <c r="J12731" s="2">
        <v>1</v>
      </c>
      <c r="K12731" s="2">
        <v>0</v>
      </c>
      <c r="L12731" t="s">
        <v>82</v>
      </c>
      <c r="M12731" t="s">
        <v>87</v>
      </c>
      <c r="N12731" t="s">
        <v>88</v>
      </c>
      <c r="O12731" t="s">
        <v>85</v>
      </c>
      <c r="P12731" t="s">
        <v>86</v>
      </c>
      <c r="Q12731">
        <v>81</v>
      </c>
      <c r="R12731">
        <v>82</v>
      </c>
      <c r="S12731">
        <v>83</v>
      </c>
      <c r="T12731">
        <v>84</v>
      </c>
      <c r="U12731">
        <v>84</v>
      </c>
      <c r="V12731">
        <v>85</v>
      </c>
      <c r="W12731">
        <v>86</v>
      </c>
      <c r="X12731">
        <v>87</v>
      </c>
      <c r="Y12731">
        <v>88</v>
      </c>
      <c r="Z12731">
        <v>88</v>
      </c>
      <c r="AA12731">
        <v>89</v>
      </c>
      <c r="AB12731">
        <v>90</v>
      </c>
      <c r="AC12731">
        <v>91</v>
      </c>
      <c r="AD12731">
        <v>91</v>
      </c>
      <c r="AE12731">
        <v>92</v>
      </c>
      <c r="AF12731">
        <v>93</v>
      </c>
      <c r="AG12731">
        <v>94</v>
      </c>
      <c r="AH12731">
        <v>95</v>
      </c>
      <c r="AI12731">
        <v>95</v>
      </c>
      <c r="AJ12731">
        <v>96</v>
      </c>
      <c r="AK12731">
        <v>97</v>
      </c>
      <c r="AL12731">
        <v>98</v>
      </c>
      <c r="AM12731">
        <v>99</v>
      </c>
      <c r="AN12731">
        <v>99</v>
      </c>
      <c r="AO12731">
        <v>100</v>
      </c>
      <c r="AP12731">
        <v>101</v>
      </c>
      <c r="AQ12731">
        <v>102</v>
      </c>
    </row>
    <row r="12732" spans="1:43">
      <c r="A12732" t="s">
        <v>7906</v>
      </c>
      <c r="B12732" t="s">
        <v>7907</v>
      </c>
      <c r="C12732" t="s">
        <v>7894</v>
      </c>
      <c r="D12732" t="s">
        <v>7895</v>
      </c>
      <c r="E12732" t="s">
        <v>7646</v>
      </c>
      <c r="F12732" t="s">
        <v>7647</v>
      </c>
      <c r="G12732" t="s">
        <v>80</v>
      </c>
      <c r="H12732" t="s">
        <v>81</v>
      </c>
      <c r="I12732" s="2">
        <v>0</v>
      </c>
      <c r="J12732" s="2">
        <v>1</v>
      </c>
      <c r="K12732" s="2">
        <v>0</v>
      </c>
      <c r="L12732" t="s">
        <v>82</v>
      </c>
      <c r="M12732" t="s">
        <v>89</v>
      </c>
      <c r="N12732" t="s">
        <v>90</v>
      </c>
      <c r="O12732" t="s">
        <v>85</v>
      </c>
      <c r="P12732" t="s">
        <v>86</v>
      </c>
      <c r="Q12732">
        <v>81</v>
      </c>
      <c r="R12732">
        <v>83</v>
      </c>
      <c r="S12732">
        <v>85</v>
      </c>
      <c r="T12732">
        <v>88</v>
      </c>
      <c r="U12732">
        <v>90</v>
      </c>
      <c r="V12732">
        <v>92</v>
      </c>
      <c r="W12732">
        <v>94</v>
      </c>
      <c r="X12732">
        <v>96</v>
      </c>
      <c r="Y12732">
        <v>98</v>
      </c>
      <c r="Z12732">
        <v>100</v>
      </c>
      <c r="AA12732">
        <v>102</v>
      </c>
      <c r="AB12732">
        <v>104</v>
      </c>
      <c r="AC12732">
        <v>106</v>
      </c>
      <c r="AD12732">
        <v>108</v>
      </c>
      <c r="AE12732">
        <v>109</v>
      </c>
      <c r="AF12732">
        <v>110</v>
      </c>
      <c r="AG12732">
        <v>110</v>
      </c>
      <c r="AH12732">
        <v>111</v>
      </c>
      <c r="AI12732">
        <v>111</v>
      </c>
      <c r="AJ12732">
        <v>112</v>
      </c>
      <c r="AK12732">
        <v>112</v>
      </c>
      <c r="AL12732">
        <v>113</v>
      </c>
      <c r="AM12732">
        <v>113</v>
      </c>
      <c r="AN12732">
        <v>114</v>
      </c>
      <c r="AO12732">
        <v>114</v>
      </c>
      <c r="AP12732">
        <v>115</v>
      </c>
      <c r="AQ12732">
        <v>115</v>
      </c>
    </row>
    <row r="12733" spans="1:43">
      <c r="A12733" t="s">
        <v>7906</v>
      </c>
      <c r="B12733" t="s">
        <v>7907</v>
      </c>
      <c r="C12733" t="s">
        <v>7894</v>
      </c>
      <c r="D12733" t="s">
        <v>7895</v>
      </c>
      <c r="E12733" t="s">
        <v>7646</v>
      </c>
      <c r="F12733" t="s">
        <v>7647</v>
      </c>
      <c r="G12733" t="s">
        <v>80</v>
      </c>
      <c r="H12733" t="s">
        <v>81</v>
      </c>
      <c r="I12733" s="2">
        <v>0</v>
      </c>
      <c r="J12733" s="2">
        <v>1</v>
      </c>
      <c r="K12733" s="2">
        <v>0</v>
      </c>
      <c r="L12733" t="s">
        <v>82</v>
      </c>
      <c r="M12733" t="s">
        <v>83</v>
      </c>
      <c r="N12733" t="s">
        <v>91</v>
      </c>
      <c r="O12733" t="s">
        <v>85</v>
      </c>
      <c r="P12733" t="s">
        <v>86</v>
      </c>
      <c r="Q12733">
        <v>81</v>
      </c>
      <c r="R12733">
        <v>83</v>
      </c>
      <c r="S12733">
        <v>84</v>
      </c>
      <c r="T12733">
        <v>86</v>
      </c>
      <c r="U12733">
        <v>87</v>
      </c>
      <c r="V12733">
        <v>89</v>
      </c>
      <c r="W12733">
        <v>90</v>
      </c>
      <c r="X12733">
        <v>92</v>
      </c>
      <c r="Y12733">
        <v>94</v>
      </c>
      <c r="Z12733">
        <v>95</v>
      </c>
      <c r="AA12733">
        <v>97</v>
      </c>
      <c r="AB12733">
        <v>98</v>
      </c>
      <c r="AC12733">
        <v>100</v>
      </c>
      <c r="AD12733">
        <v>101</v>
      </c>
      <c r="AE12733">
        <v>103</v>
      </c>
      <c r="AF12733">
        <v>105</v>
      </c>
      <c r="AG12733">
        <v>106</v>
      </c>
      <c r="AH12733">
        <v>108</v>
      </c>
      <c r="AI12733">
        <v>109</v>
      </c>
      <c r="AJ12733">
        <v>111</v>
      </c>
      <c r="AK12733">
        <v>112</v>
      </c>
      <c r="AL12733">
        <v>113</v>
      </c>
      <c r="AM12733">
        <v>114</v>
      </c>
      <c r="AN12733">
        <v>114</v>
      </c>
      <c r="AO12733">
        <v>115</v>
      </c>
      <c r="AP12733">
        <v>115</v>
      </c>
      <c r="AQ12733">
        <v>116</v>
      </c>
    </row>
    <row r="12734" spans="1:43">
      <c r="A12734" t="s">
        <v>7908</v>
      </c>
      <c r="B12734" t="s">
        <v>7909</v>
      </c>
      <c r="C12734" t="s">
        <v>7910</v>
      </c>
      <c r="D12734" t="s">
        <v>7911</v>
      </c>
      <c r="E12734" t="s">
        <v>7646</v>
      </c>
      <c r="F12734" t="s">
        <v>7647</v>
      </c>
      <c r="G12734" t="s">
        <v>80</v>
      </c>
      <c r="H12734" t="s">
        <v>81</v>
      </c>
      <c r="I12734" s="2">
        <v>0</v>
      </c>
      <c r="J12734" s="2">
        <v>1</v>
      </c>
      <c r="K12734" s="2">
        <v>0</v>
      </c>
      <c r="L12734" t="s">
        <v>82</v>
      </c>
      <c r="M12734" t="s">
        <v>83</v>
      </c>
      <c r="N12734" t="s">
        <v>84</v>
      </c>
      <c r="O12734" t="s">
        <v>85</v>
      </c>
      <c r="P12734" t="s">
        <v>86</v>
      </c>
      <c r="Q12734">
        <v>52</v>
      </c>
      <c r="R12734">
        <v>52</v>
      </c>
      <c r="S12734">
        <v>53</v>
      </c>
      <c r="T12734">
        <v>54</v>
      </c>
      <c r="U12734">
        <v>55</v>
      </c>
      <c r="V12734">
        <v>56</v>
      </c>
      <c r="W12734">
        <v>57</v>
      </c>
      <c r="X12734">
        <v>58</v>
      </c>
      <c r="Y12734">
        <v>59</v>
      </c>
      <c r="Z12734">
        <v>60</v>
      </c>
      <c r="AA12734">
        <v>61</v>
      </c>
      <c r="AB12734">
        <v>62</v>
      </c>
      <c r="AC12734">
        <v>63</v>
      </c>
      <c r="AD12734">
        <v>64</v>
      </c>
      <c r="AE12734">
        <v>65</v>
      </c>
      <c r="AF12734">
        <v>66</v>
      </c>
      <c r="AG12734">
        <v>67</v>
      </c>
      <c r="AH12734">
        <v>68</v>
      </c>
      <c r="AI12734">
        <v>69</v>
      </c>
      <c r="AJ12734">
        <v>70</v>
      </c>
      <c r="AK12734">
        <v>71</v>
      </c>
      <c r="AL12734">
        <v>72</v>
      </c>
      <c r="AM12734">
        <v>72</v>
      </c>
      <c r="AN12734">
        <v>72</v>
      </c>
      <c r="AO12734">
        <v>73</v>
      </c>
      <c r="AP12734">
        <v>73</v>
      </c>
      <c r="AQ12734">
        <v>73</v>
      </c>
    </row>
    <row r="12735" spans="1:43">
      <c r="A12735" t="s">
        <v>7908</v>
      </c>
      <c r="B12735" t="s">
        <v>7909</v>
      </c>
      <c r="C12735" t="s">
        <v>7910</v>
      </c>
      <c r="D12735" t="s">
        <v>7911</v>
      </c>
      <c r="E12735" t="s">
        <v>7646</v>
      </c>
      <c r="F12735" t="s">
        <v>7647</v>
      </c>
      <c r="G12735" t="s">
        <v>80</v>
      </c>
      <c r="H12735" t="s">
        <v>81</v>
      </c>
      <c r="I12735" s="2">
        <v>0</v>
      </c>
      <c r="J12735" s="2">
        <v>1</v>
      </c>
      <c r="K12735" s="2">
        <v>0</v>
      </c>
      <c r="L12735" t="s">
        <v>82</v>
      </c>
      <c r="M12735" t="s">
        <v>87</v>
      </c>
      <c r="N12735" t="s">
        <v>88</v>
      </c>
      <c r="O12735" t="s">
        <v>85</v>
      </c>
      <c r="P12735" t="s">
        <v>86</v>
      </c>
      <c r="Q12735">
        <v>52</v>
      </c>
      <c r="R12735">
        <v>53</v>
      </c>
      <c r="S12735">
        <v>53</v>
      </c>
      <c r="T12735">
        <v>53</v>
      </c>
      <c r="U12735">
        <v>54</v>
      </c>
      <c r="V12735">
        <v>54</v>
      </c>
      <c r="W12735">
        <v>55</v>
      </c>
      <c r="X12735">
        <v>55</v>
      </c>
      <c r="Y12735">
        <v>56</v>
      </c>
      <c r="Z12735">
        <v>56</v>
      </c>
      <c r="AA12735">
        <v>57</v>
      </c>
      <c r="AB12735">
        <v>57</v>
      </c>
      <c r="AC12735">
        <v>58</v>
      </c>
      <c r="AD12735">
        <v>58</v>
      </c>
      <c r="AE12735">
        <v>59</v>
      </c>
      <c r="AF12735">
        <v>59</v>
      </c>
      <c r="AG12735">
        <v>60</v>
      </c>
      <c r="AH12735">
        <v>60</v>
      </c>
      <c r="AI12735">
        <v>61</v>
      </c>
      <c r="AJ12735">
        <v>61</v>
      </c>
      <c r="AK12735">
        <v>62</v>
      </c>
      <c r="AL12735">
        <v>62</v>
      </c>
      <c r="AM12735">
        <v>63</v>
      </c>
      <c r="AN12735">
        <v>63</v>
      </c>
      <c r="AO12735">
        <v>64</v>
      </c>
      <c r="AP12735">
        <v>64</v>
      </c>
      <c r="AQ12735">
        <v>65</v>
      </c>
    </row>
    <row r="12736" spans="1:43">
      <c r="A12736" t="s">
        <v>7908</v>
      </c>
      <c r="B12736" t="s">
        <v>7909</v>
      </c>
      <c r="C12736" t="s">
        <v>7910</v>
      </c>
      <c r="D12736" t="s">
        <v>7911</v>
      </c>
      <c r="E12736" t="s">
        <v>7646</v>
      </c>
      <c r="F12736" t="s">
        <v>7647</v>
      </c>
      <c r="G12736" t="s">
        <v>80</v>
      </c>
      <c r="H12736" t="s">
        <v>81</v>
      </c>
      <c r="I12736" s="2">
        <v>0</v>
      </c>
      <c r="J12736" s="2">
        <v>1</v>
      </c>
      <c r="K12736" s="2">
        <v>0</v>
      </c>
      <c r="L12736" t="s">
        <v>82</v>
      </c>
      <c r="M12736" t="s">
        <v>89</v>
      </c>
      <c r="N12736" t="s">
        <v>90</v>
      </c>
      <c r="O12736" t="s">
        <v>85</v>
      </c>
      <c r="P12736" t="s">
        <v>86</v>
      </c>
      <c r="Q12736">
        <v>52</v>
      </c>
      <c r="R12736">
        <v>53</v>
      </c>
      <c r="S12736">
        <v>55</v>
      </c>
      <c r="T12736">
        <v>56</v>
      </c>
      <c r="U12736">
        <v>58</v>
      </c>
      <c r="V12736">
        <v>59</v>
      </c>
      <c r="W12736">
        <v>60</v>
      </c>
      <c r="X12736">
        <v>62</v>
      </c>
      <c r="Y12736">
        <v>63</v>
      </c>
      <c r="Z12736">
        <v>64</v>
      </c>
      <c r="AA12736">
        <v>65</v>
      </c>
      <c r="AB12736">
        <v>66</v>
      </c>
      <c r="AC12736">
        <v>68</v>
      </c>
      <c r="AD12736">
        <v>69</v>
      </c>
      <c r="AE12736">
        <v>70</v>
      </c>
      <c r="AF12736">
        <v>70</v>
      </c>
      <c r="AG12736">
        <v>71</v>
      </c>
      <c r="AH12736">
        <v>71</v>
      </c>
      <c r="AI12736">
        <v>71</v>
      </c>
      <c r="AJ12736">
        <v>71</v>
      </c>
      <c r="AK12736">
        <v>72</v>
      </c>
      <c r="AL12736">
        <v>72</v>
      </c>
      <c r="AM12736">
        <v>72</v>
      </c>
      <c r="AN12736">
        <v>73</v>
      </c>
      <c r="AO12736">
        <v>73</v>
      </c>
      <c r="AP12736">
        <v>73</v>
      </c>
      <c r="AQ12736">
        <v>74</v>
      </c>
    </row>
    <row r="12737" spans="1:43">
      <c r="A12737" t="s">
        <v>7908</v>
      </c>
      <c r="B12737" t="s">
        <v>7909</v>
      </c>
      <c r="C12737" t="s">
        <v>7910</v>
      </c>
      <c r="D12737" t="s">
        <v>7911</v>
      </c>
      <c r="E12737" t="s">
        <v>7646</v>
      </c>
      <c r="F12737" t="s">
        <v>7647</v>
      </c>
      <c r="G12737" t="s">
        <v>80</v>
      </c>
      <c r="H12737" t="s">
        <v>81</v>
      </c>
      <c r="I12737" s="2">
        <v>0</v>
      </c>
      <c r="J12737" s="2">
        <v>1</v>
      </c>
      <c r="K12737" s="2">
        <v>0</v>
      </c>
      <c r="L12737" t="s">
        <v>82</v>
      </c>
      <c r="M12737" t="s">
        <v>83</v>
      </c>
      <c r="N12737" t="s">
        <v>91</v>
      </c>
      <c r="O12737" t="s">
        <v>85</v>
      </c>
      <c r="P12737" t="s">
        <v>86</v>
      </c>
      <c r="Q12737">
        <v>52</v>
      </c>
      <c r="R12737">
        <v>52</v>
      </c>
      <c r="S12737">
        <v>53</v>
      </c>
      <c r="T12737">
        <v>54</v>
      </c>
      <c r="U12737">
        <v>55</v>
      </c>
      <c r="V12737">
        <v>56</v>
      </c>
      <c r="W12737">
        <v>57</v>
      </c>
      <c r="X12737">
        <v>58</v>
      </c>
      <c r="Y12737">
        <v>59</v>
      </c>
      <c r="Z12737">
        <v>60</v>
      </c>
      <c r="AA12737">
        <v>61</v>
      </c>
      <c r="AB12737">
        <v>62</v>
      </c>
      <c r="AC12737">
        <v>63</v>
      </c>
      <c r="AD12737">
        <v>64</v>
      </c>
      <c r="AE12737">
        <v>65</v>
      </c>
      <c r="AF12737">
        <v>66</v>
      </c>
      <c r="AG12737">
        <v>67</v>
      </c>
      <c r="AH12737">
        <v>68</v>
      </c>
      <c r="AI12737">
        <v>69</v>
      </c>
      <c r="AJ12737">
        <v>70</v>
      </c>
      <c r="AK12737">
        <v>71</v>
      </c>
      <c r="AL12737">
        <v>72</v>
      </c>
      <c r="AM12737">
        <v>72</v>
      </c>
      <c r="AN12737">
        <v>72</v>
      </c>
      <c r="AO12737">
        <v>73</v>
      </c>
      <c r="AP12737">
        <v>73</v>
      </c>
      <c r="AQ12737">
        <v>73</v>
      </c>
    </row>
    <row r="12738" spans="1:43">
      <c r="A12738" t="s">
        <v>7912</v>
      </c>
      <c r="B12738" t="s">
        <v>7913</v>
      </c>
      <c r="C12738" t="s">
        <v>7914</v>
      </c>
      <c r="D12738" t="s">
        <v>7915</v>
      </c>
      <c r="E12738" t="s">
        <v>7646</v>
      </c>
      <c r="F12738" t="s">
        <v>7647</v>
      </c>
      <c r="G12738" t="s">
        <v>80</v>
      </c>
      <c r="H12738" t="s">
        <v>81</v>
      </c>
      <c r="I12738" s="2">
        <v>0</v>
      </c>
      <c r="J12738" s="2">
        <v>1</v>
      </c>
      <c r="K12738" s="2">
        <v>0</v>
      </c>
      <c r="L12738" t="s">
        <v>82</v>
      </c>
      <c r="M12738" t="s">
        <v>83</v>
      </c>
      <c r="N12738" t="s">
        <v>84</v>
      </c>
      <c r="O12738" t="s">
        <v>85</v>
      </c>
      <c r="P12738" t="s">
        <v>86</v>
      </c>
      <c r="Q12738">
        <v>7</v>
      </c>
      <c r="R12738">
        <v>8</v>
      </c>
      <c r="S12738">
        <v>8</v>
      </c>
      <c r="T12738">
        <v>8</v>
      </c>
      <c r="U12738">
        <v>8</v>
      </c>
      <c r="V12738">
        <v>8</v>
      </c>
      <c r="W12738">
        <v>8</v>
      </c>
      <c r="X12738">
        <v>8</v>
      </c>
      <c r="Y12738">
        <v>9</v>
      </c>
      <c r="Z12738">
        <v>9</v>
      </c>
      <c r="AA12738">
        <v>9</v>
      </c>
      <c r="AB12738">
        <v>9</v>
      </c>
      <c r="AC12738">
        <v>9</v>
      </c>
      <c r="AD12738">
        <v>9</v>
      </c>
      <c r="AE12738">
        <v>9</v>
      </c>
      <c r="AF12738">
        <v>10</v>
      </c>
      <c r="AG12738">
        <v>10</v>
      </c>
      <c r="AH12738">
        <v>10</v>
      </c>
      <c r="AI12738">
        <v>10</v>
      </c>
      <c r="AJ12738">
        <v>10</v>
      </c>
      <c r="AK12738">
        <v>10</v>
      </c>
      <c r="AL12738">
        <v>10</v>
      </c>
      <c r="AM12738">
        <v>10</v>
      </c>
      <c r="AN12738">
        <v>10</v>
      </c>
      <c r="AO12738">
        <v>10</v>
      </c>
      <c r="AP12738">
        <v>10</v>
      </c>
      <c r="AQ12738">
        <v>11</v>
      </c>
    </row>
    <row r="12739" spans="1:43">
      <c r="A12739" t="s">
        <v>7912</v>
      </c>
      <c r="B12739" t="s">
        <v>7913</v>
      </c>
      <c r="C12739" t="s">
        <v>7914</v>
      </c>
      <c r="D12739" t="s">
        <v>7915</v>
      </c>
      <c r="E12739" t="s">
        <v>7646</v>
      </c>
      <c r="F12739" t="s">
        <v>7647</v>
      </c>
      <c r="G12739" t="s">
        <v>80</v>
      </c>
      <c r="H12739" t="s">
        <v>81</v>
      </c>
      <c r="I12739" s="2">
        <v>0</v>
      </c>
      <c r="J12739" s="2">
        <v>1</v>
      </c>
      <c r="K12739" s="2">
        <v>0</v>
      </c>
      <c r="L12739" t="s">
        <v>82</v>
      </c>
      <c r="M12739" t="s">
        <v>87</v>
      </c>
      <c r="N12739" t="s">
        <v>88</v>
      </c>
      <c r="O12739" t="s">
        <v>85</v>
      </c>
      <c r="P12739" t="s">
        <v>86</v>
      </c>
      <c r="Q12739">
        <v>7</v>
      </c>
      <c r="R12739">
        <v>7</v>
      </c>
      <c r="S12739">
        <v>7</v>
      </c>
      <c r="T12739">
        <v>8</v>
      </c>
      <c r="U12739">
        <v>8</v>
      </c>
      <c r="V12739">
        <v>8</v>
      </c>
      <c r="W12739">
        <v>8</v>
      </c>
      <c r="X12739">
        <v>8</v>
      </c>
      <c r="Y12739">
        <v>8</v>
      </c>
      <c r="Z12739">
        <v>8</v>
      </c>
      <c r="AA12739">
        <v>8</v>
      </c>
      <c r="AB12739">
        <v>8</v>
      </c>
      <c r="AC12739">
        <v>8</v>
      </c>
      <c r="AD12739">
        <v>8</v>
      </c>
      <c r="AE12739">
        <v>8</v>
      </c>
      <c r="AF12739">
        <v>8</v>
      </c>
      <c r="AG12739">
        <v>8</v>
      </c>
      <c r="AH12739">
        <v>9</v>
      </c>
      <c r="AI12739">
        <v>9</v>
      </c>
      <c r="AJ12739">
        <v>9</v>
      </c>
      <c r="AK12739">
        <v>9</v>
      </c>
      <c r="AL12739">
        <v>9</v>
      </c>
      <c r="AM12739">
        <v>9</v>
      </c>
      <c r="AN12739">
        <v>9</v>
      </c>
      <c r="AO12739">
        <v>9</v>
      </c>
      <c r="AP12739">
        <v>9</v>
      </c>
      <c r="AQ12739">
        <v>9</v>
      </c>
    </row>
    <row r="12740" spans="1:43">
      <c r="A12740" t="s">
        <v>7912</v>
      </c>
      <c r="B12740" t="s">
        <v>7913</v>
      </c>
      <c r="C12740" t="s">
        <v>7914</v>
      </c>
      <c r="D12740" t="s">
        <v>7915</v>
      </c>
      <c r="E12740" t="s">
        <v>7646</v>
      </c>
      <c r="F12740" t="s">
        <v>7647</v>
      </c>
      <c r="G12740" t="s">
        <v>80</v>
      </c>
      <c r="H12740" t="s">
        <v>81</v>
      </c>
      <c r="I12740" s="2">
        <v>0</v>
      </c>
      <c r="J12740" s="2">
        <v>1</v>
      </c>
      <c r="K12740" s="2">
        <v>0</v>
      </c>
      <c r="L12740" t="s">
        <v>82</v>
      </c>
      <c r="M12740" t="s">
        <v>89</v>
      </c>
      <c r="N12740" t="s">
        <v>90</v>
      </c>
      <c r="O12740" t="s">
        <v>85</v>
      </c>
      <c r="P12740" t="s">
        <v>86</v>
      </c>
      <c r="Q12740">
        <v>7</v>
      </c>
      <c r="R12740">
        <v>8</v>
      </c>
      <c r="S12740">
        <v>8</v>
      </c>
      <c r="T12740">
        <v>8</v>
      </c>
      <c r="U12740">
        <v>8</v>
      </c>
      <c r="V12740">
        <v>8</v>
      </c>
      <c r="W12740">
        <v>9</v>
      </c>
      <c r="X12740">
        <v>9</v>
      </c>
      <c r="Y12740">
        <v>9</v>
      </c>
      <c r="Z12740">
        <v>9</v>
      </c>
      <c r="AA12740">
        <v>9</v>
      </c>
      <c r="AB12740">
        <v>10</v>
      </c>
      <c r="AC12740">
        <v>10</v>
      </c>
      <c r="AD12740">
        <v>10</v>
      </c>
      <c r="AE12740">
        <v>10</v>
      </c>
      <c r="AF12740">
        <v>10</v>
      </c>
      <c r="AG12740">
        <v>10</v>
      </c>
      <c r="AH12740">
        <v>10</v>
      </c>
      <c r="AI12740">
        <v>10</v>
      </c>
      <c r="AJ12740">
        <v>10</v>
      </c>
      <c r="AK12740">
        <v>10</v>
      </c>
      <c r="AL12740">
        <v>10</v>
      </c>
      <c r="AM12740">
        <v>10</v>
      </c>
      <c r="AN12740">
        <v>10</v>
      </c>
      <c r="AO12740">
        <v>11</v>
      </c>
      <c r="AP12740">
        <v>11</v>
      </c>
      <c r="AQ12740">
        <v>11</v>
      </c>
    </row>
    <row r="12741" spans="1:43">
      <c r="A12741" t="s">
        <v>7912</v>
      </c>
      <c r="B12741" t="s">
        <v>7913</v>
      </c>
      <c r="C12741" t="s">
        <v>7914</v>
      </c>
      <c r="D12741" t="s">
        <v>7915</v>
      </c>
      <c r="E12741" t="s">
        <v>7646</v>
      </c>
      <c r="F12741" t="s">
        <v>7647</v>
      </c>
      <c r="G12741" t="s">
        <v>80</v>
      </c>
      <c r="H12741" t="s">
        <v>81</v>
      </c>
      <c r="I12741" s="2">
        <v>0</v>
      </c>
      <c r="J12741" s="2">
        <v>1</v>
      </c>
      <c r="K12741" s="2">
        <v>0</v>
      </c>
      <c r="L12741" t="s">
        <v>82</v>
      </c>
      <c r="M12741" t="s">
        <v>83</v>
      </c>
      <c r="N12741" t="s">
        <v>91</v>
      </c>
      <c r="O12741" t="s">
        <v>85</v>
      </c>
      <c r="P12741" t="s">
        <v>86</v>
      </c>
      <c r="Q12741">
        <v>7</v>
      </c>
      <c r="R12741">
        <v>8</v>
      </c>
      <c r="S12741">
        <v>8</v>
      </c>
      <c r="T12741">
        <v>8</v>
      </c>
      <c r="U12741">
        <v>8</v>
      </c>
      <c r="V12741">
        <v>8</v>
      </c>
      <c r="W12741">
        <v>8</v>
      </c>
      <c r="X12741">
        <v>8</v>
      </c>
      <c r="Y12741">
        <v>9</v>
      </c>
      <c r="Z12741">
        <v>9</v>
      </c>
      <c r="AA12741">
        <v>9</v>
      </c>
      <c r="AB12741">
        <v>9</v>
      </c>
      <c r="AC12741">
        <v>9</v>
      </c>
      <c r="AD12741">
        <v>9</v>
      </c>
      <c r="AE12741">
        <v>9</v>
      </c>
      <c r="AF12741">
        <v>10</v>
      </c>
      <c r="AG12741">
        <v>10</v>
      </c>
      <c r="AH12741">
        <v>10</v>
      </c>
      <c r="AI12741">
        <v>10</v>
      </c>
      <c r="AJ12741">
        <v>10</v>
      </c>
      <c r="AK12741">
        <v>10</v>
      </c>
      <c r="AL12741">
        <v>10</v>
      </c>
      <c r="AM12741">
        <v>10</v>
      </c>
      <c r="AN12741">
        <v>10</v>
      </c>
      <c r="AO12741">
        <v>10</v>
      </c>
      <c r="AP12741">
        <v>10</v>
      </c>
      <c r="AQ12741">
        <v>11</v>
      </c>
    </row>
    <row r="12742" spans="1:43">
      <c r="A12742" t="s">
        <v>7916</v>
      </c>
      <c r="B12742" t="s">
        <v>7917</v>
      </c>
      <c r="C12742" t="s">
        <v>7910</v>
      </c>
      <c r="D12742" t="s">
        <v>7911</v>
      </c>
      <c r="E12742" t="s">
        <v>7646</v>
      </c>
      <c r="F12742" t="s">
        <v>7647</v>
      </c>
      <c r="G12742" t="s">
        <v>80</v>
      </c>
      <c r="H12742" t="s">
        <v>81</v>
      </c>
      <c r="I12742" s="2">
        <v>0</v>
      </c>
      <c r="J12742" s="2">
        <v>1</v>
      </c>
      <c r="K12742" s="2">
        <v>0</v>
      </c>
      <c r="L12742" t="s">
        <v>82</v>
      </c>
      <c r="M12742" t="s">
        <v>83</v>
      </c>
      <c r="N12742" t="s">
        <v>84</v>
      </c>
      <c r="O12742" t="s">
        <v>85</v>
      </c>
      <c r="P12742" t="s">
        <v>86</v>
      </c>
      <c r="Q12742">
        <v>47</v>
      </c>
      <c r="R12742">
        <v>48</v>
      </c>
      <c r="S12742">
        <v>49</v>
      </c>
      <c r="T12742">
        <v>50</v>
      </c>
      <c r="U12742">
        <v>51</v>
      </c>
      <c r="V12742">
        <v>52</v>
      </c>
      <c r="W12742">
        <v>52</v>
      </c>
      <c r="X12742">
        <v>53</v>
      </c>
      <c r="Y12742">
        <v>54</v>
      </c>
      <c r="Z12742">
        <v>55</v>
      </c>
      <c r="AA12742">
        <v>56</v>
      </c>
      <c r="AB12742">
        <v>57</v>
      </c>
      <c r="AC12742">
        <v>58</v>
      </c>
      <c r="AD12742">
        <v>59</v>
      </c>
      <c r="AE12742">
        <v>60</v>
      </c>
      <c r="AF12742">
        <v>60</v>
      </c>
      <c r="AG12742">
        <v>61</v>
      </c>
      <c r="AH12742">
        <v>62</v>
      </c>
      <c r="AI12742">
        <v>63</v>
      </c>
      <c r="AJ12742">
        <v>64</v>
      </c>
      <c r="AK12742">
        <v>65</v>
      </c>
      <c r="AL12742">
        <v>65</v>
      </c>
      <c r="AM12742">
        <v>66</v>
      </c>
      <c r="AN12742">
        <v>66</v>
      </c>
      <c r="AO12742">
        <v>66</v>
      </c>
      <c r="AP12742">
        <v>67</v>
      </c>
      <c r="AQ12742">
        <v>67</v>
      </c>
    </row>
    <row r="12743" spans="1:43">
      <c r="A12743" t="s">
        <v>7916</v>
      </c>
      <c r="B12743" t="s">
        <v>7917</v>
      </c>
      <c r="C12743" t="s">
        <v>7910</v>
      </c>
      <c r="D12743" t="s">
        <v>7911</v>
      </c>
      <c r="E12743" t="s">
        <v>7646</v>
      </c>
      <c r="F12743" t="s">
        <v>7647</v>
      </c>
      <c r="G12743" t="s">
        <v>80</v>
      </c>
      <c r="H12743" t="s">
        <v>81</v>
      </c>
      <c r="I12743" s="2">
        <v>0</v>
      </c>
      <c r="J12743" s="2">
        <v>1</v>
      </c>
      <c r="K12743" s="2">
        <v>0</v>
      </c>
      <c r="L12743" t="s">
        <v>82</v>
      </c>
      <c r="M12743" t="s">
        <v>87</v>
      </c>
      <c r="N12743" t="s">
        <v>88</v>
      </c>
      <c r="O12743" t="s">
        <v>85</v>
      </c>
      <c r="P12743" t="s">
        <v>86</v>
      </c>
      <c r="Q12743">
        <v>47</v>
      </c>
      <c r="R12743">
        <v>47</v>
      </c>
      <c r="S12743">
        <v>48</v>
      </c>
      <c r="T12743">
        <v>48</v>
      </c>
      <c r="U12743">
        <v>48</v>
      </c>
      <c r="V12743">
        <v>49</v>
      </c>
      <c r="W12743">
        <v>49</v>
      </c>
      <c r="X12743">
        <v>50</v>
      </c>
      <c r="Y12743">
        <v>50</v>
      </c>
      <c r="Z12743">
        <v>51</v>
      </c>
      <c r="AA12743">
        <v>51</v>
      </c>
      <c r="AB12743">
        <v>51</v>
      </c>
      <c r="AC12743">
        <v>52</v>
      </c>
      <c r="AD12743">
        <v>52</v>
      </c>
      <c r="AE12743">
        <v>53</v>
      </c>
      <c r="AF12743">
        <v>53</v>
      </c>
      <c r="AG12743">
        <v>54</v>
      </c>
      <c r="AH12743">
        <v>54</v>
      </c>
      <c r="AI12743">
        <v>55</v>
      </c>
      <c r="AJ12743">
        <v>55</v>
      </c>
      <c r="AK12743">
        <v>55</v>
      </c>
      <c r="AL12743">
        <v>56</v>
      </c>
      <c r="AM12743">
        <v>56</v>
      </c>
      <c r="AN12743">
        <v>57</v>
      </c>
      <c r="AO12743">
        <v>57</v>
      </c>
      <c r="AP12743">
        <v>58</v>
      </c>
      <c r="AQ12743">
        <v>58</v>
      </c>
    </row>
    <row r="12744" spans="1:43">
      <c r="A12744" t="s">
        <v>7916</v>
      </c>
      <c r="B12744" t="s">
        <v>7917</v>
      </c>
      <c r="C12744" t="s">
        <v>7910</v>
      </c>
      <c r="D12744" t="s">
        <v>7911</v>
      </c>
      <c r="E12744" t="s">
        <v>7646</v>
      </c>
      <c r="F12744" t="s">
        <v>7647</v>
      </c>
      <c r="G12744" t="s">
        <v>80</v>
      </c>
      <c r="H12744" t="s">
        <v>81</v>
      </c>
      <c r="I12744" s="2">
        <v>0</v>
      </c>
      <c r="J12744" s="2">
        <v>1</v>
      </c>
      <c r="K12744" s="2">
        <v>0</v>
      </c>
      <c r="L12744" t="s">
        <v>82</v>
      </c>
      <c r="M12744" t="s">
        <v>89</v>
      </c>
      <c r="N12744" t="s">
        <v>90</v>
      </c>
      <c r="O12744" t="s">
        <v>85</v>
      </c>
      <c r="P12744" t="s">
        <v>86</v>
      </c>
      <c r="Q12744">
        <v>47</v>
      </c>
      <c r="R12744">
        <v>48</v>
      </c>
      <c r="S12744">
        <v>49</v>
      </c>
      <c r="T12744">
        <v>50</v>
      </c>
      <c r="U12744">
        <v>52</v>
      </c>
      <c r="V12744">
        <v>53</v>
      </c>
      <c r="W12744">
        <v>54</v>
      </c>
      <c r="X12744">
        <v>55</v>
      </c>
      <c r="Y12744">
        <v>56</v>
      </c>
      <c r="Z12744">
        <v>58</v>
      </c>
      <c r="AA12744">
        <v>59</v>
      </c>
      <c r="AB12744">
        <v>60</v>
      </c>
      <c r="AC12744">
        <v>61</v>
      </c>
      <c r="AD12744">
        <v>62</v>
      </c>
      <c r="AE12744">
        <v>63</v>
      </c>
      <c r="AF12744">
        <v>63</v>
      </c>
      <c r="AG12744">
        <v>63</v>
      </c>
      <c r="AH12744">
        <v>64</v>
      </c>
      <c r="AI12744">
        <v>64</v>
      </c>
      <c r="AJ12744">
        <v>64</v>
      </c>
      <c r="AK12744">
        <v>65</v>
      </c>
      <c r="AL12744">
        <v>65</v>
      </c>
      <c r="AM12744">
        <v>65</v>
      </c>
      <c r="AN12744">
        <v>65</v>
      </c>
      <c r="AO12744">
        <v>66</v>
      </c>
      <c r="AP12744">
        <v>66</v>
      </c>
      <c r="AQ12744">
        <v>66</v>
      </c>
    </row>
    <row r="12745" spans="1:43">
      <c r="A12745" t="s">
        <v>7916</v>
      </c>
      <c r="B12745" t="s">
        <v>7917</v>
      </c>
      <c r="C12745" t="s">
        <v>7910</v>
      </c>
      <c r="D12745" t="s">
        <v>7911</v>
      </c>
      <c r="E12745" t="s">
        <v>7646</v>
      </c>
      <c r="F12745" t="s">
        <v>7647</v>
      </c>
      <c r="G12745" t="s">
        <v>80</v>
      </c>
      <c r="H12745" t="s">
        <v>81</v>
      </c>
      <c r="I12745" s="2">
        <v>0</v>
      </c>
      <c r="J12745" s="2">
        <v>1</v>
      </c>
      <c r="K12745" s="2">
        <v>0</v>
      </c>
      <c r="L12745" t="s">
        <v>82</v>
      </c>
      <c r="M12745" t="s">
        <v>83</v>
      </c>
      <c r="N12745" t="s">
        <v>91</v>
      </c>
      <c r="O12745" t="s">
        <v>85</v>
      </c>
      <c r="P12745" t="s">
        <v>86</v>
      </c>
      <c r="Q12745">
        <v>47</v>
      </c>
      <c r="R12745">
        <v>48</v>
      </c>
      <c r="S12745">
        <v>49</v>
      </c>
      <c r="T12745">
        <v>50</v>
      </c>
      <c r="U12745">
        <v>51</v>
      </c>
      <c r="V12745">
        <v>52</v>
      </c>
      <c r="W12745">
        <v>52</v>
      </c>
      <c r="X12745">
        <v>53</v>
      </c>
      <c r="Y12745">
        <v>54</v>
      </c>
      <c r="Z12745">
        <v>55</v>
      </c>
      <c r="AA12745">
        <v>56</v>
      </c>
      <c r="AB12745">
        <v>57</v>
      </c>
      <c r="AC12745">
        <v>58</v>
      </c>
      <c r="AD12745">
        <v>59</v>
      </c>
      <c r="AE12745">
        <v>60</v>
      </c>
      <c r="AF12745">
        <v>60</v>
      </c>
      <c r="AG12745">
        <v>61</v>
      </c>
      <c r="AH12745">
        <v>62</v>
      </c>
      <c r="AI12745">
        <v>63</v>
      </c>
      <c r="AJ12745">
        <v>64</v>
      </c>
      <c r="AK12745">
        <v>65</v>
      </c>
      <c r="AL12745">
        <v>65</v>
      </c>
      <c r="AM12745">
        <v>66</v>
      </c>
      <c r="AN12745">
        <v>66</v>
      </c>
      <c r="AO12745">
        <v>66</v>
      </c>
      <c r="AP12745">
        <v>67</v>
      </c>
      <c r="AQ12745">
        <v>67</v>
      </c>
    </row>
    <row r="12746" spans="1:43">
      <c r="A12746" t="s">
        <v>7918</v>
      </c>
      <c r="B12746" t="s">
        <v>7919</v>
      </c>
      <c r="C12746" t="s">
        <v>7910</v>
      </c>
      <c r="D12746" t="s">
        <v>7911</v>
      </c>
      <c r="E12746" t="s">
        <v>7646</v>
      </c>
      <c r="F12746" t="s">
        <v>7647</v>
      </c>
      <c r="G12746" t="s">
        <v>80</v>
      </c>
      <c r="H12746" t="s">
        <v>81</v>
      </c>
      <c r="I12746" s="2">
        <v>0</v>
      </c>
      <c r="J12746" s="2">
        <v>1</v>
      </c>
      <c r="K12746" s="2">
        <v>0</v>
      </c>
      <c r="L12746" t="s">
        <v>82</v>
      </c>
      <c r="M12746" t="s">
        <v>83</v>
      </c>
      <c r="N12746" t="s">
        <v>84</v>
      </c>
      <c r="O12746" t="s">
        <v>85</v>
      </c>
      <c r="P12746" t="s">
        <v>86</v>
      </c>
      <c r="Q12746">
        <v>4</v>
      </c>
      <c r="R12746">
        <v>4</v>
      </c>
      <c r="S12746">
        <v>4</v>
      </c>
      <c r="T12746">
        <v>4</v>
      </c>
      <c r="U12746">
        <v>4</v>
      </c>
      <c r="V12746">
        <v>5</v>
      </c>
      <c r="W12746">
        <v>5</v>
      </c>
      <c r="X12746">
        <v>5</v>
      </c>
      <c r="Y12746">
        <v>5</v>
      </c>
      <c r="Z12746">
        <v>5</v>
      </c>
      <c r="AA12746">
        <v>5</v>
      </c>
      <c r="AB12746">
        <v>5</v>
      </c>
      <c r="AC12746">
        <v>5</v>
      </c>
      <c r="AD12746">
        <v>5</v>
      </c>
      <c r="AE12746">
        <v>5</v>
      </c>
      <c r="AF12746">
        <v>5</v>
      </c>
      <c r="AG12746">
        <v>5</v>
      </c>
      <c r="AH12746">
        <v>5</v>
      </c>
      <c r="AI12746">
        <v>6</v>
      </c>
      <c r="AJ12746">
        <v>6</v>
      </c>
      <c r="AK12746">
        <v>6</v>
      </c>
      <c r="AL12746">
        <v>6</v>
      </c>
      <c r="AM12746">
        <v>6</v>
      </c>
      <c r="AN12746">
        <v>6</v>
      </c>
      <c r="AO12746">
        <v>6</v>
      </c>
      <c r="AP12746">
        <v>6</v>
      </c>
      <c r="AQ12746">
        <v>6</v>
      </c>
    </row>
    <row r="12747" spans="1:43">
      <c r="A12747" t="s">
        <v>7918</v>
      </c>
      <c r="B12747" t="s">
        <v>7919</v>
      </c>
      <c r="C12747" t="s">
        <v>7910</v>
      </c>
      <c r="D12747" t="s">
        <v>7911</v>
      </c>
      <c r="E12747" t="s">
        <v>7646</v>
      </c>
      <c r="F12747" t="s">
        <v>7647</v>
      </c>
      <c r="G12747" t="s">
        <v>80</v>
      </c>
      <c r="H12747" t="s">
        <v>81</v>
      </c>
      <c r="I12747" s="2">
        <v>0</v>
      </c>
      <c r="J12747" s="2">
        <v>1</v>
      </c>
      <c r="K12747" s="2">
        <v>0</v>
      </c>
      <c r="L12747" t="s">
        <v>82</v>
      </c>
      <c r="M12747" t="s">
        <v>87</v>
      </c>
      <c r="N12747" t="s">
        <v>88</v>
      </c>
      <c r="O12747" t="s">
        <v>85</v>
      </c>
      <c r="P12747" t="s">
        <v>86</v>
      </c>
      <c r="Q12747">
        <v>4</v>
      </c>
      <c r="R12747">
        <v>4</v>
      </c>
      <c r="S12747">
        <v>4</v>
      </c>
      <c r="T12747">
        <v>4</v>
      </c>
      <c r="U12747">
        <v>4</v>
      </c>
      <c r="V12747">
        <v>4</v>
      </c>
      <c r="W12747">
        <v>4</v>
      </c>
      <c r="X12747">
        <v>4</v>
      </c>
      <c r="Y12747">
        <v>4</v>
      </c>
      <c r="Z12747">
        <v>4</v>
      </c>
      <c r="AA12747">
        <v>4</v>
      </c>
      <c r="AB12747">
        <v>5</v>
      </c>
      <c r="AC12747">
        <v>5</v>
      </c>
      <c r="AD12747">
        <v>5</v>
      </c>
      <c r="AE12747">
        <v>5</v>
      </c>
      <c r="AF12747">
        <v>5</v>
      </c>
      <c r="AG12747">
        <v>5</v>
      </c>
      <c r="AH12747">
        <v>5</v>
      </c>
      <c r="AI12747">
        <v>5</v>
      </c>
      <c r="AJ12747">
        <v>5</v>
      </c>
      <c r="AK12747">
        <v>5</v>
      </c>
      <c r="AL12747">
        <v>5</v>
      </c>
      <c r="AM12747">
        <v>5</v>
      </c>
      <c r="AN12747">
        <v>5</v>
      </c>
      <c r="AO12747">
        <v>5</v>
      </c>
      <c r="AP12747">
        <v>5</v>
      </c>
      <c r="AQ12747">
        <v>5</v>
      </c>
    </row>
    <row r="12748" spans="1:43">
      <c r="A12748" t="s">
        <v>7918</v>
      </c>
      <c r="B12748" t="s">
        <v>7919</v>
      </c>
      <c r="C12748" t="s">
        <v>7910</v>
      </c>
      <c r="D12748" t="s">
        <v>7911</v>
      </c>
      <c r="E12748" t="s">
        <v>7646</v>
      </c>
      <c r="F12748" t="s">
        <v>7647</v>
      </c>
      <c r="G12748" t="s">
        <v>80</v>
      </c>
      <c r="H12748" t="s">
        <v>81</v>
      </c>
      <c r="I12748" s="2">
        <v>0</v>
      </c>
      <c r="J12748" s="2">
        <v>1</v>
      </c>
      <c r="K12748" s="2">
        <v>0</v>
      </c>
      <c r="L12748" t="s">
        <v>82</v>
      </c>
      <c r="M12748" t="s">
        <v>89</v>
      </c>
      <c r="N12748" t="s">
        <v>90</v>
      </c>
      <c r="O12748" t="s">
        <v>85</v>
      </c>
      <c r="P12748" t="s">
        <v>86</v>
      </c>
      <c r="Q12748">
        <v>4</v>
      </c>
      <c r="R12748">
        <v>4</v>
      </c>
      <c r="S12748">
        <v>4</v>
      </c>
      <c r="T12748">
        <v>5</v>
      </c>
      <c r="U12748">
        <v>5</v>
      </c>
      <c r="V12748">
        <v>5</v>
      </c>
      <c r="W12748">
        <v>5</v>
      </c>
      <c r="X12748">
        <v>5</v>
      </c>
      <c r="Y12748">
        <v>5</v>
      </c>
      <c r="Z12748">
        <v>5</v>
      </c>
      <c r="AA12748">
        <v>5</v>
      </c>
      <c r="AB12748">
        <v>5</v>
      </c>
      <c r="AC12748">
        <v>5</v>
      </c>
      <c r="AD12748">
        <v>6</v>
      </c>
      <c r="AE12748">
        <v>6</v>
      </c>
      <c r="AF12748">
        <v>6</v>
      </c>
      <c r="AG12748">
        <v>6</v>
      </c>
      <c r="AH12748">
        <v>6</v>
      </c>
      <c r="AI12748">
        <v>6</v>
      </c>
      <c r="AJ12748">
        <v>6</v>
      </c>
      <c r="AK12748">
        <v>6</v>
      </c>
      <c r="AL12748">
        <v>6</v>
      </c>
      <c r="AM12748">
        <v>6</v>
      </c>
      <c r="AN12748">
        <v>6</v>
      </c>
      <c r="AO12748">
        <v>6</v>
      </c>
      <c r="AP12748">
        <v>6</v>
      </c>
      <c r="AQ12748">
        <v>6</v>
      </c>
    </row>
    <row r="12749" spans="1:43">
      <c r="A12749" t="s">
        <v>7918</v>
      </c>
      <c r="B12749" t="s">
        <v>7919</v>
      </c>
      <c r="C12749" t="s">
        <v>7910</v>
      </c>
      <c r="D12749" t="s">
        <v>7911</v>
      </c>
      <c r="E12749" t="s">
        <v>7646</v>
      </c>
      <c r="F12749" t="s">
        <v>7647</v>
      </c>
      <c r="G12749" t="s">
        <v>80</v>
      </c>
      <c r="H12749" t="s">
        <v>81</v>
      </c>
      <c r="I12749" s="2">
        <v>0</v>
      </c>
      <c r="J12749" s="2">
        <v>1</v>
      </c>
      <c r="K12749" s="2">
        <v>0</v>
      </c>
      <c r="L12749" t="s">
        <v>82</v>
      </c>
      <c r="M12749" t="s">
        <v>83</v>
      </c>
      <c r="N12749" t="s">
        <v>91</v>
      </c>
      <c r="O12749" t="s">
        <v>85</v>
      </c>
      <c r="P12749" t="s">
        <v>86</v>
      </c>
      <c r="Q12749">
        <v>4</v>
      </c>
      <c r="R12749">
        <v>4</v>
      </c>
      <c r="S12749">
        <v>4</v>
      </c>
      <c r="T12749">
        <v>4</v>
      </c>
      <c r="U12749">
        <v>4</v>
      </c>
      <c r="V12749">
        <v>5</v>
      </c>
      <c r="W12749">
        <v>5</v>
      </c>
      <c r="X12749">
        <v>5</v>
      </c>
      <c r="Y12749">
        <v>5</v>
      </c>
      <c r="Z12749">
        <v>5</v>
      </c>
      <c r="AA12749">
        <v>5</v>
      </c>
      <c r="AB12749">
        <v>5</v>
      </c>
      <c r="AC12749">
        <v>5</v>
      </c>
      <c r="AD12749">
        <v>5</v>
      </c>
      <c r="AE12749">
        <v>5</v>
      </c>
      <c r="AF12749">
        <v>5</v>
      </c>
      <c r="AG12749">
        <v>5</v>
      </c>
      <c r="AH12749">
        <v>5</v>
      </c>
      <c r="AI12749">
        <v>6</v>
      </c>
      <c r="AJ12749">
        <v>6</v>
      </c>
      <c r="AK12749">
        <v>6</v>
      </c>
      <c r="AL12749">
        <v>6</v>
      </c>
      <c r="AM12749">
        <v>6</v>
      </c>
      <c r="AN12749">
        <v>6</v>
      </c>
      <c r="AO12749">
        <v>6</v>
      </c>
      <c r="AP12749">
        <v>6</v>
      </c>
      <c r="AQ12749">
        <v>6</v>
      </c>
    </row>
    <row r="12750" spans="1:43">
      <c r="A12750" t="s">
        <v>7920</v>
      </c>
      <c r="B12750" t="s">
        <v>7921</v>
      </c>
      <c r="C12750" t="s">
        <v>7914</v>
      </c>
      <c r="D12750" t="s">
        <v>7915</v>
      </c>
      <c r="E12750" t="s">
        <v>7646</v>
      </c>
      <c r="F12750" t="s">
        <v>7647</v>
      </c>
      <c r="G12750" t="s">
        <v>80</v>
      </c>
      <c r="H12750" t="s">
        <v>81</v>
      </c>
      <c r="I12750" s="2">
        <v>0</v>
      </c>
      <c r="J12750" s="2">
        <v>1</v>
      </c>
      <c r="K12750" s="2">
        <v>0</v>
      </c>
      <c r="L12750" t="s">
        <v>82</v>
      </c>
      <c r="M12750" t="s">
        <v>83</v>
      </c>
      <c r="N12750" t="s">
        <v>84</v>
      </c>
      <c r="O12750" t="s">
        <v>85</v>
      </c>
      <c r="P12750" t="s">
        <v>86</v>
      </c>
      <c r="Q12750">
        <v>10</v>
      </c>
      <c r="R12750">
        <v>10</v>
      </c>
      <c r="S12750">
        <v>10</v>
      </c>
      <c r="T12750">
        <v>10</v>
      </c>
      <c r="U12750">
        <v>10</v>
      </c>
      <c r="V12750">
        <v>11</v>
      </c>
      <c r="W12750">
        <v>11</v>
      </c>
      <c r="X12750">
        <v>11</v>
      </c>
      <c r="Y12750">
        <v>11</v>
      </c>
      <c r="Z12750">
        <v>11</v>
      </c>
      <c r="AA12750">
        <v>11</v>
      </c>
      <c r="AB12750">
        <v>12</v>
      </c>
      <c r="AC12750">
        <v>12</v>
      </c>
      <c r="AD12750">
        <v>12</v>
      </c>
      <c r="AE12750">
        <v>12</v>
      </c>
      <c r="AF12750">
        <v>12</v>
      </c>
      <c r="AG12750">
        <v>13</v>
      </c>
      <c r="AH12750">
        <v>13</v>
      </c>
      <c r="AI12750">
        <v>13</v>
      </c>
      <c r="AJ12750">
        <v>13</v>
      </c>
      <c r="AK12750">
        <v>13</v>
      </c>
      <c r="AL12750">
        <v>13</v>
      </c>
      <c r="AM12750">
        <v>13</v>
      </c>
      <c r="AN12750">
        <v>13</v>
      </c>
      <c r="AO12750">
        <v>14</v>
      </c>
      <c r="AP12750">
        <v>14</v>
      </c>
      <c r="AQ12750">
        <v>14</v>
      </c>
    </row>
    <row r="12751" spans="1:43">
      <c r="A12751" t="s">
        <v>7920</v>
      </c>
      <c r="B12751" t="s">
        <v>7921</v>
      </c>
      <c r="C12751" t="s">
        <v>7914</v>
      </c>
      <c r="D12751" t="s">
        <v>7915</v>
      </c>
      <c r="E12751" t="s">
        <v>7646</v>
      </c>
      <c r="F12751" t="s">
        <v>7647</v>
      </c>
      <c r="G12751" t="s">
        <v>80</v>
      </c>
      <c r="H12751" t="s">
        <v>81</v>
      </c>
      <c r="I12751" s="2">
        <v>0</v>
      </c>
      <c r="J12751" s="2">
        <v>1</v>
      </c>
      <c r="K12751" s="2">
        <v>0</v>
      </c>
      <c r="L12751" t="s">
        <v>82</v>
      </c>
      <c r="M12751" t="s">
        <v>87</v>
      </c>
      <c r="N12751" t="s">
        <v>88</v>
      </c>
      <c r="O12751" t="s">
        <v>85</v>
      </c>
      <c r="P12751" t="s">
        <v>86</v>
      </c>
      <c r="Q12751">
        <v>10</v>
      </c>
      <c r="R12751">
        <v>10</v>
      </c>
      <c r="S12751">
        <v>10</v>
      </c>
      <c r="T12751">
        <v>10</v>
      </c>
      <c r="U12751">
        <v>10</v>
      </c>
      <c r="V12751">
        <v>10</v>
      </c>
      <c r="W12751">
        <v>10</v>
      </c>
      <c r="X12751">
        <v>10</v>
      </c>
      <c r="Y12751">
        <v>10</v>
      </c>
      <c r="Z12751">
        <v>10</v>
      </c>
      <c r="AA12751">
        <v>10</v>
      </c>
      <c r="AB12751">
        <v>11</v>
      </c>
      <c r="AC12751">
        <v>11</v>
      </c>
      <c r="AD12751">
        <v>11</v>
      </c>
      <c r="AE12751">
        <v>11</v>
      </c>
      <c r="AF12751">
        <v>11</v>
      </c>
      <c r="AG12751">
        <v>11</v>
      </c>
      <c r="AH12751">
        <v>11</v>
      </c>
      <c r="AI12751">
        <v>11</v>
      </c>
      <c r="AJ12751">
        <v>11</v>
      </c>
      <c r="AK12751">
        <v>11</v>
      </c>
      <c r="AL12751">
        <v>11</v>
      </c>
      <c r="AM12751">
        <v>12</v>
      </c>
      <c r="AN12751">
        <v>12</v>
      </c>
      <c r="AO12751">
        <v>12</v>
      </c>
      <c r="AP12751">
        <v>12</v>
      </c>
      <c r="AQ12751">
        <v>12</v>
      </c>
    </row>
    <row r="12752" spans="1:43">
      <c r="A12752" t="s">
        <v>7920</v>
      </c>
      <c r="B12752" t="s">
        <v>7921</v>
      </c>
      <c r="C12752" t="s">
        <v>7914</v>
      </c>
      <c r="D12752" t="s">
        <v>7915</v>
      </c>
      <c r="E12752" t="s">
        <v>7646</v>
      </c>
      <c r="F12752" t="s">
        <v>7647</v>
      </c>
      <c r="G12752" t="s">
        <v>80</v>
      </c>
      <c r="H12752" t="s">
        <v>81</v>
      </c>
      <c r="I12752" s="2">
        <v>0</v>
      </c>
      <c r="J12752" s="2">
        <v>1</v>
      </c>
      <c r="K12752" s="2">
        <v>0</v>
      </c>
      <c r="L12752" t="s">
        <v>82</v>
      </c>
      <c r="M12752" t="s">
        <v>89</v>
      </c>
      <c r="N12752" t="s">
        <v>90</v>
      </c>
      <c r="O12752" t="s">
        <v>85</v>
      </c>
      <c r="P12752" t="s">
        <v>86</v>
      </c>
      <c r="Q12752">
        <v>10</v>
      </c>
      <c r="R12752">
        <v>10</v>
      </c>
      <c r="S12752">
        <v>10</v>
      </c>
      <c r="T12752">
        <v>10</v>
      </c>
      <c r="U12752">
        <v>11</v>
      </c>
      <c r="V12752">
        <v>11</v>
      </c>
      <c r="W12752">
        <v>11</v>
      </c>
      <c r="X12752">
        <v>11</v>
      </c>
      <c r="Y12752">
        <v>12</v>
      </c>
      <c r="Z12752">
        <v>12</v>
      </c>
      <c r="AA12752">
        <v>12</v>
      </c>
      <c r="AB12752">
        <v>12</v>
      </c>
      <c r="AC12752">
        <v>13</v>
      </c>
      <c r="AD12752">
        <v>13</v>
      </c>
      <c r="AE12752">
        <v>13</v>
      </c>
      <c r="AF12752">
        <v>13</v>
      </c>
      <c r="AG12752">
        <v>13</v>
      </c>
      <c r="AH12752">
        <v>13</v>
      </c>
      <c r="AI12752">
        <v>13</v>
      </c>
      <c r="AJ12752">
        <v>13</v>
      </c>
      <c r="AK12752">
        <v>13</v>
      </c>
      <c r="AL12752">
        <v>13</v>
      </c>
      <c r="AM12752">
        <v>14</v>
      </c>
      <c r="AN12752">
        <v>14</v>
      </c>
      <c r="AO12752">
        <v>14</v>
      </c>
      <c r="AP12752">
        <v>14</v>
      </c>
      <c r="AQ12752">
        <v>14</v>
      </c>
    </row>
    <row r="12753" spans="1:43">
      <c r="A12753" t="s">
        <v>7920</v>
      </c>
      <c r="B12753" t="s">
        <v>7921</v>
      </c>
      <c r="C12753" t="s">
        <v>7914</v>
      </c>
      <c r="D12753" t="s">
        <v>7915</v>
      </c>
      <c r="E12753" t="s">
        <v>7646</v>
      </c>
      <c r="F12753" t="s">
        <v>7647</v>
      </c>
      <c r="G12753" t="s">
        <v>80</v>
      </c>
      <c r="H12753" t="s">
        <v>81</v>
      </c>
      <c r="I12753" s="2">
        <v>0</v>
      </c>
      <c r="J12753" s="2">
        <v>1</v>
      </c>
      <c r="K12753" s="2">
        <v>0</v>
      </c>
      <c r="L12753" t="s">
        <v>82</v>
      </c>
      <c r="M12753" t="s">
        <v>83</v>
      </c>
      <c r="N12753" t="s">
        <v>91</v>
      </c>
      <c r="O12753" t="s">
        <v>85</v>
      </c>
      <c r="P12753" t="s">
        <v>86</v>
      </c>
      <c r="Q12753">
        <v>10</v>
      </c>
      <c r="R12753">
        <v>10</v>
      </c>
      <c r="S12753">
        <v>10</v>
      </c>
      <c r="T12753">
        <v>10</v>
      </c>
      <c r="U12753">
        <v>10</v>
      </c>
      <c r="V12753">
        <v>11</v>
      </c>
      <c r="W12753">
        <v>11</v>
      </c>
      <c r="X12753">
        <v>11</v>
      </c>
      <c r="Y12753">
        <v>11</v>
      </c>
      <c r="Z12753">
        <v>11</v>
      </c>
      <c r="AA12753">
        <v>11</v>
      </c>
      <c r="AB12753">
        <v>12</v>
      </c>
      <c r="AC12753">
        <v>12</v>
      </c>
      <c r="AD12753">
        <v>12</v>
      </c>
      <c r="AE12753">
        <v>12</v>
      </c>
      <c r="AF12753">
        <v>12</v>
      </c>
      <c r="AG12753">
        <v>13</v>
      </c>
      <c r="AH12753">
        <v>13</v>
      </c>
      <c r="AI12753">
        <v>13</v>
      </c>
      <c r="AJ12753">
        <v>13</v>
      </c>
      <c r="AK12753">
        <v>13</v>
      </c>
      <c r="AL12753">
        <v>13</v>
      </c>
      <c r="AM12753">
        <v>13</v>
      </c>
      <c r="AN12753">
        <v>13</v>
      </c>
      <c r="AO12753">
        <v>14</v>
      </c>
      <c r="AP12753">
        <v>14</v>
      </c>
      <c r="AQ12753">
        <v>14</v>
      </c>
    </row>
    <row r="12754" spans="1:43">
      <c r="A12754" t="s">
        <v>7922</v>
      </c>
      <c r="B12754" t="s">
        <v>7923</v>
      </c>
      <c r="C12754" t="s">
        <v>7914</v>
      </c>
      <c r="D12754" t="s">
        <v>7915</v>
      </c>
      <c r="E12754" t="s">
        <v>7646</v>
      </c>
      <c r="F12754" t="s">
        <v>7647</v>
      </c>
      <c r="G12754" t="s">
        <v>80</v>
      </c>
      <c r="H12754" t="s">
        <v>81</v>
      </c>
      <c r="I12754" s="2">
        <v>0</v>
      </c>
      <c r="J12754" s="2">
        <v>1</v>
      </c>
      <c r="K12754" s="2">
        <v>0</v>
      </c>
      <c r="L12754" t="s">
        <v>82</v>
      </c>
      <c r="M12754" t="s">
        <v>83</v>
      </c>
      <c r="N12754" t="s">
        <v>84</v>
      </c>
      <c r="O12754" t="s">
        <v>85</v>
      </c>
      <c r="P12754" t="s">
        <v>86</v>
      </c>
      <c r="Q12754">
        <v>33</v>
      </c>
      <c r="R12754">
        <v>33</v>
      </c>
      <c r="S12754">
        <v>34</v>
      </c>
      <c r="T12754">
        <v>35</v>
      </c>
      <c r="U12754">
        <v>35</v>
      </c>
      <c r="V12754">
        <v>36</v>
      </c>
      <c r="W12754">
        <v>37</v>
      </c>
      <c r="X12754">
        <v>37</v>
      </c>
      <c r="Y12754">
        <v>38</v>
      </c>
      <c r="Z12754">
        <v>38</v>
      </c>
      <c r="AA12754">
        <v>39</v>
      </c>
      <c r="AB12754">
        <v>40</v>
      </c>
      <c r="AC12754">
        <v>40</v>
      </c>
      <c r="AD12754">
        <v>41</v>
      </c>
      <c r="AE12754">
        <v>42</v>
      </c>
      <c r="AF12754">
        <v>42</v>
      </c>
      <c r="AG12754">
        <v>43</v>
      </c>
      <c r="AH12754">
        <v>43</v>
      </c>
      <c r="AI12754">
        <v>44</v>
      </c>
      <c r="AJ12754">
        <v>45</v>
      </c>
      <c r="AK12754">
        <v>45</v>
      </c>
      <c r="AL12754">
        <v>46</v>
      </c>
      <c r="AM12754">
        <v>46</v>
      </c>
      <c r="AN12754">
        <v>46</v>
      </c>
      <c r="AO12754">
        <v>46</v>
      </c>
      <c r="AP12754">
        <v>46</v>
      </c>
      <c r="AQ12754">
        <v>47</v>
      </c>
    </row>
    <row r="12755" spans="1:43">
      <c r="A12755" t="s">
        <v>7922</v>
      </c>
      <c r="B12755" t="s">
        <v>7923</v>
      </c>
      <c r="C12755" t="s">
        <v>7914</v>
      </c>
      <c r="D12755" t="s">
        <v>7915</v>
      </c>
      <c r="E12755" t="s">
        <v>7646</v>
      </c>
      <c r="F12755" t="s">
        <v>7647</v>
      </c>
      <c r="G12755" t="s">
        <v>80</v>
      </c>
      <c r="H12755" t="s">
        <v>81</v>
      </c>
      <c r="I12755" s="2">
        <v>0</v>
      </c>
      <c r="J12755" s="2">
        <v>1</v>
      </c>
      <c r="K12755" s="2">
        <v>0</v>
      </c>
      <c r="L12755" t="s">
        <v>82</v>
      </c>
      <c r="M12755" t="s">
        <v>87</v>
      </c>
      <c r="N12755" t="s">
        <v>88</v>
      </c>
      <c r="O12755" t="s">
        <v>85</v>
      </c>
      <c r="P12755" t="s">
        <v>86</v>
      </c>
      <c r="Q12755">
        <v>33</v>
      </c>
      <c r="R12755">
        <v>33</v>
      </c>
      <c r="S12755">
        <v>33</v>
      </c>
      <c r="T12755">
        <v>33</v>
      </c>
      <c r="U12755">
        <v>34</v>
      </c>
      <c r="V12755">
        <v>34</v>
      </c>
      <c r="W12755">
        <v>34</v>
      </c>
      <c r="X12755">
        <v>35</v>
      </c>
      <c r="Y12755">
        <v>35</v>
      </c>
      <c r="Z12755">
        <v>35</v>
      </c>
      <c r="AA12755">
        <v>36</v>
      </c>
      <c r="AB12755">
        <v>36</v>
      </c>
      <c r="AC12755">
        <v>36</v>
      </c>
      <c r="AD12755">
        <v>36</v>
      </c>
      <c r="AE12755">
        <v>37</v>
      </c>
      <c r="AF12755">
        <v>37</v>
      </c>
      <c r="AG12755">
        <v>37</v>
      </c>
      <c r="AH12755">
        <v>38</v>
      </c>
      <c r="AI12755">
        <v>38</v>
      </c>
      <c r="AJ12755">
        <v>38</v>
      </c>
      <c r="AK12755">
        <v>39</v>
      </c>
      <c r="AL12755">
        <v>39</v>
      </c>
      <c r="AM12755">
        <v>39</v>
      </c>
      <c r="AN12755">
        <v>40</v>
      </c>
      <c r="AO12755">
        <v>40</v>
      </c>
      <c r="AP12755">
        <v>40</v>
      </c>
      <c r="AQ12755">
        <v>40</v>
      </c>
    </row>
    <row r="12756" spans="1:43">
      <c r="A12756" t="s">
        <v>7922</v>
      </c>
      <c r="B12756" t="s">
        <v>7923</v>
      </c>
      <c r="C12756" t="s">
        <v>7914</v>
      </c>
      <c r="D12756" t="s">
        <v>7915</v>
      </c>
      <c r="E12756" t="s">
        <v>7646</v>
      </c>
      <c r="F12756" t="s">
        <v>7647</v>
      </c>
      <c r="G12756" t="s">
        <v>80</v>
      </c>
      <c r="H12756" t="s">
        <v>81</v>
      </c>
      <c r="I12756" s="2">
        <v>0</v>
      </c>
      <c r="J12756" s="2">
        <v>1</v>
      </c>
      <c r="K12756" s="2">
        <v>0</v>
      </c>
      <c r="L12756" t="s">
        <v>82</v>
      </c>
      <c r="M12756" t="s">
        <v>89</v>
      </c>
      <c r="N12756" t="s">
        <v>90</v>
      </c>
      <c r="O12756" t="s">
        <v>85</v>
      </c>
      <c r="P12756" t="s">
        <v>86</v>
      </c>
      <c r="Q12756">
        <v>33</v>
      </c>
      <c r="R12756">
        <v>34</v>
      </c>
      <c r="S12756">
        <v>35</v>
      </c>
      <c r="T12756">
        <v>36</v>
      </c>
      <c r="U12756">
        <v>37</v>
      </c>
      <c r="V12756">
        <v>38</v>
      </c>
      <c r="W12756">
        <v>38</v>
      </c>
      <c r="X12756">
        <v>39</v>
      </c>
      <c r="Y12756">
        <v>40</v>
      </c>
      <c r="Z12756">
        <v>41</v>
      </c>
      <c r="AA12756">
        <v>42</v>
      </c>
      <c r="AB12756">
        <v>42</v>
      </c>
      <c r="AC12756">
        <v>43</v>
      </c>
      <c r="AD12756">
        <v>44</v>
      </c>
      <c r="AE12756">
        <v>45</v>
      </c>
      <c r="AF12756">
        <v>45</v>
      </c>
      <c r="AG12756">
        <v>45</v>
      </c>
      <c r="AH12756">
        <v>45</v>
      </c>
      <c r="AI12756">
        <v>45</v>
      </c>
      <c r="AJ12756">
        <v>46</v>
      </c>
      <c r="AK12756">
        <v>46</v>
      </c>
      <c r="AL12756">
        <v>46</v>
      </c>
      <c r="AM12756">
        <v>46</v>
      </c>
      <c r="AN12756">
        <v>46</v>
      </c>
      <c r="AO12756">
        <v>46</v>
      </c>
      <c r="AP12756">
        <v>47</v>
      </c>
      <c r="AQ12756">
        <v>47</v>
      </c>
    </row>
    <row r="12757" spans="1:43">
      <c r="A12757" t="s">
        <v>7922</v>
      </c>
      <c r="B12757" t="s">
        <v>7923</v>
      </c>
      <c r="C12757" t="s">
        <v>7914</v>
      </c>
      <c r="D12757" t="s">
        <v>7915</v>
      </c>
      <c r="E12757" t="s">
        <v>7646</v>
      </c>
      <c r="F12757" t="s">
        <v>7647</v>
      </c>
      <c r="G12757" t="s">
        <v>80</v>
      </c>
      <c r="H12757" t="s">
        <v>81</v>
      </c>
      <c r="I12757" s="2">
        <v>0</v>
      </c>
      <c r="J12757" s="2">
        <v>1</v>
      </c>
      <c r="K12757" s="2">
        <v>0</v>
      </c>
      <c r="L12757" t="s">
        <v>82</v>
      </c>
      <c r="M12757" t="s">
        <v>83</v>
      </c>
      <c r="N12757" t="s">
        <v>91</v>
      </c>
      <c r="O12757" t="s">
        <v>85</v>
      </c>
      <c r="P12757" t="s">
        <v>86</v>
      </c>
      <c r="Q12757">
        <v>33</v>
      </c>
      <c r="R12757">
        <v>33</v>
      </c>
      <c r="S12757">
        <v>34</v>
      </c>
      <c r="T12757">
        <v>35</v>
      </c>
      <c r="U12757">
        <v>35</v>
      </c>
      <c r="V12757">
        <v>36</v>
      </c>
      <c r="W12757">
        <v>37</v>
      </c>
      <c r="X12757">
        <v>37</v>
      </c>
      <c r="Y12757">
        <v>38</v>
      </c>
      <c r="Z12757">
        <v>38</v>
      </c>
      <c r="AA12757">
        <v>39</v>
      </c>
      <c r="AB12757">
        <v>40</v>
      </c>
      <c r="AC12757">
        <v>40</v>
      </c>
      <c r="AD12757">
        <v>41</v>
      </c>
      <c r="AE12757">
        <v>42</v>
      </c>
      <c r="AF12757">
        <v>42</v>
      </c>
      <c r="AG12757">
        <v>43</v>
      </c>
      <c r="AH12757">
        <v>43</v>
      </c>
      <c r="AI12757">
        <v>44</v>
      </c>
      <c r="AJ12757">
        <v>45</v>
      </c>
      <c r="AK12757">
        <v>45</v>
      </c>
      <c r="AL12757">
        <v>46</v>
      </c>
      <c r="AM12757">
        <v>46</v>
      </c>
      <c r="AN12757">
        <v>46</v>
      </c>
      <c r="AO12757">
        <v>46</v>
      </c>
      <c r="AP12757">
        <v>46</v>
      </c>
      <c r="AQ12757">
        <v>47</v>
      </c>
    </row>
    <row r="12758" spans="1:43">
      <c r="A12758" t="s">
        <v>7924</v>
      </c>
      <c r="B12758" t="s">
        <v>7925</v>
      </c>
      <c r="C12758" t="s">
        <v>7910</v>
      </c>
      <c r="D12758" t="s">
        <v>7911</v>
      </c>
      <c r="E12758" t="s">
        <v>7646</v>
      </c>
      <c r="F12758" t="s">
        <v>7647</v>
      </c>
      <c r="G12758" t="s">
        <v>80</v>
      </c>
      <c r="H12758" t="s">
        <v>81</v>
      </c>
      <c r="I12758" s="2">
        <v>0</v>
      </c>
      <c r="J12758" s="2">
        <v>1</v>
      </c>
      <c r="K12758" s="2">
        <v>0</v>
      </c>
      <c r="L12758" t="s">
        <v>82</v>
      </c>
      <c r="M12758" t="s">
        <v>83</v>
      </c>
      <c r="N12758" t="s">
        <v>84</v>
      </c>
      <c r="O12758" t="s">
        <v>85</v>
      </c>
      <c r="P12758" t="s">
        <v>86</v>
      </c>
      <c r="Q12758">
        <v>11</v>
      </c>
      <c r="R12758">
        <v>12</v>
      </c>
      <c r="S12758">
        <v>12</v>
      </c>
      <c r="T12758">
        <v>12</v>
      </c>
      <c r="U12758">
        <v>12</v>
      </c>
      <c r="V12758">
        <v>13</v>
      </c>
      <c r="W12758">
        <v>13</v>
      </c>
      <c r="X12758">
        <v>13</v>
      </c>
      <c r="Y12758">
        <v>13</v>
      </c>
      <c r="Z12758">
        <v>13</v>
      </c>
      <c r="AA12758">
        <v>14</v>
      </c>
      <c r="AB12758">
        <v>14</v>
      </c>
      <c r="AC12758">
        <v>14</v>
      </c>
      <c r="AD12758">
        <v>14</v>
      </c>
      <c r="AE12758">
        <v>15</v>
      </c>
      <c r="AF12758">
        <v>15</v>
      </c>
      <c r="AG12758">
        <v>15</v>
      </c>
      <c r="AH12758">
        <v>15</v>
      </c>
      <c r="AI12758">
        <v>15</v>
      </c>
      <c r="AJ12758">
        <v>16</v>
      </c>
      <c r="AK12758">
        <v>16</v>
      </c>
      <c r="AL12758">
        <v>16</v>
      </c>
      <c r="AM12758">
        <v>16</v>
      </c>
      <c r="AN12758">
        <v>16</v>
      </c>
      <c r="AO12758">
        <v>16</v>
      </c>
      <c r="AP12758">
        <v>16</v>
      </c>
      <c r="AQ12758">
        <v>16</v>
      </c>
    </row>
    <row r="12759" spans="1:43">
      <c r="A12759" t="s">
        <v>7924</v>
      </c>
      <c r="B12759" t="s">
        <v>7925</v>
      </c>
      <c r="C12759" t="s">
        <v>7910</v>
      </c>
      <c r="D12759" t="s">
        <v>7911</v>
      </c>
      <c r="E12759" t="s">
        <v>7646</v>
      </c>
      <c r="F12759" t="s">
        <v>7647</v>
      </c>
      <c r="G12759" t="s">
        <v>80</v>
      </c>
      <c r="H12759" t="s">
        <v>81</v>
      </c>
      <c r="I12759" s="2">
        <v>0</v>
      </c>
      <c r="J12759" s="2">
        <v>1</v>
      </c>
      <c r="K12759" s="2">
        <v>0</v>
      </c>
      <c r="L12759" t="s">
        <v>82</v>
      </c>
      <c r="M12759" t="s">
        <v>87</v>
      </c>
      <c r="N12759" t="s">
        <v>88</v>
      </c>
      <c r="O12759" t="s">
        <v>85</v>
      </c>
      <c r="P12759" t="s">
        <v>86</v>
      </c>
      <c r="Q12759">
        <v>11</v>
      </c>
      <c r="R12759">
        <v>11</v>
      </c>
      <c r="S12759">
        <v>12</v>
      </c>
      <c r="T12759">
        <v>12</v>
      </c>
      <c r="U12759">
        <v>12</v>
      </c>
      <c r="V12759">
        <v>12</v>
      </c>
      <c r="W12759">
        <v>12</v>
      </c>
      <c r="X12759">
        <v>12</v>
      </c>
      <c r="Y12759">
        <v>12</v>
      </c>
      <c r="Z12759">
        <v>12</v>
      </c>
      <c r="AA12759">
        <v>12</v>
      </c>
      <c r="AB12759">
        <v>13</v>
      </c>
      <c r="AC12759">
        <v>13</v>
      </c>
      <c r="AD12759">
        <v>13</v>
      </c>
      <c r="AE12759">
        <v>13</v>
      </c>
      <c r="AF12759">
        <v>13</v>
      </c>
      <c r="AG12759">
        <v>13</v>
      </c>
      <c r="AH12759">
        <v>13</v>
      </c>
      <c r="AI12759">
        <v>13</v>
      </c>
      <c r="AJ12759">
        <v>13</v>
      </c>
      <c r="AK12759">
        <v>14</v>
      </c>
      <c r="AL12759">
        <v>14</v>
      </c>
      <c r="AM12759">
        <v>14</v>
      </c>
      <c r="AN12759">
        <v>14</v>
      </c>
      <c r="AO12759">
        <v>14</v>
      </c>
      <c r="AP12759">
        <v>14</v>
      </c>
      <c r="AQ12759">
        <v>14</v>
      </c>
    </row>
    <row r="12760" spans="1:43">
      <c r="A12760" t="s">
        <v>7924</v>
      </c>
      <c r="B12760" t="s">
        <v>7925</v>
      </c>
      <c r="C12760" t="s">
        <v>7910</v>
      </c>
      <c r="D12760" t="s">
        <v>7911</v>
      </c>
      <c r="E12760" t="s">
        <v>7646</v>
      </c>
      <c r="F12760" t="s">
        <v>7647</v>
      </c>
      <c r="G12760" t="s">
        <v>80</v>
      </c>
      <c r="H12760" t="s">
        <v>81</v>
      </c>
      <c r="I12760" s="2">
        <v>0</v>
      </c>
      <c r="J12760" s="2">
        <v>1</v>
      </c>
      <c r="K12760" s="2">
        <v>0</v>
      </c>
      <c r="L12760" t="s">
        <v>82</v>
      </c>
      <c r="M12760" t="s">
        <v>89</v>
      </c>
      <c r="N12760" t="s">
        <v>90</v>
      </c>
      <c r="O12760" t="s">
        <v>85</v>
      </c>
      <c r="P12760" t="s">
        <v>86</v>
      </c>
      <c r="Q12760">
        <v>11</v>
      </c>
      <c r="R12760">
        <v>11</v>
      </c>
      <c r="S12760">
        <v>11</v>
      </c>
      <c r="T12760">
        <v>12</v>
      </c>
      <c r="U12760">
        <v>12</v>
      </c>
      <c r="V12760">
        <v>12</v>
      </c>
      <c r="W12760">
        <v>12</v>
      </c>
      <c r="X12760">
        <v>13</v>
      </c>
      <c r="Y12760">
        <v>13</v>
      </c>
      <c r="Z12760">
        <v>13</v>
      </c>
      <c r="AA12760">
        <v>14</v>
      </c>
      <c r="AB12760">
        <v>14</v>
      </c>
      <c r="AC12760">
        <v>14</v>
      </c>
      <c r="AD12760">
        <v>14</v>
      </c>
      <c r="AE12760">
        <v>15</v>
      </c>
      <c r="AF12760">
        <v>15</v>
      </c>
      <c r="AG12760">
        <v>15</v>
      </c>
      <c r="AH12760">
        <v>15</v>
      </c>
      <c r="AI12760">
        <v>15</v>
      </c>
      <c r="AJ12760">
        <v>15</v>
      </c>
      <c r="AK12760">
        <v>15</v>
      </c>
      <c r="AL12760">
        <v>15</v>
      </c>
      <c r="AM12760">
        <v>15</v>
      </c>
      <c r="AN12760">
        <v>15</v>
      </c>
      <c r="AO12760">
        <v>15</v>
      </c>
      <c r="AP12760">
        <v>15</v>
      </c>
      <c r="AQ12760">
        <v>15</v>
      </c>
    </row>
    <row r="12761" spans="1:43">
      <c r="A12761" t="s">
        <v>7924</v>
      </c>
      <c r="B12761" t="s">
        <v>7925</v>
      </c>
      <c r="C12761" t="s">
        <v>7910</v>
      </c>
      <c r="D12761" t="s">
        <v>7911</v>
      </c>
      <c r="E12761" t="s">
        <v>7646</v>
      </c>
      <c r="F12761" t="s">
        <v>7647</v>
      </c>
      <c r="G12761" t="s">
        <v>80</v>
      </c>
      <c r="H12761" t="s">
        <v>81</v>
      </c>
      <c r="I12761" s="2">
        <v>0</v>
      </c>
      <c r="J12761" s="2">
        <v>1</v>
      </c>
      <c r="K12761" s="2">
        <v>0</v>
      </c>
      <c r="L12761" t="s">
        <v>82</v>
      </c>
      <c r="M12761" t="s">
        <v>83</v>
      </c>
      <c r="N12761" t="s">
        <v>91</v>
      </c>
      <c r="O12761" t="s">
        <v>85</v>
      </c>
      <c r="P12761" t="s">
        <v>86</v>
      </c>
      <c r="Q12761">
        <v>11</v>
      </c>
      <c r="R12761">
        <v>12</v>
      </c>
      <c r="S12761">
        <v>12</v>
      </c>
      <c r="T12761">
        <v>12</v>
      </c>
      <c r="U12761">
        <v>12</v>
      </c>
      <c r="V12761">
        <v>13</v>
      </c>
      <c r="W12761">
        <v>13</v>
      </c>
      <c r="X12761">
        <v>13</v>
      </c>
      <c r="Y12761">
        <v>13</v>
      </c>
      <c r="Z12761">
        <v>13</v>
      </c>
      <c r="AA12761">
        <v>14</v>
      </c>
      <c r="AB12761">
        <v>14</v>
      </c>
      <c r="AC12761">
        <v>14</v>
      </c>
      <c r="AD12761">
        <v>14</v>
      </c>
      <c r="AE12761">
        <v>15</v>
      </c>
      <c r="AF12761">
        <v>15</v>
      </c>
      <c r="AG12761">
        <v>15</v>
      </c>
      <c r="AH12761">
        <v>15</v>
      </c>
      <c r="AI12761">
        <v>15</v>
      </c>
      <c r="AJ12761">
        <v>16</v>
      </c>
      <c r="AK12761">
        <v>16</v>
      </c>
      <c r="AL12761">
        <v>16</v>
      </c>
      <c r="AM12761">
        <v>16</v>
      </c>
      <c r="AN12761">
        <v>16</v>
      </c>
      <c r="AO12761">
        <v>16</v>
      </c>
      <c r="AP12761">
        <v>16</v>
      </c>
      <c r="AQ12761">
        <v>16</v>
      </c>
    </row>
    <row r="12762" spans="1:43">
      <c r="A12762" t="s">
        <v>7926</v>
      </c>
      <c r="B12762" t="s">
        <v>7927</v>
      </c>
      <c r="C12762" t="s">
        <v>7928</v>
      </c>
      <c r="D12762" t="s">
        <v>7929</v>
      </c>
      <c r="E12762" t="s">
        <v>7646</v>
      </c>
      <c r="F12762" t="s">
        <v>7647</v>
      </c>
      <c r="G12762" t="s">
        <v>80</v>
      </c>
      <c r="H12762" t="s">
        <v>81</v>
      </c>
      <c r="I12762" s="2">
        <v>0</v>
      </c>
      <c r="J12762" s="2">
        <v>1</v>
      </c>
      <c r="K12762" s="2">
        <v>0</v>
      </c>
      <c r="L12762" t="s">
        <v>82</v>
      </c>
      <c r="M12762" t="s">
        <v>83</v>
      </c>
      <c r="N12762" t="s">
        <v>84</v>
      </c>
      <c r="O12762" t="s">
        <v>85</v>
      </c>
      <c r="P12762" t="s">
        <v>86</v>
      </c>
      <c r="Q12762">
        <v>1</v>
      </c>
      <c r="R12762">
        <v>1</v>
      </c>
      <c r="S12762">
        <v>1</v>
      </c>
      <c r="T12762">
        <v>1</v>
      </c>
      <c r="U12762">
        <v>1</v>
      </c>
      <c r="V12762">
        <v>1</v>
      </c>
      <c r="W12762">
        <v>1</v>
      </c>
      <c r="X12762">
        <v>1</v>
      </c>
      <c r="Y12762">
        <v>1</v>
      </c>
      <c r="Z12762">
        <v>1</v>
      </c>
      <c r="AA12762">
        <v>1</v>
      </c>
      <c r="AB12762">
        <v>1</v>
      </c>
      <c r="AC12762">
        <v>1</v>
      </c>
      <c r="AD12762">
        <v>1</v>
      </c>
      <c r="AE12762">
        <v>1</v>
      </c>
      <c r="AF12762">
        <v>1</v>
      </c>
      <c r="AG12762">
        <v>1</v>
      </c>
      <c r="AH12762">
        <v>1</v>
      </c>
      <c r="AI12762">
        <v>1</v>
      </c>
      <c r="AJ12762">
        <v>1</v>
      </c>
      <c r="AK12762">
        <v>1</v>
      </c>
      <c r="AL12762">
        <v>1</v>
      </c>
      <c r="AM12762">
        <v>1</v>
      </c>
      <c r="AN12762">
        <v>1</v>
      </c>
      <c r="AO12762">
        <v>1</v>
      </c>
      <c r="AP12762">
        <v>1</v>
      </c>
      <c r="AQ12762">
        <v>1</v>
      </c>
    </row>
    <row r="12763" spans="1:43">
      <c r="A12763" t="s">
        <v>7926</v>
      </c>
      <c r="B12763" t="s">
        <v>7927</v>
      </c>
      <c r="C12763" t="s">
        <v>7928</v>
      </c>
      <c r="D12763" t="s">
        <v>7929</v>
      </c>
      <c r="E12763" t="s">
        <v>7646</v>
      </c>
      <c r="F12763" t="s">
        <v>7647</v>
      </c>
      <c r="G12763" t="s">
        <v>80</v>
      </c>
      <c r="H12763" t="s">
        <v>81</v>
      </c>
      <c r="I12763" s="2">
        <v>0</v>
      </c>
      <c r="J12763" s="2">
        <v>1</v>
      </c>
      <c r="K12763" s="2">
        <v>0</v>
      </c>
      <c r="L12763" t="s">
        <v>82</v>
      </c>
      <c r="M12763" t="s">
        <v>87</v>
      </c>
      <c r="N12763" t="s">
        <v>88</v>
      </c>
      <c r="O12763" t="s">
        <v>85</v>
      </c>
      <c r="P12763" t="s">
        <v>86</v>
      </c>
      <c r="Q12763">
        <v>1</v>
      </c>
      <c r="R12763">
        <v>1</v>
      </c>
      <c r="S12763">
        <v>1</v>
      </c>
      <c r="T12763">
        <v>1</v>
      </c>
      <c r="U12763">
        <v>1</v>
      </c>
      <c r="V12763">
        <v>1</v>
      </c>
      <c r="W12763">
        <v>1</v>
      </c>
      <c r="X12763">
        <v>1</v>
      </c>
      <c r="Y12763">
        <v>1</v>
      </c>
      <c r="Z12763">
        <v>1</v>
      </c>
      <c r="AA12763">
        <v>1</v>
      </c>
      <c r="AB12763">
        <v>1</v>
      </c>
      <c r="AC12763">
        <v>1</v>
      </c>
      <c r="AD12763">
        <v>1</v>
      </c>
      <c r="AE12763">
        <v>1</v>
      </c>
      <c r="AF12763">
        <v>1</v>
      </c>
      <c r="AG12763">
        <v>1</v>
      </c>
      <c r="AH12763">
        <v>1</v>
      </c>
      <c r="AI12763">
        <v>1</v>
      </c>
      <c r="AJ12763">
        <v>1</v>
      </c>
      <c r="AK12763">
        <v>1</v>
      </c>
      <c r="AL12763">
        <v>1</v>
      </c>
      <c r="AM12763">
        <v>1</v>
      </c>
      <c r="AN12763">
        <v>1</v>
      </c>
      <c r="AO12763">
        <v>1</v>
      </c>
      <c r="AP12763">
        <v>1</v>
      </c>
      <c r="AQ12763">
        <v>1</v>
      </c>
    </row>
    <row r="12764" spans="1:43">
      <c r="A12764" t="s">
        <v>7926</v>
      </c>
      <c r="B12764" t="s">
        <v>7927</v>
      </c>
      <c r="C12764" t="s">
        <v>7928</v>
      </c>
      <c r="D12764" t="s">
        <v>7929</v>
      </c>
      <c r="E12764" t="s">
        <v>7646</v>
      </c>
      <c r="F12764" t="s">
        <v>7647</v>
      </c>
      <c r="G12764" t="s">
        <v>80</v>
      </c>
      <c r="H12764" t="s">
        <v>81</v>
      </c>
      <c r="I12764" s="2">
        <v>0</v>
      </c>
      <c r="J12764" s="2">
        <v>1</v>
      </c>
      <c r="K12764" s="2">
        <v>0</v>
      </c>
      <c r="L12764" t="s">
        <v>82</v>
      </c>
      <c r="M12764" t="s">
        <v>89</v>
      </c>
      <c r="N12764" t="s">
        <v>90</v>
      </c>
      <c r="O12764" t="s">
        <v>85</v>
      </c>
      <c r="P12764" t="s">
        <v>86</v>
      </c>
      <c r="Q12764">
        <v>1</v>
      </c>
      <c r="R12764">
        <v>1</v>
      </c>
      <c r="S12764">
        <v>1</v>
      </c>
      <c r="T12764">
        <v>1</v>
      </c>
      <c r="U12764">
        <v>1</v>
      </c>
      <c r="V12764">
        <v>1</v>
      </c>
      <c r="W12764">
        <v>1</v>
      </c>
      <c r="X12764">
        <v>1</v>
      </c>
      <c r="Y12764">
        <v>1</v>
      </c>
      <c r="Z12764">
        <v>1</v>
      </c>
      <c r="AA12764">
        <v>1</v>
      </c>
      <c r="AB12764">
        <v>1</v>
      </c>
      <c r="AC12764">
        <v>1</v>
      </c>
      <c r="AD12764">
        <v>1</v>
      </c>
      <c r="AE12764">
        <v>1</v>
      </c>
      <c r="AF12764">
        <v>1</v>
      </c>
      <c r="AG12764">
        <v>1</v>
      </c>
      <c r="AH12764">
        <v>1</v>
      </c>
      <c r="AI12764">
        <v>1</v>
      </c>
      <c r="AJ12764">
        <v>1</v>
      </c>
      <c r="AK12764">
        <v>1</v>
      </c>
      <c r="AL12764">
        <v>1</v>
      </c>
      <c r="AM12764">
        <v>1</v>
      </c>
      <c r="AN12764">
        <v>1</v>
      </c>
      <c r="AO12764">
        <v>1</v>
      </c>
      <c r="AP12764">
        <v>1</v>
      </c>
      <c r="AQ12764">
        <v>1</v>
      </c>
    </row>
    <row r="12765" spans="1:43">
      <c r="A12765" t="s">
        <v>7926</v>
      </c>
      <c r="B12765" t="s">
        <v>7927</v>
      </c>
      <c r="C12765" t="s">
        <v>7928</v>
      </c>
      <c r="D12765" t="s">
        <v>7929</v>
      </c>
      <c r="E12765" t="s">
        <v>7646</v>
      </c>
      <c r="F12765" t="s">
        <v>7647</v>
      </c>
      <c r="G12765" t="s">
        <v>80</v>
      </c>
      <c r="H12765" t="s">
        <v>81</v>
      </c>
      <c r="I12765" s="2">
        <v>0</v>
      </c>
      <c r="J12765" s="2">
        <v>1</v>
      </c>
      <c r="K12765" s="2">
        <v>0</v>
      </c>
      <c r="L12765" t="s">
        <v>82</v>
      </c>
      <c r="M12765" t="s">
        <v>83</v>
      </c>
      <c r="N12765" t="s">
        <v>91</v>
      </c>
      <c r="O12765" t="s">
        <v>85</v>
      </c>
      <c r="P12765" t="s">
        <v>86</v>
      </c>
      <c r="Q12765">
        <v>1</v>
      </c>
      <c r="R12765">
        <v>1</v>
      </c>
      <c r="S12765">
        <v>1</v>
      </c>
      <c r="T12765">
        <v>1</v>
      </c>
      <c r="U12765">
        <v>1</v>
      </c>
      <c r="V12765">
        <v>1</v>
      </c>
      <c r="W12765">
        <v>1</v>
      </c>
      <c r="X12765">
        <v>1</v>
      </c>
      <c r="Y12765">
        <v>1</v>
      </c>
      <c r="Z12765">
        <v>1</v>
      </c>
      <c r="AA12765">
        <v>1</v>
      </c>
      <c r="AB12765">
        <v>1</v>
      </c>
      <c r="AC12765">
        <v>1</v>
      </c>
      <c r="AD12765">
        <v>1</v>
      </c>
      <c r="AE12765">
        <v>1</v>
      </c>
      <c r="AF12765">
        <v>1</v>
      </c>
      <c r="AG12765">
        <v>1</v>
      </c>
      <c r="AH12765">
        <v>1</v>
      </c>
      <c r="AI12765">
        <v>1</v>
      </c>
      <c r="AJ12765">
        <v>1</v>
      </c>
      <c r="AK12765">
        <v>1</v>
      </c>
      <c r="AL12765">
        <v>1</v>
      </c>
      <c r="AM12765">
        <v>1</v>
      </c>
      <c r="AN12765">
        <v>1</v>
      </c>
      <c r="AO12765">
        <v>1</v>
      </c>
      <c r="AP12765">
        <v>1</v>
      </c>
      <c r="AQ12765">
        <v>1</v>
      </c>
    </row>
    <row r="12766" spans="1:43">
      <c r="A12766" t="s">
        <v>7930</v>
      </c>
      <c r="B12766" t="s">
        <v>7931</v>
      </c>
      <c r="C12766" t="s">
        <v>7928</v>
      </c>
      <c r="D12766" t="s">
        <v>7929</v>
      </c>
      <c r="E12766" t="s">
        <v>7646</v>
      </c>
      <c r="F12766" t="s">
        <v>7647</v>
      </c>
      <c r="G12766" t="s">
        <v>80</v>
      </c>
      <c r="H12766" t="s">
        <v>81</v>
      </c>
      <c r="I12766" s="2">
        <v>0</v>
      </c>
      <c r="J12766" s="2">
        <v>1</v>
      </c>
      <c r="K12766" s="2">
        <v>0</v>
      </c>
      <c r="L12766" t="s">
        <v>82</v>
      </c>
      <c r="M12766" t="s">
        <v>83</v>
      </c>
      <c r="N12766" t="s">
        <v>84</v>
      </c>
      <c r="O12766" t="s">
        <v>85</v>
      </c>
      <c r="P12766" t="s">
        <v>86</v>
      </c>
      <c r="Q12766">
        <v>12</v>
      </c>
      <c r="R12766">
        <v>12</v>
      </c>
      <c r="S12766">
        <v>12</v>
      </c>
      <c r="T12766">
        <v>13</v>
      </c>
      <c r="U12766">
        <v>13</v>
      </c>
      <c r="V12766">
        <v>13</v>
      </c>
      <c r="W12766">
        <v>13</v>
      </c>
      <c r="X12766">
        <v>14</v>
      </c>
      <c r="Y12766">
        <v>14</v>
      </c>
      <c r="Z12766">
        <v>14</v>
      </c>
      <c r="AA12766">
        <v>14</v>
      </c>
      <c r="AB12766">
        <v>15</v>
      </c>
      <c r="AC12766">
        <v>15</v>
      </c>
      <c r="AD12766">
        <v>15</v>
      </c>
      <c r="AE12766">
        <v>15</v>
      </c>
      <c r="AF12766">
        <v>15</v>
      </c>
      <c r="AG12766">
        <v>16</v>
      </c>
      <c r="AH12766">
        <v>16</v>
      </c>
      <c r="AI12766">
        <v>16</v>
      </c>
      <c r="AJ12766">
        <v>16</v>
      </c>
      <c r="AK12766">
        <v>17</v>
      </c>
      <c r="AL12766">
        <v>17</v>
      </c>
      <c r="AM12766">
        <v>17</v>
      </c>
      <c r="AN12766">
        <v>17</v>
      </c>
      <c r="AO12766">
        <v>17</v>
      </c>
      <c r="AP12766">
        <v>17</v>
      </c>
      <c r="AQ12766">
        <v>17</v>
      </c>
    </row>
    <row r="12767" spans="1:43">
      <c r="A12767" t="s">
        <v>7930</v>
      </c>
      <c r="B12767" t="s">
        <v>7931</v>
      </c>
      <c r="C12767" t="s">
        <v>7928</v>
      </c>
      <c r="D12767" t="s">
        <v>7929</v>
      </c>
      <c r="E12767" t="s">
        <v>7646</v>
      </c>
      <c r="F12767" t="s">
        <v>7647</v>
      </c>
      <c r="G12767" t="s">
        <v>80</v>
      </c>
      <c r="H12767" t="s">
        <v>81</v>
      </c>
      <c r="I12767" s="2">
        <v>0</v>
      </c>
      <c r="J12767" s="2">
        <v>1</v>
      </c>
      <c r="K12767" s="2">
        <v>0</v>
      </c>
      <c r="L12767" t="s">
        <v>82</v>
      </c>
      <c r="M12767" t="s">
        <v>87</v>
      </c>
      <c r="N12767" t="s">
        <v>88</v>
      </c>
      <c r="O12767" t="s">
        <v>85</v>
      </c>
      <c r="P12767" t="s">
        <v>86</v>
      </c>
      <c r="Q12767">
        <v>12</v>
      </c>
      <c r="R12767">
        <v>12</v>
      </c>
      <c r="S12767">
        <v>12</v>
      </c>
      <c r="T12767">
        <v>12</v>
      </c>
      <c r="U12767">
        <v>12</v>
      </c>
      <c r="V12767">
        <v>12</v>
      </c>
      <c r="W12767">
        <v>13</v>
      </c>
      <c r="X12767">
        <v>13</v>
      </c>
      <c r="Y12767">
        <v>13</v>
      </c>
      <c r="Z12767">
        <v>13</v>
      </c>
      <c r="AA12767">
        <v>13</v>
      </c>
      <c r="AB12767">
        <v>13</v>
      </c>
      <c r="AC12767">
        <v>13</v>
      </c>
      <c r="AD12767">
        <v>13</v>
      </c>
      <c r="AE12767">
        <v>13</v>
      </c>
      <c r="AF12767">
        <v>14</v>
      </c>
      <c r="AG12767">
        <v>14</v>
      </c>
      <c r="AH12767">
        <v>14</v>
      </c>
      <c r="AI12767">
        <v>14</v>
      </c>
      <c r="AJ12767">
        <v>14</v>
      </c>
      <c r="AK12767">
        <v>14</v>
      </c>
      <c r="AL12767">
        <v>14</v>
      </c>
      <c r="AM12767">
        <v>14</v>
      </c>
      <c r="AN12767">
        <v>14</v>
      </c>
      <c r="AO12767">
        <v>15</v>
      </c>
      <c r="AP12767">
        <v>15</v>
      </c>
      <c r="AQ12767">
        <v>15</v>
      </c>
    </row>
    <row r="12768" spans="1:43">
      <c r="A12768" t="s">
        <v>7930</v>
      </c>
      <c r="B12768" t="s">
        <v>7931</v>
      </c>
      <c r="C12768" t="s">
        <v>7928</v>
      </c>
      <c r="D12768" t="s">
        <v>7929</v>
      </c>
      <c r="E12768" t="s">
        <v>7646</v>
      </c>
      <c r="F12768" t="s">
        <v>7647</v>
      </c>
      <c r="G12768" t="s">
        <v>80</v>
      </c>
      <c r="H12768" t="s">
        <v>81</v>
      </c>
      <c r="I12768" s="2">
        <v>0</v>
      </c>
      <c r="J12768" s="2">
        <v>1</v>
      </c>
      <c r="K12768" s="2">
        <v>0</v>
      </c>
      <c r="L12768" t="s">
        <v>82</v>
      </c>
      <c r="M12768" t="s">
        <v>89</v>
      </c>
      <c r="N12768" t="s">
        <v>90</v>
      </c>
      <c r="O12768" t="s">
        <v>85</v>
      </c>
      <c r="P12768" t="s">
        <v>86</v>
      </c>
      <c r="Q12768">
        <v>12</v>
      </c>
      <c r="R12768">
        <v>12</v>
      </c>
      <c r="S12768">
        <v>13</v>
      </c>
      <c r="T12768">
        <v>13</v>
      </c>
      <c r="U12768">
        <v>13</v>
      </c>
      <c r="V12768">
        <v>14</v>
      </c>
      <c r="W12768">
        <v>14</v>
      </c>
      <c r="X12768">
        <v>14</v>
      </c>
      <c r="Y12768">
        <v>15</v>
      </c>
      <c r="Z12768">
        <v>15</v>
      </c>
      <c r="AA12768">
        <v>15</v>
      </c>
      <c r="AB12768">
        <v>16</v>
      </c>
      <c r="AC12768">
        <v>16</v>
      </c>
      <c r="AD12768">
        <v>16</v>
      </c>
      <c r="AE12768">
        <v>16</v>
      </c>
      <c r="AF12768">
        <v>16</v>
      </c>
      <c r="AG12768">
        <v>16</v>
      </c>
      <c r="AH12768">
        <v>17</v>
      </c>
      <c r="AI12768">
        <v>17</v>
      </c>
      <c r="AJ12768">
        <v>17</v>
      </c>
      <c r="AK12768">
        <v>17</v>
      </c>
      <c r="AL12768">
        <v>17</v>
      </c>
      <c r="AM12768">
        <v>17</v>
      </c>
      <c r="AN12768">
        <v>17</v>
      </c>
      <c r="AO12768">
        <v>17</v>
      </c>
      <c r="AP12768">
        <v>17</v>
      </c>
      <c r="AQ12768">
        <v>17</v>
      </c>
    </row>
    <row r="12769" spans="1:43">
      <c r="A12769" t="s">
        <v>7930</v>
      </c>
      <c r="B12769" t="s">
        <v>7931</v>
      </c>
      <c r="C12769" t="s">
        <v>7928</v>
      </c>
      <c r="D12769" t="s">
        <v>7929</v>
      </c>
      <c r="E12769" t="s">
        <v>7646</v>
      </c>
      <c r="F12769" t="s">
        <v>7647</v>
      </c>
      <c r="G12769" t="s">
        <v>80</v>
      </c>
      <c r="H12769" t="s">
        <v>81</v>
      </c>
      <c r="I12769" s="2">
        <v>0</v>
      </c>
      <c r="J12769" s="2">
        <v>1</v>
      </c>
      <c r="K12769" s="2">
        <v>0</v>
      </c>
      <c r="L12769" t="s">
        <v>82</v>
      </c>
      <c r="M12769" t="s">
        <v>83</v>
      </c>
      <c r="N12769" t="s">
        <v>91</v>
      </c>
      <c r="O12769" t="s">
        <v>85</v>
      </c>
      <c r="P12769" t="s">
        <v>86</v>
      </c>
      <c r="Q12769">
        <v>12</v>
      </c>
      <c r="R12769">
        <v>12</v>
      </c>
      <c r="S12769">
        <v>12</v>
      </c>
      <c r="T12769">
        <v>13</v>
      </c>
      <c r="U12769">
        <v>13</v>
      </c>
      <c r="V12769">
        <v>13</v>
      </c>
      <c r="W12769">
        <v>13</v>
      </c>
      <c r="X12769">
        <v>14</v>
      </c>
      <c r="Y12769">
        <v>14</v>
      </c>
      <c r="Z12769">
        <v>14</v>
      </c>
      <c r="AA12769">
        <v>14</v>
      </c>
      <c r="AB12769">
        <v>15</v>
      </c>
      <c r="AC12769">
        <v>15</v>
      </c>
      <c r="AD12769">
        <v>15</v>
      </c>
      <c r="AE12769">
        <v>15</v>
      </c>
      <c r="AF12769">
        <v>15</v>
      </c>
      <c r="AG12769">
        <v>16</v>
      </c>
      <c r="AH12769">
        <v>16</v>
      </c>
      <c r="AI12769">
        <v>16</v>
      </c>
      <c r="AJ12769">
        <v>16</v>
      </c>
      <c r="AK12769">
        <v>17</v>
      </c>
      <c r="AL12769">
        <v>17</v>
      </c>
      <c r="AM12769">
        <v>17</v>
      </c>
      <c r="AN12769">
        <v>17</v>
      </c>
      <c r="AO12769">
        <v>17</v>
      </c>
      <c r="AP12769">
        <v>17</v>
      </c>
      <c r="AQ12769">
        <v>17</v>
      </c>
    </row>
    <row r="12770" spans="1:43">
      <c r="A12770" t="s">
        <v>7932</v>
      </c>
      <c r="B12770" t="s">
        <v>7933</v>
      </c>
      <c r="C12770" t="s">
        <v>7928</v>
      </c>
      <c r="D12770" t="s">
        <v>7929</v>
      </c>
      <c r="E12770" t="s">
        <v>7646</v>
      </c>
      <c r="F12770" t="s">
        <v>7647</v>
      </c>
      <c r="G12770" t="s">
        <v>80</v>
      </c>
      <c r="H12770" t="s">
        <v>81</v>
      </c>
      <c r="I12770" s="2">
        <v>0</v>
      </c>
      <c r="J12770" s="2">
        <v>1</v>
      </c>
      <c r="K12770" s="2">
        <v>0</v>
      </c>
      <c r="L12770" t="s">
        <v>82</v>
      </c>
      <c r="M12770" t="s">
        <v>83</v>
      </c>
      <c r="N12770" t="s">
        <v>84</v>
      </c>
      <c r="O12770" t="s">
        <v>85</v>
      </c>
      <c r="P12770" t="s">
        <v>86</v>
      </c>
      <c r="Q12770">
        <v>32</v>
      </c>
      <c r="R12770">
        <v>33</v>
      </c>
      <c r="S12770">
        <v>33</v>
      </c>
      <c r="T12770">
        <v>34</v>
      </c>
      <c r="U12770">
        <v>34</v>
      </c>
      <c r="V12770">
        <v>35</v>
      </c>
      <c r="W12770">
        <v>36</v>
      </c>
      <c r="X12770">
        <v>36</v>
      </c>
      <c r="Y12770">
        <v>37</v>
      </c>
      <c r="Z12770">
        <v>37</v>
      </c>
      <c r="AA12770">
        <v>38</v>
      </c>
      <c r="AB12770">
        <v>39</v>
      </c>
      <c r="AC12770">
        <v>39</v>
      </c>
      <c r="AD12770">
        <v>40</v>
      </c>
      <c r="AE12770">
        <v>40</v>
      </c>
      <c r="AF12770">
        <v>41</v>
      </c>
      <c r="AG12770">
        <v>42</v>
      </c>
      <c r="AH12770">
        <v>42</v>
      </c>
      <c r="AI12770">
        <v>43</v>
      </c>
      <c r="AJ12770">
        <v>44</v>
      </c>
      <c r="AK12770">
        <v>44</v>
      </c>
      <c r="AL12770">
        <v>44</v>
      </c>
      <c r="AM12770">
        <v>45</v>
      </c>
      <c r="AN12770">
        <v>45</v>
      </c>
      <c r="AO12770">
        <v>45</v>
      </c>
      <c r="AP12770">
        <v>45</v>
      </c>
      <c r="AQ12770">
        <v>45</v>
      </c>
    </row>
    <row r="12771" spans="1:43">
      <c r="A12771" t="s">
        <v>7932</v>
      </c>
      <c r="B12771" t="s">
        <v>7933</v>
      </c>
      <c r="C12771" t="s">
        <v>7928</v>
      </c>
      <c r="D12771" t="s">
        <v>7929</v>
      </c>
      <c r="E12771" t="s">
        <v>7646</v>
      </c>
      <c r="F12771" t="s">
        <v>7647</v>
      </c>
      <c r="G12771" t="s">
        <v>80</v>
      </c>
      <c r="H12771" t="s">
        <v>81</v>
      </c>
      <c r="I12771" s="2">
        <v>0</v>
      </c>
      <c r="J12771" s="2">
        <v>1</v>
      </c>
      <c r="K12771" s="2">
        <v>0</v>
      </c>
      <c r="L12771" t="s">
        <v>82</v>
      </c>
      <c r="M12771" t="s">
        <v>87</v>
      </c>
      <c r="N12771" t="s">
        <v>88</v>
      </c>
      <c r="O12771" t="s">
        <v>85</v>
      </c>
      <c r="P12771" t="s">
        <v>86</v>
      </c>
      <c r="Q12771">
        <v>32</v>
      </c>
      <c r="R12771">
        <v>32</v>
      </c>
      <c r="S12771">
        <v>32</v>
      </c>
      <c r="T12771">
        <v>33</v>
      </c>
      <c r="U12771">
        <v>33</v>
      </c>
      <c r="V12771">
        <v>33</v>
      </c>
      <c r="W12771">
        <v>33</v>
      </c>
      <c r="X12771">
        <v>34</v>
      </c>
      <c r="Y12771">
        <v>34</v>
      </c>
      <c r="Z12771">
        <v>34</v>
      </c>
      <c r="AA12771">
        <v>35</v>
      </c>
      <c r="AB12771">
        <v>35</v>
      </c>
      <c r="AC12771">
        <v>35</v>
      </c>
      <c r="AD12771">
        <v>36</v>
      </c>
      <c r="AE12771">
        <v>36</v>
      </c>
      <c r="AF12771">
        <v>36</v>
      </c>
      <c r="AG12771">
        <v>36</v>
      </c>
      <c r="AH12771">
        <v>37</v>
      </c>
      <c r="AI12771">
        <v>37</v>
      </c>
      <c r="AJ12771">
        <v>37</v>
      </c>
      <c r="AK12771">
        <v>38</v>
      </c>
      <c r="AL12771">
        <v>38</v>
      </c>
      <c r="AM12771">
        <v>38</v>
      </c>
      <c r="AN12771">
        <v>39</v>
      </c>
      <c r="AO12771">
        <v>39</v>
      </c>
      <c r="AP12771">
        <v>39</v>
      </c>
      <c r="AQ12771">
        <v>40</v>
      </c>
    </row>
    <row r="12772" spans="1:43">
      <c r="A12772" t="s">
        <v>7932</v>
      </c>
      <c r="B12772" t="s">
        <v>7933</v>
      </c>
      <c r="C12772" t="s">
        <v>7928</v>
      </c>
      <c r="D12772" t="s">
        <v>7929</v>
      </c>
      <c r="E12772" t="s">
        <v>7646</v>
      </c>
      <c r="F12772" t="s">
        <v>7647</v>
      </c>
      <c r="G12772" t="s">
        <v>80</v>
      </c>
      <c r="H12772" t="s">
        <v>81</v>
      </c>
      <c r="I12772" s="2">
        <v>0</v>
      </c>
      <c r="J12772" s="2">
        <v>1</v>
      </c>
      <c r="K12772" s="2">
        <v>0</v>
      </c>
      <c r="L12772" t="s">
        <v>82</v>
      </c>
      <c r="M12772" t="s">
        <v>89</v>
      </c>
      <c r="N12772" t="s">
        <v>90</v>
      </c>
      <c r="O12772" t="s">
        <v>85</v>
      </c>
      <c r="P12772" t="s">
        <v>86</v>
      </c>
      <c r="Q12772">
        <v>32</v>
      </c>
      <c r="R12772">
        <v>33</v>
      </c>
      <c r="S12772">
        <v>34</v>
      </c>
      <c r="T12772">
        <v>35</v>
      </c>
      <c r="U12772">
        <v>36</v>
      </c>
      <c r="V12772">
        <v>37</v>
      </c>
      <c r="W12772">
        <v>37</v>
      </c>
      <c r="X12772">
        <v>38</v>
      </c>
      <c r="Y12772">
        <v>39</v>
      </c>
      <c r="Z12772">
        <v>40</v>
      </c>
      <c r="AA12772">
        <v>41</v>
      </c>
      <c r="AB12772">
        <v>41</v>
      </c>
      <c r="AC12772">
        <v>42</v>
      </c>
      <c r="AD12772">
        <v>43</v>
      </c>
      <c r="AE12772">
        <v>43</v>
      </c>
      <c r="AF12772">
        <v>44</v>
      </c>
      <c r="AG12772">
        <v>44</v>
      </c>
      <c r="AH12772">
        <v>44</v>
      </c>
      <c r="AI12772">
        <v>44</v>
      </c>
      <c r="AJ12772">
        <v>44</v>
      </c>
      <c r="AK12772">
        <v>45</v>
      </c>
      <c r="AL12772">
        <v>45</v>
      </c>
      <c r="AM12772">
        <v>45</v>
      </c>
      <c r="AN12772">
        <v>45</v>
      </c>
      <c r="AO12772">
        <v>45</v>
      </c>
      <c r="AP12772">
        <v>45</v>
      </c>
      <c r="AQ12772">
        <v>46</v>
      </c>
    </row>
    <row r="12773" spans="1:43">
      <c r="A12773" t="s">
        <v>7932</v>
      </c>
      <c r="B12773" t="s">
        <v>7933</v>
      </c>
      <c r="C12773" t="s">
        <v>7928</v>
      </c>
      <c r="D12773" t="s">
        <v>7929</v>
      </c>
      <c r="E12773" t="s">
        <v>7646</v>
      </c>
      <c r="F12773" t="s">
        <v>7647</v>
      </c>
      <c r="G12773" t="s">
        <v>80</v>
      </c>
      <c r="H12773" t="s">
        <v>81</v>
      </c>
      <c r="I12773" s="2">
        <v>0</v>
      </c>
      <c r="J12773" s="2">
        <v>1</v>
      </c>
      <c r="K12773" s="2">
        <v>0</v>
      </c>
      <c r="L12773" t="s">
        <v>82</v>
      </c>
      <c r="M12773" t="s">
        <v>83</v>
      </c>
      <c r="N12773" t="s">
        <v>91</v>
      </c>
      <c r="O12773" t="s">
        <v>85</v>
      </c>
      <c r="P12773" t="s">
        <v>86</v>
      </c>
      <c r="Q12773">
        <v>32</v>
      </c>
      <c r="R12773">
        <v>33</v>
      </c>
      <c r="S12773">
        <v>33</v>
      </c>
      <c r="T12773">
        <v>34</v>
      </c>
      <c r="U12773">
        <v>34</v>
      </c>
      <c r="V12773">
        <v>35</v>
      </c>
      <c r="W12773">
        <v>36</v>
      </c>
      <c r="X12773">
        <v>36</v>
      </c>
      <c r="Y12773">
        <v>37</v>
      </c>
      <c r="Z12773">
        <v>37</v>
      </c>
      <c r="AA12773">
        <v>38</v>
      </c>
      <c r="AB12773">
        <v>39</v>
      </c>
      <c r="AC12773">
        <v>39</v>
      </c>
      <c r="AD12773">
        <v>40</v>
      </c>
      <c r="AE12773">
        <v>40</v>
      </c>
      <c r="AF12773">
        <v>41</v>
      </c>
      <c r="AG12773">
        <v>42</v>
      </c>
      <c r="AH12773">
        <v>42</v>
      </c>
      <c r="AI12773">
        <v>43</v>
      </c>
      <c r="AJ12773">
        <v>44</v>
      </c>
      <c r="AK12773">
        <v>44</v>
      </c>
      <c r="AL12773">
        <v>44</v>
      </c>
      <c r="AM12773">
        <v>45</v>
      </c>
      <c r="AN12773">
        <v>45</v>
      </c>
      <c r="AO12773">
        <v>45</v>
      </c>
      <c r="AP12773">
        <v>45</v>
      </c>
      <c r="AQ12773">
        <v>45</v>
      </c>
    </row>
    <row r="12774" spans="1:43">
      <c r="A12774" t="s">
        <v>7934</v>
      </c>
      <c r="B12774" t="s">
        <v>7935</v>
      </c>
      <c r="C12774" t="s">
        <v>7928</v>
      </c>
      <c r="D12774" t="s">
        <v>7929</v>
      </c>
      <c r="E12774" t="s">
        <v>7646</v>
      </c>
      <c r="F12774" t="s">
        <v>7647</v>
      </c>
      <c r="G12774" t="s">
        <v>80</v>
      </c>
      <c r="H12774" t="s">
        <v>81</v>
      </c>
      <c r="I12774" s="2">
        <v>0</v>
      </c>
      <c r="J12774" s="2">
        <v>1</v>
      </c>
      <c r="K12774" s="2">
        <v>0</v>
      </c>
      <c r="L12774" t="s">
        <v>82</v>
      </c>
      <c r="M12774" t="s">
        <v>83</v>
      </c>
      <c r="N12774" t="s">
        <v>84</v>
      </c>
      <c r="O12774" t="s">
        <v>85</v>
      </c>
      <c r="P12774" t="s">
        <v>86</v>
      </c>
      <c r="Q12774">
        <v>54</v>
      </c>
      <c r="R12774">
        <v>55</v>
      </c>
      <c r="S12774">
        <v>56</v>
      </c>
      <c r="T12774">
        <v>57</v>
      </c>
      <c r="U12774">
        <v>58</v>
      </c>
      <c r="V12774">
        <v>60</v>
      </c>
      <c r="W12774">
        <v>61</v>
      </c>
      <c r="X12774">
        <v>62</v>
      </c>
      <c r="Y12774">
        <v>63</v>
      </c>
      <c r="Z12774">
        <v>64</v>
      </c>
      <c r="AA12774">
        <v>65</v>
      </c>
      <c r="AB12774">
        <v>66</v>
      </c>
      <c r="AC12774">
        <v>67</v>
      </c>
      <c r="AD12774">
        <v>68</v>
      </c>
      <c r="AE12774">
        <v>69</v>
      </c>
      <c r="AF12774">
        <v>70</v>
      </c>
      <c r="AG12774">
        <v>71</v>
      </c>
      <c r="AH12774">
        <v>72</v>
      </c>
      <c r="AI12774">
        <v>73</v>
      </c>
      <c r="AJ12774">
        <v>74</v>
      </c>
      <c r="AK12774">
        <v>75</v>
      </c>
      <c r="AL12774">
        <v>76</v>
      </c>
      <c r="AM12774">
        <v>76</v>
      </c>
      <c r="AN12774">
        <v>76</v>
      </c>
      <c r="AO12774">
        <v>77</v>
      </c>
      <c r="AP12774">
        <v>77</v>
      </c>
      <c r="AQ12774">
        <v>77</v>
      </c>
    </row>
    <row r="12775" spans="1:43">
      <c r="A12775" t="s">
        <v>7934</v>
      </c>
      <c r="B12775" t="s">
        <v>7935</v>
      </c>
      <c r="C12775" t="s">
        <v>7928</v>
      </c>
      <c r="D12775" t="s">
        <v>7929</v>
      </c>
      <c r="E12775" t="s">
        <v>7646</v>
      </c>
      <c r="F12775" t="s">
        <v>7647</v>
      </c>
      <c r="G12775" t="s">
        <v>80</v>
      </c>
      <c r="H12775" t="s">
        <v>81</v>
      </c>
      <c r="I12775" s="2">
        <v>0</v>
      </c>
      <c r="J12775" s="2">
        <v>1</v>
      </c>
      <c r="K12775" s="2">
        <v>0</v>
      </c>
      <c r="L12775" t="s">
        <v>82</v>
      </c>
      <c r="M12775" t="s">
        <v>87</v>
      </c>
      <c r="N12775" t="s">
        <v>88</v>
      </c>
      <c r="O12775" t="s">
        <v>85</v>
      </c>
      <c r="P12775" t="s">
        <v>86</v>
      </c>
      <c r="Q12775">
        <v>54</v>
      </c>
      <c r="R12775">
        <v>54</v>
      </c>
      <c r="S12775">
        <v>55</v>
      </c>
      <c r="T12775">
        <v>55</v>
      </c>
      <c r="U12775">
        <v>56</v>
      </c>
      <c r="V12775">
        <v>56</v>
      </c>
      <c r="W12775">
        <v>57</v>
      </c>
      <c r="X12775">
        <v>57</v>
      </c>
      <c r="Y12775">
        <v>58</v>
      </c>
      <c r="Z12775">
        <v>58</v>
      </c>
      <c r="AA12775">
        <v>59</v>
      </c>
      <c r="AB12775">
        <v>59</v>
      </c>
      <c r="AC12775">
        <v>60</v>
      </c>
      <c r="AD12775">
        <v>60</v>
      </c>
      <c r="AE12775">
        <v>61</v>
      </c>
      <c r="AF12775">
        <v>61</v>
      </c>
      <c r="AG12775">
        <v>62</v>
      </c>
      <c r="AH12775">
        <v>62</v>
      </c>
      <c r="AI12775">
        <v>63</v>
      </c>
      <c r="AJ12775">
        <v>64</v>
      </c>
      <c r="AK12775">
        <v>64</v>
      </c>
      <c r="AL12775">
        <v>65</v>
      </c>
      <c r="AM12775">
        <v>65</v>
      </c>
      <c r="AN12775">
        <v>66</v>
      </c>
      <c r="AO12775">
        <v>66</v>
      </c>
      <c r="AP12775">
        <v>67</v>
      </c>
      <c r="AQ12775">
        <v>67</v>
      </c>
    </row>
    <row r="12776" spans="1:43">
      <c r="A12776" t="s">
        <v>7934</v>
      </c>
      <c r="B12776" t="s">
        <v>7935</v>
      </c>
      <c r="C12776" t="s">
        <v>7928</v>
      </c>
      <c r="D12776" t="s">
        <v>7929</v>
      </c>
      <c r="E12776" t="s">
        <v>7646</v>
      </c>
      <c r="F12776" t="s">
        <v>7647</v>
      </c>
      <c r="G12776" t="s">
        <v>80</v>
      </c>
      <c r="H12776" t="s">
        <v>81</v>
      </c>
      <c r="I12776" s="2">
        <v>0</v>
      </c>
      <c r="J12776" s="2">
        <v>1</v>
      </c>
      <c r="K12776" s="2">
        <v>0</v>
      </c>
      <c r="L12776" t="s">
        <v>82</v>
      </c>
      <c r="M12776" t="s">
        <v>89</v>
      </c>
      <c r="N12776" t="s">
        <v>90</v>
      </c>
      <c r="O12776" t="s">
        <v>85</v>
      </c>
      <c r="P12776" t="s">
        <v>86</v>
      </c>
      <c r="Q12776">
        <v>54</v>
      </c>
      <c r="R12776">
        <v>55</v>
      </c>
      <c r="S12776">
        <v>57</v>
      </c>
      <c r="T12776">
        <v>58</v>
      </c>
      <c r="U12776">
        <v>60</v>
      </c>
      <c r="V12776">
        <v>61</v>
      </c>
      <c r="W12776">
        <v>63</v>
      </c>
      <c r="X12776">
        <v>64</v>
      </c>
      <c r="Y12776">
        <v>65</v>
      </c>
      <c r="Z12776">
        <v>67</v>
      </c>
      <c r="AA12776">
        <v>68</v>
      </c>
      <c r="AB12776">
        <v>69</v>
      </c>
      <c r="AC12776">
        <v>71</v>
      </c>
      <c r="AD12776">
        <v>72</v>
      </c>
      <c r="AE12776">
        <v>73</v>
      </c>
      <c r="AF12776">
        <v>73</v>
      </c>
      <c r="AG12776">
        <v>73</v>
      </c>
      <c r="AH12776">
        <v>74</v>
      </c>
      <c r="AI12776">
        <v>74</v>
      </c>
      <c r="AJ12776">
        <v>74</v>
      </c>
      <c r="AK12776">
        <v>75</v>
      </c>
      <c r="AL12776">
        <v>75</v>
      </c>
      <c r="AM12776">
        <v>75</v>
      </c>
      <c r="AN12776">
        <v>76</v>
      </c>
      <c r="AO12776">
        <v>76</v>
      </c>
      <c r="AP12776">
        <v>76</v>
      </c>
      <c r="AQ12776">
        <v>77</v>
      </c>
    </row>
    <row r="12777" spans="1:43">
      <c r="A12777" t="s">
        <v>7934</v>
      </c>
      <c r="B12777" t="s">
        <v>7935</v>
      </c>
      <c r="C12777" t="s">
        <v>7928</v>
      </c>
      <c r="D12777" t="s">
        <v>7929</v>
      </c>
      <c r="E12777" t="s">
        <v>7646</v>
      </c>
      <c r="F12777" t="s">
        <v>7647</v>
      </c>
      <c r="G12777" t="s">
        <v>80</v>
      </c>
      <c r="H12777" t="s">
        <v>81</v>
      </c>
      <c r="I12777" s="2">
        <v>0</v>
      </c>
      <c r="J12777" s="2">
        <v>1</v>
      </c>
      <c r="K12777" s="2">
        <v>0</v>
      </c>
      <c r="L12777" t="s">
        <v>82</v>
      </c>
      <c r="M12777" t="s">
        <v>83</v>
      </c>
      <c r="N12777" t="s">
        <v>91</v>
      </c>
      <c r="O12777" t="s">
        <v>85</v>
      </c>
      <c r="P12777" t="s">
        <v>86</v>
      </c>
      <c r="Q12777">
        <v>54</v>
      </c>
      <c r="R12777">
        <v>55</v>
      </c>
      <c r="S12777">
        <v>56</v>
      </c>
      <c r="T12777">
        <v>57</v>
      </c>
      <c r="U12777">
        <v>58</v>
      </c>
      <c r="V12777">
        <v>60</v>
      </c>
      <c r="W12777">
        <v>61</v>
      </c>
      <c r="X12777">
        <v>62</v>
      </c>
      <c r="Y12777">
        <v>63</v>
      </c>
      <c r="Z12777">
        <v>64</v>
      </c>
      <c r="AA12777">
        <v>65</v>
      </c>
      <c r="AB12777">
        <v>66</v>
      </c>
      <c r="AC12777">
        <v>67</v>
      </c>
      <c r="AD12777">
        <v>68</v>
      </c>
      <c r="AE12777">
        <v>69</v>
      </c>
      <c r="AF12777">
        <v>70</v>
      </c>
      <c r="AG12777">
        <v>71</v>
      </c>
      <c r="AH12777">
        <v>72</v>
      </c>
      <c r="AI12777">
        <v>73</v>
      </c>
      <c r="AJ12777">
        <v>74</v>
      </c>
      <c r="AK12777">
        <v>75</v>
      </c>
      <c r="AL12777">
        <v>76</v>
      </c>
      <c r="AM12777">
        <v>76</v>
      </c>
      <c r="AN12777">
        <v>76</v>
      </c>
      <c r="AO12777">
        <v>77</v>
      </c>
      <c r="AP12777">
        <v>77</v>
      </c>
      <c r="AQ12777">
        <v>77</v>
      </c>
    </row>
    <row r="12778" spans="1:43">
      <c r="A12778" t="s">
        <v>7936</v>
      </c>
      <c r="B12778" t="s">
        <v>7937</v>
      </c>
      <c r="C12778" t="s">
        <v>7928</v>
      </c>
      <c r="D12778" t="s">
        <v>7929</v>
      </c>
      <c r="E12778" t="s">
        <v>7646</v>
      </c>
      <c r="F12778" t="s">
        <v>7647</v>
      </c>
      <c r="G12778" t="s">
        <v>80</v>
      </c>
      <c r="H12778" t="s">
        <v>81</v>
      </c>
      <c r="I12778" s="2">
        <v>0</v>
      </c>
      <c r="J12778" s="2">
        <v>1</v>
      </c>
      <c r="K12778" s="2">
        <v>0</v>
      </c>
      <c r="L12778" t="s">
        <v>82</v>
      </c>
      <c r="M12778" t="s">
        <v>83</v>
      </c>
      <c r="N12778" t="s">
        <v>84</v>
      </c>
      <c r="O12778" t="s">
        <v>85</v>
      </c>
      <c r="P12778" t="s">
        <v>86</v>
      </c>
      <c r="Q12778">
        <v>7</v>
      </c>
      <c r="R12778">
        <v>7</v>
      </c>
      <c r="S12778">
        <v>7</v>
      </c>
      <c r="T12778">
        <v>7</v>
      </c>
      <c r="U12778">
        <v>7</v>
      </c>
      <c r="V12778">
        <v>8</v>
      </c>
      <c r="W12778">
        <v>8</v>
      </c>
      <c r="X12778">
        <v>8</v>
      </c>
      <c r="Y12778">
        <v>8</v>
      </c>
      <c r="Z12778">
        <v>8</v>
      </c>
      <c r="AA12778">
        <v>8</v>
      </c>
      <c r="AB12778">
        <v>8</v>
      </c>
      <c r="AC12778">
        <v>9</v>
      </c>
      <c r="AD12778">
        <v>9</v>
      </c>
      <c r="AE12778">
        <v>9</v>
      </c>
      <c r="AF12778">
        <v>9</v>
      </c>
      <c r="AG12778">
        <v>9</v>
      </c>
      <c r="AH12778">
        <v>9</v>
      </c>
      <c r="AI12778">
        <v>9</v>
      </c>
      <c r="AJ12778">
        <v>9</v>
      </c>
      <c r="AK12778">
        <v>10</v>
      </c>
      <c r="AL12778">
        <v>10</v>
      </c>
      <c r="AM12778">
        <v>10</v>
      </c>
      <c r="AN12778">
        <v>10</v>
      </c>
      <c r="AO12778">
        <v>10</v>
      </c>
      <c r="AP12778">
        <v>10</v>
      </c>
      <c r="AQ12778">
        <v>10</v>
      </c>
    </row>
    <row r="12779" spans="1:43">
      <c r="A12779" t="s">
        <v>7936</v>
      </c>
      <c r="B12779" t="s">
        <v>7937</v>
      </c>
      <c r="C12779" t="s">
        <v>7928</v>
      </c>
      <c r="D12779" t="s">
        <v>7929</v>
      </c>
      <c r="E12779" t="s">
        <v>7646</v>
      </c>
      <c r="F12779" t="s">
        <v>7647</v>
      </c>
      <c r="G12779" t="s">
        <v>80</v>
      </c>
      <c r="H12779" t="s">
        <v>81</v>
      </c>
      <c r="I12779" s="2">
        <v>0</v>
      </c>
      <c r="J12779" s="2">
        <v>1</v>
      </c>
      <c r="K12779" s="2">
        <v>0</v>
      </c>
      <c r="L12779" t="s">
        <v>82</v>
      </c>
      <c r="M12779" t="s">
        <v>87</v>
      </c>
      <c r="N12779" t="s">
        <v>88</v>
      </c>
      <c r="O12779" t="s">
        <v>85</v>
      </c>
      <c r="P12779" t="s">
        <v>86</v>
      </c>
      <c r="Q12779">
        <v>7</v>
      </c>
      <c r="R12779">
        <v>7</v>
      </c>
      <c r="S12779">
        <v>7</v>
      </c>
      <c r="T12779">
        <v>7</v>
      </c>
      <c r="U12779">
        <v>7</v>
      </c>
      <c r="V12779">
        <v>7</v>
      </c>
      <c r="W12779">
        <v>7</v>
      </c>
      <c r="X12779">
        <v>7</v>
      </c>
      <c r="Y12779">
        <v>7</v>
      </c>
      <c r="Z12779">
        <v>7</v>
      </c>
      <c r="AA12779">
        <v>8</v>
      </c>
      <c r="AB12779">
        <v>8</v>
      </c>
      <c r="AC12779">
        <v>8</v>
      </c>
      <c r="AD12779">
        <v>8</v>
      </c>
      <c r="AE12779">
        <v>8</v>
      </c>
      <c r="AF12779">
        <v>8</v>
      </c>
      <c r="AG12779">
        <v>8</v>
      </c>
      <c r="AH12779">
        <v>8</v>
      </c>
      <c r="AI12779">
        <v>8</v>
      </c>
      <c r="AJ12779">
        <v>8</v>
      </c>
      <c r="AK12779">
        <v>8</v>
      </c>
      <c r="AL12779">
        <v>8</v>
      </c>
      <c r="AM12779">
        <v>8</v>
      </c>
      <c r="AN12779">
        <v>8</v>
      </c>
      <c r="AO12779">
        <v>8</v>
      </c>
      <c r="AP12779">
        <v>8</v>
      </c>
      <c r="AQ12779">
        <v>9</v>
      </c>
    </row>
    <row r="12780" spans="1:43">
      <c r="A12780" t="s">
        <v>7936</v>
      </c>
      <c r="B12780" t="s">
        <v>7937</v>
      </c>
      <c r="C12780" t="s">
        <v>7928</v>
      </c>
      <c r="D12780" t="s">
        <v>7929</v>
      </c>
      <c r="E12780" t="s">
        <v>7646</v>
      </c>
      <c r="F12780" t="s">
        <v>7647</v>
      </c>
      <c r="G12780" t="s">
        <v>80</v>
      </c>
      <c r="H12780" t="s">
        <v>81</v>
      </c>
      <c r="I12780" s="2">
        <v>0</v>
      </c>
      <c r="J12780" s="2">
        <v>1</v>
      </c>
      <c r="K12780" s="2">
        <v>0</v>
      </c>
      <c r="L12780" t="s">
        <v>82</v>
      </c>
      <c r="M12780" t="s">
        <v>89</v>
      </c>
      <c r="N12780" t="s">
        <v>90</v>
      </c>
      <c r="O12780" t="s">
        <v>85</v>
      </c>
      <c r="P12780" t="s">
        <v>86</v>
      </c>
      <c r="Q12780">
        <v>7</v>
      </c>
      <c r="R12780">
        <v>7</v>
      </c>
      <c r="S12780">
        <v>7</v>
      </c>
      <c r="T12780">
        <v>8</v>
      </c>
      <c r="U12780">
        <v>8</v>
      </c>
      <c r="V12780">
        <v>8</v>
      </c>
      <c r="W12780">
        <v>8</v>
      </c>
      <c r="X12780">
        <v>8</v>
      </c>
      <c r="Y12780">
        <v>8</v>
      </c>
      <c r="Z12780">
        <v>9</v>
      </c>
      <c r="AA12780">
        <v>9</v>
      </c>
      <c r="AB12780">
        <v>9</v>
      </c>
      <c r="AC12780">
        <v>9</v>
      </c>
      <c r="AD12780">
        <v>9</v>
      </c>
      <c r="AE12780">
        <v>9</v>
      </c>
      <c r="AF12780">
        <v>9</v>
      </c>
      <c r="AG12780">
        <v>9</v>
      </c>
      <c r="AH12780">
        <v>10</v>
      </c>
      <c r="AI12780">
        <v>10</v>
      </c>
      <c r="AJ12780">
        <v>10</v>
      </c>
      <c r="AK12780">
        <v>10</v>
      </c>
      <c r="AL12780">
        <v>10</v>
      </c>
      <c r="AM12780">
        <v>10</v>
      </c>
      <c r="AN12780">
        <v>10</v>
      </c>
      <c r="AO12780">
        <v>10</v>
      </c>
      <c r="AP12780">
        <v>10</v>
      </c>
      <c r="AQ12780">
        <v>10</v>
      </c>
    </row>
    <row r="12781" spans="1:43">
      <c r="A12781" t="s">
        <v>7936</v>
      </c>
      <c r="B12781" t="s">
        <v>7937</v>
      </c>
      <c r="C12781" t="s">
        <v>7928</v>
      </c>
      <c r="D12781" t="s">
        <v>7929</v>
      </c>
      <c r="E12781" t="s">
        <v>7646</v>
      </c>
      <c r="F12781" t="s">
        <v>7647</v>
      </c>
      <c r="G12781" t="s">
        <v>80</v>
      </c>
      <c r="H12781" t="s">
        <v>81</v>
      </c>
      <c r="I12781" s="2">
        <v>0</v>
      </c>
      <c r="J12781" s="2">
        <v>1</v>
      </c>
      <c r="K12781" s="2">
        <v>0</v>
      </c>
      <c r="L12781" t="s">
        <v>82</v>
      </c>
      <c r="M12781" t="s">
        <v>83</v>
      </c>
      <c r="N12781" t="s">
        <v>91</v>
      </c>
      <c r="O12781" t="s">
        <v>85</v>
      </c>
      <c r="P12781" t="s">
        <v>86</v>
      </c>
      <c r="Q12781">
        <v>7</v>
      </c>
      <c r="R12781">
        <v>7</v>
      </c>
      <c r="S12781">
        <v>7</v>
      </c>
      <c r="T12781">
        <v>7</v>
      </c>
      <c r="U12781">
        <v>7</v>
      </c>
      <c r="V12781">
        <v>8</v>
      </c>
      <c r="W12781">
        <v>8</v>
      </c>
      <c r="X12781">
        <v>8</v>
      </c>
      <c r="Y12781">
        <v>8</v>
      </c>
      <c r="Z12781">
        <v>8</v>
      </c>
      <c r="AA12781">
        <v>8</v>
      </c>
      <c r="AB12781">
        <v>8</v>
      </c>
      <c r="AC12781">
        <v>9</v>
      </c>
      <c r="AD12781">
        <v>9</v>
      </c>
      <c r="AE12781">
        <v>9</v>
      </c>
      <c r="AF12781">
        <v>9</v>
      </c>
      <c r="AG12781">
        <v>9</v>
      </c>
      <c r="AH12781">
        <v>9</v>
      </c>
      <c r="AI12781">
        <v>9</v>
      </c>
      <c r="AJ12781">
        <v>9</v>
      </c>
      <c r="AK12781">
        <v>10</v>
      </c>
      <c r="AL12781">
        <v>10</v>
      </c>
      <c r="AM12781">
        <v>10</v>
      </c>
      <c r="AN12781">
        <v>10</v>
      </c>
      <c r="AO12781">
        <v>10</v>
      </c>
      <c r="AP12781">
        <v>10</v>
      </c>
      <c r="AQ12781">
        <v>10</v>
      </c>
    </row>
    <row r="12782" spans="1:43">
      <c r="A12782" t="s">
        <v>7938</v>
      </c>
      <c r="B12782" t="s">
        <v>7939</v>
      </c>
      <c r="C12782" t="s">
        <v>7928</v>
      </c>
      <c r="D12782" t="s">
        <v>7929</v>
      </c>
      <c r="E12782" t="s">
        <v>7646</v>
      </c>
      <c r="F12782" t="s">
        <v>7647</v>
      </c>
      <c r="G12782" t="s">
        <v>80</v>
      </c>
      <c r="H12782" t="s">
        <v>81</v>
      </c>
      <c r="I12782" s="2">
        <v>0</v>
      </c>
      <c r="J12782" s="2">
        <v>1</v>
      </c>
      <c r="K12782" s="2">
        <v>0</v>
      </c>
      <c r="L12782" t="s">
        <v>82</v>
      </c>
      <c r="M12782" t="s">
        <v>83</v>
      </c>
      <c r="N12782" t="s">
        <v>84</v>
      </c>
      <c r="O12782" t="s">
        <v>85</v>
      </c>
      <c r="P12782" t="s">
        <v>86</v>
      </c>
      <c r="Q12782">
        <v>93</v>
      </c>
      <c r="R12782">
        <v>94</v>
      </c>
      <c r="S12782">
        <v>96</v>
      </c>
      <c r="T12782">
        <v>98</v>
      </c>
      <c r="U12782">
        <v>100</v>
      </c>
      <c r="V12782">
        <v>101</v>
      </c>
      <c r="W12782">
        <v>103</v>
      </c>
      <c r="X12782">
        <v>105</v>
      </c>
      <c r="Y12782">
        <v>107</v>
      </c>
      <c r="Z12782">
        <v>109</v>
      </c>
      <c r="AA12782">
        <v>110</v>
      </c>
      <c r="AB12782">
        <v>112</v>
      </c>
      <c r="AC12782">
        <v>114</v>
      </c>
      <c r="AD12782">
        <v>116</v>
      </c>
      <c r="AE12782">
        <v>117</v>
      </c>
      <c r="AF12782">
        <v>119</v>
      </c>
      <c r="AG12782">
        <v>121</v>
      </c>
      <c r="AH12782">
        <v>123</v>
      </c>
      <c r="AI12782">
        <v>124</v>
      </c>
      <c r="AJ12782">
        <v>126</v>
      </c>
      <c r="AK12782">
        <v>128</v>
      </c>
      <c r="AL12782">
        <v>129</v>
      </c>
      <c r="AM12782">
        <v>129</v>
      </c>
      <c r="AN12782">
        <v>130</v>
      </c>
      <c r="AO12782">
        <v>131</v>
      </c>
      <c r="AP12782">
        <v>131</v>
      </c>
      <c r="AQ12782">
        <v>132</v>
      </c>
    </row>
    <row r="12783" spans="1:43">
      <c r="A12783" t="s">
        <v>7938</v>
      </c>
      <c r="B12783" t="s">
        <v>7939</v>
      </c>
      <c r="C12783" t="s">
        <v>7928</v>
      </c>
      <c r="D12783" t="s">
        <v>7929</v>
      </c>
      <c r="E12783" t="s">
        <v>7646</v>
      </c>
      <c r="F12783" t="s">
        <v>7647</v>
      </c>
      <c r="G12783" t="s">
        <v>80</v>
      </c>
      <c r="H12783" t="s">
        <v>81</v>
      </c>
      <c r="I12783" s="2">
        <v>0</v>
      </c>
      <c r="J12783" s="2">
        <v>1</v>
      </c>
      <c r="K12783" s="2">
        <v>0</v>
      </c>
      <c r="L12783" t="s">
        <v>82</v>
      </c>
      <c r="M12783" t="s">
        <v>87</v>
      </c>
      <c r="N12783" t="s">
        <v>88</v>
      </c>
      <c r="O12783" t="s">
        <v>85</v>
      </c>
      <c r="P12783" t="s">
        <v>86</v>
      </c>
      <c r="Q12783">
        <v>93</v>
      </c>
      <c r="R12783">
        <v>94</v>
      </c>
      <c r="S12783">
        <v>95</v>
      </c>
      <c r="T12783">
        <v>95</v>
      </c>
      <c r="U12783">
        <v>96</v>
      </c>
      <c r="V12783">
        <v>97</v>
      </c>
      <c r="W12783">
        <v>98</v>
      </c>
      <c r="X12783">
        <v>99</v>
      </c>
      <c r="Y12783">
        <v>100</v>
      </c>
      <c r="Z12783">
        <v>101</v>
      </c>
      <c r="AA12783">
        <v>101</v>
      </c>
      <c r="AB12783">
        <v>102</v>
      </c>
      <c r="AC12783">
        <v>103</v>
      </c>
      <c r="AD12783">
        <v>104</v>
      </c>
      <c r="AE12783">
        <v>105</v>
      </c>
      <c r="AF12783">
        <v>106</v>
      </c>
      <c r="AG12783">
        <v>107</v>
      </c>
      <c r="AH12783">
        <v>108</v>
      </c>
      <c r="AI12783">
        <v>108</v>
      </c>
      <c r="AJ12783">
        <v>109</v>
      </c>
      <c r="AK12783">
        <v>110</v>
      </c>
      <c r="AL12783">
        <v>111</v>
      </c>
      <c r="AM12783">
        <v>112</v>
      </c>
      <c r="AN12783">
        <v>113</v>
      </c>
      <c r="AO12783">
        <v>114</v>
      </c>
      <c r="AP12783">
        <v>115</v>
      </c>
      <c r="AQ12783">
        <v>115</v>
      </c>
    </row>
    <row r="12784" spans="1:43">
      <c r="A12784" t="s">
        <v>7938</v>
      </c>
      <c r="B12784" t="s">
        <v>7939</v>
      </c>
      <c r="C12784" t="s">
        <v>7928</v>
      </c>
      <c r="D12784" t="s">
        <v>7929</v>
      </c>
      <c r="E12784" t="s">
        <v>7646</v>
      </c>
      <c r="F12784" t="s">
        <v>7647</v>
      </c>
      <c r="G12784" t="s">
        <v>80</v>
      </c>
      <c r="H12784" t="s">
        <v>81</v>
      </c>
      <c r="I12784" s="2">
        <v>0</v>
      </c>
      <c r="J12784" s="2">
        <v>1</v>
      </c>
      <c r="K12784" s="2">
        <v>0</v>
      </c>
      <c r="L12784" t="s">
        <v>82</v>
      </c>
      <c r="M12784" t="s">
        <v>89</v>
      </c>
      <c r="N12784" t="s">
        <v>90</v>
      </c>
      <c r="O12784" t="s">
        <v>85</v>
      </c>
      <c r="P12784" t="s">
        <v>86</v>
      </c>
      <c r="Q12784">
        <v>93</v>
      </c>
      <c r="R12784">
        <v>95</v>
      </c>
      <c r="S12784">
        <v>98</v>
      </c>
      <c r="T12784">
        <v>100</v>
      </c>
      <c r="U12784">
        <v>103</v>
      </c>
      <c r="V12784">
        <v>105</v>
      </c>
      <c r="W12784">
        <v>108</v>
      </c>
      <c r="X12784">
        <v>110</v>
      </c>
      <c r="Y12784">
        <v>112</v>
      </c>
      <c r="Z12784">
        <v>114</v>
      </c>
      <c r="AA12784">
        <v>117</v>
      </c>
      <c r="AB12784">
        <v>119</v>
      </c>
      <c r="AC12784">
        <v>121</v>
      </c>
      <c r="AD12784">
        <v>123</v>
      </c>
      <c r="AE12784">
        <v>125</v>
      </c>
      <c r="AF12784">
        <v>125</v>
      </c>
      <c r="AG12784">
        <v>126</v>
      </c>
      <c r="AH12784">
        <v>127</v>
      </c>
      <c r="AI12784">
        <v>127</v>
      </c>
      <c r="AJ12784">
        <v>128</v>
      </c>
      <c r="AK12784">
        <v>128</v>
      </c>
      <c r="AL12784">
        <v>129</v>
      </c>
      <c r="AM12784">
        <v>129</v>
      </c>
      <c r="AN12784">
        <v>130</v>
      </c>
      <c r="AO12784">
        <v>130</v>
      </c>
      <c r="AP12784">
        <v>131</v>
      </c>
      <c r="AQ12784">
        <v>131</v>
      </c>
    </row>
    <row r="12785" spans="1:43">
      <c r="A12785" t="s">
        <v>7938</v>
      </c>
      <c r="B12785" t="s">
        <v>7939</v>
      </c>
      <c r="C12785" t="s">
        <v>7928</v>
      </c>
      <c r="D12785" t="s">
        <v>7929</v>
      </c>
      <c r="E12785" t="s">
        <v>7646</v>
      </c>
      <c r="F12785" t="s">
        <v>7647</v>
      </c>
      <c r="G12785" t="s">
        <v>80</v>
      </c>
      <c r="H12785" t="s">
        <v>81</v>
      </c>
      <c r="I12785" s="2">
        <v>0</v>
      </c>
      <c r="J12785" s="2">
        <v>1</v>
      </c>
      <c r="K12785" s="2">
        <v>0</v>
      </c>
      <c r="L12785" t="s">
        <v>82</v>
      </c>
      <c r="M12785" t="s">
        <v>83</v>
      </c>
      <c r="N12785" t="s">
        <v>91</v>
      </c>
      <c r="O12785" t="s">
        <v>85</v>
      </c>
      <c r="P12785" t="s">
        <v>86</v>
      </c>
      <c r="Q12785">
        <v>93</v>
      </c>
      <c r="R12785">
        <v>94</v>
      </c>
      <c r="S12785">
        <v>96</v>
      </c>
      <c r="T12785">
        <v>98</v>
      </c>
      <c r="U12785">
        <v>100</v>
      </c>
      <c r="V12785">
        <v>101</v>
      </c>
      <c r="W12785">
        <v>103</v>
      </c>
      <c r="X12785">
        <v>105</v>
      </c>
      <c r="Y12785">
        <v>107</v>
      </c>
      <c r="Z12785">
        <v>109</v>
      </c>
      <c r="AA12785">
        <v>110</v>
      </c>
      <c r="AB12785">
        <v>112</v>
      </c>
      <c r="AC12785">
        <v>114</v>
      </c>
      <c r="AD12785">
        <v>116</v>
      </c>
      <c r="AE12785">
        <v>117</v>
      </c>
      <c r="AF12785">
        <v>119</v>
      </c>
      <c r="AG12785">
        <v>121</v>
      </c>
      <c r="AH12785">
        <v>123</v>
      </c>
      <c r="AI12785">
        <v>124</v>
      </c>
      <c r="AJ12785">
        <v>126</v>
      </c>
      <c r="AK12785">
        <v>128</v>
      </c>
      <c r="AL12785">
        <v>129</v>
      </c>
      <c r="AM12785">
        <v>129</v>
      </c>
      <c r="AN12785">
        <v>130</v>
      </c>
      <c r="AO12785">
        <v>131</v>
      </c>
      <c r="AP12785">
        <v>131</v>
      </c>
      <c r="AQ12785">
        <v>132</v>
      </c>
    </row>
    <row r="12786" spans="1:43">
      <c r="A12786" t="s">
        <v>7940</v>
      </c>
      <c r="B12786" t="s">
        <v>7941</v>
      </c>
      <c r="C12786" t="s">
        <v>7928</v>
      </c>
      <c r="D12786" t="s">
        <v>7929</v>
      </c>
      <c r="E12786" t="s">
        <v>7646</v>
      </c>
      <c r="F12786" t="s">
        <v>7647</v>
      </c>
      <c r="G12786" t="s">
        <v>80</v>
      </c>
      <c r="H12786" t="s">
        <v>81</v>
      </c>
      <c r="I12786" s="2">
        <v>0</v>
      </c>
      <c r="J12786" s="2">
        <v>1</v>
      </c>
      <c r="K12786" s="2">
        <v>0</v>
      </c>
      <c r="L12786" t="s">
        <v>82</v>
      </c>
      <c r="M12786" t="s">
        <v>83</v>
      </c>
      <c r="N12786" t="s">
        <v>84</v>
      </c>
      <c r="O12786" t="s">
        <v>85</v>
      </c>
      <c r="P12786" t="s">
        <v>86</v>
      </c>
      <c r="Q12786">
        <v>19</v>
      </c>
      <c r="R12786">
        <v>20</v>
      </c>
      <c r="S12786">
        <v>20</v>
      </c>
      <c r="T12786">
        <v>20</v>
      </c>
      <c r="U12786">
        <v>21</v>
      </c>
      <c r="V12786">
        <v>21</v>
      </c>
      <c r="W12786">
        <v>21</v>
      </c>
      <c r="X12786">
        <v>22</v>
      </c>
      <c r="Y12786">
        <v>22</v>
      </c>
      <c r="Z12786">
        <v>23</v>
      </c>
      <c r="AA12786">
        <v>23</v>
      </c>
      <c r="AB12786">
        <v>23</v>
      </c>
      <c r="AC12786">
        <v>24</v>
      </c>
      <c r="AD12786">
        <v>24</v>
      </c>
      <c r="AE12786">
        <v>24</v>
      </c>
      <c r="AF12786">
        <v>25</v>
      </c>
      <c r="AG12786">
        <v>25</v>
      </c>
      <c r="AH12786">
        <v>26</v>
      </c>
      <c r="AI12786">
        <v>26</v>
      </c>
      <c r="AJ12786">
        <v>26</v>
      </c>
      <c r="AK12786">
        <v>27</v>
      </c>
      <c r="AL12786">
        <v>27</v>
      </c>
      <c r="AM12786">
        <v>27</v>
      </c>
      <c r="AN12786">
        <v>27</v>
      </c>
      <c r="AO12786">
        <v>27</v>
      </c>
      <c r="AP12786">
        <v>27</v>
      </c>
      <c r="AQ12786">
        <v>27</v>
      </c>
    </row>
    <row r="12787" spans="1:43">
      <c r="A12787" t="s">
        <v>7940</v>
      </c>
      <c r="B12787" t="s">
        <v>7941</v>
      </c>
      <c r="C12787" t="s">
        <v>7928</v>
      </c>
      <c r="D12787" t="s">
        <v>7929</v>
      </c>
      <c r="E12787" t="s">
        <v>7646</v>
      </c>
      <c r="F12787" t="s">
        <v>7647</v>
      </c>
      <c r="G12787" t="s">
        <v>80</v>
      </c>
      <c r="H12787" t="s">
        <v>81</v>
      </c>
      <c r="I12787" s="2">
        <v>0</v>
      </c>
      <c r="J12787" s="2">
        <v>1</v>
      </c>
      <c r="K12787" s="2">
        <v>0</v>
      </c>
      <c r="L12787" t="s">
        <v>82</v>
      </c>
      <c r="M12787" t="s">
        <v>87</v>
      </c>
      <c r="N12787" t="s">
        <v>88</v>
      </c>
      <c r="O12787" t="s">
        <v>85</v>
      </c>
      <c r="P12787" t="s">
        <v>86</v>
      </c>
      <c r="Q12787">
        <v>19</v>
      </c>
      <c r="R12787">
        <v>19</v>
      </c>
      <c r="S12787">
        <v>19</v>
      </c>
      <c r="T12787">
        <v>20</v>
      </c>
      <c r="U12787">
        <v>20</v>
      </c>
      <c r="V12787">
        <v>20</v>
      </c>
      <c r="W12787">
        <v>20</v>
      </c>
      <c r="X12787">
        <v>20</v>
      </c>
      <c r="Y12787">
        <v>21</v>
      </c>
      <c r="Z12787">
        <v>21</v>
      </c>
      <c r="AA12787">
        <v>21</v>
      </c>
      <c r="AB12787">
        <v>21</v>
      </c>
      <c r="AC12787">
        <v>21</v>
      </c>
      <c r="AD12787">
        <v>21</v>
      </c>
      <c r="AE12787">
        <v>22</v>
      </c>
      <c r="AF12787">
        <v>22</v>
      </c>
      <c r="AG12787">
        <v>22</v>
      </c>
      <c r="AH12787">
        <v>22</v>
      </c>
      <c r="AI12787">
        <v>22</v>
      </c>
      <c r="AJ12787">
        <v>23</v>
      </c>
      <c r="AK12787">
        <v>23</v>
      </c>
      <c r="AL12787">
        <v>23</v>
      </c>
      <c r="AM12787">
        <v>23</v>
      </c>
      <c r="AN12787">
        <v>23</v>
      </c>
      <c r="AO12787">
        <v>23</v>
      </c>
      <c r="AP12787">
        <v>24</v>
      </c>
      <c r="AQ12787">
        <v>24</v>
      </c>
    </row>
    <row r="12788" spans="1:43">
      <c r="A12788" t="s">
        <v>7940</v>
      </c>
      <c r="B12788" t="s">
        <v>7941</v>
      </c>
      <c r="C12788" t="s">
        <v>7928</v>
      </c>
      <c r="D12788" t="s">
        <v>7929</v>
      </c>
      <c r="E12788" t="s">
        <v>7646</v>
      </c>
      <c r="F12788" t="s">
        <v>7647</v>
      </c>
      <c r="G12788" t="s">
        <v>80</v>
      </c>
      <c r="H12788" t="s">
        <v>81</v>
      </c>
      <c r="I12788" s="2">
        <v>0</v>
      </c>
      <c r="J12788" s="2">
        <v>1</v>
      </c>
      <c r="K12788" s="2">
        <v>0</v>
      </c>
      <c r="L12788" t="s">
        <v>82</v>
      </c>
      <c r="M12788" t="s">
        <v>89</v>
      </c>
      <c r="N12788" t="s">
        <v>90</v>
      </c>
      <c r="O12788" t="s">
        <v>85</v>
      </c>
      <c r="P12788" t="s">
        <v>86</v>
      </c>
      <c r="Q12788">
        <v>19</v>
      </c>
      <c r="R12788">
        <v>20</v>
      </c>
      <c r="S12788">
        <v>21</v>
      </c>
      <c r="T12788">
        <v>21</v>
      </c>
      <c r="U12788">
        <v>22</v>
      </c>
      <c r="V12788">
        <v>22</v>
      </c>
      <c r="W12788">
        <v>23</v>
      </c>
      <c r="X12788">
        <v>23</v>
      </c>
      <c r="Y12788">
        <v>24</v>
      </c>
      <c r="Z12788">
        <v>24</v>
      </c>
      <c r="AA12788">
        <v>24</v>
      </c>
      <c r="AB12788">
        <v>25</v>
      </c>
      <c r="AC12788">
        <v>25</v>
      </c>
      <c r="AD12788">
        <v>26</v>
      </c>
      <c r="AE12788">
        <v>26</v>
      </c>
      <c r="AF12788">
        <v>26</v>
      </c>
      <c r="AG12788">
        <v>26</v>
      </c>
      <c r="AH12788">
        <v>27</v>
      </c>
      <c r="AI12788">
        <v>27</v>
      </c>
      <c r="AJ12788">
        <v>27</v>
      </c>
      <c r="AK12788">
        <v>27</v>
      </c>
      <c r="AL12788">
        <v>27</v>
      </c>
      <c r="AM12788">
        <v>27</v>
      </c>
      <c r="AN12788">
        <v>27</v>
      </c>
      <c r="AO12788">
        <v>27</v>
      </c>
      <c r="AP12788">
        <v>27</v>
      </c>
      <c r="AQ12788">
        <v>28</v>
      </c>
    </row>
    <row r="12789" spans="1:43">
      <c r="A12789" t="s">
        <v>7940</v>
      </c>
      <c r="B12789" t="s">
        <v>7941</v>
      </c>
      <c r="C12789" t="s">
        <v>7928</v>
      </c>
      <c r="D12789" t="s">
        <v>7929</v>
      </c>
      <c r="E12789" t="s">
        <v>7646</v>
      </c>
      <c r="F12789" t="s">
        <v>7647</v>
      </c>
      <c r="G12789" t="s">
        <v>80</v>
      </c>
      <c r="H12789" t="s">
        <v>81</v>
      </c>
      <c r="I12789" s="2">
        <v>0</v>
      </c>
      <c r="J12789" s="2">
        <v>1</v>
      </c>
      <c r="K12789" s="2">
        <v>0</v>
      </c>
      <c r="L12789" t="s">
        <v>82</v>
      </c>
      <c r="M12789" t="s">
        <v>83</v>
      </c>
      <c r="N12789" t="s">
        <v>91</v>
      </c>
      <c r="O12789" t="s">
        <v>85</v>
      </c>
      <c r="P12789" t="s">
        <v>86</v>
      </c>
      <c r="Q12789">
        <v>19</v>
      </c>
      <c r="R12789">
        <v>20</v>
      </c>
      <c r="S12789">
        <v>20</v>
      </c>
      <c r="T12789">
        <v>20</v>
      </c>
      <c r="U12789">
        <v>21</v>
      </c>
      <c r="V12789">
        <v>21</v>
      </c>
      <c r="W12789">
        <v>21</v>
      </c>
      <c r="X12789">
        <v>22</v>
      </c>
      <c r="Y12789">
        <v>22</v>
      </c>
      <c r="Z12789">
        <v>23</v>
      </c>
      <c r="AA12789">
        <v>23</v>
      </c>
      <c r="AB12789">
        <v>23</v>
      </c>
      <c r="AC12789">
        <v>24</v>
      </c>
      <c r="AD12789">
        <v>24</v>
      </c>
      <c r="AE12789">
        <v>24</v>
      </c>
      <c r="AF12789">
        <v>25</v>
      </c>
      <c r="AG12789">
        <v>25</v>
      </c>
      <c r="AH12789">
        <v>26</v>
      </c>
      <c r="AI12789">
        <v>26</v>
      </c>
      <c r="AJ12789">
        <v>26</v>
      </c>
      <c r="AK12789">
        <v>27</v>
      </c>
      <c r="AL12789">
        <v>27</v>
      </c>
      <c r="AM12789">
        <v>27</v>
      </c>
      <c r="AN12789">
        <v>27</v>
      </c>
      <c r="AO12789">
        <v>27</v>
      </c>
      <c r="AP12789">
        <v>27</v>
      </c>
      <c r="AQ12789">
        <v>27</v>
      </c>
    </row>
    <row r="12790" spans="1:43">
      <c r="A12790" t="s">
        <v>7942</v>
      </c>
      <c r="B12790" t="s">
        <v>7943</v>
      </c>
      <c r="C12790" t="s">
        <v>7944</v>
      </c>
      <c r="D12790" t="s">
        <v>7945</v>
      </c>
      <c r="E12790" t="s">
        <v>7646</v>
      </c>
      <c r="F12790" t="s">
        <v>7647</v>
      </c>
      <c r="G12790" t="s">
        <v>80</v>
      </c>
      <c r="H12790" t="s">
        <v>81</v>
      </c>
      <c r="I12790" s="2">
        <v>0</v>
      </c>
      <c r="J12790" s="2">
        <v>1</v>
      </c>
      <c r="K12790" s="2">
        <v>0</v>
      </c>
      <c r="L12790" t="s">
        <v>82</v>
      </c>
      <c r="M12790" t="s">
        <v>83</v>
      </c>
      <c r="N12790" t="s">
        <v>84</v>
      </c>
      <c r="O12790" t="s">
        <v>85</v>
      </c>
      <c r="P12790" t="s">
        <v>86</v>
      </c>
      <c r="Q12790">
        <v>0</v>
      </c>
      <c r="R12790">
        <v>0</v>
      </c>
      <c r="S12790">
        <v>0</v>
      </c>
      <c r="T12790">
        <v>0</v>
      </c>
      <c r="U12790">
        <v>0</v>
      </c>
      <c r="V12790">
        <v>0</v>
      </c>
      <c r="W12790">
        <v>0</v>
      </c>
      <c r="X12790">
        <v>0</v>
      </c>
      <c r="Y12790">
        <v>0</v>
      </c>
      <c r="Z12790">
        <v>0</v>
      </c>
      <c r="AA12790">
        <v>0</v>
      </c>
      <c r="AB12790">
        <v>0</v>
      </c>
      <c r="AC12790">
        <v>0</v>
      </c>
      <c r="AD12790">
        <v>0</v>
      </c>
      <c r="AE12790">
        <v>0</v>
      </c>
      <c r="AF12790">
        <v>0</v>
      </c>
      <c r="AG12790">
        <v>0</v>
      </c>
      <c r="AH12790">
        <v>0</v>
      </c>
      <c r="AI12790">
        <v>0</v>
      </c>
      <c r="AJ12790">
        <v>0</v>
      </c>
      <c r="AK12790">
        <v>0</v>
      </c>
      <c r="AL12790">
        <v>0</v>
      </c>
      <c r="AM12790">
        <v>0</v>
      </c>
      <c r="AN12790">
        <v>0</v>
      </c>
      <c r="AO12790">
        <v>0</v>
      </c>
      <c r="AP12790">
        <v>0</v>
      </c>
      <c r="AQ12790">
        <v>0</v>
      </c>
    </row>
    <row r="12791" spans="1:43">
      <c r="A12791" t="s">
        <v>7942</v>
      </c>
      <c r="B12791" t="s">
        <v>7943</v>
      </c>
      <c r="C12791" t="s">
        <v>7944</v>
      </c>
      <c r="D12791" t="s">
        <v>7945</v>
      </c>
      <c r="E12791" t="s">
        <v>7646</v>
      </c>
      <c r="F12791" t="s">
        <v>7647</v>
      </c>
      <c r="G12791" t="s">
        <v>80</v>
      </c>
      <c r="H12791" t="s">
        <v>81</v>
      </c>
      <c r="I12791" s="2">
        <v>0</v>
      </c>
      <c r="J12791" s="2">
        <v>1</v>
      </c>
      <c r="K12791" s="2">
        <v>0</v>
      </c>
      <c r="L12791" t="s">
        <v>82</v>
      </c>
      <c r="M12791" t="s">
        <v>87</v>
      </c>
      <c r="N12791" t="s">
        <v>88</v>
      </c>
      <c r="O12791" t="s">
        <v>85</v>
      </c>
      <c r="P12791" t="s">
        <v>86</v>
      </c>
      <c r="Q12791">
        <v>0</v>
      </c>
      <c r="R12791">
        <v>0</v>
      </c>
      <c r="S12791">
        <v>0</v>
      </c>
      <c r="T12791">
        <v>0</v>
      </c>
      <c r="U12791">
        <v>0</v>
      </c>
      <c r="V12791">
        <v>0</v>
      </c>
      <c r="W12791">
        <v>0</v>
      </c>
      <c r="X12791">
        <v>0</v>
      </c>
      <c r="Y12791">
        <v>0</v>
      </c>
      <c r="Z12791">
        <v>0</v>
      </c>
      <c r="AA12791">
        <v>0</v>
      </c>
      <c r="AB12791">
        <v>0</v>
      </c>
      <c r="AC12791">
        <v>0</v>
      </c>
      <c r="AD12791">
        <v>0</v>
      </c>
      <c r="AE12791">
        <v>0</v>
      </c>
      <c r="AF12791">
        <v>0</v>
      </c>
      <c r="AG12791">
        <v>0</v>
      </c>
      <c r="AH12791">
        <v>0</v>
      </c>
      <c r="AI12791">
        <v>0</v>
      </c>
      <c r="AJ12791">
        <v>0</v>
      </c>
      <c r="AK12791">
        <v>0</v>
      </c>
      <c r="AL12791">
        <v>0</v>
      </c>
      <c r="AM12791">
        <v>0</v>
      </c>
      <c r="AN12791">
        <v>0</v>
      </c>
      <c r="AO12791">
        <v>0</v>
      </c>
      <c r="AP12791">
        <v>0</v>
      </c>
      <c r="AQ12791">
        <v>0</v>
      </c>
    </row>
    <row r="12792" spans="1:43">
      <c r="A12792" t="s">
        <v>7942</v>
      </c>
      <c r="B12792" t="s">
        <v>7943</v>
      </c>
      <c r="C12792" t="s">
        <v>7944</v>
      </c>
      <c r="D12792" t="s">
        <v>7945</v>
      </c>
      <c r="E12792" t="s">
        <v>7646</v>
      </c>
      <c r="F12792" t="s">
        <v>7647</v>
      </c>
      <c r="G12792" t="s">
        <v>80</v>
      </c>
      <c r="H12792" t="s">
        <v>81</v>
      </c>
      <c r="I12792" s="2">
        <v>0</v>
      </c>
      <c r="J12792" s="2">
        <v>1</v>
      </c>
      <c r="K12792" s="2">
        <v>0</v>
      </c>
      <c r="L12792" t="s">
        <v>82</v>
      </c>
      <c r="M12792" t="s">
        <v>89</v>
      </c>
      <c r="N12792" t="s">
        <v>90</v>
      </c>
      <c r="O12792" t="s">
        <v>85</v>
      </c>
      <c r="P12792" t="s">
        <v>86</v>
      </c>
      <c r="Q12792">
        <v>0</v>
      </c>
      <c r="R12792">
        <v>0</v>
      </c>
      <c r="S12792">
        <v>0</v>
      </c>
      <c r="T12792">
        <v>0</v>
      </c>
      <c r="U12792">
        <v>0</v>
      </c>
      <c r="V12792">
        <v>0</v>
      </c>
      <c r="W12792">
        <v>0</v>
      </c>
      <c r="X12792">
        <v>0</v>
      </c>
      <c r="Y12792">
        <v>0</v>
      </c>
      <c r="Z12792">
        <v>0</v>
      </c>
      <c r="AA12792">
        <v>0</v>
      </c>
      <c r="AB12792">
        <v>0</v>
      </c>
      <c r="AC12792">
        <v>0</v>
      </c>
      <c r="AD12792">
        <v>0</v>
      </c>
      <c r="AE12792">
        <v>0</v>
      </c>
      <c r="AF12792">
        <v>0</v>
      </c>
      <c r="AG12792">
        <v>0</v>
      </c>
      <c r="AH12792">
        <v>0</v>
      </c>
      <c r="AI12792">
        <v>0</v>
      </c>
      <c r="AJ12792">
        <v>0</v>
      </c>
      <c r="AK12792">
        <v>0</v>
      </c>
      <c r="AL12792">
        <v>0</v>
      </c>
      <c r="AM12792">
        <v>0</v>
      </c>
      <c r="AN12792">
        <v>0</v>
      </c>
      <c r="AO12792">
        <v>0</v>
      </c>
      <c r="AP12792">
        <v>0</v>
      </c>
      <c r="AQ12792">
        <v>0</v>
      </c>
    </row>
    <row r="12793" spans="1:43">
      <c r="A12793" t="s">
        <v>7942</v>
      </c>
      <c r="B12793" t="s">
        <v>7943</v>
      </c>
      <c r="C12793" t="s">
        <v>7944</v>
      </c>
      <c r="D12793" t="s">
        <v>7945</v>
      </c>
      <c r="E12793" t="s">
        <v>7646</v>
      </c>
      <c r="F12793" t="s">
        <v>7647</v>
      </c>
      <c r="G12793" t="s">
        <v>80</v>
      </c>
      <c r="H12793" t="s">
        <v>81</v>
      </c>
      <c r="I12793" s="2">
        <v>0</v>
      </c>
      <c r="J12793" s="2">
        <v>1</v>
      </c>
      <c r="K12793" s="2">
        <v>0</v>
      </c>
      <c r="L12793" t="s">
        <v>82</v>
      </c>
      <c r="M12793" t="s">
        <v>83</v>
      </c>
      <c r="N12793" t="s">
        <v>91</v>
      </c>
      <c r="O12793" t="s">
        <v>85</v>
      </c>
      <c r="P12793" t="s">
        <v>86</v>
      </c>
      <c r="Q12793">
        <v>0</v>
      </c>
      <c r="R12793">
        <v>0</v>
      </c>
      <c r="S12793">
        <v>0</v>
      </c>
      <c r="T12793">
        <v>0</v>
      </c>
      <c r="U12793">
        <v>0</v>
      </c>
      <c r="V12793">
        <v>0</v>
      </c>
      <c r="W12793">
        <v>0</v>
      </c>
      <c r="X12793">
        <v>0</v>
      </c>
      <c r="Y12793">
        <v>0</v>
      </c>
      <c r="Z12793">
        <v>0</v>
      </c>
      <c r="AA12793">
        <v>0</v>
      </c>
      <c r="AB12793">
        <v>0</v>
      </c>
      <c r="AC12793">
        <v>0</v>
      </c>
      <c r="AD12793">
        <v>0</v>
      </c>
      <c r="AE12793">
        <v>0</v>
      </c>
      <c r="AF12793">
        <v>0</v>
      </c>
      <c r="AG12793">
        <v>0</v>
      </c>
      <c r="AH12793">
        <v>0</v>
      </c>
      <c r="AI12793">
        <v>0</v>
      </c>
      <c r="AJ12793">
        <v>0</v>
      </c>
      <c r="AK12793">
        <v>0</v>
      </c>
      <c r="AL12793">
        <v>0</v>
      </c>
      <c r="AM12793">
        <v>0</v>
      </c>
      <c r="AN12793">
        <v>0</v>
      </c>
      <c r="AO12793">
        <v>0</v>
      </c>
      <c r="AP12793">
        <v>0</v>
      </c>
      <c r="AQ12793">
        <v>0</v>
      </c>
    </row>
    <row r="12794" spans="1:43">
      <c r="A12794" t="s">
        <v>7946</v>
      </c>
      <c r="B12794" t="s">
        <v>7947</v>
      </c>
      <c r="C12794" t="s">
        <v>7944</v>
      </c>
      <c r="D12794" t="s">
        <v>7945</v>
      </c>
      <c r="E12794" t="s">
        <v>7646</v>
      </c>
      <c r="F12794" t="s">
        <v>7647</v>
      </c>
      <c r="G12794" t="s">
        <v>80</v>
      </c>
      <c r="H12794" t="s">
        <v>81</v>
      </c>
      <c r="I12794" s="2">
        <v>0</v>
      </c>
      <c r="J12794" s="2">
        <v>1</v>
      </c>
      <c r="K12794" s="2">
        <v>0</v>
      </c>
      <c r="L12794" t="s">
        <v>82</v>
      </c>
      <c r="M12794" t="s">
        <v>83</v>
      </c>
      <c r="N12794" t="s">
        <v>84</v>
      </c>
      <c r="O12794" t="s">
        <v>85</v>
      </c>
      <c r="P12794" t="s">
        <v>86</v>
      </c>
      <c r="Q12794">
        <v>51</v>
      </c>
      <c r="R12794">
        <v>52</v>
      </c>
      <c r="S12794">
        <v>53</v>
      </c>
      <c r="T12794">
        <v>54</v>
      </c>
      <c r="U12794">
        <v>55</v>
      </c>
      <c r="V12794">
        <v>56</v>
      </c>
      <c r="W12794">
        <v>57</v>
      </c>
      <c r="X12794">
        <v>58</v>
      </c>
      <c r="Y12794">
        <v>59</v>
      </c>
      <c r="Z12794">
        <v>60</v>
      </c>
      <c r="AA12794">
        <v>61</v>
      </c>
      <c r="AB12794">
        <v>62</v>
      </c>
      <c r="AC12794">
        <v>62</v>
      </c>
      <c r="AD12794">
        <v>63</v>
      </c>
      <c r="AE12794">
        <v>64</v>
      </c>
      <c r="AF12794">
        <v>65</v>
      </c>
      <c r="AG12794">
        <v>66</v>
      </c>
      <c r="AH12794">
        <v>67</v>
      </c>
      <c r="AI12794">
        <v>68</v>
      </c>
      <c r="AJ12794">
        <v>69</v>
      </c>
      <c r="AK12794">
        <v>70</v>
      </c>
      <c r="AL12794">
        <v>71</v>
      </c>
      <c r="AM12794">
        <v>71</v>
      </c>
      <c r="AN12794">
        <v>71</v>
      </c>
      <c r="AO12794">
        <v>72</v>
      </c>
      <c r="AP12794">
        <v>72</v>
      </c>
      <c r="AQ12794">
        <v>72</v>
      </c>
    </row>
    <row r="12795" spans="1:43">
      <c r="A12795" t="s">
        <v>7946</v>
      </c>
      <c r="B12795" t="s">
        <v>7947</v>
      </c>
      <c r="C12795" t="s">
        <v>7944</v>
      </c>
      <c r="D12795" t="s">
        <v>7945</v>
      </c>
      <c r="E12795" t="s">
        <v>7646</v>
      </c>
      <c r="F12795" t="s">
        <v>7647</v>
      </c>
      <c r="G12795" t="s">
        <v>80</v>
      </c>
      <c r="H12795" t="s">
        <v>81</v>
      </c>
      <c r="I12795" s="2">
        <v>0</v>
      </c>
      <c r="J12795" s="2">
        <v>1</v>
      </c>
      <c r="K12795" s="2">
        <v>0</v>
      </c>
      <c r="L12795" t="s">
        <v>82</v>
      </c>
      <c r="M12795" t="s">
        <v>87</v>
      </c>
      <c r="N12795" t="s">
        <v>88</v>
      </c>
      <c r="O12795" t="s">
        <v>85</v>
      </c>
      <c r="P12795" t="s">
        <v>86</v>
      </c>
      <c r="Q12795">
        <v>51</v>
      </c>
      <c r="R12795">
        <v>52</v>
      </c>
      <c r="S12795">
        <v>52</v>
      </c>
      <c r="T12795">
        <v>53</v>
      </c>
      <c r="U12795">
        <v>53</v>
      </c>
      <c r="V12795">
        <v>54</v>
      </c>
      <c r="W12795">
        <v>54</v>
      </c>
      <c r="X12795">
        <v>55</v>
      </c>
      <c r="Y12795">
        <v>55</v>
      </c>
      <c r="Z12795">
        <v>56</v>
      </c>
      <c r="AA12795">
        <v>56</v>
      </c>
      <c r="AB12795">
        <v>57</v>
      </c>
      <c r="AC12795">
        <v>57</v>
      </c>
      <c r="AD12795">
        <v>58</v>
      </c>
      <c r="AE12795">
        <v>58</v>
      </c>
      <c r="AF12795">
        <v>59</v>
      </c>
      <c r="AG12795">
        <v>59</v>
      </c>
      <c r="AH12795">
        <v>59</v>
      </c>
      <c r="AI12795">
        <v>60</v>
      </c>
      <c r="AJ12795">
        <v>60</v>
      </c>
      <c r="AK12795">
        <v>61</v>
      </c>
      <c r="AL12795">
        <v>61</v>
      </c>
      <c r="AM12795">
        <v>62</v>
      </c>
      <c r="AN12795">
        <v>62</v>
      </c>
      <c r="AO12795">
        <v>63</v>
      </c>
      <c r="AP12795">
        <v>63</v>
      </c>
      <c r="AQ12795">
        <v>64</v>
      </c>
    </row>
    <row r="12796" spans="1:43">
      <c r="A12796" t="s">
        <v>7946</v>
      </c>
      <c r="B12796" t="s">
        <v>7947</v>
      </c>
      <c r="C12796" t="s">
        <v>7944</v>
      </c>
      <c r="D12796" t="s">
        <v>7945</v>
      </c>
      <c r="E12796" t="s">
        <v>7646</v>
      </c>
      <c r="F12796" t="s">
        <v>7647</v>
      </c>
      <c r="G12796" t="s">
        <v>80</v>
      </c>
      <c r="H12796" t="s">
        <v>81</v>
      </c>
      <c r="I12796" s="2">
        <v>0</v>
      </c>
      <c r="J12796" s="2">
        <v>1</v>
      </c>
      <c r="K12796" s="2">
        <v>0</v>
      </c>
      <c r="L12796" t="s">
        <v>82</v>
      </c>
      <c r="M12796" t="s">
        <v>89</v>
      </c>
      <c r="N12796" t="s">
        <v>90</v>
      </c>
      <c r="O12796" t="s">
        <v>85</v>
      </c>
      <c r="P12796" t="s">
        <v>86</v>
      </c>
      <c r="Q12796">
        <v>51</v>
      </c>
      <c r="R12796">
        <v>53</v>
      </c>
      <c r="S12796">
        <v>54</v>
      </c>
      <c r="T12796">
        <v>55</v>
      </c>
      <c r="U12796">
        <v>57</v>
      </c>
      <c r="V12796">
        <v>58</v>
      </c>
      <c r="W12796">
        <v>60</v>
      </c>
      <c r="X12796">
        <v>61</v>
      </c>
      <c r="Y12796">
        <v>62</v>
      </c>
      <c r="Z12796">
        <v>63</v>
      </c>
      <c r="AA12796">
        <v>64</v>
      </c>
      <c r="AB12796">
        <v>66</v>
      </c>
      <c r="AC12796">
        <v>67</v>
      </c>
      <c r="AD12796">
        <v>68</v>
      </c>
      <c r="AE12796">
        <v>69</v>
      </c>
      <c r="AF12796">
        <v>69</v>
      </c>
      <c r="AG12796">
        <v>70</v>
      </c>
      <c r="AH12796">
        <v>70</v>
      </c>
      <c r="AI12796">
        <v>70</v>
      </c>
      <c r="AJ12796">
        <v>71</v>
      </c>
      <c r="AK12796">
        <v>71</v>
      </c>
      <c r="AL12796">
        <v>71</v>
      </c>
      <c r="AM12796">
        <v>71</v>
      </c>
      <c r="AN12796">
        <v>72</v>
      </c>
      <c r="AO12796">
        <v>72</v>
      </c>
      <c r="AP12796">
        <v>72</v>
      </c>
      <c r="AQ12796">
        <v>73</v>
      </c>
    </row>
    <row r="12797" spans="1:43">
      <c r="A12797" t="s">
        <v>7946</v>
      </c>
      <c r="B12797" t="s">
        <v>7947</v>
      </c>
      <c r="C12797" t="s">
        <v>7944</v>
      </c>
      <c r="D12797" t="s">
        <v>7945</v>
      </c>
      <c r="E12797" t="s">
        <v>7646</v>
      </c>
      <c r="F12797" t="s">
        <v>7647</v>
      </c>
      <c r="G12797" t="s">
        <v>80</v>
      </c>
      <c r="H12797" t="s">
        <v>81</v>
      </c>
      <c r="I12797" s="2">
        <v>0</v>
      </c>
      <c r="J12797" s="2">
        <v>1</v>
      </c>
      <c r="K12797" s="2">
        <v>0</v>
      </c>
      <c r="L12797" t="s">
        <v>82</v>
      </c>
      <c r="M12797" t="s">
        <v>83</v>
      </c>
      <c r="N12797" t="s">
        <v>91</v>
      </c>
      <c r="O12797" t="s">
        <v>85</v>
      </c>
      <c r="P12797" t="s">
        <v>86</v>
      </c>
      <c r="Q12797">
        <v>51</v>
      </c>
      <c r="R12797">
        <v>52</v>
      </c>
      <c r="S12797">
        <v>53</v>
      </c>
      <c r="T12797">
        <v>54</v>
      </c>
      <c r="U12797">
        <v>55</v>
      </c>
      <c r="V12797">
        <v>56</v>
      </c>
      <c r="W12797">
        <v>57</v>
      </c>
      <c r="X12797">
        <v>58</v>
      </c>
      <c r="Y12797">
        <v>59</v>
      </c>
      <c r="Z12797">
        <v>60</v>
      </c>
      <c r="AA12797">
        <v>61</v>
      </c>
      <c r="AB12797">
        <v>62</v>
      </c>
      <c r="AC12797">
        <v>62</v>
      </c>
      <c r="AD12797">
        <v>63</v>
      </c>
      <c r="AE12797">
        <v>64</v>
      </c>
      <c r="AF12797">
        <v>65</v>
      </c>
      <c r="AG12797">
        <v>66</v>
      </c>
      <c r="AH12797">
        <v>67</v>
      </c>
      <c r="AI12797">
        <v>68</v>
      </c>
      <c r="AJ12797">
        <v>69</v>
      </c>
      <c r="AK12797">
        <v>70</v>
      </c>
      <c r="AL12797">
        <v>71</v>
      </c>
      <c r="AM12797">
        <v>71</v>
      </c>
      <c r="AN12797">
        <v>71</v>
      </c>
      <c r="AO12797">
        <v>72</v>
      </c>
      <c r="AP12797">
        <v>72</v>
      </c>
      <c r="AQ12797">
        <v>72</v>
      </c>
    </row>
    <row r="12798" spans="1:43">
      <c r="A12798" t="s">
        <v>7948</v>
      </c>
      <c r="B12798" t="s">
        <v>7949</v>
      </c>
      <c r="C12798" t="s">
        <v>7944</v>
      </c>
      <c r="D12798" t="s">
        <v>7945</v>
      </c>
      <c r="E12798" t="s">
        <v>7646</v>
      </c>
      <c r="F12798" t="s">
        <v>7647</v>
      </c>
      <c r="G12798" t="s">
        <v>80</v>
      </c>
      <c r="H12798" t="s">
        <v>81</v>
      </c>
      <c r="I12798" s="2">
        <v>0</v>
      </c>
      <c r="J12798" s="2">
        <v>1</v>
      </c>
      <c r="K12798" s="2">
        <v>0</v>
      </c>
      <c r="L12798" t="s">
        <v>82</v>
      </c>
      <c r="M12798" t="s">
        <v>83</v>
      </c>
      <c r="N12798" t="s">
        <v>84</v>
      </c>
      <c r="O12798" t="s">
        <v>85</v>
      </c>
      <c r="P12798" t="s">
        <v>86</v>
      </c>
      <c r="Q12798">
        <v>46</v>
      </c>
      <c r="R12798">
        <v>47</v>
      </c>
      <c r="S12798">
        <v>48</v>
      </c>
      <c r="T12798">
        <v>49</v>
      </c>
      <c r="U12798">
        <v>50</v>
      </c>
      <c r="V12798">
        <v>51</v>
      </c>
      <c r="W12798">
        <v>52</v>
      </c>
      <c r="X12798">
        <v>52</v>
      </c>
      <c r="Y12798">
        <v>53</v>
      </c>
      <c r="Z12798">
        <v>54</v>
      </c>
      <c r="AA12798">
        <v>55</v>
      </c>
      <c r="AB12798">
        <v>56</v>
      </c>
      <c r="AC12798">
        <v>57</v>
      </c>
      <c r="AD12798">
        <v>58</v>
      </c>
      <c r="AE12798">
        <v>59</v>
      </c>
      <c r="AF12798">
        <v>60</v>
      </c>
      <c r="AG12798">
        <v>60</v>
      </c>
      <c r="AH12798">
        <v>61</v>
      </c>
      <c r="AI12798">
        <v>62</v>
      </c>
      <c r="AJ12798">
        <v>63</v>
      </c>
      <c r="AK12798">
        <v>64</v>
      </c>
      <c r="AL12798">
        <v>64</v>
      </c>
      <c r="AM12798">
        <v>65</v>
      </c>
      <c r="AN12798">
        <v>65</v>
      </c>
      <c r="AO12798">
        <v>65</v>
      </c>
      <c r="AP12798">
        <v>65</v>
      </c>
      <c r="AQ12798">
        <v>66</v>
      </c>
    </row>
    <row r="12799" spans="1:43">
      <c r="A12799" t="s">
        <v>7948</v>
      </c>
      <c r="B12799" t="s">
        <v>7949</v>
      </c>
      <c r="C12799" t="s">
        <v>7944</v>
      </c>
      <c r="D12799" t="s">
        <v>7945</v>
      </c>
      <c r="E12799" t="s">
        <v>7646</v>
      </c>
      <c r="F12799" t="s">
        <v>7647</v>
      </c>
      <c r="G12799" t="s">
        <v>80</v>
      </c>
      <c r="H12799" t="s">
        <v>81</v>
      </c>
      <c r="I12799" s="2">
        <v>0</v>
      </c>
      <c r="J12799" s="2">
        <v>1</v>
      </c>
      <c r="K12799" s="2">
        <v>0</v>
      </c>
      <c r="L12799" t="s">
        <v>82</v>
      </c>
      <c r="M12799" t="s">
        <v>87</v>
      </c>
      <c r="N12799" t="s">
        <v>88</v>
      </c>
      <c r="O12799" t="s">
        <v>85</v>
      </c>
      <c r="P12799" t="s">
        <v>86</v>
      </c>
      <c r="Q12799">
        <v>46</v>
      </c>
      <c r="R12799">
        <v>46</v>
      </c>
      <c r="S12799">
        <v>47</v>
      </c>
      <c r="T12799">
        <v>47</v>
      </c>
      <c r="U12799">
        <v>48</v>
      </c>
      <c r="V12799">
        <v>48</v>
      </c>
      <c r="W12799">
        <v>48</v>
      </c>
      <c r="X12799">
        <v>49</v>
      </c>
      <c r="Y12799">
        <v>49</v>
      </c>
      <c r="Z12799">
        <v>50</v>
      </c>
      <c r="AA12799">
        <v>50</v>
      </c>
      <c r="AB12799">
        <v>51</v>
      </c>
      <c r="AC12799">
        <v>51</v>
      </c>
      <c r="AD12799">
        <v>52</v>
      </c>
      <c r="AE12799">
        <v>52</v>
      </c>
      <c r="AF12799">
        <v>52</v>
      </c>
      <c r="AG12799">
        <v>53</v>
      </c>
      <c r="AH12799">
        <v>53</v>
      </c>
      <c r="AI12799">
        <v>54</v>
      </c>
      <c r="AJ12799">
        <v>54</v>
      </c>
      <c r="AK12799">
        <v>55</v>
      </c>
      <c r="AL12799">
        <v>55</v>
      </c>
      <c r="AM12799">
        <v>56</v>
      </c>
      <c r="AN12799">
        <v>56</v>
      </c>
      <c r="AO12799">
        <v>56</v>
      </c>
      <c r="AP12799">
        <v>57</v>
      </c>
      <c r="AQ12799">
        <v>57</v>
      </c>
    </row>
    <row r="12800" spans="1:43">
      <c r="A12800" t="s">
        <v>7948</v>
      </c>
      <c r="B12800" t="s">
        <v>7949</v>
      </c>
      <c r="C12800" t="s">
        <v>7944</v>
      </c>
      <c r="D12800" t="s">
        <v>7945</v>
      </c>
      <c r="E12800" t="s">
        <v>7646</v>
      </c>
      <c r="F12800" t="s">
        <v>7647</v>
      </c>
      <c r="G12800" t="s">
        <v>80</v>
      </c>
      <c r="H12800" t="s">
        <v>81</v>
      </c>
      <c r="I12800" s="2">
        <v>0</v>
      </c>
      <c r="J12800" s="2">
        <v>1</v>
      </c>
      <c r="K12800" s="2">
        <v>0</v>
      </c>
      <c r="L12800" t="s">
        <v>82</v>
      </c>
      <c r="M12800" t="s">
        <v>89</v>
      </c>
      <c r="N12800" t="s">
        <v>90</v>
      </c>
      <c r="O12800" t="s">
        <v>85</v>
      </c>
      <c r="P12800" t="s">
        <v>86</v>
      </c>
      <c r="Q12800">
        <v>46</v>
      </c>
      <c r="R12800">
        <v>47</v>
      </c>
      <c r="S12800">
        <v>48</v>
      </c>
      <c r="T12800">
        <v>50</v>
      </c>
      <c r="U12800">
        <v>51</v>
      </c>
      <c r="V12800">
        <v>52</v>
      </c>
      <c r="W12800">
        <v>53</v>
      </c>
      <c r="X12800">
        <v>54</v>
      </c>
      <c r="Y12800">
        <v>56</v>
      </c>
      <c r="Z12800">
        <v>57</v>
      </c>
      <c r="AA12800">
        <v>58</v>
      </c>
      <c r="AB12800">
        <v>59</v>
      </c>
      <c r="AC12800">
        <v>60</v>
      </c>
      <c r="AD12800">
        <v>61</v>
      </c>
      <c r="AE12800">
        <v>62</v>
      </c>
      <c r="AF12800">
        <v>62</v>
      </c>
      <c r="AG12800">
        <v>62</v>
      </c>
      <c r="AH12800">
        <v>63</v>
      </c>
      <c r="AI12800">
        <v>63</v>
      </c>
      <c r="AJ12800">
        <v>63</v>
      </c>
      <c r="AK12800">
        <v>64</v>
      </c>
      <c r="AL12800">
        <v>64</v>
      </c>
      <c r="AM12800">
        <v>64</v>
      </c>
      <c r="AN12800">
        <v>64</v>
      </c>
      <c r="AO12800">
        <v>65</v>
      </c>
      <c r="AP12800">
        <v>65</v>
      </c>
      <c r="AQ12800">
        <v>65</v>
      </c>
    </row>
    <row r="12801" spans="1:43">
      <c r="A12801" t="s">
        <v>7948</v>
      </c>
      <c r="B12801" t="s">
        <v>7949</v>
      </c>
      <c r="C12801" t="s">
        <v>7944</v>
      </c>
      <c r="D12801" t="s">
        <v>7945</v>
      </c>
      <c r="E12801" t="s">
        <v>7646</v>
      </c>
      <c r="F12801" t="s">
        <v>7647</v>
      </c>
      <c r="G12801" t="s">
        <v>80</v>
      </c>
      <c r="H12801" t="s">
        <v>81</v>
      </c>
      <c r="I12801" s="2">
        <v>0</v>
      </c>
      <c r="J12801" s="2">
        <v>1</v>
      </c>
      <c r="K12801" s="2">
        <v>0</v>
      </c>
      <c r="L12801" t="s">
        <v>82</v>
      </c>
      <c r="M12801" t="s">
        <v>83</v>
      </c>
      <c r="N12801" t="s">
        <v>91</v>
      </c>
      <c r="O12801" t="s">
        <v>85</v>
      </c>
      <c r="P12801" t="s">
        <v>86</v>
      </c>
      <c r="Q12801">
        <v>46</v>
      </c>
      <c r="R12801">
        <v>47</v>
      </c>
      <c r="S12801">
        <v>48</v>
      </c>
      <c r="T12801">
        <v>49</v>
      </c>
      <c r="U12801">
        <v>50</v>
      </c>
      <c r="V12801">
        <v>51</v>
      </c>
      <c r="W12801">
        <v>52</v>
      </c>
      <c r="X12801">
        <v>52</v>
      </c>
      <c r="Y12801">
        <v>53</v>
      </c>
      <c r="Z12801">
        <v>54</v>
      </c>
      <c r="AA12801">
        <v>55</v>
      </c>
      <c r="AB12801">
        <v>56</v>
      </c>
      <c r="AC12801">
        <v>57</v>
      </c>
      <c r="AD12801">
        <v>58</v>
      </c>
      <c r="AE12801">
        <v>59</v>
      </c>
      <c r="AF12801">
        <v>60</v>
      </c>
      <c r="AG12801">
        <v>60</v>
      </c>
      <c r="AH12801">
        <v>61</v>
      </c>
      <c r="AI12801">
        <v>62</v>
      </c>
      <c r="AJ12801">
        <v>63</v>
      </c>
      <c r="AK12801">
        <v>64</v>
      </c>
      <c r="AL12801">
        <v>64</v>
      </c>
      <c r="AM12801">
        <v>65</v>
      </c>
      <c r="AN12801">
        <v>65</v>
      </c>
      <c r="AO12801">
        <v>65</v>
      </c>
      <c r="AP12801">
        <v>65</v>
      </c>
      <c r="AQ12801">
        <v>66</v>
      </c>
    </row>
    <row r="12802" spans="1:43">
      <c r="A12802" t="s">
        <v>7950</v>
      </c>
      <c r="B12802" t="s">
        <v>7951</v>
      </c>
      <c r="C12802" t="s">
        <v>7952</v>
      </c>
      <c r="D12802" t="s">
        <v>7953</v>
      </c>
      <c r="E12802" t="s">
        <v>7646</v>
      </c>
      <c r="F12802" t="s">
        <v>7647</v>
      </c>
      <c r="G12802" t="s">
        <v>80</v>
      </c>
      <c r="H12802" t="s">
        <v>81</v>
      </c>
      <c r="I12802" s="2">
        <v>0</v>
      </c>
      <c r="J12802" s="2">
        <v>1</v>
      </c>
      <c r="K12802" s="2">
        <v>0</v>
      </c>
      <c r="L12802" t="s">
        <v>82</v>
      </c>
      <c r="M12802" t="s">
        <v>83</v>
      </c>
      <c r="N12802" t="s">
        <v>84</v>
      </c>
      <c r="O12802" t="s">
        <v>85</v>
      </c>
      <c r="P12802" t="s">
        <v>86</v>
      </c>
      <c r="Q12802">
        <v>28</v>
      </c>
      <c r="R12802">
        <v>28</v>
      </c>
      <c r="S12802">
        <v>29</v>
      </c>
      <c r="T12802">
        <v>29</v>
      </c>
      <c r="U12802">
        <v>30</v>
      </c>
      <c r="V12802">
        <v>30</v>
      </c>
      <c r="W12802">
        <v>31</v>
      </c>
      <c r="X12802">
        <v>31</v>
      </c>
      <c r="Y12802">
        <v>32</v>
      </c>
      <c r="Z12802">
        <v>32</v>
      </c>
      <c r="AA12802">
        <v>33</v>
      </c>
      <c r="AB12802">
        <v>33</v>
      </c>
      <c r="AC12802">
        <v>34</v>
      </c>
      <c r="AD12802">
        <v>34</v>
      </c>
      <c r="AE12802">
        <v>35</v>
      </c>
      <c r="AF12802">
        <v>35</v>
      </c>
      <c r="AG12802">
        <v>36</v>
      </c>
      <c r="AH12802">
        <v>36</v>
      </c>
      <c r="AI12802">
        <v>37</v>
      </c>
      <c r="AJ12802">
        <v>38</v>
      </c>
      <c r="AK12802">
        <v>38</v>
      </c>
      <c r="AL12802">
        <v>38</v>
      </c>
      <c r="AM12802">
        <v>39</v>
      </c>
      <c r="AN12802">
        <v>39</v>
      </c>
      <c r="AO12802">
        <v>39</v>
      </c>
      <c r="AP12802">
        <v>39</v>
      </c>
      <c r="AQ12802">
        <v>39</v>
      </c>
    </row>
    <row r="12803" spans="1:43">
      <c r="A12803" t="s">
        <v>7950</v>
      </c>
      <c r="B12803" t="s">
        <v>7951</v>
      </c>
      <c r="C12803" t="s">
        <v>7952</v>
      </c>
      <c r="D12803" t="s">
        <v>7953</v>
      </c>
      <c r="E12803" t="s">
        <v>7646</v>
      </c>
      <c r="F12803" t="s">
        <v>7647</v>
      </c>
      <c r="G12803" t="s">
        <v>80</v>
      </c>
      <c r="H12803" t="s">
        <v>81</v>
      </c>
      <c r="I12803" s="2">
        <v>0</v>
      </c>
      <c r="J12803" s="2">
        <v>1</v>
      </c>
      <c r="K12803" s="2">
        <v>0</v>
      </c>
      <c r="L12803" t="s">
        <v>82</v>
      </c>
      <c r="M12803" t="s">
        <v>87</v>
      </c>
      <c r="N12803" t="s">
        <v>88</v>
      </c>
      <c r="O12803" t="s">
        <v>85</v>
      </c>
      <c r="P12803" t="s">
        <v>86</v>
      </c>
      <c r="Q12803">
        <v>28</v>
      </c>
      <c r="R12803">
        <v>29</v>
      </c>
      <c r="S12803">
        <v>29</v>
      </c>
      <c r="T12803">
        <v>29</v>
      </c>
      <c r="U12803">
        <v>29</v>
      </c>
      <c r="V12803">
        <v>30</v>
      </c>
      <c r="W12803">
        <v>30</v>
      </c>
      <c r="X12803">
        <v>30</v>
      </c>
      <c r="Y12803">
        <v>30</v>
      </c>
      <c r="Z12803">
        <v>31</v>
      </c>
      <c r="AA12803">
        <v>31</v>
      </c>
      <c r="AB12803">
        <v>31</v>
      </c>
      <c r="AC12803">
        <v>31</v>
      </c>
      <c r="AD12803">
        <v>32</v>
      </c>
      <c r="AE12803">
        <v>32</v>
      </c>
      <c r="AF12803">
        <v>32</v>
      </c>
      <c r="AG12803">
        <v>32</v>
      </c>
      <c r="AH12803">
        <v>33</v>
      </c>
      <c r="AI12803">
        <v>33</v>
      </c>
      <c r="AJ12803">
        <v>33</v>
      </c>
      <c r="AK12803">
        <v>34</v>
      </c>
      <c r="AL12803">
        <v>34</v>
      </c>
      <c r="AM12803">
        <v>34</v>
      </c>
      <c r="AN12803">
        <v>34</v>
      </c>
      <c r="AO12803">
        <v>35</v>
      </c>
      <c r="AP12803">
        <v>35</v>
      </c>
      <c r="AQ12803">
        <v>35</v>
      </c>
    </row>
    <row r="12804" spans="1:43">
      <c r="A12804" t="s">
        <v>7950</v>
      </c>
      <c r="B12804" t="s">
        <v>7951</v>
      </c>
      <c r="C12804" t="s">
        <v>7952</v>
      </c>
      <c r="D12804" t="s">
        <v>7953</v>
      </c>
      <c r="E12804" t="s">
        <v>7646</v>
      </c>
      <c r="F12804" t="s">
        <v>7647</v>
      </c>
      <c r="G12804" t="s">
        <v>80</v>
      </c>
      <c r="H12804" t="s">
        <v>81</v>
      </c>
      <c r="I12804" s="2">
        <v>0</v>
      </c>
      <c r="J12804" s="2">
        <v>1</v>
      </c>
      <c r="K12804" s="2">
        <v>0</v>
      </c>
      <c r="L12804" t="s">
        <v>82</v>
      </c>
      <c r="M12804" t="s">
        <v>89</v>
      </c>
      <c r="N12804" t="s">
        <v>90</v>
      </c>
      <c r="O12804" t="s">
        <v>85</v>
      </c>
      <c r="P12804" t="s">
        <v>86</v>
      </c>
      <c r="Q12804">
        <v>28</v>
      </c>
      <c r="R12804">
        <v>29</v>
      </c>
      <c r="S12804">
        <v>29</v>
      </c>
      <c r="T12804">
        <v>30</v>
      </c>
      <c r="U12804">
        <v>31</v>
      </c>
      <c r="V12804">
        <v>32</v>
      </c>
      <c r="W12804">
        <v>32</v>
      </c>
      <c r="X12804">
        <v>33</v>
      </c>
      <c r="Y12804">
        <v>34</v>
      </c>
      <c r="Z12804">
        <v>34</v>
      </c>
      <c r="AA12804">
        <v>35</v>
      </c>
      <c r="AB12804">
        <v>36</v>
      </c>
      <c r="AC12804">
        <v>36</v>
      </c>
      <c r="AD12804">
        <v>37</v>
      </c>
      <c r="AE12804">
        <v>37</v>
      </c>
      <c r="AF12804">
        <v>38</v>
      </c>
      <c r="AG12804">
        <v>38</v>
      </c>
      <c r="AH12804">
        <v>38</v>
      </c>
      <c r="AI12804">
        <v>38</v>
      </c>
      <c r="AJ12804">
        <v>38</v>
      </c>
      <c r="AK12804">
        <v>38</v>
      </c>
      <c r="AL12804">
        <v>39</v>
      </c>
      <c r="AM12804">
        <v>39</v>
      </c>
      <c r="AN12804">
        <v>39</v>
      </c>
      <c r="AO12804">
        <v>39</v>
      </c>
      <c r="AP12804">
        <v>39</v>
      </c>
      <c r="AQ12804">
        <v>39</v>
      </c>
    </row>
    <row r="12805" spans="1:43">
      <c r="A12805" t="s">
        <v>7950</v>
      </c>
      <c r="B12805" t="s">
        <v>7951</v>
      </c>
      <c r="C12805" t="s">
        <v>7952</v>
      </c>
      <c r="D12805" t="s">
        <v>7953</v>
      </c>
      <c r="E12805" t="s">
        <v>7646</v>
      </c>
      <c r="F12805" t="s">
        <v>7647</v>
      </c>
      <c r="G12805" t="s">
        <v>80</v>
      </c>
      <c r="H12805" t="s">
        <v>81</v>
      </c>
      <c r="I12805" s="2">
        <v>0</v>
      </c>
      <c r="J12805" s="2">
        <v>1</v>
      </c>
      <c r="K12805" s="2">
        <v>0</v>
      </c>
      <c r="L12805" t="s">
        <v>82</v>
      </c>
      <c r="M12805" t="s">
        <v>83</v>
      </c>
      <c r="N12805" t="s">
        <v>91</v>
      </c>
      <c r="O12805" t="s">
        <v>85</v>
      </c>
      <c r="P12805" t="s">
        <v>86</v>
      </c>
      <c r="Q12805">
        <v>28</v>
      </c>
      <c r="R12805">
        <v>28</v>
      </c>
      <c r="S12805">
        <v>29</v>
      </c>
      <c r="T12805">
        <v>29</v>
      </c>
      <c r="U12805">
        <v>30</v>
      </c>
      <c r="V12805">
        <v>30</v>
      </c>
      <c r="W12805">
        <v>31</v>
      </c>
      <c r="X12805">
        <v>31</v>
      </c>
      <c r="Y12805">
        <v>32</v>
      </c>
      <c r="Z12805">
        <v>32</v>
      </c>
      <c r="AA12805">
        <v>33</v>
      </c>
      <c r="AB12805">
        <v>33</v>
      </c>
      <c r="AC12805">
        <v>34</v>
      </c>
      <c r="AD12805">
        <v>34</v>
      </c>
      <c r="AE12805">
        <v>35</v>
      </c>
      <c r="AF12805">
        <v>35</v>
      </c>
      <c r="AG12805">
        <v>36</v>
      </c>
      <c r="AH12805">
        <v>36</v>
      </c>
      <c r="AI12805">
        <v>37</v>
      </c>
      <c r="AJ12805">
        <v>38</v>
      </c>
      <c r="AK12805">
        <v>38</v>
      </c>
      <c r="AL12805">
        <v>38</v>
      </c>
      <c r="AM12805">
        <v>39</v>
      </c>
      <c r="AN12805">
        <v>39</v>
      </c>
      <c r="AO12805">
        <v>39</v>
      </c>
      <c r="AP12805">
        <v>39</v>
      </c>
      <c r="AQ12805">
        <v>39</v>
      </c>
    </row>
    <row r="12806" spans="1:43">
      <c r="A12806" t="s">
        <v>7954</v>
      </c>
      <c r="B12806" t="s">
        <v>7955</v>
      </c>
      <c r="C12806" t="s">
        <v>7952</v>
      </c>
      <c r="D12806" t="s">
        <v>7953</v>
      </c>
      <c r="E12806" t="s">
        <v>7646</v>
      </c>
      <c r="F12806" t="s">
        <v>7647</v>
      </c>
      <c r="G12806" t="s">
        <v>80</v>
      </c>
      <c r="H12806" t="s">
        <v>81</v>
      </c>
      <c r="I12806" s="2">
        <v>0</v>
      </c>
      <c r="J12806" s="2">
        <v>1</v>
      </c>
      <c r="K12806" s="2">
        <v>0</v>
      </c>
      <c r="L12806" t="s">
        <v>82</v>
      </c>
      <c r="M12806" t="s">
        <v>83</v>
      </c>
      <c r="N12806" t="s">
        <v>84</v>
      </c>
      <c r="O12806" t="s">
        <v>85</v>
      </c>
      <c r="P12806" t="s">
        <v>86</v>
      </c>
      <c r="Q12806">
        <v>20</v>
      </c>
      <c r="R12806">
        <v>21</v>
      </c>
      <c r="S12806">
        <v>21</v>
      </c>
      <c r="T12806">
        <v>22</v>
      </c>
      <c r="U12806">
        <v>22</v>
      </c>
      <c r="V12806">
        <v>22</v>
      </c>
      <c r="W12806">
        <v>23</v>
      </c>
      <c r="X12806">
        <v>23</v>
      </c>
      <c r="Y12806">
        <v>24</v>
      </c>
      <c r="Z12806">
        <v>24</v>
      </c>
      <c r="AA12806">
        <v>24</v>
      </c>
      <c r="AB12806">
        <v>25</v>
      </c>
      <c r="AC12806">
        <v>25</v>
      </c>
      <c r="AD12806">
        <v>25</v>
      </c>
      <c r="AE12806">
        <v>26</v>
      </c>
      <c r="AF12806">
        <v>26</v>
      </c>
      <c r="AG12806">
        <v>27</v>
      </c>
      <c r="AH12806">
        <v>27</v>
      </c>
      <c r="AI12806">
        <v>27</v>
      </c>
      <c r="AJ12806">
        <v>28</v>
      </c>
      <c r="AK12806">
        <v>28</v>
      </c>
      <c r="AL12806">
        <v>28</v>
      </c>
      <c r="AM12806">
        <v>28</v>
      </c>
      <c r="AN12806">
        <v>29</v>
      </c>
      <c r="AO12806">
        <v>29</v>
      </c>
      <c r="AP12806">
        <v>29</v>
      </c>
      <c r="AQ12806">
        <v>29</v>
      </c>
    </row>
    <row r="12807" spans="1:43">
      <c r="A12807" t="s">
        <v>7954</v>
      </c>
      <c r="B12807" t="s">
        <v>7955</v>
      </c>
      <c r="C12807" t="s">
        <v>7952</v>
      </c>
      <c r="D12807" t="s">
        <v>7953</v>
      </c>
      <c r="E12807" t="s">
        <v>7646</v>
      </c>
      <c r="F12807" t="s">
        <v>7647</v>
      </c>
      <c r="G12807" t="s">
        <v>80</v>
      </c>
      <c r="H12807" t="s">
        <v>81</v>
      </c>
      <c r="I12807" s="2">
        <v>0</v>
      </c>
      <c r="J12807" s="2">
        <v>1</v>
      </c>
      <c r="K12807" s="2">
        <v>0</v>
      </c>
      <c r="L12807" t="s">
        <v>82</v>
      </c>
      <c r="M12807" t="s">
        <v>87</v>
      </c>
      <c r="N12807" t="s">
        <v>88</v>
      </c>
      <c r="O12807" t="s">
        <v>85</v>
      </c>
      <c r="P12807" t="s">
        <v>86</v>
      </c>
      <c r="Q12807">
        <v>20</v>
      </c>
      <c r="R12807">
        <v>20</v>
      </c>
      <c r="S12807">
        <v>21</v>
      </c>
      <c r="T12807">
        <v>21</v>
      </c>
      <c r="U12807">
        <v>21</v>
      </c>
      <c r="V12807">
        <v>21</v>
      </c>
      <c r="W12807">
        <v>21</v>
      </c>
      <c r="X12807">
        <v>22</v>
      </c>
      <c r="Y12807">
        <v>22</v>
      </c>
      <c r="Z12807">
        <v>22</v>
      </c>
      <c r="AA12807">
        <v>22</v>
      </c>
      <c r="AB12807">
        <v>22</v>
      </c>
      <c r="AC12807">
        <v>23</v>
      </c>
      <c r="AD12807">
        <v>23</v>
      </c>
      <c r="AE12807">
        <v>23</v>
      </c>
      <c r="AF12807">
        <v>23</v>
      </c>
      <c r="AG12807">
        <v>23</v>
      </c>
      <c r="AH12807">
        <v>23</v>
      </c>
      <c r="AI12807">
        <v>24</v>
      </c>
      <c r="AJ12807">
        <v>24</v>
      </c>
      <c r="AK12807">
        <v>24</v>
      </c>
      <c r="AL12807">
        <v>24</v>
      </c>
      <c r="AM12807">
        <v>24</v>
      </c>
      <c r="AN12807">
        <v>25</v>
      </c>
      <c r="AO12807">
        <v>25</v>
      </c>
      <c r="AP12807">
        <v>25</v>
      </c>
      <c r="AQ12807">
        <v>25</v>
      </c>
    </row>
    <row r="12808" spans="1:43">
      <c r="A12808" t="s">
        <v>7954</v>
      </c>
      <c r="B12808" t="s">
        <v>7955</v>
      </c>
      <c r="C12808" t="s">
        <v>7952</v>
      </c>
      <c r="D12808" t="s">
        <v>7953</v>
      </c>
      <c r="E12808" t="s">
        <v>7646</v>
      </c>
      <c r="F12808" t="s">
        <v>7647</v>
      </c>
      <c r="G12808" t="s">
        <v>80</v>
      </c>
      <c r="H12808" t="s">
        <v>81</v>
      </c>
      <c r="I12808" s="2">
        <v>0</v>
      </c>
      <c r="J12808" s="2">
        <v>1</v>
      </c>
      <c r="K12808" s="2">
        <v>0</v>
      </c>
      <c r="L12808" t="s">
        <v>82</v>
      </c>
      <c r="M12808" t="s">
        <v>89</v>
      </c>
      <c r="N12808" t="s">
        <v>90</v>
      </c>
      <c r="O12808" t="s">
        <v>85</v>
      </c>
      <c r="P12808" t="s">
        <v>86</v>
      </c>
      <c r="Q12808">
        <v>20</v>
      </c>
      <c r="R12808">
        <v>20</v>
      </c>
      <c r="S12808">
        <v>21</v>
      </c>
      <c r="T12808">
        <v>21</v>
      </c>
      <c r="U12808">
        <v>22</v>
      </c>
      <c r="V12808">
        <v>22</v>
      </c>
      <c r="W12808">
        <v>23</v>
      </c>
      <c r="X12808">
        <v>23</v>
      </c>
      <c r="Y12808">
        <v>24</v>
      </c>
      <c r="Z12808">
        <v>24</v>
      </c>
      <c r="AA12808">
        <v>25</v>
      </c>
      <c r="AB12808">
        <v>25</v>
      </c>
      <c r="AC12808">
        <v>26</v>
      </c>
      <c r="AD12808">
        <v>26</v>
      </c>
      <c r="AE12808">
        <v>27</v>
      </c>
      <c r="AF12808">
        <v>27</v>
      </c>
      <c r="AG12808">
        <v>27</v>
      </c>
      <c r="AH12808">
        <v>27</v>
      </c>
      <c r="AI12808">
        <v>27</v>
      </c>
      <c r="AJ12808">
        <v>27</v>
      </c>
      <c r="AK12808">
        <v>27</v>
      </c>
      <c r="AL12808">
        <v>28</v>
      </c>
      <c r="AM12808">
        <v>28</v>
      </c>
      <c r="AN12808">
        <v>28</v>
      </c>
      <c r="AO12808">
        <v>28</v>
      </c>
      <c r="AP12808">
        <v>28</v>
      </c>
      <c r="AQ12808">
        <v>28</v>
      </c>
    </row>
    <row r="12809" spans="1:43">
      <c r="A12809" t="s">
        <v>7954</v>
      </c>
      <c r="B12809" t="s">
        <v>7955</v>
      </c>
      <c r="C12809" t="s">
        <v>7952</v>
      </c>
      <c r="D12809" t="s">
        <v>7953</v>
      </c>
      <c r="E12809" t="s">
        <v>7646</v>
      </c>
      <c r="F12809" t="s">
        <v>7647</v>
      </c>
      <c r="G12809" t="s">
        <v>80</v>
      </c>
      <c r="H12809" t="s">
        <v>81</v>
      </c>
      <c r="I12809" s="2">
        <v>0</v>
      </c>
      <c r="J12809" s="2">
        <v>1</v>
      </c>
      <c r="K12809" s="2">
        <v>0</v>
      </c>
      <c r="L12809" t="s">
        <v>82</v>
      </c>
      <c r="M12809" t="s">
        <v>83</v>
      </c>
      <c r="N12809" t="s">
        <v>91</v>
      </c>
      <c r="O12809" t="s">
        <v>85</v>
      </c>
      <c r="P12809" t="s">
        <v>86</v>
      </c>
      <c r="Q12809">
        <v>20</v>
      </c>
      <c r="R12809">
        <v>21</v>
      </c>
      <c r="S12809">
        <v>21</v>
      </c>
      <c r="T12809">
        <v>22</v>
      </c>
      <c r="U12809">
        <v>22</v>
      </c>
      <c r="V12809">
        <v>22</v>
      </c>
      <c r="W12809">
        <v>23</v>
      </c>
      <c r="X12809">
        <v>23</v>
      </c>
      <c r="Y12809">
        <v>24</v>
      </c>
      <c r="Z12809">
        <v>24</v>
      </c>
      <c r="AA12809">
        <v>24</v>
      </c>
      <c r="AB12809">
        <v>25</v>
      </c>
      <c r="AC12809">
        <v>25</v>
      </c>
      <c r="AD12809">
        <v>25</v>
      </c>
      <c r="AE12809">
        <v>26</v>
      </c>
      <c r="AF12809">
        <v>26</v>
      </c>
      <c r="AG12809">
        <v>27</v>
      </c>
      <c r="AH12809">
        <v>27</v>
      </c>
      <c r="AI12809">
        <v>27</v>
      </c>
      <c r="AJ12809">
        <v>28</v>
      </c>
      <c r="AK12809">
        <v>28</v>
      </c>
      <c r="AL12809">
        <v>28</v>
      </c>
      <c r="AM12809">
        <v>28</v>
      </c>
      <c r="AN12809">
        <v>29</v>
      </c>
      <c r="AO12809">
        <v>29</v>
      </c>
      <c r="AP12809">
        <v>29</v>
      </c>
      <c r="AQ12809">
        <v>29</v>
      </c>
    </row>
    <row r="12810" spans="1:43">
      <c r="A12810" t="s">
        <v>7956</v>
      </c>
      <c r="B12810" t="s">
        <v>7957</v>
      </c>
      <c r="C12810" t="s">
        <v>7952</v>
      </c>
      <c r="D12810" t="s">
        <v>7953</v>
      </c>
      <c r="E12810" t="s">
        <v>7646</v>
      </c>
      <c r="F12810" t="s">
        <v>7647</v>
      </c>
      <c r="G12810" t="s">
        <v>80</v>
      </c>
      <c r="H12810" t="s">
        <v>81</v>
      </c>
      <c r="I12810" s="2">
        <v>0</v>
      </c>
      <c r="J12810" s="2">
        <v>1</v>
      </c>
      <c r="K12810" s="2">
        <v>0</v>
      </c>
      <c r="L12810" t="s">
        <v>82</v>
      </c>
      <c r="M12810" t="s">
        <v>83</v>
      </c>
      <c r="N12810" t="s">
        <v>84</v>
      </c>
      <c r="O12810" t="s">
        <v>85</v>
      </c>
      <c r="P12810" t="s">
        <v>86</v>
      </c>
      <c r="Q12810">
        <v>17</v>
      </c>
      <c r="R12810">
        <v>17</v>
      </c>
      <c r="S12810">
        <v>17</v>
      </c>
      <c r="T12810">
        <v>18</v>
      </c>
      <c r="U12810">
        <v>18</v>
      </c>
      <c r="V12810">
        <v>18</v>
      </c>
      <c r="W12810">
        <v>19</v>
      </c>
      <c r="X12810">
        <v>19</v>
      </c>
      <c r="Y12810">
        <v>19</v>
      </c>
      <c r="Z12810">
        <v>20</v>
      </c>
      <c r="AA12810">
        <v>20</v>
      </c>
      <c r="AB12810">
        <v>20</v>
      </c>
      <c r="AC12810">
        <v>21</v>
      </c>
      <c r="AD12810">
        <v>21</v>
      </c>
      <c r="AE12810">
        <v>21</v>
      </c>
      <c r="AF12810">
        <v>22</v>
      </c>
      <c r="AG12810">
        <v>22</v>
      </c>
      <c r="AH12810">
        <v>22</v>
      </c>
      <c r="AI12810">
        <v>23</v>
      </c>
      <c r="AJ12810">
        <v>23</v>
      </c>
      <c r="AK12810">
        <v>23</v>
      </c>
      <c r="AL12810">
        <v>23</v>
      </c>
      <c r="AM12810">
        <v>24</v>
      </c>
      <c r="AN12810">
        <v>24</v>
      </c>
      <c r="AO12810">
        <v>24</v>
      </c>
      <c r="AP12810">
        <v>24</v>
      </c>
      <c r="AQ12810">
        <v>24</v>
      </c>
    </row>
    <row r="12811" spans="1:43">
      <c r="A12811" t="s">
        <v>7956</v>
      </c>
      <c r="B12811" t="s">
        <v>7957</v>
      </c>
      <c r="C12811" t="s">
        <v>7952</v>
      </c>
      <c r="D12811" t="s">
        <v>7953</v>
      </c>
      <c r="E12811" t="s">
        <v>7646</v>
      </c>
      <c r="F12811" t="s">
        <v>7647</v>
      </c>
      <c r="G12811" t="s">
        <v>80</v>
      </c>
      <c r="H12811" t="s">
        <v>81</v>
      </c>
      <c r="I12811" s="2">
        <v>0</v>
      </c>
      <c r="J12811" s="2">
        <v>1</v>
      </c>
      <c r="K12811" s="2">
        <v>0</v>
      </c>
      <c r="L12811" t="s">
        <v>82</v>
      </c>
      <c r="M12811" t="s">
        <v>87</v>
      </c>
      <c r="N12811" t="s">
        <v>88</v>
      </c>
      <c r="O12811" t="s">
        <v>85</v>
      </c>
      <c r="P12811" t="s">
        <v>86</v>
      </c>
      <c r="Q12811">
        <v>17</v>
      </c>
      <c r="R12811">
        <v>17</v>
      </c>
      <c r="S12811">
        <v>17</v>
      </c>
      <c r="T12811">
        <v>17</v>
      </c>
      <c r="U12811">
        <v>17</v>
      </c>
      <c r="V12811">
        <v>17</v>
      </c>
      <c r="W12811">
        <v>18</v>
      </c>
      <c r="X12811">
        <v>18</v>
      </c>
      <c r="Y12811">
        <v>18</v>
      </c>
      <c r="Z12811">
        <v>18</v>
      </c>
      <c r="AA12811">
        <v>18</v>
      </c>
      <c r="AB12811">
        <v>18</v>
      </c>
      <c r="AC12811">
        <v>19</v>
      </c>
      <c r="AD12811">
        <v>19</v>
      </c>
      <c r="AE12811">
        <v>19</v>
      </c>
      <c r="AF12811">
        <v>19</v>
      </c>
      <c r="AG12811">
        <v>19</v>
      </c>
      <c r="AH12811">
        <v>19</v>
      </c>
      <c r="AI12811">
        <v>20</v>
      </c>
      <c r="AJ12811">
        <v>20</v>
      </c>
      <c r="AK12811">
        <v>20</v>
      </c>
      <c r="AL12811">
        <v>20</v>
      </c>
      <c r="AM12811">
        <v>20</v>
      </c>
      <c r="AN12811">
        <v>20</v>
      </c>
      <c r="AO12811">
        <v>21</v>
      </c>
      <c r="AP12811">
        <v>21</v>
      </c>
      <c r="AQ12811">
        <v>21</v>
      </c>
    </row>
    <row r="12812" spans="1:43">
      <c r="A12812" t="s">
        <v>7956</v>
      </c>
      <c r="B12812" t="s">
        <v>7957</v>
      </c>
      <c r="C12812" t="s">
        <v>7952</v>
      </c>
      <c r="D12812" t="s">
        <v>7953</v>
      </c>
      <c r="E12812" t="s">
        <v>7646</v>
      </c>
      <c r="F12812" t="s">
        <v>7647</v>
      </c>
      <c r="G12812" t="s">
        <v>80</v>
      </c>
      <c r="H12812" t="s">
        <v>81</v>
      </c>
      <c r="I12812" s="2">
        <v>0</v>
      </c>
      <c r="J12812" s="2">
        <v>1</v>
      </c>
      <c r="K12812" s="2">
        <v>0</v>
      </c>
      <c r="L12812" t="s">
        <v>82</v>
      </c>
      <c r="M12812" t="s">
        <v>89</v>
      </c>
      <c r="N12812" t="s">
        <v>90</v>
      </c>
      <c r="O12812" t="s">
        <v>85</v>
      </c>
      <c r="P12812" t="s">
        <v>86</v>
      </c>
      <c r="Q12812">
        <v>17</v>
      </c>
      <c r="R12812">
        <v>17</v>
      </c>
      <c r="S12812">
        <v>18</v>
      </c>
      <c r="T12812">
        <v>18</v>
      </c>
      <c r="U12812">
        <v>19</v>
      </c>
      <c r="V12812">
        <v>19</v>
      </c>
      <c r="W12812">
        <v>20</v>
      </c>
      <c r="X12812">
        <v>20</v>
      </c>
      <c r="Y12812">
        <v>21</v>
      </c>
      <c r="Z12812">
        <v>21</v>
      </c>
      <c r="AA12812">
        <v>21</v>
      </c>
      <c r="AB12812">
        <v>22</v>
      </c>
      <c r="AC12812">
        <v>22</v>
      </c>
      <c r="AD12812">
        <v>23</v>
      </c>
      <c r="AE12812">
        <v>23</v>
      </c>
      <c r="AF12812">
        <v>23</v>
      </c>
      <c r="AG12812">
        <v>23</v>
      </c>
      <c r="AH12812">
        <v>23</v>
      </c>
      <c r="AI12812">
        <v>23</v>
      </c>
      <c r="AJ12812">
        <v>23</v>
      </c>
      <c r="AK12812">
        <v>23</v>
      </c>
      <c r="AL12812">
        <v>24</v>
      </c>
      <c r="AM12812">
        <v>24</v>
      </c>
      <c r="AN12812">
        <v>24</v>
      </c>
      <c r="AO12812">
        <v>24</v>
      </c>
      <c r="AP12812">
        <v>24</v>
      </c>
      <c r="AQ12812">
        <v>24</v>
      </c>
    </row>
    <row r="12813" spans="1:43">
      <c r="A12813" t="s">
        <v>7956</v>
      </c>
      <c r="B12813" t="s">
        <v>7957</v>
      </c>
      <c r="C12813" t="s">
        <v>7952</v>
      </c>
      <c r="D12813" t="s">
        <v>7953</v>
      </c>
      <c r="E12813" t="s">
        <v>7646</v>
      </c>
      <c r="F12813" t="s">
        <v>7647</v>
      </c>
      <c r="G12813" t="s">
        <v>80</v>
      </c>
      <c r="H12813" t="s">
        <v>81</v>
      </c>
      <c r="I12813" s="2">
        <v>0</v>
      </c>
      <c r="J12813" s="2">
        <v>1</v>
      </c>
      <c r="K12813" s="2">
        <v>0</v>
      </c>
      <c r="L12813" t="s">
        <v>82</v>
      </c>
      <c r="M12813" t="s">
        <v>83</v>
      </c>
      <c r="N12813" t="s">
        <v>91</v>
      </c>
      <c r="O12813" t="s">
        <v>85</v>
      </c>
      <c r="P12813" t="s">
        <v>86</v>
      </c>
      <c r="Q12813">
        <v>17</v>
      </c>
      <c r="R12813">
        <v>17</v>
      </c>
      <c r="S12813">
        <v>17</v>
      </c>
      <c r="T12813">
        <v>18</v>
      </c>
      <c r="U12813">
        <v>18</v>
      </c>
      <c r="V12813">
        <v>18</v>
      </c>
      <c r="W12813">
        <v>19</v>
      </c>
      <c r="X12813">
        <v>19</v>
      </c>
      <c r="Y12813">
        <v>19</v>
      </c>
      <c r="Z12813">
        <v>20</v>
      </c>
      <c r="AA12813">
        <v>20</v>
      </c>
      <c r="AB12813">
        <v>20</v>
      </c>
      <c r="AC12813">
        <v>21</v>
      </c>
      <c r="AD12813">
        <v>21</v>
      </c>
      <c r="AE12813">
        <v>21</v>
      </c>
      <c r="AF12813">
        <v>22</v>
      </c>
      <c r="AG12813">
        <v>22</v>
      </c>
      <c r="AH12813">
        <v>22</v>
      </c>
      <c r="AI12813">
        <v>23</v>
      </c>
      <c r="AJ12813">
        <v>23</v>
      </c>
      <c r="AK12813">
        <v>23</v>
      </c>
      <c r="AL12813">
        <v>23</v>
      </c>
      <c r="AM12813">
        <v>24</v>
      </c>
      <c r="AN12813">
        <v>24</v>
      </c>
      <c r="AO12813">
        <v>24</v>
      </c>
      <c r="AP12813">
        <v>24</v>
      </c>
      <c r="AQ12813">
        <v>24</v>
      </c>
    </row>
    <row r="12814" spans="1:43">
      <c r="A12814" t="s">
        <v>7958</v>
      </c>
      <c r="B12814" t="s">
        <v>7959</v>
      </c>
      <c r="C12814" t="s">
        <v>7944</v>
      </c>
      <c r="D12814" t="s">
        <v>7945</v>
      </c>
      <c r="E12814" t="s">
        <v>7646</v>
      </c>
      <c r="F12814" t="s">
        <v>7647</v>
      </c>
      <c r="G12814" t="s">
        <v>80</v>
      </c>
      <c r="H12814" t="s">
        <v>81</v>
      </c>
      <c r="I12814" s="2">
        <v>0</v>
      </c>
      <c r="J12814" s="2">
        <v>1</v>
      </c>
      <c r="K12814" s="2">
        <v>0</v>
      </c>
      <c r="L12814" t="s">
        <v>82</v>
      </c>
      <c r="M12814" t="s">
        <v>83</v>
      </c>
      <c r="N12814" t="s">
        <v>84</v>
      </c>
      <c r="O12814" t="s">
        <v>85</v>
      </c>
      <c r="P12814" t="s">
        <v>86</v>
      </c>
      <c r="Q12814">
        <v>16</v>
      </c>
      <c r="R12814">
        <v>16</v>
      </c>
      <c r="S12814">
        <v>17</v>
      </c>
      <c r="T12814">
        <v>17</v>
      </c>
      <c r="U12814">
        <v>17</v>
      </c>
      <c r="V12814">
        <v>17</v>
      </c>
      <c r="W12814">
        <v>18</v>
      </c>
      <c r="X12814">
        <v>18</v>
      </c>
      <c r="Y12814">
        <v>18</v>
      </c>
      <c r="Z12814">
        <v>19</v>
      </c>
      <c r="AA12814">
        <v>19</v>
      </c>
      <c r="AB12814">
        <v>19</v>
      </c>
      <c r="AC12814">
        <v>20</v>
      </c>
      <c r="AD12814">
        <v>20</v>
      </c>
      <c r="AE12814">
        <v>20</v>
      </c>
      <c r="AF12814">
        <v>20</v>
      </c>
      <c r="AG12814">
        <v>21</v>
      </c>
      <c r="AH12814">
        <v>21</v>
      </c>
      <c r="AI12814">
        <v>21</v>
      </c>
      <c r="AJ12814">
        <v>22</v>
      </c>
      <c r="AK12814">
        <v>22</v>
      </c>
      <c r="AL12814">
        <v>22</v>
      </c>
      <c r="AM12814">
        <v>22</v>
      </c>
      <c r="AN12814">
        <v>22</v>
      </c>
      <c r="AO12814">
        <v>22</v>
      </c>
      <c r="AP12814">
        <v>23</v>
      </c>
      <c r="AQ12814">
        <v>23</v>
      </c>
    </row>
    <row r="12815" spans="1:43">
      <c r="A12815" t="s">
        <v>7958</v>
      </c>
      <c r="B12815" t="s">
        <v>7959</v>
      </c>
      <c r="C12815" t="s">
        <v>7944</v>
      </c>
      <c r="D12815" t="s">
        <v>7945</v>
      </c>
      <c r="E12815" t="s">
        <v>7646</v>
      </c>
      <c r="F12815" t="s">
        <v>7647</v>
      </c>
      <c r="G12815" t="s">
        <v>80</v>
      </c>
      <c r="H12815" t="s">
        <v>81</v>
      </c>
      <c r="I12815" s="2">
        <v>0</v>
      </c>
      <c r="J12815" s="2">
        <v>1</v>
      </c>
      <c r="K12815" s="2">
        <v>0</v>
      </c>
      <c r="L12815" t="s">
        <v>82</v>
      </c>
      <c r="M12815" t="s">
        <v>87</v>
      </c>
      <c r="N12815" t="s">
        <v>88</v>
      </c>
      <c r="O12815" t="s">
        <v>85</v>
      </c>
      <c r="P12815" t="s">
        <v>86</v>
      </c>
      <c r="Q12815">
        <v>16</v>
      </c>
      <c r="R12815">
        <v>16</v>
      </c>
      <c r="S12815">
        <v>16</v>
      </c>
      <c r="T12815">
        <v>16</v>
      </c>
      <c r="U12815">
        <v>16</v>
      </c>
      <c r="V12815">
        <v>17</v>
      </c>
      <c r="W12815">
        <v>17</v>
      </c>
      <c r="X12815">
        <v>17</v>
      </c>
      <c r="Y12815">
        <v>17</v>
      </c>
      <c r="Z12815">
        <v>17</v>
      </c>
      <c r="AA12815">
        <v>17</v>
      </c>
      <c r="AB12815">
        <v>17</v>
      </c>
      <c r="AC12815">
        <v>18</v>
      </c>
      <c r="AD12815">
        <v>18</v>
      </c>
      <c r="AE12815">
        <v>18</v>
      </c>
      <c r="AF12815">
        <v>18</v>
      </c>
      <c r="AG12815">
        <v>18</v>
      </c>
      <c r="AH12815">
        <v>18</v>
      </c>
      <c r="AI12815">
        <v>19</v>
      </c>
      <c r="AJ12815">
        <v>19</v>
      </c>
      <c r="AK12815">
        <v>19</v>
      </c>
      <c r="AL12815">
        <v>19</v>
      </c>
      <c r="AM12815">
        <v>19</v>
      </c>
      <c r="AN12815">
        <v>19</v>
      </c>
      <c r="AO12815">
        <v>19</v>
      </c>
      <c r="AP12815">
        <v>20</v>
      </c>
      <c r="AQ12815">
        <v>20</v>
      </c>
    </row>
    <row r="12816" spans="1:43">
      <c r="A12816" t="s">
        <v>7958</v>
      </c>
      <c r="B12816" t="s">
        <v>7959</v>
      </c>
      <c r="C12816" t="s">
        <v>7944</v>
      </c>
      <c r="D12816" t="s">
        <v>7945</v>
      </c>
      <c r="E12816" t="s">
        <v>7646</v>
      </c>
      <c r="F12816" t="s">
        <v>7647</v>
      </c>
      <c r="G12816" t="s">
        <v>80</v>
      </c>
      <c r="H12816" t="s">
        <v>81</v>
      </c>
      <c r="I12816" s="2">
        <v>0</v>
      </c>
      <c r="J12816" s="2">
        <v>1</v>
      </c>
      <c r="K12816" s="2">
        <v>0</v>
      </c>
      <c r="L12816" t="s">
        <v>82</v>
      </c>
      <c r="M12816" t="s">
        <v>89</v>
      </c>
      <c r="N12816" t="s">
        <v>90</v>
      </c>
      <c r="O12816" t="s">
        <v>85</v>
      </c>
      <c r="P12816" t="s">
        <v>86</v>
      </c>
      <c r="Q12816">
        <v>16</v>
      </c>
      <c r="R12816">
        <v>17</v>
      </c>
      <c r="S12816">
        <v>17</v>
      </c>
      <c r="T12816">
        <v>17</v>
      </c>
      <c r="U12816">
        <v>18</v>
      </c>
      <c r="V12816">
        <v>18</v>
      </c>
      <c r="W12816">
        <v>19</v>
      </c>
      <c r="X12816">
        <v>19</v>
      </c>
      <c r="Y12816">
        <v>19</v>
      </c>
      <c r="Z12816">
        <v>20</v>
      </c>
      <c r="AA12816">
        <v>20</v>
      </c>
      <c r="AB12816">
        <v>21</v>
      </c>
      <c r="AC12816">
        <v>21</v>
      </c>
      <c r="AD12816">
        <v>21</v>
      </c>
      <c r="AE12816">
        <v>22</v>
      </c>
      <c r="AF12816">
        <v>22</v>
      </c>
      <c r="AG12816">
        <v>22</v>
      </c>
      <c r="AH12816">
        <v>22</v>
      </c>
      <c r="AI12816">
        <v>22</v>
      </c>
      <c r="AJ12816">
        <v>22</v>
      </c>
      <c r="AK12816">
        <v>22</v>
      </c>
      <c r="AL12816">
        <v>22</v>
      </c>
      <c r="AM12816">
        <v>22</v>
      </c>
      <c r="AN12816">
        <v>23</v>
      </c>
      <c r="AO12816">
        <v>23</v>
      </c>
      <c r="AP12816">
        <v>23</v>
      </c>
      <c r="AQ12816">
        <v>23</v>
      </c>
    </row>
    <row r="12817" spans="1:43">
      <c r="A12817" t="s">
        <v>7958</v>
      </c>
      <c r="B12817" t="s">
        <v>7959</v>
      </c>
      <c r="C12817" t="s">
        <v>7944</v>
      </c>
      <c r="D12817" t="s">
        <v>7945</v>
      </c>
      <c r="E12817" t="s">
        <v>7646</v>
      </c>
      <c r="F12817" t="s">
        <v>7647</v>
      </c>
      <c r="G12817" t="s">
        <v>80</v>
      </c>
      <c r="H12817" t="s">
        <v>81</v>
      </c>
      <c r="I12817" s="2">
        <v>0</v>
      </c>
      <c r="J12817" s="2">
        <v>1</v>
      </c>
      <c r="K12817" s="2">
        <v>0</v>
      </c>
      <c r="L12817" t="s">
        <v>82</v>
      </c>
      <c r="M12817" t="s">
        <v>83</v>
      </c>
      <c r="N12817" t="s">
        <v>91</v>
      </c>
      <c r="O12817" t="s">
        <v>85</v>
      </c>
      <c r="P12817" t="s">
        <v>86</v>
      </c>
      <c r="Q12817">
        <v>16</v>
      </c>
      <c r="R12817">
        <v>16</v>
      </c>
      <c r="S12817">
        <v>17</v>
      </c>
      <c r="T12817">
        <v>17</v>
      </c>
      <c r="U12817">
        <v>17</v>
      </c>
      <c r="V12817">
        <v>17</v>
      </c>
      <c r="W12817">
        <v>18</v>
      </c>
      <c r="X12817">
        <v>18</v>
      </c>
      <c r="Y12817">
        <v>18</v>
      </c>
      <c r="Z12817">
        <v>19</v>
      </c>
      <c r="AA12817">
        <v>19</v>
      </c>
      <c r="AB12817">
        <v>19</v>
      </c>
      <c r="AC12817">
        <v>20</v>
      </c>
      <c r="AD12817">
        <v>20</v>
      </c>
      <c r="AE12817">
        <v>20</v>
      </c>
      <c r="AF12817">
        <v>20</v>
      </c>
      <c r="AG12817">
        <v>21</v>
      </c>
      <c r="AH12817">
        <v>21</v>
      </c>
      <c r="AI12817">
        <v>21</v>
      </c>
      <c r="AJ12817">
        <v>22</v>
      </c>
      <c r="AK12817">
        <v>22</v>
      </c>
      <c r="AL12817">
        <v>22</v>
      </c>
      <c r="AM12817">
        <v>22</v>
      </c>
      <c r="AN12817">
        <v>22</v>
      </c>
      <c r="AO12817">
        <v>22</v>
      </c>
      <c r="AP12817">
        <v>23</v>
      </c>
      <c r="AQ12817">
        <v>23</v>
      </c>
    </row>
    <row r="12818" spans="1:43">
      <c r="A12818" t="s">
        <v>7960</v>
      </c>
      <c r="B12818" t="s">
        <v>7961</v>
      </c>
      <c r="C12818" t="s">
        <v>7952</v>
      </c>
      <c r="D12818" t="s">
        <v>7953</v>
      </c>
      <c r="E12818" t="s">
        <v>7646</v>
      </c>
      <c r="F12818" t="s">
        <v>7647</v>
      </c>
      <c r="G12818" t="s">
        <v>80</v>
      </c>
      <c r="H12818" t="s">
        <v>81</v>
      </c>
      <c r="I12818" s="2">
        <v>0</v>
      </c>
      <c r="J12818" s="2">
        <v>1</v>
      </c>
      <c r="K12818" s="2">
        <v>0</v>
      </c>
      <c r="L12818" t="s">
        <v>82</v>
      </c>
      <c r="M12818" t="s">
        <v>83</v>
      </c>
      <c r="N12818" t="s">
        <v>84</v>
      </c>
      <c r="O12818" t="s">
        <v>85</v>
      </c>
      <c r="P12818" t="s">
        <v>86</v>
      </c>
      <c r="Q12818">
        <v>47</v>
      </c>
      <c r="R12818">
        <v>47</v>
      </c>
      <c r="S12818">
        <v>48</v>
      </c>
      <c r="T12818">
        <v>49</v>
      </c>
      <c r="U12818">
        <v>50</v>
      </c>
      <c r="V12818">
        <v>51</v>
      </c>
      <c r="W12818">
        <v>52</v>
      </c>
      <c r="X12818">
        <v>53</v>
      </c>
      <c r="Y12818">
        <v>54</v>
      </c>
      <c r="Z12818">
        <v>55</v>
      </c>
      <c r="AA12818">
        <v>55</v>
      </c>
      <c r="AB12818">
        <v>56</v>
      </c>
      <c r="AC12818">
        <v>57</v>
      </c>
      <c r="AD12818">
        <v>58</v>
      </c>
      <c r="AE12818">
        <v>59</v>
      </c>
      <c r="AF12818">
        <v>60</v>
      </c>
      <c r="AG12818">
        <v>61</v>
      </c>
      <c r="AH12818">
        <v>62</v>
      </c>
      <c r="AI12818">
        <v>62</v>
      </c>
      <c r="AJ12818">
        <v>63</v>
      </c>
      <c r="AK12818">
        <v>64</v>
      </c>
      <c r="AL12818">
        <v>65</v>
      </c>
      <c r="AM12818">
        <v>65</v>
      </c>
      <c r="AN12818">
        <v>65</v>
      </c>
      <c r="AO12818">
        <v>66</v>
      </c>
      <c r="AP12818">
        <v>66</v>
      </c>
      <c r="AQ12818">
        <v>66</v>
      </c>
    </row>
    <row r="12819" spans="1:43">
      <c r="A12819" t="s">
        <v>7960</v>
      </c>
      <c r="B12819" t="s">
        <v>7961</v>
      </c>
      <c r="C12819" t="s">
        <v>7952</v>
      </c>
      <c r="D12819" t="s">
        <v>7953</v>
      </c>
      <c r="E12819" t="s">
        <v>7646</v>
      </c>
      <c r="F12819" t="s">
        <v>7647</v>
      </c>
      <c r="G12819" t="s">
        <v>80</v>
      </c>
      <c r="H12819" t="s">
        <v>81</v>
      </c>
      <c r="I12819" s="2">
        <v>0</v>
      </c>
      <c r="J12819" s="2">
        <v>1</v>
      </c>
      <c r="K12819" s="2">
        <v>0</v>
      </c>
      <c r="L12819" t="s">
        <v>82</v>
      </c>
      <c r="M12819" t="s">
        <v>87</v>
      </c>
      <c r="N12819" t="s">
        <v>88</v>
      </c>
      <c r="O12819" t="s">
        <v>85</v>
      </c>
      <c r="P12819" t="s">
        <v>86</v>
      </c>
      <c r="Q12819">
        <v>47</v>
      </c>
      <c r="R12819">
        <v>48</v>
      </c>
      <c r="S12819">
        <v>48</v>
      </c>
      <c r="T12819">
        <v>48</v>
      </c>
      <c r="U12819">
        <v>49</v>
      </c>
      <c r="V12819">
        <v>49</v>
      </c>
      <c r="W12819">
        <v>50</v>
      </c>
      <c r="X12819">
        <v>50</v>
      </c>
      <c r="Y12819">
        <v>51</v>
      </c>
      <c r="Z12819">
        <v>51</v>
      </c>
      <c r="AA12819">
        <v>51</v>
      </c>
      <c r="AB12819">
        <v>52</v>
      </c>
      <c r="AC12819">
        <v>52</v>
      </c>
      <c r="AD12819">
        <v>53</v>
      </c>
      <c r="AE12819">
        <v>53</v>
      </c>
      <c r="AF12819">
        <v>54</v>
      </c>
      <c r="AG12819">
        <v>54</v>
      </c>
      <c r="AH12819">
        <v>55</v>
      </c>
      <c r="AI12819">
        <v>55</v>
      </c>
      <c r="AJ12819">
        <v>55</v>
      </c>
      <c r="AK12819">
        <v>56</v>
      </c>
      <c r="AL12819">
        <v>56</v>
      </c>
      <c r="AM12819">
        <v>57</v>
      </c>
      <c r="AN12819">
        <v>57</v>
      </c>
      <c r="AO12819">
        <v>58</v>
      </c>
      <c r="AP12819">
        <v>58</v>
      </c>
      <c r="AQ12819">
        <v>59</v>
      </c>
    </row>
    <row r="12820" spans="1:43">
      <c r="A12820" t="s">
        <v>7960</v>
      </c>
      <c r="B12820" t="s">
        <v>7961</v>
      </c>
      <c r="C12820" t="s">
        <v>7952</v>
      </c>
      <c r="D12820" t="s">
        <v>7953</v>
      </c>
      <c r="E12820" t="s">
        <v>7646</v>
      </c>
      <c r="F12820" t="s">
        <v>7647</v>
      </c>
      <c r="G12820" t="s">
        <v>80</v>
      </c>
      <c r="H12820" t="s">
        <v>81</v>
      </c>
      <c r="I12820" s="2">
        <v>0</v>
      </c>
      <c r="J12820" s="2">
        <v>1</v>
      </c>
      <c r="K12820" s="2">
        <v>0</v>
      </c>
      <c r="L12820" t="s">
        <v>82</v>
      </c>
      <c r="M12820" t="s">
        <v>89</v>
      </c>
      <c r="N12820" t="s">
        <v>90</v>
      </c>
      <c r="O12820" t="s">
        <v>85</v>
      </c>
      <c r="P12820" t="s">
        <v>86</v>
      </c>
      <c r="Q12820">
        <v>47</v>
      </c>
      <c r="R12820">
        <v>48</v>
      </c>
      <c r="S12820">
        <v>50</v>
      </c>
      <c r="T12820">
        <v>51</v>
      </c>
      <c r="U12820">
        <v>52</v>
      </c>
      <c r="V12820">
        <v>53</v>
      </c>
      <c r="W12820">
        <v>55</v>
      </c>
      <c r="X12820">
        <v>56</v>
      </c>
      <c r="Y12820">
        <v>57</v>
      </c>
      <c r="Z12820">
        <v>58</v>
      </c>
      <c r="AA12820">
        <v>59</v>
      </c>
      <c r="AB12820">
        <v>60</v>
      </c>
      <c r="AC12820">
        <v>61</v>
      </c>
      <c r="AD12820">
        <v>62</v>
      </c>
      <c r="AE12820">
        <v>63</v>
      </c>
      <c r="AF12820">
        <v>63</v>
      </c>
      <c r="AG12820">
        <v>64</v>
      </c>
      <c r="AH12820">
        <v>64</v>
      </c>
      <c r="AI12820">
        <v>64</v>
      </c>
      <c r="AJ12820">
        <v>65</v>
      </c>
      <c r="AK12820">
        <v>65</v>
      </c>
      <c r="AL12820">
        <v>65</v>
      </c>
      <c r="AM12820">
        <v>65</v>
      </c>
      <c r="AN12820">
        <v>66</v>
      </c>
      <c r="AO12820">
        <v>66</v>
      </c>
      <c r="AP12820">
        <v>66</v>
      </c>
      <c r="AQ12820">
        <v>67</v>
      </c>
    </row>
    <row r="12821" spans="1:43">
      <c r="A12821" t="s">
        <v>7960</v>
      </c>
      <c r="B12821" t="s">
        <v>7961</v>
      </c>
      <c r="C12821" t="s">
        <v>7952</v>
      </c>
      <c r="D12821" t="s">
        <v>7953</v>
      </c>
      <c r="E12821" t="s">
        <v>7646</v>
      </c>
      <c r="F12821" t="s">
        <v>7647</v>
      </c>
      <c r="G12821" t="s">
        <v>80</v>
      </c>
      <c r="H12821" t="s">
        <v>81</v>
      </c>
      <c r="I12821" s="2">
        <v>0</v>
      </c>
      <c r="J12821" s="2">
        <v>1</v>
      </c>
      <c r="K12821" s="2">
        <v>0</v>
      </c>
      <c r="L12821" t="s">
        <v>82</v>
      </c>
      <c r="M12821" t="s">
        <v>83</v>
      </c>
      <c r="N12821" t="s">
        <v>91</v>
      </c>
      <c r="O12821" t="s">
        <v>85</v>
      </c>
      <c r="P12821" t="s">
        <v>86</v>
      </c>
      <c r="Q12821">
        <v>47</v>
      </c>
      <c r="R12821">
        <v>47</v>
      </c>
      <c r="S12821">
        <v>48</v>
      </c>
      <c r="T12821">
        <v>49</v>
      </c>
      <c r="U12821">
        <v>50</v>
      </c>
      <c r="V12821">
        <v>51</v>
      </c>
      <c r="W12821">
        <v>52</v>
      </c>
      <c r="X12821">
        <v>53</v>
      </c>
      <c r="Y12821">
        <v>54</v>
      </c>
      <c r="Z12821">
        <v>55</v>
      </c>
      <c r="AA12821">
        <v>55</v>
      </c>
      <c r="AB12821">
        <v>56</v>
      </c>
      <c r="AC12821">
        <v>57</v>
      </c>
      <c r="AD12821">
        <v>58</v>
      </c>
      <c r="AE12821">
        <v>59</v>
      </c>
      <c r="AF12821">
        <v>60</v>
      </c>
      <c r="AG12821">
        <v>61</v>
      </c>
      <c r="AH12821">
        <v>62</v>
      </c>
      <c r="AI12821">
        <v>62</v>
      </c>
      <c r="AJ12821">
        <v>63</v>
      </c>
      <c r="AK12821">
        <v>64</v>
      </c>
      <c r="AL12821">
        <v>65</v>
      </c>
      <c r="AM12821">
        <v>65</v>
      </c>
      <c r="AN12821">
        <v>65</v>
      </c>
      <c r="AO12821">
        <v>66</v>
      </c>
      <c r="AP12821">
        <v>66</v>
      </c>
      <c r="AQ12821">
        <v>66</v>
      </c>
    </row>
    <row r="12822" spans="1:43">
      <c r="A12822" t="s">
        <v>7962</v>
      </c>
      <c r="B12822" t="s">
        <v>7963</v>
      </c>
      <c r="C12822" t="s">
        <v>7964</v>
      </c>
      <c r="D12822" t="s">
        <v>7965</v>
      </c>
      <c r="E12822" t="s">
        <v>7646</v>
      </c>
      <c r="F12822" t="s">
        <v>7647</v>
      </c>
      <c r="G12822" t="s">
        <v>80</v>
      </c>
      <c r="H12822" t="s">
        <v>81</v>
      </c>
      <c r="I12822" s="2">
        <v>0</v>
      </c>
      <c r="J12822" s="2">
        <v>1</v>
      </c>
      <c r="K12822" s="2">
        <v>0</v>
      </c>
      <c r="L12822" t="s">
        <v>82</v>
      </c>
      <c r="M12822" t="s">
        <v>83</v>
      </c>
      <c r="N12822" t="s">
        <v>84</v>
      </c>
      <c r="O12822" t="s">
        <v>85</v>
      </c>
      <c r="P12822" t="s">
        <v>86</v>
      </c>
      <c r="Q12822">
        <v>36</v>
      </c>
      <c r="R12822">
        <v>37</v>
      </c>
      <c r="S12822">
        <v>38</v>
      </c>
      <c r="T12822">
        <v>38</v>
      </c>
      <c r="U12822">
        <v>39</v>
      </c>
      <c r="V12822">
        <v>40</v>
      </c>
      <c r="W12822">
        <v>40</v>
      </c>
      <c r="X12822">
        <v>41</v>
      </c>
      <c r="Y12822">
        <v>42</v>
      </c>
      <c r="Z12822">
        <v>42</v>
      </c>
      <c r="AA12822">
        <v>43</v>
      </c>
      <c r="AB12822">
        <v>44</v>
      </c>
      <c r="AC12822">
        <v>45</v>
      </c>
      <c r="AD12822">
        <v>45</v>
      </c>
      <c r="AE12822">
        <v>46</v>
      </c>
      <c r="AF12822">
        <v>47</v>
      </c>
      <c r="AG12822">
        <v>47</v>
      </c>
      <c r="AH12822">
        <v>48</v>
      </c>
      <c r="AI12822">
        <v>49</v>
      </c>
      <c r="AJ12822">
        <v>49</v>
      </c>
      <c r="AK12822">
        <v>50</v>
      </c>
      <c r="AL12822">
        <v>50</v>
      </c>
      <c r="AM12822">
        <v>51</v>
      </c>
      <c r="AN12822">
        <v>51</v>
      </c>
      <c r="AO12822">
        <v>51</v>
      </c>
      <c r="AP12822">
        <v>51</v>
      </c>
      <c r="AQ12822">
        <v>52</v>
      </c>
    </row>
    <row r="12823" spans="1:43">
      <c r="A12823" t="s">
        <v>7962</v>
      </c>
      <c r="B12823" t="s">
        <v>7963</v>
      </c>
      <c r="C12823" t="s">
        <v>7964</v>
      </c>
      <c r="D12823" t="s">
        <v>7965</v>
      </c>
      <c r="E12823" t="s">
        <v>7646</v>
      </c>
      <c r="F12823" t="s">
        <v>7647</v>
      </c>
      <c r="G12823" t="s">
        <v>80</v>
      </c>
      <c r="H12823" t="s">
        <v>81</v>
      </c>
      <c r="I12823" s="2">
        <v>0</v>
      </c>
      <c r="J12823" s="2">
        <v>1</v>
      </c>
      <c r="K12823" s="2">
        <v>0</v>
      </c>
      <c r="L12823" t="s">
        <v>82</v>
      </c>
      <c r="M12823" t="s">
        <v>87</v>
      </c>
      <c r="N12823" t="s">
        <v>88</v>
      </c>
      <c r="O12823" t="s">
        <v>85</v>
      </c>
      <c r="P12823" t="s">
        <v>86</v>
      </c>
      <c r="Q12823">
        <v>36</v>
      </c>
      <c r="R12823">
        <v>36</v>
      </c>
      <c r="S12823">
        <v>37</v>
      </c>
      <c r="T12823">
        <v>37</v>
      </c>
      <c r="U12823">
        <v>37</v>
      </c>
      <c r="V12823">
        <v>38</v>
      </c>
      <c r="W12823">
        <v>38</v>
      </c>
      <c r="X12823">
        <v>38</v>
      </c>
      <c r="Y12823">
        <v>39</v>
      </c>
      <c r="Z12823">
        <v>39</v>
      </c>
      <c r="AA12823">
        <v>39</v>
      </c>
      <c r="AB12823">
        <v>40</v>
      </c>
      <c r="AC12823">
        <v>40</v>
      </c>
      <c r="AD12823">
        <v>40</v>
      </c>
      <c r="AE12823">
        <v>41</v>
      </c>
      <c r="AF12823">
        <v>41</v>
      </c>
      <c r="AG12823">
        <v>41</v>
      </c>
      <c r="AH12823">
        <v>42</v>
      </c>
      <c r="AI12823">
        <v>42</v>
      </c>
      <c r="AJ12823">
        <v>42</v>
      </c>
      <c r="AK12823">
        <v>43</v>
      </c>
      <c r="AL12823">
        <v>43</v>
      </c>
      <c r="AM12823">
        <v>44</v>
      </c>
      <c r="AN12823">
        <v>44</v>
      </c>
      <c r="AO12823">
        <v>44</v>
      </c>
      <c r="AP12823">
        <v>45</v>
      </c>
      <c r="AQ12823">
        <v>45</v>
      </c>
    </row>
    <row r="12824" spans="1:43">
      <c r="A12824" t="s">
        <v>7962</v>
      </c>
      <c r="B12824" t="s">
        <v>7963</v>
      </c>
      <c r="C12824" t="s">
        <v>7964</v>
      </c>
      <c r="D12824" t="s">
        <v>7965</v>
      </c>
      <c r="E12824" t="s">
        <v>7646</v>
      </c>
      <c r="F12824" t="s">
        <v>7647</v>
      </c>
      <c r="G12824" t="s">
        <v>80</v>
      </c>
      <c r="H12824" t="s">
        <v>81</v>
      </c>
      <c r="I12824" s="2">
        <v>0</v>
      </c>
      <c r="J12824" s="2">
        <v>1</v>
      </c>
      <c r="K12824" s="2">
        <v>0</v>
      </c>
      <c r="L12824" t="s">
        <v>82</v>
      </c>
      <c r="M12824" t="s">
        <v>89</v>
      </c>
      <c r="N12824" t="s">
        <v>90</v>
      </c>
      <c r="O12824" t="s">
        <v>85</v>
      </c>
      <c r="P12824" t="s">
        <v>86</v>
      </c>
      <c r="Q12824">
        <v>36</v>
      </c>
      <c r="R12824">
        <v>37</v>
      </c>
      <c r="S12824">
        <v>38</v>
      </c>
      <c r="T12824">
        <v>39</v>
      </c>
      <c r="U12824">
        <v>40</v>
      </c>
      <c r="V12824">
        <v>40</v>
      </c>
      <c r="W12824">
        <v>41</v>
      </c>
      <c r="X12824">
        <v>42</v>
      </c>
      <c r="Y12824">
        <v>43</v>
      </c>
      <c r="Z12824">
        <v>44</v>
      </c>
      <c r="AA12824">
        <v>45</v>
      </c>
      <c r="AB12824">
        <v>46</v>
      </c>
      <c r="AC12824">
        <v>47</v>
      </c>
      <c r="AD12824">
        <v>48</v>
      </c>
      <c r="AE12824">
        <v>48</v>
      </c>
      <c r="AF12824">
        <v>48</v>
      </c>
      <c r="AG12824">
        <v>49</v>
      </c>
      <c r="AH12824">
        <v>49</v>
      </c>
      <c r="AI12824">
        <v>49</v>
      </c>
      <c r="AJ12824">
        <v>49</v>
      </c>
      <c r="AK12824">
        <v>50</v>
      </c>
      <c r="AL12824">
        <v>50</v>
      </c>
      <c r="AM12824">
        <v>50</v>
      </c>
      <c r="AN12824">
        <v>50</v>
      </c>
      <c r="AO12824">
        <v>50</v>
      </c>
      <c r="AP12824">
        <v>51</v>
      </c>
      <c r="AQ12824">
        <v>51</v>
      </c>
    </row>
    <row r="12825" spans="1:43">
      <c r="A12825" t="s">
        <v>7962</v>
      </c>
      <c r="B12825" t="s">
        <v>7963</v>
      </c>
      <c r="C12825" t="s">
        <v>7964</v>
      </c>
      <c r="D12825" t="s">
        <v>7965</v>
      </c>
      <c r="E12825" t="s">
        <v>7646</v>
      </c>
      <c r="F12825" t="s">
        <v>7647</v>
      </c>
      <c r="G12825" t="s">
        <v>80</v>
      </c>
      <c r="H12825" t="s">
        <v>81</v>
      </c>
      <c r="I12825" s="2">
        <v>0</v>
      </c>
      <c r="J12825" s="2">
        <v>1</v>
      </c>
      <c r="K12825" s="2">
        <v>0</v>
      </c>
      <c r="L12825" t="s">
        <v>82</v>
      </c>
      <c r="M12825" t="s">
        <v>83</v>
      </c>
      <c r="N12825" t="s">
        <v>91</v>
      </c>
      <c r="O12825" t="s">
        <v>85</v>
      </c>
      <c r="P12825" t="s">
        <v>86</v>
      </c>
      <c r="Q12825">
        <v>36</v>
      </c>
      <c r="R12825">
        <v>37</v>
      </c>
      <c r="S12825">
        <v>38</v>
      </c>
      <c r="T12825">
        <v>38</v>
      </c>
      <c r="U12825">
        <v>39</v>
      </c>
      <c r="V12825">
        <v>40</v>
      </c>
      <c r="W12825">
        <v>40</v>
      </c>
      <c r="X12825">
        <v>41</v>
      </c>
      <c r="Y12825">
        <v>42</v>
      </c>
      <c r="Z12825">
        <v>42</v>
      </c>
      <c r="AA12825">
        <v>43</v>
      </c>
      <c r="AB12825">
        <v>44</v>
      </c>
      <c r="AC12825">
        <v>45</v>
      </c>
      <c r="AD12825">
        <v>45</v>
      </c>
      <c r="AE12825">
        <v>46</v>
      </c>
      <c r="AF12825">
        <v>47</v>
      </c>
      <c r="AG12825">
        <v>47</v>
      </c>
      <c r="AH12825">
        <v>48</v>
      </c>
      <c r="AI12825">
        <v>49</v>
      </c>
      <c r="AJ12825">
        <v>49</v>
      </c>
      <c r="AK12825">
        <v>50</v>
      </c>
      <c r="AL12825">
        <v>50</v>
      </c>
      <c r="AM12825">
        <v>51</v>
      </c>
      <c r="AN12825">
        <v>51</v>
      </c>
      <c r="AO12825">
        <v>51</v>
      </c>
      <c r="AP12825">
        <v>51</v>
      </c>
      <c r="AQ12825">
        <v>52</v>
      </c>
    </row>
    <row r="12826" spans="1:43">
      <c r="A12826" t="s">
        <v>7966</v>
      </c>
      <c r="B12826" t="s">
        <v>7967</v>
      </c>
      <c r="C12826" t="s">
        <v>7964</v>
      </c>
      <c r="D12826" t="s">
        <v>7965</v>
      </c>
      <c r="E12826" t="s">
        <v>7646</v>
      </c>
      <c r="F12826" t="s">
        <v>7647</v>
      </c>
      <c r="G12826" t="s">
        <v>80</v>
      </c>
      <c r="H12826" t="s">
        <v>81</v>
      </c>
      <c r="I12826" s="2">
        <v>0</v>
      </c>
      <c r="J12826" s="2">
        <v>1</v>
      </c>
      <c r="K12826" s="2">
        <v>0</v>
      </c>
      <c r="L12826" t="s">
        <v>82</v>
      </c>
      <c r="M12826" t="s">
        <v>83</v>
      </c>
      <c r="N12826" t="s">
        <v>84</v>
      </c>
      <c r="O12826" t="s">
        <v>85</v>
      </c>
      <c r="P12826" t="s">
        <v>86</v>
      </c>
      <c r="Q12826">
        <v>15</v>
      </c>
      <c r="R12826">
        <v>15</v>
      </c>
      <c r="S12826">
        <v>15</v>
      </c>
      <c r="T12826">
        <v>16</v>
      </c>
      <c r="U12826">
        <v>16</v>
      </c>
      <c r="V12826">
        <v>16</v>
      </c>
      <c r="W12826">
        <v>16</v>
      </c>
      <c r="X12826">
        <v>17</v>
      </c>
      <c r="Y12826">
        <v>17</v>
      </c>
      <c r="Z12826">
        <v>17</v>
      </c>
      <c r="AA12826">
        <v>17</v>
      </c>
      <c r="AB12826">
        <v>18</v>
      </c>
      <c r="AC12826">
        <v>18</v>
      </c>
      <c r="AD12826">
        <v>18</v>
      </c>
      <c r="AE12826">
        <v>19</v>
      </c>
      <c r="AF12826">
        <v>19</v>
      </c>
      <c r="AG12826">
        <v>19</v>
      </c>
      <c r="AH12826">
        <v>19</v>
      </c>
      <c r="AI12826">
        <v>20</v>
      </c>
      <c r="AJ12826">
        <v>20</v>
      </c>
      <c r="AK12826">
        <v>20</v>
      </c>
      <c r="AL12826">
        <v>20</v>
      </c>
      <c r="AM12826">
        <v>21</v>
      </c>
      <c r="AN12826">
        <v>21</v>
      </c>
      <c r="AO12826">
        <v>21</v>
      </c>
      <c r="AP12826">
        <v>21</v>
      </c>
      <c r="AQ12826">
        <v>21</v>
      </c>
    </row>
    <row r="12827" spans="1:43">
      <c r="A12827" t="s">
        <v>7966</v>
      </c>
      <c r="B12827" t="s">
        <v>7967</v>
      </c>
      <c r="C12827" t="s">
        <v>7964</v>
      </c>
      <c r="D12827" t="s">
        <v>7965</v>
      </c>
      <c r="E12827" t="s">
        <v>7646</v>
      </c>
      <c r="F12827" t="s">
        <v>7647</v>
      </c>
      <c r="G12827" t="s">
        <v>80</v>
      </c>
      <c r="H12827" t="s">
        <v>81</v>
      </c>
      <c r="I12827" s="2">
        <v>0</v>
      </c>
      <c r="J12827" s="2">
        <v>1</v>
      </c>
      <c r="K12827" s="2">
        <v>0</v>
      </c>
      <c r="L12827" t="s">
        <v>82</v>
      </c>
      <c r="M12827" t="s">
        <v>87</v>
      </c>
      <c r="N12827" t="s">
        <v>88</v>
      </c>
      <c r="O12827" t="s">
        <v>85</v>
      </c>
      <c r="P12827" t="s">
        <v>86</v>
      </c>
      <c r="Q12827">
        <v>15</v>
      </c>
      <c r="R12827">
        <v>15</v>
      </c>
      <c r="S12827">
        <v>15</v>
      </c>
      <c r="T12827">
        <v>15</v>
      </c>
      <c r="U12827">
        <v>15</v>
      </c>
      <c r="V12827">
        <v>15</v>
      </c>
      <c r="W12827">
        <v>15</v>
      </c>
      <c r="X12827">
        <v>16</v>
      </c>
      <c r="Y12827">
        <v>16</v>
      </c>
      <c r="Z12827">
        <v>16</v>
      </c>
      <c r="AA12827">
        <v>16</v>
      </c>
      <c r="AB12827">
        <v>16</v>
      </c>
      <c r="AC12827">
        <v>16</v>
      </c>
      <c r="AD12827">
        <v>16</v>
      </c>
      <c r="AE12827">
        <v>16</v>
      </c>
      <c r="AF12827">
        <v>17</v>
      </c>
      <c r="AG12827">
        <v>17</v>
      </c>
      <c r="AH12827">
        <v>17</v>
      </c>
      <c r="AI12827">
        <v>17</v>
      </c>
      <c r="AJ12827">
        <v>17</v>
      </c>
      <c r="AK12827">
        <v>17</v>
      </c>
      <c r="AL12827">
        <v>17</v>
      </c>
      <c r="AM12827">
        <v>18</v>
      </c>
      <c r="AN12827">
        <v>18</v>
      </c>
      <c r="AO12827">
        <v>18</v>
      </c>
      <c r="AP12827">
        <v>18</v>
      </c>
      <c r="AQ12827">
        <v>18</v>
      </c>
    </row>
    <row r="12828" spans="1:43">
      <c r="A12828" t="s">
        <v>7966</v>
      </c>
      <c r="B12828" t="s">
        <v>7967</v>
      </c>
      <c r="C12828" t="s">
        <v>7964</v>
      </c>
      <c r="D12828" t="s">
        <v>7965</v>
      </c>
      <c r="E12828" t="s">
        <v>7646</v>
      </c>
      <c r="F12828" t="s">
        <v>7647</v>
      </c>
      <c r="G12828" t="s">
        <v>80</v>
      </c>
      <c r="H12828" t="s">
        <v>81</v>
      </c>
      <c r="I12828" s="2">
        <v>0</v>
      </c>
      <c r="J12828" s="2">
        <v>1</v>
      </c>
      <c r="K12828" s="2">
        <v>0</v>
      </c>
      <c r="L12828" t="s">
        <v>82</v>
      </c>
      <c r="M12828" t="s">
        <v>89</v>
      </c>
      <c r="N12828" t="s">
        <v>90</v>
      </c>
      <c r="O12828" t="s">
        <v>85</v>
      </c>
      <c r="P12828" t="s">
        <v>86</v>
      </c>
      <c r="Q12828">
        <v>15</v>
      </c>
      <c r="R12828">
        <v>15</v>
      </c>
      <c r="S12828">
        <v>16</v>
      </c>
      <c r="T12828">
        <v>16</v>
      </c>
      <c r="U12828">
        <v>16</v>
      </c>
      <c r="V12828">
        <v>17</v>
      </c>
      <c r="W12828">
        <v>17</v>
      </c>
      <c r="X12828">
        <v>18</v>
      </c>
      <c r="Y12828">
        <v>18</v>
      </c>
      <c r="Z12828">
        <v>18</v>
      </c>
      <c r="AA12828">
        <v>19</v>
      </c>
      <c r="AB12828">
        <v>19</v>
      </c>
      <c r="AC12828">
        <v>19</v>
      </c>
      <c r="AD12828">
        <v>20</v>
      </c>
      <c r="AE12828">
        <v>20</v>
      </c>
      <c r="AF12828">
        <v>20</v>
      </c>
      <c r="AG12828">
        <v>20</v>
      </c>
      <c r="AH12828">
        <v>20</v>
      </c>
      <c r="AI12828">
        <v>20</v>
      </c>
      <c r="AJ12828">
        <v>20</v>
      </c>
      <c r="AK12828">
        <v>20</v>
      </c>
      <c r="AL12828">
        <v>21</v>
      </c>
      <c r="AM12828">
        <v>21</v>
      </c>
      <c r="AN12828">
        <v>21</v>
      </c>
      <c r="AO12828">
        <v>21</v>
      </c>
      <c r="AP12828">
        <v>21</v>
      </c>
      <c r="AQ12828">
        <v>21</v>
      </c>
    </row>
    <row r="12829" spans="1:43">
      <c r="A12829" t="s">
        <v>7966</v>
      </c>
      <c r="B12829" t="s">
        <v>7967</v>
      </c>
      <c r="C12829" t="s">
        <v>7964</v>
      </c>
      <c r="D12829" t="s">
        <v>7965</v>
      </c>
      <c r="E12829" t="s">
        <v>7646</v>
      </c>
      <c r="F12829" t="s">
        <v>7647</v>
      </c>
      <c r="G12829" t="s">
        <v>80</v>
      </c>
      <c r="H12829" t="s">
        <v>81</v>
      </c>
      <c r="I12829" s="2">
        <v>0</v>
      </c>
      <c r="J12829" s="2">
        <v>1</v>
      </c>
      <c r="K12829" s="2">
        <v>0</v>
      </c>
      <c r="L12829" t="s">
        <v>82</v>
      </c>
      <c r="M12829" t="s">
        <v>83</v>
      </c>
      <c r="N12829" t="s">
        <v>91</v>
      </c>
      <c r="O12829" t="s">
        <v>85</v>
      </c>
      <c r="P12829" t="s">
        <v>86</v>
      </c>
      <c r="Q12829">
        <v>15</v>
      </c>
      <c r="R12829">
        <v>15</v>
      </c>
      <c r="S12829">
        <v>15</v>
      </c>
      <c r="T12829">
        <v>16</v>
      </c>
      <c r="U12829">
        <v>16</v>
      </c>
      <c r="V12829">
        <v>16</v>
      </c>
      <c r="W12829">
        <v>16</v>
      </c>
      <c r="X12829">
        <v>17</v>
      </c>
      <c r="Y12829">
        <v>17</v>
      </c>
      <c r="Z12829">
        <v>17</v>
      </c>
      <c r="AA12829">
        <v>17</v>
      </c>
      <c r="AB12829">
        <v>18</v>
      </c>
      <c r="AC12829">
        <v>18</v>
      </c>
      <c r="AD12829">
        <v>18</v>
      </c>
      <c r="AE12829">
        <v>19</v>
      </c>
      <c r="AF12829">
        <v>19</v>
      </c>
      <c r="AG12829">
        <v>19</v>
      </c>
      <c r="AH12829">
        <v>19</v>
      </c>
      <c r="AI12829">
        <v>20</v>
      </c>
      <c r="AJ12829">
        <v>20</v>
      </c>
      <c r="AK12829">
        <v>20</v>
      </c>
      <c r="AL12829">
        <v>20</v>
      </c>
      <c r="AM12829">
        <v>21</v>
      </c>
      <c r="AN12829">
        <v>21</v>
      </c>
      <c r="AO12829">
        <v>21</v>
      </c>
      <c r="AP12829">
        <v>21</v>
      </c>
      <c r="AQ12829">
        <v>21</v>
      </c>
    </row>
    <row r="12830" spans="1:43">
      <c r="A12830" t="s">
        <v>7968</v>
      </c>
      <c r="B12830" t="s">
        <v>7969</v>
      </c>
      <c r="C12830" t="s">
        <v>7964</v>
      </c>
      <c r="D12830" t="s">
        <v>7965</v>
      </c>
      <c r="E12830" t="s">
        <v>7646</v>
      </c>
      <c r="F12830" t="s">
        <v>7647</v>
      </c>
      <c r="G12830" t="s">
        <v>80</v>
      </c>
      <c r="H12830" t="s">
        <v>81</v>
      </c>
      <c r="I12830" s="2">
        <v>0</v>
      </c>
      <c r="J12830" s="2">
        <v>1</v>
      </c>
      <c r="K12830" s="2">
        <v>0</v>
      </c>
      <c r="L12830" t="s">
        <v>82</v>
      </c>
      <c r="M12830" t="s">
        <v>83</v>
      </c>
      <c r="N12830" t="s">
        <v>84</v>
      </c>
      <c r="O12830" t="s">
        <v>85</v>
      </c>
      <c r="P12830" t="s">
        <v>86</v>
      </c>
      <c r="Q12830">
        <v>70</v>
      </c>
      <c r="R12830">
        <v>71</v>
      </c>
      <c r="S12830">
        <v>73</v>
      </c>
      <c r="T12830">
        <v>74</v>
      </c>
      <c r="U12830">
        <v>75</v>
      </c>
      <c r="V12830">
        <v>77</v>
      </c>
      <c r="W12830">
        <v>78</v>
      </c>
      <c r="X12830">
        <v>79</v>
      </c>
      <c r="Y12830">
        <v>81</v>
      </c>
      <c r="Z12830">
        <v>82</v>
      </c>
      <c r="AA12830">
        <v>83</v>
      </c>
      <c r="AB12830">
        <v>85</v>
      </c>
      <c r="AC12830">
        <v>86</v>
      </c>
      <c r="AD12830">
        <v>87</v>
      </c>
      <c r="AE12830">
        <v>89</v>
      </c>
      <c r="AF12830">
        <v>90</v>
      </c>
      <c r="AG12830">
        <v>91</v>
      </c>
      <c r="AH12830">
        <v>93</v>
      </c>
      <c r="AI12830">
        <v>94</v>
      </c>
      <c r="AJ12830">
        <v>95</v>
      </c>
      <c r="AK12830">
        <v>97</v>
      </c>
      <c r="AL12830">
        <v>97</v>
      </c>
      <c r="AM12830">
        <v>98</v>
      </c>
      <c r="AN12830">
        <v>98</v>
      </c>
      <c r="AO12830">
        <v>99</v>
      </c>
      <c r="AP12830">
        <v>99</v>
      </c>
      <c r="AQ12830">
        <v>99</v>
      </c>
    </row>
    <row r="12831" spans="1:43">
      <c r="A12831" t="s">
        <v>7968</v>
      </c>
      <c r="B12831" t="s">
        <v>7969</v>
      </c>
      <c r="C12831" t="s">
        <v>7964</v>
      </c>
      <c r="D12831" t="s">
        <v>7965</v>
      </c>
      <c r="E12831" t="s">
        <v>7646</v>
      </c>
      <c r="F12831" t="s">
        <v>7647</v>
      </c>
      <c r="G12831" t="s">
        <v>80</v>
      </c>
      <c r="H12831" t="s">
        <v>81</v>
      </c>
      <c r="I12831" s="2">
        <v>0</v>
      </c>
      <c r="J12831" s="2">
        <v>1</v>
      </c>
      <c r="K12831" s="2">
        <v>0</v>
      </c>
      <c r="L12831" t="s">
        <v>82</v>
      </c>
      <c r="M12831" t="s">
        <v>87</v>
      </c>
      <c r="N12831" t="s">
        <v>88</v>
      </c>
      <c r="O12831" t="s">
        <v>85</v>
      </c>
      <c r="P12831" t="s">
        <v>86</v>
      </c>
      <c r="Q12831">
        <v>70</v>
      </c>
      <c r="R12831">
        <v>71</v>
      </c>
      <c r="S12831">
        <v>72</v>
      </c>
      <c r="T12831">
        <v>72</v>
      </c>
      <c r="U12831">
        <v>73</v>
      </c>
      <c r="V12831">
        <v>74</v>
      </c>
      <c r="W12831">
        <v>74</v>
      </c>
      <c r="X12831">
        <v>75</v>
      </c>
      <c r="Y12831">
        <v>76</v>
      </c>
      <c r="Z12831">
        <v>76</v>
      </c>
      <c r="AA12831">
        <v>77</v>
      </c>
      <c r="AB12831">
        <v>78</v>
      </c>
      <c r="AC12831">
        <v>78</v>
      </c>
      <c r="AD12831">
        <v>79</v>
      </c>
      <c r="AE12831">
        <v>80</v>
      </c>
      <c r="AF12831">
        <v>80</v>
      </c>
      <c r="AG12831">
        <v>81</v>
      </c>
      <c r="AH12831">
        <v>82</v>
      </c>
      <c r="AI12831">
        <v>82</v>
      </c>
      <c r="AJ12831">
        <v>83</v>
      </c>
      <c r="AK12831">
        <v>84</v>
      </c>
      <c r="AL12831">
        <v>84</v>
      </c>
      <c r="AM12831">
        <v>85</v>
      </c>
      <c r="AN12831">
        <v>86</v>
      </c>
      <c r="AO12831">
        <v>86</v>
      </c>
      <c r="AP12831">
        <v>87</v>
      </c>
      <c r="AQ12831">
        <v>88</v>
      </c>
    </row>
    <row r="12832" spans="1:43">
      <c r="A12832" t="s">
        <v>7968</v>
      </c>
      <c r="B12832" t="s">
        <v>7969</v>
      </c>
      <c r="C12832" t="s">
        <v>7964</v>
      </c>
      <c r="D12832" t="s">
        <v>7965</v>
      </c>
      <c r="E12832" t="s">
        <v>7646</v>
      </c>
      <c r="F12832" t="s">
        <v>7647</v>
      </c>
      <c r="G12832" t="s">
        <v>80</v>
      </c>
      <c r="H12832" t="s">
        <v>81</v>
      </c>
      <c r="I12832" s="2">
        <v>0</v>
      </c>
      <c r="J12832" s="2">
        <v>1</v>
      </c>
      <c r="K12832" s="2">
        <v>0</v>
      </c>
      <c r="L12832" t="s">
        <v>82</v>
      </c>
      <c r="M12832" t="s">
        <v>89</v>
      </c>
      <c r="N12832" t="s">
        <v>90</v>
      </c>
      <c r="O12832" t="s">
        <v>85</v>
      </c>
      <c r="P12832" t="s">
        <v>86</v>
      </c>
      <c r="Q12832">
        <v>70</v>
      </c>
      <c r="R12832">
        <v>72</v>
      </c>
      <c r="S12832">
        <v>73</v>
      </c>
      <c r="T12832">
        <v>75</v>
      </c>
      <c r="U12832">
        <v>77</v>
      </c>
      <c r="V12832">
        <v>79</v>
      </c>
      <c r="W12832">
        <v>81</v>
      </c>
      <c r="X12832">
        <v>83</v>
      </c>
      <c r="Y12832">
        <v>84</v>
      </c>
      <c r="Z12832">
        <v>86</v>
      </c>
      <c r="AA12832">
        <v>88</v>
      </c>
      <c r="AB12832">
        <v>89</v>
      </c>
      <c r="AC12832">
        <v>91</v>
      </c>
      <c r="AD12832">
        <v>93</v>
      </c>
      <c r="AE12832">
        <v>94</v>
      </c>
      <c r="AF12832">
        <v>94</v>
      </c>
      <c r="AG12832">
        <v>95</v>
      </c>
      <c r="AH12832">
        <v>95</v>
      </c>
      <c r="AI12832">
        <v>96</v>
      </c>
      <c r="AJ12832">
        <v>96</v>
      </c>
      <c r="AK12832">
        <v>97</v>
      </c>
      <c r="AL12832">
        <v>97</v>
      </c>
      <c r="AM12832">
        <v>97</v>
      </c>
      <c r="AN12832">
        <v>98</v>
      </c>
      <c r="AO12832">
        <v>98</v>
      </c>
      <c r="AP12832">
        <v>99</v>
      </c>
      <c r="AQ12832">
        <v>99</v>
      </c>
    </row>
    <row r="12833" spans="1:43">
      <c r="A12833" t="s">
        <v>7968</v>
      </c>
      <c r="B12833" t="s">
        <v>7969</v>
      </c>
      <c r="C12833" t="s">
        <v>7964</v>
      </c>
      <c r="D12833" t="s">
        <v>7965</v>
      </c>
      <c r="E12833" t="s">
        <v>7646</v>
      </c>
      <c r="F12833" t="s">
        <v>7647</v>
      </c>
      <c r="G12833" t="s">
        <v>80</v>
      </c>
      <c r="H12833" t="s">
        <v>81</v>
      </c>
      <c r="I12833" s="2">
        <v>0</v>
      </c>
      <c r="J12833" s="2">
        <v>1</v>
      </c>
      <c r="K12833" s="2">
        <v>0</v>
      </c>
      <c r="L12833" t="s">
        <v>82</v>
      </c>
      <c r="M12833" t="s">
        <v>83</v>
      </c>
      <c r="N12833" t="s">
        <v>91</v>
      </c>
      <c r="O12833" t="s">
        <v>85</v>
      </c>
      <c r="P12833" t="s">
        <v>86</v>
      </c>
      <c r="Q12833">
        <v>70</v>
      </c>
      <c r="R12833">
        <v>71</v>
      </c>
      <c r="S12833">
        <v>73</v>
      </c>
      <c r="T12833">
        <v>74</v>
      </c>
      <c r="U12833">
        <v>75</v>
      </c>
      <c r="V12833">
        <v>77</v>
      </c>
      <c r="W12833">
        <v>78</v>
      </c>
      <c r="X12833">
        <v>79</v>
      </c>
      <c r="Y12833">
        <v>81</v>
      </c>
      <c r="Z12833">
        <v>82</v>
      </c>
      <c r="AA12833">
        <v>83</v>
      </c>
      <c r="AB12833">
        <v>85</v>
      </c>
      <c r="AC12833">
        <v>86</v>
      </c>
      <c r="AD12833">
        <v>87</v>
      </c>
      <c r="AE12833">
        <v>89</v>
      </c>
      <c r="AF12833">
        <v>90</v>
      </c>
      <c r="AG12833">
        <v>91</v>
      </c>
      <c r="AH12833">
        <v>93</v>
      </c>
      <c r="AI12833">
        <v>94</v>
      </c>
      <c r="AJ12833">
        <v>95</v>
      </c>
      <c r="AK12833">
        <v>97</v>
      </c>
      <c r="AL12833">
        <v>97</v>
      </c>
      <c r="AM12833">
        <v>98</v>
      </c>
      <c r="AN12833">
        <v>98</v>
      </c>
      <c r="AO12833">
        <v>99</v>
      </c>
      <c r="AP12833">
        <v>99</v>
      </c>
      <c r="AQ12833">
        <v>99</v>
      </c>
    </row>
    <row r="12834" spans="1:43">
      <c r="A12834" t="s">
        <v>7970</v>
      </c>
      <c r="B12834" t="s">
        <v>7971</v>
      </c>
      <c r="C12834" t="s">
        <v>7964</v>
      </c>
      <c r="D12834" t="s">
        <v>7965</v>
      </c>
      <c r="E12834" t="s">
        <v>7646</v>
      </c>
      <c r="F12834" t="s">
        <v>7647</v>
      </c>
      <c r="G12834" t="s">
        <v>80</v>
      </c>
      <c r="H12834" t="s">
        <v>81</v>
      </c>
      <c r="I12834" s="2">
        <v>0</v>
      </c>
      <c r="J12834" s="2">
        <v>1</v>
      </c>
      <c r="K12834" s="2">
        <v>0</v>
      </c>
      <c r="L12834" t="s">
        <v>82</v>
      </c>
      <c r="M12834" t="s">
        <v>83</v>
      </c>
      <c r="N12834" t="s">
        <v>84</v>
      </c>
      <c r="O12834" t="s">
        <v>85</v>
      </c>
      <c r="P12834" t="s">
        <v>86</v>
      </c>
      <c r="Q12834">
        <v>47</v>
      </c>
      <c r="R12834">
        <v>48</v>
      </c>
      <c r="S12834">
        <v>49</v>
      </c>
      <c r="T12834">
        <v>49</v>
      </c>
      <c r="U12834">
        <v>50</v>
      </c>
      <c r="V12834">
        <v>51</v>
      </c>
      <c r="W12834">
        <v>52</v>
      </c>
      <c r="X12834">
        <v>53</v>
      </c>
      <c r="Y12834">
        <v>54</v>
      </c>
      <c r="Z12834">
        <v>55</v>
      </c>
      <c r="AA12834">
        <v>56</v>
      </c>
      <c r="AB12834">
        <v>57</v>
      </c>
      <c r="AC12834">
        <v>58</v>
      </c>
      <c r="AD12834">
        <v>58</v>
      </c>
      <c r="AE12834">
        <v>59</v>
      </c>
      <c r="AF12834">
        <v>60</v>
      </c>
      <c r="AG12834">
        <v>61</v>
      </c>
      <c r="AH12834">
        <v>62</v>
      </c>
      <c r="AI12834">
        <v>63</v>
      </c>
      <c r="AJ12834">
        <v>64</v>
      </c>
      <c r="AK12834">
        <v>65</v>
      </c>
      <c r="AL12834">
        <v>65</v>
      </c>
      <c r="AM12834">
        <v>65</v>
      </c>
      <c r="AN12834">
        <v>66</v>
      </c>
      <c r="AO12834">
        <v>66</v>
      </c>
      <c r="AP12834">
        <v>66</v>
      </c>
      <c r="AQ12834">
        <v>67</v>
      </c>
    </row>
    <row r="12835" spans="1:43">
      <c r="A12835" t="s">
        <v>7970</v>
      </c>
      <c r="B12835" t="s">
        <v>7971</v>
      </c>
      <c r="C12835" t="s">
        <v>7964</v>
      </c>
      <c r="D12835" t="s">
        <v>7965</v>
      </c>
      <c r="E12835" t="s">
        <v>7646</v>
      </c>
      <c r="F12835" t="s">
        <v>7647</v>
      </c>
      <c r="G12835" t="s">
        <v>80</v>
      </c>
      <c r="H12835" t="s">
        <v>81</v>
      </c>
      <c r="I12835" s="2">
        <v>0</v>
      </c>
      <c r="J12835" s="2">
        <v>1</v>
      </c>
      <c r="K12835" s="2">
        <v>0</v>
      </c>
      <c r="L12835" t="s">
        <v>82</v>
      </c>
      <c r="M12835" t="s">
        <v>87</v>
      </c>
      <c r="N12835" t="s">
        <v>88</v>
      </c>
      <c r="O12835" t="s">
        <v>85</v>
      </c>
      <c r="P12835" t="s">
        <v>86</v>
      </c>
      <c r="Q12835">
        <v>47</v>
      </c>
      <c r="R12835">
        <v>48</v>
      </c>
      <c r="S12835">
        <v>48</v>
      </c>
      <c r="T12835">
        <v>49</v>
      </c>
      <c r="U12835">
        <v>49</v>
      </c>
      <c r="V12835">
        <v>50</v>
      </c>
      <c r="W12835">
        <v>50</v>
      </c>
      <c r="X12835">
        <v>50</v>
      </c>
      <c r="Y12835">
        <v>51</v>
      </c>
      <c r="Z12835">
        <v>51</v>
      </c>
      <c r="AA12835">
        <v>52</v>
      </c>
      <c r="AB12835">
        <v>52</v>
      </c>
      <c r="AC12835">
        <v>53</v>
      </c>
      <c r="AD12835">
        <v>53</v>
      </c>
      <c r="AE12835">
        <v>54</v>
      </c>
      <c r="AF12835">
        <v>54</v>
      </c>
      <c r="AG12835">
        <v>55</v>
      </c>
      <c r="AH12835">
        <v>55</v>
      </c>
      <c r="AI12835">
        <v>55</v>
      </c>
      <c r="AJ12835">
        <v>56</v>
      </c>
      <c r="AK12835">
        <v>56</v>
      </c>
      <c r="AL12835">
        <v>57</v>
      </c>
      <c r="AM12835">
        <v>57</v>
      </c>
      <c r="AN12835">
        <v>58</v>
      </c>
      <c r="AO12835">
        <v>58</v>
      </c>
      <c r="AP12835">
        <v>59</v>
      </c>
      <c r="AQ12835">
        <v>59</v>
      </c>
    </row>
    <row r="12836" spans="1:43">
      <c r="A12836" t="s">
        <v>7970</v>
      </c>
      <c r="B12836" t="s">
        <v>7971</v>
      </c>
      <c r="C12836" t="s">
        <v>7964</v>
      </c>
      <c r="D12836" t="s">
        <v>7965</v>
      </c>
      <c r="E12836" t="s">
        <v>7646</v>
      </c>
      <c r="F12836" t="s">
        <v>7647</v>
      </c>
      <c r="G12836" t="s">
        <v>80</v>
      </c>
      <c r="H12836" t="s">
        <v>81</v>
      </c>
      <c r="I12836" s="2">
        <v>0</v>
      </c>
      <c r="J12836" s="2">
        <v>1</v>
      </c>
      <c r="K12836" s="2">
        <v>0</v>
      </c>
      <c r="L12836" t="s">
        <v>82</v>
      </c>
      <c r="M12836" t="s">
        <v>89</v>
      </c>
      <c r="N12836" t="s">
        <v>90</v>
      </c>
      <c r="O12836" t="s">
        <v>85</v>
      </c>
      <c r="P12836" t="s">
        <v>86</v>
      </c>
      <c r="Q12836">
        <v>47</v>
      </c>
      <c r="R12836">
        <v>48</v>
      </c>
      <c r="S12836">
        <v>50</v>
      </c>
      <c r="T12836">
        <v>51</v>
      </c>
      <c r="U12836">
        <v>52</v>
      </c>
      <c r="V12836">
        <v>54</v>
      </c>
      <c r="W12836">
        <v>55</v>
      </c>
      <c r="X12836">
        <v>56</v>
      </c>
      <c r="Y12836">
        <v>57</v>
      </c>
      <c r="Z12836">
        <v>58</v>
      </c>
      <c r="AA12836">
        <v>59</v>
      </c>
      <c r="AB12836">
        <v>60</v>
      </c>
      <c r="AC12836">
        <v>62</v>
      </c>
      <c r="AD12836">
        <v>63</v>
      </c>
      <c r="AE12836">
        <v>63</v>
      </c>
      <c r="AF12836">
        <v>64</v>
      </c>
      <c r="AG12836">
        <v>64</v>
      </c>
      <c r="AH12836">
        <v>64</v>
      </c>
      <c r="AI12836">
        <v>65</v>
      </c>
      <c r="AJ12836">
        <v>65</v>
      </c>
      <c r="AK12836">
        <v>65</v>
      </c>
      <c r="AL12836">
        <v>66</v>
      </c>
      <c r="AM12836">
        <v>66</v>
      </c>
      <c r="AN12836">
        <v>66</v>
      </c>
      <c r="AO12836">
        <v>66</v>
      </c>
      <c r="AP12836">
        <v>67</v>
      </c>
      <c r="AQ12836">
        <v>67</v>
      </c>
    </row>
    <row r="12837" spans="1:43">
      <c r="A12837" t="s">
        <v>7970</v>
      </c>
      <c r="B12837" t="s">
        <v>7971</v>
      </c>
      <c r="C12837" t="s">
        <v>7964</v>
      </c>
      <c r="D12837" t="s">
        <v>7965</v>
      </c>
      <c r="E12837" t="s">
        <v>7646</v>
      </c>
      <c r="F12837" t="s">
        <v>7647</v>
      </c>
      <c r="G12837" t="s">
        <v>80</v>
      </c>
      <c r="H12837" t="s">
        <v>81</v>
      </c>
      <c r="I12837" s="2">
        <v>0</v>
      </c>
      <c r="J12837" s="2">
        <v>1</v>
      </c>
      <c r="K12837" s="2">
        <v>0</v>
      </c>
      <c r="L12837" t="s">
        <v>82</v>
      </c>
      <c r="M12837" t="s">
        <v>83</v>
      </c>
      <c r="N12837" t="s">
        <v>91</v>
      </c>
      <c r="O12837" t="s">
        <v>85</v>
      </c>
      <c r="P12837" t="s">
        <v>86</v>
      </c>
      <c r="Q12837">
        <v>47</v>
      </c>
      <c r="R12837">
        <v>48</v>
      </c>
      <c r="S12837">
        <v>49</v>
      </c>
      <c r="T12837">
        <v>49</v>
      </c>
      <c r="U12837">
        <v>50</v>
      </c>
      <c r="V12837">
        <v>51</v>
      </c>
      <c r="W12837">
        <v>52</v>
      </c>
      <c r="X12837">
        <v>53</v>
      </c>
      <c r="Y12837">
        <v>54</v>
      </c>
      <c r="Z12837">
        <v>55</v>
      </c>
      <c r="AA12837">
        <v>56</v>
      </c>
      <c r="AB12837">
        <v>57</v>
      </c>
      <c r="AC12837">
        <v>58</v>
      </c>
      <c r="AD12837">
        <v>58</v>
      </c>
      <c r="AE12837">
        <v>59</v>
      </c>
      <c r="AF12837">
        <v>60</v>
      </c>
      <c r="AG12837">
        <v>61</v>
      </c>
      <c r="AH12837">
        <v>62</v>
      </c>
      <c r="AI12837">
        <v>63</v>
      </c>
      <c r="AJ12837">
        <v>64</v>
      </c>
      <c r="AK12837">
        <v>65</v>
      </c>
      <c r="AL12837">
        <v>65</v>
      </c>
      <c r="AM12837">
        <v>65</v>
      </c>
      <c r="AN12837">
        <v>66</v>
      </c>
      <c r="AO12837">
        <v>66</v>
      </c>
      <c r="AP12837">
        <v>66</v>
      </c>
      <c r="AQ12837">
        <v>67</v>
      </c>
    </row>
    <row r="12838" spans="1:43">
      <c r="A12838" t="s">
        <v>7972</v>
      </c>
      <c r="B12838" t="s">
        <v>7973</v>
      </c>
      <c r="C12838" t="s">
        <v>7964</v>
      </c>
      <c r="D12838" t="s">
        <v>7965</v>
      </c>
      <c r="E12838" t="s">
        <v>7646</v>
      </c>
      <c r="F12838" t="s">
        <v>7647</v>
      </c>
      <c r="G12838" t="s">
        <v>80</v>
      </c>
      <c r="H12838" t="s">
        <v>81</v>
      </c>
      <c r="I12838" s="2">
        <v>0</v>
      </c>
      <c r="J12838" s="2">
        <v>1</v>
      </c>
      <c r="K12838" s="2">
        <v>0</v>
      </c>
      <c r="L12838" t="s">
        <v>82</v>
      </c>
      <c r="M12838" t="s">
        <v>83</v>
      </c>
      <c r="N12838" t="s">
        <v>84</v>
      </c>
      <c r="O12838" t="s">
        <v>85</v>
      </c>
      <c r="P12838" t="s">
        <v>86</v>
      </c>
      <c r="Q12838">
        <v>94</v>
      </c>
      <c r="R12838">
        <v>96</v>
      </c>
      <c r="S12838">
        <v>97</v>
      </c>
      <c r="T12838">
        <v>99</v>
      </c>
      <c r="U12838">
        <v>101</v>
      </c>
      <c r="V12838">
        <v>103</v>
      </c>
      <c r="W12838">
        <v>105</v>
      </c>
      <c r="X12838">
        <v>106</v>
      </c>
      <c r="Y12838">
        <v>108</v>
      </c>
      <c r="Z12838">
        <v>110</v>
      </c>
      <c r="AA12838">
        <v>112</v>
      </c>
      <c r="AB12838">
        <v>114</v>
      </c>
      <c r="AC12838">
        <v>116</v>
      </c>
      <c r="AD12838">
        <v>117</v>
      </c>
      <c r="AE12838">
        <v>119</v>
      </c>
      <c r="AF12838">
        <v>121</v>
      </c>
      <c r="AG12838">
        <v>123</v>
      </c>
      <c r="AH12838">
        <v>124</v>
      </c>
      <c r="AI12838">
        <v>126</v>
      </c>
      <c r="AJ12838">
        <v>128</v>
      </c>
      <c r="AK12838">
        <v>130</v>
      </c>
      <c r="AL12838">
        <v>131</v>
      </c>
      <c r="AM12838">
        <v>131</v>
      </c>
      <c r="AN12838">
        <v>132</v>
      </c>
      <c r="AO12838">
        <v>133</v>
      </c>
      <c r="AP12838">
        <v>133</v>
      </c>
      <c r="AQ12838">
        <v>134</v>
      </c>
    </row>
    <row r="12839" spans="1:43">
      <c r="A12839" t="s">
        <v>7972</v>
      </c>
      <c r="B12839" t="s">
        <v>7973</v>
      </c>
      <c r="C12839" t="s">
        <v>7964</v>
      </c>
      <c r="D12839" t="s">
        <v>7965</v>
      </c>
      <c r="E12839" t="s">
        <v>7646</v>
      </c>
      <c r="F12839" t="s">
        <v>7647</v>
      </c>
      <c r="G12839" t="s">
        <v>80</v>
      </c>
      <c r="H12839" t="s">
        <v>81</v>
      </c>
      <c r="I12839" s="2">
        <v>0</v>
      </c>
      <c r="J12839" s="2">
        <v>1</v>
      </c>
      <c r="K12839" s="2">
        <v>0</v>
      </c>
      <c r="L12839" t="s">
        <v>82</v>
      </c>
      <c r="M12839" t="s">
        <v>87</v>
      </c>
      <c r="N12839" t="s">
        <v>88</v>
      </c>
      <c r="O12839" t="s">
        <v>85</v>
      </c>
      <c r="P12839" t="s">
        <v>86</v>
      </c>
      <c r="Q12839">
        <v>94</v>
      </c>
      <c r="R12839">
        <v>95</v>
      </c>
      <c r="S12839">
        <v>96</v>
      </c>
      <c r="T12839">
        <v>97</v>
      </c>
      <c r="U12839">
        <v>98</v>
      </c>
      <c r="V12839">
        <v>98</v>
      </c>
      <c r="W12839">
        <v>99</v>
      </c>
      <c r="X12839">
        <v>100</v>
      </c>
      <c r="Y12839">
        <v>101</v>
      </c>
      <c r="Z12839">
        <v>102</v>
      </c>
      <c r="AA12839">
        <v>103</v>
      </c>
      <c r="AB12839">
        <v>104</v>
      </c>
      <c r="AC12839">
        <v>105</v>
      </c>
      <c r="AD12839">
        <v>106</v>
      </c>
      <c r="AE12839">
        <v>107</v>
      </c>
      <c r="AF12839">
        <v>108</v>
      </c>
      <c r="AG12839">
        <v>108</v>
      </c>
      <c r="AH12839">
        <v>109</v>
      </c>
      <c r="AI12839">
        <v>110</v>
      </c>
      <c r="AJ12839">
        <v>111</v>
      </c>
      <c r="AK12839">
        <v>112</v>
      </c>
      <c r="AL12839">
        <v>113</v>
      </c>
      <c r="AM12839">
        <v>114</v>
      </c>
      <c r="AN12839">
        <v>115</v>
      </c>
      <c r="AO12839">
        <v>116</v>
      </c>
      <c r="AP12839">
        <v>117</v>
      </c>
      <c r="AQ12839">
        <v>118</v>
      </c>
    </row>
    <row r="12840" spans="1:43">
      <c r="A12840" t="s">
        <v>7972</v>
      </c>
      <c r="B12840" t="s">
        <v>7973</v>
      </c>
      <c r="C12840" t="s">
        <v>7964</v>
      </c>
      <c r="D12840" t="s">
        <v>7965</v>
      </c>
      <c r="E12840" t="s">
        <v>7646</v>
      </c>
      <c r="F12840" t="s">
        <v>7647</v>
      </c>
      <c r="G12840" t="s">
        <v>80</v>
      </c>
      <c r="H12840" t="s">
        <v>81</v>
      </c>
      <c r="I12840" s="2">
        <v>0</v>
      </c>
      <c r="J12840" s="2">
        <v>1</v>
      </c>
      <c r="K12840" s="2">
        <v>0</v>
      </c>
      <c r="L12840" t="s">
        <v>82</v>
      </c>
      <c r="M12840" t="s">
        <v>89</v>
      </c>
      <c r="N12840" t="s">
        <v>90</v>
      </c>
      <c r="O12840" t="s">
        <v>85</v>
      </c>
      <c r="P12840" t="s">
        <v>86</v>
      </c>
      <c r="Q12840">
        <v>94</v>
      </c>
      <c r="R12840">
        <v>96</v>
      </c>
      <c r="S12840">
        <v>99</v>
      </c>
      <c r="T12840">
        <v>101</v>
      </c>
      <c r="U12840">
        <v>104</v>
      </c>
      <c r="V12840">
        <v>107</v>
      </c>
      <c r="W12840">
        <v>109</v>
      </c>
      <c r="X12840">
        <v>111</v>
      </c>
      <c r="Y12840">
        <v>114</v>
      </c>
      <c r="Z12840">
        <v>116</v>
      </c>
      <c r="AA12840">
        <v>118</v>
      </c>
      <c r="AB12840">
        <v>120</v>
      </c>
      <c r="AC12840">
        <v>123</v>
      </c>
      <c r="AD12840">
        <v>125</v>
      </c>
      <c r="AE12840">
        <v>126</v>
      </c>
      <c r="AF12840">
        <v>127</v>
      </c>
      <c r="AG12840">
        <v>128</v>
      </c>
      <c r="AH12840">
        <v>128</v>
      </c>
      <c r="AI12840">
        <v>129</v>
      </c>
      <c r="AJ12840">
        <v>129</v>
      </c>
      <c r="AK12840">
        <v>130</v>
      </c>
      <c r="AL12840">
        <v>131</v>
      </c>
      <c r="AM12840">
        <v>131</v>
      </c>
      <c r="AN12840">
        <v>132</v>
      </c>
      <c r="AO12840">
        <v>132</v>
      </c>
      <c r="AP12840">
        <v>133</v>
      </c>
      <c r="AQ12840">
        <v>133</v>
      </c>
    </row>
    <row r="12841" spans="1:43">
      <c r="A12841" t="s">
        <v>7972</v>
      </c>
      <c r="B12841" t="s">
        <v>7973</v>
      </c>
      <c r="C12841" t="s">
        <v>7964</v>
      </c>
      <c r="D12841" t="s">
        <v>7965</v>
      </c>
      <c r="E12841" t="s">
        <v>7646</v>
      </c>
      <c r="F12841" t="s">
        <v>7647</v>
      </c>
      <c r="G12841" t="s">
        <v>80</v>
      </c>
      <c r="H12841" t="s">
        <v>81</v>
      </c>
      <c r="I12841" s="2">
        <v>0</v>
      </c>
      <c r="J12841" s="2">
        <v>1</v>
      </c>
      <c r="K12841" s="2">
        <v>0</v>
      </c>
      <c r="L12841" t="s">
        <v>82</v>
      </c>
      <c r="M12841" t="s">
        <v>83</v>
      </c>
      <c r="N12841" t="s">
        <v>91</v>
      </c>
      <c r="O12841" t="s">
        <v>85</v>
      </c>
      <c r="P12841" t="s">
        <v>86</v>
      </c>
      <c r="Q12841">
        <v>94</v>
      </c>
      <c r="R12841">
        <v>96</v>
      </c>
      <c r="S12841">
        <v>97</v>
      </c>
      <c r="T12841">
        <v>99</v>
      </c>
      <c r="U12841">
        <v>101</v>
      </c>
      <c r="V12841">
        <v>103</v>
      </c>
      <c r="W12841">
        <v>105</v>
      </c>
      <c r="X12841">
        <v>106</v>
      </c>
      <c r="Y12841">
        <v>108</v>
      </c>
      <c r="Z12841">
        <v>110</v>
      </c>
      <c r="AA12841">
        <v>112</v>
      </c>
      <c r="AB12841">
        <v>114</v>
      </c>
      <c r="AC12841">
        <v>116</v>
      </c>
      <c r="AD12841">
        <v>117</v>
      </c>
      <c r="AE12841">
        <v>119</v>
      </c>
      <c r="AF12841">
        <v>121</v>
      </c>
      <c r="AG12841">
        <v>123</v>
      </c>
      <c r="AH12841">
        <v>124</v>
      </c>
      <c r="AI12841">
        <v>126</v>
      </c>
      <c r="AJ12841">
        <v>128</v>
      </c>
      <c r="AK12841">
        <v>130</v>
      </c>
      <c r="AL12841">
        <v>131</v>
      </c>
      <c r="AM12841">
        <v>131</v>
      </c>
      <c r="AN12841">
        <v>132</v>
      </c>
      <c r="AO12841">
        <v>133</v>
      </c>
      <c r="AP12841">
        <v>133</v>
      </c>
      <c r="AQ12841">
        <v>134</v>
      </c>
    </row>
    <row r="12842" spans="1:43">
      <c r="A12842" t="s">
        <v>7974</v>
      </c>
      <c r="B12842" t="s">
        <v>7975</v>
      </c>
      <c r="C12842" t="s">
        <v>7964</v>
      </c>
      <c r="D12842" t="s">
        <v>7965</v>
      </c>
      <c r="E12842" t="s">
        <v>7646</v>
      </c>
      <c r="F12842" t="s">
        <v>7647</v>
      </c>
      <c r="G12842" t="s">
        <v>80</v>
      </c>
      <c r="H12842" t="s">
        <v>81</v>
      </c>
      <c r="I12842" s="2">
        <v>0</v>
      </c>
      <c r="J12842" s="2">
        <v>1</v>
      </c>
      <c r="K12842" s="2">
        <v>0</v>
      </c>
      <c r="L12842" t="s">
        <v>82</v>
      </c>
      <c r="M12842" t="s">
        <v>83</v>
      </c>
      <c r="N12842" t="s">
        <v>84</v>
      </c>
      <c r="O12842" t="s">
        <v>85</v>
      </c>
      <c r="P12842" t="s">
        <v>86</v>
      </c>
      <c r="Q12842">
        <v>24</v>
      </c>
      <c r="R12842">
        <v>24</v>
      </c>
      <c r="S12842">
        <v>25</v>
      </c>
      <c r="T12842">
        <v>25</v>
      </c>
      <c r="U12842">
        <v>26</v>
      </c>
      <c r="V12842">
        <v>26</v>
      </c>
      <c r="W12842">
        <v>27</v>
      </c>
      <c r="X12842">
        <v>27</v>
      </c>
      <c r="Y12842">
        <v>28</v>
      </c>
      <c r="Z12842">
        <v>28</v>
      </c>
      <c r="AA12842">
        <v>29</v>
      </c>
      <c r="AB12842">
        <v>29</v>
      </c>
      <c r="AC12842">
        <v>30</v>
      </c>
      <c r="AD12842">
        <v>30</v>
      </c>
      <c r="AE12842">
        <v>30</v>
      </c>
      <c r="AF12842">
        <v>31</v>
      </c>
      <c r="AG12842">
        <v>31</v>
      </c>
      <c r="AH12842">
        <v>32</v>
      </c>
      <c r="AI12842">
        <v>32</v>
      </c>
      <c r="AJ12842">
        <v>33</v>
      </c>
      <c r="AK12842">
        <v>33</v>
      </c>
      <c r="AL12842">
        <v>33</v>
      </c>
      <c r="AM12842">
        <v>34</v>
      </c>
      <c r="AN12842">
        <v>34</v>
      </c>
      <c r="AO12842">
        <v>34</v>
      </c>
      <c r="AP12842">
        <v>34</v>
      </c>
      <c r="AQ12842">
        <v>34</v>
      </c>
    </row>
    <row r="12843" spans="1:43">
      <c r="A12843" t="s">
        <v>7974</v>
      </c>
      <c r="B12843" t="s">
        <v>7975</v>
      </c>
      <c r="C12843" t="s">
        <v>7964</v>
      </c>
      <c r="D12843" t="s">
        <v>7965</v>
      </c>
      <c r="E12843" t="s">
        <v>7646</v>
      </c>
      <c r="F12843" t="s">
        <v>7647</v>
      </c>
      <c r="G12843" t="s">
        <v>80</v>
      </c>
      <c r="H12843" t="s">
        <v>81</v>
      </c>
      <c r="I12843" s="2">
        <v>0</v>
      </c>
      <c r="J12843" s="2">
        <v>1</v>
      </c>
      <c r="K12843" s="2">
        <v>0</v>
      </c>
      <c r="L12843" t="s">
        <v>82</v>
      </c>
      <c r="M12843" t="s">
        <v>87</v>
      </c>
      <c r="N12843" t="s">
        <v>88</v>
      </c>
      <c r="O12843" t="s">
        <v>85</v>
      </c>
      <c r="P12843" t="s">
        <v>86</v>
      </c>
      <c r="Q12843">
        <v>24</v>
      </c>
      <c r="R12843">
        <v>24</v>
      </c>
      <c r="S12843">
        <v>24</v>
      </c>
      <c r="T12843">
        <v>24</v>
      </c>
      <c r="U12843">
        <v>25</v>
      </c>
      <c r="V12843">
        <v>25</v>
      </c>
      <c r="W12843">
        <v>25</v>
      </c>
      <c r="X12843">
        <v>25</v>
      </c>
      <c r="Y12843">
        <v>26</v>
      </c>
      <c r="Z12843">
        <v>26</v>
      </c>
      <c r="AA12843">
        <v>26</v>
      </c>
      <c r="AB12843">
        <v>26</v>
      </c>
      <c r="AC12843">
        <v>27</v>
      </c>
      <c r="AD12843">
        <v>27</v>
      </c>
      <c r="AE12843">
        <v>27</v>
      </c>
      <c r="AF12843">
        <v>27</v>
      </c>
      <c r="AG12843">
        <v>27</v>
      </c>
      <c r="AH12843">
        <v>28</v>
      </c>
      <c r="AI12843">
        <v>28</v>
      </c>
      <c r="AJ12843">
        <v>28</v>
      </c>
      <c r="AK12843">
        <v>28</v>
      </c>
      <c r="AL12843">
        <v>29</v>
      </c>
      <c r="AM12843">
        <v>29</v>
      </c>
      <c r="AN12843">
        <v>29</v>
      </c>
      <c r="AO12843">
        <v>29</v>
      </c>
      <c r="AP12843">
        <v>30</v>
      </c>
      <c r="AQ12843">
        <v>30</v>
      </c>
    </row>
    <row r="12844" spans="1:43">
      <c r="A12844" t="s">
        <v>7974</v>
      </c>
      <c r="B12844" t="s">
        <v>7975</v>
      </c>
      <c r="C12844" t="s">
        <v>7964</v>
      </c>
      <c r="D12844" t="s">
        <v>7965</v>
      </c>
      <c r="E12844" t="s">
        <v>7646</v>
      </c>
      <c r="F12844" t="s">
        <v>7647</v>
      </c>
      <c r="G12844" t="s">
        <v>80</v>
      </c>
      <c r="H12844" t="s">
        <v>81</v>
      </c>
      <c r="I12844" s="2">
        <v>0</v>
      </c>
      <c r="J12844" s="2">
        <v>1</v>
      </c>
      <c r="K12844" s="2">
        <v>0</v>
      </c>
      <c r="L12844" t="s">
        <v>82</v>
      </c>
      <c r="M12844" t="s">
        <v>89</v>
      </c>
      <c r="N12844" t="s">
        <v>90</v>
      </c>
      <c r="O12844" t="s">
        <v>85</v>
      </c>
      <c r="P12844" t="s">
        <v>86</v>
      </c>
      <c r="Q12844">
        <v>24</v>
      </c>
      <c r="R12844">
        <v>25</v>
      </c>
      <c r="S12844">
        <v>26</v>
      </c>
      <c r="T12844">
        <v>26</v>
      </c>
      <c r="U12844">
        <v>27</v>
      </c>
      <c r="V12844">
        <v>28</v>
      </c>
      <c r="W12844">
        <v>28</v>
      </c>
      <c r="X12844">
        <v>29</v>
      </c>
      <c r="Y12844">
        <v>29</v>
      </c>
      <c r="Z12844">
        <v>30</v>
      </c>
      <c r="AA12844">
        <v>30</v>
      </c>
      <c r="AB12844">
        <v>31</v>
      </c>
      <c r="AC12844">
        <v>32</v>
      </c>
      <c r="AD12844">
        <v>32</v>
      </c>
      <c r="AE12844">
        <v>33</v>
      </c>
      <c r="AF12844">
        <v>33</v>
      </c>
      <c r="AG12844">
        <v>33</v>
      </c>
      <c r="AH12844">
        <v>33</v>
      </c>
      <c r="AI12844">
        <v>33</v>
      </c>
      <c r="AJ12844">
        <v>33</v>
      </c>
      <c r="AK12844">
        <v>34</v>
      </c>
      <c r="AL12844">
        <v>34</v>
      </c>
      <c r="AM12844">
        <v>34</v>
      </c>
      <c r="AN12844">
        <v>34</v>
      </c>
      <c r="AO12844">
        <v>34</v>
      </c>
      <c r="AP12844">
        <v>34</v>
      </c>
      <c r="AQ12844">
        <v>34</v>
      </c>
    </row>
    <row r="12845" spans="1:43">
      <c r="A12845" t="s">
        <v>7974</v>
      </c>
      <c r="B12845" t="s">
        <v>7975</v>
      </c>
      <c r="C12845" t="s">
        <v>7964</v>
      </c>
      <c r="D12845" t="s">
        <v>7965</v>
      </c>
      <c r="E12845" t="s">
        <v>7646</v>
      </c>
      <c r="F12845" t="s">
        <v>7647</v>
      </c>
      <c r="G12845" t="s">
        <v>80</v>
      </c>
      <c r="H12845" t="s">
        <v>81</v>
      </c>
      <c r="I12845" s="2">
        <v>0</v>
      </c>
      <c r="J12845" s="2">
        <v>1</v>
      </c>
      <c r="K12845" s="2">
        <v>0</v>
      </c>
      <c r="L12845" t="s">
        <v>82</v>
      </c>
      <c r="M12845" t="s">
        <v>83</v>
      </c>
      <c r="N12845" t="s">
        <v>91</v>
      </c>
      <c r="O12845" t="s">
        <v>85</v>
      </c>
      <c r="P12845" t="s">
        <v>86</v>
      </c>
      <c r="Q12845">
        <v>24</v>
      </c>
      <c r="R12845">
        <v>24</v>
      </c>
      <c r="S12845">
        <v>25</v>
      </c>
      <c r="T12845">
        <v>25</v>
      </c>
      <c r="U12845">
        <v>26</v>
      </c>
      <c r="V12845">
        <v>26</v>
      </c>
      <c r="W12845">
        <v>27</v>
      </c>
      <c r="X12845">
        <v>27</v>
      </c>
      <c r="Y12845">
        <v>28</v>
      </c>
      <c r="Z12845">
        <v>28</v>
      </c>
      <c r="AA12845">
        <v>29</v>
      </c>
      <c r="AB12845">
        <v>29</v>
      </c>
      <c r="AC12845">
        <v>30</v>
      </c>
      <c r="AD12845">
        <v>30</v>
      </c>
      <c r="AE12845">
        <v>30</v>
      </c>
      <c r="AF12845">
        <v>31</v>
      </c>
      <c r="AG12845">
        <v>31</v>
      </c>
      <c r="AH12845">
        <v>32</v>
      </c>
      <c r="AI12845">
        <v>32</v>
      </c>
      <c r="AJ12845">
        <v>33</v>
      </c>
      <c r="AK12845">
        <v>33</v>
      </c>
      <c r="AL12845">
        <v>33</v>
      </c>
      <c r="AM12845">
        <v>34</v>
      </c>
      <c r="AN12845">
        <v>34</v>
      </c>
      <c r="AO12845">
        <v>34</v>
      </c>
      <c r="AP12845">
        <v>34</v>
      </c>
      <c r="AQ12845">
        <v>34</v>
      </c>
    </row>
    <row r="12846" spans="1:43">
      <c r="A12846" t="s">
        <v>7976</v>
      </c>
      <c r="B12846" t="s">
        <v>7977</v>
      </c>
      <c r="C12846" t="s">
        <v>7964</v>
      </c>
      <c r="D12846" t="s">
        <v>7965</v>
      </c>
      <c r="E12846" t="s">
        <v>7646</v>
      </c>
      <c r="F12846" t="s">
        <v>7647</v>
      </c>
      <c r="G12846" t="s">
        <v>80</v>
      </c>
      <c r="H12846" t="s">
        <v>81</v>
      </c>
      <c r="I12846" s="2">
        <v>0</v>
      </c>
      <c r="J12846" s="2">
        <v>1</v>
      </c>
      <c r="K12846" s="2">
        <v>0</v>
      </c>
      <c r="L12846" t="s">
        <v>82</v>
      </c>
      <c r="M12846" t="s">
        <v>83</v>
      </c>
      <c r="N12846" t="s">
        <v>84</v>
      </c>
      <c r="O12846" t="s">
        <v>85</v>
      </c>
      <c r="P12846" t="s">
        <v>86</v>
      </c>
      <c r="Q12846">
        <v>11</v>
      </c>
      <c r="R12846">
        <v>11</v>
      </c>
      <c r="S12846">
        <v>12</v>
      </c>
      <c r="T12846">
        <v>12</v>
      </c>
      <c r="U12846">
        <v>12</v>
      </c>
      <c r="V12846">
        <v>12</v>
      </c>
      <c r="W12846">
        <v>13</v>
      </c>
      <c r="X12846">
        <v>13</v>
      </c>
      <c r="Y12846">
        <v>13</v>
      </c>
      <c r="Z12846">
        <v>13</v>
      </c>
      <c r="AA12846">
        <v>13</v>
      </c>
      <c r="AB12846">
        <v>14</v>
      </c>
      <c r="AC12846">
        <v>14</v>
      </c>
      <c r="AD12846">
        <v>14</v>
      </c>
      <c r="AE12846">
        <v>14</v>
      </c>
      <c r="AF12846">
        <v>14</v>
      </c>
      <c r="AG12846">
        <v>15</v>
      </c>
      <c r="AH12846">
        <v>15</v>
      </c>
      <c r="AI12846">
        <v>15</v>
      </c>
      <c r="AJ12846">
        <v>15</v>
      </c>
      <c r="AK12846">
        <v>16</v>
      </c>
      <c r="AL12846">
        <v>16</v>
      </c>
      <c r="AM12846">
        <v>16</v>
      </c>
      <c r="AN12846">
        <v>16</v>
      </c>
      <c r="AO12846">
        <v>16</v>
      </c>
      <c r="AP12846">
        <v>16</v>
      </c>
      <c r="AQ12846">
        <v>16</v>
      </c>
    </row>
    <row r="12847" spans="1:43">
      <c r="A12847" t="s">
        <v>7976</v>
      </c>
      <c r="B12847" t="s">
        <v>7977</v>
      </c>
      <c r="C12847" t="s">
        <v>7964</v>
      </c>
      <c r="D12847" t="s">
        <v>7965</v>
      </c>
      <c r="E12847" t="s">
        <v>7646</v>
      </c>
      <c r="F12847" t="s">
        <v>7647</v>
      </c>
      <c r="G12847" t="s">
        <v>80</v>
      </c>
      <c r="H12847" t="s">
        <v>81</v>
      </c>
      <c r="I12847" s="2">
        <v>0</v>
      </c>
      <c r="J12847" s="2">
        <v>1</v>
      </c>
      <c r="K12847" s="2">
        <v>0</v>
      </c>
      <c r="L12847" t="s">
        <v>82</v>
      </c>
      <c r="M12847" t="s">
        <v>87</v>
      </c>
      <c r="N12847" t="s">
        <v>88</v>
      </c>
      <c r="O12847" t="s">
        <v>85</v>
      </c>
      <c r="P12847" t="s">
        <v>86</v>
      </c>
      <c r="Q12847">
        <v>11</v>
      </c>
      <c r="R12847">
        <v>11</v>
      </c>
      <c r="S12847">
        <v>11</v>
      </c>
      <c r="T12847">
        <v>11</v>
      </c>
      <c r="U12847">
        <v>12</v>
      </c>
      <c r="V12847">
        <v>12</v>
      </c>
      <c r="W12847">
        <v>12</v>
      </c>
      <c r="X12847">
        <v>12</v>
      </c>
      <c r="Y12847">
        <v>12</v>
      </c>
      <c r="Z12847">
        <v>12</v>
      </c>
      <c r="AA12847">
        <v>12</v>
      </c>
      <c r="AB12847">
        <v>12</v>
      </c>
      <c r="AC12847">
        <v>12</v>
      </c>
      <c r="AD12847">
        <v>13</v>
      </c>
      <c r="AE12847">
        <v>13</v>
      </c>
      <c r="AF12847">
        <v>13</v>
      </c>
      <c r="AG12847">
        <v>13</v>
      </c>
      <c r="AH12847">
        <v>13</v>
      </c>
      <c r="AI12847">
        <v>13</v>
      </c>
      <c r="AJ12847">
        <v>13</v>
      </c>
      <c r="AK12847">
        <v>13</v>
      </c>
      <c r="AL12847">
        <v>13</v>
      </c>
      <c r="AM12847">
        <v>14</v>
      </c>
      <c r="AN12847">
        <v>14</v>
      </c>
      <c r="AO12847">
        <v>14</v>
      </c>
      <c r="AP12847">
        <v>14</v>
      </c>
      <c r="AQ12847">
        <v>14</v>
      </c>
    </row>
    <row r="12848" spans="1:43">
      <c r="A12848" t="s">
        <v>7976</v>
      </c>
      <c r="B12848" t="s">
        <v>7977</v>
      </c>
      <c r="C12848" t="s">
        <v>7964</v>
      </c>
      <c r="D12848" t="s">
        <v>7965</v>
      </c>
      <c r="E12848" t="s">
        <v>7646</v>
      </c>
      <c r="F12848" t="s">
        <v>7647</v>
      </c>
      <c r="G12848" t="s">
        <v>80</v>
      </c>
      <c r="H12848" t="s">
        <v>81</v>
      </c>
      <c r="I12848" s="2">
        <v>0</v>
      </c>
      <c r="J12848" s="2">
        <v>1</v>
      </c>
      <c r="K12848" s="2">
        <v>0</v>
      </c>
      <c r="L12848" t="s">
        <v>82</v>
      </c>
      <c r="M12848" t="s">
        <v>89</v>
      </c>
      <c r="N12848" t="s">
        <v>90</v>
      </c>
      <c r="O12848" t="s">
        <v>85</v>
      </c>
      <c r="P12848" t="s">
        <v>86</v>
      </c>
      <c r="Q12848">
        <v>11</v>
      </c>
      <c r="R12848">
        <v>12</v>
      </c>
      <c r="S12848">
        <v>12</v>
      </c>
      <c r="T12848">
        <v>12</v>
      </c>
      <c r="U12848">
        <v>13</v>
      </c>
      <c r="V12848">
        <v>13</v>
      </c>
      <c r="W12848">
        <v>13</v>
      </c>
      <c r="X12848">
        <v>13</v>
      </c>
      <c r="Y12848">
        <v>14</v>
      </c>
      <c r="Z12848">
        <v>14</v>
      </c>
      <c r="AA12848">
        <v>14</v>
      </c>
      <c r="AB12848">
        <v>15</v>
      </c>
      <c r="AC12848">
        <v>15</v>
      </c>
      <c r="AD12848">
        <v>15</v>
      </c>
      <c r="AE12848">
        <v>15</v>
      </c>
      <c r="AF12848">
        <v>15</v>
      </c>
      <c r="AG12848">
        <v>15</v>
      </c>
      <c r="AH12848">
        <v>16</v>
      </c>
      <c r="AI12848">
        <v>16</v>
      </c>
      <c r="AJ12848">
        <v>16</v>
      </c>
      <c r="AK12848">
        <v>16</v>
      </c>
      <c r="AL12848">
        <v>16</v>
      </c>
      <c r="AM12848">
        <v>16</v>
      </c>
      <c r="AN12848">
        <v>16</v>
      </c>
      <c r="AO12848">
        <v>16</v>
      </c>
      <c r="AP12848">
        <v>16</v>
      </c>
      <c r="AQ12848">
        <v>16</v>
      </c>
    </row>
    <row r="12849" spans="1:43">
      <c r="A12849" t="s">
        <v>7976</v>
      </c>
      <c r="B12849" t="s">
        <v>7977</v>
      </c>
      <c r="C12849" t="s">
        <v>7964</v>
      </c>
      <c r="D12849" t="s">
        <v>7965</v>
      </c>
      <c r="E12849" t="s">
        <v>7646</v>
      </c>
      <c r="F12849" t="s">
        <v>7647</v>
      </c>
      <c r="G12849" t="s">
        <v>80</v>
      </c>
      <c r="H12849" t="s">
        <v>81</v>
      </c>
      <c r="I12849" s="2">
        <v>0</v>
      </c>
      <c r="J12849" s="2">
        <v>1</v>
      </c>
      <c r="K12849" s="2">
        <v>0</v>
      </c>
      <c r="L12849" t="s">
        <v>82</v>
      </c>
      <c r="M12849" t="s">
        <v>83</v>
      </c>
      <c r="N12849" t="s">
        <v>91</v>
      </c>
      <c r="O12849" t="s">
        <v>85</v>
      </c>
      <c r="P12849" t="s">
        <v>86</v>
      </c>
      <c r="Q12849">
        <v>11</v>
      </c>
      <c r="R12849">
        <v>11</v>
      </c>
      <c r="S12849">
        <v>12</v>
      </c>
      <c r="T12849">
        <v>12</v>
      </c>
      <c r="U12849">
        <v>12</v>
      </c>
      <c r="V12849">
        <v>12</v>
      </c>
      <c r="W12849">
        <v>13</v>
      </c>
      <c r="X12849">
        <v>13</v>
      </c>
      <c r="Y12849">
        <v>13</v>
      </c>
      <c r="Z12849">
        <v>13</v>
      </c>
      <c r="AA12849">
        <v>13</v>
      </c>
      <c r="AB12849">
        <v>14</v>
      </c>
      <c r="AC12849">
        <v>14</v>
      </c>
      <c r="AD12849">
        <v>14</v>
      </c>
      <c r="AE12849">
        <v>14</v>
      </c>
      <c r="AF12849">
        <v>14</v>
      </c>
      <c r="AG12849">
        <v>15</v>
      </c>
      <c r="AH12849">
        <v>15</v>
      </c>
      <c r="AI12849">
        <v>15</v>
      </c>
      <c r="AJ12849">
        <v>15</v>
      </c>
      <c r="AK12849">
        <v>16</v>
      </c>
      <c r="AL12849">
        <v>16</v>
      </c>
      <c r="AM12849">
        <v>16</v>
      </c>
      <c r="AN12849">
        <v>16</v>
      </c>
      <c r="AO12849">
        <v>16</v>
      </c>
      <c r="AP12849">
        <v>16</v>
      </c>
      <c r="AQ12849">
        <v>16</v>
      </c>
    </row>
    <row r="12850" spans="1:43">
      <c r="A12850" t="s">
        <v>7978</v>
      </c>
      <c r="B12850" t="s">
        <v>7979</v>
      </c>
      <c r="C12850" t="s">
        <v>7980</v>
      </c>
      <c r="D12850" t="s">
        <v>7981</v>
      </c>
      <c r="E12850" t="s">
        <v>7646</v>
      </c>
      <c r="F12850" t="s">
        <v>7647</v>
      </c>
      <c r="G12850" t="s">
        <v>80</v>
      </c>
      <c r="H12850" t="s">
        <v>81</v>
      </c>
      <c r="I12850" s="2">
        <v>0</v>
      </c>
      <c r="J12850" s="2">
        <v>1</v>
      </c>
      <c r="K12850" s="2">
        <v>0</v>
      </c>
      <c r="L12850" t="s">
        <v>82</v>
      </c>
      <c r="M12850" t="s">
        <v>83</v>
      </c>
      <c r="N12850" t="s">
        <v>84</v>
      </c>
      <c r="O12850" t="s">
        <v>85</v>
      </c>
      <c r="P12850" t="s">
        <v>86</v>
      </c>
      <c r="Q12850">
        <v>68</v>
      </c>
      <c r="R12850">
        <v>70</v>
      </c>
      <c r="S12850">
        <v>71</v>
      </c>
      <c r="T12850">
        <v>72</v>
      </c>
      <c r="U12850">
        <v>73</v>
      </c>
      <c r="V12850">
        <v>75</v>
      </c>
      <c r="W12850">
        <v>76</v>
      </c>
      <c r="X12850">
        <v>77</v>
      </c>
      <c r="Y12850">
        <v>79</v>
      </c>
      <c r="Z12850">
        <v>80</v>
      </c>
      <c r="AA12850">
        <v>81</v>
      </c>
      <c r="AB12850">
        <v>83</v>
      </c>
      <c r="AC12850">
        <v>84</v>
      </c>
      <c r="AD12850">
        <v>85</v>
      </c>
      <c r="AE12850">
        <v>86</v>
      </c>
      <c r="AF12850">
        <v>88</v>
      </c>
      <c r="AG12850">
        <v>89</v>
      </c>
      <c r="AH12850">
        <v>90</v>
      </c>
      <c r="AI12850">
        <v>92</v>
      </c>
      <c r="AJ12850">
        <v>93</v>
      </c>
      <c r="AK12850">
        <v>94</v>
      </c>
      <c r="AL12850">
        <v>95</v>
      </c>
      <c r="AM12850">
        <v>95</v>
      </c>
      <c r="AN12850">
        <v>96</v>
      </c>
      <c r="AO12850">
        <v>96</v>
      </c>
      <c r="AP12850">
        <v>97</v>
      </c>
      <c r="AQ12850">
        <v>97</v>
      </c>
    </row>
    <row r="12851" spans="1:43">
      <c r="A12851" t="s">
        <v>7978</v>
      </c>
      <c r="B12851" t="s">
        <v>7979</v>
      </c>
      <c r="C12851" t="s">
        <v>7980</v>
      </c>
      <c r="D12851" t="s">
        <v>7981</v>
      </c>
      <c r="E12851" t="s">
        <v>7646</v>
      </c>
      <c r="F12851" t="s">
        <v>7647</v>
      </c>
      <c r="G12851" t="s">
        <v>80</v>
      </c>
      <c r="H12851" t="s">
        <v>81</v>
      </c>
      <c r="I12851" s="2">
        <v>0</v>
      </c>
      <c r="J12851" s="2">
        <v>1</v>
      </c>
      <c r="K12851" s="2">
        <v>0</v>
      </c>
      <c r="L12851" t="s">
        <v>82</v>
      </c>
      <c r="M12851" t="s">
        <v>87</v>
      </c>
      <c r="N12851" t="s">
        <v>88</v>
      </c>
      <c r="O12851" t="s">
        <v>85</v>
      </c>
      <c r="P12851" t="s">
        <v>86</v>
      </c>
      <c r="Q12851">
        <v>68</v>
      </c>
      <c r="R12851">
        <v>68</v>
      </c>
      <c r="S12851">
        <v>69</v>
      </c>
      <c r="T12851">
        <v>70</v>
      </c>
      <c r="U12851">
        <v>70</v>
      </c>
      <c r="V12851">
        <v>71</v>
      </c>
      <c r="W12851">
        <v>71</v>
      </c>
      <c r="X12851">
        <v>72</v>
      </c>
      <c r="Y12851">
        <v>73</v>
      </c>
      <c r="Z12851">
        <v>73</v>
      </c>
      <c r="AA12851">
        <v>74</v>
      </c>
      <c r="AB12851">
        <v>75</v>
      </c>
      <c r="AC12851">
        <v>75</v>
      </c>
      <c r="AD12851">
        <v>76</v>
      </c>
      <c r="AE12851">
        <v>77</v>
      </c>
      <c r="AF12851">
        <v>77</v>
      </c>
      <c r="AG12851">
        <v>78</v>
      </c>
      <c r="AH12851">
        <v>78</v>
      </c>
      <c r="AI12851">
        <v>79</v>
      </c>
      <c r="AJ12851">
        <v>80</v>
      </c>
      <c r="AK12851">
        <v>80</v>
      </c>
      <c r="AL12851">
        <v>81</v>
      </c>
      <c r="AM12851">
        <v>82</v>
      </c>
      <c r="AN12851">
        <v>82</v>
      </c>
      <c r="AO12851">
        <v>83</v>
      </c>
      <c r="AP12851">
        <v>84</v>
      </c>
      <c r="AQ12851">
        <v>84</v>
      </c>
    </row>
    <row r="12852" spans="1:43">
      <c r="A12852" t="s">
        <v>7978</v>
      </c>
      <c r="B12852" t="s">
        <v>7979</v>
      </c>
      <c r="C12852" t="s">
        <v>7980</v>
      </c>
      <c r="D12852" t="s">
        <v>7981</v>
      </c>
      <c r="E12852" t="s">
        <v>7646</v>
      </c>
      <c r="F12852" t="s">
        <v>7647</v>
      </c>
      <c r="G12852" t="s">
        <v>80</v>
      </c>
      <c r="H12852" t="s">
        <v>81</v>
      </c>
      <c r="I12852" s="2">
        <v>0</v>
      </c>
      <c r="J12852" s="2">
        <v>1</v>
      </c>
      <c r="K12852" s="2">
        <v>0</v>
      </c>
      <c r="L12852" t="s">
        <v>82</v>
      </c>
      <c r="M12852" t="s">
        <v>89</v>
      </c>
      <c r="N12852" t="s">
        <v>90</v>
      </c>
      <c r="O12852" t="s">
        <v>85</v>
      </c>
      <c r="P12852" t="s">
        <v>86</v>
      </c>
      <c r="Q12852">
        <v>68</v>
      </c>
      <c r="R12852">
        <v>70</v>
      </c>
      <c r="S12852">
        <v>72</v>
      </c>
      <c r="T12852">
        <v>74</v>
      </c>
      <c r="U12852">
        <v>75</v>
      </c>
      <c r="V12852">
        <v>77</v>
      </c>
      <c r="W12852">
        <v>79</v>
      </c>
      <c r="X12852">
        <v>81</v>
      </c>
      <c r="Y12852">
        <v>82</v>
      </c>
      <c r="Z12852">
        <v>84</v>
      </c>
      <c r="AA12852">
        <v>86</v>
      </c>
      <c r="AB12852">
        <v>87</v>
      </c>
      <c r="AC12852">
        <v>89</v>
      </c>
      <c r="AD12852">
        <v>91</v>
      </c>
      <c r="AE12852">
        <v>92</v>
      </c>
      <c r="AF12852">
        <v>92</v>
      </c>
      <c r="AG12852">
        <v>93</v>
      </c>
      <c r="AH12852">
        <v>93</v>
      </c>
      <c r="AI12852">
        <v>93</v>
      </c>
      <c r="AJ12852">
        <v>94</v>
      </c>
      <c r="AK12852">
        <v>94</v>
      </c>
      <c r="AL12852">
        <v>95</v>
      </c>
      <c r="AM12852">
        <v>95</v>
      </c>
      <c r="AN12852">
        <v>95</v>
      </c>
      <c r="AO12852">
        <v>96</v>
      </c>
      <c r="AP12852">
        <v>96</v>
      </c>
      <c r="AQ12852">
        <v>97</v>
      </c>
    </row>
    <row r="12853" spans="1:43">
      <c r="A12853" t="s">
        <v>7978</v>
      </c>
      <c r="B12853" t="s">
        <v>7979</v>
      </c>
      <c r="C12853" t="s">
        <v>7980</v>
      </c>
      <c r="D12853" t="s">
        <v>7981</v>
      </c>
      <c r="E12853" t="s">
        <v>7646</v>
      </c>
      <c r="F12853" t="s">
        <v>7647</v>
      </c>
      <c r="G12853" t="s">
        <v>80</v>
      </c>
      <c r="H12853" t="s">
        <v>81</v>
      </c>
      <c r="I12853" s="2">
        <v>0</v>
      </c>
      <c r="J12853" s="2">
        <v>1</v>
      </c>
      <c r="K12853" s="2">
        <v>0</v>
      </c>
      <c r="L12853" t="s">
        <v>82</v>
      </c>
      <c r="M12853" t="s">
        <v>83</v>
      </c>
      <c r="N12853" t="s">
        <v>91</v>
      </c>
      <c r="O12853" t="s">
        <v>85</v>
      </c>
      <c r="P12853" t="s">
        <v>86</v>
      </c>
      <c r="Q12853">
        <v>68</v>
      </c>
      <c r="R12853">
        <v>70</v>
      </c>
      <c r="S12853">
        <v>71</v>
      </c>
      <c r="T12853">
        <v>72</v>
      </c>
      <c r="U12853">
        <v>73</v>
      </c>
      <c r="V12853">
        <v>75</v>
      </c>
      <c r="W12853">
        <v>76</v>
      </c>
      <c r="X12853">
        <v>77</v>
      </c>
      <c r="Y12853">
        <v>79</v>
      </c>
      <c r="Z12853">
        <v>80</v>
      </c>
      <c r="AA12853">
        <v>81</v>
      </c>
      <c r="AB12853">
        <v>83</v>
      </c>
      <c r="AC12853">
        <v>84</v>
      </c>
      <c r="AD12853">
        <v>85</v>
      </c>
      <c r="AE12853">
        <v>86</v>
      </c>
      <c r="AF12853">
        <v>88</v>
      </c>
      <c r="AG12853">
        <v>89</v>
      </c>
      <c r="AH12853">
        <v>90</v>
      </c>
      <c r="AI12853">
        <v>92</v>
      </c>
      <c r="AJ12853">
        <v>93</v>
      </c>
      <c r="AK12853">
        <v>94</v>
      </c>
      <c r="AL12853">
        <v>95</v>
      </c>
      <c r="AM12853">
        <v>95</v>
      </c>
      <c r="AN12853">
        <v>96</v>
      </c>
      <c r="AO12853">
        <v>96</v>
      </c>
      <c r="AP12853">
        <v>97</v>
      </c>
      <c r="AQ12853">
        <v>97</v>
      </c>
    </row>
    <row r="12854" spans="1:43">
      <c r="A12854" t="s">
        <v>7982</v>
      </c>
      <c r="B12854" t="s">
        <v>7983</v>
      </c>
      <c r="C12854" t="s">
        <v>7980</v>
      </c>
      <c r="D12854" t="s">
        <v>7981</v>
      </c>
      <c r="E12854" t="s">
        <v>7646</v>
      </c>
      <c r="F12854" t="s">
        <v>7647</v>
      </c>
      <c r="G12854" t="s">
        <v>80</v>
      </c>
      <c r="H12854" t="s">
        <v>81</v>
      </c>
      <c r="I12854" s="2">
        <v>0</v>
      </c>
      <c r="J12854" s="2">
        <v>1</v>
      </c>
      <c r="K12854" s="2">
        <v>0</v>
      </c>
      <c r="L12854" t="s">
        <v>82</v>
      </c>
      <c r="M12854" t="s">
        <v>83</v>
      </c>
      <c r="N12854" t="s">
        <v>84</v>
      </c>
      <c r="O12854" t="s">
        <v>85</v>
      </c>
      <c r="P12854" t="s">
        <v>86</v>
      </c>
      <c r="Q12854">
        <v>15</v>
      </c>
      <c r="R12854">
        <v>15</v>
      </c>
      <c r="S12854">
        <v>16</v>
      </c>
      <c r="T12854">
        <v>16</v>
      </c>
      <c r="U12854">
        <v>16</v>
      </c>
      <c r="V12854">
        <v>16</v>
      </c>
      <c r="W12854">
        <v>17</v>
      </c>
      <c r="X12854">
        <v>17</v>
      </c>
      <c r="Y12854">
        <v>17</v>
      </c>
      <c r="Z12854">
        <v>18</v>
      </c>
      <c r="AA12854">
        <v>18</v>
      </c>
      <c r="AB12854">
        <v>18</v>
      </c>
      <c r="AC12854">
        <v>18</v>
      </c>
      <c r="AD12854">
        <v>19</v>
      </c>
      <c r="AE12854">
        <v>19</v>
      </c>
      <c r="AF12854">
        <v>19</v>
      </c>
      <c r="AG12854">
        <v>20</v>
      </c>
      <c r="AH12854">
        <v>20</v>
      </c>
      <c r="AI12854">
        <v>20</v>
      </c>
      <c r="AJ12854">
        <v>20</v>
      </c>
      <c r="AK12854">
        <v>21</v>
      </c>
      <c r="AL12854">
        <v>21</v>
      </c>
      <c r="AM12854">
        <v>21</v>
      </c>
      <c r="AN12854">
        <v>21</v>
      </c>
      <c r="AO12854">
        <v>21</v>
      </c>
      <c r="AP12854">
        <v>21</v>
      </c>
      <c r="AQ12854">
        <v>21</v>
      </c>
    </row>
    <row r="12855" spans="1:43">
      <c r="A12855" t="s">
        <v>7982</v>
      </c>
      <c r="B12855" t="s">
        <v>7983</v>
      </c>
      <c r="C12855" t="s">
        <v>7980</v>
      </c>
      <c r="D12855" t="s">
        <v>7981</v>
      </c>
      <c r="E12855" t="s">
        <v>7646</v>
      </c>
      <c r="F12855" t="s">
        <v>7647</v>
      </c>
      <c r="G12855" t="s">
        <v>80</v>
      </c>
      <c r="H12855" t="s">
        <v>81</v>
      </c>
      <c r="I12855" s="2">
        <v>0</v>
      </c>
      <c r="J12855" s="2">
        <v>1</v>
      </c>
      <c r="K12855" s="2">
        <v>0</v>
      </c>
      <c r="L12855" t="s">
        <v>82</v>
      </c>
      <c r="M12855" t="s">
        <v>87</v>
      </c>
      <c r="N12855" t="s">
        <v>88</v>
      </c>
      <c r="O12855" t="s">
        <v>85</v>
      </c>
      <c r="P12855" t="s">
        <v>86</v>
      </c>
      <c r="Q12855">
        <v>15</v>
      </c>
      <c r="R12855">
        <v>15</v>
      </c>
      <c r="S12855">
        <v>15</v>
      </c>
      <c r="T12855">
        <v>15</v>
      </c>
      <c r="U12855">
        <v>15</v>
      </c>
      <c r="V12855">
        <v>16</v>
      </c>
      <c r="W12855">
        <v>16</v>
      </c>
      <c r="X12855">
        <v>16</v>
      </c>
      <c r="Y12855">
        <v>16</v>
      </c>
      <c r="Z12855">
        <v>16</v>
      </c>
      <c r="AA12855">
        <v>16</v>
      </c>
      <c r="AB12855">
        <v>16</v>
      </c>
      <c r="AC12855">
        <v>17</v>
      </c>
      <c r="AD12855">
        <v>17</v>
      </c>
      <c r="AE12855">
        <v>17</v>
      </c>
      <c r="AF12855">
        <v>17</v>
      </c>
      <c r="AG12855">
        <v>17</v>
      </c>
      <c r="AH12855">
        <v>17</v>
      </c>
      <c r="AI12855">
        <v>17</v>
      </c>
      <c r="AJ12855">
        <v>18</v>
      </c>
      <c r="AK12855">
        <v>18</v>
      </c>
      <c r="AL12855">
        <v>18</v>
      </c>
      <c r="AM12855">
        <v>18</v>
      </c>
      <c r="AN12855">
        <v>18</v>
      </c>
      <c r="AO12855">
        <v>18</v>
      </c>
      <c r="AP12855">
        <v>18</v>
      </c>
      <c r="AQ12855">
        <v>19</v>
      </c>
    </row>
    <row r="12856" spans="1:43">
      <c r="A12856" t="s">
        <v>7982</v>
      </c>
      <c r="B12856" t="s">
        <v>7983</v>
      </c>
      <c r="C12856" t="s">
        <v>7980</v>
      </c>
      <c r="D12856" t="s">
        <v>7981</v>
      </c>
      <c r="E12856" t="s">
        <v>7646</v>
      </c>
      <c r="F12856" t="s">
        <v>7647</v>
      </c>
      <c r="G12856" t="s">
        <v>80</v>
      </c>
      <c r="H12856" t="s">
        <v>81</v>
      </c>
      <c r="I12856" s="2">
        <v>0</v>
      </c>
      <c r="J12856" s="2">
        <v>1</v>
      </c>
      <c r="K12856" s="2">
        <v>0</v>
      </c>
      <c r="L12856" t="s">
        <v>82</v>
      </c>
      <c r="M12856" t="s">
        <v>89</v>
      </c>
      <c r="N12856" t="s">
        <v>90</v>
      </c>
      <c r="O12856" t="s">
        <v>85</v>
      </c>
      <c r="P12856" t="s">
        <v>86</v>
      </c>
      <c r="Q12856">
        <v>15</v>
      </c>
      <c r="R12856">
        <v>16</v>
      </c>
      <c r="S12856">
        <v>16</v>
      </c>
      <c r="T12856">
        <v>16</v>
      </c>
      <c r="U12856">
        <v>17</v>
      </c>
      <c r="V12856">
        <v>17</v>
      </c>
      <c r="W12856">
        <v>18</v>
      </c>
      <c r="X12856">
        <v>18</v>
      </c>
      <c r="Y12856">
        <v>18</v>
      </c>
      <c r="Z12856">
        <v>19</v>
      </c>
      <c r="AA12856">
        <v>19</v>
      </c>
      <c r="AB12856">
        <v>19</v>
      </c>
      <c r="AC12856">
        <v>20</v>
      </c>
      <c r="AD12856">
        <v>20</v>
      </c>
      <c r="AE12856">
        <v>20</v>
      </c>
      <c r="AF12856">
        <v>21</v>
      </c>
      <c r="AG12856">
        <v>21</v>
      </c>
      <c r="AH12856">
        <v>21</v>
      </c>
      <c r="AI12856">
        <v>21</v>
      </c>
      <c r="AJ12856">
        <v>21</v>
      </c>
      <c r="AK12856">
        <v>21</v>
      </c>
      <c r="AL12856">
        <v>21</v>
      </c>
      <c r="AM12856">
        <v>21</v>
      </c>
      <c r="AN12856">
        <v>21</v>
      </c>
      <c r="AO12856">
        <v>21</v>
      </c>
      <c r="AP12856">
        <v>21</v>
      </c>
      <c r="AQ12856">
        <v>21</v>
      </c>
    </row>
    <row r="12857" spans="1:43">
      <c r="A12857" t="s">
        <v>7982</v>
      </c>
      <c r="B12857" t="s">
        <v>7983</v>
      </c>
      <c r="C12857" t="s">
        <v>7980</v>
      </c>
      <c r="D12857" t="s">
        <v>7981</v>
      </c>
      <c r="E12857" t="s">
        <v>7646</v>
      </c>
      <c r="F12857" t="s">
        <v>7647</v>
      </c>
      <c r="G12857" t="s">
        <v>80</v>
      </c>
      <c r="H12857" t="s">
        <v>81</v>
      </c>
      <c r="I12857" s="2">
        <v>0</v>
      </c>
      <c r="J12857" s="2">
        <v>1</v>
      </c>
      <c r="K12857" s="2">
        <v>0</v>
      </c>
      <c r="L12857" t="s">
        <v>82</v>
      </c>
      <c r="M12857" t="s">
        <v>83</v>
      </c>
      <c r="N12857" t="s">
        <v>91</v>
      </c>
      <c r="O12857" t="s">
        <v>85</v>
      </c>
      <c r="P12857" t="s">
        <v>86</v>
      </c>
      <c r="Q12857">
        <v>15</v>
      </c>
      <c r="R12857">
        <v>15</v>
      </c>
      <c r="S12857">
        <v>16</v>
      </c>
      <c r="T12857">
        <v>16</v>
      </c>
      <c r="U12857">
        <v>16</v>
      </c>
      <c r="V12857">
        <v>16</v>
      </c>
      <c r="W12857">
        <v>17</v>
      </c>
      <c r="X12857">
        <v>17</v>
      </c>
      <c r="Y12857">
        <v>17</v>
      </c>
      <c r="Z12857">
        <v>18</v>
      </c>
      <c r="AA12857">
        <v>18</v>
      </c>
      <c r="AB12857">
        <v>18</v>
      </c>
      <c r="AC12857">
        <v>18</v>
      </c>
      <c r="AD12857">
        <v>19</v>
      </c>
      <c r="AE12857">
        <v>19</v>
      </c>
      <c r="AF12857">
        <v>19</v>
      </c>
      <c r="AG12857">
        <v>20</v>
      </c>
      <c r="AH12857">
        <v>20</v>
      </c>
      <c r="AI12857">
        <v>20</v>
      </c>
      <c r="AJ12857">
        <v>20</v>
      </c>
      <c r="AK12857">
        <v>21</v>
      </c>
      <c r="AL12857">
        <v>21</v>
      </c>
      <c r="AM12857">
        <v>21</v>
      </c>
      <c r="AN12857">
        <v>21</v>
      </c>
      <c r="AO12857">
        <v>21</v>
      </c>
      <c r="AP12857">
        <v>21</v>
      </c>
      <c r="AQ12857">
        <v>21</v>
      </c>
    </row>
    <row r="12858" spans="1:43">
      <c r="A12858" t="s">
        <v>7984</v>
      </c>
      <c r="B12858" t="s">
        <v>7985</v>
      </c>
      <c r="C12858" t="s">
        <v>7986</v>
      </c>
      <c r="D12858" t="s">
        <v>7987</v>
      </c>
      <c r="E12858" t="s">
        <v>7646</v>
      </c>
      <c r="F12858" t="s">
        <v>7647</v>
      </c>
      <c r="G12858" t="s">
        <v>80</v>
      </c>
      <c r="H12858" t="s">
        <v>81</v>
      </c>
      <c r="I12858" s="2">
        <v>0</v>
      </c>
      <c r="J12858" s="2">
        <v>1</v>
      </c>
      <c r="K12858" s="2">
        <v>0</v>
      </c>
      <c r="L12858" t="s">
        <v>82</v>
      </c>
      <c r="M12858" t="s">
        <v>83</v>
      </c>
      <c r="N12858" t="s">
        <v>84</v>
      </c>
      <c r="O12858" t="s">
        <v>85</v>
      </c>
      <c r="P12858" t="s">
        <v>86</v>
      </c>
      <c r="Q12858">
        <v>201</v>
      </c>
      <c r="R12858">
        <v>205</v>
      </c>
      <c r="S12858">
        <v>209</v>
      </c>
      <c r="T12858">
        <v>213</v>
      </c>
      <c r="U12858">
        <v>216</v>
      </c>
      <c r="V12858">
        <v>220</v>
      </c>
      <c r="W12858">
        <v>224</v>
      </c>
      <c r="X12858">
        <v>228</v>
      </c>
      <c r="Y12858">
        <v>232</v>
      </c>
      <c r="Z12858">
        <v>236</v>
      </c>
      <c r="AA12858">
        <v>240</v>
      </c>
      <c r="AB12858">
        <v>243</v>
      </c>
      <c r="AC12858">
        <v>247</v>
      </c>
      <c r="AD12858">
        <v>251</v>
      </c>
      <c r="AE12858">
        <v>255</v>
      </c>
      <c r="AF12858">
        <v>259</v>
      </c>
      <c r="AG12858">
        <v>262</v>
      </c>
      <c r="AH12858">
        <v>266</v>
      </c>
      <c r="AI12858">
        <v>270</v>
      </c>
      <c r="AJ12858">
        <v>274</v>
      </c>
      <c r="AK12858">
        <v>278</v>
      </c>
      <c r="AL12858">
        <v>280</v>
      </c>
      <c r="AM12858">
        <v>281</v>
      </c>
      <c r="AN12858">
        <v>282</v>
      </c>
      <c r="AO12858">
        <v>283</v>
      </c>
      <c r="AP12858">
        <v>285</v>
      </c>
      <c r="AQ12858">
        <v>286</v>
      </c>
    </row>
    <row r="12859" spans="1:43">
      <c r="A12859" t="s">
        <v>7984</v>
      </c>
      <c r="B12859" t="s">
        <v>7985</v>
      </c>
      <c r="C12859" t="s">
        <v>7986</v>
      </c>
      <c r="D12859" t="s">
        <v>7987</v>
      </c>
      <c r="E12859" t="s">
        <v>7646</v>
      </c>
      <c r="F12859" t="s">
        <v>7647</v>
      </c>
      <c r="G12859" t="s">
        <v>80</v>
      </c>
      <c r="H12859" t="s">
        <v>81</v>
      </c>
      <c r="I12859" s="2">
        <v>0</v>
      </c>
      <c r="J12859" s="2">
        <v>1</v>
      </c>
      <c r="K12859" s="2">
        <v>0</v>
      </c>
      <c r="L12859" t="s">
        <v>82</v>
      </c>
      <c r="M12859" t="s">
        <v>87</v>
      </c>
      <c r="N12859" t="s">
        <v>88</v>
      </c>
      <c r="O12859" t="s">
        <v>85</v>
      </c>
      <c r="P12859" t="s">
        <v>86</v>
      </c>
      <c r="Q12859">
        <v>201</v>
      </c>
      <c r="R12859">
        <v>202</v>
      </c>
      <c r="S12859">
        <v>204</v>
      </c>
      <c r="T12859">
        <v>206</v>
      </c>
      <c r="U12859">
        <v>208</v>
      </c>
      <c r="V12859">
        <v>210</v>
      </c>
      <c r="W12859">
        <v>212</v>
      </c>
      <c r="X12859">
        <v>214</v>
      </c>
      <c r="Y12859">
        <v>215</v>
      </c>
      <c r="Z12859">
        <v>217</v>
      </c>
      <c r="AA12859">
        <v>219</v>
      </c>
      <c r="AB12859">
        <v>221</v>
      </c>
      <c r="AC12859">
        <v>223</v>
      </c>
      <c r="AD12859">
        <v>225</v>
      </c>
      <c r="AE12859">
        <v>227</v>
      </c>
      <c r="AF12859">
        <v>229</v>
      </c>
      <c r="AG12859">
        <v>230</v>
      </c>
      <c r="AH12859">
        <v>232</v>
      </c>
      <c r="AI12859">
        <v>234</v>
      </c>
      <c r="AJ12859">
        <v>236</v>
      </c>
      <c r="AK12859">
        <v>238</v>
      </c>
      <c r="AL12859">
        <v>240</v>
      </c>
      <c r="AM12859">
        <v>242</v>
      </c>
      <c r="AN12859">
        <v>244</v>
      </c>
      <c r="AO12859">
        <v>246</v>
      </c>
      <c r="AP12859">
        <v>247</v>
      </c>
      <c r="AQ12859">
        <v>249</v>
      </c>
    </row>
    <row r="12860" spans="1:43">
      <c r="A12860" t="s">
        <v>7984</v>
      </c>
      <c r="B12860" t="s">
        <v>7985</v>
      </c>
      <c r="C12860" t="s">
        <v>7986</v>
      </c>
      <c r="D12860" t="s">
        <v>7987</v>
      </c>
      <c r="E12860" t="s">
        <v>7646</v>
      </c>
      <c r="F12860" t="s">
        <v>7647</v>
      </c>
      <c r="G12860" t="s">
        <v>80</v>
      </c>
      <c r="H12860" t="s">
        <v>81</v>
      </c>
      <c r="I12860" s="2">
        <v>0</v>
      </c>
      <c r="J12860" s="2">
        <v>1</v>
      </c>
      <c r="K12860" s="2">
        <v>0</v>
      </c>
      <c r="L12860" t="s">
        <v>82</v>
      </c>
      <c r="M12860" t="s">
        <v>89</v>
      </c>
      <c r="N12860" t="s">
        <v>90</v>
      </c>
      <c r="O12860" t="s">
        <v>85</v>
      </c>
      <c r="P12860" t="s">
        <v>86</v>
      </c>
      <c r="Q12860">
        <v>201</v>
      </c>
      <c r="R12860">
        <v>207</v>
      </c>
      <c r="S12860">
        <v>212</v>
      </c>
      <c r="T12860">
        <v>218</v>
      </c>
      <c r="U12860">
        <v>223</v>
      </c>
      <c r="V12860">
        <v>228</v>
      </c>
      <c r="W12860">
        <v>234</v>
      </c>
      <c r="X12860">
        <v>239</v>
      </c>
      <c r="Y12860">
        <v>244</v>
      </c>
      <c r="Z12860">
        <v>248</v>
      </c>
      <c r="AA12860">
        <v>253</v>
      </c>
      <c r="AB12860">
        <v>258</v>
      </c>
      <c r="AC12860">
        <v>263</v>
      </c>
      <c r="AD12860">
        <v>268</v>
      </c>
      <c r="AE12860">
        <v>271</v>
      </c>
      <c r="AF12860">
        <v>272</v>
      </c>
      <c r="AG12860">
        <v>274</v>
      </c>
      <c r="AH12860">
        <v>275</v>
      </c>
      <c r="AI12860">
        <v>276</v>
      </c>
      <c r="AJ12860">
        <v>277</v>
      </c>
      <c r="AK12860">
        <v>279</v>
      </c>
      <c r="AL12860">
        <v>280</v>
      </c>
      <c r="AM12860">
        <v>281</v>
      </c>
      <c r="AN12860">
        <v>282</v>
      </c>
      <c r="AO12860">
        <v>283</v>
      </c>
      <c r="AP12860">
        <v>284</v>
      </c>
      <c r="AQ12860">
        <v>286</v>
      </c>
    </row>
    <row r="12861" spans="1:43">
      <c r="A12861" t="s">
        <v>7984</v>
      </c>
      <c r="B12861" t="s">
        <v>7985</v>
      </c>
      <c r="C12861" t="s">
        <v>7986</v>
      </c>
      <c r="D12861" t="s">
        <v>7987</v>
      </c>
      <c r="E12861" t="s">
        <v>7646</v>
      </c>
      <c r="F12861" t="s">
        <v>7647</v>
      </c>
      <c r="G12861" t="s">
        <v>80</v>
      </c>
      <c r="H12861" t="s">
        <v>81</v>
      </c>
      <c r="I12861" s="2">
        <v>0</v>
      </c>
      <c r="J12861" s="2">
        <v>1</v>
      </c>
      <c r="K12861" s="2">
        <v>0</v>
      </c>
      <c r="L12861" t="s">
        <v>82</v>
      </c>
      <c r="M12861" t="s">
        <v>83</v>
      </c>
      <c r="N12861" t="s">
        <v>91</v>
      </c>
      <c r="O12861" t="s">
        <v>85</v>
      </c>
      <c r="P12861" t="s">
        <v>86</v>
      </c>
      <c r="Q12861">
        <v>201</v>
      </c>
      <c r="R12861">
        <v>205</v>
      </c>
      <c r="S12861">
        <v>209</v>
      </c>
      <c r="T12861">
        <v>213</v>
      </c>
      <c r="U12861">
        <v>216</v>
      </c>
      <c r="V12861">
        <v>220</v>
      </c>
      <c r="W12861">
        <v>224</v>
      </c>
      <c r="X12861">
        <v>228</v>
      </c>
      <c r="Y12861">
        <v>232</v>
      </c>
      <c r="Z12861">
        <v>236</v>
      </c>
      <c r="AA12861">
        <v>240</v>
      </c>
      <c r="AB12861">
        <v>243</v>
      </c>
      <c r="AC12861">
        <v>247</v>
      </c>
      <c r="AD12861">
        <v>251</v>
      </c>
      <c r="AE12861">
        <v>255</v>
      </c>
      <c r="AF12861">
        <v>259</v>
      </c>
      <c r="AG12861">
        <v>262</v>
      </c>
      <c r="AH12861">
        <v>266</v>
      </c>
      <c r="AI12861">
        <v>270</v>
      </c>
      <c r="AJ12861">
        <v>274</v>
      </c>
      <c r="AK12861">
        <v>278</v>
      </c>
      <c r="AL12861">
        <v>280</v>
      </c>
      <c r="AM12861">
        <v>281</v>
      </c>
      <c r="AN12861">
        <v>282</v>
      </c>
      <c r="AO12861">
        <v>283</v>
      </c>
      <c r="AP12861">
        <v>285</v>
      </c>
      <c r="AQ12861">
        <v>286</v>
      </c>
    </row>
    <row r="12862" spans="1:43">
      <c r="A12862" t="s">
        <v>7988</v>
      </c>
      <c r="B12862" t="s">
        <v>7989</v>
      </c>
      <c r="C12862" t="s">
        <v>7986</v>
      </c>
      <c r="D12862" t="s">
        <v>7987</v>
      </c>
      <c r="E12862" t="s">
        <v>7646</v>
      </c>
      <c r="F12862" t="s">
        <v>7647</v>
      </c>
      <c r="G12862" t="s">
        <v>80</v>
      </c>
      <c r="H12862" t="s">
        <v>81</v>
      </c>
      <c r="I12862" s="2">
        <v>0</v>
      </c>
      <c r="J12862" s="2">
        <v>1</v>
      </c>
      <c r="K12862" s="2">
        <v>0</v>
      </c>
      <c r="L12862" t="s">
        <v>82</v>
      </c>
      <c r="M12862" t="s">
        <v>83</v>
      </c>
      <c r="N12862" t="s">
        <v>84</v>
      </c>
      <c r="O12862" t="s">
        <v>85</v>
      </c>
      <c r="P12862" t="s">
        <v>86</v>
      </c>
      <c r="Q12862">
        <v>19</v>
      </c>
      <c r="R12862">
        <v>20</v>
      </c>
      <c r="S12862">
        <v>20</v>
      </c>
      <c r="T12862">
        <v>20</v>
      </c>
      <c r="U12862">
        <v>21</v>
      </c>
      <c r="V12862">
        <v>21</v>
      </c>
      <c r="W12862">
        <v>21</v>
      </c>
      <c r="X12862">
        <v>22</v>
      </c>
      <c r="Y12862">
        <v>22</v>
      </c>
      <c r="Z12862">
        <v>23</v>
      </c>
      <c r="AA12862">
        <v>23</v>
      </c>
      <c r="AB12862">
        <v>23</v>
      </c>
      <c r="AC12862">
        <v>24</v>
      </c>
      <c r="AD12862">
        <v>24</v>
      </c>
      <c r="AE12862">
        <v>24</v>
      </c>
      <c r="AF12862">
        <v>25</v>
      </c>
      <c r="AG12862">
        <v>25</v>
      </c>
      <c r="AH12862">
        <v>25</v>
      </c>
      <c r="AI12862">
        <v>26</v>
      </c>
      <c r="AJ12862">
        <v>26</v>
      </c>
      <c r="AK12862">
        <v>27</v>
      </c>
      <c r="AL12862">
        <v>27</v>
      </c>
      <c r="AM12862">
        <v>27</v>
      </c>
      <c r="AN12862">
        <v>27</v>
      </c>
      <c r="AO12862">
        <v>27</v>
      </c>
      <c r="AP12862">
        <v>27</v>
      </c>
      <c r="AQ12862">
        <v>27</v>
      </c>
    </row>
    <row r="12863" spans="1:43">
      <c r="A12863" t="s">
        <v>7988</v>
      </c>
      <c r="B12863" t="s">
        <v>7989</v>
      </c>
      <c r="C12863" t="s">
        <v>7986</v>
      </c>
      <c r="D12863" t="s">
        <v>7987</v>
      </c>
      <c r="E12863" t="s">
        <v>7646</v>
      </c>
      <c r="F12863" t="s">
        <v>7647</v>
      </c>
      <c r="G12863" t="s">
        <v>80</v>
      </c>
      <c r="H12863" t="s">
        <v>81</v>
      </c>
      <c r="I12863" s="2">
        <v>0</v>
      </c>
      <c r="J12863" s="2">
        <v>1</v>
      </c>
      <c r="K12863" s="2">
        <v>0</v>
      </c>
      <c r="L12863" t="s">
        <v>82</v>
      </c>
      <c r="M12863" t="s">
        <v>87</v>
      </c>
      <c r="N12863" t="s">
        <v>88</v>
      </c>
      <c r="O12863" t="s">
        <v>85</v>
      </c>
      <c r="P12863" t="s">
        <v>86</v>
      </c>
      <c r="Q12863">
        <v>19</v>
      </c>
      <c r="R12863">
        <v>19</v>
      </c>
      <c r="S12863">
        <v>19</v>
      </c>
      <c r="T12863">
        <v>20</v>
      </c>
      <c r="U12863">
        <v>20</v>
      </c>
      <c r="V12863">
        <v>20</v>
      </c>
      <c r="W12863">
        <v>20</v>
      </c>
      <c r="X12863">
        <v>20</v>
      </c>
      <c r="Y12863">
        <v>21</v>
      </c>
      <c r="Z12863">
        <v>21</v>
      </c>
      <c r="AA12863">
        <v>21</v>
      </c>
      <c r="AB12863">
        <v>21</v>
      </c>
      <c r="AC12863">
        <v>21</v>
      </c>
      <c r="AD12863">
        <v>21</v>
      </c>
      <c r="AE12863">
        <v>22</v>
      </c>
      <c r="AF12863">
        <v>22</v>
      </c>
      <c r="AG12863">
        <v>22</v>
      </c>
      <c r="AH12863">
        <v>22</v>
      </c>
      <c r="AI12863">
        <v>22</v>
      </c>
      <c r="AJ12863">
        <v>23</v>
      </c>
      <c r="AK12863">
        <v>23</v>
      </c>
      <c r="AL12863">
        <v>23</v>
      </c>
      <c r="AM12863">
        <v>23</v>
      </c>
      <c r="AN12863">
        <v>23</v>
      </c>
      <c r="AO12863">
        <v>23</v>
      </c>
      <c r="AP12863">
        <v>24</v>
      </c>
      <c r="AQ12863">
        <v>24</v>
      </c>
    </row>
    <row r="12864" spans="1:43">
      <c r="A12864" t="s">
        <v>7988</v>
      </c>
      <c r="B12864" t="s">
        <v>7989</v>
      </c>
      <c r="C12864" t="s">
        <v>7986</v>
      </c>
      <c r="D12864" t="s">
        <v>7987</v>
      </c>
      <c r="E12864" t="s">
        <v>7646</v>
      </c>
      <c r="F12864" t="s">
        <v>7647</v>
      </c>
      <c r="G12864" t="s">
        <v>80</v>
      </c>
      <c r="H12864" t="s">
        <v>81</v>
      </c>
      <c r="I12864" s="2">
        <v>0</v>
      </c>
      <c r="J12864" s="2">
        <v>1</v>
      </c>
      <c r="K12864" s="2">
        <v>0</v>
      </c>
      <c r="L12864" t="s">
        <v>82</v>
      </c>
      <c r="M12864" t="s">
        <v>89</v>
      </c>
      <c r="N12864" t="s">
        <v>90</v>
      </c>
      <c r="O12864" t="s">
        <v>85</v>
      </c>
      <c r="P12864" t="s">
        <v>86</v>
      </c>
      <c r="Q12864">
        <v>19</v>
      </c>
      <c r="R12864">
        <v>20</v>
      </c>
      <c r="S12864">
        <v>20</v>
      </c>
      <c r="T12864">
        <v>21</v>
      </c>
      <c r="U12864">
        <v>22</v>
      </c>
      <c r="V12864">
        <v>22</v>
      </c>
      <c r="W12864">
        <v>23</v>
      </c>
      <c r="X12864">
        <v>23</v>
      </c>
      <c r="Y12864">
        <v>23</v>
      </c>
      <c r="Z12864">
        <v>24</v>
      </c>
      <c r="AA12864">
        <v>24</v>
      </c>
      <c r="AB12864">
        <v>25</v>
      </c>
      <c r="AC12864">
        <v>25</v>
      </c>
      <c r="AD12864">
        <v>26</v>
      </c>
      <c r="AE12864">
        <v>26</v>
      </c>
      <c r="AF12864">
        <v>26</v>
      </c>
      <c r="AG12864">
        <v>26</v>
      </c>
      <c r="AH12864">
        <v>26</v>
      </c>
      <c r="AI12864">
        <v>27</v>
      </c>
      <c r="AJ12864">
        <v>27</v>
      </c>
      <c r="AK12864">
        <v>27</v>
      </c>
      <c r="AL12864">
        <v>27</v>
      </c>
      <c r="AM12864">
        <v>27</v>
      </c>
      <c r="AN12864">
        <v>27</v>
      </c>
      <c r="AO12864">
        <v>27</v>
      </c>
      <c r="AP12864">
        <v>27</v>
      </c>
      <c r="AQ12864">
        <v>27</v>
      </c>
    </row>
    <row r="12865" spans="1:43">
      <c r="A12865" t="s">
        <v>7988</v>
      </c>
      <c r="B12865" t="s">
        <v>7989</v>
      </c>
      <c r="C12865" t="s">
        <v>7986</v>
      </c>
      <c r="D12865" t="s">
        <v>7987</v>
      </c>
      <c r="E12865" t="s">
        <v>7646</v>
      </c>
      <c r="F12865" t="s">
        <v>7647</v>
      </c>
      <c r="G12865" t="s">
        <v>80</v>
      </c>
      <c r="H12865" t="s">
        <v>81</v>
      </c>
      <c r="I12865" s="2">
        <v>0</v>
      </c>
      <c r="J12865" s="2">
        <v>1</v>
      </c>
      <c r="K12865" s="2">
        <v>0</v>
      </c>
      <c r="L12865" t="s">
        <v>82</v>
      </c>
      <c r="M12865" t="s">
        <v>83</v>
      </c>
      <c r="N12865" t="s">
        <v>91</v>
      </c>
      <c r="O12865" t="s">
        <v>85</v>
      </c>
      <c r="P12865" t="s">
        <v>86</v>
      </c>
      <c r="Q12865">
        <v>19</v>
      </c>
      <c r="R12865">
        <v>20</v>
      </c>
      <c r="S12865">
        <v>20</v>
      </c>
      <c r="T12865">
        <v>20</v>
      </c>
      <c r="U12865">
        <v>21</v>
      </c>
      <c r="V12865">
        <v>21</v>
      </c>
      <c r="W12865">
        <v>21</v>
      </c>
      <c r="X12865">
        <v>22</v>
      </c>
      <c r="Y12865">
        <v>22</v>
      </c>
      <c r="Z12865">
        <v>23</v>
      </c>
      <c r="AA12865">
        <v>23</v>
      </c>
      <c r="AB12865">
        <v>23</v>
      </c>
      <c r="AC12865">
        <v>24</v>
      </c>
      <c r="AD12865">
        <v>24</v>
      </c>
      <c r="AE12865">
        <v>24</v>
      </c>
      <c r="AF12865">
        <v>25</v>
      </c>
      <c r="AG12865">
        <v>25</v>
      </c>
      <c r="AH12865">
        <v>25</v>
      </c>
      <c r="AI12865">
        <v>26</v>
      </c>
      <c r="AJ12865">
        <v>26</v>
      </c>
      <c r="AK12865">
        <v>27</v>
      </c>
      <c r="AL12865">
        <v>27</v>
      </c>
      <c r="AM12865">
        <v>27</v>
      </c>
      <c r="AN12865">
        <v>27</v>
      </c>
      <c r="AO12865">
        <v>27</v>
      </c>
      <c r="AP12865">
        <v>27</v>
      </c>
      <c r="AQ12865">
        <v>27</v>
      </c>
    </row>
    <row r="12866" spans="1:43">
      <c r="A12866" t="s">
        <v>7990</v>
      </c>
      <c r="B12866" t="s">
        <v>7991</v>
      </c>
      <c r="C12866" t="s">
        <v>7986</v>
      </c>
      <c r="D12866" t="s">
        <v>7987</v>
      </c>
      <c r="E12866" t="s">
        <v>7646</v>
      </c>
      <c r="F12866" t="s">
        <v>7647</v>
      </c>
      <c r="G12866" t="s">
        <v>80</v>
      </c>
      <c r="H12866" t="s">
        <v>81</v>
      </c>
      <c r="I12866" s="2">
        <v>0</v>
      </c>
      <c r="J12866" s="2">
        <v>1</v>
      </c>
      <c r="K12866" s="2">
        <v>0</v>
      </c>
      <c r="L12866" t="s">
        <v>82</v>
      </c>
      <c r="M12866" t="s">
        <v>83</v>
      </c>
      <c r="N12866" t="s">
        <v>84</v>
      </c>
      <c r="O12866" t="s">
        <v>85</v>
      </c>
      <c r="P12866" t="s">
        <v>86</v>
      </c>
      <c r="Q12866">
        <v>31</v>
      </c>
      <c r="R12866">
        <v>32</v>
      </c>
      <c r="S12866">
        <v>32</v>
      </c>
      <c r="T12866">
        <v>33</v>
      </c>
      <c r="U12866">
        <v>34</v>
      </c>
      <c r="V12866">
        <v>34</v>
      </c>
      <c r="W12866">
        <v>35</v>
      </c>
      <c r="X12866">
        <v>35</v>
      </c>
      <c r="Y12866">
        <v>36</v>
      </c>
      <c r="Z12866">
        <v>37</v>
      </c>
      <c r="AA12866">
        <v>37</v>
      </c>
      <c r="AB12866">
        <v>38</v>
      </c>
      <c r="AC12866">
        <v>38</v>
      </c>
      <c r="AD12866">
        <v>39</v>
      </c>
      <c r="AE12866">
        <v>40</v>
      </c>
      <c r="AF12866">
        <v>40</v>
      </c>
      <c r="AG12866">
        <v>41</v>
      </c>
      <c r="AH12866">
        <v>41</v>
      </c>
      <c r="AI12866">
        <v>42</v>
      </c>
      <c r="AJ12866">
        <v>43</v>
      </c>
      <c r="AK12866">
        <v>43</v>
      </c>
      <c r="AL12866">
        <v>43</v>
      </c>
      <c r="AM12866">
        <v>44</v>
      </c>
      <c r="AN12866">
        <v>44</v>
      </c>
      <c r="AO12866">
        <v>44</v>
      </c>
      <c r="AP12866">
        <v>44</v>
      </c>
      <c r="AQ12866">
        <v>44</v>
      </c>
    </row>
    <row r="12867" spans="1:43">
      <c r="A12867" t="s">
        <v>7990</v>
      </c>
      <c r="B12867" t="s">
        <v>7991</v>
      </c>
      <c r="C12867" t="s">
        <v>7986</v>
      </c>
      <c r="D12867" t="s">
        <v>7987</v>
      </c>
      <c r="E12867" t="s">
        <v>7646</v>
      </c>
      <c r="F12867" t="s">
        <v>7647</v>
      </c>
      <c r="G12867" t="s">
        <v>80</v>
      </c>
      <c r="H12867" t="s">
        <v>81</v>
      </c>
      <c r="I12867" s="2">
        <v>0</v>
      </c>
      <c r="J12867" s="2">
        <v>1</v>
      </c>
      <c r="K12867" s="2">
        <v>0</v>
      </c>
      <c r="L12867" t="s">
        <v>82</v>
      </c>
      <c r="M12867" t="s">
        <v>87</v>
      </c>
      <c r="N12867" t="s">
        <v>88</v>
      </c>
      <c r="O12867" t="s">
        <v>85</v>
      </c>
      <c r="P12867" t="s">
        <v>86</v>
      </c>
      <c r="Q12867">
        <v>31</v>
      </c>
      <c r="R12867">
        <v>31</v>
      </c>
      <c r="S12867">
        <v>32</v>
      </c>
      <c r="T12867">
        <v>32</v>
      </c>
      <c r="U12867">
        <v>32</v>
      </c>
      <c r="V12867">
        <v>32</v>
      </c>
      <c r="W12867">
        <v>33</v>
      </c>
      <c r="X12867">
        <v>33</v>
      </c>
      <c r="Y12867">
        <v>33</v>
      </c>
      <c r="Z12867">
        <v>34</v>
      </c>
      <c r="AA12867">
        <v>34</v>
      </c>
      <c r="AB12867">
        <v>34</v>
      </c>
      <c r="AC12867">
        <v>35</v>
      </c>
      <c r="AD12867">
        <v>35</v>
      </c>
      <c r="AE12867">
        <v>35</v>
      </c>
      <c r="AF12867">
        <v>35</v>
      </c>
      <c r="AG12867">
        <v>36</v>
      </c>
      <c r="AH12867">
        <v>36</v>
      </c>
      <c r="AI12867">
        <v>36</v>
      </c>
      <c r="AJ12867">
        <v>37</v>
      </c>
      <c r="AK12867">
        <v>37</v>
      </c>
      <c r="AL12867">
        <v>37</v>
      </c>
      <c r="AM12867">
        <v>38</v>
      </c>
      <c r="AN12867">
        <v>38</v>
      </c>
      <c r="AO12867">
        <v>38</v>
      </c>
      <c r="AP12867">
        <v>38</v>
      </c>
      <c r="AQ12867">
        <v>39</v>
      </c>
    </row>
    <row r="12868" spans="1:43">
      <c r="A12868" t="s">
        <v>7990</v>
      </c>
      <c r="B12868" t="s">
        <v>7991</v>
      </c>
      <c r="C12868" t="s">
        <v>7986</v>
      </c>
      <c r="D12868" t="s">
        <v>7987</v>
      </c>
      <c r="E12868" t="s">
        <v>7646</v>
      </c>
      <c r="F12868" t="s">
        <v>7647</v>
      </c>
      <c r="G12868" t="s">
        <v>80</v>
      </c>
      <c r="H12868" t="s">
        <v>81</v>
      </c>
      <c r="I12868" s="2">
        <v>0</v>
      </c>
      <c r="J12868" s="2">
        <v>1</v>
      </c>
      <c r="K12868" s="2">
        <v>0</v>
      </c>
      <c r="L12868" t="s">
        <v>82</v>
      </c>
      <c r="M12868" t="s">
        <v>89</v>
      </c>
      <c r="N12868" t="s">
        <v>90</v>
      </c>
      <c r="O12868" t="s">
        <v>85</v>
      </c>
      <c r="P12868" t="s">
        <v>86</v>
      </c>
      <c r="Q12868">
        <v>31</v>
      </c>
      <c r="R12868">
        <v>31</v>
      </c>
      <c r="S12868">
        <v>32</v>
      </c>
      <c r="T12868">
        <v>33</v>
      </c>
      <c r="U12868">
        <v>34</v>
      </c>
      <c r="V12868">
        <v>35</v>
      </c>
      <c r="W12868">
        <v>36</v>
      </c>
      <c r="X12868">
        <v>36</v>
      </c>
      <c r="Y12868">
        <v>37</v>
      </c>
      <c r="Z12868">
        <v>38</v>
      </c>
      <c r="AA12868">
        <v>39</v>
      </c>
      <c r="AB12868">
        <v>39</v>
      </c>
      <c r="AC12868">
        <v>40</v>
      </c>
      <c r="AD12868">
        <v>41</v>
      </c>
      <c r="AE12868">
        <v>41</v>
      </c>
      <c r="AF12868">
        <v>42</v>
      </c>
      <c r="AG12868">
        <v>42</v>
      </c>
      <c r="AH12868">
        <v>42</v>
      </c>
      <c r="AI12868">
        <v>42</v>
      </c>
      <c r="AJ12868">
        <v>42</v>
      </c>
      <c r="AK12868">
        <v>43</v>
      </c>
      <c r="AL12868">
        <v>43</v>
      </c>
      <c r="AM12868">
        <v>43</v>
      </c>
      <c r="AN12868">
        <v>43</v>
      </c>
      <c r="AO12868">
        <v>43</v>
      </c>
      <c r="AP12868">
        <v>44</v>
      </c>
      <c r="AQ12868">
        <v>44</v>
      </c>
    </row>
    <row r="12869" spans="1:43">
      <c r="A12869" t="s">
        <v>7990</v>
      </c>
      <c r="B12869" t="s">
        <v>7991</v>
      </c>
      <c r="C12869" t="s">
        <v>7986</v>
      </c>
      <c r="D12869" t="s">
        <v>7987</v>
      </c>
      <c r="E12869" t="s">
        <v>7646</v>
      </c>
      <c r="F12869" t="s">
        <v>7647</v>
      </c>
      <c r="G12869" t="s">
        <v>80</v>
      </c>
      <c r="H12869" t="s">
        <v>81</v>
      </c>
      <c r="I12869" s="2">
        <v>0</v>
      </c>
      <c r="J12869" s="2">
        <v>1</v>
      </c>
      <c r="K12869" s="2">
        <v>0</v>
      </c>
      <c r="L12869" t="s">
        <v>82</v>
      </c>
      <c r="M12869" t="s">
        <v>83</v>
      </c>
      <c r="N12869" t="s">
        <v>91</v>
      </c>
      <c r="O12869" t="s">
        <v>85</v>
      </c>
      <c r="P12869" t="s">
        <v>86</v>
      </c>
      <c r="Q12869">
        <v>31</v>
      </c>
      <c r="R12869">
        <v>32</v>
      </c>
      <c r="S12869">
        <v>32</v>
      </c>
      <c r="T12869">
        <v>33</v>
      </c>
      <c r="U12869">
        <v>34</v>
      </c>
      <c r="V12869">
        <v>34</v>
      </c>
      <c r="W12869">
        <v>35</v>
      </c>
      <c r="X12869">
        <v>35</v>
      </c>
      <c r="Y12869">
        <v>36</v>
      </c>
      <c r="Z12869">
        <v>37</v>
      </c>
      <c r="AA12869">
        <v>37</v>
      </c>
      <c r="AB12869">
        <v>38</v>
      </c>
      <c r="AC12869">
        <v>38</v>
      </c>
      <c r="AD12869">
        <v>39</v>
      </c>
      <c r="AE12869">
        <v>40</v>
      </c>
      <c r="AF12869">
        <v>40</v>
      </c>
      <c r="AG12869">
        <v>41</v>
      </c>
      <c r="AH12869">
        <v>41</v>
      </c>
      <c r="AI12869">
        <v>42</v>
      </c>
      <c r="AJ12869">
        <v>43</v>
      </c>
      <c r="AK12869">
        <v>43</v>
      </c>
      <c r="AL12869">
        <v>43</v>
      </c>
      <c r="AM12869">
        <v>44</v>
      </c>
      <c r="AN12869">
        <v>44</v>
      </c>
      <c r="AO12869">
        <v>44</v>
      </c>
      <c r="AP12869">
        <v>44</v>
      </c>
      <c r="AQ12869">
        <v>44</v>
      </c>
    </row>
    <row r="12870" spans="1:43">
      <c r="A12870" t="s">
        <v>7992</v>
      </c>
      <c r="B12870" t="s">
        <v>7993</v>
      </c>
      <c r="C12870" t="s">
        <v>7980</v>
      </c>
      <c r="D12870" t="s">
        <v>7981</v>
      </c>
      <c r="E12870" t="s">
        <v>7646</v>
      </c>
      <c r="F12870" t="s">
        <v>7647</v>
      </c>
      <c r="G12870" t="s">
        <v>80</v>
      </c>
      <c r="H12870" t="s">
        <v>81</v>
      </c>
      <c r="I12870" s="2">
        <v>0</v>
      </c>
      <c r="J12870" s="2">
        <v>1</v>
      </c>
      <c r="K12870" s="2">
        <v>0</v>
      </c>
      <c r="L12870" t="s">
        <v>82</v>
      </c>
      <c r="M12870" t="s">
        <v>83</v>
      </c>
      <c r="N12870" t="s">
        <v>84</v>
      </c>
      <c r="O12870" t="s">
        <v>85</v>
      </c>
      <c r="P12870" t="s">
        <v>86</v>
      </c>
      <c r="Q12870">
        <v>7</v>
      </c>
      <c r="R12870">
        <v>7</v>
      </c>
      <c r="S12870">
        <v>7</v>
      </c>
      <c r="T12870">
        <v>7</v>
      </c>
      <c r="U12870">
        <v>7</v>
      </c>
      <c r="V12870">
        <v>7</v>
      </c>
      <c r="W12870">
        <v>8</v>
      </c>
      <c r="X12870">
        <v>8</v>
      </c>
      <c r="Y12870">
        <v>8</v>
      </c>
      <c r="Z12870">
        <v>8</v>
      </c>
      <c r="AA12870">
        <v>8</v>
      </c>
      <c r="AB12870">
        <v>8</v>
      </c>
      <c r="AC12870">
        <v>8</v>
      </c>
      <c r="AD12870">
        <v>9</v>
      </c>
      <c r="AE12870">
        <v>9</v>
      </c>
      <c r="AF12870">
        <v>9</v>
      </c>
      <c r="AG12870">
        <v>9</v>
      </c>
      <c r="AH12870">
        <v>9</v>
      </c>
      <c r="AI12870">
        <v>9</v>
      </c>
      <c r="AJ12870">
        <v>9</v>
      </c>
      <c r="AK12870">
        <v>9</v>
      </c>
      <c r="AL12870">
        <v>10</v>
      </c>
      <c r="AM12870">
        <v>10</v>
      </c>
      <c r="AN12870">
        <v>10</v>
      </c>
      <c r="AO12870">
        <v>10</v>
      </c>
      <c r="AP12870">
        <v>10</v>
      </c>
      <c r="AQ12870">
        <v>10</v>
      </c>
    </row>
    <row r="12871" spans="1:43">
      <c r="A12871" t="s">
        <v>7992</v>
      </c>
      <c r="B12871" t="s">
        <v>7993</v>
      </c>
      <c r="C12871" t="s">
        <v>7980</v>
      </c>
      <c r="D12871" t="s">
        <v>7981</v>
      </c>
      <c r="E12871" t="s">
        <v>7646</v>
      </c>
      <c r="F12871" t="s">
        <v>7647</v>
      </c>
      <c r="G12871" t="s">
        <v>80</v>
      </c>
      <c r="H12871" t="s">
        <v>81</v>
      </c>
      <c r="I12871" s="2">
        <v>0</v>
      </c>
      <c r="J12871" s="2">
        <v>1</v>
      </c>
      <c r="K12871" s="2">
        <v>0</v>
      </c>
      <c r="L12871" t="s">
        <v>82</v>
      </c>
      <c r="M12871" t="s">
        <v>87</v>
      </c>
      <c r="N12871" t="s">
        <v>88</v>
      </c>
      <c r="O12871" t="s">
        <v>85</v>
      </c>
      <c r="P12871" t="s">
        <v>86</v>
      </c>
      <c r="Q12871">
        <v>7</v>
      </c>
      <c r="R12871">
        <v>7</v>
      </c>
      <c r="S12871">
        <v>7</v>
      </c>
      <c r="T12871">
        <v>7</v>
      </c>
      <c r="U12871">
        <v>7</v>
      </c>
      <c r="V12871">
        <v>7</v>
      </c>
      <c r="W12871">
        <v>7</v>
      </c>
      <c r="X12871">
        <v>7</v>
      </c>
      <c r="Y12871">
        <v>7</v>
      </c>
      <c r="Z12871">
        <v>7</v>
      </c>
      <c r="AA12871">
        <v>7</v>
      </c>
      <c r="AB12871">
        <v>7</v>
      </c>
      <c r="AC12871">
        <v>8</v>
      </c>
      <c r="AD12871">
        <v>8</v>
      </c>
      <c r="AE12871">
        <v>8</v>
      </c>
      <c r="AF12871">
        <v>8</v>
      </c>
      <c r="AG12871">
        <v>8</v>
      </c>
      <c r="AH12871">
        <v>8</v>
      </c>
      <c r="AI12871">
        <v>8</v>
      </c>
      <c r="AJ12871">
        <v>8</v>
      </c>
      <c r="AK12871">
        <v>8</v>
      </c>
      <c r="AL12871">
        <v>8</v>
      </c>
      <c r="AM12871">
        <v>8</v>
      </c>
      <c r="AN12871">
        <v>8</v>
      </c>
      <c r="AO12871">
        <v>8</v>
      </c>
      <c r="AP12871">
        <v>8</v>
      </c>
      <c r="AQ12871">
        <v>8</v>
      </c>
    </row>
    <row r="12872" spans="1:43">
      <c r="A12872" t="s">
        <v>7992</v>
      </c>
      <c r="B12872" t="s">
        <v>7993</v>
      </c>
      <c r="C12872" t="s">
        <v>7980</v>
      </c>
      <c r="D12872" t="s">
        <v>7981</v>
      </c>
      <c r="E12872" t="s">
        <v>7646</v>
      </c>
      <c r="F12872" t="s">
        <v>7647</v>
      </c>
      <c r="G12872" t="s">
        <v>80</v>
      </c>
      <c r="H12872" t="s">
        <v>81</v>
      </c>
      <c r="I12872" s="2">
        <v>0</v>
      </c>
      <c r="J12872" s="2">
        <v>1</v>
      </c>
      <c r="K12872" s="2">
        <v>0</v>
      </c>
      <c r="L12872" t="s">
        <v>82</v>
      </c>
      <c r="M12872" t="s">
        <v>89</v>
      </c>
      <c r="N12872" t="s">
        <v>90</v>
      </c>
      <c r="O12872" t="s">
        <v>85</v>
      </c>
      <c r="P12872" t="s">
        <v>86</v>
      </c>
      <c r="Q12872">
        <v>7</v>
      </c>
      <c r="R12872">
        <v>7</v>
      </c>
      <c r="S12872">
        <v>7</v>
      </c>
      <c r="T12872">
        <v>7</v>
      </c>
      <c r="U12872">
        <v>8</v>
      </c>
      <c r="V12872">
        <v>8</v>
      </c>
      <c r="W12872">
        <v>8</v>
      </c>
      <c r="X12872">
        <v>8</v>
      </c>
      <c r="Y12872">
        <v>8</v>
      </c>
      <c r="Z12872">
        <v>9</v>
      </c>
      <c r="AA12872">
        <v>9</v>
      </c>
      <c r="AB12872">
        <v>9</v>
      </c>
      <c r="AC12872">
        <v>9</v>
      </c>
      <c r="AD12872">
        <v>9</v>
      </c>
      <c r="AE12872">
        <v>9</v>
      </c>
      <c r="AF12872">
        <v>9</v>
      </c>
      <c r="AG12872">
        <v>9</v>
      </c>
      <c r="AH12872">
        <v>9</v>
      </c>
      <c r="AI12872">
        <v>9</v>
      </c>
      <c r="AJ12872">
        <v>9</v>
      </c>
      <c r="AK12872">
        <v>10</v>
      </c>
      <c r="AL12872">
        <v>10</v>
      </c>
      <c r="AM12872">
        <v>10</v>
      </c>
      <c r="AN12872">
        <v>10</v>
      </c>
      <c r="AO12872">
        <v>10</v>
      </c>
      <c r="AP12872">
        <v>10</v>
      </c>
      <c r="AQ12872">
        <v>10</v>
      </c>
    </row>
    <row r="12873" spans="1:43">
      <c r="A12873" t="s">
        <v>7992</v>
      </c>
      <c r="B12873" t="s">
        <v>7993</v>
      </c>
      <c r="C12873" t="s">
        <v>7980</v>
      </c>
      <c r="D12873" t="s">
        <v>7981</v>
      </c>
      <c r="E12873" t="s">
        <v>7646</v>
      </c>
      <c r="F12873" t="s">
        <v>7647</v>
      </c>
      <c r="G12873" t="s">
        <v>80</v>
      </c>
      <c r="H12873" t="s">
        <v>81</v>
      </c>
      <c r="I12873" s="2">
        <v>0</v>
      </c>
      <c r="J12873" s="2">
        <v>1</v>
      </c>
      <c r="K12873" s="2">
        <v>0</v>
      </c>
      <c r="L12873" t="s">
        <v>82</v>
      </c>
      <c r="M12873" t="s">
        <v>83</v>
      </c>
      <c r="N12873" t="s">
        <v>91</v>
      </c>
      <c r="O12873" t="s">
        <v>85</v>
      </c>
      <c r="P12873" t="s">
        <v>86</v>
      </c>
      <c r="Q12873">
        <v>7</v>
      </c>
      <c r="R12873">
        <v>7</v>
      </c>
      <c r="S12873">
        <v>7</v>
      </c>
      <c r="T12873">
        <v>7</v>
      </c>
      <c r="U12873">
        <v>7</v>
      </c>
      <c r="V12873">
        <v>7</v>
      </c>
      <c r="W12873">
        <v>8</v>
      </c>
      <c r="X12873">
        <v>8</v>
      </c>
      <c r="Y12873">
        <v>8</v>
      </c>
      <c r="Z12873">
        <v>8</v>
      </c>
      <c r="AA12873">
        <v>8</v>
      </c>
      <c r="AB12873">
        <v>8</v>
      </c>
      <c r="AC12873">
        <v>8</v>
      </c>
      <c r="AD12873">
        <v>9</v>
      </c>
      <c r="AE12873">
        <v>9</v>
      </c>
      <c r="AF12873">
        <v>9</v>
      </c>
      <c r="AG12873">
        <v>9</v>
      </c>
      <c r="AH12873">
        <v>9</v>
      </c>
      <c r="AI12873">
        <v>9</v>
      </c>
      <c r="AJ12873">
        <v>9</v>
      </c>
      <c r="AK12873">
        <v>9</v>
      </c>
      <c r="AL12873">
        <v>10</v>
      </c>
      <c r="AM12873">
        <v>10</v>
      </c>
      <c r="AN12873">
        <v>10</v>
      </c>
      <c r="AO12873">
        <v>10</v>
      </c>
      <c r="AP12873">
        <v>10</v>
      </c>
      <c r="AQ12873">
        <v>10</v>
      </c>
    </row>
    <row r="12874" spans="1:43">
      <c r="A12874" t="s">
        <v>7994</v>
      </c>
      <c r="B12874" t="s">
        <v>7995</v>
      </c>
      <c r="C12874" t="s">
        <v>7980</v>
      </c>
      <c r="D12874" t="s">
        <v>7981</v>
      </c>
      <c r="E12874" t="s">
        <v>7646</v>
      </c>
      <c r="F12874" t="s">
        <v>7647</v>
      </c>
      <c r="G12874" t="s">
        <v>80</v>
      </c>
      <c r="H12874" t="s">
        <v>81</v>
      </c>
      <c r="I12874" s="2">
        <v>0</v>
      </c>
      <c r="J12874" s="2">
        <v>1</v>
      </c>
      <c r="K12874" s="2">
        <v>0</v>
      </c>
      <c r="L12874" t="s">
        <v>82</v>
      </c>
      <c r="M12874" t="s">
        <v>83</v>
      </c>
      <c r="N12874" t="s">
        <v>84</v>
      </c>
      <c r="O12874" t="s">
        <v>85</v>
      </c>
      <c r="P12874" t="s">
        <v>86</v>
      </c>
      <c r="Q12874">
        <v>6</v>
      </c>
      <c r="R12874">
        <v>6</v>
      </c>
      <c r="S12874">
        <v>6</v>
      </c>
      <c r="T12874">
        <v>6</v>
      </c>
      <c r="U12874">
        <v>6</v>
      </c>
      <c r="V12874">
        <v>6</v>
      </c>
      <c r="W12874">
        <v>6</v>
      </c>
      <c r="X12874">
        <v>6</v>
      </c>
      <c r="Y12874">
        <v>6</v>
      </c>
      <c r="Z12874">
        <v>7</v>
      </c>
      <c r="AA12874">
        <v>7</v>
      </c>
      <c r="AB12874">
        <v>7</v>
      </c>
      <c r="AC12874">
        <v>7</v>
      </c>
      <c r="AD12874">
        <v>7</v>
      </c>
      <c r="AE12874">
        <v>7</v>
      </c>
      <c r="AF12874">
        <v>7</v>
      </c>
      <c r="AG12874">
        <v>7</v>
      </c>
      <c r="AH12874">
        <v>7</v>
      </c>
      <c r="AI12874">
        <v>7</v>
      </c>
      <c r="AJ12874">
        <v>8</v>
      </c>
      <c r="AK12874">
        <v>8</v>
      </c>
      <c r="AL12874">
        <v>8</v>
      </c>
      <c r="AM12874">
        <v>8</v>
      </c>
      <c r="AN12874">
        <v>8</v>
      </c>
      <c r="AO12874">
        <v>8</v>
      </c>
      <c r="AP12874">
        <v>8</v>
      </c>
      <c r="AQ12874">
        <v>8</v>
      </c>
    </row>
    <row r="12875" spans="1:43">
      <c r="A12875" t="s">
        <v>7994</v>
      </c>
      <c r="B12875" t="s">
        <v>7995</v>
      </c>
      <c r="C12875" t="s">
        <v>7980</v>
      </c>
      <c r="D12875" t="s">
        <v>7981</v>
      </c>
      <c r="E12875" t="s">
        <v>7646</v>
      </c>
      <c r="F12875" t="s">
        <v>7647</v>
      </c>
      <c r="G12875" t="s">
        <v>80</v>
      </c>
      <c r="H12875" t="s">
        <v>81</v>
      </c>
      <c r="I12875" s="2">
        <v>0</v>
      </c>
      <c r="J12875" s="2">
        <v>1</v>
      </c>
      <c r="K12875" s="2">
        <v>0</v>
      </c>
      <c r="L12875" t="s">
        <v>82</v>
      </c>
      <c r="M12875" t="s">
        <v>87</v>
      </c>
      <c r="N12875" t="s">
        <v>88</v>
      </c>
      <c r="O12875" t="s">
        <v>85</v>
      </c>
      <c r="P12875" t="s">
        <v>86</v>
      </c>
      <c r="Q12875">
        <v>6</v>
      </c>
      <c r="R12875">
        <v>6</v>
      </c>
      <c r="S12875">
        <v>6</v>
      </c>
      <c r="T12875">
        <v>6</v>
      </c>
      <c r="U12875">
        <v>6</v>
      </c>
      <c r="V12875">
        <v>6</v>
      </c>
      <c r="W12875">
        <v>6</v>
      </c>
      <c r="X12875">
        <v>6</v>
      </c>
      <c r="Y12875">
        <v>6</v>
      </c>
      <c r="Z12875">
        <v>6</v>
      </c>
      <c r="AA12875">
        <v>6</v>
      </c>
      <c r="AB12875">
        <v>6</v>
      </c>
      <c r="AC12875">
        <v>6</v>
      </c>
      <c r="AD12875">
        <v>6</v>
      </c>
      <c r="AE12875">
        <v>6</v>
      </c>
      <c r="AF12875">
        <v>6</v>
      </c>
      <c r="AG12875">
        <v>6</v>
      </c>
      <c r="AH12875">
        <v>6</v>
      </c>
      <c r="AI12875">
        <v>6</v>
      </c>
      <c r="AJ12875">
        <v>6</v>
      </c>
      <c r="AK12875">
        <v>7</v>
      </c>
      <c r="AL12875">
        <v>7</v>
      </c>
      <c r="AM12875">
        <v>7</v>
      </c>
      <c r="AN12875">
        <v>7</v>
      </c>
      <c r="AO12875">
        <v>7</v>
      </c>
      <c r="AP12875">
        <v>7</v>
      </c>
      <c r="AQ12875">
        <v>7</v>
      </c>
    </row>
    <row r="12876" spans="1:43">
      <c r="A12876" t="s">
        <v>7994</v>
      </c>
      <c r="B12876" t="s">
        <v>7995</v>
      </c>
      <c r="C12876" t="s">
        <v>7980</v>
      </c>
      <c r="D12876" t="s">
        <v>7981</v>
      </c>
      <c r="E12876" t="s">
        <v>7646</v>
      </c>
      <c r="F12876" t="s">
        <v>7647</v>
      </c>
      <c r="G12876" t="s">
        <v>80</v>
      </c>
      <c r="H12876" t="s">
        <v>81</v>
      </c>
      <c r="I12876" s="2">
        <v>0</v>
      </c>
      <c r="J12876" s="2">
        <v>1</v>
      </c>
      <c r="K12876" s="2">
        <v>0</v>
      </c>
      <c r="L12876" t="s">
        <v>82</v>
      </c>
      <c r="M12876" t="s">
        <v>89</v>
      </c>
      <c r="N12876" t="s">
        <v>90</v>
      </c>
      <c r="O12876" t="s">
        <v>85</v>
      </c>
      <c r="P12876" t="s">
        <v>86</v>
      </c>
      <c r="Q12876">
        <v>6</v>
      </c>
      <c r="R12876">
        <v>6</v>
      </c>
      <c r="S12876">
        <v>6</v>
      </c>
      <c r="T12876">
        <v>6</v>
      </c>
      <c r="U12876">
        <v>6</v>
      </c>
      <c r="V12876">
        <v>6</v>
      </c>
      <c r="W12876">
        <v>7</v>
      </c>
      <c r="X12876">
        <v>7</v>
      </c>
      <c r="Y12876">
        <v>7</v>
      </c>
      <c r="Z12876">
        <v>7</v>
      </c>
      <c r="AA12876">
        <v>7</v>
      </c>
      <c r="AB12876">
        <v>7</v>
      </c>
      <c r="AC12876">
        <v>7</v>
      </c>
      <c r="AD12876">
        <v>7</v>
      </c>
      <c r="AE12876">
        <v>8</v>
      </c>
      <c r="AF12876">
        <v>8</v>
      </c>
      <c r="AG12876">
        <v>8</v>
      </c>
      <c r="AH12876">
        <v>8</v>
      </c>
      <c r="AI12876">
        <v>8</v>
      </c>
      <c r="AJ12876">
        <v>8</v>
      </c>
      <c r="AK12876">
        <v>8</v>
      </c>
      <c r="AL12876">
        <v>8</v>
      </c>
      <c r="AM12876">
        <v>8</v>
      </c>
      <c r="AN12876">
        <v>8</v>
      </c>
      <c r="AO12876">
        <v>8</v>
      </c>
      <c r="AP12876">
        <v>8</v>
      </c>
      <c r="AQ12876">
        <v>8</v>
      </c>
    </row>
    <row r="12877" spans="1:43">
      <c r="A12877" t="s">
        <v>7994</v>
      </c>
      <c r="B12877" t="s">
        <v>7995</v>
      </c>
      <c r="C12877" t="s">
        <v>7980</v>
      </c>
      <c r="D12877" t="s">
        <v>7981</v>
      </c>
      <c r="E12877" t="s">
        <v>7646</v>
      </c>
      <c r="F12877" t="s">
        <v>7647</v>
      </c>
      <c r="G12877" t="s">
        <v>80</v>
      </c>
      <c r="H12877" t="s">
        <v>81</v>
      </c>
      <c r="I12877" s="2">
        <v>0</v>
      </c>
      <c r="J12877" s="2">
        <v>1</v>
      </c>
      <c r="K12877" s="2">
        <v>0</v>
      </c>
      <c r="L12877" t="s">
        <v>82</v>
      </c>
      <c r="M12877" t="s">
        <v>83</v>
      </c>
      <c r="N12877" t="s">
        <v>91</v>
      </c>
      <c r="O12877" t="s">
        <v>85</v>
      </c>
      <c r="P12877" t="s">
        <v>86</v>
      </c>
      <c r="Q12877">
        <v>6</v>
      </c>
      <c r="R12877">
        <v>6</v>
      </c>
      <c r="S12877">
        <v>6</v>
      </c>
      <c r="T12877">
        <v>6</v>
      </c>
      <c r="U12877">
        <v>6</v>
      </c>
      <c r="V12877">
        <v>6</v>
      </c>
      <c r="W12877">
        <v>6</v>
      </c>
      <c r="X12877">
        <v>6</v>
      </c>
      <c r="Y12877">
        <v>6</v>
      </c>
      <c r="Z12877">
        <v>7</v>
      </c>
      <c r="AA12877">
        <v>7</v>
      </c>
      <c r="AB12877">
        <v>7</v>
      </c>
      <c r="AC12877">
        <v>7</v>
      </c>
      <c r="AD12877">
        <v>7</v>
      </c>
      <c r="AE12877">
        <v>7</v>
      </c>
      <c r="AF12877">
        <v>7</v>
      </c>
      <c r="AG12877">
        <v>7</v>
      </c>
      <c r="AH12877">
        <v>7</v>
      </c>
      <c r="AI12877">
        <v>7</v>
      </c>
      <c r="AJ12877">
        <v>8</v>
      </c>
      <c r="AK12877">
        <v>8</v>
      </c>
      <c r="AL12877">
        <v>8</v>
      </c>
      <c r="AM12877">
        <v>8</v>
      </c>
      <c r="AN12877">
        <v>8</v>
      </c>
      <c r="AO12877">
        <v>8</v>
      </c>
      <c r="AP12877">
        <v>8</v>
      </c>
      <c r="AQ12877">
        <v>8</v>
      </c>
    </row>
    <row r="12878" spans="1:43">
      <c r="A12878" t="s">
        <v>7996</v>
      </c>
      <c r="B12878" t="s">
        <v>7997</v>
      </c>
      <c r="C12878" t="s">
        <v>7986</v>
      </c>
      <c r="D12878" t="s">
        <v>7987</v>
      </c>
      <c r="E12878" t="s">
        <v>7646</v>
      </c>
      <c r="F12878" t="s">
        <v>7647</v>
      </c>
      <c r="G12878" t="s">
        <v>80</v>
      </c>
      <c r="H12878" t="s">
        <v>81</v>
      </c>
      <c r="I12878" s="2">
        <v>0</v>
      </c>
      <c r="J12878" s="2">
        <v>1</v>
      </c>
      <c r="K12878" s="2">
        <v>0</v>
      </c>
      <c r="L12878" t="s">
        <v>82</v>
      </c>
      <c r="M12878" t="s">
        <v>83</v>
      </c>
      <c r="N12878" t="s">
        <v>84</v>
      </c>
      <c r="O12878" t="s">
        <v>85</v>
      </c>
      <c r="P12878" t="s">
        <v>86</v>
      </c>
      <c r="Q12878">
        <v>36</v>
      </c>
      <c r="R12878">
        <v>37</v>
      </c>
      <c r="S12878">
        <v>38</v>
      </c>
      <c r="T12878">
        <v>39</v>
      </c>
      <c r="U12878">
        <v>39</v>
      </c>
      <c r="V12878">
        <v>40</v>
      </c>
      <c r="W12878">
        <v>41</v>
      </c>
      <c r="X12878">
        <v>41</v>
      </c>
      <c r="Y12878">
        <v>42</v>
      </c>
      <c r="Z12878">
        <v>43</v>
      </c>
      <c r="AA12878">
        <v>43</v>
      </c>
      <c r="AB12878">
        <v>44</v>
      </c>
      <c r="AC12878">
        <v>45</v>
      </c>
      <c r="AD12878">
        <v>45</v>
      </c>
      <c r="AE12878">
        <v>46</v>
      </c>
      <c r="AF12878">
        <v>47</v>
      </c>
      <c r="AG12878">
        <v>48</v>
      </c>
      <c r="AH12878">
        <v>48</v>
      </c>
      <c r="AI12878">
        <v>49</v>
      </c>
      <c r="AJ12878">
        <v>50</v>
      </c>
      <c r="AK12878">
        <v>50</v>
      </c>
      <c r="AL12878">
        <v>51</v>
      </c>
      <c r="AM12878">
        <v>51</v>
      </c>
      <c r="AN12878">
        <v>51</v>
      </c>
      <c r="AO12878">
        <v>51</v>
      </c>
      <c r="AP12878">
        <v>52</v>
      </c>
      <c r="AQ12878">
        <v>52</v>
      </c>
    </row>
    <row r="12879" spans="1:43">
      <c r="A12879" t="s">
        <v>7996</v>
      </c>
      <c r="B12879" t="s">
        <v>7997</v>
      </c>
      <c r="C12879" t="s">
        <v>7986</v>
      </c>
      <c r="D12879" t="s">
        <v>7987</v>
      </c>
      <c r="E12879" t="s">
        <v>7646</v>
      </c>
      <c r="F12879" t="s">
        <v>7647</v>
      </c>
      <c r="G12879" t="s">
        <v>80</v>
      </c>
      <c r="H12879" t="s">
        <v>81</v>
      </c>
      <c r="I12879" s="2">
        <v>0</v>
      </c>
      <c r="J12879" s="2">
        <v>1</v>
      </c>
      <c r="K12879" s="2">
        <v>0</v>
      </c>
      <c r="L12879" t="s">
        <v>82</v>
      </c>
      <c r="M12879" t="s">
        <v>87</v>
      </c>
      <c r="N12879" t="s">
        <v>88</v>
      </c>
      <c r="O12879" t="s">
        <v>85</v>
      </c>
      <c r="P12879" t="s">
        <v>86</v>
      </c>
      <c r="Q12879">
        <v>36</v>
      </c>
      <c r="R12879">
        <v>36</v>
      </c>
      <c r="S12879">
        <v>37</v>
      </c>
      <c r="T12879">
        <v>37</v>
      </c>
      <c r="U12879">
        <v>37</v>
      </c>
      <c r="V12879">
        <v>38</v>
      </c>
      <c r="W12879">
        <v>38</v>
      </c>
      <c r="X12879">
        <v>39</v>
      </c>
      <c r="Y12879">
        <v>39</v>
      </c>
      <c r="Z12879">
        <v>39</v>
      </c>
      <c r="AA12879">
        <v>40</v>
      </c>
      <c r="AB12879">
        <v>40</v>
      </c>
      <c r="AC12879">
        <v>40</v>
      </c>
      <c r="AD12879">
        <v>41</v>
      </c>
      <c r="AE12879">
        <v>41</v>
      </c>
      <c r="AF12879">
        <v>41</v>
      </c>
      <c r="AG12879">
        <v>42</v>
      </c>
      <c r="AH12879">
        <v>42</v>
      </c>
      <c r="AI12879">
        <v>42</v>
      </c>
      <c r="AJ12879">
        <v>43</v>
      </c>
      <c r="AK12879">
        <v>43</v>
      </c>
      <c r="AL12879">
        <v>43</v>
      </c>
      <c r="AM12879">
        <v>44</v>
      </c>
      <c r="AN12879">
        <v>44</v>
      </c>
      <c r="AO12879">
        <v>44</v>
      </c>
      <c r="AP12879">
        <v>45</v>
      </c>
      <c r="AQ12879">
        <v>45</v>
      </c>
    </row>
    <row r="12880" spans="1:43">
      <c r="A12880" t="s">
        <v>7996</v>
      </c>
      <c r="B12880" t="s">
        <v>7997</v>
      </c>
      <c r="C12880" t="s">
        <v>7986</v>
      </c>
      <c r="D12880" t="s">
        <v>7987</v>
      </c>
      <c r="E12880" t="s">
        <v>7646</v>
      </c>
      <c r="F12880" t="s">
        <v>7647</v>
      </c>
      <c r="G12880" t="s">
        <v>80</v>
      </c>
      <c r="H12880" t="s">
        <v>81</v>
      </c>
      <c r="I12880" s="2">
        <v>0</v>
      </c>
      <c r="J12880" s="2">
        <v>1</v>
      </c>
      <c r="K12880" s="2">
        <v>0</v>
      </c>
      <c r="L12880" t="s">
        <v>82</v>
      </c>
      <c r="M12880" t="s">
        <v>89</v>
      </c>
      <c r="N12880" t="s">
        <v>90</v>
      </c>
      <c r="O12880" t="s">
        <v>85</v>
      </c>
      <c r="P12880" t="s">
        <v>86</v>
      </c>
      <c r="Q12880">
        <v>36</v>
      </c>
      <c r="R12880">
        <v>37</v>
      </c>
      <c r="S12880">
        <v>38</v>
      </c>
      <c r="T12880">
        <v>39</v>
      </c>
      <c r="U12880">
        <v>40</v>
      </c>
      <c r="V12880">
        <v>41</v>
      </c>
      <c r="W12880">
        <v>42</v>
      </c>
      <c r="X12880">
        <v>43</v>
      </c>
      <c r="Y12880">
        <v>43</v>
      </c>
      <c r="Z12880">
        <v>44</v>
      </c>
      <c r="AA12880">
        <v>45</v>
      </c>
      <c r="AB12880">
        <v>46</v>
      </c>
      <c r="AC12880">
        <v>47</v>
      </c>
      <c r="AD12880">
        <v>48</v>
      </c>
      <c r="AE12880">
        <v>48</v>
      </c>
      <c r="AF12880">
        <v>49</v>
      </c>
      <c r="AG12880">
        <v>49</v>
      </c>
      <c r="AH12880">
        <v>49</v>
      </c>
      <c r="AI12880">
        <v>49</v>
      </c>
      <c r="AJ12880">
        <v>50</v>
      </c>
      <c r="AK12880">
        <v>50</v>
      </c>
      <c r="AL12880">
        <v>50</v>
      </c>
      <c r="AM12880">
        <v>50</v>
      </c>
      <c r="AN12880">
        <v>50</v>
      </c>
      <c r="AO12880">
        <v>51</v>
      </c>
      <c r="AP12880">
        <v>51</v>
      </c>
      <c r="AQ12880">
        <v>51</v>
      </c>
    </row>
    <row r="12881" spans="1:43">
      <c r="A12881" t="s">
        <v>7996</v>
      </c>
      <c r="B12881" t="s">
        <v>7997</v>
      </c>
      <c r="C12881" t="s">
        <v>7986</v>
      </c>
      <c r="D12881" t="s">
        <v>7987</v>
      </c>
      <c r="E12881" t="s">
        <v>7646</v>
      </c>
      <c r="F12881" t="s">
        <v>7647</v>
      </c>
      <c r="G12881" t="s">
        <v>80</v>
      </c>
      <c r="H12881" t="s">
        <v>81</v>
      </c>
      <c r="I12881" s="2">
        <v>0</v>
      </c>
      <c r="J12881" s="2">
        <v>1</v>
      </c>
      <c r="K12881" s="2">
        <v>0</v>
      </c>
      <c r="L12881" t="s">
        <v>82</v>
      </c>
      <c r="M12881" t="s">
        <v>83</v>
      </c>
      <c r="N12881" t="s">
        <v>91</v>
      </c>
      <c r="O12881" t="s">
        <v>85</v>
      </c>
      <c r="P12881" t="s">
        <v>86</v>
      </c>
      <c r="Q12881">
        <v>36</v>
      </c>
      <c r="R12881">
        <v>37</v>
      </c>
      <c r="S12881">
        <v>38</v>
      </c>
      <c r="T12881">
        <v>39</v>
      </c>
      <c r="U12881">
        <v>39</v>
      </c>
      <c r="V12881">
        <v>40</v>
      </c>
      <c r="W12881">
        <v>41</v>
      </c>
      <c r="X12881">
        <v>41</v>
      </c>
      <c r="Y12881">
        <v>42</v>
      </c>
      <c r="Z12881">
        <v>43</v>
      </c>
      <c r="AA12881">
        <v>43</v>
      </c>
      <c r="AB12881">
        <v>44</v>
      </c>
      <c r="AC12881">
        <v>45</v>
      </c>
      <c r="AD12881">
        <v>45</v>
      </c>
      <c r="AE12881">
        <v>46</v>
      </c>
      <c r="AF12881">
        <v>47</v>
      </c>
      <c r="AG12881">
        <v>48</v>
      </c>
      <c r="AH12881">
        <v>48</v>
      </c>
      <c r="AI12881">
        <v>49</v>
      </c>
      <c r="AJ12881">
        <v>50</v>
      </c>
      <c r="AK12881">
        <v>50</v>
      </c>
      <c r="AL12881">
        <v>51</v>
      </c>
      <c r="AM12881">
        <v>51</v>
      </c>
      <c r="AN12881">
        <v>51</v>
      </c>
      <c r="AO12881">
        <v>51</v>
      </c>
      <c r="AP12881">
        <v>52</v>
      </c>
      <c r="AQ12881">
        <v>52</v>
      </c>
    </row>
    <row r="12882" spans="1:43">
      <c r="A12882" t="s">
        <v>7998</v>
      </c>
      <c r="B12882" t="s">
        <v>7999</v>
      </c>
      <c r="C12882" t="s">
        <v>8000</v>
      </c>
      <c r="D12882" t="s">
        <v>8001</v>
      </c>
      <c r="E12882" t="s">
        <v>7646</v>
      </c>
      <c r="F12882" t="s">
        <v>7647</v>
      </c>
      <c r="G12882" t="s">
        <v>80</v>
      </c>
      <c r="H12882" t="s">
        <v>81</v>
      </c>
      <c r="I12882" s="2">
        <v>0</v>
      </c>
      <c r="J12882" s="2">
        <v>1</v>
      </c>
      <c r="K12882" s="2">
        <v>0</v>
      </c>
      <c r="L12882" t="s">
        <v>82</v>
      </c>
      <c r="M12882" t="s">
        <v>83</v>
      </c>
      <c r="N12882" t="s">
        <v>84</v>
      </c>
      <c r="O12882" t="s">
        <v>85</v>
      </c>
      <c r="P12882" t="s">
        <v>86</v>
      </c>
      <c r="Q12882">
        <v>13</v>
      </c>
      <c r="R12882">
        <v>13</v>
      </c>
      <c r="S12882">
        <v>13</v>
      </c>
      <c r="T12882">
        <v>14</v>
      </c>
      <c r="U12882">
        <v>14</v>
      </c>
      <c r="V12882">
        <v>14</v>
      </c>
      <c r="W12882">
        <v>14</v>
      </c>
      <c r="X12882">
        <v>15</v>
      </c>
      <c r="Y12882">
        <v>15</v>
      </c>
      <c r="Z12882">
        <v>15</v>
      </c>
      <c r="AA12882">
        <v>15</v>
      </c>
      <c r="AB12882">
        <v>16</v>
      </c>
      <c r="AC12882">
        <v>16</v>
      </c>
      <c r="AD12882">
        <v>16</v>
      </c>
      <c r="AE12882">
        <v>16</v>
      </c>
      <c r="AF12882">
        <v>17</v>
      </c>
      <c r="AG12882">
        <v>17</v>
      </c>
      <c r="AH12882">
        <v>17</v>
      </c>
      <c r="AI12882">
        <v>17</v>
      </c>
      <c r="AJ12882">
        <v>18</v>
      </c>
      <c r="AK12882">
        <v>18</v>
      </c>
      <c r="AL12882">
        <v>18</v>
      </c>
      <c r="AM12882">
        <v>18</v>
      </c>
      <c r="AN12882">
        <v>18</v>
      </c>
      <c r="AO12882">
        <v>18</v>
      </c>
      <c r="AP12882">
        <v>18</v>
      </c>
      <c r="AQ12882">
        <v>18</v>
      </c>
    </row>
    <row r="12883" spans="1:43">
      <c r="A12883" t="s">
        <v>7998</v>
      </c>
      <c r="B12883" t="s">
        <v>7999</v>
      </c>
      <c r="C12883" t="s">
        <v>8000</v>
      </c>
      <c r="D12883" t="s">
        <v>8001</v>
      </c>
      <c r="E12883" t="s">
        <v>7646</v>
      </c>
      <c r="F12883" t="s">
        <v>7647</v>
      </c>
      <c r="G12883" t="s">
        <v>80</v>
      </c>
      <c r="H12883" t="s">
        <v>81</v>
      </c>
      <c r="I12883" s="2">
        <v>0</v>
      </c>
      <c r="J12883" s="2">
        <v>1</v>
      </c>
      <c r="K12883" s="2">
        <v>0</v>
      </c>
      <c r="L12883" t="s">
        <v>82</v>
      </c>
      <c r="M12883" t="s">
        <v>87</v>
      </c>
      <c r="N12883" t="s">
        <v>88</v>
      </c>
      <c r="O12883" t="s">
        <v>85</v>
      </c>
      <c r="P12883" t="s">
        <v>86</v>
      </c>
      <c r="Q12883">
        <v>13</v>
      </c>
      <c r="R12883">
        <v>13</v>
      </c>
      <c r="S12883">
        <v>13</v>
      </c>
      <c r="T12883">
        <v>13</v>
      </c>
      <c r="U12883">
        <v>13</v>
      </c>
      <c r="V12883">
        <v>13</v>
      </c>
      <c r="W12883">
        <v>13</v>
      </c>
      <c r="X12883">
        <v>14</v>
      </c>
      <c r="Y12883">
        <v>14</v>
      </c>
      <c r="Z12883">
        <v>14</v>
      </c>
      <c r="AA12883">
        <v>14</v>
      </c>
      <c r="AB12883">
        <v>14</v>
      </c>
      <c r="AC12883">
        <v>14</v>
      </c>
      <c r="AD12883">
        <v>14</v>
      </c>
      <c r="AE12883">
        <v>14</v>
      </c>
      <c r="AF12883">
        <v>15</v>
      </c>
      <c r="AG12883">
        <v>15</v>
      </c>
      <c r="AH12883">
        <v>15</v>
      </c>
      <c r="AI12883">
        <v>15</v>
      </c>
      <c r="AJ12883">
        <v>15</v>
      </c>
      <c r="AK12883">
        <v>15</v>
      </c>
      <c r="AL12883">
        <v>15</v>
      </c>
      <c r="AM12883">
        <v>15</v>
      </c>
      <c r="AN12883">
        <v>16</v>
      </c>
      <c r="AO12883">
        <v>16</v>
      </c>
      <c r="AP12883">
        <v>16</v>
      </c>
      <c r="AQ12883">
        <v>16</v>
      </c>
    </row>
    <row r="12884" spans="1:43">
      <c r="A12884" t="s">
        <v>7998</v>
      </c>
      <c r="B12884" t="s">
        <v>7999</v>
      </c>
      <c r="C12884" t="s">
        <v>8000</v>
      </c>
      <c r="D12884" t="s">
        <v>8001</v>
      </c>
      <c r="E12884" t="s">
        <v>7646</v>
      </c>
      <c r="F12884" t="s">
        <v>7647</v>
      </c>
      <c r="G12884" t="s">
        <v>80</v>
      </c>
      <c r="H12884" t="s">
        <v>81</v>
      </c>
      <c r="I12884" s="2">
        <v>0</v>
      </c>
      <c r="J12884" s="2">
        <v>1</v>
      </c>
      <c r="K12884" s="2">
        <v>0</v>
      </c>
      <c r="L12884" t="s">
        <v>82</v>
      </c>
      <c r="M12884" t="s">
        <v>89</v>
      </c>
      <c r="N12884" t="s">
        <v>90</v>
      </c>
      <c r="O12884" t="s">
        <v>85</v>
      </c>
      <c r="P12884" t="s">
        <v>86</v>
      </c>
      <c r="Q12884">
        <v>13</v>
      </c>
      <c r="R12884">
        <v>13</v>
      </c>
      <c r="S12884">
        <v>14</v>
      </c>
      <c r="T12884">
        <v>14</v>
      </c>
      <c r="U12884">
        <v>14</v>
      </c>
      <c r="V12884">
        <v>15</v>
      </c>
      <c r="W12884">
        <v>15</v>
      </c>
      <c r="X12884">
        <v>15</v>
      </c>
      <c r="Y12884">
        <v>16</v>
      </c>
      <c r="Z12884">
        <v>16</v>
      </c>
      <c r="AA12884">
        <v>16</v>
      </c>
      <c r="AB12884">
        <v>17</v>
      </c>
      <c r="AC12884">
        <v>17</v>
      </c>
      <c r="AD12884">
        <v>17</v>
      </c>
      <c r="AE12884">
        <v>17</v>
      </c>
      <c r="AF12884">
        <v>18</v>
      </c>
      <c r="AG12884">
        <v>18</v>
      </c>
      <c r="AH12884">
        <v>18</v>
      </c>
      <c r="AI12884">
        <v>18</v>
      </c>
      <c r="AJ12884">
        <v>18</v>
      </c>
      <c r="AK12884">
        <v>18</v>
      </c>
      <c r="AL12884">
        <v>18</v>
      </c>
      <c r="AM12884">
        <v>18</v>
      </c>
      <c r="AN12884">
        <v>18</v>
      </c>
      <c r="AO12884">
        <v>18</v>
      </c>
      <c r="AP12884">
        <v>18</v>
      </c>
      <c r="AQ12884">
        <v>18</v>
      </c>
    </row>
    <row r="12885" spans="1:43">
      <c r="A12885" t="s">
        <v>7998</v>
      </c>
      <c r="B12885" t="s">
        <v>7999</v>
      </c>
      <c r="C12885" t="s">
        <v>8000</v>
      </c>
      <c r="D12885" t="s">
        <v>8001</v>
      </c>
      <c r="E12885" t="s">
        <v>7646</v>
      </c>
      <c r="F12885" t="s">
        <v>7647</v>
      </c>
      <c r="G12885" t="s">
        <v>80</v>
      </c>
      <c r="H12885" t="s">
        <v>81</v>
      </c>
      <c r="I12885" s="2">
        <v>0</v>
      </c>
      <c r="J12885" s="2">
        <v>1</v>
      </c>
      <c r="K12885" s="2">
        <v>0</v>
      </c>
      <c r="L12885" t="s">
        <v>82</v>
      </c>
      <c r="M12885" t="s">
        <v>83</v>
      </c>
      <c r="N12885" t="s">
        <v>91</v>
      </c>
      <c r="O12885" t="s">
        <v>85</v>
      </c>
      <c r="P12885" t="s">
        <v>86</v>
      </c>
      <c r="Q12885">
        <v>13</v>
      </c>
      <c r="R12885">
        <v>13</v>
      </c>
      <c r="S12885">
        <v>13</v>
      </c>
      <c r="T12885">
        <v>14</v>
      </c>
      <c r="U12885">
        <v>14</v>
      </c>
      <c r="V12885">
        <v>14</v>
      </c>
      <c r="W12885">
        <v>14</v>
      </c>
      <c r="X12885">
        <v>15</v>
      </c>
      <c r="Y12885">
        <v>15</v>
      </c>
      <c r="Z12885">
        <v>15</v>
      </c>
      <c r="AA12885">
        <v>15</v>
      </c>
      <c r="AB12885">
        <v>16</v>
      </c>
      <c r="AC12885">
        <v>16</v>
      </c>
      <c r="AD12885">
        <v>16</v>
      </c>
      <c r="AE12885">
        <v>16</v>
      </c>
      <c r="AF12885">
        <v>17</v>
      </c>
      <c r="AG12885">
        <v>17</v>
      </c>
      <c r="AH12885">
        <v>17</v>
      </c>
      <c r="AI12885">
        <v>17</v>
      </c>
      <c r="AJ12885">
        <v>18</v>
      </c>
      <c r="AK12885">
        <v>18</v>
      </c>
      <c r="AL12885">
        <v>18</v>
      </c>
      <c r="AM12885">
        <v>18</v>
      </c>
      <c r="AN12885">
        <v>18</v>
      </c>
      <c r="AO12885">
        <v>18</v>
      </c>
      <c r="AP12885">
        <v>18</v>
      </c>
      <c r="AQ12885">
        <v>18</v>
      </c>
    </row>
    <row r="12886" spans="1:43">
      <c r="A12886" t="s">
        <v>8002</v>
      </c>
      <c r="B12886" t="s">
        <v>8003</v>
      </c>
      <c r="C12886" t="s">
        <v>8004</v>
      </c>
      <c r="D12886" t="s">
        <v>8005</v>
      </c>
      <c r="E12886" t="s">
        <v>7646</v>
      </c>
      <c r="F12886" t="s">
        <v>7647</v>
      </c>
      <c r="G12886" t="s">
        <v>80</v>
      </c>
      <c r="H12886" t="s">
        <v>81</v>
      </c>
      <c r="I12886" s="2">
        <v>0</v>
      </c>
      <c r="J12886" s="2">
        <v>1</v>
      </c>
      <c r="K12886" s="2">
        <v>0</v>
      </c>
      <c r="L12886" t="s">
        <v>82</v>
      </c>
      <c r="M12886" t="s">
        <v>83</v>
      </c>
      <c r="N12886" t="s">
        <v>84</v>
      </c>
      <c r="O12886" t="s">
        <v>85</v>
      </c>
      <c r="P12886" t="s">
        <v>86</v>
      </c>
      <c r="Q12886">
        <v>5</v>
      </c>
      <c r="R12886">
        <v>5</v>
      </c>
      <c r="S12886">
        <v>5</v>
      </c>
      <c r="T12886">
        <v>5</v>
      </c>
      <c r="U12886">
        <v>5</v>
      </c>
      <c r="V12886">
        <v>5</v>
      </c>
      <c r="W12886">
        <v>5</v>
      </c>
      <c r="X12886">
        <v>5</v>
      </c>
      <c r="Y12886">
        <v>6</v>
      </c>
      <c r="Z12886">
        <v>6</v>
      </c>
      <c r="AA12886">
        <v>6</v>
      </c>
      <c r="AB12886">
        <v>6</v>
      </c>
      <c r="AC12886">
        <v>6</v>
      </c>
      <c r="AD12886">
        <v>6</v>
      </c>
      <c r="AE12886">
        <v>6</v>
      </c>
      <c r="AF12886">
        <v>6</v>
      </c>
      <c r="AG12886">
        <v>6</v>
      </c>
      <c r="AH12886">
        <v>6</v>
      </c>
      <c r="AI12886">
        <v>6</v>
      </c>
      <c r="AJ12886">
        <v>7</v>
      </c>
      <c r="AK12886">
        <v>7</v>
      </c>
      <c r="AL12886">
        <v>7</v>
      </c>
      <c r="AM12886">
        <v>7</v>
      </c>
      <c r="AN12886">
        <v>7</v>
      </c>
      <c r="AO12886">
        <v>7</v>
      </c>
      <c r="AP12886">
        <v>7</v>
      </c>
      <c r="AQ12886">
        <v>7</v>
      </c>
    </row>
    <row r="12887" spans="1:43">
      <c r="A12887" t="s">
        <v>8002</v>
      </c>
      <c r="B12887" t="s">
        <v>8003</v>
      </c>
      <c r="C12887" t="s">
        <v>8004</v>
      </c>
      <c r="D12887" t="s">
        <v>8005</v>
      </c>
      <c r="E12887" t="s">
        <v>7646</v>
      </c>
      <c r="F12887" t="s">
        <v>7647</v>
      </c>
      <c r="G12887" t="s">
        <v>80</v>
      </c>
      <c r="H12887" t="s">
        <v>81</v>
      </c>
      <c r="I12887" s="2">
        <v>0</v>
      </c>
      <c r="J12887" s="2">
        <v>1</v>
      </c>
      <c r="K12887" s="2">
        <v>0</v>
      </c>
      <c r="L12887" t="s">
        <v>82</v>
      </c>
      <c r="M12887" t="s">
        <v>87</v>
      </c>
      <c r="N12887" t="s">
        <v>88</v>
      </c>
      <c r="O12887" t="s">
        <v>85</v>
      </c>
      <c r="P12887" t="s">
        <v>86</v>
      </c>
      <c r="Q12887">
        <v>5</v>
      </c>
      <c r="R12887">
        <v>5</v>
      </c>
      <c r="S12887">
        <v>5</v>
      </c>
      <c r="T12887">
        <v>5</v>
      </c>
      <c r="U12887">
        <v>5</v>
      </c>
      <c r="V12887">
        <v>5</v>
      </c>
      <c r="W12887">
        <v>5</v>
      </c>
      <c r="X12887">
        <v>5</v>
      </c>
      <c r="Y12887">
        <v>5</v>
      </c>
      <c r="Z12887">
        <v>5</v>
      </c>
      <c r="AA12887">
        <v>5</v>
      </c>
      <c r="AB12887">
        <v>5</v>
      </c>
      <c r="AC12887">
        <v>5</v>
      </c>
      <c r="AD12887">
        <v>5</v>
      </c>
      <c r="AE12887">
        <v>5</v>
      </c>
      <c r="AF12887">
        <v>5</v>
      </c>
      <c r="AG12887">
        <v>6</v>
      </c>
      <c r="AH12887">
        <v>6</v>
      </c>
      <c r="AI12887">
        <v>6</v>
      </c>
      <c r="AJ12887">
        <v>6</v>
      </c>
      <c r="AK12887">
        <v>6</v>
      </c>
      <c r="AL12887">
        <v>6</v>
      </c>
      <c r="AM12887">
        <v>6</v>
      </c>
      <c r="AN12887">
        <v>6</v>
      </c>
      <c r="AO12887">
        <v>6</v>
      </c>
      <c r="AP12887">
        <v>6</v>
      </c>
      <c r="AQ12887">
        <v>6</v>
      </c>
    </row>
    <row r="12888" spans="1:43">
      <c r="A12888" t="s">
        <v>8002</v>
      </c>
      <c r="B12888" t="s">
        <v>8003</v>
      </c>
      <c r="C12888" t="s">
        <v>8004</v>
      </c>
      <c r="D12888" t="s">
        <v>8005</v>
      </c>
      <c r="E12888" t="s">
        <v>7646</v>
      </c>
      <c r="F12888" t="s">
        <v>7647</v>
      </c>
      <c r="G12888" t="s">
        <v>80</v>
      </c>
      <c r="H12888" t="s">
        <v>81</v>
      </c>
      <c r="I12888" s="2">
        <v>0</v>
      </c>
      <c r="J12888" s="2">
        <v>1</v>
      </c>
      <c r="K12888" s="2">
        <v>0</v>
      </c>
      <c r="L12888" t="s">
        <v>82</v>
      </c>
      <c r="M12888" t="s">
        <v>89</v>
      </c>
      <c r="N12888" t="s">
        <v>90</v>
      </c>
      <c r="O12888" t="s">
        <v>85</v>
      </c>
      <c r="P12888" t="s">
        <v>86</v>
      </c>
      <c r="Q12888">
        <v>5</v>
      </c>
      <c r="R12888">
        <v>5</v>
      </c>
      <c r="S12888">
        <v>5</v>
      </c>
      <c r="T12888">
        <v>5</v>
      </c>
      <c r="U12888">
        <v>5</v>
      </c>
      <c r="V12888">
        <v>6</v>
      </c>
      <c r="W12888">
        <v>6</v>
      </c>
      <c r="X12888">
        <v>6</v>
      </c>
      <c r="Y12888">
        <v>6</v>
      </c>
      <c r="Z12888">
        <v>6</v>
      </c>
      <c r="AA12888">
        <v>6</v>
      </c>
      <c r="AB12888">
        <v>6</v>
      </c>
      <c r="AC12888">
        <v>6</v>
      </c>
      <c r="AD12888">
        <v>6</v>
      </c>
      <c r="AE12888">
        <v>7</v>
      </c>
      <c r="AF12888">
        <v>7</v>
      </c>
      <c r="AG12888">
        <v>7</v>
      </c>
      <c r="AH12888">
        <v>7</v>
      </c>
      <c r="AI12888">
        <v>7</v>
      </c>
      <c r="AJ12888">
        <v>7</v>
      </c>
      <c r="AK12888">
        <v>7</v>
      </c>
      <c r="AL12888">
        <v>7</v>
      </c>
      <c r="AM12888">
        <v>7</v>
      </c>
      <c r="AN12888">
        <v>7</v>
      </c>
      <c r="AO12888">
        <v>7</v>
      </c>
      <c r="AP12888">
        <v>7</v>
      </c>
      <c r="AQ12888">
        <v>7</v>
      </c>
    </row>
    <row r="12889" spans="1:43">
      <c r="A12889" t="s">
        <v>8002</v>
      </c>
      <c r="B12889" t="s">
        <v>8003</v>
      </c>
      <c r="C12889" t="s">
        <v>8004</v>
      </c>
      <c r="D12889" t="s">
        <v>8005</v>
      </c>
      <c r="E12889" t="s">
        <v>7646</v>
      </c>
      <c r="F12889" t="s">
        <v>7647</v>
      </c>
      <c r="G12889" t="s">
        <v>80</v>
      </c>
      <c r="H12889" t="s">
        <v>81</v>
      </c>
      <c r="I12889" s="2">
        <v>0</v>
      </c>
      <c r="J12889" s="2">
        <v>1</v>
      </c>
      <c r="K12889" s="2">
        <v>0</v>
      </c>
      <c r="L12889" t="s">
        <v>82</v>
      </c>
      <c r="M12889" t="s">
        <v>83</v>
      </c>
      <c r="N12889" t="s">
        <v>91</v>
      </c>
      <c r="O12889" t="s">
        <v>85</v>
      </c>
      <c r="P12889" t="s">
        <v>86</v>
      </c>
      <c r="Q12889">
        <v>5</v>
      </c>
      <c r="R12889">
        <v>5</v>
      </c>
      <c r="S12889">
        <v>5</v>
      </c>
      <c r="T12889">
        <v>5</v>
      </c>
      <c r="U12889">
        <v>5</v>
      </c>
      <c r="V12889">
        <v>5</v>
      </c>
      <c r="W12889">
        <v>5</v>
      </c>
      <c r="X12889">
        <v>5</v>
      </c>
      <c r="Y12889">
        <v>6</v>
      </c>
      <c r="Z12889">
        <v>6</v>
      </c>
      <c r="AA12889">
        <v>6</v>
      </c>
      <c r="AB12889">
        <v>6</v>
      </c>
      <c r="AC12889">
        <v>6</v>
      </c>
      <c r="AD12889">
        <v>6</v>
      </c>
      <c r="AE12889">
        <v>6</v>
      </c>
      <c r="AF12889">
        <v>6</v>
      </c>
      <c r="AG12889">
        <v>6</v>
      </c>
      <c r="AH12889">
        <v>6</v>
      </c>
      <c r="AI12889">
        <v>6</v>
      </c>
      <c r="AJ12889">
        <v>7</v>
      </c>
      <c r="AK12889">
        <v>7</v>
      </c>
      <c r="AL12889">
        <v>7</v>
      </c>
      <c r="AM12889">
        <v>7</v>
      </c>
      <c r="AN12889">
        <v>7</v>
      </c>
      <c r="AO12889">
        <v>7</v>
      </c>
      <c r="AP12889">
        <v>7</v>
      </c>
      <c r="AQ12889">
        <v>7</v>
      </c>
    </row>
    <row r="12890" spans="1:43">
      <c r="A12890" t="s">
        <v>8006</v>
      </c>
      <c r="B12890" t="s">
        <v>8007</v>
      </c>
      <c r="C12890" t="s">
        <v>8004</v>
      </c>
      <c r="D12890" t="s">
        <v>8005</v>
      </c>
      <c r="E12890" t="s">
        <v>7646</v>
      </c>
      <c r="F12890" t="s">
        <v>7647</v>
      </c>
      <c r="G12890" t="s">
        <v>80</v>
      </c>
      <c r="H12890" t="s">
        <v>81</v>
      </c>
      <c r="I12890" s="2">
        <v>0</v>
      </c>
      <c r="J12890" s="2">
        <v>1</v>
      </c>
      <c r="K12890" s="2">
        <v>0</v>
      </c>
      <c r="L12890" t="s">
        <v>82</v>
      </c>
      <c r="M12890" t="s">
        <v>83</v>
      </c>
      <c r="N12890" t="s">
        <v>84</v>
      </c>
      <c r="O12890" t="s">
        <v>85</v>
      </c>
      <c r="P12890" t="s">
        <v>86</v>
      </c>
      <c r="Q12890">
        <v>18</v>
      </c>
      <c r="R12890">
        <v>19</v>
      </c>
      <c r="S12890">
        <v>19</v>
      </c>
      <c r="T12890">
        <v>19</v>
      </c>
      <c r="U12890">
        <v>20</v>
      </c>
      <c r="V12890">
        <v>20</v>
      </c>
      <c r="W12890">
        <v>20</v>
      </c>
      <c r="X12890">
        <v>21</v>
      </c>
      <c r="Y12890">
        <v>21</v>
      </c>
      <c r="Z12890">
        <v>21</v>
      </c>
      <c r="AA12890">
        <v>22</v>
      </c>
      <c r="AB12890">
        <v>22</v>
      </c>
      <c r="AC12890">
        <v>22</v>
      </c>
      <c r="AD12890">
        <v>23</v>
      </c>
      <c r="AE12890">
        <v>23</v>
      </c>
      <c r="AF12890">
        <v>23</v>
      </c>
      <c r="AG12890">
        <v>24</v>
      </c>
      <c r="AH12890">
        <v>24</v>
      </c>
      <c r="AI12890">
        <v>25</v>
      </c>
      <c r="AJ12890">
        <v>25</v>
      </c>
      <c r="AK12890">
        <v>25</v>
      </c>
      <c r="AL12890">
        <v>25</v>
      </c>
      <c r="AM12890">
        <v>25</v>
      </c>
      <c r="AN12890">
        <v>26</v>
      </c>
      <c r="AO12890">
        <v>26</v>
      </c>
      <c r="AP12890">
        <v>26</v>
      </c>
      <c r="AQ12890">
        <v>26</v>
      </c>
    </row>
    <row r="12891" spans="1:43">
      <c r="A12891" t="s">
        <v>8006</v>
      </c>
      <c r="B12891" t="s">
        <v>8007</v>
      </c>
      <c r="C12891" t="s">
        <v>8004</v>
      </c>
      <c r="D12891" t="s">
        <v>8005</v>
      </c>
      <c r="E12891" t="s">
        <v>7646</v>
      </c>
      <c r="F12891" t="s">
        <v>7647</v>
      </c>
      <c r="G12891" t="s">
        <v>80</v>
      </c>
      <c r="H12891" t="s">
        <v>81</v>
      </c>
      <c r="I12891" s="2">
        <v>0</v>
      </c>
      <c r="J12891" s="2">
        <v>1</v>
      </c>
      <c r="K12891" s="2">
        <v>0</v>
      </c>
      <c r="L12891" t="s">
        <v>82</v>
      </c>
      <c r="M12891" t="s">
        <v>87</v>
      </c>
      <c r="N12891" t="s">
        <v>88</v>
      </c>
      <c r="O12891" t="s">
        <v>85</v>
      </c>
      <c r="P12891" t="s">
        <v>86</v>
      </c>
      <c r="Q12891">
        <v>18</v>
      </c>
      <c r="R12891">
        <v>18</v>
      </c>
      <c r="S12891">
        <v>18</v>
      </c>
      <c r="T12891">
        <v>19</v>
      </c>
      <c r="U12891">
        <v>19</v>
      </c>
      <c r="V12891">
        <v>19</v>
      </c>
      <c r="W12891">
        <v>19</v>
      </c>
      <c r="X12891">
        <v>19</v>
      </c>
      <c r="Y12891">
        <v>19</v>
      </c>
      <c r="Z12891">
        <v>20</v>
      </c>
      <c r="AA12891">
        <v>20</v>
      </c>
      <c r="AB12891">
        <v>20</v>
      </c>
      <c r="AC12891">
        <v>20</v>
      </c>
      <c r="AD12891">
        <v>20</v>
      </c>
      <c r="AE12891">
        <v>20</v>
      </c>
      <c r="AF12891">
        <v>21</v>
      </c>
      <c r="AG12891">
        <v>21</v>
      </c>
      <c r="AH12891">
        <v>21</v>
      </c>
      <c r="AI12891">
        <v>21</v>
      </c>
      <c r="AJ12891">
        <v>21</v>
      </c>
      <c r="AK12891">
        <v>22</v>
      </c>
      <c r="AL12891">
        <v>22</v>
      </c>
      <c r="AM12891">
        <v>22</v>
      </c>
      <c r="AN12891">
        <v>22</v>
      </c>
      <c r="AO12891">
        <v>22</v>
      </c>
      <c r="AP12891">
        <v>22</v>
      </c>
      <c r="AQ12891">
        <v>23</v>
      </c>
    </row>
    <row r="12892" spans="1:43">
      <c r="A12892" t="s">
        <v>8006</v>
      </c>
      <c r="B12892" t="s">
        <v>8007</v>
      </c>
      <c r="C12892" t="s">
        <v>8004</v>
      </c>
      <c r="D12892" t="s">
        <v>8005</v>
      </c>
      <c r="E12892" t="s">
        <v>7646</v>
      </c>
      <c r="F12892" t="s">
        <v>7647</v>
      </c>
      <c r="G12892" t="s">
        <v>80</v>
      </c>
      <c r="H12892" t="s">
        <v>81</v>
      </c>
      <c r="I12892" s="2">
        <v>0</v>
      </c>
      <c r="J12892" s="2">
        <v>1</v>
      </c>
      <c r="K12892" s="2">
        <v>0</v>
      </c>
      <c r="L12892" t="s">
        <v>82</v>
      </c>
      <c r="M12892" t="s">
        <v>89</v>
      </c>
      <c r="N12892" t="s">
        <v>90</v>
      </c>
      <c r="O12892" t="s">
        <v>85</v>
      </c>
      <c r="P12892" t="s">
        <v>86</v>
      </c>
      <c r="Q12892">
        <v>18</v>
      </c>
      <c r="R12892">
        <v>19</v>
      </c>
      <c r="S12892">
        <v>19</v>
      </c>
      <c r="T12892">
        <v>20</v>
      </c>
      <c r="U12892">
        <v>20</v>
      </c>
      <c r="V12892">
        <v>21</v>
      </c>
      <c r="W12892">
        <v>21</v>
      </c>
      <c r="X12892">
        <v>22</v>
      </c>
      <c r="Y12892">
        <v>22</v>
      </c>
      <c r="Z12892">
        <v>23</v>
      </c>
      <c r="AA12892">
        <v>23</v>
      </c>
      <c r="AB12892">
        <v>24</v>
      </c>
      <c r="AC12892">
        <v>24</v>
      </c>
      <c r="AD12892">
        <v>24</v>
      </c>
      <c r="AE12892">
        <v>25</v>
      </c>
      <c r="AF12892">
        <v>25</v>
      </c>
      <c r="AG12892">
        <v>25</v>
      </c>
      <c r="AH12892">
        <v>25</v>
      </c>
      <c r="AI12892">
        <v>25</v>
      </c>
      <c r="AJ12892">
        <v>25</v>
      </c>
      <c r="AK12892">
        <v>25</v>
      </c>
      <c r="AL12892">
        <v>26</v>
      </c>
      <c r="AM12892">
        <v>26</v>
      </c>
      <c r="AN12892">
        <v>26</v>
      </c>
      <c r="AO12892">
        <v>26</v>
      </c>
      <c r="AP12892">
        <v>26</v>
      </c>
      <c r="AQ12892">
        <v>26</v>
      </c>
    </row>
    <row r="12893" spans="1:43">
      <c r="A12893" t="s">
        <v>8006</v>
      </c>
      <c r="B12893" t="s">
        <v>8007</v>
      </c>
      <c r="C12893" t="s">
        <v>8004</v>
      </c>
      <c r="D12893" t="s">
        <v>8005</v>
      </c>
      <c r="E12893" t="s">
        <v>7646</v>
      </c>
      <c r="F12893" t="s">
        <v>7647</v>
      </c>
      <c r="G12893" t="s">
        <v>80</v>
      </c>
      <c r="H12893" t="s">
        <v>81</v>
      </c>
      <c r="I12893" s="2">
        <v>0</v>
      </c>
      <c r="J12893" s="2">
        <v>1</v>
      </c>
      <c r="K12893" s="2">
        <v>0</v>
      </c>
      <c r="L12893" t="s">
        <v>82</v>
      </c>
      <c r="M12893" t="s">
        <v>83</v>
      </c>
      <c r="N12893" t="s">
        <v>91</v>
      </c>
      <c r="O12893" t="s">
        <v>85</v>
      </c>
      <c r="P12893" t="s">
        <v>86</v>
      </c>
      <c r="Q12893">
        <v>18</v>
      </c>
      <c r="R12893">
        <v>19</v>
      </c>
      <c r="S12893">
        <v>19</v>
      </c>
      <c r="T12893">
        <v>19</v>
      </c>
      <c r="U12893">
        <v>20</v>
      </c>
      <c r="V12893">
        <v>20</v>
      </c>
      <c r="W12893">
        <v>20</v>
      </c>
      <c r="X12893">
        <v>21</v>
      </c>
      <c r="Y12893">
        <v>21</v>
      </c>
      <c r="Z12893">
        <v>21</v>
      </c>
      <c r="AA12893">
        <v>22</v>
      </c>
      <c r="AB12893">
        <v>22</v>
      </c>
      <c r="AC12893">
        <v>22</v>
      </c>
      <c r="AD12893">
        <v>23</v>
      </c>
      <c r="AE12893">
        <v>23</v>
      </c>
      <c r="AF12893">
        <v>23</v>
      </c>
      <c r="AG12893">
        <v>24</v>
      </c>
      <c r="AH12893">
        <v>24</v>
      </c>
      <c r="AI12893">
        <v>25</v>
      </c>
      <c r="AJ12893">
        <v>25</v>
      </c>
      <c r="AK12893">
        <v>25</v>
      </c>
      <c r="AL12893">
        <v>25</v>
      </c>
      <c r="AM12893">
        <v>25</v>
      </c>
      <c r="AN12893">
        <v>26</v>
      </c>
      <c r="AO12893">
        <v>26</v>
      </c>
      <c r="AP12893">
        <v>26</v>
      </c>
      <c r="AQ12893">
        <v>26</v>
      </c>
    </row>
    <row r="12894" spans="1:43">
      <c r="A12894" t="s">
        <v>8008</v>
      </c>
      <c r="B12894" t="s">
        <v>8009</v>
      </c>
      <c r="C12894" t="s">
        <v>8004</v>
      </c>
      <c r="D12894" t="s">
        <v>8005</v>
      </c>
      <c r="E12894" t="s">
        <v>7646</v>
      </c>
      <c r="F12894" t="s">
        <v>7647</v>
      </c>
      <c r="G12894" t="s">
        <v>80</v>
      </c>
      <c r="H12894" t="s">
        <v>81</v>
      </c>
      <c r="I12894" s="2">
        <v>0</v>
      </c>
      <c r="J12894" s="2">
        <v>1</v>
      </c>
      <c r="K12894" s="2">
        <v>0</v>
      </c>
      <c r="L12894" t="s">
        <v>82</v>
      </c>
      <c r="M12894" t="s">
        <v>83</v>
      </c>
      <c r="N12894" t="s">
        <v>84</v>
      </c>
      <c r="O12894" t="s">
        <v>85</v>
      </c>
      <c r="P12894" t="s">
        <v>86</v>
      </c>
      <c r="Q12894">
        <v>8</v>
      </c>
      <c r="R12894">
        <v>8</v>
      </c>
      <c r="S12894">
        <v>8</v>
      </c>
      <c r="T12894">
        <v>8</v>
      </c>
      <c r="U12894">
        <v>8</v>
      </c>
      <c r="V12894">
        <v>9</v>
      </c>
      <c r="W12894">
        <v>9</v>
      </c>
      <c r="X12894">
        <v>9</v>
      </c>
      <c r="Y12894">
        <v>9</v>
      </c>
      <c r="Z12894">
        <v>9</v>
      </c>
      <c r="AA12894">
        <v>9</v>
      </c>
      <c r="AB12894">
        <v>9</v>
      </c>
      <c r="AC12894">
        <v>10</v>
      </c>
      <c r="AD12894">
        <v>10</v>
      </c>
      <c r="AE12894">
        <v>10</v>
      </c>
      <c r="AF12894">
        <v>10</v>
      </c>
      <c r="AG12894">
        <v>10</v>
      </c>
      <c r="AH12894">
        <v>10</v>
      </c>
      <c r="AI12894">
        <v>10</v>
      </c>
      <c r="AJ12894">
        <v>11</v>
      </c>
      <c r="AK12894">
        <v>11</v>
      </c>
      <c r="AL12894">
        <v>11</v>
      </c>
      <c r="AM12894">
        <v>11</v>
      </c>
      <c r="AN12894">
        <v>11</v>
      </c>
      <c r="AO12894">
        <v>11</v>
      </c>
      <c r="AP12894">
        <v>11</v>
      </c>
      <c r="AQ12894">
        <v>11</v>
      </c>
    </row>
    <row r="12895" spans="1:43">
      <c r="A12895" t="s">
        <v>8008</v>
      </c>
      <c r="B12895" t="s">
        <v>8009</v>
      </c>
      <c r="C12895" t="s">
        <v>8004</v>
      </c>
      <c r="D12895" t="s">
        <v>8005</v>
      </c>
      <c r="E12895" t="s">
        <v>7646</v>
      </c>
      <c r="F12895" t="s">
        <v>7647</v>
      </c>
      <c r="G12895" t="s">
        <v>80</v>
      </c>
      <c r="H12895" t="s">
        <v>81</v>
      </c>
      <c r="I12895" s="2">
        <v>0</v>
      </c>
      <c r="J12895" s="2">
        <v>1</v>
      </c>
      <c r="K12895" s="2">
        <v>0</v>
      </c>
      <c r="L12895" t="s">
        <v>82</v>
      </c>
      <c r="M12895" t="s">
        <v>87</v>
      </c>
      <c r="N12895" t="s">
        <v>88</v>
      </c>
      <c r="O12895" t="s">
        <v>85</v>
      </c>
      <c r="P12895" t="s">
        <v>86</v>
      </c>
      <c r="Q12895">
        <v>8</v>
      </c>
      <c r="R12895">
        <v>8</v>
      </c>
      <c r="S12895">
        <v>8</v>
      </c>
      <c r="T12895">
        <v>8</v>
      </c>
      <c r="U12895">
        <v>8</v>
      </c>
      <c r="V12895">
        <v>8</v>
      </c>
      <c r="W12895">
        <v>8</v>
      </c>
      <c r="X12895">
        <v>8</v>
      </c>
      <c r="Y12895">
        <v>8</v>
      </c>
      <c r="Z12895">
        <v>8</v>
      </c>
      <c r="AA12895">
        <v>8</v>
      </c>
      <c r="AB12895">
        <v>9</v>
      </c>
      <c r="AC12895">
        <v>9</v>
      </c>
      <c r="AD12895">
        <v>9</v>
      </c>
      <c r="AE12895">
        <v>9</v>
      </c>
      <c r="AF12895">
        <v>9</v>
      </c>
      <c r="AG12895">
        <v>9</v>
      </c>
      <c r="AH12895">
        <v>9</v>
      </c>
      <c r="AI12895">
        <v>9</v>
      </c>
      <c r="AJ12895">
        <v>9</v>
      </c>
      <c r="AK12895">
        <v>9</v>
      </c>
      <c r="AL12895">
        <v>9</v>
      </c>
      <c r="AM12895">
        <v>9</v>
      </c>
      <c r="AN12895">
        <v>9</v>
      </c>
      <c r="AO12895">
        <v>9</v>
      </c>
      <c r="AP12895">
        <v>10</v>
      </c>
      <c r="AQ12895">
        <v>10</v>
      </c>
    </row>
    <row r="12896" spans="1:43">
      <c r="A12896" t="s">
        <v>8008</v>
      </c>
      <c r="B12896" t="s">
        <v>8009</v>
      </c>
      <c r="C12896" t="s">
        <v>8004</v>
      </c>
      <c r="D12896" t="s">
        <v>8005</v>
      </c>
      <c r="E12896" t="s">
        <v>7646</v>
      </c>
      <c r="F12896" t="s">
        <v>7647</v>
      </c>
      <c r="G12896" t="s">
        <v>80</v>
      </c>
      <c r="H12896" t="s">
        <v>81</v>
      </c>
      <c r="I12896" s="2">
        <v>0</v>
      </c>
      <c r="J12896" s="2">
        <v>1</v>
      </c>
      <c r="K12896" s="2">
        <v>0</v>
      </c>
      <c r="L12896" t="s">
        <v>82</v>
      </c>
      <c r="M12896" t="s">
        <v>89</v>
      </c>
      <c r="N12896" t="s">
        <v>90</v>
      </c>
      <c r="O12896" t="s">
        <v>85</v>
      </c>
      <c r="P12896" t="s">
        <v>86</v>
      </c>
      <c r="Q12896">
        <v>8</v>
      </c>
      <c r="R12896">
        <v>8</v>
      </c>
      <c r="S12896">
        <v>8</v>
      </c>
      <c r="T12896">
        <v>9</v>
      </c>
      <c r="U12896">
        <v>9</v>
      </c>
      <c r="V12896">
        <v>9</v>
      </c>
      <c r="W12896">
        <v>9</v>
      </c>
      <c r="X12896">
        <v>9</v>
      </c>
      <c r="Y12896">
        <v>10</v>
      </c>
      <c r="Z12896">
        <v>10</v>
      </c>
      <c r="AA12896">
        <v>10</v>
      </c>
      <c r="AB12896">
        <v>10</v>
      </c>
      <c r="AC12896">
        <v>10</v>
      </c>
      <c r="AD12896">
        <v>10</v>
      </c>
      <c r="AE12896">
        <v>11</v>
      </c>
      <c r="AF12896">
        <v>11</v>
      </c>
      <c r="AG12896">
        <v>11</v>
      </c>
      <c r="AH12896">
        <v>11</v>
      </c>
      <c r="AI12896">
        <v>11</v>
      </c>
      <c r="AJ12896">
        <v>11</v>
      </c>
      <c r="AK12896">
        <v>11</v>
      </c>
      <c r="AL12896">
        <v>11</v>
      </c>
      <c r="AM12896">
        <v>11</v>
      </c>
      <c r="AN12896">
        <v>11</v>
      </c>
      <c r="AO12896">
        <v>11</v>
      </c>
      <c r="AP12896">
        <v>11</v>
      </c>
      <c r="AQ12896">
        <v>11</v>
      </c>
    </row>
    <row r="12897" spans="1:43">
      <c r="A12897" t="s">
        <v>8008</v>
      </c>
      <c r="B12897" t="s">
        <v>8009</v>
      </c>
      <c r="C12897" t="s">
        <v>8004</v>
      </c>
      <c r="D12897" t="s">
        <v>8005</v>
      </c>
      <c r="E12897" t="s">
        <v>7646</v>
      </c>
      <c r="F12897" t="s">
        <v>7647</v>
      </c>
      <c r="G12897" t="s">
        <v>80</v>
      </c>
      <c r="H12897" t="s">
        <v>81</v>
      </c>
      <c r="I12897" s="2">
        <v>0</v>
      </c>
      <c r="J12897" s="2">
        <v>1</v>
      </c>
      <c r="K12897" s="2">
        <v>0</v>
      </c>
      <c r="L12897" t="s">
        <v>82</v>
      </c>
      <c r="M12897" t="s">
        <v>83</v>
      </c>
      <c r="N12897" t="s">
        <v>91</v>
      </c>
      <c r="O12897" t="s">
        <v>85</v>
      </c>
      <c r="P12897" t="s">
        <v>86</v>
      </c>
      <c r="Q12897">
        <v>8</v>
      </c>
      <c r="R12897">
        <v>8</v>
      </c>
      <c r="S12897">
        <v>8</v>
      </c>
      <c r="T12897">
        <v>8</v>
      </c>
      <c r="U12897">
        <v>8</v>
      </c>
      <c r="V12897">
        <v>9</v>
      </c>
      <c r="W12897">
        <v>9</v>
      </c>
      <c r="X12897">
        <v>9</v>
      </c>
      <c r="Y12897">
        <v>9</v>
      </c>
      <c r="Z12897">
        <v>9</v>
      </c>
      <c r="AA12897">
        <v>9</v>
      </c>
      <c r="AB12897">
        <v>9</v>
      </c>
      <c r="AC12897">
        <v>10</v>
      </c>
      <c r="AD12897">
        <v>10</v>
      </c>
      <c r="AE12897">
        <v>10</v>
      </c>
      <c r="AF12897">
        <v>10</v>
      </c>
      <c r="AG12897">
        <v>10</v>
      </c>
      <c r="AH12897">
        <v>10</v>
      </c>
      <c r="AI12897">
        <v>10</v>
      </c>
      <c r="AJ12897">
        <v>11</v>
      </c>
      <c r="AK12897">
        <v>11</v>
      </c>
      <c r="AL12897">
        <v>11</v>
      </c>
      <c r="AM12897">
        <v>11</v>
      </c>
      <c r="AN12897">
        <v>11</v>
      </c>
      <c r="AO12897">
        <v>11</v>
      </c>
      <c r="AP12897">
        <v>11</v>
      </c>
      <c r="AQ12897">
        <v>11</v>
      </c>
    </row>
    <row r="12898" spans="1:43">
      <c r="A12898" t="s">
        <v>8010</v>
      </c>
      <c r="B12898" t="s">
        <v>8011</v>
      </c>
      <c r="C12898" t="s">
        <v>8004</v>
      </c>
      <c r="D12898" t="s">
        <v>8005</v>
      </c>
      <c r="E12898" t="s">
        <v>7646</v>
      </c>
      <c r="F12898" t="s">
        <v>7647</v>
      </c>
      <c r="G12898" t="s">
        <v>80</v>
      </c>
      <c r="H12898" t="s">
        <v>81</v>
      </c>
      <c r="I12898" s="2">
        <v>0</v>
      </c>
      <c r="J12898" s="2">
        <v>1</v>
      </c>
      <c r="K12898" s="2">
        <v>0</v>
      </c>
      <c r="L12898" t="s">
        <v>82</v>
      </c>
      <c r="M12898" t="s">
        <v>83</v>
      </c>
      <c r="N12898" t="s">
        <v>84</v>
      </c>
      <c r="O12898" t="s">
        <v>85</v>
      </c>
      <c r="P12898" t="s">
        <v>86</v>
      </c>
      <c r="Q12898">
        <v>37</v>
      </c>
      <c r="R12898">
        <v>38</v>
      </c>
      <c r="S12898">
        <v>39</v>
      </c>
      <c r="T12898">
        <v>39</v>
      </c>
      <c r="U12898">
        <v>40</v>
      </c>
      <c r="V12898">
        <v>41</v>
      </c>
      <c r="W12898">
        <v>41</v>
      </c>
      <c r="X12898">
        <v>42</v>
      </c>
      <c r="Y12898">
        <v>43</v>
      </c>
      <c r="Z12898">
        <v>44</v>
      </c>
      <c r="AA12898">
        <v>44</v>
      </c>
      <c r="AB12898">
        <v>45</v>
      </c>
      <c r="AC12898">
        <v>46</v>
      </c>
      <c r="AD12898">
        <v>46</v>
      </c>
      <c r="AE12898">
        <v>47</v>
      </c>
      <c r="AF12898">
        <v>48</v>
      </c>
      <c r="AG12898">
        <v>48</v>
      </c>
      <c r="AH12898">
        <v>49</v>
      </c>
      <c r="AI12898">
        <v>50</v>
      </c>
      <c r="AJ12898">
        <v>51</v>
      </c>
      <c r="AK12898">
        <v>51</v>
      </c>
      <c r="AL12898">
        <v>52</v>
      </c>
      <c r="AM12898">
        <v>52</v>
      </c>
      <c r="AN12898">
        <v>52</v>
      </c>
      <c r="AO12898">
        <v>52</v>
      </c>
      <c r="AP12898">
        <v>53</v>
      </c>
      <c r="AQ12898">
        <v>53</v>
      </c>
    </row>
    <row r="12899" spans="1:43">
      <c r="A12899" t="s">
        <v>8010</v>
      </c>
      <c r="B12899" t="s">
        <v>8011</v>
      </c>
      <c r="C12899" t="s">
        <v>8004</v>
      </c>
      <c r="D12899" t="s">
        <v>8005</v>
      </c>
      <c r="E12899" t="s">
        <v>7646</v>
      </c>
      <c r="F12899" t="s">
        <v>7647</v>
      </c>
      <c r="G12899" t="s">
        <v>80</v>
      </c>
      <c r="H12899" t="s">
        <v>81</v>
      </c>
      <c r="I12899" s="2">
        <v>0</v>
      </c>
      <c r="J12899" s="2">
        <v>1</v>
      </c>
      <c r="K12899" s="2">
        <v>0</v>
      </c>
      <c r="L12899" t="s">
        <v>82</v>
      </c>
      <c r="M12899" t="s">
        <v>87</v>
      </c>
      <c r="N12899" t="s">
        <v>88</v>
      </c>
      <c r="O12899" t="s">
        <v>85</v>
      </c>
      <c r="P12899" t="s">
        <v>86</v>
      </c>
      <c r="Q12899">
        <v>37</v>
      </c>
      <c r="R12899">
        <v>37</v>
      </c>
      <c r="S12899">
        <v>38</v>
      </c>
      <c r="T12899">
        <v>38</v>
      </c>
      <c r="U12899">
        <v>38</v>
      </c>
      <c r="V12899">
        <v>39</v>
      </c>
      <c r="W12899">
        <v>39</v>
      </c>
      <c r="X12899">
        <v>39</v>
      </c>
      <c r="Y12899">
        <v>40</v>
      </c>
      <c r="Z12899">
        <v>40</v>
      </c>
      <c r="AA12899">
        <v>40</v>
      </c>
      <c r="AB12899">
        <v>41</v>
      </c>
      <c r="AC12899">
        <v>41</v>
      </c>
      <c r="AD12899">
        <v>41</v>
      </c>
      <c r="AE12899">
        <v>42</v>
      </c>
      <c r="AF12899">
        <v>42</v>
      </c>
      <c r="AG12899">
        <v>42</v>
      </c>
      <c r="AH12899">
        <v>43</v>
      </c>
      <c r="AI12899">
        <v>43</v>
      </c>
      <c r="AJ12899">
        <v>43</v>
      </c>
      <c r="AK12899">
        <v>44</v>
      </c>
      <c r="AL12899">
        <v>44</v>
      </c>
      <c r="AM12899">
        <v>44</v>
      </c>
      <c r="AN12899">
        <v>45</v>
      </c>
      <c r="AO12899">
        <v>45</v>
      </c>
      <c r="AP12899">
        <v>46</v>
      </c>
      <c r="AQ12899">
        <v>46</v>
      </c>
    </row>
    <row r="12900" spans="1:43">
      <c r="A12900" t="s">
        <v>8010</v>
      </c>
      <c r="B12900" t="s">
        <v>8011</v>
      </c>
      <c r="C12900" t="s">
        <v>8004</v>
      </c>
      <c r="D12900" t="s">
        <v>8005</v>
      </c>
      <c r="E12900" t="s">
        <v>7646</v>
      </c>
      <c r="F12900" t="s">
        <v>7647</v>
      </c>
      <c r="G12900" t="s">
        <v>80</v>
      </c>
      <c r="H12900" t="s">
        <v>81</v>
      </c>
      <c r="I12900" s="2">
        <v>0</v>
      </c>
      <c r="J12900" s="2">
        <v>1</v>
      </c>
      <c r="K12900" s="2">
        <v>0</v>
      </c>
      <c r="L12900" t="s">
        <v>82</v>
      </c>
      <c r="M12900" t="s">
        <v>89</v>
      </c>
      <c r="N12900" t="s">
        <v>90</v>
      </c>
      <c r="O12900" t="s">
        <v>85</v>
      </c>
      <c r="P12900" t="s">
        <v>86</v>
      </c>
      <c r="Q12900">
        <v>37</v>
      </c>
      <c r="R12900">
        <v>38</v>
      </c>
      <c r="S12900">
        <v>39</v>
      </c>
      <c r="T12900">
        <v>40</v>
      </c>
      <c r="U12900">
        <v>41</v>
      </c>
      <c r="V12900">
        <v>42</v>
      </c>
      <c r="W12900">
        <v>43</v>
      </c>
      <c r="X12900">
        <v>43</v>
      </c>
      <c r="Y12900">
        <v>44</v>
      </c>
      <c r="Z12900">
        <v>45</v>
      </c>
      <c r="AA12900">
        <v>46</v>
      </c>
      <c r="AB12900">
        <v>47</v>
      </c>
      <c r="AC12900">
        <v>48</v>
      </c>
      <c r="AD12900">
        <v>49</v>
      </c>
      <c r="AE12900">
        <v>49</v>
      </c>
      <c r="AF12900">
        <v>50</v>
      </c>
      <c r="AG12900">
        <v>50</v>
      </c>
      <c r="AH12900">
        <v>50</v>
      </c>
      <c r="AI12900">
        <v>50</v>
      </c>
      <c r="AJ12900">
        <v>51</v>
      </c>
      <c r="AK12900">
        <v>51</v>
      </c>
      <c r="AL12900">
        <v>51</v>
      </c>
      <c r="AM12900">
        <v>51</v>
      </c>
      <c r="AN12900">
        <v>52</v>
      </c>
      <c r="AO12900">
        <v>52</v>
      </c>
      <c r="AP12900">
        <v>52</v>
      </c>
      <c r="AQ12900">
        <v>52</v>
      </c>
    </row>
    <row r="12901" spans="1:43">
      <c r="A12901" t="s">
        <v>8010</v>
      </c>
      <c r="B12901" t="s">
        <v>8011</v>
      </c>
      <c r="C12901" t="s">
        <v>8004</v>
      </c>
      <c r="D12901" t="s">
        <v>8005</v>
      </c>
      <c r="E12901" t="s">
        <v>7646</v>
      </c>
      <c r="F12901" t="s">
        <v>7647</v>
      </c>
      <c r="G12901" t="s">
        <v>80</v>
      </c>
      <c r="H12901" t="s">
        <v>81</v>
      </c>
      <c r="I12901" s="2">
        <v>0</v>
      </c>
      <c r="J12901" s="2">
        <v>1</v>
      </c>
      <c r="K12901" s="2">
        <v>0</v>
      </c>
      <c r="L12901" t="s">
        <v>82</v>
      </c>
      <c r="M12901" t="s">
        <v>83</v>
      </c>
      <c r="N12901" t="s">
        <v>91</v>
      </c>
      <c r="O12901" t="s">
        <v>85</v>
      </c>
      <c r="P12901" t="s">
        <v>86</v>
      </c>
      <c r="Q12901">
        <v>37</v>
      </c>
      <c r="R12901">
        <v>38</v>
      </c>
      <c r="S12901">
        <v>39</v>
      </c>
      <c r="T12901">
        <v>39</v>
      </c>
      <c r="U12901">
        <v>40</v>
      </c>
      <c r="V12901">
        <v>41</v>
      </c>
      <c r="W12901">
        <v>41</v>
      </c>
      <c r="X12901">
        <v>42</v>
      </c>
      <c r="Y12901">
        <v>43</v>
      </c>
      <c r="Z12901">
        <v>44</v>
      </c>
      <c r="AA12901">
        <v>44</v>
      </c>
      <c r="AB12901">
        <v>45</v>
      </c>
      <c r="AC12901">
        <v>46</v>
      </c>
      <c r="AD12901">
        <v>46</v>
      </c>
      <c r="AE12901">
        <v>47</v>
      </c>
      <c r="AF12901">
        <v>48</v>
      </c>
      <c r="AG12901">
        <v>48</v>
      </c>
      <c r="AH12901">
        <v>49</v>
      </c>
      <c r="AI12901">
        <v>50</v>
      </c>
      <c r="AJ12901">
        <v>51</v>
      </c>
      <c r="AK12901">
        <v>51</v>
      </c>
      <c r="AL12901">
        <v>52</v>
      </c>
      <c r="AM12901">
        <v>52</v>
      </c>
      <c r="AN12901">
        <v>52</v>
      </c>
      <c r="AO12901">
        <v>52</v>
      </c>
      <c r="AP12901">
        <v>53</v>
      </c>
      <c r="AQ12901">
        <v>53</v>
      </c>
    </row>
    <row r="12902" spans="1:43">
      <c r="A12902" t="s">
        <v>8012</v>
      </c>
      <c r="B12902" t="s">
        <v>8013</v>
      </c>
      <c r="C12902" t="s">
        <v>8000</v>
      </c>
      <c r="D12902" t="s">
        <v>8001</v>
      </c>
      <c r="E12902" t="s">
        <v>7646</v>
      </c>
      <c r="F12902" t="s">
        <v>7647</v>
      </c>
      <c r="G12902" t="s">
        <v>80</v>
      </c>
      <c r="H12902" t="s">
        <v>81</v>
      </c>
      <c r="I12902" s="2">
        <v>0</v>
      </c>
      <c r="J12902" s="2">
        <v>1</v>
      </c>
      <c r="K12902" s="2">
        <v>0</v>
      </c>
      <c r="L12902" t="s">
        <v>82</v>
      </c>
      <c r="M12902" t="s">
        <v>83</v>
      </c>
      <c r="N12902" t="s">
        <v>84</v>
      </c>
      <c r="O12902" t="s">
        <v>85</v>
      </c>
      <c r="P12902" t="s">
        <v>86</v>
      </c>
      <c r="Q12902">
        <v>19</v>
      </c>
      <c r="R12902">
        <v>19</v>
      </c>
      <c r="S12902">
        <v>19</v>
      </c>
      <c r="T12902">
        <v>20</v>
      </c>
      <c r="U12902">
        <v>20</v>
      </c>
      <c r="V12902">
        <v>20</v>
      </c>
      <c r="W12902">
        <v>21</v>
      </c>
      <c r="X12902">
        <v>21</v>
      </c>
      <c r="Y12902">
        <v>22</v>
      </c>
      <c r="Z12902">
        <v>22</v>
      </c>
      <c r="AA12902">
        <v>22</v>
      </c>
      <c r="AB12902">
        <v>23</v>
      </c>
      <c r="AC12902">
        <v>23</v>
      </c>
      <c r="AD12902">
        <v>23</v>
      </c>
      <c r="AE12902">
        <v>24</v>
      </c>
      <c r="AF12902">
        <v>24</v>
      </c>
      <c r="AG12902">
        <v>24</v>
      </c>
      <c r="AH12902">
        <v>25</v>
      </c>
      <c r="AI12902">
        <v>25</v>
      </c>
      <c r="AJ12902">
        <v>25</v>
      </c>
      <c r="AK12902">
        <v>26</v>
      </c>
      <c r="AL12902">
        <v>26</v>
      </c>
      <c r="AM12902">
        <v>26</v>
      </c>
      <c r="AN12902">
        <v>26</v>
      </c>
      <c r="AO12902">
        <v>26</v>
      </c>
      <c r="AP12902">
        <v>26</v>
      </c>
      <c r="AQ12902">
        <v>27</v>
      </c>
    </row>
    <row r="12903" spans="1:43">
      <c r="A12903" t="s">
        <v>8012</v>
      </c>
      <c r="B12903" t="s">
        <v>8013</v>
      </c>
      <c r="C12903" t="s">
        <v>8000</v>
      </c>
      <c r="D12903" t="s">
        <v>8001</v>
      </c>
      <c r="E12903" t="s">
        <v>7646</v>
      </c>
      <c r="F12903" t="s">
        <v>7647</v>
      </c>
      <c r="G12903" t="s">
        <v>80</v>
      </c>
      <c r="H12903" t="s">
        <v>81</v>
      </c>
      <c r="I12903" s="2">
        <v>0</v>
      </c>
      <c r="J12903" s="2">
        <v>1</v>
      </c>
      <c r="K12903" s="2">
        <v>0</v>
      </c>
      <c r="L12903" t="s">
        <v>82</v>
      </c>
      <c r="M12903" t="s">
        <v>87</v>
      </c>
      <c r="N12903" t="s">
        <v>88</v>
      </c>
      <c r="O12903" t="s">
        <v>85</v>
      </c>
      <c r="P12903" t="s">
        <v>86</v>
      </c>
      <c r="Q12903">
        <v>19</v>
      </c>
      <c r="R12903">
        <v>20</v>
      </c>
      <c r="S12903">
        <v>20</v>
      </c>
      <c r="T12903">
        <v>20</v>
      </c>
      <c r="U12903">
        <v>20</v>
      </c>
      <c r="V12903">
        <v>20</v>
      </c>
      <c r="W12903">
        <v>21</v>
      </c>
      <c r="X12903">
        <v>21</v>
      </c>
      <c r="Y12903">
        <v>21</v>
      </c>
      <c r="Z12903">
        <v>21</v>
      </c>
      <c r="AA12903">
        <v>21</v>
      </c>
      <c r="AB12903">
        <v>21</v>
      </c>
      <c r="AC12903">
        <v>22</v>
      </c>
      <c r="AD12903">
        <v>22</v>
      </c>
      <c r="AE12903">
        <v>22</v>
      </c>
      <c r="AF12903">
        <v>22</v>
      </c>
      <c r="AG12903">
        <v>22</v>
      </c>
      <c r="AH12903">
        <v>23</v>
      </c>
      <c r="AI12903">
        <v>23</v>
      </c>
      <c r="AJ12903">
        <v>23</v>
      </c>
      <c r="AK12903">
        <v>23</v>
      </c>
      <c r="AL12903">
        <v>23</v>
      </c>
      <c r="AM12903">
        <v>23</v>
      </c>
      <c r="AN12903">
        <v>24</v>
      </c>
      <c r="AO12903">
        <v>24</v>
      </c>
      <c r="AP12903">
        <v>24</v>
      </c>
      <c r="AQ12903">
        <v>24</v>
      </c>
    </row>
    <row r="12904" spans="1:43">
      <c r="A12904" t="s">
        <v>8012</v>
      </c>
      <c r="B12904" t="s">
        <v>8013</v>
      </c>
      <c r="C12904" t="s">
        <v>8000</v>
      </c>
      <c r="D12904" t="s">
        <v>8001</v>
      </c>
      <c r="E12904" t="s">
        <v>7646</v>
      </c>
      <c r="F12904" t="s">
        <v>7647</v>
      </c>
      <c r="G12904" t="s">
        <v>80</v>
      </c>
      <c r="H12904" t="s">
        <v>81</v>
      </c>
      <c r="I12904" s="2">
        <v>0</v>
      </c>
      <c r="J12904" s="2">
        <v>1</v>
      </c>
      <c r="K12904" s="2">
        <v>0</v>
      </c>
      <c r="L12904" t="s">
        <v>82</v>
      </c>
      <c r="M12904" t="s">
        <v>89</v>
      </c>
      <c r="N12904" t="s">
        <v>90</v>
      </c>
      <c r="O12904" t="s">
        <v>85</v>
      </c>
      <c r="P12904" t="s">
        <v>86</v>
      </c>
      <c r="Q12904">
        <v>19</v>
      </c>
      <c r="R12904">
        <v>19</v>
      </c>
      <c r="S12904">
        <v>20</v>
      </c>
      <c r="T12904">
        <v>20</v>
      </c>
      <c r="U12904">
        <v>21</v>
      </c>
      <c r="V12904">
        <v>21</v>
      </c>
      <c r="W12904">
        <v>22</v>
      </c>
      <c r="X12904">
        <v>22</v>
      </c>
      <c r="Y12904">
        <v>23</v>
      </c>
      <c r="Z12904">
        <v>23</v>
      </c>
      <c r="AA12904">
        <v>24</v>
      </c>
      <c r="AB12904">
        <v>24</v>
      </c>
      <c r="AC12904">
        <v>25</v>
      </c>
      <c r="AD12904">
        <v>25</v>
      </c>
      <c r="AE12904">
        <v>25</v>
      </c>
      <c r="AF12904">
        <v>25</v>
      </c>
      <c r="AG12904">
        <v>26</v>
      </c>
      <c r="AH12904">
        <v>26</v>
      </c>
      <c r="AI12904">
        <v>26</v>
      </c>
      <c r="AJ12904">
        <v>26</v>
      </c>
      <c r="AK12904">
        <v>26</v>
      </c>
      <c r="AL12904">
        <v>26</v>
      </c>
      <c r="AM12904">
        <v>26</v>
      </c>
      <c r="AN12904">
        <v>26</v>
      </c>
      <c r="AO12904">
        <v>27</v>
      </c>
      <c r="AP12904">
        <v>27</v>
      </c>
      <c r="AQ12904">
        <v>27</v>
      </c>
    </row>
    <row r="12905" spans="1:43">
      <c r="A12905" t="s">
        <v>8012</v>
      </c>
      <c r="B12905" t="s">
        <v>8013</v>
      </c>
      <c r="C12905" t="s">
        <v>8000</v>
      </c>
      <c r="D12905" t="s">
        <v>8001</v>
      </c>
      <c r="E12905" t="s">
        <v>7646</v>
      </c>
      <c r="F12905" t="s">
        <v>7647</v>
      </c>
      <c r="G12905" t="s">
        <v>80</v>
      </c>
      <c r="H12905" t="s">
        <v>81</v>
      </c>
      <c r="I12905" s="2">
        <v>0</v>
      </c>
      <c r="J12905" s="2">
        <v>1</v>
      </c>
      <c r="K12905" s="2">
        <v>0</v>
      </c>
      <c r="L12905" t="s">
        <v>82</v>
      </c>
      <c r="M12905" t="s">
        <v>83</v>
      </c>
      <c r="N12905" t="s">
        <v>91</v>
      </c>
      <c r="O12905" t="s">
        <v>85</v>
      </c>
      <c r="P12905" t="s">
        <v>86</v>
      </c>
      <c r="Q12905">
        <v>19</v>
      </c>
      <c r="R12905">
        <v>19</v>
      </c>
      <c r="S12905">
        <v>19</v>
      </c>
      <c r="T12905">
        <v>20</v>
      </c>
      <c r="U12905">
        <v>20</v>
      </c>
      <c r="V12905">
        <v>20</v>
      </c>
      <c r="W12905">
        <v>21</v>
      </c>
      <c r="X12905">
        <v>21</v>
      </c>
      <c r="Y12905">
        <v>22</v>
      </c>
      <c r="Z12905">
        <v>22</v>
      </c>
      <c r="AA12905">
        <v>22</v>
      </c>
      <c r="AB12905">
        <v>23</v>
      </c>
      <c r="AC12905">
        <v>23</v>
      </c>
      <c r="AD12905">
        <v>23</v>
      </c>
      <c r="AE12905">
        <v>24</v>
      </c>
      <c r="AF12905">
        <v>24</v>
      </c>
      <c r="AG12905">
        <v>24</v>
      </c>
      <c r="AH12905">
        <v>25</v>
      </c>
      <c r="AI12905">
        <v>25</v>
      </c>
      <c r="AJ12905">
        <v>25</v>
      </c>
      <c r="AK12905">
        <v>26</v>
      </c>
      <c r="AL12905">
        <v>26</v>
      </c>
      <c r="AM12905">
        <v>26</v>
      </c>
      <c r="AN12905">
        <v>26</v>
      </c>
      <c r="AO12905">
        <v>26</v>
      </c>
      <c r="AP12905">
        <v>26</v>
      </c>
      <c r="AQ12905">
        <v>27</v>
      </c>
    </row>
    <row r="12906" spans="1:43">
      <c r="A12906" t="s">
        <v>8014</v>
      </c>
      <c r="B12906" t="s">
        <v>8015</v>
      </c>
      <c r="C12906" t="s">
        <v>8000</v>
      </c>
      <c r="D12906" t="s">
        <v>8001</v>
      </c>
      <c r="E12906" t="s">
        <v>7646</v>
      </c>
      <c r="F12906" t="s">
        <v>7647</v>
      </c>
      <c r="G12906" t="s">
        <v>80</v>
      </c>
      <c r="H12906" t="s">
        <v>81</v>
      </c>
      <c r="I12906" s="2">
        <v>0</v>
      </c>
      <c r="J12906" s="2">
        <v>1</v>
      </c>
      <c r="K12906" s="2">
        <v>0</v>
      </c>
      <c r="L12906" t="s">
        <v>82</v>
      </c>
      <c r="M12906" t="s">
        <v>83</v>
      </c>
      <c r="N12906" t="s">
        <v>84</v>
      </c>
      <c r="O12906" t="s">
        <v>85</v>
      </c>
      <c r="P12906" t="s">
        <v>86</v>
      </c>
      <c r="Q12906">
        <v>26</v>
      </c>
      <c r="R12906">
        <v>26</v>
      </c>
      <c r="S12906">
        <v>27</v>
      </c>
      <c r="T12906">
        <v>27</v>
      </c>
      <c r="U12906">
        <v>28</v>
      </c>
      <c r="V12906">
        <v>28</v>
      </c>
      <c r="W12906">
        <v>29</v>
      </c>
      <c r="X12906">
        <v>29</v>
      </c>
      <c r="Y12906">
        <v>30</v>
      </c>
      <c r="Z12906">
        <v>30</v>
      </c>
      <c r="AA12906">
        <v>31</v>
      </c>
      <c r="AB12906">
        <v>31</v>
      </c>
      <c r="AC12906">
        <v>32</v>
      </c>
      <c r="AD12906">
        <v>32</v>
      </c>
      <c r="AE12906">
        <v>33</v>
      </c>
      <c r="AF12906">
        <v>33</v>
      </c>
      <c r="AG12906">
        <v>34</v>
      </c>
      <c r="AH12906">
        <v>34</v>
      </c>
      <c r="AI12906">
        <v>35</v>
      </c>
      <c r="AJ12906">
        <v>35</v>
      </c>
      <c r="AK12906">
        <v>36</v>
      </c>
      <c r="AL12906">
        <v>36</v>
      </c>
      <c r="AM12906">
        <v>36</v>
      </c>
      <c r="AN12906">
        <v>36</v>
      </c>
      <c r="AO12906">
        <v>37</v>
      </c>
      <c r="AP12906">
        <v>37</v>
      </c>
      <c r="AQ12906">
        <v>37</v>
      </c>
    </row>
    <row r="12907" spans="1:43">
      <c r="A12907" t="s">
        <v>8014</v>
      </c>
      <c r="B12907" t="s">
        <v>8015</v>
      </c>
      <c r="C12907" t="s">
        <v>8000</v>
      </c>
      <c r="D12907" t="s">
        <v>8001</v>
      </c>
      <c r="E12907" t="s">
        <v>7646</v>
      </c>
      <c r="F12907" t="s">
        <v>7647</v>
      </c>
      <c r="G12907" t="s">
        <v>80</v>
      </c>
      <c r="H12907" t="s">
        <v>81</v>
      </c>
      <c r="I12907" s="2">
        <v>0</v>
      </c>
      <c r="J12907" s="2">
        <v>1</v>
      </c>
      <c r="K12907" s="2">
        <v>0</v>
      </c>
      <c r="L12907" t="s">
        <v>82</v>
      </c>
      <c r="M12907" t="s">
        <v>87</v>
      </c>
      <c r="N12907" t="s">
        <v>88</v>
      </c>
      <c r="O12907" t="s">
        <v>85</v>
      </c>
      <c r="P12907" t="s">
        <v>86</v>
      </c>
      <c r="Q12907">
        <v>26</v>
      </c>
      <c r="R12907">
        <v>26</v>
      </c>
      <c r="S12907">
        <v>26</v>
      </c>
      <c r="T12907">
        <v>26</v>
      </c>
      <c r="U12907">
        <v>27</v>
      </c>
      <c r="V12907">
        <v>27</v>
      </c>
      <c r="W12907">
        <v>27</v>
      </c>
      <c r="X12907">
        <v>27</v>
      </c>
      <c r="Y12907">
        <v>28</v>
      </c>
      <c r="Z12907">
        <v>28</v>
      </c>
      <c r="AA12907">
        <v>28</v>
      </c>
      <c r="AB12907">
        <v>28</v>
      </c>
      <c r="AC12907">
        <v>29</v>
      </c>
      <c r="AD12907">
        <v>29</v>
      </c>
      <c r="AE12907">
        <v>29</v>
      </c>
      <c r="AF12907">
        <v>29</v>
      </c>
      <c r="AG12907">
        <v>30</v>
      </c>
      <c r="AH12907">
        <v>30</v>
      </c>
      <c r="AI12907">
        <v>30</v>
      </c>
      <c r="AJ12907">
        <v>30</v>
      </c>
      <c r="AK12907">
        <v>31</v>
      </c>
      <c r="AL12907">
        <v>31</v>
      </c>
      <c r="AM12907">
        <v>31</v>
      </c>
      <c r="AN12907">
        <v>31</v>
      </c>
      <c r="AO12907">
        <v>32</v>
      </c>
      <c r="AP12907">
        <v>32</v>
      </c>
      <c r="AQ12907">
        <v>32</v>
      </c>
    </row>
    <row r="12908" spans="1:43">
      <c r="A12908" t="s">
        <v>8014</v>
      </c>
      <c r="B12908" t="s">
        <v>8015</v>
      </c>
      <c r="C12908" t="s">
        <v>8000</v>
      </c>
      <c r="D12908" t="s">
        <v>8001</v>
      </c>
      <c r="E12908" t="s">
        <v>7646</v>
      </c>
      <c r="F12908" t="s">
        <v>7647</v>
      </c>
      <c r="G12908" t="s">
        <v>80</v>
      </c>
      <c r="H12908" t="s">
        <v>81</v>
      </c>
      <c r="I12908" s="2">
        <v>0</v>
      </c>
      <c r="J12908" s="2">
        <v>1</v>
      </c>
      <c r="K12908" s="2">
        <v>0</v>
      </c>
      <c r="L12908" t="s">
        <v>82</v>
      </c>
      <c r="M12908" t="s">
        <v>89</v>
      </c>
      <c r="N12908" t="s">
        <v>90</v>
      </c>
      <c r="O12908" t="s">
        <v>85</v>
      </c>
      <c r="P12908" t="s">
        <v>86</v>
      </c>
      <c r="Q12908">
        <v>26</v>
      </c>
      <c r="R12908">
        <v>27</v>
      </c>
      <c r="S12908">
        <v>28</v>
      </c>
      <c r="T12908">
        <v>28</v>
      </c>
      <c r="U12908">
        <v>29</v>
      </c>
      <c r="V12908">
        <v>30</v>
      </c>
      <c r="W12908">
        <v>30</v>
      </c>
      <c r="X12908">
        <v>31</v>
      </c>
      <c r="Y12908">
        <v>32</v>
      </c>
      <c r="Z12908">
        <v>32</v>
      </c>
      <c r="AA12908">
        <v>33</v>
      </c>
      <c r="AB12908">
        <v>33</v>
      </c>
      <c r="AC12908">
        <v>34</v>
      </c>
      <c r="AD12908">
        <v>35</v>
      </c>
      <c r="AE12908">
        <v>35</v>
      </c>
      <c r="AF12908">
        <v>35</v>
      </c>
      <c r="AG12908">
        <v>35</v>
      </c>
      <c r="AH12908">
        <v>36</v>
      </c>
      <c r="AI12908">
        <v>36</v>
      </c>
      <c r="AJ12908">
        <v>36</v>
      </c>
      <c r="AK12908">
        <v>36</v>
      </c>
      <c r="AL12908">
        <v>36</v>
      </c>
      <c r="AM12908">
        <v>36</v>
      </c>
      <c r="AN12908">
        <v>37</v>
      </c>
      <c r="AO12908">
        <v>37</v>
      </c>
      <c r="AP12908">
        <v>37</v>
      </c>
      <c r="AQ12908">
        <v>37</v>
      </c>
    </row>
    <row r="12909" spans="1:43">
      <c r="A12909" t="s">
        <v>8014</v>
      </c>
      <c r="B12909" t="s">
        <v>8015</v>
      </c>
      <c r="C12909" t="s">
        <v>8000</v>
      </c>
      <c r="D12909" t="s">
        <v>8001</v>
      </c>
      <c r="E12909" t="s">
        <v>7646</v>
      </c>
      <c r="F12909" t="s">
        <v>7647</v>
      </c>
      <c r="G12909" t="s">
        <v>80</v>
      </c>
      <c r="H12909" t="s">
        <v>81</v>
      </c>
      <c r="I12909" s="2">
        <v>0</v>
      </c>
      <c r="J12909" s="2">
        <v>1</v>
      </c>
      <c r="K12909" s="2">
        <v>0</v>
      </c>
      <c r="L12909" t="s">
        <v>82</v>
      </c>
      <c r="M12909" t="s">
        <v>83</v>
      </c>
      <c r="N12909" t="s">
        <v>91</v>
      </c>
      <c r="O12909" t="s">
        <v>85</v>
      </c>
      <c r="P12909" t="s">
        <v>86</v>
      </c>
      <c r="Q12909">
        <v>26</v>
      </c>
      <c r="R12909">
        <v>26</v>
      </c>
      <c r="S12909">
        <v>27</v>
      </c>
      <c r="T12909">
        <v>27</v>
      </c>
      <c r="U12909">
        <v>28</v>
      </c>
      <c r="V12909">
        <v>28</v>
      </c>
      <c r="W12909">
        <v>29</v>
      </c>
      <c r="X12909">
        <v>29</v>
      </c>
      <c r="Y12909">
        <v>30</v>
      </c>
      <c r="Z12909">
        <v>30</v>
      </c>
      <c r="AA12909">
        <v>31</v>
      </c>
      <c r="AB12909">
        <v>31</v>
      </c>
      <c r="AC12909">
        <v>32</v>
      </c>
      <c r="AD12909">
        <v>32</v>
      </c>
      <c r="AE12909">
        <v>33</v>
      </c>
      <c r="AF12909">
        <v>33</v>
      </c>
      <c r="AG12909">
        <v>34</v>
      </c>
      <c r="AH12909">
        <v>34</v>
      </c>
      <c r="AI12909">
        <v>35</v>
      </c>
      <c r="AJ12909">
        <v>35</v>
      </c>
      <c r="AK12909">
        <v>36</v>
      </c>
      <c r="AL12909">
        <v>36</v>
      </c>
      <c r="AM12909">
        <v>36</v>
      </c>
      <c r="AN12909">
        <v>36</v>
      </c>
      <c r="AO12909">
        <v>37</v>
      </c>
      <c r="AP12909">
        <v>37</v>
      </c>
      <c r="AQ12909">
        <v>37</v>
      </c>
    </row>
    <row r="12910" spans="1:43">
      <c r="A12910" t="s">
        <v>8016</v>
      </c>
      <c r="B12910" t="s">
        <v>8017</v>
      </c>
      <c r="C12910" t="s">
        <v>8000</v>
      </c>
      <c r="D12910" t="s">
        <v>8001</v>
      </c>
      <c r="E12910" t="s">
        <v>7646</v>
      </c>
      <c r="F12910" t="s">
        <v>7647</v>
      </c>
      <c r="G12910" t="s">
        <v>80</v>
      </c>
      <c r="H12910" t="s">
        <v>81</v>
      </c>
      <c r="I12910" s="2">
        <v>0</v>
      </c>
      <c r="J12910" s="2">
        <v>1</v>
      </c>
      <c r="K12910" s="2">
        <v>0</v>
      </c>
      <c r="L12910" t="s">
        <v>82</v>
      </c>
      <c r="M12910" t="s">
        <v>83</v>
      </c>
      <c r="N12910" t="s">
        <v>84</v>
      </c>
      <c r="O12910" t="s">
        <v>85</v>
      </c>
      <c r="P12910" t="s">
        <v>86</v>
      </c>
      <c r="Q12910">
        <v>19</v>
      </c>
      <c r="R12910">
        <v>19</v>
      </c>
      <c r="S12910">
        <v>19</v>
      </c>
      <c r="T12910">
        <v>20</v>
      </c>
      <c r="U12910">
        <v>20</v>
      </c>
      <c r="V12910">
        <v>20</v>
      </c>
      <c r="W12910">
        <v>21</v>
      </c>
      <c r="X12910">
        <v>21</v>
      </c>
      <c r="Y12910">
        <v>21</v>
      </c>
      <c r="Z12910">
        <v>22</v>
      </c>
      <c r="AA12910">
        <v>22</v>
      </c>
      <c r="AB12910">
        <v>23</v>
      </c>
      <c r="AC12910">
        <v>23</v>
      </c>
      <c r="AD12910">
        <v>23</v>
      </c>
      <c r="AE12910">
        <v>24</v>
      </c>
      <c r="AF12910">
        <v>24</v>
      </c>
      <c r="AG12910">
        <v>24</v>
      </c>
      <c r="AH12910">
        <v>25</v>
      </c>
      <c r="AI12910">
        <v>25</v>
      </c>
      <c r="AJ12910">
        <v>25</v>
      </c>
      <c r="AK12910">
        <v>26</v>
      </c>
      <c r="AL12910">
        <v>26</v>
      </c>
      <c r="AM12910">
        <v>26</v>
      </c>
      <c r="AN12910">
        <v>26</v>
      </c>
      <c r="AO12910">
        <v>26</v>
      </c>
      <c r="AP12910">
        <v>26</v>
      </c>
      <c r="AQ12910">
        <v>26</v>
      </c>
    </row>
    <row r="12911" spans="1:43">
      <c r="A12911" t="s">
        <v>8016</v>
      </c>
      <c r="B12911" t="s">
        <v>8017</v>
      </c>
      <c r="C12911" t="s">
        <v>8000</v>
      </c>
      <c r="D12911" t="s">
        <v>8001</v>
      </c>
      <c r="E12911" t="s">
        <v>7646</v>
      </c>
      <c r="F12911" t="s">
        <v>7647</v>
      </c>
      <c r="G12911" t="s">
        <v>80</v>
      </c>
      <c r="H12911" t="s">
        <v>81</v>
      </c>
      <c r="I12911" s="2">
        <v>0</v>
      </c>
      <c r="J12911" s="2">
        <v>1</v>
      </c>
      <c r="K12911" s="2">
        <v>0</v>
      </c>
      <c r="L12911" t="s">
        <v>82</v>
      </c>
      <c r="M12911" t="s">
        <v>87</v>
      </c>
      <c r="N12911" t="s">
        <v>88</v>
      </c>
      <c r="O12911" t="s">
        <v>85</v>
      </c>
      <c r="P12911" t="s">
        <v>86</v>
      </c>
      <c r="Q12911">
        <v>19</v>
      </c>
      <c r="R12911">
        <v>20</v>
      </c>
      <c r="S12911">
        <v>20</v>
      </c>
      <c r="T12911">
        <v>20</v>
      </c>
      <c r="U12911">
        <v>20</v>
      </c>
      <c r="V12911">
        <v>20</v>
      </c>
      <c r="W12911">
        <v>20</v>
      </c>
      <c r="X12911">
        <v>21</v>
      </c>
      <c r="Y12911">
        <v>21</v>
      </c>
      <c r="Z12911">
        <v>21</v>
      </c>
      <c r="AA12911">
        <v>21</v>
      </c>
      <c r="AB12911">
        <v>21</v>
      </c>
      <c r="AC12911">
        <v>22</v>
      </c>
      <c r="AD12911">
        <v>22</v>
      </c>
      <c r="AE12911">
        <v>22</v>
      </c>
      <c r="AF12911">
        <v>22</v>
      </c>
      <c r="AG12911">
        <v>22</v>
      </c>
      <c r="AH12911">
        <v>22</v>
      </c>
      <c r="AI12911">
        <v>23</v>
      </c>
      <c r="AJ12911">
        <v>23</v>
      </c>
      <c r="AK12911">
        <v>23</v>
      </c>
      <c r="AL12911">
        <v>23</v>
      </c>
      <c r="AM12911">
        <v>23</v>
      </c>
      <c r="AN12911">
        <v>24</v>
      </c>
      <c r="AO12911">
        <v>24</v>
      </c>
      <c r="AP12911">
        <v>24</v>
      </c>
      <c r="AQ12911">
        <v>24</v>
      </c>
    </row>
    <row r="12912" spans="1:43">
      <c r="A12912" t="s">
        <v>8016</v>
      </c>
      <c r="B12912" t="s">
        <v>8017</v>
      </c>
      <c r="C12912" t="s">
        <v>8000</v>
      </c>
      <c r="D12912" t="s">
        <v>8001</v>
      </c>
      <c r="E12912" t="s">
        <v>7646</v>
      </c>
      <c r="F12912" t="s">
        <v>7647</v>
      </c>
      <c r="G12912" t="s">
        <v>80</v>
      </c>
      <c r="H12912" t="s">
        <v>81</v>
      </c>
      <c r="I12912" s="2">
        <v>0</v>
      </c>
      <c r="J12912" s="2">
        <v>1</v>
      </c>
      <c r="K12912" s="2">
        <v>0</v>
      </c>
      <c r="L12912" t="s">
        <v>82</v>
      </c>
      <c r="M12912" t="s">
        <v>89</v>
      </c>
      <c r="N12912" t="s">
        <v>90</v>
      </c>
      <c r="O12912" t="s">
        <v>85</v>
      </c>
      <c r="P12912" t="s">
        <v>86</v>
      </c>
      <c r="Q12912">
        <v>19</v>
      </c>
      <c r="R12912">
        <v>19</v>
      </c>
      <c r="S12912">
        <v>20</v>
      </c>
      <c r="T12912">
        <v>20</v>
      </c>
      <c r="U12912">
        <v>21</v>
      </c>
      <c r="V12912">
        <v>21</v>
      </c>
      <c r="W12912">
        <v>22</v>
      </c>
      <c r="X12912">
        <v>22</v>
      </c>
      <c r="Y12912">
        <v>23</v>
      </c>
      <c r="Z12912">
        <v>23</v>
      </c>
      <c r="AA12912">
        <v>24</v>
      </c>
      <c r="AB12912">
        <v>24</v>
      </c>
      <c r="AC12912">
        <v>24</v>
      </c>
      <c r="AD12912">
        <v>25</v>
      </c>
      <c r="AE12912">
        <v>25</v>
      </c>
      <c r="AF12912">
        <v>25</v>
      </c>
      <c r="AG12912">
        <v>25</v>
      </c>
      <c r="AH12912">
        <v>26</v>
      </c>
      <c r="AI12912">
        <v>26</v>
      </c>
      <c r="AJ12912">
        <v>26</v>
      </c>
      <c r="AK12912">
        <v>26</v>
      </c>
      <c r="AL12912">
        <v>26</v>
      </c>
      <c r="AM12912">
        <v>26</v>
      </c>
      <c r="AN12912">
        <v>26</v>
      </c>
      <c r="AO12912">
        <v>26</v>
      </c>
      <c r="AP12912">
        <v>26</v>
      </c>
      <c r="AQ12912">
        <v>27</v>
      </c>
    </row>
    <row r="12913" spans="1:43">
      <c r="A12913" t="s">
        <v>8016</v>
      </c>
      <c r="B12913" t="s">
        <v>8017</v>
      </c>
      <c r="C12913" t="s">
        <v>8000</v>
      </c>
      <c r="D12913" t="s">
        <v>8001</v>
      </c>
      <c r="E12913" t="s">
        <v>7646</v>
      </c>
      <c r="F12913" t="s">
        <v>7647</v>
      </c>
      <c r="G12913" t="s">
        <v>80</v>
      </c>
      <c r="H12913" t="s">
        <v>81</v>
      </c>
      <c r="I12913" s="2">
        <v>0</v>
      </c>
      <c r="J12913" s="2">
        <v>1</v>
      </c>
      <c r="K12913" s="2">
        <v>0</v>
      </c>
      <c r="L12913" t="s">
        <v>82</v>
      </c>
      <c r="M12913" t="s">
        <v>83</v>
      </c>
      <c r="N12913" t="s">
        <v>91</v>
      </c>
      <c r="O12913" t="s">
        <v>85</v>
      </c>
      <c r="P12913" t="s">
        <v>86</v>
      </c>
      <c r="Q12913">
        <v>19</v>
      </c>
      <c r="R12913">
        <v>19</v>
      </c>
      <c r="S12913">
        <v>19</v>
      </c>
      <c r="T12913">
        <v>20</v>
      </c>
      <c r="U12913">
        <v>20</v>
      </c>
      <c r="V12913">
        <v>20</v>
      </c>
      <c r="W12913">
        <v>21</v>
      </c>
      <c r="X12913">
        <v>21</v>
      </c>
      <c r="Y12913">
        <v>21</v>
      </c>
      <c r="Z12913">
        <v>22</v>
      </c>
      <c r="AA12913">
        <v>22</v>
      </c>
      <c r="AB12913">
        <v>23</v>
      </c>
      <c r="AC12913">
        <v>23</v>
      </c>
      <c r="AD12913">
        <v>23</v>
      </c>
      <c r="AE12913">
        <v>24</v>
      </c>
      <c r="AF12913">
        <v>24</v>
      </c>
      <c r="AG12913">
        <v>24</v>
      </c>
      <c r="AH12913">
        <v>25</v>
      </c>
      <c r="AI12913">
        <v>25</v>
      </c>
      <c r="AJ12913">
        <v>25</v>
      </c>
      <c r="AK12913">
        <v>26</v>
      </c>
      <c r="AL12913">
        <v>26</v>
      </c>
      <c r="AM12913">
        <v>26</v>
      </c>
      <c r="AN12913">
        <v>26</v>
      </c>
      <c r="AO12913">
        <v>26</v>
      </c>
      <c r="AP12913">
        <v>26</v>
      </c>
      <c r="AQ12913">
        <v>26</v>
      </c>
    </row>
    <row r="12914" spans="1:43">
      <c r="A12914" t="s">
        <v>8018</v>
      </c>
      <c r="B12914" t="s">
        <v>8019</v>
      </c>
      <c r="C12914" t="s">
        <v>8020</v>
      </c>
      <c r="D12914" t="s">
        <v>8021</v>
      </c>
      <c r="E12914" t="s">
        <v>8022</v>
      </c>
      <c r="F12914" t="s">
        <v>8023</v>
      </c>
      <c r="G12914" t="s">
        <v>80</v>
      </c>
      <c r="H12914" t="s">
        <v>81</v>
      </c>
      <c r="I12914" s="2">
        <v>0</v>
      </c>
      <c r="J12914" s="2">
        <v>1</v>
      </c>
      <c r="K12914" s="2">
        <v>0</v>
      </c>
      <c r="L12914" t="s">
        <v>82</v>
      </c>
      <c r="M12914" t="s">
        <v>83</v>
      </c>
      <c r="N12914" t="s">
        <v>84</v>
      </c>
      <c r="O12914" t="s">
        <v>85</v>
      </c>
      <c r="P12914" t="s">
        <v>86</v>
      </c>
      <c r="Q12914">
        <v>26</v>
      </c>
      <c r="R12914">
        <v>26</v>
      </c>
      <c r="S12914">
        <v>27</v>
      </c>
      <c r="T12914">
        <v>27</v>
      </c>
      <c r="U12914">
        <v>27</v>
      </c>
      <c r="V12914">
        <v>28</v>
      </c>
      <c r="W12914">
        <v>28</v>
      </c>
      <c r="X12914">
        <v>28</v>
      </c>
      <c r="Y12914">
        <v>29</v>
      </c>
      <c r="Z12914">
        <v>29</v>
      </c>
      <c r="AA12914">
        <v>30</v>
      </c>
      <c r="AB12914">
        <v>30</v>
      </c>
      <c r="AC12914">
        <v>30</v>
      </c>
      <c r="AD12914">
        <v>31</v>
      </c>
      <c r="AE12914">
        <v>31</v>
      </c>
      <c r="AF12914">
        <v>31</v>
      </c>
      <c r="AG12914">
        <v>31</v>
      </c>
      <c r="AH12914">
        <v>32</v>
      </c>
      <c r="AI12914">
        <v>32</v>
      </c>
      <c r="AJ12914">
        <v>32</v>
      </c>
      <c r="AK12914">
        <v>33</v>
      </c>
      <c r="AL12914">
        <v>33</v>
      </c>
      <c r="AM12914">
        <v>33</v>
      </c>
      <c r="AN12914">
        <v>33</v>
      </c>
      <c r="AO12914">
        <v>33</v>
      </c>
      <c r="AP12914">
        <v>33</v>
      </c>
      <c r="AQ12914">
        <v>33</v>
      </c>
    </row>
    <row r="12915" spans="1:43">
      <c r="A12915" t="s">
        <v>8018</v>
      </c>
      <c r="B12915" t="s">
        <v>8019</v>
      </c>
      <c r="C12915" t="s">
        <v>8020</v>
      </c>
      <c r="D12915" t="s">
        <v>8021</v>
      </c>
      <c r="E12915" t="s">
        <v>8022</v>
      </c>
      <c r="F12915" t="s">
        <v>8023</v>
      </c>
      <c r="G12915" t="s">
        <v>80</v>
      </c>
      <c r="H12915" t="s">
        <v>81</v>
      </c>
      <c r="I12915" s="2">
        <v>0</v>
      </c>
      <c r="J12915" s="2">
        <v>1</v>
      </c>
      <c r="K12915" s="2">
        <v>0</v>
      </c>
      <c r="L12915" t="s">
        <v>82</v>
      </c>
      <c r="M12915" t="s">
        <v>87</v>
      </c>
      <c r="N12915" t="s">
        <v>88</v>
      </c>
      <c r="O12915" t="s">
        <v>85</v>
      </c>
      <c r="P12915" t="s">
        <v>86</v>
      </c>
      <c r="Q12915">
        <v>26</v>
      </c>
      <c r="R12915">
        <v>26</v>
      </c>
      <c r="S12915">
        <v>26</v>
      </c>
      <c r="T12915">
        <v>26</v>
      </c>
      <c r="U12915">
        <v>26</v>
      </c>
      <c r="V12915">
        <v>26</v>
      </c>
      <c r="W12915">
        <v>26</v>
      </c>
      <c r="X12915">
        <v>26</v>
      </c>
      <c r="Y12915">
        <v>27</v>
      </c>
      <c r="Z12915">
        <v>27</v>
      </c>
      <c r="AA12915">
        <v>27</v>
      </c>
      <c r="AB12915">
        <v>27</v>
      </c>
      <c r="AC12915">
        <v>27</v>
      </c>
      <c r="AD12915">
        <v>27</v>
      </c>
      <c r="AE12915">
        <v>27</v>
      </c>
      <c r="AF12915">
        <v>27</v>
      </c>
      <c r="AG12915">
        <v>27</v>
      </c>
      <c r="AH12915">
        <v>28</v>
      </c>
      <c r="AI12915">
        <v>28</v>
      </c>
      <c r="AJ12915">
        <v>28</v>
      </c>
      <c r="AK12915">
        <v>28</v>
      </c>
      <c r="AL12915">
        <v>28</v>
      </c>
      <c r="AM12915">
        <v>28</v>
      </c>
      <c r="AN12915">
        <v>28</v>
      </c>
      <c r="AO12915">
        <v>28</v>
      </c>
      <c r="AP12915">
        <v>28</v>
      </c>
      <c r="AQ12915">
        <v>28</v>
      </c>
    </row>
    <row r="12916" spans="1:43">
      <c r="A12916" t="s">
        <v>8018</v>
      </c>
      <c r="B12916" t="s">
        <v>8019</v>
      </c>
      <c r="C12916" t="s">
        <v>8020</v>
      </c>
      <c r="D12916" t="s">
        <v>8021</v>
      </c>
      <c r="E12916" t="s">
        <v>8022</v>
      </c>
      <c r="F12916" t="s">
        <v>8023</v>
      </c>
      <c r="G12916" t="s">
        <v>80</v>
      </c>
      <c r="H12916" t="s">
        <v>81</v>
      </c>
      <c r="I12916" s="2">
        <v>0</v>
      </c>
      <c r="J12916" s="2">
        <v>1</v>
      </c>
      <c r="K12916" s="2">
        <v>0</v>
      </c>
      <c r="L12916" t="s">
        <v>82</v>
      </c>
      <c r="M12916" t="s">
        <v>89</v>
      </c>
      <c r="N12916" t="s">
        <v>90</v>
      </c>
      <c r="O12916" t="s">
        <v>85</v>
      </c>
      <c r="P12916" t="s">
        <v>86</v>
      </c>
      <c r="Q12916">
        <v>26</v>
      </c>
      <c r="R12916">
        <v>27</v>
      </c>
      <c r="S12916">
        <v>27</v>
      </c>
      <c r="T12916">
        <v>28</v>
      </c>
      <c r="U12916">
        <v>28</v>
      </c>
      <c r="V12916">
        <v>29</v>
      </c>
      <c r="W12916">
        <v>30</v>
      </c>
      <c r="X12916">
        <v>30</v>
      </c>
      <c r="Y12916">
        <v>31</v>
      </c>
      <c r="Z12916">
        <v>31</v>
      </c>
      <c r="AA12916">
        <v>31</v>
      </c>
      <c r="AB12916">
        <v>32</v>
      </c>
      <c r="AC12916">
        <v>32</v>
      </c>
      <c r="AD12916">
        <v>33</v>
      </c>
      <c r="AE12916">
        <v>33</v>
      </c>
      <c r="AF12916">
        <v>33</v>
      </c>
      <c r="AG12916">
        <v>33</v>
      </c>
      <c r="AH12916">
        <v>33</v>
      </c>
      <c r="AI12916">
        <v>33</v>
      </c>
      <c r="AJ12916">
        <v>33</v>
      </c>
      <c r="AK12916">
        <v>33</v>
      </c>
      <c r="AL12916">
        <v>33</v>
      </c>
      <c r="AM12916">
        <v>33</v>
      </c>
      <c r="AN12916">
        <v>33</v>
      </c>
      <c r="AO12916">
        <v>33</v>
      </c>
      <c r="AP12916">
        <v>33</v>
      </c>
      <c r="AQ12916">
        <v>33</v>
      </c>
    </row>
    <row r="12917" spans="1:43">
      <c r="A12917" t="s">
        <v>8018</v>
      </c>
      <c r="B12917" t="s">
        <v>8019</v>
      </c>
      <c r="C12917" t="s">
        <v>8020</v>
      </c>
      <c r="D12917" t="s">
        <v>8021</v>
      </c>
      <c r="E12917" t="s">
        <v>8022</v>
      </c>
      <c r="F12917" t="s">
        <v>8023</v>
      </c>
      <c r="G12917" t="s">
        <v>80</v>
      </c>
      <c r="H12917" t="s">
        <v>81</v>
      </c>
      <c r="I12917" s="2">
        <v>0</v>
      </c>
      <c r="J12917" s="2">
        <v>1</v>
      </c>
      <c r="K12917" s="2">
        <v>0</v>
      </c>
      <c r="L12917" t="s">
        <v>82</v>
      </c>
      <c r="M12917" t="s">
        <v>83</v>
      </c>
      <c r="N12917" t="s">
        <v>91</v>
      </c>
      <c r="O12917" t="s">
        <v>85</v>
      </c>
      <c r="P12917" t="s">
        <v>86</v>
      </c>
      <c r="Q12917">
        <v>26</v>
      </c>
      <c r="R12917">
        <v>26</v>
      </c>
      <c r="S12917">
        <v>27</v>
      </c>
      <c r="T12917">
        <v>27</v>
      </c>
      <c r="U12917">
        <v>27</v>
      </c>
      <c r="V12917">
        <v>28</v>
      </c>
      <c r="W12917">
        <v>28</v>
      </c>
      <c r="X12917">
        <v>28</v>
      </c>
      <c r="Y12917">
        <v>29</v>
      </c>
      <c r="Z12917">
        <v>29</v>
      </c>
      <c r="AA12917">
        <v>30</v>
      </c>
      <c r="AB12917">
        <v>30</v>
      </c>
      <c r="AC12917">
        <v>30</v>
      </c>
      <c r="AD12917">
        <v>31</v>
      </c>
      <c r="AE12917">
        <v>31</v>
      </c>
      <c r="AF12917">
        <v>31</v>
      </c>
      <c r="AG12917">
        <v>31</v>
      </c>
      <c r="AH12917">
        <v>32</v>
      </c>
      <c r="AI12917">
        <v>32</v>
      </c>
      <c r="AJ12917">
        <v>32</v>
      </c>
      <c r="AK12917">
        <v>33</v>
      </c>
      <c r="AL12917">
        <v>33</v>
      </c>
      <c r="AM12917">
        <v>33</v>
      </c>
      <c r="AN12917">
        <v>33</v>
      </c>
      <c r="AO12917">
        <v>33</v>
      </c>
      <c r="AP12917">
        <v>33</v>
      </c>
      <c r="AQ12917">
        <v>33</v>
      </c>
    </row>
    <row r="12918" spans="1:43">
      <c r="A12918" t="s">
        <v>8024</v>
      </c>
      <c r="B12918" t="s">
        <v>8025</v>
      </c>
      <c r="C12918" t="s">
        <v>8020</v>
      </c>
      <c r="D12918" t="s">
        <v>8021</v>
      </c>
      <c r="E12918" t="s">
        <v>8022</v>
      </c>
      <c r="F12918" t="s">
        <v>8023</v>
      </c>
      <c r="G12918" t="s">
        <v>80</v>
      </c>
      <c r="H12918" t="s">
        <v>81</v>
      </c>
      <c r="I12918" s="2">
        <v>0</v>
      </c>
      <c r="J12918" s="2">
        <v>1</v>
      </c>
      <c r="K12918" s="2">
        <v>0</v>
      </c>
      <c r="L12918" t="s">
        <v>82</v>
      </c>
      <c r="M12918" t="s">
        <v>83</v>
      </c>
      <c r="N12918" t="s">
        <v>84</v>
      </c>
      <c r="O12918" t="s">
        <v>85</v>
      </c>
      <c r="P12918" t="s">
        <v>86</v>
      </c>
      <c r="Q12918">
        <v>47</v>
      </c>
      <c r="R12918">
        <v>47</v>
      </c>
      <c r="S12918">
        <v>48</v>
      </c>
      <c r="T12918">
        <v>49</v>
      </c>
      <c r="U12918">
        <v>49</v>
      </c>
      <c r="V12918">
        <v>50</v>
      </c>
      <c r="W12918">
        <v>51</v>
      </c>
      <c r="X12918">
        <v>51</v>
      </c>
      <c r="Y12918">
        <v>52</v>
      </c>
      <c r="Z12918">
        <v>53</v>
      </c>
      <c r="AA12918">
        <v>53</v>
      </c>
      <c r="AB12918">
        <v>54</v>
      </c>
      <c r="AC12918">
        <v>55</v>
      </c>
      <c r="AD12918">
        <v>55</v>
      </c>
      <c r="AE12918">
        <v>56</v>
      </c>
      <c r="AF12918">
        <v>56</v>
      </c>
      <c r="AG12918">
        <v>57</v>
      </c>
      <c r="AH12918">
        <v>58</v>
      </c>
      <c r="AI12918">
        <v>58</v>
      </c>
      <c r="AJ12918">
        <v>59</v>
      </c>
      <c r="AK12918">
        <v>59</v>
      </c>
      <c r="AL12918">
        <v>59</v>
      </c>
      <c r="AM12918">
        <v>59</v>
      </c>
      <c r="AN12918">
        <v>59</v>
      </c>
      <c r="AO12918">
        <v>59</v>
      </c>
      <c r="AP12918">
        <v>59</v>
      </c>
      <c r="AQ12918">
        <v>59</v>
      </c>
    </row>
    <row r="12919" spans="1:43">
      <c r="A12919" t="s">
        <v>8024</v>
      </c>
      <c r="B12919" t="s">
        <v>8025</v>
      </c>
      <c r="C12919" t="s">
        <v>8020</v>
      </c>
      <c r="D12919" t="s">
        <v>8021</v>
      </c>
      <c r="E12919" t="s">
        <v>8022</v>
      </c>
      <c r="F12919" t="s">
        <v>8023</v>
      </c>
      <c r="G12919" t="s">
        <v>80</v>
      </c>
      <c r="H12919" t="s">
        <v>81</v>
      </c>
      <c r="I12919" s="2">
        <v>0</v>
      </c>
      <c r="J12919" s="2">
        <v>1</v>
      </c>
      <c r="K12919" s="2">
        <v>0</v>
      </c>
      <c r="L12919" t="s">
        <v>82</v>
      </c>
      <c r="M12919" t="s">
        <v>87</v>
      </c>
      <c r="N12919" t="s">
        <v>88</v>
      </c>
      <c r="O12919" t="s">
        <v>85</v>
      </c>
      <c r="P12919" t="s">
        <v>86</v>
      </c>
      <c r="Q12919">
        <v>47</v>
      </c>
      <c r="R12919">
        <v>47</v>
      </c>
      <c r="S12919">
        <v>48</v>
      </c>
      <c r="T12919">
        <v>48</v>
      </c>
      <c r="U12919">
        <v>48</v>
      </c>
      <c r="V12919">
        <v>48</v>
      </c>
      <c r="W12919">
        <v>49</v>
      </c>
      <c r="X12919">
        <v>49</v>
      </c>
      <c r="Y12919">
        <v>49</v>
      </c>
      <c r="Z12919">
        <v>49</v>
      </c>
      <c r="AA12919">
        <v>50</v>
      </c>
      <c r="AB12919">
        <v>50</v>
      </c>
      <c r="AC12919">
        <v>50</v>
      </c>
      <c r="AD12919">
        <v>50</v>
      </c>
      <c r="AE12919">
        <v>50</v>
      </c>
      <c r="AF12919">
        <v>51</v>
      </c>
      <c r="AG12919">
        <v>51</v>
      </c>
      <c r="AH12919">
        <v>51</v>
      </c>
      <c r="AI12919">
        <v>51</v>
      </c>
      <c r="AJ12919">
        <v>51</v>
      </c>
      <c r="AK12919">
        <v>51</v>
      </c>
      <c r="AL12919">
        <v>51</v>
      </c>
      <c r="AM12919">
        <v>52</v>
      </c>
      <c r="AN12919">
        <v>52</v>
      </c>
      <c r="AO12919">
        <v>52</v>
      </c>
      <c r="AP12919">
        <v>52</v>
      </c>
      <c r="AQ12919">
        <v>52</v>
      </c>
    </row>
    <row r="12920" spans="1:43">
      <c r="A12920" t="s">
        <v>8024</v>
      </c>
      <c r="B12920" t="s">
        <v>8025</v>
      </c>
      <c r="C12920" t="s">
        <v>8020</v>
      </c>
      <c r="D12920" t="s">
        <v>8021</v>
      </c>
      <c r="E12920" t="s">
        <v>8022</v>
      </c>
      <c r="F12920" t="s">
        <v>8023</v>
      </c>
      <c r="G12920" t="s">
        <v>80</v>
      </c>
      <c r="H12920" t="s">
        <v>81</v>
      </c>
      <c r="I12920" s="2">
        <v>0</v>
      </c>
      <c r="J12920" s="2">
        <v>1</v>
      </c>
      <c r="K12920" s="2">
        <v>0</v>
      </c>
      <c r="L12920" t="s">
        <v>82</v>
      </c>
      <c r="M12920" t="s">
        <v>89</v>
      </c>
      <c r="N12920" t="s">
        <v>90</v>
      </c>
      <c r="O12920" t="s">
        <v>85</v>
      </c>
      <c r="P12920" t="s">
        <v>86</v>
      </c>
      <c r="Q12920">
        <v>47</v>
      </c>
      <c r="R12920">
        <v>48</v>
      </c>
      <c r="S12920">
        <v>49</v>
      </c>
      <c r="T12920">
        <v>50</v>
      </c>
      <c r="U12920">
        <v>51</v>
      </c>
      <c r="V12920">
        <v>52</v>
      </c>
      <c r="W12920">
        <v>53</v>
      </c>
      <c r="X12920">
        <v>54</v>
      </c>
      <c r="Y12920">
        <v>55</v>
      </c>
      <c r="Z12920">
        <v>56</v>
      </c>
      <c r="AA12920">
        <v>57</v>
      </c>
      <c r="AB12920">
        <v>58</v>
      </c>
      <c r="AC12920">
        <v>59</v>
      </c>
      <c r="AD12920">
        <v>59</v>
      </c>
      <c r="AE12920">
        <v>60</v>
      </c>
      <c r="AF12920">
        <v>60</v>
      </c>
      <c r="AG12920">
        <v>60</v>
      </c>
      <c r="AH12920">
        <v>60</v>
      </c>
      <c r="AI12920">
        <v>60</v>
      </c>
      <c r="AJ12920">
        <v>60</v>
      </c>
      <c r="AK12920">
        <v>60</v>
      </c>
      <c r="AL12920">
        <v>60</v>
      </c>
      <c r="AM12920">
        <v>60</v>
      </c>
      <c r="AN12920">
        <v>60</v>
      </c>
      <c r="AO12920">
        <v>60</v>
      </c>
      <c r="AP12920">
        <v>60</v>
      </c>
      <c r="AQ12920">
        <v>60</v>
      </c>
    </row>
    <row r="12921" spans="1:43">
      <c r="A12921" t="s">
        <v>8024</v>
      </c>
      <c r="B12921" t="s">
        <v>8025</v>
      </c>
      <c r="C12921" t="s">
        <v>8020</v>
      </c>
      <c r="D12921" t="s">
        <v>8021</v>
      </c>
      <c r="E12921" t="s">
        <v>8022</v>
      </c>
      <c r="F12921" t="s">
        <v>8023</v>
      </c>
      <c r="G12921" t="s">
        <v>80</v>
      </c>
      <c r="H12921" t="s">
        <v>81</v>
      </c>
      <c r="I12921" s="2">
        <v>0</v>
      </c>
      <c r="J12921" s="2">
        <v>1</v>
      </c>
      <c r="K12921" s="2">
        <v>0</v>
      </c>
      <c r="L12921" t="s">
        <v>82</v>
      </c>
      <c r="M12921" t="s">
        <v>83</v>
      </c>
      <c r="N12921" t="s">
        <v>91</v>
      </c>
      <c r="O12921" t="s">
        <v>85</v>
      </c>
      <c r="P12921" t="s">
        <v>86</v>
      </c>
      <c r="Q12921">
        <v>47</v>
      </c>
      <c r="R12921">
        <v>47</v>
      </c>
      <c r="S12921">
        <v>48</v>
      </c>
      <c r="T12921">
        <v>49</v>
      </c>
      <c r="U12921">
        <v>49</v>
      </c>
      <c r="V12921">
        <v>50</v>
      </c>
      <c r="W12921">
        <v>51</v>
      </c>
      <c r="X12921">
        <v>51</v>
      </c>
      <c r="Y12921">
        <v>52</v>
      </c>
      <c r="Z12921">
        <v>53</v>
      </c>
      <c r="AA12921">
        <v>53</v>
      </c>
      <c r="AB12921">
        <v>54</v>
      </c>
      <c r="AC12921">
        <v>55</v>
      </c>
      <c r="AD12921">
        <v>55</v>
      </c>
      <c r="AE12921">
        <v>56</v>
      </c>
      <c r="AF12921">
        <v>56</v>
      </c>
      <c r="AG12921">
        <v>57</v>
      </c>
      <c r="AH12921">
        <v>58</v>
      </c>
      <c r="AI12921">
        <v>58</v>
      </c>
      <c r="AJ12921">
        <v>59</v>
      </c>
      <c r="AK12921">
        <v>59</v>
      </c>
      <c r="AL12921">
        <v>59</v>
      </c>
      <c r="AM12921">
        <v>59</v>
      </c>
      <c r="AN12921">
        <v>59</v>
      </c>
      <c r="AO12921">
        <v>59</v>
      </c>
      <c r="AP12921">
        <v>59</v>
      </c>
      <c r="AQ12921">
        <v>59</v>
      </c>
    </row>
    <row r="12922" spans="1:43">
      <c r="A12922" t="s">
        <v>8026</v>
      </c>
      <c r="B12922" t="s">
        <v>8027</v>
      </c>
      <c r="C12922" t="s">
        <v>8020</v>
      </c>
      <c r="D12922" t="s">
        <v>8021</v>
      </c>
      <c r="E12922" t="s">
        <v>8022</v>
      </c>
      <c r="F12922" t="s">
        <v>8023</v>
      </c>
      <c r="G12922" t="s">
        <v>80</v>
      </c>
      <c r="H12922" t="s">
        <v>81</v>
      </c>
      <c r="I12922" s="2">
        <v>0</v>
      </c>
      <c r="J12922" s="2">
        <v>1</v>
      </c>
      <c r="K12922" s="2">
        <v>0</v>
      </c>
      <c r="L12922" t="s">
        <v>82</v>
      </c>
      <c r="M12922" t="s">
        <v>83</v>
      </c>
      <c r="N12922" t="s">
        <v>84</v>
      </c>
      <c r="O12922" t="s">
        <v>85</v>
      </c>
      <c r="P12922" t="s">
        <v>86</v>
      </c>
      <c r="Q12922">
        <v>49</v>
      </c>
      <c r="R12922">
        <v>50</v>
      </c>
      <c r="S12922">
        <v>50</v>
      </c>
      <c r="T12922">
        <v>51</v>
      </c>
      <c r="U12922">
        <v>52</v>
      </c>
      <c r="V12922">
        <v>53</v>
      </c>
      <c r="W12922">
        <v>53</v>
      </c>
      <c r="X12922">
        <v>54</v>
      </c>
      <c r="Y12922">
        <v>55</v>
      </c>
      <c r="Z12922">
        <v>55</v>
      </c>
      <c r="AA12922">
        <v>56</v>
      </c>
      <c r="AB12922">
        <v>57</v>
      </c>
      <c r="AC12922">
        <v>57</v>
      </c>
      <c r="AD12922">
        <v>58</v>
      </c>
      <c r="AE12922">
        <v>58</v>
      </c>
      <c r="AF12922">
        <v>59</v>
      </c>
      <c r="AG12922">
        <v>60</v>
      </c>
      <c r="AH12922">
        <v>60</v>
      </c>
      <c r="AI12922">
        <v>61</v>
      </c>
      <c r="AJ12922">
        <v>61</v>
      </c>
      <c r="AK12922">
        <v>62</v>
      </c>
      <c r="AL12922">
        <v>62</v>
      </c>
      <c r="AM12922">
        <v>62</v>
      </c>
      <c r="AN12922">
        <v>62</v>
      </c>
      <c r="AO12922">
        <v>62</v>
      </c>
      <c r="AP12922">
        <v>62</v>
      </c>
      <c r="AQ12922">
        <v>62</v>
      </c>
    </row>
    <row r="12923" spans="1:43">
      <c r="A12923" t="s">
        <v>8026</v>
      </c>
      <c r="B12923" t="s">
        <v>8027</v>
      </c>
      <c r="C12923" t="s">
        <v>8020</v>
      </c>
      <c r="D12923" t="s">
        <v>8021</v>
      </c>
      <c r="E12923" t="s">
        <v>8022</v>
      </c>
      <c r="F12923" t="s">
        <v>8023</v>
      </c>
      <c r="G12923" t="s">
        <v>80</v>
      </c>
      <c r="H12923" t="s">
        <v>81</v>
      </c>
      <c r="I12923" s="2">
        <v>0</v>
      </c>
      <c r="J12923" s="2">
        <v>1</v>
      </c>
      <c r="K12923" s="2">
        <v>0</v>
      </c>
      <c r="L12923" t="s">
        <v>82</v>
      </c>
      <c r="M12923" t="s">
        <v>87</v>
      </c>
      <c r="N12923" t="s">
        <v>88</v>
      </c>
      <c r="O12923" t="s">
        <v>85</v>
      </c>
      <c r="P12923" t="s">
        <v>86</v>
      </c>
      <c r="Q12923">
        <v>49</v>
      </c>
      <c r="R12923">
        <v>50</v>
      </c>
      <c r="S12923">
        <v>50</v>
      </c>
      <c r="T12923">
        <v>50</v>
      </c>
      <c r="U12923">
        <v>51</v>
      </c>
      <c r="V12923">
        <v>51</v>
      </c>
      <c r="W12923">
        <v>51</v>
      </c>
      <c r="X12923">
        <v>51</v>
      </c>
      <c r="Y12923">
        <v>51</v>
      </c>
      <c r="Z12923">
        <v>52</v>
      </c>
      <c r="AA12923">
        <v>52</v>
      </c>
      <c r="AB12923">
        <v>52</v>
      </c>
      <c r="AC12923">
        <v>52</v>
      </c>
      <c r="AD12923">
        <v>53</v>
      </c>
      <c r="AE12923">
        <v>53</v>
      </c>
      <c r="AF12923">
        <v>53</v>
      </c>
      <c r="AG12923">
        <v>53</v>
      </c>
      <c r="AH12923">
        <v>53</v>
      </c>
      <c r="AI12923">
        <v>53</v>
      </c>
      <c r="AJ12923">
        <v>54</v>
      </c>
      <c r="AK12923">
        <v>54</v>
      </c>
      <c r="AL12923">
        <v>54</v>
      </c>
      <c r="AM12923">
        <v>54</v>
      </c>
      <c r="AN12923">
        <v>54</v>
      </c>
      <c r="AO12923">
        <v>54</v>
      </c>
      <c r="AP12923">
        <v>54</v>
      </c>
      <c r="AQ12923">
        <v>54</v>
      </c>
    </row>
    <row r="12924" spans="1:43">
      <c r="A12924" t="s">
        <v>8026</v>
      </c>
      <c r="B12924" t="s">
        <v>8027</v>
      </c>
      <c r="C12924" t="s">
        <v>8020</v>
      </c>
      <c r="D12924" t="s">
        <v>8021</v>
      </c>
      <c r="E12924" t="s">
        <v>8022</v>
      </c>
      <c r="F12924" t="s">
        <v>8023</v>
      </c>
      <c r="G12924" t="s">
        <v>80</v>
      </c>
      <c r="H12924" t="s">
        <v>81</v>
      </c>
      <c r="I12924" s="2">
        <v>0</v>
      </c>
      <c r="J12924" s="2">
        <v>1</v>
      </c>
      <c r="K12924" s="2">
        <v>0</v>
      </c>
      <c r="L12924" t="s">
        <v>82</v>
      </c>
      <c r="M12924" t="s">
        <v>89</v>
      </c>
      <c r="N12924" t="s">
        <v>90</v>
      </c>
      <c r="O12924" t="s">
        <v>85</v>
      </c>
      <c r="P12924" t="s">
        <v>86</v>
      </c>
      <c r="Q12924">
        <v>49</v>
      </c>
      <c r="R12924">
        <v>50</v>
      </c>
      <c r="S12924">
        <v>52</v>
      </c>
      <c r="T12924">
        <v>53</v>
      </c>
      <c r="U12924">
        <v>54</v>
      </c>
      <c r="V12924">
        <v>55</v>
      </c>
      <c r="W12924">
        <v>56</v>
      </c>
      <c r="X12924">
        <v>57</v>
      </c>
      <c r="Y12924">
        <v>58</v>
      </c>
      <c r="Z12924">
        <v>59</v>
      </c>
      <c r="AA12924">
        <v>60</v>
      </c>
      <c r="AB12924">
        <v>60</v>
      </c>
      <c r="AC12924">
        <v>61</v>
      </c>
      <c r="AD12924">
        <v>62</v>
      </c>
      <c r="AE12924">
        <v>63</v>
      </c>
      <c r="AF12924">
        <v>63</v>
      </c>
      <c r="AG12924">
        <v>63</v>
      </c>
      <c r="AH12924">
        <v>63</v>
      </c>
      <c r="AI12924">
        <v>63</v>
      </c>
      <c r="AJ12924">
        <v>63</v>
      </c>
      <c r="AK12924">
        <v>63</v>
      </c>
      <c r="AL12924">
        <v>63</v>
      </c>
      <c r="AM12924">
        <v>63</v>
      </c>
      <c r="AN12924">
        <v>63</v>
      </c>
      <c r="AO12924">
        <v>63</v>
      </c>
      <c r="AP12924">
        <v>62</v>
      </c>
      <c r="AQ12924">
        <v>62</v>
      </c>
    </row>
    <row r="12925" spans="1:43">
      <c r="A12925" t="s">
        <v>8026</v>
      </c>
      <c r="B12925" t="s">
        <v>8027</v>
      </c>
      <c r="C12925" t="s">
        <v>8020</v>
      </c>
      <c r="D12925" t="s">
        <v>8021</v>
      </c>
      <c r="E12925" t="s">
        <v>8022</v>
      </c>
      <c r="F12925" t="s">
        <v>8023</v>
      </c>
      <c r="G12925" t="s">
        <v>80</v>
      </c>
      <c r="H12925" t="s">
        <v>81</v>
      </c>
      <c r="I12925" s="2">
        <v>0</v>
      </c>
      <c r="J12925" s="2">
        <v>1</v>
      </c>
      <c r="K12925" s="2">
        <v>0</v>
      </c>
      <c r="L12925" t="s">
        <v>82</v>
      </c>
      <c r="M12925" t="s">
        <v>83</v>
      </c>
      <c r="N12925" t="s">
        <v>91</v>
      </c>
      <c r="O12925" t="s">
        <v>85</v>
      </c>
      <c r="P12925" t="s">
        <v>86</v>
      </c>
      <c r="Q12925">
        <v>49</v>
      </c>
      <c r="R12925">
        <v>50</v>
      </c>
      <c r="S12925">
        <v>50</v>
      </c>
      <c r="T12925">
        <v>51</v>
      </c>
      <c r="U12925">
        <v>52</v>
      </c>
      <c r="V12925">
        <v>53</v>
      </c>
      <c r="W12925">
        <v>53</v>
      </c>
      <c r="X12925">
        <v>54</v>
      </c>
      <c r="Y12925">
        <v>55</v>
      </c>
      <c r="Z12925">
        <v>55</v>
      </c>
      <c r="AA12925">
        <v>56</v>
      </c>
      <c r="AB12925">
        <v>57</v>
      </c>
      <c r="AC12925">
        <v>57</v>
      </c>
      <c r="AD12925">
        <v>58</v>
      </c>
      <c r="AE12925">
        <v>58</v>
      </c>
      <c r="AF12925">
        <v>59</v>
      </c>
      <c r="AG12925">
        <v>60</v>
      </c>
      <c r="AH12925">
        <v>60</v>
      </c>
      <c r="AI12925">
        <v>61</v>
      </c>
      <c r="AJ12925">
        <v>61</v>
      </c>
      <c r="AK12925">
        <v>62</v>
      </c>
      <c r="AL12925">
        <v>62</v>
      </c>
      <c r="AM12925">
        <v>62</v>
      </c>
      <c r="AN12925">
        <v>62</v>
      </c>
      <c r="AO12925">
        <v>62</v>
      </c>
      <c r="AP12925">
        <v>62</v>
      </c>
      <c r="AQ12925">
        <v>62</v>
      </c>
    </row>
    <row r="12926" spans="1:43">
      <c r="A12926" t="s">
        <v>8028</v>
      </c>
      <c r="B12926" t="s">
        <v>8029</v>
      </c>
      <c r="C12926" t="s">
        <v>8020</v>
      </c>
      <c r="D12926" t="s">
        <v>8021</v>
      </c>
      <c r="E12926" t="s">
        <v>8022</v>
      </c>
      <c r="F12926" t="s">
        <v>8023</v>
      </c>
      <c r="G12926" t="s">
        <v>80</v>
      </c>
      <c r="H12926" t="s">
        <v>81</v>
      </c>
      <c r="I12926" s="2">
        <v>0</v>
      </c>
      <c r="J12926" s="2">
        <v>1</v>
      </c>
      <c r="K12926" s="2">
        <v>0</v>
      </c>
      <c r="L12926" t="s">
        <v>82</v>
      </c>
      <c r="M12926" t="s">
        <v>83</v>
      </c>
      <c r="N12926" t="s">
        <v>84</v>
      </c>
      <c r="O12926" t="s">
        <v>85</v>
      </c>
      <c r="P12926" t="s">
        <v>86</v>
      </c>
      <c r="Q12926">
        <v>21</v>
      </c>
      <c r="R12926">
        <v>22</v>
      </c>
      <c r="S12926">
        <v>22</v>
      </c>
      <c r="T12926">
        <v>22</v>
      </c>
      <c r="U12926">
        <v>23</v>
      </c>
      <c r="V12926">
        <v>23</v>
      </c>
      <c r="W12926">
        <v>23</v>
      </c>
      <c r="X12926">
        <v>24</v>
      </c>
      <c r="Y12926">
        <v>24</v>
      </c>
      <c r="Z12926">
        <v>24</v>
      </c>
      <c r="AA12926">
        <v>24</v>
      </c>
      <c r="AB12926">
        <v>25</v>
      </c>
      <c r="AC12926">
        <v>25</v>
      </c>
      <c r="AD12926">
        <v>25</v>
      </c>
      <c r="AE12926">
        <v>26</v>
      </c>
      <c r="AF12926">
        <v>26</v>
      </c>
      <c r="AG12926">
        <v>26</v>
      </c>
      <c r="AH12926">
        <v>26</v>
      </c>
      <c r="AI12926">
        <v>27</v>
      </c>
      <c r="AJ12926">
        <v>27</v>
      </c>
      <c r="AK12926">
        <v>27</v>
      </c>
      <c r="AL12926">
        <v>27</v>
      </c>
      <c r="AM12926">
        <v>27</v>
      </c>
      <c r="AN12926">
        <v>27</v>
      </c>
      <c r="AO12926">
        <v>27</v>
      </c>
      <c r="AP12926">
        <v>27</v>
      </c>
      <c r="AQ12926">
        <v>27</v>
      </c>
    </row>
    <row r="12927" spans="1:43">
      <c r="A12927" t="s">
        <v>8028</v>
      </c>
      <c r="B12927" t="s">
        <v>8029</v>
      </c>
      <c r="C12927" t="s">
        <v>8020</v>
      </c>
      <c r="D12927" t="s">
        <v>8021</v>
      </c>
      <c r="E12927" t="s">
        <v>8022</v>
      </c>
      <c r="F12927" t="s">
        <v>8023</v>
      </c>
      <c r="G12927" t="s">
        <v>80</v>
      </c>
      <c r="H12927" t="s">
        <v>81</v>
      </c>
      <c r="I12927" s="2">
        <v>0</v>
      </c>
      <c r="J12927" s="2">
        <v>1</v>
      </c>
      <c r="K12927" s="2">
        <v>0</v>
      </c>
      <c r="L12927" t="s">
        <v>82</v>
      </c>
      <c r="M12927" t="s">
        <v>87</v>
      </c>
      <c r="N12927" t="s">
        <v>88</v>
      </c>
      <c r="O12927" t="s">
        <v>85</v>
      </c>
      <c r="P12927" t="s">
        <v>86</v>
      </c>
      <c r="Q12927">
        <v>21</v>
      </c>
      <c r="R12927">
        <v>21</v>
      </c>
      <c r="S12927">
        <v>21</v>
      </c>
      <c r="T12927">
        <v>22</v>
      </c>
      <c r="U12927">
        <v>22</v>
      </c>
      <c r="V12927">
        <v>22</v>
      </c>
      <c r="W12927">
        <v>22</v>
      </c>
      <c r="X12927">
        <v>22</v>
      </c>
      <c r="Y12927">
        <v>22</v>
      </c>
      <c r="Z12927">
        <v>22</v>
      </c>
      <c r="AA12927">
        <v>22</v>
      </c>
      <c r="AB12927">
        <v>22</v>
      </c>
      <c r="AC12927">
        <v>22</v>
      </c>
      <c r="AD12927">
        <v>23</v>
      </c>
      <c r="AE12927">
        <v>23</v>
      </c>
      <c r="AF12927">
        <v>23</v>
      </c>
      <c r="AG12927">
        <v>23</v>
      </c>
      <c r="AH12927">
        <v>23</v>
      </c>
      <c r="AI12927">
        <v>23</v>
      </c>
      <c r="AJ12927">
        <v>23</v>
      </c>
      <c r="AK12927">
        <v>23</v>
      </c>
      <c r="AL12927">
        <v>23</v>
      </c>
      <c r="AM12927">
        <v>23</v>
      </c>
      <c r="AN12927">
        <v>23</v>
      </c>
      <c r="AO12927">
        <v>23</v>
      </c>
      <c r="AP12927">
        <v>23</v>
      </c>
      <c r="AQ12927">
        <v>23</v>
      </c>
    </row>
    <row r="12928" spans="1:43">
      <c r="A12928" t="s">
        <v>8028</v>
      </c>
      <c r="B12928" t="s">
        <v>8029</v>
      </c>
      <c r="C12928" t="s">
        <v>8020</v>
      </c>
      <c r="D12928" t="s">
        <v>8021</v>
      </c>
      <c r="E12928" t="s">
        <v>8022</v>
      </c>
      <c r="F12928" t="s">
        <v>8023</v>
      </c>
      <c r="G12928" t="s">
        <v>80</v>
      </c>
      <c r="H12928" t="s">
        <v>81</v>
      </c>
      <c r="I12928" s="2">
        <v>0</v>
      </c>
      <c r="J12928" s="2">
        <v>1</v>
      </c>
      <c r="K12928" s="2">
        <v>0</v>
      </c>
      <c r="L12928" t="s">
        <v>82</v>
      </c>
      <c r="M12928" t="s">
        <v>89</v>
      </c>
      <c r="N12928" t="s">
        <v>90</v>
      </c>
      <c r="O12928" t="s">
        <v>85</v>
      </c>
      <c r="P12928" t="s">
        <v>86</v>
      </c>
      <c r="Q12928">
        <v>21</v>
      </c>
      <c r="R12928">
        <v>21</v>
      </c>
      <c r="S12928">
        <v>22</v>
      </c>
      <c r="T12928">
        <v>22</v>
      </c>
      <c r="U12928">
        <v>23</v>
      </c>
      <c r="V12928">
        <v>23</v>
      </c>
      <c r="W12928">
        <v>23</v>
      </c>
      <c r="X12928">
        <v>24</v>
      </c>
      <c r="Y12928">
        <v>24</v>
      </c>
      <c r="Z12928">
        <v>25</v>
      </c>
      <c r="AA12928">
        <v>25</v>
      </c>
      <c r="AB12928">
        <v>25</v>
      </c>
      <c r="AC12928">
        <v>26</v>
      </c>
      <c r="AD12928">
        <v>26</v>
      </c>
      <c r="AE12928">
        <v>26</v>
      </c>
      <c r="AF12928">
        <v>26</v>
      </c>
      <c r="AG12928">
        <v>26</v>
      </c>
      <c r="AH12928">
        <v>26</v>
      </c>
      <c r="AI12928">
        <v>26</v>
      </c>
      <c r="AJ12928">
        <v>26</v>
      </c>
      <c r="AK12928">
        <v>26</v>
      </c>
      <c r="AL12928">
        <v>26</v>
      </c>
      <c r="AM12928">
        <v>26</v>
      </c>
      <c r="AN12928">
        <v>26</v>
      </c>
      <c r="AO12928">
        <v>26</v>
      </c>
      <c r="AP12928">
        <v>26</v>
      </c>
      <c r="AQ12928">
        <v>26</v>
      </c>
    </row>
    <row r="12929" spans="1:43">
      <c r="A12929" t="s">
        <v>8028</v>
      </c>
      <c r="B12929" t="s">
        <v>8029</v>
      </c>
      <c r="C12929" t="s">
        <v>8020</v>
      </c>
      <c r="D12929" t="s">
        <v>8021</v>
      </c>
      <c r="E12929" t="s">
        <v>8022</v>
      </c>
      <c r="F12929" t="s">
        <v>8023</v>
      </c>
      <c r="G12929" t="s">
        <v>80</v>
      </c>
      <c r="H12929" t="s">
        <v>81</v>
      </c>
      <c r="I12929" s="2">
        <v>0</v>
      </c>
      <c r="J12929" s="2">
        <v>1</v>
      </c>
      <c r="K12929" s="2">
        <v>0</v>
      </c>
      <c r="L12929" t="s">
        <v>82</v>
      </c>
      <c r="M12929" t="s">
        <v>83</v>
      </c>
      <c r="N12929" t="s">
        <v>91</v>
      </c>
      <c r="O12929" t="s">
        <v>85</v>
      </c>
      <c r="P12929" t="s">
        <v>86</v>
      </c>
      <c r="Q12929">
        <v>21</v>
      </c>
      <c r="R12929">
        <v>22</v>
      </c>
      <c r="S12929">
        <v>22</v>
      </c>
      <c r="T12929">
        <v>22</v>
      </c>
      <c r="U12929">
        <v>23</v>
      </c>
      <c r="V12929">
        <v>23</v>
      </c>
      <c r="W12929">
        <v>23</v>
      </c>
      <c r="X12929">
        <v>24</v>
      </c>
      <c r="Y12929">
        <v>24</v>
      </c>
      <c r="Z12929">
        <v>24</v>
      </c>
      <c r="AA12929">
        <v>24</v>
      </c>
      <c r="AB12929">
        <v>25</v>
      </c>
      <c r="AC12929">
        <v>25</v>
      </c>
      <c r="AD12929">
        <v>25</v>
      </c>
      <c r="AE12929">
        <v>26</v>
      </c>
      <c r="AF12929">
        <v>26</v>
      </c>
      <c r="AG12929">
        <v>26</v>
      </c>
      <c r="AH12929">
        <v>26</v>
      </c>
      <c r="AI12929">
        <v>27</v>
      </c>
      <c r="AJ12929">
        <v>27</v>
      </c>
      <c r="AK12929">
        <v>27</v>
      </c>
      <c r="AL12929">
        <v>27</v>
      </c>
      <c r="AM12929">
        <v>27</v>
      </c>
      <c r="AN12929">
        <v>27</v>
      </c>
      <c r="AO12929">
        <v>27</v>
      </c>
      <c r="AP12929">
        <v>27</v>
      </c>
      <c r="AQ12929">
        <v>27</v>
      </c>
    </row>
    <row r="12930" spans="1:43">
      <c r="A12930" t="s">
        <v>8030</v>
      </c>
      <c r="B12930" t="s">
        <v>8031</v>
      </c>
      <c r="C12930" t="s">
        <v>8020</v>
      </c>
      <c r="D12930" t="s">
        <v>8021</v>
      </c>
      <c r="E12930" t="s">
        <v>8022</v>
      </c>
      <c r="F12930" t="s">
        <v>8023</v>
      </c>
      <c r="G12930" t="s">
        <v>80</v>
      </c>
      <c r="H12930" t="s">
        <v>81</v>
      </c>
      <c r="I12930" s="2">
        <v>0</v>
      </c>
      <c r="J12930" s="2">
        <v>1</v>
      </c>
      <c r="K12930" s="2">
        <v>0</v>
      </c>
      <c r="L12930" t="s">
        <v>82</v>
      </c>
      <c r="M12930" t="s">
        <v>83</v>
      </c>
      <c r="N12930" t="s">
        <v>84</v>
      </c>
      <c r="O12930" t="s">
        <v>85</v>
      </c>
      <c r="P12930" t="s">
        <v>86</v>
      </c>
      <c r="Q12930">
        <v>40</v>
      </c>
      <c r="R12930">
        <v>41</v>
      </c>
      <c r="S12930">
        <v>41</v>
      </c>
      <c r="T12930">
        <v>42</v>
      </c>
      <c r="U12930">
        <v>42</v>
      </c>
      <c r="V12930">
        <v>43</v>
      </c>
      <c r="W12930">
        <v>43</v>
      </c>
      <c r="X12930">
        <v>44</v>
      </c>
      <c r="Y12930">
        <v>45</v>
      </c>
      <c r="Z12930">
        <v>45</v>
      </c>
      <c r="AA12930">
        <v>46</v>
      </c>
      <c r="AB12930">
        <v>46</v>
      </c>
      <c r="AC12930">
        <v>47</v>
      </c>
      <c r="AD12930">
        <v>47</v>
      </c>
      <c r="AE12930">
        <v>47</v>
      </c>
      <c r="AF12930">
        <v>48</v>
      </c>
      <c r="AG12930">
        <v>48</v>
      </c>
      <c r="AH12930">
        <v>49</v>
      </c>
      <c r="AI12930">
        <v>49</v>
      </c>
      <c r="AJ12930">
        <v>50</v>
      </c>
      <c r="AK12930">
        <v>50</v>
      </c>
      <c r="AL12930">
        <v>50</v>
      </c>
      <c r="AM12930">
        <v>50</v>
      </c>
      <c r="AN12930">
        <v>50</v>
      </c>
      <c r="AO12930">
        <v>50</v>
      </c>
      <c r="AP12930">
        <v>50</v>
      </c>
      <c r="AQ12930">
        <v>50</v>
      </c>
    </row>
    <row r="12931" spans="1:43">
      <c r="A12931" t="s">
        <v>8030</v>
      </c>
      <c r="B12931" t="s">
        <v>8031</v>
      </c>
      <c r="C12931" t="s">
        <v>8020</v>
      </c>
      <c r="D12931" t="s">
        <v>8021</v>
      </c>
      <c r="E12931" t="s">
        <v>8022</v>
      </c>
      <c r="F12931" t="s">
        <v>8023</v>
      </c>
      <c r="G12931" t="s">
        <v>80</v>
      </c>
      <c r="H12931" t="s">
        <v>81</v>
      </c>
      <c r="I12931" s="2">
        <v>0</v>
      </c>
      <c r="J12931" s="2">
        <v>1</v>
      </c>
      <c r="K12931" s="2">
        <v>0</v>
      </c>
      <c r="L12931" t="s">
        <v>82</v>
      </c>
      <c r="M12931" t="s">
        <v>87</v>
      </c>
      <c r="N12931" t="s">
        <v>88</v>
      </c>
      <c r="O12931" t="s">
        <v>85</v>
      </c>
      <c r="P12931" t="s">
        <v>86</v>
      </c>
      <c r="Q12931">
        <v>40</v>
      </c>
      <c r="R12931">
        <v>40</v>
      </c>
      <c r="S12931">
        <v>40</v>
      </c>
      <c r="T12931">
        <v>40</v>
      </c>
      <c r="U12931">
        <v>40</v>
      </c>
      <c r="V12931">
        <v>41</v>
      </c>
      <c r="W12931">
        <v>41</v>
      </c>
      <c r="X12931">
        <v>41</v>
      </c>
      <c r="Y12931">
        <v>41</v>
      </c>
      <c r="Z12931">
        <v>41</v>
      </c>
      <c r="AA12931">
        <v>41</v>
      </c>
      <c r="AB12931">
        <v>42</v>
      </c>
      <c r="AC12931">
        <v>42</v>
      </c>
      <c r="AD12931">
        <v>42</v>
      </c>
      <c r="AE12931">
        <v>42</v>
      </c>
      <c r="AF12931">
        <v>42</v>
      </c>
      <c r="AG12931">
        <v>42</v>
      </c>
      <c r="AH12931">
        <v>42</v>
      </c>
      <c r="AI12931">
        <v>42</v>
      </c>
      <c r="AJ12931">
        <v>43</v>
      </c>
      <c r="AK12931">
        <v>43</v>
      </c>
      <c r="AL12931">
        <v>43</v>
      </c>
      <c r="AM12931">
        <v>43</v>
      </c>
      <c r="AN12931">
        <v>43</v>
      </c>
      <c r="AO12931">
        <v>43</v>
      </c>
      <c r="AP12931">
        <v>43</v>
      </c>
      <c r="AQ12931">
        <v>43</v>
      </c>
    </row>
    <row r="12932" spans="1:43">
      <c r="A12932" t="s">
        <v>8030</v>
      </c>
      <c r="B12932" t="s">
        <v>8031</v>
      </c>
      <c r="C12932" t="s">
        <v>8020</v>
      </c>
      <c r="D12932" t="s">
        <v>8021</v>
      </c>
      <c r="E12932" t="s">
        <v>8022</v>
      </c>
      <c r="F12932" t="s">
        <v>8023</v>
      </c>
      <c r="G12932" t="s">
        <v>80</v>
      </c>
      <c r="H12932" t="s">
        <v>81</v>
      </c>
      <c r="I12932" s="2">
        <v>0</v>
      </c>
      <c r="J12932" s="2">
        <v>1</v>
      </c>
      <c r="K12932" s="2">
        <v>0</v>
      </c>
      <c r="L12932" t="s">
        <v>82</v>
      </c>
      <c r="M12932" t="s">
        <v>89</v>
      </c>
      <c r="N12932" t="s">
        <v>90</v>
      </c>
      <c r="O12932" t="s">
        <v>85</v>
      </c>
      <c r="P12932" t="s">
        <v>86</v>
      </c>
      <c r="Q12932">
        <v>40</v>
      </c>
      <c r="R12932">
        <v>41</v>
      </c>
      <c r="S12932">
        <v>42</v>
      </c>
      <c r="T12932">
        <v>43</v>
      </c>
      <c r="U12932">
        <v>44</v>
      </c>
      <c r="V12932">
        <v>45</v>
      </c>
      <c r="W12932">
        <v>46</v>
      </c>
      <c r="X12932">
        <v>46</v>
      </c>
      <c r="Y12932">
        <v>47</v>
      </c>
      <c r="Z12932">
        <v>48</v>
      </c>
      <c r="AA12932">
        <v>49</v>
      </c>
      <c r="AB12932">
        <v>49</v>
      </c>
      <c r="AC12932">
        <v>50</v>
      </c>
      <c r="AD12932">
        <v>50</v>
      </c>
      <c r="AE12932">
        <v>51</v>
      </c>
      <c r="AF12932">
        <v>51</v>
      </c>
      <c r="AG12932">
        <v>51</v>
      </c>
      <c r="AH12932">
        <v>51</v>
      </c>
      <c r="AI12932">
        <v>51</v>
      </c>
      <c r="AJ12932">
        <v>51</v>
      </c>
      <c r="AK12932">
        <v>51</v>
      </c>
      <c r="AL12932">
        <v>50</v>
      </c>
      <c r="AM12932">
        <v>50</v>
      </c>
      <c r="AN12932">
        <v>50</v>
      </c>
      <c r="AO12932">
        <v>50</v>
      </c>
      <c r="AP12932">
        <v>50</v>
      </c>
      <c r="AQ12932">
        <v>50</v>
      </c>
    </row>
    <row r="12933" spans="1:43">
      <c r="A12933" t="s">
        <v>8030</v>
      </c>
      <c r="B12933" t="s">
        <v>8031</v>
      </c>
      <c r="C12933" t="s">
        <v>8020</v>
      </c>
      <c r="D12933" t="s">
        <v>8021</v>
      </c>
      <c r="E12933" t="s">
        <v>8022</v>
      </c>
      <c r="F12933" t="s">
        <v>8023</v>
      </c>
      <c r="G12933" t="s">
        <v>80</v>
      </c>
      <c r="H12933" t="s">
        <v>81</v>
      </c>
      <c r="I12933" s="2">
        <v>0</v>
      </c>
      <c r="J12933" s="2">
        <v>1</v>
      </c>
      <c r="K12933" s="2">
        <v>0</v>
      </c>
      <c r="L12933" t="s">
        <v>82</v>
      </c>
      <c r="M12933" t="s">
        <v>83</v>
      </c>
      <c r="N12933" t="s">
        <v>91</v>
      </c>
      <c r="O12933" t="s">
        <v>85</v>
      </c>
      <c r="P12933" t="s">
        <v>86</v>
      </c>
      <c r="Q12933">
        <v>40</v>
      </c>
      <c r="R12933">
        <v>41</v>
      </c>
      <c r="S12933">
        <v>41</v>
      </c>
      <c r="T12933">
        <v>42</v>
      </c>
      <c r="U12933">
        <v>42</v>
      </c>
      <c r="V12933">
        <v>43</v>
      </c>
      <c r="W12933">
        <v>43</v>
      </c>
      <c r="X12933">
        <v>44</v>
      </c>
      <c r="Y12933">
        <v>45</v>
      </c>
      <c r="Z12933">
        <v>45</v>
      </c>
      <c r="AA12933">
        <v>46</v>
      </c>
      <c r="AB12933">
        <v>46</v>
      </c>
      <c r="AC12933">
        <v>47</v>
      </c>
      <c r="AD12933">
        <v>47</v>
      </c>
      <c r="AE12933">
        <v>47</v>
      </c>
      <c r="AF12933">
        <v>48</v>
      </c>
      <c r="AG12933">
        <v>48</v>
      </c>
      <c r="AH12933">
        <v>49</v>
      </c>
      <c r="AI12933">
        <v>49</v>
      </c>
      <c r="AJ12933">
        <v>50</v>
      </c>
      <c r="AK12933">
        <v>50</v>
      </c>
      <c r="AL12933">
        <v>50</v>
      </c>
      <c r="AM12933">
        <v>50</v>
      </c>
      <c r="AN12933">
        <v>50</v>
      </c>
      <c r="AO12933">
        <v>50</v>
      </c>
      <c r="AP12933">
        <v>50</v>
      </c>
      <c r="AQ12933">
        <v>50</v>
      </c>
    </row>
    <row r="12934" spans="1:43">
      <c r="A12934" t="s">
        <v>8032</v>
      </c>
      <c r="B12934" t="s">
        <v>8033</v>
      </c>
      <c r="C12934" t="s">
        <v>8020</v>
      </c>
      <c r="D12934" t="s">
        <v>8021</v>
      </c>
      <c r="E12934" t="s">
        <v>8022</v>
      </c>
      <c r="F12934" t="s">
        <v>8023</v>
      </c>
      <c r="G12934" t="s">
        <v>80</v>
      </c>
      <c r="H12934" t="s">
        <v>81</v>
      </c>
      <c r="I12934" s="2">
        <v>0</v>
      </c>
      <c r="J12934" s="2">
        <v>1</v>
      </c>
      <c r="K12934" s="2">
        <v>0</v>
      </c>
      <c r="L12934" t="s">
        <v>82</v>
      </c>
      <c r="M12934" t="s">
        <v>83</v>
      </c>
      <c r="N12934" t="s">
        <v>84</v>
      </c>
      <c r="O12934" t="s">
        <v>85</v>
      </c>
      <c r="P12934" t="s">
        <v>86</v>
      </c>
      <c r="Q12934">
        <v>68</v>
      </c>
      <c r="R12934">
        <v>69</v>
      </c>
      <c r="S12934">
        <v>70</v>
      </c>
      <c r="T12934">
        <v>71</v>
      </c>
      <c r="U12934">
        <v>72</v>
      </c>
      <c r="V12934">
        <v>73</v>
      </c>
      <c r="W12934">
        <v>74</v>
      </c>
      <c r="X12934">
        <v>75</v>
      </c>
      <c r="Y12934">
        <v>75</v>
      </c>
      <c r="Z12934">
        <v>76</v>
      </c>
      <c r="AA12934">
        <v>77</v>
      </c>
      <c r="AB12934">
        <v>78</v>
      </c>
      <c r="AC12934">
        <v>78</v>
      </c>
      <c r="AD12934">
        <v>79</v>
      </c>
      <c r="AE12934">
        <v>80</v>
      </c>
      <c r="AF12934">
        <v>80</v>
      </c>
      <c r="AG12934">
        <v>81</v>
      </c>
      <c r="AH12934">
        <v>81</v>
      </c>
      <c r="AI12934">
        <v>82</v>
      </c>
      <c r="AJ12934">
        <v>82</v>
      </c>
      <c r="AK12934">
        <v>83</v>
      </c>
      <c r="AL12934">
        <v>83</v>
      </c>
      <c r="AM12934">
        <v>83</v>
      </c>
      <c r="AN12934">
        <v>82</v>
      </c>
      <c r="AO12934">
        <v>82</v>
      </c>
      <c r="AP12934">
        <v>82</v>
      </c>
      <c r="AQ12934">
        <v>81</v>
      </c>
    </row>
    <row r="12935" spans="1:43">
      <c r="A12935" t="s">
        <v>8032</v>
      </c>
      <c r="B12935" t="s">
        <v>8033</v>
      </c>
      <c r="C12935" t="s">
        <v>8020</v>
      </c>
      <c r="D12935" t="s">
        <v>8021</v>
      </c>
      <c r="E12935" t="s">
        <v>8022</v>
      </c>
      <c r="F12935" t="s">
        <v>8023</v>
      </c>
      <c r="G12935" t="s">
        <v>80</v>
      </c>
      <c r="H12935" t="s">
        <v>81</v>
      </c>
      <c r="I12935" s="2">
        <v>0</v>
      </c>
      <c r="J12935" s="2">
        <v>1</v>
      </c>
      <c r="K12935" s="2">
        <v>0</v>
      </c>
      <c r="L12935" t="s">
        <v>82</v>
      </c>
      <c r="M12935" t="s">
        <v>87</v>
      </c>
      <c r="N12935" t="s">
        <v>88</v>
      </c>
      <c r="O12935" t="s">
        <v>85</v>
      </c>
      <c r="P12935" t="s">
        <v>86</v>
      </c>
      <c r="Q12935">
        <v>68</v>
      </c>
      <c r="R12935">
        <v>68</v>
      </c>
      <c r="S12935">
        <v>68</v>
      </c>
      <c r="T12935">
        <v>69</v>
      </c>
      <c r="U12935">
        <v>69</v>
      </c>
      <c r="V12935">
        <v>69</v>
      </c>
      <c r="W12935">
        <v>69</v>
      </c>
      <c r="X12935">
        <v>69</v>
      </c>
      <c r="Y12935">
        <v>70</v>
      </c>
      <c r="Z12935">
        <v>70</v>
      </c>
      <c r="AA12935">
        <v>70</v>
      </c>
      <c r="AB12935">
        <v>70</v>
      </c>
      <c r="AC12935">
        <v>70</v>
      </c>
      <c r="AD12935">
        <v>70</v>
      </c>
      <c r="AE12935">
        <v>71</v>
      </c>
      <c r="AF12935">
        <v>71</v>
      </c>
      <c r="AG12935">
        <v>71</v>
      </c>
      <c r="AH12935">
        <v>71</v>
      </c>
      <c r="AI12935">
        <v>71</v>
      </c>
      <c r="AJ12935">
        <v>71</v>
      </c>
      <c r="AK12935">
        <v>71</v>
      </c>
      <c r="AL12935">
        <v>71</v>
      </c>
      <c r="AM12935">
        <v>71</v>
      </c>
      <c r="AN12935">
        <v>71</v>
      </c>
      <c r="AO12935">
        <v>71</v>
      </c>
      <c r="AP12935">
        <v>71</v>
      </c>
      <c r="AQ12935">
        <v>71</v>
      </c>
    </row>
    <row r="12936" spans="1:43">
      <c r="A12936" t="s">
        <v>8032</v>
      </c>
      <c r="B12936" t="s">
        <v>8033</v>
      </c>
      <c r="C12936" t="s">
        <v>8020</v>
      </c>
      <c r="D12936" t="s">
        <v>8021</v>
      </c>
      <c r="E12936" t="s">
        <v>8022</v>
      </c>
      <c r="F12936" t="s">
        <v>8023</v>
      </c>
      <c r="G12936" t="s">
        <v>80</v>
      </c>
      <c r="H12936" t="s">
        <v>81</v>
      </c>
      <c r="I12936" s="2">
        <v>0</v>
      </c>
      <c r="J12936" s="2">
        <v>1</v>
      </c>
      <c r="K12936" s="2">
        <v>0</v>
      </c>
      <c r="L12936" t="s">
        <v>82</v>
      </c>
      <c r="M12936" t="s">
        <v>89</v>
      </c>
      <c r="N12936" t="s">
        <v>90</v>
      </c>
      <c r="O12936" t="s">
        <v>85</v>
      </c>
      <c r="P12936" t="s">
        <v>86</v>
      </c>
      <c r="Q12936">
        <v>68</v>
      </c>
      <c r="R12936">
        <v>70</v>
      </c>
      <c r="S12936">
        <v>71</v>
      </c>
      <c r="T12936">
        <v>73</v>
      </c>
      <c r="U12936">
        <v>74</v>
      </c>
      <c r="V12936">
        <v>75</v>
      </c>
      <c r="W12936">
        <v>77</v>
      </c>
      <c r="X12936">
        <v>78</v>
      </c>
      <c r="Y12936">
        <v>79</v>
      </c>
      <c r="Z12936">
        <v>80</v>
      </c>
      <c r="AA12936">
        <v>81</v>
      </c>
      <c r="AB12936">
        <v>82</v>
      </c>
      <c r="AC12936">
        <v>83</v>
      </c>
      <c r="AD12936">
        <v>83</v>
      </c>
      <c r="AE12936">
        <v>84</v>
      </c>
      <c r="AF12936">
        <v>84</v>
      </c>
      <c r="AG12936">
        <v>83</v>
      </c>
      <c r="AH12936">
        <v>83</v>
      </c>
      <c r="AI12936">
        <v>83</v>
      </c>
      <c r="AJ12936">
        <v>83</v>
      </c>
      <c r="AK12936">
        <v>82</v>
      </c>
      <c r="AL12936">
        <v>82</v>
      </c>
      <c r="AM12936">
        <v>82</v>
      </c>
      <c r="AN12936">
        <v>81</v>
      </c>
      <c r="AO12936">
        <v>81</v>
      </c>
      <c r="AP12936">
        <v>81</v>
      </c>
      <c r="AQ12936">
        <v>80</v>
      </c>
    </row>
    <row r="12937" spans="1:43">
      <c r="A12937" t="s">
        <v>8032</v>
      </c>
      <c r="B12937" t="s">
        <v>8033</v>
      </c>
      <c r="C12937" t="s">
        <v>8020</v>
      </c>
      <c r="D12937" t="s">
        <v>8021</v>
      </c>
      <c r="E12937" t="s">
        <v>8022</v>
      </c>
      <c r="F12937" t="s">
        <v>8023</v>
      </c>
      <c r="G12937" t="s">
        <v>80</v>
      </c>
      <c r="H12937" t="s">
        <v>81</v>
      </c>
      <c r="I12937" s="2">
        <v>0</v>
      </c>
      <c r="J12937" s="2">
        <v>1</v>
      </c>
      <c r="K12937" s="2">
        <v>0</v>
      </c>
      <c r="L12937" t="s">
        <v>82</v>
      </c>
      <c r="M12937" t="s">
        <v>83</v>
      </c>
      <c r="N12937" t="s">
        <v>91</v>
      </c>
      <c r="O12937" t="s">
        <v>85</v>
      </c>
      <c r="P12937" t="s">
        <v>86</v>
      </c>
      <c r="Q12937">
        <v>68</v>
      </c>
      <c r="R12937">
        <v>69</v>
      </c>
      <c r="S12937">
        <v>70</v>
      </c>
      <c r="T12937">
        <v>71</v>
      </c>
      <c r="U12937">
        <v>72</v>
      </c>
      <c r="V12937">
        <v>73</v>
      </c>
      <c r="W12937">
        <v>74</v>
      </c>
      <c r="X12937">
        <v>75</v>
      </c>
      <c r="Y12937">
        <v>75</v>
      </c>
      <c r="Z12937">
        <v>76</v>
      </c>
      <c r="AA12937">
        <v>77</v>
      </c>
      <c r="AB12937">
        <v>78</v>
      </c>
      <c r="AC12937">
        <v>78</v>
      </c>
      <c r="AD12937">
        <v>79</v>
      </c>
      <c r="AE12937">
        <v>80</v>
      </c>
      <c r="AF12937">
        <v>80</v>
      </c>
      <c r="AG12937">
        <v>81</v>
      </c>
      <c r="AH12937">
        <v>81</v>
      </c>
      <c r="AI12937">
        <v>82</v>
      </c>
      <c r="AJ12937">
        <v>82</v>
      </c>
      <c r="AK12937">
        <v>83</v>
      </c>
      <c r="AL12937">
        <v>83</v>
      </c>
      <c r="AM12937">
        <v>83</v>
      </c>
      <c r="AN12937">
        <v>82</v>
      </c>
      <c r="AO12937">
        <v>82</v>
      </c>
      <c r="AP12937">
        <v>82</v>
      </c>
      <c r="AQ12937">
        <v>81</v>
      </c>
    </row>
    <row r="12938" spans="1:43">
      <c r="A12938" t="s">
        <v>8034</v>
      </c>
      <c r="B12938" t="s">
        <v>8035</v>
      </c>
      <c r="C12938" t="s">
        <v>8020</v>
      </c>
      <c r="D12938" t="s">
        <v>8021</v>
      </c>
      <c r="E12938" t="s">
        <v>8022</v>
      </c>
      <c r="F12938" t="s">
        <v>8023</v>
      </c>
      <c r="G12938" t="s">
        <v>80</v>
      </c>
      <c r="H12938" t="s">
        <v>81</v>
      </c>
      <c r="I12938" s="2">
        <v>0</v>
      </c>
      <c r="J12938" s="2">
        <v>1</v>
      </c>
      <c r="K12938" s="2">
        <v>0</v>
      </c>
      <c r="L12938" t="s">
        <v>82</v>
      </c>
      <c r="M12938" t="s">
        <v>83</v>
      </c>
      <c r="N12938" t="s">
        <v>84</v>
      </c>
      <c r="O12938" t="s">
        <v>85</v>
      </c>
      <c r="P12938" t="s">
        <v>86</v>
      </c>
      <c r="Q12938">
        <v>9</v>
      </c>
      <c r="R12938">
        <v>9</v>
      </c>
      <c r="S12938">
        <v>9</v>
      </c>
      <c r="T12938">
        <v>9</v>
      </c>
      <c r="U12938">
        <v>9</v>
      </c>
      <c r="V12938">
        <v>10</v>
      </c>
      <c r="W12938">
        <v>10</v>
      </c>
      <c r="X12938">
        <v>10</v>
      </c>
      <c r="Y12938">
        <v>10</v>
      </c>
      <c r="Z12938">
        <v>10</v>
      </c>
      <c r="AA12938">
        <v>10</v>
      </c>
      <c r="AB12938">
        <v>10</v>
      </c>
      <c r="AC12938">
        <v>10</v>
      </c>
      <c r="AD12938">
        <v>11</v>
      </c>
      <c r="AE12938">
        <v>11</v>
      </c>
      <c r="AF12938">
        <v>11</v>
      </c>
      <c r="AG12938">
        <v>11</v>
      </c>
      <c r="AH12938">
        <v>11</v>
      </c>
      <c r="AI12938">
        <v>11</v>
      </c>
      <c r="AJ12938">
        <v>11</v>
      </c>
      <c r="AK12938">
        <v>11</v>
      </c>
      <c r="AL12938">
        <v>11</v>
      </c>
      <c r="AM12938">
        <v>11</v>
      </c>
      <c r="AN12938">
        <v>11</v>
      </c>
      <c r="AO12938">
        <v>11</v>
      </c>
      <c r="AP12938">
        <v>11</v>
      </c>
      <c r="AQ12938">
        <v>11</v>
      </c>
    </row>
    <row r="12939" spans="1:43">
      <c r="A12939" t="s">
        <v>8034</v>
      </c>
      <c r="B12939" t="s">
        <v>8035</v>
      </c>
      <c r="C12939" t="s">
        <v>8020</v>
      </c>
      <c r="D12939" t="s">
        <v>8021</v>
      </c>
      <c r="E12939" t="s">
        <v>8022</v>
      </c>
      <c r="F12939" t="s">
        <v>8023</v>
      </c>
      <c r="G12939" t="s">
        <v>80</v>
      </c>
      <c r="H12939" t="s">
        <v>81</v>
      </c>
      <c r="I12939" s="2">
        <v>0</v>
      </c>
      <c r="J12939" s="2">
        <v>1</v>
      </c>
      <c r="K12939" s="2">
        <v>0</v>
      </c>
      <c r="L12939" t="s">
        <v>82</v>
      </c>
      <c r="M12939" t="s">
        <v>87</v>
      </c>
      <c r="N12939" t="s">
        <v>88</v>
      </c>
      <c r="O12939" t="s">
        <v>85</v>
      </c>
      <c r="P12939" t="s">
        <v>86</v>
      </c>
      <c r="Q12939">
        <v>9</v>
      </c>
      <c r="R12939">
        <v>9</v>
      </c>
      <c r="S12939">
        <v>9</v>
      </c>
      <c r="T12939">
        <v>9</v>
      </c>
      <c r="U12939">
        <v>9</v>
      </c>
      <c r="V12939">
        <v>9</v>
      </c>
      <c r="W12939">
        <v>9</v>
      </c>
      <c r="X12939">
        <v>9</v>
      </c>
      <c r="Y12939">
        <v>9</v>
      </c>
      <c r="Z12939">
        <v>9</v>
      </c>
      <c r="AA12939">
        <v>9</v>
      </c>
      <c r="AB12939">
        <v>9</v>
      </c>
      <c r="AC12939">
        <v>9</v>
      </c>
      <c r="AD12939">
        <v>9</v>
      </c>
      <c r="AE12939">
        <v>9</v>
      </c>
      <c r="AF12939">
        <v>9</v>
      </c>
      <c r="AG12939">
        <v>9</v>
      </c>
      <c r="AH12939">
        <v>9</v>
      </c>
      <c r="AI12939">
        <v>10</v>
      </c>
      <c r="AJ12939">
        <v>10</v>
      </c>
      <c r="AK12939">
        <v>10</v>
      </c>
      <c r="AL12939">
        <v>10</v>
      </c>
      <c r="AM12939">
        <v>10</v>
      </c>
      <c r="AN12939">
        <v>10</v>
      </c>
      <c r="AO12939">
        <v>10</v>
      </c>
      <c r="AP12939">
        <v>10</v>
      </c>
      <c r="AQ12939">
        <v>10</v>
      </c>
    </row>
    <row r="12940" spans="1:43">
      <c r="A12940" t="s">
        <v>8034</v>
      </c>
      <c r="B12940" t="s">
        <v>8035</v>
      </c>
      <c r="C12940" t="s">
        <v>8020</v>
      </c>
      <c r="D12940" t="s">
        <v>8021</v>
      </c>
      <c r="E12940" t="s">
        <v>8022</v>
      </c>
      <c r="F12940" t="s">
        <v>8023</v>
      </c>
      <c r="G12940" t="s">
        <v>80</v>
      </c>
      <c r="H12940" t="s">
        <v>81</v>
      </c>
      <c r="I12940" s="2">
        <v>0</v>
      </c>
      <c r="J12940" s="2">
        <v>1</v>
      </c>
      <c r="K12940" s="2">
        <v>0</v>
      </c>
      <c r="L12940" t="s">
        <v>82</v>
      </c>
      <c r="M12940" t="s">
        <v>89</v>
      </c>
      <c r="N12940" t="s">
        <v>90</v>
      </c>
      <c r="O12940" t="s">
        <v>85</v>
      </c>
      <c r="P12940" t="s">
        <v>86</v>
      </c>
      <c r="Q12940">
        <v>9</v>
      </c>
      <c r="R12940">
        <v>9</v>
      </c>
      <c r="S12940">
        <v>9</v>
      </c>
      <c r="T12940">
        <v>10</v>
      </c>
      <c r="U12940">
        <v>10</v>
      </c>
      <c r="V12940">
        <v>10</v>
      </c>
      <c r="W12940">
        <v>10</v>
      </c>
      <c r="X12940">
        <v>10</v>
      </c>
      <c r="Y12940">
        <v>11</v>
      </c>
      <c r="Z12940">
        <v>11</v>
      </c>
      <c r="AA12940">
        <v>11</v>
      </c>
      <c r="AB12940">
        <v>11</v>
      </c>
      <c r="AC12940">
        <v>11</v>
      </c>
      <c r="AD12940">
        <v>11</v>
      </c>
      <c r="AE12940">
        <v>11</v>
      </c>
      <c r="AF12940">
        <v>11</v>
      </c>
      <c r="AG12940">
        <v>11</v>
      </c>
      <c r="AH12940">
        <v>11</v>
      </c>
      <c r="AI12940">
        <v>11</v>
      </c>
      <c r="AJ12940">
        <v>11</v>
      </c>
      <c r="AK12940">
        <v>11</v>
      </c>
      <c r="AL12940">
        <v>11</v>
      </c>
      <c r="AM12940">
        <v>11</v>
      </c>
      <c r="AN12940">
        <v>11</v>
      </c>
      <c r="AO12940">
        <v>11</v>
      </c>
      <c r="AP12940">
        <v>11</v>
      </c>
      <c r="AQ12940">
        <v>11</v>
      </c>
    </row>
    <row r="12941" spans="1:43">
      <c r="A12941" t="s">
        <v>8034</v>
      </c>
      <c r="B12941" t="s">
        <v>8035</v>
      </c>
      <c r="C12941" t="s">
        <v>8020</v>
      </c>
      <c r="D12941" t="s">
        <v>8021</v>
      </c>
      <c r="E12941" t="s">
        <v>8022</v>
      </c>
      <c r="F12941" t="s">
        <v>8023</v>
      </c>
      <c r="G12941" t="s">
        <v>80</v>
      </c>
      <c r="H12941" t="s">
        <v>81</v>
      </c>
      <c r="I12941" s="2">
        <v>0</v>
      </c>
      <c r="J12941" s="2">
        <v>1</v>
      </c>
      <c r="K12941" s="2">
        <v>0</v>
      </c>
      <c r="L12941" t="s">
        <v>82</v>
      </c>
      <c r="M12941" t="s">
        <v>83</v>
      </c>
      <c r="N12941" t="s">
        <v>91</v>
      </c>
      <c r="O12941" t="s">
        <v>85</v>
      </c>
      <c r="P12941" t="s">
        <v>86</v>
      </c>
      <c r="Q12941">
        <v>9</v>
      </c>
      <c r="R12941">
        <v>9</v>
      </c>
      <c r="S12941">
        <v>9</v>
      </c>
      <c r="T12941">
        <v>9</v>
      </c>
      <c r="U12941">
        <v>9</v>
      </c>
      <c r="V12941">
        <v>10</v>
      </c>
      <c r="W12941">
        <v>10</v>
      </c>
      <c r="X12941">
        <v>10</v>
      </c>
      <c r="Y12941">
        <v>10</v>
      </c>
      <c r="Z12941">
        <v>10</v>
      </c>
      <c r="AA12941">
        <v>10</v>
      </c>
      <c r="AB12941">
        <v>10</v>
      </c>
      <c r="AC12941">
        <v>10</v>
      </c>
      <c r="AD12941">
        <v>11</v>
      </c>
      <c r="AE12941">
        <v>11</v>
      </c>
      <c r="AF12941">
        <v>11</v>
      </c>
      <c r="AG12941">
        <v>11</v>
      </c>
      <c r="AH12941">
        <v>11</v>
      </c>
      <c r="AI12941">
        <v>11</v>
      </c>
      <c r="AJ12941">
        <v>11</v>
      </c>
      <c r="AK12941">
        <v>11</v>
      </c>
      <c r="AL12941">
        <v>11</v>
      </c>
      <c r="AM12941">
        <v>11</v>
      </c>
      <c r="AN12941">
        <v>11</v>
      </c>
      <c r="AO12941">
        <v>11</v>
      </c>
      <c r="AP12941">
        <v>11</v>
      </c>
      <c r="AQ12941">
        <v>11</v>
      </c>
    </row>
    <row r="12942" spans="1:43">
      <c r="A12942" t="s">
        <v>8036</v>
      </c>
      <c r="B12942" t="s">
        <v>8037</v>
      </c>
      <c r="C12942" t="s">
        <v>8038</v>
      </c>
      <c r="D12942" t="s">
        <v>8039</v>
      </c>
      <c r="E12942" t="s">
        <v>8022</v>
      </c>
      <c r="F12942" t="s">
        <v>8023</v>
      </c>
      <c r="G12942" t="s">
        <v>80</v>
      </c>
      <c r="H12942" t="s">
        <v>81</v>
      </c>
      <c r="I12942" s="2">
        <v>0</v>
      </c>
      <c r="J12942" s="2">
        <v>1</v>
      </c>
      <c r="K12942" s="2">
        <v>0</v>
      </c>
      <c r="L12942" t="s">
        <v>82</v>
      </c>
      <c r="M12942" t="s">
        <v>83</v>
      </c>
      <c r="N12942" t="s">
        <v>84</v>
      </c>
      <c r="O12942" t="s">
        <v>85</v>
      </c>
      <c r="P12942" t="s">
        <v>86</v>
      </c>
      <c r="Q12942">
        <v>66</v>
      </c>
      <c r="R12942">
        <v>67</v>
      </c>
      <c r="S12942">
        <v>68</v>
      </c>
      <c r="T12942">
        <v>69</v>
      </c>
      <c r="U12942">
        <v>70</v>
      </c>
      <c r="V12942">
        <v>71</v>
      </c>
      <c r="W12942">
        <v>72</v>
      </c>
      <c r="X12942">
        <v>73</v>
      </c>
      <c r="Y12942">
        <v>74</v>
      </c>
      <c r="Z12942">
        <v>75</v>
      </c>
      <c r="AA12942">
        <v>76</v>
      </c>
      <c r="AB12942">
        <v>77</v>
      </c>
      <c r="AC12942">
        <v>78</v>
      </c>
      <c r="AD12942">
        <v>78</v>
      </c>
      <c r="AE12942">
        <v>79</v>
      </c>
      <c r="AF12942">
        <v>80</v>
      </c>
      <c r="AG12942">
        <v>81</v>
      </c>
      <c r="AH12942">
        <v>82</v>
      </c>
      <c r="AI12942">
        <v>82</v>
      </c>
      <c r="AJ12942">
        <v>83</v>
      </c>
      <c r="AK12942">
        <v>84</v>
      </c>
      <c r="AL12942">
        <v>84</v>
      </c>
      <c r="AM12942">
        <v>84</v>
      </c>
      <c r="AN12942">
        <v>84</v>
      </c>
      <c r="AO12942">
        <v>84</v>
      </c>
      <c r="AP12942">
        <v>84</v>
      </c>
      <c r="AQ12942">
        <v>84</v>
      </c>
    </row>
    <row r="12943" spans="1:43">
      <c r="A12943" t="s">
        <v>8036</v>
      </c>
      <c r="B12943" t="s">
        <v>8037</v>
      </c>
      <c r="C12943" t="s">
        <v>8038</v>
      </c>
      <c r="D12943" t="s">
        <v>8039</v>
      </c>
      <c r="E12943" t="s">
        <v>8022</v>
      </c>
      <c r="F12943" t="s">
        <v>8023</v>
      </c>
      <c r="G12943" t="s">
        <v>80</v>
      </c>
      <c r="H12943" t="s">
        <v>81</v>
      </c>
      <c r="I12943" s="2">
        <v>0</v>
      </c>
      <c r="J12943" s="2">
        <v>1</v>
      </c>
      <c r="K12943" s="2">
        <v>0</v>
      </c>
      <c r="L12943" t="s">
        <v>82</v>
      </c>
      <c r="M12943" t="s">
        <v>87</v>
      </c>
      <c r="N12943" t="s">
        <v>88</v>
      </c>
      <c r="O12943" t="s">
        <v>85</v>
      </c>
      <c r="P12943" t="s">
        <v>86</v>
      </c>
      <c r="Q12943">
        <v>66</v>
      </c>
      <c r="R12943">
        <v>66</v>
      </c>
      <c r="S12943">
        <v>66</v>
      </c>
      <c r="T12943">
        <v>67</v>
      </c>
      <c r="U12943">
        <v>67</v>
      </c>
      <c r="V12943">
        <v>68</v>
      </c>
      <c r="W12943">
        <v>68</v>
      </c>
      <c r="X12943">
        <v>68</v>
      </c>
      <c r="Y12943">
        <v>68</v>
      </c>
      <c r="Z12943">
        <v>69</v>
      </c>
      <c r="AA12943">
        <v>69</v>
      </c>
      <c r="AB12943">
        <v>69</v>
      </c>
      <c r="AC12943">
        <v>70</v>
      </c>
      <c r="AD12943">
        <v>70</v>
      </c>
      <c r="AE12943">
        <v>70</v>
      </c>
      <c r="AF12943">
        <v>70</v>
      </c>
      <c r="AG12943">
        <v>71</v>
      </c>
      <c r="AH12943">
        <v>71</v>
      </c>
      <c r="AI12943">
        <v>71</v>
      </c>
      <c r="AJ12943">
        <v>71</v>
      </c>
      <c r="AK12943">
        <v>71</v>
      </c>
      <c r="AL12943">
        <v>72</v>
      </c>
      <c r="AM12943">
        <v>72</v>
      </c>
      <c r="AN12943">
        <v>72</v>
      </c>
      <c r="AO12943">
        <v>72</v>
      </c>
      <c r="AP12943">
        <v>72</v>
      </c>
      <c r="AQ12943">
        <v>72</v>
      </c>
    </row>
    <row r="12944" spans="1:43">
      <c r="A12944" t="s">
        <v>8036</v>
      </c>
      <c r="B12944" t="s">
        <v>8037</v>
      </c>
      <c r="C12944" t="s">
        <v>8038</v>
      </c>
      <c r="D12944" t="s">
        <v>8039</v>
      </c>
      <c r="E12944" t="s">
        <v>8022</v>
      </c>
      <c r="F12944" t="s">
        <v>8023</v>
      </c>
      <c r="G12944" t="s">
        <v>80</v>
      </c>
      <c r="H12944" t="s">
        <v>81</v>
      </c>
      <c r="I12944" s="2">
        <v>0</v>
      </c>
      <c r="J12944" s="2">
        <v>1</v>
      </c>
      <c r="K12944" s="2">
        <v>0</v>
      </c>
      <c r="L12944" t="s">
        <v>82</v>
      </c>
      <c r="M12944" t="s">
        <v>89</v>
      </c>
      <c r="N12944" t="s">
        <v>90</v>
      </c>
      <c r="O12944" t="s">
        <v>85</v>
      </c>
      <c r="P12944" t="s">
        <v>86</v>
      </c>
      <c r="Q12944">
        <v>66</v>
      </c>
      <c r="R12944">
        <v>68</v>
      </c>
      <c r="S12944">
        <v>69</v>
      </c>
      <c r="T12944">
        <v>71</v>
      </c>
      <c r="U12944">
        <v>72</v>
      </c>
      <c r="V12944">
        <v>74</v>
      </c>
      <c r="W12944">
        <v>75</v>
      </c>
      <c r="X12944">
        <v>76</v>
      </c>
      <c r="Y12944">
        <v>77</v>
      </c>
      <c r="Z12944">
        <v>79</v>
      </c>
      <c r="AA12944">
        <v>80</v>
      </c>
      <c r="AB12944">
        <v>81</v>
      </c>
      <c r="AC12944">
        <v>82</v>
      </c>
      <c r="AD12944">
        <v>83</v>
      </c>
      <c r="AE12944">
        <v>84</v>
      </c>
      <c r="AF12944">
        <v>84</v>
      </c>
      <c r="AG12944">
        <v>84</v>
      </c>
      <c r="AH12944">
        <v>84</v>
      </c>
      <c r="AI12944">
        <v>84</v>
      </c>
      <c r="AJ12944">
        <v>84</v>
      </c>
      <c r="AK12944">
        <v>84</v>
      </c>
      <c r="AL12944">
        <v>84</v>
      </c>
      <c r="AM12944">
        <v>84</v>
      </c>
      <c r="AN12944">
        <v>84</v>
      </c>
      <c r="AO12944">
        <v>84</v>
      </c>
      <c r="AP12944">
        <v>84</v>
      </c>
      <c r="AQ12944">
        <v>84</v>
      </c>
    </row>
    <row r="12945" spans="1:43">
      <c r="A12945" t="s">
        <v>8036</v>
      </c>
      <c r="B12945" t="s">
        <v>8037</v>
      </c>
      <c r="C12945" t="s">
        <v>8038</v>
      </c>
      <c r="D12945" t="s">
        <v>8039</v>
      </c>
      <c r="E12945" t="s">
        <v>8022</v>
      </c>
      <c r="F12945" t="s">
        <v>8023</v>
      </c>
      <c r="G12945" t="s">
        <v>80</v>
      </c>
      <c r="H12945" t="s">
        <v>81</v>
      </c>
      <c r="I12945" s="2">
        <v>0</v>
      </c>
      <c r="J12945" s="2">
        <v>1</v>
      </c>
      <c r="K12945" s="2">
        <v>0</v>
      </c>
      <c r="L12945" t="s">
        <v>82</v>
      </c>
      <c r="M12945" t="s">
        <v>83</v>
      </c>
      <c r="N12945" t="s">
        <v>91</v>
      </c>
      <c r="O12945" t="s">
        <v>85</v>
      </c>
      <c r="P12945" t="s">
        <v>86</v>
      </c>
      <c r="Q12945">
        <v>66</v>
      </c>
      <c r="R12945">
        <v>67</v>
      </c>
      <c r="S12945">
        <v>68</v>
      </c>
      <c r="T12945">
        <v>69</v>
      </c>
      <c r="U12945">
        <v>70</v>
      </c>
      <c r="V12945">
        <v>71</v>
      </c>
      <c r="W12945">
        <v>72</v>
      </c>
      <c r="X12945">
        <v>73</v>
      </c>
      <c r="Y12945">
        <v>74</v>
      </c>
      <c r="Z12945">
        <v>75</v>
      </c>
      <c r="AA12945">
        <v>76</v>
      </c>
      <c r="AB12945">
        <v>77</v>
      </c>
      <c r="AC12945">
        <v>78</v>
      </c>
      <c r="AD12945">
        <v>78</v>
      </c>
      <c r="AE12945">
        <v>79</v>
      </c>
      <c r="AF12945">
        <v>80</v>
      </c>
      <c r="AG12945">
        <v>81</v>
      </c>
      <c r="AH12945">
        <v>82</v>
      </c>
      <c r="AI12945">
        <v>82</v>
      </c>
      <c r="AJ12945">
        <v>83</v>
      </c>
      <c r="AK12945">
        <v>84</v>
      </c>
      <c r="AL12945">
        <v>84</v>
      </c>
      <c r="AM12945">
        <v>84</v>
      </c>
      <c r="AN12945">
        <v>84</v>
      </c>
      <c r="AO12945">
        <v>84</v>
      </c>
      <c r="AP12945">
        <v>84</v>
      </c>
      <c r="AQ12945">
        <v>84</v>
      </c>
    </row>
    <row r="12946" spans="1:43">
      <c r="A12946" t="s">
        <v>8040</v>
      </c>
      <c r="B12946" t="s">
        <v>8041</v>
      </c>
      <c r="C12946" t="s">
        <v>8042</v>
      </c>
      <c r="D12946" t="s">
        <v>8043</v>
      </c>
      <c r="E12946" t="s">
        <v>8022</v>
      </c>
      <c r="F12946" t="s">
        <v>8023</v>
      </c>
      <c r="G12946" t="s">
        <v>80</v>
      </c>
      <c r="H12946" t="s">
        <v>81</v>
      </c>
      <c r="I12946" s="2">
        <v>0</v>
      </c>
      <c r="J12946" s="2">
        <v>1</v>
      </c>
      <c r="K12946" s="2">
        <v>0</v>
      </c>
      <c r="L12946" t="s">
        <v>82</v>
      </c>
      <c r="M12946" t="s">
        <v>83</v>
      </c>
      <c r="N12946" t="s">
        <v>84</v>
      </c>
      <c r="O12946" t="s">
        <v>85</v>
      </c>
      <c r="P12946" t="s">
        <v>86</v>
      </c>
      <c r="Q12946">
        <v>31</v>
      </c>
      <c r="R12946">
        <v>31</v>
      </c>
      <c r="S12946">
        <v>32</v>
      </c>
      <c r="T12946">
        <v>32</v>
      </c>
      <c r="U12946">
        <v>33</v>
      </c>
      <c r="V12946">
        <v>33</v>
      </c>
      <c r="W12946">
        <v>33</v>
      </c>
      <c r="X12946">
        <v>34</v>
      </c>
      <c r="Y12946">
        <v>34</v>
      </c>
      <c r="Z12946">
        <v>35</v>
      </c>
      <c r="AA12946">
        <v>35</v>
      </c>
      <c r="AB12946">
        <v>36</v>
      </c>
      <c r="AC12946">
        <v>36</v>
      </c>
      <c r="AD12946">
        <v>36</v>
      </c>
      <c r="AE12946">
        <v>37</v>
      </c>
      <c r="AF12946">
        <v>37</v>
      </c>
      <c r="AG12946">
        <v>37</v>
      </c>
      <c r="AH12946">
        <v>38</v>
      </c>
      <c r="AI12946">
        <v>38</v>
      </c>
      <c r="AJ12946">
        <v>39</v>
      </c>
      <c r="AK12946">
        <v>39</v>
      </c>
      <c r="AL12946">
        <v>39</v>
      </c>
      <c r="AM12946">
        <v>39</v>
      </c>
      <c r="AN12946">
        <v>39</v>
      </c>
      <c r="AO12946">
        <v>39</v>
      </c>
      <c r="AP12946">
        <v>39</v>
      </c>
      <c r="AQ12946">
        <v>39</v>
      </c>
    </row>
    <row r="12947" spans="1:43">
      <c r="A12947" t="s">
        <v>8040</v>
      </c>
      <c r="B12947" t="s">
        <v>8041</v>
      </c>
      <c r="C12947" t="s">
        <v>8042</v>
      </c>
      <c r="D12947" t="s">
        <v>8043</v>
      </c>
      <c r="E12947" t="s">
        <v>8022</v>
      </c>
      <c r="F12947" t="s">
        <v>8023</v>
      </c>
      <c r="G12947" t="s">
        <v>80</v>
      </c>
      <c r="H12947" t="s">
        <v>81</v>
      </c>
      <c r="I12947" s="2">
        <v>0</v>
      </c>
      <c r="J12947" s="2">
        <v>1</v>
      </c>
      <c r="K12947" s="2">
        <v>0</v>
      </c>
      <c r="L12947" t="s">
        <v>82</v>
      </c>
      <c r="M12947" t="s">
        <v>87</v>
      </c>
      <c r="N12947" t="s">
        <v>88</v>
      </c>
      <c r="O12947" t="s">
        <v>85</v>
      </c>
      <c r="P12947" t="s">
        <v>86</v>
      </c>
      <c r="Q12947">
        <v>31</v>
      </c>
      <c r="R12947">
        <v>32</v>
      </c>
      <c r="S12947">
        <v>32</v>
      </c>
      <c r="T12947">
        <v>32</v>
      </c>
      <c r="U12947">
        <v>32</v>
      </c>
      <c r="V12947">
        <v>32</v>
      </c>
      <c r="W12947">
        <v>32</v>
      </c>
      <c r="X12947">
        <v>33</v>
      </c>
      <c r="Y12947">
        <v>33</v>
      </c>
      <c r="Z12947">
        <v>33</v>
      </c>
      <c r="AA12947">
        <v>33</v>
      </c>
      <c r="AB12947">
        <v>33</v>
      </c>
      <c r="AC12947">
        <v>33</v>
      </c>
      <c r="AD12947">
        <v>33</v>
      </c>
      <c r="AE12947">
        <v>34</v>
      </c>
      <c r="AF12947">
        <v>34</v>
      </c>
      <c r="AG12947">
        <v>34</v>
      </c>
      <c r="AH12947">
        <v>34</v>
      </c>
      <c r="AI12947">
        <v>34</v>
      </c>
      <c r="AJ12947">
        <v>34</v>
      </c>
      <c r="AK12947">
        <v>34</v>
      </c>
      <c r="AL12947">
        <v>34</v>
      </c>
      <c r="AM12947">
        <v>34</v>
      </c>
      <c r="AN12947">
        <v>34</v>
      </c>
      <c r="AO12947">
        <v>34</v>
      </c>
      <c r="AP12947">
        <v>34</v>
      </c>
      <c r="AQ12947">
        <v>35</v>
      </c>
    </row>
    <row r="12948" spans="1:43">
      <c r="A12948" t="s">
        <v>8040</v>
      </c>
      <c r="B12948" t="s">
        <v>8041</v>
      </c>
      <c r="C12948" t="s">
        <v>8042</v>
      </c>
      <c r="D12948" t="s">
        <v>8043</v>
      </c>
      <c r="E12948" t="s">
        <v>8022</v>
      </c>
      <c r="F12948" t="s">
        <v>8023</v>
      </c>
      <c r="G12948" t="s">
        <v>80</v>
      </c>
      <c r="H12948" t="s">
        <v>81</v>
      </c>
      <c r="I12948" s="2">
        <v>0</v>
      </c>
      <c r="J12948" s="2">
        <v>1</v>
      </c>
      <c r="K12948" s="2">
        <v>0</v>
      </c>
      <c r="L12948" t="s">
        <v>82</v>
      </c>
      <c r="M12948" t="s">
        <v>89</v>
      </c>
      <c r="N12948" t="s">
        <v>90</v>
      </c>
      <c r="O12948" t="s">
        <v>85</v>
      </c>
      <c r="P12948" t="s">
        <v>86</v>
      </c>
      <c r="Q12948">
        <v>31</v>
      </c>
      <c r="R12948">
        <v>32</v>
      </c>
      <c r="S12948">
        <v>32</v>
      </c>
      <c r="T12948">
        <v>33</v>
      </c>
      <c r="U12948">
        <v>34</v>
      </c>
      <c r="V12948">
        <v>35</v>
      </c>
      <c r="W12948">
        <v>35</v>
      </c>
      <c r="X12948">
        <v>36</v>
      </c>
      <c r="Y12948">
        <v>36</v>
      </c>
      <c r="Z12948">
        <v>37</v>
      </c>
      <c r="AA12948">
        <v>37</v>
      </c>
      <c r="AB12948">
        <v>38</v>
      </c>
      <c r="AC12948">
        <v>39</v>
      </c>
      <c r="AD12948">
        <v>39</v>
      </c>
      <c r="AE12948">
        <v>39</v>
      </c>
      <c r="AF12948">
        <v>39</v>
      </c>
      <c r="AG12948">
        <v>39</v>
      </c>
      <c r="AH12948">
        <v>39</v>
      </c>
      <c r="AI12948">
        <v>39</v>
      </c>
      <c r="AJ12948">
        <v>39</v>
      </c>
      <c r="AK12948">
        <v>39</v>
      </c>
      <c r="AL12948">
        <v>39</v>
      </c>
      <c r="AM12948">
        <v>39</v>
      </c>
      <c r="AN12948">
        <v>39</v>
      </c>
      <c r="AO12948">
        <v>39</v>
      </c>
      <c r="AP12948">
        <v>39</v>
      </c>
      <c r="AQ12948">
        <v>39</v>
      </c>
    </row>
    <row r="12949" spans="1:43">
      <c r="A12949" t="s">
        <v>8040</v>
      </c>
      <c r="B12949" t="s">
        <v>8041</v>
      </c>
      <c r="C12949" t="s">
        <v>8042</v>
      </c>
      <c r="D12949" t="s">
        <v>8043</v>
      </c>
      <c r="E12949" t="s">
        <v>8022</v>
      </c>
      <c r="F12949" t="s">
        <v>8023</v>
      </c>
      <c r="G12949" t="s">
        <v>80</v>
      </c>
      <c r="H12949" t="s">
        <v>81</v>
      </c>
      <c r="I12949" s="2">
        <v>0</v>
      </c>
      <c r="J12949" s="2">
        <v>1</v>
      </c>
      <c r="K12949" s="2">
        <v>0</v>
      </c>
      <c r="L12949" t="s">
        <v>82</v>
      </c>
      <c r="M12949" t="s">
        <v>83</v>
      </c>
      <c r="N12949" t="s">
        <v>91</v>
      </c>
      <c r="O12949" t="s">
        <v>85</v>
      </c>
      <c r="P12949" t="s">
        <v>86</v>
      </c>
      <c r="Q12949">
        <v>31</v>
      </c>
      <c r="R12949">
        <v>31</v>
      </c>
      <c r="S12949">
        <v>32</v>
      </c>
      <c r="T12949">
        <v>32</v>
      </c>
      <c r="U12949">
        <v>33</v>
      </c>
      <c r="V12949">
        <v>33</v>
      </c>
      <c r="W12949">
        <v>33</v>
      </c>
      <c r="X12949">
        <v>34</v>
      </c>
      <c r="Y12949">
        <v>34</v>
      </c>
      <c r="Z12949">
        <v>35</v>
      </c>
      <c r="AA12949">
        <v>35</v>
      </c>
      <c r="AB12949">
        <v>36</v>
      </c>
      <c r="AC12949">
        <v>36</v>
      </c>
      <c r="AD12949">
        <v>36</v>
      </c>
      <c r="AE12949">
        <v>37</v>
      </c>
      <c r="AF12949">
        <v>37</v>
      </c>
      <c r="AG12949">
        <v>37</v>
      </c>
      <c r="AH12949">
        <v>38</v>
      </c>
      <c r="AI12949">
        <v>38</v>
      </c>
      <c r="AJ12949">
        <v>39</v>
      </c>
      <c r="AK12949">
        <v>39</v>
      </c>
      <c r="AL12949">
        <v>39</v>
      </c>
      <c r="AM12949">
        <v>39</v>
      </c>
      <c r="AN12949">
        <v>39</v>
      </c>
      <c r="AO12949">
        <v>39</v>
      </c>
      <c r="AP12949">
        <v>39</v>
      </c>
      <c r="AQ12949">
        <v>39</v>
      </c>
    </row>
    <row r="12950" spans="1:43">
      <c r="A12950" t="s">
        <v>8044</v>
      </c>
      <c r="B12950" t="s">
        <v>8045</v>
      </c>
      <c r="C12950" t="s">
        <v>8042</v>
      </c>
      <c r="D12950" t="s">
        <v>8043</v>
      </c>
      <c r="E12950" t="s">
        <v>8022</v>
      </c>
      <c r="F12950" t="s">
        <v>8023</v>
      </c>
      <c r="G12950" t="s">
        <v>80</v>
      </c>
      <c r="H12950" t="s">
        <v>81</v>
      </c>
      <c r="I12950" s="2">
        <v>0</v>
      </c>
      <c r="J12950" s="2">
        <v>1</v>
      </c>
      <c r="K12950" s="2">
        <v>0</v>
      </c>
      <c r="L12950" t="s">
        <v>82</v>
      </c>
      <c r="M12950" t="s">
        <v>83</v>
      </c>
      <c r="N12950" t="s">
        <v>84</v>
      </c>
      <c r="O12950" t="s">
        <v>85</v>
      </c>
      <c r="P12950" t="s">
        <v>86</v>
      </c>
      <c r="Q12950">
        <v>11</v>
      </c>
      <c r="R12950">
        <v>11</v>
      </c>
      <c r="S12950">
        <v>11</v>
      </c>
      <c r="T12950">
        <v>11</v>
      </c>
      <c r="U12950">
        <v>11</v>
      </c>
      <c r="V12950">
        <v>12</v>
      </c>
      <c r="W12950">
        <v>12</v>
      </c>
      <c r="X12950">
        <v>12</v>
      </c>
      <c r="Y12950">
        <v>12</v>
      </c>
      <c r="Z12950">
        <v>12</v>
      </c>
      <c r="AA12950">
        <v>12</v>
      </c>
      <c r="AB12950">
        <v>12</v>
      </c>
      <c r="AC12950">
        <v>13</v>
      </c>
      <c r="AD12950">
        <v>13</v>
      </c>
      <c r="AE12950">
        <v>13</v>
      </c>
      <c r="AF12950">
        <v>13</v>
      </c>
      <c r="AG12950">
        <v>13</v>
      </c>
      <c r="AH12950">
        <v>13</v>
      </c>
      <c r="AI12950">
        <v>13</v>
      </c>
      <c r="AJ12950">
        <v>13</v>
      </c>
      <c r="AK12950">
        <v>14</v>
      </c>
      <c r="AL12950">
        <v>14</v>
      </c>
      <c r="AM12950">
        <v>14</v>
      </c>
      <c r="AN12950">
        <v>14</v>
      </c>
      <c r="AO12950">
        <v>14</v>
      </c>
      <c r="AP12950">
        <v>14</v>
      </c>
      <c r="AQ12950">
        <v>14</v>
      </c>
    </row>
    <row r="12951" spans="1:43">
      <c r="A12951" t="s">
        <v>8044</v>
      </c>
      <c r="B12951" t="s">
        <v>8045</v>
      </c>
      <c r="C12951" t="s">
        <v>8042</v>
      </c>
      <c r="D12951" t="s">
        <v>8043</v>
      </c>
      <c r="E12951" t="s">
        <v>8022</v>
      </c>
      <c r="F12951" t="s">
        <v>8023</v>
      </c>
      <c r="G12951" t="s">
        <v>80</v>
      </c>
      <c r="H12951" t="s">
        <v>81</v>
      </c>
      <c r="I12951" s="2">
        <v>0</v>
      </c>
      <c r="J12951" s="2">
        <v>1</v>
      </c>
      <c r="K12951" s="2">
        <v>0</v>
      </c>
      <c r="L12951" t="s">
        <v>82</v>
      </c>
      <c r="M12951" t="s">
        <v>87</v>
      </c>
      <c r="N12951" t="s">
        <v>88</v>
      </c>
      <c r="O12951" t="s">
        <v>85</v>
      </c>
      <c r="P12951" t="s">
        <v>86</v>
      </c>
      <c r="Q12951">
        <v>11</v>
      </c>
      <c r="R12951">
        <v>11</v>
      </c>
      <c r="S12951">
        <v>11</v>
      </c>
      <c r="T12951">
        <v>11</v>
      </c>
      <c r="U12951">
        <v>11</v>
      </c>
      <c r="V12951">
        <v>11</v>
      </c>
      <c r="W12951">
        <v>11</v>
      </c>
      <c r="X12951">
        <v>11</v>
      </c>
      <c r="Y12951">
        <v>11</v>
      </c>
      <c r="Z12951">
        <v>11</v>
      </c>
      <c r="AA12951">
        <v>11</v>
      </c>
      <c r="AB12951">
        <v>11</v>
      </c>
      <c r="AC12951">
        <v>11</v>
      </c>
      <c r="AD12951">
        <v>11</v>
      </c>
      <c r="AE12951">
        <v>11</v>
      </c>
      <c r="AF12951">
        <v>11</v>
      </c>
      <c r="AG12951">
        <v>11</v>
      </c>
      <c r="AH12951">
        <v>11</v>
      </c>
      <c r="AI12951">
        <v>11</v>
      </c>
      <c r="AJ12951">
        <v>12</v>
      </c>
      <c r="AK12951">
        <v>12</v>
      </c>
      <c r="AL12951">
        <v>12</v>
      </c>
      <c r="AM12951">
        <v>12</v>
      </c>
      <c r="AN12951">
        <v>12</v>
      </c>
      <c r="AO12951">
        <v>12</v>
      </c>
      <c r="AP12951">
        <v>12</v>
      </c>
      <c r="AQ12951">
        <v>12</v>
      </c>
    </row>
    <row r="12952" spans="1:43">
      <c r="A12952" t="s">
        <v>8044</v>
      </c>
      <c r="B12952" t="s">
        <v>8045</v>
      </c>
      <c r="C12952" t="s">
        <v>8042</v>
      </c>
      <c r="D12952" t="s">
        <v>8043</v>
      </c>
      <c r="E12952" t="s">
        <v>8022</v>
      </c>
      <c r="F12952" t="s">
        <v>8023</v>
      </c>
      <c r="G12952" t="s">
        <v>80</v>
      </c>
      <c r="H12952" t="s">
        <v>81</v>
      </c>
      <c r="I12952" s="2">
        <v>0</v>
      </c>
      <c r="J12952" s="2">
        <v>1</v>
      </c>
      <c r="K12952" s="2">
        <v>0</v>
      </c>
      <c r="L12952" t="s">
        <v>82</v>
      </c>
      <c r="M12952" t="s">
        <v>89</v>
      </c>
      <c r="N12952" t="s">
        <v>90</v>
      </c>
      <c r="O12952" t="s">
        <v>85</v>
      </c>
      <c r="P12952" t="s">
        <v>86</v>
      </c>
      <c r="Q12952">
        <v>11</v>
      </c>
      <c r="R12952">
        <v>11</v>
      </c>
      <c r="S12952">
        <v>11</v>
      </c>
      <c r="T12952">
        <v>12</v>
      </c>
      <c r="U12952">
        <v>12</v>
      </c>
      <c r="V12952">
        <v>12</v>
      </c>
      <c r="W12952">
        <v>12</v>
      </c>
      <c r="X12952">
        <v>12</v>
      </c>
      <c r="Y12952">
        <v>13</v>
      </c>
      <c r="Z12952">
        <v>13</v>
      </c>
      <c r="AA12952">
        <v>13</v>
      </c>
      <c r="AB12952">
        <v>13</v>
      </c>
      <c r="AC12952">
        <v>13</v>
      </c>
      <c r="AD12952">
        <v>14</v>
      </c>
      <c r="AE12952">
        <v>14</v>
      </c>
      <c r="AF12952">
        <v>14</v>
      </c>
      <c r="AG12952">
        <v>14</v>
      </c>
      <c r="AH12952">
        <v>14</v>
      </c>
      <c r="AI12952">
        <v>14</v>
      </c>
      <c r="AJ12952">
        <v>14</v>
      </c>
      <c r="AK12952">
        <v>14</v>
      </c>
      <c r="AL12952">
        <v>14</v>
      </c>
      <c r="AM12952">
        <v>14</v>
      </c>
      <c r="AN12952">
        <v>14</v>
      </c>
      <c r="AO12952">
        <v>14</v>
      </c>
      <c r="AP12952">
        <v>14</v>
      </c>
      <c r="AQ12952">
        <v>14</v>
      </c>
    </row>
    <row r="12953" spans="1:43">
      <c r="A12953" t="s">
        <v>8044</v>
      </c>
      <c r="B12953" t="s">
        <v>8045</v>
      </c>
      <c r="C12953" t="s">
        <v>8042</v>
      </c>
      <c r="D12953" t="s">
        <v>8043</v>
      </c>
      <c r="E12953" t="s">
        <v>8022</v>
      </c>
      <c r="F12953" t="s">
        <v>8023</v>
      </c>
      <c r="G12953" t="s">
        <v>80</v>
      </c>
      <c r="H12953" t="s">
        <v>81</v>
      </c>
      <c r="I12953" s="2">
        <v>0</v>
      </c>
      <c r="J12953" s="2">
        <v>1</v>
      </c>
      <c r="K12953" s="2">
        <v>0</v>
      </c>
      <c r="L12953" t="s">
        <v>82</v>
      </c>
      <c r="M12953" t="s">
        <v>83</v>
      </c>
      <c r="N12953" t="s">
        <v>91</v>
      </c>
      <c r="O12953" t="s">
        <v>85</v>
      </c>
      <c r="P12953" t="s">
        <v>86</v>
      </c>
      <c r="Q12953">
        <v>11</v>
      </c>
      <c r="R12953">
        <v>11</v>
      </c>
      <c r="S12953">
        <v>11</v>
      </c>
      <c r="T12953">
        <v>11</v>
      </c>
      <c r="U12953">
        <v>11</v>
      </c>
      <c r="V12953">
        <v>12</v>
      </c>
      <c r="W12953">
        <v>12</v>
      </c>
      <c r="X12953">
        <v>12</v>
      </c>
      <c r="Y12953">
        <v>12</v>
      </c>
      <c r="Z12953">
        <v>12</v>
      </c>
      <c r="AA12953">
        <v>12</v>
      </c>
      <c r="AB12953">
        <v>12</v>
      </c>
      <c r="AC12953">
        <v>13</v>
      </c>
      <c r="AD12953">
        <v>13</v>
      </c>
      <c r="AE12953">
        <v>13</v>
      </c>
      <c r="AF12953">
        <v>13</v>
      </c>
      <c r="AG12953">
        <v>13</v>
      </c>
      <c r="AH12953">
        <v>13</v>
      </c>
      <c r="AI12953">
        <v>13</v>
      </c>
      <c r="AJ12953">
        <v>13</v>
      </c>
      <c r="AK12953">
        <v>14</v>
      </c>
      <c r="AL12953">
        <v>14</v>
      </c>
      <c r="AM12953">
        <v>14</v>
      </c>
      <c r="AN12953">
        <v>14</v>
      </c>
      <c r="AO12953">
        <v>14</v>
      </c>
      <c r="AP12953">
        <v>14</v>
      </c>
      <c r="AQ12953">
        <v>14</v>
      </c>
    </row>
    <row r="12954" spans="1:43">
      <c r="A12954" t="s">
        <v>8046</v>
      </c>
      <c r="B12954" t="s">
        <v>8047</v>
      </c>
      <c r="C12954" t="s">
        <v>8038</v>
      </c>
      <c r="D12954" t="s">
        <v>8039</v>
      </c>
      <c r="E12954" t="s">
        <v>8022</v>
      </c>
      <c r="F12954" t="s">
        <v>8023</v>
      </c>
      <c r="G12954" t="s">
        <v>80</v>
      </c>
      <c r="H12954" t="s">
        <v>81</v>
      </c>
      <c r="I12954" s="2">
        <v>0</v>
      </c>
      <c r="J12954" s="2">
        <v>1</v>
      </c>
      <c r="K12954" s="2">
        <v>0</v>
      </c>
      <c r="L12954" t="s">
        <v>82</v>
      </c>
      <c r="M12954" t="s">
        <v>83</v>
      </c>
      <c r="N12954" t="s">
        <v>84</v>
      </c>
      <c r="O12954" t="s">
        <v>85</v>
      </c>
      <c r="P12954" t="s">
        <v>86</v>
      </c>
      <c r="Q12954">
        <v>136</v>
      </c>
      <c r="R12954">
        <v>138</v>
      </c>
      <c r="S12954">
        <v>140</v>
      </c>
      <c r="T12954">
        <v>142</v>
      </c>
      <c r="U12954">
        <v>144</v>
      </c>
      <c r="V12954">
        <v>146</v>
      </c>
      <c r="W12954">
        <v>148</v>
      </c>
      <c r="X12954">
        <v>150</v>
      </c>
      <c r="Y12954">
        <v>152</v>
      </c>
      <c r="Z12954">
        <v>154</v>
      </c>
      <c r="AA12954">
        <v>156</v>
      </c>
      <c r="AB12954">
        <v>158</v>
      </c>
      <c r="AC12954">
        <v>159</v>
      </c>
      <c r="AD12954">
        <v>161</v>
      </c>
      <c r="AE12954">
        <v>163</v>
      </c>
      <c r="AF12954">
        <v>164</v>
      </c>
      <c r="AG12954">
        <v>166</v>
      </c>
      <c r="AH12954">
        <v>168</v>
      </c>
      <c r="AI12954">
        <v>169</v>
      </c>
      <c r="AJ12954">
        <v>171</v>
      </c>
      <c r="AK12954">
        <v>172</v>
      </c>
      <c r="AL12954">
        <v>173</v>
      </c>
      <c r="AM12954">
        <v>173</v>
      </c>
      <c r="AN12954">
        <v>172</v>
      </c>
      <c r="AO12954">
        <v>172</v>
      </c>
      <c r="AP12954">
        <v>172</v>
      </c>
      <c r="AQ12954">
        <v>172</v>
      </c>
    </row>
    <row r="12955" spans="1:43">
      <c r="A12955" t="s">
        <v>8046</v>
      </c>
      <c r="B12955" t="s">
        <v>8047</v>
      </c>
      <c r="C12955" t="s">
        <v>8038</v>
      </c>
      <c r="D12955" t="s">
        <v>8039</v>
      </c>
      <c r="E12955" t="s">
        <v>8022</v>
      </c>
      <c r="F12955" t="s">
        <v>8023</v>
      </c>
      <c r="G12955" t="s">
        <v>80</v>
      </c>
      <c r="H12955" t="s">
        <v>81</v>
      </c>
      <c r="I12955" s="2">
        <v>0</v>
      </c>
      <c r="J12955" s="2">
        <v>1</v>
      </c>
      <c r="K12955" s="2">
        <v>0</v>
      </c>
      <c r="L12955" t="s">
        <v>82</v>
      </c>
      <c r="M12955" t="s">
        <v>87</v>
      </c>
      <c r="N12955" t="s">
        <v>88</v>
      </c>
      <c r="O12955" t="s">
        <v>85</v>
      </c>
      <c r="P12955" t="s">
        <v>86</v>
      </c>
      <c r="Q12955">
        <v>136</v>
      </c>
      <c r="R12955">
        <v>137</v>
      </c>
      <c r="S12955">
        <v>137</v>
      </c>
      <c r="T12955">
        <v>138</v>
      </c>
      <c r="U12955">
        <v>139</v>
      </c>
      <c r="V12955">
        <v>140</v>
      </c>
      <c r="W12955">
        <v>140</v>
      </c>
      <c r="X12955">
        <v>141</v>
      </c>
      <c r="Y12955">
        <v>141</v>
      </c>
      <c r="Z12955">
        <v>142</v>
      </c>
      <c r="AA12955">
        <v>143</v>
      </c>
      <c r="AB12955">
        <v>143</v>
      </c>
      <c r="AC12955">
        <v>144</v>
      </c>
      <c r="AD12955">
        <v>144</v>
      </c>
      <c r="AE12955">
        <v>145</v>
      </c>
      <c r="AF12955">
        <v>145</v>
      </c>
      <c r="AG12955">
        <v>146</v>
      </c>
      <c r="AH12955">
        <v>146</v>
      </c>
      <c r="AI12955">
        <v>147</v>
      </c>
      <c r="AJ12955">
        <v>147</v>
      </c>
      <c r="AK12955">
        <v>148</v>
      </c>
      <c r="AL12955">
        <v>148</v>
      </c>
      <c r="AM12955">
        <v>148</v>
      </c>
      <c r="AN12955">
        <v>149</v>
      </c>
      <c r="AO12955">
        <v>149</v>
      </c>
      <c r="AP12955">
        <v>149</v>
      </c>
      <c r="AQ12955">
        <v>149</v>
      </c>
    </row>
    <row r="12956" spans="1:43">
      <c r="A12956" t="s">
        <v>8046</v>
      </c>
      <c r="B12956" t="s">
        <v>8047</v>
      </c>
      <c r="C12956" t="s">
        <v>8038</v>
      </c>
      <c r="D12956" t="s">
        <v>8039</v>
      </c>
      <c r="E12956" t="s">
        <v>8022</v>
      </c>
      <c r="F12956" t="s">
        <v>8023</v>
      </c>
      <c r="G12956" t="s">
        <v>80</v>
      </c>
      <c r="H12956" t="s">
        <v>81</v>
      </c>
      <c r="I12956" s="2">
        <v>0</v>
      </c>
      <c r="J12956" s="2">
        <v>1</v>
      </c>
      <c r="K12956" s="2">
        <v>0</v>
      </c>
      <c r="L12956" t="s">
        <v>82</v>
      </c>
      <c r="M12956" t="s">
        <v>89</v>
      </c>
      <c r="N12956" t="s">
        <v>90</v>
      </c>
      <c r="O12956" t="s">
        <v>85</v>
      </c>
      <c r="P12956" t="s">
        <v>86</v>
      </c>
      <c r="Q12956">
        <v>136</v>
      </c>
      <c r="R12956">
        <v>140</v>
      </c>
      <c r="S12956">
        <v>143</v>
      </c>
      <c r="T12956">
        <v>146</v>
      </c>
      <c r="U12956">
        <v>149</v>
      </c>
      <c r="V12956">
        <v>152</v>
      </c>
      <c r="W12956">
        <v>155</v>
      </c>
      <c r="X12956">
        <v>157</v>
      </c>
      <c r="Y12956">
        <v>160</v>
      </c>
      <c r="Z12956">
        <v>163</v>
      </c>
      <c r="AA12956">
        <v>165</v>
      </c>
      <c r="AB12956">
        <v>167</v>
      </c>
      <c r="AC12956">
        <v>170</v>
      </c>
      <c r="AD12956">
        <v>172</v>
      </c>
      <c r="AE12956">
        <v>174</v>
      </c>
      <c r="AF12956">
        <v>174</v>
      </c>
      <c r="AG12956">
        <v>174</v>
      </c>
      <c r="AH12956">
        <v>174</v>
      </c>
      <c r="AI12956">
        <v>174</v>
      </c>
      <c r="AJ12956">
        <v>174</v>
      </c>
      <c r="AK12956">
        <v>174</v>
      </c>
      <c r="AL12956">
        <v>173</v>
      </c>
      <c r="AM12956">
        <v>173</v>
      </c>
      <c r="AN12956">
        <v>173</v>
      </c>
      <c r="AO12956">
        <v>173</v>
      </c>
      <c r="AP12956">
        <v>173</v>
      </c>
      <c r="AQ12956">
        <v>172</v>
      </c>
    </row>
    <row r="12957" spans="1:43">
      <c r="A12957" t="s">
        <v>8046</v>
      </c>
      <c r="B12957" t="s">
        <v>8047</v>
      </c>
      <c r="C12957" t="s">
        <v>8038</v>
      </c>
      <c r="D12957" t="s">
        <v>8039</v>
      </c>
      <c r="E12957" t="s">
        <v>8022</v>
      </c>
      <c r="F12957" t="s">
        <v>8023</v>
      </c>
      <c r="G12957" t="s">
        <v>80</v>
      </c>
      <c r="H12957" t="s">
        <v>81</v>
      </c>
      <c r="I12957" s="2">
        <v>0</v>
      </c>
      <c r="J12957" s="2">
        <v>1</v>
      </c>
      <c r="K12957" s="2">
        <v>0</v>
      </c>
      <c r="L12957" t="s">
        <v>82</v>
      </c>
      <c r="M12957" t="s">
        <v>83</v>
      </c>
      <c r="N12957" t="s">
        <v>91</v>
      </c>
      <c r="O12957" t="s">
        <v>85</v>
      </c>
      <c r="P12957" t="s">
        <v>86</v>
      </c>
      <c r="Q12957">
        <v>136</v>
      </c>
      <c r="R12957">
        <v>138</v>
      </c>
      <c r="S12957">
        <v>140</v>
      </c>
      <c r="T12957">
        <v>142</v>
      </c>
      <c r="U12957">
        <v>144</v>
      </c>
      <c r="V12957">
        <v>146</v>
      </c>
      <c r="W12957">
        <v>148</v>
      </c>
      <c r="X12957">
        <v>150</v>
      </c>
      <c r="Y12957">
        <v>152</v>
      </c>
      <c r="Z12957">
        <v>154</v>
      </c>
      <c r="AA12957">
        <v>156</v>
      </c>
      <c r="AB12957">
        <v>158</v>
      </c>
      <c r="AC12957">
        <v>159</v>
      </c>
      <c r="AD12957">
        <v>161</v>
      </c>
      <c r="AE12957">
        <v>163</v>
      </c>
      <c r="AF12957">
        <v>164</v>
      </c>
      <c r="AG12957">
        <v>166</v>
      </c>
      <c r="AH12957">
        <v>168</v>
      </c>
      <c r="AI12957">
        <v>169</v>
      </c>
      <c r="AJ12957">
        <v>171</v>
      </c>
      <c r="AK12957">
        <v>172</v>
      </c>
      <c r="AL12957">
        <v>173</v>
      </c>
      <c r="AM12957">
        <v>173</v>
      </c>
      <c r="AN12957">
        <v>172</v>
      </c>
      <c r="AO12957">
        <v>172</v>
      </c>
      <c r="AP12957">
        <v>172</v>
      </c>
      <c r="AQ12957">
        <v>172</v>
      </c>
    </row>
    <row r="12958" spans="1:43">
      <c r="A12958" t="s">
        <v>8048</v>
      </c>
      <c r="B12958" t="s">
        <v>8049</v>
      </c>
      <c r="C12958" t="s">
        <v>8038</v>
      </c>
      <c r="D12958" t="s">
        <v>8039</v>
      </c>
      <c r="E12958" t="s">
        <v>8022</v>
      </c>
      <c r="F12958" t="s">
        <v>8023</v>
      </c>
      <c r="G12958" t="s">
        <v>80</v>
      </c>
      <c r="H12958" t="s">
        <v>81</v>
      </c>
      <c r="I12958" s="2">
        <v>0</v>
      </c>
      <c r="J12958" s="2">
        <v>1</v>
      </c>
      <c r="K12958" s="2">
        <v>0</v>
      </c>
      <c r="L12958" t="s">
        <v>82</v>
      </c>
      <c r="M12958" t="s">
        <v>83</v>
      </c>
      <c r="N12958" t="s">
        <v>84</v>
      </c>
      <c r="O12958" t="s">
        <v>85</v>
      </c>
      <c r="P12958" t="s">
        <v>86</v>
      </c>
      <c r="Q12958">
        <v>78</v>
      </c>
      <c r="R12958">
        <v>79</v>
      </c>
      <c r="S12958">
        <v>80</v>
      </c>
      <c r="T12958">
        <v>81</v>
      </c>
      <c r="U12958">
        <v>82</v>
      </c>
      <c r="V12958">
        <v>83</v>
      </c>
      <c r="W12958">
        <v>84</v>
      </c>
      <c r="X12958">
        <v>85</v>
      </c>
      <c r="Y12958">
        <v>87</v>
      </c>
      <c r="Z12958">
        <v>88</v>
      </c>
      <c r="AA12958">
        <v>89</v>
      </c>
      <c r="AB12958">
        <v>90</v>
      </c>
      <c r="AC12958">
        <v>91</v>
      </c>
      <c r="AD12958">
        <v>92</v>
      </c>
      <c r="AE12958">
        <v>93</v>
      </c>
      <c r="AF12958">
        <v>94</v>
      </c>
      <c r="AG12958">
        <v>95</v>
      </c>
      <c r="AH12958">
        <v>96</v>
      </c>
      <c r="AI12958">
        <v>96</v>
      </c>
      <c r="AJ12958">
        <v>97</v>
      </c>
      <c r="AK12958">
        <v>98</v>
      </c>
      <c r="AL12958">
        <v>98</v>
      </c>
      <c r="AM12958">
        <v>98</v>
      </c>
      <c r="AN12958">
        <v>98</v>
      </c>
      <c r="AO12958">
        <v>98</v>
      </c>
      <c r="AP12958">
        <v>98</v>
      </c>
      <c r="AQ12958">
        <v>98</v>
      </c>
    </row>
    <row r="12959" spans="1:43">
      <c r="A12959" t="s">
        <v>8048</v>
      </c>
      <c r="B12959" t="s">
        <v>8049</v>
      </c>
      <c r="C12959" t="s">
        <v>8038</v>
      </c>
      <c r="D12959" t="s">
        <v>8039</v>
      </c>
      <c r="E12959" t="s">
        <v>8022</v>
      </c>
      <c r="F12959" t="s">
        <v>8023</v>
      </c>
      <c r="G12959" t="s">
        <v>80</v>
      </c>
      <c r="H12959" t="s">
        <v>81</v>
      </c>
      <c r="I12959" s="2">
        <v>0</v>
      </c>
      <c r="J12959" s="2">
        <v>1</v>
      </c>
      <c r="K12959" s="2">
        <v>0</v>
      </c>
      <c r="L12959" t="s">
        <v>82</v>
      </c>
      <c r="M12959" t="s">
        <v>87</v>
      </c>
      <c r="N12959" t="s">
        <v>88</v>
      </c>
      <c r="O12959" t="s">
        <v>85</v>
      </c>
      <c r="P12959" t="s">
        <v>86</v>
      </c>
      <c r="Q12959">
        <v>78</v>
      </c>
      <c r="R12959">
        <v>78</v>
      </c>
      <c r="S12959">
        <v>79</v>
      </c>
      <c r="T12959">
        <v>79</v>
      </c>
      <c r="U12959">
        <v>80</v>
      </c>
      <c r="V12959">
        <v>80</v>
      </c>
      <c r="W12959">
        <v>80</v>
      </c>
      <c r="X12959">
        <v>81</v>
      </c>
      <c r="Y12959">
        <v>81</v>
      </c>
      <c r="Z12959">
        <v>81</v>
      </c>
      <c r="AA12959">
        <v>82</v>
      </c>
      <c r="AB12959">
        <v>82</v>
      </c>
      <c r="AC12959">
        <v>82</v>
      </c>
      <c r="AD12959">
        <v>83</v>
      </c>
      <c r="AE12959">
        <v>83</v>
      </c>
      <c r="AF12959">
        <v>83</v>
      </c>
      <c r="AG12959">
        <v>84</v>
      </c>
      <c r="AH12959">
        <v>84</v>
      </c>
      <c r="AI12959">
        <v>84</v>
      </c>
      <c r="AJ12959">
        <v>84</v>
      </c>
      <c r="AK12959">
        <v>84</v>
      </c>
      <c r="AL12959">
        <v>85</v>
      </c>
      <c r="AM12959">
        <v>85</v>
      </c>
      <c r="AN12959">
        <v>85</v>
      </c>
      <c r="AO12959">
        <v>85</v>
      </c>
      <c r="AP12959">
        <v>85</v>
      </c>
      <c r="AQ12959">
        <v>85</v>
      </c>
    </row>
    <row r="12960" spans="1:43">
      <c r="A12960" t="s">
        <v>8048</v>
      </c>
      <c r="B12960" t="s">
        <v>8049</v>
      </c>
      <c r="C12960" t="s">
        <v>8038</v>
      </c>
      <c r="D12960" t="s">
        <v>8039</v>
      </c>
      <c r="E12960" t="s">
        <v>8022</v>
      </c>
      <c r="F12960" t="s">
        <v>8023</v>
      </c>
      <c r="G12960" t="s">
        <v>80</v>
      </c>
      <c r="H12960" t="s">
        <v>81</v>
      </c>
      <c r="I12960" s="2">
        <v>0</v>
      </c>
      <c r="J12960" s="2">
        <v>1</v>
      </c>
      <c r="K12960" s="2">
        <v>0</v>
      </c>
      <c r="L12960" t="s">
        <v>82</v>
      </c>
      <c r="M12960" t="s">
        <v>89</v>
      </c>
      <c r="N12960" t="s">
        <v>90</v>
      </c>
      <c r="O12960" t="s">
        <v>85</v>
      </c>
      <c r="P12960" t="s">
        <v>86</v>
      </c>
      <c r="Q12960">
        <v>78</v>
      </c>
      <c r="R12960">
        <v>80</v>
      </c>
      <c r="S12960">
        <v>82</v>
      </c>
      <c r="T12960">
        <v>84</v>
      </c>
      <c r="U12960">
        <v>85</v>
      </c>
      <c r="V12960">
        <v>87</v>
      </c>
      <c r="W12960">
        <v>89</v>
      </c>
      <c r="X12960">
        <v>90</v>
      </c>
      <c r="Y12960">
        <v>92</v>
      </c>
      <c r="Z12960">
        <v>93</v>
      </c>
      <c r="AA12960">
        <v>95</v>
      </c>
      <c r="AB12960">
        <v>96</v>
      </c>
      <c r="AC12960">
        <v>97</v>
      </c>
      <c r="AD12960">
        <v>99</v>
      </c>
      <c r="AE12960">
        <v>100</v>
      </c>
      <c r="AF12960">
        <v>100</v>
      </c>
      <c r="AG12960">
        <v>100</v>
      </c>
      <c r="AH12960">
        <v>100</v>
      </c>
      <c r="AI12960">
        <v>100</v>
      </c>
      <c r="AJ12960">
        <v>100</v>
      </c>
      <c r="AK12960">
        <v>99</v>
      </c>
      <c r="AL12960">
        <v>99</v>
      </c>
      <c r="AM12960">
        <v>99</v>
      </c>
      <c r="AN12960">
        <v>99</v>
      </c>
      <c r="AO12960">
        <v>99</v>
      </c>
      <c r="AP12960">
        <v>99</v>
      </c>
      <c r="AQ12960">
        <v>99</v>
      </c>
    </row>
    <row r="12961" spans="1:43">
      <c r="A12961" t="s">
        <v>8048</v>
      </c>
      <c r="B12961" t="s">
        <v>8049</v>
      </c>
      <c r="C12961" t="s">
        <v>8038</v>
      </c>
      <c r="D12961" t="s">
        <v>8039</v>
      </c>
      <c r="E12961" t="s">
        <v>8022</v>
      </c>
      <c r="F12961" t="s">
        <v>8023</v>
      </c>
      <c r="G12961" t="s">
        <v>80</v>
      </c>
      <c r="H12961" t="s">
        <v>81</v>
      </c>
      <c r="I12961" s="2">
        <v>0</v>
      </c>
      <c r="J12961" s="2">
        <v>1</v>
      </c>
      <c r="K12961" s="2">
        <v>0</v>
      </c>
      <c r="L12961" t="s">
        <v>82</v>
      </c>
      <c r="M12961" t="s">
        <v>83</v>
      </c>
      <c r="N12961" t="s">
        <v>91</v>
      </c>
      <c r="O12961" t="s">
        <v>85</v>
      </c>
      <c r="P12961" t="s">
        <v>86</v>
      </c>
      <c r="Q12961">
        <v>78</v>
      </c>
      <c r="R12961">
        <v>79</v>
      </c>
      <c r="S12961">
        <v>80</v>
      </c>
      <c r="T12961">
        <v>81</v>
      </c>
      <c r="U12961">
        <v>82</v>
      </c>
      <c r="V12961">
        <v>83</v>
      </c>
      <c r="W12961">
        <v>84</v>
      </c>
      <c r="X12961">
        <v>85</v>
      </c>
      <c r="Y12961">
        <v>87</v>
      </c>
      <c r="Z12961">
        <v>88</v>
      </c>
      <c r="AA12961">
        <v>89</v>
      </c>
      <c r="AB12961">
        <v>90</v>
      </c>
      <c r="AC12961">
        <v>91</v>
      </c>
      <c r="AD12961">
        <v>92</v>
      </c>
      <c r="AE12961">
        <v>93</v>
      </c>
      <c r="AF12961">
        <v>94</v>
      </c>
      <c r="AG12961">
        <v>95</v>
      </c>
      <c r="AH12961">
        <v>96</v>
      </c>
      <c r="AI12961">
        <v>96</v>
      </c>
      <c r="AJ12961">
        <v>97</v>
      </c>
      <c r="AK12961">
        <v>98</v>
      </c>
      <c r="AL12961">
        <v>98</v>
      </c>
      <c r="AM12961">
        <v>98</v>
      </c>
      <c r="AN12961">
        <v>98</v>
      </c>
      <c r="AO12961">
        <v>98</v>
      </c>
      <c r="AP12961">
        <v>98</v>
      </c>
      <c r="AQ12961">
        <v>98</v>
      </c>
    </row>
    <row r="12962" spans="1:43">
      <c r="A12962" t="s">
        <v>8050</v>
      </c>
      <c r="B12962" t="s">
        <v>8051</v>
      </c>
      <c r="C12962" t="s">
        <v>8038</v>
      </c>
      <c r="D12962" t="s">
        <v>8039</v>
      </c>
      <c r="E12962" t="s">
        <v>8022</v>
      </c>
      <c r="F12962" t="s">
        <v>8023</v>
      </c>
      <c r="G12962" t="s">
        <v>80</v>
      </c>
      <c r="H12962" t="s">
        <v>81</v>
      </c>
      <c r="I12962" s="2">
        <v>0</v>
      </c>
      <c r="J12962" s="2">
        <v>1</v>
      </c>
      <c r="K12962" s="2">
        <v>0</v>
      </c>
      <c r="L12962" t="s">
        <v>82</v>
      </c>
      <c r="M12962" t="s">
        <v>83</v>
      </c>
      <c r="N12962" t="s">
        <v>84</v>
      </c>
      <c r="O12962" t="s">
        <v>85</v>
      </c>
      <c r="P12962" t="s">
        <v>86</v>
      </c>
      <c r="Q12962">
        <v>27</v>
      </c>
      <c r="R12962">
        <v>27</v>
      </c>
      <c r="S12962">
        <v>28</v>
      </c>
      <c r="T12962">
        <v>28</v>
      </c>
      <c r="U12962">
        <v>29</v>
      </c>
      <c r="V12962">
        <v>29</v>
      </c>
      <c r="W12962">
        <v>29</v>
      </c>
      <c r="X12962">
        <v>30</v>
      </c>
      <c r="Y12962">
        <v>30</v>
      </c>
      <c r="Z12962">
        <v>31</v>
      </c>
      <c r="AA12962">
        <v>31</v>
      </c>
      <c r="AB12962">
        <v>31</v>
      </c>
      <c r="AC12962">
        <v>32</v>
      </c>
      <c r="AD12962">
        <v>32</v>
      </c>
      <c r="AE12962">
        <v>32</v>
      </c>
      <c r="AF12962">
        <v>33</v>
      </c>
      <c r="AG12962">
        <v>33</v>
      </c>
      <c r="AH12962">
        <v>33</v>
      </c>
      <c r="AI12962">
        <v>34</v>
      </c>
      <c r="AJ12962">
        <v>34</v>
      </c>
      <c r="AK12962">
        <v>34</v>
      </c>
      <c r="AL12962">
        <v>34</v>
      </c>
      <c r="AM12962">
        <v>34</v>
      </c>
      <c r="AN12962">
        <v>34</v>
      </c>
      <c r="AO12962">
        <v>34</v>
      </c>
      <c r="AP12962">
        <v>34</v>
      </c>
      <c r="AQ12962">
        <v>34</v>
      </c>
    </row>
    <row r="12963" spans="1:43">
      <c r="A12963" t="s">
        <v>8050</v>
      </c>
      <c r="B12963" t="s">
        <v>8051</v>
      </c>
      <c r="C12963" t="s">
        <v>8038</v>
      </c>
      <c r="D12963" t="s">
        <v>8039</v>
      </c>
      <c r="E12963" t="s">
        <v>8022</v>
      </c>
      <c r="F12963" t="s">
        <v>8023</v>
      </c>
      <c r="G12963" t="s">
        <v>80</v>
      </c>
      <c r="H12963" t="s">
        <v>81</v>
      </c>
      <c r="I12963" s="2">
        <v>0</v>
      </c>
      <c r="J12963" s="2">
        <v>1</v>
      </c>
      <c r="K12963" s="2">
        <v>0</v>
      </c>
      <c r="L12963" t="s">
        <v>82</v>
      </c>
      <c r="M12963" t="s">
        <v>87</v>
      </c>
      <c r="N12963" t="s">
        <v>88</v>
      </c>
      <c r="O12963" t="s">
        <v>85</v>
      </c>
      <c r="P12963" t="s">
        <v>86</v>
      </c>
      <c r="Q12963">
        <v>27</v>
      </c>
      <c r="R12963">
        <v>27</v>
      </c>
      <c r="S12963">
        <v>27</v>
      </c>
      <c r="T12963">
        <v>27</v>
      </c>
      <c r="U12963">
        <v>27</v>
      </c>
      <c r="V12963">
        <v>28</v>
      </c>
      <c r="W12963">
        <v>28</v>
      </c>
      <c r="X12963">
        <v>28</v>
      </c>
      <c r="Y12963">
        <v>28</v>
      </c>
      <c r="Z12963">
        <v>28</v>
      </c>
      <c r="AA12963">
        <v>28</v>
      </c>
      <c r="AB12963">
        <v>28</v>
      </c>
      <c r="AC12963">
        <v>28</v>
      </c>
      <c r="AD12963">
        <v>28</v>
      </c>
      <c r="AE12963">
        <v>29</v>
      </c>
      <c r="AF12963">
        <v>29</v>
      </c>
      <c r="AG12963">
        <v>29</v>
      </c>
      <c r="AH12963">
        <v>29</v>
      </c>
      <c r="AI12963">
        <v>29</v>
      </c>
      <c r="AJ12963">
        <v>29</v>
      </c>
      <c r="AK12963">
        <v>29</v>
      </c>
      <c r="AL12963">
        <v>29</v>
      </c>
      <c r="AM12963">
        <v>29</v>
      </c>
      <c r="AN12963">
        <v>29</v>
      </c>
      <c r="AO12963">
        <v>29</v>
      </c>
      <c r="AP12963">
        <v>29</v>
      </c>
      <c r="AQ12963">
        <v>29</v>
      </c>
    </row>
    <row r="12964" spans="1:43">
      <c r="A12964" t="s">
        <v>8050</v>
      </c>
      <c r="B12964" t="s">
        <v>8051</v>
      </c>
      <c r="C12964" t="s">
        <v>8038</v>
      </c>
      <c r="D12964" t="s">
        <v>8039</v>
      </c>
      <c r="E12964" t="s">
        <v>8022</v>
      </c>
      <c r="F12964" t="s">
        <v>8023</v>
      </c>
      <c r="G12964" t="s">
        <v>80</v>
      </c>
      <c r="H12964" t="s">
        <v>81</v>
      </c>
      <c r="I12964" s="2">
        <v>0</v>
      </c>
      <c r="J12964" s="2">
        <v>1</v>
      </c>
      <c r="K12964" s="2">
        <v>0</v>
      </c>
      <c r="L12964" t="s">
        <v>82</v>
      </c>
      <c r="M12964" t="s">
        <v>89</v>
      </c>
      <c r="N12964" t="s">
        <v>90</v>
      </c>
      <c r="O12964" t="s">
        <v>85</v>
      </c>
      <c r="P12964" t="s">
        <v>86</v>
      </c>
      <c r="Q12964">
        <v>27</v>
      </c>
      <c r="R12964">
        <v>28</v>
      </c>
      <c r="S12964">
        <v>29</v>
      </c>
      <c r="T12964">
        <v>29</v>
      </c>
      <c r="U12964">
        <v>30</v>
      </c>
      <c r="V12964">
        <v>30</v>
      </c>
      <c r="W12964">
        <v>31</v>
      </c>
      <c r="X12964">
        <v>31</v>
      </c>
      <c r="Y12964">
        <v>32</v>
      </c>
      <c r="Z12964">
        <v>33</v>
      </c>
      <c r="AA12964">
        <v>33</v>
      </c>
      <c r="AB12964">
        <v>33</v>
      </c>
      <c r="AC12964">
        <v>34</v>
      </c>
      <c r="AD12964">
        <v>34</v>
      </c>
      <c r="AE12964">
        <v>35</v>
      </c>
      <c r="AF12964">
        <v>35</v>
      </c>
      <c r="AG12964">
        <v>35</v>
      </c>
      <c r="AH12964">
        <v>35</v>
      </c>
      <c r="AI12964">
        <v>35</v>
      </c>
      <c r="AJ12964">
        <v>35</v>
      </c>
      <c r="AK12964">
        <v>35</v>
      </c>
      <c r="AL12964">
        <v>35</v>
      </c>
      <c r="AM12964">
        <v>35</v>
      </c>
      <c r="AN12964">
        <v>35</v>
      </c>
      <c r="AO12964">
        <v>35</v>
      </c>
      <c r="AP12964">
        <v>34</v>
      </c>
      <c r="AQ12964">
        <v>34</v>
      </c>
    </row>
    <row r="12965" spans="1:43">
      <c r="A12965" t="s">
        <v>8050</v>
      </c>
      <c r="B12965" t="s">
        <v>8051</v>
      </c>
      <c r="C12965" t="s">
        <v>8038</v>
      </c>
      <c r="D12965" t="s">
        <v>8039</v>
      </c>
      <c r="E12965" t="s">
        <v>8022</v>
      </c>
      <c r="F12965" t="s">
        <v>8023</v>
      </c>
      <c r="G12965" t="s">
        <v>80</v>
      </c>
      <c r="H12965" t="s">
        <v>81</v>
      </c>
      <c r="I12965" s="2">
        <v>0</v>
      </c>
      <c r="J12965" s="2">
        <v>1</v>
      </c>
      <c r="K12965" s="2">
        <v>0</v>
      </c>
      <c r="L12965" t="s">
        <v>82</v>
      </c>
      <c r="M12965" t="s">
        <v>83</v>
      </c>
      <c r="N12965" t="s">
        <v>91</v>
      </c>
      <c r="O12965" t="s">
        <v>85</v>
      </c>
      <c r="P12965" t="s">
        <v>86</v>
      </c>
      <c r="Q12965">
        <v>27</v>
      </c>
      <c r="R12965">
        <v>27</v>
      </c>
      <c r="S12965">
        <v>28</v>
      </c>
      <c r="T12965">
        <v>28</v>
      </c>
      <c r="U12965">
        <v>29</v>
      </c>
      <c r="V12965">
        <v>29</v>
      </c>
      <c r="W12965">
        <v>29</v>
      </c>
      <c r="X12965">
        <v>30</v>
      </c>
      <c r="Y12965">
        <v>30</v>
      </c>
      <c r="Z12965">
        <v>31</v>
      </c>
      <c r="AA12965">
        <v>31</v>
      </c>
      <c r="AB12965">
        <v>31</v>
      </c>
      <c r="AC12965">
        <v>32</v>
      </c>
      <c r="AD12965">
        <v>32</v>
      </c>
      <c r="AE12965">
        <v>32</v>
      </c>
      <c r="AF12965">
        <v>33</v>
      </c>
      <c r="AG12965">
        <v>33</v>
      </c>
      <c r="AH12965">
        <v>33</v>
      </c>
      <c r="AI12965">
        <v>34</v>
      </c>
      <c r="AJ12965">
        <v>34</v>
      </c>
      <c r="AK12965">
        <v>34</v>
      </c>
      <c r="AL12965">
        <v>34</v>
      </c>
      <c r="AM12965">
        <v>34</v>
      </c>
      <c r="AN12965">
        <v>34</v>
      </c>
      <c r="AO12965">
        <v>34</v>
      </c>
      <c r="AP12965">
        <v>34</v>
      </c>
      <c r="AQ12965">
        <v>34</v>
      </c>
    </row>
    <row r="12966" spans="1:43">
      <c r="A12966" t="s">
        <v>8052</v>
      </c>
      <c r="B12966" t="s">
        <v>8053</v>
      </c>
      <c r="C12966" t="s">
        <v>8054</v>
      </c>
      <c r="D12966" t="s">
        <v>8055</v>
      </c>
      <c r="E12966" t="s">
        <v>8022</v>
      </c>
      <c r="F12966" t="s">
        <v>8023</v>
      </c>
      <c r="G12966" t="s">
        <v>80</v>
      </c>
      <c r="H12966" t="s">
        <v>81</v>
      </c>
      <c r="I12966" s="2">
        <v>0</v>
      </c>
      <c r="J12966" s="2">
        <v>0</v>
      </c>
      <c r="K12966" s="2">
        <v>1</v>
      </c>
      <c r="L12966" t="s">
        <v>995</v>
      </c>
      <c r="M12966" t="s">
        <v>83</v>
      </c>
      <c r="N12966" t="s">
        <v>84</v>
      </c>
      <c r="O12966" t="s">
        <v>85</v>
      </c>
      <c r="P12966" t="s">
        <v>86</v>
      </c>
      <c r="Q12966">
        <v>43</v>
      </c>
      <c r="R12966">
        <v>44</v>
      </c>
      <c r="S12966">
        <v>44</v>
      </c>
      <c r="T12966">
        <v>45</v>
      </c>
      <c r="U12966">
        <v>45</v>
      </c>
      <c r="V12966">
        <v>46</v>
      </c>
      <c r="W12966">
        <v>46</v>
      </c>
      <c r="X12966">
        <v>47</v>
      </c>
      <c r="Y12966">
        <v>48</v>
      </c>
      <c r="Z12966">
        <v>48</v>
      </c>
      <c r="AA12966">
        <v>49</v>
      </c>
      <c r="AB12966">
        <v>49</v>
      </c>
      <c r="AC12966">
        <v>50</v>
      </c>
      <c r="AD12966">
        <v>50</v>
      </c>
      <c r="AE12966">
        <v>50</v>
      </c>
      <c r="AF12966">
        <v>51</v>
      </c>
      <c r="AG12966">
        <v>51</v>
      </c>
      <c r="AH12966">
        <v>52</v>
      </c>
      <c r="AI12966">
        <v>52</v>
      </c>
      <c r="AJ12966">
        <v>53</v>
      </c>
      <c r="AK12966">
        <v>53</v>
      </c>
      <c r="AL12966">
        <v>53</v>
      </c>
      <c r="AM12966">
        <v>53</v>
      </c>
      <c r="AN12966">
        <v>53</v>
      </c>
      <c r="AO12966">
        <v>53</v>
      </c>
      <c r="AP12966">
        <v>52</v>
      </c>
      <c r="AQ12966">
        <v>52</v>
      </c>
    </row>
    <row r="12967" spans="1:43">
      <c r="A12967" t="s">
        <v>8052</v>
      </c>
      <c r="B12967" t="s">
        <v>8053</v>
      </c>
      <c r="C12967" t="s">
        <v>8054</v>
      </c>
      <c r="D12967" t="s">
        <v>8055</v>
      </c>
      <c r="E12967" t="s">
        <v>8022</v>
      </c>
      <c r="F12967" t="s">
        <v>8023</v>
      </c>
      <c r="G12967" t="s">
        <v>80</v>
      </c>
      <c r="H12967" t="s">
        <v>81</v>
      </c>
      <c r="I12967" s="2">
        <v>0</v>
      </c>
      <c r="J12967" s="2">
        <v>0</v>
      </c>
      <c r="K12967" s="2">
        <v>1</v>
      </c>
      <c r="L12967" t="s">
        <v>995</v>
      </c>
      <c r="M12967" t="s">
        <v>87</v>
      </c>
      <c r="N12967" t="s">
        <v>88</v>
      </c>
      <c r="O12967" t="s">
        <v>85</v>
      </c>
      <c r="P12967" t="s">
        <v>86</v>
      </c>
      <c r="Q12967">
        <v>43</v>
      </c>
      <c r="R12967">
        <v>43</v>
      </c>
      <c r="S12967">
        <v>43</v>
      </c>
      <c r="T12967">
        <v>43</v>
      </c>
      <c r="U12967">
        <v>43</v>
      </c>
      <c r="V12967">
        <v>43</v>
      </c>
      <c r="W12967">
        <v>44</v>
      </c>
      <c r="X12967">
        <v>44</v>
      </c>
      <c r="Y12967">
        <v>44</v>
      </c>
      <c r="Z12967">
        <v>44</v>
      </c>
      <c r="AA12967">
        <v>44</v>
      </c>
      <c r="AB12967">
        <v>44</v>
      </c>
      <c r="AC12967">
        <v>44</v>
      </c>
      <c r="AD12967">
        <v>45</v>
      </c>
      <c r="AE12967">
        <v>45</v>
      </c>
      <c r="AF12967">
        <v>45</v>
      </c>
      <c r="AG12967">
        <v>45</v>
      </c>
      <c r="AH12967">
        <v>45</v>
      </c>
      <c r="AI12967">
        <v>45</v>
      </c>
      <c r="AJ12967">
        <v>45</v>
      </c>
      <c r="AK12967">
        <v>45</v>
      </c>
      <c r="AL12967">
        <v>45</v>
      </c>
      <c r="AM12967">
        <v>45</v>
      </c>
      <c r="AN12967">
        <v>45</v>
      </c>
      <c r="AO12967">
        <v>45</v>
      </c>
      <c r="AP12967">
        <v>45</v>
      </c>
      <c r="AQ12967">
        <v>45</v>
      </c>
    </row>
    <row r="12968" spans="1:43">
      <c r="A12968" t="s">
        <v>8052</v>
      </c>
      <c r="B12968" t="s">
        <v>8053</v>
      </c>
      <c r="C12968" t="s">
        <v>8054</v>
      </c>
      <c r="D12968" t="s">
        <v>8055</v>
      </c>
      <c r="E12968" t="s">
        <v>8022</v>
      </c>
      <c r="F12968" t="s">
        <v>8023</v>
      </c>
      <c r="G12968" t="s">
        <v>80</v>
      </c>
      <c r="H12968" t="s">
        <v>81</v>
      </c>
      <c r="I12968" s="2">
        <v>0</v>
      </c>
      <c r="J12968" s="2">
        <v>0</v>
      </c>
      <c r="K12968" s="2">
        <v>1</v>
      </c>
      <c r="L12968" t="s">
        <v>995</v>
      </c>
      <c r="M12968" t="s">
        <v>89</v>
      </c>
      <c r="N12968" t="s">
        <v>90</v>
      </c>
      <c r="O12968" t="s">
        <v>85</v>
      </c>
      <c r="P12968" t="s">
        <v>86</v>
      </c>
      <c r="Q12968">
        <v>43</v>
      </c>
      <c r="R12968">
        <v>44</v>
      </c>
      <c r="S12968">
        <v>45</v>
      </c>
      <c r="T12968">
        <v>46</v>
      </c>
      <c r="U12968">
        <v>47</v>
      </c>
      <c r="V12968">
        <v>48</v>
      </c>
      <c r="W12968">
        <v>49</v>
      </c>
      <c r="X12968">
        <v>50</v>
      </c>
      <c r="Y12968">
        <v>50</v>
      </c>
      <c r="Z12968">
        <v>51</v>
      </c>
      <c r="AA12968">
        <v>52</v>
      </c>
      <c r="AB12968">
        <v>52</v>
      </c>
      <c r="AC12968">
        <v>53</v>
      </c>
      <c r="AD12968">
        <v>54</v>
      </c>
      <c r="AE12968">
        <v>54</v>
      </c>
      <c r="AF12968">
        <v>54</v>
      </c>
      <c r="AG12968">
        <v>54</v>
      </c>
      <c r="AH12968">
        <v>54</v>
      </c>
      <c r="AI12968">
        <v>54</v>
      </c>
      <c r="AJ12968">
        <v>54</v>
      </c>
      <c r="AK12968">
        <v>53</v>
      </c>
      <c r="AL12968">
        <v>53</v>
      </c>
      <c r="AM12968">
        <v>53</v>
      </c>
      <c r="AN12968">
        <v>53</v>
      </c>
      <c r="AO12968">
        <v>53</v>
      </c>
      <c r="AP12968">
        <v>53</v>
      </c>
      <c r="AQ12968">
        <v>52</v>
      </c>
    </row>
    <row r="12969" spans="1:43">
      <c r="A12969" t="s">
        <v>8052</v>
      </c>
      <c r="B12969" t="s">
        <v>8053</v>
      </c>
      <c r="C12969" t="s">
        <v>8054</v>
      </c>
      <c r="D12969" t="s">
        <v>8055</v>
      </c>
      <c r="E12969" t="s">
        <v>8022</v>
      </c>
      <c r="F12969" t="s">
        <v>8023</v>
      </c>
      <c r="G12969" t="s">
        <v>80</v>
      </c>
      <c r="H12969" t="s">
        <v>81</v>
      </c>
      <c r="I12969" s="2">
        <v>0</v>
      </c>
      <c r="J12969" s="2">
        <v>0</v>
      </c>
      <c r="K12969" s="2">
        <v>1</v>
      </c>
      <c r="L12969" t="s">
        <v>995</v>
      </c>
      <c r="M12969" t="s">
        <v>83</v>
      </c>
      <c r="N12969" t="s">
        <v>91</v>
      </c>
      <c r="O12969" t="s">
        <v>85</v>
      </c>
      <c r="P12969" t="s">
        <v>86</v>
      </c>
      <c r="Q12969">
        <v>43</v>
      </c>
      <c r="R12969">
        <v>44</v>
      </c>
      <c r="S12969">
        <v>44</v>
      </c>
      <c r="T12969">
        <v>45</v>
      </c>
      <c r="U12969">
        <v>45</v>
      </c>
      <c r="V12969">
        <v>46</v>
      </c>
      <c r="W12969">
        <v>46</v>
      </c>
      <c r="X12969">
        <v>47</v>
      </c>
      <c r="Y12969">
        <v>48</v>
      </c>
      <c r="Z12969">
        <v>48</v>
      </c>
      <c r="AA12969">
        <v>49</v>
      </c>
      <c r="AB12969">
        <v>49</v>
      </c>
      <c r="AC12969">
        <v>50</v>
      </c>
      <c r="AD12969">
        <v>50</v>
      </c>
      <c r="AE12969">
        <v>50</v>
      </c>
      <c r="AF12969">
        <v>51</v>
      </c>
      <c r="AG12969">
        <v>51</v>
      </c>
      <c r="AH12969">
        <v>52</v>
      </c>
      <c r="AI12969">
        <v>52</v>
      </c>
      <c r="AJ12969">
        <v>53</v>
      </c>
      <c r="AK12969">
        <v>53</v>
      </c>
      <c r="AL12969">
        <v>53</v>
      </c>
      <c r="AM12969">
        <v>53</v>
      </c>
      <c r="AN12969">
        <v>53</v>
      </c>
      <c r="AO12969">
        <v>53</v>
      </c>
      <c r="AP12969">
        <v>52</v>
      </c>
      <c r="AQ12969">
        <v>52</v>
      </c>
    </row>
    <row r="12970" spans="1:43">
      <c r="A12970" t="s">
        <v>8056</v>
      </c>
      <c r="B12970" t="s">
        <v>8057</v>
      </c>
      <c r="C12970" t="s">
        <v>8058</v>
      </c>
      <c r="D12970" t="s">
        <v>8059</v>
      </c>
      <c r="E12970" t="s">
        <v>8022</v>
      </c>
      <c r="F12970" t="s">
        <v>8023</v>
      </c>
      <c r="G12970" t="s">
        <v>80</v>
      </c>
      <c r="H12970" t="s">
        <v>81</v>
      </c>
      <c r="I12970" s="2">
        <v>0</v>
      </c>
      <c r="J12970" s="2">
        <v>0</v>
      </c>
      <c r="K12970" s="2">
        <v>1</v>
      </c>
      <c r="L12970" t="s">
        <v>995</v>
      </c>
      <c r="M12970" t="s">
        <v>83</v>
      </c>
      <c r="N12970" t="s">
        <v>84</v>
      </c>
      <c r="O12970" t="s">
        <v>85</v>
      </c>
      <c r="P12970" t="s">
        <v>86</v>
      </c>
      <c r="Q12970">
        <v>13</v>
      </c>
      <c r="R12970">
        <v>13</v>
      </c>
      <c r="S12970">
        <v>14</v>
      </c>
      <c r="T12970">
        <v>14</v>
      </c>
      <c r="U12970">
        <v>14</v>
      </c>
      <c r="V12970">
        <v>14</v>
      </c>
      <c r="W12970">
        <v>14</v>
      </c>
      <c r="X12970">
        <v>15</v>
      </c>
      <c r="Y12970">
        <v>15</v>
      </c>
      <c r="Z12970">
        <v>15</v>
      </c>
      <c r="AA12970">
        <v>15</v>
      </c>
      <c r="AB12970">
        <v>15</v>
      </c>
      <c r="AC12970">
        <v>15</v>
      </c>
      <c r="AD12970">
        <v>16</v>
      </c>
      <c r="AE12970">
        <v>16</v>
      </c>
      <c r="AF12970">
        <v>16</v>
      </c>
      <c r="AG12970">
        <v>16</v>
      </c>
      <c r="AH12970">
        <v>16</v>
      </c>
      <c r="AI12970">
        <v>16</v>
      </c>
      <c r="AJ12970">
        <v>17</v>
      </c>
      <c r="AK12970">
        <v>17</v>
      </c>
      <c r="AL12970">
        <v>17</v>
      </c>
      <c r="AM12970">
        <v>17</v>
      </c>
      <c r="AN12970">
        <v>17</v>
      </c>
      <c r="AO12970">
        <v>17</v>
      </c>
      <c r="AP12970">
        <v>17</v>
      </c>
      <c r="AQ12970">
        <v>17</v>
      </c>
    </row>
    <row r="12971" spans="1:43">
      <c r="A12971" t="s">
        <v>8056</v>
      </c>
      <c r="B12971" t="s">
        <v>8057</v>
      </c>
      <c r="C12971" t="s">
        <v>8058</v>
      </c>
      <c r="D12971" t="s">
        <v>8059</v>
      </c>
      <c r="E12971" t="s">
        <v>8022</v>
      </c>
      <c r="F12971" t="s">
        <v>8023</v>
      </c>
      <c r="G12971" t="s">
        <v>80</v>
      </c>
      <c r="H12971" t="s">
        <v>81</v>
      </c>
      <c r="I12971" s="2">
        <v>0</v>
      </c>
      <c r="J12971" s="2">
        <v>0</v>
      </c>
      <c r="K12971" s="2">
        <v>1</v>
      </c>
      <c r="L12971" t="s">
        <v>995</v>
      </c>
      <c r="M12971" t="s">
        <v>87</v>
      </c>
      <c r="N12971" t="s">
        <v>88</v>
      </c>
      <c r="O12971" t="s">
        <v>85</v>
      </c>
      <c r="P12971" t="s">
        <v>86</v>
      </c>
      <c r="Q12971">
        <v>13</v>
      </c>
      <c r="R12971">
        <v>13</v>
      </c>
      <c r="S12971">
        <v>13</v>
      </c>
      <c r="T12971">
        <v>13</v>
      </c>
      <c r="U12971">
        <v>13</v>
      </c>
      <c r="V12971">
        <v>13</v>
      </c>
      <c r="W12971">
        <v>13</v>
      </c>
      <c r="X12971">
        <v>14</v>
      </c>
      <c r="Y12971">
        <v>14</v>
      </c>
      <c r="Z12971">
        <v>14</v>
      </c>
      <c r="AA12971">
        <v>14</v>
      </c>
      <c r="AB12971">
        <v>14</v>
      </c>
      <c r="AC12971">
        <v>14</v>
      </c>
      <c r="AD12971">
        <v>14</v>
      </c>
      <c r="AE12971">
        <v>14</v>
      </c>
      <c r="AF12971">
        <v>14</v>
      </c>
      <c r="AG12971">
        <v>14</v>
      </c>
      <c r="AH12971">
        <v>14</v>
      </c>
      <c r="AI12971">
        <v>14</v>
      </c>
      <c r="AJ12971">
        <v>14</v>
      </c>
      <c r="AK12971">
        <v>14</v>
      </c>
      <c r="AL12971">
        <v>14</v>
      </c>
      <c r="AM12971">
        <v>14</v>
      </c>
      <c r="AN12971">
        <v>14</v>
      </c>
      <c r="AO12971">
        <v>14</v>
      </c>
      <c r="AP12971">
        <v>14</v>
      </c>
      <c r="AQ12971">
        <v>14</v>
      </c>
    </row>
    <row r="12972" spans="1:43">
      <c r="A12972" t="s">
        <v>8056</v>
      </c>
      <c r="B12972" t="s">
        <v>8057</v>
      </c>
      <c r="C12972" t="s">
        <v>8058</v>
      </c>
      <c r="D12972" t="s">
        <v>8059</v>
      </c>
      <c r="E12972" t="s">
        <v>8022</v>
      </c>
      <c r="F12972" t="s">
        <v>8023</v>
      </c>
      <c r="G12972" t="s">
        <v>80</v>
      </c>
      <c r="H12972" t="s">
        <v>81</v>
      </c>
      <c r="I12972" s="2">
        <v>0</v>
      </c>
      <c r="J12972" s="2">
        <v>0</v>
      </c>
      <c r="K12972" s="2">
        <v>1</v>
      </c>
      <c r="L12972" t="s">
        <v>995</v>
      </c>
      <c r="M12972" t="s">
        <v>89</v>
      </c>
      <c r="N12972" t="s">
        <v>90</v>
      </c>
      <c r="O12972" t="s">
        <v>85</v>
      </c>
      <c r="P12972" t="s">
        <v>86</v>
      </c>
      <c r="Q12972">
        <v>13</v>
      </c>
      <c r="R12972">
        <v>14</v>
      </c>
      <c r="S12972">
        <v>14</v>
      </c>
      <c r="T12972">
        <v>14</v>
      </c>
      <c r="U12972">
        <v>15</v>
      </c>
      <c r="V12972">
        <v>15</v>
      </c>
      <c r="W12972">
        <v>15</v>
      </c>
      <c r="X12972">
        <v>15</v>
      </c>
      <c r="Y12972">
        <v>16</v>
      </c>
      <c r="Z12972">
        <v>16</v>
      </c>
      <c r="AA12972">
        <v>16</v>
      </c>
      <c r="AB12972">
        <v>16</v>
      </c>
      <c r="AC12972">
        <v>17</v>
      </c>
      <c r="AD12972">
        <v>17</v>
      </c>
      <c r="AE12972">
        <v>17</v>
      </c>
      <c r="AF12972">
        <v>17</v>
      </c>
      <c r="AG12972">
        <v>17</v>
      </c>
      <c r="AH12972">
        <v>17</v>
      </c>
      <c r="AI12972">
        <v>17</v>
      </c>
      <c r="AJ12972">
        <v>17</v>
      </c>
      <c r="AK12972">
        <v>17</v>
      </c>
      <c r="AL12972">
        <v>17</v>
      </c>
      <c r="AM12972">
        <v>17</v>
      </c>
      <c r="AN12972">
        <v>17</v>
      </c>
      <c r="AO12972">
        <v>17</v>
      </c>
      <c r="AP12972">
        <v>17</v>
      </c>
      <c r="AQ12972">
        <v>17</v>
      </c>
    </row>
    <row r="12973" spans="1:43">
      <c r="A12973" t="s">
        <v>8056</v>
      </c>
      <c r="B12973" t="s">
        <v>8057</v>
      </c>
      <c r="C12973" t="s">
        <v>8058</v>
      </c>
      <c r="D12973" t="s">
        <v>8059</v>
      </c>
      <c r="E12973" t="s">
        <v>8022</v>
      </c>
      <c r="F12973" t="s">
        <v>8023</v>
      </c>
      <c r="G12973" t="s">
        <v>80</v>
      </c>
      <c r="H12973" t="s">
        <v>81</v>
      </c>
      <c r="I12973" s="2">
        <v>0</v>
      </c>
      <c r="J12973" s="2">
        <v>0</v>
      </c>
      <c r="K12973" s="2">
        <v>1</v>
      </c>
      <c r="L12973" t="s">
        <v>995</v>
      </c>
      <c r="M12973" t="s">
        <v>83</v>
      </c>
      <c r="N12973" t="s">
        <v>91</v>
      </c>
      <c r="O12973" t="s">
        <v>85</v>
      </c>
      <c r="P12973" t="s">
        <v>86</v>
      </c>
      <c r="Q12973">
        <v>13</v>
      </c>
      <c r="R12973">
        <v>13</v>
      </c>
      <c r="S12973">
        <v>14</v>
      </c>
      <c r="T12973">
        <v>14</v>
      </c>
      <c r="U12973">
        <v>14</v>
      </c>
      <c r="V12973">
        <v>14</v>
      </c>
      <c r="W12973">
        <v>14</v>
      </c>
      <c r="X12973">
        <v>15</v>
      </c>
      <c r="Y12973">
        <v>15</v>
      </c>
      <c r="Z12973">
        <v>15</v>
      </c>
      <c r="AA12973">
        <v>15</v>
      </c>
      <c r="AB12973">
        <v>15</v>
      </c>
      <c r="AC12973">
        <v>15</v>
      </c>
      <c r="AD12973">
        <v>16</v>
      </c>
      <c r="AE12973">
        <v>16</v>
      </c>
      <c r="AF12973">
        <v>16</v>
      </c>
      <c r="AG12973">
        <v>16</v>
      </c>
      <c r="AH12973">
        <v>16</v>
      </c>
      <c r="AI12973">
        <v>16</v>
      </c>
      <c r="AJ12973">
        <v>17</v>
      </c>
      <c r="AK12973">
        <v>17</v>
      </c>
      <c r="AL12973">
        <v>17</v>
      </c>
      <c r="AM12973">
        <v>17</v>
      </c>
      <c r="AN12973">
        <v>17</v>
      </c>
      <c r="AO12973">
        <v>17</v>
      </c>
      <c r="AP12973">
        <v>17</v>
      </c>
      <c r="AQ12973">
        <v>17</v>
      </c>
    </row>
    <row r="12974" spans="1:43">
      <c r="A12974" t="s">
        <v>8060</v>
      </c>
      <c r="B12974" t="s">
        <v>8061</v>
      </c>
      <c r="C12974" t="s">
        <v>8058</v>
      </c>
      <c r="D12974" t="s">
        <v>8059</v>
      </c>
      <c r="E12974" t="s">
        <v>8022</v>
      </c>
      <c r="F12974" t="s">
        <v>8023</v>
      </c>
      <c r="G12974" t="s">
        <v>80</v>
      </c>
      <c r="H12974" t="s">
        <v>81</v>
      </c>
      <c r="I12974" s="2">
        <v>0</v>
      </c>
      <c r="J12974" s="2">
        <v>0</v>
      </c>
      <c r="K12974" s="2">
        <v>1</v>
      </c>
      <c r="L12974" t="s">
        <v>995</v>
      </c>
      <c r="M12974" t="s">
        <v>83</v>
      </c>
      <c r="N12974" t="s">
        <v>84</v>
      </c>
      <c r="O12974" t="s">
        <v>85</v>
      </c>
      <c r="P12974" t="s">
        <v>86</v>
      </c>
      <c r="Q12974">
        <v>27</v>
      </c>
      <c r="R12974">
        <v>27</v>
      </c>
      <c r="S12974">
        <v>27</v>
      </c>
      <c r="T12974">
        <v>28</v>
      </c>
      <c r="U12974">
        <v>28</v>
      </c>
      <c r="V12974">
        <v>29</v>
      </c>
      <c r="W12974">
        <v>29</v>
      </c>
      <c r="X12974">
        <v>29</v>
      </c>
      <c r="Y12974">
        <v>30</v>
      </c>
      <c r="Z12974">
        <v>30</v>
      </c>
      <c r="AA12974">
        <v>30</v>
      </c>
      <c r="AB12974">
        <v>31</v>
      </c>
      <c r="AC12974">
        <v>31</v>
      </c>
      <c r="AD12974">
        <v>31</v>
      </c>
      <c r="AE12974">
        <v>32</v>
      </c>
      <c r="AF12974">
        <v>32</v>
      </c>
      <c r="AG12974">
        <v>32</v>
      </c>
      <c r="AH12974">
        <v>33</v>
      </c>
      <c r="AI12974">
        <v>33</v>
      </c>
      <c r="AJ12974">
        <v>33</v>
      </c>
      <c r="AK12974">
        <v>33</v>
      </c>
      <c r="AL12974">
        <v>33</v>
      </c>
      <c r="AM12974">
        <v>33</v>
      </c>
      <c r="AN12974">
        <v>33</v>
      </c>
      <c r="AO12974">
        <v>33</v>
      </c>
      <c r="AP12974">
        <v>33</v>
      </c>
      <c r="AQ12974">
        <v>33</v>
      </c>
    </row>
    <row r="12975" spans="1:43">
      <c r="A12975" t="s">
        <v>8060</v>
      </c>
      <c r="B12975" t="s">
        <v>8061</v>
      </c>
      <c r="C12975" t="s">
        <v>8058</v>
      </c>
      <c r="D12975" t="s">
        <v>8059</v>
      </c>
      <c r="E12975" t="s">
        <v>8022</v>
      </c>
      <c r="F12975" t="s">
        <v>8023</v>
      </c>
      <c r="G12975" t="s">
        <v>80</v>
      </c>
      <c r="H12975" t="s">
        <v>81</v>
      </c>
      <c r="I12975" s="2">
        <v>0</v>
      </c>
      <c r="J12975" s="2">
        <v>0</v>
      </c>
      <c r="K12975" s="2">
        <v>1</v>
      </c>
      <c r="L12975" t="s">
        <v>995</v>
      </c>
      <c r="M12975" t="s">
        <v>87</v>
      </c>
      <c r="N12975" t="s">
        <v>88</v>
      </c>
      <c r="O12975" t="s">
        <v>85</v>
      </c>
      <c r="P12975" t="s">
        <v>86</v>
      </c>
      <c r="Q12975">
        <v>27</v>
      </c>
      <c r="R12975">
        <v>28</v>
      </c>
      <c r="S12975">
        <v>28</v>
      </c>
      <c r="T12975">
        <v>28</v>
      </c>
      <c r="U12975">
        <v>28</v>
      </c>
      <c r="V12975">
        <v>28</v>
      </c>
      <c r="W12975">
        <v>28</v>
      </c>
      <c r="X12975">
        <v>28</v>
      </c>
      <c r="Y12975">
        <v>28</v>
      </c>
      <c r="Z12975">
        <v>29</v>
      </c>
      <c r="AA12975">
        <v>29</v>
      </c>
      <c r="AB12975">
        <v>29</v>
      </c>
      <c r="AC12975">
        <v>29</v>
      </c>
      <c r="AD12975">
        <v>29</v>
      </c>
      <c r="AE12975">
        <v>29</v>
      </c>
      <c r="AF12975">
        <v>29</v>
      </c>
      <c r="AG12975">
        <v>29</v>
      </c>
      <c r="AH12975">
        <v>29</v>
      </c>
      <c r="AI12975">
        <v>29</v>
      </c>
      <c r="AJ12975">
        <v>29</v>
      </c>
      <c r="AK12975">
        <v>29</v>
      </c>
      <c r="AL12975">
        <v>29</v>
      </c>
      <c r="AM12975">
        <v>30</v>
      </c>
      <c r="AN12975">
        <v>30</v>
      </c>
      <c r="AO12975">
        <v>30</v>
      </c>
      <c r="AP12975">
        <v>30</v>
      </c>
      <c r="AQ12975">
        <v>30</v>
      </c>
    </row>
    <row r="12976" spans="1:43">
      <c r="A12976" t="s">
        <v>8060</v>
      </c>
      <c r="B12976" t="s">
        <v>8061</v>
      </c>
      <c r="C12976" t="s">
        <v>8058</v>
      </c>
      <c r="D12976" t="s">
        <v>8059</v>
      </c>
      <c r="E12976" t="s">
        <v>8022</v>
      </c>
      <c r="F12976" t="s">
        <v>8023</v>
      </c>
      <c r="G12976" t="s">
        <v>80</v>
      </c>
      <c r="H12976" t="s">
        <v>81</v>
      </c>
      <c r="I12976" s="2">
        <v>0</v>
      </c>
      <c r="J12976" s="2">
        <v>0</v>
      </c>
      <c r="K12976" s="2">
        <v>1</v>
      </c>
      <c r="L12976" t="s">
        <v>995</v>
      </c>
      <c r="M12976" t="s">
        <v>89</v>
      </c>
      <c r="N12976" t="s">
        <v>90</v>
      </c>
      <c r="O12976" t="s">
        <v>85</v>
      </c>
      <c r="P12976" t="s">
        <v>86</v>
      </c>
      <c r="Q12976">
        <v>27</v>
      </c>
      <c r="R12976">
        <v>28</v>
      </c>
      <c r="S12976">
        <v>28</v>
      </c>
      <c r="T12976">
        <v>29</v>
      </c>
      <c r="U12976">
        <v>29</v>
      </c>
      <c r="V12976">
        <v>30</v>
      </c>
      <c r="W12976">
        <v>30</v>
      </c>
      <c r="X12976">
        <v>31</v>
      </c>
      <c r="Y12976">
        <v>31</v>
      </c>
      <c r="Z12976">
        <v>32</v>
      </c>
      <c r="AA12976">
        <v>32</v>
      </c>
      <c r="AB12976">
        <v>33</v>
      </c>
      <c r="AC12976">
        <v>33</v>
      </c>
      <c r="AD12976">
        <v>34</v>
      </c>
      <c r="AE12976">
        <v>34</v>
      </c>
      <c r="AF12976">
        <v>34</v>
      </c>
      <c r="AG12976">
        <v>34</v>
      </c>
      <c r="AH12976">
        <v>34</v>
      </c>
      <c r="AI12976">
        <v>34</v>
      </c>
      <c r="AJ12976">
        <v>34</v>
      </c>
      <c r="AK12976">
        <v>34</v>
      </c>
      <c r="AL12976">
        <v>34</v>
      </c>
      <c r="AM12976">
        <v>34</v>
      </c>
      <c r="AN12976">
        <v>34</v>
      </c>
      <c r="AO12976">
        <v>33</v>
      </c>
      <c r="AP12976">
        <v>33</v>
      </c>
      <c r="AQ12976">
        <v>33</v>
      </c>
    </row>
    <row r="12977" spans="1:43">
      <c r="A12977" t="s">
        <v>8060</v>
      </c>
      <c r="B12977" t="s">
        <v>8061</v>
      </c>
      <c r="C12977" t="s">
        <v>8058</v>
      </c>
      <c r="D12977" t="s">
        <v>8059</v>
      </c>
      <c r="E12977" t="s">
        <v>8022</v>
      </c>
      <c r="F12977" t="s">
        <v>8023</v>
      </c>
      <c r="G12977" t="s">
        <v>80</v>
      </c>
      <c r="H12977" t="s">
        <v>81</v>
      </c>
      <c r="I12977" s="2">
        <v>0</v>
      </c>
      <c r="J12977" s="2">
        <v>0</v>
      </c>
      <c r="K12977" s="2">
        <v>1</v>
      </c>
      <c r="L12977" t="s">
        <v>995</v>
      </c>
      <c r="M12977" t="s">
        <v>83</v>
      </c>
      <c r="N12977" t="s">
        <v>91</v>
      </c>
      <c r="O12977" t="s">
        <v>85</v>
      </c>
      <c r="P12977" t="s">
        <v>86</v>
      </c>
      <c r="Q12977">
        <v>27</v>
      </c>
      <c r="R12977">
        <v>27</v>
      </c>
      <c r="S12977">
        <v>27</v>
      </c>
      <c r="T12977">
        <v>28</v>
      </c>
      <c r="U12977">
        <v>28</v>
      </c>
      <c r="V12977">
        <v>29</v>
      </c>
      <c r="W12977">
        <v>29</v>
      </c>
      <c r="X12977">
        <v>29</v>
      </c>
      <c r="Y12977">
        <v>30</v>
      </c>
      <c r="Z12977">
        <v>30</v>
      </c>
      <c r="AA12977">
        <v>30</v>
      </c>
      <c r="AB12977">
        <v>31</v>
      </c>
      <c r="AC12977">
        <v>31</v>
      </c>
      <c r="AD12977">
        <v>31</v>
      </c>
      <c r="AE12977">
        <v>32</v>
      </c>
      <c r="AF12977">
        <v>32</v>
      </c>
      <c r="AG12977">
        <v>32</v>
      </c>
      <c r="AH12977">
        <v>33</v>
      </c>
      <c r="AI12977">
        <v>33</v>
      </c>
      <c r="AJ12977">
        <v>33</v>
      </c>
      <c r="AK12977">
        <v>33</v>
      </c>
      <c r="AL12977">
        <v>33</v>
      </c>
      <c r="AM12977">
        <v>33</v>
      </c>
      <c r="AN12977">
        <v>33</v>
      </c>
      <c r="AO12977">
        <v>33</v>
      </c>
      <c r="AP12977">
        <v>33</v>
      </c>
      <c r="AQ12977">
        <v>33</v>
      </c>
    </row>
    <row r="12978" spans="1:43">
      <c r="A12978" t="s">
        <v>8062</v>
      </c>
      <c r="B12978" t="s">
        <v>8063</v>
      </c>
      <c r="C12978" t="s">
        <v>8054</v>
      </c>
      <c r="D12978" t="s">
        <v>8055</v>
      </c>
      <c r="E12978" t="s">
        <v>8022</v>
      </c>
      <c r="F12978" t="s">
        <v>8023</v>
      </c>
      <c r="G12978" t="s">
        <v>80</v>
      </c>
      <c r="H12978" t="s">
        <v>81</v>
      </c>
      <c r="I12978" s="2">
        <v>0</v>
      </c>
      <c r="J12978" s="2">
        <v>0</v>
      </c>
      <c r="K12978" s="2">
        <v>1</v>
      </c>
      <c r="L12978" t="s">
        <v>995</v>
      </c>
      <c r="M12978" t="s">
        <v>83</v>
      </c>
      <c r="N12978" t="s">
        <v>84</v>
      </c>
      <c r="O12978" t="s">
        <v>85</v>
      </c>
      <c r="P12978" t="s">
        <v>86</v>
      </c>
      <c r="Q12978">
        <v>19</v>
      </c>
      <c r="R12978">
        <v>19</v>
      </c>
      <c r="S12978">
        <v>19</v>
      </c>
      <c r="T12978">
        <v>20</v>
      </c>
      <c r="U12978">
        <v>20</v>
      </c>
      <c r="V12978">
        <v>20</v>
      </c>
      <c r="W12978">
        <v>20</v>
      </c>
      <c r="X12978">
        <v>21</v>
      </c>
      <c r="Y12978">
        <v>21</v>
      </c>
      <c r="Z12978">
        <v>21</v>
      </c>
      <c r="AA12978">
        <v>21</v>
      </c>
      <c r="AB12978">
        <v>22</v>
      </c>
      <c r="AC12978">
        <v>22</v>
      </c>
      <c r="AD12978">
        <v>22</v>
      </c>
      <c r="AE12978">
        <v>22</v>
      </c>
      <c r="AF12978">
        <v>23</v>
      </c>
      <c r="AG12978">
        <v>23</v>
      </c>
      <c r="AH12978">
        <v>23</v>
      </c>
      <c r="AI12978">
        <v>23</v>
      </c>
      <c r="AJ12978">
        <v>24</v>
      </c>
      <c r="AK12978">
        <v>24</v>
      </c>
      <c r="AL12978">
        <v>24</v>
      </c>
      <c r="AM12978">
        <v>24</v>
      </c>
      <c r="AN12978">
        <v>24</v>
      </c>
      <c r="AO12978">
        <v>24</v>
      </c>
      <c r="AP12978">
        <v>24</v>
      </c>
      <c r="AQ12978">
        <v>24</v>
      </c>
    </row>
    <row r="12979" spans="1:43">
      <c r="A12979" t="s">
        <v>8062</v>
      </c>
      <c r="B12979" t="s">
        <v>8063</v>
      </c>
      <c r="C12979" t="s">
        <v>8054</v>
      </c>
      <c r="D12979" t="s">
        <v>8055</v>
      </c>
      <c r="E12979" t="s">
        <v>8022</v>
      </c>
      <c r="F12979" t="s">
        <v>8023</v>
      </c>
      <c r="G12979" t="s">
        <v>80</v>
      </c>
      <c r="H12979" t="s">
        <v>81</v>
      </c>
      <c r="I12979" s="2">
        <v>0</v>
      </c>
      <c r="J12979" s="2">
        <v>0</v>
      </c>
      <c r="K12979" s="2">
        <v>1</v>
      </c>
      <c r="L12979" t="s">
        <v>995</v>
      </c>
      <c r="M12979" t="s">
        <v>87</v>
      </c>
      <c r="N12979" t="s">
        <v>88</v>
      </c>
      <c r="O12979" t="s">
        <v>85</v>
      </c>
      <c r="P12979" t="s">
        <v>86</v>
      </c>
      <c r="Q12979">
        <v>19</v>
      </c>
      <c r="R12979">
        <v>19</v>
      </c>
      <c r="S12979">
        <v>19</v>
      </c>
      <c r="T12979">
        <v>19</v>
      </c>
      <c r="U12979">
        <v>19</v>
      </c>
      <c r="V12979">
        <v>19</v>
      </c>
      <c r="W12979">
        <v>19</v>
      </c>
      <c r="X12979">
        <v>19</v>
      </c>
      <c r="Y12979">
        <v>19</v>
      </c>
      <c r="Z12979">
        <v>19</v>
      </c>
      <c r="AA12979">
        <v>20</v>
      </c>
      <c r="AB12979">
        <v>20</v>
      </c>
      <c r="AC12979">
        <v>20</v>
      </c>
      <c r="AD12979">
        <v>20</v>
      </c>
      <c r="AE12979">
        <v>20</v>
      </c>
      <c r="AF12979">
        <v>20</v>
      </c>
      <c r="AG12979">
        <v>20</v>
      </c>
      <c r="AH12979">
        <v>20</v>
      </c>
      <c r="AI12979">
        <v>20</v>
      </c>
      <c r="AJ12979">
        <v>20</v>
      </c>
      <c r="AK12979">
        <v>20</v>
      </c>
      <c r="AL12979">
        <v>20</v>
      </c>
      <c r="AM12979">
        <v>20</v>
      </c>
      <c r="AN12979">
        <v>20</v>
      </c>
      <c r="AO12979">
        <v>20</v>
      </c>
      <c r="AP12979">
        <v>20</v>
      </c>
      <c r="AQ12979">
        <v>20</v>
      </c>
    </row>
    <row r="12980" spans="1:43">
      <c r="A12980" t="s">
        <v>8062</v>
      </c>
      <c r="B12980" t="s">
        <v>8063</v>
      </c>
      <c r="C12980" t="s">
        <v>8054</v>
      </c>
      <c r="D12980" t="s">
        <v>8055</v>
      </c>
      <c r="E12980" t="s">
        <v>8022</v>
      </c>
      <c r="F12980" t="s">
        <v>8023</v>
      </c>
      <c r="G12980" t="s">
        <v>80</v>
      </c>
      <c r="H12980" t="s">
        <v>81</v>
      </c>
      <c r="I12980" s="2">
        <v>0</v>
      </c>
      <c r="J12980" s="2">
        <v>0</v>
      </c>
      <c r="K12980" s="2">
        <v>1</v>
      </c>
      <c r="L12980" t="s">
        <v>995</v>
      </c>
      <c r="M12980" t="s">
        <v>89</v>
      </c>
      <c r="N12980" t="s">
        <v>90</v>
      </c>
      <c r="O12980" t="s">
        <v>85</v>
      </c>
      <c r="P12980" t="s">
        <v>86</v>
      </c>
      <c r="Q12980">
        <v>19</v>
      </c>
      <c r="R12980">
        <v>19</v>
      </c>
      <c r="S12980">
        <v>20</v>
      </c>
      <c r="T12980">
        <v>20</v>
      </c>
      <c r="U12980">
        <v>21</v>
      </c>
      <c r="V12980">
        <v>21</v>
      </c>
      <c r="W12980">
        <v>21</v>
      </c>
      <c r="X12980">
        <v>22</v>
      </c>
      <c r="Y12980">
        <v>22</v>
      </c>
      <c r="Z12980">
        <v>23</v>
      </c>
      <c r="AA12980">
        <v>23</v>
      </c>
      <c r="AB12980">
        <v>23</v>
      </c>
      <c r="AC12980">
        <v>24</v>
      </c>
      <c r="AD12980">
        <v>24</v>
      </c>
      <c r="AE12980">
        <v>24</v>
      </c>
      <c r="AF12980">
        <v>24</v>
      </c>
      <c r="AG12980">
        <v>24</v>
      </c>
      <c r="AH12980">
        <v>24</v>
      </c>
      <c r="AI12980">
        <v>24</v>
      </c>
      <c r="AJ12980">
        <v>24</v>
      </c>
      <c r="AK12980">
        <v>24</v>
      </c>
      <c r="AL12980">
        <v>24</v>
      </c>
      <c r="AM12980">
        <v>24</v>
      </c>
      <c r="AN12980">
        <v>24</v>
      </c>
      <c r="AO12980">
        <v>24</v>
      </c>
      <c r="AP12980">
        <v>24</v>
      </c>
      <c r="AQ12980">
        <v>24</v>
      </c>
    </row>
    <row r="12981" spans="1:43">
      <c r="A12981" t="s">
        <v>8062</v>
      </c>
      <c r="B12981" t="s">
        <v>8063</v>
      </c>
      <c r="C12981" t="s">
        <v>8054</v>
      </c>
      <c r="D12981" t="s">
        <v>8055</v>
      </c>
      <c r="E12981" t="s">
        <v>8022</v>
      </c>
      <c r="F12981" t="s">
        <v>8023</v>
      </c>
      <c r="G12981" t="s">
        <v>80</v>
      </c>
      <c r="H12981" t="s">
        <v>81</v>
      </c>
      <c r="I12981" s="2">
        <v>0</v>
      </c>
      <c r="J12981" s="2">
        <v>0</v>
      </c>
      <c r="K12981" s="2">
        <v>1</v>
      </c>
      <c r="L12981" t="s">
        <v>995</v>
      </c>
      <c r="M12981" t="s">
        <v>83</v>
      </c>
      <c r="N12981" t="s">
        <v>91</v>
      </c>
      <c r="O12981" t="s">
        <v>85</v>
      </c>
      <c r="P12981" t="s">
        <v>86</v>
      </c>
      <c r="Q12981">
        <v>19</v>
      </c>
      <c r="R12981">
        <v>19</v>
      </c>
      <c r="S12981">
        <v>19</v>
      </c>
      <c r="T12981">
        <v>20</v>
      </c>
      <c r="U12981">
        <v>20</v>
      </c>
      <c r="V12981">
        <v>20</v>
      </c>
      <c r="W12981">
        <v>20</v>
      </c>
      <c r="X12981">
        <v>21</v>
      </c>
      <c r="Y12981">
        <v>21</v>
      </c>
      <c r="Z12981">
        <v>21</v>
      </c>
      <c r="AA12981">
        <v>21</v>
      </c>
      <c r="AB12981">
        <v>22</v>
      </c>
      <c r="AC12981">
        <v>22</v>
      </c>
      <c r="AD12981">
        <v>22</v>
      </c>
      <c r="AE12981">
        <v>22</v>
      </c>
      <c r="AF12981">
        <v>23</v>
      </c>
      <c r="AG12981">
        <v>23</v>
      </c>
      <c r="AH12981">
        <v>23</v>
      </c>
      <c r="AI12981">
        <v>23</v>
      </c>
      <c r="AJ12981">
        <v>24</v>
      </c>
      <c r="AK12981">
        <v>24</v>
      </c>
      <c r="AL12981">
        <v>24</v>
      </c>
      <c r="AM12981">
        <v>24</v>
      </c>
      <c r="AN12981">
        <v>24</v>
      </c>
      <c r="AO12981">
        <v>24</v>
      </c>
      <c r="AP12981">
        <v>24</v>
      </c>
      <c r="AQ12981">
        <v>24</v>
      </c>
    </row>
    <row r="12982" spans="1:43">
      <c r="A12982" t="s">
        <v>8064</v>
      </c>
      <c r="B12982" t="s">
        <v>8065</v>
      </c>
      <c r="C12982" t="s">
        <v>8054</v>
      </c>
      <c r="D12982" t="s">
        <v>8055</v>
      </c>
      <c r="E12982" t="s">
        <v>8022</v>
      </c>
      <c r="F12982" t="s">
        <v>8023</v>
      </c>
      <c r="G12982" t="s">
        <v>80</v>
      </c>
      <c r="H12982" t="s">
        <v>81</v>
      </c>
      <c r="I12982" s="2">
        <v>0</v>
      </c>
      <c r="J12982" s="2">
        <v>0</v>
      </c>
      <c r="K12982" s="2">
        <v>1</v>
      </c>
      <c r="L12982" t="s">
        <v>995</v>
      </c>
      <c r="M12982" t="s">
        <v>83</v>
      </c>
      <c r="N12982" t="s">
        <v>84</v>
      </c>
      <c r="O12982" t="s">
        <v>85</v>
      </c>
      <c r="P12982" t="s">
        <v>86</v>
      </c>
      <c r="Q12982">
        <v>24</v>
      </c>
      <c r="R12982">
        <v>25</v>
      </c>
      <c r="S12982">
        <v>25</v>
      </c>
      <c r="T12982">
        <v>25</v>
      </c>
      <c r="U12982">
        <v>26</v>
      </c>
      <c r="V12982">
        <v>26</v>
      </c>
      <c r="W12982">
        <v>26</v>
      </c>
      <c r="X12982">
        <v>27</v>
      </c>
      <c r="Y12982">
        <v>27</v>
      </c>
      <c r="Z12982">
        <v>27</v>
      </c>
      <c r="AA12982">
        <v>28</v>
      </c>
      <c r="AB12982">
        <v>28</v>
      </c>
      <c r="AC12982">
        <v>28</v>
      </c>
      <c r="AD12982">
        <v>28</v>
      </c>
      <c r="AE12982">
        <v>29</v>
      </c>
      <c r="AF12982">
        <v>29</v>
      </c>
      <c r="AG12982">
        <v>29</v>
      </c>
      <c r="AH12982">
        <v>29</v>
      </c>
      <c r="AI12982">
        <v>30</v>
      </c>
      <c r="AJ12982">
        <v>30</v>
      </c>
      <c r="AK12982">
        <v>30</v>
      </c>
      <c r="AL12982">
        <v>30</v>
      </c>
      <c r="AM12982">
        <v>30</v>
      </c>
      <c r="AN12982">
        <v>30</v>
      </c>
      <c r="AO12982">
        <v>30</v>
      </c>
      <c r="AP12982">
        <v>30</v>
      </c>
      <c r="AQ12982">
        <v>30</v>
      </c>
    </row>
    <row r="12983" spans="1:43">
      <c r="A12983" t="s">
        <v>8064</v>
      </c>
      <c r="B12983" t="s">
        <v>8065</v>
      </c>
      <c r="C12983" t="s">
        <v>8054</v>
      </c>
      <c r="D12983" t="s">
        <v>8055</v>
      </c>
      <c r="E12983" t="s">
        <v>8022</v>
      </c>
      <c r="F12983" t="s">
        <v>8023</v>
      </c>
      <c r="G12983" t="s">
        <v>80</v>
      </c>
      <c r="H12983" t="s">
        <v>81</v>
      </c>
      <c r="I12983" s="2">
        <v>0</v>
      </c>
      <c r="J12983" s="2">
        <v>0</v>
      </c>
      <c r="K12983" s="2">
        <v>1</v>
      </c>
      <c r="L12983" t="s">
        <v>995</v>
      </c>
      <c r="M12983" t="s">
        <v>87</v>
      </c>
      <c r="N12983" t="s">
        <v>88</v>
      </c>
      <c r="O12983" t="s">
        <v>85</v>
      </c>
      <c r="P12983" t="s">
        <v>86</v>
      </c>
      <c r="Q12983">
        <v>24</v>
      </c>
      <c r="R12983">
        <v>24</v>
      </c>
      <c r="S12983">
        <v>24</v>
      </c>
      <c r="T12983">
        <v>24</v>
      </c>
      <c r="U12983">
        <v>25</v>
      </c>
      <c r="V12983">
        <v>25</v>
      </c>
      <c r="W12983">
        <v>25</v>
      </c>
      <c r="X12983">
        <v>25</v>
      </c>
      <c r="Y12983">
        <v>25</v>
      </c>
      <c r="Z12983">
        <v>25</v>
      </c>
      <c r="AA12983">
        <v>25</v>
      </c>
      <c r="AB12983">
        <v>25</v>
      </c>
      <c r="AC12983">
        <v>25</v>
      </c>
      <c r="AD12983">
        <v>25</v>
      </c>
      <c r="AE12983">
        <v>25</v>
      </c>
      <c r="AF12983">
        <v>25</v>
      </c>
      <c r="AG12983">
        <v>26</v>
      </c>
      <c r="AH12983">
        <v>26</v>
      </c>
      <c r="AI12983">
        <v>26</v>
      </c>
      <c r="AJ12983">
        <v>26</v>
      </c>
      <c r="AK12983">
        <v>26</v>
      </c>
      <c r="AL12983">
        <v>26</v>
      </c>
      <c r="AM12983">
        <v>26</v>
      </c>
      <c r="AN12983">
        <v>26</v>
      </c>
      <c r="AO12983">
        <v>26</v>
      </c>
      <c r="AP12983">
        <v>26</v>
      </c>
      <c r="AQ12983">
        <v>26</v>
      </c>
    </row>
    <row r="12984" spans="1:43">
      <c r="A12984" t="s">
        <v>8064</v>
      </c>
      <c r="B12984" t="s">
        <v>8065</v>
      </c>
      <c r="C12984" t="s">
        <v>8054</v>
      </c>
      <c r="D12984" t="s">
        <v>8055</v>
      </c>
      <c r="E12984" t="s">
        <v>8022</v>
      </c>
      <c r="F12984" t="s">
        <v>8023</v>
      </c>
      <c r="G12984" t="s">
        <v>80</v>
      </c>
      <c r="H12984" t="s">
        <v>81</v>
      </c>
      <c r="I12984" s="2">
        <v>0</v>
      </c>
      <c r="J12984" s="2">
        <v>0</v>
      </c>
      <c r="K12984" s="2">
        <v>1</v>
      </c>
      <c r="L12984" t="s">
        <v>995</v>
      </c>
      <c r="M12984" t="s">
        <v>89</v>
      </c>
      <c r="N12984" t="s">
        <v>90</v>
      </c>
      <c r="O12984" t="s">
        <v>85</v>
      </c>
      <c r="P12984" t="s">
        <v>86</v>
      </c>
      <c r="Q12984">
        <v>24</v>
      </c>
      <c r="R12984">
        <v>24</v>
      </c>
      <c r="S12984">
        <v>25</v>
      </c>
      <c r="T12984">
        <v>25</v>
      </c>
      <c r="U12984">
        <v>26</v>
      </c>
      <c r="V12984">
        <v>26</v>
      </c>
      <c r="W12984">
        <v>27</v>
      </c>
      <c r="X12984">
        <v>27</v>
      </c>
      <c r="Y12984">
        <v>28</v>
      </c>
      <c r="Z12984">
        <v>28</v>
      </c>
      <c r="AA12984">
        <v>28</v>
      </c>
      <c r="AB12984">
        <v>29</v>
      </c>
      <c r="AC12984">
        <v>29</v>
      </c>
      <c r="AD12984">
        <v>30</v>
      </c>
      <c r="AE12984">
        <v>30</v>
      </c>
      <c r="AF12984">
        <v>30</v>
      </c>
      <c r="AG12984">
        <v>30</v>
      </c>
      <c r="AH12984">
        <v>30</v>
      </c>
      <c r="AI12984">
        <v>30</v>
      </c>
      <c r="AJ12984">
        <v>30</v>
      </c>
      <c r="AK12984">
        <v>29</v>
      </c>
      <c r="AL12984">
        <v>29</v>
      </c>
      <c r="AM12984">
        <v>29</v>
      </c>
      <c r="AN12984">
        <v>29</v>
      </c>
      <c r="AO12984">
        <v>29</v>
      </c>
      <c r="AP12984">
        <v>29</v>
      </c>
      <c r="AQ12984">
        <v>29</v>
      </c>
    </row>
    <row r="12985" spans="1:43">
      <c r="A12985" t="s">
        <v>8064</v>
      </c>
      <c r="B12985" t="s">
        <v>8065</v>
      </c>
      <c r="C12985" t="s">
        <v>8054</v>
      </c>
      <c r="D12985" t="s">
        <v>8055</v>
      </c>
      <c r="E12985" t="s">
        <v>8022</v>
      </c>
      <c r="F12985" t="s">
        <v>8023</v>
      </c>
      <c r="G12985" t="s">
        <v>80</v>
      </c>
      <c r="H12985" t="s">
        <v>81</v>
      </c>
      <c r="I12985" s="2">
        <v>0</v>
      </c>
      <c r="J12985" s="2">
        <v>0</v>
      </c>
      <c r="K12985" s="2">
        <v>1</v>
      </c>
      <c r="L12985" t="s">
        <v>995</v>
      </c>
      <c r="M12985" t="s">
        <v>83</v>
      </c>
      <c r="N12985" t="s">
        <v>91</v>
      </c>
      <c r="O12985" t="s">
        <v>85</v>
      </c>
      <c r="P12985" t="s">
        <v>86</v>
      </c>
      <c r="Q12985">
        <v>24</v>
      </c>
      <c r="R12985">
        <v>25</v>
      </c>
      <c r="S12985">
        <v>25</v>
      </c>
      <c r="T12985">
        <v>25</v>
      </c>
      <c r="U12985">
        <v>26</v>
      </c>
      <c r="V12985">
        <v>26</v>
      </c>
      <c r="W12985">
        <v>26</v>
      </c>
      <c r="X12985">
        <v>27</v>
      </c>
      <c r="Y12985">
        <v>27</v>
      </c>
      <c r="Z12985">
        <v>27</v>
      </c>
      <c r="AA12985">
        <v>28</v>
      </c>
      <c r="AB12985">
        <v>28</v>
      </c>
      <c r="AC12985">
        <v>28</v>
      </c>
      <c r="AD12985">
        <v>28</v>
      </c>
      <c r="AE12985">
        <v>29</v>
      </c>
      <c r="AF12985">
        <v>29</v>
      </c>
      <c r="AG12985">
        <v>29</v>
      </c>
      <c r="AH12985">
        <v>29</v>
      </c>
      <c r="AI12985">
        <v>30</v>
      </c>
      <c r="AJ12985">
        <v>30</v>
      </c>
      <c r="AK12985">
        <v>30</v>
      </c>
      <c r="AL12985">
        <v>30</v>
      </c>
      <c r="AM12985">
        <v>30</v>
      </c>
      <c r="AN12985">
        <v>30</v>
      </c>
      <c r="AO12985">
        <v>30</v>
      </c>
      <c r="AP12985">
        <v>30</v>
      </c>
      <c r="AQ12985">
        <v>30</v>
      </c>
    </row>
    <row r="12986" spans="1:43">
      <c r="A12986" t="s">
        <v>8066</v>
      </c>
      <c r="B12986" t="s">
        <v>8067</v>
      </c>
      <c r="C12986" t="s">
        <v>8054</v>
      </c>
      <c r="D12986" t="s">
        <v>8055</v>
      </c>
      <c r="E12986" t="s">
        <v>8022</v>
      </c>
      <c r="F12986" t="s">
        <v>8023</v>
      </c>
      <c r="G12986" t="s">
        <v>80</v>
      </c>
      <c r="H12986" t="s">
        <v>81</v>
      </c>
      <c r="I12986" s="2">
        <v>0</v>
      </c>
      <c r="J12986" s="2">
        <v>0</v>
      </c>
      <c r="K12986" s="2">
        <v>1</v>
      </c>
      <c r="L12986" t="s">
        <v>995</v>
      </c>
      <c r="M12986" t="s">
        <v>83</v>
      </c>
      <c r="N12986" t="s">
        <v>84</v>
      </c>
      <c r="O12986" t="s">
        <v>85</v>
      </c>
      <c r="P12986" t="s">
        <v>86</v>
      </c>
      <c r="Q12986">
        <v>112</v>
      </c>
      <c r="R12986">
        <v>114</v>
      </c>
      <c r="S12986">
        <v>115</v>
      </c>
      <c r="T12986">
        <v>117</v>
      </c>
      <c r="U12986">
        <v>119</v>
      </c>
      <c r="V12986">
        <v>120</v>
      </c>
      <c r="W12986">
        <v>122</v>
      </c>
      <c r="X12986">
        <v>124</v>
      </c>
      <c r="Y12986">
        <v>125</v>
      </c>
      <c r="Z12986">
        <v>127</v>
      </c>
      <c r="AA12986">
        <v>128</v>
      </c>
      <c r="AB12986">
        <v>130</v>
      </c>
      <c r="AC12986">
        <v>131</v>
      </c>
      <c r="AD12986">
        <v>132</v>
      </c>
      <c r="AE12986">
        <v>134</v>
      </c>
      <c r="AF12986">
        <v>135</v>
      </c>
      <c r="AG12986">
        <v>137</v>
      </c>
      <c r="AH12986">
        <v>138</v>
      </c>
      <c r="AI12986">
        <v>139</v>
      </c>
      <c r="AJ12986">
        <v>140</v>
      </c>
      <c r="AK12986">
        <v>142</v>
      </c>
      <c r="AL12986">
        <v>142</v>
      </c>
      <c r="AM12986">
        <v>142</v>
      </c>
      <c r="AN12986">
        <v>142</v>
      </c>
      <c r="AO12986">
        <v>142</v>
      </c>
      <c r="AP12986">
        <v>142</v>
      </c>
      <c r="AQ12986">
        <v>142</v>
      </c>
    </row>
    <row r="12987" spans="1:43">
      <c r="A12987" t="s">
        <v>8066</v>
      </c>
      <c r="B12987" t="s">
        <v>8067</v>
      </c>
      <c r="C12987" t="s">
        <v>8054</v>
      </c>
      <c r="D12987" t="s">
        <v>8055</v>
      </c>
      <c r="E12987" t="s">
        <v>8022</v>
      </c>
      <c r="F12987" t="s">
        <v>8023</v>
      </c>
      <c r="G12987" t="s">
        <v>80</v>
      </c>
      <c r="H12987" t="s">
        <v>81</v>
      </c>
      <c r="I12987" s="2">
        <v>0</v>
      </c>
      <c r="J12987" s="2">
        <v>0</v>
      </c>
      <c r="K12987" s="2">
        <v>1</v>
      </c>
      <c r="L12987" t="s">
        <v>995</v>
      </c>
      <c r="M12987" t="s">
        <v>87</v>
      </c>
      <c r="N12987" t="s">
        <v>88</v>
      </c>
      <c r="O12987" t="s">
        <v>85</v>
      </c>
      <c r="P12987" t="s">
        <v>86</v>
      </c>
      <c r="Q12987">
        <v>112</v>
      </c>
      <c r="R12987">
        <v>113</v>
      </c>
      <c r="S12987">
        <v>113</v>
      </c>
      <c r="T12987">
        <v>114</v>
      </c>
      <c r="U12987">
        <v>114</v>
      </c>
      <c r="V12987">
        <v>115</v>
      </c>
      <c r="W12987">
        <v>116</v>
      </c>
      <c r="X12987">
        <v>116</v>
      </c>
      <c r="Y12987">
        <v>117</v>
      </c>
      <c r="Z12987">
        <v>117</v>
      </c>
      <c r="AA12987">
        <v>118</v>
      </c>
      <c r="AB12987">
        <v>118</v>
      </c>
      <c r="AC12987">
        <v>119</v>
      </c>
      <c r="AD12987">
        <v>119</v>
      </c>
      <c r="AE12987">
        <v>119</v>
      </c>
      <c r="AF12987">
        <v>120</v>
      </c>
      <c r="AG12987">
        <v>120</v>
      </c>
      <c r="AH12987">
        <v>121</v>
      </c>
      <c r="AI12987">
        <v>121</v>
      </c>
      <c r="AJ12987">
        <v>121</v>
      </c>
      <c r="AK12987">
        <v>122</v>
      </c>
      <c r="AL12987">
        <v>122</v>
      </c>
      <c r="AM12987">
        <v>122</v>
      </c>
      <c r="AN12987">
        <v>123</v>
      </c>
      <c r="AO12987">
        <v>123</v>
      </c>
      <c r="AP12987">
        <v>123</v>
      </c>
      <c r="AQ12987">
        <v>123</v>
      </c>
    </row>
    <row r="12988" spans="1:43">
      <c r="A12988" t="s">
        <v>8066</v>
      </c>
      <c r="B12988" t="s">
        <v>8067</v>
      </c>
      <c r="C12988" t="s">
        <v>8054</v>
      </c>
      <c r="D12988" t="s">
        <v>8055</v>
      </c>
      <c r="E12988" t="s">
        <v>8022</v>
      </c>
      <c r="F12988" t="s">
        <v>8023</v>
      </c>
      <c r="G12988" t="s">
        <v>80</v>
      </c>
      <c r="H12988" t="s">
        <v>81</v>
      </c>
      <c r="I12988" s="2">
        <v>0</v>
      </c>
      <c r="J12988" s="2">
        <v>0</v>
      </c>
      <c r="K12988" s="2">
        <v>1</v>
      </c>
      <c r="L12988" t="s">
        <v>995</v>
      </c>
      <c r="M12988" t="s">
        <v>89</v>
      </c>
      <c r="N12988" t="s">
        <v>90</v>
      </c>
      <c r="O12988" t="s">
        <v>85</v>
      </c>
      <c r="P12988" t="s">
        <v>86</v>
      </c>
      <c r="Q12988">
        <v>112</v>
      </c>
      <c r="R12988">
        <v>115</v>
      </c>
      <c r="S12988">
        <v>117</v>
      </c>
      <c r="T12988">
        <v>120</v>
      </c>
      <c r="U12988">
        <v>122</v>
      </c>
      <c r="V12988">
        <v>125</v>
      </c>
      <c r="W12988">
        <v>127</v>
      </c>
      <c r="X12988">
        <v>129</v>
      </c>
      <c r="Y12988">
        <v>132</v>
      </c>
      <c r="Z12988">
        <v>134</v>
      </c>
      <c r="AA12988">
        <v>136</v>
      </c>
      <c r="AB12988">
        <v>137</v>
      </c>
      <c r="AC12988">
        <v>140</v>
      </c>
      <c r="AD12988">
        <v>141</v>
      </c>
      <c r="AE12988">
        <v>143</v>
      </c>
      <c r="AF12988">
        <v>143</v>
      </c>
      <c r="AG12988">
        <v>143</v>
      </c>
      <c r="AH12988">
        <v>143</v>
      </c>
      <c r="AI12988">
        <v>143</v>
      </c>
      <c r="AJ12988">
        <v>143</v>
      </c>
      <c r="AK12988">
        <v>143</v>
      </c>
      <c r="AL12988">
        <v>143</v>
      </c>
      <c r="AM12988">
        <v>143</v>
      </c>
      <c r="AN12988">
        <v>142</v>
      </c>
      <c r="AO12988">
        <v>142</v>
      </c>
      <c r="AP12988">
        <v>142</v>
      </c>
      <c r="AQ12988">
        <v>142</v>
      </c>
    </row>
    <row r="12989" spans="1:43">
      <c r="A12989" t="s">
        <v>8066</v>
      </c>
      <c r="B12989" t="s">
        <v>8067</v>
      </c>
      <c r="C12989" t="s">
        <v>8054</v>
      </c>
      <c r="D12989" t="s">
        <v>8055</v>
      </c>
      <c r="E12989" t="s">
        <v>8022</v>
      </c>
      <c r="F12989" t="s">
        <v>8023</v>
      </c>
      <c r="G12989" t="s">
        <v>80</v>
      </c>
      <c r="H12989" t="s">
        <v>81</v>
      </c>
      <c r="I12989" s="2">
        <v>0</v>
      </c>
      <c r="J12989" s="2">
        <v>0</v>
      </c>
      <c r="K12989" s="2">
        <v>1</v>
      </c>
      <c r="L12989" t="s">
        <v>995</v>
      </c>
      <c r="M12989" t="s">
        <v>83</v>
      </c>
      <c r="N12989" t="s">
        <v>91</v>
      </c>
      <c r="O12989" t="s">
        <v>85</v>
      </c>
      <c r="P12989" t="s">
        <v>86</v>
      </c>
      <c r="Q12989">
        <v>112</v>
      </c>
      <c r="R12989">
        <v>114</v>
      </c>
      <c r="S12989">
        <v>115</v>
      </c>
      <c r="T12989">
        <v>117</v>
      </c>
      <c r="U12989">
        <v>119</v>
      </c>
      <c r="V12989">
        <v>120</v>
      </c>
      <c r="W12989">
        <v>122</v>
      </c>
      <c r="X12989">
        <v>124</v>
      </c>
      <c r="Y12989">
        <v>125</v>
      </c>
      <c r="Z12989">
        <v>127</v>
      </c>
      <c r="AA12989">
        <v>128</v>
      </c>
      <c r="AB12989">
        <v>130</v>
      </c>
      <c r="AC12989">
        <v>131</v>
      </c>
      <c r="AD12989">
        <v>132</v>
      </c>
      <c r="AE12989">
        <v>134</v>
      </c>
      <c r="AF12989">
        <v>135</v>
      </c>
      <c r="AG12989">
        <v>137</v>
      </c>
      <c r="AH12989">
        <v>138</v>
      </c>
      <c r="AI12989">
        <v>139</v>
      </c>
      <c r="AJ12989">
        <v>140</v>
      </c>
      <c r="AK12989">
        <v>142</v>
      </c>
      <c r="AL12989">
        <v>142</v>
      </c>
      <c r="AM12989">
        <v>142</v>
      </c>
      <c r="AN12989">
        <v>142</v>
      </c>
      <c r="AO12989">
        <v>142</v>
      </c>
      <c r="AP12989">
        <v>142</v>
      </c>
      <c r="AQ12989">
        <v>142</v>
      </c>
    </row>
    <row r="12990" spans="1:43">
      <c r="A12990" t="s">
        <v>8068</v>
      </c>
      <c r="B12990" t="s">
        <v>8069</v>
      </c>
      <c r="C12990" t="s">
        <v>8042</v>
      </c>
      <c r="D12990" t="s">
        <v>8043</v>
      </c>
      <c r="E12990" t="s">
        <v>8022</v>
      </c>
      <c r="F12990" t="s">
        <v>8023</v>
      </c>
      <c r="G12990" t="s">
        <v>80</v>
      </c>
      <c r="H12990" t="s">
        <v>81</v>
      </c>
      <c r="I12990" s="2">
        <v>0</v>
      </c>
      <c r="J12990" s="2">
        <v>0</v>
      </c>
      <c r="K12990" s="2">
        <v>1</v>
      </c>
      <c r="L12990" t="s">
        <v>995</v>
      </c>
      <c r="M12990" t="s">
        <v>83</v>
      </c>
      <c r="N12990" t="s">
        <v>84</v>
      </c>
      <c r="O12990" t="s">
        <v>85</v>
      </c>
      <c r="P12990" t="s">
        <v>86</v>
      </c>
      <c r="Q12990">
        <v>22</v>
      </c>
      <c r="R12990">
        <v>23</v>
      </c>
      <c r="S12990">
        <v>23</v>
      </c>
      <c r="T12990">
        <v>23</v>
      </c>
      <c r="U12990">
        <v>24</v>
      </c>
      <c r="V12990">
        <v>24</v>
      </c>
      <c r="W12990">
        <v>24</v>
      </c>
      <c r="X12990">
        <v>24</v>
      </c>
      <c r="Y12990">
        <v>25</v>
      </c>
      <c r="Z12990">
        <v>25</v>
      </c>
      <c r="AA12990">
        <v>25</v>
      </c>
      <c r="AB12990">
        <v>26</v>
      </c>
      <c r="AC12990">
        <v>26</v>
      </c>
      <c r="AD12990">
        <v>26</v>
      </c>
      <c r="AE12990">
        <v>26</v>
      </c>
      <c r="AF12990">
        <v>27</v>
      </c>
      <c r="AG12990">
        <v>27</v>
      </c>
      <c r="AH12990">
        <v>27</v>
      </c>
      <c r="AI12990">
        <v>27</v>
      </c>
      <c r="AJ12990">
        <v>27</v>
      </c>
      <c r="AK12990">
        <v>28</v>
      </c>
      <c r="AL12990">
        <v>28</v>
      </c>
      <c r="AM12990">
        <v>28</v>
      </c>
      <c r="AN12990">
        <v>28</v>
      </c>
      <c r="AO12990">
        <v>28</v>
      </c>
      <c r="AP12990">
        <v>27</v>
      </c>
      <c r="AQ12990">
        <v>27</v>
      </c>
    </row>
    <row r="12991" spans="1:43">
      <c r="A12991" t="s">
        <v>8068</v>
      </c>
      <c r="B12991" t="s">
        <v>8069</v>
      </c>
      <c r="C12991" t="s">
        <v>8042</v>
      </c>
      <c r="D12991" t="s">
        <v>8043</v>
      </c>
      <c r="E12991" t="s">
        <v>8022</v>
      </c>
      <c r="F12991" t="s">
        <v>8023</v>
      </c>
      <c r="G12991" t="s">
        <v>80</v>
      </c>
      <c r="H12991" t="s">
        <v>81</v>
      </c>
      <c r="I12991" s="2">
        <v>0</v>
      </c>
      <c r="J12991" s="2">
        <v>0</v>
      </c>
      <c r="K12991" s="2">
        <v>1</v>
      </c>
      <c r="L12991" t="s">
        <v>995</v>
      </c>
      <c r="M12991" t="s">
        <v>87</v>
      </c>
      <c r="N12991" t="s">
        <v>88</v>
      </c>
      <c r="O12991" t="s">
        <v>85</v>
      </c>
      <c r="P12991" t="s">
        <v>86</v>
      </c>
      <c r="Q12991">
        <v>22</v>
      </c>
      <c r="R12991">
        <v>22</v>
      </c>
      <c r="S12991">
        <v>22</v>
      </c>
      <c r="T12991">
        <v>22</v>
      </c>
      <c r="U12991">
        <v>23</v>
      </c>
      <c r="V12991">
        <v>23</v>
      </c>
      <c r="W12991">
        <v>23</v>
      </c>
      <c r="X12991">
        <v>23</v>
      </c>
      <c r="Y12991">
        <v>23</v>
      </c>
      <c r="Z12991">
        <v>23</v>
      </c>
      <c r="AA12991">
        <v>23</v>
      </c>
      <c r="AB12991">
        <v>23</v>
      </c>
      <c r="AC12991">
        <v>23</v>
      </c>
      <c r="AD12991">
        <v>23</v>
      </c>
      <c r="AE12991">
        <v>23</v>
      </c>
      <c r="AF12991">
        <v>23</v>
      </c>
      <c r="AG12991">
        <v>23</v>
      </c>
      <c r="AH12991">
        <v>23</v>
      </c>
      <c r="AI12991">
        <v>24</v>
      </c>
      <c r="AJ12991">
        <v>24</v>
      </c>
      <c r="AK12991">
        <v>24</v>
      </c>
      <c r="AL12991">
        <v>24</v>
      </c>
      <c r="AM12991">
        <v>24</v>
      </c>
      <c r="AN12991">
        <v>24</v>
      </c>
      <c r="AO12991">
        <v>24</v>
      </c>
      <c r="AP12991">
        <v>24</v>
      </c>
      <c r="AQ12991">
        <v>24</v>
      </c>
    </row>
    <row r="12992" spans="1:43">
      <c r="A12992" t="s">
        <v>8068</v>
      </c>
      <c r="B12992" t="s">
        <v>8069</v>
      </c>
      <c r="C12992" t="s">
        <v>8042</v>
      </c>
      <c r="D12992" t="s">
        <v>8043</v>
      </c>
      <c r="E12992" t="s">
        <v>8022</v>
      </c>
      <c r="F12992" t="s">
        <v>8023</v>
      </c>
      <c r="G12992" t="s">
        <v>80</v>
      </c>
      <c r="H12992" t="s">
        <v>81</v>
      </c>
      <c r="I12992" s="2">
        <v>0</v>
      </c>
      <c r="J12992" s="2">
        <v>0</v>
      </c>
      <c r="K12992" s="2">
        <v>1</v>
      </c>
      <c r="L12992" t="s">
        <v>995</v>
      </c>
      <c r="M12992" t="s">
        <v>89</v>
      </c>
      <c r="N12992" t="s">
        <v>90</v>
      </c>
      <c r="O12992" t="s">
        <v>85</v>
      </c>
      <c r="P12992" t="s">
        <v>86</v>
      </c>
      <c r="Q12992">
        <v>22</v>
      </c>
      <c r="R12992">
        <v>22</v>
      </c>
      <c r="S12992">
        <v>23</v>
      </c>
      <c r="T12992">
        <v>23</v>
      </c>
      <c r="U12992">
        <v>24</v>
      </c>
      <c r="V12992">
        <v>24</v>
      </c>
      <c r="W12992">
        <v>24</v>
      </c>
      <c r="X12992">
        <v>25</v>
      </c>
      <c r="Y12992">
        <v>25</v>
      </c>
      <c r="Z12992">
        <v>26</v>
      </c>
      <c r="AA12992">
        <v>26</v>
      </c>
      <c r="AB12992">
        <v>26</v>
      </c>
      <c r="AC12992">
        <v>27</v>
      </c>
      <c r="AD12992">
        <v>27</v>
      </c>
      <c r="AE12992">
        <v>27</v>
      </c>
      <c r="AF12992">
        <v>27</v>
      </c>
      <c r="AG12992">
        <v>27</v>
      </c>
      <c r="AH12992">
        <v>27</v>
      </c>
      <c r="AI12992">
        <v>27</v>
      </c>
      <c r="AJ12992">
        <v>27</v>
      </c>
      <c r="AK12992">
        <v>27</v>
      </c>
      <c r="AL12992">
        <v>27</v>
      </c>
      <c r="AM12992">
        <v>27</v>
      </c>
      <c r="AN12992">
        <v>27</v>
      </c>
      <c r="AO12992">
        <v>27</v>
      </c>
      <c r="AP12992">
        <v>27</v>
      </c>
      <c r="AQ12992">
        <v>27</v>
      </c>
    </row>
    <row r="12993" spans="1:43">
      <c r="A12993" t="s">
        <v>8068</v>
      </c>
      <c r="B12993" t="s">
        <v>8069</v>
      </c>
      <c r="C12993" t="s">
        <v>8042</v>
      </c>
      <c r="D12993" t="s">
        <v>8043</v>
      </c>
      <c r="E12993" t="s">
        <v>8022</v>
      </c>
      <c r="F12993" t="s">
        <v>8023</v>
      </c>
      <c r="G12993" t="s">
        <v>80</v>
      </c>
      <c r="H12993" t="s">
        <v>81</v>
      </c>
      <c r="I12993" s="2">
        <v>0</v>
      </c>
      <c r="J12993" s="2">
        <v>0</v>
      </c>
      <c r="K12993" s="2">
        <v>1</v>
      </c>
      <c r="L12993" t="s">
        <v>995</v>
      </c>
      <c r="M12993" t="s">
        <v>83</v>
      </c>
      <c r="N12993" t="s">
        <v>91</v>
      </c>
      <c r="O12993" t="s">
        <v>85</v>
      </c>
      <c r="P12993" t="s">
        <v>86</v>
      </c>
      <c r="Q12993">
        <v>22</v>
      </c>
      <c r="R12993">
        <v>23</v>
      </c>
      <c r="S12993">
        <v>23</v>
      </c>
      <c r="T12993">
        <v>23</v>
      </c>
      <c r="U12993">
        <v>24</v>
      </c>
      <c r="V12993">
        <v>24</v>
      </c>
      <c r="W12993">
        <v>24</v>
      </c>
      <c r="X12993">
        <v>24</v>
      </c>
      <c r="Y12993">
        <v>25</v>
      </c>
      <c r="Z12993">
        <v>25</v>
      </c>
      <c r="AA12993">
        <v>25</v>
      </c>
      <c r="AB12993">
        <v>26</v>
      </c>
      <c r="AC12993">
        <v>26</v>
      </c>
      <c r="AD12993">
        <v>26</v>
      </c>
      <c r="AE12993">
        <v>26</v>
      </c>
      <c r="AF12993">
        <v>27</v>
      </c>
      <c r="AG12993">
        <v>27</v>
      </c>
      <c r="AH12993">
        <v>27</v>
      </c>
      <c r="AI12993">
        <v>27</v>
      </c>
      <c r="AJ12993">
        <v>27</v>
      </c>
      <c r="AK12993">
        <v>28</v>
      </c>
      <c r="AL12993">
        <v>28</v>
      </c>
      <c r="AM12993">
        <v>28</v>
      </c>
      <c r="AN12993">
        <v>28</v>
      </c>
      <c r="AO12993">
        <v>28</v>
      </c>
      <c r="AP12993">
        <v>27</v>
      </c>
      <c r="AQ12993">
        <v>27</v>
      </c>
    </row>
    <row r="12994" spans="1:43">
      <c r="A12994" t="s">
        <v>8070</v>
      </c>
      <c r="B12994" t="s">
        <v>8071</v>
      </c>
      <c r="C12994" t="s">
        <v>8042</v>
      </c>
      <c r="D12994" t="s">
        <v>8043</v>
      </c>
      <c r="E12994" t="s">
        <v>8022</v>
      </c>
      <c r="F12994" t="s">
        <v>8023</v>
      </c>
      <c r="G12994" t="s">
        <v>80</v>
      </c>
      <c r="H12994" t="s">
        <v>81</v>
      </c>
      <c r="I12994" s="2">
        <v>0</v>
      </c>
      <c r="J12994" s="2">
        <v>0</v>
      </c>
      <c r="K12994" s="2">
        <v>1</v>
      </c>
      <c r="L12994" t="s">
        <v>995</v>
      </c>
      <c r="M12994" t="s">
        <v>83</v>
      </c>
      <c r="N12994" t="s">
        <v>84</v>
      </c>
      <c r="O12994" t="s">
        <v>85</v>
      </c>
      <c r="P12994" t="s">
        <v>86</v>
      </c>
      <c r="Q12994">
        <v>87</v>
      </c>
      <c r="R12994">
        <v>89</v>
      </c>
      <c r="S12994">
        <v>90</v>
      </c>
      <c r="T12994">
        <v>91</v>
      </c>
      <c r="U12994">
        <v>92</v>
      </c>
      <c r="V12994">
        <v>93</v>
      </c>
      <c r="W12994">
        <v>95</v>
      </c>
      <c r="X12994">
        <v>96</v>
      </c>
      <c r="Y12994">
        <v>97</v>
      </c>
      <c r="Z12994">
        <v>98</v>
      </c>
      <c r="AA12994">
        <v>99</v>
      </c>
      <c r="AB12994">
        <v>100</v>
      </c>
      <c r="AC12994">
        <v>101</v>
      </c>
      <c r="AD12994">
        <v>102</v>
      </c>
      <c r="AE12994">
        <v>103</v>
      </c>
      <c r="AF12994">
        <v>104</v>
      </c>
      <c r="AG12994">
        <v>105</v>
      </c>
      <c r="AH12994">
        <v>106</v>
      </c>
      <c r="AI12994">
        <v>107</v>
      </c>
      <c r="AJ12994">
        <v>108</v>
      </c>
      <c r="AK12994">
        <v>109</v>
      </c>
      <c r="AL12994">
        <v>109</v>
      </c>
      <c r="AM12994">
        <v>109</v>
      </c>
      <c r="AN12994">
        <v>108</v>
      </c>
      <c r="AO12994">
        <v>108</v>
      </c>
      <c r="AP12994">
        <v>108</v>
      </c>
      <c r="AQ12994">
        <v>108</v>
      </c>
    </row>
    <row r="12995" spans="1:43">
      <c r="A12995" t="s">
        <v>8070</v>
      </c>
      <c r="B12995" t="s">
        <v>8071</v>
      </c>
      <c r="C12995" t="s">
        <v>8042</v>
      </c>
      <c r="D12995" t="s">
        <v>8043</v>
      </c>
      <c r="E12995" t="s">
        <v>8022</v>
      </c>
      <c r="F12995" t="s">
        <v>8023</v>
      </c>
      <c r="G12995" t="s">
        <v>80</v>
      </c>
      <c r="H12995" t="s">
        <v>81</v>
      </c>
      <c r="I12995" s="2">
        <v>0</v>
      </c>
      <c r="J12995" s="2">
        <v>0</v>
      </c>
      <c r="K12995" s="2">
        <v>1</v>
      </c>
      <c r="L12995" t="s">
        <v>995</v>
      </c>
      <c r="M12995" t="s">
        <v>87</v>
      </c>
      <c r="N12995" t="s">
        <v>88</v>
      </c>
      <c r="O12995" t="s">
        <v>85</v>
      </c>
      <c r="P12995" t="s">
        <v>86</v>
      </c>
      <c r="Q12995">
        <v>87</v>
      </c>
      <c r="R12995">
        <v>88</v>
      </c>
      <c r="S12995">
        <v>88</v>
      </c>
      <c r="T12995">
        <v>89</v>
      </c>
      <c r="U12995">
        <v>89</v>
      </c>
      <c r="V12995">
        <v>90</v>
      </c>
      <c r="W12995">
        <v>90</v>
      </c>
      <c r="X12995">
        <v>90</v>
      </c>
      <c r="Y12995">
        <v>91</v>
      </c>
      <c r="Z12995">
        <v>91</v>
      </c>
      <c r="AA12995">
        <v>91</v>
      </c>
      <c r="AB12995">
        <v>92</v>
      </c>
      <c r="AC12995">
        <v>92</v>
      </c>
      <c r="AD12995">
        <v>92</v>
      </c>
      <c r="AE12995">
        <v>92</v>
      </c>
      <c r="AF12995">
        <v>93</v>
      </c>
      <c r="AG12995">
        <v>93</v>
      </c>
      <c r="AH12995">
        <v>93</v>
      </c>
      <c r="AI12995">
        <v>93</v>
      </c>
      <c r="AJ12995">
        <v>93</v>
      </c>
      <c r="AK12995">
        <v>94</v>
      </c>
      <c r="AL12995">
        <v>94</v>
      </c>
      <c r="AM12995">
        <v>94</v>
      </c>
      <c r="AN12995">
        <v>94</v>
      </c>
      <c r="AO12995">
        <v>94</v>
      </c>
      <c r="AP12995">
        <v>94</v>
      </c>
      <c r="AQ12995">
        <v>94</v>
      </c>
    </row>
    <row r="12996" spans="1:43">
      <c r="A12996" t="s">
        <v>8070</v>
      </c>
      <c r="B12996" t="s">
        <v>8071</v>
      </c>
      <c r="C12996" t="s">
        <v>8042</v>
      </c>
      <c r="D12996" t="s">
        <v>8043</v>
      </c>
      <c r="E12996" t="s">
        <v>8022</v>
      </c>
      <c r="F12996" t="s">
        <v>8023</v>
      </c>
      <c r="G12996" t="s">
        <v>80</v>
      </c>
      <c r="H12996" t="s">
        <v>81</v>
      </c>
      <c r="I12996" s="2">
        <v>0</v>
      </c>
      <c r="J12996" s="2">
        <v>0</v>
      </c>
      <c r="K12996" s="2">
        <v>1</v>
      </c>
      <c r="L12996" t="s">
        <v>995</v>
      </c>
      <c r="M12996" t="s">
        <v>89</v>
      </c>
      <c r="N12996" t="s">
        <v>90</v>
      </c>
      <c r="O12996" t="s">
        <v>85</v>
      </c>
      <c r="P12996" t="s">
        <v>86</v>
      </c>
      <c r="Q12996">
        <v>87</v>
      </c>
      <c r="R12996">
        <v>89</v>
      </c>
      <c r="S12996">
        <v>91</v>
      </c>
      <c r="T12996">
        <v>93</v>
      </c>
      <c r="U12996">
        <v>95</v>
      </c>
      <c r="V12996">
        <v>97</v>
      </c>
      <c r="W12996">
        <v>98</v>
      </c>
      <c r="X12996">
        <v>100</v>
      </c>
      <c r="Y12996">
        <v>102</v>
      </c>
      <c r="Z12996">
        <v>103</v>
      </c>
      <c r="AA12996">
        <v>105</v>
      </c>
      <c r="AB12996">
        <v>106</v>
      </c>
      <c r="AC12996">
        <v>108</v>
      </c>
      <c r="AD12996">
        <v>109</v>
      </c>
      <c r="AE12996">
        <v>110</v>
      </c>
      <c r="AF12996">
        <v>110</v>
      </c>
      <c r="AG12996">
        <v>110</v>
      </c>
      <c r="AH12996">
        <v>109</v>
      </c>
      <c r="AI12996">
        <v>109</v>
      </c>
      <c r="AJ12996">
        <v>109</v>
      </c>
      <c r="AK12996">
        <v>109</v>
      </c>
      <c r="AL12996">
        <v>109</v>
      </c>
      <c r="AM12996">
        <v>108</v>
      </c>
      <c r="AN12996">
        <v>108</v>
      </c>
      <c r="AO12996">
        <v>108</v>
      </c>
      <c r="AP12996">
        <v>108</v>
      </c>
      <c r="AQ12996">
        <v>107</v>
      </c>
    </row>
    <row r="12997" spans="1:43">
      <c r="A12997" t="s">
        <v>8070</v>
      </c>
      <c r="B12997" t="s">
        <v>8071</v>
      </c>
      <c r="C12997" t="s">
        <v>8042</v>
      </c>
      <c r="D12997" t="s">
        <v>8043</v>
      </c>
      <c r="E12997" t="s">
        <v>8022</v>
      </c>
      <c r="F12997" t="s">
        <v>8023</v>
      </c>
      <c r="G12997" t="s">
        <v>80</v>
      </c>
      <c r="H12997" t="s">
        <v>81</v>
      </c>
      <c r="I12997" s="2">
        <v>0</v>
      </c>
      <c r="J12997" s="2">
        <v>0</v>
      </c>
      <c r="K12997" s="2">
        <v>1</v>
      </c>
      <c r="L12997" t="s">
        <v>995</v>
      </c>
      <c r="M12997" t="s">
        <v>83</v>
      </c>
      <c r="N12997" t="s">
        <v>91</v>
      </c>
      <c r="O12997" t="s">
        <v>85</v>
      </c>
      <c r="P12997" t="s">
        <v>86</v>
      </c>
      <c r="Q12997">
        <v>87</v>
      </c>
      <c r="R12997">
        <v>89</v>
      </c>
      <c r="S12997">
        <v>90</v>
      </c>
      <c r="T12997">
        <v>91</v>
      </c>
      <c r="U12997">
        <v>92</v>
      </c>
      <c r="V12997">
        <v>93</v>
      </c>
      <c r="W12997">
        <v>95</v>
      </c>
      <c r="X12997">
        <v>96</v>
      </c>
      <c r="Y12997">
        <v>97</v>
      </c>
      <c r="Z12997">
        <v>98</v>
      </c>
      <c r="AA12997">
        <v>99</v>
      </c>
      <c r="AB12997">
        <v>100</v>
      </c>
      <c r="AC12997">
        <v>101</v>
      </c>
      <c r="AD12997">
        <v>102</v>
      </c>
      <c r="AE12997">
        <v>103</v>
      </c>
      <c r="AF12997">
        <v>104</v>
      </c>
      <c r="AG12997">
        <v>105</v>
      </c>
      <c r="AH12997">
        <v>106</v>
      </c>
      <c r="AI12997">
        <v>107</v>
      </c>
      <c r="AJ12997">
        <v>108</v>
      </c>
      <c r="AK12997">
        <v>109</v>
      </c>
      <c r="AL12997">
        <v>109</v>
      </c>
      <c r="AM12997">
        <v>109</v>
      </c>
      <c r="AN12997">
        <v>108</v>
      </c>
      <c r="AO12997">
        <v>108</v>
      </c>
      <c r="AP12997">
        <v>108</v>
      </c>
      <c r="AQ12997">
        <v>108</v>
      </c>
    </row>
    <row r="12998" spans="1:43">
      <c r="A12998" t="s">
        <v>8072</v>
      </c>
      <c r="B12998" t="s">
        <v>8073</v>
      </c>
      <c r="C12998" t="s">
        <v>8074</v>
      </c>
      <c r="D12998" t="s">
        <v>8075</v>
      </c>
      <c r="E12998" t="s">
        <v>8022</v>
      </c>
      <c r="F12998" t="s">
        <v>8023</v>
      </c>
      <c r="G12998" t="s">
        <v>80</v>
      </c>
      <c r="H12998" t="s">
        <v>81</v>
      </c>
      <c r="I12998" s="2">
        <v>0</v>
      </c>
      <c r="J12998" s="2">
        <v>0</v>
      </c>
      <c r="K12998" s="2">
        <v>1</v>
      </c>
      <c r="L12998" t="s">
        <v>995</v>
      </c>
      <c r="M12998" t="s">
        <v>83</v>
      </c>
      <c r="N12998" t="s">
        <v>84</v>
      </c>
      <c r="O12998" t="s">
        <v>85</v>
      </c>
      <c r="P12998" t="s">
        <v>86</v>
      </c>
      <c r="Q12998">
        <v>24</v>
      </c>
      <c r="R12998">
        <v>24</v>
      </c>
      <c r="S12998">
        <v>25</v>
      </c>
      <c r="T12998">
        <v>25</v>
      </c>
      <c r="U12998">
        <v>25</v>
      </c>
      <c r="V12998">
        <v>26</v>
      </c>
      <c r="W12998">
        <v>26</v>
      </c>
      <c r="X12998">
        <v>26</v>
      </c>
      <c r="Y12998">
        <v>27</v>
      </c>
      <c r="Z12998">
        <v>27</v>
      </c>
      <c r="AA12998">
        <v>27</v>
      </c>
      <c r="AB12998">
        <v>28</v>
      </c>
      <c r="AC12998">
        <v>28</v>
      </c>
      <c r="AD12998">
        <v>28</v>
      </c>
      <c r="AE12998">
        <v>28</v>
      </c>
      <c r="AF12998">
        <v>29</v>
      </c>
      <c r="AG12998">
        <v>29</v>
      </c>
      <c r="AH12998">
        <v>29</v>
      </c>
      <c r="AI12998">
        <v>29</v>
      </c>
      <c r="AJ12998">
        <v>30</v>
      </c>
      <c r="AK12998">
        <v>30</v>
      </c>
      <c r="AL12998">
        <v>30</v>
      </c>
      <c r="AM12998">
        <v>30</v>
      </c>
      <c r="AN12998">
        <v>30</v>
      </c>
      <c r="AO12998">
        <v>30</v>
      </c>
      <c r="AP12998">
        <v>30</v>
      </c>
      <c r="AQ12998">
        <v>29</v>
      </c>
    </row>
    <row r="12999" spans="1:43">
      <c r="A12999" t="s">
        <v>8072</v>
      </c>
      <c r="B12999" t="s">
        <v>8073</v>
      </c>
      <c r="C12999" t="s">
        <v>8074</v>
      </c>
      <c r="D12999" t="s">
        <v>8075</v>
      </c>
      <c r="E12999" t="s">
        <v>8022</v>
      </c>
      <c r="F12999" t="s">
        <v>8023</v>
      </c>
      <c r="G12999" t="s">
        <v>80</v>
      </c>
      <c r="H12999" t="s">
        <v>81</v>
      </c>
      <c r="I12999" s="2">
        <v>0</v>
      </c>
      <c r="J12999" s="2">
        <v>0</v>
      </c>
      <c r="K12999" s="2">
        <v>1</v>
      </c>
      <c r="L12999" t="s">
        <v>995</v>
      </c>
      <c r="M12999" t="s">
        <v>87</v>
      </c>
      <c r="N12999" t="s">
        <v>88</v>
      </c>
      <c r="O12999" t="s">
        <v>85</v>
      </c>
      <c r="P12999" t="s">
        <v>86</v>
      </c>
      <c r="Q12999">
        <v>24</v>
      </c>
      <c r="R12999">
        <v>24</v>
      </c>
      <c r="S12999">
        <v>24</v>
      </c>
      <c r="T12999">
        <v>24</v>
      </c>
      <c r="U12999">
        <v>24</v>
      </c>
      <c r="V12999">
        <v>24</v>
      </c>
      <c r="W12999">
        <v>25</v>
      </c>
      <c r="X12999">
        <v>25</v>
      </c>
      <c r="Y12999">
        <v>25</v>
      </c>
      <c r="Z12999">
        <v>25</v>
      </c>
      <c r="AA12999">
        <v>25</v>
      </c>
      <c r="AB12999">
        <v>25</v>
      </c>
      <c r="AC12999">
        <v>25</v>
      </c>
      <c r="AD12999">
        <v>25</v>
      </c>
      <c r="AE12999">
        <v>25</v>
      </c>
      <c r="AF12999">
        <v>25</v>
      </c>
      <c r="AG12999">
        <v>25</v>
      </c>
      <c r="AH12999">
        <v>25</v>
      </c>
      <c r="AI12999">
        <v>25</v>
      </c>
      <c r="AJ12999">
        <v>25</v>
      </c>
      <c r="AK12999">
        <v>25</v>
      </c>
      <c r="AL12999">
        <v>25</v>
      </c>
      <c r="AM12999">
        <v>26</v>
      </c>
      <c r="AN12999">
        <v>26</v>
      </c>
      <c r="AO12999">
        <v>26</v>
      </c>
      <c r="AP12999">
        <v>26</v>
      </c>
      <c r="AQ12999">
        <v>26</v>
      </c>
    </row>
    <row r="13000" spans="1:43">
      <c r="A13000" t="s">
        <v>8072</v>
      </c>
      <c r="B13000" t="s">
        <v>8073</v>
      </c>
      <c r="C13000" t="s">
        <v>8074</v>
      </c>
      <c r="D13000" t="s">
        <v>8075</v>
      </c>
      <c r="E13000" t="s">
        <v>8022</v>
      </c>
      <c r="F13000" t="s">
        <v>8023</v>
      </c>
      <c r="G13000" t="s">
        <v>80</v>
      </c>
      <c r="H13000" t="s">
        <v>81</v>
      </c>
      <c r="I13000" s="2">
        <v>0</v>
      </c>
      <c r="J13000" s="2">
        <v>0</v>
      </c>
      <c r="K13000" s="2">
        <v>1</v>
      </c>
      <c r="L13000" t="s">
        <v>995</v>
      </c>
      <c r="M13000" t="s">
        <v>89</v>
      </c>
      <c r="N13000" t="s">
        <v>90</v>
      </c>
      <c r="O13000" t="s">
        <v>85</v>
      </c>
      <c r="P13000" t="s">
        <v>86</v>
      </c>
      <c r="Q13000">
        <v>24</v>
      </c>
      <c r="R13000">
        <v>25</v>
      </c>
      <c r="S13000">
        <v>25</v>
      </c>
      <c r="T13000">
        <v>26</v>
      </c>
      <c r="U13000">
        <v>26</v>
      </c>
      <c r="V13000">
        <v>27</v>
      </c>
      <c r="W13000">
        <v>27</v>
      </c>
      <c r="X13000">
        <v>28</v>
      </c>
      <c r="Y13000">
        <v>28</v>
      </c>
      <c r="Z13000">
        <v>29</v>
      </c>
      <c r="AA13000">
        <v>29</v>
      </c>
      <c r="AB13000">
        <v>29</v>
      </c>
      <c r="AC13000">
        <v>30</v>
      </c>
      <c r="AD13000">
        <v>30</v>
      </c>
      <c r="AE13000">
        <v>30</v>
      </c>
      <c r="AF13000">
        <v>30</v>
      </c>
      <c r="AG13000">
        <v>30</v>
      </c>
      <c r="AH13000">
        <v>30</v>
      </c>
      <c r="AI13000">
        <v>30</v>
      </c>
      <c r="AJ13000">
        <v>30</v>
      </c>
      <c r="AK13000">
        <v>30</v>
      </c>
      <c r="AL13000">
        <v>30</v>
      </c>
      <c r="AM13000">
        <v>30</v>
      </c>
      <c r="AN13000">
        <v>30</v>
      </c>
      <c r="AO13000">
        <v>30</v>
      </c>
      <c r="AP13000">
        <v>30</v>
      </c>
      <c r="AQ13000">
        <v>30</v>
      </c>
    </row>
    <row r="13001" spans="1:43">
      <c r="A13001" t="s">
        <v>8072</v>
      </c>
      <c r="B13001" t="s">
        <v>8073</v>
      </c>
      <c r="C13001" t="s">
        <v>8074</v>
      </c>
      <c r="D13001" t="s">
        <v>8075</v>
      </c>
      <c r="E13001" t="s">
        <v>8022</v>
      </c>
      <c r="F13001" t="s">
        <v>8023</v>
      </c>
      <c r="G13001" t="s">
        <v>80</v>
      </c>
      <c r="H13001" t="s">
        <v>81</v>
      </c>
      <c r="I13001" s="2">
        <v>0</v>
      </c>
      <c r="J13001" s="2">
        <v>0</v>
      </c>
      <c r="K13001" s="2">
        <v>1</v>
      </c>
      <c r="L13001" t="s">
        <v>995</v>
      </c>
      <c r="M13001" t="s">
        <v>83</v>
      </c>
      <c r="N13001" t="s">
        <v>91</v>
      </c>
      <c r="O13001" t="s">
        <v>85</v>
      </c>
      <c r="P13001" t="s">
        <v>86</v>
      </c>
      <c r="Q13001">
        <v>24</v>
      </c>
      <c r="R13001">
        <v>24</v>
      </c>
      <c r="S13001">
        <v>25</v>
      </c>
      <c r="T13001">
        <v>25</v>
      </c>
      <c r="U13001">
        <v>25</v>
      </c>
      <c r="V13001">
        <v>26</v>
      </c>
      <c r="W13001">
        <v>26</v>
      </c>
      <c r="X13001">
        <v>26</v>
      </c>
      <c r="Y13001">
        <v>27</v>
      </c>
      <c r="Z13001">
        <v>27</v>
      </c>
      <c r="AA13001">
        <v>27</v>
      </c>
      <c r="AB13001">
        <v>28</v>
      </c>
      <c r="AC13001">
        <v>28</v>
      </c>
      <c r="AD13001">
        <v>28</v>
      </c>
      <c r="AE13001">
        <v>28</v>
      </c>
      <c r="AF13001">
        <v>29</v>
      </c>
      <c r="AG13001">
        <v>29</v>
      </c>
      <c r="AH13001">
        <v>29</v>
      </c>
      <c r="AI13001">
        <v>29</v>
      </c>
      <c r="AJ13001">
        <v>30</v>
      </c>
      <c r="AK13001">
        <v>30</v>
      </c>
      <c r="AL13001">
        <v>30</v>
      </c>
      <c r="AM13001">
        <v>30</v>
      </c>
      <c r="AN13001">
        <v>30</v>
      </c>
      <c r="AO13001">
        <v>30</v>
      </c>
      <c r="AP13001">
        <v>30</v>
      </c>
      <c r="AQ13001">
        <v>29</v>
      </c>
    </row>
    <row r="13002" spans="1:43">
      <c r="A13002" t="s">
        <v>8076</v>
      </c>
      <c r="B13002" t="s">
        <v>8077</v>
      </c>
      <c r="C13002" t="s">
        <v>8074</v>
      </c>
      <c r="D13002" t="s">
        <v>8075</v>
      </c>
      <c r="E13002" t="s">
        <v>8022</v>
      </c>
      <c r="F13002" t="s">
        <v>8023</v>
      </c>
      <c r="G13002" t="s">
        <v>80</v>
      </c>
      <c r="H13002" t="s">
        <v>81</v>
      </c>
      <c r="I13002" s="2">
        <v>0</v>
      </c>
      <c r="J13002" s="2">
        <v>0</v>
      </c>
      <c r="K13002" s="2">
        <v>1</v>
      </c>
      <c r="L13002" t="s">
        <v>995</v>
      </c>
      <c r="M13002" t="s">
        <v>83</v>
      </c>
      <c r="N13002" t="s">
        <v>84</v>
      </c>
      <c r="O13002" t="s">
        <v>85</v>
      </c>
      <c r="P13002" t="s">
        <v>86</v>
      </c>
      <c r="Q13002">
        <v>11</v>
      </c>
      <c r="R13002">
        <v>12</v>
      </c>
      <c r="S13002">
        <v>12</v>
      </c>
      <c r="T13002">
        <v>12</v>
      </c>
      <c r="U13002">
        <v>12</v>
      </c>
      <c r="V13002">
        <v>12</v>
      </c>
      <c r="W13002">
        <v>12</v>
      </c>
      <c r="X13002">
        <v>12</v>
      </c>
      <c r="Y13002">
        <v>13</v>
      </c>
      <c r="Z13002">
        <v>13</v>
      </c>
      <c r="AA13002">
        <v>13</v>
      </c>
      <c r="AB13002">
        <v>13</v>
      </c>
      <c r="AC13002">
        <v>13</v>
      </c>
      <c r="AD13002">
        <v>13</v>
      </c>
      <c r="AE13002">
        <v>13</v>
      </c>
      <c r="AF13002">
        <v>14</v>
      </c>
      <c r="AG13002">
        <v>14</v>
      </c>
      <c r="AH13002">
        <v>14</v>
      </c>
      <c r="AI13002">
        <v>14</v>
      </c>
      <c r="AJ13002">
        <v>14</v>
      </c>
      <c r="AK13002">
        <v>14</v>
      </c>
      <c r="AL13002">
        <v>14</v>
      </c>
      <c r="AM13002">
        <v>14</v>
      </c>
      <c r="AN13002">
        <v>14</v>
      </c>
      <c r="AO13002">
        <v>14</v>
      </c>
      <c r="AP13002">
        <v>14</v>
      </c>
      <c r="AQ13002">
        <v>14</v>
      </c>
    </row>
    <row r="13003" spans="1:43">
      <c r="A13003" t="s">
        <v>8076</v>
      </c>
      <c r="B13003" t="s">
        <v>8077</v>
      </c>
      <c r="C13003" t="s">
        <v>8074</v>
      </c>
      <c r="D13003" t="s">
        <v>8075</v>
      </c>
      <c r="E13003" t="s">
        <v>8022</v>
      </c>
      <c r="F13003" t="s">
        <v>8023</v>
      </c>
      <c r="G13003" t="s">
        <v>80</v>
      </c>
      <c r="H13003" t="s">
        <v>81</v>
      </c>
      <c r="I13003" s="2">
        <v>0</v>
      </c>
      <c r="J13003" s="2">
        <v>0</v>
      </c>
      <c r="K13003" s="2">
        <v>1</v>
      </c>
      <c r="L13003" t="s">
        <v>995</v>
      </c>
      <c r="M13003" t="s">
        <v>87</v>
      </c>
      <c r="N13003" t="s">
        <v>88</v>
      </c>
      <c r="O13003" t="s">
        <v>85</v>
      </c>
      <c r="P13003" t="s">
        <v>86</v>
      </c>
      <c r="Q13003">
        <v>11</v>
      </c>
      <c r="R13003">
        <v>11</v>
      </c>
      <c r="S13003">
        <v>11</v>
      </c>
      <c r="T13003">
        <v>11</v>
      </c>
      <c r="U13003">
        <v>11</v>
      </c>
      <c r="V13003">
        <v>12</v>
      </c>
      <c r="W13003">
        <v>12</v>
      </c>
      <c r="X13003">
        <v>12</v>
      </c>
      <c r="Y13003">
        <v>12</v>
      </c>
      <c r="Z13003">
        <v>12</v>
      </c>
      <c r="AA13003">
        <v>12</v>
      </c>
      <c r="AB13003">
        <v>12</v>
      </c>
      <c r="AC13003">
        <v>12</v>
      </c>
      <c r="AD13003">
        <v>12</v>
      </c>
      <c r="AE13003">
        <v>12</v>
      </c>
      <c r="AF13003">
        <v>12</v>
      </c>
      <c r="AG13003">
        <v>12</v>
      </c>
      <c r="AH13003">
        <v>12</v>
      </c>
      <c r="AI13003">
        <v>12</v>
      </c>
      <c r="AJ13003">
        <v>12</v>
      </c>
      <c r="AK13003">
        <v>12</v>
      </c>
      <c r="AL13003">
        <v>12</v>
      </c>
      <c r="AM13003">
        <v>12</v>
      </c>
      <c r="AN13003">
        <v>12</v>
      </c>
      <c r="AO13003">
        <v>12</v>
      </c>
      <c r="AP13003">
        <v>12</v>
      </c>
      <c r="AQ13003">
        <v>12</v>
      </c>
    </row>
    <row r="13004" spans="1:43">
      <c r="A13004" t="s">
        <v>8076</v>
      </c>
      <c r="B13004" t="s">
        <v>8077</v>
      </c>
      <c r="C13004" t="s">
        <v>8074</v>
      </c>
      <c r="D13004" t="s">
        <v>8075</v>
      </c>
      <c r="E13004" t="s">
        <v>8022</v>
      </c>
      <c r="F13004" t="s">
        <v>8023</v>
      </c>
      <c r="G13004" t="s">
        <v>80</v>
      </c>
      <c r="H13004" t="s">
        <v>81</v>
      </c>
      <c r="I13004" s="2">
        <v>0</v>
      </c>
      <c r="J13004" s="2">
        <v>0</v>
      </c>
      <c r="K13004" s="2">
        <v>1</v>
      </c>
      <c r="L13004" t="s">
        <v>995</v>
      </c>
      <c r="M13004" t="s">
        <v>89</v>
      </c>
      <c r="N13004" t="s">
        <v>90</v>
      </c>
      <c r="O13004" t="s">
        <v>85</v>
      </c>
      <c r="P13004" t="s">
        <v>86</v>
      </c>
      <c r="Q13004">
        <v>11</v>
      </c>
      <c r="R13004">
        <v>12</v>
      </c>
      <c r="S13004">
        <v>12</v>
      </c>
      <c r="T13004">
        <v>12</v>
      </c>
      <c r="U13004">
        <v>12</v>
      </c>
      <c r="V13004">
        <v>13</v>
      </c>
      <c r="W13004">
        <v>13</v>
      </c>
      <c r="X13004">
        <v>13</v>
      </c>
      <c r="Y13004">
        <v>13</v>
      </c>
      <c r="Z13004">
        <v>14</v>
      </c>
      <c r="AA13004">
        <v>14</v>
      </c>
      <c r="AB13004">
        <v>14</v>
      </c>
      <c r="AC13004">
        <v>14</v>
      </c>
      <c r="AD13004">
        <v>14</v>
      </c>
      <c r="AE13004">
        <v>14</v>
      </c>
      <c r="AF13004">
        <v>14</v>
      </c>
      <c r="AG13004">
        <v>14</v>
      </c>
      <c r="AH13004">
        <v>14</v>
      </c>
      <c r="AI13004">
        <v>14</v>
      </c>
      <c r="AJ13004">
        <v>14</v>
      </c>
      <c r="AK13004">
        <v>14</v>
      </c>
      <c r="AL13004">
        <v>14</v>
      </c>
      <c r="AM13004">
        <v>14</v>
      </c>
      <c r="AN13004">
        <v>14</v>
      </c>
      <c r="AO13004">
        <v>14</v>
      </c>
      <c r="AP13004">
        <v>14</v>
      </c>
      <c r="AQ13004">
        <v>14</v>
      </c>
    </row>
    <row r="13005" spans="1:43">
      <c r="A13005" t="s">
        <v>8076</v>
      </c>
      <c r="B13005" t="s">
        <v>8077</v>
      </c>
      <c r="C13005" t="s">
        <v>8074</v>
      </c>
      <c r="D13005" t="s">
        <v>8075</v>
      </c>
      <c r="E13005" t="s">
        <v>8022</v>
      </c>
      <c r="F13005" t="s">
        <v>8023</v>
      </c>
      <c r="G13005" t="s">
        <v>80</v>
      </c>
      <c r="H13005" t="s">
        <v>81</v>
      </c>
      <c r="I13005" s="2">
        <v>0</v>
      </c>
      <c r="J13005" s="2">
        <v>0</v>
      </c>
      <c r="K13005" s="2">
        <v>1</v>
      </c>
      <c r="L13005" t="s">
        <v>995</v>
      </c>
      <c r="M13005" t="s">
        <v>83</v>
      </c>
      <c r="N13005" t="s">
        <v>91</v>
      </c>
      <c r="O13005" t="s">
        <v>85</v>
      </c>
      <c r="P13005" t="s">
        <v>86</v>
      </c>
      <c r="Q13005">
        <v>11</v>
      </c>
      <c r="R13005">
        <v>12</v>
      </c>
      <c r="S13005">
        <v>12</v>
      </c>
      <c r="T13005">
        <v>12</v>
      </c>
      <c r="U13005">
        <v>12</v>
      </c>
      <c r="V13005">
        <v>12</v>
      </c>
      <c r="W13005">
        <v>12</v>
      </c>
      <c r="X13005">
        <v>12</v>
      </c>
      <c r="Y13005">
        <v>13</v>
      </c>
      <c r="Z13005">
        <v>13</v>
      </c>
      <c r="AA13005">
        <v>13</v>
      </c>
      <c r="AB13005">
        <v>13</v>
      </c>
      <c r="AC13005">
        <v>13</v>
      </c>
      <c r="AD13005">
        <v>13</v>
      </c>
      <c r="AE13005">
        <v>13</v>
      </c>
      <c r="AF13005">
        <v>14</v>
      </c>
      <c r="AG13005">
        <v>14</v>
      </c>
      <c r="AH13005">
        <v>14</v>
      </c>
      <c r="AI13005">
        <v>14</v>
      </c>
      <c r="AJ13005">
        <v>14</v>
      </c>
      <c r="AK13005">
        <v>14</v>
      </c>
      <c r="AL13005">
        <v>14</v>
      </c>
      <c r="AM13005">
        <v>14</v>
      </c>
      <c r="AN13005">
        <v>14</v>
      </c>
      <c r="AO13005">
        <v>14</v>
      </c>
      <c r="AP13005">
        <v>14</v>
      </c>
      <c r="AQ13005">
        <v>14</v>
      </c>
    </row>
    <row r="13006" spans="1:43">
      <c r="A13006" t="s">
        <v>8078</v>
      </c>
      <c r="B13006" t="s">
        <v>8079</v>
      </c>
      <c r="C13006" t="s">
        <v>8074</v>
      </c>
      <c r="D13006" t="s">
        <v>8075</v>
      </c>
      <c r="E13006" t="s">
        <v>8022</v>
      </c>
      <c r="F13006" t="s">
        <v>8023</v>
      </c>
      <c r="G13006" t="s">
        <v>80</v>
      </c>
      <c r="H13006" t="s">
        <v>81</v>
      </c>
      <c r="I13006" s="2">
        <v>0</v>
      </c>
      <c r="J13006" s="2">
        <v>0</v>
      </c>
      <c r="K13006" s="2">
        <v>1</v>
      </c>
      <c r="L13006" t="s">
        <v>995</v>
      </c>
      <c r="M13006" t="s">
        <v>83</v>
      </c>
      <c r="N13006" t="s">
        <v>84</v>
      </c>
      <c r="O13006" t="s">
        <v>85</v>
      </c>
      <c r="P13006" t="s">
        <v>86</v>
      </c>
      <c r="Q13006">
        <v>26</v>
      </c>
      <c r="R13006">
        <v>26</v>
      </c>
      <c r="S13006">
        <v>26</v>
      </c>
      <c r="T13006">
        <v>27</v>
      </c>
      <c r="U13006">
        <v>27</v>
      </c>
      <c r="V13006">
        <v>27</v>
      </c>
      <c r="W13006">
        <v>28</v>
      </c>
      <c r="X13006">
        <v>28</v>
      </c>
      <c r="Y13006">
        <v>28</v>
      </c>
      <c r="Z13006">
        <v>29</v>
      </c>
      <c r="AA13006">
        <v>29</v>
      </c>
      <c r="AB13006">
        <v>29</v>
      </c>
      <c r="AC13006">
        <v>30</v>
      </c>
      <c r="AD13006">
        <v>30</v>
      </c>
      <c r="AE13006">
        <v>30</v>
      </c>
      <c r="AF13006">
        <v>30</v>
      </c>
      <c r="AG13006">
        <v>31</v>
      </c>
      <c r="AH13006">
        <v>31</v>
      </c>
      <c r="AI13006">
        <v>31</v>
      </c>
      <c r="AJ13006">
        <v>32</v>
      </c>
      <c r="AK13006">
        <v>32</v>
      </c>
      <c r="AL13006">
        <v>32</v>
      </c>
      <c r="AM13006">
        <v>32</v>
      </c>
      <c r="AN13006">
        <v>32</v>
      </c>
      <c r="AO13006">
        <v>32</v>
      </c>
      <c r="AP13006">
        <v>31</v>
      </c>
      <c r="AQ13006">
        <v>31</v>
      </c>
    </row>
    <row r="13007" spans="1:43">
      <c r="A13007" t="s">
        <v>8078</v>
      </c>
      <c r="B13007" t="s">
        <v>8079</v>
      </c>
      <c r="C13007" t="s">
        <v>8074</v>
      </c>
      <c r="D13007" t="s">
        <v>8075</v>
      </c>
      <c r="E13007" t="s">
        <v>8022</v>
      </c>
      <c r="F13007" t="s">
        <v>8023</v>
      </c>
      <c r="G13007" t="s">
        <v>80</v>
      </c>
      <c r="H13007" t="s">
        <v>81</v>
      </c>
      <c r="I13007" s="2">
        <v>0</v>
      </c>
      <c r="J13007" s="2">
        <v>0</v>
      </c>
      <c r="K13007" s="2">
        <v>1</v>
      </c>
      <c r="L13007" t="s">
        <v>995</v>
      </c>
      <c r="M13007" t="s">
        <v>87</v>
      </c>
      <c r="N13007" t="s">
        <v>88</v>
      </c>
      <c r="O13007" t="s">
        <v>85</v>
      </c>
      <c r="P13007" t="s">
        <v>86</v>
      </c>
      <c r="Q13007">
        <v>26</v>
      </c>
      <c r="R13007">
        <v>27</v>
      </c>
      <c r="S13007">
        <v>27</v>
      </c>
      <c r="T13007">
        <v>27</v>
      </c>
      <c r="U13007">
        <v>27</v>
      </c>
      <c r="V13007">
        <v>27</v>
      </c>
      <c r="W13007">
        <v>27</v>
      </c>
      <c r="X13007">
        <v>27</v>
      </c>
      <c r="Y13007">
        <v>27</v>
      </c>
      <c r="Z13007">
        <v>27</v>
      </c>
      <c r="AA13007">
        <v>27</v>
      </c>
      <c r="AB13007">
        <v>28</v>
      </c>
      <c r="AC13007">
        <v>28</v>
      </c>
      <c r="AD13007">
        <v>28</v>
      </c>
      <c r="AE13007">
        <v>28</v>
      </c>
      <c r="AF13007">
        <v>28</v>
      </c>
      <c r="AG13007">
        <v>28</v>
      </c>
      <c r="AH13007">
        <v>28</v>
      </c>
      <c r="AI13007">
        <v>28</v>
      </c>
      <c r="AJ13007">
        <v>28</v>
      </c>
      <c r="AK13007">
        <v>28</v>
      </c>
      <c r="AL13007">
        <v>28</v>
      </c>
      <c r="AM13007">
        <v>28</v>
      </c>
      <c r="AN13007">
        <v>28</v>
      </c>
      <c r="AO13007">
        <v>28</v>
      </c>
      <c r="AP13007">
        <v>28</v>
      </c>
      <c r="AQ13007">
        <v>28</v>
      </c>
    </row>
    <row r="13008" spans="1:43">
      <c r="A13008" t="s">
        <v>8078</v>
      </c>
      <c r="B13008" t="s">
        <v>8079</v>
      </c>
      <c r="C13008" t="s">
        <v>8074</v>
      </c>
      <c r="D13008" t="s">
        <v>8075</v>
      </c>
      <c r="E13008" t="s">
        <v>8022</v>
      </c>
      <c r="F13008" t="s">
        <v>8023</v>
      </c>
      <c r="G13008" t="s">
        <v>80</v>
      </c>
      <c r="H13008" t="s">
        <v>81</v>
      </c>
      <c r="I13008" s="2">
        <v>0</v>
      </c>
      <c r="J13008" s="2">
        <v>0</v>
      </c>
      <c r="K13008" s="2">
        <v>1</v>
      </c>
      <c r="L13008" t="s">
        <v>995</v>
      </c>
      <c r="M13008" t="s">
        <v>89</v>
      </c>
      <c r="N13008" t="s">
        <v>90</v>
      </c>
      <c r="O13008" t="s">
        <v>85</v>
      </c>
      <c r="P13008" t="s">
        <v>86</v>
      </c>
      <c r="Q13008">
        <v>26</v>
      </c>
      <c r="R13008">
        <v>26</v>
      </c>
      <c r="S13008">
        <v>27</v>
      </c>
      <c r="T13008">
        <v>28</v>
      </c>
      <c r="U13008">
        <v>28</v>
      </c>
      <c r="V13008">
        <v>29</v>
      </c>
      <c r="W13008">
        <v>29</v>
      </c>
      <c r="X13008">
        <v>30</v>
      </c>
      <c r="Y13008">
        <v>30</v>
      </c>
      <c r="Z13008">
        <v>31</v>
      </c>
      <c r="AA13008">
        <v>31</v>
      </c>
      <c r="AB13008">
        <v>31</v>
      </c>
      <c r="AC13008">
        <v>32</v>
      </c>
      <c r="AD13008">
        <v>32</v>
      </c>
      <c r="AE13008">
        <v>32</v>
      </c>
      <c r="AF13008">
        <v>32</v>
      </c>
      <c r="AG13008">
        <v>32</v>
      </c>
      <c r="AH13008">
        <v>32</v>
      </c>
      <c r="AI13008">
        <v>32</v>
      </c>
      <c r="AJ13008">
        <v>32</v>
      </c>
      <c r="AK13008">
        <v>32</v>
      </c>
      <c r="AL13008">
        <v>32</v>
      </c>
      <c r="AM13008">
        <v>32</v>
      </c>
      <c r="AN13008">
        <v>32</v>
      </c>
      <c r="AO13008">
        <v>32</v>
      </c>
      <c r="AP13008">
        <v>32</v>
      </c>
      <c r="AQ13008">
        <v>32</v>
      </c>
    </row>
    <row r="13009" spans="1:43">
      <c r="A13009" t="s">
        <v>8078</v>
      </c>
      <c r="B13009" t="s">
        <v>8079</v>
      </c>
      <c r="C13009" t="s">
        <v>8074</v>
      </c>
      <c r="D13009" t="s">
        <v>8075</v>
      </c>
      <c r="E13009" t="s">
        <v>8022</v>
      </c>
      <c r="F13009" t="s">
        <v>8023</v>
      </c>
      <c r="G13009" t="s">
        <v>80</v>
      </c>
      <c r="H13009" t="s">
        <v>81</v>
      </c>
      <c r="I13009" s="2">
        <v>0</v>
      </c>
      <c r="J13009" s="2">
        <v>0</v>
      </c>
      <c r="K13009" s="2">
        <v>1</v>
      </c>
      <c r="L13009" t="s">
        <v>995</v>
      </c>
      <c r="M13009" t="s">
        <v>83</v>
      </c>
      <c r="N13009" t="s">
        <v>91</v>
      </c>
      <c r="O13009" t="s">
        <v>85</v>
      </c>
      <c r="P13009" t="s">
        <v>86</v>
      </c>
      <c r="Q13009">
        <v>26</v>
      </c>
      <c r="R13009">
        <v>26</v>
      </c>
      <c r="S13009">
        <v>26</v>
      </c>
      <c r="T13009">
        <v>27</v>
      </c>
      <c r="U13009">
        <v>27</v>
      </c>
      <c r="V13009">
        <v>27</v>
      </c>
      <c r="W13009">
        <v>28</v>
      </c>
      <c r="X13009">
        <v>28</v>
      </c>
      <c r="Y13009">
        <v>28</v>
      </c>
      <c r="Z13009">
        <v>29</v>
      </c>
      <c r="AA13009">
        <v>29</v>
      </c>
      <c r="AB13009">
        <v>29</v>
      </c>
      <c r="AC13009">
        <v>30</v>
      </c>
      <c r="AD13009">
        <v>30</v>
      </c>
      <c r="AE13009">
        <v>30</v>
      </c>
      <c r="AF13009">
        <v>30</v>
      </c>
      <c r="AG13009">
        <v>31</v>
      </c>
      <c r="AH13009">
        <v>31</v>
      </c>
      <c r="AI13009">
        <v>31</v>
      </c>
      <c r="AJ13009">
        <v>32</v>
      </c>
      <c r="AK13009">
        <v>32</v>
      </c>
      <c r="AL13009">
        <v>32</v>
      </c>
      <c r="AM13009">
        <v>32</v>
      </c>
      <c r="AN13009">
        <v>32</v>
      </c>
      <c r="AO13009">
        <v>32</v>
      </c>
      <c r="AP13009">
        <v>31</v>
      </c>
      <c r="AQ13009">
        <v>31</v>
      </c>
    </row>
    <row r="13010" spans="1:43">
      <c r="A13010" t="s">
        <v>8080</v>
      </c>
      <c r="B13010" t="s">
        <v>8081</v>
      </c>
      <c r="C13010" t="s">
        <v>8082</v>
      </c>
      <c r="D13010" t="s">
        <v>8083</v>
      </c>
      <c r="E13010" t="s">
        <v>8022</v>
      </c>
      <c r="F13010" t="s">
        <v>8023</v>
      </c>
      <c r="G13010" t="s">
        <v>80</v>
      </c>
      <c r="H13010" t="s">
        <v>81</v>
      </c>
      <c r="I13010" s="2">
        <v>0</v>
      </c>
      <c r="J13010" s="2">
        <v>0</v>
      </c>
      <c r="K13010" s="2">
        <v>1</v>
      </c>
      <c r="L13010" t="s">
        <v>995</v>
      </c>
      <c r="M13010" t="s">
        <v>83</v>
      </c>
      <c r="N13010" t="s">
        <v>84</v>
      </c>
      <c r="O13010" t="s">
        <v>85</v>
      </c>
      <c r="P13010" t="s">
        <v>86</v>
      </c>
      <c r="Q13010">
        <v>59</v>
      </c>
      <c r="R13010">
        <v>60</v>
      </c>
      <c r="S13010">
        <v>61</v>
      </c>
      <c r="T13010">
        <v>62</v>
      </c>
      <c r="U13010">
        <v>63</v>
      </c>
      <c r="V13010">
        <v>64</v>
      </c>
      <c r="W13010">
        <v>64</v>
      </c>
      <c r="X13010">
        <v>65</v>
      </c>
      <c r="Y13010">
        <v>66</v>
      </c>
      <c r="Z13010">
        <v>67</v>
      </c>
      <c r="AA13010">
        <v>68</v>
      </c>
      <c r="AB13010">
        <v>68</v>
      </c>
      <c r="AC13010">
        <v>69</v>
      </c>
      <c r="AD13010">
        <v>70</v>
      </c>
      <c r="AE13010">
        <v>70</v>
      </c>
      <c r="AF13010">
        <v>71</v>
      </c>
      <c r="AG13010">
        <v>72</v>
      </c>
      <c r="AH13010">
        <v>72</v>
      </c>
      <c r="AI13010">
        <v>73</v>
      </c>
      <c r="AJ13010">
        <v>74</v>
      </c>
      <c r="AK13010">
        <v>74</v>
      </c>
      <c r="AL13010">
        <v>74</v>
      </c>
      <c r="AM13010">
        <v>74</v>
      </c>
      <c r="AN13010">
        <v>74</v>
      </c>
      <c r="AO13010">
        <v>74</v>
      </c>
      <c r="AP13010">
        <v>74</v>
      </c>
      <c r="AQ13010">
        <v>73</v>
      </c>
    </row>
    <row r="13011" spans="1:43">
      <c r="A13011" t="s">
        <v>8080</v>
      </c>
      <c r="B13011" t="s">
        <v>8081</v>
      </c>
      <c r="C13011" t="s">
        <v>8082</v>
      </c>
      <c r="D13011" t="s">
        <v>8083</v>
      </c>
      <c r="E13011" t="s">
        <v>8022</v>
      </c>
      <c r="F13011" t="s">
        <v>8023</v>
      </c>
      <c r="G13011" t="s">
        <v>80</v>
      </c>
      <c r="H13011" t="s">
        <v>81</v>
      </c>
      <c r="I13011" s="2">
        <v>0</v>
      </c>
      <c r="J13011" s="2">
        <v>0</v>
      </c>
      <c r="K13011" s="2">
        <v>1</v>
      </c>
      <c r="L13011" t="s">
        <v>995</v>
      </c>
      <c r="M13011" t="s">
        <v>87</v>
      </c>
      <c r="N13011" t="s">
        <v>88</v>
      </c>
      <c r="O13011" t="s">
        <v>85</v>
      </c>
      <c r="P13011" t="s">
        <v>86</v>
      </c>
      <c r="Q13011">
        <v>59</v>
      </c>
      <c r="R13011">
        <v>59</v>
      </c>
      <c r="S13011">
        <v>59</v>
      </c>
      <c r="T13011">
        <v>60</v>
      </c>
      <c r="U13011">
        <v>60</v>
      </c>
      <c r="V13011">
        <v>60</v>
      </c>
      <c r="W13011">
        <v>61</v>
      </c>
      <c r="X13011">
        <v>61</v>
      </c>
      <c r="Y13011">
        <v>61</v>
      </c>
      <c r="Z13011">
        <v>61</v>
      </c>
      <c r="AA13011">
        <v>62</v>
      </c>
      <c r="AB13011">
        <v>62</v>
      </c>
      <c r="AC13011">
        <v>62</v>
      </c>
      <c r="AD13011">
        <v>62</v>
      </c>
      <c r="AE13011">
        <v>62</v>
      </c>
      <c r="AF13011">
        <v>62</v>
      </c>
      <c r="AG13011">
        <v>63</v>
      </c>
      <c r="AH13011">
        <v>63</v>
      </c>
      <c r="AI13011">
        <v>63</v>
      </c>
      <c r="AJ13011">
        <v>63</v>
      </c>
      <c r="AK13011">
        <v>63</v>
      </c>
      <c r="AL13011">
        <v>63</v>
      </c>
      <c r="AM13011">
        <v>63</v>
      </c>
      <c r="AN13011">
        <v>63</v>
      </c>
      <c r="AO13011">
        <v>64</v>
      </c>
      <c r="AP13011">
        <v>64</v>
      </c>
      <c r="AQ13011">
        <v>64</v>
      </c>
    </row>
    <row r="13012" spans="1:43">
      <c r="A13012" t="s">
        <v>8080</v>
      </c>
      <c r="B13012" t="s">
        <v>8081</v>
      </c>
      <c r="C13012" t="s">
        <v>8082</v>
      </c>
      <c r="D13012" t="s">
        <v>8083</v>
      </c>
      <c r="E13012" t="s">
        <v>8022</v>
      </c>
      <c r="F13012" t="s">
        <v>8023</v>
      </c>
      <c r="G13012" t="s">
        <v>80</v>
      </c>
      <c r="H13012" t="s">
        <v>81</v>
      </c>
      <c r="I13012" s="2">
        <v>0</v>
      </c>
      <c r="J13012" s="2">
        <v>0</v>
      </c>
      <c r="K13012" s="2">
        <v>1</v>
      </c>
      <c r="L13012" t="s">
        <v>995</v>
      </c>
      <c r="M13012" t="s">
        <v>89</v>
      </c>
      <c r="N13012" t="s">
        <v>90</v>
      </c>
      <c r="O13012" t="s">
        <v>85</v>
      </c>
      <c r="P13012" t="s">
        <v>86</v>
      </c>
      <c r="Q13012">
        <v>59</v>
      </c>
      <c r="R13012">
        <v>60</v>
      </c>
      <c r="S13012">
        <v>62</v>
      </c>
      <c r="T13012">
        <v>63</v>
      </c>
      <c r="U13012">
        <v>64</v>
      </c>
      <c r="V13012">
        <v>66</v>
      </c>
      <c r="W13012">
        <v>67</v>
      </c>
      <c r="X13012">
        <v>68</v>
      </c>
      <c r="Y13012">
        <v>69</v>
      </c>
      <c r="Z13012">
        <v>70</v>
      </c>
      <c r="AA13012">
        <v>71</v>
      </c>
      <c r="AB13012">
        <v>72</v>
      </c>
      <c r="AC13012">
        <v>73</v>
      </c>
      <c r="AD13012">
        <v>74</v>
      </c>
      <c r="AE13012">
        <v>75</v>
      </c>
      <c r="AF13012">
        <v>75</v>
      </c>
      <c r="AG13012">
        <v>74</v>
      </c>
      <c r="AH13012">
        <v>74</v>
      </c>
      <c r="AI13012">
        <v>74</v>
      </c>
      <c r="AJ13012">
        <v>74</v>
      </c>
      <c r="AK13012">
        <v>74</v>
      </c>
      <c r="AL13012">
        <v>74</v>
      </c>
      <c r="AM13012">
        <v>74</v>
      </c>
      <c r="AN13012">
        <v>74</v>
      </c>
      <c r="AO13012">
        <v>73</v>
      </c>
      <c r="AP13012">
        <v>73</v>
      </c>
      <c r="AQ13012">
        <v>73</v>
      </c>
    </row>
    <row r="13013" spans="1:43">
      <c r="A13013" t="s">
        <v>8080</v>
      </c>
      <c r="B13013" t="s">
        <v>8081</v>
      </c>
      <c r="C13013" t="s">
        <v>8082</v>
      </c>
      <c r="D13013" t="s">
        <v>8083</v>
      </c>
      <c r="E13013" t="s">
        <v>8022</v>
      </c>
      <c r="F13013" t="s">
        <v>8023</v>
      </c>
      <c r="G13013" t="s">
        <v>80</v>
      </c>
      <c r="H13013" t="s">
        <v>81</v>
      </c>
      <c r="I13013" s="2">
        <v>0</v>
      </c>
      <c r="J13013" s="2">
        <v>0</v>
      </c>
      <c r="K13013" s="2">
        <v>1</v>
      </c>
      <c r="L13013" t="s">
        <v>995</v>
      </c>
      <c r="M13013" t="s">
        <v>83</v>
      </c>
      <c r="N13013" t="s">
        <v>91</v>
      </c>
      <c r="O13013" t="s">
        <v>85</v>
      </c>
      <c r="P13013" t="s">
        <v>86</v>
      </c>
      <c r="Q13013">
        <v>59</v>
      </c>
      <c r="R13013">
        <v>60</v>
      </c>
      <c r="S13013">
        <v>61</v>
      </c>
      <c r="T13013">
        <v>62</v>
      </c>
      <c r="U13013">
        <v>63</v>
      </c>
      <c r="V13013">
        <v>64</v>
      </c>
      <c r="W13013">
        <v>64</v>
      </c>
      <c r="X13013">
        <v>65</v>
      </c>
      <c r="Y13013">
        <v>66</v>
      </c>
      <c r="Z13013">
        <v>67</v>
      </c>
      <c r="AA13013">
        <v>68</v>
      </c>
      <c r="AB13013">
        <v>68</v>
      </c>
      <c r="AC13013">
        <v>69</v>
      </c>
      <c r="AD13013">
        <v>70</v>
      </c>
      <c r="AE13013">
        <v>70</v>
      </c>
      <c r="AF13013">
        <v>71</v>
      </c>
      <c r="AG13013">
        <v>72</v>
      </c>
      <c r="AH13013">
        <v>72</v>
      </c>
      <c r="AI13013">
        <v>73</v>
      </c>
      <c r="AJ13013">
        <v>74</v>
      </c>
      <c r="AK13013">
        <v>74</v>
      </c>
      <c r="AL13013">
        <v>74</v>
      </c>
      <c r="AM13013">
        <v>74</v>
      </c>
      <c r="AN13013">
        <v>74</v>
      </c>
      <c r="AO13013">
        <v>74</v>
      </c>
      <c r="AP13013">
        <v>74</v>
      </c>
      <c r="AQ13013">
        <v>73</v>
      </c>
    </row>
    <row r="13014" spans="1:43">
      <c r="A13014" t="s">
        <v>8084</v>
      </c>
      <c r="B13014" t="s">
        <v>8085</v>
      </c>
      <c r="C13014" t="s">
        <v>8086</v>
      </c>
      <c r="D13014" t="s">
        <v>8087</v>
      </c>
      <c r="E13014" t="s">
        <v>8022</v>
      </c>
      <c r="F13014" t="s">
        <v>8023</v>
      </c>
      <c r="G13014" t="s">
        <v>80</v>
      </c>
      <c r="H13014" t="s">
        <v>81</v>
      </c>
      <c r="I13014" s="2">
        <v>0</v>
      </c>
      <c r="J13014" s="2">
        <v>0</v>
      </c>
      <c r="K13014" s="2">
        <v>1</v>
      </c>
      <c r="L13014" t="s">
        <v>995</v>
      </c>
      <c r="M13014" t="s">
        <v>83</v>
      </c>
      <c r="N13014" t="s">
        <v>84</v>
      </c>
      <c r="O13014" t="s">
        <v>85</v>
      </c>
      <c r="P13014" t="s">
        <v>86</v>
      </c>
      <c r="Q13014">
        <v>31</v>
      </c>
      <c r="R13014">
        <v>32</v>
      </c>
      <c r="S13014">
        <v>32</v>
      </c>
      <c r="T13014">
        <v>33</v>
      </c>
      <c r="U13014">
        <v>33</v>
      </c>
      <c r="V13014">
        <v>34</v>
      </c>
      <c r="W13014">
        <v>34</v>
      </c>
      <c r="X13014">
        <v>34</v>
      </c>
      <c r="Y13014">
        <v>35</v>
      </c>
      <c r="Z13014">
        <v>35</v>
      </c>
      <c r="AA13014">
        <v>36</v>
      </c>
      <c r="AB13014">
        <v>36</v>
      </c>
      <c r="AC13014">
        <v>36</v>
      </c>
      <c r="AD13014">
        <v>37</v>
      </c>
      <c r="AE13014">
        <v>37</v>
      </c>
      <c r="AF13014">
        <v>37</v>
      </c>
      <c r="AG13014">
        <v>38</v>
      </c>
      <c r="AH13014">
        <v>38</v>
      </c>
      <c r="AI13014">
        <v>38</v>
      </c>
      <c r="AJ13014">
        <v>39</v>
      </c>
      <c r="AK13014">
        <v>39</v>
      </c>
      <c r="AL13014">
        <v>39</v>
      </c>
      <c r="AM13014">
        <v>39</v>
      </c>
      <c r="AN13014">
        <v>39</v>
      </c>
      <c r="AO13014">
        <v>39</v>
      </c>
      <c r="AP13014">
        <v>39</v>
      </c>
      <c r="AQ13014">
        <v>39</v>
      </c>
    </row>
    <row r="13015" spans="1:43">
      <c r="A13015" t="s">
        <v>8084</v>
      </c>
      <c r="B13015" t="s">
        <v>8085</v>
      </c>
      <c r="C13015" t="s">
        <v>8086</v>
      </c>
      <c r="D13015" t="s">
        <v>8087</v>
      </c>
      <c r="E13015" t="s">
        <v>8022</v>
      </c>
      <c r="F13015" t="s">
        <v>8023</v>
      </c>
      <c r="G13015" t="s">
        <v>80</v>
      </c>
      <c r="H13015" t="s">
        <v>81</v>
      </c>
      <c r="I13015" s="2">
        <v>0</v>
      </c>
      <c r="J13015" s="2">
        <v>0</v>
      </c>
      <c r="K13015" s="2">
        <v>1</v>
      </c>
      <c r="L13015" t="s">
        <v>995</v>
      </c>
      <c r="M13015" t="s">
        <v>87</v>
      </c>
      <c r="N13015" t="s">
        <v>88</v>
      </c>
      <c r="O13015" t="s">
        <v>85</v>
      </c>
      <c r="P13015" t="s">
        <v>86</v>
      </c>
      <c r="Q13015">
        <v>31</v>
      </c>
      <c r="R13015">
        <v>31</v>
      </c>
      <c r="S13015">
        <v>31</v>
      </c>
      <c r="T13015">
        <v>31</v>
      </c>
      <c r="U13015">
        <v>32</v>
      </c>
      <c r="V13015">
        <v>32</v>
      </c>
      <c r="W13015">
        <v>32</v>
      </c>
      <c r="X13015">
        <v>32</v>
      </c>
      <c r="Y13015">
        <v>32</v>
      </c>
      <c r="Z13015">
        <v>32</v>
      </c>
      <c r="AA13015">
        <v>32</v>
      </c>
      <c r="AB13015">
        <v>33</v>
      </c>
      <c r="AC13015">
        <v>33</v>
      </c>
      <c r="AD13015">
        <v>33</v>
      </c>
      <c r="AE13015">
        <v>33</v>
      </c>
      <c r="AF13015">
        <v>33</v>
      </c>
      <c r="AG13015">
        <v>33</v>
      </c>
      <c r="AH13015">
        <v>33</v>
      </c>
      <c r="AI13015">
        <v>33</v>
      </c>
      <c r="AJ13015">
        <v>33</v>
      </c>
      <c r="AK13015">
        <v>33</v>
      </c>
      <c r="AL13015">
        <v>33</v>
      </c>
      <c r="AM13015">
        <v>33</v>
      </c>
      <c r="AN13015">
        <v>33</v>
      </c>
      <c r="AO13015">
        <v>33</v>
      </c>
      <c r="AP13015">
        <v>33</v>
      </c>
      <c r="AQ13015">
        <v>34</v>
      </c>
    </row>
    <row r="13016" spans="1:43">
      <c r="A13016" t="s">
        <v>8084</v>
      </c>
      <c r="B13016" t="s">
        <v>8085</v>
      </c>
      <c r="C13016" t="s">
        <v>8086</v>
      </c>
      <c r="D13016" t="s">
        <v>8087</v>
      </c>
      <c r="E13016" t="s">
        <v>8022</v>
      </c>
      <c r="F13016" t="s">
        <v>8023</v>
      </c>
      <c r="G13016" t="s">
        <v>80</v>
      </c>
      <c r="H13016" t="s">
        <v>81</v>
      </c>
      <c r="I13016" s="2">
        <v>0</v>
      </c>
      <c r="J13016" s="2">
        <v>0</v>
      </c>
      <c r="K13016" s="2">
        <v>1</v>
      </c>
      <c r="L13016" t="s">
        <v>995</v>
      </c>
      <c r="M13016" t="s">
        <v>89</v>
      </c>
      <c r="N13016" t="s">
        <v>90</v>
      </c>
      <c r="O13016" t="s">
        <v>85</v>
      </c>
      <c r="P13016" t="s">
        <v>86</v>
      </c>
      <c r="Q13016">
        <v>31</v>
      </c>
      <c r="R13016">
        <v>31</v>
      </c>
      <c r="S13016">
        <v>32</v>
      </c>
      <c r="T13016">
        <v>33</v>
      </c>
      <c r="U13016">
        <v>33</v>
      </c>
      <c r="V13016">
        <v>34</v>
      </c>
      <c r="W13016">
        <v>35</v>
      </c>
      <c r="X13016">
        <v>35</v>
      </c>
      <c r="Y13016">
        <v>36</v>
      </c>
      <c r="Z13016">
        <v>36</v>
      </c>
      <c r="AA13016">
        <v>37</v>
      </c>
      <c r="AB13016">
        <v>37</v>
      </c>
      <c r="AC13016">
        <v>38</v>
      </c>
      <c r="AD13016">
        <v>38</v>
      </c>
      <c r="AE13016">
        <v>39</v>
      </c>
      <c r="AF13016">
        <v>39</v>
      </c>
      <c r="AG13016">
        <v>39</v>
      </c>
      <c r="AH13016">
        <v>39</v>
      </c>
      <c r="AI13016">
        <v>39</v>
      </c>
      <c r="AJ13016">
        <v>39</v>
      </c>
      <c r="AK13016">
        <v>38</v>
      </c>
      <c r="AL13016">
        <v>38</v>
      </c>
      <c r="AM13016">
        <v>38</v>
      </c>
      <c r="AN13016">
        <v>38</v>
      </c>
      <c r="AO13016">
        <v>38</v>
      </c>
      <c r="AP13016">
        <v>38</v>
      </c>
      <c r="AQ13016">
        <v>38</v>
      </c>
    </row>
    <row r="13017" spans="1:43">
      <c r="A13017" t="s">
        <v>8084</v>
      </c>
      <c r="B13017" t="s">
        <v>8085</v>
      </c>
      <c r="C13017" t="s">
        <v>8086</v>
      </c>
      <c r="D13017" t="s">
        <v>8087</v>
      </c>
      <c r="E13017" t="s">
        <v>8022</v>
      </c>
      <c r="F13017" t="s">
        <v>8023</v>
      </c>
      <c r="G13017" t="s">
        <v>80</v>
      </c>
      <c r="H13017" t="s">
        <v>81</v>
      </c>
      <c r="I13017" s="2">
        <v>0</v>
      </c>
      <c r="J13017" s="2">
        <v>0</v>
      </c>
      <c r="K13017" s="2">
        <v>1</v>
      </c>
      <c r="L13017" t="s">
        <v>995</v>
      </c>
      <c r="M13017" t="s">
        <v>83</v>
      </c>
      <c r="N13017" t="s">
        <v>91</v>
      </c>
      <c r="O13017" t="s">
        <v>85</v>
      </c>
      <c r="P13017" t="s">
        <v>86</v>
      </c>
      <c r="Q13017">
        <v>31</v>
      </c>
      <c r="R13017">
        <v>32</v>
      </c>
      <c r="S13017">
        <v>32</v>
      </c>
      <c r="T13017">
        <v>33</v>
      </c>
      <c r="U13017">
        <v>33</v>
      </c>
      <c r="V13017">
        <v>34</v>
      </c>
      <c r="W13017">
        <v>34</v>
      </c>
      <c r="X13017">
        <v>34</v>
      </c>
      <c r="Y13017">
        <v>35</v>
      </c>
      <c r="Z13017">
        <v>35</v>
      </c>
      <c r="AA13017">
        <v>36</v>
      </c>
      <c r="AB13017">
        <v>36</v>
      </c>
      <c r="AC13017">
        <v>36</v>
      </c>
      <c r="AD13017">
        <v>37</v>
      </c>
      <c r="AE13017">
        <v>37</v>
      </c>
      <c r="AF13017">
        <v>37</v>
      </c>
      <c r="AG13017">
        <v>38</v>
      </c>
      <c r="AH13017">
        <v>38</v>
      </c>
      <c r="AI13017">
        <v>38</v>
      </c>
      <c r="AJ13017">
        <v>39</v>
      </c>
      <c r="AK13017">
        <v>39</v>
      </c>
      <c r="AL13017">
        <v>39</v>
      </c>
      <c r="AM13017">
        <v>39</v>
      </c>
      <c r="AN13017">
        <v>39</v>
      </c>
      <c r="AO13017">
        <v>39</v>
      </c>
      <c r="AP13017">
        <v>39</v>
      </c>
      <c r="AQ13017">
        <v>39</v>
      </c>
    </row>
    <row r="13018" spans="1:43">
      <c r="A13018" t="s">
        <v>8088</v>
      </c>
      <c r="B13018" t="s">
        <v>8089</v>
      </c>
      <c r="C13018" t="s">
        <v>8086</v>
      </c>
      <c r="D13018" t="s">
        <v>8087</v>
      </c>
      <c r="E13018" t="s">
        <v>8022</v>
      </c>
      <c r="F13018" t="s">
        <v>8023</v>
      </c>
      <c r="G13018" t="s">
        <v>80</v>
      </c>
      <c r="H13018" t="s">
        <v>81</v>
      </c>
      <c r="I13018" s="2">
        <v>0</v>
      </c>
      <c r="J13018" s="2">
        <v>0</v>
      </c>
      <c r="K13018" s="2">
        <v>1</v>
      </c>
      <c r="L13018" t="s">
        <v>995</v>
      </c>
      <c r="M13018" t="s">
        <v>83</v>
      </c>
      <c r="N13018" t="s">
        <v>84</v>
      </c>
      <c r="O13018" t="s">
        <v>85</v>
      </c>
      <c r="P13018" t="s">
        <v>86</v>
      </c>
      <c r="Q13018">
        <v>114</v>
      </c>
      <c r="R13018">
        <v>116</v>
      </c>
      <c r="S13018">
        <v>117</v>
      </c>
      <c r="T13018">
        <v>119</v>
      </c>
      <c r="U13018">
        <v>121</v>
      </c>
      <c r="V13018">
        <v>122</v>
      </c>
      <c r="W13018">
        <v>124</v>
      </c>
      <c r="X13018">
        <v>125</v>
      </c>
      <c r="Y13018">
        <v>127</v>
      </c>
      <c r="Z13018">
        <v>128</v>
      </c>
      <c r="AA13018">
        <v>130</v>
      </c>
      <c r="AB13018">
        <v>131</v>
      </c>
      <c r="AC13018">
        <v>133</v>
      </c>
      <c r="AD13018">
        <v>134</v>
      </c>
      <c r="AE13018">
        <v>135</v>
      </c>
      <c r="AF13018">
        <v>137</v>
      </c>
      <c r="AG13018">
        <v>138</v>
      </c>
      <c r="AH13018">
        <v>139</v>
      </c>
      <c r="AI13018">
        <v>140</v>
      </c>
      <c r="AJ13018">
        <v>142</v>
      </c>
      <c r="AK13018">
        <v>143</v>
      </c>
      <c r="AL13018">
        <v>143</v>
      </c>
      <c r="AM13018">
        <v>143</v>
      </c>
      <c r="AN13018">
        <v>143</v>
      </c>
      <c r="AO13018">
        <v>142</v>
      </c>
      <c r="AP13018">
        <v>142</v>
      </c>
      <c r="AQ13018">
        <v>142</v>
      </c>
    </row>
    <row r="13019" spans="1:43">
      <c r="A13019" t="s">
        <v>8088</v>
      </c>
      <c r="B13019" t="s">
        <v>8089</v>
      </c>
      <c r="C13019" t="s">
        <v>8086</v>
      </c>
      <c r="D13019" t="s">
        <v>8087</v>
      </c>
      <c r="E13019" t="s">
        <v>8022</v>
      </c>
      <c r="F13019" t="s">
        <v>8023</v>
      </c>
      <c r="G13019" t="s">
        <v>80</v>
      </c>
      <c r="H13019" t="s">
        <v>81</v>
      </c>
      <c r="I13019" s="2">
        <v>0</v>
      </c>
      <c r="J13019" s="2">
        <v>0</v>
      </c>
      <c r="K13019" s="2">
        <v>1</v>
      </c>
      <c r="L13019" t="s">
        <v>995</v>
      </c>
      <c r="M13019" t="s">
        <v>87</v>
      </c>
      <c r="N13019" t="s">
        <v>88</v>
      </c>
      <c r="O13019" t="s">
        <v>85</v>
      </c>
      <c r="P13019" t="s">
        <v>86</v>
      </c>
      <c r="Q13019">
        <v>114</v>
      </c>
      <c r="R13019">
        <v>115</v>
      </c>
      <c r="S13019">
        <v>115</v>
      </c>
      <c r="T13019">
        <v>116</v>
      </c>
      <c r="U13019">
        <v>116</v>
      </c>
      <c r="V13019">
        <v>117</v>
      </c>
      <c r="W13019">
        <v>117</v>
      </c>
      <c r="X13019">
        <v>118</v>
      </c>
      <c r="Y13019">
        <v>118</v>
      </c>
      <c r="Z13019">
        <v>119</v>
      </c>
      <c r="AA13019">
        <v>119</v>
      </c>
      <c r="AB13019">
        <v>120</v>
      </c>
      <c r="AC13019">
        <v>120</v>
      </c>
      <c r="AD13019">
        <v>120</v>
      </c>
      <c r="AE13019">
        <v>121</v>
      </c>
      <c r="AF13019">
        <v>121</v>
      </c>
      <c r="AG13019">
        <v>122</v>
      </c>
      <c r="AH13019">
        <v>122</v>
      </c>
      <c r="AI13019">
        <v>122</v>
      </c>
      <c r="AJ13019">
        <v>122</v>
      </c>
      <c r="AK13019">
        <v>123</v>
      </c>
      <c r="AL13019">
        <v>123</v>
      </c>
      <c r="AM13019">
        <v>123</v>
      </c>
      <c r="AN13019">
        <v>123</v>
      </c>
      <c r="AO13019">
        <v>123</v>
      </c>
      <c r="AP13019">
        <v>123</v>
      </c>
      <c r="AQ13019">
        <v>124</v>
      </c>
    </row>
    <row r="13020" spans="1:43">
      <c r="A13020" t="s">
        <v>8088</v>
      </c>
      <c r="B13020" t="s">
        <v>8089</v>
      </c>
      <c r="C13020" t="s">
        <v>8086</v>
      </c>
      <c r="D13020" t="s">
        <v>8087</v>
      </c>
      <c r="E13020" t="s">
        <v>8022</v>
      </c>
      <c r="F13020" t="s">
        <v>8023</v>
      </c>
      <c r="G13020" t="s">
        <v>80</v>
      </c>
      <c r="H13020" t="s">
        <v>81</v>
      </c>
      <c r="I13020" s="2">
        <v>0</v>
      </c>
      <c r="J13020" s="2">
        <v>0</v>
      </c>
      <c r="K13020" s="2">
        <v>1</v>
      </c>
      <c r="L13020" t="s">
        <v>995</v>
      </c>
      <c r="M13020" t="s">
        <v>89</v>
      </c>
      <c r="N13020" t="s">
        <v>90</v>
      </c>
      <c r="O13020" t="s">
        <v>85</v>
      </c>
      <c r="P13020" t="s">
        <v>86</v>
      </c>
      <c r="Q13020">
        <v>114</v>
      </c>
      <c r="R13020">
        <v>117</v>
      </c>
      <c r="S13020">
        <v>119</v>
      </c>
      <c r="T13020">
        <v>122</v>
      </c>
      <c r="U13020">
        <v>125</v>
      </c>
      <c r="V13020">
        <v>127</v>
      </c>
      <c r="W13020">
        <v>129</v>
      </c>
      <c r="X13020">
        <v>131</v>
      </c>
      <c r="Y13020">
        <v>134</v>
      </c>
      <c r="Z13020">
        <v>136</v>
      </c>
      <c r="AA13020">
        <v>137</v>
      </c>
      <c r="AB13020">
        <v>139</v>
      </c>
      <c r="AC13020">
        <v>141</v>
      </c>
      <c r="AD13020">
        <v>143</v>
      </c>
      <c r="AE13020">
        <v>144</v>
      </c>
      <c r="AF13020">
        <v>144</v>
      </c>
      <c r="AG13020">
        <v>144</v>
      </c>
      <c r="AH13020">
        <v>144</v>
      </c>
      <c r="AI13020">
        <v>144</v>
      </c>
      <c r="AJ13020">
        <v>144</v>
      </c>
      <c r="AK13020">
        <v>143</v>
      </c>
      <c r="AL13020">
        <v>143</v>
      </c>
      <c r="AM13020">
        <v>143</v>
      </c>
      <c r="AN13020">
        <v>143</v>
      </c>
      <c r="AO13020">
        <v>142</v>
      </c>
      <c r="AP13020">
        <v>142</v>
      </c>
      <c r="AQ13020">
        <v>142</v>
      </c>
    </row>
    <row r="13021" spans="1:43">
      <c r="A13021" t="s">
        <v>8088</v>
      </c>
      <c r="B13021" t="s">
        <v>8089</v>
      </c>
      <c r="C13021" t="s">
        <v>8086</v>
      </c>
      <c r="D13021" t="s">
        <v>8087</v>
      </c>
      <c r="E13021" t="s">
        <v>8022</v>
      </c>
      <c r="F13021" t="s">
        <v>8023</v>
      </c>
      <c r="G13021" t="s">
        <v>80</v>
      </c>
      <c r="H13021" t="s">
        <v>81</v>
      </c>
      <c r="I13021" s="2">
        <v>0</v>
      </c>
      <c r="J13021" s="2">
        <v>0</v>
      </c>
      <c r="K13021" s="2">
        <v>1</v>
      </c>
      <c r="L13021" t="s">
        <v>995</v>
      </c>
      <c r="M13021" t="s">
        <v>83</v>
      </c>
      <c r="N13021" t="s">
        <v>91</v>
      </c>
      <c r="O13021" t="s">
        <v>85</v>
      </c>
      <c r="P13021" t="s">
        <v>86</v>
      </c>
      <c r="Q13021">
        <v>114</v>
      </c>
      <c r="R13021">
        <v>116</v>
      </c>
      <c r="S13021">
        <v>117</v>
      </c>
      <c r="T13021">
        <v>119</v>
      </c>
      <c r="U13021">
        <v>121</v>
      </c>
      <c r="V13021">
        <v>122</v>
      </c>
      <c r="W13021">
        <v>124</v>
      </c>
      <c r="X13021">
        <v>125</v>
      </c>
      <c r="Y13021">
        <v>127</v>
      </c>
      <c r="Z13021">
        <v>128</v>
      </c>
      <c r="AA13021">
        <v>130</v>
      </c>
      <c r="AB13021">
        <v>131</v>
      </c>
      <c r="AC13021">
        <v>133</v>
      </c>
      <c r="AD13021">
        <v>134</v>
      </c>
      <c r="AE13021">
        <v>135</v>
      </c>
      <c r="AF13021">
        <v>137</v>
      </c>
      <c r="AG13021">
        <v>138</v>
      </c>
      <c r="AH13021">
        <v>139</v>
      </c>
      <c r="AI13021">
        <v>140</v>
      </c>
      <c r="AJ13021">
        <v>142</v>
      </c>
      <c r="AK13021">
        <v>143</v>
      </c>
      <c r="AL13021">
        <v>143</v>
      </c>
      <c r="AM13021">
        <v>143</v>
      </c>
      <c r="AN13021">
        <v>143</v>
      </c>
      <c r="AO13021">
        <v>142</v>
      </c>
      <c r="AP13021">
        <v>142</v>
      </c>
      <c r="AQ13021">
        <v>142</v>
      </c>
    </row>
    <row r="13022" spans="1:43">
      <c r="A13022" t="s">
        <v>8090</v>
      </c>
      <c r="B13022" t="s">
        <v>8091</v>
      </c>
      <c r="C13022" t="s">
        <v>8086</v>
      </c>
      <c r="D13022" t="s">
        <v>8087</v>
      </c>
      <c r="E13022" t="s">
        <v>8022</v>
      </c>
      <c r="F13022" t="s">
        <v>8023</v>
      </c>
      <c r="G13022" t="s">
        <v>80</v>
      </c>
      <c r="H13022" t="s">
        <v>81</v>
      </c>
      <c r="I13022" s="2">
        <v>0</v>
      </c>
      <c r="J13022" s="2">
        <v>0</v>
      </c>
      <c r="K13022" s="2">
        <v>1</v>
      </c>
      <c r="L13022" t="s">
        <v>995</v>
      </c>
      <c r="M13022" t="s">
        <v>83</v>
      </c>
      <c r="N13022" t="s">
        <v>84</v>
      </c>
      <c r="O13022" t="s">
        <v>85</v>
      </c>
      <c r="P13022" t="s">
        <v>86</v>
      </c>
      <c r="Q13022">
        <v>16</v>
      </c>
      <c r="R13022">
        <v>16</v>
      </c>
      <c r="S13022">
        <v>16</v>
      </c>
      <c r="T13022">
        <v>16</v>
      </c>
      <c r="U13022">
        <v>16</v>
      </c>
      <c r="V13022">
        <v>17</v>
      </c>
      <c r="W13022">
        <v>17</v>
      </c>
      <c r="X13022">
        <v>17</v>
      </c>
      <c r="Y13022">
        <v>17</v>
      </c>
      <c r="Z13022">
        <v>17</v>
      </c>
      <c r="AA13022">
        <v>18</v>
      </c>
      <c r="AB13022">
        <v>18</v>
      </c>
      <c r="AC13022">
        <v>18</v>
      </c>
      <c r="AD13022">
        <v>18</v>
      </c>
      <c r="AE13022">
        <v>18</v>
      </c>
      <c r="AF13022">
        <v>19</v>
      </c>
      <c r="AG13022">
        <v>19</v>
      </c>
      <c r="AH13022">
        <v>19</v>
      </c>
      <c r="AI13022">
        <v>19</v>
      </c>
      <c r="AJ13022">
        <v>19</v>
      </c>
      <c r="AK13022">
        <v>19</v>
      </c>
      <c r="AL13022">
        <v>19</v>
      </c>
      <c r="AM13022">
        <v>19</v>
      </c>
      <c r="AN13022">
        <v>19</v>
      </c>
      <c r="AO13022">
        <v>19</v>
      </c>
      <c r="AP13022">
        <v>19</v>
      </c>
      <c r="AQ13022">
        <v>19</v>
      </c>
    </row>
    <row r="13023" spans="1:43">
      <c r="A13023" t="s">
        <v>8090</v>
      </c>
      <c r="B13023" t="s">
        <v>8091</v>
      </c>
      <c r="C13023" t="s">
        <v>8086</v>
      </c>
      <c r="D13023" t="s">
        <v>8087</v>
      </c>
      <c r="E13023" t="s">
        <v>8022</v>
      </c>
      <c r="F13023" t="s">
        <v>8023</v>
      </c>
      <c r="G13023" t="s">
        <v>80</v>
      </c>
      <c r="H13023" t="s">
        <v>81</v>
      </c>
      <c r="I13023" s="2">
        <v>0</v>
      </c>
      <c r="J13023" s="2">
        <v>0</v>
      </c>
      <c r="K13023" s="2">
        <v>1</v>
      </c>
      <c r="L13023" t="s">
        <v>995</v>
      </c>
      <c r="M13023" t="s">
        <v>87</v>
      </c>
      <c r="N13023" t="s">
        <v>88</v>
      </c>
      <c r="O13023" t="s">
        <v>85</v>
      </c>
      <c r="P13023" t="s">
        <v>86</v>
      </c>
      <c r="Q13023">
        <v>16</v>
      </c>
      <c r="R13023">
        <v>16</v>
      </c>
      <c r="S13023">
        <v>17</v>
      </c>
      <c r="T13023">
        <v>17</v>
      </c>
      <c r="U13023">
        <v>17</v>
      </c>
      <c r="V13023">
        <v>17</v>
      </c>
      <c r="W13023">
        <v>17</v>
      </c>
      <c r="X13023">
        <v>17</v>
      </c>
      <c r="Y13023">
        <v>17</v>
      </c>
      <c r="Z13023">
        <v>17</v>
      </c>
      <c r="AA13023">
        <v>17</v>
      </c>
      <c r="AB13023">
        <v>17</v>
      </c>
      <c r="AC13023">
        <v>17</v>
      </c>
      <c r="AD13023">
        <v>17</v>
      </c>
      <c r="AE13023">
        <v>17</v>
      </c>
      <c r="AF13023">
        <v>17</v>
      </c>
      <c r="AG13023">
        <v>17</v>
      </c>
      <c r="AH13023">
        <v>17</v>
      </c>
      <c r="AI13023">
        <v>17</v>
      </c>
      <c r="AJ13023">
        <v>18</v>
      </c>
      <c r="AK13023">
        <v>18</v>
      </c>
      <c r="AL13023">
        <v>18</v>
      </c>
      <c r="AM13023">
        <v>18</v>
      </c>
      <c r="AN13023">
        <v>18</v>
      </c>
      <c r="AO13023">
        <v>18</v>
      </c>
      <c r="AP13023">
        <v>18</v>
      </c>
      <c r="AQ13023">
        <v>18</v>
      </c>
    </row>
    <row r="13024" spans="1:43">
      <c r="A13024" t="s">
        <v>8090</v>
      </c>
      <c r="B13024" t="s">
        <v>8091</v>
      </c>
      <c r="C13024" t="s">
        <v>8086</v>
      </c>
      <c r="D13024" t="s">
        <v>8087</v>
      </c>
      <c r="E13024" t="s">
        <v>8022</v>
      </c>
      <c r="F13024" t="s">
        <v>8023</v>
      </c>
      <c r="G13024" t="s">
        <v>80</v>
      </c>
      <c r="H13024" t="s">
        <v>81</v>
      </c>
      <c r="I13024" s="2">
        <v>0</v>
      </c>
      <c r="J13024" s="2">
        <v>0</v>
      </c>
      <c r="K13024" s="2">
        <v>1</v>
      </c>
      <c r="L13024" t="s">
        <v>995</v>
      </c>
      <c r="M13024" t="s">
        <v>89</v>
      </c>
      <c r="N13024" t="s">
        <v>90</v>
      </c>
      <c r="O13024" t="s">
        <v>85</v>
      </c>
      <c r="P13024" t="s">
        <v>86</v>
      </c>
      <c r="Q13024">
        <v>16</v>
      </c>
      <c r="R13024">
        <v>16</v>
      </c>
      <c r="S13024">
        <v>16</v>
      </c>
      <c r="T13024">
        <v>17</v>
      </c>
      <c r="U13024">
        <v>17</v>
      </c>
      <c r="V13024">
        <v>17</v>
      </c>
      <c r="W13024">
        <v>18</v>
      </c>
      <c r="X13024">
        <v>18</v>
      </c>
      <c r="Y13024">
        <v>18</v>
      </c>
      <c r="Z13024">
        <v>19</v>
      </c>
      <c r="AA13024">
        <v>19</v>
      </c>
      <c r="AB13024">
        <v>19</v>
      </c>
      <c r="AC13024">
        <v>19</v>
      </c>
      <c r="AD13024">
        <v>20</v>
      </c>
      <c r="AE13024">
        <v>20</v>
      </c>
      <c r="AF13024">
        <v>20</v>
      </c>
      <c r="AG13024">
        <v>20</v>
      </c>
      <c r="AH13024">
        <v>20</v>
      </c>
      <c r="AI13024">
        <v>20</v>
      </c>
      <c r="AJ13024">
        <v>20</v>
      </c>
      <c r="AK13024">
        <v>20</v>
      </c>
      <c r="AL13024">
        <v>20</v>
      </c>
      <c r="AM13024">
        <v>20</v>
      </c>
      <c r="AN13024">
        <v>20</v>
      </c>
      <c r="AO13024">
        <v>19</v>
      </c>
      <c r="AP13024">
        <v>19</v>
      </c>
      <c r="AQ13024">
        <v>19</v>
      </c>
    </row>
    <row r="13025" spans="1:43">
      <c r="A13025" t="s">
        <v>8090</v>
      </c>
      <c r="B13025" t="s">
        <v>8091</v>
      </c>
      <c r="C13025" t="s">
        <v>8086</v>
      </c>
      <c r="D13025" t="s">
        <v>8087</v>
      </c>
      <c r="E13025" t="s">
        <v>8022</v>
      </c>
      <c r="F13025" t="s">
        <v>8023</v>
      </c>
      <c r="G13025" t="s">
        <v>80</v>
      </c>
      <c r="H13025" t="s">
        <v>81</v>
      </c>
      <c r="I13025" s="2">
        <v>0</v>
      </c>
      <c r="J13025" s="2">
        <v>0</v>
      </c>
      <c r="K13025" s="2">
        <v>1</v>
      </c>
      <c r="L13025" t="s">
        <v>995</v>
      </c>
      <c r="M13025" t="s">
        <v>83</v>
      </c>
      <c r="N13025" t="s">
        <v>91</v>
      </c>
      <c r="O13025" t="s">
        <v>85</v>
      </c>
      <c r="P13025" t="s">
        <v>86</v>
      </c>
      <c r="Q13025">
        <v>16</v>
      </c>
      <c r="R13025">
        <v>16</v>
      </c>
      <c r="S13025">
        <v>16</v>
      </c>
      <c r="T13025">
        <v>16</v>
      </c>
      <c r="U13025">
        <v>16</v>
      </c>
      <c r="V13025">
        <v>17</v>
      </c>
      <c r="W13025">
        <v>17</v>
      </c>
      <c r="X13025">
        <v>17</v>
      </c>
      <c r="Y13025">
        <v>17</v>
      </c>
      <c r="Z13025">
        <v>17</v>
      </c>
      <c r="AA13025">
        <v>18</v>
      </c>
      <c r="AB13025">
        <v>18</v>
      </c>
      <c r="AC13025">
        <v>18</v>
      </c>
      <c r="AD13025">
        <v>18</v>
      </c>
      <c r="AE13025">
        <v>18</v>
      </c>
      <c r="AF13025">
        <v>19</v>
      </c>
      <c r="AG13025">
        <v>19</v>
      </c>
      <c r="AH13025">
        <v>19</v>
      </c>
      <c r="AI13025">
        <v>19</v>
      </c>
      <c r="AJ13025">
        <v>19</v>
      </c>
      <c r="AK13025">
        <v>19</v>
      </c>
      <c r="AL13025">
        <v>19</v>
      </c>
      <c r="AM13025">
        <v>19</v>
      </c>
      <c r="AN13025">
        <v>19</v>
      </c>
      <c r="AO13025">
        <v>19</v>
      </c>
      <c r="AP13025">
        <v>19</v>
      </c>
      <c r="AQ13025">
        <v>19</v>
      </c>
    </row>
    <row r="13026" spans="1:43">
      <c r="A13026" t="s">
        <v>8092</v>
      </c>
      <c r="B13026" t="s">
        <v>8093</v>
      </c>
      <c r="C13026" t="s">
        <v>8086</v>
      </c>
      <c r="D13026" t="s">
        <v>8087</v>
      </c>
      <c r="E13026" t="s">
        <v>8022</v>
      </c>
      <c r="F13026" t="s">
        <v>8023</v>
      </c>
      <c r="G13026" t="s">
        <v>80</v>
      </c>
      <c r="H13026" t="s">
        <v>81</v>
      </c>
      <c r="I13026" s="2">
        <v>0</v>
      </c>
      <c r="J13026" s="2">
        <v>0</v>
      </c>
      <c r="K13026" s="2">
        <v>0.36</v>
      </c>
      <c r="L13026" t="s">
        <v>995</v>
      </c>
      <c r="M13026" t="s">
        <v>83</v>
      </c>
      <c r="N13026" t="s">
        <v>84</v>
      </c>
      <c r="O13026" t="s">
        <v>85</v>
      </c>
      <c r="P13026" t="s">
        <v>86</v>
      </c>
      <c r="Q13026">
        <v>6</v>
      </c>
      <c r="R13026">
        <v>7</v>
      </c>
      <c r="S13026">
        <v>7</v>
      </c>
      <c r="T13026">
        <v>7</v>
      </c>
      <c r="U13026">
        <v>7</v>
      </c>
      <c r="V13026">
        <v>7</v>
      </c>
      <c r="W13026">
        <v>7</v>
      </c>
      <c r="X13026">
        <v>7</v>
      </c>
      <c r="Y13026">
        <v>7</v>
      </c>
      <c r="Z13026">
        <v>7</v>
      </c>
      <c r="AA13026">
        <v>7</v>
      </c>
      <c r="AB13026">
        <v>7</v>
      </c>
      <c r="AC13026">
        <v>8</v>
      </c>
      <c r="AD13026">
        <v>8</v>
      </c>
      <c r="AE13026">
        <v>8</v>
      </c>
      <c r="AF13026">
        <v>8</v>
      </c>
      <c r="AG13026">
        <v>8</v>
      </c>
      <c r="AH13026">
        <v>8</v>
      </c>
      <c r="AI13026">
        <v>8</v>
      </c>
      <c r="AJ13026">
        <v>8</v>
      </c>
      <c r="AK13026">
        <v>8</v>
      </c>
      <c r="AL13026">
        <v>8</v>
      </c>
      <c r="AM13026">
        <v>8</v>
      </c>
      <c r="AN13026">
        <v>8</v>
      </c>
      <c r="AO13026">
        <v>8</v>
      </c>
      <c r="AP13026">
        <v>8</v>
      </c>
      <c r="AQ13026">
        <v>8</v>
      </c>
    </row>
    <row r="13027" spans="1:43">
      <c r="A13027" t="s">
        <v>8092</v>
      </c>
      <c r="B13027" t="s">
        <v>8093</v>
      </c>
      <c r="C13027" t="s">
        <v>8086</v>
      </c>
      <c r="D13027" t="s">
        <v>8087</v>
      </c>
      <c r="E13027" t="s">
        <v>8022</v>
      </c>
      <c r="F13027" t="s">
        <v>8023</v>
      </c>
      <c r="G13027" t="s">
        <v>80</v>
      </c>
      <c r="H13027" t="s">
        <v>81</v>
      </c>
      <c r="I13027" s="2">
        <v>0</v>
      </c>
      <c r="J13027" s="2">
        <v>0</v>
      </c>
      <c r="K13027" s="2">
        <v>0.36</v>
      </c>
      <c r="L13027" t="s">
        <v>995</v>
      </c>
      <c r="M13027" t="s">
        <v>87</v>
      </c>
      <c r="N13027" t="s">
        <v>88</v>
      </c>
      <c r="O13027" t="s">
        <v>85</v>
      </c>
      <c r="P13027" t="s">
        <v>86</v>
      </c>
      <c r="Q13027">
        <v>6</v>
      </c>
      <c r="R13027">
        <v>6</v>
      </c>
      <c r="S13027">
        <v>7</v>
      </c>
      <c r="T13027">
        <v>7</v>
      </c>
      <c r="U13027">
        <v>7</v>
      </c>
      <c r="V13027">
        <v>7</v>
      </c>
      <c r="W13027">
        <v>7</v>
      </c>
      <c r="X13027">
        <v>7</v>
      </c>
      <c r="Y13027">
        <v>7</v>
      </c>
      <c r="Z13027">
        <v>7</v>
      </c>
      <c r="AA13027">
        <v>7</v>
      </c>
      <c r="AB13027">
        <v>7</v>
      </c>
      <c r="AC13027">
        <v>7</v>
      </c>
      <c r="AD13027">
        <v>7</v>
      </c>
      <c r="AE13027">
        <v>7</v>
      </c>
      <c r="AF13027">
        <v>7</v>
      </c>
      <c r="AG13027">
        <v>7</v>
      </c>
      <c r="AH13027">
        <v>7</v>
      </c>
      <c r="AI13027">
        <v>7</v>
      </c>
      <c r="AJ13027">
        <v>7</v>
      </c>
      <c r="AK13027">
        <v>7</v>
      </c>
      <c r="AL13027">
        <v>7</v>
      </c>
      <c r="AM13027">
        <v>7</v>
      </c>
      <c r="AN13027">
        <v>7</v>
      </c>
      <c r="AO13027">
        <v>7</v>
      </c>
      <c r="AP13027">
        <v>7</v>
      </c>
      <c r="AQ13027">
        <v>7</v>
      </c>
    </row>
    <row r="13028" spans="1:43">
      <c r="A13028" t="s">
        <v>8092</v>
      </c>
      <c r="B13028" t="s">
        <v>8093</v>
      </c>
      <c r="C13028" t="s">
        <v>8086</v>
      </c>
      <c r="D13028" t="s">
        <v>8087</v>
      </c>
      <c r="E13028" t="s">
        <v>8022</v>
      </c>
      <c r="F13028" t="s">
        <v>8023</v>
      </c>
      <c r="G13028" t="s">
        <v>80</v>
      </c>
      <c r="H13028" t="s">
        <v>81</v>
      </c>
      <c r="I13028" s="2">
        <v>0</v>
      </c>
      <c r="J13028" s="2">
        <v>0</v>
      </c>
      <c r="K13028" s="2">
        <v>0.36</v>
      </c>
      <c r="L13028" t="s">
        <v>995</v>
      </c>
      <c r="M13028" t="s">
        <v>89</v>
      </c>
      <c r="N13028" t="s">
        <v>90</v>
      </c>
      <c r="O13028" t="s">
        <v>85</v>
      </c>
      <c r="P13028" t="s">
        <v>86</v>
      </c>
      <c r="Q13028">
        <v>6</v>
      </c>
      <c r="R13028">
        <v>6</v>
      </c>
      <c r="S13028">
        <v>6</v>
      </c>
      <c r="T13028">
        <v>6</v>
      </c>
      <c r="U13028">
        <v>6</v>
      </c>
      <c r="V13028">
        <v>6</v>
      </c>
      <c r="W13028">
        <v>6</v>
      </c>
      <c r="X13028">
        <v>7</v>
      </c>
      <c r="Y13028">
        <v>7</v>
      </c>
      <c r="Z13028">
        <v>7</v>
      </c>
      <c r="AA13028">
        <v>7</v>
      </c>
      <c r="AB13028">
        <v>7</v>
      </c>
      <c r="AC13028">
        <v>7</v>
      </c>
      <c r="AD13028">
        <v>7</v>
      </c>
      <c r="AE13028">
        <v>7</v>
      </c>
      <c r="AF13028">
        <v>7</v>
      </c>
      <c r="AG13028">
        <v>7</v>
      </c>
      <c r="AH13028">
        <v>7</v>
      </c>
      <c r="AI13028">
        <v>7</v>
      </c>
      <c r="AJ13028">
        <v>7</v>
      </c>
      <c r="AK13028">
        <v>7</v>
      </c>
      <c r="AL13028">
        <v>7</v>
      </c>
      <c r="AM13028">
        <v>7</v>
      </c>
      <c r="AN13028">
        <v>7</v>
      </c>
      <c r="AO13028">
        <v>7</v>
      </c>
      <c r="AP13028">
        <v>7</v>
      </c>
      <c r="AQ13028">
        <v>7</v>
      </c>
    </row>
    <row r="13029" spans="1:43">
      <c r="A13029" t="s">
        <v>8092</v>
      </c>
      <c r="B13029" t="s">
        <v>8093</v>
      </c>
      <c r="C13029" t="s">
        <v>8086</v>
      </c>
      <c r="D13029" t="s">
        <v>8087</v>
      </c>
      <c r="E13029" t="s">
        <v>8022</v>
      </c>
      <c r="F13029" t="s">
        <v>8023</v>
      </c>
      <c r="G13029" t="s">
        <v>80</v>
      </c>
      <c r="H13029" t="s">
        <v>81</v>
      </c>
      <c r="I13029" s="2">
        <v>0</v>
      </c>
      <c r="J13029" s="2">
        <v>0</v>
      </c>
      <c r="K13029" s="2">
        <v>0.36</v>
      </c>
      <c r="L13029" t="s">
        <v>995</v>
      </c>
      <c r="M13029" t="s">
        <v>83</v>
      </c>
      <c r="N13029" t="s">
        <v>91</v>
      </c>
      <c r="O13029" t="s">
        <v>85</v>
      </c>
      <c r="P13029" t="s">
        <v>86</v>
      </c>
      <c r="Q13029">
        <v>6</v>
      </c>
      <c r="R13029">
        <v>7</v>
      </c>
      <c r="S13029">
        <v>7</v>
      </c>
      <c r="T13029">
        <v>7</v>
      </c>
      <c r="U13029">
        <v>7</v>
      </c>
      <c r="V13029">
        <v>7</v>
      </c>
      <c r="W13029">
        <v>7</v>
      </c>
      <c r="X13029">
        <v>7</v>
      </c>
      <c r="Y13029">
        <v>7</v>
      </c>
      <c r="Z13029">
        <v>7</v>
      </c>
      <c r="AA13029">
        <v>7</v>
      </c>
      <c r="AB13029">
        <v>7</v>
      </c>
      <c r="AC13029">
        <v>8</v>
      </c>
      <c r="AD13029">
        <v>8</v>
      </c>
      <c r="AE13029">
        <v>8</v>
      </c>
      <c r="AF13029">
        <v>8</v>
      </c>
      <c r="AG13029">
        <v>8</v>
      </c>
      <c r="AH13029">
        <v>8</v>
      </c>
      <c r="AI13029">
        <v>8</v>
      </c>
      <c r="AJ13029">
        <v>8</v>
      </c>
      <c r="AK13029">
        <v>8</v>
      </c>
      <c r="AL13029">
        <v>8</v>
      </c>
      <c r="AM13029">
        <v>8</v>
      </c>
      <c r="AN13029">
        <v>8</v>
      </c>
      <c r="AO13029">
        <v>8</v>
      </c>
      <c r="AP13029">
        <v>8</v>
      </c>
      <c r="AQ13029">
        <v>8</v>
      </c>
    </row>
    <row r="13030" spans="1:43">
      <c r="A13030" t="s">
        <v>8094</v>
      </c>
      <c r="B13030" t="s">
        <v>8095</v>
      </c>
      <c r="C13030" t="s">
        <v>8086</v>
      </c>
      <c r="D13030" t="s">
        <v>8087</v>
      </c>
      <c r="E13030" t="s">
        <v>8022</v>
      </c>
      <c r="F13030" t="s">
        <v>8023</v>
      </c>
      <c r="G13030" t="s">
        <v>80</v>
      </c>
      <c r="H13030" t="s">
        <v>81</v>
      </c>
      <c r="I13030" s="2">
        <v>0</v>
      </c>
      <c r="J13030" s="2">
        <v>0</v>
      </c>
      <c r="K13030" s="2">
        <v>1</v>
      </c>
      <c r="L13030" t="s">
        <v>995</v>
      </c>
      <c r="M13030" t="s">
        <v>83</v>
      </c>
      <c r="N13030" t="s">
        <v>84</v>
      </c>
      <c r="O13030" t="s">
        <v>85</v>
      </c>
      <c r="P13030" t="s">
        <v>86</v>
      </c>
      <c r="Q13030">
        <v>61</v>
      </c>
      <c r="R13030">
        <v>62</v>
      </c>
      <c r="S13030">
        <v>63</v>
      </c>
      <c r="T13030">
        <v>63</v>
      </c>
      <c r="U13030">
        <v>64</v>
      </c>
      <c r="V13030">
        <v>65</v>
      </c>
      <c r="W13030">
        <v>66</v>
      </c>
      <c r="X13030">
        <v>67</v>
      </c>
      <c r="Y13030">
        <v>68</v>
      </c>
      <c r="Z13030">
        <v>68</v>
      </c>
      <c r="AA13030">
        <v>69</v>
      </c>
      <c r="AB13030">
        <v>70</v>
      </c>
      <c r="AC13030">
        <v>71</v>
      </c>
      <c r="AD13030">
        <v>71</v>
      </c>
      <c r="AE13030">
        <v>72</v>
      </c>
      <c r="AF13030">
        <v>73</v>
      </c>
      <c r="AG13030">
        <v>73</v>
      </c>
      <c r="AH13030">
        <v>74</v>
      </c>
      <c r="AI13030">
        <v>75</v>
      </c>
      <c r="AJ13030">
        <v>75</v>
      </c>
      <c r="AK13030">
        <v>76</v>
      </c>
      <c r="AL13030">
        <v>76</v>
      </c>
      <c r="AM13030">
        <v>76</v>
      </c>
      <c r="AN13030">
        <v>76</v>
      </c>
      <c r="AO13030">
        <v>76</v>
      </c>
      <c r="AP13030">
        <v>75</v>
      </c>
      <c r="AQ13030">
        <v>75</v>
      </c>
    </row>
    <row r="13031" spans="1:43">
      <c r="A13031" t="s">
        <v>8094</v>
      </c>
      <c r="B13031" t="s">
        <v>8095</v>
      </c>
      <c r="C13031" t="s">
        <v>8086</v>
      </c>
      <c r="D13031" t="s">
        <v>8087</v>
      </c>
      <c r="E13031" t="s">
        <v>8022</v>
      </c>
      <c r="F13031" t="s">
        <v>8023</v>
      </c>
      <c r="G13031" t="s">
        <v>80</v>
      </c>
      <c r="H13031" t="s">
        <v>81</v>
      </c>
      <c r="I13031" s="2">
        <v>0</v>
      </c>
      <c r="J13031" s="2">
        <v>0</v>
      </c>
      <c r="K13031" s="2">
        <v>1</v>
      </c>
      <c r="L13031" t="s">
        <v>995</v>
      </c>
      <c r="M13031" t="s">
        <v>87</v>
      </c>
      <c r="N13031" t="s">
        <v>88</v>
      </c>
      <c r="O13031" t="s">
        <v>85</v>
      </c>
      <c r="P13031" t="s">
        <v>86</v>
      </c>
      <c r="Q13031">
        <v>61</v>
      </c>
      <c r="R13031">
        <v>62</v>
      </c>
      <c r="S13031">
        <v>62</v>
      </c>
      <c r="T13031">
        <v>62</v>
      </c>
      <c r="U13031">
        <v>62</v>
      </c>
      <c r="V13031">
        <v>63</v>
      </c>
      <c r="W13031">
        <v>63</v>
      </c>
      <c r="X13031">
        <v>63</v>
      </c>
      <c r="Y13031">
        <v>63</v>
      </c>
      <c r="Z13031">
        <v>64</v>
      </c>
      <c r="AA13031">
        <v>64</v>
      </c>
      <c r="AB13031">
        <v>64</v>
      </c>
      <c r="AC13031">
        <v>64</v>
      </c>
      <c r="AD13031">
        <v>65</v>
      </c>
      <c r="AE13031">
        <v>65</v>
      </c>
      <c r="AF13031">
        <v>65</v>
      </c>
      <c r="AG13031">
        <v>65</v>
      </c>
      <c r="AH13031">
        <v>65</v>
      </c>
      <c r="AI13031">
        <v>65</v>
      </c>
      <c r="AJ13031">
        <v>66</v>
      </c>
      <c r="AK13031">
        <v>66</v>
      </c>
      <c r="AL13031">
        <v>66</v>
      </c>
      <c r="AM13031">
        <v>66</v>
      </c>
      <c r="AN13031">
        <v>66</v>
      </c>
      <c r="AO13031">
        <v>66</v>
      </c>
      <c r="AP13031">
        <v>66</v>
      </c>
      <c r="AQ13031">
        <v>66</v>
      </c>
    </row>
    <row r="13032" spans="1:43">
      <c r="A13032" t="s">
        <v>8094</v>
      </c>
      <c r="B13032" t="s">
        <v>8095</v>
      </c>
      <c r="C13032" t="s">
        <v>8086</v>
      </c>
      <c r="D13032" t="s">
        <v>8087</v>
      </c>
      <c r="E13032" t="s">
        <v>8022</v>
      </c>
      <c r="F13032" t="s">
        <v>8023</v>
      </c>
      <c r="G13032" t="s">
        <v>80</v>
      </c>
      <c r="H13032" t="s">
        <v>81</v>
      </c>
      <c r="I13032" s="2">
        <v>0</v>
      </c>
      <c r="J13032" s="2">
        <v>0</v>
      </c>
      <c r="K13032" s="2">
        <v>1</v>
      </c>
      <c r="L13032" t="s">
        <v>995</v>
      </c>
      <c r="M13032" t="s">
        <v>89</v>
      </c>
      <c r="N13032" t="s">
        <v>90</v>
      </c>
      <c r="O13032" t="s">
        <v>85</v>
      </c>
      <c r="P13032" t="s">
        <v>86</v>
      </c>
      <c r="Q13032">
        <v>61</v>
      </c>
      <c r="R13032">
        <v>63</v>
      </c>
      <c r="S13032">
        <v>64</v>
      </c>
      <c r="T13032">
        <v>66</v>
      </c>
      <c r="U13032">
        <v>67</v>
      </c>
      <c r="V13032">
        <v>68</v>
      </c>
      <c r="W13032">
        <v>69</v>
      </c>
      <c r="X13032">
        <v>71</v>
      </c>
      <c r="Y13032">
        <v>72</v>
      </c>
      <c r="Z13032">
        <v>73</v>
      </c>
      <c r="AA13032">
        <v>74</v>
      </c>
      <c r="AB13032">
        <v>75</v>
      </c>
      <c r="AC13032">
        <v>76</v>
      </c>
      <c r="AD13032">
        <v>77</v>
      </c>
      <c r="AE13032">
        <v>77</v>
      </c>
      <c r="AF13032">
        <v>77</v>
      </c>
      <c r="AG13032">
        <v>77</v>
      </c>
      <c r="AH13032">
        <v>77</v>
      </c>
      <c r="AI13032">
        <v>77</v>
      </c>
      <c r="AJ13032">
        <v>77</v>
      </c>
      <c r="AK13032">
        <v>77</v>
      </c>
      <c r="AL13032">
        <v>77</v>
      </c>
      <c r="AM13032">
        <v>76</v>
      </c>
      <c r="AN13032">
        <v>76</v>
      </c>
      <c r="AO13032">
        <v>76</v>
      </c>
      <c r="AP13032">
        <v>76</v>
      </c>
      <c r="AQ13032">
        <v>76</v>
      </c>
    </row>
    <row r="13033" spans="1:43">
      <c r="A13033" t="s">
        <v>8094</v>
      </c>
      <c r="B13033" t="s">
        <v>8095</v>
      </c>
      <c r="C13033" t="s">
        <v>8086</v>
      </c>
      <c r="D13033" t="s">
        <v>8087</v>
      </c>
      <c r="E13033" t="s">
        <v>8022</v>
      </c>
      <c r="F13033" t="s">
        <v>8023</v>
      </c>
      <c r="G13033" t="s">
        <v>80</v>
      </c>
      <c r="H13033" t="s">
        <v>81</v>
      </c>
      <c r="I13033" s="2">
        <v>0</v>
      </c>
      <c r="J13033" s="2">
        <v>0</v>
      </c>
      <c r="K13033" s="2">
        <v>1</v>
      </c>
      <c r="L13033" t="s">
        <v>995</v>
      </c>
      <c r="M13033" t="s">
        <v>83</v>
      </c>
      <c r="N13033" t="s">
        <v>91</v>
      </c>
      <c r="O13033" t="s">
        <v>85</v>
      </c>
      <c r="P13033" t="s">
        <v>86</v>
      </c>
      <c r="Q13033">
        <v>61</v>
      </c>
      <c r="R13033">
        <v>62</v>
      </c>
      <c r="S13033">
        <v>63</v>
      </c>
      <c r="T13033">
        <v>63</v>
      </c>
      <c r="U13033">
        <v>64</v>
      </c>
      <c r="V13033">
        <v>65</v>
      </c>
      <c r="W13033">
        <v>66</v>
      </c>
      <c r="X13033">
        <v>67</v>
      </c>
      <c r="Y13033">
        <v>68</v>
      </c>
      <c r="Z13033">
        <v>68</v>
      </c>
      <c r="AA13033">
        <v>69</v>
      </c>
      <c r="AB13033">
        <v>70</v>
      </c>
      <c r="AC13033">
        <v>71</v>
      </c>
      <c r="AD13033">
        <v>71</v>
      </c>
      <c r="AE13033">
        <v>72</v>
      </c>
      <c r="AF13033">
        <v>73</v>
      </c>
      <c r="AG13033">
        <v>73</v>
      </c>
      <c r="AH13033">
        <v>74</v>
      </c>
      <c r="AI13033">
        <v>75</v>
      </c>
      <c r="AJ13033">
        <v>75</v>
      </c>
      <c r="AK13033">
        <v>76</v>
      </c>
      <c r="AL13033">
        <v>76</v>
      </c>
      <c r="AM13033">
        <v>76</v>
      </c>
      <c r="AN13033">
        <v>76</v>
      </c>
      <c r="AO13033">
        <v>76</v>
      </c>
      <c r="AP13033">
        <v>75</v>
      </c>
      <c r="AQ13033">
        <v>75</v>
      </c>
    </row>
    <row r="13034" spans="1:43">
      <c r="A13034" t="s">
        <v>8096</v>
      </c>
      <c r="B13034" t="s">
        <v>8097</v>
      </c>
      <c r="C13034" t="s">
        <v>8086</v>
      </c>
      <c r="D13034" t="s">
        <v>8087</v>
      </c>
      <c r="E13034" t="s">
        <v>8022</v>
      </c>
      <c r="F13034" t="s">
        <v>8023</v>
      </c>
      <c r="G13034" t="s">
        <v>80</v>
      </c>
      <c r="H13034" t="s">
        <v>81</v>
      </c>
      <c r="I13034" s="2">
        <v>0</v>
      </c>
      <c r="J13034" s="2">
        <v>0</v>
      </c>
      <c r="K13034" s="2">
        <v>1</v>
      </c>
      <c r="L13034" t="s">
        <v>995</v>
      </c>
      <c r="M13034" t="s">
        <v>83</v>
      </c>
      <c r="N13034" t="s">
        <v>84</v>
      </c>
      <c r="O13034" t="s">
        <v>85</v>
      </c>
      <c r="P13034" t="s">
        <v>86</v>
      </c>
      <c r="Q13034">
        <v>56</v>
      </c>
      <c r="R13034">
        <v>57</v>
      </c>
      <c r="S13034">
        <v>58</v>
      </c>
      <c r="T13034">
        <v>58</v>
      </c>
      <c r="U13034">
        <v>59</v>
      </c>
      <c r="V13034">
        <v>60</v>
      </c>
      <c r="W13034">
        <v>61</v>
      </c>
      <c r="X13034">
        <v>62</v>
      </c>
      <c r="Y13034">
        <v>62</v>
      </c>
      <c r="Z13034">
        <v>63</v>
      </c>
      <c r="AA13034">
        <v>64</v>
      </c>
      <c r="AB13034">
        <v>64</v>
      </c>
      <c r="AC13034">
        <v>65</v>
      </c>
      <c r="AD13034">
        <v>66</v>
      </c>
      <c r="AE13034">
        <v>66</v>
      </c>
      <c r="AF13034">
        <v>67</v>
      </c>
      <c r="AG13034">
        <v>68</v>
      </c>
      <c r="AH13034">
        <v>68</v>
      </c>
      <c r="AI13034">
        <v>69</v>
      </c>
      <c r="AJ13034">
        <v>69</v>
      </c>
      <c r="AK13034">
        <v>70</v>
      </c>
      <c r="AL13034">
        <v>70</v>
      </c>
      <c r="AM13034">
        <v>70</v>
      </c>
      <c r="AN13034">
        <v>70</v>
      </c>
      <c r="AO13034">
        <v>70</v>
      </c>
      <c r="AP13034">
        <v>69</v>
      </c>
      <c r="AQ13034">
        <v>69</v>
      </c>
    </row>
    <row r="13035" spans="1:43">
      <c r="A13035" t="s">
        <v>8096</v>
      </c>
      <c r="B13035" t="s">
        <v>8097</v>
      </c>
      <c r="C13035" t="s">
        <v>8086</v>
      </c>
      <c r="D13035" t="s">
        <v>8087</v>
      </c>
      <c r="E13035" t="s">
        <v>8022</v>
      </c>
      <c r="F13035" t="s">
        <v>8023</v>
      </c>
      <c r="G13035" t="s">
        <v>80</v>
      </c>
      <c r="H13035" t="s">
        <v>81</v>
      </c>
      <c r="I13035" s="2">
        <v>0</v>
      </c>
      <c r="J13035" s="2">
        <v>0</v>
      </c>
      <c r="K13035" s="2">
        <v>1</v>
      </c>
      <c r="L13035" t="s">
        <v>995</v>
      </c>
      <c r="M13035" t="s">
        <v>87</v>
      </c>
      <c r="N13035" t="s">
        <v>88</v>
      </c>
      <c r="O13035" t="s">
        <v>85</v>
      </c>
      <c r="P13035" t="s">
        <v>86</v>
      </c>
      <c r="Q13035">
        <v>56</v>
      </c>
      <c r="R13035">
        <v>57</v>
      </c>
      <c r="S13035">
        <v>57</v>
      </c>
      <c r="T13035">
        <v>57</v>
      </c>
      <c r="U13035">
        <v>58</v>
      </c>
      <c r="V13035">
        <v>58</v>
      </c>
      <c r="W13035">
        <v>58</v>
      </c>
      <c r="X13035">
        <v>58</v>
      </c>
      <c r="Y13035">
        <v>59</v>
      </c>
      <c r="Z13035">
        <v>59</v>
      </c>
      <c r="AA13035">
        <v>59</v>
      </c>
      <c r="AB13035">
        <v>59</v>
      </c>
      <c r="AC13035">
        <v>59</v>
      </c>
      <c r="AD13035">
        <v>60</v>
      </c>
      <c r="AE13035">
        <v>60</v>
      </c>
      <c r="AF13035">
        <v>60</v>
      </c>
      <c r="AG13035">
        <v>60</v>
      </c>
      <c r="AH13035">
        <v>60</v>
      </c>
      <c r="AI13035">
        <v>60</v>
      </c>
      <c r="AJ13035">
        <v>60</v>
      </c>
      <c r="AK13035">
        <v>61</v>
      </c>
      <c r="AL13035">
        <v>61</v>
      </c>
      <c r="AM13035">
        <v>61</v>
      </c>
      <c r="AN13035">
        <v>61</v>
      </c>
      <c r="AO13035">
        <v>61</v>
      </c>
      <c r="AP13035">
        <v>61</v>
      </c>
      <c r="AQ13035">
        <v>61</v>
      </c>
    </row>
    <row r="13036" spans="1:43">
      <c r="A13036" t="s">
        <v>8096</v>
      </c>
      <c r="B13036" t="s">
        <v>8097</v>
      </c>
      <c r="C13036" t="s">
        <v>8086</v>
      </c>
      <c r="D13036" t="s">
        <v>8087</v>
      </c>
      <c r="E13036" t="s">
        <v>8022</v>
      </c>
      <c r="F13036" t="s">
        <v>8023</v>
      </c>
      <c r="G13036" t="s">
        <v>80</v>
      </c>
      <c r="H13036" t="s">
        <v>81</v>
      </c>
      <c r="I13036" s="2">
        <v>0</v>
      </c>
      <c r="J13036" s="2">
        <v>0</v>
      </c>
      <c r="K13036" s="2">
        <v>1</v>
      </c>
      <c r="L13036" t="s">
        <v>995</v>
      </c>
      <c r="M13036" t="s">
        <v>89</v>
      </c>
      <c r="N13036" t="s">
        <v>90</v>
      </c>
      <c r="O13036" t="s">
        <v>85</v>
      </c>
      <c r="P13036" t="s">
        <v>86</v>
      </c>
      <c r="Q13036">
        <v>56</v>
      </c>
      <c r="R13036">
        <v>57</v>
      </c>
      <c r="S13036">
        <v>58</v>
      </c>
      <c r="T13036">
        <v>59</v>
      </c>
      <c r="U13036">
        <v>61</v>
      </c>
      <c r="V13036">
        <v>62</v>
      </c>
      <c r="W13036">
        <v>63</v>
      </c>
      <c r="X13036">
        <v>64</v>
      </c>
      <c r="Y13036">
        <v>65</v>
      </c>
      <c r="Z13036">
        <v>66</v>
      </c>
      <c r="AA13036">
        <v>67</v>
      </c>
      <c r="AB13036">
        <v>68</v>
      </c>
      <c r="AC13036">
        <v>69</v>
      </c>
      <c r="AD13036">
        <v>70</v>
      </c>
      <c r="AE13036">
        <v>70</v>
      </c>
      <c r="AF13036">
        <v>70</v>
      </c>
      <c r="AG13036">
        <v>70</v>
      </c>
      <c r="AH13036">
        <v>70</v>
      </c>
      <c r="AI13036">
        <v>70</v>
      </c>
      <c r="AJ13036">
        <v>70</v>
      </c>
      <c r="AK13036">
        <v>70</v>
      </c>
      <c r="AL13036">
        <v>70</v>
      </c>
      <c r="AM13036">
        <v>69</v>
      </c>
      <c r="AN13036">
        <v>69</v>
      </c>
      <c r="AO13036">
        <v>69</v>
      </c>
      <c r="AP13036">
        <v>69</v>
      </c>
      <c r="AQ13036">
        <v>69</v>
      </c>
    </row>
    <row r="13037" spans="1:43">
      <c r="A13037" t="s">
        <v>8096</v>
      </c>
      <c r="B13037" t="s">
        <v>8097</v>
      </c>
      <c r="C13037" t="s">
        <v>8086</v>
      </c>
      <c r="D13037" t="s">
        <v>8087</v>
      </c>
      <c r="E13037" t="s">
        <v>8022</v>
      </c>
      <c r="F13037" t="s">
        <v>8023</v>
      </c>
      <c r="G13037" t="s">
        <v>80</v>
      </c>
      <c r="H13037" t="s">
        <v>81</v>
      </c>
      <c r="I13037" s="2">
        <v>0</v>
      </c>
      <c r="J13037" s="2">
        <v>0</v>
      </c>
      <c r="K13037" s="2">
        <v>1</v>
      </c>
      <c r="L13037" t="s">
        <v>995</v>
      </c>
      <c r="M13037" t="s">
        <v>83</v>
      </c>
      <c r="N13037" t="s">
        <v>91</v>
      </c>
      <c r="O13037" t="s">
        <v>85</v>
      </c>
      <c r="P13037" t="s">
        <v>86</v>
      </c>
      <c r="Q13037">
        <v>56</v>
      </c>
      <c r="R13037">
        <v>57</v>
      </c>
      <c r="S13037">
        <v>58</v>
      </c>
      <c r="T13037">
        <v>58</v>
      </c>
      <c r="U13037">
        <v>59</v>
      </c>
      <c r="V13037">
        <v>60</v>
      </c>
      <c r="W13037">
        <v>61</v>
      </c>
      <c r="X13037">
        <v>62</v>
      </c>
      <c r="Y13037">
        <v>62</v>
      </c>
      <c r="Z13037">
        <v>63</v>
      </c>
      <c r="AA13037">
        <v>64</v>
      </c>
      <c r="AB13037">
        <v>64</v>
      </c>
      <c r="AC13037">
        <v>65</v>
      </c>
      <c r="AD13037">
        <v>66</v>
      </c>
      <c r="AE13037">
        <v>66</v>
      </c>
      <c r="AF13037">
        <v>67</v>
      </c>
      <c r="AG13037">
        <v>68</v>
      </c>
      <c r="AH13037">
        <v>68</v>
      </c>
      <c r="AI13037">
        <v>69</v>
      </c>
      <c r="AJ13037">
        <v>69</v>
      </c>
      <c r="AK13037">
        <v>70</v>
      </c>
      <c r="AL13037">
        <v>70</v>
      </c>
      <c r="AM13037">
        <v>70</v>
      </c>
      <c r="AN13037">
        <v>70</v>
      </c>
      <c r="AO13037">
        <v>70</v>
      </c>
      <c r="AP13037">
        <v>69</v>
      </c>
      <c r="AQ13037">
        <v>69</v>
      </c>
    </row>
    <row r="13038" spans="1:43">
      <c r="A13038" t="s">
        <v>8098</v>
      </c>
      <c r="B13038" t="s">
        <v>8099</v>
      </c>
      <c r="C13038" t="s">
        <v>8100</v>
      </c>
      <c r="D13038" t="s">
        <v>8101</v>
      </c>
      <c r="E13038" t="s">
        <v>8022</v>
      </c>
      <c r="F13038" t="s">
        <v>8023</v>
      </c>
      <c r="G13038" t="s">
        <v>80</v>
      </c>
      <c r="H13038" t="s">
        <v>81</v>
      </c>
      <c r="I13038" s="2">
        <v>0</v>
      </c>
      <c r="J13038" s="2">
        <v>0</v>
      </c>
      <c r="K13038" s="2">
        <v>1</v>
      </c>
      <c r="L13038" t="s">
        <v>995</v>
      </c>
      <c r="M13038" t="s">
        <v>83</v>
      </c>
      <c r="N13038" t="s">
        <v>84</v>
      </c>
      <c r="O13038" t="s">
        <v>85</v>
      </c>
      <c r="P13038" t="s">
        <v>86</v>
      </c>
      <c r="Q13038">
        <v>21</v>
      </c>
      <c r="R13038">
        <v>21</v>
      </c>
      <c r="S13038">
        <v>22</v>
      </c>
      <c r="T13038">
        <v>22</v>
      </c>
      <c r="U13038">
        <v>22</v>
      </c>
      <c r="V13038">
        <v>23</v>
      </c>
      <c r="W13038">
        <v>23</v>
      </c>
      <c r="X13038">
        <v>23</v>
      </c>
      <c r="Y13038">
        <v>23</v>
      </c>
      <c r="Z13038">
        <v>24</v>
      </c>
      <c r="AA13038">
        <v>24</v>
      </c>
      <c r="AB13038">
        <v>24</v>
      </c>
      <c r="AC13038">
        <v>24</v>
      </c>
      <c r="AD13038">
        <v>25</v>
      </c>
      <c r="AE13038">
        <v>25</v>
      </c>
      <c r="AF13038">
        <v>25</v>
      </c>
      <c r="AG13038">
        <v>25</v>
      </c>
      <c r="AH13038">
        <v>26</v>
      </c>
      <c r="AI13038">
        <v>26</v>
      </c>
      <c r="AJ13038">
        <v>26</v>
      </c>
      <c r="AK13038">
        <v>26</v>
      </c>
      <c r="AL13038">
        <v>26</v>
      </c>
      <c r="AM13038">
        <v>26</v>
      </c>
      <c r="AN13038">
        <v>26</v>
      </c>
      <c r="AO13038">
        <v>26</v>
      </c>
      <c r="AP13038">
        <v>26</v>
      </c>
      <c r="AQ13038">
        <v>26</v>
      </c>
    </row>
    <row r="13039" spans="1:43">
      <c r="A13039" t="s">
        <v>8098</v>
      </c>
      <c r="B13039" t="s">
        <v>8099</v>
      </c>
      <c r="C13039" t="s">
        <v>8100</v>
      </c>
      <c r="D13039" t="s">
        <v>8101</v>
      </c>
      <c r="E13039" t="s">
        <v>8022</v>
      </c>
      <c r="F13039" t="s">
        <v>8023</v>
      </c>
      <c r="G13039" t="s">
        <v>80</v>
      </c>
      <c r="H13039" t="s">
        <v>81</v>
      </c>
      <c r="I13039" s="2">
        <v>0</v>
      </c>
      <c r="J13039" s="2">
        <v>0</v>
      </c>
      <c r="K13039" s="2">
        <v>1</v>
      </c>
      <c r="L13039" t="s">
        <v>995</v>
      </c>
      <c r="M13039" t="s">
        <v>87</v>
      </c>
      <c r="N13039" t="s">
        <v>88</v>
      </c>
      <c r="O13039" t="s">
        <v>85</v>
      </c>
      <c r="P13039" t="s">
        <v>86</v>
      </c>
      <c r="Q13039">
        <v>21</v>
      </c>
      <c r="R13039">
        <v>21</v>
      </c>
      <c r="S13039">
        <v>21</v>
      </c>
      <c r="T13039">
        <v>21</v>
      </c>
      <c r="U13039">
        <v>21</v>
      </c>
      <c r="V13039">
        <v>21</v>
      </c>
      <c r="W13039">
        <v>21</v>
      </c>
      <c r="X13039">
        <v>22</v>
      </c>
      <c r="Y13039">
        <v>22</v>
      </c>
      <c r="Z13039">
        <v>22</v>
      </c>
      <c r="AA13039">
        <v>22</v>
      </c>
      <c r="AB13039">
        <v>22</v>
      </c>
      <c r="AC13039">
        <v>22</v>
      </c>
      <c r="AD13039">
        <v>22</v>
      </c>
      <c r="AE13039">
        <v>22</v>
      </c>
      <c r="AF13039">
        <v>22</v>
      </c>
      <c r="AG13039">
        <v>22</v>
      </c>
      <c r="AH13039">
        <v>22</v>
      </c>
      <c r="AI13039">
        <v>22</v>
      </c>
      <c r="AJ13039">
        <v>22</v>
      </c>
      <c r="AK13039">
        <v>22</v>
      </c>
      <c r="AL13039">
        <v>22</v>
      </c>
      <c r="AM13039">
        <v>22</v>
      </c>
      <c r="AN13039">
        <v>22</v>
      </c>
      <c r="AO13039">
        <v>22</v>
      </c>
      <c r="AP13039">
        <v>22</v>
      </c>
      <c r="AQ13039">
        <v>22</v>
      </c>
    </row>
    <row r="13040" spans="1:43">
      <c r="A13040" t="s">
        <v>8098</v>
      </c>
      <c r="B13040" t="s">
        <v>8099</v>
      </c>
      <c r="C13040" t="s">
        <v>8100</v>
      </c>
      <c r="D13040" t="s">
        <v>8101</v>
      </c>
      <c r="E13040" t="s">
        <v>8022</v>
      </c>
      <c r="F13040" t="s">
        <v>8023</v>
      </c>
      <c r="G13040" t="s">
        <v>80</v>
      </c>
      <c r="H13040" t="s">
        <v>81</v>
      </c>
      <c r="I13040" s="2">
        <v>0</v>
      </c>
      <c r="J13040" s="2">
        <v>0</v>
      </c>
      <c r="K13040" s="2">
        <v>1</v>
      </c>
      <c r="L13040" t="s">
        <v>995</v>
      </c>
      <c r="M13040" t="s">
        <v>89</v>
      </c>
      <c r="N13040" t="s">
        <v>90</v>
      </c>
      <c r="O13040" t="s">
        <v>85</v>
      </c>
      <c r="P13040" t="s">
        <v>86</v>
      </c>
      <c r="Q13040">
        <v>21</v>
      </c>
      <c r="R13040">
        <v>22</v>
      </c>
      <c r="S13040">
        <v>22</v>
      </c>
      <c r="T13040">
        <v>23</v>
      </c>
      <c r="U13040">
        <v>23</v>
      </c>
      <c r="V13040">
        <v>24</v>
      </c>
      <c r="W13040">
        <v>24</v>
      </c>
      <c r="X13040">
        <v>24</v>
      </c>
      <c r="Y13040">
        <v>25</v>
      </c>
      <c r="Z13040">
        <v>25</v>
      </c>
      <c r="AA13040">
        <v>26</v>
      </c>
      <c r="AB13040">
        <v>26</v>
      </c>
      <c r="AC13040">
        <v>26</v>
      </c>
      <c r="AD13040">
        <v>27</v>
      </c>
      <c r="AE13040">
        <v>27</v>
      </c>
      <c r="AF13040">
        <v>27</v>
      </c>
      <c r="AG13040">
        <v>27</v>
      </c>
      <c r="AH13040">
        <v>27</v>
      </c>
      <c r="AI13040">
        <v>27</v>
      </c>
      <c r="AJ13040">
        <v>26</v>
      </c>
      <c r="AK13040">
        <v>26</v>
      </c>
      <c r="AL13040">
        <v>26</v>
      </c>
      <c r="AM13040">
        <v>26</v>
      </c>
      <c r="AN13040">
        <v>26</v>
      </c>
      <c r="AO13040">
        <v>26</v>
      </c>
      <c r="AP13040">
        <v>26</v>
      </c>
      <c r="AQ13040">
        <v>26</v>
      </c>
    </row>
    <row r="13041" spans="1:43">
      <c r="A13041" t="s">
        <v>8098</v>
      </c>
      <c r="B13041" t="s">
        <v>8099</v>
      </c>
      <c r="C13041" t="s">
        <v>8100</v>
      </c>
      <c r="D13041" t="s">
        <v>8101</v>
      </c>
      <c r="E13041" t="s">
        <v>8022</v>
      </c>
      <c r="F13041" t="s">
        <v>8023</v>
      </c>
      <c r="G13041" t="s">
        <v>80</v>
      </c>
      <c r="H13041" t="s">
        <v>81</v>
      </c>
      <c r="I13041" s="2">
        <v>0</v>
      </c>
      <c r="J13041" s="2">
        <v>0</v>
      </c>
      <c r="K13041" s="2">
        <v>1</v>
      </c>
      <c r="L13041" t="s">
        <v>995</v>
      </c>
      <c r="M13041" t="s">
        <v>83</v>
      </c>
      <c r="N13041" t="s">
        <v>91</v>
      </c>
      <c r="O13041" t="s">
        <v>85</v>
      </c>
      <c r="P13041" t="s">
        <v>86</v>
      </c>
      <c r="Q13041">
        <v>21</v>
      </c>
      <c r="R13041">
        <v>21</v>
      </c>
      <c r="S13041">
        <v>22</v>
      </c>
      <c r="T13041">
        <v>22</v>
      </c>
      <c r="U13041">
        <v>22</v>
      </c>
      <c r="V13041">
        <v>23</v>
      </c>
      <c r="W13041">
        <v>23</v>
      </c>
      <c r="X13041">
        <v>23</v>
      </c>
      <c r="Y13041">
        <v>23</v>
      </c>
      <c r="Z13041">
        <v>24</v>
      </c>
      <c r="AA13041">
        <v>24</v>
      </c>
      <c r="AB13041">
        <v>24</v>
      </c>
      <c r="AC13041">
        <v>24</v>
      </c>
      <c r="AD13041">
        <v>25</v>
      </c>
      <c r="AE13041">
        <v>25</v>
      </c>
      <c r="AF13041">
        <v>25</v>
      </c>
      <c r="AG13041">
        <v>25</v>
      </c>
      <c r="AH13041">
        <v>26</v>
      </c>
      <c r="AI13041">
        <v>26</v>
      </c>
      <c r="AJ13041">
        <v>26</v>
      </c>
      <c r="AK13041">
        <v>26</v>
      </c>
      <c r="AL13041">
        <v>26</v>
      </c>
      <c r="AM13041">
        <v>26</v>
      </c>
      <c r="AN13041">
        <v>26</v>
      </c>
      <c r="AO13041">
        <v>26</v>
      </c>
      <c r="AP13041">
        <v>26</v>
      </c>
      <c r="AQ13041">
        <v>26</v>
      </c>
    </row>
    <row r="13042" spans="1:43">
      <c r="A13042" t="s">
        <v>8102</v>
      </c>
      <c r="B13042" t="s">
        <v>8103</v>
      </c>
      <c r="C13042" t="s">
        <v>8100</v>
      </c>
      <c r="D13042" t="s">
        <v>8101</v>
      </c>
      <c r="E13042" t="s">
        <v>8022</v>
      </c>
      <c r="F13042" t="s">
        <v>8023</v>
      </c>
      <c r="G13042" t="s">
        <v>80</v>
      </c>
      <c r="H13042" t="s">
        <v>81</v>
      </c>
      <c r="I13042" s="2">
        <v>0</v>
      </c>
      <c r="J13042" s="2">
        <v>0</v>
      </c>
      <c r="K13042" s="2">
        <v>1</v>
      </c>
      <c r="L13042" t="s">
        <v>995</v>
      </c>
      <c r="M13042" t="s">
        <v>83</v>
      </c>
      <c r="N13042" t="s">
        <v>84</v>
      </c>
      <c r="O13042" t="s">
        <v>85</v>
      </c>
      <c r="P13042" t="s">
        <v>86</v>
      </c>
      <c r="Q13042">
        <v>21</v>
      </c>
      <c r="R13042">
        <v>22</v>
      </c>
      <c r="S13042">
        <v>22</v>
      </c>
      <c r="T13042">
        <v>22</v>
      </c>
      <c r="U13042">
        <v>23</v>
      </c>
      <c r="V13042">
        <v>23</v>
      </c>
      <c r="W13042">
        <v>23</v>
      </c>
      <c r="X13042">
        <v>24</v>
      </c>
      <c r="Y13042">
        <v>24</v>
      </c>
      <c r="Z13042">
        <v>24</v>
      </c>
      <c r="AA13042">
        <v>25</v>
      </c>
      <c r="AB13042">
        <v>25</v>
      </c>
      <c r="AC13042">
        <v>25</v>
      </c>
      <c r="AD13042">
        <v>25</v>
      </c>
      <c r="AE13042">
        <v>26</v>
      </c>
      <c r="AF13042">
        <v>26</v>
      </c>
      <c r="AG13042">
        <v>26</v>
      </c>
      <c r="AH13042">
        <v>26</v>
      </c>
      <c r="AI13042">
        <v>27</v>
      </c>
      <c r="AJ13042">
        <v>27</v>
      </c>
      <c r="AK13042">
        <v>27</v>
      </c>
      <c r="AL13042">
        <v>27</v>
      </c>
      <c r="AM13042">
        <v>27</v>
      </c>
      <c r="AN13042">
        <v>27</v>
      </c>
      <c r="AO13042">
        <v>27</v>
      </c>
      <c r="AP13042">
        <v>27</v>
      </c>
      <c r="AQ13042">
        <v>27</v>
      </c>
    </row>
    <row r="13043" spans="1:43">
      <c r="A13043" t="s">
        <v>8102</v>
      </c>
      <c r="B13043" t="s">
        <v>8103</v>
      </c>
      <c r="C13043" t="s">
        <v>8100</v>
      </c>
      <c r="D13043" t="s">
        <v>8101</v>
      </c>
      <c r="E13043" t="s">
        <v>8022</v>
      </c>
      <c r="F13043" t="s">
        <v>8023</v>
      </c>
      <c r="G13043" t="s">
        <v>80</v>
      </c>
      <c r="H13043" t="s">
        <v>81</v>
      </c>
      <c r="I13043" s="2">
        <v>0</v>
      </c>
      <c r="J13043" s="2">
        <v>0</v>
      </c>
      <c r="K13043" s="2">
        <v>1</v>
      </c>
      <c r="L13043" t="s">
        <v>995</v>
      </c>
      <c r="M13043" t="s">
        <v>87</v>
      </c>
      <c r="N13043" t="s">
        <v>88</v>
      </c>
      <c r="O13043" t="s">
        <v>85</v>
      </c>
      <c r="P13043" t="s">
        <v>86</v>
      </c>
      <c r="Q13043">
        <v>21</v>
      </c>
      <c r="R13043">
        <v>21</v>
      </c>
      <c r="S13043">
        <v>22</v>
      </c>
      <c r="T13043">
        <v>22</v>
      </c>
      <c r="U13043">
        <v>22</v>
      </c>
      <c r="V13043">
        <v>22</v>
      </c>
      <c r="W13043">
        <v>22</v>
      </c>
      <c r="X13043">
        <v>22</v>
      </c>
      <c r="Y13043">
        <v>22</v>
      </c>
      <c r="Z13043">
        <v>22</v>
      </c>
      <c r="AA13043">
        <v>22</v>
      </c>
      <c r="AB13043">
        <v>22</v>
      </c>
      <c r="AC13043">
        <v>23</v>
      </c>
      <c r="AD13043">
        <v>23</v>
      </c>
      <c r="AE13043">
        <v>23</v>
      </c>
      <c r="AF13043">
        <v>23</v>
      </c>
      <c r="AG13043">
        <v>23</v>
      </c>
      <c r="AH13043">
        <v>23</v>
      </c>
      <c r="AI13043">
        <v>23</v>
      </c>
      <c r="AJ13043">
        <v>23</v>
      </c>
      <c r="AK13043">
        <v>23</v>
      </c>
      <c r="AL13043">
        <v>23</v>
      </c>
      <c r="AM13043">
        <v>23</v>
      </c>
      <c r="AN13043">
        <v>23</v>
      </c>
      <c r="AO13043">
        <v>23</v>
      </c>
      <c r="AP13043">
        <v>23</v>
      </c>
      <c r="AQ13043">
        <v>23</v>
      </c>
    </row>
    <row r="13044" spans="1:43">
      <c r="A13044" t="s">
        <v>8102</v>
      </c>
      <c r="B13044" t="s">
        <v>8103</v>
      </c>
      <c r="C13044" t="s">
        <v>8100</v>
      </c>
      <c r="D13044" t="s">
        <v>8101</v>
      </c>
      <c r="E13044" t="s">
        <v>8022</v>
      </c>
      <c r="F13044" t="s">
        <v>8023</v>
      </c>
      <c r="G13044" t="s">
        <v>80</v>
      </c>
      <c r="H13044" t="s">
        <v>81</v>
      </c>
      <c r="I13044" s="2">
        <v>0</v>
      </c>
      <c r="J13044" s="2">
        <v>0</v>
      </c>
      <c r="K13044" s="2">
        <v>1</v>
      </c>
      <c r="L13044" t="s">
        <v>995</v>
      </c>
      <c r="M13044" t="s">
        <v>89</v>
      </c>
      <c r="N13044" t="s">
        <v>90</v>
      </c>
      <c r="O13044" t="s">
        <v>85</v>
      </c>
      <c r="P13044" t="s">
        <v>86</v>
      </c>
      <c r="Q13044">
        <v>21</v>
      </c>
      <c r="R13044">
        <v>21</v>
      </c>
      <c r="S13044">
        <v>22</v>
      </c>
      <c r="T13044">
        <v>22</v>
      </c>
      <c r="U13044">
        <v>23</v>
      </c>
      <c r="V13044">
        <v>23</v>
      </c>
      <c r="W13044">
        <v>24</v>
      </c>
      <c r="X13044">
        <v>24</v>
      </c>
      <c r="Y13044">
        <v>24</v>
      </c>
      <c r="Z13044">
        <v>25</v>
      </c>
      <c r="AA13044">
        <v>25</v>
      </c>
      <c r="AB13044">
        <v>26</v>
      </c>
      <c r="AC13044">
        <v>26</v>
      </c>
      <c r="AD13044">
        <v>26</v>
      </c>
      <c r="AE13044">
        <v>26</v>
      </c>
      <c r="AF13044">
        <v>26</v>
      </c>
      <c r="AG13044">
        <v>26</v>
      </c>
      <c r="AH13044">
        <v>26</v>
      </c>
      <c r="AI13044">
        <v>26</v>
      </c>
      <c r="AJ13044">
        <v>26</v>
      </c>
      <c r="AK13044">
        <v>26</v>
      </c>
      <c r="AL13044">
        <v>26</v>
      </c>
      <c r="AM13044">
        <v>26</v>
      </c>
      <c r="AN13044">
        <v>26</v>
      </c>
      <c r="AO13044">
        <v>26</v>
      </c>
      <c r="AP13044">
        <v>26</v>
      </c>
      <c r="AQ13044">
        <v>26</v>
      </c>
    </row>
    <row r="13045" spans="1:43">
      <c r="A13045" t="s">
        <v>8102</v>
      </c>
      <c r="B13045" t="s">
        <v>8103</v>
      </c>
      <c r="C13045" t="s">
        <v>8100</v>
      </c>
      <c r="D13045" t="s">
        <v>8101</v>
      </c>
      <c r="E13045" t="s">
        <v>8022</v>
      </c>
      <c r="F13045" t="s">
        <v>8023</v>
      </c>
      <c r="G13045" t="s">
        <v>80</v>
      </c>
      <c r="H13045" t="s">
        <v>81</v>
      </c>
      <c r="I13045" s="2">
        <v>0</v>
      </c>
      <c r="J13045" s="2">
        <v>0</v>
      </c>
      <c r="K13045" s="2">
        <v>1</v>
      </c>
      <c r="L13045" t="s">
        <v>995</v>
      </c>
      <c r="M13045" t="s">
        <v>83</v>
      </c>
      <c r="N13045" t="s">
        <v>91</v>
      </c>
      <c r="O13045" t="s">
        <v>85</v>
      </c>
      <c r="P13045" t="s">
        <v>86</v>
      </c>
      <c r="Q13045">
        <v>21</v>
      </c>
      <c r="R13045">
        <v>22</v>
      </c>
      <c r="S13045">
        <v>22</v>
      </c>
      <c r="T13045">
        <v>22</v>
      </c>
      <c r="U13045">
        <v>23</v>
      </c>
      <c r="V13045">
        <v>23</v>
      </c>
      <c r="W13045">
        <v>23</v>
      </c>
      <c r="X13045">
        <v>24</v>
      </c>
      <c r="Y13045">
        <v>24</v>
      </c>
      <c r="Z13045">
        <v>24</v>
      </c>
      <c r="AA13045">
        <v>25</v>
      </c>
      <c r="AB13045">
        <v>25</v>
      </c>
      <c r="AC13045">
        <v>25</v>
      </c>
      <c r="AD13045">
        <v>25</v>
      </c>
      <c r="AE13045">
        <v>26</v>
      </c>
      <c r="AF13045">
        <v>26</v>
      </c>
      <c r="AG13045">
        <v>26</v>
      </c>
      <c r="AH13045">
        <v>26</v>
      </c>
      <c r="AI13045">
        <v>27</v>
      </c>
      <c r="AJ13045">
        <v>27</v>
      </c>
      <c r="AK13045">
        <v>27</v>
      </c>
      <c r="AL13045">
        <v>27</v>
      </c>
      <c r="AM13045">
        <v>27</v>
      </c>
      <c r="AN13045">
        <v>27</v>
      </c>
      <c r="AO13045">
        <v>27</v>
      </c>
      <c r="AP13045">
        <v>27</v>
      </c>
      <c r="AQ13045">
        <v>27</v>
      </c>
    </row>
    <row r="13046" spans="1:43">
      <c r="A13046" t="s">
        <v>8104</v>
      </c>
      <c r="B13046" t="s">
        <v>8105</v>
      </c>
      <c r="C13046" t="s">
        <v>8100</v>
      </c>
      <c r="D13046" t="s">
        <v>8101</v>
      </c>
      <c r="E13046" t="s">
        <v>8022</v>
      </c>
      <c r="F13046" t="s">
        <v>8023</v>
      </c>
      <c r="G13046" t="s">
        <v>80</v>
      </c>
      <c r="H13046" t="s">
        <v>81</v>
      </c>
      <c r="I13046" s="2">
        <v>0</v>
      </c>
      <c r="J13046" s="2">
        <v>0</v>
      </c>
      <c r="K13046" s="2">
        <v>1</v>
      </c>
      <c r="L13046" t="s">
        <v>995</v>
      </c>
      <c r="M13046" t="s">
        <v>83</v>
      </c>
      <c r="N13046" t="s">
        <v>84</v>
      </c>
      <c r="O13046" t="s">
        <v>85</v>
      </c>
      <c r="P13046" t="s">
        <v>86</v>
      </c>
      <c r="Q13046">
        <v>29</v>
      </c>
      <c r="R13046">
        <v>30</v>
      </c>
      <c r="S13046">
        <v>30</v>
      </c>
      <c r="T13046">
        <v>31</v>
      </c>
      <c r="U13046">
        <v>31</v>
      </c>
      <c r="V13046">
        <v>31</v>
      </c>
      <c r="W13046">
        <v>32</v>
      </c>
      <c r="X13046">
        <v>32</v>
      </c>
      <c r="Y13046">
        <v>33</v>
      </c>
      <c r="Z13046">
        <v>33</v>
      </c>
      <c r="AA13046">
        <v>33</v>
      </c>
      <c r="AB13046">
        <v>34</v>
      </c>
      <c r="AC13046">
        <v>34</v>
      </c>
      <c r="AD13046">
        <v>34</v>
      </c>
      <c r="AE13046">
        <v>35</v>
      </c>
      <c r="AF13046">
        <v>35</v>
      </c>
      <c r="AG13046">
        <v>35</v>
      </c>
      <c r="AH13046">
        <v>36</v>
      </c>
      <c r="AI13046">
        <v>36</v>
      </c>
      <c r="AJ13046">
        <v>36</v>
      </c>
      <c r="AK13046">
        <v>37</v>
      </c>
      <c r="AL13046">
        <v>37</v>
      </c>
      <c r="AM13046">
        <v>37</v>
      </c>
      <c r="AN13046">
        <v>37</v>
      </c>
      <c r="AO13046">
        <v>36</v>
      </c>
      <c r="AP13046">
        <v>36</v>
      </c>
      <c r="AQ13046">
        <v>36</v>
      </c>
    </row>
    <row r="13047" spans="1:43">
      <c r="A13047" t="s">
        <v>8104</v>
      </c>
      <c r="B13047" t="s">
        <v>8105</v>
      </c>
      <c r="C13047" t="s">
        <v>8100</v>
      </c>
      <c r="D13047" t="s">
        <v>8101</v>
      </c>
      <c r="E13047" t="s">
        <v>8022</v>
      </c>
      <c r="F13047" t="s">
        <v>8023</v>
      </c>
      <c r="G13047" t="s">
        <v>80</v>
      </c>
      <c r="H13047" t="s">
        <v>81</v>
      </c>
      <c r="I13047" s="2">
        <v>0</v>
      </c>
      <c r="J13047" s="2">
        <v>0</v>
      </c>
      <c r="K13047" s="2">
        <v>1</v>
      </c>
      <c r="L13047" t="s">
        <v>995</v>
      </c>
      <c r="M13047" t="s">
        <v>87</v>
      </c>
      <c r="N13047" t="s">
        <v>88</v>
      </c>
      <c r="O13047" t="s">
        <v>85</v>
      </c>
      <c r="P13047" t="s">
        <v>86</v>
      </c>
      <c r="Q13047">
        <v>29</v>
      </c>
      <c r="R13047">
        <v>29</v>
      </c>
      <c r="S13047">
        <v>29</v>
      </c>
      <c r="T13047">
        <v>29</v>
      </c>
      <c r="U13047">
        <v>30</v>
      </c>
      <c r="V13047">
        <v>30</v>
      </c>
      <c r="W13047">
        <v>30</v>
      </c>
      <c r="X13047">
        <v>30</v>
      </c>
      <c r="Y13047">
        <v>30</v>
      </c>
      <c r="Z13047">
        <v>30</v>
      </c>
      <c r="AA13047">
        <v>30</v>
      </c>
      <c r="AB13047">
        <v>30</v>
      </c>
      <c r="AC13047">
        <v>31</v>
      </c>
      <c r="AD13047">
        <v>31</v>
      </c>
      <c r="AE13047">
        <v>31</v>
      </c>
      <c r="AF13047">
        <v>31</v>
      </c>
      <c r="AG13047">
        <v>31</v>
      </c>
      <c r="AH13047">
        <v>31</v>
      </c>
      <c r="AI13047">
        <v>31</v>
      </c>
      <c r="AJ13047">
        <v>31</v>
      </c>
      <c r="AK13047">
        <v>31</v>
      </c>
      <c r="AL13047">
        <v>31</v>
      </c>
      <c r="AM13047">
        <v>31</v>
      </c>
      <c r="AN13047">
        <v>31</v>
      </c>
      <c r="AO13047">
        <v>31</v>
      </c>
      <c r="AP13047">
        <v>31</v>
      </c>
      <c r="AQ13047">
        <v>31</v>
      </c>
    </row>
    <row r="13048" spans="1:43">
      <c r="A13048" t="s">
        <v>8104</v>
      </c>
      <c r="B13048" t="s">
        <v>8105</v>
      </c>
      <c r="C13048" t="s">
        <v>8100</v>
      </c>
      <c r="D13048" t="s">
        <v>8101</v>
      </c>
      <c r="E13048" t="s">
        <v>8022</v>
      </c>
      <c r="F13048" t="s">
        <v>8023</v>
      </c>
      <c r="G13048" t="s">
        <v>80</v>
      </c>
      <c r="H13048" t="s">
        <v>81</v>
      </c>
      <c r="I13048" s="2">
        <v>0</v>
      </c>
      <c r="J13048" s="2">
        <v>0</v>
      </c>
      <c r="K13048" s="2">
        <v>1</v>
      </c>
      <c r="L13048" t="s">
        <v>995</v>
      </c>
      <c r="M13048" t="s">
        <v>89</v>
      </c>
      <c r="N13048" t="s">
        <v>90</v>
      </c>
      <c r="O13048" t="s">
        <v>85</v>
      </c>
      <c r="P13048" t="s">
        <v>86</v>
      </c>
      <c r="Q13048">
        <v>29</v>
      </c>
      <c r="R13048">
        <v>29</v>
      </c>
      <c r="S13048">
        <v>30</v>
      </c>
      <c r="T13048">
        <v>31</v>
      </c>
      <c r="U13048">
        <v>31</v>
      </c>
      <c r="V13048">
        <v>32</v>
      </c>
      <c r="W13048">
        <v>32</v>
      </c>
      <c r="X13048">
        <v>33</v>
      </c>
      <c r="Y13048">
        <v>33</v>
      </c>
      <c r="Z13048">
        <v>34</v>
      </c>
      <c r="AA13048">
        <v>35</v>
      </c>
      <c r="AB13048">
        <v>35</v>
      </c>
      <c r="AC13048">
        <v>36</v>
      </c>
      <c r="AD13048">
        <v>36</v>
      </c>
      <c r="AE13048">
        <v>36</v>
      </c>
      <c r="AF13048">
        <v>36</v>
      </c>
      <c r="AG13048">
        <v>36</v>
      </c>
      <c r="AH13048">
        <v>36</v>
      </c>
      <c r="AI13048">
        <v>36</v>
      </c>
      <c r="AJ13048">
        <v>36</v>
      </c>
      <c r="AK13048">
        <v>36</v>
      </c>
      <c r="AL13048">
        <v>36</v>
      </c>
      <c r="AM13048">
        <v>36</v>
      </c>
      <c r="AN13048">
        <v>36</v>
      </c>
      <c r="AO13048">
        <v>36</v>
      </c>
      <c r="AP13048">
        <v>36</v>
      </c>
      <c r="AQ13048">
        <v>36</v>
      </c>
    </row>
    <row r="13049" spans="1:43">
      <c r="A13049" t="s">
        <v>8104</v>
      </c>
      <c r="B13049" t="s">
        <v>8105</v>
      </c>
      <c r="C13049" t="s">
        <v>8100</v>
      </c>
      <c r="D13049" t="s">
        <v>8101</v>
      </c>
      <c r="E13049" t="s">
        <v>8022</v>
      </c>
      <c r="F13049" t="s">
        <v>8023</v>
      </c>
      <c r="G13049" t="s">
        <v>80</v>
      </c>
      <c r="H13049" t="s">
        <v>81</v>
      </c>
      <c r="I13049" s="2">
        <v>0</v>
      </c>
      <c r="J13049" s="2">
        <v>0</v>
      </c>
      <c r="K13049" s="2">
        <v>1</v>
      </c>
      <c r="L13049" t="s">
        <v>995</v>
      </c>
      <c r="M13049" t="s">
        <v>83</v>
      </c>
      <c r="N13049" t="s">
        <v>91</v>
      </c>
      <c r="O13049" t="s">
        <v>85</v>
      </c>
      <c r="P13049" t="s">
        <v>86</v>
      </c>
      <c r="Q13049">
        <v>29</v>
      </c>
      <c r="R13049">
        <v>30</v>
      </c>
      <c r="S13049">
        <v>30</v>
      </c>
      <c r="T13049">
        <v>31</v>
      </c>
      <c r="U13049">
        <v>31</v>
      </c>
      <c r="V13049">
        <v>31</v>
      </c>
      <c r="W13049">
        <v>32</v>
      </c>
      <c r="X13049">
        <v>32</v>
      </c>
      <c r="Y13049">
        <v>33</v>
      </c>
      <c r="Z13049">
        <v>33</v>
      </c>
      <c r="AA13049">
        <v>33</v>
      </c>
      <c r="AB13049">
        <v>34</v>
      </c>
      <c r="AC13049">
        <v>34</v>
      </c>
      <c r="AD13049">
        <v>34</v>
      </c>
      <c r="AE13049">
        <v>35</v>
      </c>
      <c r="AF13049">
        <v>35</v>
      </c>
      <c r="AG13049">
        <v>35</v>
      </c>
      <c r="AH13049">
        <v>36</v>
      </c>
      <c r="AI13049">
        <v>36</v>
      </c>
      <c r="AJ13049">
        <v>36</v>
      </c>
      <c r="AK13049">
        <v>37</v>
      </c>
      <c r="AL13049">
        <v>37</v>
      </c>
      <c r="AM13049">
        <v>37</v>
      </c>
      <c r="AN13049">
        <v>37</v>
      </c>
      <c r="AO13049">
        <v>36</v>
      </c>
      <c r="AP13049">
        <v>36</v>
      </c>
      <c r="AQ13049">
        <v>36</v>
      </c>
    </row>
    <row r="13050" spans="1:43">
      <c r="A13050" t="s">
        <v>8106</v>
      </c>
      <c r="B13050" t="s">
        <v>8107</v>
      </c>
      <c r="C13050" t="s">
        <v>8100</v>
      </c>
      <c r="D13050" t="s">
        <v>8101</v>
      </c>
      <c r="E13050" t="s">
        <v>8022</v>
      </c>
      <c r="F13050" t="s">
        <v>8023</v>
      </c>
      <c r="G13050" t="s">
        <v>80</v>
      </c>
      <c r="H13050" t="s">
        <v>81</v>
      </c>
      <c r="I13050" s="2">
        <v>0</v>
      </c>
      <c r="J13050" s="2">
        <v>0</v>
      </c>
      <c r="K13050" s="2">
        <v>0.44</v>
      </c>
      <c r="L13050" t="s">
        <v>995</v>
      </c>
      <c r="M13050" t="s">
        <v>83</v>
      </c>
      <c r="N13050" t="s">
        <v>84</v>
      </c>
      <c r="O13050" t="s">
        <v>85</v>
      </c>
      <c r="P13050" t="s">
        <v>86</v>
      </c>
      <c r="Q13050">
        <v>3</v>
      </c>
      <c r="R13050">
        <v>3</v>
      </c>
      <c r="S13050">
        <v>3</v>
      </c>
      <c r="T13050">
        <v>3</v>
      </c>
      <c r="U13050">
        <v>3</v>
      </c>
      <c r="V13050">
        <v>3</v>
      </c>
      <c r="W13050">
        <v>3</v>
      </c>
      <c r="X13050">
        <v>3</v>
      </c>
      <c r="Y13050">
        <v>3</v>
      </c>
      <c r="Z13050">
        <v>3</v>
      </c>
      <c r="AA13050">
        <v>3</v>
      </c>
      <c r="AB13050">
        <v>3</v>
      </c>
      <c r="AC13050">
        <v>4</v>
      </c>
      <c r="AD13050">
        <v>4</v>
      </c>
      <c r="AE13050">
        <v>4</v>
      </c>
      <c r="AF13050">
        <v>4</v>
      </c>
      <c r="AG13050">
        <v>4</v>
      </c>
      <c r="AH13050">
        <v>4</v>
      </c>
      <c r="AI13050">
        <v>4</v>
      </c>
      <c r="AJ13050">
        <v>4</v>
      </c>
      <c r="AK13050">
        <v>4</v>
      </c>
      <c r="AL13050">
        <v>4</v>
      </c>
      <c r="AM13050">
        <v>4</v>
      </c>
      <c r="AN13050">
        <v>4</v>
      </c>
      <c r="AO13050">
        <v>4</v>
      </c>
      <c r="AP13050">
        <v>4</v>
      </c>
      <c r="AQ13050">
        <v>4</v>
      </c>
    </row>
    <row r="13051" spans="1:43">
      <c r="A13051" t="s">
        <v>8106</v>
      </c>
      <c r="B13051" t="s">
        <v>8107</v>
      </c>
      <c r="C13051" t="s">
        <v>8100</v>
      </c>
      <c r="D13051" t="s">
        <v>8101</v>
      </c>
      <c r="E13051" t="s">
        <v>8022</v>
      </c>
      <c r="F13051" t="s">
        <v>8023</v>
      </c>
      <c r="G13051" t="s">
        <v>80</v>
      </c>
      <c r="H13051" t="s">
        <v>81</v>
      </c>
      <c r="I13051" s="2">
        <v>0</v>
      </c>
      <c r="J13051" s="2">
        <v>0</v>
      </c>
      <c r="K13051" s="2">
        <v>0.44</v>
      </c>
      <c r="L13051" t="s">
        <v>995</v>
      </c>
      <c r="M13051" t="s">
        <v>87</v>
      </c>
      <c r="N13051" t="s">
        <v>88</v>
      </c>
      <c r="O13051" t="s">
        <v>85</v>
      </c>
      <c r="P13051" t="s">
        <v>86</v>
      </c>
      <c r="Q13051">
        <v>3</v>
      </c>
      <c r="R13051">
        <v>3</v>
      </c>
      <c r="S13051">
        <v>3</v>
      </c>
      <c r="T13051">
        <v>3</v>
      </c>
      <c r="U13051">
        <v>3</v>
      </c>
      <c r="V13051">
        <v>3</v>
      </c>
      <c r="W13051">
        <v>3</v>
      </c>
      <c r="X13051">
        <v>3</v>
      </c>
      <c r="Y13051">
        <v>3</v>
      </c>
      <c r="Z13051">
        <v>3</v>
      </c>
      <c r="AA13051">
        <v>3</v>
      </c>
      <c r="AB13051">
        <v>3</v>
      </c>
      <c r="AC13051">
        <v>3</v>
      </c>
      <c r="AD13051">
        <v>3</v>
      </c>
      <c r="AE13051">
        <v>3</v>
      </c>
      <c r="AF13051">
        <v>3</v>
      </c>
      <c r="AG13051">
        <v>3</v>
      </c>
      <c r="AH13051">
        <v>3</v>
      </c>
      <c r="AI13051">
        <v>3</v>
      </c>
      <c r="AJ13051">
        <v>3</v>
      </c>
      <c r="AK13051">
        <v>3</v>
      </c>
      <c r="AL13051">
        <v>3</v>
      </c>
      <c r="AM13051">
        <v>3</v>
      </c>
      <c r="AN13051">
        <v>3</v>
      </c>
      <c r="AO13051">
        <v>3</v>
      </c>
      <c r="AP13051">
        <v>3</v>
      </c>
      <c r="AQ13051">
        <v>3</v>
      </c>
    </row>
    <row r="13052" spans="1:43">
      <c r="A13052" t="s">
        <v>8106</v>
      </c>
      <c r="B13052" t="s">
        <v>8107</v>
      </c>
      <c r="C13052" t="s">
        <v>8100</v>
      </c>
      <c r="D13052" t="s">
        <v>8101</v>
      </c>
      <c r="E13052" t="s">
        <v>8022</v>
      </c>
      <c r="F13052" t="s">
        <v>8023</v>
      </c>
      <c r="G13052" t="s">
        <v>80</v>
      </c>
      <c r="H13052" t="s">
        <v>81</v>
      </c>
      <c r="I13052" s="2">
        <v>0</v>
      </c>
      <c r="J13052" s="2">
        <v>0</v>
      </c>
      <c r="K13052" s="2">
        <v>0.44</v>
      </c>
      <c r="L13052" t="s">
        <v>995</v>
      </c>
      <c r="M13052" t="s">
        <v>89</v>
      </c>
      <c r="N13052" t="s">
        <v>90</v>
      </c>
      <c r="O13052" t="s">
        <v>85</v>
      </c>
      <c r="P13052" t="s">
        <v>86</v>
      </c>
      <c r="Q13052">
        <v>3</v>
      </c>
      <c r="R13052">
        <v>3</v>
      </c>
      <c r="S13052">
        <v>3</v>
      </c>
      <c r="T13052">
        <v>3</v>
      </c>
      <c r="U13052">
        <v>3</v>
      </c>
      <c r="V13052">
        <v>3</v>
      </c>
      <c r="W13052">
        <v>3</v>
      </c>
      <c r="X13052">
        <v>4</v>
      </c>
      <c r="Y13052">
        <v>4</v>
      </c>
      <c r="Z13052">
        <v>4</v>
      </c>
      <c r="AA13052">
        <v>4</v>
      </c>
      <c r="AB13052">
        <v>4</v>
      </c>
      <c r="AC13052">
        <v>4</v>
      </c>
      <c r="AD13052">
        <v>4</v>
      </c>
      <c r="AE13052">
        <v>4</v>
      </c>
      <c r="AF13052">
        <v>4</v>
      </c>
      <c r="AG13052">
        <v>4</v>
      </c>
      <c r="AH13052">
        <v>4</v>
      </c>
      <c r="AI13052">
        <v>4</v>
      </c>
      <c r="AJ13052">
        <v>4</v>
      </c>
      <c r="AK13052">
        <v>4</v>
      </c>
      <c r="AL13052">
        <v>4</v>
      </c>
      <c r="AM13052">
        <v>4</v>
      </c>
      <c r="AN13052">
        <v>4</v>
      </c>
      <c r="AO13052">
        <v>4</v>
      </c>
      <c r="AP13052">
        <v>4</v>
      </c>
      <c r="AQ13052">
        <v>4</v>
      </c>
    </row>
    <row r="13053" spans="1:43">
      <c r="A13053" t="s">
        <v>8106</v>
      </c>
      <c r="B13053" t="s">
        <v>8107</v>
      </c>
      <c r="C13053" t="s">
        <v>8100</v>
      </c>
      <c r="D13053" t="s">
        <v>8101</v>
      </c>
      <c r="E13053" t="s">
        <v>8022</v>
      </c>
      <c r="F13053" t="s">
        <v>8023</v>
      </c>
      <c r="G13053" t="s">
        <v>80</v>
      </c>
      <c r="H13053" t="s">
        <v>81</v>
      </c>
      <c r="I13053" s="2">
        <v>0</v>
      </c>
      <c r="J13053" s="2">
        <v>0</v>
      </c>
      <c r="K13053" s="2">
        <v>0.44</v>
      </c>
      <c r="L13053" t="s">
        <v>995</v>
      </c>
      <c r="M13053" t="s">
        <v>83</v>
      </c>
      <c r="N13053" t="s">
        <v>91</v>
      </c>
      <c r="O13053" t="s">
        <v>85</v>
      </c>
      <c r="P13053" t="s">
        <v>86</v>
      </c>
      <c r="Q13053">
        <v>3</v>
      </c>
      <c r="R13053">
        <v>3</v>
      </c>
      <c r="S13053">
        <v>3</v>
      </c>
      <c r="T13053">
        <v>3</v>
      </c>
      <c r="U13053">
        <v>3</v>
      </c>
      <c r="V13053">
        <v>3</v>
      </c>
      <c r="W13053">
        <v>3</v>
      </c>
      <c r="X13053">
        <v>3</v>
      </c>
      <c r="Y13053">
        <v>3</v>
      </c>
      <c r="Z13053">
        <v>3</v>
      </c>
      <c r="AA13053">
        <v>3</v>
      </c>
      <c r="AB13053">
        <v>3</v>
      </c>
      <c r="AC13053">
        <v>4</v>
      </c>
      <c r="AD13053">
        <v>4</v>
      </c>
      <c r="AE13053">
        <v>4</v>
      </c>
      <c r="AF13053">
        <v>4</v>
      </c>
      <c r="AG13053">
        <v>4</v>
      </c>
      <c r="AH13053">
        <v>4</v>
      </c>
      <c r="AI13053">
        <v>4</v>
      </c>
      <c r="AJ13053">
        <v>4</v>
      </c>
      <c r="AK13053">
        <v>4</v>
      </c>
      <c r="AL13053">
        <v>4</v>
      </c>
      <c r="AM13053">
        <v>4</v>
      </c>
      <c r="AN13053">
        <v>4</v>
      </c>
      <c r="AO13053">
        <v>4</v>
      </c>
      <c r="AP13053">
        <v>4</v>
      </c>
      <c r="AQ13053">
        <v>4</v>
      </c>
    </row>
    <row r="13054" spans="1:43">
      <c r="A13054" t="s">
        <v>8108</v>
      </c>
      <c r="B13054" t="s">
        <v>8109</v>
      </c>
      <c r="C13054" t="s">
        <v>8100</v>
      </c>
      <c r="D13054" t="s">
        <v>8101</v>
      </c>
      <c r="E13054" t="s">
        <v>8022</v>
      </c>
      <c r="F13054" t="s">
        <v>8023</v>
      </c>
      <c r="G13054" t="s">
        <v>80</v>
      </c>
      <c r="H13054" t="s">
        <v>81</v>
      </c>
      <c r="I13054" s="2">
        <v>0</v>
      </c>
      <c r="J13054" s="2">
        <v>0</v>
      </c>
      <c r="K13054" s="2">
        <v>1</v>
      </c>
      <c r="L13054" t="s">
        <v>995</v>
      </c>
      <c r="M13054" t="s">
        <v>83</v>
      </c>
      <c r="N13054" t="s">
        <v>84</v>
      </c>
      <c r="O13054" t="s">
        <v>85</v>
      </c>
      <c r="P13054" t="s">
        <v>86</v>
      </c>
      <c r="Q13054">
        <v>26</v>
      </c>
      <c r="R13054">
        <v>26</v>
      </c>
      <c r="S13054">
        <v>26</v>
      </c>
      <c r="T13054">
        <v>27</v>
      </c>
      <c r="U13054">
        <v>27</v>
      </c>
      <c r="V13054">
        <v>27</v>
      </c>
      <c r="W13054">
        <v>28</v>
      </c>
      <c r="X13054">
        <v>28</v>
      </c>
      <c r="Y13054">
        <v>28</v>
      </c>
      <c r="Z13054">
        <v>29</v>
      </c>
      <c r="AA13054">
        <v>29</v>
      </c>
      <c r="AB13054">
        <v>29</v>
      </c>
      <c r="AC13054">
        <v>30</v>
      </c>
      <c r="AD13054">
        <v>30</v>
      </c>
      <c r="AE13054">
        <v>30</v>
      </c>
      <c r="AF13054">
        <v>31</v>
      </c>
      <c r="AG13054">
        <v>31</v>
      </c>
      <c r="AH13054">
        <v>31</v>
      </c>
      <c r="AI13054">
        <v>31</v>
      </c>
      <c r="AJ13054">
        <v>32</v>
      </c>
      <c r="AK13054">
        <v>32</v>
      </c>
      <c r="AL13054">
        <v>32</v>
      </c>
      <c r="AM13054">
        <v>32</v>
      </c>
      <c r="AN13054">
        <v>32</v>
      </c>
      <c r="AO13054">
        <v>32</v>
      </c>
      <c r="AP13054">
        <v>32</v>
      </c>
      <c r="AQ13054">
        <v>31</v>
      </c>
    </row>
    <row r="13055" spans="1:43">
      <c r="A13055" t="s">
        <v>8108</v>
      </c>
      <c r="B13055" t="s">
        <v>8109</v>
      </c>
      <c r="C13055" t="s">
        <v>8100</v>
      </c>
      <c r="D13055" t="s">
        <v>8101</v>
      </c>
      <c r="E13055" t="s">
        <v>8022</v>
      </c>
      <c r="F13055" t="s">
        <v>8023</v>
      </c>
      <c r="G13055" t="s">
        <v>80</v>
      </c>
      <c r="H13055" t="s">
        <v>81</v>
      </c>
      <c r="I13055" s="2">
        <v>0</v>
      </c>
      <c r="J13055" s="2">
        <v>0</v>
      </c>
      <c r="K13055" s="2">
        <v>1</v>
      </c>
      <c r="L13055" t="s">
        <v>995</v>
      </c>
      <c r="M13055" t="s">
        <v>87</v>
      </c>
      <c r="N13055" t="s">
        <v>88</v>
      </c>
      <c r="O13055" t="s">
        <v>85</v>
      </c>
      <c r="P13055" t="s">
        <v>86</v>
      </c>
      <c r="Q13055">
        <v>26</v>
      </c>
      <c r="R13055">
        <v>27</v>
      </c>
      <c r="S13055">
        <v>27</v>
      </c>
      <c r="T13055">
        <v>27</v>
      </c>
      <c r="U13055">
        <v>27</v>
      </c>
      <c r="V13055">
        <v>27</v>
      </c>
      <c r="W13055">
        <v>27</v>
      </c>
      <c r="X13055">
        <v>27</v>
      </c>
      <c r="Y13055">
        <v>27</v>
      </c>
      <c r="Z13055">
        <v>27</v>
      </c>
      <c r="AA13055">
        <v>28</v>
      </c>
      <c r="AB13055">
        <v>28</v>
      </c>
      <c r="AC13055">
        <v>28</v>
      </c>
      <c r="AD13055">
        <v>28</v>
      </c>
      <c r="AE13055">
        <v>28</v>
      </c>
      <c r="AF13055">
        <v>28</v>
      </c>
      <c r="AG13055">
        <v>28</v>
      </c>
      <c r="AH13055">
        <v>28</v>
      </c>
      <c r="AI13055">
        <v>28</v>
      </c>
      <c r="AJ13055">
        <v>28</v>
      </c>
      <c r="AK13055">
        <v>28</v>
      </c>
      <c r="AL13055">
        <v>28</v>
      </c>
      <c r="AM13055">
        <v>28</v>
      </c>
      <c r="AN13055">
        <v>28</v>
      </c>
      <c r="AO13055">
        <v>28</v>
      </c>
      <c r="AP13055">
        <v>28</v>
      </c>
      <c r="AQ13055">
        <v>28</v>
      </c>
    </row>
    <row r="13056" spans="1:43">
      <c r="A13056" t="s">
        <v>8108</v>
      </c>
      <c r="B13056" t="s">
        <v>8109</v>
      </c>
      <c r="C13056" t="s">
        <v>8100</v>
      </c>
      <c r="D13056" t="s">
        <v>8101</v>
      </c>
      <c r="E13056" t="s">
        <v>8022</v>
      </c>
      <c r="F13056" t="s">
        <v>8023</v>
      </c>
      <c r="G13056" t="s">
        <v>80</v>
      </c>
      <c r="H13056" t="s">
        <v>81</v>
      </c>
      <c r="I13056" s="2">
        <v>0</v>
      </c>
      <c r="J13056" s="2">
        <v>0</v>
      </c>
      <c r="K13056" s="2">
        <v>1</v>
      </c>
      <c r="L13056" t="s">
        <v>995</v>
      </c>
      <c r="M13056" t="s">
        <v>89</v>
      </c>
      <c r="N13056" t="s">
        <v>90</v>
      </c>
      <c r="O13056" t="s">
        <v>85</v>
      </c>
      <c r="P13056" t="s">
        <v>86</v>
      </c>
      <c r="Q13056">
        <v>26</v>
      </c>
      <c r="R13056">
        <v>27</v>
      </c>
      <c r="S13056">
        <v>27</v>
      </c>
      <c r="T13056">
        <v>28</v>
      </c>
      <c r="U13056">
        <v>28</v>
      </c>
      <c r="V13056">
        <v>29</v>
      </c>
      <c r="W13056">
        <v>29</v>
      </c>
      <c r="X13056">
        <v>30</v>
      </c>
      <c r="Y13056">
        <v>30</v>
      </c>
      <c r="Z13056">
        <v>31</v>
      </c>
      <c r="AA13056">
        <v>31</v>
      </c>
      <c r="AB13056">
        <v>31</v>
      </c>
      <c r="AC13056">
        <v>32</v>
      </c>
      <c r="AD13056">
        <v>32</v>
      </c>
      <c r="AE13056">
        <v>33</v>
      </c>
      <c r="AF13056">
        <v>33</v>
      </c>
      <c r="AG13056">
        <v>32</v>
      </c>
      <c r="AH13056">
        <v>32</v>
      </c>
      <c r="AI13056">
        <v>32</v>
      </c>
      <c r="AJ13056">
        <v>32</v>
      </c>
      <c r="AK13056">
        <v>32</v>
      </c>
      <c r="AL13056">
        <v>32</v>
      </c>
      <c r="AM13056">
        <v>32</v>
      </c>
      <c r="AN13056">
        <v>32</v>
      </c>
      <c r="AO13056">
        <v>32</v>
      </c>
      <c r="AP13056">
        <v>32</v>
      </c>
      <c r="AQ13056">
        <v>32</v>
      </c>
    </row>
    <row r="13057" spans="1:43">
      <c r="A13057" t="s">
        <v>8108</v>
      </c>
      <c r="B13057" t="s">
        <v>8109</v>
      </c>
      <c r="C13057" t="s">
        <v>8100</v>
      </c>
      <c r="D13057" t="s">
        <v>8101</v>
      </c>
      <c r="E13057" t="s">
        <v>8022</v>
      </c>
      <c r="F13057" t="s">
        <v>8023</v>
      </c>
      <c r="G13057" t="s">
        <v>80</v>
      </c>
      <c r="H13057" t="s">
        <v>81</v>
      </c>
      <c r="I13057" s="2">
        <v>0</v>
      </c>
      <c r="J13057" s="2">
        <v>0</v>
      </c>
      <c r="K13057" s="2">
        <v>1</v>
      </c>
      <c r="L13057" t="s">
        <v>995</v>
      </c>
      <c r="M13057" t="s">
        <v>83</v>
      </c>
      <c r="N13057" t="s">
        <v>91</v>
      </c>
      <c r="O13057" t="s">
        <v>85</v>
      </c>
      <c r="P13057" t="s">
        <v>86</v>
      </c>
      <c r="Q13057">
        <v>26</v>
      </c>
      <c r="R13057">
        <v>26</v>
      </c>
      <c r="S13057">
        <v>26</v>
      </c>
      <c r="T13057">
        <v>27</v>
      </c>
      <c r="U13057">
        <v>27</v>
      </c>
      <c r="V13057">
        <v>27</v>
      </c>
      <c r="W13057">
        <v>28</v>
      </c>
      <c r="X13057">
        <v>28</v>
      </c>
      <c r="Y13057">
        <v>28</v>
      </c>
      <c r="Z13057">
        <v>29</v>
      </c>
      <c r="AA13057">
        <v>29</v>
      </c>
      <c r="AB13057">
        <v>29</v>
      </c>
      <c r="AC13057">
        <v>30</v>
      </c>
      <c r="AD13057">
        <v>30</v>
      </c>
      <c r="AE13057">
        <v>30</v>
      </c>
      <c r="AF13057">
        <v>31</v>
      </c>
      <c r="AG13057">
        <v>31</v>
      </c>
      <c r="AH13057">
        <v>31</v>
      </c>
      <c r="AI13057">
        <v>31</v>
      </c>
      <c r="AJ13057">
        <v>32</v>
      </c>
      <c r="AK13057">
        <v>32</v>
      </c>
      <c r="AL13057">
        <v>32</v>
      </c>
      <c r="AM13057">
        <v>32</v>
      </c>
      <c r="AN13057">
        <v>32</v>
      </c>
      <c r="AO13057">
        <v>32</v>
      </c>
      <c r="AP13057">
        <v>32</v>
      </c>
      <c r="AQ13057">
        <v>31</v>
      </c>
    </row>
    <row r="13058" spans="1:43">
      <c r="A13058" t="s">
        <v>8110</v>
      </c>
      <c r="B13058" t="s">
        <v>8111</v>
      </c>
      <c r="C13058" t="s">
        <v>8100</v>
      </c>
      <c r="D13058" t="s">
        <v>8101</v>
      </c>
      <c r="E13058" t="s">
        <v>8022</v>
      </c>
      <c r="F13058" t="s">
        <v>8023</v>
      </c>
      <c r="G13058" t="s">
        <v>80</v>
      </c>
      <c r="H13058" t="s">
        <v>81</v>
      </c>
      <c r="I13058" s="2">
        <v>0</v>
      </c>
      <c r="J13058" s="2">
        <v>0</v>
      </c>
      <c r="K13058" s="2">
        <v>1</v>
      </c>
      <c r="L13058" t="s">
        <v>995</v>
      </c>
      <c r="M13058" t="s">
        <v>83</v>
      </c>
      <c r="N13058" t="s">
        <v>84</v>
      </c>
      <c r="O13058" t="s">
        <v>85</v>
      </c>
      <c r="P13058" t="s">
        <v>86</v>
      </c>
      <c r="Q13058">
        <v>27</v>
      </c>
      <c r="R13058">
        <v>28</v>
      </c>
      <c r="S13058">
        <v>28</v>
      </c>
      <c r="T13058">
        <v>28</v>
      </c>
      <c r="U13058">
        <v>29</v>
      </c>
      <c r="V13058">
        <v>29</v>
      </c>
      <c r="W13058">
        <v>30</v>
      </c>
      <c r="X13058">
        <v>30</v>
      </c>
      <c r="Y13058">
        <v>30</v>
      </c>
      <c r="Z13058">
        <v>31</v>
      </c>
      <c r="AA13058">
        <v>31</v>
      </c>
      <c r="AB13058">
        <v>31</v>
      </c>
      <c r="AC13058">
        <v>32</v>
      </c>
      <c r="AD13058">
        <v>32</v>
      </c>
      <c r="AE13058">
        <v>32</v>
      </c>
      <c r="AF13058">
        <v>32</v>
      </c>
      <c r="AG13058">
        <v>33</v>
      </c>
      <c r="AH13058">
        <v>33</v>
      </c>
      <c r="AI13058">
        <v>33</v>
      </c>
      <c r="AJ13058">
        <v>34</v>
      </c>
      <c r="AK13058">
        <v>34</v>
      </c>
      <c r="AL13058">
        <v>34</v>
      </c>
      <c r="AM13058">
        <v>34</v>
      </c>
      <c r="AN13058">
        <v>34</v>
      </c>
      <c r="AO13058">
        <v>34</v>
      </c>
      <c r="AP13058">
        <v>33</v>
      </c>
      <c r="AQ13058">
        <v>33</v>
      </c>
    </row>
    <row r="13059" spans="1:43">
      <c r="A13059" t="s">
        <v>8110</v>
      </c>
      <c r="B13059" t="s">
        <v>8111</v>
      </c>
      <c r="C13059" t="s">
        <v>8100</v>
      </c>
      <c r="D13059" t="s">
        <v>8101</v>
      </c>
      <c r="E13059" t="s">
        <v>8022</v>
      </c>
      <c r="F13059" t="s">
        <v>8023</v>
      </c>
      <c r="G13059" t="s">
        <v>80</v>
      </c>
      <c r="H13059" t="s">
        <v>81</v>
      </c>
      <c r="I13059" s="2">
        <v>0</v>
      </c>
      <c r="J13059" s="2">
        <v>0</v>
      </c>
      <c r="K13059" s="2">
        <v>1</v>
      </c>
      <c r="L13059" t="s">
        <v>995</v>
      </c>
      <c r="M13059" t="s">
        <v>87</v>
      </c>
      <c r="N13059" t="s">
        <v>88</v>
      </c>
      <c r="O13059" t="s">
        <v>85</v>
      </c>
      <c r="P13059" t="s">
        <v>86</v>
      </c>
      <c r="Q13059">
        <v>27</v>
      </c>
      <c r="R13059">
        <v>27</v>
      </c>
      <c r="S13059">
        <v>27</v>
      </c>
      <c r="T13059">
        <v>27</v>
      </c>
      <c r="U13059">
        <v>28</v>
      </c>
      <c r="V13059">
        <v>28</v>
      </c>
      <c r="W13059">
        <v>28</v>
      </c>
      <c r="X13059">
        <v>28</v>
      </c>
      <c r="Y13059">
        <v>28</v>
      </c>
      <c r="Z13059">
        <v>28</v>
      </c>
      <c r="AA13059">
        <v>28</v>
      </c>
      <c r="AB13059">
        <v>28</v>
      </c>
      <c r="AC13059">
        <v>28</v>
      </c>
      <c r="AD13059">
        <v>28</v>
      </c>
      <c r="AE13059">
        <v>28</v>
      </c>
      <c r="AF13059">
        <v>29</v>
      </c>
      <c r="AG13059">
        <v>29</v>
      </c>
      <c r="AH13059">
        <v>29</v>
      </c>
      <c r="AI13059">
        <v>29</v>
      </c>
      <c r="AJ13059">
        <v>29</v>
      </c>
      <c r="AK13059">
        <v>29</v>
      </c>
      <c r="AL13059">
        <v>29</v>
      </c>
      <c r="AM13059">
        <v>29</v>
      </c>
      <c r="AN13059">
        <v>29</v>
      </c>
      <c r="AO13059">
        <v>29</v>
      </c>
      <c r="AP13059">
        <v>29</v>
      </c>
      <c r="AQ13059">
        <v>29</v>
      </c>
    </row>
    <row r="13060" spans="1:43">
      <c r="A13060" t="s">
        <v>8110</v>
      </c>
      <c r="B13060" t="s">
        <v>8111</v>
      </c>
      <c r="C13060" t="s">
        <v>8100</v>
      </c>
      <c r="D13060" t="s">
        <v>8101</v>
      </c>
      <c r="E13060" t="s">
        <v>8022</v>
      </c>
      <c r="F13060" t="s">
        <v>8023</v>
      </c>
      <c r="G13060" t="s">
        <v>80</v>
      </c>
      <c r="H13060" t="s">
        <v>81</v>
      </c>
      <c r="I13060" s="2">
        <v>0</v>
      </c>
      <c r="J13060" s="2">
        <v>0</v>
      </c>
      <c r="K13060" s="2">
        <v>1</v>
      </c>
      <c r="L13060" t="s">
        <v>995</v>
      </c>
      <c r="M13060" t="s">
        <v>89</v>
      </c>
      <c r="N13060" t="s">
        <v>90</v>
      </c>
      <c r="O13060" t="s">
        <v>85</v>
      </c>
      <c r="P13060" t="s">
        <v>86</v>
      </c>
      <c r="Q13060">
        <v>27</v>
      </c>
      <c r="R13060">
        <v>27</v>
      </c>
      <c r="S13060">
        <v>28</v>
      </c>
      <c r="T13060">
        <v>28</v>
      </c>
      <c r="U13060">
        <v>29</v>
      </c>
      <c r="V13060">
        <v>29</v>
      </c>
      <c r="W13060">
        <v>30</v>
      </c>
      <c r="X13060">
        <v>31</v>
      </c>
      <c r="Y13060">
        <v>31</v>
      </c>
      <c r="Z13060">
        <v>32</v>
      </c>
      <c r="AA13060">
        <v>32</v>
      </c>
      <c r="AB13060">
        <v>32</v>
      </c>
      <c r="AC13060">
        <v>33</v>
      </c>
      <c r="AD13060">
        <v>33</v>
      </c>
      <c r="AE13060">
        <v>34</v>
      </c>
      <c r="AF13060">
        <v>33</v>
      </c>
      <c r="AG13060">
        <v>33</v>
      </c>
      <c r="AH13060">
        <v>33</v>
      </c>
      <c r="AI13060">
        <v>33</v>
      </c>
      <c r="AJ13060">
        <v>33</v>
      </c>
      <c r="AK13060">
        <v>33</v>
      </c>
      <c r="AL13060">
        <v>33</v>
      </c>
      <c r="AM13060">
        <v>33</v>
      </c>
      <c r="AN13060">
        <v>33</v>
      </c>
      <c r="AO13060">
        <v>33</v>
      </c>
      <c r="AP13060">
        <v>33</v>
      </c>
      <c r="AQ13060">
        <v>32</v>
      </c>
    </row>
    <row r="13061" spans="1:43">
      <c r="A13061" t="s">
        <v>8110</v>
      </c>
      <c r="B13061" t="s">
        <v>8111</v>
      </c>
      <c r="C13061" t="s">
        <v>8100</v>
      </c>
      <c r="D13061" t="s">
        <v>8101</v>
      </c>
      <c r="E13061" t="s">
        <v>8022</v>
      </c>
      <c r="F13061" t="s">
        <v>8023</v>
      </c>
      <c r="G13061" t="s">
        <v>80</v>
      </c>
      <c r="H13061" t="s">
        <v>81</v>
      </c>
      <c r="I13061" s="2">
        <v>0</v>
      </c>
      <c r="J13061" s="2">
        <v>0</v>
      </c>
      <c r="K13061" s="2">
        <v>1</v>
      </c>
      <c r="L13061" t="s">
        <v>995</v>
      </c>
      <c r="M13061" t="s">
        <v>83</v>
      </c>
      <c r="N13061" t="s">
        <v>91</v>
      </c>
      <c r="O13061" t="s">
        <v>85</v>
      </c>
      <c r="P13061" t="s">
        <v>86</v>
      </c>
      <c r="Q13061">
        <v>27</v>
      </c>
      <c r="R13061">
        <v>28</v>
      </c>
      <c r="S13061">
        <v>28</v>
      </c>
      <c r="T13061">
        <v>28</v>
      </c>
      <c r="U13061">
        <v>29</v>
      </c>
      <c r="V13061">
        <v>29</v>
      </c>
      <c r="W13061">
        <v>30</v>
      </c>
      <c r="X13061">
        <v>30</v>
      </c>
      <c r="Y13061">
        <v>30</v>
      </c>
      <c r="Z13061">
        <v>31</v>
      </c>
      <c r="AA13061">
        <v>31</v>
      </c>
      <c r="AB13061">
        <v>31</v>
      </c>
      <c r="AC13061">
        <v>32</v>
      </c>
      <c r="AD13061">
        <v>32</v>
      </c>
      <c r="AE13061">
        <v>32</v>
      </c>
      <c r="AF13061">
        <v>32</v>
      </c>
      <c r="AG13061">
        <v>33</v>
      </c>
      <c r="AH13061">
        <v>33</v>
      </c>
      <c r="AI13061">
        <v>33</v>
      </c>
      <c r="AJ13061">
        <v>34</v>
      </c>
      <c r="AK13061">
        <v>34</v>
      </c>
      <c r="AL13061">
        <v>34</v>
      </c>
      <c r="AM13061">
        <v>34</v>
      </c>
      <c r="AN13061">
        <v>34</v>
      </c>
      <c r="AO13061">
        <v>34</v>
      </c>
      <c r="AP13061">
        <v>33</v>
      </c>
      <c r="AQ13061">
        <v>33</v>
      </c>
    </row>
    <row r="13062" spans="1:43">
      <c r="A13062" t="s">
        <v>8112</v>
      </c>
      <c r="B13062" t="s">
        <v>8113</v>
      </c>
      <c r="C13062" t="s">
        <v>8114</v>
      </c>
      <c r="D13062" t="s">
        <v>8115</v>
      </c>
      <c r="E13062" t="s">
        <v>8022</v>
      </c>
      <c r="F13062" t="s">
        <v>8023</v>
      </c>
      <c r="G13062" t="s">
        <v>80</v>
      </c>
      <c r="H13062" t="s">
        <v>81</v>
      </c>
      <c r="I13062" s="2">
        <v>0</v>
      </c>
      <c r="J13062" s="2">
        <v>0</v>
      </c>
      <c r="K13062" s="2">
        <v>1</v>
      </c>
      <c r="L13062" t="s">
        <v>995</v>
      </c>
      <c r="M13062" t="s">
        <v>83</v>
      </c>
      <c r="N13062" t="s">
        <v>84</v>
      </c>
      <c r="O13062" t="s">
        <v>85</v>
      </c>
      <c r="P13062" t="s">
        <v>86</v>
      </c>
      <c r="Q13062">
        <v>62</v>
      </c>
      <c r="R13062">
        <v>62</v>
      </c>
      <c r="S13062">
        <v>63</v>
      </c>
      <c r="T13062">
        <v>64</v>
      </c>
      <c r="U13062">
        <v>65</v>
      </c>
      <c r="V13062">
        <v>66</v>
      </c>
      <c r="W13062">
        <v>67</v>
      </c>
      <c r="X13062">
        <v>67</v>
      </c>
      <c r="Y13062">
        <v>68</v>
      </c>
      <c r="Z13062">
        <v>69</v>
      </c>
      <c r="AA13062">
        <v>70</v>
      </c>
      <c r="AB13062">
        <v>70</v>
      </c>
      <c r="AC13062">
        <v>71</v>
      </c>
      <c r="AD13062">
        <v>72</v>
      </c>
      <c r="AE13062">
        <v>72</v>
      </c>
      <c r="AF13062">
        <v>73</v>
      </c>
      <c r="AG13062">
        <v>74</v>
      </c>
      <c r="AH13062">
        <v>74</v>
      </c>
      <c r="AI13062">
        <v>75</v>
      </c>
      <c r="AJ13062">
        <v>75</v>
      </c>
      <c r="AK13062">
        <v>76</v>
      </c>
      <c r="AL13062">
        <v>76</v>
      </c>
      <c r="AM13062">
        <v>76</v>
      </c>
      <c r="AN13062">
        <v>75</v>
      </c>
      <c r="AO13062">
        <v>75</v>
      </c>
      <c r="AP13062">
        <v>75</v>
      </c>
      <c r="AQ13062">
        <v>75</v>
      </c>
    </row>
    <row r="13063" spans="1:43">
      <c r="A13063" t="s">
        <v>8112</v>
      </c>
      <c r="B13063" t="s">
        <v>8113</v>
      </c>
      <c r="C13063" t="s">
        <v>8114</v>
      </c>
      <c r="D13063" t="s">
        <v>8115</v>
      </c>
      <c r="E13063" t="s">
        <v>8022</v>
      </c>
      <c r="F13063" t="s">
        <v>8023</v>
      </c>
      <c r="G13063" t="s">
        <v>80</v>
      </c>
      <c r="H13063" t="s">
        <v>81</v>
      </c>
      <c r="I13063" s="2">
        <v>0</v>
      </c>
      <c r="J13063" s="2">
        <v>0</v>
      </c>
      <c r="K13063" s="2">
        <v>1</v>
      </c>
      <c r="L13063" t="s">
        <v>995</v>
      </c>
      <c r="M13063" t="s">
        <v>87</v>
      </c>
      <c r="N13063" t="s">
        <v>88</v>
      </c>
      <c r="O13063" t="s">
        <v>85</v>
      </c>
      <c r="P13063" t="s">
        <v>86</v>
      </c>
      <c r="Q13063">
        <v>62</v>
      </c>
      <c r="R13063">
        <v>62</v>
      </c>
      <c r="S13063">
        <v>63</v>
      </c>
      <c r="T13063">
        <v>63</v>
      </c>
      <c r="U13063">
        <v>63</v>
      </c>
      <c r="V13063">
        <v>63</v>
      </c>
      <c r="W13063">
        <v>64</v>
      </c>
      <c r="X13063">
        <v>64</v>
      </c>
      <c r="Y13063">
        <v>64</v>
      </c>
      <c r="Z13063">
        <v>64</v>
      </c>
      <c r="AA13063">
        <v>64</v>
      </c>
      <c r="AB13063">
        <v>65</v>
      </c>
      <c r="AC13063">
        <v>65</v>
      </c>
      <c r="AD13063">
        <v>65</v>
      </c>
      <c r="AE13063">
        <v>65</v>
      </c>
      <c r="AF13063">
        <v>65</v>
      </c>
      <c r="AG13063">
        <v>65</v>
      </c>
      <c r="AH13063">
        <v>65</v>
      </c>
      <c r="AI13063">
        <v>66</v>
      </c>
      <c r="AJ13063">
        <v>66</v>
      </c>
      <c r="AK13063">
        <v>66</v>
      </c>
      <c r="AL13063">
        <v>66</v>
      </c>
      <c r="AM13063">
        <v>66</v>
      </c>
      <c r="AN13063">
        <v>66</v>
      </c>
      <c r="AO13063">
        <v>66</v>
      </c>
      <c r="AP13063">
        <v>66</v>
      </c>
      <c r="AQ13063">
        <v>66</v>
      </c>
    </row>
    <row r="13064" spans="1:43">
      <c r="A13064" t="s">
        <v>8112</v>
      </c>
      <c r="B13064" t="s">
        <v>8113</v>
      </c>
      <c r="C13064" t="s">
        <v>8114</v>
      </c>
      <c r="D13064" t="s">
        <v>8115</v>
      </c>
      <c r="E13064" t="s">
        <v>8022</v>
      </c>
      <c r="F13064" t="s">
        <v>8023</v>
      </c>
      <c r="G13064" t="s">
        <v>80</v>
      </c>
      <c r="H13064" t="s">
        <v>81</v>
      </c>
      <c r="I13064" s="2">
        <v>0</v>
      </c>
      <c r="J13064" s="2">
        <v>0</v>
      </c>
      <c r="K13064" s="2">
        <v>1</v>
      </c>
      <c r="L13064" t="s">
        <v>995</v>
      </c>
      <c r="M13064" t="s">
        <v>89</v>
      </c>
      <c r="N13064" t="s">
        <v>90</v>
      </c>
      <c r="O13064" t="s">
        <v>85</v>
      </c>
      <c r="P13064" t="s">
        <v>86</v>
      </c>
      <c r="Q13064">
        <v>62</v>
      </c>
      <c r="R13064">
        <v>64</v>
      </c>
      <c r="S13064">
        <v>65</v>
      </c>
      <c r="T13064">
        <v>66</v>
      </c>
      <c r="U13064">
        <v>68</v>
      </c>
      <c r="V13064">
        <v>69</v>
      </c>
      <c r="W13064">
        <v>70</v>
      </c>
      <c r="X13064">
        <v>71</v>
      </c>
      <c r="Y13064">
        <v>72</v>
      </c>
      <c r="Z13064">
        <v>73</v>
      </c>
      <c r="AA13064">
        <v>74</v>
      </c>
      <c r="AB13064">
        <v>75</v>
      </c>
      <c r="AC13064">
        <v>76</v>
      </c>
      <c r="AD13064">
        <v>77</v>
      </c>
      <c r="AE13064">
        <v>78</v>
      </c>
      <c r="AF13064">
        <v>77</v>
      </c>
      <c r="AG13064">
        <v>77</v>
      </c>
      <c r="AH13064">
        <v>77</v>
      </c>
      <c r="AI13064">
        <v>77</v>
      </c>
      <c r="AJ13064">
        <v>77</v>
      </c>
      <c r="AK13064">
        <v>77</v>
      </c>
      <c r="AL13064">
        <v>76</v>
      </c>
      <c r="AM13064">
        <v>76</v>
      </c>
      <c r="AN13064">
        <v>76</v>
      </c>
      <c r="AO13064">
        <v>76</v>
      </c>
      <c r="AP13064">
        <v>75</v>
      </c>
      <c r="AQ13064">
        <v>75</v>
      </c>
    </row>
    <row r="13065" spans="1:43">
      <c r="A13065" t="s">
        <v>8112</v>
      </c>
      <c r="B13065" t="s">
        <v>8113</v>
      </c>
      <c r="C13065" t="s">
        <v>8114</v>
      </c>
      <c r="D13065" t="s">
        <v>8115</v>
      </c>
      <c r="E13065" t="s">
        <v>8022</v>
      </c>
      <c r="F13065" t="s">
        <v>8023</v>
      </c>
      <c r="G13065" t="s">
        <v>80</v>
      </c>
      <c r="H13065" t="s">
        <v>81</v>
      </c>
      <c r="I13065" s="2">
        <v>0</v>
      </c>
      <c r="J13065" s="2">
        <v>0</v>
      </c>
      <c r="K13065" s="2">
        <v>1</v>
      </c>
      <c r="L13065" t="s">
        <v>995</v>
      </c>
      <c r="M13065" t="s">
        <v>83</v>
      </c>
      <c r="N13065" t="s">
        <v>91</v>
      </c>
      <c r="O13065" t="s">
        <v>85</v>
      </c>
      <c r="P13065" t="s">
        <v>86</v>
      </c>
      <c r="Q13065">
        <v>62</v>
      </c>
      <c r="R13065">
        <v>62</v>
      </c>
      <c r="S13065">
        <v>63</v>
      </c>
      <c r="T13065">
        <v>64</v>
      </c>
      <c r="U13065">
        <v>65</v>
      </c>
      <c r="V13065">
        <v>66</v>
      </c>
      <c r="W13065">
        <v>67</v>
      </c>
      <c r="X13065">
        <v>67</v>
      </c>
      <c r="Y13065">
        <v>68</v>
      </c>
      <c r="Z13065">
        <v>69</v>
      </c>
      <c r="AA13065">
        <v>70</v>
      </c>
      <c r="AB13065">
        <v>70</v>
      </c>
      <c r="AC13065">
        <v>71</v>
      </c>
      <c r="AD13065">
        <v>72</v>
      </c>
      <c r="AE13065">
        <v>72</v>
      </c>
      <c r="AF13065">
        <v>73</v>
      </c>
      <c r="AG13065">
        <v>74</v>
      </c>
      <c r="AH13065">
        <v>74</v>
      </c>
      <c r="AI13065">
        <v>75</v>
      </c>
      <c r="AJ13065">
        <v>75</v>
      </c>
      <c r="AK13065">
        <v>76</v>
      </c>
      <c r="AL13065">
        <v>76</v>
      </c>
      <c r="AM13065">
        <v>76</v>
      </c>
      <c r="AN13065">
        <v>75</v>
      </c>
      <c r="AO13065">
        <v>75</v>
      </c>
      <c r="AP13065">
        <v>75</v>
      </c>
      <c r="AQ13065">
        <v>75</v>
      </c>
    </row>
    <row r="13066" spans="1:43">
      <c r="A13066" t="s">
        <v>8116</v>
      </c>
      <c r="B13066" t="s">
        <v>8117</v>
      </c>
      <c r="C13066" t="s">
        <v>8114</v>
      </c>
      <c r="D13066" t="s">
        <v>8115</v>
      </c>
      <c r="E13066" t="s">
        <v>8022</v>
      </c>
      <c r="F13066" t="s">
        <v>8023</v>
      </c>
      <c r="G13066" t="s">
        <v>80</v>
      </c>
      <c r="H13066" t="s">
        <v>81</v>
      </c>
      <c r="I13066" s="2">
        <v>0</v>
      </c>
      <c r="J13066" s="2">
        <v>0</v>
      </c>
      <c r="K13066" s="2">
        <v>1</v>
      </c>
      <c r="L13066" t="s">
        <v>995</v>
      </c>
      <c r="M13066" t="s">
        <v>83</v>
      </c>
      <c r="N13066" t="s">
        <v>84</v>
      </c>
      <c r="O13066" t="s">
        <v>85</v>
      </c>
      <c r="P13066" t="s">
        <v>86</v>
      </c>
      <c r="Q13066">
        <v>19</v>
      </c>
      <c r="R13066">
        <v>19</v>
      </c>
      <c r="S13066">
        <v>19</v>
      </c>
      <c r="T13066">
        <v>20</v>
      </c>
      <c r="U13066">
        <v>20</v>
      </c>
      <c r="V13066">
        <v>20</v>
      </c>
      <c r="W13066">
        <v>20</v>
      </c>
      <c r="X13066">
        <v>21</v>
      </c>
      <c r="Y13066">
        <v>21</v>
      </c>
      <c r="Z13066">
        <v>21</v>
      </c>
      <c r="AA13066">
        <v>21</v>
      </c>
      <c r="AB13066">
        <v>22</v>
      </c>
      <c r="AC13066">
        <v>22</v>
      </c>
      <c r="AD13066">
        <v>22</v>
      </c>
      <c r="AE13066">
        <v>22</v>
      </c>
      <c r="AF13066">
        <v>22</v>
      </c>
      <c r="AG13066">
        <v>23</v>
      </c>
      <c r="AH13066">
        <v>23</v>
      </c>
      <c r="AI13066">
        <v>23</v>
      </c>
      <c r="AJ13066">
        <v>23</v>
      </c>
      <c r="AK13066">
        <v>23</v>
      </c>
      <c r="AL13066">
        <v>23</v>
      </c>
      <c r="AM13066">
        <v>23</v>
      </c>
      <c r="AN13066">
        <v>23</v>
      </c>
      <c r="AO13066">
        <v>23</v>
      </c>
      <c r="AP13066">
        <v>23</v>
      </c>
      <c r="AQ13066">
        <v>23</v>
      </c>
    </row>
    <row r="13067" spans="1:43">
      <c r="A13067" t="s">
        <v>8116</v>
      </c>
      <c r="B13067" t="s">
        <v>8117</v>
      </c>
      <c r="C13067" t="s">
        <v>8114</v>
      </c>
      <c r="D13067" t="s">
        <v>8115</v>
      </c>
      <c r="E13067" t="s">
        <v>8022</v>
      </c>
      <c r="F13067" t="s">
        <v>8023</v>
      </c>
      <c r="G13067" t="s">
        <v>80</v>
      </c>
      <c r="H13067" t="s">
        <v>81</v>
      </c>
      <c r="I13067" s="2">
        <v>0</v>
      </c>
      <c r="J13067" s="2">
        <v>0</v>
      </c>
      <c r="K13067" s="2">
        <v>1</v>
      </c>
      <c r="L13067" t="s">
        <v>995</v>
      </c>
      <c r="M13067" t="s">
        <v>87</v>
      </c>
      <c r="N13067" t="s">
        <v>88</v>
      </c>
      <c r="O13067" t="s">
        <v>85</v>
      </c>
      <c r="P13067" t="s">
        <v>86</v>
      </c>
      <c r="Q13067">
        <v>19</v>
      </c>
      <c r="R13067">
        <v>19</v>
      </c>
      <c r="S13067">
        <v>19</v>
      </c>
      <c r="T13067">
        <v>19</v>
      </c>
      <c r="U13067">
        <v>19</v>
      </c>
      <c r="V13067">
        <v>19</v>
      </c>
      <c r="W13067">
        <v>19</v>
      </c>
      <c r="X13067">
        <v>19</v>
      </c>
      <c r="Y13067">
        <v>19</v>
      </c>
      <c r="Z13067">
        <v>19</v>
      </c>
      <c r="AA13067">
        <v>19</v>
      </c>
      <c r="AB13067">
        <v>20</v>
      </c>
      <c r="AC13067">
        <v>20</v>
      </c>
      <c r="AD13067">
        <v>20</v>
      </c>
      <c r="AE13067">
        <v>20</v>
      </c>
      <c r="AF13067">
        <v>20</v>
      </c>
      <c r="AG13067">
        <v>20</v>
      </c>
      <c r="AH13067">
        <v>20</v>
      </c>
      <c r="AI13067">
        <v>20</v>
      </c>
      <c r="AJ13067">
        <v>20</v>
      </c>
      <c r="AK13067">
        <v>20</v>
      </c>
      <c r="AL13067">
        <v>20</v>
      </c>
      <c r="AM13067">
        <v>20</v>
      </c>
      <c r="AN13067">
        <v>20</v>
      </c>
      <c r="AO13067">
        <v>20</v>
      </c>
      <c r="AP13067">
        <v>20</v>
      </c>
      <c r="AQ13067">
        <v>20</v>
      </c>
    </row>
    <row r="13068" spans="1:43">
      <c r="A13068" t="s">
        <v>8116</v>
      </c>
      <c r="B13068" t="s">
        <v>8117</v>
      </c>
      <c r="C13068" t="s">
        <v>8114</v>
      </c>
      <c r="D13068" t="s">
        <v>8115</v>
      </c>
      <c r="E13068" t="s">
        <v>8022</v>
      </c>
      <c r="F13068" t="s">
        <v>8023</v>
      </c>
      <c r="G13068" t="s">
        <v>80</v>
      </c>
      <c r="H13068" t="s">
        <v>81</v>
      </c>
      <c r="I13068" s="2">
        <v>0</v>
      </c>
      <c r="J13068" s="2">
        <v>0</v>
      </c>
      <c r="K13068" s="2">
        <v>1</v>
      </c>
      <c r="L13068" t="s">
        <v>995</v>
      </c>
      <c r="M13068" t="s">
        <v>89</v>
      </c>
      <c r="N13068" t="s">
        <v>90</v>
      </c>
      <c r="O13068" t="s">
        <v>85</v>
      </c>
      <c r="P13068" t="s">
        <v>86</v>
      </c>
      <c r="Q13068">
        <v>19</v>
      </c>
      <c r="R13068">
        <v>19</v>
      </c>
      <c r="S13068">
        <v>20</v>
      </c>
      <c r="T13068">
        <v>20</v>
      </c>
      <c r="U13068">
        <v>21</v>
      </c>
      <c r="V13068">
        <v>21</v>
      </c>
      <c r="W13068">
        <v>21</v>
      </c>
      <c r="X13068">
        <v>22</v>
      </c>
      <c r="Y13068">
        <v>22</v>
      </c>
      <c r="Z13068">
        <v>22</v>
      </c>
      <c r="AA13068">
        <v>23</v>
      </c>
      <c r="AB13068">
        <v>23</v>
      </c>
      <c r="AC13068">
        <v>23</v>
      </c>
      <c r="AD13068">
        <v>24</v>
      </c>
      <c r="AE13068">
        <v>24</v>
      </c>
      <c r="AF13068">
        <v>24</v>
      </c>
      <c r="AG13068">
        <v>24</v>
      </c>
      <c r="AH13068">
        <v>24</v>
      </c>
      <c r="AI13068">
        <v>24</v>
      </c>
      <c r="AJ13068">
        <v>24</v>
      </c>
      <c r="AK13068">
        <v>24</v>
      </c>
      <c r="AL13068">
        <v>24</v>
      </c>
      <c r="AM13068">
        <v>24</v>
      </c>
      <c r="AN13068">
        <v>23</v>
      </c>
      <c r="AO13068">
        <v>23</v>
      </c>
      <c r="AP13068">
        <v>23</v>
      </c>
      <c r="AQ13068">
        <v>23</v>
      </c>
    </row>
    <row r="13069" spans="1:43">
      <c r="A13069" t="s">
        <v>8116</v>
      </c>
      <c r="B13069" t="s">
        <v>8117</v>
      </c>
      <c r="C13069" t="s">
        <v>8114</v>
      </c>
      <c r="D13069" t="s">
        <v>8115</v>
      </c>
      <c r="E13069" t="s">
        <v>8022</v>
      </c>
      <c r="F13069" t="s">
        <v>8023</v>
      </c>
      <c r="G13069" t="s">
        <v>80</v>
      </c>
      <c r="H13069" t="s">
        <v>81</v>
      </c>
      <c r="I13069" s="2">
        <v>0</v>
      </c>
      <c r="J13069" s="2">
        <v>0</v>
      </c>
      <c r="K13069" s="2">
        <v>1</v>
      </c>
      <c r="L13069" t="s">
        <v>995</v>
      </c>
      <c r="M13069" t="s">
        <v>83</v>
      </c>
      <c r="N13069" t="s">
        <v>91</v>
      </c>
      <c r="O13069" t="s">
        <v>85</v>
      </c>
      <c r="P13069" t="s">
        <v>86</v>
      </c>
      <c r="Q13069">
        <v>19</v>
      </c>
      <c r="R13069">
        <v>19</v>
      </c>
      <c r="S13069">
        <v>19</v>
      </c>
      <c r="T13069">
        <v>20</v>
      </c>
      <c r="U13069">
        <v>20</v>
      </c>
      <c r="V13069">
        <v>20</v>
      </c>
      <c r="W13069">
        <v>20</v>
      </c>
      <c r="X13069">
        <v>21</v>
      </c>
      <c r="Y13069">
        <v>21</v>
      </c>
      <c r="Z13069">
        <v>21</v>
      </c>
      <c r="AA13069">
        <v>21</v>
      </c>
      <c r="AB13069">
        <v>22</v>
      </c>
      <c r="AC13069">
        <v>22</v>
      </c>
      <c r="AD13069">
        <v>22</v>
      </c>
      <c r="AE13069">
        <v>22</v>
      </c>
      <c r="AF13069">
        <v>22</v>
      </c>
      <c r="AG13069">
        <v>23</v>
      </c>
      <c r="AH13069">
        <v>23</v>
      </c>
      <c r="AI13069">
        <v>23</v>
      </c>
      <c r="AJ13069">
        <v>23</v>
      </c>
      <c r="AK13069">
        <v>23</v>
      </c>
      <c r="AL13069">
        <v>23</v>
      </c>
      <c r="AM13069">
        <v>23</v>
      </c>
      <c r="AN13069">
        <v>23</v>
      </c>
      <c r="AO13069">
        <v>23</v>
      </c>
      <c r="AP13069">
        <v>23</v>
      </c>
      <c r="AQ13069">
        <v>23</v>
      </c>
    </row>
    <row r="13070" spans="1:43">
      <c r="A13070" t="s">
        <v>8118</v>
      </c>
      <c r="B13070" t="s">
        <v>8119</v>
      </c>
      <c r="C13070" t="s">
        <v>8114</v>
      </c>
      <c r="D13070" t="s">
        <v>8115</v>
      </c>
      <c r="E13070" t="s">
        <v>8022</v>
      </c>
      <c r="F13070" t="s">
        <v>8023</v>
      </c>
      <c r="G13070" t="s">
        <v>80</v>
      </c>
      <c r="H13070" t="s">
        <v>81</v>
      </c>
      <c r="I13070" s="2">
        <v>0</v>
      </c>
      <c r="J13070" s="2">
        <v>0</v>
      </c>
      <c r="K13070" s="2">
        <v>1</v>
      </c>
      <c r="L13070" t="s">
        <v>995</v>
      </c>
      <c r="M13070" t="s">
        <v>83</v>
      </c>
      <c r="N13070" t="s">
        <v>84</v>
      </c>
      <c r="O13070" t="s">
        <v>85</v>
      </c>
      <c r="P13070" t="s">
        <v>86</v>
      </c>
      <c r="Q13070">
        <v>16</v>
      </c>
      <c r="R13070">
        <v>17</v>
      </c>
      <c r="S13070">
        <v>17</v>
      </c>
      <c r="T13070">
        <v>17</v>
      </c>
      <c r="U13070">
        <v>17</v>
      </c>
      <c r="V13070">
        <v>18</v>
      </c>
      <c r="W13070">
        <v>18</v>
      </c>
      <c r="X13070">
        <v>18</v>
      </c>
      <c r="Y13070">
        <v>18</v>
      </c>
      <c r="Z13070">
        <v>18</v>
      </c>
      <c r="AA13070">
        <v>19</v>
      </c>
      <c r="AB13070">
        <v>19</v>
      </c>
      <c r="AC13070">
        <v>19</v>
      </c>
      <c r="AD13070">
        <v>19</v>
      </c>
      <c r="AE13070">
        <v>19</v>
      </c>
      <c r="AF13070">
        <v>20</v>
      </c>
      <c r="AG13070">
        <v>20</v>
      </c>
      <c r="AH13070">
        <v>20</v>
      </c>
      <c r="AI13070">
        <v>20</v>
      </c>
      <c r="AJ13070">
        <v>20</v>
      </c>
      <c r="AK13070">
        <v>21</v>
      </c>
      <c r="AL13070">
        <v>21</v>
      </c>
      <c r="AM13070">
        <v>20</v>
      </c>
      <c r="AN13070">
        <v>20</v>
      </c>
      <c r="AO13070">
        <v>20</v>
      </c>
      <c r="AP13070">
        <v>20</v>
      </c>
      <c r="AQ13070">
        <v>20</v>
      </c>
    </row>
    <row r="13071" spans="1:43">
      <c r="A13071" t="s">
        <v>8118</v>
      </c>
      <c r="B13071" t="s">
        <v>8119</v>
      </c>
      <c r="C13071" t="s">
        <v>8114</v>
      </c>
      <c r="D13071" t="s">
        <v>8115</v>
      </c>
      <c r="E13071" t="s">
        <v>8022</v>
      </c>
      <c r="F13071" t="s">
        <v>8023</v>
      </c>
      <c r="G13071" t="s">
        <v>80</v>
      </c>
      <c r="H13071" t="s">
        <v>81</v>
      </c>
      <c r="I13071" s="2">
        <v>0</v>
      </c>
      <c r="J13071" s="2">
        <v>0</v>
      </c>
      <c r="K13071" s="2">
        <v>1</v>
      </c>
      <c r="L13071" t="s">
        <v>995</v>
      </c>
      <c r="M13071" t="s">
        <v>87</v>
      </c>
      <c r="N13071" t="s">
        <v>88</v>
      </c>
      <c r="O13071" t="s">
        <v>85</v>
      </c>
      <c r="P13071" t="s">
        <v>86</v>
      </c>
      <c r="Q13071">
        <v>16</v>
      </c>
      <c r="R13071">
        <v>16</v>
      </c>
      <c r="S13071">
        <v>16</v>
      </c>
      <c r="T13071">
        <v>17</v>
      </c>
      <c r="U13071">
        <v>17</v>
      </c>
      <c r="V13071">
        <v>17</v>
      </c>
      <c r="W13071">
        <v>17</v>
      </c>
      <c r="X13071">
        <v>17</v>
      </c>
      <c r="Y13071">
        <v>17</v>
      </c>
      <c r="Z13071">
        <v>17</v>
      </c>
      <c r="AA13071">
        <v>17</v>
      </c>
      <c r="AB13071">
        <v>17</v>
      </c>
      <c r="AC13071">
        <v>17</v>
      </c>
      <c r="AD13071">
        <v>17</v>
      </c>
      <c r="AE13071">
        <v>17</v>
      </c>
      <c r="AF13071">
        <v>17</v>
      </c>
      <c r="AG13071">
        <v>17</v>
      </c>
      <c r="AH13071">
        <v>17</v>
      </c>
      <c r="AI13071">
        <v>17</v>
      </c>
      <c r="AJ13071">
        <v>17</v>
      </c>
      <c r="AK13071">
        <v>17</v>
      </c>
      <c r="AL13071">
        <v>17</v>
      </c>
      <c r="AM13071">
        <v>17</v>
      </c>
      <c r="AN13071">
        <v>17</v>
      </c>
      <c r="AO13071">
        <v>18</v>
      </c>
      <c r="AP13071">
        <v>18</v>
      </c>
      <c r="AQ13071">
        <v>18</v>
      </c>
    </row>
    <row r="13072" spans="1:43">
      <c r="A13072" t="s">
        <v>8118</v>
      </c>
      <c r="B13072" t="s">
        <v>8119</v>
      </c>
      <c r="C13072" t="s">
        <v>8114</v>
      </c>
      <c r="D13072" t="s">
        <v>8115</v>
      </c>
      <c r="E13072" t="s">
        <v>8022</v>
      </c>
      <c r="F13072" t="s">
        <v>8023</v>
      </c>
      <c r="G13072" t="s">
        <v>80</v>
      </c>
      <c r="H13072" t="s">
        <v>81</v>
      </c>
      <c r="I13072" s="2">
        <v>0</v>
      </c>
      <c r="J13072" s="2">
        <v>0</v>
      </c>
      <c r="K13072" s="2">
        <v>1</v>
      </c>
      <c r="L13072" t="s">
        <v>995</v>
      </c>
      <c r="M13072" t="s">
        <v>89</v>
      </c>
      <c r="N13072" t="s">
        <v>90</v>
      </c>
      <c r="O13072" t="s">
        <v>85</v>
      </c>
      <c r="P13072" t="s">
        <v>86</v>
      </c>
      <c r="Q13072">
        <v>16</v>
      </c>
      <c r="R13072">
        <v>16</v>
      </c>
      <c r="S13072">
        <v>16</v>
      </c>
      <c r="T13072">
        <v>17</v>
      </c>
      <c r="U13072">
        <v>17</v>
      </c>
      <c r="V13072">
        <v>17</v>
      </c>
      <c r="W13072">
        <v>18</v>
      </c>
      <c r="X13072">
        <v>18</v>
      </c>
      <c r="Y13072">
        <v>18</v>
      </c>
      <c r="Z13072">
        <v>19</v>
      </c>
      <c r="AA13072">
        <v>19</v>
      </c>
      <c r="AB13072">
        <v>19</v>
      </c>
      <c r="AC13072">
        <v>20</v>
      </c>
      <c r="AD13072">
        <v>20</v>
      </c>
      <c r="AE13072">
        <v>20</v>
      </c>
      <c r="AF13072">
        <v>20</v>
      </c>
      <c r="AG13072">
        <v>20</v>
      </c>
      <c r="AH13072">
        <v>20</v>
      </c>
      <c r="AI13072">
        <v>20</v>
      </c>
      <c r="AJ13072">
        <v>20</v>
      </c>
      <c r="AK13072">
        <v>20</v>
      </c>
      <c r="AL13072">
        <v>20</v>
      </c>
      <c r="AM13072">
        <v>20</v>
      </c>
      <c r="AN13072">
        <v>20</v>
      </c>
      <c r="AO13072">
        <v>19</v>
      </c>
      <c r="AP13072">
        <v>19</v>
      </c>
      <c r="AQ13072">
        <v>19</v>
      </c>
    </row>
    <row r="13073" spans="1:43">
      <c r="A13073" t="s">
        <v>8118</v>
      </c>
      <c r="B13073" t="s">
        <v>8119</v>
      </c>
      <c r="C13073" t="s">
        <v>8114</v>
      </c>
      <c r="D13073" t="s">
        <v>8115</v>
      </c>
      <c r="E13073" t="s">
        <v>8022</v>
      </c>
      <c r="F13073" t="s">
        <v>8023</v>
      </c>
      <c r="G13073" t="s">
        <v>80</v>
      </c>
      <c r="H13073" t="s">
        <v>81</v>
      </c>
      <c r="I13073" s="2">
        <v>0</v>
      </c>
      <c r="J13073" s="2">
        <v>0</v>
      </c>
      <c r="K13073" s="2">
        <v>1</v>
      </c>
      <c r="L13073" t="s">
        <v>995</v>
      </c>
      <c r="M13073" t="s">
        <v>83</v>
      </c>
      <c r="N13073" t="s">
        <v>91</v>
      </c>
      <c r="O13073" t="s">
        <v>85</v>
      </c>
      <c r="P13073" t="s">
        <v>86</v>
      </c>
      <c r="Q13073">
        <v>16</v>
      </c>
      <c r="R13073">
        <v>17</v>
      </c>
      <c r="S13073">
        <v>17</v>
      </c>
      <c r="T13073">
        <v>17</v>
      </c>
      <c r="U13073">
        <v>17</v>
      </c>
      <c r="V13073">
        <v>18</v>
      </c>
      <c r="W13073">
        <v>18</v>
      </c>
      <c r="X13073">
        <v>18</v>
      </c>
      <c r="Y13073">
        <v>18</v>
      </c>
      <c r="Z13073">
        <v>18</v>
      </c>
      <c r="AA13073">
        <v>19</v>
      </c>
      <c r="AB13073">
        <v>19</v>
      </c>
      <c r="AC13073">
        <v>19</v>
      </c>
      <c r="AD13073">
        <v>19</v>
      </c>
      <c r="AE13073">
        <v>19</v>
      </c>
      <c r="AF13073">
        <v>20</v>
      </c>
      <c r="AG13073">
        <v>20</v>
      </c>
      <c r="AH13073">
        <v>20</v>
      </c>
      <c r="AI13073">
        <v>20</v>
      </c>
      <c r="AJ13073">
        <v>20</v>
      </c>
      <c r="AK13073">
        <v>21</v>
      </c>
      <c r="AL13073">
        <v>21</v>
      </c>
      <c r="AM13073">
        <v>20</v>
      </c>
      <c r="AN13073">
        <v>20</v>
      </c>
      <c r="AO13073">
        <v>20</v>
      </c>
      <c r="AP13073">
        <v>20</v>
      </c>
      <c r="AQ13073">
        <v>20</v>
      </c>
    </row>
    <row r="13074" spans="1:43">
      <c r="A13074" t="s">
        <v>8120</v>
      </c>
      <c r="B13074" t="s">
        <v>8121</v>
      </c>
      <c r="C13074" t="s">
        <v>8114</v>
      </c>
      <c r="D13074" t="s">
        <v>8115</v>
      </c>
      <c r="E13074" t="s">
        <v>8022</v>
      </c>
      <c r="F13074" t="s">
        <v>8023</v>
      </c>
      <c r="G13074" t="s">
        <v>80</v>
      </c>
      <c r="H13074" t="s">
        <v>81</v>
      </c>
      <c r="I13074" s="2">
        <v>0</v>
      </c>
      <c r="J13074" s="2">
        <v>0</v>
      </c>
      <c r="K13074" s="2">
        <v>1</v>
      </c>
      <c r="L13074" t="s">
        <v>995</v>
      </c>
      <c r="M13074" t="s">
        <v>83</v>
      </c>
      <c r="N13074" t="s">
        <v>84</v>
      </c>
      <c r="O13074" t="s">
        <v>85</v>
      </c>
      <c r="P13074" t="s">
        <v>86</v>
      </c>
      <c r="Q13074">
        <v>46</v>
      </c>
      <c r="R13074">
        <v>47</v>
      </c>
      <c r="S13074">
        <v>47</v>
      </c>
      <c r="T13074">
        <v>48</v>
      </c>
      <c r="U13074">
        <v>49</v>
      </c>
      <c r="V13074">
        <v>49</v>
      </c>
      <c r="W13074">
        <v>50</v>
      </c>
      <c r="X13074">
        <v>50</v>
      </c>
      <c r="Y13074">
        <v>51</v>
      </c>
      <c r="Z13074">
        <v>52</v>
      </c>
      <c r="AA13074">
        <v>52</v>
      </c>
      <c r="AB13074">
        <v>53</v>
      </c>
      <c r="AC13074">
        <v>53</v>
      </c>
      <c r="AD13074">
        <v>54</v>
      </c>
      <c r="AE13074">
        <v>54</v>
      </c>
      <c r="AF13074">
        <v>55</v>
      </c>
      <c r="AG13074">
        <v>55</v>
      </c>
      <c r="AH13074">
        <v>56</v>
      </c>
      <c r="AI13074">
        <v>56</v>
      </c>
      <c r="AJ13074">
        <v>57</v>
      </c>
      <c r="AK13074">
        <v>57</v>
      </c>
      <c r="AL13074">
        <v>57</v>
      </c>
      <c r="AM13074">
        <v>57</v>
      </c>
      <c r="AN13074">
        <v>57</v>
      </c>
      <c r="AO13074">
        <v>57</v>
      </c>
      <c r="AP13074">
        <v>57</v>
      </c>
      <c r="AQ13074">
        <v>56</v>
      </c>
    </row>
    <row r="13075" spans="1:43">
      <c r="A13075" t="s">
        <v>8120</v>
      </c>
      <c r="B13075" t="s">
        <v>8121</v>
      </c>
      <c r="C13075" t="s">
        <v>8114</v>
      </c>
      <c r="D13075" t="s">
        <v>8115</v>
      </c>
      <c r="E13075" t="s">
        <v>8022</v>
      </c>
      <c r="F13075" t="s">
        <v>8023</v>
      </c>
      <c r="G13075" t="s">
        <v>80</v>
      </c>
      <c r="H13075" t="s">
        <v>81</v>
      </c>
      <c r="I13075" s="2">
        <v>0</v>
      </c>
      <c r="J13075" s="2">
        <v>0</v>
      </c>
      <c r="K13075" s="2">
        <v>1</v>
      </c>
      <c r="L13075" t="s">
        <v>995</v>
      </c>
      <c r="M13075" t="s">
        <v>87</v>
      </c>
      <c r="N13075" t="s">
        <v>88</v>
      </c>
      <c r="O13075" t="s">
        <v>85</v>
      </c>
      <c r="P13075" t="s">
        <v>86</v>
      </c>
      <c r="Q13075">
        <v>46</v>
      </c>
      <c r="R13075">
        <v>46</v>
      </c>
      <c r="S13075">
        <v>46</v>
      </c>
      <c r="T13075">
        <v>46</v>
      </c>
      <c r="U13075">
        <v>46</v>
      </c>
      <c r="V13075">
        <v>47</v>
      </c>
      <c r="W13075">
        <v>47</v>
      </c>
      <c r="X13075">
        <v>47</v>
      </c>
      <c r="Y13075">
        <v>47</v>
      </c>
      <c r="Z13075">
        <v>47</v>
      </c>
      <c r="AA13075">
        <v>48</v>
      </c>
      <c r="AB13075">
        <v>48</v>
      </c>
      <c r="AC13075">
        <v>48</v>
      </c>
      <c r="AD13075">
        <v>48</v>
      </c>
      <c r="AE13075">
        <v>48</v>
      </c>
      <c r="AF13075">
        <v>48</v>
      </c>
      <c r="AG13075">
        <v>48</v>
      </c>
      <c r="AH13075">
        <v>48</v>
      </c>
      <c r="AI13075">
        <v>49</v>
      </c>
      <c r="AJ13075">
        <v>49</v>
      </c>
      <c r="AK13075">
        <v>49</v>
      </c>
      <c r="AL13075">
        <v>49</v>
      </c>
      <c r="AM13075">
        <v>49</v>
      </c>
      <c r="AN13075">
        <v>49</v>
      </c>
      <c r="AO13075">
        <v>49</v>
      </c>
      <c r="AP13075">
        <v>49</v>
      </c>
      <c r="AQ13075">
        <v>49</v>
      </c>
    </row>
    <row r="13076" spans="1:43">
      <c r="A13076" t="s">
        <v>8120</v>
      </c>
      <c r="B13076" t="s">
        <v>8121</v>
      </c>
      <c r="C13076" t="s">
        <v>8114</v>
      </c>
      <c r="D13076" t="s">
        <v>8115</v>
      </c>
      <c r="E13076" t="s">
        <v>8022</v>
      </c>
      <c r="F13076" t="s">
        <v>8023</v>
      </c>
      <c r="G13076" t="s">
        <v>80</v>
      </c>
      <c r="H13076" t="s">
        <v>81</v>
      </c>
      <c r="I13076" s="2">
        <v>0</v>
      </c>
      <c r="J13076" s="2">
        <v>0</v>
      </c>
      <c r="K13076" s="2">
        <v>1</v>
      </c>
      <c r="L13076" t="s">
        <v>995</v>
      </c>
      <c r="M13076" t="s">
        <v>89</v>
      </c>
      <c r="N13076" t="s">
        <v>90</v>
      </c>
      <c r="O13076" t="s">
        <v>85</v>
      </c>
      <c r="P13076" t="s">
        <v>86</v>
      </c>
      <c r="Q13076">
        <v>46</v>
      </c>
      <c r="R13076">
        <v>47</v>
      </c>
      <c r="S13076">
        <v>49</v>
      </c>
      <c r="T13076">
        <v>50</v>
      </c>
      <c r="U13076">
        <v>51</v>
      </c>
      <c r="V13076">
        <v>51</v>
      </c>
      <c r="W13076">
        <v>52</v>
      </c>
      <c r="X13076">
        <v>53</v>
      </c>
      <c r="Y13076">
        <v>54</v>
      </c>
      <c r="Z13076">
        <v>55</v>
      </c>
      <c r="AA13076">
        <v>56</v>
      </c>
      <c r="AB13076">
        <v>56</v>
      </c>
      <c r="AC13076">
        <v>57</v>
      </c>
      <c r="AD13076">
        <v>58</v>
      </c>
      <c r="AE13076">
        <v>58</v>
      </c>
      <c r="AF13076">
        <v>58</v>
      </c>
      <c r="AG13076">
        <v>58</v>
      </c>
      <c r="AH13076">
        <v>58</v>
      </c>
      <c r="AI13076">
        <v>58</v>
      </c>
      <c r="AJ13076">
        <v>58</v>
      </c>
      <c r="AK13076">
        <v>58</v>
      </c>
      <c r="AL13076">
        <v>58</v>
      </c>
      <c r="AM13076">
        <v>57</v>
      </c>
      <c r="AN13076">
        <v>57</v>
      </c>
      <c r="AO13076">
        <v>57</v>
      </c>
      <c r="AP13076">
        <v>57</v>
      </c>
      <c r="AQ13076">
        <v>57</v>
      </c>
    </row>
    <row r="13077" spans="1:43">
      <c r="A13077" t="s">
        <v>8120</v>
      </c>
      <c r="B13077" t="s">
        <v>8121</v>
      </c>
      <c r="C13077" t="s">
        <v>8114</v>
      </c>
      <c r="D13077" t="s">
        <v>8115</v>
      </c>
      <c r="E13077" t="s">
        <v>8022</v>
      </c>
      <c r="F13077" t="s">
        <v>8023</v>
      </c>
      <c r="G13077" t="s">
        <v>80</v>
      </c>
      <c r="H13077" t="s">
        <v>81</v>
      </c>
      <c r="I13077" s="2">
        <v>0</v>
      </c>
      <c r="J13077" s="2">
        <v>0</v>
      </c>
      <c r="K13077" s="2">
        <v>1</v>
      </c>
      <c r="L13077" t="s">
        <v>995</v>
      </c>
      <c r="M13077" t="s">
        <v>83</v>
      </c>
      <c r="N13077" t="s">
        <v>91</v>
      </c>
      <c r="O13077" t="s">
        <v>85</v>
      </c>
      <c r="P13077" t="s">
        <v>86</v>
      </c>
      <c r="Q13077">
        <v>46</v>
      </c>
      <c r="R13077">
        <v>47</v>
      </c>
      <c r="S13077">
        <v>47</v>
      </c>
      <c r="T13077">
        <v>48</v>
      </c>
      <c r="U13077">
        <v>49</v>
      </c>
      <c r="V13077">
        <v>49</v>
      </c>
      <c r="W13077">
        <v>50</v>
      </c>
      <c r="X13077">
        <v>50</v>
      </c>
      <c r="Y13077">
        <v>51</v>
      </c>
      <c r="Z13077">
        <v>52</v>
      </c>
      <c r="AA13077">
        <v>52</v>
      </c>
      <c r="AB13077">
        <v>53</v>
      </c>
      <c r="AC13077">
        <v>53</v>
      </c>
      <c r="AD13077">
        <v>54</v>
      </c>
      <c r="AE13077">
        <v>54</v>
      </c>
      <c r="AF13077">
        <v>55</v>
      </c>
      <c r="AG13077">
        <v>55</v>
      </c>
      <c r="AH13077">
        <v>56</v>
      </c>
      <c r="AI13077">
        <v>56</v>
      </c>
      <c r="AJ13077">
        <v>57</v>
      </c>
      <c r="AK13077">
        <v>57</v>
      </c>
      <c r="AL13077">
        <v>57</v>
      </c>
      <c r="AM13077">
        <v>57</v>
      </c>
      <c r="AN13077">
        <v>57</v>
      </c>
      <c r="AO13077">
        <v>57</v>
      </c>
      <c r="AP13077">
        <v>57</v>
      </c>
      <c r="AQ13077">
        <v>56</v>
      </c>
    </row>
    <row r="13078" spans="1:43">
      <c r="A13078" t="s">
        <v>8122</v>
      </c>
      <c r="B13078" t="s">
        <v>8123</v>
      </c>
      <c r="C13078" t="s">
        <v>8114</v>
      </c>
      <c r="D13078" t="s">
        <v>8115</v>
      </c>
      <c r="E13078" t="s">
        <v>8022</v>
      </c>
      <c r="F13078" t="s">
        <v>8023</v>
      </c>
      <c r="G13078" t="s">
        <v>80</v>
      </c>
      <c r="H13078" t="s">
        <v>81</v>
      </c>
      <c r="I13078" s="2">
        <v>0</v>
      </c>
      <c r="J13078" s="2">
        <v>0</v>
      </c>
      <c r="K13078" s="2">
        <v>1</v>
      </c>
      <c r="L13078" t="s">
        <v>995</v>
      </c>
      <c r="M13078" t="s">
        <v>83</v>
      </c>
      <c r="N13078" t="s">
        <v>84</v>
      </c>
      <c r="O13078" t="s">
        <v>85</v>
      </c>
      <c r="P13078" t="s">
        <v>86</v>
      </c>
      <c r="Q13078">
        <v>39</v>
      </c>
      <c r="R13078">
        <v>39</v>
      </c>
      <c r="S13078">
        <v>40</v>
      </c>
      <c r="T13078">
        <v>40</v>
      </c>
      <c r="U13078">
        <v>41</v>
      </c>
      <c r="V13078">
        <v>42</v>
      </c>
      <c r="W13078">
        <v>42</v>
      </c>
      <c r="X13078">
        <v>43</v>
      </c>
      <c r="Y13078">
        <v>43</v>
      </c>
      <c r="Z13078">
        <v>44</v>
      </c>
      <c r="AA13078">
        <v>44</v>
      </c>
      <c r="AB13078">
        <v>45</v>
      </c>
      <c r="AC13078">
        <v>45</v>
      </c>
      <c r="AD13078">
        <v>45</v>
      </c>
      <c r="AE13078">
        <v>46</v>
      </c>
      <c r="AF13078">
        <v>46</v>
      </c>
      <c r="AG13078">
        <v>47</v>
      </c>
      <c r="AH13078">
        <v>47</v>
      </c>
      <c r="AI13078">
        <v>48</v>
      </c>
      <c r="AJ13078">
        <v>48</v>
      </c>
      <c r="AK13078">
        <v>48</v>
      </c>
      <c r="AL13078">
        <v>48</v>
      </c>
      <c r="AM13078">
        <v>48</v>
      </c>
      <c r="AN13078">
        <v>48</v>
      </c>
      <c r="AO13078">
        <v>48</v>
      </c>
      <c r="AP13078">
        <v>48</v>
      </c>
      <c r="AQ13078">
        <v>48</v>
      </c>
    </row>
    <row r="13079" spans="1:43">
      <c r="A13079" t="s">
        <v>8122</v>
      </c>
      <c r="B13079" t="s">
        <v>8123</v>
      </c>
      <c r="C13079" t="s">
        <v>8114</v>
      </c>
      <c r="D13079" t="s">
        <v>8115</v>
      </c>
      <c r="E13079" t="s">
        <v>8022</v>
      </c>
      <c r="F13079" t="s">
        <v>8023</v>
      </c>
      <c r="G13079" t="s">
        <v>80</v>
      </c>
      <c r="H13079" t="s">
        <v>81</v>
      </c>
      <c r="I13079" s="2">
        <v>0</v>
      </c>
      <c r="J13079" s="2">
        <v>0</v>
      </c>
      <c r="K13079" s="2">
        <v>1</v>
      </c>
      <c r="L13079" t="s">
        <v>995</v>
      </c>
      <c r="M13079" t="s">
        <v>87</v>
      </c>
      <c r="N13079" t="s">
        <v>88</v>
      </c>
      <c r="O13079" t="s">
        <v>85</v>
      </c>
      <c r="P13079" t="s">
        <v>86</v>
      </c>
      <c r="Q13079">
        <v>39</v>
      </c>
      <c r="R13079">
        <v>40</v>
      </c>
      <c r="S13079">
        <v>40</v>
      </c>
      <c r="T13079">
        <v>40</v>
      </c>
      <c r="U13079">
        <v>40</v>
      </c>
      <c r="V13079">
        <v>40</v>
      </c>
      <c r="W13079">
        <v>41</v>
      </c>
      <c r="X13079">
        <v>41</v>
      </c>
      <c r="Y13079">
        <v>41</v>
      </c>
      <c r="Z13079">
        <v>41</v>
      </c>
      <c r="AA13079">
        <v>41</v>
      </c>
      <c r="AB13079">
        <v>41</v>
      </c>
      <c r="AC13079">
        <v>41</v>
      </c>
      <c r="AD13079">
        <v>42</v>
      </c>
      <c r="AE13079">
        <v>42</v>
      </c>
      <c r="AF13079">
        <v>42</v>
      </c>
      <c r="AG13079">
        <v>42</v>
      </c>
      <c r="AH13079">
        <v>42</v>
      </c>
      <c r="AI13079">
        <v>42</v>
      </c>
      <c r="AJ13079">
        <v>42</v>
      </c>
      <c r="AK13079">
        <v>42</v>
      </c>
      <c r="AL13079">
        <v>42</v>
      </c>
      <c r="AM13079">
        <v>42</v>
      </c>
      <c r="AN13079">
        <v>42</v>
      </c>
      <c r="AO13079">
        <v>42</v>
      </c>
      <c r="AP13079">
        <v>42</v>
      </c>
      <c r="AQ13079">
        <v>42</v>
      </c>
    </row>
    <row r="13080" spans="1:43">
      <c r="A13080" t="s">
        <v>8122</v>
      </c>
      <c r="B13080" t="s">
        <v>8123</v>
      </c>
      <c r="C13080" t="s">
        <v>8114</v>
      </c>
      <c r="D13080" t="s">
        <v>8115</v>
      </c>
      <c r="E13080" t="s">
        <v>8022</v>
      </c>
      <c r="F13080" t="s">
        <v>8023</v>
      </c>
      <c r="G13080" t="s">
        <v>80</v>
      </c>
      <c r="H13080" t="s">
        <v>81</v>
      </c>
      <c r="I13080" s="2">
        <v>0</v>
      </c>
      <c r="J13080" s="2">
        <v>0</v>
      </c>
      <c r="K13080" s="2">
        <v>1</v>
      </c>
      <c r="L13080" t="s">
        <v>995</v>
      </c>
      <c r="M13080" t="s">
        <v>89</v>
      </c>
      <c r="N13080" t="s">
        <v>90</v>
      </c>
      <c r="O13080" t="s">
        <v>85</v>
      </c>
      <c r="P13080" t="s">
        <v>86</v>
      </c>
      <c r="Q13080">
        <v>39</v>
      </c>
      <c r="R13080">
        <v>40</v>
      </c>
      <c r="S13080">
        <v>41</v>
      </c>
      <c r="T13080">
        <v>42</v>
      </c>
      <c r="U13080">
        <v>43</v>
      </c>
      <c r="V13080">
        <v>43</v>
      </c>
      <c r="W13080">
        <v>44</v>
      </c>
      <c r="X13080">
        <v>45</v>
      </c>
      <c r="Y13080">
        <v>46</v>
      </c>
      <c r="Z13080">
        <v>46</v>
      </c>
      <c r="AA13080">
        <v>47</v>
      </c>
      <c r="AB13080">
        <v>48</v>
      </c>
      <c r="AC13080">
        <v>48</v>
      </c>
      <c r="AD13080">
        <v>49</v>
      </c>
      <c r="AE13080">
        <v>49</v>
      </c>
      <c r="AF13080">
        <v>49</v>
      </c>
      <c r="AG13080">
        <v>49</v>
      </c>
      <c r="AH13080">
        <v>49</v>
      </c>
      <c r="AI13080">
        <v>49</v>
      </c>
      <c r="AJ13080">
        <v>49</v>
      </c>
      <c r="AK13080">
        <v>49</v>
      </c>
      <c r="AL13080">
        <v>49</v>
      </c>
      <c r="AM13080">
        <v>49</v>
      </c>
      <c r="AN13080">
        <v>48</v>
      </c>
      <c r="AO13080">
        <v>48</v>
      </c>
      <c r="AP13080">
        <v>48</v>
      </c>
      <c r="AQ13080">
        <v>48</v>
      </c>
    </row>
    <row r="13081" spans="1:43">
      <c r="A13081" t="s">
        <v>8122</v>
      </c>
      <c r="B13081" t="s">
        <v>8123</v>
      </c>
      <c r="C13081" t="s">
        <v>8114</v>
      </c>
      <c r="D13081" t="s">
        <v>8115</v>
      </c>
      <c r="E13081" t="s">
        <v>8022</v>
      </c>
      <c r="F13081" t="s">
        <v>8023</v>
      </c>
      <c r="G13081" t="s">
        <v>80</v>
      </c>
      <c r="H13081" t="s">
        <v>81</v>
      </c>
      <c r="I13081" s="2">
        <v>0</v>
      </c>
      <c r="J13081" s="2">
        <v>0</v>
      </c>
      <c r="K13081" s="2">
        <v>1</v>
      </c>
      <c r="L13081" t="s">
        <v>995</v>
      </c>
      <c r="M13081" t="s">
        <v>83</v>
      </c>
      <c r="N13081" t="s">
        <v>91</v>
      </c>
      <c r="O13081" t="s">
        <v>85</v>
      </c>
      <c r="P13081" t="s">
        <v>86</v>
      </c>
      <c r="Q13081">
        <v>39</v>
      </c>
      <c r="R13081">
        <v>39</v>
      </c>
      <c r="S13081">
        <v>40</v>
      </c>
      <c r="T13081">
        <v>40</v>
      </c>
      <c r="U13081">
        <v>41</v>
      </c>
      <c r="V13081">
        <v>42</v>
      </c>
      <c r="W13081">
        <v>42</v>
      </c>
      <c r="X13081">
        <v>43</v>
      </c>
      <c r="Y13081">
        <v>43</v>
      </c>
      <c r="Z13081">
        <v>44</v>
      </c>
      <c r="AA13081">
        <v>44</v>
      </c>
      <c r="AB13081">
        <v>45</v>
      </c>
      <c r="AC13081">
        <v>45</v>
      </c>
      <c r="AD13081">
        <v>45</v>
      </c>
      <c r="AE13081">
        <v>46</v>
      </c>
      <c r="AF13081">
        <v>46</v>
      </c>
      <c r="AG13081">
        <v>47</v>
      </c>
      <c r="AH13081">
        <v>47</v>
      </c>
      <c r="AI13081">
        <v>48</v>
      </c>
      <c r="AJ13081">
        <v>48</v>
      </c>
      <c r="AK13081">
        <v>48</v>
      </c>
      <c r="AL13081">
        <v>48</v>
      </c>
      <c r="AM13081">
        <v>48</v>
      </c>
      <c r="AN13081">
        <v>48</v>
      </c>
      <c r="AO13081">
        <v>48</v>
      </c>
      <c r="AP13081">
        <v>48</v>
      </c>
      <c r="AQ13081">
        <v>48</v>
      </c>
    </row>
    <row r="13082" spans="1:43">
      <c r="A13082" t="s">
        <v>8124</v>
      </c>
      <c r="B13082" t="s">
        <v>8125</v>
      </c>
      <c r="C13082" t="s">
        <v>8114</v>
      </c>
      <c r="D13082" t="s">
        <v>8115</v>
      </c>
      <c r="E13082" t="s">
        <v>8022</v>
      </c>
      <c r="F13082" t="s">
        <v>8023</v>
      </c>
      <c r="G13082" t="s">
        <v>80</v>
      </c>
      <c r="H13082" t="s">
        <v>81</v>
      </c>
      <c r="I13082" s="2">
        <v>0</v>
      </c>
      <c r="J13082" s="2">
        <v>0</v>
      </c>
      <c r="K13082" s="2">
        <v>1</v>
      </c>
      <c r="L13082" t="s">
        <v>995</v>
      </c>
      <c r="M13082" t="s">
        <v>83</v>
      </c>
      <c r="N13082" t="s">
        <v>84</v>
      </c>
      <c r="O13082" t="s">
        <v>85</v>
      </c>
      <c r="P13082" t="s">
        <v>86</v>
      </c>
      <c r="Q13082">
        <v>76</v>
      </c>
      <c r="R13082">
        <v>77</v>
      </c>
      <c r="S13082">
        <v>78</v>
      </c>
      <c r="T13082">
        <v>79</v>
      </c>
      <c r="U13082">
        <v>80</v>
      </c>
      <c r="V13082">
        <v>81</v>
      </c>
      <c r="W13082">
        <v>82</v>
      </c>
      <c r="X13082">
        <v>83</v>
      </c>
      <c r="Y13082">
        <v>84</v>
      </c>
      <c r="Z13082">
        <v>85</v>
      </c>
      <c r="AA13082">
        <v>86</v>
      </c>
      <c r="AB13082">
        <v>87</v>
      </c>
      <c r="AC13082">
        <v>88</v>
      </c>
      <c r="AD13082">
        <v>88</v>
      </c>
      <c r="AE13082">
        <v>89</v>
      </c>
      <c r="AF13082">
        <v>90</v>
      </c>
      <c r="AG13082">
        <v>91</v>
      </c>
      <c r="AH13082">
        <v>91</v>
      </c>
      <c r="AI13082">
        <v>92</v>
      </c>
      <c r="AJ13082">
        <v>93</v>
      </c>
      <c r="AK13082">
        <v>94</v>
      </c>
      <c r="AL13082">
        <v>94</v>
      </c>
      <c r="AM13082">
        <v>93</v>
      </c>
      <c r="AN13082">
        <v>93</v>
      </c>
      <c r="AO13082">
        <v>93</v>
      </c>
      <c r="AP13082">
        <v>92</v>
      </c>
      <c r="AQ13082">
        <v>92</v>
      </c>
    </row>
    <row r="13083" spans="1:43">
      <c r="A13083" t="s">
        <v>8124</v>
      </c>
      <c r="B13083" t="s">
        <v>8125</v>
      </c>
      <c r="C13083" t="s">
        <v>8114</v>
      </c>
      <c r="D13083" t="s">
        <v>8115</v>
      </c>
      <c r="E13083" t="s">
        <v>8022</v>
      </c>
      <c r="F13083" t="s">
        <v>8023</v>
      </c>
      <c r="G13083" t="s">
        <v>80</v>
      </c>
      <c r="H13083" t="s">
        <v>81</v>
      </c>
      <c r="I13083" s="2">
        <v>0</v>
      </c>
      <c r="J13083" s="2">
        <v>0</v>
      </c>
      <c r="K13083" s="2">
        <v>1</v>
      </c>
      <c r="L13083" t="s">
        <v>995</v>
      </c>
      <c r="M13083" t="s">
        <v>87</v>
      </c>
      <c r="N13083" t="s">
        <v>88</v>
      </c>
      <c r="O13083" t="s">
        <v>85</v>
      </c>
      <c r="P13083" t="s">
        <v>86</v>
      </c>
      <c r="Q13083">
        <v>76</v>
      </c>
      <c r="R13083">
        <v>77</v>
      </c>
      <c r="S13083">
        <v>77</v>
      </c>
      <c r="T13083">
        <v>77</v>
      </c>
      <c r="U13083">
        <v>77</v>
      </c>
      <c r="V13083">
        <v>78</v>
      </c>
      <c r="W13083">
        <v>78</v>
      </c>
      <c r="X13083">
        <v>78</v>
      </c>
      <c r="Y13083">
        <v>79</v>
      </c>
      <c r="Z13083">
        <v>79</v>
      </c>
      <c r="AA13083">
        <v>79</v>
      </c>
      <c r="AB13083">
        <v>79</v>
      </c>
      <c r="AC13083">
        <v>80</v>
      </c>
      <c r="AD13083">
        <v>80</v>
      </c>
      <c r="AE13083">
        <v>80</v>
      </c>
      <c r="AF13083">
        <v>80</v>
      </c>
      <c r="AG13083">
        <v>80</v>
      </c>
      <c r="AH13083">
        <v>80</v>
      </c>
      <c r="AI13083">
        <v>81</v>
      </c>
      <c r="AJ13083">
        <v>81</v>
      </c>
      <c r="AK13083">
        <v>81</v>
      </c>
      <c r="AL13083">
        <v>81</v>
      </c>
      <c r="AM13083">
        <v>81</v>
      </c>
      <c r="AN13083">
        <v>81</v>
      </c>
      <c r="AO13083">
        <v>81</v>
      </c>
      <c r="AP13083">
        <v>81</v>
      </c>
      <c r="AQ13083">
        <v>81</v>
      </c>
    </row>
    <row r="13084" spans="1:43">
      <c r="A13084" t="s">
        <v>8124</v>
      </c>
      <c r="B13084" t="s">
        <v>8125</v>
      </c>
      <c r="C13084" t="s">
        <v>8114</v>
      </c>
      <c r="D13084" t="s">
        <v>8115</v>
      </c>
      <c r="E13084" t="s">
        <v>8022</v>
      </c>
      <c r="F13084" t="s">
        <v>8023</v>
      </c>
      <c r="G13084" t="s">
        <v>80</v>
      </c>
      <c r="H13084" t="s">
        <v>81</v>
      </c>
      <c r="I13084" s="2">
        <v>0</v>
      </c>
      <c r="J13084" s="2">
        <v>0</v>
      </c>
      <c r="K13084" s="2">
        <v>1</v>
      </c>
      <c r="L13084" t="s">
        <v>995</v>
      </c>
      <c r="M13084" t="s">
        <v>89</v>
      </c>
      <c r="N13084" t="s">
        <v>90</v>
      </c>
      <c r="O13084" t="s">
        <v>85</v>
      </c>
      <c r="P13084" t="s">
        <v>86</v>
      </c>
      <c r="Q13084">
        <v>76</v>
      </c>
      <c r="R13084">
        <v>77</v>
      </c>
      <c r="S13084">
        <v>79</v>
      </c>
      <c r="T13084">
        <v>81</v>
      </c>
      <c r="U13084">
        <v>82</v>
      </c>
      <c r="V13084">
        <v>84</v>
      </c>
      <c r="W13084">
        <v>85</v>
      </c>
      <c r="X13084">
        <v>87</v>
      </c>
      <c r="Y13084">
        <v>88</v>
      </c>
      <c r="Z13084">
        <v>89</v>
      </c>
      <c r="AA13084">
        <v>90</v>
      </c>
      <c r="AB13084">
        <v>92</v>
      </c>
      <c r="AC13084">
        <v>93</v>
      </c>
      <c r="AD13084">
        <v>94</v>
      </c>
      <c r="AE13084">
        <v>95</v>
      </c>
      <c r="AF13084">
        <v>94</v>
      </c>
      <c r="AG13084">
        <v>94</v>
      </c>
      <c r="AH13084">
        <v>94</v>
      </c>
      <c r="AI13084">
        <v>94</v>
      </c>
      <c r="AJ13084">
        <v>94</v>
      </c>
      <c r="AK13084">
        <v>93</v>
      </c>
      <c r="AL13084">
        <v>93</v>
      </c>
      <c r="AM13084">
        <v>93</v>
      </c>
      <c r="AN13084">
        <v>93</v>
      </c>
      <c r="AO13084">
        <v>92</v>
      </c>
      <c r="AP13084">
        <v>92</v>
      </c>
      <c r="AQ13084">
        <v>92</v>
      </c>
    </row>
    <row r="13085" spans="1:43">
      <c r="A13085" t="s">
        <v>8124</v>
      </c>
      <c r="B13085" t="s">
        <v>8125</v>
      </c>
      <c r="C13085" t="s">
        <v>8114</v>
      </c>
      <c r="D13085" t="s">
        <v>8115</v>
      </c>
      <c r="E13085" t="s">
        <v>8022</v>
      </c>
      <c r="F13085" t="s">
        <v>8023</v>
      </c>
      <c r="G13085" t="s">
        <v>80</v>
      </c>
      <c r="H13085" t="s">
        <v>81</v>
      </c>
      <c r="I13085" s="2">
        <v>0</v>
      </c>
      <c r="J13085" s="2">
        <v>0</v>
      </c>
      <c r="K13085" s="2">
        <v>1</v>
      </c>
      <c r="L13085" t="s">
        <v>995</v>
      </c>
      <c r="M13085" t="s">
        <v>83</v>
      </c>
      <c r="N13085" t="s">
        <v>91</v>
      </c>
      <c r="O13085" t="s">
        <v>85</v>
      </c>
      <c r="P13085" t="s">
        <v>86</v>
      </c>
      <c r="Q13085">
        <v>76</v>
      </c>
      <c r="R13085">
        <v>77</v>
      </c>
      <c r="S13085">
        <v>78</v>
      </c>
      <c r="T13085">
        <v>79</v>
      </c>
      <c r="U13085">
        <v>80</v>
      </c>
      <c r="V13085">
        <v>81</v>
      </c>
      <c r="W13085">
        <v>82</v>
      </c>
      <c r="X13085">
        <v>83</v>
      </c>
      <c r="Y13085">
        <v>84</v>
      </c>
      <c r="Z13085">
        <v>85</v>
      </c>
      <c r="AA13085">
        <v>86</v>
      </c>
      <c r="AB13085">
        <v>87</v>
      </c>
      <c r="AC13085">
        <v>88</v>
      </c>
      <c r="AD13085">
        <v>88</v>
      </c>
      <c r="AE13085">
        <v>89</v>
      </c>
      <c r="AF13085">
        <v>90</v>
      </c>
      <c r="AG13085">
        <v>91</v>
      </c>
      <c r="AH13085">
        <v>91</v>
      </c>
      <c r="AI13085">
        <v>92</v>
      </c>
      <c r="AJ13085">
        <v>93</v>
      </c>
      <c r="AK13085">
        <v>94</v>
      </c>
      <c r="AL13085">
        <v>94</v>
      </c>
      <c r="AM13085">
        <v>93</v>
      </c>
      <c r="AN13085">
        <v>93</v>
      </c>
      <c r="AO13085">
        <v>93</v>
      </c>
      <c r="AP13085">
        <v>92</v>
      </c>
      <c r="AQ13085">
        <v>92</v>
      </c>
    </row>
    <row r="13086" spans="1:43">
      <c r="A13086" t="s">
        <v>8126</v>
      </c>
      <c r="B13086" t="s">
        <v>8127</v>
      </c>
      <c r="C13086" t="s">
        <v>8128</v>
      </c>
      <c r="D13086" t="s">
        <v>8129</v>
      </c>
      <c r="E13086" t="s">
        <v>8022</v>
      </c>
      <c r="F13086" t="s">
        <v>8023</v>
      </c>
      <c r="G13086" t="s">
        <v>80</v>
      </c>
      <c r="H13086" t="s">
        <v>81</v>
      </c>
      <c r="I13086" s="2">
        <v>0</v>
      </c>
      <c r="J13086" s="2">
        <v>0</v>
      </c>
      <c r="K13086" s="2">
        <v>0.61</v>
      </c>
      <c r="L13086" t="s">
        <v>995</v>
      </c>
      <c r="M13086" t="s">
        <v>83</v>
      </c>
      <c r="N13086" t="s">
        <v>84</v>
      </c>
      <c r="O13086" t="s">
        <v>85</v>
      </c>
      <c r="P13086" t="s">
        <v>86</v>
      </c>
      <c r="Q13086">
        <v>6</v>
      </c>
      <c r="R13086">
        <v>6</v>
      </c>
      <c r="S13086">
        <v>6</v>
      </c>
      <c r="T13086">
        <v>6</v>
      </c>
      <c r="U13086">
        <v>7</v>
      </c>
      <c r="V13086">
        <v>7</v>
      </c>
      <c r="W13086">
        <v>7</v>
      </c>
      <c r="X13086">
        <v>7</v>
      </c>
      <c r="Y13086">
        <v>7</v>
      </c>
      <c r="Z13086">
        <v>7</v>
      </c>
      <c r="AA13086">
        <v>7</v>
      </c>
      <c r="AB13086">
        <v>7</v>
      </c>
      <c r="AC13086">
        <v>7</v>
      </c>
      <c r="AD13086">
        <v>7</v>
      </c>
      <c r="AE13086">
        <v>7</v>
      </c>
      <c r="AF13086">
        <v>7</v>
      </c>
      <c r="AG13086">
        <v>7</v>
      </c>
      <c r="AH13086">
        <v>8</v>
      </c>
      <c r="AI13086">
        <v>8</v>
      </c>
      <c r="AJ13086">
        <v>8</v>
      </c>
      <c r="AK13086">
        <v>8</v>
      </c>
      <c r="AL13086">
        <v>8</v>
      </c>
      <c r="AM13086">
        <v>8</v>
      </c>
      <c r="AN13086">
        <v>8</v>
      </c>
      <c r="AO13086">
        <v>8</v>
      </c>
      <c r="AP13086">
        <v>8</v>
      </c>
      <c r="AQ13086">
        <v>8</v>
      </c>
    </row>
    <row r="13087" spans="1:43">
      <c r="A13087" t="s">
        <v>8126</v>
      </c>
      <c r="B13087" t="s">
        <v>8127</v>
      </c>
      <c r="C13087" t="s">
        <v>8128</v>
      </c>
      <c r="D13087" t="s">
        <v>8129</v>
      </c>
      <c r="E13087" t="s">
        <v>8022</v>
      </c>
      <c r="F13087" t="s">
        <v>8023</v>
      </c>
      <c r="G13087" t="s">
        <v>80</v>
      </c>
      <c r="H13087" t="s">
        <v>81</v>
      </c>
      <c r="I13087" s="2">
        <v>0</v>
      </c>
      <c r="J13087" s="2">
        <v>0</v>
      </c>
      <c r="K13087" s="2">
        <v>0.61</v>
      </c>
      <c r="L13087" t="s">
        <v>995</v>
      </c>
      <c r="M13087" t="s">
        <v>87</v>
      </c>
      <c r="N13087" t="s">
        <v>88</v>
      </c>
      <c r="O13087" t="s">
        <v>85</v>
      </c>
      <c r="P13087" t="s">
        <v>86</v>
      </c>
      <c r="Q13087">
        <v>6</v>
      </c>
      <c r="R13087">
        <v>6</v>
      </c>
      <c r="S13087">
        <v>6</v>
      </c>
      <c r="T13087">
        <v>6</v>
      </c>
      <c r="U13087">
        <v>6</v>
      </c>
      <c r="V13087">
        <v>6</v>
      </c>
      <c r="W13087">
        <v>6</v>
      </c>
      <c r="X13087">
        <v>6</v>
      </c>
      <c r="Y13087">
        <v>6</v>
      </c>
      <c r="Z13087">
        <v>6</v>
      </c>
      <c r="AA13087">
        <v>6</v>
      </c>
      <c r="AB13087">
        <v>6</v>
      </c>
      <c r="AC13087">
        <v>6</v>
      </c>
      <c r="AD13087">
        <v>6</v>
      </c>
      <c r="AE13087">
        <v>6</v>
      </c>
      <c r="AF13087">
        <v>7</v>
      </c>
      <c r="AG13087">
        <v>7</v>
      </c>
      <c r="AH13087">
        <v>7</v>
      </c>
      <c r="AI13087">
        <v>7</v>
      </c>
      <c r="AJ13087">
        <v>7</v>
      </c>
      <c r="AK13087">
        <v>7</v>
      </c>
      <c r="AL13087">
        <v>7</v>
      </c>
      <c r="AM13087">
        <v>7</v>
      </c>
      <c r="AN13087">
        <v>7</v>
      </c>
      <c r="AO13087">
        <v>7</v>
      </c>
      <c r="AP13087">
        <v>7</v>
      </c>
      <c r="AQ13087">
        <v>7</v>
      </c>
    </row>
    <row r="13088" spans="1:43">
      <c r="A13088" t="s">
        <v>8126</v>
      </c>
      <c r="B13088" t="s">
        <v>8127</v>
      </c>
      <c r="C13088" t="s">
        <v>8128</v>
      </c>
      <c r="D13088" t="s">
        <v>8129</v>
      </c>
      <c r="E13088" t="s">
        <v>8022</v>
      </c>
      <c r="F13088" t="s">
        <v>8023</v>
      </c>
      <c r="G13088" t="s">
        <v>80</v>
      </c>
      <c r="H13088" t="s">
        <v>81</v>
      </c>
      <c r="I13088" s="2">
        <v>0</v>
      </c>
      <c r="J13088" s="2">
        <v>0</v>
      </c>
      <c r="K13088" s="2">
        <v>0.61</v>
      </c>
      <c r="L13088" t="s">
        <v>995</v>
      </c>
      <c r="M13088" t="s">
        <v>89</v>
      </c>
      <c r="N13088" t="s">
        <v>90</v>
      </c>
      <c r="O13088" t="s">
        <v>85</v>
      </c>
      <c r="P13088" t="s">
        <v>86</v>
      </c>
      <c r="Q13088">
        <v>6</v>
      </c>
      <c r="R13088">
        <v>6</v>
      </c>
      <c r="S13088">
        <v>6</v>
      </c>
      <c r="T13088">
        <v>7</v>
      </c>
      <c r="U13088">
        <v>7</v>
      </c>
      <c r="V13088">
        <v>7</v>
      </c>
      <c r="W13088">
        <v>7</v>
      </c>
      <c r="X13088">
        <v>7</v>
      </c>
      <c r="Y13088">
        <v>7</v>
      </c>
      <c r="Z13088">
        <v>7</v>
      </c>
      <c r="AA13088">
        <v>7</v>
      </c>
      <c r="AB13088">
        <v>8</v>
      </c>
      <c r="AC13088">
        <v>8</v>
      </c>
      <c r="AD13088">
        <v>8</v>
      </c>
      <c r="AE13088">
        <v>8</v>
      </c>
      <c r="AF13088">
        <v>8</v>
      </c>
      <c r="AG13088">
        <v>8</v>
      </c>
      <c r="AH13088">
        <v>8</v>
      </c>
      <c r="AI13088">
        <v>8</v>
      </c>
      <c r="AJ13088">
        <v>8</v>
      </c>
      <c r="AK13088">
        <v>8</v>
      </c>
      <c r="AL13088">
        <v>8</v>
      </c>
      <c r="AM13088">
        <v>8</v>
      </c>
      <c r="AN13088">
        <v>8</v>
      </c>
      <c r="AO13088">
        <v>8</v>
      </c>
      <c r="AP13088">
        <v>8</v>
      </c>
      <c r="AQ13088">
        <v>8</v>
      </c>
    </row>
    <row r="13089" spans="1:43">
      <c r="A13089" t="s">
        <v>8126</v>
      </c>
      <c r="B13089" t="s">
        <v>8127</v>
      </c>
      <c r="C13089" t="s">
        <v>8128</v>
      </c>
      <c r="D13089" t="s">
        <v>8129</v>
      </c>
      <c r="E13089" t="s">
        <v>8022</v>
      </c>
      <c r="F13089" t="s">
        <v>8023</v>
      </c>
      <c r="G13089" t="s">
        <v>80</v>
      </c>
      <c r="H13089" t="s">
        <v>81</v>
      </c>
      <c r="I13089" s="2">
        <v>0</v>
      </c>
      <c r="J13089" s="2">
        <v>0</v>
      </c>
      <c r="K13089" s="2">
        <v>0.61</v>
      </c>
      <c r="L13089" t="s">
        <v>995</v>
      </c>
      <c r="M13089" t="s">
        <v>83</v>
      </c>
      <c r="N13089" t="s">
        <v>91</v>
      </c>
      <c r="O13089" t="s">
        <v>85</v>
      </c>
      <c r="P13089" t="s">
        <v>86</v>
      </c>
      <c r="Q13089">
        <v>6</v>
      </c>
      <c r="R13089">
        <v>6</v>
      </c>
      <c r="S13089">
        <v>6</v>
      </c>
      <c r="T13089">
        <v>6</v>
      </c>
      <c r="U13089">
        <v>7</v>
      </c>
      <c r="V13089">
        <v>7</v>
      </c>
      <c r="W13089">
        <v>7</v>
      </c>
      <c r="X13089">
        <v>7</v>
      </c>
      <c r="Y13089">
        <v>7</v>
      </c>
      <c r="Z13089">
        <v>7</v>
      </c>
      <c r="AA13089">
        <v>7</v>
      </c>
      <c r="AB13089">
        <v>7</v>
      </c>
      <c r="AC13089">
        <v>7</v>
      </c>
      <c r="AD13089">
        <v>7</v>
      </c>
      <c r="AE13089">
        <v>7</v>
      </c>
      <c r="AF13089">
        <v>7</v>
      </c>
      <c r="AG13089">
        <v>7</v>
      </c>
      <c r="AH13089">
        <v>8</v>
      </c>
      <c r="AI13089">
        <v>8</v>
      </c>
      <c r="AJ13089">
        <v>8</v>
      </c>
      <c r="AK13089">
        <v>8</v>
      </c>
      <c r="AL13089">
        <v>8</v>
      </c>
      <c r="AM13089">
        <v>8</v>
      </c>
      <c r="AN13089">
        <v>8</v>
      </c>
      <c r="AO13089">
        <v>8</v>
      </c>
      <c r="AP13089">
        <v>8</v>
      </c>
      <c r="AQ13089">
        <v>8</v>
      </c>
    </row>
    <row r="13090" spans="1:43">
      <c r="A13090" t="s">
        <v>8130</v>
      </c>
      <c r="B13090" t="s">
        <v>8131</v>
      </c>
      <c r="C13090" t="s">
        <v>8128</v>
      </c>
      <c r="D13090" t="s">
        <v>8129</v>
      </c>
      <c r="E13090" t="s">
        <v>8022</v>
      </c>
      <c r="F13090" t="s">
        <v>8023</v>
      </c>
      <c r="G13090" t="s">
        <v>80</v>
      </c>
      <c r="H13090" t="s">
        <v>81</v>
      </c>
      <c r="I13090" s="2">
        <v>0</v>
      </c>
      <c r="J13090" s="2">
        <v>0</v>
      </c>
      <c r="K13090" s="2">
        <v>1</v>
      </c>
      <c r="L13090" t="s">
        <v>995</v>
      </c>
      <c r="M13090" t="s">
        <v>83</v>
      </c>
      <c r="N13090" t="s">
        <v>84</v>
      </c>
      <c r="O13090" t="s">
        <v>85</v>
      </c>
      <c r="P13090" t="s">
        <v>86</v>
      </c>
      <c r="Q13090">
        <v>32</v>
      </c>
      <c r="R13090">
        <v>33</v>
      </c>
      <c r="S13090">
        <v>33</v>
      </c>
      <c r="T13090">
        <v>34</v>
      </c>
      <c r="U13090">
        <v>34</v>
      </c>
      <c r="V13090">
        <v>35</v>
      </c>
      <c r="W13090">
        <v>35</v>
      </c>
      <c r="X13090">
        <v>36</v>
      </c>
      <c r="Y13090">
        <v>36</v>
      </c>
      <c r="Z13090">
        <v>36</v>
      </c>
      <c r="AA13090">
        <v>37</v>
      </c>
      <c r="AB13090">
        <v>37</v>
      </c>
      <c r="AC13090">
        <v>38</v>
      </c>
      <c r="AD13090">
        <v>38</v>
      </c>
      <c r="AE13090">
        <v>39</v>
      </c>
      <c r="AF13090">
        <v>39</v>
      </c>
      <c r="AG13090">
        <v>39</v>
      </c>
      <c r="AH13090">
        <v>40</v>
      </c>
      <c r="AI13090">
        <v>40</v>
      </c>
      <c r="AJ13090">
        <v>40</v>
      </c>
      <c r="AK13090">
        <v>41</v>
      </c>
      <c r="AL13090">
        <v>41</v>
      </c>
      <c r="AM13090">
        <v>41</v>
      </c>
      <c r="AN13090">
        <v>41</v>
      </c>
      <c r="AO13090">
        <v>41</v>
      </c>
      <c r="AP13090">
        <v>41</v>
      </c>
      <c r="AQ13090">
        <v>41</v>
      </c>
    </row>
    <row r="13091" spans="1:43">
      <c r="A13091" t="s">
        <v>8130</v>
      </c>
      <c r="B13091" t="s">
        <v>8131</v>
      </c>
      <c r="C13091" t="s">
        <v>8128</v>
      </c>
      <c r="D13091" t="s">
        <v>8129</v>
      </c>
      <c r="E13091" t="s">
        <v>8022</v>
      </c>
      <c r="F13091" t="s">
        <v>8023</v>
      </c>
      <c r="G13091" t="s">
        <v>80</v>
      </c>
      <c r="H13091" t="s">
        <v>81</v>
      </c>
      <c r="I13091" s="2">
        <v>0</v>
      </c>
      <c r="J13091" s="2">
        <v>0</v>
      </c>
      <c r="K13091" s="2">
        <v>1</v>
      </c>
      <c r="L13091" t="s">
        <v>995</v>
      </c>
      <c r="M13091" t="s">
        <v>87</v>
      </c>
      <c r="N13091" t="s">
        <v>88</v>
      </c>
      <c r="O13091" t="s">
        <v>85</v>
      </c>
      <c r="P13091" t="s">
        <v>86</v>
      </c>
      <c r="Q13091">
        <v>32</v>
      </c>
      <c r="R13091">
        <v>32</v>
      </c>
      <c r="S13091">
        <v>32</v>
      </c>
      <c r="T13091">
        <v>33</v>
      </c>
      <c r="U13091">
        <v>33</v>
      </c>
      <c r="V13091">
        <v>33</v>
      </c>
      <c r="W13091">
        <v>33</v>
      </c>
      <c r="X13091">
        <v>33</v>
      </c>
      <c r="Y13091">
        <v>33</v>
      </c>
      <c r="Z13091">
        <v>33</v>
      </c>
      <c r="AA13091">
        <v>34</v>
      </c>
      <c r="AB13091">
        <v>34</v>
      </c>
      <c r="AC13091">
        <v>34</v>
      </c>
      <c r="AD13091">
        <v>34</v>
      </c>
      <c r="AE13091">
        <v>34</v>
      </c>
      <c r="AF13091">
        <v>34</v>
      </c>
      <c r="AG13091">
        <v>34</v>
      </c>
      <c r="AH13091">
        <v>34</v>
      </c>
      <c r="AI13091">
        <v>35</v>
      </c>
      <c r="AJ13091">
        <v>35</v>
      </c>
      <c r="AK13091">
        <v>35</v>
      </c>
      <c r="AL13091">
        <v>35</v>
      </c>
      <c r="AM13091">
        <v>35</v>
      </c>
      <c r="AN13091">
        <v>35</v>
      </c>
      <c r="AO13091">
        <v>35</v>
      </c>
      <c r="AP13091">
        <v>35</v>
      </c>
      <c r="AQ13091">
        <v>35</v>
      </c>
    </row>
    <row r="13092" spans="1:43">
      <c r="A13092" t="s">
        <v>8130</v>
      </c>
      <c r="B13092" t="s">
        <v>8131</v>
      </c>
      <c r="C13092" t="s">
        <v>8128</v>
      </c>
      <c r="D13092" t="s">
        <v>8129</v>
      </c>
      <c r="E13092" t="s">
        <v>8022</v>
      </c>
      <c r="F13092" t="s">
        <v>8023</v>
      </c>
      <c r="G13092" t="s">
        <v>80</v>
      </c>
      <c r="H13092" t="s">
        <v>81</v>
      </c>
      <c r="I13092" s="2">
        <v>0</v>
      </c>
      <c r="J13092" s="2">
        <v>0</v>
      </c>
      <c r="K13092" s="2">
        <v>1</v>
      </c>
      <c r="L13092" t="s">
        <v>995</v>
      </c>
      <c r="M13092" t="s">
        <v>89</v>
      </c>
      <c r="N13092" t="s">
        <v>90</v>
      </c>
      <c r="O13092" t="s">
        <v>85</v>
      </c>
      <c r="P13092" t="s">
        <v>86</v>
      </c>
      <c r="Q13092">
        <v>32</v>
      </c>
      <c r="R13092">
        <v>32</v>
      </c>
      <c r="S13092">
        <v>33</v>
      </c>
      <c r="T13092">
        <v>34</v>
      </c>
      <c r="U13092">
        <v>35</v>
      </c>
      <c r="V13092">
        <v>35</v>
      </c>
      <c r="W13092">
        <v>36</v>
      </c>
      <c r="X13092">
        <v>37</v>
      </c>
      <c r="Y13092">
        <v>37</v>
      </c>
      <c r="Z13092">
        <v>38</v>
      </c>
      <c r="AA13092">
        <v>38</v>
      </c>
      <c r="AB13092">
        <v>39</v>
      </c>
      <c r="AC13092">
        <v>40</v>
      </c>
      <c r="AD13092">
        <v>40</v>
      </c>
      <c r="AE13092">
        <v>40</v>
      </c>
      <c r="AF13092">
        <v>40</v>
      </c>
      <c r="AG13092">
        <v>40</v>
      </c>
      <c r="AH13092">
        <v>40</v>
      </c>
      <c r="AI13092">
        <v>40</v>
      </c>
      <c r="AJ13092">
        <v>40</v>
      </c>
      <c r="AK13092">
        <v>40</v>
      </c>
      <c r="AL13092">
        <v>40</v>
      </c>
      <c r="AM13092">
        <v>40</v>
      </c>
      <c r="AN13092">
        <v>40</v>
      </c>
      <c r="AO13092">
        <v>40</v>
      </c>
      <c r="AP13092">
        <v>40</v>
      </c>
      <c r="AQ13092">
        <v>40</v>
      </c>
    </row>
    <row r="13093" spans="1:43">
      <c r="A13093" t="s">
        <v>8130</v>
      </c>
      <c r="B13093" t="s">
        <v>8131</v>
      </c>
      <c r="C13093" t="s">
        <v>8128</v>
      </c>
      <c r="D13093" t="s">
        <v>8129</v>
      </c>
      <c r="E13093" t="s">
        <v>8022</v>
      </c>
      <c r="F13093" t="s">
        <v>8023</v>
      </c>
      <c r="G13093" t="s">
        <v>80</v>
      </c>
      <c r="H13093" t="s">
        <v>81</v>
      </c>
      <c r="I13093" s="2">
        <v>0</v>
      </c>
      <c r="J13093" s="2">
        <v>0</v>
      </c>
      <c r="K13093" s="2">
        <v>1</v>
      </c>
      <c r="L13093" t="s">
        <v>995</v>
      </c>
      <c r="M13093" t="s">
        <v>83</v>
      </c>
      <c r="N13093" t="s">
        <v>91</v>
      </c>
      <c r="O13093" t="s">
        <v>85</v>
      </c>
      <c r="P13093" t="s">
        <v>86</v>
      </c>
      <c r="Q13093">
        <v>32</v>
      </c>
      <c r="R13093">
        <v>33</v>
      </c>
      <c r="S13093">
        <v>33</v>
      </c>
      <c r="T13093">
        <v>34</v>
      </c>
      <c r="U13093">
        <v>34</v>
      </c>
      <c r="V13093">
        <v>35</v>
      </c>
      <c r="W13093">
        <v>35</v>
      </c>
      <c r="X13093">
        <v>36</v>
      </c>
      <c r="Y13093">
        <v>36</v>
      </c>
      <c r="Z13093">
        <v>36</v>
      </c>
      <c r="AA13093">
        <v>37</v>
      </c>
      <c r="AB13093">
        <v>37</v>
      </c>
      <c r="AC13093">
        <v>38</v>
      </c>
      <c r="AD13093">
        <v>38</v>
      </c>
      <c r="AE13093">
        <v>39</v>
      </c>
      <c r="AF13093">
        <v>39</v>
      </c>
      <c r="AG13093">
        <v>39</v>
      </c>
      <c r="AH13093">
        <v>40</v>
      </c>
      <c r="AI13093">
        <v>40</v>
      </c>
      <c r="AJ13093">
        <v>40</v>
      </c>
      <c r="AK13093">
        <v>41</v>
      </c>
      <c r="AL13093">
        <v>41</v>
      </c>
      <c r="AM13093">
        <v>41</v>
      </c>
      <c r="AN13093">
        <v>41</v>
      </c>
      <c r="AO13093">
        <v>41</v>
      </c>
      <c r="AP13093">
        <v>41</v>
      </c>
      <c r="AQ13093">
        <v>41</v>
      </c>
    </row>
    <row r="13094" spans="1:43">
      <c r="A13094" t="s">
        <v>8132</v>
      </c>
      <c r="B13094" t="s">
        <v>8133</v>
      </c>
      <c r="C13094" t="s">
        <v>8128</v>
      </c>
      <c r="D13094" t="s">
        <v>8129</v>
      </c>
      <c r="E13094" t="s">
        <v>8022</v>
      </c>
      <c r="F13094" t="s">
        <v>8023</v>
      </c>
      <c r="G13094" t="s">
        <v>80</v>
      </c>
      <c r="H13094" t="s">
        <v>81</v>
      </c>
      <c r="I13094" s="2">
        <v>0</v>
      </c>
      <c r="J13094" s="2">
        <v>0</v>
      </c>
      <c r="K13094" s="2">
        <v>1</v>
      </c>
      <c r="L13094" t="s">
        <v>995</v>
      </c>
      <c r="M13094" t="s">
        <v>83</v>
      </c>
      <c r="N13094" t="s">
        <v>84</v>
      </c>
      <c r="O13094" t="s">
        <v>85</v>
      </c>
      <c r="P13094" t="s">
        <v>86</v>
      </c>
      <c r="Q13094">
        <v>20</v>
      </c>
      <c r="R13094">
        <v>20</v>
      </c>
      <c r="S13094">
        <v>21</v>
      </c>
      <c r="T13094">
        <v>21</v>
      </c>
      <c r="U13094">
        <v>21</v>
      </c>
      <c r="V13094">
        <v>21</v>
      </c>
      <c r="W13094">
        <v>22</v>
      </c>
      <c r="X13094">
        <v>22</v>
      </c>
      <c r="Y13094">
        <v>22</v>
      </c>
      <c r="Z13094">
        <v>22</v>
      </c>
      <c r="AA13094">
        <v>23</v>
      </c>
      <c r="AB13094">
        <v>23</v>
      </c>
      <c r="AC13094">
        <v>23</v>
      </c>
      <c r="AD13094">
        <v>23</v>
      </c>
      <c r="AE13094">
        <v>24</v>
      </c>
      <c r="AF13094">
        <v>24</v>
      </c>
      <c r="AG13094">
        <v>24</v>
      </c>
      <c r="AH13094">
        <v>24</v>
      </c>
      <c r="AI13094">
        <v>24</v>
      </c>
      <c r="AJ13094">
        <v>25</v>
      </c>
      <c r="AK13094">
        <v>25</v>
      </c>
      <c r="AL13094">
        <v>25</v>
      </c>
      <c r="AM13094">
        <v>25</v>
      </c>
      <c r="AN13094">
        <v>25</v>
      </c>
      <c r="AO13094">
        <v>25</v>
      </c>
      <c r="AP13094">
        <v>24</v>
      </c>
      <c r="AQ13094">
        <v>24</v>
      </c>
    </row>
    <row r="13095" spans="1:43">
      <c r="A13095" t="s">
        <v>8132</v>
      </c>
      <c r="B13095" t="s">
        <v>8133</v>
      </c>
      <c r="C13095" t="s">
        <v>8128</v>
      </c>
      <c r="D13095" t="s">
        <v>8129</v>
      </c>
      <c r="E13095" t="s">
        <v>8022</v>
      </c>
      <c r="F13095" t="s">
        <v>8023</v>
      </c>
      <c r="G13095" t="s">
        <v>80</v>
      </c>
      <c r="H13095" t="s">
        <v>81</v>
      </c>
      <c r="I13095" s="2">
        <v>0</v>
      </c>
      <c r="J13095" s="2">
        <v>0</v>
      </c>
      <c r="K13095" s="2">
        <v>1</v>
      </c>
      <c r="L13095" t="s">
        <v>995</v>
      </c>
      <c r="M13095" t="s">
        <v>87</v>
      </c>
      <c r="N13095" t="s">
        <v>88</v>
      </c>
      <c r="O13095" t="s">
        <v>85</v>
      </c>
      <c r="P13095" t="s">
        <v>86</v>
      </c>
      <c r="Q13095">
        <v>20</v>
      </c>
      <c r="R13095">
        <v>20</v>
      </c>
      <c r="S13095">
        <v>20</v>
      </c>
      <c r="T13095">
        <v>20</v>
      </c>
      <c r="U13095">
        <v>20</v>
      </c>
      <c r="V13095">
        <v>20</v>
      </c>
      <c r="W13095">
        <v>20</v>
      </c>
      <c r="X13095">
        <v>20</v>
      </c>
      <c r="Y13095">
        <v>20</v>
      </c>
      <c r="Z13095">
        <v>21</v>
      </c>
      <c r="AA13095">
        <v>21</v>
      </c>
      <c r="AB13095">
        <v>21</v>
      </c>
      <c r="AC13095">
        <v>21</v>
      </c>
      <c r="AD13095">
        <v>21</v>
      </c>
      <c r="AE13095">
        <v>21</v>
      </c>
      <c r="AF13095">
        <v>21</v>
      </c>
      <c r="AG13095">
        <v>21</v>
      </c>
      <c r="AH13095">
        <v>21</v>
      </c>
      <c r="AI13095">
        <v>21</v>
      </c>
      <c r="AJ13095">
        <v>21</v>
      </c>
      <c r="AK13095">
        <v>21</v>
      </c>
      <c r="AL13095">
        <v>21</v>
      </c>
      <c r="AM13095">
        <v>21</v>
      </c>
      <c r="AN13095">
        <v>21</v>
      </c>
      <c r="AO13095">
        <v>21</v>
      </c>
      <c r="AP13095">
        <v>21</v>
      </c>
      <c r="AQ13095">
        <v>21</v>
      </c>
    </row>
    <row r="13096" spans="1:43">
      <c r="A13096" t="s">
        <v>8132</v>
      </c>
      <c r="B13096" t="s">
        <v>8133</v>
      </c>
      <c r="C13096" t="s">
        <v>8128</v>
      </c>
      <c r="D13096" t="s">
        <v>8129</v>
      </c>
      <c r="E13096" t="s">
        <v>8022</v>
      </c>
      <c r="F13096" t="s">
        <v>8023</v>
      </c>
      <c r="G13096" t="s">
        <v>80</v>
      </c>
      <c r="H13096" t="s">
        <v>81</v>
      </c>
      <c r="I13096" s="2">
        <v>0</v>
      </c>
      <c r="J13096" s="2">
        <v>0</v>
      </c>
      <c r="K13096" s="2">
        <v>1</v>
      </c>
      <c r="L13096" t="s">
        <v>995</v>
      </c>
      <c r="M13096" t="s">
        <v>89</v>
      </c>
      <c r="N13096" t="s">
        <v>90</v>
      </c>
      <c r="O13096" t="s">
        <v>85</v>
      </c>
      <c r="P13096" t="s">
        <v>86</v>
      </c>
      <c r="Q13096">
        <v>20</v>
      </c>
      <c r="R13096">
        <v>21</v>
      </c>
      <c r="S13096">
        <v>21</v>
      </c>
      <c r="T13096">
        <v>21</v>
      </c>
      <c r="U13096">
        <v>22</v>
      </c>
      <c r="V13096">
        <v>22</v>
      </c>
      <c r="W13096">
        <v>23</v>
      </c>
      <c r="X13096">
        <v>23</v>
      </c>
      <c r="Y13096">
        <v>23</v>
      </c>
      <c r="Z13096">
        <v>24</v>
      </c>
      <c r="AA13096">
        <v>24</v>
      </c>
      <c r="AB13096">
        <v>24</v>
      </c>
      <c r="AC13096">
        <v>25</v>
      </c>
      <c r="AD13096">
        <v>25</v>
      </c>
      <c r="AE13096">
        <v>25</v>
      </c>
      <c r="AF13096">
        <v>25</v>
      </c>
      <c r="AG13096">
        <v>25</v>
      </c>
      <c r="AH13096">
        <v>25</v>
      </c>
      <c r="AI13096">
        <v>25</v>
      </c>
      <c r="AJ13096">
        <v>25</v>
      </c>
      <c r="AK13096">
        <v>25</v>
      </c>
      <c r="AL13096">
        <v>25</v>
      </c>
      <c r="AM13096">
        <v>25</v>
      </c>
      <c r="AN13096">
        <v>25</v>
      </c>
      <c r="AO13096">
        <v>25</v>
      </c>
      <c r="AP13096">
        <v>25</v>
      </c>
      <c r="AQ13096">
        <v>24</v>
      </c>
    </row>
    <row r="13097" spans="1:43">
      <c r="A13097" t="s">
        <v>8132</v>
      </c>
      <c r="B13097" t="s">
        <v>8133</v>
      </c>
      <c r="C13097" t="s">
        <v>8128</v>
      </c>
      <c r="D13097" t="s">
        <v>8129</v>
      </c>
      <c r="E13097" t="s">
        <v>8022</v>
      </c>
      <c r="F13097" t="s">
        <v>8023</v>
      </c>
      <c r="G13097" t="s">
        <v>80</v>
      </c>
      <c r="H13097" t="s">
        <v>81</v>
      </c>
      <c r="I13097" s="2">
        <v>0</v>
      </c>
      <c r="J13097" s="2">
        <v>0</v>
      </c>
      <c r="K13097" s="2">
        <v>1</v>
      </c>
      <c r="L13097" t="s">
        <v>995</v>
      </c>
      <c r="M13097" t="s">
        <v>83</v>
      </c>
      <c r="N13097" t="s">
        <v>91</v>
      </c>
      <c r="O13097" t="s">
        <v>85</v>
      </c>
      <c r="P13097" t="s">
        <v>86</v>
      </c>
      <c r="Q13097">
        <v>20</v>
      </c>
      <c r="R13097">
        <v>20</v>
      </c>
      <c r="S13097">
        <v>21</v>
      </c>
      <c r="T13097">
        <v>21</v>
      </c>
      <c r="U13097">
        <v>21</v>
      </c>
      <c r="V13097">
        <v>21</v>
      </c>
      <c r="W13097">
        <v>22</v>
      </c>
      <c r="X13097">
        <v>22</v>
      </c>
      <c r="Y13097">
        <v>22</v>
      </c>
      <c r="Z13097">
        <v>22</v>
      </c>
      <c r="AA13097">
        <v>23</v>
      </c>
      <c r="AB13097">
        <v>23</v>
      </c>
      <c r="AC13097">
        <v>23</v>
      </c>
      <c r="AD13097">
        <v>23</v>
      </c>
      <c r="AE13097">
        <v>24</v>
      </c>
      <c r="AF13097">
        <v>24</v>
      </c>
      <c r="AG13097">
        <v>24</v>
      </c>
      <c r="AH13097">
        <v>24</v>
      </c>
      <c r="AI13097">
        <v>24</v>
      </c>
      <c r="AJ13097">
        <v>25</v>
      </c>
      <c r="AK13097">
        <v>25</v>
      </c>
      <c r="AL13097">
        <v>25</v>
      </c>
      <c r="AM13097">
        <v>25</v>
      </c>
      <c r="AN13097">
        <v>25</v>
      </c>
      <c r="AO13097">
        <v>25</v>
      </c>
      <c r="AP13097">
        <v>24</v>
      </c>
      <c r="AQ13097">
        <v>24</v>
      </c>
    </row>
    <row r="13098" spans="1:43">
      <c r="A13098" t="s">
        <v>8134</v>
      </c>
      <c r="B13098" t="s">
        <v>8135</v>
      </c>
      <c r="C13098" t="s">
        <v>8128</v>
      </c>
      <c r="D13098" t="s">
        <v>8129</v>
      </c>
      <c r="E13098" t="s">
        <v>8022</v>
      </c>
      <c r="F13098" t="s">
        <v>8023</v>
      </c>
      <c r="G13098" t="s">
        <v>80</v>
      </c>
      <c r="H13098" t="s">
        <v>81</v>
      </c>
      <c r="I13098" s="2">
        <v>0</v>
      </c>
      <c r="J13098" s="2">
        <v>0</v>
      </c>
      <c r="K13098" s="2">
        <v>0.86</v>
      </c>
      <c r="L13098" t="s">
        <v>995</v>
      </c>
      <c r="M13098" t="s">
        <v>83</v>
      </c>
      <c r="N13098" t="s">
        <v>84</v>
      </c>
      <c r="O13098" t="s">
        <v>85</v>
      </c>
      <c r="P13098" t="s">
        <v>86</v>
      </c>
      <c r="Q13098">
        <v>39</v>
      </c>
      <c r="R13098">
        <v>39</v>
      </c>
      <c r="S13098">
        <v>40</v>
      </c>
      <c r="T13098">
        <v>41</v>
      </c>
      <c r="U13098">
        <v>41</v>
      </c>
      <c r="V13098">
        <v>42</v>
      </c>
      <c r="W13098">
        <v>42</v>
      </c>
      <c r="X13098">
        <v>43</v>
      </c>
      <c r="Y13098">
        <v>43</v>
      </c>
      <c r="Z13098">
        <v>44</v>
      </c>
      <c r="AA13098">
        <v>44</v>
      </c>
      <c r="AB13098">
        <v>45</v>
      </c>
      <c r="AC13098">
        <v>45</v>
      </c>
      <c r="AD13098">
        <v>46</v>
      </c>
      <c r="AE13098">
        <v>46</v>
      </c>
      <c r="AF13098">
        <v>47</v>
      </c>
      <c r="AG13098">
        <v>47</v>
      </c>
      <c r="AH13098">
        <v>48</v>
      </c>
      <c r="AI13098">
        <v>48</v>
      </c>
      <c r="AJ13098">
        <v>48</v>
      </c>
      <c r="AK13098">
        <v>49</v>
      </c>
      <c r="AL13098">
        <v>49</v>
      </c>
      <c r="AM13098">
        <v>49</v>
      </c>
      <c r="AN13098">
        <v>49</v>
      </c>
      <c r="AO13098">
        <v>49</v>
      </c>
      <c r="AP13098">
        <v>49</v>
      </c>
      <c r="AQ13098">
        <v>49</v>
      </c>
    </row>
    <row r="13099" spans="1:43">
      <c r="A13099" t="s">
        <v>8134</v>
      </c>
      <c r="B13099" t="s">
        <v>8135</v>
      </c>
      <c r="C13099" t="s">
        <v>8128</v>
      </c>
      <c r="D13099" t="s">
        <v>8129</v>
      </c>
      <c r="E13099" t="s">
        <v>8022</v>
      </c>
      <c r="F13099" t="s">
        <v>8023</v>
      </c>
      <c r="G13099" t="s">
        <v>80</v>
      </c>
      <c r="H13099" t="s">
        <v>81</v>
      </c>
      <c r="I13099" s="2">
        <v>0</v>
      </c>
      <c r="J13099" s="2">
        <v>0</v>
      </c>
      <c r="K13099" s="2">
        <v>0.86</v>
      </c>
      <c r="L13099" t="s">
        <v>995</v>
      </c>
      <c r="M13099" t="s">
        <v>87</v>
      </c>
      <c r="N13099" t="s">
        <v>88</v>
      </c>
      <c r="O13099" t="s">
        <v>85</v>
      </c>
      <c r="P13099" t="s">
        <v>86</v>
      </c>
      <c r="Q13099">
        <v>39</v>
      </c>
      <c r="R13099">
        <v>40</v>
      </c>
      <c r="S13099">
        <v>40</v>
      </c>
      <c r="T13099">
        <v>40</v>
      </c>
      <c r="U13099">
        <v>40</v>
      </c>
      <c r="V13099">
        <v>40</v>
      </c>
      <c r="W13099">
        <v>41</v>
      </c>
      <c r="X13099">
        <v>41</v>
      </c>
      <c r="Y13099">
        <v>41</v>
      </c>
      <c r="Z13099">
        <v>41</v>
      </c>
      <c r="AA13099">
        <v>41</v>
      </c>
      <c r="AB13099">
        <v>41</v>
      </c>
      <c r="AC13099">
        <v>42</v>
      </c>
      <c r="AD13099">
        <v>42</v>
      </c>
      <c r="AE13099">
        <v>42</v>
      </c>
      <c r="AF13099">
        <v>42</v>
      </c>
      <c r="AG13099">
        <v>42</v>
      </c>
      <c r="AH13099">
        <v>42</v>
      </c>
      <c r="AI13099">
        <v>42</v>
      </c>
      <c r="AJ13099">
        <v>43</v>
      </c>
      <c r="AK13099">
        <v>43</v>
      </c>
      <c r="AL13099">
        <v>43</v>
      </c>
      <c r="AM13099">
        <v>43</v>
      </c>
      <c r="AN13099">
        <v>43</v>
      </c>
      <c r="AO13099">
        <v>43</v>
      </c>
      <c r="AP13099">
        <v>43</v>
      </c>
      <c r="AQ13099">
        <v>43</v>
      </c>
    </row>
    <row r="13100" spans="1:43">
      <c r="A13100" t="s">
        <v>8134</v>
      </c>
      <c r="B13100" t="s">
        <v>8135</v>
      </c>
      <c r="C13100" t="s">
        <v>8128</v>
      </c>
      <c r="D13100" t="s">
        <v>8129</v>
      </c>
      <c r="E13100" t="s">
        <v>8022</v>
      </c>
      <c r="F13100" t="s">
        <v>8023</v>
      </c>
      <c r="G13100" t="s">
        <v>80</v>
      </c>
      <c r="H13100" t="s">
        <v>81</v>
      </c>
      <c r="I13100" s="2">
        <v>0</v>
      </c>
      <c r="J13100" s="2">
        <v>0</v>
      </c>
      <c r="K13100" s="2">
        <v>0.86</v>
      </c>
      <c r="L13100" t="s">
        <v>995</v>
      </c>
      <c r="M13100" t="s">
        <v>89</v>
      </c>
      <c r="N13100" t="s">
        <v>90</v>
      </c>
      <c r="O13100" t="s">
        <v>85</v>
      </c>
      <c r="P13100" t="s">
        <v>86</v>
      </c>
      <c r="Q13100">
        <v>39</v>
      </c>
      <c r="R13100">
        <v>40</v>
      </c>
      <c r="S13100">
        <v>41</v>
      </c>
      <c r="T13100">
        <v>42</v>
      </c>
      <c r="U13100">
        <v>43</v>
      </c>
      <c r="V13100">
        <v>44</v>
      </c>
      <c r="W13100">
        <v>44</v>
      </c>
      <c r="X13100">
        <v>45</v>
      </c>
      <c r="Y13100">
        <v>46</v>
      </c>
      <c r="Z13100">
        <v>47</v>
      </c>
      <c r="AA13100">
        <v>47</v>
      </c>
      <c r="AB13100">
        <v>48</v>
      </c>
      <c r="AC13100">
        <v>49</v>
      </c>
      <c r="AD13100">
        <v>49</v>
      </c>
      <c r="AE13100">
        <v>50</v>
      </c>
      <c r="AF13100">
        <v>50</v>
      </c>
      <c r="AG13100">
        <v>50</v>
      </c>
      <c r="AH13100">
        <v>50</v>
      </c>
      <c r="AI13100">
        <v>50</v>
      </c>
      <c r="AJ13100">
        <v>50</v>
      </c>
      <c r="AK13100">
        <v>50</v>
      </c>
      <c r="AL13100">
        <v>49</v>
      </c>
      <c r="AM13100">
        <v>49</v>
      </c>
      <c r="AN13100">
        <v>49</v>
      </c>
      <c r="AO13100">
        <v>49</v>
      </c>
      <c r="AP13100">
        <v>49</v>
      </c>
      <c r="AQ13100">
        <v>49</v>
      </c>
    </row>
    <row r="13101" spans="1:43">
      <c r="A13101" t="s">
        <v>8134</v>
      </c>
      <c r="B13101" t="s">
        <v>8135</v>
      </c>
      <c r="C13101" t="s">
        <v>8128</v>
      </c>
      <c r="D13101" t="s">
        <v>8129</v>
      </c>
      <c r="E13101" t="s">
        <v>8022</v>
      </c>
      <c r="F13101" t="s">
        <v>8023</v>
      </c>
      <c r="G13101" t="s">
        <v>80</v>
      </c>
      <c r="H13101" t="s">
        <v>81</v>
      </c>
      <c r="I13101" s="2">
        <v>0</v>
      </c>
      <c r="J13101" s="2">
        <v>0</v>
      </c>
      <c r="K13101" s="2">
        <v>0.86</v>
      </c>
      <c r="L13101" t="s">
        <v>995</v>
      </c>
      <c r="M13101" t="s">
        <v>83</v>
      </c>
      <c r="N13101" t="s">
        <v>91</v>
      </c>
      <c r="O13101" t="s">
        <v>85</v>
      </c>
      <c r="P13101" t="s">
        <v>86</v>
      </c>
      <c r="Q13101">
        <v>39</v>
      </c>
      <c r="R13101">
        <v>39</v>
      </c>
      <c r="S13101">
        <v>40</v>
      </c>
      <c r="T13101">
        <v>41</v>
      </c>
      <c r="U13101">
        <v>41</v>
      </c>
      <c r="V13101">
        <v>42</v>
      </c>
      <c r="W13101">
        <v>42</v>
      </c>
      <c r="X13101">
        <v>43</v>
      </c>
      <c r="Y13101">
        <v>43</v>
      </c>
      <c r="Z13101">
        <v>44</v>
      </c>
      <c r="AA13101">
        <v>44</v>
      </c>
      <c r="AB13101">
        <v>45</v>
      </c>
      <c r="AC13101">
        <v>45</v>
      </c>
      <c r="AD13101">
        <v>46</v>
      </c>
      <c r="AE13101">
        <v>46</v>
      </c>
      <c r="AF13101">
        <v>47</v>
      </c>
      <c r="AG13101">
        <v>47</v>
      </c>
      <c r="AH13101">
        <v>48</v>
      </c>
      <c r="AI13101">
        <v>48</v>
      </c>
      <c r="AJ13101">
        <v>48</v>
      </c>
      <c r="AK13101">
        <v>49</v>
      </c>
      <c r="AL13101">
        <v>49</v>
      </c>
      <c r="AM13101">
        <v>49</v>
      </c>
      <c r="AN13101">
        <v>49</v>
      </c>
      <c r="AO13101">
        <v>49</v>
      </c>
      <c r="AP13101">
        <v>49</v>
      </c>
      <c r="AQ13101">
        <v>49</v>
      </c>
    </row>
    <row r="13102" spans="1:43">
      <c r="A13102" t="s">
        <v>8136</v>
      </c>
      <c r="B13102" t="s">
        <v>8137</v>
      </c>
      <c r="C13102" t="s">
        <v>8128</v>
      </c>
      <c r="D13102" t="s">
        <v>8129</v>
      </c>
      <c r="E13102" t="s">
        <v>8022</v>
      </c>
      <c r="F13102" t="s">
        <v>8023</v>
      </c>
      <c r="G13102" t="s">
        <v>80</v>
      </c>
      <c r="H13102" t="s">
        <v>81</v>
      </c>
      <c r="I13102" s="2">
        <v>0</v>
      </c>
      <c r="J13102" s="2">
        <v>0</v>
      </c>
      <c r="K13102" s="2">
        <v>1</v>
      </c>
      <c r="L13102" t="s">
        <v>995</v>
      </c>
      <c r="M13102" t="s">
        <v>83</v>
      </c>
      <c r="N13102" t="s">
        <v>84</v>
      </c>
      <c r="O13102" t="s">
        <v>85</v>
      </c>
      <c r="P13102" t="s">
        <v>86</v>
      </c>
      <c r="Q13102">
        <v>8</v>
      </c>
      <c r="R13102">
        <v>9</v>
      </c>
      <c r="S13102">
        <v>9</v>
      </c>
      <c r="T13102">
        <v>9</v>
      </c>
      <c r="U13102">
        <v>9</v>
      </c>
      <c r="V13102">
        <v>9</v>
      </c>
      <c r="W13102">
        <v>9</v>
      </c>
      <c r="X13102">
        <v>9</v>
      </c>
      <c r="Y13102">
        <v>9</v>
      </c>
      <c r="Z13102">
        <v>9</v>
      </c>
      <c r="AA13102">
        <v>10</v>
      </c>
      <c r="AB13102">
        <v>10</v>
      </c>
      <c r="AC13102">
        <v>10</v>
      </c>
      <c r="AD13102">
        <v>10</v>
      </c>
      <c r="AE13102">
        <v>10</v>
      </c>
      <c r="AF13102">
        <v>10</v>
      </c>
      <c r="AG13102">
        <v>10</v>
      </c>
      <c r="AH13102">
        <v>10</v>
      </c>
      <c r="AI13102">
        <v>10</v>
      </c>
      <c r="AJ13102">
        <v>10</v>
      </c>
      <c r="AK13102">
        <v>10</v>
      </c>
      <c r="AL13102">
        <v>10</v>
      </c>
      <c r="AM13102">
        <v>10</v>
      </c>
      <c r="AN13102">
        <v>10</v>
      </c>
      <c r="AO13102">
        <v>10</v>
      </c>
      <c r="AP13102">
        <v>10</v>
      </c>
      <c r="AQ13102">
        <v>10</v>
      </c>
    </row>
    <row r="13103" spans="1:43">
      <c r="A13103" t="s">
        <v>8136</v>
      </c>
      <c r="B13103" t="s">
        <v>8137</v>
      </c>
      <c r="C13103" t="s">
        <v>8128</v>
      </c>
      <c r="D13103" t="s">
        <v>8129</v>
      </c>
      <c r="E13103" t="s">
        <v>8022</v>
      </c>
      <c r="F13103" t="s">
        <v>8023</v>
      </c>
      <c r="G13103" t="s">
        <v>80</v>
      </c>
      <c r="H13103" t="s">
        <v>81</v>
      </c>
      <c r="I13103" s="2">
        <v>0</v>
      </c>
      <c r="J13103" s="2">
        <v>0</v>
      </c>
      <c r="K13103" s="2">
        <v>1</v>
      </c>
      <c r="L13103" t="s">
        <v>995</v>
      </c>
      <c r="M13103" t="s">
        <v>87</v>
      </c>
      <c r="N13103" t="s">
        <v>88</v>
      </c>
      <c r="O13103" t="s">
        <v>85</v>
      </c>
      <c r="P13103" t="s">
        <v>86</v>
      </c>
      <c r="Q13103">
        <v>8</v>
      </c>
      <c r="R13103">
        <v>8</v>
      </c>
      <c r="S13103">
        <v>8</v>
      </c>
      <c r="T13103">
        <v>8</v>
      </c>
      <c r="U13103">
        <v>8</v>
      </c>
      <c r="V13103">
        <v>9</v>
      </c>
      <c r="W13103">
        <v>9</v>
      </c>
      <c r="X13103">
        <v>9</v>
      </c>
      <c r="Y13103">
        <v>9</v>
      </c>
      <c r="Z13103">
        <v>9</v>
      </c>
      <c r="AA13103">
        <v>9</v>
      </c>
      <c r="AB13103">
        <v>9</v>
      </c>
      <c r="AC13103">
        <v>9</v>
      </c>
      <c r="AD13103">
        <v>9</v>
      </c>
      <c r="AE13103">
        <v>9</v>
      </c>
      <c r="AF13103">
        <v>9</v>
      </c>
      <c r="AG13103">
        <v>9</v>
      </c>
      <c r="AH13103">
        <v>9</v>
      </c>
      <c r="AI13103">
        <v>9</v>
      </c>
      <c r="AJ13103">
        <v>9</v>
      </c>
      <c r="AK13103">
        <v>9</v>
      </c>
      <c r="AL13103">
        <v>9</v>
      </c>
      <c r="AM13103">
        <v>9</v>
      </c>
      <c r="AN13103">
        <v>9</v>
      </c>
      <c r="AO13103">
        <v>9</v>
      </c>
      <c r="AP13103">
        <v>9</v>
      </c>
      <c r="AQ13103">
        <v>9</v>
      </c>
    </row>
    <row r="13104" spans="1:43">
      <c r="A13104" t="s">
        <v>8136</v>
      </c>
      <c r="B13104" t="s">
        <v>8137</v>
      </c>
      <c r="C13104" t="s">
        <v>8128</v>
      </c>
      <c r="D13104" t="s">
        <v>8129</v>
      </c>
      <c r="E13104" t="s">
        <v>8022</v>
      </c>
      <c r="F13104" t="s">
        <v>8023</v>
      </c>
      <c r="G13104" t="s">
        <v>80</v>
      </c>
      <c r="H13104" t="s">
        <v>81</v>
      </c>
      <c r="I13104" s="2">
        <v>0</v>
      </c>
      <c r="J13104" s="2">
        <v>0</v>
      </c>
      <c r="K13104" s="2">
        <v>1</v>
      </c>
      <c r="L13104" t="s">
        <v>995</v>
      </c>
      <c r="M13104" t="s">
        <v>89</v>
      </c>
      <c r="N13104" t="s">
        <v>90</v>
      </c>
      <c r="O13104" t="s">
        <v>85</v>
      </c>
      <c r="P13104" t="s">
        <v>86</v>
      </c>
      <c r="Q13104">
        <v>8</v>
      </c>
      <c r="R13104">
        <v>9</v>
      </c>
      <c r="S13104">
        <v>9</v>
      </c>
      <c r="T13104">
        <v>9</v>
      </c>
      <c r="U13104">
        <v>9</v>
      </c>
      <c r="V13104">
        <v>9</v>
      </c>
      <c r="W13104">
        <v>10</v>
      </c>
      <c r="X13104">
        <v>10</v>
      </c>
      <c r="Y13104">
        <v>10</v>
      </c>
      <c r="Z13104">
        <v>10</v>
      </c>
      <c r="AA13104">
        <v>10</v>
      </c>
      <c r="AB13104">
        <v>10</v>
      </c>
      <c r="AC13104">
        <v>10</v>
      </c>
      <c r="AD13104">
        <v>11</v>
      </c>
      <c r="AE13104">
        <v>11</v>
      </c>
      <c r="AF13104">
        <v>11</v>
      </c>
      <c r="AG13104">
        <v>11</v>
      </c>
      <c r="AH13104">
        <v>11</v>
      </c>
      <c r="AI13104">
        <v>11</v>
      </c>
      <c r="AJ13104">
        <v>11</v>
      </c>
      <c r="AK13104">
        <v>10</v>
      </c>
      <c r="AL13104">
        <v>10</v>
      </c>
      <c r="AM13104">
        <v>10</v>
      </c>
      <c r="AN13104">
        <v>10</v>
      </c>
      <c r="AO13104">
        <v>10</v>
      </c>
      <c r="AP13104">
        <v>10</v>
      </c>
      <c r="AQ13104">
        <v>10</v>
      </c>
    </row>
    <row r="13105" spans="1:43">
      <c r="A13105" t="s">
        <v>8136</v>
      </c>
      <c r="B13105" t="s">
        <v>8137</v>
      </c>
      <c r="C13105" t="s">
        <v>8128</v>
      </c>
      <c r="D13105" t="s">
        <v>8129</v>
      </c>
      <c r="E13105" t="s">
        <v>8022</v>
      </c>
      <c r="F13105" t="s">
        <v>8023</v>
      </c>
      <c r="G13105" t="s">
        <v>80</v>
      </c>
      <c r="H13105" t="s">
        <v>81</v>
      </c>
      <c r="I13105" s="2">
        <v>0</v>
      </c>
      <c r="J13105" s="2">
        <v>0</v>
      </c>
      <c r="K13105" s="2">
        <v>1</v>
      </c>
      <c r="L13105" t="s">
        <v>995</v>
      </c>
      <c r="M13105" t="s">
        <v>83</v>
      </c>
      <c r="N13105" t="s">
        <v>91</v>
      </c>
      <c r="O13105" t="s">
        <v>85</v>
      </c>
      <c r="P13105" t="s">
        <v>86</v>
      </c>
      <c r="Q13105">
        <v>8</v>
      </c>
      <c r="R13105">
        <v>9</v>
      </c>
      <c r="S13105">
        <v>9</v>
      </c>
      <c r="T13105">
        <v>9</v>
      </c>
      <c r="U13105">
        <v>9</v>
      </c>
      <c r="V13105">
        <v>9</v>
      </c>
      <c r="W13105">
        <v>9</v>
      </c>
      <c r="X13105">
        <v>9</v>
      </c>
      <c r="Y13105">
        <v>9</v>
      </c>
      <c r="Z13105">
        <v>9</v>
      </c>
      <c r="AA13105">
        <v>10</v>
      </c>
      <c r="AB13105">
        <v>10</v>
      </c>
      <c r="AC13105">
        <v>10</v>
      </c>
      <c r="AD13105">
        <v>10</v>
      </c>
      <c r="AE13105">
        <v>10</v>
      </c>
      <c r="AF13105">
        <v>10</v>
      </c>
      <c r="AG13105">
        <v>10</v>
      </c>
      <c r="AH13105">
        <v>10</v>
      </c>
      <c r="AI13105">
        <v>10</v>
      </c>
      <c r="AJ13105">
        <v>10</v>
      </c>
      <c r="AK13105">
        <v>10</v>
      </c>
      <c r="AL13105">
        <v>10</v>
      </c>
      <c r="AM13105">
        <v>10</v>
      </c>
      <c r="AN13105">
        <v>10</v>
      </c>
      <c r="AO13105">
        <v>10</v>
      </c>
      <c r="AP13105">
        <v>10</v>
      </c>
      <c r="AQ13105">
        <v>10</v>
      </c>
    </row>
    <row r="13106" spans="1:43">
      <c r="A13106" t="s">
        <v>8138</v>
      </c>
      <c r="B13106" t="s">
        <v>8139</v>
      </c>
      <c r="C13106" t="s">
        <v>8128</v>
      </c>
      <c r="D13106" t="s">
        <v>8129</v>
      </c>
      <c r="E13106" t="s">
        <v>8022</v>
      </c>
      <c r="F13106" t="s">
        <v>8023</v>
      </c>
      <c r="G13106" t="s">
        <v>80</v>
      </c>
      <c r="H13106" t="s">
        <v>81</v>
      </c>
      <c r="I13106" s="2">
        <v>0</v>
      </c>
      <c r="J13106" s="2">
        <v>0</v>
      </c>
      <c r="K13106" s="2">
        <v>0.92</v>
      </c>
      <c r="L13106" t="s">
        <v>995</v>
      </c>
      <c r="M13106" t="s">
        <v>83</v>
      </c>
      <c r="N13106" t="s">
        <v>84</v>
      </c>
      <c r="O13106" t="s">
        <v>85</v>
      </c>
      <c r="P13106" t="s">
        <v>86</v>
      </c>
      <c r="Q13106">
        <v>11</v>
      </c>
      <c r="R13106">
        <v>11</v>
      </c>
      <c r="S13106">
        <v>11</v>
      </c>
      <c r="T13106">
        <v>11</v>
      </c>
      <c r="U13106">
        <v>11</v>
      </c>
      <c r="V13106">
        <v>11</v>
      </c>
      <c r="W13106">
        <v>12</v>
      </c>
      <c r="X13106">
        <v>12</v>
      </c>
      <c r="Y13106">
        <v>12</v>
      </c>
      <c r="Z13106">
        <v>12</v>
      </c>
      <c r="AA13106">
        <v>12</v>
      </c>
      <c r="AB13106">
        <v>12</v>
      </c>
      <c r="AC13106">
        <v>12</v>
      </c>
      <c r="AD13106">
        <v>12</v>
      </c>
      <c r="AE13106">
        <v>13</v>
      </c>
      <c r="AF13106">
        <v>13</v>
      </c>
      <c r="AG13106">
        <v>13</v>
      </c>
      <c r="AH13106">
        <v>13</v>
      </c>
      <c r="AI13106">
        <v>13</v>
      </c>
      <c r="AJ13106">
        <v>13</v>
      </c>
      <c r="AK13106">
        <v>13</v>
      </c>
      <c r="AL13106">
        <v>13</v>
      </c>
      <c r="AM13106">
        <v>13</v>
      </c>
      <c r="AN13106">
        <v>13</v>
      </c>
      <c r="AO13106">
        <v>13</v>
      </c>
      <c r="AP13106">
        <v>13</v>
      </c>
      <c r="AQ13106">
        <v>13</v>
      </c>
    </row>
    <row r="13107" spans="1:43">
      <c r="A13107" t="s">
        <v>8138</v>
      </c>
      <c r="B13107" t="s">
        <v>8139</v>
      </c>
      <c r="C13107" t="s">
        <v>8128</v>
      </c>
      <c r="D13107" t="s">
        <v>8129</v>
      </c>
      <c r="E13107" t="s">
        <v>8022</v>
      </c>
      <c r="F13107" t="s">
        <v>8023</v>
      </c>
      <c r="G13107" t="s">
        <v>80</v>
      </c>
      <c r="H13107" t="s">
        <v>81</v>
      </c>
      <c r="I13107" s="2">
        <v>0</v>
      </c>
      <c r="J13107" s="2">
        <v>0</v>
      </c>
      <c r="K13107" s="2">
        <v>0.92</v>
      </c>
      <c r="L13107" t="s">
        <v>995</v>
      </c>
      <c r="M13107" t="s">
        <v>87</v>
      </c>
      <c r="N13107" t="s">
        <v>88</v>
      </c>
      <c r="O13107" t="s">
        <v>85</v>
      </c>
      <c r="P13107" t="s">
        <v>86</v>
      </c>
      <c r="Q13107">
        <v>11</v>
      </c>
      <c r="R13107">
        <v>11</v>
      </c>
      <c r="S13107">
        <v>11</v>
      </c>
      <c r="T13107">
        <v>11</v>
      </c>
      <c r="U13107">
        <v>11</v>
      </c>
      <c r="V13107">
        <v>11</v>
      </c>
      <c r="W13107">
        <v>11</v>
      </c>
      <c r="X13107">
        <v>11</v>
      </c>
      <c r="Y13107">
        <v>11</v>
      </c>
      <c r="Z13107">
        <v>11</v>
      </c>
      <c r="AA13107">
        <v>11</v>
      </c>
      <c r="AB13107">
        <v>11</v>
      </c>
      <c r="AC13107">
        <v>11</v>
      </c>
      <c r="AD13107">
        <v>11</v>
      </c>
      <c r="AE13107">
        <v>11</v>
      </c>
      <c r="AF13107">
        <v>11</v>
      </c>
      <c r="AG13107">
        <v>11</v>
      </c>
      <c r="AH13107">
        <v>11</v>
      </c>
      <c r="AI13107">
        <v>11</v>
      </c>
      <c r="AJ13107">
        <v>11</v>
      </c>
      <c r="AK13107">
        <v>11</v>
      </c>
      <c r="AL13107">
        <v>11</v>
      </c>
      <c r="AM13107">
        <v>11</v>
      </c>
      <c r="AN13107">
        <v>11</v>
      </c>
      <c r="AO13107">
        <v>11</v>
      </c>
      <c r="AP13107">
        <v>11</v>
      </c>
      <c r="AQ13107">
        <v>11</v>
      </c>
    </row>
    <row r="13108" spans="1:43">
      <c r="A13108" t="s">
        <v>8138</v>
      </c>
      <c r="B13108" t="s">
        <v>8139</v>
      </c>
      <c r="C13108" t="s">
        <v>8128</v>
      </c>
      <c r="D13108" t="s">
        <v>8129</v>
      </c>
      <c r="E13108" t="s">
        <v>8022</v>
      </c>
      <c r="F13108" t="s">
        <v>8023</v>
      </c>
      <c r="G13108" t="s">
        <v>80</v>
      </c>
      <c r="H13108" t="s">
        <v>81</v>
      </c>
      <c r="I13108" s="2">
        <v>0</v>
      </c>
      <c r="J13108" s="2">
        <v>0</v>
      </c>
      <c r="K13108" s="2">
        <v>0.92</v>
      </c>
      <c r="L13108" t="s">
        <v>995</v>
      </c>
      <c r="M13108" t="s">
        <v>89</v>
      </c>
      <c r="N13108" t="s">
        <v>90</v>
      </c>
      <c r="O13108" t="s">
        <v>85</v>
      </c>
      <c r="P13108" t="s">
        <v>86</v>
      </c>
      <c r="Q13108">
        <v>11</v>
      </c>
      <c r="R13108">
        <v>11</v>
      </c>
      <c r="S13108">
        <v>11</v>
      </c>
      <c r="T13108">
        <v>11</v>
      </c>
      <c r="U13108">
        <v>12</v>
      </c>
      <c r="V13108">
        <v>12</v>
      </c>
      <c r="W13108">
        <v>12</v>
      </c>
      <c r="X13108">
        <v>12</v>
      </c>
      <c r="Y13108">
        <v>13</v>
      </c>
      <c r="Z13108">
        <v>13</v>
      </c>
      <c r="AA13108">
        <v>13</v>
      </c>
      <c r="AB13108">
        <v>13</v>
      </c>
      <c r="AC13108">
        <v>13</v>
      </c>
      <c r="AD13108">
        <v>13</v>
      </c>
      <c r="AE13108">
        <v>14</v>
      </c>
      <c r="AF13108">
        <v>13</v>
      </c>
      <c r="AG13108">
        <v>13</v>
      </c>
      <c r="AH13108">
        <v>13</v>
      </c>
      <c r="AI13108">
        <v>13</v>
      </c>
      <c r="AJ13108">
        <v>13</v>
      </c>
      <c r="AK13108">
        <v>13</v>
      </c>
      <c r="AL13108">
        <v>13</v>
      </c>
      <c r="AM13108">
        <v>13</v>
      </c>
      <c r="AN13108">
        <v>13</v>
      </c>
      <c r="AO13108">
        <v>13</v>
      </c>
      <c r="AP13108">
        <v>13</v>
      </c>
      <c r="AQ13108">
        <v>13</v>
      </c>
    </row>
    <row r="13109" spans="1:43">
      <c r="A13109" t="s">
        <v>8138</v>
      </c>
      <c r="B13109" t="s">
        <v>8139</v>
      </c>
      <c r="C13109" t="s">
        <v>8128</v>
      </c>
      <c r="D13109" t="s">
        <v>8129</v>
      </c>
      <c r="E13109" t="s">
        <v>8022</v>
      </c>
      <c r="F13109" t="s">
        <v>8023</v>
      </c>
      <c r="G13109" t="s">
        <v>80</v>
      </c>
      <c r="H13109" t="s">
        <v>81</v>
      </c>
      <c r="I13109" s="2">
        <v>0</v>
      </c>
      <c r="J13109" s="2">
        <v>0</v>
      </c>
      <c r="K13109" s="2">
        <v>0.92</v>
      </c>
      <c r="L13109" t="s">
        <v>995</v>
      </c>
      <c r="M13109" t="s">
        <v>83</v>
      </c>
      <c r="N13109" t="s">
        <v>91</v>
      </c>
      <c r="O13109" t="s">
        <v>85</v>
      </c>
      <c r="P13109" t="s">
        <v>86</v>
      </c>
      <c r="Q13109">
        <v>11</v>
      </c>
      <c r="R13109">
        <v>11</v>
      </c>
      <c r="S13109">
        <v>11</v>
      </c>
      <c r="T13109">
        <v>11</v>
      </c>
      <c r="U13109">
        <v>11</v>
      </c>
      <c r="V13109">
        <v>11</v>
      </c>
      <c r="W13109">
        <v>12</v>
      </c>
      <c r="X13109">
        <v>12</v>
      </c>
      <c r="Y13109">
        <v>12</v>
      </c>
      <c r="Z13109">
        <v>12</v>
      </c>
      <c r="AA13109">
        <v>12</v>
      </c>
      <c r="AB13109">
        <v>12</v>
      </c>
      <c r="AC13109">
        <v>12</v>
      </c>
      <c r="AD13109">
        <v>12</v>
      </c>
      <c r="AE13109">
        <v>13</v>
      </c>
      <c r="AF13109">
        <v>13</v>
      </c>
      <c r="AG13109">
        <v>13</v>
      </c>
      <c r="AH13109">
        <v>13</v>
      </c>
      <c r="AI13109">
        <v>13</v>
      </c>
      <c r="AJ13109">
        <v>13</v>
      </c>
      <c r="AK13109">
        <v>13</v>
      </c>
      <c r="AL13109">
        <v>13</v>
      </c>
      <c r="AM13109">
        <v>13</v>
      </c>
      <c r="AN13109">
        <v>13</v>
      </c>
      <c r="AO13109">
        <v>13</v>
      </c>
      <c r="AP13109">
        <v>13</v>
      </c>
      <c r="AQ13109">
        <v>13</v>
      </c>
    </row>
    <row r="13110" spans="1:43">
      <c r="A13110" t="s">
        <v>8140</v>
      </c>
      <c r="B13110" t="s">
        <v>8141</v>
      </c>
      <c r="C13110" t="s">
        <v>8142</v>
      </c>
      <c r="D13110" t="s">
        <v>8143</v>
      </c>
      <c r="E13110" t="s">
        <v>8022</v>
      </c>
      <c r="F13110" t="s">
        <v>8023</v>
      </c>
      <c r="G13110" t="s">
        <v>80</v>
      </c>
      <c r="H13110" t="s">
        <v>81</v>
      </c>
      <c r="I13110" s="2">
        <v>0</v>
      </c>
      <c r="J13110" s="2">
        <v>0.11</v>
      </c>
      <c r="K13110" s="2">
        <v>0.89</v>
      </c>
      <c r="L13110" t="s">
        <v>995</v>
      </c>
      <c r="M13110" t="s">
        <v>83</v>
      </c>
      <c r="N13110" t="s">
        <v>84</v>
      </c>
      <c r="O13110" t="s">
        <v>85</v>
      </c>
      <c r="P13110" t="s">
        <v>86</v>
      </c>
      <c r="Q13110">
        <v>31</v>
      </c>
      <c r="R13110">
        <v>32</v>
      </c>
      <c r="S13110">
        <v>32</v>
      </c>
      <c r="T13110">
        <v>33</v>
      </c>
      <c r="U13110">
        <v>33</v>
      </c>
      <c r="V13110">
        <v>33</v>
      </c>
      <c r="W13110">
        <v>34</v>
      </c>
      <c r="X13110">
        <v>34</v>
      </c>
      <c r="Y13110">
        <v>35</v>
      </c>
      <c r="Z13110">
        <v>35</v>
      </c>
      <c r="AA13110">
        <v>36</v>
      </c>
      <c r="AB13110">
        <v>36</v>
      </c>
      <c r="AC13110">
        <v>36</v>
      </c>
      <c r="AD13110">
        <v>37</v>
      </c>
      <c r="AE13110">
        <v>37</v>
      </c>
      <c r="AF13110">
        <v>37</v>
      </c>
      <c r="AG13110">
        <v>38</v>
      </c>
      <c r="AH13110">
        <v>38</v>
      </c>
      <c r="AI13110">
        <v>39</v>
      </c>
      <c r="AJ13110">
        <v>39</v>
      </c>
      <c r="AK13110">
        <v>39</v>
      </c>
      <c r="AL13110">
        <v>39</v>
      </c>
      <c r="AM13110">
        <v>39</v>
      </c>
      <c r="AN13110">
        <v>39</v>
      </c>
      <c r="AO13110">
        <v>39</v>
      </c>
      <c r="AP13110">
        <v>39</v>
      </c>
      <c r="AQ13110">
        <v>39</v>
      </c>
    </row>
    <row r="13111" spans="1:43">
      <c r="A13111" t="s">
        <v>8140</v>
      </c>
      <c r="B13111" t="s">
        <v>8141</v>
      </c>
      <c r="C13111" t="s">
        <v>8142</v>
      </c>
      <c r="D13111" t="s">
        <v>8143</v>
      </c>
      <c r="E13111" t="s">
        <v>8022</v>
      </c>
      <c r="F13111" t="s">
        <v>8023</v>
      </c>
      <c r="G13111" t="s">
        <v>80</v>
      </c>
      <c r="H13111" t="s">
        <v>81</v>
      </c>
      <c r="I13111" s="2">
        <v>0</v>
      </c>
      <c r="J13111" s="2">
        <v>0.11</v>
      </c>
      <c r="K13111" s="2">
        <v>0.89</v>
      </c>
      <c r="L13111" t="s">
        <v>995</v>
      </c>
      <c r="M13111" t="s">
        <v>87</v>
      </c>
      <c r="N13111" t="s">
        <v>88</v>
      </c>
      <c r="O13111" t="s">
        <v>85</v>
      </c>
      <c r="P13111" t="s">
        <v>86</v>
      </c>
      <c r="Q13111">
        <v>31</v>
      </c>
      <c r="R13111">
        <v>31</v>
      </c>
      <c r="S13111">
        <v>31</v>
      </c>
      <c r="T13111">
        <v>31</v>
      </c>
      <c r="U13111">
        <v>32</v>
      </c>
      <c r="V13111">
        <v>32</v>
      </c>
      <c r="W13111">
        <v>32</v>
      </c>
      <c r="X13111">
        <v>32</v>
      </c>
      <c r="Y13111">
        <v>32</v>
      </c>
      <c r="Z13111">
        <v>32</v>
      </c>
      <c r="AA13111">
        <v>32</v>
      </c>
      <c r="AB13111">
        <v>32</v>
      </c>
      <c r="AC13111">
        <v>33</v>
      </c>
      <c r="AD13111">
        <v>33</v>
      </c>
      <c r="AE13111">
        <v>33</v>
      </c>
      <c r="AF13111">
        <v>33</v>
      </c>
      <c r="AG13111">
        <v>33</v>
      </c>
      <c r="AH13111">
        <v>33</v>
      </c>
      <c r="AI13111">
        <v>33</v>
      </c>
      <c r="AJ13111">
        <v>33</v>
      </c>
      <c r="AK13111">
        <v>33</v>
      </c>
      <c r="AL13111">
        <v>33</v>
      </c>
      <c r="AM13111">
        <v>33</v>
      </c>
      <c r="AN13111">
        <v>33</v>
      </c>
      <c r="AO13111">
        <v>33</v>
      </c>
      <c r="AP13111">
        <v>34</v>
      </c>
      <c r="AQ13111">
        <v>34</v>
      </c>
    </row>
    <row r="13112" spans="1:43">
      <c r="A13112" t="s">
        <v>8140</v>
      </c>
      <c r="B13112" t="s">
        <v>8141</v>
      </c>
      <c r="C13112" t="s">
        <v>8142</v>
      </c>
      <c r="D13112" t="s">
        <v>8143</v>
      </c>
      <c r="E13112" t="s">
        <v>8022</v>
      </c>
      <c r="F13112" t="s">
        <v>8023</v>
      </c>
      <c r="G13112" t="s">
        <v>80</v>
      </c>
      <c r="H13112" t="s">
        <v>81</v>
      </c>
      <c r="I13112" s="2">
        <v>0</v>
      </c>
      <c r="J13112" s="2">
        <v>0.11</v>
      </c>
      <c r="K13112" s="2">
        <v>0.89</v>
      </c>
      <c r="L13112" t="s">
        <v>995</v>
      </c>
      <c r="M13112" t="s">
        <v>89</v>
      </c>
      <c r="N13112" t="s">
        <v>90</v>
      </c>
      <c r="O13112" t="s">
        <v>85</v>
      </c>
      <c r="P13112" t="s">
        <v>86</v>
      </c>
      <c r="Q13112">
        <v>31</v>
      </c>
      <c r="R13112">
        <v>31</v>
      </c>
      <c r="S13112">
        <v>32</v>
      </c>
      <c r="T13112">
        <v>33</v>
      </c>
      <c r="U13112">
        <v>33</v>
      </c>
      <c r="V13112">
        <v>34</v>
      </c>
      <c r="W13112">
        <v>35</v>
      </c>
      <c r="X13112">
        <v>35</v>
      </c>
      <c r="Y13112">
        <v>36</v>
      </c>
      <c r="Z13112">
        <v>36</v>
      </c>
      <c r="AA13112">
        <v>37</v>
      </c>
      <c r="AB13112">
        <v>37</v>
      </c>
      <c r="AC13112">
        <v>38</v>
      </c>
      <c r="AD13112">
        <v>39</v>
      </c>
      <c r="AE13112">
        <v>39</v>
      </c>
      <c r="AF13112">
        <v>39</v>
      </c>
      <c r="AG13112">
        <v>39</v>
      </c>
      <c r="AH13112">
        <v>39</v>
      </c>
      <c r="AI13112">
        <v>39</v>
      </c>
      <c r="AJ13112">
        <v>39</v>
      </c>
      <c r="AK13112">
        <v>39</v>
      </c>
      <c r="AL13112">
        <v>39</v>
      </c>
      <c r="AM13112">
        <v>38</v>
      </c>
      <c r="AN13112">
        <v>38</v>
      </c>
      <c r="AO13112">
        <v>38</v>
      </c>
      <c r="AP13112">
        <v>38</v>
      </c>
      <c r="AQ13112">
        <v>38</v>
      </c>
    </row>
    <row r="13113" spans="1:43">
      <c r="A13113" t="s">
        <v>8140</v>
      </c>
      <c r="B13113" t="s">
        <v>8141</v>
      </c>
      <c r="C13113" t="s">
        <v>8142</v>
      </c>
      <c r="D13113" t="s">
        <v>8143</v>
      </c>
      <c r="E13113" t="s">
        <v>8022</v>
      </c>
      <c r="F13113" t="s">
        <v>8023</v>
      </c>
      <c r="G13113" t="s">
        <v>80</v>
      </c>
      <c r="H13113" t="s">
        <v>81</v>
      </c>
      <c r="I13113" s="2">
        <v>0</v>
      </c>
      <c r="J13113" s="2">
        <v>0.11</v>
      </c>
      <c r="K13113" s="2">
        <v>0.89</v>
      </c>
      <c r="L13113" t="s">
        <v>995</v>
      </c>
      <c r="M13113" t="s">
        <v>83</v>
      </c>
      <c r="N13113" t="s">
        <v>91</v>
      </c>
      <c r="O13113" t="s">
        <v>85</v>
      </c>
      <c r="P13113" t="s">
        <v>86</v>
      </c>
      <c r="Q13113">
        <v>31</v>
      </c>
      <c r="R13113">
        <v>32</v>
      </c>
      <c r="S13113">
        <v>32</v>
      </c>
      <c r="T13113">
        <v>33</v>
      </c>
      <c r="U13113">
        <v>33</v>
      </c>
      <c r="V13113">
        <v>33</v>
      </c>
      <c r="W13113">
        <v>34</v>
      </c>
      <c r="X13113">
        <v>34</v>
      </c>
      <c r="Y13113">
        <v>35</v>
      </c>
      <c r="Z13113">
        <v>35</v>
      </c>
      <c r="AA13113">
        <v>36</v>
      </c>
      <c r="AB13113">
        <v>36</v>
      </c>
      <c r="AC13113">
        <v>36</v>
      </c>
      <c r="AD13113">
        <v>37</v>
      </c>
      <c r="AE13113">
        <v>37</v>
      </c>
      <c r="AF13113">
        <v>37</v>
      </c>
      <c r="AG13113">
        <v>38</v>
      </c>
      <c r="AH13113">
        <v>38</v>
      </c>
      <c r="AI13113">
        <v>39</v>
      </c>
      <c r="AJ13113">
        <v>39</v>
      </c>
      <c r="AK13113">
        <v>39</v>
      </c>
      <c r="AL13113">
        <v>39</v>
      </c>
      <c r="AM13113">
        <v>39</v>
      </c>
      <c r="AN13113">
        <v>39</v>
      </c>
      <c r="AO13113">
        <v>39</v>
      </c>
      <c r="AP13113">
        <v>39</v>
      </c>
      <c r="AQ13113">
        <v>39</v>
      </c>
    </row>
    <row r="13114" spans="1:43">
      <c r="A13114" t="s">
        <v>8144</v>
      </c>
      <c r="B13114" t="s">
        <v>8145</v>
      </c>
      <c r="C13114" t="s">
        <v>8142</v>
      </c>
      <c r="D13114" t="s">
        <v>8143</v>
      </c>
      <c r="E13114" t="s">
        <v>8022</v>
      </c>
      <c r="F13114" t="s">
        <v>8023</v>
      </c>
      <c r="G13114" t="s">
        <v>80</v>
      </c>
      <c r="H13114" t="s">
        <v>81</v>
      </c>
      <c r="I13114" s="2">
        <v>0</v>
      </c>
      <c r="J13114" s="2">
        <v>0</v>
      </c>
      <c r="K13114" s="2">
        <v>1</v>
      </c>
      <c r="L13114" t="s">
        <v>995</v>
      </c>
      <c r="M13114" t="s">
        <v>83</v>
      </c>
      <c r="N13114" t="s">
        <v>84</v>
      </c>
      <c r="O13114" t="s">
        <v>85</v>
      </c>
      <c r="P13114" t="s">
        <v>86</v>
      </c>
      <c r="Q13114">
        <v>117</v>
      </c>
      <c r="R13114">
        <v>119</v>
      </c>
      <c r="S13114">
        <v>121</v>
      </c>
      <c r="T13114">
        <v>122</v>
      </c>
      <c r="U13114">
        <v>124</v>
      </c>
      <c r="V13114">
        <v>126</v>
      </c>
      <c r="W13114">
        <v>127</v>
      </c>
      <c r="X13114">
        <v>129</v>
      </c>
      <c r="Y13114">
        <v>130</v>
      </c>
      <c r="Z13114">
        <v>132</v>
      </c>
      <c r="AA13114">
        <v>134</v>
      </c>
      <c r="AB13114">
        <v>135</v>
      </c>
      <c r="AC13114">
        <v>136</v>
      </c>
      <c r="AD13114">
        <v>138</v>
      </c>
      <c r="AE13114">
        <v>139</v>
      </c>
      <c r="AF13114">
        <v>141</v>
      </c>
      <c r="AG13114">
        <v>142</v>
      </c>
      <c r="AH13114">
        <v>143</v>
      </c>
      <c r="AI13114">
        <v>145</v>
      </c>
      <c r="AJ13114">
        <v>146</v>
      </c>
      <c r="AK13114">
        <v>147</v>
      </c>
      <c r="AL13114">
        <v>147</v>
      </c>
      <c r="AM13114">
        <v>147</v>
      </c>
      <c r="AN13114">
        <v>147</v>
      </c>
      <c r="AO13114">
        <v>147</v>
      </c>
      <c r="AP13114">
        <v>146</v>
      </c>
      <c r="AQ13114">
        <v>146</v>
      </c>
    </row>
    <row r="13115" spans="1:43">
      <c r="A13115" t="s">
        <v>8144</v>
      </c>
      <c r="B13115" t="s">
        <v>8145</v>
      </c>
      <c r="C13115" t="s">
        <v>8142</v>
      </c>
      <c r="D13115" t="s">
        <v>8143</v>
      </c>
      <c r="E13115" t="s">
        <v>8022</v>
      </c>
      <c r="F13115" t="s">
        <v>8023</v>
      </c>
      <c r="G13115" t="s">
        <v>80</v>
      </c>
      <c r="H13115" t="s">
        <v>81</v>
      </c>
      <c r="I13115" s="2">
        <v>0</v>
      </c>
      <c r="J13115" s="2">
        <v>0</v>
      </c>
      <c r="K13115" s="2">
        <v>1</v>
      </c>
      <c r="L13115" t="s">
        <v>995</v>
      </c>
      <c r="M13115" t="s">
        <v>87</v>
      </c>
      <c r="N13115" t="s">
        <v>88</v>
      </c>
      <c r="O13115" t="s">
        <v>85</v>
      </c>
      <c r="P13115" t="s">
        <v>86</v>
      </c>
      <c r="Q13115">
        <v>117</v>
      </c>
      <c r="R13115">
        <v>118</v>
      </c>
      <c r="S13115">
        <v>118</v>
      </c>
      <c r="T13115">
        <v>119</v>
      </c>
      <c r="U13115">
        <v>119</v>
      </c>
      <c r="V13115">
        <v>120</v>
      </c>
      <c r="W13115">
        <v>120</v>
      </c>
      <c r="X13115">
        <v>121</v>
      </c>
      <c r="Y13115">
        <v>122</v>
      </c>
      <c r="Z13115">
        <v>122</v>
      </c>
      <c r="AA13115">
        <v>122</v>
      </c>
      <c r="AB13115">
        <v>123</v>
      </c>
      <c r="AC13115">
        <v>123</v>
      </c>
      <c r="AD13115">
        <v>124</v>
      </c>
      <c r="AE13115">
        <v>124</v>
      </c>
      <c r="AF13115">
        <v>125</v>
      </c>
      <c r="AG13115">
        <v>125</v>
      </c>
      <c r="AH13115">
        <v>125</v>
      </c>
      <c r="AI13115">
        <v>126</v>
      </c>
      <c r="AJ13115">
        <v>126</v>
      </c>
      <c r="AK13115">
        <v>126</v>
      </c>
      <c r="AL13115">
        <v>126</v>
      </c>
      <c r="AM13115">
        <v>127</v>
      </c>
      <c r="AN13115">
        <v>127</v>
      </c>
      <c r="AO13115">
        <v>127</v>
      </c>
      <c r="AP13115">
        <v>127</v>
      </c>
      <c r="AQ13115">
        <v>127</v>
      </c>
    </row>
    <row r="13116" spans="1:43">
      <c r="A13116" t="s">
        <v>8144</v>
      </c>
      <c r="B13116" t="s">
        <v>8145</v>
      </c>
      <c r="C13116" t="s">
        <v>8142</v>
      </c>
      <c r="D13116" t="s">
        <v>8143</v>
      </c>
      <c r="E13116" t="s">
        <v>8022</v>
      </c>
      <c r="F13116" t="s">
        <v>8023</v>
      </c>
      <c r="G13116" t="s">
        <v>80</v>
      </c>
      <c r="H13116" t="s">
        <v>81</v>
      </c>
      <c r="I13116" s="2">
        <v>0</v>
      </c>
      <c r="J13116" s="2">
        <v>0</v>
      </c>
      <c r="K13116" s="2">
        <v>1</v>
      </c>
      <c r="L13116" t="s">
        <v>995</v>
      </c>
      <c r="M13116" t="s">
        <v>89</v>
      </c>
      <c r="N13116" t="s">
        <v>90</v>
      </c>
      <c r="O13116" t="s">
        <v>85</v>
      </c>
      <c r="P13116" t="s">
        <v>86</v>
      </c>
      <c r="Q13116">
        <v>117</v>
      </c>
      <c r="R13116">
        <v>120</v>
      </c>
      <c r="S13116">
        <v>123</v>
      </c>
      <c r="T13116">
        <v>125</v>
      </c>
      <c r="U13116">
        <v>128</v>
      </c>
      <c r="V13116">
        <v>130</v>
      </c>
      <c r="W13116">
        <v>133</v>
      </c>
      <c r="X13116">
        <v>135</v>
      </c>
      <c r="Y13116">
        <v>137</v>
      </c>
      <c r="Z13116">
        <v>139</v>
      </c>
      <c r="AA13116">
        <v>141</v>
      </c>
      <c r="AB13116">
        <v>143</v>
      </c>
      <c r="AC13116">
        <v>145</v>
      </c>
      <c r="AD13116">
        <v>147</v>
      </c>
      <c r="AE13116">
        <v>149</v>
      </c>
      <c r="AF13116">
        <v>148</v>
      </c>
      <c r="AG13116">
        <v>148</v>
      </c>
      <c r="AH13116">
        <v>148</v>
      </c>
      <c r="AI13116">
        <v>148</v>
      </c>
      <c r="AJ13116">
        <v>148</v>
      </c>
      <c r="AK13116">
        <v>148</v>
      </c>
      <c r="AL13116">
        <v>148</v>
      </c>
      <c r="AM13116">
        <v>147</v>
      </c>
      <c r="AN13116">
        <v>147</v>
      </c>
      <c r="AO13116">
        <v>147</v>
      </c>
      <c r="AP13116">
        <v>146</v>
      </c>
      <c r="AQ13116">
        <v>146</v>
      </c>
    </row>
    <row r="13117" spans="1:43">
      <c r="A13117" t="s">
        <v>8144</v>
      </c>
      <c r="B13117" t="s">
        <v>8145</v>
      </c>
      <c r="C13117" t="s">
        <v>8142</v>
      </c>
      <c r="D13117" t="s">
        <v>8143</v>
      </c>
      <c r="E13117" t="s">
        <v>8022</v>
      </c>
      <c r="F13117" t="s">
        <v>8023</v>
      </c>
      <c r="G13117" t="s">
        <v>80</v>
      </c>
      <c r="H13117" t="s">
        <v>81</v>
      </c>
      <c r="I13117" s="2">
        <v>0</v>
      </c>
      <c r="J13117" s="2">
        <v>0</v>
      </c>
      <c r="K13117" s="2">
        <v>1</v>
      </c>
      <c r="L13117" t="s">
        <v>995</v>
      </c>
      <c r="M13117" t="s">
        <v>83</v>
      </c>
      <c r="N13117" t="s">
        <v>91</v>
      </c>
      <c r="O13117" t="s">
        <v>85</v>
      </c>
      <c r="P13117" t="s">
        <v>86</v>
      </c>
      <c r="Q13117">
        <v>117</v>
      </c>
      <c r="R13117">
        <v>119</v>
      </c>
      <c r="S13117">
        <v>121</v>
      </c>
      <c r="T13117">
        <v>122</v>
      </c>
      <c r="U13117">
        <v>124</v>
      </c>
      <c r="V13117">
        <v>126</v>
      </c>
      <c r="W13117">
        <v>127</v>
      </c>
      <c r="X13117">
        <v>129</v>
      </c>
      <c r="Y13117">
        <v>130</v>
      </c>
      <c r="Z13117">
        <v>132</v>
      </c>
      <c r="AA13117">
        <v>134</v>
      </c>
      <c r="AB13117">
        <v>135</v>
      </c>
      <c r="AC13117">
        <v>136</v>
      </c>
      <c r="AD13117">
        <v>138</v>
      </c>
      <c r="AE13117">
        <v>139</v>
      </c>
      <c r="AF13117">
        <v>141</v>
      </c>
      <c r="AG13117">
        <v>142</v>
      </c>
      <c r="AH13117">
        <v>143</v>
      </c>
      <c r="AI13117">
        <v>145</v>
      </c>
      <c r="AJ13117">
        <v>146</v>
      </c>
      <c r="AK13117">
        <v>147</v>
      </c>
      <c r="AL13117">
        <v>147</v>
      </c>
      <c r="AM13117">
        <v>147</v>
      </c>
      <c r="AN13117">
        <v>147</v>
      </c>
      <c r="AO13117">
        <v>147</v>
      </c>
      <c r="AP13117">
        <v>146</v>
      </c>
      <c r="AQ13117">
        <v>146</v>
      </c>
    </row>
    <row r="13118" spans="1:43">
      <c r="A13118" t="s">
        <v>8146</v>
      </c>
      <c r="B13118" t="s">
        <v>8147</v>
      </c>
      <c r="C13118" t="s">
        <v>8148</v>
      </c>
      <c r="D13118" t="s">
        <v>8149</v>
      </c>
      <c r="E13118" t="s">
        <v>8022</v>
      </c>
      <c r="F13118" t="s">
        <v>8023</v>
      </c>
      <c r="G13118" t="s">
        <v>80</v>
      </c>
      <c r="H13118" t="s">
        <v>81</v>
      </c>
      <c r="I13118" s="2">
        <v>0</v>
      </c>
      <c r="J13118" s="2">
        <v>0</v>
      </c>
      <c r="K13118" s="2">
        <v>1</v>
      </c>
      <c r="L13118" t="s">
        <v>995</v>
      </c>
      <c r="M13118" t="s">
        <v>83</v>
      </c>
      <c r="N13118" t="s">
        <v>84</v>
      </c>
      <c r="O13118" t="s">
        <v>85</v>
      </c>
      <c r="P13118" t="s">
        <v>86</v>
      </c>
      <c r="Q13118">
        <v>22</v>
      </c>
      <c r="R13118">
        <v>22</v>
      </c>
      <c r="S13118">
        <v>22</v>
      </c>
      <c r="T13118">
        <v>23</v>
      </c>
      <c r="U13118">
        <v>23</v>
      </c>
      <c r="V13118">
        <v>23</v>
      </c>
      <c r="W13118">
        <v>24</v>
      </c>
      <c r="X13118">
        <v>24</v>
      </c>
      <c r="Y13118">
        <v>24</v>
      </c>
      <c r="Z13118">
        <v>25</v>
      </c>
      <c r="AA13118">
        <v>25</v>
      </c>
      <c r="AB13118">
        <v>25</v>
      </c>
      <c r="AC13118">
        <v>25</v>
      </c>
      <c r="AD13118">
        <v>26</v>
      </c>
      <c r="AE13118">
        <v>26</v>
      </c>
      <c r="AF13118">
        <v>26</v>
      </c>
      <c r="AG13118">
        <v>26</v>
      </c>
      <c r="AH13118">
        <v>27</v>
      </c>
      <c r="AI13118">
        <v>27</v>
      </c>
      <c r="AJ13118">
        <v>27</v>
      </c>
      <c r="AK13118">
        <v>27</v>
      </c>
      <c r="AL13118">
        <v>27</v>
      </c>
      <c r="AM13118">
        <v>27</v>
      </c>
      <c r="AN13118">
        <v>27</v>
      </c>
      <c r="AO13118">
        <v>27</v>
      </c>
      <c r="AP13118">
        <v>27</v>
      </c>
      <c r="AQ13118">
        <v>27</v>
      </c>
    </row>
    <row r="13119" spans="1:43">
      <c r="A13119" t="s">
        <v>8146</v>
      </c>
      <c r="B13119" t="s">
        <v>8147</v>
      </c>
      <c r="C13119" t="s">
        <v>8148</v>
      </c>
      <c r="D13119" t="s">
        <v>8149</v>
      </c>
      <c r="E13119" t="s">
        <v>8022</v>
      </c>
      <c r="F13119" t="s">
        <v>8023</v>
      </c>
      <c r="G13119" t="s">
        <v>80</v>
      </c>
      <c r="H13119" t="s">
        <v>81</v>
      </c>
      <c r="I13119" s="2">
        <v>0</v>
      </c>
      <c r="J13119" s="2">
        <v>0</v>
      </c>
      <c r="K13119" s="2">
        <v>1</v>
      </c>
      <c r="L13119" t="s">
        <v>995</v>
      </c>
      <c r="M13119" t="s">
        <v>87</v>
      </c>
      <c r="N13119" t="s">
        <v>88</v>
      </c>
      <c r="O13119" t="s">
        <v>85</v>
      </c>
      <c r="P13119" t="s">
        <v>86</v>
      </c>
      <c r="Q13119">
        <v>22</v>
      </c>
      <c r="R13119">
        <v>22</v>
      </c>
      <c r="S13119">
        <v>22</v>
      </c>
      <c r="T13119">
        <v>22</v>
      </c>
      <c r="U13119">
        <v>22</v>
      </c>
      <c r="V13119">
        <v>22</v>
      </c>
      <c r="W13119">
        <v>22</v>
      </c>
      <c r="X13119">
        <v>22</v>
      </c>
      <c r="Y13119">
        <v>22</v>
      </c>
      <c r="Z13119">
        <v>23</v>
      </c>
      <c r="AA13119">
        <v>23</v>
      </c>
      <c r="AB13119">
        <v>23</v>
      </c>
      <c r="AC13119">
        <v>23</v>
      </c>
      <c r="AD13119">
        <v>23</v>
      </c>
      <c r="AE13119">
        <v>23</v>
      </c>
      <c r="AF13119">
        <v>23</v>
      </c>
      <c r="AG13119">
        <v>23</v>
      </c>
      <c r="AH13119">
        <v>23</v>
      </c>
      <c r="AI13119">
        <v>23</v>
      </c>
      <c r="AJ13119">
        <v>23</v>
      </c>
      <c r="AK13119">
        <v>23</v>
      </c>
      <c r="AL13119">
        <v>23</v>
      </c>
      <c r="AM13119">
        <v>23</v>
      </c>
      <c r="AN13119">
        <v>23</v>
      </c>
      <c r="AO13119">
        <v>23</v>
      </c>
      <c r="AP13119">
        <v>23</v>
      </c>
      <c r="AQ13119">
        <v>23</v>
      </c>
    </row>
    <row r="13120" spans="1:43">
      <c r="A13120" t="s">
        <v>8146</v>
      </c>
      <c r="B13120" t="s">
        <v>8147</v>
      </c>
      <c r="C13120" t="s">
        <v>8148</v>
      </c>
      <c r="D13120" t="s">
        <v>8149</v>
      </c>
      <c r="E13120" t="s">
        <v>8022</v>
      </c>
      <c r="F13120" t="s">
        <v>8023</v>
      </c>
      <c r="G13120" t="s">
        <v>80</v>
      </c>
      <c r="H13120" t="s">
        <v>81</v>
      </c>
      <c r="I13120" s="2">
        <v>0</v>
      </c>
      <c r="J13120" s="2">
        <v>0</v>
      </c>
      <c r="K13120" s="2">
        <v>1</v>
      </c>
      <c r="L13120" t="s">
        <v>995</v>
      </c>
      <c r="M13120" t="s">
        <v>89</v>
      </c>
      <c r="N13120" t="s">
        <v>90</v>
      </c>
      <c r="O13120" t="s">
        <v>85</v>
      </c>
      <c r="P13120" t="s">
        <v>86</v>
      </c>
      <c r="Q13120">
        <v>22</v>
      </c>
      <c r="R13120">
        <v>23</v>
      </c>
      <c r="S13120">
        <v>23</v>
      </c>
      <c r="T13120">
        <v>23</v>
      </c>
      <c r="U13120">
        <v>24</v>
      </c>
      <c r="V13120">
        <v>24</v>
      </c>
      <c r="W13120">
        <v>25</v>
      </c>
      <c r="X13120">
        <v>25</v>
      </c>
      <c r="Y13120">
        <v>26</v>
      </c>
      <c r="Z13120">
        <v>26</v>
      </c>
      <c r="AA13120">
        <v>26</v>
      </c>
      <c r="AB13120">
        <v>27</v>
      </c>
      <c r="AC13120">
        <v>27</v>
      </c>
      <c r="AD13120">
        <v>28</v>
      </c>
      <c r="AE13120">
        <v>28</v>
      </c>
      <c r="AF13120">
        <v>28</v>
      </c>
      <c r="AG13120">
        <v>28</v>
      </c>
      <c r="AH13120">
        <v>28</v>
      </c>
      <c r="AI13120">
        <v>28</v>
      </c>
      <c r="AJ13120">
        <v>28</v>
      </c>
      <c r="AK13120">
        <v>28</v>
      </c>
      <c r="AL13120">
        <v>28</v>
      </c>
      <c r="AM13120">
        <v>28</v>
      </c>
      <c r="AN13120">
        <v>28</v>
      </c>
      <c r="AO13120">
        <v>27</v>
      </c>
      <c r="AP13120">
        <v>27</v>
      </c>
      <c r="AQ13120">
        <v>27</v>
      </c>
    </row>
    <row r="13121" spans="1:43">
      <c r="A13121" t="s">
        <v>8146</v>
      </c>
      <c r="B13121" t="s">
        <v>8147</v>
      </c>
      <c r="C13121" t="s">
        <v>8148</v>
      </c>
      <c r="D13121" t="s">
        <v>8149</v>
      </c>
      <c r="E13121" t="s">
        <v>8022</v>
      </c>
      <c r="F13121" t="s">
        <v>8023</v>
      </c>
      <c r="G13121" t="s">
        <v>80</v>
      </c>
      <c r="H13121" t="s">
        <v>81</v>
      </c>
      <c r="I13121" s="2">
        <v>0</v>
      </c>
      <c r="J13121" s="2">
        <v>0</v>
      </c>
      <c r="K13121" s="2">
        <v>1</v>
      </c>
      <c r="L13121" t="s">
        <v>995</v>
      </c>
      <c r="M13121" t="s">
        <v>83</v>
      </c>
      <c r="N13121" t="s">
        <v>91</v>
      </c>
      <c r="O13121" t="s">
        <v>85</v>
      </c>
      <c r="P13121" t="s">
        <v>86</v>
      </c>
      <c r="Q13121">
        <v>22</v>
      </c>
      <c r="R13121">
        <v>22</v>
      </c>
      <c r="S13121">
        <v>22</v>
      </c>
      <c r="T13121">
        <v>23</v>
      </c>
      <c r="U13121">
        <v>23</v>
      </c>
      <c r="V13121">
        <v>23</v>
      </c>
      <c r="W13121">
        <v>24</v>
      </c>
      <c r="X13121">
        <v>24</v>
      </c>
      <c r="Y13121">
        <v>24</v>
      </c>
      <c r="Z13121">
        <v>25</v>
      </c>
      <c r="AA13121">
        <v>25</v>
      </c>
      <c r="AB13121">
        <v>25</v>
      </c>
      <c r="AC13121">
        <v>25</v>
      </c>
      <c r="AD13121">
        <v>26</v>
      </c>
      <c r="AE13121">
        <v>26</v>
      </c>
      <c r="AF13121">
        <v>26</v>
      </c>
      <c r="AG13121">
        <v>26</v>
      </c>
      <c r="AH13121">
        <v>27</v>
      </c>
      <c r="AI13121">
        <v>27</v>
      </c>
      <c r="AJ13121">
        <v>27</v>
      </c>
      <c r="AK13121">
        <v>27</v>
      </c>
      <c r="AL13121">
        <v>27</v>
      </c>
      <c r="AM13121">
        <v>27</v>
      </c>
      <c r="AN13121">
        <v>27</v>
      </c>
      <c r="AO13121">
        <v>27</v>
      </c>
      <c r="AP13121">
        <v>27</v>
      </c>
      <c r="AQ13121">
        <v>27</v>
      </c>
    </row>
    <row r="13122" spans="1:43">
      <c r="A13122" t="s">
        <v>8150</v>
      </c>
      <c r="B13122" t="s">
        <v>8151</v>
      </c>
      <c r="C13122" t="s">
        <v>8142</v>
      </c>
      <c r="D13122" t="s">
        <v>8143</v>
      </c>
      <c r="E13122" t="s">
        <v>8022</v>
      </c>
      <c r="F13122" t="s">
        <v>8023</v>
      </c>
      <c r="G13122" t="s">
        <v>80</v>
      </c>
      <c r="H13122" t="s">
        <v>81</v>
      </c>
      <c r="I13122" s="2">
        <v>0</v>
      </c>
      <c r="J13122" s="2">
        <v>0</v>
      </c>
      <c r="K13122" s="2">
        <v>1</v>
      </c>
      <c r="L13122" t="s">
        <v>995</v>
      </c>
      <c r="M13122" t="s">
        <v>83</v>
      </c>
      <c r="N13122" t="s">
        <v>84</v>
      </c>
      <c r="O13122" t="s">
        <v>85</v>
      </c>
      <c r="P13122" t="s">
        <v>86</v>
      </c>
      <c r="Q13122">
        <v>21</v>
      </c>
      <c r="R13122">
        <v>22</v>
      </c>
      <c r="S13122">
        <v>22</v>
      </c>
      <c r="T13122">
        <v>22</v>
      </c>
      <c r="U13122">
        <v>22</v>
      </c>
      <c r="V13122">
        <v>23</v>
      </c>
      <c r="W13122">
        <v>23</v>
      </c>
      <c r="X13122">
        <v>23</v>
      </c>
      <c r="Y13122">
        <v>24</v>
      </c>
      <c r="Z13122">
        <v>24</v>
      </c>
      <c r="AA13122">
        <v>24</v>
      </c>
      <c r="AB13122">
        <v>24</v>
      </c>
      <c r="AC13122">
        <v>25</v>
      </c>
      <c r="AD13122">
        <v>25</v>
      </c>
      <c r="AE13122">
        <v>25</v>
      </c>
      <c r="AF13122">
        <v>25</v>
      </c>
      <c r="AG13122">
        <v>26</v>
      </c>
      <c r="AH13122">
        <v>26</v>
      </c>
      <c r="AI13122">
        <v>26</v>
      </c>
      <c r="AJ13122">
        <v>26</v>
      </c>
      <c r="AK13122">
        <v>27</v>
      </c>
      <c r="AL13122">
        <v>27</v>
      </c>
      <c r="AM13122">
        <v>27</v>
      </c>
      <c r="AN13122">
        <v>27</v>
      </c>
      <c r="AO13122">
        <v>27</v>
      </c>
      <c r="AP13122">
        <v>26</v>
      </c>
      <c r="AQ13122">
        <v>26</v>
      </c>
    </row>
    <row r="13123" spans="1:43">
      <c r="A13123" t="s">
        <v>8150</v>
      </c>
      <c r="B13123" t="s">
        <v>8151</v>
      </c>
      <c r="C13123" t="s">
        <v>8142</v>
      </c>
      <c r="D13123" t="s">
        <v>8143</v>
      </c>
      <c r="E13123" t="s">
        <v>8022</v>
      </c>
      <c r="F13123" t="s">
        <v>8023</v>
      </c>
      <c r="G13123" t="s">
        <v>80</v>
      </c>
      <c r="H13123" t="s">
        <v>81</v>
      </c>
      <c r="I13123" s="2">
        <v>0</v>
      </c>
      <c r="J13123" s="2">
        <v>0</v>
      </c>
      <c r="K13123" s="2">
        <v>1</v>
      </c>
      <c r="L13123" t="s">
        <v>995</v>
      </c>
      <c r="M13123" t="s">
        <v>87</v>
      </c>
      <c r="N13123" t="s">
        <v>88</v>
      </c>
      <c r="O13123" t="s">
        <v>85</v>
      </c>
      <c r="P13123" t="s">
        <v>86</v>
      </c>
      <c r="Q13123">
        <v>21</v>
      </c>
      <c r="R13123">
        <v>21</v>
      </c>
      <c r="S13123">
        <v>21</v>
      </c>
      <c r="T13123">
        <v>21</v>
      </c>
      <c r="U13123">
        <v>21</v>
      </c>
      <c r="V13123">
        <v>22</v>
      </c>
      <c r="W13123">
        <v>22</v>
      </c>
      <c r="X13123">
        <v>22</v>
      </c>
      <c r="Y13123">
        <v>22</v>
      </c>
      <c r="Z13123">
        <v>22</v>
      </c>
      <c r="AA13123">
        <v>22</v>
      </c>
      <c r="AB13123">
        <v>22</v>
      </c>
      <c r="AC13123">
        <v>22</v>
      </c>
      <c r="AD13123">
        <v>22</v>
      </c>
      <c r="AE13123">
        <v>22</v>
      </c>
      <c r="AF13123">
        <v>22</v>
      </c>
      <c r="AG13123">
        <v>22</v>
      </c>
      <c r="AH13123">
        <v>23</v>
      </c>
      <c r="AI13123">
        <v>23</v>
      </c>
      <c r="AJ13123">
        <v>23</v>
      </c>
      <c r="AK13123">
        <v>23</v>
      </c>
      <c r="AL13123">
        <v>23</v>
      </c>
      <c r="AM13123">
        <v>23</v>
      </c>
      <c r="AN13123">
        <v>23</v>
      </c>
      <c r="AO13123">
        <v>23</v>
      </c>
      <c r="AP13123">
        <v>23</v>
      </c>
      <c r="AQ13123">
        <v>23</v>
      </c>
    </row>
    <row r="13124" spans="1:43">
      <c r="A13124" t="s">
        <v>8150</v>
      </c>
      <c r="B13124" t="s">
        <v>8151</v>
      </c>
      <c r="C13124" t="s">
        <v>8142</v>
      </c>
      <c r="D13124" t="s">
        <v>8143</v>
      </c>
      <c r="E13124" t="s">
        <v>8022</v>
      </c>
      <c r="F13124" t="s">
        <v>8023</v>
      </c>
      <c r="G13124" t="s">
        <v>80</v>
      </c>
      <c r="H13124" t="s">
        <v>81</v>
      </c>
      <c r="I13124" s="2">
        <v>0</v>
      </c>
      <c r="J13124" s="2">
        <v>0</v>
      </c>
      <c r="K13124" s="2">
        <v>1</v>
      </c>
      <c r="L13124" t="s">
        <v>995</v>
      </c>
      <c r="M13124" t="s">
        <v>89</v>
      </c>
      <c r="N13124" t="s">
        <v>90</v>
      </c>
      <c r="O13124" t="s">
        <v>85</v>
      </c>
      <c r="P13124" t="s">
        <v>86</v>
      </c>
      <c r="Q13124">
        <v>21</v>
      </c>
      <c r="R13124">
        <v>22</v>
      </c>
      <c r="S13124">
        <v>22</v>
      </c>
      <c r="T13124">
        <v>23</v>
      </c>
      <c r="U13124">
        <v>23</v>
      </c>
      <c r="V13124">
        <v>24</v>
      </c>
      <c r="W13124">
        <v>24</v>
      </c>
      <c r="X13124">
        <v>25</v>
      </c>
      <c r="Y13124">
        <v>25</v>
      </c>
      <c r="Z13124">
        <v>25</v>
      </c>
      <c r="AA13124">
        <v>26</v>
      </c>
      <c r="AB13124">
        <v>26</v>
      </c>
      <c r="AC13124">
        <v>27</v>
      </c>
      <c r="AD13124">
        <v>27</v>
      </c>
      <c r="AE13124">
        <v>27</v>
      </c>
      <c r="AF13124">
        <v>27</v>
      </c>
      <c r="AG13124">
        <v>27</v>
      </c>
      <c r="AH13124">
        <v>27</v>
      </c>
      <c r="AI13124">
        <v>27</v>
      </c>
      <c r="AJ13124">
        <v>27</v>
      </c>
      <c r="AK13124">
        <v>27</v>
      </c>
      <c r="AL13124">
        <v>27</v>
      </c>
      <c r="AM13124">
        <v>27</v>
      </c>
      <c r="AN13124">
        <v>27</v>
      </c>
      <c r="AO13124">
        <v>27</v>
      </c>
      <c r="AP13124">
        <v>27</v>
      </c>
      <c r="AQ13124">
        <v>27</v>
      </c>
    </row>
    <row r="13125" spans="1:43">
      <c r="A13125" t="s">
        <v>8150</v>
      </c>
      <c r="B13125" t="s">
        <v>8151</v>
      </c>
      <c r="C13125" t="s">
        <v>8142</v>
      </c>
      <c r="D13125" t="s">
        <v>8143</v>
      </c>
      <c r="E13125" t="s">
        <v>8022</v>
      </c>
      <c r="F13125" t="s">
        <v>8023</v>
      </c>
      <c r="G13125" t="s">
        <v>80</v>
      </c>
      <c r="H13125" t="s">
        <v>81</v>
      </c>
      <c r="I13125" s="2">
        <v>0</v>
      </c>
      <c r="J13125" s="2">
        <v>0</v>
      </c>
      <c r="K13125" s="2">
        <v>1</v>
      </c>
      <c r="L13125" t="s">
        <v>995</v>
      </c>
      <c r="M13125" t="s">
        <v>83</v>
      </c>
      <c r="N13125" t="s">
        <v>91</v>
      </c>
      <c r="O13125" t="s">
        <v>85</v>
      </c>
      <c r="P13125" t="s">
        <v>86</v>
      </c>
      <c r="Q13125">
        <v>21</v>
      </c>
      <c r="R13125">
        <v>22</v>
      </c>
      <c r="S13125">
        <v>22</v>
      </c>
      <c r="T13125">
        <v>22</v>
      </c>
      <c r="U13125">
        <v>22</v>
      </c>
      <c r="V13125">
        <v>23</v>
      </c>
      <c r="W13125">
        <v>23</v>
      </c>
      <c r="X13125">
        <v>23</v>
      </c>
      <c r="Y13125">
        <v>24</v>
      </c>
      <c r="Z13125">
        <v>24</v>
      </c>
      <c r="AA13125">
        <v>24</v>
      </c>
      <c r="AB13125">
        <v>24</v>
      </c>
      <c r="AC13125">
        <v>25</v>
      </c>
      <c r="AD13125">
        <v>25</v>
      </c>
      <c r="AE13125">
        <v>25</v>
      </c>
      <c r="AF13125">
        <v>25</v>
      </c>
      <c r="AG13125">
        <v>26</v>
      </c>
      <c r="AH13125">
        <v>26</v>
      </c>
      <c r="AI13125">
        <v>26</v>
      </c>
      <c r="AJ13125">
        <v>26</v>
      </c>
      <c r="AK13125">
        <v>27</v>
      </c>
      <c r="AL13125">
        <v>27</v>
      </c>
      <c r="AM13125">
        <v>27</v>
      </c>
      <c r="AN13125">
        <v>27</v>
      </c>
      <c r="AO13125">
        <v>27</v>
      </c>
      <c r="AP13125">
        <v>26</v>
      </c>
      <c r="AQ13125">
        <v>26</v>
      </c>
    </row>
    <row r="13126" spans="1:43">
      <c r="A13126" t="s">
        <v>8152</v>
      </c>
      <c r="B13126" t="s">
        <v>8153</v>
      </c>
      <c r="C13126" t="s">
        <v>8142</v>
      </c>
      <c r="D13126" t="s">
        <v>8143</v>
      </c>
      <c r="E13126" t="s">
        <v>8022</v>
      </c>
      <c r="F13126" t="s">
        <v>8023</v>
      </c>
      <c r="G13126" t="s">
        <v>80</v>
      </c>
      <c r="H13126" t="s">
        <v>81</v>
      </c>
      <c r="I13126" s="2">
        <v>0</v>
      </c>
      <c r="J13126" s="2">
        <v>0</v>
      </c>
      <c r="K13126" s="2">
        <v>0.99</v>
      </c>
      <c r="L13126" t="s">
        <v>995</v>
      </c>
      <c r="M13126" t="s">
        <v>83</v>
      </c>
      <c r="N13126" t="s">
        <v>84</v>
      </c>
      <c r="O13126" t="s">
        <v>85</v>
      </c>
      <c r="P13126" t="s">
        <v>86</v>
      </c>
      <c r="Q13126">
        <v>42</v>
      </c>
      <c r="R13126">
        <v>43</v>
      </c>
      <c r="S13126">
        <v>43</v>
      </c>
      <c r="T13126">
        <v>44</v>
      </c>
      <c r="U13126">
        <v>44</v>
      </c>
      <c r="V13126">
        <v>45</v>
      </c>
      <c r="W13126">
        <v>46</v>
      </c>
      <c r="X13126">
        <v>46</v>
      </c>
      <c r="Y13126">
        <v>47</v>
      </c>
      <c r="Z13126">
        <v>47</v>
      </c>
      <c r="AA13126">
        <v>48</v>
      </c>
      <c r="AB13126">
        <v>48</v>
      </c>
      <c r="AC13126">
        <v>49</v>
      </c>
      <c r="AD13126">
        <v>49</v>
      </c>
      <c r="AE13126">
        <v>50</v>
      </c>
      <c r="AF13126">
        <v>50</v>
      </c>
      <c r="AG13126">
        <v>51</v>
      </c>
      <c r="AH13126">
        <v>51</v>
      </c>
      <c r="AI13126">
        <v>52</v>
      </c>
      <c r="AJ13126">
        <v>52</v>
      </c>
      <c r="AK13126">
        <v>53</v>
      </c>
      <c r="AL13126">
        <v>53</v>
      </c>
      <c r="AM13126">
        <v>53</v>
      </c>
      <c r="AN13126">
        <v>53</v>
      </c>
      <c r="AO13126">
        <v>53</v>
      </c>
      <c r="AP13126">
        <v>52</v>
      </c>
      <c r="AQ13126">
        <v>52</v>
      </c>
    </row>
    <row r="13127" spans="1:43">
      <c r="A13127" t="s">
        <v>8152</v>
      </c>
      <c r="B13127" t="s">
        <v>8153</v>
      </c>
      <c r="C13127" t="s">
        <v>8142</v>
      </c>
      <c r="D13127" t="s">
        <v>8143</v>
      </c>
      <c r="E13127" t="s">
        <v>8022</v>
      </c>
      <c r="F13127" t="s">
        <v>8023</v>
      </c>
      <c r="G13127" t="s">
        <v>80</v>
      </c>
      <c r="H13127" t="s">
        <v>81</v>
      </c>
      <c r="I13127" s="2">
        <v>0</v>
      </c>
      <c r="J13127" s="2">
        <v>0</v>
      </c>
      <c r="K13127" s="2">
        <v>0.99</v>
      </c>
      <c r="L13127" t="s">
        <v>995</v>
      </c>
      <c r="M13127" t="s">
        <v>87</v>
      </c>
      <c r="N13127" t="s">
        <v>88</v>
      </c>
      <c r="O13127" t="s">
        <v>85</v>
      </c>
      <c r="P13127" t="s">
        <v>86</v>
      </c>
      <c r="Q13127">
        <v>42</v>
      </c>
      <c r="R13127">
        <v>42</v>
      </c>
      <c r="S13127">
        <v>42</v>
      </c>
      <c r="T13127">
        <v>42</v>
      </c>
      <c r="U13127">
        <v>42</v>
      </c>
      <c r="V13127">
        <v>43</v>
      </c>
      <c r="W13127">
        <v>43</v>
      </c>
      <c r="X13127">
        <v>43</v>
      </c>
      <c r="Y13127">
        <v>43</v>
      </c>
      <c r="Z13127">
        <v>43</v>
      </c>
      <c r="AA13127">
        <v>44</v>
      </c>
      <c r="AB13127">
        <v>44</v>
      </c>
      <c r="AC13127">
        <v>44</v>
      </c>
      <c r="AD13127">
        <v>44</v>
      </c>
      <c r="AE13127">
        <v>44</v>
      </c>
      <c r="AF13127">
        <v>44</v>
      </c>
      <c r="AG13127">
        <v>44</v>
      </c>
      <c r="AH13127">
        <v>45</v>
      </c>
      <c r="AI13127">
        <v>45</v>
      </c>
      <c r="AJ13127">
        <v>45</v>
      </c>
      <c r="AK13127">
        <v>45</v>
      </c>
      <c r="AL13127">
        <v>45</v>
      </c>
      <c r="AM13127">
        <v>45</v>
      </c>
      <c r="AN13127">
        <v>45</v>
      </c>
      <c r="AO13127">
        <v>45</v>
      </c>
      <c r="AP13127">
        <v>45</v>
      </c>
      <c r="AQ13127">
        <v>45</v>
      </c>
    </row>
    <row r="13128" spans="1:43">
      <c r="A13128" t="s">
        <v>8152</v>
      </c>
      <c r="B13128" t="s">
        <v>8153</v>
      </c>
      <c r="C13128" t="s">
        <v>8142</v>
      </c>
      <c r="D13128" t="s">
        <v>8143</v>
      </c>
      <c r="E13128" t="s">
        <v>8022</v>
      </c>
      <c r="F13128" t="s">
        <v>8023</v>
      </c>
      <c r="G13128" t="s">
        <v>80</v>
      </c>
      <c r="H13128" t="s">
        <v>81</v>
      </c>
      <c r="I13128" s="2">
        <v>0</v>
      </c>
      <c r="J13128" s="2">
        <v>0</v>
      </c>
      <c r="K13128" s="2">
        <v>0.99</v>
      </c>
      <c r="L13128" t="s">
        <v>995</v>
      </c>
      <c r="M13128" t="s">
        <v>89</v>
      </c>
      <c r="N13128" t="s">
        <v>90</v>
      </c>
      <c r="O13128" t="s">
        <v>85</v>
      </c>
      <c r="P13128" t="s">
        <v>86</v>
      </c>
      <c r="Q13128">
        <v>42</v>
      </c>
      <c r="R13128">
        <v>43</v>
      </c>
      <c r="S13128">
        <v>44</v>
      </c>
      <c r="T13128">
        <v>45</v>
      </c>
      <c r="U13128">
        <v>46</v>
      </c>
      <c r="V13128">
        <v>47</v>
      </c>
      <c r="W13128">
        <v>48</v>
      </c>
      <c r="X13128">
        <v>49</v>
      </c>
      <c r="Y13128">
        <v>50</v>
      </c>
      <c r="Z13128">
        <v>50</v>
      </c>
      <c r="AA13128">
        <v>51</v>
      </c>
      <c r="AB13128">
        <v>52</v>
      </c>
      <c r="AC13128">
        <v>52</v>
      </c>
      <c r="AD13128">
        <v>53</v>
      </c>
      <c r="AE13128">
        <v>54</v>
      </c>
      <c r="AF13128">
        <v>54</v>
      </c>
      <c r="AG13128">
        <v>54</v>
      </c>
      <c r="AH13128">
        <v>53</v>
      </c>
      <c r="AI13128">
        <v>53</v>
      </c>
      <c r="AJ13128">
        <v>53</v>
      </c>
      <c r="AK13128">
        <v>53</v>
      </c>
      <c r="AL13128">
        <v>53</v>
      </c>
      <c r="AM13128">
        <v>53</v>
      </c>
      <c r="AN13128">
        <v>53</v>
      </c>
      <c r="AO13128">
        <v>53</v>
      </c>
      <c r="AP13128">
        <v>53</v>
      </c>
      <c r="AQ13128">
        <v>53</v>
      </c>
    </row>
    <row r="13129" spans="1:43">
      <c r="A13129" t="s">
        <v>8152</v>
      </c>
      <c r="B13129" t="s">
        <v>8153</v>
      </c>
      <c r="C13129" t="s">
        <v>8142</v>
      </c>
      <c r="D13129" t="s">
        <v>8143</v>
      </c>
      <c r="E13129" t="s">
        <v>8022</v>
      </c>
      <c r="F13129" t="s">
        <v>8023</v>
      </c>
      <c r="G13129" t="s">
        <v>80</v>
      </c>
      <c r="H13129" t="s">
        <v>81</v>
      </c>
      <c r="I13129" s="2">
        <v>0</v>
      </c>
      <c r="J13129" s="2">
        <v>0</v>
      </c>
      <c r="K13129" s="2">
        <v>0.99</v>
      </c>
      <c r="L13129" t="s">
        <v>995</v>
      </c>
      <c r="M13129" t="s">
        <v>83</v>
      </c>
      <c r="N13129" t="s">
        <v>91</v>
      </c>
      <c r="O13129" t="s">
        <v>85</v>
      </c>
      <c r="P13129" t="s">
        <v>86</v>
      </c>
      <c r="Q13129">
        <v>42</v>
      </c>
      <c r="R13129">
        <v>43</v>
      </c>
      <c r="S13129">
        <v>43</v>
      </c>
      <c r="T13129">
        <v>44</v>
      </c>
      <c r="U13129">
        <v>44</v>
      </c>
      <c r="V13129">
        <v>45</v>
      </c>
      <c r="W13129">
        <v>46</v>
      </c>
      <c r="X13129">
        <v>46</v>
      </c>
      <c r="Y13129">
        <v>47</v>
      </c>
      <c r="Z13129">
        <v>47</v>
      </c>
      <c r="AA13129">
        <v>48</v>
      </c>
      <c r="AB13129">
        <v>48</v>
      </c>
      <c r="AC13129">
        <v>49</v>
      </c>
      <c r="AD13129">
        <v>49</v>
      </c>
      <c r="AE13129">
        <v>50</v>
      </c>
      <c r="AF13129">
        <v>50</v>
      </c>
      <c r="AG13129">
        <v>51</v>
      </c>
      <c r="AH13129">
        <v>51</v>
      </c>
      <c r="AI13129">
        <v>52</v>
      </c>
      <c r="AJ13129">
        <v>52</v>
      </c>
      <c r="AK13129">
        <v>53</v>
      </c>
      <c r="AL13129">
        <v>53</v>
      </c>
      <c r="AM13129">
        <v>53</v>
      </c>
      <c r="AN13129">
        <v>53</v>
      </c>
      <c r="AO13129">
        <v>53</v>
      </c>
      <c r="AP13129">
        <v>52</v>
      </c>
      <c r="AQ13129">
        <v>52</v>
      </c>
    </row>
    <row r="13130" spans="1:43">
      <c r="A13130" t="s">
        <v>8154</v>
      </c>
      <c r="B13130" t="s">
        <v>8155</v>
      </c>
      <c r="C13130" t="s">
        <v>8156</v>
      </c>
      <c r="D13130" t="s">
        <v>8157</v>
      </c>
      <c r="E13130" t="s">
        <v>8022</v>
      </c>
      <c r="F13130" t="s">
        <v>8023</v>
      </c>
      <c r="G13130" t="s">
        <v>80</v>
      </c>
      <c r="H13130" t="s">
        <v>81</v>
      </c>
      <c r="I13130" s="2">
        <v>0</v>
      </c>
      <c r="J13130" s="2">
        <v>1</v>
      </c>
      <c r="K13130" s="2">
        <v>0</v>
      </c>
      <c r="L13130" t="s">
        <v>82</v>
      </c>
      <c r="M13130" t="s">
        <v>83</v>
      </c>
      <c r="N13130" t="s">
        <v>84</v>
      </c>
      <c r="O13130" t="s">
        <v>85</v>
      </c>
      <c r="P13130" t="s">
        <v>86</v>
      </c>
      <c r="Q13130">
        <v>43</v>
      </c>
      <c r="R13130">
        <v>44</v>
      </c>
      <c r="S13130">
        <v>45</v>
      </c>
      <c r="T13130">
        <v>45</v>
      </c>
      <c r="U13130">
        <v>46</v>
      </c>
      <c r="V13130">
        <v>46</v>
      </c>
      <c r="W13130">
        <v>47</v>
      </c>
      <c r="X13130">
        <v>48</v>
      </c>
      <c r="Y13130">
        <v>48</v>
      </c>
      <c r="Z13130">
        <v>49</v>
      </c>
      <c r="AA13130">
        <v>49</v>
      </c>
      <c r="AB13130">
        <v>50</v>
      </c>
      <c r="AC13130">
        <v>50</v>
      </c>
      <c r="AD13130">
        <v>51</v>
      </c>
      <c r="AE13130">
        <v>52</v>
      </c>
      <c r="AF13130">
        <v>52</v>
      </c>
      <c r="AG13130">
        <v>52</v>
      </c>
      <c r="AH13130">
        <v>53</v>
      </c>
      <c r="AI13130">
        <v>53</v>
      </c>
      <c r="AJ13130">
        <v>54</v>
      </c>
      <c r="AK13130">
        <v>54</v>
      </c>
      <c r="AL13130">
        <v>54</v>
      </c>
      <c r="AM13130">
        <v>54</v>
      </c>
      <c r="AN13130">
        <v>54</v>
      </c>
      <c r="AO13130">
        <v>54</v>
      </c>
      <c r="AP13130">
        <v>54</v>
      </c>
      <c r="AQ13130">
        <v>54</v>
      </c>
    </row>
    <row r="13131" spans="1:43">
      <c r="A13131" t="s">
        <v>8154</v>
      </c>
      <c r="B13131" t="s">
        <v>8155</v>
      </c>
      <c r="C13131" t="s">
        <v>8156</v>
      </c>
      <c r="D13131" t="s">
        <v>8157</v>
      </c>
      <c r="E13131" t="s">
        <v>8022</v>
      </c>
      <c r="F13131" t="s">
        <v>8023</v>
      </c>
      <c r="G13131" t="s">
        <v>80</v>
      </c>
      <c r="H13131" t="s">
        <v>81</v>
      </c>
      <c r="I13131" s="2">
        <v>0</v>
      </c>
      <c r="J13131" s="2">
        <v>1</v>
      </c>
      <c r="K13131" s="2">
        <v>0</v>
      </c>
      <c r="L13131" t="s">
        <v>82</v>
      </c>
      <c r="M13131" t="s">
        <v>87</v>
      </c>
      <c r="N13131" t="s">
        <v>88</v>
      </c>
      <c r="O13131" t="s">
        <v>85</v>
      </c>
      <c r="P13131" t="s">
        <v>86</v>
      </c>
      <c r="Q13131">
        <v>43</v>
      </c>
      <c r="R13131">
        <v>43</v>
      </c>
      <c r="S13131">
        <v>43</v>
      </c>
      <c r="T13131">
        <v>44</v>
      </c>
      <c r="U13131">
        <v>44</v>
      </c>
      <c r="V13131">
        <v>44</v>
      </c>
      <c r="W13131">
        <v>44</v>
      </c>
      <c r="X13131">
        <v>44</v>
      </c>
      <c r="Y13131">
        <v>45</v>
      </c>
      <c r="Z13131">
        <v>45</v>
      </c>
      <c r="AA13131">
        <v>45</v>
      </c>
      <c r="AB13131">
        <v>45</v>
      </c>
      <c r="AC13131">
        <v>45</v>
      </c>
      <c r="AD13131">
        <v>45</v>
      </c>
      <c r="AE13131">
        <v>46</v>
      </c>
      <c r="AF13131">
        <v>46</v>
      </c>
      <c r="AG13131">
        <v>46</v>
      </c>
      <c r="AH13131">
        <v>46</v>
      </c>
      <c r="AI13131">
        <v>46</v>
      </c>
      <c r="AJ13131">
        <v>46</v>
      </c>
      <c r="AK13131">
        <v>46</v>
      </c>
      <c r="AL13131">
        <v>46</v>
      </c>
      <c r="AM13131">
        <v>46</v>
      </c>
      <c r="AN13131">
        <v>47</v>
      </c>
      <c r="AO13131">
        <v>47</v>
      </c>
      <c r="AP13131">
        <v>47</v>
      </c>
      <c r="AQ13131">
        <v>47</v>
      </c>
    </row>
    <row r="13132" spans="1:43">
      <c r="A13132" t="s">
        <v>8154</v>
      </c>
      <c r="B13132" t="s">
        <v>8155</v>
      </c>
      <c r="C13132" t="s">
        <v>8156</v>
      </c>
      <c r="D13132" t="s">
        <v>8157</v>
      </c>
      <c r="E13132" t="s">
        <v>8022</v>
      </c>
      <c r="F13132" t="s">
        <v>8023</v>
      </c>
      <c r="G13132" t="s">
        <v>80</v>
      </c>
      <c r="H13132" t="s">
        <v>81</v>
      </c>
      <c r="I13132" s="2">
        <v>0</v>
      </c>
      <c r="J13132" s="2">
        <v>1</v>
      </c>
      <c r="K13132" s="2">
        <v>0</v>
      </c>
      <c r="L13132" t="s">
        <v>82</v>
      </c>
      <c r="M13132" t="s">
        <v>89</v>
      </c>
      <c r="N13132" t="s">
        <v>90</v>
      </c>
      <c r="O13132" t="s">
        <v>85</v>
      </c>
      <c r="P13132" t="s">
        <v>86</v>
      </c>
      <c r="Q13132">
        <v>43</v>
      </c>
      <c r="R13132">
        <v>44</v>
      </c>
      <c r="S13132">
        <v>45</v>
      </c>
      <c r="T13132">
        <v>46</v>
      </c>
      <c r="U13132">
        <v>47</v>
      </c>
      <c r="V13132">
        <v>48</v>
      </c>
      <c r="W13132">
        <v>48</v>
      </c>
      <c r="X13132">
        <v>49</v>
      </c>
      <c r="Y13132">
        <v>50</v>
      </c>
      <c r="Z13132">
        <v>51</v>
      </c>
      <c r="AA13132">
        <v>52</v>
      </c>
      <c r="AB13132">
        <v>52</v>
      </c>
      <c r="AC13132">
        <v>53</v>
      </c>
      <c r="AD13132">
        <v>54</v>
      </c>
      <c r="AE13132">
        <v>54</v>
      </c>
      <c r="AF13132">
        <v>54</v>
      </c>
      <c r="AG13132">
        <v>54</v>
      </c>
      <c r="AH13132">
        <v>54</v>
      </c>
      <c r="AI13132">
        <v>54</v>
      </c>
      <c r="AJ13132">
        <v>54</v>
      </c>
      <c r="AK13132">
        <v>54</v>
      </c>
      <c r="AL13132">
        <v>54</v>
      </c>
      <c r="AM13132">
        <v>54</v>
      </c>
      <c r="AN13132">
        <v>54</v>
      </c>
      <c r="AO13132">
        <v>54</v>
      </c>
      <c r="AP13132">
        <v>54</v>
      </c>
      <c r="AQ13132">
        <v>53</v>
      </c>
    </row>
    <row r="13133" spans="1:43">
      <c r="A13133" t="s">
        <v>8154</v>
      </c>
      <c r="B13133" t="s">
        <v>8155</v>
      </c>
      <c r="C13133" t="s">
        <v>8156</v>
      </c>
      <c r="D13133" t="s">
        <v>8157</v>
      </c>
      <c r="E13133" t="s">
        <v>8022</v>
      </c>
      <c r="F13133" t="s">
        <v>8023</v>
      </c>
      <c r="G13133" t="s">
        <v>80</v>
      </c>
      <c r="H13133" t="s">
        <v>81</v>
      </c>
      <c r="I13133" s="2">
        <v>0</v>
      </c>
      <c r="J13133" s="2">
        <v>1</v>
      </c>
      <c r="K13133" s="2">
        <v>0</v>
      </c>
      <c r="L13133" t="s">
        <v>82</v>
      </c>
      <c r="M13133" t="s">
        <v>83</v>
      </c>
      <c r="N13133" t="s">
        <v>91</v>
      </c>
      <c r="O13133" t="s">
        <v>85</v>
      </c>
      <c r="P13133" t="s">
        <v>86</v>
      </c>
      <c r="Q13133">
        <v>43</v>
      </c>
      <c r="R13133">
        <v>44</v>
      </c>
      <c r="S13133">
        <v>45</v>
      </c>
      <c r="T13133">
        <v>45</v>
      </c>
      <c r="U13133">
        <v>46</v>
      </c>
      <c r="V13133">
        <v>46</v>
      </c>
      <c r="W13133">
        <v>47</v>
      </c>
      <c r="X13133">
        <v>48</v>
      </c>
      <c r="Y13133">
        <v>48</v>
      </c>
      <c r="Z13133">
        <v>49</v>
      </c>
      <c r="AA13133">
        <v>49</v>
      </c>
      <c r="AB13133">
        <v>50</v>
      </c>
      <c r="AC13133">
        <v>50</v>
      </c>
      <c r="AD13133">
        <v>51</v>
      </c>
      <c r="AE13133">
        <v>52</v>
      </c>
      <c r="AF13133">
        <v>52</v>
      </c>
      <c r="AG13133">
        <v>52</v>
      </c>
      <c r="AH13133">
        <v>53</v>
      </c>
      <c r="AI13133">
        <v>53</v>
      </c>
      <c r="AJ13133">
        <v>54</v>
      </c>
      <c r="AK13133">
        <v>54</v>
      </c>
      <c r="AL13133">
        <v>54</v>
      </c>
      <c r="AM13133">
        <v>54</v>
      </c>
      <c r="AN13133">
        <v>54</v>
      </c>
      <c r="AO13133">
        <v>54</v>
      </c>
      <c r="AP13133">
        <v>54</v>
      </c>
      <c r="AQ13133">
        <v>54</v>
      </c>
    </row>
    <row r="13134" spans="1:43">
      <c r="A13134" t="s">
        <v>8158</v>
      </c>
      <c r="B13134" t="s">
        <v>8159</v>
      </c>
      <c r="C13134" t="s">
        <v>8156</v>
      </c>
      <c r="D13134" t="s">
        <v>8157</v>
      </c>
      <c r="E13134" t="s">
        <v>8022</v>
      </c>
      <c r="F13134" t="s">
        <v>8023</v>
      </c>
      <c r="G13134" t="s">
        <v>80</v>
      </c>
      <c r="H13134" t="s">
        <v>81</v>
      </c>
      <c r="I13134" s="2">
        <v>0</v>
      </c>
      <c r="J13134" s="2">
        <v>1</v>
      </c>
      <c r="K13134" s="2">
        <v>0</v>
      </c>
      <c r="L13134" t="s">
        <v>82</v>
      </c>
      <c r="M13134" t="s">
        <v>83</v>
      </c>
      <c r="N13134" t="s">
        <v>84</v>
      </c>
      <c r="O13134" t="s">
        <v>85</v>
      </c>
      <c r="P13134" t="s">
        <v>86</v>
      </c>
      <c r="Q13134">
        <v>28</v>
      </c>
      <c r="R13134">
        <v>29</v>
      </c>
      <c r="S13134">
        <v>29</v>
      </c>
      <c r="T13134">
        <v>29</v>
      </c>
      <c r="U13134">
        <v>30</v>
      </c>
      <c r="V13134">
        <v>30</v>
      </c>
      <c r="W13134">
        <v>31</v>
      </c>
      <c r="X13134">
        <v>31</v>
      </c>
      <c r="Y13134">
        <v>31</v>
      </c>
      <c r="Z13134">
        <v>32</v>
      </c>
      <c r="AA13134">
        <v>32</v>
      </c>
      <c r="AB13134">
        <v>33</v>
      </c>
      <c r="AC13134">
        <v>33</v>
      </c>
      <c r="AD13134">
        <v>33</v>
      </c>
      <c r="AE13134">
        <v>34</v>
      </c>
      <c r="AF13134">
        <v>34</v>
      </c>
      <c r="AG13134">
        <v>34</v>
      </c>
      <c r="AH13134">
        <v>35</v>
      </c>
      <c r="AI13134">
        <v>35</v>
      </c>
      <c r="AJ13134">
        <v>35</v>
      </c>
      <c r="AK13134">
        <v>36</v>
      </c>
      <c r="AL13134">
        <v>36</v>
      </c>
      <c r="AM13134">
        <v>36</v>
      </c>
      <c r="AN13134">
        <v>36</v>
      </c>
      <c r="AO13134">
        <v>35</v>
      </c>
      <c r="AP13134">
        <v>35</v>
      </c>
      <c r="AQ13134">
        <v>35</v>
      </c>
    </row>
    <row r="13135" spans="1:43">
      <c r="A13135" t="s">
        <v>8158</v>
      </c>
      <c r="B13135" t="s">
        <v>8159</v>
      </c>
      <c r="C13135" t="s">
        <v>8156</v>
      </c>
      <c r="D13135" t="s">
        <v>8157</v>
      </c>
      <c r="E13135" t="s">
        <v>8022</v>
      </c>
      <c r="F13135" t="s">
        <v>8023</v>
      </c>
      <c r="G13135" t="s">
        <v>80</v>
      </c>
      <c r="H13135" t="s">
        <v>81</v>
      </c>
      <c r="I13135" s="2">
        <v>0</v>
      </c>
      <c r="J13135" s="2">
        <v>1</v>
      </c>
      <c r="K13135" s="2">
        <v>0</v>
      </c>
      <c r="L13135" t="s">
        <v>82</v>
      </c>
      <c r="M13135" t="s">
        <v>87</v>
      </c>
      <c r="N13135" t="s">
        <v>88</v>
      </c>
      <c r="O13135" t="s">
        <v>85</v>
      </c>
      <c r="P13135" t="s">
        <v>86</v>
      </c>
      <c r="Q13135">
        <v>28</v>
      </c>
      <c r="R13135">
        <v>28</v>
      </c>
      <c r="S13135">
        <v>28</v>
      </c>
      <c r="T13135">
        <v>28</v>
      </c>
      <c r="U13135">
        <v>28</v>
      </c>
      <c r="V13135">
        <v>29</v>
      </c>
      <c r="W13135">
        <v>29</v>
      </c>
      <c r="X13135">
        <v>29</v>
      </c>
      <c r="Y13135">
        <v>29</v>
      </c>
      <c r="Z13135">
        <v>29</v>
      </c>
      <c r="AA13135">
        <v>29</v>
      </c>
      <c r="AB13135">
        <v>29</v>
      </c>
      <c r="AC13135">
        <v>29</v>
      </c>
      <c r="AD13135">
        <v>30</v>
      </c>
      <c r="AE13135">
        <v>30</v>
      </c>
      <c r="AF13135">
        <v>30</v>
      </c>
      <c r="AG13135">
        <v>30</v>
      </c>
      <c r="AH13135">
        <v>30</v>
      </c>
      <c r="AI13135">
        <v>30</v>
      </c>
      <c r="AJ13135">
        <v>30</v>
      </c>
      <c r="AK13135">
        <v>30</v>
      </c>
      <c r="AL13135">
        <v>30</v>
      </c>
      <c r="AM13135">
        <v>30</v>
      </c>
      <c r="AN13135">
        <v>30</v>
      </c>
      <c r="AO13135">
        <v>30</v>
      </c>
      <c r="AP13135">
        <v>31</v>
      </c>
      <c r="AQ13135">
        <v>31</v>
      </c>
    </row>
    <row r="13136" spans="1:43">
      <c r="A13136" t="s">
        <v>8158</v>
      </c>
      <c r="B13136" t="s">
        <v>8159</v>
      </c>
      <c r="C13136" t="s">
        <v>8156</v>
      </c>
      <c r="D13136" t="s">
        <v>8157</v>
      </c>
      <c r="E13136" t="s">
        <v>8022</v>
      </c>
      <c r="F13136" t="s">
        <v>8023</v>
      </c>
      <c r="G13136" t="s">
        <v>80</v>
      </c>
      <c r="H13136" t="s">
        <v>81</v>
      </c>
      <c r="I13136" s="2">
        <v>0</v>
      </c>
      <c r="J13136" s="2">
        <v>1</v>
      </c>
      <c r="K13136" s="2">
        <v>0</v>
      </c>
      <c r="L13136" t="s">
        <v>82</v>
      </c>
      <c r="M13136" t="s">
        <v>89</v>
      </c>
      <c r="N13136" t="s">
        <v>90</v>
      </c>
      <c r="O13136" t="s">
        <v>85</v>
      </c>
      <c r="P13136" t="s">
        <v>86</v>
      </c>
      <c r="Q13136">
        <v>28</v>
      </c>
      <c r="R13136">
        <v>29</v>
      </c>
      <c r="S13136">
        <v>30</v>
      </c>
      <c r="T13136">
        <v>30</v>
      </c>
      <c r="U13136">
        <v>31</v>
      </c>
      <c r="V13136">
        <v>32</v>
      </c>
      <c r="W13136">
        <v>32</v>
      </c>
      <c r="X13136">
        <v>33</v>
      </c>
      <c r="Y13136">
        <v>33</v>
      </c>
      <c r="Z13136">
        <v>34</v>
      </c>
      <c r="AA13136">
        <v>34</v>
      </c>
      <c r="AB13136">
        <v>35</v>
      </c>
      <c r="AC13136">
        <v>35</v>
      </c>
      <c r="AD13136">
        <v>36</v>
      </c>
      <c r="AE13136">
        <v>36</v>
      </c>
      <c r="AF13136">
        <v>36</v>
      </c>
      <c r="AG13136">
        <v>36</v>
      </c>
      <c r="AH13136">
        <v>36</v>
      </c>
      <c r="AI13136">
        <v>36</v>
      </c>
      <c r="AJ13136">
        <v>36</v>
      </c>
      <c r="AK13136">
        <v>36</v>
      </c>
      <c r="AL13136">
        <v>36</v>
      </c>
      <c r="AM13136">
        <v>36</v>
      </c>
      <c r="AN13136">
        <v>36</v>
      </c>
      <c r="AO13136">
        <v>36</v>
      </c>
      <c r="AP13136">
        <v>36</v>
      </c>
      <c r="AQ13136">
        <v>36</v>
      </c>
    </row>
    <row r="13137" spans="1:43">
      <c r="A13137" t="s">
        <v>8158</v>
      </c>
      <c r="B13137" t="s">
        <v>8159</v>
      </c>
      <c r="C13137" t="s">
        <v>8156</v>
      </c>
      <c r="D13137" t="s">
        <v>8157</v>
      </c>
      <c r="E13137" t="s">
        <v>8022</v>
      </c>
      <c r="F13137" t="s">
        <v>8023</v>
      </c>
      <c r="G13137" t="s">
        <v>80</v>
      </c>
      <c r="H13137" t="s">
        <v>81</v>
      </c>
      <c r="I13137" s="2">
        <v>0</v>
      </c>
      <c r="J13137" s="2">
        <v>1</v>
      </c>
      <c r="K13137" s="2">
        <v>0</v>
      </c>
      <c r="L13137" t="s">
        <v>82</v>
      </c>
      <c r="M13137" t="s">
        <v>83</v>
      </c>
      <c r="N13137" t="s">
        <v>91</v>
      </c>
      <c r="O13137" t="s">
        <v>85</v>
      </c>
      <c r="P13137" t="s">
        <v>86</v>
      </c>
      <c r="Q13137">
        <v>28</v>
      </c>
      <c r="R13137">
        <v>29</v>
      </c>
      <c r="S13137">
        <v>29</v>
      </c>
      <c r="T13137">
        <v>29</v>
      </c>
      <c r="U13137">
        <v>30</v>
      </c>
      <c r="V13137">
        <v>30</v>
      </c>
      <c r="W13137">
        <v>31</v>
      </c>
      <c r="X13137">
        <v>31</v>
      </c>
      <c r="Y13137">
        <v>31</v>
      </c>
      <c r="Z13137">
        <v>32</v>
      </c>
      <c r="AA13137">
        <v>32</v>
      </c>
      <c r="AB13137">
        <v>33</v>
      </c>
      <c r="AC13137">
        <v>33</v>
      </c>
      <c r="AD13137">
        <v>33</v>
      </c>
      <c r="AE13137">
        <v>34</v>
      </c>
      <c r="AF13137">
        <v>34</v>
      </c>
      <c r="AG13137">
        <v>34</v>
      </c>
      <c r="AH13137">
        <v>35</v>
      </c>
      <c r="AI13137">
        <v>35</v>
      </c>
      <c r="AJ13137">
        <v>35</v>
      </c>
      <c r="AK13137">
        <v>36</v>
      </c>
      <c r="AL13137">
        <v>36</v>
      </c>
      <c r="AM13137">
        <v>36</v>
      </c>
      <c r="AN13137">
        <v>36</v>
      </c>
      <c r="AO13137">
        <v>35</v>
      </c>
      <c r="AP13137">
        <v>35</v>
      </c>
      <c r="AQ13137">
        <v>35</v>
      </c>
    </row>
    <row r="13138" spans="1:43">
      <c r="A13138" t="s">
        <v>8160</v>
      </c>
      <c r="B13138" t="s">
        <v>8161</v>
      </c>
      <c r="C13138" t="s">
        <v>8156</v>
      </c>
      <c r="D13138" t="s">
        <v>8157</v>
      </c>
      <c r="E13138" t="s">
        <v>8022</v>
      </c>
      <c r="F13138" t="s">
        <v>8023</v>
      </c>
      <c r="G13138" t="s">
        <v>80</v>
      </c>
      <c r="H13138" t="s">
        <v>81</v>
      </c>
      <c r="I13138" s="2">
        <v>0</v>
      </c>
      <c r="J13138" s="2">
        <v>1</v>
      </c>
      <c r="K13138" s="2">
        <v>0</v>
      </c>
      <c r="L13138" t="s">
        <v>82</v>
      </c>
      <c r="M13138" t="s">
        <v>83</v>
      </c>
      <c r="N13138" t="s">
        <v>84</v>
      </c>
      <c r="O13138" t="s">
        <v>85</v>
      </c>
      <c r="P13138" t="s">
        <v>86</v>
      </c>
      <c r="Q13138">
        <v>94</v>
      </c>
      <c r="R13138">
        <v>95</v>
      </c>
      <c r="S13138">
        <v>96</v>
      </c>
      <c r="T13138">
        <v>98</v>
      </c>
      <c r="U13138">
        <v>99</v>
      </c>
      <c r="V13138">
        <v>101</v>
      </c>
      <c r="W13138">
        <v>102</v>
      </c>
      <c r="X13138">
        <v>103</v>
      </c>
      <c r="Y13138">
        <v>105</v>
      </c>
      <c r="Z13138">
        <v>106</v>
      </c>
      <c r="AA13138">
        <v>107</v>
      </c>
      <c r="AB13138">
        <v>108</v>
      </c>
      <c r="AC13138">
        <v>110</v>
      </c>
      <c r="AD13138">
        <v>111</v>
      </c>
      <c r="AE13138">
        <v>112</v>
      </c>
      <c r="AF13138">
        <v>113</v>
      </c>
      <c r="AG13138">
        <v>114</v>
      </c>
      <c r="AH13138">
        <v>115</v>
      </c>
      <c r="AI13138">
        <v>116</v>
      </c>
      <c r="AJ13138">
        <v>117</v>
      </c>
      <c r="AK13138">
        <v>118</v>
      </c>
      <c r="AL13138">
        <v>119</v>
      </c>
      <c r="AM13138">
        <v>119</v>
      </c>
      <c r="AN13138">
        <v>119</v>
      </c>
      <c r="AO13138">
        <v>118</v>
      </c>
      <c r="AP13138">
        <v>118</v>
      </c>
      <c r="AQ13138">
        <v>118</v>
      </c>
    </row>
    <row r="13139" spans="1:43">
      <c r="A13139" t="s">
        <v>8160</v>
      </c>
      <c r="B13139" t="s">
        <v>8161</v>
      </c>
      <c r="C13139" t="s">
        <v>8156</v>
      </c>
      <c r="D13139" t="s">
        <v>8157</v>
      </c>
      <c r="E13139" t="s">
        <v>8022</v>
      </c>
      <c r="F13139" t="s">
        <v>8023</v>
      </c>
      <c r="G13139" t="s">
        <v>80</v>
      </c>
      <c r="H13139" t="s">
        <v>81</v>
      </c>
      <c r="I13139" s="2">
        <v>0</v>
      </c>
      <c r="J13139" s="2">
        <v>1</v>
      </c>
      <c r="K13139" s="2">
        <v>0</v>
      </c>
      <c r="L13139" t="s">
        <v>82</v>
      </c>
      <c r="M13139" t="s">
        <v>87</v>
      </c>
      <c r="N13139" t="s">
        <v>88</v>
      </c>
      <c r="O13139" t="s">
        <v>85</v>
      </c>
      <c r="P13139" t="s">
        <v>86</v>
      </c>
      <c r="Q13139">
        <v>94</v>
      </c>
      <c r="R13139">
        <v>94</v>
      </c>
      <c r="S13139">
        <v>95</v>
      </c>
      <c r="T13139">
        <v>95</v>
      </c>
      <c r="U13139">
        <v>96</v>
      </c>
      <c r="V13139">
        <v>96</v>
      </c>
      <c r="W13139">
        <v>97</v>
      </c>
      <c r="X13139">
        <v>97</v>
      </c>
      <c r="Y13139">
        <v>98</v>
      </c>
      <c r="Z13139">
        <v>98</v>
      </c>
      <c r="AA13139">
        <v>98</v>
      </c>
      <c r="AB13139">
        <v>99</v>
      </c>
      <c r="AC13139">
        <v>99</v>
      </c>
      <c r="AD13139">
        <v>100</v>
      </c>
      <c r="AE13139">
        <v>100</v>
      </c>
      <c r="AF13139">
        <v>100</v>
      </c>
      <c r="AG13139">
        <v>101</v>
      </c>
      <c r="AH13139">
        <v>101</v>
      </c>
      <c r="AI13139">
        <v>101</v>
      </c>
      <c r="AJ13139">
        <v>102</v>
      </c>
      <c r="AK13139">
        <v>102</v>
      </c>
      <c r="AL13139">
        <v>102</v>
      </c>
      <c r="AM13139">
        <v>102</v>
      </c>
      <c r="AN13139">
        <v>102</v>
      </c>
      <c r="AO13139">
        <v>103</v>
      </c>
      <c r="AP13139">
        <v>103</v>
      </c>
      <c r="AQ13139">
        <v>103</v>
      </c>
    </row>
    <row r="13140" spans="1:43">
      <c r="A13140" t="s">
        <v>8160</v>
      </c>
      <c r="B13140" t="s">
        <v>8161</v>
      </c>
      <c r="C13140" t="s">
        <v>8156</v>
      </c>
      <c r="D13140" t="s">
        <v>8157</v>
      </c>
      <c r="E13140" t="s">
        <v>8022</v>
      </c>
      <c r="F13140" t="s">
        <v>8023</v>
      </c>
      <c r="G13140" t="s">
        <v>80</v>
      </c>
      <c r="H13140" t="s">
        <v>81</v>
      </c>
      <c r="I13140" s="2">
        <v>0</v>
      </c>
      <c r="J13140" s="2">
        <v>1</v>
      </c>
      <c r="K13140" s="2">
        <v>0</v>
      </c>
      <c r="L13140" t="s">
        <v>82</v>
      </c>
      <c r="M13140" t="s">
        <v>89</v>
      </c>
      <c r="N13140" t="s">
        <v>90</v>
      </c>
      <c r="O13140" t="s">
        <v>85</v>
      </c>
      <c r="P13140" t="s">
        <v>86</v>
      </c>
      <c r="Q13140">
        <v>94</v>
      </c>
      <c r="R13140">
        <v>96</v>
      </c>
      <c r="S13140">
        <v>98</v>
      </c>
      <c r="T13140">
        <v>100</v>
      </c>
      <c r="U13140">
        <v>102</v>
      </c>
      <c r="V13140">
        <v>104</v>
      </c>
      <c r="W13140">
        <v>106</v>
      </c>
      <c r="X13140">
        <v>108</v>
      </c>
      <c r="Y13140">
        <v>110</v>
      </c>
      <c r="Z13140">
        <v>112</v>
      </c>
      <c r="AA13140">
        <v>113</v>
      </c>
      <c r="AB13140">
        <v>115</v>
      </c>
      <c r="AC13140">
        <v>117</v>
      </c>
      <c r="AD13140">
        <v>118</v>
      </c>
      <c r="AE13140">
        <v>119</v>
      </c>
      <c r="AF13140">
        <v>119</v>
      </c>
      <c r="AG13140">
        <v>119</v>
      </c>
      <c r="AH13140">
        <v>119</v>
      </c>
      <c r="AI13140">
        <v>119</v>
      </c>
      <c r="AJ13140">
        <v>119</v>
      </c>
      <c r="AK13140">
        <v>119</v>
      </c>
      <c r="AL13140">
        <v>119</v>
      </c>
      <c r="AM13140">
        <v>119</v>
      </c>
      <c r="AN13140">
        <v>119</v>
      </c>
      <c r="AO13140">
        <v>119</v>
      </c>
      <c r="AP13140">
        <v>118</v>
      </c>
      <c r="AQ13140">
        <v>118</v>
      </c>
    </row>
    <row r="13141" spans="1:43">
      <c r="A13141" t="s">
        <v>8160</v>
      </c>
      <c r="B13141" t="s">
        <v>8161</v>
      </c>
      <c r="C13141" t="s">
        <v>8156</v>
      </c>
      <c r="D13141" t="s">
        <v>8157</v>
      </c>
      <c r="E13141" t="s">
        <v>8022</v>
      </c>
      <c r="F13141" t="s">
        <v>8023</v>
      </c>
      <c r="G13141" t="s">
        <v>80</v>
      </c>
      <c r="H13141" t="s">
        <v>81</v>
      </c>
      <c r="I13141" s="2">
        <v>0</v>
      </c>
      <c r="J13141" s="2">
        <v>1</v>
      </c>
      <c r="K13141" s="2">
        <v>0</v>
      </c>
      <c r="L13141" t="s">
        <v>82</v>
      </c>
      <c r="M13141" t="s">
        <v>83</v>
      </c>
      <c r="N13141" t="s">
        <v>91</v>
      </c>
      <c r="O13141" t="s">
        <v>85</v>
      </c>
      <c r="P13141" t="s">
        <v>86</v>
      </c>
      <c r="Q13141">
        <v>94</v>
      </c>
      <c r="R13141">
        <v>95</v>
      </c>
      <c r="S13141">
        <v>96</v>
      </c>
      <c r="T13141">
        <v>98</v>
      </c>
      <c r="U13141">
        <v>99</v>
      </c>
      <c r="V13141">
        <v>101</v>
      </c>
      <c r="W13141">
        <v>102</v>
      </c>
      <c r="X13141">
        <v>103</v>
      </c>
      <c r="Y13141">
        <v>105</v>
      </c>
      <c r="Z13141">
        <v>106</v>
      </c>
      <c r="AA13141">
        <v>107</v>
      </c>
      <c r="AB13141">
        <v>108</v>
      </c>
      <c r="AC13141">
        <v>110</v>
      </c>
      <c r="AD13141">
        <v>111</v>
      </c>
      <c r="AE13141">
        <v>112</v>
      </c>
      <c r="AF13141">
        <v>113</v>
      </c>
      <c r="AG13141">
        <v>114</v>
      </c>
      <c r="AH13141">
        <v>115</v>
      </c>
      <c r="AI13141">
        <v>116</v>
      </c>
      <c r="AJ13141">
        <v>117</v>
      </c>
      <c r="AK13141">
        <v>118</v>
      </c>
      <c r="AL13141">
        <v>119</v>
      </c>
      <c r="AM13141">
        <v>119</v>
      </c>
      <c r="AN13141">
        <v>119</v>
      </c>
      <c r="AO13141">
        <v>118</v>
      </c>
      <c r="AP13141">
        <v>118</v>
      </c>
      <c r="AQ13141">
        <v>118</v>
      </c>
    </row>
    <row r="13142" spans="1:43">
      <c r="A13142" t="s">
        <v>8162</v>
      </c>
      <c r="B13142" t="s">
        <v>8163</v>
      </c>
      <c r="C13142" t="s">
        <v>8156</v>
      </c>
      <c r="D13142" t="s">
        <v>8157</v>
      </c>
      <c r="E13142" t="s">
        <v>8022</v>
      </c>
      <c r="F13142" t="s">
        <v>8023</v>
      </c>
      <c r="G13142" t="s">
        <v>80</v>
      </c>
      <c r="H13142" t="s">
        <v>81</v>
      </c>
      <c r="I13142" s="2">
        <v>0</v>
      </c>
      <c r="J13142" s="2">
        <v>0.83</v>
      </c>
      <c r="K13142" s="2">
        <v>0</v>
      </c>
      <c r="L13142" t="s">
        <v>82</v>
      </c>
      <c r="M13142" t="s">
        <v>83</v>
      </c>
      <c r="N13142" t="s">
        <v>84</v>
      </c>
      <c r="O13142" t="s">
        <v>85</v>
      </c>
      <c r="P13142" t="s">
        <v>86</v>
      </c>
      <c r="Q13142">
        <v>42</v>
      </c>
      <c r="R13142">
        <v>43</v>
      </c>
      <c r="S13142">
        <v>44</v>
      </c>
      <c r="T13142">
        <v>44</v>
      </c>
      <c r="U13142">
        <v>45</v>
      </c>
      <c r="V13142">
        <v>45</v>
      </c>
      <c r="W13142">
        <v>46</v>
      </c>
      <c r="X13142">
        <v>47</v>
      </c>
      <c r="Y13142">
        <v>47</v>
      </c>
      <c r="Z13142">
        <v>48</v>
      </c>
      <c r="AA13142">
        <v>48</v>
      </c>
      <c r="AB13142">
        <v>49</v>
      </c>
      <c r="AC13142">
        <v>49</v>
      </c>
      <c r="AD13142">
        <v>50</v>
      </c>
      <c r="AE13142">
        <v>51</v>
      </c>
      <c r="AF13142">
        <v>51</v>
      </c>
      <c r="AG13142">
        <v>52</v>
      </c>
      <c r="AH13142">
        <v>52</v>
      </c>
      <c r="AI13142">
        <v>53</v>
      </c>
      <c r="AJ13142">
        <v>53</v>
      </c>
      <c r="AK13142">
        <v>54</v>
      </c>
      <c r="AL13142">
        <v>54</v>
      </c>
      <c r="AM13142">
        <v>54</v>
      </c>
      <c r="AN13142">
        <v>54</v>
      </c>
      <c r="AO13142">
        <v>53</v>
      </c>
      <c r="AP13142">
        <v>53</v>
      </c>
      <c r="AQ13142">
        <v>53</v>
      </c>
    </row>
    <row r="13143" spans="1:43">
      <c r="A13143" t="s">
        <v>8162</v>
      </c>
      <c r="B13143" t="s">
        <v>8163</v>
      </c>
      <c r="C13143" t="s">
        <v>8156</v>
      </c>
      <c r="D13143" t="s">
        <v>8157</v>
      </c>
      <c r="E13143" t="s">
        <v>8022</v>
      </c>
      <c r="F13143" t="s">
        <v>8023</v>
      </c>
      <c r="G13143" t="s">
        <v>80</v>
      </c>
      <c r="H13143" t="s">
        <v>81</v>
      </c>
      <c r="I13143" s="2">
        <v>0</v>
      </c>
      <c r="J13143" s="2">
        <v>0.83</v>
      </c>
      <c r="K13143" s="2">
        <v>0</v>
      </c>
      <c r="L13143" t="s">
        <v>82</v>
      </c>
      <c r="M13143" t="s">
        <v>87</v>
      </c>
      <c r="N13143" t="s">
        <v>88</v>
      </c>
      <c r="O13143" t="s">
        <v>85</v>
      </c>
      <c r="P13143" t="s">
        <v>86</v>
      </c>
      <c r="Q13143">
        <v>42</v>
      </c>
      <c r="R13143">
        <v>42</v>
      </c>
      <c r="S13143">
        <v>42</v>
      </c>
      <c r="T13143">
        <v>43</v>
      </c>
      <c r="U13143">
        <v>43</v>
      </c>
      <c r="V13143">
        <v>43</v>
      </c>
      <c r="W13143">
        <v>43</v>
      </c>
      <c r="X13143">
        <v>43</v>
      </c>
      <c r="Y13143">
        <v>44</v>
      </c>
      <c r="Z13143">
        <v>44</v>
      </c>
      <c r="AA13143">
        <v>44</v>
      </c>
      <c r="AB13143">
        <v>44</v>
      </c>
      <c r="AC13143">
        <v>44</v>
      </c>
      <c r="AD13143">
        <v>45</v>
      </c>
      <c r="AE13143">
        <v>45</v>
      </c>
      <c r="AF13143">
        <v>45</v>
      </c>
      <c r="AG13143">
        <v>45</v>
      </c>
      <c r="AH13143">
        <v>45</v>
      </c>
      <c r="AI13143">
        <v>45</v>
      </c>
      <c r="AJ13143">
        <v>45</v>
      </c>
      <c r="AK13143">
        <v>46</v>
      </c>
      <c r="AL13143">
        <v>46</v>
      </c>
      <c r="AM13143">
        <v>46</v>
      </c>
      <c r="AN13143">
        <v>46</v>
      </c>
      <c r="AO13143">
        <v>46</v>
      </c>
      <c r="AP13143">
        <v>46</v>
      </c>
      <c r="AQ13143">
        <v>46</v>
      </c>
    </row>
    <row r="13144" spans="1:43">
      <c r="A13144" t="s">
        <v>8162</v>
      </c>
      <c r="B13144" t="s">
        <v>8163</v>
      </c>
      <c r="C13144" t="s">
        <v>8156</v>
      </c>
      <c r="D13144" t="s">
        <v>8157</v>
      </c>
      <c r="E13144" t="s">
        <v>8022</v>
      </c>
      <c r="F13144" t="s">
        <v>8023</v>
      </c>
      <c r="G13144" t="s">
        <v>80</v>
      </c>
      <c r="H13144" t="s">
        <v>81</v>
      </c>
      <c r="I13144" s="2">
        <v>0</v>
      </c>
      <c r="J13144" s="2">
        <v>0.83</v>
      </c>
      <c r="K13144" s="2">
        <v>0</v>
      </c>
      <c r="L13144" t="s">
        <v>82</v>
      </c>
      <c r="M13144" t="s">
        <v>89</v>
      </c>
      <c r="N13144" t="s">
        <v>90</v>
      </c>
      <c r="O13144" t="s">
        <v>85</v>
      </c>
      <c r="P13144" t="s">
        <v>86</v>
      </c>
      <c r="Q13144">
        <v>42</v>
      </c>
      <c r="R13144">
        <v>43</v>
      </c>
      <c r="S13144">
        <v>44</v>
      </c>
      <c r="T13144">
        <v>45</v>
      </c>
      <c r="U13144">
        <v>46</v>
      </c>
      <c r="V13144">
        <v>46</v>
      </c>
      <c r="W13144">
        <v>47</v>
      </c>
      <c r="X13144">
        <v>48</v>
      </c>
      <c r="Y13144">
        <v>49</v>
      </c>
      <c r="Z13144">
        <v>50</v>
      </c>
      <c r="AA13144">
        <v>51</v>
      </c>
      <c r="AB13144">
        <v>51</v>
      </c>
      <c r="AC13144">
        <v>52</v>
      </c>
      <c r="AD13144">
        <v>53</v>
      </c>
      <c r="AE13144">
        <v>53</v>
      </c>
      <c r="AF13144">
        <v>53</v>
      </c>
      <c r="AG13144">
        <v>53</v>
      </c>
      <c r="AH13144">
        <v>53</v>
      </c>
      <c r="AI13144">
        <v>53</v>
      </c>
      <c r="AJ13144">
        <v>53</v>
      </c>
      <c r="AK13144">
        <v>53</v>
      </c>
      <c r="AL13144">
        <v>53</v>
      </c>
      <c r="AM13144">
        <v>53</v>
      </c>
      <c r="AN13144">
        <v>53</v>
      </c>
      <c r="AO13144">
        <v>53</v>
      </c>
      <c r="AP13144">
        <v>53</v>
      </c>
      <c r="AQ13144">
        <v>53</v>
      </c>
    </row>
    <row r="13145" spans="1:43">
      <c r="A13145" t="s">
        <v>8162</v>
      </c>
      <c r="B13145" t="s">
        <v>8163</v>
      </c>
      <c r="C13145" t="s">
        <v>8156</v>
      </c>
      <c r="D13145" t="s">
        <v>8157</v>
      </c>
      <c r="E13145" t="s">
        <v>8022</v>
      </c>
      <c r="F13145" t="s">
        <v>8023</v>
      </c>
      <c r="G13145" t="s">
        <v>80</v>
      </c>
      <c r="H13145" t="s">
        <v>81</v>
      </c>
      <c r="I13145" s="2">
        <v>0</v>
      </c>
      <c r="J13145" s="2">
        <v>0.83</v>
      </c>
      <c r="K13145" s="2">
        <v>0</v>
      </c>
      <c r="L13145" t="s">
        <v>82</v>
      </c>
      <c r="M13145" t="s">
        <v>83</v>
      </c>
      <c r="N13145" t="s">
        <v>91</v>
      </c>
      <c r="O13145" t="s">
        <v>85</v>
      </c>
      <c r="P13145" t="s">
        <v>86</v>
      </c>
      <c r="Q13145">
        <v>42</v>
      </c>
      <c r="R13145">
        <v>43</v>
      </c>
      <c r="S13145">
        <v>44</v>
      </c>
      <c r="T13145">
        <v>44</v>
      </c>
      <c r="U13145">
        <v>45</v>
      </c>
      <c r="V13145">
        <v>45</v>
      </c>
      <c r="W13145">
        <v>46</v>
      </c>
      <c r="X13145">
        <v>47</v>
      </c>
      <c r="Y13145">
        <v>47</v>
      </c>
      <c r="Z13145">
        <v>48</v>
      </c>
      <c r="AA13145">
        <v>48</v>
      </c>
      <c r="AB13145">
        <v>49</v>
      </c>
      <c r="AC13145">
        <v>49</v>
      </c>
      <c r="AD13145">
        <v>50</v>
      </c>
      <c r="AE13145">
        <v>51</v>
      </c>
      <c r="AF13145">
        <v>51</v>
      </c>
      <c r="AG13145">
        <v>52</v>
      </c>
      <c r="AH13145">
        <v>52</v>
      </c>
      <c r="AI13145">
        <v>53</v>
      </c>
      <c r="AJ13145">
        <v>53</v>
      </c>
      <c r="AK13145">
        <v>54</v>
      </c>
      <c r="AL13145">
        <v>54</v>
      </c>
      <c r="AM13145">
        <v>54</v>
      </c>
      <c r="AN13145">
        <v>54</v>
      </c>
      <c r="AO13145">
        <v>53</v>
      </c>
      <c r="AP13145">
        <v>53</v>
      </c>
      <c r="AQ13145">
        <v>53</v>
      </c>
    </row>
    <row r="13146" spans="1:43">
      <c r="A13146" t="s">
        <v>8164</v>
      </c>
      <c r="B13146" t="s">
        <v>8165</v>
      </c>
      <c r="C13146" t="s">
        <v>8156</v>
      </c>
      <c r="D13146" t="s">
        <v>8157</v>
      </c>
      <c r="E13146" t="s">
        <v>8022</v>
      </c>
      <c r="F13146" t="s">
        <v>8023</v>
      </c>
      <c r="G13146" t="s">
        <v>80</v>
      </c>
      <c r="H13146" t="s">
        <v>81</v>
      </c>
      <c r="I13146" s="2">
        <v>0</v>
      </c>
      <c r="J13146" s="2">
        <v>1</v>
      </c>
      <c r="K13146" s="2">
        <v>0</v>
      </c>
      <c r="L13146" t="s">
        <v>82</v>
      </c>
      <c r="M13146" t="s">
        <v>83</v>
      </c>
      <c r="N13146" t="s">
        <v>84</v>
      </c>
      <c r="O13146" t="s">
        <v>85</v>
      </c>
      <c r="P13146" t="s">
        <v>86</v>
      </c>
      <c r="Q13146">
        <v>38</v>
      </c>
      <c r="R13146">
        <v>38</v>
      </c>
      <c r="S13146">
        <v>39</v>
      </c>
      <c r="T13146">
        <v>39</v>
      </c>
      <c r="U13146">
        <v>40</v>
      </c>
      <c r="V13146">
        <v>41</v>
      </c>
      <c r="W13146">
        <v>41</v>
      </c>
      <c r="X13146">
        <v>42</v>
      </c>
      <c r="Y13146">
        <v>42</v>
      </c>
      <c r="Z13146">
        <v>43</v>
      </c>
      <c r="AA13146">
        <v>43</v>
      </c>
      <c r="AB13146">
        <v>44</v>
      </c>
      <c r="AC13146">
        <v>44</v>
      </c>
      <c r="AD13146">
        <v>45</v>
      </c>
      <c r="AE13146">
        <v>45</v>
      </c>
      <c r="AF13146">
        <v>46</v>
      </c>
      <c r="AG13146">
        <v>46</v>
      </c>
      <c r="AH13146">
        <v>47</v>
      </c>
      <c r="AI13146">
        <v>47</v>
      </c>
      <c r="AJ13146">
        <v>47</v>
      </c>
      <c r="AK13146">
        <v>48</v>
      </c>
      <c r="AL13146">
        <v>48</v>
      </c>
      <c r="AM13146">
        <v>48</v>
      </c>
      <c r="AN13146">
        <v>48</v>
      </c>
      <c r="AO13146">
        <v>48</v>
      </c>
      <c r="AP13146">
        <v>48</v>
      </c>
      <c r="AQ13146">
        <v>48</v>
      </c>
    </row>
    <row r="13147" spans="1:43">
      <c r="A13147" t="s">
        <v>8164</v>
      </c>
      <c r="B13147" t="s">
        <v>8165</v>
      </c>
      <c r="C13147" t="s">
        <v>8156</v>
      </c>
      <c r="D13147" t="s">
        <v>8157</v>
      </c>
      <c r="E13147" t="s">
        <v>8022</v>
      </c>
      <c r="F13147" t="s">
        <v>8023</v>
      </c>
      <c r="G13147" t="s">
        <v>80</v>
      </c>
      <c r="H13147" t="s">
        <v>81</v>
      </c>
      <c r="I13147" s="2">
        <v>0</v>
      </c>
      <c r="J13147" s="2">
        <v>1</v>
      </c>
      <c r="K13147" s="2">
        <v>0</v>
      </c>
      <c r="L13147" t="s">
        <v>82</v>
      </c>
      <c r="M13147" t="s">
        <v>87</v>
      </c>
      <c r="N13147" t="s">
        <v>88</v>
      </c>
      <c r="O13147" t="s">
        <v>85</v>
      </c>
      <c r="P13147" t="s">
        <v>86</v>
      </c>
      <c r="Q13147">
        <v>38</v>
      </c>
      <c r="R13147">
        <v>39</v>
      </c>
      <c r="S13147">
        <v>39</v>
      </c>
      <c r="T13147">
        <v>39</v>
      </c>
      <c r="U13147">
        <v>39</v>
      </c>
      <c r="V13147">
        <v>39</v>
      </c>
      <c r="W13147">
        <v>40</v>
      </c>
      <c r="X13147">
        <v>40</v>
      </c>
      <c r="Y13147">
        <v>40</v>
      </c>
      <c r="Z13147">
        <v>40</v>
      </c>
      <c r="AA13147">
        <v>40</v>
      </c>
      <c r="AB13147">
        <v>41</v>
      </c>
      <c r="AC13147">
        <v>41</v>
      </c>
      <c r="AD13147">
        <v>41</v>
      </c>
      <c r="AE13147">
        <v>41</v>
      </c>
      <c r="AF13147">
        <v>41</v>
      </c>
      <c r="AG13147">
        <v>41</v>
      </c>
      <c r="AH13147">
        <v>41</v>
      </c>
      <c r="AI13147">
        <v>41</v>
      </c>
      <c r="AJ13147">
        <v>42</v>
      </c>
      <c r="AK13147">
        <v>42</v>
      </c>
      <c r="AL13147">
        <v>42</v>
      </c>
      <c r="AM13147">
        <v>42</v>
      </c>
      <c r="AN13147">
        <v>42</v>
      </c>
      <c r="AO13147">
        <v>42</v>
      </c>
      <c r="AP13147">
        <v>42</v>
      </c>
      <c r="AQ13147">
        <v>42</v>
      </c>
    </row>
    <row r="13148" spans="1:43">
      <c r="A13148" t="s">
        <v>8164</v>
      </c>
      <c r="B13148" t="s">
        <v>8165</v>
      </c>
      <c r="C13148" t="s">
        <v>8156</v>
      </c>
      <c r="D13148" t="s">
        <v>8157</v>
      </c>
      <c r="E13148" t="s">
        <v>8022</v>
      </c>
      <c r="F13148" t="s">
        <v>8023</v>
      </c>
      <c r="G13148" t="s">
        <v>80</v>
      </c>
      <c r="H13148" t="s">
        <v>81</v>
      </c>
      <c r="I13148" s="2">
        <v>0</v>
      </c>
      <c r="J13148" s="2">
        <v>1</v>
      </c>
      <c r="K13148" s="2">
        <v>0</v>
      </c>
      <c r="L13148" t="s">
        <v>82</v>
      </c>
      <c r="M13148" t="s">
        <v>89</v>
      </c>
      <c r="N13148" t="s">
        <v>90</v>
      </c>
      <c r="O13148" t="s">
        <v>85</v>
      </c>
      <c r="P13148" t="s">
        <v>86</v>
      </c>
      <c r="Q13148">
        <v>38</v>
      </c>
      <c r="R13148">
        <v>39</v>
      </c>
      <c r="S13148">
        <v>40</v>
      </c>
      <c r="T13148">
        <v>41</v>
      </c>
      <c r="U13148">
        <v>42</v>
      </c>
      <c r="V13148">
        <v>42</v>
      </c>
      <c r="W13148">
        <v>43</v>
      </c>
      <c r="X13148">
        <v>44</v>
      </c>
      <c r="Y13148">
        <v>45</v>
      </c>
      <c r="Z13148">
        <v>45</v>
      </c>
      <c r="AA13148">
        <v>46</v>
      </c>
      <c r="AB13148">
        <v>47</v>
      </c>
      <c r="AC13148">
        <v>48</v>
      </c>
      <c r="AD13148">
        <v>48</v>
      </c>
      <c r="AE13148">
        <v>49</v>
      </c>
      <c r="AF13148">
        <v>49</v>
      </c>
      <c r="AG13148">
        <v>49</v>
      </c>
      <c r="AH13148">
        <v>49</v>
      </c>
      <c r="AI13148">
        <v>49</v>
      </c>
      <c r="AJ13148">
        <v>49</v>
      </c>
      <c r="AK13148">
        <v>48</v>
      </c>
      <c r="AL13148">
        <v>48</v>
      </c>
      <c r="AM13148">
        <v>48</v>
      </c>
      <c r="AN13148">
        <v>48</v>
      </c>
      <c r="AO13148">
        <v>48</v>
      </c>
      <c r="AP13148">
        <v>48</v>
      </c>
      <c r="AQ13148">
        <v>48</v>
      </c>
    </row>
    <row r="13149" spans="1:43">
      <c r="A13149" t="s">
        <v>8164</v>
      </c>
      <c r="B13149" t="s">
        <v>8165</v>
      </c>
      <c r="C13149" t="s">
        <v>8156</v>
      </c>
      <c r="D13149" t="s">
        <v>8157</v>
      </c>
      <c r="E13149" t="s">
        <v>8022</v>
      </c>
      <c r="F13149" t="s">
        <v>8023</v>
      </c>
      <c r="G13149" t="s">
        <v>80</v>
      </c>
      <c r="H13149" t="s">
        <v>81</v>
      </c>
      <c r="I13149" s="2">
        <v>0</v>
      </c>
      <c r="J13149" s="2">
        <v>1</v>
      </c>
      <c r="K13149" s="2">
        <v>0</v>
      </c>
      <c r="L13149" t="s">
        <v>82</v>
      </c>
      <c r="M13149" t="s">
        <v>83</v>
      </c>
      <c r="N13149" t="s">
        <v>91</v>
      </c>
      <c r="O13149" t="s">
        <v>85</v>
      </c>
      <c r="P13149" t="s">
        <v>86</v>
      </c>
      <c r="Q13149">
        <v>38</v>
      </c>
      <c r="R13149">
        <v>38</v>
      </c>
      <c r="S13149">
        <v>39</v>
      </c>
      <c r="T13149">
        <v>39</v>
      </c>
      <c r="U13149">
        <v>40</v>
      </c>
      <c r="V13149">
        <v>41</v>
      </c>
      <c r="W13149">
        <v>41</v>
      </c>
      <c r="X13149">
        <v>42</v>
      </c>
      <c r="Y13149">
        <v>42</v>
      </c>
      <c r="Z13149">
        <v>43</v>
      </c>
      <c r="AA13149">
        <v>43</v>
      </c>
      <c r="AB13149">
        <v>44</v>
      </c>
      <c r="AC13149">
        <v>44</v>
      </c>
      <c r="AD13149">
        <v>45</v>
      </c>
      <c r="AE13149">
        <v>45</v>
      </c>
      <c r="AF13149">
        <v>46</v>
      </c>
      <c r="AG13149">
        <v>46</v>
      </c>
      <c r="AH13149">
        <v>47</v>
      </c>
      <c r="AI13149">
        <v>47</v>
      </c>
      <c r="AJ13149">
        <v>47</v>
      </c>
      <c r="AK13149">
        <v>48</v>
      </c>
      <c r="AL13149">
        <v>48</v>
      </c>
      <c r="AM13149">
        <v>48</v>
      </c>
      <c r="AN13149">
        <v>48</v>
      </c>
      <c r="AO13149">
        <v>48</v>
      </c>
      <c r="AP13149">
        <v>48</v>
      </c>
      <c r="AQ13149">
        <v>48</v>
      </c>
    </row>
    <row r="13150" spans="1:43">
      <c r="A13150" t="s">
        <v>8166</v>
      </c>
      <c r="B13150" t="s">
        <v>8167</v>
      </c>
      <c r="C13150" t="s">
        <v>8156</v>
      </c>
      <c r="D13150" t="s">
        <v>8157</v>
      </c>
      <c r="E13150" t="s">
        <v>8022</v>
      </c>
      <c r="F13150" t="s">
        <v>8023</v>
      </c>
      <c r="G13150" t="s">
        <v>80</v>
      </c>
      <c r="H13150" t="s">
        <v>81</v>
      </c>
      <c r="I13150" s="2">
        <v>0</v>
      </c>
      <c r="J13150" s="2">
        <v>1</v>
      </c>
      <c r="K13150" s="2">
        <v>0</v>
      </c>
      <c r="L13150" t="s">
        <v>82</v>
      </c>
      <c r="M13150" t="s">
        <v>83</v>
      </c>
      <c r="N13150" t="s">
        <v>84</v>
      </c>
      <c r="O13150" t="s">
        <v>85</v>
      </c>
      <c r="P13150" t="s">
        <v>86</v>
      </c>
      <c r="Q13150">
        <v>25</v>
      </c>
      <c r="R13150">
        <v>26</v>
      </c>
      <c r="S13150">
        <v>26</v>
      </c>
      <c r="T13150">
        <v>26</v>
      </c>
      <c r="U13150">
        <v>27</v>
      </c>
      <c r="V13150">
        <v>27</v>
      </c>
      <c r="W13150">
        <v>27</v>
      </c>
      <c r="X13150">
        <v>28</v>
      </c>
      <c r="Y13150">
        <v>28</v>
      </c>
      <c r="Z13150">
        <v>28</v>
      </c>
      <c r="AA13150">
        <v>29</v>
      </c>
      <c r="AB13150">
        <v>29</v>
      </c>
      <c r="AC13150">
        <v>29</v>
      </c>
      <c r="AD13150">
        <v>30</v>
      </c>
      <c r="AE13150">
        <v>30</v>
      </c>
      <c r="AF13150">
        <v>30</v>
      </c>
      <c r="AG13150">
        <v>31</v>
      </c>
      <c r="AH13150">
        <v>31</v>
      </c>
      <c r="AI13150">
        <v>31</v>
      </c>
      <c r="AJ13150">
        <v>31</v>
      </c>
      <c r="AK13150">
        <v>32</v>
      </c>
      <c r="AL13150">
        <v>32</v>
      </c>
      <c r="AM13150">
        <v>32</v>
      </c>
      <c r="AN13150">
        <v>32</v>
      </c>
      <c r="AO13150">
        <v>32</v>
      </c>
      <c r="AP13150">
        <v>32</v>
      </c>
      <c r="AQ13150">
        <v>32</v>
      </c>
    </row>
    <row r="13151" spans="1:43">
      <c r="A13151" t="s">
        <v>8166</v>
      </c>
      <c r="B13151" t="s">
        <v>8167</v>
      </c>
      <c r="C13151" t="s">
        <v>8156</v>
      </c>
      <c r="D13151" t="s">
        <v>8157</v>
      </c>
      <c r="E13151" t="s">
        <v>8022</v>
      </c>
      <c r="F13151" t="s">
        <v>8023</v>
      </c>
      <c r="G13151" t="s">
        <v>80</v>
      </c>
      <c r="H13151" t="s">
        <v>81</v>
      </c>
      <c r="I13151" s="2">
        <v>0</v>
      </c>
      <c r="J13151" s="2">
        <v>1</v>
      </c>
      <c r="K13151" s="2">
        <v>0</v>
      </c>
      <c r="L13151" t="s">
        <v>82</v>
      </c>
      <c r="M13151" t="s">
        <v>87</v>
      </c>
      <c r="N13151" t="s">
        <v>88</v>
      </c>
      <c r="O13151" t="s">
        <v>85</v>
      </c>
      <c r="P13151" t="s">
        <v>86</v>
      </c>
      <c r="Q13151">
        <v>25</v>
      </c>
      <c r="R13151">
        <v>25</v>
      </c>
      <c r="S13151">
        <v>25</v>
      </c>
      <c r="T13151">
        <v>25</v>
      </c>
      <c r="U13151">
        <v>25</v>
      </c>
      <c r="V13151">
        <v>26</v>
      </c>
      <c r="W13151">
        <v>26</v>
      </c>
      <c r="X13151">
        <v>26</v>
      </c>
      <c r="Y13151">
        <v>26</v>
      </c>
      <c r="Z13151">
        <v>26</v>
      </c>
      <c r="AA13151">
        <v>26</v>
      </c>
      <c r="AB13151">
        <v>26</v>
      </c>
      <c r="AC13151">
        <v>26</v>
      </c>
      <c r="AD13151">
        <v>26</v>
      </c>
      <c r="AE13151">
        <v>27</v>
      </c>
      <c r="AF13151">
        <v>27</v>
      </c>
      <c r="AG13151">
        <v>27</v>
      </c>
      <c r="AH13151">
        <v>27</v>
      </c>
      <c r="AI13151">
        <v>27</v>
      </c>
      <c r="AJ13151">
        <v>27</v>
      </c>
      <c r="AK13151">
        <v>27</v>
      </c>
      <c r="AL13151">
        <v>27</v>
      </c>
      <c r="AM13151">
        <v>27</v>
      </c>
      <c r="AN13151">
        <v>27</v>
      </c>
      <c r="AO13151">
        <v>27</v>
      </c>
      <c r="AP13151">
        <v>27</v>
      </c>
      <c r="AQ13151">
        <v>27</v>
      </c>
    </row>
    <row r="13152" spans="1:43">
      <c r="A13152" t="s">
        <v>8166</v>
      </c>
      <c r="B13152" t="s">
        <v>8167</v>
      </c>
      <c r="C13152" t="s">
        <v>8156</v>
      </c>
      <c r="D13152" t="s">
        <v>8157</v>
      </c>
      <c r="E13152" t="s">
        <v>8022</v>
      </c>
      <c r="F13152" t="s">
        <v>8023</v>
      </c>
      <c r="G13152" t="s">
        <v>80</v>
      </c>
      <c r="H13152" t="s">
        <v>81</v>
      </c>
      <c r="I13152" s="2">
        <v>0</v>
      </c>
      <c r="J13152" s="2">
        <v>1</v>
      </c>
      <c r="K13152" s="2">
        <v>0</v>
      </c>
      <c r="L13152" t="s">
        <v>82</v>
      </c>
      <c r="M13152" t="s">
        <v>89</v>
      </c>
      <c r="N13152" t="s">
        <v>90</v>
      </c>
      <c r="O13152" t="s">
        <v>85</v>
      </c>
      <c r="P13152" t="s">
        <v>86</v>
      </c>
      <c r="Q13152">
        <v>25</v>
      </c>
      <c r="R13152">
        <v>26</v>
      </c>
      <c r="S13152">
        <v>27</v>
      </c>
      <c r="T13152">
        <v>27</v>
      </c>
      <c r="U13152">
        <v>28</v>
      </c>
      <c r="V13152">
        <v>28</v>
      </c>
      <c r="W13152">
        <v>29</v>
      </c>
      <c r="X13152">
        <v>29</v>
      </c>
      <c r="Y13152">
        <v>30</v>
      </c>
      <c r="Z13152">
        <v>30</v>
      </c>
      <c r="AA13152">
        <v>31</v>
      </c>
      <c r="AB13152">
        <v>31</v>
      </c>
      <c r="AC13152">
        <v>32</v>
      </c>
      <c r="AD13152">
        <v>32</v>
      </c>
      <c r="AE13152">
        <v>32</v>
      </c>
      <c r="AF13152">
        <v>32</v>
      </c>
      <c r="AG13152">
        <v>32</v>
      </c>
      <c r="AH13152">
        <v>32</v>
      </c>
      <c r="AI13152">
        <v>32</v>
      </c>
      <c r="AJ13152">
        <v>32</v>
      </c>
      <c r="AK13152">
        <v>32</v>
      </c>
      <c r="AL13152">
        <v>32</v>
      </c>
      <c r="AM13152">
        <v>32</v>
      </c>
      <c r="AN13152">
        <v>32</v>
      </c>
      <c r="AO13152">
        <v>32</v>
      </c>
      <c r="AP13152">
        <v>32</v>
      </c>
      <c r="AQ13152">
        <v>32</v>
      </c>
    </row>
    <row r="13153" spans="1:43">
      <c r="A13153" t="s">
        <v>8166</v>
      </c>
      <c r="B13153" t="s">
        <v>8167</v>
      </c>
      <c r="C13153" t="s">
        <v>8156</v>
      </c>
      <c r="D13153" t="s">
        <v>8157</v>
      </c>
      <c r="E13153" t="s">
        <v>8022</v>
      </c>
      <c r="F13153" t="s">
        <v>8023</v>
      </c>
      <c r="G13153" t="s">
        <v>80</v>
      </c>
      <c r="H13153" t="s">
        <v>81</v>
      </c>
      <c r="I13153" s="2">
        <v>0</v>
      </c>
      <c r="J13153" s="2">
        <v>1</v>
      </c>
      <c r="K13153" s="2">
        <v>0</v>
      </c>
      <c r="L13153" t="s">
        <v>82</v>
      </c>
      <c r="M13153" t="s">
        <v>83</v>
      </c>
      <c r="N13153" t="s">
        <v>91</v>
      </c>
      <c r="O13153" t="s">
        <v>85</v>
      </c>
      <c r="P13153" t="s">
        <v>86</v>
      </c>
      <c r="Q13153">
        <v>25</v>
      </c>
      <c r="R13153">
        <v>26</v>
      </c>
      <c r="S13153">
        <v>26</v>
      </c>
      <c r="T13153">
        <v>26</v>
      </c>
      <c r="U13153">
        <v>27</v>
      </c>
      <c r="V13153">
        <v>27</v>
      </c>
      <c r="W13153">
        <v>27</v>
      </c>
      <c r="X13153">
        <v>28</v>
      </c>
      <c r="Y13153">
        <v>28</v>
      </c>
      <c r="Z13153">
        <v>28</v>
      </c>
      <c r="AA13153">
        <v>29</v>
      </c>
      <c r="AB13153">
        <v>29</v>
      </c>
      <c r="AC13153">
        <v>29</v>
      </c>
      <c r="AD13153">
        <v>30</v>
      </c>
      <c r="AE13153">
        <v>30</v>
      </c>
      <c r="AF13153">
        <v>30</v>
      </c>
      <c r="AG13153">
        <v>31</v>
      </c>
      <c r="AH13153">
        <v>31</v>
      </c>
      <c r="AI13153">
        <v>31</v>
      </c>
      <c r="AJ13153">
        <v>31</v>
      </c>
      <c r="AK13153">
        <v>32</v>
      </c>
      <c r="AL13153">
        <v>32</v>
      </c>
      <c r="AM13153">
        <v>32</v>
      </c>
      <c r="AN13153">
        <v>32</v>
      </c>
      <c r="AO13153">
        <v>32</v>
      </c>
      <c r="AP13153">
        <v>32</v>
      </c>
      <c r="AQ13153">
        <v>32</v>
      </c>
    </row>
    <row r="13154" spans="1:43">
      <c r="A13154" t="s">
        <v>8168</v>
      </c>
      <c r="B13154" t="s">
        <v>8169</v>
      </c>
      <c r="C13154" t="s">
        <v>8156</v>
      </c>
      <c r="D13154" t="s">
        <v>8157</v>
      </c>
      <c r="E13154" t="s">
        <v>8022</v>
      </c>
      <c r="F13154" t="s">
        <v>8023</v>
      </c>
      <c r="G13154" t="s">
        <v>80</v>
      </c>
      <c r="H13154" t="s">
        <v>81</v>
      </c>
      <c r="I13154" s="2">
        <v>0</v>
      </c>
      <c r="J13154" s="2">
        <v>1</v>
      </c>
      <c r="K13154" s="2">
        <v>0</v>
      </c>
      <c r="L13154" t="s">
        <v>82</v>
      </c>
      <c r="M13154" t="s">
        <v>83</v>
      </c>
      <c r="N13154" t="s">
        <v>84</v>
      </c>
      <c r="O13154" t="s">
        <v>85</v>
      </c>
      <c r="P13154" t="s">
        <v>86</v>
      </c>
      <c r="Q13154">
        <v>29</v>
      </c>
      <c r="R13154">
        <v>29</v>
      </c>
      <c r="S13154">
        <v>30</v>
      </c>
      <c r="T13154">
        <v>30</v>
      </c>
      <c r="U13154">
        <v>30</v>
      </c>
      <c r="V13154">
        <v>31</v>
      </c>
      <c r="W13154">
        <v>31</v>
      </c>
      <c r="X13154">
        <v>32</v>
      </c>
      <c r="Y13154">
        <v>32</v>
      </c>
      <c r="Z13154">
        <v>32</v>
      </c>
      <c r="AA13154">
        <v>33</v>
      </c>
      <c r="AB13154">
        <v>33</v>
      </c>
      <c r="AC13154">
        <v>34</v>
      </c>
      <c r="AD13154">
        <v>34</v>
      </c>
      <c r="AE13154">
        <v>34</v>
      </c>
      <c r="AF13154">
        <v>35</v>
      </c>
      <c r="AG13154">
        <v>35</v>
      </c>
      <c r="AH13154">
        <v>35</v>
      </c>
      <c r="AI13154">
        <v>36</v>
      </c>
      <c r="AJ13154">
        <v>36</v>
      </c>
      <c r="AK13154">
        <v>36</v>
      </c>
      <c r="AL13154">
        <v>36</v>
      </c>
      <c r="AM13154">
        <v>36</v>
      </c>
      <c r="AN13154">
        <v>36</v>
      </c>
      <c r="AO13154">
        <v>36</v>
      </c>
      <c r="AP13154">
        <v>36</v>
      </c>
      <c r="AQ13154">
        <v>36</v>
      </c>
    </row>
    <row r="13155" spans="1:43">
      <c r="A13155" t="s">
        <v>8168</v>
      </c>
      <c r="B13155" t="s">
        <v>8169</v>
      </c>
      <c r="C13155" t="s">
        <v>8156</v>
      </c>
      <c r="D13155" t="s">
        <v>8157</v>
      </c>
      <c r="E13155" t="s">
        <v>8022</v>
      </c>
      <c r="F13155" t="s">
        <v>8023</v>
      </c>
      <c r="G13155" t="s">
        <v>80</v>
      </c>
      <c r="H13155" t="s">
        <v>81</v>
      </c>
      <c r="I13155" s="2">
        <v>0</v>
      </c>
      <c r="J13155" s="2">
        <v>1</v>
      </c>
      <c r="K13155" s="2">
        <v>0</v>
      </c>
      <c r="L13155" t="s">
        <v>82</v>
      </c>
      <c r="M13155" t="s">
        <v>87</v>
      </c>
      <c r="N13155" t="s">
        <v>88</v>
      </c>
      <c r="O13155" t="s">
        <v>85</v>
      </c>
      <c r="P13155" t="s">
        <v>86</v>
      </c>
      <c r="Q13155">
        <v>29</v>
      </c>
      <c r="R13155">
        <v>30</v>
      </c>
      <c r="S13155">
        <v>30</v>
      </c>
      <c r="T13155">
        <v>30</v>
      </c>
      <c r="U13155">
        <v>30</v>
      </c>
      <c r="V13155">
        <v>30</v>
      </c>
      <c r="W13155">
        <v>30</v>
      </c>
      <c r="X13155">
        <v>30</v>
      </c>
      <c r="Y13155">
        <v>31</v>
      </c>
      <c r="Z13155">
        <v>31</v>
      </c>
      <c r="AA13155">
        <v>31</v>
      </c>
      <c r="AB13155">
        <v>31</v>
      </c>
      <c r="AC13155">
        <v>31</v>
      </c>
      <c r="AD13155">
        <v>31</v>
      </c>
      <c r="AE13155">
        <v>31</v>
      </c>
      <c r="AF13155">
        <v>31</v>
      </c>
      <c r="AG13155">
        <v>31</v>
      </c>
      <c r="AH13155">
        <v>32</v>
      </c>
      <c r="AI13155">
        <v>32</v>
      </c>
      <c r="AJ13155">
        <v>32</v>
      </c>
      <c r="AK13155">
        <v>32</v>
      </c>
      <c r="AL13155">
        <v>32</v>
      </c>
      <c r="AM13155">
        <v>32</v>
      </c>
      <c r="AN13155">
        <v>32</v>
      </c>
      <c r="AO13155">
        <v>32</v>
      </c>
      <c r="AP13155">
        <v>32</v>
      </c>
      <c r="AQ13155">
        <v>32</v>
      </c>
    </row>
    <row r="13156" spans="1:43">
      <c r="A13156" t="s">
        <v>8168</v>
      </c>
      <c r="B13156" t="s">
        <v>8169</v>
      </c>
      <c r="C13156" t="s">
        <v>8156</v>
      </c>
      <c r="D13156" t="s">
        <v>8157</v>
      </c>
      <c r="E13156" t="s">
        <v>8022</v>
      </c>
      <c r="F13156" t="s">
        <v>8023</v>
      </c>
      <c r="G13156" t="s">
        <v>80</v>
      </c>
      <c r="H13156" t="s">
        <v>81</v>
      </c>
      <c r="I13156" s="2">
        <v>0</v>
      </c>
      <c r="J13156" s="2">
        <v>1</v>
      </c>
      <c r="K13156" s="2">
        <v>0</v>
      </c>
      <c r="L13156" t="s">
        <v>82</v>
      </c>
      <c r="M13156" t="s">
        <v>89</v>
      </c>
      <c r="N13156" t="s">
        <v>90</v>
      </c>
      <c r="O13156" t="s">
        <v>85</v>
      </c>
      <c r="P13156" t="s">
        <v>86</v>
      </c>
      <c r="Q13156">
        <v>29</v>
      </c>
      <c r="R13156">
        <v>30</v>
      </c>
      <c r="S13156">
        <v>30</v>
      </c>
      <c r="T13156">
        <v>31</v>
      </c>
      <c r="U13156">
        <v>32</v>
      </c>
      <c r="V13156">
        <v>32</v>
      </c>
      <c r="W13156">
        <v>33</v>
      </c>
      <c r="X13156">
        <v>33</v>
      </c>
      <c r="Y13156">
        <v>34</v>
      </c>
      <c r="Z13156">
        <v>34</v>
      </c>
      <c r="AA13156">
        <v>35</v>
      </c>
      <c r="AB13156">
        <v>35</v>
      </c>
      <c r="AC13156">
        <v>36</v>
      </c>
      <c r="AD13156">
        <v>36</v>
      </c>
      <c r="AE13156">
        <v>37</v>
      </c>
      <c r="AF13156">
        <v>37</v>
      </c>
      <c r="AG13156">
        <v>37</v>
      </c>
      <c r="AH13156">
        <v>37</v>
      </c>
      <c r="AI13156">
        <v>37</v>
      </c>
      <c r="AJ13156">
        <v>37</v>
      </c>
      <c r="AK13156">
        <v>37</v>
      </c>
      <c r="AL13156">
        <v>37</v>
      </c>
      <c r="AM13156">
        <v>37</v>
      </c>
      <c r="AN13156">
        <v>37</v>
      </c>
      <c r="AO13156">
        <v>37</v>
      </c>
      <c r="AP13156">
        <v>37</v>
      </c>
      <c r="AQ13156">
        <v>36</v>
      </c>
    </row>
    <row r="13157" spans="1:43">
      <c r="A13157" t="s">
        <v>8168</v>
      </c>
      <c r="B13157" t="s">
        <v>8169</v>
      </c>
      <c r="C13157" t="s">
        <v>8156</v>
      </c>
      <c r="D13157" t="s">
        <v>8157</v>
      </c>
      <c r="E13157" t="s">
        <v>8022</v>
      </c>
      <c r="F13157" t="s">
        <v>8023</v>
      </c>
      <c r="G13157" t="s">
        <v>80</v>
      </c>
      <c r="H13157" t="s">
        <v>81</v>
      </c>
      <c r="I13157" s="2">
        <v>0</v>
      </c>
      <c r="J13157" s="2">
        <v>1</v>
      </c>
      <c r="K13157" s="2">
        <v>0</v>
      </c>
      <c r="L13157" t="s">
        <v>82</v>
      </c>
      <c r="M13157" t="s">
        <v>83</v>
      </c>
      <c r="N13157" t="s">
        <v>91</v>
      </c>
      <c r="O13157" t="s">
        <v>85</v>
      </c>
      <c r="P13157" t="s">
        <v>86</v>
      </c>
      <c r="Q13157">
        <v>29</v>
      </c>
      <c r="R13157">
        <v>29</v>
      </c>
      <c r="S13157">
        <v>30</v>
      </c>
      <c r="T13157">
        <v>30</v>
      </c>
      <c r="U13157">
        <v>30</v>
      </c>
      <c r="V13157">
        <v>31</v>
      </c>
      <c r="W13157">
        <v>31</v>
      </c>
      <c r="X13157">
        <v>32</v>
      </c>
      <c r="Y13157">
        <v>32</v>
      </c>
      <c r="Z13157">
        <v>32</v>
      </c>
      <c r="AA13157">
        <v>33</v>
      </c>
      <c r="AB13157">
        <v>33</v>
      </c>
      <c r="AC13157">
        <v>34</v>
      </c>
      <c r="AD13157">
        <v>34</v>
      </c>
      <c r="AE13157">
        <v>34</v>
      </c>
      <c r="AF13157">
        <v>35</v>
      </c>
      <c r="AG13157">
        <v>35</v>
      </c>
      <c r="AH13157">
        <v>35</v>
      </c>
      <c r="AI13157">
        <v>36</v>
      </c>
      <c r="AJ13157">
        <v>36</v>
      </c>
      <c r="AK13157">
        <v>36</v>
      </c>
      <c r="AL13157">
        <v>36</v>
      </c>
      <c r="AM13157">
        <v>36</v>
      </c>
      <c r="AN13157">
        <v>36</v>
      </c>
      <c r="AO13157">
        <v>36</v>
      </c>
      <c r="AP13157">
        <v>36</v>
      </c>
      <c r="AQ13157">
        <v>36</v>
      </c>
    </row>
    <row r="13158" spans="1:43">
      <c r="A13158" t="s">
        <v>8170</v>
      </c>
      <c r="B13158" t="s">
        <v>8171</v>
      </c>
      <c r="C13158" t="s">
        <v>8038</v>
      </c>
      <c r="D13158" t="s">
        <v>8039</v>
      </c>
      <c r="E13158" t="s">
        <v>8022</v>
      </c>
      <c r="F13158" t="s">
        <v>8023</v>
      </c>
      <c r="G13158" t="s">
        <v>80</v>
      </c>
      <c r="H13158" t="s">
        <v>81</v>
      </c>
      <c r="I13158" s="2">
        <v>0</v>
      </c>
      <c r="J13158" s="2">
        <v>1</v>
      </c>
      <c r="K13158" s="2">
        <v>0</v>
      </c>
      <c r="L13158" t="s">
        <v>82</v>
      </c>
      <c r="M13158" t="s">
        <v>83</v>
      </c>
      <c r="N13158" t="s">
        <v>84</v>
      </c>
      <c r="O13158" t="s">
        <v>85</v>
      </c>
      <c r="P13158" t="s">
        <v>86</v>
      </c>
      <c r="Q13158">
        <v>18</v>
      </c>
      <c r="R13158">
        <v>19</v>
      </c>
      <c r="S13158">
        <v>19</v>
      </c>
      <c r="T13158">
        <v>19</v>
      </c>
      <c r="U13158">
        <v>19</v>
      </c>
      <c r="V13158">
        <v>20</v>
      </c>
      <c r="W13158">
        <v>20</v>
      </c>
      <c r="X13158">
        <v>20</v>
      </c>
      <c r="Y13158">
        <v>20</v>
      </c>
      <c r="Z13158">
        <v>21</v>
      </c>
      <c r="AA13158">
        <v>21</v>
      </c>
      <c r="AB13158">
        <v>21</v>
      </c>
      <c r="AC13158">
        <v>21</v>
      </c>
      <c r="AD13158">
        <v>22</v>
      </c>
      <c r="AE13158">
        <v>22</v>
      </c>
      <c r="AF13158">
        <v>22</v>
      </c>
      <c r="AG13158">
        <v>22</v>
      </c>
      <c r="AH13158">
        <v>23</v>
      </c>
      <c r="AI13158">
        <v>23</v>
      </c>
      <c r="AJ13158">
        <v>23</v>
      </c>
      <c r="AK13158">
        <v>23</v>
      </c>
      <c r="AL13158">
        <v>23</v>
      </c>
      <c r="AM13158">
        <v>23</v>
      </c>
      <c r="AN13158">
        <v>23</v>
      </c>
      <c r="AO13158">
        <v>23</v>
      </c>
      <c r="AP13158">
        <v>23</v>
      </c>
      <c r="AQ13158">
        <v>23</v>
      </c>
    </row>
    <row r="13159" spans="1:43">
      <c r="A13159" t="s">
        <v>8170</v>
      </c>
      <c r="B13159" t="s">
        <v>8171</v>
      </c>
      <c r="C13159" t="s">
        <v>8038</v>
      </c>
      <c r="D13159" t="s">
        <v>8039</v>
      </c>
      <c r="E13159" t="s">
        <v>8022</v>
      </c>
      <c r="F13159" t="s">
        <v>8023</v>
      </c>
      <c r="G13159" t="s">
        <v>80</v>
      </c>
      <c r="H13159" t="s">
        <v>81</v>
      </c>
      <c r="I13159" s="2">
        <v>0</v>
      </c>
      <c r="J13159" s="2">
        <v>1</v>
      </c>
      <c r="K13159" s="2">
        <v>0</v>
      </c>
      <c r="L13159" t="s">
        <v>82</v>
      </c>
      <c r="M13159" t="s">
        <v>87</v>
      </c>
      <c r="N13159" t="s">
        <v>88</v>
      </c>
      <c r="O13159" t="s">
        <v>85</v>
      </c>
      <c r="P13159" t="s">
        <v>86</v>
      </c>
      <c r="Q13159">
        <v>18</v>
      </c>
      <c r="R13159">
        <v>18</v>
      </c>
      <c r="S13159">
        <v>18</v>
      </c>
      <c r="T13159">
        <v>18</v>
      </c>
      <c r="U13159">
        <v>19</v>
      </c>
      <c r="V13159">
        <v>19</v>
      </c>
      <c r="W13159">
        <v>19</v>
      </c>
      <c r="X13159">
        <v>19</v>
      </c>
      <c r="Y13159">
        <v>19</v>
      </c>
      <c r="Z13159">
        <v>19</v>
      </c>
      <c r="AA13159">
        <v>19</v>
      </c>
      <c r="AB13159">
        <v>19</v>
      </c>
      <c r="AC13159">
        <v>19</v>
      </c>
      <c r="AD13159">
        <v>19</v>
      </c>
      <c r="AE13159">
        <v>19</v>
      </c>
      <c r="AF13159">
        <v>19</v>
      </c>
      <c r="AG13159">
        <v>19</v>
      </c>
      <c r="AH13159">
        <v>20</v>
      </c>
      <c r="AI13159">
        <v>20</v>
      </c>
      <c r="AJ13159">
        <v>20</v>
      </c>
      <c r="AK13159">
        <v>20</v>
      </c>
      <c r="AL13159">
        <v>20</v>
      </c>
      <c r="AM13159">
        <v>20</v>
      </c>
      <c r="AN13159">
        <v>20</v>
      </c>
      <c r="AO13159">
        <v>20</v>
      </c>
      <c r="AP13159">
        <v>20</v>
      </c>
      <c r="AQ13159">
        <v>20</v>
      </c>
    </row>
    <row r="13160" spans="1:43">
      <c r="A13160" t="s">
        <v>8170</v>
      </c>
      <c r="B13160" t="s">
        <v>8171</v>
      </c>
      <c r="C13160" t="s">
        <v>8038</v>
      </c>
      <c r="D13160" t="s">
        <v>8039</v>
      </c>
      <c r="E13160" t="s">
        <v>8022</v>
      </c>
      <c r="F13160" t="s">
        <v>8023</v>
      </c>
      <c r="G13160" t="s">
        <v>80</v>
      </c>
      <c r="H13160" t="s">
        <v>81</v>
      </c>
      <c r="I13160" s="2">
        <v>0</v>
      </c>
      <c r="J13160" s="2">
        <v>1</v>
      </c>
      <c r="K13160" s="2">
        <v>0</v>
      </c>
      <c r="L13160" t="s">
        <v>82</v>
      </c>
      <c r="M13160" t="s">
        <v>89</v>
      </c>
      <c r="N13160" t="s">
        <v>90</v>
      </c>
      <c r="O13160" t="s">
        <v>85</v>
      </c>
      <c r="P13160" t="s">
        <v>86</v>
      </c>
      <c r="Q13160">
        <v>18</v>
      </c>
      <c r="R13160">
        <v>18</v>
      </c>
      <c r="S13160">
        <v>18</v>
      </c>
      <c r="T13160">
        <v>19</v>
      </c>
      <c r="U13160">
        <v>19</v>
      </c>
      <c r="V13160">
        <v>20</v>
      </c>
      <c r="W13160">
        <v>20</v>
      </c>
      <c r="X13160">
        <v>20</v>
      </c>
      <c r="Y13160">
        <v>21</v>
      </c>
      <c r="Z13160">
        <v>21</v>
      </c>
      <c r="AA13160">
        <v>21</v>
      </c>
      <c r="AB13160">
        <v>22</v>
      </c>
      <c r="AC13160">
        <v>22</v>
      </c>
      <c r="AD13160">
        <v>22</v>
      </c>
      <c r="AE13160">
        <v>22</v>
      </c>
      <c r="AF13160">
        <v>22</v>
      </c>
      <c r="AG13160">
        <v>22</v>
      </c>
      <c r="AH13160">
        <v>22</v>
      </c>
      <c r="AI13160">
        <v>22</v>
      </c>
      <c r="AJ13160">
        <v>22</v>
      </c>
      <c r="AK13160">
        <v>22</v>
      </c>
      <c r="AL13160">
        <v>22</v>
      </c>
      <c r="AM13160">
        <v>22</v>
      </c>
      <c r="AN13160">
        <v>22</v>
      </c>
      <c r="AO13160">
        <v>22</v>
      </c>
      <c r="AP13160">
        <v>22</v>
      </c>
      <c r="AQ13160">
        <v>22</v>
      </c>
    </row>
    <row r="13161" spans="1:43">
      <c r="A13161" t="s">
        <v>8170</v>
      </c>
      <c r="B13161" t="s">
        <v>8171</v>
      </c>
      <c r="C13161" t="s">
        <v>8038</v>
      </c>
      <c r="D13161" t="s">
        <v>8039</v>
      </c>
      <c r="E13161" t="s">
        <v>8022</v>
      </c>
      <c r="F13161" t="s">
        <v>8023</v>
      </c>
      <c r="G13161" t="s">
        <v>80</v>
      </c>
      <c r="H13161" t="s">
        <v>81</v>
      </c>
      <c r="I13161" s="2">
        <v>0</v>
      </c>
      <c r="J13161" s="2">
        <v>1</v>
      </c>
      <c r="K13161" s="2">
        <v>0</v>
      </c>
      <c r="L13161" t="s">
        <v>82</v>
      </c>
      <c r="M13161" t="s">
        <v>83</v>
      </c>
      <c r="N13161" t="s">
        <v>91</v>
      </c>
      <c r="O13161" t="s">
        <v>85</v>
      </c>
      <c r="P13161" t="s">
        <v>86</v>
      </c>
      <c r="Q13161">
        <v>18</v>
      </c>
      <c r="R13161">
        <v>19</v>
      </c>
      <c r="S13161">
        <v>19</v>
      </c>
      <c r="T13161">
        <v>19</v>
      </c>
      <c r="U13161">
        <v>19</v>
      </c>
      <c r="V13161">
        <v>20</v>
      </c>
      <c r="W13161">
        <v>20</v>
      </c>
      <c r="X13161">
        <v>20</v>
      </c>
      <c r="Y13161">
        <v>20</v>
      </c>
      <c r="Z13161">
        <v>21</v>
      </c>
      <c r="AA13161">
        <v>21</v>
      </c>
      <c r="AB13161">
        <v>21</v>
      </c>
      <c r="AC13161">
        <v>21</v>
      </c>
      <c r="AD13161">
        <v>22</v>
      </c>
      <c r="AE13161">
        <v>22</v>
      </c>
      <c r="AF13161">
        <v>22</v>
      </c>
      <c r="AG13161">
        <v>22</v>
      </c>
      <c r="AH13161">
        <v>23</v>
      </c>
      <c r="AI13161">
        <v>23</v>
      </c>
      <c r="AJ13161">
        <v>23</v>
      </c>
      <c r="AK13161">
        <v>23</v>
      </c>
      <c r="AL13161">
        <v>23</v>
      </c>
      <c r="AM13161">
        <v>23</v>
      </c>
      <c r="AN13161">
        <v>23</v>
      </c>
      <c r="AO13161">
        <v>23</v>
      </c>
      <c r="AP13161">
        <v>23</v>
      </c>
      <c r="AQ13161">
        <v>23</v>
      </c>
    </row>
    <row r="13162" spans="1:43">
      <c r="A13162" t="s">
        <v>8172</v>
      </c>
      <c r="B13162" t="s">
        <v>8173</v>
      </c>
      <c r="C13162" t="s">
        <v>8142</v>
      </c>
      <c r="D13162" t="s">
        <v>8143</v>
      </c>
      <c r="E13162" t="s">
        <v>8022</v>
      </c>
      <c r="F13162" t="s">
        <v>8023</v>
      </c>
      <c r="G13162" t="s">
        <v>80</v>
      </c>
      <c r="H13162" t="s">
        <v>81</v>
      </c>
      <c r="I13162" s="2">
        <v>0</v>
      </c>
      <c r="J13162" s="2">
        <v>0</v>
      </c>
      <c r="K13162" s="2">
        <v>0.38</v>
      </c>
      <c r="L13162" t="s">
        <v>995</v>
      </c>
      <c r="M13162" t="s">
        <v>83</v>
      </c>
      <c r="N13162" t="s">
        <v>84</v>
      </c>
      <c r="O13162" t="s">
        <v>85</v>
      </c>
      <c r="P13162" t="s">
        <v>86</v>
      </c>
      <c r="Q13162">
        <v>16</v>
      </c>
      <c r="R13162">
        <v>17</v>
      </c>
      <c r="S13162">
        <v>17</v>
      </c>
      <c r="T13162">
        <v>17</v>
      </c>
      <c r="U13162">
        <v>17</v>
      </c>
      <c r="V13162">
        <v>18</v>
      </c>
      <c r="W13162">
        <v>18</v>
      </c>
      <c r="X13162">
        <v>18</v>
      </c>
      <c r="Y13162">
        <v>18</v>
      </c>
      <c r="Z13162">
        <v>19</v>
      </c>
      <c r="AA13162">
        <v>19</v>
      </c>
      <c r="AB13162">
        <v>19</v>
      </c>
      <c r="AC13162">
        <v>19</v>
      </c>
      <c r="AD13162">
        <v>19</v>
      </c>
      <c r="AE13162">
        <v>20</v>
      </c>
      <c r="AF13162">
        <v>20</v>
      </c>
      <c r="AG13162">
        <v>20</v>
      </c>
      <c r="AH13162">
        <v>20</v>
      </c>
      <c r="AI13162">
        <v>20</v>
      </c>
      <c r="AJ13162">
        <v>20</v>
      </c>
      <c r="AK13162">
        <v>21</v>
      </c>
      <c r="AL13162">
        <v>21</v>
      </c>
      <c r="AM13162">
        <v>21</v>
      </c>
      <c r="AN13162">
        <v>21</v>
      </c>
      <c r="AO13162">
        <v>21</v>
      </c>
      <c r="AP13162">
        <v>21</v>
      </c>
      <c r="AQ13162">
        <v>21</v>
      </c>
    </row>
    <row r="13163" spans="1:43">
      <c r="A13163" t="s">
        <v>8172</v>
      </c>
      <c r="B13163" t="s">
        <v>8173</v>
      </c>
      <c r="C13163" t="s">
        <v>8142</v>
      </c>
      <c r="D13163" t="s">
        <v>8143</v>
      </c>
      <c r="E13163" t="s">
        <v>8022</v>
      </c>
      <c r="F13163" t="s">
        <v>8023</v>
      </c>
      <c r="G13163" t="s">
        <v>80</v>
      </c>
      <c r="H13163" t="s">
        <v>81</v>
      </c>
      <c r="I13163" s="2">
        <v>0</v>
      </c>
      <c r="J13163" s="2">
        <v>0</v>
      </c>
      <c r="K13163" s="2">
        <v>0.38</v>
      </c>
      <c r="L13163" t="s">
        <v>995</v>
      </c>
      <c r="M13163" t="s">
        <v>87</v>
      </c>
      <c r="N13163" t="s">
        <v>88</v>
      </c>
      <c r="O13163" t="s">
        <v>85</v>
      </c>
      <c r="P13163" t="s">
        <v>86</v>
      </c>
      <c r="Q13163">
        <v>16</v>
      </c>
      <c r="R13163">
        <v>16</v>
      </c>
      <c r="S13163">
        <v>16</v>
      </c>
      <c r="T13163">
        <v>17</v>
      </c>
      <c r="U13163">
        <v>17</v>
      </c>
      <c r="V13163">
        <v>17</v>
      </c>
      <c r="W13163">
        <v>17</v>
      </c>
      <c r="X13163">
        <v>17</v>
      </c>
      <c r="Y13163">
        <v>17</v>
      </c>
      <c r="Z13163">
        <v>17</v>
      </c>
      <c r="AA13163">
        <v>17</v>
      </c>
      <c r="AB13163">
        <v>17</v>
      </c>
      <c r="AC13163">
        <v>17</v>
      </c>
      <c r="AD13163">
        <v>17</v>
      </c>
      <c r="AE13163">
        <v>17</v>
      </c>
      <c r="AF13163">
        <v>17</v>
      </c>
      <c r="AG13163">
        <v>17</v>
      </c>
      <c r="AH13163">
        <v>17</v>
      </c>
      <c r="AI13163">
        <v>17</v>
      </c>
      <c r="AJ13163">
        <v>18</v>
      </c>
      <c r="AK13163">
        <v>18</v>
      </c>
      <c r="AL13163">
        <v>18</v>
      </c>
      <c r="AM13163">
        <v>18</v>
      </c>
      <c r="AN13163">
        <v>18</v>
      </c>
      <c r="AO13163">
        <v>18</v>
      </c>
      <c r="AP13163">
        <v>18</v>
      </c>
      <c r="AQ13163">
        <v>18</v>
      </c>
    </row>
    <row r="13164" spans="1:43">
      <c r="A13164" t="s">
        <v>8172</v>
      </c>
      <c r="B13164" t="s">
        <v>8173</v>
      </c>
      <c r="C13164" t="s">
        <v>8142</v>
      </c>
      <c r="D13164" t="s">
        <v>8143</v>
      </c>
      <c r="E13164" t="s">
        <v>8022</v>
      </c>
      <c r="F13164" t="s">
        <v>8023</v>
      </c>
      <c r="G13164" t="s">
        <v>80</v>
      </c>
      <c r="H13164" t="s">
        <v>81</v>
      </c>
      <c r="I13164" s="2">
        <v>0</v>
      </c>
      <c r="J13164" s="2">
        <v>0</v>
      </c>
      <c r="K13164" s="2">
        <v>0.38</v>
      </c>
      <c r="L13164" t="s">
        <v>995</v>
      </c>
      <c r="M13164" t="s">
        <v>89</v>
      </c>
      <c r="N13164" t="s">
        <v>90</v>
      </c>
      <c r="O13164" t="s">
        <v>85</v>
      </c>
      <c r="P13164" t="s">
        <v>86</v>
      </c>
      <c r="Q13164">
        <v>16</v>
      </c>
      <c r="R13164">
        <v>16</v>
      </c>
      <c r="S13164">
        <v>16</v>
      </c>
      <c r="T13164">
        <v>17</v>
      </c>
      <c r="U13164">
        <v>17</v>
      </c>
      <c r="V13164">
        <v>17</v>
      </c>
      <c r="W13164">
        <v>18</v>
      </c>
      <c r="X13164">
        <v>18</v>
      </c>
      <c r="Y13164">
        <v>18</v>
      </c>
      <c r="Z13164">
        <v>19</v>
      </c>
      <c r="AA13164">
        <v>19</v>
      </c>
      <c r="AB13164">
        <v>19</v>
      </c>
      <c r="AC13164">
        <v>20</v>
      </c>
      <c r="AD13164">
        <v>20</v>
      </c>
      <c r="AE13164">
        <v>20</v>
      </c>
      <c r="AF13164">
        <v>20</v>
      </c>
      <c r="AG13164">
        <v>20</v>
      </c>
      <c r="AH13164">
        <v>20</v>
      </c>
      <c r="AI13164">
        <v>20</v>
      </c>
      <c r="AJ13164">
        <v>20</v>
      </c>
      <c r="AK13164">
        <v>20</v>
      </c>
      <c r="AL13164">
        <v>20</v>
      </c>
      <c r="AM13164">
        <v>20</v>
      </c>
      <c r="AN13164">
        <v>20</v>
      </c>
      <c r="AO13164">
        <v>20</v>
      </c>
      <c r="AP13164">
        <v>20</v>
      </c>
      <c r="AQ13164">
        <v>20</v>
      </c>
    </row>
    <row r="13165" spans="1:43">
      <c r="A13165" t="s">
        <v>8172</v>
      </c>
      <c r="B13165" t="s">
        <v>8173</v>
      </c>
      <c r="C13165" t="s">
        <v>8142</v>
      </c>
      <c r="D13165" t="s">
        <v>8143</v>
      </c>
      <c r="E13165" t="s">
        <v>8022</v>
      </c>
      <c r="F13165" t="s">
        <v>8023</v>
      </c>
      <c r="G13165" t="s">
        <v>80</v>
      </c>
      <c r="H13165" t="s">
        <v>81</v>
      </c>
      <c r="I13165" s="2">
        <v>0</v>
      </c>
      <c r="J13165" s="2">
        <v>0</v>
      </c>
      <c r="K13165" s="2">
        <v>0.38</v>
      </c>
      <c r="L13165" t="s">
        <v>995</v>
      </c>
      <c r="M13165" t="s">
        <v>83</v>
      </c>
      <c r="N13165" t="s">
        <v>91</v>
      </c>
      <c r="O13165" t="s">
        <v>85</v>
      </c>
      <c r="P13165" t="s">
        <v>86</v>
      </c>
      <c r="Q13165">
        <v>16</v>
      </c>
      <c r="R13165">
        <v>17</v>
      </c>
      <c r="S13165">
        <v>17</v>
      </c>
      <c r="T13165">
        <v>17</v>
      </c>
      <c r="U13165">
        <v>17</v>
      </c>
      <c r="V13165">
        <v>18</v>
      </c>
      <c r="W13165">
        <v>18</v>
      </c>
      <c r="X13165">
        <v>18</v>
      </c>
      <c r="Y13165">
        <v>18</v>
      </c>
      <c r="Z13165">
        <v>19</v>
      </c>
      <c r="AA13165">
        <v>19</v>
      </c>
      <c r="AB13165">
        <v>19</v>
      </c>
      <c r="AC13165">
        <v>19</v>
      </c>
      <c r="AD13165">
        <v>19</v>
      </c>
      <c r="AE13165">
        <v>20</v>
      </c>
      <c r="AF13165">
        <v>20</v>
      </c>
      <c r="AG13165">
        <v>20</v>
      </c>
      <c r="AH13165">
        <v>20</v>
      </c>
      <c r="AI13165">
        <v>20</v>
      </c>
      <c r="AJ13165">
        <v>20</v>
      </c>
      <c r="AK13165">
        <v>21</v>
      </c>
      <c r="AL13165">
        <v>21</v>
      </c>
      <c r="AM13165">
        <v>21</v>
      </c>
      <c r="AN13165">
        <v>21</v>
      </c>
      <c r="AO13165">
        <v>21</v>
      </c>
      <c r="AP13165">
        <v>21</v>
      </c>
      <c r="AQ13165">
        <v>21</v>
      </c>
    </row>
    <row r="13166" spans="1:43">
      <c r="A13166" t="s">
        <v>8174</v>
      </c>
      <c r="B13166" t="s">
        <v>8175</v>
      </c>
      <c r="C13166" t="s">
        <v>8148</v>
      </c>
      <c r="D13166" t="s">
        <v>8149</v>
      </c>
      <c r="E13166" t="s">
        <v>8022</v>
      </c>
      <c r="F13166" t="s">
        <v>8023</v>
      </c>
      <c r="G13166" t="s">
        <v>80</v>
      </c>
      <c r="H13166" t="s">
        <v>81</v>
      </c>
      <c r="I13166" s="2">
        <v>0</v>
      </c>
      <c r="J13166" s="2">
        <v>0</v>
      </c>
      <c r="K13166" s="2">
        <v>1</v>
      </c>
      <c r="L13166" t="s">
        <v>995</v>
      </c>
      <c r="M13166" t="s">
        <v>83</v>
      </c>
      <c r="N13166" t="s">
        <v>84</v>
      </c>
      <c r="O13166" t="s">
        <v>85</v>
      </c>
      <c r="P13166" t="s">
        <v>86</v>
      </c>
      <c r="Q13166">
        <v>89</v>
      </c>
      <c r="R13166">
        <v>90</v>
      </c>
      <c r="S13166">
        <v>91</v>
      </c>
      <c r="T13166">
        <v>93</v>
      </c>
      <c r="U13166">
        <v>94</v>
      </c>
      <c r="V13166">
        <v>95</v>
      </c>
      <c r="W13166">
        <v>96</v>
      </c>
      <c r="X13166">
        <v>98</v>
      </c>
      <c r="Y13166">
        <v>99</v>
      </c>
      <c r="Z13166">
        <v>100</v>
      </c>
      <c r="AA13166">
        <v>101</v>
      </c>
      <c r="AB13166">
        <v>102</v>
      </c>
      <c r="AC13166">
        <v>103</v>
      </c>
      <c r="AD13166">
        <v>104</v>
      </c>
      <c r="AE13166">
        <v>105</v>
      </c>
      <c r="AF13166">
        <v>107</v>
      </c>
      <c r="AG13166">
        <v>108</v>
      </c>
      <c r="AH13166">
        <v>109</v>
      </c>
      <c r="AI13166">
        <v>109</v>
      </c>
      <c r="AJ13166">
        <v>110</v>
      </c>
      <c r="AK13166">
        <v>111</v>
      </c>
      <c r="AL13166">
        <v>112</v>
      </c>
      <c r="AM13166">
        <v>111</v>
      </c>
      <c r="AN13166">
        <v>111</v>
      </c>
      <c r="AO13166">
        <v>111</v>
      </c>
      <c r="AP13166">
        <v>111</v>
      </c>
      <c r="AQ13166">
        <v>111</v>
      </c>
    </row>
    <row r="13167" spans="1:43">
      <c r="A13167" t="s">
        <v>8174</v>
      </c>
      <c r="B13167" t="s">
        <v>8175</v>
      </c>
      <c r="C13167" t="s">
        <v>8148</v>
      </c>
      <c r="D13167" t="s">
        <v>8149</v>
      </c>
      <c r="E13167" t="s">
        <v>8022</v>
      </c>
      <c r="F13167" t="s">
        <v>8023</v>
      </c>
      <c r="G13167" t="s">
        <v>80</v>
      </c>
      <c r="H13167" t="s">
        <v>81</v>
      </c>
      <c r="I13167" s="2">
        <v>0</v>
      </c>
      <c r="J13167" s="2">
        <v>0</v>
      </c>
      <c r="K13167" s="2">
        <v>1</v>
      </c>
      <c r="L13167" t="s">
        <v>995</v>
      </c>
      <c r="M13167" t="s">
        <v>87</v>
      </c>
      <c r="N13167" t="s">
        <v>88</v>
      </c>
      <c r="O13167" t="s">
        <v>85</v>
      </c>
      <c r="P13167" t="s">
        <v>86</v>
      </c>
      <c r="Q13167">
        <v>89</v>
      </c>
      <c r="R13167">
        <v>89</v>
      </c>
      <c r="S13167">
        <v>90</v>
      </c>
      <c r="T13167">
        <v>90</v>
      </c>
      <c r="U13167">
        <v>91</v>
      </c>
      <c r="V13167">
        <v>91</v>
      </c>
      <c r="W13167">
        <v>92</v>
      </c>
      <c r="X13167">
        <v>92</v>
      </c>
      <c r="Y13167">
        <v>92</v>
      </c>
      <c r="Z13167">
        <v>93</v>
      </c>
      <c r="AA13167">
        <v>93</v>
      </c>
      <c r="AB13167">
        <v>93</v>
      </c>
      <c r="AC13167">
        <v>94</v>
      </c>
      <c r="AD13167">
        <v>94</v>
      </c>
      <c r="AE13167">
        <v>94</v>
      </c>
      <c r="AF13167">
        <v>95</v>
      </c>
      <c r="AG13167">
        <v>95</v>
      </c>
      <c r="AH13167">
        <v>95</v>
      </c>
      <c r="AI13167">
        <v>95</v>
      </c>
      <c r="AJ13167">
        <v>96</v>
      </c>
      <c r="AK13167">
        <v>96</v>
      </c>
      <c r="AL13167">
        <v>96</v>
      </c>
      <c r="AM13167">
        <v>96</v>
      </c>
      <c r="AN13167">
        <v>96</v>
      </c>
      <c r="AO13167">
        <v>96</v>
      </c>
      <c r="AP13167">
        <v>97</v>
      </c>
      <c r="AQ13167">
        <v>97</v>
      </c>
    </row>
    <row r="13168" spans="1:43">
      <c r="A13168" t="s">
        <v>8174</v>
      </c>
      <c r="B13168" t="s">
        <v>8175</v>
      </c>
      <c r="C13168" t="s">
        <v>8148</v>
      </c>
      <c r="D13168" t="s">
        <v>8149</v>
      </c>
      <c r="E13168" t="s">
        <v>8022</v>
      </c>
      <c r="F13168" t="s">
        <v>8023</v>
      </c>
      <c r="G13168" t="s">
        <v>80</v>
      </c>
      <c r="H13168" t="s">
        <v>81</v>
      </c>
      <c r="I13168" s="2">
        <v>0</v>
      </c>
      <c r="J13168" s="2">
        <v>0</v>
      </c>
      <c r="K13168" s="2">
        <v>1</v>
      </c>
      <c r="L13168" t="s">
        <v>995</v>
      </c>
      <c r="M13168" t="s">
        <v>89</v>
      </c>
      <c r="N13168" t="s">
        <v>90</v>
      </c>
      <c r="O13168" t="s">
        <v>85</v>
      </c>
      <c r="P13168" t="s">
        <v>86</v>
      </c>
      <c r="Q13168">
        <v>89</v>
      </c>
      <c r="R13168">
        <v>92</v>
      </c>
      <c r="S13168">
        <v>94</v>
      </c>
      <c r="T13168">
        <v>96</v>
      </c>
      <c r="U13168">
        <v>98</v>
      </c>
      <c r="V13168">
        <v>99</v>
      </c>
      <c r="W13168">
        <v>101</v>
      </c>
      <c r="X13168">
        <v>103</v>
      </c>
      <c r="Y13168">
        <v>105</v>
      </c>
      <c r="Z13168">
        <v>106</v>
      </c>
      <c r="AA13168">
        <v>108</v>
      </c>
      <c r="AB13168">
        <v>109</v>
      </c>
      <c r="AC13168">
        <v>111</v>
      </c>
      <c r="AD13168">
        <v>112</v>
      </c>
      <c r="AE13168">
        <v>113</v>
      </c>
      <c r="AF13168">
        <v>113</v>
      </c>
      <c r="AG13168">
        <v>113</v>
      </c>
      <c r="AH13168">
        <v>113</v>
      </c>
      <c r="AI13168">
        <v>113</v>
      </c>
      <c r="AJ13168">
        <v>113</v>
      </c>
      <c r="AK13168">
        <v>113</v>
      </c>
      <c r="AL13168">
        <v>113</v>
      </c>
      <c r="AM13168">
        <v>112</v>
      </c>
      <c r="AN13168">
        <v>112</v>
      </c>
      <c r="AO13168">
        <v>112</v>
      </c>
      <c r="AP13168">
        <v>112</v>
      </c>
      <c r="AQ13168">
        <v>112</v>
      </c>
    </row>
    <row r="13169" spans="1:43">
      <c r="A13169" t="s">
        <v>8174</v>
      </c>
      <c r="B13169" t="s">
        <v>8175</v>
      </c>
      <c r="C13169" t="s">
        <v>8148</v>
      </c>
      <c r="D13169" t="s">
        <v>8149</v>
      </c>
      <c r="E13169" t="s">
        <v>8022</v>
      </c>
      <c r="F13169" t="s">
        <v>8023</v>
      </c>
      <c r="G13169" t="s">
        <v>80</v>
      </c>
      <c r="H13169" t="s">
        <v>81</v>
      </c>
      <c r="I13169" s="2">
        <v>0</v>
      </c>
      <c r="J13169" s="2">
        <v>0</v>
      </c>
      <c r="K13169" s="2">
        <v>1</v>
      </c>
      <c r="L13169" t="s">
        <v>995</v>
      </c>
      <c r="M13169" t="s">
        <v>83</v>
      </c>
      <c r="N13169" t="s">
        <v>91</v>
      </c>
      <c r="O13169" t="s">
        <v>85</v>
      </c>
      <c r="P13169" t="s">
        <v>86</v>
      </c>
      <c r="Q13169">
        <v>89</v>
      </c>
      <c r="R13169">
        <v>90</v>
      </c>
      <c r="S13169">
        <v>91</v>
      </c>
      <c r="T13169">
        <v>93</v>
      </c>
      <c r="U13169">
        <v>94</v>
      </c>
      <c r="V13169">
        <v>95</v>
      </c>
      <c r="W13169">
        <v>96</v>
      </c>
      <c r="X13169">
        <v>98</v>
      </c>
      <c r="Y13169">
        <v>99</v>
      </c>
      <c r="Z13169">
        <v>100</v>
      </c>
      <c r="AA13169">
        <v>101</v>
      </c>
      <c r="AB13169">
        <v>102</v>
      </c>
      <c r="AC13169">
        <v>103</v>
      </c>
      <c r="AD13169">
        <v>104</v>
      </c>
      <c r="AE13169">
        <v>105</v>
      </c>
      <c r="AF13169">
        <v>107</v>
      </c>
      <c r="AG13169">
        <v>108</v>
      </c>
      <c r="AH13169">
        <v>109</v>
      </c>
      <c r="AI13169">
        <v>109</v>
      </c>
      <c r="AJ13169">
        <v>110</v>
      </c>
      <c r="AK13169">
        <v>111</v>
      </c>
      <c r="AL13169">
        <v>112</v>
      </c>
      <c r="AM13169">
        <v>111</v>
      </c>
      <c r="AN13169">
        <v>111</v>
      </c>
      <c r="AO13169">
        <v>111</v>
      </c>
      <c r="AP13169">
        <v>111</v>
      </c>
      <c r="AQ13169">
        <v>111</v>
      </c>
    </row>
    <row r="13170" spans="1:43">
      <c r="A13170" t="s">
        <v>8176</v>
      </c>
      <c r="B13170" t="s">
        <v>8177</v>
      </c>
      <c r="C13170" t="s">
        <v>8148</v>
      </c>
      <c r="D13170" t="s">
        <v>8149</v>
      </c>
      <c r="E13170" t="s">
        <v>8022</v>
      </c>
      <c r="F13170" t="s">
        <v>8023</v>
      </c>
      <c r="G13170" t="s">
        <v>80</v>
      </c>
      <c r="H13170" t="s">
        <v>81</v>
      </c>
      <c r="I13170" s="2">
        <v>0</v>
      </c>
      <c r="J13170" s="2">
        <v>0.48</v>
      </c>
      <c r="K13170" s="2">
        <v>0.52</v>
      </c>
      <c r="L13170" t="s">
        <v>995</v>
      </c>
      <c r="M13170" t="s">
        <v>83</v>
      </c>
      <c r="N13170" t="s">
        <v>84</v>
      </c>
      <c r="O13170" t="s">
        <v>85</v>
      </c>
      <c r="P13170" t="s">
        <v>86</v>
      </c>
      <c r="Q13170">
        <v>28</v>
      </c>
      <c r="R13170">
        <v>28</v>
      </c>
      <c r="S13170">
        <v>29</v>
      </c>
      <c r="T13170">
        <v>29</v>
      </c>
      <c r="U13170">
        <v>30</v>
      </c>
      <c r="V13170">
        <v>30</v>
      </c>
      <c r="W13170">
        <v>30</v>
      </c>
      <c r="X13170">
        <v>31</v>
      </c>
      <c r="Y13170">
        <v>31</v>
      </c>
      <c r="Z13170">
        <v>31</v>
      </c>
      <c r="AA13170">
        <v>32</v>
      </c>
      <c r="AB13170">
        <v>32</v>
      </c>
      <c r="AC13170">
        <v>32</v>
      </c>
      <c r="AD13170">
        <v>33</v>
      </c>
      <c r="AE13170">
        <v>33</v>
      </c>
      <c r="AF13170">
        <v>33</v>
      </c>
      <c r="AG13170">
        <v>34</v>
      </c>
      <c r="AH13170">
        <v>34</v>
      </c>
      <c r="AI13170">
        <v>34</v>
      </c>
      <c r="AJ13170">
        <v>35</v>
      </c>
      <c r="AK13170">
        <v>35</v>
      </c>
      <c r="AL13170">
        <v>35</v>
      </c>
      <c r="AM13170">
        <v>35</v>
      </c>
      <c r="AN13170">
        <v>35</v>
      </c>
      <c r="AO13170">
        <v>35</v>
      </c>
      <c r="AP13170">
        <v>35</v>
      </c>
      <c r="AQ13170">
        <v>35</v>
      </c>
    </row>
    <row r="13171" spans="1:43">
      <c r="A13171" t="s">
        <v>8176</v>
      </c>
      <c r="B13171" t="s">
        <v>8177</v>
      </c>
      <c r="C13171" t="s">
        <v>8148</v>
      </c>
      <c r="D13171" t="s">
        <v>8149</v>
      </c>
      <c r="E13171" t="s">
        <v>8022</v>
      </c>
      <c r="F13171" t="s">
        <v>8023</v>
      </c>
      <c r="G13171" t="s">
        <v>80</v>
      </c>
      <c r="H13171" t="s">
        <v>81</v>
      </c>
      <c r="I13171" s="2">
        <v>0</v>
      </c>
      <c r="J13171" s="2">
        <v>0.48</v>
      </c>
      <c r="K13171" s="2">
        <v>0.52</v>
      </c>
      <c r="L13171" t="s">
        <v>995</v>
      </c>
      <c r="M13171" t="s">
        <v>87</v>
      </c>
      <c r="N13171" t="s">
        <v>88</v>
      </c>
      <c r="O13171" t="s">
        <v>85</v>
      </c>
      <c r="P13171" t="s">
        <v>86</v>
      </c>
      <c r="Q13171">
        <v>28</v>
      </c>
      <c r="R13171">
        <v>28</v>
      </c>
      <c r="S13171">
        <v>28</v>
      </c>
      <c r="T13171">
        <v>28</v>
      </c>
      <c r="U13171">
        <v>28</v>
      </c>
      <c r="V13171">
        <v>28</v>
      </c>
      <c r="W13171">
        <v>28</v>
      </c>
      <c r="X13171">
        <v>29</v>
      </c>
      <c r="Y13171">
        <v>29</v>
      </c>
      <c r="Z13171">
        <v>29</v>
      </c>
      <c r="AA13171">
        <v>29</v>
      </c>
      <c r="AB13171">
        <v>29</v>
      </c>
      <c r="AC13171">
        <v>29</v>
      </c>
      <c r="AD13171">
        <v>29</v>
      </c>
      <c r="AE13171">
        <v>29</v>
      </c>
      <c r="AF13171">
        <v>29</v>
      </c>
      <c r="AG13171">
        <v>29</v>
      </c>
      <c r="AH13171">
        <v>30</v>
      </c>
      <c r="AI13171">
        <v>30</v>
      </c>
      <c r="AJ13171">
        <v>30</v>
      </c>
      <c r="AK13171">
        <v>30</v>
      </c>
      <c r="AL13171">
        <v>30</v>
      </c>
      <c r="AM13171">
        <v>30</v>
      </c>
      <c r="AN13171">
        <v>30</v>
      </c>
      <c r="AO13171">
        <v>30</v>
      </c>
      <c r="AP13171">
        <v>30</v>
      </c>
      <c r="AQ13171">
        <v>30</v>
      </c>
    </row>
    <row r="13172" spans="1:43">
      <c r="A13172" t="s">
        <v>8176</v>
      </c>
      <c r="B13172" t="s">
        <v>8177</v>
      </c>
      <c r="C13172" t="s">
        <v>8148</v>
      </c>
      <c r="D13172" t="s">
        <v>8149</v>
      </c>
      <c r="E13172" t="s">
        <v>8022</v>
      </c>
      <c r="F13172" t="s">
        <v>8023</v>
      </c>
      <c r="G13172" t="s">
        <v>80</v>
      </c>
      <c r="H13172" t="s">
        <v>81</v>
      </c>
      <c r="I13172" s="2">
        <v>0</v>
      </c>
      <c r="J13172" s="2">
        <v>0.48</v>
      </c>
      <c r="K13172" s="2">
        <v>0.52</v>
      </c>
      <c r="L13172" t="s">
        <v>995</v>
      </c>
      <c r="M13172" t="s">
        <v>89</v>
      </c>
      <c r="N13172" t="s">
        <v>90</v>
      </c>
      <c r="O13172" t="s">
        <v>85</v>
      </c>
      <c r="P13172" t="s">
        <v>86</v>
      </c>
      <c r="Q13172">
        <v>28</v>
      </c>
      <c r="R13172">
        <v>29</v>
      </c>
      <c r="S13172">
        <v>29</v>
      </c>
      <c r="T13172">
        <v>30</v>
      </c>
      <c r="U13172">
        <v>31</v>
      </c>
      <c r="V13172">
        <v>31</v>
      </c>
      <c r="W13172">
        <v>32</v>
      </c>
      <c r="X13172">
        <v>32</v>
      </c>
      <c r="Y13172">
        <v>33</v>
      </c>
      <c r="Z13172">
        <v>33</v>
      </c>
      <c r="AA13172">
        <v>34</v>
      </c>
      <c r="AB13172">
        <v>34</v>
      </c>
      <c r="AC13172">
        <v>35</v>
      </c>
      <c r="AD13172">
        <v>35</v>
      </c>
      <c r="AE13172">
        <v>36</v>
      </c>
      <c r="AF13172">
        <v>36</v>
      </c>
      <c r="AG13172">
        <v>36</v>
      </c>
      <c r="AH13172">
        <v>35</v>
      </c>
      <c r="AI13172">
        <v>35</v>
      </c>
      <c r="AJ13172">
        <v>35</v>
      </c>
      <c r="AK13172">
        <v>35</v>
      </c>
      <c r="AL13172">
        <v>35</v>
      </c>
      <c r="AM13172">
        <v>35</v>
      </c>
      <c r="AN13172">
        <v>35</v>
      </c>
      <c r="AO13172">
        <v>35</v>
      </c>
      <c r="AP13172">
        <v>35</v>
      </c>
      <c r="AQ13172">
        <v>35</v>
      </c>
    </row>
    <row r="13173" spans="1:43">
      <c r="A13173" t="s">
        <v>8176</v>
      </c>
      <c r="B13173" t="s">
        <v>8177</v>
      </c>
      <c r="C13173" t="s">
        <v>8148</v>
      </c>
      <c r="D13173" t="s">
        <v>8149</v>
      </c>
      <c r="E13173" t="s">
        <v>8022</v>
      </c>
      <c r="F13173" t="s">
        <v>8023</v>
      </c>
      <c r="G13173" t="s">
        <v>80</v>
      </c>
      <c r="H13173" t="s">
        <v>81</v>
      </c>
      <c r="I13173" s="2">
        <v>0</v>
      </c>
      <c r="J13173" s="2">
        <v>0.48</v>
      </c>
      <c r="K13173" s="2">
        <v>0.52</v>
      </c>
      <c r="L13173" t="s">
        <v>995</v>
      </c>
      <c r="M13173" t="s">
        <v>83</v>
      </c>
      <c r="N13173" t="s">
        <v>91</v>
      </c>
      <c r="O13173" t="s">
        <v>85</v>
      </c>
      <c r="P13173" t="s">
        <v>86</v>
      </c>
      <c r="Q13173">
        <v>28</v>
      </c>
      <c r="R13173">
        <v>28</v>
      </c>
      <c r="S13173">
        <v>29</v>
      </c>
      <c r="T13173">
        <v>29</v>
      </c>
      <c r="U13173">
        <v>30</v>
      </c>
      <c r="V13173">
        <v>30</v>
      </c>
      <c r="W13173">
        <v>30</v>
      </c>
      <c r="X13173">
        <v>31</v>
      </c>
      <c r="Y13173">
        <v>31</v>
      </c>
      <c r="Z13173">
        <v>31</v>
      </c>
      <c r="AA13173">
        <v>32</v>
      </c>
      <c r="AB13173">
        <v>32</v>
      </c>
      <c r="AC13173">
        <v>32</v>
      </c>
      <c r="AD13173">
        <v>33</v>
      </c>
      <c r="AE13173">
        <v>33</v>
      </c>
      <c r="AF13173">
        <v>33</v>
      </c>
      <c r="AG13173">
        <v>34</v>
      </c>
      <c r="AH13173">
        <v>34</v>
      </c>
      <c r="AI13173">
        <v>34</v>
      </c>
      <c r="AJ13173">
        <v>35</v>
      </c>
      <c r="AK13173">
        <v>35</v>
      </c>
      <c r="AL13173">
        <v>35</v>
      </c>
      <c r="AM13173">
        <v>35</v>
      </c>
      <c r="AN13173">
        <v>35</v>
      </c>
      <c r="AO13173">
        <v>35</v>
      </c>
      <c r="AP13173">
        <v>35</v>
      </c>
      <c r="AQ13173">
        <v>35</v>
      </c>
    </row>
    <row r="13174" spans="1:43">
      <c r="A13174" t="s">
        <v>8178</v>
      </c>
      <c r="B13174" t="s">
        <v>8179</v>
      </c>
      <c r="C13174" t="s">
        <v>8148</v>
      </c>
      <c r="D13174" t="s">
        <v>8149</v>
      </c>
      <c r="E13174" t="s">
        <v>8022</v>
      </c>
      <c r="F13174" t="s">
        <v>8023</v>
      </c>
      <c r="G13174" t="s">
        <v>80</v>
      </c>
      <c r="H13174" t="s">
        <v>81</v>
      </c>
      <c r="I13174" s="2">
        <v>0</v>
      </c>
      <c r="J13174" s="2">
        <v>0</v>
      </c>
      <c r="K13174" s="2">
        <v>1</v>
      </c>
      <c r="L13174" t="s">
        <v>995</v>
      </c>
      <c r="M13174" t="s">
        <v>83</v>
      </c>
      <c r="N13174" t="s">
        <v>84</v>
      </c>
      <c r="O13174" t="s">
        <v>85</v>
      </c>
      <c r="P13174" t="s">
        <v>86</v>
      </c>
      <c r="Q13174">
        <v>20</v>
      </c>
      <c r="R13174">
        <v>21</v>
      </c>
      <c r="S13174">
        <v>21</v>
      </c>
      <c r="T13174">
        <v>21</v>
      </c>
      <c r="U13174">
        <v>22</v>
      </c>
      <c r="V13174">
        <v>22</v>
      </c>
      <c r="W13174">
        <v>22</v>
      </c>
      <c r="X13174">
        <v>23</v>
      </c>
      <c r="Y13174">
        <v>23</v>
      </c>
      <c r="Z13174">
        <v>23</v>
      </c>
      <c r="AA13174">
        <v>23</v>
      </c>
      <c r="AB13174">
        <v>24</v>
      </c>
      <c r="AC13174">
        <v>24</v>
      </c>
      <c r="AD13174">
        <v>24</v>
      </c>
      <c r="AE13174">
        <v>25</v>
      </c>
      <c r="AF13174">
        <v>25</v>
      </c>
      <c r="AG13174">
        <v>25</v>
      </c>
      <c r="AH13174">
        <v>25</v>
      </c>
      <c r="AI13174">
        <v>26</v>
      </c>
      <c r="AJ13174">
        <v>26</v>
      </c>
      <c r="AK13174">
        <v>26</v>
      </c>
      <c r="AL13174">
        <v>26</v>
      </c>
      <c r="AM13174">
        <v>26</v>
      </c>
      <c r="AN13174">
        <v>26</v>
      </c>
      <c r="AO13174">
        <v>26</v>
      </c>
      <c r="AP13174">
        <v>26</v>
      </c>
      <c r="AQ13174">
        <v>26</v>
      </c>
    </row>
    <row r="13175" spans="1:43">
      <c r="A13175" t="s">
        <v>8178</v>
      </c>
      <c r="B13175" t="s">
        <v>8179</v>
      </c>
      <c r="C13175" t="s">
        <v>8148</v>
      </c>
      <c r="D13175" t="s">
        <v>8149</v>
      </c>
      <c r="E13175" t="s">
        <v>8022</v>
      </c>
      <c r="F13175" t="s">
        <v>8023</v>
      </c>
      <c r="G13175" t="s">
        <v>80</v>
      </c>
      <c r="H13175" t="s">
        <v>81</v>
      </c>
      <c r="I13175" s="2">
        <v>0</v>
      </c>
      <c r="J13175" s="2">
        <v>0</v>
      </c>
      <c r="K13175" s="2">
        <v>1</v>
      </c>
      <c r="L13175" t="s">
        <v>995</v>
      </c>
      <c r="M13175" t="s">
        <v>87</v>
      </c>
      <c r="N13175" t="s">
        <v>88</v>
      </c>
      <c r="O13175" t="s">
        <v>85</v>
      </c>
      <c r="P13175" t="s">
        <v>86</v>
      </c>
      <c r="Q13175">
        <v>20</v>
      </c>
      <c r="R13175">
        <v>20</v>
      </c>
      <c r="S13175">
        <v>20</v>
      </c>
      <c r="T13175">
        <v>21</v>
      </c>
      <c r="U13175">
        <v>21</v>
      </c>
      <c r="V13175">
        <v>21</v>
      </c>
      <c r="W13175">
        <v>21</v>
      </c>
      <c r="X13175">
        <v>21</v>
      </c>
      <c r="Y13175">
        <v>21</v>
      </c>
      <c r="Z13175">
        <v>21</v>
      </c>
      <c r="AA13175">
        <v>21</v>
      </c>
      <c r="AB13175">
        <v>21</v>
      </c>
      <c r="AC13175">
        <v>22</v>
      </c>
      <c r="AD13175">
        <v>22</v>
      </c>
      <c r="AE13175">
        <v>22</v>
      </c>
      <c r="AF13175">
        <v>22</v>
      </c>
      <c r="AG13175">
        <v>22</v>
      </c>
      <c r="AH13175">
        <v>22</v>
      </c>
      <c r="AI13175">
        <v>22</v>
      </c>
      <c r="AJ13175">
        <v>22</v>
      </c>
      <c r="AK13175">
        <v>22</v>
      </c>
      <c r="AL13175">
        <v>22</v>
      </c>
      <c r="AM13175">
        <v>22</v>
      </c>
      <c r="AN13175">
        <v>23</v>
      </c>
      <c r="AO13175">
        <v>23</v>
      </c>
      <c r="AP13175">
        <v>23</v>
      </c>
      <c r="AQ13175">
        <v>23</v>
      </c>
    </row>
    <row r="13176" spans="1:43">
      <c r="A13176" t="s">
        <v>8178</v>
      </c>
      <c r="B13176" t="s">
        <v>8179</v>
      </c>
      <c r="C13176" t="s">
        <v>8148</v>
      </c>
      <c r="D13176" t="s">
        <v>8149</v>
      </c>
      <c r="E13176" t="s">
        <v>8022</v>
      </c>
      <c r="F13176" t="s">
        <v>8023</v>
      </c>
      <c r="G13176" t="s">
        <v>80</v>
      </c>
      <c r="H13176" t="s">
        <v>81</v>
      </c>
      <c r="I13176" s="2">
        <v>0</v>
      </c>
      <c r="J13176" s="2">
        <v>0</v>
      </c>
      <c r="K13176" s="2">
        <v>1</v>
      </c>
      <c r="L13176" t="s">
        <v>995</v>
      </c>
      <c r="M13176" t="s">
        <v>89</v>
      </c>
      <c r="N13176" t="s">
        <v>90</v>
      </c>
      <c r="O13176" t="s">
        <v>85</v>
      </c>
      <c r="P13176" t="s">
        <v>86</v>
      </c>
      <c r="Q13176">
        <v>20</v>
      </c>
      <c r="R13176">
        <v>20</v>
      </c>
      <c r="S13176">
        <v>21</v>
      </c>
      <c r="T13176">
        <v>21</v>
      </c>
      <c r="U13176">
        <v>21</v>
      </c>
      <c r="V13176">
        <v>22</v>
      </c>
      <c r="W13176">
        <v>22</v>
      </c>
      <c r="X13176">
        <v>23</v>
      </c>
      <c r="Y13176">
        <v>23</v>
      </c>
      <c r="Z13176">
        <v>24</v>
      </c>
      <c r="AA13176">
        <v>24</v>
      </c>
      <c r="AB13176">
        <v>24</v>
      </c>
      <c r="AC13176">
        <v>25</v>
      </c>
      <c r="AD13176">
        <v>25</v>
      </c>
      <c r="AE13176">
        <v>25</v>
      </c>
      <c r="AF13176">
        <v>25</v>
      </c>
      <c r="AG13176">
        <v>26</v>
      </c>
      <c r="AH13176">
        <v>26</v>
      </c>
      <c r="AI13176">
        <v>26</v>
      </c>
      <c r="AJ13176">
        <v>26</v>
      </c>
      <c r="AK13176">
        <v>26</v>
      </c>
      <c r="AL13176">
        <v>26</v>
      </c>
      <c r="AM13176">
        <v>26</v>
      </c>
      <c r="AN13176">
        <v>26</v>
      </c>
      <c r="AO13176">
        <v>26</v>
      </c>
      <c r="AP13176">
        <v>26</v>
      </c>
      <c r="AQ13176">
        <v>26</v>
      </c>
    </row>
    <row r="13177" spans="1:43">
      <c r="A13177" t="s">
        <v>8178</v>
      </c>
      <c r="B13177" t="s">
        <v>8179</v>
      </c>
      <c r="C13177" t="s">
        <v>8148</v>
      </c>
      <c r="D13177" t="s">
        <v>8149</v>
      </c>
      <c r="E13177" t="s">
        <v>8022</v>
      </c>
      <c r="F13177" t="s">
        <v>8023</v>
      </c>
      <c r="G13177" t="s">
        <v>80</v>
      </c>
      <c r="H13177" t="s">
        <v>81</v>
      </c>
      <c r="I13177" s="2">
        <v>0</v>
      </c>
      <c r="J13177" s="2">
        <v>0</v>
      </c>
      <c r="K13177" s="2">
        <v>1</v>
      </c>
      <c r="L13177" t="s">
        <v>995</v>
      </c>
      <c r="M13177" t="s">
        <v>83</v>
      </c>
      <c r="N13177" t="s">
        <v>91</v>
      </c>
      <c r="O13177" t="s">
        <v>85</v>
      </c>
      <c r="P13177" t="s">
        <v>86</v>
      </c>
      <c r="Q13177">
        <v>20</v>
      </c>
      <c r="R13177">
        <v>21</v>
      </c>
      <c r="S13177">
        <v>21</v>
      </c>
      <c r="T13177">
        <v>21</v>
      </c>
      <c r="U13177">
        <v>22</v>
      </c>
      <c r="V13177">
        <v>22</v>
      </c>
      <c r="W13177">
        <v>22</v>
      </c>
      <c r="X13177">
        <v>23</v>
      </c>
      <c r="Y13177">
        <v>23</v>
      </c>
      <c r="Z13177">
        <v>23</v>
      </c>
      <c r="AA13177">
        <v>23</v>
      </c>
      <c r="AB13177">
        <v>24</v>
      </c>
      <c r="AC13177">
        <v>24</v>
      </c>
      <c r="AD13177">
        <v>24</v>
      </c>
      <c r="AE13177">
        <v>25</v>
      </c>
      <c r="AF13177">
        <v>25</v>
      </c>
      <c r="AG13177">
        <v>25</v>
      </c>
      <c r="AH13177">
        <v>25</v>
      </c>
      <c r="AI13177">
        <v>26</v>
      </c>
      <c r="AJ13177">
        <v>26</v>
      </c>
      <c r="AK13177">
        <v>26</v>
      </c>
      <c r="AL13177">
        <v>26</v>
      </c>
      <c r="AM13177">
        <v>26</v>
      </c>
      <c r="AN13177">
        <v>26</v>
      </c>
      <c r="AO13177">
        <v>26</v>
      </c>
      <c r="AP13177">
        <v>26</v>
      </c>
      <c r="AQ13177">
        <v>26</v>
      </c>
    </row>
    <row r="13178" spans="1:43">
      <c r="A13178" t="s">
        <v>8180</v>
      </c>
      <c r="B13178" t="s">
        <v>8181</v>
      </c>
      <c r="C13178" t="s">
        <v>8142</v>
      </c>
      <c r="D13178" t="s">
        <v>8143</v>
      </c>
      <c r="E13178" t="s">
        <v>8022</v>
      </c>
      <c r="F13178" t="s">
        <v>8023</v>
      </c>
      <c r="G13178" t="s">
        <v>80</v>
      </c>
      <c r="H13178" t="s">
        <v>81</v>
      </c>
      <c r="I13178" s="2">
        <v>0</v>
      </c>
      <c r="J13178" s="2">
        <v>0</v>
      </c>
      <c r="K13178" s="2">
        <v>1</v>
      </c>
      <c r="L13178" t="s">
        <v>995</v>
      </c>
      <c r="M13178" t="s">
        <v>83</v>
      </c>
      <c r="N13178" t="s">
        <v>84</v>
      </c>
      <c r="O13178" t="s">
        <v>85</v>
      </c>
      <c r="P13178" t="s">
        <v>86</v>
      </c>
      <c r="Q13178">
        <v>36</v>
      </c>
      <c r="R13178">
        <v>37</v>
      </c>
      <c r="S13178">
        <v>37</v>
      </c>
      <c r="T13178">
        <v>38</v>
      </c>
      <c r="U13178">
        <v>38</v>
      </c>
      <c r="V13178">
        <v>39</v>
      </c>
      <c r="W13178">
        <v>39</v>
      </c>
      <c r="X13178">
        <v>40</v>
      </c>
      <c r="Y13178">
        <v>40</v>
      </c>
      <c r="Z13178">
        <v>41</v>
      </c>
      <c r="AA13178">
        <v>41</v>
      </c>
      <c r="AB13178">
        <v>42</v>
      </c>
      <c r="AC13178">
        <v>42</v>
      </c>
      <c r="AD13178">
        <v>43</v>
      </c>
      <c r="AE13178">
        <v>43</v>
      </c>
      <c r="AF13178">
        <v>44</v>
      </c>
      <c r="AG13178">
        <v>44</v>
      </c>
      <c r="AH13178">
        <v>44</v>
      </c>
      <c r="AI13178">
        <v>45</v>
      </c>
      <c r="AJ13178">
        <v>45</v>
      </c>
      <c r="AK13178">
        <v>45</v>
      </c>
      <c r="AL13178">
        <v>46</v>
      </c>
      <c r="AM13178">
        <v>46</v>
      </c>
      <c r="AN13178">
        <v>45</v>
      </c>
      <c r="AO13178">
        <v>45</v>
      </c>
      <c r="AP13178">
        <v>45</v>
      </c>
      <c r="AQ13178">
        <v>45</v>
      </c>
    </row>
    <row r="13179" spans="1:43">
      <c r="A13179" t="s">
        <v>8180</v>
      </c>
      <c r="B13179" t="s">
        <v>8181</v>
      </c>
      <c r="C13179" t="s">
        <v>8142</v>
      </c>
      <c r="D13179" t="s">
        <v>8143</v>
      </c>
      <c r="E13179" t="s">
        <v>8022</v>
      </c>
      <c r="F13179" t="s">
        <v>8023</v>
      </c>
      <c r="G13179" t="s">
        <v>80</v>
      </c>
      <c r="H13179" t="s">
        <v>81</v>
      </c>
      <c r="I13179" s="2">
        <v>0</v>
      </c>
      <c r="J13179" s="2">
        <v>0</v>
      </c>
      <c r="K13179" s="2">
        <v>1</v>
      </c>
      <c r="L13179" t="s">
        <v>995</v>
      </c>
      <c r="M13179" t="s">
        <v>87</v>
      </c>
      <c r="N13179" t="s">
        <v>88</v>
      </c>
      <c r="O13179" t="s">
        <v>85</v>
      </c>
      <c r="P13179" t="s">
        <v>86</v>
      </c>
      <c r="Q13179">
        <v>36</v>
      </c>
      <c r="R13179">
        <v>36</v>
      </c>
      <c r="S13179">
        <v>36</v>
      </c>
      <c r="T13179">
        <v>36</v>
      </c>
      <c r="U13179">
        <v>37</v>
      </c>
      <c r="V13179">
        <v>37</v>
      </c>
      <c r="W13179">
        <v>37</v>
      </c>
      <c r="X13179">
        <v>37</v>
      </c>
      <c r="Y13179">
        <v>37</v>
      </c>
      <c r="Z13179">
        <v>37</v>
      </c>
      <c r="AA13179">
        <v>38</v>
      </c>
      <c r="AB13179">
        <v>38</v>
      </c>
      <c r="AC13179">
        <v>38</v>
      </c>
      <c r="AD13179">
        <v>38</v>
      </c>
      <c r="AE13179">
        <v>38</v>
      </c>
      <c r="AF13179">
        <v>38</v>
      </c>
      <c r="AG13179">
        <v>38</v>
      </c>
      <c r="AH13179">
        <v>38</v>
      </c>
      <c r="AI13179">
        <v>39</v>
      </c>
      <c r="AJ13179">
        <v>39</v>
      </c>
      <c r="AK13179">
        <v>39</v>
      </c>
      <c r="AL13179">
        <v>39</v>
      </c>
      <c r="AM13179">
        <v>39</v>
      </c>
      <c r="AN13179">
        <v>39</v>
      </c>
      <c r="AO13179">
        <v>39</v>
      </c>
      <c r="AP13179">
        <v>39</v>
      </c>
      <c r="AQ13179">
        <v>39</v>
      </c>
    </row>
    <row r="13180" spans="1:43">
      <c r="A13180" t="s">
        <v>8180</v>
      </c>
      <c r="B13180" t="s">
        <v>8181</v>
      </c>
      <c r="C13180" t="s">
        <v>8142</v>
      </c>
      <c r="D13180" t="s">
        <v>8143</v>
      </c>
      <c r="E13180" t="s">
        <v>8022</v>
      </c>
      <c r="F13180" t="s">
        <v>8023</v>
      </c>
      <c r="G13180" t="s">
        <v>80</v>
      </c>
      <c r="H13180" t="s">
        <v>81</v>
      </c>
      <c r="I13180" s="2">
        <v>0</v>
      </c>
      <c r="J13180" s="2">
        <v>0</v>
      </c>
      <c r="K13180" s="2">
        <v>1</v>
      </c>
      <c r="L13180" t="s">
        <v>995</v>
      </c>
      <c r="M13180" t="s">
        <v>89</v>
      </c>
      <c r="N13180" t="s">
        <v>90</v>
      </c>
      <c r="O13180" t="s">
        <v>85</v>
      </c>
      <c r="P13180" t="s">
        <v>86</v>
      </c>
      <c r="Q13180">
        <v>36</v>
      </c>
      <c r="R13180">
        <v>36</v>
      </c>
      <c r="S13180">
        <v>37</v>
      </c>
      <c r="T13180">
        <v>38</v>
      </c>
      <c r="U13180">
        <v>39</v>
      </c>
      <c r="V13180">
        <v>40</v>
      </c>
      <c r="W13180">
        <v>40</v>
      </c>
      <c r="X13180">
        <v>41</v>
      </c>
      <c r="Y13180">
        <v>42</v>
      </c>
      <c r="Z13180">
        <v>42</v>
      </c>
      <c r="AA13180">
        <v>43</v>
      </c>
      <c r="AB13180">
        <v>44</v>
      </c>
      <c r="AC13180">
        <v>44</v>
      </c>
      <c r="AD13180">
        <v>45</v>
      </c>
      <c r="AE13180">
        <v>45</v>
      </c>
      <c r="AF13180">
        <v>45</v>
      </c>
      <c r="AG13180">
        <v>45</v>
      </c>
      <c r="AH13180">
        <v>45</v>
      </c>
      <c r="AI13180">
        <v>45</v>
      </c>
      <c r="AJ13180">
        <v>45</v>
      </c>
      <c r="AK13180">
        <v>45</v>
      </c>
      <c r="AL13180">
        <v>45</v>
      </c>
      <c r="AM13180">
        <v>45</v>
      </c>
      <c r="AN13180">
        <v>45</v>
      </c>
      <c r="AO13180">
        <v>45</v>
      </c>
      <c r="AP13180">
        <v>45</v>
      </c>
      <c r="AQ13180">
        <v>45</v>
      </c>
    </row>
    <row r="13181" spans="1:43">
      <c r="A13181" t="s">
        <v>8180</v>
      </c>
      <c r="B13181" t="s">
        <v>8181</v>
      </c>
      <c r="C13181" t="s">
        <v>8142</v>
      </c>
      <c r="D13181" t="s">
        <v>8143</v>
      </c>
      <c r="E13181" t="s">
        <v>8022</v>
      </c>
      <c r="F13181" t="s">
        <v>8023</v>
      </c>
      <c r="G13181" t="s">
        <v>80</v>
      </c>
      <c r="H13181" t="s">
        <v>81</v>
      </c>
      <c r="I13181" s="2">
        <v>0</v>
      </c>
      <c r="J13181" s="2">
        <v>0</v>
      </c>
      <c r="K13181" s="2">
        <v>1</v>
      </c>
      <c r="L13181" t="s">
        <v>995</v>
      </c>
      <c r="M13181" t="s">
        <v>83</v>
      </c>
      <c r="N13181" t="s">
        <v>91</v>
      </c>
      <c r="O13181" t="s">
        <v>85</v>
      </c>
      <c r="P13181" t="s">
        <v>86</v>
      </c>
      <c r="Q13181">
        <v>36</v>
      </c>
      <c r="R13181">
        <v>37</v>
      </c>
      <c r="S13181">
        <v>37</v>
      </c>
      <c r="T13181">
        <v>38</v>
      </c>
      <c r="U13181">
        <v>38</v>
      </c>
      <c r="V13181">
        <v>39</v>
      </c>
      <c r="W13181">
        <v>39</v>
      </c>
      <c r="X13181">
        <v>40</v>
      </c>
      <c r="Y13181">
        <v>40</v>
      </c>
      <c r="Z13181">
        <v>41</v>
      </c>
      <c r="AA13181">
        <v>41</v>
      </c>
      <c r="AB13181">
        <v>42</v>
      </c>
      <c r="AC13181">
        <v>42</v>
      </c>
      <c r="AD13181">
        <v>43</v>
      </c>
      <c r="AE13181">
        <v>43</v>
      </c>
      <c r="AF13181">
        <v>44</v>
      </c>
      <c r="AG13181">
        <v>44</v>
      </c>
      <c r="AH13181">
        <v>44</v>
      </c>
      <c r="AI13181">
        <v>45</v>
      </c>
      <c r="AJ13181">
        <v>45</v>
      </c>
      <c r="AK13181">
        <v>45</v>
      </c>
      <c r="AL13181">
        <v>46</v>
      </c>
      <c r="AM13181">
        <v>46</v>
      </c>
      <c r="AN13181">
        <v>45</v>
      </c>
      <c r="AO13181">
        <v>45</v>
      </c>
      <c r="AP13181">
        <v>45</v>
      </c>
      <c r="AQ13181">
        <v>45</v>
      </c>
    </row>
    <row r="13182" spans="1:43">
      <c r="A13182" t="s">
        <v>8182</v>
      </c>
      <c r="B13182" t="s">
        <v>8183</v>
      </c>
      <c r="C13182" t="s">
        <v>8148</v>
      </c>
      <c r="D13182" t="s">
        <v>8149</v>
      </c>
      <c r="E13182" t="s">
        <v>8022</v>
      </c>
      <c r="F13182" t="s">
        <v>8023</v>
      </c>
      <c r="G13182" t="s">
        <v>80</v>
      </c>
      <c r="H13182" t="s">
        <v>81</v>
      </c>
      <c r="I13182" s="2">
        <v>0</v>
      </c>
      <c r="J13182" s="2">
        <v>1</v>
      </c>
      <c r="K13182" s="2">
        <v>0</v>
      </c>
      <c r="L13182" t="s">
        <v>82</v>
      </c>
      <c r="M13182" t="s">
        <v>83</v>
      </c>
      <c r="N13182" t="s">
        <v>84</v>
      </c>
      <c r="O13182" t="s">
        <v>85</v>
      </c>
      <c r="P13182" t="s">
        <v>86</v>
      </c>
      <c r="Q13182">
        <v>30</v>
      </c>
      <c r="R13182">
        <v>31</v>
      </c>
      <c r="S13182">
        <v>31</v>
      </c>
      <c r="T13182">
        <v>32</v>
      </c>
      <c r="U13182">
        <v>32</v>
      </c>
      <c r="V13182">
        <v>32</v>
      </c>
      <c r="W13182">
        <v>33</v>
      </c>
      <c r="X13182">
        <v>33</v>
      </c>
      <c r="Y13182">
        <v>34</v>
      </c>
      <c r="Z13182">
        <v>34</v>
      </c>
      <c r="AA13182">
        <v>34</v>
      </c>
      <c r="AB13182">
        <v>35</v>
      </c>
      <c r="AC13182">
        <v>35</v>
      </c>
      <c r="AD13182">
        <v>36</v>
      </c>
      <c r="AE13182">
        <v>36</v>
      </c>
      <c r="AF13182">
        <v>36</v>
      </c>
      <c r="AG13182">
        <v>37</v>
      </c>
      <c r="AH13182">
        <v>37</v>
      </c>
      <c r="AI13182">
        <v>37</v>
      </c>
      <c r="AJ13182">
        <v>38</v>
      </c>
      <c r="AK13182">
        <v>38</v>
      </c>
      <c r="AL13182">
        <v>38</v>
      </c>
      <c r="AM13182">
        <v>38</v>
      </c>
      <c r="AN13182">
        <v>38</v>
      </c>
      <c r="AO13182">
        <v>38</v>
      </c>
      <c r="AP13182">
        <v>38</v>
      </c>
      <c r="AQ13182">
        <v>38</v>
      </c>
    </row>
    <row r="13183" spans="1:43">
      <c r="A13183" t="s">
        <v>8182</v>
      </c>
      <c r="B13183" t="s">
        <v>8183</v>
      </c>
      <c r="C13183" t="s">
        <v>8148</v>
      </c>
      <c r="D13183" t="s">
        <v>8149</v>
      </c>
      <c r="E13183" t="s">
        <v>8022</v>
      </c>
      <c r="F13183" t="s">
        <v>8023</v>
      </c>
      <c r="G13183" t="s">
        <v>80</v>
      </c>
      <c r="H13183" t="s">
        <v>81</v>
      </c>
      <c r="I13183" s="2">
        <v>0</v>
      </c>
      <c r="J13183" s="2">
        <v>1</v>
      </c>
      <c r="K13183" s="2">
        <v>0</v>
      </c>
      <c r="L13183" t="s">
        <v>82</v>
      </c>
      <c r="M13183" t="s">
        <v>87</v>
      </c>
      <c r="N13183" t="s">
        <v>88</v>
      </c>
      <c r="O13183" t="s">
        <v>85</v>
      </c>
      <c r="P13183" t="s">
        <v>86</v>
      </c>
      <c r="Q13183">
        <v>30</v>
      </c>
      <c r="R13183">
        <v>30</v>
      </c>
      <c r="S13183">
        <v>30</v>
      </c>
      <c r="T13183">
        <v>30</v>
      </c>
      <c r="U13183">
        <v>31</v>
      </c>
      <c r="V13183">
        <v>31</v>
      </c>
      <c r="W13183">
        <v>31</v>
      </c>
      <c r="X13183">
        <v>31</v>
      </c>
      <c r="Y13183">
        <v>31</v>
      </c>
      <c r="Z13183">
        <v>31</v>
      </c>
      <c r="AA13183">
        <v>31</v>
      </c>
      <c r="AB13183">
        <v>32</v>
      </c>
      <c r="AC13183">
        <v>32</v>
      </c>
      <c r="AD13183">
        <v>32</v>
      </c>
      <c r="AE13183">
        <v>32</v>
      </c>
      <c r="AF13183">
        <v>32</v>
      </c>
      <c r="AG13183">
        <v>32</v>
      </c>
      <c r="AH13183">
        <v>32</v>
      </c>
      <c r="AI13183">
        <v>32</v>
      </c>
      <c r="AJ13183">
        <v>32</v>
      </c>
      <c r="AK13183">
        <v>32</v>
      </c>
      <c r="AL13183">
        <v>32</v>
      </c>
      <c r="AM13183">
        <v>33</v>
      </c>
      <c r="AN13183">
        <v>33</v>
      </c>
      <c r="AO13183">
        <v>33</v>
      </c>
      <c r="AP13183">
        <v>33</v>
      </c>
      <c r="AQ13183">
        <v>33</v>
      </c>
    </row>
    <row r="13184" spans="1:43">
      <c r="A13184" t="s">
        <v>8182</v>
      </c>
      <c r="B13184" t="s">
        <v>8183</v>
      </c>
      <c r="C13184" t="s">
        <v>8148</v>
      </c>
      <c r="D13184" t="s">
        <v>8149</v>
      </c>
      <c r="E13184" t="s">
        <v>8022</v>
      </c>
      <c r="F13184" t="s">
        <v>8023</v>
      </c>
      <c r="G13184" t="s">
        <v>80</v>
      </c>
      <c r="H13184" t="s">
        <v>81</v>
      </c>
      <c r="I13184" s="2">
        <v>0</v>
      </c>
      <c r="J13184" s="2">
        <v>1</v>
      </c>
      <c r="K13184" s="2">
        <v>0</v>
      </c>
      <c r="L13184" t="s">
        <v>82</v>
      </c>
      <c r="M13184" t="s">
        <v>89</v>
      </c>
      <c r="N13184" t="s">
        <v>90</v>
      </c>
      <c r="O13184" t="s">
        <v>85</v>
      </c>
      <c r="P13184" t="s">
        <v>86</v>
      </c>
      <c r="Q13184">
        <v>30</v>
      </c>
      <c r="R13184">
        <v>31</v>
      </c>
      <c r="S13184">
        <v>32</v>
      </c>
      <c r="T13184">
        <v>33</v>
      </c>
      <c r="U13184">
        <v>33</v>
      </c>
      <c r="V13184">
        <v>34</v>
      </c>
      <c r="W13184">
        <v>35</v>
      </c>
      <c r="X13184">
        <v>35</v>
      </c>
      <c r="Y13184">
        <v>36</v>
      </c>
      <c r="Z13184">
        <v>36</v>
      </c>
      <c r="AA13184">
        <v>37</v>
      </c>
      <c r="AB13184">
        <v>37</v>
      </c>
      <c r="AC13184">
        <v>38</v>
      </c>
      <c r="AD13184">
        <v>38</v>
      </c>
      <c r="AE13184">
        <v>39</v>
      </c>
      <c r="AF13184">
        <v>39</v>
      </c>
      <c r="AG13184">
        <v>39</v>
      </c>
      <c r="AH13184">
        <v>39</v>
      </c>
      <c r="AI13184">
        <v>39</v>
      </c>
      <c r="AJ13184">
        <v>39</v>
      </c>
      <c r="AK13184">
        <v>39</v>
      </c>
      <c r="AL13184">
        <v>38</v>
      </c>
      <c r="AM13184">
        <v>38</v>
      </c>
      <c r="AN13184">
        <v>38</v>
      </c>
      <c r="AO13184">
        <v>38</v>
      </c>
      <c r="AP13184">
        <v>38</v>
      </c>
      <c r="AQ13184">
        <v>38</v>
      </c>
    </row>
    <row r="13185" spans="1:43">
      <c r="A13185" t="s">
        <v>8182</v>
      </c>
      <c r="B13185" t="s">
        <v>8183</v>
      </c>
      <c r="C13185" t="s">
        <v>8148</v>
      </c>
      <c r="D13185" t="s">
        <v>8149</v>
      </c>
      <c r="E13185" t="s">
        <v>8022</v>
      </c>
      <c r="F13185" t="s">
        <v>8023</v>
      </c>
      <c r="G13185" t="s">
        <v>80</v>
      </c>
      <c r="H13185" t="s">
        <v>81</v>
      </c>
      <c r="I13185" s="2">
        <v>0</v>
      </c>
      <c r="J13185" s="2">
        <v>1</v>
      </c>
      <c r="K13185" s="2">
        <v>0</v>
      </c>
      <c r="L13185" t="s">
        <v>82</v>
      </c>
      <c r="M13185" t="s">
        <v>83</v>
      </c>
      <c r="N13185" t="s">
        <v>91</v>
      </c>
      <c r="O13185" t="s">
        <v>85</v>
      </c>
      <c r="P13185" t="s">
        <v>86</v>
      </c>
      <c r="Q13185">
        <v>30</v>
      </c>
      <c r="R13185">
        <v>31</v>
      </c>
      <c r="S13185">
        <v>31</v>
      </c>
      <c r="T13185">
        <v>32</v>
      </c>
      <c r="U13185">
        <v>32</v>
      </c>
      <c r="V13185">
        <v>32</v>
      </c>
      <c r="W13185">
        <v>33</v>
      </c>
      <c r="X13185">
        <v>33</v>
      </c>
      <c r="Y13185">
        <v>34</v>
      </c>
      <c r="Z13185">
        <v>34</v>
      </c>
      <c r="AA13185">
        <v>34</v>
      </c>
      <c r="AB13185">
        <v>35</v>
      </c>
      <c r="AC13185">
        <v>35</v>
      </c>
      <c r="AD13185">
        <v>36</v>
      </c>
      <c r="AE13185">
        <v>36</v>
      </c>
      <c r="AF13185">
        <v>36</v>
      </c>
      <c r="AG13185">
        <v>37</v>
      </c>
      <c r="AH13185">
        <v>37</v>
      </c>
      <c r="AI13185">
        <v>37</v>
      </c>
      <c r="AJ13185">
        <v>38</v>
      </c>
      <c r="AK13185">
        <v>38</v>
      </c>
      <c r="AL13185">
        <v>38</v>
      </c>
      <c r="AM13185">
        <v>38</v>
      </c>
      <c r="AN13185">
        <v>38</v>
      </c>
      <c r="AO13185">
        <v>38</v>
      </c>
      <c r="AP13185">
        <v>38</v>
      </c>
      <c r="AQ13185">
        <v>38</v>
      </c>
    </row>
    <row r="13186" spans="1:43">
      <c r="A13186" t="s">
        <v>8184</v>
      </c>
      <c r="B13186" t="s">
        <v>8185</v>
      </c>
      <c r="C13186" t="s">
        <v>8186</v>
      </c>
      <c r="D13186" t="s">
        <v>8187</v>
      </c>
      <c r="E13186" t="s">
        <v>8022</v>
      </c>
      <c r="F13186" t="s">
        <v>8023</v>
      </c>
      <c r="G13186" t="s">
        <v>80</v>
      </c>
      <c r="H13186" t="s">
        <v>81</v>
      </c>
      <c r="I13186" s="2">
        <v>0</v>
      </c>
      <c r="J13186" s="2">
        <v>0</v>
      </c>
      <c r="K13186" s="2">
        <v>0.43</v>
      </c>
      <c r="L13186" t="s">
        <v>995</v>
      </c>
      <c r="M13186" t="s">
        <v>83</v>
      </c>
      <c r="N13186" t="s">
        <v>84</v>
      </c>
      <c r="O13186" t="s">
        <v>85</v>
      </c>
      <c r="P13186" t="s">
        <v>86</v>
      </c>
      <c r="Q13186">
        <v>22</v>
      </c>
      <c r="R13186">
        <v>22</v>
      </c>
      <c r="S13186">
        <v>22</v>
      </c>
      <c r="T13186">
        <v>23</v>
      </c>
      <c r="U13186">
        <v>23</v>
      </c>
      <c r="V13186">
        <v>23</v>
      </c>
      <c r="W13186">
        <v>24</v>
      </c>
      <c r="X13186">
        <v>24</v>
      </c>
      <c r="Y13186">
        <v>24</v>
      </c>
      <c r="Z13186">
        <v>25</v>
      </c>
      <c r="AA13186">
        <v>25</v>
      </c>
      <c r="AB13186">
        <v>25</v>
      </c>
      <c r="AC13186">
        <v>25</v>
      </c>
      <c r="AD13186">
        <v>26</v>
      </c>
      <c r="AE13186">
        <v>26</v>
      </c>
      <c r="AF13186">
        <v>26</v>
      </c>
      <c r="AG13186">
        <v>26</v>
      </c>
      <c r="AH13186">
        <v>27</v>
      </c>
      <c r="AI13186">
        <v>27</v>
      </c>
      <c r="AJ13186">
        <v>27</v>
      </c>
      <c r="AK13186">
        <v>27</v>
      </c>
      <c r="AL13186">
        <v>27</v>
      </c>
      <c r="AM13186">
        <v>27</v>
      </c>
      <c r="AN13186">
        <v>27</v>
      </c>
      <c r="AO13186">
        <v>27</v>
      </c>
      <c r="AP13186">
        <v>27</v>
      </c>
      <c r="AQ13186">
        <v>27</v>
      </c>
    </row>
    <row r="13187" spans="1:43">
      <c r="A13187" t="s">
        <v>8184</v>
      </c>
      <c r="B13187" t="s">
        <v>8185</v>
      </c>
      <c r="C13187" t="s">
        <v>8186</v>
      </c>
      <c r="D13187" t="s">
        <v>8187</v>
      </c>
      <c r="E13187" t="s">
        <v>8022</v>
      </c>
      <c r="F13187" t="s">
        <v>8023</v>
      </c>
      <c r="G13187" t="s">
        <v>80</v>
      </c>
      <c r="H13187" t="s">
        <v>81</v>
      </c>
      <c r="I13187" s="2">
        <v>0</v>
      </c>
      <c r="J13187" s="2">
        <v>0</v>
      </c>
      <c r="K13187" s="2">
        <v>0.43</v>
      </c>
      <c r="L13187" t="s">
        <v>995</v>
      </c>
      <c r="M13187" t="s">
        <v>87</v>
      </c>
      <c r="N13187" t="s">
        <v>88</v>
      </c>
      <c r="O13187" t="s">
        <v>85</v>
      </c>
      <c r="P13187" t="s">
        <v>86</v>
      </c>
      <c r="Q13187">
        <v>22</v>
      </c>
      <c r="R13187">
        <v>22</v>
      </c>
      <c r="S13187">
        <v>22</v>
      </c>
      <c r="T13187">
        <v>22</v>
      </c>
      <c r="U13187">
        <v>22</v>
      </c>
      <c r="V13187">
        <v>22</v>
      </c>
      <c r="W13187">
        <v>22</v>
      </c>
      <c r="X13187">
        <v>22</v>
      </c>
      <c r="Y13187">
        <v>22</v>
      </c>
      <c r="Z13187">
        <v>23</v>
      </c>
      <c r="AA13187">
        <v>23</v>
      </c>
      <c r="AB13187">
        <v>23</v>
      </c>
      <c r="AC13187">
        <v>23</v>
      </c>
      <c r="AD13187">
        <v>23</v>
      </c>
      <c r="AE13187">
        <v>23</v>
      </c>
      <c r="AF13187">
        <v>23</v>
      </c>
      <c r="AG13187">
        <v>23</v>
      </c>
      <c r="AH13187">
        <v>23</v>
      </c>
      <c r="AI13187">
        <v>23</v>
      </c>
      <c r="AJ13187">
        <v>23</v>
      </c>
      <c r="AK13187">
        <v>23</v>
      </c>
      <c r="AL13187">
        <v>23</v>
      </c>
      <c r="AM13187">
        <v>23</v>
      </c>
      <c r="AN13187">
        <v>23</v>
      </c>
      <c r="AO13187">
        <v>23</v>
      </c>
      <c r="AP13187">
        <v>23</v>
      </c>
      <c r="AQ13187">
        <v>23</v>
      </c>
    </row>
    <row r="13188" spans="1:43">
      <c r="A13188" t="s">
        <v>8184</v>
      </c>
      <c r="B13188" t="s">
        <v>8185</v>
      </c>
      <c r="C13188" t="s">
        <v>8186</v>
      </c>
      <c r="D13188" t="s">
        <v>8187</v>
      </c>
      <c r="E13188" t="s">
        <v>8022</v>
      </c>
      <c r="F13188" t="s">
        <v>8023</v>
      </c>
      <c r="G13188" t="s">
        <v>80</v>
      </c>
      <c r="H13188" t="s">
        <v>81</v>
      </c>
      <c r="I13188" s="2">
        <v>0</v>
      </c>
      <c r="J13188" s="2">
        <v>0</v>
      </c>
      <c r="K13188" s="2">
        <v>0.43</v>
      </c>
      <c r="L13188" t="s">
        <v>995</v>
      </c>
      <c r="M13188" t="s">
        <v>89</v>
      </c>
      <c r="N13188" t="s">
        <v>90</v>
      </c>
      <c r="O13188" t="s">
        <v>85</v>
      </c>
      <c r="P13188" t="s">
        <v>86</v>
      </c>
      <c r="Q13188">
        <v>22</v>
      </c>
      <c r="R13188">
        <v>23</v>
      </c>
      <c r="S13188">
        <v>23</v>
      </c>
      <c r="T13188">
        <v>24</v>
      </c>
      <c r="U13188">
        <v>24</v>
      </c>
      <c r="V13188">
        <v>24</v>
      </c>
      <c r="W13188">
        <v>25</v>
      </c>
      <c r="X13188">
        <v>25</v>
      </c>
      <c r="Y13188">
        <v>26</v>
      </c>
      <c r="Z13188">
        <v>26</v>
      </c>
      <c r="AA13188">
        <v>26</v>
      </c>
      <c r="AB13188">
        <v>27</v>
      </c>
      <c r="AC13188">
        <v>27</v>
      </c>
      <c r="AD13188">
        <v>28</v>
      </c>
      <c r="AE13188">
        <v>28</v>
      </c>
      <c r="AF13188">
        <v>28</v>
      </c>
      <c r="AG13188">
        <v>28</v>
      </c>
      <c r="AH13188">
        <v>28</v>
      </c>
      <c r="AI13188">
        <v>28</v>
      </c>
      <c r="AJ13188">
        <v>28</v>
      </c>
      <c r="AK13188">
        <v>28</v>
      </c>
      <c r="AL13188">
        <v>28</v>
      </c>
      <c r="AM13188">
        <v>27</v>
      </c>
      <c r="AN13188">
        <v>27</v>
      </c>
      <c r="AO13188">
        <v>27</v>
      </c>
      <c r="AP13188">
        <v>27</v>
      </c>
      <c r="AQ13188">
        <v>27</v>
      </c>
    </row>
    <row r="13189" spans="1:43">
      <c r="A13189" t="s">
        <v>8184</v>
      </c>
      <c r="B13189" t="s">
        <v>8185</v>
      </c>
      <c r="C13189" t="s">
        <v>8186</v>
      </c>
      <c r="D13189" t="s">
        <v>8187</v>
      </c>
      <c r="E13189" t="s">
        <v>8022</v>
      </c>
      <c r="F13189" t="s">
        <v>8023</v>
      </c>
      <c r="G13189" t="s">
        <v>80</v>
      </c>
      <c r="H13189" t="s">
        <v>81</v>
      </c>
      <c r="I13189" s="2">
        <v>0</v>
      </c>
      <c r="J13189" s="2">
        <v>0</v>
      </c>
      <c r="K13189" s="2">
        <v>0.43</v>
      </c>
      <c r="L13189" t="s">
        <v>995</v>
      </c>
      <c r="M13189" t="s">
        <v>83</v>
      </c>
      <c r="N13189" t="s">
        <v>91</v>
      </c>
      <c r="O13189" t="s">
        <v>85</v>
      </c>
      <c r="P13189" t="s">
        <v>86</v>
      </c>
      <c r="Q13189">
        <v>22</v>
      </c>
      <c r="R13189">
        <v>22</v>
      </c>
      <c r="S13189">
        <v>22</v>
      </c>
      <c r="T13189">
        <v>23</v>
      </c>
      <c r="U13189">
        <v>23</v>
      </c>
      <c r="V13189">
        <v>23</v>
      </c>
      <c r="W13189">
        <v>24</v>
      </c>
      <c r="X13189">
        <v>24</v>
      </c>
      <c r="Y13189">
        <v>24</v>
      </c>
      <c r="Z13189">
        <v>25</v>
      </c>
      <c r="AA13189">
        <v>25</v>
      </c>
      <c r="AB13189">
        <v>25</v>
      </c>
      <c r="AC13189">
        <v>25</v>
      </c>
      <c r="AD13189">
        <v>26</v>
      </c>
      <c r="AE13189">
        <v>26</v>
      </c>
      <c r="AF13189">
        <v>26</v>
      </c>
      <c r="AG13189">
        <v>26</v>
      </c>
      <c r="AH13189">
        <v>27</v>
      </c>
      <c r="AI13189">
        <v>27</v>
      </c>
      <c r="AJ13189">
        <v>27</v>
      </c>
      <c r="AK13189">
        <v>27</v>
      </c>
      <c r="AL13189">
        <v>27</v>
      </c>
      <c r="AM13189">
        <v>27</v>
      </c>
      <c r="AN13189">
        <v>27</v>
      </c>
      <c r="AO13189">
        <v>27</v>
      </c>
      <c r="AP13189">
        <v>27</v>
      </c>
      <c r="AQ13189">
        <v>27</v>
      </c>
    </row>
    <row r="13190" spans="1:43">
      <c r="A13190" t="s">
        <v>8188</v>
      </c>
      <c r="B13190" t="s">
        <v>8189</v>
      </c>
      <c r="C13190" t="s">
        <v>8190</v>
      </c>
      <c r="D13190" t="s">
        <v>8191</v>
      </c>
      <c r="E13190" t="s">
        <v>8022</v>
      </c>
      <c r="F13190" t="s">
        <v>8023</v>
      </c>
      <c r="G13190" t="s">
        <v>80</v>
      </c>
      <c r="H13190" t="s">
        <v>81</v>
      </c>
      <c r="I13190" s="2">
        <v>0</v>
      </c>
      <c r="J13190" s="2">
        <v>0</v>
      </c>
      <c r="K13190" s="2">
        <v>1</v>
      </c>
      <c r="L13190" t="s">
        <v>995</v>
      </c>
      <c r="M13190" t="s">
        <v>83</v>
      </c>
      <c r="N13190" t="s">
        <v>84</v>
      </c>
      <c r="O13190" t="s">
        <v>85</v>
      </c>
      <c r="P13190" t="s">
        <v>86</v>
      </c>
      <c r="Q13190">
        <v>27</v>
      </c>
      <c r="R13190">
        <v>27</v>
      </c>
      <c r="S13190">
        <v>27</v>
      </c>
      <c r="T13190">
        <v>28</v>
      </c>
      <c r="U13190">
        <v>28</v>
      </c>
      <c r="V13190">
        <v>28</v>
      </c>
      <c r="W13190">
        <v>29</v>
      </c>
      <c r="X13190">
        <v>29</v>
      </c>
      <c r="Y13190">
        <v>30</v>
      </c>
      <c r="Z13190">
        <v>30</v>
      </c>
      <c r="AA13190">
        <v>30</v>
      </c>
      <c r="AB13190">
        <v>31</v>
      </c>
      <c r="AC13190">
        <v>31</v>
      </c>
      <c r="AD13190">
        <v>31</v>
      </c>
      <c r="AE13190">
        <v>32</v>
      </c>
      <c r="AF13190">
        <v>32</v>
      </c>
      <c r="AG13190">
        <v>32</v>
      </c>
      <c r="AH13190">
        <v>32</v>
      </c>
      <c r="AI13190">
        <v>33</v>
      </c>
      <c r="AJ13190">
        <v>33</v>
      </c>
      <c r="AK13190">
        <v>33</v>
      </c>
      <c r="AL13190">
        <v>33</v>
      </c>
      <c r="AM13190">
        <v>33</v>
      </c>
      <c r="AN13190">
        <v>33</v>
      </c>
      <c r="AO13190">
        <v>33</v>
      </c>
      <c r="AP13190">
        <v>33</v>
      </c>
      <c r="AQ13190">
        <v>33</v>
      </c>
    </row>
    <row r="13191" spans="1:43">
      <c r="A13191" t="s">
        <v>8188</v>
      </c>
      <c r="B13191" t="s">
        <v>8189</v>
      </c>
      <c r="C13191" t="s">
        <v>8190</v>
      </c>
      <c r="D13191" t="s">
        <v>8191</v>
      </c>
      <c r="E13191" t="s">
        <v>8022</v>
      </c>
      <c r="F13191" t="s">
        <v>8023</v>
      </c>
      <c r="G13191" t="s">
        <v>80</v>
      </c>
      <c r="H13191" t="s">
        <v>81</v>
      </c>
      <c r="I13191" s="2">
        <v>0</v>
      </c>
      <c r="J13191" s="2">
        <v>0</v>
      </c>
      <c r="K13191" s="2">
        <v>1</v>
      </c>
      <c r="L13191" t="s">
        <v>995</v>
      </c>
      <c r="M13191" t="s">
        <v>87</v>
      </c>
      <c r="N13191" t="s">
        <v>88</v>
      </c>
      <c r="O13191" t="s">
        <v>85</v>
      </c>
      <c r="P13191" t="s">
        <v>86</v>
      </c>
      <c r="Q13191">
        <v>27</v>
      </c>
      <c r="R13191">
        <v>27</v>
      </c>
      <c r="S13191">
        <v>28</v>
      </c>
      <c r="T13191">
        <v>28</v>
      </c>
      <c r="U13191">
        <v>28</v>
      </c>
      <c r="V13191">
        <v>28</v>
      </c>
      <c r="W13191">
        <v>28</v>
      </c>
      <c r="X13191">
        <v>28</v>
      </c>
      <c r="Y13191">
        <v>28</v>
      </c>
      <c r="Z13191">
        <v>28</v>
      </c>
      <c r="AA13191">
        <v>29</v>
      </c>
      <c r="AB13191">
        <v>29</v>
      </c>
      <c r="AC13191">
        <v>29</v>
      </c>
      <c r="AD13191">
        <v>29</v>
      </c>
      <c r="AE13191">
        <v>29</v>
      </c>
      <c r="AF13191">
        <v>29</v>
      </c>
      <c r="AG13191">
        <v>29</v>
      </c>
      <c r="AH13191">
        <v>29</v>
      </c>
      <c r="AI13191">
        <v>29</v>
      </c>
      <c r="AJ13191">
        <v>29</v>
      </c>
      <c r="AK13191">
        <v>29</v>
      </c>
      <c r="AL13191">
        <v>29</v>
      </c>
      <c r="AM13191">
        <v>29</v>
      </c>
      <c r="AN13191">
        <v>29</v>
      </c>
      <c r="AO13191">
        <v>29</v>
      </c>
      <c r="AP13191">
        <v>30</v>
      </c>
      <c r="AQ13191">
        <v>30</v>
      </c>
    </row>
    <row r="13192" spans="1:43">
      <c r="A13192" t="s">
        <v>8188</v>
      </c>
      <c r="B13192" t="s">
        <v>8189</v>
      </c>
      <c r="C13192" t="s">
        <v>8190</v>
      </c>
      <c r="D13192" t="s">
        <v>8191</v>
      </c>
      <c r="E13192" t="s">
        <v>8022</v>
      </c>
      <c r="F13192" t="s">
        <v>8023</v>
      </c>
      <c r="G13192" t="s">
        <v>80</v>
      </c>
      <c r="H13192" t="s">
        <v>81</v>
      </c>
      <c r="I13192" s="2">
        <v>0</v>
      </c>
      <c r="J13192" s="2">
        <v>0</v>
      </c>
      <c r="K13192" s="2">
        <v>1</v>
      </c>
      <c r="L13192" t="s">
        <v>995</v>
      </c>
      <c r="M13192" t="s">
        <v>89</v>
      </c>
      <c r="N13192" t="s">
        <v>90</v>
      </c>
      <c r="O13192" t="s">
        <v>85</v>
      </c>
      <c r="P13192" t="s">
        <v>86</v>
      </c>
      <c r="Q13192">
        <v>27</v>
      </c>
      <c r="R13192">
        <v>27</v>
      </c>
      <c r="S13192">
        <v>28</v>
      </c>
      <c r="T13192">
        <v>29</v>
      </c>
      <c r="U13192">
        <v>29</v>
      </c>
      <c r="V13192">
        <v>30</v>
      </c>
      <c r="W13192">
        <v>30</v>
      </c>
      <c r="X13192">
        <v>31</v>
      </c>
      <c r="Y13192">
        <v>31</v>
      </c>
      <c r="Z13192">
        <v>32</v>
      </c>
      <c r="AA13192">
        <v>32</v>
      </c>
      <c r="AB13192">
        <v>33</v>
      </c>
      <c r="AC13192">
        <v>33</v>
      </c>
      <c r="AD13192">
        <v>34</v>
      </c>
      <c r="AE13192">
        <v>34</v>
      </c>
      <c r="AF13192">
        <v>34</v>
      </c>
      <c r="AG13192">
        <v>34</v>
      </c>
      <c r="AH13192">
        <v>34</v>
      </c>
      <c r="AI13192">
        <v>34</v>
      </c>
      <c r="AJ13192">
        <v>34</v>
      </c>
      <c r="AK13192">
        <v>34</v>
      </c>
      <c r="AL13192">
        <v>34</v>
      </c>
      <c r="AM13192">
        <v>34</v>
      </c>
      <c r="AN13192">
        <v>33</v>
      </c>
      <c r="AO13192">
        <v>33</v>
      </c>
      <c r="AP13192">
        <v>33</v>
      </c>
      <c r="AQ13192">
        <v>33</v>
      </c>
    </row>
    <row r="13193" spans="1:43">
      <c r="A13193" t="s">
        <v>8188</v>
      </c>
      <c r="B13193" t="s">
        <v>8189</v>
      </c>
      <c r="C13193" t="s">
        <v>8190</v>
      </c>
      <c r="D13193" t="s">
        <v>8191</v>
      </c>
      <c r="E13193" t="s">
        <v>8022</v>
      </c>
      <c r="F13193" t="s">
        <v>8023</v>
      </c>
      <c r="G13193" t="s">
        <v>80</v>
      </c>
      <c r="H13193" t="s">
        <v>81</v>
      </c>
      <c r="I13193" s="2">
        <v>0</v>
      </c>
      <c r="J13193" s="2">
        <v>0</v>
      </c>
      <c r="K13193" s="2">
        <v>1</v>
      </c>
      <c r="L13193" t="s">
        <v>995</v>
      </c>
      <c r="M13193" t="s">
        <v>83</v>
      </c>
      <c r="N13193" t="s">
        <v>91</v>
      </c>
      <c r="O13193" t="s">
        <v>85</v>
      </c>
      <c r="P13193" t="s">
        <v>86</v>
      </c>
      <c r="Q13193">
        <v>27</v>
      </c>
      <c r="R13193">
        <v>27</v>
      </c>
      <c r="S13193">
        <v>27</v>
      </c>
      <c r="T13193">
        <v>28</v>
      </c>
      <c r="U13193">
        <v>28</v>
      </c>
      <c r="V13193">
        <v>28</v>
      </c>
      <c r="W13193">
        <v>29</v>
      </c>
      <c r="X13193">
        <v>29</v>
      </c>
      <c r="Y13193">
        <v>30</v>
      </c>
      <c r="Z13193">
        <v>30</v>
      </c>
      <c r="AA13193">
        <v>30</v>
      </c>
      <c r="AB13193">
        <v>31</v>
      </c>
      <c r="AC13193">
        <v>31</v>
      </c>
      <c r="AD13193">
        <v>31</v>
      </c>
      <c r="AE13193">
        <v>32</v>
      </c>
      <c r="AF13193">
        <v>32</v>
      </c>
      <c r="AG13193">
        <v>32</v>
      </c>
      <c r="AH13193">
        <v>32</v>
      </c>
      <c r="AI13193">
        <v>33</v>
      </c>
      <c r="AJ13193">
        <v>33</v>
      </c>
      <c r="AK13193">
        <v>33</v>
      </c>
      <c r="AL13193">
        <v>33</v>
      </c>
      <c r="AM13193">
        <v>33</v>
      </c>
      <c r="AN13193">
        <v>33</v>
      </c>
      <c r="AO13193">
        <v>33</v>
      </c>
      <c r="AP13193">
        <v>33</v>
      </c>
      <c r="AQ13193">
        <v>33</v>
      </c>
    </row>
    <row r="13194" spans="1:43">
      <c r="A13194" t="s">
        <v>8192</v>
      </c>
      <c r="B13194" t="s">
        <v>8193</v>
      </c>
      <c r="C13194" t="s">
        <v>8186</v>
      </c>
      <c r="D13194" t="s">
        <v>8187</v>
      </c>
      <c r="E13194" t="s">
        <v>8022</v>
      </c>
      <c r="F13194" t="s">
        <v>8023</v>
      </c>
      <c r="G13194" t="s">
        <v>80</v>
      </c>
      <c r="H13194" t="s">
        <v>81</v>
      </c>
      <c r="I13194" s="2">
        <v>0</v>
      </c>
      <c r="J13194" s="2">
        <v>0</v>
      </c>
      <c r="K13194" s="2">
        <v>1</v>
      </c>
      <c r="L13194" t="s">
        <v>995</v>
      </c>
      <c r="M13194" t="s">
        <v>83</v>
      </c>
      <c r="N13194" t="s">
        <v>84</v>
      </c>
      <c r="O13194" t="s">
        <v>85</v>
      </c>
      <c r="P13194" t="s">
        <v>86</v>
      </c>
      <c r="Q13194">
        <v>45</v>
      </c>
      <c r="R13194">
        <v>45</v>
      </c>
      <c r="S13194">
        <v>46</v>
      </c>
      <c r="T13194">
        <v>47</v>
      </c>
      <c r="U13194">
        <v>47</v>
      </c>
      <c r="V13194">
        <v>48</v>
      </c>
      <c r="W13194">
        <v>49</v>
      </c>
      <c r="X13194">
        <v>49</v>
      </c>
      <c r="Y13194">
        <v>50</v>
      </c>
      <c r="Z13194">
        <v>51</v>
      </c>
      <c r="AA13194">
        <v>51</v>
      </c>
      <c r="AB13194">
        <v>52</v>
      </c>
      <c r="AC13194">
        <v>52</v>
      </c>
      <c r="AD13194">
        <v>53</v>
      </c>
      <c r="AE13194">
        <v>53</v>
      </c>
      <c r="AF13194">
        <v>54</v>
      </c>
      <c r="AG13194">
        <v>54</v>
      </c>
      <c r="AH13194">
        <v>55</v>
      </c>
      <c r="AI13194">
        <v>56</v>
      </c>
      <c r="AJ13194">
        <v>56</v>
      </c>
      <c r="AK13194">
        <v>56</v>
      </c>
      <c r="AL13194">
        <v>57</v>
      </c>
      <c r="AM13194">
        <v>57</v>
      </c>
      <c r="AN13194">
        <v>57</v>
      </c>
      <c r="AO13194">
        <v>56</v>
      </c>
      <c r="AP13194">
        <v>56</v>
      </c>
      <c r="AQ13194">
        <v>56</v>
      </c>
    </row>
    <row r="13195" spans="1:43">
      <c r="A13195" t="s">
        <v>8192</v>
      </c>
      <c r="B13195" t="s">
        <v>8193</v>
      </c>
      <c r="C13195" t="s">
        <v>8186</v>
      </c>
      <c r="D13195" t="s">
        <v>8187</v>
      </c>
      <c r="E13195" t="s">
        <v>8022</v>
      </c>
      <c r="F13195" t="s">
        <v>8023</v>
      </c>
      <c r="G13195" t="s">
        <v>80</v>
      </c>
      <c r="H13195" t="s">
        <v>81</v>
      </c>
      <c r="I13195" s="2">
        <v>0</v>
      </c>
      <c r="J13195" s="2">
        <v>0</v>
      </c>
      <c r="K13195" s="2">
        <v>1</v>
      </c>
      <c r="L13195" t="s">
        <v>995</v>
      </c>
      <c r="M13195" t="s">
        <v>87</v>
      </c>
      <c r="N13195" t="s">
        <v>88</v>
      </c>
      <c r="O13195" t="s">
        <v>85</v>
      </c>
      <c r="P13195" t="s">
        <v>86</v>
      </c>
      <c r="Q13195">
        <v>45</v>
      </c>
      <c r="R13195">
        <v>46</v>
      </c>
      <c r="S13195">
        <v>46</v>
      </c>
      <c r="T13195">
        <v>46</v>
      </c>
      <c r="U13195">
        <v>46</v>
      </c>
      <c r="V13195">
        <v>47</v>
      </c>
      <c r="W13195">
        <v>47</v>
      </c>
      <c r="X13195">
        <v>47</v>
      </c>
      <c r="Y13195">
        <v>47</v>
      </c>
      <c r="Z13195">
        <v>47</v>
      </c>
      <c r="AA13195">
        <v>48</v>
      </c>
      <c r="AB13195">
        <v>48</v>
      </c>
      <c r="AC13195">
        <v>48</v>
      </c>
      <c r="AD13195">
        <v>48</v>
      </c>
      <c r="AE13195">
        <v>48</v>
      </c>
      <c r="AF13195">
        <v>48</v>
      </c>
      <c r="AG13195">
        <v>49</v>
      </c>
      <c r="AH13195">
        <v>49</v>
      </c>
      <c r="AI13195">
        <v>49</v>
      </c>
      <c r="AJ13195">
        <v>49</v>
      </c>
      <c r="AK13195">
        <v>49</v>
      </c>
      <c r="AL13195">
        <v>49</v>
      </c>
      <c r="AM13195">
        <v>49</v>
      </c>
      <c r="AN13195">
        <v>49</v>
      </c>
      <c r="AO13195">
        <v>50</v>
      </c>
      <c r="AP13195">
        <v>50</v>
      </c>
      <c r="AQ13195">
        <v>50</v>
      </c>
    </row>
    <row r="13196" spans="1:43">
      <c r="A13196" t="s">
        <v>8192</v>
      </c>
      <c r="B13196" t="s">
        <v>8193</v>
      </c>
      <c r="C13196" t="s">
        <v>8186</v>
      </c>
      <c r="D13196" t="s">
        <v>8187</v>
      </c>
      <c r="E13196" t="s">
        <v>8022</v>
      </c>
      <c r="F13196" t="s">
        <v>8023</v>
      </c>
      <c r="G13196" t="s">
        <v>80</v>
      </c>
      <c r="H13196" t="s">
        <v>81</v>
      </c>
      <c r="I13196" s="2">
        <v>0</v>
      </c>
      <c r="J13196" s="2">
        <v>0</v>
      </c>
      <c r="K13196" s="2">
        <v>1</v>
      </c>
      <c r="L13196" t="s">
        <v>995</v>
      </c>
      <c r="M13196" t="s">
        <v>89</v>
      </c>
      <c r="N13196" t="s">
        <v>90</v>
      </c>
      <c r="O13196" t="s">
        <v>85</v>
      </c>
      <c r="P13196" t="s">
        <v>86</v>
      </c>
      <c r="Q13196">
        <v>45</v>
      </c>
      <c r="R13196">
        <v>46</v>
      </c>
      <c r="S13196">
        <v>47</v>
      </c>
      <c r="T13196">
        <v>48</v>
      </c>
      <c r="U13196">
        <v>49</v>
      </c>
      <c r="V13196">
        <v>50</v>
      </c>
      <c r="W13196">
        <v>51</v>
      </c>
      <c r="X13196">
        <v>52</v>
      </c>
      <c r="Y13196">
        <v>53</v>
      </c>
      <c r="Z13196">
        <v>54</v>
      </c>
      <c r="AA13196">
        <v>55</v>
      </c>
      <c r="AB13196">
        <v>55</v>
      </c>
      <c r="AC13196">
        <v>56</v>
      </c>
      <c r="AD13196">
        <v>57</v>
      </c>
      <c r="AE13196">
        <v>57</v>
      </c>
      <c r="AF13196">
        <v>57</v>
      </c>
      <c r="AG13196">
        <v>57</v>
      </c>
      <c r="AH13196">
        <v>57</v>
      </c>
      <c r="AI13196">
        <v>57</v>
      </c>
      <c r="AJ13196">
        <v>57</v>
      </c>
      <c r="AK13196">
        <v>57</v>
      </c>
      <c r="AL13196">
        <v>57</v>
      </c>
      <c r="AM13196">
        <v>57</v>
      </c>
      <c r="AN13196">
        <v>57</v>
      </c>
      <c r="AO13196">
        <v>57</v>
      </c>
      <c r="AP13196">
        <v>57</v>
      </c>
      <c r="AQ13196">
        <v>57</v>
      </c>
    </row>
    <row r="13197" spans="1:43">
      <c r="A13197" t="s">
        <v>8192</v>
      </c>
      <c r="B13197" t="s">
        <v>8193</v>
      </c>
      <c r="C13197" t="s">
        <v>8186</v>
      </c>
      <c r="D13197" t="s">
        <v>8187</v>
      </c>
      <c r="E13197" t="s">
        <v>8022</v>
      </c>
      <c r="F13197" t="s">
        <v>8023</v>
      </c>
      <c r="G13197" t="s">
        <v>80</v>
      </c>
      <c r="H13197" t="s">
        <v>81</v>
      </c>
      <c r="I13197" s="2">
        <v>0</v>
      </c>
      <c r="J13197" s="2">
        <v>0</v>
      </c>
      <c r="K13197" s="2">
        <v>1</v>
      </c>
      <c r="L13197" t="s">
        <v>995</v>
      </c>
      <c r="M13197" t="s">
        <v>83</v>
      </c>
      <c r="N13197" t="s">
        <v>91</v>
      </c>
      <c r="O13197" t="s">
        <v>85</v>
      </c>
      <c r="P13197" t="s">
        <v>86</v>
      </c>
      <c r="Q13197">
        <v>45</v>
      </c>
      <c r="R13197">
        <v>45</v>
      </c>
      <c r="S13197">
        <v>46</v>
      </c>
      <c r="T13197">
        <v>47</v>
      </c>
      <c r="U13197">
        <v>47</v>
      </c>
      <c r="V13197">
        <v>48</v>
      </c>
      <c r="W13197">
        <v>49</v>
      </c>
      <c r="X13197">
        <v>49</v>
      </c>
      <c r="Y13197">
        <v>50</v>
      </c>
      <c r="Z13197">
        <v>51</v>
      </c>
      <c r="AA13197">
        <v>51</v>
      </c>
      <c r="AB13197">
        <v>52</v>
      </c>
      <c r="AC13197">
        <v>52</v>
      </c>
      <c r="AD13197">
        <v>53</v>
      </c>
      <c r="AE13197">
        <v>53</v>
      </c>
      <c r="AF13197">
        <v>54</v>
      </c>
      <c r="AG13197">
        <v>54</v>
      </c>
      <c r="AH13197">
        <v>55</v>
      </c>
      <c r="AI13197">
        <v>56</v>
      </c>
      <c r="AJ13197">
        <v>56</v>
      </c>
      <c r="AK13197">
        <v>56</v>
      </c>
      <c r="AL13197">
        <v>57</v>
      </c>
      <c r="AM13197">
        <v>57</v>
      </c>
      <c r="AN13197">
        <v>57</v>
      </c>
      <c r="AO13197">
        <v>56</v>
      </c>
      <c r="AP13197">
        <v>56</v>
      </c>
      <c r="AQ13197">
        <v>56</v>
      </c>
    </row>
    <row r="13198" spans="1:43">
      <c r="A13198" t="s">
        <v>8194</v>
      </c>
      <c r="B13198" t="s">
        <v>8195</v>
      </c>
      <c r="C13198" t="s">
        <v>8190</v>
      </c>
      <c r="D13198" t="s">
        <v>8191</v>
      </c>
      <c r="E13198" t="s">
        <v>8022</v>
      </c>
      <c r="F13198" t="s">
        <v>8023</v>
      </c>
      <c r="G13198" t="s">
        <v>80</v>
      </c>
      <c r="H13198" t="s">
        <v>81</v>
      </c>
      <c r="I13198" s="2">
        <v>0</v>
      </c>
      <c r="J13198" s="2">
        <v>0</v>
      </c>
      <c r="K13198" s="2">
        <v>1</v>
      </c>
      <c r="L13198" t="s">
        <v>995</v>
      </c>
      <c r="M13198" t="s">
        <v>83</v>
      </c>
      <c r="N13198" t="s">
        <v>84</v>
      </c>
      <c r="O13198" t="s">
        <v>85</v>
      </c>
      <c r="P13198" t="s">
        <v>86</v>
      </c>
      <c r="Q13198">
        <v>24</v>
      </c>
      <c r="R13198">
        <v>25</v>
      </c>
      <c r="S13198">
        <v>25</v>
      </c>
      <c r="T13198">
        <v>25</v>
      </c>
      <c r="U13198">
        <v>26</v>
      </c>
      <c r="V13198">
        <v>26</v>
      </c>
      <c r="W13198">
        <v>26</v>
      </c>
      <c r="X13198">
        <v>27</v>
      </c>
      <c r="Y13198">
        <v>27</v>
      </c>
      <c r="Z13198">
        <v>27</v>
      </c>
      <c r="AA13198">
        <v>28</v>
      </c>
      <c r="AB13198">
        <v>28</v>
      </c>
      <c r="AC13198">
        <v>28</v>
      </c>
      <c r="AD13198">
        <v>28</v>
      </c>
      <c r="AE13198">
        <v>29</v>
      </c>
      <c r="AF13198">
        <v>29</v>
      </c>
      <c r="AG13198">
        <v>29</v>
      </c>
      <c r="AH13198">
        <v>30</v>
      </c>
      <c r="AI13198">
        <v>30</v>
      </c>
      <c r="AJ13198">
        <v>30</v>
      </c>
      <c r="AK13198">
        <v>30</v>
      </c>
      <c r="AL13198">
        <v>30</v>
      </c>
      <c r="AM13198">
        <v>30</v>
      </c>
      <c r="AN13198">
        <v>30</v>
      </c>
      <c r="AO13198">
        <v>30</v>
      </c>
      <c r="AP13198">
        <v>30</v>
      </c>
      <c r="AQ13198">
        <v>30</v>
      </c>
    </row>
    <row r="13199" spans="1:43">
      <c r="A13199" t="s">
        <v>8194</v>
      </c>
      <c r="B13199" t="s">
        <v>8195</v>
      </c>
      <c r="C13199" t="s">
        <v>8190</v>
      </c>
      <c r="D13199" t="s">
        <v>8191</v>
      </c>
      <c r="E13199" t="s">
        <v>8022</v>
      </c>
      <c r="F13199" t="s">
        <v>8023</v>
      </c>
      <c r="G13199" t="s">
        <v>80</v>
      </c>
      <c r="H13199" t="s">
        <v>81</v>
      </c>
      <c r="I13199" s="2">
        <v>0</v>
      </c>
      <c r="J13199" s="2">
        <v>0</v>
      </c>
      <c r="K13199" s="2">
        <v>1</v>
      </c>
      <c r="L13199" t="s">
        <v>995</v>
      </c>
      <c r="M13199" t="s">
        <v>87</v>
      </c>
      <c r="N13199" t="s">
        <v>88</v>
      </c>
      <c r="O13199" t="s">
        <v>85</v>
      </c>
      <c r="P13199" t="s">
        <v>86</v>
      </c>
      <c r="Q13199">
        <v>24</v>
      </c>
      <c r="R13199">
        <v>24</v>
      </c>
      <c r="S13199">
        <v>24</v>
      </c>
      <c r="T13199">
        <v>24</v>
      </c>
      <c r="U13199">
        <v>24</v>
      </c>
      <c r="V13199">
        <v>25</v>
      </c>
      <c r="W13199">
        <v>25</v>
      </c>
      <c r="X13199">
        <v>25</v>
      </c>
      <c r="Y13199">
        <v>25</v>
      </c>
      <c r="Z13199">
        <v>25</v>
      </c>
      <c r="AA13199">
        <v>25</v>
      </c>
      <c r="AB13199">
        <v>25</v>
      </c>
      <c r="AC13199">
        <v>25</v>
      </c>
      <c r="AD13199">
        <v>25</v>
      </c>
      <c r="AE13199">
        <v>25</v>
      </c>
      <c r="AF13199">
        <v>26</v>
      </c>
      <c r="AG13199">
        <v>26</v>
      </c>
      <c r="AH13199">
        <v>26</v>
      </c>
      <c r="AI13199">
        <v>26</v>
      </c>
      <c r="AJ13199">
        <v>26</v>
      </c>
      <c r="AK13199">
        <v>26</v>
      </c>
      <c r="AL13199">
        <v>26</v>
      </c>
      <c r="AM13199">
        <v>26</v>
      </c>
      <c r="AN13199">
        <v>26</v>
      </c>
      <c r="AO13199">
        <v>26</v>
      </c>
      <c r="AP13199">
        <v>26</v>
      </c>
      <c r="AQ13199">
        <v>26</v>
      </c>
    </row>
    <row r="13200" spans="1:43">
      <c r="A13200" t="s">
        <v>8194</v>
      </c>
      <c r="B13200" t="s">
        <v>8195</v>
      </c>
      <c r="C13200" t="s">
        <v>8190</v>
      </c>
      <c r="D13200" t="s">
        <v>8191</v>
      </c>
      <c r="E13200" t="s">
        <v>8022</v>
      </c>
      <c r="F13200" t="s">
        <v>8023</v>
      </c>
      <c r="G13200" t="s">
        <v>80</v>
      </c>
      <c r="H13200" t="s">
        <v>81</v>
      </c>
      <c r="I13200" s="2">
        <v>0</v>
      </c>
      <c r="J13200" s="2">
        <v>0</v>
      </c>
      <c r="K13200" s="2">
        <v>1</v>
      </c>
      <c r="L13200" t="s">
        <v>995</v>
      </c>
      <c r="M13200" t="s">
        <v>89</v>
      </c>
      <c r="N13200" t="s">
        <v>90</v>
      </c>
      <c r="O13200" t="s">
        <v>85</v>
      </c>
      <c r="P13200" t="s">
        <v>86</v>
      </c>
      <c r="Q13200">
        <v>24</v>
      </c>
      <c r="R13200">
        <v>25</v>
      </c>
      <c r="S13200">
        <v>26</v>
      </c>
      <c r="T13200">
        <v>26</v>
      </c>
      <c r="U13200">
        <v>27</v>
      </c>
      <c r="V13200">
        <v>27</v>
      </c>
      <c r="W13200">
        <v>28</v>
      </c>
      <c r="X13200">
        <v>28</v>
      </c>
      <c r="Y13200">
        <v>29</v>
      </c>
      <c r="Z13200">
        <v>29</v>
      </c>
      <c r="AA13200">
        <v>29</v>
      </c>
      <c r="AB13200">
        <v>30</v>
      </c>
      <c r="AC13200">
        <v>30</v>
      </c>
      <c r="AD13200">
        <v>31</v>
      </c>
      <c r="AE13200">
        <v>31</v>
      </c>
      <c r="AF13200">
        <v>31</v>
      </c>
      <c r="AG13200">
        <v>31</v>
      </c>
      <c r="AH13200">
        <v>31</v>
      </c>
      <c r="AI13200">
        <v>31</v>
      </c>
      <c r="AJ13200">
        <v>31</v>
      </c>
      <c r="AK13200">
        <v>31</v>
      </c>
      <c r="AL13200">
        <v>31</v>
      </c>
      <c r="AM13200">
        <v>30</v>
      </c>
      <c r="AN13200">
        <v>30</v>
      </c>
      <c r="AO13200">
        <v>30</v>
      </c>
      <c r="AP13200">
        <v>30</v>
      </c>
      <c r="AQ13200">
        <v>30</v>
      </c>
    </row>
    <row r="13201" spans="1:43">
      <c r="A13201" t="s">
        <v>8194</v>
      </c>
      <c r="B13201" t="s">
        <v>8195</v>
      </c>
      <c r="C13201" t="s">
        <v>8190</v>
      </c>
      <c r="D13201" t="s">
        <v>8191</v>
      </c>
      <c r="E13201" t="s">
        <v>8022</v>
      </c>
      <c r="F13201" t="s">
        <v>8023</v>
      </c>
      <c r="G13201" t="s">
        <v>80</v>
      </c>
      <c r="H13201" t="s">
        <v>81</v>
      </c>
      <c r="I13201" s="2">
        <v>0</v>
      </c>
      <c r="J13201" s="2">
        <v>0</v>
      </c>
      <c r="K13201" s="2">
        <v>1</v>
      </c>
      <c r="L13201" t="s">
        <v>995</v>
      </c>
      <c r="M13201" t="s">
        <v>83</v>
      </c>
      <c r="N13201" t="s">
        <v>91</v>
      </c>
      <c r="O13201" t="s">
        <v>85</v>
      </c>
      <c r="P13201" t="s">
        <v>86</v>
      </c>
      <c r="Q13201">
        <v>24</v>
      </c>
      <c r="R13201">
        <v>25</v>
      </c>
      <c r="S13201">
        <v>25</v>
      </c>
      <c r="T13201">
        <v>25</v>
      </c>
      <c r="U13201">
        <v>26</v>
      </c>
      <c r="V13201">
        <v>26</v>
      </c>
      <c r="W13201">
        <v>26</v>
      </c>
      <c r="X13201">
        <v>27</v>
      </c>
      <c r="Y13201">
        <v>27</v>
      </c>
      <c r="Z13201">
        <v>27</v>
      </c>
      <c r="AA13201">
        <v>28</v>
      </c>
      <c r="AB13201">
        <v>28</v>
      </c>
      <c r="AC13201">
        <v>28</v>
      </c>
      <c r="AD13201">
        <v>28</v>
      </c>
      <c r="AE13201">
        <v>29</v>
      </c>
      <c r="AF13201">
        <v>29</v>
      </c>
      <c r="AG13201">
        <v>29</v>
      </c>
      <c r="AH13201">
        <v>30</v>
      </c>
      <c r="AI13201">
        <v>30</v>
      </c>
      <c r="AJ13201">
        <v>30</v>
      </c>
      <c r="AK13201">
        <v>30</v>
      </c>
      <c r="AL13201">
        <v>30</v>
      </c>
      <c r="AM13201">
        <v>30</v>
      </c>
      <c r="AN13201">
        <v>30</v>
      </c>
      <c r="AO13201">
        <v>30</v>
      </c>
      <c r="AP13201">
        <v>30</v>
      </c>
      <c r="AQ13201">
        <v>30</v>
      </c>
    </row>
    <row r="13202" spans="1:43">
      <c r="A13202" t="s">
        <v>8196</v>
      </c>
      <c r="B13202" t="s">
        <v>8197</v>
      </c>
      <c r="C13202" t="s">
        <v>8190</v>
      </c>
      <c r="D13202" t="s">
        <v>8191</v>
      </c>
      <c r="E13202" t="s">
        <v>8022</v>
      </c>
      <c r="F13202" t="s">
        <v>8023</v>
      </c>
      <c r="G13202" t="s">
        <v>80</v>
      </c>
      <c r="H13202" t="s">
        <v>81</v>
      </c>
      <c r="I13202" s="2">
        <v>0</v>
      </c>
      <c r="J13202" s="2">
        <v>0</v>
      </c>
      <c r="K13202" s="2">
        <v>1</v>
      </c>
      <c r="L13202" t="s">
        <v>995</v>
      </c>
      <c r="M13202" t="s">
        <v>83</v>
      </c>
      <c r="N13202" t="s">
        <v>84</v>
      </c>
      <c r="O13202" t="s">
        <v>85</v>
      </c>
      <c r="P13202" t="s">
        <v>86</v>
      </c>
      <c r="Q13202">
        <v>28</v>
      </c>
      <c r="R13202">
        <v>28</v>
      </c>
      <c r="S13202">
        <v>29</v>
      </c>
      <c r="T13202">
        <v>29</v>
      </c>
      <c r="U13202">
        <v>30</v>
      </c>
      <c r="V13202">
        <v>30</v>
      </c>
      <c r="W13202">
        <v>30</v>
      </c>
      <c r="X13202">
        <v>31</v>
      </c>
      <c r="Y13202">
        <v>31</v>
      </c>
      <c r="Z13202">
        <v>31</v>
      </c>
      <c r="AA13202">
        <v>32</v>
      </c>
      <c r="AB13202">
        <v>32</v>
      </c>
      <c r="AC13202">
        <v>33</v>
      </c>
      <c r="AD13202">
        <v>33</v>
      </c>
      <c r="AE13202">
        <v>33</v>
      </c>
      <c r="AF13202">
        <v>34</v>
      </c>
      <c r="AG13202">
        <v>34</v>
      </c>
      <c r="AH13202">
        <v>34</v>
      </c>
      <c r="AI13202">
        <v>35</v>
      </c>
      <c r="AJ13202">
        <v>35</v>
      </c>
      <c r="AK13202">
        <v>35</v>
      </c>
      <c r="AL13202">
        <v>35</v>
      </c>
      <c r="AM13202">
        <v>35</v>
      </c>
      <c r="AN13202">
        <v>35</v>
      </c>
      <c r="AO13202">
        <v>35</v>
      </c>
      <c r="AP13202">
        <v>35</v>
      </c>
      <c r="AQ13202">
        <v>35</v>
      </c>
    </row>
    <row r="13203" spans="1:43">
      <c r="A13203" t="s">
        <v>8196</v>
      </c>
      <c r="B13203" t="s">
        <v>8197</v>
      </c>
      <c r="C13203" t="s">
        <v>8190</v>
      </c>
      <c r="D13203" t="s">
        <v>8191</v>
      </c>
      <c r="E13203" t="s">
        <v>8022</v>
      </c>
      <c r="F13203" t="s">
        <v>8023</v>
      </c>
      <c r="G13203" t="s">
        <v>80</v>
      </c>
      <c r="H13203" t="s">
        <v>81</v>
      </c>
      <c r="I13203" s="2">
        <v>0</v>
      </c>
      <c r="J13203" s="2">
        <v>0</v>
      </c>
      <c r="K13203" s="2">
        <v>1</v>
      </c>
      <c r="L13203" t="s">
        <v>995</v>
      </c>
      <c r="M13203" t="s">
        <v>87</v>
      </c>
      <c r="N13203" t="s">
        <v>88</v>
      </c>
      <c r="O13203" t="s">
        <v>85</v>
      </c>
      <c r="P13203" t="s">
        <v>86</v>
      </c>
      <c r="Q13203">
        <v>28</v>
      </c>
      <c r="R13203">
        <v>28</v>
      </c>
      <c r="S13203">
        <v>28</v>
      </c>
      <c r="T13203">
        <v>28</v>
      </c>
      <c r="U13203">
        <v>28</v>
      </c>
      <c r="V13203">
        <v>28</v>
      </c>
      <c r="W13203">
        <v>29</v>
      </c>
      <c r="X13203">
        <v>29</v>
      </c>
      <c r="Y13203">
        <v>29</v>
      </c>
      <c r="Z13203">
        <v>29</v>
      </c>
      <c r="AA13203">
        <v>29</v>
      </c>
      <c r="AB13203">
        <v>29</v>
      </c>
      <c r="AC13203">
        <v>29</v>
      </c>
      <c r="AD13203">
        <v>29</v>
      </c>
      <c r="AE13203">
        <v>29</v>
      </c>
      <c r="AF13203">
        <v>29</v>
      </c>
      <c r="AG13203">
        <v>30</v>
      </c>
      <c r="AH13203">
        <v>30</v>
      </c>
      <c r="AI13203">
        <v>30</v>
      </c>
      <c r="AJ13203">
        <v>30</v>
      </c>
      <c r="AK13203">
        <v>30</v>
      </c>
      <c r="AL13203">
        <v>30</v>
      </c>
      <c r="AM13203">
        <v>30</v>
      </c>
      <c r="AN13203">
        <v>30</v>
      </c>
      <c r="AO13203">
        <v>30</v>
      </c>
      <c r="AP13203">
        <v>30</v>
      </c>
      <c r="AQ13203">
        <v>30</v>
      </c>
    </row>
    <row r="13204" spans="1:43">
      <c r="A13204" t="s">
        <v>8196</v>
      </c>
      <c r="B13204" t="s">
        <v>8197</v>
      </c>
      <c r="C13204" t="s">
        <v>8190</v>
      </c>
      <c r="D13204" t="s">
        <v>8191</v>
      </c>
      <c r="E13204" t="s">
        <v>8022</v>
      </c>
      <c r="F13204" t="s">
        <v>8023</v>
      </c>
      <c r="G13204" t="s">
        <v>80</v>
      </c>
      <c r="H13204" t="s">
        <v>81</v>
      </c>
      <c r="I13204" s="2">
        <v>0</v>
      </c>
      <c r="J13204" s="2">
        <v>0</v>
      </c>
      <c r="K13204" s="2">
        <v>1</v>
      </c>
      <c r="L13204" t="s">
        <v>995</v>
      </c>
      <c r="M13204" t="s">
        <v>89</v>
      </c>
      <c r="N13204" t="s">
        <v>90</v>
      </c>
      <c r="O13204" t="s">
        <v>85</v>
      </c>
      <c r="P13204" t="s">
        <v>86</v>
      </c>
      <c r="Q13204">
        <v>28</v>
      </c>
      <c r="R13204">
        <v>29</v>
      </c>
      <c r="S13204">
        <v>29</v>
      </c>
      <c r="T13204">
        <v>30</v>
      </c>
      <c r="U13204">
        <v>31</v>
      </c>
      <c r="V13204">
        <v>31</v>
      </c>
      <c r="W13204">
        <v>32</v>
      </c>
      <c r="X13204">
        <v>32</v>
      </c>
      <c r="Y13204">
        <v>33</v>
      </c>
      <c r="Z13204">
        <v>33</v>
      </c>
      <c r="AA13204">
        <v>34</v>
      </c>
      <c r="AB13204">
        <v>34</v>
      </c>
      <c r="AC13204">
        <v>35</v>
      </c>
      <c r="AD13204">
        <v>35</v>
      </c>
      <c r="AE13204">
        <v>36</v>
      </c>
      <c r="AF13204">
        <v>36</v>
      </c>
      <c r="AG13204">
        <v>36</v>
      </c>
      <c r="AH13204">
        <v>36</v>
      </c>
      <c r="AI13204">
        <v>36</v>
      </c>
      <c r="AJ13204">
        <v>36</v>
      </c>
      <c r="AK13204">
        <v>35</v>
      </c>
      <c r="AL13204">
        <v>35</v>
      </c>
      <c r="AM13204">
        <v>35</v>
      </c>
      <c r="AN13204">
        <v>35</v>
      </c>
      <c r="AO13204">
        <v>35</v>
      </c>
      <c r="AP13204">
        <v>35</v>
      </c>
      <c r="AQ13204">
        <v>35</v>
      </c>
    </row>
    <row r="13205" spans="1:43">
      <c r="A13205" t="s">
        <v>8196</v>
      </c>
      <c r="B13205" t="s">
        <v>8197</v>
      </c>
      <c r="C13205" t="s">
        <v>8190</v>
      </c>
      <c r="D13205" t="s">
        <v>8191</v>
      </c>
      <c r="E13205" t="s">
        <v>8022</v>
      </c>
      <c r="F13205" t="s">
        <v>8023</v>
      </c>
      <c r="G13205" t="s">
        <v>80</v>
      </c>
      <c r="H13205" t="s">
        <v>81</v>
      </c>
      <c r="I13205" s="2">
        <v>0</v>
      </c>
      <c r="J13205" s="2">
        <v>0</v>
      </c>
      <c r="K13205" s="2">
        <v>1</v>
      </c>
      <c r="L13205" t="s">
        <v>995</v>
      </c>
      <c r="M13205" t="s">
        <v>83</v>
      </c>
      <c r="N13205" t="s">
        <v>91</v>
      </c>
      <c r="O13205" t="s">
        <v>85</v>
      </c>
      <c r="P13205" t="s">
        <v>86</v>
      </c>
      <c r="Q13205">
        <v>28</v>
      </c>
      <c r="R13205">
        <v>28</v>
      </c>
      <c r="S13205">
        <v>29</v>
      </c>
      <c r="T13205">
        <v>29</v>
      </c>
      <c r="U13205">
        <v>30</v>
      </c>
      <c r="V13205">
        <v>30</v>
      </c>
      <c r="W13205">
        <v>30</v>
      </c>
      <c r="X13205">
        <v>31</v>
      </c>
      <c r="Y13205">
        <v>31</v>
      </c>
      <c r="Z13205">
        <v>31</v>
      </c>
      <c r="AA13205">
        <v>32</v>
      </c>
      <c r="AB13205">
        <v>32</v>
      </c>
      <c r="AC13205">
        <v>33</v>
      </c>
      <c r="AD13205">
        <v>33</v>
      </c>
      <c r="AE13205">
        <v>33</v>
      </c>
      <c r="AF13205">
        <v>34</v>
      </c>
      <c r="AG13205">
        <v>34</v>
      </c>
      <c r="AH13205">
        <v>34</v>
      </c>
      <c r="AI13205">
        <v>35</v>
      </c>
      <c r="AJ13205">
        <v>35</v>
      </c>
      <c r="AK13205">
        <v>35</v>
      </c>
      <c r="AL13205">
        <v>35</v>
      </c>
      <c r="AM13205">
        <v>35</v>
      </c>
      <c r="AN13205">
        <v>35</v>
      </c>
      <c r="AO13205">
        <v>35</v>
      </c>
      <c r="AP13205">
        <v>35</v>
      </c>
      <c r="AQ13205">
        <v>35</v>
      </c>
    </row>
    <row r="13206" spans="1:43">
      <c r="A13206" t="s">
        <v>8198</v>
      </c>
      <c r="B13206" t="s">
        <v>8199</v>
      </c>
      <c r="C13206" t="s">
        <v>8186</v>
      </c>
      <c r="D13206" t="s">
        <v>8187</v>
      </c>
      <c r="E13206" t="s">
        <v>8022</v>
      </c>
      <c r="F13206" t="s">
        <v>8023</v>
      </c>
      <c r="G13206" t="s">
        <v>80</v>
      </c>
      <c r="H13206" t="s">
        <v>81</v>
      </c>
      <c r="I13206" s="2">
        <v>0</v>
      </c>
      <c r="J13206" s="2">
        <v>0</v>
      </c>
      <c r="K13206" s="2">
        <v>0</v>
      </c>
      <c r="L13206" t="s">
        <v>995</v>
      </c>
      <c r="M13206" t="s">
        <v>83</v>
      </c>
      <c r="N13206" t="s">
        <v>84</v>
      </c>
      <c r="O13206" t="s">
        <v>85</v>
      </c>
      <c r="P13206" t="s">
        <v>86</v>
      </c>
      <c r="Q13206">
        <v>0</v>
      </c>
      <c r="R13206">
        <v>0</v>
      </c>
      <c r="S13206">
        <v>0</v>
      </c>
      <c r="T13206">
        <v>0</v>
      </c>
      <c r="U13206">
        <v>0</v>
      </c>
      <c r="V13206">
        <v>0</v>
      </c>
      <c r="W13206">
        <v>0</v>
      </c>
      <c r="X13206">
        <v>0</v>
      </c>
      <c r="Y13206">
        <v>0</v>
      </c>
      <c r="Z13206">
        <v>0</v>
      </c>
      <c r="AA13206">
        <v>0</v>
      </c>
      <c r="AB13206">
        <v>0</v>
      </c>
      <c r="AC13206">
        <v>0</v>
      </c>
      <c r="AD13206">
        <v>0</v>
      </c>
      <c r="AE13206">
        <v>0</v>
      </c>
      <c r="AF13206">
        <v>0</v>
      </c>
      <c r="AG13206">
        <v>0</v>
      </c>
      <c r="AH13206">
        <v>0</v>
      </c>
      <c r="AI13206">
        <v>0</v>
      </c>
      <c r="AJ13206">
        <v>0</v>
      </c>
      <c r="AK13206">
        <v>0</v>
      </c>
      <c r="AL13206">
        <v>0</v>
      </c>
      <c r="AM13206">
        <v>0</v>
      </c>
      <c r="AN13206">
        <v>0</v>
      </c>
      <c r="AO13206">
        <v>0</v>
      </c>
      <c r="AP13206">
        <v>0</v>
      </c>
      <c r="AQ13206">
        <v>0</v>
      </c>
    </row>
    <row r="13207" spans="1:43">
      <c r="A13207" t="s">
        <v>8198</v>
      </c>
      <c r="B13207" t="s">
        <v>8199</v>
      </c>
      <c r="C13207" t="s">
        <v>8186</v>
      </c>
      <c r="D13207" t="s">
        <v>8187</v>
      </c>
      <c r="E13207" t="s">
        <v>8022</v>
      </c>
      <c r="F13207" t="s">
        <v>8023</v>
      </c>
      <c r="G13207" t="s">
        <v>80</v>
      </c>
      <c r="H13207" t="s">
        <v>81</v>
      </c>
      <c r="I13207" s="2">
        <v>0</v>
      </c>
      <c r="J13207" s="2">
        <v>0</v>
      </c>
      <c r="K13207" s="2">
        <v>0</v>
      </c>
      <c r="L13207" t="s">
        <v>995</v>
      </c>
      <c r="M13207" t="s">
        <v>87</v>
      </c>
      <c r="N13207" t="s">
        <v>88</v>
      </c>
      <c r="O13207" t="s">
        <v>85</v>
      </c>
      <c r="P13207" t="s">
        <v>86</v>
      </c>
      <c r="Q13207">
        <v>0</v>
      </c>
      <c r="R13207">
        <v>0</v>
      </c>
      <c r="S13207">
        <v>0</v>
      </c>
      <c r="T13207">
        <v>0</v>
      </c>
      <c r="U13207">
        <v>0</v>
      </c>
      <c r="V13207">
        <v>0</v>
      </c>
      <c r="W13207">
        <v>0</v>
      </c>
      <c r="X13207">
        <v>0</v>
      </c>
      <c r="Y13207">
        <v>0</v>
      </c>
      <c r="Z13207">
        <v>0</v>
      </c>
      <c r="AA13207">
        <v>0</v>
      </c>
      <c r="AB13207">
        <v>0</v>
      </c>
      <c r="AC13207">
        <v>0</v>
      </c>
      <c r="AD13207">
        <v>0</v>
      </c>
      <c r="AE13207">
        <v>0</v>
      </c>
      <c r="AF13207">
        <v>0</v>
      </c>
      <c r="AG13207">
        <v>0</v>
      </c>
      <c r="AH13207">
        <v>0</v>
      </c>
      <c r="AI13207">
        <v>0</v>
      </c>
      <c r="AJ13207">
        <v>0</v>
      </c>
      <c r="AK13207">
        <v>0</v>
      </c>
      <c r="AL13207">
        <v>0</v>
      </c>
      <c r="AM13207">
        <v>0</v>
      </c>
      <c r="AN13207">
        <v>0</v>
      </c>
      <c r="AO13207">
        <v>0</v>
      </c>
      <c r="AP13207">
        <v>0</v>
      </c>
      <c r="AQ13207">
        <v>0</v>
      </c>
    </row>
    <row r="13208" spans="1:43">
      <c r="A13208" t="s">
        <v>8198</v>
      </c>
      <c r="B13208" t="s">
        <v>8199</v>
      </c>
      <c r="C13208" t="s">
        <v>8186</v>
      </c>
      <c r="D13208" t="s">
        <v>8187</v>
      </c>
      <c r="E13208" t="s">
        <v>8022</v>
      </c>
      <c r="F13208" t="s">
        <v>8023</v>
      </c>
      <c r="G13208" t="s">
        <v>80</v>
      </c>
      <c r="H13208" t="s">
        <v>81</v>
      </c>
      <c r="I13208" s="2">
        <v>0</v>
      </c>
      <c r="J13208" s="2">
        <v>0</v>
      </c>
      <c r="K13208" s="2">
        <v>0</v>
      </c>
      <c r="L13208" t="s">
        <v>995</v>
      </c>
      <c r="M13208" t="s">
        <v>89</v>
      </c>
      <c r="N13208" t="s">
        <v>90</v>
      </c>
      <c r="O13208" t="s">
        <v>85</v>
      </c>
      <c r="P13208" t="s">
        <v>86</v>
      </c>
      <c r="Q13208">
        <v>0</v>
      </c>
      <c r="R13208">
        <v>0</v>
      </c>
      <c r="S13208">
        <v>0</v>
      </c>
      <c r="T13208">
        <v>0</v>
      </c>
      <c r="U13208">
        <v>0</v>
      </c>
      <c r="V13208">
        <v>0</v>
      </c>
      <c r="W13208">
        <v>0</v>
      </c>
      <c r="X13208">
        <v>0</v>
      </c>
      <c r="Y13208">
        <v>0</v>
      </c>
      <c r="Z13208">
        <v>0</v>
      </c>
      <c r="AA13208">
        <v>0</v>
      </c>
      <c r="AB13208">
        <v>0</v>
      </c>
      <c r="AC13208">
        <v>0</v>
      </c>
      <c r="AD13208">
        <v>0</v>
      </c>
      <c r="AE13208">
        <v>0</v>
      </c>
      <c r="AF13208">
        <v>0</v>
      </c>
      <c r="AG13208">
        <v>0</v>
      </c>
      <c r="AH13208">
        <v>0</v>
      </c>
      <c r="AI13208">
        <v>0</v>
      </c>
      <c r="AJ13208">
        <v>0</v>
      </c>
      <c r="AK13208">
        <v>0</v>
      </c>
      <c r="AL13208">
        <v>0</v>
      </c>
      <c r="AM13208">
        <v>0</v>
      </c>
      <c r="AN13208">
        <v>0</v>
      </c>
      <c r="AO13208">
        <v>0</v>
      </c>
      <c r="AP13208">
        <v>0</v>
      </c>
      <c r="AQ13208">
        <v>0</v>
      </c>
    </row>
    <row r="13209" spans="1:43">
      <c r="A13209" t="s">
        <v>8198</v>
      </c>
      <c r="B13209" t="s">
        <v>8199</v>
      </c>
      <c r="C13209" t="s">
        <v>8186</v>
      </c>
      <c r="D13209" t="s">
        <v>8187</v>
      </c>
      <c r="E13209" t="s">
        <v>8022</v>
      </c>
      <c r="F13209" t="s">
        <v>8023</v>
      </c>
      <c r="G13209" t="s">
        <v>80</v>
      </c>
      <c r="H13209" t="s">
        <v>81</v>
      </c>
      <c r="I13209" s="2">
        <v>0</v>
      </c>
      <c r="J13209" s="2">
        <v>0</v>
      </c>
      <c r="K13209" s="2">
        <v>0</v>
      </c>
      <c r="L13209" t="s">
        <v>995</v>
      </c>
      <c r="M13209" t="s">
        <v>83</v>
      </c>
      <c r="N13209" t="s">
        <v>91</v>
      </c>
      <c r="O13209" t="s">
        <v>85</v>
      </c>
      <c r="P13209" t="s">
        <v>86</v>
      </c>
      <c r="Q13209">
        <v>0</v>
      </c>
      <c r="R13209">
        <v>0</v>
      </c>
      <c r="S13209">
        <v>0</v>
      </c>
      <c r="T13209">
        <v>0</v>
      </c>
      <c r="U13209">
        <v>0</v>
      </c>
      <c r="V13209">
        <v>0</v>
      </c>
      <c r="W13209">
        <v>0</v>
      </c>
      <c r="X13209">
        <v>0</v>
      </c>
      <c r="Y13209">
        <v>0</v>
      </c>
      <c r="Z13209">
        <v>0</v>
      </c>
      <c r="AA13209">
        <v>0</v>
      </c>
      <c r="AB13209">
        <v>0</v>
      </c>
      <c r="AC13209">
        <v>0</v>
      </c>
      <c r="AD13209">
        <v>0</v>
      </c>
      <c r="AE13209">
        <v>0</v>
      </c>
      <c r="AF13209">
        <v>0</v>
      </c>
      <c r="AG13209">
        <v>0</v>
      </c>
      <c r="AH13209">
        <v>0</v>
      </c>
      <c r="AI13209">
        <v>0</v>
      </c>
      <c r="AJ13209">
        <v>0</v>
      </c>
      <c r="AK13209">
        <v>0</v>
      </c>
      <c r="AL13209">
        <v>0</v>
      </c>
      <c r="AM13209">
        <v>0</v>
      </c>
      <c r="AN13209">
        <v>0</v>
      </c>
      <c r="AO13209">
        <v>0</v>
      </c>
      <c r="AP13209">
        <v>0</v>
      </c>
      <c r="AQ13209">
        <v>0</v>
      </c>
    </row>
    <row r="13210" spans="1:43">
      <c r="A13210" t="s">
        <v>8200</v>
      </c>
      <c r="B13210" t="s">
        <v>8201</v>
      </c>
      <c r="C13210" t="s">
        <v>8186</v>
      </c>
      <c r="D13210" t="s">
        <v>8187</v>
      </c>
      <c r="E13210" t="s">
        <v>8022</v>
      </c>
      <c r="F13210" t="s">
        <v>8023</v>
      </c>
      <c r="G13210" t="s">
        <v>80</v>
      </c>
      <c r="H13210" t="s">
        <v>81</v>
      </c>
      <c r="I13210" s="2">
        <v>0</v>
      </c>
      <c r="J13210" s="2">
        <v>0</v>
      </c>
      <c r="K13210" s="2">
        <v>0.86</v>
      </c>
      <c r="L13210" t="s">
        <v>995</v>
      </c>
      <c r="M13210" t="s">
        <v>83</v>
      </c>
      <c r="N13210" t="s">
        <v>84</v>
      </c>
      <c r="O13210" t="s">
        <v>85</v>
      </c>
      <c r="P13210" t="s">
        <v>86</v>
      </c>
      <c r="Q13210">
        <v>26</v>
      </c>
      <c r="R13210">
        <v>27</v>
      </c>
      <c r="S13210">
        <v>27</v>
      </c>
      <c r="T13210">
        <v>28</v>
      </c>
      <c r="U13210">
        <v>28</v>
      </c>
      <c r="V13210">
        <v>28</v>
      </c>
      <c r="W13210">
        <v>29</v>
      </c>
      <c r="X13210">
        <v>29</v>
      </c>
      <c r="Y13210">
        <v>29</v>
      </c>
      <c r="Z13210">
        <v>30</v>
      </c>
      <c r="AA13210">
        <v>30</v>
      </c>
      <c r="AB13210">
        <v>30</v>
      </c>
      <c r="AC13210">
        <v>31</v>
      </c>
      <c r="AD13210">
        <v>31</v>
      </c>
      <c r="AE13210">
        <v>31</v>
      </c>
      <c r="AF13210">
        <v>32</v>
      </c>
      <c r="AG13210">
        <v>32</v>
      </c>
      <c r="AH13210">
        <v>32</v>
      </c>
      <c r="AI13210">
        <v>32</v>
      </c>
      <c r="AJ13210">
        <v>33</v>
      </c>
      <c r="AK13210">
        <v>33</v>
      </c>
      <c r="AL13210">
        <v>33</v>
      </c>
      <c r="AM13210">
        <v>33</v>
      </c>
      <c r="AN13210">
        <v>33</v>
      </c>
      <c r="AO13210">
        <v>33</v>
      </c>
      <c r="AP13210">
        <v>33</v>
      </c>
      <c r="AQ13210">
        <v>33</v>
      </c>
    </row>
    <row r="13211" spans="1:43">
      <c r="A13211" t="s">
        <v>8200</v>
      </c>
      <c r="B13211" t="s">
        <v>8201</v>
      </c>
      <c r="C13211" t="s">
        <v>8186</v>
      </c>
      <c r="D13211" t="s">
        <v>8187</v>
      </c>
      <c r="E13211" t="s">
        <v>8022</v>
      </c>
      <c r="F13211" t="s">
        <v>8023</v>
      </c>
      <c r="G13211" t="s">
        <v>80</v>
      </c>
      <c r="H13211" t="s">
        <v>81</v>
      </c>
      <c r="I13211" s="2">
        <v>0</v>
      </c>
      <c r="J13211" s="2">
        <v>0</v>
      </c>
      <c r="K13211" s="2">
        <v>0.86</v>
      </c>
      <c r="L13211" t="s">
        <v>995</v>
      </c>
      <c r="M13211" t="s">
        <v>87</v>
      </c>
      <c r="N13211" t="s">
        <v>88</v>
      </c>
      <c r="O13211" t="s">
        <v>85</v>
      </c>
      <c r="P13211" t="s">
        <v>86</v>
      </c>
      <c r="Q13211">
        <v>26</v>
      </c>
      <c r="R13211">
        <v>26</v>
      </c>
      <c r="S13211">
        <v>26</v>
      </c>
      <c r="T13211">
        <v>27</v>
      </c>
      <c r="U13211">
        <v>27</v>
      </c>
      <c r="V13211">
        <v>27</v>
      </c>
      <c r="W13211">
        <v>27</v>
      </c>
      <c r="X13211">
        <v>27</v>
      </c>
      <c r="Y13211">
        <v>27</v>
      </c>
      <c r="Z13211">
        <v>27</v>
      </c>
      <c r="AA13211">
        <v>27</v>
      </c>
      <c r="AB13211">
        <v>27</v>
      </c>
      <c r="AC13211">
        <v>28</v>
      </c>
      <c r="AD13211">
        <v>28</v>
      </c>
      <c r="AE13211">
        <v>28</v>
      </c>
      <c r="AF13211">
        <v>28</v>
      </c>
      <c r="AG13211">
        <v>28</v>
      </c>
      <c r="AH13211">
        <v>28</v>
      </c>
      <c r="AI13211">
        <v>28</v>
      </c>
      <c r="AJ13211">
        <v>28</v>
      </c>
      <c r="AK13211">
        <v>28</v>
      </c>
      <c r="AL13211">
        <v>28</v>
      </c>
      <c r="AM13211">
        <v>28</v>
      </c>
      <c r="AN13211">
        <v>28</v>
      </c>
      <c r="AO13211">
        <v>28</v>
      </c>
      <c r="AP13211">
        <v>28</v>
      </c>
      <c r="AQ13211">
        <v>28</v>
      </c>
    </row>
    <row r="13212" spans="1:43">
      <c r="A13212" t="s">
        <v>8200</v>
      </c>
      <c r="B13212" t="s">
        <v>8201</v>
      </c>
      <c r="C13212" t="s">
        <v>8186</v>
      </c>
      <c r="D13212" t="s">
        <v>8187</v>
      </c>
      <c r="E13212" t="s">
        <v>8022</v>
      </c>
      <c r="F13212" t="s">
        <v>8023</v>
      </c>
      <c r="G13212" t="s">
        <v>80</v>
      </c>
      <c r="H13212" t="s">
        <v>81</v>
      </c>
      <c r="I13212" s="2">
        <v>0</v>
      </c>
      <c r="J13212" s="2">
        <v>0</v>
      </c>
      <c r="K13212" s="2">
        <v>0.86</v>
      </c>
      <c r="L13212" t="s">
        <v>995</v>
      </c>
      <c r="M13212" t="s">
        <v>89</v>
      </c>
      <c r="N13212" t="s">
        <v>90</v>
      </c>
      <c r="O13212" t="s">
        <v>85</v>
      </c>
      <c r="P13212" t="s">
        <v>86</v>
      </c>
      <c r="Q13212">
        <v>26</v>
      </c>
      <c r="R13212">
        <v>26</v>
      </c>
      <c r="S13212">
        <v>27</v>
      </c>
      <c r="T13212">
        <v>27</v>
      </c>
      <c r="U13212">
        <v>28</v>
      </c>
      <c r="V13212">
        <v>29</v>
      </c>
      <c r="W13212">
        <v>29</v>
      </c>
      <c r="X13212">
        <v>30</v>
      </c>
      <c r="Y13212">
        <v>30</v>
      </c>
      <c r="Z13212">
        <v>31</v>
      </c>
      <c r="AA13212">
        <v>31</v>
      </c>
      <c r="AB13212">
        <v>31</v>
      </c>
      <c r="AC13212">
        <v>32</v>
      </c>
      <c r="AD13212">
        <v>32</v>
      </c>
      <c r="AE13212">
        <v>33</v>
      </c>
      <c r="AF13212">
        <v>33</v>
      </c>
      <c r="AG13212">
        <v>33</v>
      </c>
      <c r="AH13212">
        <v>32</v>
      </c>
      <c r="AI13212">
        <v>32</v>
      </c>
      <c r="AJ13212">
        <v>32</v>
      </c>
      <c r="AK13212">
        <v>32</v>
      </c>
      <c r="AL13212">
        <v>32</v>
      </c>
      <c r="AM13212">
        <v>32</v>
      </c>
      <c r="AN13212">
        <v>32</v>
      </c>
      <c r="AO13212">
        <v>32</v>
      </c>
      <c r="AP13212">
        <v>32</v>
      </c>
      <c r="AQ13212">
        <v>32</v>
      </c>
    </row>
    <row r="13213" spans="1:43">
      <c r="A13213" t="s">
        <v>8200</v>
      </c>
      <c r="B13213" t="s">
        <v>8201</v>
      </c>
      <c r="C13213" t="s">
        <v>8186</v>
      </c>
      <c r="D13213" t="s">
        <v>8187</v>
      </c>
      <c r="E13213" t="s">
        <v>8022</v>
      </c>
      <c r="F13213" t="s">
        <v>8023</v>
      </c>
      <c r="G13213" t="s">
        <v>80</v>
      </c>
      <c r="H13213" t="s">
        <v>81</v>
      </c>
      <c r="I13213" s="2">
        <v>0</v>
      </c>
      <c r="J13213" s="2">
        <v>0</v>
      </c>
      <c r="K13213" s="2">
        <v>0.86</v>
      </c>
      <c r="L13213" t="s">
        <v>995</v>
      </c>
      <c r="M13213" t="s">
        <v>83</v>
      </c>
      <c r="N13213" t="s">
        <v>91</v>
      </c>
      <c r="O13213" t="s">
        <v>85</v>
      </c>
      <c r="P13213" t="s">
        <v>86</v>
      </c>
      <c r="Q13213">
        <v>26</v>
      </c>
      <c r="R13213">
        <v>27</v>
      </c>
      <c r="S13213">
        <v>27</v>
      </c>
      <c r="T13213">
        <v>28</v>
      </c>
      <c r="U13213">
        <v>28</v>
      </c>
      <c r="V13213">
        <v>28</v>
      </c>
      <c r="W13213">
        <v>29</v>
      </c>
      <c r="X13213">
        <v>29</v>
      </c>
      <c r="Y13213">
        <v>29</v>
      </c>
      <c r="Z13213">
        <v>30</v>
      </c>
      <c r="AA13213">
        <v>30</v>
      </c>
      <c r="AB13213">
        <v>30</v>
      </c>
      <c r="AC13213">
        <v>31</v>
      </c>
      <c r="AD13213">
        <v>31</v>
      </c>
      <c r="AE13213">
        <v>31</v>
      </c>
      <c r="AF13213">
        <v>32</v>
      </c>
      <c r="AG13213">
        <v>32</v>
      </c>
      <c r="AH13213">
        <v>32</v>
      </c>
      <c r="AI13213">
        <v>32</v>
      </c>
      <c r="AJ13213">
        <v>33</v>
      </c>
      <c r="AK13213">
        <v>33</v>
      </c>
      <c r="AL13213">
        <v>33</v>
      </c>
      <c r="AM13213">
        <v>33</v>
      </c>
      <c r="AN13213">
        <v>33</v>
      </c>
      <c r="AO13213">
        <v>33</v>
      </c>
      <c r="AP13213">
        <v>33</v>
      </c>
      <c r="AQ13213">
        <v>33</v>
      </c>
    </row>
    <row r="13214" spans="1:43">
      <c r="A13214" t="s">
        <v>8202</v>
      </c>
      <c r="B13214" t="s">
        <v>8203</v>
      </c>
      <c r="C13214" t="s">
        <v>8204</v>
      </c>
      <c r="D13214" t="s">
        <v>8205</v>
      </c>
      <c r="E13214" t="s">
        <v>8022</v>
      </c>
      <c r="F13214" t="s">
        <v>8023</v>
      </c>
      <c r="G13214" t="s">
        <v>80</v>
      </c>
      <c r="H13214" t="s">
        <v>81</v>
      </c>
      <c r="I13214" s="2">
        <v>0</v>
      </c>
      <c r="J13214" s="2">
        <v>0</v>
      </c>
      <c r="K13214" s="2">
        <v>1</v>
      </c>
      <c r="L13214" t="s">
        <v>995</v>
      </c>
      <c r="M13214" t="s">
        <v>83</v>
      </c>
      <c r="N13214" t="s">
        <v>84</v>
      </c>
      <c r="O13214" t="s">
        <v>85</v>
      </c>
      <c r="P13214" t="s">
        <v>86</v>
      </c>
      <c r="Q13214">
        <v>134</v>
      </c>
      <c r="R13214">
        <v>136</v>
      </c>
      <c r="S13214">
        <v>138</v>
      </c>
      <c r="T13214">
        <v>140</v>
      </c>
      <c r="U13214">
        <v>142</v>
      </c>
      <c r="V13214">
        <v>144</v>
      </c>
      <c r="W13214">
        <v>146</v>
      </c>
      <c r="X13214">
        <v>148</v>
      </c>
      <c r="Y13214">
        <v>150</v>
      </c>
      <c r="Z13214">
        <v>152</v>
      </c>
      <c r="AA13214">
        <v>154</v>
      </c>
      <c r="AB13214">
        <v>156</v>
      </c>
      <c r="AC13214">
        <v>158</v>
      </c>
      <c r="AD13214">
        <v>160</v>
      </c>
      <c r="AE13214">
        <v>162</v>
      </c>
      <c r="AF13214">
        <v>163</v>
      </c>
      <c r="AG13214">
        <v>165</v>
      </c>
      <c r="AH13214">
        <v>167</v>
      </c>
      <c r="AI13214">
        <v>169</v>
      </c>
      <c r="AJ13214">
        <v>170</v>
      </c>
      <c r="AK13214">
        <v>172</v>
      </c>
      <c r="AL13214">
        <v>173</v>
      </c>
      <c r="AM13214">
        <v>173</v>
      </c>
      <c r="AN13214">
        <v>173</v>
      </c>
      <c r="AO13214">
        <v>173</v>
      </c>
      <c r="AP13214">
        <v>173</v>
      </c>
      <c r="AQ13214">
        <v>173</v>
      </c>
    </row>
    <row r="13215" spans="1:43">
      <c r="A13215" t="s">
        <v>8202</v>
      </c>
      <c r="B13215" t="s">
        <v>8203</v>
      </c>
      <c r="C13215" t="s">
        <v>8204</v>
      </c>
      <c r="D13215" t="s">
        <v>8205</v>
      </c>
      <c r="E13215" t="s">
        <v>8022</v>
      </c>
      <c r="F13215" t="s">
        <v>8023</v>
      </c>
      <c r="G13215" t="s">
        <v>80</v>
      </c>
      <c r="H13215" t="s">
        <v>81</v>
      </c>
      <c r="I13215" s="2">
        <v>0</v>
      </c>
      <c r="J13215" s="2">
        <v>0</v>
      </c>
      <c r="K13215" s="2">
        <v>1</v>
      </c>
      <c r="L13215" t="s">
        <v>995</v>
      </c>
      <c r="M13215" t="s">
        <v>87</v>
      </c>
      <c r="N13215" t="s">
        <v>88</v>
      </c>
      <c r="O13215" t="s">
        <v>85</v>
      </c>
      <c r="P13215" t="s">
        <v>86</v>
      </c>
      <c r="Q13215">
        <v>134</v>
      </c>
      <c r="R13215">
        <v>134</v>
      </c>
      <c r="S13215">
        <v>135</v>
      </c>
      <c r="T13215">
        <v>136</v>
      </c>
      <c r="U13215">
        <v>137</v>
      </c>
      <c r="V13215">
        <v>138</v>
      </c>
      <c r="W13215">
        <v>138</v>
      </c>
      <c r="X13215">
        <v>139</v>
      </c>
      <c r="Y13215">
        <v>140</v>
      </c>
      <c r="Z13215">
        <v>141</v>
      </c>
      <c r="AA13215">
        <v>141</v>
      </c>
      <c r="AB13215">
        <v>142</v>
      </c>
      <c r="AC13215">
        <v>143</v>
      </c>
      <c r="AD13215">
        <v>143</v>
      </c>
      <c r="AE13215">
        <v>144</v>
      </c>
      <c r="AF13215">
        <v>145</v>
      </c>
      <c r="AG13215">
        <v>145</v>
      </c>
      <c r="AH13215">
        <v>146</v>
      </c>
      <c r="AI13215">
        <v>146</v>
      </c>
      <c r="AJ13215">
        <v>147</v>
      </c>
      <c r="AK13215">
        <v>147</v>
      </c>
      <c r="AL13215">
        <v>148</v>
      </c>
      <c r="AM13215">
        <v>148</v>
      </c>
      <c r="AN13215">
        <v>149</v>
      </c>
      <c r="AO13215">
        <v>149</v>
      </c>
      <c r="AP13215">
        <v>150</v>
      </c>
      <c r="AQ13215">
        <v>150</v>
      </c>
    </row>
    <row r="13216" spans="1:43">
      <c r="A13216" t="s">
        <v>8202</v>
      </c>
      <c r="B13216" t="s">
        <v>8203</v>
      </c>
      <c r="C13216" t="s">
        <v>8204</v>
      </c>
      <c r="D13216" t="s">
        <v>8205</v>
      </c>
      <c r="E13216" t="s">
        <v>8022</v>
      </c>
      <c r="F13216" t="s">
        <v>8023</v>
      </c>
      <c r="G13216" t="s">
        <v>80</v>
      </c>
      <c r="H13216" t="s">
        <v>81</v>
      </c>
      <c r="I13216" s="2">
        <v>0</v>
      </c>
      <c r="J13216" s="2">
        <v>0</v>
      </c>
      <c r="K13216" s="2">
        <v>1</v>
      </c>
      <c r="L13216" t="s">
        <v>995</v>
      </c>
      <c r="M13216" t="s">
        <v>89</v>
      </c>
      <c r="N13216" t="s">
        <v>90</v>
      </c>
      <c r="O13216" t="s">
        <v>85</v>
      </c>
      <c r="P13216" t="s">
        <v>86</v>
      </c>
      <c r="Q13216">
        <v>134</v>
      </c>
      <c r="R13216">
        <v>137</v>
      </c>
      <c r="S13216">
        <v>140</v>
      </c>
      <c r="T13216">
        <v>144</v>
      </c>
      <c r="U13216">
        <v>147</v>
      </c>
      <c r="V13216">
        <v>150</v>
      </c>
      <c r="W13216">
        <v>153</v>
      </c>
      <c r="X13216">
        <v>156</v>
      </c>
      <c r="Y13216">
        <v>158</v>
      </c>
      <c r="Z13216">
        <v>161</v>
      </c>
      <c r="AA13216">
        <v>163</v>
      </c>
      <c r="AB13216">
        <v>166</v>
      </c>
      <c r="AC13216">
        <v>169</v>
      </c>
      <c r="AD13216">
        <v>171</v>
      </c>
      <c r="AE13216">
        <v>173</v>
      </c>
      <c r="AF13216">
        <v>173</v>
      </c>
      <c r="AG13216">
        <v>173</v>
      </c>
      <c r="AH13216">
        <v>174</v>
      </c>
      <c r="AI13216">
        <v>174</v>
      </c>
      <c r="AJ13216">
        <v>174</v>
      </c>
      <c r="AK13216">
        <v>174</v>
      </c>
      <c r="AL13216">
        <v>174</v>
      </c>
      <c r="AM13216">
        <v>175</v>
      </c>
      <c r="AN13216">
        <v>175</v>
      </c>
      <c r="AO13216">
        <v>175</v>
      </c>
      <c r="AP13216">
        <v>175</v>
      </c>
      <c r="AQ13216">
        <v>175</v>
      </c>
    </row>
    <row r="13217" spans="1:43">
      <c r="A13217" t="s">
        <v>8202</v>
      </c>
      <c r="B13217" t="s">
        <v>8203</v>
      </c>
      <c r="C13217" t="s">
        <v>8204</v>
      </c>
      <c r="D13217" t="s">
        <v>8205</v>
      </c>
      <c r="E13217" t="s">
        <v>8022</v>
      </c>
      <c r="F13217" t="s">
        <v>8023</v>
      </c>
      <c r="G13217" t="s">
        <v>80</v>
      </c>
      <c r="H13217" t="s">
        <v>81</v>
      </c>
      <c r="I13217" s="2">
        <v>0</v>
      </c>
      <c r="J13217" s="2">
        <v>0</v>
      </c>
      <c r="K13217" s="2">
        <v>1</v>
      </c>
      <c r="L13217" t="s">
        <v>995</v>
      </c>
      <c r="M13217" t="s">
        <v>83</v>
      </c>
      <c r="N13217" t="s">
        <v>91</v>
      </c>
      <c r="O13217" t="s">
        <v>85</v>
      </c>
      <c r="P13217" t="s">
        <v>86</v>
      </c>
      <c r="Q13217">
        <v>134</v>
      </c>
      <c r="R13217">
        <v>136</v>
      </c>
      <c r="S13217">
        <v>138</v>
      </c>
      <c r="T13217">
        <v>140</v>
      </c>
      <c r="U13217">
        <v>142</v>
      </c>
      <c r="V13217">
        <v>144</v>
      </c>
      <c r="W13217">
        <v>146</v>
      </c>
      <c r="X13217">
        <v>148</v>
      </c>
      <c r="Y13217">
        <v>150</v>
      </c>
      <c r="Z13217">
        <v>152</v>
      </c>
      <c r="AA13217">
        <v>154</v>
      </c>
      <c r="AB13217">
        <v>156</v>
      </c>
      <c r="AC13217">
        <v>158</v>
      </c>
      <c r="AD13217">
        <v>160</v>
      </c>
      <c r="AE13217">
        <v>162</v>
      </c>
      <c r="AF13217">
        <v>163</v>
      </c>
      <c r="AG13217">
        <v>165</v>
      </c>
      <c r="AH13217">
        <v>167</v>
      </c>
      <c r="AI13217">
        <v>169</v>
      </c>
      <c r="AJ13217">
        <v>170</v>
      </c>
      <c r="AK13217">
        <v>172</v>
      </c>
      <c r="AL13217">
        <v>173</v>
      </c>
      <c r="AM13217">
        <v>173</v>
      </c>
      <c r="AN13217">
        <v>173</v>
      </c>
      <c r="AO13217">
        <v>173</v>
      </c>
      <c r="AP13217">
        <v>173</v>
      </c>
      <c r="AQ13217">
        <v>173</v>
      </c>
    </row>
    <row r="13218" spans="1:43">
      <c r="A13218" t="s">
        <v>8206</v>
      </c>
      <c r="B13218" t="s">
        <v>8207</v>
      </c>
      <c r="C13218" t="s">
        <v>8204</v>
      </c>
      <c r="D13218" t="s">
        <v>8205</v>
      </c>
      <c r="E13218" t="s">
        <v>8022</v>
      </c>
      <c r="F13218" t="s">
        <v>8023</v>
      </c>
      <c r="G13218" t="s">
        <v>80</v>
      </c>
      <c r="H13218" t="s">
        <v>81</v>
      </c>
      <c r="I13218" s="2">
        <v>0</v>
      </c>
      <c r="J13218" s="2">
        <v>0</v>
      </c>
      <c r="K13218" s="2">
        <v>1</v>
      </c>
      <c r="L13218" t="s">
        <v>995</v>
      </c>
      <c r="M13218" t="s">
        <v>83</v>
      </c>
      <c r="N13218" t="s">
        <v>84</v>
      </c>
      <c r="O13218" t="s">
        <v>85</v>
      </c>
      <c r="P13218" t="s">
        <v>86</v>
      </c>
      <c r="Q13218">
        <v>67</v>
      </c>
      <c r="R13218">
        <v>68</v>
      </c>
      <c r="S13218">
        <v>69</v>
      </c>
      <c r="T13218">
        <v>70</v>
      </c>
      <c r="U13218">
        <v>71</v>
      </c>
      <c r="V13218">
        <v>72</v>
      </c>
      <c r="W13218">
        <v>73</v>
      </c>
      <c r="X13218">
        <v>74</v>
      </c>
      <c r="Y13218">
        <v>75</v>
      </c>
      <c r="Z13218">
        <v>75</v>
      </c>
      <c r="AA13218">
        <v>76</v>
      </c>
      <c r="AB13218">
        <v>77</v>
      </c>
      <c r="AC13218">
        <v>78</v>
      </c>
      <c r="AD13218">
        <v>79</v>
      </c>
      <c r="AE13218">
        <v>80</v>
      </c>
      <c r="AF13218">
        <v>81</v>
      </c>
      <c r="AG13218">
        <v>81</v>
      </c>
      <c r="AH13218">
        <v>82</v>
      </c>
      <c r="AI13218">
        <v>83</v>
      </c>
      <c r="AJ13218">
        <v>84</v>
      </c>
      <c r="AK13218">
        <v>84</v>
      </c>
      <c r="AL13218">
        <v>85</v>
      </c>
      <c r="AM13218">
        <v>85</v>
      </c>
      <c r="AN13218">
        <v>85</v>
      </c>
      <c r="AO13218">
        <v>84</v>
      </c>
      <c r="AP13218">
        <v>84</v>
      </c>
      <c r="AQ13218">
        <v>84</v>
      </c>
    </row>
    <row r="13219" spans="1:43">
      <c r="A13219" t="s">
        <v>8206</v>
      </c>
      <c r="B13219" t="s">
        <v>8207</v>
      </c>
      <c r="C13219" t="s">
        <v>8204</v>
      </c>
      <c r="D13219" t="s">
        <v>8205</v>
      </c>
      <c r="E13219" t="s">
        <v>8022</v>
      </c>
      <c r="F13219" t="s">
        <v>8023</v>
      </c>
      <c r="G13219" t="s">
        <v>80</v>
      </c>
      <c r="H13219" t="s">
        <v>81</v>
      </c>
      <c r="I13219" s="2">
        <v>0</v>
      </c>
      <c r="J13219" s="2">
        <v>0</v>
      </c>
      <c r="K13219" s="2">
        <v>1</v>
      </c>
      <c r="L13219" t="s">
        <v>995</v>
      </c>
      <c r="M13219" t="s">
        <v>87</v>
      </c>
      <c r="N13219" t="s">
        <v>88</v>
      </c>
      <c r="O13219" t="s">
        <v>85</v>
      </c>
      <c r="P13219" t="s">
        <v>86</v>
      </c>
      <c r="Q13219">
        <v>67</v>
      </c>
      <c r="R13219">
        <v>67</v>
      </c>
      <c r="S13219">
        <v>68</v>
      </c>
      <c r="T13219">
        <v>68</v>
      </c>
      <c r="U13219">
        <v>69</v>
      </c>
      <c r="V13219">
        <v>69</v>
      </c>
      <c r="W13219">
        <v>69</v>
      </c>
      <c r="X13219">
        <v>70</v>
      </c>
      <c r="Y13219">
        <v>70</v>
      </c>
      <c r="Z13219">
        <v>70</v>
      </c>
      <c r="AA13219">
        <v>70</v>
      </c>
      <c r="AB13219">
        <v>71</v>
      </c>
      <c r="AC13219">
        <v>71</v>
      </c>
      <c r="AD13219">
        <v>71</v>
      </c>
      <c r="AE13219">
        <v>72</v>
      </c>
      <c r="AF13219">
        <v>72</v>
      </c>
      <c r="AG13219">
        <v>72</v>
      </c>
      <c r="AH13219">
        <v>72</v>
      </c>
      <c r="AI13219">
        <v>72</v>
      </c>
      <c r="AJ13219">
        <v>73</v>
      </c>
      <c r="AK13219">
        <v>73</v>
      </c>
      <c r="AL13219">
        <v>73</v>
      </c>
      <c r="AM13219">
        <v>73</v>
      </c>
      <c r="AN13219">
        <v>73</v>
      </c>
      <c r="AO13219">
        <v>73</v>
      </c>
      <c r="AP13219">
        <v>74</v>
      </c>
      <c r="AQ13219">
        <v>74</v>
      </c>
    </row>
    <row r="13220" spans="1:43">
      <c r="A13220" t="s">
        <v>8206</v>
      </c>
      <c r="B13220" t="s">
        <v>8207</v>
      </c>
      <c r="C13220" t="s">
        <v>8204</v>
      </c>
      <c r="D13220" t="s">
        <v>8205</v>
      </c>
      <c r="E13220" t="s">
        <v>8022</v>
      </c>
      <c r="F13220" t="s">
        <v>8023</v>
      </c>
      <c r="G13220" t="s">
        <v>80</v>
      </c>
      <c r="H13220" t="s">
        <v>81</v>
      </c>
      <c r="I13220" s="2">
        <v>0</v>
      </c>
      <c r="J13220" s="2">
        <v>0</v>
      </c>
      <c r="K13220" s="2">
        <v>1</v>
      </c>
      <c r="L13220" t="s">
        <v>995</v>
      </c>
      <c r="M13220" t="s">
        <v>89</v>
      </c>
      <c r="N13220" t="s">
        <v>90</v>
      </c>
      <c r="O13220" t="s">
        <v>85</v>
      </c>
      <c r="P13220" t="s">
        <v>86</v>
      </c>
      <c r="Q13220">
        <v>67</v>
      </c>
      <c r="R13220">
        <v>69</v>
      </c>
      <c r="S13220">
        <v>70</v>
      </c>
      <c r="T13220">
        <v>72</v>
      </c>
      <c r="U13220">
        <v>73</v>
      </c>
      <c r="V13220">
        <v>75</v>
      </c>
      <c r="W13220">
        <v>76</v>
      </c>
      <c r="X13220">
        <v>78</v>
      </c>
      <c r="Y13220">
        <v>79</v>
      </c>
      <c r="Z13220">
        <v>80</v>
      </c>
      <c r="AA13220">
        <v>81</v>
      </c>
      <c r="AB13220">
        <v>83</v>
      </c>
      <c r="AC13220">
        <v>84</v>
      </c>
      <c r="AD13220">
        <v>85</v>
      </c>
      <c r="AE13220">
        <v>86</v>
      </c>
      <c r="AF13220">
        <v>86</v>
      </c>
      <c r="AG13220">
        <v>86</v>
      </c>
      <c r="AH13220">
        <v>86</v>
      </c>
      <c r="AI13220">
        <v>86</v>
      </c>
      <c r="AJ13220">
        <v>86</v>
      </c>
      <c r="AK13220">
        <v>86</v>
      </c>
      <c r="AL13220">
        <v>86</v>
      </c>
      <c r="AM13220">
        <v>86</v>
      </c>
      <c r="AN13220">
        <v>85</v>
      </c>
      <c r="AO13220">
        <v>85</v>
      </c>
      <c r="AP13220">
        <v>85</v>
      </c>
      <c r="AQ13220">
        <v>85</v>
      </c>
    </row>
    <row r="13221" spans="1:43">
      <c r="A13221" t="s">
        <v>8206</v>
      </c>
      <c r="B13221" t="s">
        <v>8207</v>
      </c>
      <c r="C13221" t="s">
        <v>8204</v>
      </c>
      <c r="D13221" t="s">
        <v>8205</v>
      </c>
      <c r="E13221" t="s">
        <v>8022</v>
      </c>
      <c r="F13221" t="s">
        <v>8023</v>
      </c>
      <c r="G13221" t="s">
        <v>80</v>
      </c>
      <c r="H13221" t="s">
        <v>81</v>
      </c>
      <c r="I13221" s="2">
        <v>0</v>
      </c>
      <c r="J13221" s="2">
        <v>0</v>
      </c>
      <c r="K13221" s="2">
        <v>1</v>
      </c>
      <c r="L13221" t="s">
        <v>995</v>
      </c>
      <c r="M13221" t="s">
        <v>83</v>
      </c>
      <c r="N13221" t="s">
        <v>91</v>
      </c>
      <c r="O13221" t="s">
        <v>85</v>
      </c>
      <c r="P13221" t="s">
        <v>86</v>
      </c>
      <c r="Q13221">
        <v>67</v>
      </c>
      <c r="R13221">
        <v>68</v>
      </c>
      <c r="S13221">
        <v>69</v>
      </c>
      <c r="T13221">
        <v>70</v>
      </c>
      <c r="U13221">
        <v>71</v>
      </c>
      <c r="V13221">
        <v>72</v>
      </c>
      <c r="W13221">
        <v>73</v>
      </c>
      <c r="X13221">
        <v>74</v>
      </c>
      <c r="Y13221">
        <v>75</v>
      </c>
      <c r="Z13221">
        <v>75</v>
      </c>
      <c r="AA13221">
        <v>76</v>
      </c>
      <c r="AB13221">
        <v>77</v>
      </c>
      <c r="AC13221">
        <v>78</v>
      </c>
      <c r="AD13221">
        <v>79</v>
      </c>
      <c r="AE13221">
        <v>80</v>
      </c>
      <c r="AF13221">
        <v>81</v>
      </c>
      <c r="AG13221">
        <v>81</v>
      </c>
      <c r="AH13221">
        <v>82</v>
      </c>
      <c r="AI13221">
        <v>83</v>
      </c>
      <c r="AJ13221">
        <v>84</v>
      </c>
      <c r="AK13221">
        <v>84</v>
      </c>
      <c r="AL13221">
        <v>85</v>
      </c>
      <c r="AM13221">
        <v>85</v>
      </c>
      <c r="AN13221">
        <v>85</v>
      </c>
      <c r="AO13221">
        <v>84</v>
      </c>
      <c r="AP13221">
        <v>84</v>
      </c>
      <c r="AQ13221">
        <v>84</v>
      </c>
    </row>
    <row r="13222" spans="1:43">
      <c r="A13222" t="s">
        <v>8208</v>
      </c>
      <c r="B13222" t="s">
        <v>8209</v>
      </c>
      <c r="C13222" t="s">
        <v>8204</v>
      </c>
      <c r="D13222" t="s">
        <v>8205</v>
      </c>
      <c r="E13222" t="s">
        <v>8022</v>
      </c>
      <c r="F13222" t="s">
        <v>8023</v>
      </c>
      <c r="G13222" t="s">
        <v>80</v>
      </c>
      <c r="H13222" t="s">
        <v>81</v>
      </c>
      <c r="I13222" s="2">
        <v>0</v>
      </c>
      <c r="J13222" s="2">
        <v>0.25</v>
      </c>
      <c r="K13222" s="2">
        <v>0.75</v>
      </c>
      <c r="L13222" t="s">
        <v>995</v>
      </c>
      <c r="M13222" t="s">
        <v>83</v>
      </c>
      <c r="N13222" t="s">
        <v>84</v>
      </c>
      <c r="O13222" t="s">
        <v>85</v>
      </c>
      <c r="P13222" t="s">
        <v>86</v>
      </c>
      <c r="Q13222">
        <v>49</v>
      </c>
      <c r="R13222">
        <v>49</v>
      </c>
      <c r="S13222">
        <v>50</v>
      </c>
      <c r="T13222">
        <v>51</v>
      </c>
      <c r="U13222">
        <v>51</v>
      </c>
      <c r="V13222">
        <v>52</v>
      </c>
      <c r="W13222">
        <v>53</v>
      </c>
      <c r="X13222">
        <v>53</v>
      </c>
      <c r="Y13222">
        <v>54</v>
      </c>
      <c r="Z13222">
        <v>55</v>
      </c>
      <c r="AA13222">
        <v>55</v>
      </c>
      <c r="AB13222">
        <v>56</v>
      </c>
      <c r="AC13222">
        <v>57</v>
      </c>
      <c r="AD13222">
        <v>57</v>
      </c>
      <c r="AE13222">
        <v>58</v>
      </c>
      <c r="AF13222">
        <v>58</v>
      </c>
      <c r="AG13222">
        <v>59</v>
      </c>
      <c r="AH13222">
        <v>59</v>
      </c>
      <c r="AI13222">
        <v>60</v>
      </c>
      <c r="AJ13222">
        <v>60</v>
      </c>
      <c r="AK13222">
        <v>61</v>
      </c>
      <c r="AL13222">
        <v>61</v>
      </c>
      <c r="AM13222">
        <v>61</v>
      </c>
      <c r="AN13222">
        <v>61</v>
      </c>
      <c r="AO13222">
        <v>61</v>
      </c>
      <c r="AP13222">
        <v>61</v>
      </c>
      <c r="AQ13222">
        <v>60</v>
      </c>
    </row>
    <row r="13223" spans="1:43">
      <c r="A13223" t="s">
        <v>8208</v>
      </c>
      <c r="B13223" t="s">
        <v>8209</v>
      </c>
      <c r="C13223" t="s">
        <v>8204</v>
      </c>
      <c r="D13223" t="s">
        <v>8205</v>
      </c>
      <c r="E13223" t="s">
        <v>8022</v>
      </c>
      <c r="F13223" t="s">
        <v>8023</v>
      </c>
      <c r="G13223" t="s">
        <v>80</v>
      </c>
      <c r="H13223" t="s">
        <v>81</v>
      </c>
      <c r="I13223" s="2">
        <v>0</v>
      </c>
      <c r="J13223" s="2">
        <v>0.25</v>
      </c>
      <c r="K13223" s="2">
        <v>0.75</v>
      </c>
      <c r="L13223" t="s">
        <v>995</v>
      </c>
      <c r="M13223" t="s">
        <v>87</v>
      </c>
      <c r="N13223" t="s">
        <v>88</v>
      </c>
      <c r="O13223" t="s">
        <v>85</v>
      </c>
      <c r="P13223" t="s">
        <v>86</v>
      </c>
      <c r="Q13223">
        <v>49</v>
      </c>
      <c r="R13223">
        <v>49</v>
      </c>
      <c r="S13223">
        <v>50</v>
      </c>
      <c r="T13223">
        <v>50</v>
      </c>
      <c r="U13223">
        <v>50</v>
      </c>
      <c r="V13223">
        <v>50</v>
      </c>
      <c r="W13223">
        <v>51</v>
      </c>
      <c r="X13223">
        <v>51</v>
      </c>
      <c r="Y13223">
        <v>51</v>
      </c>
      <c r="Z13223">
        <v>51</v>
      </c>
      <c r="AA13223">
        <v>51</v>
      </c>
      <c r="AB13223">
        <v>52</v>
      </c>
      <c r="AC13223">
        <v>52</v>
      </c>
      <c r="AD13223">
        <v>52</v>
      </c>
      <c r="AE13223">
        <v>52</v>
      </c>
      <c r="AF13223">
        <v>52</v>
      </c>
      <c r="AG13223">
        <v>52</v>
      </c>
      <c r="AH13223">
        <v>53</v>
      </c>
      <c r="AI13223">
        <v>53</v>
      </c>
      <c r="AJ13223">
        <v>53</v>
      </c>
      <c r="AK13223">
        <v>53</v>
      </c>
      <c r="AL13223">
        <v>53</v>
      </c>
      <c r="AM13223">
        <v>53</v>
      </c>
      <c r="AN13223">
        <v>53</v>
      </c>
      <c r="AO13223">
        <v>53</v>
      </c>
      <c r="AP13223">
        <v>53</v>
      </c>
      <c r="AQ13223">
        <v>53</v>
      </c>
    </row>
    <row r="13224" spans="1:43">
      <c r="A13224" t="s">
        <v>8208</v>
      </c>
      <c r="B13224" t="s">
        <v>8209</v>
      </c>
      <c r="C13224" t="s">
        <v>8204</v>
      </c>
      <c r="D13224" t="s">
        <v>8205</v>
      </c>
      <c r="E13224" t="s">
        <v>8022</v>
      </c>
      <c r="F13224" t="s">
        <v>8023</v>
      </c>
      <c r="G13224" t="s">
        <v>80</v>
      </c>
      <c r="H13224" t="s">
        <v>81</v>
      </c>
      <c r="I13224" s="2">
        <v>0</v>
      </c>
      <c r="J13224" s="2">
        <v>0.25</v>
      </c>
      <c r="K13224" s="2">
        <v>0.75</v>
      </c>
      <c r="L13224" t="s">
        <v>995</v>
      </c>
      <c r="M13224" t="s">
        <v>89</v>
      </c>
      <c r="N13224" t="s">
        <v>90</v>
      </c>
      <c r="O13224" t="s">
        <v>85</v>
      </c>
      <c r="P13224" t="s">
        <v>86</v>
      </c>
      <c r="Q13224">
        <v>49</v>
      </c>
      <c r="R13224">
        <v>50</v>
      </c>
      <c r="S13224">
        <v>51</v>
      </c>
      <c r="T13224">
        <v>52</v>
      </c>
      <c r="U13224">
        <v>53</v>
      </c>
      <c r="V13224">
        <v>54</v>
      </c>
      <c r="W13224">
        <v>55</v>
      </c>
      <c r="X13224">
        <v>56</v>
      </c>
      <c r="Y13224">
        <v>57</v>
      </c>
      <c r="Z13224">
        <v>58</v>
      </c>
      <c r="AA13224">
        <v>59</v>
      </c>
      <c r="AB13224">
        <v>60</v>
      </c>
      <c r="AC13224">
        <v>61</v>
      </c>
      <c r="AD13224">
        <v>62</v>
      </c>
      <c r="AE13224">
        <v>62</v>
      </c>
      <c r="AF13224">
        <v>62</v>
      </c>
      <c r="AG13224">
        <v>62</v>
      </c>
      <c r="AH13224">
        <v>62</v>
      </c>
      <c r="AI13224">
        <v>62</v>
      </c>
      <c r="AJ13224">
        <v>62</v>
      </c>
      <c r="AK13224">
        <v>62</v>
      </c>
      <c r="AL13224">
        <v>62</v>
      </c>
      <c r="AM13224">
        <v>61</v>
      </c>
      <c r="AN13224">
        <v>61</v>
      </c>
      <c r="AO13224">
        <v>61</v>
      </c>
      <c r="AP13224">
        <v>61</v>
      </c>
      <c r="AQ13224">
        <v>61</v>
      </c>
    </row>
    <row r="13225" spans="1:43">
      <c r="A13225" t="s">
        <v>8208</v>
      </c>
      <c r="B13225" t="s">
        <v>8209</v>
      </c>
      <c r="C13225" t="s">
        <v>8204</v>
      </c>
      <c r="D13225" t="s">
        <v>8205</v>
      </c>
      <c r="E13225" t="s">
        <v>8022</v>
      </c>
      <c r="F13225" t="s">
        <v>8023</v>
      </c>
      <c r="G13225" t="s">
        <v>80</v>
      </c>
      <c r="H13225" t="s">
        <v>81</v>
      </c>
      <c r="I13225" s="2">
        <v>0</v>
      </c>
      <c r="J13225" s="2">
        <v>0.25</v>
      </c>
      <c r="K13225" s="2">
        <v>0.75</v>
      </c>
      <c r="L13225" t="s">
        <v>995</v>
      </c>
      <c r="M13225" t="s">
        <v>83</v>
      </c>
      <c r="N13225" t="s">
        <v>91</v>
      </c>
      <c r="O13225" t="s">
        <v>85</v>
      </c>
      <c r="P13225" t="s">
        <v>86</v>
      </c>
      <c r="Q13225">
        <v>49</v>
      </c>
      <c r="R13225">
        <v>49</v>
      </c>
      <c r="S13225">
        <v>50</v>
      </c>
      <c r="T13225">
        <v>51</v>
      </c>
      <c r="U13225">
        <v>51</v>
      </c>
      <c r="V13225">
        <v>52</v>
      </c>
      <c r="W13225">
        <v>53</v>
      </c>
      <c r="X13225">
        <v>53</v>
      </c>
      <c r="Y13225">
        <v>54</v>
      </c>
      <c r="Z13225">
        <v>55</v>
      </c>
      <c r="AA13225">
        <v>55</v>
      </c>
      <c r="AB13225">
        <v>56</v>
      </c>
      <c r="AC13225">
        <v>57</v>
      </c>
      <c r="AD13225">
        <v>57</v>
      </c>
      <c r="AE13225">
        <v>58</v>
      </c>
      <c r="AF13225">
        <v>58</v>
      </c>
      <c r="AG13225">
        <v>59</v>
      </c>
      <c r="AH13225">
        <v>59</v>
      </c>
      <c r="AI13225">
        <v>60</v>
      </c>
      <c r="AJ13225">
        <v>60</v>
      </c>
      <c r="AK13225">
        <v>61</v>
      </c>
      <c r="AL13225">
        <v>61</v>
      </c>
      <c r="AM13225">
        <v>61</v>
      </c>
      <c r="AN13225">
        <v>61</v>
      </c>
      <c r="AO13225">
        <v>61</v>
      </c>
      <c r="AP13225">
        <v>61</v>
      </c>
      <c r="AQ13225">
        <v>60</v>
      </c>
    </row>
    <row r="13226" spans="1:43">
      <c r="A13226" t="s">
        <v>8210</v>
      </c>
      <c r="B13226" t="s">
        <v>8211</v>
      </c>
      <c r="C13226" t="s">
        <v>8082</v>
      </c>
      <c r="D13226" t="s">
        <v>8083</v>
      </c>
      <c r="E13226" t="s">
        <v>8022</v>
      </c>
      <c r="F13226" t="s">
        <v>8023</v>
      </c>
      <c r="G13226" t="s">
        <v>80</v>
      </c>
      <c r="H13226" t="s">
        <v>81</v>
      </c>
      <c r="I13226" s="2">
        <v>0</v>
      </c>
      <c r="J13226" s="2">
        <v>0</v>
      </c>
      <c r="K13226" s="2">
        <v>1</v>
      </c>
      <c r="L13226" t="s">
        <v>995</v>
      </c>
      <c r="M13226" t="s">
        <v>83</v>
      </c>
      <c r="N13226" t="s">
        <v>84</v>
      </c>
      <c r="O13226" t="s">
        <v>85</v>
      </c>
      <c r="P13226" t="s">
        <v>86</v>
      </c>
      <c r="Q13226">
        <v>311</v>
      </c>
      <c r="R13226">
        <v>316</v>
      </c>
      <c r="S13226">
        <v>321</v>
      </c>
      <c r="T13226">
        <v>326</v>
      </c>
      <c r="U13226">
        <v>331</v>
      </c>
      <c r="V13226">
        <v>335</v>
      </c>
      <c r="W13226">
        <v>340</v>
      </c>
      <c r="X13226">
        <v>345</v>
      </c>
      <c r="Y13226">
        <v>350</v>
      </c>
      <c r="Z13226">
        <v>354</v>
      </c>
      <c r="AA13226">
        <v>359</v>
      </c>
      <c r="AB13226">
        <v>363</v>
      </c>
      <c r="AC13226">
        <v>367</v>
      </c>
      <c r="AD13226">
        <v>372</v>
      </c>
      <c r="AE13226">
        <v>376</v>
      </c>
      <c r="AF13226">
        <v>380</v>
      </c>
      <c r="AG13226">
        <v>384</v>
      </c>
      <c r="AH13226">
        <v>388</v>
      </c>
      <c r="AI13226">
        <v>392</v>
      </c>
      <c r="AJ13226">
        <v>396</v>
      </c>
      <c r="AK13226">
        <v>400</v>
      </c>
      <c r="AL13226">
        <v>402</v>
      </c>
      <c r="AM13226">
        <v>402</v>
      </c>
      <c r="AN13226">
        <v>402</v>
      </c>
      <c r="AO13226">
        <v>402</v>
      </c>
      <c r="AP13226">
        <v>402</v>
      </c>
      <c r="AQ13226">
        <v>403</v>
      </c>
    </row>
    <row r="13227" spans="1:43">
      <c r="A13227" t="s">
        <v>8210</v>
      </c>
      <c r="B13227" t="s">
        <v>8211</v>
      </c>
      <c r="C13227" t="s">
        <v>8082</v>
      </c>
      <c r="D13227" t="s">
        <v>8083</v>
      </c>
      <c r="E13227" t="s">
        <v>8022</v>
      </c>
      <c r="F13227" t="s">
        <v>8023</v>
      </c>
      <c r="G13227" t="s">
        <v>80</v>
      </c>
      <c r="H13227" t="s">
        <v>81</v>
      </c>
      <c r="I13227" s="2">
        <v>0</v>
      </c>
      <c r="J13227" s="2">
        <v>0</v>
      </c>
      <c r="K13227" s="2">
        <v>1</v>
      </c>
      <c r="L13227" t="s">
        <v>995</v>
      </c>
      <c r="M13227" t="s">
        <v>87</v>
      </c>
      <c r="N13227" t="s">
        <v>88</v>
      </c>
      <c r="O13227" t="s">
        <v>85</v>
      </c>
      <c r="P13227" t="s">
        <v>86</v>
      </c>
      <c r="Q13227">
        <v>311</v>
      </c>
      <c r="R13227">
        <v>313</v>
      </c>
      <c r="S13227">
        <v>314</v>
      </c>
      <c r="T13227">
        <v>316</v>
      </c>
      <c r="U13227">
        <v>318</v>
      </c>
      <c r="V13227">
        <v>320</v>
      </c>
      <c r="W13227">
        <v>322</v>
      </c>
      <c r="X13227">
        <v>323</v>
      </c>
      <c r="Y13227">
        <v>325</v>
      </c>
      <c r="Z13227">
        <v>327</v>
      </c>
      <c r="AA13227">
        <v>328</v>
      </c>
      <c r="AB13227">
        <v>330</v>
      </c>
      <c r="AC13227">
        <v>332</v>
      </c>
      <c r="AD13227">
        <v>333</v>
      </c>
      <c r="AE13227">
        <v>334</v>
      </c>
      <c r="AF13227">
        <v>336</v>
      </c>
      <c r="AG13227">
        <v>337</v>
      </c>
      <c r="AH13227">
        <v>338</v>
      </c>
      <c r="AI13227">
        <v>340</v>
      </c>
      <c r="AJ13227">
        <v>341</v>
      </c>
      <c r="AK13227">
        <v>342</v>
      </c>
      <c r="AL13227">
        <v>343</v>
      </c>
      <c r="AM13227">
        <v>344</v>
      </c>
      <c r="AN13227">
        <v>345</v>
      </c>
      <c r="AO13227">
        <v>346</v>
      </c>
      <c r="AP13227">
        <v>347</v>
      </c>
      <c r="AQ13227">
        <v>348</v>
      </c>
    </row>
    <row r="13228" spans="1:43">
      <c r="A13228" t="s">
        <v>8210</v>
      </c>
      <c r="B13228" t="s">
        <v>8211</v>
      </c>
      <c r="C13228" t="s">
        <v>8082</v>
      </c>
      <c r="D13228" t="s">
        <v>8083</v>
      </c>
      <c r="E13228" t="s">
        <v>8022</v>
      </c>
      <c r="F13228" t="s">
        <v>8023</v>
      </c>
      <c r="G13228" t="s">
        <v>80</v>
      </c>
      <c r="H13228" t="s">
        <v>81</v>
      </c>
      <c r="I13228" s="2">
        <v>0</v>
      </c>
      <c r="J13228" s="2">
        <v>0</v>
      </c>
      <c r="K13228" s="2">
        <v>1</v>
      </c>
      <c r="L13228" t="s">
        <v>995</v>
      </c>
      <c r="M13228" t="s">
        <v>89</v>
      </c>
      <c r="N13228" t="s">
        <v>90</v>
      </c>
      <c r="O13228" t="s">
        <v>85</v>
      </c>
      <c r="P13228" t="s">
        <v>86</v>
      </c>
      <c r="Q13228">
        <v>311</v>
      </c>
      <c r="R13228">
        <v>319</v>
      </c>
      <c r="S13228">
        <v>326</v>
      </c>
      <c r="T13228">
        <v>334</v>
      </c>
      <c r="U13228">
        <v>341</v>
      </c>
      <c r="V13228">
        <v>348</v>
      </c>
      <c r="W13228">
        <v>355</v>
      </c>
      <c r="X13228">
        <v>361</v>
      </c>
      <c r="Y13228">
        <v>367</v>
      </c>
      <c r="Z13228">
        <v>374</v>
      </c>
      <c r="AA13228">
        <v>379</v>
      </c>
      <c r="AB13228">
        <v>385</v>
      </c>
      <c r="AC13228">
        <v>391</v>
      </c>
      <c r="AD13228">
        <v>397</v>
      </c>
      <c r="AE13228">
        <v>401</v>
      </c>
      <c r="AF13228">
        <v>401</v>
      </c>
      <c r="AG13228">
        <v>402</v>
      </c>
      <c r="AH13228">
        <v>403</v>
      </c>
      <c r="AI13228">
        <v>403</v>
      </c>
      <c r="AJ13228">
        <v>404</v>
      </c>
      <c r="AK13228">
        <v>404</v>
      </c>
      <c r="AL13228">
        <v>404</v>
      </c>
      <c r="AM13228">
        <v>405</v>
      </c>
      <c r="AN13228">
        <v>405</v>
      </c>
      <c r="AO13228">
        <v>405</v>
      </c>
      <c r="AP13228">
        <v>405</v>
      </c>
      <c r="AQ13228">
        <v>405</v>
      </c>
    </row>
    <row r="13229" spans="1:43">
      <c r="A13229" t="s">
        <v>8210</v>
      </c>
      <c r="B13229" t="s">
        <v>8211</v>
      </c>
      <c r="C13229" t="s">
        <v>8082</v>
      </c>
      <c r="D13229" t="s">
        <v>8083</v>
      </c>
      <c r="E13229" t="s">
        <v>8022</v>
      </c>
      <c r="F13229" t="s">
        <v>8023</v>
      </c>
      <c r="G13229" t="s">
        <v>80</v>
      </c>
      <c r="H13229" t="s">
        <v>81</v>
      </c>
      <c r="I13229" s="2">
        <v>0</v>
      </c>
      <c r="J13229" s="2">
        <v>0</v>
      </c>
      <c r="K13229" s="2">
        <v>1</v>
      </c>
      <c r="L13229" t="s">
        <v>995</v>
      </c>
      <c r="M13229" t="s">
        <v>83</v>
      </c>
      <c r="N13229" t="s">
        <v>91</v>
      </c>
      <c r="O13229" t="s">
        <v>85</v>
      </c>
      <c r="P13229" t="s">
        <v>86</v>
      </c>
      <c r="Q13229">
        <v>311</v>
      </c>
      <c r="R13229">
        <v>316</v>
      </c>
      <c r="S13229">
        <v>321</v>
      </c>
      <c r="T13229">
        <v>326</v>
      </c>
      <c r="U13229">
        <v>331</v>
      </c>
      <c r="V13229">
        <v>335</v>
      </c>
      <c r="W13229">
        <v>340</v>
      </c>
      <c r="X13229">
        <v>345</v>
      </c>
      <c r="Y13229">
        <v>350</v>
      </c>
      <c r="Z13229">
        <v>354</v>
      </c>
      <c r="AA13229">
        <v>359</v>
      </c>
      <c r="AB13229">
        <v>363</v>
      </c>
      <c r="AC13229">
        <v>367</v>
      </c>
      <c r="AD13229">
        <v>372</v>
      </c>
      <c r="AE13229">
        <v>376</v>
      </c>
      <c r="AF13229">
        <v>380</v>
      </c>
      <c r="AG13229">
        <v>384</v>
      </c>
      <c r="AH13229">
        <v>388</v>
      </c>
      <c r="AI13229">
        <v>392</v>
      </c>
      <c r="AJ13229">
        <v>396</v>
      </c>
      <c r="AK13229">
        <v>400</v>
      </c>
      <c r="AL13229">
        <v>402</v>
      </c>
      <c r="AM13229">
        <v>402</v>
      </c>
      <c r="AN13229">
        <v>402</v>
      </c>
      <c r="AO13229">
        <v>402</v>
      </c>
      <c r="AP13229">
        <v>402</v>
      </c>
      <c r="AQ13229">
        <v>403</v>
      </c>
    </row>
    <row r="13230" spans="1:43">
      <c r="A13230" t="s">
        <v>8212</v>
      </c>
      <c r="B13230" t="s">
        <v>8213</v>
      </c>
      <c r="C13230" t="s">
        <v>8082</v>
      </c>
      <c r="D13230" t="s">
        <v>8083</v>
      </c>
      <c r="E13230" t="s">
        <v>8022</v>
      </c>
      <c r="F13230" t="s">
        <v>8023</v>
      </c>
      <c r="G13230" t="s">
        <v>80</v>
      </c>
      <c r="H13230" t="s">
        <v>81</v>
      </c>
      <c r="I13230" s="2">
        <v>0</v>
      </c>
      <c r="J13230" s="2">
        <v>0</v>
      </c>
      <c r="K13230" s="2">
        <v>1</v>
      </c>
      <c r="L13230" t="s">
        <v>995</v>
      </c>
      <c r="M13230" t="s">
        <v>83</v>
      </c>
      <c r="N13230" t="s">
        <v>84</v>
      </c>
      <c r="O13230" t="s">
        <v>85</v>
      </c>
      <c r="P13230" t="s">
        <v>86</v>
      </c>
      <c r="Q13230">
        <v>17</v>
      </c>
      <c r="R13230">
        <v>17</v>
      </c>
      <c r="S13230">
        <v>17</v>
      </c>
      <c r="T13230">
        <v>17</v>
      </c>
      <c r="U13230">
        <v>17</v>
      </c>
      <c r="V13230">
        <v>18</v>
      </c>
      <c r="W13230">
        <v>18</v>
      </c>
      <c r="X13230">
        <v>18</v>
      </c>
      <c r="Y13230">
        <v>18</v>
      </c>
      <c r="Z13230">
        <v>19</v>
      </c>
      <c r="AA13230">
        <v>19</v>
      </c>
      <c r="AB13230">
        <v>19</v>
      </c>
      <c r="AC13230">
        <v>19</v>
      </c>
      <c r="AD13230">
        <v>19</v>
      </c>
      <c r="AE13230">
        <v>20</v>
      </c>
      <c r="AF13230">
        <v>20</v>
      </c>
      <c r="AG13230">
        <v>20</v>
      </c>
      <c r="AH13230">
        <v>20</v>
      </c>
      <c r="AI13230">
        <v>20</v>
      </c>
      <c r="AJ13230">
        <v>21</v>
      </c>
      <c r="AK13230">
        <v>21</v>
      </c>
      <c r="AL13230">
        <v>21</v>
      </c>
      <c r="AM13230">
        <v>21</v>
      </c>
      <c r="AN13230">
        <v>21</v>
      </c>
      <c r="AO13230">
        <v>21</v>
      </c>
      <c r="AP13230">
        <v>21</v>
      </c>
      <c r="AQ13230">
        <v>20</v>
      </c>
    </row>
    <row r="13231" spans="1:43">
      <c r="A13231" t="s">
        <v>8212</v>
      </c>
      <c r="B13231" t="s">
        <v>8213</v>
      </c>
      <c r="C13231" t="s">
        <v>8082</v>
      </c>
      <c r="D13231" t="s">
        <v>8083</v>
      </c>
      <c r="E13231" t="s">
        <v>8022</v>
      </c>
      <c r="F13231" t="s">
        <v>8023</v>
      </c>
      <c r="G13231" t="s">
        <v>80</v>
      </c>
      <c r="H13231" t="s">
        <v>81</v>
      </c>
      <c r="I13231" s="2">
        <v>0</v>
      </c>
      <c r="J13231" s="2">
        <v>0</v>
      </c>
      <c r="K13231" s="2">
        <v>1</v>
      </c>
      <c r="L13231" t="s">
        <v>995</v>
      </c>
      <c r="M13231" t="s">
        <v>87</v>
      </c>
      <c r="N13231" t="s">
        <v>88</v>
      </c>
      <c r="O13231" t="s">
        <v>85</v>
      </c>
      <c r="P13231" t="s">
        <v>86</v>
      </c>
      <c r="Q13231">
        <v>17</v>
      </c>
      <c r="R13231">
        <v>17</v>
      </c>
      <c r="S13231">
        <v>18</v>
      </c>
      <c r="T13231">
        <v>18</v>
      </c>
      <c r="U13231">
        <v>18</v>
      </c>
      <c r="V13231">
        <v>18</v>
      </c>
      <c r="W13231">
        <v>18</v>
      </c>
      <c r="X13231">
        <v>18</v>
      </c>
      <c r="Y13231">
        <v>18</v>
      </c>
      <c r="Z13231">
        <v>18</v>
      </c>
      <c r="AA13231">
        <v>18</v>
      </c>
      <c r="AB13231">
        <v>18</v>
      </c>
      <c r="AC13231">
        <v>18</v>
      </c>
      <c r="AD13231">
        <v>18</v>
      </c>
      <c r="AE13231">
        <v>18</v>
      </c>
      <c r="AF13231">
        <v>18</v>
      </c>
      <c r="AG13231">
        <v>18</v>
      </c>
      <c r="AH13231">
        <v>18</v>
      </c>
      <c r="AI13231">
        <v>19</v>
      </c>
      <c r="AJ13231">
        <v>19</v>
      </c>
      <c r="AK13231">
        <v>19</v>
      </c>
      <c r="AL13231">
        <v>19</v>
      </c>
      <c r="AM13231">
        <v>19</v>
      </c>
      <c r="AN13231">
        <v>19</v>
      </c>
      <c r="AO13231">
        <v>19</v>
      </c>
      <c r="AP13231">
        <v>19</v>
      </c>
      <c r="AQ13231">
        <v>19</v>
      </c>
    </row>
    <row r="13232" spans="1:43">
      <c r="A13232" t="s">
        <v>8212</v>
      </c>
      <c r="B13232" t="s">
        <v>8213</v>
      </c>
      <c r="C13232" t="s">
        <v>8082</v>
      </c>
      <c r="D13232" t="s">
        <v>8083</v>
      </c>
      <c r="E13232" t="s">
        <v>8022</v>
      </c>
      <c r="F13232" t="s">
        <v>8023</v>
      </c>
      <c r="G13232" t="s">
        <v>80</v>
      </c>
      <c r="H13232" t="s">
        <v>81</v>
      </c>
      <c r="I13232" s="2">
        <v>0</v>
      </c>
      <c r="J13232" s="2">
        <v>0</v>
      </c>
      <c r="K13232" s="2">
        <v>1</v>
      </c>
      <c r="L13232" t="s">
        <v>995</v>
      </c>
      <c r="M13232" t="s">
        <v>89</v>
      </c>
      <c r="N13232" t="s">
        <v>90</v>
      </c>
      <c r="O13232" t="s">
        <v>85</v>
      </c>
      <c r="P13232" t="s">
        <v>86</v>
      </c>
      <c r="Q13232">
        <v>17</v>
      </c>
      <c r="R13232">
        <v>17</v>
      </c>
      <c r="S13232">
        <v>17</v>
      </c>
      <c r="T13232">
        <v>18</v>
      </c>
      <c r="U13232">
        <v>18</v>
      </c>
      <c r="V13232">
        <v>19</v>
      </c>
      <c r="W13232">
        <v>19</v>
      </c>
      <c r="X13232">
        <v>19</v>
      </c>
      <c r="Y13232">
        <v>19</v>
      </c>
      <c r="Z13232">
        <v>20</v>
      </c>
      <c r="AA13232">
        <v>20</v>
      </c>
      <c r="AB13232">
        <v>20</v>
      </c>
      <c r="AC13232">
        <v>21</v>
      </c>
      <c r="AD13232">
        <v>21</v>
      </c>
      <c r="AE13232">
        <v>21</v>
      </c>
      <c r="AF13232">
        <v>21</v>
      </c>
      <c r="AG13232">
        <v>21</v>
      </c>
      <c r="AH13232">
        <v>21</v>
      </c>
      <c r="AI13232">
        <v>21</v>
      </c>
      <c r="AJ13232">
        <v>21</v>
      </c>
      <c r="AK13232">
        <v>21</v>
      </c>
      <c r="AL13232">
        <v>21</v>
      </c>
      <c r="AM13232">
        <v>21</v>
      </c>
      <c r="AN13232">
        <v>21</v>
      </c>
      <c r="AO13232">
        <v>21</v>
      </c>
      <c r="AP13232">
        <v>21</v>
      </c>
      <c r="AQ13232">
        <v>21</v>
      </c>
    </row>
    <row r="13233" spans="1:43">
      <c r="A13233" t="s">
        <v>8212</v>
      </c>
      <c r="B13233" t="s">
        <v>8213</v>
      </c>
      <c r="C13233" t="s">
        <v>8082</v>
      </c>
      <c r="D13233" t="s">
        <v>8083</v>
      </c>
      <c r="E13233" t="s">
        <v>8022</v>
      </c>
      <c r="F13233" t="s">
        <v>8023</v>
      </c>
      <c r="G13233" t="s">
        <v>80</v>
      </c>
      <c r="H13233" t="s">
        <v>81</v>
      </c>
      <c r="I13233" s="2">
        <v>0</v>
      </c>
      <c r="J13233" s="2">
        <v>0</v>
      </c>
      <c r="K13233" s="2">
        <v>1</v>
      </c>
      <c r="L13233" t="s">
        <v>995</v>
      </c>
      <c r="M13233" t="s">
        <v>83</v>
      </c>
      <c r="N13233" t="s">
        <v>91</v>
      </c>
      <c r="O13233" t="s">
        <v>85</v>
      </c>
      <c r="P13233" t="s">
        <v>86</v>
      </c>
      <c r="Q13233">
        <v>17</v>
      </c>
      <c r="R13233">
        <v>17</v>
      </c>
      <c r="S13233">
        <v>17</v>
      </c>
      <c r="T13233">
        <v>17</v>
      </c>
      <c r="U13233">
        <v>17</v>
      </c>
      <c r="V13233">
        <v>18</v>
      </c>
      <c r="W13233">
        <v>18</v>
      </c>
      <c r="X13233">
        <v>18</v>
      </c>
      <c r="Y13233">
        <v>18</v>
      </c>
      <c r="Z13233">
        <v>19</v>
      </c>
      <c r="AA13233">
        <v>19</v>
      </c>
      <c r="AB13233">
        <v>19</v>
      </c>
      <c r="AC13233">
        <v>19</v>
      </c>
      <c r="AD13233">
        <v>19</v>
      </c>
      <c r="AE13233">
        <v>20</v>
      </c>
      <c r="AF13233">
        <v>20</v>
      </c>
      <c r="AG13233">
        <v>20</v>
      </c>
      <c r="AH13233">
        <v>20</v>
      </c>
      <c r="AI13233">
        <v>20</v>
      </c>
      <c r="AJ13233">
        <v>21</v>
      </c>
      <c r="AK13233">
        <v>21</v>
      </c>
      <c r="AL13233">
        <v>21</v>
      </c>
      <c r="AM13233">
        <v>21</v>
      </c>
      <c r="AN13233">
        <v>21</v>
      </c>
      <c r="AO13233">
        <v>21</v>
      </c>
      <c r="AP13233">
        <v>21</v>
      </c>
      <c r="AQ13233">
        <v>20</v>
      </c>
    </row>
    <row r="13234" spans="1:43">
      <c r="A13234" t="s">
        <v>8214</v>
      </c>
      <c r="B13234" t="s">
        <v>8215</v>
      </c>
      <c r="C13234" t="s">
        <v>8204</v>
      </c>
      <c r="D13234" t="s">
        <v>8205</v>
      </c>
      <c r="E13234" t="s">
        <v>8022</v>
      </c>
      <c r="F13234" t="s">
        <v>8023</v>
      </c>
      <c r="G13234" t="s">
        <v>80</v>
      </c>
      <c r="H13234" t="s">
        <v>81</v>
      </c>
      <c r="I13234" s="2">
        <v>0</v>
      </c>
      <c r="J13234" s="2">
        <v>0</v>
      </c>
      <c r="K13234" s="2">
        <v>1</v>
      </c>
      <c r="L13234" t="s">
        <v>995</v>
      </c>
      <c r="M13234" t="s">
        <v>83</v>
      </c>
      <c r="N13234" t="s">
        <v>84</v>
      </c>
      <c r="O13234" t="s">
        <v>85</v>
      </c>
      <c r="P13234" t="s">
        <v>86</v>
      </c>
      <c r="Q13234">
        <v>33</v>
      </c>
      <c r="R13234">
        <v>33</v>
      </c>
      <c r="S13234">
        <v>34</v>
      </c>
      <c r="T13234">
        <v>34</v>
      </c>
      <c r="U13234">
        <v>35</v>
      </c>
      <c r="V13234">
        <v>35</v>
      </c>
      <c r="W13234">
        <v>36</v>
      </c>
      <c r="X13234">
        <v>36</v>
      </c>
      <c r="Y13234">
        <v>37</v>
      </c>
      <c r="Z13234">
        <v>37</v>
      </c>
      <c r="AA13234">
        <v>37</v>
      </c>
      <c r="AB13234">
        <v>38</v>
      </c>
      <c r="AC13234">
        <v>38</v>
      </c>
      <c r="AD13234">
        <v>39</v>
      </c>
      <c r="AE13234">
        <v>39</v>
      </c>
      <c r="AF13234">
        <v>39</v>
      </c>
      <c r="AG13234">
        <v>40</v>
      </c>
      <c r="AH13234">
        <v>40</v>
      </c>
      <c r="AI13234">
        <v>40</v>
      </c>
      <c r="AJ13234">
        <v>41</v>
      </c>
      <c r="AK13234">
        <v>41</v>
      </c>
      <c r="AL13234">
        <v>41</v>
      </c>
      <c r="AM13234">
        <v>41</v>
      </c>
      <c r="AN13234">
        <v>41</v>
      </c>
      <c r="AO13234">
        <v>41</v>
      </c>
      <c r="AP13234">
        <v>41</v>
      </c>
      <c r="AQ13234">
        <v>41</v>
      </c>
    </row>
    <row r="13235" spans="1:43">
      <c r="A13235" t="s">
        <v>8214</v>
      </c>
      <c r="B13235" t="s">
        <v>8215</v>
      </c>
      <c r="C13235" t="s">
        <v>8204</v>
      </c>
      <c r="D13235" t="s">
        <v>8205</v>
      </c>
      <c r="E13235" t="s">
        <v>8022</v>
      </c>
      <c r="F13235" t="s">
        <v>8023</v>
      </c>
      <c r="G13235" t="s">
        <v>80</v>
      </c>
      <c r="H13235" t="s">
        <v>81</v>
      </c>
      <c r="I13235" s="2">
        <v>0</v>
      </c>
      <c r="J13235" s="2">
        <v>0</v>
      </c>
      <c r="K13235" s="2">
        <v>1</v>
      </c>
      <c r="L13235" t="s">
        <v>995</v>
      </c>
      <c r="M13235" t="s">
        <v>87</v>
      </c>
      <c r="N13235" t="s">
        <v>88</v>
      </c>
      <c r="O13235" t="s">
        <v>85</v>
      </c>
      <c r="P13235" t="s">
        <v>86</v>
      </c>
      <c r="Q13235">
        <v>33</v>
      </c>
      <c r="R13235">
        <v>33</v>
      </c>
      <c r="S13235">
        <v>33</v>
      </c>
      <c r="T13235">
        <v>33</v>
      </c>
      <c r="U13235">
        <v>33</v>
      </c>
      <c r="V13235">
        <v>33</v>
      </c>
      <c r="W13235">
        <v>34</v>
      </c>
      <c r="X13235">
        <v>34</v>
      </c>
      <c r="Y13235">
        <v>34</v>
      </c>
      <c r="Z13235">
        <v>34</v>
      </c>
      <c r="AA13235">
        <v>34</v>
      </c>
      <c r="AB13235">
        <v>34</v>
      </c>
      <c r="AC13235">
        <v>34</v>
      </c>
      <c r="AD13235">
        <v>34</v>
      </c>
      <c r="AE13235">
        <v>34</v>
      </c>
      <c r="AF13235">
        <v>35</v>
      </c>
      <c r="AG13235">
        <v>35</v>
      </c>
      <c r="AH13235">
        <v>35</v>
      </c>
      <c r="AI13235">
        <v>35</v>
      </c>
      <c r="AJ13235">
        <v>35</v>
      </c>
      <c r="AK13235">
        <v>35</v>
      </c>
      <c r="AL13235">
        <v>35</v>
      </c>
      <c r="AM13235">
        <v>35</v>
      </c>
      <c r="AN13235">
        <v>35</v>
      </c>
      <c r="AO13235">
        <v>35</v>
      </c>
      <c r="AP13235">
        <v>35</v>
      </c>
      <c r="AQ13235">
        <v>35</v>
      </c>
    </row>
    <row r="13236" spans="1:43">
      <c r="A13236" t="s">
        <v>8214</v>
      </c>
      <c r="B13236" t="s">
        <v>8215</v>
      </c>
      <c r="C13236" t="s">
        <v>8204</v>
      </c>
      <c r="D13236" t="s">
        <v>8205</v>
      </c>
      <c r="E13236" t="s">
        <v>8022</v>
      </c>
      <c r="F13236" t="s">
        <v>8023</v>
      </c>
      <c r="G13236" t="s">
        <v>80</v>
      </c>
      <c r="H13236" t="s">
        <v>81</v>
      </c>
      <c r="I13236" s="2">
        <v>0</v>
      </c>
      <c r="J13236" s="2">
        <v>0</v>
      </c>
      <c r="K13236" s="2">
        <v>1</v>
      </c>
      <c r="L13236" t="s">
        <v>995</v>
      </c>
      <c r="M13236" t="s">
        <v>89</v>
      </c>
      <c r="N13236" t="s">
        <v>90</v>
      </c>
      <c r="O13236" t="s">
        <v>85</v>
      </c>
      <c r="P13236" t="s">
        <v>86</v>
      </c>
      <c r="Q13236">
        <v>33</v>
      </c>
      <c r="R13236">
        <v>34</v>
      </c>
      <c r="S13236">
        <v>35</v>
      </c>
      <c r="T13236">
        <v>35</v>
      </c>
      <c r="U13236">
        <v>36</v>
      </c>
      <c r="V13236">
        <v>37</v>
      </c>
      <c r="W13236">
        <v>38</v>
      </c>
      <c r="X13236">
        <v>38</v>
      </c>
      <c r="Y13236">
        <v>39</v>
      </c>
      <c r="Z13236">
        <v>39</v>
      </c>
      <c r="AA13236">
        <v>40</v>
      </c>
      <c r="AB13236">
        <v>40</v>
      </c>
      <c r="AC13236">
        <v>41</v>
      </c>
      <c r="AD13236">
        <v>42</v>
      </c>
      <c r="AE13236">
        <v>42</v>
      </c>
      <c r="AF13236">
        <v>42</v>
      </c>
      <c r="AG13236">
        <v>42</v>
      </c>
      <c r="AH13236">
        <v>42</v>
      </c>
      <c r="AI13236">
        <v>42</v>
      </c>
      <c r="AJ13236">
        <v>42</v>
      </c>
      <c r="AK13236">
        <v>41</v>
      </c>
      <c r="AL13236">
        <v>41</v>
      </c>
      <c r="AM13236">
        <v>41</v>
      </c>
      <c r="AN13236">
        <v>41</v>
      </c>
      <c r="AO13236">
        <v>41</v>
      </c>
      <c r="AP13236">
        <v>41</v>
      </c>
      <c r="AQ13236">
        <v>41</v>
      </c>
    </row>
    <row r="13237" spans="1:43">
      <c r="A13237" t="s">
        <v>8214</v>
      </c>
      <c r="B13237" t="s">
        <v>8215</v>
      </c>
      <c r="C13237" t="s">
        <v>8204</v>
      </c>
      <c r="D13237" t="s">
        <v>8205</v>
      </c>
      <c r="E13237" t="s">
        <v>8022</v>
      </c>
      <c r="F13237" t="s">
        <v>8023</v>
      </c>
      <c r="G13237" t="s">
        <v>80</v>
      </c>
      <c r="H13237" t="s">
        <v>81</v>
      </c>
      <c r="I13237" s="2">
        <v>0</v>
      </c>
      <c r="J13237" s="2">
        <v>0</v>
      </c>
      <c r="K13237" s="2">
        <v>1</v>
      </c>
      <c r="L13237" t="s">
        <v>995</v>
      </c>
      <c r="M13237" t="s">
        <v>83</v>
      </c>
      <c r="N13237" t="s">
        <v>91</v>
      </c>
      <c r="O13237" t="s">
        <v>85</v>
      </c>
      <c r="P13237" t="s">
        <v>86</v>
      </c>
      <c r="Q13237">
        <v>33</v>
      </c>
      <c r="R13237">
        <v>33</v>
      </c>
      <c r="S13237">
        <v>34</v>
      </c>
      <c r="T13237">
        <v>34</v>
      </c>
      <c r="U13237">
        <v>35</v>
      </c>
      <c r="V13237">
        <v>35</v>
      </c>
      <c r="W13237">
        <v>36</v>
      </c>
      <c r="X13237">
        <v>36</v>
      </c>
      <c r="Y13237">
        <v>37</v>
      </c>
      <c r="Z13237">
        <v>37</v>
      </c>
      <c r="AA13237">
        <v>37</v>
      </c>
      <c r="AB13237">
        <v>38</v>
      </c>
      <c r="AC13237">
        <v>38</v>
      </c>
      <c r="AD13237">
        <v>39</v>
      </c>
      <c r="AE13237">
        <v>39</v>
      </c>
      <c r="AF13237">
        <v>39</v>
      </c>
      <c r="AG13237">
        <v>40</v>
      </c>
      <c r="AH13237">
        <v>40</v>
      </c>
      <c r="AI13237">
        <v>40</v>
      </c>
      <c r="AJ13237">
        <v>41</v>
      </c>
      <c r="AK13237">
        <v>41</v>
      </c>
      <c r="AL13237">
        <v>41</v>
      </c>
      <c r="AM13237">
        <v>41</v>
      </c>
      <c r="AN13237">
        <v>41</v>
      </c>
      <c r="AO13237">
        <v>41</v>
      </c>
      <c r="AP13237">
        <v>41</v>
      </c>
      <c r="AQ13237">
        <v>41</v>
      </c>
    </row>
    <row r="13238" spans="1:43">
      <c r="A13238" t="s">
        <v>8216</v>
      </c>
      <c r="B13238" t="s">
        <v>8217</v>
      </c>
      <c r="C13238" t="s">
        <v>8082</v>
      </c>
      <c r="D13238" t="s">
        <v>8083</v>
      </c>
      <c r="E13238" t="s">
        <v>8022</v>
      </c>
      <c r="F13238" t="s">
        <v>8023</v>
      </c>
      <c r="G13238" t="s">
        <v>80</v>
      </c>
      <c r="H13238" t="s">
        <v>81</v>
      </c>
      <c r="I13238" s="2">
        <v>0</v>
      </c>
      <c r="J13238" s="2">
        <v>0</v>
      </c>
      <c r="K13238" s="2">
        <v>1</v>
      </c>
      <c r="L13238" t="s">
        <v>995</v>
      </c>
      <c r="M13238" t="s">
        <v>83</v>
      </c>
      <c r="N13238" t="s">
        <v>84</v>
      </c>
      <c r="O13238" t="s">
        <v>85</v>
      </c>
      <c r="P13238" t="s">
        <v>86</v>
      </c>
      <c r="Q13238">
        <v>59</v>
      </c>
      <c r="R13238">
        <v>60</v>
      </c>
      <c r="S13238">
        <v>61</v>
      </c>
      <c r="T13238">
        <v>62</v>
      </c>
      <c r="U13238">
        <v>63</v>
      </c>
      <c r="V13238">
        <v>63</v>
      </c>
      <c r="W13238">
        <v>64</v>
      </c>
      <c r="X13238">
        <v>65</v>
      </c>
      <c r="Y13238">
        <v>66</v>
      </c>
      <c r="Z13238">
        <v>67</v>
      </c>
      <c r="AA13238">
        <v>67</v>
      </c>
      <c r="AB13238">
        <v>68</v>
      </c>
      <c r="AC13238">
        <v>69</v>
      </c>
      <c r="AD13238">
        <v>70</v>
      </c>
      <c r="AE13238">
        <v>70</v>
      </c>
      <c r="AF13238">
        <v>71</v>
      </c>
      <c r="AG13238">
        <v>72</v>
      </c>
      <c r="AH13238">
        <v>72</v>
      </c>
      <c r="AI13238">
        <v>73</v>
      </c>
      <c r="AJ13238">
        <v>73</v>
      </c>
      <c r="AK13238">
        <v>74</v>
      </c>
      <c r="AL13238">
        <v>74</v>
      </c>
      <c r="AM13238">
        <v>74</v>
      </c>
      <c r="AN13238">
        <v>74</v>
      </c>
      <c r="AO13238">
        <v>74</v>
      </c>
      <c r="AP13238">
        <v>73</v>
      </c>
      <c r="AQ13238">
        <v>73</v>
      </c>
    </row>
    <row r="13239" spans="1:43">
      <c r="A13239" t="s">
        <v>8216</v>
      </c>
      <c r="B13239" t="s">
        <v>8217</v>
      </c>
      <c r="C13239" t="s">
        <v>8082</v>
      </c>
      <c r="D13239" t="s">
        <v>8083</v>
      </c>
      <c r="E13239" t="s">
        <v>8022</v>
      </c>
      <c r="F13239" t="s">
        <v>8023</v>
      </c>
      <c r="G13239" t="s">
        <v>80</v>
      </c>
      <c r="H13239" t="s">
        <v>81</v>
      </c>
      <c r="I13239" s="2">
        <v>0</v>
      </c>
      <c r="J13239" s="2">
        <v>0</v>
      </c>
      <c r="K13239" s="2">
        <v>1</v>
      </c>
      <c r="L13239" t="s">
        <v>995</v>
      </c>
      <c r="M13239" t="s">
        <v>87</v>
      </c>
      <c r="N13239" t="s">
        <v>88</v>
      </c>
      <c r="O13239" t="s">
        <v>85</v>
      </c>
      <c r="P13239" t="s">
        <v>86</v>
      </c>
      <c r="Q13239">
        <v>59</v>
      </c>
      <c r="R13239">
        <v>59</v>
      </c>
      <c r="S13239">
        <v>59</v>
      </c>
      <c r="T13239">
        <v>60</v>
      </c>
      <c r="U13239">
        <v>60</v>
      </c>
      <c r="V13239">
        <v>60</v>
      </c>
      <c r="W13239">
        <v>60</v>
      </c>
      <c r="X13239">
        <v>61</v>
      </c>
      <c r="Y13239">
        <v>61</v>
      </c>
      <c r="Z13239">
        <v>61</v>
      </c>
      <c r="AA13239">
        <v>61</v>
      </c>
      <c r="AB13239">
        <v>62</v>
      </c>
      <c r="AC13239">
        <v>62</v>
      </c>
      <c r="AD13239">
        <v>62</v>
      </c>
      <c r="AE13239">
        <v>62</v>
      </c>
      <c r="AF13239">
        <v>62</v>
      </c>
      <c r="AG13239">
        <v>62</v>
      </c>
      <c r="AH13239">
        <v>63</v>
      </c>
      <c r="AI13239">
        <v>63</v>
      </c>
      <c r="AJ13239">
        <v>63</v>
      </c>
      <c r="AK13239">
        <v>63</v>
      </c>
      <c r="AL13239">
        <v>63</v>
      </c>
      <c r="AM13239">
        <v>63</v>
      </c>
      <c r="AN13239">
        <v>63</v>
      </c>
      <c r="AO13239">
        <v>63</v>
      </c>
      <c r="AP13239">
        <v>63</v>
      </c>
      <c r="AQ13239">
        <v>63</v>
      </c>
    </row>
    <row r="13240" spans="1:43">
      <c r="A13240" t="s">
        <v>8216</v>
      </c>
      <c r="B13240" t="s">
        <v>8217</v>
      </c>
      <c r="C13240" t="s">
        <v>8082</v>
      </c>
      <c r="D13240" t="s">
        <v>8083</v>
      </c>
      <c r="E13240" t="s">
        <v>8022</v>
      </c>
      <c r="F13240" t="s">
        <v>8023</v>
      </c>
      <c r="G13240" t="s">
        <v>80</v>
      </c>
      <c r="H13240" t="s">
        <v>81</v>
      </c>
      <c r="I13240" s="2">
        <v>0</v>
      </c>
      <c r="J13240" s="2">
        <v>0</v>
      </c>
      <c r="K13240" s="2">
        <v>1</v>
      </c>
      <c r="L13240" t="s">
        <v>995</v>
      </c>
      <c r="M13240" t="s">
        <v>89</v>
      </c>
      <c r="N13240" t="s">
        <v>90</v>
      </c>
      <c r="O13240" t="s">
        <v>85</v>
      </c>
      <c r="P13240" t="s">
        <v>86</v>
      </c>
      <c r="Q13240">
        <v>59</v>
      </c>
      <c r="R13240">
        <v>60</v>
      </c>
      <c r="S13240">
        <v>61</v>
      </c>
      <c r="T13240">
        <v>63</v>
      </c>
      <c r="U13240">
        <v>64</v>
      </c>
      <c r="V13240">
        <v>65</v>
      </c>
      <c r="W13240">
        <v>67</v>
      </c>
      <c r="X13240">
        <v>68</v>
      </c>
      <c r="Y13240">
        <v>69</v>
      </c>
      <c r="Z13240">
        <v>70</v>
      </c>
      <c r="AA13240">
        <v>71</v>
      </c>
      <c r="AB13240">
        <v>72</v>
      </c>
      <c r="AC13240">
        <v>73</v>
      </c>
      <c r="AD13240">
        <v>74</v>
      </c>
      <c r="AE13240">
        <v>74</v>
      </c>
      <c r="AF13240">
        <v>74</v>
      </c>
      <c r="AG13240">
        <v>74</v>
      </c>
      <c r="AH13240">
        <v>74</v>
      </c>
      <c r="AI13240">
        <v>74</v>
      </c>
      <c r="AJ13240">
        <v>74</v>
      </c>
      <c r="AK13240">
        <v>74</v>
      </c>
      <c r="AL13240">
        <v>74</v>
      </c>
      <c r="AM13240">
        <v>73</v>
      </c>
      <c r="AN13240">
        <v>73</v>
      </c>
      <c r="AO13240">
        <v>73</v>
      </c>
      <c r="AP13240">
        <v>73</v>
      </c>
      <c r="AQ13240">
        <v>73</v>
      </c>
    </row>
    <row r="13241" spans="1:43">
      <c r="A13241" t="s">
        <v>8216</v>
      </c>
      <c r="B13241" t="s">
        <v>8217</v>
      </c>
      <c r="C13241" t="s">
        <v>8082</v>
      </c>
      <c r="D13241" t="s">
        <v>8083</v>
      </c>
      <c r="E13241" t="s">
        <v>8022</v>
      </c>
      <c r="F13241" t="s">
        <v>8023</v>
      </c>
      <c r="G13241" t="s">
        <v>80</v>
      </c>
      <c r="H13241" t="s">
        <v>81</v>
      </c>
      <c r="I13241" s="2">
        <v>0</v>
      </c>
      <c r="J13241" s="2">
        <v>0</v>
      </c>
      <c r="K13241" s="2">
        <v>1</v>
      </c>
      <c r="L13241" t="s">
        <v>995</v>
      </c>
      <c r="M13241" t="s">
        <v>83</v>
      </c>
      <c r="N13241" t="s">
        <v>91</v>
      </c>
      <c r="O13241" t="s">
        <v>85</v>
      </c>
      <c r="P13241" t="s">
        <v>86</v>
      </c>
      <c r="Q13241">
        <v>59</v>
      </c>
      <c r="R13241">
        <v>60</v>
      </c>
      <c r="S13241">
        <v>61</v>
      </c>
      <c r="T13241">
        <v>62</v>
      </c>
      <c r="U13241">
        <v>63</v>
      </c>
      <c r="V13241">
        <v>63</v>
      </c>
      <c r="W13241">
        <v>64</v>
      </c>
      <c r="X13241">
        <v>65</v>
      </c>
      <c r="Y13241">
        <v>66</v>
      </c>
      <c r="Z13241">
        <v>67</v>
      </c>
      <c r="AA13241">
        <v>67</v>
      </c>
      <c r="AB13241">
        <v>68</v>
      </c>
      <c r="AC13241">
        <v>69</v>
      </c>
      <c r="AD13241">
        <v>70</v>
      </c>
      <c r="AE13241">
        <v>70</v>
      </c>
      <c r="AF13241">
        <v>71</v>
      </c>
      <c r="AG13241">
        <v>72</v>
      </c>
      <c r="AH13241">
        <v>72</v>
      </c>
      <c r="AI13241">
        <v>73</v>
      </c>
      <c r="AJ13241">
        <v>73</v>
      </c>
      <c r="AK13241">
        <v>74</v>
      </c>
      <c r="AL13241">
        <v>74</v>
      </c>
      <c r="AM13241">
        <v>74</v>
      </c>
      <c r="AN13241">
        <v>74</v>
      </c>
      <c r="AO13241">
        <v>74</v>
      </c>
      <c r="AP13241">
        <v>73</v>
      </c>
      <c r="AQ13241">
        <v>73</v>
      </c>
    </row>
    <row r="13242" spans="1:43">
      <c r="A13242" t="s">
        <v>8218</v>
      </c>
      <c r="B13242" t="s">
        <v>8219</v>
      </c>
      <c r="C13242" t="s">
        <v>8220</v>
      </c>
      <c r="D13242" t="s">
        <v>8221</v>
      </c>
      <c r="E13242" t="s">
        <v>8022</v>
      </c>
      <c r="F13242" t="s">
        <v>8023</v>
      </c>
      <c r="G13242" t="s">
        <v>80</v>
      </c>
      <c r="H13242" t="s">
        <v>81</v>
      </c>
      <c r="I13242" s="2">
        <v>0</v>
      </c>
      <c r="J13242" s="2">
        <v>0</v>
      </c>
      <c r="K13242" s="2">
        <v>1</v>
      </c>
      <c r="L13242" t="s">
        <v>995</v>
      </c>
      <c r="M13242" t="s">
        <v>83</v>
      </c>
      <c r="N13242" t="s">
        <v>84</v>
      </c>
      <c r="O13242" t="s">
        <v>85</v>
      </c>
      <c r="P13242" t="s">
        <v>86</v>
      </c>
      <c r="Q13242">
        <v>27</v>
      </c>
      <c r="R13242">
        <v>27</v>
      </c>
      <c r="S13242">
        <v>28</v>
      </c>
      <c r="T13242">
        <v>28</v>
      </c>
      <c r="U13242">
        <v>28</v>
      </c>
      <c r="V13242">
        <v>29</v>
      </c>
      <c r="W13242">
        <v>29</v>
      </c>
      <c r="X13242">
        <v>29</v>
      </c>
      <c r="Y13242">
        <v>30</v>
      </c>
      <c r="Z13242">
        <v>30</v>
      </c>
      <c r="AA13242">
        <v>31</v>
      </c>
      <c r="AB13242">
        <v>31</v>
      </c>
      <c r="AC13242">
        <v>31</v>
      </c>
      <c r="AD13242">
        <v>31</v>
      </c>
      <c r="AE13242">
        <v>32</v>
      </c>
      <c r="AF13242">
        <v>32</v>
      </c>
      <c r="AG13242">
        <v>32</v>
      </c>
      <c r="AH13242">
        <v>33</v>
      </c>
      <c r="AI13242">
        <v>33</v>
      </c>
      <c r="AJ13242">
        <v>33</v>
      </c>
      <c r="AK13242">
        <v>34</v>
      </c>
      <c r="AL13242">
        <v>34</v>
      </c>
      <c r="AM13242">
        <v>34</v>
      </c>
      <c r="AN13242">
        <v>33</v>
      </c>
      <c r="AO13242">
        <v>33</v>
      </c>
      <c r="AP13242">
        <v>33</v>
      </c>
      <c r="AQ13242">
        <v>33</v>
      </c>
    </row>
    <row r="13243" spans="1:43">
      <c r="A13243" t="s">
        <v>8218</v>
      </c>
      <c r="B13243" t="s">
        <v>8219</v>
      </c>
      <c r="C13243" t="s">
        <v>8220</v>
      </c>
      <c r="D13243" t="s">
        <v>8221</v>
      </c>
      <c r="E13243" t="s">
        <v>8022</v>
      </c>
      <c r="F13243" t="s">
        <v>8023</v>
      </c>
      <c r="G13243" t="s">
        <v>80</v>
      </c>
      <c r="H13243" t="s">
        <v>81</v>
      </c>
      <c r="I13243" s="2">
        <v>0</v>
      </c>
      <c r="J13243" s="2">
        <v>0</v>
      </c>
      <c r="K13243" s="2">
        <v>1</v>
      </c>
      <c r="L13243" t="s">
        <v>995</v>
      </c>
      <c r="M13243" t="s">
        <v>87</v>
      </c>
      <c r="N13243" t="s">
        <v>88</v>
      </c>
      <c r="O13243" t="s">
        <v>85</v>
      </c>
      <c r="P13243" t="s">
        <v>86</v>
      </c>
      <c r="Q13243">
        <v>27</v>
      </c>
      <c r="R13243">
        <v>27</v>
      </c>
      <c r="S13243">
        <v>27</v>
      </c>
      <c r="T13243">
        <v>27</v>
      </c>
      <c r="U13243">
        <v>27</v>
      </c>
      <c r="V13243">
        <v>27</v>
      </c>
      <c r="W13243">
        <v>27</v>
      </c>
      <c r="X13243">
        <v>27</v>
      </c>
      <c r="Y13243">
        <v>28</v>
      </c>
      <c r="Z13243">
        <v>28</v>
      </c>
      <c r="AA13243">
        <v>28</v>
      </c>
      <c r="AB13243">
        <v>28</v>
      </c>
      <c r="AC13243">
        <v>28</v>
      </c>
      <c r="AD13243">
        <v>28</v>
      </c>
      <c r="AE13243">
        <v>28</v>
      </c>
      <c r="AF13243">
        <v>28</v>
      </c>
      <c r="AG13243">
        <v>28</v>
      </c>
      <c r="AH13243">
        <v>28</v>
      </c>
      <c r="AI13243">
        <v>28</v>
      </c>
      <c r="AJ13243">
        <v>28</v>
      </c>
      <c r="AK13243">
        <v>29</v>
      </c>
      <c r="AL13243">
        <v>29</v>
      </c>
      <c r="AM13243">
        <v>29</v>
      </c>
      <c r="AN13243">
        <v>29</v>
      </c>
      <c r="AO13243">
        <v>29</v>
      </c>
      <c r="AP13243">
        <v>29</v>
      </c>
      <c r="AQ13243">
        <v>29</v>
      </c>
    </row>
    <row r="13244" spans="1:43">
      <c r="A13244" t="s">
        <v>8218</v>
      </c>
      <c r="B13244" t="s">
        <v>8219</v>
      </c>
      <c r="C13244" t="s">
        <v>8220</v>
      </c>
      <c r="D13244" t="s">
        <v>8221</v>
      </c>
      <c r="E13244" t="s">
        <v>8022</v>
      </c>
      <c r="F13244" t="s">
        <v>8023</v>
      </c>
      <c r="G13244" t="s">
        <v>80</v>
      </c>
      <c r="H13244" t="s">
        <v>81</v>
      </c>
      <c r="I13244" s="2">
        <v>0</v>
      </c>
      <c r="J13244" s="2">
        <v>0</v>
      </c>
      <c r="K13244" s="2">
        <v>1</v>
      </c>
      <c r="L13244" t="s">
        <v>995</v>
      </c>
      <c r="M13244" t="s">
        <v>89</v>
      </c>
      <c r="N13244" t="s">
        <v>90</v>
      </c>
      <c r="O13244" t="s">
        <v>85</v>
      </c>
      <c r="P13244" t="s">
        <v>86</v>
      </c>
      <c r="Q13244">
        <v>27</v>
      </c>
      <c r="R13244">
        <v>28</v>
      </c>
      <c r="S13244">
        <v>28</v>
      </c>
      <c r="T13244">
        <v>29</v>
      </c>
      <c r="U13244">
        <v>29</v>
      </c>
      <c r="V13244">
        <v>30</v>
      </c>
      <c r="W13244">
        <v>31</v>
      </c>
      <c r="X13244">
        <v>31</v>
      </c>
      <c r="Y13244">
        <v>32</v>
      </c>
      <c r="Z13244">
        <v>32</v>
      </c>
      <c r="AA13244">
        <v>33</v>
      </c>
      <c r="AB13244">
        <v>33</v>
      </c>
      <c r="AC13244">
        <v>33</v>
      </c>
      <c r="AD13244">
        <v>34</v>
      </c>
      <c r="AE13244">
        <v>34</v>
      </c>
      <c r="AF13244">
        <v>34</v>
      </c>
      <c r="AG13244">
        <v>34</v>
      </c>
      <c r="AH13244">
        <v>34</v>
      </c>
      <c r="AI13244">
        <v>34</v>
      </c>
      <c r="AJ13244">
        <v>34</v>
      </c>
      <c r="AK13244">
        <v>34</v>
      </c>
      <c r="AL13244">
        <v>34</v>
      </c>
      <c r="AM13244">
        <v>34</v>
      </c>
      <c r="AN13244">
        <v>34</v>
      </c>
      <c r="AO13244">
        <v>34</v>
      </c>
      <c r="AP13244">
        <v>33</v>
      </c>
      <c r="AQ13244">
        <v>33</v>
      </c>
    </row>
    <row r="13245" spans="1:43">
      <c r="A13245" t="s">
        <v>8218</v>
      </c>
      <c r="B13245" t="s">
        <v>8219</v>
      </c>
      <c r="C13245" t="s">
        <v>8220</v>
      </c>
      <c r="D13245" t="s">
        <v>8221</v>
      </c>
      <c r="E13245" t="s">
        <v>8022</v>
      </c>
      <c r="F13245" t="s">
        <v>8023</v>
      </c>
      <c r="G13245" t="s">
        <v>80</v>
      </c>
      <c r="H13245" t="s">
        <v>81</v>
      </c>
      <c r="I13245" s="2">
        <v>0</v>
      </c>
      <c r="J13245" s="2">
        <v>0</v>
      </c>
      <c r="K13245" s="2">
        <v>1</v>
      </c>
      <c r="L13245" t="s">
        <v>995</v>
      </c>
      <c r="M13245" t="s">
        <v>83</v>
      </c>
      <c r="N13245" t="s">
        <v>91</v>
      </c>
      <c r="O13245" t="s">
        <v>85</v>
      </c>
      <c r="P13245" t="s">
        <v>86</v>
      </c>
      <c r="Q13245">
        <v>27</v>
      </c>
      <c r="R13245">
        <v>27</v>
      </c>
      <c r="S13245">
        <v>28</v>
      </c>
      <c r="T13245">
        <v>28</v>
      </c>
      <c r="U13245">
        <v>28</v>
      </c>
      <c r="V13245">
        <v>29</v>
      </c>
      <c r="W13245">
        <v>29</v>
      </c>
      <c r="X13245">
        <v>29</v>
      </c>
      <c r="Y13245">
        <v>30</v>
      </c>
      <c r="Z13245">
        <v>30</v>
      </c>
      <c r="AA13245">
        <v>31</v>
      </c>
      <c r="AB13245">
        <v>31</v>
      </c>
      <c r="AC13245">
        <v>31</v>
      </c>
      <c r="AD13245">
        <v>31</v>
      </c>
      <c r="AE13245">
        <v>32</v>
      </c>
      <c r="AF13245">
        <v>32</v>
      </c>
      <c r="AG13245">
        <v>32</v>
      </c>
      <c r="AH13245">
        <v>33</v>
      </c>
      <c r="AI13245">
        <v>33</v>
      </c>
      <c r="AJ13245">
        <v>33</v>
      </c>
      <c r="AK13245">
        <v>34</v>
      </c>
      <c r="AL13245">
        <v>34</v>
      </c>
      <c r="AM13245">
        <v>34</v>
      </c>
      <c r="AN13245">
        <v>33</v>
      </c>
      <c r="AO13245">
        <v>33</v>
      </c>
      <c r="AP13245">
        <v>33</v>
      </c>
      <c r="AQ13245">
        <v>33</v>
      </c>
    </row>
    <row r="13246" spans="1:43">
      <c r="A13246" t="s">
        <v>8222</v>
      </c>
      <c r="B13246" t="s">
        <v>8223</v>
      </c>
      <c r="C13246" t="s">
        <v>8220</v>
      </c>
      <c r="D13246" t="s">
        <v>8221</v>
      </c>
      <c r="E13246" t="s">
        <v>8022</v>
      </c>
      <c r="F13246" t="s">
        <v>8023</v>
      </c>
      <c r="G13246" t="s">
        <v>80</v>
      </c>
      <c r="H13246" t="s">
        <v>81</v>
      </c>
      <c r="I13246" s="2">
        <v>0</v>
      </c>
      <c r="J13246" s="2">
        <v>0</v>
      </c>
      <c r="K13246" s="2">
        <v>1</v>
      </c>
      <c r="L13246" t="s">
        <v>995</v>
      </c>
      <c r="M13246" t="s">
        <v>83</v>
      </c>
      <c r="N13246" t="s">
        <v>84</v>
      </c>
      <c r="O13246" t="s">
        <v>85</v>
      </c>
      <c r="P13246" t="s">
        <v>86</v>
      </c>
      <c r="Q13246">
        <v>29</v>
      </c>
      <c r="R13246">
        <v>29</v>
      </c>
      <c r="S13246">
        <v>29</v>
      </c>
      <c r="T13246">
        <v>30</v>
      </c>
      <c r="U13246">
        <v>30</v>
      </c>
      <c r="V13246">
        <v>31</v>
      </c>
      <c r="W13246">
        <v>31</v>
      </c>
      <c r="X13246">
        <v>31</v>
      </c>
      <c r="Y13246">
        <v>32</v>
      </c>
      <c r="Z13246">
        <v>32</v>
      </c>
      <c r="AA13246">
        <v>33</v>
      </c>
      <c r="AB13246">
        <v>33</v>
      </c>
      <c r="AC13246">
        <v>33</v>
      </c>
      <c r="AD13246">
        <v>34</v>
      </c>
      <c r="AE13246">
        <v>34</v>
      </c>
      <c r="AF13246">
        <v>34</v>
      </c>
      <c r="AG13246">
        <v>35</v>
      </c>
      <c r="AH13246">
        <v>35</v>
      </c>
      <c r="AI13246">
        <v>35</v>
      </c>
      <c r="AJ13246">
        <v>35</v>
      </c>
      <c r="AK13246">
        <v>36</v>
      </c>
      <c r="AL13246">
        <v>36</v>
      </c>
      <c r="AM13246">
        <v>36</v>
      </c>
      <c r="AN13246">
        <v>36</v>
      </c>
      <c r="AO13246">
        <v>36</v>
      </c>
      <c r="AP13246">
        <v>35</v>
      </c>
      <c r="AQ13246">
        <v>35</v>
      </c>
    </row>
    <row r="13247" spans="1:43">
      <c r="A13247" t="s">
        <v>8222</v>
      </c>
      <c r="B13247" t="s">
        <v>8223</v>
      </c>
      <c r="C13247" t="s">
        <v>8220</v>
      </c>
      <c r="D13247" t="s">
        <v>8221</v>
      </c>
      <c r="E13247" t="s">
        <v>8022</v>
      </c>
      <c r="F13247" t="s">
        <v>8023</v>
      </c>
      <c r="G13247" t="s">
        <v>80</v>
      </c>
      <c r="H13247" t="s">
        <v>81</v>
      </c>
      <c r="I13247" s="2">
        <v>0</v>
      </c>
      <c r="J13247" s="2">
        <v>0</v>
      </c>
      <c r="K13247" s="2">
        <v>1</v>
      </c>
      <c r="L13247" t="s">
        <v>995</v>
      </c>
      <c r="M13247" t="s">
        <v>87</v>
      </c>
      <c r="N13247" t="s">
        <v>88</v>
      </c>
      <c r="O13247" t="s">
        <v>85</v>
      </c>
      <c r="P13247" t="s">
        <v>86</v>
      </c>
      <c r="Q13247">
        <v>29</v>
      </c>
      <c r="R13247">
        <v>29</v>
      </c>
      <c r="S13247">
        <v>30</v>
      </c>
      <c r="T13247">
        <v>30</v>
      </c>
      <c r="U13247">
        <v>30</v>
      </c>
      <c r="V13247">
        <v>30</v>
      </c>
      <c r="W13247">
        <v>30</v>
      </c>
      <c r="X13247">
        <v>30</v>
      </c>
      <c r="Y13247">
        <v>30</v>
      </c>
      <c r="Z13247">
        <v>30</v>
      </c>
      <c r="AA13247">
        <v>31</v>
      </c>
      <c r="AB13247">
        <v>31</v>
      </c>
      <c r="AC13247">
        <v>31</v>
      </c>
      <c r="AD13247">
        <v>31</v>
      </c>
      <c r="AE13247">
        <v>31</v>
      </c>
      <c r="AF13247">
        <v>31</v>
      </c>
      <c r="AG13247">
        <v>31</v>
      </c>
      <c r="AH13247">
        <v>31</v>
      </c>
      <c r="AI13247">
        <v>31</v>
      </c>
      <c r="AJ13247">
        <v>31</v>
      </c>
      <c r="AK13247">
        <v>31</v>
      </c>
      <c r="AL13247">
        <v>31</v>
      </c>
      <c r="AM13247">
        <v>31</v>
      </c>
      <c r="AN13247">
        <v>32</v>
      </c>
      <c r="AO13247">
        <v>32</v>
      </c>
      <c r="AP13247">
        <v>32</v>
      </c>
      <c r="AQ13247">
        <v>32</v>
      </c>
    </row>
    <row r="13248" spans="1:43">
      <c r="A13248" t="s">
        <v>8222</v>
      </c>
      <c r="B13248" t="s">
        <v>8223</v>
      </c>
      <c r="C13248" t="s">
        <v>8220</v>
      </c>
      <c r="D13248" t="s">
        <v>8221</v>
      </c>
      <c r="E13248" t="s">
        <v>8022</v>
      </c>
      <c r="F13248" t="s">
        <v>8023</v>
      </c>
      <c r="G13248" t="s">
        <v>80</v>
      </c>
      <c r="H13248" t="s">
        <v>81</v>
      </c>
      <c r="I13248" s="2">
        <v>0</v>
      </c>
      <c r="J13248" s="2">
        <v>0</v>
      </c>
      <c r="K13248" s="2">
        <v>1</v>
      </c>
      <c r="L13248" t="s">
        <v>995</v>
      </c>
      <c r="M13248" t="s">
        <v>89</v>
      </c>
      <c r="N13248" t="s">
        <v>90</v>
      </c>
      <c r="O13248" t="s">
        <v>85</v>
      </c>
      <c r="P13248" t="s">
        <v>86</v>
      </c>
      <c r="Q13248">
        <v>29</v>
      </c>
      <c r="R13248">
        <v>30</v>
      </c>
      <c r="S13248">
        <v>30</v>
      </c>
      <c r="T13248">
        <v>31</v>
      </c>
      <c r="U13248">
        <v>31</v>
      </c>
      <c r="V13248">
        <v>32</v>
      </c>
      <c r="W13248">
        <v>33</v>
      </c>
      <c r="X13248">
        <v>33</v>
      </c>
      <c r="Y13248">
        <v>34</v>
      </c>
      <c r="Z13248">
        <v>34</v>
      </c>
      <c r="AA13248">
        <v>35</v>
      </c>
      <c r="AB13248">
        <v>35</v>
      </c>
      <c r="AC13248">
        <v>36</v>
      </c>
      <c r="AD13248">
        <v>36</v>
      </c>
      <c r="AE13248">
        <v>36</v>
      </c>
      <c r="AF13248">
        <v>36</v>
      </c>
      <c r="AG13248">
        <v>36</v>
      </c>
      <c r="AH13248">
        <v>36</v>
      </c>
      <c r="AI13248">
        <v>36</v>
      </c>
      <c r="AJ13248">
        <v>36</v>
      </c>
      <c r="AK13248">
        <v>36</v>
      </c>
      <c r="AL13248">
        <v>36</v>
      </c>
      <c r="AM13248">
        <v>36</v>
      </c>
      <c r="AN13248">
        <v>36</v>
      </c>
      <c r="AO13248">
        <v>36</v>
      </c>
      <c r="AP13248">
        <v>36</v>
      </c>
      <c r="AQ13248">
        <v>36</v>
      </c>
    </row>
    <row r="13249" spans="1:43">
      <c r="A13249" t="s">
        <v>8222</v>
      </c>
      <c r="B13249" t="s">
        <v>8223</v>
      </c>
      <c r="C13249" t="s">
        <v>8220</v>
      </c>
      <c r="D13249" t="s">
        <v>8221</v>
      </c>
      <c r="E13249" t="s">
        <v>8022</v>
      </c>
      <c r="F13249" t="s">
        <v>8023</v>
      </c>
      <c r="G13249" t="s">
        <v>80</v>
      </c>
      <c r="H13249" t="s">
        <v>81</v>
      </c>
      <c r="I13249" s="2">
        <v>0</v>
      </c>
      <c r="J13249" s="2">
        <v>0</v>
      </c>
      <c r="K13249" s="2">
        <v>1</v>
      </c>
      <c r="L13249" t="s">
        <v>995</v>
      </c>
      <c r="M13249" t="s">
        <v>83</v>
      </c>
      <c r="N13249" t="s">
        <v>91</v>
      </c>
      <c r="O13249" t="s">
        <v>85</v>
      </c>
      <c r="P13249" t="s">
        <v>86</v>
      </c>
      <c r="Q13249">
        <v>29</v>
      </c>
      <c r="R13249">
        <v>29</v>
      </c>
      <c r="S13249">
        <v>29</v>
      </c>
      <c r="T13249">
        <v>30</v>
      </c>
      <c r="U13249">
        <v>30</v>
      </c>
      <c r="V13249">
        <v>31</v>
      </c>
      <c r="W13249">
        <v>31</v>
      </c>
      <c r="X13249">
        <v>31</v>
      </c>
      <c r="Y13249">
        <v>32</v>
      </c>
      <c r="Z13249">
        <v>32</v>
      </c>
      <c r="AA13249">
        <v>33</v>
      </c>
      <c r="AB13249">
        <v>33</v>
      </c>
      <c r="AC13249">
        <v>33</v>
      </c>
      <c r="AD13249">
        <v>34</v>
      </c>
      <c r="AE13249">
        <v>34</v>
      </c>
      <c r="AF13249">
        <v>34</v>
      </c>
      <c r="AG13249">
        <v>35</v>
      </c>
      <c r="AH13249">
        <v>35</v>
      </c>
      <c r="AI13249">
        <v>35</v>
      </c>
      <c r="AJ13249">
        <v>35</v>
      </c>
      <c r="AK13249">
        <v>36</v>
      </c>
      <c r="AL13249">
        <v>36</v>
      </c>
      <c r="AM13249">
        <v>36</v>
      </c>
      <c r="AN13249">
        <v>36</v>
      </c>
      <c r="AO13249">
        <v>36</v>
      </c>
      <c r="AP13249">
        <v>35</v>
      </c>
      <c r="AQ13249">
        <v>35</v>
      </c>
    </row>
    <row r="13250" spans="1:43">
      <c r="A13250" t="s">
        <v>8224</v>
      </c>
      <c r="B13250" t="s">
        <v>8225</v>
      </c>
      <c r="C13250" t="s">
        <v>8226</v>
      </c>
      <c r="D13250" t="s">
        <v>8227</v>
      </c>
      <c r="E13250" t="s">
        <v>8022</v>
      </c>
      <c r="F13250" t="s">
        <v>8023</v>
      </c>
      <c r="G13250" t="s">
        <v>80</v>
      </c>
      <c r="H13250" t="s">
        <v>81</v>
      </c>
      <c r="I13250" s="2">
        <v>0</v>
      </c>
      <c r="J13250" s="2">
        <v>0</v>
      </c>
      <c r="K13250" s="2">
        <v>1</v>
      </c>
      <c r="L13250" t="s">
        <v>995</v>
      </c>
      <c r="M13250" t="s">
        <v>83</v>
      </c>
      <c r="N13250" t="s">
        <v>84</v>
      </c>
      <c r="O13250" t="s">
        <v>85</v>
      </c>
      <c r="P13250" t="s">
        <v>86</v>
      </c>
      <c r="Q13250">
        <v>76</v>
      </c>
      <c r="R13250">
        <v>77</v>
      </c>
      <c r="S13250">
        <v>78</v>
      </c>
      <c r="T13250">
        <v>79</v>
      </c>
      <c r="U13250">
        <v>80</v>
      </c>
      <c r="V13250">
        <v>81</v>
      </c>
      <c r="W13250">
        <v>82</v>
      </c>
      <c r="X13250">
        <v>83</v>
      </c>
      <c r="Y13250">
        <v>84</v>
      </c>
      <c r="Z13250">
        <v>85</v>
      </c>
      <c r="AA13250">
        <v>86</v>
      </c>
      <c r="AB13250">
        <v>87</v>
      </c>
      <c r="AC13250">
        <v>88</v>
      </c>
      <c r="AD13250">
        <v>89</v>
      </c>
      <c r="AE13250">
        <v>90</v>
      </c>
      <c r="AF13250">
        <v>91</v>
      </c>
      <c r="AG13250">
        <v>92</v>
      </c>
      <c r="AH13250">
        <v>93</v>
      </c>
      <c r="AI13250">
        <v>93</v>
      </c>
      <c r="AJ13250">
        <v>94</v>
      </c>
      <c r="AK13250">
        <v>95</v>
      </c>
      <c r="AL13250">
        <v>95</v>
      </c>
      <c r="AM13250">
        <v>95</v>
      </c>
      <c r="AN13250">
        <v>95</v>
      </c>
      <c r="AO13250">
        <v>94</v>
      </c>
      <c r="AP13250">
        <v>94</v>
      </c>
      <c r="AQ13250">
        <v>94</v>
      </c>
    </row>
    <row r="13251" spans="1:43">
      <c r="A13251" t="s">
        <v>8224</v>
      </c>
      <c r="B13251" t="s">
        <v>8225</v>
      </c>
      <c r="C13251" t="s">
        <v>8226</v>
      </c>
      <c r="D13251" t="s">
        <v>8227</v>
      </c>
      <c r="E13251" t="s">
        <v>8022</v>
      </c>
      <c r="F13251" t="s">
        <v>8023</v>
      </c>
      <c r="G13251" t="s">
        <v>80</v>
      </c>
      <c r="H13251" t="s">
        <v>81</v>
      </c>
      <c r="I13251" s="2">
        <v>0</v>
      </c>
      <c r="J13251" s="2">
        <v>0</v>
      </c>
      <c r="K13251" s="2">
        <v>1</v>
      </c>
      <c r="L13251" t="s">
        <v>995</v>
      </c>
      <c r="M13251" t="s">
        <v>87</v>
      </c>
      <c r="N13251" t="s">
        <v>88</v>
      </c>
      <c r="O13251" t="s">
        <v>85</v>
      </c>
      <c r="P13251" t="s">
        <v>86</v>
      </c>
      <c r="Q13251">
        <v>76</v>
      </c>
      <c r="R13251">
        <v>77</v>
      </c>
      <c r="S13251">
        <v>77</v>
      </c>
      <c r="T13251">
        <v>77</v>
      </c>
      <c r="U13251">
        <v>78</v>
      </c>
      <c r="V13251">
        <v>78</v>
      </c>
      <c r="W13251">
        <v>78</v>
      </c>
      <c r="X13251">
        <v>79</v>
      </c>
      <c r="Y13251">
        <v>79</v>
      </c>
      <c r="Z13251">
        <v>79</v>
      </c>
      <c r="AA13251">
        <v>80</v>
      </c>
      <c r="AB13251">
        <v>80</v>
      </c>
      <c r="AC13251">
        <v>80</v>
      </c>
      <c r="AD13251">
        <v>80</v>
      </c>
      <c r="AE13251">
        <v>81</v>
      </c>
      <c r="AF13251">
        <v>81</v>
      </c>
      <c r="AG13251">
        <v>81</v>
      </c>
      <c r="AH13251">
        <v>81</v>
      </c>
      <c r="AI13251">
        <v>81</v>
      </c>
      <c r="AJ13251">
        <v>82</v>
      </c>
      <c r="AK13251">
        <v>82</v>
      </c>
      <c r="AL13251">
        <v>82</v>
      </c>
      <c r="AM13251">
        <v>82</v>
      </c>
      <c r="AN13251">
        <v>82</v>
      </c>
      <c r="AO13251">
        <v>82</v>
      </c>
      <c r="AP13251">
        <v>82</v>
      </c>
      <c r="AQ13251">
        <v>82</v>
      </c>
    </row>
    <row r="13252" spans="1:43">
      <c r="A13252" t="s">
        <v>8224</v>
      </c>
      <c r="B13252" t="s">
        <v>8225</v>
      </c>
      <c r="C13252" t="s">
        <v>8226</v>
      </c>
      <c r="D13252" t="s">
        <v>8227</v>
      </c>
      <c r="E13252" t="s">
        <v>8022</v>
      </c>
      <c r="F13252" t="s">
        <v>8023</v>
      </c>
      <c r="G13252" t="s">
        <v>80</v>
      </c>
      <c r="H13252" t="s">
        <v>81</v>
      </c>
      <c r="I13252" s="2">
        <v>0</v>
      </c>
      <c r="J13252" s="2">
        <v>0</v>
      </c>
      <c r="K13252" s="2">
        <v>1</v>
      </c>
      <c r="L13252" t="s">
        <v>995</v>
      </c>
      <c r="M13252" t="s">
        <v>89</v>
      </c>
      <c r="N13252" t="s">
        <v>90</v>
      </c>
      <c r="O13252" t="s">
        <v>85</v>
      </c>
      <c r="P13252" t="s">
        <v>86</v>
      </c>
      <c r="Q13252">
        <v>76</v>
      </c>
      <c r="R13252">
        <v>77</v>
      </c>
      <c r="S13252">
        <v>79</v>
      </c>
      <c r="T13252">
        <v>81</v>
      </c>
      <c r="U13252">
        <v>82</v>
      </c>
      <c r="V13252">
        <v>84</v>
      </c>
      <c r="W13252">
        <v>86</v>
      </c>
      <c r="X13252">
        <v>87</v>
      </c>
      <c r="Y13252">
        <v>88</v>
      </c>
      <c r="Z13252">
        <v>90</v>
      </c>
      <c r="AA13252">
        <v>91</v>
      </c>
      <c r="AB13252">
        <v>92</v>
      </c>
      <c r="AC13252">
        <v>94</v>
      </c>
      <c r="AD13252">
        <v>95</v>
      </c>
      <c r="AE13252">
        <v>96</v>
      </c>
      <c r="AF13252">
        <v>96</v>
      </c>
      <c r="AG13252">
        <v>95</v>
      </c>
      <c r="AH13252">
        <v>95</v>
      </c>
      <c r="AI13252">
        <v>95</v>
      </c>
      <c r="AJ13252">
        <v>95</v>
      </c>
      <c r="AK13252">
        <v>95</v>
      </c>
      <c r="AL13252">
        <v>95</v>
      </c>
      <c r="AM13252">
        <v>94</v>
      </c>
      <c r="AN13252">
        <v>94</v>
      </c>
      <c r="AO13252">
        <v>94</v>
      </c>
      <c r="AP13252">
        <v>94</v>
      </c>
      <c r="AQ13252">
        <v>93</v>
      </c>
    </row>
    <row r="13253" spans="1:43">
      <c r="A13253" t="s">
        <v>8224</v>
      </c>
      <c r="B13253" t="s">
        <v>8225</v>
      </c>
      <c r="C13253" t="s">
        <v>8226</v>
      </c>
      <c r="D13253" t="s">
        <v>8227</v>
      </c>
      <c r="E13253" t="s">
        <v>8022</v>
      </c>
      <c r="F13253" t="s">
        <v>8023</v>
      </c>
      <c r="G13253" t="s">
        <v>80</v>
      </c>
      <c r="H13253" t="s">
        <v>81</v>
      </c>
      <c r="I13253" s="2">
        <v>0</v>
      </c>
      <c r="J13253" s="2">
        <v>0</v>
      </c>
      <c r="K13253" s="2">
        <v>1</v>
      </c>
      <c r="L13253" t="s">
        <v>995</v>
      </c>
      <c r="M13253" t="s">
        <v>83</v>
      </c>
      <c r="N13253" t="s">
        <v>91</v>
      </c>
      <c r="O13253" t="s">
        <v>85</v>
      </c>
      <c r="P13253" t="s">
        <v>86</v>
      </c>
      <c r="Q13253">
        <v>76</v>
      </c>
      <c r="R13253">
        <v>77</v>
      </c>
      <c r="S13253">
        <v>78</v>
      </c>
      <c r="T13253">
        <v>79</v>
      </c>
      <c r="U13253">
        <v>80</v>
      </c>
      <c r="V13253">
        <v>81</v>
      </c>
      <c r="W13253">
        <v>82</v>
      </c>
      <c r="X13253">
        <v>83</v>
      </c>
      <c r="Y13253">
        <v>84</v>
      </c>
      <c r="Z13253">
        <v>85</v>
      </c>
      <c r="AA13253">
        <v>86</v>
      </c>
      <c r="AB13253">
        <v>87</v>
      </c>
      <c r="AC13253">
        <v>88</v>
      </c>
      <c r="AD13253">
        <v>89</v>
      </c>
      <c r="AE13253">
        <v>90</v>
      </c>
      <c r="AF13253">
        <v>91</v>
      </c>
      <c r="AG13253">
        <v>92</v>
      </c>
      <c r="AH13253">
        <v>93</v>
      </c>
      <c r="AI13253">
        <v>93</v>
      </c>
      <c r="AJ13253">
        <v>94</v>
      </c>
      <c r="AK13253">
        <v>95</v>
      </c>
      <c r="AL13253">
        <v>95</v>
      </c>
      <c r="AM13253">
        <v>95</v>
      </c>
      <c r="AN13253">
        <v>95</v>
      </c>
      <c r="AO13253">
        <v>94</v>
      </c>
      <c r="AP13253">
        <v>94</v>
      </c>
      <c r="AQ13253">
        <v>94</v>
      </c>
    </row>
    <row r="13254" spans="1:43">
      <c r="A13254" t="s">
        <v>8228</v>
      </c>
      <c r="B13254" t="s">
        <v>8229</v>
      </c>
      <c r="C13254" t="s">
        <v>8226</v>
      </c>
      <c r="D13254" t="s">
        <v>8227</v>
      </c>
      <c r="E13254" t="s">
        <v>8022</v>
      </c>
      <c r="F13254" t="s">
        <v>8023</v>
      </c>
      <c r="G13254" t="s">
        <v>80</v>
      </c>
      <c r="H13254" t="s">
        <v>81</v>
      </c>
      <c r="I13254" s="2">
        <v>0</v>
      </c>
      <c r="J13254" s="2">
        <v>0</v>
      </c>
      <c r="K13254" s="2">
        <v>1</v>
      </c>
      <c r="L13254" t="s">
        <v>995</v>
      </c>
      <c r="M13254" t="s">
        <v>83</v>
      </c>
      <c r="N13254" t="s">
        <v>84</v>
      </c>
      <c r="O13254" t="s">
        <v>85</v>
      </c>
      <c r="P13254" t="s">
        <v>86</v>
      </c>
      <c r="Q13254">
        <v>21</v>
      </c>
      <c r="R13254">
        <v>21</v>
      </c>
      <c r="S13254">
        <v>21</v>
      </c>
      <c r="T13254">
        <v>21</v>
      </c>
      <c r="U13254">
        <v>22</v>
      </c>
      <c r="V13254">
        <v>22</v>
      </c>
      <c r="W13254">
        <v>22</v>
      </c>
      <c r="X13254">
        <v>22</v>
      </c>
      <c r="Y13254">
        <v>23</v>
      </c>
      <c r="Z13254">
        <v>23</v>
      </c>
      <c r="AA13254">
        <v>23</v>
      </c>
      <c r="AB13254">
        <v>24</v>
      </c>
      <c r="AC13254">
        <v>24</v>
      </c>
      <c r="AD13254">
        <v>24</v>
      </c>
      <c r="AE13254">
        <v>24</v>
      </c>
      <c r="AF13254">
        <v>24</v>
      </c>
      <c r="AG13254">
        <v>25</v>
      </c>
      <c r="AH13254">
        <v>25</v>
      </c>
      <c r="AI13254">
        <v>25</v>
      </c>
      <c r="AJ13254">
        <v>25</v>
      </c>
      <c r="AK13254">
        <v>25</v>
      </c>
      <c r="AL13254">
        <v>25</v>
      </c>
      <c r="AM13254">
        <v>25</v>
      </c>
      <c r="AN13254">
        <v>25</v>
      </c>
      <c r="AO13254">
        <v>25</v>
      </c>
      <c r="AP13254">
        <v>25</v>
      </c>
      <c r="AQ13254">
        <v>25</v>
      </c>
    </row>
    <row r="13255" spans="1:43">
      <c r="A13255" t="s">
        <v>8228</v>
      </c>
      <c r="B13255" t="s">
        <v>8229</v>
      </c>
      <c r="C13255" t="s">
        <v>8226</v>
      </c>
      <c r="D13255" t="s">
        <v>8227</v>
      </c>
      <c r="E13255" t="s">
        <v>8022</v>
      </c>
      <c r="F13255" t="s">
        <v>8023</v>
      </c>
      <c r="G13255" t="s">
        <v>80</v>
      </c>
      <c r="H13255" t="s">
        <v>81</v>
      </c>
      <c r="I13255" s="2">
        <v>0</v>
      </c>
      <c r="J13255" s="2">
        <v>0</v>
      </c>
      <c r="K13255" s="2">
        <v>1</v>
      </c>
      <c r="L13255" t="s">
        <v>995</v>
      </c>
      <c r="M13255" t="s">
        <v>87</v>
      </c>
      <c r="N13255" t="s">
        <v>88</v>
      </c>
      <c r="O13255" t="s">
        <v>85</v>
      </c>
      <c r="P13255" t="s">
        <v>86</v>
      </c>
      <c r="Q13255">
        <v>21</v>
      </c>
      <c r="R13255">
        <v>21</v>
      </c>
      <c r="S13255">
        <v>22</v>
      </c>
      <c r="T13255">
        <v>22</v>
      </c>
      <c r="U13255">
        <v>22</v>
      </c>
      <c r="V13255">
        <v>22</v>
      </c>
      <c r="W13255">
        <v>22</v>
      </c>
      <c r="X13255">
        <v>22</v>
      </c>
      <c r="Y13255">
        <v>22</v>
      </c>
      <c r="Z13255">
        <v>22</v>
      </c>
      <c r="AA13255">
        <v>22</v>
      </c>
      <c r="AB13255">
        <v>22</v>
      </c>
      <c r="AC13255">
        <v>22</v>
      </c>
      <c r="AD13255">
        <v>22</v>
      </c>
      <c r="AE13255">
        <v>22</v>
      </c>
      <c r="AF13255">
        <v>22</v>
      </c>
      <c r="AG13255">
        <v>23</v>
      </c>
      <c r="AH13255">
        <v>23</v>
      </c>
      <c r="AI13255">
        <v>23</v>
      </c>
      <c r="AJ13255">
        <v>23</v>
      </c>
      <c r="AK13255">
        <v>23</v>
      </c>
      <c r="AL13255">
        <v>23</v>
      </c>
      <c r="AM13255">
        <v>23</v>
      </c>
      <c r="AN13255">
        <v>23</v>
      </c>
      <c r="AO13255">
        <v>23</v>
      </c>
      <c r="AP13255">
        <v>23</v>
      </c>
      <c r="AQ13255">
        <v>23</v>
      </c>
    </row>
    <row r="13256" spans="1:43">
      <c r="A13256" t="s">
        <v>8228</v>
      </c>
      <c r="B13256" t="s">
        <v>8229</v>
      </c>
      <c r="C13256" t="s">
        <v>8226</v>
      </c>
      <c r="D13256" t="s">
        <v>8227</v>
      </c>
      <c r="E13256" t="s">
        <v>8022</v>
      </c>
      <c r="F13256" t="s">
        <v>8023</v>
      </c>
      <c r="G13256" t="s">
        <v>80</v>
      </c>
      <c r="H13256" t="s">
        <v>81</v>
      </c>
      <c r="I13256" s="2">
        <v>0</v>
      </c>
      <c r="J13256" s="2">
        <v>0</v>
      </c>
      <c r="K13256" s="2">
        <v>1</v>
      </c>
      <c r="L13256" t="s">
        <v>995</v>
      </c>
      <c r="M13256" t="s">
        <v>89</v>
      </c>
      <c r="N13256" t="s">
        <v>90</v>
      </c>
      <c r="O13256" t="s">
        <v>85</v>
      </c>
      <c r="P13256" t="s">
        <v>86</v>
      </c>
      <c r="Q13256">
        <v>21</v>
      </c>
      <c r="R13256">
        <v>21</v>
      </c>
      <c r="S13256">
        <v>22</v>
      </c>
      <c r="T13256">
        <v>22</v>
      </c>
      <c r="U13256">
        <v>23</v>
      </c>
      <c r="V13256">
        <v>23</v>
      </c>
      <c r="W13256">
        <v>23</v>
      </c>
      <c r="X13256">
        <v>24</v>
      </c>
      <c r="Y13256">
        <v>24</v>
      </c>
      <c r="Z13256">
        <v>24</v>
      </c>
      <c r="AA13256">
        <v>25</v>
      </c>
      <c r="AB13256">
        <v>25</v>
      </c>
      <c r="AC13256">
        <v>25</v>
      </c>
      <c r="AD13256">
        <v>26</v>
      </c>
      <c r="AE13256">
        <v>26</v>
      </c>
      <c r="AF13256">
        <v>26</v>
      </c>
      <c r="AG13256">
        <v>26</v>
      </c>
      <c r="AH13256">
        <v>26</v>
      </c>
      <c r="AI13256">
        <v>26</v>
      </c>
      <c r="AJ13256">
        <v>26</v>
      </c>
      <c r="AK13256">
        <v>26</v>
      </c>
      <c r="AL13256">
        <v>26</v>
      </c>
      <c r="AM13256">
        <v>26</v>
      </c>
      <c r="AN13256">
        <v>25</v>
      </c>
      <c r="AO13256">
        <v>25</v>
      </c>
      <c r="AP13256">
        <v>25</v>
      </c>
      <c r="AQ13256">
        <v>25</v>
      </c>
    </row>
    <row r="13257" spans="1:43">
      <c r="A13257" t="s">
        <v>8228</v>
      </c>
      <c r="B13257" t="s">
        <v>8229</v>
      </c>
      <c r="C13257" t="s">
        <v>8226</v>
      </c>
      <c r="D13257" t="s">
        <v>8227</v>
      </c>
      <c r="E13257" t="s">
        <v>8022</v>
      </c>
      <c r="F13257" t="s">
        <v>8023</v>
      </c>
      <c r="G13257" t="s">
        <v>80</v>
      </c>
      <c r="H13257" t="s">
        <v>81</v>
      </c>
      <c r="I13257" s="2">
        <v>0</v>
      </c>
      <c r="J13257" s="2">
        <v>0</v>
      </c>
      <c r="K13257" s="2">
        <v>1</v>
      </c>
      <c r="L13257" t="s">
        <v>995</v>
      </c>
      <c r="M13257" t="s">
        <v>83</v>
      </c>
      <c r="N13257" t="s">
        <v>91</v>
      </c>
      <c r="O13257" t="s">
        <v>85</v>
      </c>
      <c r="P13257" t="s">
        <v>86</v>
      </c>
      <c r="Q13257">
        <v>21</v>
      </c>
      <c r="R13257">
        <v>21</v>
      </c>
      <c r="S13257">
        <v>21</v>
      </c>
      <c r="T13257">
        <v>21</v>
      </c>
      <c r="U13257">
        <v>22</v>
      </c>
      <c r="V13257">
        <v>22</v>
      </c>
      <c r="W13257">
        <v>22</v>
      </c>
      <c r="X13257">
        <v>22</v>
      </c>
      <c r="Y13257">
        <v>23</v>
      </c>
      <c r="Z13257">
        <v>23</v>
      </c>
      <c r="AA13257">
        <v>23</v>
      </c>
      <c r="AB13257">
        <v>24</v>
      </c>
      <c r="AC13257">
        <v>24</v>
      </c>
      <c r="AD13257">
        <v>24</v>
      </c>
      <c r="AE13257">
        <v>24</v>
      </c>
      <c r="AF13257">
        <v>24</v>
      </c>
      <c r="AG13257">
        <v>25</v>
      </c>
      <c r="AH13257">
        <v>25</v>
      </c>
      <c r="AI13257">
        <v>25</v>
      </c>
      <c r="AJ13257">
        <v>25</v>
      </c>
      <c r="AK13257">
        <v>25</v>
      </c>
      <c r="AL13257">
        <v>25</v>
      </c>
      <c r="AM13257">
        <v>25</v>
      </c>
      <c r="AN13257">
        <v>25</v>
      </c>
      <c r="AO13257">
        <v>25</v>
      </c>
      <c r="AP13257">
        <v>25</v>
      </c>
      <c r="AQ13257">
        <v>25</v>
      </c>
    </row>
    <row r="13258" spans="1:43">
      <c r="A13258" t="s">
        <v>8230</v>
      </c>
      <c r="B13258" t="s">
        <v>8231</v>
      </c>
      <c r="C13258" t="s">
        <v>8220</v>
      </c>
      <c r="D13258" t="s">
        <v>8221</v>
      </c>
      <c r="E13258" t="s">
        <v>8022</v>
      </c>
      <c r="F13258" t="s">
        <v>8023</v>
      </c>
      <c r="G13258" t="s">
        <v>80</v>
      </c>
      <c r="H13258" t="s">
        <v>81</v>
      </c>
      <c r="I13258" s="2">
        <v>0</v>
      </c>
      <c r="J13258" s="2">
        <v>0</v>
      </c>
      <c r="K13258" s="2">
        <v>1</v>
      </c>
      <c r="L13258" t="s">
        <v>995</v>
      </c>
      <c r="M13258" t="s">
        <v>83</v>
      </c>
      <c r="N13258" t="s">
        <v>84</v>
      </c>
      <c r="O13258" t="s">
        <v>85</v>
      </c>
      <c r="P13258" t="s">
        <v>86</v>
      </c>
      <c r="Q13258">
        <v>55</v>
      </c>
      <c r="R13258">
        <v>56</v>
      </c>
      <c r="S13258">
        <v>57</v>
      </c>
      <c r="T13258">
        <v>58</v>
      </c>
      <c r="U13258">
        <v>59</v>
      </c>
      <c r="V13258">
        <v>59</v>
      </c>
      <c r="W13258">
        <v>60</v>
      </c>
      <c r="X13258">
        <v>61</v>
      </c>
      <c r="Y13258">
        <v>62</v>
      </c>
      <c r="Z13258">
        <v>62</v>
      </c>
      <c r="AA13258">
        <v>63</v>
      </c>
      <c r="AB13258">
        <v>64</v>
      </c>
      <c r="AC13258">
        <v>64</v>
      </c>
      <c r="AD13258">
        <v>65</v>
      </c>
      <c r="AE13258">
        <v>66</v>
      </c>
      <c r="AF13258">
        <v>66</v>
      </c>
      <c r="AG13258">
        <v>67</v>
      </c>
      <c r="AH13258">
        <v>68</v>
      </c>
      <c r="AI13258">
        <v>68</v>
      </c>
      <c r="AJ13258">
        <v>69</v>
      </c>
      <c r="AK13258">
        <v>69</v>
      </c>
      <c r="AL13258">
        <v>69</v>
      </c>
      <c r="AM13258">
        <v>69</v>
      </c>
      <c r="AN13258">
        <v>69</v>
      </c>
      <c r="AO13258">
        <v>69</v>
      </c>
      <c r="AP13258">
        <v>69</v>
      </c>
      <c r="AQ13258">
        <v>69</v>
      </c>
    </row>
    <row r="13259" spans="1:43">
      <c r="A13259" t="s">
        <v>8230</v>
      </c>
      <c r="B13259" t="s">
        <v>8231</v>
      </c>
      <c r="C13259" t="s">
        <v>8220</v>
      </c>
      <c r="D13259" t="s">
        <v>8221</v>
      </c>
      <c r="E13259" t="s">
        <v>8022</v>
      </c>
      <c r="F13259" t="s">
        <v>8023</v>
      </c>
      <c r="G13259" t="s">
        <v>80</v>
      </c>
      <c r="H13259" t="s">
        <v>81</v>
      </c>
      <c r="I13259" s="2">
        <v>0</v>
      </c>
      <c r="J13259" s="2">
        <v>0</v>
      </c>
      <c r="K13259" s="2">
        <v>1</v>
      </c>
      <c r="L13259" t="s">
        <v>995</v>
      </c>
      <c r="M13259" t="s">
        <v>87</v>
      </c>
      <c r="N13259" t="s">
        <v>88</v>
      </c>
      <c r="O13259" t="s">
        <v>85</v>
      </c>
      <c r="P13259" t="s">
        <v>86</v>
      </c>
      <c r="Q13259">
        <v>55</v>
      </c>
      <c r="R13259">
        <v>55</v>
      </c>
      <c r="S13259">
        <v>55</v>
      </c>
      <c r="T13259">
        <v>56</v>
      </c>
      <c r="U13259">
        <v>56</v>
      </c>
      <c r="V13259">
        <v>56</v>
      </c>
      <c r="W13259">
        <v>57</v>
      </c>
      <c r="X13259">
        <v>57</v>
      </c>
      <c r="Y13259">
        <v>57</v>
      </c>
      <c r="Z13259">
        <v>57</v>
      </c>
      <c r="AA13259">
        <v>57</v>
      </c>
      <c r="AB13259">
        <v>58</v>
      </c>
      <c r="AC13259">
        <v>58</v>
      </c>
      <c r="AD13259">
        <v>58</v>
      </c>
      <c r="AE13259">
        <v>58</v>
      </c>
      <c r="AF13259">
        <v>58</v>
      </c>
      <c r="AG13259">
        <v>58</v>
      </c>
      <c r="AH13259">
        <v>59</v>
      </c>
      <c r="AI13259">
        <v>59</v>
      </c>
      <c r="AJ13259">
        <v>59</v>
      </c>
      <c r="AK13259">
        <v>59</v>
      </c>
      <c r="AL13259">
        <v>59</v>
      </c>
      <c r="AM13259">
        <v>59</v>
      </c>
      <c r="AN13259">
        <v>59</v>
      </c>
      <c r="AO13259">
        <v>59</v>
      </c>
      <c r="AP13259">
        <v>59</v>
      </c>
      <c r="AQ13259">
        <v>59</v>
      </c>
    </row>
    <row r="13260" spans="1:43">
      <c r="A13260" t="s">
        <v>8230</v>
      </c>
      <c r="B13260" t="s">
        <v>8231</v>
      </c>
      <c r="C13260" t="s">
        <v>8220</v>
      </c>
      <c r="D13260" t="s">
        <v>8221</v>
      </c>
      <c r="E13260" t="s">
        <v>8022</v>
      </c>
      <c r="F13260" t="s">
        <v>8023</v>
      </c>
      <c r="G13260" t="s">
        <v>80</v>
      </c>
      <c r="H13260" t="s">
        <v>81</v>
      </c>
      <c r="I13260" s="2">
        <v>0</v>
      </c>
      <c r="J13260" s="2">
        <v>0</v>
      </c>
      <c r="K13260" s="2">
        <v>1</v>
      </c>
      <c r="L13260" t="s">
        <v>995</v>
      </c>
      <c r="M13260" t="s">
        <v>89</v>
      </c>
      <c r="N13260" t="s">
        <v>90</v>
      </c>
      <c r="O13260" t="s">
        <v>85</v>
      </c>
      <c r="P13260" t="s">
        <v>86</v>
      </c>
      <c r="Q13260">
        <v>55</v>
      </c>
      <c r="R13260">
        <v>56</v>
      </c>
      <c r="S13260">
        <v>57</v>
      </c>
      <c r="T13260">
        <v>59</v>
      </c>
      <c r="U13260">
        <v>60</v>
      </c>
      <c r="V13260">
        <v>61</v>
      </c>
      <c r="W13260">
        <v>62</v>
      </c>
      <c r="X13260">
        <v>63</v>
      </c>
      <c r="Y13260">
        <v>64</v>
      </c>
      <c r="Z13260">
        <v>65</v>
      </c>
      <c r="AA13260">
        <v>66</v>
      </c>
      <c r="AB13260">
        <v>67</v>
      </c>
      <c r="AC13260">
        <v>68</v>
      </c>
      <c r="AD13260">
        <v>69</v>
      </c>
      <c r="AE13260">
        <v>70</v>
      </c>
      <c r="AF13260">
        <v>70</v>
      </c>
      <c r="AG13260">
        <v>69</v>
      </c>
      <c r="AH13260">
        <v>69</v>
      </c>
      <c r="AI13260">
        <v>69</v>
      </c>
      <c r="AJ13260">
        <v>69</v>
      </c>
      <c r="AK13260">
        <v>69</v>
      </c>
      <c r="AL13260">
        <v>69</v>
      </c>
      <c r="AM13260">
        <v>69</v>
      </c>
      <c r="AN13260">
        <v>69</v>
      </c>
      <c r="AO13260">
        <v>68</v>
      </c>
      <c r="AP13260">
        <v>68</v>
      </c>
      <c r="AQ13260">
        <v>68</v>
      </c>
    </row>
    <row r="13261" spans="1:43">
      <c r="A13261" t="s">
        <v>8230</v>
      </c>
      <c r="B13261" t="s">
        <v>8231</v>
      </c>
      <c r="C13261" t="s">
        <v>8220</v>
      </c>
      <c r="D13261" t="s">
        <v>8221</v>
      </c>
      <c r="E13261" t="s">
        <v>8022</v>
      </c>
      <c r="F13261" t="s">
        <v>8023</v>
      </c>
      <c r="G13261" t="s">
        <v>80</v>
      </c>
      <c r="H13261" t="s">
        <v>81</v>
      </c>
      <c r="I13261" s="2">
        <v>0</v>
      </c>
      <c r="J13261" s="2">
        <v>0</v>
      </c>
      <c r="K13261" s="2">
        <v>1</v>
      </c>
      <c r="L13261" t="s">
        <v>995</v>
      </c>
      <c r="M13261" t="s">
        <v>83</v>
      </c>
      <c r="N13261" t="s">
        <v>91</v>
      </c>
      <c r="O13261" t="s">
        <v>85</v>
      </c>
      <c r="P13261" t="s">
        <v>86</v>
      </c>
      <c r="Q13261">
        <v>55</v>
      </c>
      <c r="R13261">
        <v>56</v>
      </c>
      <c r="S13261">
        <v>57</v>
      </c>
      <c r="T13261">
        <v>58</v>
      </c>
      <c r="U13261">
        <v>59</v>
      </c>
      <c r="V13261">
        <v>59</v>
      </c>
      <c r="W13261">
        <v>60</v>
      </c>
      <c r="X13261">
        <v>61</v>
      </c>
      <c r="Y13261">
        <v>62</v>
      </c>
      <c r="Z13261">
        <v>62</v>
      </c>
      <c r="AA13261">
        <v>63</v>
      </c>
      <c r="AB13261">
        <v>64</v>
      </c>
      <c r="AC13261">
        <v>64</v>
      </c>
      <c r="AD13261">
        <v>65</v>
      </c>
      <c r="AE13261">
        <v>66</v>
      </c>
      <c r="AF13261">
        <v>66</v>
      </c>
      <c r="AG13261">
        <v>67</v>
      </c>
      <c r="AH13261">
        <v>68</v>
      </c>
      <c r="AI13261">
        <v>68</v>
      </c>
      <c r="AJ13261">
        <v>69</v>
      </c>
      <c r="AK13261">
        <v>69</v>
      </c>
      <c r="AL13261">
        <v>69</v>
      </c>
      <c r="AM13261">
        <v>69</v>
      </c>
      <c r="AN13261">
        <v>69</v>
      </c>
      <c r="AO13261">
        <v>69</v>
      </c>
      <c r="AP13261">
        <v>69</v>
      </c>
      <c r="AQ13261">
        <v>69</v>
      </c>
    </row>
    <row r="13262" spans="1:43">
      <c r="A13262" t="s">
        <v>8232</v>
      </c>
      <c r="B13262" t="s">
        <v>8233</v>
      </c>
      <c r="C13262" t="s">
        <v>8220</v>
      </c>
      <c r="D13262" t="s">
        <v>8221</v>
      </c>
      <c r="E13262" t="s">
        <v>8022</v>
      </c>
      <c r="F13262" t="s">
        <v>8023</v>
      </c>
      <c r="G13262" t="s">
        <v>80</v>
      </c>
      <c r="H13262" t="s">
        <v>81</v>
      </c>
      <c r="I13262" s="2">
        <v>0</v>
      </c>
      <c r="J13262" s="2">
        <v>0</v>
      </c>
      <c r="K13262" s="2">
        <v>1</v>
      </c>
      <c r="L13262" t="s">
        <v>995</v>
      </c>
      <c r="M13262" t="s">
        <v>83</v>
      </c>
      <c r="N13262" t="s">
        <v>84</v>
      </c>
      <c r="O13262" t="s">
        <v>85</v>
      </c>
      <c r="P13262" t="s">
        <v>86</v>
      </c>
      <c r="Q13262">
        <v>44</v>
      </c>
      <c r="R13262">
        <v>44</v>
      </c>
      <c r="S13262">
        <v>45</v>
      </c>
      <c r="T13262">
        <v>46</v>
      </c>
      <c r="U13262">
        <v>46</v>
      </c>
      <c r="V13262">
        <v>47</v>
      </c>
      <c r="W13262">
        <v>47</v>
      </c>
      <c r="X13262">
        <v>48</v>
      </c>
      <c r="Y13262">
        <v>49</v>
      </c>
      <c r="Z13262">
        <v>49</v>
      </c>
      <c r="AA13262">
        <v>50</v>
      </c>
      <c r="AB13262">
        <v>50</v>
      </c>
      <c r="AC13262">
        <v>51</v>
      </c>
      <c r="AD13262">
        <v>51</v>
      </c>
      <c r="AE13262">
        <v>52</v>
      </c>
      <c r="AF13262">
        <v>52</v>
      </c>
      <c r="AG13262">
        <v>53</v>
      </c>
      <c r="AH13262">
        <v>53</v>
      </c>
      <c r="AI13262">
        <v>54</v>
      </c>
      <c r="AJ13262">
        <v>54</v>
      </c>
      <c r="AK13262">
        <v>55</v>
      </c>
      <c r="AL13262">
        <v>55</v>
      </c>
      <c r="AM13262">
        <v>55</v>
      </c>
      <c r="AN13262">
        <v>55</v>
      </c>
      <c r="AO13262">
        <v>54</v>
      </c>
      <c r="AP13262">
        <v>54</v>
      </c>
      <c r="AQ13262">
        <v>54</v>
      </c>
    </row>
    <row r="13263" spans="1:43">
      <c r="A13263" t="s">
        <v>8232</v>
      </c>
      <c r="B13263" t="s">
        <v>8233</v>
      </c>
      <c r="C13263" t="s">
        <v>8220</v>
      </c>
      <c r="D13263" t="s">
        <v>8221</v>
      </c>
      <c r="E13263" t="s">
        <v>8022</v>
      </c>
      <c r="F13263" t="s">
        <v>8023</v>
      </c>
      <c r="G13263" t="s">
        <v>80</v>
      </c>
      <c r="H13263" t="s">
        <v>81</v>
      </c>
      <c r="I13263" s="2">
        <v>0</v>
      </c>
      <c r="J13263" s="2">
        <v>0</v>
      </c>
      <c r="K13263" s="2">
        <v>1</v>
      </c>
      <c r="L13263" t="s">
        <v>995</v>
      </c>
      <c r="M13263" t="s">
        <v>87</v>
      </c>
      <c r="N13263" t="s">
        <v>88</v>
      </c>
      <c r="O13263" t="s">
        <v>85</v>
      </c>
      <c r="P13263" t="s">
        <v>86</v>
      </c>
      <c r="Q13263">
        <v>44</v>
      </c>
      <c r="R13263">
        <v>44</v>
      </c>
      <c r="S13263">
        <v>45</v>
      </c>
      <c r="T13263">
        <v>45</v>
      </c>
      <c r="U13263">
        <v>45</v>
      </c>
      <c r="V13263">
        <v>45</v>
      </c>
      <c r="W13263">
        <v>45</v>
      </c>
      <c r="X13263">
        <v>46</v>
      </c>
      <c r="Y13263">
        <v>46</v>
      </c>
      <c r="Z13263">
        <v>46</v>
      </c>
      <c r="AA13263">
        <v>46</v>
      </c>
      <c r="AB13263">
        <v>46</v>
      </c>
      <c r="AC13263">
        <v>47</v>
      </c>
      <c r="AD13263">
        <v>47</v>
      </c>
      <c r="AE13263">
        <v>47</v>
      </c>
      <c r="AF13263">
        <v>47</v>
      </c>
      <c r="AG13263">
        <v>47</v>
      </c>
      <c r="AH13263">
        <v>47</v>
      </c>
      <c r="AI13263">
        <v>47</v>
      </c>
      <c r="AJ13263">
        <v>47</v>
      </c>
      <c r="AK13263">
        <v>48</v>
      </c>
      <c r="AL13263">
        <v>48</v>
      </c>
      <c r="AM13263">
        <v>48</v>
      </c>
      <c r="AN13263">
        <v>48</v>
      </c>
      <c r="AO13263">
        <v>48</v>
      </c>
      <c r="AP13263">
        <v>48</v>
      </c>
      <c r="AQ13263">
        <v>48</v>
      </c>
    </row>
    <row r="13264" spans="1:43">
      <c r="A13264" t="s">
        <v>8232</v>
      </c>
      <c r="B13264" t="s">
        <v>8233</v>
      </c>
      <c r="C13264" t="s">
        <v>8220</v>
      </c>
      <c r="D13264" t="s">
        <v>8221</v>
      </c>
      <c r="E13264" t="s">
        <v>8022</v>
      </c>
      <c r="F13264" t="s">
        <v>8023</v>
      </c>
      <c r="G13264" t="s">
        <v>80</v>
      </c>
      <c r="H13264" t="s">
        <v>81</v>
      </c>
      <c r="I13264" s="2">
        <v>0</v>
      </c>
      <c r="J13264" s="2">
        <v>0</v>
      </c>
      <c r="K13264" s="2">
        <v>1</v>
      </c>
      <c r="L13264" t="s">
        <v>995</v>
      </c>
      <c r="M13264" t="s">
        <v>89</v>
      </c>
      <c r="N13264" t="s">
        <v>90</v>
      </c>
      <c r="O13264" t="s">
        <v>85</v>
      </c>
      <c r="P13264" t="s">
        <v>86</v>
      </c>
      <c r="Q13264">
        <v>44</v>
      </c>
      <c r="R13264">
        <v>45</v>
      </c>
      <c r="S13264">
        <v>46</v>
      </c>
      <c r="T13264">
        <v>47</v>
      </c>
      <c r="U13264">
        <v>48</v>
      </c>
      <c r="V13264">
        <v>49</v>
      </c>
      <c r="W13264">
        <v>50</v>
      </c>
      <c r="X13264">
        <v>51</v>
      </c>
      <c r="Y13264">
        <v>51</v>
      </c>
      <c r="Z13264">
        <v>52</v>
      </c>
      <c r="AA13264">
        <v>53</v>
      </c>
      <c r="AB13264">
        <v>54</v>
      </c>
      <c r="AC13264">
        <v>55</v>
      </c>
      <c r="AD13264">
        <v>55</v>
      </c>
      <c r="AE13264">
        <v>56</v>
      </c>
      <c r="AF13264">
        <v>56</v>
      </c>
      <c r="AG13264">
        <v>56</v>
      </c>
      <c r="AH13264">
        <v>56</v>
      </c>
      <c r="AI13264">
        <v>55</v>
      </c>
      <c r="AJ13264">
        <v>55</v>
      </c>
      <c r="AK13264">
        <v>55</v>
      </c>
      <c r="AL13264">
        <v>55</v>
      </c>
      <c r="AM13264">
        <v>55</v>
      </c>
      <c r="AN13264">
        <v>55</v>
      </c>
      <c r="AO13264">
        <v>55</v>
      </c>
      <c r="AP13264">
        <v>55</v>
      </c>
      <c r="AQ13264">
        <v>55</v>
      </c>
    </row>
    <row r="13265" spans="1:43">
      <c r="A13265" t="s">
        <v>8232</v>
      </c>
      <c r="B13265" t="s">
        <v>8233</v>
      </c>
      <c r="C13265" t="s">
        <v>8220</v>
      </c>
      <c r="D13265" t="s">
        <v>8221</v>
      </c>
      <c r="E13265" t="s">
        <v>8022</v>
      </c>
      <c r="F13265" t="s">
        <v>8023</v>
      </c>
      <c r="G13265" t="s">
        <v>80</v>
      </c>
      <c r="H13265" t="s">
        <v>81</v>
      </c>
      <c r="I13265" s="2">
        <v>0</v>
      </c>
      <c r="J13265" s="2">
        <v>0</v>
      </c>
      <c r="K13265" s="2">
        <v>1</v>
      </c>
      <c r="L13265" t="s">
        <v>995</v>
      </c>
      <c r="M13265" t="s">
        <v>83</v>
      </c>
      <c r="N13265" t="s">
        <v>91</v>
      </c>
      <c r="O13265" t="s">
        <v>85</v>
      </c>
      <c r="P13265" t="s">
        <v>86</v>
      </c>
      <c r="Q13265">
        <v>44</v>
      </c>
      <c r="R13265">
        <v>44</v>
      </c>
      <c r="S13265">
        <v>45</v>
      </c>
      <c r="T13265">
        <v>46</v>
      </c>
      <c r="U13265">
        <v>46</v>
      </c>
      <c r="V13265">
        <v>47</v>
      </c>
      <c r="W13265">
        <v>47</v>
      </c>
      <c r="X13265">
        <v>48</v>
      </c>
      <c r="Y13265">
        <v>49</v>
      </c>
      <c r="Z13265">
        <v>49</v>
      </c>
      <c r="AA13265">
        <v>50</v>
      </c>
      <c r="AB13265">
        <v>50</v>
      </c>
      <c r="AC13265">
        <v>51</v>
      </c>
      <c r="AD13265">
        <v>51</v>
      </c>
      <c r="AE13265">
        <v>52</v>
      </c>
      <c r="AF13265">
        <v>52</v>
      </c>
      <c r="AG13265">
        <v>53</v>
      </c>
      <c r="AH13265">
        <v>53</v>
      </c>
      <c r="AI13265">
        <v>54</v>
      </c>
      <c r="AJ13265">
        <v>54</v>
      </c>
      <c r="AK13265">
        <v>55</v>
      </c>
      <c r="AL13265">
        <v>55</v>
      </c>
      <c r="AM13265">
        <v>55</v>
      </c>
      <c r="AN13265">
        <v>55</v>
      </c>
      <c r="AO13265">
        <v>54</v>
      </c>
      <c r="AP13265">
        <v>54</v>
      </c>
      <c r="AQ13265">
        <v>54</v>
      </c>
    </row>
    <row r="13266" spans="1:43">
      <c r="A13266" t="s">
        <v>8234</v>
      </c>
      <c r="B13266" t="s">
        <v>8235</v>
      </c>
      <c r="C13266" t="s">
        <v>8236</v>
      </c>
      <c r="D13266" t="s">
        <v>8237</v>
      </c>
      <c r="E13266" t="s">
        <v>8022</v>
      </c>
      <c r="F13266" t="s">
        <v>8023</v>
      </c>
      <c r="G13266" t="s">
        <v>80</v>
      </c>
      <c r="H13266" t="s">
        <v>81</v>
      </c>
      <c r="I13266" s="2">
        <v>0</v>
      </c>
      <c r="J13266" s="2">
        <v>0</v>
      </c>
      <c r="K13266" s="2">
        <v>1</v>
      </c>
      <c r="L13266" t="s">
        <v>995</v>
      </c>
      <c r="M13266" t="s">
        <v>83</v>
      </c>
      <c r="N13266" t="s">
        <v>84</v>
      </c>
      <c r="O13266" t="s">
        <v>85</v>
      </c>
      <c r="P13266" t="s">
        <v>86</v>
      </c>
      <c r="Q13266">
        <v>60</v>
      </c>
      <c r="R13266">
        <v>61</v>
      </c>
      <c r="S13266">
        <v>62</v>
      </c>
      <c r="T13266">
        <v>63</v>
      </c>
      <c r="U13266">
        <v>64</v>
      </c>
      <c r="V13266">
        <v>64</v>
      </c>
      <c r="W13266">
        <v>65</v>
      </c>
      <c r="X13266">
        <v>66</v>
      </c>
      <c r="Y13266">
        <v>67</v>
      </c>
      <c r="Z13266">
        <v>68</v>
      </c>
      <c r="AA13266">
        <v>69</v>
      </c>
      <c r="AB13266">
        <v>70</v>
      </c>
      <c r="AC13266">
        <v>70</v>
      </c>
      <c r="AD13266">
        <v>71</v>
      </c>
      <c r="AE13266">
        <v>72</v>
      </c>
      <c r="AF13266">
        <v>73</v>
      </c>
      <c r="AG13266">
        <v>73</v>
      </c>
      <c r="AH13266">
        <v>74</v>
      </c>
      <c r="AI13266">
        <v>75</v>
      </c>
      <c r="AJ13266">
        <v>75</v>
      </c>
      <c r="AK13266">
        <v>76</v>
      </c>
      <c r="AL13266">
        <v>76</v>
      </c>
      <c r="AM13266">
        <v>76</v>
      </c>
      <c r="AN13266">
        <v>76</v>
      </c>
      <c r="AO13266">
        <v>76</v>
      </c>
      <c r="AP13266">
        <v>76</v>
      </c>
      <c r="AQ13266">
        <v>76</v>
      </c>
    </row>
    <row r="13267" spans="1:43">
      <c r="A13267" t="s">
        <v>8234</v>
      </c>
      <c r="B13267" t="s">
        <v>8235</v>
      </c>
      <c r="C13267" t="s">
        <v>8236</v>
      </c>
      <c r="D13267" t="s">
        <v>8237</v>
      </c>
      <c r="E13267" t="s">
        <v>8022</v>
      </c>
      <c r="F13267" t="s">
        <v>8023</v>
      </c>
      <c r="G13267" t="s">
        <v>80</v>
      </c>
      <c r="H13267" t="s">
        <v>81</v>
      </c>
      <c r="I13267" s="2">
        <v>0</v>
      </c>
      <c r="J13267" s="2">
        <v>0</v>
      </c>
      <c r="K13267" s="2">
        <v>1</v>
      </c>
      <c r="L13267" t="s">
        <v>995</v>
      </c>
      <c r="M13267" t="s">
        <v>87</v>
      </c>
      <c r="N13267" t="s">
        <v>88</v>
      </c>
      <c r="O13267" t="s">
        <v>85</v>
      </c>
      <c r="P13267" t="s">
        <v>86</v>
      </c>
      <c r="Q13267">
        <v>60</v>
      </c>
      <c r="R13267">
        <v>61</v>
      </c>
      <c r="S13267">
        <v>61</v>
      </c>
      <c r="T13267">
        <v>61</v>
      </c>
      <c r="U13267">
        <v>62</v>
      </c>
      <c r="V13267">
        <v>62</v>
      </c>
      <c r="W13267">
        <v>62</v>
      </c>
      <c r="X13267">
        <v>63</v>
      </c>
      <c r="Y13267">
        <v>63</v>
      </c>
      <c r="Z13267">
        <v>63</v>
      </c>
      <c r="AA13267">
        <v>64</v>
      </c>
      <c r="AB13267">
        <v>64</v>
      </c>
      <c r="AC13267">
        <v>64</v>
      </c>
      <c r="AD13267">
        <v>64</v>
      </c>
      <c r="AE13267">
        <v>65</v>
      </c>
      <c r="AF13267">
        <v>65</v>
      </c>
      <c r="AG13267">
        <v>65</v>
      </c>
      <c r="AH13267">
        <v>65</v>
      </c>
      <c r="AI13267">
        <v>65</v>
      </c>
      <c r="AJ13267">
        <v>66</v>
      </c>
      <c r="AK13267">
        <v>66</v>
      </c>
      <c r="AL13267">
        <v>66</v>
      </c>
      <c r="AM13267">
        <v>66</v>
      </c>
      <c r="AN13267">
        <v>66</v>
      </c>
      <c r="AO13267">
        <v>66</v>
      </c>
      <c r="AP13267">
        <v>66</v>
      </c>
      <c r="AQ13267">
        <v>66</v>
      </c>
    </row>
    <row r="13268" spans="1:43">
      <c r="A13268" t="s">
        <v>8234</v>
      </c>
      <c r="B13268" t="s">
        <v>8235</v>
      </c>
      <c r="C13268" t="s">
        <v>8236</v>
      </c>
      <c r="D13268" t="s">
        <v>8237</v>
      </c>
      <c r="E13268" t="s">
        <v>8022</v>
      </c>
      <c r="F13268" t="s">
        <v>8023</v>
      </c>
      <c r="G13268" t="s">
        <v>80</v>
      </c>
      <c r="H13268" t="s">
        <v>81</v>
      </c>
      <c r="I13268" s="2">
        <v>0</v>
      </c>
      <c r="J13268" s="2">
        <v>0</v>
      </c>
      <c r="K13268" s="2">
        <v>1</v>
      </c>
      <c r="L13268" t="s">
        <v>995</v>
      </c>
      <c r="M13268" t="s">
        <v>89</v>
      </c>
      <c r="N13268" t="s">
        <v>90</v>
      </c>
      <c r="O13268" t="s">
        <v>85</v>
      </c>
      <c r="P13268" t="s">
        <v>86</v>
      </c>
      <c r="Q13268">
        <v>60</v>
      </c>
      <c r="R13268">
        <v>61</v>
      </c>
      <c r="S13268">
        <v>62</v>
      </c>
      <c r="T13268">
        <v>64</v>
      </c>
      <c r="U13268">
        <v>65</v>
      </c>
      <c r="V13268">
        <v>66</v>
      </c>
      <c r="W13268">
        <v>68</v>
      </c>
      <c r="X13268">
        <v>69</v>
      </c>
      <c r="Y13268">
        <v>70</v>
      </c>
      <c r="Z13268">
        <v>71</v>
      </c>
      <c r="AA13268">
        <v>72</v>
      </c>
      <c r="AB13268">
        <v>73</v>
      </c>
      <c r="AC13268">
        <v>74</v>
      </c>
      <c r="AD13268">
        <v>76</v>
      </c>
      <c r="AE13268">
        <v>76</v>
      </c>
      <c r="AF13268">
        <v>76</v>
      </c>
      <c r="AG13268">
        <v>76</v>
      </c>
      <c r="AH13268">
        <v>76</v>
      </c>
      <c r="AI13268">
        <v>76</v>
      </c>
      <c r="AJ13268">
        <v>76</v>
      </c>
      <c r="AK13268">
        <v>76</v>
      </c>
      <c r="AL13268">
        <v>76</v>
      </c>
      <c r="AM13268">
        <v>76</v>
      </c>
      <c r="AN13268">
        <v>76</v>
      </c>
      <c r="AO13268">
        <v>76</v>
      </c>
      <c r="AP13268">
        <v>76</v>
      </c>
      <c r="AQ13268">
        <v>76</v>
      </c>
    </row>
    <row r="13269" spans="1:43">
      <c r="A13269" t="s">
        <v>8234</v>
      </c>
      <c r="B13269" t="s">
        <v>8235</v>
      </c>
      <c r="C13269" t="s">
        <v>8236</v>
      </c>
      <c r="D13269" t="s">
        <v>8237</v>
      </c>
      <c r="E13269" t="s">
        <v>8022</v>
      </c>
      <c r="F13269" t="s">
        <v>8023</v>
      </c>
      <c r="G13269" t="s">
        <v>80</v>
      </c>
      <c r="H13269" t="s">
        <v>81</v>
      </c>
      <c r="I13269" s="2">
        <v>0</v>
      </c>
      <c r="J13269" s="2">
        <v>0</v>
      </c>
      <c r="K13269" s="2">
        <v>1</v>
      </c>
      <c r="L13269" t="s">
        <v>995</v>
      </c>
      <c r="M13269" t="s">
        <v>83</v>
      </c>
      <c r="N13269" t="s">
        <v>91</v>
      </c>
      <c r="O13269" t="s">
        <v>85</v>
      </c>
      <c r="P13269" t="s">
        <v>86</v>
      </c>
      <c r="Q13269">
        <v>60</v>
      </c>
      <c r="R13269">
        <v>61</v>
      </c>
      <c r="S13269">
        <v>62</v>
      </c>
      <c r="T13269">
        <v>63</v>
      </c>
      <c r="U13269">
        <v>64</v>
      </c>
      <c r="V13269">
        <v>64</v>
      </c>
      <c r="W13269">
        <v>65</v>
      </c>
      <c r="X13269">
        <v>66</v>
      </c>
      <c r="Y13269">
        <v>67</v>
      </c>
      <c r="Z13269">
        <v>68</v>
      </c>
      <c r="AA13269">
        <v>69</v>
      </c>
      <c r="AB13269">
        <v>70</v>
      </c>
      <c r="AC13269">
        <v>70</v>
      </c>
      <c r="AD13269">
        <v>71</v>
      </c>
      <c r="AE13269">
        <v>72</v>
      </c>
      <c r="AF13269">
        <v>73</v>
      </c>
      <c r="AG13269">
        <v>73</v>
      </c>
      <c r="AH13269">
        <v>74</v>
      </c>
      <c r="AI13269">
        <v>75</v>
      </c>
      <c r="AJ13269">
        <v>75</v>
      </c>
      <c r="AK13269">
        <v>76</v>
      </c>
      <c r="AL13269">
        <v>76</v>
      </c>
      <c r="AM13269">
        <v>76</v>
      </c>
      <c r="AN13269">
        <v>76</v>
      </c>
      <c r="AO13269">
        <v>76</v>
      </c>
      <c r="AP13269">
        <v>76</v>
      </c>
      <c r="AQ13269">
        <v>76</v>
      </c>
    </row>
    <row r="13270" spans="1:43">
      <c r="A13270" t="s">
        <v>8238</v>
      </c>
      <c r="B13270" t="s">
        <v>8239</v>
      </c>
      <c r="C13270" t="s">
        <v>8236</v>
      </c>
      <c r="D13270" t="s">
        <v>8237</v>
      </c>
      <c r="E13270" t="s">
        <v>8022</v>
      </c>
      <c r="F13270" t="s">
        <v>8023</v>
      </c>
      <c r="G13270" t="s">
        <v>80</v>
      </c>
      <c r="H13270" t="s">
        <v>81</v>
      </c>
      <c r="I13270" s="2">
        <v>0</v>
      </c>
      <c r="J13270" s="2">
        <v>0</v>
      </c>
      <c r="K13270" s="2">
        <v>1</v>
      </c>
      <c r="L13270" t="s">
        <v>995</v>
      </c>
      <c r="M13270" t="s">
        <v>83</v>
      </c>
      <c r="N13270" t="s">
        <v>84</v>
      </c>
      <c r="O13270" t="s">
        <v>85</v>
      </c>
      <c r="P13270" t="s">
        <v>86</v>
      </c>
      <c r="Q13270">
        <v>90</v>
      </c>
      <c r="R13270">
        <v>91</v>
      </c>
      <c r="S13270">
        <v>92</v>
      </c>
      <c r="T13270">
        <v>94</v>
      </c>
      <c r="U13270">
        <v>95</v>
      </c>
      <c r="V13270">
        <v>96</v>
      </c>
      <c r="W13270">
        <v>97</v>
      </c>
      <c r="X13270">
        <v>99</v>
      </c>
      <c r="Y13270">
        <v>100</v>
      </c>
      <c r="Z13270">
        <v>101</v>
      </c>
      <c r="AA13270">
        <v>102</v>
      </c>
      <c r="AB13270">
        <v>103</v>
      </c>
      <c r="AC13270">
        <v>104</v>
      </c>
      <c r="AD13270">
        <v>105</v>
      </c>
      <c r="AE13270">
        <v>106</v>
      </c>
      <c r="AF13270">
        <v>107</v>
      </c>
      <c r="AG13270">
        <v>108</v>
      </c>
      <c r="AH13270">
        <v>109</v>
      </c>
      <c r="AI13270">
        <v>110</v>
      </c>
      <c r="AJ13270">
        <v>111</v>
      </c>
      <c r="AK13270">
        <v>112</v>
      </c>
      <c r="AL13270">
        <v>112</v>
      </c>
      <c r="AM13270">
        <v>112</v>
      </c>
      <c r="AN13270">
        <v>112</v>
      </c>
      <c r="AO13270">
        <v>112</v>
      </c>
      <c r="AP13270">
        <v>111</v>
      </c>
      <c r="AQ13270">
        <v>111</v>
      </c>
    </row>
    <row r="13271" spans="1:43">
      <c r="A13271" t="s">
        <v>8238</v>
      </c>
      <c r="B13271" t="s">
        <v>8239</v>
      </c>
      <c r="C13271" t="s">
        <v>8236</v>
      </c>
      <c r="D13271" t="s">
        <v>8237</v>
      </c>
      <c r="E13271" t="s">
        <v>8022</v>
      </c>
      <c r="F13271" t="s">
        <v>8023</v>
      </c>
      <c r="G13271" t="s">
        <v>80</v>
      </c>
      <c r="H13271" t="s">
        <v>81</v>
      </c>
      <c r="I13271" s="2">
        <v>0</v>
      </c>
      <c r="J13271" s="2">
        <v>0</v>
      </c>
      <c r="K13271" s="2">
        <v>1</v>
      </c>
      <c r="L13271" t="s">
        <v>995</v>
      </c>
      <c r="M13271" t="s">
        <v>87</v>
      </c>
      <c r="N13271" t="s">
        <v>88</v>
      </c>
      <c r="O13271" t="s">
        <v>85</v>
      </c>
      <c r="P13271" t="s">
        <v>86</v>
      </c>
      <c r="Q13271">
        <v>90</v>
      </c>
      <c r="R13271">
        <v>90</v>
      </c>
      <c r="S13271">
        <v>91</v>
      </c>
      <c r="T13271">
        <v>91</v>
      </c>
      <c r="U13271">
        <v>92</v>
      </c>
      <c r="V13271">
        <v>92</v>
      </c>
      <c r="W13271">
        <v>93</v>
      </c>
      <c r="X13271">
        <v>93</v>
      </c>
      <c r="Y13271">
        <v>93</v>
      </c>
      <c r="Z13271">
        <v>94</v>
      </c>
      <c r="AA13271">
        <v>94</v>
      </c>
      <c r="AB13271">
        <v>94</v>
      </c>
      <c r="AC13271">
        <v>95</v>
      </c>
      <c r="AD13271">
        <v>95</v>
      </c>
      <c r="AE13271">
        <v>95</v>
      </c>
      <c r="AF13271">
        <v>95</v>
      </c>
      <c r="AG13271">
        <v>96</v>
      </c>
      <c r="AH13271">
        <v>96</v>
      </c>
      <c r="AI13271">
        <v>96</v>
      </c>
      <c r="AJ13271">
        <v>96</v>
      </c>
      <c r="AK13271">
        <v>97</v>
      </c>
      <c r="AL13271">
        <v>97</v>
      </c>
      <c r="AM13271">
        <v>97</v>
      </c>
      <c r="AN13271">
        <v>97</v>
      </c>
      <c r="AO13271">
        <v>97</v>
      </c>
      <c r="AP13271">
        <v>97</v>
      </c>
      <c r="AQ13271">
        <v>97</v>
      </c>
    </row>
    <row r="13272" spans="1:43">
      <c r="A13272" t="s">
        <v>8238</v>
      </c>
      <c r="B13272" t="s">
        <v>8239</v>
      </c>
      <c r="C13272" t="s">
        <v>8236</v>
      </c>
      <c r="D13272" t="s">
        <v>8237</v>
      </c>
      <c r="E13272" t="s">
        <v>8022</v>
      </c>
      <c r="F13272" t="s">
        <v>8023</v>
      </c>
      <c r="G13272" t="s">
        <v>80</v>
      </c>
      <c r="H13272" t="s">
        <v>81</v>
      </c>
      <c r="I13272" s="2">
        <v>0</v>
      </c>
      <c r="J13272" s="2">
        <v>0</v>
      </c>
      <c r="K13272" s="2">
        <v>1</v>
      </c>
      <c r="L13272" t="s">
        <v>995</v>
      </c>
      <c r="M13272" t="s">
        <v>89</v>
      </c>
      <c r="N13272" t="s">
        <v>90</v>
      </c>
      <c r="O13272" t="s">
        <v>85</v>
      </c>
      <c r="P13272" t="s">
        <v>86</v>
      </c>
      <c r="Q13272">
        <v>90</v>
      </c>
      <c r="R13272">
        <v>92</v>
      </c>
      <c r="S13272">
        <v>94</v>
      </c>
      <c r="T13272">
        <v>96</v>
      </c>
      <c r="U13272">
        <v>98</v>
      </c>
      <c r="V13272">
        <v>100</v>
      </c>
      <c r="W13272">
        <v>101</v>
      </c>
      <c r="X13272">
        <v>103</v>
      </c>
      <c r="Y13272">
        <v>105</v>
      </c>
      <c r="Z13272">
        <v>106</v>
      </c>
      <c r="AA13272">
        <v>108</v>
      </c>
      <c r="AB13272">
        <v>109</v>
      </c>
      <c r="AC13272">
        <v>111</v>
      </c>
      <c r="AD13272">
        <v>112</v>
      </c>
      <c r="AE13272">
        <v>113</v>
      </c>
      <c r="AF13272">
        <v>113</v>
      </c>
      <c r="AG13272">
        <v>113</v>
      </c>
      <c r="AH13272">
        <v>113</v>
      </c>
      <c r="AI13272">
        <v>113</v>
      </c>
      <c r="AJ13272">
        <v>113</v>
      </c>
      <c r="AK13272">
        <v>112</v>
      </c>
      <c r="AL13272">
        <v>112</v>
      </c>
      <c r="AM13272">
        <v>112</v>
      </c>
      <c r="AN13272">
        <v>112</v>
      </c>
      <c r="AO13272">
        <v>111</v>
      </c>
      <c r="AP13272">
        <v>111</v>
      </c>
      <c r="AQ13272">
        <v>111</v>
      </c>
    </row>
    <row r="13273" spans="1:43">
      <c r="A13273" t="s">
        <v>8238</v>
      </c>
      <c r="B13273" t="s">
        <v>8239</v>
      </c>
      <c r="C13273" t="s">
        <v>8236</v>
      </c>
      <c r="D13273" t="s">
        <v>8237</v>
      </c>
      <c r="E13273" t="s">
        <v>8022</v>
      </c>
      <c r="F13273" t="s">
        <v>8023</v>
      </c>
      <c r="G13273" t="s">
        <v>80</v>
      </c>
      <c r="H13273" t="s">
        <v>81</v>
      </c>
      <c r="I13273" s="2">
        <v>0</v>
      </c>
      <c r="J13273" s="2">
        <v>0</v>
      </c>
      <c r="K13273" s="2">
        <v>1</v>
      </c>
      <c r="L13273" t="s">
        <v>995</v>
      </c>
      <c r="M13273" t="s">
        <v>83</v>
      </c>
      <c r="N13273" t="s">
        <v>91</v>
      </c>
      <c r="O13273" t="s">
        <v>85</v>
      </c>
      <c r="P13273" t="s">
        <v>86</v>
      </c>
      <c r="Q13273">
        <v>90</v>
      </c>
      <c r="R13273">
        <v>91</v>
      </c>
      <c r="S13273">
        <v>92</v>
      </c>
      <c r="T13273">
        <v>94</v>
      </c>
      <c r="U13273">
        <v>95</v>
      </c>
      <c r="V13273">
        <v>96</v>
      </c>
      <c r="W13273">
        <v>97</v>
      </c>
      <c r="X13273">
        <v>99</v>
      </c>
      <c r="Y13273">
        <v>100</v>
      </c>
      <c r="Z13273">
        <v>101</v>
      </c>
      <c r="AA13273">
        <v>102</v>
      </c>
      <c r="AB13273">
        <v>103</v>
      </c>
      <c r="AC13273">
        <v>104</v>
      </c>
      <c r="AD13273">
        <v>105</v>
      </c>
      <c r="AE13273">
        <v>106</v>
      </c>
      <c r="AF13273">
        <v>107</v>
      </c>
      <c r="AG13273">
        <v>108</v>
      </c>
      <c r="AH13273">
        <v>109</v>
      </c>
      <c r="AI13273">
        <v>110</v>
      </c>
      <c r="AJ13273">
        <v>111</v>
      </c>
      <c r="AK13273">
        <v>112</v>
      </c>
      <c r="AL13273">
        <v>112</v>
      </c>
      <c r="AM13273">
        <v>112</v>
      </c>
      <c r="AN13273">
        <v>112</v>
      </c>
      <c r="AO13273">
        <v>112</v>
      </c>
      <c r="AP13273">
        <v>111</v>
      </c>
      <c r="AQ13273">
        <v>111</v>
      </c>
    </row>
    <row r="13274" spans="1:43">
      <c r="A13274" t="s">
        <v>8240</v>
      </c>
      <c r="B13274" t="s">
        <v>8241</v>
      </c>
      <c r="C13274" t="s">
        <v>8236</v>
      </c>
      <c r="D13274" t="s">
        <v>8237</v>
      </c>
      <c r="E13274" t="s">
        <v>8022</v>
      </c>
      <c r="F13274" t="s">
        <v>8023</v>
      </c>
      <c r="G13274" t="s">
        <v>80</v>
      </c>
      <c r="H13274" t="s">
        <v>81</v>
      </c>
      <c r="I13274" s="2">
        <v>0</v>
      </c>
      <c r="J13274" s="2">
        <v>0</v>
      </c>
      <c r="K13274" s="2">
        <v>1</v>
      </c>
      <c r="L13274" t="s">
        <v>995</v>
      </c>
      <c r="M13274" t="s">
        <v>83</v>
      </c>
      <c r="N13274" t="s">
        <v>84</v>
      </c>
      <c r="O13274" t="s">
        <v>85</v>
      </c>
      <c r="P13274" t="s">
        <v>86</v>
      </c>
      <c r="Q13274">
        <v>76</v>
      </c>
      <c r="R13274">
        <v>78</v>
      </c>
      <c r="S13274">
        <v>79</v>
      </c>
      <c r="T13274">
        <v>80</v>
      </c>
      <c r="U13274">
        <v>81</v>
      </c>
      <c r="V13274">
        <v>82</v>
      </c>
      <c r="W13274">
        <v>83</v>
      </c>
      <c r="X13274">
        <v>84</v>
      </c>
      <c r="Y13274">
        <v>85</v>
      </c>
      <c r="Z13274">
        <v>86</v>
      </c>
      <c r="AA13274">
        <v>87</v>
      </c>
      <c r="AB13274">
        <v>88</v>
      </c>
      <c r="AC13274">
        <v>89</v>
      </c>
      <c r="AD13274">
        <v>90</v>
      </c>
      <c r="AE13274">
        <v>91</v>
      </c>
      <c r="AF13274">
        <v>92</v>
      </c>
      <c r="AG13274">
        <v>93</v>
      </c>
      <c r="AH13274">
        <v>93</v>
      </c>
      <c r="AI13274">
        <v>94</v>
      </c>
      <c r="AJ13274">
        <v>95</v>
      </c>
      <c r="AK13274">
        <v>96</v>
      </c>
      <c r="AL13274">
        <v>96</v>
      </c>
      <c r="AM13274">
        <v>96</v>
      </c>
      <c r="AN13274">
        <v>96</v>
      </c>
      <c r="AO13274">
        <v>95</v>
      </c>
      <c r="AP13274">
        <v>95</v>
      </c>
      <c r="AQ13274">
        <v>95</v>
      </c>
    </row>
    <row r="13275" spans="1:43">
      <c r="A13275" t="s">
        <v>8240</v>
      </c>
      <c r="B13275" t="s">
        <v>8241</v>
      </c>
      <c r="C13275" t="s">
        <v>8236</v>
      </c>
      <c r="D13275" t="s">
        <v>8237</v>
      </c>
      <c r="E13275" t="s">
        <v>8022</v>
      </c>
      <c r="F13275" t="s">
        <v>8023</v>
      </c>
      <c r="G13275" t="s">
        <v>80</v>
      </c>
      <c r="H13275" t="s">
        <v>81</v>
      </c>
      <c r="I13275" s="2">
        <v>0</v>
      </c>
      <c r="J13275" s="2">
        <v>0</v>
      </c>
      <c r="K13275" s="2">
        <v>1</v>
      </c>
      <c r="L13275" t="s">
        <v>995</v>
      </c>
      <c r="M13275" t="s">
        <v>87</v>
      </c>
      <c r="N13275" t="s">
        <v>88</v>
      </c>
      <c r="O13275" t="s">
        <v>85</v>
      </c>
      <c r="P13275" t="s">
        <v>86</v>
      </c>
      <c r="Q13275">
        <v>76</v>
      </c>
      <c r="R13275">
        <v>76</v>
      </c>
      <c r="S13275">
        <v>76</v>
      </c>
      <c r="T13275">
        <v>77</v>
      </c>
      <c r="U13275">
        <v>77</v>
      </c>
      <c r="V13275">
        <v>78</v>
      </c>
      <c r="W13275">
        <v>78</v>
      </c>
      <c r="X13275">
        <v>78</v>
      </c>
      <c r="Y13275">
        <v>79</v>
      </c>
      <c r="Z13275">
        <v>79</v>
      </c>
      <c r="AA13275">
        <v>79</v>
      </c>
      <c r="AB13275">
        <v>80</v>
      </c>
      <c r="AC13275">
        <v>80</v>
      </c>
      <c r="AD13275">
        <v>80</v>
      </c>
      <c r="AE13275">
        <v>80</v>
      </c>
      <c r="AF13275">
        <v>81</v>
      </c>
      <c r="AG13275">
        <v>81</v>
      </c>
      <c r="AH13275">
        <v>81</v>
      </c>
      <c r="AI13275">
        <v>81</v>
      </c>
      <c r="AJ13275">
        <v>81</v>
      </c>
      <c r="AK13275">
        <v>82</v>
      </c>
      <c r="AL13275">
        <v>82</v>
      </c>
      <c r="AM13275">
        <v>82</v>
      </c>
      <c r="AN13275">
        <v>82</v>
      </c>
      <c r="AO13275">
        <v>82</v>
      </c>
      <c r="AP13275">
        <v>82</v>
      </c>
      <c r="AQ13275">
        <v>82</v>
      </c>
    </row>
    <row r="13276" spans="1:43">
      <c r="A13276" t="s">
        <v>8240</v>
      </c>
      <c r="B13276" t="s">
        <v>8241</v>
      </c>
      <c r="C13276" t="s">
        <v>8236</v>
      </c>
      <c r="D13276" t="s">
        <v>8237</v>
      </c>
      <c r="E13276" t="s">
        <v>8022</v>
      </c>
      <c r="F13276" t="s">
        <v>8023</v>
      </c>
      <c r="G13276" t="s">
        <v>80</v>
      </c>
      <c r="H13276" t="s">
        <v>81</v>
      </c>
      <c r="I13276" s="2">
        <v>0</v>
      </c>
      <c r="J13276" s="2">
        <v>0</v>
      </c>
      <c r="K13276" s="2">
        <v>1</v>
      </c>
      <c r="L13276" t="s">
        <v>995</v>
      </c>
      <c r="M13276" t="s">
        <v>89</v>
      </c>
      <c r="N13276" t="s">
        <v>90</v>
      </c>
      <c r="O13276" t="s">
        <v>85</v>
      </c>
      <c r="P13276" t="s">
        <v>86</v>
      </c>
      <c r="Q13276">
        <v>76</v>
      </c>
      <c r="R13276">
        <v>78</v>
      </c>
      <c r="S13276">
        <v>80</v>
      </c>
      <c r="T13276">
        <v>81</v>
      </c>
      <c r="U13276">
        <v>83</v>
      </c>
      <c r="V13276">
        <v>85</v>
      </c>
      <c r="W13276">
        <v>86</v>
      </c>
      <c r="X13276">
        <v>88</v>
      </c>
      <c r="Y13276">
        <v>89</v>
      </c>
      <c r="Z13276">
        <v>90</v>
      </c>
      <c r="AA13276">
        <v>92</v>
      </c>
      <c r="AB13276">
        <v>93</v>
      </c>
      <c r="AC13276">
        <v>94</v>
      </c>
      <c r="AD13276">
        <v>96</v>
      </c>
      <c r="AE13276">
        <v>96</v>
      </c>
      <c r="AF13276">
        <v>96</v>
      </c>
      <c r="AG13276">
        <v>96</v>
      </c>
      <c r="AH13276">
        <v>96</v>
      </c>
      <c r="AI13276">
        <v>96</v>
      </c>
      <c r="AJ13276">
        <v>96</v>
      </c>
      <c r="AK13276">
        <v>96</v>
      </c>
      <c r="AL13276">
        <v>96</v>
      </c>
      <c r="AM13276">
        <v>96</v>
      </c>
      <c r="AN13276">
        <v>95</v>
      </c>
      <c r="AO13276">
        <v>95</v>
      </c>
      <c r="AP13276">
        <v>95</v>
      </c>
      <c r="AQ13276">
        <v>95</v>
      </c>
    </row>
    <row r="13277" spans="1:43">
      <c r="A13277" t="s">
        <v>8240</v>
      </c>
      <c r="B13277" t="s">
        <v>8241</v>
      </c>
      <c r="C13277" t="s">
        <v>8236</v>
      </c>
      <c r="D13277" t="s">
        <v>8237</v>
      </c>
      <c r="E13277" t="s">
        <v>8022</v>
      </c>
      <c r="F13277" t="s">
        <v>8023</v>
      </c>
      <c r="G13277" t="s">
        <v>80</v>
      </c>
      <c r="H13277" t="s">
        <v>81</v>
      </c>
      <c r="I13277" s="2">
        <v>0</v>
      </c>
      <c r="J13277" s="2">
        <v>0</v>
      </c>
      <c r="K13277" s="2">
        <v>1</v>
      </c>
      <c r="L13277" t="s">
        <v>995</v>
      </c>
      <c r="M13277" t="s">
        <v>83</v>
      </c>
      <c r="N13277" t="s">
        <v>91</v>
      </c>
      <c r="O13277" t="s">
        <v>85</v>
      </c>
      <c r="P13277" t="s">
        <v>86</v>
      </c>
      <c r="Q13277">
        <v>76</v>
      </c>
      <c r="R13277">
        <v>78</v>
      </c>
      <c r="S13277">
        <v>79</v>
      </c>
      <c r="T13277">
        <v>80</v>
      </c>
      <c r="U13277">
        <v>81</v>
      </c>
      <c r="V13277">
        <v>82</v>
      </c>
      <c r="W13277">
        <v>83</v>
      </c>
      <c r="X13277">
        <v>84</v>
      </c>
      <c r="Y13277">
        <v>85</v>
      </c>
      <c r="Z13277">
        <v>86</v>
      </c>
      <c r="AA13277">
        <v>87</v>
      </c>
      <c r="AB13277">
        <v>88</v>
      </c>
      <c r="AC13277">
        <v>89</v>
      </c>
      <c r="AD13277">
        <v>90</v>
      </c>
      <c r="AE13277">
        <v>91</v>
      </c>
      <c r="AF13277">
        <v>92</v>
      </c>
      <c r="AG13277">
        <v>93</v>
      </c>
      <c r="AH13277">
        <v>93</v>
      </c>
      <c r="AI13277">
        <v>94</v>
      </c>
      <c r="AJ13277">
        <v>95</v>
      </c>
      <c r="AK13277">
        <v>96</v>
      </c>
      <c r="AL13277">
        <v>96</v>
      </c>
      <c r="AM13277">
        <v>96</v>
      </c>
      <c r="AN13277">
        <v>96</v>
      </c>
      <c r="AO13277">
        <v>95</v>
      </c>
      <c r="AP13277">
        <v>95</v>
      </c>
      <c r="AQ13277">
        <v>95</v>
      </c>
    </row>
    <row r="13278" spans="1:43">
      <c r="A13278" t="s">
        <v>8242</v>
      </c>
      <c r="B13278" t="s">
        <v>8243</v>
      </c>
      <c r="C13278" t="s">
        <v>8236</v>
      </c>
      <c r="D13278" t="s">
        <v>8237</v>
      </c>
      <c r="E13278" t="s">
        <v>8022</v>
      </c>
      <c r="F13278" t="s">
        <v>8023</v>
      </c>
      <c r="G13278" t="s">
        <v>80</v>
      </c>
      <c r="H13278" t="s">
        <v>81</v>
      </c>
      <c r="I13278" s="2">
        <v>0</v>
      </c>
      <c r="J13278" s="2">
        <v>0</v>
      </c>
      <c r="K13278" s="2">
        <v>1</v>
      </c>
      <c r="L13278" t="s">
        <v>995</v>
      </c>
      <c r="M13278" t="s">
        <v>83</v>
      </c>
      <c r="N13278" t="s">
        <v>84</v>
      </c>
      <c r="O13278" t="s">
        <v>85</v>
      </c>
      <c r="P13278" t="s">
        <v>86</v>
      </c>
      <c r="Q13278">
        <v>33</v>
      </c>
      <c r="R13278">
        <v>34</v>
      </c>
      <c r="S13278">
        <v>34</v>
      </c>
      <c r="T13278">
        <v>35</v>
      </c>
      <c r="U13278">
        <v>35</v>
      </c>
      <c r="V13278">
        <v>35</v>
      </c>
      <c r="W13278">
        <v>36</v>
      </c>
      <c r="X13278">
        <v>36</v>
      </c>
      <c r="Y13278">
        <v>37</v>
      </c>
      <c r="Z13278">
        <v>37</v>
      </c>
      <c r="AA13278">
        <v>37</v>
      </c>
      <c r="AB13278">
        <v>38</v>
      </c>
      <c r="AC13278">
        <v>38</v>
      </c>
      <c r="AD13278">
        <v>39</v>
      </c>
      <c r="AE13278">
        <v>39</v>
      </c>
      <c r="AF13278">
        <v>39</v>
      </c>
      <c r="AG13278">
        <v>39</v>
      </c>
      <c r="AH13278">
        <v>40</v>
      </c>
      <c r="AI13278">
        <v>40</v>
      </c>
      <c r="AJ13278">
        <v>40</v>
      </c>
      <c r="AK13278">
        <v>41</v>
      </c>
      <c r="AL13278">
        <v>41</v>
      </c>
      <c r="AM13278">
        <v>41</v>
      </c>
      <c r="AN13278">
        <v>40</v>
      </c>
      <c r="AO13278">
        <v>40</v>
      </c>
      <c r="AP13278">
        <v>40</v>
      </c>
      <c r="AQ13278">
        <v>40</v>
      </c>
    </row>
    <row r="13279" spans="1:43">
      <c r="A13279" t="s">
        <v>8242</v>
      </c>
      <c r="B13279" t="s">
        <v>8243</v>
      </c>
      <c r="C13279" t="s">
        <v>8236</v>
      </c>
      <c r="D13279" t="s">
        <v>8237</v>
      </c>
      <c r="E13279" t="s">
        <v>8022</v>
      </c>
      <c r="F13279" t="s">
        <v>8023</v>
      </c>
      <c r="G13279" t="s">
        <v>80</v>
      </c>
      <c r="H13279" t="s">
        <v>81</v>
      </c>
      <c r="I13279" s="2">
        <v>0</v>
      </c>
      <c r="J13279" s="2">
        <v>0</v>
      </c>
      <c r="K13279" s="2">
        <v>1</v>
      </c>
      <c r="L13279" t="s">
        <v>995</v>
      </c>
      <c r="M13279" t="s">
        <v>87</v>
      </c>
      <c r="N13279" t="s">
        <v>88</v>
      </c>
      <c r="O13279" t="s">
        <v>85</v>
      </c>
      <c r="P13279" t="s">
        <v>86</v>
      </c>
      <c r="Q13279">
        <v>33</v>
      </c>
      <c r="R13279">
        <v>33</v>
      </c>
      <c r="S13279">
        <v>33</v>
      </c>
      <c r="T13279">
        <v>33</v>
      </c>
      <c r="U13279">
        <v>33</v>
      </c>
      <c r="V13279">
        <v>34</v>
      </c>
      <c r="W13279">
        <v>34</v>
      </c>
      <c r="X13279">
        <v>34</v>
      </c>
      <c r="Y13279">
        <v>34</v>
      </c>
      <c r="Z13279">
        <v>34</v>
      </c>
      <c r="AA13279">
        <v>34</v>
      </c>
      <c r="AB13279">
        <v>34</v>
      </c>
      <c r="AC13279">
        <v>34</v>
      </c>
      <c r="AD13279">
        <v>34</v>
      </c>
      <c r="AE13279">
        <v>34</v>
      </c>
      <c r="AF13279">
        <v>35</v>
      </c>
      <c r="AG13279">
        <v>35</v>
      </c>
      <c r="AH13279">
        <v>35</v>
      </c>
      <c r="AI13279">
        <v>35</v>
      </c>
      <c r="AJ13279">
        <v>35</v>
      </c>
      <c r="AK13279">
        <v>35</v>
      </c>
      <c r="AL13279">
        <v>35</v>
      </c>
      <c r="AM13279">
        <v>35</v>
      </c>
      <c r="AN13279">
        <v>35</v>
      </c>
      <c r="AO13279">
        <v>35</v>
      </c>
      <c r="AP13279">
        <v>35</v>
      </c>
      <c r="AQ13279">
        <v>35</v>
      </c>
    </row>
    <row r="13280" spans="1:43">
      <c r="A13280" t="s">
        <v>8242</v>
      </c>
      <c r="B13280" t="s">
        <v>8243</v>
      </c>
      <c r="C13280" t="s">
        <v>8236</v>
      </c>
      <c r="D13280" t="s">
        <v>8237</v>
      </c>
      <c r="E13280" t="s">
        <v>8022</v>
      </c>
      <c r="F13280" t="s">
        <v>8023</v>
      </c>
      <c r="G13280" t="s">
        <v>80</v>
      </c>
      <c r="H13280" t="s">
        <v>81</v>
      </c>
      <c r="I13280" s="2">
        <v>0</v>
      </c>
      <c r="J13280" s="2">
        <v>0</v>
      </c>
      <c r="K13280" s="2">
        <v>1</v>
      </c>
      <c r="L13280" t="s">
        <v>995</v>
      </c>
      <c r="M13280" t="s">
        <v>89</v>
      </c>
      <c r="N13280" t="s">
        <v>90</v>
      </c>
      <c r="O13280" t="s">
        <v>85</v>
      </c>
      <c r="P13280" t="s">
        <v>86</v>
      </c>
      <c r="Q13280">
        <v>33</v>
      </c>
      <c r="R13280">
        <v>33</v>
      </c>
      <c r="S13280">
        <v>34</v>
      </c>
      <c r="T13280">
        <v>35</v>
      </c>
      <c r="U13280">
        <v>35</v>
      </c>
      <c r="V13280">
        <v>36</v>
      </c>
      <c r="W13280">
        <v>37</v>
      </c>
      <c r="X13280">
        <v>37</v>
      </c>
      <c r="Y13280">
        <v>38</v>
      </c>
      <c r="Z13280">
        <v>38</v>
      </c>
      <c r="AA13280">
        <v>39</v>
      </c>
      <c r="AB13280">
        <v>39</v>
      </c>
      <c r="AC13280">
        <v>40</v>
      </c>
      <c r="AD13280">
        <v>40</v>
      </c>
      <c r="AE13280">
        <v>41</v>
      </c>
      <c r="AF13280">
        <v>41</v>
      </c>
      <c r="AG13280">
        <v>40</v>
      </c>
      <c r="AH13280">
        <v>40</v>
      </c>
      <c r="AI13280">
        <v>40</v>
      </c>
      <c r="AJ13280">
        <v>40</v>
      </c>
      <c r="AK13280">
        <v>40</v>
      </c>
      <c r="AL13280">
        <v>40</v>
      </c>
      <c r="AM13280">
        <v>40</v>
      </c>
      <c r="AN13280">
        <v>40</v>
      </c>
      <c r="AO13280">
        <v>39</v>
      </c>
      <c r="AP13280">
        <v>39</v>
      </c>
      <c r="AQ13280">
        <v>39</v>
      </c>
    </row>
    <row r="13281" spans="1:43">
      <c r="A13281" t="s">
        <v>8242</v>
      </c>
      <c r="B13281" t="s">
        <v>8243</v>
      </c>
      <c r="C13281" t="s">
        <v>8236</v>
      </c>
      <c r="D13281" t="s">
        <v>8237</v>
      </c>
      <c r="E13281" t="s">
        <v>8022</v>
      </c>
      <c r="F13281" t="s">
        <v>8023</v>
      </c>
      <c r="G13281" t="s">
        <v>80</v>
      </c>
      <c r="H13281" t="s">
        <v>81</v>
      </c>
      <c r="I13281" s="2">
        <v>0</v>
      </c>
      <c r="J13281" s="2">
        <v>0</v>
      </c>
      <c r="K13281" s="2">
        <v>1</v>
      </c>
      <c r="L13281" t="s">
        <v>995</v>
      </c>
      <c r="M13281" t="s">
        <v>83</v>
      </c>
      <c r="N13281" t="s">
        <v>91</v>
      </c>
      <c r="O13281" t="s">
        <v>85</v>
      </c>
      <c r="P13281" t="s">
        <v>86</v>
      </c>
      <c r="Q13281">
        <v>33</v>
      </c>
      <c r="R13281">
        <v>34</v>
      </c>
      <c r="S13281">
        <v>34</v>
      </c>
      <c r="T13281">
        <v>35</v>
      </c>
      <c r="U13281">
        <v>35</v>
      </c>
      <c r="V13281">
        <v>35</v>
      </c>
      <c r="W13281">
        <v>36</v>
      </c>
      <c r="X13281">
        <v>36</v>
      </c>
      <c r="Y13281">
        <v>37</v>
      </c>
      <c r="Z13281">
        <v>37</v>
      </c>
      <c r="AA13281">
        <v>37</v>
      </c>
      <c r="AB13281">
        <v>38</v>
      </c>
      <c r="AC13281">
        <v>38</v>
      </c>
      <c r="AD13281">
        <v>39</v>
      </c>
      <c r="AE13281">
        <v>39</v>
      </c>
      <c r="AF13281">
        <v>39</v>
      </c>
      <c r="AG13281">
        <v>39</v>
      </c>
      <c r="AH13281">
        <v>40</v>
      </c>
      <c r="AI13281">
        <v>40</v>
      </c>
      <c r="AJ13281">
        <v>40</v>
      </c>
      <c r="AK13281">
        <v>41</v>
      </c>
      <c r="AL13281">
        <v>41</v>
      </c>
      <c r="AM13281">
        <v>41</v>
      </c>
      <c r="AN13281">
        <v>40</v>
      </c>
      <c r="AO13281">
        <v>40</v>
      </c>
      <c r="AP13281">
        <v>40</v>
      </c>
      <c r="AQ13281">
        <v>40</v>
      </c>
    </row>
    <row r="13282" spans="1:43">
      <c r="A13282" t="s">
        <v>8244</v>
      </c>
      <c r="B13282" t="s">
        <v>8245</v>
      </c>
      <c r="C13282" t="s">
        <v>8058</v>
      </c>
      <c r="D13282" t="s">
        <v>8059</v>
      </c>
      <c r="E13282" t="s">
        <v>8022</v>
      </c>
      <c r="F13282" t="s">
        <v>8023</v>
      </c>
      <c r="G13282" t="s">
        <v>80</v>
      </c>
      <c r="H13282" t="s">
        <v>81</v>
      </c>
      <c r="I13282" s="2">
        <v>0</v>
      </c>
      <c r="J13282" s="2">
        <v>0</v>
      </c>
      <c r="K13282" s="2">
        <v>1</v>
      </c>
      <c r="L13282" t="s">
        <v>995</v>
      </c>
      <c r="M13282" t="s">
        <v>83</v>
      </c>
      <c r="N13282" t="s">
        <v>84</v>
      </c>
      <c r="O13282" t="s">
        <v>85</v>
      </c>
      <c r="P13282" t="s">
        <v>86</v>
      </c>
      <c r="Q13282">
        <v>13</v>
      </c>
      <c r="R13282">
        <v>14</v>
      </c>
      <c r="S13282">
        <v>14</v>
      </c>
      <c r="T13282">
        <v>14</v>
      </c>
      <c r="U13282">
        <v>14</v>
      </c>
      <c r="V13282">
        <v>14</v>
      </c>
      <c r="W13282">
        <v>14</v>
      </c>
      <c r="X13282">
        <v>15</v>
      </c>
      <c r="Y13282">
        <v>15</v>
      </c>
      <c r="Z13282">
        <v>15</v>
      </c>
      <c r="AA13282">
        <v>15</v>
      </c>
      <c r="AB13282">
        <v>15</v>
      </c>
      <c r="AC13282">
        <v>16</v>
      </c>
      <c r="AD13282">
        <v>16</v>
      </c>
      <c r="AE13282">
        <v>16</v>
      </c>
      <c r="AF13282">
        <v>16</v>
      </c>
      <c r="AG13282">
        <v>16</v>
      </c>
      <c r="AH13282">
        <v>16</v>
      </c>
      <c r="AI13282">
        <v>17</v>
      </c>
      <c r="AJ13282">
        <v>17</v>
      </c>
      <c r="AK13282">
        <v>17</v>
      </c>
      <c r="AL13282">
        <v>17</v>
      </c>
      <c r="AM13282">
        <v>17</v>
      </c>
      <c r="AN13282">
        <v>17</v>
      </c>
      <c r="AO13282">
        <v>17</v>
      </c>
      <c r="AP13282">
        <v>17</v>
      </c>
      <c r="AQ13282">
        <v>17</v>
      </c>
    </row>
    <row r="13283" spans="1:43">
      <c r="A13283" t="s">
        <v>8244</v>
      </c>
      <c r="B13283" t="s">
        <v>8245</v>
      </c>
      <c r="C13283" t="s">
        <v>8058</v>
      </c>
      <c r="D13283" t="s">
        <v>8059</v>
      </c>
      <c r="E13283" t="s">
        <v>8022</v>
      </c>
      <c r="F13283" t="s">
        <v>8023</v>
      </c>
      <c r="G13283" t="s">
        <v>80</v>
      </c>
      <c r="H13283" t="s">
        <v>81</v>
      </c>
      <c r="I13283" s="2">
        <v>0</v>
      </c>
      <c r="J13283" s="2">
        <v>0</v>
      </c>
      <c r="K13283" s="2">
        <v>1</v>
      </c>
      <c r="L13283" t="s">
        <v>995</v>
      </c>
      <c r="M13283" t="s">
        <v>87</v>
      </c>
      <c r="N13283" t="s">
        <v>88</v>
      </c>
      <c r="O13283" t="s">
        <v>85</v>
      </c>
      <c r="P13283" t="s">
        <v>86</v>
      </c>
      <c r="Q13283">
        <v>13</v>
      </c>
      <c r="R13283">
        <v>13</v>
      </c>
      <c r="S13283">
        <v>13</v>
      </c>
      <c r="T13283">
        <v>13</v>
      </c>
      <c r="U13283">
        <v>13</v>
      </c>
      <c r="V13283">
        <v>14</v>
      </c>
      <c r="W13283">
        <v>14</v>
      </c>
      <c r="X13283">
        <v>14</v>
      </c>
      <c r="Y13283">
        <v>14</v>
      </c>
      <c r="Z13283">
        <v>14</v>
      </c>
      <c r="AA13283">
        <v>14</v>
      </c>
      <c r="AB13283">
        <v>14</v>
      </c>
      <c r="AC13283">
        <v>14</v>
      </c>
      <c r="AD13283">
        <v>14</v>
      </c>
      <c r="AE13283">
        <v>14</v>
      </c>
      <c r="AF13283">
        <v>14</v>
      </c>
      <c r="AG13283">
        <v>14</v>
      </c>
      <c r="AH13283">
        <v>14</v>
      </c>
      <c r="AI13283">
        <v>14</v>
      </c>
      <c r="AJ13283">
        <v>14</v>
      </c>
      <c r="AK13283">
        <v>14</v>
      </c>
      <c r="AL13283">
        <v>14</v>
      </c>
      <c r="AM13283">
        <v>14</v>
      </c>
      <c r="AN13283">
        <v>14</v>
      </c>
      <c r="AO13283">
        <v>14</v>
      </c>
      <c r="AP13283">
        <v>14</v>
      </c>
      <c r="AQ13283">
        <v>14</v>
      </c>
    </row>
    <row r="13284" spans="1:43">
      <c r="A13284" t="s">
        <v>8244</v>
      </c>
      <c r="B13284" t="s">
        <v>8245</v>
      </c>
      <c r="C13284" t="s">
        <v>8058</v>
      </c>
      <c r="D13284" t="s">
        <v>8059</v>
      </c>
      <c r="E13284" t="s">
        <v>8022</v>
      </c>
      <c r="F13284" t="s">
        <v>8023</v>
      </c>
      <c r="G13284" t="s">
        <v>80</v>
      </c>
      <c r="H13284" t="s">
        <v>81</v>
      </c>
      <c r="I13284" s="2">
        <v>0</v>
      </c>
      <c r="J13284" s="2">
        <v>0</v>
      </c>
      <c r="K13284" s="2">
        <v>1</v>
      </c>
      <c r="L13284" t="s">
        <v>995</v>
      </c>
      <c r="M13284" t="s">
        <v>89</v>
      </c>
      <c r="N13284" t="s">
        <v>90</v>
      </c>
      <c r="O13284" t="s">
        <v>85</v>
      </c>
      <c r="P13284" t="s">
        <v>86</v>
      </c>
      <c r="Q13284">
        <v>13</v>
      </c>
      <c r="R13284">
        <v>14</v>
      </c>
      <c r="S13284">
        <v>14</v>
      </c>
      <c r="T13284">
        <v>14</v>
      </c>
      <c r="U13284">
        <v>15</v>
      </c>
      <c r="V13284">
        <v>15</v>
      </c>
      <c r="W13284">
        <v>15</v>
      </c>
      <c r="X13284">
        <v>15</v>
      </c>
      <c r="Y13284">
        <v>16</v>
      </c>
      <c r="Z13284">
        <v>16</v>
      </c>
      <c r="AA13284">
        <v>16</v>
      </c>
      <c r="AB13284">
        <v>16</v>
      </c>
      <c r="AC13284">
        <v>17</v>
      </c>
      <c r="AD13284">
        <v>17</v>
      </c>
      <c r="AE13284">
        <v>17</v>
      </c>
      <c r="AF13284">
        <v>17</v>
      </c>
      <c r="AG13284">
        <v>17</v>
      </c>
      <c r="AH13284">
        <v>17</v>
      </c>
      <c r="AI13284">
        <v>17</v>
      </c>
      <c r="AJ13284">
        <v>17</v>
      </c>
      <c r="AK13284">
        <v>17</v>
      </c>
      <c r="AL13284">
        <v>17</v>
      </c>
      <c r="AM13284">
        <v>17</v>
      </c>
      <c r="AN13284">
        <v>17</v>
      </c>
      <c r="AO13284">
        <v>17</v>
      </c>
      <c r="AP13284">
        <v>17</v>
      </c>
      <c r="AQ13284">
        <v>17</v>
      </c>
    </row>
    <row r="13285" spans="1:43">
      <c r="A13285" t="s">
        <v>8244</v>
      </c>
      <c r="B13285" t="s">
        <v>8245</v>
      </c>
      <c r="C13285" t="s">
        <v>8058</v>
      </c>
      <c r="D13285" t="s">
        <v>8059</v>
      </c>
      <c r="E13285" t="s">
        <v>8022</v>
      </c>
      <c r="F13285" t="s">
        <v>8023</v>
      </c>
      <c r="G13285" t="s">
        <v>80</v>
      </c>
      <c r="H13285" t="s">
        <v>81</v>
      </c>
      <c r="I13285" s="2">
        <v>0</v>
      </c>
      <c r="J13285" s="2">
        <v>0</v>
      </c>
      <c r="K13285" s="2">
        <v>1</v>
      </c>
      <c r="L13285" t="s">
        <v>995</v>
      </c>
      <c r="M13285" t="s">
        <v>83</v>
      </c>
      <c r="N13285" t="s">
        <v>91</v>
      </c>
      <c r="O13285" t="s">
        <v>85</v>
      </c>
      <c r="P13285" t="s">
        <v>86</v>
      </c>
      <c r="Q13285">
        <v>13</v>
      </c>
      <c r="R13285">
        <v>14</v>
      </c>
      <c r="S13285">
        <v>14</v>
      </c>
      <c r="T13285">
        <v>14</v>
      </c>
      <c r="U13285">
        <v>14</v>
      </c>
      <c r="V13285">
        <v>14</v>
      </c>
      <c r="W13285">
        <v>14</v>
      </c>
      <c r="X13285">
        <v>15</v>
      </c>
      <c r="Y13285">
        <v>15</v>
      </c>
      <c r="Z13285">
        <v>15</v>
      </c>
      <c r="AA13285">
        <v>15</v>
      </c>
      <c r="AB13285">
        <v>15</v>
      </c>
      <c r="AC13285">
        <v>16</v>
      </c>
      <c r="AD13285">
        <v>16</v>
      </c>
      <c r="AE13285">
        <v>16</v>
      </c>
      <c r="AF13285">
        <v>16</v>
      </c>
      <c r="AG13285">
        <v>16</v>
      </c>
      <c r="AH13285">
        <v>16</v>
      </c>
      <c r="AI13285">
        <v>17</v>
      </c>
      <c r="AJ13285">
        <v>17</v>
      </c>
      <c r="AK13285">
        <v>17</v>
      </c>
      <c r="AL13285">
        <v>17</v>
      </c>
      <c r="AM13285">
        <v>17</v>
      </c>
      <c r="AN13285">
        <v>17</v>
      </c>
      <c r="AO13285">
        <v>17</v>
      </c>
      <c r="AP13285">
        <v>17</v>
      </c>
      <c r="AQ13285">
        <v>17</v>
      </c>
    </row>
    <row r="13286" spans="1:43">
      <c r="A13286" t="s">
        <v>8246</v>
      </c>
      <c r="B13286" t="s">
        <v>8247</v>
      </c>
      <c r="C13286" t="s">
        <v>8058</v>
      </c>
      <c r="D13286" t="s">
        <v>8059</v>
      </c>
      <c r="E13286" t="s">
        <v>8022</v>
      </c>
      <c r="F13286" t="s">
        <v>8023</v>
      </c>
      <c r="G13286" t="s">
        <v>80</v>
      </c>
      <c r="H13286" t="s">
        <v>81</v>
      </c>
      <c r="I13286" s="2">
        <v>0</v>
      </c>
      <c r="J13286" s="2">
        <v>0</v>
      </c>
      <c r="K13286" s="2">
        <v>1</v>
      </c>
      <c r="L13286" t="s">
        <v>995</v>
      </c>
      <c r="M13286" t="s">
        <v>83</v>
      </c>
      <c r="N13286" t="s">
        <v>84</v>
      </c>
      <c r="O13286" t="s">
        <v>85</v>
      </c>
      <c r="P13286" t="s">
        <v>86</v>
      </c>
      <c r="Q13286">
        <v>53</v>
      </c>
      <c r="R13286">
        <v>54</v>
      </c>
      <c r="S13286">
        <v>55</v>
      </c>
      <c r="T13286">
        <v>56</v>
      </c>
      <c r="U13286">
        <v>56</v>
      </c>
      <c r="V13286">
        <v>57</v>
      </c>
      <c r="W13286">
        <v>58</v>
      </c>
      <c r="X13286">
        <v>59</v>
      </c>
      <c r="Y13286">
        <v>59</v>
      </c>
      <c r="Z13286">
        <v>60</v>
      </c>
      <c r="AA13286">
        <v>61</v>
      </c>
      <c r="AB13286">
        <v>62</v>
      </c>
      <c r="AC13286">
        <v>62</v>
      </c>
      <c r="AD13286">
        <v>63</v>
      </c>
      <c r="AE13286">
        <v>63</v>
      </c>
      <c r="AF13286">
        <v>64</v>
      </c>
      <c r="AG13286">
        <v>65</v>
      </c>
      <c r="AH13286">
        <v>65</v>
      </c>
      <c r="AI13286">
        <v>66</v>
      </c>
      <c r="AJ13286">
        <v>67</v>
      </c>
      <c r="AK13286">
        <v>67</v>
      </c>
      <c r="AL13286">
        <v>67</v>
      </c>
      <c r="AM13286">
        <v>67</v>
      </c>
      <c r="AN13286">
        <v>67</v>
      </c>
      <c r="AO13286">
        <v>67</v>
      </c>
      <c r="AP13286">
        <v>67</v>
      </c>
      <c r="AQ13286">
        <v>67</v>
      </c>
    </row>
    <row r="13287" spans="1:43">
      <c r="A13287" t="s">
        <v>8246</v>
      </c>
      <c r="B13287" t="s">
        <v>8247</v>
      </c>
      <c r="C13287" t="s">
        <v>8058</v>
      </c>
      <c r="D13287" t="s">
        <v>8059</v>
      </c>
      <c r="E13287" t="s">
        <v>8022</v>
      </c>
      <c r="F13287" t="s">
        <v>8023</v>
      </c>
      <c r="G13287" t="s">
        <v>80</v>
      </c>
      <c r="H13287" t="s">
        <v>81</v>
      </c>
      <c r="I13287" s="2">
        <v>0</v>
      </c>
      <c r="J13287" s="2">
        <v>0</v>
      </c>
      <c r="K13287" s="2">
        <v>1</v>
      </c>
      <c r="L13287" t="s">
        <v>995</v>
      </c>
      <c r="M13287" t="s">
        <v>87</v>
      </c>
      <c r="N13287" t="s">
        <v>88</v>
      </c>
      <c r="O13287" t="s">
        <v>85</v>
      </c>
      <c r="P13287" t="s">
        <v>86</v>
      </c>
      <c r="Q13287">
        <v>53</v>
      </c>
      <c r="R13287">
        <v>53</v>
      </c>
      <c r="S13287">
        <v>53</v>
      </c>
      <c r="T13287">
        <v>54</v>
      </c>
      <c r="U13287">
        <v>54</v>
      </c>
      <c r="V13287">
        <v>54</v>
      </c>
      <c r="W13287">
        <v>54</v>
      </c>
      <c r="X13287">
        <v>55</v>
      </c>
      <c r="Y13287">
        <v>55</v>
      </c>
      <c r="Z13287">
        <v>55</v>
      </c>
      <c r="AA13287">
        <v>55</v>
      </c>
      <c r="AB13287">
        <v>56</v>
      </c>
      <c r="AC13287">
        <v>56</v>
      </c>
      <c r="AD13287">
        <v>56</v>
      </c>
      <c r="AE13287">
        <v>56</v>
      </c>
      <c r="AF13287">
        <v>56</v>
      </c>
      <c r="AG13287">
        <v>56</v>
      </c>
      <c r="AH13287">
        <v>57</v>
      </c>
      <c r="AI13287">
        <v>57</v>
      </c>
      <c r="AJ13287">
        <v>57</v>
      </c>
      <c r="AK13287">
        <v>57</v>
      </c>
      <c r="AL13287">
        <v>57</v>
      </c>
      <c r="AM13287">
        <v>57</v>
      </c>
      <c r="AN13287">
        <v>57</v>
      </c>
      <c r="AO13287">
        <v>58</v>
      </c>
      <c r="AP13287">
        <v>58</v>
      </c>
      <c r="AQ13287">
        <v>58</v>
      </c>
    </row>
    <row r="13288" spans="1:43">
      <c r="A13288" t="s">
        <v>8246</v>
      </c>
      <c r="B13288" t="s">
        <v>8247</v>
      </c>
      <c r="C13288" t="s">
        <v>8058</v>
      </c>
      <c r="D13288" t="s">
        <v>8059</v>
      </c>
      <c r="E13288" t="s">
        <v>8022</v>
      </c>
      <c r="F13288" t="s">
        <v>8023</v>
      </c>
      <c r="G13288" t="s">
        <v>80</v>
      </c>
      <c r="H13288" t="s">
        <v>81</v>
      </c>
      <c r="I13288" s="2">
        <v>0</v>
      </c>
      <c r="J13288" s="2">
        <v>0</v>
      </c>
      <c r="K13288" s="2">
        <v>1</v>
      </c>
      <c r="L13288" t="s">
        <v>995</v>
      </c>
      <c r="M13288" t="s">
        <v>89</v>
      </c>
      <c r="N13288" t="s">
        <v>90</v>
      </c>
      <c r="O13288" t="s">
        <v>85</v>
      </c>
      <c r="P13288" t="s">
        <v>86</v>
      </c>
      <c r="Q13288">
        <v>53</v>
      </c>
      <c r="R13288">
        <v>54</v>
      </c>
      <c r="S13288">
        <v>55</v>
      </c>
      <c r="T13288">
        <v>56</v>
      </c>
      <c r="U13288">
        <v>58</v>
      </c>
      <c r="V13288">
        <v>59</v>
      </c>
      <c r="W13288">
        <v>60</v>
      </c>
      <c r="X13288">
        <v>61</v>
      </c>
      <c r="Y13288">
        <v>62</v>
      </c>
      <c r="Z13288">
        <v>63</v>
      </c>
      <c r="AA13288">
        <v>64</v>
      </c>
      <c r="AB13288">
        <v>65</v>
      </c>
      <c r="AC13288">
        <v>66</v>
      </c>
      <c r="AD13288">
        <v>67</v>
      </c>
      <c r="AE13288">
        <v>67</v>
      </c>
      <c r="AF13288">
        <v>67</v>
      </c>
      <c r="AG13288">
        <v>67</v>
      </c>
      <c r="AH13288">
        <v>67</v>
      </c>
      <c r="AI13288">
        <v>67</v>
      </c>
      <c r="AJ13288">
        <v>67</v>
      </c>
      <c r="AK13288">
        <v>67</v>
      </c>
      <c r="AL13288">
        <v>67</v>
      </c>
      <c r="AM13288">
        <v>67</v>
      </c>
      <c r="AN13288">
        <v>67</v>
      </c>
      <c r="AO13288">
        <v>67</v>
      </c>
      <c r="AP13288">
        <v>66</v>
      </c>
      <c r="AQ13288">
        <v>66</v>
      </c>
    </row>
    <row r="13289" spans="1:43">
      <c r="A13289" t="s">
        <v>8246</v>
      </c>
      <c r="B13289" t="s">
        <v>8247</v>
      </c>
      <c r="C13289" t="s">
        <v>8058</v>
      </c>
      <c r="D13289" t="s">
        <v>8059</v>
      </c>
      <c r="E13289" t="s">
        <v>8022</v>
      </c>
      <c r="F13289" t="s">
        <v>8023</v>
      </c>
      <c r="G13289" t="s">
        <v>80</v>
      </c>
      <c r="H13289" t="s">
        <v>81</v>
      </c>
      <c r="I13289" s="2">
        <v>0</v>
      </c>
      <c r="J13289" s="2">
        <v>0</v>
      </c>
      <c r="K13289" s="2">
        <v>1</v>
      </c>
      <c r="L13289" t="s">
        <v>995</v>
      </c>
      <c r="M13289" t="s">
        <v>83</v>
      </c>
      <c r="N13289" t="s">
        <v>91</v>
      </c>
      <c r="O13289" t="s">
        <v>85</v>
      </c>
      <c r="P13289" t="s">
        <v>86</v>
      </c>
      <c r="Q13289">
        <v>53</v>
      </c>
      <c r="R13289">
        <v>54</v>
      </c>
      <c r="S13289">
        <v>55</v>
      </c>
      <c r="T13289">
        <v>56</v>
      </c>
      <c r="U13289">
        <v>56</v>
      </c>
      <c r="V13289">
        <v>57</v>
      </c>
      <c r="W13289">
        <v>58</v>
      </c>
      <c r="X13289">
        <v>59</v>
      </c>
      <c r="Y13289">
        <v>59</v>
      </c>
      <c r="Z13289">
        <v>60</v>
      </c>
      <c r="AA13289">
        <v>61</v>
      </c>
      <c r="AB13289">
        <v>62</v>
      </c>
      <c r="AC13289">
        <v>62</v>
      </c>
      <c r="AD13289">
        <v>63</v>
      </c>
      <c r="AE13289">
        <v>63</v>
      </c>
      <c r="AF13289">
        <v>64</v>
      </c>
      <c r="AG13289">
        <v>65</v>
      </c>
      <c r="AH13289">
        <v>65</v>
      </c>
      <c r="AI13289">
        <v>66</v>
      </c>
      <c r="AJ13289">
        <v>67</v>
      </c>
      <c r="AK13289">
        <v>67</v>
      </c>
      <c r="AL13289">
        <v>67</v>
      </c>
      <c r="AM13289">
        <v>67</v>
      </c>
      <c r="AN13289">
        <v>67</v>
      </c>
      <c r="AO13289">
        <v>67</v>
      </c>
      <c r="AP13289">
        <v>67</v>
      </c>
      <c r="AQ13289">
        <v>67</v>
      </c>
    </row>
    <row r="13290" spans="1:43">
      <c r="A13290" t="s">
        <v>8248</v>
      </c>
      <c r="B13290" t="s">
        <v>8249</v>
      </c>
      <c r="C13290" t="s">
        <v>8250</v>
      </c>
      <c r="D13290" t="s">
        <v>8251</v>
      </c>
      <c r="E13290" t="s">
        <v>8022</v>
      </c>
      <c r="F13290" t="s">
        <v>8023</v>
      </c>
      <c r="G13290" t="s">
        <v>80</v>
      </c>
      <c r="H13290" t="s">
        <v>81</v>
      </c>
      <c r="I13290" s="2">
        <v>0</v>
      </c>
      <c r="J13290" s="2">
        <v>0</v>
      </c>
      <c r="K13290" s="2">
        <v>1</v>
      </c>
      <c r="L13290" t="s">
        <v>995</v>
      </c>
      <c r="M13290" t="s">
        <v>83</v>
      </c>
      <c r="N13290" t="s">
        <v>84</v>
      </c>
      <c r="O13290" t="s">
        <v>85</v>
      </c>
      <c r="P13290" t="s">
        <v>86</v>
      </c>
      <c r="Q13290">
        <v>22</v>
      </c>
      <c r="R13290">
        <v>22</v>
      </c>
      <c r="S13290">
        <v>22</v>
      </c>
      <c r="T13290">
        <v>23</v>
      </c>
      <c r="U13290">
        <v>23</v>
      </c>
      <c r="V13290">
        <v>23</v>
      </c>
      <c r="W13290">
        <v>24</v>
      </c>
      <c r="X13290">
        <v>24</v>
      </c>
      <c r="Y13290">
        <v>24</v>
      </c>
      <c r="Z13290">
        <v>24</v>
      </c>
      <c r="AA13290">
        <v>25</v>
      </c>
      <c r="AB13290">
        <v>25</v>
      </c>
      <c r="AC13290">
        <v>25</v>
      </c>
      <c r="AD13290">
        <v>26</v>
      </c>
      <c r="AE13290">
        <v>26</v>
      </c>
      <c r="AF13290">
        <v>26</v>
      </c>
      <c r="AG13290">
        <v>26</v>
      </c>
      <c r="AH13290">
        <v>26</v>
      </c>
      <c r="AI13290">
        <v>27</v>
      </c>
      <c r="AJ13290">
        <v>27</v>
      </c>
      <c r="AK13290">
        <v>27</v>
      </c>
      <c r="AL13290">
        <v>27</v>
      </c>
      <c r="AM13290">
        <v>27</v>
      </c>
      <c r="AN13290">
        <v>27</v>
      </c>
      <c r="AO13290">
        <v>27</v>
      </c>
      <c r="AP13290">
        <v>27</v>
      </c>
      <c r="AQ13290">
        <v>27</v>
      </c>
    </row>
    <row r="13291" spans="1:43">
      <c r="A13291" t="s">
        <v>8248</v>
      </c>
      <c r="B13291" t="s">
        <v>8249</v>
      </c>
      <c r="C13291" t="s">
        <v>8250</v>
      </c>
      <c r="D13291" t="s">
        <v>8251</v>
      </c>
      <c r="E13291" t="s">
        <v>8022</v>
      </c>
      <c r="F13291" t="s">
        <v>8023</v>
      </c>
      <c r="G13291" t="s">
        <v>80</v>
      </c>
      <c r="H13291" t="s">
        <v>81</v>
      </c>
      <c r="I13291" s="2">
        <v>0</v>
      </c>
      <c r="J13291" s="2">
        <v>0</v>
      </c>
      <c r="K13291" s="2">
        <v>1</v>
      </c>
      <c r="L13291" t="s">
        <v>995</v>
      </c>
      <c r="M13291" t="s">
        <v>87</v>
      </c>
      <c r="N13291" t="s">
        <v>88</v>
      </c>
      <c r="O13291" t="s">
        <v>85</v>
      </c>
      <c r="P13291" t="s">
        <v>86</v>
      </c>
      <c r="Q13291">
        <v>22</v>
      </c>
      <c r="R13291">
        <v>22</v>
      </c>
      <c r="S13291">
        <v>22</v>
      </c>
      <c r="T13291">
        <v>22</v>
      </c>
      <c r="U13291">
        <v>22</v>
      </c>
      <c r="V13291">
        <v>22</v>
      </c>
      <c r="W13291">
        <v>22</v>
      </c>
      <c r="X13291">
        <v>22</v>
      </c>
      <c r="Y13291">
        <v>22</v>
      </c>
      <c r="Z13291">
        <v>22</v>
      </c>
      <c r="AA13291">
        <v>23</v>
      </c>
      <c r="AB13291">
        <v>23</v>
      </c>
      <c r="AC13291">
        <v>23</v>
      </c>
      <c r="AD13291">
        <v>23</v>
      </c>
      <c r="AE13291">
        <v>23</v>
      </c>
      <c r="AF13291">
        <v>23</v>
      </c>
      <c r="AG13291">
        <v>23</v>
      </c>
      <c r="AH13291">
        <v>23</v>
      </c>
      <c r="AI13291">
        <v>23</v>
      </c>
      <c r="AJ13291">
        <v>23</v>
      </c>
      <c r="AK13291">
        <v>23</v>
      </c>
      <c r="AL13291">
        <v>23</v>
      </c>
      <c r="AM13291">
        <v>23</v>
      </c>
      <c r="AN13291">
        <v>23</v>
      </c>
      <c r="AO13291">
        <v>23</v>
      </c>
      <c r="AP13291">
        <v>23</v>
      </c>
      <c r="AQ13291">
        <v>23</v>
      </c>
    </row>
    <row r="13292" spans="1:43">
      <c r="A13292" t="s">
        <v>8248</v>
      </c>
      <c r="B13292" t="s">
        <v>8249</v>
      </c>
      <c r="C13292" t="s">
        <v>8250</v>
      </c>
      <c r="D13292" t="s">
        <v>8251</v>
      </c>
      <c r="E13292" t="s">
        <v>8022</v>
      </c>
      <c r="F13292" t="s">
        <v>8023</v>
      </c>
      <c r="G13292" t="s">
        <v>80</v>
      </c>
      <c r="H13292" t="s">
        <v>81</v>
      </c>
      <c r="I13292" s="2">
        <v>0</v>
      </c>
      <c r="J13292" s="2">
        <v>0</v>
      </c>
      <c r="K13292" s="2">
        <v>1</v>
      </c>
      <c r="L13292" t="s">
        <v>995</v>
      </c>
      <c r="M13292" t="s">
        <v>89</v>
      </c>
      <c r="N13292" t="s">
        <v>90</v>
      </c>
      <c r="O13292" t="s">
        <v>85</v>
      </c>
      <c r="P13292" t="s">
        <v>86</v>
      </c>
      <c r="Q13292">
        <v>22</v>
      </c>
      <c r="R13292">
        <v>22</v>
      </c>
      <c r="S13292">
        <v>23</v>
      </c>
      <c r="T13292">
        <v>23</v>
      </c>
      <c r="U13292">
        <v>24</v>
      </c>
      <c r="V13292">
        <v>24</v>
      </c>
      <c r="W13292">
        <v>25</v>
      </c>
      <c r="X13292">
        <v>25</v>
      </c>
      <c r="Y13292">
        <v>26</v>
      </c>
      <c r="Z13292">
        <v>26</v>
      </c>
      <c r="AA13292">
        <v>26</v>
      </c>
      <c r="AB13292">
        <v>27</v>
      </c>
      <c r="AC13292">
        <v>27</v>
      </c>
      <c r="AD13292">
        <v>27</v>
      </c>
      <c r="AE13292">
        <v>28</v>
      </c>
      <c r="AF13292">
        <v>28</v>
      </c>
      <c r="AG13292">
        <v>28</v>
      </c>
      <c r="AH13292">
        <v>28</v>
      </c>
      <c r="AI13292">
        <v>28</v>
      </c>
      <c r="AJ13292">
        <v>27</v>
      </c>
      <c r="AK13292">
        <v>27</v>
      </c>
      <c r="AL13292">
        <v>27</v>
      </c>
      <c r="AM13292">
        <v>27</v>
      </c>
      <c r="AN13292">
        <v>27</v>
      </c>
      <c r="AO13292">
        <v>27</v>
      </c>
      <c r="AP13292">
        <v>27</v>
      </c>
      <c r="AQ13292">
        <v>27</v>
      </c>
    </row>
    <row r="13293" spans="1:43">
      <c r="A13293" t="s">
        <v>8248</v>
      </c>
      <c r="B13293" t="s">
        <v>8249</v>
      </c>
      <c r="C13293" t="s">
        <v>8250</v>
      </c>
      <c r="D13293" t="s">
        <v>8251</v>
      </c>
      <c r="E13293" t="s">
        <v>8022</v>
      </c>
      <c r="F13293" t="s">
        <v>8023</v>
      </c>
      <c r="G13293" t="s">
        <v>80</v>
      </c>
      <c r="H13293" t="s">
        <v>81</v>
      </c>
      <c r="I13293" s="2">
        <v>0</v>
      </c>
      <c r="J13293" s="2">
        <v>0</v>
      </c>
      <c r="K13293" s="2">
        <v>1</v>
      </c>
      <c r="L13293" t="s">
        <v>995</v>
      </c>
      <c r="M13293" t="s">
        <v>83</v>
      </c>
      <c r="N13293" t="s">
        <v>91</v>
      </c>
      <c r="O13293" t="s">
        <v>85</v>
      </c>
      <c r="P13293" t="s">
        <v>86</v>
      </c>
      <c r="Q13293">
        <v>22</v>
      </c>
      <c r="R13293">
        <v>22</v>
      </c>
      <c r="S13293">
        <v>22</v>
      </c>
      <c r="T13293">
        <v>23</v>
      </c>
      <c r="U13293">
        <v>23</v>
      </c>
      <c r="V13293">
        <v>23</v>
      </c>
      <c r="W13293">
        <v>24</v>
      </c>
      <c r="X13293">
        <v>24</v>
      </c>
      <c r="Y13293">
        <v>24</v>
      </c>
      <c r="Z13293">
        <v>24</v>
      </c>
      <c r="AA13293">
        <v>25</v>
      </c>
      <c r="AB13293">
        <v>25</v>
      </c>
      <c r="AC13293">
        <v>25</v>
      </c>
      <c r="AD13293">
        <v>26</v>
      </c>
      <c r="AE13293">
        <v>26</v>
      </c>
      <c r="AF13293">
        <v>26</v>
      </c>
      <c r="AG13293">
        <v>26</v>
      </c>
      <c r="AH13293">
        <v>26</v>
      </c>
      <c r="AI13293">
        <v>27</v>
      </c>
      <c r="AJ13293">
        <v>27</v>
      </c>
      <c r="AK13293">
        <v>27</v>
      </c>
      <c r="AL13293">
        <v>27</v>
      </c>
      <c r="AM13293">
        <v>27</v>
      </c>
      <c r="AN13293">
        <v>27</v>
      </c>
      <c r="AO13293">
        <v>27</v>
      </c>
      <c r="AP13293">
        <v>27</v>
      </c>
      <c r="AQ13293">
        <v>27</v>
      </c>
    </row>
    <row r="13294" spans="1:43">
      <c r="A13294" t="s">
        <v>8252</v>
      </c>
      <c r="B13294" t="s">
        <v>8253</v>
      </c>
      <c r="C13294" t="s">
        <v>8250</v>
      </c>
      <c r="D13294" t="s">
        <v>8251</v>
      </c>
      <c r="E13294" t="s">
        <v>8022</v>
      </c>
      <c r="F13294" t="s">
        <v>8023</v>
      </c>
      <c r="G13294" t="s">
        <v>80</v>
      </c>
      <c r="H13294" t="s">
        <v>81</v>
      </c>
      <c r="I13294" s="2">
        <v>0</v>
      </c>
      <c r="J13294" s="2">
        <v>0</v>
      </c>
      <c r="K13294" s="2">
        <v>1</v>
      </c>
      <c r="L13294" t="s">
        <v>995</v>
      </c>
      <c r="M13294" t="s">
        <v>83</v>
      </c>
      <c r="N13294" t="s">
        <v>84</v>
      </c>
      <c r="O13294" t="s">
        <v>85</v>
      </c>
      <c r="P13294" t="s">
        <v>86</v>
      </c>
      <c r="Q13294">
        <v>96</v>
      </c>
      <c r="R13294">
        <v>98</v>
      </c>
      <c r="S13294">
        <v>99</v>
      </c>
      <c r="T13294">
        <v>100</v>
      </c>
      <c r="U13294">
        <v>102</v>
      </c>
      <c r="V13294">
        <v>103</v>
      </c>
      <c r="W13294">
        <v>104</v>
      </c>
      <c r="X13294">
        <v>106</v>
      </c>
      <c r="Y13294">
        <v>107</v>
      </c>
      <c r="Z13294">
        <v>108</v>
      </c>
      <c r="AA13294">
        <v>110</v>
      </c>
      <c r="AB13294">
        <v>111</v>
      </c>
      <c r="AC13294">
        <v>112</v>
      </c>
      <c r="AD13294">
        <v>113</v>
      </c>
      <c r="AE13294">
        <v>114</v>
      </c>
      <c r="AF13294">
        <v>115</v>
      </c>
      <c r="AG13294">
        <v>116</v>
      </c>
      <c r="AH13294">
        <v>117</v>
      </c>
      <c r="AI13294">
        <v>118</v>
      </c>
      <c r="AJ13294">
        <v>119</v>
      </c>
      <c r="AK13294">
        <v>120</v>
      </c>
      <c r="AL13294">
        <v>120</v>
      </c>
      <c r="AM13294">
        <v>120</v>
      </c>
      <c r="AN13294">
        <v>120</v>
      </c>
      <c r="AO13294">
        <v>120</v>
      </c>
      <c r="AP13294">
        <v>119</v>
      </c>
      <c r="AQ13294">
        <v>119</v>
      </c>
    </row>
    <row r="13295" spans="1:43">
      <c r="A13295" t="s">
        <v>8252</v>
      </c>
      <c r="B13295" t="s">
        <v>8253</v>
      </c>
      <c r="C13295" t="s">
        <v>8250</v>
      </c>
      <c r="D13295" t="s">
        <v>8251</v>
      </c>
      <c r="E13295" t="s">
        <v>8022</v>
      </c>
      <c r="F13295" t="s">
        <v>8023</v>
      </c>
      <c r="G13295" t="s">
        <v>80</v>
      </c>
      <c r="H13295" t="s">
        <v>81</v>
      </c>
      <c r="I13295" s="2">
        <v>0</v>
      </c>
      <c r="J13295" s="2">
        <v>0</v>
      </c>
      <c r="K13295" s="2">
        <v>1</v>
      </c>
      <c r="L13295" t="s">
        <v>995</v>
      </c>
      <c r="M13295" t="s">
        <v>87</v>
      </c>
      <c r="N13295" t="s">
        <v>88</v>
      </c>
      <c r="O13295" t="s">
        <v>85</v>
      </c>
      <c r="P13295" t="s">
        <v>86</v>
      </c>
      <c r="Q13295">
        <v>96</v>
      </c>
      <c r="R13295">
        <v>97</v>
      </c>
      <c r="S13295">
        <v>97</v>
      </c>
      <c r="T13295">
        <v>98</v>
      </c>
      <c r="U13295">
        <v>98</v>
      </c>
      <c r="V13295">
        <v>99</v>
      </c>
      <c r="W13295">
        <v>99</v>
      </c>
      <c r="X13295">
        <v>100</v>
      </c>
      <c r="Y13295">
        <v>100</v>
      </c>
      <c r="Z13295">
        <v>100</v>
      </c>
      <c r="AA13295">
        <v>101</v>
      </c>
      <c r="AB13295">
        <v>101</v>
      </c>
      <c r="AC13295">
        <v>101</v>
      </c>
      <c r="AD13295">
        <v>102</v>
      </c>
      <c r="AE13295">
        <v>102</v>
      </c>
      <c r="AF13295">
        <v>102</v>
      </c>
      <c r="AG13295">
        <v>103</v>
      </c>
      <c r="AH13295">
        <v>103</v>
      </c>
      <c r="AI13295">
        <v>103</v>
      </c>
      <c r="AJ13295">
        <v>103</v>
      </c>
      <c r="AK13295">
        <v>103</v>
      </c>
      <c r="AL13295">
        <v>104</v>
      </c>
      <c r="AM13295">
        <v>104</v>
      </c>
      <c r="AN13295">
        <v>104</v>
      </c>
      <c r="AO13295">
        <v>104</v>
      </c>
      <c r="AP13295">
        <v>104</v>
      </c>
      <c r="AQ13295">
        <v>104</v>
      </c>
    </row>
    <row r="13296" spans="1:43">
      <c r="A13296" t="s">
        <v>8252</v>
      </c>
      <c r="B13296" t="s">
        <v>8253</v>
      </c>
      <c r="C13296" t="s">
        <v>8250</v>
      </c>
      <c r="D13296" t="s">
        <v>8251</v>
      </c>
      <c r="E13296" t="s">
        <v>8022</v>
      </c>
      <c r="F13296" t="s">
        <v>8023</v>
      </c>
      <c r="G13296" t="s">
        <v>80</v>
      </c>
      <c r="H13296" t="s">
        <v>81</v>
      </c>
      <c r="I13296" s="2">
        <v>0</v>
      </c>
      <c r="J13296" s="2">
        <v>0</v>
      </c>
      <c r="K13296" s="2">
        <v>1</v>
      </c>
      <c r="L13296" t="s">
        <v>995</v>
      </c>
      <c r="M13296" t="s">
        <v>89</v>
      </c>
      <c r="N13296" t="s">
        <v>90</v>
      </c>
      <c r="O13296" t="s">
        <v>85</v>
      </c>
      <c r="P13296" t="s">
        <v>86</v>
      </c>
      <c r="Q13296">
        <v>96</v>
      </c>
      <c r="R13296">
        <v>98</v>
      </c>
      <c r="S13296">
        <v>101</v>
      </c>
      <c r="T13296">
        <v>103</v>
      </c>
      <c r="U13296">
        <v>105</v>
      </c>
      <c r="V13296">
        <v>107</v>
      </c>
      <c r="W13296">
        <v>109</v>
      </c>
      <c r="X13296">
        <v>111</v>
      </c>
      <c r="Y13296">
        <v>112</v>
      </c>
      <c r="Z13296">
        <v>114</v>
      </c>
      <c r="AA13296">
        <v>116</v>
      </c>
      <c r="AB13296">
        <v>117</v>
      </c>
      <c r="AC13296">
        <v>119</v>
      </c>
      <c r="AD13296">
        <v>120</v>
      </c>
      <c r="AE13296">
        <v>121</v>
      </c>
      <c r="AF13296">
        <v>121</v>
      </c>
      <c r="AG13296">
        <v>121</v>
      </c>
      <c r="AH13296">
        <v>121</v>
      </c>
      <c r="AI13296">
        <v>121</v>
      </c>
      <c r="AJ13296">
        <v>121</v>
      </c>
      <c r="AK13296">
        <v>120</v>
      </c>
      <c r="AL13296">
        <v>120</v>
      </c>
      <c r="AM13296">
        <v>120</v>
      </c>
      <c r="AN13296">
        <v>120</v>
      </c>
      <c r="AO13296">
        <v>119</v>
      </c>
      <c r="AP13296">
        <v>119</v>
      </c>
      <c r="AQ13296">
        <v>119</v>
      </c>
    </row>
    <row r="13297" spans="1:43">
      <c r="A13297" t="s">
        <v>8252</v>
      </c>
      <c r="B13297" t="s">
        <v>8253</v>
      </c>
      <c r="C13297" t="s">
        <v>8250</v>
      </c>
      <c r="D13297" t="s">
        <v>8251</v>
      </c>
      <c r="E13297" t="s">
        <v>8022</v>
      </c>
      <c r="F13297" t="s">
        <v>8023</v>
      </c>
      <c r="G13297" t="s">
        <v>80</v>
      </c>
      <c r="H13297" t="s">
        <v>81</v>
      </c>
      <c r="I13297" s="2">
        <v>0</v>
      </c>
      <c r="J13297" s="2">
        <v>0</v>
      </c>
      <c r="K13297" s="2">
        <v>1</v>
      </c>
      <c r="L13297" t="s">
        <v>995</v>
      </c>
      <c r="M13297" t="s">
        <v>83</v>
      </c>
      <c r="N13297" t="s">
        <v>91</v>
      </c>
      <c r="O13297" t="s">
        <v>85</v>
      </c>
      <c r="P13297" t="s">
        <v>86</v>
      </c>
      <c r="Q13297">
        <v>96</v>
      </c>
      <c r="R13297">
        <v>98</v>
      </c>
      <c r="S13297">
        <v>99</v>
      </c>
      <c r="T13297">
        <v>100</v>
      </c>
      <c r="U13297">
        <v>102</v>
      </c>
      <c r="V13297">
        <v>103</v>
      </c>
      <c r="W13297">
        <v>104</v>
      </c>
      <c r="X13297">
        <v>106</v>
      </c>
      <c r="Y13297">
        <v>107</v>
      </c>
      <c r="Z13297">
        <v>108</v>
      </c>
      <c r="AA13297">
        <v>110</v>
      </c>
      <c r="AB13297">
        <v>111</v>
      </c>
      <c r="AC13297">
        <v>112</v>
      </c>
      <c r="AD13297">
        <v>113</v>
      </c>
      <c r="AE13297">
        <v>114</v>
      </c>
      <c r="AF13297">
        <v>115</v>
      </c>
      <c r="AG13297">
        <v>116</v>
      </c>
      <c r="AH13297">
        <v>117</v>
      </c>
      <c r="AI13297">
        <v>118</v>
      </c>
      <c r="AJ13297">
        <v>119</v>
      </c>
      <c r="AK13297">
        <v>120</v>
      </c>
      <c r="AL13297">
        <v>120</v>
      </c>
      <c r="AM13297">
        <v>120</v>
      </c>
      <c r="AN13297">
        <v>120</v>
      </c>
      <c r="AO13297">
        <v>120</v>
      </c>
      <c r="AP13297">
        <v>119</v>
      </c>
      <c r="AQ13297">
        <v>119</v>
      </c>
    </row>
    <row r="13298" spans="1:43">
      <c r="A13298" t="s">
        <v>8254</v>
      </c>
      <c r="B13298" t="s">
        <v>8255</v>
      </c>
      <c r="C13298" t="s">
        <v>8250</v>
      </c>
      <c r="D13298" t="s">
        <v>8251</v>
      </c>
      <c r="E13298" t="s">
        <v>8022</v>
      </c>
      <c r="F13298" t="s">
        <v>8023</v>
      </c>
      <c r="G13298" t="s">
        <v>80</v>
      </c>
      <c r="H13298" t="s">
        <v>81</v>
      </c>
      <c r="I13298" s="2">
        <v>0</v>
      </c>
      <c r="J13298" s="2">
        <v>0</v>
      </c>
      <c r="K13298" s="2">
        <v>1</v>
      </c>
      <c r="L13298" t="s">
        <v>995</v>
      </c>
      <c r="M13298" t="s">
        <v>83</v>
      </c>
      <c r="N13298" t="s">
        <v>84</v>
      </c>
      <c r="O13298" t="s">
        <v>85</v>
      </c>
      <c r="P13298" t="s">
        <v>86</v>
      </c>
      <c r="Q13298">
        <v>34</v>
      </c>
      <c r="R13298">
        <v>35</v>
      </c>
      <c r="S13298">
        <v>35</v>
      </c>
      <c r="T13298">
        <v>35</v>
      </c>
      <c r="U13298">
        <v>36</v>
      </c>
      <c r="V13298">
        <v>36</v>
      </c>
      <c r="W13298">
        <v>37</v>
      </c>
      <c r="X13298">
        <v>37</v>
      </c>
      <c r="Y13298">
        <v>38</v>
      </c>
      <c r="Z13298">
        <v>38</v>
      </c>
      <c r="AA13298">
        <v>39</v>
      </c>
      <c r="AB13298">
        <v>39</v>
      </c>
      <c r="AC13298">
        <v>40</v>
      </c>
      <c r="AD13298">
        <v>40</v>
      </c>
      <c r="AE13298">
        <v>40</v>
      </c>
      <c r="AF13298">
        <v>41</v>
      </c>
      <c r="AG13298">
        <v>41</v>
      </c>
      <c r="AH13298">
        <v>41</v>
      </c>
      <c r="AI13298">
        <v>42</v>
      </c>
      <c r="AJ13298">
        <v>42</v>
      </c>
      <c r="AK13298">
        <v>42</v>
      </c>
      <c r="AL13298">
        <v>42</v>
      </c>
      <c r="AM13298">
        <v>42</v>
      </c>
      <c r="AN13298">
        <v>42</v>
      </c>
      <c r="AO13298">
        <v>42</v>
      </c>
      <c r="AP13298">
        <v>42</v>
      </c>
      <c r="AQ13298">
        <v>42</v>
      </c>
    </row>
    <row r="13299" spans="1:43">
      <c r="A13299" t="s">
        <v>8254</v>
      </c>
      <c r="B13299" t="s">
        <v>8255</v>
      </c>
      <c r="C13299" t="s">
        <v>8250</v>
      </c>
      <c r="D13299" t="s">
        <v>8251</v>
      </c>
      <c r="E13299" t="s">
        <v>8022</v>
      </c>
      <c r="F13299" t="s">
        <v>8023</v>
      </c>
      <c r="G13299" t="s">
        <v>80</v>
      </c>
      <c r="H13299" t="s">
        <v>81</v>
      </c>
      <c r="I13299" s="2">
        <v>0</v>
      </c>
      <c r="J13299" s="2">
        <v>0</v>
      </c>
      <c r="K13299" s="2">
        <v>1</v>
      </c>
      <c r="L13299" t="s">
        <v>995</v>
      </c>
      <c r="M13299" t="s">
        <v>87</v>
      </c>
      <c r="N13299" t="s">
        <v>88</v>
      </c>
      <c r="O13299" t="s">
        <v>85</v>
      </c>
      <c r="P13299" t="s">
        <v>86</v>
      </c>
      <c r="Q13299">
        <v>34</v>
      </c>
      <c r="R13299">
        <v>34</v>
      </c>
      <c r="S13299">
        <v>34</v>
      </c>
      <c r="T13299">
        <v>34</v>
      </c>
      <c r="U13299">
        <v>34</v>
      </c>
      <c r="V13299">
        <v>35</v>
      </c>
      <c r="W13299">
        <v>35</v>
      </c>
      <c r="X13299">
        <v>35</v>
      </c>
      <c r="Y13299">
        <v>35</v>
      </c>
      <c r="Z13299">
        <v>35</v>
      </c>
      <c r="AA13299">
        <v>35</v>
      </c>
      <c r="AB13299">
        <v>35</v>
      </c>
      <c r="AC13299">
        <v>35</v>
      </c>
      <c r="AD13299">
        <v>36</v>
      </c>
      <c r="AE13299">
        <v>36</v>
      </c>
      <c r="AF13299">
        <v>36</v>
      </c>
      <c r="AG13299">
        <v>36</v>
      </c>
      <c r="AH13299">
        <v>36</v>
      </c>
      <c r="AI13299">
        <v>36</v>
      </c>
      <c r="AJ13299">
        <v>36</v>
      </c>
      <c r="AK13299">
        <v>36</v>
      </c>
      <c r="AL13299">
        <v>36</v>
      </c>
      <c r="AM13299">
        <v>36</v>
      </c>
      <c r="AN13299">
        <v>36</v>
      </c>
      <c r="AO13299">
        <v>36</v>
      </c>
      <c r="AP13299">
        <v>36</v>
      </c>
      <c r="AQ13299">
        <v>36</v>
      </c>
    </row>
    <row r="13300" spans="1:43">
      <c r="A13300" t="s">
        <v>8254</v>
      </c>
      <c r="B13300" t="s">
        <v>8255</v>
      </c>
      <c r="C13300" t="s">
        <v>8250</v>
      </c>
      <c r="D13300" t="s">
        <v>8251</v>
      </c>
      <c r="E13300" t="s">
        <v>8022</v>
      </c>
      <c r="F13300" t="s">
        <v>8023</v>
      </c>
      <c r="G13300" t="s">
        <v>80</v>
      </c>
      <c r="H13300" t="s">
        <v>81</v>
      </c>
      <c r="I13300" s="2">
        <v>0</v>
      </c>
      <c r="J13300" s="2">
        <v>0</v>
      </c>
      <c r="K13300" s="2">
        <v>1</v>
      </c>
      <c r="L13300" t="s">
        <v>995</v>
      </c>
      <c r="M13300" t="s">
        <v>89</v>
      </c>
      <c r="N13300" t="s">
        <v>90</v>
      </c>
      <c r="O13300" t="s">
        <v>85</v>
      </c>
      <c r="P13300" t="s">
        <v>86</v>
      </c>
      <c r="Q13300">
        <v>34</v>
      </c>
      <c r="R13300">
        <v>35</v>
      </c>
      <c r="S13300">
        <v>36</v>
      </c>
      <c r="T13300">
        <v>37</v>
      </c>
      <c r="U13300">
        <v>37</v>
      </c>
      <c r="V13300">
        <v>38</v>
      </c>
      <c r="W13300">
        <v>39</v>
      </c>
      <c r="X13300">
        <v>39</v>
      </c>
      <c r="Y13300">
        <v>40</v>
      </c>
      <c r="Z13300">
        <v>41</v>
      </c>
      <c r="AA13300">
        <v>41</v>
      </c>
      <c r="AB13300">
        <v>42</v>
      </c>
      <c r="AC13300">
        <v>42</v>
      </c>
      <c r="AD13300">
        <v>43</v>
      </c>
      <c r="AE13300">
        <v>43</v>
      </c>
      <c r="AF13300">
        <v>43</v>
      </c>
      <c r="AG13300">
        <v>43</v>
      </c>
      <c r="AH13300">
        <v>43</v>
      </c>
      <c r="AI13300">
        <v>43</v>
      </c>
      <c r="AJ13300">
        <v>43</v>
      </c>
      <c r="AK13300">
        <v>43</v>
      </c>
      <c r="AL13300">
        <v>43</v>
      </c>
      <c r="AM13300">
        <v>43</v>
      </c>
      <c r="AN13300">
        <v>43</v>
      </c>
      <c r="AO13300">
        <v>43</v>
      </c>
      <c r="AP13300">
        <v>42</v>
      </c>
      <c r="AQ13300">
        <v>42</v>
      </c>
    </row>
    <row r="13301" spans="1:43">
      <c r="A13301" t="s">
        <v>8254</v>
      </c>
      <c r="B13301" t="s">
        <v>8255</v>
      </c>
      <c r="C13301" t="s">
        <v>8250</v>
      </c>
      <c r="D13301" t="s">
        <v>8251</v>
      </c>
      <c r="E13301" t="s">
        <v>8022</v>
      </c>
      <c r="F13301" t="s">
        <v>8023</v>
      </c>
      <c r="G13301" t="s">
        <v>80</v>
      </c>
      <c r="H13301" t="s">
        <v>81</v>
      </c>
      <c r="I13301" s="2">
        <v>0</v>
      </c>
      <c r="J13301" s="2">
        <v>0</v>
      </c>
      <c r="K13301" s="2">
        <v>1</v>
      </c>
      <c r="L13301" t="s">
        <v>995</v>
      </c>
      <c r="M13301" t="s">
        <v>83</v>
      </c>
      <c r="N13301" t="s">
        <v>91</v>
      </c>
      <c r="O13301" t="s">
        <v>85</v>
      </c>
      <c r="P13301" t="s">
        <v>86</v>
      </c>
      <c r="Q13301">
        <v>34</v>
      </c>
      <c r="R13301">
        <v>35</v>
      </c>
      <c r="S13301">
        <v>35</v>
      </c>
      <c r="T13301">
        <v>35</v>
      </c>
      <c r="U13301">
        <v>36</v>
      </c>
      <c r="V13301">
        <v>36</v>
      </c>
      <c r="W13301">
        <v>37</v>
      </c>
      <c r="X13301">
        <v>37</v>
      </c>
      <c r="Y13301">
        <v>38</v>
      </c>
      <c r="Z13301">
        <v>38</v>
      </c>
      <c r="AA13301">
        <v>39</v>
      </c>
      <c r="AB13301">
        <v>39</v>
      </c>
      <c r="AC13301">
        <v>40</v>
      </c>
      <c r="AD13301">
        <v>40</v>
      </c>
      <c r="AE13301">
        <v>40</v>
      </c>
      <c r="AF13301">
        <v>41</v>
      </c>
      <c r="AG13301">
        <v>41</v>
      </c>
      <c r="AH13301">
        <v>41</v>
      </c>
      <c r="AI13301">
        <v>42</v>
      </c>
      <c r="AJ13301">
        <v>42</v>
      </c>
      <c r="AK13301">
        <v>42</v>
      </c>
      <c r="AL13301">
        <v>42</v>
      </c>
      <c r="AM13301">
        <v>42</v>
      </c>
      <c r="AN13301">
        <v>42</v>
      </c>
      <c r="AO13301">
        <v>42</v>
      </c>
      <c r="AP13301">
        <v>42</v>
      </c>
      <c r="AQ13301">
        <v>42</v>
      </c>
    </row>
    <row r="13302" spans="1:43">
      <c r="A13302" t="s">
        <v>8256</v>
      </c>
      <c r="B13302" t="s">
        <v>8257</v>
      </c>
      <c r="C13302" t="s">
        <v>8250</v>
      </c>
      <c r="D13302" t="s">
        <v>8251</v>
      </c>
      <c r="E13302" t="s">
        <v>8022</v>
      </c>
      <c r="F13302" t="s">
        <v>8023</v>
      </c>
      <c r="G13302" t="s">
        <v>80</v>
      </c>
      <c r="H13302" t="s">
        <v>81</v>
      </c>
      <c r="I13302" s="2">
        <v>0</v>
      </c>
      <c r="J13302" s="2">
        <v>0</v>
      </c>
      <c r="K13302" s="2">
        <v>1</v>
      </c>
      <c r="L13302" t="s">
        <v>995</v>
      </c>
      <c r="M13302" t="s">
        <v>83</v>
      </c>
      <c r="N13302" t="s">
        <v>84</v>
      </c>
      <c r="O13302" t="s">
        <v>85</v>
      </c>
      <c r="P13302" t="s">
        <v>86</v>
      </c>
      <c r="Q13302">
        <v>39</v>
      </c>
      <c r="R13302">
        <v>40</v>
      </c>
      <c r="S13302">
        <v>41</v>
      </c>
      <c r="T13302">
        <v>41</v>
      </c>
      <c r="U13302">
        <v>42</v>
      </c>
      <c r="V13302">
        <v>42</v>
      </c>
      <c r="W13302">
        <v>43</v>
      </c>
      <c r="X13302">
        <v>43</v>
      </c>
      <c r="Y13302">
        <v>44</v>
      </c>
      <c r="Z13302">
        <v>45</v>
      </c>
      <c r="AA13302">
        <v>45</v>
      </c>
      <c r="AB13302">
        <v>46</v>
      </c>
      <c r="AC13302">
        <v>46</v>
      </c>
      <c r="AD13302">
        <v>47</v>
      </c>
      <c r="AE13302">
        <v>47</v>
      </c>
      <c r="AF13302">
        <v>48</v>
      </c>
      <c r="AG13302">
        <v>48</v>
      </c>
      <c r="AH13302">
        <v>49</v>
      </c>
      <c r="AI13302">
        <v>49</v>
      </c>
      <c r="AJ13302">
        <v>50</v>
      </c>
      <c r="AK13302">
        <v>50</v>
      </c>
      <c r="AL13302">
        <v>50</v>
      </c>
      <c r="AM13302">
        <v>50</v>
      </c>
      <c r="AN13302">
        <v>50</v>
      </c>
      <c r="AO13302">
        <v>50</v>
      </c>
      <c r="AP13302">
        <v>50</v>
      </c>
      <c r="AQ13302">
        <v>50</v>
      </c>
    </row>
    <row r="13303" spans="1:43">
      <c r="A13303" t="s">
        <v>8256</v>
      </c>
      <c r="B13303" t="s">
        <v>8257</v>
      </c>
      <c r="C13303" t="s">
        <v>8250</v>
      </c>
      <c r="D13303" t="s">
        <v>8251</v>
      </c>
      <c r="E13303" t="s">
        <v>8022</v>
      </c>
      <c r="F13303" t="s">
        <v>8023</v>
      </c>
      <c r="G13303" t="s">
        <v>80</v>
      </c>
      <c r="H13303" t="s">
        <v>81</v>
      </c>
      <c r="I13303" s="2">
        <v>0</v>
      </c>
      <c r="J13303" s="2">
        <v>0</v>
      </c>
      <c r="K13303" s="2">
        <v>1</v>
      </c>
      <c r="L13303" t="s">
        <v>995</v>
      </c>
      <c r="M13303" t="s">
        <v>87</v>
      </c>
      <c r="N13303" t="s">
        <v>88</v>
      </c>
      <c r="O13303" t="s">
        <v>85</v>
      </c>
      <c r="P13303" t="s">
        <v>86</v>
      </c>
      <c r="Q13303">
        <v>39</v>
      </c>
      <c r="R13303">
        <v>39</v>
      </c>
      <c r="S13303">
        <v>39</v>
      </c>
      <c r="T13303">
        <v>40</v>
      </c>
      <c r="U13303">
        <v>40</v>
      </c>
      <c r="V13303">
        <v>40</v>
      </c>
      <c r="W13303">
        <v>40</v>
      </c>
      <c r="X13303">
        <v>41</v>
      </c>
      <c r="Y13303">
        <v>41</v>
      </c>
      <c r="Z13303">
        <v>41</v>
      </c>
      <c r="AA13303">
        <v>41</v>
      </c>
      <c r="AB13303">
        <v>41</v>
      </c>
      <c r="AC13303">
        <v>41</v>
      </c>
      <c r="AD13303">
        <v>42</v>
      </c>
      <c r="AE13303">
        <v>42</v>
      </c>
      <c r="AF13303">
        <v>42</v>
      </c>
      <c r="AG13303">
        <v>42</v>
      </c>
      <c r="AH13303">
        <v>42</v>
      </c>
      <c r="AI13303">
        <v>42</v>
      </c>
      <c r="AJ13303">
        <v>43</v>
      </c>
      <c r="AK13303">
        <v>43</v>
      </c>
      <c r="AL13303">
        <v>43</v>
      </c>
      <c r="AM13303">
        <v>43</v>
      </c>
      <c r="AN13303">
        <v>43</v>
      </c>
      <c r="AO13303">
        <v>43</v>
      </c>
      <c r="AP13303">
        <v>43</v>
      </c>
      <c r="AQ13303">
        <v>43</v>
      </c>
    </row>
    <row r="13304" spans="1:43">
      <c r="A13304" t="s">
        <v>8256</v>
      </c>
      <c r="B13304" t="s">
        <v>8257</v>
      </c>
      <c r="C13304" t="s">
        <v>8250</v>
      </c>
      <c r="D13304" t="s">
        <v>8251</v>
      </c>
      <c r="E13304" t="s">
        <v>8022</v>
      </c>
      <c r="F13304" t="s">
        <v>8023</v>
      </c>
      <c r="G13304" t="s">
        <v>80</v>
      </c>
      <c r="H13304" t="s">
        <v>81</v>
      </c>
      <c r="I13304" s="2">
        <v>0</v>
      </c>
      <c r="J13304" s="2">
        <v>0</v>
      </c>
      <c r="K13304" s="2">
        <v>1</v>
      </c>
      <c r="L13304" t="s">
        <v>995</v>
      </c>
      <c r="M13304" t="s">
        <v>89</v>
      </c>
      <c r="N13304" t="s">
        <v>90</v>
      </c>
      <c r="O13304" t="s">
        <v>85</v>
      </c>
      <c r="P13304" t="s">
        <v>86</v>
      </c>
      <c r="Q13304">
        <v>39</v>
      </c>
      <c r="R13304">
        <v>40</v>
      </c>
      <c r="S13304">
        <v>41</v>
      </c>
      <c r="T13304">
        <v>42</v>
      </c>
      <c r="U13304">
        <v>42</v>
      </c>
      <c r="V13304">
        <v>43</v>
      </c>
      <c r="W13304">
        <v>44</v>
      </c>
      <c r="X13304">
        <v>45</v>
      </c>
      <c r="Y13304">
        <v>46</v>
      </c>
      <c r="Z13304">
        <v>46</v>
      </c>
      <c r="AA13304">
        <v>47</v>
      </c>
      <c r="AB13304">
        <v>48</v>
      </c>
      <c r="AC13304">
        <v>49</v>
      </c>
      <c r="AD13304">
        <v>49</v>
      </c>
      <c r="AE13304">
        <v>50</v>
      </c>
      <c r="AF13304">
        <v>50</v>
      </c>
      <c r="AG13304">
        <v>50</v>
      </c>
      <c r="AH13304">
        <v>50</v>
      </c>
      <c r="AI13304">
        <v>50</v>
      </c>
      <c r="AJ13304">
        <v>50</v>
      </c>
      <c r="AK13304">
        <v>50</v>
      </c>
      <c r="AL13304">
        <v>50</v>
      </c>
      <c r="AM13304">
        <v>50</v>
      </c>
      <c r="AN13304">
        <v>50</v>
      </c>
      <c r="AO13304">
        <v>50</v>
      </c>
      <c r="AP13304">
        <v>50</v>
      </c>
      <c r="AQ13304">
        <v>50</v>
      </c>
    </row>
    <row r="13305" spans="1:43">
      <c r="A13305" t="s">
        <v>8256</v>
      </c>
      <c r="B13305" t="s">
        <v>8257</v>
      </c>
      <c r="C13305" t="s">
        <v>8250</v>
      </c>
      <c r="D13305" t="s">
        <v>8251</v>
      </c>
      <c r="E13305" t="s">
        <v>8022</v>
      </c>
      <c r="F13305" t="s">
        <v>8023</v>
      </c>
      <c r="G13305" t="s">
        <v>80</v>
      </c>
      <c r="H13305" t="s">
        <v>81</v>
      </c>
      <c r="I13305" s="2">
        <v>0</v>
      </c>
      <c r="J13305" s="2">
        <v>0</v>
      </c>
      <c r="K13305" s="2">
        <v>1</v>
      </c>
      <c r="L13305" t="s">
        <v>995</v>
      </c>
      <c r="M13305" t="s">
        <v>83</v>
      </c>
      <c r="N13305" t="s">
        <v>91</v>
      </c>
      <c r="O13305" t="s">
        <v>85</v>
      </c>
      <c r="P13305" t="s">
        <v>86</v>
      </c>
      <c r="Q13305">
        <v>39</v>
      </c>
      <c r="R13305">
        <v>40</v>
      </c>
      <c r="S13305">
        <v>41</v>
      </c>
      <c r="T13305">
        <v>41</v>
      </c>
      <c r="U13305">
        <v>42</v>
      </c>
      <c r="V13305">
        <v>42</v>
      </c>
      <c r="W13305">
        <v>43</v>
      </c>
      <c r="X13305">
        <v>43</v>
      </c>
      <c r="Y13305">
        <v>44</v>
      </c>
      <c r="Z13305">
        <v>45</v>
      </c>
      <c r="AA13305">
        <v>45</v>
      </c>
      <c r="AB13305">
        <v>46</v>
      </c>
      <c r="AC13305">
        <v>46</v>
      </c>
      <c r="AD13305">
        <v>47</v>
      </c>
      <c r="AE13305">
        <v>47</v>
      </c>
      <c r="AF13305">
        <v>48</v>
      </c>
      <c r="AG13305">
        <v>48</v>
      </c>
      <c r="AH13305">
        <v>49</v>
      </c>
      <c r="AI13305">
        <v>49</v>
      </c>
      <c r="AJ13305">
        <v>50</v>
      </c>
      <c r="AK13305">
        <v>50</v>
      </c>
      <c r="AL13305">
        <v>50</v>
      </c>
      <c r="AM13305">
        <v>50</v>
      </c>
      <c r="AN13305">
        <v>50</v>
      </c>
      <c r="AO13305">
        <v>50</v>
      </c>
      <c r="AP13305">
        <v>50</v>
      </c>
      <c r="AQ13305">
        <v>50</v>
      </c>
    </row>
    <row r="13306" spans="1:43">
      <c r="A13306" t="s">
        <v>8258</v>
      </c>
      <c r="B13306" t="s">
        <v>8259</v>
      </c>
      <c r="C13306" t="s">
        <v>8226</v>
      </c>
      <c r="D13306" t="s">
        <v>8227</v>
      </c>
      <c r="E13306" t="s">
        <v>8022</v>
      </c>
      <c r="F13306" t="s">
        <v>8023</v>
      </c>
      <c r="G13306" t="s">
        <v>80</v>
      </c>
      <c r="H13306" t="s">
        <v>81</v>
      </c>
      <c r="I13306" s="2">
        <v>0</v>
      </c>
      <c r="J13306" s="2">
        <v>0</v>
      </c>
      <c r="K13306" s="2">
        <v>1</v>
      </c>
      <c r="L13306" t="s">
        <v>995</v>
      </c>
      <c r="M13306" t="s">
        <v>83</v>
      </c>
      <c r="N13306" t="s">
        <v>84</v>
      </c>
      <c r="O13306" t="s">
        <v>85</v>
      </c>
      <c r="P13306" t="s">
        <v>86</v>
      </c>
      <c r="Q13306">
        <v>130</v>
      </c>
      <c r="R13306">
        <v>132</v>
      </c>
      <c r="S13306">
        <v>134</v>
      </c>
      <c r="T13306">
        <v>136</v>
      </c>
      <c r="U13306">
        <v>138</v>
      </c>
      <c r="V13306">
        <v>140</v>
      </c>
      <c r="W13306">
        <v>142</v>
      </c>
      <c r="X13306">
        <v>143</v>
      </c>
      <c r="Y13306">
        <v>145</v>
      </c>
      <c r="Z13306">
        <v>147</v>
      </c>
      <c r="AA13306">
        <v>149</v>
      </c>
      <c r="AB13306">
        <v>151</v>
      </c>
      <c r="AC13306">
        <v>153</v>
      </c>
      <c r="AD13306">
        <v>154</v>
      </c>
      <c r="AE13306">
        <v>156</v>
      </c>
      <c r="AF13306">
        <v>158</v>
      </c>
      <c r="AG13306">
        <v>159</v>
      </c>
      <c r="AH13306">
        <v>161</v>
      </c>
      <c r="AI13306">
        <v>163</v>
      </c>
      <c r="AJ13306">
        <v>164</v>
      </c>
      <c r="AK13306">
        <v>166</v>
      </c>
      <c r="AL13306">
        <v>166</v>
      </c>
      <c r="AM13306">
        <v>166</v>
      </c>
      <c r="AN13306">
        <v>166</v>
      </c>
      <c r="AO13306">
        <v>166</v>
      </c>
      <c r="AP13306">
        <v>166</v>
      </c>
      <c r="AQ13306">
        <v>166</v>
      </c>
    </row>
    <row r="13307" spans="1:43">
      <c r="A13307" t="s">
        <v>8258</v>
      </c>
      <c r="B13307" t="s">
        <v>8259</v>
      </c>
      <c r="C13307" t="s">
        <v>8226</v>
      </c>
      <c r="D13307" t="s">
        <v>8227</v>
      </c>
      <c r="E13307" t="s">
        <v>8022</v>
      </c>
      <c r="F13307" t="s">
        <v>8023</v>
      </c>
      <c r="G13307" t="s">
        <v>80</v>
      </c>
      <c r="H13307" t="s">
        <v>81</v>
      </c>
      <c r="I13307" s="2">
        <v>0</v>
      </c>
      <c r="J13307" s="2">
        <v>0</v>
      </c>
      <c r="K13307" s="2">
        <v>1</v>
      </c>
      <c r="L13307" t="s">
        <v>995</v>
      </c>
      <c r="M13307" t="s">
        <v>87</v>
      </c>
      <c r="N13307" t="s">
        <v>88</v>
      </c>
      <c r="O13307" t="s">
        <v>85</v>
      </c>
      <c r="P13307" t="s">
        <v>86</v>
      </c>
      <c r="Q13307">
        <v>130</v>
      </c>
      <c r="R13307">
        <v>130</v>
      </c>
      <c r="S13307">
        <v>131</v>
      </c>
      <c r="T13307">
        <v>132</v>
      </c>
      <c r="U13307">
        <v>133</v>
      </c>
      <c r="V13307">
        <v>133</v>
      </c>
      <c r="W13307">
        <v>134</v>
      </c>
      <c r="X13307">
        <v>135</v>
      </c>
      <c r="Y13307">
        <v>135</v>
      </c>
      <c r="Z13307">
        <v>136</v>
      </c>
      <c r="AA13307">
        <v>137</v>
      </c>
      <c r="AB13307">
        <v>137</v>
      </c>
      <c r="AC13307">
        <v>138</v>
      </c>
      <c r="AD13307">
        <v>138</v>
      </c>
      <c r="AE13307">
        <v>139</v>
      </c>
      <c r="AF13307">
        <v>140</v>
      </c>
      <c r="AG13307">
        <v>140</v>
      </c>
      <c r="AH13307">
        <v>141</v>
      </c>
      <c r="AI13307">
        <v>141</v>
      </c>
      <c r="AJ13307">
        <v>142</v>
      </c>
      <c r="AK13307">
        <v>142</v>
      </c>
      <c r="AL13307">
        <v>142</v>
      </c>
      <c r="AM13307">
        <v>143</v>
      </c>
      <c r="AN13307">
        <v>143</v>
      </c>
      <c r="AO13307">
        <v>144</v>
      </c>
      <c r="AP13307">
        <v>144</v>
      </c>
      <c r="AQ13307">
        <v>144</v>
      </c>
    </row>
    <row r="13308" spans="1:43">
      <c r="A13308" t="s">
        <v>8258</v>
      </c>
      <c r="B13308" t="s">
        <v>8259</v>
      </c>
      <c r="C13308" t="s">
        <v>8226</v>
      </c>
      <c r="D13308" t="s">
        <v>8227</v>
      </c>
      <c r="E13308" t="s">
        <v>8022</v>
      </c>
      <c r="F13308" t="s">
        <v>8023</v>
      </c>
      <c r="G13308" t="s">
        <v>80</v>
      </c>
      <c r="H13308" t="s">
        <v>81</v>
      </c>
      <c r="I13308" s="2">
        <v>0</v>
      </c>
      <c r="J13308" s="2">
        <v>0</v>
      </c>
      <c r="K13308" s="2">
        <v>1</v>
      </c>
      <c r="L13308" t="s">
        <v>995</v>
      </c>
      <c r="M13308" t="s">
        <v>89</v>
      </c>
      <c r="N13308" t="s">
        <v>90</v>
      </c>
      <c r="O13308" t="s">
        <v>85</v>
      </c>
      <c r="P13308" t="s">
        <v>86</v>
      </c>
      <c r="Q13308">
        <v>130</v>
      </c>
      <c r="R13308">
        <v>133</v>
      </c>
      <c r="S13308">
        <v>136</v>
      </c>
      <c r="T13308">
        <v>139</v>
      </c>
      <c r="U13308">
        <v>142</v>
      </c>
      <c r="V13308">
        <v>145</v>
      </c>
      <c r="W13308">
        <v>148</v>
      </c>
      <c r="X13308">
        <v>150</v>
      </c>
      <c r="Y13308">
        <v>153</v>
      </c>
      <c r="Z13308">
        <v>155</v>
      </c>
      <c r="AA13308">
        <v>158</v>
      </c>
      <c r="AB13308">
        <v>160</v>
      </c>
      <c r="AC13308">
        <v>163</v>
      </c>
      <c r="AD13308">
        <v>165</v>
      </c>
      <c r="AE13308">
        <v>166</v>
      </c>
      <c r="AF13308">
        <v>167</v>
      </c>
      <c r="AG13308">
        <v>167</v>
      </c>
      <c r="AH13308">
        <v>167</v>
      </c>
      <c r="AI13308">
        <v>167</v>
      </c>
      <c r="AJ13308">
        <v>167</v>
      </c>
      <c r="AK13308">
        <v>167</v>
      </c>
      <c r="AL13308">
        <v>168</v>
      </c>
      <c r="AM13308">
        <v>168</v>
      </c>
      <c r="AN13308">
        <v>168</v>
      </c>
      <c r="AO13308">
        <v>168</v>
      </c>
      <c r="AP13308">
        <v>168</v>
      </c>
      <c r="AQ13308">
        <v>167</v>
      </c>
    </row>
    <row r="13309" spans="1:43">
      <c r="A13309" t="s">
        <v>8258</v>
      </c>
      <c r="B13309" t="s">
        <v>8259</v>
      </c>
      <c r="C13309" t="s">
        <v>8226</v>
      </c>
      <c r="D13309" t="s">
        <v>8227</v>
      </c>
      <c r="E13309" t="s">
        <v>8022</v>
      </c>
      <c r="F13309" t="s">
        <v>8023</v>
      </c>
      <c r="G13309" t="s">
        <v>80</v>
      </c>
      <c r="H13309" t="s">
        <v>81</v>
      </c>
      <c r="I13309" s="2">
        <v>0</v>
      </c>
      <c r="J13309" s="2">
        <v>0</v>
      </c>
      <c r="K13309" s="2">
        <v>1</v>
      </c>
      <c r="L13309" t="s">
        <v>995</v>
      </c>
      <c r="M13309" t="s">
        <v>83</v>
      </c>
      <c r="N13309" t="s">
        <v>91</v>
      </c>
      <c r="O13309" t="s">
        <v>85</v>
      </c>
      <c r="P13309" t="s">
        <v>86</v>
      </c>
      <c r="Q13309">
        <v>130</v>
      </c>
      <c r="R13309">
        <v>132</v>
      </c>
      <c r="S13309">
        <v>134</v>
      </c>
      <c r="T13309">
        <v>136</v>
      </c>
      <c r="U13309">
        <v>138</v>
      </c>
      <c r="V13309">
        <v>140</v>
      </c>
      <c r="W13309">
        <v>142</v>
      </c>
      <c r="X13309">
        <v>143</v>
      </c>
      <c r="Y13309">
        <v>145</v>
      </c>
      <c r="Z13309">
        <v>147</v>
      </c>
      <c r="AA13309">
        <v>149</v>
      </c>
      <c r="AB13309">
        <v>151</v>
      </c>
      <c r="AC13309">
        <v>153</v>
      </c>
      <c r="AD13309">
        <v>154</v>
      </c>
      <c r="AE13309">
        <v>156</v>
      </c>
      <c r="AF13309">
        <v>158</v>
      </c>
      <c r="AG13309">
        <v>159</v>
      </c>
      <c r="AH13309">
        <v>161</v>
      </c>
      <c r="AI13309">
        <v>163</v>
      </c>
      <c r="AJ13309">
        <v>164</v>
      </c>
      <c r="AK13309">
        <v>166</v>
      </c>
      <c r="AL13309">
        <v>166</v>
      </c>
      <c r="AM13309">
        <v>166</v>
      </c>
      <c r="AN13309">
        <v>166</v>
      </c>
      <c r="AO13309">
        <v>166</v>
      </c>
      <c r="AP13309">
        <v>166</v>
      </c>
      <c r="AQ13309">
        <v>166</v>
      </c>
    </row>
    <row r="13310" spans="1:43">
      <c r="A13310" t="s">
        <v>8260</v>
      </c>
      <c r="B13310" t="s">
        <v>8261</v>
      </c>
      <c r="C13310" t="s">
        <v>8226</v>
      </c>
      <c r="D13310" t="s">
        <v>8227</v>
      </c>
      <c r="E13310" t="s">
        <v>8022</v>
      </c>
      <c r="F13310" t="s">
        <v>8023</v>
      </c>
      <c r="G13310" t="s">
        <v>80</v>
      </c>
      <c r="H13310" t="s">
        <v>81</v>
      </c>
      <c r="I13310" s="2">
        <v>0</v>
      </c>
      <c r="J13310" s="2">
        <v>0</v>
      </c>
      <c r="K13310" s="2">
        <v>1</v>
      </c>
      <c r="L13310" t="s">
        <v>995</v>
      </c>
      <c r="M13310" t="s">
        <v>83</v>
      </c>
      <c r="N13310" t="s">
        <v>84</v>
      </c>
      <c r="O13310" t="s">
        <v>85</v>
      </c>
      <c r="P13310" t="s">
        <v>86</v>
      </c>
      <c r="Q13310">
        <v>108</v>
      </c>
      <c r="R13310">
        <v>109</v>
      </c>
      <c r="S13310">
        <v>111</v>
      </c>
      <c r="T13310">
        <v>112</v>
      </c>
      <c r="U13310">
        <v>114</v>
      </c>
      <c r="V13310">
        <v>116</v>
      </c>
      <c r="W13310">
        <v>117</v>
      </c>
      <c r="X13310">
        <v>119</v>
      </c>
      <c r="Y13310">
        <v>120</v>
      </c>
      <c r="Z13310">
        <v>121</v>
      </c>
      <c r="AA13310">
        <v>123</v>
      </c>
      <c r="AB13310">
        <v>124</v>
      </c>
      <c r="AC13310">
        <v>126</v>
      </c>
      <c r="AD13310">
        <v>127</v>
      </c>
      <c r="AE13310">
        <v>128</v>
      </c>
      <c r="AF13310">
        <v>130</v>
      </c>
      <c r="AG13310">
        <v>131</v>
      </c>
      <c r="AH13310">
        <v>132</v>
      </c>
      <c r="AI13310">
        <v>133</v>
      </c>
      <c r="AJ13310">
        <v>134</v>
      </c>
      <c r="AK13310">
        <v>136</v>
      </c>
      <c r="AL13310">
        <v>136</v>
      </c>
      <c r="AM13310">
        <v>136</v>
      </c>
      <c r="AN13310">
        <v>135</v>
      </c>
      <c r="AO13310">
        <v>135</v>
      </c>
      <c r="AP13310">
        <v>135</v>
      </c>
      <c r="AQ13310">
        <v>135</v>
      </c>
    </row>
    <row r="13311" spans="1:43">
      <c r="A13311" t="s">
        <v>8260</v>
      </c>
      <c r="B13311" t="s">
        <v>8261</v>
      </c>
      <c r="C13311" t="s">
        <v>8226</v>
      </c>
      <c r="D13311" t="s">
        <v>8227</v>
      </c>
      <c r="E13311" t="s">
        <v>8022</v>
      </c>
      <c r="F13311" t="s">
        <v>8023</v>
      </c>
      <c r="G13311" t="s">
        <v>80</v>
      </c>
      <c r="H13311" t="s">
        <v>81</v>
      </c>
      <c r="I13311" s="2">
        <v>0</v>
      </c>
      <c r="J13311" s="2">
        <v>0</v>
      </c>
      <c r="K13311" s="2">
        <v>1</v>
      </c>
      <c r="L13311" t="s">
        <v>995</v>
      </c>
      <c r="M13311" t="s">
        <v>87</v>
      </c>
      <c r="N13311" t="s">
        <v>88</v>
      </c>
      <c r="O13311" t="s">
        <v>85</v>
      </c>
      <c r="P13311" t="s">
        <v>86</v>
      </c>
      <c r="Q13311">
        <v>108</v>
      </c>
      <c r="R13311">
        <v>108</v>
      </c>
      <c r="S13311">
        <v>109</v>
      </c>
      <c r="T13311">
        <v>109</v>
      </c>
      <c r="U13311">
        <v>110</v>
      </c>
      <c r="V13311">
        <v>110</v>
      </c>
      <c r="W13311">
        <v>111</v>
      </c>
      <c r="X13311">
        <v>111</v>
      </c>
      <c r="Y13311">
        <v>112</v>
      </c>
      <c r="Z13311">
        <v>112</v>
      </c>
      <c r="AA13311">
        <v>113</v>
      </c>
      <c r="AB13311">
        <v>113</v>
      </c>
      <c r="AC13311">
        <v>114</v>
      </c>
      <c r="AD13311">
        <v>114</v>
      </c>
      <c r="AE13311">
        <v>114</v>
      </c>
      <c r="AF13311">
        <v>115</v>
      </c>
      <c r="AG13311">
        <v>115</v>
      </c>
      <c r="AH13311">
        <v>115</v>
      </c>
      <c r="AI13311">
        <v>116</v>
      </c>
      <c r="AJ13311">
        <v>116</v>
      </c>
      <c r="AK13311">
        <v>116</v>
      </c>
      <c r="AL13311">
        <v>117</v>
      </c>
      <c r="AM13311">
        <v>117</v>
      </c>
      <c r="AN13311">
        <v>117</v>
      </c>
      <c r="AO13311">
        <v>117</v>
      </c>
      <c r="AP13311">
        <v>117</v>
      </c>
      <c r="AQ13311">
        <v>118</v>
      </c>
    </row>
    <row r="13312" spans="1:43">
      <c r="A13312" t="s">
        <v>8260</v>
      </c>
      <c r="B13312" t="s">
        <v>8261</v>
      </c>
      <c r="C13312" t="s">
        <v>8226</v>
      </c>
      <c r="D13312" t="s">
        <v>8227</v>
      </c>
      <c r="E13312" t="s">
        <v>8022</v>
      </c>
      <c r="F13312" t="s">
        <v>8023</v>
      </c>
      <c r="G13312" t="s">
        <v>80</v>
      </c>
      <c r="H13312" t="s">
        <v>81</v>
      </c>
      <c r="I13312" s="2">
        <v>0</v>
      </c>
      <c r="J13312" s="2">
        <v>0</v>
      </c>
      <c r="K13312" s="2">
        <v>1</v>
      </c>
      <c r="L13312" t="s">
        <v>995</v>
      </c>
      <c r="M13312" t="s">
        <v>89</v>
      </c>
      <c r="N13312" t="s">
        <v>90</v>
      </c>
      <c r="O13312" t="s">
        <v>85</v>
      </c>
      <c r="P13312" t="s">
        <v>86</v>
      </c>
      <c r="Q13312">
        <v>108</v>
      </c>
      <c r="R13312">
        <v>110</v>
      </c>
      <c r="S13312">
        <v>113</v>
      </c>
      <c r="T13312">
        <v>115</v>
      </c>
      <c r="U13312">
        <v>118</v>
      </c>
      <c r="V13312">
        <v>120</v>
      </c>
      <c r="W13312">
        <v>122</v>
      </c>
      <c r="X13312">
        <v>124</v>
      </c>
      <c r="Y13312">
        <v>126</v>
      </c>
      <c r="Z13312">
        <v>128</v>
      </c>
      <c r="AA13312">
        <v>130</v>
      </c>
      <c r="AB13312">
        <v>132</v>
      </c>
      <c r="AC13312">
        <v>134</v>
      </c>
      <c r="AD13312">
        <v>136</v>
      </c>
      <c r="AE13312">
        <v>137</v>
      </c>
      <c r="AF13312">
        <v>137</v>
      </c>
      <c r="AG13312">
        <v>137</v>
      </c>
      <c r="AH13312">
        <v>137</v>
      </c>
      <c r="AI13312">
        <v>136</v>
      </c>
      <c r="AJ13312">
        <v>136</v>
      </c>
      <c r="AK13312">
        <v>136</v>
      </c>
      <c r="AL13312">
        <v>136</v>
      </c>
      <c r="AM13312">
        <v>136</v>
      </c>
      <c r="AN13312">
        <v>136</v>
      </c>
      <c r="AO13312">
        <v>135</v>
      </c>
      <c r="AP13312">
        <v>135</v>
      </c>
      <c r="AQ13312">
        <v>135</v>
      </c>
    </row>
    <row r="13313" spans="1:43">
      <c r="A13313" t="s">
        <v>8260</v>
      </c>
      <c r="B13313" t="s">
        <v>8261</v>
      </c>
      <c r="C13313" t="s">
        <v>8226</v>
      </c>
      <c r="D13313" t="s">
        <v>8227</v>
      </c>
      <c r="E13313" t="s">
        <v>8022</v>
      </c>
      <c r="F13313" t="s">
        <v>8023</v>
      </c>
      <c r="G13313" t="s">
        <v>80</v>
      </c>
      <c r="H13313" t="s">
        <v>81</v>
      </c>
      <c r="I13313" s="2">
        <v>0</v>
      </c>
      <c r="J13313" s="2">
        <v>0</v>
      </c>
      <c r="K13313" s="2">
        <v>1</v>
      </c>
      <c r="L13313" t="s">
        <v>995</v>
      </c>
      <c r="M13313" t="s">
        <v>83</v>
      </c>
      <c r="N13313" t="s">
        <v>91</v>
      </c>
      <c r="O13313" t="s">
        <v>85</v>
      </c>
      <c r="P13313" t="s">
        <v>86</v>
      </c>
      <c r="Q13313">
        <v>108</v>
      </c>
      <c r="R13313">
        <v>109</v>
      </c>
      <c r="S13313">
        <v>111</v>
      </c>
      <c r="T13313">
        <v>112</v>
      </c>
      <c r="U13313">
        <v>114</v>
      </c>
      <c r="V13313">
        <v>116</v>
      </c>
      <c r="W13313">
        <v>117</v>
      </c>
      <c r="X13313">
        <v>119</v>
      </c>
      <c r="Y13313">
        <v>120</v>
      </c>
      <c r="Z13313">
        <v>121</v>
      </c>
      <c r="AA13313">
        <v>123</v>
      </c>
      <c r="AB13313">
        <v>124</v>
      </c>
      <c r="AC13313">
        <v>126</v>
      </c>
      <c r="AD13313">
        <v>127</v>
      </c>
      <c r="AE13313">
        <v>128</v>
      </c>
      <c r="AF13313">
        <v>130</v>
      </c>
      <c r="AG13313">
        <v>131</v>
      </c>
      <c r="AH13313">
        <v>132</v>
      </c>
      <c r="AI13313">
        <v>133</v>
      </c>
      <c r="AJ13313">
        <v>134</v>
      </c>
      <c r="AK13313">
        <v>136</v>
      </c>
      <c r="AL13313">
        <v>136</v>
      </c>
      <c r="AM13313">
        <v>136</v>
      </c>
      <c r="AN13313">
        <v>135</v>
      </c>
      <c r="AO13313">
        <v>135</v>
      </c>
      <c r="AP13313">
        <v>135</v>
      </c>
      <c r="AQ13313">
        <v>135</v>
      </c>
    </row>
    <row r="13314" spans="1:43">
      <c r="A13314" t="s">
        <v>8262</v>
      </c>
      <c r="B13314" t="s">
        <v>8263</v>
      </c>
      <c r="C13314" t="s">
        <v>8264</v>
      </c>
      <c r="D13314" t="s">
        <v>8265</v>
      </c>
      <c r="E13314" t="s">
        <v>8022</v>
      </c>
      <c r="F13314" t="s">
        <v>8023</v>
      </c>
      <c r="G13314" t="s">
        <v>80</v>
      </c>
      <c r="H13314" t="s">
        <v>81</v>
      </c>
      <c r="I13314" s="2">
        <v>0</v>
      </c>
      <c r="J13314" s="2">
        <v>0</v>
      </c>
      <c r="K13314" s="2">
        <v>1</v>
      </c>
      <c r="L13314" t="s">
        <v>995</v>
      </c>
      <c r="M13314" t="s">
        <v>83</v>
      </c>
      <c r="N13314" t="s">
        <v>84</v>
      </c>
      <c r="O13314" t="s">
        <v>85</v>
      </c>
      <c r="P13314" t="s">
        <v>86</v>
      </c>
      <c r="Q13314">
        <v>46</v>
      </c>
      <c r="R13314">
        <v>46</v>
      </c>
      <c r="S13314">
        <v>47</v>
      </c>
      <c r="T13314">
        <v>48</v>
      </c>
      <c r="U13314">
        <v>48</v>
      </c>
      <c r="V13314">
        <v>49</v>
      </c>
      <c r="W13314">
        <v>50</v>
      </c>
      <c r="X13314">
        <v>50</v>
      </c>
      <c r="Y13314">
        <v>51</v>
      </c>
      <c r="Z13314">
        <v>51</v>
      </c>
      <c r="AA13314">
        <v>52</v>
      </c>
      <c r="AB13314">
        <v>53</v>
      </c>
      <c r="AC13314">
        <v>53</v>
      </c>
      <c r="AD13314">
        <v>54</v>
      </c>
      <c r="AE13314">
        <v>54</v>
      </c>
      <c r="AF13314">
        <v>55</v>
      </c>
      <c r="AG13314">
        <v>55</v>
      </c>
      <c r="AH13314">
        <v>56</v>
      </c>
      <c r="AI13314">
        <v>56</v>
      </c>
      <c r="AJ13314">
        <v>57</v>
      </c>
      <c r="AK13314">
        <v>57</v>
      </c>
      <c r="AL13314">
        <v>57</v>
      </c>
      <c r="AM13314">
        <v>57</v>
      </c>
      <c r="AN13314">
        <v>57</v>
      </c>
      <c r="AO13314">
        <v>57</v>
      </c>
      <c r="AP13314">
        <v>57</v>
      </c>
      <c r="AQ13314">
        <v>57</v>
      </c>
    </row>
    <row r="13315" spans="1:43">
      <c r="A13315" t="s">
        <v>8262</v>
      </c>
      <c r="B13315" t="s">
        <v>8263</v>
      </c>
      <c r="C13315" t="s">
        <v>8264</v>
      </c>
      <c r="D13315" t="s">
        <v>8265</v>
      </c>
      <c r="E13315" t="s">
        <v>8022</v>
      </c>
      <c r="F13315" t="s">
        <v>8023</v>
      </c>
      <c r="G13315" t="s">
        <v>80</v>
      </c>
      <c r="H13315" t="s">
        <v>81</v>
      </c>
      <c r="I13315" s="2">
        <v>0</v>
      </c>
      <c r="J13315" s="2">
        <v>0</v>
      </c>
      <c r="K13315" s="2">
        <v>1</v>
      </c>
      <c r="L13315" t="s">
        <v>995</v>
      </c>
      <c r="M13315" t="s">
        <v>87</v>
      </c>
      <c r="N13315" t="s">
        <v>88</v>
      </c>
      <c r="O13315" t="s">
        <v>85</v>
      </c>
      <c r="P13315" t="s">
        <v>86</v>
      </c>
      <c r="Q13315">
        <v>46</v>
      </c>
      <c r="R13315">
        <v>47</v>
      </c>
      <c r="S13315">
        <v>47</v>
      </c>
      <c r="T13315">
        <v>47</v>
      </c>
      <c r="U13315">
        <v>47</v>
      </c>
      <c r="V13315">
        <v>47</v>
      </c>
      <c r="W13315">
        <v>48</v>
      </c>
      <c r="X13315">
        <v>48</v>
      </c>
      <c r="Y13315">
        <v>48</v>
      </c>
      <c r="Z13315">
        <v>48</v>
      </c>
      <c r="AA13315">
        <v>48</v>
      </c>
      <c r="AB13315">
        <v>49</v>
      </c>
      <c r="AC13315">
        <v>49</v>
      </c>
      <c r="AD13315">
        <v>49</v>
      </c>
      <c r="AE13315">
        <v>49</v>
      </c>
      <c r="AF13315">
        <v>49</v>
      </c>
      <c r="AG13315">
        <v>49</v>
      </c>
      <c r="AH13315">
        <v>49</v>
      </c>
      <c r="AI13315">
        <v>49</v>
      </c>
      <c r="AJ13315">
        <v>50</v>
      </c>
      <c r="AK13315">
        <v>50</v>
      </c>
      <c r="AL13315">
        <v>50</v>
      </c>
      <c r="AM13315">
        <v>50</v>
      </c>
      <c r="AN13315">
        <v>50</v>
      </c>
      <c r="AO13315">
        <v>50</v>
      </c>
      <c r="AP13315">
        <v>50</v>
      </c>
      <c r="AQ13315">
        <v>50</v>
      </c>
    </row>
    <row r="13316" spans="1:43">
      <c r="A13316" t="s">
        <v>8262</v>
      </c>
      <c r="B13316" t="s">
        <v>8263</v>
      </c>
      <c r="C13316" t="s">
        <v>8264</v>
      </c>
      <c r="D13316" t="s">
        <v>8265</v>
      </c>
      <c r="E13316" t="s">
        <v>8022</v>
      </c>
      <c r="F13316" t="s">
        <v>8023</v>
      </c>
      <c r="G13316" t="s">
        <v>80</v>
      </c>
      <c r="H13316" t="s">
        <v>81</v>
      </c>
      <c r="I13316" s="2">
        <v>0</v>
      </c>
      <c r="J13316" s="2">
        <v>0</v>
      </c>
      <c r="K13316" s="2">
        <v>1</v>
      </c>
      <c r="L13316" t="s">
        <v>995</v>
      </c>
      <c r="M13316" t="s">
        <v>89</v>
      </c>
      <c r="N13316" t="s">
        <v>90</v>
      </c>
      <c r="O13316" t="s">
        <v>85</v>
      </c>
      <c r="P13316" t="s">
        <v>86</v>
      </c>
      <c r="Q13316">
        <v>46</v>
      </c>
      <c r="R13316">
        <v>47</v>
      </c>
      <c r="S13316">
        <v>48</v>
      </c>
      <c r="T13316">
        <v>49</v>
      </c>
      <c r="U13316">
        <v>50</v>
      </c>
      <c r="V13316">
        <v>51</v>
      </c>
      <c r="W13316">
        <v>52</v>
      </c>
      <c r="X13316">
        <v>53</v>
      </c>
      <c r="Y13316">
        <v>54</v>
      </c>
      <c r="Z13316">
        <v>55</v>
      </c>
      <c r="AA13316">
        <v>56</v>
      </c>
      <c r="AB13316">
        <v>56</v>
      </c>
      <c r="AC13316">
        <v>57</v>
      </c>
      <c r="AD13316">
        <v>58</v>
      </c>
      <c r="AE13316">
        <v>58</v>
      </c>
      <c r="AF13316">
        <v>58</v>
      </c>
      <c r="AG13316">
        <v>58</v>
      </c>
      <c r="AH13316">
        <v>58</v>
      </c>
      <c r="AI13316">
        <v>58</v>
      </c>
      <c r="AJ13316">
        <v>58</v>
      </c>
      <c r="AK13316">
        <v>58</v>
      </c>
      <c r="AL13316">
        <v>58</v>
      </c>
      <c r="AM13316">
        <v>58</v>
      </c>
      <c r="AN13316">
        <v>57</v>
      </c>
      <c r="AO13316">
        <v>57</v>
      </c>
      <c r="AP13316">
        <v>57</v>
      </c>
      <c r="AQ13316">
        <v>57</v>
      </c>
    </row>
    <row r="13317" spans="1:43">
      <c r="A13317" t="s">
        <v>8262</v>
      </c>
      <c r="B13317" t="s">
        <v>8263</v>
      </c>
      <c r="C13317" t="s">
        <v>8264</v>
      </c>
      <c r="D13317" t="s">
        <v>8265</v>
      </c>
      <c r="E13317" t="s">
        <v>8022</v>
      </c>
      <c r="F13317" t="s">
        <v>8023</v>
      </c>
      <c r="G13317" t="s">
        <v>80</v>
      </c>
      <c r="H13317" t="s">
        <v>81</v>
      </c>
      <c r="I13317" s="2">
        <v>0</v>
      </c>
      <c r="J13317" s="2">
        <v>0</v>
      </c>
      <c r="K13317" s="2">
        <v>1</v>
      </c>
      <c r="L13317" t="s">
        <v>995</v>
      </c>
      <c r="M13317" t="s">
        <v>83</v>
      </c>
      <c r="N13317" t="s">
        <v>91</v>
      </c>
      <c r="O13317" t="s">
        <v>85</v>
      </c>
      <c r="P13317" t="s">
        <v>86</v>
      </c>
      <c r="Q13317">
        <v>46</v>
      </c>
      <c r="R13317">
        <v>46</v>
      </c>
      <c r="S13317">
        <v>47</v>
      </c>
      <c r="T13317">
        <v>48</v>
      </c>
      <c r="U13317">
        <v>48</v>
      </c>
      <c r="V13317">
        <v>49</v>
      </c>
      <c r="W13317">
        <v>50</v>
      </c>
      <c r="X13317">
        <v>50</v>
      </c>
      <c r="Y13317">
        <v>51</v>
      </c>
      <c r="Z13317">
        <v>51</v>
      </c>
      <c r="AA13317">
        <v>52</v>
      </c>
      <c r="AB13317">
        <v>53</v>
      </c>
      <c r="AC13317">
        <v>53</v>
      </c>
      <c r="AD13317">
        <v>54</v>
      </c>
      <c r="AE13317">
        <v>54</v>
      </c>
      <c r="AF13317">
        <v>55</v>
      </c>
      <c r="AG13317">
        <v>55</v>
      </c>
      <c r="AH13317">
        <v>56</v>
      </c>
      <c r="AI13317">
        <v>56</v>
      </c>
      <c r="AJ13317">
        <v>57</v>
      </c>
      <c r="AK13317">
        <v>57</v>
      </c>
      <c r="AL13317">
        <v>57</v>
      </c>
      <c r="AM13317">
        <v>57</v>
      </c>
      <c r="AN13317">
        <v>57</v>
      </c>
      <c r="AO13317">
        <v>57</v>
      </c>
      <c r="AP13317">
        <v>57</v>
      </c>
      <c r="AQ13317">
        <v>57</v>
      </c>
    </row>
    <row r="13318" spans="1:43">
      <c r="A13318" t="s">
        <v>8266</v>
      </c>
      <c r="B13318" t="s">
        <v>8267</v>
      </c>
      <c r="C13318" t="s">
        <v>8264</v>
      </c>
      <c r="D13318" t="s">
        <v>8265</v>
      </c>
      <c r="E13318" t="s">
        <v>8022</v>
      </c>
      <c r="F13318" t="s">
        <v>8023</v>
      </c>
      <c r="G13318" t="s">
        <v>80</v>
      </c>
      <c r="H13318" t="s">
        <v>81</v>
      </c>
      <c r="I13318" s="2">
        <v>0</v>
      </c>
      <c r="J13318" s="2">
        <v>0</v>
      </c>
      <c r="K13318" s="2">
        <v>1</v>
      </c>
      <c r="L13318" t="s">
        <v>995</v>
      </c>
      <c r="M13318" t="s">
        <v>83</v>
      </c>
      <c r="N13318" t="s">
        <v>84</v>
      </c>
      <c r="O13318" t="s">
        <v>85</v>
      </c>
      <c r="P13318" t="s">
        <v>86</v>
      </c>
      <c r="Q13318">
        <v>24</v>
      </c>
      <c r="R13318">
        <v>24</v>
      </c>
      <c r="S13318">
        <v>24</v>
      </c>
      <c r="T13318">
        <v>25</v>
      </c>
      <c r="U13318">
        <v>25</v>
      </c>
      <c r="V13318">
        <v>25</v>
      </c>
      <c r="W13318">
        <v>26</v>
      </c>
      <c r="X13318">
        <v>26</v>
      </c>
      <c r="Y13318">
        <v>26</v>
      </c>
      <c r="Z13318">
        <v>27</v>
      </c>
      <c r="AA13318">
        <v>27</v>
      </c>
      <c r="AB13318">
        <v>27</v>
      </c>
      <c r="AC13318">
        <v>28</v>
      </c>
      <c r="AD13318">
        <v>28</v>
      </c>
      <c r="AE13318">
        <v>28</v>
      </c>
      <c r="AF13318">
        <v>28</v>
      </c>
      <c r="AG13318">
        <v>29</v>
      </c>
      <c r="AH13318">
        <v>29</v>
      </c>
      <c r="AI13318">
        <v>29</v>
      </c>
      <c r="AJ13318">
        <v>29</v>
      </c>
      <c r="AK13318">
        <v>30</v>
      </c>
      <c r="AL13318">
        <v>30</v>
      </c>
      <c r="AM13318">
        <v>30</v>
      </c>
      <c r="AN13318">
        <v>30</v>
      </c>
      <c r="AO13318">
        <v>30</v>
      </c>
      <c r="AP13318">
        <v>30</v>
      </c>
      <c r="AQ13318">
        <v>29</v>
      </c>
    </row>
    <row r="13319" spans="1:43">
      <c r="A13319" t="s">
        <v>8266</v>
      </c>
      <c r="B13319" t="s">
        <v>8267</v>
      </c>
      <c r="C13319" t="s">
        <v>8264</v>
      </c>
      <c r="D13319" t="s">
        <v>8265</v>
      </c>
      <c r="E13319" t="s">
        <v>8022</v>
      </c>
      <c r="F13319" t="s">
        <v>8023</v>
      </c>
      <c r="G13319" t="s">
        <v>80</v>
      </c>
      <c r="H13319" t="s">
        <v>81</v>
      </c>
      <c r="I13319" s="2">
        <v>0</v>
      </c>
      <c r="J13319" s="2">
        <v>0</v>
      </c>
      <c r="K13319" s="2">
        <v>1</v>
      </c>
      <c r="L13319" t="s">
        <v>995</v>
      </c>
      <c r="M13319" t="s">
        <v>87</v>
      </c>
      <c r="N13319" t="s">
        <v>88</v>
      </c>
      <c r="O13319" t="s">
        <v>85</v>
      </c>
      <c r="P13319" t="s">
        <v>86</v>
      </c>
      <c r="Q13319">
        <v>24</v>
      </c>
      <c r="R13319">
        <v>25</v>
      </c>
      <c r="S13319">
        <v>25</v>
      </c>
      <c r="T13319">
        <v>25</v>
      </c>
      <c r="U13319">
        <v>25</v>
      </c>
      <c r="V13319">
        <v>25</v>
      </c>
      <c r="W13319">
        <v>25</v>
      </c>
      <c r="X13319">
        <v>25</v>
      </c>
      <c r="Y13319">
        <v>25</v>
      </c>
      <c r="Z13319">
        <v>25</v>
      </c>
      <c r="AA13319">
        <v>26</v>
      </c>
      <c r="AB13319">
        <v>26</v>
      </c>
      <c r="AC13319">
        <v>26</v>
      </c>
      <c r="AD13319">
        <v>26</v>
      </c>
      <c r="AE13319">
        <v>26</v>
      </c>
      <c r="AF13319">
        <v>26</v>
      </c>
      <c r="AG13319">
        <v>26</v>
      </c>
      <c r="AH13319">
        <v>26</v>
      </c>
      <c r="AI13319">
        <v>26</v>
      </c>
      <c r="AJ13319">
        <v>26</v>
      </c>
      <c r="AK13319">
        <v>26</v>
      </c>
      <c r="AL13319">
        <v>26</v>
      </c>
      <c r="AM13319">
        <v>26</v>
      </c>
      <c r="AN13319">
        <v>26</v>
      </c>
      <c r="AO13319">
        <v>26</v>
      </c>
      <c r="AP13319">
        <v>26</v>
      </c>
      <c r="AQ13319">
        <v>26</v>
      </c>
    </row>
    <row r="13320" spans="1:43">
      <c r="A13320" t="s">
        <v>8266</v>
      </c>
      <c r="B13320" t="s">
        <v>8267</v>
      </c>
      <c r="C13320" t="s">
        <v>8264</v>
      </c>
      <c r="D13320" t="s">
        <v>8265</v>
      </c>
      <c r="E13320" t="s">
        <v>8022</v>
      </c>
      <c r="F13320" t="s">
        <v>8023</v>
      </c>
      <c r="G13320" t="s">
        <v>80</v>
      </c>
      <c r="H13320" t="s">
        <v>81</v>
      </c>
      <c r="I13320" s="2">
        <v>0</v>
      </c>
      <c r="J13320" s="2">
        <v>0</v>
      </c>
      <c r="K13320" s="2">
        <v>1</v>
      </c>
      <c r="L13320" t="s">
        <v>995</v>
      </c>
      <c r="M13320" t="s">
        <v>89</v>
      </c>
      <c r="N13320" t="s">
        <v>90</v>
      </c>
      <c r="O13320" t="s">
        <v>85</v>
      </c>
      <c r="P13320" t="s">
        <v>86</v>
      </c>
      <c r="Q13320">
        <v>24</v>
      </c>
      <c r="R13320">
        <v>24</v>
      </c>
      <c r="S13320">
        <v>25</v>
      </c>
      <c r="T13320">
        <v>26</v>
      </c>
      <c r="U13320">
        <v>26</v>
      </c>
      <c r="V13320">
        <v>27</v>
      </c>
      <c r="W13320">
        <v>27</v>
      </c>
      <c r="X13320">
        <v>28</v>
      </c>
      <c r="Y13320">
        <v>28</v>
      </c>
      <c r="Z13320">
        <v>28</v>
      </c>
      <c r="AA13320">
        <v>29</v>
      </c>
      <c r="AB13320">
        <v>29</v>
      </c>
      <c r="AC13320">
        <v>30</v>
      </c>
      <c r="AD13320">
        <v>30</v>
      </c>
      <c r="AE13320">
        <v>30</v>
      </c>
      <c r="AF13320">
        <v>30</v>
      </c>
      <c r="AG13320">
        <v>30</v>
      </c>
      <c r="AH13320">
        <v>30</v>
      </c>
      <c r="AI13320">
        <v>30</v>
      </c>
      <c r="AJ13320">
        <v>30</v>
      </c>
      <c r="AK13320">
        <v>30</v>
      </c>
      <c r="AL13320">
        <v>30</v>
      </c>
      <c r="AM13320">
        <v>30</v>
      </c>
      <c r="AN13320">
        <v>30</v>
      </c>
      <c r="AO13320">
        <v>30</v>
      </c>
      <c r="AP13320">
        <v>30</v>
      </c>
      <c r="AQ13320">
        <v>30</v>
      </c>
    </row>
    <row r="13321" spans="1:43">
      <c r="A13321" t="s">
        <v>8266</v>
      </c>
      <c r="B13321" t="s">
        <v>8267</v>
      </c>
      <c r="C13321" t="s">
        <v>8264</v>
      </c>
      <c r="D13321" t="s">
        <v>8265</v>
      </c>
      <c r="E13321" t="s">
        <v>8022</v>
      </c>
      <c r="F13321" t="s">
        <v>8023</v>
      </c>
      <c r="G13321" t="s">
        <v>80</v>
      </c>
      <c r="H13321" t="s">
        <v>81</v>
      </c>
      <c r="I13321" s="2">
        <v>0</v>
      </c>
      <c r="J13321" s="2">
        <v>0</v>
      </c>
      <c r="K13321" s="2">
        <v>1</v>
      </c>
      <c r="L13321" t="s">
        <v>995</v>
      </c>
      <c r="M13321" t="s">
        <v>83</v>
      </c>
      <c r="N13321" t="s">
        <v>91</v>
      </c>
      <c r="O13321" t="s">
        <v>85</v>
      </c>
      <c r="P13321" t="s">
        <v>86</v>
      </c>
      <c r="Q13321">
        <v>24</v>
      </c>
      <c r="R13321">
        <v>24</v>
      </c>
      <c r="S13321">
        <v>24</v>
      </c>
      <c r="T13321">
        <v>25</v>
      </c>
      <c r="U13321">
        <v>25</v>
      </c>
      <c r="V13321">
        <v>25</v>
      </c>
      <c r="W13321">
        <v>26</v>
      </c>
      <c r="X13321">
        <v>26</v>
      </c>
      <c r="Y13321">
        <v>26</v>
      </c>
      <c r="Z13321">
        <v>27</v>
      </c>
      <c r="AA13321">
        <v>27</v>
      </c>
      <c r="AB13321">
        <v>27</v>
      </c>
      <c r="AC13321">
        <v>28</v>
      </c>
      <c r="AD13321">
        <v>28</v>
      </c>
      <c r="AE13321">
        <v>28</v>
      </c>
      <c r="AF13321">
        <v>28</v>
      </c>
      <c r="AG13321">
        <v>29</v>
      </c>
      <c r="AH13321">
        <v>29</v>
      </c>
      <c r="AI13321">
        <v>29</v>
      </c>
      <c r="AJ13321">
        <v>29</v>
      </c>
      <c r="AK13321">
        <v>30</v>
      </c>
      <c r="AL13321">
        <v>30</v>
      </c>
      <c r="AM13321">
        <v>30</v>
      </c>
      <c r="AN13321">
        <v>30</v>
      </c>
      <c r="AO13321">
        <v>30</v>
      </c>
      <c r="AP13321">
        <v>30</v>
      </c>
      <c r="AQ13321">
        <v>29</v>
      </c>
    </row>
    <row r="13322" spans="1:43">
      <c r="A13322" t="s">
        <v>8268</v>
      </c>
      <c r="B13322" t="s">
        <v>8269</v>
      </c>
      <c r="C13322" t="s">
        <v>8264</v>
      </c>
      <c r="D13322" t="s">
        <v>8265</v>
      </c>
      <c r="E13322" t="s">
        <v>8022</v>
      </c>
      <c r="F13322" t="s">
        <v>8023</v>
      </c>
      <c r="G13322" t="s">
        <v>80</v>
      </c>
      <c r="H13322" t="s">
        <v>81</v>
      </c>
      <c r="I13322" s="2">
        <v>0</v>
      </c>
      <c r="J13322" s="2">
        <v>0</v>
      </c>
      <c r="K13322" s="2">
        <v>1</v>
      </c>
      <c r="L13322" t="s">
        <v>995</v>
      </c>
      <c r="M13322" t="s">
        <v>83</v>
      </c>
      <c r="N13322" t="s">
        <v>84</v>
      </c>
      <c r="O13322" t="s">
        <v>85</v>
      </c>
      <c r="P13322" t="s">
        <v>86</v>
      </c>
      <c r="Q13322">
        <v>78</v>
      </c>
      <c r="R13322">
        <v>79</v>
      </c>
      <c r="S13322">
        <v>80</v>
      </c>
      <c r="T13322">
        <v>81</v>
      </c>
      <c r="U13322">
        <v>82</v>
      </c>
      <c r="V13322">
        <v>83</v>
      </c>
      <c r="W13322">
        <v>84</v>
      </c>
      <c r="X13322">
        <v>85</v>
      </c>
      <c r="Y13322">
        <v>86</v>
      </c>
      <c r="Z13322">
        <v>87</v>
      </c>
      <c r="AA13322">
        <v>88</v>
      </c>
      <c r="AB13322">
        <v>89</v>
      </c>
      <c r="AC13322">
        <v>90</v>
      </c>
      <c r="AD13322">
        <v>91</v>
      </c>
      <c r="AE13322">
        <v>92</v>
      </c>
      <c r="AF13322">
        <v>93</v>
      </c>
      <c r="AG13322">
        <v>94</v>
      </c>
      <c r="AH13322">
        <v>95</v>
      </c>
      <c r="AI13322">
        <v>96</v>
      </c>
      <c r="AJ13322">
        <v>97</v>
      </c>
      <c r="AK13322">
        <v>97</v>
      </c>
      <c r="AL13322">
        <v>98</v>
      </c>
      <c r="AM13322">
        <v>97</v>
      </c>
      <c r="AN13322">
        <v>97</v>
      </c>
      <c r="AO13322">
        <v>97</v>
      </c>
      <c r="AP13322">
        <v>97</v>
      </c>
      <c r="AQ13322">
        <v>97</v>
      </c>
    </row>
    <row r="13323" spans="1:43">
      <c r="A13323" t="s">
        <v>8268</v>
      </c>
      <c r="B13323" t="s">
        <v>8269</v>
      </c>
      <c r="C13323" t="s">
        <v>8264</v>
      </c>
      <c r="D13323" t="s">
        <v>8265</v>
      </c>
      <c r="E13323" t="s">
        <v>8022</v>
      </c>
      <c r="F13323" t="s">
        <v>8023</v>
      </c>
      <c r="G13323" t="s">
        <v>80</v>
      </c>
      <c r="H13323" t="s">
        <v>81</v>
      </c>
      <c r="I13323" s="2">
        <v>0</v>
      </c>
      <c r="J13323" s="2">
        <v>0</v>
      </c>
      <c r="K13323" s="2">
        <v>1</v>
      </c>
      <c r="L13323" t="s">
        <v>995</v>
      </c>
      <c r="M13323" t="s">
        <v>87</v>
      </c>
      <c r="N13323" t="s">
        <v>88</v>
      </c>
      <c r="O13323" t="s">
        <v>85</v>
      </c>
      <c r="P13323" t="s">
        <v>86</v>
      </c>
      <c r="Q13323">
        <v>78</v>
      </c>
      <c r="R13323">
        <v>78</v>
      </c>
      <c r="S13323">
        <v>79</v>
      </c>
      <c r="T13323">
        <v>79</v>
      </c>
      <c r="U13323">
        <v>80</v>
      </c>
      <c r="V13323">
        <v>80</v>
      </c>
      <c r="W13323">
        <v>80</v>
      </c>
      <c r="X13323">
        <v>81</v>
      </c>
      <c r="Y13323">
        <v>81</v>
      </c>
      <c r="Z13323">
        <v>81</v>
      </c>
      <c r="AA13323">
        <v>82</v>
      </c>
      <c r="AB13323">
        <v>82</v>
      </c>
      <c r="AC13323">
        <v>82</v>
      </c>
      <c r="AD13323">
        <v>82</v>
      </c>
      <c r="AE13323">
        <v>83</v>
      </c>
      <c r="AF13323">
        <v>83</v>
      </c>
      <c r="AG13323">
        <v>83</v>
      </c>
      <c r="AH13323">
        <v>83</v>
      </c>
      <c r="AI13323">
        <v>84</v>
      </c>
      <c r="AJ13323">
        <v>84</v>
      </c>
      <c r="AK13323">
        <v>84</v>
      </c>
      <c r="AL13323">
        <v>84</v>
      </c>
      <c r="AM13323">
        <v>84</v>
      </c>
      <c r="AN13323">
        <v>84</v>
      </c>
      <c r="AO13323">
        <v>84</v>
      </c>
      <c r="AP13323">
        <v>84</v>
      </c>
      <c r="AQ13323">
        <v>85</v>
      </c>
    </row>
    <row r="13324" spans="1:43">
      <c r="A13324" t="s">
        <v>8268</v>
      </c>
      <c r="B13324" t="s">
        <v>8269</v>
      </c>
      <c r="C13324" t="s">
        <v>8264</v>
      </c>
      <c r="D13324" t="s">
        <v>8265</v>
      </c>
      <c r="E13324" t="s">
        <v>8022</v>
      </c>
      <c r="F13324" t="s">
        <v>8023</v>
      </c>
      <c r="G13324" t="s">
        <v>80</v>
      </c>
      <c r="H13324" t="s">
        <v>81</v>
      </c>
      <c r="I13324" s="2">
        <v>0</v>
      </c>
      <c r="J13324" s="2">
        <v>0</v>
      </c>
      <c r="K13324" s="2">
        <v>1</v>
      </c>
      <c r="L13324" t="s">
        <v>995</v>
      </c>
      <c r="M13324" t="s">
        <v>89</v>
      </c>
      <c r="N13324" t="s">
        <v>90</v>
      </c>
      <c r="O13324" t="s">
        <v>85</v>
      </c>
      <c r="P13324" t="s">
        <v>86</v>
      </c>
      <c r="Q13324">
        <v>78</v>
      </c>
      <c r="R13324">
        <v>80</v>
      </c>
      <c r="S13324">
        <v>82</v>
      </c>
      <c r="T13324">
        <v>84</v>
      </c>
      <c r="U13324">
        <v>85</v>
      </c>
      <c r="V13324">
        <v>87</v>
      </c>
      <c r="W13324">
        <v>89</v>
      </c>
      <c r="X13324">
        <v>90</v>
      </c>
      <c r="Y13324">
        <v>92</v>
      </c>
      <c r="Z13324">
        <v>93</v>
      </c>
      <c r="AA13324">
        <v>94</v>
      </c>
      <c r="AB13324">
        <v>96</v>
      </c>
      <c r="AC13324">
        <v>97</v>
      </c>
      <c r="AD13324">
        <v>98</v>
      </c>
      <c r="AE13324">
        <v>99</v>
      </c>
      <c r="AF13324">
        <v>99</v>
      </c>
      <c r="AG13324">
        <v>99</v>
      </c>
      <c r="AH13324">
        <v>99</v>
      </c>
      <c r="AI13324">
        <v>99</v>
      </c>
      <c r="AJ13324">
        <v>99</v>
      </c>
      <c r="AK13324">
        <v>98</v>
      </c>
      <c r="AL13324">
        <v>98</v>
      </c>
      <c r="AM13324">
        <v>98</v>
      </c>
      <c r="AN13324">
        <v>98</v>
      </c>
      <c r="AO13324">
        <v>98</v>
      </c>
      <c r="AP13324">
        <v>98</v>
      </c>
      <c r="AQ13324">
        <v>97</v>
      </c>
    </row>
    <row r="13325" spans="1:43">
      <c r="A13325" t="s">
        <v>8268</v>
      </c>
      <c r="B13325" t="s">
        <v>8269</v>
      </c>
      <c r="C13325" t="s">
        <v>8264</v>
      </c>
      <c r="D13325" t="s">
        <v>8265</v>
      </c>
      <c r="E13325" t="s">
        <v>8022</v>
      </c>
      <c r="F13325" t="s">
        <v>8023</v>
      </c>
      <c r="G13325" t="s">
        <v>80</v>
      </c>
      <c r="H13325" t="s">
        <v>81</v>
      </c>
      <c r="I13325" s="2">
        <v>0</v>
      </c>
      <c r="J13325" s="2">
        <v>0</v>
      </c>
      <c r="K13325" s="2">
        <v>1</v>
      </c>
      <c r="L13325" t="s">
        <v>995</v>
      </c>
      <c r="M13325" t="s">
        <v>83</v>
      </c>
      <c r="N13325" t="s">
        <v>91</v>
      </c>
      <c r="O13325" t="s">
        <v>85</v>
      </c>
      <c r="P13325" t="s">
        <v>86</v>
      </c>
      <c r="Q13325">
        <v>78</v>
      </c>
      <c r="R13325">
        <v>79</v>
      </c>
      <c r="S13325">
        <v>80</v>
      </c>
      <c r="T13325">
        <v>81</v>
      </c>
      <c r="U13325">
        <v>82</v>
      </c>
      <c r="V13325">
        <v>83</v>
      </c>
      <c r="W13325">
        <v>84</v>
      </c>
      <c r="X13325">
        <v>85</v>
      </c>
      <c r="Y13325">
        <v>86</v>
      </c>
      <c r="Z13325">
        <v>87</v>
      </c>
      <c r="AA13325">
        <v>88</v>
      </c>
      <c r="AB13325">
        <v>89</v>
      </c>
      <c r="AC13325">
        <v>90</v>
      </c>
      <c r="AD13325">
        <v>91</v>
      </c>
      <c r="AE13325">
        <v>92</v>
      </c>
      <c r="AF13325">
        <v>93</v>
      </c>
      <c r="AG13325">
        <v>94</v>
      </c>
      <c r="AH13325">
        <v>95</v>
      </c>
      <c r="AI13325">
        <v>96</v>
      </c>
      <c r="AJ13325">
        <v>97</v>
      </c>
      <c r="AK13325">
        <v>97</v>
      </c>
      <c r="AL13325">
        <v>98</v>
      </c>
      <c r="AM13325">
        <v>97</v>
      </c>
      <c r="AN13325">
        <v>97</v>
      </c>
      <c r="AO13325">
        <v>97</v>
      </c>
      <c r="AP13325">
        <v>97</v>
      </c>
      <c r="AQ13325">
        <v>97</v>
      </c>
    </row>
    <row r="13326" spans="1:43">
      <c r="A13326" t="s">
        <v>8270</v>
      </c>
      <c r="B13326" t="s">
        <v>8271</v>
      </c>
      <c r="C13326" t="s">
        <v>8264</v>
      </c>
      <c r="D13326" t="s">
        <v>8265</v>
      </c>
      <c r="E13326" t="s">
        <v>8022</v>
      </c>
      <c r="F13326" t="s">
        <v>8023</v>
      </c>
      <c r="G13326" t="s">
        <v>80</v>
      </c>
      <c r="H13326" t="s">
        <v>81</v>
      </c>
      <c r="I13326" s="2">
        <v>0</v>
      </c>
      <c r="J13326" s="2">
        <v>0</v>
      </c>
      <c r="K13326" s="2">
        <v>1</v>
      </c>
      <c r="L13326" t="s">
        <v>995</v>
      </c>
      <c r="M13326" t="s">
        <v>83</v>
      </c>
      <c r="N13326" t="s">
        <v>84</v>
      </c>
      <c r="O13326" t="s">
        <v>85</v>
      </c>
      <c r="P13326" t="s">
        <v>86</v>
      </c>
      <c r="Q13326">
        <v>7</v>
      </c>
      <c r="R13326">
        <v>7</v>
      </c>
      <c r="S13326">
        <v>7</v>
      </c>
      <c r="T13326">
        <v>7</v>
      </c>
      <c r="U13326">
        <v>8</v>
      </c>
      <c r="V13326">
        <v>8</v>
      </c>
      <c r="W13326">
        <v>8</v>
      </c>
      <c r="X13326">
        <v>8</v>
      </c>
      <c r="Y13326">
        <v>8</v>
      </c>
      <c r="Z13326">
        <v>8</v>
      </c>
      <c r="AA13326">
        <v>8</v>
      </c>
      <c r="AB13326">
        <v>8</v>
      </c>
      <c r="AC13326">
        <v>8</v>
      </c>
      <c r="AD13326">
        <v>8</v>
      </c>
      <c r="AE13326">
        <v>8</v>
      </c>
      <c r="AF13326">
        <v>8</v>
      </c>
      <c r="AG13326">
        <v>9</v>
      </c>
      <c r="AH13326">
        <v>9</v>
      </c>
      <c r="AI13326">
        <v>9</v>
      </c>
      <c r="AJ13326">
        <v>9</v>
      </c>
      <c r="AK13326">
        <v>9</v>
      </c>
      <c r="AL13326">
        <v>9</v>
      </c>
      <c r="AM13326">
        <v>9</v>
      </c>
      <c r="AN13326">
        <v>9</v>
      </c>
      <c r="AO13326">
        <v>9</v>
      </c>
      <c r="AP13326">
        <v>9</v>
      </c>
      <c r="AQ13326">
        <v>9</v>
      </c>
    </row>
    <row r="13327" spans="1:43">
      <c r="A13327" t="s">
        <v>8270</v>
      </c>
      <c r="B13327" t="s">
        <v>8271</v>
      </c>
      <c r="C13327" t="s">
        <v>8264</v>
      </c>
      <c r="D13327" t="s">
        <v>8265</v>
      </c>
      <c r="E13327" t="s">
        <v>8022</v>
      </c>
      <c r="F13327" t="s">
        <v>8023</v>
      </c>
      <c r="G13327" t="s">
        <v>80</v>
      </c>
      <c r="H13327" t="s">
        <v>81</v>
      </c>
      <c r="I13327" s="2">
        <v>0</v>
      </c>
      <c r="J13327" s="2">
        <v>0</v>
      </c>
      <c r="K13327" s="2">
        <v>1</v>
      </c>
      <c r="L13327" t="s">
        <v>995</v>
      </c>
      <c r="M13327" t="s">
        <v>87</v>
      </c>
      <c r="N13327" t="s">
        <v>88</v>
      </c>
      <c r="O13327" t="s">
        <v>85</v>
      </c>
      <c r="P13327" t="s">
        <v>86</v>
      </c>
      <c r="Q13327">
        <v>7</v>
      </c>
      <c r="R13327">
        <v>7</v>
      </c>
      <c r="S13327">
        <v>7</v>
      </c>
      <c r="T13327">
        <v>7</v>
      </c>
      <c r="U13327">
        <v>7</v>
      </c>
      <c r="V13327">
        <v>7</v>
      </c>
      <c r="W13327">
        <v>7</v>
      </c>
      <c r="X13327">
        <v>7</v>
      </c>
      <c r="Y13327">
        <v>7</v>
      </c>
      <c r="Z13327">
        <v>7</v>
      </c>
      <c r="AA13327">
        <v>7</v>
      </c>
      <c r="AB13327">
        <v>7</v>
      </c>
      <c r="AC13327">
        <v>7</v>
      </c>
      <c r="AD13327">
        <v>7</v>
      </c>
      <c r="AE13327">
        <v>7</v>
      </c>
      <c r="AF13327">
        <v>7</v>
      </c>
      <c r="AG13327">
        <v>7</v>
      </c>
      <c r="AH13327">
        <v>7</v>
      </c>
      <c r="AI13327">
        <v>8</v>
      </c>
      <c r="AJ13327">
        <v>8</v>
      </c>
      <c r="AK13327">
        <v>8</v>
      </c>
      <c r="AL13327">
        <v>8</v>
      </c>
      <c r="AM13327">
        <v>8</v>
      </c>
      <c r="AN13327">
        <v>8</v>
      </c>
      <c r="AO13327">
        <v>8</v>
      </c>
      <c r="AP13327">
        <v>8</v>
      </c>
      <c r="AQ13327">
        <v>8</v>
      </c>
    </row>
    <row r="13328" spans="1:43">
      <c r="A13328" t="s">
        <v>8270</v>
      </c>
      <c r="B13328" t="s">
        <v>8271</v>
      </c>
      <c r="C13328" t="s">
        <v>8264</v>
      </c>
      <c r="D13328" t="s">
        <v>8265</v>
      </c>
      <c r="E13328" t="s">
        <v>8022</v>
      </c>
      <c r="F13328" t="s">
        <v>8023</v>
      </c>
      <c r="G13328" t="s">
        <v>80</v>
      </c>
      <c r="H13328" t="s">
        <v>81</v>
      </c>
      <c r="I13328" s="2">
        <v>0</v>
      </c>
      <c r="J13328" s="2">
        <v>0</v>
      </c>
      <c r="K13328" s="2">
        <v>1</v>
      </c>
      <c r="L13328" t="s">
        <v>995</v>
      </c>
      <c r="M13328" t="s">
        <v>89</v>
      </c>
      <c r="N13328" t="s">
        <v>90</v>
      </c>
      <c r="O13328" t="s">
        <v>85</v>
      </c>
      <c r="P13328" t="s">
        <v>86</v>
      </c>
      <c r="Q13328">
        <v>7</v>
      </c>
      <c r="R13328">
        <v>7</v>
      </c>
      <c r="S13328">
        <v>8</v>
      </c>
      <c r="T13328">
        <v>8</v>
      </c>
      <c r="U13328">
        <v>8</v>
      </c>
      <c r="V13328">
        <v>8</v>
      </c>
      <c r="W13328">
        <v>8</v>
      </c>
      <c r="X13328">
        <v>8</v>
      </c>
      <c r="Y13328">
        <v>8</v>
      </c>
      <c r="Z13328">
        <v>9</v>
      </c>
      <c r="AA13328">
        <v>9</v>
      </c>
      <c r="AB13328">
        <v>9</v>
      </c>
      <c r="AC13328">
        <v>9</v>
      </c>
      <c r="AD13328">
        <v>9</v>
      </c>
      <c r="AE13328">
        <v>9</v>
      </c>
      <c r="AF13328">
        <v>9</v>
      </c>
      <c r="AG13328">
        <v>9</v>
      </c>
      <c r="AH13328">
        <v>9</v>
      </c>
      <c r="AI13328">
        <v>9</v>
      </c>
      <c r="AJ13328">
        <v>9</v>
      </c>
      <c r="AK13328">
        <v>9</v>
      </c>
      <c r="AL13328">
        <v>9</v>
      </c>
      <c r="AM13328">
        <v>9</v>
      </c>
      <c r="AN13328">
        <v>9</v>
      </c>
      <c r="AO13328">
        <v>9</v>
      </c>
      <c r="AP13328">
        <v>9</v>
      </c>
      <c r="AQ13328">
        <v>9</v>
      </c>
    </row>
    <row r="13329" spans="1:43">
      <c r="A13329" t="s">
        <v>8270</v>
      </c>
      <c r="B13329" t="s">
        <v>8271</v>
      </c>
      <c r="C13329" t="s">
        <v>8264</v>
      </c>
      <c r="D13329" t="s">
        <v>8265</v>
      </c>
      <c r="E13329" t="s">
        <v>8022</v>
      </c>
      <c r="F13329" t="s">
        <v>8023</v>
      </c>
      <c r="G13329" t="s">
        <v>80</v>
      </c>
      <c r="H13329" t="s">
        <v>81</v>
      </c>
      <c r="I13329" s="2">
        <v>0</v>
      </c>
      <c r="J13329" s="2">
        <v>0</v>
      </c>
      <c r="K13329" s="2">
        <v>1</v>
      </c>
      <c r="L13329" t="s">
        <v>995</v>
      </c>
      <c r="M13329" t="s">
        <v>83</v>
      </c>
      <c r="N13329" t="s">
        <v>91</v>
      </c>
      <c r="O13329" t="s">
        <v>85</v>
      </c>
      <c r="P13329" t="s">
        <v>86</v>
      </c>
      <c r="Q13329">
        <v>7</v>
      </c>
      <c r="R13329">
        <v>7</v>
      </c>
      <c r="S13329">
        <v>7</v>
      </c>
      <c r="T13329">
        <v>7</v>
      </c>
      <c r="U13329">
        <v>8</v>
      </c>
      <c r="V13329">
        <v>8</v>
      </c>
      <c r="W13329">
        <v>8</v>
      </c>
      <c r="X13329">
        <v>8</v>
      </c>
      <c r="Y13329">
        <v>8</v>
      </c>
      <c r="Z13329">
        <v>8</v>
      </c>
      <c r="AA13329">
        <v>8</v>
      </c>
      <c r="AB13329">
        <v>8</v>
      </c>
      <c r="AC13329">
        <v>8</v>
      </c>
      <c r="AD13329">
        <v>8</v>
      </c>
      <c r="AE13329">
        <v>8</v>
      </c>
      <c r="AF13329">
        <v>8</v>
      </c>
      <c r="AG13329">
        <v>9</v>
      </c>
      <c r="AH13329">
        <v>9</v>
      </c>
      <c r="AI13329">
        <v>9</v>
      </c>
      <c r="AJ13329">
        <v>9</v>
      </c>
      <c r="AK13329">
        <v>9</v>
      </c>
      <c r="AL13329">
        <v>9</v>
      </c>
      <c r="AM13329">
        <v>9</v>
      </c>
      <c r="AN13329">
        <v>9</v>
      </c>
      <c r="AO13329">
        <v>9</v>
      </c>
      <c r="AP13329">
        <v>9</v>
      </c>
      <c r="AQ13329">
        <v>9</v>
      </c>
    </row>
    <row r="13330" spans="1:43">
      <c r="A13330" t="s">
        <v>8272</v>
      </c>
      <c r="B13330" t="s">
        <v>8273</v>
      </c>
      <c r="C13330" t="s">
        <v>8264</v>
      </c>
      <c r="D13330" t="s">
        <v>8265</v>
      </c>
      <c r="E13330" t="s">
        <v>8022</v>
      </c>
      <c r="F13330" t="s">
        <v>8023</v>
      </c>
      <c r="G13330" t="s">
        <v>80</v>
      </c>
      <c r="H13330" t="s">
        <v>81</v>
      </c>
      <c r="I13330" s="2">
        <v>0</v>
      </c>
      <c r="J13330" s="2">
        <v>0</v>
      </c>
      <c r="K13330" s="2">
        <v>1</v>
      </c>
      <c r="L13330" t="s">
        <v>995</v>
      </c>
      <c r="M13330" t="s">
        <v>83</v>
      </c>
      <c r="N13330" t="s">
        <v>84</v>
      </c>
      <c r="O13330" t="s">
        <v>85</v>
      </c>
      <c r="P13330" t="s">
        <v>86</v>
      </c>
      <c r="Q13330">
        <v>11</v>
      </c>
      <c r="R13330">
        <v>11</v>
      </c>
      <c r="S13330">
        <v>11</v>
      </c>
      <c r="T13330">
        <v>11</v>
      </c>
      <c r="U13330">
        <v>11</v>
      </c>
      <c r="V13330">
        <v>11</v>
      </c>
      <c r="W13330">
        <v>11</v>
      </c>
      <c r="X13330">
        <v>12</v>
      </c>
      <c r="Y13330">
        <v>12</v>
      </c>
      <c r="Z13330">
        <v>12</v>
      </c>
      <c r="AA13330">
        <v>12</v>
      </c>
      <c r="AB13330">
        <v>12</v>
      </c>
      <c r="AC13330">
        <v>12</v>
      </c>
      <c r="AD13330">
        <v>12</v>
      </c>
      <c r="AE13330">
        <v>13</v>
      </c>
      <c r="AF13330">
        <v>13</v>
      </c>
      <c r="AG13330">
        <v>13</v>
      </c>
      <c r="AH13330">
        <v>13</v>
      </c>
      <c r="AI13330">
        <v>13</v>
      </c>
      <c r="AJ13330">
        <v>13</v>
      </c>
      <c r="AK13330">
        <v>13</v>
      </c>
      <c r="AL13330">
        <v>13</v>
      </c>
      <c r="AM13330">
        <v>13</v>
      </c>
      <c r="AN13330">
        <v>13</v>
      </c>
      <c r="AO13330">
        <v>13</v>
      </c>
      <c r="AP13330">
        <v>13</v>
      </c>
      <c r="AQ13330">
        <v>13</v>
      </c>
    </row>
    <row r="13331" spans="1:43">
      <c r="A13331" t="s">
        <v>8272</v>
      </c>
      <c r="B13331" t="s">
        <v>8273</v>
      </c>
      <c r="C13331" t="s">
        <v>8264</v>
      </c>
      <c r="D13331" t="s">
        <v>8265</v>
      </c>
      <c r="E13331" t="s">
        <v>8022</v>
      </c>
      <c r="F13331" t="s">
        <v>8023</v>
      </c>
      <c r="G13331" t="s">
        <v>80</v>
      </c>
      <c r="H13331" t="s">
        <v>81</v>
      </c>
      <c r="I13331" s="2">
        <v>0</v>
      </c>
      <c r="J13331" s="2">
        <v>0</v>
      </c>
      <c r="K13331" s="2">
        <v>1</v>
      </c>
      <c r="L13331" t="s">
        <v>995</v>
      </c>
      <c r="M13331" t="s">
        <v>87</v>
      </c>
      <c r="N13331" t="s">
        <v>88</v>
      </c>
      <c r="O13331" t="s">
        <v>85</v>
      </c>
      <c r="P13331" t="s">
        <v>86</v>
      </c>
      <c r="Q13331">
        <v>11</v>
      </c>
      <c r="R13331">
        <v>12</v>
      </c>
      <c r="S13331">
        <v>12</v>
      </c>
      <c r="T13331">
        <v>12</v>
      </c>
      <c r="U13331">
        <v>12</v>
      </c>
      <c r="V13331">
        <v>12</v>
      </c>
      <c r="W13331">
        <v>12</v>
      </c>
      <c r="X13331">
        <v>12</v>
      </c>
      <c r="Y13331">
        <v>12</v>
      </c>
      <c r="Z13331">
        <v>12</v>
      </c>
      <c r="AA13331">
        <v>12</v>
      </c>
      <c r="AB13331">
        <v>12</v>
      </c>
      <c r="AC13331">
        <v>12</v>
      </c>
      <c r="AD13331">
        <v>12</v>
      </c>
      <c r="AE13331">
        <v>12</v>
      </c>
      <c r="AF13331">
        <v>12</v>
      </c>
      <c r="AG13331">
        <v>12</v>
      </c>
      <c r="AH13331">
        <v>12</v>
      </c>
      <c r="AI13331">
        <v>12</v>
      </c>
      <c r="AJ13331">
        <v>12</v>
      </c>
      <c r="AK13331">
        <v>12</v>
      </c>
      <c r="AL13331">
        <v>12</v>
      </c>
      <c r="AM13331">
        <v>12</v>
      </c>
      <c r="AN13331">
        <v>12</v>
      </c>
      <c r="AO13331">
        <v>12</v>
      </c>
      <c r="AP13331">
        <v>12</v>
      </c>
      <c r="AQ13331">
        <v>12</v>
      </c>
    </row>
    <row r="13332" spans="1:43">
      <c r="A13332" t="s">
        <v>8272</v>
      </c>
      <c r="B13332" t="s">
        <v>8273</v>
      </c>
      <c r="C13332" t="s">
        <v>8264</v>
      </c>
      <c r="D13332" t="s">
        <v>8265</v>
      </c>
      <c r="E13332" t="s">
        <v>8022</v>
      </c>
      <c r="F13332" t="s">
        <v>8023</v>
      </c>
      <c r="G13332" t="s">
        <v>80</v>
      </c>
      <c r="H13332" t="s">
        <v>81</v>
      </c>
      <c r="I13332" s="2">
        <v>0</v>
      </c>
      <c r="J13332" s="2">
        <v>0</v>
      </c>
      <c r="K13332" s="2">
        <v>1</v>
      </c>
      <c r="L13332" t="s">
        <v>995</v>
      </c>
      <c r="M13332" t="s">
        <v>89</v>
      </c>
      <c r="N13332" t="s">
        <v>90</v>
      </c>
      <c r="O13332" t="s">
        <v>85</v>
      </c>
      <c r="P13332" t="s">
        <v>86</v>
      </c>
      <c r="Q13332">
        <v>11</v>
      </c>
      <c r="R13332">
        <v>11</v>
      </c>
      <c r="S13332">
        <v>11</v>
      </c>
      <c r="T13332">
        <v>11</v>
      </c>
      <c r="U13332">
        <v>12</v>
      </c>
      <c r="V13332">
        <v>12</v>
      </c>
      <c r="W13332">
        <v>12</v>
      </c>
      <c r="X13332">
        <v>12</v>
      </c>
      <c r="Y13332">
        <v>12</v>
      </c>
      <c r="Z13332">
        <v>13</v>
      </c>
      <c r="AA13332">
        <v>13</v>
      </c>
      <c r="AB13332">
        <v>13</v>
      </c>
      <c r="AC13332">
        <v>13</v>
      </c>
      <c r="AD13332">
        <v>13</v>
      </c>
      <c r="AE13332">
        <v>13</v>
      </c>
      <c r="AF13332">
        <v>13</v>
      </c>
      <c r="AG13332">
        <v>13</v>
      </c>
      <c r="AH13332">
        <v>13</v>
      </c>
      <c r="AI13332">
        <v>13</v>
      </c>
      <c r="AJ13332">
        <v>13</v>
      </c>
      <c r="AK13332">
        <v>13</v>
      </c>
      <c r="AL13332">
        <v>13</v>
      </c>
      <c r="AM13332">
        <v>13</v>
      </c>
      <c r="AN13332">
        <v>13</v>
      </c>
      <c r="AO13332">
        <v>13</v>
      </c>
      <c r="AP13332">
        <v>13</v>
      </c>
      <c r="AQ13332">
        <v>13</v>
      </c>
    </row>
    <row r="13333" spans="1:43">
      <c r="A13333" t="s">
        <v>8272</v>
      </c>
      <c r="B13333" t="s">
        <v>8273</v>
      </c>
      <c r="C13333" t="s">
        <v>8264</v>
      </c>
      <c r="D13333" t="s">
        <v>8265</v>
      </c>
      <c r="E13333" t="s">
        <v>8022</v>
      </c>
      <c r="F13333" t="s">
        <v>8023</v>
      </c>
      <c r="G13333" t="s">
        <v>80</v>
      </c>
      <c r="H13333" t="s">
        <v>81</v>
      </c>
      <c r="I13333" s="2">
        <v>0</v>
      </c>
      <c r="J13333" s="2">
        <v>0</v>
      </c>
      <c r="K13333" s="2">
        <v>1</v>
      </c>
      <c r="L13333" t="s">
        <v>995</v>
      </c>
      <c r="M13333" t="s">
        <v>83</v>
      </c>
      <c r="N13333" t="s">
        <v>91</v>
      </c>
      <c r="O13333" t="s">
        <v>85</v>
      </c>
      <c r="P13333" t="s">
        <v>86</v>
      </c>
      <c r="Q13333">
        <v>11</v>
      </c>
      <c r="R13333">
        <v>11</v>
      </c>
      <c r="S13333">
        <v>11</v>
      </c>
      <c r="T13333">
        <v>11</v>
      </c>
      <c r="U13333">
        <v>11</v>
      </c>
      <c r="V13333">
        <v>11</v>
      </c>
      <c r="W13333">
        <v>11</v>
      </c>
      <c r="X13333">
        <v>12</v>
      </c>
      <c r="Y13333">
        <v>12</v>
      </c>
      <c r="Z13333">
        <v>12</v>
      </c>
      <c r="AA13333">
        <v>12</v>
      </c>
      <c r="AB13333">
        <v>12</v>
      </c>
      <c r="AC13333">
        <v>12</v>
      </c>
      <c r="AD13333">
        <v>12</v>
      </c>
      <c r="AE13333">
        <v>13</v>
      </c>
      <c r="AF13333">
        <v>13</v>
      </c>
      <c r="AG13333">
        <v>13</v>
      </c>
      <c r="AH13333">
        <v>13</v>
      </c>
      <c r="AI13333">
        <v>13</v>
      </c>
      <c r="AJ13333">
        <v>13</v>
      </c>
      <c r="AK13333">
        <v>13</v>
      </c>
      <c r="AL13333">
        <v>13</v>
      </c>
      <c r="AM13333">
        <v>13</v>
      </c>
      <c r="AN13333">
        <v>13</v>
      </c>
      <c r="AO13333">
        <v>13</v>
      </c>
      <c r="AP13333">
        <v>13</v>
      </c>
      <c r="AQ13333">
        <v>13</v>
      </c>
    </row>
    <row r="13334" spans="1:43">
      <c r="A13334" t="s">
        <v>8274</v>
      </c>
      <c r="B13334" t="s">
        <v>8275</v>
      </c>
      <c r="C13334" t="s">
        <v>8264</v>
      </c>
      <c r="D13334" t="s">
        <v>8265</v>
      </c>
      <c r="E13334" t="s">
        <v>8022</v>
      </c>
      <c r="F13334" t="s">
        <v>8023</v>
      </c>
      <c r="G13334" t="s">
        <v>80</v>
      </c>
      <c r="H13334" t="s">
        <v>81</v>
      </c>
      <c r="I13334" s="2">
        <v>0</v>
      </c>
      <c r="J13334" s="2">
        <v>0</v>
      </c>
      <c r="K13334" s="2">
        <v>0.69</v>
      </c>
      <c r="L13334" t="s">
        <v>995</v>
      </c>
      <c r="M13334" t="s">
        <v>83</v>
      </c>
      <c r="N13334" t="s">
        <v>84</v>
      </c>
      <c r="O13334" t="s">
        <v>85</v>
      </c>
      <c r="P13334" t="s">
        <v>86</v>
      </c>
      <c r="Q13334">
        <v>10</v>
      </c>
      <c r="R13334">
        <v>10</v>
      </c>
      <c r="S13334">
        <v>10</v>
      </c>
      <c r="T13334">
        <v>10</v>
      </c>
      <c r="U13334">
        <v>10</v>
      </c>
      <c r="V13334">
        <v>10</v>
      </c>
      <c r="W13334">
        <v>11</v>
      </c>
      <c r="X13334">
        <v>11</v>
      </c>
      <c r="Y13334">
        <v>11</v>
      </c>
      <c r="Z13334">
        <v>11</v>
      </c>
      <c r="AA13334">
        <v>11</v>
      </c>
      <c r="AB13334">
        <v>11</v>
      </c>
      <c r="AC13334">
        <v>11</v>
      </c>
      <c r="AD13334">
        <v>11</v>
      </c>
      <c r="AE13334">
        <v>12</v>
      </c>
      <c r="AF13334">
        <v>12</v>
      </c>
      <c r="AG13334">
        <v>12</v>
      </c>
      <c r="AH13334">
        <v>12</v>
      </c>
      <c r="AI13334">
        <v>12</v>
      </c>
      <c r="AJ13334">
        <v>12</v>
      </c>
      <c r="AK13334">
        <v>12</v>
      </c>
      <c r="AL13334">
        <v>12</v>
      </c>
      <c r="AM13334">
        <v>12</v>
      </c>
      <c r="AN13334">
        <v>12</v>
      </c>
      <c r="AO13334">
        <v>12</v>
      </c>
      <c r="AP13334">
        <v>12</v>
      </c>
      <c r="AQ13334">
        <v>12</v>
      </c>
    </row>
    <row r="13335" spans="1:43">
      <c r="A13335" t="s">
        <v>8274</v>
      </c>
      <c r="B13335" t="s">
        <v>8275</v>
      </c>
      <c r="C13335" t="s">
        <v>8264</v>
      </c>
      <c r="D13335" t="s">
        <v>8265</v>
      </c>
      <c r="E13335" t="s">
        <v>8022</v>
      </c>
      <c r="F13335" t="s">
        <v>8023</v>
      </c>
      <c r="G13335" t="s">
        <v>80</v>
      </c>
      <c r="H13335" t="s">
        <v>81</v>
      </c>
      <c r="I13335" s="2">
        <v>0</v>
      </c>
      <c r="J13335" s="2">
        <v>0</v>
      </c>
      <c r="K13335" s="2">
        <v>0.69</v>
      </c>
      <c r="L13335" t="s">
        <v>995</v>
      </c>
      <c r="M13335" t="s">
        <v>87</v>
      </c>
      <c r="N13335" t="s">
        <v>88</v>
      </c>
      <c r="O13335" t="s">
        <v>85</v>
      </c>
      <c r="P13335" t="s">
        <v>86</v>
      </c>
      <c r="Q13335">
        <v>10</v>
      </c>
      <c r="R13335">
        <v>10</v>
      </c>
      <c r="S13335">
        <v>10</v>
      </c>
      <c r="T13335">
        <v>10</v>
      </c>
      <c r="U13335">
        <v>10</v>
      </c>
      <c r="V13335">
        <v>10</v>
      </c>
      <c r="W13335">
        <v>10</v>
      </c>
      <c r="X13335">
        <v>10</v>
      </c>
      <c r="Y13335">
        <v>10</v>
      </c>
      <c r="Z13335">
        <v>10</v>
      </c>
      <c r="AA13335">
        <v>10</v>
      </c>
      <c r="AB13335">
        <v>10</v>
      </c>
      <c r="AC13335">
        <v>10</v>
      </c>
      <c r="AD13335">
        <v>10</v>
      </c>
      <c r="AE13335">
        <v>10</v>
      </c>
      <c r="AF13335">
        <v>10</v>
      </c>
      <c r="AG13335">
        <v>10</v>
      </c>
      <c r="AH13335">
        <v>10</v>
      </c>
      <c r="AI13335">
        <v>10</v>
      </c>
      <c r="AJ13335">
        <v>10</v>
      </c>
      <c r="AK13335">
        <v>10</v>
      </c>
      <c r="AL13335">
        <v>10</v>
      </c>
      <c r="AM13335">
        <v>10</v>
      </c>
      <c r="AN13335">
        <v>10</v>
      </c>
      <c r="AO13335">
        <v>10</v>
      </c>
      <c r="AP13335">
        <v>10</v>
      </c>
      <c r="AQ13335">
        <v>10</v>
      </c>
    </row>
    <row r="13336" spans="1:43">
      <c r="A13336" t="s">
        <v>8274</v>
      </c>
      <c r="B13336" t="s">
        <v>8275</v>
      </c>
      <c r="C13336" t="s">
        <v>8264</v>
      </c>
      <c r="D13336" t="s">
        <v>8265</v>
      </c>
      <c r="E13336" t="s">
        <v>8022</v>
      </c>
      <c r="F13336" t="s">
        <v>8023</v>
      </c>
      <c r="G13336" t="s">
        <v>80</v>
      </c>
      <c r="H13336" t="s">
        <v>81</v>
      </c>
      <c r="I13336" s="2">
        <v>0</v>
      </c>
      <c r="J13336" s="2">
        <v>0</v>
      </c>
      <c r="K13336" s="2">
        <v>0.69</v>
      </c>
      <c r="L13336" t="s">
        <v>995</v>
      </c>
      <c r="M13336" t="s">
        <v>89</v>
      </c>
      <c r="N13336" t="s">
        <v>90</v>
      </c>
      <c r="O13336" t="s">
        <v>85</v>
      </c>
      <c r="P13336" t="s">
        <v>86</v>
      </c>
      <c r="Q13336">
        <v>10</v>
      </c>
      <c r="R13336">
        <v>10</v>
      </c>
      <c r="S13336">
        <v>10</v>
      </c>
      <c r="T13336">
        <v>11</v>
      </c>
      <c r="U13336">
        <v>11</v>
      </c>
      <c r="V13336">
        <v>11</v>
      </c>
      <c r="W13336">
        <v>11</v>
      </c>
      <c r="X13336">
        <v>11</v>
      </c>
      <c r="Y13336">
        <v>12</v>
      </c>
      <c r="Z13336">
        <v>12</v>
      </c>
      <c r="AA13336">
        <v>12</v>
      </c>
      <c r="AB13336">
        <v>12</v>
      </c>
      <c r="AC13336">
        <v>12</v>
      </c>
      <c r="AD13336">
        <v>12</v>
      </c>
      <c r="AE13336">
        <v>12</v>
      </c>
      <c r="AF13336">
        <v>12</v>
      </c>
      <c r="AG13336">
        <v>12</v>
      </c>
      <c r="AH13336">
        <v>12</v>
      </c>
      <c r="AI13336">
        <v>12</v>
      </c>
      <c r="AJ13336">
        <v>12</v>
      </c>
      <c r="AK13336">
        <v>12</v>
      </c>
      <c r="AL13336">
        <v>12</v>
      </c>
      <c r="AM13336">
        <v>12</v>
      </c>
      <c r="AN13336">
        <v>12</v>
      </c>
      <c r="AO13336">
        <v>12</v>
      </c>
      <c r="AP13336">
        <v>12</v>
      </c>
      <c r="AQ13336">
        <v>12</v>
      </c>
    </row>
    <row r="13337" spans="1:43">
      <c r="A13337" t="s">
        <v>8274</v>
      </c>
      <c r="B13337" t="s">
        <v>8275</v>
      </c>
      <c r="C13337" t="s">
        <v>8264</v>
      </c>
      <c r="D13337" t="s">
        <v>8265</v>
      </c>
      <c r="E13337" t="s">
        <v>8022</v>
      </c>
      <c r="F13337" t="s">
        <v>8023</v>
      </c>
      <c r="G13337" t="s">
        <v>80</v>
      </c>
      <c r="H13337" t="s">
        <v>81</v>
      </c>
      <c r="I13337" s="2">
        <v>0</v>
      </c>
      <c r="J13337" s="2">
        <v>0</v>
      </c>
      <c r="K13337" s="2">
        <v>0.69</v>
      </c>
      <c r="L13337" t="s">
        <v>995</v>
      </c>
      <c r="M13337" t="s">
        <v>83</v>
      </c>
      <c r="N13337" t="s">
        <v>91</v>
      </c>
      <c r="O13337" t="s">
        <v>85</v>
      </c>
      <c r="P13337" t="s">
        <v>86</v>
      </c>
      <c r="Q13337">
        <v>10</v>
      </c>
      <c r="R13337">
        <v>10</v>
      </c>
      <c r="S13337">
        <v>10</v>
      </c>
      <c r="T13337">
        <v>10</v>
      </c>
      <c r="U13337">
        <v>10</v>
      </c>
      <c r="V13337">
        <v>10</v>
      </c>
      <c r="W13337">
        <v>11</v>
      </c>
      <c r="X13337">
        <v>11</v>
      </c>
      <c r="Y13337">
        <v>11</v>
      </c>
      <c r="Z13337">
        <v>11</v>
      </c>
      <c r="AA13337">
        <v>11</v>
      </c>
      <c r="AB13337">
        <v>11</v>
      </c>
      <c r="AC13337">
        <v>11</v>
      </c>
      <c r="AD13337">
        <v>11</v>
      </c>
      <c r="AE13337">
        <v>12</v>
      </c>
      <c r="AF13337">
        <v>12</v>
      </c>
      <c r="AG13337">
        <v>12</v>
      </c>
      <c r="AH13337">
        <v>12</v>
      </c>
      <c r="AI13337">
        <v>12</v>
      </c>
      <c r="AJ13337">
        <v>12</v>
      </c>
      <c r="AK13337">
        <v>12</v>
      </c>
      <c r="AL13337">
        <v>12</v>
      </c>
      <c r="AM13337">
        <v>12</v>
      </c>
      <c r="AN13337">
        <v>12</v>
      </c>
      <c r="AO13337">
        <v>12</v>
      </c>
      <c r="AP13337">
        <v>12</v>
      </c>
      <c r="AQ13337">
        <v>12</v>
      </c>
    </row>
    <row r="13338" spans="1:43">
      <c r="A13338" t="s">
        <v>8276</v>
      </c>
      <c r="B13338" t="s">
        <v>8277</v>
      </c>
      <c r="C13338" t="s">
        <v>8264</v>
      </c>
      <c r="D13338" t="s">
        <v>8265</v>
      </c>
      <c r="E13338" t="s">
        <v>8022</v>
      </c>
      <c r="F13338" t="s">
        <v>8023</v>
      </c>
      <c r="G13338" t="s">
        <v>80</v>
      </c>
      <c r="H13338" t="s">
        <v>81</v>
      </c>
      <c r="I13338" s="2">
        <v>0</v>
      </c>
      <c r="J13338" s="2">
        <v>0</v>
      </c>
      <c r="K13338" s="2">
        <v>1</v>
      </c>
      <c r="L13338" t="s">
        <v>995</v>
      </c>
      <c r="M13338" t="s">
        <v>83</v>
      </c>
      <c r="N13338" t="s">
        <v>84</v>
      </c>
      <c r="O13338" t="s">
        <v>85</v>
      </c>
      <c r="P13338" t="s">
        <v>86</v>
      </c>
      <c r="Q13338">
        <v>24</v>
      </c>
      <c r="R13338">
        <v>25</v>
      </c>
      <c r="S13338">
        <v>25</v>
      </c>
      <c r="T13338">
        <v>25</v>
      </c>
      <c r="U13338">
        <v>26</v>
      </c>
      <c r="V13338">
        <v>26</v>
      </c>
      <c r="W13338">
        <v>26</v>
      </c>
      <c r="X13338">
        <v>27</v>
      </c>
      <c r="Y13338">
        <v>27</v>
      </c>
      <c r="Z13338">
        <v>27</v>
      </c>
      <c r="AA13338">
        <v>28</v>
      </c>
      <c r="AB13338">
        <v>28</v>
      </c>
      <c r="AC13338">
        <v>28</v>
      </c>
      <c r="AD13338">
        <v>28</v>
      </c>
      <c r="AE13338">
        <v>29</v>
      </c>
      <c r="AF13338">
        <v>29</v>
      </c>
      <c r="AG13338">
        <v>29</v>
      </c>
      <c r="AH13338">
        <v>29</v>
      </c>
      <c r="AI13338">
        <v>30</v>
      </c>
      <c r="AJ13338">
        <v>30</v>
      </c>
      <c r="AK13338">
        <v>30</v>
      </c>
      <c r="AL13338">
        <v>30</v>
      </c>
      <c r="AM13338">
        <v>30</v>
      </c>
      <c r="AN13338">
        <v>30</v>
      </c>
      <c r="AO13338">
        <v>30</v>
      </c>
      <c r="AP13338">
        <v>30</v>
      </c>
      <c r="AQ13338">
        <v>30</v>
      </c>
    </row>
    <row r="13339" spans="1:43">
      <c r="A13339" t="s">
        <v>8276</v>
      </c>
      <c r="B13339" t="s">
        <v>8277</v>
      </c>
      <c r="C13339" t="s">
        <v>8264</v>
      </c>
      <c r="D13339" t="s">
        <v>8265</v>
      </c>
      <c r="E13339" t="s">
        <v>8022</v>
      </c>
      <c r="F13339" t="s">
        <v>8023</v>
      </c>
      <c r="G13339" t="s">
        <v>80</v>
      </c>
      <c r="H13339" t="s">
        <v>81</v>
      </c>
      <c r="I13339" s="2">
        <v>0</v>
      </c>
      <c r="J13339" s="2">
        <v>0</v>
      </c>
      <c r="K13339" s="2">
        <v>1</v>
      </c>
      <c r="L13339" t="s">
        <v>995</v>
      </c>
      <c r="M13339" t="s">
        <v>87</v>
      </c>
      <c r="N13339" t="s">
        <v>88</v>
      </c>
      <c r="O13339" t="s">
        <v>85</v>
      </c>
      <c r="P13339" t="s">
        <v>86</v>
      </c>
      <c r="Q13339">
        <v>24</v>
      </c>
      <c r="R13339">
        <v>24</v>
      </c>
      <c r="S13339">
        <v>24</v>
      </c>
      <c r="T13339">
        <v>24</v>
      </c>
      <c r="U13339">
        <v>24</v>
      </c>
      <c r="V13339">
        <v>25</v>
      </c>
      <c r="W13339">
        <v>25</v>
      </c>
      <c r="X13339">
        <v>25</v>
      </c>
      <c r="Y13339">
        <v>25</v>
      </c>
      <c r="Z13339">
        <v>25</v>
      </c>
      <c r="AA13339">
        <v>25</v>
      </c>
      <c r="AB13339">
        <v>25</v>
      </c>
      <c r="AC13339">
        <v>25</v>
      </c>
      <c r="AD13339">
        <v>25</v>
      </c>
      <c r="AE13339">
        <v>25</v>
      </c>
      <c r="AF13339">
        <v>25</v>
      </c>
      <c r="AG13339">
        <v>25</v>
      </c>
      <c r="AH13339">
        <v>26</v>
      </c>
      <c r="AI13339">
        <v>26</v>
      </c>
      <c r="AJ13339">
        <v>26</v>
      </c>
      <c r="AK13339">
        <v>26</v>
      </c>
      <c r="AL13339">
        <v>26</v>
      </c>
      <c r="AM13339">
        <v>26</v>
      </c>
      <c r="AN13339">
        <v>26</v>
      </c>
      <c r="AO13339">
        <v>26</v>
      </c>
      <c r="AP13339">
        <v>26</v>
      </c>
      <c r="AQ13339">
        <v>26</v>
      </c>
    </row>
    <row r="13340" spans="1:43">
      <c r="A13340" t="s">
        <v>8276</v>
      </c>
      <c r="B13340" t="s">
        <v>8277</v>
      </c>
      <c r="C13340" t="s">
        <v>8264</v>
      </c>
      <c r="D13340" t="s">
        <v>8265</v>
      </c>
      <c r="E13340" t="s">
        <v>8022</v>
      </c>
      <c r="F13340" t="s">
        <v>8023</v>
      </c>
      <c r="G13340" t="s">
        <v>80</v>
      </c>
      <c r="H13340" t="s">
        <v>81</v>
      </c>
      <c r="I13340" s="2">
        <v>0</v>
      </c>
      <c r="J13340" s="2">
        <v>0</v>
      </c>
      <c r="K13340" s="2">
        <v>1</v>
      </c>
      <c r="L13340" t="s">
        <v>995</v>
      </c>
      <c r="M13340" t="s">
        <v>89</v>
      </c>
      <c r="N13340" t="s">
        <v>90</v>
      </c>
      <c r="O13340" t="s">
        <v>85</v>
      </c>
      <c r="P13340" t="s">
        <v>86</v>
      </c>
      <c r="Q13340">
        <v>24</v>
      </c>
      <c r="R13340">
        <v>25</v>
      </c>
      <c r="S13340">
        <v>26</v>
      </c>
      <c r="T13340">
        <v>26</v>
      </c>
      <c r="U13340">
        <v>27</v>
      </c>
      <c r="V13340">
        <v>27</v>
      </c>
      <c r="W13340">
        <v>28</v>
      </c>
      <c r="X13340">
        <v>28</v>
      </c>
      <c r="Y13340">
        <v>28</v>
      </c>
      <c r="Z13340">
        <v>29</v>
      </c>
      <c r="AA13340">
        <v>29</v>
      </c>
      <c r="AB13340">
        <v>30</v>
      </c>
      <c r="AC13340">
        <v>30</v>
      </c>
      <c r="AD13340">
        <v>31</v>
      </c>
      <c r="AE13340">
        <v>31</v>
      </c>
      <c r="AF13340">
        <v>31</v>
      </c>
      <c r="AG13340">
        <v>31</v>
      </c>
      <c r="AH13340">
        <v>31</v>
      </c>
      <c r="AI13340">
        <v>31</v>
      </c>
      <c r="AJ13340">
        <v>30</v>
      </c>
      <c r="AK13340">
        <v>30</v>
      </c>
      <c r="AL13340">
        <v>30</v>
      </c>
      <c r="AM13340">
        <v>30</v>
      </c>
      <c r="AN13340">
        <v>30</v>
      </c>
      <c r="AO13340">
        <v>30</v>
      </c>
      <c r="AP13340">
        <v>30</v>
      </c>
      <c r="AQ13340">
        <v>30</v>
      </c>
    </row>
    <row r="13341" spans="1:43">
      <c r="A13341" t="s">
        <v>8276</v>
      </c>
      <c r="B13341" t="s">
        <v>8277</v>
      </c>
      <c r="C13341" t="s">
        <v>8264</v>
      </c>
      <c r="D13341" t="s">
        <v>8265</v>
      </c>
      <c r="E13341" t="s">
        <v>8022</v>
      </c>
      <c r="F13341" t="s">
        <v>8023</v>
      </c>
      <c r="G13341" t="s">
        <v>80</v>
      </c>
      <c r="H13341" t="s">
        <v>81</v>
      </c>
      <c r="I13341" s="2">
        <v>0</v>
      </c>
      <c r="J13341" s="2">
        <v>0</v>
      </c>
      <c r="K13341" s="2">
        <v>1</v>
      </c>
      <c r="L13341" t="s">
        <v>995</v>
      </c>
      <c r="M13341" t="s">
        <v>83</v>
      </c>
      <c r="N13341" t="s">
        <v>91</v>
      </c>
      <c r="O13341" t="s">
        <v>85</v>
      </c>
      <c r="P13341" t="s">
        <v>86</v>
      </c>
      <c r="Q13341">
        <v>24</v>
      </c>
      <c r="R13341">
        <v>25</v>
      </c>
      <c r="S13341">
        <v>25</v>
      </c>
      <c r="T13341">
        <v>25</v>
      </c>
      <c r="U13341">
        <v>26</v>
      </c>
      <c r="V13341">
        <v>26</v>
      </c>
      <c r="W13341">
        <v>26</v>
      </c>
      <c r="X13341">
        <v>27</v>
      </c>
      <c r="Y13341">
        <v>27</v>
      </c>
      <c r="Z13341">
        <v>27</v>
      </c>
      <c r="AA13341">
        <v>28</v>
      </c>
      <c r="AB13341">
        <v>28</v>
      </c>
      <c r="AC13341">
        <v>28</v>
      </c>
      <c r="AD13341">
        <v>28</v>
      </c>
      <c r="AE13341">
        <v>29</v>
      </c>
      <c r="AF13341">
        <v>29</v>
      </c>
      <c r="AG13341">
        <v>29</v>
      </c>
      <c r="AH13341">
        <v>29</v>
      </c>
      <c r="AI13341">
        <v>30</v>
      </c>
      <c r="AJ13341">
        <v>30</v>
      </c>
      <c r="AK13341">
        <v>30</v>
      </c>
      <c r="AL13341">
        <v>30</v>
      </c>
      <c r="AM13341">
        <v>30</v>
      </c>
      <c r="AN13341">
        <v>30</v>
      </c>
      <c r="AO13341">
        <v>30</v>
      </c>
      <c r="AP13341">
        <v>30</v>
      </c>
      <c r="AQ13341">
        <v>30</v>
      </c>
    </row>
    <row r="13342" spans="1:43">
      <c r="A13342" t="s">
        <v>8278</v>
      </c>
      <c r="B13342" t="s">
        <v>8279</v>
      </c>
      <c r="C13342" t="s">
        <v>8280</v>
      </c>
      <c r="D13342" t="s">
        <v>8281</v>
      </c>
      <c r="E13342" t="s">
        <v>8022</v>
      </c>
      <c r="F13342" t="s">
        <v>8023</v>
      </c>
      <c r="G13342" t="s">
        <v>80</v>
      </c>
      <c r="H13342" t="s">
        <v>81</v>
      </c>
      <c r="I13342" s="2">
        <v>0</v>
      </c>
      <c r="J13342" s="2">
        <v>0</v>
      </c>
      <c r="K13342" s="2">
        <v>1</v>
      </c>
      <c r="L13342" t="s">
        <v>995</v>
      </c>
      <c r="M13342" t="s">
        <v>83</v>
      </c>
      <c r="N13342" t="s">
        <v>84</v>
      </c>
      <c r="O13342" t="s">
        <v>85</v>
      </c>
      <c r="P13342" t="s">
        <v>86</v>
      </c>
      <c r="Q13342">
        <v>32</v>
      </c>
      <c r="R13342">
        <v>32</v>
      </c>
      <c r="S13342">
        <v>33</v>
      </c>
      <c r="T13342">
        <v>33</v>
      </c>
      <c r="U13342">
        <v>34</v>
      </c>
      <c r="V13342">
        <v>34</v>
      </c>
      <c r="W13342">
        <v>34</v>
      </c>
      <c r="X13342">
        <v>35</v>
      </c>
      <c r="Y13342">
        <v>35</v>
      </c>
      <c r="Z13342">
        <v>36</v>
      </c>
      <c r="AA13342">
        <v>36</v>
      </c>
      <c r="AB13342">
        <v>37</v>
      </c>
      <c r="AC13342">
        <v>37</v>
      </c>
      <c r="AD13342">
        <v>37</v>
      </c>
      <c r="AE13342">
        <v>38</v>
      </c>
      <c r="AF13342">
        <v>38</v>
      </c>
      <c r="AG13342">
        <v>39</v>
      </c>
      <c r="AH13342">
        <v>39</v>
      </c>
      <c r="AI13342">
        <v>39</v>
      </c>
      <c r="AJ13342">
        <v>40</v>
      </c>
      <c r="AK13342">
        <v>40</v>
      </c>
      <c r="AL13342">
        <v>40</v>
      </c>
      <c r="AM13342">
        <v>40</v>
      </c>
      <c r="AN13342">
        <v>40</v>
      </c>
      <c r="AO13342">
        <v>40</v>
      </c>
      <c r="AP13342">
        <v>40</v>
      </c>
      <c r="AQ13342">
        <v>40</v>
      </c>
    </row>
    <row r="13343" spans="1:43">
      <c r="A13343" t="s">
        <v>8278</v>
      </c>
      <c r="B13343" t="s">
        <v>8279</v>
      </c>
      <c r="C13343" t="s">
        <v>8280</v>
      </c>
      <c r="D13343" t="s">
        <v>8281</v>
      </c>
      <c r="E13343" t="s">
        <v>8022</v>
      </c>
      <c r="F13343" t="s">
        <v>8023</v>
      </c>
      <c r="G13343" t="s">
        <v>80</v>
      </c>
      <c r="H13343" t="s">
        <v>81</v>
      </c>
      <c r="I13343" s="2">
        <v>0</v>
      </c>
      <c r="J13343" s="2">
        <v>0</v>
      </c>
      <c r="K13343" s="2">
        <v>1</v>
      </c>
      <c r="L13343" t="s">
        <v>995</v>
      </c>
      <c r="M13343" t="s">
        <v>87</v>
      </c>
      <c r="N13343" t="s">
        <v>88</v>
      </c>
      <c r="O13343" t="s">
        <v>85</v>
      </c>
      <c r="P13343" t="s">
        <v>86</v>
      </c>
      <c r="Q13343">
        <v>32</v>
      </c>
      <c r="R13343">
        <v>33</v>
      </c>
      <c r="S13343">
        <v>33</v>
      </c>
      <c r="T13343">
        <v>33</v>
      </c>
      <c r="U13343">
        <v>33</v>
      </c>
      <c r="V13343">
        <v>33</v>
      </c>
      <c r="W13343">
        <v>33</v>
      </c>
      <c r="X13343">
        <v>34</v>
      </c>
      <c r="Y13343">
        <v>34</v>
      </c>
      <c r="Z13343">
        <v>34</v>
      </c>
      <c r="AA13343">
        <v>34</v>
      </c>
      <c r="AB13343">
        <v>34</v>
      </c>
      <c r="AC13343">
        <v>34</v>
      </c>
      <c r="AD13343">
        <v>34</v>
      </c>
      <c r="AE13343">
        <v>34</v>
      </c>
      <c r="AF13343">
        <v>35</v>
      </c>
      <c r="AG13343">
        <v>35</v>
      </c>
      <c r="AH13343">
        <v>35</v>
      </c>
      <c r="AI13343">
        <v>35</v>
      </c>
      <c r="AJ13343">
        <v>35</v>
      </c>
      <c r="AK13343">
        <v>35</v>
      </c>
      <c r="AL13343">
        <v>35</v>
      </c>
      <c r="AM13343">
        <v>35</v>
      </c>
      <c r="AN13343">
        <v>35</v>
      </c>
      <c r="AO13343">
        <v>35</v>
      </c>
      <c r="AP13343">
        <v>35</v>
      </c>
      <c r="AQ13343">
        <v>35</v>
      </c>
    </row>
    <row r="13344" spans="1:43">
      <c r="A13344" t="s">
        <v>8278</v>
      </c>
      <c r="B13344" t="s">
        <v>8279</v>
      </c>
      <c r="C13344" t="s">
        <v>8280</v>
      </c>
      <c r="D13344" t="s">
        <v>8281</v>
      </c>
      <c r="E13344" t="s">
        <v>8022</v>
      </c>
      <c r="F13344" t="s">
        <v>8023</v>
      </c>
      <c r="G13344" t="s">
        <v>80</v>
      </c>
      <c r="H13344" t="s">
        <v>81</v>
      </c>
      <c r="I13344" s="2">
        <v>0</v>
      </c>
      <c r="J13344" s="2">
        <v>0</v>
      </c>
      <c r="K13344" s="2">
        <v>1</v>
      </c>
      <c r="L13344" t="s">
        <v>995</v>
      </c>
      <c r="M13344" t="s">
        <v>89</v>
      </c>
      <c r="N13344" t="s">
        <v>90</v>
      </c>
      <c r="O13344" t="s">
        <v>85</v>
      </c>
      <c r="P13344" t="s">
        <v>86</v>
      </c>
      <c r="Q13344">
        <v>32</v>
      </c>
      <c r="R13344">
        <v>33</v>
      </c>
      <c r="S13344">
        <v>33</v>
      </c>
      <c r="T13344">
        <v>34</v>
      </c>
      <c r="U13344">
        <v>35</v>
      </c>
      <c r="V13344">
        <v>36</v>
      </c>
      <c r="W13344">
        <v>36</v>
      </c>
      <c r="X13344">
        <v>37</v>
      </c>
      <c r="Y13344">
        <v>37</v>
      </c>
      <c r="Z13344">
        <v>38</v>
      </c>
      <c r="AA13344">
        <v>39</v>
      </c>
      <c r="AB13344">
        <v>39</v>
      </c>
      <c r="AC13344">
        <v>40</v>
      </c>
      <c r="AD13344">
        <v>40</v>
      </c>
      <c r="AE13344">
        <v>41</v>
      </c>
      <c r="AF13344">
        <v>41</v>
      </c>
      <c r="AG13344">
        <v>41</v>
      </c>
      <c r="AH13344">
        <v>41</v>
      </c>
      <c r="AI13344">
        <v>41</v>
      </c>
      <c r="AJ13344">
        <v>41</v>
      </c>
      <c r="AK13344">
        <v>40</v>
      </c>
      <c r="AL13344">
        <v>40</v>
      </c>
      <c r="AM13344">
        <v>40</v>
      </c>
      <c r="AN13344">
        <v>40</v>
      </c>
      <c r="AO13344">
        <v>40</v>
      </c>
      <c r="AP13344">
        <v>40</v>
      </c>
      <c r="AQ13344">
        <v>40</v>
      </c>
    </row>
    <row r="13345" spans="1:43">
      <c r="A13345" t="s">
        <v>8278</v>
      </c>
      <c r="B13345" t="s">
        <v>8279</v>
      </c>
      <c r="C13345" t="s">
        <v>8280</v>
      </c>
      <c r="D13345" t="s">
        <v>8281</v>
      </c>
      <c r="E13345" t="s">
        <v>8022</v>
      </c>
      <c r="F13345" t="s">
        <v>8023</v>
      </c>
      <c r="G13345" t="s">
        <v>80</v>
      </c>
      <c r="H13345" t="s">
        <v>81</v>
      </c>
      <c r="I13345" s="2">
        <v>0</v>
      </c>
      <c r="J13345" s="2">
        <v>0</v>
      </c>
      <c r="K13345" s="2">
        <v>1</v>
      </c>
      <c r="L13345" t="s">
        <v>995</v>
      </c>
      <c r="M13345" t="s">
        <v>83</v>
      </c>
      <c r="N13345" t="s">
        <v>91</v>
      </c>
      <c r="O13345" t="s">
        <v>85</v>
      </c>
      <c r="P13345" t="s">
        <v>86</v>
      </c>
      <c r="Q13345">
        <v>32</v>
      </c>
      <c r="R13345">
        <v>32</v>
      </c>
      <c r="S13345">
        <v>33</v>
      </c>
      <c r="T13345">
        <v>33</v>
      </c>
      <c r="U13345">
        <v>34</v>
      </c>
      <c r="V13345">
        <v>34</v>
      </c>
      <c r="W13345">
        <v>34</v>
      </c>
      <c r="X13345">
        <v>35</v>
      </c>
      <c r="Y13345">
        <v>35</v>
      </c>
      <c r="Z13345">
        <v>36</v>
      </c>
      <c r="AA13345">
        <v>36</v>
      </c>
      <c r="AB13345">
        <v>37</v>
      </c>
      <c r="AC13345">
        <v>37</v>
      </c>
      <c r="AD13345">
        <v>37</v>
      </c>
      <c r="AE13345">
        <v>38</v>
      </c>
      <c r="AF13345">
        <v>38</v>
      </c>
      <c r="AG13345">
        <v>39</v>
      </c>
      <c r="AH13345">
        <v>39</v>
      </c>
      <c r="AI13345">
        <v>39</v>
      </c>
      <c r="AJ13345">
        <v>40</v>
      </c>
      <c r="AK13345">
        <v>40</v>
      </c>
      <c r="AL13345">
        <v>40</v>
      </c>
      <c r="AM13345">
        <v>40</v>
      </c>
      <c r="AN13345">
        <v>40</v>
      </c>
      <c r="AO13345">
        <v>40</v>
      </c>
      <c r="AP13345">
        <v>40</v>
      </c>
      <c r="AQ13345">
        <v>40</v>
      </c>
    </row>
    <row r="13346" spans="1:43">
      <c r="A13346" t="s">
        <v>8282</v>
      </c>
      <c r="B13346" t="s">
        <v>8283</v>
      </c>
      <c r="C13346" t="s">
        <v>8280</v>
      </c>
      <c r="D13346" t="s">
        <v>8281</v>
      </c>
      <c r="E13346" t="s">
        <v>8022</v>
      </c>
      <c r="F13346" t="s">
        <v>8023</v>
      </c>
      <c r="G13346" t="s">
        <v>80</v>
      </c>
      <c r="H13346" t="s">
        <v>81</v>
      </c>
      <c r="I13346" s="2">
        <v>0</v>
      </c>
      <c r="J13346" s="2">
        <v>0</v>
      </c>
      <c r="K13346" s="2">
        <v>0.4</v>
      </c>
      <c r="L13346" t="s">
        <v>995</v>
      </c>
      <c r="M13346" t="s">
        <v>83</v>
      </c>
      <c r="N13346" t="s">
        <v>84</v>
      </c>
      <c r="O13346" t="s">
        <v>85</v>
      </c>
      <c r="P13346" t="s">
        <v>86</v>
      </c>
      <c r="Q13346">
        <v>5</v>
      </c>
      <c r="R13346">
        <v>5</v>
      </c>
      <c r="S13346">
        <v>5</v>
      </c>
      <c r="T13346">
        <v>5</v>
      </c>
      <c r="U13346">
        <v>5</v>
      </c>
      <c r="V13346">
        <v>5</v>
      </c>
      <c r="W13346">
        <v>5</v>
      </c>
      <c r="X13346">
        <v>5</v>
      </c>
      <c r="Y13346">
        <v>5</v>
      </c>
      <c r="Z13346">
        <v>5</v>
      </c>
      <c r="AA13346">
        <v>5</v>
      </c>
      <c r="AB13346">
        <v>5</v>
      </c>
      <c r="AC13346">
        <v>5</v>
      </c>
      <c r="AD13346">
        <v>5</v>
      </c>
      <c r="AE13346">
        <v>6</v>
      </c>
      <c r="AF13346">
        <v>6</v>
      </c>
      <c r="AG13346">
        <v>6</v>
      </c>
      <c r="AH13346">
        <v>6</v>
      </c>
      <c r="AI13346">
        <v>6</v>
      </c>
      <c r="AJ13346">
        <v>6</v>
      </c>
      <c r="AK13346">
        <v>6</v>
      </c>
      <c r="AL13346">
        <v>6</v>
      </c>
      <c r="AM13346">
        <v>6</v>
      </c>
      <c r="AN13346">
        <v>6</v>
      </c>
      <c r="AO13346">
        <v>6</v>
      </c>
      <c r="AP13346">
        <v>6</v>
      </c>
      <c r="AQ13346">
        <v>6</v>
      </c>
    </row>
    <row r="13347" spans="1:43">
      <c r="A13347" t="s">
        <v>8282</v>
      </c>
      <c r="B13347" t="s">
        <v>8283</v>
      </c>
      <c r="C13347" t="s">
        <v>8280</v>
      </c>
      <c r="D13347" t="s">
        <v>8281</v>
      </c>
      <c r="E13347" t="s">
        <v>8022</v>
      </c>
      <c r="F13347" t="s">
        <v>8023</v>
      </c>
      <c r="G13347" t="s">
        <v>80</v>
      </c>
      <c r="H13347" t="s">
        <v>81</v>
      </c>
      <c r="I13347" s="2">
        <v>0</v>
      </c>
      <c r="J13347" s="2">
        <v>0</v>
      </c>
      <c r="K13347" s="2">
        <v>0.4</v>
      </c>
      <c r="L13347" t="s">
        <v>995</v>
      </c>
      <c r="M13347" t="s">
        <v>87</v>
      </c>
      <c r="N13347" t="s">
        <v>88</v>
      </c>
      <c r="O13347" t="s">
        <v>85</v>
      </c>
      <c r="P13347" t="s">
        <v>86</v>
      </c>
      <c r="Q13347">
        <v>5</v>
      </c>
      <c r="R13347">
        <v>5</v>
      </c>
      <c r="S13347">
        <v>5</v>
      </c>
      <c r="T13347">
        <v>5</v>
      </c>
      <c r="U13347">
        <v>5</v>
      </c>
      <c r="V13347">
        <v>5</v>
      </c>
      <c r="W13347">
        <v>5</v>
      </c>
      <c r="X13347">
        <v>5</v>
      </c>
      <c r="Y13347">
        <v>5</v>
      </c>
      <c r="Z13347">
        <v>5</v>
      </c>
      <c r="AA13347">
        <v>5</v>
      </c>
      <c r="AB13347">
        <v>5</v>
      </c>
      <c r="AC13347">
        <v>5</v>
      </c>
      <c r="AD13347">
        <v>5</v>
      </c>
      <c r="AE13347">
        <v>5</v>
      </c>
      <c r="AF13347">
        <v>5</v>
      </c>
      <c r="AG13347">
        <v>5</v>
      </c>
      <c r="AH13347">
        <v>5</v>
      </c>
      <c r="AI13347">
        <v>5</v>
      </c>
      <c r="AJ13347">
        <v>5</v>
      </c>
      <c r="AK13347">
        <v>5</v>
      </c>
      <c r="AL13347">
        <v>5</v>
      </c>
      <c r="AM13347">
        <v>5</v>
      </c>
      <c r="AN13347">
        <v>5</v>
      </c>
      <c r="AO13347">
        <v>5</v>
      </c>
      <c r="AP13347">
        <v>5</v>
      </c>
      <c r="AQ13347">
        <v>5</v>
      </c>
    </row>
    <row r="13348" spans="1:43">
      <c r="A13348" t="s">
        <v>8282</v>
      </c>
      <c r="B13348" t="s">
        <v>8283</v>
      </c>
      <c r="C13348" t="s">
        <v>8280</v>
      </c>
      <c r="D13348" t="s">
        <v>8281</v>
      </c>
      <c r="E13348" t="s">
        <v>8022</v>
      </c>
      <c r="F13348" t="s">
        <v>8023</v>
      </c>
      <c r="G13348" t="s">
        <v>80</v>
      </c>
      <c r="H13348" t="s">
        <v>81</v>
      </c>
      <c r="I13348" s="2">
        <v>0</v>
      </c>
      <c r="J13348" s="2">
        <v>0</v>
      </c>
      <c r="K13348" s="2">
        <v>0.4</v>
      </c>
      <c r="L13348" t="s">
        <v>995</v>
      </c>
      <c r="M13348" t="s">
        <v>89</v>
      </c>
      <c r="N13348" t="s">
        <v>90</v>
      </c>
      <c r="O13348" t="s">
        <v>85</v>
      </c>
      <c r="P13348" t="s">
        <v>86</v>
      </c>
      <c r="Q13348">
        <v>5</v>
      </c>
      <c r="R13348">
        <v>5</v>
      </c>
      <c r="S13348">
        <v>5</v>
      </c>
      <c r="T13348">
        <v>5</v>
      </c>
      <c r="U13348">
        <v>5</v>
      </c>
      <c r="V13348">
        <v>5</v>
      </c>
      <c r="W13348">
        <v>5</v>
      </c>
      <c r="X13348">
        <v>5</v>
      </c>
      <c r="Y13348">
        <v>5</v>
      </c>
      <c r="Z13348">
        <v>6</v>
      </c>
      <c r="AA13348">
        <v>6</v>
      </c>
      <c r="AB13348">
        <v>6</v>
      </c>
      <c r="AC13348">
        <v>6</v>
      </c>
      <c r="AD13348">
        <v>6</v>
      </c>
      <c r="AE13348">
        <v>6</v>
      </c>
      <c r="AF13348">
        <v>6</v>
      </c>
      <c r="AG13348">
        <v>6</v>
      </c>
      <c r="AH13348">
        <v>6</v>
      </c>
      <c r="AI13348">
        <v>6</v>
      </c>
      <c r="AJ13348">
        <v>6</v>
      </c>
      <c r="AK13348">
        <v>6</v>
      </c>
      <c r="AL13348">
        <v>6</v>
      </c>
      <c r="AM13348">
        <v>6</v>
      </c>
      <c r="AN13348">
        <v>6</v>
      </c>
      <c r="AO13348">
        <v>6</v>
      </c>
      <c r="AP13348">
        <v>6</v>
      </c>
      <c r="AQ13348">
        <v>6</v>
      </c>
    </row>
    <row r="13349" spans="1:43">
      <c r="A13349" t="s">
        <v>8282</v>
      </c>
      <c r="B13349" t="s">
        <v>8283</v>
      </c>
      <c r="C13349" t="s">
        <v>8280</v>
      </c>
      <c r="D13349" t="s">
        <v>8281</v>
      </c>
      <c r="E13349" t="s">
        <v>8022</v>
      </c>
      <c r="F13349" t="s">
        <v>8023</v>
      </c>
      <c r="G13349" t="s">
        <v>80</v>
      </c>
      <c r="H13349" t="s">
        <v>81</v>
      </c>
      <c r="I13349" s="2">
        <v>0</v>
      </c>
      <c r="J13349" s="2">
        <v>0</v>
      </c>
      <c r="K13349" s="2">
        <v>0.4</v>
      </c>
      <c r="L13349" t="s">
        <v>995</v>
      </c>
      <c r="M13349" t="s">
        <v>83</v>
      </c>
      <c r="N13349" t="s">
        <v>91</v>
      </c>
      <c r="O13349" t="s">
        <v>85</v>
      </c>
      <c r="P13349" t="s">
        <v>86</v>
      </c>
      <c r="Q13349">
        <v>5</v>
      </c>
      <c r="R13349">
        <v>5</v>
      </c>
      <c r="S13349">
        <v>5</v>
      </c>
      <c r="T13349">
        <v>5</v>
      </c>
      <c r="U13349">
        <v>5</v>
      </c>
      <c r="V13349">
        <v>5</v>
      </c>
      <c r="W13349">
        <v>5</v>
      </c>
      <c r="X13349">
        <v>5</v>
      </c>
      <c r="Y13349">
        <v>5</v>
      </c>
      <c r="Z13349">
        <v>5</v>
      </c>
      <c r="AA13349">
        <v>5</v>
      </c>
      <c r="AB13349">
        <v>5</v>
      </c>
      <c r="AC13349">
        <v>5</v>
      </c>
      <c r="AD13349">
        <v>5</v>
      </c>
      <c r="AE13349">
        <v>6</v>
      </c>
      <c r="AF13349">
        <v>6</v>
      </c>
      <c r="AG13349">
        <v>6</v>
      </c>
      <c r="AH13349">
        <v>6</v>
      </c>
      <c r="AI13349">
        <v>6</v>
      </c>
      <c r="AJ13349">
        <v>6</v>
      </c>
      <c r="AK13349">
        <v>6</v>
      </c>
      <c r="AL13349">
        <v>6</v>
      </c>
      <c r="AM13349">
        <v>6</v>
      </c>
      <c r="AN13349">
        <v>6</v>
      </c>
      <c r="AO13349">
        <v>6</v>
      </c>
      <c r="AP13349">
        <v>6</v>
      </c>
      <c r="AQ13349">
        <v>6</v>
      </c>
    </row>
    <row r="13350" spans="1:43">
      <c r="A13350" t="s">
        <v>8284</v>
      </c>
      <c r="B13350" t="s">
        <v>8285</v>
      </c>
      <c r="C13350" t="s">
        <v>8280</v>
      </c>
      <c r="D13350" t="s">
        <v>8281</v>
      </c>
      <c r="E13350" t="s">
        <v>8022</v>
      </c>
      <c r="F13350" t="s">
        <v>8023</v>
      </c>
      <c r="G13350" t="s">
        <v>80</v>
      </c>
      <c r="H13350" t="s">
        <v>81</v>
      </c>
      <c r="I13350" s="2">
        <v>0</v>
      </c>
      <c r="J13350" s="2">
        <v>0</v>
      </c>
      <c r="K13350" s="2">
        <v>1</v>
      </c>
      <c r="L13350" t="s">
        <v>995</v>
      </c>
      <c r="M13350" t="s">
        <v>83</v>
      </c>
      <c r="N13350" t="s">
        <v>84</v>
      </c>
      <c r="O13350" t="s">
        <v>85</v>
      </c>
      <c r="P13350" t="s">
        <v>86</v>
      </c>
      <c r="Q13350">
        <v>24</v>
      </c>
      <c r="R13350">
        <v>24</v>
      </c>
      <c r="S13350">
        <v>25</v>
      </c>
      <c r="T13350">
        <v>25</v>
      </c>
      <c r="U13350">
        <v>26</v>
      </c>
      <c r="V13350">
        <v>26</v>
      </c>
      <c r="W13350">
        <v>26</v>
      </c>
      <c r="X13350">
        <v>27</v>
      </c>
      <c r="Y13350">
        <v>27</v>
      </c>
      <c r="Z13350">
        <v>27</v>
      </c>
      <c r="AA13350">
        <v>28</v>
      </c>
      <c r="AB13350">
        <v>28</v>
      </c>
      <c r="AC13350">
        <v>28</v>
      </c>
      <c r="AD13350">
        <v>28</v>
      </c>
      <c r="AE13350">
        <v>29</v>
      </c>
      <c r="AF13350">
        <v>29</v>
      </c>
      <c r="AG13350">
        <v>29</v>
      </c>
      <c r="AH13350">
        <v>30</v>
      </c>
      <c r="AI13350">
        <v>30</v>
      </c>
      <c r="AJ13350">
        <v>30</v>
      </c>
      <c r="AK13350">
        <v>30</v>
      </c>
      <c r="AL13350">
        <v>31</v>
      </c>
      <c r="AM13350">
        <v>30</v>
      </c>
      <c r="AN13350">
        <v>30</v>
      </c>
      <c r="AO13350">
        <v>30</v>
      </c>
      <c r="AP13350">
        <v>30</v>
      </c>
      <c r="AQ13350">
        <v>30</v>
      </c>
    </row>
    <row r="13351" spans="1:43">
      <c r="A13351" t="s">
        <v>8284</v>
      </c>
      <c r="B13351" t="s">
        <v>8285</v>
      </c>
      <c r="C13351" t="s">
        <v>8280</v>
      </c>
      <c r="D13351" t="s">
        <v>8281</v>
      </c>
      <c r="E13351" t="s">
        <v>8022</v>
      </c>
      <c r="F13351" t="s">
        <v>8023</v>
      </c>
      <c r="G13351" t="s">
        <v>80</v>
      </c>
      <c r="H13351" t="s">
        <v>81</v>
      </c>
      <c r="I13351" s="2">
        <v>0</v>
      </c>
      <c r="J13351" s="2">
        <v>0</v>
      </c>
      <c r="K13351" s="2">
        <v>1</v>
      </c>
      <c r="L13351" t="s">
        <v>995</v>
      </c>
      <c r="M13351" t="s">
        <v>87</v>
      </c>
      <c r="N13351" t="s">
        <v>88</v>
      </c>
      <c r="O13351" t="s">
        <v>85</v>
      </c>
      <c r="P13351" t="s">
        <v>86</v>
      </c>
      <c r="Q13351">
        <v>24</v>
      </c>
      <c r="R13351">
        <v>24</v>
      </c>
      <c r="S13351">
        <v>24</v>
      </c>
      <c r="T13351">
        <v>24</v>
      </c>
      <c r="U13351">
        <v>24</v>
      </c>
      <c r="V13351">
        <v>25</v>
      </c>
      <c r="W13351">
        <v>25</v>
      </c>
      <c r="X13351">
        <v>25</v>
      </c>
      <c r="Y13351">
        <v>25</v>
      </c>
      <c r="Z13351">
        <v>25</v>
      </c>
      <c r="AA13351">
        <v>25</v>
      </c>
      <c r="AB13351">
        <v>25</v>
      </c>
      <c r="AC13351">
        <v>25</v>
      </c>
      <c r="AD13351">
        <v>25</v>
      </c>
      <c r="AE13351">
        <v>25</v>
      </c>
      <c r="AF13351">
        <v>26</v>
      </c>
      <c r="AG13351">
        <v>26</v>
      </c>
      <c r="AH13351">
        <v>26</v>
      </c>
      <c r="AI13351">
        <v>26</v>
      </c>
      <c r="AJ13351">
        <v>26</v>
      </c>
      <c r="AK13351">
        <v>26</v>
      </c>
      <c r="AL13351">
        <v>26</v>
      </c>
      <c r="AM13351">
        <v>26</v>
      </c>
      <c r="AN13351">
        <v>26</v>
      </c>
      <c r="AO13351">
        <v>26</v>
      </c>
      <c r="AP13351">
        <v>26</v>
      </c>
      <c r="AQ13351">
        <v>26</v>
      </c>
    </row>
    <row r="13352" spans="1:43">
      <c r="A13352" t="s">
        <v>8284</v>
      </c>
      <c r="B13352" t="s">
        <v>8285</v>
      </c>
      <c r="C13352" t="s">
        <v>8280</v>
      </c>
      <c r="D13352" t="s">
        <v>8281</v>
      </c>
      <c r="E13352" t="s">
        <v>8022</v>
      </c>
      <c r="F13352" t="s">
        <v>8023</v>
      </c>
      <c r="G13352" t="s">
        <v>80</v>
      </c>
      <c r="H13352" t="s">
        <v>81</v>
      </c>
      <c r="I13352" s="2">
        <v>0</v>
      </c>
      <c r="J13352" s="2">
        <v>0</v>
      </c>
      <c r="K13352" s="2">
        <v>1</v>
      </c>
      <c r="L13352" t="s">
        <v>995</v>
      </c>
      <c r="M13352" t="s">
        <v>89</v>
      </c>
      <c r="N13352" t="s">
        <v>90</v>
      </c>
      <c r="O13352" t="s">
        <v>85</v>
      </c>
      <c r="P13352" t="s">
        <v>86</v>
      </c>
      <c r="Q13352">
        <v>24</v>
      </c>
      <c r="R13352">
        <v>25</v>
      </c>
      <c r="S13352">
        <v>25</v>
      </c>
      <c r="T13352">
        <v>26</v>
      </c>
      <c r="U13352">
        <v>27</v>
      </c>
      <c r="V13352">
        <v>27</v>
      </c>
      <c r="W13352">
        <v>28</v>
      </c>
      <c r="X13352">
        <v>28</v>
      </c>
      <c r="Y13352">
        <v>29</v>
      </c>
      <c r="Z13352">
        <v>29</v>
      </c>
      <c r="AA13352">
        <v>29</v>
      </c>
      <c r="AB13352">
        <v>30</v>
      </c>
      <c r="AC13352">
        <v>30</v>
      </c>
      <c r="AD13352">
        <v>31</v>
      </c>
      <c r="AE13352">
        <v>31</v>
      </c>
      <c r="AF13352">
        <v>31</v>
      </c>
      <c r="AG13352">
        <v>31</v>
      </c>
      <c r="AH13352">
        <v>31</v>
      </c>
      <c r="AI13352">
        <v>31</v>
      </c>
      <c r="AJ13352">
        <v>31</v>
      </c>
      <c r="AK13352">
        <v>31</v>
      </c>
      <c r="AL13352">
        <v>31</v>
      </c>
      <c r="AM13352">
        <v>31</v>
      </c>
      <c r="AN13352">
        <v>31</v>
      </c>
      <c r="AO13352">
        <v>31</v>
      </c>
      <c r="AP13352">
        <v>31</v>
      </c>
      <c r="AQ13352">
        <v>31</v>
      </c>
    </row>
    <row r="13353" spans="1:43">
      <c r="A13353" t="s">
        <v>8284</v>
      </c>
      <c r="B13353" t="s">
        <v>8285</v>
      </c>
      <c r="C13353" t="s">
        <v>8280</v>
      </c>
      <c r="D13353" t="s">
        <v>8281</v>
      </c>
      <c r="E13353" t="s">
        <v>8022</v>
      </c>
      <c r="F13353" t="s">
        <v>8023</v>
      </c>
      <c r="G13353" t="s">
        <v>80</v>
      </c>
      <c r="H13353" t="s">
        <v>81</v>
      </c>
      <c r="I13353" s="2">
        <v>0</v>
      </c>
      <c r="J13353" s="2">
        <v>0</v>
      </c>
      <c r="K13353" s="2">
        <v>1</v>
      </c>
      <c r="L13353" t="s">
        <v>995</v>
      </c>
      <c r="M13353" t="s">
        <v>83</v>
      </c>
      <c r="N13353" t="s">
        <v>91</v>
      </c>
      <c r="O13353" t="s">
        <v>85</v>
      </c>
      <c r="P13353" t="s">
        <v>86</v>
      </c>
      <c r="Q13353">
        <v>24</v>
      </c>
      <c r="R13353">
        <v>24</v>
      </c>
      <c r="S13353">
        <v>25</v>
      </c>
      <c r="T13353">
        <v>25</v>
      </c>
      <c r="U13353">
        <v>26</v>
      </c>
      <c r="V13353">
        <v>26</v>
      </c>
      <c r="W13353">
        <v>26</v>
      </c>
      <c r="X13353">
        <v>27</v>
      </c>
      <c r="Y13353">
        <v>27</v>
      </c>
      <c r="Z13353">
        <v>27</v>
      </c>
      <c r="AA13353">
        <v>28</v>
      </c>
      <c r="AB13353">
        <v>28</v>
      </c>
      <c r="AC13353">
        <v>28</v>
      </c>
      <c r="AD13353">
        <v>28</v>
      </c>
      <c r="AE13353">
        <v>29</v>
      </c>
      <c r="AF13353">
        <v>29</v>
      </c>
      <c r="AG13353">
        <v>29</v>
      </c>
      <c r="AH13353">
        <v>30</v>
      </c>
      <c r="AI13353">
        <v>30</v>
      </c>
      <c r="AJ13353">
        <v>30</v>
      </c>
      <c r="AK13353">
        <v>30</v>
      </c>
      <c r="AL13353">
        <v>31</v>
      </c>
      <c r="AM13353">
        <v>30</v>
      </c>
      <c r="AN13353">
        <v>30</v>
      </c>
      <c r="AO13353">
        <v>30</v>
      </c>
      <c r="AP13353">
        <v>30</v>
      </c>
      <c r="AQ13353">
        <v>30</v>
      </c>
    </row>
    <row r="13354" spans="1:43">
      <c r="A13354" t="s">
        <v>8286</v>
      </c>
      <c r="B13354" t="s">
        <v>8287</v>
      </c>
      <c r="C13354" t="s">
        <v>8280</v>
      </c>
      <c r="D13354" t="s">
        <v>8281</v>
      </c>
      <c r="E13354" t="s">
        <v>8022</v>
      </c>
      <c r="F13354" t="s">
        <v>8023</v>
      </c>
      <c r="G13354" t="s">
        <v>80</v>
      </c>
      <c r="H13354" t="s">
        <v>81</v>
      </c>
      <c r="I13354" s="2">
        <v>0</v>
      </c>
      <c r="J13354" s="2">
        <v>0</v>
      </c>
      <c r="K13354" s="2">
        <v>0.97</v>
      </c>
      <c r="L13354" t="s">
        <v>995</v>
      </c>
      <c r="M13354" t="s">
        <v>83</v>
      </c>
      <c r="N13354" t="s">
        <v>84</v>
      </c>
      <c r="O13354" t="s">
        <v>85</v>
      </c>
      <c r="P13354" t="s">
        <v>86</v>
      </c>
      <c r="Q13354">
        <v>17</v>
      </c>
      <c r="R13354">
        <v>18</v>
      </c>
      <c r="S13354">
        <v>18</v>
      </c>
      <c r="T13354">
        <v>18</v>
      </c>
      <c r="U13354">
        <v>18</v>
      </c>
      <c r="V13354">
        <v>19</v>
      </c>
      <c r="W13354">
        <v>19</v>
      </c>
      <c r="X13354">
        <v>19</v>
      </c>
      <c r="Y13354">
        <v>19</v>
      </c>
      <c r="Z13354">
        <v>19</v>
      </c>
      <c r="AA13354">
        <v>20</v>
      </c>
      <c r="AB13354">
        <v>20</v>
      </c>
      <c r="AC13354">
        <v>20</v>
      </c>
      <c r="AD13354">
        <v>20</v>
      </c>
      <c r="AE13354">
        <v>21</v>
      </c>
      <c r="AF13354">
        <v>21</v>
      </c>
      <c r="AG13354">
        <v>21</v>
      </c>
      <c r="AH13354">
        <v>21</v>
      </c>
      <c r="AI13354">
        <v>21</v>
      </c>
      <c r="AJ13354">
        <v>22</v>
      </c>
      <c r="AK13354">
        <v>22</v>
      </c>
      <c r="AL13354">
        <v>22</v>
      </c>
      <c r="AM13354">
        <v>22</v>
      </c>
      <c r="AN13354">
        <v>22</v>
      </c>
      <c r="AO13354">
        <v>22</v>
      </c>
      <c r="AP13354">
        <v>22</v>
      </c>
      <c r="AQ13354">
        <v>22</v>
      </c>
    </row>
    <row r="13355" spans="1:43">
      <c r="A13355" t="s">
        <v>8286</v>
      </c>
      <c r="B13355" t="s">
        <v>8287</v>
      </c>
      <c r="C13355" t="s">
        <v>8280</v>
      </c>
      <c r="D13355" t="s">
        <v>8281</v>
      </c>
      <c r="E13355" t="s">
        <v>8022</v>
      </c>
      <c r="F13355" t="s">
        <v>8023</v>
      </c>
      <c r="G13355" t="s">
        <v>80</v>
      </c>
      <c r="H13355" t="s">
        <v>81</v>
      </c>
      <c r="I13355" s="2">
        <v>0</v>
      </c>
      <c r="J13355" s="2">
        <v>0</v>
      </c>
      <c r="K13355" s="2">
        <v>0.97</v>
      </c>
      <c r="L13355" t="s">
        <v>995</v>
      </c>
      <c r="M13355" t="s">
        <v>87</v>
      </c>
      <c r="N13355" t="s">
        <v>88</v>
      </c>
      <c r="O13355" t="s">
        <v>85</v>
      </c>
      <c r="P13355" t="s">
        <v>86</v>
      </c>
      <c r="Q13355">
        <v>17</v>
      </c>
      <c r="R13355">
        <v>17</v>
      </c>
      <c r="S13355">
        <v>17</v>
      </c>
      <c r="T13355">
        <v>17</v>
      </c>
      <c r="U13355">
        <v>17</v>
      </c>
      <c r="V13355">
        <v>18</v>
      </c>
      <c r="W13355">
        <v>18</v>
      </c>
      <c r="X13355">
        <v>18</v>
      </c>
      <c r="Y13355">
        <v>18</v>
      </c>
      <c r="Z13355">
        <v>18</v>
      </c>
      <c r="AA13355">
        <v>18</v>
      </c>
      <c r="AB13355">
        <v>18</v>
      </c>
      <c r="AC13355">
        <v>18</v>
      </c>
      <c r="AD13355">
        <v>18</v>
      </c>
      <c r="AE13355">
        <v>18</v>
      </c>
      <c r="AF13355">
        <v>18</v>
      </c>
      <c r="AG13355">
        <v>18</v>
      </c>
      <c r="AH13355">
        <v>18</v>
      </c>
      <c r="AI13355">
        <v>18</v>
      </c>
      <c r="AJ13355">
        <v>18</v>
      </c>
      <c r="AK13355">
        <v>19</v>
      </c>
      <c r="AL13355">
        <v>19</v>
      </c>
      <c r="AM13355">
        <v>19</v>
      </c>
      <c r="AN13355">
        <v>19</v>
      </c>
      <c r="AO13355">
        <v>19</v>
      </c>
      <c r="AP13355">
        <v>19</v>
      </c>
      <c r="AQ13355">
        <v>19</v>
      </c>
    </row>
    <row r="13356" spans="1:43">
      <c r="A13356" t="s">
        <v>8286</v>
      </c>
      <c r="B13356" t="s">
        <v>8287</v>
      </c>
      <c r="C13356" t="s">
        <v>8280</v>
      </c>
      <c r="D13356" t="s">
        <v>8281</v>
      </c>
      <c r="E13356" t="s">
        <v>8022</v>
      </c>
      <c r="F13356" t="s">
        <v>8023</v>
      </c>
      <c r="G13356" t="s">
        <v>80</v>
      </c>
      <c r="H13356" t="s">
        <v>81</v>
      </c>
      <c r="I13356" s="2">
        <v>0</v>
      </c>
      <c r="J13356" s="2">
        <v>0</v>
      </c>
      <c r="K13356" s="2">
        <v>0.97</v>
      </c>
      <c r="L13356" t="s">
        <v>995</v>
      </c>
      <c r="M13356" t="s">
        <v>89</v>
      </c>
      <c r="N13356" t="s">
        <v>90</v>
      </c>
      <c r="O13356" t="s">
        <v>85</v>
      </c>
      <c r="P13356" t="s">
        <v>86</v>
      </c>
      <c r="Q13356">
        <v>17</v>
      </c>
      <c r="R13356">
        <v>18</v>
      </c>
      <c r="S13356">
        <v>18</v>
      </c>
      <c r="T13356">
        <v>19</v>
      </c>
      <c r="U13356">
        <v>19</v>
      </c>
      <c r="V13356">
        <v>19</v>
      </c>
      <c r="W13356">
        <v>20</v>
      </c>
      <c r="X13356">
        <v>20</v>
      </c>
      <c r="Y13356">
        <v>20</v>
      </c>
      <c r="Z13356">
        <v>21</v>
      </c>
      <c r="AA13356">
        <v>21</v>
      </c>
      <c r="AB13356">
        <v>21</v>
      </c>
      <c r="AC13356">
        <v>22</v>
      </c>
      <c r="AD13356">
        <v>22</v>
      </c>
      <c r="AE13356">
        <v>22</v>
      </c>
      <c r="AF13356">
        <v>22</v>
      </c>
      <c r="AG13356">
        <v>22</v>
      </c>
      <c r="AH13356">
        <v>22</v>
      </c>
      <c r="AI13356">
        <v>22</v>
      </c>
      <c r="AJ13356">
        <v>22</v>
      </c>
      <c r="AK13356">
        <v>22</v>
      </c>
      <c r="AL13356">
        <v>22</v>
      </c>
      <c r="AM13356">
        <v>22</v>
      </c>
      <c r="AN13356">
        <v>22</v>
      </c>
      <c r="AO13356">
        <v>22</v>
      </c>
      <c r="AP13356">
        <v>22</v>
      </c>
      <c r="AQ13356">
        <v>22</v>
      </c>
    </row>
    <row r="13357" spans="1:43">
      <c r="A13357" t="s">
        <v>8286</v>
      </c>
      <c r="B13357" t="s">
        <v>8287</v>
      </c>
      <c r="C13357" t="s">
        <v>8280</v>
      </c>
      <c r="D13357" t="s">
        <v>8281</v>
      </c>
      <c r="E13357" t="s">
        <v>8022</v>
      </c>
      <c r="F13357" t="s">
        <v>8023</v>
      </c>
      <c r="G13357" t="s">
        <v>80</v>
      </c>
      <c r="H13357" t="s">
        <v>81</v>
      </c>
      <c r="I13357" s="2">
        <v>0</v>
      </c>
      <c r="J13357" s="2">
        <v>0</v>
      </c>
      <c r="K13357" s="2">
        <v>0.97</v>
      </c>
      <c r="L13357" t="s">
        <v>995</v>
      </c>
      <c r="M13357" t="s">
        <v>83</v>
      </c>
      <c r="N13357" t="s">
        <v>91</v>
      </c>
      <c r="O13357" t="s">
        <v>85</v>
      </c>
      <c r="P13357" t="s">
        <v>86</v>
      </c>
      <c r="Q13357">
        <v>17</v>
      </c>
      <c r="R13357">
        <v>18</v>
      </c>
      <c r="S13357">
        <v>18</v>
      </c>
      <c r="T13357">
        <v>18</v>
      </c>
      <c r="U13357">
        <v>18</v>
      </c>
      <c r="V13357">
        <v>19</v>
      </c>
      <c r="W13357">
        <v>19</v>
      </c>
      <c r="X13357">
        <v>19</v>
      </c>
      <c r="Y13357">
        <v>19</v>
      </c>
      <c r="Z13357">
        <v>19</v>
      </c>
      <c r="AA13357">
        <v>20</v>
      </c>
      <c r="AB13357">
        <v>20</v>
      </c>
      <c r="AC13357">
        <v>20</v>
      </c>
      <c r="AD13357">
        <v>20</v>
      </c>
      <c r="AE13357">
        <v>21</v>
      </c>
      <c r="AF13357">
        <v>21</v>
      </c>
      <c r="AG13357">
        <v>21</v>
      </c>
      <c r="AH13357">
        <v>21</v>
      </c>
      <c r="AI13357">
        <v>21</v>
      </c>
      <c r="AJ13357">
        <v>22</v>
      </c>
      <c r="AK13357">
        <v>22</v>
      </c>
      <c r="AL13357">
        <v>22</v>
      </c>
      <c r="AM13357">
        <v>22</v>
      </c>
      <c r="AN13357">
        <v>22</v>
      </c>
      <c r="AO13357">
        <v>22</v>
      </c>
      <c r="AP13357">
        <v>22</v>
      </c>
      <c r="AQ13357">
        <v>22</v>
      </c>
    </row>
    <row r="13358" spans="1:43">
      <c r="A13358" t="s">
        <v>8288</v>
      </c>
      <c r="B13358" t="s">
        <v>8289</v>
      </c>
      <c r="C13358" t="s">
        <v>8280</v>
      </c>
      <c r="D13358" t="s">
        <v>8281</v>
      </c>
      <c r="E13358" t="s">
        <v>8022</v>
      </c>
      <c r="F13358" t="s">
        <v>8023</v>
      </c>
      <c r="G13358" t="s">
        <v>80</v>
      </c>
      <c r="H13358" t="s">
        <v>81</v>
      </c>
      <c r="I13358" s="2">
        <v>0</v>
      </c>
      <c r="J13358" s="2">
        <v>0</v>
      </c>
      <c r="K13358" s="2">
        <v>1</v>
      </c>
      <c r="L13358" t="s">
        <v>995</v>
      </c>
      <c r="M13358" t="s">
        <v>83</v>
      </c>
      <c r="N13358" t="s">
        <v>84</v>
      </c>
      <c r="O13358" t="s">
        <v>85</v>
      </c>
      <c r="P13358" t="s">
        <v>86</v>
      </c>
      <c r="Q13358">
        <v>93</v>
      </c>
      <c r="R13358">
        <v>94</v>
      </c>
      <c r="S13358">
        <v>96</v>
      </c>
      <c r="T13358">
        <v>97</v>
      </c>
      <c r="U13358">
        <v>99</v>
      </c>
      <c r="V13358">
        <v>100</v>
      </c>
      <c r="W13358">
        <v>101</v>
      </c>
      <c r="X13358">
        <v>103</v>
      </c>
      <c r="Y13358">
        <v>104</v>
      </c>
      <c r="Z13358">
        <v>105</v>
      </c>
      <c r="AA13358">
        <v>106</v>
      </c>
      <c r="AB13358">
        <v>108</v>
      </c>
      <c r="AC13358">
        <v>109</v>
      </c>
      <c r="AD13358">
        <v>110</v>
      </c>
      <c r="AE13358">
        <v>111</v>
      </c>
      <c r="AF13358">
        <v>112</v>
      </c>
      <c r="AG13358">
        <v>113</v>
      </c>
      <c r="AH13358">
        <v>114</v>
      </c>
      <c r="AI13358">
        <v>115</v>
      </c>
      <c r="AJ13358">
        <v>116</v>
      </c>
      <c r="AK13358">
        <v>117</v>
      </c>
      <c r="AL13358">
        <v>118</v>
      </c>
      <c r="AM13358">
        <v>118</v>
      </c>
      <c r="AN13358">
        <v>117</v>
      </c>
      <c r="AO13358">
        <v>117</v>
      </c>
      <c r="AP13358">
        <v>117</v>
      </c>
      <c r="AQ13358">
        <v>117</v>
      </c>
    </row>
    <row r="13359" spans="1:43">
      <c r="A13359" t="s">
        <v>8288</v>
      </c>
      <c r="B13359" t="s">
        <v>8289</v>
      </c>
      <c r="C13359" t="s">
        <v>8280</v>
      </c>
      <c r="D13359" t="s">
        <v>8281</v>
      </c>
      <c r="E13359" t="s">
        <v>8022</v>
      </c>
      <c r="F13359" t="s">
        <v>8023</v>
      </c>
      <c r="G13359" t="s">
        <v>80</v>
      </c>
      <c r="H13359" t="s">
        <v>81</v>
      </c>
      <c r="I13359" s="2">
        <v>0</v>
      </c>
      <c r="J13359" s="2">
        <v>0</v>
      </c>
      <c r="K13359" s="2">
        <v>1</v>
      </c>
      <c r="L13359" t="s">
        <v>995</v>
      </c>
      <c r="M13359" t="s">
        <v>87</v>
      </c>
      <c r="N13359" t="s">
        <v>88</v>
      </c>
      <c r="O13359" t="s">
        <v>85</v>
      </c>
      <c r="P13359" t="s">
        <v>86</v>
      </c>
      <c r="Q13359">
        <v>93</v>
      </c>
      <c r="R13359">
        <v>94</v>
      </c>
      <c r="S13359">
        <v>94</v>
      </c>
      <c r="T13359">
        <v>95</v>
      </c>
      <c r="U13359">
        <v>95</v>
      </c>
      <c r="V13359">
        <v>96</v>
      </c>
      <c r="W13359">
        <v>96</v>
      </c>
      <c r="X13359">
        <v>97</v>
      </c>
      <c r="Y13359">
        <v>97</v>
      </c>
      <c r="Z13359">
        <v>97</v>
      </c>
      <c r="AA13359">
        <v>98</v>
      </c>
      <c r="AB13359">
        <v>98</v>
      </c>
      <c r="AC13359">
        <v>99</v>
      </c>
      <c r="AD13359">
        <v>99</v>
      </c>
      <c r="AE13359">
        <v>99</v>
      </c>
      <c r="AF13359">
        <v>100</v>
      </c>
      <c r="AG13359">
        <v>100</v>
      </c>
      <c r="AH13359">
        <v>100</v>
      </c>
      <c r="AI13359">
        <v>100</v>
      </c>
      <c r="AJ13359">
        <v>101</v>
      </c>
      <c r="AK13359">
        <v>101</v>
      </c>
      <c r="AL13359">
        <v>101</v>
      </c>
      <c r="AM13359">
        <v>101</v>
      </c>
      <c r="AN13359">
        <v>101</v>
      </c>
      <c r="AO13359">
        <v>102</v>
      </c>
      <c r="AP13359">
        <v>102</v>
      </c>
      <c r="AQ13359">
        <v>102</v>
      </c>
    </row>
    <row r="13360" spans="1:43">
      <c r="A13360" t="s">
        <v>8288</v>
      </c>
      <c r="B13360" t="s">
        <v>8289</v>
      </c>
      <c r="C13360" t="s">
        <v>8280</v>
      </c>
      <c r="D13360" t="s">
        <v>8281</v>
      </c>
      <c r="E13360" t="s">
        <v>8022</v>
      </c>
      <c r="F13360" t="s">
        <v>8023</v>
      </c>
      <c r="G13360" t="s">
        <v>80</v>
      </c>
      <c r="H13360" t="s">
        <v>81</v>
      </c>
      <c r="I13360" s="2">
        <v>0</v>
      </c>
      <c r="J13360" s="2">
        <v>0</v>
      </c>
      <c r="K13360" s="2">
        <v>1</v>
      </c>
      <c r="L13360" t="s">
        <v>995</v>
      </c>
      <c r="M13360" t="s">
        <v>89</v>
      </c>
      <c r="N13360" t="s">
        <v>90</v>
      </c>
      <c r="O13360" t="s">
        <v>85</v>
      </c>
      <c r="P13360" t="s">
        <v>86</v>
      </c>
      <c r="Q13360">
        <v>93</v>
      </c>
      <c r="R13360">
        <v>95</v>
      </c>
      <c r="S13360">
        <v>97</v>
      </c>
      <c r="T13360">
        <v>99</v>
      </c>
      <c r="U13360">
        <v>101</v>
      </c>
      <c r="V13360">
        <v>103</v>
      </c>
      <c r="W13360">
        <v>105</v>
      </c>
      <c r="X13360">
        <v>107</v>
      </c>
      <c r="Y13360">
        <v>109</v>
      </c>
      <c r="Z13360">
        <v>111</v>
      </c>
      <c r="AA13360">
        <v>112</v>
      </c>
      <c r="AB13360">
        <v>114</v>
      </c>
      <c r="AC13360">
        <v>116</v>
      </c>
      <c r="AD13360">
        <v>117</v>
      </c>
      <c r="AE13360">
        <v>118</v>
      </c>
      <c r="AF13360">
        <v>118</v>
      </c>
      <c r="AG13360">
        <v>118</v>
      </c>
      <c r="AH13360">
        <v>118</v>
      </c>
      <c r="AI13360">
        <v>118</v>
      </c>
      <c r="AJ13360">
        <v>118</v>
      </c>
      <c r="AK13360">
        <v>118</v>
      </c>
      <c r="AL13360">
        <v>118</v>
      </c>
      <c r="AM13360">
        <v>118</v>
      </c>
      <c r="AN13360">
        <v>117</v>
      </c>
      <c r="AO13360">
        <v>117</v>
      </c>
      <c r="AP13360">
        <v>117</v>
      </c>
      <c r="AQ13360">
        <v>117</v>
      </c>
    </row>
    <row r="13361" spans="1:43">
      <c r="A13361" t="s">
        <v>8288</v>
      </c>
      <c r="B13361" t="s">
        <v>8289</v>
      </c>
      <c r="C13361" t="s">
        <v>8280</v>
      </c>
      <c r="D13361" t="s">
        <v>8281</v>
      </c>
      <c r="E13361" t="s">
        <v>8022</v>
      </c>
      <c r="F13361" t="s">
        <v>8023</v>
      </c>
      <c r="G13361" t="s">
        <v>80</v>
      </c>
      <c r="H13361" t="s">
        <v>81</v>
      </c>
      <c r="I13361" s="2">
        <v>0</v>
      </c>
      <c r="J13361" s="2">
        <v>0</v>
      </c>
      <c r="K13361" s="2">
        <v>1</v>
      </c>
      <c r="L13361" t="s">
        <v>995</v>
      </c>
      <c r="M13361" t="s">
        <v>83</v>
      </c>
      <c r="N13361" t="s">
        <v>91</v>
      </c>
      <c r="O13361" t="s">
        <v>85</v>
      </c>
      <c r="P13361" t="s">
        <v>86</v>
      </c>
      <c r="Q13361">
        <v>93</v>
      </c>
      <c r="R13361">
        <v>94</v>
      </c>
      <c r="S13361">
        <v>96</v>
      </c>
      <c r="T13361">
        <v>97</v>
      </c>
      <c r="U13361">
        <v>99</v>
      </c>
      <c r="V13361">
        <v>100</v>
      </c>
      <c r="W13361">
        <v>101</v>
      </c>
      <c r="X13361">
        <v>103</v>
      </c>
      <c r="Y13361">
        <v>104</v>
      </c>
      <c r="Z13361">
        <v>105</v>
      </c>
      <c r="AA13361">
        <v>106</v>
      </c>
      <c r="AB13361">
        <v>108</v>
      </c>
      <c r="AC13361">
        <v>109</v>
      </c>
      <c r="AD13361">
        <v>110</v>
      </c>
      <c r="AE13361">
        <v>111</v>
      </c>
      <c r="AF13361">
        <v>112</v>
      </c>
      <c r="AG13361">
        <v>113</v>
      </c>
      <c r="AH13361">
        <v>114</v>
      </c>
      <c r="AI13361">
        <v>115</v>
      </c>
      <c r="AJ13361">
        <v>116</v>
      </c>
      <c r="AK13361">
        <v>117</v>
      </c>
      <c r="AL13361">
        <v>118</v>
      </c>
      <c r="AM13361">
        <v>118</v>
      </c>
      <c r="AN13361">
        <v>117</v>
      </c>
      <c r="AO13361">
        <v>117</v>
      </c>
      <c r="AP13361">
        <v>117</v>
      </c>
      <c r="AQ13361">
        <v>117</v>
      </c>
    </row>
    <row r="13362" spans="1:43">
      <c r="A13362" t="s">
        <v>8290</v>
      </c>
      <c r="B13362" t="s">
        <v>8291</v>
      </c>
      <c r="C13362" t="s">
        <v>8190</v>
      </c>
      <c r="D13362" t="s">
        <v>8191</v>
      </c>
      <c r="E13362" t="s">
        <v>8022</v>
      </c>
      <c r="F13362" t="s">
        <v>8023</v>
      </c>
      <c r="G13362" t="s">
        <v>80</v>
      </c>
      <c r="H13362" t="s">
        <v>81</v>
      </c>
      <c r="I13362" s="2">
        <v>0</v>
      </c>
      <c r="J13362" s="2">
        <v>0</v>
      </c>
      <c r="K13362" s="2">
        <v>1</v>
      </c>
      <c r="L13362" t="s">
        <v>995</v>
      </c>
      <c r="M13362" t="s">
        <v>83</v>
      </c>
      <c r="N13362" t="s">
        <v>84</v>
      </c>
      <c r="O13362" t="s">
        <v>85</v>
      </c>
      <c r="P13362" t="s">
        <v>86</v>
      </c>
      <c r="Q13362">
        <v>11</v>
      </c>
      <c r="R13362">
        <v>11</v>
      </c>
      <c r="S13362">
        <v>11</v>
      </c>
      <c r="T13362">
        <v>11</v>
      </c>
      <c r="U13362">
        <v>11</v>
      </c>
      <c r="V13362">
        <v>12</v>
      </c>
      <c r="W13362">
        <v>12</v>
      </c>
      <c r="X13362">
        <v>12</v>
      </c>
      <c r="Y13362">
        <v>12</v>
      </c>
      <c r="Z13362">
        <v>12</v>
      </c>
      <c r="AA13362">
        <v>12</v>
      </c>
      <c r="AB13362">
        <v>12</v>
      </c>
      <c r="AC13362">
        <v>13</v>
      </c>
      <c r="AD13362">
        <v>13</v>
      </c>
      <c r="AE13362">
        <v>13</v>
      </c>
      <c r="AF13362">
        <v>13</v>
      </c>
      <c r="AG13362">
        <v>13</v>
      </c>
      <c r="AH13362">
        <v>13</v>
      </c>
      <c r="AI13362">
        <v>13</v>
      </c>
      <c r="AJ13362">
        <v>14</v>
      </c>
      <c r="AK13362">
        <v>14</v>
      </c>
      <c r="AL13362">
        <v>14</v>
      </c>
      <c r="AM13362">
        <v>14</v>
      </c>
      <c r="AN13362">
        <v>14</v>
      </c>
      <c r="AO13362">
        <v>14</v>
      </c>
      <c r="AP13362">
        <v>14</v>
      </c>
      <c r="AQ13362">
        <v>14</v>
      </c>
    </row>
    <row r="13363" spans="1:43">
      <c r="A13363" t="s">
        <v>8290</v>
      </c>
      <c r="B13363" t="s">
        <v>8291</v>
      </c>
      <c r="C13363" t="s">
        <v>8190</v>
      </c>
      <c r="D13363" t="s">
        <v>8191</v>
      </c>
      <c r="E13363" t="s">
        <v>8022</v>
      </c>
      <c r="F13363" t="s">
        <v>8023</v>
      </c>
      <c r="G13363" t="s">
        <v>80</v>
      </c>
      <c r="H13363" t="s">
        <v>81</v>
      </c>
      <c r="I13363" s="2">
        <v>0</v>
      </c>
      <c r="J13363" s="2">
        <v>0</v>
      </c>
      <c r="K13363" s="2">
        <v>1</v>
      </c>
      <c r="L13363" t="s">
        <v>995</v>
      </c>
      <c r="M13363" t="s">
        <v>87</v>
      </c>
      <c r="N13363" t="s">
        <v>88</v>
      </c>
      <c r="O13363" t="s">
        <v>85</v>
      </c>
      <c r="P13363" t="s">
        <v>86</v>
      </c>
      <c r="Q13363">
        <v>11</v>
      </c>
      <c r="R13363">
        <v>11</v>
      </c>
      <c r="S13363">
        <v>11</v>
      </c>
      <c r="T13363">
        <v>11</v>
      </c>
      <c r="U13363">
        <v>11</v>
      </c>
      <c r="V13363">
        <v>11</v>
      </c>
      <c r="W13363">
        <v>11</v>
      </c>
      <c r="X13363">
        <v>11</v>
      </c>
      <c r="Y13363">
        <v>11</v>
      </c>
      <c r="Z13363">
        <v>11</v>
      </c>
      <c r="AA13363">
        <v>11</v>
      </c>
      <c r="AB13363">
        <v>11</v>
      </c>
      <c r="AC13363">
        <v>11</v>
      </c>
      <c r="AD13363">
        <v>11</v>
      </c>
      <c r="AE13363">
        <v>11</v>
      </c>
      <c r="AF13363">
        <v>11</v>
      </c>
      <c r="AG13363">
        <v>11</v>
      </c>
      <c r="AH13363">
        <v>12</v>
      </c>
      <c r="AI13363">
        <v>12</v>
      </c>
      <c r="AJ13363">
        <v>12</v>
      </c>
      <c r="AK13363">
        <v>12</v>
      </c>
      <c r="AL13363">
        <v>12</v>
      </c>
      <c r="AM13363">
        <v>12</v>
      </c>
      <c r="AN13363">
        <v>12</v>
      </c>
      <c r="AO13363">
        <v>12</v>
      </c>
      <c r="AP13363">
        <v>12</v>
      </c>
      <c r="AQ13363">
        <v>12</v>
      </c>
    </row>
    <row r="13364" spans="1:43">
      <c r="A13364" t="s">
        <v>8290</v>
      </c>
      <c r="B13364" t="s">
        <v>8291</v>
      </c>
      <c r="C13364" t="s">
        <v>8190</v>
      </c>
      <c r="D13364" t="s">
        <v>8191</v>
      </c>
      <c r="E13364" t="s">
        <v>8022</v>
      </c>
      <c r="F13364" t="s">
        <v>8023</v>
      </c>
      <c r="G13364" t="s">
        <v>80</v>
      </c>
      <c r="H13364" t="s">
        <v>81</v>
      </c>
      <c r="I13364" s="2">
        <v>0</v>
      </c>
      <c r="J13364" s="2">
        <v>0</v>
      </c>
      <c r="K13364" s="2">
        <v>1</v>
      </c>
      <c r="L13364" t="s">
        <v>995</v>
      </c>
      <c r="M13364" t="s">
        <v>89</v>
      </c>
      <c r="N13364" t="s">
        <v>90</v>
      </c>
      <c r="O13364" t="s">
        <v>85</v>
      </c>
      <c r="P13364" t="s">
        <v>86</v>
      </c>
      <c r="Q13364">
        <v>11</v>
      </c>
      <c r="R13364">
        <v>11</v>
      </c>
      <c r="S13364">
        <v>11</v>
      </c>
      <c r="T13364">
        <v>12</v>
      </c>
      <c r="U13364">
        <v>12</v>
      </c>
      <c r="V13364">
        <v>12</v>
      </c>
      <c r="W13364">
        <v>12</v>
      </c>
      <c r="X13364">
        <v>13</v>
      </c>
      <c r="Y13364">
        <v>13</v>
      </c>
      <c r="Z13364">
        <v>13</v>
      </c>
      <c r="AA13364">
        <v>13</v>
      </c>
      <c r="AB13364">
        <v>13</v>
      </c>
      <c r="AC13364">
        <v>14</v>
      </c>
      <c r="AD13364">
        <v>14</v>
      </c>
      <c r="AE13364">
        <v>14</v>
      </c>
      <c r="AF13364">
        <v>14</v>
      </c>
      <c r="AG13364">
        <v>14</v>
      </c>
      <c r="AH13364">
        <v>14</v>
      </c>
      <c r="AI13364">
        <v>14</v>
      </c>
      <c r="AJ13364">
        <v>14</v>
      </c>
      <c r="AK13364">
        <v>14</v>
      </c>
      <c r="AL13364">
        <v>14</v>
      </c>
      <c r="AM13364">
        <v>14</v>
      </c>
      <c r="AN13364">
        <v>14</v>
      </c>
      <c r="AO13364">
        <v>14</v>
      </c>
      <c r="AP13364">
        <v>14</v>
      </c>
      <c r="AQ13364">
        <v>14</v>
      </c>
    </row>
    <row r="13365" spans="1:43">
      <c r="A13365" t="s">
        <v>8290</v>
      </c>
      <c r="B13365" t="s">
        <v>8291</v>
      </c>
      <c r="C13365" t="s">
        <v>8190</v>
      </c>
      <c r="D13365" t="s">
        <v>8191</v>
      </c>
      <c r="E13365" t="s">
        <v>8022</v>
      </c>
      <c r="F13365" t="s">
        <v>8023</v>
      </c>
      <c r="G13365" t="s">
        <v>80</v>
      </c>
      <c r="H13365" t="s">
        <v>81</v>
      </c>
      <c r="I13365" s="2">
        <v>0</v>
      </c>
      <c r="J13365" s="2">
        <v>0</v>
      </c>
      <c r="K13365" s="2">
        <v>1</v>
      </c>
      <c r="L13365" t="s">
        <v>995</v>
      </c>
      <c r="M13365" t="s">
        <v>83</v>
      </c>
      <c r="N13365" t="s">
        <v>91</v>
      </c>
      <c r="O13365" t="s">
        <v>85</v>
      </c>
      <c r="P13365" t="s">
        <v>86</v>
      </c>
      <c r="Q13365">
        <v>11</v>
      </c>
      <c r="R13365">
        <v>11</v>
      </c>
      <c r="S13365">
        <v>11</v>
      </c>
      <c r="T13365">
        <v>11</v>
      </c>
      <c r="U13365">
        <v>11</v>
      </c>
      <c r="V13365">
        <v>12</v>
      </c>
      <c r="W13365">
        <v>12</v>
      </c>
      <c r="X13365">
        <v>12</v>
      </c>
      <c r="Y13365">
        <v>12</v>
      </c>
      <c r="Z13365">
        <v>12</v>
      </c>
      <c r="AA13365">
        <v>12</v>
      </c>
      <c r="AB13365">
        <v>12</v>
      </c>
      <c r="AC13365">
        <v>13</v>
      </c>
      <c r="AD13365">
        <v>13</v>
      </c>
      <c r="AE13365">
        <v>13</v>
      </c>
      <c r="AF13365">
        <v>13</v>
      </c>
      <c r="AG13365">
        <v>13</v>
      </c>
      <c r="AH13365">
        <v>13</v>
      </c>
      <c r="AI13365">
        <v>13</v>
      </c>
      <c r="AJ13365">
        <v>14</v>
      </c>
      <c r="AK13365">
        <v>14</v>
      </c>
      <c r="AL13365">
        <v>14</v>
      </c>
      <c r="AM13365">
        <v>14</v>
      </c>
      <c r="AN13365">
        <v>14</v>
      </c>
      <c r="AO13365">
        <v>14</v>
      </c>
      <c r="AP13365">
        <v>14</v>
      </c>
      <c r="AQ13365">
        <v>14</v>
      </c>
    </row>
    <row r="13366" spans="1:43">
      <c r="A13366" t="s">
        <v>8292</v>
      </c>
      <c r="B13366" t="s">
        <v>8293</v>
      </c>
      <c r="C13366" t="s">
        <v>8294</v>
      </c>
      <c r="D13366" t="s">
        <v>8295</v>
      </c>
      <c r="E13366" t="s">
        <v>8296</v>
      </c>
      <c r="F13366" t="s">
        <v>8297</v>
      </c>
      <c r="G13366" t="s">
        <v>80</v>
      </c>
      <c r="H13366" t="s">
        <v>81</v>
      </c>
      <c r="I13366" s="2">
        <v>0</v>
      </c>
      <c r="J13366" s="2">
        <v>1</v>
      </c>
      <c r="K13366" s="2">
        <v>0</v>
      </c>
      <c r="L13366" t="s">
        <v>82</v>
      </c>
      <c r="M13366" t="s">
        <v>83</v>
      </c>
      <c r="N13366" t="s">
        <v>84</v>
      </c>
      <c r="O13366" t="s">
        <v>85</v>
      </c>
      <c r="P13366" t="s">
        <v>86</v>
      </c>
      <c r="Q13366">
        <v>57</v>
      </c>
      <c r="R13366">
        <v>58</v>
      </c>
      <c r="S13366">
        <v>60</v>
      </c>
      <c r="T13366">
        <v>61</v>
      </c>
      <c r="U13366">
        <v>62</v>
      </c>
      <c r="V13366">
        <v>63</v>
      </c>
      <c r="W13366">
        <v>64</v>
      </c>
      <c r="X13366">
        <v>65</v>
      </c>
      <c r="Y13366">
        <v>66</v>
      </c>
      <c r="Z13366">
        <v>67</v>
      </c>
      <c r="AA13366">
        <v>69</v>
      </c>
      <c r="AB13366">
        <v>70</v>
      </c>
      <c r="AC13366">
        <v>71</v>
      </c>
      <c r="AD13366">
        <v>72</v>
      </c>
      <c r="AE13366">
        <v>73</v>
      </c>
      <c r="AF13366">
        <v>74</v>
      </c>
      <c r="AG13366">
        <v>75</v>
      </c>
      <c r="AH13366">
        <v>76</v>
      </c>
      <c r="AI13366">
        <v>77</v>
      </c>
      <c r="AJ13366">
        <v>78</v>
      </c>
      <c r="AK13366">
        <v>79</v>
      </c>
      <c r="AL13366">
        <v>80</v>
      </c>
      <c r="AM13366">
        <v>80</v>
      </c>
      <c r="AN13366">
        <v>80</v>
      </c>
      <c r="AO13366">
        <v>81</v>
      </c>
      <c r="AP13366">
        <v>81</v>
      </c>
      <c r="AQ13366">
        <v>81</v>
      </c>
    </row>
    <row r="13367" spans="1:43">
      <c r="A13367" t="s">
        <v>8292</v>
      </c>
      <c r="B13367" t="s">
        <v>8293</v>
      </c>
      <c r="C13367" t="s">
        <v>8294</v>
      </c>
      <c r="D13367" t="s">
        <v>8295</v>
      </c>
      <c r="E13367" t="s">
        <v>8296</v>
      </c>
      <c r="F13367" t="s">
        <v>8297</v>
      </c>
      <c r="G13367" t="s">
        <v>80</v>
      </c>
      <c r="H13367" t="s">
        <v>81</v>
      </c>
      <c r="I13367" s="2">
        <v>0</v>
      </c>
      <c r="J13367" s="2">
        <v>1</v>
      </c>
      <c r="K13367" s="2">
        <v>0</v>
      </c>
      <c r="L13367" t="s">
        <v>82</v>
      </c>
      <c r="M13367" t="s">
        <v>87</v>
      </c>
      <c r="N13367" t="s">
        <v>88</v>
      </c>
      <c r="O13367" t="s">
        <v>85</v>
      </c>
      <c r="P13367" t="s">
        <v>86</v>
      </c>
      <c r="Q13367">
        <v>57</v>
      </c>
      <c r="R13367">
        <v>57</v>
      </c>
      <c r="S13367">
        <v>58</v>
      </c>
      <c r="T13367">
        <v>59</v>
      </c>
      <c r="U13367">
        <v>59</v>
      </c>
      <c r="V13367">
        <v>60</v>
      </c>
      <c r="W13367">
        <v>60</v>
      </c>
      <c r="X13367">
        <v>61</v>
      </c>
      <c r="Y13367">
        <v>61</v>
      </c>
      <c r="Z13367">
        <v>62</v>
      </c>
      <c r="AA13367">
        <v>62</v>
      </c>
      <c r="AB13367">
        <v>63</v>
      </c>
      <c r="AC13367">
        <v>63</v>
      </c>
      <c r="AD13367">
        <v>64</v>
      </c>
      <c r="AE13367">
        <v>65</v>
      </c>
      <c r="AF13367">
        <v>65</v>
      </c>
      <c r="AG13367">
        <v>66</v>
      </c>
      <c r="AH13367">
        <v>66</v>
      </c>
      <c r="AI13367">
        <v>67</v>
      </c>
      <c r="AJ13367">
        <v>67</v>
      </c>
      <c r="AK13367">
        <v>68</v>
      </c>
      <c r="AL13367">
        <v>68</v>
      </c>
      <c r="AM13367">
        <v>69</v>
      </c>
      <c r="AN13367">
        <v>69</v>
      </c>
      <c r="AO13367">
        <v>70</v>
      </c>
      <c r="AP13367">
        <v>70</v>
      </c>
      <c r="AQ13367">
        <v>71</v>
      </c>
    </row>
    <row r="13368" spans="1:43">
      <c r="A13368" t="s">
        <v>8292</v>
      </c>
      <c r="B13368" t="s">
        <v>8293</v>
      </c>
      <c r="C13368" t="s">
        <v>8294</v>
      </c>
      <c r="D13368" t="s">
        <v>8295</v>
      </c>
      <c r="E13368" t="s">
        <v>8296</v>
      </c>
      <c r="F13368" t="s">
        <v>8297</v>
      </c>
      <c r="G13368" t="s">
        <v>80</v>
      </c>
      <c r="H13368" t="s">
        <v>81</v>
      </c>
      <c r="I13368" s="2">
        <v>0</v>
      </c>
      <c r="J13368" s="2">
        <v>1</v>
      </c>
      <c r="K13368" s="2">
        <v>0</v>
      </c>
      <c r="L13368" t="s">
        <v>82</v>
      </c>
      <c r="M13368" t="s">
        <v>89</v>
      </c>
      <c r="N13368" t="s">
        <v>90</v>
      </c>
      <c r="O13368" t="s">
        <v>85</v>
      </c>
      <c r="P13368" t="s">
        <v>86</v>
      </c>
      <c r="Q13368">
        <v>57</v>
      </c>
      <c r="R13368">
        <v>59</v>
      </c>
      <c r="S13368">
        <v>60</v>
      </c>
      <c r="T13368">
        <v>62</v>
      </c>
      <c r="U13368">
        <v>63</v>
      </c>
      <c r="V13368">
        <v>65</v>
      </c>
      <c r="W13368">
        <v>66</v>
      </c>
      <c r="X13368">
        <v>68</v>
      </c>
      <c r="Y13368">
        <v>69</v>
      </c>
      <c r="Z13368">
        <v>71</v>
      </c>
      <c r="AA13368">
        <v>72</v>
      </c>
      <c r="AB13368">
        <v>73</v>
      </c>
      <c r="AC13368">
        <v>75</v>
      </c>
      <c r="AD13368">
        <v>76</v>
      </c>
      <c r="AE13368">
        <v>77</v>
      </c>
      <c r="AF13368">
        <v>77</v>
      </c>
      <c r="AG13368">
        <v>78</v>
      </c>
      <c r="AH13368">
        <v>78</v>
      </c>
      <c r="AI13368">
        <v>78</v>
      </c>
      <c r="AJ13368">
        <v>79</v>
      </c>
      <c r="AK13368">
        <v>79</v>
      </c>
      <c r="AL13368">
        <v>79</v>
      </c>
      <c r="AM13368">
        <v>79</v>
      </c>
      <c r="AN13368">
        <v>80</v>
      </c>
      <c r="AO13368">
        <v>80</v>
      </c>
      <c r="AP13368">
        <v>80</v>
      </c>
      <c r="AQ13368">
        <v>80</v>
      </c>
    </row>
    <row r="13369" spans="1:43">
      <c r="A13369" t="s">
        <v>8292</v>
      </c>
      <c r="B13369" t="s">
        <v>8293</v>
      </c>
      <c r="C13369" t="s">
        <v>8294</v>
      </c>
      <c r="D13369" t="s">
        <v>8295</v>
      </c>
      <c r="E13369" t="s">
        <v>8296</v>
      </c>
      <c r="F13369" t="s">
        <v>8297</v>
      </c>
      <c r="G13369" t="s">
        <v>80</v>
      </c>
      <c r="H13369" t="s">
        <v>81</v>
      </c>
      <c r="I13369" s="2">
        <v>0</v>
      </c>
      <c r="J13369" s="2">
        <v>1</v>
      </c>
      <c r="K13369" s="2">
        <v>0</v>
      </c>
      <c r="L13369" t="s">
        <v>82</v>
      </c>
      <c r="M13369" t="s">
        <v>83</v>
      </c>
      <c r="N13369" t="s">
        <v>91</v>
      </c>
      <c r="O13369" t="s">
        <v>85</v>
      </c>
      <c r="P13369" t="s">
        <v>86</v>
      </c>
      <c r="Q13369">
        <v>57</v>
      </c>
      <c r="R13369">
        <v>58</v>
      </c>
      <c r="S13369">
        <v>60</v>
      </c>
      <c r="T13369">
        <v>61</v>
      </c>
      <c r="U13369">
        <v>62</v>
      </c>
      <c r="V13369">
        <v>63</v>
      </c>
      <c r="W13369">
        <v>64</v>
      </c>
      <c r="X13369">
        <v>65</v>
      </c>
      <c r="Y13369">
        <v>66</v>
      </c>
      <c r="Z13369">
        <v>67</v>
      </c>
      <c r="AA13369">
        <v>69</v>
      </c>
      <c r="AB13369">
        <v>70</v>
      </c>
      <c r="AC13369">
        <v>71</v>
      </c>
      <c r="AD13369">
        <v>72</v>
      </c>
      <c r="AE13369">
        <v>73</v>
      </c>
      <c r="AF13369">
        <v>74</v>
      </c>
      <c r="AG13369">
        <v>75</v>
      </c>
      <c r="AH13369">
        <v>76</v>
      </c>
      <c r="AI13369">
        <v>77</v>
      </c>
      <c r="AJ13369">
        <v>78</v>
      </c>
      <c r="AK13369">
        <v>79</v>
      </c>
      <c r="AL13369">
        <v>80</v>
      </c>
      <c r="AM13369">
        <v>80</v>
      </c>
      <c r="AN13369">
        <v>80</v>
      </c>
      <c r="AO13369">
        <v>81</v>
      </c>
      <c r="AP13369">
        <v>81</v>
      </c>
      <c r="AQ13369">
        <v>81</v>
      </c>
    </row>
    <row r="13370" spans="1:43">
      <c r="A13370" t="s">
        <v>8298</v>
      </c>
      <c r="B13370" t="s">
        <v>8299</v>
      </c>
      <c r="C13370" t="s">
        <v>8300</v>
      </c>
      <c r="D13370" t="s">
        <v>8301</v>
      </c>
      <c r="E13370" t="s">
        <v>8296</v>
      </c>
      <c r="F13370" t="s">
        <v>8297</v>
      </c>
      <c r="G13370" t="s">
        <v>80</v>
      </c>
      <c r="H13370" t="s">
        <v>81</v>
      </c>
      <c r="I13370" s="2">
        <v>0</v>
      </c>
      <c r="J13370" s="2">
        <v>1</v>
      </c>
      <c r="K13370" s="2">
        <v>0</v>
      </c>
      <c r="L13370" t="s">
        <v>82</v>
      </c>
      <c r="M13370" t="s">
        <v>83</v>
      </c>
      <c r="N13370" t="s">
        <v>84</v>
      </c>
      <c r="O13370" t="s">
        <v>85</v>
      </c>
      <c r="P13370" t="s">
        <v>86</v>
      </c>
      <c r="Q13370">
        <v>23</v>
      </c>
      <c r="R13370">
        <v>23</v>
      </c>
      <c r="S13370">
        <v>24</v>
      </c>
      <c r="T13370">
        <v>24</v>
      </c>
      <c r="U13370">
        <v>25</v>
      </c>
      <c r="V13370">
        <v>25</v>
      </c>
      <c r="W13370">
        <v>25</v>
      </c>
      <c r="X13370">
        <v>26</v>
      </c>
      <c r="Y13370">
        <v>26</v>
      </c>
      <c r="Z13370">
        <v>27</v>
      </c>
      <c r="AA13370">
        <v>27</v>
      </c>
      <c r="AB13370">
        <v>28</v>
      </c>
      <c r="AC13370">
        <v>28</v>
      </c>
      <c r="AD13370">
        <v>28</v>
      </c>
      <c r="AE13370">
        <v>29</v>
      </c>
      <c r="AF13370">
        <v>29</v>
      </c>
      <c r="AG13370">
        <v>30</v>
      </c>
      <c r="AH13370">
        <v>30</v>
      </c>
      <c r="AI13370">
        <v>31</v>
      </c>
      <c r="AJ13370">
        <v>31</v>
      </c>
      <c r="AK13370">
        <v>31</v>
      </c>
      <c r="AL13370">
        <v>32</v>
      </c>
      <c r="AM13370">
        <v>32</v>
      </c>
      <c r="AN13370">
        <v>32</v>
      </c>
      <c r="AO13370">
        <v>32</v>
      </c>
      <c r="AP13370">
        <v>32</v>
      </c>
      <c r="AQ13370">
        <v>32</v>
      </c>
    </row>
    <row r="13371" spans="1:43">
      <c r="A13371" t="s">
        <v>8298</v>
      </c>
      <c r="B13371" t="s">
        <v>8299</v>
      </c>
      <c r="C13371" t="s">
        <v>8300</v>
      </c>
      <c r="D13371" t="s">
        <v>8301</v>
      </c>
      <c r="E13371" t="s">
        <v>8296</v>
      </c>
      <c r="F13371" t="s">
        <v>8297</v>
      </c>
      <c r="G13371" t="s">
        <v>80</v>
      </c>
      <c r="H13371" t="s">
        <v>81</v>
      </c>
      <c r="I13371" s="2">
        <v>0</v>
      </c>
      <c r="J13371" s="2">
        <v>1</v>
      </c>
      <c r="K13371" s="2">
        <v>0</v>
      </c>
      <c r="L13371" t="s">
        <v>82</v>
      </c>
      <c r="M13371" t="s">
        <v>87</v>
      </c>
      <c r="N13371" t="s">
        <v>88</v>
      </c>
      <c r="O13371" t="s">
        <v>85</v>
      </c>
      <c r="P13371" t="s">
        <v>86</v>
      </c>
      <c r="Q13371">
        <v>23</v>
      </c>
      <c r="R13371">
        <v>23</v>
      </c>
      <c r="S13371">
        <v>23</v>
      </c>
      <c r="T13371">
        <v>23</v>
      </c>
      <c r="U13371">
        <v>23</v>
      </c>
      <c r="V13371">
        <v>24</v>
      </c>
      <c r="W13371">
        <v>24</v>
      </c>
      <c r="X13371">
        <v>24</v>
      </c>
      <c r="Y13371">
        <v>24</v>
      </c>
      <c r="Z13371">
        <v>25</v>
      </c>
      <c r="AA13371">
        <v>25</v>
      </c>
      <c r="AB13371">
        <v>25</v>
      </c>
      <c r="AC13371">
        <v>25</v>
      </c>
      <c r="AD13371">
        <v>25</v>
      </c>
      <c r="AE13371">
        <v>26</v>
      </c>
      <c r="AF13371">
        <v>26</v>
      </c>
      <c r="AG13371">
        <v>26</v>
      </c>
      <c r="AH13371">
        <v>26</v>
      </c>
      <c r="AI13371">
        <v>26</v>
      </c>
      <c r="AJ13371">
        <v>27</v>
      </c>
      <c r="AK13371">
        <v>27</v>
      </c>
      <c r="AL13371">
        <v>27</v>
      </c>
      <c r="AM13371">
        <v>27</v>
      </c>
      <c r="AN13371">
        <v>27</v>
      </c>
      <c r="AO13371">
        <v>28</v>
      </c>
      <c r="AP13371">
        <v>28</v>
      </c>
      <c r="AQ13371">
        <v>28</v>
      </c>
    </row>
    <row r="13372" spans="1:43">
      <c r="A13372" t="s">
        <v>8298</v>
      </c>
      <c r="B13372" t="s">
        <v>8299</v>
      </c>
      <c r="C13372" t="s">
        <v>8300</v>
      </c>
      <c r="D13372" t="s">
        <v>8301</v>
      </c>
      <c r="E13372" t="s">
        <v>8296</v>
      </c>
      <c r="F13372" t="s">
        <v>8297</v>
      </c>
      <c r="G13372" t="s">
        <v>80</v>
      </c>
      <c r="H13372" t="s">
        <v>81</v>
      </c>
      <c r="I13372" s="2">
        <v>0</v>
      </c>
      <c r="J13372" s="2">
        <v>1</v>
      </c>
      <c r="K13372" s="2">
        <v>0</v>
      </c>
      <c r="L13372" t="s">
        <v>82</v>
      </c>
      <c r="M13372" t="s">
        <v>89</v>
      </c>
      <c r="N13372" t="s">
        <v>90</v>
      </c>
      <c r="O13372" t="s">
        <v>85</v>
      </c>
      <c r="P13372" t="s">
        <v>86</v>
      </c>
      <c r="Q13372">
        <v>23</v>
      </c>
      <c r="R13372">
        <v>24</v>
      </c>
      <c r="S13372">
        <v>24</v>
      </c>
      <c r="T13372">
        <v>25</v>
      </c>
      <c r="U13372">
        <v>25</v>
      </c>
      <c r="V13372">
        <v>26</v>
      </c>
      <c r="W13372">
        <v>27</v>
      </c>
      <c r="X13372">
        <v>27</v>
      </c>
      <c r="Y13372">
        <v>28</v>
      </c>
      <c r="Z13372">
        <v>28</v>
      </c>
      <c r="AA13372">
        <v>29</v>
      </c>
      <c r="AB13372">
        <v>29</v>
      </c>
      <c r="AC13372">
        <v>30</v>
      </c>
      <c r="AD13372">
        <v>31</v>
      </c>
      <c r="AE13372">
        <v>31</v>
      </c>
      <c r="AF13372">
        <v>31</v>
      </c>
      <c r="AG13372">
        <v>31</v>
      </c>
      <c r="AH13372">
        <v>31</v>
      </c>
      <c r="AI13372">
        <v>31</v>
      </c>
      <c r="AJ13372">
        <v>32</v>
      </c>
      <c r="AK13372">
        <v>32</v>
      </c>
      <c r="AL13372">
        <v>32</v>
      </c>
      <c r="AM13372">
        <v>32</v>
      </c>
      <c r="AN13372">
        <v>32</v>
      </c>
      <c r="AO13372">
        <v>32</v>
      </c>
      <c r="AP13372">
        <v>32</v>
      </c>
      <c r="AQ13372">
        <v>32</v>
      </c>
    </row>
    <row r="13373" spans="1:43">
      <c r="A13373" t="s">
        <v>8298</v>
      </c>
      <c r="B13373" t="s">
        <v>8299</v>
      </c>
      <c r="C13373" t="s">
        <v>8300</v>
      </c>
      <c r="D13373" t="s">
        <v>8301</v>
      </c>
      <c r="E13373" t="s">
        <v>8296</v>
      </c>
      <c r="F13373" t="s">
        <v>8297</v>
      </c>
      <c r="G13373" t="s">
        <v>80</v>
      </c>
      <c r="H13373" t="s">
        <v>81</v>
      </c>
      <c r="I13373" s="2">
        <v>0</v>
      </c>
      <c r="J13373" s="2">
        <v>1</v>
      </c>
      <c r="K13373" s="2">
        <v>0</v>
      </c>
      <c r="L13373" t="s">
        <v>82</v>
      </c>
      <c r="M13373" t="s">
        <v>83</v>
      </c>
      <c r="N13373" t="s">
        <v>91</v>
      </c>
      <c r="O13373" t="s">
        <v>85</v>
      </c>
      <c r="P13373" t="s">
        <v>86</v>
      </c>
      <c r="Q13373">
        <v>23</v>
      </c>
      <c r="R13373">
        <v>23</v>
      </c>
      <c r="S13373">
        <v>24</v>
      </c>
      <c r="T13373">
        <v>24</v>
      </c>
      <c r="U13373">
        <v>25</v>
      </c>
      <c r="V13373">
        <v>25</v>
      </c>
      <c r="W13373">
        <v>25</v>
      </c>
      <c r="X13373">
        <v>26</v>
      </c>
      <c r="Y13373">
        <v>26</v>
      </c>
      <c r="Z13373">
        <v>27</v>
      </c>
      <c r="AA13373">
        <v>27</v>
      </c>
      <c r="AB13373">
        <v>28</v>
      </c>
      <c r="AC13373">
        <v>28</v>
      </c>
      <c r="AD13373">
        <v>28</v>
      </c>
      <c r="AE13373">
        <v>29</v>
      </c>
      <c r="AF13373">
        <v>29</v>
      </c>
      <c r="AG13373">
        <v>30</v>
      </c>
      <c r="AH13373">
        <v>30</v>
      </c>
      <c r="AI13373">
        <v>31</v>
      </c>
      <c r="AJ13373">
        <v>31</v>
      </c>
      <c r="AK13373">
        <v>31</v>
      </c>
      <c r="AL13373">
        <v>32</v>
      </c>
      <c r="AM13373">
        <v>32</v>
      </c>
      <c r="AN13373">
        <v>32</v>
      </c>
      <c r="AO13373">
        <v>32</v>
      </c>
      <c r="AP13373">
        <v>32</v>
      </c>
      <c r="AQ13373">
        <v>32</v>
      </c>
    </row>
    <row r="13374" spans="1:43">
      <c r="A13374" t="s">
        <v>8302</v>
      </c>
      <c r="B13374" t="s">
        <v>8303</v>
      </c>
      <c r="C13374" t="s">
        <v>8304</v>
      </c>
      <c r="D13374" t="s">
        <v>8305</v>
      </c>
      <c r="E13374" t="s">
        <v>8296</v>
      </c>
      <c r="F13374" t="s">
        <v>8297</v>
      </c>
      <c r="G13374" t="s">
        <v>80</v>
      </c>
      <c r="H13374" t="s">
        <v>81</v>
      </c>
      <c r="I13374" s="2">
        <v>0</v>
      </c>
      <c r="J13374" s="2">
        <v>1</v>
      </c>
      <c r="K13374" s="2">
        <v>0</v>
      </c>
      <c r="L13374" t="s">
        <v>82</v>
      </c>
      <c r="M13374" t="s">
        <v>83</v>
      </c>
      <c r="N13374" t="s">
        <v>84</v>
      </c>
      <c r="O13374" t="s">
        <v>85</v>
      </c>
      <c r="P13374" t="s">
        <v>86</v>
      </c>
      <c r="Q13374">
        <v>84</v>
      </c>
      <c r="R13374">
        <v>86</v>
      </c>
      <c r="S13374">
        <v>88</v>
      </c>
      <c r="T13374">
        <v>89</v>
      </c>
      <c r="U13374">
        <v>91</v>
      </c>
      <c r="V13374">
        <v>93</v>
      </c>
      <c r="W13374">
        <v>94</v>
      </c>
      <c r="X13374">
        <v>96</v>
      </c>
      <c r="Y13374">
        <v>97</v>
      </c>
      <c r="Z13374">
        <v>99</v>
      </c>
      <c r="AA13374">
        <v>101</v>
      </c>
      <c r="AB13374">
        <v>102</v>
      </c>
      <c r="AC13374">
        <v>104</v>
      </c>
      <c r="AD13374">
        <v>106</v>
      </c>
      <c r="AE13374">
        <v>107</v>
      </c>
      <c r="AF13374">
        <v>109</v>
      </c>
      <c r="AG13374">
        <v>110</v>
      </c>
      <c r="AH13374">
        <v>112</v>
      </c>
      <c r="AI13374">
        <v>113</v>
      </c>
      <c r="AJ13374">
        <v>115</v>
      </c>
      <c r="AK13374">
        <v>117</v>
      </c>
      <c r="AL13374">
        <v>117</v>
      </c>
      <c r="AM13374">
        <v>118</v>
      </c>
      <c r="AN13374">
        <v>118</v>
      </c>
      <c r="AO13374">
        <v>119</v>
      </c>
      <c r="AP13374">
        <v>119</v>
      </c>
      <c r="AQ13374">
        <v>119</v>
      </c>
    </row>
    <row r="13375" spans="1:43">
      <c r="A13375" t="s">
        <v>8302</v>
      </c>
      <c r="B13375" t="s">
        <v>8303</v>
      </c>
      <c r="C13375" t="s">
        <v>8304</v>
      </c>
      <c r="D13375" t="s">
        <v>8305</v>
      </c>
      <c r="E13375" t="s">
        <v>8296</v>
      </c>
      <c r="F13375" t="s">
        <v>8297</v>
      </c>
      <c r="G13375" t="s">
        <v>80</v>
      </c>
      <c r="H13375" t="s">
        <v>81</v>
      </c>
      <c r="I13375" s="2">
        <v>0</v>
      </c>
      <c r="J13375" s="2">
        <v>1</v>
      </c>
      <c r="K13375" s="2">
        <v>0</v>
      </c>
      <c r="L13375" t="s">
        <v>82</v>
      </c>
      <c r="M13375" t="s">
        <v>87</v>
      </c>
      <c r="N13375" t="s">
        <v>88</v>
      </c>
      <c r="O13375" t="s">
        <v>85</v>
      </c>
      <c r="P13375" t="s">
        <v>86</v>
      </c>
      <c r="Q13375">
        <v>84</v>
      </c>
      <c r="R13375">
        <v>84</v>
      </c>
      <c r="S13375">
        <v>85</v>
      </c>
      <c r="T13375">
        <v>86</v>
      </c>
      <c r="U13375">
        <v>87</v>
      </c>
      <c r="V13375">
        <v>88</v>
      </c>
      <c r="W13375">
        <v>89</v>
      </c>
      <c r="X13375">
        <v>89</v>
      </c>
      <c r="Y13375">
        <v>90</v>
      </c>
      <c r="Z13375">
        <v>91</v>
      </c>
      <c r="AA13375">
        <v>92</v>
      </c>
      <c r="AB13375">
        <v>93</v>
      </c>
      <c r="AC13375">
        <v>93</v>
      </c>
      <c r="AD13375">
        <v>94</v>
      </c>
      <c r="AE13375">
        <v>95</v>
      </c>
      <c r="AF13375">
        <v>96</v>
      </c>
      <c r="AG13375">
        <v>96</v>
      </c>
      <c r="AH13375">
        <v>97</v>
      </c>
      <c r="AI13375">
        <v>98</v>
      </c>
      <c r="AJ13375">
        <v>99</v>
      </c>
      <c r="AK13375">
        <v>99</v>
      </c>
      <c r="AL13375">
        <v>100</v>
      </c>
      <c r="AM13375">
        <v>101</v>
      </c>
      <c r="AN13375">
        <v>102</v>
      </c>
      <c r="AO13375">
        <v>102</v>
      </c>
      <c r="AP13375">
        <v>103</v>
      </c>
      <c r="AQ13375">
        <v>104</v>
      </c>
    </row>
    <row r="13376" spans="1:43">
      <c r="A13376" t="s">
        <v>8302</v>
      </c>
      <c r="B13376" t="s">
        <v>8303</v>
      </c>
      <c r="C13376" t="s">
        <v>8304</v>
      </c>
      <c r="D13376" t="s">
        <v>8305</v>
      </c>
      <c r="E13376" t="s">
        <v>8296</v>
      </c>
      <c r="F13376" t="s">
        <v>8297</v>
      </c>
      <c r="G13376" t="s">
        <v>80</v>
      </c>
      <c r="H13376" t="s">
        <v>81</v>
      </c>
      <c r="I13376" s="2">
        <v>0</v>
      </c>
      <c r="J13376" s="2">
        <v>1</v>
      </c>
      <c r="K13376" s="2">
        <v>0</v>
      </c>
      <c r="L13376" t="s">
        <v>82</v>
      </c>
      <c r="M13376" t="s">
        <v>89</v>
      </c>
      <c r="N13376" t="s">
        <v>90</v>
      </c>
      <c r="O13376" t="s">
        <v>85</v>
      </c>
      <c r="P13376" t="s">
        <v>86</v>
      </c>
      <c r="Q13376">
        <v>84</v>
      </c>
      <c r="R13376">
        <v>86</v>
      </c>
      <c r="S13376">
        <v>89</v>
      </c>
      <c r="T13376">
        <v>91</v>
      </c>
      <c r="U13376">
        <v>94</v>
      </c>
      <c r="V13376">
        <v>96</v>
      </c>
      <c r="W13376">
        <v>98</v>
      </c>
      <c r="X13376">
        <v>100</v>
      </c>
      <c r="Y13376">
        <v>102</v>
      </c>
      <c r="Z13376">
        <v>104</v>
      </c>
      <c r="AA13376">
        <v>106</v>
      </c>
      <c r="AB13376">
        <v>108</v>
      </c>
      <c r="AC13376">
        <v>110</v>
      </c>
      <c r="AD13376">
        <v>112</v>
      </c>
      <c r="AE13376">
        <v>114</v>
      </c>
      <c r="AF13376">
        <v>114</v>
      </c>
      <c r="AG13376">
        <v>115</v>
      </c>
      <c r="AH13376">
        <v>115</v>
      </c>
      <c r="AI13376">
        <v>116</v>
      </c>
      <c r="AJ13376">
        <v>116</v>
      </c>
      <c r="AK13376">
        <v>117</v>
      </c>
      <c r="AL13376">
        <v>117</v>
      </c>
      <c r="AM13376">
        <v>118</v>
      </c>
      <c r="AN13376">
        <v>118</v>
      </c>
      <c r="AO13376">
        <v>118</v>
      </c>
      <c r="AP13376">
        <v>119</v>
      </c>
      <c r="AQ13376">
        <v>119</v>
      </c>
    </row>
    <row r="13377" spans="1:43">
      <c r="A13377" t="s">
        <v>8302</v>
      </c>
      <c r="B13377" t="s">
        <v>8303</v>
      </c>
      <c r="C13377" t="s">
        <v>8304</v>
      </c>
      <c r="D13377" t="s">
        <v>8305</v>
      </c>
      <c r="E13377" t="s">
        <v>8296</v>
      </c>
      <c r="F13377" t="s">
        <v>8297</v>
      </c>
      <c r="G13377" t="s">
        <v>80</v>
      </c>
      <c r="H13377" t="s">
        <v>81</v>
      </c>
      <c r="I13377" s="2">
        <v>0</v>
      </c>
      <c r="J13377" s="2">
        <v>1</v>
      </c>
      <c r="K13377" s="2">
        <v>0</v>
      </c>
      <c r="L13377" t="s">
        <v>82</v>
      </c>
      <c r="M13377" t="s">
        <v>83</v>
      </c>
      <c r="N13377" t="s">
        <v>91</v>
      </c>
      <c r="O13377" t="s">
        <v>85</v>
      </c>
      <c r="P13377" t="s">
        <v>86</v>
      </c>
      <c r="Q13377">
        <v>84</v>
      </c>
      <c r="R13377">
        <v>86</v>
      </c>
      <c r="S13377">
        <v>88</v>
      </c>
      <c r="T13377">
        <v>89</v>
      </c>
      <c r="U13377">
        <v>91</v>
      </c>
      <c r="V13377">
        <v>93</v>
      </c>
      <c r="W13377">
        <v>94</v>
      </c>
      <c r="X13377">
        <v>96</v>
      </c>
      <c r="Y13377">
        <v>97</v>
      </c>
      <c r="Z13377">
        <v>99</v>
      </c>
      <c r="AA13377">
        <v>101</v>
      </c>
      <c r="AB13377">
        <v>102</v>
      </c>
      <c r="AC13377">
        <v>104</v>
      </c>
      <c r="AD13377">
        <v>106</v>
      </c>
      <c r="AE13377">
        <v>107</v>
      </c>
      <c r="AF13377">
        <v>109</v>
      </c>
      <c r="AG13377">
        <v>110</v>
      </c>
      <c r="AH13377">
        <v>112</v>
      </c>
      <c r="AI13377">
        <v>113</v>
      </c>
      <c r="AJ13377">
        <v>115</v>
      </c>
      <c r="AK13377">
        <v>117</v>
      </c>
      <c r="AL13377">
        <v>117</v>
      </c>
      <c r="AM13377">
        <v>118</v>
      </c>
      <c r="AN13377">
        <v>118</v>
      </c>
      <c r="AO13377">
        <v>119</v>
      </c>
      <c r="AP13377">
        <v>119</v>
      </c>
      <c r="AQ13377">
        <v>119</v>
      </c>
    </row>
    <row r="13378" spans="1:43">
      <c r="A13378" t="s">
        <v>8306</v>
      </c>
      <c r="B13378" t="s">
        <v>8307</v>
      </c>
      <c r="C13378" t="s">
        <v>8304</v>
      </c>
      <c r="D13378" t="s">
        <v>8305</v>
      </c>
      <c r="E13378" t="s">
        <v>8296</v>
      </c>
      <c r="F13378" t="s">
        <v>8297</v>
      </c>
      <c r="G13378" t="s">
        <v>80</v>
      </c>
      <c r="H13378" t="s">
        <v>81</v>
      </c>
      <c r="I13378" s="2">
        <v>0</v>
      </c>
      <c r="J13378" s="2">
        <v>1</v>
      </c>
      <c r="K13378" s="2">
        <v>0</v>
      </c>
      <c r="L13378" t="s">
        <v>82</v>
      </c>
      <c r="M13378" t="s">
        <v>83</v>
      </c>
      <c r="N13378" t="s">
        <v>84</v>
      </c>
      <c r="O13378" t="s">
        <v>85</v>
      </c>
      <c r="P13378" t="s">
        <v>86</v>
      </c>
      <c r="Q13378">
        <v>41</v>
      </c>
      <c r="R13378">
        <v>42</v>
      </c>
      <c r="S13378">
        <v>43</v>
      </c>
      <c r="T13378">
        <v>43</v>
      </c>
      <c r="U13378">
        <v>44</v>
      </c>
      <c r="V13378">
        <v>45</v>
      </c>
      <c r="W13378">
        <v>46</v>
      </c>
      <c r="X13378">
        <v>47</v>
      </c>
      <c r="Y13378">
        <v>47</v>
      </c>
      <c r="Z13378">
        <v>48</v>
      </c>
      <c r="AA13378">
        <v>49</v>
      </c>
      <c r="AB13378">
        <v>50</v>
      </c>
      <c r="AC13378">
        <v>51</v>
      </c>
      <c r="AD13378">
        <v>51</v>
      </c>
      <c r="AE13378">
        <v>52</v>
      </c>
      <c r="AF13378">
        <v>53</v>
      </c>
      <c r="AG13378">
        <v>54</v>
      </c>
      <c r="AH13378">
        <v>54</v>
      </c>
      <c r="AI13378">
        <v>55</v>
      </c>
      <c r="AJ13378">
        <v>56</v>
      </c>
      <c r="AK13378">
        <v>57</v>
      </c>
      <c r="AL13378">
        <v>57</v>
      </c>
      <c r="AM13378">
        <v>57</v>
      </c>
      <c r="AN13378">
        <v>58</v>
      </c>
      <c r="AO13378">
        <v>58</v>
      </c>
      <c r="AP13378">
        <v>58</v>
      </c>
      <c r="AQ13378">
        <v>58</v>
      </c>
    </row>
    <row r="13379" spans="1:43">
      <c r="A13379" t="s">
        <v>8306</v>
      </c>
      <c r="B13379" t="s">
        <v>8307</v>
      </c>
      <c r="C13379" t="s">
        <v>8304</v>
      </c>
      <c r="D13379" t="s">
        <v>8305</v>
      </c>
      <c r="E13379" t="s">
        <v>8296</v>
      </c>
      <c r="F13379" t="s">
        <v>8297</v>
      </c>
      <c r="G13379" t="s">
        <v>80</v>
      </c>
      <c r="H13379" t="s">
        <v>81</v>
      </c>
      <c r="I13379" s="2">
        <v>0</v>
      </c>
      <c r="J13379" s="2">
        <v>1</v>
      </c>
      <c r="K13379" s="2">
        <v>0</v>
      </c>
      <c r="L13379" t="s">
        <v>82</v>
      </c>
      <c r="M13379" t="s">
        <v>87</v>
      </c>
      <c r="N13379" t="s">
        <v>88</v>
      </c>
      <c r="O13379" t="s">
        <v>85</v>
      </c>
      <c r="P13379" t="s">
        <v>86</v>
      </c>
      <c r="Q13379">
        <v>41</v>
      </c>
      <c r="R13379">
        <v>41</v>
      </c>
      <c r="S13379">
        <v>41</v>
      </c>
      <c r="T13379">
        <v>42</v>
      </c>
      <c r="U13379">
        <v>42</v>
      </c>
      <c r="V13379">
        <v>43</v>
      </c>
      <c r="W13379">
        <v>43</v>
      </c>
      <c r="X13379">
        <v>43</v>
      </c>
      <c r="Y13379">
        <v>44</v>
      </c>
      <c r="Z13379">
        <v>44</v>
      </c>
      <c r="AA13379">
        <v>45</v>
      </c>
      <c r="AB13379">
        <v>45</v>
      </c>
      <c r="AC13379">
        <v>45</v>
      </c>
      <c r="AD13379">
        <v>46</v>
      </c>
      <c r="AE13379">
        <v>46</v>
      </c>
      <c r="AF13379">
        <v>47</v>
      </c>
      <c r="AG13379">
        <v>47</v>
      </c>
      <c r="AH13379">
        <v>47</v>
      </c>
      <c r="AI13379">
        <v>48</v>
      </c>
      <c r="AJ13379">
        <v>48</v>
      </c>
      <c r="AK13379">
        <v>48</v>
      </c>
      <c r="AL13379">
        <v>49</v>
      </c>
      <c r="AM13379">
        <v>49</v>
      </c>
      <c r="AN13379">
        <v>49</v>
      </c>
      <c r="AO13379">
        <v>50</v>
      </c>
      <c r="AP13379">
        <v>50</v>
      </c>
      <c r="AQ13379">
        <v>50</v>
      </c>
    </row>
    <row r="13380" spans="1:43">
      <c r="A13380" t="s">
        <v>8306</v>
      </c>
      <c r="B13380" t="s">
        <v>8307</v>
      </c>
      <c r="C13380" t="s">
        <v>8304</v>
      </c>
      <c r="D13380" t="s">
        <v>8305</v>
      </c>
      <c r="E13380" t="s">
        <v>8296</v>
      </c>
      <c r="F13380" t="s">
        <v>8297</v>
      </c>
      <c r="G13380" t="s">
        <v>80</v>
      </c>
      <c r="H13380" t="s">
        <v>81</v>
      </c>
      <c r="I13380" s="2">
        <v>0</v>
      </c>
      <c r="J13380" s="2">
        <v>1</v>
      </c>
      <c r="K13380" s="2">
        <v>0</v>
      </c>
      <c r="L13380" t="s">
        <v>82</v>
      </c>
      <c r="M13380" t="s">
        <v>89</v>
      </c>
      <c r="N13380" t="s">
        <v>90</v>
      </c>
      <c r="O13380" t="s">
        <v>85</v>
      </c>
      <c r="P13380" t="s">
        <v>86</v>
      </c>
      <c r="Q13380">
        <v>41</v>
      </c>
      <c r="R13380">
        <v>43</v>
      </c>
      <c r="S13380">
        <v>44</v>
      </c>
      <c r="T13380">
        <v>45</v>
      </c>
      <c r="U13380">
        <v>46</v>
      </c>
      <c r="V13380">
        <v>47</v>
      </c>
      <c r="W13380">
        <v>48</v>
      </c>
      <c r="X13380">
        <v>49</v>
      </c>
      <c r="Y13380">
        <v>50</v>
      </c>
      <c r="Z13380">
        <v>51</v>
      </c>
      <c r="AA13380">
        <v>52</v>
      </c>
      <c r="AB13380">
        <v>53</v>
      </c>
      <c r="AC13380">
        <v>54</v>
      </c>
      <c r="AD13380">
        <v>55</v>
      </c>
      <c r="AE13380">
        <v>56</v>
      </c>
      <c r="AF13380">
        <v>56</v>
      </c>
      <c r="AG13380">
        <v>56</v>
      </c>
      <c r="AH13380">
        <v>57</v>
      </c>
      <c r="AI13380">
        <v>57</v>
      </c>
      <c r="AJ13380">
        <v>57</v>
      </c>
      <c r="AK13380">
        <v>57</v>
      </c>
      <c r="AL13380">
        <v>58</v>
      </c>
      <c r="AM13380">
        <v>58</v>
      </c>
      <c r="AN13380">
        <v>58</v>
      </c>
      <c r="AO13380">
        <v>58</v>
      </c>
      <c r="AP13380">
        <v>58</v>
      </c>
      <c r="AQ13380">
        <v>58</v>
      </c>
    </row>
    <row r="13381" spans="1:43">
      <c r="A13381" t="s">
        <v>8306</v>
      </c>
      <c r="B13381" t="s">
        <v>8307</v>
      </c>
      <c r="C13381" t="s">
        <v>8304</v>
      </c>
      <c r="D13381" t="s">
        <v>8305</v>
      </c>
      <c r="E13381" t="s">
        <v>8296</v>
      </c>
      <c r="F13381" t="s">
        <v>8297</v>
      </c>
      <c r="G13381" t="s">
        <v>80</v>
      </c>
      <c r="H13381" t="s">
        <v>81</v>
      </c>
      <c r="I13381" s="2">
        <v>0</v>
      </c>
      <c r="J13381" s="2">
        <v>1</v>
      </c>
      <c r="K13381" s="2">
        <v>0</v>
      </c>
      <c r="L13381" t="s">
        <v>82</v>
      </c>
      <c r="M13381" t="s">
        <v>83</v>
      </c>
      <c r="N13381" t="s">
        <v>91</v>
      </c>
      <c r="O13381" t="s">
        <v>85</v>
      </c>
      <c r="P13381" t="s">
        <v>86</v>
      </c>
      <c r="Q13381">
        <v>41</v>
      </c>
      <c r="R13381">
        <v>42</v>
      </c>
      <c r="S13381">
        <v>43</v>
      </c>
      <c r="T13381">
        <v>43</v>
      </c>
      <c r="U13381">
        <v>44</v>
      </c>
      <c r="V13381">
        <v>45</v>
      </c>
      <c r="W13381">
        <v>46</v>
      </c>
      <c r="X13381">
        <v>47</v>
      </c>
      <c r="Y13381">
        <v>47</v>
      </c>
      <c r="Z13381">
        <v>48</v>
      </c>
      <c r="AA13381">
        <v>49</v>
      </c>
      <c r="AB13381">
        <v>50</v>
      </c>
      <c r="AC13381">
        <v>51</v>
      </c>
      <c r="AD13381">
        <v>51</v>
      </c>
      <c r="AE13381">
        <v>52</v>
      </c>
      <c r="AF13381">
        <v>53</v>
      </c>
      <c r="AG13381">
        <v>54</v>
      </c>
      <c r="AH13381">
        <v>54</v>
      </c>
      <c r="AI13381">
        <v>55</v>
      </c>
      <c r="AJ13381">
        <v>56</v>
      </c>
      <c r="AK13381">
        <v>57</v>
      </c>
      <c r="AL13381">
        <v>57</v>
      </c>
      <c r="AM13381">
        <v>57</v>
      </c>
      <c r="AN13381">
        <v>58</v>
      </c>
      <c r="AO13381">
        <v>58</v>
      </c>
      <c r="AP13381">
        <v>58</v>
      </c>
      <c r="AQ13381">
        <v>58</v>
      </c>
    </row>
    <row r="13382" spans="1:43">
      <c r="A13382" t="s">
        <v>8308</v>
      </c>
      <c r="B13382" t="s">
        <v>8309</v>
      </c>
      <c r="C13382" t="s">
        <v>8304</v>
      </c>
      <c r="D13382" t="s">
        <v>8305</v>
      </c>
      <c r="E13382" t="s">
        <v>8296</v>
      </c>
      <c r="F13382" t="s">
        <v>8297</v>
      </c>
      <c r="G13382" t="s">
        <v>80</v>
      </c>
      <c r="H13382" t="s">
        <v>81</v>
      </c>
      <c r="I13382" s="2">
        <v>0</v>
      </c>
      <c r="J13382" s="2">
        <v>1</v>
      </c>
      <c r="K13382" s="2">
        <v>0</v>
      </c>
      <c r="L13382" t="s">
        <v>82</v>
      </c>
      <c r="M13382" t="s">
        <v>83</v>
      </c>
      <c r="N13382" t="s">
        <v>84</v>
      </c>
      <c r="O13382" t="s">
        <v>85</v>
      </c>
      <c r="P13382" t="s">
        <v>86</v>
      </c>
      <c r="Q13382">
        <v>15</v>
      </c>
      <c r="R13382">
        <v>16</v>
      </c>
      <c r="S13382">
        <v>16</v>
      </c>
      <c r="T13382">
        <v>16</v>
      </c>
      <c r="U13382">
        <v>17</v>
      </c>
      <c r="V13382">
        <v>17</v>
      </c>
      <c r="W13382">
        <v>17</v>
      </c>
      <c r="X13382">
        <v>17</v>
      </c>
      <c r="Y13382">
        <v>18</v>
      </c>
      <c r="Z13382">
        <v>18</v>
      </c>
      <c r="AA13382">
        <v>18</v>
      </c>
      <c r="AB13382">
        <v>19</v>
      </c>
      <c r="AC13382">
        <v>19</v>
      </c>
      <c r="AD13382">
        <v>19</v>
      </c>
      <c r="AE13382">
        <v>19</v>
      </c>
      <c r="AF13382">
        <v>20</v>
      </c>
      <c r="AG13382">
        <v>20</v>
      </c>
      <c r="AH13382">
        <v>20</v>
      </c>
      <c r="AI13382">
        <v>21</v>
      </c>
      <c r="AJ13382">
        <v>21</v>
      </c>
      <c r="AK13382">
        <v>21</v>
      </c>
      <c r="AL13382">
        <v>21</v>
      </c>
      <c r="AM13382">
        <v>21</v>
      </c>
      <c r="AN13382">
        <v>22</v>
      </c>
      <c r="AO13382">
        <v>22</v>
      </c>
      <c r="AP13382">
        <v>22</v>
      </c>
      <c r="AQ13382">
        <v>22</v>
      </c>
    </row>
    <row r="13383" spans="1:43">
      <c r="A13383" t="s">
        <v>8308</v>
      </c>
      <c r="B13383" t="s">
        <v>8309</v>
      </c>
      <c r="C13383" t="s">
        <v>8304</v>
      </c>
      <c r="D13383" t="s">
        <v>8305</v>
      </c>
      <c r="E13383" t="s">
        <v>8296</v>
      </c>
      <c r="F13383" t="s">
        <v>8297</v>
      </c>
      <c r="G13383" t="s">
        <v>80</v>
      </c>
      <c r="H13383" t="s">
        <v>81</v>
      </c>
      <c r="I13383" s="2">
        <v>0</v>
      </c>
      <c r="J13383" s="2">
        <v>1</v>
      </c>
      <c r="K13383" s="2">
        <v>0</v>
      </c>
      <c r="L13383" t="s">
        <v>82</v>
      </c>
      <c r="M13383" t="s">
        <v>87</v>
      </c>
      <c r="N13383" t="s">
        <v>88</v>
      </c>
      <c r="O13383" t="s">
        <v>85</v>
      </c>
      <c r="P13383" t="s">
        <v>86</v>
      </c>
      <c r="Q13383">
        <v>15</v>
      </c>
      <c r="R13383">
        <v>15</v>
      </c>
      <c r="S13383">
        <v>16</v>
      </c>
      <c r="T13383">
        <v>16</v>
      </c>
      <c r="U13383">
        <v>16</v>
      </c>
      <c r="V13383">
        <v>16</v>
      </c>
      <c r="W13383">
        <v>16</v>
      </c>
      <c r="X13383">
        <v>16</v>
      </c>
      <c r="Y13383">
        <v>16</v>
      </c>
      <c r="Z13383">
        <v>17</v>
      </c>
      <c r="AA13383">
        <v>17</v>
      </c>
      <c r="AB13383">
        <v>17</v>
      </c>
      <c r="AC13383">
        <v>17</v>
      </c>
      <c r="AD13383">
        <v>17</v>
      </c>
      <c r="AE13383">
        <v>17</v>
      </c>
      <c r="AF13383">
        <v>17</v>
      </c>
      <c r="AG13383">
        <v>18</v>
      </c>
      <c r="AH13383">
        <v>18</v>
      </c>
      <c r="AI13383">
        <v>18</v>
      </c>
      <c r="AJ13383">
        <v>18</v>
      </c>
      <c r="AK13383">
        <v>18</v>
      </c>
      <c r="AL13383">
        <v>18</v>
      </c>
      <c r="AM13383">
        <v>18</v>
      </c>
      <c r="AN13383">
        <v>18</v>
      </c>
      <c r="AO13383">
        <v>19</v>
      </c>
      <c r="AP13383">
        <v>19</v>
      </c>
      <c r="AQ13383">
        <v>19</v>
      </c>
    </row>
    <row r="13384" spans="1:43">
      <c r="A13384" t="s">
        <v>8308</v>
      </c>
      <c r="B13384" t="s">
        <v>8309</v>
      </c>
      <c r="C13384" t="s">
        <v>8304</v>
      </c>
      <c r="D13384" t="s">
        <v>8305</v>
      </c>
      <c r="E13384" t="s">
        <v>8296</v>
      </c>
      <c r="F13384" t="s">
        <v>8297</v>
      </c>
      <c r="G13384" t="s">
        <v>80</v>
      </c>
      <c r="H13384" t="s">
        <v>81</v>
      </c>
      <c r="I13384" s="2">
        <v>0</v>
      </c>
      <c r="J13384" s="2">
        <v>1</v>
      </c>
      <c r="K13384" s="2">
        <v>0</v>
      </c>
      <c r="L13384" t="s">
        <v>82</v>
      </c>
      <c r="M13384" t="s">
        <v>89</v>
      </c>
      <c r="N13384" t="s">
        <v>90</v>
      </c>
      <c r="O13384" t="s">
        <v>85</v>
      </c>
      <c r="P13384" t="s">
        <v>86</v>
      </c>
      <c r="Q13384">
        <v>15</v>
      </c>
      <c r="R13384">
        <v>16</v>
      </c>
      <c r="S13384">
        <v>16</v>
      </c>
      <c r="T13384">
        <v>17</v>
      </c>
      <c r="U13384">
        <v>17</v>
      </c>
      <c r="V13384">
        <v>18</v>
      </c>
      <c r="W13384">
        <v>18</v>
      </c>
      <c r="X13384">
        <v>18</v>
      </c>
      <c r="Y13384">
        <v>19</v>
      </c>
      <c r="Z13384">
        <v>19</v>
      </c>
      <c r="AA13384">
        <v>20</v>
      </c>
      <c r="AB13384">
        <v>20</v>
      </c>
      <c r="AC13384">
        <v>20</v>
      </c>
      <c r="AD13384">
        <v>21</v>
      </c>
      <c r="AE13384">
        <v>21</v>
      </c>
      <c r="AF13384">
        <v>21</v>
      </c>
      <c r="AG13384">
        <v>21</v>
      </c>
      <c r="AH13384">
        <v>21</v>
      </c>
      <c r="AI13384">
        <v>21</v>
      </c>
      <c r="AJ13384">
        <v>21</v>
      </c>
      <c r="AK13384">
        <v>21</v>
      </c>
      <c r="AL13384">
        <v>21</v>
      </c>
      <c r="AM13384">
        <v>22</v>
      </c>
      <c r="AN13384">
        <v>22</v>
      </c>
      <c r="AO13384">
        <v>22</v>
      </c>
      <c r="AP13384">
        <v>22</v>
      </c>
      <c r="AQ13384">
        <v>22</v>
      </c>
    </row>
    <row r="13385" spans="1:43">
      <c r="A13385" t="s">
        <v>8308</v>
      </c>
      <c r="B13385" t="s">
        <v>8309</v>
      </c>
      <c r="C13385" t="s">
        <v>8304</v>
      </c>
      <c r="D13385" t="s">
        <v>8305</v>
      </c>
      <c r="E13385" t="s">
        <v>8296</v>
      </c>
      <c r="F13385" t="s">
        <v>8297</v>
      </c>
      <c r="G13385" t="s">
        <v>80</v>
      </c>
      <c r="H13385" t="s">
        <v>81</v>
      </c>
      <c r="I13385" s="2">
        <v>0</v>
      </c>
      <c r="J13385" s="2">
        <v>1</v>
      </c>
      <c r="K13385" s="2">
        <v>0</v>
      </c>
      <c r="L13385" t="s">
        <v>82</v>
      </c>
      <c r="M13385" t="s">
        <v>83</v>
      </c>
      <c r="N13385" t="s">
        <v>91</v>
      </c>
      <c r="O13385" t="s">
        <v>85</v>
      </c>
      <c r="P13385" t="s">
        <v>86</v>
      </c>
      <c r="Q13385">
        <v>15</v>
      </c>
      <c r="R13385">
        <v>16</v>
      </c>
      <c r="S13385">
        <v>16</v>
      </c>
      <c r="T13385">
        <v>16</v>
      </c>
      <c r="U13385">
        <v>17</v>
      </c>
      <c r="V13385">
        <v>17</v>
      </c>
      <c r="W13385">
        <v>17</v>
      </c>
      <c r="X13385">
        <v>17</v>
      </c>
      <c r="Y13385">
        <v>18</v>
      </c>
      <c r="Z13385">
        <v>18</v>
      </c>
      <c r="AA13385">
        <v>18</v>
      </c>
      <c r="AB13385">
        <v>19</v>
      </c>
      <c r="AC13385">
        <v>19</v>
      </c>
      <c r="AD13385">
        <v>19</v>
      </c>
      <c r="AE13385">
        <v>19</v>
      </c>
      <c r="AF13385">
        <v>20</v>
      </c>
      <c r="AG13385">
        <v>20</v>
      </c>
      <c r="AH13385">
        <v>20</v>
      </c>
      <c r="AI13385">
        <v>21</v>
      </c>
      <c r="AJ13385">
        <v>21</v>
      </c>
      <c r="AK13385">
        <v>21</v>
      </c>
      <c r="AL13385">
        <v>21</v>
      </c>
      <c r="AM13385">
        <v>21</v>
      </c>
      <c r="AN13385">
        <v>22</v>
      </c>
      <c r="AO13385">
        <v>22</v>
      </c>
      <c r="AP13385">
        <v>22</v>
      </c>
      <c r="AQ13385">
        <v>22</v>
      </c>
    </row>
    <row r="13386" spans="1:43">
      <c r="A13386" t="s">
        <v>8310</v>
      </c>
      <c r="B13386" t="s">
        <v>8311</v>
      </c>
      <c r="C13386" t="s">
        <v>8294</v>
      </c>
      <c r="D13386" t="s">
        <v>8295</v>
      </c>
      <c r="E13386" t="s">
        <v>8296</v>
      </c>
      <c r="F13386" t="s">
        <v>8297</v>
      </c>
      <c r="G13386" t="s">
        <v>80</v>
      </c>
      <c r="H13386" t="s">
        <v>81</v>
      </c>
      <c r="I13386" s="2">
        <v>0</v>
      </c>
      <c r="J13386" s="2">
        <v>1</v>
      </c>
      <c r="K13386" s="2">
        <v>0</v>
      </c>
      <c r="L13386" t="s">
        <v>82</v>
      </c>
      <c r="M13386" t="s">
        <v>83</v>
      </c>
      <c r="N13386" t="s">
        <v>84</v>
      </c>
      <c r="O13386" t="s">
        <v>85</v>
      </c>
      <c r="P13386" t="s">
        <v>86</v>
      </c>
      <c r="Q13386">
        <v>73</v>
      </c>
      <c r="R13386">
        <v>74</v>
      </c>
      <c r="S13386">
        <v>75</v>
      </c>
      <c r="T13386">
        <v>77</v>
      </c>
      <c r="U13386">
        <v>78</v>
      </c>
      <c r="V13386">
        <v>80</v>
      </c>
      <c r="W13386">
        <v>81</v>
      </c>
      <c r="X13386">
        <v>83</v>
      </c>
      <c r="Y13386">
        <v>84</v>
      </c>
      <c r="Z13386">
        <v>85</v>
      </c>
      <c r="AA13386">
        <v>87</v>
      </c>
      <c r="AB13386">
        <v>88</v>
      </c>
      <c r="AC13386">
        <v>90</v>
      </c>
      <c r="AD13386">
        <v>91</v>
      </c>
      <c r="AE13386">
        <v>92</v>
      </c>
      <c r="AF13386">
        <v>93</v>
      </c>
      <c r="AG13386">
        <v>95</v>
      </c>
      <c r="AH13386">
        <v>96</v>
      </c>
      <c r="AI13386">
        <v>97</v>
      </c>
      <c r="AJ13386">
        <v>99</v>
      </c>
      <c r="AK13386">
        <v>100</v>
      </c>
      <c r="AL13386">
        <v>101</v>
      </c>
      <c r="AM13386">
        <v>101</v>
      </c>
      <c r="AN13386">
        <v>101</v>
      </c>
      <c r="AO13386">
        <v>102</v>
      </c>
      <c r="AP13386">
        <v>102</v>
      </c>
      <c r="AQ13386">
        <v>102</v>
      </c>
    </row>
    <row r="13387" spans="1:43">
      <c r="A13387" t="s">
        <v>8310</v>
      </c>
      <c r="B13387" t="s">
        <v>8311</v>
      </c>
      <c r="C13387" t="s">
        <v>8294</v>
      </c>
      <c r="D13387" t="s">
        <v>8295</v>
      </c>
      <c r="E13387" t="s">
        <v>8296</v>
      </c>
      <c r="F13387" t="s">
        <v>8297</v>
      </c>
      <c r="G13387" t="s">
        <v>80</v>
      </c>
      <c r="H13387" t="s">
        <v>81</v>
      </c>
      <c r="I13387" s="2">
        <v>0</v>
      </c>
      <c r="J13387" s="2">
        <v>1</v>
      </c>
      <c r="K13387" s="2">
        <v>0</v>
      </c>
      <c r="L13387" t="s">
        <v>82</v>
      </c>
      <c r="M13387" t="s">
        <v>87</v>
      </c>
      <c r="N13387" t="s">
        <v>88</v>
      </c>
      <c r="O13387" t="s">
        <v>85</v>
      </c>
      <c r="P13387" t="s">
        <v>86</v>
      </c>
      <c r="Q13387">
        <v>73</v>
      </c>
      <c r="R13387">
        <v>74</v>
      </c>
      <c r="S13387">
        <v>74</v>
      </c>
      <c r="T13387">
        <v>75</v>
      </c>
      <c r="U13387">
        <v>76</v>
      </c>
      <c r="V13387">
        <v>77</v>
      </c>
      <c r="W13387">
        <v>77</v>
      </c>
      <c r="X13387">
        <v>78</v>
      </c>
      <c r="Y13387">
        <v>79</v>
      </c>
      <c r="Z13387">
        <v>79</v>
      </c>
      <c r="AA13387">
        <v>80</v>
      </c>
      <c r="AB13387">
        <v>81</v>
      </c>
      <c r="AC13387">
        <v>81</v>
      </c>
      <c r="AD13387">
        <v>82</v>
      </c>
      <c r="AE13387">
        <v>83</v>
      </c>
      <c r="AF13387">
        <v>83</v>
      </c>
      <c r="AG13387">
        <v>84</v>
      </c>
      <c r="AH13387">
        <v>85</v>
      </c>
      <c r="AI13387">
        <v>85</v>
      </c>
      <c r="AJ13387">
        <v>86</v>
      </c>
      <c r="AK13387">
        <v>87</v>
      </c>
      <c r="AL13387">
        <v>87</v>
      </c>
      <c r="AM13387">
        <v>88</v>
      </c>
      <c r="AN13387">
        <v>89</v>
      </c>
      <c r="AO13387">
        <v>89</v>
      </c>
      <c r="AP13387">
        <v>90</v>
      </c>
      <c r="AQ13387">
        <v>90</v>
      </c>
    </row>
    <row r="13388" spans="1:43">
      <c r="A13388" t="s">
        <v>8310</v>
      </c>
      <c r="B13388" t="s">
        <v>8311</v>
      </c>
      <c r="C13388" t="s">
        <v>8294</v>
      </c>
      <c r="D13388" t="s">
        <v>8295</v>
      </c>
      <c r="E13388" t="s">
        <v>8296</v>
      </c>
      <c r="F13388" t="s">
        <v>8297</v>
      </c>
      <c r="G13388" t="s">
        <v>80</v>
      </c>
      <c r="H13388" t="s">
        <v>81</v>
      </c>
      <c r="I13388" s="2">
        <v>0</v>
      </c>
      <c r="J13388" s="2">
        <v>1</v>
      </c>
      <c r="K13388" s="2">
        <v>0</v>
      </c>
      <c r="L13388" t="s">
        <v>82</v>
      </c>
      <c r="M13388" t="s">
        <v>89</v>
      </c>
      <c r="N13388" t="s">
        <v>90</v>
      </c>
      <c r="O13388" t="s">
        <v>85</v>
      </c>
      <c r="P13388" t="s">
        <v>86</v>
      </c>
      <c r="Q13388">
        <v>73</v>
      </c>
      <c r="R13388">
        <v>75</v>
      </c>
      <c r="S13388">
        <v>77</v>
      </c>
      <c r="T13388">
        <v>79</v>
      </c>
      <c r="U13388">
        <v>81</v>
      </c>
      <c r="V13388">
        <v>83</v>
      </c>
      <c r="W13388">
        <v>85</v>
      </c>
      <c r="X13388">
        <v>87</v>
      </c>
      <c r="Y13388">
        <v>89</v>
      </c>
      <c r="Z13388">
        <v>91</v>
      </c>
      <c r="AA13388">
        <v>92</v>
      </c>
      <c r="AB13388">
        <v>94</v>
      </c>
      <c r="AC13388">
        <v>96</v>
      </c>
      <c r="AD13388">
        <v>97</v>
      </c>
      <c r="AE13388">
        <v>99</v>
      </c>
      <c r="AF13388">
        <v>99</v>
      </c>
      <c r="AG13388">
        <v>99</v>
      </c>
      <c r="AH13388">
        <v>100</v>
      </c>
      <c r="AI13388">
        <v>100</v>
      </c>
      <c r="AJ13388">
        <v>101</v>
      </c>
      <c r="AK13388">
        <v>101</v>
      </c>
      <c r="AL13388">
        <v>101</v>
      </c>
      <c r="AM13388">
        <v>102</v>
      </c>
      <c r="AN13388">
        <v>102</v>
      </c>
      <c r="AO13388">
        <v>102</v>
      </c>
      <c r="AP13388">
        <v>103</v>
      </c>
      <c r="AQ13388">
        <v>103</v>
      </c>
    </row>
    <row r="13389" spans="1:43">
      <c r="A13389" t="s">
        <v>8310</v>
      </c>
      <c r="B13389" t="s">
        <v>8311</v>
      </c>
      <c r="C13389" t="s">
        <v>8294</v>
      </c>
      <c r="D13389" t="s">
        <v>8295</v>
      </c>
      <c r="E13389" t="s">
        <v>8296</v>
      </c>
      <c r="F13389" t="s">
        <v>8297</v>
      </c>
      <c r="G13389" t="s">
        <v>80</v>
      </c>
      <c r="H13389" t="s">
        <v>81</v>
      </c>
      <c r="I13389" s="2">
        <v>0</v>
      </c>
      <c r="J13389" s="2">
        <v>1</v>
      </c>
      <c r="K13389" s="2">
        <v>0</v>
      </c>
      <c r="L13389" t="s">
        <v>82</v>
      </c>
      <c r="M13389" t="s">
        <v>83</v>
      </c>
      <c r="N13389" t="s">
        <v>91</v>
      </c>
      <c r="O13389" t="s">
        <v>85</v>
      </c>
      <c r="P13389" t="s">
        <v>86</v>
      </c>
      <c r="Q13389">
        <v>73</v>
      </c>
      <c r="R13389">
        <v>74</v>
      </c>
      <c r="S13389">
        <v>75</v>
      </c>
      <c r="T13389">
        <v>77</v>
      </c>
      <c r="U13389">
        <v>78</v>
      </c>
      <c r="V13389">
        <v>80</v>
      </c>
      <c r="W13389">
        <v>81</v>
      </c>
      <c r="X13389">
        <v>83</v>
      </c>
      <c r="Y13389">
        <v>84</v>
      </c>
      <c r="Z13389">
        <v>85</v>
      </c>
      <c r="AA13389">
        <v>87</v>
      </c>
      <c r="AB13389">
        <v>88</v>
      </c>
      <c r="AC13389">
        <v>90</v>
      </c>
      <c r="AD13389">
        <v>91</v>
      </c>
      <c r="AE13389">
        <v>92</v>
      </c>
      <c r="AF13389">
        <v>93</v>
      </c>
      <c r="AG13389">
        <v>95</v>
      </c>
      <c r="AH13389">
        <v>96</v>
      </c>
      <c r="AI13389">
        <v>97</v>
      </c>
      <c r="AJ13389">
        <v>99</v>
      </c>
      <c r="AK13389">
        <v>100</v>
      </c>
      <c r="AL13389">
        <v>101</v>
      </c>
      <c r="AM13389">
        <v>101</v>
      </c>
      <c r="AN13389">
        <v>101</v>
      </c>
      <c r="AO13389">
        <v>102</v>
      </c>
      <c r="AP13389">
        <v>102</v>
      </c>
      <c r="AQ13389">
        <v>102</v>
      </c>
    </row>
    <row r="13390" spans="1:43">
      <c r="A13390" t="s">
        <v>8312</v>
      </c>
      <c r="B13390" t="s">
        <v>8313</v>
      </c>
      <c r="C13390" t="s">
        <v>8294</v>
      </c>
      <c r="D13390" t="s">
        <v>8295</v>
      </c>
      <c r="E13390" t="s">
        <v>8296</v>
      </c>
      <c r="F13390" t="s">
        <v>8297</v>
      </c>
      <c r="G13390" t="s">
        <v>80</v>
      </c>
      <c r="H13390" t="s">
        <v>81</v>
      </c>
      <c r="I13390" s="2">
        <v>0</v>
      </c>
      <c r="J13390" s="2">
        <v>1</v>
      </c>
      <c r="K13390" s="2">
        <v>0</v>
      </c>
      <c r="L13390" t="s">
        <v>82</v>
      </c>
      <c r="M13390" t="s">
        <v>83</v>
      </c>
      <c r="N13390" t="s">
        <v>84</v>
      </c>
      <c r="O13390" t="s">
        <v>85</v>
      </c>
      <c r="P13390" t="s">
        <v>86</v>
      </c>
      <c r="Q13390">
        <v>22</v>
      </c>
      <c r="R13390">
        <v>22</v>
      </c>
      <c r="S13390">
        <v>22</v>
      </c>
      <c r="T13390">
        <v>23</v>
      </c>
      <c r="U13390">
        <v>23</v>
      </c>
      <c r="V13390">
        <v>24</v>
      </c>
      <c r="W13390">
        <v>24</v>
      </c>
      <c r="X13390">
        <v>25</v>
      </c>
      <c r="Y13390">
        <v>25</v>
      </c>
      <c r="Z13390">
        <v>25</v>
      </c>
      <c r="AA13390">
        <v>26</v>
      </c>
      <c r="AB13390">
        <v>26</v>
      </c>
      <c r="AC13390">
        <v>27</v>
      </c>
      <c r="AD13390">
        <v>27</v>
      </c>
      <c r="AE13390">
        <v>27</v>
      </c>
      <c r="AF13390">
        <v>28</v>
      </c>
      <c r="AG13390">
        <v>28</v>
      </c>
      <c r="AH13390">
        <v>29</v>
      </c>
      <c r="AI13390">
        <v>29</v>
      </c>
      <c r="AJ13390">
        <v>29</v>
      </c>
      <c r="AK13390">
        <v>30</v>
      </c>
      <c r="AL13390">
        <v>30</v>
      </c>
      <c r="AM13390">
        <v>30</v>
      </c>
      <c r="AN13390">
        <v>30</v>
      </c>
      <c r="AO13390">
        <v>30</v>
      </c>
      <c r="AP13390">
        <v>30</v>
      </c>
      <c r="AQ13390">
        <v>31</v>
      </c>
    </row>
    <row r="13391" spans="1:43">
      <c r="A13391" t="s">
        <v>8312</v>
      </c>
      <c r="B13391" t="s">
        <v>8313</v>
      </c>
      <c r="C13391" t="s">
        <v>8294</v>
      </c>
      <c r="D13391" t="s">
        <v>8295</v>
      </c>
      <c r="E13391" t="s">
        <v>8296</v>
      </c>
      <c r="F13391" t="s">
        <v>8297</v>
      </c>
      <c r="G13391" t="s">
        <v>80</v>
      </c>
      <c r="H13391" t="s">
        <v>81</v>
      </c>
      <c r="I13391" s="2">
        <v>0</v>
      </c>
      <c r="J13391" s="2">
        <v>1</v>
      </c>
      <c r="K13391" s="2">
        <v>0</v>
      </c>
      <c r="L13391" t="s">
        <v>82</v>
      </c>
      <c r="M13391" t="s">
        <v>87</v>
      </c>
      <c r="N13391" t="s">
        <v>88</v>
      </c>
      <c r="O13391" t="s">
        <v>85</v>
      </c>
      <c r="P13391" t="s">
        <v>86</v>
      </c>
      <c r="Q13391">
        <v>22</v>
      </c>
      <c r="R13391">
        <v>23</v>
      </c>
      <c r="S13391">
        <v>23</v>
      </c>
      <c r="T13391">
        <v>23</v>
      </c>
      <c r="U13391">
        <v>23</v>
      </c>
      <c r="V13391">
        <v>23</v>
      </c>
      <c r="W13391">
        <v>24</v>
      </c>
      <c r="X13391">
        <v>24</v>
      </c>
      <c r="Y13391">
        <v>24</v>
      </c>
      <c r="Z13391">
        <v>24</v>
      </c>
      <c r="AA13391">
        <v>25</v>
      </c>
      <c r="AB13391">
        <v>25</v>
      </c>
      <c r="AC13391">
        <v>25</v>
      </c>
      <c r="AD13391">
        <v>25</v>
      </c>
      <c r="AE13391">
        <v>25</v>
      </c>
      <c r="AF13391">
        <v>26</v>
      </c>
      <c r="AG13391">
        <v>26</v>
      </c>
      <c r="AH13391">
        <v>26</v>
      </c>
      <c r="AI13391">
        <v>26</v>
      </c>
      <c r="AJ13391">
        <v>26</v>
      </c>
      <c r="AK13391">
        <v>26</v>
      </c>
      <c r="AL13391">
        <v>27</v>
      </c>
      <c r="AM13391">
        <v>27</v>
      </c>
      <c r="AN13391">
        <v>27</v>
      </c>
      <c r="AO13391">
        <v>27</v>
      </c>
      <c r="AP13391">
        <v>27</v>
      </c>
      <c r="AQ13391">
        <v>28</v>
      </c>
    </row>
    <row r="13392" spans="1:43">
      <c r="A13392" t="s">
        <v>8312</v>
      </c>
      <c r="B13392" t="s">
        <v>8313</v>
      </c>
      <c r="C13392" t="s">
        <v>8294</v>
      </c>
      <c r="D13392" t="s">
        <v>8295</v>
      </c>
      <c r="E13392" t="s">
        <v>8296</v>
      </c>
      <c r="F13392" t="s">
        <v>8297</v>
      </c>
      <c r="G13392" t="s">
        <v>80</v>
      </c>
      <c r="H13392" t="s">
        <v>81</v>
      </c>
      <c r="I13392" s="2">
        <v>0</v>
      </c>
      <c r="J13392" s="2">
        <v>1</v>
      </c>
      <c r="K13392" s="2">
        <v>0</v>
      </c>
      <c r="L13392" t="s">
        <v>82</v>
      </c>
      <c r="M13392" t="s">
        <v>89</v>
      </c>
      <c r="N13392" t="s">
        <v>90</v>
      </c>
      <c r="O13392" t="s">
        <v>85</v>
      </c>
      <c r="P13392" t="s">
        <v>86</v>
      </c>
      <c r="Q13392">
        <v>22</v>
      </c>
      <c r="R13392">
        <v>22</v>
      </c>
      <c r="S13392">
        <v>23</v>
      </c>
      <c r="T13392">
        <v>24</v>
      </c>
      <c r="U13392">
        <v>24</v>
      </c>
      <c r="V13392">
        <v>25</v>
      </c>
      <c r="W13392">
        <v>25</v>
      </c>
      <c r="X13392">
        <v>26</v>
      </c>
      <c r="Y13392">
        <v>26</v>
      </c>
      <c r="Z13392">
        <v>27</v>
      </c>
      <c r="AA13392">
        <v>27</v>
      </c>
      <c r="AB13392">
        <v>28</v>
      </c>
      <c r="AC13392">
        <v>29</v>
      </c>
      <c r="AD13392">
        <v>29</v>
      </c>
      <c r="AE13392">
        <v>29</v>
      </c>
      <c r="AF13392">
        <v>29</v>
      </c>
      <c r="AG13392">
        <v>30</v>
      </c>
      <c r="AH13392">
        <v>30</v>
      </c>
      <c r="AI13392">
        <v>30</v>
      </c>
      <c r="AJ13392">
        <v>30</v>
      </c>
      <c r="AK13392">
        <v>30</v>
      </c>
      <c r="AL13392">
        <v>30</v>
      </c>
      <c r="AM13392">
        <v>30</v>
      </c>
      <c r="AN13392">
        <v>30</v>
      </c>
      <c r="AO13392">
        <v>30</v>
      </c>
      <c r="AP13392">
        <v>31</v>
      </c>
      <c r="AQ13392">
        <v>31</v>
      </c>
    </row>
    <row r="13393" spans="1:43">
      <c r="A13393" t="s">
        <v>8312</v>
      </c>
      <c r="B13393" t="s">
        <v>8313</v>
      </c>
      <c r="C13393" t="s">
        <v>8294</v>
      </c>
      <c r="D13393" t="s">
        <v>8295</v>
      </c>
      <c r="E13393" t="s">
        <v>8296</v>
      </c>
      <c r="F13393" t="s">
        <v>8297</v>
      </c>
      <c r="G13393" t="s">
        <v>80</v>
      </c>
      <c r="H13393" t="s">
        <v>81</v>
      </c>
      <c r="I13393" s="2">
        <v>0</v>
      </c>
      <c r="J13393" s="2">
        <v>1</v>
      </c>
      <c r="K13393" s="2">
        <v>0</v>
      </c>
      <c r="L13393" t="s">
        <v>82</v>
      </c>
      <c r="M13393" t="s">
        <v>83</v>
      </c>
      <c r="N13393" t="s">
        <v>91</v>
      </c>
      <c r="O13393" t="s">
        <v>85</v>
      </c>
      <c r="P13393" t="s">
        <v>86</v>
      </c>
      <c r="Q13393">
        <v>22</v>
      </c>
      <c r="R13393">
        <v>22</v>
      </c>
      <c r="S13393">
        <v>22</v>
      </c>
      <c r="T13393">
        <v>23</v>
      </c>
      <c r="U13393">
        <v>23</v>
      </c>
      <c r="V13393">
        <v>24</v>
      </c>
      <c r="W13393">
        <v>24</v>
      </c>
      <c r="X13393">
        <v>25</v>
      </c>
      <c r="Y13393">
        <v>25</v>
      </c>
      <c r="Z13393">
        <v>25</v>
      </c>
      <c r="AA13393">
        <v>26</v>
      </c>
      <c r="AB13393">
        <v>26</v>
      </c>
      <c r="AC13393">
        <v>27</v>
      </c>
      <c r="AD13393">
        <v>27</v>
      </c>
      <c r="AE13393">
        <v>27</v>
      </c>
      <c r="AF13393">
        <v>28</v>
      </c>
      <c r="AG13393">
        <v>28</v>
      </c>
      <c r="AH13393">
        <v>29</v>
      </c>
      <c r="AI13393">
        <v>29</v>
      </c>
      <c r="AJ13393">
        <v>29</v>
      </c>
      <c r="AK13393">
        <v>30</v>
      </c>
      <c r="AL13393">
        <v>30</v>
      </c>
      <c r="AM13393">
        <v>30</v>
      </c>
      <c r="AN13393">
        <v>30</v>
      </c>
      <c r="AO13393">
        <v>30</v>
      </c>
      <c r="AP13393">
        <v>30</v>
      </c>
      <c r="AQ13393">
        <v>31</v>
      </c>
    </row>
    <row r="13394" spans="1:43">
      <c r="A13394" t="s">
        <v>8314</v>
      </c>
      <c r="B13394" t="s">
        <v>8315</v>
      </c>
      <c r="C13394" t="s">
        <v>8294</v>
      </c>
      <c r="D13394" t="s">
        <v>8295</v>
      </c>
      <c r="E13394" t="s">
        <v>8296</v>
      </c>
      <c r="F13394" t="s">
        <v>8297</v>
      </c>
      <c r="G13394" t="s">
        <v>80</v>
      </c>
      <c r="H13394" t="s">
        <v>81</v>
      </c>
      <c r="I13394" s="2">
        <v>0</v>
      </c>
      <c r="J13394" s="2">
        <v>1</v>
      </c>
      <c r="K13394" s="2">
        <v>0</v>
      </c>
      <c r="L13394" t="s">
        <v>82</v>
      </c>
      <c r="M13394" t="s">
        <v>83</v>
      </c>
      <c r="N13394" t="s">
        <v>84</v>
      </c>
      <c r="O13394" t="s">
        <v>85</v>
      </c>
      <c r="P13394" t="s">
        <v>86</v>
      </c>
      <c r="Q13394">
        <v>84</v>
      </c>
      <c r="R13394">
        <v>86</v>
      </c>
      <c r="S13394">
        <v>88</v>
      </c>
      <c r="T13394">
        <v>89</v>
      </c>
      <c r="U13394">
        <v>91</v>
      </c>
      <c r="V13394">
        <v>93</v>
      </c>
      <c r="W13394">
        <v>94</v>
      </c>
      <c r="X13394">
        <v>96</v>
      </c>
      <c r="Y13394">
        <v>98</v>
      </c>
      <c r="Z13394">
        <v>99</v>
      </c>
      <c r="AA13394">
        <v>101</v>
      </c>
      <c r="AB13394">
        <v>103</v>
      </c>
      <c r="AC13394">
        <v>104</v>
      </c>
      <c r="AD13394">
        <v>106</v>
      </c>
      <c r="AE13394">
        <v>107</v>
      </c>
      <c r="AF13394">
        <v>109</v>
      </c>
      <c r="AG13394">
        <v>110</v>
      </c>
      <c r="AH13394">
        <v>112</v>
      </c>
      <c r="AI13394">
        <v>113</v>
      </c>
      <c r="AJ13394">
        <v>115</v>
      </c>
      <c r="AK13394">
        <v>117</v>
      </c>
      <c r="AL13394">
        <v>117</v>
      </c>
      <c r="AM13394">
        <v>118</v>
      </c>
      <c r="AN13394">
        <v>118</v>
      </c>
      <c r="AO13394">
        <v>119</v>
      </c>
      <c r="AP13394">
        <v>119</v>
      </c>
      <c r="AQ13394">
        <v>119</v>
      </c>
    </row>
    <row r="13395" spans="1:43">
      <c r="A13395" t="s">
        <v>8314</v>
      </c>
      <c r="B13395" t="s">
        <v>8315</v>
      </c>
      <c r="C13395" t="s">
        <v>8294</v>
      </c>
      <c r="D13395" t="s">
        <v>8295</v>
      </c>
      <c r="E13395" t="s">
        <v>8296</v>
      </c>
      <c r="F13395" t="s">
        <v>8297</v>
      </c>
      <c r="G13395" t="s">
        <v>80</v>
      </c>
      <c r="H13395" t="s">
        <v>81</v>
      </c>
      <c r="I13395" s="2">
        <v>0</v>
      </c>
      <c r="J13395" s="2">
        <v>1</v>
      </c>
      <c r="K13395" s="2">
        <v>0</v>
      </c>
      <c r="L13395" t="s">
        <v>82</v>
      </c>
      <c r="M13395" t="s">
        <v>87</v>
      </c>
      <c r="N13395" t="s">
        <v>88</v>
      </c>
      <c r="O13395" t="s">
        <v>85</v>
      </c>
      <c r="P13395" t="s">
        <v>86</v>
      </c>
      <c r="Q13395">
        <v>84</v>
      </c>
      <c r="R13395">
        <v>85</v>
      </c>
      <c r="S13395">
        <v>85</v>
      </c>
      <c r="T13395">
        <v>86</v>
      </c>
      <c r="U13395">
        <v>87</v>
      </c>
      <c r="V13395">
        <v>88</v>
      </c>
      <c r="W13395">
        <v>89</v>
      </c>
      <c r="X13395">
        <v>90</v>
      </c>
      <c r="Y13395">
        <v>90</v>
      </c>
      <c r="Z13395">
        <v>91</v>
      </c>
      <c r="AA13395">
        <v>92</v>
      </c>
      <c r="AB13395">
        <v>93</v>
      </c>
      <c r="AC13395">
        <v>94</v>
      </c>
      <c r="AD13395">
        <v>94</v>
      </c>
      <c r="AE13395">
        <v>95</v>
      </c>
      <c r="AF13395">
        <v>96</v>
      </c>
      <c r="AG13395">
        <v>97</v>
      </c>
      <c r="AH13395">
        <v>97</v>
      </c>
      <c r="AI13395">
        <v>98</v>
      </c>
      <c r="AJ13395">
        <v>99</v>
      </c>
      <c r="AK13395">
        <v>100</v>
      </c>
      <c r="AL13395">
        <v>100</v>
      </c>
      <c r="AM13395">
        <v>101</v>
      </c>
      <c r="AN13395">
        <v>102</v>
      </c>
      <c r="AO13395">
        <v>103</v>
      </c>
      <c r="AP13395">
        <v>103</v>
      </c>
      <c r="AQ13395">
        <v>104</v>
      </c>
    </row>
    <row r="13396" spans="1:43">
      <c r="A13396" t="s">
        <v>8314</v>
      </c>
      <c r="B13396" t="s">
        <v>8315</v>
      </c>
      <c r="C13396" t="s">
        <v>8294</v>
      </c>
      <c r="D13396" t="s">
        <v>8295</v>
      </c>
      <c r="E13396" t="s">
        <v>8296</v>
      </c>
      <c r="F13396" t="s">
        <v>8297</v>
      </c>
      <c r="G13396" t="s">
        <v>80</v>
      </c>
      <c r="H13396" t="s">
        <v>81</v>
      </c>
      <c r="I13396" s="2">
        <v>0</v>
      </c>
      <c r="J13396" s="2">
        <v>1</v>
      </c>
      <c r="K13396" s="2">
        <v>0</v>
      </c>
      <c r="L13396" t="s">
        <v>82</v>
      </c>
      <c r="M13396" t="s">
        <v>89</v>
      </c>
      <c r="N13396" t="s">
        <v>90</v>
      </c>
      <c r="O13396" t="s">
        <v>85</v>
      </c>
      <c r="P13396" t="s">
        <v>86</v>
      </c>
      <c r="Q13396">
        <v>84</v>
      </c>
      <c r="R13396">
        <v>87</v>
      </c>
      <c r="S13396">
        <v>89</v>
      </c>
      <c r="T13396">
        <v>91</v>
      </c>
      <c r="U13396">
        <v>94</v>
      </c>
      <c r="V13396">
        <v>96</v>
      </c>
      <c r="W13396">
        <v>98</v>
      </c>
      <c r="X13396">
        <v>100</v>
      </c>
      <c r="Y13396">
        <v>102</v>
      </c>
      <c r="Z13396">
        <v>104</v>
      </c>
      <c r="AA13396">
        <v>106</v>
      </c>
      <c r="AB13396">
        <v>108</v>
      </c>
      <c r="AC13396">
        <v>110</v>
      </c>
      <c r="AD13396">
        <v>112</v>
      </c>
      <c r="AE13396">
        <v>114</v>
      </c>
      <c r="AF13396">
        <v>114</v>
      </c>
      <c r="AG13396">
        <v>115</v>
      </c>
      <c r="AH13396">
        <v>115</v>
      </c>
      <c r="AI13396">
        <v>116</v>
      </c>
      <c r="AJ13396">
        <v>116</v>
      </c>
      <c r="AK13396">
        <v>117</v>
      </c>
      <c r="AL13396">
        <v>117</v>
      </c>
      <c r="AM13396">
        <v>117</v>
      </c>
      <c r="AN13396">
        <v>118</v>
      </c>
      <c r="AO13396">
        <v>118</v>
      </c>
      <c r="AP13396">
        <v>119</v>
      </c>
      <c r="AQ13396">
        <v>119</v>
      </c>
    </row>
    <row r="13397" spans="1:43">
      <c r="A13397" t="s">
        <v>8314</v>
      </c>
      <c r="B13397" t="s">
        <v>8315</v>
      </c>
      <c r="C13397" t="s">
        <v>8294</v>
      </c>
      <c r="D13397" t="s">
        <v>8295</v>
      </c>
      <c r="E13397" t="s">
        <v>8296</v>
      </c>
      <c r="F13397" t="s">
        <v>8297</v>
      </c>
      <c r="G13397" t="s">
        <v>80</v>
      </c>
      <c r="H13397" t="s">
        <v>81</v>
      </c>
      <c r="I13397" s="2">
        <v>0</v>
      </c>
      <c r="J13397" s="2">
        <v>1</v>
      </c>
      <c r="K13397" s="2">
        <v>0</v>
      </c>
      <c r="L13397" t="s">
        <v>82</v>
      </c>
      <c r="M13397" t="s">
        <v>83</v>
      </c>
      <c r="N13397" t="s">
        <v>91</v>
      </c>
      <c r="O13397" t="s">
        <v>85</v>
      </c>
      <c r="P13397" t="s">
        <v>86</v>
      </c>
      <c r="Q13397">
        <v>84</v>
      </c>
      <c r="R13397">
        <v>86</v>
      </c>
      <c r="S13397">
        <v>88</v>
      </c>
      <c r="T13397">
        <v>89</v>
      </c>
      <c r="U13397">
        <v>91</v>
      </c>
      <c r="V13397">
        <v>93</v>
      </c>
      <c r="W13397">
        <v>94</v>
      </c>
      <c r="X13397">
        <v>96</v>
      </c>
      <c r="Y13397">
        <v>98</v>
      </c>
      <c r="Z13397">
        <v>99</v>
      </c>
      <c r="AA13397">
        <v>101</v>
      </c>
      <c r="AB13397">
        <v>103</v>
      </c>
      <c r="AC13397">
        <v>104</v>
      </c>
      <c r="AD13397">
        <v>106</v>
      </c>
      <c r="AE13397">
        <v>107</v>
      </c>
      <c r="AF13397">
        <v>109</v>
      </c>
      <c r="AG13397">
        <v>110</v>
      </c>
      <c r="AH13397">
        <v>112</v>
      </c>
      <c r="AI13397">
        <v>113</v>
      </c>
      <c r="AJ13397">
        <v>115</v>
      </c>
      <c r="AK13397">
        <v>117</v>
      </c>
      <c r="AL13397">
        <v>117</v>
      </c>
      <c r="AM13397">
        <v>118</v>
      </c>
      <c r="AN13397">
        <v>118</v>
      </c>
      <c r="AO13397">
        <v>119</v>
      </c>
      <c r="AP13397">
        <v>119</v>
      </c>
      <c r="AQ13397">
        <v>119</v>
      </c>
    </row>
    <row r="13398" spans="1:43">
      <c r="A13398" t="s">
        <v>8316</v>
      </c>
      <c r="B13398" t="s">
        <v>8317</v>
      </c>
      <c r="C13398" t="s">
        <v>8318</v>
      </c>
      <c r="D13398" t="s">
        <v>8319</v>
      </c>
      <c r="E13398" t="s">
        <v>8296</v>
      </c>
      <c r="F13398" t="s">
        <v>8297</v>
      </c>
      <c r="G13398" t="s">
        <v>80</v>
      </c>
      <c r="H13398" t="s">
        <v>81</v>
      </c>
      <c r="I13398" s="2">
        <v>0</v>
      </c>
      <c r="J13398" s="2">
        <v>1</v>
      </c>
      <c r="K13398" s="2">
        <v>0</v>
      </c>
      <c r="L13398" t="s">
        <v>82</v>
      </c>
      <c r="M13398" t="s">
        <v>83</v>
      </c>
      <c r="N13398" t="s">
        <v>84</v>
      </c>
      <c r="O13398" t="s">
        <v>85</v>
      </c>
      <c r="P13398" t="s">
        <v>86</v>
      </c>
      <c r="Q13398">
        <v>83</v>
      </c>
      <c r="R13398">
        <v>84</v>
      </c>
      <c r="S13398">
        <v>86</v>
      </c>
      <c r="T13398">
        <v>88</v>
      </c>
      <c r="U13398">
        <v>89</v>
      </c>
      <c r="V13398">
        <v>91</v>
      </c>
      <c r="W13398">
        <v>92</v>
      </c>
      <c r="X13398">
        <v>94</v>
      </c>
      <c r="Y13398">
        <v>96</v>
      </c>
      <c r="Z13398">
        <v>97</v>
      </c>
      <c r="AA13398">
        <v>99</v>
      </c>
      <c r="AB13398">
        <v>100</v>
      </c>
      <c r="AC13398">
        <v>102</v>
      </c>
      <c r="AD13398">
        <v>103</v>
      </c>
      <c r="AE13398">
        <v>105</v>
      </c>
      <c r="AF13398">
        <v>106</v>
      </c>
      <c r="AG13398">
        <v>108</v>
      </c>
      <c r="AH13398">
        <v>109</v>
      </c>
      <c r="AI13398">
        <v>111</v>
      </c>
      <c r="AJ13398">
        <v>113</v>
      </c>
      <c r="AK13398">
        <v>114</v>
      </c>
      <c r="AL13398">
        <v>115</v>
      </c>
      <c r="AM13398">
        <v>115</v>
      </c>
      <c r="AN13398">
        <v>116</v>
      </c>
      <c r="AO13398">
        <v>116</v>
      </c>
      <c r="AP13398">
        <v>117</v>
      </c>
      <c r="AQ13398">
        <v>117</v>
      </c>
    </row>
    <row r="13399" spans="1:43">
      <c r="A13399" t="s">
        <v>8316</v>
      </c>
      <c r="B13399" t="s">
        <v>8317</v>
      </c>
      <c r="C13399" t="s">
        <v>8318</v>
      </c>
      <c r="D13399" t="s">
        <v>8319</v>
      </c>
      <c r="E13399" t="s">
        <v>8296</v>
      </c>
      <c r="F13399" t="s">
        <v>8297</v>
      </c>
      <c r="G13399" t="s">
        <v>80</v>
      </c>
      <c r="H13399" t="s">
        <v>81</v>
      </c>
      <c r="I13399" s="2">
        <v>0</v>
      </c>
      <c r="J13399" s="2">
        <v>1</v>
      </c>
      <c r="K13399" s="2">
        <v>0</v>
      </c>
      <c r="L13399" t="s">
        <v>82</v>
      </c>
      <c r="M13399" t="s">
        <v>87</v>
      </c>
      <c r="N13399" t="s">
        <v>88</v>
      </c>
      <c r="O13399" t="s">
        <v>85</v>
      </c>
      <c r="P13399" t="s">
        <v>86</v>
      </c>
      <c r="Q13399">
        <v>83</v>
      </c>
      <c r="R13399">
        <v>84</v>
      </c>
      <c r="S13399">
        <v>85</v>
      </c>
      <c r="T13399">
        <v>85</v>
      </c>
      <c r="U13399">
        <v>86</v>
      </c>
      <c r="V13399">
        <v>87</v>
      </c>
      <c r="W13399">
        <v>88</v>
      </c>
      <c r="X13399">
        <v>89</v>
      </c>
      <c r="Y13399">
        <v>89</v>
      </c>
      <c r="Z13399">
        <v>90</v>
      </c>
      <c r="AA13399">
        <v>91</v>
      </c>
      <c r="AB13399">
        <v>92</v>
      </c>
      <c r="AC13399">
        <v>92</v>
      </c>
      <c r="AD13399">
        <v>93</v>
      </c>
      <c r="AE13399">
        <v>94</v>
      </c>
      <c r="AF13399">
        <v>95</v>
      </c>
      <c r="AG13399">
        <v>95</v>
      </c>
      <c r="AH13399">
        <v>96</v>
      </c>
      <c r="AI13399">
        <v>97</v>
      </c>
      <c r="AJ13399">
        <v>98</v>
      </c>
      <c r="AK13399">
        <v>98</v>
      </c>
      <c r="AL13399">
        <v>99</v>
      </c>
      <c r="AM13399">
        <v>100</v>
      </c>
      <c r="AN13399">
        <v>100</v>
      </c>
      <c r="AO13399">
        <v>101</v>
      </c>
      <c r="AP13399">
        <v>102</v>
      </c>
      <c r="AQ13399">
        <v>103</v>
      </c>
    </row>
    <row r="13400" spans="1:43">
      <c r="A13400" t="s">
        <v>8316</v>
      </c>
      <c r="B13400" t="s">
        <v>8317</v>
      </c>
      <c r="C13400" t="s">
        <v>8318</v>
      </c>
      <c r="D13400" t="s">
        <v>8319</v>
      </c>
      <c r="E13400" t="s">
        <v>8296</v>
      </c>
      <c r="F13400" t="s">
        <v>8297</v>
      </c>
      <c r="G13400" t="s">
        <v>80</v>
      </c>
      <c r="H13400" t="s">
        <v>81</v>
      </c>
      <c r="I13400" s="2">
        <v>0</v>
      </c>
      <c r="J13400" s="2">
        <v>1</v>
      </c>
      <c r="K13400" s="2">
        <v>0</v>
      </c>
      <c r="L13400" t="s">
        <v>82</v>
      </c>
      <c r="M13400" t="s">
        <v>89</v>
      </c>
      <c r="N13400" t="s">
        <v>90</v>
      </c>
      <c r="O13400" t="s">
        <v>85</v>
      </c>
      <c r="P13400" t="s">
        <v>86</v>
      </c>
      <c r="Q13400">
        <v>83</v>
      </c>
      <c r="R13400">
        <v>85</v>
      </c>
      <c r="S13400">
        <v>87</v>
      </c>
      <c r="T13400">
        <v>89</v>
      </c>
      <c r="U13400">
        <v>92</v>
      </c>
      <c r="V13400">
        <v>94</v>
      </c>
      <c r="W13400">
        <v>96</v>
      </c>
      <c r="X13400">
        <v>98</v>
      </c>
      <c r="Y13400">
        <v>100</v>
      </c>
      <c r="Z13400">
        <v>102</v>
      </c>
      <c r="AA13400">
        <v>104</v>
      </c>
      <c r="AB13400">
        <v>106</v>
      </c>
      <c r="AC13400">
        <v>108</v>
      </c>
      <c r="AD13400">
        <v>110</v>
      </c>
      <c r="AE13400">
        <v>111</v>
      </c>
      <c r="AF13400">
        <v>112</v>
      </c>
      <c r="AG13400">
        <v>112</v>
      </c>
      <c r="AH13400">
        <v>113</v>
      </c>
      <c r="AI13400">
        <v>113</v>
      </c>
      <c r="AJ13400">
        <v>114</v>
      </c>
      <c r="AK13400">
        <v>114</v>
      </c>
      <c r="AL13400">
        <v>115</v>
      </c>
      <c r="AM13400">
        <v>115</v>
      </c>
      <c r="AN13400">
        <v>116</v>
      </c>
      <c r="AO13400">
        <v>116</v>
      </c>
      <c r="AP13400">
        <v>116</v>
      </c>
      <c r="AQ13400">
        <v>117</v>
      </c>
    </row>
    <row r="13401" spans="1:43">
      <c r="A13401" t="s">
        <v>8316</v>
      </c>
      <c r="B13401" t="s">
        <v>8317</v>
      </c>
      <c r="C13401" t="s">
        <v>8318</v>
      </c>
      <c r="D13401" t="s">
        <v>8319</v>
      </c>
      <c r="E13401" t="s">
        <v>8296</v>
      </c>
      <c r="F13401" t="s">
        <v>8297</v>
      </c>
      <c r="G13401" t="s">
        <v>80</v>
      </c>
      <c r="H13401" t="s">
        <v>81</v>
      </c>
      <c r="I13401" s="2">
        <v>0</v>
      </c>
      <c r="J13401" s="2">
        <v>1</v>
      </c>
      <c r="K13401" s="2">
        <v>0</v>
      </c>
      <c r="L13401" t="s">
        <v>82</v>
      </c>
      <c r="M13401" t="s">
        <v>83</v>
      </c>
      <c r="N13401" t="s">
        <v>91</v>
      </c>
      <c r="O13401" t="s">
        <v>85</v>
      </c>
      <c r="P13401" t="s">
        <v>86</v>
      </c>
      <c r="Q13401">
        <v>83</v>
      </c>
      <c r="R13401">
        <v>84</v>
      </c>
      <c r="S13401">
        <v>86</v>
      </c>
      <c r="T13401">
        <v>88</v>
      </c>
      <c r="U13401">
        <v>89</v>
      </c>
      <c r="V13401">
        <v>91</v>
      </c>
      <c r="W13401">
        <v>92</v>
      </c>
      <c r="X13401">
        <v>94</v>
      </c>
      <c r="Y13401">
        <v>96</v>
      </c>
      <c r="Z13401">
        <v>97</v>
      </c>
      <c r="AA13401">
        <v>99</v>
      </c>
      <c r="AB13401">
        <v>100</v>
      </c>
      <c r="AC13401">
        <v>102</v>
      </c>
      <c r="AD13401">
        <v>103</v>
      </c>
      <c r="AE13401">
        <v>105</v>
      </c>
      <c r="AF13401">
        <v>106</v>
      </c>
      <c r="AG13401">
        <v>108</v>
      </c>
      <c r="AH13401">
        <v>109</v>
      </c>
      <c r="AI13401">
        <v>111</v>
      </c>
      <c r="AJ13401">
        <v>113</v>
      </c>
      <c r="AK13401">
        <v>114</v>
      </c>
      <c r="AL13401">
        <v>115</v>
      </c>
      <c r="AM13401">
        <v>115</v>
      </c>
      <c r="AN13401">
        <v>116</v>
      </c>
      <c r="AO13401">
        <v>116</v>
      </c>
      <c r="AP13401">
        <v>117</v>
      </c>
      <c r="AQ13401">
        <v>117</v>
      </c>
    </row>
    <row r="13402" spans="1:43">
      <c r="A13402" t="s">
        <v>8320</v>
      </c>
      <c r="B13402" t="s">
        <v>8321</v>
      </c>
      <c r="C13402" t="s">
        <v>8318</v>
      </c>
      <c r="D13402" t="s">
        <v>8319</v>
      </c>
      <c r="E13402" t="s">
        <v>8296</v>
      </c>
      <c r="F13402" t="s">
        <v>8297</v>
      </c>
      <c r="G13402" t="s">
        <v>80</v>
      </c>
      <c r="H13402" t="s">
        <v>81</v>
      </c>
      <c r="I13402" s="2">
        <v>0</v>
      </c>
      <c r="J13402" s="2">
        <v>1</v>
      </c>
      <c r="K13402" s="2">
        <v>0</v>
      </c>
      <c r="L13402" t="s">
        <v>82</v>
      </c>
      <c r="M13402" t="s">
        <v>83</v>
      </c>
      <c r="N13402" t="s">
        <v>84</v>
      </c>
      <c r="O13402" t="s">
        <v>85</v>
      </c>
      <c r="P13402" t="s">
        <v>86</v>
      </c>
      <c r="Q13402">
        <v>45</v>
      </c>
      <c r="R13402">
        <v>46</v>
      </c>
      <c r="S13402">
        <v>46</v>
      </c>
      <c r="T13402">
        <v>47</v>
      </c>
      <c r="U13402">
        <v>48</v>
      </c>
      <c r="V13402">
        <v>49</v>
      </c>
      <c r="W13402">
        <v>50</v>
      </c>
      <c r="X13402">
        <v>51</v>
      </c>
      <c r="Y13402">
        <v>52</v>
      </c>
      <c r="Z13402">
        <v>52</v>
      </c>
      <c r="AA13402">
        <v>53</v>
      </c>
      <c r="AB13402">
        <v>54</v>
      </c>
      <c r="AC13402">
        <v>55</v>
      </c>
      <c r="AD13402">
        <v>56</v>
      </c>
      <c r="AE13402">
        <v>57</v>
      </c>
      <c r="AF13402">
        <v>57</v>
      </c>
      <c r="AG13402">
        <v>58</v>
      </c>
      <c r="AH13402">
        <v>59</v>
      </c>
      <c r="AI13402">
        <v>60</v>
      </c>
      <c r="AJ13402">
        <v>61</v>
      </c>
      <c r="AK13402">
        <v>61</v>
      </c>
      <c r="AL13402">
        <v>62</v>
      </c>
      <c r="AM13402">
        <v>62</v>
      </c>
      <c r="AN13402">
        <v>62</v>
      </c>
      <c r="AO13402">
        <v>63</v>
      </c>
      <c r="AP13402">
        <v>63</v>
      </c>
      <c r="AQ13402">
        <v>63</v>
      </c>
    </row>
    <row r="13403" spans="1:43">
      <c r="A13403" t="s">
        <v>8320</v>
      </c>
      <c r="B13403" t="s">
        <v>8321</v>
      </c>
      <c r="C13403" t="s">
        <v>8318</v>
      </c>
      <c r="D13403" t="s">
        <v>8319</v>
      </c>
      <c r="E13403" t="s">
        <v>8296</v>
      </c>
      <c r="F13403" t="s">
        <v>8297</v>
      </c>
      <c r="G13403" t="s">
        <v>80</v>
      </c>
      <c r="H13403" t="s">
        <v>81</v>
      </c>
      <c r="I13403" s="2">
        <v>0</v>
      </c>
      <c r="J13403" s="2">
        <v>1</v>
      </c>
      <c r="K13403" s="2">
        <v>0</v>
      </c>
      <c r="L13403" t="s">
        <v>82</v>
      </c>
      <c r="M13403" t="s">
        <v>87</v>
      </c>
      <c r="N13403" t="s">
        <v>88</v>
      </c>
      <c r="O13403" t="s">
        <v>85</v>
      </c>
      <c r="P13403" t="s">
        <v>86</v>
      </c>
      <c r="Q13403">
        <v>45</v>
      </c>
      <c r="R13403">
        <v>46</v>
      </c>
      <c r="S13403">
        <v>46</v>
      </c>
      <c r="T13403">
        <v>47</v>
      </c>
      <c r="U13403">
        <v>47</v>
      </c>
      <c r="V13403">
        <v>47</v>
      </c>
      <c r="W13403">
        <v>48</v>
      </c>
      <c r="X13403">
        <v>48</v>
      </c>
      <c r="Y13403">
        <v>49</v>
      </c>
      <c r="Z13403">
        <v>49</v>
      </c>
      <c r="AA13403">
        <v>50</v>
      </c>
      <c r="AB13403">
        <v>50</v>
      </c>
      <c r="AC13403">
        <v>50</v>
      </c>
      <c r="AD13403">
        <v>51</v>
      </c>
      <c r="AE13403">
        <v>51</v>
      </c>
      <c r="AF13403">
        <v>52</v>
      </c>
      <c r="AG13403">
        <v>52</v>
      </c>
      <c r="AH13403">
        <v>52</v>
      </c>
      <c r="AI13403">
        <v>53</v>
      </c>
      <c r="AJ13403">
        <v>53</v>
      </c>
      <c r="AK13403">
        <v>53</v>
      </c>
      <c r="AL13403">
        <v>54</v>
      </c>
      <c r="AM13403">
        <v>54</v>
      </c>
      <c r="AN13403">
        <v>55</v>
      </c>
      <c r="AO13403">
        <v>55</v>
      </c>
      <c r="AP13403">
        <v>55</v>
      </c>
      <c r="AQ13403">
        <v>56</v>
      </c>
    </row>
    <row r="13404" spans="1:43">
      <c r="A13404" t="s">
        <v>8320</v>
      </c>
      <c r="B13404" t="s">
        <v>8321</v>
      </c>
      <c r="C13404" t="s">
        <v>8318</v>
      </c>
      <c r="D13404" t="s">
        <v>8319</v>
      </c>
      <c r="E13404" t="s">
        <v>8296</v>
      </c>
      <c r="F13404" t="s">
        <v>8297</v>
      </c>
      <c r="G13404" t="s">
        <v>80</v>
      </c>
      <c r="H13404" t="s">
        <v>81</v>
      </c>
      <c r="I13404" s="2">
        <v>0</v>
      </c>
      <c r="J13404" s="2">
        <v>1</v>
      </c>
      <c r="K13404" s="2">
        <v>0</v>
      </c>
      <c r="L13404" t="s">
        <v>82</v>
      </c>
      <c r="M13404" t="s">
        <v>89</v>
      </c>
      <c r="N13404" t="s">
        <v>90</v>
      </c>
      <c r="O13404" t="s">
        <v>85</v>
      </c>
      <c r="P13404" t="s">
        <v>86</v>
      </c>
      <c r="Q13404">
        <v>45</v>
      </c>
      <c r="R13404">
        <v>46</v>
      </c>
      <c r="S13404">
        <v>48</v>
      </c>
      <c r="T13404">
        <v>49</v>
      </c>
      <c r="U13404">
        <v>50</v>
      </c>
      <c r="V13404">
        <v>51</v>
      </c>
      <c r="W13404">
        <v>52</v>
      </c>
      <c r="X13404">
        <v>54</v>
      </c>
      <c r="Y13404">
        <v>55</v>
      </c>
      <c r="Z13404">
        <v>56</v>
      </c>
      <c r="AA13404">
        <v>57</v>
      </c>
      <c r="AB13404">
        <v>58</v>
      </c>
      <c r="AC13404">
        <v>59</v>
      </c>
      <c r="AD13404">
        <v>60</v>
      </c>
      <c r="AE13404">
        <v>61</v>
      </c>
      <c r="AF13404">
        <v>61</v>
      </c>
      <c r="AG13404">
        <v>61</v>
      </c>
      <c r="AH13404">
        <v>61</v>
      </c>
      <c r="AI13404">
        <v>62</v>
      </c>
      <c r="AJ13404">
        <v>62</v>
      </c>
      <c r="AK13404">
        <v>62</v>
      </c>
      <c r="AL13404">
        <v>62</v>
      </c>
      <c r="AM13404">
        <v>63</v>
      </c>
      <c r="AN13404">
        <v>63</v>
      </c>
      <c r="AO13404">
        <v>63</v>
      </c>
      <c r="AP13404">
        <v>63</v>
      </c>
      <c r="AQ13404">
        <v>64</v>
      </c>
    </row>
    <row r="13405" spans="1:43">
      <c r="A13405" t="s">
        <v>8320</v>
      </c>
      <c r="B13405" t="s">
        <v>8321</v>
      </c>
      <c r="C13405" t="s">
        <v>8318</v>
      </c>
      <c r="D13405" t="s">
        <v>8319</v>
      </c>
      <c r="E13405" t="s">
        <v>8296</v>
      </c>
      <c r="F13405" t="s">
        <v>8297</v>
      </c>
      <c r="G13405" t="s">
        <v>80</v>
      </c>
      <c r="H13405" t="s">
        <v>81</v>
      </c>
      <c r="I13405" s="2">
        <v>0</v>
      </c>
      <c r="J13405" s="2">
        <v>1</v>
      </c>
      <c r="K13405" s="2">
        <v>0</v>
      </c>
      <c r="L13405" t="s">
        <v>82</v>
      </c>
      <c r="M13405" t="s">
        <v>83</v>
      </c>
      <c r="N13405" t="s">
        <v>91</v>
      </c>
      <c r="O13405" t="s">
        <v>85</v>
      </c>
      <c r="P13405" t="s">
        <v>86</v>
      </c>
      <c r="Q13405">
        <v>45</v>
      </c>
      <c r="R13405">
        <v>46</v>
      </c>
      <c r="S13405">
        <v>46</v>
      </c>
      <c r="T13405">
        <v>47</v>
      </c>
      <c r="U13405">
        <v>48</v>
      </c>
      <c r="V13405">
        <v>49</v>
      </c>
      <c r="W13405">
        <v>50</v>
      </c>
      <c r="X13405">
        <v>51</v>
      </c>
      <c r="Y13405">
        <v>52</v>
      </c>
      <c r="Z13405">
        <v>52</v>
      </c>
      <c r="AA13405">
        <v>53</v>
      </c>
      <c r="AB13405">
        <v>54</v>
      </c>
      <c r="AC13405">
        <v>55</v>
      </c>
      <c r="AD13405">
        <v>56</v>
      </c>
      <c r="AE13405">
        <v>57</v>
      </c>
      <c r="AF13405">
        <v>57</v>
      </c>
      <c r="AG13405">
        <v>58</v>
      </c>
      <c r="AH13405">
        <v>59</v>
      </c>
      <c r="AI13405">
        <v>60</v>
      </c>
      <c r="AJ13405">
        <v>61</v>
      </c>
      <c r="AK13405">
        <v>61</v>
      </c>
      <c r="AL13405">
        <v>62</v>
      </c>
      <c r="AM13405">
        <v>62</v>
      </c>
      <c r="AN13405">
        <v>62</v>
      </c>
      <c r="AO13405">
        <v>63</v>
      </c>
      <c r="AP13405">
        <v>63</v>
      </c>
      <c r="AQ13405">
        <v>63</v>
      </c>
    </row>
    <row r="13406" spans="1:43">
      <c r="A13406" t="s">
        <v>8322</v>
      </c>
      <c r="B13406" t="s">
        <v>8323</v>
      </c>
      <c r="C13406" t="s">
        <v>8318</v>
      </c>
      <c r="D13406" t="s">
        <v>8319</v>
      </c>
      <c r="E13406" t="s">
        <v>8296</v>
      </c>
      <c r="F13406" t="s">
        <v>8297</v>
      </c>
      <c r="G13406" t="s">
        <v>80</v>
      </c>
      <c r="H13406" t="s">
        <v>81</v>
      </c>
      <c r="I13406" s="2">
        <v>0</v>
      </c>
      <c r="J13406" s="2">
        <v>1</v>
      </c>
      <c r="K13406" s="2">
        <v>0</v>
      </c>
      <c r="L13406" t="s">
        <v>82</v>
      </c>
      <c r="M13406" t="s">
        <v>83</v>
      </c>
      <c r="N13406" t="s">
        <v>84</v>
      </c>
      <c r="O13406" t="s">
        <v>85</v>
      </c>
      <c r="P13406" t="s">
        <v>86</v>
      </c>
      <c r="Q13406">
        <v>67</v>
      </c>
      <c r="R13406">
        <v>68</v>
      </c>
      <c r="S13406">
        <v>69</v>
      </c>
      <c r="T13406">
        <v>71</v>
      </c>
      <c r="U13406">
        <v>72</v>
      </c>
      <c r="V13406">
        <v>73</v>
      </c>
      <c r="W13406">
        <v>75</v>
      </c>
      <c r="X13406">
        <v>76</v>
      </c>
      <c r="Y13406">
        <v>77</v>
      </c>
      <c r="Z13406">
        <v>78</v>
      </c>
      <c r="AA13406">
        <v>80</v>
      </c>
      <c r="AB13406">
        <v>81</v>
      </c>
      <c r="AC13406">
        <v>82</v>
      </c>
      <c r="AD13406">
        <v>83</v>
      </c>
      <c r="AE13406">
        <v>85</v>
      </c>
      <c r="AF13406">
        <v>86</v>
      </c>
      <c r="AG13406">
        <v>87</v>
      </c>
      <c r="AH13406">
        <v>88</v>
      </c>
      <c r="AI13406">
        <v>90</v>
      </c>
      <c r="AJ13406">
        <v>91</v>
      </c>
      <c r="AK13406">
        <v>92</v>
      </c>
      <c r="AL13406">
        <v>93</v>
      </c>
      <c r="AM13406">
        <v>93</v>
      </c>
      <c r="AN13406">
        <v>93</v>
      </c>
      <c r="AO13406">
        <v>94</v>
      </c>
      <c r="AP13406">
        <v>94</v>
      </c>
      <c r="AQ13406">
        <v>94</v>
      </c>
    </row>
    <row r="13407" spans="1:43">
      <c r="A13407" t="s">
        <v>8322</v>
      </c>
      <c r="B13407" t="s">
        <v>8323</v>
      </c>
      <c r="C13407" t="s">
        <v>8318</v>
      </c>
      <c r="D13407" t="s">
        <v>8319</v>
      </c>
      <c r="E13407" t="s">
        <v>8296</v>
      </c>
      <c r="F13407" t="s">
        <v>8297</v>
      </c>
      <c r="G13407" t="s">
        <v>80</v>
      </c>
      <c r="H13407" t="s">
        <v>81</v>
      </c>
      <c r="I13407" s="2">
        <v>0</v>
      </c>
      <c r="J13407" s="2">
        <v>1</v>
      </c>
      <c r="K13407" s="2">
        <v>0</v>
      </c>
      <c r="L13407" t="s">
        <v>82</v>
      </c>
      <c r="M13407" t="s">
        <v>87</v>
      </c>
      <c r="N13407" t="s">
        <v>88</v>
      </c>
      <c r="O13407" t="s">
        <v>85</v>
      </c>
      <c r="P13407" t="s">
        <v>86</v>
      </c>
      <c r="Q13407">
        <v>67</v>
      </c>
      <c r="R13407">
        <v>68</v>
      </c>
      <c r="S13407">
        <v>68</v>
      </c>
      <c r="T13407">
        <v>69</v>
      </c>
      <c r="U13407">
        <v>70</v>
      </c>
      <c r="V13407">
        <v>70</v>
      </c>
      <c r="W13407">
        <v>71</v>
      </c>
      <c r="X13407">
        <v>72</v>
      </c>
      <c r="Y13407">
        <v>72</v>
      </c>
      <c r="Z13407">
        <v>73</v>
      </c>
      <c r="AA13407">
        <v>74</v>
      </c>
      <c r="AB13407">
        <v>74</v>
      </c>
      <c r="AC13407">
        <v>75</v>
      </c>
      <c r="AD13407">
        <v>75</v>
      </c>
      <c r="AE13407">
        <v>76</v>
      </c>
      <c r="AF13407">
        <v>77</v>
      </c>
      <c r="AG13407">
        <v>77</v>
      </c>
      <c r="AH13407">
        <v>78</v>
      </c>
      <c r="AI13407">
        <v>78</v>
      </c>
      <c r="AJ13407">
        <v>79</v>
      </c>
      <c r="AK13407">
        <v>80</v>
      </c>
      <c r="AL13407">
        <v>80</v>
      </c>
      <c r="AM13407">
        <v>81</v>
      </c>
      <c r="AN13407">
        <v>81</v>
      </c>
      <c r="AO13407">
        <v>82</v>
      </c>
      <c r="AP13407">
        <v>82</v>
      </c>
      <c r="AQ13407">
        <v>83</v>
      </c>
    </row>
    <row r="13408" spans="1:43">
      <c r="A13408" t="s">
        <v>8322</v>
      </c>
      <c r="B13408" t="s">
        <v>8323</v>
      </c>
      <c r="C13408" t="s">
        <v>8318</v>
      </c>
      <c r="D13408" t="s">
        <v>8319</v>
      </c>
      <c r="E13408" t="s">
        <v>8296</v>
      </c>
      <c r="F13408" t="s">
        <v>8297</v>
      </c>
      <c r="G13408" t="s">
        <v>80</v>
      </c>
      <c r="H13408" t="s">
        <v>81</v>
      </c>
      <c r="I13408" s="2">
        <v>0</v>
      </c>
      <c r="J13408" s="2">
        <v>1</v>
      </c>
      <c r="K13408" s="2">
        <v>0</v>
      </c>
      <c r="L13408" t="s">
        <v>82</v>
      </c>
      <c r="M13408" t="s">
        <v>89</v>
      </c>
      <c r="N13408" t="s">
        <v>90</v>
      </c>
      <c r="O13408" t="s">
        <v>85</v>
      </c>
      <c r="P13408" t="s">
        <v>86</v>
      </c>
      <c r="Q13408">
        <v>67</v>
      </c>
      <c r="R13408">
        <v>69</v>
      </c>
      <c r="S13408">
        <v>71</v>
      </c>
      <c r="T13408">
        <v>73</v>
      </c>
      <c r="U13408">
        <v>75</v>
      </c>
      <c r="V13408">
        <v>77</v>
      </c>
      <c r="W13408">
        <v>78</v>
      </c>
      <c r="X13408">
        <v>80</v>
      </c>
      <c r="Y13408">
        <v>82</v>
      </c>
      <c r="Z13408">
        <v>83</v>
      </c>
      <c r="AA13408">
        <v>85</v>
      </c>
      <c r="AB13408">
        <v>86</v>
      </c>
      <c r="AC13408">
        <v>88</v>
      </c>
      <c r="AD13408">
        <v>90</v>
      </c>
      <c r="AE13408">
        <v>91</v>
      </c>
      <c r="AF13408">
        <v>91</v>
      </c>
      <c r="AG13408">
        <v>92</v>
      </c>
      <c r="AH13408">
        <v>92</v>
      </c>
      <c r="AI13408">
        <v>92</v>
      </c>
      <c r="AJ13408">
        <v>93</v>
      </c>
      <c r="AK13408">
        <v>93</v>
      </c>
      <c r="AL13408">
        <v>93</v>
      </c>
      <c r="AM13408">
        <v>94</v>
      </c>
      <c r="AN13408">
        <v>94</v>
      </c>
      <c r="AO13408">
        <v>94</v>
      </c>
      <c r="AP13408">
        <v>95</v>
      </c>
      <c r="AQ13408">
        <v>95</v>
      </c>
    </row>
    <row r="13409" spans="1:43">
      <c r="A13409" t="s">
        <v>8322</v>
      </c>
      <c r="B13409" t="s">
        <v>8323</v>
      </c>
      <c r="C13409" t="s">
        <v>8318</v>
      </c>
      <c r="D13409" t="s">
        <v>8319</v>
      </c>
      <c r="E13409" t="s">
        <v>8296</v>
      </c>
      <c r="F13409" t="s">
        <v>8297</v>
      </c>
      <c r="G13409" t="s">
        <v>80</v>
      </c>
      <c r="H13409" t="s">
        <v>81</v>
      </c>
      <c r="I13409" s="2">
        <v>0</v>
      </c>
      <c r="J13409" s="2">
        <v>1</v>
      </c>
      <c r="K13409" s="2">
        <v>0</v>
      </c>
      <c r="L13409" t="s">
        <v>82</v>
      </c>
      <c r="M13409" t="s">
        <v>83</v>
      </c>
      <c r="N13409" t="s">
        <v>91</v>
      </c>
      <c r="O13409" t="s">
        <v>85</v>
      </c>
      <c r="P13409" t="s">
        <v>86</v>
      </c>
      <c r="Q13409">
        <v>67</v>
      </c>
      <c r="R13409">
        <v>68</v>
      </c>
      <c r="S13409">
        <v>69</v>
      </c>
      <c r="T13409">
        <v>71</v>
      </c>
      <c r="U13409">
        <v>72</v>
      </c>
      <c r="V13409">
        <v>73</v>
      </c>
      <c r="W13409">
        <v>75</v>
      </c>
      <c r="X13409">
        <v>76</v>
      </c>
      <c r="Y13409">
        <v>77</v>
      </c>
      <c r="Z13409">
        <v>78</v>
      </c>
      <c r="AA13409">
        <v>80</v>
      </c>
      <c r="AB13409">
        <v>81</v>
      </c>
      <c r="AC13409">
        <v>82</v>
      </c>
      <c r="AD13409">
        <v>83</v>
      </c>
      <c r="AE13409">
        <v>85</v>
      </c>
      <c r="AF13409">
        <v>86</v>
      </c>
      <c r="AG13409">
        <v>87</v>
      </c>
      <c r="AH13409">
        <v>88</v>
      </c>
      <c r="AI13409">
        <v>90</v>
      </c>
      <c r="AJ13409">
        <v>91</v>
      </c>
      <c r="AK13409">
        <v>92</v>
      </c>
      <c r="AL13409">
        <v>93</v>
      </c>
      <c r="AM13409">
        <v>93</v>
      </c>
      <c r="AN13409">
        <v>93</v>
      </c>
      <c r="AO13409">
        <v>94</v>
      </c>
      <c r="AP13409">
        <v>94</v>
      </c>
      <c r="AQ13409">
        <v>94</v>
      </c>
    </row>
    <row r="13410" spans="1:43">
      <c r="A13410" t="s">
        <v>8324</v>
      </c>
      <c r="B13410" t="s">
        <v>8325</v>
      </c>
      <c r="C13410" t="s">
        <v>8318</v>
      </c>
      <c r="D13410" t="s">
        <v>8319</v>
      </c>
      <c r="E13410" t="s">
        <v>8296</v>
      </c>
      <c r="F13410" t="s">
        <v>8297</v>
      </c>
      <c r="G13410" t="s">
        <v>80</v>
      </c>
      <c r="H13410" t="s">
        <v>81</v>
      </c>
      <c r="I13410" s="2">
        <v>0</v>
      </c>
      <c r="J13410" s="2">
        <v>1</v>
      </c>
      <c r="K13410" s="2">
        <v>0</v>
      </c>
      <c r="L13410" t="s">
        <v>82</v>
      </c>
      <c r="M13410" t="s">
        <v>83</v>
      </c>
      <c r="N13410" t="s">
        <v>84</v>
      </c>
      <c r="O13410" t="s">
        <v>85</v>
      </c>
      <c r="P13410" t="s">
        <v>86</v>
      </c>
      <c r="Q13410">
        <v>106</v>
      </c>
      <c r="R13410">
        <v>108</v>
      </c>
      <c r="S13410">
        <v>110</v>
      </c>
      <c r="T13410">
        <v>112</v>
      </c>
      <c r="U13410">
        <v>115</v>
      </c>
      <c r="V13410">
        <v>117</v>
      </c>
      <c r="W13410">
        <v>119</v>
      </c>
      <c r="X13410">
        <v>121</v>
      </c>
      <c r="Y13410">
        <v>123</v>
      </c>
      <c r="Z13410">
        <v>125</v>
      </c>
      <c r="AA13410">
        <v>127</v>
      </c>
      <c r="AB13410">
        <v>129</v>
      </c>
      <c r="AC13410">
        <v>131</v>
      </c>
      <c r="AD13410">
        <v>133</v>
      </c>
      <c r="AE13410">
        <v>135</v>
      </c>
      <c r="AF13410">
        <v>137</v>
      </c>
      <c r="AG13410">
        <v>139</v>
      </c>
      <c r="AH13410">
        <v>141</v>
      </c>
      <c r="AI13410">
        <v>143</v>
      </c>
      <c r="AJ13410">
        <v>145</v>
      </c>
      <c r="AK13410">
        <v>147</v>
      </c>
      <c r="AL13410">
        <v>148</v>
      </c>
      <c r="AM13410">
        <v>148</v>
      </c>
      <c r="AN13410">
        <v>149</v>
      </c>
      <c r="AO13410">
        <v>149</v>
      </c>
      <c r="AP13410">
        <v>150</v>
      </c>
      <c r="AQ13410">
        <v>150</v>
      </c>
    </row>
    <row r="13411" spans="1:43">
      <c r="A13411" t="s">
        <v>8324</v>
      </c>
      <c r="B13411" t="s">
        <v>8325</v>
      </c>
      <c r="C13411" t="s">
        <v>8318</v>
      </c>
      <c r="D13411" t="s">
        <v>8319</v>
      </c>
      <c r="E13411" t="s">
        <v>8296</v>
      </c>
      <c r="F13411" t="s">
        <v>8297</v>
      </c>
      <c r="G13411" t="s">
        <v>80</v>
      </c>
      <c r="H13411" t="s">
        <v>81</v>
      </c>
      <c r="I13411" s="2">
        <v>0</v>
      </c>
      <c r="J13411" s="2">
        <v>1</v>
      </c>
      <c r="K13411" s="2">
        <v>0</v>
      </c>
      <c r="L13411" t="s">
        <v>82</v>
      </c>
      <c r="M13411" t="s">
        <v>87</v>
      </c>
      <c r="N13411" t="s">
        <v>88</v>
      </c>
      <c r="O13411" t="s">
        <v>85</v>
      </c>
      <c r="P13411" t="s">
        <v>86</v>
      </c>
      <c r="Q13411">
        <v>106</v>
      </c>
      <c r="R13411">
        <v>107</v>
      </c>
      <c r="S13411">
        <v>108</v>
      </c>
      <c r="T13411">
        <v>109</v>
      </c>
      <c r="U13411">
        <v>110</v>
      </c>
      <c r="V13411">
        <v>112</v>
      </c>
      <c r="W13411">
        <v>113</v>
      </c>
      <c r="X13411">
        <v>114</v>
      </c>
      <c r="Y13411">
        <v>115</v>
      </c>
      <c r="Z13411">
        <v>116</v>
      </c>
      <c r="AA13411">
        <v>117</v>
      </c>
      <c r="AB13411">
        <v>118</v>
      </c>
      <c r="AC13411">
        <v>119</v>
      </c>
      <c r="AD13411">
        <v>120</v>
      </c>
      <c r="AE13411">
        <v>120</v>
      </c>
      <c r="AF13411">
        <v>121</v>
      </c>
      <c r="AG13411">
        <v>122</v>
      </c>
      <c r="AH13411">
        <v>123</v>
      </c>
      <c r="AI13411">
        <v>124</v>
      </c>
      <c r="AJ13411">
        <v>125</v>
      </c>
      <c r="AK13411">
        <v>126</v>
      </c>
      <c r="AL13411">
        <v>127</v>
      </c>
      <c r="AM13411">
        <v>128</v>
      </c>
      <c r="AN13411">
        <v>129</v>
      </c>
      <c r="AO13411">
        <v>130</v>
      </c>
      <c r="AP13411">
        <v>131</v>
      </c>
      <c r="AQ13411">
        <v>132</v>
      </c>
    </row>
    <row r="13412" spans="1:43">
      <c r="A13412" t="s">
        <v>8324</v>
      </c>
      <c r="B13412" t="s">
        <v>8325</v>
      </c>
      <c r="C13412" t="s">
        <v>8318</v>
      </c>
      <c r="D13412" t="s">
        <v>8319</v>
      </c>
      <c r="E13412" t="s">
        <v>8296</v>
      </c>
      <c r="F13412" t="s">
        <v>8297</v>
      </c>
      <c r="G13412" t="s">
        <v>80</v>
      </c>
      <c r="H13412" t="s">
        <v>81</v>
      </c>
      <c r="I13412" s="2">
        <v>0</v>
      </c>
      <c r="J13412" s="2">
        <v>1</v>
      </c>
      <c r="K13412" s="2">
        <v>0</v>
      </c>
      <c r="L13412" t="s">
        <v>82</v>
      </c>
      <c r="M13412" t="s">
        <v>89</v>
      </c>
      <c r="N13412" t="s">
        <v>90</v>
      </c>
      <c r="O13412" t="s">
        <v>85</v>
      </c>
      <c r="P13412" t="s">
        <v>86</v>
      </c>
      <c r="Q13412">
        <v>106</v>
      </c>
      <c r="R13412">
        <v>109</v>
      </c>
      <c r="S13412">
        <v>112</v>
      </c>
      <c r="T13412">
        <v>115</v>
      </c>
      <c r="U13412">
        <v>118</v>
      </c>
      <c r="V13412">
        <v>121</v>
      </c>
      <c r="W13412">
        <v>124</v>
      </c>
      <c r="X13412">
        <v>127</v>
      </c>
      <c r="Y13412">
        <v>129</v>
      </c>
      <c r="Z13412">
        <v>132</v>
      </c>
      <c r="AA13412">
        <v>134</v>
      </c>
      <c r="AB13412">
        <v>137</v>
      </c>
      <c r="AC13412">
        <v>139</v>
      </c>
      <c r="AD13412">
        <v>142</v>
      </c>
      <c r="AE13412">
        <v>144</v>
      </c>
      <c r="AF13412">
        <v>144</v>
      </c>
      <c r="AG13412">
        <v>145</v>
      </c>
      <c r="AH13412">
        <v>145</v>
      </c>
      <c r="AI13412">
        <v>146</v>
      </c>
      <c r="AJ13412">
        <v>147</v>
      </c>
      <c r="AK13412">
        <v>147</v>
      </c>
      <c r="AL13412">
        <v>148</v>
      </c>
      <c r="AM13412">
        <v>148</v>
      </c>
      <c r="AN13412">
        <v>149</v>
      </c>
      <c r="AO13412">
        <v>149</v>
      </c>
      <c r="AP13412">
        <v>150</v>
      </c>
      <c r="AQ13412">
        <v>150</v>
      </c>
    </row>
    <row r="13413" spans="1:43">
      <c r="A13413" t="s">
        <v>8324</v>
      </c>
      <c r="B13413" t="s">
        <v>8325</v>
      </c>
      <c r="C13413" t="s">
        <v>8318</v>
      </c>
      <c r="D13413" t="s">
        <v>8319</v>
      </c>
      <c r="E13413" t="s">
        <v>8296</v>
      </c>
      <c r="F13413" t="s">
        <v>8297</v>
      </c>
      <c r="G13413" t="s">
        <v>80</v>
      </c>
      <c r="H13413" t="s">
        <v>81</v>
      </c>
      <c r="I13413" s="2">
        <v>0</v>
      </c>
      <c r="J13413" s="2">
        <v>1</v>
      </c>
      <c r="K13413" s="2">
        <v>0</v>
      </c>
      <c r="L13413" t="s">
        <v>82</v>
      </c>
      <c r="M13413" t="s">
        <v>83</v>
      </c>
      <c r="N13413" t="s">
        <v>91</v>
      </c>
      <c r="O13413" t="s">
        <v>85</v>
      </c>
      <c r="P13413" t="s">
        <v>86</v>
      </c>
      <c r="Q13413">
        <v>106</v>
      </c>
      <c r="R13413">
        <v>108</v>
      </c>
      <c r="S13413">
        <v>110</v>
      </c>
      <c r="T13413">
        <v>112</v>
      </c>
      <c r="U13413">
        <v>115</v>
      </c>
      <c r="V13413">
        <v>117</v>
      </c>
      <c r="W13413">
        <v>119</v>
      </c>
      <c r="X13413">
        <v>121</v>
      </c>
      <c r="Y13413">
        <v>123</v>
      </c>
      <c r="Z13413">
        <v>125</v>
      </c>
      <c r="AA13413">
        <v>127</v>
      </c>
      <c r="AB13413">
        <v>129</v>
      </c>
      <c r="AC13413">
        <v>131</v>
      </c>
      <c r="AD13413">
        <v>133</v>
      </c>
      <c r="AE13413">
        <v>135</v>
      </c>
      <c r="AF13413">
        <v>137</v>
      </c>
      <c r="AG13413">
        <v>139</v>
      </c>
      <c r="AH13413">
        <v>141</v>
      </c>
      <c r="AI13413">
        <v>143</v>
      </c>
      <c r="AJ13413">
        <v>145</v>
      </c>
      <c r="AK13413">
        <v>147</v>
      </c>
      <c r="AL13413">
        <v>148</v>
      </c>
      <c r="AM13413">
        <v>148</v>
      </c>
      <c r="AN13413">
        <v>149</v>
      </c>
      <c r="AO13413">
        <v>149</v>
      </c>
      <c r="AP13413">
        <v>150</v>
      </c>
      <c r="AQ13413">
        <v>150</v>
      </c>
    </row>
    <row r="13414" spans="1:43">
      <c r="A13414" t="s">
        <v>8326</v>
      </c>
      <c r="B13414" t="s">
        <v>8327</v>
      </c>
      <c r="C13414" t="s">
        <v>8328</v>
      </c>
      <c r="D13414" t="s">
        <v>8329</v>
      </c>
      <c r="E13414" t="s">
        <v>8296</v>
      </c>
      <c r="F13414" t="s">
        <v>8297</v>
      </c>
      <c r="G13414" t="s">
        <v>80</v>
      </c>
      <c r="H13414" t="s">
        <v>81</v>
      </c>
      <c r="I13414" s="2">
        <v>0</v>
      </c>
      <c r="J13414" s="2">
        <v>1</v>
      </c>
      <c r="K13414" s="2">
        <v>0</v>
      </c>
      <c r="L13414" t="s">
        <v>82</v>
      </c>
      <c r="M13414" t="s">
        <v>83</v>
      </c>
      <c r="N13414" t="s">
        <v>84</v>
      </c>
      <c r="O13414" t="s">
        <v>85</v>
      </c>
      <c r="P13414" t="s">
        <v>86</v>
      </c>
      <c r="Q13414">
        <v>44</v>
      </c>
      <c r="R13414">
        <v>45</v>
      </c>
      <c r="S13414">
        <v>46</v>
      </c>
      <c r="T13414">
        <v>46</v>
      </c>
      <c r="U13414">
        <v>47</v>
      </c>
      <c r="V13414">
        <v>48</v>
      </c>
      <c r="W13414">
        <v>49</v>
      </c>
      <c r="X13414">
        <v>50</v>
      </c>
      <c r="Y13414">
        <v>51</v>
      </c>
      <c r="Z13414">
        <v>52</v>
      </c>
      <c r="AA13414">
        <v>52</v>
      </c>
      <c r="AB13414">
        <v>53</v>
      </c>
      <c r="AC13414">
        <v>54</v>
      </c>
      <c r="AD13414">
        <v>55</v>
      </c>
      <c r="AE13414">
        <v>56</v>
      </c>
      <c r="AF13414">
        <v>56</v>
      </c>
      <c r="AG13414">
        <v>57</v>
      </c>
      <c r="AH13414">
        <v>58</v>
      </c>
      <c r="AI13414">
        <v>59</v>
      </c>
      <c r="AJ13414">
        <v>60</v>
      </c>
      <c r="AK13414">
        <v>60</v>
      </c>
      <c r="AL13414">
        <v>61</v>
      </c>
      <c r="AM13414">
        <v>61</v>
      </c>
      <c r="AN13414">
        <v>61</v>
      </c>
      <c r="AO13414">
        <v>62</v>
      </c>
      <c r="AP13414">
        <v>62</v>
      </c>
      <c r="AQ13414">
        <v>62</v>
      </c>
    </row>
    <row r="13415" spans="1:43">
      <c r="A13415" t="s">
        <v>8326</v>
      </c>
      <c r="B13415" t="s">
        <v>8327</v>
      </c>
      <c r="C13415" t="s">
        <v>8328</v>
      </c>
      <c r="D13415" t="s">
        <v>8329</v>
      </c>
      <c r="E13415" t="s">
        <v>8296</v>
      </c>
      <c r="F13415" t="s">
        <v>8297</v>
      </c>
      <c r="G13415" t="s">
        <v>80</v>
      </c>
      <c r="H13415" t="s">
        <v>81</v>
      </c>
      <c r="I13415" s="2">
        <v>0</v>
      </c>
      <c r="J13415" s="2">
        <v>1</v>
      </c>
      <c r="K13415" s="2">
        <v>0</v>
      </c>
      <c r="L13415" t="s">
        <v>82</v>
      </c>
      <c r="M13415" t="s">
        <v>87</v>
      </c>
      <c r="N13415" t="s">
        <v>88</v>
      </c>
      <c r="O13415" t="s">
        <v>85</v>
      </c>
      <c r="P13415" t="s">
        <v>86</v>
      </c>
      <c r="Q13415">
        <v>44</v>
      </c>
      <c r="R13415">
        <v>45</v>
      </c>
      <c r="S13415">
        <v>45</v>
      </c>
      <c r="T13415">
        <v>46</v>
      </c>
      <c r="U13415">
        <v>46</v>
      </c>
      <c r="V13415">
        <v>47</v>
      </c>
      <c r="W13415">
        <v>47</v>
      </c>
      <c r="X13415">
        <v>47</v>
      </c>
      <c r="Y13415">
        <v>48</v>
      </c>
      <c r="Z13415">
        <v>48</v>
      </c>
      <c r="AA13415">
        <v>49</v>
      </c>
      <c r="AB13415">
        <v>49</v>
      </c>
      <c r="AC13415">
        <v>49</v>
      </c>
      <c r="AD13415">
        <v>50</v>
      </c>
      <c r="AE13415">
        <v>50</v>
      </c>
      <c r="AF13415">
        <v>51</v>
      </c>
      <c r="AG13415">
        <v>51</v>
      </c>
      <c r="AH13415">
        <v>51</v>
      </c>
      <c r="AI13415">
        <v>52</v>
      </c>
      <c r="AJ13415">
        <v>52</v>
      </c>
      <c r="AK13415">
        <v>53</v>
      </c>
      <c r="AL13415">
        <v>53</v>
      </c>
      <c r="AM13415">
        <v>53</v>
      </c>
      <c r="AN13415">
        <v>54</v>
      </c>
      <c r="AO13415">
        <v>54</v>
      </c>
      <c r="AP13415">
        <v>54</v>
      </c>
      <c r="AQ13415">
        <v>55</v>
      </c>
    </row>
    <row r="13416" spans="1:43">
      <c r="A13416" t="s">
        <v>8326</v>
      </c>
      <c r="B13416" t="s">
        <v>8327</v>
      </c>
      <c r="C13416" t="s">
        <v>8328</v>
      </c>
      <c r="D13416" t="s">
        <v>8329</v>
      </c>
      <c r="E13416" t="s">
        <v>8296</v>
      </c>
      <c r="F13416" t="s">
        <v>8297</v>
      </c>
      <c r="G13416" t="s">
        <v>80</v>
      </c>
      <c r="H13416" t="s">
        <v>81</v>
      </c>
      <c r="I13416" s="2">
        <v>0</v>
      </c>
      <c r="J13416" s="2">
        <v>1</v>
      </c>
      <c r="K13416" s="2">
        <v>0</v>
      </c>
      <c r="L13416" t="s">
        <v>82</v>
      </c>
      <c r="M13416" t="s">
        <v>89</v>
      </c>
      <c r="N13416" t="s">
        <v>90</v>
      </c>
      <c r="O13416" t="s">
        <v>85</v>
      </c>
      <c r="P13416" t="s">
        <v>86</v>
      </c>
      <c r="Q13416">
        <v>44</v>
      </c>
      <c r="R13416">
        <v>46</v>
      </c>
      <c r="S13416">
        <v>47</v>
      </c>
      <c r="T13416">
        <v>48</v>
      </c>
      <c r="U13416">
        <v>49</v>
      </c>
      <c r="V13416">
        <v>50</v>
      </c>
      <c r="W13416">
        <v>52</v>
      </c>
      <c r="X13416">
        <v>53</v>
      </c>
      <c r="Y13416">
        <v>54</v>
      </c>
      <c r="Z13416">
        <v>55</v>
      </c>
      <c r="AA13416">
        <v>56</v>
      </c>
      <c r="AB13416">
        <v>57</v>
      </c>
      <c r="AC13416">
        <v>58</v>
      </c>
      <c r="AD13416">
        <v>59</v>
      </c>
      <c r="AE13416">
        <v>60</v>
      </c>
      <c r="AF13416">
        <v>60</v>
      </c>
      <c r="AG13416">
        <v>60</v>
      </c>
      <c r="AH13416">
        <v>60</v>
      </c>
      <c r="AI13416">
        <v>61</v>
      </c>
      <c r="AJ13416">
        <v>61</v>
      </c>
      <c r="AK13416">
        <v>61</v>
      </c>
      <c r="AL13416">
        <v>61</v>
      </c>
      <c r="AM13416">
        <v>62</v>
      </c>
      <c r="AN13416">
        <v>62</v>
      </c>
      <c r="AO13416">
        <v>62</v>
      </c>
      <c r="AP13416">
        <v>62</v>
      </c>
      <c r="AQ13416">
        <v>62</v>
      </c>
    </row>
    <row r="13417" spans="1:43">
      <c r="A13417" t="s">
        <v>8326</v>
      </c>
      <c r="B13417" t="s">
        <v>8327</v>
      </c>
      <c r="C13417" t="s">
        <v>8328</v>
      </c>
      <c r="D13417" t="s">
        <v>8329</v>
      </c>
      <c r="E13417" t="s">
        <v>8296</v>
      </c>
      <c r="F13417" t="s">
        <v>8297</v>
      </c>
      <c r="G13417" t="s">
        <v>80</v>
      </c>
      <c r="H13417" t="s">
        <v>81</v>
      </c>
      <c r="I13417" s="2">
        <v>0</v>
      </c>
      <c r="J13417" s="2">
        <v>1</v>
      </c>
      <c r="K13417" s="2">
        <v>0</v>
      </c>
      <c r="L13417" t="s">
        <v>82</v>
      </c>
      <c r="M13417" t="s">
        <v>83</v>
      </c>
      <c r="N13417" t="s">
        <v>91</v>
      </c>
      <c r="O13417" t="s">
        <v>85</v>
      </c>
      <c r="P13417" t="s">
        <v>86</v>
      </c>
      <c r="Q13417">
        <v>44</v>
      </c>
      <c r="R13417">
        <v>45</v>
      </c>
      <c r="S13417">
        <v>46</v>
      </c>
      <c r="T13417">
        <v>46</v>
      </c>
      <c r="U13417">
        <v>47</v>
      </c>
      <c r="V13417">
        <v>48</v>
      </c>
      <c r="W13417">
        <v>49</v>
      </c>
      <c r="X13417">
        <v>50</v>
      </c>
      <c r="Y13417">
        <v>51</v>
      </c>
      <c r="Z13417">
        <v>52</v>
      </c>
      <c r="AA13417">
        <v>52</v>
      </c>
      <c r="AB13417">
        <v>53</v>
      </c>
      <c r="AC13417">
        <v>54</v>
      </c>
      <c r="AD13417">
        <v>55</v>
      </c>
      <c r="AE13417">
        <v>56</v>
      </c>
      <c r="AF13417">
        <v>56</v>
      </c>
      <c r="AG13417">
        <v>57</v>
      </c>
      <c r="AH13417">
        <v>58</v>
      </c>
      <c r="AI13417">
        <v>59</v>
      </c>
      <c r="AJ13417">
        <v>60</v>
      </c>
      <c r="AK13417">
        <v>60</v>
      </c>
      <c r="AL13417">
        <v>61</v>
      </c>
      <c r="AM13417">
        <v>61</v>
      </c>
      <c r="AN13417">
        <v>61</v>
      </c>
      <c r="AO13417">
        <v>62</v>
      </c>
      <c r="AP13417">
        <v>62</v>
      </c>
      <c r="AQ13417">
        <v>62</v>
      </c>
    </row>
    <row r="13418" spans="1:43">
      <c r="A13418" t="s">
        <v>8330</v>
      </c>
      <c r="B13418" t="s">
        <v>8331</v>
      </c>
      <c r="C13418" t="s">
        <v>8318</v>
      </c>
      <c r="D13418" t="s">
        <v>8319</v>
      </c>
      <c r="E13418" t="s">
        <v>8296</v>
      </c>
      <c r="F13418" t="s">
        <v>8297</v>
      </c>
      <c r="G13418" t="s">
        <v>80</v>
      </c>
      <c r="H13418" t="s">
        <v>81</v>
      </c>
      <c r="I13418" s="2">
        <v>0</v>
      </c>
      <c r="J13418" s="2">
        <v>1</v>
      </c>
      <c r="K13418" s="2">
        <v>0</v>
      </c>
      <c r="L13418" t="s">
        <v>82</v>
      </c>
      <c r="M13418" t="s">
        <v>83</v>
      </c>
      <c r="N13418" t="s">
        <v>84</v>
      </c>
      <c r="O13418" t="s">
        <v>85</v>
      </c>
      <c r="P13418" t="s">
        <v>86</v>
      </c>
      <c r="Q13418">
        <v>77</v>
      </c>
      <c r="R13418">
        <v>78</v>
      </c>
      <c r="S13418">
        <v>79</v>
      </c>
      <c r="T13418">
        <v>81</v>
      </c>
      <c r="U13418">
        <v>82</v>
      </c>
      <c r="V13418">
        <v>84</v>
      </c>
      <c r="W13418">
        <v>85</v>
      </c>
      <c r="X13418">
        <v>87</v>
      </c>
      <c r="Y13418">
        <v>88</v>
      </c>
      <c r="Z13418">
        <v>90</v>
      </c>
      <c r="AA13418">
        <v>91</v>
      </c>
      <c r="AB13418">
        <v>93</v>
      </c>
      <c r="AC13418">
        <v>94</v>
      </c>
      <c r="AD13418">
        <v>95</v>
      </c>
      <c r="AE13418">
        <v>97</v>
      </c>
      <c r="AF13418">
        <v>98</v>
      </c>
      <c r="AG13418">
        <v>100</v>
      </c>
      <c r="AH13418">
        <v>101</v>
      </c>
      <c r="AI13418">
        <v>102</v>
      </c>
      <c r="AJ13418">
        <v>104</v>
      </c>
      <c r="AK13418">
        <v>105</v>
      </c>
      <c r="AL13418">
        <v>106</v>
      </c>
      <c r="AM13418">
        <v>106</v>
      </c>
      <c r="AN13418">
        <v>107</v>
      </c>
      <c r="AO13418">
        <v>107</v>
      </c>
      <c r="AP13418">
        <v>108</v>
      </c>
      <c r="AQ13418">
        <v>108</v>
      </c>
    </row>
    <row r="13419" spans="1:43">
      <c r="A13419" t="s">
        <v>8330</v>
      </c>
      <c r="B13419" t="s">
        <v>8331</v>
      </c>
      <c r="C13419" t="s">
        <v>8318</v>
      </c>
      <c r="D13419" t="s">
        <v>8319</v>
      </c>
      <c r="E13419" t="s">
        <v>8296</v>
      </c>
      <c r="F13419" t="s">
        <v>8297</v>
      </c>
      <c r="G13419" t="s">
        <v>80</v>
      </c>
      <c r="H13419" t="s">
        <v>81</v>
      </c>
      <c r="I13419" s="2">
        <v>0</v>
      </c>
      <c r="J13419" s="2">
        <v>1</v>
      </c>
      <c r="K13419" s="2">
        <v>0</v>
      </c>
      <c r="L13419" t="s">
        <v>82</v>
      </c>
      <c r="M13419" t="s">
        <v>87</v>
      </c>
      <c r="N13419" t="s">
        <v>88</v>
      </c>
      <c r="O13419" t="s">
        <v>85</v>
      </c>
      <c r="P13419" t="s">
        <v>86</v>
      </c>
      <c r="Q13419">
        <v>77</v>
      </c>
      <c r="R13419">
        <v>78</v>
      </c>
      <c r="S13419">
        <v>78</v>
      </c>
      <c r="T13419">
        <v>79</v>
      </c>
      <c r="U13419">
        <v>80</v>
      </c>
      <c r="V13419">
        <v>81</v>
      </c>
      <c r="W13419">
        <v>81</v>
      </c>
      <c r="X13419">
        <v>82</v>
      </c>
      <c r="Y13419">
        <v>83</v>
      </c>
      <c r="Z13419">
        <v>83</v>
      </c>
      <c r="AA13419">
        <v>84</v>
      </c>
      <c r="AB13419">
        <v>85</v>
      </c>
      <c r="AC13419">
        <v>85</v>
      </c>
      <c r="AD13419">
        <v>86</v>
      </c>
      <c r="AE13419">
        <v>87</v>
      </c>
      <c r="AF13419">
        <v>87</v>
      </c>
      <c r="AG13419">
        <v>88</v>
      </c>
      <c r="AH13419">
        <v>89</v>
      </c>
      <c r="AI13419">
        <v>89</v>
      </c>
      <c r="AJ13419">
        <v>90</v>
      </c>
      <c r="AK13419">
        <v>91</v>
      </c>
      <c r="AL13419">
        <v>91</v>
      </c>
      <c r="AM13419">
        <v>92</v>
      </c>
      <c r="AN13419">
        <v>93</v>
      </c>
      <c r="AO13419">
        <v>93</v>
      </c>
      <c r="AP13419">
        <v>94</v>
      </c>
      <c r="AQ13419">
        <v>95</v>
      </c>
    </row>
    <row r="13420" spans="1:43">
      <c r="A13420" t="s">
        <v>8330</v>
      </c>
      <c r="B13420" t="s">
        <v>8331</v>
      </c>
      <c r="C13420" t="s">
        <v>8318</v>
      </c>
      <c r="D13420" t="s">
        <v>8319</v>
      </c>
      <c r="E13420" t="s">
        <v>8296</v>
      </c>
      <c r="F13420" t="s">
        <v>8297</v>
      </c>
      <c r="G13420" t="s">
        <v>80</v>
      </c>
      <c r="H13420" t="s">
        <v>81</v>
      </c>
      <c r="I13420" s="2">
        <v>0</v>
      </c>
      <c r="J13420" s="2">
        <v>1</v>
      </c>
      <c r="K13420" s="2">
        <v>0</v>
      </c>
      <c r="L13420" t="s">
        <v>82</v>
      </c>
      <c r="M13420" t="s">
        <v>89</v>
      </c>
      <c r="N13420" t="s">
        <v>90</v>
      </c>
      <c r="O13420" t="s">
        <v>85</v>
      </c>
      <c r="P13420" t="s">
        <v>86</v>
      </c>
      <c r="Q13420">
        <v>77</v>
      </c>
      <c r="R13420">
        <v>79</v>
      </c>
      <c r="S13420">
        <v>81</v>
      </c>
      <c r="T13420">
        <v>84</v>
      </c>
      <c r="U13420">
        <v>86</v>
      </c>
      <c r="V13420">
        <v>88</v>
      </c>
      <c r="W13420">
        <v>90</v>
      </c>
      <c r="X13420">
        <v>92</v>
      </c>
      <c r="Y13420">
        <v>94</v>
      </c>
      <c r="Z13420">
        <v>95</v>
      </c>
      <c r="AA13420">
        <v>97</v>
      </c>
      <c r="AB13420">
        <v>99</v>
      </c>
      <c r="AC13420">
        <v>101</v>
      </c>
      <c r="AD13420">
        <v>103</v>
      </c>
      <c r="AE13420">
        <v>104</v>
      </c>
      <c r="AF13420">
        <v>104</v>
      </c>
      <c r="AG13420">
        <v>105</v>
      </c>
      <c r="AH13420">
        <v>105</v>
      </c>
      <c r="AI13420">
        <v>106</v>
      </c>
      <c r="AJ13420">
        <v>106</v>
      </c>
      <c r="AK13420">
        <v>107</v>
      </c>
      <c r="AL13420">
        <v>107</v>
      </c>
      <c r="AM13420">
        <v>107</v>
      </c>
      <c r="AN13420">
        <v>108</v>
      </c>
      <c r="AO13420">
        <v>108</v>
      </c>
      <c r="AP13420">
        <v>109</v>
      </c>
      <c r="AQ13420">
        <v>109</v>
      </c>
    </row>
    <row r="13421" spans="1:43">
      <c r="A13421" t="s">
        <v>8330</v>
      </c>
      <c r="B13421" t="s">
        <v>8331</v>
      </c>
      <c r="C13421" t="s">
        <v>8318</v>
      </c>
      <c r="D13421" t="s">
        <v>8319</v>
      </c>
      <c r="E13421" t="s">
        <v>8296</v>
      </c>
      <c r="F13421" t="s">
        <v>8297</v>
      </c>
      <c r="G13421" t="s">
        <v>80</v>
      </c>
      <c r="H13421" t="s">
        <v>81</v>
      </c>
      <c r="I13421" s="2">
        <v>0</v>
      </c>
      <c r="J13421" s="2">
        <v>1</v>
      </c>
      <c r="K13421" s="2">
        <v>0</v>
      </c>
      <c r="L13421" t="s">
        <v>82</v>
      </c>
      <c r="M13421" t="s">
        <v>83</v>
      </c>
      <c r="N13421" t="s">
        <v>91</v>
      </c>
      <c r="O13421" t="s">
        <v>85</v>
      </c>
      <c r="P13421" t="s">
        <v>86</v>
      </c>
      <c r="Q13421">
        <v>77</v>
      </c>
      <c r="R13421">
        <v>78</v>
      </c>
      <c r="S13421">
        <v>79</v>
      </c>
      <c r="T13421">
        <v>81</v>
      </c>
      <c r="U13421">
        <v>82</v>
      </c>
      <c r="V13421">
        <v>84</v>
      </c>
      <c r="W13421">
        <v>85</v>
      </c>
      <c r="X13421">
        <v>87</v>
      </c>
      <c r="Y13421">
        <v>88</v>
      </c>
      <c r="Z13421">
        <v>90</v>
      </c>
      <c r="AA13421">
        <v>91</v>
      </c>
      <c r="AB13421">
        <v>93</v>
      </c>
      <c r="AC13421">
        <v>94</v>
      </c>
      <c r="AD13421">
        <v>95</v>
      </c>
      <c r="AE13421">
        <v>97</v>
      </c>
      <c r="AF13421">
        <v>98</v>
      </c>
      <c r="AG13421">
        <v>100</v>
      </c>
      <c r="AH13421">
        <v>101</v>
      </c>
      <c r="AI13421">
        <v>102</v>
      </c>
      <c r="AJ13421">
        <v>104</v>
      </c>
      <c r="AK13421">
        <v>105</v>
      </c>
      <c r="AL13421">
        <v>106</v>
      </c>
      <c r="AM13421">
        <v>106</v>
      </c>
      <c r="AN13421">
        <v>107</v>
      </c>
      <c r="AO13421">
        <v>107</v>
      </c>
      <c r="AP13421">
        <v>108</v>
      </c>
      <c r="AQ13421">
        <v>108</v>
      </c>
    </row>
    <row r="13422" spans="1:43">
      <c r="A13422" t="s">
        <v>8332</v>
      </c>
      <c r="B13422" t="s">
        <v>8333</v>
      </c>
      <c r="C13422" t="s">
        <v>8294</v>
      </c>
      <c r="D13422" t="s">
        <v>8295</v>
      </c>
      <c r="E13422" t="s">
        <v>8296</v>
      </c>
      <c r="F13422" t="s">
        <v>8297</v>
      </c>
      <c r="G13422" t="s">
        <v>80</v>
      </c>
      <c r="H13422" t="s">
        <v>81</v>
      </c>
      <c r="I13422" s="2">
        <v>0</v>
      </c>
      <c r="J13422" s="2">
        <v>1</v>
      </c>
      <c r="K13422" s="2">
        <v>0</v>
      </c>
      <c r="L13422" t="s">
        <v>82</v>
      </c>
      <c r="M13422" t="s">
        <v>83</v>
      </c>
      <c r="N13422" t="s">
        <v>84</v>
      </c>
      <c r="O13422" t="s">
        <v>85</v>
      </c>
      <c r="P13422" t="s">
        <v>86</v>
      </c>
      <c r="Q13422">
        <v>39</v>
      </c>
      <c r="R13422">
        <v>40</v>
      </c>
      <c r="S13422">
        <v>40</v>
      </c>
      <c r="T13422">
        <v>41</v>
      </c>
      <c r="U13422">
        <v>42</v>
      </c>
      <c r="V13422">
        <v>43</v>
      </c>
      <c r="W13422">
        <v>43</v>
      </c>
      <c r="X13422">
        <v>44</v>
      </c>
      <c r="Y13422">
        <v>45</v>
      </c>
      <c r="Z13422">
        <v>46</v>
      </c>
      <c r="AA13422">
        <v>47</v>
      </c>
      <c r="AB13422">
        <v>47</v>
      </c>
      <c r="AC13422">
        <v>48</v>
      </c>
      <c r="AD13422">
        <v>49</v>
      </c>
      <c r="AE13422">
        <v>49</v>
      </c>
      <c r="AF13422">
        <v>50</v>
      </c>
      <c r="AG13422">
        <v>51</v>
      </c>
      <c r="AH13422">
        <v>52</v>
      </c>
      <c r="AI13422">
        <v>52</v>
      </c>
      <c r="AJ13422">
        <v>53</v>
      </c>
      <c r="AK13422">
        <v>54</v>
      </c>
      <c r="AL13422">
        <v>54</v>
      </c>
      <c r="AM13422">
        <v>54</v>
      </c>
      <c r="AN13422">
        <v>54</v>
      </c>
      <c r="AO13422">
        <v>55</v>
      </c>
      <c r="AP13422">
        <v>55</v>
      </c>
      <c r="AQ13422">
        <v>55</v>
      </c>
    </row>
    <row r="13423" spans="1:43">
      <c r="A13423" t="s">
        <v>8332</v>
      </c>
      <c r="B13423" t="s">
        <v>8333</v>
      </c>
      <c r="C13423" t="s">
        <v>8294</v>
      </c>
      <c r="D13423" t="s">
        <v>8295</v>
      </c>
      <c r="E13423" t="s">
        <v>8296</v>
      </c>
      <c r="F13423" t="s">
        <v>8297</v>
      </c>
      <c r="G13423" t="s">
        <v>80</v>
      </c>
      <c r="H13423" t="s">
        <v>81</v>
      </c>
      <c r="I13423" s="2">
        <v>0</v>
      </c>
      <c r="J13423" s="2">
        <v>1</v>
      </c>
      <c r="K13423" s="2">
        <v>0</v>
      </c>
      <c r="L13423" t="s">
        <v>82</v>
      </c>
      <c r="M13423" t="s">
        <v>87</v>
      </c>
      <c r="N13423" t="s">
        <v>88</v>
      </c>
      <c r="O13423" t="s">
        <v>85</v>
      </c>
      <c r="P13423" t="s">
        <v>86</v>
      </c>
      <c r="Q13423">
        <v>39</v>
      </c>
      <c r="R13423">
        <v>39</v>
      </c>
      <c r="S13423">
        <v>39</v>
      </c>
      <c r="T13423">
        <v>40</v>
      </c>
      <c r="U13423">
        <v>40</v>
      </c>
      <c r="V13423">
        <v>40</v>
      </c>
      <c r="W13423">
        <v>41</v>
      </c>
      <c r="X13423">
        <v>41</v>
      </c>
      <c r="Y13423">
        <v>42</v>
      </c>
      <c r="Z13423">
        <v>42</v>
      </c>
      <c r="AA13423">
        <v>42</v>
      </c>
      <c r="AB13423">
        <v>43</v>
      </c>
      <c r="AC13423">
        <v>43</v>
      </c>
      <c r="AD13423">
        <v>43</v>
      </c>
      <c r="AE13423">
        <v>44</v>
      </c>
      <c r="AF13423">
        <v>44</v>
      </c>
      <c r="AG13423">
        <v>44</v>
      </c>
      <c r="AH13423">
        <v>45</v>
      </c>
      <c r="AI13423">
        <v>45</v>
      </c>
      <c r="AJ13423">
        <v>46</v>
      </c>
      <c r="AK13423">
        <v>46</v>
      </c>
      <c r="AL13423">
        <v>46</v>
      </c>
      <c r="AM13423">
        <v>47</v>
      </c>
      <c r="AN13423">
        <v>47</v>
      </c>
      <c r="AO13423">
        <v>47</v>
      </c>
      <c r="AP13423">
        <v>48</v>
      </c>
      <c r="AQ13423">
        <v>48</v>
      </c>
    </row>
    <row r="13424" spans="1:43">
      <c r="A13424" t="s">
        <v>8332</v>
      </c>
      <c r="B13424" t="s">
        <v>8333</v>
      </c>
      <c r="C13424" t="s">
        <v>8294</v>
      </c>
      <c r="D13424" t="s">
        <v>8295</v>
      </c>
      <c r="E13424" t="s">
        <v>8296</v>
      </c>
      <c r="F13424" t="s">
        <v>8297</v>
      </c>
      <c r="G13424" t="s">
        <v>80</v>
      </c>
      <c r="H13424" t="s">
        <v>81</v>
      </c>
      <c r="I13424" s="2">
        <v>0</v>
      </c>
      <c r="J13424" s="2">
        <v>1</v>
      </c>
      <c r="K13424" s="2">
        <v>0</v>
      </c>
      <c r="L13424" t="s">
        <v>82</v>
      </c>
      <c r="M13424" t="s">
        <v>89</v>
      </c>
      <c r="N13424" t="s">
        <v>90</v>
      </c>
      <c r="O13424" t="s">
        <v>85</v>
      </c>
      <c r="P13424" t="s">
        <v>86</v>
      </c>
      <c r="Q13424">
        <v>39</v>
      </c>
      <c r="R13424">
        <v>40</v>
      </c>
      <c r="S13424">
        <v>41</v>
      </c>
      <c r="T13424">
        <v>43</v>
      </c>
      <c r="U13424">
        <v>44</v>
      </c>
      <c r="V13424">
        <v>45</v>
      </c>
      <c r="W13424">
        <v>46</v>
      </c>
      <c r="X13424">
        <v>47</v>
      </c>
      <c r="Y13424">
        <v>48</v>
      </c>
      <c r="Z13424">
        <v>49</v>
      </c>
      <c r="AA13424">
        <v>49</v>
      </c>
      <c r="AB13424">
        <v>50</v>
      </c>
      <c r="AC13424">
        <v>51</v>
      </c>
      <c r="AD13424">
        <v>52</v>
      </c>
      <c r="AE13424">
        <v>53</v>
      </c>
      <c r="AF13424">
        <v>53</v>
      </c>
      <c r="AG13424">
        <v>53</v>
      </c>
      <c r="AH13424">
        <v>53</v>
      </c>
      <c r="AI13424">
        <v>54</v>
      </c>
      <c r="AJ13424">
        <v>54</v>
      </c>
      <c r="AK13424">
        <v>54</v>
      </c>
      <c r="AL13424">
        <v>54</v>
      </c>
      <c r="AM13424">
        <v>54</v>
      </c>
      <c r="AN13424">
        <v>55</v>
      </c>
      <c r="AO13424">
        <v>55</v>
      </c>
      <c r="AP13424">
        <v>55</v>
      </c>
      <c r="AQ13424">
        <v>55</v>
      </c>
    </row>
    <row r="13425" spans="1:43">
      <c r="A13425" t="s">
        <v>8332</v>
      </c>
      <c r="B13425" t="s">
        <v>8333</v>
      </c>
      <c r="C13425" t="s">
        <v>8294</v>
      </c>
      <c r="D13425" t="s">
        <v>8295</v>
      </c>
      <c r="E13425" t="s">
        <v>8296</v>
      </c>
      <c r="F13425" t="s">
        <v>8297</v>
      </c>
      <c r="G13425" t="s">
        <v>80</v>
      </c>
      <c r="H13425" t="s">
        <v>81</v>
      </c>
      <c r="I13425" s="2">
        <v>0</v>
      </c>
      <c r="J13425" s="2">
        <v>1</v>
      </c>
      <c r="K13425" s="2">
        <v>0</v>
      </c>
      <c r="L13425" t="s">
        <v>82</v>
      </c>
      <c r="M13425" t="s">
        <v>83</v>
      </c>
      <c r="N13425" t="s">
        <v>91</v>
      </c>
      <c r="O13425" t="s">
        <v>85</v>
      </c>
      <c r="P13425" t="s">
        <v>86</v>
      </c>
      <c r="Q13425">
        <v>39</v>
      </c>
      <c r="R13425">
        <v>40</v>
      </c>
      <c r="S13425">
        <v>40</v>
      </c>
      <c r="T13425">
        <v>41</v>
      </c>
      <c r="U13425">
        <v>42</v>
      </c>
      <c r="V13425">
        <v>43</v>
      </c>
      <c r="W13425">
        <v>43</v>
      </c>
      <c r="X13425">
        <v>44</v>
      </c>
      <c r="Y13425">
        <v>45</v>
      </c>
      <c r="Z13425">
        <v>46</v>
      </c>
      <c r="AA13425">
        <v>47</v>
      </c>
      <c r="AB13425">
        <v>47</v>
      </c>
      <c r="AC13425">
        <v>48</v>
      </c>
      <c r="AD13425">
        <v>49</v>
      </c>
      <c r="AE13425">
        <v>49</v>
      </c>
      <c r="AF13425">
        <v>50</v>
      </c>
      <c r="AG13425">
        <v>51</v>
      </c>
      <c r="AH13425">
        <v>52</v>
      </c>
      <c r="AI13425">
        <v>52</v>
      </c>
      <c r="AJ13425">
        <v>53</v>
      </c>
      <c r="AK13425">
        <v>54</v>
      </c>
      <c r="AL13425">
        <v>54</v>
      </c>
      <c r="AM13425">
        <v>54</v>
      </c>
      <c r="AN13425">
        <v>54</v>
      </c>
      <c r="AO13425">
        <v>55</v>
      </c>
      <c r="AP13425">
        <v>55</v>
      </c>
      <c r="AQ13425">
        <v>55</v>
      </c>
    </row>
    <row r="13426" spans="1:43">
      <c r="A13426" t="s">
        <v>8334</v>
      </c>
      <c r="B13426" t="s">
        <v>8335</v>
      </c>
      <c r="C13426" t="s">
        <v>8318</v>
      </c>
      <c r="D13426" t="s">
        <v>8319</v>
      </c>
      <c r="E13426" t="s">
        <v>8296</v>
      </c>
      <c r="F13426" t="s">
        <v>8297</v>
      </c>
      <c r="G13426" t="s">
        <v>80</v>
      </c>
      <c r="H13426" t="s">
        <v>81</v>
      </c>
      <c r="I13426" s="2">
        <v>0</v>
      </c>
      <c r="J13426" s="2">
        <v>1</v>
      </c>
      <c r="K13426" s="2">
        <v>0</v>
      </c>
      <c r="L13426" t="s">
        <v>82</v>
      </c>
      <c r="M13426" t="s">
        <v>83</v>
      </c>
      <c r="N13426" t="s">
        <v>84</v>
      </c>
      <c r="O13426" t="s">
        <v>85</v>
      </c>
      <c r="P13426" t="s">
        <v>86</v>
      </c>
      <c r="Q13426">
        <v>42</v>
      </c>
      <c r="R13426">
        <v>43</v>
      </c>
      <c r="S13426">
        <v>44</v>
      </c>
      <c r="T13426">
        <v>44</v>
      </c>
      <c r="U13426">
        <v>45</v>
      </c>
      <c r="V13426">
        <v>46</v>
      </c>
      <c r="W13426">
        <v>47</v>
      </c>
      <c r="X13426">
        <v>48</v>
      </c>
      <c r="Y13426">
        <v>49</v>
      </c>
      <c r="Z13426">
        <v>49</v>
      </c>
      <c r="AA13426">
        <v>50</v>
      </c>
      <c r="AB13426">
        <v>51</v>
      </c>
      <c r="AC13426">
        <v>52</v>
      </c>
      <c r="AD13426">
        <v>52</v>
      </c>
      <c r="AE13426">
        <v>53</v>
      </c>
      <c r="AF13426">
        <v>54</v>
      </c>
      <c r="AG13426">
        <v>55</v>
      </c>
      <c r="AH13426">
        <v>56</v>
      </c>
      <c r="AI13426">
        <v>56</v>
      </c>
      <c r="AJ13426">
        <v>57</v>
      </c>
      <c r="AK13426">
        <v>58</v>
      </c>
      <c r="AL13426">
        <v>58</v>
      </c>
      <c r="AM13426">
        <v>58</v>
      </c>
      <c r="AN13426">
        <v>59</v>
      </c>
      <c r="AO13426">
        <v>59</v>
      </c>
      <c r="AP13426">
        <v>59</v>
      </c>
      <c r="AQ13426">
        <v>59</v>
      </c>
    </row>
    <row r="13427" spans="1:43">
      <c r="A13427" t="s">
        <v>8334</v>
      </c>
      <c r="B13427" t="s">
        <v>8335</v>
      </c>
      <c r="C13427" t="s">
        <v>8318</v>
      </c>
      <c r="D13427" t="s">
        <v>8319</v>
      </c>
      <c r="E13427" t="s">
        <v>8296</v>
      </c>
      <c r="F13427" t="s">
        <v>8297</v>
      </c>
      <c r="G13427" t="s">
        <v>80</v>
      </c>
      <c r="H13427" t="s">
        <v>81</v>
      </c>
      <c r="I13427" s="2">
        <v>0</v>
      </c>
      <c r="J13427" s="2">
        <v>1</v>
      </c>
      <c r="K13427" s="2">
        <v>0</v>
      </c>
      <c r="L13427" t="s">
        <v>82</v>
      </c>
      <c r="M13427" t="s">
        <v>87</v>
      </c>
      <c r="N13427" t="s">
        <v>88</v>
      </c>
      <c r="O13427" t="s">
        <v>85</v>
      </c>
      <c r="P13427" t="s">
        <v>86</v>
      </c>
      <c r="Q13427">
        <v>42</v>
      </c>
      <c r="R13427">
        <v>42</v>
      </c>
      <c r="S13427">
        <v>42</v>
      </c>
      <c r="T13427">
        <v>43</v>
      </c>
      <c r="U13427">
        <v>43</v>
      </c>
      <c r="V13427">
        <v>44</v>
      </c>
      <c r="W13427">
        <v>44</v>
      </c>
      <c r="X13427">
        <v>44</v>
      </c>
      <c r="Y13427">
        <v>45</v>
      </c>
      <c r="Z13427">
        <v>45</v>
      </c>
      <c r="AA13427">
        <v>46</v>
      </c>
      <c r="AB13427">
        <v>46</v>
      </c>
      <c r="AC13427">
        <v>46</v>
      </c>
      <c r="AD13427">
        <v>47</v>
      </c>
      <c r="AE13427">
        <v>47</v>
      </c>
      <c r="AF13427">
        <v>48</v>
      </c>
      <c r="AG13427">
        <v>48</v>
      </c>
      <c r="AH13427">
        <v>48</v>
      </c>
      <c r="AI13427">
        <v>49</v>
      </c>
      <c r="AJ13427">
        <v>49</v>
      </c>
      <c r="AK13427">
        <v>49</v>
      </c>
      <c r="AL13427">
        <v>50</v>
      </c>
      <c r="AM13427">
        <v>50</v>
      </c>
      <c r="AN13427">
        <v>50</v>
      </c>
      <c r="AO13427">
        <v>51</v>
      </c>
      <c r="AP13427">
        <v>51</v>
      </c>
      <c r="AQ13427">
        <v>51</v>
      </c>
    </row>
    <row r="13428" spans="1:43">
      <c r="A13428" t="s">
        <v>8334</v>
      </c>
      <c r="B13428" t="s">
        <v>8335</v>
      </c>
      <c r="C13428" t="s">
        <v>8318</v>
      </c>
      <c r="D13428" t="s">
        <v>8319</v>
      </c>
      <c r="E13428" t="s">
        <v>8296</v>
      </c>
      <c r="F13428" t="s">
        <v>8297</v>
      </c>
      <c r="G13428" t="s">
        <v>80</v>
      </c>
      <c r="H13428" t="s">
        <v>81</v>
      </c>
      <c r="I13428" s="2">
        <v>0</v>
      </c>
      <c r="J13428" s="2">
        <v>1</v>
      </c>
      <c r="K13428" s="2">
        <v>0</v>
      </c>
      <c r="L13428" t="s">
        <v>82</v>
      </c>
      <c r="M13428" t="s">
        <v>89</v>
      </c>
      <c r="N13428" t="s">
        <v>90</v>
      </c>
      <c r="O13428" t="s">
        <v>85</v>
      </c>
      <c r="P13428" t="s">
        <v>86</v>
      </c>
      <c r="Q13428">
        <v>42</v>
      </c>
      <c r="R13428">
        <v>44</v>
      </c>
      <c r="S13428">
        <v>45</v>
      </c>
      <c r="T13428">
        <v>46</v>
      </c>
      <c r="U13428">
        <v>47</v>
      </c>
      <c r="V13428">
        <v>48</v>
      </c>
      <c r="W13428">
        <v>49</v>
      </c>
      <c r="X13428">
        <v>50</v>
      </c>
      <c r="Y13428">
        <v>51</v>
      </c>
      <c r="Z13428">
        <v>52</v>
      </c>
      <c r="AA13428">
        <v>53</v>
      </c>
      <c r="AB13428">
        <v>54</v>
      </c>
      <c r="AC13428">
        <v>55</v>
      </c>
      <c r="AD13428">
        <v>56</v>
      </c>
      <c r="AE13428">
        <v>57</v>
      </c>
      <c r="AF13428">
        <v>57</v>
      </c>
      <c r="AG13428">
        <v>58</v>
      </c>
      <c r="AH13428">
        <v>58</v>
      </c>
      <c r="AI13428">
        <v>58</v>
      </c>
      <c r="AJ13428">
        <v>58</v>
      </c>
      <c r="AK13428">
        <v>59</v>
      </c>
      <c r="AL13428">
        <v>59</v>
      </c>
      <c r="AM13428">
        <v>59</v>
      </c>
      <c r="AN13428">
        <v>59</v>
      </c>
      <c r="AO13428">
        <v>59</v>
      </c>
      <c r="AP13428">
        <v>60</v>
      </c>
      <c r="AQ13428">
        <v>60</v>
      </c>
    </row>
    <row r="13429" spans="1:43">
      <c r="A13429" t="s">
        <v>8334</v>
      </c>
      <c r="B13429" t="s">
        <v>8335</v>
      </c>
      <c r="C13429" t="s">
        <v>8318</v>
      </c>
      <c r="D13429" t="s">
        <v>8319</v>
      </c>
      <c r="E13429" t="s">
        <v>8296</v>
      </c>
      <c r="F13429" t="s">
        <v>8297</v>
      </c>
      <c r="G13429" t="s">
        <v>80</v>
      </c>
      <c r="H13429" t="s">
        <v>81</v>
      </c>
      <c r="I13429" s="2">
        <v>0</v>
      </c>
      <c r="J13429" s="2">
        <v>1</v>
      </c>
      <c r="K13429" s="2">
        <v>0</v>
      </c>
      <c r="L13429" t="s">
        <v>82</v>
      </c>
      <c r="M13429" t="s">
        <v>83</v>
      </c>
      <c r="N13429" t="s">
        <v>91</v>
      </c>
      <c r="O13429" t="s">
        <v>85</v>
      </c>
      <c r="P13429" t="s">
        <v>86</v>
      </c>
      <c r="Q13429">
        <v>42</v>
      </c>
      <c r="R13429">
        <v>43</v>
      </c>
      <c r="S13429">
        <v>44</v>
      </c>
      <c r="T13429">
        <v>44</v>
      </c>
      <c r="U13429">
        <v>45</v>
      </c>
      <c r="V13429">
        <v>46</v>
      </c>
      <c r="W13429">
        <v>47</v>
      </c>
      <c r="X13429">
        <v>48</v>
      </c>
      <c r="Y13429">
        <v>49</v>
      </c>
      <c r="Z13429">
        <v>49</v>
      </c>
      <c r="AA13429">
        <v>50</v>
      </c>
      <c r="AB13429">
        <v>51</v>
      </c>
      <c r="AC13429">
        <v>52</v>
      </c>
      <c r="AD13429">
        <v>52</v>
      </c>
      <c r="AE13429">
        <v>53</v>
      </c>
      <c r="AF13429">
        <v>54</v>
      </c>
      <c r="AG13429">
        <v>55</v>
      </c>
      <c r="AH13429">
        <v>56</v>
      </c>
      <c r="AI13429">
        <v>56</v>
      </c>
      <c r="AJ13429">
        <v>57</v>
      </c>
      <c r="AK13429">
        <v>58</v>
      </c>
      <c r="AL13429">
        <v>58</v>
      </c>
      <c r="AM13429">
        <v>58</v>
      </c>
      <c r="AN13429">
        <v>59</v>
      </c>
      <c r="AO13429">
        <v>59</v>
      </c>
      <c r="AP13429">
        <v>59</v>
      </c>
      <c r="AQ13429">
        <v>59</v>
      </c>
    </row>
    <row r="13430" spans="1:43">
      <c r="A13430" t="s">
        <v>8336</v>
      </c>
      <c r="B13430" t="s">
        <v>8337</v>
      </c>
      <c r="C13430" t="s">
        <v>8338</v>
      </c>
      <c r="D13430" t="s">
        <v>8339</v>
      </c>
      <c r="E13430" t="s">
        <v>8296</v>
      </c>
      <c r="F13430" t="s">
        <v>8297</v>
      </c>
      <c r="G13430" t="s">
        <v>80</v>
      </c>
      <c r="H13430" t="s">
        <v>81</v>
      </c>
      <c r="I13430" s="2">
        <v>0</v>
      </c>
      <c r="J13430" s="2">
        <v>1</v>
      </c>
      <c r="K13430" s="2">
        <v>0</v>
      </c>
      <c r="L13430" t="s">
        <v>82</v>
      </c>
      <c r="M13430" t="s">
        <v>83</v>
      </c>
      <c r="N13430" t="s">
        <v>84</v>
      </c>
      <c r="O13430" t="s">
        <v>85</v>
      </c>
      <c r="P13430" t="s">
        <v>86</v>
      </c>
      <c r="Q13430">
        <v>344</v>
      </c>
      <c r="R13430">
        <v>350</v>
      </c>
      <c r="S13430">
        <v>357</v>
      </c>
      <c r="T13430">
        <v>364</v>
      </c>
      <c r="U13430">
        <v>371</v>
      </c>
      <c r="V13430">
        <v>378</v>
      </c>
      <c r="W13430">
        <v>384</v>
      </c>
      <c r="X13430">
        <v>391</v>
      </c>
      <c r="Y13430">
        <v>398</v>
      </c>
      <c r="Z13430">
        <v>405</v>
      </c>
      <c r="AA13430">
        <v>412</v>
      </c>
      <c r="AB13430">
        <v>418</v>
      </c>
      <c r="AC13430">
        <v>425</v>
      </c>
      <c r="AD13430">
        <v>432</v>
      </c>
      <c r="AE13430">
        <v>438</v>
      </c>
      <c r="AF13430">
        <v>445</v>
      </c>
      <c r="AG13430">
        <v>452</v>
      </c>
      <c r="AH13430">
        <v>458</v>
      </c>
      <c r="AI13430">
        <v>465</v>
      </c>
      <c r="AJ13430">
        <v>472</v>
      </c>
      <c r="AK13430">
        <v>479</v>
      </c>
      <c r="AL13430">
        <v>482</v>
      </c>
      <c r="AM13430">
        <v>484</v>
      </c>
      <c r="AN13430">
        <v>485</v>
      </c>
      <c r="AO13430">
        <v>487</v>
      </c>
      <c r="AP13430">
        <v>488</v>
      </c>
      <c r="AQ13430">
        <v>490</v>
      </c>
    </row>
    <row r="13431" spans="1:43">
      <c r="A13431" t="s">
        <v>8336</v>
      </c>
      <c r="B13431" t="s">
        <v>8337</v>
      </c>
      <c r="C13431" t="s">
        <v>8338</v>
      </c>
      <c r="D13431" t="s">
        <v>8339</v>
      </c>
      <c r="E13431" t="s">
        <v>8296</v>
      </c>
      <c r="F13431" t="s">
        <v>8297</v>
      </c>
      <c r="G13431" t="s">
        <v>80</v>
      </c>
      <c r="H13431" t="s">
        <v>81</v>
      </c>
      <c r="I13431" s="2">
        <v>0</v>
      </c>
      <c r="J13431" s="2">
        <v>1</v>
      </c>
      <c r="K13431" s="2">
        <v>0</v>
      </c>
      <c r="L13431" t="s">
        <v>82</v>
      </c>
      <c r="M13431" t="s">
        <v>87</v>
      </c>
      <c r="N13431" t="s">
        <v>88</v>
      </c>
      <c r="O13431" t="s">
        <v>85</v>
      </c>
      <c r="P13431" t="s">
        <v>86</v>
      </c>
      <c r="Q13431">
        <v>344</v>
      </c>
      <c r="R13431">
        <v>348</v>
      </c>
      <c r="S13431">
        <v>351</v>
      </c>
      <c r="T13431">
        <v>355</v>
      </c>
      <c r="U13431">
        <v>358</v>
      </c>
      <c r="V13431">
        <v>362</v>
      </c>
      <c r="W13431">
        <v>365</v>
      </c>
      <c r="X13431">
        <v>369</v>
      </c>
      <c r="Y13431">
        <v>372</v>
      </c>
      <c r="Z13431">
        <v>375</v>
      </c>
      <c r="AA13431">
        <v>379</v>
      </c>
      <c r="AB13431">
        <v>382</v>
      </c>
      <c r="AC13431">
        <v>385</v>
      </c>
      <c r="AD13431">
        <v>388</v>
      </c>
      <c r="AE13431">
        <v>392</v>
      </c>
      <c r="AF13431">
        <v>395</v>
      </c>
      <c r="AG13431">
        <v>398</v>
      </c>
      <c r="AH13431">
        <v>401</v>
      </c>
      <c r="AI13431">
        <v>404</v>
      </c>
      <c r="AJ13431">
        <v>407</v>
      </c>
      <c r="AK13431">
        <v>410</v>
      </c>
      <c r="AL13431">
        <v>414</v>
      </c>
      <c r="AM13431">
        <v>417</v>
      </c>
      <c r="AN13431">
        <v>420</v>
      </c>
      <c r="AO13431">
        <v>423</v>
      </c>
      <c r="AP13431">
        <v>426</v>
      </c>
      <c r="AQ13431">
        <v>429</v>
      </c>
    </row>
    <row r="13432" spans="1:43">
      <c r="A13432" t="s">
        <v>8336</v>
      </c>
      <c r="B13432" t="s">
        <v>8337</v>
      </c>
      <c r="C13432" t="s">
        <v>8338</v>
      </c>
      <c r="D13432" t="s">
        <v>8339</v>
      </c>
      <c r="E13432" t="s">
        <v>8296</v>
      </c>
      <c r="F13432" t="s">
        <v>8297</v>
      </c>
      <c r="G13432" t="s">
        <v>80</v>
      </c>
      <c r="H13432" t="s">
        <v>81</v>
      </c>
      <c r="I13432" s="2">
        <v>0</v>
      </c>
      <c r="J13432" s="2">
        <v>1</v>
      </c>
      <c r="K13432" s="2">
        <v>0</v>
      </c>
      <c r="L13432" t="s">
        <v>82</v>
      </c>
      <c r="M13432" t="s">
        <v>89</v>
      </c>
      <c r="N13432" t="s">
        <v>90</v>
      </c>
      <c r="O13432" t="s">
        <v>85</v>
      </c>
      <c r="P13432" t="s">
        <v>86</v>
      </c>
      <c r="Q13432">
        <v>344</v>
      </c>
      <c r="R13432">
        <v>354</v>
      </c>
      <c r="S13432">
        <v>363</v>
      </c>
      <c r="T13432">
        <v>373</v>
      </c>
      <c r="U13432">
        <v>383</v>
      </c>
      <c r="V13432">
        <v>392</v>
      </c>
      <c r="W13432">
        <v>401</v>
      </c>
      <c r="X13432">
        <v>410</v>
      </c>
      <c r="Y13432">
        <v>419</v>
      </c>
      <c r="Z13432">
        <v>428</v>
      </c>
      <c r="AA13432">
        <v>436</v>
      </c>
      <c r="AB13432">
        <v>445</v>
      </c>
      <c r="AC13432">
        <v>454</v>
      </c>
      <c r="AD13432">
        <v>462</v>
      </c>
      <c r="AE13432">
        <v>468</v>
      </c>
      <c r="AF13432">
        <v>470</v>
      </c>
      <c r="AG13432">
        <v>472</v>
      </c>
      <c r="AH13432">
        <v>474</v>
      </c>
      <c r="AI13432">
        <v>476</v>
      </c>
      <c r="AJ13432">
        <v>478</v>
      </c>
      <c r="AK13432">
        <v>479</v>
      </c>
      <c r="AL13432">
        <v>481</v>
      </c>
      <c r="AM13432">
        <v>483</v>
      </c>
      <c r="AN13432">
        <v>484</v>
      </c>
      <c r="AO13432">
        <v>486</v>
      </c>
      <c r="AP13432">
        <v>487</v>
      </c>
      <c r="AQ13432">
        <v>489</v>
      </c>
    </row>
    <row r="13433" spans="1:43">
      <c r="A13433" t="s">
        <v>8336</v>
      </c>
      <c r="B13433" t="s">
        <v>8337</v>
      </c>
      <c r="C13433" t="s">
        <v>8338</v>
      </c>
      <c r="D13433" t="s">
        <v>8339</v>
      </c>
      <c r="E13433" t="s">
        <v>8296</v>
      </c>
      <c r="F13433" t="s">
        <v>8297</v>
      </c>
      <c r="G13433" t="s">
        <v>80</v>
      </c>
      <c r="H13433" t="s">
        <v>81</v>
      </c>
      <c r="I13433" s="2">
        <v>0</v>
      </c>
      <c r="J13433" s="2">
        <v>1</v>
      </c>
      <c r="K13433" s="2">
        <v>0</v>
      </c>
      <c r="L13433" t="s">
        <v>82</v>
      </c>
      <c r="M13433" t="s">
        <v>83</v>
      </c>
      <c r="N13433" t="s">
        <v>91</v>
      </c>
      <c r="O13433" t="s">
        <v>85</v>
      </c>
      <c r="P13433" t="s">
        <v>86</v>
      </c>
      <c r="Q13433">
        <v>344</v>
      </c>
      <c r="R13433">
        <v>350</v>
      </c>
      <c r="S13433">
        <v>357</v>
      </c>
      <c r="T13433">
        <v>364</v>
      </c>
      <c r="U13433">
        <v>371</v>
      </c>
      <c r="V13433">
        <v>378</v>
      </c>
      <c r="W13433">
        <v>384</v>
      </c>
      <c r="X13433">
        <v>391</v>
      </c>
      <c r="Y13433">
        <v>398</v>
      </c>
      <c r="Z13433">
        <v>405</v>
      </c>
      <c r="AA13433">
        <v>412</v>
      </c>
      <c r="AB13433">
        <v>418</v>
      </c>
      <c r="AC13433">
        <v>425</v>
      </c>
      <c r="AD13433">
        <v>432</v>
      </c>
      <c r="AE13433">
        <v>438</v>
      </c>
      <c r="AF13433">
        <v>445</v>
      </c>
      <c r="AG13433">
        <v>452</v>
      </c>
      <c r="AH13433">
        <v>458</v>
      </c>
      <c r="AI13433">
        <v>465</v>
      </c>
      <c r="AJ13433">
        <v>472</v>
      </c>
      <c r="AK13433">
        <v>479</v>
      </c>
      <c r="AL13433">
        <v>482</v>
      </c>
      <c r="AM13433">
        <v>484</v>
      </c>
      <c r="AN13433">
        <v>485</v>
      </c>
      <c r="AO13433">
        <v>487</v>
      </c>
      <c r="AP13433">
        <v>488</v>
      </c>
      <c r="AQ13433">
        <v>490</v>
      </c>
    </row>
    <row r="13434" spans="1:43">
      <c r="A13434" t="s">
        <v>8340</v>
      </c>
      <c r="B13434" t="s">
        <v>8341</v>
      </c>
      <c r="C13434" t="s">
        <v>8342</v>
      </c>
      <c r="D13434" t="s">
        <v>8343</v>
      </c>
      <c r="E13434" t="s">
        <v>8296</v>
      </c>
      <c r="F13434" t="s">
        <v>8297</v>
      </c>
      <c r="G13434" t="s">
        <v>80</v>
      </c>
      <c r="H13434" t="s">
        <v>81</v>
      </c>
      <c r="I13434" s="2">
        <v>0</v>
      </c>
      <c r="J13434" s="2">
        <v>1</v>
      </c>
      <c r="K13434" s="2">
        <v>0</v>
      </c>
      <c r="L13434" t="s">
        <v>82</v>
      </c>
      <c r="M13434" t="s">
        <v>83</v>
      </c>
      <c r="N13434" t="s">
        <v>84</v>
      </c>
      <c r="O13434" t="s">
        <v>85</v>
      </c>
      <c r="P13434" t="s">
        <v>86</v>
      </c>
      <c r="Q13434">
        <v>37</v>
      </c>
      <c r="R13434">
        <v>37</v>
      </c>
      <c r="S13434">
        <v>38</v>
      </c>
      <c r="T13434">
        <v>39</v>
      </c>
      <c r="U13434">
        <v>39</v>
      </c>
      <c r="V13434">
        <v>40</v>
      </c>
      <c r="W13434">
        <v>41</v>
      </c>
      <c r="X13434">
        <v>42</v>
      </c>
      <c r="Y13434">
        <v>42</v>
      </c>
      <c r="Z13434">
        <v>43</v>
      </c>
      <c r="AA13434">
        <v>44</v>
      </c>
      <c r="AB13434">
        <v>44</v>
      </c>
      <c r="AC13434">
        <v>45</v>
      </c>
      <c r="AD13434">
        <v>46</v>
      </c>
      <c r="AE13434">
        <v>47</v>
      </c>
      <c r="AF13434">
        <v>47</v>
      </c>
      <c r="AG13434">
        <v>48</v>
      </c>
      <c r="AH13434">
        <v>49</v>
      </c>
      <c r="AI13434">
        <v>49</v>
      </c>
      <c r="AJ13434">
        <v>50</v>
      </c>
      <c r="AK13434">
        <v>51</v>
      </c>
      <c r="AL13434">
        <v>51</v>
      </c>
      <c r="AM13434">
        <v>51</v>
      </c>
      <c r="AN13434">
        <v>52</v>
      </c>
      <c r="AO13434">
        <v>52</v>
      </c>
      <c r="AP13434">
        <v>52</v>
      </c>
      <c r="AQ13434">
        <v>52</v>
      </c>
    </row>
    <row r="13435" spans="1:43">
      <c r="A13435" t="s">
        <v>8340</v>
      </c>
      <c r="B13435" t="s">
        <v>8341</v>
      </c>
      <c r="C13435" t="s">
        <v>8342</v>
      </c>
      <c r="D13435" t="s">
        <v>8343</v>
      </c>
      <c r="E13435" t="s">
        <v>8296</v>
      </c>
      <c r="F13435" t="s">
        <v>8297</v>
      </c>
      <c r="G13435" t="s">
        <v>80</v>
      </c>
      <c r="H13435" t="s">
        <v>81</v>
      </c>
      <c r="I13435" s="2">
        <v>0</v>
      </c>
      <c r="J13435" s="2">
        <v>1</v>
      </c>
      <c r="K13435" s="2">
        <v>0</v>
      </c>
      <c r="L13435" t="s">
        <v>82</v>
      </c>
      <c r="M13435" t="s">
        <v>87</v>
      </c>
      <c r="N13435" t="s">
        <v>88</v>
      </c>
      <c r="O13435" t="s">
        <v>85</v>
      </c>
      <c r="P13435" t="s">
        <v>86</v>
      </c>
      <c r="Q13435">
        <v>37</v>
      </c>
      <c r="R13435">
        <v>38</v>
      </c>
      <c r="S13435">
        <v>38</v>
      </c>
      <c r="T13435">
        <v>38</v>
      </c>
      <c r="U13435">
        <v>39</v>
      </c>
      <c r="V13435">
        <v>39</v>
      </c>
      <c r="W13435">
        <v>39</v>
      </c>
      <c r="X13435">
        <v>40</v>
      </c>
      <c r="Y13435">
        <v>40</v>
      </c>
      <c r="Z13435">
        <v>41</v>
      </c>
      <c r="AA13435">
        <v>41</v>
      </c>
      <c r="AB13435">
        <v>41</v>
      </c>
      <c r="AC13435">
        <v>42</v>
      </c>
      <c r="AD13435">
        <v>42</v>
      </c>
      <c r="AE13435">
        <v>42</v>
      </c>
      <c r="AF13435">
        <v>43</v>
      </c>
      <c r="AG13435">
        <v>43</v>
      </c>
      <c r="AH13435">
        <v>43</v>
      </c>
      <c r="AI13435">
        <v>44</v>
      </c>
      <c r="AJ13435">
        <v>44</v>
      </c>
      <c r="AK13435">
        <v>44</v>
      </c>
      <c r="AL13435">
        <v>45</v>
      </c>
      <c r="AM13435">
        <v>45</v>
      </c>
      <c r="AN13435">
        <v>45</v>
      </c>
      <c r="AO13435">
        <v>46</v>
      </c>
      <c r="AP13435">
        <v>46</v>
      </c>
      <c r="AQ13435">
        <v>46</v>
      </c>
    </row>
    <row r="13436" spans="1:43">
      <c r="A13436" t="s">
        <v>8340</v>
      </c>
      <c r="B13436" t="s">
        <v>8341</v>
      </c>
      <c r="C13436" t="s">
        <v>8342</v>
      </c>
      <c r="D13436" t="s">
        <v>8343</v>
      </c>
      <c r="E13436" t="s">
        <v>8296</v>
      </c>
      <c r="F13436" t="s">
        <v>8297</v>
      </c>
      <c r="G13436" t="s">
        <v>80</v>
      </c>
      <c r="H13436" t="s">
        <v>81</v>
      </c>
      <c r="I13436" s="2">
        <v>0</v>
      </c>
      <c r="J13436" s="2">
        <v>1</v>
      </c>
      <c r="K13436" s="2">
        <v>0</v>
      </c>
      <c r="L13436" t="s">
        <v>82</v>
      </c>
      <c r="M13436" t="s">
        <v>89</v>
      </c>
      <c r="N13436" t="s">
        <v>90</v>
      </c>
      <c r="O13436" t="s">
        <v>85</v>
      </c>
      <c r="P13436" t="s">
        <v>86</v>
      </c>
      <c r="Q13436">
        <v>37</v>
      </c>
      <c r="R13436">
        <v>38</v>
      </c>
      <c r="S13436">
        <v>39</v>
      </c>
      <c r="T13436">
        <v>40</v>
      </c>
      <c r="U13436">
        <v>41</v>
      </c>
      <c r="V13436">
        <v>42</v>
      </c>
      <c r="W13436">
        <v>43</v>
      </c>
      <c r="X13436">
        <v>44</v>
      </c>
      <c r="Y13436">
        <v>45</v>
      </c>
      <c r="Z13436">
        <v>46</v>
      </c>
      <c r="AA13436">
        <v>47</v>
      </c>
      <c r="AB13436">
        <v>48</v>
      </c>
      <c r="AC13436">
        <v>49</v>
      </c>
      <c r="AD13436">
        <v>49</v>
      </c>
      <c r="AE13436">
        <v>50</v>
      </c>
      <c r="AF13436">
        <v>50</v>
      </c>
      <c r="AG13436">
        <v>50</v>
      </c>
      <c r="AH13436">
        <v>51</v>
      </c>
      <c r="AI13436">
        <v>51</v>
      </c>
      <c r="AJ13436">
        <v>51</v>
      </c>
      <c r="AK13436">
        <v>51</v>
      </c>
      <c r="AL13436">
        <v>51</v>
      </c>
      <c r="AM13436">
        <v>52</v>
      </c>
      <c r="AN13436">
        <v>52</v>
      </c>
      <c r="AO13436">
        <v>52</v>
      </c>
      <c r="AP13436">
        <v>52</v>
      </c>
      <c r="AQ13436">
        <v>52</v>
      </c>
    </row>
    <row r="13437" spans="1:43">
      <c r="A13437" t="s">
        <v>8340</v>
      </c>
      <c r="B13437" t="s">
        <v>8341</v>
      </c>
      <c r="C13437" t="s">
        <v>8342</v>
      </c>
      <c r="D13437" t="s">
        <v>8343</v>
      </c>
      <c r="E13437" t="s">
        <v>8296</v>
      </c>
      <c r="F13437" t="s">
        <v>8297</v>
      </c>
      <c r="G13437" t="s">
        <v>80</v>
      </c>
      <c r="H13437" t="s">
        <v>81</v>
      </c>
      <c r="I13437" s="2">
        <v>0</v>
      </c>
      <c r="J13437" s="2">
        <v>1</v>
      </c>
      <c r="K13437" s="2">
        <v>0</v>
      </c>
      <c r="L13437" t="s">
        <v>82</v>
      </c>
      <c r="M13437" t="s">
        <v>83</v>
      </c>
      <c r="N13437" t="s">
        <v>91</v>
      </c>
      <c r="O13437" t="s">
        <v>85</v>
      </c>
      <c r="P13437" t="s">
        <v>86</v>
      </c>
      <c r="Q13437">
        <v>37</v>
      </c>
      <c r="R13437">
        <v>37</v>
      </c>
      <c r="S13437">
        <v>38</v>
      </c>
      <c r="T13437">
        <v>39</v>
      </c>
      <c r="U13437">
        <v>39</v>
      </c>
      <c r="V13437">
        <v>40</v>
      </c>
      <c r="W13437">
        <v>41</v>
      </c>
      <c r="X13437">
        <v>42</v>
      </c>
      <c r="Y13437">
        <v>42</v>
      </c>
      <c r="Z13437">
        <v>43</v>
      </c>
      <c r="AA13437">
        <v>44</v>
      </c>
      <c r="AB13437">
        <v>44</v>
      </c>
      <c r="AC13437">
        <v>45</v>
      </c>
      <c r="AD13437">
        <v>46</v>
      </c>
      <c r="AE13437">
        <v>47</v>
      </c>
      <c r="AF13437">
        <v>47</v>
      </c>
      <c r="AG13437">
        <v>48</v>
      </c>
      <c r="AH13437">
        <v>49</v>
      </c>
      <c r="AI13437">
        <v>49</v>
      </c>
      <c r="AJ13437">
        <v>50</v>
      </c>
      <c r="AK13437">
        <v>51</v>
      </c>
      <c r="AL13437">
        <v>51</v>
      </c>
      <c r="AM13437">
        <v>51</v>
      </c>
      <c r="AN13437">
        <v>52</v>
      </c>
      <c r="AO13437">
        <v>52</v>
      </c>
      <c r="AP13437">
        <v>52</v>
      </c>
      <c r="AQ13437">
        <v>52</v>
      </c>
    </row>
    <row r="13438" spans="1:43">
      <c r="A13438" t="s">
        <v>8344</v>
      </c>
      <c r="B13438" t="s">
        <v>8345</v>
      </c>
      <c r="C13438" t="s">
        <v>8342</v>
      </c>
      <c r="D13438" t="s">
        <v>8343</v>
      </c>
      <c r="E13438" t="s">
        <v>8296</v>
      </c>
      <c r="F13438" t="s">
        <v>8297</v>
      </c>
      <c r="G13438" t="s">
        <v>80</v>
      </c>
      <c r="H13438" t="s">
        <v>81</v>
      </c>
      <c r="I13438" s="2">
        <v>0</v>
      </c>
      <c r="J13438" s="2">
        <v>1</v>
      </c>
      <c r="K13438" s="2">
        <v>0</v>
      </c>
      <c r="L13438" t="s">
        <v>82</v>
      </c>
      <c r="M13438" t="s">
        <v>83</v>
      </c>
      <c r="N13438" t="s">
        <v>84</v>
      </c>
      <c r="O13438" t="s">
        <v>85</v>
      </c>
      <c r="P13438" t="s">
        <v>86</v>
      </c>
      <c r="Q13438">
        <v>35</v>
      </c>
      <c r="R13438">
        <v>36</v>
      </c>
      <c r="S13438">
        <v>37</v>
      </c>
      <c r="T13438">
        <v>38</v>
      </c>
      <c r="U13438">
        <v>38</v>
      </c>
      <c r="V13438">
        <v>39</v>
      </c>
      <c r="W13438">
        <v>40</v>
      </c>
      <c r="X13438">
        <v>40</v>
      </c>
      <c r="Y13438">
        <v>41</v>
      </c>
      <c r="Z13438">
        <v>42</v>
      </c>
      <c r="AA13438">
        <v>42</v>
      </c>
      <c r="AB13438">
        <v>43</v>
      </c>
      <c r="AC13438">
        <v>44</v>
      </c>
      <c r="AD13438">
        <v>44</v>
      </c>
      <c r="AE13438">
        <v>45</v>
      </c>
      <c r="AF13438">
        <v>46</v>
      </c>
      <c r="AG13438">
        <v>46</v>
      </c>
      <c r="AH13438">
        <v>47</v>
      </c>
      <c r="AI13438">
        <v>48</v>
      </c>
      <c r="AJ13438">
        <v>48</v>
      </c>
      <c r="AK13438">
        <v>49</v>
      </c>
      <c r="AL13438">
        <v>49</v>
      </c>
      <c r="AM13438">
        <v>50</v>
      </c>
      <c r="AN13438">
        <v>50</v>
      </c>
      <c r="AO13438">
        <v>50</v>
      </c>
      <c r="AP13438">
        <v>50</v>
      </c>
      <c r="AQ13438">
        <v>50</v>
      </c>
    </row>
    <row r="13439" spans="1:43">
      <c r="A13439" t="s">
        <v>8344</v>
      </c>
      <c r="B13439" t="s">
        <v>8345</v>
      </c>
      <c r="C13439" t="s">
        <v>8342</v>
      </c>
      <c r="D13439" t="s">
        <v>8343</v>
      </c>
      <c r="E13439" t="s">
        <v>8296</v>
      </c>
      <c r="F13439" t="s">
        <v>8297</v>
      </c>
      <c r="G13439" t="s">
        <v>80</v>
      </c>
      <c r="H13439" t="s">
        <v>81</v>
      </c>
      <c r="I13439" s="2">
        <v>0</v>
      </c>
      <c r="J13439" s="2">
        <v>1</v>
      </c>
      <c r="K13439" s="2">
        <v>0</v>
      </c>
      <c r="L13439" t="s">
        <v>82</v>
      </c>
      <c r="M13439" t="s">
        <v>87</v>
      </c>
      <c r="N13439" t="s">
        <v>88</v>
      </c>
      <c r="O13439" t="s">
        <v>85</v>
      </c>
      <c r="P13439" t="s">
        <v>86</v>
      </c>
      <c r="Q13439">
        <v>35</v>
      </c>
      <c r="R13439">
        <v>35</v>
      </c>
      <c r="S13439">
        <v>36</v>
      </c>
      <c r="T13439">
        <v>36</v>
      </c>
      <c r="U13439">
        <v>37</v>
      </c>
      <c r="V13439">
        <v>37</v>
      </c>
      <c r="W13439">
        <v>37</v>
      </c>
      <c r="X13439">
        <v>38</v>
      </c>
      <c r="Y13439">
        <v>38</v>
      </c>
      <c r="Z13439">
        <v>38</v>
      </c>
      <c r="AA13439">
        <v>39</v>
      </c>
      <c r="AB13439">
        <v>39</v>
      </c>
      <c r="AC13439">
        <v>39</v>
      </c>
      <c r="AD13439">
        <v>40</v>
      </c>
      <c r="AE13439">
        <v>40</v>
      </c>
      <c r="AF13439">
        <v>40</v>
      </c>
      <c r="AG13439">
        <v>41</v>
      </c>
      <c r="AH13439">
        <v>41</v>
      </c>
      <c r="AI13439">
        <v>41</v>
      </c>
      <c r="AJ13439">
        <v>42</v>
      </c>
      <c r="AK13439">
        <v>42</v>
      </c>
      <c r="AL13439">
        <v>42</v>
      </c>
      <c r="AM13439">
        <v>42</v>
      </c>
      <c r="AN13439">
        <v>43</v>
      </c>
      <c r="AO13439">
        <v>43</v>
      </c>
      <c r="AP13439">
        <v>43</v>
      </c>
      <c r="AQ13439">
        <v>44</v>
      </c>
    </row>
    <row r="13440" spans="1:43">
      <c r="A13440" t="s">
        <v>8344</v>
      </c>
      <c r="B13440" t="s">
        <v>8345</v>
      </c>
      <c r="C13440" t="s">
        <v>8342</v>
      </c>
      <c r="D13440" t="s">
        <v>8343</v>
      </c>
      <c r="E13440" t="s">
        <v>8296</v>
      </c>
      <c r="F13440" t="s">
        <v>8297</v>
      </c>
      <c r="G13440" t="s">
        <v>80</v>
      </c>
      <c r="H13440" t="s">
        <v>81</v>
      </c>
      <c r="I13440" s="2">
        <v>0</v>
      </c>
      <c r="J13440" s="2">
        <v>1</v>
      </c>
      <c r="K13440" s="2">
        <v>0</v>
      </c>
      <c r="L13440" t="s">
        <v>82</v>
      </c>
      <c r="M13440" t="s">
        <v>89</v>
      </c>
      <c r="N13440" t="s">
        <v>90</v>
      </c>
      <c r="O13440" t="s">
        <v>85</v>
      </c>
      <c r="P13440" t="s">
        <v>86</v>
      </c>
      <c r="Q13440">
        <v>35</v>
      </c>
      <c r="R13440">
        <v>36</v>
      </c>
      <c r="S13440">
        <v>37</v>
      </c>
      <c r="T13440">
        <v>38</v>
      </c>
      <c r="U13440">
        <v>39</v>
      </c>
      <c r="V13440">
        <v>40</v>
      </c>
      <c r="W13440">
        <v>41</v>
      </c>
      <c r="X13440">
        <v>42</v>
      </c>
      <c r="Y13440">
        <v>42</v>
      </c>
      <c r="Z13440">
        <v>43</v>
      </c>
      <c r="AA13440">
        <v>44</v>
      </c>
      <c r="AB13440">
        <v>45</v>
      </c>
      <c r="AC13440">
        <v>46</v>
      </c>
      <c r="AD13440">
        <v>47</v>
      </c>
      <c r="AE13440">
        <v>47</v>
      </c>
      <c r="AF13440">
        <v>48</v>
      </c>
      <c r="AG13440">
        <v>48</v>
      </c>
      <c r="AH13440">
        <v>48</v>
      </c>
      <c r="AI13440">
        <v>48</v>
      </c>
      <c r="AJ13440">
        <v>48</v>
      </c>
      <c r="AK13440">
        <v>49</v>
      </c>
      <c r="AL13440">
        <v>49</v>
      </c>
      <c r="AM13440">
        <v>49</v>
      </c>
      <c r="AN13440">
        <v>49</v>
      </c>
      <c r="AO13440">
        <v>49</v>
      </c>
      <c r="AP13440">
        <v>49</v>
      </c>
      <c r="AQ13440">
        <v>50</v>
      </c>
    </row>
    <row r="13441" spans="1:43">
      <c r="A13441" t="s">
        <v>8344</v>
      </c>
      <c r="B13441" t="s">
        <v>8345</v>
      </c>
      <c r="C13441" t="s">
        <v>8342</v>
      </c>
      <c r="D13441" t="s">
        <v>8343</v>
      </c>
      <c r="E13441" t="s">
        <v>8296</v>
      </c>
      <c r="F13441" t="s">
        <v>8297</v>
      </c>
      <c r="G13441" t="s">
        <v>80</v>
      </c>
      <c r="H13441" t="s">
        <v>81</v>
      </c>
      <c r="I13441" s="2">
        <v>0</v>
      </c>
      <c r="J13441" s="2">
        <v>1</v>
      </c>
      <c r="K13441" s="2">
        <v>0</v>
      </c>
      <c r="L13441" t="s">
        <v>82</v>
      </c>
      <c r="M13441" t="s">
        <v>83</v>
      </c>
      <c r="N13441" t="s">
        <v>91</v>
      </c>
      <c r="O13441" t="s">
        <v>85</v>
      </c>
      <c r="P13441" t="s">
        <v>86</v>
      </c>
      <c r="Q13441">
        <v>35</v>
      </c>
      <c r="R13441">
        <v>36</v>
      </c>
      <c r="S13441">
        <v>37</v>
      </c>
      <c r="T13441">
        <v>38</v>
      </c>
      <c r="U13441">
        <v>38</v>
      </c>
      <c r="V13441">
        <v>39</v>
      </c>
      <c r="W13441">
        <v>40</v>
      </c>
      <c r="X13441">
        <v>40</v>
      </c>
      <c r="Y13441">
        <v>41</v>
      </c>
      <c r="Z13441">
        <v>42</v>
      </c>
      <c r="AA13441">
        <v>42</v>
      </c>
      <c r="AB13441">
        <v>43</v>
      </c>
      <c r="AC13441">
        <v>44</v>
      </c>
      <c r="AD13441">
        <v>44</v>
      </c>
      <c r="AE13441">
        <v>45</v>
      </c>
      <c r="AF13441">
        <v>46</v>
      </c>
      <c r="AG13441">
        <v>46</v>
      </c>
      <c r="AH13441">
        <v>47</v>
      </c>
      <c r="AI13441">
        <v>48</v>
      </c>
      <c r="AJ13441">
        <v>48</v>
      </c>
      <c r="AK13441">
        <v>49</v>
      </c>
      <c r="AL13441">
        <v>49</v>
      </c>
      <c r="AM13441">
        <v>50</v>
      </c>
      <c r="AN13441">
        <v>50</v>
      </c>
      <c r="AO13441">
        <v>50</v>
      </c>
      <c r="AP13441">
        <v>50</v>
      </c>
      <c r="AQ13441">
        <v>50</v>
      </c>
    </row>
    <row r="13442" spans="1:43">
      <c r="A13442" t="s">
        <v>8346</v>
      </c>
      <c r="B13442" t="s">
        <v>8347</v>
      </c>
      <c r="C13442" t="s">
        <v>8342</v>
      </c>
      <c r="D13442" t="s">
        <v>8343</v>
      </c>
      <c r="E13442" t="s">
        <v>8296</v>
      </c>
      <c r="F13442" t="s">
        <v>8297</v>
      </c>
      <c r="G13442" t="s">
        <v>80</v>
      </c>
      <c r="H13442" t="s">
        <v>81</v>
      </c>
      <c r="I13442" s="2">
        <v>0</v>
      </c>
      <c r="J13442" s="2">
        <v>1</v>
      </c>
      <c r="K13442" s="2">
        <v>0</v>
      </c>
      <c r="L13442" t="s">
        <v>82</v>
      </c>
      <c r="M13442" t="s">
        <v>83</v>
      </c>
      <c r="N13442" t="s">
        <v>84</v>
      </c>
      <c r="O13442" t="s">
        <v>85</v>
      </c>
      <c r="P13442" t="s">
        <v>86</v>
      </c>
      <c r="Q13442">
        <v>48</v>
      </c>
      <c r="R13442">
        <v>49</v>
      </c>
      <c r="S13442">
        <v>49</v>
      </c>
      <c r="T13442">
        <v>50</v>
      </c>
      <c r="U13442">
        <v>51</v>
      </c>
      <c r="V13442">
        <v>52</v>
      </c>
      <c r="W13442">
        <v>53</v>
      </c>
      <c r="X13442">
        <v>54</v>
      </c>
      <c r="Y13442">
        <v>55</v>
      </c>
      <c r="Z13442">
        <v>56</v>
      </c>
      <c r="AA13442">
        <v>57</v>
      </c>
      <c r="AB13442">
        <v>58</v>
      </c>
      <c r="AC13442">
        <v>59</v>
      </c>
      <c r="AD13442">
        <v>60</v>
      </c>
      <c r="AE13442">
        <v>61</v>
      </c>
      <c r="AF13442">
        <v>61</v>
      </c>
      <c r="AG13442">
        <v>62</v>
      </c>
      <c r="AH13442">
        <v>63</v>
      </c>
      <c r="AI13442">
        <v>64</v>
      </c>
      <c r="AJ13442">
        <v>65</v>
      </c>
      <c r="AK13442">
        <v>66</v>
      </c>
      <c r="AL13442">
        <v>66</v>
      </c>
      <c r="AM13442">
        <v>67</v>
      </c>
      <c r="AN13442">
        <v>67</v>
      </c>
      <c r="AO13442">
        <v>67</v>
      </c>
      <c r="AP13442">
        <v>67</v>
      </c>
      <c r="AQ13442">
        <v>67</v>
      </c>
    </row>
    <row r="13443" spans="1:43">
      <c r="A13443" t="s">
        <v>8346</v>
      </c>
      <c r="B13443" t="s">
        <v>8347</v>
      </c>
      <c r="C13443" t="s">
        <v>8342</v>
      </c>
      <c r="D13443" t="s">
        <v>8343</v>
      </c>
      <c r="E13443" t="s">
        <v>8296</v>
      </c>
      <c r="F13443" t="s">
        <v>8297</v>
      </c>
      <c r="G13443" t="s">
        <v>80</v>
      </c>
      <c r="H13443" t="s">
        <v>81</v>
      </c>
      <c r="I13443" s="2">
        <v>0</v>
      </c>
      <c r="J13443" s="2">
        <v>1</v>
      </c>
      <c r="K13443" s="2">
        <v>0</v>
      </c>
      <c r="L13443" t="s">
        <v>82</v>
      </c>
      <c r="M13443" t="s">
        <v>87</v>
      </c>
      <c r="N13443" t="s">
        <v>88</v>
      </c>
      <c r="O13443" t="s">
        <v>85</v>
      </c>
      <c r="P13443" t="s">
        <v>86</v>
      </c>
      <c r="Q13443">
        <v>48</v>
      </c>
      <c r="R13443">
        <v>49</v>
      </c>
      <c r="S13443">
        <v>49</v>
      </c>
      <c r="T13443">
        <v>50</v>
      </c>
      <c r="U13443">
        <v>50</v>
      </c>
      <c r="V13443">
        <v>51</v>
      </c>
      <c r="W13443">
        <v>51</v>
      </c>
      <c r="X13443">
        <v>51</v>
      </c>
      <c r="Y13443">
        <v>52</v>
      </c>
      <c r="Z13443">
        <v>52</v>
      </c>
      <c r="AA13443">
        <v>53</v>
      </c>
      <c r="AB13443">
        <v>53</v>
      </c>
      <c r="AC13443">
        <v>54</v>
      </c>
      <c r="AD13443">
        <v>54</v>
      </c>
      <c r="AE13443">
        <v>55</v>
      </c>
      <c r="AF13443">
        <v>55</v>
      </c>
      <c r="AG13443">
        <v>55</v>
      </c>
      <c r="AH13443">
        <v>56</v>
      </c>
      <c r="AI13443">
        <v>56</v>
      </c>
      <c r="AJ13443">
        <v>57</v>
      </c>
      <c r="AK13443">
        <v>57</v>
      </c>
      <c r="AL13443">
        <v>58</v>
      </c>
      <c r="AM13443">
        <v>58</v>
      </c>
      <c r="AN13443">
        <v>58</v>
      </c>
      <c r="AO13443">
        <v>59</v>
      </c>
      <c r="AP13443">
        <v>59</v>
      </c>
      <c r="AQ13443">
        <v>60</v>
      </c>
    </row>
    <row r="13444" spans="1:43">
      <c r="A13444" t="s">
        <v>8346</v>
      </c>
      <c r="B13444" t="s">
        <v>8347</v>
      </c>
      <c r="C13444" t="s">
        <v>8342</v>
      </c>
      <c r="D13444" t="s">
        <v>8343</v>
      </c>
      <c r="E13444" t="s">
        <v>8296</v>
      </c>
      <c r="F13444" t="s">
        <v>8297</v>
      </c>
      <c r="G13444" t="s">
        <v>80</v>
      </c>
      <c r="H13444" t="s">
        <v>81</v>
      </c>
      <c r="I13444" s="2">
        <v>0</v>
      </c>
      <c r="J13444" s="2">
        <v>1</v>
      </c>
      <c r="K13444" s="2">
        <v>0</v>
      </c>
      <c r="L13444" t="s">
        <v>82</v>
      </c>
      <c r="M13444" t="s">
        <v>89</v>
      </c>
      <c r="N13444" t="s">
        <v>90</v>
      </c>
      <c r="O13444" t="s">
        <v>85</v>
      </c>
      <c r="P13444" t="s">
        <v>86</v>
      </c>
      <c r="Q13444">
        <v>48</v>
      </c>
      <c r="R13444">
        <v>49</v>
      </c>
      <c r="S13444">
        <v>51</v>
      </c>
      <c r="T13444">
        <v>52</v>
      </c>
      <c r="U13444">
        <v>53</v>
      </c>
      <c r="V13444">
        <v>55</v>
      </c>
      <c r="W13444">
        <v>56</v>
      </c>
      <c r="X13444">
        <v>57</v>
      </c>
      <c r="Y13444">
        <v>58</v>
      </c>
      <c r="Z13444">
        <v>59</v>
      </c>
      <c r="AA13444">
        <v>61</v>
      </c>
      <c r="AB13444">
        <v>62</v>
      </c>
      <c r="AC13444">
        <v>63</v>
      </c>
      <c r="AD13444">
        <v>64</v>
      </c>
      <c r="AE13444">
        <v>65</v>
      </c>
      <c r="AF13444">
        <v>65</v>
      </c>
      <c r="AG13444">
        <v>65</v>
      </c>
      <c r="AH13444">
        <v>66</v>
      </c>
      <c r="AI13444">
        <v>66</v>
      </c>
      <c r="AJ13444">
        <v>66</v>
      </c>
      <c r="AK13444">
        <v>66</v>
      </c>
      <c r="AL13444">
        <v>67</v>
      </c>
      <c r="AM13444">
        <v>67</v>
      </c>
      <c r="AN13444">
        <v>67</v>
      </c>
      <c r="AO13444">
        <v>67</v>
      </c>
      <c r="AP13444">
        <v>68</v>
      </c>
      <c r="AQ13444">
        <v>68</v>
      </c>
    </row>
    <row r="13445" spans="1:43">
      <c r="A13445" t="s">
        <v>8346</v>
      </c>
      <c r="B13445" t="s">
        <v>8347</v>
      </c>
      <c r="C13445" t="s">
        <v>8342</v>
      </c>
      <c r="D13445" t="s">
        <v>8343</v>
      </c>
      <c r="E13445" t="s">
        <v>8296</v>
      </c>
      <c r="F13445" t="s">
        <v>8297</v>
      </c>
      <c r="G13445" t="s">
        <v>80</v>
      </c>
      <c r="H13445" t="s">
        <v>81</v>
      </c>
      <c r="I13445" s="2">
        <v>0</v>
      </c>
      <c r="J13445" s="2">
        <v>1</v>
      </c>
      <c r="K13445" s="2">
        <v>0</v>
      </c>
      <c r="L13445" t="s">
        <v>82</v>
      </c>
      <c r="M13445" t="s">
        <v>83</v>
      </c>
      <c r="N13445" t="s">
        <v>91</v>
      </c>
      <c r="O13445" t="s">
        <v>85</v>
      </c>
      <c r="P13445" t="s">
        <v>86</v>
      </c>
      <c r="Q13445">
        <v>48</v>
      </c>
      <c r="R13445">
        <v>49</v>
      </c>
      <c r="S13445">
        <v>49</v>
      </c>
      <c r="T13445">
        <v>50</v>
      </c>
      <c r="U13445">
        <v>51</v>
      </c>
      <c r="V13445">
        <v>52</v>
      </c>
      <c r="W13445">
        <v>53</v>
      </c>
      <c r="X13445">
        <v>54</v>
      </c>
      <c r="Y13445">
        <v>55</v>
      </c>
      <c r="Z13445">
        <v>56</v>
      </c>
      <c r="AA13445">
        <v>57</v>
      </c>
      <c r="AB13445">
        <v>58</v>
      </c>
      <c r="AC13445">
        <v>59</v>
      </c>
      <c r="AD13445">
        <v>60</v>
      </c>
      <c r="AE13445">
        <v>61</v>
      </c>
      <c r="AF13445">
        <v>61</v>
      </c>
      <c r="AG13445">
        <v>62</v>
      </c>
      <c r="AH13445">
        <v>63</v>
      </c>
      <c r="AI13445">
        <v>64</v>
      </c>
      <c r="AJ13445">
        <v>65</v>
      </c>
      <c r="AK13445">
        <v>66</v>
      </c>
      <c r="AL13445">
        <v>66</v>
      </c>
      <c r="AM13445">
        <v>67</v>
      </c>
      <c r="AN13445">
        <v>67</v>
      </c>
      <c r="AO13445">
        <v>67</v>
      </c>
      <c r="AP13445">
        <v>67</v>
      </c>
      <c r="AQ13445">
        <v>67</v>
      </c>
    </row>
    <row r="13446" spans="1:43">
      <c r="A13446" t="s">
        <v>8348</v>
      </c>
      <c r="B13446" t="s">
        <v>8349</v>
      </c>
      <c r="C13446" t="s">
        <v>8338</v>
      </c>
      <c r="D13446" t="s">
        <v>8339</v>
      </c>
      <c r="E13446" t="s">
        <v>8296</v>
      </c>
      <c r="F13446" t="s">
        <v>8297</v>
      </c>
      <c r="G13446" t="s">
        <v>80</v>
      </c>
      <c r="H13446" t="s">
        <v>81</v>
      </c>
      <c r="I13446" s="2">
        <v>0</v>
      </c>
      <c r="J13446" s="2">
        <v>1</v>
      </c>
      <c r="K13446" s="2">
        <v>0</v>
      </c>
      <c r="L13446" t="s">
        <v>82</v>
      </c>
      <c r="M13446" t="s">
        <v>83</v>
      </c>
      <c r="N13446" t="s">
        <v>84</v>
      </c>
      <c r="O13446" t="s">
        <v>85</v>
      </c>
      <c r="P13446" t="s">
        <v>86</v>
      </c>
      <c r="Q13446">
        <v>159</v>
      </c>
      <c r="R13446">
        <v>162</v>
      </c>
      <c r="S13446">
        <v>166</v>
      </c>
      <c r="T13446">
        <v>169</v>
      </c>
      <c r="U13446">
        <v>172</v>
      </c>
      <c r="V13446">
        <v>175</v>
      </c>
      <c r="W13446">
        <v>178</v>
      </c>
      <c r="X13446">
        <v>181</v>
      </c>
      <c r="Y13446">
        <v>184</v>
      </c>
      <c r="Z13446">
        <v>188</v>
      </c>
      <c r="AA13446">
        <v>191</v>
      </c>
      <c r="AB13446">
        <v>194</v>
      </c>
      <c r="AC13446">
        <v>197</v>
      </c>
      <c r="AD13446">
        <v>200</v>
      </c>
      <c r="AE13446">
        <v>203</v>
      </c>
      <c r="AF13446">
        <v>206</v>
      </c>
      <c r="AG13446">
        <v>209</v>
      </c>
      <c r="AH13446">
        <v>212</v>
      </c>
      <c r="AI13446">
        <v>215</v>
      </c>
      <c r="AJ13446">
        <v>219</v>
      </c>
      <c r="AK13446">
        <v>222</v>
      </c>
      <c r="AL13446">
        <v>223</v>
      </c>
      <c r="AM13446">
        <v>224</v>
      </c>
      <c r="AN13446">
        <v>225</v>
      </c>
      <c r="AO13446">
        <v>225</v>
      </c>
      <c r="AP13446">
        <v>226</v>
      </c>
      <c r="AQ13446">
        <v>227</v>
      </c>
    </row>
    <row r="13447" spans="1:43">
      <c r="A13447" t="s">
        <v>8348</v>
      </c>
      <c r="B13447" t="s">
        <v>8349</v>
      </c>
      <c r="C13447" t="s">
        <v>8338</v>
      </c>
      <c r="D13447" t="s">
        <v>8339</v>
      </c>
      <c r="E13447" t="s">
        <v>8296</v>
      </c>
      <c r="F13447" t="s">
        <v>8297</v>
      </c>
      <c r="G13447" t="s">
        <v>80</v>
      </c>
      <c r="H13447" t="s">
        <v>81</v>
      </c>
      <c r="I13447" s="2">
        <v>0</v>
      </c>
      <c r="J13447" s="2">
        <v>1</v>
      </c>
      <c r="K13447" s="2">
        <v>0</v>
      </c>
      <c r="L13447" t="s">
        <v>82</v>
      </c>
      <c r="M13447" t="s">
        <v>87</v>
      </c>
      <c r="N13447" t="s">
        <v>88</v>
      </c>
      <c r="O13447" t="s">
        <v>85</v>
      </c>
      <c r="P13447" t="s">
        <v>86</v>
      </c>
      <c r="Q13447">
        <v>159</v>
      </c>
      <c r="R13447">
        <v>160</v>
      </c>
      <c r="S13447">
        <v>162</v>
      </c>
      <c r="T13447">
        <v>164</v>
      </c>
      <c r="U13447">
        <v>165</v>
      </c>
      <c r="V13447">
        <v>167</v>
      </c>
      <c r="W13447">
        <v>168</v>
      </c>
      <c r="X13447">
        <v>170</v>
      </c>
      <c r="Y13447">
        <v>171</v>
      </c>
      <c r="Z13447">
        <v>173</v>
      </c>
      <c r="AA13447">
        <v>175</v>
      </c>
      <c r="AB13447">
        <v>176</v>
      </c>
      <c r="AC13447">
        <v>178</v>
      </c>
      <c r="AD13447">
        <v>179</v>
      </c>
      <c r="AE13447">
        <v>181</v>
      </c>
      <c r="AF13447">
        <v>182</v>
      </c>
      <c r="AG13447">
        <v>184</v>
      </c>
      <c r="AH13447">
        <v>185</v>
      </c>
      <c r="AI13447">
        <v>186</v>
      </c>
      <c r="AJ13447">
        <v>188</v>
      </c>
      <c r="AK13447">
        <v>189</v>
      </c>
      <c r="AL13447">
        <v>191</v>
      </c>
      <c r="AM13447">
        <v>192</v>
      </c>
      <c r="AN13447">
        <v>194</v>
      </c>
      <c r="AO13447">
        <v>195</v>
      </c>
      <c r="AP13447">
        <v>196</v>
      </c>
      <c r="AQ13447">
        <v>198</v>
      </c>
    </row>
    <row r="13448" spans="1:43">
      <c r="A13448" t="s">
        <v>8348</v>
      </c>
      <c r="B13448" t="s">
        <v>8349</v>
      </c>
      <c r="C13448" t="s">
        <v>8338</v>
      </c>
      <c r="D13448" t="s">
        <v>8339</v>
      </c>
      <c r="E13448" t="s">
        <v>8296</v>
      </c>
      <c r="F13448" t="s">
        <v>8297</v>
      </c>
      <c r="G13448" t="s">
        <v>80</v>
      </c>
      <c r="H13448" t="s">
        <v>81</v>
      </c>
      <c r="I13448" s="2">
        <v>0</v>
      </c>
      <c r="J13448" s="2">
        <v>1</v>
      </c>
      <c r="K13448" s="2">
        <v>0</v>
      </c>
      <c r="L13448" t="s">
        <v>82</v>
      </c>
      <c r="M13448" t="s">
        <v>89</v>
      </c>
      <c r="N13448" t="s">
        <v>90</v>
      </c>
      <c r="O13448" t="s">
        <v>85</v>
      </c>
      <c r="P13448" t="s">
        <v>86</v>
      </c>
      <c r="Q13448">
        <v>159</v>
      </c>
      <c r="R13448">
        <v>163</v>
      </c>
      <c r="S13448">
        <v>168</v>
      </c>
      <c r="T13448">
        <v>172</v>
      </c>
      <c r="U13448">
        <v>177</v>
      </c>
      <c r="V13448">
        <v>181</v>
      </c>
      <c r="W13448">
        <v>185</v>
      </c>
      <c r="X13448">
        <v>189</v>
      </c>
      <c r="Y13448">
        <v>194</v>
      </c>
      <c r="Z13448">
        <v>198</v>
      </c>
      <c r="AA13448">
        <v>201</v>
      </c>
      <c r="AB13448">
        <v>205</v>
      </c>
      <c r="AC13448">
        <v>210</v>
      </c>
      <c r="AD13448">
        <v>213</v>
      </c>
      <c r="AE13448">
        <v>216</v>
      </c>
      <c r="AF13448">
        <v>217</v>
      </c>
      <c r="AG13448">
        <v>218</v>
      </c>
      <c r="AH13448">
        <v>219</v>
      </c>
      <c r="AI13448">
        <v>220</v>
      </c>
      <c r="AJ13448">
        <v>221</v>
      </c>
      <c r="AK13448">
        <v>221</v>
      </c>
      <c r="AL13448">
        <v>222</v>
      </c>
      <c r="AM13448">
        <v>223</v>
      </c>
      <c r="AN13448">
        <v>224</v>
      </c>
      <c r="AO13448">
        <v>224</v>
      </c>
      <c r="AP13448">
        <v>225</v>
      </c>
      <c r="AQ13448">
        <v>226</v>
      </c>
    </row>
    <row r="13449" spans="1:43">
      <c r="A13449" t="s">
        <v>8348</v>
      </c>
      <c r="B13449" t="s">
        <v>8349</v>
      </c>
      <c r="C13449" t="s">
        <v>8338</v>
      </c>
      <c r="D13449" t="s">
        <v>8339</v>
      </c>
      <c r="E13449" t="s">
        <v>8296</v>
      </c>
      <c r="F13449" t="s">
        <v>8297</v>
      </c>
      <c r="G13449" t="s">
        <v>80</v>
      </c>
      <c r="H13449" t="s">
        <v>81</v>
      </c>
      <c r="I13449" s="2">
        <v>0</v>
      </c>
      <c r="J13449" s="2">
        <v>1</v>
      </c>
      <c r="K13449" s="2">
        <v>0</v>
      </c>
      <c r="L13449" t="s">
        <v>82</v>
      </c>
      <c r="M13449" t="s">
        <v>83</v>
      </c>
      <c r="N13449" t="s">
        <v>91</v>
      </c>
      <c r="O13449" t="s">
        <v>85</v>
      </c>
      <c r="P13449" t="s">
        <v>86</v>
      </c>
      <c r="Q13449">
        <v>159</v>
      </c>
      <c r="R13449">
        <v>162</v>
      </c>
      <c r="S13449">
        <v>166</v>
      </c>
      <c r="T13449">
        <v>169</v>
      </c>
      <c r="U13449">
        <v>172</v>
      </c>
      <c r="V13449">
        <v>175</v>
      </c>
      <c r="W13449">
        <v>178</v>
      </c>
      <c r="X13449">
        <v>181</v>
      </c>
      <c r="Y13449">
        <v>184</v>
      </c>
      <c r="Z13449">
        <v>188</v>
      </c>
      <c r="AA13449">
        <v>191</v>
      </c>
      <c r="AB13449">
        <v>194</v>
      </c>
      <c r="AC13449">
        <v>197</v>
      </c>
      <c r="AD13449">
        <v>200</v>
      </c>
      <c r="AE13449">
        <v>203</v>
      </c>
      <c r="AF13449">
        <v>206</v>
      </c>
      <c r="AG13449">
        <v>209</v>
      </c>
      <c r="AH13449">
        <v>212</v>
      </c>
      <c r="AI13449">
        <v>215</v>
      </c>
      <c r="AJ13449">
        <v>219</v>
      </c>
      <c r="AK13449">
        <v>222</v>
      </c>
      <c r="AL13449">
        <v>223</v>
      </c>
      <c r="AM13449">
        <v>224</v>
      </c>
      <c r="AN13449">
        <v>225</v>
      </c>
      <c r="AO13449">
        <v>225</v>
      </c>
      <c r="AP13449">
        <v>226</v>
      </c>
      <c r="AQ13449">
        <v>227</v>
      </c>
    </row>
    <row r="13450" spans="1:43">
      <c r="A13450" t="s">
        <v>8350</v>
      </c>
      <c r="B13450" t="s">
        <v>8351</v>
      </c>
      <c r="C13450" t="s">
        <v>8338</v>
      </c>
      <c r="D13450" t="s">
        <v>8339</v>
      </c>
      <c r="E13450" t="s">
        <v>8296</v>
      </c>
      <c r="F13450" t="s">
        <v>8297</v>
      </c>
      <c r="G13450" t="s">
        <v>80</v>
      </c>
      <c r="H13450" t="s">
        <v>81</v>
      </c>
      <c r="I13450" s="2">
        <v>0</v>
      </c>
      <c r="J13450" s="2">
        <v>1</v>
      </c>
      <c r="K13450" s="2">
        <v>0</v>
      </c>
      <c r="L13450" t="s">
        <v>82</v>
      </c>
      <c r="M13450" t="s">
        <v>83</v>
      </c>
      <c r="N13450" t="s">
        <v>84</v>
      </c>
      <c r="O13450" t="s">
        <v>85</v>
      </c>
      <c r="P13450" t="s">
        <v>86</v>
      </c>
      <c r="Q13450">
        <v>59</v>
      </c>
      <c r="R13450">
        <v>60</v>
      </c>
      <c r="S13450">
        <v>61</v>
      </c>
      <c r="T13450">
        <v>62</v>
      </c>
      <c r="U13450">
        <v>63</v>
      </c>
      <c r="V13450">
        <v>65</v>
      </c>
      <c r="W13450">
        <v>66</v>
      </c>
      <c r="X13450">
        <v>67</v>
      </c>
      <c r="Y13450">
        <v>68</v>
      </c>
      <c r="Z13450">
        <v>69</v>
      </c>
      <c r="AA13450">
        <v>70</v>
      </c>
      <c r="AB13450">
        <v>72</v>
      </c>
      <c r="AC13450">
        <v>73</v>
      </c>
      <c r="AD13450">
        <v>74</v>
      </c>
      <c r="AE13450">
        <v>75</v>
      </c>
      <c r="AF13450">
        <v>76</v>
      </c>
      <c r="AG13450">
        <v>77</v>
      </c>
      <c r="AH13450">
        <v>78</v>
      </c>
      <c r="AI13450">
        <v>80</v>
      </c>
      <c r="AJ13450">
        <v>81</v>
      </c>
      <c r="AK13450">
        <v>82</v>
      </c>
      <c r="AL13450">
        <v>82</v>
      </c>
      <c r="AM13450">
        <v>83</v>
      </c>
      <c r="AN13450">
        <v>83</v>
      </c>
      <c r="AO13450">
        <v>83</v>
      </c>
      <c r="AP13450">
        <v>84</v>
      </c>
      <c r="AQ13450">
        <v>84</v>
      </c>
    </row>
    <row r="13451" spans="1:43">
      <c r="A13451" t="s">
        <v>8350</v>
      </c>
      <c r="B13451" t="s">
        <v>8351</v>
      </c>
      <c r="C13451" t="s">
        <v>8338</v>
      </c>
      <c r="D13451" t="s">
        <v>8339</v>
      </c>
      <c r="E13451" t="s">
        <v>8296</v>
      </c>
      <c r="F13451" t="s">
        <v>8297</v>
      </c>
      <c r="G13451" t="s">
        <v>80</v>
      </c>
      <c r="H13451" t="s">
        <v>81</v>
      </c>
      <c r="I13451" s="2">
        <v>0</v>
      </c>
      <c r="J13451" s="2">
        <v>1</v>
      </c>
      <c r="K13451" s="2">
        <v>0</v>
      </c>
      <c r="L13451" t="s">
        <v>82</v>
      </c>
      <c r="M13451" t="s">
        <v>87</v>
      </c>
      <c r="N13451" t="s">
        <v>88</v>
      </c>
      <c r="O13451" t="s">
        <v>85</v>
      </c>
      <c r="P13451" t="s">
        <v>86</v>
      </c>
      <c r="Q13451">
        <v>59</v>
      </c>
      <c r="R13451">
        <v>60</v>
      </c>
      <c r="S13451">
        <v>60</v>
      </c>
      <c r="T13451">
        <v>61</v>
      </c>
      <c r="U13451">
        <v>62</v>
      </c>
      <c r="V13451">
        <v>62</v>
      </c>
      <c r="W13451">
        <v>63</v>
      </c>
      <c r="X13451">
        <v>63</v>
      </c>
      <c r="Y13451">
        <v>64</v>
      </c>
      <c r="Z13451">
        <v>65</v>
      </c>
      <c r="AA13451">
        <v>65</v>
      </c>
      <c r="AB13451">
        <v>66</v>
      </c>
      <c r="AC13451">
        <v>66</v>
      </c>
      <c r="AD13451">
        <v>67</v>
      </c>
      <c r="AE13451">
        <v>67</v>
      </c>
      <c r="AF13451">
        <v>68</v>
      </c>
      <c r="AG13451">
        <v>68</v>
      </c>
      <c r="AH13451">
        <v>69</v>
      </c>
      <c r="AI13451">
        <v>69</v>
      </c>
      <c r="AJ13451">
        <v>70</v>
      </c>
      <c r="AK13451">
        <v>71</v>
      </c>
      <c r="AL13451">
        <v>71</v>
      </c>
      <c r="AM13451">
        <v>72</v>
      </c>
      <c r="AN13451">
        <v>72</v>
      </c>
      <c r="AO13451">
        <v>73</v>
      </c>
      <c r="AP13451">
        <v>73</v>
      </c>
      <c r="AQ13451">
        <v>74</v>
      </c>
    </row>
    <row r="13452" spans="1:43">
      <c r="A13452" t="s">
        <v>8350</v>
      </c>
      <c r="B13452" t="s">
        <v>8351</v>
      </c>
      <c r="C13452" t="s">
        <v>8338</v>
      </c>
      <c r="D13452" t="s">
        <v>8339</v>
      </c>
      <c r="E13452" t="s">
        <v>8296</v>
      </c>
      <c r="F13452" t="s">
        <v>8297</v>
      </c>
      <c r="G13452" t="s">
        <v>80</v>
      </c>
      <c r="H13452" t="s">
        <v>81</v>
      </c>
      <c r="I13452" s="2">
        <v>0</v>
      </c>
      <c r="J13452" s="2">
        <v>1</v>
      </c>
      <c r="K13452" s="2">
        <v>0</v>
      </c>
      <c r="L13452" t="s">
        <v>82</v>
      </c>
      <c r="M13452" t="s">
        <v>89</v>
      </c>
      <c r="N13452" t="s">
        <v>90</v>
      </c>
      <c r="O13452" t="s">
        <v>85</v>
      </c>
      <c r="P13452" t="s">
        <v>86</v>
      </c>
      <c r="Q13452">
        <v>59</v>
      </c>
      <c r="R13452">
        <v>61</v>
      </c>
      <c r="S13452">
        <v>63</v>
      </c>
      <c r="T13452">
        <v>64</v>
      </c>
      <c r="U13452">
        <v>66</v>
      </c>
      <c r="V13452">
        <v>68</v>
      </c>
      <c r="W13452">
        <v>69</v>
      </c>
      <c r="X13452">
        <v>71</v>
      </c>
      <c r="Y13452">
        <v>72</v>
      </c>
      <c r="Z13452">
        <v>74</v>
      </c>
      <c r="AA13452">
        <v>75</v>
      </c>
      <c r="AB13452">
        <v>77</v>
      </c>
      <c r="AC13452">
        <v>78</v>
      </c>
      <c r="AD13452">
        <v>80</v>
      </c>
      <c r="AE13452">
        <v>81</v>
      </c>
      <c r="AF13452">
        <v>81</v>
      </c>
      <c r="AG13452">
        <v>81</v>
      </c>
      <c r="AH13452">
        <v>82</v>
      </c>
      <c r="AI13452">
        <v>82</v>
      </c>
      <c r="AJ13452">
        <v>82</v>
      </c>
      <c r="AK13452">
        <v>83</v>
      </c>
      <c r="AL13452">
        <v>83</v>
      </c>
      <c r="AM13452">
        <v>83</v>
      </c>
      <c r="AN13452">
        <v>83</v>
      </c>
      <c r="AO13452">
        <v>84</v>
      </c>
      <c r="AP13452">
        <v>84</v>
      </c>
      <c r="AQ13452">
        <v>84</v>
      </c>
    </row>
    <row r="13453" spans="1:43">
      <c r="A13453" t="s">
        <v>8350</v>
      </c>
      <c r="B13453" t="s">
        <v>8351</v>
      </c>
      <c r="C13453" t="s">
        <v>8338</v>
      </c>
      <c r="D13453" t="s">
        <v>8339</v>
      </c>
      <c r="E13453" t="s">
        <v>8296</v>
      </c>
      <c r="F13453" t="s">
        <v>8297</v>
      </c>
      <c r="G13453" t="s">
        <v>80</v>
      </c>
      <c r="H13453" t="s">
        <v>81</v>
      </c>
      <c r="I13453" s="2">
        <v>0</v>
      </c>
      <c r="J13453" s="2">
        <v>1</v>
      </c>
      <c r="K13453" s="2">
        <v>0</v>
      </c>
      <c r="L13453" t="s">
        <v>82</v>
      </c>
      <c r="M13453" t="s">
        <v>83</v>
      </c>
      <c r="N13453" t="s">
        <v>91</v>
      </c>
      <c r="O13453" t="s">
        <v>85</v>
      </c>
      <c r="P13453" t="s">
        <v>86</v>
      </c>
      <c r="Q13453">
        <v>59</v>
      </c>
      <c r="R13453">
        <v>60</v>
      </c>
      <c r="S13453">
        <v>61</v>
      </c>
      <c r="T13453">
        <v>62</v>
      </c>
      <c r="U13453">
        <v>63</v>
      </c>
      <c r="V13453">
        <v>65</v>
      </c>
      <c r="W13453">
        <v>66</v>
      </c>
      <c r="X13453">
        <v>67</v>
      </c>
      <c r="Y13453">
        <v>68</v>
      </c>
      <c r="Z13453">
        <v>69</v>
      </c>
      <c r="AA13453">
        <v>70</v>
      </c>
      <c r="AB13453">
        <v>72</v>
      </c>
      <c r="AC13453">
        <v>73</v>
      </c>
      <c r="AD13453">
        <v>74</v>
      </c>
      <c r="AE13453">
        <v>75</v>
      </c>
      <c r="AF13453">
        <v>76</v>
      </c>
      <c r="AG13453">
        <v>77</v>
      </c>
      <c r="AH13453">
        <v>78</v>
      </c>
      <c r="AI13453">
        <v>80</v>
      </c>
      <c r="AJ13453">
        <v>81</v>
      </c>
      <c r="AK13453">
        <v>82</v>
      </c>
      <c r="AL13453">
        <v>82</v>
      </c>
      <c r="AM13453">
        <v>83</v>
      </c>
      <c r="AN13453">
        <v>83</v>
      </c>
      <c r="AO13453">
        <v>83</v>
      </c>
      <c r="AP13453">
        <v>84</v>
      </c>
      <c r="AQ13453">
        <v>84</v>
      </c>
    </row>
    <row r="13454" spans="1:43">
      <c r="A13454" t="s">
        <v>8352</v>
      </c>
      <c r="B13454" t="s">
        <v>8353</v>
      </c>
      <c r="C13454" t="s">
        <v>8354</v>
      </c>
      <c r="D13454" t="s">
        <v>8355</v>
      </c>
      <c r="E13454" t="s">
        <v>8296</v>
      </c>
      <c r="F13454" t="s">
        <v>8297</v>
      </c>
      <c r="G13454" t="s">
        <v>80</v>
      </c>
      <c r="H13454" t="s">
        <v>81</v>
      </c>
      <c r="I13454" s="2">
        <v>0</v>
      </c>
      <c r="J13454" s="2">
        <v>1</v>
      </c>
      <c r="K13454" s="2">
        <v>0</v>
      </c>
      <c r="L13454" t="s">
        <v>82</v>
      </c>
      <c r="M13454" t="s">
        <v>83</v>
      </c>
      <c r="N13454" t="s">
        <v>84</v>
      </c>
      <c r="O13454" t="s">
        <v>85</v>
      </c>
      <c r="P13454" t="s">
        <v>86</v>
      </c>
      <c r="Q13454">
        <v>70</v>
      </c>
      <c r="R13454">
        <v>71</v>
      </c>
      <c r="S13454">
        <v>72</v>
      </c>
      <c r="T13454">
        <v>74</v>
      </c>
      <c r="U13454">
        <v>75</v>
      </c>
      <c r="V13454">
        <v>76</v>
      </c>
      <c r="W13454">
        <v>78</v>
      </c>
      <c r="X13454">
        <v>79</v>
      </c>
      <c r="Y13454">
        <v>81</v>
      </c>
      <c r="Z13454">
        <v>82</v>
      </c>
      <c r="AA13454">
        <v>83</v>
      </c>
      <c r="AB13454">
        <v>85</v>
      </c>
      <c r="AC13454">
        <v>86</v>
      </c>
      <c r="AD13454">
        <v>87</v>
      </c>
      <c r="AE13454">
        <v>89</v>
      </c>
      <c r="AF13454">
        <v>90</v>
      </c>
      <c r="AG13454">
        <v>91</v>
      </c>
      <c r="AH13454">
        <v>93</v>
      </c>
      <c r="AI13454">
        <v>94</v>
      </c>
      <c r="AJ13454">
        <v>95</v>
      </c>
      <c r="AK13454">
        <v>97</v>
      </c>
      <c r="AL13454">
        <v>97</v>
      </c>
      <c r="AM13454">
        <v>98</v>
      </c>
      <c r="AN13454">
        <v>98</v>
      </c>
      <c r="AO13454">
        <v>98</v>
      </c>
      <c r="AP13454">
        <v>99</v>
      </c>
      <c r="AQ13454">
        <v>99</v>
      </c>
    </row>
    <row r="13455" spans="1:43">
      <c r="A13455" t="s">
        <v>8352</v>
      </c>
      <c r="B13455" t="s">
        <v>8353</v>
      </c>
      <c r="C13455" t="s">
        <v>8354</v>
      </c>
      <c r="D13455" t="s">
        <v>8355</v>
      </c>
      <c r="E13455" t="s">
        <v>8296</v>
      </c>
      <c r="F13455" t="s">
        <v>8297</v>
      </c>
      <c r="G13455" t="s">
        <v>80</v>
      </c>
      <c r="H13455" t="s">
        <v>81</v>
      </c>
      <c r="I13455" s="2">
        <v>0</v>
      </c>
      <c r="J13455" s="2">
        <v>1</v>
      </c>
      <c r="K13455" s="2">
        <v>0</v>
      </c>
      <c r="L13455" t="s">
        <v>82</v>
      </c>
      <c r="M13455" t="s">
        <v>87</v>
      </c>
      <c r="N13455" t="s">
        <v>88</v>
      </c>
      <c r="O13455" t="s">
        <v>85</v>
      </c>
      <c r="P13455" t="s">
        <v>86</v>
      </c>
      <c r="Q13455">
        <v>70</v>
      </c>
      <c r="R13455">
        <v>71</v>
      </c>
      <c r="S13455">
        <v>71</v>
      </c>
      <c r="T13455">
        <v>72</v>
      </c>
      <c r="U13455">
        <v>73</v>
      </c>
      <c r="V13455">
        <v>73</v>
      </c>
      <c r="W13455">
        <v>74</v>
      </c>
      <c r="X13455">
        <v>75</v>
      </c>
      <c r="Y13455">
        <v>76</v>
      </c>
      <c r="Z13455">
        <v>76</v>
      </c>
      <c r="AA13455">
        <v>77</v>
      </c>
      <c r="AB13455">
        <v>77</v>
      </c>
      <c r="AC13455">
        <v>78</v>
      </c>
      <c r="AD13455">
        <v>79</v>
      </c>
      <c r="AE13455">
        <v>79</v>
      </c>
      <c r="AF13455">
        <v>80</v>
      </c>
      <c r="AG13455">
        <v>81</v>
      </c>
      <c r="AH13455">
        <v>81</v>
      </c>
      <c r="AI13455">
        <v>82</v>
      </c>
      <c r="AJ13455">
        <v>83</v>
      </c>
      <c r="AK13455">
        <v>83</v>
      </c>
      <c r="AL13455">
        <v>84</v>
      </c>
      <c r="AM13455">
        <v>84</v>
      </c>
      <c r="AN13455">
        <v>85</v>
      </c>
      <c r="AO13455">
        <v>86</v>
      </c>
      <c r="AP13455">
        <v>86</v>
      </c>
      <c r="AQ13455">
        <v>87</v>
      </c>
    </row>
    <row r="13456" spans="1:43">
      <c r="A13456" t="s">
        <v>8352</v>
      </c>
      <c r="B13456" t="s">
        <v>8353</v>
      </c>
      <c r="C13456" t="s">
        <v>8354</v>
      </c>
      <c r="D13456" t="s">
        <v>8355</v>
      </c>
      <c r="E13456" t="s">
        <v>8296</v>
      </c>
      <c r="F13456" t="s">
        <v>8297</v>
      </c>
      <c r="G13456" t="s">
        <v>80</v>
      </c>
      <c r="H13456" t="s">
        <v>81</v>
      </c>
      <c r="I13456" s="2">
        <v>0</v>
      </c>
      <c r="J13456" s="2">
        <v>1</v>
      </c>
      <c r="K13456" s="2">
        <v>0</v>
      </c>
      <c r="L13456" t="s">
        <v>82</v>
      </c>
      <c r="M13456" t="s">
        <v>89</v>
      </c>
      <c r="N13456" t="s">
        <v>90</v>
      </c>
      <c r="O13456" t="s">
        <v>85</v>
      </c>
      <c r="P13456" t="s">
        <v>86</v>
      </c>
      <c r="Q13456">
        <v>70</v>
      </c>
      <c r="R13456">
        <v>72</v>
      </c>
      <c r="S13456">
        <v>74</v>
      </c>
      <c r="T13456">
        <v>76</v>
      </c>
      <c r="U13456">
        <v>78</v>
      </c>
      <c r="V13456">
        <v>80</v>
      </c>
      <c r="W13456">
        <v>82</v>
      </c>
      <c r="X13456">
        <v>84</v>
      </c>
      <c r="Y13456">
        <v>85</v>
      </c>
      <c r="Z13456">
        <v>87</v>
      </c>
      <c r="AA13456">
        <v>89</v>
      </c>
      <c r="AB13456">
        <v>90</v>
      </c>
      <c r="AC13456">
        <v>92</v>
      </c>
      <c r="AD13456">
        <v>94</v>
      </c>
      <c r="AE13456">
        <v>95</v>
      </c>
      <c r="AF13456">
        <v>95</v>
      </c>
      <c r="AG13456">
        <v>96</v>
      </c>
      <c r="AH13456">
        <v>96</v>
      </c>
      <c r="AI13456">
        <v>97</v>
      </c>
      <c r="AJ13456">
        <v>97</v>
      </c>
      <c r="AK13456">
        <v>97</v>
      </c>
      <c r="AL13456">
        <v>98</v>
      </c>
      <c r="AM13456">
        <v>98</v>
      </c>
      <c r="AN13456">
        <v>98</v>
      </c>
      <c r="AO13456">
        <v>99</v>
      </c>
      <c r="AP13456">
        <v>99</v>
      </c>
      <c r="AQ13456">
        <v>99</v>
      </c>
    </row>
    <row r="13457" spans="1:43">
      <c r="A13457" t="s">
        <v>8352</v>
      </c>
      <c r="B13457" t="s">
        <v>8353</v>
      </c>
      <c r="C13457" t="s">
        <v>8354</v>
      </c>
      <c r="D13457" t="s">
        <v>8355</v>
      </c>
      <c r="E13457" t="s">
        <v>8296</v>
      </c>
      <c r="F13457" t="s">
        <v>8297</v>
      </c>
      <c r="G13457" t="s">
        <v>80</v>
      </c>
      <c r="H13457" t="s">
        <v>81</v>
      </c>
      <c r="I13457" s="2">
        <v>0</v>
      </c>
      <c r="J13457" s="2">
        <v>1</v>
      </c>
      <c r="K13457" s="2">
        <v>0</v>
      </c>
      <c r="L13457" t="s">
        <v>82</v>
      </c>
      <c r="M13457" t="s">
        <v>83</v>
      </c>
      <c r="N13457" t="s">
        <v>91</v>
      </c>
      <c r="O13457" t="s">
        <v>85</v>
      </c>
      <c r="P13457" t="s">
        <v>86</v>
      </c>
      <c r="Q13457">
        <v>70</v>
      </c>
      <c r="R13457">
        <v>71</v>
      </c>
      <c r="S13457">
        <v>72</v>
      </c>
      <c r="T13457">
        <v>74</v>
      </c>
      <c r="U13457">
        <v>75</v>
      </c>
      <c r="V13457">
        <v>76</v>
      </c>
      <c r="W13457">
        <v>78</v>
      </c>
      <c r="X13457">
        <v>79</v>
      </c>
      <c r="Y13457">
        <v>81</v>
      </c>
      <c r="Z13457">
        <v>82</v>
      </c>
      <c r="AA13457">
        <v>83</v>
      </c>
      <c r="AB13457">
        <v>85</v>
      </c>
      <c r="AC13457">
        <v>86</v>
      </c>
      <c r="AD13457">
        <v>87</v>
      </c>
      <c r="AE13457">
        <v>89</v>
      </c>
      <c r="AF13457">
        <v>90</v>
      </c>
      <c r="AG13457">
        <v>91</v>
      </c>
      <c r="AH13457">
        <v>93</v>
      </c>
      <c r="AI13457">
        <v>94</v>
      </c>
      <c r="AJ13457">
        <v>95</v>
      </c>
      <c r="AK13457">
        <v>97</v>
      </c>
      <c r="AL13457">
        <v>97</v>
      </c>
      <c r="AM13457">
        <v>98</v>
      </c>
      <c r="AN13457">
        <v>98</v>
      </c>
      <c r="AO13457">
        <v>98</v>
      </c>
      <c r="AP13457">
        <v>99</v>
      </c>
      <c r="AQ13457">
        <v>99</v>
      </c>
    </row>
    <row r="13458" spans="1:43">
      <c r="A13458" t="s">
        <v>8356</v>
      </c>
      <c r="B13458" t="s">
        <v>8357</v>
      </c>
      <c r="C13458" t="s">
        <v>8354</v>
      </c>
      <c r="D13458" t="s">
        <v>8355</v>
      </c>
      <c r="E13458" t="s">
        <v>8296</v>
      </c>
      <c r="F13458" t="s">
        <v>8297</v>
      </c>
      <c r="G13458" t="s">
        <v>80</v>
      </c>
      <c r="H13458" t="s">
        <v>81</v>
      </c>
      <c r="I13458" s="2">
        <v>0</v>
      </c>
      <c r="J13458" s="2">
        <v>1</v>
      </c>
      <c r="K13458" s="2">
        <v>0</v>
      </c>
      <c r="L13458" t="s">
        <v>82</v>
      </c>
      <c r="M13458" t="s">
        <v>83</v>
      </c>
      <c r="N13458" t="s">
        <v>84</v>
      </c>
      <c r="O13458" t="s">
        <v>85</v>
      </c>
      <c r="P13458" t="s">
        <v>86</v>
      </c>
      <c r="Q13458">
        <v>21</v>
      </c>
      <c r="R13458">
        <v>21</v>
      </c>
      <c r="S13458">
        <v>21</v>
      </c>
      <c r="T13458">
        <v>22</v>
      </c>
      <c r="U13458">
        <v>22</v>
      </c>
      <c r="V13458">
        <v>23</v>
      </c>
      <c r="W13458">
        <v>23</v>
      </c>
      <c r="X13458">
        <v>23</v>
      </c>
      <c r="Y13458">
        <v>24</v>
      </c>
      <c r="Z13458">
        <v>24</v>
      </c>
      <c r="AA13458">
        <v>25</v>
      </c>
      <c r="AB13458">
        <v>25</v>
      </c>
      <c r="AC13458">
        <v>25</v>
      </c>
      <c r="AD13458">
        <v>26</v>
      </c>
      <c r="AE13458">
        <v>26</v>
      </c>
      <c r="AF13458">
        <v>26</v>
      </c>
      <c r="AG13458">
        <v>27</v>
      </c>
      <c r="AH13458">
        <v>27</v>
      </c>
      <c r="AI13458">
        <v>28</v>
      </c>
      <c r="AJ13458">
        <v>28</v>
      </c>
      <c r="AK13458">
        <v>28</v>
      </c>
      <c r="AL13458">
        <v>29</v>
      </c>
      <c r="AM13458">
        <v>29</v>
      </c>
      <c r="AN13458">
        <v>29</v>
      </c>
      <c r="AO13458">
        <v>29</v>
      </c>
      <c r="AP13458">
        <v>29</v>
      </c>
      <c r="AQ13458">
        <v>29</v>
      </c>
    </row>
    <row r="13459" spans="1:43">
      <c r="A13459" t="s">
        <v>8356</v>
      </c>
      <c r="B13459" t="s">
        <v>8357</v>
      </c>
      <c r="C13459" t="s">
        <v>8354</v>
      </c>
      <c r="D13459" t="s">
        <v>8355</v>
      </c>
      <c r="E13459" t="s">
        <v>8296</v>
      </c>
      <c r="F13459" t="s">
        <v>8297</v>
      </c>
      <c r="G13459" t="s">
        <v>80</v>
      </c>
      <c r="H13459" t="s">
        <v>81</v>
      </c>
      <c r="I13459" s="2">
        <v>0</v>
      </c>
      <c r="J13459" s="2">
        <v>1</v>
      </c>
      <c r="K13459" s="2">
        <v>0</v>
      </c>
      <c r="L13459" t="s">
        <v>82</v>
      </c>
      <c r="M13459" t="s">
        <v>87</v>
      </c>
      <c r="N13459" t="s">
        <v>88</v>
      </c>
      <c r="O13459" t="s">
        <v>85</v>
      </c>
      <c r="P13459" t="s">
        <v>86</v>
      </c>
      <c r="Q13459">
        <v>21</v>
      </c>
      <c r="R13459">
        <v>22</v>
      </c>
      <c r="S13459">
        <v>22</v>
      </c>
      <c r="T13459">
        <v>22</v>
      </c>
      <c r="U13459">
        <v>22</v>
      </c>
      <c r="V13459">
        <v>22</v>
      </c>
      <c r="W13459">
        <v>23</v>
      </c>
      <c r="X13459">
        <v>23</v>
      </c>
      <c r="Y13459">
        <v>23</v>
      </c>
      <c r="Z13459">
        <v>23</v>
      </c>
      <c r="AA13459">
        <v>23</v>
      </c>
      <c r="AB13459">
        <v>24</v>
      </c>
      <c r="AC13459">
        <v>24</v>
      </c>
      <c r="AD13459">
        <v>24</v>
      </c>
      <c r="AE13459">
        <v>24</v>
      </c>
      <c r="AF13459">
        <v>24</v>
      </c>
      <c r="AG13459">
        <v>24</v>
      </c>
      <c r="AH13459">
        <v>25</v>
      </c>
      <c r="AI13459">
        <v>25</v>
      </c>
      <c r="AJ13459">
        <v>25</v>
      </c>
      <c r="AK13459">
        <v>25</v>
      </c>
      <c r="AL13459">
        <v>25</v>
      </c>
      <c r="AM13459">
        <v>26</v>
      </c>
      <c r="AN13459">
        <v>26</v>
      </c>
      <c r="AO13459">
        <v>26</v>
      </c>
      <c r="AP13459">
        <v>26</v>
      </c>
      <c r="AQ13459">
        <v>26</v>
      </c>
    </row>
    <row r="13460" spans="1:43">
      <c r="A13460" t="s">
        <v>8356</v>
      </c>
      <c r="B13460" t="s">
        <v>8357</v>
      </c>
      <c r="C13460" t="s">
        <v>8354</v>
      </c>
      <c r="D13460" t="s">
        <v>8355</v>
      </c>
      <c r="E13460" t="s">
        <v>8296</v>
      </c>
      <c r="F13460" t="s">
        <v>8297</v>
      </c>
      <c r="G13460" t="s">
        <v>80</v>
      </c>
      <c r="H13460" t="s">
        <v>81</v>
      </c>
      <c r="I13460" s="2">
        <v>0</v>
      </c>
      <c r="J13460" s="2">
        <v>1</v>
      </c>
      <c r="K13460" s="2">
        <v>0</v>
      </c>
      <c r="L13460" t="s">
        <v>82</v>
      </c>
      <c r="M13460" t="s">
        <v>89</v>
      </c>
      <c r="N13460" t="s">
        <v>90</v>
      </c>
      <c r="O13460" t="s">
        <v>85</v>
      </c>
      <c r="P13460" t="s">
        <v>86</v>
      </c>
      <c r="Q13460">
        <v>21</v>
      </c>
      <c r="R13460">
        <v>21</v>
      </c>
      <c r="S13460">
        <v>22</v>
      </c>
      <c r="T13460">
        <v>22</v>
      </c>
      <c r="U13460">
        <v>23</v>
      </c>
      <c r="V13460">
        <v>24</v>
      </c>
      <c r="W13460">
        <v>24</v>
      </c>
      <c r="X13460">
        <v>25</v>
      </c>
      <c r="Y13460">
        <v>25</v>
      </c>
      <c r="Z13460">
        <v>26</v>
      </c>
      <c r="AA13460">
        <v>26</v>
      </c>
      <c r="AB13460">
        <v>27</v>
      </c>
      <c r="AC13460">
        <v>27</v>
      </c>
      <c r="AD13460">
        <v>28</v>
      </c>
      <c r="AE13460">
        <v>28</v>
      </c>
      <c r="AF13460">
        <v>28</v>
      </c>
      <c r="AG13460">
        <v>28</v>
      </c>
      <c r="AH13460">
        <v>28</v>
      </c>
      <c r="AI13460">
        <v>28</v>
      </c>
      <c r="AJ13460">
        <v>29</v>
      </c>
      <c r="AK13460">
        <v>29</v>
      </c>
      <c r="AL13460">
        <v>29</v>
      </c>
      <c r="AM13460">
        <v>29</v>
      </c>
      <c r="AN13460">
        <v>29</v>
      </c>
      <c r="AO13460">
        <v>29</v>
      </c>
      <c r="AP13460">
        <v>29</v>
      </c>
      <c r="AQ13460">
        <v>29</v>
      </c>
    </row>
    <row r="13461" spans="1:43">
      <c r="A13461" t="s">
        <v>8356</v>
      </c>
      <c r="B13461" t="s">
        <v>8357</v>
      </c>
      <c r="C13461" t="s">
        <v>8354</v>
      </c>
      <c r="D13461" t="s">
        <v>8355</v>
      </c>
      <c r="E13461" t="s">
        <v>8296</v>
      </c>
      <c r="F13461" t="s">
        <v>8297</v>
      </c>
      <c r="G13461" t="s">
        <v>80</v>
      </c>
      <c r="H13461" t="s">
        <v>81</v>
      </c>
      <c r="I13461" s="2">
        <v>0</v>
      </c>
      <c r="J13461" s="2">
        <v>1</v>
      </c>
      <c r="K13461" s="2">
        <v>0</v>
      </c>
      <c r="L13461" t="s">
        <v>82</v>
      </c>
      <c r="M13461" t="s">
        <v>83</v>
      </c>
      <c r="N13461" t="s">
        <v>91</v>
      </c>
      <c r="O13461" t="s">
        <v>85</v>
      </c>
      <c r="P13461" t="s">
        <v>86</v>
      </c>
      <c r="Q13461">
        <v>21</v>
      </c>
      <c r="R13461">
        <v>21</v>
      </c>
      <c r="S13461">
        <v>21</v>
      </c>
      <c r="T13461">
        <v>22</v>
      </c>
      <c r="U13461">
        <v>22</v>
      </c>
      <c r="V13461">
        <v>23</v>
      </c>
      <c r="W13461">
        <v>23</v>
      </c>
      <c r="X13461">
        <v>23</v>
      </c>
      <c r="Y13461">
        <v>24</v>
      </c>
      <c r="Z13461">
        <v>24</v>
      </c>
      <c r="AA13461">
        <v>25</v>
      </c>
      <c r="AB13461">
        <v>25</v>
      </c>
      <c r="AC13461">
        <v>25</v>
      </c>
      <c r="AD13461">
        <v>26</v>
      </c>
      <c r="AE13461">
        <v>26</v>
      </c>
      <c r="AF13461">
        <v>26</v>
      </c>
      <c r="AG13461">
        <v>27</v>
      </c>
      <c r="AH13461">
        <v>27</v>
      </c>
      <c r="AI13461">
        <v>28</v>
      </c>
      <c r="AJ13461">
        <v>28</v>
      </c>
      <c r="AK13461">
        <v>28</v>
      </c>
      <c r="AL13461">
        <v>29</v>
      </c>
      <c r="AM13461">
        <v>29</v>
      </c>
      <c r="AN13461">
        <v>29</v>
      </c>
      <c r="AO13461">
        <v>29</v>
      </c>
      <c r="AP13461">
        <v>29</v>
      </c>
      <c r="AQ13461">
        <v>29</v>
      </c>
    </row>
    <row r="13462" spans="1:43">
      <c r="A13462" t="s">
        <v>8358</v>
      </c>
      <c r="B13462" t="s">
        <v>8359</v>
      </c>
      <c r="C13462" t="s">
        <v>8360</v>
      </c>
      <c r="D13462" t="s">
        <v>8361</v>
      </c>
      <c r="E13462" t="s">
        <v>8296</v>
      </c>
      <c r="F13462" t="s">
        <v>8297</v>
      </c>
      <c r="G13462" t="s">
        <v>80</v>
      </c>
      <c r="H13462" t="s">
        <v>81</v>
      </c>
      <c r="I13462" s="2">
        <v>0</v>
      </c>
      <c r="J13462" s="2">
        <v>1</v>
      </c>
      <c r="K13462" s="2">
        <v>0</v>
      </c>
      <c r="L13462" t="s">
        <v>82</v>
      </c>
      <c r="M13462" t="s">
        <v>83</v>
      </c>
      <c r="N13462" t="s">
        <v>84</v>
      </c>
      <c r="O13462" t="s">
        <v>85</v>
      </c>
      <c r="P13462" t="s">
        <v>86</v>
      </c>
      <c r="Q13462">
        <v>66</v>
      </c>
      <c r="R13462">
        <v>67</v>
      </c>
      <c r="S13462">
        <v>69</v>
      </c>
      <c r="T13462">
        <v>70</v>
      </c>
      <c r="U13462">
        <v>71</v>
      </c>
      <c r="V13462">
        <v>73</v>
      </c>
      <c r="W13462">
        <v>74</v>
      </c>
      <c r="X13462">
        <v>75</v>
      </c>
      <c r="Y13462">
        <v>76</v>
      </c>
      <c r="Z13462">
        <v>78</v>
      </c>
      <c r="AA13462">
        <v>79</v>
      </c>
      <c r="AB13462">
        <v>80</v>
      </c>
      <c r="AC13462">
        <v>82</v>
      </c>
      <c r="AD13462">
        <v>83</v>
      </c>
      <c r="AE13462">
        <v>84</v>
      </c>
      <c r="AF13462">
        <v>85</v>
      </c>
      <c r="AG13462">
        <v>87</v>
      </c>
      <c r="AH13462">
        <v>88</v>
      </c>
      <c r="AI13462">
        <v>89</v>
      </c>
      <c r="AJ13462">
        <v>90</v>
      </c>
      <c r="AK13462">
        <v>92</v>
      </c>
      <c r="AL13462">
        <v>92</v>
      </c>
      <c r="AM13462">
        <v>93</v>
      </c>
      <c r="AN13462">
        <v>93</v>
      </c>
      <c r="AO13462">
        <v>93</v>
      </c>
      <c r="AP13462">
        <v>94</v>
      </c>
      <c r="AQ13462">
        <v>94</v>
      </c>
    </row>
    <row r="13463" spans="1:43">
      <c r="A13463" t="s">
        <v>8358</v>
      </c>
      <c r="B13463" t="s">
        <v>8359</v>
      </c>
      <c r="C13463" t="s">
        <v>8360</v>
      </c>
      <c r="D13463" t="s">
        <v>8361</v>
      </c>
      <c r="E13463" t="s">
        <v>8296</v>
      </c>
      <c r="F13463" t="s">
        <v>8297</v>
      </c>
      <c r="G13463" t="s">
        <v>80</v>
      </c>
      <c r="H13463" t="s">
        <v>81</v>
      </c>
      <c r="I13463" s="2">
        <v>0</v>
      </c>
      <c r="J13463" s="2">
        <v>1</v>
      </c>
      <c r="K13463" s="2">
        <v>0</v>
      </c>
      <c r="L13463" t="s">
        <v>82</v>
      </c>
      <c r="M13463" t="s">
        <v>87</v>
      </c>
      <c r="N13463" t="s">
        <v>88</v>
      </c>
      <c r="O13463" t="s">
        <v>85</v>
      </c>
      <c r="P13463" t="s">
        <v>86</v>
      </c>
      <c r="Q13463">
        <v>66</v>
      </c>
      <c r="R13463">
        <v>67</v>
      </c>
      <c r="S13463">
        <v>68</v>
      </c>
      <c r="T13463">
        <v>68</v>
      </c>
      <c r="U13463">
        <v>69</v>
      </c>
      <c r="V13463">
        <v>70</v>
      </c>
      <c r="W13463">
        <v>70</v>
      </c>
      <c r="X13463">
        <v>71</v>
      </c>
      <c r="Y13463">
        <v>72</v>
      </c>
      <c r="Z13463">
        <v>72</v>
      </c>
      <c r="AA13463">
        <v>73</v>
      </c>
      <c r="AB13463">
        <v>74</v>
      </c>
      <c r="AC13463">
        <v>74</v>
      </c>
      <c r="AD13463">
        <v>75</v>
      </c>
      <c r="AE13463">
        <v>75</v>
      </c>
      <c r="AF13463">
        <v>76</v>
      </c>
      <c r="AG13463">
        <v>77</v>
      </c>
      <c r="AH13463">
        <v>77</v>
      </c>
      <c r="AI13463">
        <v>78</v>
      </c>
      <c r="AJ13463">
        <v>78</v>
      </c>
      <c r="AK13463">
        <v>79</v>
      </c>
      <c r="AL13463">
        <v>80</v>
      </c>
      <c r="AM13463">
        <v>80</v>
      </c>
      <c r="AN13463">
        <v>81</v>
      </c>
      <c r="AO13463">
        <v>81</v>
      </c>
      <c r="AP13463">
        <v>82</v>
      </c>
      <c r="AQ13463">
        <v>83</v>
      </c>
    </row>
    <row r="13464" spans="1:43">
      <c r="A13464" t="s">
        <v>8358</v>
      </c>
      <c r="B13464" t="s">
        <v>8359</v>
      </c>
      <c r="C13464" t="s">
        <v>8360</v>
      </c>
      <c r="D13464" t="s">
        <v>8361</v>
      </c>
      <c r="E13464" t="s">
        <v>8296</v>
      </c>
      <c r="F13464" t="s">
        <v>8297</v>
      </c>
      <c r="G13464" t="s">
        <v>80</v>
      </c>
      <c r="H13464" t="s">
        <v>81</v>
      </c>
      <c r="I13464" s="2">
        <v>0</v>
      </c>
      <c r="J13464" s="2">
        <v>1</v>
      </c>
      <c r="K13464" s="2">
        <v>0</v>
      </c>
      <c r="L13464" t="s">
        <v>82</v>
      </c>
      <c r="M13464" t="s">
        <v>89</v>
      </c>
      <c r="N13464" t="s">
        <v>90</v>
      </c>
      <c r="O13464" t="s">
        <v>85</v>
      </c>
      <c r="P13464" t="s">
        <v>86</v>
      </c>
      <c r="Q13464">
        <v>66</v>
      </c>
      <c r="R13464">
        <v>68</v>
      </c>
      <c r="S13464">
        <v>69</v>
      </c>
      <c r="T13464">
        <v>71</v>
      </c>
      <c r="U13464">
        <v>73</v>
      </c>
      <c r="V13464">
        <v>75</v>
      </c>
      <c r="W13464">
        <v>77</v>
      </c>
      <c r="X13464">
        <v>78</v>
      </c>
      <c r="Y13464">
        <v>80</v>
      </c>
      <c r="Z13464">
        <v>82</v>
      </c>
      <c r="AA13464">
        <v>83</v>
      </c>
      <c r="AB13464">
        <v>85</v>
      </c>
      <c r="AC13464">
        <v>87</v>
      </c>
      <c r="AD13464">
        <v>88</v>
      </c>
      <c r="AE13464">
        <v>89</v>
      </c>
      <c r="AF13464">
        <v>90</v>
      </c>
      <c r="AG13464">
        <v>90</v>
      </c>
      <c r="AH13464">
        <v>90</v>
      </c>
      <c r="AI13464">
        <v>91</v>
      </c>
      <c r="AJ13464">
        <v>91</v>
      </c>
      <c r="AK13464">
        <v>91</v>
      </c>
      <c r="AL13464">
        <v>92</v>
      </c>
      <c r="AM13464">
        <v>92</v>
      </c>
      <c r="AN13464">
        <v>92</v>
      </c>
      <c r="AO13464">
        <v>93</v>
      </c>
      <c r="AP13464">
        <v>93</v>
      </c>
      <c r="AQ13464">
        <v>93</v>
      </c>
    </row>
    <row r="13465" spans="1:43">
      <c r="A13465" t="s">
        <v>8358</v>
      </c>
      <c r="B13465" t="s">
        <v>8359</v>
      </c>
      <c r="C13465" t="s">
        <v>8360</v>
      </c>
      <c r="D13465" t="s">
        <v>8361</v>
      </c>
      <c r="E13465" t="s">
        <v>8296</v>
      </c>
      <c r="F13465" t="s">
        <v>8297</v>
      </c>
      <c r="G13465" t="s">
        <v>80</v>
      </c>
      <c r="H13465" t="s">
        <v>81</v>
      </c>
      <c r="I13465" s="2">
        <v>0</v>
      </c>
      <c r="J13465" s="2">
        <v>1</v>
      </c>
      <c r="K13465" s="2">
        <v>0</v>
      </c>
      <c r="L13465" t="s">
        <v>82</v>
      </c>
      <c r="M13465" t="s">
        <v>83</v>
      </c>
      <c r="N13465" t="s">
        <v>91</v>
      </c>
      <c r="O13465" t="s">
        <v>85</v>
      </c>
      <c r="P13465" t="s">
        <v>86</v>
      </c>
      <c r="Q13465">
        <v>66</v>
      </c>
      <c r="R13465">
        <v>67</v>
      </c>
      <c r="S13465">
        <v>69</v>
      </c>
      <c r="T13465">
        <v>70</v>
      </c>
      <c r="U13465">
        <v>71</v>
      </c>
      <c r="V13465">
        <v>73</v>
      </c>
      <c r="W13465">
        <v>74</v>
      </c>
      <c r="X13465">
        <v>75</v>
      </c>
      <c r="Y13465">
        <v>76</v>
      </c>
      <c r="Z13465">
        <v>78</v>
      </c>
      <c r="AA13465">
        <v>79</v>
      </c>
      <c r="AB13465">
        <v>80</v>
      </c>
      <c r="AC13465">
        <v>82</v>
      </c>
      <c r="AD13465">
        <v>83</v>
      </c>
      <c r="AE13465">
        <v>84</v>
      </c>
      <c r="AF13465">
        <v>85</v>
      </c>
      <c r="AG13465">
        <v>87</v>
      </c>
      <c r="AH13465">
        <v>88</v>
      </c>
      <c r="AI13465">
        <v>89</v>
      </c>
      <c r="AJ13465">
        <v>90</v>
      </c>
      <c r="AK13465">
        <v>92</v>
      </c>
      <c r="AL13465">
        <v>92</v>
      </c>
      <c r="AM13465">
        <v>93</v>
      </c>
      <c r="AN13465">
        <v>93</v>
      </c>
      <c r="AO13465">
        <v>93</v>
      </c>
      <c r="AP13465">
        <v>94</v>
      </c>
      <c r="AQ13465">
        <v>94</v>
      </c>
    </row>
    <row r="13466" spans="1:43">
      <c r="A13466" t="s">
        <v>8362</v>
      </c>
      <c r="B13466" t="s">
        <v>8363</v>
      </c>
      <c r="C13466" t="s">
        <v>8338</v>
      </c>
      <c r="D13466" t="s">
        <v>8339</v>
      </c>
      <c r="E13466" t="s">
        <v>8296</v>
      </c>
      <c r="F13466" t="s">
        <v>8297</v>
      </c>
      <c r="G13466" t="s">
        <v>80</v>
      </c>
      <c r="H13466" t="s">
        <v>81</v>
      </c>
      <c r="I13466" s="2">
        <v>0</v>
      </c>
      <c r="J13466" s="2">
        <v>1</v>
      </c>
      <c r="K13466" s="2">
        <v>0</v>
      </c>
      <c r="L13466" t="s">
        <v>82</v>
      </c>
      <c r="M13466" t="s">
        <v>83</v>
      </c>
      <c r="N13466" t="s">
        <v>84</v>
      </c>
      <c r="O13466" t="s">
        <v>85</v>
      </c>
      <c r="P13466" t="s">
        <v>86</v>
      </c>
      <c r="Q13466">
        <v>182</v>
      </c>
      <c r="R13466">
        <v>186</v>
      </c>
      <c r="S13466">
        <v>189</v>
      </c>
      <c r="T13466">
        <v>193</v>
      </c>
      <c r="U13466">
        <v>196</v>
      </c>
      <c r="V13466">
        <v>200</v>
      </c>
      <c r="W13466">
        <v>204</v>
      </c>
      <c r="X13466">
        <v>207</v>
      </c>
      <c r="Y13466">
        <v>211</v>
      </c>
      <c r="Z13466">
        <v>214</v>
      </c>
      <c r="AA13466">
        <v>218</v>
      </c>
      <c r="AB13466">
        <v>222</v>
      </c>
      <c r="AC13466">
        <v>225</v>
      </c>
      <c r="AD13466">
        <v>229</v>
      </c>
      <c r="AE13466">
        <v>232</v>
      </c>
      <c r="AF13466">
        <v>236</v>
      </c>
      <c r="AG13466">
        <v>239</v>
      </c>
      <c r="AH13466">
        <v>243</v>
      </c>
      <c r="AI13466">
        <v>246</v>
      </c>
      <c r="AJ13466">
        <v>250</v>
      </c>
      <c r="AK13466">
        <v>253</v>
      </c>
      <c r="AL13466">
        <v>255</v>
      </c>
      <c r="AM13466">
        <v>256</v>
      </c>
      <c r="AN13466">
        <v>257</v>
      </c>
      <c r="AO13466">
        <v>258</v>
      </c>
      <c r="AP13466">
        <v>259</v>
      </c>
      <c r="AQ13466">
        <v>259</v>
      </c>
    </row>
    <row r="13467" spans="1:43">
      <c r="A13467" t="s">
        <v>8362</v>
      </c>
      <c r="B13467" t="s">
        <v>8363</v>
      </c>
      <c r="C13467" t="s">
        <v>8338</v>
      </c>
      <c r="D13467" t="s">
        <v>8339</v>
      </c>
      <c r="E13467" t="s">
        <v>8296</v>
      </c>
      <c r="F13467" t="s">
        <v>8297</v>
      </c>
      <c r="G13467" t="s">
        <v>80</v>
      </c>
      <c r="H13467" t="s">
        <v>81</v>
      </c>
      <c r="I13467" s="2">
        <v>0</v>
      </c>
      <c r="J13467" s="2">
        <v>1</v>
      </c>
      <c r="K13467" s="2">
        <v>0</v>
      </c>
      <c r="L13467" t="s">
        <v>82</v>
      </c>
      <c r="M13467" t="s">
        <v>87</v>
      </c>
      <c r="N13467" t="s">
        <v>88</v>
      </c>
      <c r="O13467" t="s">
        <v>85</v>
      </c>
      <c r="P13467" t="s">
        <v>86</v>
      </c>
      <c r="Q13467">
        <v>182</v>
      </c>
      <c r="R13467">
        <v>184</v>
      </c>
      <c r="S13467">
        <v>186</v>
      </c>
      <c r="T13467">
        <v>188</v>
      </c>
      <c r="U13467">
        <v>190</v>
      </c>
      <c r="V13467">
        <v>192</v>
      </c>
      <c r="W13467">
        <v>193</v>
      </c>
      <c r="X13467">
        <v>195</v>
      </c>
      <c r="Y13467">
        <v>197</v>
      </c>
      <c r="Z13467">
        <v>199</v>
      </c>
      <c r="AA13467">
        <v>200</v>
      </c>
      <c r="AB13467">
        <v>202</v>
      </c>
      <c r="AC13467">
        <v>204</v>
      </c>
      <c r="AD13467">
        <v>206</v>
      </c>
      <c r="AE13467">
        <v>207</v>
      </c>
      <c r="AF13467">
        <v>209</v>
      </c>
      <c r="AG13467">
        <v>211</v>
      </c>
      <c r="AH13467">
        <v>212</v>
      </c>
      <c r="AI13467">
        <v>214</v>
      </c>
      <c r="AJ13467">
        <v>216</v>
      </c>
      <c r="AK13467">
        <v>217</v>
      </c>
      <c r="AL13467">
        <v>219</v>
      </c>
      <c r="AM13467">
        <v>221</v>
      </c>
      <c r="AN13467">
        <v>222</v>
      </c>
      <c r="AO13467">
        <v>224</v>
      </c>
      <c r="AP13467">
        <v>225</v>
      </c>
      <c r="AQ13467">
        <v>227</v>
      </c>
    </row>
    <row r="13468" spans="1:43">
      <c r="A13468" t="s">
        <v>8362</v>
      </c>
      <c r="B13468" t="s">
        <v>8363</v>
      </c>
      <c r="C13468" t="s">
        <v>8338</v>
      </c>
      <c r="D13468" t="s">
        <v>8339</v>
      </c>
      <c r="E13468" t="s">
        <v>8296</v>
      </c>
      <c r="F13468" t="s">
        <v>8297</v>
      </c>
      <c r="G13468" t="s">
        <v>80</v>
      </c>
      <c r="H13468" t="s">
        <v>81</v>
      </c>
      <c r="I13468" s="2">
        <v>0</v>
      </c>
      <c r="J13468" s="2">
        <v>1</v>
      </c>
      <c r="K13468" s="2">
        <v>0</v>
      </c>
      <c r="L13468" t="s">
        <v>82</v>
      </c>
      <c r="M13468" t="s">
        <v>89</v>
      </c>
      <c r="N13468" t="s">
        <v>90</v>
      </c>
      <c r="O13468" t="s">
        <v>85</v>
      </c>
      <c r="P13468" t="s">
        <v>86</v>
      </c>
      <c r="Q13468">
        <v>182</v>
      </c>
      <c r="R13468">
        <v>187</v>
      </c>
      <c r="S13468">
        <v>192</v>
      </c>
      <c r="T13468">
        <v>197</v>
      </c>
      <c r="U13468">
        <v>202</v>
      </c>
      <c r="V13468">
        <v>207</v>
      </c>
      <c r="W13468">
        <v>212</v>
      </c>
      <c r="X13468">
        <v>217</v>
      </c>
      <c r="Y13468">
        <v>221</v>
      </c>
      <c r="Z13468">
        <v>226</v>
      </c>
      <c r="AA13468">
        <v>231</v>
      </c>
      <c r="AB13468">
        <v>235</v>
      </c>
      <c r="AC13468">
        <v>240</v>
      </c>
      <c r="AD13468">
        <v>244</v>
      </c>
      <c r="AE13468">
        <v>247</v>
      </c>
      <c r="AF13468">
        <v>248</v>
      </c>
      <c r="AG13468">
        <v>250</v>
      </c>
      <c r="AH13468">
        <v>251</v>
      </c>
      <c r="AI13468">
        <v>251</v>
      </c>
      <c r="AJ13468">
        <v>252</v>
      </c>
      <c r="AK13468">
        <v>253</v>
      </c>
      <c r="AL13468">
        <v>254</v>
      </c>
      <c r="AM13468">
        <v>255</v>
      </c>
      <c r="AN13468">
        <v>256</v>
      </c>
      <c r="AO13468">
        <v>257</v>
      </c>
      <c r="AP13468">
        <v>258</v>
      </c>
      <c r="AQ13468">
        <v>258</v>
      </c>
    </row>
    <row r="13469" spans="1:43">
      <c r="A13469" t="s">
        <v>8362</v>
      </c>
      <c r="B13469" t="s">
        <v>8363</v>
      </c>
      <c r="C13469" t="s">
        <v>8338</v>
      </c>
      <c r="D13469" t="s">
        <v>8339</v>
      </c>
      <c r="E13469" t="s">
        <v>8296</v>
      </c>
      <c r="F13469" t="s">
        <v>8297</v>
      </c>
      <c r="G13469" t="s">
        <v>80</v>
      </c>
      <c r="H13469" t="s">
        <v>81</v>
      </c>
      <c r="I13469" s="2">
        <v>0</v>
      </c>
      <c r="J13469" s="2">
        <v>1</v>
      </c>
      <c r="K13469" s="2">
        <v>0</v>
      </c>
      <c r="L13469" t="s">
        <v>82</v>
      </c>
      <c r="M13469" t="s">
        <v>83</v>
      </c>
      <c r="N13469" t="s">
        <v>91</v>
      </c>
      <c r="O13469" t="s">
        <v>85</v>
      </c>
      <c r="P13469" t="s">
        <v>86</v>
      </c>
      <c r="Q13469">
        <v>182</v>
      </c>
      <c r="R13469">
        <v>186</v>
      </c>
      <c r="S13469">
        <v>189</v>
      </c>
      <c r="T13469">
        <v>193</v>
      </c>
      <c r="U13469">
        <v>196</v>
      </c>
      <c r="V13469">
        <v>200</v>
      </c>
      <c r="W13469">
        <v>204</v>
      </c>
      <c r="X13469">
        <v>207</v>
      </c>
      <c r="Y13469">
        <v>211</v>
      </c>
      <c r="Z13469">
        <v>214</v>
      </c>
      <c r="AA13469">
        <v>218</v>
      </c>
      <c r="AB13469">
        <v>222</v>
      </c>
      <c r="AC13469">
        <v>225</v>
      </c>
      <c r="AD13469">
        <v>229</v>
      </c>
      <c r="AE13469">
        <v>232</v>
      </c>
      <c r="AF13469">
        <v>236</v>
      </c>
      <c r="AG13469">
        <v>239</v>
      </c>
      <c r="AH13469">
        <v>243</v>
      </c>
      <c r="AI13469">
        <v>246</v>
      </c>
      <c r="AJ13469">
        <v>250</v>
      </c>
      <c r="AK13469">
        <v>253</v>
      </c>
      <c r="AL13469">
        <v>255</v>
      </c>
      <c r="AM13469">
        <v>256</v>
      </c>
      <c r="AN13469">
        <v>257</v>
      </c>
      <c r="AO13469">
        <v>258</v>
      </c>
      <c r="AP13469">
        <v>259</v>
      </c>
      <c r="AQ13469">
        <v>259</v>
      </c>
    </row>
    <row r="13470" spans="1:43">
      <c r="A13470" t="s">
        <v>8364</v>
      </c>
      <c r="B13470" t="s">
        <v>8365</v>
      </c>
      <c r="C13470" t="s">
        <v>8360</v>
      </c>
      <c r="D13470" t="s">
        <v>8361</v>
      </c>
      <c r="E13470" t="s">
        <v>8296</v>
      </c>
      <c r="F13470" t="s">
        <v>8297</v>
      </c>
      <c r="G13470" t="s">
        <v>80</v>
      </c>
      <c r="H13470" t="s">
        <v>81</v>
      </c>
      <c r="I13470" s="2">
        <v>0</v>
      </c>
      <c r="J13470" s="2">
        <v>1</v>
      </c>
      <c r="K13470" s="2">
        <v>0</v>
      </c>
      <c r="L13470" t="s">
        <v>82</v>
      </c>
      <c r="M13470" t="s">
        <v>83</v>
      </c>
      <c r="N13470" t="s">
        <v>84</v>
      </c>
      <c r="O13470" t="s">
        <v>85</v>
      </c>
      <c r="P13470" t="s">
        <v>86</v>
      </c>
      <c r="Q13470">
        <v>20</v>
      </c>
      <c r="R13470">
        <v>20</v>
      </c>
      <c r="S13470">
        <v>21</v>
      </c>
      <c r="T13470">
        <v>21</v>
      </c>
      <c r="U13470">
        <v>21</v>
      </c>
      <c r="V13470">
        <v>22</v>
      </c>
      <c r="W13470">
        <v>22</v>
      </c>
      <c r="X13470">
        <v>23</v>
      </c>
      <c r="Y13470">
        <v>23</v>
      </c>
      <c r="Z13470">
        <v>23</v>
      </c>
      <c r="AA13470">
        <v>24</v>
      </c>
      <c r="AB13470">
        <v>24</v>
      </c>
      <c r="AC13470">
        <v>24</v>
      </c>
      <c r="AD13470">
        <v>25</v>
      </c>
      <c r="AE13470">
        <v>25</v>
      </c>
      <c r="AF13470">
        <v>26</v>
      </c>
      <c r="AG13470">
        <v>26</v>
      </c>
      <c r="AH13470">
        <v>26</v>
      </c>
      <c r="AI13470">
        <v>27</v>
      </c>
      <c r="AJ13470">
        <v>27</v>
      </c>
      <c r="AK13470">
        <v>27</v>
      </c>
      <c r="AL13470">
        <v>28</v>
      </c>
      <c r="AM13470">
        <v>28</v>
      </c>
      <c r="AN13470">
        <v>28</v>
      </c>
      <c r="AO13470">
        <v>28</v>
      </c>
      <c r="AP13470">
        <v>28</v>
      </c>
      <c r="AQ13470">
        <v>28</v>
      </c>
    </row>
    <row r="13471" spans="1:43">
      <c r="A13471" t="s">
        <v>8364</v>
      </c>
      <c r="B13471" t="s">
        <v>8365</v>
      </c>
      <c r="C13471" t="s">
        <v>8360</v>
      </c>
      <c r="D13471" t="s">
        <v>8361</v>
      </c>
      <c r="E13471" t="s">
        <v>8296</v>
      </c>
      <c r="F13471" t="s">
        <v>8297</v>
      </c>
      <c r="G13471" t="s">
        <v>80</v>
      </c>
      <c r="H13471" t="s">
        <v>81</v>
      </c>
      <c r="I13471" s="2">
        <v>0</v>
      </c>
      <c r="J13471" s="2">
        <v>1</v>
      </c>
      <c r="K13471" s="2">
        <v>0</v>
      </c>
      <c r="L13471" t="s">
        <v>82</v>
      </c>
      <c r="M13471" t="s">
        <v>87</v>
      </c>
      <c r="N13471" t="s">
        <v>88</v>
      </c>
      <c r="O13471" t="s">
        <v>85</v>
      </c>
      <c r="P13471" t="s">
        <v>86</v>
      </c>
      <c r="Q13471">
        <v>20</v>
      </c>
      <c r="R13471">
        <v>20</v>
      </c>
      <c r="S13471">
        <v>20</v>
      </c>
      <c r="T13471">
        <v>20</v>
      </c>
      <c r="U13471">
        <v>20</v>
      </c>
      <c r="V13471">
        <v>21</v>
      </c>
      <c r="W13471">
        <v>21</v>
      </c>
      <c r="X13471">
        <v>21</v>
      </c>
      <c r="Y13471">
        <v>21</v>
      </c>
      <c r="Z13471">
        <v>21</v>
      </c>
      <c r="AA13471">
        <v>22</v>
      </c>
      <c r="AB13471">
        <v>22</v>
      </c>
      <c r="AC13471">
        <v>22</v>
      </c>
      <c r="AD13471">
        <v>22</v>
      </c>
      <c r="AE13471">
        <v>22</v>
      </c>
      <c r="AF13471">
        <v>22</v>
      </c>
      <c r="AG13471">
        <v>23</v>
      </c>
      <c r="AH13471">
        <v>23</v>
      </c>
      <c r="AI13471">
        <v>23</v>
      </c>
      <c r="AJ13471">
        <v>23</v>
      </c>
      <c r="AK13471">
        <v>23</v>
      </c>
      <c r="AL13471">
        <v>24</v>
      </c>
      <c r="AM13471">
        <v>24</v>
      </c>
      <c r="AN13471">
        <v>24</v>
      </c>
      <c r="AO13471">
        <v>24</v>
      </c>
      <c r="AP13471">
        <v>24</v>
      </c>
      <c r="AQ13471">
        <v>24</v>
      </c>
    </row>
    <row r="13472" spans="1:43">
      <c r="A13472" t="s">
        <v>8364</v>
      </c>
      <c r="B13472" t="s">
        <v>8365</v>
      </c>
      <c r="C13472" t="s">
        <v>8360</v>
      </c>
      <c r="D13472" t="s">
        <v>8361</v>
      </c>
      <c r="E13472" t="s">
        <v>8296</v>
      </c>
      <c r="F13472" t="s">
        <v>8297</v>
      </c>
      <c r="G13472" t="s">
        <v>80</v>
      </c>
      <c r="H13472" t="s">
        <v>81</v>
      </c>
      <c r="I13472" s="2">
        <v>0</v>
      </c>
      <c r="J13472" s="2">
        <v>1</v>
      </c>
      <c r="K13472" s="2">
        <v>0</v>
      </c>
      <c r="L13472" t="s">
        <v>82</v>
      </c>
      <c r="M13472" t="s">
        <v>89</v>
      </c>
      <c r="N13472" t="s">
        <v>90</v>
      </c>
      <c r="O13472" t="s">
        <v>85</v>
      </c>
      <c r="P13472" t="s">
        <v>86</v>
      </c>
      <c r="Q13472">
        <v>20</v>
      </c>
      <c r="R13472">
        <v>21</v>
      </c>
      <c r="S13472">
        <v>21</v>
      </c>
      <c r="T13472">
        <v>22</v>
      </c>
      <c r="U13472">
        <v>22</v>
      </c>
      <c r="V13472">
        <v>23</v>
      </c>
      <c r="W13472">
        <v>23</v>
      </c>
      <c r="X13472">
        <v>24</v>
      </c>
      <c r="Y13472">
        <v>24</v>
      </c>
      <c r="Z13472">
        <v>25</v>
      </c>
      <c r="AA13472">
        <v>25</v>
      </c>
      <c r="AB13472">
        <v>26</v>
      </c>
      <c r="AC13472">
        <v>26</v>
      </c>
      <c r="AD13472">
        <v>27</v>
      </c>
      <c r="AE13472">
        <v>27</v>
      </c>
      <c r="AF13472">
        <v>27</v>
      </c>
      <c r="AG13472">
        <v>27</v>
      </c>
      <c r="AH13472">
        <v>27</v>
      </c>
      <c r="AI13472">
        <v>27</v>
      </c>
      <c r="AJ13472">
        <v>28</v>
      </c>
      <c r="AK13472">
        <v>28</v>
      </c>
      <c r="AL13472">
        <v>28</v>
      </c>
      <c r="AM13472">
        <v>28</v>
      </c>
      <c r="AN13472">
        <v>28</v>
      </c>
      <c r="AO13472">
        <v>28</v>
      </c>
      <c r="AP13472">
        <v>28</v>
      </c>
      <c r="AQ13472">
        <v>28</v>
      </c>
    </row>
    <row r="13473" spans="1:43">
      <c r="A13473" t="s">
        <v>8364</v>
      </c>
      <c r="B13473" t="s">
        <v>8365</v>
      </c>
      <c r="C13473" t="s">
        <v>8360</v>
      </c>
      <c r="D13473" t="s">
        <v>8361</v>
      </c>
      <c r="E13473" t="s">
        <v>8296</v>
      </c>
      <c r="F13473" t="s">
        <v>8297</v>
      </c>
      <c r="G13473" t="s">
        <v>80</v>
      </c>
      <c r="H13473" t="s">
        <v>81</v>
      </c>
      <c r="I13473" s="2">
        <v>0</v>
      </c>
      <c r="J13473" s="2">
        <v>1</v>
      </c>
      <c r="K13473" s="2">
        <v>0</v>
      </c>
      <c r="L13473" t="s">
        <v>82</v>
      </c>
      <c r="M13473" t="s">
        <v>83</v>
      </c>
      <c r="N13473" t="s">
        <v>91</v>
      </c>
      <c r="O13473" t="s">
        <v>85</v>
      </c>
      <c r="P13473" t="s">
        <v>86</v>
      </c>
      <c r="Q13473">
        <v>20</v>
      </c>
      <c r="R13473">
        <v>20</v>
      </c>
      <c r="S13473">
        <v>21</v>
      </c>
      <c r="T13473">
        <v>21</v>
      </c>
      <c r="U13473">
        <v>21</v>
      </c>
      <c r="V13473">
        <v>22</v>
      </c>
      <c r="W13473">
        <v>22</v>
      </c>
      <c r="X13473">
        <v>23</v>
      </c>
      <c r="Y13473">
        <v>23</v>
      </c>
      <c r="Z13473">
        <v>23</v>
      </c>
      <c r="AA13473">
        <v>24</v>
      </c>
      <c r="AB13473">
        <v>24</v>
      </c>
      <c r="AC13473">
        <v>24</v>
      </c>
      <c r="AD13473">
        <v>25</v>
      </c>
      <c r="AE13473">
        <v>25</v>
      </c>
      <c r="AF13473">
        <v>26</v>
      </c>
      <c r="AG13473">
        <v>26</v>
      </c>
      <c r="AH13473">
        <v>26</v>
      </c>
      <c r="AI13473">
        <v>27</v>
      </c>
      <c r="AJ13473">
        <v>27</v>
      </c>
      <c r="AK13473">
        <v>27</v>
      </c>
      <c r="AL13473">
        <v>28</v>
      </c>
      <c r="AM13473">
        <v>28</v>
      </c>
      <c r="AN13473">
        <v>28</v>
      </c>
      <c r="AO13473">
        <v>28</v>
      </c>
      <c r="AP13473">
        <v>28</v>
      </c>
      <c r="AQ13473">
        <v>28</v>
      </c>
    </row>
    <row r="13474" spans="1:43">
      <c r="A13474" t="s">
        <v>8366</v>
      </c>
      <c r="B13474" t="s">
        <v>8367</v>
      </c>
      <c r="C13474" t="s">
        <v>8360</v>
      </c>
      <c r="D13474" t="s">
        <v>8361</v>
      </c>
      <c r="E13474" t="s">
        <v>8296</v>
      </c>
      <c r="F13474" t="s">
        <v>8297</v>
      </c>
      <c r="G13474" t="s">
        <v>80</v>
      </c>
      <c r="H13474" t="s">
        <v>81</v>
      </c>
      <c r="I13474" s="2">
        <v>0</v>
      </c>
      <c r="J13474" s="2">
        <v>1</v>
      </c>
      <c r="K13474" s="2">
        <v>0</v>
      </c>
      <c r="L13474" t="s">
        <v>82</v>
      </c>
      <c r="M13474" t="s">
        <v>83</v>
      </c>
      <c r="N13474" t="s">
        <v>84</v>
      </c>
      <c r="O13474" t="s">
        <v>85</v>
      </c>
      <c r="P13474" t="s">
        <v>86</v>
      </c>
      <c r="Q13474">
        <v>73</v>
      </c>
      <c r="R13474">
        <v>74</v>
      </c>
      <c r="S13474">
        <v>76</v>
      </c>
      <c r="T13474">
        <v>77</v>
      </c>
      <c r="U13474">
        <v>79</v>
      </c>
      <c r="V13474">
        <v>80</v>
      </c>
      <c r="W13474">
        <v>81</v>
      </c>
      <c r="X13474">
        <v>83</v>
      </c>
      <c r="Y13474">
        <v>84</v>
      </c>
      <c r="Z13474">
        <v>86</v>
      </c>
      <c r="AA13474">
        <v>87</v>
      </c>
      <c r="AB13474">
        <v>89</v>
      </c>
      <c r="AC13474">
        <v>90</v>
      </c>
      <c r="AD13474">
        <v>91</v>
      </c>
      <c r="AE13474">
        <v>93</v>
      </c>
      <c r="AF13474">
        <v>94</v>
      </c>
      <c r="AG13474">
        <v>95</v>
      </c>
      <c r="AH13474">
        <v>97</v>
      </c>
      <c r="AI13474">
        <v>98</v>
      </c>
      <c r="AJ13474">
        <v>100</v>
      </c>
      <c r="AK13474">
        <v>101</v>
      </c>
      <c r="AL13474">
        <v>102</v>
      </c>
      <c r="AM13474">
        <v>102</v>
      </c>
      <c r="AN13474">
        <v>102</v>
      </c>
      <c r="AO13474">
        <v>103</v>
      </c>
      <c r="AP13474">
        <v>103</v>
      </c>
      <c r="AQ13474">
        <v>103</v>
      </c>
    </row>
    <row r="13475" spans="1:43">
      <c r="A13475" t="s">
        <v>8366</v>
      </c>
      <c r="B13475" t="s">
        <v>8367</v>
      </c>
      <c r="C13475" t="s">
        <v>8360</v>
      </c>
      <c r="D13475" t="s">
        <v>8361</v>
      </c>
      <c r="E13475" t="s">
        <v>8296</v>
      </c>
      <c r="F13475" t="s">
        <v>8297</v>
      </c>
      <c r="G13475" t="s">
        <v>80</v>
      </c>
      <c r="H13475" t="s">
        <v>81</v>
      </c>
      <c r="I13475" s="2">
        <v>0</v>
      </c>
      <c r="J13475" s="2">
        <v>1</v>
      </c>
      <c r="K13475" s="2">
        <v>0</v>
      </c>
      <c r="L13475" t="s">
        <v>82</v>
      </c>
      <c r="M13475" t="s">
        <v>87</v>
      </c>
      <c r="N13475" t="s">
        <v>88</v>
      </c>
      <c r="O13475" t="s">
        <v>85</v>
      </c>
      <c r="P13475" t="s">
        <v>86</v>
      </c>
      <c r="Q13475">
        <v>73</v>
      </c>
      <c r="R13475">
        <v>74</v>
      </c>
      <c r="S13475">
        <v>75</v>
      </c>
      <c r="T13475">
        <v>75</v>
      </c>
      <c r="U13475">
        <v>76</v>
      </c>
      <c r="V13475">
        <v>77</v>
      </c>
      <c r="W13475">
        <v>77</v>
      </c>
      <c r="X13475">
        <v>78</v>
      </c>
      <c r="Y13475">
        <v>79</v>
      </c>
      <c r="Z13475">
        <v>80</v>
      </c>
      <c r="AA13475">
        <v>80</v>
      </c>
      <c r="AB13475">
        <v>81</v>
      </c>
      <c r="AC13475">
        <v>82</v>
      </c>
      <c r="AD13475">
        <v>82</v>
      </c>
      <c r="AE13475">
        <v>83</v>
      </c>
      <c r="AF13475">
        <v>84</v>
      </c>
      <c r="AG13475">
        <v>84</v>
      </c>
      <c r="AH13475">
        <v>85</v>
      </c>
      <c r="AI13475">
        <v>86</v>
      </c>
      <c r="AJ13475">
        <v>86</v>
      </c>
      <c r="AK13475">
        <v>87</v>
      </c>
      <c r="AL13475">
        <v>88</v>
      </c>
      <c r="AM13475">
        <v>88</v>
      </c>
      <c r="AN13475">
        <v>89</v>
      </c>
      <c r="AO13475">
        <v>90</v>
      </c>
      <c r="AP13475">
        <v>90</v>
      </c>
      <c r="AQ13475">
        <v>91</v>
      </c>
    </row>
    <row r="13476" spans="1:43">
      <c r="A13476" t="s">
        <v>8366</v>
      </c>
      <c r="B13476" t="s">
        <v>8367</v>
      </c>
      <c r="C13476" t="s">
        <v>8360</v>
      </c>
      <c r="D13476" t="s">
        <v>8361</v>
      </c>
      <c r="E13476" t="s">
        <v>8296</v>
      </c>
      <c r="F13476" t="s">
        <v>8297</v>
      </c>
      <c r="G13476" t="s">
        <v>80</v>
      </c>
      <c r="H13476" t="s">
        <v>81</v>
      </c>
      <c r="I13476" s="2">
        <v>0</v>
      </c>
      <c r="J13476" s="2">
        <v>1</v>
      </c>
      <c r="K13476" s="2">
        <v>0</v>
      </c>
      <c r="L13476" t="s">
        <v>82</v>
      </c>
      <c r="M13476" t="s">
        <v>89</v>
      </c>
      <c r="N13476" t="s">
        <v>90</v>
      </c>
      <c r="O13476" t="s">
        <v>85</v>
      </c>
      <c r="P13476" t="s">
        <v>86</v>
      </c>
      <c r="Q13476">
        <v>73</v>
      </c>
      <c r="R13476">
        <v>76</v>
      </c>
      <c r="S13476">
        <v>78</v>
      </c>
      <c r="T13476">
        <v>80</v>
      </c>
      <c r="U13476">
        <v>82</v>
      </c>
      <c r="V13476">
        <v>84</v>
      </c>
      <c r="W13476">
        <v>86</v>
      </c>
      <c r="X13476">
        <v>87</v>
      </c>
      <c r="Y13476">
        <v>89</v>
      </c>
      <c r="Z13476">
        <v>91</v>
      </c>
      <c r="AA13476">
        <v>93</v>
      </c>
      <c r="AB13476">
        <v>95</v>
      </c>
      <c r="AC13476">
        <v>96</v>
      </c>
      <c r="AD13476">
        <v>98</v>
      </c>
      <c r="AE13476">
        <v>99</v>
      </c>
      <c r="AF13476">
        <v>100</v>
      </c>
      <c r="AG13476">
        <v>100</v>
      </c>
      <c r="AH13476">
        <v>101</v>
      </c>
      <c r="AI13476">
        <v>101</v>
      </c>
      <c r="AJ13476">
        <v>101</v>
      </c>
      <c r="AK13476">
        <v>102</v>
      </c>
      <c r="AL13476">
        <v>102</v>
      </c>
      <c r="AM13476">
        <v>102</v>
      </c>
      <c r="AN13476">
        <v>103</v>
      </c>
      <c r="AO13476">
        <v>103</v>
      </c>
      <c r="AP13476">
        <v>103</v>
      </c>
      <c r="AQ13476">
        <v>104</v>
      </c>
    </row>
    <row r="13477" spans="1:43">
      <c r="A13477" t="s">
        <v>8366</v>
      </c>
      <c r="B13477" t="s">
        <v>8367</v>
      </c>
      <c r="C13477" t="s">
        <v>8360</v>
      </c>
      <c r="D13477" t="s">
        <v>8361</v>
      </c>
      <c r="E13477" t="s">
        <v>8296</v>
      </c>
      <c r="F13477" t="s">
        <v>8297</v>
      </c>
      <c r="G13477" t="s">
        <v>80</v>
      </c>
      <c r="H13477" t="s">
        <v>81</v>
      </c>
      <c r="I13477" s="2">
        <v>0</v>
      </c>
      <c r="J13477" s="2">
        <v>1</v>
      </c>
      <c r="K13477" s="2">
        <v>0</v>
      </c>
      <c r="L13477" t="s">
        <v>82</v>
      </c>
      <c r="M13477" t="s">
        <v>83</v>
      </c>
      <c r="N13477" t="s">
        <v>91</v>
      </c>
      <c r="O13477" t="s">
        <v>85</v>
      </c>
      <c r="P13477" t="s">
        <v>86</v>
      </c>
      <c r="Q13477">
        <v>73</v>
      </c>
      <c r="R13477">
        <v>74</v>
      </c>
      <c r="S13477">
        <v>76</v>
      </c>
      <c r="T13477">
        <v>77</v>
      </c>
      <c r="U13477">
        <v>79</v>
      </c>
      <c r="V13477">
        <v>80</v>
      </c>
      <c r="W13477">
        <v>81</v>
      </c>
      <c r="X13477">
        <v>83</v>
      </c>
      <c r="Y13477">
        <v>84</v>
      </c>
      <c r="Z13477">
        <v>86</v>
      </c>
      <c r="AA13477">
        <v>87</v>
      </c>
      <c r="AB13477">
        <v>89</v>
      </c>
      <c r="AC13477">
        <v>90</v>
      </c>
      <c r="AD13477">
        <v>91</v>
      </c>
      <c r="AE13477">
        <v>93</v>
      </c>
      <c r="AF13477">
        <v>94</v>
      </c>
      <c r="AG13477">
        <v>95</v>
      </c>
      <c r="AH13477">
        <v>97</v>
      </c>
      <c r="AI13477">
        <v>98</v>
      </c>
      <c r="AJ13477">
        <v>100</v>
      </c>
      <c r="AK13477">
        <v>101</v>
      </c>
      <c r="AL13477">
        <v>102</v>
      </c>
      <c r="AM13477">
        <v>102</v>
      </c>
      <c r="AN13477">
        <v>102</v>
      </c>
      <c r="AO13477">
        <v>103</v>
      </c>
      <c r="AP13477">
        <v>103</v>
      </c>
      <c r="AQ13477">
        <v>103</v>
      </c>
    </row>
    <row r="13478" spans="1:43">
      <c r="A13478" t="s">
        <v>8368</v>
      </c>
      <c r="B13478" t="s">
        <v>8369</v>
      </c>
      <c r="C13478" t="s">
        <v>8360</v>
      </c>
      <c r="D13478" t="s">
        <v>8361</v>
      </c>
      <c r="E13478" t="s">
        <v>8296</v>
      </c>
      <c r="F13478" t="s">
        <v>8297</v>
      </c>
      <c r="G13478" t="s">
        <v>80</v>
      </c>
      <c r="H13478" t="s">
        <v>81</v>
      </c>
      <c r="I13478" s="2">
        <v>0</v>
      </c>
      <c r="J13478" s="2">
        <v>1</v>
      </c>
      <c r="K13478" s="2">
        <v>0</v>
      </c>
      <c r="L13478" t="s">
        <v>82</v>
      </c>
      <c r="M13478" t="s">
        <v>83</v>
      </c>
      <c r="N13478" t="s">
        <v>84</v>
      </c>
      <c r="O13478" t="s">
        <v>85</v>
      </c>
      <c r="P13478" t="s">
        <v>86</v>
      </c>
      <c r="Q13478">
        <v>19</v>
      </c>
      <c r="R13478">
        <v>19</v>
      </c>
      <c r="S13478">
        <v>19</v>
      </c>
      <c r="T13478">
        <v>20</v>
      </c>
      <c r="U13478">
        <v>20</v>
      </c>
      <c r="V13478">
        <v>20</v>
      </c>
      <c r="W13478">
        <v>21</v>
      </c>
      <c r="X13478">
        <v>21</v>
      </c>
      <c r="Y13478">
        <v>22</v>
      </c>
      <c r="Z13478">
        <v>22</v>
      </c>
      <c r="AA13478">
        <v>22</v>
      </c>
      <c r="AB13478">
        <v>23</v>
      </c>
      <c r="AC13478">
        <v>23</v>
      </c>
      <c r="AD13478">
        <v>23</v>
      </c>
      <c r="AE13478">
        <v>24</v>
      </c>
      <c r="AF13478">
        <v>24</v>
      </c>
      <c r="AG13478">
        <v>24</v>
      </c>
      <c r="AH13478">
        <v>25</v>
      </c>
      <c r="AI13478">
        <v>25</v>
      </c>
      <c r="AJ13478">
        <v>25</v>
      </c>
      <c r="AK13478">
        <v>26</v>
      </c>
      <c r="AL13478">
        <v>26</v>
      </c>
      <c r="AM13478">
        <v>26</v>
      </c>
      <c r="AN13478">
        <v>26</v>
      </c>
      <c r="AO13478">
        <v>26</v>
      </c>
      <c r="AP13478">
        <v>26</v>
      </c>
      <c r="AQ13478">
        <v>26</v>
      </c>
    </row>
    <row r="13479" spans="1:43">
      <c r="A13479" t="s">
        <v>8368</v>
      </c>
      <c r="B13479" t="s">
        <v>8369</v>
      </c>
      <c r="C13479" t="s">
        <v>8360</v>
      </c>
      <c r="D13479" t="s">
        <v>8361</v>
      </c>
      <c r="E13479" t="s">
        <v>8296</v>
      </c>
      <c r="F13479" t="s">
        <v>8297</v>
      </c>
      <c r="G13479" t="s">
        <v>80</v>
      </c>
      <c r="H13479" t="s">
        <v>81</v>
      </c>
      <c r="I13479" s="2">
        <v>0</v>
      </c>
      <c r="J13479" s="2">
        <v>1</v>
      </c>
      <c r="K13479" s="2">
        <v>0</v>
      </c>
      <c r="L13479" t="s">
        <v>82</v>
      </c>
      <c r="M13479" t="s">
        <v>87</v>
      </c>
      <c r="N13479" t="s">
        <v>88</v>
      </c>
      <c r="O13479" t="s">
        <v>85</v>
      </c>
      <c r="P13479" t="s">
        <v>86</v>
      </c>
      <c r="Q13479">
        <v>19</v>
      </c>
      <c r="R13479">
        <v>20</v>
      </c>
      <c r="S13479">
        <v>20</v>
      </c>
      <c r="T13479">
        <v>20</v>
      </c>
      <c r="U13479">
        <v>20</v>
      </c>
      <c r="V13479">
        <v>20</v>
      </c>
      <c r="W13479">
        <v>21</v>
      </c>
      <c r="X13479">
        <v>21</v>
      </c>
      <c r="Y13479">
        <v>21</v>
      </c>
      <c r="Z13479">
        <v>21</v>
      </c>
      <c r="AA13479">
        <v>21</v>
      </c>
      <c r="AB13479">
        <v>21</v>
      </c>
      <c r="AC13479">
        <v>22</v>
      </c>
      <c r="AD13479">
        <v>22</v>
      </c>
      <c r="AE13479">
        <v>22</v>
      </c>
      <c r="AF13479">
        <v>22</v>
      </c>
      <c r="AG13479">
        <v>22</v>
      </c>
      <c r="AH13479">
        <v>22</v>
      </c>
      <c r="AI13479">
        <v>23</v>
      </c>
      <c r="AJ13479">
        <v>23</v>
      </c>
      <c r="AK13479">
        <v>23</v>
      </c>
      <c r="AL13479">
        <v>23</v>
      </c>
      <c r="AM13479">
        <v>23</v>
      </c>
      <c r="AN13479">
        <v>23</v>
      </c>
      <c r="AO13479">
        <v>24</v>
      </c>
      <c r="AP13479">
        <v>24</v>
      </c>
      <c r="AQ13479">
        <v>24</v>
      </c>
    </row>
    <row r="13480" spans="1:43">
      <c r="A13480" t="s">
        <v>8368</v>
      </c>
      <c r="B13480" t="s">
        <v>8369</v>
      </c>
      <c r="C13480" t="s">
        <v>8360</v>
      </c>
      <c r="D13480" t="s">
        <v>8361</v>
      </c>
      <c r="E13480" t="s">
        <v>8296</v>
      </c>
      <c r="F13480" t="s">
        <v>8297</v>
      </c>
      <c r="G13480" t="s">
        <v>80</v>
      </c>
      <c r="H13480" t="s">
        <v>81</v>
      </c>
      <c r="I13480" s="2">
        <v>0</v>
      </c>
      <c r="J13480" s="2">
        <v>1</v>
      </c>
      <c r="K13480" s="2">
        <v>0</v>
      </c>
      <c r="L13480" t="s">
        <v>82</v>
      </c>
      <c r="M13480" t="s">
        <v>89</v>
      </c>
      <c r="N13480" t="s">
        <v>90</v>
      </c>
      <c r="O13480" t="s">
        <v>85</v>
      </c>
      <c r="P13480" t="s">
        <v>86</v>
      </c>
      <c r="Q13480">
        <v>19</v>
      </c>
      <c r="R13480">
        <v>19</v>
      </c>
      <c r="S13480">
        <v>20</v>
      </c>
      <c r="T13480">
        <v>20</v>
      </c>
      <c r="U13480">
        <v>21</v>
      </c>
      <c r="V13480">
        <v>21</v>
      </c>
      <c r="W13480">
        <v>22</v>
      </c>
      <c r="X13480">
        <v>22</v>
      </c>
      <c r="Y13480">
        <v>23</v>
      </c>
      <c r="Z13480">
        <v>23</v>
      </c>
      <c r="AA13480">
        <v>24</v>
      </c>
      <c r="AB13480">
        <v>24</v>
      </c>
      <c r="AC13480">
        <v>25</v>
      </c>
      <c r="AD13480">
        <v>25</v>
      </c>
      <c r="AE13480">
        <v>25</v>
      </c>
      <c r="AF13480">
        <v>25</v>
      </c>
      <c r="AG13480">
        <v>26</v>
      </c>
      <c r="AH13480">
        <v>26</v>
      </c>
      <c r="AI13480">
        <v>26</v>
      </c>
      <c r="AJ13480">
        <v>26</v>
      </c>
      <c r="AK13480">
        <v>26</v>
      </c>
      <c r="AL13480">
        <v>26</v>
      </c>
      <c r="AM13480">
        <v>26</v>
      </c>
      <c r="AN13480">
        <v>26</v>
      </c>
      <c r="AO13480">
        <v>26</v>
      </c>
      <c r="AP13480">
        <v>26</v>
      </c>
      <c r="AQ13480">
        <v>26</v>
      </c>
    </row>
    <row r="13481" spans="1:43">
      <c r="A13481" t="s">
        <v>8368</v>
      </c>
      <c r="B13481" t="s">
        <v>8369</v>
      </c>
      <c r="C13481" t="s">
        <v>8360</v>
      </c>
      <c r="D13481" t="s">
        <v>8361</v>
      </c>
      <c r="E13481" t="s">
        <v>8296</v>
      </c>
      <c r="F13481" t="s">
        <v>8297</v>
      </c>
      <c r="G13481" t="s">
        <v>80</v>
      </c>
      <c r="H13481" t="s">
        <v>81</v>
      </c>
      <c r="I13481" s="2">
        <v>0</v>
      </c>
      <c r="J13481" s="2">
        <v>1</v>
      </c>
      <c r="K13481" s="2">
        <v>0</v>
      </c>
      <c r="L13481" t="s">
        <v>82</v>
      </c>
      <c r="M13481" t="s">
        <v>83</v>
      </c>
      <c r="N13481" t="s">
        <v>91</v>
      </c>
      <c r="O13481" t="s">
        <v>85</v>
      </c>
      <c r="P13481" t="s">
        <v>86</v>
      </c>
      <c r="Q13481">
        <v>19</v>
      </c>
      <c r="R13481">
        <v>19</v>
      </c>
      <c r="S13481">
        <v>19</v>
      </c>
      <c r="T13481">
        <v>20</v>
      </c>
      <c r="U13481">
        <v>20</v>
      </c>
      <c r="V13481">
        <v>20</v>
      </c>
      <c r="W13481">
        <v>21</v>
      </c>
      <c r="X13481">
        <v>21</v>
      </c>
      <c r="Y13481">
        <v>22</v>
      </c>
      <c r="Z13481">
        <v>22</v>
      </c>
      <c r="AA13481">
        <v>22</v>
      </c>
      <c r="AB13481">
        <v>23</v>
      </c>
      <c r="AC13481">
        <v>23</v>
      </c>
      <c r="AD13481">
        <v>23</v>
      </c>
      <c r="AE13481">
        <v>24</v>
      </c>
      <c r="AF13481">
        <v>24</v>
      </c>
      <c r="AG13481">
        <v>24</v>
      </c>
      <c r="AH13481">
        <v>25</v>
      </c>
      <c r="AI13481">
        <v>25</v>
      </c>
      <c r="AJ13481">
        <v>25</v>
      </c>
      <c r="AK13481">
        <v>26</v>
      </c>
      <c r="AL13481">
        <v>26</v>
      </c>
      <c r="AM13481">
        <v>26</v>
      </c>
      <c r="AN13481">
        <v>26</v>
      </c>
      <c r="AO13481">
        <v>26</v>
      </c>
      <c r="AP13481">
        <v>26</v>
      </c>
      <c r="AQ13481">
        <v>26</v>
      </c>
    </row>
    <row r="13482" spans="1:43">
      <c r="A13482" t="s">
        <v>8370</v>
      </c>
      <c r="B13482" t="s">
        <v>8371</v>
      </c>
      <c r="C13482" t="s">
        <v>8354</v>
      </c>
      <c r="D13482" t="s">
        <v>8355</v>
      </c>
      <c r="E13482" t="s">
        <v>8296</v>
      </c>
      <c r="F13482" t="s">
        <v>8297</v>
      </c>
      <c r="G13482" t="s">
        <v>80</v>
      </c>
      <c r="H13482" t="s">
        <v>81</v>
      </c>
      <c r="I13482" s="2">
        <v>0</v>
      </c>
      <c r="J13482" s="2">
        <v>1</v>
      </c>
      <c r="K13482" s="2">
        <v>0</v>
      </c>
      <c r="L13482" t="s">
        <v>82</v>
      </c>
      <c r="M13482" t="s">
        <v>83</v>
      </c>
      <c r="N13482" t="s">
        <v>84</v>
      </c>
      <c r="O13482" t="s">
        <v>85</v>
      </c>
      <c r="P13482" t="s">
        <v>86</v>
      </c>
      <c r="Q13482">
        <v>8</v>
      </c>
      <c r="R13482">
        <v>9</v>
      </c>
      <c r="S13482">
        <v>9</v>
      </c>
      <c r="T13482">
        <v>9</v>
      </c>
      <c r="U13482">
        <v>9</v>
      </c>
      <c r="V13482">
        <v>9</v>
      </c>
      <c r="W13482">
        <v>9</v>
      </c>
      <c r="X13482">
        <v>9</v>
      </c>
      <c r="Y13482">
        <v>10</v>
      </c>
      <c r="Z13482">
        <v>10</v>
      </c>
      <c r="AA13482">
        <v>10</v>
      </c>
      <c r="AB13482">
        <v>10</v>
      </c>
      <c r="AC13482">
        <v>10</v>
      </c>
      <c r="AD13482">
        <v>10</v>
      </c>
      <c r="AE13482">
        <v>11</v>
      </c>
      <c r="AF13482">
        <v>11</v>
      </c>
      <c r="AG13482">
        <v>11</v>
      </c>
      <c r="AH13482">
        <v>11</v>
      </c>
      <c r="AI13482">
        <v>11</v>
      </c>
      <c r="AJ13482">
        <v>11</v>
      </c>
      <c r="AK13482">
        <v>12</v>
      </c>
      <c r="AL13482">
        <v>12</v>
      </c>
      <c r="AM13482">
        <v>12</v>
      </c>
      <c r="AN13482">
        <v>12</v>
      </c>
      <c r="AO13482">
        <v>12</v>
      </c>
      <c r="AP13482">
        <v>12</v>
      </c>
      <c r="AQ13482">
        <v>12</v>
      </c>
    </row>
    <row r="13483" spans="1:43">
      <c r="A13483" t="s">
        <v>8370</v>
      </c>
      <c r="B13483" t="s">
        <v>8371</v>
      </c>
      <c r="C13483" t="s">
        <v>8354</v>
      </c>
      <c r="D13483" t="s">
        <v>8355</v>
      </c>
      <c r="E13483" t="s">
        <v>8296</v>
      </c>
      <c r="F13483" t="s">
        <v>8297</v>
      </c>
      <c r="G13483" t="s">
        <v>80</v>
      </c>
      <c r="H13483" t="s">
        <v>81</v>
      </c>
      <c r="I13483" s="2">
        <v>0</v>
      </c>
      <c r="J13483" s="2">
        <v>1</v>
      </c>
      <c r="K13483" s="2">
        <v>0</v>
      </c>
      <c r="L13483" t="s">
        <v>82</v>
      </c>
      <c r="M13483" t="s">
        <v>87</v>
      </c>
      <c r="N13483" t="s">
        <v>88</v>
      </c>
      <c r="O13483" t="s">
        <v>85</v>
      </c>
      <c r="P13483" t="s">
        <v>86</v>
      </c>
      <c r="Q13483">
        <v>8</v>
      </c>
      <c r="R13483">
        <v>8</v>
      </c>
      <c r="S13483">
        <v>8</v>
      </c>
      <c r="T13483">
        <v>9</v>
      </c>
      <c r="U13483">
        <v>9</v>
      </c>
      <c r="V13483">
        <v>9</v>
      </c>
      <c r="W13483">
        <v>9</v>
      </c>
      <c r="X13483">
        <v>9</v>
      </c>
      <c r="Y13483">
        <v>9</v>
      </c>
      <c r="Z13483">
        <v>9</v>
      </c>
      <c r="AA13483">
        <v>9</v>
      </c>
      <c r="AB13483">
        <v>9</v>
      </c>
      <c r="AC13483">
        <v>9</v>
      </c>
      <c r="AD13483">
        <v>9</v>
      </c>
      <c r="AE13483">
        <v>9</v>
      </c>
      <c r="AF13483">
        <v>9</v>
      </c>
      <c r="AG13483">
        <v>10</v>
      </c>
      <c r="AH13483">
        <v>10</v>
      </c>
      <c r="AI13483">
        <v>10</v>
      </c>
      <c r="AJ13483">
        <v>10</v>
      </c>
      <c r="AK13483">
        <v>10</v>
      </c>
      <c r="AL13483">
        <v>10</v>
      </c>
      <c r="AM13483">
        <v>10</v>
      </c>
      <c r="AN13483">
        <v>10</v>
      </c>
      <c r="AO13483">
        <v>10</v>
      </c>
      <c r="AP13483">
        <v>10</v>
      </c>
      <c r="AQ13483">
        <v>10</v>
      </c>
    </row>
    <row r="13484" spans="1:43">
      <c r="A13484" t="s">
        <v>8370</v>
      </c>
      <c r="B13484" t="s">
        <v>8371</v>
      </c>
      <c r="C13484" t="s">
        <v>8354</v>
      </c>
      <c r="D13484" t="s">
        <v>8355</v>
      </c>
      <c r="E13484" t="s">
        <v>8296</v>
      </c>
      <c r="F13484" t="s">
        <v>8297</v>
      </c>
      <c r="G13484" t="s">
        <v>80</v>
      </c>
      <c r="H13484" t="s">
        <v>81</v>
      </c>
      <c r="I13484" s="2">
        <v>0</v>
      </c>
      <c r="J13484" s="2">
        <v>1</v>
      </c>
      <c r="K13484" s="2">
        <v>0</v>
      </c>
      <c r="L13484" t="s">
        <v>82</v>
      </c>
      <c r="M13484" t="s">
        <v>89</v>
      </c>
      <c r="N13484" t="s">
        <v>90</v>
      </c>
      <c r="O13484" t="s">
        <v>85</v>
      </c>
      <c r="P13484" t="s">
        <v>86</v>
      </c>
      <c r="Q13484">
        <v>8</v>
      </c>
      <c r="R13484">
        <v>9</v>
      </c>
      <c r="S13484">
        <v>9</v>
      </c>
      <c r="T13484">
        <v>9</v>
      </c>
      <c r="U13484">
        <v>9</v>
      </c>
      <c r="V13484">
        <v>10</v>
      </c>
      <c r="W13484">
        <v>10</v>
      </c>
      <c r="X13484">
        <v>10</v>
      </c>
      <c r="Y13484">
        <v>10</v>
      </c>
      <c r="Z13484">
        <v>10</v>
      </c>
      <c r="AA13484">
        <v>11</v>
      </c>
      <c r="AB13484">
        <v>11</v>
      </c>
      <c r="AC13484">
        <v>11</v>
      </c>
      <c r="AD13484">
        <v>11</v>
      </c>
      <c r="AE13484">
        <v>11</v>
      </c>
      <c r="AF13484">
        <v>11</v>
      </c>
      <c r="AG13484">
        <v>11</v>
      </c>
      <c r="AH13484">
        <v>12</v>
      </c>
      <c r="AI13484">
        <v>12</v>
      </c>
      <c r="AJ13484">
        <v>12</v>
      </c>
      <c r="AK13484">
        <v>12</v>
      </c>
      <c r="AL13484">
        <v>12</v>
      </c>
      <c r="AM13484">
        <v>12</v>
      </c>
      <c r="AN13484">
        <v>12</v>
      </c>
      <c r="AO13484">
        <v>12</v>
      </c>
      <c r="AP13484">
        <v>12</v>
      </c>
      <c r="AQ13484">
        <v>12</v>
      </c>
    </row>
    <row r="13485" spans="1:43">
      <c r="A13485" t="s">
        <v>8370</v>
      </c>
      <c r="B13485" t="s">
        <v>8371</v>
      </c>
      <c r="C13485" t="s">
        <v>8354</v>
      </c>
      <c r="D13485" t="s">
        <v>8355</v>
      </c>
      <c r="E13485" t="s">
        <v>8296</v>
      </c>
      <c r="F13485" t="s">
        <v>8297</v>
      </c>
      <c r="G13485" t="s">
        <v>80</v>
      </c>
      <c r="H13485" t="s">
        <v>81</v>
      </c>
      <c r="I13485" s="2">
        <v>0</v>
      </c>
      <c r="J13485" s="2">
        <v>1</v>
      </c>
      <c r="K13485" s="2">
        <v>0</v>
      </c>
      <c r="L13485" t="s">
        <v>82</v>
      </c>
      <c r="M13485" t="s">
        <v>83</v>
      </c>
      <c r="N13485" t="s">
        <v>91</v>
      </c>
      <c r="O13485" t="s">
        <v>85</v>
      </c>
      <c r="P13485" t="s">
        <v>86</v>
      </c>
      <c r="Q13485">
        <v>8</v>
      </c>
      <c r="R13485">
        <v>9</v>
      </c>
      <c r="S13485">
        <v>9</v>
      </c>
      <c r="T13485">
        <v>9</v>
      </c>
      <c r="U13485">
        <v>9</v>
      </c>
      <c r="V13485">
        <v>9</v>
      </c>
      <c r="W13485">
        <v>9</v>
      </c>
      <c r="X13485">
        <v>9</v>
      </c>
      <c r="Y13485">
        <v>10</v>
      </c>
      <c r="Z13485">
        <v>10</v>
      </c>
      <c r="AA13485">
        <v>10</v>
      </c>
      <c r="AB13485">
        <v>10</v>
      </c>
      <c r="AC13485">
        <v>10</v>
      </c>
      <c r="AD13485">
        <v>10</v>
      </c>
      <c r="AE13485">
        <v>11</v>
      </c>
      <c r="AF13485">
        <v>11</v>
      </c>
      <c r="AG13485">
        <v>11</v>
      </c>
      <c r="AH13485">
        <v>11</v>
      </c>
      <c r="AI13485">
        <v>11</v>
      </c>
      <c r="AJ13485">
        <v>11</v>
      </c>
      <c r="AK13485">
        <v>12</v>
      </c>
      <c r="AL13485">
        <v>12</v>
      </c>
      <c r="AM13485">
        <v>12</v>
      </c>
      <c r="AN13485">
        <v>12</v>
      </c>
      <c r="AO13485">
        <v>12</v>
      </c>
      <c r="AP13485">
        <v>12</v>
      </c>
      <c r="AQ13485">
        <v>12</v>
      </c>
    </row>
    <row r="13486" spans="1:43">
      <c r="A13486" t="s">
        <v>8372</v>
      </c>
      <c r="B13486" t="s">
        <v>8373</v>
      </c>
      <c r="C13486" t="s">
        <v>8374</v>
      </c>
      <c r="D13486" t="s">
        <v>8375</v>
      </c>
      <c r="E13486" t="s">
        <v>8296</v>
      </c>
      <c r="F13486" t="s">
        <v>8297</v>
      </c>
      <c r="G13486" t="s">
        <v>80</v>
      </c>
      <c r="H13486" t="s">
        <v>81</v>
      </c>
      <c r="I13486" s="2">
        <v>0</v>
      </c>
      <c r="J13486" s="2">
        <v>1</v>
      </c>
      <c r="K13486" s="2">
        <v>0</v>
      </c>
      <c r="L13486" t="s">
        <v>82</v>
      </c>
      <c r="M13486" t="s">
        <v>83</v>
      </c>
      <c r="N13486" t="s">
        <v>84</v>
      </c>
      <c r="O13486" t="s">
        <v>85</v>
      </c>
      <c r="P13486" t="s">
        <v>86</v>
      </c>
      <c r="Q13486">
        <v>58</v>
      </c>
      <c r="R13486">
        <v>59</v>
      </c>
      <c r="S13486">
        <v>60</v>
      </c>
      <c r="T13486">
        <v>61</v>
      </c>
      <c r="U13486">
        <v>62</v>
      </c>
      <c r="V13486">
        <v>63</v>
      </c>
      <c r="W13486">
        <v>65</v>
      </c>
      <c r="X13486">
        <v>66</v>
      </c>
      <c r="Y13486">
        <v>67</v>
      </c>
      <c r="Z13486">
        <v>68</v>
      </c>
      <c r="AA13486">
        <v>69</v>
      </c>
      <c r="AB13486">
        <v>70</v>
      </c>
      <c r="AC13486">
        <v>71</v>
      </c>
      <c r="AD13486">
        <v>72</v>
      </c>
      <c r="AE13486">
        <v>73</v>
      </c>
      <c r="AF13486">
        <v>74</v>
      </c>
      <c r="AG13486">
        <v>76</v>
      </c>
      <c r="AH13486">
        <v>77</v>
      </c>
      <c r="AI13486">
        <v>78</v>
      </c>
      <c r="AJ13486">
        <v>79</v>
      </c>
      <c r="AK13486">
        <v>80</v>
      </c>
      <c r="AL13486">
        <v>80</v>
      </c>
      <c r="AM13486">
        <v>81</v>
      </c>
      <c r="AN13486">
        <v>81</v>
      </c>
      <c r="AO13486">
        <v>81</v>
      </c>
      <c r="AP13486">
        <v>81</v>
      </c>
      <c r="AQ13486">
        <v>82</v>
      </c>
    </row>
    <row r="13487" spans="1:43">
      <c r="A13487" t="s">
        <v>8372</v>
      </c>
      <c r="B13487" t="s">
        <v>8373</v>
      </c>
      <c r="C13487" t="s">
        <v>8374</v>
      </c>
      <c r="D13487" t="s">
        <v>8375</v>
      </c>
      <c r="E13487" t="s">
        <v>8296</v>
      </c>
      <c r="F13487" t="s">
        <v>8297</v>
      </c>
      <c r="G13487" t="s">
        <v>80</v>
      </c>
      <c r="H13487" t="s">
        <v>81</v>
      </c>
      <c r="I13487" s="2">
        <v>0</v>
      </c>
      <c r="J13487" s="2">
        <v>1</v>
      </c>
      <c r="K13487" s="2">
        <v>0</v>
      </c>
      <c r="L13487" t="s">
        <v>82</v>
      </c>
      <c r="M13487" t="s">
        <v>87</v>
      </c>
      <c r="N13487" t="s">
        <v>88</v>
      </c>
      <c r="O13487" t="s">
        <v>85</v>
      </c>
      <c r="P13487" t="s">
        <v>86</v>
      </c>
      <c r="Q13487">
        <v>58</v>
      </c>
      <c r="R13487">
        <v>59</v>
      </c>
      <c r="S13487">
        <v>59</v>
      </c>
      <c r="T13487">
        <v>60</v>
      </c>
      <c r="U13487">
        <v>61</v>
      </c>
      <c r="V13487">
        <v>61</v>
      </c>
      <c r="W13487">
        <v>62</v>
      </c>
      <c r="X13487">
        <v>62</v>
      </c>
      <c r="Y13487">
        <v>63</v>
      </c>
      <c r="Z13487">
        <v>63</v>
      </c>
      <c r="AA13487">
        <v>64</v>
      </c>
      <c r="AB13487">
        <v>64</v>
      </c>
      <c r="AC13487">
        <v>65</v>
      </c>
      <c r="AD13487">
        <v>65</v>
      </c>
      <c r="AE13487">
        <v>66</v>
      </c>
      <c r="AF13487">
        <v>67</v>
      </c>
      <c r="AG13487">
        <v>67</v>
      </c>
      <c r="AH13487">
        <v>68</v>
      </c>
      <c r="AI13487">
        <v>68</v>
      </c>
      <c r="AJ13487">
        <v>69</v>
      </c>
      <c r="AK13487">
        <v>69</v>
      </c>
      <c r="AL13487">
        <v>70</v>
      </c>
      <c r="AM13487">
        <v>70</v>
      </c>
      <c r="AN13487">
        <v>71</v>
      </c>
      <c r="AO13487">
        <v>71</v>
      </c>
      <c r="AP13487">
        <v>72</v>
      </c>
      <c r="AQ13487">
        <v>72</v>
      </c>
    </row>
    <row r="13488" spans="1:43">
      <c r="A13488" t="s">
        <v>8372</v>
      </c>
      <c r="B13488" t="s">
        <v>8373</v>
      </c>
      <c r="C13488" t="s">
        <v>8374</v>
      </c>
      <c r="D13488" t="s">
        <v>8375</v>
      </c>
      <c r="E13488" t="s">
        <v>8296</v>
      </c>
      <c r="F13488" t="s">
        <v>8297</v>
      </c>
      <c r="G13488" t="s">
        <v>80</v>
      </c>
      <c r="H13488" t="s">
        <v>81</v>
      </c>
      <c r="I13488" s="2">
        <v>0</v>
      </c>
      <c r="J13488" s="2">
        <v>1</v>
      </c>
      <c r="K13488" s="2">
        <v>0</v>
      </c>
      <c r="L13488" t="s">
        <v>82</v>
      </c>
      <c r="M13488" t="s">
        <v>89</v>
      </c>
      <c r="N13488" t="s">
        <v>90</v>
      </c>
      <c r="O13488" t="s">
        <v>85</v>
      </c>
      <c r="P13488" t="s">
        <v>86</v>
      </c>
      <c r="Q13488">
        <v>58</v>
      </c>
      <c r="R13488">
        <v>60</v>
      </c>
      <c r="S13488">
        <v>62</v>
      </c>
      <c r="T13488">
        <v>63</v>
      </c>
      <c r="U13488">
        <v>65</v>
      </c>
      <c r="V13488">
        <v>66</v>
      </c>
      <c r="W13488">
        <v>68</v>
      </c>
      <c r="X13488">
        <v>69</v>
      </c>
      <c r="Y13488">
        <v>71</v>
      </c>
      <c r="Z13488">
        <v>72</v>
      </c>
      <c r="AA13488">
        <v>74</v>
      </c>
      <c r="AB13488">
        <v>75</v>
      </c>
      <c r="AC13488">
        <v>76</v>
      </c>
      <c r="AD13488">
        <v>78</v>
      </c>
      <c r="AE13488">
        <v>79</v>
      </c>
      <c r="AF13488">
        <v>79</v>
      </c>
      <c r="AG13488">
        <v>79</v>
      </c>
      <c r="AH13488">
        <v>80</v>
      </c>
      <c r="AI13488">
        <v>80</v>
      </c>
      <c r="AJ13488">
        <v>80</v>
      </c>
      <c r="AK13488">
        <v>81</v>
      </c>
      <c r="AL13488">
        <v>81</v>
      </c>
      <c r="AM13488">
        <v>81</v>
      </c>
      <c r="AN13488">
        <v>81</v>
      </c>
      <c r="AO13488">
        <v>82</v>
      </c>
      <c r="AP13488">
        <v>82</v>
      </c>
      <c r="AQ13488">
        <v>82</v>
      </c>
    </row>
    <row r="13489" spans="1:43">
      <c r="A13489" t="s">
        <v>8372</v>
      </c>
      <c r="B13489" t="s">
        <v>8373</v>
      </c>
      <c r="C13489" t="s">
        <v>8374</v>
      </c>
      <c r="D13489" t="s">
        <v>8375</v>
      </c>
      <c r="E13489" t="s">
        <v>8296</v>
      </c>
      <c r="F13489" t="s">
        <v>8297</v>
      </c>
      <c r="G13489" t="s">
        <v>80</v>
      </c>
      <c r="H13489" t="s">
        <v>81</v>
      </c>
      <c r="I13489" s="2">
        <v>0</v>
      </c>
      <c r="J13489" s="2">
        <v>1</v>
      </c>
      <c r="K13489" s="2">
        <v>0</v>
      </c>
      <c r="L13489" t="s">
        <v>82</v>
      </c>
      <c r="M13489" t="s">
        <v>83</v>
      </c>
      <c r="N13489" t="s">
        <v>91</v>
      </c>
      <c r="O13489" t="s">
        <v>85</v>
      </c>
      <c r="P13489" t="s">
        <v>86</v>
      </c>
      <c r="Q13489">
        <v>58</v>
      </c>
      <c r="R13489">
        <v>59</v>
      </c>
      <c r="S13489">
        <v>60</v>
      </c>
      <c r="T13489">
        <v>61</v>
      </c>
      <c r="U13489">
        <v>62</v>
      </c>
      <c r="V13489">
        <v>63</v>
      </c>
      <c r="W13489">
        <v>65</v>
      </c>
      <c r="X13489">
        <v>66</v>
      </c>
      <c r="Y13489">
        <v>67</v>
      </c>
      <c r="Z13489">
        <v>68</v>
      </c>
      <c r="AA13489">
        <v>69</v>
      </c>
      <c r="AB13489">
        <v>70</v>
      </c>
      <c r="AC13489">
        <v>71</v>
      </c>
      <c r="AD13489">
        <v>72</v>
      </c>
      <c r="AE13489">
        <v>73</v>
      </c>
      <c r="AF13489">
        <v>74</v>
      </c>
      <c r="AG13489">
        <v>76</v>
      </c>
      <c r="AH13489">
        <v>77</v>
      </c>
      <c r="AI13489">
        <v>78</v>
      </c>
      <c r="AJ13489">
        <v>79</v>
      </c>
      <c r="AK13489">
        <v>80</v>
      </c>
      <c r="AL13489">
        <v>80</v>
      </c>
      <c r="AM13489">
        <v>81</v>
      </c>
      <c r="AN13489">
        <v>81</v>
      </c>
      <c r="AO13489">
        <v>81</v>
      </c>
      <c r="AP13489">
        <v>81</v>
      </c>
      <c r="AQ13489">
        <v>82</v>
      </c>
    </row>
    <row r="13490" spans="1:43">
      <c r="A13490" t="s">
        <v>8376</v>
      </c>
      <c r="B13490" t="s">
        <v>8377</v>
      </c>
      <c r="C13490" t="s">
        <v>8374</v>
      </c>
      <c r="D13490" t="s">
        <v>8375</v>
      </c>
      <c r="E13490" t="s">
        <v>8296</v>
      </c>
      <c r="F13490" t="s">
        <v>8297</v>
      </c>
      <c r="G13490" t="s">
        <v>80</v>
      </c>
      <c r="H13490" t="s">
        <v>81</v>
      </c>
      <c r="I13490" s="2">
        <v>0</v>
      </c>
      <c r="J13490" s="2">
        <v>1</v>
      </c>
      <c r="K13490" s="2">
        <v>0</v>
      </c>
      <c r="L13490" t="s">
        <v>82</v>
      </c>
      <c r="M13490" t="s">
        <v>83</v>
      </c>
      <c r="N13490" t="s">
        <v>84</v>
      </c>
      <c r="O13490" t="s">
        <v>85</v>
      </c>
      <c r="P13490" t="s">
        <v>86</v>
      </c>
      <c r="Q13490">
        <v>48</v>
      </c>
      <c r="R13490">
        <v>49</v>
      </c>
      <c r="S13490">
        <v>50</v>
      </c>
      <c r="T13490">
        <v>51</v>
      </c>
      <c r="U13490">
        <v>52</v>
      </c>
      <c r="V13490">
        <v>53</v>
      </c>
      <c r="W13490">
        <v>54</v>
      </c>
      <c r="X13490">
        <v>55</v>
      </c>
      <c r="Y13490">
        <v>56</v>
      </c>
      <c r="Z13490">
        <v>57</v>
      </c>
      <c r="AA13490">
        <v>58</v>
      </c>
      <c r="AB13490">
        <v>59</v>
      </c>
      <c r="AC13490">
        <v>60</v>
      </c>
      <c r="AD13490">
        <v>61</v>
      </c>
      <c r="AE13490">
        <v>61</v>
      </c>
      <c r="AF13490">
        <v>62</v>
      </c>
      <c r="AG13490">
        <v>63</v>
      </c>
      <c r="AH13490">
        <v>64</v>
      </c>
      <c r="AI13490">
        <v>65</v>
      </c>
      <c r="AJ13490">
        <v>66</v>
      </c>
      <c r="AK13490">
        <v>67</v>
      </c>
      <c r="AL13490">
        <v>67</v>
      </c>
      <c r="AM13490">
        <v>68</v>
      </c>
      <c r="AN13490">
        <v>68</v>
      </c>
      <c r="AO13490">
        <v>68</v>
      </c>
      <c r="AP13490">
        <v>68</v>
      </c>
      <c r="AQ13490">
        <v>68</v>
      </c>
    </row>
    <row r="13491" spans="1:43">
      <c r="A13491" t="s">
        <v>8376</v>
      </c>
      <c r="B13491" t="s">
        <v>8377</v>
      </c>
      <c r="C13491" t="s">
        <v>8374</v>
      </c>
      <c r="D13491" t="s">
        <v>8375</v>
      </c>
      <c r="E13491" t="s">
        <v>8296</v>
      </c>
      <c r="F13491" t="s">
        <v>8297</v>
      </c>
      <c r="G13491" t="s">
        <v>80</v>
      </c>
      <c r="H13491" t="s">
        <v>81</v>
      </c>
      <c r="I13491" s="2">
        <v>0</v>
      </c>
      <c r="J13491" s="2">
        <v>1</v>
      </c>
      <c r="K13491" s="2">
        <v>0</v>
      </c>
      <c r="L13491" t="s">
        <v>82</v>
      </c>
      <c r="M13491" t="s">
        <v>87</v>
      </c>
      <c r="N13491" t="s">
        <v>88</v>
      </c>
      <c r="O13491" t="s">
        <v>85</v>
      </c>
      <c r="P13491" t="s">
        <v>86</v>
      </c>
      <c r="Q13491">
        <v>48</v>
      </c>
      <c r="R13491">
        <v>48</v>
      </c>
      <c r="S13491">
        <v>49</v>
      </c>
      <c r="T13491">
        <v>49</v>
      </c>
      <c r="U13491">
        <v>50</v>
      </c>
      <c r="V13491">
        <v>50</v>
      </c>
      <c r="W13491">
        <v>51</v>
      </c>
      <c r="X13491">
        <v>51</v>
      </c>
      <c r="Y13491">
        <v>52</v>
      </c>
      <c r="Z13491">
        <v>52</v>
      </c>
      <c r="AA13491">
        <v>53</v>
      </c>
      <c r="AB13491">
        <v>53</v>
      </c>
      <c r="AC13491">
        <v>53</v>
      </c>
      <c r="AD13491">
        <v>54</v>
      </c>
      <c r="AE13491">
        <v>54</v>
      </c>
      <c r="AF13491">
        <v>55</v>
      </c>
      <c r="AG13491">
        <v>55</v>
      </c>
      <c r="AH13491">
        <v>56</v>
      </c>
      <c r="AI13491">
        <v>56</v>
      </c>
      <c r="AJ13491">
        <v>57</v>
      </c>
      <c r="AK13491">
        <v>57</v>
      </c>
      <c r="AL13491">
        <v>57</v>
      </c>
      <c r="AM13491">
        <v>58</v>
      </c>
      <c r="AN13491">
        <v>58</v>
      </c>
      <c r="AO13491">
        <v>59</v>
      </c>
      <c r="AP13491">
        <v>59</v>
      </c>
      <c r="AQ13491">
        <v>60</v>
      </c>
    </row>
    <row r="13492" spans="1:43">
      <c r="A13492" t="s">
        <v>8376</v>
      </c>
      <c r="B13492" t="s">
        <v>8377</v>
      </c>
      <c r="C13492" t="s">
        <v>8374</v>
      </c>
      <c r="D13492" t="s">
        <v>8375</v>
      </c>
      <c r="E13492" t="s">
        <v>8296</v>
      </c>
      <c r="F13492" t="s">
        <v>8297</v>
      </c>
      <c r="G13492" t="s">
        <v>80</v>
      </c>
      <c r="H13492" t="s">
        <v>81</v>
      </c>
      <c r="I13492" s="2">
        <v>0</v>
      </c>
      <c r="J13492" s="2">
        <v>1</v>
      </c>
      <c r="K13492" s="2">
        <v>0</v>
      </c>
      <c r="L13492" t="s">
        <v>82</v>
      </c>
      <c r="M13492" t="s">
        <v>89</v>
      </c>
      <c r="N13492" t="s">
        <v>90</v>
      </c>
      <c r="O13492" t="s">
        <v>85</v>
      </c>
      <c r="P13492" t="s">
        <v>86</v>
      </c>
      <c r="Q13492">
        <v>48</v>
      </c>
      <c r="R13492">
        <v>49</v>
      </c>
      <c r="S13492">
        <v>50</v>
      </c>
      <c r="T13492">
        <v>52</v>
      </c>
      <c r="U13492">
        <v>53</v>
      </c>
      <c r="V13492">
        <v>54</v>
      </c>
      <c r="W13492">
        <v>56</v>
      </c>
      <c r="X13492">
        <v>57</v>
      </c>
      <c r="Y13492">
        <v>58</v>
      </c>
      <c r="Z13492">
        <v>59</v>
      </c>
      <c r="AA13492">
        <v>61</v>
      </c>
      <c r="AB13492">
        <v>62</v>
      </c>
      <c r="AC13492">
        <v>63</v>
      </c>
      <c r="AD13492">
        <v>64</v>
      </c>
      <c r="AE13492">
        <v>65</v>
      </c>
      <c r="AF13492">
        <v>65</v>
      </c>
      <c r="AG13492">
        <v>65</v>
      </c>
      <c r="AH13492">
        <v>66</v>
      </c>
      <c r="AI13492">
        <v>66</v>
      </c>
      <c r="AJ13492">
        <v>66</v>
      </c>
      <c r="AK13492">
        <v>66</v>
      </c>
      <c r="AL13492">
        <v>67</v>
      </c>
      <c r="AM13492">
        <v>67</v>
      </c>
      <c r="AN13492">
        <v>67</v>
      </c>
      <c r="AO13492">
        <v>67</v>
      </c>
      <c r="AP13492">
        <v>68</v>
      </c>
      <c r="AQ13492">
        <v>68</v>
      </c>
    </row>
    <row r="13493" spans="1:43">
      <c r="A13493" t="s">
        <v>8376</v>
      </c>
      <c r="B13493" t="s">
        <v>8377</v>
      </c>
      <c r="C13493" t="s">
        <v>8374</v>
      </c>
      <c r="D13493" t="s">
        <v>8375</v>
      </c>
      <c r="E13493" t="s">
        <v>8296</v>
      </c>
      <c r="F13493" t="s">
        <v>8297</v>
      </c>
      <c r="G13493" t="s">
        <v>80</v>
      </c>
      <c r="H13493" t="s">
        <v>81</v>
      </c>
      <c r="I13493" s="2">
        <v>0</v>
      </c>
      <c r="J13493" s="2">
        <v>1</v>
      </c>
      <c r="K13493" s="2">
        <v>0</v>
      </c>
      <c r="L13493" t="s">
        <v>82</v>
      </c>
      <c r="M13493" t="s">
        <v>83</v>
      </c>
      <c r="N13493" t="s">
        <v>91</v>
      </c>
      <c r="O13493" t="s">
        <v>85</v>
      </c>
      <c r="P13493" t="s">
        <v>86</v>
      </c>
      <c r="Q13493">
        <v>48</v>
      </c>
      <c r="R13493">
        <v>49</v>
      </c>
      <c r="S13493">
        <v>50</v>
      </c>
      <c r="T13493">
        <v>51</v>
      </c>
      <c r="U13493">
        <v>52</v>
      </c>
      <c r="V13493">
        <v>53</v>
      </c>
      <c r="W13493">
        <v>54</v>
      </c>
      <c r="X13493">
        <v>55</v>
      </c>
      <c r="Y13493">
        <v>56</v>
      </c>
      <c r="Z13493">
        <v>57</v>
      </c>
      <c r="AA13493">
        <v>58</v>
      </c>
      <c r="AB13493">
        <v>59</v>
      </c>
      <c r="AC13493">
        <v>60</v>
      </c>
      <c r="AD13493">
        <v>61</v>
      </c>
      <c r="AE13493">
        <v>61</v>
      </c>
      <c r="AF13493">
        <v>62</v>
      </c>
      <c r="AG13493">
        <v>63</v>
      </c>
      <c r="AH13493">
        <v>64</v>
      </c>
      <c r="AI13493">
        <v>65</v>
      </c>
      <c r="AJ13493">
        <v>66</v>
      </c>
      <c r="AK13493">
        <v>67</v>
      </c>
      <c r="AL13493">
        <v>67</v>
      </c>
      <c r="AM13493">
        <v>68</v>
      </c>
      <c r="AN13493">
        <v>68</v>
      </c>
      <c r="AO13493">
        <v>68</v>
      </c>
      <c r="AP13493">
        <v>68</v>
      </c>
      <c r="AQ13493">
        <v>68</v>
      </c>
    </row>
    <row r="13494" spans="1:43">
      <c r="A13494" t="s">
        <v>8378</v>
      </c>
      <c r="B13494" t="s">
        <v>8379</v>
      </c>
      <c r="C13494" t="s">
        <v>8374</v>
      </c>
      <c r="D13494" t="s">
        <v>8375</v>
      </c>
      <c r="E13494" t="s">
        <v>8296</v>
      </c>
      <c r="F13494" t="s">
        <v>8297</v>
      </c>
      <c r="G13494" t="s">
        <v>80</v>
      </c>
      <c r="H13494" t="s">
        <v>81</v>
      </c>
      <c r="I13494" s="2">
        <v>0</v>
      </c>
      <c r="J13494" s="2">
        <v>1</v>
      </c>
      <c r="K13494" s="2">
        <v>0</v>
      </c>
      <c r="L13494" t="s">
        <v>82</v>
      </c>
      <c r="M13494" t="s">
        <v>83</v>
      </c>
      <c r="N13494" t="s">
        <v>84</v>
      </c>
      <c r="O13494" t="s">
        <v>85</v>
      </c>
      <c r="P13494" t="s">
        <v>86</v>
      </c>
      <c r="Q13494">
        <v>28</v>
      </c>
      <c r="R13494">
        <v>28</v>
      </c>
      <c r="S13494">
        <v>29</v>
      </c>
      <c r="T13494">
        <v>29</v>
      </c>
      <c r="U13494">
        <v>30</v>
      </c>
      <c r="V13494">
        <v>30</v>
      </c>
      <c r="W13494">
        <v>31</v>
      </c>
      <c r="X13494">
        <v>31</v>
      </c>
      <c r="Y13494">
        <v>32</v>
      </c>
      <c r="Z13494">
        <v>33</v>
      </c>
      <c r="AA13494">
        <v>33</v>
      </c>
      <c r="AB13494">
        <v>34</v>
      </c>
      <c r="AC13494">
        <v>34</v>
      </c>
      <c r="AD13494">
        <v>35</v>
      </c>
      <c r="AE13494">
        <v>35</v>
      </c>
      <c r="AF13494">
        <v>36</v>
      </c>
      <c r="AG13494">
        <v>36</v>
      </c>
      <c r="AH13494">
        <v>37</v>
      </c>
      <c r="AI13494">
        <v>37</v>
      </c>
      <c r="AJ13494">
        <v>38</v>
      </c>
      <c r="AK13494">
        <v>38</v>
      </c>
      <c r="AL13494">
        <v>38</v>
      </c>
      <c r="AM13494">
        <v>39</v>
      </c>
      <c r="AN13494">
        <v>39</v>
      </c>
      <c r="AO13494">
        <v>39</v>
      </c>
      <c r="AP13494">
        <v>39</v>
      </c>
      <c r="AQ13494">
        <v>39</v>
      </c>
    </row>
    <row r="13495" spans="1:43">
      <c r="A13495" t="s">
        <v>8378</v>
      </c>
      <c r="B13495" t="s">
        <v>8379</v>
      </c>
      <c r="C13495" t="s">
        <v>8374</v>
      </c>
      <c r="D13495" t="s">
        <v>8375</v>
      </c>
      <c r="E13495" t="s">
        <v>8296</v>
      </c>
      <c r="F13495" t="s">
        <v>8297</v>
      </c>
      <c r="G13495" t="s">
        <v>80</v>
      </c>
      <c r="H13495" t="s">
        <v>81</v>
      </c>
      <c r="I13495" s="2">
        <v>0</v>
      </c>
      <c r="J13495" s="2">
        <v>1</v>
      </c>
      <c r="K13495" s="2">
        <v>0</v>
      </c>
      <c r="L13495" t="s">
        <v>82</v>
      </c>
      <c r="M13495" t="s">
        <v>87</v>
      </c>
      <c r="N13495" t="s">
        <v>88</v>
      </c>
      <c r="O13495" t="s">
        <v>85</v>
      </c>
      <c r="P13495" t="s">
        <v>86</v>
      </c>
      <c r="Q13495">
        <v>28</v>
      </c>
      <c r="R13495">
        <v>29</v>
      </c>
      <c r="S13495">
        <v>29</v>
      </c>
      <c r="T13495">
        <v>29</v>
      </c>
      <c r="U13495">
        <v>29</v>
      </c>
      <c r="V13495">
        <v>30</v>
      </c>
      <c r="W13495">
        <v>30</v>
      </c>
      <c r="X13495">
        <v>30</v>
      </c>
      <c r="Y13495">
        <v>31</v>
      </c>
      <c r="Z13495">
        <v>31</v>
      </c>
      <c r="AA13495">
        <v>31</v>
      </c>
      <c r="AB13495">
        <v>31</v>
      </c>
      <c r="AC13495">
        <v>32</v>
      </c>
      <c r="AD13495">
        <v>32</v>
      </c>
      <c r="AE13495">
        <v>32</v>
      </c>
      <c r="AF13495">
        <v>32</v>
      </c>
      <c r="AG13495">
        <v>33</v>
      </c>
      <c r="AH13495">
        <v>33</v>
      </c>
      <c r="AI13495">
        <v>33</v>
      </c>
      <c r="AJ13495">
        <v>33</v>
      </c>
      <c r="AK13495">
        <v>34</v>
      </c>
      <c r="AL13495">
        <v>34</v>
      </c>
      <c r="AM13495">
        <v>34</v>
      </c>
      <c r="AN13495">
        <v>34</v>
      </c>
      <c r="AO13495">
        <v>35</v>
      </c>
      <c r="AP13495">
        <v>35</v>
      </c>
      <c r="AQ13495">
        <v>35</v>
      </c>
    </row>
    <row r="13496" spans="1:43">
      <c r="A13496" t="s">
        <v>8378</v>
      </c>
      <c r="B13496" t="s">
        <v>8379</v>
      </c>
      <c r="C13496" t="s">
        <v>8374</v>
      </c>
      <c r="D13496" t="s">
        <v>8375</v>
      </c>
      <c r="E13496" t="s">
        <v>8296</v>
      </c>
      <c r="F13496" t="s">
        <v>8297</v>
      </c>
      <c r="G13496" t="s">
        <v>80</v>
      </c>
      <c r="H13496" t="s">
        <v>81</v>
      </c>
      <c r="I13496" s="2">
        <v>0</v>
      </c>
      <c r="J13496" s="2">
        <v>1</v>
      </c>
      <c r="K13496" s="2">
        <v>0</v>
      </c>
      <c r="L13496" t="s">
        <v>82</v>
      </c>
      <c r="M13496" t="s">
        <v>89</v>
      </c>
      <c r="N13496" t="s">
        <v>90</v>
      </c>
      <c r="O13496" t="s">
        <v>85</v>
      </c>
      <c r="P13496" t="s">
        <v>86</v>
      </c>
      <c r="Q13496">
        <v>28</v>
      </c>
      <c r="R13496">
        <v>29</v>
      </c>
      <c r="S13496">
        <v>29</v>
      </c>
      <c r="T13496">
        <v>30</v>
      </c>
      <c r="U13496">
        <v>31</v>
      </c>
      <c r="V13496">
        <v>32</v>
      </c>
      <c r="W13496">
        <v>32</v>
      </c>
      <c r="X13496">
        <v>33</v>
      </c>
      <c r="Y13496">
        <v>34</v>
      </c>
      <c r="Z13496">
        <v>35</v>
      </c>
      <c r="AA13496">
        <v>35</v>
      </c>
      <c r="AB13496">
        <v>36</v>
      </c>
      <c r="AC13496">
        <v>37</v>
      </c>
      <c r="AD13496">
        <v>37</v>
      </c>
      <c r="AE13496">
        <v>38</v>
      </c>
      <c r="AF13496">
        <v>38</v>
      </c>
      <c r="AG13496">
        <v>38</v>
      </c>
      <c r="AH13496">
        <v>38</v>
      </c>
      <c r="AI13496">
        <v>38</v>
      </c>
      <c r="AJ13496">
        <v>38</v>
      </c>
      <c r="AK13496">
        <v>39</v>
      </c>
      <c r="AL13496">
        <v>39</v>
      </c>
      <c r="AM13496">
        <v>39</v>
      </c>
      <c r="AN13496">
        <v>39</v>
      </c>
      <c r="AO13496">
        <v>39</v>
      </c>
      <c r="AP13496">
        <v>39</v>
      </c>
      <c r="AQ13496">
        <v>39</v>
      </c>
    </row>
    <row r="13497" spans="1:43">
      <c r="A13497" t="s">
        <v>8378</v>
      </c>
      <c r="B13497" t="s">
        <v>8379</v>
      </c>
      <c r="C13497" t="s">
        <v>8374</v>
      </c>
      <c r="D13497" t="s">
        <v>8375</v>
      </c>
      <c r="E13497" t="s">
        <v>8296</v>
      </c>
      <c r="F13497" t="s">
        <v>8297</v>
      </c>
      <c r="G13497" t="s">
        <v>80</v>
      </c>
      <c r="H13497" t="s">
        <v>81</v>
      </c>
      <c r="I13497" s="2">
        <v>0</v>
      </c>
      <c r="J13497" s="2">
        <v>1</v>
      </c>
      <c r="K13497" s="2">
        <v>0</v>
      </c>
      <c r="L13497" t="s">
        <v>82</v>
      </c>
      <c r="M13497" t="s">
        <v>83</v>
      </c>
      <c r="N13497" t="s">
        <v>91</v>
      </c>
      <c r="O13497" t="s">
        <v>85</v>
      </c>
      <c r="P13497" t="s">
        <v>86</v>
      </c>
      <c r="Q13497">
        <v>28</v>
      </c>
      <c r="R13497">
        <v>28</v>
      </c>
      <c r="S13497">
        <v>29</v>
      </c>
      <c r="T13497">
        <v>29</v>
      </c>
      <c r="U13497">
        <v>30</v>
      </c>
      <c r="V13497">
        <v>30</v>
      </c>
      <c r="W13497">
        <v>31</v>
      </c>
      <c r="X13497">
        <v>31</v>
      </c>
      <c r="Y13497">
        <v>32</v>
      </c>
      <c r="Z13497">
        <v>33</v>
      </c>
      <c r="AA13497">
        <v>33</v>
      </c>
      <c r="AB13497">
        <v>34</v>
      </c>
      <c r="AC13497">
        <v>34</v>
      </c>
      <c r="AD13497">
        <v>35</v>
      </c>
      <c r="AE13497">
        <v>35</v>
      </c>
      <c r="AF13497">
        <v>36</v>
      </c>
      <c r="AG13497">
        <v>36</v>
      </c>
      <c r="AH13497">
        <v>37</v>
      </c>
      <c r="AI13497">
        <v>37</v>
      </c>
      <c r="AJ13497">
        <v>38</v>
      </c>
      <c r="AK13497">
        <v>38</v>
      </c>
      <c r="AL13497">
        <v>38</v>
      </c>
      <c r="AM13497">
        <v>39</v>
      </c>
      <c r="AN13497">
        <v>39</v>
      </c>
      <c r="AO13497">
        <v>39</v>
      </c>
      <c r="AP13497">
        <v>39</v>
      </c>
      <c r="AQ13497">
        <v>39</v>
      </c>
    </row>
    <row r="13498" spans="1:43">
      <c r="A13498" t="s">
        <v>8380</v>
      </c>
      <c r="B13498" t="s">
        <v>8381</v>
      </c>
      <c r="C13498" t="s">
        <v>8374</v>
      </c>
      <c r="D13498" t="s">
        <v>8375</v>
      </c>
      <c r="E13498" t="s">
        <v>8296</v>
      </c>
      <c r="F13498" t="s">
        <v>8297</v>
      </c>
      <c r="G13498" t="s">
        <v>80</v>
      </c>
      <c r="H13498" t="s">
        <v>81</v>
      </c>
      <c r="I13498" s="2">
        <v>0</v>
      </c>
      <c r="J13498" s="2">
        <v>1</v>
      </c>
      <c r="K13498" s="2">
        <v>0</v>
      </c>
      <c r="L13498" t="s">
        <v>82</v>
      </c>
      <c r="M13498" t="s">
        <v>83</v>
      </c>
      <c r="N13498" t="s">
        <v>84</v>
      </c>
      <c r="O13498" t="s">
        <v>85</v>
      </c>
      <c r="P13498" t="s">
        <v>86</v>
      </c>
      <c r="Q13498">
        <v>74</v>
      </c>
      <c r="R13498">
        <v>76</v>
      </c>
      <c r="S13498">
        <v>77</v>
      </c>
      <c r="T13498">
        <v>79</v>
      </c>
      <c r="U13498">
        <v>80</v>
      </c>
      <c r="V13498">
        <v>81</v>
      </c>
      <c r="W13498">
        <v>83</v>
      </c>
      <c r="X13498">
        <v>84</v>
      </c>
      <c r="Y13498">
        <v>86</v>
      </c>
      <c r="Z13498">
        <v>87</v>
      </c>
      <c r="AA13498">
        <v>89</v>
      </c>
      <c r="AB13498">
        <v>90</v>
      </c>
      <c r="AC13498">
        <v>92</v>
      </c>
      <c r="AD13498">
        <v>93</v>
      </c>
      <c r="AE13498">
        <v>94</v>
      </c>
      <c r="AF13498">
        <v>96</v>
      </c>
      <c r="AG13498">
        <v>97</v>
      </c>
      <c r="AH13498">
        <v>98</v>
      </c>
      <c r="AI13498">
        <v>100</v>
      </c>
      <c r="AJ13498">
        <v>101</v>
      </c>
      <c r="AK13498">
        <v>103</v>
      </c>
      <c r="AL13498">
        <v>103</v>
      </c>
      <c r="AM13498">
        <v>104</v>
      </c>
      <c r="AN13498">
        <v>104</v>
      </c>
      <c r="AO13498">
        <v>104</v>
      </c>
      <c r="AP13498">
        <v>105</v>
      </c>
      <c r="AQ13498">
        <v>105</v>
      </c>
    </row>
    <row r="13499" spans="1:43">
      <c r="A13499" t="s">
        <v>8380</v>
      </c>
      <c r="B13499" t="s">
        <v>8381</v>
      </c>
      <c r="C13499" t="s">
        <v>8374</v>
      </c>
      <c r="D13499" t="s">
        <v>8375</v>
      </c>
      <c r="E13499" t="s">
        <v>8296</v>
      </c>
      <c r="F13499" t="s">
        <v>8297</v>
      </c>
      <c r="G13499" t="s">
        <v>80</v>
      </c>
      <c r="H13499" t="s">
        <v>81</v>
      </c>
      <c r="I13499" s="2">
        <v>0</v>
      </c>
      <c r="J13499" s="2">
        <v>1</v>
      </c>
      <c r="K13499" s="2">
        <v>0</v>
      </c>
      <c r="L13499" t="s">
        <v>82</v>
      </c>
      <c r="M13499" t="s">
        <v>87</v>
      </c>
      <c r="N13499" t="s">
        <v>88</v>
      </c>
      <c r="O13499" t="s">
        <v>85</v>
      </c>
      <c r="P13499" t="s">
        <v>86</v>
      </c>
      <c r="Q13499">
        <v>74</v>
      </c>
      <c r="R13499">
        <v>75</v>
      </c>
      <c r="S13499">
        <v>76</v>
      </c>
      <c r="T13499">
        <v>77</v>
      </c>
      <c r="U13499">
        <v>77</v>
      </c>
      <c r="V13499">
        <v>78</v>
      </c>
      <c r="W13499">
        <v>79</v>
      </c>
      <c r="X13499">
        <v>80</v>
      </c>
      <c r="Y13499">
        <v>80</v>
      </c>
      <c r="Z13499">
        <v>81</v>
      </c>
      <c r="AA13499">
        <v>82</v>
      </c>
      <c r="AB13499">
        <v>82</v>
      </c>
      <c r="AC13499">
        <v>83</v>
      </c>
      <c r="AD13499">
        <v>84</v>
      </c>
      <c r="AE13499">
        <v>85</v>
      </c>
      <c r="AF13499">
        <v>85</v>
      </c>
      <c r="AG13499">
        <v>86</v>
      </c>
      <c r="AH13499">
        <v>87</v>
      </c>
      <c r="AI13499">
        <v>87</v>
      </c>
      <c r="AJ13499">
        <v>88</v>
      </c>
      <c r="AK13499">
        <v>89</v>
      </c>
      <c r="AL13499">
        <v>89</v>
      </c>
      <c r="AM13499">
        <v>90</v>
      </c>
      <c r="AN13499">
        <v>91</v>
      </c>
      <c r="AO13499">
        <v>91</v>
      </c>
      <c r="AP13499">
        <v>92</v>
      </c>
      <c r="AQ13499">
        <v>92</v>
      </c>
    </row>
    <row r="13500" spans="1:43">
      <c r="A13500" t="s">
        <v>8380</v>
      </c>
      <c r="B13500" t="s">
        <v>8381</v>
      </c>
      <c r="C13500" t="s">
        <v>8374</v>
      </c>
      <c r="D13500" t="s">
        <v>8375</v>
      </c>
      <c r="E13500" t="s">
        <v>8296</v>
      </c>
      <c r="F13500" t="s">
        <v>8297</v>
      </c>
      <c r="G13500" t="s">
        <v>80</v>
      </c>
      <c r="H13500" t="s">
        <v>81</v>
      </c>
      <c r="I13500" s="2">
        <v>0</v>
      </c>
      <c r="J13500" s="2">
        <v>1</v>
      </c>
      <c r="K13500" s="2">
        <v>0</v>
      </c>
      <c r="L13500" t="s">
        <v>82</v>
      </c>
      <c r="M13500" t="s">
        <v>89</v>
      </c>
      <c r="N13500" t="s">
        <v>90</v>
      </c>
      <c r="O13500" t="s">
        <v>85</v>
      </c>
      <c r="P13500" t="s">
        <v>86</v>
      </c>
      <c r="Q13500">
        <v>74</v>
      </c>
      <c r="R13500">
        <v>76</v>
      </c>
      <c r="S13500">
        <v>78</v>
      </c>
      <c r="T13500">
        <v>80</v>
      </c>
      <c r="U13500">
        <v>82</v>
      </c>
      <c r="V13500">
        <v>84</v>
      </c>
      <c r="W13500">
        <v>86</v>
      </c>
      <c r="X13500">
        <v>88</v>
      </c>
      <c r="Y13500">
        <v>90</v>
      </c>
      <c r="Z13500">
        <v>92</v>
      </c>
      <c r="AA13500">
        <v>93</v>
      </c>
      <c r="AB13500">
        <v>95</v>
      </c>
      <c r="AC13500">
        <v>97</v>
      </c>
      <c r="AD13500">
        <v>99</v>
      </c>
      <c r="AE13500">
        <v>100</v>
      </c>
      <c r="AF13500">
        <v>101</v>
      </c>
      <c r="AG13500">
        <v>101</v>
      </c>
      <c r="AH13500">
        <v>101</v>
      </c>
      <c r="AI13500">
        <v>102</v>
      </c>
      <c r="AJ13500">
        <v>102</v>
      </c>
      <c r="AK13500">
        <v>103</v>
      </c>
      <c r="AL13500">
        <v>103</v>
      </c>
      <c r="AM13500">
        <v>103</v>
      </c>
      <c r="AN13500">
        <v>104</v>
      </c>
      <c r="AO13500">
        <v>104</v>
      </c>
      <c r="AP13500">
        <v>104</v>
      </c>
      <c r="AQ13500">
        <v>105</v>
      </c>
    </row>
    <row r="13501" spans="1:43">
      <c r="A13501" t="s">
        <v>8380</v>
      </c>
      <c r="B13501" t="s">
        <v>8381</v>
      </c>
      <c r="C13501" t="s">
        <v>8374</v>
      </c>
      <c r="D13501" t="s">
        <v>8375</v>
      </c>
      <c r="E13501" t="s">
        <v>8296</v>
      </c>
      <c r="F13501" t="s">
        <v>8297</v>
      </c>
      <c r="G13501" t="s">
        <v>80</v>
      </c>
      <c r="H13501" t="s">
        <v>81</v>
      </c>
      <c r="I13501" s="2">
        <v>0</v>
      </c>
      <c r="J13501" s="2">
        <v>1</v>
      </c>
      <c r="K13501" s="2">
        <v>0</v>
      </c>
      <c r="L13501" t="s">
        <v>82</v>
      </c>
      <c r="M13501" t="s">
        <v>83</v>
      </c>
      <c r="N13501" t="s">
        <v>91</v>
      </c>
      <c r="O13501" t="s">
        <v>85</v>
      </c>
      <c r="P13501" t="s">
        <v>86</v>
      </c>
      <c r="Q13501">
        <v>74</v>
      </c>
      <c r="R13501">
        <v>76</v>
      </c>
      <c r="S13501">
        <v>77</v>
      </c>
      <c r="T13501">
        <v>79</v>
      </c>
      <c r="U13501">
        <v>80</v>
      </c>
      <c r="V13501">
        <v>81</v>
      </c>
      <c r="W13501">
        <v>83</v>
      </c>
      <c r="X13501">
        <v>84</v>
      </c>
      <c r="Y13501">
        <v>86</v>
      </c>
      <c r="Z13501">
        <v>87</v>
      </c>
      <c r="AA13501">
        <v>89</v>
      </c>
      <c r="AB13501">
        <v>90</v>
      </c>
      <c r="AC13501">
        <v>92</v>
      </c>
      <c r="AD13501">
        <v>93</v>
      </c>
      <c r="AE13501">
        <v>94</v>
      </c>
      <c r="AF13501">
        <v>96</v>
      </c>
      <c r="AG13501">
        <v>97</v>
      </c>
      <c r="AH13501">
        <v>98</v>
      </c>
      <c r="AI13501">
        <v>100</v>
      </c>
      <c r="AJ13501">
        <v>101</v>
      </c>
      <c r="AK13501">
        <v>103</v>
      </c>
      <c r="AL13501">
        <v>103</v>
      </c>
      <c r="AM13501">
        <v>104</v>
      </c>
      <c r="AN13501">
        <v>104</v>
      </c>
      <c r="AO13501">
        <v>104</v>
      </c>
      <c r="AP13501">
        <v>105</v>
      </c>
      <c r="AQ13501">
        <v>105</v>
      </c>
    </row>
    <row r="13502" spans="1:43">
      <c r="A13502" t="s">
        <v>8382</v>
      </c>
      <c r="B13502" t="s">
        <v>8383</v>
      </c>
      <c r="C13502" t="s">
        <v>8384</v>
      </c>
      <c r="D13502" t="s">
        <v>8385</v>
      </c>
      <c r="E13502" t="s">
        <v>8296</v>
      </c>
      <c r="F13502" t="s">
        <v>8297</v>
      </c>
      <c r="G13502" t="s">
        <v>80</v>
      </c>
      <c r="H13502" t="s">
        <v>81</v>
      </c>
      <c r="I13502" s="2">
        <v>0</v>
      </c>
      <c r="J13502" s="2">
        <v>1</v>
      </c>
      <c r="K13502" s="2">
        <v>0</v>
      </c>
      <c r="L13502" t="s">
        <v>82</v>
      </c>
      <c r="M13502" t="s">
        <v>83</v>
      </c>
      <c r="N13502" t="s">
        <v>84</v>
      </c>
      <c r="O13502" t="s">
        <v>85</v>
      </c>
      <c r="P13502" t="s">
        <v>86</v>
      </c>
      <c r="Q13502">
        <v>44</v>
      </c>
      <c r="R13502">
        <v>45</v>
      </c>
      <c r="S13502">
        <v>45</v>
      </c>
      <c r="T13502">
        <v>46</v>
      </c>
      <c r="U13502">
        <v>47</v>
      </c>
      <c r="V13502">
        <v>48</v>
      </c>
      <c r="W13502">
        <v>49</v>
      </c>
      <c r="X13502">
        <v>50</v>
      </c>
      <c r="Y13502">
        <v>51</v>
      </c>
      <c r="Z13502">
        <v>51</v>
      </c>
      <c r="AA13502">
        <v>52</v>
      </c>
      <c r="AB13502">
        <v>53</v>
      </c>
      <c r="AC13502">
        <v>54</v>
      </c>
      <c r="AD13502">
        <v>55</v>
      </c>
      <c r="AE13502">
        <v>56</v>
      </c>
      <c r="AF13502">
        <v>56</v>
      </c>
      <c r="AG13502">
        <v>57</v>
      </c>
      <c r="AH13502">
        <v>58</v>
      </c>
      <c r="AI13502">
        <v>59</v>
      </c>
      <c r="AJ13502">
        <v>60</v>
      </c>
      <c r="AK13502">
        <v>60</v>
      </c>
      <c r="AL13502">
        <v>61</v>
      </c>
      <c r="AM13502">
        <v>61</v>
      </c>
      <c r="AN13502">
        <v>61</v>
      </c>
      <c r="AO13502">
        <v>62</v>
      </c>
      <c r="AP13502">
        <v>62</v>
      </c>
      <c r="AQ13502">
        <v>62</v>
      </c>
    </row>
    <row r="13503" spans="1:43">
      <c r="A13503" t="s">
        <v>8382</v>
      </c>
      <c r="B13503" t="s">
        <v>8383</v>
      </c>
      <c r="C13503" t="s">
        <v>8384</v>
      </c>
      <c r="D13503" t="s">
        <v>8385</v>
      </c>
      <c r="E13503" t="s">
        <v>8296</v>
      </c>
      <c r="F13503" t="s">
        <v>8297</v>
      </c>
      <c r="G13503" t="s">
        <v>80</v>
      </c>
      <c r="H13503" t="s">
        <v>81</v>
      </c>
      <c r="I13503" s="2">
        <v>0</v>
      </c>
      <c r="J13503" s="2">
        <v>1</v>
      </c>
      <c r="K13503" s="2">
        <v>0</v>
      </c>
      <c r="L13503" t="s">
        <v>82</v>
      </c>
      <c r="M13503" t="s">
        <v>87</v>
      </c>
      <c r="N13503" t="s">
        <v>88</v>
      </c>
      <c r="O13503" t="s">
        <v>85</v>
      </c>
      <c r="P13503" t="s">
        <v>86</v>
      </c>
      <c r="Q13503">
        <v>44</v>
      </c>
      <c r="R13503">
        <v>45</v>
      </c>
      <c r="S13503">
        <v>45</v>
      </c>
      <c r="T13503">
        <v>46</v>
      </c>
      <c r="U13503">
        <v>46</v>
      </c>
      <c r="V13503">
        <v>47</v>
      </c>
      <c r="W13503">
        <v>47</v>
      </c>
      <c r="X13503">
        <v>47</v>
      </c>
      <c r="Y13503">
        <v>48</v>
      </c>
      <c r="Z13503">
        <v>48</v>
      </c>
      <c r="AA13503">
        <v>49</v>
      </c>
      <c r="AB13503">
        <v>49</v>
      </c>
      <c r="AC13503">
        <v>49</v>
      </c>
      <c r="AD13503">
        <v>50</v>
      </c>
      <c r="AE13503">
        <v>50</v>
      </c>
      <c r="AF13503">
        <v>51</v>
      </c>
      <c r="AG13503">
        <v>51</v>
      </c>
      <c r="AH13503">
        <v>51</v>
      </c>
      <c r="AI13503">
        <v>52</v>
      </c>
      <c r="AJ13503">
        <v>52</v>
      </c>
      <c r="AK13503">
        <v>53</v>
      </c>
      <c r="AL13503">
        <v>53</v>
      </c>
      <c r="AM13503">
        <v>53</v>
      </c>
      <c r="AN13503">
        <v>54</v>
      </c>
      <c r="AO13503">
        <v>54</v>
      </c>
      <c r="AP13503">
        <v>54</v>
      </c>
      <c r="AQ13503">
        <v>55</v>
      </c>
    </row>
    <row r="13504" spans="1:43">
      <c r="A13504" t="s">
        <v>8382</v>
      </c>
      <c r="B13504" t="s">
        <v>8383</v>
      </c>
      <c r="C13504" t="s">
        <v>8384</v>
      </c>
      <c r="D13504" t="s">
        <v>8385</v>
      </c>
      <c r="E13504" t="s">
        <v>8296</v>
      </c>
      <c r="F13504" t="s">
        <v>8297</v>
      </c>
      <c r="G13504" t="s">
        <v>80</v>
      </c>
      <c r="H13504" t="s">
        <v>81</v>
      </c>
      <c r="I13504" s="2">
        <v>0</v>
      </c>
      <c r="J13504" s="2">
        <v>1</v>
      </c>
      <c r="K13504" s="2">
        <v>0</v>
      </c>
      <c r="L13504" t="s">
        <v>82</v>
      </c>
      <c r="M13504" t="s">
        <v>89</v>
      </c>
      <c r="N13504" t="s">
        <v>90</v>
      </c>
      <c r="O13504" t="s">
        <v>85</v>
      </c>
      <c r="P13504" t="s">
        <v>86</v>
      </c>
      <c r="Q13504">
        <v>44</v>
      </c>
      <c r="R13504">
        <v>45</v>
      </c>
      <c r="S13504">
        <v>47</v>
      </c>
      <c r="T13504">
        <v>48</v>
      </c>
      <c r="U13504">
        <v>49</v>
      </c>
      <c r="V13504">
        <v>50</v>
      </c>
      <c r="W13504">
        <v>51</v>
      </c>
      <c r="X13504">
        <v>53</v>
      </c>
      <c r="Y13504">
        <v>54</v>
      </c>
      <c r="Z13504">
        <v>55</v>
      </c>
      <c r="AA13504">
        <v>56</v>
      </c>
      <c r="AB13504">
        <v>57</v>
      </c>
      <c r="AC13504">
        <v>58</v>
      </c>
      <c r="AD13504">
        <v>59</v>
      </c>
      <c r="AE13504">
        <v>60</v>
      </c>
      <c r="AF13504">
        <v>60</v>
      </c>
      <c r="AG13504">
        <v>60</v>
      </c>
      <c r="AH13504">
        <v>60</v>
      </c>
      <c r="AI13504">
        <v>61</v>
      </c>
      <c r="AJ13504">
        <v>61</v>
      </c>
      <c r="AK13504">
        <v>61</v>
      </c>
      <c r="AL13504">
        <v>61</v>
      </c>
      <c r="AM13504">
        <v>61</v>
      </c>
      <c r="AN13504">
        <v>62</v>
      </c>
      <c r="AO13504">
        <v>62</v>
      </c>
      <c r="AP13504">
        <v>62</v>
      </c>
      <c r="AQ13504">
        <v>62</v>
      </c>
    </row>
    <row r="13505" spans="1:43">
      <c r="A13505" t="s">
        <v>8382</v>
      </c>
      <c r="B13505" t="s">
        <v>8383</v>
      </c>
      <c r="C13505" t="s">
        <v>8384</v>
      </c>
      <c r="D13505" t="s">
        <v>8385</v>
      </c>
      <c r="E13505" t="s">
        <v>8296</v>
      </c>
      <c r="F13505" t="s">
        <v>8297</v>
      </c>
      <c r="G13505" t="s">
        <v>80</v>
      </c>
      <c r="H13505" t="s">
        <v>81</v>
      </c>
      <c r="I13505" s="2">
        <v>0</v>
      </c>
      <c r="J13505" s="2">
        <v>1</v>
      </c>
      <c r="K13505" s="2">
        <v>0</v>
      </c>
      <c r="L13505" t="s">
        <v>82</v>
      </c>
      <c r="M13505" t="s">
        <v>83</v>
      </c>
      <c r="N13505" t="s">
        <v>91</v>
      </c>
      <c r="O13505" t="s">
        <v>85</v>
      </c>
      <c r="P13505" t="s">
        <v>86</v>
      </c>
      <c r="Q13505">
        <v>44</v>
      </c>
      <c r="R13505">
        <v>45</v>
      </c>
      <c r="S13505">
        <v>45</v>
      </c>
      <c r="T13505">
        <v>46</v>
      </c>
      <c r="U13505">
        <v>47</v>
      </c>
      <c r="V13505">
        <v>48</v>
      </c>
      <c r="W13505">
        <v>49</v>
      </c>
      <c r="X13505">
        <v>50</v>
      </c>
      <c r="Y13505">
        <v>51</v>
      </c>
      <c r="Z13505">
        <v>51</v>
      </c>
      <c r="AA13505">
        <v>52</v>
      </c>
      <c r="AB13505">
        <v>53</v>
      </c>
      <c r="AC13505">
        <v>54</v>
      </c>
      <c r="AD13505">
        <v>55</v>
      </c>
      <c r="AE13505">
        <v>56</v>
      </c>
      <c r="AF13505">
        <v>56</v>
      </c>
      <c r="AG13505">
        <v>57</v>
      </c>
      <c r="AH13505">
        <v>58</v>
      </c>
      <c r="AI13505">
        <v>59</v>
      </c>
      <c r="AJ13505">
        <v>60</v>
      </c>
      <c r="AK13505">
        <v>60</v>
      </c>
      <c r="AL13505">
        <v>61</v>
      </c>
      <c r="AM13505">
        <v>61</v>
      </c>
      <c r="AN13505">
        <v>61</v>
      </c>
      <c r="AO13505">
        <v>62</v>
      </c>
      <c r="AP13505">
        <v>62</v>
      </c>
      <c r="AQ13505">
        <v>62</v>
      </c>
    </row>
    <row r="13506" spans="1:43">
      <c r="A13506" t="s">
        <v>8386</v>
      </c>
      <c r="B13506" t="s">
        <v>8387</v>
      </c>
      <c r="C13506" t="s">
        <v>8384</v>
      </c>
      <c r="D13506" t="s">
        <v>8385</v>
      </c>
      <c r="E13506" t="s">
        <v>8296</v>
      </c>
      <c r="F13506" t="s">
        <v>8297</v>
      </c>
      <c r="G13506" t="s">
        <v>80</v>
      </c>
      <c r="H13506" t="s">
        <v>81</v>
      </c>
      <c r="I13506" s="2">
        <v>0</v>
      </c>
      <c r="J13506" s="2">
        <v>1</v>
      </c>
      <c r="K13506" s="2">
        <v>0</v>
      </c>
      <c r="L13506" t="s">
        <v>82</v>
      </c>
      <c r="M13506" t="s">
        <v>83</v>
      </c>
      <c r="N13506" t="s">
        <v>84</v>
      </c>
      <c r="O13506" t="s">
        <v>85</v>
      </c>
      <c r="P13506" t="s">
        <v>86</v>
      </c>
      <c r="Q13506">
        <v>40</v>
      </c>
      <c r="R13506">
        <v>40</v>
      </c>
      <c r="S13506">
        <v>41</v>
      </c>
      <c r="T13506">
        <v>42</v>
      </c>
      <c r="U13506">
        <v>43</v>
      </c>
      <c r="V13506">
        <v>44</v>
      </c>
      <c r="W13506">
        <v>44</v>
      </c>
      <c r="X13506">
        <v>45</v>
      </c>
      <c r="Y13506">
        <v>46</v>
      </c>
      <c r="Z13506">
        <v>47</v>
      </c>
      <c r="AA13506">
        <v>47</v>
      </c>
      <c r="AB13506">
        <v>48</v>
      </c>
      <c r="AC13506">
        <v>49</v>
      </c>
      <c r="AD13506">
        <v>50</v>
      </c>
      <c r="AE13506">
        <v>50</v>
      </c>
      <c r="AF13506">
        <v>51</v>
      </c>
      <c r="AG13506">
        <v>52</v>
      </c>
      <c r="AH13506">
        <v>53</v>
      </c>
      <c r="AI13506">
        <v>53</v>
      </c>
      <c r="AJ13506">
        <v>54</v>
      </c>
      <c r="AK13506">
        <v>55</v>
      </c>
      <c r="AL13506">
        <v>55</v>
      </c>
      <c r="AM13506">
        <v>55</v>
      </c>
      <c r="AN13506">
        <v>56</v>
      </c>
      <c r="AO13506">
        <v>56</v>
      </c>
      <c r="AP13506">
        <v>56</v>
      </c>
      <c r="AQ13506">
        <v>56</v>
      </c>
    </row>
    <row r="13507" spans="1:43">
      <c r="A13507" t="s">
        <v>8386</v>
      </c>
      <c r="B13507" t="s">
        <v>8387</v>
      </c>
      <c r="C13507" t="s">
        <v>8384</v>
      </c>
      <c r="D13507" t="s">
        <v>8385</v>
      </c>
      <c r="E13507" t="s">
        <v>8296</v>
      </c>
      <c r="F13507" t="s">
        <v>8297</v>
      </c>
      <c r="G13507" t="s">
        <v>80</v>
      </c>
      <c r="H13507" t="s">
        <v>81</v>
      </c>
      <c r="I13507" s="2">
        <v>0</v>
      </c>
      <c r="J13507" s="2">
        <v>1</v>
      </c>
      <c r="K13507" s="2">
        <v>0</v>
      </c>
      <c r="L13507" t="s">
        <v>82</v>
      </c>
      <c r="M13507" t="s">
        <v>87</v>
      </c>
      <c r="N13507" t="s">
        <v>88</v>
      </c>
      <c r="O13507" t="s">
        <v>85</v>
      </c>
      <c r="P13507" t="s">
        <v>86</v>
      </c>
      <c r="Q13507">
        <v>40</v>
      </c>
      <c r="R13507">
        <v>41</v>
      </c>
      <c r="S13507">
        <v>41</v>
      </c>
      <c r="T13507">
        <v>42</v>
      </c>
      <c r="U13507">
        <v>42</v>
      </c>
      <c r="V13507">
        <v>42</v>
      </c>
      <c r="W13507">
        <v>43</v>
      </c>
      <c r="X13507">
        <v>43</v>
      </c>
      <c r="Y13507">
        <v>43</v>
      </c>
      <c r="Z13507">
        <v>44</v>
      </c>
      <c r="AA13507">
        <v>44</v>
      </c>
      <c r="AB13507">
        <v>45</v>
      </c>
      <c r="AC13507">
        <v>45</v>
      </c>
      <c r="AD13507">
        <v>45</v>
      </c>
      <c r="AE13507">
        <v>46</v>
      </c>
      <c r="AF13507">
        <v>46</v>
      </c>
      <c r="AG13507">
        <v>46</v>
      </c>
      <c r="AH13507">
        <v>47</v>
      </c>
      <c r="AI13507">
        <v>47</v>
      </c>
      <c r="AJ13507">
        <v>47</v>
      </c>
      <c r="AK13507">
        <v>48</v>
      </c>
      <c r="AL13507">
        <v>48</v>
      </c>
      <c r="AM13507">
        <v>48</v>
      </c>
      <c r="AN13507">
        <v>49</v>
      </c>
      <c r="AO13507">
        <v>49</v>
      </c>
      <c r="AP13507">
        <v>50</v>
      </c>
      <c r="AQ13507">
        <v>50</v>
      </c>
    </row>
    <row r="13508" spans="1:43">
      <c r="A13508" t="s">
        <v>8386</v>
      </c>
      <c r="B13508" t="s">
        <v>8387</v>
      </c>
      <c r="C13508" t="s">
        <v>8384</v>
      </c>
      <c r="D13508" t="s">
        <v>8385</v>
      </c>
      <c r="E13508" t="s">
        <v>8296</v>
      </c>
      <c r="F13508" t="s">
        <v>8297</v>
      </c>
      <c r="G13508" t="s">
        <v>80</v>
      </c>
      <c r="H13508" t="s">
        <v>81</v>
      </c>
      <c r="I13508" s="2">
        <v>0</v>
      </c>
      <c r="J13508" s="2">
        <v>1</v>
      </c>
      <c r="K13508" s="2">
        <v>0</v>
      </c>
      <c r="L13508" t="s">
        <v>82</v>
      </c>
      <c r="M13508" t="s">
        <v>89</v>
      </c>
      <c r="N13508" t="s">
        <v>90</v>
      </c>
      <c r="O13508" t="s">
        <v>85</v>
      </c>
      <c r="P13508" t="s">
        <v>86</v>
      </c>
      <c r="Q13508">
        <v>40</v>
      </c>
      <c r="R13508">
        <v>41</v>
      </c>
      <c r="S13508">
        <v>42</v>
      </c>
      <c r="T13508">
        <v>43</v>
      </c>
      <c r="U13508">
        <v>45</v>
      </c>
      <c r="V13508">
        <v>46</v>
      </c>
      <c r="W13508">
        <v>47</v>
      </c>
      <c r="X13508">
        <v>48</v>
      </c>
      <c r="Y13508">
        <v>49</v>
      </c>
      <c r="Z13508">
        <v>50</v>
      </c>
      <c r="AA13508">
        <v>51</v>
      </c>
      <c r="AB13508">
        <v>51</v>
      </c>
      <c r="AC13508">
        <v>52</v>
      </c>
      <c r="AD13508">
        <v>53</v>
      </c>
      <c r="AE13508">
        <v>54</v>
      </c>
      <c r="AF13508">
        <v>54</v>
      </c>
      <c r="AG13508">
        <v>55</v>
      </c>
      <c r="AH13508">
        <v>55</v>
      </c>
      <c r="AI13508">
        <v>55</v>
      </c>
      <c r="AJ13508">
        <v>55</v>
      </c>
      <c r="AK13508">
        <v>55</v>
      </c>
      <c r="AL13508">
        <v>56</v>
      </c>
      <c r="AM13508">
        <v>56</v>
      </c>
      <c r="AN13508">
        <v>56</v>
      </c>
      <c r="AO13508">
        <v>56</v>
      </c>
      <c r="AP13508">
        <v>56</v>
      </c>
      <c r="AQ13508">
        <v>57</v>
      </c>
    </row>
    <row r="13509" spans="1:43">
      <c r="A13509" t="s">
        <v>8386</v>
      </c>
      <c r="B13509" t="s">
        <v>8387</v>
      </c>
      <c r="C13509" t="s">
        <v>8384</v>
      </c>
      <c r="D13509" t="s">
        <v>8385</v>
      </c>
      <c r="E13509" t="s">
        <v>8296</v>
      </c>
      <c r="F13509" t="s">
        <v>8297</v>
      </c>
      <c r="G13509" t="s">
        <v>80</v>
      </c>
      <c r="H13509" t="s">
        <v>81</v>
      </c>
      <c r="I13509" s="2">
        <v>0</v>
      </c>
      <c r="J13509" s="2">
        <v>1</v>
      </c>
      <c r="K13509" s="2">
        <v>0</v>
      </c>
      <c r="L13509" t="s">
        <v>82</v>
      </c>
      <c r="M13509" t="s">
        <v>83</v>
      </c>
      <c r="N13509" t="s">
        <v>91</v>
      </c>
      <c r="O13509" t="s">
        <v>85</v>
      </c>
      <c r="P13509" t="s">
        <v>86</v>
      </c>
      <c r="Q13509">
        <v>40</v>
      </c>
      <c r="R13509">
        <v>40</v>
      </c>
      <c r="S13509">
        <v>41</v>
      </c>
      <c r="T13509">
        <v>42</v>
      </c>
      <c r="U13509">
        <v>43</v>
      </c>
      <c r="V13509">
        <v>44</v>
      </c>
      <c r="W13509">
        <v>44</v>
      </c>
      <c r="X13509">
        <v>45</v>
      </c>
      <c r="Y13509">
        <v>46</v>
      </c>
      <c r="Z13509">
        <v>47</v>
      </c>
      <c r="AA13509">
        <v>47</v>
      </c>
      <c r="AB13509">
        <v>48</v>
      </c>
      <c r="AC13509">
        <v>49</v>
      </c>
      <c r="AD13509">
        <v>50</v>
      </c>
      <c r="AE13509">
        <v>50</v>
      </c>
      <c r="AF13509">
        <v>51</v>
      </c>
      <c r="AG13509">
        <v>52</v>
      </c>
      <c r="AH13509">
        <v>53</v>
      </c>
      <c r="AI13509">
        <v>53</v>
      </c>
      <c r="AJ13509">
        <v>54</v>
      </c>
      <c r="AK13509">
        <v>55</v>
      </c>
      <c r="AL13509">
        <v>55</v>
      </c>
      <c r="AM13509">
        <v>55</v>
      </c>
      <c r="AN13509">
        <v>56</v>
      </c>
      <c r="AO13509">
        <v>56</v>
      </c>
      <c r="AP13509">
        <v>56</v>
      </c>
      <c r="AQ13509">
        <v>56</v>
      </c>
    </row>
    <row r="13510" spans="1:43">
      <c r="A13510" t="s">
        <v>8388</v>
      </c>
      <c r="B13510" t="s">
        <v>8389</v>
      </c>
      <c r="C13510" t="s">
        <v>8374</v>
      </c>
      <c r="D13510" t="s">
        <v>8375</v>
      </c>
      <c r="E13510" t="s">
        <v>8296</v>
      </c>
      <c r="F13510" t="s">
        <v>8297</v>
      </c>
      <c r="G13510" t="s">
        <v>80</v>
      </c>
      <c r="H13510" t="s">
        <v>81</v>
      </c>
      <c r="I13510" s="2">
        <v>0</v>
      </c>
      <c r="J13510" s="2">
        <v>1</v>
      </c>
      <c r="K13510" s="2">
        <v>0</v>
      </c>
      <c r="L13510" t="s">
        <v>82</v>
      </c>
      <c r="M13510" t="s">
        <v>83</v>
      </c>
      <c r="N13510" t="s">
        <v>84</v>
      </c>
      <c r="O13510" t="s">
        <v>85</v>
      </c>
      <c r="P13510" t="s">
        <v>86</v>
      </c>
      <c r="Q13510">
        <v>49</v>
      </c>
      <c r="R13510">
        <v>50</v>
      </c>
      <c r="S13510">
        <v>51</v>
      </c>
      <c r="T13510">
        <v>52</v>
      </c>
      <c r="U13510">
        <v>53</v>
      </c>
      <c r="V13510">
        <v>54</v>
      </c>
      <c r="W13510">
        <v>55</v>
      </c>
      <c r="X13510">
        <v>56</v>
      </c>
      <c r="Y13510">
        <v>57</v>
      </c>
      <c r="Z13510">
        <v>58</v>
      </c>
      <c r="AA13510">
        <v>59</v>
      </c>
      <c r="AB13510">
        <v>60</v>
      </c>
      <c r="AC13510">
        <v>61</v>
      </c>
      <c r="AD13510">
        <v>62</v>
      </c>
      <c r="AE13510">
        <v>63</v>
      </c>
      <c r="AF13510">
        <v>64</v>
      </c>
      <c r="AG13510">
        <v>65</v>
      </c>
      <c r="AH13510">
        <v>66</v>
      </c>
      <c r="AI13510">
        <v>66</v>
      </c>
      <c r="AJ13510">
        <v>67</v>
      </c>
      <c r="AK13510">
        <v>68</v>
      </c>
      <c r="AL13510">
        <v>69</v>
      </c>
      <c r="AM13510">
        <v>69</v>
      </c>
      <c r="AN13510">
        <v>69</v>
      </c>
      <c r="AO13510">
        <v>69</v>
      </c>
      <c r="AP13510">
        <v>70</v>
      </c>
      <c r="AQ13510">
        <v>70</v>
      </c>
    </row>
    <row r="13511" spans="1:43">
      <c r="A13511" t="s">
        <v>8388</v>
      </c>
      <c r="B13511" t="s">
        <v>8389</v>
      </c>
      <c r="C13511" t="s">
        <v>8374</v>
      </c>
      <c r="D13511" t="s">
        <v>8375</v>
      </c>
      <c r="E13511" t="s">
        <v>8296</v>
      </c>
      <c r="F13511" t="s">
        <v>8297</v>
      </c>
      <c r="G13511" t="s">
        <v>80</v>
      </c>
      <c r="H13511" t="s">
        <v>81</v>
      </c>
      <c r="I13511" s="2">
        <v>0</v>
      </c>
      <c r="J13511" s="2">
        <v>1</v>
      </c>
      <c r="K13511" s="2">
        <v>0</v>
      </c>
      <c r="L13511" t="s">
        <v>82</v>
      </c>
      <c r="M13511" t="s">
        <v>87</v>
      </c>
      <c r="N13511" t="s">
        <v>88</v>
      </c>
      <c r="O13511" t="s">
        <v>85</v>
      </c>
      <c r="P13511" t="s">
        <v>86</v>
      </c>
      <c r="Q13511">
        <v>49</v>
      </c>
      <c r="R13511">
        <v>49</v>
      </c>
      <c r="S13511">
        <v>50</v>
      </c>
      <c r="T13511">
        <v>50</v>
      </c>
      <c r="U13511">
        <v>51</v>
      </c>
      <c r="V13511">
        <v>51</v>
      </c>
      <c r="W13511">
        <v>52</v>
      </c>
      <c r="X13511">
        <v>52</v>
      </c>
      <c r="Y13511">
        <v>53</v>
      </c>
      <c r="Z13511">
        <v>53</v>
      </c>
      <c r="AA13511">
        <v>54</v>
      </c>
      <c r="AB13511">
        <v>54</v>
      </c>
      <c r="AC13511">
        <v>55</v>
      </c>
      <c r="AD13511">
        <v>55</v>
      </c>
      <c r="AE13511">
        <v>56</v>
      </c>
      <c r="AF13511">
        <v>56</v>
      </c>
      <c r="AG13511">
        <v>57</v>
      </c>
      <c r="AH13511">
        <v>57</v>
      </c>
      <c r="AI13511">
        <v>57</v>
      </c>
      <c r="AJ13511">
        <v>58</v>
      </c>
      <c r="AK13511">
        <v>58</v>
      </c>
      <c r="AL13511">
        <v>59</v>
      </c>
      <c r="AM13511">
        <v>59</v>
      </c>
      <c r="AN13511">
        <v>60</v>
      </c>
      <c r="AO13511">
        <v>60</v>
      </c>
      <c r="AP13511">
        <v>60</v>
      </c>
      <c r="AQ13511">
        <v>61</v>
      </c>
    </row>
    <row r="13512" spans="1:43">
      <c r="A13512" t="s">
        <v>8388</v>
      </c>
      <c r="B13512" t="s">
        <v>8389</v>
      </c>
      <c r="C13512" t="s">
        <v>8374</v>
      </c>
      <c r="D13512" t="s">
        <v>8375</v>
      </c>
      <c r="E13512" t="s">
        <v>8296</v>
      </c>
      <c r="F13512" t="s">
        <v>8297</v>
      </c>
      <c r="G13512" t="s">
        <v>80</v>
      </c>
      <c r="H13512" t="s">
        <v>81</v>
      </c>
      <c r="I13512" s="2">
        <v>0</v>
      </c>
      <c r="J13512" s="2">
        <v>1</v>
      </c>
      <c r="K13512" s="2">
        <v>0</v>
      </c>
      <c r="L13512" t="s">
        <v>82</v>
      </c>
      <c r="M13512" t="s">
        <v>89</v>
      </c>
      <c r="N13512" t="s">
        <v>90</v>
      </c>
      <c r="O13512" t="s">
        <v>85</v>
      </c>
      <c r="P13512" t="s">
        <v>86</v>
      </c>
      <c r="Q13512">
        <v>49</v>
      </c>
      <c r="R13512">
        <v>50</v>
      </c>
      <c r="S13512">
        <v>52</v>
      </c>
      <c r="T13512">
        <v>53</v>
      </c>
      <c r="U13512">
        <v>54</v>
      </c>
      <c r="V13512">
        <v>56</v>
      </c>
      <c r="W13512">
        <v>57</v>
      </c>
      <c r="X13512">
        <v>58</v>
      </c>
      <c r="Y13512">
        <v>60</v>
      </c>
      <c r="Z13512">
        <v>61</v>
      </c>
      <c r="AA13512">
        <v>62</v>
      </c>
      <c r="AB13512">
        <v>63</v>
      </c>
      <c r="AC13512">
        <v>64</v>
      </c>
      <c r="AD13512">
        <v>65</v>
      </c>
      <c r="AE13512">
        <v>66</v>
      </c>
      <c r="AF13512">
        <v>67</v>
      </c>
      <c r="AG13512">
        <v>67</v>
      </c>
      <c r="AH13512">
        <v>67</v>
      </c>
      <c r="AI13512">
        <v>67</v>
      </c>
      <c r="AJ13512">
        <v>68</v>
      </c>
      <c r="AK13512">
        <v>68</v>
      </c>
      <c r="AL13512">
        <v>68</v>
      </c>
      <c r="AM13512">
        <v>68</v>
      </c>
      <c r="AN13512">
        <v>69</v>
      </c>
      <c r="AO13512">
        <v>69</v>
      </c>
      <c r="AP13512">
        <v>69</v>
      </c>
      <c r="AQ13512">
        <v>69</v>
      </c>
    </row>
    <row r="13513" spans="1:43">
      <c r="A13513" t="s">
        <v>8388</v>
      </c>
      <c r="B13513" t="s">
        <v>8389</v>
      </c>
      <c r="C13513" t="s">
        <v>8374</v>
      </c>
      <c r="D13513" t="s">
        <v>8375</v>
      </c>
      <c r="E13513" t="s">
        <v>8296</v>
      </c>
      <c r="F13513" t="s">
        <v>8297</v>
      </c>
      <c r="G13513" t="s">
        <v>80</v>
      </c>
      <c r="H13513" t="s">
        <v>81</v>
      </c>
      <c r="I13513" s="2">
        <v>0</v>
      </c>
      <c r="J13513" s="2">
        <v>1</v>
      </c>
      <c r="K13513" s="2">
        <v>0</v>
      </c>
      <c r="L13513" t="s">
        <v>82</v>
      </c>
      <c r="M13513" t="s">
        <v>83</v>
      </c>
      <c r="N13513" t="s">
        <v>91</v>
      </c>
      <c r="O13513" t="s">
        <v>85</v>
      </c>
      <c r="P13513" t="s">
        <v>86</v>
      </c>
      <c r="Q13513">
        <v>49</v>
      </c>
      <c r="R13513">
        <v>50</v>
      </c>
      <c r="S13513">
        <v>51</v>
      </c>
      <c r="T13513">
        <v>52</v>
      </c>
      <c r="U13513">
        <v>53</v>
      </c>
      <c r="V13513">
        <v>54</v>
      </c>
      <c r="W13513">
        <v>55</v>
      </c>
      <c r="X13513">
        <v>56</v>
      </c>
      <c r="Y13513">
        <v>57</v>
      </c>
      <c r="Z13513">
        <v>58</v>
      </c>
      <c r="AA13513">
        <v>59</v>
      </c>
      <c r="AB13513">
        <v>60</v>
      </c>
      <c r="AC13513">
        <v>61</v>
      </c>
      <c r="AD13513">
        <v>62</v>
      </c>
      <c r="AE13513">
        <v>63</v>
      </c>
      <c r="AF13513">
        <v>64</v>
      </c>
      <c r="AG13513">
        <v>65</v>
      </c>
      <c r="AH13513">
        <v>66</v>
      </c>
      <c r="AI13513">
        <v>66</v>
      </c>
      <c r="AJ13513">
        <v>67</v>
      </c>
      <c r="AK13513">
        <v>68</v>
      </c>
      <c r="AL13513">
        <v>69</v>
      </c>
      <c r="AM13513">
        <v>69</v>
      </c>
      <c r="AN13513">
        <v>69</v>
      </c>
      <c r="AO13513">
        <v>69</v>
      </c>
      <c r="AP13513">
        <v>70</v>
      </c>
      <c r="AQ13513">
        <v>70</v>
      </c>
    </row>
    <row r="13514" spans="1:43">
      <c r="A13514" t="s">
        <v>8390</v>
      </c>
      <c r="B13514" t="s">
        <v>8391</v>
      </c>
      <c r="C13514" t="s">
        <v>8392</v>
      </c>
      <c r="D13514" t="s">
        <v>8393</v>
      </c>
      <c r="E13514" t="s">
        <v>8296</v>
      </c>
      <c r="F13514" t="s">
        <v>8297</v>
      </c>
      <c r="G13514" t="s">
        <v>80</v>
      </c>
      <c r="H13514" t="s">
        <v>81</v>
      </c>
      <c r="I13514" s="2">
        <v>0</v>
      </c>
      <c r="J13514" s="2">
        <v>1</v>
      </c>
      <c r="K13514" s="2">
        <v>0</v>
      </c>
      <c r="L13514" t="s">
        <v>82</v>
      </c>
      <c r="M13514" t="s">
        <v>83</v>
      </c>
      <c r="N13514" t="s">
        <v>84</v>
      </c>
      <c r="O13514" t="s">
        <v>85</v>
      </c>
      <c r="P13514" t="s">
        <v>86</v>
      </c>
      <c r="Q13514">
        <v>114</v>
      </c>
      <c r="R13514">
        <v>116</v>
      </c>
      <c r="S13514">
        <v>118</v>
      </c>
      <c r="T13514">
        <v>120</v>
      </c>
      <c r="U13514">
        <v>122</v>
      </c>
      <c r="V13514">
        <v>125</v>
      </c>
      <c r="W13514">
        <v>127</v>
      </c>
      <c r="X13514">
        <v>129</v>
      </c>
      <c r="Y13514">
        <v>131</v>
      </c>
      <c r="Z13514">
        <v>133</v>
      </c>
      <c r="AA13514">
        <v>136</v>
      </c>
      <c r="AB13514">
        <v>138</v>
      </c>
      <c r="AC13514">
        <v>140</v>
      </c>
      <c r="AD13514">
        <v>142</v>
      </c>
      <c r="AE13514">
        <v>144</v>
      </c>
      <c r="AF13514">
        <v>146</v>
      </c>
      <c r="AG13514">
        <v>148</v>
      </c>
      <c r="AH13514">
        <v>150</v>
      </c>
      <c r="AI13514">
        <v>152</v>
      </c>
      <c r="AJ13514">
        <v>154</v>
      </c>
      <c r="AK13514">
        <v>157</v>
      </c>
      <c r="AL13514">
        <v>158</v>
      </c>
      <c r="AM13514">
        <v>158</v>
      </c>
      <c r="AN13514">
        <v>159</v>
      </c>
      <c r="AO13514">
        <v>159</v>
      </c>
      <c r="AP13514">
        <v>160</v>
      </c>
      <c r="AQ13514">
        <v>161</v>
      </c>
    </row>
    <row r="13515" spans="1:43">
      <c r="A13515" t="s">
        <v>8390</v>
      </c>
      <c r="B13515" t="s">
        <v>8391</v>
      </c>
      <c r="C13515" t="s">
        <v>8392</v>
      </c>
      <c r="D13515" t="s">
        <v>8393</v>
      </c>
      <c r="E13515" t="s">
        <v>8296</v>
      </c>
      <c r="F13515" t="s">
        <v>8297</v>
      </c>
      <c r="G13515" t="s">
        <v>80</v>
      </c>
      <c r="H13515" t="s">
        <v>81</v>
      </c>
      <c r="I13515" s="2">
        <v>0</v>
      </c>
      <c r="J13515" s="2">
        <v>1</v>
      </c>
      <c r="K13515" s="2">
        <v>0</v>
      </c>
      <c r="L13515" t="s">
        <v>82</v>
      </c>
      <c r="M13515" t="s">
        <v>87</v>
      </c>
      <c r="N13515" t="s">
        <v>88</v>
      </c>
      <c r="O13515" t="s">
        <v>85</v>
      </c>
      <c r="P13515" t="s">
        <v>86</v>
      </c>
      <c r="Q13515">
        <v>114</v>
      </c>
      <c r="R13515">
        <v>116</v>
      </c>
      <c r="S13515">
        <v>117</v>
      </c>
      <c r="T13515">
        <v>118</v>
      </c>
      <c r="U13515">
        <v>119</v>
      </c>
      <c r="V13515">
        <v>120</v>
      </c>
      <c r="W13515">
        <v>121</v>
      </c>
      <c r="X13515">
        <v>122</v>
      </c>
      <c r="Y13515">
        <v>123</v>
      </c>
      <c r="Z13515">
        <v>124</v>
      </c>
      <c r="AA13515">
        <v>125</v>
      </c>
      <c r="AB13515">
        <v>126</v>
      </c>
      <c r="AC13515">
        <v>127</v>
      </c>
      <c r="AD13515">
        <v>128</v>
      </c>
      <c r="AE13515">
        <v>129</v>
      </c>
      <c r="AF13515">
        <v>130</v>
      </c>
      <c r="AG13515">
        <v>131</v>
      </c>
      <c r="AH13515">
        <v>132</v>
      </c>
      <c r="AI13515">
        <v>133</v>
      </c>
      <c r="AJ13515">
        <v>134</v>
      </c>
      <c r="AK13515">
        <v>135</v>
      </c>
      <c r="AL13515">
        <v>136</v>
      </c>
      <c r="AM13515">
        <v>137</v>
      </c>
      <c r="AN13515">
        <v>138</v>
      </c>
      <c r="AO13515">
        <v>139</v>
      </c>
      <c r="AP13515">
        <v>140</v>
      </c>
      <c r="AQ13515">
        <v>141</v>
      </c>
    </row>
    <row r="13516" spans="1:43">
      <c r="A13516" t="s">
        <v>8390</v>
      </c>
      <c r="B13516" t="s">
        <v>8391</v>
      </c>
      <c r="C13516" t="s">
        <v>8392</v>
      </c>
      <c r="D13516" t="s">
        <v>8393</v>
      </c>
      <c r="E13516" t="s">
        <v>8296</v>
      </c>
      <c r="F13516" t="s">
        <v>8297</v>
      </c>
      <c r="G13516" t="s">
        <v>80</v>
      </c>
      <c r="H13516" t="s">
        <v>81</v>
      </c>
      <c r="I13516" s="2">
        <v>0</v>
      </c>
      <c r="J13516" s="2">
        <v>1</v>
      </c>
      <c r="K13516" s="2">
        <v>0</v>
      </c>
      <c r="L13516" t="s">
        <v>82</v>
      </c>
      <c r="M13516" t="s">
        <v>89</v>
      </c>
      <c r="N13516" t="s">
        <v>90</v>
      </c>
      <c r="O13516" t="s">
        <v>85</v>
      </c>
      <c r="P13516" t="s">
        <v>86</v>
      </c>
      <c r="Q13516">
        <v>114</v>
      </c>
      <c r="R13516">
        <v>117</v>
      </c>
      <c r="S13516">
        <v>120</v>
      </c>
      <c r="T13516">
        <v>123</v>
      </c>
      <c r="U13516">
        <v>126</v>
      </c>
      <c r="V13516">
        <v>129</v>
      </c>
      <c r="W13516">
        <v>132</v>
      </c>
      <c r="X13516">
        <v>135</v>
      </c>
      <c r="Y13516">
        <v>138</v>
      </c>
      <c r="Z13516">
        <v>141</v>
      </c>
      <c r="AA13516">
        <v>143</v>
      </c>
      <c r="AB13516">
        <v>146</v>
      </c>
      <c r="AC13516">
        <v>149</v>
      </c>
      <c r="AD13516">
        <v>151</v>
      </c>
      <c r="AE13516">
        <v>153</v>
      </c>
      <c r="AF13516">
        <v>154</v>
      </c>
      <c r="AG13516">
        <v>155</v>
      </c>
      <c r="AH13516">
        <v>155</v>
      </c>
      <c r="AI13516">
        <v>156</v>
      </c>
      <c r="AJ13516">
        <v>157</v>
      </c>
      <c r="AK13516">
        <v>157</v>
      </c>
      <c r="AL13516">
        <v>158</v>
      </c>
      <c r="AM13516">
        <v>159</v>
      </c>
      <c r="AN13516">
        <v>159</v>
      </c>
      <c r="AO13516">
        <v>160</v>
      </c>
      <c r="AP13516">
        <v>160</v>
      </c>
      <c r="AQ13516">
        <v>161</v>
      </c>
    </row>
    <row r="13517" spans="1:43">
      <c r="A13517" t="s">
        <v>8390</v>
      </c>
      <c r="B13517" t="s">
        <v>8391</v>
      </c>
      <c r="C13517" t="s">
        <v>8392</v>
      </c>
      <c r="D13517" t="s">
        <v>8393</v>
      </c>
      <c r="E13517" t="s">
        <v>8296</v>
      </c>
      <c r="F13517" t="s">
        <v>8297</v>
      </c>
      <c r="G13517" t="s">
        <v>80</v>
      </c>
      <c r="H13517" t="s">
        <v>81</v>
      </c>
      <c r="I13517" s="2">
        <v>0</v>
      </c>
      <c r="J13517" s="2">
        <v>1</v>
      </c>
      <c r="K13517" s="2">
        <v>0</v>
      </c>
      <c r="L13517" t="s">
        <v>82</v>
      </c>
      <c r="M13517" t="s">
        <v>83</v>
      </c>
      <c r="N13517" t="s">
        <v>91</v>
      </c>
      <c r="O13517" t="s">
        <v>85</v>
      </c>
      <c r="P13517" t="s">
        <v>86</v>
      </c>
      <c r="Q13517">
        <v>114</v>
      </c>
      <c r="R13517">
        <v>116</v>
      </c>
      <c r="S13517">
        <v>118</v>
      </c>
      <c r="T13517">
        <v>120</v>
      </c>
      <c r="U13517">
        <v>122</v>
      </c>
      <c r="V13517">
        <v>125</v>
      </c>
      <c r="W13517">
        <v>127</v>
      </c>
      <c r="X13517">
        <v>129</v>
      </c>
      <c r="Y13517">
        <v>131</v>
      </c>
      <c r="Z13517">
        <v>133</v>
      </c>
      <c r="AA13517">
        <v>136</v>
      </c>
      <c r="AB13517">
        <v>138</v>
      </c>
      <c r="AC13517">
        <v>140</v>
      </c>
      <c r="AD13517">
        <v>142</v>
      </c>
      <c r="AE13517">
        <v>144</v>
      </c>
      <c r="AF13517">
        <v>146</v>
      </c>
      <c r="AG13517">
        <v>148</v>
      </c>
      <c r="AH13517">
        <v>150</v>
      </c>
      <c r="AI13517">
        <v>152</v>
      </c>
      <c r="AJ13517">
        <v>154</v>
      </c>
      <c r="AK13517">
        <v>157</v>
      </c>
      <c r="AL13517">
        <v>158</v>
      </c>
      <c r="AM13517">
        <v>158</v>
      </c>
      <c r="AN13517">
        <v>159</v>
      </c>
      <c r="AO13517">
        <v>159</v>
      </c>
      <c r="AP13517">
        <v>160</v>
      </c>
      <c r="AQ13517">
        <v>161</v>
      </c>
    </row>
    <row r="13518" spans="1:43">
      <c r="A13518" t="s">
        <v>8394</v>
      </c>
      <c r="B13518" t="s">
        <v>8395</v>
      </c>
      <c r="C13518" t="s">
        <v>8396</v>
      </c>
      <c r="D13518" t="s">
        <v>8397</v>
      </c>
      <c r="E13518" t="s">
        <v>8296</v>
      </c>
      <c r="F13518" t="s">
        <v>8297</v>
      </c>
      <c r="G13518" t="s">
        <v>80</v>
      </c>
      <c r="H13518" t="s">
        <v>81</v>
      </c>
      <c r="I13518" s="2">
        <v>0</v>
      </c>
      <c r="J13518" s="2">
        <v>1</v>
      </c>
      <c r="K13518" s="2">
        <v>0</v>
      </c>
      <c r="L13518" t="s">
        <v>82</v>
      </c>
      <c r="M13518" t="s">
        <v>83</v>
      </c>
      <c r="N13518" t="s">
        <v>84</v>
      </c>
      <c r="O13518" t="s">
        <v>85</v>
      </c>
      <c r="P13518" t="s">
        <v>86</v>
      </c>
      <c r="Q13518">
        <v>109</v>
      </c>
      <c r="R13518">
        <v>111</v>
      </c>
      <c r="S13518">
        <v>113</v>
      </c>
      <c r="T13518">
        <v>115</v>
      </c>
      <c r="U13518">
        <v>117</v>
      </c>
      <c r="V13518">
        <v>119</v>
      </c>
      <c r="W13518">
        <v>122</v>
      </c>
      <c r="X13518">
        <v>124</v>
      </c>
      <c r="Y13518">
        <v>126</v>
      </c>
      <c r="Z13518">
        <v>128</v>
      </c>
      <c r="AA13518">
        <v>130</v>
      </c>
      <c r="AB13518">
        <v>132</v>
      </c>
      <c r="AC13518">
        <v>134</v>
      </c>
      <c r="AD13518">
        <v>136</v>
      </c>
      <c r="AE13518">
        <v>138</v>
      </c>
      <c r="AF13518">
        <v>140</v>
      </c>
      <c r="AG13518">
        <v>142</v>
      </c>
      <c r="AH13518">
        <v>144</v>
      </c>
      <c r="AI13518">
        <v>146</v>
      </c>
      <c r="AJ13518">
        <v>148</v>
      </c>
      <c r="AK13518">
        <v>150</v>
      </c>
      <c r="AL13518">
        <v>151</v>
      </c>
      <c r="AM13518">
        <v>152</v>
      </c>
      <c r="AN13518">
        <v>152</v>
      </c>
      <c r="AO13518">
        <v>153</v>
      </c>
      <c r="AP13518">
        <v>154</v>
      </c>
      <c r="AQ13518">
        <v>154</v>
      </c>
    </row>
    <row r="13519" spans="1:43">
      <c r="A13519" t="s">
        <v>8394</v>
      </c>
      <c r="B13519" t="s">
        <v>8395</v>
      </c>
      <c r="C13519" t="s">
        <v>8396</v>
      </c>
      <c r="D13519" t="s">
        <v>8397</v>
      </c>
      <c r="E13519" t="s">
        <v>8296</v>
      </c>
      <c r="F13519" t="s">
        <v>8297</v>
      </c>
      <c r="G13519" t="s">
        <v>80</v>
      </c>
      <c r="H13519" t="s">
        <v>81</v>
      </c>
      <c r="I13519" s="2">
        <v>0</v>
      </c>
      <c r="J13519" s="2">
        <v>1</v>
      </c>
      <c r="K13519" s="2">
        <v>0</v>
      </c>
      <c r="L13519" t="s">
        <v>82</v>
      </c>
      <c r="M13519" t="s">
        <v>87</v>
      </c>
      <c r="N13519" t="s">
        <v>88</v>
      </c>
      <c r="O13519" t="s">
        <v>85</v>
      </c>
      <c r="P13519" t="s">
        <v>86</v>
      </c>
      <c r="Q13519">
        <v>109</v>
      </c>
      <c r="R13519">
        <v>110</v>
      </c>
      <c r="S13519">
        <v>111</v>
      </c>
      <c r="T13519">
        <v>112</v>
      </c>
      <c r="U13519">
        <v>113</v>
      </c>
      <c r="V13519">
        <v>114</v>
      </c>
      <c r="W13519">
        <v>115</v>
      </c>
      <c r="X13519">
        <v>116</v>
      </c>
      <c r="Y13519">
        <v>117</v>
      </c>
      <c r="Z13519">
        <v>118</v>
      </c>
      <c r="AA13519">
        <v>119</v>
      </c>
      <c r="AB13519">
        <v>120</v>
      </c>
      <c r="AC13519">
        <v>121</v>
      </c>
      <c r="AD13519">
        <v>122</v>
      </c>
      <c r="AE13519">
        <v>123</v>
      </c>
      <c r="AF13519">
        <v>124</v>
      </c>
      <c r="AG13519">
        <v>125</v>
      </c>
      <c r="AH13519">
        <v>126</v>
      </c>
      <c r="AI13519">
        <v>127</v>
      </c>
      <c r="AJ13519">
        <v>128</v>
      </c>
      <c r="AK13519">
        <v>129</v>
      </c>
      <c r="AL13519">
        <v>130</v>
      </c>
      <c r="AM13519">
        <v>131</v>
      </c>
      <c r="AN13519">
        <v>132</v>
      </c>
      <c r="AO13519">
        <v>133</v>
      </c>
      <c r="AP13519">
        <v>134</v>
      </c>
      <c r="AQ13519">
        <v>135</v>
      </c>
    </row>
    <row r="13520" spans="1:43">
      <c r="A13520" t="s">
        <v>8394</v>
      </c>
      <c r="B13520" t="s">
        <v>8395</v>
      </c>
      <c r="C13520" t="s">
        <v>8396</v>
      </c>
      <c r="D13520" t="s">
        <v>8397</v>
      </c>
      <c r="E13520" t="s">
        <v>8296</v>
      </c>
      <c r="F13520" t="s">
        <v>8297</v>
      </c>
      <c r="G13520" t="s">
        <v>80</v>
      </c>
      <c r="H13520" t="s">
        <v>81</v>
      </c>
      <c r="I13520" s="2">
        <v>0</v>
      </c>
      <c r="J13520" s="2">
        <v>1</v>
      </c>
      <c r="K13520" s="2">
        <v>0</v>
      </c>
      <c r="L13520" t="s">
        <v>82</v>
      </c>
      <c r="M13520" t="s">
        <v>89</v>
      </c>
      <c r="N13520" t="s">
        <v>90</v>
      </c>
      <c r="O13520" t="s">
        <v>85</v>
      </c>
      <c r="P13520" t="s">
        <v>86</v>
      </c>
      <c r="Q13520">
        <v>109</v>
      </c>
      <c r="R13520">
        <v>112</v>
      </c>
      <c r="S13520">
        <v>115</v>
      </c>
      <c r="T13520">
        <v>118</v>
      </c>
      <c r="U13520">
        <v>121</v>
      </c>
      <c r="V13520">
        <v>124</v>
      </c>
      <c r="W13520">
        <v>127</v>
      </c>
      <c r="X13520">
        <v>130</v>
      </c>
      <c r="Y13520">
        <v>132</v>
      </c>
      <c r="Z13520">
        <v>135</v>
      </c>
      <c r="AA13520">
        <v>137</v>
      </c>
      <c r="AB13520">
        <v>140</v>
      </c>
      <c r="AC13520">
        <v>143</v>
      </c>
      <c r="AD13520">
        <v>145</v>
      </c>
      <c r="AE13520">
        <v>147</v>
      </c>
      <c r="AF13520">
        <v>148</v>
      </c>
      <c r="AG13520">
        <v>149</v>
      </c>
      <c r="AH13520">
        <v>149</v>
      </c>
      <c r="AI13520">
        <v>150</v>
      </c>
      <c r="AJ13520">
        <v>150</v>
      </c>
      <c r="AK13520">
        <v>151</v>
      </c>
      <c r="AL13520">
        <v>152</v>
      </c>
      <c r="AM13520">
        <v>152</v>
      </c>
      <c r="AN13520">
        <v>153</v>
      </c>
      <c r="AO13520">
        <v>153</v>
      </c>
      <c r="AP13520">
        <v>154</v>
      </c>
      <c r="AQ13520">
        <v>154</v>
      </c>
    </row>
    <row r="13521" spans="1:43">
      <c r="A13521" t="s">
        <v>8394</v>
      </c>
      <c r="B13521" t="s">
        <v>8395</v>
      </c>
      <c r="C13521" t="s">
        <v>8396</v>
      </c>
      <c r="D13521" t="s">
        <v>8397</v>
      </c>
      <c r="E13521" t="s">
        <v>8296</v>
      </c>
      <c r="F13521" t="s">
        <v>8297</v>
      </c>
      <c r="G13521" t="s">
        <v>80</v>
      </c>
      <c r="H13521" t="s">
        <v>81</v>
      </c>
      <c r="I13521" s="2">
        <v>0</v>
      </c>
      <c r="J13521" s="2">
        <v>1</v>
      </c>
      <c r="K13521" s="2">
        <v>0</v>
      </c>
      <c r="L13521" t="s">
        <v>82</v>
      </c>
      <c r="M13521" t="s">
        <v>83</v>
      </c>
      <c r="N13521" t="s">
        <v>91</v>
      </c>
      <c r="O13521" t="s">
        <v>85</v>
      </c>
      <c r="P13521" t="s">
        <v>86</v>
      </c>
      <c r="Q13521">
        <v>109</v>
      </c>
      <c r="R13521">
        <v>111</v>
      </c>
      <c r="S13521">
        <v>113</v>
      </c>
      <c r="T13521">
        <v>115</v>
      </c>
      <c r="U13521">
        <v>117</v>
      </c>
      <c r="V13521">
        <v>119</v>
      </c>
      <c r="W13521">
        <v>122</v>
      </c>
      <c r="X13521">
        <v>124</v>
      </c>
      <c r="Y13521">
        <v>126</v>
      </c>
      <c r="Z13521">
        <v>128</v>
      </c>
      <c r="AA13521">
        <v>130</v>
      </c>
      <c r="AB13521">
        <v>132</v>
      </c>
      <c r="AC13521">
        <v>134</v>
      </c>
      <c r="AD13521">
        <v>136</v>
      </c>
      <c r="AE13521">
        <v>138</v>
      </c>
      <c r="AF13521">
        <v>140</v>
      </c>
      <c r="AG13521">
        <v>142</v>
      </c>
      <c r="AH13521">
        <v>144</v>
      </c>
      <c r="AI13521">
        <v>146</v>
      </c>
      <c r="AJ13521">
        <v>148</v>
      </c>
      <c r="AK13521">
        <v>150</v>
      </c>
      <c r="AL13521">
        <v>151</v>
      </c>
      <c r="AM13521">
        <v>152</v>
      </c>
      <c r="AN13521">
        <v>152</v>
      </c>
      <c r="AO13521">
        <v>153</v>
      </c>
      <c r="AP13521">
        <v>154</v>
      </c>
      <c r="AQ13521">
        <v>154</v>
      </c>
    </row>
    <row r="13522" spans="1:43">
      <c r="A13522" t="s">
        <v>8398</v>
      </c>
      <c r="B13522" t="s">
        <v>8399</v>
      </c>
      <c r="C13522" t="s">
        <v>8392</v>
      </c>
      <c r="D13522" t="s">
        <v>8393</v>
      </c>
      <c r="E13522" t="s">
        <v>8296</v>
      </c>
      <c r="F13522" t="s">
        <v>8297</v>
      </c>
      <c r="G13522" t="s">
        <v>80</v>
      </c>
      <c r="H13522" t="s">
        <v>81</v>
      </c>
      <c r="I13522" s="2">
        <v>0</v>
      </c>
      <c r="J13522" s="2">
        <v>1</v>
      </c>
      <c r="K13522" s="2">
        <v>0</v>
      </c>
      <c r="L13522" t="s">
        <v>82</v>
      </c>
      <c r="M13522" t="s">
        <v>83</v>
      </c>
      <c r="N13522" t="s">
        <v>84</v>
      </c>
      <c r="O13522" t="s">
        <v>85</v>
      </c>
      <c r="P13522" t="s">
        <v>86</v>
      </c>
      <c r="Q13522">
        <v>0</v>
      </c>
      <c r="R13522">
        <v>0</v>
      </c>
      <c r="S13522">
        <v>0</v>
      </c>
      <c r="T13522">
        <v>0</v>
      </c>
      <c r="U13522">
        <v>0</v>
      </c>
      <c r="V13522">
        <v>0</v>
      </c>
      <c r="W13522">
        <v>0</v>
      </c>
      <c r="X13522">
        <v>0</v>
      </c>
      <c r="Y13522">
        <v>0</v>
      </c>
      <c r="Z13522">
        <v>0</v>
      </c>
      <c r="AA13522">
        <v>0</v>
      </c>
      <c r="AB13522">
        <v>0</v>
      </c>
      <c r="AC13522">
        <v>0</v>
      </c>
      <c r="AD13522">
        <v>0</v>
      </c>
      <c r="AE13522">
        <v>0</v>
      </c>
      <c r="AF13522">
        <v>0</v>
      </c>
      <c r="AG13522">
        <v>0</v>
      </c>
      <c r="AH13522">
        <v>0</v>
      </c>
      <c r="AI13522">
        <v>0</v>
      </c>
      <c r="AJ13522">
        <v>0</v>
      </c>
      <c r="AK13522">
        <v>0</v>
      </c>
      <c r="AL13522">
        <v>0</v>
      </c>
      <c r="AM13522">
        <v>0</v>
      </c>
      <c r="AN13522">
        <v>0</v>
      </c>
      <c r="AO13522">
        <v>0</v>
      </c>
      <c r="AP13522">
        <v>0</v>
      </c>
      <c r="AQ13522">
        <v>0</v>
      </c>
    </row>
    <row r="13523" spans="1:43">
      <c r="A13523" t="s">
        <v>8398</v>
      </c>
      <c r="B13523" t="s">
        <v>8399</v>
      </c>
      <c r="C13523" t="s">
        <v>8392</v>
      </c>
      <c r="D13523" t="s">
        <v>8393</v>
      </c>
      <c r="E13523" t="s">
        <v>8296</v>
      </c>
      <c r="F13523" t="s">
        <v>8297</v>
      </c>
      <c r="G13523" t="s">
        <v>80</v>
      </c>
      <c r="H13523" t="s">
        <v>81</v>
      </c>
      <c r="I13523" s="2">
        <v>0</v>
      </c>
      <c r="J13523" s="2">
        <v>1</v>
      </c>
      <c r="K13523" s="2">
        <v>0</v>
      </c>
      <c r="L13523" t="s">
        <v>82</v>
      </c>
      <c r="M13523" t="s">
        <v>87</v>
      </c>
      <c r="N13523" t="s">
        <v>88</v>
      </c>
      <c r="O13523" t="s">
        <v>85</v>
      </c>
      <c r="P13523" t="s">
        <v>86</v>
      </c>
      <c r="Q13523">
        <v>0</v>
      </c>
      <c r="R13523">
        <v>0</v>
      </c>
      <c r="S13523">
        <v>0</v>
      </c>
      <c r="T13523">
        <v>0</v>
      </c>
      <c r="U13523">
        <v>0</v>
      </c>
      <c r="V13523">
        <v>0</v>
      </c>
      <c r="W13523">
        <v>0</v>
      </c>
      <c r="X13523">
        <v>0</v>
      </c>
      <c r="Y13523">
        <v>0</v>
      </c>
      <c r="Z13523">
        <v>0</v>
      </c>
      <c r="AA13523">
        <v>0</v>
      </c>
      <c r="AB13523">
        <v>0</v>
      </c>
      <c r="AC13523">
        <v>0</v>
      </c>
      <c r="AD13523">
        <v>0</v>
      </c>
      <c r="AE13523">
        <v>0</v>
      </c>
      <c r="AF13523">
        <v>0</v>
      </c>
      <c r="AG13523">
        <v>0</v>
      </c>
      <c r="AH13523">
        <v>0</v>
      </c>
      <c r="AI13523">
        <v>0</v>
      </c>
      <c r="AJ13523">
        <v>0</v>
      </c>
      <c r="AK13523">
        <v>0</v>
      </c>
      <c r="AL13523">
        <v>0</v>
      </c>
      <c r="AM13523">
        <v>0</v>
      </c>
      <c r="AN13523">
        <v>0</v>
      </c>
      <c r="AO13523">
        <v>0</v>
      </c>
      <c r="AP13523">
        <v>0</v>
      </c>
      <c r="AQ13523">
        <v>0</v>
      </c>
    </row>
    <row r="13524" spans="1:43">
      <c r="A13524" t="s">
        <v>8398</v>
      </c>
      <c r="B13524" t="s">
        <v>8399</v>
      </c>
      <c r="C13524" t="s">
        <v>8392</v>
      </c>
      <c r="D13524" t="s">
        <v>8393</v>
      </c>
      <c r="E13524" t="s">
        <v>8296</v>
      </c>
      <c r="F13524" t="s">
        <v>8297</v>
      </c>
      <c r="G13524" t="s">
        <v>80</v>
      </c>
      <c r="H13524" t="s">
        <v>81</v>
      </c>
      <c r="I13524" s="2">
        <v>0</v>
      </c>
      <c r="J13524" s="2">
        <v>1</v>
      </c>
      <c r="K13524" s="2">
        <v>0</v>
      </c>
      <c r="L13524" t="s">
        <v>82</v>
      </c>
      <c r="M13524" t="s">
        <v>89</v>
      </c>
      <c r="N13524" t="s">
        <v>90</v>
      </c>
      <c r="O13524" t="s">
        <v>85</v>
      </c>
      <c r="P13524" t="s">
        <v>86</v>
      </c>
      <c r="Q13524">
        <v>0</v>
      </c>
      <c r="R13524">
        <v>0</v>
      </c>
      <c r="S13524">
        <v>0</v>
      </c>
      <c r="T13524">
        <v>0</v>
      </c>
      <c r="U13524">
        <v>0</v>
      </c>
      <c r="V13524">
        <v>0</v>
      </c>
      <c r="W13524">
        <v>0</v>
      </c>
      <c r="X13524">
        <v>0</v>
      </c>
      <c r="Y13524">
        <v>0</v>
      </c>
      <c r="Z13524">
        <v>0</v>
      </c>
      <c r="AA13524">
        <v>0</v>
      </c>
      <c r="AB13524">
        <v>0</v>
      </c>
      <c r="AC13524">
        <v>0</v>
      </c>
      <c r="AD13524">
        <v>0</v>
      </c>
      <c r="AE13524">
        <v>0</v>
      </c>
      <c r="AF13524">
        <v>0</v>
      </c>
      <c r="AG13524">
        <v>0</v>
      </c>
      <c r="AH13524">
        <v>0</v>
      </c>
      <c r="AI13524">
        <v>0</v>
      </c>
      <c r="AJ13524">
        <v>0</v>
      </c>
      <c r="AK13524">
        <v>0</v>
      </c>
      <c r="AL13524">
        <v>0</v>
      </c>
      <c r="AM13524">
        <v>0</v>
      </c>
      <c r="AN13524">
        <v>0</v>
      </c>
      <c r="AO13524">
        <v>0</v>
      </c>
      <c r="AP13524">
        <v>0</v>
      </c>
      <c r="AQ13524">
        <v>0</v>
      </c>
    </row>
    <row r="13525" spans="1:43">
      <c r="A13525" t="s">
        <v>8398</v>
      </c>
      <c r="B13525" t="s">
        <v>8399</v>
      </c>
      <c r="C13525" t="s">
        <v>8392</v>
      </c>
      <c r="D13525" t="s">
        <v>8393</v>
      </c>
      <c r="E13525" t="s">
        <v>8296</v>
      </c>
      <c r="F13525" t="s">
        <v>8297</v>
      </c>
      <c r="G13525" t="s">
        <v>80</v>
      </c>
      <c r="H13525" t="s">
        <v>81</v>
      </c>
      <c r="I13525" s="2">
        <v>0</v>
      </c>
      <c r="J13525" s="2">
        <v>1</v>
      </c>
      <c r="K13525" s="2">
        <v>0</v>
      </c>
      <c r="L13525" t="s">
        <v>82</v>
      </c>
      <c r="M13525" t="s">
        <v>83</v>
      </c>
      <c r="N13525" t="s">
        <v>91</v>
      </c>
      <c r="O13525" t="s">
        <v>85</v>
      </c>
      <c r="P13525" t="s">
        <v>86</v>
      </c>
      <c r="Q13525">
        <v>0</v>
      </c>
      <c r="R13525">
        <v>0</v>
      </c>
      <c r="S13525">
        <v>0</v>
      </c>
      <c r="T13525">
        <v>0</v>
      </c>
      <c r="U13525">
        <v>0</v>
      </c>
      <c r="V13525">
        <v>0</v>
      </c>
      <c r="W13525">
        <v>0</v>
      </c>
      <c r="X13525">
        <v>0</v>
      </c>
      <c r="Y13525">
        <v>0</v>
      </c>
      <c r="Z13525">
        <v>0</v>
      </c>
      <c r="AA13525">
        <v>0</v>
      </c>
      <c r="AB13525">
        <v>0</v>
      </c>
      <c r="AC13525">
        <v>0</v>
      </c>
      <c r="AD13525">
        <v>0</v>
      </c>
      <c r="AE13525">
        <v>0</v>
      </c>
      <c r="AF13525">
        <v>0</v>
      </c>
      <c r="AG13525">
        <v>0</v>
      </c>
      <c r="AH13525">
        <v>0</v>
      </c>
      <c r="AI13525">
        <v>0</v>
      </c>
      <c r="AJ13525">
        <v>0</v>
      </c>
      <c r="AK13525">
        <v>0</v>
      </c>
      <c r="AL13525">
        <v>0</v>
      </c>
      <c r="AM13525">
        <v>0</v>
      </c>
      <c r="AN13525">
        <v>0</v>
      </c>
      <c r="AO13525">
        <v>0</v>
      </c>
      <c r="AP13525">
        <v>0</v>
      </c>
      <c r="AQ13525">
        <v>0</v>
      </c>
    </row>
    <row r="13526" spans="1:43">
      <c r="A13526" t="s">
        <v>8400</v>
      </c>
      <c r="B13526" t="s">
        <v>8401</v>
      </c>
      <c r="C13526" t="s">
        <v>8396</v>
      </c>
      <c r="D13526" t="s">
        <v>8397</v>
      </c>
      <c r="E13526" t="s">
        <v>8296</v>
      </c>
      <c r="F13526" t="s">
        <v>8297</v>
      </c>
      <c r="G13526" t="s">
        <v>80</v>
      </c>
      <c r="H13526" t="s">
        <v>81</v>
      </c>
      <c r="I13526" s="2">
        <v>0</v>
      </c>
      <c r="J13526" s="2">
        <v>1</v>
      </c>
      <c r="K13526" s="2">
        <v>0</v>
      </c>
      <c r="L13526" t="s">
        <v>82</v>
      </c>
      <c r="M13526" t="s">
        <v>83</v>
      </c>
      <c r="N13526" t="s">
        <v>84</v>
      </c>
      <c r="O13526" t="s">
        <v>85</v>
      </c>
      <c r="P13526" t="s">
        <v>86</v>
      </c>
      <c r="Q13526">
        <v>26</v>
      </c>
      <c r="R13526">
        <v>27</v>
      </c>
      <c r="S13526">
        <v>27</v>
      </c>
      <c r="T13526">
        <v>28</v>
      </c>
      <c r="U13526">
        <v>28</v>
      </c>
      <c r="V13526">
        <v>29</v>
      </c>
      <c r="W13526">
        <v>29</v>
      </c>
      <c r="X13526">
        <v>30</v>
      </c>
      <c r="Y13526">
        <v>30</v>
      </c>
      <c r="Z13526">
        <v>31</v>
      </c>
      <c r="AA13526">
        <v>31</v>
      </c>
      <c r="AB13526">
        <v>32</v>
      </c>
      <c r="AC13526">
        <v>32</v>
      </c>
      <c r="AD13526">
        <v>33</v>
      </c>
      <c r="AE13526">
        <v>33</v>
      </c>
      <c r="AF13526">
        <v>34</v>
      </c>
      <c r="AG13526">
        <v>34</v>
      </c>
      <c r="AH13526">
        <v>35</v>
      </c>
      <c r="AI13526">
        <v>35</v>
      </c>
      <c r="AJ13526">
        <v>36</v>
      </c>
      <c r="AK13526">
        <v>36</v>
      </c>
      <c r="AL13526">
        <v>36</v>
      </c>
      <c r="AM13526">
        <v>37</v>
      </c>
      <c r="AN13526">
        <v>37</v>
      </c>
      <c r="AO13526">
        <v>37</v>
      </c>
      <c r="AP13526">
        <v>37</v>
      </c>
      <c r="AQ13526">
        <v>37</v>
      </c>
    </row>
    <row r="13527" spans="1:43">
      <c r="A13527" t="s">
        <v>8400</v>
      </c>
      <c r="B13527" t="s">
        <v>8401</v>
      </c>
      <c r="C13527" t="s">
        <v>8396</v>
      </c>
      <c r="D13527" t="s">
        <v>8397</v>
      </c>
      <c r="E13527" t="s">
        <v>8296</v>
      </c>
      <c r="F13527" t="s">
        <v>8297</v>
      </c>
      <c r="G13527" t="s">
        <v>80</v>
      </c>
      <c r="H13527" t="s">
        <v>81</v>
      </c>
      <c r="I13527" s="2">
        <v>0</v>
      </c>
      <c r="J13527" s="2">
        <v>1</v>
      </c>
      <c r="K13527" s="2">
        <v>0</v>
      </c>
      <c r="L13527" t="s">
        <v>82</v>
      </c>
      <c r="M13527" t="s">
        <v>87</v>
      </c>
      <c r="N13527" t="s">
        <v>88</v>
      </c>
      <c r="O13527" t="s">
        <v>85</v>
      </c>
      <c r="P13527" t="s">
        <v>86</v>
      </c>
      <c r="Q13527">
        <v>26</v>
      </c>
      <c r="R13527">
        <v>26</v>
      </c>
      <c r="S13527">
        <v>26</v>
      </c>
      <c r="T13527">
        <v>27</v>
      </c>
      <c r="U13527">
        <v>27</v>
      </c>
      <c r="V13527">
        <v>27</v>
      </c>
      <c r="W13527">
        <v>27</v>
      </c>
      <c r="X13527">
        <v>28</v>
      </c>
      <c r="Y13527">
        <v>28</v>
      </c>
      <c r="Z13527">
        <v>28</v>
      </c>
      <c r="AA13527">
        <v>28</v>
      </c>
      <c r="AB13527">
        <v>29</v>
      </c>
      <c r="AC13527">
        <v>29</v>
      </c>
      <c r="AD13527">
        <v>29</v>
      </c>
      <c r="AE13527">
        <v>29</v>
      </c>
      <c r="AF13527">
        <v>30</v>
      </c>
      <c r="AG13527">
        <v>30</v>
      </c>
      <c r="AH13527">
        <v>30</v>
      </c>
      <c r="AI13527">
        <v>30</v>
      </c>
      <c r="AJ13527">
        <v>31</v>
      </c>
      <c r="AK13527">
        <v>31</v>
      </c>
      <c r="AL13527">
        <v>31</v>
      </c>
      <c r="AM13527">
        <v>31</v>
      </c>
      <c r="AN13527">
        <v>31</v>
      </c>
      <c r="AO13527">
        <v>32</v>
      </c>
      <c r="AP13527">
        <v>32</v>
      </c>
      <c r="AQ13527">
        <v>32</v>
      </c>
    </row>
    <row r="13528" spans="1:43">
      <c r="A13528" t="s">
        <v>8400</v>
      </c>
      <c r="B13528" t="s">
        <v>8401</v>
      </c>
      <c r="C13528" t="s">
        <v>8396</v>
      </c>
      <c r="D13528" t="s">
        <v>8397</v>
      </c>
      <c r="E13528" t="s">
        <v>8296</v>
      </c>
      <c r="F13528" t="s">
        <v>8297</v>
      </c>
      <c r="G13528" t="s">
        <v>80</v>
      </c>
      <c r="H13528" t="s">
        <v>81</v>
      </c>
      <c r="I13528" s="2">
        <v>0</v>
      </c>
      <c r="J13528" s="2">
        <v>1</v>
      </c>
      <c r="K13528" s="2">
        <v>0</v>
      </c>
      <c r="L13528" t="s">
        <v>82</v>
      </c>
      <c r="M13528" t="s">
        <v>89</v>
      </c>
      <c r="N13528" t="s">
        <v>90</v>
      </c>
      <c r="O13528" t="s">
        <v>85</v>
      </c>
      <c r="P13528" t="s">
        <v>86</v>
      </c>
      <c r="Q13528">
        <v>26</v>
      </c>
      <c r="R13528">
        <v>27</v>
      </c>
      <c r="S13528">
        <v>28</v>
      </c>
      <c r="T13528">
        <v>29</v>
      </c>
      <c r="U13528">
        <v>29</v>
      </c>
      <c r="V13528">
        <v>30</v>
      </c>
      <c r="W13528">
        <v>31</v>
      </c>
      <c r="X13528">
        <v>31</v>
      </c>
      <c r="Y13528">
        <v>32</v>
      </c>
      <c r="Z13528">
        <v>33</v>
      </c>
      <c r="AA13528">
        <v>33</v>
      </c>
      <c r="AB13528">
        <v>34</v>
      </c>
      <c r="AC13528">
        <v>35</v>
      </c>
      <c r="AD13528">
        <v>35</v>
      </c>
      <c r="AE13528">
        <v>36</v>
      </c>
      <c r="AF13528">
        <v>36</v>
      </c>
      <c r="AG13528">
        <v>36</v>
      </c>
      <c r="AH13528">
        <v>36</v>
      </c>
      <c r="AI13528">
        <v>36</v>
      </c>
      <c r="AJ13528">
        <v>36</v>
      </c>
      <c r="AK13528">
        <v>36</v>
      </c>
      <c r="AL13528">
        <v>37</v>
      </c>
      <c r="AM13528">
        <v>37</v>
      </c>
      <c r="AN13528">
        <v>37</v>
      </c>
      <c r="AO13528">
        <v>37</v>
      </c>
      <c r="AP13528">
        <v>37</v>
      </c>
      <c r="AQ13528">
        <v>37</v>
      </c>
    </row>
    <row r="13529" spans="1:43">
      <c r="A13529" t="s">
        <v>8400</v>
      </c>
      <c r="B13529" t="s">
        <v>8401</v>
      </c>
      <c r="C13529" t="s">
        <v>8396</v>
      </c>
      <c r="D13529" t="s">
        <v>8397</v>
      </c>
      <c r="E13529" t="s">
        <v>8296</v>
      </c>
      <c r="F13529" t="s">
        <v>8297</v>
      </c>
      <c r="G13529" t="s">
        <v>80</v>
      </c>
      <c r="H13529" t="s">
        <v>81</v>
      </c>
      <c r="I13529" s="2">
        <v>0</v>
      </c>
      <c r="J13529" s="2">
        <v>1</v>
      </c>
      <c r="K13529" s="2">
        <v>0</v>
      </c>
      <c r="L13529" t="s">
        <v>82</v>
      </c>
      <c r="M13529" t="s">
        <v>83</v>
      </c>
      <c r="N13529" t="s">
        <v>91</v>
      </c>
      <c r="O13529" t="s">
        <v>85</v>
      </c>
      <c r="P13529" t="s">
        <v>86</v>
      </c>
      <c r="Q13529">
        <v>26</v>
      </c>
      <c r="R13529">
        <v>27</v>
      </c>
      <c r="S13529">
        <v>27</v>
      </c>
      <c r="T13529">
        <v>28</v>
      </c>
      <c r="U13529">
        <v>28</v>
      </c>
      <c r="V13529">
        <v>29</v>
      </c>
      <c r="W13529">
        <v>29</v>
      </c>
      <c r="X13529">
        <v>30</v>
      </c>
      <c r="Y13529">
        <v>30</v>
      </c>
      <c r="Z13529">
        <v>31</v>
      </c>
      <c r="AA13529">
        <v>31</v>
      </c>
      <c r="AB13529">
        <v>32</v>
      </c>
      <c r="AC13529">
        <v>32</v>
      </c>
      <c r="AD13529">
        <v>33</v>
      </c>
      <c r="AE13529">
        <v>33</v>
      </c>
      <c r="AF13529">
        <v>34</v>
      </c>
      <c r="AG13529">
        <v>34</v>
      </c>
      <c r="AH13529">
        <v>35</v>
      </c>
      <c r="AI13529">
        <v>35</v>
      </c>
      <c r="AJ13529">
        <v>36</v>
      </c>
      <c r="AK13529">
        <v>36</v>
      </c>
      <c r="AL13529">
        <v>36</v>
      </c>
      <c r="AM13529">
        <v>37</v>
      </c>
      <c r="AN13529">
        <v>37</v>
      </c>
      <c r="AO13529">
        <v>37</v>
      </c>
      <c r="AP13529">
        <v>37</v>
      </c>
      <c r="AQ13529">
        <v>37</v>
      </c>
    </row>
    <row r="13530" spans="1:43">
      <c r="A13530" t="s">
        <v>8402</v>
      </c>
      <c r="B13530" t="s">
        <v>8403</v>
      </c>
      <c r="C13530" t="s">
        <v>8392</v>
      </c>
      <c r="D13530" t="s">
        <v>8393</v>
      </c>
      <c r="E13530" t="s">
        <v>8296</v>
      </c>
      <c r="F13530" t="s">
        <v>8297</v>
      </c>
      <c r="G13530" t="s">
        <v>80</v>
      </c>
      <c r="H13530" t="s">
        <v>81</v>
      </c>
      <c r="I13530" s="2">
        <v>0</v>
      </c>
      <c r="J13530" s="2">
        <v>1</v>
      </c>
      <c r="K13530" s="2">
        <v>0</v>
      </c>
      <c r="L13530" t="s">
        <v>82</v>
      </c>
      <c r="M13530" t="s">
        <v>83</v>
      </c>
      <c r="N13530" t="s">
        <v>84</v>
      </c>
      <c r="O13530" t="s">
        <v>85</v>
      </c>
      <c r="P13530" t="s">
        <v>86</v>
      </c>
      <c r="Q13530">
        <v>0</v>
      </c>
      <c r="R13530">
        <v>0</v>
      </c>
      <c r="S13530">
        <v>0</v>
      </c>
      <c r="T13530">
        <v>0</v>
      </c>
      <c r="U13530">
        <v>0</v>
      </c>
      <c r="V13530">
        <v>0</v>
      </c>
      <c r="W13530">
        <v>0</v>
      </c>
      <c r="X13530">
        <v>0</v>
      </c>
      <c r="Y13530">
        <v>0</v>
      </c>
      <c r="Z13530">
        <v>0</v>
      </c>
      <c r="AA13530">
        <v>0</v>
      </c>
      <c r="AB13530">
        <v>0</v>
      </c>
      <c r="AC13530">
        <v>0</v>
      </c>
      <c r="AD13530">
        <v>0</v>
      </c>
      <c r="AE13530">
        <v>0</v>
      </c>
      <c r="AF13530">
        <v>0</v>
      </c>
      <c r="AG13530">
        <v>0</v>
      </c>
      <c r="AH13530">
        <v>0</v>
      </c>
      <c r="AI13530">
        <v>0</v>
      </c>
      <c r="AJ13530">
        <v>0</v>
      </c>
      <c r="AK13530">
        <v>0</v>
      </c>
      <c r="AL13530">
        <v>0</v>
      </c>
      <c r="AM13530">
        <v>0</v>
      </c>
      <c r="AN13530">
        <v>0</v>
      </c>
      <c r="AO13530">
        <v>0</v>
      </c>
      <c r="AP13530">
        <v>0</v>
      </c>
      <c r="AQ13530">
        <v>0</v>
      </c>
    </row>
    <row r="13531" spans="1:43">
      <c r="A13531" t="s">
        <v>8402</v>
      </c>
      <c r="B13531" t="s">
        <v>8403</v>
      </c>
      <c r="C13531" t="s">
        <v>8392</v>
      </c>
      <c r="D13531" t="s">
        <v>8393</v>
      </c>
      <c r="E13531" t="s">
        <v>8296</v>
      </c>
      <c r="F13531" t="s">
        <v>8297</v>
      </c>
      <c r="G13531" t="s">
        <v>80</v>
      </c>
      <c r="H13531" t="s">
        <v>81</v>
      </c>
      <c r="I13531" s="2">
        <v>0</v>
      </c>
      <c r="J13531" s="2">
        <v>1</v>
      </c>
      <c r="K13531" s="2">
        <v>0</v>
      </c>
      <c r="L13531" t="s">
        <v>82</v>
      </c>
      <c r="M13531" t="s">
        <v>87</v>
      </c>
      <c r="N13531" t="s">
        <v>88</v>
      </c>
      <c r="O13531" t="s">
        <v>85</v>
      </c>
      <c r="P13531" t="s">
        <v>86</v>
      </c>
      <c r="Q13531">
        <v>0</v>
      </c>
      <c r="R13531">
        <v>0</v>
      </c>
      <c r="S13531">
        <v>0</v>
      </c>
      <c r="T13531">
        <v>0</v>
      </c>
      <c r="U13531">
        <v>0</v>
      </c>
      <c r="V13531">
        <v>0</v>
      </c>
      <c r="W13531">
        <v>0</v>
      </c>
      <c r="X13531">
        <v>0</v>
      </c>
      <c r="Y13531">
        <v>0</v>
      </c>
      <c r="Z13531">
        <v>0</v>
      </c>
      <c r="AA13531">
        <v>0</v>
      </c>
      <c r="AB13531">
        <v>0</v>
      </c>
      <c r="AC13531">
        <v>0</v>
      </c>
      <c r="AD13531">
        <v>0</v>
      </c>
      <c r="AE13531">
        <v>0</v>
      </c>
      <c r="AF13531">
        <v>0</v>
      </c>
      <c r="AG13531">
        <v>0</v>
      </c>
      <c r="AH13531">
        <v>0</v>
      </c>
      <c r="AI13531">
        <v>0</v>
      </c>
      <c r="AJ13531">
        <v>0</v>
      </c>
      <c r="AK13531">
        <v>0</v>
      </c>
      <c r="AL13531">
        <v>0</v>
      </c>
      <c r="AM13531">
        <v>0</v>
      </c>
      <c r="AN13531">
        <v>0</v>
      </c>
      <c r="AO13531">
        <v>0</v>
      </c>
      <c r="AP13531">
        <v>0</v>
      </c>
      <c r="AQ13531">
        <v>0</v>
      </c>
    </row>
    <row r="13532" spans="1:43">
      <c r="A13532" t="s">
        <v>8402</v>
      </c>
      <c r="B13532" t="s">
        <v>8403</v>
      </c>
      <c r="C13532" t="s">
        <v>8392</v>
      </c>
      <c r="D13532" t="s">
        <v>8393</v>
      </c>
      <c r="E13532" t="s">
        <v>8296</v>
      </c>
      <c r="F13532" t="s">
        <v>8297</v>
      </c>
      <c r="G13532" t="s">
        <v>80</v>
      </c>
      <c r="H13532" t="s">
        <v>81</v>
      </c>
      <c r="I13532" s="2">
        <v>0</v>
      </c>
      <c r="J13532" s="2">
        <v>1</v>
      </c>
      <c r="K13532" s="2">
        <v>0</v>
      </c>
      <c r="L13532" t="s">
        <v>82</v>
      </c>
      <c r="M13532" t="s">
        <v>89</v>
      </c>
      <c r="N13532" t="s">
        <v>90</v>
      </c>
      <c r="O13532" t="s">
        <v>85</v>
      </c>
      <c r="P13532" t="s">
        <v>86</v>
      </c>
      <c r="Q13532">
        <v>0</v>
      </c>
      <c r="R13532">
        <v>0</v>
      </c>
      <c r="S13532">
        <v>0</v>
      </c>
      <c r="T13532">
        <v>0</v>
      </c>
      <c r="U13532">
        <v>0</v>
      </c>
      <c r="V13532">
        <v>0</v>
      </c>
      <c r="W13532">
        <v>0</v>
      </c>
      <c r="X13532">
        <v>0</v>
      </c>
      <c r="Y13532">
        <v>0</v>
      </c>
      <c r="Z13532">
        <v>0</v>
      </c>
      <c r="AA13532">
        <v>0</v>
      </c>
      <c r="AB13532">
        <v>0</v>
      </c>
      <c r="AC13532">
        <v>0</v>
      </c>
      <c r="AD13532">
        <v>0</v>
      </c>
      <c r="AE13532">
        <v>0</v>
      </c>
      <c r="AF13532">
        <v>0</v>
      </c>
      <c r="AG13532">
        <v>0</v>
      </c>
      <c r="AH13532">
        <v>0</v>
      </c>
      <c r="AI13532">
        <v>0</v>
      </c>
      <c r="AJ13532">
        <v>0</v>
      </c>
      <c r="AK13532">
        <v>0</v>
      </c>
      <c r="AL13532">
        <v>0</v>
      </c>
      <c r="AM13532">
        <v>0</v>
      </c>
      <c r="AN13532">
        <v>0</v>
      </c>
      <c r="AO13532">
        <v>0</v>
      </c>
      <c r="AP13532">
        <v>0</v>
      </c>
      <c r="AQ13532">
        <v>0</v>
      </c>
    </row>
    <row r="13533" spans="1:43">
      <c r="A13533" t="s">
        <v>8402</v>
      </c>
      <c r="B13533" t="s">
        <v>8403</v>
      </c>
      <c r="C13533" t="s">
        <v>8392</v>
      </c>
      <c r="D13533" t="s">
        <v>8393</v>
      </c>
      <c r="E13533" t="s">
        <v>8296</v>
      </c>
      <c r="F13533" t="s">
        <v>8297</v>
      </c>
      <c r="G13533" t="s">
        <v>80</v>
      </c>
      <c r="H13533" t="s">
        <v>81</v>
      </c>
      <c r="I13533" s="2">
        <v>0</v>
      </c>
      <c r="J13533" s="2">
        <v>1</v>
      </c>
      <c r="K13533" s="2">
        <v>0</v>
      </c>
      <c r="L13533" t="s">
        <v>82</v>
      </c>
      <c r="M13533" t="s">
        <v>83</v>
      </c>
      <c r="N13533" t="s">
        <v>91</v>
      </c>
      <c r="O13533" t="s">
        <v>85</v>
      </c>
      <c r="P13533" t="s">
        <v>86</v>
      </c>
      <c r="Q13533">
        <v>0</v>
      </c>
      <c r="R13533">
        <v>0</v>
      </c>
      <c r="S13533">
        <v>0</v>
      </c>
      <c r="T13533">
        <v>0</v>
      </c>
      <c r="U13533">
        <v>0</v>
      </c>
      <c r="V13533">
        <v>0</v>
      </c>
      <c r="W13533">
        <v>0</v>
      </c>
      <c r="X13533">
        <v>0</v>
      </c>
      <c r="Y13533">
        <v>0</v>
      </c>
      <c r="Z13533">
        <v>0</v>
      </c>
      <c r="AA13533">
        <v>0</v>
      </c>
      <c r="AB13533">
        <v>0</v>
      </c>
      <c r="AC13533">
        <v>0</v>
      </c>
      <c r="AD13533">
        <v>0</v>
      </c>
      <c r="AE13533">
        <v>0</v>
      </c>
      <c r="AF13533">
        <v>0</v>
      </c>
      <c r="AG13533">
        <v>0</v>
      </c>
      <c r="AH13533">
        <v>0</v>
      </c>
      <c r="AI13533">
        <v>0</v>
      </c>
      <c r="AJ13533">
        <v>0</v>
      </c>
      <c r="AK13533">
        <v>0</v>
      </c>
      <c r="AL13533">
        <v>0</v>
      </c>
      <c r="AM13533">
        <v>0</v>
      </c>
      <c r="AN13533">
        <v>0</v>
      </c>
      <c r="AO13533">
        <v>0</v>
      </c>
      <c r="AP13533">
        <v>0</v>
      </c>
      <c r="AQ13533">
        <v>0</v>
      </c>
    </row>
    <row r="13534" spans="1:43">
      <c r="A13534" t="s">
        <v>8404</v>
      </c>
      <c r="B13534" t="s">
        <v>8405</v>
      </c>
      <c r="C13534" t="s">
        <v>8384</v>
      </c>
      <c r="D13534" t="s">
        <v>8385</v>
      </c>
      <c r="E13534" t="s">
        <v>8296</v>
      </c>
      <c r="F13534" t="s">
        <v>8297</v>
      </c>
      <c r="G13534" t="s">
        <v>80</v>
      </c>
      <c r="H13534" t="s">
        <v>81</v>
      </c>
      <c r="I13534" s="2">
        <v>0</v>
      </c>
      <c r="J13534" s="2">
        <v>1</v>
      </c>
      <c r="K13534" s="2">
        <v>0</v>
      </c>
      <c r="L13534" t="s">
        <v>82</v>
      </c>
      <c r="M13534" t="s">
        <v>83</v>
      </c>
      <c r="N13534" t="s">
        <v>84</v>
      </c>
      <c r="O13534" t="s">
        <v>85</v>
      </c>
      <c r="P13534" t="s">
        <v>86</v>
      </c>
      <c r="Q13534">
        <v>26</v>
      </c>
      <c r="R13534">
        <v>26</v>
      </c>
      <c r="S13534">
        <v>27</v>
      </c>
      <c r="T13534">
        <v>27</v>
      </c>
      <c r="U13534">
        <v>28</v>
      </c>
      <c r="V13534">
        <v>28</v>
      </c>
      <c r="W13534">
        <v>29</v>
      </c>
      <c r="X13534">
        <v>29</v>
      </c>
      <c r="Y13534">
        <v>30</v>
      </c>
      <c r="Z13534">
        <v>30</v>
      </c>
      <c r="AA13534">
        <v>31</v>
      </c>
      <c r="AB13534">
        <v>31</v>
      </c>
      <c r="AC13534">
        <v>32</v>
      </c>
      <c r="AD13534">
        <v>32</v>
      </c>
      <c r="AE13534">
        <v>33</v>
      </c>
      <c r="AF13534">
        <v>33</v>
      </c>
      <c r="AG13534">
        <v>34</v>
      </c>
      <c r="AH13534">
        <v>34</v>
      </c>
      <c r="AI13534">
        <v>35</v>
      </c>
      <c r="AJ13534">
        <v>35</v>
      </c>
      <c r="AK13534">
        <v>36</v>
      </c>
      <c r="AL13534">
        <v>36</v>
      </c>
      <c r="AM13534">
        <v>36</v>
      </c>
      <c r="AN13534">
        <v>36</v>
      </c>
      <c r="AO13534">
        <v>36</v>
      </c>
      <c r="AP13534">
        <v>36</v>
      </c>
      <c r="AQ13534">
        <v>36</v>
      </c>
    </row>
    <row r="13535" spans="1:43">
      <c r="A13535" t="s">
        <v>8404</v>
      </c>
      <c r="B13535" t="s">
        <v>8405</v>
      </c>
      <c r="C13535" t="s">
        <v>8384</v>
      </c>
      <c r="D13535" t="s">
        <v>8385</v>
      </c>
      <c r="E13535" t="s">
        <v>8296</v>
      </c>
      <c r="F13535" t="s">
        <v>8297</v>
      </c>
      <c r="G13535" t="s">
        <v>80</v>
      </c>
      <c r="H13535" t="s">
        <v>81</v>
      </c>
      <c r="I13535" s="2">
        <v>0</v>
      </c>
      <c r="J13535" s="2">
        <v>1</v>
      </c>
      <c r="K13535" s="2">
        <v>0</v>
      </c>
      <c r="L13535" t="s">
        <v>82</v>
      </c>
      <c r="M13535" t="s">
        <v>87</v>
      </c>
      <c r="N13535" t="s">
        <v>88</v>
      </c>
      <c r="O13535" t="s">
        <v>85</v>
      </c>
      <c r="P13535" t="s">
        <v>86</v>
      </c>
      <c r="Q13535">
        <v>26</v>
      </c>
      <c r="R13535">
        <v>27</v>
      </c>
      <c r="S13535">
        <v>27</v>
      </c>
      <c r="T13535">
        <v>27</v>
      </c>
      <c r="U13535">
        <v>27</v>
      </c>
      <c r="V13535">
        <v>28</v>
      </c>
      <c r="W13535">
        <v>28</v>
      </c>
      <c r="X13535">
        <v>28</v>
      </c>
      <c r="Y13535">
        <v>28</v>
      </c>
      <c r="Z13535">
        <v>29</v>
      </c>
      <c r="AA13535">
        <v>29</v>
      </c>
      <c r="AB13535">
        <v>29</v>
      </c>
      <c r="AC13535">
        <v>29</v>
      </c>
      <c r="AD13535">
        <v>30</v>
      </c>
      <c r="AE13535">
        <v>30</v>
      </c>
      <c r="AF13535">
        <v>30</v>
      </c>
      <c r="AG13535">
        <v>30</v>
      </c>
      <c r="AH13535">
        <v>31</v>
      </c>
      <c r="AI13535">
        <v>31</v>
      </c>
      <c r="AJ13535">
        <v>31</v>
      </c>
      <c r="AK13535">
        <v>31</v>
      </c>
      <c r="AL13535">
        <v>32</v>
      </c>
      <c r="AM13535">
        <v>32</v>
      </c>
      <c r="AN13535">
        <v>32</v>
      </c>
      <c r="AO13535">
        <v>32</v>
      </c>
      <c r="AP13535">
        <v>32</v>
      </c>
      <c r="AQ13535">
        <v>33</v>
      </c>
    </row>
    <row r="13536" spans="1:43">
      <c r="A13536" t="s">
        <v>8404</v>
      </c>
      <c r="B13536" t="s">
        <v>8405</v>
      </c>
      <c r="C13536" t="s">
        <v>8384</v>
      </c>
      <c r="D13536" t="s">
        <v>8385</v>
      </c>
      <c r="E13536" t="s">
        <v>8296</v>
      </c>
      <c r="F13536" t="s">
        <v>8297</v>
      </c>
      <c r="G13536" t="s">
        <v>80</v>
      </c>
      <c r="H13536" t="s">
        <v>81</v>
      </c>
      <c r="I13536" s="2">
        <v>0</v>
      </c>
      <c r="J13536" s="2">
        <v>1</v>
      </c>
      <c r="K13536" s="2">
        <v>0</v>
      </c>
      <c r="L13536" t="s">
        <v>82</v>
      </c>
      <c r="M13536" t="s">
        <v>89</v>
      </c>
      <c r="N13536" t="s">
        <v>90</v>
      </c>
      <c r="O13536" t="s">
        <v>85</v>
      </c>
      <c r="P13536" t="s">
        <v>86</v>
      </c>
      <c r="Q13536">
        <v>26</v>
      </c>
      <c r="R13536">
        <v>27</v>
      </c>
      <c r="S13536">
        <v>27</v>
      </c>
      <c r="T13536">
        <v>28</v>
      </c>
      <c r="U13536">
        <v>29</v>
      </c>
      <c r="V13536">
        <v>29</v>
      </c>
      <c r="W13536">
        <v>30</v>
      </c>
      <c r="X13536">
        <v>31</v>
      </c>
      <c r="Y13536">
        <v>31</v>
      </c>
      <c r="Z13536">
        <v>32</v>
      </c>
      <c r="AA13536">
        <v>33</v>
      </c>
      <c r="AB13536">
        <v>33</v>
      </c>
      <c r="AC13536">
        <v>34</v>
      </c>
      <c r="AD13536">
        <v>35</v>
      </c>
      <c r="AE13536">
        <v>35</v>
      </c>
      <c r="AF13536">
        <v>35</v>
      </c>
      <c r="AG13536">
        <v>35</v>
      </c>
      <c r="AH13536">
        <v>35</v>
      </c>
      <c r="AI13536">
        <v>36</v>
      </c>
      <c r="AJ13536">
        <v>36</v>
      </c>
      <c r="AK13536">
        <v>36</v>
      </c>
      <c r="AL13536">
        <v>36</v>
      </c>
      <c r="AM13536">
        <v>36</v>
      </c>
      <c r="AN13536">
        <v>36</v>
      </c>
      <c r="AO13536">
        <v>36</v>
      </c>
      <c r="AP13536">
        <v>36</v>
      </c>
      <c r="AQ13536">
        <v>37</v>
      </c>
    </row>
    <row r="13537" spans="1:43">
      <c r="A13537" t="s">
        <v>8404</v>
      </c>
      <c r="B13537" t="s">
        <v>8405</v>
      </c>
      <c r="C13537" t="s">
        <v>8384</v>
      </c>
      <c r="D13537" t="s">
        <v>8385</v>
      </c>
      <c r="E13537" t="s">
        <v>8296</v>
      </c>
      <c r="F13537" t="s">
        <v>8297</v>
      </c>
      <c r="G13537" t="s">
        <v>80</v>
      </c>
      <c r="H13537" t="s">
        <v>81</v>
      </c>
      <c r="I13537" s="2">
        <v>0</v>
      </c>
      <c r="J13537" s="2">
        <v>1</v>
      </c>
      <c r="K13537" s="2">
        <v>0</v>
      </c>
      <c r="L13537" t="s">
        <v>82</v>
      </c>
      <c r="M13537" t="s">
        <v>83</v>
      </c>
      <c r="N13537" t="s">
        <v>91</v>
      </c>
      <c r="O13537" t="s">
        <v>85</v>
      </c>
      <c r="P13537" t="s">
        <v>86</v>
      </c>
      <c r="Q13537">
        <v>26</v>
      </c>
      <c r="R13537">
        <v>26</v>
      </c>
      <c r="S13537">
        <v>27</v>
      </c>
      <c r="T13537">
        <v>27</v>
      </c>
      <c r="U13537">
        <v>28</v>
      </c>
      <c r="V13537">
        <v>28</v>
      </c>
      <c r="W13537">
        <v>29</v>
      </c>
      <c r="X13537">
        <v>29</v>
      </c>
      <c r="Y13537">
        <v>30</v>
      </c>
      <c r="Z13537">
        <v>30</v>
      </c>
      <c r="AA13537">
        <v>31</v>
      </c>
      <c r="AB13537">
        <v>31</v>
      </c>
      <c r="AC13537">
        <v>32</v>
      </c>
      <c r="AD13537">
        <v>32</v>
      </c>
      <c r="AE13537">
        <v>33</v>
      </c>
      <c r="AF13537">
        <v>33</v>
      </c>
      <c r="AG13537">
        <v>34</v>
      </c>
      <c r="AH13537">
        <v>34</v>
      </c>
      <c r="AI13537">
        <v>35</v>
      </c>
      <c r="AJ13537">
        <v>35</v>
      </c>
      <c r="AK13537">
        <v>36</v>
      </c>
      <c r="AL13537">
        <v>36</v>
      </c>
      <c r="AM13537">
        <v>36</v>
      </c>
      <c r="AN13537">
        <v>36</v>
      </c>
      <c r="AO13537">
        <v>36</v>
      </c>
      <c r="AP13537">
        <v>36</v>
      </c>
      <c r="AQ13537">
        <v>36</v>
      </c>
    </row>
    <row r="13538" spans="1:43">
      <c r="A13538" t="s">
        <v>8406</v>
      </c>
      <c r="B13538" t="s">
        <v>8407</v>
      </c>
      <c r="C13538" t="s">
        <v>8384</v>
      </c>
      <c r="D13538" t="s">
        <v>8385</v>
      </c>
      <c r="E13538" t="s">
        <v>8296</v>
      </c>
      <c r="F13538" t="s">
        <v>8297</v>
      </c>
      <c r="G13538" t="s">
        <v>80</v>
      </c>
      <c r="H13538" t="s">
        <v>81</v>
      </c>
      <c r="I13538" s="2">
        <v>0</v>
      </c>
      <c r="J13538" s="2">
        <v>1</v>
      </c>
      <c r="K13538" s="2">
        <v>0</v>
      </c>
      <c r="L13538" t="s">
        <v>82</v>
      </c>
      <c r="M13538" t="s">
        <v>83</v>
      </c>
      <c r="N13538" t="s">
        <v>84</v>
      </c>
      <c r="O13538" t="s">
        <v>85</v>
      </c>
      <c r="P13538" t="s">
        <v>86</v>
      </c>
      <c r="Q13538">
        <v>34</v>
      </c>
      <c r="R13538">
        <v>35</v>
      </c>
      <c r="S13538">
        <v>35</v>
      </c>
      <c r="T13538">
        <v>36</v>
      </c>
      <c r="U13538">
        <v>37</v>
      </c>
      <c r="V13538">
        <v>37</v>
      </c>
      <c r="W13538">
        <v>38</v>
      </c>
      <c r="X13538">
        <v>39</v>
      </c>
      <c r="Y13538">
        <v>39</v>
      </c>
      <c r="Z13538">
        <v>40</v>
      </c>
      <c r="AA13538">
        <v>41</v>
      </c>
      <c r="AB13538">
        <v>41</v>
      </c>
      <c r="AC13538">
        <v>42</v>
      </c>
      <c r="AD13538">
        <v>42</v>
      </c>
      <c r="AE13538">
        <v>43</v>
      </c>
      <c r="AF13538">
        <v>44</v>
      </c>
      <c r="AG13538">
        <v>44</v>
      </c>
      <c r="AH13538">
        <v>45</v>
      </c>
      <c r="AI13538">
        <v>46</v>
      </c>
      <c r="AJ13538">
        <v>46</v>
      </c>
      <c r="AK13538">
        <v>47</v>
      </c>
      <c r="AL13538">
        <v>47</v>
      </c>
      <c r="AM13538">
        <v>47</v>
      </c>
      <c r="AN13538">
        <v>48</v>
      </c>
      <c r="AO13538">
        <v>48</v>
      </c>
      <c r="AP13538">
        <v>48</v>
      </c>
      <c r="AQ13538">
        <v>48</v>
      </c>
    </row>
    <row r="13539" spans="1:43">
      <c r="A13539" t="s">
        <v>8406</v>
      </c>
      <c r="B13539" t="s">
        <v>8407</v>
      </c>
      <c r="C13539" t="s">
        <v>8384</v>
      </c>
      <c r="D13539" t="s">
        <v>8385</v>
      </c>
      <c r="E13539" t="s">
        <v>8296</v>
      </c>
      <c r="F13539" t="s">
        <v>8297</v>
      </c>
      <c r="G13539" t="s">
        <v>80</v>
      </c>
      <c r="H13539" t="s">
        <v>81</v>
      </c>
      <c r="I13539" s="2">
        <v>0</v>
      </c>
      <c r="J13539" s="2">
        <v>1</v>
      </c>
      <c r="K13539" s="2">
        <v>0</v>
      </c>
      <c r="L13539" t="s">
        <v>82</v>
      </c>
      <c r="M13539" t="s">
        <v>87</v>
      </c>
      <c r="N13539" t="s">
        <v>88</v>
      </c>
      <c r="O13539" t="s">
        <v>85</v>
      </c>
      <c r="P13539" t="s">
        <v>86</v>
      </c>
      <c r="Q13539">
        <v>34</v>
      </c>
      <c r="R13539">
        <v>34</v>
      </c>
      <c r="S13539">
        <v>34</v>
      </c>
      <c r="T13539">
        <v>35</v>
      </c>
      <c r="U13539">
        <v>35</v>
      </c>
      <c r="V13539">
        <v>35</v>
      </c>
      <c r="W13539">
        <v>36</v>
      </c>
      <c r="X13539">
        <v>36</v>
      </c>
      <c r="Y13539">
        <v>36</v>
      </c>
      <c r="Z13539">
        <v>37</v>
      </c>
      <c r="AA13539">
        <v>37</v>
      </c>
      <c r="AB13539">
        <v>37</v>
      </c>
      <c r="AC13539">
        <v>38</v>
      </c>
      <c r="AD13539">
        <v>38</v>
      </c>
      <c r="AE13539">
        <v>38</v>
      </c>
      <c r="AF13539">
        <v>38</v>
      </c>
      <c r="AG13539">
        <v>39</v>
      </c>
      <c r="AH13539">
        <v>39</v>
      </c>
      <c r="AI13539">
        <v>39</v>
      </c>
      <c r="AJ13539">
        <v>40</v>
      </c>
      <c r="AK13539">
        <v>40</v>
      </c>
      <c r="AL13539">
        <v>40</v>
      </c>
      <c r="AM13539">
        <v>41</v>
      </c>
      <c r="AN13539">
        <v>41</v>
      </c>
      <c r="AO13539">
        <v>41</v>
      </c>
      <c r="AP13539">
        <v>41</v>
      </c>
      <c r="AQ13539">
        <v>42</v>
      </c>
    </row>
    <row r="13540" spans="1:43">
      <c r="A13540" t="s">
        <v>8406</v>
      </c>
      <c r="B13540" t="s">
        <v>8407</v>
      </c>
      <c r="C13540" t="s">
        <v>8384</v>
      </c>
      <c r="D13540" t="s">
        <v>8385</v>
      </c>
      <c r="E13540" t="s">
        <v>8296</v>
      </c>
      <c r="F13540" t="s">
        <v>8297</v>
      </c>
      <c r="G13540" t="s">
        <v>80</v>
      </c>
      <c r="H13540" t="s">
        <v>81</v>
      </c>
      <c r="I13540" s="2">
        <v>0</v>
      </c>
      <c r="J13540" s="2">
        <v>1</v>
      </c>
      <c r="K13540" s="2">
        <v>0</v>
      </c>
      <c r="L13540" t="s">
        <v>82</v>
      </c>
      <c r="M13540" t="s">
        <v>89</v>
      </c>
      <c r="N13540" t="s">
        <v>90</v>
      </c>
      <c r="O13540" t="s">
        <v>85</v>
      </c>
      <c r="P13540" t="s">
        <v>86</v>
      </c>
      <c r="Q13540">
        <v>34</v>
      </c>
      <c r="R13540">
        <v>35</v>
      </c>
      <c r="S13540">
        <v>36</v>
      </c>
      <c r="T13540">
        <v>37</v>
      </c>
      <c r="U13540">
        <v>38</v>
      </c>
      <c r="V13540">
        <v>39</v>
      </c>
      <c r="W13540">
        <v>40</v>
      </c>
      <c r="X13540">
        <v>41</v>
      </c>
      <c r="Y13540">
        <v>42</v>
      </c>
      <c r="Z13540">
        <v>42</v>
      </c>
      <c r="AA13540">
        <v>43</v>
      </c>
      <c r="AB13540">
        <v>44</v>
      </c>
      <c r="AC13540">
        <v>45</v>
      </c>
      <c r="AD13540">
        <v>46</v>
      </c>
      <c r="AE13540">
        <v>46</v>
      </c>
      <c r="AF13540">
        <v>46</v>
      </c>
      <c r="AG13540">
        <v>47</v>
      </c>
      <c r="AH13540">
        <v>47</v>
      </c>
      <c r="AI13540">
        <v>47</v>
      </c>
      <c r="AJ13540">
        <v>47</v>
      </c>
      <c r="AK13540">
        <v>47</v>
      </c>
      <c r="AL13540">
        <v>48</v>
      </c>
      <c r="AM13540">
        <v>48</v>
      </c>
      <c r="AN13540">
        <v>48</v>
      </c>
      <c r="AO13540">
        <v>48</v>
      </c>
      <c r="AP13540">
        <v>48</v>
      </c>
      <c r="AQ13540">
        <v>48</v>
      </c>
    </row>
    <row r="13541" spans="1:43">
      <c r="A13541" t="s">
        <v>8406</v>
      </c>
      <c r="B13541" t="s">
        <v>8407</v>
      </c>
      <c r="C13541" t="s">
        <v>8384</v>
      </c>
      <c r="D13541" t="s">
        <v>8385</v>
      </c>
      <c r="E13541" t="s">
        <v>8296</v>
      </c>
      <c r="F13541" t="s">
        <v>8297</v>
      </c>
      <c r="G13541" t="s">
        <v>80</v>
      </c>
      <c r="H13541" t="s">
        <v>81</v>
      </c>
      <c r="I13541" s="2">
        <v>0</v>
      </c>
      <c r="J13541" s="2">
        <v>1</v>
      </c>
      <c r="K13541" s="2">
        <v>0</v>
      </c>
      <c r="L13541" t="s">
        <v>82</v>
      </c>
      <c r="M13541" t="s">
        <v>83</v>
      </c>
      <c r="N13541" t="s">
        <v>91</v>
      </c>
      <c r="O13541" t="s">
        <v>85</v>
      </c>
      <c r="P13541" t="s">
        <v>86</v>
      </c>
      <c r="Q13541">
        <v>34</v>
      </c>
      <c r="R13541">
        <v>35</v>
      </c>
      <c r="S13541">
        <v>35</v>
      </c>
      <c r="T13541">
        <v>36</v>
      </c>
      <c r="U13541">
        <v>37</v>
      </c>
      <c r="V13541">
        <v>37</v>
      </c>
      <c r="W13541">
        <v>38</v>
      </c>
      <c r="X13541">
        <v>39</v>
      </c>
      <c r="Y13541">
        <v>39</v>
      </c>
      <c r="Z13541">
        <v>40</v>
      </c>
      <c r="AA13541">
        <v>41</v>
      </c>
      <c r="AB13541">
        <v>41</v>
      </c>
      <c r="AC13541">
        <v>42</v>
      </c>
      <c r="AD13541">
        <v>42</v>
      </c>
      <c r="AE13541">
        <v>43</v>
      </c>
      <c r="AF13541">
        <v>44</v>
      </c>
      <c r="AG13541">
        <v>44</v>
      </c>
      <c r="AH13541">
        <v>45</v>
      </c>
      <c r="AI13541">
        <v>46</v>
      </c>
      <c r="AJ13541">
        <v>46</v>
      </c>
      <c r="AK13541">
        <v>47</v>
      </c>
      <c r="AL13541">
        <v>47</v>
      </c>
      <c r="AM13541">
        <v>47</v>
      </c>
      <c r="AN13541">
        <v>48</v>
      </c>
      <c r="AO13541">
        <v>48</v>
      </c>
      <c r="AP13541">
        <v>48</v>
      </c>
      <c r="AQ13541">
        <v>48</v>
      </c>
    </row>
    <row r="13542" spans="1:43">
      <c r="A13542" t="s">
        <v>8408</v>
      </c>
      <c r="B13542" t="s">
        <v>8409</v>
      </c>
      <c r="C13542" t="s">
        <v>8410</v>
      </c>
      <c r="D13542" t="s">
        <v>8411</v>
      </c>
      <c r="E13542" t="s">
        <v>8296</v>
      </c>
      <c r="F13542" t="s">
        <v>8297</v>
      </c>
      <c r="G13542" t="s">
        <v>80</v>
      </c>
      <c r="H13542" t="s">
        <v>81</v>
      </c>
      <c r="I13542" s="2">
        <v>0</v>
      </c>
      <c r="J13542" s="2">
        <v>1</v>
      </c>
      <c r="K13542" s="2">
        <v>0</v>
      </c>
      <c r="L13542" t="s">
        <v>82</v>
      </c>
      <c r="M13542" t="s">
        <v>83</v>
      </c>
      <c r="N13542" t="s">
        <v>84</v>
      </c>
      <c r="O13542" t="s">
        <v>85</v>
      </c>
      <c r="P13542" t="s">
        <v>86</v>
      </c>
      <c r="Q13542">
        <v>108</v>
      </c>
      <c r="R13542">
        <v>110</v>
      </c>
      <c r="S13542">
        <v>112</v>
      </c>
      <c r="T13542">
        <v>114</v>
      </c>
      <c r="U13542">
        <v>116</v>
      </c>
      <c r="V13542">
        <v>118</v>
      </c>
      <c r="W13542">
        <v>120</v>
      </c>
      <c r="X13542">
        <v>122</v>
      </c>
      <c r="Y13542">
        <v>124</v>
      </c>
      <c r="Z13542">
        <v>127</v>
      </c>
      <c r="AA13542">
        <v>129</v>
      </c>
      <c r="AB13542">
        <v>131</v>
      </c>
      <c r="AC13542">
        <v>133</v>
      </c>
      <c r="AD13542">
        <v>135</v>
      </c>
      <c r="AE13542">
        <v>137</v>
      </c>
      <c r="AF13542">
        <v>139</v>
      </c>
      <c r="AG13542">
        <v>141</v>
      </c>
      <c r="AH13542">
        <v>143</v>
      </c>
      <c r="AI13542">
        <v>145</v>
      </c>
      <c r="AJ13542">
        <v>147</v>
      </c>
      <c r="AK13542">
        <v>149</v>
      </c>
      <c r="AL13542">
        <v>150</v>
      </c>
      <c r="AM13542">
        <v>150</v>
      </c>
      <c r="AN13542">
        <v>151</v>
      </c>
      <c r="AO13542">
        <v>151</v>
      </c>
      <c r="AP13542">
        <v>152</v>
      </c>
      <c r="AQ13542">
        <v>152</v>
      </c>
    </row>
    <row r="13543" spans="1:43">
      <c r="A13543" t="s">
        <v>8408</v>
      </c>
      <c r="B13543" t="s">
        <v>8409</v>
      </c>
      <c r="C13543" t="s">
        <v>8410</v>
      </c>
      <c r="D13543" t="s">
        <v>8411</v>
      </c>
      <c r="E13543" t="s">
        <v>8296</v>
      </c>
      <c r="F13543" t="s">
        <v>8297</v>
      </c>
      <c r="G13543" t="s">
        <v>80</v>
      </c>
      <c r="H13543" t="s">
        <v>81</v>
      </c>
      <c r="I13543" s="2">
        <v>0</v>
      </c>
      <c r="J13543" s="2">
        <v>1</v>
      </c>
      <c r="K13543" s="2">
        <v>0</v>
      </c>
      <c r="L13543" t="s">
        <v>82</v>
      </c>
      <c r="M13543" t="s">
        <v>87</v>
      </c>
      <c r="N13543" t="s">
        <v>88</v>
      </c>
      <c r="O13543" t="s">
        <v>85</v>
      </c>
      <c r="P13543" t="s">
        <v>86</v>
      </c>
      <c r="Q13543">
        <v>108</v>
      </c>
      <c r="R13543">
        <v>109</v>
      </c>
      <c r="S13543">
        <v>110</v>
      </c>
      <c r="T13543">
        <v>111</v>
      </c>
      <c r="U13543">
        <v>112</v>
      </c>
      <c r="V13543">
        <v>113</v>
      </c>
      <c r="W13543">
        <v>114</v>
      </c>
      <c r="X13543">
        <v>115</v>
      </c>
      <c r="Y13543">
        <v>116</v>
      </c>
      <c r="Z13543">
        <v>117</v>
      </c>
      <c r="AA13543">
        <v>118</v>
      </c>
      <c r="AB13543">
        <v>119</v>
      </c>
      <c r="AC13543">
        <v>120</v>
      </c>
      <c r="AD13543">
        <v>121</v>
      </c>
      <c r="AE13543">
        <v>122</v>
      </c>
      <c r="AF13543">
        <v>123</v>
      </c>
      <c r="AG13543">
        <v>124</v>
      </c>
      <c r="AH13543">
        <v>125</v>
      </c>
      <c r="AI13543">
        <v>126</v>
      </c>
      <c r="AJ13543">
        <v>127</v>
      </c>
      <c r="AK13543">
        <v>128</v>
      </c>
      <c r="AL13543">
        <v>129</v>
      </c>
      <c r="AM13543">
        <v>130</v>
      </c>
      <c r="AN13543">
        <v>131</v>
      </c>
      <c r="AO13543">
        <v>132</v>
      </c>
      <c r="AP13543">
        <v>132</v>
      </c>
      <c r="AQ13543">
        <v>133</v>
      </c>
    </row>
    <row r="13544" spans="1:43">
      <c r="A13544" t="s">
        <v>8408</v>
      </c>
      <c r="B13544" t="s">
        <v>8409</v>
      </c>
      <c r="C13544" t="s">
        <v>8410</v>
      </c>
      <c r="D13544" t="s">
        <v>8411</v>
      </c>
      <c r="E13544" t="s">
        <v>8296</v>
      </c>
      <c r="F13544" t="s">
        <v>8297</v>
      </c>
      <c r="G13544" t="s">
        <v>80</v>
      </c>
      <c r="H13544" t="s">
        <v>81</v>
      </c>
      <c r="I13544" s="2">
        <v>0</v>
      </c>
      <c r="J13544" s="2">
        <v>1</v>
      </c>
      <c r="K13544" s="2">
        <v>0</v>
      </c>
      <c r="L13544" t="s">
        <v>82</v>
      </c>
      <c r="M13544" t="s">
        <v>89</v>
      </c>
      <c r="N13544" t="s">
        <v>90</v>
      </c>
      <c r="O13544" t="s">
        <v>85</v>
      </c>
      <c r="P13544" t="s">
        <v>86</v>
      </c>
      <c r="Q13544">
        <v>108</v>
      </c>
      <c r="R13544">
        <v>111</v>
      </c>
      <c r="S13544">
        <v>114</v>
      </c>
      <c r="T13544">
        <v>117</v>
      </c>
      <c r="U13544">
        <v>120</v>
      </c>
      <c r="V13544">
        <v>123</v>
      </c>
      <c r="W13544">
        <v>125</v>
      </c>
      <c r="X13544">
        <v>128</v>
      </c>
      <c r="Y13544">
        <v>131</v>
      </c>
      <c r="Z13544">
        <v>133</v>
      </c>
      <c r="AA13544">
        <v>136</v>
      </c>
      <c r="AB13544">
        <v>138</v>
      </c>
      <c r="AC13544">
        <v>141</v>
      </c>
      <c r="AD13544">
        <v>144</v>
      </c>
      <c r="AE13544">
        <v>146</v>
      </c>
      <c r="AF13544">
        <v>146</v>
      </c>
      <c r="AG13544">
        <v>147</v>
      </c>
      <c r="AH13544">
        <v>147</v>
      </c>
      <c r="AI13544">
        <v>148</v>
      </c>
      <c r="AJ13544">
        <v>149</v>
      </c>
      <c r="AK13544">
        <v>149</v>
      </c>
      <c r="AL13544">
        <v>150</v>
      </c>
      <c r="AM13544">
        <v>150</v>
      </c>
      <c r="AN13544">
        <v>151</v>
      </c>
      <c r="AO13544">
        <v>151</v>
      </c>
      <c r="AP13544">
        <v>152</v>
      </c>
      <c r="AQ13544">
        <v>152</v>
      </c>
    </row>
    <row r="13545" spans="1:43">
      <c r="A13545" t="s">
        <v>8408</v>
      </c>
      <c r="B13545" t="s">
        <v>8409</v>
      </c>
      <c r="C13545" t="s">
        <v>8410</v>
      </c>
      <c r="D13545" t="s">
        <v>8411</v>
      </c>
      <c r="E13545" t="s">
        <v>8296</v>
      </c>
      <c r="F13545" t="s">
        <v>8297</v>
      </c>
      <c r="G13545" t="s">
        <v>80</v>
      </c>
      <c r="H13545" t="s">
        <v>81</v>
      </c>
      <c r="I13545" s="2">
        <v>0</v>
      </c>
      <c r="J13545" s="2">
        <v>1</v>
      </c>
      <c r="K13545" s="2">
        <v>0</v>
      </c>
      <c r="L13545" t="s">
        <v>82</v>
      </c>
      <c r="M13545" t="s">
        <v>83</v>
      </c>
      <c r="N13545" t="s">
        <v>91</v>
      </c>
      <c r="O13545" t="s">
        <v>85</v>
      </c>
      <c r="P13545" t="s">
        <v>86</v>
      </c>
      <c r="Q13545">
        <v>108</v>
      </c>
      <c r="R13545">
        <v>110</v>
      </c>
      <c r="S13545">
        <v>112</v>
      </c>
      <c r="T13545">
        <v>114</v>
      </c>
      <c r="U13545">
        <v>116</v>
      </c>
      <c r="V13545">
        <v>118</v>
      </c>
      <c r="W13545">
        <v>120</v>
      </c>
      <c r="X13545">
        <v>122</v>
      </c>
      <c r="Y13545">
        <v>124</v>
      </c>
      <c r="Z13545">
        <v>127</v>
      </c>
      <c r="AA13545">
        <v>129</v>
      </c>
      <c r="AB13545">
        <v>131</v>
      </c>
      <c r="AC13545">
        <v>133</v>
      </c>
      <c r="AD13545">
        <v>135</v>
      </c>
      <c r="AE13545">
        <v>137</v>
      </c>
      <c r="AF13545">
        <v>139</v>
      </c>
      <c r="AG13545">
        <v>141</v>
      </c>
      <c r="AH13545">
        <v>143</v>
      </c>
      <c r="AI13545">
        <v>145</v>
      </c>
      <c r="AJ13545">
        <v>147</v>
      </c>
      <c r="AK13545">
        <v>149</v>
      </c>
      <c r="AL13545">
        <v>150</v>
      </c>
      <c r="AM13545">
        <v>150</v>
      </c>
      <c r="AN13545">
        <v>151</v>
      </c>
      <c r="AO13545">
        <v>151</v>
      </c>
      <c r="AP13545">
        <v>152</v>
      </c>
      <c r="AQ13545">
        <v>152</v>
      </c>
    </row>
    <row r="13546" spans="1:43">
      <c r="A13546" t="s">
        <v>8412</v>
      </c>
      <c r="B13546" t="s">
        <v>8413</v>
      </c>
      <c r="C13546" t="s">
        <v>8410</v>
      </c>
      <c r="D13546" t="s">
        <v>8411</v>
      </c>
      <c r="E13546" t="s">
        <v>8296</v>
      </c>
      <c r="F13546" t="s">
        <v>8297</v>
      </c>
      <c r="G13546" t="s">
        <v>80</v>
      </c>
      <c r="H13546" t="s">
        <v>81</v>
      </c>
      <c r="I13546" s="2">
        <v>0</v>
      </c>
      <c r="J13546" s="2">
        <v>1</v>
      </c>
      <c r="K13546" s="2">
        <v>0</v>
      </c>
      <c r="L13546" t="s">
        <v>82</v>
      </c>
      <c r="M13546" t="s">
        <v>83</v>
      </c>
      <c r="N13546" t="s">
        <v>84</v>
      </c>
      <c r="O13546" t="s">
        <v>85</v>
      </c>
      <c r="P13546" t="s">
        <v>86</v>
      </c>
      <c r="Q13546">
        <v>62</v>
      </c>
      <c r="R13546">
        <v>63</v>
      </c>
      <c r="S13546">
        <v>64</v>
      </c>
      <c r="T13546">
        <v>65</v>
      </c>
      <c r="U13546">
        <v>66</v>
      </c>
      <c r="V13546">
        <v>68</v>
      </c>
      <c r="W13546">
        <v>69</v>
      </c>
      <c r="X13546">
        <v>70</v>
      </c>
      <c r="Y13546">
        <v>71</v>
      </c>
      <c r="Z13546">
        <v>72</v>
      </c>
      <c r="AA13546">
        <v>74</v>
      </c>
      <c r="AB13546">
        <v>75</v>
      </c>
      <c r="AC13546">
        <v>76</v>
      </c>
      <c r="AD13546">
        <v>77</v>
      </c>
      <c r="AE13546">
        <v>78</v>
      </c>
      <c r="AF13546">
        <v>79</v>
      </c>
      <c r="AG13546">
        <v>80</v>
      </c>
      <c r="AH13546">
        <v>82</v>
      </c>
      <c r="AI13546">
        <v>83</v>
      </c>
      <c r="AJ13546">
        <v>84</v>
      </c>
      <c r="AK13546">
        <v>85</v>
      </c>
      <c r="AL13546">
        <v>86</v>
      </c>
      <c r="AM13546">
        <v>86</v>
      </c>
      <c r="AN13546">
        <v>86</v>
      </c>
      <c r="AO13546">
        <v>87</v>
      </c>
      <c r="AP13546">
        <v>87</v>
      </c>
      <c r="AQ13546">
        <v>87</v>
      </c>
    </row>
    <row r="13547" spans="1:43">
      <c r="A13547" t="s">
        <v>8412</v>
      </c>
      <c r="B13547" t="s">
        <v>8413</v>
      </c>
      <c r="C13547" t="s">
        <v>8410</v>
      </c>
      <c r="D13547" t="s">
        <v>8411</v>
      </c>
      <c r="E13547" t="s">
        <v>8296</v>
      </c>
      <c r="F13547" t="s">
        <v>8297</v>
      </c>
      <c r="G13547" t="s">
        <v>80</v>
      </c>
      <c r="H13547" t="s">
        <v>81</v>
      </c>
      <c r="I13547" s="2">
        <v>0</v>
      </c>
      <c r="J13547" s="2">
        <v>1</v>
      </c>
      <c r="K13547" s="2">
        <v>0</v>
      </c>
      <c r="L13547" t="s">
        <v>82</v>
      </c>
      <c r="M13547" t="s">
        <v>87</v>
      </c>
      <c r="N13547" t="s">
        <v>88</v>
      </c>
      <c r="O13547" t="s">
        <v>85</v>
      </c>
      <c r="P13547" t="s">
        <v>86</v>
      </c>
      <c r="Q13547">
        <v>62</v>
      </c>
      <c r="R13547">
        <v>63</v>
      </c>
      <c r="S13547">
        <v>63</v>
      </c>
      <c r="T13547">
        <v>64</v>
      </c>
      <c r="U13547">
        <v>65</v>
      </c>
      <c r="V13547">
        <v>65</v>
      </c>
      <c r="W13547">
        <v>66</v>
      </c>
      <c r="X13547">
        <v>66</v>
      </c>
      <c r="Y13547">
        <v>67</v>
      </c>
      <c r="Z13547">
        <v>67</v>
      </c>
      <c r="AA13547">
        <v>68</v>
      </c>
      <c r="AB13547">
        <v>69</v>
      </c>
      <c r="AC13547">
        <v>69</v>
      </c>
      <c r="AD13547">
        <v>70</v>
      </c>
      <c r="AE13547">
        <v>70</v>
      </c>
      <c r="AF13547">
        <v>71</v>
      </c>
      <c r="AG13547">
        <v>71</v>
      </c>
      <c r="AH13547">
        <v>72</v>
      </c>
      <c r="AI13547">
        <v>72</v>
      </c>
      <c r="AJ13547">
        <v>73</v>
      </c>
      <c r="AK13547">
        <v>73</v>
      </c>
      <c r="AL13547">
        <v>74</v>
      </c>
      <c r="AM13547">
        <v>75</v>
      </c>
      <c r="AN13547">
        <v>75</v>
      </c>
      <c r="AO13547">
        <v>76</v>
      </c>
      <c r="AP13547">
        <v>76</v>
      </c>
      <c r="AQ13547">
        <v>77</v>
      </c>
    </row>
    <row r="13548" spans="1:43">
      <c r="A13548" t="s">
        <v>8412</v>
      </c>
      <c r="B13548" t="s">
        <v>8413</v>
      </c>
      <c r="C13548" t="s">
        <v>8410</v>
      </c>
      <c r="D13548" t="s">
        <v>8411</v>
      </c>
      <c r="E13548" t="s">
        <v>8296</v>
      </c>
      <c r="F13548" t="s">
        <v>8297</v>
      </c>
      <c r="G13548" t="s">
        <v>80</v>
      </c>
      <c r="H13548" t="s">
        <v>81</v>
      </c>
      <c r="I13548" s="2">
        <v>0</v>
      </c>
      <c r="J13548" s="2">
        <v>1</v>
      </c>
      <c r="K13548" s="2">
        <v>0</v>
      </c>
      <c r="L13548" t="s">
        <v>82</v>
      </c>
      <c r="M13548" t="s">
        <v>89</v>
      </c>
      <c r="N13548" t="s">
        <v>90</v>
      </c>
      <c r="O13548" t="s">
        <v>85</v>
      </c>
      <c r="P13548" t="s">
        <v>86</v>
      </c>
      <c r="Q13548">
        <v>62</v>
      </c>
      <c r="R13548">
        <v>64</v>
      </c>
      <c r="S13548">
        <v>66</v>
      </c>
      <c r="T13548">
        <v>67</v>
      </c>
      <c r="U13548">
        <v>69</v>
      </c>
      <c r="V13548">
        <v>71</v>
      </c>
      <c r="W13548">
        <v>72</v>
      </c>
      <c r="X13548">
        <v>74</v>
      </c>
      <c r="Y13548">
        <v>75</v>
      </c>
      <c r="Z13548">
        <v>77</v>
      </c>
      <c r="AA13548">
        <v>78</v>
      </c>
      <c r="AB13548">
        <v>80</v>
      </c>
      <c r="AC13548">
        <v>81</v>
      </c>
      <c r="AD13548">
        <v>83</v>
      </c>
      <c r="AE13548">
        <v>84</v>
      </c>
      <c r="AF13548">
        <v>84</v>
      </c>
      <c r="AG13548">
        <v>85</v>
      </c>
      <c r="AH13548">
        <v>85</v>
      </c>
      <c r="AI13548">
        <v>85</v>
      </c>
      <c r="AJ13548">
        <v>86</v>
      </c>
      <c r="AK13548">
        <v>86</v>
      </c>
      <c r="AL13548">
        <v>86</v>
      </c>
      <c r="AM13548">
        <v>87</v>
      </c>
      <c r="AN13548">
        <v>87</v>
      </c>
      <c r="AO13548">
        <v>87</v>
      </c>
      <c r="AP13548">
        <v>88</v>
      </c>
      <c r="AQ13548">
        <v>88</v>
      </c>
    </row>
    <row r="13549" spans="1:43">
      <c r="A13549" t="s">
        <v>8412</v>
      </c>
      <c r="B13549" t="s">
        <v>8413</v>
      </c>
      <c r="C13549" t="s">
        <v>8410</v>
      </c>
      <c r="D13549" t="s">
        <v>8411</v>
      </c>
      <c r="E13549" t="s">
        <v>8296</v>
      </c>
      <c r="F13549" t="s">
        <v>8297</v>
      </c>
      <c r="G13549" t="s">
        <v>80</v>
      </c>
      <c r="H13549" t="s">
        <v>81</v>
      </c>
      <c r="I13549" s="2">
        <v>0</v>
      </c>
      <c r="J13549" s="2">
        <v>1</v>
      </c>
      <c r="K13549" s="2">
        <v>0</v>
      </c>
      <c r="L13549" t="s">
        <v>82</v>
      </c>
      <c r="M13549" t="s">
        <v>83</v>
      </c>
      <c r="N13549" t="s">
        <v>91</v>
      </c>
      <c r="O13549" t="s">
        <v>85</v>
      </c>
      <c r="P13549" t="s">
        <v>86</v>
      </c>
      <c r="Q13549">
        <v>62</v>
      </c>
      <c r="R13549">
        <v>63</v>
      </c>
      <c r="S13549">
        <v>64</v>
      </c>
      <c r="T13549">
        <v>65</v>
      </c>
      <c r="U13549">
        <v>66</v>
      </c>
      <c r="V13549">
        <v>68</v>
      </c>
      <c r="W13549">
        <v>69</v>
      </c>
      <c r="X13549">
        <v>70</v>
      </c>
      <c r="Y13549">
        <v>71</v>
      </c>
      <c r="Z13549">
        <v>72</v>
      </c>
      <c r="AA13549">
        <v>74</v>
      </c>
      <c r="AB13549">
        <v>75</v>
      </c>
      <c r="AC13549">
        <v>76</v>
      </c>
      <c r="AD13549">
        <v>77</v>
      </c>
      <c r="AE13549">
        <v>78</v>
      </c>
      <c r="AF13549">
        <v>79</v>
      </c>
      <c r="AG13549">
        <v>80</v>
      </c>
      <c r="AH13549">
        <v>82</v>
      </c>
      <c r="AI13549">
        <v>83</v>
      </c>
      <c r="AJ13549">
        <v>84</v>
      </c>
      <c r="AK13549">
        <v>85</v>
      </c>
      <c r="AL13549">
        <v>86</v>
      </c>
      <c r="AM13549">
        <v>86</v>
      </c>
      <c r="AN13549">
        <v>86</v>
      </c>
      <c r="AO13549">
        <v>87</v>
      </c>
      <c r="AP13549">
        <v>87</v>
      </c>
      <c r="AQ13549">
        <v>87</v>
      </c>
    </row>
    <row r="13550" spans="1:43">
      <c r="A13550" t="s">
        <v>8414</v>
      </c>
      <c r="B13550" t="s">
        <v>8415</v>
      </c>
      <c r="C13550" t="s">
        <v>8416</v>
      </c>
      <c r="D13550" t="s">
        <v>8417</v>
      </c>
      <c r="E13550" t="s">
        <v>8296</v>
      </c>
      <c r="F13550" t="s">
        <v>8297</v>
      </c>
      <c r="G13550" t="s">
        <v>80</v>
      </c>
      <c r="H13550" t="s">
        <v>81</v>
      </c>
      <c r="I13550" s="2">
        <v>0</v>
      </c>
      <c r="J13550" s="2">
        <v>1</v>
      </c>
      <c r="K13550" s="2">
        <v>0</v>
      </c>
      <c r="L13550" t="s">
        <v>82</v>
      </c>
      <c r="M13550" t="s">
        <v>83</v>
      </c>
      <c r="N13550" t="s">
        <v>84</v>
      </c>
      <c r="O13550" t="s">
        <v>85</v>
      </c>
      <c r="P13550" t="s">
        <v>86</v>
      </c>
      <c r="Q13550">
        <v>59</v>
      </c>
      <c r="R13550">
        <v>60</v>
      </c>
      <c r="S13550">
        <v>62</v>
      </c>
      <c r="T13550">
        <v>63</v>
      </c>
      <c r="U13550">
        <v>64</v>
      </c>
      <c r="V13550">
        <v>65</v>
      </c>
      <c r="W13550">
        <v>66</v>
      </c>
      <c r="X13550">
        <v>67</v>
      </c>
      <c r="Y13550">
        <v>68</v>
      </c>
      <c r="Z13550">
        <v>70</v>
      </c>
      <c r="AA13550">
        <v>71</v>
      </c>
      <c r="AB13550">
        <v>72</v>
      </c>
      <c r="AC13550">
        <v>73</v>
      </c>
      <c r="AD13550">
        <v>74</v>
      </c>
      <c r="AE13550">
        <v>75</v>
      </c>
      <c r="AF13550">
        <v>76</v>
      </c>
      <c r="AG13550">
        <v>77</v>
      </c>
      <c r="AH13550">
        <v>78</v>
      </c>
      <c r="AI13550">
        <v>79</v>
      </c>
      <c r="AJ13550">
        <v>80</v>
      </c>
      <c r="AK13550">
        <v>82</v>
      </c>
      <c r="AL13550">
        <v>82</v>
      </c>
      <c r="AM13550">
        <v>82</v>
      </c>
      <c r="AN13550">
        <v>83</v>
      </c>
      <c r="AO13550">
        <v>83</v>
      </c>
      <c r="AP13550">
        <v>83</v>
      </c>
      <c r="AQ13550">
        <v>84</v>
      </c>
    </row>
    <row r="13551" spans="1:43">
      <c r="A13551" t="s">
        <v>8414</v>
      </c>
      <c r="B13551" t="s">
        <v>8415</v>
      </c>
      <c r="C13551" t="s">
        <v>8416</v>
      </c>
      <c r="D13551" t="s">
        <v>8417</v>
      </c>
      <c r="E13551" t="s">
        <v>8296</v>
      </c>
      <c r="F13551" t="s">
        <v>8297</v>
      </c>
      <c r="G13551" t="s">
        <v>80</v>
      </c>
      <c r="H13551" t="s">
        <v>81</v>
      </c>
      <c r="I13551" s="2">
        <v>0</v>
      </c>
      <c r="J13551" s="2">
        <v>1</v>
      </c>
      <c r="K13551" s="2">
        <v>0</v>
      </c>
      <c r="L13551" t="s">
        <v>82</v>
      </c>
      <c r="M13551" t="s">
        <v>87</v>
      </c>
      <c r="N13551" t="s">
        <v>88</v>
      </c>
      <c r="O13551" t="s">
        <v>85</v>
      </c>
      <c r="P13551" t="s">
        <v>86</v>
      </c>
      <c r="Q13551">
        <v>59</v>
      </c>
      <c r="R13551">
        <v>59</v>
      </c>
      <c r="S13551">
        <v>60</v>
      </c>
      <c r="T13551">
        <v>60</v>
      </c>
      <c r="U13551">
        <v>61</v>
      </c>
      <c r="V13551">
        <v>62</v>
      </c>
      <c r="W13551">
        <v>62</v>
      </c>
      <c r="X13551">
        <v>63</v>
      </c>
      <c r="Y13551">
        <v>63</v>
      </c>
      <c r="Z13551">
        <v>64</v>
      </c>
      <c r="AA13551">
        <v>64</v>
      </c>
      <c r="AB13551">
        <v>65</v>
      </c>
      <c r="AC13551">
        <v>65</v>
      </c>
      <c r="AD13551">
        <v>66</v>
      </c>
      <c r="AE13551">
        <v>66</v>
      </c>
      <c r="AF13551">
        <v>67</v>
      </c>
      <c r="AG13551">
        <v>68</v>
      </c>
      <c r="AH13551">
        <v>68</v>
      </c>
      <c r="AI13551">
        <v>69</v>
      </c>
      <c r="AJ13551">
        <v>69</v>
      </c>
      <c r="AK13551">
        <v>70</v>
      </c>
      <c r="AL13551">
        <v>70</v>
      </c>
      <c r="AM13551">
        <v>71</v>
      </c>
      <c r="AN13551">
        <v>71</v>
      </c>
      <c r="AO13551">
        <v>72</v>
      </c>
      <c r="AP13551">
        <v>72</v>
      </c>
      <c r="AQ13551">
        <v>73</v>
      </c>
    </row>
    <row r="13552" spans="1:43">
      <c r="A13552" t="s">
        <v>8414</v>
      </c>
      <c r="B13552" t="s">
        <v>8415</v>
      </c>
      <c r="C13552" t="s">
        <v>8416</v>
      </c>
      <c r="D13552" t="s">
        <v>8417</v>
      </c>
      <c r="E13552" t="s">
        <v>8296</v>
      </c>
      <c r="F13552" t="s">
        <v>8297</v>
      </c>
      <c r="G13552" t="s">
        <v>80</v>
      </c>
      <c r="H13552" t="s">
        <v>81</v>
      </c>
      <c r="I13552" s="2">
        <v>0</v>
      </c>
      <c r="J13552" s="2">
        <v>1</v>
      </c>
      <c r="K13552" s="2">
        <v>0</v>
      </c>
      <c r="L13552" t="s">
        <v>82</v>
      </c>
      <c r="M13552" t="s">
        <v>89</v>
      </c>
      <c r="N13552" t="s">
        <v>90</v>
      </c>
      <c r="O13552" t="s">
        <v>85</v>
      </c>
      <c r="P13552" t="s">
        <v>86</v>
      </c>
      <c r="Q13552">
        <v>59</v>
      </c>
      <c r="R13552">
        <v>60</v>
      </c>
      <c r="S13552">
        <v>62</v>
      </c>
      <c r="T13552">
        <v>64</v>
      </c>
      <c r="U13552">
        <v>65</v>
      </c>
      <c r="V13552">
        <v>67</v>
      </c>
      <c r="W13552">
        <v>69</v>
      </c>
      <c r="X13552">
        <v>70</v>
      </c>
      <c r="Y13552">
        <v>71</v>
      </c>
      <c r="Z13552">
        <v>73</v>
      </c>
      <c r="AA13552">
        <v>74</v>
      </c>
      <c r="AB13552">
        <v>76</v>
      </c>
      <c r="AC13552">
        <v>77</v>
      </c>
      <c r="AD13552">
        <v>78</v>
      </c>
      <c r="AE13552">
        <v>79</v>
      </c>
      <c r="AF13552">
        <v>80</v>
      </c>
      <c r="AG13552">
        <v>80</v>
      </c>
      <c r="AH13552">
        <v>81</v>
      </c>
      <c r="AI13552">
        <v>81</v>
      </c>
      <c r="AJ13552">
        <v>81</v>
      </c>
      <c r="AK13552">
        <v>82</v>
      </c>
      <c r="AL13552">
        <v>82</v>
      </c>
      <c r="AM13552">
        <v>82</v>
      </c>
      <c r="AN13552">
        <v>82</v>
      </c>
      <c r="AO13552">
        <v>83</v>
      </c>
      <c r="AP13552">
        <v>83</v>
      </c>
      <c r="AQ13552">
        <v>83</v>
      </c>
    </row>
    <row r="13553" spans="1:43">
      <c r="A13553" t="s">
        <v>8414</v>
      </c>
      <c r="B13553" t="s">
        <v>8415</v>
      </c>
      <c r="C13553" t="s">
        <v>8416</v>
      </c>
      <c r="D13553" t="s">
        <v>8417</v>
      </c>
      <c r="E13553" t="s">
        <v>8296</v>
      </c>
      <c r="F13553" t="s">
        <v>8297</v>
      </c>
      <c r="G13553" t="s">
        <v>80</v>
      </c>
      <c r="H13553" t="s">
        <v>81</v>
      </c>
      <c r="I13553" s="2">
        <v>0</v>
      </c>
      <c r="J13553" s="2">
        <v>1</v>
      </c>
      <c r="K13553" s="2">
        <v>0</v>
      </c>
      <c r="L13553" t="s">
        <v>82</v>
      </c>
      <c r="M13553" t="s">
        <v>83</v>
      </c>
      <c r="N13553" t="s">
        <v>91</v>
      </c>
      <c r="O13553" t="s">
        <v>85</v>
      </c>
      <c r="P13553" t="s">
        <v>86</v>
      </c>
      <c r="Q13553">
        <v>59</v>
      </c>
      <c r="R13553">
        <v>60</v>
      </c>
      <c r="S13553">
        <v>62</v>
      </c>
      <c r="T13553">
        <v>63</v>
      </c>
      <c r="U13553">
        <v>64</v>
      </c>
      <c r="V13553">
        <v>65</v>
      </c>
      <c r="W13553">
        <v>66</v>
      </c>
      <c r="X13553">
        <v>67</v>
      </c>
      <c r="Y13553">
        <v>68</v>
      </c>
      <c r="Z13553">
        <v>70</v>
      </c>
      <c r="AA13553">
        <v>71</v>
      </c>
      <c r="AB13553">
        <v>72</v>
      </c>
      <c r="AC13553">
        <v>73</v>
      </c>
      <c r="AD13553">
        <v>74</v>
      </c>
      <c r="AE13553">
        <v>75</v>
      </c>
      <c r="AF13553">
        <v>76</v>
      </c>
      <c r="AG13553">
        <v>77</v>
      </c>
      <c r="AH13553">
        <v>78</v>
      </c>
      <c r="AI13553">
        <v>79</v>
      </c>
      <c r="AJ13553">
        <v>80</v>
      </c>
      <c r="AK13553">
        <v>82</v>
      </c>
      <c r="AL13553">
        <v>82</v>
      </c>
      <c r="AM13553">
        <v>82</v>
      </c>
      <c r="AN13553">
        <v>83</v>
      </c>
      <c r="AO13553">
        <v>83</v>
      </c>
      <c r="AP13553">
        <v>83</v>
      </c>
      <c r="AQ13553">
        <v>84</v>
      </c>
    </row>
    <row r="13554" spans="1:43">
      <c r="A13554" t="s">
        <v>8418</v>
      </c>
      <c r="B13554" t="s">
        <v>8419</v>
      </c>
      <c r="C13554" t="s">
        <v>8420</v>
      </c>
      <c r="D13554" t="s">
        <v>8421</v>
      </c>
      <c r="E13554" t="s">
        <v>8296</v>
      </c>
      <c r="F13554" t="s">
        <v>8297</v>
      </c>
      <c r="G13554" t="s">
        <v>80</v>
      </c>
      <c r="H13554" t="s">
        <v>81</v>
      </c>
      <c r="I13554" s="2">
        <v>0</v>
      </c>
      <c r="J13554" s="2">
        <v>1</v>
      </c>
      <c r="K13554" s="2">
        <v>0</v>
      </c>
      <c r="L13554" t="s">
        <v>82</v>
      </c>
      <c r="M13554" t="s">
        <v>83</v>
      </c>
      <c r="N13554" t="s">
        <v>84</v>
      </c>
      <c r="O13554" t="s">
        <v>85</v>
      </c>
      <c r="P13554" t="s">
        <v>86</v>
      </c>
      <c r="Q13554">
        <v>59</v>
      </c>
      <c r="R13554">
        <v>60</v>
      </c>
      <c r="S13554">
        <v>61</v>
      </c>
      <c r="T13554">
        <v>62</v>
      </c>
      <c r="U13554">
        <v>63</v>
      </c>
      <c r="V13554">
        <v>65</v>
      </c>
      <c r="W13554">
        <v>66</v>
      </c>
      <c r="X13554">
        <v>67</v>
      </c>
      <c r="Y13554">
        <v>68</v>
      </c>
      <c r="Z13554">
        <v>69</v>
      </c>
      <c r="AA13554">
        <v>70</v>
      </c>
      <c r="AB13554">
        <v>71</v>
      </c>
      <c r="AC13554">
        <v>72</v>
      </c>
      <c r="AD13554">
        <v>73</v>
      </c>
      <c r="AE13554">
        <v>75</v>
      </c>
      <c r="AF13554">
        <v>76</v>
      </c>
      <c r="AG13554">
        <v>77</v>
      </c>
      <c r="AH13554">
        <v>78</v>
      </c>
      <c r="AI13554">
        <v>79</v>
      </c>
      <c r="AJ13554">
        <v>80</v>
      </c>
      <c r="AK13554">
        <v>81</v>
      </c>
      <c r="AL13554">
        <v>82</v>
      </c>
      <c r="AM13554">
        <v>82</v>
      </c>
      <c r="AN13554">
        <v>82</v>
      </c>
      <c r="AO13554">
        <v>83</v>
      </c>
      <c r="AP13554">
        <v>83</v>
      </c>
      <c r="AQ13554">
        <v>83</v>
      </c>
    </row>
    <row r="13555" spans="1:43">
      <c r="A13555" t="s">
        <v>8418</v>
      </c>
      <c r="B13555" t="s">
        <v>8419</v>
      </c>
      <c r="C13555" t="s">
        <v>8420</v>
      </c>
      <c r="D13555" t="s">
        <v>8421</v>
      </c>
      <c r="E13555" t="s">
        <v>8296</v>
      </c>
      <c r="F13555" t="s">
        <v>8297</v>
      </c>
      <c r="G13555" t="s">
        <v>80</v>
      </c>
      <c r="H13555" t="s">
        <v>81</v>
      </c>
      <c r="I13555" s="2">
        <v>0</v>
      </c>
      <c r="J13555" s="2">
        <v>1</v>
      </c>
      <c r="K13555" s="2">
        <v>0</v>
      </c>
      <c r="L13555" t="s">
        <v>82</v>
      </c>
      <c r="M13555" t="s">
        <v>87</v>
      </c>
      <c r="N13555" t="s">
        <v>88</v>
      </c>
      <c r="O13555" t="s">
        <v>85</v>
      </c>
      <c r="P13555" t="s">
        <v>86</v>
      </c>
      <c r="Q13555">
        <v>59</v>
      </c>
      <c r="R13555">
        <v>60</v>
      </c>
      <c r="S13555">
        <v>61</v>
      </c>
      <c r="T13555">
        <v>61</v>
      </c>
      <c r="U13555">
        <v>62</v>
      </c>
      <c r="V13555">
        <v>62</v>
      </c>
      <c r="W13555">
        <v>63</v>
      </c>
      <c r="X13555">
        <v>63</v>
      </c>
      <c r="Y13555">
        <v>64</v>
      </c>
      <c r="Z13555">
        <v>64</v>
      </c>
      <c r="AA13555">
        <v>65</v>
      </c>
      <c r="AB13555">
        <v>65</v>
      </c>
      <c r="AC13555">
        <v>66</v>
      </c>
      <c r="AD13555">
        <v>66</v>
      </c>
      <c r="AE13555">
        <v>67</v>
      </c>
      <c r="AF13555">
        <v>68</v>
      </c>
      <c r="AG13555">
        <v>68</v>
      </c>
      <c r="AH13555">
        <v>69</v>
      </c>
      <c r="AI13555">
        <v>69</v>
      </c>
      <c r="AJ13555">
        <v>70</v>
      </c>
      <c r="AK13555">
        <v>70</v>
      </c>
      <c r="AL13555">
        <v>71</v>
      </c>
      <c r="AM13555">
        <v>71</v>
      </c>
      <c r="AN13555">
        <v>72</v>
      </c>
      <c r="AO13555">
        <v>72</v>
      </c>
      <c r="AP13555">
        <v>72</v>
      </c>
      <c r="AQ13555">
        <v>73</v>
      </c>
    </row>
    <row r="13556" spans="1:43">
      <c r="A13556" t="s">
        <v>8418</v>
      </c>
      <c r="B13556" t="s">
        <v>8419</v>
      </c>
      <c r="C13556" t="s">
        <v>8420</v>
      </c>
      <c r="D13556" t="s">
        <v>8421</v>
      </c>
      <c r="E13556" t="s">
        <v>8296</v>
      </c>
      <c r="F13556" t="s">
        <v>8297</v>
      </c>
      <c r="G13556" t="s">
        <v>80</v>
      </c>
      <c r="H13556" t="s">
        <v>81</v>
      </c>
      <c r="I13556" s="2">
        <v>0</v>
      </c>
      <c r="J13556" s="2">
        <v>1</v>
      </c>
      <c r="K13556" s="2">
        <v>0</v>
      </c>
      <c r="L13556" t="s">
        <v>82</v>
      </c>
      <c r="M13556" t="s">
        <v>89</v>
      </c>
      <c r="N13556" t="s">
        <v>90</v>
      </c>
      <c r="O13556" t="s">
        <v>85</v>
      </c>
      <c r="P13556" t="s">
        <v>86</v>
      </c>
      <c r="Q13556">
        <v>59</v>
      </c>
      <c r="R13556">
        <v>61</v>
      </c>
      <c r="S13556">
        <v>63</v>
      </c>
      <c r="T13556">
        <v>64</v>
      </c>
      <c r="U13556">
        <v>66</v>
      </c>
      <c r="V13556">
        <v>68</v>
      </c>
      <c r="W13556">
        <v>69</v>
      </c>
      <c r="X13556">
        <v>71</v>
      </c>
      <c r="Y13556">
        <v>72</v>
      </c>
      <c r="Z13556">
        <v>73</v>
      </c>
      <c r="AA13556">
        <v>75</v>
      </c>
      <c r="AB13556">
        <v>76</v>
      </c>
      <c r="AC13556">
        <v>78</v>
      </c>
      <c r="AD13556">
        <v>79</v>
      </c>
      <c r="AE13556">
        <v>80</v>
      </c>
      <c r="AF13556">
        <v>80</v>
      </c>
      <c r="AG13556">
        <v>81</v>
      </c>
      <c r="AH13556">
        <v>81</v>
      </c>
      <c r="AI13556">
        <v>81</v>
      </c>
      <c r="AJ13556">
        <v>82</v>
      </c>
      <c r="AK13556">
        <v>82</v>
      </c>
      <c r="AL13556">
        <v>82</v>
      </c>
      <c r="AM13556">
        <v>83</v>
      </c>
      <c r="AN13556">
        <v>83</v>
      </c>
      <c r="AO13556">
        <v>83</v>
      </c>
      <c r="AP13556">
        <v>84</v>
      </c>
      <c r="AQ13556">
        <v>84</v>
      </c>
    </row>
    <row r="13557" spans="1:43">
      <c r="A13557" t="s">
        <v>8418</v>
      </c>
      <c r="B13557" t="s">
        <v>8419</v>
      </c>
      <c r="C13557" t="s">
        <v>8420</v>
      </c>
      <c r="D13557" t="s">
        <v>8421</v>
      </c>
      <c r="E13557" t="s">
        <v>8296</v>
      </c>
      <c r="F13557" t="s">
        <v>8297</v>
      </c>
      <c r="G13557" t="s">
        <v>80</v>
      </c>
      <c r="H13557" t="s">
        <v>81</v>
      </c>
      <c r="I13557" s="2">
        <v>0</v>
      </c>
      <c r="J13557" s="2">
        <v>1</v>
      </c>
      <c r="K13557" s="2">
        <v>0</v>
      </c>
      <c r="L13557" t="s">
        <v>82</v>
      </c>
      <c r="M13557" t="s">
        <v>83</v>
      </c>
      <c r="N13557" t="s">
        <v>91</v>
      </c>
      <c r="O13557" t="s">
        <v>85</v>
      </c>
      <c r="P13557" t="s">
        <v>86</v>
      </c>
      <c r="Q13557">
        <v>59</v>
      </c>
      <c r="R13557">
        <v>60</v>
      </c>
      <c r="S13557">
        <v>61</v>
      </c>
      <c r="T13557">
        <v>62</v>
      </c>
      <c r="U13557">
        <v>63</v>
      </c>
      <c r="V13557">
        <v>65</v>
      </c>
      <c r="W13557">
        <v>66</v>
      </c>
      <c r="X13557">
        <v>67</v>
      </c>
      <c r="Y13557">
        <v>68</v>
      </c>
      <c r="Z13557">
        <v>69</v>
      </c>
      <c r="AA13557">
        <v>70</v>
      </c>
      <c r="AB13557">
        <v>71</v>
      </c>
      <c r="AC13557">
        <v>72</v>
      </c>
      <c r="AD13557">
        <v>73</v>
      </c>
      <c r="AE13557">
        <v>75</v>
      </c>
      <c r="AF13557">
        <v>76</v>
      </c>
      <c r="AG13557">
        <v>77</v>
      </c>
      <c r="AH13557">
        <v>78</v>
      </c>
      <c r="AI13557">
        <v>79</v>
      </c>
      <c r="AJ13557">
        <v>80</v>
      </c>
      <c r="AK13557">
        <v>81</v>
      </c>
      <c r="AL13557">
        <v>82</v>
      </c>
      <c r="AM13557">
        <v>82</v>
      </c>
      <c r="AN13557">
        <v>82</v>
      </c>
      <c r="AO13557">
        <v>83</v>
      </c>
      <c r="AP13557">
        <v>83</v>
      </c>
      <c r="AQ13557">
        <v>83</v>
      </c>
    </row>
    <row r="13558" spans="1:43">
      <c r="A13558" t="s">
        <v>8422</v>
      </c>
      <c r="B13558" t="s">
        <v>8423</v>
      </c>
      <c r="C13558" t="s">
        <v>8328</v>
      </c>
      <c r="D13558" t="s">
        <v>8329</v>
      </c>
      <c r="E13558" t="s">
        <v>8296</v>
      </c>
      <c r="F13558" t="s">
        <v>8297</v>
      </c>
      <c r="G13558" t="s">
        <v>80</v>
      </c>
      <c r="H13558" t="s">
        <v>81</v>
      </c>
      <c r="I13558" s="2">
        <v>0</v>
      </c>
      <c r="J13558" s="2">
        <v>1</v>
      </c>
      <c r="K13558" s="2">
        <v>0</v>
      </c>
      <c r="L13558" t="s">
        <v>82</v>
      </c>
      <c r="M13558" t="s">
        <v>83</v>
      </c>
      <c r="N13558" t="s">
        <v>84</v>
      </c>
      <c r="O13558" t="s">
        <v>85</v>
      </c>
      <c r="P13558" t="s">
        <v>86</v>
      </c>
      <c r="Q13558">
        <v>91</v>
      </c>
      <c r="R13558">
        <v>92</v>
      </c>
      <c r="S13558">
        <v>94</v>
      </c>
      <c r="T13558">
        <v>96</v>
      </c>
      <c r="U13558">
        <v>98</v>
      </c>
      <c r="V13558">
        <v>99</v>
      </c>
      <c r="W13558">
        <v>101</v>
      </c>
      <c r="X13558">
        <v>103</v>
      </c>
      <c r="Y13558">
        <v>105</v>
      </c>
      <c r="Z13558">
        <v>106</v>
      </c>
      <c r="AA13558">
        <v>108</v>
      </c>
      <c r="AB13558">
        <v>110</v>
      </c>
      <c r="AC13558">
        <v>111</v>
      </c>
      <c r="AD13558">
        <v>113</v>
      </c>
      <c r="AE13558">
        <v>115</v>
      </c>
      <c r="AF13558">
        <v>116</v>
      </c>
      <c r="AG13558">
        <v>118</v>
      </c>
      <c r="AH13558">
        <v>120</v>
      </c>
      <c r="AI13558">
        <v>121</v>
      </c>
      <c r="AJ13558">
        <v>123</v>
      </c>
      <c r="AK13558">
        <v>125</v>
      </c>
      <c r="AL13558">
        <v>126</v>
      </c>
      <c r="AM13558">
        <v>126</v>
      </c>
      <c r="AN13558">
        <v>127</v>
      </c>
      <c r="AO13558">
        <v>127</v>
      </c>
      <c r="AP13558">
        <v>127</v>
      </c>
      <c r="AQ13558">
        <v>128</v>
      </c>
    </row>
    <row r="13559" spans="1:43">
      <c r="A13559" t="s">
        <v>8422</v>
      </c>
      <c r="B13559" t="s">
        <v>8423</v>
      </c>
      <c r="C13559" t="s">
        <v>8328</v>
      </c>
      <c r="D13559" t="s">
        <v>8329</v>
      </c>
      <c r="E13559" t="s">
        <v>8296</v>
      </c>
      <c r="F13559" t="s">
        <v>8297</v>
      </c>
      <c r="G13559" t="s">
        <v>80</v>
      </c>
      <c r="H13559" t="s">
        <v>81</v>
      </c>
      <c r="I13559" s="2">
        <v>0</v>
      </c>
      <c r="J13559" s="2">
        <v>1</v>
      </c>
      <c r="K13559" s="2">
        <v>0</v>
      </c>
      <c r="L13559" t="s">
        <v>82</v>
      </c>
      <c r="M13559" t="s">
        <v>87</v>
      </c>
      <c r="N13559" t="s">
        <v>88</v>
      </c>
      <c r="O13559" t="s">
        <v>85</v>
      </c>
      <c r="P13559" t="s">
        <v>86</v>
      </c>
      <c r="Q13559">
        <v>91</v>
      </c>
      <c r="R13559">
        <v>92</v>
      </c>
      <c r="S13559">
        <v>93</v>
      </c>
      <c r="T13559">
        <v>93</v>
      </c>
      <c r="U13559">
        <v>94</v>
      </c>
      <c r="V13559">
        <v>95</v>
      </c>
      <c r="W13559">
        <v>96</v>
      </c>
      <c r="X13559">
        <v>97</v>
      </c>
      <c r="Y13559">
        <v>98</v>
      </c>
      <c r="Z13559">
        <v>99</v>
      </c>
      <c r="AA13559">
        <v>99</v>
      </c>
      <c r="AB13559">
        <v>100</v>
      </c>
      <c r="AC13559">
        <v>101</v>
      </c>
      <c r="AD13559">
        <v>102</v>
      </c>
      <c r="AE13559">
        <v>103</v>
      </c>
      <c r="AF13559">
        <v>103</v>
      </c>
      <c r="AG13559">
        <v>104</v>
      </c>
      <c r="AH13559">
        <v>105</v>
      </c>
      <c r="AI13559">
        <v>106</v>
      </c>
      <c r="AJ13559">
        <v>107</v>
      </c>
      <c r="AK13559">
        <v>107</v>
      </c>
      <c r="AL13559">
        <v>108</v>
      </c>
      <c r="AM13559">
        <v>109</v>
      </c>
      <c r="AN13559">
        <v>110</v>
      </c>
      <c r="AO13559">
        <v>110</v>
      </c>
      <c r="AP13559">
        <v>111</v>
      </c>
      <c r="AQ13559">
        <v>112</v>
      </c>
    </row>
    <row r="13560" spans="1:43">
      <c r="A13560" t="s">
        <v>8422</v>
      </c>
      <c r="B13560" t="s">
        <v>8423</v>
      </c>
      <c r="C13560" t="s">
        <v>8328</v>
      </c>
      <c r="D13560" t="s">
        <v>8329</v>
      </c>
      <c r="E13560" t="s">
        <v>8296</v>
      </c>
      <c r="F13560" t="s">
        <v>8297</v>
      </c>
      <c r="G13560" t="s">
        <v>80</v>
      </c>
      <c r="H13560" t="s">
        <v>81</v>
      </c>
      <c r="I13560" s="2">
        <v>0</v>
      </c>
      <c r="J13560" s="2">
        <v>1</v>
      </c>
      <c r="K13560" s="2">
        <v>0</v>
      </c>
      <c r="L13560" t="s">
        <v>82</v>
      </c>
      <c r="M13560" t="s">
        <v>89</v>
      </c>
      <c r="N13560" t="s">
        <v>90</v>
      </c>
      <c r="O13560" t="s">
        <v>85</v>
      </c>
      <c r="P13560" t="s">
        <v>86</v>
      </c>
      <c r="Q13560">
        <v>91</v>
      </c>
      <c r="R13560">
        <v>94</v>
      </c>
      <c r="S13560">
        <v>96</v>
      </c>
      <c r="T13560">
        <v>99</v>
      </c>
      <c r="U13560">
        <v>101</v>
      </c>
      <c r="V13560">
        <v>104</v>
      </c>
      <c r="W13560">
        <v>106</v>
      </c>
      <c r="X13560">
        <v>109</v>
      </c>
      <c r="Y13560">
        <v>111</v>
      </c>
      <c r="Z13560">
        <v>113</v>
      </c>
      <c r="AA13560">
        <v>115</v>
      </c>
      <c r="AB13560">
        <v>117</v>
      </c>
      <c r="AC13560">
        <v>119</v>
      </c>
      <c r="AD13560">
        <v>122</v>
      </c>
      <c r="AE13560">
        <v>123</v>
      </c>
      <c r="AF13560">
        <v>124</v>
      </c>
      <c r="AG13560">
        <v>124</v>
      </c>
      <c r="AH13560">
        <v>125</v>
      </c>
      <c r="AI13560">
        <v>125</v>
      </c>
      <c r="AJ13560">
        <v>126</v>
      </c>
      <c r="AK13560">
        <v>126</v>
      </c>
      <c r="AL13560">
        <v>127</v>
      </c>
      <c r="AM13560">
        <v>127</v>
      </c>
      <c r="AN13560">
        <v>128</v>
      </c>
      <c r="AO13560">
        <v>128</v>
      </c>
      <c r="AP13560">
        <v>128</v>
      </c>
      <c r="AQ13560">
        <v>129</v>
      </c>
    </row>
    <row r="13561" spans="1:43">
      <c r="A13561" t="s">
        <v>8422</v>
      </c>
      <c r="B13561" t="s">
        <v>8423</v>
      </c>
      <c r="C13561" t="s">
        <v>8328</v>
      </c>
      <c r="D13561" t="s">
        <v>8329</v>
      </c>
      <c r="E13561" t="s">
        <v>8296</v>
      </c>
      <c r="F13561" t="s">
        <v>8297</v>
      </c>
      <c r="G13561" t="s">
        <v>80</v>
      </c>
      <c r="H13561" t="s">
        <v>81</v>
      </c>
      <c r="I13561" s="2">
        <v>0</v>
      </c>
      <c r="J13561" s="2">
        <v>1</v>
      </c>
      <c r="K13561" s="2">
        <v>0</v>
      </c>
      <c r="L13561" t="s">
        <v>82</v>
      </c>
      <c r="M13561" t="s">
        <v>83</v>
      </c>
      <c r="N13561" t="s">
        <v>91</v>
      </c>
      <c r="O13561" t="s">
        <v>85</v>
      </c>
      <c r="P13561" t="s">
        <v>86</v>
      </c>
      <c r="Q13561">
        <v>91</v>
      </c>
      <c r="R13561">
        <v>92</v>
      </c>
      <c r="S13561">
        <v>94</v>
      </c>
      <c r="T13561">
        <v>96</v>
      </c>
      <c r="U13561">
        <v>98</v>
      </c>
      <c r="V13561">
        <v>99</v>
      </c>
      <c r="W13561">
        <v>101</v>
      </c>
      <c r="X13561">
        <v>103</v>
      </c>
      <c r="Y13561">
        <v>105</v>
      </c>
      <c r="Z13561">
        <v>106</v>
      </c>
      <c r="AA13561">
        <v>108</v>
      </c>
      <c r="AB13561">
        <v>110</v>
      </c>
      <c r="AC13561">
        <v>111</v>
      </c>
      <c r="AD13561">
        <v>113</v>
      </c>
      <c r="AE13561">
        <v>115</v>
      </c>
      <c r="AF13561">
        <v>116</v>
      </c>
      <c r="AG13561">
        <v>118</v>
      </c>
      <c r="AH13561">
        <v>120</v>
      </c>
      <c r="AI13561">
        <v>121</v>
      </c>
      <c r="AJ13561">
        <v>123</v>
      </c>
      <c r="AK13561">
        <v>125</v>
      </c>
      <c r="AL13561">
        <v>126</v>
      </c>
      <c r="AM13561">
        <v>126</v>
      </c>
      <c r="AN13561">
        <v>127</v>
      </c>
      <c r="AO13561">
        <v>127</v>
      </c>
      <c r="AP13561">
        <v>127</v>
      </c>
      <c r="AQ13561">
        <v>128</v>
      </c>
    </row>
    <row r="13562" spans="1:43">
      <c r="A13562" t="s">
        <v>8424</v>
      </c>
      <c r="B13562" t="s">
        <v>8425</v>
      </c>
      <c r="C13562" t="s">
        <v>8420</v>
      </c>
      <c r="D13562" t="s">
        <v>8421</v>
      </c>
      <c r="E13562" t="s">
        <v>8296</v>
      </c>
      <c r="F13562" t="s">
        <v>8297</v>
      </c>
      <c r="G13562" t="s">
        <v>80</v>
      </c>
      <c r="H13562" t="s">
        <v>81</v>
      </c>
      <c r="I13562" s="2">
        <v>0</v>
      </c>
      <c r="J13562" s="2">
        <v>1</v>
      </c>
      <c r="K13562" s="2">
        <v>0</v>
      </c>
      <c r="L13562" t="s">
        <v>82</v>
      </c>
      <c r="M13562" t="s">
        <v>83</v>
      </c>
      <c r="N13562" t="s">
        <v>84</v>
      </c>
      <c r="O13562" t="s">
        <v>85</v>
      </c>
      <c r="P13562" t="s">
        <v>86</v>
      </c>
      <c r="Q13562">
        <v>30</v>
      </c>
      <c r="R13562">
        <v>31</v>
      </c>
      <c r="S13562">
        <v>31</v>
      </c>
      <c r="T13562">
        <v>32</v>
      </c>
      <c r="U13562">
        <v>33</v>
      </c>
      <c r="V13562">
        <v>33</v>
      </c>
      <c r="W13562">
        <v>34</v>
      </c>
      <c r="X13562">
        <v>34</v>
      </c>
      <c r="Y13562">
        <v>35</v>
      </c>
      <c r="Z13562">
        <v>35</v>
      </c>
      <c r="AA13562">
        <v>36</v>
      </c>
      <c r="AB13562">
        <v>37</v>
      </c>
      <c r="AC13562">
        <v>37</v>
      </c>
      <c r="AD13562">
        <v>38</v>
      </c>
      <c r="AE13562">
        <v>38</v>
      </c>
      <c r="AF13562">
        <v>39</v>
      </c>
      <c r="AG13562">
        <v>39</v>
      </c>
      <c r="AH13562">
        <v>40</v>
      </c>
      <c r="AI13562">
        <v>40</v>
      </c>
      <c r="AJ13562">
        <v>41</v>
      </c>
      <c r="AK13562">
        <v>42</v>
      </c>
      <c r="AL13562">
        <v>42</v>
      </c>
      <c r="AM13562">
        <v>42</v>
      </c>
      <c r="AN13562">
        <v>42</v>
      </c>
      <c r="AO13562">
        <v>42</v>
      </c>
      <c r="AP13562">
        <v>42</v>
      </c>
      <c r="AQ13562">
        <v>43</v>
      </c>
    </row>
    <row r="13563" spans="1:43">
      <c r="A13563" t="s">
        <v>8424</v>
      </c>
      <c r="B13563" t="s">
        <v>8425</v>
      </c>
      <c r="C13563" t="s">
        <v>8420</v>
      </c>
      <c r="D13563" t="s">
        <v>8421</v>
      </c>
      <c r="E13563" t="s">
        <v>8296</v>
      </c>
      <c r="F13563" t="s">
        <v>8297</v>
      </c>
      <c r="G13563" t="s">
        <v>80</v>
      </c>
      <c r="H13563" t="s">
        <v>81</v>
      </c>
      <c r="I13563" s="2">
        <v>0</v>
      </c>
      <c r="J13563" s="2">
        <v>1</v>
      </c>
      <c r="K13563" s="2">
        <v>0</v>
      </c>
      <c r="L13563" t="s">
        <v>82</v>
      </c>
      <c r="M13563" t="s">
        <v>87</v>
      </c>
      <c r="N13563" t="s">
        <v>88</v>
      </c>
      <c r="O13563" t="s">
        <v>85</v>
      </c>
      <c r="P13563" t="s">
        <v>86</v>
      </c>
      <c r="Q13563">
        <v>30</v>
      </c>
      <c r="R13563">
        <v>30</v>
      </c>
      <c r="S13563">
        <v>31</v>
      </c>
      <c r="T13563">
        <v>31</v>
      </c>
      <c r="U13563">
        <v>31</v>
      </c>
      <c r="V13563">
        <v>31</v>
      </c>
      <c r="W13563">
        <v>32</v>
      </c>
      <c r="X13563">
        <v>32</v>
      </c>
      <c r="Y13563">
        <v>32</v>
      </c>
      <c r="Z13563">
        <v>33</v>
      </c>
      <c r="AA13563">
        <v>33</v>
      </c>
      <c r="AB13563">
        <v>33</v>
      </c>
      <c r="AC13563">
        <v>33</v>
      </c>
      <c r="AD13563">
        <v>34</v>
      </c>
      <c r="AE13563">
        <v>34</v>
      </c>
      <c r="AF13563">
        <v>34</v>
      </c>
      <c r="AG13563">
        <v>34</v>
      </c>
      <c r="AH13563">
        <v>35</v>
      </c>
      <c r="AI13563">
        <v>35</v>
      </c>
      <c r="AJ13563">
        <v>35</v>
      </c>
      <c r="AK13563">
        <v>35</v>
      </c>
      <c r="AL13563">
        <v>36</v>
      </c>
      <c r="AM13563">
        <v>36</v>
      </c>
      <c r="AN13563">
        <v>36</v>
      </c>
      <c r="AO13563">
        <v>36</v>
      </c>
      <c r="AP13563">
        <v>37</v>
      </c>
      <c r="AQ13563">
        <v>37</v>
      </c>
    </row>
    <row r="13564" spans="1:43">
      <c r="A13564" t="s">
        <v>8424</v>
      </c>
      <c r="B13564" t="s">
        <v>8425</v>
      </c>
      <c r="C13564" t="s">
        <v>8420</v>
      </c>
      <c r="D13564" t="s">
        <v>8421</v>
      </c>
      <c r="E13564" t="s">
        <v>8296</v>
      </c>
      <c r="F13564" t="s">
        <v>8297</v>
      </c>
      <c r="G13564" t="s">
        <v>80</v>
      </c>
      <c r="H13564" t="s">
        <v>81</v>
      </c>
      <c r="I13564" s="2">
        <v>0</v>
      </c>
      <c r="J13564" s="2">
        <v>1</v>
      </c>
      <c r="K13564" s="2">
        <v>0</v>
      </c>
      <c r="L13564" t="s">
        <v>82</v>
      </c>
      <c r="M13564" t="s">
        <v>89</v>
      </c>
      <c r="N13564" t="s">
        <v>90</v>
      </c>
      <c r="O13564" t="s">
        <v>85</v>
      </c>
      <c r="P13564" t="s">
        <v>86</v>
      </c>
      <c r="Q13564">
        <v>30</v>
      </c>
      <c r="R13564">
        <v>30</v>
      </c>
      <c r="S13564">
        <v>31</v>
      </c>
      <c r="T13564">
        <v>32</v>
      </c>
      <c r="U13564">
        <v>33</v>
      </c>
      <c r="V13564">
        <v>34</v>
      </c>
      <c r="W13564">
        <v>34</v>
      </c>
      <c r="X13564">
        <v>35</v>
      </c>
      <c r="Y13564">
        <v>36</v>
      </c>
      <c r="Z13564">
        <v>37</v>
      </c>
      <c r="AA13564">
        <v>37</v>
      </c>
      <c r="AB13564">
        <v>38</v>
      </c>
      <c r="AC13564">
        <v>39</v>
      </c>
      <c r="AD13564">
        <v>39</v>
      </c>
      <c r="AE13564">
        <v>40</v>
      </c>
      <c r="AF13564">
        <v>40</v>
      </c>
      <c r="AG13564">
        <v>40</v>
      </c>
      <c r="AH13564">
        <v>41</v>
      </c>
      <c r="AI13564">
        <v>41</v>
      </c>
      <c r="AJ13564">
        <v>41</v>
      </c>
      <c r="AK13564">
        <v>41</v>
      </c>
      <c r="AL13564">
        <v>41</v>
      </c>
      <c r="AM13564">
        <v>41</v>
      </c>
      <c r="AN13564">
        <v>42</v>
      </c>
      <c r="AO13564">
        <v>42</v>
      </c>
      <c r="AP13564">
        <v>42</v>
      </c>
      <c r="AQ13564">
        <v>42</v>
      </c>
    </row>
    <row r="13565" spans="1:43">
      <c r="A13565" t="s">
        <v>8424</v>
      </c>
      <c r="B13565" t="s">
        <v>8425</v>
      </c>
      <c r="C13565" t="s">
        <v>8420</v>
      </c>
      <c r="D13565" t="s">
        <v>8421</v>
      </c>
      <c r="E13565" t="s">
        <v>8296</v>
      </c>
      <c r="F13565" t="s">
        <v>8297</v>
      </c>
      <c r="G13565" t="s">
        <v>80</v>
      </c>
      <c r="H13565" t="s">
        <v>81</v>
      </c>
      <c r="I13565" s="2">
        <v>0</v>
      </c>
      <c r="J13565" s="2">
        <v>1</v>
      </c>
      <c r="K13565" s="2">
        <v>0</v>
      </c>
      <c r="L13565" t="s">
        <v>82</v>
      </c>
      <c r="M13565" t="s">
        <v>83</v>
      </c>
      <c r="N13565" t="s">
        <v>91</v>
      </c>
      <c r="O13565" t="s">
        <v>85</v>
      </c>
      <c r="P13565" t="s">
        <v>86</v>
      </c>
      <c r="Q13565">
        <v>30</v>
      </c>
      <c r="R13565">
        <v>31</v>
      </c>
      <c r="S13565">
        <v>31</v>
      </c>
      <c r="T13565">
        <v>32</v>
      </c>
      <c r="U13565">
        <v>33</v>
      </c>
      <c r="V13565">
        <v>33</v>
      </c>
      <c r="W13565">
        <v>34</v>
      </c>
      <c r="X13565">
        <v>34</v>
      </c>
      <c r="Y13565">
        <v>35</v>
      </c>
      <c r="Z13565">
        <v>35</v>
      </c>
      <c r="AA13565">
        <v>36</v>
      </c>
      <c r="AB13565">
        <v>37</v>
      </c>
      <c r="AC13565">
        <v>37</v>
      </c>
      <c r="AD13565">
        <v>38</v>
      </c>
      <c r="AE13565">
        <v>38</v>
      </c>
      <c r="AF13565">
        <v>39</v>
      </c>
      <c r="AG13565">
        <v>39</v>
      </c>
      <c r="AH13565">
        <v>40</v>
      </c>
      <c r="AI13565">
        <v>40</v>
      </c>
      <c r="AJ13565">
        <v>41</v>
      </c>
      <c r="AK13565">
        <v>42</v>
      </c>
      <c r="AL13565">
        <v>42</v>
      </c>
      <c r="AM13565">
        <v>42</v>
      </c>
      <c r="AN13565">
        <v>42</v>
      </c>
      <c r="AO13565">
        <v>42</v>
      </c>
      <c r="AP13565">
        <v>42</v>
      </c>
      <c r="AQ13565">
        <v>43</v>
      </c>
    </row>
    <row r="13566" spans="1:43">
      <c r="A13566" t="s">
        <v>8426</v>
      </c>
      <c r="B13566" t="s">
        <v>8427</v>
      </c>
      <c r="C13566" t="s">
        <v>8416</v>
      </c>
      <c r="D13566" t="s">
        <v>8417</v>
      </c>
      <c r="E13566" t="s">
        <v>8296</v>
      </c>
      <c r="F13566" t="s">
        <v>8297</v>
      </c>
      <c r="G13566" t="s">
        <v>80</v>
      </c>
      <c r="H13566" t="s">
        <v>81</v>
      </c>
      <c r="I13566" s="2">
        <v>0</v>
      </c>
      <c r="J13566" s="2">
        <v>1</v>
      </c>
      <c r="K13566" s="2">
        <v>0</v>
      </c>
      <c r="L13566" t="s">
        <v>82</v>
      </c>
      <c r="M13566" t="s">
        <v>83</v>
      </c>
      <c r="N13566" t="s">
        <v>84</v>
      </c>
      <c r="O13566" t="s">
        <v>85</v>
      </c>
      <c r="P13566" t="s">
        <v>86</v>
      </c>
      <c r="Q13566">
        <v>62</v>
      </c>
      <c r="R13566">
        <v>63</v>
      </c>
      <c r="S13566">
        <v>64</v>
      </c>
      <c r="T13566">
        <v>66</v>
      </c>
      <c r="U13566">
        <v>67</v>
      </c>
      <c r="V13566">
        <v>68</v>
      </c>
      <c r="W13566">
        <v>69</v>
      </c>
      <c r="X13566">
        <v>70</v>
      </c>
      <c r="Y13566">
        <v>72</v>
      </c>
      <c r="Z13566">
        <v>73</v>
      </c>
      <c r="AA13566">
        <v>74</v>
      </c>
      <c r="AB13566">
        <v>75</v>
      </c>
      <c r="AC13566">
        <v>76</v>
      </c>
      <c r="AD13566">
        <v>77</v>
      </c>
      <c r="AE13566">
        <v>78</v>
      </c>
      <c r="AF13566">
        <v>80</v>
      </c>
      <c r="AG13566">
        <v>81</v>
      </c>
      <c r="AH13566">
        <v>82</v>
      </c>
      <c r="AI13566">
        <v>83</v>
      </c>
      <c r="AJ13566">
        <v>84</v>
      </c>
      <c r="AK13566">
        <v>85</v>
      </c>
      <c r="AL13566">
        <v>86</v>
      </c>
      <c r="AM13566">
        <v>86</v>
      </c>
      <c r="AN13566">
        <v>87</v>
      </c>
      <c r="AO13566">
        <v>87</v>
      </c>
      <c r="AP13566">
        <v>87</v>
      </c>
      <c r="AQ13566">
        <v>88</v>
      </c>
    </row>
    <row r="13567" spans="1:43">
      <c r="A13567" t="s">
        <v>8426</v>
      </c>
      <c r="B13567" t="s">
        <v>8427</v>
      </c>
      <c r="C13567" t="s">
        <v>8416</v>
      </c>
      <c r="D13567" t="s">
        <v>8417</v>
      </c>
      <c r="E13567" t="s">
        <v>8296</v>
      </c>
      <c r="F13567" t="s">
        <v>8297</v>
      </c>
      <c r="G13567" t="s">
        <v>80</v>
      </c>
      <c r="H13567" t="s">
        <v>81</v>
      </c>
      <c r="I13567" s="2">
        <v>0</v>
      </c>
      <c r="J13567" s="2">
        <v>1</v>
      </c>
      <c r="K13567" s="2">
        <v>0</v>
      </c>
      <c r="L13567" t="s">
        <v>82</v>
      </c>
      <c r="M13567" t="s">
        <v>87</v>
      </c>
      <c r="N13567" t="s">
        <v>88</v>
      </c>
      <c r="O13567" t="s">
        <v>85</v>
      </c>
      <c r="P13567" t="s">
        <v>86</v>
      </c>
      <c r="Q13567">
        <v>62</v>
      </c>
      <c r="R13567">
        <v>62</v>
      </c>
      <c r="S13567">
        <v>63</v>
      </c>
      <c r="T13567">
        <v>63</v>
      </c>
      <c r="U13567">
        <v>64</v>
      </c>
      <c r="V13567">
        <v>64</v>
      </c>
      <c r="W13567">
        <v>65</v>
      </c>
      <c r="X13567">
        <v>66</v>
      </c>
      <c r="Y13567">
        <v>66</v>
      </c>
      <c r="Z13567">
        <v>67</v>
      </c>
      <c r="AA13567">
        <v>67</v>
      </c>
      <c r="AB13567">
        <v>68</v>
      </c>
      <c r="AC13567">
        <v>68</v>
      </c>
      <c r="AD13567">
        <v>69</v>
      </c>
      <c r="AE13567">
        <v>69</v>
      </c>
      <c r="AF13567">
        <v>70</v>
      </c>
      <c r="AG13567">
        <v>71</v>
      </c>
      <c r="AH13567">
        <v>71</v>
      </c>
      <c r="AI13567">
        <v>72</v>
      </c>
      <c r="AJ13567">
        <v>72</v>
      </c>
      <c r="AK13567">
        <v>73</v>
      </c>
      <c r="AL13567">
        <v>73</v>
      </c>
      <c r="AM13567">
        <v>74</v>
      </c>
      <c r="AN13567">
        <v>74</v>
      </c>
      <c r="AO13567">
        <v>75</v>
      </c>
      <c r="AP13567">
        <v>75</v>
      </c>
      <c r="AQ13567">
        <v>76</v>
      </c>
    </row>
    <row r="13568" spans="1:43">
      <c r="A13568" t="s">
        <v>8426</v>
      </c>
      <c r="B13568" t="s">
        <v>8427</v>
      </c>
      <c r="C13568" t="s">
        <v>8416</v>
      </c>
      <c r="D13568" t="s">
        <v>8417</v>
      </c>
      <c r="E13568" t="s">
        <v>8296</v>
      </c>
      <c r="F13568" t="s">
        <v>8297</v>
      </c>
      <c r="G13568" t="s">
        <v>80</v>
      </c>
      <c r="H13568" t="s">
        <v>81</v>
      </c>
      <c r="I13568" s="2">
        <v>0</v>
      </c>
      <c r="J13568" s="2">
        <v>1</v>
      </c>
      <c r="K13568" s="2">
        <v>0</v>
      </c>
      <c r="L13568" t="s">
        <v>82</v>
      </c>
      <c r="M13568" t="s">
        <v>89</v>
      </c>
      <c r="N13568" t="s">
        <v>90</v>
      </c>
      <c r="O13568" t="s">
        <v>85</v>
      </c>
      <c r="P13568" t="s">
        <v>86</v>
      </c>
      <c r="Q13568">
        <v>62</v>
      </c>
      <c r="R13568">
        <v>63</v>
      </c>
      <c r="S13568">
        <v>65</v>
      </c>
      <c r="T13568">
        <v>67</v>
      </c>
      <c r="U13568">
        <v>69</v>
      </c>
      <c r="V13568">
        <v>70</v>
      </c>
      <c r="W13568">
        <v>72</v>
      </c>
      <c r="X13568">
        <v>73</v>
      </c>
      <c r="Y13568">
        <v>75</v>
      </c>
      <c r="Z13568">
        <v>76</v>
      </c>
      <c r="AA13568">
        <v>78</v>
      </c>
      <c r="AB13568">
        <v>79</v>
      </c>
      <c r="AC13568">
        <v>81</v>
      </c>
      <c r="AD13568">
        <v>82</v>
      </c>
      <c r="AE13568">
        <v>83</v>
      </c>
      <c r="AF13568">
        <v>84</v>
      </c>
      <c r="AG13568">
        <v>84</v>
      </c>
      <c r="AH13568">
        <v>84</v>
      </c>
      <c r="AI13568">
        <v>85</v>
      </c>
      <c r="AJ13568">
        <v>85</v>
      </c>
      <c r="AK13568">
        <v>86</v>
      </c>
      <c r="AL13568">
        <v>86</v>
      </c>
      <c r="AM13568">
        <v>86</v>
      </c>
      <c r="AN13568">
        <v>87</v>
      </c>
      <c r="AO13568">
        <v>87</v>
      </c>
      <c r="AP13568">
        <v>87</v>
      </c>
      <c r="AQ13568">
        <v>87</v>
      </c>
    </row>
    <row r="13569" spans="1:43">
      <c r="A13569" t="s">
        <v>8426</v>
      </c>
      <c r="B13569" t="s">
        <v>8427</v>
      </c>
      <c r="C13569" t="s">
        <v>8416</v>
      </c>
      <c r="D13569" t="s">
        <v>8417</v>
      </c>
      <c r="E13569" t="s">
        <v>8296</v>
      </c>
      <c r="F13569" t="s">
        <v>8297</v>
      </c>
      <c r="G13569" t="s">
        <v>80</v>
      </c>
      <c r="H13569" t="s">
        <v>81</v>
      </c>
      <c r="I13569" s="2">
        <v>0</v>
      </c>
      <c r="J13569" s="2">
        <v>1</v>
      </c>
      <c r="K13569" s="2">
        <v>0</v>
      </c>
      <c r="L13569" t="s">
        <v>82</v>
      </c>
      <c r="M13569" t="s">
        <v>83</v>
      </c>
      <c r="N13569" t="s">
        <v>91</v>
      </c>
      <c r="O13569" t="s">
        <v>85</v>
      </c>
      <c r="P13569" t="s">
        <v>86</v>
      </c>
      <c r="Q13569">
        <v>62</v>
      </c>
      <c r="R13569">
        <v>63</v>
      </c>
      <c r="S13569">
        <v>64</v>
      </c>
      <c r="T13569">
        <v>66</v>
      </c>
      <c r="U13569">
        <v>67</v>
      </c>
      <c r="V13569">
        <v>68</v>
      </c>
      <c r="W13569">
        <v>69</v>
      </c>
      <c r="X13569">
        <v>70</v>
      </c>
      <c r="Y13569">
        <v>72</v>
      </c>
      <c r="Z13569">
        <v>73</v>
      </c>
      <c r="AA13569">
        <v>74</v>
      </c>
      <c r="AB13569">
        <v>75</v>
      </c>
      <c r="AC13569">
        <v>76</v>
      </c>
      <c r="AD13569">
        <v>77</v>
      </c>
      <c r="AE13569">
        <v>78</v>
      </c>
      <c r="AF13569">
        <v>80</v>
      </c>
      <c r="AG13569">
        <v>81</v>
      </c>
      <c r="AH13569">
        <v>82</v>
      </c>
      <c r="AI13569">
        <v>83</v>
      </c>
      <c r="AJ13569">
        <v>84</v>
      </c>
      <c r="AK13569">
        <v>85</v>
      </c>
      <c r="AL13569">
        <v>86</v>
      </c>
      <c r="AM13569">
        <v>86</v>
      </c>
      <c r="AN13569">
        <v>87</v>
      </c>
      <c r="AO13569">
        <v>87</v>
      </c>
      <c r="AP13569">
        <v>87</v>
      </c>
      <c r="AQ13569">
        <v>88</v>
      </c>
    </row>
    <row r="13570" spans="1:43">
      <c r="A13570" t="s">
        <v>8428</v>
      </c>
      <c r="B13570" t="s">
        <v>8429</v>
      </c>
      <c r="C13570" t="s">
        <v>8416</v>
      </c>
      <c r="D13570" t="s">
        <v>8417</v>
      </c>
      <c r="E13570" t="s">
        <v>8296</v>
      </c>
      <c r="F13570" t="s">
        <v>8297</v>
      </c>
      <c r="G13570" t="s">
        <v>80</v>
      </c>
      <c r="H13570" t="s">
        <v>81</v>
      </c>
      <c r="I13570" s="2">
        <v>0</v>
      </c>
      <c r="J13570" s="2">
        <v>1</v>
      </c>
      <c r="K13570" s="2">
        <v>0</v>
      </c>
      <c r="L13570" t="s">
        <v>82</v>
      </c>
      <c r="M13570" t="s">
        <v>83</v>
      </c>
      <c r="N13570" t="s">
        <v>84</v>
      </c>
      <c r="O13570" t="s">
        <v>85</v>
      </c>
      <c r="P13570" t="s">
        <v>86</v>
      </c>
      <c r="Q13570">
        <v>67</v>
      </c>
      <c r="R13570">
        <v>68</v>
      </c>
      <c r="S13570">
        <v>70</v>
      </c>
      <c r="T13570">
        <v>71</v>
      </c>
      <c r="U13570">
        <v>72</v>
      </c>
      <c r="V13570">
        <v>74</v>
      </c>
      <c r="W13570">
        <v>75</v>
      </c>
      <c r="X13570">
        <v>76</v>
      </c>
      <c r="Y13570">
        <v>77</v>
      </c>
      <c r="Z13570">
        <v>79</v>
      </c>
      <c r="AA13570">
        <v>80</v>
      </c>
      <c r="AB13570">
        <v>81</v>
      </c>
      <c r="AC13570">
        <v>82</v>
      </c>
      <c r="AD13570">
        <v>84</v>
      </c>
      <c r="AE13570">
        <v>85</v>
      </c>
      <c r="AF13570">
        <v>86</v>
      </c>
      <c r="AG13570">
        <v>87</v>
      </c>
      <c r="AH13570">
        <v>89</v>
      </c>
      <c r="AI13570">
        <v>90</v>
      </c>
      <c r="AJ13570">
        <v>91</v>
      </c>
      <c r="AK13570">
        <v>92</v>
      </c>
      <c r="AL13570">
        <v>93</v>
      </c>
      <c r="AM13570">
        <v>93</v>
      </c>
      <c r="AN13570">
        <v>94</v>
      </c>
      <c r="AO13570">
        <v>94</v>
      </c>
      <c r="AP13570">
        <v>94</v>
      </c>
      <c r="AQ13570">
        <v>95</v>
      </c>
    </row>
    <row r="13571" spans="1:43">
      <c r="A13571" t="s">
        <v>8428</v>
      </c>
      <c r="B13571" t="s">
        <v>8429</v>
      </c>
      <c r="C13571" t="s">
        <v>8416</v>
      </c>
      <c r="D13571" t="s">
        <v>8417</v>
      </c>
      <c r="E13571" t="s">
        <v>8296</v>
      </c>
      <c r="F13571" t="s">
        <v>8297</v>
      </c>
      <c r="G13571" t="s">
        <v>80</v>
      </c>
      <c r="H13571" t="s">
        <v>81</v>
      </c>
      <c r="I13571" s="2">
        <v>0</v>
      </c>
      <c r="J13571" s="2">
        <v>1</v>
      </c>
      <c r="K13571" s="2">
        <v>0</v>
      </c>
      <c r="L13571" t="s">
        <v>82</v>
      </c>
      <c r="M13571" t="s">
        <v>87</v>
      </c>
      <c r="N13571" t="s">
        <v>88</v>
      </c>
      <c r="O13571" t="s">
        <v>85</v>
      </c>
      <c r="P13571" t="s">
        <v>86</v>
      </c>
      <c r="Q13571">
        <v>67</v>
      </c>
      <c r="R13571">
        <v>67</v>
      </c>
      <c r="S13571">
        <v>68</v>
      </c>
      <c r="T13571">
        <v>68</v>
      </c>
      <c r="U13571">
        <v>69</v>
      </c>
      <c r="V13571">
        <v>70</v>
      </c>
      <c r="W13571">
        <v>70</v>
      </c>
      <c r="X13571">
        <v>71</v>
      </c>
      <c r="Y13571">
        <v>72</v>
      </c>
      <c r="Z13571">
        <v>72</v>
      </c>
      <c r="AA13571">
        <v>73</v>
      </c>
      <c r="AB13571">
        <v>73</v>
      </c>
      <c r="AC13571">
        <v>74</v>
      </c>
      <c r="AD13571">
        <v>75</v>
      </c>
      <c r="AE13571">
        <v>75</v>
      </c>
      <c r="AF13571">
        <v>76</v>
      </c>
      <c r="AG13571">
        <v>76</v>
      </c>
      <c r="AH13571">
        <v>77</v>
      </c>
      <c r="AI13571">
        <v>77</v>
      </c>
      <c r="AJ13571">
        <v>78</v>
      </c>
      <c r="AK13571">
        <v>79</v>
      </c>
      <c r="AL13571">
        <v>79</v>
      </c>
      <c r="AM13571">
        <v>80</v>
      </c>
      <c r="AN13571">
        <v>80</v>
      </c>
      <c r="AO13571">
        <v>81</v>
      </c>
      <c r="AP13571">
        <v>81</v>
      </c>
      <c r="AQ13571">
        <v>82</v>
      </c>
    </row>
    <row r="13572" spans="1:43">
      <c r="A13572" t="s">
        <v>8428</v>
      </c>
      <c r="B13572" t="s">
        <v>8429</v>
      </c>
      <c r="C13572" t="s">
        <v>8416</v>
      </c>
      <c r="D13572" t="s">
        <v>8417</v>
      </c>
      <c r="E13572" t="s">
        <v>8296</v>
      </c>
      <c r="F13572" t="s">
        <v>8297</v>
      </c>
      <c r="G13572" t="s">
        <v>80</v>
      </c>
      <c r="H13572" t="s">
        <v>81</v>
      </c>
      <c r="I13572" s="2">
        <v>0</v>
      </c>
      <c r="J13572" s="2">
        <v>1</v>
      </c>
      <c r="K13572" s="2">
        <v>0</v>
      </c>
      <c r="L13572" t="s">
        <v>82</v>
      </c>
      <c r="M13572" t="s">
        <v>89</v>
      </c>
      <c r="N13572" t="s">
        <v>90</v>
      </c>
      <c r="O13572" t="s">
        <v>85</v>
      </c>
      <c r="P13572" t="s">
        <v>86</v>
      </c>
      <c r="Q13572">
        <v>67</v>
      </c>
      <c r="R13572">
        <v>69</v>
      </c>
      <c r="S13572">
        <v>70</v>
      </c>
      <c r="T13572">
        <v>72</v>
      </c>
      <c r="U13572">
        <v>74</v>
      </c>
      <c r="V13572">
        <v>76</v>
      </c>
      <c r="W13572">
        <v>78</v>
      </c>
      <c r="X13572">
        <v>79</v>
      </c>
      <c r="Y13572">
        <v>81</v>
      </c>
      <c r="Z13572">
        <v>83</v>
      </c>
      <c r="AA13572">
        <v>84</v>
      </c>
      <c r="AB13572">
        <v>86</v>
      </c>
      <c r="AC13572">
        <v>87</v>
      </c>
      <c r="AD13572">
        <v>89</v>
      </c>
      <c r="AE13572">
        <v>90</v>
      </c>
      <c r="AF13572">
        <v>90</v>
      </c>
      <c r="AG13572">
        <v>91</v>
      </c>
      <c r="AH13572">
        <v>91</v>
      </c>
      <c r="AI13572">
        <v>92</v>
      </c>
      <c r="AJ13572">
        <v>92</v>
      </c>
      <c r="AK13572">
        <v>93</v>
      </c>
      <c r="AL13572">
        <v>93</v>
      </c>
      <c r="AM13572">
        <v>93</v>
      </c>
      <c r="AN13572">
        <v>94</v>
      </c>
      <c r="AO13572">
        <v>94</v>
      </c>
      <c r="AP13572">
        <v>94</v>
      </c>
      <c r="AQ13572">
        <v>95</v>
      </c>
    </row>
    <row r="13573" spans="1:43">
      <c r="A13573" t="s">
        <v>8428</v>
      </c>
      <c r="B13573" t="s">
        <v>8429</v>
      </c>
      <c r="C13573" t="s">
        <v>8416</v>
      </c>
      <c r="D13573" t="s">
        <v>8417</v>
      </c>
      <c r="E13573" t="s">
        <v>8296</v>
      </c>
      <c r="F13573" t="s">
        <v>8297</v>
      </c>
      <c r="G13573" t="s">
        <v>80</v>
      </c>
      <c r="H13573" t="s">
        <v>81</v>
      </c>
      <c r="I13573" s="2">
        <v>0</v>
      </c>
      <c r="J13573" s="2">
        <v>1</v>
      </c>
      <c r="K13573" s="2">
        <v>0</v>
      </c>
      <c r="L13573" t="s">
        <v>82</v>
      </c>
      <c r="M13573" t="s">
        <v>83</v>
      </c>
      <c r="N13573" t="s">
        <v>91</v>
      </c>
      <c r="O13573" t="s">
        <v>85</v>
      </c>
      <c r="P13573" t="s">
        <v>86</v>
      </c>
      <c r="Q13573">
        <v>67</v>
      </c>
      <c r="R13573">
        <v>68</v>
      </c>
      <c r="S13573">
        <v>70</v>
      </c>
      <c r="T13573">
        <v>71</v>
      </c>
      <c r="U13573">
        <v>72</v>
      </c>
      <c r="V13573">
        <v>74</v>
      </c>
      <c r="W13573">
        <v>75</v>
      </c>
      <c r="X13573">
        <v>76</v>
      </c>
      <c r="Y13573">
        <v>77</v>
      </c>
      <c r="Z13573">
        <v>79</v>
      </c>
      <c r="AA13573">
        <v>80</v>
      </c>
      <c r="AB13573">
        <v>81</v>
      </c>
      <c r="AC13573">
        <v>82</v>
      </c>
      <c r="AD13573">
        <v>84</v>
      </c>
      <c r="AE13573">
        <v>85</v>
      </c>
      <c r="AF13573">
        <v>86</v>
      </c>
      <c r="AG13573">
        <v>87</v>
      </c>
      <c r="AH13573">
        <v>89</v>
      </c>
      <c r="AI13573">
        <v>90</v>
      </c>
      <c r="AJ13573">
        <v>91</v>
      </c>
      <c r="AK13573">
        <v>92</v>
      </c>
      <c r="AL13573">
        <v>93</v>
      </c>
      <c r="AM13573">
        <v>93</v>
      </c>
      <c r="AN13573">
        <v>94</v>
      </c>
      <c r="AO13573">
        <v>94</v>
      </c>
      <c r="AP13573">
        <v>94</v>
      </c>
      <c r="AQ13573">
        <v>95</v>
      </c>
    </row>
    <row r="13574" spans="1:43">
      <c r="A13574" t="s">
        <v>8430</v>
      </c>
      <c r="B13574" t="s">
        <v>8431</v>
      </c>
      <c r="C13574" t="s">
        <v>8432</v>
      </c>
      <c r="D13574" t="s">
        <v>8433</v>
      </c>
      <c r="E13574" t="s">
        <v>8296</v>
      </c>
      <c r="F13574" t="s">
        <v>8297</v>
      </c>
      <c r="G13574" t="s">
        <v>80</v>
      </c>
      <c r="H13574" t="s">
        <v>81</v>
      </c>
      <c r="I13574" s="2">
        <v>0</v>
      </c>
      <c r="J13574" s="2">
        <v>1</v>
      </c>
      <c r="K13574" s="2">
        <v>0</v>
      </c>
      <c r="L13574" t="s">
        <v>82</v>
      </c>
      <c r="M13574" t="s">
        <v>83</v>
      </c>
      <c r="N13574" t="s">
        <v>84</v>
      </c>
      <c r="O13574" t="s">
        <v>85</v>
      </c>
      <c r="P13574" t="s">
        <v>86</v>
      </c>
      <c r="Q13574">
        <v>43</v>
      </c>
      <c r="R13574">
        <v>44</v>
      </c>
      <c r="S13574">
        <v>45</v>
      </c>
      <c r="T13574">
        <v>46</v>
      </c>
      <c r="U13574">
        <v>47</v>
      </c>
      <c r="V13574">
        <v>48</v>
      </c>
      <c r="W13574">
        <v>48</v>
      </c>
      <c r="X13574">
        <v>49</v>
      </c>
      <c r="Y13574">
        <v>50</v>
      </c>
      <c r="Z13574">
        <v>51</v>
      </c>
      <c r="AA13574">
        <v>52</v>
      </c>
      <c r="AB13574">
        <v>53</v>
      </c>
      <c r="AC13574">
        <v>53</v>
      </c>
      <c r="AD13574">
        <v>54</v>
      </c>
      <c r="AE13574">
        <v>55</v>
      </c>
      <c r="AF13574">
        <v>56</v>
      </c>
      <c r="AG13574">
        <v>57</v>
      </c>
      <c r="AH13574">
        <v>57</v>
      </c>
      <c r="AI13574">
        <v>58</v>
      </c>
      <c r="AJ13574">
        <v>59</v>
      </c>
      <c r="AK13574">
        <v>60</v>
      </c>
      <c r="AL13574">
        <v>60</v>
      </c>
      <c r="AM13574">
        <v>61</v>
      </c>
      <c r="AN13574">
        <v>61</v>
      </c>
      <c r="AO13574">
        <v>61</v>
      </c>
      <c r="AP13574">
        <v>61</v>
      </c>
      <c r="AQ13574">
        <v>61</v>
      </c>
    </row>
    <row r="13575" spans="1:43">
      <c r="A13575" t="s">
        <v>8430</v>
      </c>
      <c r="B13575" t="s">
        <v>8431</v>
      </c>
      <c r="C13575" t="s">
        <v>8432</v>
      </c>
      <c r="D13575" t="s">
        <v>8433</v>
      </c>
      <c r="E13575" t="s">
        <v>8296</v>
      </c>
      <c r="F13575" t="s">
        <v>8297</v>
      </c>
      <c r="G13575" t="s">
        <v>80</v>
      </c>
      <c r="H13575" t="s">
        <v>81</v>
      </c>
      <c r="I13575" s="2">
        <v>0</v>
      </c>
      <c r="J13575" s="2">
        <v>1</v>
      </c>
      <c r="K13575" s="2">
        <v>0</v>
      </c>
      <c r="L13575" t="s">
        <v>82</v>
      </c>
      <c r="M13575" t="s">
        <v>87</v>
      </c>
      <c r="N13575" t="s">
        <v>88</v>
      </c>
      <c r="O13575" t="s">
        <v>85</v>
      </c>
      <c r="P13575" t="s">
        <v>86</v>
      </c>
      <c r="Q13575">
        <v>43</v>
      </c>
      <c r="R13575">
        <v>43</v>
      </c>
      <c r="S13575">
        <v>44</v>
      </c>
      <c r="T13575">
        <v>44</v>
      </c>
      <c r="U13575">
        <v>45</v>
      </c>
      <c r="V13575">
        <v>45</v>
      </c>
      <c r="W13575">
        <v>45</v>
      </c>
      <c r="X13575">
        <v>46</v>
      </c>
      <c r="Y13575">
        <v>46</v>
      </c>
      <c r="Z13575">
        <v>47</v>
      </c>
      <c r="AA13575">
        <v>47</v>
      </c>
      <c r="AB13575">
        <v>47</v>
      </c>
      <c r="AC13575">
        <v>48</v>
      </c>
      <c r="AD13575">
        <v>48</v>
      </c>
      <c r="AE13575">
        <v>49</v>
      </c>
      <c r="AF13575">
        <v>49</v>
      </c>
      <c r="AG13575">
        <v>49</v>
      </c>
      <c r="AH13575">
        <v>50</v>
      </c>
      <c r="AI13575">
        <v>50</v>
      </c>
      <c r="AJ13575">
        <v>51</v>
      </c>
      <c r="AK13575">
        <v>51</v>
      </c>
      <c r="AL13575">
        <v>51</v>
      </c>
      <c r="AM13575">
        <v>52</v>
      </c>
      <c r="AN13575">
        <v>52</v>
      </c>
      <c r="AO13575">
        <v>52</v>
      </c>
      <c r="AP13575">
        <v>53</v>
      </c>
      <c r="AQ13575">
        <v>53</v>
      </c>
    </row>
    <row r="13576" spans="1:43">
      <c r="A13576" t="s">
        <v>8430</v>
      </c>
      <c r="B13576" t="s">
        <v>8431</v>
      </c>
      <c r="C13576" t="s">
        <v>8432</v>
      </c>
      <c r="D13576" t="s">
        <v>8433</v>
      </c>
      <c r="E13576" t="s">
        <v>8296</v>
      </c>
      <c r="F13576" t="s">
        <v>8297</v>
      </c>
      <c r="G13576" t="s">
        <v>80</v>
      </c>
      <c r="H13576" t="s">
        <v>81</v>
      </c>
      <c r="I13576" s="2">
        <v>0</v>
      </c>
      <c r="J13576" s="2">
        <v>1</v>
      </c>
      <c r="K13576" s="2">
        <v>0</v>
      </c>
      <c r="L13576" t="s">
        <v>82</v>
      </c>
      <c r="M13576" t="s">
        <v>89</v>
      </c>
      <c r="N13576" t="s">
        <v>90</v>
      </c>
      <c r="O13576" t="s">
        <v>85</v>
      </c>
      <c r="P13576" t="s">
        <v>86</v>
      </c>
      <c r="Q13576">
        <v>43</v>
      </c>
      <c r="R13576">
        <v>44</v>
      </c>
      <c r="S13576">
        <v>45</v>
      </c>
      <c r="T13576">
        <v>46</v>
      </c>
      <c r="U13576">
        <v>48</v>
      </c>
      <c r="V13576">
        <v>49</v>
      </c>
      <c r="W13576">
        <v>50</v>
      </c>
      <c r="X13576">
        <v>51</v>
      </c>
      <c r="Y13576">
        <v>52</v>
      </c>
      <c r="Z13576">
        <v>53</v>
      </c>
      <c r="AA13576">
        <v>54</v>
      </c>
      <c r="AB13576">
        <v>55</v>
      </c>
      <c r="AC13576">
        <v>56</v>
      </c>
      <c r="AD13576">
        <v>57</v>
      </c>
      <c r="AE13576">
        <v>58</v>
      </c>
      <c r="AF13576">
        <v>58</v>
      </c>
      <c r="AG13576">
        <v>59</v>
      </c>
      <c r="AH13576">
        <v>59</v>
      </c>
      <c r="AI13576">
        <v>59</v>
      </c>
      <c r="AJ13576">
        <v>59</v>
      </c>
      <c r="AK13576">
        <v>60</v>
      </c>
      <c r="AL13576">
        <v>60</v>
      </c>
      <c r="AM13576">
        <v>60</v>
      </c>
      <c r="AN13576">
        <v>60</v>
      </c>
      <c r="AO13576">
        <v>60</v>
      </c>
      <c r="AP13576">
        <v>61</v>
      </c>
      <c r="AQ13576">
        <v>61</v>
      </c>
    </row>
    <row r="13577" spans="1:43">
      <c r="A13577" t="s">
        <v>8430</v>
      </c>
      <c r="B13577" t="s">
        <v>8431</v>
      </c>
      <c r="C13577" t="s">
        <v>8432</v>
      </c>
      <c r="D13577" t="s">
        <v>8433</v>
      </c>
      <c r="E13577" t="s">
        <v>8296</v>
      </c>
      <c r="F13577" t="s">
        <v>8297</v>
      </c>
      <c r="G13577" t="s">
        <v>80</v>
      </c>
      <c r="H13577" t="s">
        <v>81</v>
      </c>
      <c r="I13577" s="2">
        <v>0</v>
      </c>
      <c r="J13577" s="2">
        <v>1</v>
      </c>
      <c r="K13577" s="2">
        <v>0</v>
      </c>
      <c r="L13577" t="s">
        <v>82</v>
      </c>
      <c r="M13577" t="s">
        <v>83</v>
      </c>
      <c r="N13577" t="s">
        <v>91</v>
      </c>
      <c r="O13577" t="s">
        <v>85</v>
      </c>
      <c r="P13577" t="s">
        <v>86</v>
      </c>
      <c r="Q13577">
        <v>43</v>
      </c>
      <c r="R13577">
        <v>44</v>
      </c>
      <c r="S13577">
        <v>45</v>
      </c>
      <c r="T13577">
        <v>46</v>
      </c>
      <c r="U13577">
        <v>47</v>
      </c>
      <c r="V13577">
        <v>48</v>
      </c>
      <c r="W13577">
        <v>48</v>
      </c>
      <c r="X13577">
        <v>49</v>
      </c>
      <c r="Y13577">
        <v>50</v>
      </c>
      <c r="Z13577">
        <v>51</v>
      </c>
      <c r="AA13577">
        <v>52</v>
      </c>
      <c r="AB13577">
        <v>53</v>
      </c>
      <c r="AC13577">
        <v>53</v>
      </c>
      <c r="AD13577">
        <v>54</v>
      </c>
      <c r="AE13577">
        <v>55</v>
      </c>
      <c r="AF13577">
        <v>56</v>
      </c>
      <c r="AG13577">
        <v>57</v>
      </c>
      <c r="AH13577">
        <v>57</v>
      </c>
      <c r="AI13577">
        <v>58</v>
      </c>
      <c r="AJ13577">
        <v>59</v>
      </c>
      <c r="AK13577">
        <v>60</v>
      </c>
      <c r="AL13577">
        <v>60</v>
      </c>
      <c r="AM13577">
        <v>61</v>
      </c>
      <c r="AN13577">
        <v>61</v>
      </c>
      <c r="AO13577">
        <v>61</v>
      </c>
      <c r="AP13577">
        <v>61</v>
      </c>
      <c r="AQ13577">
        <v>61</v>
      </c>
    </row>
    <row r="13578" spans="1:43">
      <c r="A13578" t="s">
        <v>8434</v>
      </c>
      <c r="B13578" t="s">
        <v>8435</v>
      </c>
      <c r="C13578" t="s">
        <v>8436</v>
      </c>
      <c r="D13578" t="s">
        <v>8437</v>
      </c>
      <c r="E13578" t="s">
        <v>8296</v>
      </c>
      <c r="F13578" t="s">
        <v>8297</v>
      </c>
      <c r="G13578" t="s">
        <v>80</v>
      </c>
      <c r="H13578" t="s">
        <v>81</v>
      </c>
      <c r="I13578" s="2">
        <v>0</v>
      </c>
      <c r="J13578" s="2">
        <v>1</v>
      </c>
      <c r="K13578" s="2">
        <v>0</v>
      </c>
      <c r="L13578" t="s">
        <v>82</v>
      </c>
      <c r="M13578" t="s">
        <v>83</v>
      </c>
      <c r="N13578" t="s">
        <v>84</v>
      </c>
      <c r="O13578" t="s">
        <v>85</v>
      </c>
      <c r="P13578" t="s">
        <v>86</v>
      </c>
      <c r="Q13578">
        <v>102</v>
      </c>
      <c r="R13578">
        <v>104</v>
      </c>
      <c r="S13578">
        <v>106</v>
      </c>
      <c r="T13578">
        <v>108</v>
      </c>
      <c r="U13578">
        <v>110</v>
      </c>
      <c r="V13578">
        <v>112</v>
      </c>
      <c r="W13578">
        <v>114</v>
      </c>
      <c r="X13578">
        <v>116</v>
      </c>
      <c r="Y13578">
        <v>118</v>
      </c>
      <c r="Z13578">
        <v>120</v>
      </c>
      <c r="AA13578">
        <v>122</v>
      </c>
      <c r="AB13578">
        <v>124</v>
      </c>
      <c r="AC13578">
        <v>126</v>
      </c>
      <c r="AD13578">
        <v>128</v>
      </c>
      <c r="AE13578">
        <v>130</v>
      </c>
      <c r="AF13578">
        <v>132</v>
      </c>
      <c r="AG13578">
        <v>134</v>
      </c>
      <c r="AH13578">
        <v>136</v>
      </c>
      <c r="AI13578">
        <v>138</v>
      </c>
      <c r="AJ13578">
        <v>140</v>
      </c>
      <c r="AK13578">
        <v>142</v>
      </c>
      <c r="AL13578">
        <v>143</v>
      </c>
      <c r="AM13578">
        <v>143</v>
      </c>
      <c r="AN13578">
        <v>144</v>
      </c>
      <c r="AO13578">
        <v>144</v>
      </c>
      <c r="AP13578">
        <v>145</v>
      </c>
      <c r="AQ13578">
        <v>145</v>
      </c>
    </row>
    <row r="13579" spans="1:43">
      <c r="A13579" t="s">
        <v>8434</v>
      </c>
      <c r="B13579" t="s">
        <v>8435</v>
      </c>
      <c r="C13579" t="s">
        <v>8436</v>
      </c>
      <c r="D13579" t="s">
        <v>8437</v>
      </c>
      <c r="E13579" t="s">
        <v>8296</v>
      </c>
      <c r="F13579" t="s">
        <v>8297</v>
      </c>
      <c r="G13579" t="s">
        <v>80</v>
      </c>
      <c r="H13579" t="s">
        <v>81</v>
      </c>
      <c r="I13579" s="2">
        <v>0</v>
      </c>
      <c r="J13579" s="2">
        <v>1</v>
      </c>
      <c r="K13579" s="2">
        <v>0</v>
      </c>
      <c r="L13579" t="s">
        <v>82</v>
      </c>
      <c r="M13579" t="s">
        <v>87</v>
      </c>
      <c r="N13579" t="s">
        <v>88</v>
      </c>
      <c r="O13579" t="s">
        <v>85</v>
      </c>
      <c r="P13579" t="s">
        <v>86</v>
      </c>
      <c r="Q13579">
        <v>102</v>
      </c>
      <c r="R13579">
        <v>103</v>
      </c>
      <c r="S13579">
        <v>104</v>
      </c>
      <c r="T13579">
        <v>105</v>
      </c>
      <c r="U13579">
        <v>106</v>
      </c>
      <c r="V13579">
        <v>107</v>
      </c>
      <c r="W13579">
        <v>108</v>
      </c>
      <c r="X13579">
        <v>109</v>
      </c>
      <c r="Y13579">
        <v>110</v>
      </c>
      <c r="Z13579">
        <v>111</v>
      </c>
      <c r="AA13579">
        <v>112</v>
      </c>
      <c r="AB13579">
        <v>113</v>
      </c>
      <c r="AC13579">
        <v>114</v>
      </c>
      <c r="AD13579">
        <v>115</v>
      </c>
      <c r="AE13579">
        <v>116</v>
      </c>
      <c r="AF13579">
        <v>117</v>
      </c>
      <c r="AG13579">
        <v>118</v>
      </c>
      <c r="AH13579">
        <v>119</v>
      </c>
      <c r="AI13579">
        <v>120</v>
      </c>
      <c r="AJ13579">
        <v>121</v>
      </c>
      <c r="AK13579">
        <v>122</v>
      </c>
      <c r="AL13579">
        <v>123</v>
      </c>
      <c r="AM13579">
        <v>124</v>
      </c>
      <c r="AN13579">
        <v>125</v>
      </c>
      <c r="AO13579">
        <v>125</v>
      </c>
      <c r="AP13579">
        <v>126</v>
      </c>
      <c r="AQ13579">
        <v>127</v>
      </c>
    </row>
    <row r="13580" spans="1:43">
      <c r="A13580" t="s">
        <v>8434</v>
      </c>
      <c r="B13580" t="s">
        <v>8435</v>
      </c>
      <c r="C13580" t="s">
        <v>8436</v>
      </c>
      <c r="D13580" t="s">
        <v>8437</v>
      </c>
      <c r="E13580" t="s">
        <v>8296</v>
      </c>
      <c r="F13580" t="s">
        <v>8297</v>
      </c>
      <c r="G13580" t="s">
        <v>80</v>
      </c>
      <c r="H13580" t="s">
        <v>81</v>
      </c>
      <c r="I13580" s="2">
        <v>0</v>
      </c>
      <c r="J13580" s="2">
        <v>1</v>
      </c>
      <c r="K13580" s="2">
        <v>0</v>
      </c>
      <c r="L13580" t="s">
        <v>82</v>
      </c>
      <c r="M13580" t="s">
        <v>89</v>
      </c>
      <c r="N13580" t="s">
        <v>90</v>
      </c>
      <c r="O13580" t="s">
        <v>85</v>
      </c>
      <c r="P13580" t="s">
        <v>86</v>
      </c>
      <c r="Q13580">
        <v>102</v>
      </c>
      <c r="R13580">
        <v>105</v>
      </c>
      <c r="S13580">
        <v>108</v>
      </c>
      <c r="T13580">
        <v>111</v>
      </c>
      <c r="U13580">
        <v>114</v>
      </c>
      <c r="V13580">
        <v>116</v>
      </c>
      <c r="W13580">
        <v>119</v>
      </c>
      <c r="X13580">
        <v>122</v>
      </c>
      <c r="Y13580">
        <v>124</v>
      </c>
      <c r="Z13580">
        <v>127</v>
      </c>
      <c r="AA13580">
        <v>129</v>
      </c>
      <c r="AB13580">
        <v>132</v>
      </c>
      <c r="AC13580">
        <v>135</v>
      </c>
      <c r="AD13580">
        <v>137</v>
      </c>
      <c r="AE13580">
        <v>139</v>
      </c>
      <c r="AF13580">
        <v>139</v>
      </c>
      <c r="AG13580">
        <v>140</v>
      </c>
      <c r="AH13580">
        <v>140</v>
      </c>
      <c r="AI13580">
        <v>141</v>
      </c>
      <c r="AJ13580">
        <v>142</v>
      </c>
      <c r="AK13580">
        <v>142</v>
      </c>
      <c r="AL13580">
        <v>142</v>
      </c>
      <c r="AM13580">
        <v>143</v>
      </c>
      <c r="AN13580">
        <v>143</v>
      </c>
      <c r="AO13580">
        <v>144</v>
      </c>
      <c r="AP13580">
        <v>144</v>
      </c>
      <c r="AQ13580">
        <v>145</v>
      </c>
    </row>
    <row r="13581" spans="1:43">
      <c r="A13581" t="s">
        <v>8434</v>
      </c>
      <c r="B13581" t="s">
        <v>8435</v>
      </c>
      <c r="C13581" t="s">
        <v>8436</v>
      </c>
      <c r="D13581" t="s">
        <v>8437</v>
      </c>
      <c r="E13581" t="s">
        <v>8296</v>
      </c>
      <c r="F13581" t="s">
        <v>8297</v>
      </c>
      <c r="G13581" t="s">
        <v>80</v>
      </c>
      <c r="H13581" t="s">
        <v>81</v>
      </c>
      <c r="I13581" s="2">
        <v>0</v>
      </c>
      <c r="J13581" s="2">
        <v>1</v>
      </c>
      <c r="K13581" s="2">
        <v>0</v>
      </c>
      <c r="L13581" t="s">
        <v>82</v>
      </c>
      <c r="M13581" t="s">
        <v>83</v>
      </c>
      <c r="N13581" t="s">
        <v>91</v>
      </c>
      <c r="O13581" t="s">
        <v>85</v>
      </c>
      <c r="P13581" t="s">
        <v>86</v>
      </c>
      <c r="Q13581">
        <v>102</v>
      </c>
      <c r="R13581">
        <v>104</v>
      </c>
      <c r="S13581">
        <v>106</v>
      </c>
      <c r="T13581">
        <v>108</v>
      </c>
      <c r="U13581">
        <v>110</v>
      </c>
      <c r="V13581">
        <v>112</v>
      </c>
      <c r="W13581">
        <v>114</v>
      </c>
      <c r="X13581">
        <v>116</v>
      </c>
      <c r="Y13581">
        <v>118</v>
      </c>
      <c r="Z13581">
        <v>120</v>
      </c>
      <c r="AA13581">
        <v>122</v>
      </c>
      <c r="AB13581">
        <v>124</v>
      </c>
      <c r="AC13581">
        <v>126</v>
      </c>
      <c r="AD13581">
        <v>128</v>
      </c>
      <c r="AE13581">
        <v>130</v>
      </c>
      <c r="AF13581">
        <v>132</v>
      </c>
      <c r="AG13581">
        <v>134</v>
      </c>
      <c r="AH13581">
        <v>136</v>
      </c>
      <c r="AI13581">
        <v>138</v>
      </c>
      <c r="AJ13581">
        <v>140</v>
      </c>
      <c r="AK13581">
        <v>142</v>
      </c>
      <c r="AL13581">
        <v>143</v>
      </c>
      <c r="AM13581">
        <v>143</v>
      </c>
      <c r="AN13581">
        <v>144</v>
      </c>
      <c r="AO13581">
        <v>144</v>
      </c>
      <c r="AP13581">
        <v>145</v>
      </c>
      <c r="AQ13581">
        <v>145</v>
      </c>
    </row>
    <row r="13582" spans="1:43">
      <c r="A13582" t="s">
        <v>8438</v>
      </c>
      <c r="B13582" t="s">
        <v>8439</v>
      </c>
      <c r="C13582" t="s">
        <v>8440</v>
      </c>
      <c r="D13582" t="s">
        <v>8441</v>
      </c>
      <c r="E13582" t="s">
        <v>8296</v>
      </c>
      <c r="F13582" t="s">
        <v>8297</v>
      </c>
      <c r="G13582" t="s">
        <v>80</v>
      </c>
      <c r="H13582" t="s">
        <v>81</v>
      </c>
      <c r="I13582" s="2">
        <v>0</v>
      </c>
      <c r="J13582" s="2">
        <v>1</v>
      </c>
      <c r="K13582" s="2">
        <v>0</v>
      </c>
      <c r="L13582" t="s">
        <v>82</v>
      </c>
      <c r="M13582" t="s">
        <v>83</v>
      </c>
      <c r="N13582" t="s">
        <v>84</v>
      </c>
      <c r="O13582" t="s">
        <v>85</v>
      </c>
      <c r="P13582" t="s">
        <v>86</v>
      </c>
      <c r="Q13582">
        <v>48</v>
      </c>
      <c r="R13582">
        <v>49</v>
      </c>
      <c r="S13582">
        <v>50</v>
      </c>
      <c r="T13582">
        <v>51</v>
      </c>
      <c r="U13582">
        <v>52</v>
      </c>
      <c r="V13582">
        <v>53</v>
      </c>
      <c r="W13582">
        <v>54</v>
      </c>
      <c r="X13582">
        <v>55</v>
      </c>
      <c r="Y13582">
        <v>56</v>
      </c>
      <c r="Z13582">
        <v>57</v>
      </c>
      <c r="AA13582">
        <v>58</v>
      </c>
      <c r="AB13582">
        <v>59</v>
      </c>
      <c r="AC13582">
        <v>60</v>
      </c>
      <c r="AD13582">
        <v>60</v>
      </c>
      <c r="AE13582">
        <v>61</v>
      </c>
      <c r="AF13582">
        <v>62</v>
      </c>
      <c r="AG13582">
        <v>63</v>
      </c>
      <c r="AH13582">
        <v>64</v>
      </c>
      <c r="AI13582">
        <v>65</v>
      </c>
      <c r="AJ13582">
        <v>66</v>
      </c>
      <c r="AK13582">
        <v>67</v>
      </c>
      <c r="AL13582">
        <v>67</v>
      </c>
      <c r="AM13582">
        <v>68</v>
      </c>
      <c r="AN13582">
        <v>68</v>
      </c>
      <c r="AO13582">
        <v>68</v>
      </c>
      <c r="AP13582">
        <v>68</v>
      </c>
      <c r="AQ13582">
        <v>69</v>
      </c>
    </row>
    <row r="13583" spans="1:43">
      <c r="A13583" t="s">
        <v>8438</v>
      </c>
      <c r="B13583" t="s">
        <v>8439</v>
      </c>
      <c r="C13583" t="s">
        <v>8440</v>
      </c>
      <c r="D13583" t="s">
        <v>8441</v>
      </c>
      <c r="E13583" t="s">
        <v>8296</v>
      </c>
      <c r="F13583" t="s">
        <v>8297</v>
      </c>
      <c r="G13583" t="s">
        <v>80</v>
      </c>
      <c r="H13583" t="s">
        <v>81</v>
      </c>
      <c r="I13583" s="2">
        <v>0</v>
      </c>
      <c r="J13583" s="2">
        <v>1</v>
      </c>
      <c r="K13583" s="2">
        <v>0</v>
      </c>
      <c r="L13583" t="s">
        <v>82</v>
      </c>
      <c r="M13583" t="s">
        <v>87</v>
      </c>
      <c r="N13583" t="s">
        <v>88</v>
      </c>
      <c r="O13583" t="s">
        <v>85</v>
      </c>
      <c r="P13583" t="s">
        <v>86</v>
      </c>
      <c r="Q13583">
        <v>48</v>
      </c>
      <c r="R13583">
        <v>48</v>
      </c>
      <c r="S13583">
        <v>49</v>
      </c>
      <c r="T13583">
        <v>49</v>
      </c>
      <c r="U13583">
        <v>50</v>
      </c>
      <c r="V13583">
        <v>50</v>
      </c>
      <c r="W13583">
        <v>51</v>
      </c>
      <c r="X13583">
        <v>51</v>
      </c>
      <c r="Y13583">
        <v>52</v>
      </c>
      <c r="Z13583">
        <v>52</v>
      </c>
      <c r="AA13583">
        <v>53</v>
      </c>
      <c r="AB13583">
        <v>53</v>
      </c>
      <c r="AC13583">
        <v>53</v>
      </c>
      <c r="AD13583">
        <v>54</v>
      </c>
      <c r="AE13583">
        <v>54</v>
      </c>
      <c r="AF13583">
        <v>55</v>
      </c>
      <c r="AG13583">
        <v>55</v>
      </c>
      <c r="AH13583">
        <v>56</v>
      </c>
      <c r="AI13583">
        <v>56</v>
      </c>
      <c r="AJ13583">
        <v>56</v>
      </c>
      <c r="AK13583">
        <v>57</v>
      </c>
      <c r="AL13583">
        <v>57</v>
      </c>
      <c r="AM13583">
        <v>58</v>
      </c>
      <c r="AN13583">
        <v>58</v>
      </c>
      <c r="AO13583">
        <v>59</v>
      </c>
      <c r="AP13583">
        <v>59</v>
      </c>
      <c r="AQ13583">
        <v>59</v>
      </c>
    </row>
    <row r="13584" spans="1:43">
      <c r="A13584" t="s">
        <v>8438</v>
      </c>
      <c r="B13584" t="s">
        <v>8439</v>
      </c>
      <c r="C13584" t="s">
        <v>8440</v>
      </c>
      <c r="D13584" t="s">
        <v>8441</v>
      </c>
      <c r="E13584" t="s">
        <v>8296</v>
      </c>
      <c r="F13584" t="s">
        <v>8297</v>
      </c>
      <c r="G13584" t="s">
        <v>80</v>
      </c>
      <c r="H13584" t="s">
        <v>81</v>
      </c>
      <c r="I13584" s="2">
        <v>0</v>
      </c>
      <c r="J13584" s="2">
        <v>1</v>
      </c>
      <c r="K13584" s="2">
        <v>0</v>
      </c>
      <c r="L13584" t="s">
        <v>82</v>
      </c>
      <c r="M13584" t="s">
        <v>89</v>
      </c>
      <c r="N13584" t="s">
        <v>90</v>
      </c>
      <c r="O13584" t="s">
        <v>85</v>
      </c>
      <c r="P13584" t="s">
        <v>86</v>
      </c>
      <c r="Q13584">
        <v>48</v>
      </c>
      <c r="R13584">
        <v>49</v>
      </c>
      <c r="S13584">
        <v>51</v>
      </c>
      <c r="T13584">
        <v>52</v>
      </c>
      <c r="U13584">
        <v>53</v>
      </c>
      <c r="V13584">
        <v>55</v>
      </c>
      <c r="W13584">
        <v>56</v>
      </c>
      <c r="X13584">
        <v>57</v>
      </c>
      <c r="Y13584">
        <v>58</v>
      </c>
      <c r="Z13584">
        <v>59</v>
      </c>
      <c r="AA13584">
        <v>61</v>
      </c>
      <c r="AB13584">
        <v>62</v>
      </c>
      <c r="AC13584">
        <v>63</v>
      </c>
      <c r="AD13584">
        <v>64</v>
      </c>
      <c r="AE13584">
        <v>65</v>
      </c>
      <c r="AF13584">
        <v>65</v>
      </c>
      <c r="AG13584">
        <v>66</v>
      </c>
      <c r="AH13584">
        <v>66</v>
      </c>
      <c r="AI13584">
        <v>66</v>
      </c>
      <c r="AJ13584">
        <v>66</v>
      </c>
      <c r="AK13584">
        <v>67</v>
      </c>
      <c r="AL13584">
        <v>67</v>
      </c>
      <c r="AM13584">
        <v>67</v>
      </c>
      <c r="AN13584">
        <v>67</v>
      </c>
      <c r="AO13584">
        <v>68</v>
      </c>
      <c r="AP13584">
        <v>68</v>
      </c>
      <c r="AQ13584">
        <v>68</v>
      </c>
    </row>
    <row r="13585" spans="1:43">
      <c r="A13585" t="s">
        <v>8438</v>
      </c>
      <c r="B13585" t="s">
        <v>8439</v>
      </c>
      <c r="C13585" t="s">
        <v>8440</v>
      </c>
      <c r="D13585" t="s">
        <v>8441</v>
      </c>
      <c r="E13585" t="s">
        <v>8296</v>
      </c>
      <c r="F13585" t="s">
        <v>8297</v>
      </c>
      <c r="G13585" t="s">
        <v>80</v>
      </c>
      <c r="H13585" t="s">
        <v>81</v>
      </c>
      <c r="I13585" s="2">
        <v>0</v>
      </c>
      <c r="J13585" s="2">
        <v>1</v>
      </c>
      <c r="K13585" s="2">
        <v>0</v>
      </c>
      <c r="L13585" t="s">
        <v>82</v>
      </c>
      <c r="M13585" t="s">
        <v>83</v>
      </c>
      <c r="N13585" t="s">
        <v>91</v>
      </c>
      <c r="O13585" t="s">
        <v>85</v>
      </c>
      <c r="P13585" t="s">
        <v>86</v>
      </c>
      <c r="Q13585">
        <v>48</v>
      </c>
      <c r="R13585">
        <v>49</v>
      </c>
      <c r="S13585">
        <v>50</v>
      </c>
      <c r="T13585">
        <v>51</v>
      </c>
      <c r="U13585">
        <v>52</v>
      </c>
      <c r="V13585">
        <v>53</v>
      </c>
      <c r="W13585">
        <v>54</v>
      </c>
      <c r="X13585">
        <v>55</v>
      </c>
      <c r="Y13585">
        <v>56</v>
      </c>
      <c r="Z13585">
        <v>57</v>
      </c>
      <c r="AA13585">
        <v>58</v>
      </c>
      <c r="AB13585">
        <v>59</v>
      </c>
      <c r="AC13585">
        <v>60</v>
      </c>
      <c r="AD13585">
        <v>60</v>
      </c>
      <c r="AE13585">
        <v>61</v>
      </c>
      <c r="AF13585">
        <v>62</v>
      </c>
      <c r="AG13585">
        <v>63</v>
      </c>
      <c r="AH13585">
        <v>64</v>
      </c>
      <c r="AI13585">
        <v>65</v>
      </c>
      <c r="AJ13585">
        <v>66</v>
      </c>
      <c r="AK13585">
        <v>67</v>
      </c>
      <c r="AL13585">
        <v>67</v>
      </c>
      <c r="AM13585">
        <v>68</v>
      </c>
      <c r="AN13585">
        <v>68</v>
      </c>
      <c r="AO13585">
        <v>68</v>
      </c>
      <c r="AP13585">
        <v>68</v>
      </c>
      <c r="AQ13585">
        <v>69</v>
      </c>
    </row>
    <row r="13586" spans="1:43">
      <c r="A13586" t="s">
        <v>8442</v>
      </c>
      <c r="B13586" t="s">
        <v>8443</v>
      </c>
      <c r="C13586" t="s">
        <v>8360</v>
      </c>
      <c r="D13586" t="s">
        <v>8361</v>
      </c>
      <c r="E13586" t="s">
        <v>8296</v>
      </c>
      <c r="F13586" t="s">
        <v>8297</v>
      </c>
      <c r="G13586" t="s">
        <v>80</v>
      </c>
      <c r="H13586" t="s">
        <v>81</v>
      </c>
      <c r="I13586" s="2">
        <v>0</v>
      </c>
      <c r="J13586" s="2">
        <v>1</v>
      </c>
      <c r="K13586" s="2">
        <v>0</v>
      </c>
      <c r="L13586" t="s">
        <v>82</v>
      </c>
      <c r="M13586" t="s">
        <v>83</v>
      </c>
      <c r="N13586" t="s">
        <v>84</v>
      </c>
      <c r="O13586" t="s">
        <v>85</v>
      </c>
      <c r="P13586" t="s">
        <v>86</v>
      </c>
      <c r="Q13586">
        <v>87</v>
      </c>
      <c r="R13586">
        <v>89</v>
      </c>
      <c r="S13586">
        <v>90</v>
      </c>
      <c r="T13586">
        <v>92</v>
      </c>
      <c r="U13586">
        <v>94</v>
      </c>
      <c r="V13586">
        <v>96</v>
      </c>
      <c r="W13586">
        <v>97</v>
      </c>
      <c r="X13586">
        <v>99</v>
      </c>
      <c r="Y13586">
        <v>101</v>
      </c>
      <c r="Z13586">
        <v>102</v>
      </c>
      <c r="AA13586">
        <v>104</v>
      </c>
      <c r="AB13586">
        <v>106</v>
      </c>
      <c r="AC13586">
        <v>107</v>
      </c>
      <c r="AD13586">
        <v>109</v>
      </c>
      <c r="AE13586">
        <v>111</v>
      </c>
      <c r="AF13586">
        <v>112</v>
      </c>
      <c r="AG13586">
        <v>114</v>
      </c>
      <c r="AH13586">
        <v>116</v>
      </c>
      <c r="AI13586">
        <v>117</v>
      </c>
      <c r="AJ13586">
        <v>119</v>
      </c>
      <c r="AK13586">
        <v>121</v>
      </c>
      <c r="AL13586">
        <v>121</v>
      </c>
      <c r="AM13586">
        <v>122</v>
      </c>
      <c r="AN13586">
        <v>122</v>
      </c>
      <c r="AO13586">
        <v>123</v>
      </c>
      <c r="AP13586">
        <v>123</v>
      </c>
      <c r="AQ13586">
        <v>124</v>
      </c>
    </row>
    <row r="13587" spans="1:43">
      <c r="A13587" t="s">
        <v>8442</v>
      </c>
      <c r="B13587" t="s">
        <v>8443</v>
      </c>
      <c r="C13587" t="s">
        <v>8360</v>
      </c>
      <c r="D13587" t="s">
        <v>8361</v>
      </c>
      <c r="E13587" t="s">
        <v>8296</v>
      </c>
      <c r="F13587" t="s">
        <v>8297</v>
      </c>
      <c r="G13587" t="s">
        <v>80</v>
      </c>
      <c r="H13587" t="s">
        <v>81</v>
      </c>
      <c r="I13587" s="2">
        <v>0</v>
      </c>
      <c r="J13587" s="2">
        <v>1</v>
      </c>
      <c r="K13587" s="2">
        <v>0</v>
      </c>
      <c r="L13587" t="s">
        <v>82</v>
      </c>
      <c r="M13587" t="s">
        <v>87</v>
      </c>
      <c r="N13587" t="s">
        <v>88</v>
      </c>
      <c r="O13587" t="s">
        <v>85</v>
      </c>
      <c r="P13587" t="s">
        <v>86</v>
      </c>
      <c r="Q13587">
        <v>87</v>
      </c>
      <c r="R13587">
        <v>88</v>
      </c>
      <c r="S13587">
        <v>89</v>
      </c>
      <c r="T13587">
        <v>90</v>
      </c>
      <c r="U13587">
        <v>91</v>
      </c>
      <c r="V13587">
        <v>92</v>
      </c>
      <c r="W13587">
        <v>92</v>
      </c>
      <c r="X13587">
        <v>93</v>
      </c>
      <c r="Y13587">
        <v>94</v>
      </c>
      <c r="Z13587">
        <v>95</v>
      </c>
      <c r="AA13587">
        <v>96</v>
      </c>
      <c r="AB13587">
        <v>97</v>
      </c>
      <c r="AC13587">
        <v>97</v>
      </c>
      <c r="AD13587">
        <v>98</v>
      </c>
      <c r="AE13587">
        <v>99</v>
      </c>
      <c r="AF13587">
        <v>100</v>
      </c>
      <c r="AG13587">
        <v>101</v>
      </c>
      <c r="AH13587">
        <v>101</v>
      </c>
      <c r="AI13587">
        <v>102</v>
      </c>
      <c r="AJ13587">
        <v>103</v>
      </c>
      <c r="AK13587">
        <v>104</v>
      </c>
      <c r="AL13587">
        <v>105</v>
      </c>
      <c r="AM13587">
        <v>105</v>
      </c>
      <c r="AN13587">
        <v>106</v>
      </c>
      <c r="AO13587">
        <v>107</v>
      </c>
      <c r="AP13587">
        <v>108</v>
      </c>
      <c r="AQ13587">
        <v>108</v>
      </c>
    </row>
    <row r="13588" spans="1:43">
      <c r="A13588" t="s">
        <v>8442</v>
      </c>
      <c r="B13588" t="s">
        <v>8443</v>
      </c>
      <c r="C13588" t="s">
        <v>8360</v>
      </c>
      <c r="D13588" t="s">
        <v>8361</v>
      </c>
      <c r="E13588" t="s">
        <v>8296</v>
      </c>
      <c r="F13588" t="s">
        <v>8297</v>
      </c>
      <c r="G13588" t="s">
        <v>80</v>
      </c>
      <c r="H13588" t="s">
        <v>81</v>
      </c>
      <c r="I13588" s="2">
        <v>0</v>
      </c>
      <c r="J13588" s="2">
        <v>1</v>
      </c>
      <c r="K13588" s="2">
        <v>0</v>
      </c>
      <c r="L13588" t="s">
        <v>82</v>
      </c>
      <c r="M13588" t="s">
        <v>89</v>
      </c>
      <c r="N13588" t="s">
        <v>90</v>
      </c>
      <c r="O13588" t="s">
        <v>85</v>
      </c>
      <c r="P13588" t="s">
        <v>86</v>
      </c>
      <c r="Q13588">
        <v>87</v>
      </c>
      <c r="R13588">
        <v>89</v>
      </c>
      <c r="S13588">
        <v>92</v>
      </c>
      <c r="T13588">
        <v>94</v>
      </c>
      <c r="U13588">
        <v>97</v>
      </c>
      <c r="V13588">
        <v>99</v>
      </c>
      <c r="W13588">
        <v>101</v>
      </c>
      <c r="X13588">
        <v>104</v>
      </c>
      <c r="Y13588">
        <v>106</v>
      </c>
      <c r="Z13588">
        <v>108</v>
      </c>
      <c r="AA13588">
        <v>110</v>
      </c>
      <c r="AB13588">
        <v>112</v>
      </c>
      <c r="AC13588">
        <v>114</v>
      </c>
      <c r="AD13588">
        <v>116</v>
      </c>
      <c r="AE13588">
        <v>118</v>
      </c>
      <c r="AF13588">
        <v>118</v>
      </c>
      <c r="AG13588">
        <v>119</v>
      </c>
      <c r="AH13588">
        <v>119</v>
      </c>
      <c r="AI13588">
        <v>120</v>
      </c>
      <c r="AJ13588">
        <v>120</v>
      </c>
      <c r="AK13588">
        <v>121</v>
      </c>
      <c r="AL13588">
        <v>121</v>
      </c>
      <c r="AM13588">
        <v>121</v>
      </c>
      <c r="AN13588">
        <v>122</v>
      </c>
      <c r="AO13588">
        <v>122</v>
      </c>
      <c r="AP13588">
        <v>123</v>
      </c>
      <c r="AQ13588">
        <v>123</v>
      </c>
    </row>
    <row r="13589" spans="1:43">
      <c r="A13589" t="s">
        <v>8442</v>
      </c>
      <c r="B13589" t="s">
        <v>8443</v>
      </c>
      <c r="C13589" t="s">
        <v>8360</v>
      </c>
      <c r="D13589" t="s">
        <v>8361</v>
      </c>
      <c r="E13589" t="s">
        <v>8296</v>
      </c>
      <c r="F13589" t="s">
        <v>8297</v>
      </c>
      <c r="G13589" t="s">
        <v>80</v>
      </c>
      <c r="H13589" t="s">
        <v>81</v>
      </c>
      <c r="I13589" s="2">
        <v>0</v>
      </c>
      <c r="J13589" s="2">
        <v>1</v>
      </c>
      <c r="K13589" s="2">
        <v>0</v>
      </c>
      <c r="L13589" t="s">
        <v>82</v>
      </c>
      <c r="M13589" t="s">
        <v>83</v>
      </c>
      <c r="N13589" t="s">
        <v>91</v>
      </c>
      <c r="O13589" t="s">
        <v>85</v>
      </c>
      <c r="P13589" t="s">
        <v>86</v>
      </c>
      <c r="Q13589">
        <v>87</v>
      </c>
      <c r="R13589">
        <v>89</v>
      </c>
      <c r="S13589">
        <v>90</v>
      </c>
      <c r="T13589">
        <v>92</v>
      </c>
      <c r="U13589">
        <v>94</v>
      </c>
      <c r="V13589">
        <v>96</v>
      </c>
      <c r="W13589">
        <v>97</v>
      </c>
      <c r="X13589">
        <v>99</v>
      </c>
      <c r="Y13589">
        <v>101</v>
      </c>
      <c r="Z13589">
        <v>102</v>
      </c>
      <c r="AA13589">
        <v>104</v>
      </c>
      <c r="AB13589">
        <v>106</v>
      </c>
      <c r="AC13589">
        <v>107</v>
      </c>
      <c r="AD13589">
        <v>109</v>
      </c>
      <c r="AE13589">
        <v>111</v>
      </c>
      <c r="AF13589">
        <v>112</v>
      </c>
      <c r="AG13589">
        <v>114</v>
      </c>
      <c r="AH13589">
        <v>116</v>
      </c>
      <c r="AI13589">
        <v>117</v>
      </c>
      <c r="AJ13589">
        <v>119</v>
      </c>
      <c r="AK13589">
        <v>121</v>
      </c>
      <c r="AL13589">
        <v>121</v>
      </c>
      <c r="AM13589">
        <v>122</v>
      </c>
      <c r="AN13589">
        <v>122</v>
      </c>
      <c r="AO13589">
        <v>123</v>
      </c>
      <c r="AP13589">
        <v>123</v>
      </c>
      <c r="AQ13589">
        <v>124</v>
      </c>
    </row>
    <row r="13590" spans="1:43">
      <c r="A13590" t="s">
        <v>8444</v>
      </c>
      <c r="B13590" t="s">
        <v>8445</v>
      </c>
      <c r="C13590" t="s">
        <v>8446</v>
      </c>
      <c r="D13590" t="s">
        <v>8447</v>
      </c>
      <c r="E13590" t="s">
        <v>8296</v>
      </c>
      <c r="F13590" t="s">
        <v>8297</v>
      </c>
      <c r="G13590" t="s">
        <v>80</v>
      </c>
      <c r="H13590" t="s">
        <v>81</v>
      </c>
      <c r="I13590" s="2">
        <v>0</v>
      </c>
      <c r="J13590" s="2">
        <v>1</v>
      </c>
      <c r="K13590" s="2">
        <v>0</v>
      </c>
      <c r="L13590" t="s">
        <v>82</v>
      </c>
      <c r="M13590" t="s">
        <v>83</v>
      </c>
      <c r="N13590" t="s">
        <v>84</v>
      </c>
      <c r="O13590" t="s">
        <v>85</v>
      </c>
      <c r="P13590" t="s">
        <v>86</v>
      </c>
      <c r="Q13590">
        <v>63</v>
      </c>
      <c r="R13590">
        <v>65</v>
      </c>
      <c r="S13590">
        <v>66</v>
      </c>
      <c r="T13590">
        <v>67</v>
      </c>
      <c r="U13590">
        <v>68</v>
      </c>
      <c r="V13590">
        <v>70</v>
      </c>
      <c r="W13590">
        <v>71</v>
      </c>
      <c r="X13590">
        <v>72</v>
      </c>
      <c r="Y13590">
        <v>73</v>
      </c>
      <c r="Z13590">
        <v>75</v>
      </c>
      <c r="AA13590">
        <v>76</v>
      </c>
      <c r="AB13590">
        <v>77</v>
      </c>
      <c r="AC13590">
        <v>78</v>
      </c>
      <c r="AD13590">
        <v>79</v>
      </c>
      <c r="AE13590">
        <v>80</v>
      </c>
      <c r="AF13590">
        <v>82</v>
      </c>
      <c r="AG13590">
        <v>83</v>
      </c>
      <c r="AH13590">
        <v>84</v>
      </c>
      <c r="AI13590">
        <v>85</v>
      </c>
      <c r="AJ13590">
        <v>86</v>
      </c>
      <c r="AK13590">
        <v>87</v>
      </c>
      <c r="AL13590">
        <v>88</v>
      </c>
      <c r="AM13590">
        <v>88</v>
      </c>
      <c r="AN13590">
        <v>89</v>
      </c>
      <c r="AO13590">
        <v>89</v>
      </c>
      <c r="AP13590">
        <v>89</v>
      </c>
      <c r="AQ13590">
        <v>90</v>
      </c>
    </row>
    <row r="13591" spans="1:43">
      <c r="A13591" t="s">
        <v>8444</v>
      </c>
      <c r="B13591" t="s">
        <v>8445</v>
      </c>
      <c r="C13591" t="s">
        <v>8446</v>
      </c>
      <c r="D13591" t="s">
        <v>8447</v>
      </c>
      <c r="E13591" t="s">
        <v>8296</v>
      </c>
      <c r="F13591" t="s">
        <v>8297</v>
      </c>
      <c r="G13591" t="s">
        <v>80</v>
      </c>
      <c r="H13591" t="s">
        <v>81</v>
      </c>
      <c r="I13591" s="2">
        <v>0</v>
      </c>
      <c r="J13591" s="2">
        <v>1</v>
      </c>
      <c r="K13591" s="2">
        <v>0</v>
      </c>
      <c r="L13591" t="s">
        <v>82</v>
      </c>
      <c r="M13591" t="s">
        <v>87</v>
      </c>
      <c r="N13591" t="s">
        <v>88</v>
      </c>
      <c r="O13591" t="s">
        <v>85</v>
      </c>
      <c r="P13591" t="s">
        <v>86</v>
      </c>
      <c r="Q13591">
        <v>63</v>
      </c>
      <c r="R13591">
        <v>64</v>
      </c>
      <c r="S13591">
        <v>64</v>
      </c>
      <c r="T13591">
        <v>65</v>
      </c>
      <c r="U13591">
        <v>65</v>
      </c>
      <c r="V13591">
        <v>66</v>
      </c>
      <c r="W13591">
        <v>67</v>
      </c>
      <c r="X13591">
        <v>67</v>
      </c>
      <c r="Y13591">
        <v>68</v>
      </c>
      <c r="Z13591">
        <v>68</v>
      </c>
      <c r="AA13591">
        <v>69</v>
      </c>
      <c r="AB13591">
        <v>70</v>
      </c>
      <c r="AC13591">
        <v>70</v>
      </c>
      <c r="AD13591">
        <v>71</v>
      </c>
      <c r="AE13591">
        <v>71</v>
      </c>
      <c r="AF13591">
        <v>72</v>
      </c>
      <c r="AG13591">
        <v>72</v>
      </c>
      <c r="AH13591">
        <v>73</v>
      </c>
      <c r="AI13591">
        <v>73</v>
      </c>
      <c r="AJ13591">
        <v>74</v>
      </c>
      <c r="AK13591">
        <v>75</v>
      </c>
      <c r="AL13591">
        <v>75</v>
      </c>
      <c r="AM13591">
        <v>76</v>
      </c>
      <c r="AN13591">
        <v>76</v>
      </c>
      <c r="AO13591">
        <v>77</v>
      </c>
      <c r="AP13591">
        <v>77</v>
      </c>
      <c r="AQ13591">
        <v>78</v>
      </c>
    </row>
    <row r="13592" spans="1:43">
      <c r="A13592" t="s">
        <v>8444</v>
      </c>
      <c r="B13592" t="s">
        <v>8445</v>
      </c>
      <c r="C13592" t="s">
        <v>8446</v>
      </c>
      <c r="D13592" t="s">
        <v>8447</v>
      </c>
      <c r="E13592" t="s">
        <v>8296</v>
      </c>
      <c r="F13592" t="s">
        <v>8297</v>
      </c>
      <c r="G13592" t="s">
        <v>80</v>
      </c>
      <c r="H13592" t="s">
        <v>81</v>
      </c>
      <c r="I13592" s="2">
        <v>0</v>
      </c>
      <c r="J13592" s="2">
        <v>1</v>
      </c>
      <c r="K13592" s="2">
        <v>0</v>
      </c>
      <c r="L13592" t="s">
        <v>82</v>
      </c>
      <c r="M13592" t="s">
        <v>89</v>
      </c>
      <c r="N13592" t="s">
        <v>90</v>
      </c>
      <c r="O13592" t="s">
        <v>85</v>
      </c>
      <c r="P13592" t="s">
        <v>86</v>
      </c>
      <c r="Q13592">
        <v>63</v>
      </c>
      <c r="R13592">
        <v>65</v>
      </c>
      <c r="S13592">
        <v>67</v>
      </c>
      <c r="T13592">
        <v>68</v>
      </c>
      <c r="U13592">
        <v>70</v>
      </c>
      <c r="V13592">
        <v>72</v>
      </c>
      <c r="W13592">
        <v>74</v>
      </c>
      <c r="X13592">
        <v>75</v>
      </c>
      <c r="Y13592">
        <v>77</v>
      </c>
      <c r="Z13592">
        <v>78</v>
      </c>
      <c r="AA13592">
        <v>80</v>
      </c>
      <c r="AB13592">
        <v>81</v>
      </c>
      <c r="AC13592">
        <v>83</v>
      </c>
      <c r="AD13592">
        <v>84</v>
      </c>
      <c r="AE13592">
        <v>85</v>
      </c>
      <c r="AF13592">
        <v>86</v>
      </c>
      <c r="AG13592">
        <v>86</v>
      </c>
      <c r="AH13592">
        <v>86</v>
      </c>
      <c r="AI13592">
        <v>87</v>
      </c>
      <c r="AJ13592">
        <v>87</v>
      </c>
      <c r="AK13592">
        <v>87</v>
      </c>
      <c r="AL13592">
        <v>88</v>
      </c>
      <c r="AM13592">
        <v>88</v>
      </c>
      <c r="AN13592">
        <v>88</v>
      </c>
      <c r="AO13592">
        <v>89</v>
      </c>
      <c r="AP13592">
        <v>89</v>
      </c>
      <c r="AQ13592">
        <v>89</v>
      </c>
    </row>
    <row r="13593" spans="1:43">
      <c r="A13593" t="s">
        <v>8444</v>
      </c>
      <c r="B13593" t="s">
        <v>8445</v>
      </c>
      <c r="C13593" t="s">
        <v>8446</v>
      </c>
      <c r="D13593" t="s">
        <v>8447</v>
      </c>
      <c r="E13593" t="s">
        <v>8296</v>
      </c>
      <c r="F13593" t="s">
        <v>8297</v>
      </c>
      <c r="G13593" t="s">
        <v>80</v>
      </c>
      <c r="H13593" t="s">
        <v>81</v>
      </c>
      <c r="I13593" s="2">
        <v>0</v>
      </c>
      <c r="J13593" s="2">
        <v>1</v>
      </c>
      <c r="K13593" s="2">
        <v>0</v>
      </c>
      <c r="L13593" t="s">
        <v>82</v>
      </c>
      <c r="M13593" t="s">
        <v>83</v>
      </c>
      <c r="N13593" t="s">
        <v>91</v>
      </c>
      <c r="O13593" t="s">
        <v>85</v>
      </c>
      <c r="P13593" t="s">
        <v>86</v>
      </c>
      <c r="Q13593">
        <v>63</v>
      </c>
      <c r="R13593">
        <v>65</v>
      </c>
      <c r="S13593">
        <v>66</v>
      </c>
      <c r="T13593">
        <v>67</v>
      </c>
      <c r="U13593">
        <v>68</v>
      </c>
      <c r="V13593">
        <v>70</v>
      </c>
      <c r="W13593">
        <v>71</v>
      </c>
      <c r="X13593">
        <v>72</v>
      </c>
      <c r="Y13593">
        <v>73</v>
      </c>
      <c r="Z13593">
        <v>75</v>
      </c>
      <c r="AA13593">
        <v>76</v>
      </c>
      <c r="AB13593">
        <v>77</v>
      </c>
      <c r="AC13593">
        <v>78</v>
      </c>
      <c r="AD13593">
        <v>79</v>
      </c>
      <c r="AE13593">
        <v>80</v>
      </c>
      <c r="AF13593">
        <v>82</v>
      </c>
      <c r="AG13593">
        <v>83</v>
      </c>
      <c r="AH13593">
        <v>84</v>
      </c>
      <c r="AI13593">
        <v>85</v>
      </c>
      <c r="AJ13593">
        <v>86</v>
      </c>
      <c r="AK13593">
        <v>87</v>
      </c>
      <c r="AL13593">
        <v>88</v>
      </c>
      <c r="AM13593">
        <v>88</v>
      </c>
      <c r="AN13593">
        <v>89</v>
      </c>
      <c r="AO13593">
        <v>89</v>
      </c>
      <c r="AP13593">
        <v>89</v>
      </c>
      <c r="AQ13593">
        <v>90</v>
      </c>
    </row>
    <row r="13594" spans="1:43">
      <c r="A13594" t="s">
        <v>8448</v>
      </c>
      <c r="B13594" t="s">
        <v>8449</v>
      </c>
      <c r="C13594" t="s">
        <v>8360</v>
      </c>
      <c r="D13594" t="s">
        <v>8361</v>
      </c>
      <c r="E13594" t="s">
        <v>8296</v>
      </c>
      <c r="F13594" t="s">
        <v>8297</v>
      </c>
      <c r="G13594" t="s">
        <v>80</v>
      </c>
      <c r="H13594" t="s">
        <v>81</v>
      </c>
      <c r="I13594" s="2">
        <v>0</v>
      </c>
      <c r="J13594" s="2">
        <v>1</v>
      </c>
      <c r="K13594" s="2">
        <v>0</v>
      </c>
      <c r="L13594" t="s">
        <v>82</v>
      </c>
      <c r="M13594" t="s">
        <v>83</v>
      </c>
      <c r="N13594" t="s">
        <v>84</v>
      </c>
      <c r="O13594" t="s">
        <v>85</v>
      </c>
      <c r="P13594" t="s">
        <v>86</v>
      </c>
      <c r="Q13594">
        <v>100</v>
      </c>
      <c r="R13594">
        <v>102</v>
      </c>
      <c r="S13594">
        <v>104</v>
      </c>
      <c r="T13594">
        <v>106</v>
      </c>
      <c r="U13594">
        <v>108</v>
      </c>
      <c r="V13594">
        <v>110</v>
      </c>
      <c r="W13594">
        <v>112</v>
      </c>
      <c r="X13594">
        <v>114</v>
      </c>
      <c r="Y13594">
        <v>116</v>
      </c>
      <c r="Z13594">
        <v>118</v>
      </c>
      <c r="AA13594">
        <v>119</v>
      </c>
      <c r="AB13594">
        <v>121</v>
      </c>
      <c r="AC13594">
        <v>123</v>
      </c>
      <c r="AD13594">
        <v>125</v>
      </c>
      <c r="AE13594">
        <v>127</v>
      </c>
      <c r="AF13594">
        <v>129</v>
      </c>
      <c r="AG13594">
        <v>131</v>
      </c>
      <c r="AH13594">
        <v>133</v>
      </c>
      <c r="AI13594">
        <v>135</v>
      </c>
      <c r="AJ13594">
        <v>137</v>
      </c>
      <c r="AK13594">
        <v>139</v>
      </c>
      <c r="AL13594">
        <v>140</v>
      </c>
      <c r="AM13594">
        <v>140</v>
      </c>
      <c r="AN13594">
        <v>141</v>
      </c>
      <c r="AO13594">
        <v>141</v>
      </c>
      <c r="AP13594">
        <v>142</v>
      </c>
      <c r="AQ13594">
        <v>142</v>
      </c>
    </row>
    <row r="13595" spans="1:43">
      <c r="A13595" t="s">
        <v>8448</v>
      </c>
      <c r="B13595" t="s">
        <v>8449</v>
      </c>
      <c r="C13595" t="s">
        <v>8360</v>
      </c>
      <c r="D13595" t="s">
        <v>8361</v>
      </c>
      <c r="E13595" t="s">
        <v>8296</v>
      </c>
      <c r="F13595" t="s">
        <v>8297</v>
      </c>
      <c r="G13595" t="s">
        <v>80</v>
      </c>
      <c r="H13595" t="s">
        <v>81</v>
      </c>
      <c r="I13595" s="2">
        <v>0</v>
      </c>
      <c r="J13595" s="2">
        <v>1</v>
      </c>
      <c r="K13595" s="2">
        <v>0</v>
      </c>
      <c r="L13595" t="s">
        <v>82</v>
      </c>
      <c r="M13595" t="s">
        <v>87</v>
      </c>
      <c r="N13595" t="s">
        <v>88</v>
      </c>
      <c r="O13595" t="s">
        <v>85</v>
      </c>
      <c r="P13595" t="s">
        <v>86</v>
      </c>
      <c r="Q13595">
        <v>100</v>
      </c>
      <c r="R13595">
        <v>101</v>
      </c>
      <c r="S13595">
        <v>102</v>
      </c>
      <c r="T13595">
        <v>103</v>
      </c>
      <c r="U13595">
        <v>104</v>
      </c>
      <c r="V13595">
        <v>105</v>
      </c>
      <c r="W13595">
        <v>106</v>
      </c>
      <c r="X13595">
        <v>107</v>
      </c>
      <c r="Y13595">
        <v>108</v>
      </c>
      <c r="Z13595">
        <v>109</v>
      </c>
      <c r="AA13595">
        <v>110</v>
      </c>
      <c r="AB13595">
        <v>111</v>
      </c>
      <c r="AC13595">
        <v>112</v>
      </c>
      <c r="AD13595">
        <v>113</v>
      </c>
      <c r="AE13595">
        <v>114</v>
      </c>
      <c r="AF13595">
        <v>114</v>
      </c>
      <c r="AG13595">
        <v>115</v>
      </c>
      <c r="AH13595">
        <v>116</v>
      </c>
      <c r="AI13595">
        <v>117</v>
      </c>
      <c r="AJ13595">
        <v>118</v>
      </c>
      <c r="AK13595">
        <v>119</v>
      </c>
      <c r="AL13595">
        <v>120</v>
      </c>
      <c r="AM13595">
        <v>121</v>
      </c>
      <c r="AN13595">
        <v>122</v>
      </c>
      <c r="AO13595">
        <v>123</v>
      </c>
      <c r="AP13595">
        <v>123</v>
      </c>
      <c r="AQ13595">
        <v>124</v>
      </c>
    </row>
    <row r="13596" spans="1:43">
      <c r="A13596" t="s">
        <v>8448</v>
      </c>
      <c r="B13596" t="s">
        <v>8449</v>
      </c>
      <c r="C13596" t="s">
        <v>8360</v>
      </c>
      <c r="D13596" t="s">
        <v>8361</v>
      </c>
      <c r="E13596" t="s">
        <v>8296</v>
      </c>
      <c r="F13596" t="s">
        <v>8297</v>
      </c>
      <c r="G13596" t="s">
        <v>80</v>
      </c>
      <c r="H13596" t="s">
        <v>81</v>
      </c>
      <c r="I13596" s="2">
        <v>0</v>
      </c>
      <c r="J13596" s="2">
        <v>1</v>
      </c>
      <c r="K13596" s="2">
        <v>0</v>
      </c>
      <c r="L13596" t="s">
        <v>82</v>
      </c>
      <c r="M13596" t="s">
        <v>89</v>
      </c>
      <c r="N13596" t="s">
        <v>90</v>
      </c>
      <c r="O13596" t="s">
        <v>85</v>
      </c>
      <c r="P13596" t="s">
        <v>86</v>
      </c>
      <c r="Q13596">
        <v>100</v>
      </c>
      <c r="R13596">
        <v>103</v>
      </c>
      <c r="S13596">
        <v>105</v>
      </c>
      <c r="T13596">
        <v>108</v>
      </c>
      <c r="U13596">
        <v>111</v>
      </c>
      <c r="V13596">
        <v>114</v>
      </c>
      <c r="W13596">
        <v>116</v>
      </c>
      <c r="X13596">
        <v>119</v>
      </c>
      <c r="Y13596">
        <v>121</v>
      </c>
      <c r="Z13596">
        <v>124</v>
      </c>
      <c r="AA13596">
        <v>126</v>
      </c>
      <c r="AB13596">
        <v>129</v>
      </c>
      <c r="AC13596">
        <v>131</v>
      </c>
      <c r="AD13596">
        <v>134</v>
      </c>
      <c r="AE13596">
        <v>136</v>
      </c>
      <c r="AF13596">
        <v>136</v>
      </c>
      <c r="AG13596">
        <v>137</v>
      </c>
      <c r="AH13596">
        <v>137</v>
      </c>
      <c r="AI13596">
        <v>138</v>
      </c>
      <c r="AJ13596">
        <v>138</v>
      </c>
      <c r="AK13596">
        <v>139</v>
      </c>
      <c r="AL13596">
        <v>139</v>
      </c>
      <c r="AM13596">
        <v>140</v>
      </c>
      <c r="AN13596">
        <v>140</v>
      </c>
      <c r="AO13596">
        <v>141</v>
      </c>
      <c r="AP13596">
        <v>141</v>
      </c>
      <c r="AQ13596">
        <v>141</v>
      </c>
    </row>
    <row r="13597" spans="1:43">
      <c r="A13597" t="s">
        <v>8448</v>
      </c>
      <c r="B13597" t="s">
        <v>8449</v>
      </c>
      <c r="C13597" t="s">
        <v>8360</v>
      </c>
      <c r="D13597" t="s">
        <v>8361</v>
      </c>
      <c r="E13597" t="s">
        <v>8296</v>
      </c>
      <c r="F13597" t="s">
        <v>8297</v>
      </c>
      <c r="G13597" t="s">
        <v>80</v>
      </c>
      <c r="H13597" t="s">
        <v>81</v>
      </c>
      <c r="I13597" s="2">
        <v>0</v>
      </c>
      <c r="J13597" s="2">
        <v>1</v>
      </c>
      <c r="K13597" s="2">
        <v>0</v>
      </c>
      <c r="L13597" t="s">
        <v>82</v>
      </c>
      <c r="M13597" t="s">
        <v>83</v>
      </c>
      <c r="N13597" t="s">
        <v>91</v>
      </c>
      <c r="O13597" t="s">
        <v>85</v>
      </c>
      <c r="P13597" t="s">
        <v>86</v>
      </c>
      <c r="Q13597">
        <v>100</v>
      </c>
      <c r="R13597">
        <v>102</v>
      </c>
      <c r="S13597">
        <v>104</v>
      </c>
      <c r="T13597">
        <v>106</v>
      </c>
      <c r="U13597">
        <v>108</v>
      </c>
      <c r="V13597">
        <v>110</v>
      </c>
      <c r="W13597">
        <v>112</v>
      </c>
      <c r="X13597">
        <v>114</v>
      </c>
      <c r="Y13597">
        <v>116</v>
      </c>
      <c r="Z13597">
        <v>118</v>
      </c>
      <c r="AA13597">
        <v>119</v>
      </c>
      <c r="AB13597">
        <v>121</v>
      </c>
      <c r="AC13597">
        <v>123</v>
      </c>
      <c r="AD13597">
        <v>125</v>
      </c>
      <c r="AE13597">
        <v>127</v>
      </c>
      <c r="AF13597">
        <v>129</v>
      </c>
      <c r="AG13597">
        <v>131</v>
      </c>
      <c r="AH13597">
        <v>133</v>
      </c>
      <c r="AI13597">
        <v>135</v>
      </c>
      <c r="AJ13597">
        <v>137</v>
      </c>
      <c r="AK13597">
        <v>139</v>
      </c>
      <c r="AL13597">
        <v>140</v>
      </c>
      <c r="AM13597">
        <v>140</v>
      </c>
      <c r="AN13597">
        <v>141</v>
      </c>
      <c r="AO13597">
        <v>141</v>
      </c>
      <c r="AP13597">
        <v>142</v>
      </c>
      <c r="AQ13597">
        <v>142</v>
      </c>
    </row>
    <row r="13598" spans="1:43">
      <c r="A13598" t="s">
        <v>8450</v>
      </c>
      <c r="B13598" t="s">
        <v>8451</v>
      </c>
      <c r="C13598" t="s">
        <v>8452</v>
      </c>
      <c r="D13598" t="s">
        <v>8453</v>
      </c>
      <c r="E13598" t="s">
        <v>8296</v>
      </c>
      <c r="F13598" t="s">
        <v>8297</v>
      </c>
      <c r="G13598" t="s">
        <v>80</v>
      </c>
      <c r="H13598" t="s">
        <v>81</v>
      </c>
      <c r="I13598" s="2">
        <v>0</v>
      </c>
      <c r="J13598" s="2">
        <v>1</v>
      </c>
      <c r="K13598" s="2">
        <v>0</v>
      </c>
      <c r="L13598" t="s">
        <v>82</v>
      </c>
      <c r="M13598" t="s">
        <v>83</v>
      </c>
      <c r="N13598" t="s">
        <v>84</v>
      </c>
      <c r="O13598" t="s">
        <v>85</v>
      </c>
      <c r="P13598" t="s">
        <v>86</v>
      </c>
      <c r="Q13598">
        <v>42</v>
      </c>
      <c r="R13598">
        <v>42</v>
      </c>
      <c r="S13598">
        <v>43</v>
      </c>
      <c r="T13598">
        <v>44</v>
      </c>
      <c r="U13598">
        <v>45</v>
      </c>
      <c r="V13598">
        <v>46</v>
      </c>
      <c r="W13598">
        <v>46</v>
      </c>
      <c r="X13598">
        <v>47</v>
      </c>
      <c r="Y13598">
        <v>48</v>
      </c>
      <c r="Z13598">
        <v>49</v>
      </c>
      <c r="AA13598">
        <v>50</v>
      </c>
      <c r="AB13598">
        <v>51</v>
      </c>
      <c r="AC13598">
        <v>51</v>
      </c>
      <c r="AD13598">
        <v>52</v>
      </c>
      <c r="AE13598">
        <v>53</v>
      </c>
      <c r="AF13598">
        <v>54</v>
      </c>
      <c r="AG13598">
        <v>54</v>
      </c>
      <c r="AH13598">
        <v>55</v>
      </c>
      <c r="AI13598">
        <v>56</v>
      </c>
      <c r="AJ13598">
        <v>57</v>
      </c>
      <c r="AK13598">
        <v>57</v>
      </c>
      <c r="AL13598">
        <v>58</v>
      </c>
      <c r="AM13598">
        <v>58</v>
      </c>
      <c r="AN13598">
        <v>58</v>
      </c>
      <c r="AO13598">
        <v>59</v>
      </c>
      <c r="AP13598">
        <v>59</v>
      </c>
      <c r="AQ13598">
        <v>59</v>
      </c>
    </row>
    <row r="13599" spans="1:43">
      <c r="A13599" t="s">
        <v>8450</v>
      </c>
      <c r="B13599" t="s">
        <v>8451</v>
      </c>
      <c r="C13599" t="s">
        <v>8452</v>
      </c>
      <c r="D13599" t="s">
        <v>8453</v>
      </c>
      <c r="E13599" t="s">
        <v>8296</v>
      </c>
      <c r="F13599" t="s">
        <v>8297</v>
      </c>
      <c r="G13599" t="s">
        <v>80</v>
      </c>
      <c r="H13599" t="s">
        <v>81</v>
      </c>
      <c r="I13599" s="2">
        <v>0</v>
      </c>
      <c r="J13599" s="2">
        <v>1</v>
      </c>
      <c r="K13599" s="2">
        <v>0</v>
      </c>
      <c r="L13599" t="s">
        <v>82</v>
      </c>
      <c r="M13599" t="s">
        <v>87</v>
      </c>
      <c r="N13599" t="s">
        <v>88</v>
      </c>
      <c r="O13599" t="s">
        <v>85</v>
      </c>
      <c r="P13599" t="s">
        <v>86</v>
      </c>
      <c r="Q13599">
        <v>42</v>
      </c>
      <c r="R13599">
        <v>43</v>
      </c>
      <c r="S13599">
        <v>43</v>
      </c>
      <c r="T13599">
        <v>43</v>
      </c>
      <c r="U13599">
        <v>44</v>
      </c>
      <c r="V13599">
        <v>44</v>
      </c>
      <c r="W13599">
        <v>45</v>
      </c>
      <c r="X13599">
        <v>45</v>
      </c>
      <c r="Y13599">
        <v>45</v>
      </c>
      <c r="Z13599">
        <v>46</v>
      </c>
      <c r="AA13599">
        <v>46</v>
      </c>
      <c r="AB13599">
        <v>47</v>
      </c>
      <c r="AC13599">
        <v>47</v>
      </c>
      <c r="AD13599">
        <v>47</v>
      </c>
      <c r="AE13599">
        <v>48</v>
      </c>
      <c r="AF13599">
        <v>48</v>
      </c>
      <c r="AG13599">
        <v>49</v>
      </c>
      <c r="AH13599">
        <v>49</v>
      </c>
      <c r="AI13599">
        <v>49</v>
      </c>
      <c r="AJ13599">
        <v>50</v>
      </c>
      <c r="AK13599">
        <v>50</v>
      </c>
      <c r="AL13599">
        <v>50</v>
      </c>
      <c r="AM13599">
        <v>51</v>
      </c>
      <c r="AN13599">
        <v>51</v>
      </c>
      <c r="AO13599">
        <v>51</v>
      </c>
      <c r="AP13599">
        <v>52</v>
      </c>
      <c r="AQ13599">
        <v>52</v>
      </c>
    </row>
    <row r="13600" spans="1:43">
      <c r="A13600" t="s">
        <v>8450</v>
      </c>
      <c r="B13600" t="s">
        <v>8451</v>
      </c>
      <c r="C13600" t="s">
        <v>8452</v>
      </c>
      <c r="D13600" t="s">
        <v>8453</v>
      </c>
      <c r="E13600" t="s">
        <v>8296</v>
      </c>
      <c r="F13600" t="s">
        <v>8297</v>
      </c>
      <c r="G13600" t="s">
        <v>80</v>
      </c>
      <c r="H13600" t="s">
        <v>81</v>
      </c>
      <c r="I13600" s="2">
        <v>0</v>
      </c>
      <c r="J13600" s="2">
        <v>1</v>
      </c>
      <c r="K13600" s="2">
        <v>0</v>
      </c>
      <c r="L13600" t="s">
        <v>82</v>
      </c>
      <c r="M13600" t="s">
        <v>89</v>
      </c>
      <c r="N13600" t="s">
        <v>90</v>
      </c>
      <c r="O13600" t="s">
        <v>85</v>
      </c>
      <c r="P13600" t="s">
        <v>86</v>
      </c>
      <c r="Q13600">
        <v>42</v>
      </c>
      <c r="R13600">
        <v>43</v>
      </c>
      <c r="S13600">
        <v>44</v>
      </c>
      <c r="T13600">
        <v>45</v>
      </c>
      <c r="U13600">
        <v>47</v>
      </c>
      <c r="V13600">
        <v>48</v>
      </c>
      <c r="W13600">
        <v>49</v>
      </c>
      <c r="X13600">
        <v>50</v>
      </c>
      <c r="Y13600">
        <v>51</v>
      </c>
      <c r="Z13600">
        <v>52</v>
      </c>
      <c r="AA13600">
        <v>53</v>
      </c>
      <c r="AB13600">
        <v>54</v>
      </c>
      <c r="AC13600">
        <v>55</v>
      </c>
      <c r="AD13600">
        <v>56</v>
      </c>
      <c r="AE13600">
        <v>57</v>
      </c>
      <c r="AF13600">
        <v>57</v>
      </c>
      <c r="AG13600">
        <v>57</v>
      </c>
      <c r="AH13600">
        <v>57</v>
      </c>
      <c r="AI13600">
        <v>58</v>
      </c>
      <c r="AJ13600">
        <v>58</v>
      </c>
      <c r="AK13600">
        <v>58</v>
      </c>
      <c r="AL13600">
        <v>58</v>
      </c>
      <c r="AM13600">
        <v>59</v>
      </c>
      <c r="AN13600">
        <v>59</v>
      </c>
      <c r="AO13600">
        <v>59</v>
      </c>
      <c r="AP13600">
        <v>59</v>
      </c>
      <c r="AQ13600">
        <v>59</v>
      </c>
    </row>
    <row r="13601" spans="1:43">
      <c r="A13601" t="s">
        <v>8450</v>
      </c>
      <c r="B13601" t="s">
        <v>8451</v>
      </c>
      <c r="C13601" t="s">
        <v>8452</v>
      </c>
      <c r="D13601" t="s">
        <v>8453</v>
      </c>
      <c r="E13601" t="s">
        <v>8296</v>
      </c>
      <c r="F13601" t="s">
        <v>8297</v>
      </c>
      <c r="G13601" t="s">
        <v>80</v>
      </c>
      <c r="H13601" t="s">
        <v>81</v>
      </c>
      <c r="I13601" s="2">
        <v>0</v>
      </c>
      <c r="J13601" s="2">
        <v>1</v>
      </c>
      <c r="K13601" s="2">
        <v>0</v>
      </c>
      <c r="L13601" t="s">
        <v>82</v>
      </c>
      <c r="M13601" t="s">
        <v>83</v>
      </c>
      <c r="N13601" t="s">
        <v>91</v>
      </c>
      <c r="O13601" t="s">
        <v>85</v>
      </c>
      <c r="P13601" t="s">
        <v>86</v>
      </c>
      <c r="Q13601">
        <v>42</v>
      </c>
      <c r="R13601">
        <v>42</v>
      </c>
      <c r="S13601">
        <v>43</v>
      </c>
      <c r="T13601">
        <v>44</v>
      </c>
      <c r="U13601">
        <v>45</v>
      </c>
      <c r="V13601">
        <v>46</v>
      </c>
      <c r="W13601">
        <v>46</v>
      </c>
      <c r="X13601">
        <v>47</v>
      </c>
      <c r="Y13601">
        <v>48</v>
      </c>
      <c r="Z13601">
        <v>49</v>
      </c>
      <c r="AA13601">
        <v>50</v>
      </c>
      <c r="AB13601">
        <v>51</v>
      </c>
      <c r="AC13601">
        <v>51</v>
      </c>
      <c r="AD13601">
        <v>52</v>
      </c>
      <c r="AE13601">
        <v>53</v>
      </c>
      <c r="AF13601">
        <v>54</v>
      </c>
      <c r="AG13601">
        <v>54</v>
      </c>
      <c r="AH13601">
        <v>55</v>
      </c>
      <c r="AI13601">
        <v>56</v>
      </c>
      <c r="AJ13601">
        <v>57</v>
      </c>
      <c r="AK13601">
        <v>57</v>
      </c>
      <c r="AL13601">
        <v>58</v>
      </c>
      <c r="AM13601">
        <v>58</v>
      </c>
      <c r="AN13601">
        <v>58</v>
      </c>
      <c r="AO13601">
        <v>59</v>
      </c>
      <c r="AP13601">
        <v>59</v>
      </c>
      <c r="AQ13601">
        <v>59</v>
      </c>
    </row>
    <row r="13602" spans="1:43">
      <c r="A13602" t="s">
        <v>8454</v>
      </c>
      <c r="B13602" t="s">
        <v>8455</v>
      </c>
      <c r="C13602" t="s">
        <v>8456</v>
      </c>
      <c r="D13602" t="s">
        <v>8457</v>
      </c>
      <c r="E13602" t="s">
        <v>8296</v>
      </c>
      <c r="F13602" t="s">
        <v>8297</v>
      </c>
      <c r="G13602" t="s">
        <v>80</v>
      </c>
      <c r="H13602" t="s">
        <v>81</v>
      </c>
      <c r="I13602" s="2">
        <v>0</v>
      </c>
      <c r="J13602" s="2">
        <v>1</v>
      </c>
      <c r="K13602" s="2">
        <v>0</v>
      </c>
      <c r="L13602" t="s">
        <v>82</v>
      </c>
      <c r="M13602" t="s">
        <v>83</v>
      </c>
      <c r="N13602" t="s">
        <v>84</v>
      </c>
      <c r="O13602" t="s">
        <v>85</v>
      </c>
      <c r="P13602" t="s">
        <v>86</v>
      </c>
      <c r="Q13602">
        <v>58</v>
      </c>
      <c r="R13602">
        <v>60</v>
      </c>
      <c r="S13602">
        <v>61</v>
      </c>
      <c r="T13602">
        <v>62</v>
      </c>
      <c r="U13602">
        <v>63</v>
      </c>
      <c r="V13602">
        <v>64</v>
      </c>
      <c r="W13602">
        <v>65</v>
      </c>
      <c r="X13602">
        <v>66</v>
      </c>
      <c r="Y13602">
        <v>68</v>
      </c>
      <c r="Z13602">
        <v>69</v>
      </c>
      <c r="AA13602">
        <v>70</v>
      </c>
      <c r="AB13602">
        <v>71</v>
      </c>
      <c r="AC13602">
        <v>72</v>
      </c>
      <c r="AD13602">
        <v>73</v>
      </c>
      <c r="AE13602">
        <v>74</v>
      </c>
      <c r="AF13602">
        <v>75</v>
      </c>
      <c r="AG13602">
        <v>76</v>
      </c>
      <c r="AH13602">
        <v>78</v>
      </c>
      <c r="AI13602">
        <v>79</v>
      </c>
      <c r="AJ13602">
        <v>80</v>
      </c>
      <c r="AK13602">
        <v>81</v>
      </c>
      <c r="AL13602">
        <v>81</v>
      </c>
      <c r="AM13602">
        <v>82</v>
      </c>
      <c r="AN13602">
        <v>82</v>
      </c>
      <c r="AO13602">
        <v>82</v>
      </c>
      <c r="AP13602">
        <v>83</v>
      </c>
      <c r="AQ13602">
        <v>83</v>
      </c>
    </row>
    <row r="13603" spans="1:43">
      <c r="A13603" t="s">
        <v>8454</v>
      </c>
      <c r="B13603" t="s">
        <v>8455</v>
      </c>
      <c r="C13603" t="s">
        <v>8456</v>
      </c>
      <c r="D13603" t="s">
        <v>8457</v>
      </c>
      <c r="E13603" t="s">
        <v>8296</v>
      </c>
      <c r="F13603" t="s">
        <v>8297</v>
      </c>
      <c r="G13603" t="s">
        <v>80</v>
      </c>
      <c r="H13603" t="s">
        <v>81</v>
      </c>
      <c r="I13603" s="2">
        <v>0</v>
      </c>
      <c r="J13603" s="2">
        <v>1</v>
      </c>
      <c r="K13603" s="2">
        <v>0</v>
      </c>
      <c r="L13603" t="s">
        <v>82</v>
      </c>
      <c r="M13603" t="s">
        <v>87</v>
      </c>
      <c r="N13603" t="s">
        <v>88</v>
      </c>
      <c r="O13603" t="s">
        <v>85</v>
      </c>
      <c r="P13603" t="s">
        <v>86</v>
      </c>
      <c r="Q13603">
        <v>58</v>
      </c>
      <c r="R13603">
        <v>59</v>
      </c>
      <c r="S13603">
        <v>59</v>
      </c>
      <c r="T13603">
        <v>60</v>
      </c>
      <c r="U13603">
        <v>60</v>
      </c>
      <c r="V13603">
        <v>61</v>
      </c>
      <c r="W13603">
        <v>61</v>
      </c>
      <c r="X13603">
        <v>62</v>
      </c>
      <c r="Y13603">
        <v>63</v>
      </c>
      <c r="Z13603">
        <v>63</v>
      </c>
      <c r="AA13603">
        <v>64</v>
      </c>
      <c r="AB13603">
        <v>64</v>
      </c>
      <c r="AC13603">
        <v>65</v>
      </c>
      <c r="AD13603">
        <v>65</v>
      </c>
      <c r="AE13603">
        <v>66</v>
      </c>
      <c r="AF13603">
        <v>66</v>
      </c>
      <c r="AG13603">
        <v>67</v>
      </c>
      <c r="AH13603">
        <v>67</v>
      </c>
      <c r="AI13603">
        <v>68</v>
      </c>
      <c r="AJ13603">
        <v>68</v>
      </c>
      <c r="AK13603">
        <v>69</v>
      </c>
      <c r="AL13603">
        <v>69</v>
      </c>
      <c r="AM13603">
        <v>70</v>
      </c>
      <c r="AN13603">
        <v>70</v>
      </c>
      <c r="AO13603">
        <v>71</v>
      </c>
      <c r="AP13603">
        <v>71</v>
      </c>
      <c r="AQ13603">
        <v>72</v>
      </c>
    </row>
    <row r="13604" spans="1:43">
      <c r="A13604" t="s">
        <v>8454</v>
      </c>
      <c r="B13604" t="s">
        <v>8455</v>
      </c>
      <c r="C13604" t="s">
        <v>8456</v>
      </c>
      <c r="D13604" t="s">
        <v>8457</v>
      </c>
      <c r="E13604" t="s">
        <v>8296</v>
      </c>
      <c r="F13604" t="s">
        <v>8297</v>
      </c>
      <c r="G13604" t="s">
        <v>80</v>
      </c>
      <c r="H13604" t="s">
        <v>81</v>
      </c>
      <c r="I13604" s="2">
        <v>0</v>
      </c>
      <c r="J13604" s="2">
        <v>1</v>
      </c>
      <c r="K13604" s="2">
        <v>0</v>
      </c>
      <c r="L13604" t="s">
        <v>82</v>
      </c>
      <c r="M13604" t="s">
        <v>89</v>
      </c>
      <c r="N13604" t="s">
        <v>90</v>
      </c>
      <c r="O13604" t="s">
        <v>85</v>
      </c>
      <c r="P13604" t="s">
        <v>86</v>
      </c>
      <c r="Q13604">
        <v>58</v>
      </c>
      <c r="R13604">
        <v>60</v>
      </c>
      <c r="S13604">
        <v>61</v>
      </c>
      <c r="T13604">
        <v>63</v>
      </c>
      <c r="U13604">
        <v>65</v>
      </c>
      <c r="V13604">
        <v>66</v>
      </c>
      <c r="W13604">
        <v>68</v>
      </c>
      <c r="X13604">
        <v>69</v>
      </c>
      <c r="Y13604">
        <v>71</v>
      </c>
      <c r="Z13604">
        <v>72</v>
      </c>
      <c r="AA13604">
        <v>73</v>
      </c>
      <c r="AB13604">
        <v>75</v>
      </c>
      <c r="AC13604">
        <v>76</v>
      </c>
      <c r="AD13604">
        <v>78</v>
      </c>
      <c r="AE13604">
        <v>79</v>
      </c>
      <c r="AF13604">
        <v>79</v>
      </c>
      <c r="AG13604">
        <v>79</v>
      </c>
      <c r="AH13604">
        <v>80</v>
      </c>
      <c r="AI13604">
        <v>80</v>
      </c>
      <c r="AJ13604">
        <v>80</v>
      </c>
      <c r="AK13604">
        <v>81</v>
      </c>
      <c r="AL13604">
        <v>81</v>
      </c>
      <c r="AM13604">
        <v>81</v>
      </c>
      <c r="AN13604">
        <v>82</v>
      </c>
      <c r="AO13604">
        <v>82</v>
      </c>
      <c r="AP13604">
        <v>82</v>
      </c>
      <c r="AQ13604">
        <v>82</v>
      </c>
    </row>
    <row r="13605" spans="1:43">
      <c r="A13605" t="s">
        <v>8454</v>
      </c>
      <c r="B13605" t="s">
        <v>8455</v>
      </c>
      <c r="C13605" t="s">
        <v>8456</v>
      </c>
      <c r="D13605" t="s">
        <v>8457</v>
      </c>
      <c r="E13605" t="s">
        <v>8296</v>
      </c>
      <c r="F13605" t="s">
        <v>8297</v>
      </c>
      <c r="G13605" t="s">
        <v>80</v>
      </c>
      <c r="H13605" t="s">
        <v>81</v>
      </c>
      <c r="I13605" s="2">
        <v>0</v>
      </c>
      <c r="J13605" s="2">
        <v>1</v>
      </c>
      <c r="K13605" s="2">
        <v>0</v>
      </c>
      <c r="L13605" t="s">
        <v>82</v>
      </c>
      <c r="M13605" t="s">
        <v>83</v>
      </c>
      <c r="N13605" t="s">
        <v>91</v>
      </c>
      <c r="O13605" t="s">
        <v>85</v>
      </c>
      <c r="P13605" t="s">
        <v>86</v>
      </c>
      <c r="Q13605">
        <v>58</v>
      </c>
      <c r="R13605">
        <v>60</v>
      </c>
      <c r="S13605">
        <v>61</v>
      </c>
      <c r="T13605">
        <v>62</v>
      </c>
      <c r="U13605">
        <v>63</v>
      </c>
      <c r="V13605">
        <v>64</v>
      </c>
      <c r="W13605">
        <v>65</v>
      </c>
      <c r="X13605">
        <v>66</v>
      </c>
      <c r="Y13605">
        <v>68</v>
      </c>
      <c r="Z13605">
        <v>69</v>
      </c>
      <c r="AA13605">
        <v>70</v>
      </c>
      <c r="AB13605">
        <v>71</v>
      </c>
      <c r="AC13605">
        <v>72</v>
      </c>
      <c r="AD13605">
        <v>73</v>
      </c>
      <c r="AE13605">
        <v>74</v>
      </c>
      <c r="AF13605">
        <v>75</v>
      </c>
      <c r="AG13605">
        <v>76</v>
      </c>
      <c r="AH13605">
        <v>78</v>
      </c>
      <c r="AI13605">
        <v>79</v>
      </c>
      <c r="AJ13605">
        <v>80</v>
      </c>
      <c r="AK13605">
        <v>81</v>
      </c>
      <c r="AL13605">
        <v>81</v>
      </c>
      <c r="AM13605">
        <v>82</v>
      </c>
      <c r="AN13605">
        <v>82</v>
      </c>
      <c r="AO13605">
        <v>82</v>
      </c>
      <c r="AP13605">
        <v>83</v>
      </c>
      <c r="AQ13605">
        <v>83</v>
      </c>
    </row>
    <row r="13606" spans="1:43">
      <c r="A13606" t="s">
        <v>8458</v>
      </c>
      <c r="B13606" t="s">
        <v>8459</v>
      </c>
      <c r="C13606" t="s">
        <v>8460</v>
      </c>
      <c r="D13606" t="s">
        <v>8461</v>
      </c>
      <c r="E13606" t="s">
        <v>8296</v>
      </c>
      <c r="F13606" t="s">
        <v>8297</v>
      </c>
      <c r="G13606" t="s">
        <v>80</v>
      </c>
      <c r="H13606" t="s">
        <v>81</v>
      </c>
      <c r="I13606" s="2">
        <v>0</v>
      </c>
      <c r="J13606" s="2">
        <v>1</v>
      </c>
      <c r="K13606" s="2">
        <v>0</v>
      </c>
      <c r="L13606" t="s">
        <v>82</v>
      </c>
      <c r="M13606" t="s">
        <v>83</v>
      </c>
      <c r="N13606" t="s">
        <v>84</v>
      </c>
      <c r="O13606" t="s">
        <v>85</v>
      </c>
      <c r="P13606" t="s">
        <v>86</v>
      </c>
      <c r="Q13606">
        <v>33</v>
      </c>
      <c r="R13606">
        <v>34</v>
      </c>
      <c r="S13606">
        <v>35</v>
      </c>
      <c r="T13606">
        <v>35</v>
      </c>
      <c r="U13606">
        <v>36</v>
      </c>
      <c r="V13606">
        <v>37</v>
      </c>
      <c r="W13606">
        <v>37</v>
      </c>
      <c r="X13606">
        <v>38</v>
      </c>
      <c r="Y13606">
        <v>39</v>
      </c>
      <c r="Z13606">
        <v>39</v>
      </c>
      <c r="AA13606">
        <v>40</v>
      </c>
      <c r="AB13606">
        <v>41</v>
      </c>
      <c r="AC13606">
        <v>41</v>
      </c>
      <c r="AD13606">
        <v>42</v>
      </c>
      <c r="AE13606">
        <v>42</v>
      </c>
      <c r="AF13606">
        <v>43</v>
      </c>
      <c r="AG13606">
        <v>44</v>
      </c>
      <c r="AH13606">
        <v>44</v>
      </c>
      <c r="AI13606">
        <v>45</v>
      </c>
      <c r="AJ13606">
        <v>45</v>
      </c>
      <c r="AK13606">
        <v>46</v>
      </c>
      <c r="AL13606">
        <v>46</v>
      </c>
      <c r="AM13606">
        <v>47</v>
      </c>
      <c r="AN13606">
        <v>47</v>
      </c>
      <c r="AO13606">
        <v>47</v>
      </c>
      <c r="AP13606">
        <v>47</v>
      </c>
      <c r="AQ13606">
        <v>47</v>
      </c>
    </row>
    <row r="13607" spans="1:43">
      <c r="A13607" t="s">
        <v>8458</v>
      </c>
      <c r="B13607" t="s">
        <v>8459</v>
      </c>
      <c r="C13607" t="s">
        <v>8460</v>
      </c>
      <c r="D13607" t="s">
        <v>8461</v>
      </c>
      <c r="E13607" t="s">
        <v>8296</v>
      </c>
      <c r="F13607" t="s">
        <v>8297</v>
      </c>
      <c r="G13607" t="s">
        <v>80</v>
      </c>
      <c r="H13607" t="s">
        <v>81</v>
      </c>
      <c r="I13607" s="2">
        <v>0</v>
      </c>
      <c r="J13607" s="2">
        <v>1</v>
      </c>
      <c r="K13607" s="2">
        <v>0</v>
      </c>
      <c r="L13607" t="s">
        <v>82</v>
      </c>
      <c r="M13607" t="s">
        <v>87</v>
      </c>
      <c r="N13607" t="s">
        <v>88</v>
      </c>
      <c r="O13607" t="s">
        <v>85</v>
      </c>
      <c r="P13607" t="s">
        <v>86</v>
      </c>
      <c r="Q13607">
        <v>33</v>
      </c>
      <c r="R13607">
        <v>33</v>
      </c>
      <c r="S13607">
        <v>34</v>
      </c>
      <c r="T13607">
        <v>34</v>
      </c>
      <c r="U13607">
        <v>34</v>
      </c>
      <c r="V13607">
        <v>35</v>
      </c>
      <c r="W13607">
        <v>35</v>
      </c>
      <c r="X13607">
        <v>35</v>
      </c>
      <c r="Y13607">
        <v>36</v>
      </c>
      <c r="Z13607">
        <v>36</v>
      </c>
      <c r="AA13607">
        <v>36</v>
      </c>
      <c r="AB13607">
        <v>37</v>
      </c>
      <c r="AC13607">
        <v>37</v>
      </c>
      <c r="AD13607">
        <v>37</v>
      </c>
      <c r="AE13607">
        <v>38</v>
      </c>
      <c r="AF13607">
        <v>38</v>
      </c>
      <c r="AG13607">
        <v>38</v>
      </c>
      <c r="AH13607">
        <v>38</v>
      </c>
      <c r="AI13607">
        <v>39</v>
      </c>
      <c r="AJ13607">
        <v>39</v>
      </c>
      <c r="AK13607">
        <v>39</v>
      </c>
      <c r="AL13607">
        <v>40</v>
      </c>
      <c r="AM13607">
        <v>40</v>
      </c>
      <c r="AN13607">
        <v>40</v>
      </c>
      <c r="AO13607">
        <v>40</v>
      </c>
      <c r="AP13607">
        <v>41</v>
      </c>
      <c r="AQ13607">
        <v>41</v>
      </c>
    </row>
    <row r="13608" spans="1:43">
      <c r="A13608" t="s">
        <v>8458</v>
      </c>
      <c r="B13608" t="s">
        <v>8459</v>
      </c>
      <c r="C13608" t="s">
        <v>8460</v>
      </c>
      <c r="D13608" t="s">
        <v>8461</v>
      </c>
      <c r="E13608" t="s">
        <v>8296</v>
      </c>
      <c r="F13608" t="s">
        <v>8297</v>
      </c>
      <c r="G13608" t="s">
        <v>80</v>
      </c>
      <c r="H13608" t="s">
        <v>81</v>
      </c>
      <c r="I13608" s="2">
        <v>0</v>
      </c>
      <c r="J13608" s="2">
        <v>1</v>
      </c>
      <c r="K13608" s="2">
        <v>0</v>
      </c>
      <c r="L13608" t="s">
        <v>82</v>
      </c>
      <c r="M13608" t="s">
        <v>89</v>
      </c>
      <c r="N13608" t="s">
        <v>90</v>
      </c>
      <c r="O13608" t="s">
        <v>85</v>
      </c>
      <c r="P13608" t="s">
        <v>86</v>
      </c>
      <c r="Q13608">
        <v>33</v>
      </c>
      <c r="R13608">
        <v>34</v>
      </c>
      <c r="S13608">
        <v>35</v>
      </c>
      <c r="T13608">
        <v>36</v>
      </c>
      <c r="U13608">
        <v>36</v>
      </c>
      <c r="V13608">
        <v>37</v>
      </c>
      <c r="W13608">
        <v>38</v>
      </c>
      <c r="X13608">
        <v>39</v>
      </c>
      <c r="Y13608">
        <v>40</v>
      </c>
      <c r="Z13608">
        <v>41</v>
      </c>
      <c r="AA13608">
        <v>41</v>
      </c>
      <c r="AB13608">
        <v>42</v>
      </c>
      <c r="AC13608">
        <v>43</v>
      </c>
      <c r="AD13608">
        <v>44</v>
      </c>
      <c r="AE13608">
        <v>44</v>
      </c>
      <c r="AF13608">
        <v>45</v>
      </c>
      <c r="AG13608">
        <v>45</v>
      </c>
      <c r="AH13608">
        <v>45</v>
      </c>
      <c r="AI13608">
        <v>45</v>
      </c>
      <c r="AJ13608">
        <v>45</v>
      </c>
      <c r="AK13608">
        <v>46</v>
      </c>
      <c r="AL13608">
        <v>46</v>
      </c>
      <c r="AM13608">
        <v>46</v>
      </c>
      <c r="AN13608">
        <v>46</v>
      </c>
      <c r="AO13608">
        <v>46</v>
      </c>
      <c r="AP13608">
        <v>46</v>
      </c>
      <c r="AQ13608">
        <v>47</v>
      </c>
    </row>
    <row r="13609" spans="1:43">
      <c r="A13609" t="s">
        <v>8458</v>
      </c>
      <c r="B13609" t="s">
        <v>8459</v>
      </c>
      <c r="C13609" t="s">
        <v>8460</v>
      </c>
      <c r="D13609" t="s">
        <v>8461</v>
      </c>
      <c r="E13609" t="s">
        <v>8296</v>
      </c>
      <c r="F13609" t="s">
        <v>8297</v>
      </c>
      <c r="G13609" t="s">
        <v>80</v>
      </c>
      <c r="H13609" t="s">
        <v>81</v>
      </c>
      <c r="I13609" s="2">
        <v>0</v>
      </c>
      <c r="J13609" s="2">
        <v>1</v>
      </c>
      <c r="K13609" s="2">
        <v>0</v>
      </c>
      <c r="L13609" t="s">
        <v>82</v>
      </c>
      <c r="M13609" t="s">
        <v>83</v>
      </c>
      <c r="N13609" t="s">
        <v>91</v>
      </c>
      <c r="O13609" t="s">
        <v>85</v>
      </c>
      <c r="P13609" t="s">
        <v>86</v>
      </c>
      <c r="Q13609">
        <v>33</v>
      </c>
      <c r="R13609">
        <v>34</v>
      </c>
      <c r="S13609">
        <v>35</v>
      </c>
      <c r="T13609">
        <v>35</v>
      </c>
      <c r="U13609">
        <v>36</v>
      </c>
      <c r="V13609">
        <v>37</v>
      </c>
      <c r="W13609">
        <v>37</v>
      </c>
      <c r="X13609">
        <v>38</v>
      </c>
      <c r="Y13609">
        <v>39</v>
      </c>
      <c r="Z13609">
        <v>39</v>
      </c>
      <c r="AA13609">
        <v>40</v>
      </c>
      <c r="AB13609">
        <v>41</v>
      </c>
      <c r="AC13609">
        <v>41</v>
      </c>
      <c r="AD13609">
        <v>42</v>
      </c>
      <c r="AE13609">
        <v>42</v>
      </c>
      <c r="AF13609">
        <v>43</v>
      </c>
      <c r="AG13609">
        <v>44</v>
      </c>
      <c r="AH13609">
        <v>44</v>
      </c>
      <c r="AI13609">
        <v>45</v>
      </c>
      <c r="AJ13609">
        <v>45</v>
      </c>
      <c r="AK13609">
        <v>46</v>
      </c>
      <c r="AL13609">
        <v>46</v>
      </c>
      <c r="AM13609">
        <v>47</v>
      </c>
      <c r="AN13609">
        <v>47</v>
      </c>
      <c r="AO13609">
        <v>47</v>
      </c>
      <c r="AP13609">
        <v>47</v>
      </c>
      <c r="AQ13609">
        <v>47</v>
      </c>
    </row>
    <row r="13610" spans="1:43">
      <c r="A13610" t="s">
        <v>8462</v>
      </c>
      <c r="B13610" t="s">
        <v>8463</v>
      </c>
      <c r="C13610" t="s">
        <v>8460</v>
      </c>
      <c r="D13610" t="s">
        <v>8461</v>
      </c>
      <c r="E13610" t="s">
        <v>8296</v>
      </c>
      <c r="F13610" t="s">
        <v>8297</v>
      </c>
      <c r="G13610" t="s">
        <v>80</v>
      </c>
      <c r="H13610" t="s">
        <v>81</v>
      </c>
      <c r="I13610" s="2">
        <v>0</v>
      </c>
      <c r="J13610" s="2">
        <v>1</v>
      </c>
      <c r="K13610" s="2">
        <v>0</v>
      </c>
      <c r="L13610" t="s">
        <v>82</v>
      </c>
      <c r="M13610" t="s">
        <v>83</v>
      </c>
      <c r="N13610" t="s">
        <v>84</v>
      </c>
      <c r="O13610" t="s">
        <v>85</v>
      </c>
      <c r="P13610" t="s">
        <v>86</v>
      </c>
      <c r="Q13610">
        <v>16</v>
      </c>
      <c r="R13610">
        <v>16</v>
      </c>
      <c r="S13610">
        <v>17</v>
      </c>
      <c r="T13610">
        <v>17</v>
      </c>
      <c r="U13610">
        <v>17</v>
      </c>
      <c r="V13610">
        <v>17</v>
      </c>
      <c r="W13610">
        <v>18</v>
      </c>
      <c r="X13610">
        <v>18</v>
      </c>
      <c r="Y13610">
        <v>18</v>
      </c>
      <c r="Z13610">
        <v>19</v>
      </c>
      <c r="AA13610">
        <v>19</v>
      </c>
      <c r="AB13610">
        <v>19</v>
      </c>
      <c r="AC13610">
        <v>20</v>
      </c>
      <c r="AD13610">
        <v>20</v>
      </c>
      <c r="AE13610">
        <v>20</v>
      </c>
      <c r="AF13610">
        <v>21</v>
      </c>
      <c r="AG13610">
        <v>21</v>
      </c>
      <c r="AH13610">
        <v>21</v>
      </c>
      <c r="AI13610">
        <v>21</v>
      </c>
      <c r="AJ13610">
        <v>22</v>
      </c>
      <c r="AK13610">
        <v>22</v>
      </c>
      <c r="AL13610">
        <v>22</v>
      </c>
      <c r="AM13610">
        <v>22</v>
      </c>
      <c r="AN13610">
        <v>22</v>
      </c>
      <c r="AO13610">
        <v>22</v>
      </c>
      <c r="AP13610">
        <v>22</v>
      </c>
      <c r="AQ13610">
        <v>23</v>
      </c>
    </row>
    <row r="13611" spans="1:43">
      <c r="A13611" t="s">
        <v>8462</v>
      </c>
      <c r="B13611" t="s">
        <v>8463</v>
      </c>
      <c r="C13611" t="s">
        <v>8460</v>
      </c>
      <c r="D13611" t="s">
        <v>8461</v>
      </c>
      <c r="E13611" t="s">
        <v>8296</v>
      </c>
      <c r="F13611" t="s">
        <v>8297</v>
      </c>
      <c r="G13611" t="s">
        <v>80</v>
      </c>
      <c r="H13611" t="s">
        <v>81</v>
      </c>
      <c r="I13611" s="2">
        <v>0</v>
      </c>
      <c r="J13611" s="2">
        <v>1</v>
      </c>
      <c r="K13611" s="2">
        <v>0</v>
      </c>
      <c r="L13611" t="s">
        <v>82</v>
      </c>
      <c r="M13611" t="s">
        <v>87</v>
      </c>
      <c r="N13611" t="s">
        <v>88</v>
      </c>
      <c r="O13611" t="s">
        <v>85</v>
      </c>
      <c r="P13611" t="s">
        <v>86</v>
      </c>
      <c r="Q13611">
        <v>16</v>
      </c>
      <c r="R13611">
        <v>16</v>
      </c>
      <c r="S13611">
        <v>16</v>
      </c>
      <c r="T13611">
        <v>16</v>
      </c>
      <c r="U13611">
        <v>16</v>
      </c>
      <c r="V13611">
        <v>17</v>
      </c>
      <c r="W13611">
        <v>17</v>
      </c>
      <c r="X13611">
        <v>17</v>
      </c>
      <c r="Y13611">
        <v>17</v>
      </c>
      <c r="Z13611">
        <v>17</v>
      </c>
      <c r="AA13611">
        <v>17</v>
      </c>
      <c r="AB13611">
        <v>17</v>
      </c>
      <c r="AC13611">
        <v>18</v>
      </c>
      <c r="AD13611">
        <v>18</v>
      </c>
      <c r="AE13611">
        <v>18</v>
      </c>
      <c r="AF13611">
        <v>18</v>
      </c>
      <c r="AG13611">
        <v>18</v>
      </c>
      <c r="AH13611">
        <v>18</v>
      </c>
      <c r="AI13611">
        <v>18</v>
      </c>
      <c r="AJ13611">
        <v>19</v>
      </c>
      <c r="AK13611">
        <v>19</v>
      </c>
      <c r="AL13611">
        <v>19</v>
      </c>
      <c r="AM13611">
        <v>19</v>
      </c>
      <c r="AN13611">
        <v>19</v>
      </c>
      <c r="AO13611">
        <v>19</v>
      </c>
      <c r="AP13611">
        <v>19</v>
      </c>
      <c r="AQ13611">
        <v>20</v>
      </c>
    </row>
    <row r="13612" spans="1:43">
      <c r="A13612" t="s">
        <v>8462</v>
      </c>
      <c r="B13612" t="s">
        <v>8463</v>
      </c>
      <c r="C13612" t="s">
        <v>8460</v>
      </c>
      <c r="D13612" t="s">
        <v>8461</v>
      </c>
      <c r="E13612" t="s">
        <v>8296</v>
      </c>
      <c r="F13612" t="s">
        <v>8297</v>
      </c>
      <c r="G13612" t="s">
        <v>80</v>
      </c>
      <c r="H13612" t="s">
        <v>81</v>
      </c>
      <c r="I13612" s="2">
        <v>0</v>
      </c>
      <c r="J13612" s="2">
        <v>1</v>
      </c>
      <c r="K13612" s="2">
        <v>0</v>
      </c>
      <c r="L13612" t="s">
        <v>82</v>
      </c>
      <c r="M13612" t="s">
        <v>89</v>
      </c>
      <c r="N13612" t="s">
        <v>90</v>
      </c>
      <c r="O13612" t="s">
        <v>85</v>
      </c>
      <c r="P13612" t="s">
        <v>86</v>
      </c>
      <c r="Q13612">
        <v>16</v>
      </c>
      <c r="R13612">
        <v>17</v>
      </c>
      <c r="S13612">
        <v>17</v>
      </c>
      <c r="T13612">
        <v>17</v>
      </c>
      <c r="U13612">
        <v>18</v>
      </c>
      <c r="V13612">
        <v>18</v>
      </c>
      <c r="W13612">
        <v>19</v>
      </c>
      <c r="X13612">
        <v>19</v>
      </c>
      <c r="Y13612">
        <v>20</v>
      </c>
      <c r="Z13612">
        <v>20</v>
      </c>
      <c r="AA13612">
        <v>20</v>
      </c>
      <c r="AB13612">
        <v>21</v>
      </c>
      <c r="AC13612">
        <v>21</v>
      </c>
      <c r="AD13612">
        <v>21</v>
      </c>
      <c r="AE13612">
        <v>22</v>
      </c>
      <c r="AF13612">
        <v>22</v>
      </c>
      <c r="AG13612">
        <v>22</v>
      </c>
      <c r="AH13612">
        <v>22</v>
      </c>
      <c r="AI13612">
        <v>22</v>
      </c>
      <c r="AJ13612">
        <v>22</v>
      </c>
      <c r="AK13612">
        <v>22</v>
      </c>
      <c r="AL13612">
        <v>22</v>
      </c>
      <c r="AM13612">
        <v>22</v>
      </c>
      <c r="AN13612">
        <v>23</v>
      </c>
      <c r="AO13612">
        <v>23</v>
      </c>
      <c r="AP13612">
        <v>23</v>
      </c>
      <c r="AQ13612">
        <v>23</v>
      </c>
    </row>
    <row r="13613" spans="1:43">
      <c r="A13613" t="s">
        <v>8462</v>
      </c>
      <c r="B13613" t="s">
        <v>8463</v>
      </c>
      <c r="C13613" t="s">
        <v>8460</v>
      </c>
      <c r="D13613" t="s">
        <v>8461</v>
      </c>
      <c r="E13613" t="s">
        <v>8296</v>
      </c>
      <c r="F13613" t="s">
        <v>8297</v>
      </c>
      <c r="G13613" t="s">
        <v>80</v>
      </c>
      <c r="H13613" t="s">
        <v>81</v>
      </c>
      <c r="I13613" s="2">
        <v>0</v>
      </c>
      <c r="J13613" s="2">
        <v>1</v>
      </c>
      <c r="K13613" s="2">
        <v>0</v>
      </c>
      <c r="L13613" t="s">
        <v>82</v>
      </c>
      <c r="M13613" t="s">
        <v>83</v>
      </c>
      <c r="N13613" t="s">
        <v>91</v>
      </c>
      <c r="O13613" t="s">
        <v>85</v>
      </c>
      <c r="P13613" t="s">
        <v>86</v>
      </c>
      <c r="Q13613">
        <v>16</v>
      </c>
      <c r="R13613">
        <v>16</v>
      </c>
      <c r="S13613">
        <v>17</v>
      </c>
      <c r="T13613">
        <v>17</v>
      </c>
      <c r="U13613">
        <v>17</v>
      </c>
      <c r="V13613">
        <v>17</v>
      </c>
      <c r="W13613">
        <v>18</v>
      </c>
      <c r="X13613">
        <v>18</v>
      </c>
      <c r="Y13613">
        <v>18</v>
      </c>
      <c r="Z13613">
        <v>19</v>
      </c>
      <c r="AA13613">
        <v>19</v>
      </c>
      <c r="AB13613">
        <v>19</v>
      </c>
      <c r="AC13613">
        <v>20</v>
      </c>
      <c r="AD13613">
        <v>20</v>
      </c>
      <c r="AE13613">
        <v>20</v>
      </c>
      <c r="AF13613">
        <v>21</v>
      </c>
      <c r="AG13613">
        <v>21</v>
      </c>
      <c r="AH13613">
        <v>21</v>
      </c>
      <c r="AI13613">
        <v>21</v>
      </c>
      <c r="AJ13613">
        <v>22</v>
      </c>
      <c r="AK13613">
        <v>22</v>
      </c>
      <c r="AL13613">
        <v>22</v>
      </c>
      <c r="AM13613">
        <v>22</v>
      </c>
      <c r="AN13613">
        <v>22</v>
      </c>
      <c r="AO13613">
        <v>22</v>
      </c>
      <c r="AP13613">
        <v>22</v>
      </c>
      <c r="AQ13613">
        <v>23</v>
      </c>
    </row>
    <row r="13614" spans="1:43">
      <c r="A13614" t="s">
        <v>8464</v>
      </c>
      <c r="B13614" t="s">
        <v>8465</v>
      </c>
      <c r="C13614" t="s">
        <v>8452</v>
      </c>
      <c r="D13614" t="s">
        <v>8453</v>
      </c>
      <c r="E13614" t="s">
        <v>8296</v>
      </c>
      <c r="F13614" t="s">
        <v>8297</v>
      </c>
      <c r="G13614" t="s">
        <v>80</v>
      </c>
      <c r="H13614" t="s">
        <v>81</v>
      </c>
      <c r="I13614" s="2">
        <v>0</v>
      </c>
      <c r="J13614" s="2">
        <v>1</v>
      </c>
      <c r="K13614" s="2">
        <v>0</v>
      </c>
      <c r="L13614" t="s">
        <v>82</v>
      </c>
      <c r="M13614" t="s">
        <v>83</v>
      </c>
      <c r="N13614" t="s">
        <v>84</v>
      </c>
      <c r="O13614" t="s">
        <v>85</v>
      </c>
      <c r="P13614" t="s">
        <v>86</v>
      </c>
      <c r="Q13614">
        <v>94</v>
      </c>
      <c r="R13614">
        <v>96</v>
      </c>
      <c r="S13614">
        <v>98</v>
      </c>
      <c r="T13614">
        <v>100</v>
      </c>
      <c r="U13614">
        <v>102</v>
      </c>
      <c r="V13614">
        <v>104</v>
      </c>
      <c r="W13614">
        <v>105</v>
      </c>
      <c r="X13614">
        <v>107</v>
      </c>
      <c r="Y13614">
        <v>109</v>
      </c>
      <c r="Z13614">
        <v>111</v>
      </c>
      <c r="AA13614">
        <v>113</v>
      </c>
      <c r="AB13614">
        <v>115</v>
      </c>
      <c r="AC13614">
        <v>116</v>
      </c>
      <c r="AD13614">
        <v>118</v>
      </c>
      <c r="AE13614">
        <v>120</v>
      </c>
      <c r="AF13614">
        <v>122</v>
      </c>
      <c r="AG13614">
        <v>123</v>
      </c>
      <c r="AH13614">
        <v>125</v>
      </c>
      <c r="AI13614">
        <v>127</v>
      </c>
      <c r="AJ13614">
        <v>129</v>
      </c>
      <c r="AK13614">
        <v>131</v>
      </c>
      <c r="AL13614">
        <v>132</v>
      </c>
      <c r="AM13614">
        <v>132</v>
      </c>
      <c r="AN13614">
        <v>133</v>
      </c>
      <c r="AO13614">
        <v>133</v>
      </c>
      <c r="AP13614">
        <v>133</v>
      </c>
      <c r="AQ13614">
        <v>134</v>
      </c>
    </row>
    <row r="13615" spans="1:43">
      <c r="A13615" t="s">
        <v>8464</v>
      </c>
      <c r="B13615" t="s">
        <v>8465</v>
      </c>
      <c r="C13615" t="s">
        <v>8452</v>
      </c>
      <c r="D13615" t="s">
        <v>8453</v>
      </c>
      <c r="E13615" t="s">
        <v>8296</v>
      </c>
      <c r="F13615" t="s">
        <v>8297</v>
      </c>
      <c r="G13615" t="s">
        <v>80</v>
      </c>
      <c r="H13615" t="s">
        <v>81</v>
      </c>
      <c r="I13615" s="2">
        <v>0</v>
      </c>
      <c r="J13615" s="2">
        <v>1</v>
      </c>
      <c r="K13615" s="2">
        <v>0</v>
      </c>
      <c r="L13615" t="s">
        <v>82</v>
      </c>
      <c r="M13615" t="s">
        <v>87</v>
      </c>
      <c r="N13615" t="s">
        <v>88</v>
      </c>
      <c r="O13615" t="s">
        <v>85</v>
      </c>
      <c r="P13615" t="s">
        <v>86</v>
      </c>
      <c r="Q13615">
        <v>94</v>
      </c>
      <c r="R13615">
        <v>95</v>
      </c>
      <c r="S13615">
        <v>95</v>
      </c>
      <c r="T13615">
        <v>96</v>
      </c>
      <c r="U13615">
        <v>97</v>
      </c>
      <c r="V13615">
        <v>98</v>
      </c>
      <c r="W13615">
        <v>99</v>
      </c>
      <c r="X13615">
        <v>100</v>
      </c>
      <c r="Y13615">
        <v>101</v>
      </c>
      <c r="Z13615">
        <v>102</v>
      </c>
      <c r="AA13615">
        <v>103</v>
      </c>
      <c r="AB13615">
        <v>103</v>
      </c>
      <c r="AC13615">
        <v>104</v>
      </c>
      <c r="AD13615">
        <v>105</v>
      </c>
      <c r="AE13615">
        <v>106</v>
      </c>
      <c r="AF13615">
        <v>107</v>
      </c>
      <c r="AG13615">
        <v>108</v>
      </c>
      <c r="AH13615">
        <v>109</v>
      </c>
      <c r="AI13615">
        <v>109</v>
      </c>
      <c r="AJ13615">
        <v>110</v>
      </c>
      <c r="AK13615">
        <v>111</v>
      </c>
      <c r="AL13615">
        <v>112</v>
      </c>
      <c r="AM13615">
        <v>113</v>
      </c>
      <c r="AN13615">
        <v>113</v>
      </c>
      <c r="AO13615">
        <v>114</v>
      </c>
      <c r="AP13615">
        <v>115</v>
      </c>
      <c r="AQ13615">
        <v>116</v>
      </c>
    </row>
    <row r="13616" spans="1:43">
      <c r="A13616" t="s">
        <v>8464</v>
      </c>
      <c r="B13616" t="s">
        <v>8465</v>
      </c>
      <c r="C13616" t="s">
        <v>8452</v>
      </c>
      <c r="D13616" t="s">
        <v>8453</v>
      </c>
      <c r="E13616" t="s">
        <v>8296</v>
      </c>
      <c r="F13616" t="s">
        <v>8297</v>
      </c>
      <c r="G13616" t="s">
        <v>80</v>
      </c>
      <c r="H13616" t="s">
        <v>81</v>
      </c>
      <c r="I13616" s="2">
        <v>0</v>
      </c>
      <c r="J13616" s="2">
        <v>1</v>
      </c>
      <c r="K13616" s="2">
        <v>0</v>
      </c>
      <c r="L13616" t="s">
        <v>82</v>
      </c>
      <c r="M13616" t="s">
        <v>89</v>
      </c>
      <c r="N13616" t="s">
        <v>90</v>
      </c>
      <c r="O13616" t="s">
        <v>85</v>
      </c>
      <c r="P13616" t="s">
        <v>86</v>
      </c>
      <c r="Q13616">
        <v>94</v>
      </c>
      <c r="R13616">
        <v>97</v>
      </c>
      <c r="S13616">
        <v>100</v>
      </c>
      <c r="T13616">
        <v>102</v>
      </c>
      <c r="U13616">
        <v>105</v>
      </c>
      <c r="V13616">
        <v>107</v>
      </c>
      <c r="W13616">
        <v>110</v>
      </c>
      <c r="X13616">
        <v>112</v>
      </c>
      <c r="Y13616">
        <v>115</v>
      </c>
      <c r="Z13616">
        <v>117</v>
      </c>
      <c r="AA13616">
        <v>119</v>
      </c>
      <c r="AB13616">
        <v>121</v>
      </c>
      <c r="AC13616">
        <v>124</v>
      </c>
      <c r="AD13616">
        <v>126</v>
      </c>
      <c r="AE13616">
        <v>128</v>
      </c>
      <c r="AF13616">
        <v>128</v>
      </c>
      <c r="AG13616">
        <v>129</v>
      </c>
      <c r="AH13616">
        <v>130</v>
      </c>
      <c r="AI13616">
        <v>130</v>
      </c>
      <c r="AJ13616">
        <v>131</v>
      </c>
      <c r="AK13616">
        <v>131</v>
      </c>
      <c r="AL13616">
        <v>132</v>
      </c>
      <c r="AM13616">
        <v>132</v>
      </c>
      <c r="AN13616">
        <v>133</v>
      </c>
      <c r="AO13616">
        <v>133</v>
      </c>
      <c r="AP13616">
        <v>133</v>
      </c>
      <c r="AQ13616">
        <v>134</v>
      </c>
    </row>
    <row r="13617" spans="1:43">
      <c r="A13617" t="s">
        <v>8464</v>
      </c>
      <c r="B13617" t="s">
        <v>8465</v>
      </c>
      <c r="C13617" t="s">
        <v>8452</v>
      </c>
      <c r="D13617" t="s">
        <v>8453</v>
      </c>
      <c r="E13617" t="s">
        <v>8296</v>
      </c>
      <c r="F13617" t="s">
        <v>8297</v>
      </c>
      <c r="G13617" t="s">
        <v>80</v>
      </c>
      <c r="H13617" t="s">
        <v>81</v>
      </c>
      <c r="I13617" s="2">
        <v>0</v>
      </c>
      <c r="J13617" s="2">
        <v>1</v>
      </c>
      <c r="K13617" s="2">
        <v>0</v>
      </c>
      <c r="L13617" t="s">
        <v>82</v>
      </c>
      <c r="M13617" t="s">
        <v>83</v>
      </c>
      <c r="N13617" t="s">
        <v>91</v>
      </c>
      <c r="O13617" t="s">
        <v>85</v>
      </c>
      <c r="P13617" t="s">
        <v>86</v>
      </c>
      <c r="Q13617">
        <v>94</v>
      </c>
      <c r="R13617">
        <v>96</v>
      </c>
      <c r="S13617">
        <v>98</v>
      </c>
      <c r="T13617">
        <v>100</v>
      </c>
      <c r="U13617">
        <v>102</v>
      </c>
      <c r="V13617">
        <v>104</v>
      </c>
      <c r="W13617">
        <v>105</v>
      </c>
      <c r="X13617">
        <v>107</v>
      </c>
      <c r="Y13617">
        <v>109</v>
      </c>
      <c r="Z13617">
        <v>111</v>
      </c>
      <c r="AA13617">
        <v>113</v>
      </c>
      <c r="AB13617">
        <v>115</v>
      </c>
      <c r="AC13617">
        <v>116</v>
      </c>
      <c r="AD13617">
        <v>118</v>
      </c>
      <c r="AE13617">
        <v>120</v>
      </c>
      <c r="AF13617">
        <v>122</v>
      </c>
      <c r="AG13617">
        <v>123</v>
      </c>
      <c r="AH13617">
        <v>125</v>
      </c>
      <c r="AI13617">
        <v>127</v>
      </c>
      <c r="AJ13617">
        <v>129</v>
      </c>
      <c r="AK13617">
        <v>131</v>
      </c>
      <c r="AL13617">
        <v>132</v>
      </c>
      <c r="AM13617">
        <v>132</v>
      </c>
      <c r="AN13617">
        <v>133</v>
      </c>
      <c r="AO13617">
        <v>133</v>
      </c>
      <c r="AP13617">
        <v>133</v>
      </c>
      <c r="AQ13617">
        <v>134</v>
      </c>
    </row>
    <row r="13618" spans="1:43">
      <c r="A13618" t="s">
        <v>8466</v>
      </c>
      <c r="B13618" t="s">
        <v>8467</v>
      </c>
      <c r="C13618" t="s">
        <v>8452</v>
      </c>
      <c r="D13618" t="s">
        <v>8453</v>
      </c>
      <c r="E13618" t="s">
        <v>8296</v>
      </c>
      <c r="F13618" t="s">
        <v>8297</v>
      </c>
      <c r="G13618" t="s">
        <v>80</v>
      </c>
      <c r="H13618" t="s">
        <v>81</v>
      </c>
      <c r="I13618" s="2">
        <v>0</v>
      </c>
      <c r="J13618" s="2">
        <v>1</v>
      </c>
      <c r="K13618" s="2">
        <v>0</v>
      </c>
      <c r="L13618" t="s">
        <v>82</v>
      </c>
      <c r="M13618" t="s">
        <v>83</v>
      </c>
      <c r="N13618" t="s">
        <v>84</v>
      </c>
      <c r="O13618" t="s">
        <v>85</v>
      </c>
      <c r="P13618" t="s">
        <v>86</v>
      </c>
      <c r="Q13618">
        <v>165</v>
      </c>
      <c r="R13618">
        <v>169</v>
      </c>
      <c r="S13618">
        <v>172</v>
      </c>
      <c r="T13618">
        <v>175</v>
      </c>
      <c r="U13618">
        <v>178</v>
      </c>
      <c r="V13618">
        <v>182</v>
      </c>
      <c r="W13618">
        <v>185</v>
      </c>
      <c r="X13618">
        <v>188</v>
      </c>
      <c r="Y13618">
        <v>191</v>
      </c>
      <c r="Z13618">
        <v>194</v>
      </c>
      <c r="AA13618">
        <v>198</v>
      </c>
      <c r="AB13618">
        <v>201</v>
      </c>
      <c r="AC13618">
        <v>204</v>
      </c>
      <c r="AD13618">
        <v>207</v>
      </c>
      <c r="AE13618">
        <v>210</v>
      </c>
      <c r="AF13618">
        <v>213</v>
      </c>
      <c r="AG13618">
        <v>216</v>
      </c>
      <c r="AH13618">
        <v>219</v>
      </c>
      <c r="AI13618">
        <v>222</v>
      </c>
      <c r="AJ13618">
        <v>225</v>
      </c>
      <c r="AK13618">
        <v>228</v>
      </c>
      <c r="AL13618">
        <v>230</v>
      </c>
      <c r="AM13618">
        <v>231</v>
      </c>
      <c r="AN13618">
        <v>232</v>
      </c>
      <c r="AO13618">
        <v>233</v>
      </c>
      <c r="AP13618">
        <v>233</v>
      </c>
      <c r="AQ13618">
        <v>234</v>
      </c>
    </row>
    <row r="13619" spans="1:43">
      <c r="A13619" t="s">
        <v>8466</v>
      </c>
      <c r="B13619" t="s">
        <v>8467</v>
      </c>
      <c r="C13619" t="s">
        <v>8452</v>
      </c>
      <c r="D13619" t="s">
        <v>8453</v>
      </c>
      <c r="E13619" t="s">
        <v>8296</v>
      </c>
      <c r="F13619" t="s">
        <v>8297</v>
      </c>
      <c r="G13619" t="s">
        <v>80</v>
      </c>
      <c r="H13619" t="s">
        <v>81</v>
      </c>
      <c r="I13619" s="2">
        <v>0</v>
      </c>
      <c r="J13619" s="2">
        <v>1</v>
      </c>
      <c r="K13619" s="2">
        <v>0</v>
      </c>
      <c r="L13619" t="s">
        <v>82</v>
      </c>
      <c r="M13619" t="s">
        <v>87</v>
      </c>
      <c r="N13619" t="s">
        <v>88</v>
      </c>
      <c r="O13619" t="s">
        <v>85</v>
      </c>
      <c r="P13619" t="s">
        <v>86</v>
      </c>
      <c r="Q13619">
        <v>165</v>
      </c>
      <c r="R13619">
        <v>167</v>
      </c>
      <c r="S13619">
        <v>168</v>
      </c>
      <c r="T13619">
        <v>170</v>
      </c>
      <c r="U13619">
        <v>171</v>
      </c>
      <c r="V13619">
        <v>173</v>
      </c>
      <c r="W13619">
        <v>175</v>
      </c>
      <c r="X13619">
        <v>176</v>
      </c>
      <c r="Y13619">
        <v>178</v>
      </c>
      <c r="Z13619">
        <v>179</v>
      </c>
      <c r="AA13619">
        <v>181</v>
      </c>
      <c r="AB13619">
        <v>182</v>
      </c>
      <c r="AC13619">
        <v>184</v>
      </c>
      <c r="AD13619">
        <v>185</v>
      </c>
      <c r="AE13619">
        <v>187</v>
      </c>
      <c r="AF13619">
        <v>188</v>
      </c>
      <c r="AG13619">
        <v>190</v>
      </c>
      <c r="AH13619">
        <v>191</v>
      </c>
      <c r="AI13619">
        <v>193</v>
      </c>
      <c r="AJ13619">
        <v>194</v>
      </c>
      <c r="AK13619">
        <v>196</v>
      </c>
      <c r="AL13619">
        <v>197</v>
      </c>
      <c r="AM13619">
        <v>199</v>
      </c>
      <c r="AN13619">
        <v>200</v>
      </c>
      <c r="AO13619">
        <v>201</v>
      </c>
      <c r="AP13619">
        <v>203</v>
      </c>
      <c r="AQ13619">
        <v>204</v>
      </c>
    </row>
    <row r="13620" spans="1:43">
      <c r="A13620" t="s">
        <v>8466</v>
      </c>
      <c r="B13620" t="s">
        <v>8467</v>
      </c>
      <c r="C13620" t="s">
        <v>8452</v>
      </c>
      <c r="D13620" t="s">
        <v>8453</v>
      </c>
      <c r="E13620" t="s">
        <v>8296</v>
      </c>
      <c r="F13620" t="s">
        <v>8297</v>
      </c>
      <c r="G13620" t="s">
        <v>80</v>
      </c>
      <c r="H13620" t="s">
        <v>81</v>
      </c>
      <c r="I13620" s="2">
        <v>0</v>
      </c>
      <c r="J13620" s="2">
        <v>1</v>
      </c>
      <c r="K13620" s="2">
        <v>0</v>
      </c>
      <c r="L13620" t="s">
        <v>82</v>
      </c>
      <c r="M13620" t="s">
        <v>89</v>
      </c>
      <c r="N13620" t="s">
        <v>90</v>
      </c>
      <c r="O13620" t="s">
        <v>85</v>
      </c>
      <c r="P13620" t="s">
        <v>86</v>
      </c>
      <c r="Q13620">
        <v>165</v>
      </c>
      <c r="R13620">
        <v>170</v>
      </c>
      <c r="S13620">
        <v>174</v>
      </c>
      <c r="T13620">
        <v>179</v>
      </c>
      <c r="U13620">
        <v>183</v>
      </c>
      <c r="V13620">
        <v>188</v>
      </c>
      <c r="W13620">
        <v>192</v>
      </c>
      <c r="X13620">
        <v>197</v>
      </c>
      <c r="Y13620">
        <v>201</v>
      </c>
      <c r="Z13620">
        <v>205</v>
      </c>
      <c r="AA13620">
        <v>209</v>
      </c>
      <c r="AB13620">
        <v>212</v>
      </c>
      <c r="AC13620">
        <v>217</v>
      </c>
      <c r="AD13620">
        <v>220</v>
      </c>
      <c r="AE13620">
        <v>223</v>
      </c>
      <c r="AF13620">
        <v>224</v>
      </c>
      <c r="AG13620">
        <v>225</v>
      </c>
      <c r="AH13620">
        <v>226</v>
      </c>
      <c r="AI13620">
        <v>227</v>
      </c>
      <c r="AJ13620">
        <v>228</v>
      </c>
      <c r="AK13620">
        <v>229</v>
      </c>
      <c r="AL13620">
        <v>230</v>
      </c>
      <c r="AM13620">
        <v>231</v>
      </c>
      <c r="AN13620">
        <v>231</v>
      </c>
      <c r="AO13620">
        <v>232</v>
      </c>
      <c r="AP13620">
        <v>233</v>
      </c>
      <c r="AQ13620">
        <v>234</v>
      </c>
    </row>
    <row r="13621" spans="1:43">
      <c r="A13621" t="s">
        <v>8466</v>
      </c>
      <c r="B13621" t="s">
        <v>8467</v>
      </c>
      <c r="C13621" t="s">
        <v>8452</v>
      </c>
      <c r="D13621" t="s">
        <v>8453</v>
      </c>
      <c r="E13621" t="s">
        <v>8296</v>
      </c>
      <c r="F13621" t="s">
        <v>8297</v>
      </c>
      <c r="G13621" t="s">
        <v>80</v>
      </c>
      <c r="H13621" t="s">
        <v>81</v>
      </c>
      <c r="I13621" s="2">
        <v>0</v>
      </c>
      <c r="J13621" s="2">
        <v>1</v>
      </c>
      <c r="K13621" s="2">
        <v>0</v>
      </c>
      <c r="L13621" t="s">
        <v>82</v>
      </c>
      <c r="M13621" t="s">
        <v>83</v>
      </c>
      <c r="N13621" t="s">
        <v>91</v>
      </c>
      <c r="O13621" t="s">
        <v>85</v>
      </c>
      <c r="P13621" t="s">
        <v>86</v>
      </c>
      <c r="Q13621">
        <v>165</v>
      </c>
      <c r="R13621">
        <v>169</v>
      </c>
      <c r="S13621">
        <v>172</v>
      </c>
      <c r="T13621">
        <v>175</v>
      </c>
      <c r="U13621">
        <v>178</v>
      </c>
      <c r="V13621">
        <v>182</v>
      </c>
      <c r="W13621">
        <v>185</v>
      </c>
      <c r="X13621">
        <v>188</v>
      </c>
      <c r="Y13621">
        <v>191</v>
      </c>
      <c r="Z13621">
        <v>194</v>
      </c>
      <c r="AA13621">
        <v>198</v>
      </c>
      <c r="AB13621">
        <v>201</v>
      </c>
      <c r="AC13621">
        <v>204</v>
      </c>
      <c r="AD13621">
        <v>207</v>
      </c>
      <c r="AE13621">
        <v>210</v>
      </c>
      <c r="AF13621">
        <v>213</v>
      </c>
      <c r="AG13621">
        <v>216</v>
      </c>
      <c r="AH13621">
        <v>219</v>
      </c>
      <c r="AI13621">
        <v>222</v>
      </c>
      <c r="AJ13621">
        <v>225</v>
      </c>
      <c r="AK13621">
        <v>228</v>
      </c>
      <c r="AL13621">
        <v>230</v>
      </c>
      <c r="AM13621">
        <v>231</v>
      </c>
      <c r="AN13621">
        <v>232</v>
      </c>
      <c r="AO13621">
        <v>233</v>
      </c>
      <c r="AP13621">
        <v>233</v>
      </c>
      <c r="AQ13621">
        <v>234</v>
      </c>
    </row>
    <row r="13622" spans="1:43">
      <c r="A13622" t="s">
        <v>8468</v>
      </c>
      <c r="B13622" t="s">
        <v>8469</v>
      </c>
      <c r="C13622" t="s">
        <v>8452</v>
      </c>
      <c r="D13622" t="s">
        <v>8453</v>
      </c>
      <c r="E13622" t="s">
        <v>8296</v>
      </c>
      <c r="F13622" t="s">
        <v>8297</v>
      </c>
      <c r="G13622" t="s">
        <v>80</v>
      </c>
      <c r="H13622" t="s">
        <v>81</v>
      </c>
      <c r="I13622" s="2">
        <v>0</v>
      </c>
      <c r="J13622" s="2">
        <v>1</v>
      </c>
      <c r="K13622" s="2">
        <v>0</v>
      </c>
      <c r="L13622" t="s">
        <v>82</v>
      </c>
      <c r="M13622" t="s">
        <v>83</v>
      </c>
      <c r="N13622" t="s">
        <v>84</v>
      </c>
      <c r="O13622" t="s">
        <v>85</v>
      </c>
      <c r="P13622" t="s">
        <v>86</v>
      </c>
      <c r="Q13622">
        <v>30</v>
      </c>
      <c r="R13622">
        <v>31</v>
      </c>
      <c r="S13622">
        <v>32</v>
      </c>
      <c r="T13622">
        <v>32</v>
      </c>
      <c r="U13622">
        <v>33</v>
      </c>
      <c r="V13622">
        <v>33</v>
      </c>
      <c r="W13622">
        <v>34</v>
      </c>
      <c r="X13622">
        <v>35</v>
      </c>
      <c r="Y13622">
        <v>35</v>
      </c>
      <c r="Z13622">
        <v>36</v>
      </c>
      <c r="AA13622">
        <v>36</v>
      </c>
      <c r="AB13622">
        <v>37</v>
      </c>
      <c r="AC13622">
        <v>37</v>
      </c>
      <c r="AD13622">
        <v>38</v>
      </c>
      <c r="AE13622">
        <v>39</v>
      </c>
      <c r="AF13622">
        <v>39</v>
      </c>
      <c r="AG13622">
        <v>40</v>
      </c>
      <c r="AH13622">
        <v>40</v>
      </c>
      <c r="AI13622">
        <v>41</v>
      </c>
      <c r="AJ13622">
        <v>41</v>
      </c>
      <c r="AK13622">
        <v>42</v>
      </c>
      <c r="AL13622">
        <v>42</v>
      </c>
      <c r="AM13622">
        <v>42</v>
      </c>
      <c r="AN13622">
        <v>42</v>
      </c>
      <c r="AO13622">
        <v>43</v>
      </c>
      <c r="AP13622">
        <v>43</v>
      </c>
      <c r="AQ13622">
        <v>43</v>
      </c>
    </row>
    <row r="13623" spans="1:43">
      <c r="A13623" t="s">
        <v>8468</v>
      </c>
      <c r="B13623" t="s">
        <v>8469</v>
      </c>
      <c r="C13623" t="s">
        <v>8452</v>
      </c>
      <c r="D13623" t="s">
        <v>8453</v>
      </c>
      <c r="E13623" t="s">
        <v>8296</v>
      </c>
      <c r="F13623" t="s">
        <v>8297</v>
      </c>
      <c r="G13623" t="s">
        <v>80</v>
      </c>
      <c r="H13623" t="s">
        <v>81</v>
      </c>
      <c r="I13623" s="2">
        <v>0</v>
      </c>
      <c r="J13623" s="2">
        <v>1</v>
      </c>
      <c r="K13623" s="2">
        <v>0</v>
      </c>
      <c r="L13623" t="s">
        <v>82</v>
      </c>
      <c r="M13623" t="s">
        <v>87</v>
      </c>
      <c r="N13623" t="s">
        <v>88</v>
      </c>
      <c r="O13623" t="s">
        <v>85</v>
      </c>
      <c r="P13623" t="s">
        <v>86</v>
      </c>
      <c r="Q13623">
        <v>30</v>
      </c>
      <c r="R13623">
        <v>30</v>
      </c>
      <c r="S13623">
        <v>31</v>
      </c>
      <c r="T13623">
        <v>31</v>
      </c>
      <c r="U13623">
        <v>31</v>
      </c>
      <c r="V13623">
        <v>32</v>
      </c>
      <c r="W13623">
        <v>32</v>
      </c>
      <c r="X13623">
        <v>32</v>
      </c>
      <c r="Y13623">
        <v>32</v>
      </c>
      <c r="Z13623">
        <v>33</v>
      </c>
      <c r="AA13623">
        <v>33</v>
      </c>
      <c r="AB13623">
        <v>33</v>
      </c>
      <c r="AC13623">
        <v>34</v>
      </c>
      <c r="AD13623">
        <v>34</v>
      </c>
      <c r="AE13623">
        <v>34</v>
      </c>
      <c r="AF13623">
        <v>34</v>
      </c>
      <c r="AG13623">
        <v>35</v>
      </c>
      <c r="AH13623">
        <v>35</v>
      </c>
      <c r="AI13623">
        <v>35</v>
      </c>
      <c r="AJ13623">
        <v>36</v>
      </c>
      <c r="AK13623">
        <v>36</v>
      </c>
      <c r="AL13623">
        <v>36</v>
      </c>
      <c r="AM13623">
        <v>36</v>
      </c>
      <c r="AN13623">
        <v>37</v>
      </c>
      <c r="AO13623">
        <v>37</v>
      </c>
      <c r="AP13623">
        <v>37</v>
      </c>
      <c r="AQ13623">
        <v>37</v>
      </c>
    </row>
    <row r="13624" spans="1:43">
      <c r="A13624" t="s">
        <v>8468</v>
      </c>
      <c r="B13624" t="s">
        <v>8469</v>
      </c>
      <c r="C13624" t="s">
        <v>8452</v>
      </c>
      <c r="D13624" t="s">
        <v>8453</v>
      </c>
      <c r="E13624" t="s">
        <v>8296</v>
      </c>
      <c r="F13624" t="s">
        <v>8297</v>
      </c>
      <c r="G13624" t="s">
        <v>80</v>
      </c>
      <c r="H13624" t="s">
        <v>81</v>
      </c>
      <c r="I13624" s="2">
        <v>0</v>
      </c>
      <c r="J13624" s="2">
        <v>1</v>
      </c>
      <c r="K13624" s="2">
        <v>0</v>
      </c>
      <c r="L13624" t="s">
        <v>82</v>
      </c>
      <c r="M13624" t="s">
        <v>89</v>
      </c>
      <c r="N13624" t="s">
        <v>90</v>
      </c>
      <c r="O13624" t="s">
        <v>85</v>
      </c>
      <c r="P13624" t="s">
        <v>86</v>
      </c>
      <c r="Q13624">
        <v>30</v>
      </c>
      <c r="R13624">
        <v>30</v>
      </c>
      <c r="S13624">
        <v>31</v>
      </c>
      <c r="T13624">
        <v>32</v>
      </c>
      <c r="U13624">
        <v>33</v>
      </c>
      <c r="V13624">
        <v>34</v>
      </c>
      <c r="W13624">
        <v>35</v>
      </c>
      <c r="X13624">
        <v>35</v>
      </c>
      <c r="Y13624">
        <v>36</v>
      </c>
      <c r="Z13624">
        <v>37</v>
      </c>
      <c r="AA13624">
        <v>38</v>
      </c>
      <c r="AB13624">
        <v>38</v>
      </c>
      <c r="AC13624">
        <v>39</v>
      </c>
      <c r="AD13624">
        <v>40</v>
      </c>
      <c r="AE13624">
        <v>40</v>
      </c>
      <c r="AF13624">
        <v>40</v>
      </c>
      <c r="AG13624">
        <v>41</v>
      </c>
      <c r="AH13624">
        <v>41</v>
      </c>
      <c r="AI13624">
        <v>41</v>
      </c>
      <c r="AJ13624">
        <v>41</v>
      </c>
      <c r="AK13624">
        <v>41</v>
      </c>
      <c r="AL13624">
        <v>41</v>
      </c>
      <c r="AM13624">
        <v>41</v>
      </c>
      <c r="AN13624">
        <v>42</v>
      </c>
      <c r="AO13624">
        <v>42</v>
      </c>
      <c r="AP13624">
        <v>42</v>
      </c>
      <c r="AQ13624">
        <v>42</v>
      </c>
    </row>
    <row r="13625" spans="1:43">
      <c r="A13625" t="s">
        <v>8468</v>
      </c>
      <c r="B13625" t="s">
        <v>8469</v>
      </c>
      <c r="C13625" t="s">
        <v>8452</v>
      </c>
      <c r="D13625" t="s">
        <v>8453</v>
      </c>
      <c r="E13625" t="s">
        <v>8296</v>
      </c>
      <c r="F13625" t="s">
        <v>8297</v>
      </c>
      <c r="G13625" t="s">
        <v>80</v>
      </c>
      <c r="H13625" t="s">
        <v>81</v>
      </c>
      <c r="I13625" s="2">
        <v>0</v>
      </c>
      <c r="J13625" s="2">
        <v>1</v>
      </c>
      <c r="K13625" s="2">
        <v>0</v>
      </c>
      <c r="L13625" t="s">
        <v>82</v>
      </c>
      <c r="M13625" t="s">
        <v>83</v>
      </c>
      <c r="N13625" t="s">
        <v>91</v>
      </c>
      <c r="O13625" t="s">
        <v>85</v>
      </c>
      <c r="P13625" t="s">
        <v>86</v>
      </c>
      <c r="Q13625">
        <v>30</v>
      </c>
      <c r="R13625">
        <v>31</v>
      </c>
      <c r="S13625">
        <v>32</v>
      </c>
      <c r="T13625">
        <v>32</v>
      </c>
      <c r="U13625">
        <v>33</v>
      </c>
      <c r="V13625">
        <v>33</v>
      </c>
      <c r="W13625">
        <v>34</v>
      </c>
      <c r="X13625">
        <v>35</v>
      </c>
      <c r="Y13625">
        <v>35</v>
      </c>
      <c r="Z13625">
        <v>36</v>
      </c>
      <c r="AA13625">
        <v>36</v>
      </c>
      <c r="AB13625">
        <v>37</v>
      </c>
      <c r="AC13625">
        <v>37</v>
      </c>
      <c r="AD13625">
        <v>38</v>
      </c>
      <c r="AE13625">
        <v>39</v>
      </c>
      <c r="AF13625">
        <v>39</v>
      </c>
      <c r="AG13625">
        <v>40</v>
      </c>
      <c r="AH13625">
        <v>40</v>
      </c>
      <c r="AI13625">
        <v>41</v>
      </c>
      <c r="AJ13625">
        <v>41</v>
      </c>
      <c r="AK13625">
        <v>42</v>
      </c>
      <c r="AL13625">
        <v>42</v>
      </c>
      <c r="AM13625">
        <v>42</v>
      </c>
      <c r="AN13625">
        <v>42</v>
      </c>
      <c r="AO13625">
        <v>43</v>
      </c>
      <c r="AP13625">
        <v>43</v>
      </c>
      <c r="AQ13625">
        <v>43</v>
      </c>
    </row>
    <row r="13626" spans="1:43">
      <c r="A13626" t="s">
        <v>8470</v>
      </c>
      <c r="B13626" t="s">
        <v>8471</v>
      </c>
      <c r="C13626" t="s">
        <v>8328</v>
      </c>
      <c r="D13626" t="s">
        <v>8329</v>
      </c>
      <c r="E13626" t="s">
        <v>8296</v>
      </c>
      <c r="F13626" t="s">
        <v>8297</v>
      </c>
      <c r="G13626" t="s">
        <v>80</v>
      </c>
      <c r="H13626" t="s">
        <v>81</v>
      </c>
      <c r="I13626" s="2">
        <v>0</v>
      </c>
      <c r="J13626" s="2">
        <v>1</v>
      </c>
      <c r="K13626" s="2">
        <v>0</v>
      </c>
      <c r="L13626" t="s">
        <v>82</v>
      </c>
      <c r="M13626" t="s">
        <v>83</v>
      </c>
      <c r="N13626" t="s">
        <v>84</v>
      </c>
      <c r="O13626" t="s">
        <v>85</v>
      </c>
      <c r="P13626" t="s">
        <v>86</v>
      </c>
      <c r="Q13626">
        <v>12</v>
      </c>
      <c r="R13626">
        <v>12</v>
      </c>
      <c r="S13626">
        <v>13</v>
      </c>
      <c r="T13626">
        <v>13</v>
      </c>
      <c r="U13626">
        <v>13</v>
      </c>
      <c r="V13626">
        <v>13</v>
      </c>
      <c r="W13626">
        <v>13</v>
      </c>
      <c r="X13626">
        <v>13</v>
      </c>
      <c r="Y13626">
        <v>14</v>
      </c>
      <c r="Z13626">
        <v>14</v>
      </c>
      <c r="AA13626">
        <v>14</v>
      </c>
      <c r="AB13626">
        <v>14</v>
      </c>
      <c r="AC13626">
        <v>14</v>
      </c>
      <c r="AD13626">
        <v>14</v>
      </c>
      <c r="AE13626">
        <v>14</v>
      </c>
      <c r="AF13626">
        <v>14</v>
      </c>
      <c r="AG13626">
        <v>15</v>
      </c>
      <c r="AH13626">
        <v>15</v>
      </c>
      <c r="AI13626">
        <v>15</v>
      </c>
      <c r="AJ13626">
        <v>15</v>
      </c>
      <c r="AK13626">
        <v>15</v>
      </c>
      <c r="AL13626">
        <v>15</v>
      </c>
      <c r="AM13626">
        <v>15</v>
      </c>
      <c r="AN13626">
        <v>15</v>
      </c>
      <c r="AO13626">
        <v>15</v>
      </c>
      <c r="AP13626">
        <v>15</v>
      </c>
      <c r="AQ13626">
        <v>15</v>
      </c>
    </row>
    <row r="13627" spans="1:43">
      <c r="A13627" t="s">
        <v>8470</v>
      </c>
      <c r="B13627" t="s">
        <v>8471</v>
      </c>
      <c r="C13627" t="s">
        <v>8328</v>
      </c>
      <c r="D13627" t="s">
        <v>8329</v>
      </c>
      <c r="E13627" t="s">
        <v>8296</v>
      </c>
      <c r="F13627" t="s">
        <v>8297</v>
      </c>
      <c r="G13627" t="s">
        <v>80</v>
      </c>
      <c r="H13627" t="s">
        <v>81</v>
      </c>
      <c r="I13627" s="2">
        <v>0</v>
      </c>
      <c r="J13627" s="2">
        <v>1</v>
      </c>
      <c r="K13627" s="2">
        <v>0</v>
      </c>
      <c r="L13627" t="s">
        <v>82</v>
      </c>
      <c r="M13627" t="s">
        <v>87</v>
      </c>
      <c r="N13627" t="s">
        <v>88</v>
      </c>
      <c r="O13627" t="s">
        <v>85</v>
      </c>
      <c r="P13627" t="s">
        <v>86</v>
      </c>
      <c r="Q13627">
        <v>12</v>
      </c>
      <c r="R13627">
        <v>12</v>
      </c>
      <c r="S13627">
        <v>12</v>
      </c>
      <c r="T13627">
        <v>12</v>
      </c>
      <c r="U13627">
        <v>12</v>
      </c>
      <c r="V13627">
        <v>12</v>
      </c>
      <c r="W13627">
        <v>12</v>
      </c>
      <c r="X13627">
        <v>12</v>
      </c>
      <c r="Y13627">
        <v>12</v>
      </c>
      <c r="Z13627">
        <v>13</v>
      </c>
      <c r="AA13627">
        <v>13</v>
      </c>
      <c r="AB13627">
        <v>13</v>
      </c>
      <c r="AC13627">
        <v>13</v>
      </c>
      <c r="AD13627">
        <v>13</v>
      </c>
      <c r="AE13627">
        <v>13</v>
      </c>
      <c r="AF13627">
        <v>13</v>
      </c>
      <c r="AG13627">
        <v>13</v>
      </c>
      <c r="AH13627">
        <v>13</v>
      </c>
      <c r="AI13627">
        <v>13</v>
      </c>
      <c r="AJ13627">
        <v>13</v>
      </c>
      <c r="AK13627">
        <v>13</v>
      </c>
      <c r="AL13627">
        <v>13</v>
      </c>
      <c r="AM13627">
        <v>13</v>
      </c>
      <c r="AN13627">
        <v>13</v>
      </c>
      <c r="AO13627">
        <v>13</v>
      </c>
      <c r="AP13627">
        <v>13</v>
      </c>
      <c r="AQ13627">
        <v>13</v>
      </c>
    </row>
    <row r="13628" spans="1:43">
      <c r="A13628" t="s">
        <v>8470</v>
      </c>
      <c r="B13628" t="s">
        <v>8471</v>
      </c>
      <c r="C13628" t="s">
        <v>8328</v>
      </c>
      <c r="D13628" t="s">
        <v>8329</v>
      </c>
      <c r="E13628" t="s">
        <v>8296</v>
      </c>
      <c r="F13628" t="s">
        <v>8297</v>
      </c>
      <c r="G13628" t="s">
        <v>80</v>
      </c>
      <c r="H13628" t="s">
        <v>81</v>
      </c>
      <c r="I13628" s="2">
        <v>0</v>
      </c>
      <c r="J13628" s="2">
        <v>1</v>
      </c>
      <c r="K13628" s="2">
        <v>0</v>
      </c>
      <c r="L13628" t="s">
        <v>82</v>
      </c>
      <c r="M13628" t="s">
        <v>89</v>
      </c>
      <c r="N13628" t="s">
        <v>90</v>
      </c>
      <c r="O13628" t="s">
        <v>85</v>
      </c>
      <c r="P13628" t="s">
        <v>86</v>
      </c>
      <c r="Q13628">
        <v>12</v>
      </c>
      <c r="R13628">
        <v>13</v>
      </c>
      <c r="S13628">
        <v>13</v>
      </c>
      <c r="T13628">
        <v>13</v>
      </c>
      <c r="U13628">
        <v>13</v>
      </c>
      <c r="V13628">
        <v>14</v>
      </c>
      <c r="W13628">
        <v>14</v>
      </c>
      <c r="X13628">
        <v>14</v>
      </c>
      <c r="Y13628">
        <v>14</v>
      </c>
      <c r="Z13628">
        <v>15</v>
      </c>
      <c r="AA13628">
        <v>15</v>
      </c>
      <c r="AB13628">
        <v>15</v>
      </c>
      <c r="AC13628">
        <v>15</v>
      </c>
      <c r="AD13628">
        <v>15</v>
      </c>
      <c r="AE13628">
        <v>15</v>
      </c>
      <c r="AF13628">
        <v>15</v>
      </c>
      <c r="AG13628">
        <v>15</v>
      </c>
      <c r="AH13628">
        <v>15</v>
      </c>
      <c r="AI13628">
        <v>15</v>
      </c>
      <c r="AJ13628">
        <v>15</v>
      </c>
      <c r="AK13628">
        <v>15</v>
      </c>
      <c r="AL13628">
        <v>15</v>
      </c>
      <c r="AM13628">
        <v>15</v>
      </c>
      <c r="AN13628">
        <v>15</v>
      </c>
      <c r="AO13628">
        <v>15</v>
      </c>
      <c r="AP13628">
        <v>15</v>
      </c>
      <c r="AQ13628">
        <v>15</v>
      </c>
    </row>
    <row r="13629" spans="1:43">
      <c r="A13629" t="s">
        <v>8470</v>
      </c>
      <c r="B13629" t="s">
        <v>8471</v>
      </c>
      <c r="C13629" t="s">
        <v>8328</v>
      </c>
      <c r="D13629" t="s">
        <v>8329</v>
      </c>
      <c r="E13629" t="s">
        <v>8296</v>
      </c>
      <c r="F13629" t="s">
        <v>8297</v>
      </c>
      <c r="G13629" t="s">
        <v>80</v>
      </c>
      <c r="H13629" t="s">
        <v>81</v>
      </c>
      <c r="I13629" s="2">
        <v>0</v>
      </c>
      <c r="J13629" s="2">
        <v>1</v>
      </c>
      <c r="K13629" s="2">
        <v>0</v>
      </c>
      <c r="L13629" t="s">
        <v>82</v>
      </c>
      <c r="M13629" t="s">
        <v>83</v>
      </c>
      <c r="N13629" t="s">
        <v>91</v>
      </c>
      <c r="O13629" t="s">
        <v>85</v>
      </c>
      <c r="P13629" t="s">
        <v>86</v>
      </c>
      <c r="Q13629">
        <v>12</v>
      </c>
      <c r="R13629">
        <v>12</v>
      </c>
      <c r="S13629">
        <v>13</v>
      </c>
      <c r="T13629">
        <v>13</v>
      </c>
      <c r="U13629">
        <v>13</v>
      </c>
      <c r="V13629">
        <v>13</v>
      </c>
      <c r="W13629">
        <v>13</v>
      </c>
      <c r="X13629">
        <v>13</v>
      </c>
      <c r="Y13629">
        <v>14</v>
      </c>
      <c r="Z13629">
        <v>14</v>
      </c>
      <c r="AA13629">
        <v>14</v>
      </c>
      <c r="AB13629">
        <v>14</v>
      </c>
      <c r="AC13629">
        <v>14</v>
      </c>
      <c r="AD13629">
        <v>14</v>
      </c>
      <c r="AE13629">
        <v>14</v>
      </c>
      <c r="AF13629">
        <v>14</v>
      </c>
      <c r="AG13629">
        <v>15</v>
      </c>
      <c r="AH13629">
        <v>15</v>
      </c>
      <c r="AI13629">
        <v>15</v>
      </c>
      <c r="AJ13629">
        <v>15</v>
      </c>
      <c r="AK13629">
        <v>15</v>
      </c>
      <c r="AL13629">
        <v>15</v>
      </c>
      <c r="AM13629">
        <v>15</v>
      </c>
      <c r="AN13629">
        <v>15</v>
      </c>
      <c r="AO13629">
        <v>15</v>
      </c>
      <c r="AP13629">
        <v>15</v>
      </c>
      <c r="AQ13629">
        <v>15</v>
      </c>
    </row>
    <row r="13630" spans="1:43">
      <c r="A13630" t="s">
        <v>8472</v>
      </c>
      <c r="B13630" t="s">
        <v>8473</v>
      </c>
      <c r="C13630" t="s">
        <v>8474</v>
      </c>
      <c r="D13630" t="s">
        <v>8475</v>
      </c>
      <c r="E13630" t="s">
        <v>8296</v>
      </c>
      <c r="F13630" t="s">
        <v>8297</v>
      </c>
      <c r="G13630" t="s">
        <v>80</v>
      </c>
      <c r="H13630" t="s">
        <v>81</v>
      </c>
      <c r="I13630" s="2">
        <v>0</v>
      </c>
      <c r="J13630" s="2">
        <v>1</v>
      </c>
      <c r="K13630" s="2">
        <v>0</v>
      </c>
      <c r="L13630" t="s">
        <v>82</v>
      </c>
      <c r="M13630" t="s">
        <v>83</v>
      </c>
      <c r="N13630" t="s">
        <v>84</v>
      </c>
      <c r="O13630" t="s">
        <v>85</v>
      </c>
      <c r="P13630" t="s">
        <v>86</v>
      </c>
      <c r="Q13630">
        <v>24</v>
      </c>
      <c r="R13630">
        <v>25</v>
      </c>
      <c r="S13630">
        <v>25</v>
      </c>
      <c r="T13630">
        <v>26</v>
      </c>
      <c r="U13630">
        <v>26</v>
      </c>
      <c r="V13630">
        <v>27</v>
      </c>
      <c r="W13630">
        <v>27</v>
      </c>
      <c r="X13630">
        <v>28</v>
      </c>
      <c r="Y13630">
        <v>28</v>
      </c>
      <c r="Z13630">
        <v>29</v>
      </c>
      <c r="AA13630">
        <v>29</v>
      </c>
      <c r="AB13630">
        <v>30</v>
      </c>
      <c r="AC13630">
        <v>30</v>
      </c>
      <c r="AD13630">
        <v>31</v>
      </c>
      <c r="AE13630">
        <v>31</v>
      </c>
      <c r="AF13630">
        <v>32</v>
      </c>
      <c r="AG13630">
        <v>32</v>
      </c>
      <c r="AH13630">
        <v>33</v>
      </c>
      <c r="AI13630">
        <v>33</v>
      </c>
      <c r="AJ13630">
        <v>33</v>
      </c>
      <c r="AK13630">
        <v>34</v>
      </c>
      <c r="AL13630">
        <v>34</v>
      </c>
      <c r="AM13630">
        <v>34</v>
      </c>
      <c r="AN13630">
        <v>34</v>
      </c>
      <c r="AO13630">
        <v>34</v>
      </c>
      <c r="AP13630">
        <v>35</v>
      </c>
      <c r="AQ13630">
        <v>35</v>
      </c>
    </row>
    <row r="13631" spans="1:43">
      <c r="A13631" t="s">
        <v>8472</v>
      </c>
      <c r="B13631" t="s">
        <v>8473</v>
      </c>
      <c r="C13631" t="s">
        <v>8474</v>
      </c>
      <c r="D13631" t="s">
        <v>8475</v>
      </c>
      <c r="E13631" t="s">
        <v>8296</v>
      </c>
      <c r="F13631" t="s">
        <v>8297</v>
      </c>
      <c r="G13631" t="s">
        <v>80</v>
      </c>
      <c r="H13631" t="s">
        <v>81</v>
      </c>
      <c r="I13631" s="2">
        <v>0</v>
      </c>
      <c r="J13631" s="2">
        <v>1</v>
      </c>
      <c r="K13631" s="2">
        <v>0</v>
      </c>
      <c r="L13631" t="s">
        <v>82</v>
      </c>
      <c r="M13631" t="s">
        <v>87</v>
      </c>
      <c r="N13631" t="s">
        <v>88</v>
      </c>
      <c r="O13631" t="s">
        <v>85</v>
      </c>
      <c r="P13631" t="s">
        <v>86</v>
      </c>
      <c r="Q13631">
        <v>24</v>
      </c>
      <c r="R13631">
        <v>24</v>
      </c>
      <c r="S13631">
        <v>25</v>
      </c>
      <c r="T13631">
        <v>25</v>
      </c>
      <c r="U13631">
        <v>25</v>
      </c>
      <c r="V13631">
        <v>25</v>
      </c>
      <c r="W13631">
        <v>26</v>
      </c>
      <c r="X13631">
        <v>26</v>
      </c>
      <c r="Y13631">
        <v>26</v>
      </c>
      <c r="Z13631">
        <v>26</v>
      </c>
      <c r="AA13631">
        <v>27</v>
      </c>
      <c r="AB13631">
        <v>27</v>
      </c>
      <c r="AC13631">
        <v>27</v>
      </c>
      <c r="AD13631">
        <v>27</v>
      </c>
      <c r="AE13631">
        <v>28</v>
      </c>
      <c r="AF13631">
        <v>28</v>
      </c>
      <c r="AG13631">
        <v>28</v>
      </c>
      <c r="AH13631">
        <v>28</v>
      </c>
      <c r="AI13631">
        <v>28</v>
      </c>
      <c r="AJ13631">
        <v>29</v>
      </c>
      <c r="AK13631">
        <v>29</v>
      </c>
      <c r="AL13631">
        <v>29</v>
      </c>
      <c r="AM13631">
        <v>29</v>
      </c>
      <c r="AN13631">
        <v>30</v>
      </c>
      <c r="AO13631">
        <v>30</v>
      </c>
      <c r="AP13631">
        <v>30</v>
      </c>
      <c r="AQ13631">
        <v>30</v>
      </c>
    </row>
    <row r="13632" spans="1:43">
      <c r="A13632" t="s">
        <v>8472</v>
      </c>
      <c r="B13632" t="s">
        <v>8473</v>
      </c>
      <c r="C13632" t="s">
        <v>8474</v>
      </c>
      <c r="D13632" t="s">
        <v>8475</v>
      </c>
      <c r="E13632" t="s">
        <v>8296</v>
      </c>
      <c r="F13632" t="s">
        <v>8297</v>
      </c>
      <c r="G13632" t="s">
        <v>80</v>
      </c>
      <c r="H13632" t="s">
        <v>81</v>
      </c>
      <c r="I13632" s="2">
        <v>0</v>
      </c>
      <c r="J13632" s="2">
        <v>1</v>
      </c>
      <c r="K13632" s="2">
        <v>0</v>
      </c>
      <c r="L13632" t="s">
        <v>82</v>
      </c>
      <c r="M13632" t="s">
        <v>89</v>
      </c>
      <c r="N13632" t="s">
        <v>90</v>
      </c>
      <c r="O13632" t="s">
        <v>85</v>
      </c>
      <c r="P13632" t="s">
        <v>86</v>
      </c>
      <c r="Q13632">
        <v>24</v>
      </c>
      <c r="R13632">
        <v>24</v>
      </c>
      <c r="S13632">
        <v>25</v>
      </c>
      <c r="T13632">
        <v>26</v>
      </c>
      <c r="U13632">
        <v>26</v>
      </c>
      <c r="V13632">
        <v>27</v>
      </c>
      <c r="W13632">
        <v>28</v>
      </c>
      <c r="X13632">
        <v>28</v>
      </c>
      <c r="Y13632">
        <v>29</v>
      </c>
      <c r="Z13632">
        <v>30</v>
      </c>
      <c r="AA13632">
        <v>30</v>
      </c>
      <c r="AB13632">
        <v>31</v>
      </c>
      <c r="AC13632">
        <v>31</v>
      </c>
      <c r="AD13632">
        <v>32</v>
      </c>
      <c r="AE13632">
        <v>32</v>
      </c>
      <c r="AF13632">
        <v>32</v>
      </c>
      <c r="AG13632">
        <v>33</v>
      </c>
      <c r="AH13632">
        <v>33</v>
      </c>
      <c r="AI13632">
        <v>33</v>
      </c>
      <c r="AJ13632">
        <v>33</v>
      </c>
      <c r="AK13632">
        <v>33</v>
      </c>
      <c r="AL13632">
        <v>33</v>
      </c>
      <c r="AM13632">
        <v>33</v>
      </c>
      <c r="AN13632">
        <v>33</v>
      </c>
      <c r="AO13632">
        <v>34</v>
      </c>
      <c r="AP13632">
        <v>34</v>
      </c>
      <c r="AQ13632">
        <v>34</v>
      </c>
    </row>
    <row r="13633" spans="1:43">
      <c r="A13633" t="s">
        <v>8472</v>
      </c>
      <c r="B13633" t="s">
        <v>8473</v>
      </c>
      <c r="C13633" t="s">
        <v>8474</v>
      </c>
      <c r="D13633" t="s">
        <v>8475</v>
      </c>
      <c r="E13633" t="s">
        <v>8296</v>
      </c>
      <c r="F13633" t="s">
        <v>8297</v>
      </c>
      <c r="G13633" t="s">
        <v>80</v>
      </c>
      <c r="H13633" t="s">
        <v>81</v>
      </c>
      <c r="I13633" s="2">
        <v>0</v>
      </c>
      <c r="J13633" s="2">
        <v>1</v>
      </c>
      <c r="K13633" s="2">
        <v>0</v>
      </c>
      <c r="L13633" t="s">
        <v>82</v>
      </c>
      <c r="M13633" t="s">
        <v>83</v>
      </c>
      <c r="N13633" t="s">
        <v>91</v>
      </c>
      <c r="O13633" t="s">
        <v>85</v>
      </c>
      <c r="P13633" t="s">
        <v>86</v>
      </c>
      <c r="Q13633">
        <v>24</v>
      </c>
      <c r="R13633">
        <v>25</v>
      </c>
      <c r="S13633">
        <v>25</v>
      </c>
      <c r="T13633">
        <v>26</v>
      </c>
      <c r="U13633">
        <v>26</v>
      </c>
      <c r="V13633">
        <v>27</v>
      </c>
      <c r="W13633">
        <v>27</v>
      </c>
      <c r="X13633">
        <v>28</v>
      </c>
      <c r="Y13633">
        <v>28</v>
      </c>
      <c r="Z13633">
        <v>29</v>
      </c>
      <c r="AA13633">
        <v>29</v>
      </c>
      <c r="AB13633">
        <v>30</v>
      </c>
      <c r="AC13633">
        <v>30</v>
      </c>
      <c r="AD13633">
        <v>31</v>
      </c>
      <c r="AE13633">
        <v>31</v>
      </c>
      <c r="AF13633">
        <v>32</v>
      </c>
      <c r="AG13633">
        <v>32</v>
      </c>
      <c r="AH13633">
        <v>33</v>
      </c>
      <c r="AI13633">
        <v>33</v>
      </c>
      <c r="AJ13633">
        <v>33</v>
      </c>
      <c r="AK13633">
        <v>34</v>
      </c>
      <c r="AL13633">
        <v>34</v>
      </c>
      <c r="AM13633">
        <v>34</v>
      </c>
      <c r="AN13633">
        <v>34</v>
      </c>
      <c r="AO13633">
        <v>34</v>
      </c>
      <c r="AP13633">
        <v>35</v>
      </c>
      <c r="AQ13633">
        <v>35</v>
      </c>
    </row>
    <row r="13634" spans="1:43">
      <c r="A13634" t="s">
        <v>8476</v>
      </c>
      <c r="B13634" t="s">
        <v>8477</v>
      </c>
      <c r="C13634" t="s">
        <v>8328</v>
      </c>
      <c r="D13634" t="s">
        <v>8329</v>
      </c>
      <c r="E13634" t="s">
        <v>8296</v>
      </c>
      <c r="F13634" t="s">
        <v>8297</v>
      </c>
      <c r="G13634" t="s">
        <v>80</v>
      </c>
      <c r="H13634" t="s">
        <v>81</v>
      </c>
      <c r="I13634" s="2">
        <v>0</v>
      </c>
      <c r="J13634" s="2">
        <v>1</v>
      </c>
      <c r="K13634" s="2">
        <v>0</v>
      </c>
      <c r="L13634" t="s">
        <v>82</v>
      </c>
      <c r="M13634" t="s">
        <v>83</v>
      </c>
      <c r="N13634" t="s">
        <v>84</v>
      </c>
      <c r="O13634" t="s">
        <v>85</v>
      </c>
      <c r="P13634" t="s">
        <v>86</v>
      </c>
      <c r="Q13634">
        <v>15</v>
      </c>
      <c r="R13634">
        <v>16</v>
      </c>
      <c r="S13634">
        <v>16</v>
      </c>
      <c r="T13634">
        <v>16</v>
      </c>
      <c r="U13634">
        <v>17</v>
      </c>
      <c r="V13634">
        <v>17</v>
      </c>
      <c r="W13634">
        <v>17</v>
      </c>
      <c r="X13634">
        <v>18</v>
      </c>
      <c r="Y13634">
        <v>18</v>
      </c>
      <c r="Z13634">
        <v>18</v>
      </c>
      <c r="AA13634">
        <v>18</v>
      </c>
      <c r="AB13634">
        <v>19</v>
      </c>
      <c r="AC13634">
        <v>19</v>
      </c>
      <c r="AD13634">
        <v>19</v>
      </c>
      <c r="AE13634">
        <v>20</v>
      </c>
      <c r="AF13634">
        <v>20</v>
      </c>
      <c r="AG13634">
        <v>20</v>
      </c>
      <c r="AH13634">
        <v>20</v>
      </c>
      <c r="AI13634">
        <v>21</v>
      </c>
      <c r="AJ13634">
        <v>21</v>
      </c>
      <c r="AK13634">
        <v>21</v>
      </c>
      <c r="AL13634">
        <v>21</v>
      </c>
      <c r="AM13634">
        <v>22</v>
      </c>
      <c r="AN13634">
        <v>22</v>
      </c>
      <c r="AO13634">
        <v>22</v>
      </c>
      <c r="AP13634">
        <v>22</v>
      </c>
      <c r="AQ13634">
        <v>22</v>
      </c>
    </row>
    <row r="13635" spans="1:43">
      <c r="A13635" t="s">
        <v>8476</v>
      </c>
      <c r="B13635" t="s">
        <v>8477</v>
      </c>
      <c r="C13635" t="s">
        <v>8328</v>
      </c>
      <c r="D13635" t="s">
        <v>8329</v>
      </c>
      <c r="E13635" t="s">
        <v>8296</v>
      </c>
      <c r="F13635" t="s">
        <v>8297</v>
      </c>
      <c r="G13635" t="s">
        <v>80</v>
      </c>
      <c r="H13635" t="s">
        <v>81</v>
      </c>
      <c r="I13635" s="2">
        <v>0</v>
      </c>
      <c r="J13635" s="2">
        <v>1</v>
      </c>
      <c r="K13635" s="2">
        <v>0</v>
      </c>
      <c r="L13635" t="s">
        <v>82</v>
      </c>
      <c r="M13635" t="s">
        <v>87</v>
      </c>
      <c r="N13635" t="s">
        <v>88</v>
      </c>
      <c r="O13635" t="s">
        <v>85</v>
      </c>
      <c r="P13635" t="s">
        <v>86</v>
      </c>
      <c r="Q13635">
        <v>15</v>
      </c>
      <c r="R13635">
        <v>15</v>
      </c>
      <c r="S13635">
        <v>16</v>
      </c>
      <c r="T13635">
        <v>16</v>
      </c>
      <c r="U13635">
        <v>16</v>
      </c>
      <c r="V13635">
        <v>16</v>
      </c>
      <c r="W13635">
        <v>16</v>
      </c>
      <c r="X13635">
        <v>16</v>
      </c>
      <c r="Y13635">
        <v>17</v>
      </c>
      <c r="Z13635">
        <v>17</v>
      </c>
      <c r="AA13635">
        <v>17</v>
      </c>
      <c r="AB13635">
        <v>17</v>
      </c>
      <c r="AC13635">
        <v>17</v>
      </c>
      <c r="AD13635">
        <v>17</v>
      </c>
      <c r="AE13635">
        <v>17</v>
      </c>
      <c r="AF13635">
        <v>18</v>
      </c>
      <c r="AG13635">
        <v>18</v>
      </c>
      <c r="AH13635">
        <v>18</v>
      </c>
      <c r="AI13635">
        <v>18</v>
      </c>
      <c r="AJ13635">
        <v>18</v>
      </c>
      <c r="AK13635">
        <v>18</v>
      </c>
      <c r="AL13635">
        <v>18</v>
      </c>
      <c r="AM13635">
        <v>18</v>
      </c>
      <c r="AN13635">
        <v>19</v>
      </c>
      <c r="AO13635">
        <v>19</v>
      </c>
      <c r="AP13635">
        <v>19</v>
      </c>
      <c r="AQ13635">
        <v>19</v>
      </c>
    </row>
    <row r="13636" spans="1:43">
      <c r="A13636" t="s">
        <v>8476</v>
      </c>
      <c r="B13636" t="s">
        <v>8477</v>
      </c>
      <c r="C13636" t="s">
        <v>8328</v>
      </c>
      <c r="D13636" t="s">
        <v>8329</v>
      </c>
      <c r="E13636" t="s">
        <v>8296</v>
      </c>
      <c r="F13636" t="s">
        <v>8297</v>
      </c>
      <c r="G13636" t="s">
        <v>80</v>
      </c>
      <c r="H13636" t="s">
        <v>81</v>
      </c>
      <c r="I13636" s="2">
        <v>0</v>
      </c>
      <c r="J13636" s="2">
        <v>1</v>
      </c>
      <c r="K13636" s="2">
        <v>0</v>
      </c>
      <c r="L13636" t="s">
        <v>82</v>
      </c>
      <c r="M13636" t="s">
        <v>89</v>
      </c>
      <c r="N13636" t="s">
        <v>90</v>
      </c>
      <c r="O13636" t="s">
        <v>85</v>
      </c>
      <c r="P13636" t="s">
        <v>86</v>
      </c>
      <c r="Q13636">
        <v>15</v>
      </c>
      <c r="R13636">
        <v>15</v>
      </c>
      <c r="S13636">
        <v>15</v>
      </c>
      <c r="T13636">
        <v>16</v>
      </c>
      <c r="U13636">
        <v>16</v>
      </c>
      <c r="V13636">
        <v>17</v>
      </c>
      <c r="W13636">
        <v>17</v>
      </c>
      <c r="X13636">
        <v>18</v>
      </c>
      <c r="Y13636">
        <v>18</v>
      </c>
      <c r="Z13636">
        <v>18</v>
      </c>
      <c r="AA13636">
        <v>19</v>
      </c>
      <c r="AB13636">
        <v>19</v>
      </c>
      <c r="AC13636">
        <v>19</v>
      </c>
      <c r="AD13636">
        <v>20</v>
      </c>
      <c r="AE13636">
        <v>20</v>
      </c>
      <c r="AF13636">
        <v>20</v>
      </c>
      <c r="AG13636">
        <v>20</v>
      </c>
      <c r="AH13636">
        <v>20</v>
      </c>
      <c r="AI13636">
        <v>20</v>
      </c>
      <c r="AJ13636">
        <v>20</v>
      </c>
      <c r="AK13636">
        <v>21</v>
      </c>
      <c r="AL13636">
        <v>21</v>
      </c>
      <c r="AM13636">
        <v>21</v>
      </c>
      <c r="AN13636">
        <v>21</v>
      </c>
      <c r="AO13636">
        <v>21</v>
      </c>
      <c r="AP13636">
        <v>21</v>
      </c>
      <c r="AQ13636">
        <v>21</v>
      </c>
    </row>
    <row r="13637" spans="1:43">
      <c r="A13637" t="s">
        <v>8476</v>
      </c>
      <c r="B13637" t="s">
        <v>8477</v>
      </c>
      <c r="C13637" t="s">
        <v>8328</v>
      </c>
      <c r="D13637" t="s">
        <v>8329</v>
      </c>
      <c r="E13637" t="s">
        <v>8296</v>
      </c>
      <c r="F13637" t="s">
        <v>8297</v>
      </c>
      <c r="G13637" t="s">
        <v>80</v>
      </c>
      <c r="H13637" t="s">
        <v>81</v>
      </c>
      <c r="I13637" s="2">
        <v>0</v>
      </c>
      <c r="J13637" s="2">
        <v>1</v>
      </c>
      <c r="K13637" s="2">
        <v>0</v>
      </c>
      <c r="L13637" t="s">
        <v>82</v>
      </c>
      <c r="M13637" t="s">
        <v>83</v>
      </c>
      <c r="N13637" t="s">
        <v>91</v>
      </c>
      <c r="O13637" t="s">
        <v>85</v>
      </c>
      <c r="P13637" t="s">
        <v>86</v>
      </c>
      <c r="Q13637">
        <v>15</v>
      </c>
      <c r="R13637">
        <v>16</v>
      </c>
      <c r="S13637">
        <v>16</v>
      </c>
      <c r="T13637">
        <v>16</v>
      </c>
      <c r="U13637">
        <v>17</v>
      </c>
      <c r="V13637">
        <v>17</v>
      </c>
      <c r="W13637">
        <v>17</v>
      </c>
      <c r="X13637">
        <v>18</v>
      </c>
      <c r="Y13637">
        <v>18</v>
      </c>
      <c r="Z13637">
        <v>18</v>
      </c>
      <c r="AA13637">
        <v>18</v>
      </c>
      <c r="AB13637">
        <v>19</v>
      </c>
      <c r="AC13637">
        <v>19</v>
      </c>
      <c r="AD13637">
        <v>19</v>
      </c>
      <c r="AE13637">
        <v>20</v>
      </c>
      <c r="AF13637">
        <v>20</v>
      </c>
      <c r="AG13637">
        <v>20</v>
      </c>
      <c r="AH13637">
        <v>20</v>
      </c>
      <c r="AI13637">
        <v>21</v>
      </c>
      <c r="AJ13637">
        <v>21</v>
      </c>
      <c r="AK13637">
        <v>21</v>
      </c>
      <c r="AL13637">
        <v>21</v>
      </c>
      <c r="AM13637">
        <v>22</v>
      </c>
      <c r="AN13637">
        <v>22</v>
      </c>
      <c r="AO13637">
        <v>22</v>
      </c>
      <c r="AP13637">
        <v>22</v>
      </c>
      <c r="AQ13637">
        <v>22</v>
      </c>
    </row>
    <row r="13638" spans="1:43">
      <c r="A13638" t="s">
        <v>8478</v>
      </c>
      <c r="B13638" t="s">
        <v>8479</v>
      </c>
      <c r="C13638" t="s">
        <v>8410</v>
      </c>
      <c r="D13638" t="s">
        <v>8411</v>
      </c>
      <c r="E13638" t="s">
        <v>8296</v>
      </c>
      <c r="F13638" t="s">
        <v>8297</v>
      </c>
      <c r="G13638" t="s">
        <v>80</v>
      </c>
      <c r="H13638" t="s">
        <v>81</v>
      </c>
      <c r="I13638" s="2">
        <v>0</v>
      </c>
      <c r="J13638" s="2">
        <v>1</v>
      </c>
      <c r="K13638" s="2">
        <v>0</v>
      </c>
      <c r="L13638" t="s">
        <v>82</v>
      </c>
      <c r="M13638" t="s">
        <v>83</v>
      </c>
      <c r="N13638" t="s">
        <v>84</v>
      </c>
      <c r="O13638" t="s">
        <v>85</v>
      </c>
      <c r="P13638" t="s">
        <v>86</v>
      </c>
      <c r="Q13638">
        <v>70</v>
      </c>
      <c r="R13638">
        <v>71</v>
      </c>
      <c r="S13638">
        <v>72</v>
      </c>
      <c r="T13638">
        <v>74</v>
      </c>
      <c r="U13638">
        <v>75</v>
      </c>
      <c r="V13638">
        <v>76</v>
      </c>
      <c r="W13638">
        <v>78</v>
      </c>
      <c r="X13638">
        <v>79</v>
      </c>
      <c r="Y13638">
        <v>81</v>
      </c>
      <c r="Z13638">
        <v>82</v>
      </c>
      <c r="AA13638">
        <v>83</v>
      </c>
      <c r="AB13638">
        <v>85</v>
      </c>
      <c r="AC13638">
        <v>86</v>
      </c>
      <c r="AD13638">
        <v>87</v>
      </c>
      <c r="AE13638">
        <v>88</v>
      </c>
      <c r="AF13638">
        <v>90</v>
      </c>
      <c r="AG13638">
        <v>91</v>
      </c>
      <c r="AH13638">
        <v>92</v>
      </c>
      <c r="AI13638">
        <v>94</v>
      </c>
      <c r="AJ13638">
        <v>95</v>
      </c>
      <c r="AK13638">
        <v>96</v>
      </c>
      <c r="AL13638">
        <v>97</v>
      </c>
      <c r="AM13638">
        <v>97</v>
      </c>
      <c r="AN13638">
        <v>98</v>
      </c>
      <c r="AO13638">
        <v>98</v>
      </c>
      <c r="AP13638">
        <v>98</v>
      </c>
      <c r="AQ13638">
        <v>99</v>
      </c>
    </row>
    <row r="13639" spans="1:43">
      <c r="A13639" t="s">
        <v>8478</v>
      </c>
      <c r="B13639" t="s">
        <v>8479</v>
      </c>
      <c r="C13639" t="s">
        <v>8410</v>
      </c>
      <c r="D13639" t="s">
        <v>8411</v>
      </c>
      <c r="E13639" t="s">
        <v>8296</v>
      </c>
      <c r="F13639" t="s">
        <v>8297</v>
      </c>
      <c r="G13639" t="s">
        <v>80</v>
      </c>
      <c r="H13639" t="s">
        <v>81</v>
      </c>
      <c r="I13639" s="2">
        <v>0</v>
      </c>
      <c r="J13639" s="2">
        <v>1</v>
      </c>
      <c r="K13639" s="2">
        <v>0</v>
      </c>
      <c r="L13639" t="s">
        <v>82</v>
      </c>
      <c r="M13639" t="s">
        <v>87</v>
      </c>
      <c r="N13639" t="s">
        <v>88</v>
      </c>
      <c r="O13639" t="s">
        <v>85</v>
      </c>
      <c r="P13639" t="s">
        <v>86</v>
      </c>
      <c r="Q13639">
        <v>70</v>
      </c>
      <c r="R13639">
        <v>71</v>
      </c>
      <c r="S13639">
        <v>71</v>
      </c>
      <c r="T13639">
        <v>72</v>
      </c>
      <c r="U13639">
        <v>73</v>
      </c>
      <c r="V13639">
        <v>73</v>
      </c>
      <c r="W13639">
        <v>74</v>
      </c>
      <c r="X13639">
        <v>75</v>
      </c>
      <c r="Y13639">
        <v>75</v>
      </c>
      <c r="Z13639">
        <v>76</v>
      </c>
      <c r="AA13639">
        <v>77</v>
      </c>
      <c r="AB13639">
        <v>77</v>
      </c>
      <c r="AC13639">
        <v>78</v>
      </c>
      <c r="AD13639">
        <v>79</v>
      </c>
      <c r="AE13639">
        <v>79</v>
      </c>
      <c r="AF13639">
        <v>80</v>
      </c>
      <c r="AG13639">
        <v>81</v>
      </c>
      <c r="AH13639">
        <v>81</v>
      </c>
      <c r="AI13639">
        <v>82</v>
      </c>
      <c r="AJ13639">
        <v>82</v>
      </c>
      <c r="AK13639">
        <v>83</v>
      </c>
      <c r="AL13639">
        <v>84</v>
      </c>
      <c r="AM13639">
        <v>84</v>
      </c>
      <c r="AN13639">
        <v>85</v>
      </c>
      <c r="AO13639">
        <v>86</v>
      </c>
      <c r="AP13639">
        <v>86</v>
      </c>
      <c r="AQ13639">
        <v>87</v>
      </c>
    </row>
    <row r="13640" spans="1:43">
      <c r="A13640" t="s">
        <v>8478</v>
      </c>
      <c r="B13640" t="s">
        <v>8479</v>
      </c>
      <c r="C13640" t="s">
        <v>8410</v>
      </c>
      <c r="D13640" t="s">
        <v>8411</v>
      </c>
      <c r="E13640" t="s">
        <v>8296</v>
      </c>
      <c r="F13640" t="s">
        <v>8297</v>
      </c>
      <c r="G13640" t="s">
        <v>80</v>
      </c>
      <c r="H13640" t="s">
        <v>81</v>
      </c>
      <c r="I13640" s="2">
        <v>0</v>
      </c>
      <c r="J13640" s="2">
        <v>1</v>
      </c>
      <c r="K13640" s="2">
        <v>0</v>
      </c>
      <c r="L13640" t="s">
        <v>82</v>
      </c>
      <c r="M13640" t="s">
        <v>89</v>
      </c>
      <c r="N13640" t="s">
        <v>90</v>
      </c>
      <c r="O13640" t="s">
        <v>85</v>
      </c>
      <c r="P13640" t="s">
        <v>86</v>
      </c>
      <c r="Q13640">
        <v>70</v>
      </c>
      <c r="R13640">
        <v>72</v>
      </c>
      <c r="S13640">
        <v>74</v>
      </c>
      <c r="T13640">
        <v>76</v>
      </c>
      <c r="U13640">
        <v>78</v>
      </c>
      <c r="V13640">
        <v>80</v>
      </c>
      <c r="W13640">
        <v>82</v>
      </c>
      <c r="X13640">
        <v>84</v>
      </c>
      <c r="Y13640">
        <v>85</v>
      </c>
      <c r="Z13640">
        <v>87</v>
      </c>
      <c r="AA13640">
        <v>89</v>
      </c>
      <c r="AB13640">
        <v>90</v>
      </c>
      <c r="AC13640">
        <v>92</v>
      </c>
      <c r="AD13640">
        <v>94</v>
      </c>
      <c r="AE13640">
        <v>95</v>
      </c>
      <c r="AF13640">
        <v>95</v>
      </c>
      <c r="AG13640">
        <v>96</v>
      </c>
      <c r="AH13640">
        <v>96</v>
      </c>
      <c r="AI13640">
        <v>96</v>
      </c>
      <c r="AJ13640">
        <v>97</v>
      </c>
      <c r="AK13640">
        <v>97</v>
      </c>
      <c r="AL13640">
        <v>98</v>
      </c>
      <c r="AM13640">
        <v>98</v>
      </c>
      <c r="AN13640">
        <v>98</v>
      </c>
      <c r="AO13640">
        <v>98</v>
      </c>
      <c r="AP13640">
        <v>99</v>
      </c>
      <c r="AQ13640">
        <v>99</v>
      </c>
    </row>
    <row r="13641" spans="1:43">
      <c r="A13641" t="s">
        <v>8478</v>
      </c>
      <c r="B13641" t="s">
        <v>8479</v>
      </c>
      <c r="C13641" t="s">
        <v>8410</v>
      </c>
      <c r="D13641" t="s">
        <v>8411</v>
      </c>
      <c r="E13641" t="s">
        <v>8296</v>
      </c>
      <c r="F13641" t="s">
        <v>8297</v>
      </c>
      <c r="G13641" t="s">
        <v>80</v>
      </c>
      <c r="H13641" t="s">
        <v>81</v>
      </c>
      <c r="I13641" s="2">
        <v>0</v>
      </c>
      <c r="J13641" s="2">
        <v>1</v>
      </c>
      <c r="K13641" s="2">
        <v>0</v>
      </c>
      <c r="L13641" t="s">
        <v>82</v>
      </c>
      <c r="M13641" t="s">
        <v>83</v>
      </c>
      <c r="N13641" t="s">
        <v>91</v>
      </c>
      <c r="O13641" t="s">
        <v>85</v>
      </c>
      <c r="P13641" t="s">
        <v>86</v>
      </c>
      <c r="Q13641">
        <v>70</v>
      </c>
      <c r="R13641">
        <v>71</v>
      </c>
      <c r="S13641">
        <v>72</v>
      </c>
      <c r="T13641">
        <v>74</v>
      </c>
      <c r="U13641">
        <v>75</v>
      </c>
      <c r="V13641">
        <v>76</v>
      </c>
      <c r="W13641">
        <v>78</v>
      </c>
      <c r="X13641">
        <v>79</v>
      </c>
      <c r="Y13641">
        <v>81</v>
      </c>
      <c r="Z13641">
        <v>82</v>
      </c>
      <c r="AA13641">
        <v>83</v>
      </c>
      <c r="AB13641">
        <v>85</v>
      </c>
      <c r="AC13641">
        <v>86</v>
      </c>
      <c r="AD13641">
        <v>87</v>
      </c>
      <c r="AE13641">
        <v>88</v>
      </c>
      <c r="AF13641">
        <v>90</v>
      </c>
      <c r="AG13641">
        <v>91</v>
      </c>
      <c r="AH13641">
        <v>92</v>
      </c>
      <c r="AI13641">
        <v>94</v>
      </c>
      <c r="AJ13641">
        <v>95</v>
      </c>
      <c r="AK13641">
        <v>96</v>
      </c>
      <c r="AL13641">
        <v>97</v>
      </c>
      <c r="AM13641">
        <v>97</v>
      </c>
      <c r="AN13641">
        <v>98</v>
      </c>
      <c r="AO13641">
        <v>98</v>
      </c>
      <c r="AP13641">
        <v>98</v>
      </c>
      <c r="AQ13641">
        <v>99</v>
      </c>
    </row>
    <row r="13642" spans="1:43">
      <c r="A13642" t="s">
        <v>8480</v>
      </c>
      <c r="B13642" t="s">
        <v>8481</v>
      </c>
      <c r="C13642" t="s">
        <v>8474</v>
      </c>
      <c r="D13642" t="s">
        <v>8475</v>
      </c>
      <c r="E13642" t="s">
        <v>8296</v>
      </c>
      <c r="F13642" t="s">
        <v>8297</v>
      </c>
      <c r="G13642" t="s">
        <v>80</v>
      </c>
      <c r="H13642" t="s">
        <v>81</v>
      </c>
      <c r="I13642" s="2">
        <v>0</v>
      </c>
      <c r="J13642" s="2">
        <v>1</v>
      </c>
      <c r="K13642" s="2">
        <v>0</v>
      </c>
      <c r="L13642" t="s">
        <v>82</v>
      </c>
      <c r="M13642" t="s">
        <v>83</v>
      </c>
      <c r="N13642" t="s">
        <v>84</v>
      </c>
      <c r="O13642" t="s">
        <v>85</v>
      </c>
      <c r="P13642" t="s">
        <v>86</v>
      </c>
      <c r="Q13642">
        <v>91</v>
      </c>
      <c r="R13642">
        <v>92</v>
      </c>
      <c r="S13642">
        <v>94</v>
      </c>
      <c r="T13642">
        <v>96</v>
      </c>
      <c r="U13642">
        <v>98</v>
      </c>
      <c r="V13642">
        <v>100</v>
      </c>
      <c r="W13642">
        <v>101</v>
      </c>
      <c r="X13642">
        <v>103</v>
      </c>
      <c r="Y13642">
        <v>105</v>
      </c>
      <c r="Z13642">
        <v>107</v>
      </c>
      <c r="AA13642">
        <v>109</v>
      </c>
      <c r="AB13642">
        <v>110</v>
      </c>
      <c r="AC13642">
        <v>112</v>
      </c>
      <c r="AD13642">
        <v>114</v>
      </c>
      <c r="AE13642">
        <v>115</v>
      </c>
      <c r="AF13642">
        <v>117</v>
      </c>
      <c r="AG13642">
        <v>119</v>
      </c>
      <c r="AH13642">
        <v>120</v>
      </c>
      <c r="AI13642">
        <v>122</v>
      </c>
      <c r="AJ13642">
        <v>124</v>
      </c>
      <c r="AK13642">
        <v>126</v>
      </c>
      <c r="AL13642">
        <v>126</v>
      </c>
      <c r="AM13642">
        <v>127</v>
      </c>
      <c r="AN13642">
        <v>127</v>
      </c>
      <c r="AO13642">
        <v>128</v>
      </c>
      <c r="AP13642">
        <v>128</v>
      </c>
      <c r="AQ13642">
        <v>129</v>
      </c>
    </row>
    <row r="13643" spans="1:43">
      <c r="A13643" t="s">
        <v>8480</v>
      </c>
      <c r="B13643" t="s">
        <v>8481</v>
      </c>
      <c r="C13643" t="s">
        <v>8474</v>
      </c>
      <c r="D13643" t="s">
        <v>8475</v>
      </c>
      <c r="E13643" t="s">
        <v>8296</v>
      </c>
      <c r="F13643" t="s">
        <v>8297</v>
      </c>
      <c r="G13643" t="s">
        <v>80</v>
      </c>
      <c r="H13643" t="s">
        <v>81</v>
      </c>
      <c r="I13643" s="2">
        <v>0</v>
      </c>
      <c r="J13643" s="2">
        <v>1</v>
      </c>
      <c r="K13643" s="2">
        <v>0</v>
      </c>
      <c r="L13643" t="s">
        <v>82</v>
      </c>
      <c r="M13643" t="s">
        <v>87</v>
      </c>
      <c r="N13643" t="s">
        <v>88</v>
      </c>
      <c r="O13643" t="s">
        <v>85</v>
      </c>
      <c r="P13643" t="s">
        <v>86</v>
      </c>
      <c r="Q13643">
        <v>91</v>
      </c>
      <c r="R13643">
        <v>92</v>
      </c>
      <c r="S13643">
        <v>93</v>
      </c>
      <c r="T13643">
        <v>94</v>
      </c>
      <c r="U13643">
        <v>94</v>
      </c>
      <c r="V13643">
        <v>95</v>
      </c>
      <c r="W13643">
        <v>96</v>
      </c>
      <c r="X13643">
        <v>97</v>
      </c>
      <c r="Y13643">
        <v>98</v>
      </c>
      <c r="Z13643">
        <v>99</v>
      </c>
      <c r="AA13643">
        <v>100</v>
      </c>
      <c r="AB13643">
        <v>101</v>
      </c>
      <c r="AC13643">
        <v>102</v>
      </c>
      <c r="AD13643">
        <v>102</v>
      </c>
      <c r="AE13643">
        <v>103</v>
      </c>
      <c r="AF13643">
        <v>104</v>
      </c>
      <c r="AG13643">
        <v>105</v>
      </c>
      <c r="AH13643">
        <v>106</v>
      </c>
      <c r="AI13643">
        <v>107</v>
      </c>
      <c r="AJ13643">
        <v>107</v>
      </c>
      <c r="AK13643">
        <v>108</v>
      </c>
      <c r="AL13643">
        <v>109</v>
      </c>
      <c r="AM13643">
        <v>110</v>
      </c>
      <c r="AN13643">
        <v>111</v>
      </c>
      <c r="AO13643">
        <v>111</v>
      </c>
      <c r="AP13643">
        <v>112</v>
      </c>
      <c r="AQ13643">
        <v>113</v>
      </c>
    </row>
    <row r="13644" spans="1:43">
      <c r="A13644" t="s">
        <v>8480</v>
      </c>
      <c r="B13644" t="s">
        <v>8481</v>
      </c>
      <c r="C13644" t="s">
        <v>8474</v>
      </c>
      <c r="D13644" t="s">
        <v>8475</v>
      </c>
      <c r="E13644" t="s">
        <v>8296</v>
      </c>
      <c r="F13644" t="s">
        <v>8297</v>
      </c>
      <c r="G13644" t="s">
        <v>80</v>
      </c>
      <c r="H13644" t="s">
        <v>81</v>
      </c>
      <c r="I13644" s="2">
        <v>0</v>
      </c>
      <c r="J13644" s="2">
        <v>1</v>
      </c>
      <c r="K13644" s="2">
        <v>0</v>
      </c>
      <c r="L13644" t="s">
        <v>82</v>
      </c>
      <c r="M13644" t="s">
        <v>89</v>
      </c>
      <c r="N13644" t="s">
        <v>90</v>
      </c>
      <c r="O13644" t="s">
        <v>85</v>
      </c>
      <c r="P13644" t="s">
        <v>86</v>
      </c>
      <c r="Q13644">
        <v>91</v>
      </c>
      <c r="R13644">
        <v>94</v>
      </c>
      <c r="S13644">
        <v>97</v>
      </c>
      <c r="T13644">
        <v>99</v>
      </c>
      <c r="U13644">
        <v>102</v>
      </c>
      <c r="V13644">
        <v>104</v>
      </c>
      <c r="W13644">
        <v>107</v>
      </c>
      <c r="X13644">
        <v>109</v>
      </c>
      <c r="Y13644">
        <v>111</v>
      </c>
      <c r="Z13644">
        <v>113</v>
      </c>
      <c r="AA13644">
        <v>116</v>
      </c>
      <c r="AB13644">
        <v>118</v>
      </c>
      <c r="AC13644">
        <v>120</v>
      </c>
      <c r="AD13644">
        <v>122</v>
      </c>
      <c r="AE13644">
        <v>124</v>
      </c>
      <c r="AF13644">
        <v>124</v>
      </c>
      <c r="AG13644">
        <v>125</v>
      </c>
      <c r="AH13644">
        <v>125</v>
      </c>
      <c r="AI13644">
        <v>126</v>
      </c>
      <c r="AJ13644">
        <v>126</v>
      </c>
      <c r="AK13644">
        <v>126</v>
      </c>
      <c r="AL13644">
        <v>127</v>
      </c>
      <c r="AM13644">
        <v>127</v>
      </c>
      <c r="AN13644">
        <v>128</v>
      </c>
      <c r="AO13644">
        <v>128</v>
      </c>
      <c r="AP13644">
        <v>129</v>
      </c>
      <c r="AQ13644">
        <v>129</v>
      </c>
    </row>
    <row r="13645" spans="1:43">
      <c r="A13645" t="s">
        <v>8480</v>
      </c>
      <c r="B13645" t="s">
        <v>8481</v>
      </c>
      <c r="C13645" t="s">
        <v>8474</v>
      </c>
      <c r="D13645" t="s">
        <v>8475</v>
      </c>
      <c r="E13645" t="s">
        <v>8296</v>
      </c>
      <c r="F13645" t="s">
        <v>8297</v>
      </c>
      <c r="G13645" t="s">
        <v>80</v>
      </c>
      <c r="H13645" t="s">
        <v>81</v>
      </c>
      <c r="I13645" s="2">
        <v>0</v>
      </c>
      <c r="J13645" s="2">
        <v>1</v>
      </c>
      <c r="K13645" s="2">
        <v>0</v>
      </c>
      <c r="L13645" t="s">
        <v>82</v>
      </c>
      <c r="M13645" t="s">
        <v>83</v>
      </c>
      <c r="N13645" t="s">
        <v>91</v>
      </c>
      <c r="O13645" t="s">
        <v>85</v>
      </c>
      <c r="P13645" t="s">
        <v>86</v>
      </c>
      <c r="Q13645">
        <v>91</v>
      </c>
      <c r="R13645">
        <v>92</v>
      </c>
      <c r="S13645">
        <v>94</v>
      </c>
      <c r="T13645">
        <v>96</v>
      </c>
      <c r="U13645">
        <v>98</v>
      </c>
      <c r="V13645">
        <v>100</v>
      </c>
      <c r="W13645">
        <v>101</v>
      </c>
      <c r="X13645">
        <v>103</v>
      </c>
      <c r="Y13645">
        <v>105</v>
      </c>
      <c r="Z13645">
        <v>107</v>
      </c>
      <c r="AA13645">
        <v>109</v>
      </c>
      <c r="AB13645">
        <v>110</v>
      </c>
      <c r="AC13645">
        <v>112</v>
      </c>
      <c r="AD13645">
        <v>114</v>
      </c>
      <c r="AE13645">
        <v>115</v>
      </c>
      <c r="AF13645">
        <v>117</v>
      </c>
      <c r="AG13645">
        <v>119</v>
      </c>
      <c r="AH13645">
        <v>120</v>
      </c>
      <c r="AI13645">
        <v>122</v>
      </c>
      <c r="AJ13645">
        <v>124</v>
      </c>
      <c r="AK13645">
        <v>126</v>
      </c>
      <c r="AL13645">
        <v>126</v>
      </c>
      <c r="AM13645">
        <v>127</v>
      </c>
      <c r="AN13645">
        <v>127</v>
      </c>
      <c r="AO13645">
        <v>128</v>
      </c>
      <c r="AP13645">
        <v>128</v>
      </c>
      <c r="AQ13645">
        <v>129</v>
      </c>
    </row>
    <row r="13646" spans="1:43">
      <c r="A13646" t="s">
        <v>8482</v>
      </c>
      <c r="B13646" t="s">
        <v>8483</v>
      </c>
      <c r="C13646" t="s">
        <v>8328</v>
      </c>
      <c r="D13646" t="s">
        <v>8329</v>
      </c>
      <c r="E13646" t="s">
        <v>8296</v>
      </c>
      <c r="F13646" t="s">
        <v>8297</v>
      </c>
      <c r="G13646" t="s">
        <v>80</v>
      </c>
      <c r="H13646" t="s">
        <v>81</v>
      </c>
      <c r="I13646" s="2">
        <v>0</v>
      </c>
      <c r="J13646" s="2">
        <v>1</v>
      </c>
      <c r="K13646" s="2">
        <v>0</v>
      </c>
      <c r="L13646" t="s">
        <v>82</v>
      </c>
      <c r="M13646" t="s">
        <v>83</v>
      </c>
      <c r="N13646" t="s">
        <v>84</v>
      </c>
      <c r="O13646" t="s">
        <v>85</v>
      </c>
      <c r="P13646" t="s">
        <v>86</v>
      </c>
      <c r="Q13646">
        <v>66</v>
      </c>
      <c r="R13646">
        <v>67</v>
      </c>
      <c r="S13646">
        <v>69</v>
      </c>
      <c r="T13646">
        <v>70</v>
      </c>
      <c r="U13646">
        <v>71</v>
      </c>
      <c r="V13646">
        <v>72</v>
      </c>
      <c r="W13646">
        <v>74</v>
      </c>
      <c r="X13646">
        <v>75</v>
      </c>
      <c r="Y13646">
        <v>76</v>
      </c>
      <c r="Z13646">
        <v>78</v>
      </c>
      <c r="AA13646">
        <v>79</v>
      </c>
      <c r="AB13646">
        <v>80</v>
      </c>
      <c r="AC13646">
        <v>81</v>
      </c>
      <c r="AD13646">
        <v>83</v>
      </c>
      <c r="AE13646">
        <v>84</v>
      </c>
      <c r="AF13646">
        <v>85</v>
      </c>
      <c r="AG13646">
        <v>86</v>
      </c>
      <c r="AH13646">
        <v>88</v>
      </c>
      <c r="AI13646">
        <v>89</v>
      </c>
      <c r="AJ13646">
        <v>90</v>
      </c>
      <c r="AK13646">
        <v>91</v>
      </c>
      <c r="AL13646">
        <v>92</v>
      </c>
      <c r="AM13646">
        <v>92</v>
      </c>
      <c r="AN13646">
        <v>93</v>
      </c>
      <c r="AO13646">
        <v>93</v>
      </c>
      <c r="AP13646">
        <v>93</v>
      </c>
      <c r="AQ13646">
        <v>93</v>
      </c>
    </row>
    <row r="13647" spans="1:43">
      <c r="A13647" t="s">
        <v>8482</v>
      </c>
      <c r="B13647" t="s">
        <v>8483</v>
      </c>
      <c r="C13647" t="s">
        <v>8328</v>
      </c>
      <c r="D13647" t="s">
        <v>8329</v>
      </c>
      <c r="E13647" t="s">
        <v>8296</v>
      </c>
      <c r="F13647" t="s">
        <v>8297</v>
      </c>
      <c r="G13647" t="s">
        <v>80</v>
      </c>
      <c r="H13647" t="s">
        <v>81</v>
      </c>
      <c r="I13647" s="2">
        <v>0</v>
      </c>
      <c r="J13647" s="2">
        <v>1</v>
      </c>
      <c r="K13647" s="2">
        <v>0</v>
      </c>
      <c r="L13647" t="s">
        <v>82</v>
      </c>
      <c r="M13647" t="s">
        <v>87</v>
      </c>
      <c r="N13647" t="s">
        <v>88</v>
      </c>
      <c r="O13647" t="s">
        <v>85</v>
      </c>
      <c r="P13647" t="s">
        <v>86</v>
      </c>
      <c r="Q13647">
        <v>66</v>
      </c>
      <c r="R13647">
        <v>67</v>
      </c>
      <c r="S13647">
        <v>68</v>
      </c>
      <c r="T13647">
        <v>68</v>
      </c>
      <c r="U13647">
        <v>69</v>
      </c>
      <c r="V13647">
        <v>70</v>
      </c>
      <c r="W13647">
        <v>70</v>
      </c>
      <c r="X13647">
        <v>71</v>
      </c>
      <c r="Y13647">
        <v>72</v>
      </c>
      <c r="Z13647">
        <v>72</v>
      </c>
      <c r="AA13647">
        <v>73</v>
      </c>
      <c r="AB13647">
        <v>73</v>
      </c>
      <c r="AC13647">
        <v>74</v>
      </c>
      <c r="AD13647">
        <v>75</v>
      </c>
      <c r="AE13647">
        <v>75</v>
      </c>
      <c r="AF13647">
        <v>76</v>
      </c>
      <c r="AG13647">
        <v>77</v>
      </c>
      <c r="AH13647">
        <v>77</v>
      </c>
      <c r="AI13647">
        <v>78</v>
      </c>
      <c r="AJ13647">
        <v>78</v>
      </c>
      <c r="AK13647">
        <v>79</v>
      </c>
      <c r="AL13647">
        <v>79</v>
      </c>
      <c r="AM13647">
        <v>80</v>
      </c>
      <c r="AN13647">
        <v>81</v>
      </c>
      <c r="AO13647">
        <v>81</v>
      </c>
      <c r="AP13647">
        <v>82</v>
      </c>
      <c r="AQ13647">
        <v>82</v>
      </c>
    </row>
    <row r="13648" spans="1:43">
      <c r="A13648" t="s">
        <v>8482</v>
      </c>
      <c r="B13648" t="s">
        <v>8483</v>
      </c>
      <c r="C13648" t="s">
        <v>8328</v>
      </c>
      <c r="D13648" t="s">
        <v>8329</v>
      </c>
      <c r="E13648" t="s">
        <v>8296</v>
      </c>
      <c r="F13648" t="s">
        <v>8297</v>
      </c>
      <c r="G13648" t="s">
        <v>80</v>
      </c>
      <c r="H13648" t="s">
        <v>81</v>
      </c>
      <c r="I13648" s="2">
        <v>0</v>
      </c>
      <c r="J13648" s="2">
        <v>1</v>
      </c>
      <c r="K13648" s="2">
        <v>0</v>
      </c>
      <c r="L13648" t="s">
        <v>82</v>
      </c>
      <c r="M13648" t="s">
        <v>89</v>
      </c>
      <c r="N13648" t="s">
        <v>90</v>
      </c>
      <c r="O13648" t="s">
        <v>85</v>
      </c>
      <c r="P13648" t="s">
        <v>86</v>
      </c>
      <c r="Q13648">
        <v>66</v>
      </c>
      <c r="R13648">
        <v>67</v>
      </c>
      <c r="S13648">
        <v>69</v>
      </c>
      <c r="T13648">
        <v>71</v>
      </c>
      <c r="U13648">
        <v>73</v>
      </c>
      <c r="V13648">
        <v>75</v>
      </c>
      <c r="W13648">
        <v>77</v>
      </c>
      <c r="X13648">
        <v>78</v>
      </c>
      <c r="Y13648">
        <v>80</v>
      </c>
      <c r="Z13648">
        <v>81</v>
      </c>
      <c r="AA13648">
        <v>83</v>
      </c>
      <c r="AB13648">
        <v>85</v>
      </c>
      <c r="AC13648">
        <v>86</v>
      </c>
      <c r="AD13648">
        <v>88</v>
      </c>
      <c r="AE13648">
        <v>89</v>
      </c>
      <c r="AF13648">
        <v>89</v>
      </c>
      <c r="AG13648">
        <v>90</v>
      </c>
      <c r="AH13648">
        <v>90</v>
      </c>
      <c r="AI13648">
        <v>90</v>
      </c>
      <c r="AJ13648">
        <v>91</v>
      </c>
      <c r="AK13648">
        <v>91</v>
      </c>
      <c r="AL13648">
        <v>91</v>
      </c>
      <c r="AM13648">
        <v>92</v>
      </c>
      <c r="AN13648">
        <v>92</v>
      </c>
      <c r="AO13648">
        <v>92</v>
      </c>
      <c r="AP13648">
        <v>93</v>
      </c>
      <c r="AQ13648">
        <v>93</v>
      </c>
    </row>
    <row r="13649" spans="1:43">
      <c r="A13649" t="s">
        <v>8482</v>
      </c>
      <c r="B13649" t="s">
        <v>8483</v>
      </c>
      <c r="C13649" t="s">
        <v>8328</v>
      </c>
      <c r="D13649" t="s">
        <v>8329</v>
      </c>
      <c r="E13649" t="s">
        <v>8296</v>
      </c>
      <c r="F13649" t="s">
        <v>8297</v>
      </c>
      <c r="G13649" t="s">
        <v>80</v>
      </c>
      <c r="H13649" t="s">
        <v>81</v>
      </c>
      <c r="I13649" s="2">
        <v>0</v>
      </c>
      <c r="J13649" s="2">
        <v>1</v>
      </c>
      <c r="K13649" s="2">
        <v>0</v>
      </c>
      <c r="L13649" t="s">
        <v>82</v>
      </c>
      <c r="M13649" t="s">
        <v>83</v>
      </c>
      <c r="N13649" t="s">
        <v>91</v>
      </c>
      <c r="O13649" t="s">
        <v>85</v>
      </c>
      <c r="P13649" t="s">
        <v>86</v>
      </c>
      <c r="Q13649">
        <v>66</v>
      </c>
      <c r="R13649">
        <v>67</v>
      </c>
      <c r="S13649">
        <v>69</v>
      </c>
      <c r="T13649">
        <v>70</v>
      </c>
      <c r="U13649">
        <v>71</v>
      </c>
      <c r="V13649">
        <v>72</v>
      </c>
      <c r="W13649">
        <v>74</v>
      </c>
      <c r="X13649">
        <v>75</v>
      </c>
      <c r="Y13649">
        <v>76</v>
      </c>
      <c r="Z13649">
        <v>78</v>
      </c>
      <c r="AA13649">
        <v>79</v>
      </c>
      <c r="AB13649">
        <v>80</v>
      </c>
      <c r="AC13649">
        <v>81</v>
      </c>
      <c r="AD13649">
        <v>83</v>
      </c>
      <c r="AE13649">
        <v>84</v>
      </c>
      <c r="AF13649">
        <v>85</v>
      </c>
      <c r="AG13649">
        <v>86</v>
      </c>
      <c r="AH13649">
        <v>88</v>
      </c>
      <c r="AI13649">
        <v>89</v>
      </c>
      <c r="AJ13649">
        <v>90</v>
      </c>
      <c r="AK13649">
        <v>91</v>
      </c>
      <c r="AL13649">
        <v>92</v>
      </c>
      <c r="AM13649">
        <v>92</v>
      </c>
      <c r="AN13649">
        <v>93</v>
      </c>
      <c r="AO13649">
        <v>93</v>
      </c>
      <c r="AP13649">
        <v>93</v>
      </c>
      <c r="AQ13649">
        <v>93</v>
      </c>
    </row>
    <row r="13650" spans="1:43">
      <c r="A13650" t="s">
        <v>8484</v>
      </c>
      <c r="B13650" t="s">
        <v>8485</v>
      </c>
      <c r="C13650" t="s">
        <v>8474</v>
      </c>
      <c r="D13650" t="s">
        <v>8475</v>
      </c>
      <c r="E13650" t="s">
        <v>8296</v>
      </c>
      <c r="F13650" t="s">
        <v>8297</v>
      </c>
      <c r="G13650" t="s">
        <v>80</v>
      </c>
      <c r="H13650" t="s">
        <v>81</v>
      </c>
      <c r="I13650" s="2">
        <v>0</v>
      </c>
      <c r="J13650" s="2">
        <v>1</v>
      </c>
      <c r="K13650" s="2">
        <v>0</v>
      </c>
      <c r="L13650" t="s">
        <v>82</v>
      </c>
      <c r="M13650" t="s">
        <v>83</v>
      </c>
      <c r="N13650" t="s">
        <v>84</v>
      </c>
      <c r="O13650" t="s">
        <v>85</v>
      </c>
      <c r="P13650" t="s">
        <v>86</v>
      </c>
      <c r="Q13650">
        <v>27</v>
      </c>
      <c r="R13650">
        <v>27</v>
      </c>
      <c r="S13650">
        <v>28</v>
      </c>
      <c r="T13650">
        <v>29</v>
      </c>
      <c r="U13650">
        <v>29</v>
      </c>
      <c r="V13650">
        <v>30</v>
      </c>
      <c r="W13650">
        <v>30</v>
      </c>
      <c r="X13650">
        <v>31</v>
      </c>
      <c r="Y13650">
        <v>31</v>
      </c>
      <c r="Z13650">
        <v>32</v>
      </c>
      <c r="AA13650">
        <v>32</v>
      </c>
      <c r="AB13650">
        <v>33</v>
      </c>
      <c r="AC13650">
        <v>33</v>
      </c>
      <c r="AD13650">
        <v>34</v>
      </c>
      <c r="AE13650">
        <v>34</v>
      </c>
      <c r="AF13650">
        <v>35</v>
      </c>
      <c r="AG13650">
        <v>35</v>
      </c>
      <c r="AH13650">
        <v>36</v>
      </c>
      <c r="AI13650">
        <v>36</v>
      </c>
      <c r="AJ13650">
        <v>37</v>
      </c>
      <c r="AK13650">
        <v>37</v>
      </c>
      <c r="AL13650">
        <v>38</v>
      </c>
      <c r="AM13650">
        <v>38</v>
      </c>
      <c r="AN13650">
        <v>38</v>
      </c>
      <c r="AO13650">
        <v>38</v>
      </c>
      <c r="AP13650">
        <v>38</v>
      </c>
      <c r="AQ13650">
        <v>38</v>
      </c>
    </row>
    <row r="13651" spans="1:43">
      <c r="A13651" t="s">
        <v>8484</v>
      </c>
      <c r="B13651" t="s">
        <v>8485</v>
      </c>
      <c r="C13651" t="s">
        <v>8474</v>
      </c>
      <c r="D13651" t="s">
        <v>8475</v>
      </c>
      <c r="E13651" t="s">
        <v>8296</v>
      </c>
      <c r="F13651" t="s">
        <v>8297</v>
      </c>
      <c r="G13651" t="s">
        <v>80</v>
      </c>
      <c r="H13651" t="s">
        <v>81</v>
      </c>
      <c r="I13651" s="2">
        <v>0</v>
      </c>
      <c r="J13651" s="2">
        <v>1</v>
      </c>
      <c r="K13651" s="2">
        <v>0</v>
      </c>
      <c r="L13651" t="s">
        <v>82</v>
      </c>
      <c r="M13651" t="s">
        <v>87</v>
      </c>
      <c r="N13651" t="s">
        <v>88</v>
      </c>
      <c r="O13651" t="s">
        <v>85</v>
      </c>
      <c r="P13651" t="s">
        <v>86</v>
      </c>
      <c r="Q13651">
        <v>27</v>
      </c>
      <c r="R13651">
        <v>27</v>
      </c>
      <c r="S13651">
        <v>27</v>
      </c>
      <c r="T13651">
        <v>27</v>
      </c>
      <c r="U13651">
        <v>28</v>
      </c>
      <c r="V13651">
        <v>28</v>
      </c>
      <c r="W13651">
        <v>28</v>
      </c>
      <c r="X13651">
        <v>29</v>
      </c>
      <c r="Y13651">
        <v>29</v>
      </c>
      <c r="Z13651">
        <v>29</v>
      </c>
      <c r="AA13651">
        <v>29</v>
      </c>
      <c r="AB13651">
        <v>30</v>
      </c>
      <c r="AC13651">
        <v>30</v>
      </c>
      <c r="AD13651">
        <v>30</v>
      </c>
      <c r="AE13651">
        <v>30</v>
      </c>
      <c r="AF13651">
        <v>31</v>
      </c>
      <c r="AG13651">
        <v>31</v>
      </c>
      <c r="AH13651">
        <v>31</v>
      </c>
      <c r="AI13651">
        <v>31</v>
      </c>
      <c r="AJ13651">
        <v>32</v>
      </c>
      <c r="AK13651">
        <v>32</v>
      </c>
      <c r="AL13651">
        <v>32</v>
      </c>
      <c r="AM13651">
        <v>32</v>
      </c>
      <c r="AN13651">
        <v>33</v>
      </c>
      <c r="AO13651">
        <v>33</v>
      </c>
      <c r="AP13651">
        <v>33</v>
      </c>
      <c r="AQ13651">
        <v>33</v>
      </c>
    </row>
    <row r="13652" spans="1:43">
      <c r="A13652" t="s">
        <v>8484</v>
      </c>
      <c r="B13652" t="s">
        <v>8485</v>
      </c>
      <c r="C13652" t="s">
        <v>8474</v>
      </c>
      <c r="D13652" t="s">
        <v>8475</v>
      </c>
      <c r="E13652" t="s">
        <v>8296</v>
      </c>
      <c r="F13652" t="s">
        <v>8297</v>
      </c>
      <c r="G13652" t="s">
        <v>80</v>
      </c>
      <c r="H13652" t="s">
        <v>81</v>
      </c>
      <c r="I13652" s="2">
        <v>0</v>
      </c>
      <c r="J13652" s="2">
        <v>1</v>
      </c>
      <c r="K13652" s="2">
        <v>0</v>
      </c>
      <c r="L13652" t="s">
        <v>82</v>
      </c>
      <c r="M13652" t="s">
        <v>89</v>
      </c>
      <c r="N13652" t="s">
        <v>90</v>
      </c>
      <c r="O13652" t="s">
        <v>85</v>
      </c>
      <c r="P13652" t="s">
        <v>86</v>
      </c>
      <c r="Q13652">
        <v>27</v>
      </c>
      <c r="R13652">
        <v>28</v>
      </c>
      <c r="S13652">
        <v>29</v>
      </c>
      <c r="T13652">
        <v>29</v>
      </c>
      <c r="U13652">
        <v>30</v>
      </c>
      <c r="V13652">
        <v>31</v>
      </c>
      <c r="W13652">
        <v>32</v>
      </c>
      <c r="X13652">
        <v>32</v>
      </c>
      <c r="Y13652">
        <v>33</v>
      </c>
      <c r="Z13652">
        <v>34</v>
      </c>
      <c r="AA13652">
        <v>34</v>
      </c>
      <c r="AB13652">
        <v>35</v>
      </c>
      <c r="AC13652">
        <v>36</v>
      </c>
      <c r="AD13652">
        <v>36</v>
      </c>
      <c r="AE13652">
        <v>37</v>
      </c>
      <c r="AF13652">
        <v>37</v>
      </c>
      <c r="AG13652">
        <v>37</v>
      </c>
      <c r="AH13652">
        <v>37</v>
      </c>
      <c r="AI13652">
        <v>37</v>
      </c>
      <c r="AJ13652">
        <v>37</v>
      </c>
      <c r="AK13652">
        <v>38</v>
      </c>
      <c r="AL13652">
        <v>38</v>
      </c>
      <c r="AM13652">
        <v>38</v>
      </c>
      <c r="AN13652">
        <v>38</v>
      </c>
      <c r="AO13652">
        <v>38</v>
      </c>
      <c r="AP13652">
        <v>38</v>
      </c>
      <c r="AQ13652">
        <v>38</v>
      </c>
    </row>
    <row r="13653" spans="1:43">
      <c r="A13653" t="s">
        <v>8484</v>
      </c>
      <c r="B13653" t="s">
        <v>8485</v>
      </c>
      <c r="C13653" t="s">
        <v>8474</v>
      </c>
      <c r="D13653" t="s">
        <v>8475</v>
      </c>
      <c r="E13653" t="s">
        <v>8296</v>
      </c>
      <c r="F13653" t="s">
        <v>8297</v>
      </c>
      <c r="G13653" t="s">
        <v>80</v>
      </c>
      <c r="H13653" t="s">
        <v>81</v>
      </c>
      <c r="I13653" s="2">
        <v>0</v>
      </c>
      <c r="J13653" s="2">
        <v>1</v>
      </c>
      <c r="K13653" s="2">
        <v>0</v>
      </c>
      <c r="L13653" t="s">
        <v>82</v>
      </c>
      <c r="M13653" t="s">
        <v>83</v>
      </c>
      <c r="N13653" t="s">
        <v>91</v>
      </c>
      <c r="O13653" t="s">
        <v>85</v>
      </c>
      <c r="P13653" t="s">
        <v>86</v>
      </c>
      <c r="Q13653">
        <v>27</v>
      </c>
      <c r="R13653">
        <v>27</v>
      </c>
      <c r="S13653">
        <v>28</v>
      </c>
      <c r="T13653">
        <v>29</v>
      </c>
      <c r="U13653">
        <v>29</v>
      </c>
      <c r="V13653">
        <v>30</v>
      </c>
      <c r="W13653">
        <v>30</v>
      </c>
      <c r="X13653">
        <v>31</v>
      </c>
      <c r="Y13653">
        <v>31</v>
      </c>
      <c r="Z13653">
        <v>32</v>
      </c>
      <c r="AA13653">
        <v>32</v>
      </c>
      <c r="AB13653">
        <v>33</v>
      </c>
      <c r="AC13653">
        <v>33</v>
      </c>
      <c r="AD13653">
        <v>34</v>
      </c>
      <c r="AE13653">
        <v>34</v>
      </c>
      <c r="AF13653">
        <v>35</v>
      </c>
      <c r="AG13653">
        <v>35</v>
      </c>
      <c r="AH13653">
        <v>36</v>
      </c>
      <c r="AI13653">
        <v>36</v>
      </c>
      <c r="AJ13653">
        <v>37</v>
      </c>
      <c r="AK13653">
        <v>37</v>
      </c>
      <c r="AL13653">
        <v>38</v>
      </c>
      <c r="AM13653">
        <v>38</v>
      </c>
      <c r="AN13653">
        <v>38</v>
      </c>
      <c r="AO13653">
        <v>38</v>
      </c>
      <c r="AP13653">
        <v>38</v>
      </c>
      <c r="AQ13653">
        <v>38</v>
      </c>
    </row>
    <row r="13654" spans="1:43">
      <c r="A13654" t="s">
        <v>8486</v>
      </c>
      <c r="B13654" t="s">
        <v>8487</v>
      </c>
      <c r="C13654" t="s">
        <v>8474</v>
      </c>
      <c r="D13654" t="s">
        <v>8475</v>
      </c>
      <c r="E13654" t="s">
        <v>8296</v>
      </c>
      <c r="F13654" t="s">
        <v>8297</v>
      </c>
      <c r="G13654" t="s">
        <v>80</v>
      </c>
      <c r="H13654" t="s">
        <v>81</v>
      </c>
      <c r="I13654" s="2">
        <v>0</v>
      </c>
      <c r="J13654" s="2">
        <v>1</v>
      </c>
      <c r="K13654" s="2">
        <v>0</v>
      </c>
      <c r="L13654" t="s">
        <v>82</v>
      </c>
      <c r="M13654" t="s">
        <v>83</v>
      </c>
      <c r="N13654" t="s">
        <v>84</v>
      </c>
      <c r="O13654" t="s">
        <v>85</v>
      </c>
      <c r="P13654" t="s">
        <v>86</v>
      </c>
      <c r="Q13654">
        <v>35</v>
      </c>
      <c r="R13654">
        <v>36</v>
      </c>
      <c r="S13654">
        <v>36</v>
      </c>
      <c r="T13654">
        <v>37</v>
      </c>
      <c r="U13654">
        <v>38</v>
      </c>
      <c r="V13654">
        <v>39</v>
      </c>
      <c r="W13654">
        <v>39</v>
      </c>
      <c r="X13654">
        <v>40</v>
      </c>
      <c r="Y13654">
        <v>41</v>
      </c>
      <c r="Z13654">
        <v>41</v>
      </c>
      <c r="AA13654">
        <v>42</v>
      </c>
      <c r="AB13654">
        <v>43</v>
      </c>
      <c r="AC13654">
        <v>43</v>
      </c>
      <c r="AD13654">
        <v>44</v>
      </c>
      <c r="AE13654">
        <v>45</v>
      </c>
      <c r="AF13654">
        <v>45</v>
      </c>
      <c r="AG13654">
        <v>46</v>
      </c>
      <c r="AH13654">
        <v>47</v>
      </c>
      <c r="AI13654">
        <v>47</v>
      </c>
      <c r="AJ13654">
        <v>48</v>
      </c>
      <c r="AK13654">
        <v>49</v>
      </c>
      <c r="AL13654">
        <v>49</v>
      </c>
      <c r="AM13654">
        <v>49</v>
      </c>
      <c r="AN13654">
        <v>49</v>
      </c>
      <c r="AO13654">
        <v>49</v>
      </c>
      <c r="AP13654">
        <v>50</v>
      </c>
      <c r="AQ13654">
        <v>50</v>
      </c>
    </row>
    <row r="13655" spans="1:43">
      <c r="A13655" t="s">
        <v>8486</v>
      </c>
      <c r="B13655" t="s">
        <v>8487</v>
      </c>
      <c r="C13655" t="s">
        <v>8474</v>
      </c>
      <c r="D13655" t="s">
        <v>8475</v>
      </c>
      <c r="E13655" t="s">
        <v>8296</v>
      </c>
      <c r="F13655" t="s">
        <v>8297</v>
      </c>
      <c r="G13655" t="s">
        <v>80</v>
      </c>
      <c r="H13655" t="s">
        <v>81</v>
      </c>
      <c r="I13655" s="2">
        <v>0</v>
      </c>
      <c r="J13655" s="2">
        <v>1</v>
      </c>
      <c r="K13655" s="2">
        <v>0</v>
      </c>
      <c r="L13655" t="s">
        <v>82</v>
      </c>
      <c r="M13655" t="s">
        <v>87</v>
      </c>
      <c r="N13655" t="s">
        <v>88</v>
      </c>
      <c r="O13655" t="s">
        <v>85</v>
      </c>
      <c r="P13655" t="s">
        <v>86</v>
      </c>
      <c r="Q13655">
        <v>35</v>
      </c>
      <c r="R13655">
        <v>35</v>
      </c>
      <c r="S13655">
        <v>35</v>
      </c>
      <c r="T13655">
        <v>36</v>
      </c>
      <c r="U13655">
        <v>36</v>
      </c>
      <c r="V13655">
        <v>37</v>
      </c>
      <c r="W13655">
        <v>37</v>
      </c>
      <c r="X13655">
        <v>37</v>
      </c>
      <c r="Y13655">
        <v>38</v>
      </c>
      <c r="Z13655">
        <v>38</v>
      </c>
      <c r="AA13655">
        <v>38</v>
      </c>
      <c r="AB13655">
        <v>39</v>
      </c>
      <c r="AC13655">
        <v>39</v>
      </c>
      <c r="AD13655">
        <v>39</v>
      </c>
      <c r="AE13655">
        <v>40</v>
      </c>
      <c r="AF13655">
        <v>40</v>
      </c>
      <c r="AG13655">
        <v>40</v>
      </c>
      <c r="AH13655">
        <v>40</v>
      </c>
      <c r="AI13655">
        <v>41</v>
      </c>
      <c r="AJ13655">
        <v>41</v>
      </c>
      <c r="AK13655">
        <v>41</v>
      </c>
      <c r="AL13655">
        <v>42</v>
      </c>
      <c r="AM13655">
        <v>42</v>
      </c>
      <c r="AN13655">
        <v>42</v>
      </c>
      <c r="AO13655">
        <v>43</v>
      </c>
      <c r="AP13655">
        <v>43</v>
      </c>
      <c r="AQ13655">
        <v>43</v>
      </c>
    </row>
    <row r="13656" spans="1:43">
      <c r="A13656" t="s">
        <v>8486</v>
      </c>
      <c r="B13656" t="s">
        <v>8487</v>
      </c>
      <c r="C13656" t="s">
        <v>8474</v>
      </c>
      <c r="D13656" t="s">
        <v>8475</v>
      </c>
      <c r="E13656" t="s">
        <v>8296</v>
      </c>
      <c r="F13656" t="s">
        <v>8297</v>
      </c>
      <c r="G13656" t="s">
        <v>80</v>
      </c>
      <c r="H13656" t="s">
        <v>81</v>
      </c>
      <c r="I13656" s="2">
        <v>0</v>
      </c>
      <c r="J13656" s="2">
        <v>1</v>
      </c>
      <c r="K13656" s="2">
        <v>0</v>
      </c>
      <c r="L13656" t="s">
        <v>82</v>
      </c>
      <c r="M13656" t="s">
        <v>89</v>
      </c>
      <c r="N13656" t="s">
        <v>90</v>
      </c>
      <c r="O13656" t="s">
        <v>85</v>
      </c>
      <c r="P13656" t="s">
        <v>86</v>
      </c>
      <c r="Q13656">
        <v>35</v>
      </c>
      <c r="R13656">
        <v>36</v>
      </c>
      <c r="S13656">
        <v>37</v>
      </c>
      <c r="T13656">
        <v>38</v>
      </c>
      <c r="U13656">
        <v>39</v>
      </c>
      <c r="V13656">
        <v>40</v>
      </c>
      <c r="W13656">
        <v>41</v>
      </c>
      <c r="X13656">
        <v>42</v>
      </c>
      <c r="Y13656">
        <v>43</v>
      </c>
      <c r="Z13656">
        <v>44</v>
      </c>
      <c r="AA13656">
        <v>45</v>
      </c>
      <c r="AB13656">
        <v>45</v>
      </c>
      <c r="AC13656">
        <v>46</v>
      </c>
      <c r="AD13656">
        <v>47</v>
      </c>
      <c r="AE13656">
        <v>48</v>
      </c>
      <c r="AF13656">
        <v>48</v>
      </c>
      <c r="AG13656">
        <v>48</v>
      </c>
      <c r="AH13656">
        <v>48</v>
      </c>
      <c r="AI13656">
        <v>49</v>
      </c>
      <c r="AJ13656">
        <v>49</v>
      </c>
      <c r="AK13656">
        <v>49</v>
      </c>
      <c r="AL13656">
        <v>49</v>
      </c>
      <c r="AM13656">
        <v>49</v>
      </c>
      <c r="AN13656">
        <v>49</v>
      </c>
      <c r="AO13656">
        <v>50</v>
      </c>
      <c r="AP13656">
        <v>50</v>
      </c>
      <c r="AQ13656">
        <v>50</v>
      </c>
    </row>
    <row r="13657" spans="1:43">
      <c r="A13657" t="s">
        <v>8486</v>
      </c>
      <c r="B13657" t="s">
        <v>8487</v>
      </c>
      <c r="C13657" t="s">
        <v>8474</v>
      </c>
      <c r="D13657" t="s">
        <v>8475</v>
      </c>
      <c r="E13657" t="s">
        <v>8296</v>
      </c>
      <c r="F13657" t="s">
        <v>8297</v>
      </c>
      <c r="G13657" t="s">
        <v>80</v>
      </c>
      <c r="H13657" t="s">
        <v>81</v>
      </c>
      <c r="I13657" s="2">
        <v>0</v>
      </c>
      <c r="J13657" s="2">
        <v>1</v>
      </c>
      <c r="K13657" s="2">
        <v>0</v>
      </c>
      <c r="L13657" t="s">
        <v>82</v>
      </c>
      <c r="M13657" t="s">
        <v>83</v>
      </c>
      <c r="N13657" t="s">
        <v>91</v>
      </c>
      <c r="O13657" t="s">
        <v>85</v>
      </c>
      <c r="P13657" t="s">
        <v>86</v>
      </c>
      <c r="Q13657">
        <v>35</v>
      </c>
      <c r="R13657">
        <v>36</v>
      </c>
      <c r="S13657">
        <v>36</v>
      </c>
      <c r="T13657">
        <v>37</v>
      </c>
      <c r="U13657">
        <v>38</v>
      </c>
      <c r="V13657">
        <v>39</v>
      </c>
      <c r="W13657">
        <v>39</v>
      </c>
      <c r="X13657">
        <v>40</v>
      </c>
      <c r="Y13657">
        <v>41</v>
      </c>
      <c r="Z13657">
        <v>41</v>
      </c>
      <c r="AA13657">
        <v>42</v>
      </c>
      <c r="AB13657">
        <v>43</v>
      </c>
      <c r="AC13657">
        <v>43</v>
      </c>
      <c r="AD13657">
        <v>44</v>
      </c>
      <c r="AE13657">
        <v>45</v>
      </c>
      <c r="AF13657">
        <v>45</v>
      </c>
      <c r="AG13657">
        <v>46</v>
      </c>
      <c r="AH13657">
        <v>47</v>
      </c>
      <c r="AI13657">
        <v>47</v>
      </c>
      <c r="AJ13657">
        <v>48</v>
      </c>
      <c r="AK13657">
        <v>49</v>
      </c>
      <c r="AL13657">
        <v>49</v>
      </c>
      <c r="AM13657">
        <v>49</v>
      </c>
      <c r="AN13657">
        <v>49</v>
      </c>
      <c r="AO13657">
        <v>49</v>
      </c>
      <c r="AP13657">
        <v>50</v>
      </c>
      <c r="AQ13657">
        <v>50</v>
      </c>
    </row>
    <row r="13658" spans="1:43">
      <c r="A13658" t="s">
        <v>8488</v>
      </c>
      <c r="B13658" t="s">
        <v>8489</v>
      </c>
      <c r="C13658" t="s">
        <v>8490</v>
      </c>
      <c r="D13658" t="s">
        <v>8491</v>
      </c>
      <c r="E13658" t="s">
        <v>8296</v>
      </c>
      <c r="F13658" t="s">
        <v>8297</v>
      </c>
      <c r="G13658" t="s">
        <v>80</v>
      </c>
      <c r="H13658" t="s">
        <v>81</v>
      </c>
      <c r="I13658" s="2">
        <v>0</v>
      </c>
      <c r="J13658" s="2">
        <v>1</v>
      </c>
      <c r="K13658" s="2">
        <v>0</v>
      </c>
      <c r="L13658" t="s">
        <v>82</v>
      </c>
      <c r="M13658" t="s">
        <v>83</v>
      </c>
      <c r="N13658" t="s">
        <v>84</v>
      </c>
      <c r="O13658" t="s">
        <v>85</v>
      </c>
      <c r="P13658" t="s">
        <v>86</v>
      </c>
      <c r="Q13658">
        <v>41</v>
      </c>
      <c r="R13658">
        <v>42</v>
      </c>
      <c r="S13658">
        <v>42</v>
      </c>
      <c r="T13658">
        <v>43</v>
      </c>
      <c r="U13658">
        <v>44</v>
      </c>
      <c r="V13658">
        <v>45</v>
      </c>
      <c r="W13658">
        <v>46</v>
      </c>
      <c r="X13658">
        <v>46</v>
      </c>
      <c r="Y13658">
        <v>47</v>
      </c>
      <c r="Z13658">
        <v>48</v>
      </c>
      <c r="AA13658">
        <v>49</v>
      </c>
      <c r="AB13658">
        <v>50</v>
      </c>
      <c r="AC13658">
        <v>50</v>
      </c>
      <c r="AD13658">
        <v>51</v>
      </c>
      <c r="AE13658">
        <v>52</v>
      </c>
      <c r="AF13658">
        <v>53</v>
      </c>
      <c r="AG13658">
        <v>53</v>
      </c>
      <c r="AH13658">
        <v>54</v>
      </c>
      <c r="AI13658">
        <v>55</v>
      </c>
      <c r="AJ13658">
        <v>56</v>
      </c>
      <c r="AK13658">
        <v>56</v>
      </c>
      <c r="AL13658">
        <v>57</v>
      </c>
      <c r="AM13658">
        <v>57</v>
      </c>
      <c r="AN13658">
        <v>57</v>
      </c>
      <c r="AO13658">
        <v>57</v>
      </c>
      <c r="AP13658">
        <v>58</v>
      </c>
      <c r="AQ13658">
        <v>58</v>
      </c>
    </row>
    <row r="13659" spans="1:43">
      <c r="A13659" t="s">
        <v>8488</v>
      </c>
      <c r="B13659" t="s">
        <v>8489</v>
      </c>
      <c r="C13659" t="s">
        <v>8490</v>
      </c>
      <c r="D13659" t="s">
        <v>8491</v>
      </c>
      <c r="E13659" t="s">
        <v>8296</v>
      </c>
      <c r="F13659" t="s">
        <v>8297</v>
      </c>
      <c r="G13659" t="s">
        <v>80</v>
      </c>
      <c r="H13659" t="s">
        <v>81</v>
      </c>
      <c r="I13659" s="2">
        <v>0</v>
      </c>
      <c r="J13659" s="2">
        <v>1</v>
      </c>
      <c r="K13659" s="2">
        <v>0</v>
      </c>
      <c r="L13659" t="s">
        <v>82</v>
      </c>
      <c r="M13659" t="s">
        <v>87</v>
      </c>
      <c r="N13659" t="s">
        <v>88</v>
      </c>
      <c r="O13659" t="s">
        <v>85</v>
      </c>
      <c r="P13659" t="s">
        <v>86</v>
      </c>
      <c r="Q13659">
        <v>41</v>
      </c>
      <c r="R13659">
        <v>42</v>
      </c>
      <c r="S13659">
        <v>42</v>
      </c>
      <c r="T13659">
        <v>43</v>
      </c>
      <c r="U13659">
        <v>43</v>
      </c>
      <c r="V13659">
        <v>43</v>
      </c>
      <c r="W13659">
        <v>44</v>
      </c>
      <c r="X13659">
        <v>44</v>
      </c>
      <c r="Y13659">
        <v>45</v>
      </c>
      <c r="Z13659">
        <v>45</v>
      </c>
      <c r="AA13659">
        <v>45</v>
      </c>
      <c r="AB13659">
        <v>46</v>
      </c>
      <c r="AC13659">
        <v>46</v>
      </c>
      <c r="AD13659">
        <v>47</v>
      </c>
      <c r="AE13659">
        <v>47</v>
      </c>
      <c r="AF13659">
        <v>47</v>
      </c>
      <c r="AG13659">
        <v>48</v>
      </c>
      <c r="AH13659">
        <v>48</v>
      </c>
      <c r="AI13659">
        <v>48</v>
      </c>
      <c r="AJ13659">
        <v>49</v>
      </c>
      <c r="AK13659">
        <v>49</v>
      </c>
      <c r="AL13659">
        <v>49</v>
      </c>
      <c r="AM13659">
        <v>50</v>
      </c>
      <c r="AN13659">
        <v>50</v>
      </c>
      <c r="AO13659">
        <v>51</v>
      </c>
      <c r="AP13659">
        <v>51</v>
      </c>
      <c r="AQ13659">
        <v>51</v>
      </c>
    </row>
    <row r="13660" spans="1:43">
      <c r="A13660" t="s">
        <v>8488</v>
      </c>
      <c r="B13660" t="s">
        <v>8489</v>
      </c>
      <c r="C13660" t="s">
        <v>8490</v>
      </c>
      <c r="D13660" t="s">
        <v>8491</v>
      </c>
      <c r="E13660" t="s">
        <v>8296</v>
      </c>
      <c r="F13660" t="s">
        <v>8297</v>
      </c>
      <c r="G13660" t="s">
        <v>80</v>
      </c>
      <c r="H13660" t="s">
        <v>81</v>
      </c>
      <c r="I13660" s="2">
        <v>0</v>
      </c>
      <c r="J13660" s="2">
        <v>1</v>
      </c>
      <c r="K13660" s="2">
        <v>0</v>
      </c>
      <c r="L13660" t="s">
        <v>82</v>
      </c>
      <c r="M13660" t="s">
        <v>89</v>
      </c>
      <c r="N13660" t="s">
        <v>90</v>
      </c>
      <c r="O13660" t="s">
        <v>85</v>
      </c>
      <c r="P13660" t="s">
        <v>86</v>
      </c>
      <c r="Q13660">
        <v>41</v>
      </c>
      <c r="R13660">
        <v>42</v>
      </c>
      <c r="S13660">
        <v>44</v>
      </c>
      <c r="T13660">
        <v>45</v>
      </c>
      <c r="U13660">
        <v>46</v>
      </c>
      <c r="V13660">
        <v>47</v>
      </c>
      <c r="W13660">
        <v>48</v>
      </c>
      <c r="X13660">
        <v>49</v>
      </c>
      <c r="Y13660">
        <v>50</v>
      </c>
      <c r="Z13660">
        <v>51</v>
      </c>
      <c r="AA13660">
        <v>52</v>
      </c>
      <c r="AB13660">
        <v>53</v>
      </c>
      <c r="AC13660">
        <v>54</v>
      </c>
      <c r="AD13660">
        <v>55</v>
      </c>
      <c r="AE13660">
        <v>56</v>
      </c>
      <c r="AF13660">
        <v>56</v>
      </c>
      <c r="AG13660">
        <v>56</v>
      </c>
      <c r="AH13660">
        <v>56</v>
      </c>
      <c r="AI13660">
        <v>57</v>
      </c>
      <c r="AJ13660">
        <v>57</v>
      </c>
      <c r="AK13660">
        <v>57</v>
      </c>
      <c r="AL13660">
        <v>57</v>
      </c>
      <c r="AM13660">
        <v>57</v>
      </c>
      <c r="AN13660">
        <v>58</v>
      </c>
      <c r="AO13660">
        <v>58</v>
      </c>
      <c r="AP13660">
        <v>58</v>
      </c>
      <c r="AQ13660">
        <v>58</v>
      </c>
    </row>
    <row r="13661" spans="1:43">
      <c r="A13661" t="s">
        <v>8488</v>
      </c>
      <c r="B13661" t="s">
        <v>8489</v>
      </c>
      <c r="C13661" t="s">
        <v>8490</v>
      </c>
      <c r="D13661" t="s">
        <v>8491</v>
      </c>
      <c r="E13661" t="s">
        <v>8296</v>
      </c>
      <c r="F13661" t="s">
        <v>8297</v>
      </c>
      <c r="G13661" t="s">
        <v>80</v>
      </c>
      <c r="H13661" t="s">
        <v>81</v>
      </c>
      <c r="I13661" s="2">
        <v>0</v>
      </c>
      <c r="J13661" s="2">
        <v>1</v>
      </c>
      <c r="K13661" s="2">
        <v>0</v>
      </c>
      <c r="L13661" t="s">
        <v>82</v>
      </c>
      <c r="M13661" t="s">
        <v>83</v>
      </c>
      <c r="N13661" t="s">
        <v>91</v>
      </c>
      <c r="O13661" t="s">
        <v>85</v>
      </c>
      <c r="P13661" t="s">
        <v>86</v>
      </c>
      <c r="Q13661">
        <v>41</v>
      </c>
      <c r="R13661">
        <v>42</v>
      </c>
      <c r="S13661">
        <v>42</v>
      </c>
      <c r="T13661">
        <v>43</v>
      </c>
      <c r="U13661">
        <v>44</v>
      </c>
      <c r="V13661">
        <v>45</v>
      </c>
      <c r="W13661">
        <v>46</v>
      </c>
      <c r="X13661">
        <v>46</v>
      </c>
      <c r="Y13661">
        <v>47</v>
      </c>
      <c r="Z13661">
        <v>48</v>
      </c>
      <c r="AA13661">
        <v>49</v>
      </c>
      <c r="AB13661">
        <v>50</v>
      </c>
      <c r="AC13661">
        <v>50</v>
      </c>
      <c r="AD13661">
        <v>51</v>
      </c>
      <c r="AE13661">
        <v>52</v>
      </c>
      <c r="AF13661">
        <v>53</v>
      </c>
      <c r="AG13661">
        <v>53</v>
      </c>
      <c r="AH13661">
        <v>54</v>
      </c>
      <c r="AI13661">
        <v>55</v>
      </c>
      <c r="AJ13661">
        <v>56</v>
      </c>
      <c r="AK13661">
        <v>56</v>
      </c>
      <c r="AL13661">
        <v>57</v>
      </c>
      <c r="AM13661">
        <v>57</v>
      </c>
      <c r="AN13661">
        <v>57</v>
      </c>
      <c r="AO13661">
        <v>57</v>
      </c>
      <c r="AP13661">
        <v>58</v>
      </c>
      <c r="AQ13661">
        <v>58</v>
      </c>
    </row>
    <row r="13662" spans="1:43">
      <c r="A13662" t="s">
        <v>8492</v>
      </c>
      <c r="B13662" t="s">
        <v>8493</v>
      </c>
      <c r="C13662" t="s">
        <v>8490</v>
      </c>
      <c r="D13662" t="s">
        <v>8491</v>
      </c>
      <c r="E13662" t="s">
        <v>8296</v>
      </c>
      <c r="F13662" t="s">
        <v>8297</v>
      </c>
      <c r="G13662" t="s">
        <v>80</v>
      </c>
      <c r="H13662" t="s">
        <v>81</v>
      </c>
      <c r="I13662" s="2">
        <v>0</v>
      </c>
      <c r="J13662" s="2">
        <v>1</v>
      </c>
      <c r="K13662" s="2">
        <v>0</v>
      </c>
      <c r="L13662" t="s">
        <v>82</v>
      </c>
      <c r="M13662" t="s">
        <v>83</v>
      </c>
      <c r="N13662" t="s">
        <v>84</v>
      </c>
      <c r="O13662" t="s">
        <v>85</v>
      </c>
      <c r="P13662" t="s">
        <v>86</v>
      </c>
      <c r="Q13662">
        <v>32</v>
      </c>
      <c r="R13662">
        <v>33</v>
      </c>
      <c r="S13662">
        <v>33</v>
      </c>
      <c r="T13662">
        <v>34</v>
      </c>
      <c r="U13662">
        <v>35</v>
      </c>
      <c r="V13662">
        <v>35</v>
      </c>
      <c r="W13662">
        <v>36</v>
      </c>
      <c r="X13662">
        <v>36</v>
      </c>
      <c r="Y13662">
        <v>37</v>
      </c>
      <c r="Z13662">
        <v>38</v>
      </c>
      <c r="AA13662">
        <v>38</v>
      </c>
      <c r="AB13662">
        <v>39</v>
      </c>
      <c r="AC13662">
        <v>39</v>
      </c>
      <c r="AD13662">
        <v>40</v>
      </c>
      <c r="AE13662">
        <v>41</v>
      </c>
      <c r="AF13662">
        <v>41</v>
      </c>
      <c r="AG13662">
        <v>42</v>
      </c>
      <c r="AH13662">
        <v>42</v>
      </c>
      <c r="AI13662">
        <v>43</v>
      </c>
      <c r="AJ13662">
        <v>44</v>
      </c>
      <c r="AK13662">
        <v>44</v>
      </c>
      <c r="AL13662">
        <v>44</v>
      </c>
      <c r="AM13662">
        <v>45</v>
      </c>
      <c r="AN13662">
        <v>45</v>
      </c>
      <c r="AO13662">
        <v>45</v>
      </c>
      <c r="AP13662">
        <v>45</v>
      </c>
      <c r="AQ13662">
        <v>45</v>
      </c>
    </row>
    <row r="13663" spans="1:43">
      <c r="A13663" t="s">
        <v>8492</v>
      </c>
      <c r="B13663" t="s">
        <v>8493</v>
      </c>
      <c r="C13663" t="s">
        <v>8490</v>
      </c>
      <c r="D13663" t="s">
        <v>8491</v>
      </c>
      <c r="E13663" t="s">
        <v>8296</v>
      </c>
      <c r="F13663" t="s">
        <v>8297</v>
      </c>
      <c r="G13663" t="s">
        <v>80</v>
      </c>
      <c r="H13663" t="s">
        <v>81</v>
      </c>
      <c r="I13663" s="2">
        <v>0</v>
      </c>
      <c r="J13663" s="2">
        <v>1</v>
      </c>
      <c r="K13663" s="2">
        <v>0</v>
      </c>
      <c r="L13663" t="s">
        <v>82</v>
      </c>
      <c r="M13663" t="s">
        <v>87</v>
      </c>
      <c r="N13663" t="s">
        <v>88</v>
      </c>
      <c r="O13663" t="s">
        <v>85</v>
      </c>
      <c r="P13663" t="s">
        <v>86</v>
      </c>
      <c r="Q13663">
        <v>32</v>
      </c>
      <c r="R13663">
        <v>32</v>
      </c>
      <c r="S13663">
        <v>32</v>
      </c>
      <c r="T13663">
        <v>33</v>
      </c>
      <c r="U13663">
        <v>33</v>
      </c>
      <c r="V13663">
        <v>33</v>
      </c>
      <c r="W13663">
        <v>34</v>
      </c>
      <c r="X13663">
        <v>34</v>
      </c>
      <c r="Y13663">
        <v>34</v>
      </c>
      <c r="Z13663">
        <v>35</v>
      </c>
      <c r="AA13663">
        <v>35</v>
      </c>
      <c r="AB13663">
        <v>35</v>
      </c>
      <c r="AC13663">
        <v>35</v>
      </c>
      <c r="AD13663">
        <v>36</v>
      </c>
      <c r="AE13663">
        <v>36</v>
      </c>
      <c r="AF13663">
        <v>36</v>
      </c>
      <c r="AG13663">
        <v>37</v>
      </c>
      <c r="AH13663">
        <v>37</v>
      </c>
      <c r="AI13663">
        <v>37</v>
      </c>
      <c r="AJ13663">
        <v>37</v>
      </c>
      <c r="AK13663">
        <v>38</v>
      </c>
      <c r="AL13663">
        <v>38</v>
      </c>
      <c r="AM13663">
        <v>38</v>
      </c>
      <c r="AN13663">
        <v>39</v>
      </c>
      <c r="AO13663">
        <v>39</v>
      </c>
      <c r="AP13663">
        <v>39</v>
      </c>
      <c r="AQ13663">
        <v>39</v>
      </c>
    </row>
    <row r="13664" spans="1:43">
      <c r="A13664" t="s">
        <v>8492</v>
      </c>
      <c r="B13664" t="s">
        <v>8493</v>
      </c>
      <c r="C13664" t="s">
        <v>8490</v>
      </c>
      <c r="D13664" t="s">
        <v>8491</v>
      </c>
      <c r="E13664" t="s">
        <v>8296</v>
      </c>
      <c r="F13664" t="s">
        <v>8297</v>
      </c>
      <c r="G13664" t="s">
        <v>80</v>
      </c>
      <c r="H13664" t="s">
        <v>81</v>
      </c>
      <c r="I13664" s="2">
        <v>0</v>
      </c>
      <c r="J13664" s="2">
        <v>1</v>
      </c>
      <c r="K13664" s="2">
        <v>0</v>
      </c>
      <c r="L13664" t="s">
        <v>82</v>
      </c>
      <c r="M13664" t="s">
        <v>89</v>
      </c>
      <c r="N13664" t="s">
        <v>90</v>
      </c>
      <c r="O13664" t="s">
        <v>85</v>
      </c>
      <c r="P13664" t="s">
        <v>86</v>
      </c>
      <c r="Q13664">
        <v>32</v>
      </c>
      <c r="R13664">
        <v>33</v>
      </c>
      <c r="S13664">
        <v>34</v>
      </c>
      <c r="T13664">
        <v>35</v>
      </c>
      <c r="U13664">
        <v>36</v>
      </c>
      <c r="V13664">
        <v>37</v>
      </c>
      <c r="W13664">
        <v>38</v>
      </c>
      <c r="X13664">
        <v>38</v>
      </c>
      <c r="Y13664">
        <v>39</v>
      </c>
      <c r="Z13664">
        <v>40</v>
      </c>
      <c r="AA13664">
        <v>41</v>
      </c>
      <c r="AB13664">
        <v>41</v>
      </c>
      <c r="AC13664">
        <v>42</v>
      </c>
      <c r="AD13664">
        <v>43</v>
      </c>
      <c r="AE13664">
        <v>44</v>
      </c>
      <c r="AF13664">
        <v>44</v>
      </c>
      <c r="AG13664">
        <v>44</v>
      </c>
      <c r="AH13664">
        <v>44</v>
      </c>
      <c r="AI13664">
        <v>44</v>
      </c>
      <c r="AJ13664">
        <v>44</v>
      </c>
      <c r="AK13664">
        <v>45</v>
      </c>
      <c r="AL13664">
        <v>45</v>
      </c>
      <c r="AM13664">
        <v>45</v>
      </c>
      <c r="AN13664">
        <v>45</v>
      </c>
      <c r="AO13664">
        <v>45</v>
      </c>
      <c r="AP13664">
        <v>45</v>
      </c>
      <c r="AQ13664">
        <v>46</v>
      </c>
    </row>
    <row r="13665" spans="1:43">
      <c r="A13665" t="s">
        <v>8492</v>
      </c>
      <c r="B13665" t="s">
        <v>8493</v>
      </c>
      <c r="C13665" t="s">
        <v>8490</v>
      </c>
      <c r="D13665" t="s">
        <v>8491</v>
      </c>
      <c r="E13665" t="s">
        <v>8296</v>
      </c>
      <c r="F13665" t="s">
        <v>8297</v>
      </c>
      <c r="G13665" t="s">
        <v>80</v>
      </c>
      <c r="H13665" t="s">
        <v>81</v>
      </c>
      <c r="I13665" s="2">
        <v>0</v>
      </c>
      <c r="J13665" s="2">
        <v>1</v>
      </c>
      <c r="K13665" s="2">
        <v>0</v>
      </c>
      <c r="L13665" t="s">
        <v>82</v>
      </c>
      <c r="M13665" t="s">
        <v>83</v>
      </c>
      <c r="N13665" t="s">
        <v>91</v>
      </c>
      <c r="O13665" t="s">
        <v>85</v>
      </c>
      <c r="P13665" t="s">
        <v>86</v>
      </c>
      <c r="Q13665">
        <v>32</v>
      </c>
      <c r="R13665">
        <v>33</v>
      </c>
      <c r="S13665">
        <v>33</v>
      </c>
      <c r="T13665">
        <v>34</v>
      </c>
      <c r="U13665">
        <v>35</v>
      </c>
      <c r="V13665">
        <v>35</v>
      </c>
      <c r="W13665">
        <v>36</v>
      </c>
      <c r="X13665">
        <v>36</v>
      </c>
      <c r="Y13665">
        <v>37</v>
      </c>
      <c r="Z13665">
        <v>38</v>
      </c>
      <c r="AA13665">
        <v>38</v>
      </c>
      <c r="AB13665">
        <v>39</v>
      </c>
      <c r="AC13665">
        <v>39</v>
      </c>
      <c r="AD13665">
        <v>40</v>
      </c>
      <c r="AE13665">
        <v>41</v>
      </c>
      <c r="AF13665">
        <v>41</v>
      </c>
      <c r="AG13665">
        <v>42</v>
      </c>
      <c r="AH13665">
        <v>42</v>
      </c>
      <c r="AI13665">
        <v>43</v>
      </c>
      <c r="AJ13665">
        <v>44</v>
      </c>
      <c r="AK13665">
        <v>44</v>
      </c>
      <c r="AL13665">
        <v>44</v>
      </c>
      <c r="AM13665">
        <v>45</v>
      </c>
      <c r="AN13665">
        <v>45</v>
      </c>
      <c r="AO13665">
        <v>45</v>
      </c>
      <c r="AP13665">
        <v>45</v>
      </c>
      <c r="AQ13665">
        <v>45</v>
      </c>
    </row>
    <row r="13666" spans="1:43">
      <c r="A13666" t="s">
        <v>8494</v>
      </c>
      <c r="B13666" t="s">
        <v>8495</v>
      </c>
      <c r="C13666" t="s">
        <v>8496</v>
      </c>
      <c r="D13666" t="s">
        <v>8497</v>
      </c>
      <c r="E13666" t="s">
        <v>8296</v>
      </c>
      <c r="F13666" t="s">
        <v>8297</v>
      </c>
      <c r="G13666" t="s">
        <v>80</v>
      </c>
      <c r="H13666" t="s">
        <v>81</v>
      </c>
      <c r="I13666" s="2">
        <v>0</v>
      </c>
      <c r="J13666" s="2">
        <v>1</v>
      </c>
      <c r="K13666" s="2">
        <v>0</v>
      </c>
      <c r="L13666" t="s">
        <v>82</v>
      </c>
      <c r="M13666" t="s">
        <v>83</v>
      </c>
      <c r="N13666" t="s">
        <v>84</v>
      </c>
      <c r="O13666" t="s">
        <v>85</v>
      </c>
      <c r="P13666" t="s">
        <v>86</v>
      </c>
      <c r="Q13666">
        <v>12</v>
      </c>
      <c r="R13666">
        <v>12</v>
      </c>
      <c r="S13666">
        <v>13</v>
      </c>
      <c r="T13666">
        <v>13</v>
      </c>
      <c r="U13666">
        <v>13</v>
      </c>
      <c r="V13666">
        <v>13</v>
      </c>
      <c r="W13666">
        <v>13</v>
      </c>
      <c r="X13666">
        <v>14</v>
      </c>
      <c r="Y13666">
        <v>14</v>
      </c>
      <c r="Z13666">
        <v>14</v>
      </c>
      <c r="AA13666">
        <v>14</v>
      </c>
      <c r="AB13666">
        <v>15</v>
      </c>
      <c r="AC13666">
        <v>15</v>
      </c>
      <c r="AD13666">
        <v>15</v>
      </c>
      <c r="AE13666">
        <v>15</v>
      </c>
      <c r="AF13666">
        <v>16</v>
      </c>
      <c r="AG13666">
        <v>16</v>
      </c>
      <c r="AH13666">
        <v>16</v>
      </c>
      <c r="AI13666">
        <v>16</v>
      </c>
      <c r="AJ13666">
        <v>16</v>
      </c>
      <c r="AK13666">
        <v>17</v>
      </c>
      <c r="AL13666">
        <v>17</v>
      </c>
      <c r="AM13666">
        <v>17</v>
      </c>
      <c r="AN13666">
        <v>17</v>
      </c>
      <c r="AO13666">
        <v>17</v>
      </c>
      <c r="AP13666">
        <v>17</v>
      </c>
      <c r="AQ13666">
        <v>17</v>
      </c>
    </row>
    <row r="13667" spans="1:43">
      <c r="A13667" t="s">
        <v>8494</v>
      </c>
      <c r="B13667" t="s">
        <v>8495</v>
      </c>
      <c r="C13667" t="s">
        <v>8496</v>
      </c>
      <c r="D13667" t="s">
        <v>8497</v>
      </c>
      <c r="E13667" t="s">
        <v>8296</v>
      </c>
      <c r="F13667" t="s">
        <v>8297</v>
      </c>
      <c r="G13667" t="s">
        <v>80</v>
      </c>
      <c r="H13667" t="s">
        <v>81</v>
      </c>
      <c r="I13667" s="2">
        <v>0</v>
      </c>
      <c r="J13667" s="2">
        <v>1</v>
      </c>
      <c r="K13667" s="2">
        <v>0</v>
      </c>
      <c r="L13667" t="s">
        <v>82</v>
      </c>
      <c r="M13667" t="s">
        <v>87</v>
      </c>
      <c r="N13667" t="s">
        <v>88</v>
      </c>
      <c r="O13667" t="s">
        <v>85</v>
      </c>
      <c r="P13667" t="s">
        <v>86</v>
      </c>
      <c r="Q13667">
        <v>12</v>
      </c>
      <c r="R13667">
        <v>12</v>
      </c>
      <c r="S13667">
        <v>12</v>
      </c>
      <c r="T13667">
        <v>12</v>
      </c>
      <c r="U13667">
        <v>12</v>
      </c>
      <c r="V13667">
        <v>13</v>
      </c>
      <c r="W13667">
        <v>13</v>
      </c>
      <c r="X13667">
        <v>13</v>
      </c>
      <c r="Y13667">
        <v>13</v>
      </c>
      <c r="Z13667">
        <v>13</v>
      </c>
      <c r="AA13667">
        <v>13</v>
      </c>
      <c r="AB13667">
        <v>13</v>
      </c>
      <c r="AC13667">
        <v>13</v>
      </c>
      <c r="AD13667">
        <v>13</v>
      </c>
      <c r="AE13667">
        <v>14</v>
      </c>
      <c r="AF13667">
        <v>14</v>
      </c>
      <c r="AG13667">
        <v>14</v>
      </c>
      <c r="AH13667">
        <v>14</v>
      </c>
      <c r="AI13667">
        <v>14</v>
      </c>
      <c r="AJ13667">
        <v>14</v>
      </c>
      <c r="AK13667">
        <v>14</v>
      </c>
      <c r="AL13667">
        <v>14</v>
      </c>
      <c r="AM13667">
        <v>14</v>
      </c>
      <c r="AN13667">
        <v>15</v>
      </c>
      <c r="AO13667">
        <v>15</v>
      </c>
      <c r="AP13667">
        <v>15</v>
      </c>
      <c r="AQ13667">
        <v>15</v>
      </c>
    </row>
    <row r="13668" spans="1:43">
      <c r="A13668" t="s">
        <v>8494</v>
      </c>
      <c r="B13668" t="s">
        <v>8495</v>
      </c>
      <c r="C13668" t="s">
        <v>8496</v>
      </c>
      <c r="D13668" t="s">
        <v>8497</v>
      </c>
      <c r="E13668" t="s">
        <v>8296</v>
      </c>
      <c r="F13668" t="s">
        <v>8297</v>
      </c>
      <c r="G13668" t="s">
        <v>80</v>
      </c>
      <c r="H13668" t="s">
        <v>81</v>
      </c>
      <c r="I13668" s="2">
        <v>0</v>
      </c>
      <c r="J13668" s="2">
        <v>1</v>
      </c>
      <c r="K13668" s="2">
        <v>0</v>
      </c>
      <c r="L13668" t="s">
        <v>82</v>
      </c>
      <c r="M13668" t="s">
        <v>89</v>
      </c>
      <c r="N13668" t="s">
        <v>90</v>
      </c>
      <c r="O13668" t="s">
        <v>85</v>
      </c>
      <c r="P13668" t="s">
        <v>86</v>
      </c>
      <c r="Q13668">
        <v>12</v>
      </c>
      <c r="R13668">
        <v>13</v>
      </c>
      <c r="S13668">
        <v>13</v>
      </c>
      <c r="T13668">
        <v>13</v>
      </c>
      <c r="U13668">
        <v>14</v>
      </c>
      <c r="V13668">
        <v>14</v>
      </c>
      <c r="W13668">
        <v>14</v>
      </c>
      <c r="X13668">
        <v>14</v>
      </c>
      <c r="Y13668">
        <v>15</v>
      </c>
      <c r="Z13668">
        <v>15</v>
      </c>
      <c r="AA13668">
        <v>15</v>
      </c>
      <c r="AB13668">
        <v>16</v>
      </c>
      <c r="AC13668">
        <v>16</v>
      </c>
      <c r="AD13668">
        <v>16</v>
      </c>
      <c r="AE13668">
        <v>16</v>
      </c>
      <c r="AF13668">
        <v>16</v>
      </c>
      <c r="AG13668">
        <v>17</v>
      </c>
      <c r="AH13668">
        <v>17</v>
      </c>
      <c r="AI13668">
        <v>17</v>
      </c>
      <c r="AJ13668">
        <v>17</v>
      </c>
      <c r="AK13668">
        <v>17</v>
      </c>
      <c r="AL13668">
        <v>17</v>
      </c>
      <c r="AM13668">
        <v>17</v>
      </c>
      <c r="AN13668">
        <v>17</v>
      </c>
      <c r="AO13668">
        <v>17</v>
      </c>
      <c r="AP13668">
        <v>17</v>
      </c>
      <c r="AQ13668">
        <v>17</v>
      </c>
    </row>
    <row r="13669" spans="1:43">
      <c r="A13669" t="s">
        <v>8494</v>
      </c>
      <c r="B13669" t="s">
        <v>8495</v>
      </c>
      <c r="C13669" t="s">
        <v>8496</v>
      </c>
      <c r="D13669" t="s">
        <v>8497</v>
      </c>
      <c r="E13669" t="s">
        <v>8296</v>
      </c>
      <c r="F13669" t="s">
        <v>8297</v>
      </c>
      <c r="G13669" t="s">
        <v>80</v>
      </c>
      <c r="H13669" t="s">
        <v>81</v>
      </c>
      <c r="I13669" s="2">
        <v>0</v>
      </c>
      <c r="J13669" s="2">
        <v>1</v>
      </c>
      <c r="K13669" s="2">
        <v>0</v>
      </c>
      <c r="L13669" t="s">
        <v>82</v>
      </c>
      <c r="M13669" t="s">
        <v>83</v>
      </c>
      <c r="N13669" t="s">
        <v>91</v>
      </c>
      <c r="O13669" t="s">
        <v>85</v>
      </c>
      <c r="P13669" t="s">
        <v>86</v>
      </c>
      <c r="Q13669">
        <v>12</v>
      </c>
      <c r="R13669">
        <v>12</v>
      </c>
      <c r="S13669">
        <v>13</v>
      </c>
      <c r="T13669">
        <v>13</v>
      </c>
      <c r="U13669">
        <v>13</v>
      </c>
      <c r="V13669">
        <v>13</v>
      </c>
      <c r="W13669">
        <v>13</v>
      </c>
      <c r="X13669">
        <v>14</v>
      </c>
      <c r="Y13669">
        <v>14</v>
      </c>
      <c r="Z13669">
        <v>14</v>
      </c>
      <c r="AA13669">
        <v>14</v>
      </c>
      <c r="AB13669">
        <v>15</v>
      </c>
      <c r="AC13669">
        <v>15</v>
      </c>
      <c r="AD13669">
        <v>15</v>
      </c>
      <c r="AE13669">
        <v>15</v>
      </c>
      <c r="AF13669">
        <v>16</v>
      </c>
      <c r="AG13669">
        <v>16</v>
      </c>
      <c r="AH13669">
        <v>16</v>
      </c>
      <c r="AI13669">
        <v>16</v>
      </c>
      <c r="AJ13669">
        <v>16</v>
      </c>
      <c r="AK13669">
        <v>17</v>
      </c>
      <c r="AL13669">
        <v>17</v>
      </c>
      <c r="AM13669">
        <v>17</v>
      </c>
      <c r="AN13669">
        <v>17</v>
      </c>
      <c r="AO13669">
        <v>17</v>
      </c>
      <c r="AP13669">
        <v>17</v>
      </c>
      <c r="AQ13669">
        <v>17</v>
      </c>
    </row>
    <row r="13670" spans="1:43">
      <c r="A13670" t="s">
        <v>8498</v>
      </c>
      <c r="B13670" t="s">
        <v>8499</v>
      </c>
      <c r="C13670" t="s">
        <v>8456</v>
      </c>
      <c r="D13670" t="s">
        <v>8457</v>
      </c>
      <c r="E13670" t="s">
        <v>8296</v>
      </c>
      <c r="F13670" t="s">
        <v>8297</v>
      </c>
      <c r="G13670" t="s">
        <v>80</v>
      </c>
      <c r="H13670" t="s">
        <v>81</v>
      </c>
      <c r="I13670" s="2">
        <v>0</v>
      </c>
      <c r="J13670" s="2">
        <v>1</v>
      </c>
      <c r="K13670" s="2">
        <v>0</v>
      </c>
      <c r="L13670" t="s">
        <v>82</v>
      </c>
      <c r="M13670" t="s">
        <v>83</v>
      </c>
      <c r="N13670" t="s">
        <v>84</v>
      </c>
      <c r="O13670" t="s">
        <v>85</v>
      </c>
      <c r="P13670" t="s">
        <v>86</v>
      </c>
      <c r="Q13670">
        <v>22</v>
      </c>
      <c r="R13670">
        <v>22</v>
      </c>
      <c r="S13670">
        <v>23</v>
      </c>
      <c r="T13670">
        <v>23</v>
      </c>
      <c r="U13670">
        <v>24</v>
      </c>
      <c r="V13670">
        <v>24</v>
      </c>
      <c r="W13670">
        <v>24</v>
      </c>
      <c r="X13670">
        <v>25</v>
      </c>
      <c r="Y13670">
        <v>25</v>
      </c>
      <c r="Z13670">
        <v>26</v>
      </c>
      <c r="AA13670">
        <v>26</v>
      </c>
      <c r="AB13670">
        <v>27</v>
      </c>
      <c r="AC13670">
        <v>27</v>
      </c>
      <c r="AD13670">
        <v>27</v>
      </c>
      <c r="AE13670">
        <v>28</v>
      </c>
      <c r="AF13670">
        <v>28</v>
      </c>
      <c r="AG13670">
        <v>29</v>
      </c>
      <c r="AH13670">
        <v>29</v>
      </c>
      <c r="AI13670">
        <v>29</v>
      </c>
      <c r="AJ13670">
        <v>30</v>
      </c>
      <c r="AK13670">
        <v>30</v>
      </c>
      <c r="AL13670">
        <v>30</v>
      </c>
      <c r="AM13670">
        <v>31</v>
      </c>
      <c r="AN13670">
        <v>31</v>
      </c>
      <c r="AO13670">
        <v>31</v>
      </c>
      <c r="AP13670">
        <v>31</v>
      </c>
      <c r="AQ13670">
        <v>31</v>
      </c>
    </row>
    <row r="13671" spans="1:43">
      <c r="A13671" t="s">
        <v>8498</v>
      </c>
      <c r="B13671" t="s">
        <v>8499</v>
      </c>
      <c r="C13671" t="s">
        <v>8456</v>
      </c>
      <c r="D13671" t="s">
        <v>8457</v>
      </c>
      <c r="E13671" t="s">
        <v>8296</v>
      </c>
      <c r="F13671" t="s">
        <v>8297</v>
      </c>
      <c r="G13671" t="s">
        <v>80</v>
      </c>
      <c r="H13671" t="s">
        <v>81</v>
      </c>
      <c r="I13671" s="2">
        <v>0</v>
      </c>
      <c r="J13671" s="2">
        <v>1</v>
      </c>
      <c r="K13671" s="2">
        <v>0</v>
      </c>
      <c r="L13671" t="s">
        <v>82</v>
      </c>
      <c r="M13671" t="s">
        <v>87</v>
      </c>
      <c r="N13671" t="s">
        <v>88</v>
      </c>
      <c r="O13671" t="s">
        <v>85</v>
      </c>
      <c r="P13671" t="s">
        <v>86</v>
      </c>
      <c r="Q13671">
        <v>22</v>
      </c>
      <c r="R13671">
        <v>22</v>
      </c>
      <c r="S13671">
        <v>22</v>
      </c>
      <c r="T13671">
        <v>22</v>
      </c>
      <c r="U13671">
        <v>23</v>
      </c>
      <c r="V13671">
        <v>23</v>
      </c>
      <c r="W13671">
        <v>23</v>
      </c>
      <c r="X13671">
        <v>23</v>
      </c>
      <c r="Y13671">
        <v>23</v>
      </c>
      <c r="Z13671">
        <v>24</v>
      </c>
      <c r="AA13671">
        <v>24</v>
      </c>
      <c r="AB13671">
        <v>24</v>
      </c>
      <c r="AC13671">
        <v>24</v>
      </c>
      <c r="AD13671">
        <v>24</v>
      </c>
      <c r="AE13671">
        <v>25</v>
      </c>
      <c r="AF13671">
        <v>25</v>
      </c>
      <c r="AG13671">
        <v>25</v>
      </c>
      <c r="AH13671">
        <v>25</v>
      </c>
      <c r="AI13671">
        <v>25</v>
      </c>
      <c r="AJ13671">
        <v>26</v>
      </c>
      <c r="AK13671">
        <v>26</v>
      </c>
      <c r="AL13671">
        <v>26</v>
      </c>
      <c r="AM13671">
        <v>26</v>
      </c>
      <c r="AN13671">
        <v>26</v>
      </c>
      <c r="AO13671">
        <v>26</v>
      </c>
      <c r="AP13671">
        <v>27</v>
      </c>
      <c r="AQ13671">
        <v>27</v>
      </c>
    </row>
    <row r="13672" spans="1:43">
      <c r="A13672" t="s">
        <v>8498</v>
      </c>
      <c r="B13672" t="s">
        <v>8499</v>
      </c>
      <c r="C13672" t="s">
        <v>8456</v>
      </c>
      <c r="D13672" t="s">
        <v>8457</v>
      </c>
      <c r="E13672" t="s">
        <v>8296</v>
      </c>
      <c r="F13672" t="s">
        <v>8297</v>
      </c>
      <c r="G13672" t="s">
        <v>80</v>
      </c>
      <c r="H13672" t="s">
        <v>81</v>
      </c>
      <c r="I13672" s="2">
        <v>0</v>
      </c>
      <c r="J13672" s="2">
        <v>1</v>
      </c>
      <c r="K13672" s="2">
        <v>0</v>
      </c>
      <c r="L13672" t="s">
        <v>82</v>
      </c>
      <c r="M13672" t="s">
        <v>89</v>
      </c>
      <c r="N13672" t="s">
        <v>90</v>
      </c>
      <c r="O13672" t="s">
        <v>85</v>
      </c>
      <c r="P13672" t="s">
        <v>86</v>
      </c>
      <c r="Q13672">
        <v>22</v>
      </c>
      <c r="R13672">
        <v>23</v>
      </c>
      <c r="S13672">
        <v>23</v>
      </c>
      <c r="T13672">
        <v>24</v>
      </c>
      <c r="U13672">
        <v>24</v>
      </c>
      <c r="V13672">
        <v>25</v>
      </c>
      <c r="W13672">
        <v>26</v>
      </c>
      <c r="X13672">
        <v>26</v>
      </c>
      <c r="Y13672">
        <v>27</v>
      </c>
      <c r="Z13672">
        <v>27</v>
      </c>
      <c r="AA13672">
        <v>28</v>
      </c>
      <c r="AB13672">
        <v>28</v>
      </c>
      <c r="AC13672">
        <v>29</v>
      </c>
      <c r="AD13672">
        <v>29</v>
      </c>
      <c r="AE13672">
        <v>30</v>
      </c>
      <c r="AF13672">
        <v>30</v>
      </c>
      <c r="AG13672">
        <v>30</v>
      </c>
      <c r="AH13672">
        <v>30</v>
      </c>
      <c r="AI13672">
        <v>30</v>
      </c>
      <c r="AJ13672">
        <v>30</v>
      </c>
      <c r="AK13672">
        <v>30</v>
      </c>
      <c r="AL13672">
        <v>31</v>
      </c>
      <c r="AM13672">
        <v>31</v>
      </c>
      <c r="AN13672">
        <v>31</v>
      </c>
      <c r="AO13672">
        <v>31</v>
      </c>
      <c r="AP13672">
        <v>31</v>
      </c>
      <c r="AQ13672">
        <v>31</v>
      </c>
    </row>
    <row r="13673" spans="1:43">
      <c r="A13673" t="s">
        <v>8498</v>
      </c>
      <c r="B13673" t="s">
        <v>8499</v>
      </c>
      <c r="C13673" t="s">
        <v>8456</v>
      </c>
      <c r="D13673" t="s">
        <v>8457</v>
      </c>
      <c r="E13673" t="s">
        <v>8296</v>
      </c>
      <c r="F13673" t="s">
        <v>8297</v>
      </c>
      <c r="G13673" t="s">
        <v>80</v>
      </c>
      <c r="H13673" t="s">
        <v>81</v>
      </c>
      <c r="I13673" s="2">
        <v>0</v>
      </c>
      <c r="J13673" s="2">
        <v>1</v>
      </c>
      <c r="K13673" s="2">
        <v>0</v>
      </c>
      <c r="L13673" t="s">
        <v>82</v>
      </c>
      <c r="M13673" t="s">
        <v>83</v>
      </c>
      <c r="N13673" t="s">
        <v>91</v>
      </c>
      <c r="O13673" t="s">
        <v>85</v>
      </c>
      <c r="P13673" t="s">
        <v>86</v>
      </c>
      <c r="Q13673">
        <v>22</v>
      </c>
      <c r="R13673">
        <v>22</v>
      </c>
      <c r="S13673">
        <v>23</v>
      </c>
      <c r="T13673">
        <v>23</v>
      </c>
      <c r="U13673">
        <v>24</v>
      </c>
      <c r="V13673">
        <v>24</v>
      </c>
      <c r="W13673">
        <v>24</v>
      </c>
      <c r="X13673">
        <v>25</v>
      </c>
      <c r="Y13673">
        <v>25</v>
      </c>
      <c r="Z13673">
        <v>26</v>
      </c>
      <c r="AA13673">
        <v>26</v>
      </c>
      <c r="AB13673">
        <v>27</v>
      </c>
      <c r="AC13673">
        <v>27</v>
      </c>
      <c r="AD13673">
        <v>27</v>
      </c>
      <c r="AE13673">
        <v>28</v>
      </c>
      <c r="AF13673">
        <v>28</v>
      </c>
      <c r="AG13673">
        <v>29</v>
      </c>
      <c r="AH13673">
        <v>29</v>
      </c>
      <c r="AI13673">
        <v>29</v>
      </c>
      <c r="AJ13673">
        <v>30</v>
      </c>
      <c r="AK13673">
        <v>30</v>
      </c>
      <c r="AL13673">
        <v>30</v>
      </c>
      <c r="AM13673">
        <v>31</v>
      </c>
      <c r="AN13673">
        <v>31</v>
      </c>
      <c r="AO13673">
        <v>31</v>
      </c>
      <c r="AP13673">
        <v>31</v>
      </c>
      <c r="AQ13673">
        <v>31</v>
      </c>
    </row>
    <row r="13674" spans="1:43">
      <c r="A13674" t="s">
        <v>8500</v>
      </c>
      <c r="B13674" t="s">
        <v>8501</v>
      </c>
      <c r="C13674" t="s">
        <v>8456</v>
      </c>
      <c r="D13674" t="s">
        <v>8457</v>
      </c>
      <c r="E13674" t="s">
        <v>8296</v>
      </c>
      <c r="F13674" t="s">
        <v>8297</v>
      </c>
      <c r="G13674" t="s">
        <v>80</v>
      </c>
      <c r="H13674" t="s">
        <v>81</v>
      </c>
      <c r="I13674" s="2">
        <v>0</v>
      </c>
      <c r="J13674" s="2">
        <v>1</v>
      </c>
      <c r="K13674" s="2">
        <v>0</v>
      </c>
      <c r="L13674" t="s">
        <v>82</v>
      </c>
      <c r="M13674" t="s">
        <v>83</v>
      </c>
      <c r="N13674" t="s">
        <v>84</v>
      </c>
      <c r="O13674" t="s">
        <v>85</v>
      </c>
      <c r="P13674" t="s">
        <v>86</v>
      </c>
      <c r="Q13674">
        <v>78</v>
      </c>
      <c r="R13674">
        <v>80</v>
      </c>
      <c r="S13674">
        <v>81</v>
      </c>
      <c r="T13674">
        <v>83</v>
      </c>
      <c r="U13674">
        <v>85</v>
      </c>
      <c r="V13674">
        <v>86</v>
      </c>
      <c r="W13674">
        <v>88</v>
      </c>
      <c r="X13674">
        <v>89</v>
      </c>
      <c r="Y13674">
        <v>91</v>
      </c>
      <c r="Z13674">
        <v>92</v>
      </c>
      <c r="AA13674">
        <v>94</v>
      </c>
      <c r="AB13674">
        <v>95</v>
      </c>
      <c r="AC13674">
        <v>97</v>
      </c>
      <c r="AD13674">
        <v>98</v>
      </c>
      <c r="AE13674">
        <v>100</v>
      </c>
      <c r="AF13674">
        <v>101</v>
      </c>
      <c r="AG13674">
        <v>103</v>
      </c>
      <c r="AH13674">
        <v>104</v>
      </c>
      <c r="AI13674">
        <v>105</v>
      </c>
      <c r="AJ13674">
        <v>107</v>
      </c>
      <c r="AK13674">
        <v>108</v>
      </c>
      <c r="AL13674">
        <v>109</v>
      </c>
      <c r="AM13674">
        <v>110</v>
      </c>
      <c r="AN13674">
        <v>110</v>
      </c>
      <c r="AO13674">
        <v>110</v>
      </c>
      <c r="AP13674">
        <v>111</v>
      </c>
      <c r="AQ13674">
        <v>111</v>
      </c>
    </row>
    <row r="13675" spans="1:43">
      <c r="A13675" t="s">
        <v>8500</v>
      </c>
      <c r="B13675" t="s">
        <v>8501</v>
      </c>
      <c r="C13675" t="s">
        <v>8456</v>
      </c>
      <c r="D13675" t="s">
        <v>8457</v>
      </c>
      <c r="E13675" t="s">
        <v>8296</v>
      </c>
      <c r="F13675" t="s">
        <v>8297</v>
      </c>
      <c r="G13675" t="s">
        <v>80</v>
      </c>
      <c r="H13675" t="s">
        <v>81</v>
      </c>
      <c r="I13675" s="2">
        <v>0</v>
      </c>
      <c r="J13675" s="2">
        <v>1</v>
      </c>
      <c r="K13675" s="2">
        <v>0</v>
      </c>
      <c r="L13675" t="s">
        <v>82</v>
      </c>
      <c r="M13675" t="s">
        <v>87</v>
      </c>
      <c r="N13675" t="s">
        <v>88</v>
      </c>
      <c r="O13675" t="s">
        <v>85</v>
      </c>
      <c r="P13675" t="s">
        <v>86</v>
      </c>
      <c r="Q13675">
        <v>78</v>
      </c>
      <c r="R13675">
        <v>78</v>
      </c>
      <c r="S13675">
        <v>79</v>
      </c>
      <c r="T13675">
        <v>80</v>
      </c>
      <c r="U13675">
        <v>81</v>
      </c>
      <c r="V13675">
        <v>82</v>
      </c>
      <c r="W13675">
        <v>82</v>
      </c>
      <c r="X13675">
        <v>83</v>
      </c>
      <c r="Y13675">
        <v>84</v>
      </c>
      <c r="Z13675">
        <v>85</v>
      </c>
      <c r="AA13675">
        <v>85</v>
      </c>
      <c r="AB13675">
        <v>86</v>
      </c>
      <c r="AC13675">
        <v>87</v>
      </c>
      <c r="AD13675">
        <v>87</v>
      </c>
      <c r="AE13675">
        <v>88</v>
      </c>
      <c r="AF13675">
        <v>89</v>
      </c>
      <c r="AG13675">
        <v>90</v>
      </c>
      <c r="AH13675">
        <v>90</v>
      </c>
      <c r="AI13675">
        <v>91</v>
      </c>
      <c r="AJ13675">
        <v>92</v>
      </c>
      <c r="AK13675">
        <v>92</v>
      </c>
      <c r="AL13675">
        <v>93</v>
      </c>
      <c r="AM13675">
        <v>94</v>
      </c>
      <c r="AN13675">
        <v>94</v>
      </c>
      <c r="AO13675">
        <v>95</v>
      </c>
      <c r="AP13675">
        <v>96</v>
      </c>
      <c r="AQ13675">
        <v>96</v>
      </c>
    </row>
    <row r="13676" spans="1:43">
      <c r="A13676" t="s">
        <v>8500</v>
      </c>
      <c r="B13676" t="s">
        <v>8501</v>
      </c>
      <c r="C13676" t="s">
        <v>8456</v>
      </c>
      <c r="D13676" t="s">
        <v>8457</v>
      </c>
      <c r="E13676" t="s">
        <v>8296</v>
      </c>
      <c r="F13676" t="s">
        <v>8297</v>
      </c>
      <c r="G13676" t="s">
        <v>80</v>
      </c>
      <c r="H13676" t="s">
        <v>81</v>
      </c>
      <c r="I13676" s="2">
        <v>0</v>
      </c>
      <c r="J13676" s="2">
        <v>1</v>
      </c>
      <c r="K13676" s="2">
        <v>0</v>
      </c>
      <c r="L13676" t="s">
        <v>82</v>
      </c>
      <c r="M13676" t="s">
        <v>89</v>
      </c>
      <c r="N13676" t="s">
        <v>90</v>
      </c>
      <c r="O13676" t="s">
        <v>85</v>
      </c>
      <c r="P13676" t="s">
        <v>86</v>
      </c>
      <c r="Q13676">
        <v>78</v>
      </c>
      <c r="R13676">
        <v>80</v>
      </c>
      <c r="S13676">
        <v>83</v>
      </c>
      <c r="T13676">
        <v>85</v>
      </c>
      <c r="U13676">
        <v>87</v>
      </c>
      <c r="V13676">
        <v>89</v>
      </c>
      <c r="W13676">
        <v>91</v>
      </c>
      <c r="X13676">
        <v>93</v>
      </c>
      <c r="Y13676">
        <v>95</v>
      </c>
      <c r="Z13676">
        <v>97</v>
      </c>
      <c r="AA13676">
        <v>99</v>
      </c>
      <c r="AB13676">
        <v>101</v>
      </c>
      <c r="AC13676">
        <v>103</v>
      </c>
      <c r="AD13676">
        <v>105</v>
      </c>
      <c r="AE13676">
        <v>106</v>
      </c>
      <c r="AF13676">
        <v>106</v>
      </c>
      <c r="AG13676">
        <v>107</v>
      </c>
      <c r="AH13676">
        <v>107</v>
      </c>
      <c r="AI13676">
        <v>108</v>
      </c>
      <c r="AJ13676">
        <v>108</v>
      </c>
      <c r="AK13676">
        <v>108</v>
      </c>
      <c r="AL13676">
        <v>109</v>
      </c>
      <c r="AM13676">
        <v>109</v>
      </c>
      <c r="AN13676">
        <v>110</v>
      </c>
      <c r="AO13676">
        <v>110</v>
      </c>
      <c r="AP13676">
        <v>110</v>
      </c>
      <c r="AQ13676">
        <v>111</v>
      </c>
    </row>
    <row r="13677" spans="1:43">
      <c r="A13677" t="s">
        <v>8500</v>
      </c>
      <c r="B13677" t="s">
        <v>8501</v>
      </c>
      <c r="C13677" t="s">
        <v>8456</v>
      </c>
      <c r="D13677" t="s">
        <v>8457</v>
      </c>
      <c r="E13677" t="s">
        <v>8296</v>
      </c>
      <c r="F13677" t="s">
        <v>8297</v>
      </c>
      <c r="G13677" t="s">
        <v>80</v>
      </c>
      <c r="H13677" t="s">
        <v>81</v>
      </c>
      <c r="I13677" s="2">
        <v>0</v>
      </c>
      <c r="J13677" s="2">
        <v>1</v>
      </c>
      <c r="K13677" s="2">
        <v>0</v>
      </c>
      <c r="L13677" t="s">
        <v>82</v>
      </c>
      <c r="M13677" t="s">
        <v>83</v>
      </c>
      <c r="N13677" t="s">
        <v>91</v>
      </c>
      <c r="O13677" t="s">
        <v>85</v>
      </c>
      <c r="P13677" t="s">
        <v>86</v>
      </c>
      <c r="Q13677">
        <v>78</v>
      </c>
      <c r="R13677">
        <v>80</v>
      </c>
      <c r="S13677">
        <v>81</v>
      </c>
      <c r="T13677">
        <v>83</v>
      </c>
      <c r="U13677">
        <v>85</v>
      </c>
      <c r="V13677">
        <v>86</v>
      </c>
      <c r="W13677">
        <v>88</v>
      </c>
      <c r="X13677">
        <v>89</v>
      </c>
      <c r="Y13677">
        <v>91</v>
      </c>
      <c r="Z13677">
        <v>92</v>
      </c>
      <c r="AA13677">
        <v>94</v>
      </c>
      <c r="AB13677">
        <v>95</v>
      </c>
      <c r="AC13677">
        <v>97</v>
      </c>
      <c r="AD13677">
        <v>98</v>
      </c>
      <c r="AE13677">
        <v>100</v>
      </c>
      <c r="AF13677">
        <v>101</v>
      </c>
      <c r="AG13677">
        <v>103</v>
      </c>
      <c r="AH13677">
        <v>104</v>
      </c>
      <c r="AI13677">
        <v>105</v>
      </c>
      <c r="AJ13677">
        <v>107</v>
      </c>
      <c r="AK13677">
        <v>108</v>
      </c>
      <c r="AL13677">
        <v>109</v>
      </c>
      <c r="AM13677">
        <v>110</v>
      </c>
      <c r="AN13677">
        <v>110</v>
      </c>
      <c r="AO13677">
        <v>110</v>
      </c>
      <c r="AP13677">
        <v>111</v>
      </c>
      <c r="AQ13677">
        <v>111</v>
      </c>
    </row>
    <row r="13678" spans="1:43">
      <c r="A13678" t="s">
        <v>8502</v>
      </c>
      <c r="B13678" t="s">
        <v>8503</v>
      </c>
      <c r="C13678" t="s">
        <v>8456</v>
      </c>
      <c r="D13678" t="s">
        <v>8457</v>
      </c>
      <c r="E13678" t="s">
        <v>8296</v>
      </c>
      <c r="F13678" t="s">
        <v>8297</v>
      </c>
      <c r="G13678" t="s">
        <v>80</v>
      </c>
      <c r="H13678" t="s">
        <v>81</v>
      </c>
      <c r="I13678" s="2">
        <v>0</v>
      </c>
      <c r="J13678" s="2">
        <v>1</v>
      </c>
      <c r="K13678" s="2">
        <v>0</v>
      </c>
      <c r="L13678" t="s">
        <v>82</v>
      </c>
      <c r="M13678" t="s">
        <v>83</v>
      </c>
      <c r="N13678" t="s">
        <v>84</v>
      </c>
      <c r="O13678" t="s">
        <v>85</v>
      </c>
      <c r="P13678" t="s">
        <v>86</v>
      </c>
      <c r="Q13678">
        <v>34</v>
      </c>
      <c r="R13678">
        <v>35</v>
      </c>
      <c r="S13678">
        <v>36</v>
      </c>
      <c r="T13678">
        <v>36</v>
      </c>
      <c r="U13678">
        <v>37</v>
      </c>
      <c r="V13678">
        <v>38</v>
      </c>
      <c r="W13678">
        <v>38</v>
      </c>
      <c r="X13678">
        <v>39</v>
      </c>
      <c r="Y13678">
        <v>40</v>
      </c>
      <c r="Z13678">
        <v>40</v>
      </c>
      <c r="AA13678">
        <v>41</v>
      </c>
      <c r="AB13678">
        <v>42</v>
      </c>
      <c r="AC13678">
        <v>42</v>
      </c>
      <c r="AD13678">
        <v>43</v>
      </c>
      <c r="AE13678">
        <v>44</v>
      </c>
      <c r="AF13678">
        <v>44</v>
      </c>
      <c r="AG13678">
        <v>45</v>
      </c>
      <c r="AH13678">
        <v>46</v>
      </c>
      <c r="AI13678">
        <v>46</v>
      </c>
      <c r="AJ13678">
        <v>47</v>
      </c>
      <c r="AK13678">
        <v>48</v>
      </c>
      <c r="AL13678">
        <v>48</v>
      </c>
      <c r="AM13678">
        <v>48</v>
      </c>
      <c r="AN13678">
        <v>48</v>
      </c>
      <c r="AO13678">
        <v>48</v>
      </c>
      <c r="AP13678">
        <v>49</v>
      </c>
      <c r="AQ13678">
        <v>49</v>
      </c>
    </row>
    <row r="13679" spans="1:43">
      <c r="A13679" t="s">
        <v>8502</v>
      </c>
      <c r="B13679" t="s">
        <v>8503</v>
      </c>
      <c r="C13679" t="s">
        <v>8456</v>
      </c>
      <c r="D13679" t="s">
        <v>8457</v>
      </c>
      <c r="E13679" t="s">
        <v>8296</v>
      </c>
      <c r="F13679" t="s">
        <v>8297</v>
      </c>
      <c r="G13679" t="s">
        <v>80</v>
      </c>
      <c r="H13679" t="s">
        <v>81</v>
      </c>
      <c r="I13679" s="2">
        <v>0</v>
      </c>
      <c r="J13679" s="2">
        <v>1</v>
      </c>
      <c r="K13679" s="2">
        <v>0</v>
      </c>
      <c r="L13679" t="s">
        <v>82</v>
      </c>
      <c r="M13679" t="s">
        <v>87</v>
      </c>
      <c r="N13679" t="s">
        <v>88</v>
      </c>
      <c r="O13679" t="s">
        <v>85</v>
      </c>
      <c r="P13679" t="s">
        <v>86</v>
      </c>
      <c r="Q13679">
        <v>34</v>
      </c>
      <c r="R13679">
        <v>34</v>
      </c>
      <c r="S13679">
        <v>35</v>
      </c>
      <c r="T13679">
        <v>35</v>
      </c>
      <c r="U13679">
        <v>35</v>
      </c>
      <c r="V13679">
        <v>36</v>
      </c>
      <c r="W13679">
        <v>36</v>
      </c>
      <c r="X13679">
        <v>36</v>
      </c>
      <c r="Y13679">
        <v>37</v>
      </c>
      <c r="Z13679">
        <v>37</v>
      </c>
      <c r="AA13679">
        <v>37</v>
      </c>
      <c r="AB13679">
        <v>38</v>
      </c>
      <c r="AC13679">
        <v>38</v>
      </c>
      <c r="AD13679">
        <v>38</v>
      </c>
      <c r="AE13679">
        <v>39</v>
      </c>
      <c r="AF13679">
        <v>39</v>
      </c>
      <c r="AG13679">
        <v>39</v>
      </c>
      <c r="AH13679">
        <v>40</v>
      </c>
      <c r="AI13679">
        <v>40</v>
      </c>
      <c r="AJ13679">
        <v>40</v>
      </c>
      <c r="AK13679">
        <v>40</v>
      </c>
      <c r="AL13679">
        <v>41</v>
      </c>
      <c r="AM13679">
        <v>41</v>
      </c>
      <c r="AN13679">
        <v>41</v>
      </c>
      <c r="AO13679">
        <v>42</v>
      </c>
      <c r="AP13679">
        <v>42</v>
      </c>
      <c r="AQ13679">
        <v>42</v>
      </c>
    </row>
    <row r="13680" spans="1:43">
      <c r="A13680" t="s">
        <v>8502</v>
      </c>
      <c r="B13680" t="s">
        <v>8503</v>
      </c>
      <c r="C13680" t="s">
        <v>8456</v>
      </c>
      <c r="D13680" t="s">
        <v>8457</v>
      </c>
      <c r="E13680" t="s">
        <v>8296</v>
      </c>
      <c r="F13680" t="s">
        <v>8297</v>
      </c>
      <c r="G13680" t="s">
        <v>80</v>
      </c>
      <c r="H13680" t="s">
        <v>81</v>
      </c>
      <c r="I13680" s="2">
        <v>0</v>
      </c>
      <c r="J13680" s="2">
        <v>1</v>
      </c>
      <c r="K13680" s="2">
        <v>0</v>
      </c>
      <c r="L13680" t="s">
        <v>82</v>
      </c>
      <c r="M13680" t="s">
        <v>89</v>
      </c>
      <c r="N13680" t="s">
        <v>90</v>
      </c>
      <c r="O13680" t="s">
        <v>85</v>
      </c>
      <c r="P13680" t="s">
        <v>86</v>
      </c>
      <c r="Q13680">
        <v>34</v>
      </c>
      <c r="R13680">
        <v>35</v>
      </c>
      <c r="S13680">
        <v>36</v>
      </c>
      <c r="T13680">
        <v>37</v>
      </c>
      <c r="U13680">
        <v>38</v>
      </c>
      <c r="V13680">
        <v>38</v>
      </c>
      <c r="W13680">
        <v>39</v>
      </c>
      <c r="X13680">
        <v>40</v>
      </c>
      <c r="Y13680">
        <v>41</v>
      </c>
      <c r="Z13680">
        <v>42</v>
      </c>
      <c r="AA13680">
        <v>43</v>
      </c>
      <c r="AB13680">
        <v>44</v>
      </c>
      <c r="AC13680">
        <v>44</v>
      </c>
      <c r="AD13680">
        <v>45</v>
      </c>
      <c r="AE13680">
        <v>46</v>
      </c>
      <c r="AF13680">
        <v>46</v>
      </c>
      <c r="AG13680">
        <v>46</v>
      </c>
      <c r="AH13680">
        <v>46</v>
      </c>
      <c r="AI13680">
        <v>47</v>
      </c>
      <c r="AJ13680">
        <v>47</v>
      </c>
      <c r="AK13680">
        <v>47</v>
      </c>
      <c r="AL13680">
        <v>47</v>
      </c>
      <c r="AM13680">
        <v>47</v>
      </c>
      <c r="AN13680">
        <v>47</v>
      </c>
      <c r="AO13680">
        <v>48</v>
      </c>
      <c r="AP13680">
        <v>48</v>
      </c>
      <c r="AQ13680">
        <v>48</v>
      </c>
    </row>
    <row r="13681" spans="1:43">
      <c r="A13681" t="s">
        <v>8502</v>
      </c>
      <c r="B13681" t="s">
        <v>8503</v>
      </c>
      <c r="C13681" t="s">
        <v>8456</v>
      </c>
      <c r="D13681" t="s">
        <v>8457</v>
      </c>
      <c r="E13681" t="s">
        <v>8296</v>
      </c>
      <c r="F13681" t="s">
        <v>8297</v>
      </c>
      <c r="G13681" t="s">
        <v>80</v>
      </c>
      <c r="H13681" t="s">
        <v>81</v>
      </c>
      <c r="I13681" s="2">
        <v>0</v>
      </c>
      <c r="J13681" s="2">
        <v>1</v>
      </c>
      <c r="K13681" s="2">
        <v>0</v>
      </c>
      <c r="L13681" t="s">
        <v>82</v>
      </c>
      <c r="M13681" t="s">
        <v>83</v>
      </c>
      <c r="N13681" t="s">
        <v>91</v>
      </c>
      <c r="O13681" t="s">
        <v>85</v>
      </c>
      <c r="P13681" t="s">
        <v>86</v>
      </c>
      <c r="Q13681">
        <v>34</v>
      </c>
      <c r="R13681">
        <v>35</v>
      </c>
      <c r="S13681">
        <v>36</v>
      </c>
      <c r="T13681">
        <v>36</v>
      </c>
      <c r="U13681">
        <v>37</v>
      </c>
      <c r="V13681">
        <v>38</v>
      </c>
      <c r="W13681">
        <v>38</v>
      </c>
      <c r="X13681">
        <v>39</v>
      </c>
      <c r="Y13681">
        <v>40</v>
      </c>
      <c r="Z13681">
        <v>40</v>
      </c>
      <c r="AA13681">
        <v>41</v>
      </c>
      <c r="AB13681">
        <v>42</v>
      </c>
      <c r="AC13681">
        <v>42</v>
      </c>
      <c r="AD13681">
        <v>43</v>
      </c>
      <c r="AE13681">
        <v>44</v>
      </c>
      <c r="AF13681">
        <v>44</v>
      </c>
      <c r="AG13681">
        <v>45</v>
      </c>
      <c r="AH13681">
        <v>46</v>
      </c>
      <c r="AI13681">
        <v>46</v>
      </c>
      <c r="AJ13681">
        <v>47</v>
      </c>
      <c r="AK13681">
        <v>48</v>
      </c>
      <c r="AL13681">
        <v>48</v>
      </c>
      <c r="AM13681">
        <v>48</v>
      </c>
      <c r="AN13681">
        <v>48</v>
      </c>
      <c r="AO13681">
        <v>48</v>
      </c>
      <c r="AP13681">
        <v>49</v>
      </c>
      <c r="AQ13681">
        <v>49</v>
      </c>
    </row>
    <row r="13682" spans="1:43">
      <c r="A13682" t="s">
        <v>8504</v>
      </c>
      <c r="B13682" t="s">
        <v>8505</v>
      </c>
      <c r="C13682" t="s">
        <v>8456</v>
      </c>
      <c r="D13682" t="s">
        <v>8457</v>
      </c>
      <c r="E13682" t="s">
        <v>8296</v>
      </c>
      <c r="F13682" t="s">
        <v>8297</v>
      </c>
      <c r="G13682" t="s">
        <v>80</v>
      </c>
      <c r="H13682" t="s">
        <v>81</v>
      </c>
      <c r="I13682" s="2">
        <v>0</v>
      </c>
      <c r="J13682" s="2">
        <v>1</v>
      </c>
      <c r="K13682" s="2">
        <v>0</v>
      </c>
      <c r="L13682" t="s">
        <v>82</v>
      </c>
      <c r="M13682" t="s">
        <v>83</v>
      </c>
      <c r="N13682" t="s">
        <v>84</v>
      </c>
      <c r="O13682" t="s">
        <v>85</v>
      </c>
      <c r="P13682" t="s">
        <v>86</v>
      </c>
      <c r="Q13682">
        <v>24</v>
      </c>
      <c r="R13682">
        <v>24</v>
      </c>
      <c r="S13682">
        <v>25</v>
      </c>
      <c r="T13682">
        <v>25</v>
      </c>
      <c r="U13682">
        <v>26</v>
      </c>
      <c r="V13682">
        <v>26</v>
      </c>
      <c r="W13682">
        <v>27</v>
      </c>
      <c r="X13682">
        <v>27</v>
      </c>
      <c r="Y13682">
        <v>28</v>
      </c>
      <c r="Z13682">
        <v>28</v>
      </c>
      <c r="AA13682">
        <v>28</v>
      </c>
      <c r="AB13682">
        <v>29</v>
      </c>
      <c r="AC13682">
        <v>29</v>
      </c>
      <c r="AD13682">
        <v>30</v>
      </c>
      <c r="AE13682">
        <v>30</v>
      </c>
      <c r="AF13682">
        <v>31</v>
      </c>
      <c r="AG13682">
        <v>31</v>
      </c>
      <c r="AH13682">
        <v>32</v>
      </c>
      <c r="AI13682">
        <v>32</v>
      </c>
      <c r="AJ13682">
        <v>32</v>
      </c>
      <c r="AK13682">
        <v>33</v>
      </c>
      <c r="AL13682">
        <v>33</v>
      </c>
      <c r="AM13682">
        <v>33</v>
      </c>
      <c r="AN13682">
        <v>33</v>
      </c>
      <c r="AO13682">
        <v>33</v>
      </c>
      <c r="AP13682">
        <v>34</v>
      </c>
      <c r="AQ13682">
        <v>34</v>
      </c>
    </row>
    <row r="13683" spans="1:43">
      <c r="A13683" t="s">
        <v>8504</v>
      </c>
      <c r="B13683" t="s">
        <v>8505</v>
      </c>
      <c r="C13683" t="s">
        <v>8456</v>
      </c>
      <c r="D13683" t="s">
        <v>8457</v>
      </c>
      <c r="E13683" t="s">
        <v>8296</v>
      </c>
      <c r="F13683" t="s">
        <v>8297</v>
      </c>
      <c r="G13683" t="s">
        <v>80</v>
      </c>
      <c r="H13683" t="s">
        <v>81</v>
      </c>
      <c r="I13683" s="2">
        <v>0</v>
      </c>
      <c r="J13683" s="2">
        <v>1</v>
      </c>
      <c r="K13683" s="2">
        <v>0</v>
      </c>
      <c r="L13683" t="s">
        <v>82</v>
      </c>
      <c r="M13683" t="s">
        <v>87</v>
      </c>
      <c r="N13683" t="s">
        <v>88</v>
      </c>
      <c r="O13683" t="s">
        <v>85</v>
      </c>
      <c r="P13683" t="s">
        <v>86</v>
      </c>
      <c r="Q13683">
        <v>24</v>
      </c>
      <c r="R13683">
        <v>24</v>
      </c>
      <c r="S13683">
        <v>24</v>
      </c>
      <c r="T13683">
        <v>24</v>
      </c>
      <c r="U13683">
        <v>25</v>
      </c>
      <c r="V13683">
        <v>25</v>
      </c>
      <c r="W13683">
        <v>25</v>
      </c>
      <c r="X13683">
        <v>25</v>
      </c>
      <c r="Y13683">
        <v>25</v>
      </c>
      <c r="Z13683">
        <v>26</v>
      </c>
      <c r="AA13683">
        <v>26</v>
      </c>
      <c r="AB13683">
        <v>26</v>
      </c>
      <c r="AC13683">
        <v>26</v>
      </c>
      <c r="AD13683">
        <v>27</v>
      </c>
      <c r="AE13683">
        <v>27</v>
      </c>
      <c r="AF13683">
        <v>27</v>
      </c>
      <c r="AG13683">
        <v>27</v>
      </c>
      <c r="AH13683">
        <v>27</v>
      </c>
      <c r="AI13683">
        <v>28</v>
      </c>
      <c r="AJ13683">
        <v>28</v>
      </c>
      <c r="AK13683">
        <v>28</v>
      </c>
      <c r="AL13683">
        <v>28</v>
      </c>
      <c r="AM13683">
        <v>28</v>
      </c>
      <c r="AN13683">
        <v>29</v>
      </c>
      <c r="AO13683">
        <v>29</v>
      </c>
      <c r="AP13683">
        <v>29</v>
      </c>
      <c r="AQ13683">
        <v>29</v>
      </c>
    </row>
    <row r="13684" spans="1:43">
      <c r="A13684" t="s">
        <v>8504</v>
      </c>
      <c r="B13684" t="s">
        <v>8505</v>
      </c>
      <c r="C13684" t="s">
        <v>8456</v>
      </c>
      <c r="D13684" t="s">
        <v>8457</v>
      </c>
      <c r="E13684" t="s">
        <v>8296</v>
      </c>
      <c r="F13684" t="s">
        <v>8297</v>
      </c>
      <c r="G13684" t="s">
        <v>80</v>
      </c>
      <c r="H13684" t="s">
        <v>81</v>
      </c>
      <c r="I13684" s="2">
        <v>0</v>
      </c>
      <c r="J13684" s="2">
        <v>1</v>
      </c>
      <c r="K13684" s="2">
        <v>0</v>
      </c>
      <c r="L13684" t="s">
        <v>82</v>
      </c>
      <c r="M13684" t="s">
        <v>89</v>
      </c>
      <c r="N13684" t="s">
        <v>90</v>
      </c>
      <c r="O13684" t="s">
        <v>85</v>
      </c>
      <c r="P13684" t="s">
        <v>86</v>
      </c>
      <c r="Q13684">
        <v>24</v>
      </c>
      <c r="R13684">
        <v>25</v>
      </c>
      <c r="S13684">
        <v>25</v>
      </c>
      <c r="T13684">
        <v>26</v>
      </c>
      <c r="U13684">
        <v>27</v>
      </c>
      <c r="V13684">
        <v>27</v>
      </c>
      <c r="W13684">
        <v>28</v>
      </c>
      <c r="X13684">
        <v>29</v>
      </c>
      <c r="Y13684">
        <v>29</v>
      </c>
      <c r="Z13684">
        <v>30</v>
      </c>
      <c r="AA13684">
        <v>30</v>
      </c>
      <c r="AB13684">
        <v>31</v>
      </c>
      <c r="AC13684">
        <v>31</v>
      </c>
      <c r="AD13684">
        <v>32</v>
      </c>
      <c r="AE13684">
        <v>32</v>
      </c>
      <c r="AF13684">
        <v>33</v>
      </c>
      <c r="AG13684">
        <v>33</v>
      </c>
      <c r="AH13684">
        <v>33</v>
      </c>
      <c r="AI13684">
        <v>33</v>
      </c>
      <c r="AJ13684">
        <v>33</v>
      </c>
      <c r="AK13684">
        <v>33</v>
      </c>
      <c r="AL13684">
        <v>33</v>
      </c>
      <c r="AM13684">
        <v>33</v>
      </c>
      <c r="AN13684">
        <v>34</v>
      </c>
      <c r="AO13684">
        <v>34</v>
      </c>
      <c r="AP13684">
        <v>34</v>
      </c>
      <c r="AQ13684">
        <v>34</v>
      </c>
    </row>
    <row r="13685" spans="1:43">
      <c r="A13685" t="s">
        <v>8504</v>
      </c>
      <c r="B13685" t="s">
        <v>8505</v>
      </c>
      <c r="C13685" t="s">
        <v>8456</v>
      </c>
      <c r="D13685" t="s">
        <v>8457</v>
      </c>
      <c r="E13685" t="s">
        <v>8296</v>
      </c>
      <c r="F13685" t="s">
        <v>8297</v>
      </c>
      <c r="G13685" t="s">
        <v>80</v>
      </c>
      <c r="H13685" t="s">
        <v>81</v>
      </c>
      <c r="I13685" s="2">
        <v>0</v>
      </c>
      <c r="J13685" s="2">
        <v>1</v>
      </c>
      <c r="K13685" s="2">
        <v>0</v>
      </c>
      <c r="L13685" t="s">
        <v>82</v>
      </c>
      <c r="M13685" t="s">
        <v>83</v>
      </c>
      <c r="N13685" t="s">
        <v>91</v>
      </c>
      <c r="O13685" t="s">
        <v>85</v>
      </c>
      <c r="P13685" t="s">
        <v>86</v>
      </c>
      <c r="Q13685">
        <v>24</v>
      </c>
      <c r="R13685">
        <v>24</v>
      </c>
      <c r="S13685">
        <v>25</v>
      </c>
      <c r="T13685">
        <v>25</v>
      </c>
      <c r="U13685">
        <v>26</v>
      </c>
      <c r="V13685">
        <v>26</v>
      </c>
      <c r="W13685">
        <v>27</v>
      </c>
      <c r="X13685">
        <v>27</v>
      </c>
      <c r="Y13685">
        <v>28</v>
      </c>
      <c r="Z13685">
        <v>28</v>
      </c>
      <c r="AA13685">
        <v>28</v>
      </c>
      <c r="AB13685">
        <v>29</v>
      </c>
      <c r="AC13685">
        <v>29</v>
      </c>
      <c r="AD13685">
        <v>30</v>
      </c>
      <c r="AE13685">
        <v>30</v>
      </c>
      <c r="AF13685">
        <v>31</v>
      </c>
      <c r="AG13685">
        <v>31</v>
      </c>
      <c r="AH13685">
        <v>32</v>
      </c>
      <c r="AI13685">
        <v>32</v>
      </c>
      <c r="AJ13685">
        <v>32</v>
      </c>
      <c r="AK13685">
        <v>33</v>
      </c>
      <c r="AL13685">
        <v>33</v>
      </c>
      <c r="AM13685">
        <v>33</v>
      </c>
      <c r="AN13685">
        <v>33</v>
      </c>
      <c r="AO13685">
        <v>33</v>
      </c>
      <c r="AP13685">
        <v>34</v>
      </c>
      <c r="AQ13685">
        <v>34</v>
      </c>
    </row>
    <row r="13686" spans="1:43">
      <c r="A13686" t="s">
        <v>8506</v>
      </c>
      <c r="B13686" t="s">
        <v>8507</v>
      </c>
      <c r="C13686" t="s">
        <v>8452</v>
      </c>
      <c r="D13686" t="s">
        <v>8453</v>
      </c>
      <c r="E13686" t="s">
        <v>8296</v>
      </c>
      <c r="F13686" t="s">
        <v>8297</v>
      </c>
      <c r="G13686" t="s">
        <v>80</v>
      </c>
      <c r="H13686" t="s">
        <v>81</v>
      </c>
      <c r="I13686" s="2">
        <v>0</v>
      </c>
      <c r="J13686" s="2">
        <v>1</v>
      </c>
      <c r="K13686" s="2">
        <v>0</v>
      </c>
      <c r="L13686" t="s">
        <v>82</v>
      </c>
      <c r="M13686" t="s">
        <v>83</v>
      </c>
      <c r="N13686" t="s">
        <v>84</v>
      </c>
      <c r="O13686" t="s">
        <v>85</v>
      </c>
      <c r="P13686" t="s">
        <v>86</v>
      </c>
      <c r="Q13686">
        <v>25</v>
      </c>
      <c r="R13686">
        <v>25</v>
      </c>
      <c r="S13686">
        <v>26</v>
      </c>
      <c r="T13686">
        <v>26</v>
      </c>
      <c r="U13686">
        <v>26</v>
      </c>
      <c r="V13686">
        <v>27</v>
      </c>
      <c r="W13686">
        <v>27</v>
      </c>
      <c r="X13686">
        <v>28</v>
      </c>
      <c r="Y13686">
        <v>28</v>
      </c>
      <c r="Z13686">
        <v>29</v>
      </c>
      <c r="AA13686">
        <v>29</v>
      </c>
      <c r="AB13686">
        <v>30</v>
      </c>
      <c r="AC13686">
        <v>30</v>
      </c>
      <c r="AD13686">
        <v>31</v>
      </c>
      <c r="AE13686">
        <v>31</v>
      </c>
      <c r="AF13686">
        <v>32</v>
      </c>
      <c r="AG13686">
        <v>32</v>
      </c>
      <c r="AH13686">
        <v>33</v>
      </c>
      <c r="AI13686">
        <v>33</v>
      </c>
      <c r="AJ13686">
        <v>33</v>
      </c>
      <c r="AK13686">
        <v>34</v>
      </c>
      <c r="AL13686">
        <v>34</v>
      </c>
      <c r="AM13686">
        <v>34</v>
      </c>
      <c r="AN13686">
        <v>34</v>
      </c>
      <c r="AO13686">
        <v>34</v>
      </c>
      <c r="AP13686">
        <v>35</v>
      </c>
      <c r="AQ13686">
        <v>35</v>
      </c>
    </row>
    <row r="13687" spans="1:43">
      <c r="A13687" t="s">
        <v>8506</v>
      </c>
      <c r="B13687" t="s">
        <v>8507</v>
      </c>
      <c r="C13687" t="s">
        <v>8452</v>
      </c>
      <c r="D13687" t="s">
        <v>8453</v>
      </c>
      <c r="E13687" t="s">
        <v>8296</v>
      </c>
      <c r="F13687" t="s">
        <v>8297</v>
      </c>
      <c r="G13687" t="s">
        <v>80</v>
      </c>
      <c r="H13687" t="s">
        <v>81</v>
      </c>
      <c r="I13687" s="2">
        <v>0</v>
      </c>
      <c r="J13687" s="2">
        <v>1</v>
      </c>
      <c r="K13687" s="2">
        <v>0</v>
      </c>
      <c r="L13687" t="s">
        <v>82</v>
      </c>
      <c r="M13687" t="s">
        <v>87</v>
      </c>
      <c r="N13687" t="s">
        <v>88</v>
      </c>
      <c r="O13687" t="s">
        <v>85</v>
      </c>
      <c r="P13687" t="s">
        <v>86</v>
      </c>
      <c r="Q13687">
        <v>25</v>
      </c>
      <c r="R13687">
        <v>26</v>
      </c>
      <c r="S13687">
        <v>26</v>
      </c>
      <c r="T13687">
        <v>26</v>
      </c>
      <c r="U13687">
        <v>26</v>
      </c>
      <c r="V13687">
        <v>27</v>
      </c>
      <c r="W13687">
        <v>27</v>
      </c>
      <c r="X13687">
        <v>27</v>
      </c>
      <c r="Y13687">
        <v>27</v>
      </c>
      <c r="Z13687">
        <v>27</v>
      </c>
      <c r="AA13687">
        <v>28</v>
      </c>
      <c r="AB13687">
        <v>28</v>
      </c>
      <c r="AC13687">
        <v>28</v>
      </c>
      <c r="AD13687">
        <v>28</v>
      </c>
      <c r="AE13687">
        <v>29</v>
      </c>
      <c r="AF13687">
        <v>29</v>
      </c>
      <c r="AG13687">
        <v>29</v>
      </c>
      <c r="AH13687">
        <v>29</v>
      </c>
      <c r="AI13687">
        <v>30</v>
      </c>
      <c r="AJ13687">
        <v>30</v>
      </c>
      <c r="AK13687">
        <v>30</v>
      </c>
      <c r="AL13687">
        <v>30</v>
      </c>
      <c r="AM13687">
        <v>30</v>
      </c>
      <c r="AN13687">
        <v>31</v>
      </c>
      <c r="AO13687">
        <v>31</v>
      </c>
      <c r="AP13687">
        <v>31</v>
      </c>
      <c r="AQ13687">
        <v>31</v>
      </c>
    </row>
    <row r="13688" spans="1:43">
      <c r="A13688" t="s">
        <v>8506</v>
      </c>
      <c r="B13688" t="s">
        <v>8507</v>
      </c>
      <c r="C13688" t="s">
        <v>8452</v>
      </c>
      <c r="D13688" t="s">
        <v>8453</v>
      </c>
      <c r="E13688" t="s">
        <v>8296</v>
      </c>
      <c r="F13688" t="s">
        <v>8297</v>
      </c>
      <c r="G13688" t="s">
        <v>80</v>
      </c>
      <c r="H13688" t="s">
        <v>81</v>
      </c>
      <c r="I13688" s="2">
        <v>0</v>
      </c>
      <c r="J13688" s="2">
        <v>1</v>
      </c>
      <c r="K13688" s="2">
        <v>0</v>
      </c>
      <c r="L13688" t="s">
        <v>82</v>
      </c>
      <c r="M13688" t="s">
        <v>89</v>
      </c>
      <c r="N13688" t="s">
        <v>90</v>
      </c>
      <c r="O13688" t="s">
        <v>85</v>
      </c>
      <c r="P13688" t="s">
        <v>86</v>
      </c>
      <c r="Q13688">
        <v>25</v>
      </c>
      <c r="R13688">
        <v>25</v>
      </c>
      <c r="S13688">
        <v>26</v>
      </c>
      <c r="T13688">
        <v>27</v>
      </c>
      <c r="U13688">
        <v>28</v>
      </c>
      <c r="V13688">
        <v>28</v>
      </c>
      <c r="W13688">
        <v>29</v>
      </c>
      <c r="X13688">
        <v>29</v>
      </c>
      <c r="Y13688">
        <v>30</v>
      </c>
      <c r="Z13688">
        <v>31</v>
      </c>
      <c r="AA13688">
        <v>31</v>
      </c>
      <c r="AB13688">
        <v>32</v>
      </c>
      <c r="AC13688">
        <v>32</v>
      </c>
      <c r="AD13688">
        <v>33</v>
      </c>
      <c r="AE13688">
        <v>33</v>
      </c>
      <c r="AF13688">
        <v>33</v>
      </c>
      <c r="AG13688">
        <v>34</v>
      </c>
      <c r="AH13688">
        <v>34</v>
      </c>
      <c r="AI13688">
        <v>34</v>
      </c>
      <c r="AJ13688">
        <v>34</v>
      </c>
      <c r="AK13688">
        <v>34</v>
      </c>
      <c r="AL13688">
        <v>34</v>
      </c>
      <c r="AM13688">
        <v>34</v>
      </c>
      <c r="AN13688">
        <v>34</v>
      </c>
      <c r="AO13688">
        <v>35</v>
      </c>
      <c r="AP13688">
        <v>35</v>
      </c>
      <c r="AQ13688">
        <v>35</v>
      </c>
    </row>
    <row r="13689" spans="1:43">
      <c r="A13689" t="s">
        <v>8506</v>
      </c>
      <c r="B13689" t="s">
        <v>8507</v>
      </c>
      <c r="C13689" t="s">
        <v>8452</v>
      </c>
      <c r="D13689" t="s">
        <v>8453</v>
      </c>
      <c r="E13689" t="s">
        <v>8296</v>
      </c>
      <c r="F13689" t="s">
        <v>8297</v>
      </c>
      <c r="G13689" t="s">
        <v>80</v>
      </c>
      <c r="H13689" t="s">
        <v>81</v>
      </c>
      <c r="I13689" s="2">
        <v>0</v>
      </c>
      <c r="J13689" s="2">
        <v>1</v>
      </c>
      <c r="K13689" s="2">
        <v>0</v>
      </c>
      <c r="L13689" t="s">
        <v>82</v>
      </c>
      <c r="M13689" t="s">
        <v>83</v>
      </c>
      <c r="N13689" t="s">
        <v>91</v>
      </c>
      <c r="O13689" t="s">
        <v>85</v>
      </c>
      <c r="P13689" t="s">
        <v>86</v>
      </c>
      <c r="Q13689">
        <v>25</v>
      </c>
      <c r="R13689">
        <v>25</v>
      </c>
      <c r="S13689">
        <v>26</v>
      </c>
      <c r="T13689">
        <v>26</v>
      </c>
      <c r="U13689">
        <v>26</v>
      </c>
      <c r="V13689">
        <v>27</v>
      </c>
      <c r="W13689">
        <v>27</v>
      </c>
      <c r="X13689">
        <v>28</v>
      </c>
      <c r="Y13689">
        <v>28</v>
      </c>
      <c r="Z13689">
        <v>29</v>
      </c>
      <c r="AA13689">
        <v>29</v>
      </c>
      <c r="AB13689">
        <v>30</v>
      </c>
      <c r="AC13689">
        <v>30</v>
      </c>
      <c r="AD13689">
        <v>31</v>
      </c>
      <c r="AE13689">
        <v>31</v>
      </c>
      <c r="AF13689">
        <v>32</v>
      </c>
      <c r="AG13689">
        <v>32</v>
      </c>
      <c r="AH13689">
        <v>33</v>
      </c>
      <c r="AI13689">
        <v>33</v>
      </c>
      <c r="AJ13689">
        <v>33</v>
      </c>
      <c r="AK13689">
        <v>34</v>
      </c>
      <c r="AL13689">
        <v>34</v>
      </c>
      <c r="AM13689">
        <v>34</v>
      </c>
      <c r="AN13689">
        <v>34</v>
      </c>
      <c r="AO13689">
        <v>34</v>
      </c>
      <c r="AP13689">
        <v>35</v>
      </c>
      <c r="AQ13689">
        <v>35</v>
      </c>
    </row>
    <row r="13690" spans="1:43">
      <c r="A13690" t="s">
        <v>8508</v>
      </c>
      <c r="B13690" t="s">
        <v>8509</v>
      </c>
      <c r="C13690" t="s">
        <v>8510</v>
      </c>
      <c r="D13690" t="s">
        <v>8511</v>
      </c>
      <c r="E13690" t="s">
        <v>8296</v>
      </c>
      <c r="F13690" t="s">
        <v>8297</v>
      </c>
      <c r="G13690" t="s">
        <v>80</v>
      </c>
      <c r="H13690" t="s">
        <v>81</v>
      </c>
      <c r="I13690" s="2">
        <v>0</v>
      </c>
      <c r="J13690" s="2">
        <v>1</v>
      </c>
      <c r="K13690" s="2">
        <v>0</v>
      </c>
      <c r="L13690" t="s">
        <v>82</v>
      </c>
      <c r="M13690" t="s">
        <v>83</v>
      </c>
      <c r="N13690" t="s">
        <v>84</v>
      </c>
      <c r="O13690" t="s">
        <v>85</v>
      </c>
      <c r="P13690" t="s">
        <v>86</v>
      </c>
      <c r="Q13690">
        <v>49</v>
      </c>
      <c r="R13690">
        <v>49</v>
      </c>
      <c r="S13690">
        <v>50</v>
      </c>
      <c r="T13690">
        <v>51</v>
      </c>
      <c r="U13690">
        <v>52</v>
      </c>
      <c r="V13690">
        <v>53</v>
      </c>
      <c r="W13690">
        <v>54</v>
      </c>
      <c r="X13690">
        <v>55</v>
      </c>
      <c r="Y13690">
        <v>56</v>
      </c>
      <c r="Z13690">
        <v>57</v>
      </c>
      <c r="AA13690">
        <v>58</v>
      </c>
      <c r="AB13690">
        <v>59</v>
      </c>
      <c r="AC13690">
        <v>60</v>
      </c>
      <c r="AD13690">
        <v>61</v>
      </c>
      <c r="AE13690">
        <v>61</v>
      </c>
      <c r="AF13690">
        <v>62</v>
      </c>
      <c r="AG13690">
        <v>63</v>
      </c>
      <c r="AH13690">
        <v>64</v>
      </c>
      <c r="AI13690">
        <v>65</v>
      </c>
      <c r="AJ13690">
        <v>66</v>
      </c>
      <c r="AK13690">
        <v>67</v>
      </c>
      <c r="AL13690">
        <v>67</v>
      </c>
      <c r="AM13690">
        <v>67</v>
      </c>
      <c r="AN13690">
        <v>68</v>
      </c>
      <c r="AO13690">
        <v>68</v>
      </c>
      <c r="AP13690">
        <v>68</v>
      </c>
      <c r="AQ13690">
        <v>69</v>
      </c>
    </row>
    <row r="13691" spans="1:43">
      <c r="A13691" t="s">
        <v>8508</v>
      </c>
      <c r="B13691" t="s">
        <v>8509</v>
      </c>
      <c r="C13691" t="s">
        <v>8510</v>
      </c>
      <c r="D13691" t="s">
        <v>8511</v>
      </c>
      <c r="E13691" t="s">
        <v>8296</v>
      </c>
      <c r="F13691" t="s">
        <v>8297</v>
      </c>
      <c r="G13691" t="s">
        <v>80</v>
      </c>
      <c r="H13691" t="s">
        <v>81</v>
      </c>
      <c r="I13691" s="2">
        <v>0</v>
      </c>
      <c r="J13691" s="2">
        <v>1</v>
      </c>
      <c r="K13691" s="2">
        <v>0</v>
      </c>
      <c r="L13691" t="s">
        <v>82</v>
      </c>
      <c r="M13691" t="s">
        <v>87</v>
      </c>
      <c r="N13691" t="s">
        <v>88</v>
      </c>
      <c r="O13691" t="s">
        <v>85</v>
      </c>
      <c r="P13691" t="s">
        <v>86</v>
      </c>
      <c r="Q13691">
        <v>49</v>
      </c>
      <c r="R13691">
        <v>50</v>
      </c>
      <c r="S13691">
        <v>50</v>
      </c>
      <c r="T13691">
        <v>50</v>
      </c>
      <c r="U13691">
        <v>51</v>
      </c>
      <c r="V13691">
        <v>51</v>
      </c>
      <c r="W13691">
        <v>52</v>
      </c>
      <c r="X13691">
        <v>52</v>
      </c>
      <c r="Y13691">
        <v>53</v>
      </c>
      <c r="Z13691">
        <v>53</v>
      </c>
      <c r="AA13691">
        <v>54</v>
      </c>
      <c r="AB13691">
        <v>54</v>
      </c>
      <c r="AC13691">
        <v>54</v>
      </c>
      <c r="AD13691">
        <v>55</v>
      </c>
      <c r="AE13691">
        <v>55</v>
      </c>
      <c r="AF13691">
        <v>56</v>
      </c>
      <c r="AG13691">
        <v>56</v>
      </c>
      <c r="AH13691">
        <v>57</v>
      </c>
      <c r="AI13691">
        <v>57</v>
      </c>
      <c r="AJ13691">
        <v>57</v>
      </c>
      <c r="AK13691">
        <v>58</v>
      </c>
      <c r="AL13691">
        <v>58</v>
      </c>
      <c r="AM13691">
        <v>59</v>
      </c>
      <c r="AN13691">
        <v>59</v>
      </c>
      <c r="AO13691">
        <v>59</v>
      </c>
      <c r="AP13691">
        <v>60</v>
      </c>
      <c r="AQ13691">
        <v>60</v>
      </c>
    </row>
    <row r="13692" spans="1:43">
      <c r="A13692" t="s">
        <v>8508</v>
      </c>
      <c r="B13692" t="s">
        <v>8509</v>
      </c>
      <c r="C13692" t="s">
        <v>8510</v>
      </c>
      <c r="D13692" t="s">
        <v>8511</v>
      </c>
      <c r="E13692" t="s">
        <v>8296</v>
      </c>
      <c r="F13692" t="s">
        <v>8297</v>
      </c>
      <c r="G13692" t="s">
        <v>80</v>
      </c>
      <c r="H13692" t="s">
        <v>81</v>
      </c>
      <c r="I13692" s="2">
        <v>0</v>
      </c>
      <c r="J13692" s="2">
        <v>1</v>
      </c>
      <c r="K13692" s="2">
        <v>0</v>
      </c>
      <c r="L13692" t="s">
        <v>82</v>
      </c>
      <c r="M13692" t="s">
        <v>89</v>
      </c>
      <c r="N13692" t="s">
        <v>90</v>
      </c>
      <c r="O13692" t="s">
        <v>85</v>
      </c>
      <c r="P13692" t="s">
        <v>86</v>
      </c>
      <c r="Q13692">
        <v>49</v>
      </c>
      <c r="R13692">
        <v>50</v>
      </c>
      <c r="S13692">
        <v>52</v>
      </c>
      <c r="T13692">
        <v>53</v>
      </c>
      <c r="U13692">
        <v>54</v>
      </c>
      <c r="V13692">
        <v>56</v>
      </c>
      <c r="W13692">
        <v>57</v>
      </c>
      <c r="X13692">
        <v>58</v>
      </c>
      <c r="Y13692">
        <v>59</v>
      </c>
      <c r="Z13692">
        <v>60</v>
      </c>
      <c r="AA13692">
        <v>62</v>
      </c>
      <c r="AB13692">
        <v>63</v>
      </c>
      <c r="AC13692">
        <v>64</v>
      </c>
      <c r="AD13692">
        <v>65</v>
      </c>
      <c r="AE13692">
        <v>66</v>
      </c>
      <c r="AF13692">
        <v>66</v>
      </c>
      <c r="AG13692">
        <v>66</v>
      </c>
      <c r="AH13692">
        <v>67</v>
      </c>
      <c r="AI13692">
        <v>67</v>
      </c>
      <c r="AJ13692">
        <v>67</v>
      </c>
      <c r="AK13692">
        <v>68</v>
      </c>
      <c r="AL13692">
        <v>68</v>
      </c>
      <c r="AM13692">
        <v>68</v>
      </c>
      <c r="AN13692">
        <v>68</v>
      </c>
      <c r="AO13692">
        <v>69</v>
      </c>
      <c r="AP13692">
        <v>69</v>
      </c>
      <c r="AQ13692">
        <v>69</v>
      </c>
    </row>
    <row r="13693" spans="1:43">
      <c r="A13693" t="s">
        <v>8508</v>
      </c>
      <c r="B13693" t="s">
        <v>8509</v>
      </c>
      <c r="C13693" t="s">
        <v>8510</v>
      </c>
      <c r="D13693" t="s">
        <v>8511</v>
      </c>
      <c r="E13693" t="s">
        <v>8296</v>
      </c>
      <c r="F13693" t="s">
        <v>8297</v>
      </c>
      <c r="G13693" t="s">
        <v>80</v>
      </c>
      <c r="H13693" t="s">
        <v>81</v>
      </c>
      <c r="I13693" s="2">
        <v>0</v>
      </c>
      <c r="J13693" s="2">
        <v>1</v>
      </c>
      <c r="K13693" s="2">
        <v>0</v>
      </c>
      <c r="L13693" t="s">
        <v>82</v>
      </c>
      <c r="M13693" t="s">
        <v>83</v>
      </c>
      <c r="N13693" t="s">
        <v>91</v>
      </c>
      <c r="O13693" t="s">
        <v>85</v>
      </c>
      <c r="P13693" t="s">
        <v>86</v>
      </c>
      <c r="Q13693">
        <v>49</v>
      </c>
      <c r="R13693">
        <v>49</v>
      </c>
      <c r="S13693">
        <v>50</v>
      </c>
      <c r="T13693">
        <v>51</v>
      </c>
      <c r="U13693">
        <v>52</v>
      </c>
      <c r="V13693">
        <v>53</v>
      </c>
      <c r="W13693">
        <v>54</v>
      </c>
      <c r="X13693">
        <v>55</v>
      </c>
      <c r="Y13693">
        <v>56</v>
      </c>
      <c r="Z13693">
        <v>57</v>
      </c>
      <c r="AA13693">
        <v>58</v>
      </c>
      <c r="AB13693">
        <v>59</v>
      </c>
      <c r="AC13693">
        <v>60</v>
      </c>
      <c r="AD13693">
        <v>61</v>
      </c>
      <c r="AE13693">
        <v>61</v>
      </c>
      <c r="AF13693">
        <v>62</v>
      </c>
      <c r="AG13693">
        <v>63</v>
      </c>
      <c r="AH13693">
        <v>64</v>
      </c>
      <c r="AI13693">
        <v>65</v>
      </c>
      <c r="AJ13693">
        <v>66</v>
      </c>
      <c r="AK13693">
        <v>67</v>
      </c>
      <c r="AL13693">
        <v>67</v>
      </c>
      <c r="AM13693">
        <v>67</v>
      </c>
      <c r="AN13693">
        <v>68</v>
      </c>
      <c r="AO13693">
        <v>68</v>
      </c>
      <c r="AP13693">
        <v>68</v>
      </c>
      <c r="AQ13693">
        <v>69</v>
      </c>
    </row>
    <row r="13694" spans="1:43">
      <c r="A13694" t="s">
        <v>8512</v>
      </c>
      <c r="B13694" t="s">
        <v>8513</v>
      </c>
      <c r="C13694" t="s">
        <v>8510</v>
      </c>
      <c r="D13694" t="s">
        <v>8511</v>
      </c>
      <c r="E13694" t="s">
        <v>8296</v>
      </c>
      <c r="F13694" t="s">
        <v>8297</v>
      </c>
      <c r="G13694" t="s">
        <v>80</v>
      </c>
      <c r="H13694" t="s">
        <v>81</v>
      </c>
      <c r="I13694" s="2">
        <v>0</v>
      </c>
      <c r="J13694" s="2">
        <v>1</v>
      </c>
      <c r="K13694" s="2">
        <v>0</v>
      </c>
      <c r="L13694" t="s">
        <v>82</v>
      </c>
      <c r="M13694" t="s">
        <v>83</v>
      </c>
      <c r="N13694" t="s">
        <v>84</v>
      </c>
      <c r="O13694" t="s">
        <v>85</v>
      </c>
      <c r="P13694" t="s">
        <v>86</v>
      </c>
      <c r="Q13694">
        <v>73</v>
      </c>
      <c r="R13694">
        <v>75</v>
      </c>
      <c r="S13694">
        <v>76</v>
      </c>
      <c r="T13694">
        <v>78</v>
      </c>
      <c r="U13694">
        <v>79</v>
      </c>
      <c r="V13694">
        <v>80</v>
      </c>
      <c r="W13694">
        <v>82</v>
      </c>
      <c r="X13694">
        <v>83</v>
      </c>
      <c r="Y13694">
        <v>85</v>
      </c>
      <c r="Z13694">
        <v>86</v>
      </c>
      <c r="AA13694">
        <v>87</v>
      </c>
      <c r="AB13694">
        <v>89</v>
      </c>
      <c r="AC13694">
        <v>90</v>
      </c>
      <c r="AD13694">
        <v>92</v>
      </c>
      <c r="AE13694">
        <v>93</v>
      </c>
      <c r="AF13694">
        <v>94</v>
      </c>
      <c r="AG13694">
        <v>96</v>
      </c>
      <c r="AH13694">
        <v>97</v>
      </c>
      <c r="AI13694">
        <v>98</v>
      </c>
      <c r="AJ13694">
        <v>100</v>
      </c>
      <c r="AK13694">
        <v>101</v>
      </c>
      <c r="AL13694">
        <v>102</v>
      </c>
      <c r="AM13694">
        <v>102</v>
      </c>
      <c r="AN13694">
        <v>102</v>
      </c>
      <c r="AO13694">
        <v>103</v>
      </c>
      <c r="AP13694">
        <v>103</v>
      </c>
      <c r="AQ13694">
        <v>104</v>
      </c>
    </row>
    <row r="13695" spans="1:43">
      <c r="A13695" t="s">
        <v>8512</v>
      </c>
      <c r="B13695" t="s">
        <v>8513</v>
      </c>
      <c r="C13695" t="s">
        <v>8510</v>
      </c>
      <c r="D13695" t="s">
        <v>8511</v>
      </c>
      <c r="E13695" t="s">
        <v>8296</v>
      </c>
      <c r="F13695" t="s">
        <v>8297</v>
      </c>
      <c r="G13695" t="s">
        <v>80</v>
      </c>
      <c r="H13695" t="s">
        <v>81</v>
      </c>
      <c r="I13695" s="2">
        <v>0</v>
      </c>
      <c r="J13695" s="2">
        <v>1</v>
      </c>
      <c r="K13695" s="2">
        <v>0</v>
      </c>
      <c r="L13695" t="s">
        <v>82</v>
      </c>
      <c r="M13695" t="s">
        <v>87</v>
      </c>
      <c r="N13695" t="s">
        <v>88</v>
      </c>
      <c r="O13695" t="s">
        <v>85</v>
      </c>
      <c r="P13695" t="s">
        <v>86</v>
      </c>
      <c r="Q13695">
        <v>73</v>
      </c>
      <c r="R13695">
        <v>73</v>
      </c>
      <c r="S13695">
        <v>74</v>
      </c>
      <c r="T13695">
        <v>75</v>
      </c>
      <c r="U13695">
        <v>76</v>
      </c>
      <c r="V13695">
        <v>76</v>
      </c>
      <c r="W13695">
        <v>77</v>
      </c>
      <c r="X13695">
        <v>78</v>
      </c>
      <c r="Y13695">
        <v>78</v>
      </c>
      <c r="Z13695">
        <v>79</v>
      </c>
      <c r="AA13695">
        <v>80</v>
      </c>
      <c r="AB13695">
        <v>80</v>
      </c>
      <c r="AC13695">
        <v>81</v>
      </c>
      <c r="AD13695">
        <v>82</v>
      </c>
      <c r="AE13695">
        <v>82</v>
      </c>
      <c r="AF13695">
        <v>83</v>
      </c>
      <c r="AG13695">
        <v>83</v>
      </c>
      <c r="AH13695">
        <v>84</v>
      </c>
      <c r="AI13695">
        <v>85</v>
      </c>
      <c r="AJ13695">
        <v>85</v>
      </c>
      <c r="AK13695">
        <v>86</v>
      </c>
      <c r="AL13695">
        <v>87</v>
      </c>
      <c r="AM13695">
        <v>87</v>
      </c>
      <c r="AN13695">
        <v>88</v>
      </c>
      <c r="AO13695">
        <v>88</v>
      </c>
      <c r="AP13695">
        <v>89</v>
      </c>
      <c r="AQ13695">
        <v>90</v>
      </c>
    </row>
    <row r="13696" spans="1:43">
      <c r="A13696" t="s">
        <v>8512</v>
      </c>
      <c r="B13696" t="s">
        <v>8513</v>
      </c>
      <c r="C13696" t="s">
        <v>8510</v>
      </c>
      <c r="D13696" t="s">
        <v>8511</v>
      </c>
      <c r="E13696" t="s">
        <v>8296</v>
      </c>
      <c r="F13696" t="s">
        <v>8297</v>
      </c>
      <c r="G13696" t="s">
        <v>80</v>
      </c>
      <c r="H13696" t="s">
        <v>81</v>
      </c>
      <c r="I13696" s="2">
        <v>0</v>
      </c>
      <c r="J13696" s="2">
        <v>1</v>
      </c>
      <c r="K13696" s="2">
        <v>0</v>
      </c>
      <c r="L13696" t="s">
        <v>82</v>
      </c>
      <c r="M13696" t="s">
        <v>89</v>
      </c>
      <c r="N13696" t="s">
        <v>90</v>
      </c>
      <c r="O13696" t="s">
        <v>85</v>
      </c>
      <c r="P13696" t="s">
        <v>86</v>
      </c>
      <c r="Q13696">
        <v>73</v>
      </c>
      <c r="R13696">
        <v>75</v>
      </c>
      <c r="S13696">
        <v>77</v>
      </c>
      <c r="T13696">
        <v>79</v>
      </c>
      <c r="U13696">
        <v>81</v>
      </c>
      <c r="V13696">
        <v>83</v>
      </c>
      <c r="W13696">
        <v>85</v>
      </c>
      <c r="X13696">
        <v>87</v>
      </c>
      <c r="Y13696">
        <v>89</v>
      </c>
      <c r="Z13696">
        <v>90</v>
      </c>
      <c r="AA13696">
        <v>92</v>
      </c>
      <c r="AB13696">
        <v>94</v>
      </c>
      <c r="AC13696">
        <v>96</v>
      </c>
      <c r="AD13696">
        <v>97</v>
      </c>
      <c r="AE13696">
        <v>99</v>
      </c>
      <c r="AF13696">
        <v>99</v>
      </c>
      <c r="AG13696">
        <v>100</v>
      </c>
      <c r="AH13696">
        <v>100</v>
      </c>
      <c r="AI13696">
        <v>100</v>
      </c>
      <c r="AJ13696">
        <v>101</v>
      </c>
      <c r="AK13696">
        <v>101</v>
      </c>
      <c r="AL13696">
        <v>102</v>
      </c>
      <c r="AM13696">
        <v>102</v>
      </c>
      <c r="AN13696">
        <v>102</v>
      </c>
      <c r="AO13696">
        <v>103</v>
      </c>
      <c r="AP13696">
        <v>103</v>
      </c>
      <c r="AQ13696">
        <v>104</v>
      </c>
    </row>
    <row r="13697" spans="1:43">
      <c r="A13697" t="s">
        <v>8512</v>
      </c>
      <c r="B13697" t="s">
        <v>8513</v>
      </c>
      <c r="C13697" t="s">
        <v>8510</v>
      </c>
      <c r="D13697" t="s">
        <v>8511</v>
      </c>
      <c r="E13697" t="s">
        <v>8296</v>
      </c>
      <c r="F13697" t="s">
        <v>8297</v>
      </c>
      <c r="G13697" t="s">
        <v>80</v>
      </c>
      <c r="H13697" t="s">
        <v>81</v>
      </c>
      <c r="I13697" s="2">
        <v>0</v>
      </c>
      <c r="J13697" s="2">
        <v>1</v>
      </c>
      <c r="K13697" s="2">
        <v>0</v>
      </c>
      <c r="L13697" t="s">
        <v>82</v>
      </c>
      <c r="M13697" t="s">
        <v>83</v>
      </c>
      <c r="N13697" t="s">
        <v>91</v>
      </c>
      <c r="O13697" t="s">
        <v>85</v>
      </c>
      <c r="P13697" t="s">
        <v>86</v>
      </c>
      <c r="Q13697">
        <v>73</v>
      </c>
      <c r="R13697">
        <v>75</v>
      </c>
      <c r="S13697">
        <v>76</v>
      </c>
      <c r="T13697">
        <v>78</v>
      </c>
      <c r="U13697">
        <v>79</v>
      </c>
      <c r="V13697">
        <v>80</v>
      </c>
      <c r="W13697">
        <v>82</v>
      </c>
      <c r="X13697">
        <v>83</v>
      </c>
      <c r="Y13697">
        <v>85</v>
      </c>
      <c r="Z13697">
        <v>86</v>
      </c>
      <c r="AA13697">
        <v>87</v>
      </c>
      <c r="AB13697">
        <v>89</v>
      </c>
      <c r="AC13697">
        <v>90</v>
      </c>
      <c r="AD13697">
        <v>92</v>
      </c>
      <c r="AE13697">
        <v>93</v>
      </c>
      <c r="AF13697">
        <v>94</v>
      </c>
      <c r="AG13697">
        <v>96</v>
      </c>
      <c r="AH13697">
        <v>97</v>
      </c>
      <c r="AI13697">
        <v>98</v>
      </c>
      <c r="AJ13697">
        <v>100</v>
      </c>
      <c r="AK13697">
        <v>101</v>
      </c>
      <c r="AL13697">
        <v>102</v>
      </c>
      <c r="AM13697">
        <v>102</v>
      </c>
      <c r="AN13697">
        <v>102</v>
      </c>
      <c r="AO13697">
        <v>103</v>
      </c>
      <c r="AP13697">
        <v>103</v>
      </c>
      <c r="AQ13697">
        <v>104</v>
      </c>
    </row>
    <row r="13698" spans="1:43">
      <c r="A13698" t="s">
        <v>8514</v>
      </c>
      <c r="B13698" t="s">
        <v>8515</v>
      </c>
      <c r="C13698" t="s">
        <v>8300</v>
      </c>
      <c r="D13698" t="s">
        <v>8301</v>
      </c>
      <c r="E13698" t="s">
        <v>8296</v>
      </c>
      <c r="F13698" t="s">
        <v>8297</v>
      </c>
      <c r="G13698" t="s">
        <v>80</v>
      </c>
      <c r="H13698" t="s">
        <v>81</v>
      </c>
      <c r="I13698" s="2">
        <v>0</v>
      </c>
      <c r="J13698" s="2">
        <v>1</v>
      </c>
      <c r="K13698" s="2">
        <v>0</v>
      </c>
      <c r="L13698" t="s">
        <v>82</v>
      </c>
      <c r="M13698" t="s">
        <v>83</v>
      </c>
      <c r="N13698" t="s">
        <v>84</v>
      </c>
      <c r="O13698" t="s">
        <v>85</v>
      </c>
      <c r="P13698" t="s">
        <v>86</v>
      </c>
      <c r="Q13698">
        <v>26</v>
      </c>
      <c r="R13698">
        <v>27</v>
      </c>
      <c r="S13698">
        <v>28</v>
      </c>
      <c r="T13698">
        <v>28</v>
      </c>
      <c r="U13698">
        <v>29</v>
      </c>
      <c r="V13698">
        <v>29</v>
      </c>
      <c r="W13698">
        <v>30</v>
      </c>
      <c r="X13698">
        <v>30</v>
      </c>
      <c r="Y13698">
        <v>31</v>
      </c>
      <c r="Z13698">
        <v>31</v>
      </c>
      <c r="AA13698">
        <v>32</v>
      </c>
      <c r="AB13698">
        <v>32</v>
      </c>
      <c r="AC13698">
        <v>33</v>
      </c>
      <c r="AD13698">
        <v>33</v>
      </c>
      <c r="AE13698">
        <v>34</v>
      </c>
      <c r="AF13698">
        <v>34</v>
      </c>
      <c r="AG13698">
        <v>35</v>
      </c>
      <c r="AH13698">
        <v>35</v>
      </c>
      <c r="AI13698">
        <v>36</v>
      </c>
      <c r="AJ13698">
        <v>36</v>
      </c>
      <c r="AK13698">
        <v>37</v>
      </c>
      <c r="AL13698">
        <v>37</v>
      </c>
      <c r="AM13698">
        <v>37</v>
      </c>
      <c r="AN13698">
        <v>37</v>
      </c>
      <c r="AO13698">
        <v>37</v>
      </c>
      <c r="AP13698">
        <v>37</v>
      </c>
      <c r="AQ13698">
        <v>37</v>
      </c>
    </row>
    <row r="13699" spans="1:43">
      <c r="A13699" t="s">
        <v>8514</v>
      </c>
      <c r="B13699" t="s">
        <v>8515</v>
      </c>
      <c r="C13699" t="s">
        <v>8300</v>
      </c>
      <c r="D13699" t="s">
        <v>8301</v>
      </c>
      <c r="E13699" t="s">
        <v>8296</v>
      </c>
      <c r="F13699" t="s">
        <v>8297</v>
      </c>
      <c r="G13699" t="s">
        <v>80</v>
      </c>
      <c r="H13699" t="s">
        <v>81</v>
      </c>
      <c r="I13699" s="2">
        <v>0</v>
      </c>
      <c r="J13699" s="2">
        <v>1</v>
      </c>
      <c r="K13699" s="2">
        <v>0</v>
      </c>
      <c r="L13699" t="s">
        <v>82</v>
      </c>
      <c r="M13699" t="s">
        <v>87</v>
      </c>
      <c r="N13699" t="s">
        <v>88</v>
      </c>
      <c r="O13699" t="s">
        <v>85</v>
      </c>
      <c r="P13699" t="s">
        <v>86</v>
      </c>
      <c r="Q13699">
        <v>26</v>
      </c>
      <c r="R13699">
        <v>27</v>
      </c>
      <c r="S13699">
        <v>27</v>
      </c>
      <c r="T13699">
        <v>27</v>
      </c>
      <c r="U13699">
        <v>27</v>
      </c>
      <c r="V13699">
        <v>28</v>
      </c>
      <c r="W13699">
        <v>28</v>
      </c>
      <c r="X13699">
        <v>28</v>
      </c>
      <c r="Y13699">
        <v>28</v>
      </c>
      <c r="Z13699">
        <v>29</v>
      </c>
      <c r="AA13699">
        <v>29</v>
      </c>
      <c r="AB13699">
        <v>29</v>
      </c>
      <c r="AC13699">
        <v>29</v>
      </c>
      <c r="AD13699">
        <v>30</v>
      </c>
      <c r="AE13699">
        <v>30</v>
      </c>
      <c r="AF13699">
        <v>30</v>
      </c>
      <c r="AG13699">
        <v>30</v>
      </c>
      <c r="AH13699">
        <v>31</v>
      </c>
      <c r="AI13699">
        <v>31</v>
      </c>
      <c r="AJ13699">
        <v>31</v>
      </c>
      <c r="AK13699">
        <v>31</v>
      </c>
      <c r="AL13699">
        <v>31</v>
      </c>
      <c r="AM13699">
        <v>32</v>
      </c>
      <c r="AN13699">
        <v>32</v>
      </c>
      <c r="AO13699">
        <v>32</v>
      </c>
      <c r="AP13699">
        <v>32</v>
      </c>
      <c r="AQ13699">
        <v>33</v>
      </c>
    </row>
    <row r="13700" spans="1:43">
      <c r="A13700" t="s">
        <v>8514</v>
      </c>
      <c r="B13700" t="s">
        <v>8515</v>
      </c>
      <c r="C13700" t="s">
        <v>8300</v>
      </c>
      <c r="D13700" t="s">
        <v>8301</v>
      </c>
      <c r="E13700" t="s">
        <v>8296</v>
      </c>
      <c r="F13700" t="s">
        <v>8297</v>
      </c>
      <c r="G13700" t="s">
        <v>80</v>
      </c>
      <c r="H13700" t="s">
        <v>81</v>
      </c>
      <c r="I13700" s="2">
        <v>0</v>
      </c>
      <c r="J13700" s="2">
        <v>1</v>
      </c>
      <c r="K13700" s="2">
        <v>0</v>
      </c>
      <c r="L13700" t="s">
        <v>82</v>
      </c>
      <c r="M13700" t="s">
        <v>89</v>
      </c>
      <c r="N13700" t="s">
        <v>90</v>
      </c>
      <c r="O13700" t="s">
        <v>85</v>
      </c>
      <c r="P13700" t="s">
        <v>86</v>
      </c>
      <c r="Q13700">
        <v>26</v>
      </c>
      <c r="R13700">
        <v>26</v>
      </c>
      <c r="S13700">
        <v>27</v>
      </c>
      <c r="T13700">
        <v>28</v>
      </c>
      <c r="U13700">
        <v>29</v>
      </c>
      <c r="V13700">
        <v>29</v>
      </c>
      <c r="W13700">
        <v>30</v>
      </c>
      <c r="X13700">
        <v>31</v>
      </c>
      <c r="Y13700">
        <v>31</v>
      </c>
      <c r="Z13700">
        <v>32</v>
      </c>
      <c r="AA13700">
        <v>33</v>
      </c>
      <c r="AB13700">
        <v>33</v>
      </c>
      <c r="AC13700">
        <v>34</v>
      </c>
      <c r="AD13700">
        <v>35</v>
      </c>
      <c r="AE13700">
        <v>35</v>
      </c>
      <c r="AF13700">
        <v>35</v>
      </c>
      <c r="AG13700">
        <v>35</v>
      </c>
      <c r="AH13700">
        <v>35</v>
      </c>
      <c r="AI13700">
        <v>36</v>
      </c>
      <c r="AJ13700">
        <v>36</v>
      </c>
      <c r="AK13700">
        <v>36</v>
      </c>
      <c r="AL13700">
        <v>36</v>
      </c>
      <c r="AM13700">
        <v>36</v>
      </c>
      <c r="AN13700">
        <v>36</v>
      </c>
      <c r="AO13700">
        <v>36</v>
      </c>
      <c r="AP13700">
        <v>36</v>
      </c>
      <c r="AQ13700">
        <v>37</v>
      </c>
    </row>
    <row r="13701" spans="1:43">
      <c r="A13701" t="s">
        <v>8514</v>
      </c>
      <c r="B13701" t="s">
        <v>8515</v>
      </c>
      <c r="C13701" t="s">
        <v>8300</v>
      </c>
      <c r="D13701" t="s">
        <v>8301</v>
      </c>
      <c r="E13701" t="s">
        <v>8296</v>
      </c>
      <c r="F13701" t="s">
        <v>8297</v>
      </c>
      <c r="G13701" t="s">
        <v>80</v>
      </c>
      <c r="H13701" t="s">
        <v>81</v>
      </c>
      <c r="I13701" s="2">
        <v>0</v>
      </c>
      <c r="J13701" s="2">
        <v>1</v>
      </c>
      <c r="K13701" s="2">
        <v>0</v>
      </c>
      <c r="L13701" t="s">
        <v>82</v>
      </c>
      <c r="M13701" t="s">
        <v>83</v>
      </c>
      <c r="N13701" t="s">
        <v>91</v>
      </c>
      <c r="O13701" t="s">
        <v>85</v>
      </c>
      <c r="P13701" t="s">
        <v>86</v>
      </c>
      <c r="Q13701">
        <v>26</v>
      </c>
      <c r="R13701">
        <v>27</v>
      </c>
      <c r="S13701">
        <v>28</v>
      </c>
      <c r="T13701">
        <v>28</v>
      </c>
      <c r="U13701">
        <v>29</v>
      </c>
      <c r="V13701">
        <v>29</v>
      </c>
      <c r="W13701">
        <v>30</v>
      </c>
      <c r="X13701">
        <v>30</v>
      </c>
      <c r="Y13701">
        <v>31</v>
      </c>
      <c r="Z13701">
        <v>31</v>
      </c>
      <c r="AA13701">
        <v>32</v>
      </c>
      <c r="AB13701">
        <v>32</v>
      </c>
      <c r="AC13701">
        <v>33</v>
      </c>
      <c r="AD13701">
        <v>33</v>
      </c>
      <c r="AE13701">
        <v>34</v>
      </c>
      <c r="AF13701">
        <v>34</v>
      </c>
      <c r="AG13701">
        <v>35</v>
      </c>
      <c r="AH13701">
        <v>35</v>
      </c>
      <c r="AI13701">
        <v>36</v>
      </c>
      <c r="AJ13701">
        <v>36</v>
      </c>
      <c r="AK13701">
        <v>37</v>
      </c>
      <c r="AL13701">
        <v>37</v>
      </c>
      <c r="AM13701">
        <v>37</v>
      </c>
      <c r="AN13701">
        <v>37</v>
      </c>
      <c r="AO13701">
        <v>37</v>
      </c>
      <c r="AP13701">
        <v>37</v>
      </c>
      <c r="AQ13701">
        <v>37</v>
      </c>
    </row>
    <row r="13702" spans="1:43">
      <c r="A13702" t="s">
        <v>8516</v>
      </c>
      <c r="B13702" t="s">
        <v>8517</v>
      </c>
      <c r="C13702" t="s">
        <v>8300</v>
      </c>
      <c r="D13702" t="s">
        <v>8301</v>
      </c>
      <c r="E13702" t="s">
        <v>8296</v>
      </c>
      <c r="F13702" t="s">
        <v>8297</v>
      </c>
      <c r="G13702" t="s">
        <v>80</v>
      </c>
      <c r="H13702" t="s">
        <v>81</v>
      </c>
      <c r="I13702" s="2">
        <v>0</v>
      </c>
      <c r="J13702" s="2">
        <v>1</v>
      </c>
      <c r="K13702" s="2">
        <v>0</v>
      </c>
      <c r="L13702" t="s">
        <v>82</v>
      </c>
      <c r="M13702" t="s">
        <v>83</v>
      </c>
      <c r="N13702" t="s">
        <v>84</v>
      </c>
      <c r="O13702" t="s">
        <v>85</v>
      </c>
      <c r="P13702" t="s">
        <v>86</v>
      </c>
      <c r="Q13702">
        <v>19</v>
      </c>
      <c r="R13702">
        <v>20</v>
      </c>
      <c r="S13702">
        <v>20</v>
      </c>
      <c r="T13702">
        <v>20</v>
      </c>
      <c r="U13702">
        <v>21</v>
      </c>
      <c r="V13702">
        <v>21</v>
      </c>
      <c r="W13702">
        <v>22</v>
      </c>
      <c r="X13702">
        <v>22</v>
      </c>
      <c r="Y13702">
        <v>22</v>
      </c>
      <c r="Z13702">
        <v>23</v>
      </c>
      <c r="AA13702">
        <v>23</v>
      </c>
      <c r="AB13702">
        <v>23</v>
      </c>
      <c r="AC13702">
        <v>24</v>
      </c>
      <c r="AD13702">
        <v>24</v>
      </c>
      <c r="AE13702">
        <v>24</v>
      </c>
      <c r="AF13702">
        <v>25</v>
      </c>
      <c r="AG13702">
        <v>25</v>
      </c>
      <c r="AH13702">
        <v>25</v>
      </c>
      <c r="AI13702">
        <v>26</v>
      </c>
      <c r="AJ13702">
        <v>26</v>
      </c>
      <c r="AK13702">
        <v>27</v>
      </c>
      <c r="AL13702">
        <v>27</v>
      </c>
      <c r="AM13702">
        <v>27</v>
      </c>
      <c r="AN13702">
        <v>27</v>
      </c>
      <c r="AO13702">
        <v>27</v>
      </c>
      <c r="AP13702">
        <v>27</v>
      </c>
      <c r="AQ13702">
        <v>27</v>
      </c>
    </row>
    <row r="13703" spans="1:43">
      <c r="A13703" t="s">
        <v>8516</v>
      </c>
      <c r="B13703" t="s">
        <v>8517</v>
      </c>
      <c r="C13703" t="s">
        <v>8300</v>
      </c>
      <c r="D13703" t="s">
        <v>8301</v>
      </c>
      <c r="E13703" t="s">
        <v>8296</v>
      </c>
      <c r="F13703" t="s">
        <v>8297</v>
      </c>
      <c r="G13703" t="s">
        <v>80</v>
      </c>
      <c r="H13703" t="s">
        <v>81</v>
      </c>
      <c r="I13703" s="2">
        <v>0</v>
      </c>
      <c r="J13703" s="2">
        <v>1</v>
      </c>
      <c r="K13703" s="2">
        <v>0</v>
      </c>
      <c r="L13703" t="s">
        <v>82</v>
      </c>
      <c r="M13703" t="s">
        <v>87</v>
      </c>
      <c r="N13703" t="s">
        <v>88</v>
      </c>
      <c r="O13703" t="s">
        <v>85</v>
      </c>
      <c r="P13703" t="s">
        <v>86</v>
      </c>
      <c r="Q13703">
        <v>19</v>
      </c>
      <c r="R13703">
        <v>19</v>
      </c>
      <c r="S13703">
        <v>19</v>
      </c>
      <c r="T13703">
        <v>20</v>
      </c>
      <c r="U13703">
        <v>20</v>
      </c>
      <c r="V13703">
        <v>20</v>
      </c>
      <c r="W13703">
        <v>20</v>
      </c>
      <c r="X13703">
        <v>20</v>
      </c>
      <c r="Y13703">
        <v>21</v>
      </c>
      <c r="Z13703">
        <v>21</v>
      </c>
      <c r="AA13703">
        <v>21</v>
      </c>
      <c r="AB13703">
        <v>21</v>
      </c>
      <c r="AC13703">
        <v>21</v>
      </c>
      <c r="AD13703">
        <v>22</v>
      </c>
      <c r="AE13703">
        <v>22</v>
      </c>
      <c r="AF13703">
        <v>22</v>
      </c>
      <c r="AG13703">
        <v>22</v>
      </c>
      <c r="AH13703">
        <v>22</v>
      </c>
      <c r="AI13703">
        <v>22</v>
      </c>
      <c r="AJ13703">
        <v>23</v>
      </c>
      <c r="AK13703">
        <v>23</v>
      </c>
      <c r="AL13703">
        <v>23</v>
      </c>
      <c r="AM13703">
        <v>23</v>
      </c>
      <c r="AN13703">
        <v>23</v>
      </c>
      <c r="AO13703">
        <v>23</v>
      </c>
      <c r="AP13703">
        <v>24</v>
      </c>
      <c r="AQ13703">
        <v>24</v>
      </c>
    </row>
    <row r="13704" spans="1:43">
      <c r="A13704" t="s">
        <v>8516</v>
      </c>
      <c r="B13704" t="s">
        <v>8517</v>
      </c>
      <c r="C13704" t="s">
        <v>8300</v>
      </c>
      <c r="D13704" t="s">
        <v>8301</v>
      </c>
      <c r="E13704" t="s">
        <v>8296</v>
      </c>
      <c r="F13704" t="s">
        <v>8297</v>
      </c>
      <c r="G13704" t="s">
        <v>80</v>
      </c>
      <c r="H13704" t="s">
        <v>81</v>
      </c>
      <c r="I13704" s="2">
        <v>0</v>
      </c>
      <c r="J13704" s="2">
        <v>1</v>
      </c>
      <c r="K13704" s="2">
        <v>0</v>
      </c>
      <c r="L13704" t="s">
        <v>82</v>
      </c>
      <c r="M13704" t="s">
        <v>89</v>
      </c>
      <c r="N13704" t="s">
        <v>90</v>
      </c>
      <c r="O13704" t="s">
        <v>85</v>
      </c>
      <c r="P13704" t="s">
        <v>86</v>
      </c>
      <c r="Q13704">
        <v>19</v>
      </c>
      <c r="R13704">
        <v>20</v>
      </c>
      <c r="S13704">
        <v>21</v>
      </c>
      <c r="T13704">
        <v>21</v>
      </c>
      <c r="U13704">
        <v>22</v>
      </c>
      <c r="V13704">
        <v>22</v>
      </c>
      <c r="W13704">
        <v>23</v>
      </c>
      <c r="X13704">
        <v>23</v>
      </c>
      <c r="Y13704">
        <v>24</v>
      </c>
      <c r="Z13704">
        <v>24</v>
      </c>
      <c r="AA13704">
        <v>24</v>
      </c>
      <c r="AB13704">
        <v>25</v>
      </c>
      <c r="AC13704">
        <v>25</v>
      </c>
      <c r="AD13704">
        <v>26</v>
      </c>
      <c r="AE13704">
        <v>26</v>
      </c>
      <c r="AF13704">
        <v>26</v>
      </c>
      <c r="AG13704">
        <v>26</v>
      </c>
      <c r="AH13704">
        <v>26</v>
      </c>
      <c r="AI13704">
        <v>27</v>
      </c>
      <c r="AJ13704">
        <v>27</v>
      </c>
      <c r="AK13704">
        <v>27</v>
      </c>
      <c r="AL13704">
        <v>27</v>
      </c>
      <c r="AM13704">
        <v>27</v>
      </c>
      <c r="AN13704">
        <v>27</v>
      </c>
      <c r="AO13704">
        <v>27</v>
      </c>
      <c r="AP13704">
        <v>27</v>
      </c>
      <c r="AQ13704">
        <v>27</v>
      </c>
    </row>
    <row r="13705" spans="1:43">
      <c r="A13705" t="s">
        <v>8516</v>
      </c>
      <c r="B13705" t="s">
        <v>8517</v>
      </c>
      <c r="C13705" t="s">
        <v>8300</v>
      </c>
      <c r="D13705" t="s">
        <v>8301</v>
      </c>
      <c r="E13705" t="s">
        <v>8296</v>
      </c>
      <c r="F13705" t="s">
        <v>8297</v>
      </c>
      <c r="G13705" t="s">
        <v>80</v>
      </c>
      <c r="H13705" t="s">
        <v>81</v>
      </c>
      <c r="I13705" s="2">
        <v>0</v>
      </c>
      <c r="J13705" s="2">
        <v>1</v>
      </c>
      <c r="K13705" s="2">
        <v>0</v>
      </c>
      <c r="L13705" t="s">
        <v>82</v>
      </c>
      <c r="M13705" t="s">
        <v>83</v>
      </c>
      <c r="N13705" t="s">
        <v>91</v>
      </c>
      <c r="O13705" t="s">
        <v>85</v>
      </c>
      <c r="P13705" t="s">
        <v>86</v>
      </c>
      <c r="Q13705">
        <v>19</v>
      </c>
      <c r="R13705">
        <v>20</v>
      </c>
      <c r="S13705">
        <v>20</v>
      </c>
      <c r="T13705">
        <v>20</v>
      </c>
      <c r="U13705">
        <v>21</v>
      </c>
      <c r="V13705">
        <v>21</v>
      </c>
      <c r="W13705">
        <v>22</v>
      </c>
      <c r="X13705">
        <v>22</v>
      </c>
      <c r="Y13705">
        <v>22</v>
      </c>
      <c r="Z13705">
        <v>23</v>
      </c>
      <c r="AA13705">
        <v>23</v>
      </c>
      <c r="AB13705">
        <v>23</v>
      </c>
      <c r="AC13705">
        <v>24</v>
      </c>
      <c r="AD13705">
        <v>24</v>
      </c>
      <c r="AE13705">
        <v>24</v>
      </c>
      <c r="AF13705">
        <v>25</v>
      </c>
      <c r="AG13705">
        <v>25</v>
      </c>
      <c r="AH13705">
        <v>25</v>
      </c>
      <c r="AI13705">
        <v>26</v>
      </c>
      <c r="AJ13705">
        <v>26</v>
      </c>
      <c r="AK13705">
        <v>27</v>
      </c>
      <c r="AL13705">
        <v>27</v>
      </c>
      <c r="AM13705">
        <v>27</v>
      </c>
      <c r="AN13705">
        <v>27</v>
      </c>
      <c r="AO13705">
        <v>27</v>
      </c>
      <c r="AP13705">
        <v>27</v>
      </c>
      <c r="AQ13705">
        <v>27</v>
      </c>
    </row>
    <row r="13706" spans="1:43">
      <c r="A13706" t="s">
        <v>8518</v>
      </c>
      <c r="B13706" t="s">
        <v>8519</v>
      </c>
      <c r="C13706" t="s">
        <v>8300</v>
      </c>
      <c r="D13706" t="s">
        <v>8301</v>
      </c>
      <c r="E13706" t="s">
        <v>8296</v>
      </c>
      <c r="F13706" t="s">
        <v>8297</v>
      </c>
      <c r="G13706" t="s">
        <v>80</v>
      </c>
      <c r="H13706" t="s">
        <v>81</v>
      </c>
      <c r="I13706" s="2">
        <v>0</v>
      </c>
      <c r="J13706" s="2">
        <v>1</v>
      </c>
      <c r="K13706" s="2">
        <v>0</v>
      </c>
      <c r="L13706" t="s">
        <v>82</v>
      </c>
      <c r="M13706" t="s">
        <v>83</v>
      </c>
      <c r="N13706" t="s">
        <v>84</v>
      </c>
      <c r="O13706" t="s">
        <v>85</v>
      </c>
      <c r="P13706" t="s">
        <v>86</v>
      </c>
      <c r="Q13706">
        <v>11</v>
      </c>
      <c r="R13706">
        <v>11</v>
      </c>
      <c r="S13706">
        <v>11</v>
      </c>
      <c r="T13706">
        <v>11</v>
      </c>
      <c r="U13706">
        <v>11</v>
      </c>
      <c r="V13706">
        <v>12</v>
      </c>
      <c r="W13706">
        <v>12</v>
      </c>
      <c r="X13706">
        <v>12</v>
      </c>
      <c r="Y13706">
        <v>12</v>
      </c>
      <c r="Z13706">
        <v>12</v>
      </c>
      <c r="AA13706">
        <v>13</v>
      </c>
      <c r="AB13706">
        <v>13</v>
      </c>
      <c r="AC13706">
        <v>13</v>
      </c>
      <c r="AD13706">
        <v>13</v>
      </c>
      <c r="AE13706">
        <v>13</v>
      </c>
      <c r="AF13706">
        <v>14</v>
      </c>
      <c r="AG13706">
        <v>14</v>
      </c>
      <c r="AH13706">
        <v>14</v>
      </c>
      <c r="AI13706">
        <v>14</v>
      </c>
      <c r="AJ13706">
        <v>14</v>
      </c>
      <c r="AK13706">
        <v>15</v>
      </c>
      <c r="AL13706">
        <v>15</v>
      </c>
      <c r="AM13706">
        <v>15</v>
      </c>
      <c r="AN13706">
        <v>15</v>
      </c>
      <c r="AO13706">
        <v>15</v>
      </c>
      <c r="AP13706">
        <v>15</v>
      </c>
      <c r="AQ13706">
        <v>15</v>
      </c>
    </row>
    <row r="13707" spans="1:43">
      <c r="A13707" t="s">
        <v>8518</v>
      </c>
      <c r="B13707" t="s">
        <v>8519</v>
      </c>
      <c r="C13707" t="s">
        <v>8300</v>
      </c>
      <c r="D13707" t="s">
        <v>8301</v>
      </c>
      <c r="E13707" t="s">
        <v>8296</v>
      </c>
      <c r="F13707" t="s">
        <v>8297</v>
      </c>
      <c r="G13707" t="s">
        <v>80</v>
      </c>
      <c r="H13707" t="s">
        <v>81</v>
      </c>
      <c r="I13707" s="2">
        <v>0</v>
      </c>
      <c r="J13707" s="2">
        <v>1</v>
      </c>
      <c r="K13707" s="2">
        <v>0</v>
      </c>
      <c r="L13707" t="s">
        <v>82</v>
      </c>
      <c r="M13707" t="s">
        <v>87</v>
      </c>
      <c r="N13707" t="s">
        <v>88</v>
      </c>
      <c r="O13707" t="s">
        <v>85</v>
      </c>
      <c r="P13707" t="s">
        <v>86</v>
      </c>
      <c r="Q13707">
        <v>11</v>
      </c>
      <c r="R13707">
        <v>12</v>
      </c>
      <c r="S13707">
        <v>12</v>
      </c>
      <c r="T13707">
        <v>12</v>
      </c>
      <c r="U13707">
        <v>12</v>
      </c>
      <c r="V13707">
        <v>12</v>
      </c>
      <c r="W13707">
        <v>12</v>
      </c>
      <c r="X13707">
        <v>12</v>
      </c>
      <c r="Y13707">
        <v>12</v>
      </c>
      <c r="Z13707">
        <v>12</v>
      </c>
      <c r="AA13707">
        <v>12</v>
      </c>
      <c r="AB13707">
        <v>13</v>
      </c>
      <c r="AC13707">
        <v>13</v>
      </c>
      <c r="AD13707">
        <v>13</v>
      </c>
      <c r="AE13707">
        <v>13</v>
      </c>
      <c r="AF13707">
        <v>13</v>
      </c>
      <c r="AG13707">
        <v>13</v>
      </c>
      <c r="AH13707">
        <v>13</v>
      </c>
      <c r="AI13707">
        <v>13</v>
      </c>
      <c r="AJ13707">
        <v>13</v>
      </c>
      <c r="AK13707">
        <v>13</v>
      </c>
      <c r="AL13707">
        <v>13</v>
      </c>
      <c r="AM13707">
        <v>14</v>
      </c>
      <c r="AN13707">
        <v>14</v>
      </c>
      <c r="AO13707">
        <v>14</v>
      </c>
      <c r="AP13707">
        <v>14</v>
      </c>
      <c r="AQ13707">
        <v>14</v>
      </c>
    </row>
    <row r="13708" spans="1:43">
      <c r="A13708" t="s">
        <v>8518</v>
      </c>
      <c r="B13708" t="s">
        <v>8519</v>
      </c>
      <c r="C13708" t="s">
        <v>8300</v>
      </c>
      <c r="D13708" t="s">
        <v>8301</v>
      </c>
      <c r="E13708" t="s">
        <v>8296</v>
      </c>
      <c r="F13708" t="s">
        <v>8297</v>
      </c>
      <c r="G13708" t="s">
        <v>80</v>
      </c>
      <c r="H13708" t="s">
        <v>81</v>
      </c>
      <c r="I13708" s="2">
        <v>0</v>
      </c>
      <c r="J13708" s="2">
        <v>1</v>
      </c>
      <c r="K13708" s="2">
        <v>0</v>
      </c>
      <c r="L13708" t="s">
        <v>82</v>
      </c>
      <c r="M13708" t="s">
        <v>89</v>
      </c>
      <c r="N13708" t="s">
        <v>90</v>
      </c>
      <c r="O13708" t="s">
        <v>85</v>
      </c>
      <c r="P13708" t="s">
        <v>86</v>
      </c>
      <c r="Q13708">
        <v>11</v>
      </c>
      <c r="R13708">
        <v>11</v>
      </c>
      <c r="S13708">
        <v>11</v>
      </c>
      <c r="T13708">
        <v>12</v>
      </c>
      <c r="U13708">
        <v>12</v>
      </c>
      <c r="V13708">
        <v>12</v>
      </c>
      <c r="W13708">
        <v>12</v>
      </c>
      <c r="X13708">
        <v>13</v>
      </c>
      <c r="Y13708">
        <v>13</v>
      </c>
      <c r="Z13708">
        <v>13</v>
      </c>
      <c r="AA13708">
        <v>13</v>
      </c>
      <c r="AB13708">
        <v>14</v>
      </c>
      <c r="AC13708">
        <v>14</v>
      </c>
      <c r="AD13708">
        <v>14</v>
      </c>
      <c r="AE13708">
        <v>14</v>
      </c>
      <c r="AF13708">
        <v>14</v>
      </c>
      <c r="AG13708">
        <v>15</v>
      </c>
      <c r="AH13708">
        <v>15</v>
      </c>
      <c r="AI13708">
        <v>15</v>
      </c>
      <c r="AJ13708">
        <v>15</v>
      </c>
      <c r="AK13708">
        <v>15</v>
      </c>
      <c r="AL13708">
        <v>15</v>
      </c>
      <c r="AM13708">
        <v>15</v>
      </c>
      <c r="AN13708">
        <v>15</v>
      </c>
      <c r="AO13708">
        <v>15</v>
      </c>
      <c r="AP13708">
        <v>15</v>
      </c>
      <c r="AQ13708">
        <v>15</v>
      </c>
    </row>
    <row r="13709" spans="1:43">
      <c r="A13709" t="s">
        <v>8518</v>
      </c>
      <c r="B13709" t="s">
        <v>8519</v>
      </c>
      <c r="C13709" t="s">
        <v>8300</v>
      </c>
      <c r="D13709" t="s">
        <v>8301</v>
      </c>
      <c r="E13709" t="s">
        <v>8296</v>
      </c>
      <c r="F13709" t="s">
        <v>8297</v>
      </c>
      <c r="G13709" t="s">
        <v>80</v>
      </c>
      <c r="H13709" t="s">
        <v>81</v>
      </c>
      <c r="I13709" s="2">
        <v>0</v>
      </c>
      <c r="J13709" s="2">
        <v>1</v>
      </c>
      <c r="K13709" s="2">
        <v>0</v>
      </c>
      <c r="L13709" t="s">
        <v>82</v>
      </c>
      <c r="M13709" t="s">
        <v>83</v>
      </c>
      <c r="N13709" t="s">
        <v>91</v>
      </c>
      <c r="O13709" t="s">
        <v>85</v>
      </c>
      <c r="P13709" t="s">
        <v>86</v>
      </c>
      <c r="Q13709">
        <v>11</v>
      </c>
      <c r="R13709">
        <v>11</v>
      </c>
      <c r="S13709">
        <v>11</v>
      </c>
      <c r="T13709">
        <v>11</v>
      </c>
      <c r="U13709">
        <v>11</v>
      </c>
      <c r="V13709">
        <v>12</v>
      </c>
      <c r="W13709">
        <v>12</v>
      </c>
      <c r="X13709">
        <v>12</v>
      </c>
      <c r="Y13709">
        <v>12</v>
      </c>
      <c r="Z13709">
        <v>12</v>
      </c>
      <c r="AA13709">
        <v>13</v>
      </c>
      <c r="AB13709">
        <v>13</v>
      </c>
      <c r="AC13709">
        <v>13</v>
      </c>
      <c r="AD13709">
        <v>13</v>
      </c>
      <c r="AE13709">
        <v>13</v>
      </c>
      <c r="AF13709">
        <v>14</v>
      </c>
      <c r="AG13709">
        <v>14</v>
      </c>
      <c r="AH13709">
        <v>14</v>
      </c>
      <c r="AI13709">
        <v>14</v>
      </c>
      <c r="AJ13709">
        <v>14</v>
      </c>
      <c r="AK13709">
        <v>15</v>
      </c>
      <c r="AL13709">
        <v>15</v>
      </c>
      <c r="AM13709">
        <v>15</v>
      </c>
      <c r="AN13709">
        <v>15</v>
      </c>
      <c r="AO13709">
        <v>15</v>
      </c>
      <c r="AP13709">
        <v>15</v>
      </c>
      <c r="AQ13709">
        <v>15</v>
      </c>
    </row>
    <row r="13710" spans="1:43">
      <c r="A13710" t="s">
        <v>8520</v>
      </c>
      <c r="B13710" t="s">
        <v>8521</v>
      </c>
      <c r="C13710" t="s">
        <v>8300</v>
      </c>
      <c r="D13710" t="s">
        <v>8301</v>
      </c>
      <c r="E13710" t="s">
        <v>8296</v>
      </c>
      <c r="F13710" t="s">
        <v>8297</v>
      </c>
      <c r="G13710" t="s">
        <v>80</v>
      </c>
      <c r="H13710" t="s">
        <v>81</v>
      </c>
      <c r="I13710" s="2">
        <v>0</v>
      </c>
      <c r="J13710" s="2">
        <v>1</v>
      </c>
      <c r="K13710" s="2">
        <v>0</v>
      </c>
      <c r="L13710" t="s">
        <v>82</v>
      </c>
      <c r="M13710" t="s">
        <v>83</v>
      </c>
      <c r="N13710" t="s">
        <v>84</v>
      </c>
      <c r="O13710" t="s">
        <v>85</v>
      </c>
      <c r="P13710" t="s">
        <v>86</v>
      </c>
      <c r="Q13710">
        <v>13</v>
      </c>
      <c r="R13710">
        <v>13</v>
      </c>
      <c r="S13710">
        <v>14</v>
      </c>
      <c r="T13710">
        <v>14</v>
      </c>
      <c r="U13710">
        <v>14</v>
      </c>
      <c r="V13710">
        <v>15</v>
      </c>
      <c r="W13710">
        <v>15</v>
      </c>
      <c r="X13710">
        <v>15</v>
      </c>
      <c r="Y13710">
        <v>15</v>
      </c>
      <c r="Z13710">
        <v>16</v>
      </c>
      <c r="AA13710">
        <v>16</v>
      </c>
      <c r="AB13710">
        <v>16</v>
      </c>
      <c r="AC13710">
        <v>16</v>
      </c>
      <c r="AD13710">
        <v>17</v>
      </c>
      <c r="AE13710">
        <v>17</v>
      </c>
      <c r="AF13710">
        <v>17</v>
      </c>
      <c r="AG13710">
        <v>17</v>
      </c>
      <c r="AH13710">
        <v>17</v>
      </c>
      <c r="AI13710">
        <v>18</v>
      </c>
      <c r="AJ13710">
        <v>18</v>
      </c>
      <c r="AK13710">
        <v>18</v>
      </c>
      <c r="AL13710">
        <v>18</v>
      </c>
      <c r="AM13710">
        <v>18</v>
      </c>
      <c r="AN13710">
        <v>18</v>
      </c>
      <c r="AO13710">
        <v>19</v>
      </c>
      <c r="AP13710">
        <v>19</v>
      </c>
      <c r="AQ13710">
        <v>19</v>
      </c>
    </row>
    <row r="13711" spans="1:43">
      <c r="A13711" t="s">
        <v>8520</v>
      </c>
      <c r="B13711" t="s">
        <v>8521</v>
      </c>
      <c r="C13711" t="s">
        <v>8300</v>
      </c>
      <c r="D13711" t="s">
        <v>8301</v>
      </c>
      <c r="E13711" t="s">
        <v>8296</v>
      </c>
      <c r="F13711" t="s">
        <v>8297</v>
      </c>
      <c r="G13711" t="s">
        <v>80</v>
      </c>
      <c r="H13711" t="s">
        <v>81</v>
      </c>
      <c r="I13711" s="2">
        <v>0</v>
      </c>
      <c r="J13711" s="2">
        <v>1</v>
      </c>
      <c r="K13711" s="2">
        <v>0</v>
      </c>
      <c r="L13711" t="s">
        <v>82</v>
      </c>
      <c r="M13711" t="s">
        <v>87</v>
      </c>
      <c r="N13711" t="s">
        <v>88</v>
      </c>
      <c r="O13711" t="s">
        <v>85</v>
      </c>
      <c r="P13711" t="s">
        <v>86</v>
      </c>
      <c r="Q13711">
        <v>13</v>
      </c>
      <c r="R13711">
        <v>13</v>
      </c>
      <c r="S13711">
        <v>13</v>
      </c>
      <c r="T13711">
        <v>13</v>
      </c>
      <c r="U13711">
        <v>14</v>
      </c>
      <c r="V13711">
        <v>14</v>
      </c>
      <c r="W13711">
        <v>14</v>
      </c>
      <c r="X13711">
        <v>14</v>
      </c>
      <c r="Y13711">
        <v>14</v>
      </c>
      <c r="Z13711">
        <v>14</v>
      </c>
      <c r="AA13711">
        <v>14</v>
      </c>
      <c r="AB13711">
        <v>15</v>
      </c>
      <c r="AC13711">
        <v>15</v>
      </c>
      <c r="AD13711">
        <v>15</v>
      </c>
      <c r="AE13711">
        <v>15</v>
      </c>
      <c r="AF13711">
        <v>15</v>
      </c>
      <c r="AG13711">
        <v>15</v>
      </c>
      <c r="AH13711">
        <v>15</v>
      </c>
      <c r="AI13711">
        <v>15</v>
      </c>
      <c r="AJ13711">
        <v>15</v>
      </c>
      <c r="AK13711">
        <v>16</v>
      </c>
      <c r="AL13711">
        <v>16</v>
      </c>
      <c r="AM13711">
        <v>16</v>
      </c>
      <c r="AN13711">
        <v>16</v>
      </c>
      <c r="AO13711">
        <v>16</v>
      </c>
      <c r="AP13711">
        <v>16</v>
      </c>
      <c r="AQ13711">
        <v>16</v>
      </c>
    </row>
    <row r="13712" spans="1:43">
      <c r="A13712" t="s">
        <v>8520</v>
      </c>
      <c r="B13712" t="s">
        <v>8521</v>
      </c>
      <c r="C13712" t="s">
        <v>8300</v>
      </c>
      <c r="D13712" t="s">
        <v>8301</v>
      </c>
      <c r="E13712" t="s">
        <v>8296</v>
      </c>
      <c r="F13712" t="s">
        <v>8297</v>
      </c>
      <c r="G13712" t="s">
        <v>80</v>
      </c>
      <c r="H13712" t="s">
        <v>81</v>
      </c>
      <c r="I13712" s="2">
        <v>0</v>
      </c>
      <c r="J13712" s="2">
        <v>1</v>
      </c>
      <c r="K13712" s="2">
        <v>0</v>
      </c>
      <c r="L13712" t="s">
        <v>82</v>
      </c>
      <c r="M13712" t="s">
        <v>89</v>
      </c>
      <c r="N13712" t="s">
        <v>90</v>
      </c>
      <c r="O13712" t="s">
        <v>85</v>
      </c>
      <c r="P13712" t="s">
        <v>86</v>
      </c>
      <c r="Q13712">
        <v>13</v>
      </c>
      <c r="R13712">
        <v>14</v>
      </c>
      <c r="S13712">
        <v>14</v>
      </c>
      <c r="T13712">
        <v>14</v>
      </c>
      <c r="U13712">
        <v>15</v>
      </c>
      <c r="V13712">
        <v>15</v>
      </c>
      <c r="W13712">
        <v>16</v>
      </c>
      <c r="X13712">
        <v>16</v>
      </c>
      <c r="Y13712">
        <v>16</v>
      </c>
      <c r="Z13712">
        <v>16</v>
      </c>
      <c r="AA13712">
        <v>17</v>
      </c>
      <c r="AB13712">
        <v>17</v>
      </c>
      <c r="AC13712">
        <v>17</v>
      </c>
      <c r="AD13712">
        <v>18</v>
      </c>
      <c r="AE13712">
        <v>18</v>
      </c>
      <c r="AF13712">
        <v>18</v>
      </c>
      <c r="AG13712">
        <v>18</v>
      </c>
      <c r="AH13712">
        <v>18</v>
      </c>
      <c r="AI13712">
        <v>18</v>
      </c>
      <c r="AJ13712">
        <v>18</v>
      </c>
      <c r="AK13712">
        <v>18</v>
      </c>
      <c r="AL13712">
        <v>18</v>
      </c>
      <c r="AM13712">
        <v>18</v>
      </c>
      <c r="AN13712">
        <v>19</v>
      </c>
      <c r="AO13712">
        <v>19</v>
      </c>
      <c r="AP13712">
        <v>19</v>
      </c>
      <c r="AQ13712">
        <v>19</v>
      </c>
    </row>
    <row r="13713" spans="1:43">
      <c r="A13713" t="s">
        <v>8520</v>
      </c>
      <c r="B13713" t="s">
        <v>8521</v>
      </c>
      <c r="C13713" t="s">
        <v>8300</v>
      </c>
      <c r="D13713" t="s">
        <v>8301</v>
      </c>
      <c r="E13713" t="s">
        <v>8296</v>
      </c>
      <c r="F13713" t="s">
        <v>8297</v>
      </c>
      <c r="G13713" t="s">
        <v>80</v>
      </c>
      <c r="H13713" t="s">
        <v>81</v>
      </c>
      <c r="I13713" s="2">
        <v>0</v>
      </c>
      <c r="J13713" s="2">
        <v>1</v>
      </c>
      <c r="K13713" s="2">
        <v>0</v>
      </c>
      <c r="L13713" t="s">
        <v>82</v>
      </c>
      <c r="M13713" t="s">
        <v>83</v>
      </c>
      <c r="N13713" t="s">
        <v>91</v>
      </c>
      <c r="O13713" t="s">
        <v>85</v>
      </c>
      <c r="P13713" t="s">
        <v>86</v>
      </c>
      <c r="Q13713">
        <v>13</v>
      </c>
      <c r="R13713">
        <v>13</v>
      </c>
      <c r="S13713">
        <v>14</v>
      </c>
      <c r="T13713">
        <v>14</v>
      </c>
      <c r="U13713">
        <v>14</v>
      </c>
      <c r="V13713">
        <v>15</v>
      </c>
      <c r="W13713">
        <v>15</v>
      </c>
      <c r="X13713">
        <v>15</v>
      </c>
      <c r="Y13713">
        <v>15</v>
      </c>
      <c r="Z13713">
        <v>16</v>
      </c>
      <c r="AA13713">
        <v>16</v>
      </c>
      <c r="AB13713">
        <v>16</v>
      </c>
      <c r="AC13713">
        <v>16</v>
      </c>
      <c r="AD13713">
        <v>17</v>
      </c>
      <c r="AE13713">
        <v>17</v>
      </c>
      <c r="AF13713">
        <v>17</v>
      </c>
      <c r="AG13713">
        <v>17</v>
      </c>
      <c r="AH13713">
        <v>17</v>
      </c>
      <c r="AI13713">
        <v>18</v>
      </c>
      <c r="AJ13713">
        <v>18</v>
      </c>
      <c r="AK13713">
        <v>18</v>
      </c>
      <c r="AL13713">
        <v>18</v>
      </c>
      <c r="AM13713">
        <v>18</v>
      </c>
      <c r="AN13713">
        <v>18</v>
      </c>
      <c r="AO13713">
        <v>19</v>
      </c>
      <c r="AP13713">
        <v>19</v>
      </c>
      <c r="AQ13713">
        <v>19</v>
      </c>
    </row>
    <row r="13714" spans="1:43">
      <c r="A13714" t="s">
        <v>8522</v>
      </c>
      <c r="B13714" t="s">
        <v>8523</v>
      </c>
      <c r="C13714" t="s">
        <v>8396</v>
      </c>
      <c r="D13714" t="s">
        <v>8397</v>
      </c>
      <c r="E13714" t="s">
        <v>8296</v>
      </c>
      <c r="F13714" t="s">
        <v>8297</v>
      </c>
      <c r="G13714" t="s">
        <v>80</v>
      </c>
      <c r="H13714" t="s">
        <v>81</v>
      </c>
      <c r="I13714" s="2">
        <v>0</v>
      </c>
      <c r="J13714" s="2">
        <v>1</v>
      </c>
      <c r="K13714" s="2">
        <v>0</v>
      </c>
      <c r="L13714" t="s">
        <v>82</v>
      </c>
      <c r="M13714" t="s">
        <v>83</v>
      </c>
      <c r="N13714" t="s">
        <v>84</v>
      </c>
      <c r="O13714" t="s">
        <v>85</v>
      </c>
      <c r="P13714" t="s">
        <v>86</v>
      </c>
      <c r="Q13714">
        <v>99</v>
      </c>
      <c r="R13714">
        <v>101</v>
      </c>
      <c r="S13714">
        <v>103</v>
      </c>
      <c r="T13714">
        <v>105</v>
      </c>
      <c r="U13714">
        <v>107</v>
      </c>
      <c r="V13714">
        <v>109</v>
      </c>
      <c r="W13714">
        <v>111</v>
      </c>
      <c r="X13714">
        <v>113</v>
      </c>
      <c r="Y13714">
        <v>115</v>
      </c>
      <c r="Z13714">
        <v>116</v>
      </c>
      <c r="AA13714">
        <v>118</v>
      </c>
      <c r="AB13714">
        <v>120</v>
      </c>
      <c r="AC13714">
        <v>122</v>
      </c>
      <c r="AD13714">
        <v>124</v>
      </c>
      <c r="AE13714">
        <v>126</v>
      </c>
      <c r="AF13714">
        <v>128</v>
      </c>
      <c r="AG13714">
        <v>130</v>
      </c>
      <c r="AH13714">
        <v>131</v>
      </c>
      <c r="AI13714">
        <v>133</v>
      </c>
      <c r="AJ13714">
        <v>135</v>
      </c>
      <c r="AK13714">
        <v>137</v>
      </c>
      <c r="AL13714">
        <v>138</v>
      </c>
      <c r="AM13714">
        <v>138</v>
      </c>
      <c r="AN13714">
        <v>139</v>
      </c>
      <c r="AO13714">
        <v>139</v>
      </c>
      <c r="AP13714">
        <v>140</v>
      </c>
      <c r="AQ13714">
        <v>140</v>
      </c>
    </row>
    <row r="13715" spans="1:43">
      <c r="A13715" t="s">
        <v>8522</v>
      </c>
      <c r="B13715" t="s">
        <v>8523</v>
      </c>
      <c r="C13715" t="s">
        <v>8396</v>
      </c>
      <c r="D13715" t="s">
        <v>8397</v>
      </c>
      <c r="E13715" t="s">
        <v>8296</v>
      </c>
      <c r="F13715" t="s">
        <v>8297</v>
      </c>
      <c r="G13715" t="s">
        <v>80</v>
      </c>
      <c r="H13715" t="s">
        <v>81</v>
      </c>
      <c r="I13715" s="2">
        <v>0</v>
      </c>
      <c r="J13715" s="2">
        <v>1</v>
      </c>
      <c r="K13715" s="2">
        <v>0</v>
      </c>
      <c r="L13715" t="s">
        <v>82</v>
      </c>
      <c r="M13715" t="s">
        <v>87</v>
      </c>
      <c r="N13715" t="s">
        <v>88</v>
      </c>
      <c r="O13715" t="s">
        <v>85</v>
      </c>
      <c r="P13715" t="s">
        <v>86</v>
      </c>
      <c r="Q13715">
        <v>99</v>
      </c>
      <c r="R13715">
        <v>100</v>
      </c>
      <c r="S13715">
        <v>101</v>
      </c>
      <c r="T13715">
        <v>102</v>
      </c>
      <c r="U13715">
        <v>103</v>
      </c>
      <c r="V13715">
        <v>104</v>
      </c>
      <c r="W13715">
        <v>105</v>
      </c>
      <c r="X13715">
        <v>106</v>
      </c>
      <c r="Y13715">
        <v>107</v>
      </c>
      <c r="Z13715">
        <v>108</v>
      </c>
      <c r="AA13715">
        <v>109</v>
      </c>
      <c r="AB13715">
        <v>110</v>
      </c>
      <c r="AC13715">
        <v>111</v>
      </c>
      <c r="AD13715">
        <v>112</v>
      </c>
      <c r="AE13715">
        <v>112</v>
      </c>
      <c r="AF13715">
        <v>113</v>
      </c>
      <c r="AG13715">
        <v>114</v>
      </c>
      <c r="AH13715">
        <v>115</v>
      </c>
      <c r="AI13715">
        <v>116</v>
      </c>
      <c r="AJ13715">
        <v>117</v>
      </c>
      <c r="AK13715">
        <v>118</v>
      </c>
      <c r="AL13715">
        <v>119</v>
      </c>
      <c r="AM13715">
        <v>120</v>
      </c>
      <c r="AN13715">
        <v>120</v>
      </c>
      <c r="AO13715">
        <v>121</v>
      </c>
      <c r="AP13715">
        <v>122</v>
      </c>
      <c r="AQ13715">
        <v>123</v>
      </c>
    </row>
    <row r="13716" spans="1:43">
      <c r="A13716" t="s">
        <v>8522</v>
      </c>
      <c r="B13716" t="s">
        <v>8523</v>
      </c>
      <c r="C13716" t="s">
        <v>8396</v>
      </c>
      <c r="D13716" t="s">
        <v>8397</v>
      </c>
      <c r="E13716" t="s">
        <v>8296</v>
      </c>
      <c r="F13716" t="s">
        <v>8297</v>
      </c>
      <c r="G13716" t="s">
        <v>80</v>
      </c>
      <c r="H13716" t="s">
        <v>81</v>
      </c>
      <c r="I13716" s="2">
        <v>0</v>
      </c>
      <c r="J13716" s="2">
        <v>1</v>
      </c>
      <c r="K13716" s="2">
        <v>0</v>
      </c>
      <c r="L13716" t="s">
        <v>82</v>
      </c>
      <c r="M13716" t="s">
        <v>89</v>
      </c>
      <c r="N13716" t="s">
        <v>90</v>
      </c>
      <c r="O13716" t="s">
        <v>85</v>
      </c>
      <c r="P13716" t="s">
        <v>86</v>
      </c>
      <c r="Q13716">
        <v>99</v>
      </c>
      <c r="R13716">
        <v>102</v>
      </c>
      <c r="S13716">
        <v>104</v>
      </c>
      <c r="T13716">
        <v>107</v>
      </c>
      <c r="U13716">
        <v>110</v>
      </c>
      <c r="V13716">
        <v>113</v>
      </c>
      <c r="W13716">
        <v>115</v>
      </c>
      <c r="X13716">
        <v>118</v>
      </c>
      <c r="Y13716">
        <v>120</v>
      </c>
      <c r="Z13716">
        <v>123</v>
      </c>
      <c r="AA13716">
        <v>125</v>
      </c>
      <c r="AB13716">
        <v>127</v>
      </c>
      <c r="AC13716">
        <v>130</v>
      </c>
      <c r="AD13716">
        <v>132</v>
      </c>
      <c r="AE13716">
        <v>134</v>
      </c>
      <c r="AF13716">
        <v>135</v>
      </c>
      <c r="AG13716">
        <v>135</v>
      </c>
      <c r="AH13716">
        <v>136</v>
      </c>
      <c r="AI13716">
        <v>136</v>
      </c>
      <c r="AJ13716">
        <v>137</v>
      </c>
      <c r="AK13716">
        <v>137</v>
      </c>
      <c r="AL13716">
        <v>138</v>
      </c>
      <c r="AM13716">
        <v>138</v>
      </c>
      <c r="AN13716">
        <v>139</v>
      </c>
      <c r="AO13716">
        <v>139</v>
      </c>
      <c r="AP13716">
        <v>140</v>
      </c>
      <c r="AQ13716">
        <v>140</v>
      </c>
    </row>
    <row r="13717" spans="1:43">
      <c r="A13717" t="s">
        <v>8522</v>
      </c>
      <c r="B13717" t="s">
        <v>8523</v>
      </c>
      <c r="C13717" t="s">
        <v>8396</v>
      </c>
      <c r="D13717" t="s">
        <v>8397</v>
      </c>
      <c r="E13717" t="s">
        <v>8296</v>
      </c>
      <c r="F13717" t="s">
        <v>8297</v>
      </c>
      <c r="G13717" t="s">
        <v>80</v>
      </c>
      <c r="H13717" t="s">
        <v>81</v>
      </c>
      <c r="I13717" s="2">
        <v>0</v>
      </c>
      <c r="J13717" s="2">
        <v>1</v>
      </c>
      <c r="K13717" s="2">
        <v>0</v>
      </c>
      <c r="L13717" t="s">
        <v>82</v>
      </c>
      <c r="M13717" t="s">
        <v>83</v>
      </c>
      <c r="N13717" t="s">
        <v>91</v>
      </c>
      <c r="O13717" t="s">
        <v>85</v>
      </c>
      <c r="P13717" t="s">
        <v>86</v>
      </c>
      <c r="Q13717">
        <v>99</v>
      </c>
      <c r="R13717">
        <v>101</v>
      </c>
      <c r="S13717">
        <v>103</v>
      </c>
      <c r="T13717">
        <v>105</v>
      </c>
      <c r="U13717">
        <v>107</v>
      </c>
      <c r="V13717">
        <v>109</v>
      </c>
      <c r="W13717">
        <v>111</v>
      </c>
      <c r="X13717">
        <v>113</v>
      </c>
      <c r="Y13717">
        <v>115</v>
      </c>
      <c r="Z13717">
        <v>116</v>
      </c>
      <c r="AA13717">
        <v>118</v>
      </c>
      <c r="AB13717">
        <v>120</v>
      </c>
      <c r="AC13717">
        <v>122</v>
      </c>
      <c r="AD13717">
        <v>124</v>
      </c>
      <c r="AE13717">
        <v>126</v>
      </c>
      <c r="AF13717">
        <v>128</v>
      </c>
      <c r="AG13717">
        <v>130</v>
      </c>
      <c r="AH13717">
        <v>131</v>
      </c>
      <c r="AI13717">
        <v>133</v>
      </c>
      <c r="AJ13717">
        <v>135</v>
      </c>
      <c r="AK13717">
        <v>137</v>
      </c>
      <c r="AL13717">
        <v>138</v>
      </c>
      <c r="AM13717">
        <v>138</v>
      </c>
      <c r="AN13717">
        <v>139</v>
      </c>
      <c r="AO13717">
        <v>139</v>
      </c>
      <c r="AP13717">
        <v>140</v>
      </c>
      <c r="AQ13717">
        <v>140</v>
      </c>
    </row>
    <row r="13718" spans="1:43">
      <c r="A13718" t="s">
        <v>8524</v>
      </c>
      <c r="B13718" t="s">
        <v>8525</v>
      </c>
      <c r="C13718" t="s">
        <v>8496</v>
      </c>
      <c r="D13718" t="s">
        <v>8497</v>
      </c>
      <c r="E13718" t="s">
        <v>8296</v>
      </c>
      <c r="F13718" t="s">
        <v>8297</v>
      </c>
      <c r="G13718" t="s">
        <v>80</v>
      </c>
      <c r="H13718" t="s">
        <v>81</v>
      </c>
      <c r="I13718" s="2">
        <v>0</v>
      </c>
      <c r="J13718" s="2">
        <v>1</v>
      </c>
      <c r="K13718" s="2">
        <v>0</v>
      </c>
      <c r="L13718" t="s">
        <v>82</v>
      </c>
      <c r="M13718" t="s">
        <v>83</v>
      </c>
      <c r="N13718" t="s">
        <v>84</v>
      </c>
      <c r="O13718" t="s">
        <v>85</v>
      </c>
      <c r="P13718" t="s">
        <v>86</v>
      </c>
      <c r="Q13718">
        <v>60</v>
      </c>
      <c r="R13718">
        <v>61</v>
      </c>
      <c r="S13718">
        <v>62</v>
      </c>
      <c r="T13718">
        <v>64</v>
      </c>
      <c r="U13718">
        <v>65</v>
      </c>
      <c r="V13718">
        <v>66</v>
      </c>
      <c r="W13718">
        <v>67</v>
      </c>
      <c r="X13718">
        <v>68</v>
      </c>
      <c r="Y13718">
        <v>69</v>
      </c>
      <c r="Z13718">
        <v>71</v>
      </c>
      <c r="AA13718">
        <v>72</v>
      </c>
      <c r="AB13718">
        <v>73</v>
      </c>
      <c r="AC13718">
        <v>74</v>
      </c>
      <c r="AD13718">
        <v>75</v>
      </c>
      <c r="AE13718">
        <v>76</v>
      </c>
      <c r="AF13718">
        <v>77</v>
      </c>
      <c r="AG13718">
        <v>78</v>
      </c>
      <c r="AH13718">
        <v>80</v>
      </c>
      <c r="AI13718">
        <v>81</v>
      </c>
      <c r="AJ13718">
        <v>82</v>
      </c>
      <c r="AK13718">
        <v>83</v>
      </c>
      <c r="AL13718">
        <v>83</v>
      </c>
      <c r="AM13718">
        <v>84</v>
      </c>
      <c r="AN13718">
        <v>84</v>
      </c>
      <c r="AO13718">
        <v>84</v>
      </c>
      <c r="AP13718">
        <v>85</v>
      </c>
      <c r="AQ13718">
        <v>85</v>
      </c>
    </row>
    <row r="13719" spans="1:43">
      <c r="A13719" t="s">
        <v>8524</v>
      </c>
      <c r="B13719" t="s">
        <v>8525</v>
      </c>
      <c r="C13719" t="s">
        <v>8496</v>
      </c>
      <c r="D13719" t="s">
        <v>8497</v>
      </c>
      <c r="E13719" t="s">
        <v>8296</v>
      </c>
      <c r="F13719" t="s">
        <v>8297</v>
      </c>
      <c r="G13719" t="s">
        <v>80</v>
      </c>
      <c r="H13719" t="s">
        <v>81</v>
      </c>
      <c r="I13719" s="2">
        <v>0</v>
      </c>
      <c r="J13719" s="2">
        <v>1</v>
      </c>
      <c r="K13719" s="2">
        <v>0</v>
      </c>
      <c r="L13719" t="s">
        <v>82</v>
      </c>
      <c r="M13719" t="s">
        <v>87</v>
      </c>
      <c r="N13719" t="s">
        <v>88</v>
      </c>
      <c r="O13719" t="s">
        <v>85</v>
      </c>
      <c r="P13719" t="s">
        <v>86</v>
      </c>
      <c r="Q13719">
        <v>60</v>
      </c>
      <c r="R13719">
        <v>61</v>
      </c>
      <c r="S13719">
        <v>62</v>
      </c>
      <c r="T13719">
        <v>62</v>
      </c>
      <c r="U13719">
        <v>63</v>
      </c>
      <c r="V13719">
        <v>63</v>
      </c>
      <c r="W13719">
        <v>64</v>
      </c>
      <c r="X13719">
        <v>65</v>
      </c>
      <c r="Y13719">
        <v>65</v>
      </c>
      <c r="Z13719">
        <v>66</v>
      </c>
      <c r="AA13719">
        <v>66</v>
      </c>
      <c r="AB13719">
        <v>67</v>
      </c>
      <c r="AC13719">
        <v>67</v>
      </c>
      <c r="AD13719">
        <v>68</v>
      </c>
      <c r="AE13719">
        <v>69</v>
      </c>
      <c r="AF13719">
        <v>69</v>
      </c>
      <c r="AG13719">
        <v>70</v>
      </c>
      <c r="AH13719">
        <v>70</v>
      </c>
      <c r="AI13719">
        <v>71</v>
      </c>
      <c r="AJ13719">
        <v>71</v>
      </c>
      <c r="AK13719">
        <v>72</v>
      </c>
      <c r="AL13719">
        <v>72</v>
      </c>
      <c r="AM13719">
        <v>73</v>
      </c>
      <c r="AN13719">
        <v>73</v>
      </c>
      <c r="AO13719">
        <v>74</v>
      </c>
      <c r="AP13719">
        <v>74</v>
      </c>
      <c r="AQ13719">
        <v>75</v>
      </c>
    </row>
    <row r="13720" spans="1:43">
      <c r="A13720" t="s">
        <v>8524</v>
      </c>
      <c r="B13720" t="s">
        <v>8525</v>
      </c>
      <c r="C13720" t="s">
        <v>8496</v>
      </c>
      <c r="D13720" t="s">
        <v>8497</v>
      </c>
      <c r="E13720" t="s">
        <v>8296</v>
      </c>
      <c r="F13720" t="s">
        <v>8297</v>
      </c>
      <c r="G13720" t="s">
        <v>80</v>
      </c>
      <c r="H13720" t="s">
        <v>81</v>
      </c>
      <c r="I13720" s="2">
        <v>0</v>
      </c>
      <c r="J13720" s="2">
        <v>1</v>
      </c>
      <c r="K13720" s="2">
        <v>0</v>
      </c>
      <c r="L13720" t="s">
        <v>82</v>
      </c>
      <c r="M13720" t="s">
        <v>89</v>
      </c>
      <c r="N13720" t="s">
        <v>90</v>
      </c>
      <c r="O13720" t="s">
        <v>85</v>
      </c>
      <c r="P13720" t="s">
        <v>86</v>
      </c>
      <c r="Q13720">
        <v>60</v>
      </c>
      <c r="R13720">
        <v>61</v>
      </c>
      <c r="S13720">
        <v>63</v>
      </c>
      <c r="T13720">
        <v>65</v>
      </c>
      <c r="U13720">
        <v>66</v>
      </c>
      <c r="V13720">
        <v>68</v>
      </c>
      <c r="W13720">
        <v>70</v>
      </c>
      <c r="X13720">
        <v>71</v>
      </c>
      <c r="Y13720">
        <v>73</v>
      </c>
      <c r="Z13720">
        <v>74</v>
      </c>
      <c r="AA13720">
        <v>75</v>
      </c>
      <c r="AB13720">
        <v>77</v>
      </c>
      <c r="AC13720">
        <v>78</v>
      </c>
      <c r="AD13720">
        <v>80</v>
      </c>
      <c r="AE13720">
        <v>81</v>
      </c>
      <c r="AF13720">
        <v>81</v>
      </c>
      <c r="AG13720">
        <v>81</v>
      </c>
      <c r="AH13720">
        <v>82</v>
      </c>
      <c r="AI13720">
        <v>82</v>
      </c>
      <c r="AJ13720">
        <v>82</v>
      </c>
      <c r="AK13720">
        <v>83</v>
      </c>
      <c r="AL13720">
        <v>83</v>
      </c>
      <c r="AM13720">
        <v>83</v>
      </c>
      <c r="AN13720">
        <v>84</v>
      </c>
      <c r="AO13720">
        <v>84</v>
      </c>
      <c r="AP13720">
        <v>84</v>
      </c>
      <c r="AQ13720">
        <v>84</v>
      </c>
    </row>
    <row r="13721" spans="1:43">
      <c r="A13721" t="s">
        <v>8524</v>
      </c>
      <c r="B13721" t="s">
        <v>8525</v>
      </c>
      <c r="C13721" t="s">
        <v>8496</v>
      </c>
      <c r="D13721" t="s">
        <v>8497</v>
      </c>
      <c r="E13721" t="s">
        <v>8296</v>
      </c>
      <c r="F13721" t="s">
        <v>8297</v>
      </c>
      <c r="G13721" t="s">
        <v>80</v>
      </c>
      <c r="H13721" t="s">
        <v>81</v>
      </c>
      <c r="I13721" s="2">
        <v>0</v>
      </c>
      <c r="J13721" s="2">
        <v>1</v>
      </c>
      <c r="K13721" s="2">
        <v>0</v>
      </c>
      <c r="L13721" t="s">
        <v>82</v>
      </c>
      <c r="M13721" t="s">
        <v>83</v>
      </c>
      <c r="N13721" t="s">
        <v>91</v>
      </c>
      <c r="O13721" t="s">
        <v>85</v>
      </c>
      <c r="P13721" t="s">
        <v>86</v>
      </c>
      <c r="Q13721">
        <v>60</v>
      </c>
      <c r="R13721">
        <v>61</v>
      </c>
      <c r="S13721">
        <v>62</v>
      </c>
      <c r="T13721">
        <v>64</v>
      </c>
      <c r="U13721">
        <v>65</v>
      </c>
      <c r="V13721">
        <v>66</v>
      </c>
      <c r="W13721">
        <v>67</v>
      </c>
      <c r="X13721">
        <v>68</v>
      </c>
      <c r="Y13721">
        <v>69</v>
      </c>
      <c r="Z13721">
        <v>71</v>
      </c>
      <c r="AA13721">
        <v>72</v>
      </c>
      <c r="AB13721">
        <v>73</v>
      </c>
      <c r="AC13721">
        <v>74</v>
      </c>
      <c r="AD13721">
        <v>75</v>
      </c>
      <c r="AE13721">
        <v>76</v>
      </c>
      <c r="AF13721">
        <v>77</v>
      </c>
      <c r="AG13721">
        <v>78</v>
      </c>
      <c r="AH13721">
        <v>80</v>
      </c>
      <c r="AI13721">
        <v>81</v>
      </c>
      <c r="AJ13721">
        <v>82</v>
      </c>
      <c r="AK13721">
        <v>83</v>
      </c>
      <c r="AL13721">
        <v>83</v>
      </c>
      <c r="AM13721">
        <v>84</v>
      </c>
      <c r="AN13721">
        <v>84</v>
      </c>
      <c r="AO13721">
        <v>84</v>
      </c>
      <c r="AP13721">
        <v>85</v>
      </c>
      <c r="AQ13721">
        <v>85</v>
      </c>
    </row>
    <row r="13722" spans="1:43">
      <c r="A13722" t="s">
        <v>8526</v>
      </c>
      <c r="B13722" t="s">
        <v>8527</v>
      </c>
      <c r="C13722" t="s">
        <v>8496</v>
      </c>
      <c r="D13722" t="s">
        <v>8497</v>
      </c>
      <c r="E13722" t="s">
        <v>8296</v>
      </c>
      <c r="F13722" t="s">
        <v>8297</v>
      </c>
      <c r="G13722" t="s">
        <v>80</v>
      </c>
      <c r="H13722" t="s">
        <v>81</v>
      </c>
      <c r="I13722" s="2">
        <v>0</v>
      </c>
      <c r="J13722" s="2">
        <v>1</v>
      </c>
      <c r="K13722" s="2">
        <v>0</v>
      </c>
      <c r="L13722" t="s">
        <v>82</v>
      </c>
      <c r="M13722" t="s">
        <v>83</v>
      </c>
      <c r="N13722" t="s">
        <v>84</v>
      </c>
      <c r="O13722" t="s">
        <v>85</v>
      </c>
      <c r="P13722" t="s">
        <v>86</v>
      </c>
      <c r="Q13722">
        <v>31</v>
      </c>
      <c r="R13722">
        <v>31</v>
      </c>
      <c r="S13722">
        <v>32</v>
      </c>
      <c r="T13722">
        <v>33</v>
      </c>
      <c r="U13722">
        <v>33</v>
      </c>
      <c r="V13722">
        <v>34</v>
      </c>
      <c r="W13722">
        <v>34</v>
      </c>
      <c r="X13722">
        <v>35</v>
      </c>
      <c r="Y13722">
        <v>36</v>
      </c>
      <c r="Z13722">
        <v>36</v>
      </c>
      <c r="AA13722">
        <v>37</v>
      </c>
      <c r="AB13722">
        <v>37</v>
      </c>
      <c r="AC13722">
        <v>38</v>
      </c>
      <c r="AD13722">
        <v>38</v>
      </c>
      <c r="AE13722">
        <v>39</v>
      </c>
      <c r="AF13722">
        <v>40</v>
      </c>
      <c r="AG13722">
        <v>40</v>
      </c>
      <c r="AH13722">
        <v>41</v>
      </c>
      <c r="AI13722">
        <v>41</v>
      </c>
      <c r="AJ13722">
        <v>42</v>
      </c>
      <c r="AK13722">
        <v>43</v>
      </c>
      <c r="AL13722">
        <v>43</v>
      </c>
      <c r="AM13722">
        <v>43</v>
      </c>
      <c r="AN13722">
        <v>43</v>
      </c>
      <c r="AO13722">
        <v>43</v>
      </c>
      <c r="AP13722">
        <v>43</v>
      </c>
      <c r="AQ13722">
        <v>44</v>
      </c>
    </row>
    <row r="13723" spans="1:43">
      <c r="A13723" t="s">
        <v>8526</v>
      </c>
      <c r="B13723" t="s">
        <v>8527</v>
      </c>
      <c r="C13723" t="s">
        <v>8496</v>
      </c>
      <c r="D13723" t="s">
        <v>8497</v>
      </c>
      <c r="E13723" t="s">
        <v>8296</v>
      </c>
      <c r="F13723" t="s">
        <v>8297</v>
      </c>
      <c r="G13723" t="s">
        <v>80</v>
      </c>
      <c r="H13723" t="s">
        <v>81</v>
      </c>
      <c r="I13723" s="2">
        <v>0</v>
      </c>
      <c r="J13723" s="2">
        <v>1</v>
      </c>
      <c r="K13723" s="2">
        <v>0</v>
      </c>
      <c r="L13723" t="s">
        <v>82</v>
      </c>
      <c r="M13723" t="s">
        <v>87</v>
      </c>
      <c r="N13723" t="s">
        <v>88</v>
      </c>
      <c r="O13723" t="s">
        <v>85</v>
      </c>
      <c r="P13723" t="s">
        <v>86</v>
      </c>
      <c r="Q13723">
        <v>31</v>
      </c>
      <c r="R13723">
        <v>32</v>
      </c>
      <c r="S13723">
        <v>32</v>
      </c>
      <c r="T13723">
        <v>32</v>
      </c>
      <c r="U13723">
        <v>33</v>
      </c>
      <c r="V13723">
        <v>33</v>
      </c>
      <c r="W13723">
        <v>33</v>
      </c>
      <c r="X13723">
        <v>34</v>
      </c>
      <c r="Y13723">
        <v>34</v>
      </c>
      <c r="Z13723">
        <v>34</v>
      </c>
      <c r="AA13723">
        <v>34</v>
      </c>
      <c r="AB13723">
        <v>35</v>
      </c>
      <c r="AC13723">
        <v>35</v>
      </c>
      <c r="AD13723">
        <v>35</v>
      </c>
      <c r="AE13723">
        <v>36</v>
      </c>
      <c r="AF13723">
        <v>36</v>
      </c>
      <c r="AG13723">
        <v>36</v>
      </c>
      <c r="AH13723">
        <v>36</v>
      </c>
      <c r="AI13723">
        <v>37</v>
      </c>
      <c r="AJ13723">
        <v>37</v>
      </c>
      <c r="AK13723">
        <v>37</v>
      </c>
      <c r="AL13723">
        <v>38</v>
      </c>
      <c r="AM13723">
        <v>38</v>
      </c>
      <c r="AN13723">
        <v>38</v>
      </c>
      <c r="AO13723">
        <v>38</v>
      </c>
      <c r="AP13723">
        <v>39</v>
      </c>
      <c r="AQ13723">
        <v>39</v>
      </c>
    </row>
    <row r="13724" spans="1:43">
      <c r="A13724" t="s">
        <v>8526</v>
      </c>
      <c r="B13724" t="s">
        <v>8527</v>
      </c>
      <c r="C13724" t="s">
        <v>8496</v>
      </c>
      <c r="D13724" t="s">
        <v>8497</v>
      </c>
      <c r="E13724" t="s">
        <v>8296</v>
      </c>
      <c r="F13724" t="s">
        <v>8297</v>
      </c>
      <c r="G13724" t="s">
        <v>80</v>
      </c>
      <c r="H13724" t="s">
        <v>81</v>
      </c>
      <c r="I13724" s="2">
        <v>0</v>
      </c>
      <c r="J13724" s="2">
        <v>1</v>
      </c>
      <c r="K13724" s="2">
        <v>0</v>
      </c>
      <c r="L13724" t="s">
        <v>82</v>
      </c>
      <c r="M13724" t="s">
        <v>89</v>
      </c>
      <c r="N13724" t="s">
        <v>90</v>
      </c>
      <c r="O13724" t="s">
        <v>85</v>
      </c>
      <c r="P13724" t="s">
        <v>86</v>
      </c>
      <c r="Q13724">
        <v>31</v>
      </c>
      <c r="R13724">
        <v>32</v>
      </c>
      <c r="S13724">
        <v>33</v>
      </c>
      <c r="T13724">
        <v>34</v>
      </c>
      <c r="U13724">
        <v>34</v>
      </c>
      <c r="V13724">
        <v>35</v>
      </c>
      <c r="W13724">
        <v>36</v>
      </c>
      <c r="X13724">
        <v>37</v>
      </c>
      <c r="Y13724">
        <v>38</v>
      </c>
      <c r="Z13724">
        <v>38</v>
      </c>
      <c r="AA13724">
        <v>39</v>
      </c>
      <c r="AB13724">
        <v>40</v>
      </c>
      <c r="AC13724">
        <v>41</v>
      </c>
      <c r="AD13724">
        <v>41</v>
      </c>
      <c r="AE13724">
        <v>42</v>
      </c>
      <c r="AF13724">
        <v>42</v>
      </c>
      <c r="AG13724">
        <v>42</v>
      </c>
      <c r="AH13724">
        <v>42</v>
      </c>
      <c r="AI13724">
        <v>43</v>
      </c>
      <c r="AJ13724">
        <v>43</v>
      </c>
      <c r="AK13724">
        <v>43</v>
      </c>
      <c r="AL13724">
        <v>43</v>
      </c>
      <c r="AM13724">
        <v>43</v>
      </c>
      <c r="AN13724">
        <v>43</v>
      </c>
      <c r="AO13724">
        <v>43</v>
      </c>
      <c r="AP13724">
        <v>44</v>
      </c>
      <c r="AQ13724">
        <v>44</v>
      </c>
    </row>
    <row r="13725" spans="1:43">
      <c r="A13725" t="s">
        <v>8526</v>
      </c>
      <c r="B13725" t="s">
        <v>8527</v>
      </c>
      <c r="C13725" t="s">
        <v>8496</v>
      </c>
      <c r="D13725" t="s">
        <v>8497</v>
      </c>
      <c r="E13725" t="s">
        <v>8296</v>
      </c>
      <c r="F13725" t="s">
        <v>8297</v>
      </c>
      <c r="G13725" t="s">
        <v>80</v>
      </c>
      <c r="H13725" t="s">
        <v>81</v>
      </c>
      <c r="I13725" s="2">
        <v>0</v>
      </c>
      <c r="J13725" s="2">
        <v>1</v>
      </c>
      <c r="K13725" s="2">
        <v>0</v>
      </c>
      <c r="L13725" t="s">
        <v>82</v>
      </c>
      <c r="M13725" t="s">
        <v>83</v>
      </c>
      <c r="N13725" t="s">
        <v>91</v>
      </c>
      <c r="O13725" t="s">
        <v>85</v>
      </c>
      <c r="P13725" t="s">
        <v>86</v>
      </c>
      <c r="Q13725">
        <v>31</v>
      </c>
      <c r="R13725">
        <v>31</v>
      </c>
      <c r="S13725">
        <v>32</v>
      </c>
      <c r="T13725">
        <v>33</v>
      </c>
      <c r="U13725">
        <v>33</v>
      </c>
      <c r="V13725">
        <v>34</v>
      </c>
      <c r="W13725">
        <v>34</v>
      </c>
      <c r="X13725">
        <v>35</v>
      </c>
      <c r="Y13725">
        <v>36</v>
      </c>
      <c r="Z13725">
        <v>36</v>
      </c>
      <c r="AA13725">
        <v>37</v>
      </c>
      <c r="AB13725">
        <v>37</v>
      </c>
      <c r="AC13725">
        <v>38</v>
      </c>
      <c r="AD13725">
        <v>38</v>
      </c>
      <c r="AE13725">
        <v>39</v>
      </c>
      <c r="AF13725">
        <v>40</v>
      </c>
      <c r="AG13725">
        <v>40</v>
      </c>
      <c r="AH13725">
        <v>41</v>
      </c>
      <c r="AI13725">
        <v>41</v>
      </c>
      <c r="AJ13725">
        <v>42</v>
      </c>
      <c r="AK13725">
        <v>43</v>
      </c>
      <c r="AL13725">
        <v>43</v>
      </c>
      <c r="AM13725">
        <v>43</v>
      </c>
      <c r="AN13725">
        <v>43</v>
      </c>
      <c r="AO13725">
        <v>43</v>
      </c>
      <c r="AP13725">
        <v>43</v>
      </c>
      <c r="AQ13725">
        <v>44</v>
      </c>
    </row>
    <row r="13726" spans="1:43">
      <c r="A13726" t="s">
        <v>8528</v>
      </c>
      <c r="B13726" t="s">
        <v>8529</v>
      </c>
      <c r="C13726" t="s">
        <v>8384</v>
      </c>
      <c r="D13726" t="s">
        <v>8385</v>
      </c>
      <c r="E13726" t="s">
        <v>8296</v>
      </c>
      <c r="F13726" t="s">
        <v>8297</v>
      </c>
      <c r="G13726" t="s">
        <v>80</v>
      </c>
      <c r="H13726" t="s">
        <v>81</v>
      </c>
      <c r="I13726" s="2">
        <v>0</v>
      </c>
      <c r="J13726" s="2">
        <v>1</v>
      </c>
      <c r="K13726" s="2">
        <v>0</v>
      </c>
      <c r="L13726" t="s">
        <v>82</v>
      </c>
      <c r="M13726" t="s">
        <v>83</v>
      </c>
      <c r="N13726" t="s">
        <v>84</v>
      </c>
      <c r="O13726" t="s">
        <v>85</v>
      </c>
      <c r="P13726" t="s">
        <v>86</v>
      </c>
      <c r="Q13726">
        <v>40</v>
      </c>
      <c r="R13726">
        <v>41</v>
      </c>
      <c r="S13726">
        <v>41</v>
      </c>
      <c r="T13726">
        <v>42</v>
      </c>
      <c r="U13726">
        <v>43</v>
      </c>
      <c r="V13726">
        <v>44</v>
      </c>
      <c r="W13726">
        <v>45</v>
      </c>
      <c r="X13726">
        <v>45</v>
      </c>
      <c r="Y13726">
        <v>46</v>
      </c>
      <c r="Z13726">
        <v>47</v>
      </c>
      <c r="AA13726">
        <v>48</v>
      </c>
      <c r="AB13726">
        <v>49</v>
      </c>
      <c r="AC13726">
        <v>49</v>
      </c>
      <c r="AD13726">
        <v>50</v>
      </c>
      <c r="AE13726">
        <v>51</v>
      </c>
      <c r="AF13726">
        <v>52</v>
      </c>
      <c r="AG13726">
        <v>52</v>
      </c>
      <c r="AH13726">
        <v>53</v>
      </c>
      <c r="AI13726">
        <v>54</v>
      </c>
      <c r="AJ13726">
        <v>55</v>
      </c>
      <c r="AK13726">
        <v>55</v>
      </c>
      <c r="AL13726">
        <v>56</v>
      </c>
      <c r="AM13726">
        <v>56</v>
      </c>
      <c r="AN13726">
        <v>56</v>
      </c>
      <c r="AO13726">
        <v>56</v>
      </c>
      <c r="AP13726">
        <v>56</v>
      </c>
      <c r="AQ13726">
        <v>57</v>
      </c>
    </row>
    <row r="13727" spans="1:43">
      <c r="A13727" t="s">
        <v>8528</v>
      </c>
      <c r="B13727" t="s">
        <v>8529</v>
      </c>
      <c r="C13727" t="s">
        <v>8384</v>
      </c>
      <c r="D13727" t="s">
        <v>8385</v>
      </c>
      <c r="E13727" t="s">
        <v>8296</v>
      </c>
      <c r="F13727" t="s">
        <v>8297</v>
      </c>
      <c r="G13727" t="s">
        <v>80</v>
      </c>
      <c r="H13727" t="s">
        <v>81</v>
      </c>
      <c r="I13727" s="2">
        <v>0</v>
      </c>
      <c r="J13727" s="2">
        <v>1</v>
      </c>
      <c r="K13727" s="2">
        <v>0</v>
      </c>
      <c r="L13727" t="s">
        <v>82</v>
      </c>
      <c r="M13727" t="s">
        <v>87</v>
      </c>
      <c r="N13727" t="s">
        <v>88</v>
      </c>
      <c r="O13727" t="s">
        <v>85</v>
      </c>
      <c r="P13727" t="s">
        <v>86</v>
      </c>
      <c r="Q13727">
        <v>40</v>
      </c>
      <c r="R13727">
        <v>40</v>
      </c>
      <c r="S13727">
        <v>40</v>
      </c>
      <c r="T13727">
        <v>41</v>
      </c>
      <c r="U13727">
        <v>41</v>
      </c>
      <c r="V13727">
        <v>42</v>
      </c>
      <c r="W13727">
        <v>42</v>
      </c>
      <c r="X13727">
        <v>42</v>
      </c>
      <c r="Y13727">
        <v>43</v>
      </c>
      <c r="Z13727">
        <v>43</v>
      </c>
      <c r="AA13727">
        <v>43</v>
      </c>
      <c r="AB13727">
        <v>44</v>
      </c>
      <c r="AC13727">
        <v>44</v>
      </c>
      <c r="AD13727">
        <v>45</v>
      </c>
      <c r="AE13727">
        <v>45</v>
      </c>
      <c r="AF13727">
        <v>45</v>
      </c>
      <c r="AG13727">
        <v>46</v>
      </c>
      <c r="AH13727">
        <v>46</v>
      </c>
      <c r="AI13727">
        <v>46</v>
      </c>
      <c r="AJ13727">
        <v>47</v>
      </c>
      <c r="AK13727">
        <v>47</v>
      </c>
      <c r="AL13727">
        <v>47</v>
      </c>
      <c r="AM13727">
        <v>48</v>
      </c>
      <c r="AN13727">
        <v>48</v>
      </c>
      <c r="AO13727">
        <v>49</v>
      </c>
      <c r="AP13727">
        <v>49</v>
      </c>
      <c r="AQ13727">
        <v>49</v>
      </c>
    </row>
    <row r="13728" spans="1:43">
      <c r="A13728" t="s">
        <v>8528</v>
      </c>
      <c r="B13728" t="s">
        <v>8529</v>
      </c>
      <c r="C13728" t="s">
        <v>8384</v>
      </c>
      <c r="D13728" t="s">
        <v>8385</v>
      </c>
      <c r="E13728" t="s">
        <v>8296</v>
      </c>
      <c r="F13728" t="s">
        <v>8297</v>
      </c>
      <c r="G13728" t="s">
        <v>80</v>
      </c>
      <c r="H13728" t="s">
        <v>81</v>
      </c>
      <c r="I13728" s="2">
        <v>0</v>
      </c>
      <c r="J13728" s="2">
        <v>1</v>
      </c>
      <c r="K13728" s="2">
        <v>0</v>
      </c>
      <c r="L13728" t="s">
        <v>82</v>
      </c>
      <c r="M13728" t="s">
        <v>89</v>
      </c>
      <c r="N13728" t="s">
        <v>90</v>
      </c>
      <c r="O13728" t="s">
        <v>85</v>
      </c>
      <c r="P13728" t="s">
        <v>86</v>
      </c>
      <c r="Q13728">
        <v>40</v>
      </c>
      <c r="R13728">
        <v>41</v>
      </c>
      <c r="S13728">
        <v>43</v>
      </c>
      <c r="T13728">
        <v>44</v>
      </c>
      <c r="U13728">
        <v>45</v>
      </c>
      <c r="V13728">
        <v>46</v>
      </c>
      <c r="W13728">
        <v>47</v>
      </c>
      <c r="X13728">
        <v>48</v>
      </c>
      <c r="Y13728">
        <v>49</v>
      </c>
      <c r="Z13728">
        <v>50</v>
      </c>
      <c r="AA13728">
        <v>51</v>
      </c>
      <c r="AB13728">
        <v>52</v>
      </c>
      <c r="AC13728">
        <v>53</v>
      </c>
      <c r="AD13728">
        <v>54</v>
      </c>
      <c r="AE13728">
        <v>54</v>
      </c>
      <c r="AF13728">
        <v>55</v>
      </c>
      <c r="AG13728">
        <v>55</v>
      </c>
      <c r="AH13728">
        <v>55</v>
      </c>
      <c r="AI13728">
        <v>55</v>
      </c>
      <c r="AJ13728">
        <v>56</v>
      </c>
      <c r="AK13728">
        <v>56</v>
      </c>
      <c r="AL13728">
        <v>56</v>
      </c>
      <c r="AM13728">
        <v>56</v>
      </c>
      <c r="AN13728">
        <v>56</v>
      </c>
      <c r="AO13728">
        <v>56</v>
      </c>
      <c r="AP13728">
        <v>57</v>
      </c>
      <c r="AQ13728">
        <v>57</v>
      </c>
    </row>
    <row r="13729" spans="1:43">
      <c r="A13729" t="s">
        <v>8528</v>
      </c>
      <c r="B13729" t="s">
        <v>8529</v>
      </c>
      <c r="C13729" t="s">
        <v>8384</v>
      </c>
      <c r="D13729" t="s">
        <v>8385</v>
      </c>
      <c r="E13729" t="s">
        <v>8296</v>
      </c>
      <c r="F13729" t="s">
        <v>8297</v>
      </c>
      <c r="G13729" t="s">
        <v>80</v>
      </c>
      <c r="H13729" t="s">
        <v>81</v>
      </c>
      <c r="I13729" s="2">
        <v>0</v>
      </c>
      <c r="J13729" s="2">
        <v>1</v>
      </c>
      <c r="K13729" s="2">
        <v>0</v>
      </c>
      <c r="L13729" t="s">
        <v>82</v>
      </c>
      <c r="M13729" t="s">
        <v>83</v>
      </c>
      <c r="N13729" t="s">
        <v>91</v>
      </c>
      <c r="O13729" t="s">
        <v>85</v>
      </c>
      <c r="P13729" t="s">
        <v>86</v>
      </c>
      <c r="Q13729">
        <v>40</v>
      </c>
      <c r="R13729">
        <v>41</v>
      </c>
      <c r="S13729">
        <v>41</v>
      </c>
      <c r="T13729">
        <v>42</v>
      </c>
      <c r="U13729">
        <v>43</v>
      </c>
      <c r="V13729">
        <v>44</v>
      </c>
      <c r="W13729">
        <v>45</v>
      </c>
      <c r="X13729">
        <v>45</v>
      </c>
      <c r="Y13729">
        <v>46</v>
      </c>
      <c r="Z13729">
        <v>47</v>
      </c>
      <c r="AA13729">
        <v>48</v>
      </c>
      <c r="AB13729">
        <v>49</v>
      </c>
      <c r="AC13729">
        <v>49</v>
      </c>
      <c r="AD13729">
        <v>50</v>
      </c>
      <c r="AE13729">
        <v>51</v>
      </c>
      <c r="AF13729">
        <v>52</v>
      </c>
      <c r="AG13729">
        <v>52</v>
      </c>
      <c r="AH13729">
        <v>53</v>
      </c>
      <c r="AI13729">
        <v>54</v>
      </c>
      <c r="AJ13729">
        <v>55</v>
      </c>
      <c r="AK13729">
        <v>55</v>
      </c>
      <c r="AL13729">
        <v>56</v>
      </c>
      <c r="AM13729">
        <v>56</v>
      </c>
      <c r="AN13729">
        <v>56</v>
      </c>
      <c r="AO13729">
        <v>56</v>
      </c>
      <c r="AP13729">
        <v>56</v>
      </c>
      <c r="AQ13729">
        <v>57</v>
      </c>
    </row>
    <row r="13730" spans="1:43">
      <c r="A13730" t="s">
        <v>8530</v>
      </c>
      <c r="B13730" t="s">
        <v>8531</v>
      </c>
      <c r="C13730" t="s">
        <v>8490</v>
      </c>
      <c r="D13730" t="s">
        <v>8491</v>
      </c>
      <c r="E13730" t="s">
        <v>8296</v>
      </c>
      <c r="F13730" t="s">
        <v>8297</v>
      </c>
      <c r="G13730" t="s">
        <v>80</v>
      </c>
      <c r="H13730" t="s">
        <v>81</v>
      </c>
      <c r="I13730" s="2">
        <v>0</v>
      </c>
      <c r="J13730" s="2">
        <v>1</v>
      </c>
      <c r="K13730" s="2">
        <v>0</v>
      </c>
      <c r="L13730" t="s">
        <v>82</v>
      </c>
      <c r="M13730" t="s">
        <v>83</v>
      </c>
      <c r="N13730" t="s">
        <v>84</v>
      </c>
      <c r="O13730" t="s">
        <v>85</v>
      </c>
      <c r="P13730" t="s">
        <v>86</v>
      </c>
      <c r="Q13730">
        <v>4</v>
      </c>
      <c r="R13730">
        <v>4</v>
      </c>
      <c r="S13730">
        <v>4</v>
      </c>
      <c r="T13730">
        <v>5</v>
      </c>
      <c r="U13730">
        <v>5</v>
      </c>
      <c r="V13730">
        <v>5</v>
      </c>
      <c r="W13730">
        <v>5</v>
      </c>
      <c r="X13730">
        <v>5</v>
      </c>
      <c r="Y13730">
        <v>5</v>
      </c>
      <c r="Z13730">
        <v>5</v>
      </c>
      <c r="AA13730">
        <v>5</v>
      </c>
      <c r="AB13730">
        <v>5</v>
      </c>
      <c r="AC13730">
        <v>5</v>
      </c>
      <c r="AD13730">
        <v>5</v>
      </c>
      <c r="AE13730">
        <v>5</v>
      </c>
      <c r="AF13730">
        <v>6</v>
      </c>
      <c r="AG13730">
        <v>6</v>
      </c>
      <c r="AH13730">
        <v>6</v>
      </c>
      <c r="AI13730">
        <v>6</v>
      </c>
      <c r="AJ13730">
        <v>6</v>
      </c>
      <c r="AK13730">
        <v>6</v>
      </c>
      <c r="AL13730">
        <v>6</v>
      </c>
      <c r="AM13730">
        <v>6</v>
      </c>
      <c r="AN13730">
        <v>6</v>
      </c>
      <c r="AO13730">
        <v>6</v>
      </c>
      <c r="AP13730">
        <v>6</v>
      </c>
      <c r="AQ13730">
        <v>6</v>
      </c>
    </row>
    <row r="13731" spans="1:43">
      <c r="A13731" t="s">
        <v>8530</v>
      </c>
      <c r="B13731" t="s">
        <v>8531</v>
      </c>
      <c r="C13731" t="s">
        <v>8490</v>
      </c>
      <c r="D13731" t="s">
        <v>8491</v>
      </c>
      <c r="E13731" t="s">
        <v>8296</v>
      </c>
      <c r="F13731" t="s">
        <v>8297</v>
      </c>
      <c r="G13731" t="s">
        <v>80</v>
      </c>
      <c r="H13731" t="s">
        <v>81</v>
      </c>
      <c r="I13731" s="2">
        <v>0</v>
      </c>
      <c r="J13731" s="2">
        <v>1</v>
      </c>
      <c r="K13731" s="2">
        <v>0</v>
      </c>
      <c r="L13731" t="s">
        <v>82</v>
      </c>
      <c r="M13731" t="s">
        <v>87</v>
      </c>
      <c r="N13731" t="s">
        <v>88</v>
      </c>
      <c r="O13731" t="s">
        <v>85</v>
      </c>
      <c r="P13731" t="s">
        <v>86</v>
      </c>
      <c r="Q13731">
        <v>4</v>
      </c>
      <c r="R13731">
        <v>4</v>
      </c>
      <c r="S13731">
        <v>4</v>
      </c>
      <c r="T13731">
        <v>4</v>
      </c>
      <c r="U13731">
        <v>4</v>
      </c>
      <c r="V13731">
        <v>4</v>
      </c>
      <c r="W13731">
        <v>5</v>
      </c>
      <c r="X13731">
        <v>5</v>
      </c>
      <c r="Y13731">
        <v>5</v>
      </c>
      <c r="Z13731">
        <v>5</v>
      </c>
      <c r="AA13731">
        <v>5</v>
      </c>
      <c r="AB13731">
        <v>5</v>
      </c>
      <c r="AC13731">
        <v>5</v>
      </c>
      <c r="AD13731">
        <v>5</v>
      </c>
      <c r="AE13731">
        <v>5</v>
      </c>
      <c r="AF13731">
        <v>5</v>
      </c>
      <c r="AG13731">
        <v>5</v>
      </c>
      <c r="AH13731">
        <v>5</v>
      </c>
      <c r="AI13731">
        <v>5</v>
      </c>
      <c r="AJ13731">
        <v>5</v>
      </c>
      <c r="AK13731">
        <v>5</v>
      </c>
      <c r="AL13731">
        <v>5</v>
      </c>
      <c r="AM13731">
        <v>5</v>
      </c>
      <c r="AN13731">
        <v>5</v>
      </c>
      <c r="AO13731">
        <v>5</v>
      </c>
      <c r="AP13731">
        <v>5</v>
      </c>
      <c r="AQ13731">
        <v>5</v>
      </c>
    </row>
    <row r="13732" spans="1:43">
      <c r="A13732" t="s">
        <v>8530</v>
      </c>
      <c r="B13732" t="s">
        <v>8531</v>
      </c>
      <c r="C13732" t="s">
        <v>8490</v>
      </c>
      <c r="D13732" t="s">
        <v>8491</v>
      </c>
      <c r="E13732" t="s">
        <v>8296</v>
      </c>
      <c r="F13732" t="s">
        <v>8297</v>
      </c>
      <c r="G13732" t="s">
        <v>80</v>
      </c>
      <c r="H13732" t="s">
        <v>81</v>
      </c>
      <c r="I13732" s="2">
        <v>0</v>
      </c>
      <c r="J13732" s="2">
        <v>1</v>
      </c>
      <c r="K13732" s="2">
        <v>0</v>
      </c>
      <c r="L13732" t="s">
        <v>82</v>
      </c>
      <c r="M13732" t="s">
        <v>89</v>
      </c>
      <c r="N13732" t="s">
        <v>90</v>
      </c>
      <c r="O13732" t="s">
        <v>85</v>
      </c>
      <c r="P13732" t="s">
        <v>86</v>
      </c>
      <c r="Q13732">
        <v>4</v>
      </c>
      <c r="R13732">
        <v>4</v>
      </c>
      <c r="S13732">
        <v>5</v>
      </c>
      <c r="T13732">
        <v>5</v>
      </c>
      <c r="U13732">
        <v>5</v>
      </c>
      <c r="V13732">
        <v>5</v>
      </c>
      <c r="W13732">
        <v>5</v>
      </c>
      <c r="X13732">
        <v>5</v>
      </c>
      <c r="Y13732">
        <v>5</v>
      </c>
      <c r="Z13732">
        <v>5</v>
      </c>
      <c r="AA13732">
        <v>5</v>
      </c>
      <c r="AB13732">
        <v>6</v>
      </c>
      <c r="AC13732">
        <v>6</v>
      </c>
      <c r="AD13732">
        <v>6</v>
      </c>
      <c r="AE13732">
        <v>6</v>
      </c>
      <c r="AF13732">
        <v>6</v>
      </c>
      <c r="AG13732">
        <v>6</v>
      </c>
      <c r="AH13732">
        <v>6</v>
      </c>
      <c r="AI13732">
        <v>6</v>
      </c>
      <c r="AJ13732">
        <v>6</v>
      </c>
      <c r="AK13732">
        <v>6</v>
      </c>
      <c r="AL13732">
        <v>6</v>
      </c>
      <c r="AM13732">
        <v>6</v>
      </c>
      <c r="AN13732">
        <v>6</v>
      </c>
      <c r="AO13732">
        <v>6</v>
      </c>
      <c r="AP13732">
        <v>6</v>
      </c>
      <c r="AQ13732">
        <v>6</v>
      </c>
    </row>
    <row r="13733" spans="1:43">
      <c r="A13733" t="s">
        <v>8530</v>
      </c>
      <c r="B13733" t="s">
        <v>8531</v>
      </c>
      <c r="C13733" t="s">
        <v>8490</v>
      </c>
      <c r="D13733" t="s">
        <v>8491</v>
      </c>
      <c r="E13733" t="s">
        <v>8296</v>
      </c>
      <c r="F13733" t="s">
        <v>8297</v>
      </c>
      <c r="G13733" t="s">
        <v>80</v>
      </c>
      <c r="H13733" t="s">
        <v>81</v>
      </c>
      <c r="I13733" s="2">
        <v>0</v>
      </c>
      <c r="J13733" s="2">
        <v>1</v>
      </c>
      <c r="K13733" s="2">
        <v>0</v>
      </c>
      <c r="L13733" t="s">
        <v>82</v>
      </c>
      <c r="M13733" t="s">
        <v>83</v>
      </c>
      <c r="N13733" t="s">
        <v>91</v>
      </c>
      <c r="O13733" t="s">
        <v>85</v>
      </c>
      <c r="P13733" t="s">
        <v>86</v>
      </c>
      <c r="Q13733">
        <v>4</v>
      </c>
      <c r="R13733">
        <v>4</v>
      </c>
      <c r="S13733">
        <v>4</v>
      </c>
      <c r="T13733">
        <v>5</v>
      </c>
      <c r="U13733">
        <v>5</v>
      </c>
      <c r="V13733">
        <v>5</v>
      </c>
      <c r="W13733">
        <v>5</v>
      </c>
      <c r="X13733">
        <v>5</v>
      </c>
      <c r="Y13733">
        <v>5</v>
      </c>
      <c r="Z13733">
        <v>5</v>
      </c>
      <c r="AA13733">
        <v>5</v>
      </c>
      <c r="AB13733">
        <v>5</v>
      </c>
      <c r="AC13733">
        <v>5</v>
      </c>
      <c r="AD13733">
        <v>5</v>
      </c>
      <c r="AE13733">
        <v>5</v>
      </c>
      <c r="AF13733">
        <v>6</v>
      </c>
      <c r="AG13733">
        <v>6</v>
      </c>
      <c r="AH13733">
        <v>6</v>
      </c>
      <c r="AI13733">
        <v>6</v>
      </c>
      <c r="AJ13733">
        <v>6</v>
      </c>
      <c r="AK13733">
        <v>6</v>
      </c>
      <c r="AL13733">
        <v>6</v>
      </c>
      <c r="AM13733">
        <v>6</v>
      </c>
      <c r="AN13733">
        <v>6</v>
      </c>
      <c r="AO13733">
        <v>6</v>
      </c>
      <c r="AP13733">
        <v>6</v>
      </c>
      <c r="AQ13733">
        <v>6</v>
      </c>
    </row>
    <row r="13734" spans="1:43">
      <c r="A13734" t="s">
        <v>8532</v>
      </c>
      <c r="B13734" t="s">
        <v>8533</v>
      </c>
      <c r="C13734" t="s">
        <v>8496</v>
      </c>
      <c r="D13734" t="s">
        <v>8497</v>
      </c>
      <c r="E13734" t="s">
        <v>8296</v>
      </c>
      <c r="F13734" t="s">
        <v>8297</v>
      </c>
      <c r="G13734" t="s">
        <v>80</v>
      </c>
      <c r="H13734" t="s">
        <v>81</v>
      </c>
      <c r="I13734" s="2">
        <v>0</v>
      </c>
      <c r="J13734" s="2">
        <v>1</v>
      </c>
      <c r="K13734" s="2">
        <v>0</v>
      </c>
      <c r="L13734" t="s">
        <v>82</v>
      </c>
      <c r="M13734" t="s">
        <v>83</v>
      </c>
      <c r="N13734" t="s">
        <v>84</v>
      </c>
      <c r="O13734" t="s">
        <v>85</v>
      </c>
      <c r="P13734" t="s">
        <v>86</v>
      </c>
      <c r="Q13734">
        <v>36</v>
      </c>
      <c r="R13734">
        <v>36</v>
      </c>
      <c r="S13734">
        <v>37</v>
      </c>
      <c r="T13734">
        <v>38</v>
      </c>
      <c r="U13734">
        <v>38</v>
      </c>
      <c r="V13734">
        <v>39</v>
      </c>
      <c r="W13734">
        <v>40</v>
      </c>
      <c r="X13734">
        <v>41</v>
      </c>
      <c r="Y13734">
        <v>41</v>
      </c>
      <c r="Z13734">
        <v>42</v>
      </c>
      <c r="AA13734">
        <v>43</v>
      </c>
      <c r="AB13734">
        <v>43</v>
      </c>
      <c r="AC13734">
        <v>44</v>
      </c>
      <c r="AD13734">
        <v>45</v>
      </c>
      <c r="AE13734">
        <v>45</v>
      </c>
      <c r="AF13734">
        <v>46</v>
      </c>
      <c r="AG13734">
        <v>47</v>
      </c>
      <c r="AH13734">
        <v>47</v>
      </c>
      <c r="AI13734">
        <v>48</v>
      </c>
      <c r="AJ13734">
        <v>49</v>
      </c>
      <c r="AK13734">
        <v>49</v>
      </c>
      <c r="AL13734">
        <v>50</v>
      </c>
      <c r="AM13734">
        <v>50</v>
      </c>
      <c r="AN13734">
        <v>50</v>
      </c>
      <c r="AO13734">
        <v>50</v>
      </c>
      <c r="AP13734">
        <v>50</v>
      </c>
      <c r="AQ13734">
        <v>50</v>
      </c>
    </row>
    <row r="13735" spans="1:43">
      <c r="A13735" t="s">
        <v>8532</v>
      </c>
      <c r="B13735" t="s">
        <v>8533</v>
      </c>
      <c r="C13735" t="s">
        <v>8496</v>
      </c>
      <c r="D13735" t="s">
        <v>8497</v>
      </c>
      <c r="E13735" t="s">
        <v>8296</v>
      </c>
      <c r="F13735" t="s">
        <v>8297</v>
      </c>
      <c r="G13735" t="s">
        <v>80</v>
      </c>
      <c r="H13735" t="s">
        <v>81</v>
      </c>
      <c r="I13735" s="2">
        <v>0</v>
      </c>
      <c r="J13735" s="2">
        <v>1</v>
      </c>
      <c r="K13735" s="2">
        <v>0</v>
      </c>
      <c r="L13735" t="s">
        <v>82</v>
      </c>
      <c r="M13735" t="s">
        <v>87</v>
      </c>
      <c r="N13735" t="s">
        <v>88</v>
      </c>
      <c r="O13735" t="s">
        <v>85</v>
      </c>
      <c r="P13735" t="s">
        <v>86</v>
      </c>
      <c r="Q13735">
        <v>36</v>
      </c>
      <c r="R13735">
        <v>37</v>
      </c>
      <c r="S13735">
        <v>37</v>
      </c>
      <c r="T13735">
        <v>37</v>
      </c>
      <c r="U13735">
        <v>38</v>
      </c>
      <c r="V13735">
        <v>38</v>
      </c>
      <c r="W13735">
        <v>38</v>
      </c>
      <c r="X13735">
        <v>39</v>
      </c>
      <c r="Y13735">
        <v>39</v>
      </c>
      <c r="Z13735">
        <v>39</v>
      </c>
      <c r="AA13735">
        <v>40</v>
      </c>
      <c r="AB13735">
        <v>40</v>
      </c>
      <c r="AC13735">
        <v>40</v>
      </c>
      <c r="AD13735">
        <v>41</v>
      </c>
      <c r="AE13735">
        <v>41</v>
      </c>
      <c r="AF13735">
        <v>41</v>
      </c>
      <c r="AG13735">
        <v>42</v>
      </c>
      <c r="AH13735">
        <v>42</v>
      </c>
      <c r="AI13735">
        <v>42</v>
      </c>
      <c r="AJ13735">
        <v>43</v>
      </c>
      <c r="AK13735">
        <v>43</v>
      </c>
      <c r="AL13735">
        <v>43</v>
      </c>
      <c r="AM13735">
        <v>44</v>
      </c>
      <c r="AN13735">
        <v>44</v>
      </c>
      <c r="AO13735">
        <v>44</v>
      </c>
      <c r="AP13735">
        <v>45</v>
      </c>
      <c r="AQ13735">
        <v>45</v>
      </c>
    </row>
    <row r="13736" spans="1:43">
      <c r="A13736" t="s">
        <v>8532</v>
      </c>
      <c r="B13736" t="s">
        <v>8533</v>
      </c>
      <c r="C13736" t="s">
        <v>8496</v>
      </c>
      <c r="D13736" t="s">
        <v>8497</v>
      </c>
      <c r="E13736" t="s">
        <v>8296</v>
      </c>
      <c r="F13736" t="s">
        <v>8297</v>
      </c>
      <c r="G13736" t="s">
        <v>80</v>
      </c>
      <c r="H13736" t="s">
        <v>81</v>
      </c>
      <c r="I13736" s="2">
        <v>0</v>
      </c>
      <c r="J13736" s="2">
        <v>1</v>
      </c>
      <c r="K13736" s="2">
        <v>0</v>
      </c>
      <c r="L13736" t="s">
        <v>82</v>
      </c>
      <c r="M13736" t="s">
        <v>89</v>
      </c>
      <c r="N13736" t="s">
        <v>90</v>
      </c>
      <c r="O13736" t="s">
        <v>85</v>
      </c>
      <c r="P13736" t="s">
        <v>86</v>
      </c>
      <c r="Q13736">
        <v>36</v>
      </c>
      <c r="R13736">
        <v>37</v>
      </c>
      <c r="S13736">
        <v>38</v>
      </c>
      <c r="T13736">
        <v>39</v>
      </c>
      <c r="U13736">
        <v>40</v>
      </c>
      <c r="V13736">
        <v>41</v>
      </c>
      <c r="W13736">
        <v>42</v>
      </c>
      <c r="X13736">
        <v>43</v>
      </c>
      <c r="Y13736">
        <v>44</v>
      </c>
      <c r="Z13736">
        <v>45</v>
      </c>
      <c r="AA13736">
        <v>45</v>
      </c>
      <c r="AB13736">
        <v>46</v>
      </c>
      <c r="AC13736">
        <v>47</v>
      </c>
      <c r="AD13736">
        <v>48</v>
      </c>
      <c r="AE13736">
        <v>49</v>
      </c>
      <c r="AF13736">
        <v>49</v>
      </c>
      <c r="AG13736">
        <v>49</v>
      </c>
      <c r="AH13736">
        <v>49</v>
      </c>
      <c r="AI13736">
        <v>49</v>
      </c>
      <c r="AJ13736">
        <v>50</v>
      </c>
      <c r="AK13736">
        <v>50</v>
      </c>
      <c r="AL13736">
        <v>50</v>
      </c>
      <c r="AM13736">
        <v>50</v>
      </c>
      <c r="AN13736">
        <v>50</v>
      </c>
      <c r="AO13736">
        <v>50</v>
      </c>
      <c r="AP13736">
        <v>51</v>
      </c>
      <c r="AQ13736">
        <v>51</v>
      </c>
    </row>
    <row r="13737" spans="1:43">
      <c r="A13737" t="s">
        <v>8532</v>
      </c>
      <c r="B13737" t="s">
        <v>8533</v>
      </c>
      <c r="C13737" t="s">
        <v>8496</v>
      </c>
      <c r="D13737" t="s">
        <v>8497</v>
      </c>
      <c r="E13737" t="s">
        <v>8296</v>
      </c>
      <c r="F13737" t="s">
        <v>8297</v>
      </c>
      <c r="G13737" t="s">
        <v>80</v>
      </c>
      <c r="H13737" t="s">
        <v>81</v>
      </c>
      <c r="I13737" s="2">
        <v>0</v>
      </c>
      <c r="J13737" s="2">
        <v>1</v>
      </c>
      <c r="K13737" s="2">
        <v>0</v>
      </c>
      <c r="L13737" t="s">
        <v>82</v>
      </c>
      <c r="M13737" t="s">
        <v>83</v>
      </c>
      <c r="N13737" t="s">
        <v>91</v>
      </c>
      <c r="O13737" t="s">
        <v>85</v>
      </c>
      <c r="P13737" t="s">
        <v>86</v>
      </c>
      <c r="Q13737">
        <v>36</v>
      </c>
      <c r="R13737">
        <v>36</v>
      </c>
      <c r="S13737">
        <v>37</v>
      </c>
      <c r="T13737">
        <v>38</v>
      </c>
      <c r="U13737">
        <v>38</v>
      </c>
      <c r="V13737">
        <v>39</v>
      </c>
      <c r="W13737">
        <v>40</v>
      </c>
      <c r="X13737">
        <v>41</v>
      </c>
      <c r="Y13737">
        <v>41</v>
      </c>
      <c r="Z13737">
        <v>42</v>
      </c>
      <c r="AA13737">
        <v>43</v>
      </c>
      <c r="AB13737">
        <v>43</v>
      </c>
      <c r="AC13737">
        <v>44</v>
      </c>
      <c r="AD13737">
        <v>45</v>
      </c>
      <c r="AE13737">
        <v>45</v>
      </c>
      <c r="AF13737">
        <v>46</v>
      </c>
      <c r="AG13737">
        <v>47</v>
      </c>
      <c r="AH13737">
        <v>47</v>
      </c>
      <c r="AI13737">
        <v>48</v>
      </c>
      <c r="AJ13737">
        <v>49</v>
      </c>
      <c r="AK13737">
        <v>49</v>
      </c>
      <c r="AL13737">
        <v>50</v>
      </c>
      <c r="AM13737">
        <v>50</v>
      </c>
      <c r="AN13737">
        <v>50</v>
      </c>
      <c r="AO13737">
        <v>50</v>
      </c>
      <c r="AP13737">
        <v>50</v>
      </c>
      <c r="AQ13737">
        <v>50</v>
      </c>
    </row>
    <row r="13738" spans="1:43">
      <c r="A13738" t="s">
        <v>8534</v>
      </c>
      <c r="B13738" t="s">
        <v>8535</v>
      </c>
      <c r="C13738" t="s">
        <v>8396</v>
      </c>
      <c r="D13738" t="s">
        <v>8397</v>
      </c>
      <c r="E13738" t="s">
        <v>8296</v>
      </c>
      <c r="F13738" t="s">
        <v>8297</v>
      </c>
      <c r="G13738" t="s">
        <v>80</v>
      </c>
      <c r="H13738" t="s">
        <v>81</v>
      </c>
      <c r="I13738" s="2">
        <v>0</v>
      </c>
      <c r="J13738" s="2">
        <v>1</v>
      </c>
      <c r="K13738" s="2">
        <v>0</v>
      </c>
      <c r="L13738" t="s">
        <v>82</v>
      </c>
      <c r="M13738" t="s">
        <v>83</v>
      </c>
      <c r="N13738" t="s">
        <v>84</v>
      </c>
      <c r="O13738" t="s">
        <v>85</v>
      </c>
      <c r="P13738" t="s">
        <v>86</v>
      </c>
      <c r="Q13738">
        <v>70</v>
      </c>
      <c r="R13738">
        <v>72</v>
      </c>
      <c r="S13738">
        <v>73</v>
      </c>
      <c r="T13738">
        <v>75</v>
      </c>
      <c r="U13738">
        <v>76</v>
      </c>
      <c r="V13738">
        <v>77</v>
      </c>
      <c r="W13738">
        <v>79</v>
      </c>
      <c r="X13738">
        <v>80</v>
      </c>
      <c r="Y13738">
        <v>81</v>
      </c>
      <c r="Z13738">
        <v>83</v>
      </c>
      <c r="AA13738">
        <v>84</v>
      </c>
      <c r="AB13738">
        <v>86</v>
      </c>
      <c r="AC13738">
        <v>87</v>
      </c>
      <c r="AD13738">
        <v>88</v>
      </c>
      <c r="AE13738">
        <v>89</v>
      </c>
      <c r="AF13738">
        <v>91</v>
      </c>
      <c r="AG13738">
        <v>92</v>
      </c>
      <c r="AH13738">
        <v>93</v>
      </c>
      <c r="AI13738">
        <v>95</v>
      </c>
      <c r="AJ13738">
        <v>96</v>
      </c>
      <c r="AK13738">
        <v>97</v>
      </c>
      <c r="AL13738">
        <v>98</v>
      </c>
      <c r="AM13738">
        <v>98</v>
      </c>
      <c r="AN13738">
        <v>99</v>
      </c>
      <c r="AO13738">
        <v>99</v>
      </c>
      <c r="AP13738">
        <v>100</v>
      </c>
      <c r="AQ13738">
        <v>100</v>
      </c>
    </row>
    <row r="13739" spans="1:43">
      <c r="A13739" t="s">
        <v>8534</v>
      </c>
      <c r="B13739" t="s">
        <v>8535</v>
      </c>
      <c r="C13739" t="s">
        <v>8396</v>
      </c>
      <c r="D13739" t="s">
        <v>8397</v>
      </c>
      <c r="E13739" t="s">
        <v>8296</v>
      </c>
      <c r="F13739" t="s">
        <v>8297</v>
      </c>
      <c r="G13739" t="s">
        <v>80</v>
      </c>
      <c r="H13739" t="s">
        <v>81</v>
      </c>
      <c r="I13739" s="2">
        <v>0</v>
      </c>
      <c r="J13739" s="2">
        <v>1</v>
      </c>
      <c r="K13739" s="2">
        <v>0</v>
      </c>
      <c r="L13739" t="s">
        <v>82</v>
      </c>
      <c r="M13739" t="s">
        <v>87</v>
      </c>
      <c r="N13739" t="s">
        <v>88</v>
      </c>
      <c r="O13739" t="s">
        <v>85</v>
      </c>
      <c r="P13739" t="s">
        <v>86</v>
      </c>
      <c r="Q13739">
        <v>70</v>
      </c>
      <c r="R13739">
        <v>71</v>
      </c>
      <c r="S13739">
        <v>71</v>
      </c>
      <c r="T13739">
        <v>72</v>
      </c>
      <c r="U13739">
        <v>73</v>
      </c>
      <c r="V13739">
        <v>73</v>
      </c>
      <c r="W13739">
        <v>74</v>
      </c>
      <c r="X13739">
        <v>75</v>
      </c>
      <c r="Y13739">
        <v>75</v>
      </c>
      <c r="Z13739">
        <v>76</v>
      </c>
      <c r="AA13739">
        <v>77</v>
      </c>
      <c r="AB13739">
        <v>77</v>
      </c>
      <c r="AC13739">
        <v>78</v>
      </c>
      <c r="AD13739">
        <v>79</v>
      </c>
      <c r="AE13739">
        <v>79</v>
      </c>
      <c r="AF13739">
        <v>80</v>
      </c>
      <c r="AG13739">
        <v>80</v>
      </c>
      <c r="AH13739">
        <v>81</v>
      </c>
      <c r="AI13739">
        <v>82</v>
      </c>
      <c r="AJ13739">
        <v>82</v>
      </c>
      <c r="AK13739">
        <v>83</v>
      </c>
      <c r="AL13739">
        <v>84</v>
      </c>
      <c r="AM13739">
        <v>84</v>
      </c>
      <c r="AN13739">
        <v>85</v>
      </c>
      <c r="AO13739">
        <v>85</v>
      </c>
      <c r="AP13739">
        <v>86</v>
      </c>
      <c r="AQ13739">
        <v>87</v>
      </c>
    </row>
    <row r="13740" spans="1:43">
      <c r="A13740" t="s">
        <v>8534</v>
      </c>
      <c r="B13740" t="s">
        <v>8535</v>
      </c>
      <c r="C13740" t="s">
        <v>8396</v>
      </c>
      <c r="D13740" t="s">
        <v>8397</v>
      </c>
      <c r="E13740" t="s">
        <v>8296</v>
      </c>
      <c r="F13740" t="s">
        <v>8297</v>
      </c>
      <c r="G13740" t="s">
        <v>80</v>
      </c>
      <c r="H13740" t="s">
        <v>81</v>
      </c>
      <c r="I13740" s="2">
        <v>0</v>
      </c>
      <c r="J13740" s="2">
        <v>1</v>
      </c>
      <c r="K13740" s="2">
        <v>0</v>
      </c>
      <c r="L13740" t="s">
        <v>82</v>
      </c>
      <c r="M13740" t="s">
        <v>89</v>
      </c>
      <c r="N13740" t="s">
        <v>90</v>
      </c>
      <c r="O13740" t="s">
        <v>85</v>
      </c>
      <c r="P13740" t="s">
        <v>86</v>
      </c>
      <c r="Q13740">
        <v>70</v>
      </c>
      <c r="R13740">
        <v>72</v>
      </c>
      <c r="S13740">
        <v>74</v>
      </c>
      <c r="T13740">
        <v>76</v>
      </c>
      <c r="U13740">
        <v>78</v>
      </c>
      <c r="V13740">
        <v>80</v>
      </c>
      <c r="W13740">
        <v>82</v>
      </c>
      <c r="X13740">
        <v>84</v>
      </c>
      <c r="Y13740">
        <v>85</v>
      </c>
      <c r="Z13740">
        <v>87</v>
      </c>
      <c r="AA13740">
        <v>89</v>
      </c>
      <c r="AB13740">
        <v>90</v>
      </c>
      <c r="AC13740">
        <v>92</v>
      </c>
      <c r="AD13740">
        <v>94</v>
      </c>
      <c r="AE13740">
        <v>95</v>
      </c>
      <c r="AF13740">
        <v>95</v>
      </c>
      <c r="AG13740">
        <v>96</v>
      </c>
      <c r="AH13740">
        <v>96</v>
      </c>
      <c r="AI13740">
        <v>97</v>
      </c>
      <c r="AJ13740">
        <v>97</v>
      </c>
      <c r="AK13740">
        <v>97</v>
      </c>
      <c r="AL13740">
        <v>98</v>
      </c>
      <c r="AM13740">
        <v>98</v>
      </c>
      <c r="AN13740">
        <v>99</v>
      </c>
      <c r="AO13740">
        <v>99</v>
      </c>
      <c r="AP13740">
        <v>99</v>
      </c>
      <c r="AQ13740">
        <v>99</v>
      </c>
    </row>
    <row r="13741" spans="1:43">
      <c r="A13741" t="s">
        <v>8534</v>
      </c>
      <c r="B13741" t="s">
        <v>8535</v>
      </c>
      <c r="C13741" t="s">
        <v>8396</v>
      </c>
      <c r="D13741" t="s">
        <v>8397</v>
      </c>
      <c r="E13741" t="s">
        <v>8296</v>
      </c>
      <c r="F13741" t="s">
        <v>8297</v>
      </c>
      <c r="G13741" t="s">
        <v>80</v>
      </c>
      <c r="H13741" t="s">
        <v>81</v>
      </c>
      <c r="I13741" s="2">
        <v>0</v>
      </c>
      <c r="J13741" s="2">
        <v>1</v>
      </c>
      <c r="K13741" s="2">
        <v>0</v>
      </c>
      <c r="L13741" t="s">
        <v>82</v>
      </c>
      <c r="M13741" t="s">
        <v>83</v>
      </c>
      <c r="N13741" t="s">
        <v>91</v>
      </c>
      <c r="O13741" t="s">
        <v>85</v>
      </c>
      <c r="P13741" t="s">
        <v>86</v>
      </c>
      <c r="Q13741">
        <v>70</v>
      </c>
      <c r="R13741">
        <v>72</v>
      </c>
      <c r="S13741">
        <v>73</v>
      </c>
      <c r="T13741">
        <v>75</v>
      </c>
      <c r="U13741">
        <v>76</v>
      </c>
      <c r="V13741">
        <v>77</v>
      </c>
      <c r="W13741">
        <v>79</v>
      </c>
      <c r="X13741">
        <v>80</v>
      </c>
      <c r="Y13741">
        <v>81</v>
      </c>
      <c r="Z13741">
        <v>83</v>
      </c>
      <c r="AA13741">
        <v>84</v>
      </c>
      <c r="AB13741">
        <v>86</v>
      </c>
      <c r="AC13741">
        <v>87</v>
      </c>
      <c r="AD13741">
        <v>88</v>
      </c>
      <c r="AE13741">
        <v>89</v>
      </c>
      <c r="AF13741">
        <v>91</v>
      </c>
      <c r="AG13741">
        <v>92</v>
      </c>
      <c r="AH13741">
        <v>93</v>
      </c>
      <c r="AI13741">
        <v>95</v>
      </c>
      <c r="AJ13741">
        <v>96</v>
      </c>
      <c r="AK13741">
        <v>97</v>
      </c>
      <c r="AL13741">
        <v>98</v>
      </c>
      <c r="AM13741">
        <v>98</v>
      </c>
      <c r="AN13741">
        <v>99</v>
      </c>
      <c r="AO13741">
        <v>99</v>
      </c>
      <c r="AP13741">
        <v>100</v>
      </c>
      <c r="AQ13741">
        <v>100</v>
      </c>
    </row>
    <row r="13742" spans="1:43">
      <c r="A13742" t="s">
        <v>8536</v>
      </c>
      <c r="B13742" t="s">
        <v>8537</v>
      </c>
      <c r="C13742" t="s">
        <v>8432</v>
      </c>
      <c r="D13742" t="s">
        <v>8433</v>
      </c>
      <c r="E13742" t="s">
        <v>8296</v>
      </c>
      <c r="F13742" t="s">
        <v>8297</v>
      </c>
      <c r="G13742" t="s">
        <v>80</v>
      </c>
      <c r="H13742" t="s">
        <v>81</v>
      </c>
      <c r="I13742" s="2">
        <v>0</v>
      </c>
      <c r="J13742" s="2">
        <v>1</v>
      </c>
      <c r="K13742" s="2">
        <v>0</v>
      </c>
      <c r="L13742" t="s">
        <v>82</v>
      </c>
      <c r="M13742" t="s">
        <v>83</v>
      </c>
      <c r="N13742" t="s">
        <v>84</v>
      </c>
      <c r="O13742" t="s">
        <v>85</v>
      </c>
      <c r="P13742" t="s">
        <v>86</v>
      </c>
      <c r="Q13742">
        <v>31</v>
      </c>
      <c r="R13742">
        <v>32</v>
      </c>
      <c r="S13742">
        <v>32</v>
      </c>
      <c r="T13742">
        <v>33</v>
      </c>
      <c r="U13742">
        <v>33</v>
      </c>
      <c r="V13742">
        <v>34</v>
      </c>
      <c r="W13742">
        <v>35</v>
      </c>
      <c r="X13742">
        <v>35</v>
      </c>
      <c r="Y13742">
        <v>36</v>
      </c>
      <c r="Z13742">
        <v>36</v>
      </c>
      <c r="AA13742">
        <v>37</v>
      </c>
      <c r="AB13742">
        <v>38</v>
      </c>
      <c r="AC13742">
        <v>38</v>
      </c>
      <c r="AD13742">
        <v>39</v>
      </c>
      <c r="AE13742">
        <v>39</v>
      </c>
      <c r="AF13742">
        <v>40</v>
      </c>
      <c r="AG13742">
        <v>40</v>
      </c>
      <c r="AH13742">
        <v>41</v>
      </c>
      <c r="AI13742">
        <v>42</v>
      </c>
      <c r="AJ13742">
        <v>42</v>
      </c>
      <c r="AK13742">
        <v>43</v>
      </c>
      <c r="AL13742">
        <v>43</v>
      </c>
      <c r="AM13742">
        <v>43</v>
      </c>
      <c r="AN13742">
        <v>43</v>
      </c>
      <c r="AO13742">
        <v>44</v>
      </c>
      <c r="AP13742">
        <v>44</v>
      </c>
      <c r="AQ13742">
        <v>44</v>
      </c>
    </row>
    <row r="13743" spans="1:43">
      <c r="A13743" t="s">
        <v>8536</v>
      </c>
      <c r="B13743" t="s">
        <v>8537</v>
      </c>
      <c r="C13743" t="s">
        <v>8432</v>
      </c>
      <c r="D13743" t="s">
        <v>8433</v>
      </c>
      <c r="E13743" t="s">
        <v>8296</v>
      </c>
      <c r="F13743" t="s">
        <v>8297</v>
      </c>
      <c r="G13743" t="s">
        <v>80</v>
      </c>
      <c r="H13743" t="s">
        <v>81</v>
      </c>
      <c r="I13743" s="2">
        <v>0</v>
      </c>
      <c r="J13743" s="2">
        <v>1</v>
      </c>
      <c r="K13743" s="2">
        <v>0</v>
      </c>
      <c r="L13743" t="s">
        <v>82</v>
      </c>
      <c r="M13743" t="s">
        <v>87</v>
      </c>
      <c r="N13743" t="s">
        <v>88</v>
      </c>
      <c r="O13743" t="s">
        <v>85</v>
      </c>
      <c r="P13743" t="s">
        <v>86</v>
      </c>
      <c r="Q13743">
        <v>31</v>
      </c>
      <c r="R13743">
        <v>31</v>
      </c>
      <c r="S13743">
        <v>31</v>
      </c>
      <c r="T13743">
        <v>32</v>
      </c>
      <c r="U13743">
        <v>32</v>
      </c>
      <c r="V13743">
        <v>32</v>
      </c>
      <c r="W13743">
        <v>32</v>
      </c>
      <c r="X13743">
        <v>33</v>
      </c>
      <c r="Y13743">
        <v>33</v>
      </c>
      <c r="Z13743">
        <v>33</v>
      </c>
      <c r="AA13743">
        <v>34</v>
      </c>
      <c r="AB13743">
        <v>34</v>
      </c>
      <c r="AC13743">
        <v>34</v>
      </c>
      <c r="AD13743">
        <v>34</v>
      </c>
      <c r="AE13743">
        <v>35</v>
      </c>
      <c r="AF13743">
        <v>35</v>
      </c>
      <c r="AG13743">
        <v>35</v>
      </c>
      <c r="AH13743">
        <v>36</v>
      </c>
      <c r="AI13743">
        <v>36</v>
      </c>
      <c r="AJ13743">
        <v>36</v>
      </c>
      <c r="AK13743">
        <v>36</v>
      </c>
      <c r="AL13743">
        <v>37</v>
      </c>
      <c r="AM13743">
        <v>37</v>
      </c>
      <c r="AN13743">
        <v>37</v>
      </c>
      <c r="AO13743">
        <v>38</v>
      </c>
      <c r="AP13743">
        <v>38</v>
      </c>
      <c r="AQ13743">
        <v>38</v>
      </c>
    </row>
    <row r="13744" spans="1:43">
      <c r="A13744" t="s">
        <v>8536</v>
      </c>
      <c r="B13744" t="s">
        <v>8537</v>
      </c>
      <c r="C13744" t="s">
        <v>8432</v>
      </c>
      <c r="D13744" t="s">
        <v>8433</v>
      </c>
      <c r="E13744" t="s">
        <v>8296</v>
      </c>
      <c r="F13744" t="s">
        <v>8297</v>
      </c>
      <c r="G13744" t="s">
        <v>80</v>
      </c>
      <c r="H13744" t="s">
        <v>81</v>
      </c>
      <c r="I13744" s="2">
        <v>0</v>
      </c>
      <c r="J13744" s="2">
        <v>1</v>
      </c>
      <c r="K13744" s="2">
        <v>0</v>
      </c>
      <c r="L13744" t="s">
        <v>82</v>
      </c>
      <c r="M13744" t="s">
        <v>89</v>
      </c>
      <c r="N13744" t="s">
        <v>90</v>
      </c>
      <c r="O13744" t="s">
        <v>85</v>
      </c>
      <c r="P13744" t="s">
        <v>86</v>
      </c>
      <c r="Q13744">
        <v>31</v>
      </c>
      <c r="R13744">
        <v>32</v>
      </c>
      <c r="S13744">
        <v>33</v>
      </c>
      <c r="T13744">
        <v>34</v>
      </c>
      <c r="U13744">
        <v>35</v>
      </c>
      <c r="V13744">
        <v>35</v>
      </c>
      <c r="W13744">
        <v>36</v>
      </c>
      <c r="X13744">
        <v>37</v>
      </c>
      <c r="Y13744">
        <v>38</v>
      </c>
      <c r="Z13744">
        <v>39</v>
      </c>
      <c r="AA13744">
        <v>39</v>
      </c>
      <c r="AB13744">
        <v>40</v>
      </c>
      <c r="AC13744">
        <v>41</v>
      </c>
      <c r="AD13744">
        <v>42</v>
      </c>
      <c r="AE13744">
        <v>42</v>
      </c>
      <c r="AF13744">
        <v>42</v>
      </c>
      <c r="AG13744">
        <v>43</v>
      </c>
      <c r="AH13744">
        <v>43</v>
      </c>
      <c r="AI13744">
        <v>43</v>
      </c>
      <c r="AJ13744">
        <v>43</v>
      </c>
      <c r="AK13744">
        <v>43</v>
      </c>
      <c r="AL13744">
        <v>43</v>
      </c>
      <c r="AM13744">
        <v>43</v>
      </c>
      <c r="AN13744">
        <v>44</v>
      </c>
      <c r="AO13744">
        <v>44</v>
      </c>
      <c r="AP13744">
        <v>44</v>
      </c>
      <c r="AQ13744">
        <v>44</v>
      </c>
    </row>
    <row r="13745" spans="1:43">
      <c r="A13745" t="s">
        <v>8536</v>
      </c>
      <c r="B13745" t="s">
        <v>8537</v>
      </c>
      <c r="C13745" t="s">
        <v>8432</v>
      </c>
      <c r="D13745" t="s">
        <v>8433</v>
      </c>
      <c r="E13745" t="s">
        <v>8296</v>
      </c>
      <c r="F13745" t="s">
        <v>8297</v>
      </c>
      <c r="G13745" t="s">
        <v>80</v>
      </c>
      <c r="H13745" t="s">
        <v>81</v>
      </c>
      <c r="I13745" s="2">
        <v>0</v>
      </c>
      <c r="J13745" s="2">
        <v>1</v>
      </c>
      <c r="K13745" s="2">
        <v>0</v>
      </c>
      <c r="L13745" t="s">
        <v>82</v>
      </c>
      <c r="M13745" t="s">
        <v>83</v>
      </c>
      <c r="N13745" t="s">
        <v>91</v>
      </c>
      <c r="O13745" t="s">
        <v>85</v>
      </c>
      <c r="P13745" t="s">
        <v>86</v>
      </c>
      <c r="Q13745">
        <v>31</v>
      </c>
      <c r="R13745">
        <v>32</v>
      </c>
      <c r="S13745">
        <v>32</v>
      </c>
      <c r="T13745">
        <v>33</v>
      </c>
      <c r="U13745">
        <v>33</v>
      </c>
      <c r="V13745">
        <v>34</v>
      </c>
      <c r="W13745">
        <v>35</v>
      </c>
      <c r="X13745">
        <v>35</v>
      </c>
      <c r="Y13745">
        <v>36</v>
      </c>
      <c r="Z13745">
        <v>36</v>
      </c>
      <c r="AA13745">
        <v>37</v>
      </c>
      <c r="AB13745">
        <v>38</v>
      </c>
      <c r="AC13745">
        <v>38</v>
      </c>
      <c r="AD13745">
        <v>39</v>
      </c>
      <c r="AE13745">
        <v>39</v>
      </c>
      <c r="AF13745">
        <v>40</v>
      </c>
      <c r="AG13745">
        <v>40</v>
      </c>
      <c r="AH13745">
        <v>41</v>
      </c>
      <c r="AI13745">
        <v>42</v>
      </c>
      <c r="AJ13745">
        <v>42</v>
      </c>
      <c r="AK13745">
        <v>43</v>
      </c>
      <c r="AL13745">
        <v>43</v>
      </c>
      <c r="AM13745">
        <v>43</v>
      </c>
      <c r="AN13745">
        <v>43</v>
      </c>
      <c r="AO13745">
        <v>44</v>
      </c>
      <c r="AP13745">
        <v>44</v>
      </c>
      <c r="AQ13745">
        <v>44</v>
      </c>
    </row>
    <row r="13746" spans="1:43">
      <c r="A13746" t="s">
        <v>8538</v>
      </c>
      <c r="B13746" t="s">
        <v>8539</v>
      </c>
      <c r="C13746" t="s">
        <v>8460</v>
      </c>
      <c r="D13746" t="s">
        <v>8461</v>
      </c>
      <c r="E13746" t="s">
        <v>8296</v>
      </c>
      <c r="F13746" t="s">
        <v>8297</v>
      </c>
      <c r="G13746" t="s">
        <v>80</v>
      </c>
      <c r="H13746" t="s">
        <v>81</v>
      </c>
      <c r="I13746" s="2">
        <v>0</v>
      </c>
      <c r="J13746" s="2">
        <v>1</v>
      </c>
      <c r="K13746" s="2">
        <v>0</v>
      </c>
      <c r="L13746" t="s">
        <v>82</v>
      </c>
      <c r="M13746" t="s">
        <v>83</v>
      </c>
      <c r="N13746" t="s">
        <v>84</v>
      </c>
      <c r="O13746" t="s">
        <v>85</v>
      </c>
      <c r="P13746" t="s">
        <v>86</v>
      </c>
      <c r="Q13746">
        <v>34</v>
      </c>
      <c r="R13746">
        <v>34</v>
      </c>
      <c r="S13746">
        <v>35</v>
      </c>
      <c r="T13746">
        <v>36</v>
      </c>
      <c r="U13746">
        <v>36</v>
      </c>
      <c r="V13746">
        <v>37</v>
      </c>
      <c r="W13746">
        <v>38</v>
      </c>
      <c r="X13746">
        <v>38</v>
      </c>
      <c r="Y13746">
        <v>39</v>
      </c>
      <c r="Z13746">
        <v>40</v>
      </c>
      <c r="AA13746">
        <v>40</v>
      </c>
      <c r="AB13746">
        <v>41</v>
      </c>
      <c r="AC13746">
        <v>41</v>
      </c>
      <c r="AD13746">
        <v>42</v>
      </c>
      <c r="AE13746">
        <v>43</v>
      </c>
      <c r="AF13746">
        <v>43</v>
      </c>
      <c r="AG13746">
        <v>44</v>
      </c>
      <c r="AH13746">
        <v>45</v>
      </c>
      <c r="AI13746">
        <v>45</v>
      </c>
      <c r="AJ13746">
        <v>46</v>
      </c>
      <c r="AK13746">
        <v>46</v>
      </c>
      <c r="AL13746">
        <v>47</v>
      </c>
      <c r="AM13746">
        <v>47</v>
      </c>
      <c r="AN13746">
        <v>47</v>
      </c>
      <c r="AO13746">
        <v>47</v>
      </c>
      <c r="AP13746">
        <v>47</v>
      </c>
      <c r="AQ13746">
        <v>47</v>
      </c>
    </row>
    <row r="13747" spans="1:43">
      <c r="A13747" t="s">
        <v>8538</v>
      </c>
      <c r="B13747" t="s">
        <v>8539</v>
      </c>
      <c r="C13747" t="s">
        <v>8460</v>
      </c>
      <c r="D13747" t="s">
        <v>8461</v>
      </c>
      <c r="E13747" t="s">
        <v>8296</v>
      </c>
      <c r="F13747" t="s">
        <v>8297</v>
      </c>
      <c r="G13747" t="s">
        <v>80</v>
      </c>
      <c r="H13747" t="s">
        <v>81</v>
      </c>
      <c r="I13747" s="2">
        <v>0</v>
      </c>
      <c r="J13747" s="2">
        <v>1</v>
      </c>
      <c r="K13747" s="2">
        <v>0</v>
      </c>
      <c r="L13747" t="s">
        <v>82</v>
      </c>
      <c r="M13747" t="s">
        <v>87</v>
      </c>
      <c r="N13747" t="s">
        <v>88</v>
      </c>
      <c r="O13747" t="s">
        <v>85</v>
      </c>
      <c r="P13747" t="s">
        <v>86</v>
      </c>
      <c r="Q13747">
        <v>34</v>
      </c>
      <c r="R13747">
        <v>35</v>
      </c>
      <c r="S13747">
        <v>35</v>
      </c>
      <c r="T13747">
        <v>35</v>
      </c>
      <c r="U13747">
        <v>36</v>
      </c>
      <c r="V13747">
        <v>36</v>
      </c>
      <c r="W13747">
        <v>36</v>
      </c>
      <c r="X13747">
        <v>37</v>
      </c>
      <c r="Y13747">
        <v>37</v>
      </c>
      <c r="Z13747">
        <v>37</v>
      </c>
      <c r="AA13747">
        <v>38</v>
      </c>
      <c r="AB13747">
        <v>38</v>
      </c>
      <c r="AC13747">
        <v>38</v>
      </c>
      <c r="AD13747">
        <v>39</v>
      </c>
      <c r="AE13747">
        <v>39</v>
      </c>
      <c r="AF13747">
        <v>39</v>
      </c>
      <c r="AG13747">
        <v>39</v>
      </c>
      <c r="AH13747">
        <v>40</v>
      </c>
      <c r="AI13747">
        <v>40</v>
      </c>
      <c r="AJ13747">
        <v>40</v>
      </c>
      <c r="AK13747">
        <v>41</v>
      </c>
      <c r="AL13747">
        <v>41</v>
      </c>
      <c r="AM13747">
        <v>41</v>
      </c>
      <c r="AN13747">
        <v>41</v>
      </c>
      <c r="AO13747">
        <v>42</v>
      </c>
      <c r="AP13747">
        <v>42</v>
      </c>
      <c r="AQ13747">
        <v>42</v>
      </c>
    </row>
    <row r="13748" spans="1:43">
      <c r="A13748" t="s">
        <v>8538</v>
      </c>
      <c r="B13748" t="s">
        <v>8539</v>
      </c>
      <c r="C13748" t="s">
        <v>8460</v>
      </c>
      <c r="D13748" t="s">
        <v>8461</v>
      </c>
      <c r="E13748" t="s">
        <v>8296</v>
      </c>
      <c r="F13748" t="s">
        <v>8297</v>
      </c>
      <c r="G13748" t="s">
        <v>80</v>
      </c>
      <c r="H13748" t="s">
        <v>81</v>
      </c>
      <c r="I13748" s="2">
        <v>0</v>
      </c>
      <c r="J13748" s="2">
        <v>1</v>
      </c>
      <c r="K13748" s="2">
        <v>0</v>
      </c>
      <c r="L13748" t="s">
        <v>82</v>
      </c>
      <c r="M13748" t="s">
        <v>89</v>
      </c>
      <c r="N13748" t="s">
        <v>90</v>
      </c>
      <c r="O13748" t="s">
        <v>85</v>
      </c>
      <c r="P13748" t="s">
        <v>86</v>
      </c>
      <c r="Q13748">
        <v>34</v>
      </c>
      <c r="R13748">
        <v>35</v>
      </c>
      <c r="S13748">
        <v>36</v>
      </c>
      <c r="T13748">
        <v>37</v>
      </c>
      <c r="U13748">
        <v>38</v>
      </c>
      <c r="V13748">
        <v>39</v>
      </c>
      <c r="W13748">
        <v>40</v>
      </c>
      <c r="X13748">
        <v>40</v>
      </c>
      <c r="Y13748">
        <v>41</v>
      </c>
      <c r="Z13748">
        <v>42</v>
      </c>
      <c r="AA13748">
        <v>43</v>
      </c>
      <c r="AB13748">
        <v>44</v>
      </c>
      <c r="AC13748">
        <v>44</v>
      </c>
      <c r="AD13748">
        <v>45</v>
      </c>
      <c r="AE13748">
        <v>46</v>
      </c>
      <c r="AF13748">
        <v>46</v>
      </c>
      <c r="AG13748">
        <v>46</v>
      </c>
      <c r="AH13748">
        <v>46</v>
      </c>
      <c r="AI13748">
        <v>46</v>
      </c>
      <c r="AJ13748">
        <v>47</v>
      </c>
      <c r="AK13748">
        <v>47</v>
      </c>
      <c r="AL13748">
        <v>47</v>
      </c>
      <c r="AM13748">
        <v>47</v>
      </c>
      <c r="AN13748">
        <v>47</v>
      </c>
      <c r="AO13748">
        <v>47</v>
      </c>
      <c r="AP13748">
        <v>48</v>
      </c>
      <c r="AQ13748">
        <v>48</v>
      </c>
    </row>
    <row r="13749" spans="1:43">
      <c r="A13749" t="s">
        <v>8538</v>
      </c>
      <c r="B13749" t="s">
        <v>8539</v>
      </c>
      <c r="C13749" t="s">
        <v>8460</v>
      </c>
      <c r="D13749" t="s">
        <v>8461</v>
      </c>
      <c r="E13749" t="s">
        <v>8296</v>
      </c>
      <c r="F13749" t="s">
        <v>8297</v>
      </c>
      <c r="G13749" t="s">
        <v>80</v>
      </c>
      <c r="H13749" t="s">
        <v>81</v>
      </c>
      <c r="I13749" s="2">
        <v>0</v>
      </c>
      <c r="J13749" s="2">
        <v>1</v>
      </c>
      <c r="K13749" s="2">
        <v>0</v>
      </c>
      <c r="L13749" t="s">
        <v>82</v>
      </c>
      <c r="M13749" t="s">
        <v>83</v>
      </c>
      <c r="N13749" t="s">
        <v>91</v>
      </c>
      <c r="O13749" t="s">
        <v>85</v>
      </c>
      <c r="P13749" t="s">
        <v>86</v>
      </c>
      <c r="Q13749">
        <v>34</v>
      </c>
      <c r="R13749">
        <v>34</v>
      </c>
      <c r="S13749">
        <v>35</v>
      </c>
      <c r="T13749">
        <v>36</v>
      </c>
      <c r="U13749">
        <v>36</v>
      </c>
      <c r="V13749">
        <v>37</v>
      </c>
      <c r="W13749">
        <v>38</v>
      </c>
      <c r="X13749">
        <v>38</v>
      </c>
      <c r="Y13749">
        <v>39</v>
      </c>
      <c r="Z13749">
        <v>40</v>
      </c>
      <c r="AA13749">
        <v>40</v>
      </c>
      <c r="AB13749">
        <v>41</v>
      </c>
      <c r="AC13749">
        <v>41</v>
      </c>
      <c r="AD13749">
        <v>42</v>
      </c>
      <c r="AE13749">
        <v>43</v>
      </c>
      <c r="AF13749">
        <v>43</v>
      </c>
      <c r="AG13749">
        <v>44</v>
      </c>
      <c r="AH13749">
        <v>45</v>
      </c>
      <c r="AI13749">
        <v>45</v>
      </c>
      <c r="AJ13749">
        <v>46</v>
      </c>
      <c r="AK13749">
        <v>46</v>
      </c>
      <c r="AL13749">
        <v>47</v>
      </c>
      <c r="AM13749">
        <v>47</v>
      </c>
      <c r="AN13749">
        <v>47</v>
      </c>
      <c r="AO13749">
        <v>47</v>
      </c>
      <c r="AP13749">
        <v>47</v>
      </c>
      <c r="AQ13749">
        <v>47</v>
      </c>
    </row>
    <row r="13750" spans="1:43">
      <c r="A13750" t="s">
        <v>8540</v>
      </c>
      <c r="B13750" t="s">
        <v>8541</v>
      </c>
      <c r="C13750" t="s">
        <v>8432</v>
      </c>
      <c r="D13750" t="s">
        <v>8433</v>
      </c>
      <c r="E13750" t="s">
        <v>8296</v>
      </c>
      <c r="F13750" t="s">
        <v>8297</v>
      </c>
      <c r="G13750" t="s">
        <v>80</v>
      </c>
      <c r="H13750" t="s">
        <v>81</v>
      </c>
      <c r="I13750" s="2">
        <v>0</v>
      </c>
      <c r="J13750" s="2">
        <v>1</v>
      </c>
      <c r="K13750" s="2">
        <v>0</v>
      </c>
      <c r="L13750" t="s">
        <v>82</v>
      </c>
      <c r="M13750" t="s">
        <v>83</v>
      </c>
      <c r="N13750" t="s">
        <v>84</v>
      </c>
      <c r="O13750" t="s">
        <v>85</v>
      </c>
      <c r="P13750" t="s">
        <v>86</v>
      </c>
      <c r="Q13750">
        <v>68</v>
      </c>
      <c r="R13750">
        <v>70</v>
      </c>
      <c r="S13750">
        <v>71</v>
      </c>
      <c r="T13750">
        <v>72</v>
      </c>
      <c r="U13750">
        <v>74</v>
      </c>
      <c r="V13750">
        <v>75</v>
      </c>
      <c r="W13750">
        <v>76</v>
      </c>
      <c r="X13750">
        <v>78</v>
      </c>
      <c r="Y13750">
        <v>79</v>
      </c>
      <c r="Z13750">
        <v>80</v>
      </c>
      <c r="AA13750">
        <v>82</v>
      </c>
      <c r="AB13750">
        <v>83</v>
      </c>
      <c r="AC13750">
        <v>84</v>
      </c>
      <c r="AD13750">
        <v>86</v>
      </c>
      <c r="AE13750">
        <v>87</v>
      </c>
      <c r="AF13750">
        <v>88</v>
      </c>
      <c r="AG13750">
        <v>90</v>
      </c>
      <c r="AH13750">
        <v>91</v>
      </c>
      <c r="AI13750">
        <v>92</v>
      </c>
      <c r="AJ13750">
        <v>93</v>
      </c>
      <c r="AK13750">
        <v>95</v>
      </c>
      <c r="AL13750">
        <v>95</v>
      </c>
      <c r="AM13750">
        <v>96</v>
      </c>
      <c r="AN13750">
        <v>96</v>
      </c>
      <c r="AO13750">
        <v>96</v>
      </c>
      <c r="AP13750">
        <v>97</v>
      </c>
      <c r="AQ13750">
        <v>97</v>
      </c>
    </row>
    <row r="13751" spans="1:43">
      <c r="A13751" t="s">
        <v>8540</v>
      </c>
      <c r="B13751" t="s">
        <v>8541</v>
      </c>
      <c r="C13751" t="s">
        <v>8432</v>
      </c>
      <c r="D13751" t="s">
        <v>8433</v>
      </c>
      <c r="E13751" t="s">
        <v>8296</v>
      </c>
      <c r="F13751" t="s">
        <v>8297</v>
      </c>
      <c r="G13751" t="s">
        <v>80</v>
      </c>
      <c r="H13751" t="s">
        <v>81</v>
      </c>
      <c r="I13751" s="2">
        <v>0</v>
      </c>
      <c r="J13751" s="2">
        <v>1</v>
      </c>
      <c r="K13751" s="2">
        <v>0</v>
      </c>
      <c r="L13751" t="s">
        <v>82</v>
      </c>
      <c r="M13751" t="s">
        <v>87</v>
      </c>
      <c r="N13751" t="s">
        <v>88</v>
      </c>
      <c r="O13751" t="s">
        <v>85</v>
      </c>
      <c r="P13751" t="s">
        <v>86</v>
      </c>
      <c r="Q13751">
        <v>68</v>
      </c>
      <c r="R13751">
        <v>68</v>
      </c>
      <c r="S13751">
        <v>69</v>
      </c>
      <c r="T13751">
        <v>70</v>
      </c>
      <c r="U13751">
        <v>71</v>
      </c>
      <c r="V13751">
        <v>71</v>
      </c>
      <c r="W13751">
        <v>72</v>
      </c>
      <c r="X13751">
        <v>73</v>
      </c>
      <c r="Y13751">
        <v>73</v>
      </c>
      <c r="Z13751">
        <v>74</v>
      </c>
      <c r="AA13751">
        <v>74</v>
      </c>
      <c r="AB13751">
        <v>75</v>
      </c>
      <c r="AC13751">
        <v>76</v>
      </c>
      <c r="AD13751">
        <v>76</v>
      </c>
      <c r="AE13751">
        <v>77</v>
      </c>
      <c r="AF13751">
        <v>78</v>
      </c>
      <c r="AG13751">
        <v>78</v>
      </c>
      <c r="AH13751">
        <v>79</v>
      </c>
      <c r="AI13751">
        <v>80</v>
      </c>
      <c r="AJ13751">
        <v>80</v>
      </c>
      <c r="AK13751">
        <v>81</v>
      </c>
      <c r="AL13751">
        <v>81</v>
      </c>
      <c r="AM13751">
        <v>82</v>
      </c>
      <c r="AN13751">
        <v>83</v>
      </c>
      <c r="AO13751">
        <v>83</v>
      </c>
      <c r="AP13751">
        <v>84</v>
      </c>
      <c r="AQ13751">
        <v>84</v>
      </c>
    </row>
    <row r="13752" spans="1:43">
      <c r="A13752" t="s">
        <v>8540</v>
      </c>
      <c r="B13752" t="s">
        <v>8541</v>
      </c>
      <c r="C13752" t="s">
        <v>8432</v>
      </c>
      <c r="D13752" t="s">
        <v>8433</v>
      </c>
      <c r="E13752" t="s">
        <v>8296</v>
      </c>
      <c r="F13752" t="s">
        <v>8297</v>
      </c>
      <c r="G13752" t="s">
        <v>80</v>
      </c>
      <c r="H13752" t="s">
        <v>81</v>
      </c>
      <c r="I13752" s="2">
        <v>0</v>
      </c>
      <c r="J13752" s="2">
        <v>1</v>
      </c>
      <c r="K13752" s="2">
        <v>0</v>
      </c>
      <c r="L13752" t="s">
        <v>82</v>
      </c>
      <c r="M13752" t="s">
        <v>89</v>
      </c>
      <c r="N13752" t="s">
        <v>90</v>
      </c>
      <c r="O13752" t="s">
        <v>85</v>
      </c>
      <c r="P13752" t="s">
        <v>86</v>
      </c>
      <c r="Q13752">
        <v>68</v>
      </c>
      <c r="R13752">
        <v>70</v>
      </c>
      <c r="S13752">
        <v>72</v>
      </c>
      <c r="T13752">
        <v>74</v>
      </c>
      <c r="U13752">
        <v>76</v>
      </c>
      <c r="V13752">
        <v>78</v>
      </c>
      <c r="W13752">
        <v>79</v>
      </c>
      <c r="X13752">
        <v>81</v>
      </c>
      <c r="Y13752">
        <v>83</v>
      </c>
      <c r="Z13752">
        <v>85</v>
      </c>
      <c r="AA13752">
        <v>86</v>
      </c>
      <c r="AB13752">
        <v>88</v>
      </c>
      <c r="AC13752">
        <v>90</v>
      </c>
      <c r="AD13752">
        <v>91</v>
      </c>
      <c r="AE13752">
        <v>92</v>
      </c>
      <c r="AF13752">
        <v>93</v>
      </c>
      <c r="AG13752">
        <v>93</v>
      </c>
      <c r="AH13752">
        <v>94</v>
      </c>
      <c r="AI13752">
        <v>94</v>
      </c>
      <c r="AJ13752">
        <v>94</v>
      </c>
      <c r="AK13752">
        <v>95</v>
      </c>
      <c r="AL13752">
        <v>95</v>
      </c>
      <c r="AM13752">
        <v>95</v>
      </c>
      <c r="AN13752">
        <v>96</v>
      </c>
      <c r="AO13752">
        <v>96</v>
      </c>
      <c r="AP13752">
        <v>96</v>
      </c>
      <c r="AQ13752">
        <v>96</v>
      </c>
    </row>
    <row r="13753" spans="1:43">
      <c r="A13753" t="s">
        <v>8540</v>
      </c>
      <c r="B13753" t="s">
        <v>8541</v>
      </c>
      <c r="C13753" t="s">
        <v>8432</v>
      </c>
      <c r="D13753" t="s">
        <v>8433</v>
      </c>
      <c r="E13753" t="s">
        <v>8296</v>
      </c>
      <c r="F13753" t="s">
        <v>8297</v>
      </c>
      <c r="G13753" t="s">
        <v>80</v>
      </c>
      <c r="H13753" t="s">
        <v>81</v>
      </c>
      <c r="I13753" s="2">
        <v>0</v>
      </c>
      <c r="J13753" s="2">
        <v>1</v>
      </c>
      <c r="K13753" s="2">
        <v>0</v>
      </c>
      <c r="L13753" t="s">
        <v>82</v>
      </c>
      <c r="M13753" t="s">
        <v>83</v>
      </c>
      <c r="N13753" t="s">
        <v>91</v>
      </c>
      <c r="O13753" t="s">
        <v>85</v>
      </c>
      <c r="P13753" t="s">
        <v>86</v>
      </c>
      <c r="Q13753">
        <v>68</v>
      </c>
      <c r="R13753">
        <v>70</v>
      </c>
      <c r="S13753">
        <v>71</v>
      </c>
      <c r="T13753">
        <v>72</v>
      </c>
      <c r="U13753">
        <v>74</v>
      </c>
      <c r="V13753">
        <v>75</v>
      </c>
      <c r="W13753">
        <v>76</v>
      </c>
      <c r="X13753">
        <v>78</v>
      </c>
      <c r="Y13753">
        <v>79</v>
      </c>
      <c r="Z13753">
        <v>80</v>
      </c>
      <c r="AA13753">
        <v>82</v>
      </c>
      <c r="AB13753">
        <v>83</v>
      </c>
      <c r="AC13753">
        <v>84</v>
      </c>
      <c r="AD13753">
        <v>86</v>
      </c>
      <c r="AE13753">
        <v>87</v>
      </c>
      <c r="AF13753">
        <v>88</v>
      </c>
      <c r="AG13753">
        <v>90</v>
      </c>
      <c r="AH13753">
        <v>91</v>
      </c>
      <c r="AI13753">
        <v>92</v>
      </c>
      <c r="AJ13753">
        <v>93</v>
      </c>
      <c r="AK13753">
        <v>95</v>
      </c>
      <c r="AL13753">
        <v>95</v>
      </c>
      <c r="AM13753">
        <v>96</v>
      </c>
      <c r="AN13753">
        <v>96</v>
      </c>
      <c r="AO13753">
        <v>96</v>
      </c>
      <c r="AP13753">
        <v>97</v>
      </c>
      <c r="AQ13753">
        <v>97</v>
      </c>
    </row>
    <row r="13754" spans="1:43">
      <c r="A13754" t="s">
        <v>8542</v>
      </c>
      <c r="B13754" t="s">
        <v>8543</v>
      </c>
      <c r="C13754" t="s">
        <v>8544</v>
      </c>
      <c r="D13754" t="s">
        <v>8545</v>
      </c>
      <c r="E13754" t="s">
        <v>8296</v>
      </c>
      <c r="F13754" t="s">
        <v>8297</v>
      </c>
      <c r="G13754" t="s">
        <v>80</v>
      </c>
      <c r="H13754" t="s">
        <v>81</v>
      </c>
      <c r="I13754" s="2">
        <v>0</v>
      </c>
      <c r="J13754" s="2">
        <v>1</v>
      </c>
      <c r="K13754" s="2">
        <v>0</v>
      </c>
      <c r="L13754" t="s">
        <v>82</v>
      </c>
      <c r="M13754" t="s">
        <v>83</v>
      </c>
      <c r="N13754" t="s">
        <v>84</v>
      </c>
      <c r="O13754" t="s">
        <v>85</v>
      </c>
      <c r="P13754" t="s">
        <v>86</v>
      </c>
      <c r="Q13754">
        <v>36</v>
      </c>
      <c r="R13754">
        <v>37</v>
      </c>
      <c r="S13754">
        <v>37</v>
      </c>
      <c r="T13754">
        <v>38</v>
      </c>
      <c r="U13754">
        <v>39</v>
      </c>
      <c r="V13754">
        <v>40</v>
      </c>
      <c r="W13754">
        <v>40</v>
      </c>
      <c r="X13754">
        <v>41</v>
      </c>
      <c r="Y13754">
        <v>42</v>
      </c>
      <c r="Z13754">
        <v>42</v>
      </c>
      <c r="AA13754">
        <v>43</v>
      </c>
      <c r="AB13754">
        <v>44</v>
      </c>
      <c r="AC13754">
        <v>45</v>
      </c>
      <c r="AD13754">
        <v>45</v>
      </c>
      <c r="AE13754">
        <v>46</v>
      </c>
      <c r="AF13754">
        <v>47</v>
      </c>
      <c r="AG13754">
        <v>47</v>
      </c>
      <c r="AH13754">
        <v>48</v>
      </c>
      <c r="AI13754">
        <v>49</v>
      </c>
      <c r="AJ13754">
        <v>49</v>
      </c>
      <c r="AK13754">
        <v>50</v>
      </c>
      <c r="AL13754">
        <v>50</v>
      </c>
      <c r="AM13754">
        <v>51</v>
      </c>
      <c r="AN13754">
        <v>51</v>
      </c>
      <c r="AO13754">
        <v>51</v>
      </c>
      <c r="AP13754">
        <v>51</v>
      </c>
      <c r="AQ13754">
        <v>51</v>
      </c>
    </row>
    <row r="13755" spans="1:43">
      <c r="A13755" t="s">
        <v>8542</v>
      </c>
      <c r="B13755" t="s">
        <v>8543</v>
      </c>
      <c r="C13755" t="s">
        <v>8544</v>
      </c>
      <c r="D13755" t="s">
        <v>8545</v>
      </c>
      <c r="E13755" t="s">
        <v>8296</v>
      </c>
      <c r="F13755" t="s">
        <v>8297</v>
      </c>
      <c r="G13755" t="s">
        <v>80</v>
      </c>
      <c r="H13755" t="s">
        <v>81</v>
      </c>
      <c r="I13755" s="2">
        <v>0</v>
      </c>
      <c r="J13755" s="2">
        <v>1</v>
      </c>
      <c r="K13755" s="2">
        <v>0</v>
      </c>
      <c r="L13755" t="s">
        <v>82</v>
      </c>
      <c r="M13755" t="s">
        <v>87</v>
      </c>
      <c r="N13755" t="s">
        <v>88</v>
      </c>
      <c r="O13755" t="s">
        <v>85</v>
      </c>
      <c r="P13755" t="s">
        <v>86</v>
      </c>
      <c r="Q13755">
        <v>36</v>
      </c>
      <c r="R13755">
        <v>36</v>
      </c>
      <c r="S13755">
        <v>36</v>
      </c>
      <c r="T13755">
        <v>37</v>
      </c>
      <c r="U13755">
        <v>37</v>
      </c>
      <c r="V13755">
        <v>38</v>
      </c>
      <c r="W13755">
        <v>38</v>
      </c>
      <c r="X13755">
        <v>38</v>
      </c>
      <c r="Y13755">
        <v>39</v>
      </c>
      <c r="Z13755">
        <v>39</v>
      </c>
      <c r="AA13755">
        <v>39</v>
      </c>
      <c r="AB13755">
        <v>40</v>
      </c>
      <c r="AC13755">
        <v>40</v>
      </c>
      <c r="AD13755">
        <v>40</v>
      </c>
      <c r="AE13755">
        <v>41</v>
      </c>
      <c r="AF13755">
        <v>41</v>
      </c>
      <c r="AG13755">
        <v>41</v>
      </c>
      <c r="AH13755">
        <v>42</v>
      </c>
      <c r="AI13755">
        <v>42</v>
      </c>
      <c r="AJ13755">
        <v>42</v>
      </c>
      <c r="AK13755">
        <v>43</v>
      </c>
      <c r="AL13755">
        <v>43</v>
      </c>
      <c r="AM13755">
        <v>43</v>
      </c>
      <c r="AN13755">
        <v>44</v>
      </c>
      <c r="AO13755">
        <v>44</v>
      </c>
      <c r="AP13755">
        <v>44</v>
      </c>
      <c r="AQ13755">
        <v>45</v>
      </c>
    </row>
    <row r="13756" spans="1:43">
      <c r="A13756" t="s">
        <v>8542</v>
      </c>
      <c r="B13756" t="s">
        <v>8543</v>
      </c>
      <c r="C13756" t="s">
        <v>8544</v>
      </c>
      <c r="D13756" t="s">
        <v>8545</v>
      </c>
      <c r="E13756" t="s">
        <v>8296</v>
      </c>
      <c r="F13756" t="s">
        <v>8297</v>
      </c>
      <c r="G13756" t="s">
        <v>80</v>
      </c>
      <c r="H13756" t="s">
        <v>81</v>
      </c>
      <c r="I13756" s="2">
        <v>0</v>
      </c>
      <c r="J13756" s="2">
        <v>1</v>
      </c>
      <c r="K13756" s="2">
        <v>0</v>
      </c>
      <c r="L13756" t="s">
        <v>82</v>
      </c>
      <c r="M13756" t="s">
        <v>89</v>
      </c>
      <c r="N13756" t="s">
        <v>90</v>
      </c>
      <c r="O13756" t="s">
        <v>85</v>
      </c>
      <c r="P13756" t="s">
        <v>86</v>
      </c>
      <c r="Q13756">
        <v>36</v>
      </c>
      <c r="R13756">
        <v>37</v>
      </c>
      <c r="S13756">
        <v>38</v>
      </c>
      <c r="T13756">
        <v>39</v>
      </c>
      <c r="U13756">
        <v>40</v>
      </c>
      <c r="V13756">
        <v>41</v>
      </c>
      <c r="W13756">
        <v>42</v>
      </c>
      <c r="X13756">
        <v>43</v>
      </c>
      <c r="Y13756">
        <v>44</v>
      </c>
      <c r="Z13756">
        <v>45</v>
      </c>
      <c r="AA13756">
        <v>46</v>
      </c>
      <c r="AB13756">
        <v>47</v>
      </c>
      <c r="AC13756">
        <v>48</v>
      </c>
      <c r="AD13756">
        <v>49</v>
      </c>
      <c r="AE13756">
        <v>49</v>
      </c>
      <c r="AF13756">
        <v>50</v>
      </c>
      <c r="AG13756">
        <v>50</v>
      </c>
      <c r="AH13756">
        <v>50</v>
      </c>
      <c r="AI13756">
        <v>50</v>
      </c>
      <c r="AJ13756">
        <v>50</v>
      </c>
      <c r="AK13756">
        <v>50</v>
      </c>
      <c r="AL13756">
        <v>51</v>
      </c>
      <c r="AM13756">
        <v>51</v>
      </c>
      <c r="AN13756">
        <v>51</v>
      </c>
      <c r="AO13756">
        <v>51</v>
      </c>
      <c r="AP13756">
        <v>51</v>
      </c>
      <c r="AQ13756">
        <v>51</v>
      </c>
    </row>
    <row r="13757" spans="1:43">
      <c r="A13757" t="s">
        <v>8542</v>
      </c>
      <c r="B13757" t="s">
        <v>8543</v>
      </c>
      <c r="C13757" t="s">
        <v>8544</v>
      </c>
      <c r="D13757" t="s">
        <v>8545</v>
      </c>
      <c r="E13757" t="s">
        <v>8296</v>
      </c>
      <c r="F13757" t="s">
        <v>8297</v>
      </c>
      <c r="G13757" t="s">
        <v>80</v>
      </c>
      <c r="H13757" t="s">
        <v>81</v>
      </c>
      <c r="I13757" s="2">
        <v>0</v>
      </c>
      <c r="J13757" s="2">
        <v>1</v>
      </c>
      <c r="K13757" s="2">
        <v>0</v>
      </c>
      <c r="L13757" t="s">
        <v>82</v>
      </c>
      <c r="M13757" t="s">
        <v>83</v>
      </c>
      <c r="N13757" t="s">
        <v>91</v>
      </c>
      <c r="O13757" t="s">
        <v>85</v>
      </c>
      <c r="P13757" t="s">
        <v>86</v>
      </c>
      <c r="Q13757">
        <v>36</v>
      </c>
      <c r="R13757">
        <v>37</v>
      </c>
      <c r="S13757">
        <v>37</v>
      </c>
      <c r="T13757">
        <v>38</v>
      </c>
      <c r="U13757">
        <v>39</v>
      </c>
      <c r="V13757">
        <v>40</v>
      </c>
      <c r="W13757">
        <v>40</v>
      </c>
      <c r="X13757">
        <v>41</v>
      </c>
      <c r="Y13757">
        <v>42</v>
      </c>
      <c r="Z13757">
        <v>42</v>
      </c>
      <c r="AA13757">
        <v>43</v>
      </c>
      <c r="AB13757">
        <v>44</v>
      </c>
      <c r="AC13757">
        <v>45</v>
      </c>
      <c r="AD13757">
        <v>45</v>
      </c>
      <c r="AE13757">
        <v>46</v>
      </c>
      <c r="AF13757">
        <v>47</v>
      </c>
      <c r="AG13757">
        <v>47</v>
      </c>
      <c r="AH13757">
        <v>48</v>
      </c>
      <c r="AI13757">
        <v>49</v>
      </c>
      <c r="AJ13757">
        <v>49</v>
      </c>
      <c r="AK13757">
        <v>50</v>
      </c>
      <c r="AL13757">
        <v>50</v>
      </c>
      <c r="AM13757">
        <v>51</v>
      </c>
      <c r="AN13757">
        <v>51</v>
      </c>
      <c r="AO13757">
        <v>51</v>
      </c>
      <c r="AP13757">
        <v>51</v>
      </c>
      <c r="AQ13757">
        <v>51</v>
      </c>
    </row>
    <row r="13758" spans="1:43">
      <c r="A13758" t="s">
        <v>8546</v>
      </c>
      <c r="B13758" t="s">
        <v>8547</v>
      </c>
      <c r="C13758" t="s">
        <v>8548</v>
      </c>
      <c r="D13758" t="s">
        <v>8549</v>
      </c>
      <c r="E13758" t="s">
        <v>8296</v>
      </c>
      <c r="F13758" t="s">
        <v>8297</v>
      </c>
      <c r="G13758" t="s">
        <v>80</v>
      </c>
      <c r="H13758" t="s">
        <v>81</v>
      </c>
      <c r="I13758" s="2">
        <v>0</v>
      </c>
      <c r="J13758" s="2">
        <v>1</v>
      </c>
      <c r="K13758" s="2">
        <v>0</v>
      </c>
      <c r="L13758" t="s">
        <v>82</v>
      </c>
      <c r="M13758" t="s">
        <v>83</v>
      </c>
      <c r="N13758" t="s">
        <v>84</v>
      </c>
      <c r="O13758" t="s">
        <v>85</v>
      </c>
      <c r="P13758" t="s">
        <v>86</v>
      </c>
      <c r="Q13758">
        <v>58</v>
      </c>
      <c r="R13758">
        <v>59</v>
      </c>
      <c r="S13758">
        <v>60</v>
      </c>
      <c r="T13758">
        <v>61</v>
      </c>
      <c r="U13758">
        <v>63</v>
      </c>
      <c r="V13758">
        <v>64</v>
      </c>
      <c r="W13758">
        <v>65</v>
      </c>
      <c r="X13758">
        <v>66</v>
      </c>
      <c r="Y13758">
        <v>67</v>
      </c>
      <c r="Z13758">
        <v>68</v>
      </c>
      <c r="AA13758">
        <v>69</v>
      </c>
      <c r="AB13758">
        <v>70</v>
      </c>
      <c r="AC13758">
        <v>71</v>
      </c>
      <c r="AD13758">
        <v>73</v>
      </c>
      <c r="AE13758">
        <v>74</v>
      </c>
      <c r="AF13758">
        <v>75</v>
      </c>
      <c r="AG13758">
        <v>76</v>
      </c>
      <c r="AH13758">
        <v>77</v>
      </c>
      <c r="AI13758">
        <v>78</v>
      </c>
      <c r="AJ13758">
        <v>79</v>
      </c>
      <c r="AK13758">
        <v>80</v>
      </c>
      <c r="AL13758">
        <v>81</v>
      </c>
      <c r="AM13758">
        <v>81</v>
      </c>
      <c r="AN13758">
        <v>81</v>
      </c>
      <c r="AO13758">
        <v>82</v>
      </c>
      <c r="AP13758">
        <v>82</v>
      </c>
      <c r="AQ13758">
        <v>82</v>
      </c>
    </row>
    <row r="13759" spans="1:43">
      <c r="A13759" t="s">
        <v>8546</v>
      </c>
      <c r="B13759" t="s">
        <v>8547</v>
      </c>
      <c r="C13759" t="s">
        <v>8548</v>
      </c>
      <c r="D13759" t="s">
        <v>8549</v>
      </c>
      <c r="E13759" t="s">
        <v>8296</v>
      </c>
      <c r="F13759" t="s">
        <v>8297</v>
      </c>
      <c r="G13759" t="s">
        <v>80</v>
      </c>
      <c r="H13759" t="s">
        <v>81</v>
      </c>
      <c r="I13759" s="2">
        <v>0</v>
      </c>
      <c r="J13759" s="2">
        <v>1</v>
      </c>
      <c r="K13759" s="2">
        <v>0</v>
      </c>
      <c r="L13759" t="s">
        <v>82</v>
      </c>
      <c r="M13759" t="s">
        <v>87</v>
      </c>
      <c r="N13759" t="s">
        <v>88</v>
      </c>
      <c r="O13759" t="s">
        <v>85</v>
      </c>
      <c r="P13759" t="s">
        <v>86</v>
      </c>
      <c r="Q13759">
        <v>58</v>
      </c>
      <c r="R13759">
        <v>58</v>
      </c>
      <c r="S13759">
        <v>59</v>
      </c>
      <c r="T13759">
        <v>59</v>
      </c>
      <c r="U13759">
        <v>60</v>
      </c>
      <c r="V13759">
        <v>60</v>
      </c>
      <c r="W13759">
        <v>61</v>
      </c>
      <c r="X13759">
        <v>61</v>
      </c>
      <c r="Y13759">
        <v>62</v>
      </c>
      <c r="Z13759">
        <v>63</v>
      </c>
      <c r="AA13759">
        <v>63</v>
      </c>
      <c r="AB13759">
        <v>64</v>
      </c>
      <c r="AC13759">
        <v>64</v>
      </c>
      <c r="AD13759">
        <v>65</v>
      </c>
      <c r="AE13759">
        <v>65</v>
      </c>
      <c r="AF13759">
        <v>66</v>
      </c>
      <c r="AG13759">
        <v>66</v>
      </c>
      <c r="AH13759">
        <v>67</v>
      </c>
      <c r="AI13759">
        <v>67</v>
      </c>
      <c r="AJ13759">
        <v>68</v>
      </c>
      <c r="AK13759">
        <v>68</v>
      </c>
      <c r="AL13759">
        <v>69</v>
      </c>
      <c r="AM13759">
        <v>69</v>
      </c>
      <c r="AN13759">
        <v>70</v>
      </c>
      <c r="AO13759">
        <v>70</v>
      </c>
      <c r="AP13759">
        <v>71</v>
      </c>
      <c r="AQ13759">
        <v>71</v>
      </c>
    </row>
    <row r="13760" spans="1:43">
      <c r="A13760" t="s">
        <v>8546</v>
      </c>
      <c r="B13760" t="s">
        <v>8547</v>
      </c>
      <c r="C13760" t="s">
        <v>8548</v>
      </c>
      <c r="D13760" t="s">
        <v>8549</v>
      </c>
      <c r="E13760" t="s">
        <v>8296</v>
      </c>
      <c r="F13760" t="s">
        <v>8297</v>
      </c>
      <c r="G13760" t="s">
        <v>80</v>
      </c>
      <c r="H13760" t="s">
        <v>81</v>
      </c>
      <c r="I13760" s="2">
        <v>0</v>
      </c>
      <c r="J13760" s="2">
        <v>1</v>
      </c>
      <c r="K13760" s="2">
        <v>0</v>
      </c>
      <c r="L13760" t="s">
        <v>82</v>
      </c>
      <c r="M13760" t="s">
        <v>89</v>
      </c>
      <c r="N13760" t="s">
        <v>90</v>
      </c>
      <c r="O13760" t="s">
        <v>85</v>
      </c>
      <c r="P13760" t="s">
        <v>86</v>
      </c>
      <c r="Q13760">
        <v>58</v>
      </c>
      <c r="R13760">
        <v>59</v>
      </c>
      <c r="S13760">
        <v>61</v>
      </c>
      <c r="T13760">
        <v>62</v>
      </c>
      <c r="U13760">
        <v>64</v>
      </c>
      <c r="V13760">
        <v>66</v>
      </c>
      <c r="W13760">
        <v>67</v>
      </c>
      <c r="X13760">
        <v>69</v>
      </c>
      <c r="Y13760">
        <v>70</v>
      </c>
      <c r="Z13760">
        <v>71</v>
      </c>
      <c r="AA13760">
        <v>73</v>
      </c>
      <c r="AB13760">
        <v>74</v>
      </c>
      <c r="AC13760">
        <v>76</v>
      </c>
      <c r="AD13760">
        <v>77</v>
      </c>
      <c r="AE13760">
        <v>78</v>
      </c>
      <c r="AF13760">
        <v>78</v>
      </c>
      <c r="AG13760">
        <v>79</v>
      </c>
      <c r="AH13760">
        <v>79</v>
      </c>
      <c r="AI13760">
        <v>79</v>
      </c>
      <c r="AJ13760">
        <v>80</v>
      </c>
      <c r="AK13760">
        <v>80</v>
      </c>
      <c r="AL13760">
        <v>80</v>
      </c>
      <c r="AM13760">
        <v>80</v>
      </c>
      <c r="AN13760">
        <v>81</v>
      </c>
      <c r="AO13760">
        <v>81</v>
      </c>
      <c r="AP13760">
        <v>81</v>
      </c>
      <c r="AQ13760">
        <v>81</v>
      </c>
    </row>
    <row r="13761" spans="1:43">
      <c r="A13761" t="s">
        <v>8546</v>
      </c>
      <c r="B13761" t="s">
        <v>8547</v>
      </c>
      <c r="C13761" t="s">
        <v>8548</v>
      </c>
      <c r="D13761" t="s">
        <v>8549</v>
      </c>
      <c r="E13761" t="s">
        <v>8296</v>
      </c>
      <c r="F13761" t="s">
        <v>8297</v>
      </c>
      <c r="G13761" t="s">
        <v>80</v>
      </c>
      <c r="H13761" t="s">
        <v>81</v>
      </c>
      <c r="I13761" s="2">
        <v>0</v>
      </c>
      <c r="J13761" s="2">
        <v>1</v>
      </c>
      <c r="K13761" s="2">
        <v>0</v>
      </c>
      <c r="L13761" t="s">
        <v>82</v>
      </c>
      <c r="M13761" t="s">
        <v>83</v>
      </c>
      <c r="N13761" t="s">
        <v>91</v>
      </c>
      <c r="O13761" t="s">
        <v>85</v>
      </c>
      <c r="P13761" t="s">
        <v>86</v>
      </c>
      <c r="Q13761">
        <v>58</v>
      </c>
      <c r="R13761">
        <v>59</v>
      </c>
      <c r="S13761">
        <v>60</v>
      </c>
      <c r="T13761">
        <v>61</v>
      </c>
      <c r="U13761">
        <v>63</v>
      </c>
      <c r="V13761">
        <v>64</v>
      </c>
      <c r="W13761">
        <v>65</v>
      </c>
      <c r="X13761">
        <v>66</v>
      </c>
      <c r="Y13761">
        <v>67</v>
      </c>
      <c r="Z13761">
        <v>68</v>
      </c>
      <c r="AA13761">
        <v>69</v>
      </c>
      <c r="AB13761">
        <v>70</v>
      </c>
      <c r="AC13761">
        <v>71</v>
      </c>
      <c r="AD13761">
        <v>73</v>
      </c>
      <c r="AE13761">
        <v>74</v>
      </c>
      <c r="AF13761">
        <v>75</v>
      </c>
      <c r="AG13761">
        <v>76</v>
      </c>
      <c r="AH13761">
        <v>77</v>
      </c>
      <c r="AI13761">
        <v>78</v>
      </c>
      <c r="AJ13761">
        <v>79</v>
      </c>
      <c r="AK13761">
        <v>80</v>
      </c>
      <c r="AL13761">
        <v>81</v>
      </c>
      <c r="AM13761">
        <v>81</v>
      </c>
      <c r="AN13761">
        <v>81</v>
      </c>
      <c r="AO13761">
        <v>82</v>
      </c>
      <c r="AP13761">
        <v>82</v>
      </c>
      <c r="AQ13761">
        <v>82</v>
      </c>
    </row>
    <row r="13762" spans="1:43">
      <c r="A13762" t="s">
        <v>8550</v>
      </c>
      <c r="B13762" t="s">
        <v>8551</v>
      </c>
      <c r="C13762" t="s">
        <v>8548</v>
      </c>
      <c r="D13762" t="s">
        <v>8549</v>
      </c>
      <c r="E13762" t="s">
        <v>8296</v>
      </c>
      <c r="F13762" t="s">
        <v>8297</v>
      </c>
      <c r="G13762" t="s">
        <v>80</v>
      </c>
      <c r="H13762" t="s">
        <v>81</v>
      </c>
      <c r="I13762" s="2">
        <v>0</v>
      </c>
      <c r="J13762" s="2">
        <v>1</v>
      </c>
      <c r="K13762" s="2">
        <v>0</v>
      </c>
      <c r="L13762" t="s">
        <v>82</v>
      </c>
      <c r="M13762" t="s">
        <v>83</v>
      </c>
      <c r="N13762" t="s">
        <v>84</v>
      </c>
      <c r="O13762" t="s">
        <v>85</v>
      </c>
      <c r="P13762" t="s">
        <v>86</v>
      </c>
      <c r="Q13762">
        <v>152</v>
      </c>
      <c r="R13762">
        <v>155</v>
      </c>
      <c r="S13762">
        <v>158</v>
      </c>
      <c r="T13762">
        <v>161</v>
      </c>
      <c r="U13762">
        <v>164</v>
      </c>
      <c r="V13762">
        <v>167</v>
      </c>
      <c r="W13762">
        <v>170</v>
      </c>
      <c r="X13762">
        <v>173</v>
      </c>
      <c r="Y13762">
        <v>176</v>
      </c>
      <c r="Z13762">
        <v>179</v>
      </c>
      <c r="AA13762">
        <v>182</v>
      </c>
      <c r="AB13762">
        <v>185</v>
      </c>
      <c r="AC13762">
        <v>188</v>
      </c>
      <c r="AD13762">
        <v>191</v>
      </c>
      <c r="AE13762">
        <v>194</v>
      </c>
      <c r="AF13762">
        <v>196</v>
      </c>
      <c r="AG13762">
        <v>199</v>
      </c>
      <c r="AH13762">
        <v>202</v>
      </c>
      <c r="AI13762">
        <v>205</v>
      </c>
      <c r="AJ13762">
        <v>208</v>
      </c>
      <c r="AK13762">
        <v>211</v>
      </c>
      <c r="AL13762">
        <v>212</v>
      </c>
      <c r="AM13762">
        <v>213</v>
      </c>
      <c r="AN13762">
        <v>214</v>
      </c>
      <c r="AO13762">
        <v>214</v>
      </c>
      <c r="AP13762">
        <v>215</v>
      </c>
      <c r="AQ13762">
        <v>216</v>
      </c>
    </row>
    <row r="13763" spans="1:43">
      <c r="A13763" t="s">
        <v>8550</v>
      </c>
      <c r="B13763" t="s">
        <v>8551</v>
      </c>
      <c r="C13763" t="s">
        <v>8548</v>
      </c>
      <c r="D13763" t="s">
        <v>8549</v>
      </c>
      <c r="E13763" t="s">
        <v>8296</v>
      </c>
      <c r="F13763" t="s">
        <v>8297</v>
      </c>
      <c r="G13763" t="s">
        <v>80</v>
      </c>
      <c r="H13763" t="s">
        <v>81</v>
      </c>
      <c r="I13763" s="2">
        <v>0</v>
      </c>
      <c r="J13763" s="2">
        <v>1</v>
      </c>
      <c r="K13763" s="2">
        <v>0</v>
      </c>
      <c r="L13763" t="s">
        <v>82</v>
      </c>
      <c r="M13763" t="s">
        <v>87</v>
      </c>
      <c r="N13763" t="s">
        <v>88</v>
      </c>
      <c r="O13763" t="s">
        <v>85</v>
      </c>
      <c r="P13763" t="s">
        <v>86</v>
      </c>
      <c r="Q13763">
        <v>152</v>
      </c>
      <c r="R13763">
        <v>154</v>
      </c>
      <c r="S13763">
        <v>155</v>
      </c>
      <c r="T13763">
        <v>157</v>
      </c>
      <c r="U13763">
        <v>158</v>
      </c>
      <c r="V13763">
        <v>160</v>
      </c>
      <c r="W13763">
        <v>161</v>
      </c>
      <c r="X13763">
        <v>162</v>
      </c>
      <c r="Y13763">
        <v>164</v>
      </c>
      <c r="Z13763">
        <v>165</v>
      </c>
      <c r="AA13763">
        <v>167</v>
      </c>
      <c r="AB13763">
        <v>168</v>
      </c>
      <c r="AC13763">
        <v>170</v>
      </c>
      <c r="AD13763">
        <v>171</v>
      </c>
      <c r="AE13763">
        <v>172</v>
      </c>
      <c r="AF13763">
        <v>174</v>
      </c>
      <c r="AG13763">
        <v>175</v>
      </c>
      <c r="AH13763">
        <v>176</v>
      </c>
      <c r="AI13763">
        <v>178</v>
      </c>
      <c r="AJ13763">
        <v>179</v>
      </c>
      <c r="AK13763">
        <v>181</v>
      </c>
      <c r="AL13763">
        <v>182</v>
      </c>
      <c r="AM13763">
        <v>183</v>
      </c>
      <c r="AN13763">
        <v>184</v>
      </c>
      <c r="AO13763">
        <v>186</v>
      </c>
      <c r="AP13763">
        <v>187</v>
      </c>
      <c r="AQ13763">
        <v>188</v>
      </c>
    </row>
    <row r="13764" spans="1:43">
      <c r="A13764" t="s">
        <v>8550</v>
      </c>
      <c r="B13764" t="s">
        <v>8551</v>
      </c>
      <c r="C13764" t="s">
        <v>8548</v>
      </c>
      <c r="D13764" t="s">
        <v>8549</v>
      </c>
      <c r="E13764" t="s">
        <v>8296</v>
      </c>
      <c r="F13764" t="s">
        <v>8297</v>
      </c>
      <c r="G13764" t="s">
        <v>80</v>
      </c>
      <c r="H13764" t="s">
        <v>81</v>
      </c>
      <c r="I13764" s="2">
        <v>0</v>
      </c>
      <c r="J13764" s="2">
        <v>1</v>
      </c>
      <c r="K13764" s="2">
        <v>0</v>
      </c>
      <c r="L13764" t="s">
        <v>82</v>
      </c>
      <c r="M13764" t="s">
        <v>89</v>
      </c>
      <c r="N13764" t="s">
        <v>90</v>
      </c>
      <c r="O13764" t="s">
        <v>85</v>
      </c>
      <c r="P13764" t="s">
        <v>86</v>
      </c>
      <c r="Q13764">
        <v>152</v>
      </c>
      <c r="R13764">
        <v>156</v>
      </c>
      <c r="S13764">
        <v>160</v>
      </c>
      <c r="T13764">
        <v>165</v>
      </c>
      <c r="U13764">
        <v>169</v>
      </c>
      <c r="V13764">
        <v>173</v>
      </c>
      <c r="W13764">
        <v>177</v>
      </c>
      <c r="X13764">
        <v>181</v>
      </c>
      <c r="Y13764">
        <v>185</v>
      </c>
      <c r="Z13764">
        <v>188</v>
      </c>
      <c r="AA13764">
        <v>192</v>
      </c>
      <c r="AB13764">
        <v>195</v>
      </c>
      <c r="AC13764">
        <v>199</v>
      </c>
      <c r="AD13764">
        <v>203</v>
      </c>
      <c r="AE13764">
        <v>206</v>
      </c>
      <c r="AF13764">
        <v>206</v>
      </c>
      <c r="AG13764">
        <v>207</v>
      </c>
      <c r="AH13764">
        <v>208</v>
      </c>
      <c r="AI13764">
        <v>209</v>
      </c>
      <c r="AJ13764">
        <v>210</v>
      </c>
      <c r="AK13764">
        <v>211</v>
      </c>
      <c r="AL13764">
        <v>211</v>
      </c>
      <c r="AM13764">
        <v>212</v>
      </c>
      <c r="AN13764">
        <v>213</v>
      </c>
      <c r="AO13764">
        <v>214</v>
      </c>
      <c r="AP13764">
        <v>214</v>
      </c>
      <c r="AQ13764">
        <v>215</v>
      </c>
    </row>
    <row r="13765" spans="1:43">
      <c r="A13765" t="s">
        <v>8550</v>
      </c>
      <c r="B13765" t="s">
        <v>8551</v>
      </c>
      <c r="C13765" t="s">
        <v>8548</v>
      </c>
      <c r="D13765" t="s">
        <v>8549</v>
      </c>
      <c r="E13765" t="s">
        <v>8296</v>
      </c>
      <c r="F13765" t="s">
        <v>8297</v>
      </c>
      <c r="G13765" t="s">
        <v>80</v>
      </c>
      <c r="H13765" t="s">
        <v>81</v>
      </c>
      <c r="I13765" s="2">
        <v>0</v>
      </c>
      <c r="J13765" s="2">
        <v>1</v>
      </c>
      <c r="K13765" s="2">
        <v>0</v>
      </c>
      <c r="L13765" t="s">
        <v>82</v>
      </c>
      <c r="M13765" t="s">
        <v>83</v>
      </c>
      <c r="N13765" t="s">
        <v>91</v>
      </c>
      <c r="O13765" t="s">
        <v>85</v>
      </c>
      <c r="P13765" t="s">
        <v>86</v>
      </c>
      <c r="Q13765">
        <v>152</v>
      </c>
      <c r="R13765">
        <v>155</v>
      </c>
      <c r="S13765">
        <v>158</v>
      </c>
      <c r="T13765">
        <v>161</v>
      </c>
      <c r="U13765">
        <v>164</v>
      </c>
      <c r="V13765">
        <v>167</v>
      </c>
      <c r="W13765">
        <v>170</v>
      </c>
      <c r="X13765">
        <v>173</v>
      </c>
      <c r="Y13765">
        <v>176</v>
      </c>
      <c r="Z13765">
        <v>179</v>
      </c>
      <c r="AA13765">
        <v>182</v>
      </c>
      <c r="AB13765">
        <v>185</v>
      </c>
      <c r="AC13765">
        <v>188</v>
      </c>
      <c r="AD13765">
        <v>191</v>
      </c>
      <c r="AE13765">
        <v>194</v>
      </c>
      <c r="AF13765">
        <v>196</v>
      </c>
      <c r="AG13765">
        <v>199</v>
      </c>
      <c r="AH13765">
        <v>202</v>
      </c>
      <c r="AI13765">
        <v>205</v>
      </c>
      <c r="AJ13765">
        <v>208</v>
      </c>
      <c r="AK13765">
        <v>211</v>
      </c>
      <c r="AL13765">
        <v>212</v>
      </c>
      <c r="AM13765">
        <v>213</v>
      </c>
      <c r="AN13765">
        <v>214</v>
      </c>
      <c r="AO13765">
        <v>214</v>
      </c>
      <c r="AP13765">
        <v>215</v>
      </c>
      <c r="AQ13765">
        <v>216</v>
      </c>
    </row>
    <row r="13766" spans="1:43">
      <c r="A13766" t="s">
        <v>8552</v>
      </c>
      <c r="B13766" t="s">
        <v>8553</v>
      </c>
      <c r="C13766" t="s">
        <v>8544</v>
      </c>
      <c r="D13766" t="s">
        <v>8545</v>
      </c>
      <c r="E13766" t="s">
        <v>8296</v>
      </c>
      <c r="F13766" t="s">
        <v>8297</v>
      </c>
      <c r="G13766" t="s">
        <v>80</v>
      </c>
      <c r="H13766" t="s">
        <v>81</v>
      </c>
      <c r="I13766" s="2">
        <v>0</v>
      </c>
      <c r="J13766" s="2">
        <v>1</v>
      </c>
      <c r="K13766" s="2">
        <v>0</v>
      </c>
      <c r="L13766" t="s">
        <v>82</v>
      </c>
      <c r="M13766" t="s">
        <v>83</v>
      </c>
      <c r="N13766" t="s">
        <v>84</v>
      </c>
      <c r="O13766" t="s">
        <v>85</v>
      </c>
      <c r="P13766" t="s">
        <v>86</v>
      </c>
      <c r="Q13766">
        <v>29</v>
      </c>
      <c r="R13766">
        <v>29</v>
      </c>
      <c r="S13766">
        <v>30</v>
      </c>
      <c r="T13766">
        <v>31</v>
      </c>
      <c r="U13766">
        <v>31</v>
      </c>
      <c r="V13766">
        <v>32</v>
      </c>
      <c r="W13766">
        <v>32</v>
      </c>
      <c r="X13766">
        <v>33</v>
      </c>
      <c r="Y13766">
        <v>33</v>
      </c>
      <c r="Z13766">
        <v>34</v>
      </c>
      <c r="AA13766">
        <v>35</v>
      </c>
      <c r="AB13766">
        <v>35</v>
      </c>
      <c r="AC13766">
        <v>36</v>
      </c>
      <c r="AD13766">
        <v>36</v>
      </c>
      <c r="AE13766">
        <v>37</v>
      </c>
      <c r="AF13766">
        <v>37</v>
      </c>
      <c r="AG13766">
        <v>38</v>
      </c>
      <c r="AH13766">
        <v>38</v>
      </c>
      <c r="AI13766">
        <v>39</v>
      </c>
      <c r="AJ13766">
        <v>39</v>
      </c>
      <c r="AK13766">
        <v>40</v>
      </c>
      <c r="AL13766">
        <v>40</v>
      </c>
      <c r="AM13766">
        <v>40</v>
      </c>
      <c r="AN13766">
        <v>41</v>
      </c>
      <c r="AO13766">
        <v>41</v>
      </c>
      <c r="AP13766">
        <v>41</v>
      </c>
      <c r="AQ13766">
        <v>41</v>
      </c>
    </row>
    <row r="13767" spans="1:43">
      <c r="A13767" t="s">
        <v>8552</v>
      </c>
      <c r="B13767" t="s">
        <v>8553</v>
      </c>
      <c r="C13767" t="s">
        <v>8544</v>
      </c>
      <c r="D13767" t="s">
        <v>8545</v>
      </c>
      <c r="E13767" t="s">
        <v>8296</v>
      </c>
      <c r="F13767" t="s">
        <v>8297</v>
      </c>
      <c r="G13767" t="s">
        <v>80</v>
      </c>
      <c r="H13767" t="s">
        <v>81</v>
      </c>
      <c r="I13767" s="2">
        <v>0</v>
      </c>
      <c r="J13767" s="2">
        <v>1</v>
      </c>
      <c r="K13767" s="2">
        <v>0</v>
      </c>
      <c r="L13767" t="s">
        <v>82</v>
      </c>
      <c r="M13767" t="s">
        <v>87</v>
      </c>
      <c r="N13767" t="s">
        <v>88</v>
      </c>
      <c r="O13767" t="s">
        <v>85</v>
      </c>
      <c r="P13767" t="s">
        <v>86</v>
      </c>
      <c r="Q13767">
        <v>29</v>
      </c>
      <c r="R13767">
        <v>29</v>
      </c>
      <c r="S13767">
        <v>29</v>
      </c>
      <c r="T13767">
        <v>29</v>
      </c>
      <c r="U13767">
        <v>30</v>
      </c>
      <c r="V13767">
        <v>30</v>
      </c>
      <c r="W13767">
        <v>30</v>
      </c>
      <c r="X13767">
        <v>31</v>
      </c>
      <c r="Y13767">
        <v>31</v>
      </c>
      <c r="Z13767">
        <v>31</v>
      </c>
      <c r="AA13767">
        <v>31</v>
      </c>
      <c r="AB13767">
        <v>32</v>
      </c>
      <c r="AC13767">
        <v>32</v>
      </c>
      <c r="AD13767">
        <v>32</v>
      </c>
      <c r="AE13767">
        <v>33</v>
      </c>
      <c r="AF13767">
        <v>33</v>
      </c>
      <c r="AG13767">
        <v>33</v>
      </c>
      <c r="AH13767">
        <v>33</v>
      </c>
      <c r="AI13767">
        <v>34</v>
      </c>
      <c r="AJ13767">
        <v>34</v>
      </c>
      <c r="AK13767">
        <v>34</v>
      </c>
      <c r="AL13767">
        <v>34</v>
      </c>
      <c r="AM13767">
        <v>35</v>
      </c>
      <c r="AN13767">
        <v>35</v>
      </c>
      <c r="AO13767">
        <v>35</v>
      </c>
      <c r="AP13767">
        <v>35</v>
      </c>
      <c r="AQ13767">
        <v>36</v>
      </c>
    </row>
    <row r="13768" spans="1:43">
      <c r="A13768" t="s">
        <v>8552</v>
      </c>
      <c r="B13768" t="s">
        <v>8553</v>
      </c>
      <c r="C13768" t="s">
        <v>8544</v>
      </c>
      <c r="D13768" t="s">
        <v>8545</v>
      </c>
      <c r="E13768" t="s">
        <v>8296</v>
      </c>
      <c r="F13768" t="s">
        <v>8297</v>
      </c>
      <c r="G13768" t="s">
        <v>80</v>
      </c>
      <c r="H13768" t="s">
        <v>81</v>
      </c>
      <c r="I13768" s="2">
        <v>0</v>
      </c>
      <c r="J13768" s="2">
        <v>1</v>
      </c>
      <c r="K13768" s="2">
        <v>0</v>
      </c>
      <c r="L13768" t="s">
        <v>82</v>
      </c>
      <c r="M13768" t="s">
        <v>89</v>
      </c>
      <c r="N13768" t="s">
        <v>90</v>
      </c>
      <c r="O13768" t="s">
        <v>85</v>
      </c>
      <c r="P13768" t="s">
        <v>86</v>
      </c>
      <c r="Q13768">
        <v>29</v>
      </c>
      <c r="R13768">
        <v>30</v>
      </c>
      <c r="S13768">
        <v>31</v>
      </c>
      <c r="T13768">
        <v>32</v>
      </c>
      <c r="U13768">
        <v>32</v>
      </c>
      <c r="V13768">
        <v>33</v>
      </c>
      <c r="W13768">
        <v>34</v>
      </c>
      <c r="X13768">
        <v>35</v>
      </c>
      <c r="Y13768">
        <v>35</v>
      </c>
      <c r="Z13768">
        <v>36</v>
      </c>
      <c r="AA13768">
        <v>37</v>
      </c>
      <c r="AB13768">
        <v>37</v>
      </c>
      <c r="AC13768">
        <v>38</v>
      </c>
      <c r="AD13768">
        <v>39</v>
      </c>
      <c r="AE13768">
        <v>39</v>
      </c>
      <c r="AF13768">
        <v>40</v>
      </c>
      <c r="AG13768">
        <v>40</v>
      </c>
      <c r="AH13768">
        <v>40</v>
      </c>
      <c r="AI13768">
        <v>40</v>
      </c>
      <c r="AJ13768">
        <v>40</v>
      </c>
      <c r="AK13768">
        <v>40</v>
      </c>
      <c r="AL13768">
        <v>40</v>
      </c>
      <c r="AM13768">
        <v>41</v>
      </c>
      <c r="AN13768">
        <v>41</v>
      </c>
      <c r="AO13768">
        <v>41</v>
      </c>
      <c r="AP13768">
        <v>41</v>
      </c>
      <c r="AQ13768">
        <v>41</v>
      </c>
    </row>
    <row r="13769" spans="1:43">
      <c r="A13769" t="s">
        <v>8552</v>
      </c>
      <c r="B13769" t="s">
        <v>8553</v>
      </c>
      <c r="C13769" t="s">
        <v>8544</v>
      </c>
      <c r="D13769" t="s">
        <v>8545</v>
      </c>
      <c r="E13769" t="s">
        <v>8296</v>
      </c>
      <c r="F13769" t="s">
        <v>8297</v>
      </c>
      <c r="G13769" t="s">
        <v>80</v>
      </c>
      <c r="H13769" t="s">
        <v>81</v>
      </c>
      <c r="I13769" s="2">
        <v>0</v>
      </c>
      <c r="J13769" s="2">
        <v>1</v>
      </c>
      <c r="K13769" s="2">
        <v>0</v>
      </c>
      <c r="L13769" t="s">
        <v>82</v>
      </c>
      <c r="M13769" t="s">
        <v>83</v>
      </c>
      <c r="N13769" t="s">
        <v>91</v>
      </c>
      <c r="O13769" t="s">
        <v>85</v>
      </c>
      <c r="P13769" t="s">
        <v>86</v>
      </c>
      <c r="Q13769">
        <v>29</v>
      </c>
      <c r="R13769">
        <v>29</v>
      </c>
      <c r="S13769">
        <v>30</v>
      </c>
      <c r="T13769">
        <v>31</v>
      </c>
      <c r="U13769">
        <v>31</v>
      </c>
      <c r="V13769">
        <v>32</v>
      </c>
      <c r="W13769">
        <v>32</v>
      </c>
      <c r="X13769">
        <v>33</v>
      </c>
      <c r="Y13769">
        <v>33</v>
      </c>
      <c r="Z13769">
        <v>34</v>
      </c>
      <c r="AA13769">
        <v>35</v>
      </c>
      <c r="AB13769">
        <v>35</v>
      </c>
      <c r="AC13769">
        <v>36</v>
      </c>
      <c r="AD13769">
        <v>36</v>
      </c>
      <c r="AE13769">
        <v>37</v>
      </c>
      <c r="AF13769">
        <v>37</v>
      </c>
      <c r="AG13769">
        <v>38</v>
      </c>
      <c r="AH13769">
        <v>38</v>
      </c>
      <c r="AI13769">
        <v>39</v>
      </c>
      <c r="AJ13769">
        <v>39</v>
      </c>
      <c r="AK13769">
        <v>40</v>
      </c>
      <c r="AL13769">
        <v>40</v>
      </c>
      <c r="AM13769">
        <v>40</v>
      </c>
      <c r="AN13769">
        <v>41</v>
      </c>
      <c r="AO13769">
        <v>41</v>
      </c>
      <c r="AP13769">
        <v>41</v>
      </c>
      <c r="AQ13769">
        <v>41</v>
      </c>
    </row>
    <row r="13770" spans="1:43">
      <c r="A13770" t="s">
        <v>8554</v>
      </c>
      <c r="B13770" t="s">
        <v>8555</v>
      </c>
      <c r="C13770" t="s">
        <v>8548</v>
      </c>
      <c r="D13770" t="s">
        <v>8549</v>
      </c>
      <c r="E13770" t="s">
        <v>8296</v>
      </c>
      <c r="F13770" t="s">
        <v>8297</v>
      </c>
      <c r="G13770" t="s">
        <v>80</v>
      </c>
      <c r="H13770" t="s">
        <v>81</v>
      </c>
      <c r="I13770" s="2">
        <v>0</v>
      </c>
      <c r="J13770" s="2">
        <v>1</v>
      </c>
      <c r="K13770" s="2">
        <v>0</v>
      </c>
      <c r="L13770" t="s">
        <v>82</v>
      </c>
      <c r="M13770" t="s">
        <v>83</v>
      </c>
      <c r="N13770" t="s">
        <v>84</v>
      </c>
      <c r="O13770" t="s">
        <v>85</v>
      </c>
      <c r="P13770" t="s">
        <v>86</v>
      </c>
      <c r="Q13770">
        <v>39</v>
      </c>
      <c r="R13770">
        <v>40</v>
      </c>
      <c r="S13770">
        <v>41</v>
      </c>
      <c r="T13770">
        <v>42</v>
      </c>
      <c r="U13770">
        <v>42</v>
      </c>
      <c r="V13770">
        <v>43</v>
      </c>
      <c r="W13770">
        <v>44</v>
      </c>
      <c r="X13770">
        <v>45</v>
      </c>
      <c r="Y13770">
        <v>46</v>
      </c>
      <c r="Z13770">
        <v>46</v>
      </c>
      <c r="AA13770">
        <v>47</v>
      </c>
      <c r="AB13770">
        <v>48</v>
      </c>
      <c r="AC13770">
        <v>49</v>
      </c>
      <c r="AD13770">
        <v>49</v>
      </c>
      <c r="AE13770">
        <v>50</v>
      </c>
      <c r="AF13770">
        <v>51</v>
      </c>
      <c r="AG13770">
        <v>52</v>
      </c>
      <c r="AH13770">
        <v>52</v>
      </c>
      <c r="AI13770">
        <v>53</v>
      </c>
      <c r="AJ13770">
        <v>54</v>
      </c>
      <c r="AK13770">
        <v>55</v>
      </c>
      <c r="AL13770">
        <v>55</v>
      </c>
      <c r="AM13770">
        <v>55</v>
      </c>
      <c r="AN13770">
        <v>55</v>
      </c>
      <c r="AO13770">
        <v>56</v>
      </c>
      <c r="AP13770">
        <v>56</v>
      </c>
      <c r="AQ13770">
        <v>56</v>
      </c>
    </row>
    <row r="13771" spans="1:43">
      <c r="A13771" t="s">
        <v>8554</v>
      </c>
      <c r="B13771" t="s">
        <v>8555</v>
      </c>
      <c r="C13771" t="s">
        <v>8548</v>
      </c>
      <c r="D13771" t="s">
        <v>8549</v>
      </c>
      <c r="E13771" t="s">
        <v>8296</v>
      </c>
      <c r="F13771" t="s">
        <v>8297</v>
      </c>
      <c r="G13771" t="s">
        <v>80</v>
      </c>
      <c r="H13771" t="s">
        <v>81</v>
      </c>
      <c r="I13771" s="2">
        <v>0</v>
      </c>
      <c r="J13771" s="2">
        <v>1</v>
      </c>
      <c r="K13771" s="2">
        <v>0</v>
      </c>
      <c r="L13771" t="s">
        <v>82</v>
      </c>
      <c r="M13771" t="s">
        <v>87</v>
      </c>
      <c r="N13771" t="s">
        <v>88</v>
      </c>
      <c r="O13771" t="s">
        <v>85</v>
      </c>
      <c r="P13771" t="s">
        <v>86</v>
      </c>
      <c r="Q13771">
        <v>39</v>
      </c>
      <c r="R13771">
        <v>39</v>
      </c>
      <c r="S13771">
        <v>40</v>
      </c>
      <c r="T13771">
        <v>40</v>
      </c>
      <c r="U13771">
        <v>41</v>
      </c>
      <c r="V13771">
        <v>41</v>
      </c>
      <c r="W13771">
        <v>41</v>
      </c>
      <c r="X13771">
        <v>42</v>
      </c>
      <c r="Y13771">
        <v>42</v>
      </c>
      <c r="Z13771">
        <v>42</v>
      </c>
      <c r="AA13771">
        <v>43</v>
      </c>
      <c r="AB13771">
        <v>43</v>
      </c>
      <c r="AC13771">
        <v>44</v>
      </c>
      <c r="AD13771">
        <v>44</v>
      </c>
      <c r="AE13771">
        <v>44</v>
      </c>
      <c r="AF13771">
        <v>45</v>
      </c>
      <c r="AG13771">
        <v>45</v>
      </c>
      <c r="AH13771">
        <v>45</v>
      </c>
      <c r="AI13771">
        <v>46</v>
      </c>
      <c r="AJ13771">
        <v>46</v>
      </c>
      <c r="AK13771">
        <v>46</v>
      </c>
      <c r="AL13771">
        <v>47</v>
      </c>
      <c r="AM13771">
        <v>47</v>
      </c>
      <c r="AN13771">
        <v>47</v>
      </c>
      <c r="AO13771">
        <v>48</v>
      </c>
      <c r="AP13771">
        <v>48</v>
      </c>
      <c r="AQ13771">
        <v>48</v>
      </c>
    </row>
    <row r="13772" spans="1:43">
      <c r="A13772" t="s">
        <v>8554</v>
      </c>
      <c r="B13772" t="s">
        <v>8555</v>
      </c>
      <c r="C13772" t="s">
        <v>8548</v>
      </c>
      <c r="D13772" t="s">
        <v>8549</v>
      </c>
      <c r="E13772" t="s">
        <v>8296</v>
      </c>
      <c r="F13772" t="s">
        <v>8297</v>
      </c>
      <c r="G13772" t="s">
        <v>80</v>
      </c>
      <c r="H13772" t="s">
        <v>81</v>
      </c>
      <c r="I13772" s="2">
        <v>0</v>
      </c>
      <c r="J13772" s="2">
        <v>1</v>
      </c>
      <c r="K13772" s="2">
        <v>0</v>
      </c>
      <c r="L13772" t="s">
        <v>82</v>
      </c>
      <c r="M13772" t="s">
        <v>89</v>
      </c>
      <c r="N13772" t="s">
        <v>90</v>
      </c>
      <c r="O13772" t="s">
        <v>85</v>
      </c>
      <c r="P13772" t="s">
        <v>86</v>
      </c>
      <c r="Q13772">
        <v>39</v>
      </c>
      <c r="R13772">
        <v>40</v>
      </c>
      <c r="S13772">
        <v>41</v>
      </c>
      <c r="T13772">
        <v>42</v>
      </c>
      <c r="U13772">
        <v>43</v>
      </c>
      <c r="V13772">
        <v>44</v>
      </c>
      <c r="W13772">
        <v>45</v>
      </c>
      <c r="X13772">
        <v>46</v>
      </c>
      <c r="Y13772">
        <v>47</v>
      </c>
      <c r="Z13772">
        <v>48</v>
      </c>
      <c r="AA13772">
        <v>49</v>
      </c>
      <c r="AB13772">
        <v>50</v>
      </c>
      <c r="AC13772">
        <v>51</v>
      </c>
      <c r="AD13772">
        <v>52</v>
      </c>
      <c r="AE13772">
        <v>53</v>
      </c>
      <c r="AF13772">
        <v>53</v>
      </c>
      <c r="AG13772">
        <v>53</v>
      </c>
      <c r="AH13772">
        <v>54</v>
      </c>
      <c r="AI13772">
        <v>54</v>
      </c>
      <c r="AJ13772">
        <v>54</v>
      </c>
      <c r="AK13772">
        <v>54</v>
      </c>
      <c r="AL13772">
        <v>54</v>
      </c>
      <c r="AM13772">
        <v>55</v>
      </c>
      <c r="AN13772">
        <v>55</v>
      </c>
      <c r="AO13772">
        <v>55</v>
      </c>
      <c r="AP13772">
        <v>55</v>
      </c>
      <c r="AQ13772">
        <v>55</v>
      </c>
    </row>
    <row r="13773" spans="1:43">
      <c r="A13773" t="s">
        <v>8554</v>
      </c>
      <c r="B13773" t="s">
        <v>8555</v>
      </c>
      <c r="C13773" t="s">
        <v>8548</v>
      </c>
      <c r="D13773" t="s">
        <v>8549</v>
      </c>
      <c r="E13773" t="s">
        <v>8296</v>
      </c>
      <c r="F13773" t="s">
        <v>8297</v>
      </c>
      <c r="G13773" t="s">
        <v>80</v>
      </c>
      <c r="H13773" t="s">
        <v>81</v>
      </c>
      <c r="I13773" s="2">
        <v>0</v>
      </c>
      <c r="J13773" s="2">
        <v>1</v>
      </c>
      <c r="K13773" s="2">
        <v>0</v>
      </c>
      <c r="L13773" t="s">
        <v>82</v>
      </c>
      <c r="M13773" t="s">
        <v>83</v>
      </c>
      <c r="N13773" t="s">
        <v>91</v>
      </c>
      <c r="O13773" t="s">
        <v>85</v>
      </c>
      <c r="P13773" t="s">
        <v>86</v>
      </c>
      <c r="Q13773">
        <v>39</v>
      </c>
      <c r="R13773">
        <v>40</v>
      </c>
      <c r="S13773">
        <v>41</v>
      </c>
      <c r="T13773">
        <v>42</v>
      </c>
      <c r="U13773">
        <v>42</v>
      </c>
      <c r="V13773">
        <v>43</v>
      </c>
      <c r="W13773">
        <v>44</v>
      </c>
      <c r="X13773">
        <v>45</v>
      </c>
      <c r="Y13773">
        <v>46</v>
      </c>
      <c r="Z13773">
        <v>46</v>
      </c>
      <c r="AA13773">
        <v>47</v>
      </c>
      <c r="AB13773">
        <v>48</v>
      </c>
      <c r="AC13773">
        <v>49</v>
      </c>
      <c r="AD13773">
        <v>49</v>
      </c>
      <c r="AE13773">
        <v>50</v>
      </c>
      <c r="AF13773">
        <v>51</v>
      </c>
      <c r="AG13773">
        <v>52</v>
      </c>
      <c r="AH13773">
        <v>52</v>
      </c>
      <c r="AI13773">
        <v>53</v>
      </c>
      <c r="AJ13773">
        <v>54</v>
      </c>
      <c r="AK13773">
        <v>55</v>
      </c>
      <c r="AL13773">
        <v>55</v>
      </c>
      <c r="AM13773">
        <v>55</v>
      </c>
      <c r="AN13773">
        <v>55</v>
      </c>
      <c r="AO13773">
        <v>56</v>
      </c>
      <c r="AP13773">
        <v>56</v>
      </c>
      <c r="AQ13773">
        <v>56</v>
      </c>
    </row>
    <row r="13774" spans="1:43">
      <c r="A13774" t="s">
        <v>8556</v>
      </c>
      <c r="B13774" t="s">
        <v>8557</v>
      </c>
      <c r="C13774" t="s">
        <v>8548</v>
      </c>
      <c r="D13774" t="s">
        <v>8549</v>
      </c>
      <c r="E13774" t="s">
        <v>8296</v>
      </c>
      <c r="F13774" t="s">
        <v>8297</v>
      </c>
      <c r="G13774" t="s">
        <v>80</v>
      </c>
      <c r="H13774" t="s">
        <v>81</v>
      </c>
      <c r="I13774" s="2">
        <v>0</v>
      </c>
      <c r="J13774" s="2">
        <v>1</v>
      </c>
      <c r="K13774" s="2">
        <v>0</v>
      </c>
      <c r="L13774" t="s">
        <v>82</v>
      </c>
      <c r="M13774" t="s">
        <v>83</v>
      </c>
      <c r="N13774" t="s">
        <v>84</v>
      </c>
      <c r="O13774" t="s">
        <v>85</v>
      </c>
      <c r="P13774" t="s">
        <v>86</v>
      </c>
      <c r="Q13774">
        <v>51</v>
      </c>
      <c r="R13774">
        <v>52</v>
      </c>
      <c r="S13774">
        <v>53</v>
      </c>
      <c r="T13774">
        <v>54</v>
      </c>
      <c r="U13774">
        <v>55</v>
      </c>
      <c r="V13774">
        <v>55</v>
      </c>
      <c r="W13774">
        <v>56</v>
      </c>
      <c r="X13774">
        <v>57</v>
      </c>
      <c r="Y13774">
        <v>58</v>
      </c>
      <c r="Z13774">
        <v>59</v>
      </c>
      <c r="AA13774">
        <v>60</v>
      </c>
      <c r="AB13774">
        <v>61</v>
      </c>
      <c r="AC13774">
        <v>62</v>
      </c>
      <c r="AD13774">
        <v>63</v>
      </c>
      <c r="AE13774">
        <v>64</v>
      </c>
      <c r="AF13774">
        <v>65</v>
      </c>
      <c r="AG13774">
        <v>66</v>
      </c>
      <c r="AH13774">
        <v>67</v>
      </c>
      <c r="AI13774">
        <v>68</v>
      </c>
      <c r="AJ13774">
        <v>69</v>
      </c>
      <c r="AK13774">
        <v>70</v>
      </c>
      <c r="AL13774">
        <v>70</v>
      </c>
      <c r="AM13774">
        <v>71</v>
      </c>
      <c r="AN13774">
        <v>71</v>
      </c>
      <c r="AO13774">
        <v>71</v>
      </c>
      <c r="AP13774">
        <v>71</v>
      </c>
      <c r="AQ13774">
        <v>72</v>
      </c>
    </row>
    <row r="13775" spans="1:43">
      <c r="A13775" t="s">
        <v>8556</v>
      </c>
      <c r="B13775" t="s">
        <v>8557</v>
      </c>
      <c r="C13775" t="s">
        <v>8548</v>
      </c>
      <c r="D13775" t="s">
        <v>8549</v>
      </c>
      <c r="E13775" t="s">
        <v>8296</v>
      </c>
      <c r="F13775" t="s">
        <v>8297</v>
      </c>
      <c r="G13775" t="s">
        <v>80</v>
      </c>
      <c r="H13775" t="s">
        <v>81</v>
      </c>
      <c r="I13775" s="2">
        <v>0</v>
      </c>
      <c r="J13775" s="2">
        <v>1</v>
      </c>
      <c r="K13775" s="2">
        <v>0</v>
      </c>
      <c r="L13775" t="s">
        <v>82</v>
      </c>
      <c r="M13775" t="s">
        <v>87</v>
      </c>
      <c r="N13775" t="s">
        <v>88</v>
      </c>
      <c r="O13775" t="s">
        <v>85</v>
      </c>
      <c r="P13775" t="s">
        <v>86</v>
      </c>
      <c r="Q13775">
        <v>51</v>
      </c>
      <c r="R13775">
        <v>52</v>
      </c>
      <c r="S13775">
        <v>52</v>
      </c>
      <c r="T13775">
        <v>53</v>
      </c>
      <c r="U13775">
        <v>53</v>
      </c>
      <c r="V13775">
        <v>54</v>
      </c>
      <c r="W13775">
        <v>54</v>
      </c>
      <c r="X13775">
        <v>55</v>
      </c>
      <c r="Y13775">
        <v>55</v>
      </c>
      <c r="Z13775">
        <v>56</v>
      </c>
      <c r="AA13775">
        <v>56</v>
      </c>
      <c r="AB13775">
        <v>56</v>
      </c>
      <c r="AC13775">
        <v>57</v>
      </c>
      <c r="AD13775">
        <v>57</v>
      </c>
      <c r="AE13775">
        <v>58</v>
      </c>
      <c r="AF13775">
        <v>58</v>
      </c>
      <c r="AG13775">
        <v>59</v>
      </c>
      <c r="AH13775">
        <v>59</v>
      </c>
      <c r="AI13775">
        <v>60</v>
      </c>
      <c r="AJ13775">
        <v>60</v>
      </c>
      <c r="AK13775">
        <v>61</v>
      </c>
      <c r="AL13775">
        <v>61</v>
      </c>
      <c r="AM13775">
        <v>61</v>
      </c>
      <c r="AN13775">
        <v>62</v>
      </c>
      <c r="AO13775">
        <v>62</v>
      </c>
      <c r="AP13775">
        <v>63</v>
      </c>
      <c r="AQ13775">
        <v>63</v>
      </c>
    </row>
    <row r="13776" spans="1:43">
      <c r="A13776" t="s">
        <v>8556</v>
      </c>
      <c r="B13776" t="s">
        <v>8557</v>
      </c>
      <c r="C13776" t="s">
        <v>8548</v>
      </c>
      <c r="D13776" t="s">
        <v>8549</v>
      </c>
      <c r="E13776" t="s">
        <v>8296</v>
      </c>
      <c r="F13776" t="s">
        <v>8297</v>
      </c>
      <c r="G13776" t="s">
        <v>80</v>
      </c>
      <c r="H13776" t="s">
        <v>81</v>
      </c>
      <c r="I13776" s="2">
        <v>0</v>
      </c>
      <c r="J13776" s="2">
        <v>1</v>
      </c>
      <c r="K13776" s="2">
        <v>0</v>
      </c>
      <c r="L13776" t="s">
        <v>82</v>
      </c>
      <c r="M13776" t="s">
        <v>89</v>
      </c>
      <c r="N13776" t="s">
        <v>90</v>
      </c>
      <c r="O13776" t="s">
        <v>85</v>
      </c>
      <c r="P13776" t="s">
        <v>86</v>
      </c>
      <c r="Q13776">
        <v>51</v>
      </c>
      <c r="R13776">
        <v>52</v>
      </c>
      <c r="S13776">
        <v>54</v>
      </c>
      <c r="T13776">
        <v>55</v>
      </c>
      <c r="U13776">
        <v>57</v>
      </c>
      <c r="V13776">
        <v>58</v>
      </c>
      <c r="W13776">
        <v>59</v>
      </c>
      <c r="X13776">
        <v>61</v>
      </c>
      <c r="Y13776">
        <v>62</v>
      </c>
      <c r="Z13776">
        <v>63</v>
      </c>
      <c r="AA13776">
        <v>64</v>
      </c>
      <c r="AB13776">
        <v>65</v>
      </c>
      <c r="AC13776">
        <v>67</v>
      </c>
      <c r="AD13776">
        <v>68</v>
      </c>
      <c r="AE13776">
        <v>69</v>
      </c>
      <c r="AF13776">
        <v>69</v>
      </c>
      <c r="AG13776">
        <v>69</v>
      </c>
      <c r="AH13776">
        <v>70</v>
      </c>
      <c r="AI13776">
        <v>70</v>
      </c>
      <c r="AJ13776">
        <v>70</v>
      </c>
      <c r="AK13776">
        <v>70</v>
      </c>
      <c r="AL13776">
        <v>71</v>
      </c>
      <c r="AM13776">
        <v>71</v>
      </c>
      <c r="AN13776">
        <v>71</v>
      </c>
      <c r="AO13776">
        <v>71</v>
      </c>
      <c r="AP13776">
        <v>72</v>
      </c>
      <c r="AQ13776">
        <v>72</v>
      </c>
    </row>
    <row r="13777" spans="1:43">
      <c r="A13777" t="s">
        <v>8556</v>
      </c>
      <c r="B13777" t="s">
        <v>8557</v>
      </c>
      <c r="C13777" t="s">
        <v>8548</v>
      </c>
      <c r="D13777" t="s">
        <v>8549</v>
      </c>
      <c r="E13777" t="s">
        <v>8296</v>
      </c>
      <c r="F13777" t="s">
        <v>8297</v>
      </c>
      <c r="G13777" t="s">
        <v>80</v>
      </c>
      <c r="H13777" t="s">
        <v>81</v>
      </c>
      <c r="I13777" s="2">
        <v>0</v>
      </c>
      <c r="J13777" s="2">
        <v>1</v>
      </c>
      <c r="K13777" s="2">
        <v>0</v>
      </c>
      <c r="L13777" t="s">
        <v>82</v>
      </c>
      <c r="M13777" t="s">
        <v>83</v>
      </c>
      <c r="N13777" t="s">
        <v>91</v>
      </c>
      <c r="O13777" t="s">
        <v>85</v>
      </c>
      <c r="P13777" t="s">
        <v>86</v>
      </c>
      <c r="Q13777">
        <v>51</v>
      </c>
      <c r="R13777">
        <v>52</v>
      </c>
      <c r="S13777">
        <v>53</v>
      </c>
      <c r="T13777">
        <v>54</v>
      </c>
      <c r="U13777">
        <v>55</v>
      </c>
      <c r="V13777">
        <v>55</v>
      </c>
      <c r="W13777">
        <v>56</v>
      </c>
      <c r="X13777">
        <v>57</v>
      </c>
      <c r="Y13777">
        <v>58</v>
      </c>
      <c r="Z13777">
        <v>59</v>
      </c>
      <c r="AA13777">
        <v>60</v>
      </c>
      <c r="AB13777">
        <v>61</v>
      </c>
      <c r="AC13777">
        <v>62</v>
      </c>
      <c r="AD13777">
        <v>63</v>
      </c>
      <c r="AE13777">
        <v>64</v>
      </c>
      <c r="AF13777">
        <v>65</v>
      </c>
      <c r="AG13777">
        <v>66</v>
      </c>
      <c r="AH13777">
        <v>67</v>
      </c>
      <c r="AI13777">
        <v>68</v>
      </c>
      <c r="AJ13777">
        <v>69</v>
      </c>
      <c r="AK13777">
        <v>70</v>
      </c>
      <c r="AL13777">
        <v>70</v>
      </c>
      <c r="AM13777">
        <v>71</v>
      </c>
      <c r="AN13777">
        <v>71</v>
      </c>
      <c r="AO13777">
        <v>71</v>
      </c>
      <c r="AP13777">
        <v>71</v>
      </c>
      <c r="AQ13777">
        <v>72</v>
      </c>
    </row>
    <row r="13778" spans="1:43">
      <c r="A13778" t="s">
        <v>8558</v>
      </c>
      <c r="B13778" t="s">
        <v>8559</v>
      </c>
      <c r="C13778" t="s">
        <v>8460</v>
      </c>
      <c r="D13778" t="s">
        <v>8461</v>
      </c>
      <c r="E13778" t="s">
        <v>8296</v>
      </c>
      <c r="F13778" t="s">
        <v>8297</v>
      </c>
      <c r="G13778" t="s">
        <v>80</v>
      </c>
      <c r="H13778" t="s">
        <v>81</v>
      </c>
      <c r="I13778" s="2">
        <v>0</v>
      </c>
      <c r="J13778" s="2">
        <v>1</v>
      </c>
      <c r="K13778" s="2">
        <v>0</v>
      </c>
      <c r="L13778" t="s">
        <v>82</v>
      </c>
      <c r="M13778" t="s">
        <v>83</v>
      </c>
      <c r="N13778" t="s">
        <v>84</v>
      </c>
      <c r="O13778" t="s">
        <v>85</v>
      </c>
      <c r="P13778" t="s">
        <v>86</v>
      </c>
      <c r="Q13778">
        <v>48</v>
      </c>
      <c r="R13778">
        <v>49</v>
      </c>
      <c r="S13778">
        <v>49</v>
      </c>
      <c r="T13778">
        <v>50</v>
      </c>
      <c r="U13778">
        <v>50</v>
      </c>
      <c r="V13778">
        <v>51</v>
      </c>
      <c r="W13778">
        <v>52</v>
      </c>
      <c r="X13778">
        <v>52</v>
      </c>
      <c r="Y13778">
        <v>53</v>
      </c>
      <c r="Z13778">
        <v>53</v>
      </c>
      <c r="AA13778">
        <v>54</v>
      </c>
      <c r="AB13778">
        <v>54</v>
      </c>
      <c r="AC13778">
        <v>55</v>
      </c>
      <c r="AD13778">
        <v>55</v>
      </c>
      <c r="AE13778">
        <v>56</v>
      </c>
      <c r="AF13778">
        <v>56</v>
      </c>
      <c r="AG13778">
        <v>57</v>
      </c>
      <c r="AH13778">
        <v>57</v>
      </c>
      <c r="AI13778">
        <v>58</v>
      </c>
      <c r="AJ13778">
        <v>58</v>
      </c>
      <c r="AK13778">
        <v>59</v>
      </c>
      <c r="AL13778">
        <v>59</v>
      </c>
      <c r="AM13778">
        <v>59</v>
      </c>
      <c r="AN13778">
        <v>59</v>
      </c>
      <c r="AO13778">
        <v>59</v>
      </c>
      <c r="AP13778">
        <v>59</v>
      </c>
      <c r="AQ13778">
        <v>59</v>
      </c>
    </row>
    <row r="13779" spans="1:43">
      <c r="A13779" t="s">
        <v>8558</v>
      </c>
      <c r="B13779" t="s">
        <v>8559</v>
      </c>
      <c r="C13779" t="s">
        <v>8460</v>
      </c>
      <c r="D13779" t="s">
        <v>8461</v>
      </c>
      <c r="E13779" t="s">
        <v>8296</v>
      </c>
      <c r="F13779" t="s">
        <v>8297</v>
      </c>
      <c r="G13779" t="s">
        <v>80</v>
      </c>
      <c r="H13779" t="s">
        <v>81</v>
      </c>
      <c r="I13779" s="2">
        <v>0</v>
      </c>
      <c r="J13779" s="2">
        <v>1</v>
      </c>
      <c r="K13779" s="2">
        <v>0</v>
      </c>
      <c r="L13779" t="s">
        <v>82</v>
      </c>
      <c r="M13779" t="s">
        <v>87</v>
      </c>
      <c r="N13779" t="s">
        <v>88</v>
      </c>
      <c r="O13779" t="s">
        <v>85</v>
      </c>
      <c r="P13779" t="s">
        <v>86</v>
      </c>
      <c r="Q13779">
        <v>48</v>
      </c>
      <c r="R13779">
        <v>49</v>
      </c>
      <c r="S13779">
        <v>49</v>
      </c>
      <c r="T13779">
        <v>49</v>
      </c>
      <c r="U13779">
        <v>49</v>
      </c>
      <c r="V13779">
        <v>49</v>
      </c>
      <c r="W13779">
        <v>49</v>
      </c>
      <c r="X13779">
        <v>50</v>
      </c>
      <c r="Y13779">
        <v>50</v>
      </c>
      <c r="Z13779">
        <v>50</v>
      </c>
      <c r="AA13779">
        <v>50</v>
      </c>
      <c r="AB13779">
        <v>50</v>
      </c>
      <c r="AC13779">
        <v>50</v>
      </c>
      <c r="AD13779">
        <v>50</v>
      </c>
      <c r="AE13779">
        <v>51</v>
      </c>
      <c r="AF13779">
        <v>51</v>
      </c>
      <c r="AG13779">
        <v>51</v>
      </c>
      <c r="AH13779">
        <v>51</v>
      </c>
      <c r="AI13779">
        <v>51</v>
      </c>
      <c r="AJ13779">
        <v>51</v>
      </c>
      <c r="AK13779">
        <v>51</v>
      </c>
      <c r="AL13779">
        <v>52</v>
      </c>
      <c r="AM13779">
        <v>52</v>
      </c>
      <c r="AN13779">
        <v>52</v>
      </c>
      <c r="AO13779">
        <v>52</v>
      </c>
      <c r="AP13779">
        <v>52</v>
      </c>
      <c r="AQ13779">
        <v>52</v>
      </c>
    </row>
    <row r="13780" spans="1:43">
      <c r="A13780" t="s">
        <v>8558</v>
      </c>
      <c r="B13780" t="s">
        <v>8559</v>
      </c>
      <c r="C13780" t="s">
        <v>8460</v>
      </c>
      <c r="D13780" t="s">
        <v>8461</v>
      </c>
      <c r="E13780" t="s">
        <v>8296</v>
      </c>
      <c r="F13780" t="s">
        <v>8297</v>
      </c>
      <c r="G13780" t="s">
        <v>80</v>
      </c>
      <c r="H13780" t="s">
        <v>81</v>
      </c>
      <c r="I13780" s="2">
        <v>0</v>
      </c>
      <c r="J13780" s="2">
        <v>1</v>
      </c>
      <c r="K13780" s="2">
        <v>0</v>
      </c>
      <c r="L13780" t="s">
        <v>82</v>
      </c>
      <c r="M13780" t="s">
        <v>89</v>
      </c>
      <c r="N13780" t="s">
        <v>90</v>
      </c>
      <c r="O13780" t="s">
        <v>85</v>
      </c>
      <c r="P13780" t="s">
        <v>86</v>
      </c>
      <c r="Q13780">
        <v>48</v>
      </c>
      <c r="R13780">
        <v>49</v>
      </c>
      <c r="S13780">
        <v>50</v>
      </c>
      <c r="T13780">
        <v>51</v>
      </c>
      <c r="U13780">
        <v>52</v>
      </c>
      <c r="V13780">
        <v>53</v>
      </c>
      <c r="W13780">
        <v>54</v>
      </c>
      <c r="X13780">
        <v>55</v>
      </c>
      <c r="Y13780">
        <v>56</v>
      </c>
      <c r="Z13780">
        <v>57</v>
      </c>
      <c r="AA13780">
        <v>57</v>
      </c>
      <c r="AB13780">
        <v>58</v>
      </c>
      <c r="AC13780">
        <v>59</v>
      </c>
      <c r="AD13780">
        <v>59</v>
      </c>
      <c r="AE13780">
        <v>60</v>
      </c>
      <c r="AF13780">
        <v>60</v>
      </c>
      <c r="AG13780">
        <v>60</v>
      </c>
      <c r="AH13780">
        <v>60</v>
      </c>
      <c r="AI13780">
        <v>60</v>
      </c>
      <c r="AJ13780">
        <v>60</v>
      </c>
      <c r="AK13780">
        <v>60</v>
      </c>
      <c r="AL13780">
        <v>60</v>
      </c>
      <c r="AM13780">
        <v>60</v>
      </c>
      <c r="AN13780">
        <v>59</v>
      </c>
      <c r="AO13780">
        <v>59</v>
      </c>
      <c r="AP13780">
        <v>59</v>
      </c>
      <c r="AQ13780">
        <v>59</v>
      </c>
    </row>
    <row r="13781" spans="1:43">
      <c r="A13781" t="s">
        <v>8558</v>
      </c>
      <c r="B13781" t="s">
        <v>8559</v>
      </c>
      <c r="C13781" t="s">
        <v>8460</v>
      </c>
      <c r="D13781" t="s">
        <v>8461</v>
      </c>
      <c r="E13781" t="s">
        <v>8296</v>
      </c>
      <c r="F13781" t="s">
        <v>8297</v>
      </c>
      <c r="G13781" t="s">
        <v>80</v>
      </c>
      <c r="H13781" t="s">
        <v>81</v>
      </c>
      <c r="I13781" s="2">
        <v>0</v>
      </c>
      <c r="J13781" s="2">
        <v>1</v>
      </c>
      <c r="K13781" s="2">
        <v>0</v>
      </c>
      <c r="L13781" t="s">
        <v>82</v>
      </c>
      <c r="M13781" t="s">
        <v>83</v>
      </c>
      <c r="N13781" t="s">
        <v>91</v>
      </c>
      <c r="O13781" t="s">
        <v>85</v>
      </c>
      <c r="P13781" t="s">
        <v>86</v>
      </c>
      <c r="Q13781">
        <v>48</v>
      </c>
      <c r="R13781">
        <v>49</v>
      </c>
      <c r="S13781">
        <v>49</v>
      </c>
      <c r="T13781">
        <v>50</v>
      </c>
      <c r="U13781">
        <v>50</v>
      </c>
      <c r="V13781">
        <v>51</v>
      </c>
      <c r="W13781">
        <v>52</v>
      </c>
      <c r="X13781">
        <v>52</v>
      </c>
      <c r="Y13781">
        <v>53</v>
      </c>
      <c r="Z13781">
        <v>53</v>
      </c>
      <c r="AA13781">
        <v>54</v>
      </c>
      <c r="AB13781">
        <v>54</v>
      </c>
      <c r="AC13781">
        <v>55</v>
      </c>
      <c r="AD13781">
        <v>55</v>
      </c>
      <c r="AE13781">
        <v>56</v>
      </c>
      <c r="AF13781">
        <v>56</v>
      </c>
      <c r="AG13781">
        <v>57</v>
      </c>
      <c r="AH13781">
        <v>57</v>
      </c>
      <c r="AI13781">
        <v>58</v>
      </c>
      <c r="AJ13781">
        <v>58</v>
      </c>
      <c r="AK13781">
        <v>59</v>
      </c>
      <c r="AL13781">
        <v>59</v>
      </c>
      <c r="AM13781">
        <v>59</v>
      </c>
      <c r="AN13781">
        <v>59</v>
      </c>
      <c r="AO13781">
        <v>59</v>
      </c>
      <c r="AP13781">
        <v>59</v>
      </c>
      <c r="AQ13781">
        <v>59</v>
      </c>
    </row>
    <row r="13782" spans="1:43">
      <c r="A13782" t="s">
        <v>8560</v>
      </c>
      <c r="B13782" t="s">
        <v>8561</v>
      </c>
      <c r="C13782" t="s">
        <v>8548</v>
      </c>
      <c r="D13782" t="s">
        <v>8549</v>
      </c>
      <c r="E13782" t="s">
        <v>8296</v>
      </c>
      <c r="F13782" t="s">
        <v>8297</v>
      </c>
      <c r="G13782" t="s">
        <v>80</v>
      </c>
      <c r="H13782" t="s">
        <v>81</v>
      </c>
      <c r="I13782" s="2">
        <v>0</v>
      </c>
      <c r="J13782" s="2">
        <v>1</v>
      </c>
      <c r="K13782" s="2">
        <v>0</v>
      </c>
      <c r="L13782" t="s">
        <v>82</v>
      </c>
      <c r="M13782" t="s">
        <v>83</v>
      </c>
      <c r="N13782" t="s">
        <v>84</v>
      </c>
      <c r="O13782" t="s">
        <v>85</v>
      </c>
      <c r="P13782" t="s">
        <v>86</v>
      </c>
      <c r="Q13782">
        <v>41</v>
      </c>
      <c r="R13782">
        <v>41</v>
      </c>
      <c r="S13782">
        <v>42</v>
      </c>
      <c r="T13782">
        <v>43</v>
      </c>
      <c r="U13782">
        <v>44</v>
      </c>
      <c r="V13782">
        <v>44</v>
      </c>
      <c r="W13782">
        <v>45</v>
      </c>
      <c r="X13782">
        <v>46</v>
      </c>
      <c r="Y13782">
        <v>47</v>
      </c>
      <c r="Z13782">
        <v>48</v>
      </c>
      <c r="AA13782">
        <v>48</v>
      </c>
      <c r="AB13782">
        <v>49</v>
      </c>
      <c r="AC13782">
        <v>50</v>
      </c>
      <c r="AD13782">
        <v>51</v>
      </c>
      <c r="AE13782">
        <v>51</v>
      </c>
      <c r="AF13782">
        <v>52</v>
      </c>
      <c r="AG13782">
        <v>53</v>
      </c>
      <c r="AH13782">
        <v>54</v>
      </c>
      <c r="AI13782">
        <v>54</v>
      </c>
      <c r="AJ13782">
        <v>55</v>
      </c>
      <c r="AK13782">
        <v>56</v>
      </c>
      <c r="AL13782">
        <v>56</v>
      </c>
      <c r="AM13782">
        <v>56</v>
      </c>
      <c r="AN13782">
        <v>57</v>
      </c>
      <c r="AO13782">
        <v>57</v>
      </c>
      <c r="AP13782">
        <v>57</v>
      </c>
      <c r="AQ13782">
        <v>57</v>
      </c>
    </row>
    <row r="13783" spans="1:43">
      <c r="A13783" t="s">
        <v>8560</v>
      </c>
      <c r="B13783" t="s">
        <v>8561</v>
      </c>
      <c r="C13783" t="s">
        <v>8548</v>
      </c>
      <c r="D13783" t="s">
        <v>8549</v>
      </c>
      <c r="E13783" t="s">
        <v>8296</v>
      </c>
      <c r="F13783" t="s">
        <v>8297</v>
      </c>
      <c r="G13783" t="s">
        <v>80</v>
      </c>
      <c r="H13783" t="s">
        <v>81</v>
      </c>
      <c r="I13783" s="2">
        <v>0</v>
      </c>
      <c r="J13783" s="2">
        <v>1</v>
      </c>
      <c r="K13783" s="2">
        <v>0</v>
      </c>
      <c r="L13783" t="s">
        <v>82</v>
      </c>
      <c r="M13783" t="s">
        <v>87</v>
      </c>
      <c r="N13783" t="s">
        <v>88</v>
      </c>
      <c r="O13783" t="s">
        <v>85</v>
      </c>
      <c r="P13783" t="s">
        <v>86</v>
      </c>
      <c r="Q13783">
        <v>41</v>
      </c>
      <c r="R13783">
        <v>42</v>
      </c>
      <c r="S13783">
        <v>42</v>
      </c>
      <c r="T13783">
        <v>42</v>
      </c>
      <c r="U13783">
        <v>43</v>
      </c>
      <c r="V13783">
        <v>43</v>
      </c>
      <c r="W13783">
        <v>44</v>
      </c>
      <c r="X13783">
        <v>44</v>
      </c>
      <c r="Y13783">
        <v>44</v>
      </c>
      <c r="Z13783">
        <v>45</v>
      </c>
      <c r="AA13783">
        <v>45</v>
      </c>
      <c r="AB13783">
        <v>45</v>
      </c>
      <c r="AC13783">
        <v>46</v>
      </c>
      <c r="AD13783">
        <v>46</v>
      </c>
      <c r="AE13783">
        <v>47</v>
      </c>
      <c r="AF13783">
        <v>47</v>
      </c>
      <c r="AG13783">
        <v>47</v>
      </c>
      <c r="AH13783">
        <v>48</v>
      </c>
      <c r="AI13783">
        <v>48</v>
      </c>
      <c r="AJ13783">
        <v>48</v>
      </c>
      <c r="AK13783">
        <v>49</v>
      </c>
      <c r="AL13783">
        <v>49</v>
      </c>
      <c r="AM13783">
        <v>49</v>
      </c>
      <c r="AN13783">
        <v>50</v>
      </c>
      <c r="AO13783">
        <v>50</v>
      </c>
      <c r="AP13783">
        <v>50</v>
      </c>
      <c r="AQ13783">
        <v>51</v>
      </c>
    </row>
    <row r="13784" spans="1:43">
      <c r="A13784" t="s">
        <v>8560</v>
      </c>
      <c r="B13784" t="s">
        <v>8561</v>
      </c>
      <c r="C13784" t="s">
        <v>8548</v>
      </c>
      <c r="D13784" t="s">
        <v>8549</v>
      </c>
      <c r="E13784" t="s">
        <v>8296</v>
      </c>
      <c r="F13784" t="s">
        <v>8297</v>
      </c>
      <c r="G13784" t="s">
        <v>80</v>
      </c>
      <c r="H13784" t="s">
        <v>81</v>
      </c>
      <c r="I13784" s="2">
        <v>0</v>
      </c>
      <c r="J13784" s="2">
        <v>1</v>
      </c>
      <c r="K13784" s="2">
        <v>0</v>
      </c>
      <c r="L13784" t="s">
        <v>82</v>
      </c>
      <c r="M13784" t="s">
        <v>89</v>
      </c>
      <c r="N13784" t="s">
        <v>90</v>
      </c>
      <c r="O13784" t="s">
        <v>85</v>
      </c>
      <c r="P13784" t="s">
        <v>86</v>
      </c>
      <c r="Q13784">
        <v>41</v>
      </c>
      <c r="R13784">
        <v>42</v>
      </c>
      <c r="S13784">
        <v>43</v>
      </c>
      <c r="T13784">
        <v>44</v>
      </c>
      <c r="U13784">
        <v>45</v>
      </c>
      <c r="V13784">
        <v>47</v>
      </c>
      <c r="W13784">
        <v>48</v>
      </c>
      <c r="X13784">
        <v>49</v>
      </c>
      <c r="Y13784">
        <v>50</v>
      </c>
      <c r="Z13784">
        <v>51</v>
      </c>
      <c r="AA13784">
        <v>52</v>
      </c>
      <c r="AB13784">
        <v>52</v>
      </c>
      <c r="AC13784">
        <v>53</v>
      </c>
      <c r="AD13784">
        <v>54</v>
      </c>
      <c r="AE13784">
        <v>55</v>
      </c>
      <c r="AF13784">
        <v>55</v>
      </c>
      <c r="AG13784">
        <v>56</v>
      </c>
      <c r="AH13784">
        <v>56</v>
      </c>
      <c r="AI13784">
        <v>56</v>
      </c>
      <c r="AJ13784">
        <v>56</v>
      </c>
      <c r="AK13784">
        <v>56</v>
      </c>
      <c r="AL13784">
        <v>57</v>
      </c>
      <c r="AM13784">
        <v>57</v>
      </c>
      <c r="AN13784">
        <v>57</v>
      </c>
      <c r="AO13784">
        <v>57</v>
      </c>
      <c r="AP13784">
        <v>57</v>
      </c>
      <c r="AQ13784">
        <v>58</v>
      </c>
    </row>
    <row r="13785" spans="1:43">
      <c r="A13785" t="s">
        <v>8560</v>
      </c>
      <c r="B13785" t="s">
        <v>8561</v>
      </c>
      <c r="C13785" t="s">
        <v>8548</v>
      </c>
      <c r="D13785" t="s">
        <v>8549</v>
      </c>
      <c r="E13785" t="s">
        <v>8296</v>
      </c>
      <c r="F13785" t="s">
        <v>8297</v>
      </c>
      <c r="G13785" t="s">
        <v>80</v>
      </c>
      <c r="H13785" t="s">
        <v>81</v>
      </c>
      <c r="I13785" s="2">
        <v>0</v>
      </c>
      <c r="J13785" s="2">
        <v>1</v>
      </c>
      <c r="K13785" s="2">
        <v>0</v>
      </c>
      <c r="L13785" t="s">
        <v>82</v>
      </c>
      <c r="M13785" t="s">
        <v>83</v>
      </c>
      <c r="N13785" t="s">
        <v>91</v>
      </c>
      <c r="O13785" t="s">
        <v>85</v>
      </c>
      <c r="P13785" t="s">
        <v>86</v>
      </c>
      <c r="Q13785">
        <v>41</v>
      </c>
      <c r="R13785">
        <v>41</v>
      </c>
      <c r="S13785">
        <v>42</v>
      </c>
      <c r="T13785">
        <v>43</v>
      </c>
      <c r="U13785">
        <v>44</v>
      </c>
      <c r="V13785">
        <v>44</v>
      </c>
      <c r="W13785">
        <v>45</v>
      </c>
      <c r="X13785">
        <v>46</v>
      </c>
      <c r="Y13785">
        <v>47</v>
      </c>
      <c r="Z13785">
        <v>48</v>
      </c>
      <c r="AA13785">
        <v>48</v>
      </c>
      <c r="AB13785">
        <v>49</v>
      </c>
      <c r="AC13785">
        <v>50</v>
      </c>
      <c r="AD13785">
        <v>51</v>
      </c>
      <c r="AE13785">
        <v>51</v>
      </c>
      <c r="AF13785">
        <v>52</v>
      </c>
      <c r="AG13785">
        <v>53</v>
      </c>
      <c r="AH13785">
        <v>54</v>
      </c>
      <c r="AI13785">
        <v>54</v>
      </c>
      <c r="AJ13785">
        <v>55</v>
      </c>
      <c r="AK13785">
        <v>56</v>
      </c>
      <c r="AL13785">
        <v>56</v>
      </c>
      <c r="AM13785">
        <v>56</v>
      </c>
      <c r="AN13785">
        <v>57</v>
      </c>
      <c r="AO13785">
        <v>57</v>
      </c>
      <c r="AP13785">
        <v>57</v>
      </c>
      <c r="AQ13785">
        <v>57</v>
      </c>
    </row>
    <row r="13786" spans="1:43">
      <c r="A13786" t="s">
        <v>8562</v>
      </c>
      <c r="B13786" t="s">
        <v>8563</v>
      </c>
      <c r="C13786" t="s">
        <v>8440</v>
      </c>
      <c r="D13786" t="s">
        <v>8441</v>
      </c>
      <c r="E13786" t="s">
        <v>8296</v>
      </c>
      <c r="F13786" t="s">
        <v>8297</v>
      </c>
      <c r="G13786" t="s">
        <v>80</v>
      </c>
      <c r="H13786" t="s">
        <v>81</v>
      </c>
      <c r="I13786" s="2">
        <v>0</v>
      </c>
      <c r="J13786" s="2">
        <v>1</v>
      </c>
      <c r="K13786" s="2">
        <v>0</v>
      </c>
      <c r="L13786" t="s">
        <v>82</v>
      </c>
      <c r="M13786" t="s">
        <v>83</v>
      </c>
      <c r="N13786" t="s">
        <v>84</v>
      </c>
      <c r="O13786" t="s">
        <v>85</v>
      </c>
      <c r="P13786" t="s">
        <v>86</v>
      </c>
      <c r="Q13786">
        <v>72</v>
      </c>
      <c r="R13786">
        <v>74</v>
      </c>
      <c r="S13786">
        <v>75</v>
      </c>
      <c r="T13786">
        <v>76</v>
      </c>
      <c r="U13786">
        <v>78</v>
      </c>
      <c r="V13786">
        <v>79</v>
      </c>
      <c r="W13786">
        <v>80</v>
      </c>
      <c r="X13786">
        <v>82</v>
      </c>
      <c r="Y13786">
        <v>83</v>
      </c>
      <c r="Z13786">
        <v>85</v>
      </c>
      <c r="AA13786">
        <v>86</v>
      </c>
      <c r="AB13786">
        <v>87</v>
      </c>
      <c r="AC13786">
        <v>89</v>
      </c>
      <c r="AD13786">
        <v>90</v>
      </c>
      <c r="AE13786">
        <v>91</v>
      </c>
      <c r="AF13786">
        <v>93</v>
      </c>
      <c r="AG13786">
        <v>94</v>
      </c>
      <c r="AH13786">
        <v>95</v>
      </c>
      <c r="AI13786">
        <v>97</v>
      </c>
      <c r="AJ13786">
        <v>98</v>
      </c>
      <c r="AK13786">
        <v>99</v>
      </c>
      <c r="AL13786">
        <v>100</v>
      </c>
      <c r="AM13786">
        <v>101</v>
      </c>
      <c r="AN13786">
        <v>101</v>
      </c>
      <c r="AO13786">
        <v>101</v>
      </c>
      <c r="AP13786">
        <v>102</v>
      </c>
      <c r="AQ13786">
        <v>102</v>
      </c>
    </row>
    <row r="13787" spans="1:43">
      <c r="A13787" t="s">
        <v>8562</v>
      </c>
      <c r="B13787" t="s">
        <v>8563</v>
      </c>
      <c r="C13787" t="s">
        <v>8440</v>
      </c>
      <c r="D13787" t="s">
        <v>8441</v>
      </c>
      <c r="E13787" t="s">
        <v>8296</v>
      </c>
      <c r="F13787" t="s">
        <v>8297</v>
      </c>
      <c r="G13787" t="s">
        <v>80</v>
      </c>
      <c r="H13787" t="s">
        <v>81</v>
      </c>
      <c r="I13787" s="2">
        <v>0</v>
      </c>
      <c r="J13787" s="2">
        <v>1</v>
      </c>
      <c r="K13787" s="2">
        <v>0</v>
      </c>
      <c r="L13787" t="s">
        <v>82</v>
      </c>
      <c r="M13787" t="s">
        <v>87</v>
      </c>
      <c r="N13787" t="s">
        <v>88</v>
      </c>
      <c r="O13787" t="s">
        <v>85</v>
      </c>
      <c r="P13787" t="s">
        <v>86</v>
      </c>
      <c r="Q13787">
        <v>72</v>
      </c>
      <c r="R13787">
        <v>73</v>
      </c>
      <c r="S13787">
        <v>74</v>
      </c>
      <c r="T13787">
        <v>75</v>
      </c>
      <c r="U13787">
        <v>75</v>
      </c>
      <c r="V13787">
        <v>76</v>
      </c>
      <c r="W13787">
        <v>77</v>
      </c>
      <c r="X13787">
        <v>77</v>
      </c>
      <c r="Y13787">
        <v>78</v>
      </c>
      <c r="Z13787">
        <v>79</v>
      </c>
      <c r="AA13787">
        <v>79</v>
      </c>
      <c r="AB13787">
        <v>80</v>
      </c>
      <c r="AC13787">
        <v>81</v>
      </c>
      <c r="AD13787">
        <v>81</v>
      </c>
      <c r="AE13787">
        <v>82</v>
      </c>
      <c r="AF13787">
        <v>83</v>
      </c>
      <c r="AG13787">
        <v>83</v>
      </c>
      <c r="AH13787">
        <v>84</v>
      </c>
      <c r="AI13787">
        <v>84</v>
      </c>
      <c r="AJ13787">
        <v>85</v>
      </c>
      <c r="AK13787">
        <v>86</v>
      </c>
      <c r="AL13787">
        <v>86</v>
      </c>
      <c r="AM13787">
        <v>87</v>
      </c>
      <c r="AN13787">
        <v>88</v>
      </c>
      <c r="AO13787">
        <v>88</v>
      </c>
      <c r="AP13787">
        <v>89</v>
      </c>
      <c r="AQ13787">
        <v>89</v>
      </c>
    </row>
    <row r="13788" spans="1:43">
      <c r="A13788" t="s">
        <v>8562</v>
      </c>
      <c r="B13788" t="s">
        <v>8563</v>
      </c>
      <c r="C13788" t="s">
        <v>8440</v>
      </c>
      <c r="D13788" t="s">
        <v>8441</v>
      </c>
      <c r="E13788" t="s">
        <v>8296</v>
      </c>
      <c r="F13788" t="s">
        <v>8297</v>
      </c>
      <c r="G13788" t="s">
        <v>80</v>
      </c>
      <c r="H13788" t="s">
        <v>81</v>
      </c>
      <c r="I13788" s="2">
        <v>0</v>
      </c>
      <c r="J13788" s="2">
        <v>1</v>
      </c>
      <c r="K13788" s="2">
        <v>0</v>
      </c>
      <c r="L13788" t="s">
        <v>82</v>
      </c>
      <c r="M13788" t="s">
        <v>89</v>
      </c>
      <c r="N13788" t="s">
        <v>90</v>
      </c>
      <c r="O13788" t="s">
        <v>85</v>
      </c>
      <c r="P13788" t="s">
        <v>86</v>
      </c>
      <c r="Q13788">
        <v>72</v>
      </c>
      <c r="R13788">
        <v>74</v>
      </c>
      <c r="S13788">
        <v>76</v>
      </c>
      <c r="T13788">
        <v>78</v>
      </c>
      <c r="U13788">
        <v>80</v>
      </c>
      <c r="V13788">
        <v>82</v>
      </c>
      <c r="W13788">
        <v>84</v>
      </c>
      <c r="X13788">
        <v>85</v>
      </c>
      <c r="Y13788">
        <v>87</v>
      </c>
      <c r="Z13788">
        <v>89</v>
      </c>
      <c r="AA13788">
        <v>91</v>
      </c>
      <c r="AB13788">
        <v>92</v>
      </c>
      <c r="AC13788">
        <v>94</v>
      </c>
      <c r="AD13788">
        <v>96</v>
      </c>
      <c r="AE13788">
        <v>97</v>
      </c>
      <c r="AF13788">
        <v>98</v>
      </c>
      <c r="AG13788">
        <v>98</v>
      </c>
      <c r="AH13788">
        <v>98</v>
      </c>
      <c r="AI13788">
        <v>99</v>
      </c>
      <c r="AJ13788">
        <v>99</v>
      </c>
      <c r="AK13788">
        <v>100</v>
      </c>
      <c r="AL13788">
        <v>100</v>
      </c>
      <c r="AM13788">
        <v>100</v>
      </c>
      <c r="AN13788">
        <v>101</v>
      </c>
      <c r="AO13788">
        <v>101</v>
      </c>
      <c r="AP13788">
        <v>101</v>
      </c>
      <c r="AQ13788">
        <v>102</v>
      </c>
    </row>
    <row r="13789" spans="1:43">
      <c r="A13789" t="s">
        <v>8562</v>
      </c>
      <c r="B13789" t="s">
        <v>8563</v>
      </c>
      <c r="C13789" t="s">
        <v>8440</v>
      </c>
      <c r="D13789" t="s">
        <v>8441</v>
      </c>
      <c r="E13789" t="s">
        <v>8296</v>
      </c>
      <c r="F13789" t="s">
        <v>8297</v>
      </c>
      <c r="G13789" t="s">
        <v>80</v>
      </c>
      <c r="H13789" t="s">
        <v>81</v>
      </c>
      <c r="I13789" s="2">
        <v>0</v>
      </c>
      <c r="J13789" s="2">
        <v>1</v>
      </c>
      <c r="K13789" s="2">
        <v>0</v>
      </c>
      <c r="L13789" t="s">
        <v>82</v>
      </c>
      <c r="M13789" t="s">
        <v>83</v>
      </c>
      <c r="N13789" t="s">
        <v>91</v>
      </c>
      <c r="O13789" t="s">
        <v>85</v>
      </c>
      <c r="P13789" t="s">
        <v>86</v>
      </c>
      <c r="Q13789">
        <v>72</v>
      </c>
      <c r="R13789">
        <v>74</v>
      </c>
      <c r="S13789">
        <v>75</v>
      </c>
      <c r="T13789">
        <v>76</v>
      </c>
      <c r="U13789">
        <v>78</v>
      </c>
      <c r="V13789">
        <v>79</v>
      </c>
      <c r="W13789">
        <v>80</v>
      </c>
      <c r="X13789">
        <v>82</v>
      </c>
      <c r="Y13789">
        <v>83</v>
      </c>
      <c r="Z13789">
        <v>85</v>
      </c>
      <c r="AA13789">
        <v>86</v>
      </c>
      <c r="AB13789">
        <v>87</v>
      </c>
      <c r="AC13789">
        <v>89</v>
      </c>
      <c r="AD13789">
        <v>90</v>
      </c>
      <c r="AE13789">
        <v>91</v>
      </c>
      <c r="AF13789">
        <v>93</v>
      </c>
      <c r="AG13789">
        <v>94</v>
      </c>
      <c r="AH13789">
        <v>95</v>
      </c>
      <c r="AI13789">
        <v>97</v>
      </c>
      <c r="AJ13789">
        <v>98</v>
      </c>
      <c r="AK13789">
        <v>99</v>
      </c>
      <c r="AL13789">
        <v>100</v>
      </c>
      <c r="AM13789">
        <v>101</v>
      </c>
      <c r="AN13789">
        <v>101</v>
      </c>
      <c r="AO13789">
        <v>101</v>
      </c>
      <c r="AP13789">
        <v>102</v>
      </c>
      <c r="AQ13789">
        <v>102</v>
      </c>
    </row>
    <row r="13790" spans="1:43">
      <c r="A13790" t="s">
        <v>8564</v>
      </c>
      <c r="B13790" t="s">
        <v>8565</v>
      </c>
      <c r="C13790" t="s">
        <v>8440</v>
      </c>
      <c r="D13790" t="s">
        <v>8441</v>
      </c>
      <c r="E13790" t="s">
        <v>8296</v>
      </c>
      <c r="F13790" t="s">
        <v>8297</v>
      </c>
      <c r="G13790" t="s">
        <v>80</v>
      </c>
      <c r="H13790" t="s">
        <v>81</v>
      </c>
      <c r="I13790" s="2">
        <v>0</v>
      </c>
      <c r="J13790" s="2">
        <v>1</v>
      </c>
      <c r="K13790" s="2">
        <v>0</v>
      </c>
      <c r="L13790" t="s">
        <v>82</v>
      </c>
      <c r="M13790" t="s">
        <v>83</v>
      </c>
      <c r="N13790" t="s">
        <v>84</v>
      </c>
      <c r="O13790" t="s">
        <v>85</v>
      </c>
      <c r="P13790" t="s">
        <v>86</v>
      </c>
      <c r="Q13790">
        <v>36</v>
      </c>
      <c r="R13790">
        <v>36</v>
      </c>
      <c r="S13790">
        <v>37</v>
      </c>
      <c r="T13790">
        <v>38</v>
      </c>
      <c r="U13790">
        <v>38</v>
      </c>
      <c r="V13790">
        <v>39</v>
      </c>
      <c r="W13790">
        <v>40</v>
      </c>
      <c r="X13790">
        <v>41</v>
      </c>
      <c r="Y13790">
        <v>41</v>
      </c>
      <c r="Z13790">
        <v>42</v>
      </c>
      <c r="AA13790">
        <v>43</v>
      </c>
      <c r="AB13790">
        <v>43</v>
      </c>
      <c r="AC13790">
        <v>44</v>
      </c>
      <c r="AD13790">
        <v>45</v>
      </c>
      <c r="AE13790">
        <v>45</v>
      </c>
      <c r="AF13790">
        <v>46</v>
      </c>
      <c r="AG13790">
        <v>47</v>
      </c>
      <c r="AH13790">
        <v>47</v>
      </c>
      <c r="AI13790">
        <v>48</v>
      </c>
      <c r="AJ13790">
        <v>49</v>
      </c>
      <c r="AK13790">
        <v>49</v>
      </c>
      <c r="AL13790">
        <v>50</v>
      </c>
      <c r="AM13790">
        <v>50</v>
      </c>
      <c r="AN13790">
        <v>50</v>
      </c>
      <c r="AO13790">
        <v>50</v>
      </c>
      <c r="AP13790">
        <v>50</v>
      </c>
      <c r="AQ13790">
        <v>51</v>
      </c>
    </row>
    <row r="13791" spans="1:43">
      <c r="A13791" t="s">
        <v>8564</v>
      </c>
      <c r="B13791" t="s">
        <v>8565</v>
      </c>
      <c r="C13791" t="s">
        <v>8440</v>
      </c>
      <c r="D13791" t="s">
        <v>8441</v>
      </c>
      <c r="E13791" t="s">
        <v>8296</v>
      </c>
      <c r="F13791" t="s">
        <v>8297</v>
      </c>
      <c r="G13791" t="s">
        <v>80</v>
      </c>
      <c r="H13791" t="s">
        <v>81</v>
      </c>
      <c r="I13791" s="2">
        <v>0</v>
      </c>
      <c r="J13791" s="2">
        <v>1</v>
      </c>
      <c r="K13791" s="2">
        <v>0</v>
      </c>
      <c r="L13791" t="s">
        <v>82</v>
      </c>
      <c r="M13791" t="s">
        <v>87</v>
      </c>
      <c r="N13791" t="s">
        <v>88</v>
      </c>
      <c r="O13791" t="s">
        <v>85</v>
      </c>
      <c r="P13791" t="s">
        <v>86</v>
      </c>
      <c r="Q13791">
        <v>36</v>
      </c>
      <c r="R13791">
        <v>37</v>
      </c>
      <c r="S13791">
        <v>37</v>
      </c>
      <c r="T13791">
        <v>37</v>
      </c>
      <c r="U13791">
        <v>38</v>
      </c>
      <c r="V13791">
        <v>38</v>
      </c>
      <c r="W13791">
        <v>38</v>
      </c>
      <c r="X13791">
        <v>39</v>
      </c>
      <c r="Y13791">
        <v>39</v>
      </c>
      <c r="Z13791">
        <v>39</v>
      </c>
      <c r="AA13791">
        <v>40</v>
      </c>
      <c r="AB13791">
        <v>40</v>
      </c>
      <c r="AC13791">
        <v>40</v>
      </c>
      <c r="AD13791">
        <v>41</v>
      </c>
      <c r="AE13791">
        <v>41</v>
      </c>
      <c r="AF13791">
        <v>41</v>
      </c>
      <c r="AG13791">
        <v>42</v>
      </c>
      <c r="AH13791">
        <v>42</v>
      </c>
      <c r="AI13791">
        <v>42</v>
      </c>
      <c r="AJ13791">
        <v>43</v>
      </c>
      <c r="AK13791">
        <v>43</v>
      </c>
      <c r="AL13791">
        <v>43</v>
      </c>
      <c r="AM13791">
        <v>44</v>
      </c>
      <c r="AN13791">
        <v>44</v>
      </c>
      <c r="AO13791">
        <v>44</v>
      </c>
      <c r="AP13791">
        <v>44</v>
      </c>
      <c r="AQ13791">
        <v>45</v>
      </c>
    </row>
    <row r="13792" spans="1:43">
      <c r="A13792" t="s">
        <v>8564</v>
      </c>
      <c r="B13792" t="s">
        <v>8565</v>
      </c>
      <c r="C13792" t="s">
        <v>8440</v>
      </c>
      <c r="D13792" t="s">
        <v>8441</v>
      </c>
      <c r="E13792" t="s">
        <v>8296</v>
      </c>
      <c r="F13792" t="s">
        <v>8297</v>
      </c>
      <c r="G13792" t="s">
        <v>80</v>
      </c>
      <c r="H13792" t="s">
        <v>81</v>
      </c>
      <c r="I13792" s="2">
        <v>0</v>
      </c>
      <c r="J13792" s="2">
        <v>1</v>
      </c>
      <c r="K13792" s="2">
        <v>0</v>
      </c>
      <c r="L13792" t="s">
        <v>82</v>
      </c>
      <c r="M13792" t="s">
        <v>89</v>
      </c>
      <c r="N13792" t="s">
        <v>90</v>
      </c>
      <c r="O13792" t="s">
        <v>85</v>
      </c>
      <c r="P13792" t="s">
        <v>86</v>
      </c>
      <c r="Q13792">
        <v>36</v>
      </c>
      <c r="R13792">
        <v>37</v>
      </c>
      <c r="S13792">
        <v>38</v>
      </c>
      <c r="T13792">
        <v>39</v>
      </c>
      <c r="U13792">
        <v>40</v>
      </c>
      <c r="V13792">
        <v>41</v>
      </c>
      <c r="W13792">
        <v>42</v>
      </c>
      <c r="X13792">
        <v>43</v>
      </c>
      <c r="Y13792">
        <v>44</v>
      </c>
      <c r="Z13792">
        <v>45</v>
      </c>
      <c r="AA13792">
        <v>45</v>
      </c>
      <c r="AB13792">
        <v>46</v>
      </c>
      <c r="AC13792">
        <v>47</v>
      </c>
      <c r="AD13792">
        <v>48</v>
      </c>
      <c r="AE13792">
        <v>49</v>
      </c>
      <c r="AF13792">
        <v>49</v>
      </c>
      <c r="AG13792">
        <v>49</v>
      </c>
      <c r="AH13792">
        <v>49</v>
      </c>
      <c r="AI13792">
        <v>49</v>
      </c>
      <c r="AJ13792">
        <v>50</v>
      </c>
      <c r="AK13792">
        <v>50</v>
      </c>
      <c r="AL13792">
        <v>50</v>
      </c>
      <c r="AM13792">
        <v>50</v>
      </c>
      <c r="AN13792">
        <v>50</v>
      </c>
      <c r="AO13792">
        <v>51</v>
      </c>
      <c r="AP13792">
        <v>51</v>
      </c>
      <c r="AQ13792">
        <v>51</v>
      </c>
    </row>
    <row r="13793" spans="1:43">
      <c r="A13793" t="s">
        <v>8564</v>
      </c>
      <c r="B13793" t="s">
        <v>8565</v>
      </c>
      <c r="C13793" t="s">
        <v>8440</v>
      </c>
      <c r="D13793" t="s">
        <v>8441</v>
      </c>
      <c r="E13793" t="s">
        <v>8296</v>
      </c>
      <c r="F13793" t="s">
        <v>8297</v>
      </c>
      <c r="G13793" t="s">
        <v>80</v>
      </c>
      <c r="H13793" t="s">
        <v>81</v>
      </c>
      <c r="I13793" s="2">
        <v>0</v>
      </c>
      <c r="J13793" s="2">
        <v>1</v>
      </c>
      <c r="K13793" s="2">
        <v>0</v>
      </c>
      <c r="L13793" t="s">
        <v>82</v>
      </c>
      <c r="M13793" t="s">
        <v>83</v>
      </c>
      <c r="N13793" t="s">
        <v>91</v>
      </c>
      <c r="O13793" t="s">
        <v>85</v>
      </c>
      <c r="P13793" t="s">
        <v>86</v>
      </c>
      <c r="Q13793">
        <v>36</v>
      </c>
      <c r="R13793">
        <v>36</v>
      </c>
      <c r="S13793">
        <v>37</v>
      </c>
      <c r="T13793">
        <v>38</v>
      </c>
      <c r="U13793">
        <v>38</v>
      </c>
      <c r="V13793">
        <v>39</v>
      </c>
      <c r="W13793">
        <v>40</v>
      </c>
      <c r="X13793">
        <v>41</v>
      </c>
      <c r="Y13793">
        <v>41</v>
      </c>
      <c r="Z13793">
        <v>42</v>
      </c>
      <c r="AA13793">
        <v>43</v>
      </c>
      <c r="AB13793">
        <v>43</v>
      </c>
      <c r="AC13793">
        <v>44</v>
      </c>
      <c r="AD13793">
        <v>45</v>
      </c>
      <c r="AE13793">
        <v>45</v>
      </c>
      <c r="AF13793">
        <v>46</v>
      </c>
      <c r="AG13793">
        <v>47</v>
      </c>
      <c r="AH13793">
        <v>47</v>
      </c>
      <c r="AI13793">
        <v>48</v>
      </c>
      <c r="AJ13793">
        <v>49</v>
      </c>
      <c r="AK13793">
        <v>49</v>
      </c>
      <c r="AL13793">
        <v>50</v>
      </c>
      <c r="AM13793">
        <v>50</v>
      </c>
      <c r="AN13793">
        <v>50</v>
      </c>
      <c r="AO13793">
        <v>50</v>
      </c>
      <c r="AP13793">
        <v>50</v>
      </c>
      <c r="AQ13793">
        <v>51</v>
      </c>
    </row>
    <row r="13794" spans="1:43">
      <c r="A13794" t="s">
        <v>8566</v>
      </c>
      <c r="B13794" t="s">
        <v>8567</v>
      </c>
      <c r="C13794" t="s">
        <v>8446</v>
      </c>
      <c r="D13794" t="s">
        <v>8447</v>
      </c>
      <c r="E13794" t="s">
        <v>8296</v>
      </c>
      <c r="F13794" t="s">
        <v>8297</v>
      </c>
      <c r="G13794" t="s">
        <v>80</v>
      </c>
      <c r="H13794" t="s">
        <v>81</v>
      </c>
      <c r="I13794" s="2">
        <v>0</v>
      </c>
      <c r="J13794" s="2">
        <v>1</v>
      </c>
      <c r="K13794" s="2">
        <v>0</v>
      </c>
      <c r="L13794" t="s">
        <v>82</v>
      </c>
      <c r="M13794" t="s">
        <v>83</v>
      </c>
      <c r="N13794" t="s">
        <v>84</v>
      </c>
      <c r="O13794" t="s">
        <v>85</v>
      </c>
      <c r="P13794" t="s">
        <v>86</v>
      </c>
      <c r="Q13794">
        <v>25</v>
      </c>
      <c r="R13794">
        <v>25</v>
      </c>
      <c r="S13794">
        <v>26</v>
      </c>
      <c r="T13794">
        <v>26</v>
      </c>
      <c r="U13794">
        <v>27</v>
      </c>
      <c r="V13794">
        <v>27</v>
      </c>
      <c r="W13794">
        <v>28</v>
      </c>
      <c r="X13794">
        <v>28</v>
      </c>
      <c r="Y13794">
        <v>29</v>
      </c>
      <c r="Z13794">
        <v>29</v>
      </c>
      <c r="AA13794">
        <v>30</v>
      </c>
      <c r="AB13794">
        <v>30</v>
      </c>
      <c r="AC13794">
        <v>31</v>
      </c>
      <c r="AD13794">
        <v>31</v>
      </c>
      <c r="AE13794">
        <v>31</v>
      </c>
      <c r="AF13794">
        <v>32</v>
      </c>
      <c r="AG13794">
        <v>32</v>
      </c>
      <c r="AH13794">
        <v>33</v>
      </c>
      <c r="AI13794">
        <v>33</v>
      </c>
      <c r="AJ13794">
        <v>34</v>
      </c>
      <c r="AK13794">
        <v>34</v>
      </c>
      <c r="AL13794">
        <v>34</v>
      </c>
      <c r="AM13794">
        <v>35</v>
      </c>
      <c r="AN13794">
        <v>35</v>
      </c>
      <c r="AO13794">
        <v>35</v>
      </c>
      <c r="AP13794">
        <v>35</v>
      </c>
      <c r="AQ13794">
        <v>35</v>
      </c>
    </row>
    <row r="13795" spans="1:43">
      <c r="A13795" t="s">
        <v>8566</v>
      </c>
      <c r="B13795" t="s">
        <v>8567</v>
      </c>
      <c r="C13795" t="s">
        <v>8446</v>
      </c>
      <c r="D13795" t="s">
        <v>8447</v>
      </c>
      <c r="E13795" t="s">
        <v>8296</v>
      </c>
      <c r="F13795" t="s">
        <v>8297</v>
      </c>
      <c r="G13795" t="s">
        <v>80</v>
      </c>
      <c r="H13795" t="s">
        <v>81</v>
      </c>
      <c r="I13795" s="2">
        <v>0</v>
      </c>
      <c r="J13795" s="2">
        <v>1</v>
      </c>
      <c r="K13795" s="2">
        <v>0</v>
      </c>
      <c r="L13795" t="s">
        <v>82</v>
      </c>
      <c r="M13795" t="s">
        <v>87</v>
      </c>
      <c r="N13795" t="s">
        <v>88</v>
      </c>
      <c r="O13795" t="s">
        <v>85</v>
      </c>
      <c r="P13795" t="s">
        <v>86</v>
      </c>
      <c r="Q13795">
        <v>25</v>
      </c>
      <c r="R13795">
        <v>25</v>
      </c>
      <c r="S13795">
        <v>25</v>
      </c>
      <c r="T13795">
        <v>25</v>
      </c>
      <c r="U13795">
        <v>26</v>
      </c>
      <c r="V13795">
        <v>26</v>
      </c>
      <c r="W13795">
        <v>26</v>
      </c>
      <c r="X13795">
        <v>26</v>
      </c>
      <c r="Y13795">
        <v>27</v>
      </c>
      <c r="Z13795">
        <v>27</v>
      </c>
      <c r="AA13795">
        <v>27</v>
      </c>
      <c r="AB13795">
        <v>27</v>
      </c>
      <c r="AC13795">
        <v>27</v>
      </c>
      <c r="AD13795">
        <v>28</v>
      </c>
      <c r="AE13795">
        <v>28</v>
      </c>
      <c r="AF13795">
        <v>28</v>
      </c>
      <c r="AG13795">
        <v>28</v>
      </c>
      <c r="AH13795">
        <v>29</v>
      </c>
      <c r="AI13795">
        <v>29</v>
      </c>
      <c r="AJ13795">
        <v>29</v>
      </c>
      <c r="AK13795">
        <v>29</v>
      </c>
      <c r="AL13795">
        <v>29</v>
      </c>
      <c r="AM13795">
        <v>30</v>
      </c>
      <c r="AN13795">
        <v>30</v>
      </c>
      <c r="AO13795">
        <v>30</v>
      </c>
      <c r="AP13795">
        <v>30</v>
      </c>
      <c r="AQ13795">
        <v>30</v>
      </c>
    </row>
    <row r="13796" spans="1:43">
      <c r="A13796" t="s">
        <v>8566</v>
      </c>
      <c r="B13796" t="s">
        <v>8567</v>
      </c>
      <c r="C13796" t="s">
        <v>8446</v>
      </c>
      <c r="D13796" t="s">
        <v>8447</v>
      </c>
      <c r="E13796" t="s">
        <v>8296</v>
      </c>
      <c r="F13796" t="s">
        <v>8297</v>
      </c>
      <c r="G13796" t="s">
        <v>80</v>
      </c>
      <c r="H13796" t="s">
        <v>81</v>
      </c>
      <c r="I13796" s="2">
        <v>0</v>
      </c>
      <c r="J13796" s="2">
        <v>1</v>
      </c>
      <c r="K13796" s="2">
        <v>0</v>
      </c>
      <c r="L13796" t="s">
        <v>82</v>
      </c>
      <c r="M13796" t="s">
        <v>89</v>
      </c>
      <c r="N13796" t="s">
        <v>90</v>
      </c>
      <c r="O13796" t="s">
        <v>85</v>
      </c>
      <c r="P13796" t="s">
        <v>86</v>
      </c>
      <c r="Q13796">
        <v>25</v>
      </c>
      <c r="R13796">
        <v>26</v>
      </c>
      <c r="S13796">
        <v>26</v>
      </c>
      <c r="T13796">
        <v>27</v>
      </c>
      <c r="U13796">
        <v>28</v>
      </c>
      <c r="V13796">
        <v>28</v>
      </c>
      <c r="W13796">
        <v>29</v>
      </c>
      <c r="X13796">
        <v>30</v>
      </c>
      <c r="Y13796">
        <v>30</v>
      </c>
      <c r="Z13796">
        <v>31</v>
      </c>
      <c r="AA13796">
        <v>32</v>
      </c>
      <c r="AB13796">
        <v>32</v>
      </c>
      <c r="AC13796">
        <v>33</v>
      </c>
      <c r="AD13796">
        <v>33</v>
      </c>
      <c r="AE13796">
        <v>34</v>
      </c>
      <c r="AF13796">
        <v>34</v>
      </c>
      <c r="AG13796">
        <v>34</v>
      </c>
      <c r="AH13796">
        <v>34</v>
      </c>
      <c r="AI13796">
        <v>34</v>
      </c>
      <c r="AJ13796">
        <v>34</v>
      </c>
      <c r="AK13796">
        <v>35</v>
      </c>
      <c r="AL13796">
        <v>35</v>
      </c>
      <c r="AM13796">
        <v>35</v>
      </c>
      <c r="AN13796">
        <v>35</v>
      </c>
      <c r="AO13796">
        <v>35</v>
      </c>
      <c r="AP13796">
        <v>35</v>
      </c>
      <c r="AQ13796">
        <v>35</v>
      </c>
    </row>
    <row r="13797" spans="1:43">
      <c r="A13797" t="s">
        <v>8566</v>
      </c>
      <c r="B13797" t="s">
        <v>8567</v>
      </c>
      <c r="C13797" t="s">
        <v>8446</v>
      </c>
      <c r="D13797" t="s">
        <v>8447</v>
      </c>
      <c r="E13797" t="s">
        <v>8296</v>
      </c>
      <c r="F13797" t="s">
        <v>8297</v>
      </c>
      <c r="G13797" t="s">
        <v>80</v>
      </c>
      <c r="H13797" t="s">
        <v>81</v>
      </c>
      <c r="I13797" s="2">
        <v>0</v>
      </c>
      <c r="J13797" s="2">
        <v>1</v>
      </c>
      <c r="K13797" s="2">
        <v>0</v>
      </c>
      <c r="L13797" t="s">
        <v>82</v>
      </c>
      <c r="M13797" t="s">
        <v>83</v>
      </c>
      <c r="N13797" t="s">
        <v>91</v>
      </c>
      <c r="O13797" t="s">
        <v>85</v>
      </c>
      <c r="P13797" t="s">
        <v>86</v>
      </c>
      <c r="Q13797">
        <v>25</v>
      </c>
      <c r="R13797">
        <v>25</v>
      </c>
      <c r="S13797">
        <v>26</v>
      </c>
      <c r="T13797">
        <v>26</v>
      </c>
      <c r="U13797">
        <v>27</v>
      </c>
      <c r="V13797">
        <v>27</v>
      </c>
      <c r="W13797">
        <v>28</v>
      </c>
      <c r="X13797">
        <v>28</v>
      </c>
      <c r="Y13797">
        <v>29</v>
      </c>
      <c r="Z13797">
        <v>29</v>
      </c>
      <c r="AA13797">
        <v>30</v>
      </c>
      <c r="AB13797">
        <v>30</v>
      </c>
      <c r="AC13797">
        <v>31</v>
      </c>
      <c r="AD13797">
        <v>31</v>
      </c>
      <c r="AE13797">
        <v>31</v>
      </c>
      <c r="AF13797">
        <v>32</v>
      </c>
      <c r="AG13797">
        <v>32</v>
      </c>
      <c r="AH13797">
        <v>33</v>
      </c>
      <c r="AI13797">
        <v>33</v>
      </c>
      <c r="AJ13797">
        <v>34</v>
      </c>
      <c r="AK13797">
        <v>34</v>
      </c>
      <c r="AL13797">
        <v>34</v>
      </c>
      <c r="AM13797">
        <v>35</v>
      </c>
      <c r="AN13797">
        <v>35</v>
      </c>
      <c r="AO13797">
        <v>35</v>
      </c>
      <c r="AP13797">
        <v>35</v>
      </c>
      <c r="AQ13797">
        <v>35</v>
      </c>
    </row>
    <row r="13798" spans="1:43">
      <c r="A13798" t="s">
        <v>8568</v>
      </c>
      <c r="B13798" t="s">
        <v>8569</v>
      </c>
      <c r="C13798" t="s">
        <v>8446</v>
      </c>
      <c r="D13798" t="s">
        <v>8447</v>
      </c>
      <c r="E13798" t="s">
        <v>8296</v>
      </c>
      <c r="F13798" t="s">
        <v>8297</v>
      </c>
      <c r="G13798" t="s">
        <v>80</v>
      </c>
      <c r="H13798" t="s">
        <v>81</v>
      </c>
      <c r="I13798" s="2">
        <v>0</v>
      </c>
      <c r="J13798" s="2">
        <v>1</v>
      </c>
      <c r="K13798" s="2">
        <v>0</v>
      </c>
      <c r="L13798" t="s">
        <v>82</v>
      </c>
      <c r="M13798" t="s">
        <v>83</v>
      </c>
      <c r="N13798" t="s">
        <v>84</v>
      </c>
      <c r="O13798" t="s">
        <v>85</v>
      </c>
      <c r="P13798" t="s">
        <v>86</v>
      </c>
      <c r="Q13798">
        <v>26</v>
      </c>
      <c r="R13798">
        <v>27</v>
      </c>
      <c r="S13798">
        <v>27</v>
      </c>
      <c r="T13798">
        <v>28</v>
      </c>
      <c r="U13798">
        <v>28</v>
      </c>
      <c r="V13798">
        <v>29</v>
      </c>
      <c r="W13798">
        <v>29</v>
      </c>
      <c r="X13798">
        <v>30</v>
      </c>
      <c r="Y13798">
        <v>30</v>
      </c>
      <c r="Z13798">
        <v>31</v>
      </c>
      <c r="AA13798">
        <v>31</v>
      </c>
      <c r="AB13798">
        <v>32</v>
      </c>
      <c r="AC13798">
        <v>32</v>
      </c>
      <c r="AD13798">
        <v>33</v>
      </c>
      <c r="AE13798">
        <v>33</v>
      </c>
      <c r="AF13798">
        <v>34</v>
      </c>
      <c r="AG13798">
        <v>34</v>
      </c>
      <c r="AH13798">
        <v>35</v>
      </c>
      <c r="AI13798">
        <v>35</v>
      </c>
      <c r="AJ13798">
        <v>36</v>
      </c>
      <c r="AK13798">
        <v>36</v>
      </c>
      <c r="AL13798">
        <v>36</v>
      </c>
      <c r="AM13798">
        <v>36</v>
      </c>
      <c r="AN13798">
        <v>37</v>
      </c>
      <c r="AO13798">
        <v>37</v>
      </c>
      <c r="AP13798">
        <v>37</v>
      </c>
      <c r="AQ13798">
        <v>37</v>
      </c>
    </row>
    <row r="13799" spans="1:43">
      <c r="A13799" t="s">
        <v>8568</v>
      </c>
      <c r="B13799" t="s">
        <v>8569</v>
      </c>
      <c r="C13799" t="s">
        <v>8446</v>
      </c>
      <c r="D13799" t="s">
        <v>8447</v>
      </c>
      <c r="E13799" t="s">
        <v>8296</v>
      </c>
      <c r="F13799" t="s">
        <v>8297</v>
      </c>
      <c r="G13799" t="s">
        <v>80</v>
      </c>
      <c r="H13799" t="s">
        <v>81</v>
      </c>
      <c r="I13799" s="2">
        <v>0</v>
      </c>
      <c r="J13799" s="2">
        <v>1</v>
      </c>
      <c r="K13799" s="2">
        <v>0</v>
      </c>
      <c r="L13799" t="s">
        <v>82</v>
      </c>
      <c r="M13799" t="s">
        <v>87</v>
      </c>
      <c r="N13799" t="s">
        <v>88</v>
      </c>
      <c r="O13799" t="s">
        <v>85</v>
      </c>
      <c r="P13799" t="s">
        <v>86</v>
      </c>
      <c r="Q13799">
        <v>26</v>
      </c>
      <c r="R13799">
        <v>26</v>
      </c>
      <c r="S13799">
        <v>26</v>
      </c>
      <c r="T13799">
        <v>27</v>
      </c>
      <c r="U13799">
        <v>27</v>
      </c>
      <c r="V13799">
        <v>27</v>
      </c>
      <c r="W13799">
        <v>27</v>
      </c>
      <c r="X13799">
        <v>28</v>
      </c>
      <c r="Y13799">
        <v>28</v>
      </c>
      <c r="Z13799">
        <v>28</v>
      </c>
      <c r="AA13799">
        <v>28</v>
      </c>
      <c r="AB13799">
        <v>29</v>
      </c>
      <c r="AC13799">
        <v>29</v>
      </c>
      <c r="AD13799">
        <v>29</v>
      </c>
      <c r="AE13799">
        <v>29</v>
      </c>
      <c r="AF13799">
        <v>30</v>
      </c>
      <c r="AG13799">
        <v>30</v>
      </c>
      <c r="AH13799">
        <v>30</v>
      </c>
      <c r="AI13799">
        <v>30</v>
      </c>
      <c r="AJ13799">
        <v>30</v>
      </c>
      <c r="AK13799">
        <v>31</v>
      </c>
      <c r="AL13799">
        <v>31</v>
      </c>
      <c r="AM13799">
        <v>31</v>
      </c>
      <c r="AN13799">
        <v>31</v>
      </c>
      <c r="AO13799">
        <v>32</v>
      </c>
      <c r="AP13799">
        <v>32</v>
      </c>
      <c r="AQ13799">
        <v>32</v>
      </c>
    </row>
    <row r="13800" spans="1:43">
      <c r="A13800" t="s">
        <v>8568</v>
      </c>
      <c r="B13800" t="s">
        <v>8569</v>
      </c>
      <c r="C13800" t="s">
        <v>8446</v>
      </c>
      <c r="D13800" t="s">
        <v>8447</v>
      </c>
      <c r="E13800" t="s">
        <v>8296</v>
      </c>
      <c r="F13800" t="s">
        <v>8297</v>
      </c>
      <c r="G13800" t="s">
        <v>80</v>
      </c>
      <c r="H13800" t="s">
        <v>81</v>
      </c>
      <c r="I13800" s="2">
        <v>0</v>
      </c>
      <c r="J13800" s="2">
        <v>1</v>
      </c>
      <c r="K13800" s="2">
        <v>0</v>
      </c>
      <c r="L13800" t="s">
        <v>82</v>
      </c>
      <c r="M13800" t="s">
        <v>89</v>
      </c>
      <c r="N13800" t="s">
        <v>90</v>
      </c>
      <c r="O13800" t="s">
        <v>85</v>
      </c>
      <c r="P13800" t="s">
        <v>86</v>
      </c>
      <c r="Q13800">
        <v>26</v>
      </c>
      <c r="R13800">
        <v>27</v>
      </c>
      <c r="S13800">
        <v>28</v>
      </c>
      <c r="T13800">
        <v>29</v>
      </c>
      <c r="U13800">
        <v>29</v>
      </c>
      <c r="V13800">
        <v>30</v>
      </c>
      <c r="W13800">
        <v>31</v>
      </c>
      <c r="X13800">
        <v>31</v>
      </c>
      <c r="Y13800">
        <v>32</v>
      </c>
      <c r="Z13800">
        <v>33</v>
      </c>
      <c r="AA13800">
        <v>33</v>
      </c>
      <c r="AB13800">
        <v>34</v>
      </c>
      <c r="AC13800">
        <v>34</v>
      </c>
      <c r="AD13800">
        <v>35</v>
      </c>
      <c r="AE13800">
        <v>35</v>
      </c>
      <c r="AF13800">
        <v>36</v>
      </c>
      <c r="AG13800">
        <v>36</v>
      </c>
      <c r="AH13800">
        <v>36</v>
      </c>
      <c r="AI13800">
        <v>36</v>
      </c>
      <c r="AJ13800">
        <v>36</v>
      </c>
      <c r="AK13800">
        <v>36</v>
      </c>
      <c r="AL13800">
        <v>37</v>
      </c>
      <c r="AM13800">
        <v>37</v>
      </c>
      <c r="AN13800">
        <v>37</v>
      </c>
      <c r="AO13800">
        <v>37</v>
      </c>
      <c r="AP13800">
        <v>37</v>
      </c>
      <c r="AQ13800">
        <v>37</v>
      </c>
    </row>
    <row r="13801" spans="1:43">
      <c r="A13801" t="s">
        <v>8568</v>
      </c>
      <c r="B13801" t="s">
        <v>8569</v>
      </c>
      <c r="C13801" t="s">
        <v>8446</v>
      </c>
      <c r="D13801" t="s">
        <v>8447</v>
      </c>
      <c r="E13801" t="s">
        <v>8296</v>
      </c>
      <c r="F13801" t="s">
        <v>8297</v>
      </c>
      <c r="G13801" t="s">
        <v>80</v>
      </c>
      <c r="H13801" t="s">
        <v>81</v>
      </c>
      <c r="I13801" s="2">
        <v>0</v>
      </c>
      <c r="J13801" s="2">
        <v>1</v>
      </c>
      <c r="K13801" s="2">
        <v>0</v>
      </c>
      <c r="L13801" t="s">
        <v>82</v>
      </c>
      <c r="M13801" t="s">
        <v>83</v>
      </c>
      <c r="N13801" t="s">
        <v>91</v>
      </c>
      <c r="O13801" t="s">
        <v>85</v>
      </c>
      <c r="P13801" t="s">
        <v>86</v>
      </c>
      <c r="Q13801">
        <v>26</v>
      </c>
      <c r="R13801">
        <v>27</v>
      </c>
      <c r="S13801">
        <v>27</v>
      </c>
      <c r="T13801">
        <v>28</v>
      </c>
      <c r="U13801">
        <v>28</v>
      </c>
      <c r="V13801">
        <v>29</v>
      </c>
      <c r="W13801">
        <v>29</v>
      </c>
      <c r="X13801">
        <v>30</v>
      </c>
      <c r="Y13801">
        <v>30</v>
      </c>
      <c r="Z13801">
        <v>31</v>
      </c>
      <c r="AA13801">
        <v>31</v>
      </c>
      <c r="AB13801">
        <v>32</v>
      </c>
      <c r="AC13801">
        <v>32</v>
      </c>
      <c r="AD13801">
        <v>33</v>
      </c>
      <c r="AE13801">
        <v>33</v>
      </c>
      <c r="AF13801">
        <v>34</v>
      </c>
      <c r="AG13801">
        <v>34</v>
      </c>
      <c r="AH13801">
        <v>35</v>
      </c>
      <c r="AI13801">
        <v>35</v>
      </c>
      <c r="AJ13801">
        <v>36</v>
      </c>
      <c r="AK13801">
        <v>36</v>
      </c>
      <c r="AL13801">
        <v>36</v>
      </c>
      <c r="AM13801">
        <v>36</v>
      </c>
      <c r="AN13801">
        <v>37</v>
      </c>
      <c r="AO13801">
        <v>37</v>
      </c>
      <c r="AP13801">
        <v>37</v>
      </c>
      <c r="AQ13801">
        <v>37</v>
      </c>
    </row>
    <row r="13802" spans="1:43">
      <c r="A13802" t="s">
        <v>8570</v>
      </c>
      <c r="B13802" t="s">
        <v>8571</v>
      </c>
      <c r="C13802" t="s">
        <v>8446</v>
      </c>
      <c r="D13802" t="s">
        <v>8447</v>
      </c>
      <c r="E13802" t="s">
        <v>8296</v>
      </c>
      <c r="F13802" t="s">
        <v>8297</v>
      </c>
      <c r="G13802" t="s">
        <v>80</v>
      </c>
      <c r="H13802" t="s">
        <v>81</v>
      </c>
      <c r="I13802" s="2">
        <v>0</v>
      </c>
      <c r="J13802" s="2">
        <v>1</v>
      </c>
      <c r="K13802" s="2">
        <v>0</v>
      </c>
      <c r="L13802" t="s">
        <v>82</v>
      </c>
      <c r="M13802" t="s">
        <v>83</v>
      </c>
      <c r="N13802" t="s">
        <v>84</v>
      </c>
      <c r="O13802" t="s">
        <v>85</v>
      </c>
      <c r="P13802" t="s">
        <v>86</v>
      </c>
      <c r="Q13802">
        <v>9</v>
      </c>
      <c r="R13802">
        <v>9</v>
      </c>
      <c r="S13802">
        <v>9</v>
      </c>
      <c r="T13802">
        <v>9</v>
      </c>
      <c r="U13802">
        <v>10</v>
      </c>
      <c r="V13802">
        <v>10</v>
      </c>
      <c r="W13802">
        <v>10</v>
      </c>
      <c r="X13802">
        <v>10</v>
      </c>
      <c r="Y13802">
        <v>10</v>
      </c>
      <c r="Z13802">
        <v>10</v>
      </c>
      <c r="AA13802">
        <v>11</v>
      </c>
      <c r="AB13802">
        <v>11</v>
      </c>
      <c r="AC13802">
        <v>11</v>
      </c>
      <c r="AD13802">
        <v>11</v>
      </c>
      <c r="AE13802">
        <v>11</v>
      </c>
      <c r="AF13802">
        <v>11</v>
      </c>
      <c r="AG13802">
        <v>12</v>
      </c>
      <c r="AH13802">
        <v>12</v>
      </c>
      <c r="AI13802">
        <v>12</v>
      </c>
      <c r="AJ13802">
        <v>12</v>
      </c>
      <c r="AK13802">
        <v>12</v>
      </c>
      <c r="AL13802">
        <v>12</v>
      </c>
      <c r="AM13802">
        <v>12</v>
      </c>
      <c r="AN13802">
        <v>12</v>
      </c>
      <c r="AO13802">
        <v>12</v>
      </c>
      <c r="AP13802">
        <v>12</v>
      </c>
      <c r="AQ13802">
        <v>13</v>
      </c>
    </row>
    <row r="13803" spans="1:43">
      <c r="A13803" t="s">
        <v>8570</v>
      </c>
      <c r="B13803" t="s">
        <v>8571</v>
      </c>
      <c r="C13803" t="s">
        <v>8446</v>
      </c>
      <c r="D13803" t="s">
        <v>8447</v>
      </c>
      <c r="E13803" t="s">
        <v>8296</v>
      </c>
      <c r="F13803" t="s">
        <v>8297</v>
      </c>
      <c r="G13803" t="s">
        <v>80</v>
      </c>
      <c r="H13803" t="s">
        <v>81</v>
      </c>
      <c r="I13803" s="2">
        <v>0</v>
      </c>
      <c r="J13803" s="2">
        <v>1</v>
      </c>
      <c r="K13803" s="2">
        <v>0</v>
      </c>
      <c r="L13803" t="s">
        <v>82</v>
      </c>
      <c r="M13803" t="s">
        <v>87</v>
      </c>
      <c r="N13803" t="s">
        <v>88</v>
      </c>
      <c r="O13803" t="s">
        <v>85</v>
      </c>
      <c r="P13803" t="s">
        <v>86</v>
      </c>
      <c r="Q13803">
        <v>9</v>
      </c>
      <c r="R13803">
        <v>9</v>
      </c>
      <c r="S13803">
        <v>9</v>
      </c>
      <c r="T13803">
        <v>9</v>
      </c>
      <c r="U13803">
        <v>9</v>
      </c>
      <c r="V13803">
        <v>9</v>
      </c>
      <c r="W13803">
        <v>9</v>
      </c>
      <c r="X13803">
        <v>9</v>
      </c>
      <c r="Y13803">
        <v>9</v>
      </c>
      <c r="Z13803">
        <v>10</v>
      </c>
      <c r="AA13803">
        <v>10</v>
      </c>
      <c r="AB13803">
        <v>10</v>
      </c>
      <c r="AC13803">
        <v>10</v>
      </c>
      <c r="AD13803">
        <v>10</v>
      </c>
      <c r="AE13803">
        <v>10</v>
      </c>
      <c r="AF13803">
        <v>10</v>
      </c>
      <c r="AG13803">
        <v>10</v>
      </c>
      <c r="AH13803">
        <v>10</v>
      </c>
      <c r="AI13803">
        <v>10</v>
      </c>
      <c r="AJ13803">
        <v>10</v>
      </c>
      <c r="AK13803">
        <v>10</v>
      </c>
      <c r="AL13803">
        <v>10</v>
      </c>
      <c r="AM13803">
        <v>11</v>
      </c>
      <c r="AN13803">
        <v>11</v>
      </c>
      <c r="AO13803">
        <v>11</v>
      </c>
      <c r="AP13803">
        <v>11</v>
      </c>
      <c r="AQ13803">
        <v>11</v>
      </c>
    </row>
    <row r="13804" spans="1:43">
      <c r="A13804" t="s">
        <v>8570</v>
      </c>
      <c r="B13804" t="s">
        <v>8571</v>
      </c>
      <c r="C13804" t="s">
        <v>8446</v>
      </c>
      <c r="D13804" t="s">
        <v>8447</v>
      </c>
      <c r="E13804" t="s">
        <v>8296</v>
      </c>
      <c r="F13804" t="s">
        <v>8297</v>
      </c>
      <c r="G13804" t="s">
        <v>80</v>
      </c>
      <c r="H13804" t="s">
        <v>81</v>
      </c>
      <c r="I13804" s="2">
        <v>0</v>
      </c>
      <c r="J13804" s="2">
        <v>1</v>
      </c>
      <c r="K13804" s="2">
        <v>0</v>
      </c>
      <c r="L13804" t="s">
        <v>82</v>
      </c>
      <c r="M13804" t="s">
        <v>89</v>
      </c>
      <c r="N13804" t="s">
        <v>90</v>
      </c>
      <c r="O13804" t="s">
        <v>85</v>
      </c>
      <c r="P13804" t="s">
        <v>86</v>
      </c>
      <c r="Q13804">
        <v>9</v>
      </c>
      <c r="R13804">
        <v>9</v>
      </c>
      <c r="S13804">
        <v>9</v>
      </c>
      <c r="T13804">
        <v>10</v>
      </c>
      <c r="U13804">
        <v>10</v>
      </c>
      <c r="V13804">
        <v>10</v>
      </c>
      <c r="W13804">
        <v>10</v>
      </c>
      <c r="X13804">
        <v>11</v>
      </c>
      <c r="Y13804">
        <v>11</v>
      </c>
      <c r="Z13804">
        <v>11</v>
      </c>
      <c r="AA13804">
        <v>11</v>
      </c>
      <c r="AB13804">
        <v>11</v>
      </c>
      <c r="AC13804">
        <v>12</v>
      </c>
      <c r="AD13804">
        <v>12</v>
      </c>
      <c r="AE13804">
        <v>12</v>
      </c>
      <c r="AF13804">
        <v>12</v>
      </c>
      <c r="AG13804">
        <v>12</v>
      </c>
      <c r="AH13804">
        <v>12</v>
      </c>
      <c r="AI13804">
        <v>12</v>
      </c>
      <c r="AJ13804">
        <v>12</v>
      </c>
      <c r="AK13804">
        <v>12</v>
      </c>
      <c r="AL13804">
        <v>12</v>
      </c>
      <c r="AM13804">
        <v>12</v>
      </c>
      <c r="AN13804">
        <v>12</v>
      </c>
      <c r="AO13804">
        <v>13</v>
      </c>
      <c r="AP13804">
        <v>13</v>
      </c>
      <c r="AQ13804">
        <v>13</v>
      </c>
    </row>
    <row r="13805" spans="1:43">
      <c r="A13805" t="s">
        <v>8570</v>
      </c>
      <c r="B13805" t="s">
        <v>8571</v>
      </c>
      <c r="C13805" t="s">
        <v>8446</v>
      </c>
      <c r="D13805" t="s">
        <v>8447</v>
      </c>
      <c r="E13805" t="s">
        <v>8296</v>
      </c>
      <c r="F13805" t="s">
        <v>8297</v>
      </c>
      <c r="G13805" t="s">
        <v>80</v>
      </c>
      <c r="H13805" t="s">
        <v>81</v>
      </c>
      <c r="I13805" s="2">
        <v>0</v>
      </c>
      <c r="J13805" s="2">
        <v>1</v>
      </c>
      <c r="K13805" s="2">
        <v>0</v>
      </c>
      <c r="L13805" t="s">
        <v>82</v>
      </c>
      <c r="M13805" t="s">
        <v>83</v>
      </c>
      <c r="N13805" t="s">
        <v>91</v>
      </c>
      <c r="O13805" t="s">
        <v>85</v>
      </c>
      <c r="P13805" t="s">
        <v>86</v>
      </c>
      <c r="Q13805">
        <v>9</v>
      </c>
      <c r="R13805">
        <v>9</v>
      </c>
      <c r="S13805">
        <v>9</v>
      </c>
      <c r="T13805">
        <v>9</v>
      </c>
      <c r="U13805">
        <v>10</v>
      </c>
      <c r="V13805">
        <v>10</v>
      </c>
      <c r="W13805">
        <v>10</v>
      </c>
      <c r="X13805">
        <v>10</v>
      </c>
      <c r="Y13805">
        <v>10</v>
      </c>
      <c r="Z13805">
        <v>10</v>
      </c>
      <c r="AA13805">
        <v>11</v>
      </c>
      <c r="AB13805">
        <v>11</v>
      </c>
      <c r="AC13805">
        <v>11</v>
      </c>
      <c r="AD13805">
        <v>11</v>
      </c>
      <c r="AE13805">
        <v>11</v>
      </c>
      <c r="AF13805">
        <v>11</v>
      </c>
      <c r="AG13805">
        <v>12</v>
      </c>
      <c r="AH13805">
        <v>12</v>
      </c>
      <c r="AI13805">
        <v>12</v>
      </c>
      <c r="AJ13805">
        <v>12</v>
      </c>
      <c r="AK13805">
        <v>12</v>
      </c>
      <c r="AL13805">
        <v>12</v>
      </c>
      <c r="AM13805">
        <v>12</v>
      </c>
      <c r="AN13805">
        <v>12</v>
      </c>
      <c r="AO13805">
        <v>12</v>
      </c>
      <c r="AP13805">
        <v>12</v>
      </c>
      <c r="AQ13805">
        <v>13</v>
      </c>
    </row>
    <row r="13806" spans="1:43">
      <c r="A13806" t="s">
        <v>8572</v>
      </c>
      <c r="B13806" t="s">
        <v>8573</v>
      </c>
      <c r="C13806" t="s">
        <v>8440</v>
      </c>
      <c r="D13806" t="s">
        <v>8441</v>
      </c>
      <c r="E13806" t="s">
        <v>8296</v>
      </c>
      <c r="F13806" t="s">
        <v>8297</v>
      </c>
      <c r="G13806" t="s">
        <v>80</v>
      </c>
      <c r="H13806" t="s">
        <v>81</v>
      </c>
      <c r="I13806" s="2">
        <v>0</v>
      </c>
      <c r="J13806" s="2">
        <v>1</v>
      </c>
      <c r="K13806" s="2">
        <v>0</v>
      </c>
      <c r="L13806" t="s">
        <v>82</v>
      </c>
      <c r="M13806" t="s">
        <v>83</v>
      </c>
      <c r="N13806" t="s">
        <v>84</v>
      </c>
      <c r="O13806" t="s">
        <v>85</v>
      </c>
      <c r="P13806" t="s">
        <v>86</v>
      </c>
      <c r="Q13806">
        <v>115</v>
      </c>
      <c r="R13806">
        <v>117</v>
      </c>
      <c r="S13806">
        <v>120</v>
      </c>
      <c r="T13806">
        <v>122</v>
      </c>
      <c r="U13806">
        <v>124</v>
      </c>
      <c r="V13806">
        <v>126</v>
      </c>
      <c r="W13806">
        <v>129</v>
      </c>
      <c r="X13806">
        <v>131</v>
      </c>
      <c r="Y13806">
        <v>133</v>
      </c>
      <c r="Z13806">
        <v>135</v>
      </c>
      <c r="AA13806">
        <v>137</v>
      </c>
      <c r="AB13806">
        <v>140</v>
      </c>
      <c r="AC13806">
        <v>142</v>
      </c>
      <c r="AD13806">
        <v>144</v>
      </c>
      <c r="AE13806">
        <v>146</v>
      </c>
      <c r="AF13806">
        <v>148</v>
      </c>
      <c r="AG13806">
        <v>150</v>
      </c>
      <c r="AH13806">
        <v>152</v>
      </c>
      <c r="AI13806">
        <v>155</v>
      </c>
      <c r="AJ13806">
        <v>157</v>
      </c>
      <c r="AK13806">
        <v>159</v>
      </c>
      <c r="AL13806">
        <v>160</v>
      </c>
      <c r="AM13806">
        <v>161</v>
      </c>
      <c r="AN13806">
        <v>161</v>
      </c>
      <c r="AO13806">
        <v>162</v>
      </c>
      <c r="AP13806">
        <v>162</v>
      </c>
      <c r="AQ13806">
        <v>163</v>
      </c>
    </row>
    <row r="13807" spans="1:43">
      <c r="A13807" t="s">
        <v>8572</v>
      </c>
      <c r="B13807" t="s">
        <v>8573</v>
      </c>
      <c r="C13807" t="s">
        <v>8440</v>
      </c>
      <c r="D13807" t="s">
        <v>8441</v>
      </c>
      <c r="E13807" t="s">
        <v>8296</v>
      </c>
      <c r="F13807" t="s">
        <v>8297</v>
      </c>
      <c r="G13807" t="s">
        <v>80</v>
      </c>
      <c r="H13807" t="s">
        <v>81</v>
      </c>
      <c r="I13807" s="2">
        <v>0</v>
      </c>
      <c r="J13807" s="2">
        <v>1</v>
      </c>
      <c r="K13807" s="2">
        <v>0</v>
      </c>
      <c r="L13807" t="s">
        <v>82</v>
      </c>
      <c r="M13807" t="s">
        <v>87</v>
      </c>
      <c r="N13807" t="s">
        <v>88</v>
      </c>
      <c r="O13807" t="s">
        <v>85</v>
      </c>
      <c r="P13807" t="s">
        <v>86</v>
      </c>
      <c r="Q13807">
        <v>115</v>
      </c>
      <c r="R13807">
        <v>116</v>
      </c>
      <c r="S13807">
        <v>117</v>
      </c>
      <c r="T13807">
        <v>119</v>
      </c>
      <c r="U13807">
        <v>120</v>
      </c>
      <c r="V13807">
        <v>121</v>
      </c>
      <c r="W13807">
        <v>122</v>
      </c>
      <c r="X13807">
        <v>123</v>
      </c>
      <c r="Y13807">
        <v>124</v>
      </c>
      <c r="Z13807">
        <v>125</v>
      </c>
      <c r="AA13807">
        <v>126</v>
      </c>
      <c r="AB13807">
        <v>127</v>
      </c>
      <c r="AC13807">
        <v>128</v>
      </c>
      <c r="AD13807">
        <v>129</v>
      </c>
      <c r="AE13807">
        <v>130</v>
      </c>
      <c r="AF13807">
        <v>131</v>
      </c>
      <c r="AG13807">
        <v>132</v>
      </c>
      <c r="AH13807">
        <v>133</v>
      </c>
      <c r="AI13807">
        <v>134</v>
      </c>
      <c r="AJ13807">
        <v>135</v>
      </c>
      <c r="AK13807">
        <v>136</v>
      </c>
      <c r="AL13807">
        <v>137</v>
      </c>
      <c r="AM13807">
        <v>138</v>
      </c>
      <c r="AN13807">
        <v>139</v>
      </c>
      <c r="AO13807">
        <v>140</v>
      </c>
      <c r="AP13807">
        <v>141</v>
      </c>
      <c r="AQ13807">
        <v>142</v>
      </c>
    </row>
    <row r="13808" spans="1:43">
      <c r="A13808" t="s">
        <v>8572</v>
      </c>
      <c r="B13808" t="s">
        <v>8573</v>
      </c>
      <c r="C13808" t="s">
        <v>8440</v>
      </c>
      <c r="D13808" t="s">
        <v>8441</v>
      </c>
      <c r="E13808" t="s">
        <v>8296</v>
      </c>
      <c r="F13808" t="s">
        <v>8297</v>
      </c>
      <c r="G13808" t="s">
        <v>80</v>
      </c>
      <c r="H13808" t="s">
        <v>81</v>
      </c>
      <c r="I13808" s="2">
        <v>0</v>
      </c>
      <c r="J13808" s="2">
        <v>1</v>
      </c>
      <c r="K13808" s="2">
        <v>0</v>
      </c>
      <c r="L13808" t="s">
        <v>82</v>
      </c>
      <c r="M13808" t="s">
        <v>89</v>
      </c>
      <c r="N13808" t="s">
        <v>90</v>
      </c>
      <c r="O13808" t="s">
        <v>85</v>
      </c>
      <c r="P13808" t="s">
        <v>86</v>
      </c>
      <c r="Q13808">
        <v>115</v>
      </c>
      <c r="R13808">
        <v>119</v>
      </c>
      <c r="S13808">
        <v>122</v>
      </c>
      <c r="T13808">
        <v>125</v>
      </c>
      <c r="U13808">
        <v>128</v>
      </c>
      <c r="V13808">
        <v>131</v>
      </c>
      <c r="W13808">
        <v>134</v>
      </c>
      <c r="X13808">
        <v>137</v>
      </c>
      <c r="Y13808">
        <v>140</v>
      </c>
      <c r="Z13808">
        <v>143</v>
      </c>
      <c r="AA13808">
        <v>145</v>
      </c>
      <c r="AB13808">
        <v>148</v>
      </c>
      <c r="AC13808">
        <v>151</v>
      </c>
      <c r="AD13808">
        <v>154</v>
      </c>
      <c r="AE13808">
        <v>156</v>
      </c>
      <c r="AF13808">
        <v>156</v>
      </c>
      <c r="AG13808">
        <v>157</v>
      </c>
      <c r="AH13808">
        <v>158</v>
      </c>
      <c r="AI13808">
        <v>159</v>
      </c>
      <c r="AJ13808">
        <v>159</v>
      </c>
      <c r="AK13808">
        <v>160</v>
      </c>
      <c r="AL13808">
        <v>160</v>
      </c>
      <c r="AM13808">
        <v>161</v>
      </c>
      <c r="AN13808">
        <v>162</v>
      </c>
      <c r="AO13808">
        <v>162</v>
      </c>
      <c r="AP13808">
        <v>163</v>
      </c>
      <c r="AQ13808">
        <v>163</v>
      </c>
    </row>
    <row r="13809" spans="1:43">
      <c r="A13809" t="s">
        <v>8572</v>
      </c>
      <c r="B13809" t="s">
        <v>8573</v>
      </c>
      <c r="C13809" t="s">
        <v>8440</v>
      </c>
      <c r="D13809" t="s">
        <v>8441</v>
      </c>
      <c r="E13809" t="s">
        <v>8296</v>
      </c>
      <c r="F13809" t="s">
        <v>8297</v>
      </c>
      <c r="G13809" t="s">
        <v>80</v>
      </c>
      <c r="H13809" t="s">
        <v>81</v>
      </c>
      <c r="I13809" s="2">
        <v>0</v>
      </c>
      <c r="J13809" s="2">
        <v>1</v>
      </c>
      <c r="K13809" s="2">
        <v>0</v>
      </c>
      <c r="L13809" t="s">
        <v>82</v>
      </c>
      <c r="M13809" t="s">
        <v>83</v>
      </c>
      <c r="N13809" t="s">
        <v>91</v>
      </c>
      <c r="O13809" t="s">
        <v>85</v>
      </c>
      <c r="P13809" t="s">
        <v>86</v>
      </c>
      <c r="Q13809">
        <v>115</v>
      </c>
      <c r="R13809">
        <v>117</v>
      </c>
      <c r="S13809">
        <v>120</v>
      </c>
      <c r="T13809">
        <v>122</v>
      </c>
      <c r="U13809">
        <v>124</v>
      </c>
      <c r="V13809">
        <v>126</v>
      </c>
      <c r="W13809">
        <v>129</v>
      </c>
      <c r="X13809">
        <v>131</v>
      </c>
      <c r="Y13809">
        <v>133</v>
      </c>
      <c r="Z13809">
        <v>135</v>
      </c>
      <c r="AA13809">
        <v>137</v>
      </c>
      <c r="AB13809">
        <v>140</v>
      </c>
      <c r="AC13809">
        <v>142</v>
      </c>
      <c r="AD13809">
        <v>144</v>
      </c>
      <c r="AE13809">
        <v>146</v>
      </c>
      <c r="AF13809">
        <v>148</v>
      </c>
      <c r="AG13809">
        <v>150</v>
      </c>
      <c r="AH13809">
        <v>152</v>
      </c>
      <c r="AI13809">
        <v>155</v>
      </c>
      <c r="AJ13809">
        <v>157</v>
      </c>
      <c r="AK13809">
        <v>159</v>
      </c>
      <c r="AL13809">
        <v>160</v>
      </c>
      <c r="AM13809">
        <v>161</v>
      </c>
      <c r="AN13809">
        <v>161</v>
      </c>
      <c r="AO13809">
        <v>162</v>
      </c>
      <c r="AP13809">
        <v>162</v>
      </c>
      <c r="AQ13809">
        <v>163</v>
      </c>
    </row>
    <row r="13810" spans="1:43">
      <c r="A13810" t="s">
        <v>8574</v>
      </c>
      <c r="B13810" t="s">
        <v>8575</v>
      </c>
      <c r="C13810" t="s">
        <v>8440</v>
      </c>
      <c r="D13810" t="s">
        <v>8441</v>
      </c>
      <c r="E13810" t="s">
        <v>8296</v>
      </c>
      <c r="F13810" t="s">
        <v>8297</v>
      </c>
      <c r="G13810" t="s">
        <v>80</v>
      </c>
      <c r="H13810" t="s">
        <v>81</v>
      </c>
      <c r="I13810" s="2">
        <v>0</v>
      </c>
      <c r="J13810" s="2">
        <v>1</v>
      </c>
      <c r="K13810" s="2">
        <v>0</v>
      </c>
      <c r="L13810" t="s">
        <v>82</v>
      </c>
      <c r="M13810" t="s">
        <v>83</v>
      </c>
      <c r="N13810" t="s">
        <v>84</v>
      </c>
      <c r="O13810" t="s">
        <v>85</v>
      </c>
      <c r="P13810" t="s">
        <v>86</v>
      </c>
      <c r="Q13810">
        <v>7</v>
      </c>
      <c r="R13810">
        <v>7</v>
      </c>
      <c r="S13810">
        <v>7</v>
      </c>
      <c r="T13810">
        <v>8</v>
      </c>
      <c r="U13810">
        <v>8</v>
      </c>
      <c r="V13810">
        <v>8</v>
      </c>
      <c r="W13810">
        <v>8</v>
      </c>
      <c r="X13810">
        <v>8</v>
      </c>
      <c r="Y13810">
        <v>8</v>
      </c>
      <c r="Z13810">
        <v>8</v>
      </c>
      <c r="AA13810">
        <v>9</v>
      </c>
      <c r="AB13810">
        <v>9</v>
      </c>
      <c r="AC13810">
        <v>9</v>
      </c>
      <c r="AD13810">
        <v>9</v>
      </c>
      <c r="AE13810">
        <v>9</v>
      </c>
      <c r="AF13810">
        <v>9</v>
      </c>
      <c r="AG13810">
        <v>9</v>
      </c>
      <c r="AH13810">
        <v>10</v>
      </c>
      <c r="AI13810">
        <v>10</v>
      </c>
      <c r="AJ13810">
        <v>10</v>
      </c>
      <c r="AK13810">
        <v>10</v>
      </c>
      <c r="AL13810">
        <v>10</v>
      </c>
      <c r="AM13810">
        <v>10</v>
      </c>
      <c r="AN13810">
        <v>10</v>
      </c>
      <c r="AO13810">
        <v>10</v>
      </c>
      <c r="AP13810">
        <v>10</v>
      </c>
      <c r="AQ13810">
        <v>10</v>
      </c>
    </row>
    <row r="13811" spans="1:43">
      <c r="A13811" t="s">
        <v>8574</v>
      </c>
      <c r="B13811" t="s">
        <v>8575</v>
      </c>
      <c r="C13811" t="s">
        <v>8440</v>
      </c>
      <c r="D13811" t="s">
        <v>8441</v>
      </c>
      <c r="E13811" t="s">
        <v>8296</v>
      </c>
      <c r="F13811" t="s">
        <v>8297</v>
      </c>
      <c r="G13811" t="s">
        <v>80</v>
      </c>
      <c r="H13811" t="s">
        <v>81</v>
      </c>
      <c r="I13811" s="2">
        <v>0</v>
      </c>
      <c r="J13811" s="2">
        <v>1</v>
      </c>
      <c r="K13811" s="2">
        <v>0</v>
      </c>
      <c r="L13811" t="s">
        <v>82</v>
      </c>
      <c r="M13811" t="s">
        <v>87</v>
      </c>
      <c r="N13811" t="s">
        <v>88</v>
      </c>
      <c r="O13811" t="s">
        <v>85</v>
      </c>
      <c r="P13811" t="s">
        <v>86</v>
      </c>
      <c r="Q13811">
        <v>7</v>
      </c>
      <c r="R13811">
        <v>7</v>
      </c>
      <c r="S13811">
        <v>7</v>
      </c>
      <c r="T13811">
        <v>7</v>
      </c>
      <c r="U13811">
        <v>7</v>
      </c>
      <c r="V13811">
        <v>7</v>
      </c>
      <c r="W13811">
        <v>8</v>
      </c>
      <c r="X13811">
        <v>8</v>
      </c>
      <c r="Y13811">
        <v>8</v>
      </c>
      <c r="Z13811">
        <v>8</v>
      </c>
      <c r="AA13811">
        <v>8</v>
      </c>
      <c r="AB13811">
        <v>8</v>
      </c>
      <c r="AC13811">
        <v>8</v>
      </c>
      <c r="AD13811">
        <v>8</v>
      </c>
      <c r="AE13811">
        <v>8</v>
      </c>
      <c r="AF13811">
        <v>8</v>
      </c>
      <c r="AG13811">
        <v>8</v>
      </c>
      <c r="AH13811">
        <v>8</v>
      </c>
      <c r="AI13811">
        <v>8</v>
      </c>
      <c r="AJ13811">
        <v>8</v>
      </c>
      <c r="AK13811">
        <v>8</v>
      </c>
      <c r="AL13811">
        <v>8</v>
      </c>
      <c r="AM13811">
        <v>9</v>
      </c>
      <c r="AN13811">
        <v>9</v>
      </c>
      <c r="AO13811">
        <v>9</v>
      </c>
      <c r="AP13811">
        <v>9</v>
      </c>
      <c r="AQ13811">
        <v>9</v>
      </c>
    </row>
    <row r="13812" spans="1:43">
      <c r="A13812" t="s">
        <v>8574</v>
      </c>
      <c r="B13812" t="s">
        <v>8575</v>
      </c>
      <c r="C13812" t="s">
        <v>8440</v>
      </c>
      <c r="D13812" t="s">
        <v>8441</v>
      </c>
      <c r="E13812" t="s">
        <v>8296</v>
      </c>
      <c r="F13812" t="s">
        <v>8297</v>
      </c>
      <c r="G13812" t="s">
        <v>80</v>
      </c>
      <c r="H13812" t="s">
        <v>81</v>
      </c>
      <c r="I13812" s="2">
        <v>0</v>
      </c>
      <c r="J13812" s="2">
        <v>1</v>
      </c>
      <c r="K13812" s="2">
        <v>0</v>
      </c>
      <c r="L13812" t="s">
        <v>82</v>
      </c>
      <c r="M13812" t="s">
        <v>89</v>
      </c>
      <c r="N13812" t="s">
        <v>90</v>
      </c>
      <c r="O13812" t="s">
        <v>85</v>
      </c>
      <c r="P13812" t="s">
        <v>86</v>
      </c>
      <c r="Q13812">
        <v>7</v>
      </c>
      <c r="R13812">
        <v>7</v>
      </c>
      <c r="S13812">
        <v>8</v>
      </c>
      <c r="T13812">
        <v>8</v>
      </c>
      <c r="U13812">
        <v>8</v>
      </c>
      <c r="V13812">
        <v>8</v>
      </c>
      <c r="W13812">
        <v>8</v>
      </c>
      <c r="X13812">
        <v>9</v>
      </c>
      <c r="Y13812">
        <v>9</v>
      </c>
      <c r="Z13812">
        <v>9</v>
      </c>
      <c r="AA13812">
        <v>9</v>
      </c>
      <c r="AB13812">
        <v>9</v>
      </c>
      <c r="AC13812">
        <v>9</v>
      </c>
      <c r="AD13812">
        <v>10</v>
      </c>
      <c r="AE13812">
        <v>10</v>
      </c>
      <c r="AF13812">
        <v>10</v>
      </c>
      <c r="AG13812">
        <v>10</v>
      </c>
      <c r="AH13812">
        <v>10</v>
      </c>
      <c r="AI13812">
        <v>10</v>
      </c>
      <c r="AJ13812">
        <v>10</v>
      </c>
      <c r="AK13812">
        <v>10</v>
      </c>
      <c r="AL13812">
        <v>10</v>
      </c>
      <c r="AM13812">
        <v>10</v>
      </c>
      <c r="AN13812">
        <v>10</v>
      </c>
      <c r="AO13812">
        <v>10</v>
      </c>
      <c r="AP13812">
        <v>10</v>
      </c>
      <c r="AQ13812">
        <v>10</v>
      </c>
    </row>
    <row r="13813" spans="1:43">
      <c r="A13813" t="s">
        <v>8574</v>
      </c>
      <c r="B13813" t="s">
        <v>8575</v>
      </c>
      <c r="C13813" t="s">
        <v>8440</v>
      </c>
      <c r="D13813" t="s">
        <v>8441</v>
      </c>
      <c r="E13813" t="s">
        <v>8296</v>
      </c>
      <c r="F13813" t="s">
        <v>8297</v>
      </c>
      <c r="G13813" t="s">
        <v>80</v>
      </c>
      <c r="H13813" t="s">
        <v>81</v>
      </c>
      <c r="I13813" s="2">
        <v>0</v>
      </c>
      <c r="J13813" s="2">
        <v>1</v>
      </c>
      <c r="K13813" s="2">
        <v>0</v>
      </c>
      <c r="L13813" t="s">
        <v>82</v>
      </c>
      <c r="M13813" t="s">
        <v>83</v>
      </c>
      <c r="N13813" t="s">
        <v>91</v>
      </c>
      <c r="O13813" t="s">
        <v>85</v>
      </c>
      <c r="P13813" t="s">
        <v>86</v>
      </c>
      <c r="Q13813">
        <v>7</v>
      </c>
      <c r="R13813">
        <v>7</v>
      </c>
      <c r="S13813">
        <v>7</v>
      </c>
      <c r="T13813">
        <v>8</v>
      </c>
      <c r="U13813">
        <v>8</v>
      </c>
      <c r="V13813">
        <v>8</v>
      </c>
      <c r="W13813">
        <v>8</v>
      </c>
      <c r="X13813">
        <v>8</v>
      </c>
      <c r="Y13813">
        <v>8</v>
      </c>
      <c r="Z13813">
        <v>8</v>
      </c>
      <c r="AA13813">
        <v>9</v>
      </c>
      <c r="AB13813">
        <v>9</v>
      </c>
      <c r="AC13813">
        <v>9</v>
      </c>
      <c r="AD13813">
        <v>9</v>
      </c>
      <c r="AE13813">
        <v>9</v>
      </c>
      <c r="AF13813">
        <v>9</v>
      </c>
      <c r="AG13813">
        <v>9</v>
      </c>
      <c r="AH13813">
        <v>10</v>
      </c>
      <c r="AI13813">
        <v>10</v>
      </c>
      <c r="AJ13813">
        <v>10</v>
      </c>
      <c r="AK13813">
        <v>10</v>
      </c>
      <c r="AL13813">
        <v>10</v>
      </c>
      <c r="AM13813">
        <v>10</v>
      </c>
      <c r="AN13813">
        <v>10</v>
      </c>
      <c r="AO13813">
        <v>10</v>
      </c>
      <c r="AP13813">
        <v>10</v>
      </c>
      <c r="AQ13813">
        <v>10</v>
      </c>
    </row>
    <row r="13814" spans="1:43">
      <c r="A13814" t="s">
        <v>8576</v>
      </c>
      <c r="B13814" t="s">
        <v>8577</v>
      </c>
      <c r="C13814" t="s">
        <v>8446</v>
      </c>
      <c r="D13814" t="s">
        <v>8447</v>
      </c>
      <c r="E13814" t="s">
        <v>8296</v>
      </c>
      <c r="F13814" t="s">
        <v>8297</v>
      </c>
      <c r="G13814" t="s">
        <v>80</v>
      </c>
      <c r="H13814" t="s">
        <v>81</v>
      </c>
      <c r="I13814" s="2">
        <v>0</v>
      </c>
      <c r="J13814" s="2">
        <v>1</v>
      </c>
      <c r="K13814" s="2">
        <v>0</v>
      </c>
      <c r="L13814" t="s">
        <v>82</v>
      </c>
      <c r="M13814" t="s">
        <v>83</v>
      </c>
      <c r="N13814" t="s">
        <v>84</v>
      </c>
      <c r="O13814" t="s">
        <v>85</v>
      </c>
      <c r="P13814" t="s">
        <v>86</v>
      </c>
      <c r="Q13814">
        <v>6</v>
      </c>
      <c r="R13814">
        <v>6</v>
      </c>
      <c r="S13814">
        <v>6</v>
      </c>
      <c r="T13814">
        <v>6</v>
      </c>
      <c r="U13814">
        <v>6</v>
      </c>
      <c r="V13814">
        <v>6</v>
      </c>
      <c r="W13814">
        <v>7</v>
      </c>
      <c r="X13814">
        <v>7</v>
      </c>
      <c r="Y13814">
        <v>7</v>
      </c>
      <c r="Z13814">
        <v>7</v>
      </c>
      <c r="AA13814">
        <v>7</v>
      </c>
      <c r="AB13814">
        <v>7</v>
      </c>
      <c r="AC13814">
        <v>7</v>
      </c>
      <c r="AD13814">
        <v>7</v>
      </c>
      <c r="AE13814">
        <v>7</v>
      </c>
      <c r="AF13814">
        <v>8</v>
      </c>
      <c r="AG13814">
        <v>8</v>
      </c>
      <c r="AH13814">
        <v>8</v>
      </c>
      <c r="AI13814">
        <v>8</v>
      </c>
      <c r="AJ13814">
        <v>8</v>
      </c>
      <c r="AK13814">
        <v>8</v>
      </c>
      <c r="AL13814">
        <v>8</v>
      </c>
      <c r="AM13814">
        <v>8</v>
      </c>
      <c r="AN13814">
        <v>8</v>
      </c>
      <c r="AO13814">
        <v>8</v>
      </c>
      <c r="AP13814">
        <v>8</v>
      </c>
      <c r="AQ13814">
        <v>8</v>
      </c>
    </row>
    <row r="13815" spans="1:43">
      <c r="A13815" t="s">
        <v>8576</v>
      </c>
      <c r="B13815" t="s">
        <v>8577</v>
      </c>
      <c r="C13815" t="s">
        <v>8446</v>
      </c>
      <c r="D13815" t="s">
        <v>8447</v>
      </c>
      <c r="E13815" t="s">
        <v>8296</v>
      </c>
      <c r="F13815" t="s">
        <v>8297</v>
      </c>
      <c r="G13815" t="s">
        <v>80</v>
      </c>
      <c r="H13815" t="s">
        <v>81</v>
      </c>
      <c r="I13815" s="2">
        <v>0</v>
      </c>
      <c r="J13815" s="2">
        <v>1</v>
      </c>
      <c r="K13815" s="2">
        <v>0</v>
      </c>
      <c r="L13815" t="s">
        <v>82</v>
      </c>
      <c r="M13815" t="s">
        <v>87</v>
      </c>
      <c r="N13815" t="s">
        <v>88</v>
      </c>
      <c r="O13815" t="s">
        <v>85</v>
      </c>
      <c r="P13815" t="s">
        <v>86</v>
      </c>
      <c r="Q13815">
        <v>6</v>
      </c>
      <c r="R13815">
        <v>6</v>
      </c>
      <c r="S13815">
        <v>6</v>
      </c>
      <c r="T13815">
        <v>6</v>
      </c>
      <c r="U13815">
        <v>6</v>
      </c>
      <c r="V13815">
        <v>6</v>
      </c>
      <c r="W13815">
        <v>6</v>
      </c>
      <c r="X13815">
        <v>6</v>
      </c>
      <c r="Y13815">
        <v>6</v>
      </c>
      <c r="Z13815">
        <v>6</v>
      </c>
      <c r="AA13815">
        <v>6</v>
      </c>
      <c r="AB13815">
        <v>6</v>
      </c>
      <c r="AC13815">
        <v>6</v>
      </c>
      <c r="AD13815">
        <v>7</v>
      </c>
      <c r="AE13815">
        <v>7</v>
      </c>
      <c r="AF13815">
        <v>7</v>
      </c>
      <c r="AG13815">
        <v>7</v>
      </c>
      <c r="AH13815">
        <v>7</v>
      </c>
      <c r="AI13815">
        <v>7</v>
      </c>
      <c r="AJ13815">
        <v>7</v>
      </c>
      <c r="AK13815">
        <v>7</v>
      </c>
      <c r="AL13815">
        <v>7</v>
      </c>
      <c r="AM13815">
        <v>7</v>
      </c>
      <c r="AN13815">
        <v>7</v>
      </c>
      <c r="AO13815">
        <v>7</v>
      </c>
      <c r="AP13815">
        <v>7</v>
      </c>
      <c r="AQ13815">
        <v>7</v>
      </c>
    </row>
    <row r="13816" spans="1:43">
      <c r="A13816" t="s">
        <v>8576</v>
      </c>
      <c r="B13816" t="s">
        <v>8577</v>
      </c>
      <c r="C13816" t="s">
        <v>8446</v>
      </c>
      <c r="D13816" t="s">
        <v>8447</v>
      </c>
      <c r="E13816" t="s">
        <v>8296</v>
      </c>
      <c r="F13816" t="s">
        <v>8297</v>
      </c>
      <c r="G13816" t="s">
        <v>80</v>
      </c>
      <c r="H13816" t="s">
        <v>81</v>
      </c>
      <c r="I13816" s="2">
        <v>0</v>
      </c>
      <c r="J13816" s="2">
        <v>1</v>
      </c>
      <c r="K13816" s="2">
        <v>0</v>
      </c>
      <c r="L13816" t="s">
        <v>82</v>
      </c>
      <c r="M13816" t="s">
        <v>89</v>
      </c>
      <c r="N13816" t="s">
        <v>90</v>
      </c>
      <c r="O13816" t="s">
        <v>85</v>
      </c>
      <c r="P13816" t="s">
        <v>86</v>
      </c>
      <c r="Q13816">
        <v>6</v>
      </c>
      <c r="R13816">
        <v>6</v>
      </c>
      <c r="S13816">
        <v>6</v>
      </c>
      <c r="T13816">
        <v>6</v>
      </c>
      <c r="U13816">
        <v>7</v>
      </c>
      <c r="V13816">
        <v>7</v>
      </c>
      <c r="W13816">
        <v>7</v>
      </c>
      <c r="X13816">
        <v>7</v>
      </c>
      <c r="Y13816">
        <v>7</v>
      </c>
      <c r="Z13816">
        <v>7</v>
      </c>
      <c r="AA13816">
        <v>7</v>
      </c>
      <c r="AB13816">
        <v>8</v>
      </c>
      <c r="AC13816">
        <v>8</v>
      </c>
      <c r="AD13816">
        <v>8</v>
      </c>
      <c r="AE13816">
        <v>8</v>
      </c>
      <c r="AF13816">
        <v>8</v>
      </c>
      <c r="AG13816">
        <v>8</v>
      </c>
      <c r="AH13816">
        <v>8</v>
      </c>
      <c r="AI13816">
        <v>8</v>
      </c>
      <c r="AJ13816">
        <v>8</v>
      </c>
      <c r="AK13816">
        <v>8</v>
      </c>
      <c r="AL13816">
        <v>8</v>
      </c>
      <c r="AM13816">
        <v>8</v>
      </c>
      <c r="AN13816">
        <v>8</v>
      </c>
      <c r="AO13816">
        <v>8</v>
      </c>
      <c r="AP13816">
        <v>8</v>
      </c>
      <c r="AQ13816">
        <v>8</v>
      </c>
    </row>
    <row r="13817" spans="1:43">
      <c r="A13817" t="s">
        <v>8576</v>
      </c>
      <c r="B13817" t="s">
        <v>8577</v>
      </c>
      <c r="C13817" t="s">
        <v>8446</v>
      </c>
      <c r="D13817" t="s">
        <v>8447</v>
      </c>
      <c r="E13817" t="s">
        <v>8296</v>
      </c>
      <c r="F13817" t="s">
        <v>8297</v>
      </c>
      <c r="G13817" t="s">
        <v>80</v>
      </c>
      <c r="H13817" t="s">
        <v>81</v>
      </c>
      <c r="I13817" s="2">
        <v>0</v>
      </c>
      <c r="J13817" s="2">
        <v>1</v>
      </c>
      <c r="K13817" s="2">
        <v>0</v>
      </c>
      <c r="L13817" t="s">
        <v>82</v>
      </c>
      <c r="M13817" t="s">
        <v>83</v>
      </c>
      <c r="N13817" t="s">
        <v>91</v>
      </c>
      <c r="O13817" t="s">
        <v>85</v>
      </c>
      <c r="P13817" t="s">
        <v>86</v>
      </c>
      <c r="Q13817">
        <v>6</v>
      </c>
      <c r="R13817">
        <v>6</v>
      </c>
      <c r="S13817">
        <v>6</v>
      </c>
      <c r="T13817">
        <v>6</v>
      </c>
      <c r="U13817">
        <v>6</v>
      </c>
      <c r="V13817">
        <v>6</v>
      </c>
      <c r="W13817">
        <v>7</v>
      </c>
      <c r="X13817">
        <v>7</v>
      </c>
      <c r="Y13817">
        <v>7</v>
      </c>
      <c r="Z13817">
        <v>7</v>
      </c>
      <c r="AA13817">
        <v>7</v>
      </c>
      <c r="AB13817">
        <v>7</v>
      </c>
      <c r="AC13817">
        <v>7</v>
      </c>
      <c r="AD13817">
        <v>7</v>
      </c>
      <c r="AE13817">
        <v>7</v>
      </c>
      <c r="AF13817">
        <v>8</v>
      </c>
      <c r="AG13817">
        <v>8</v>
      </c>
      <c r="AH13817">
        <v>8</v>
      </c>
      <c r="AI13817">
        <v>8</v>
      </c>
      <c r="AJ13817">
        <v>8</v>
      </c>
      <c r="AK13817">
        <v>8</v>
      </c>
      <c r="AL13817">
        <v>8</v>
      </c>
      <c r="AM13817">
        <v>8</v>
      </c>
      <c r="AN13817">
        <v>8</v>
      </c>
      <c r="AO13817">
        <v>8</v>
      </c>
      <c r="AP13817">
        <v>8</v>
      </c>
      <c r="AQ13817">
        <v>8</v>
      </c>
    </row>
    <row r="13818" spans="1:43">
      <c r="A13818" t="s">
        <v>8578</v>
      </c>
      <c r="B13818" t="s">
        <v>8579</v>
      </c>
      <c r="C13818" t="s">
        <v>8580</v>
      </c>
      <c r="D13818" t="s">
        <v>8581</v>
      </c>
      <c r="E13818" t="s">
        <v>8296</v>
      </c>
      <c r="F13818" t="s">
        <v>8297</v>
      </c>
      <c r="G13818" t="s">
        <v>80</v>
      </c>
      <c r="H13818" t="s">
        <v>81</v>
      </c>
      <c r="I13818" s="2">
        <v>0</v>
      </c>
      <c r="J13818" s="2">
        <v>1</v>
      </c>
      <c r="K13818" s="2">
        <v>0</v>
      </c>
      <c r="L13818" t="s">
        <v>82</v>
      </c>
      <c r="M13818" t="s">
        <v>83</v>
      </c>
      <c r="N13818" t="s">
        <v>84</v>
      </c>
      <c r="O13818" t="s">
        <v>85</v>
      </c>
      <c r="P13818" t="s">
        <v>86</v>
      </c>
      <c r="Q13818">
        <v>10</v>
      </c>
      <c r="R13818">
        <v>11</v>
      </c>
      <c r="S13818">
        <v>11</v>
      </c>
      <c r="T13818">
        <v>11</v>
      </c>
      <c r="U13818">
        <v>11</v>
      </c>
      <c r="V13818">
        <v>11</v>
      </c>
      <c r="W13818">
        <v>12</v>
      </c>
      <c r="X13818">
        <v>12</v>
      </c>
      <c r="Y13818">
        <v>12</v>
      </c>
      <c r="Z13818">
        <v>12</v>
      </c>
      <c r="AA13818">
        <v>12</v>
      </c>
      <c r="AB13818">
        <v>13</v>
      </c>
      <c r="AC13818">
        <v>13</v>
      </c>
      <c r="AD13818">
        <v>13</v>
      </c>
      <c r="AE13818">
        <v>13</v>
      </c>
      <c r="AF13818">
        <v>13</v>
      </c>
      <c r="AG13818">
        <v>14</v>
      </c>
      <c r="AH13818">
        <v>14</v>
      </c>
      <c r="AI13818">
        <v>14</v>
      </c>
      <c r="AJ13818">
        <v>14</v>
      </c>
      <c r="AK13818">
        <v>14</v>
      </c>
      <c r="AL13818">
        <v>15</v>
      </c>
      <c r="AM13818">
        <v>15</v>
      </c>
      <c r="AN13818">
        <v>15</v>
      </c>
      <c r="AO13818">
        <v>15</v>
      </c>
      <c r="AP13818">
        <v>15</v>
      </c>
      <c r="AQ13818">
        <v>15</v>
      </c>
    </row>
    <row r="13819" spans="1:43">
      <c r="A13819" t="s">
        <v>8578</v>
      </c>
      <c r="B13819" t="s">
        <v>8579</v>
      </c>
      <c r="C13819" t="s">
        <v>8580</v>
      </c>
      <c r="D13819" t="s">
        <v>8581</v>
      </c>
      <c r="E13819" t="s">
        <v>8296</v>
      </c>
      <c r="F13819" t="s">
        <v>8297</v>
      </c>
      <c r="G13819" t="s">
        <v>80</v>
      </c>
      <c r="H13819" t="s">
        <v>81</v>
      </c>
      <c r="I13819" s="2">
        <v>0</v>
      </c>
      <c r="J13819" s="2">
        <v>1</v>
      </c>
      <c r="K13819" s="2">
        <v>0</v>
      </c>
      <c r="L13819" t="s">
        <v>82</v>
      </c>
      <c r="M13819" t="s">
        <v>87</v>
      </c>
      <c r="N13819" t="s">
        <v>88</v>
      </c>
      <c r="O13819" t="s">
        <v>85</v>
      </c>
      <c r="P13819" t="s">
        <v>86</v>
      </c>
      <c r="Q13819">
        <v>10</v>
      </c>
      <c r="R13819">
        <v>10</v>
      </c>
      <c r="S13819">
        <v>11</v>
      </c>
      <c r="T13819">
        <v>11</v>
      </c>
      <c r="U13819">
        <v>11</v>
      </c>
      <c r="V13819">
        <v>11</v>
      </c>
      <c r="W13819">
        <v>11</v>
      </c>
      <c r="X13819">
        <v>11</v>
      </c>
      <c r="Y13819">
        <v>11</v>
      </c>
      <c r="Z13819">
        <v>11</v>
      </c>
      <c r="AA13819">
        <v>11</v>
      </c>
      <c r="AB13819">
        <v>11</v>
      </c>
      <c r="AC13819">
        <v>12</v>
      </c>
      <c r="AD13819">
        <v>12</v>
      </c>
      <c r="AE13819">
        <v>12</v>
      </c>
      <c r="AF13819">
        <v>12</v>
      </c>
      <c r="AG13819">
        <v>12</v>
      </c>
      <c r="AH13819">
        <v>12</v>
      </c>
      <c r="AI13819">
        <v>12</v>
      </c>
      <c r="AJ13819">
        <v>12</v>
      </c>
      <c r="AK13819">
        <v>12</v>
      </c>
      <c r="AL13819">
        <v>12</v>
      </c>
      <c r="AM13819">
        <v>12</v>
      </c>
      <c r="AN13819">
        <v>13</v>
      </c>
      <c r="AO13819">
        <v>13</v>
      </c>
      <c r="AP13819">
        <v>13</v>
      </c>
      <c r="AQ13819">
        <v>13</v>
      </c>
    </row>
    <row r="13820" spans="1:43">
      <c r="A13820" t="s">
        <v>8578</v>
      </c>
      <c r="B13820" t="s">
        <v>8579</v>
      </c>
      <c r="C13820" t="s">
        <v>8580</v>
      </c>
      <c r="D13820" t="s">
        <v>8581</v>
      </c>
      <c r="E13820" t="s">
        <v>8296</v>
      </c>
      <c r="F13820" t="s">
        <v>8297</v>
      </c>
      <c r="G13820" t="s">
        <v>80</v>
      </c>
      <c r="H13820" t="s">
        <v>81</v>
      </c>
      <c r="I13820" s="2">
        <v>0</v>
      </c>
      <c r="J13820" s="2">
        <v>1</v>
      </c>
      <c r="K13820" s="2">
        <v>0</v>
      </c>
      <c r="L13820" t="s">
        <v>82</v>
      </c>
      <c r="M13820" t="s">
        <v>89</v>
      </c>
      <c r="N13820" t="s">
        <v>90</v>
      </c>
      <c r="O13820" t="s">
        <v>85</v>
      </c>
      <c r="P13820" t="s">
        <v>86</v>
      </c>
      <c r="Q13820">
        <v>10</v>
      </c>
      <c r="R13820">
        <v>10</v>
      </c>
      <c r="S13820">
        <v>10</v>
      </c>
      <c r="T13820">
        <v>10</v>
      </c>
      <c r="U13820">
        <v>11</v>
      </c>
      <c r="V13820">
        <v>11</v>
      </c>
      <c r="W13820">
        <v>11</v>
      </c>
      <c r="X13820">
        <v>12</v>
      </c>
      <c r="Y13820">
        <v>12</v>
      </c>
      <c r="Z13820">
        <v>12</v>
      </c>
      <c r="AA13820">
        <v>12</v>
      </c>
      <c r="AB13820">
        <v>13</v>
      </c>
      <c r="AC13820">
        <v>13</v>
      </c>
      <c r="AD13820">
        <v>13</v>
      </c>
      <c r="AE13820">
        <v>13</v>
      </c>
      <c r="AF13820">
        <v>13</v>
      </c>
      <c r="AG13820">
        <v>13</v>
      </c>
      <c r="AH13820">
        <v>13</v>
      </c>
      <c r="AI13820">
        <v>13</v>
      </c>
      <c r="AJ13820">
        <v>14</v>
      </c>
      <c r="AK13820">
        <v>14</v>
      </c>
      <c r="AL13820">
        <v>14</v>
      </c>
      <c r="AM13820">
        <v>14</v>
      </c>
      <c r="AN13820">
        <v>14</v>
      </c>
      <c r="AO13820">
        <v>14</v>
      </c>
      <c r="AP13820">
        <v>14</v>
      </c>
      <c r="AQ13820">
        <v>14</v>
      </c>
    </row>
    <row r="13821" spans="1:43">
      <c r="A13821" t="s">
        <v>8578</v>
      </c>
      <c r="B13821" t="s">
        <v>8579</v>
      </c>
      <c r="C13821" t="s">
        <v>8580</v>
      </c>
      <c r="D13821" t="s">
        <v>8581</v>
      </c>
      <c r="E13821" t="s">
        <v>8296</v>
      </c>
      <c r="F13821" t="s">
        <v>8297</v>
      </c>
      <c r="G13821" t="s">
        <v>80</v>
      </c>
      <c r="H13821" t="s">
        <v>81</v>
      </c>
      <c r="I13821" s="2">
        <v>0</v>
      </c>
      <c r="J13821" s="2">
        <v>1</v>
      </c>
      <c r="K13821" s="2">
        <v>0</v>
      </c>
      <c r="L13821" t="s">
        <v>82</v>
      </c>
      <c r="M13821" t="s">
        <v>83</v>
      </c>
      <c r="N13821" t="s">
        <v>91</v>
      </c>
      <c r="O13821" t="s">
        <v>85</v>
      </c>
      <c r="P13821" t="s">
        <v>86</v>
      </c>
      <c r="Q13821">
        <v>10</v>
      </c>
      <c r="R13821">
        <v>11</v>
      </c>
      <c r="S13821">
        <v>11</v>
      </c>
      <c r="T13821">
        <v>11</v>
      </c>
      <c r="U13821">
        <v>11</v>
      </c>
      <c r="V13821">
        <v>11</v>
      </c>
      <c r="W13821">
        <v>12</v>
      </c>
      <c r="X13821">
        <v>12</v>
      </c>
      <c r="Y13821">
        <v>12</v>
      </c>
      <c r="Z13821">
        <v>12</v>
      </c>
      <c r="AA13821">
        <v>12</v>
      </c>
      <c r="AB13821">
        <v>13</v>
      </c>
      <c r="AC13821">
        <v>13</v>
      </c>
      <c r="AD13821">
        <v>13</v>
      </c>
      <c r="AE13821">
        <v>13</v>
      </c>
      <c r="AF13821">
        <v>13</v>
      </c>
      <c r="AG13821">
        <v>14</v>
      </c>
      <c r="AH13821">
        <v>14</v>
      </c>
      <c r="AI13821">
        <v>14</v>
      </c>
      <c r="AJ13821">
        <v>14</v>
      </c>
      <c r="AK13821">
        <v>14</v>
      </c>
      <c r="AL13821">
        <v>15</v>
      </c>
      <c r="AM13821">
        <v>15</v>
      </c>
      <c r="AN13821">
        <v>15</v>
      </c>
      <c r="AO13821">
        <v>15</v>
      </c>
      <c r="AP13821">
        <v>15</v>
      </c>
      <c r="AQ13821">
        <v>15</v>
      </c>
    </row>
    <row r="13822" spans="1:43">
      <c r="A13822" t="s">
        <v>8582</v>
      </c>
      <c r="B13822" t="s">
        <v>8583</v>
      </c>
      <c r="C13822" t="s">
        <v>8396</v>
      </c>
      <c r="D13822" t="s">
        <v>8397</v>
      </c>
      <c r="E13822" t="s">
        <v>8296</v>
      </c>
      <c r="F13822" t="s">
        <v>8297</v>
      </c>
      <c r="G13822" t="s">
        <v>80</v>
      </c>
      <c r="H13822" t="s">
        <v>81</v>
      </c>
      <c r="I13822" s="2">
        <v>0</v>
      </c>
      <c r="J13822" s="2">
        <v>1</v>
      </c>
      <c r="K13822" s="2">
        <v>0</v>
      </c>
      <c r="L13822" t="s">
        <v>82</v>
      </c>
      <c r="M13822" t="s">
        <v>83</v>
      </c>
      <c r="N13822" t="s">
        <v>84</v>
      </c>
      <c r="O13822" t="s">
        <v>85</v>
      </c>
      <c r="P13822" t="s">
        <v>86</v>
      </c>
      <c r="Q13822">
        <v>25</v>
      </c>
      <c r="R13822">
        <v>25</v>
      </c>
      <c r="S13822">
        <v>26</v>
      </c>
      <c r="T13822">
        <v>26</v>
      </c>
      <c r="U13822">
        <v>27</v>
      </c>
      <c r="V13822">
        <v>27</v>
      </c>
      <c r="W13822">
        <v>28</v>
      </c>
      <c r="X13822">
        <v>28</v>
      </c>
      <c r="Y13822">
        <v>29</v>
      </c>
      <c r="Z13822">
        <v>29</v>
      </c>
      <c r="AA13822">
        <v>30</v>
      </c>
      <c r="AB13822">
        <v>30</v>
      </c>
      <c r="AC13822">
        <v>31</v>
      </c>
      <c r="AD13822">
        <v>31</v>
      </c>
      <c r="AE13822">
        <v>32</v>
      </c>
      <c r="AF13822">
        <v>32</v>
      </c>
      <c r="AG13822">
        <v>33</v>
      </c>
      <c r="AH13822">
        <v>33</v>
      </c>
      <c r="AI13822">
        <v>34</v>
      </c>
      <c r="AJ13822">
        <v>34</v>
      </c>
      <c r="AK13822">
        <v>35</v>
      </c>
      <c r="AL13822">
        <v>35</v>
      </c>
      <c r="AM13822">
        <v>35</v>
      </c>
      <c r="AN13822">
        <v>35</v>
      </c>
      <c r="AO13822">
        <v>35</v>
      </c>
      <c r="AP13822">
        <v>35</v>
      </c>
      <c r="AQ13822">
        <v>35</v>
      </c>
    </row>
    <row r="13823" spans="1:43">
      <c r="A13823" t="s">
        <v>8582</v>
      </c>
      <c r="B13823" t="s">
        <v>8583</v>
      </c>
      <c r="C13823" t="s">
        <v>8396</v>
      </c>
      <c r="D13823" t="s">
        <v>8397</v>
      </c>
      <c r="E13823" t="s">
        <v>8296</v>
      </c>
      <c r="F13823" t="s">
        <v>8297</v>
      </c>
      <c r="G13823" t="s">
        <v>80</v>
      </c>
      <c r="H13823" t="s">
        <v>81</v>
      </c>
      <c r="I13823" s="2">
        <v>0</v>
      </c>
      <c r="J13823" s="2">
        <v>1</v>
      </c>
      <c r="K13823" s="2">
        <v>0</v>
      </c>
      <c r="L13823" t="s">
        <v>82</v>
      </c>
      <c r="M13823" t="s">
        <v>87</v>
      </c>
      <c r="N13823" t="s">
        <v>88</v>
      </c>
      <c r="O13823" t="s">
        <v>85</v>
      </c>
      <c r="P13823" t="s">
        <v>86</v>
      </c>
      <c r="Q13823">
        <v>25</v>
      </c>
      <c r="R13823">
        <v>25</v>
      </c>
      <c r="S13823">
        <v>25</v>
      </c>
      <c r="T13823">
        <v>25</v>
      </c>
      <c r="U13823">
        <v>26</v>
      </c>
      <c r="V13823">
        <v>26</v>
      </c>
      <c r="W13823">
        <v>26</v>
      </c>
      <c r="X13823">
        <v>26</v>
      </c>
      <c r="Y13823">
        <v>27</v>
      </c>
      <c r="Z13823">
        <v>27</v>
      </c>
      <c r="AA13823">
        <v>27</v>
      </c>
      <c r="AB13823">
        <v>27</v>
      </c>
      <c r="AC13823">
        <v>28</v>
      </c>
      <c r="AD13823">
        <v>28</v>
      </c>
      <c r="AE13823">
        <v>28</v>
      </c>
      <c r="AF13823">
        <v>28</v>
      </c>
      <c r="AG13823">
        <v>28</v>
      </c>
      <c r="AH13823">
        <v>29</v>
      </c>
      <c r="AI13823">
        <v>29</v>
      </c>
      <c r="AJ13823">
        <v>29</v>
      </c>
      <c r="AK13823">
        <v>29</v>
      </c>
      <c r="AL13823">
        <v>30</v>
      </c>
      <c r="AM13823">
        <v>30</v>
      </c>
      <c r="AN13823">
        <v>30</v>
      </c>
      <c r="AO13823">
        <v>30</v>
      </c>
      <c r="AP13823">
        <v>30</v>
      </c>
      <c r="AQ13823">
        <v>31</v>
      </c>
    </row>
    <row r="13824" spans="1:43">
      <c r="A13824" t="s">
        <v>8582</v>
      </c>
      <c r="B13824" t="s">
        <v>8583</v>
      </c>
      <c r="C13824" t="s">
        <v>8396</v>
      </c>
      <c r="D13824" t="s">
        <v>8397</v>
      </c>
      <c r="E13824" t="s">
        <v>8296</v>
      </c>
      <c r="F13824" t="s">
        <v>8297</v>
      </c>
      <c r="G13824" t="s">
        <v>80</v>
      </c>
      <c r="H13824" t="s">
        <v>81</v>
      </c>
      <c r="I13824" s="2">
        <v>0</v>
      </c>
      <c r="J13824" s="2">
        <v>1</v>
      </c>
      <c r="K13824" s="2">
        <v>0</v>
      </c>
      <c r="L13824" t="s">
        <v>82</v>
      </c>
      <c r="M13824" t="s">
        <v>89</v>
      </c>
      <c r="N13824" t="s">
        <v>90</v>
      </c>
      <c r="O13824" t="s">
        <v>85</v>
      </c>
      <c r="P13824" t="s">
        <v>86</v>
      </c>
      <c r="Q13824">
        <v>25</v>
      </c>
      <c r="R13824">
        <v>26</v>
      </c>
      <c r="S13824">
        <v>27</v>
      </c>
      <c r="T13824">
        <v>27</v>
      </c>
      <c r="U13824">
        <v>28</v>
      </c>
      <c r="V13824">
        <v>29</v>
      </c>
      <c r="W13824">
        <v>29</v>
      </c>
      <c r="X13824">
        <v>30</v>
      </c>
      <c r="Y13824">
        <v>31</v>
      </c>
      <c r="Z13824">
        <v>31</v>
      </c>
      <c r="AA13824">
        <v>32</v>
      </c>
      <c r="AB13824">
        <v>32</v>
      </c>
      <c r="AC13824">
        <v>33</v>
      </c>
      <c r="AD13824">
        <v>34</v>
      </c>
      <c r="AE13824">
        <v>34</v>
      </c>
      <c r="AF13824">
        <v>34</v>
      </c>
      <c r="AG13824">
        <v>34</v>
      </c>
      <c r="AH13824">
        <v>35</v>
      </c>
      <c r="AI13824">
        <v>35</v>
      </c>
      <c r="AJ13824">
        <v>35</v>
      </c>
      <c r="AK13824">
        <v>35</v>
      </c>
      <c r="AL13824">
        <v>35</v>
      </c>
      <c r="AM13824">
        <v>35</v>
      </c>
      <c r="AN13824">
        <v>35</v>
      </c>
      <c r="AO13824">
        <v>35</v>
      </c>
      <c r="AP13824">
        <v>36</v>
      </c>
      <c r="AQ13824">
        <v>36</v>
      </c>
    </row>
    <row r="13825" spans="1:43">
      <c r="A13825" t="s">
        <v>8582</v>
      </c>
      <c r="B13825" t="s">
        <v>8583</v>
      </c>
      <c r="C13825" t="s">
        <v>8396</v>
      </c>
      <c r="D13825" t="s">
        <v>8397</v>
      </c>
      <c r="E13825" t="s">
        <v>8296</v>
      </c>
      <c r="F13825" t="s">
        <v>8297</v>
      </c>
      <c r="G13825" t="s">
        <v>80</v>
      </c>
      <c r="H13825" t="s">
        <v>81</v>
      </c>
      <c r="I13825" s="2">
        <v>0</v>
      </c>
      <c r="J13825" s="2">
        <v>1</v>
      </c>
      <c r="K13825" s="2">
        <v>0</v>
      </c>
      <c r="L13825" t="s">
        <v>82</v>
      </c>
      <c r="M13825" t="s">
        <v>83</v>
      </c>
      <c r="N13825" t="s">
        <v>91</v>
      </c>
      <c r="O13825" t="s">
        <v>85</v>
      </c>
      <c r="P13825" t="s">
        <v>86</v>
      </c>
      <c r="Q13825">
        <v>25</v>
      </c>
      <c r="R13825">
        <v>25</v>
      </c>
      <c r="S13825">
        <v>26</v>
      </c>
      <c r="T13825">
        <v>26</v>
      </c>
      <c r="U13825">
        <v>27</v>
      </c>
      <c r="V13825">
        <v>27</v>
      </c>
      <c r="W13825">
        <v>28</v>
      </c>
      <c r="X13825">
        <v>28</v>
      </c>
      <c r="Y13825">
        <v>29</v>
      </c>
      <c r="Z13825">
        <v>29</v>
      </c>
      <c r="AA13825">
        <v>30</v>
      </c>
      <c r="AB13825">
        <v>30</v>
      </c>
      <c r="AC13825">
        <v>31</v>
      </c>
      <c r="AD13825">
        <v>31</v>
      </c>
      <c r="AE13825">
        <v>32</v>
      </c>
      <c r="AF13825">
        <v>32</v>
      </c>
      <c r="AG13825">
        <v>33</v>
      </c>
      <c r="AH13825">
        <v>33</v>
      </c>
      <c r="AI13825">
        <v>34</v>
      </c>
      <c r="AJ13825">
        <v>34</v>
      </c>
      <c r="AK13825">
        <v>35</v>
      </c>
      <c r="AL13825">
        <v>35</v>
      </c>
      <c r="AM13825">
        <v>35</v>
      </c>
      <c r="AN13825">
        <v>35</v>
      </c>
      <c r="AO13825">
        <v>35</v>
      </c>
      <c r="AP13825">
        <v>35</v>
      </c>
      <c r="AQ13825">
        <v>35</v>
      </c>
    </row>
    <row r="13826" spans="1:43">
      <c r="A13826" t="s">
        <v>8584</v>
      </c>
      <c r="B13826" t="s">
        <v>8585</v>
      </c>
      <c r="C13826" t="s">
        <v>8580</v>
      </c>
      <c r="D13826" t="s">
        <v>8581</v>
      </c>
      <c r="E13826" t="s">
        <v>8296</v>
      </c>
      <c r="F13826" t="s">
        <v>8297</v>
      </c>
      <c r="G13826" t="s">
        <v>80</v>
      </c>
      <c r="H13826" t="s">
        <v>81</v>
      </c>
      <c r="I13826" s="2">
        <v>0</v>
      </c>
      <c r="J13826" s="2">
        <v>1</v>
      </c>
      <c r="K13826" s="2">
        <v>0</v>
      </c>
      <c r="L13826" t="s">
        <v>82</v>
      </c>
      <c r="M13826" t="s">
        <v>83</v>
      </c>
      <c r="N13826" t="s">
        <v>84</v>
      </c>
      <c r="O13826" t="s">
        <v>85</v>
      </c>
      <c r="P13826" t="s">
        <v>86</v>
      </c>
      <c r="Q13826">
        <v>40</v>
      </c>
      <c r="R13826">
        <v>41</v>
      </c>
      <c r="S13826">
        <v>42</v>
      </c>
      <c r="T13826">
        <v>43</v>
      </c>
      <c r="U13826">
        <v>44</v>
      </c>
      <c r="V13826">
        <v>44</v>
      </c>
      <c r="W13826">
        <v>45</v>
      </c>
      <c r="X13826">
        <v>46</v>
      </c>
      <c r="Y13826">
        <v>47</v>
      </c>
      <c r="Z13826">
        <v>48</v>
      </c>
      <c r="AA13826">
        <v>48</v>
      </c>
      <c r="AB13826">
        <v>49</v>
      </c>
      <c r="AC13826">
        <v>50</v>
      </c>
      <c r="AD13826">
        <v>51</v>
      </c>
      <c r="AE13826">
        <v>51</v>
      </c>
      <c r="AF13826">
        <v>52</v>
      </c>
      <c r="AG13826">
        <v>53</v>
      </c>
      <c r="AH13826">
        <v>54</v>
      </c>
      <c r="AI13826">
        <v>54</v>
      </c>
      <c r="AJ13826">
        <v>55</v>
      </c>
      <c r="AK13826">
        <v>56</v>
      </c>
      <c r="AL13826">
        <v>56</v>
      </c>
      <c r="AM13826">
        <v>56</v>
      </c>
      <c r="AN13826">
        <v>57</v>
      </c>
      <c r="AO13826">
        <v>57</v>
      </c>
      <c r="AP13826">
        <v>57</v>
      </c>
      <c r="AQ13826">
        <v>57</v>
      </c>
    </row>
    <row r="13827" spans="1:43">
      <c r="A13827" t="s">
        <v>8584</v>
      </c>
      <c r="B13827" t="s">
        <v>8585</v>
      </c>
      <c r="C13827" t="s">
        <v>8580</v>
      </c>
      <c r="D13827" t="s">
        <v>8581</v>
      </c>
      <c r="E13827" t="s">
        <v>8296</v>
      </c>
      <c r="F13827" t="s">
        <v>8297</v>
      </c>
      <c r="G13827" t="s">
        <v>80</v>
      </c>
      <c r="H13827" t="s">
        <v>81</v>
      </c>
      <c r="I13827" s="2">
        <v>0</v>
      </c>
      <c r="J13827" s="2">
        <v>1</v>
      </c>
      <c r="K13827" s="2">
        <v>0</v>
      </c>
      <c r="L13827" t="s">
        <v>82</v>
      </c>
      <c r="M13827" t="s">
        <v>87</v>
      </c>
      <c r="N13827" t="s">
        <v>88</v>
      </c>
      <c r="O13827" t="s">
        <v>85</v>
      </c>
      <c r="P13827" t="s">
        <v>86</v>
      </c>
      <c r="Q13827">
        <v>40</v>
      </c>
      <c r="R13827">
        <v>40</v>
      </c>
      <c r="S13827">
        <v>41</v>
      </c>
      <c r="T13827">
        <v>41</v>
      </c>
      <c r="U13827">
        <v>42</v>
      </c>
      <c r="V13827">
        <v>42</v>
      </c>
      <c r="W13827">
        <v>42</v>
      </c>
      <c r="X13827">
        <v>43</v>
      </c>
      <c r="Y13827">
        <v>43</v>
      </c>
      <c r="Z13827">
        <v>44</v>
      </c>
      <c r="AA13827">
        <v>44</v>
      </c>
      <c r="AB13827">
        <v>44</v>
      </c>
      <c r="AC13827">
        <v>45</v>
      </c>
      <c r="AD13827">
        <v>45</v>
      </c>
      <c r="AE13827">
        <v>45</v>
      </c>
      <c r="AF13827">
        <v>46</v>
      </c>
      <c r="AG13827">
        <v>46</v>
      </c>
      <c r="AH13827">
        <v>47</v>
      </c>
      <c r="AI13827">
        <v>47</v>
      </c>
      <c r="AJ13827">
        <v>47</v>
      </c>
      <c r="AK13827">
        <v>48</v>
      </c>
      <c r="AL13827">
        <v>48</v>
      </c>
      <c r="AM13827">
        <v>48</v>
      </c>
      <c r="AN13827">
        <v>49</v>
      </c>
      <c r="AO13827">
        <v>49</v>
      </c>
      <c r="AP13827">
        <v>49</v>
      </c>
      <c r="AQ13827">
        <v>50</v>
      </c>
    </row>
    <row r="13828" spans="1:43">
      <c r="A13828" t="s">
        <v>8584</v>
      </c>
      <c r="B13828" t="s">
        <v>8585</v>
      </c>
      <c r="C13828" t="s">
        <v>8580</v>
      </c>
      <c r="D13828" t="s">
        <v>8581</v>
      </c>
      <c r="E13828" t="s">
        <v>8296</v>
      </c>
      <c r="F13828" t="s">
        <v>8297</v>
      </c>
      <c r="G13828" t="s">
        <v>80</v>
      </c>
      <c r="H13828" t="s">
        <v>81</v>
      </c>
      <c r="I13828" s="2">
        <v>0</v>
      </c>
      <c r="J13828" s="2">
        <v>1</v>
      </c>
      <c r="K13828" s="2">
        <v>0</v>
      </c>
      <c r="L13828" t="s">
        <v>82</v>
      </c>
      <c r="M13828" t="s">
        <v>89</v>
      </c>
      <c r="N13828" t="s">
        <v>90</v>
      </c>
      <c r="O13828" t="s">
        <v>85</v>
      </c>
      <c r="P13828" t="s">
        <v>86</v>
      </c>
      <c r="Q13828">
        <v>40</v>
      </c>
      <c r="R13828">
        <v>41</v>
      </c>
      <c r="S13828">
        <v>42</v>
      </c>
      <c r="T13828">
        <v>43</v>
      </c>
      <c r="U13828">
        <v>44</v>
      </c>
      <c r="V13828">
        <v>45</v>
      </c>
      <c r="W13828">
        <v>47</v>
      </c>
      <c r="X13828">
        <v>48</v>
      </c>
      <c r="Y13828">
        <v>49</v>
      </c>
      <c r="Z13828">
        <v>50</v>
      </c>
      <c r="AA13828">
        <v>50</v>
      </c>
      <c r="AB13828">
        <v>51</v>
      </c>
      <c r="AC13828">
        <v>52</v>
      </c>
      <c r="AD13828">
        <v>53</v>
      </c>
      <c r="AE13828">
        <v>54</v>
      </c>
      <c r="AF13828">
        <v>54</v>
      </c>
      <c r="AG13828">
        <v>55</v>
      </c>
      <c r="AH13828">
        <v>55</v>
      </c>
      <c r="AI13828">
        <v>55</v>
      </c>
      <c r="AJ13828">
        <v>55</v>
      </c>
      <c r="AK13828">
        <v>55</v>
      </c>
      <c r="AL13828">
        <v>56</v>
      </c>
      <c r="AM13828">
        <v>56</v>
      </c>
      <c r="AN13828">
        <v>56</v>
      </c>
      <c r="AO13828">
        <v>56</v>
      </c>
      <c r="AP13828">
        <v>56</v>
      </c>
      <c r="AQ13828">
        <v>57</v>
      </c>
    </row>
    <row r="13829" spans="1:43">
      <c r="A13829" t="s">
        <v>8584</v>
      </c>
      <c r="B13829" t="s">
        <v>8585</v>
      </c>
      <c r="C13829" t="s">
        <v>8580</v>
      </c>
      <c r="D13829" t="s">
        <v>8581</v>
      </c>
      <c r="E13829" t="s">
        <v>8296</v>
      </c>
      <c r="F13829" t="s">
        <v>8297</v>
      </c>
      <c r="G13829" t="s">
        <v>80</v>
      </c>
      <c r="H13829" t="s">
        <v>81</v>
      </c>
      <c r="I13829" s="2">
        <v>0</v>
      </c>
      <c r="J13829" s="2">
        <v>1</v>
      </c>
      <c r="K13829" s="2">
        <v>0</v>
      </c>
      <c r="L13829" t="s">
        <v>82</v>
      </c>
      <c r="M13829" t="s">
        <v>83</v>
      </c>
      <c r="N13829" t="s">
        <v>91</v>
      </c>
      <c r="O13829" t="s">
        <v>85</v>
      </c>
      <c r="P13829" t="s">
        <v>86</v>
      </c>
      <c r="Q13829">
        <v>40</v>
      </c>
      <c r="R13829">
        <v>41</v>
      </c>
      <c r="S13829">
        <v>42</v>
      </c>
      <c r="T13829">
        <v>43</v>
      </c>
      <c r="U13829">
        <v>44</v>
      </c>
      <c r="V13829">
        <v>44</v>
      </c>
      <c r="W13829">
        <v>45</v>
      </c>
      <c r="X13829">
        <v>46</v>
      </c>
      <c r="Y13829">
        <v>47</v>
      </c>
      <c r="Z13829">
        <v>48</v>
      </c>
      <c r="AA13829">
        <v>48</v>
      </c>
      <c r="AB13829">
        <v>49</v>
      </c>
      <c r="AC13829">
        <v>50</v>
      </c>
      <c r="AD13829">
        <v>51</v>
      </c>
      <c r="AE13829">
        <v>51</v>
      </c>
      <c r="AF13829">
        <v>52</v>
      </c>
      <c r="AG13829">
        <v>53</v>
      </c>
      <c r="AH13829">
        <v>54</v>
      </c>
      <c r="AI13829">
        <v>54</v>
      </c>
      <c r="AJ13829">
        <v>55</v>
      </c>
      <c r="AK13829">
        <v>56</v>
      </c>
      <c r="AL13829">
        <v>56</v>
      </c>
      <c r="AM13829">
        <v>56</v>
      </c>
      <c r="AN13829">
        <v>57</v>
      </c>
      <c r="AO13829">
        <v>57</v>
      </c>
      <c r="AP13829">
        <v>57</v>
      </c>
      <c r="AQ13829">
        <v>57</v>
      </c>
    </row>
    <row r="13830" spans="1:43">
      <c r="A13830" t="s">
        <v>8586</v>
      </c>
      <c r="B13830" t="s">
        <v>8587</v>
      </c>
      <c r="C13830" t="s">
        <v>8580</v>
      </c>
      <c r="D13830" t="s">
        <v>8581</v>
      </c>
      <c r="E13830" t="s">
        <v>8296</v>
      </c>
      <c r="F13830" t="s">
        <v>8297</v>
      </c>
      <c r="G13830" t="s">
        <v>80</v>
      </c>
      <c r="H13830" t="s">
        <v>81</v>
      </c>
      <c r="I13830" s="2">
        <v>0</v>
      </c>
      <c r="J13830" s="2">
        <v>1</v>
      </c>
      <c r="K13830" s="2">
        <v>0</v>
      </c>
      <c r="L13830" t="s">
        <v>82</v>
      </c>
      <c r="M13830" t="s">
        <v>83</v>
      </c>
      <c r="N13830" t="s">
        <v>84</v>
      </c>
      <c r="O13830" t="s">
        <v>85</v>
      </c>
      <c r="P13830" t="s">
        <v>86</v>
      </c>
      <c r="Q13830">
        <v>23</v>
      </c>
      <c r="R13830">
        <v>24</v>
      </c>
      <c r="S13830">
        <v>24</v>
      </c>
      <c r="T13830">
        <v>24</v>
      </c>
      <c r="U13830">
        <v>25</v>
      </c>
      <c r="V13830">
        <v>25</v>
      </c>
      <c r="W13830">
        <v>26</v>
      </c>
      <c r="X13830">
        <v>26</v>
      </c>
      <c r="Y13830">
        <v>27</v>
      </c>
      <c r="Z13830">
        <v>27</v>
      </c>
      <c r="AA13830">
        <v>28</v>
      </c>
      <c r="AB13830">
        <v>28</v>
      </c>
      <c r="AC13830">
        <v>28</v>
      </c>
      <c r="AD13830">
        <v>29</v>
      </c>
      <c r="AE13830">
        <v>29</v>
      </c>
      <c r="AF13830">
        <v>30</v>
      </c>
      <c r="AG13830">
        <v>30</v>
      </c>
      <c r="AH13830">
        <v>31</v>
      </c>
      <c r="AI13830">
        <v>31</v>
      </c>
      <c r="AJ13830">
        <v>31</v>
      </c>
      <c r="AK13830">
        <v>32</v>
      </c>
      <c r="AL13830">
        <v>32</v>
      </c>
      <c r="AM13830">
        <v>32</v>
      </c>
      <c r="AN13830">
        <v>32</v>
      </c>
      <c r="AO13830">
        <v>32</v>
      </c>
      <c r="AP13830">
        <v>33</v>
      </c>
      <c r="AQ13830">
        <v>33</v>
      </c>
    </row>
    <row r="13831" spans="1:43">
      <c r="A13831" t="s">
        <v>8586</v>
      </c>
      <c r="B13831" t="s">
        <v>8587</v>
      </c>
      <c r="C13831" t="s">
        <v>8580</v>
      </c>
      <c r="D13831" t="s">
        <v>8581</v>
      </c>
      <c r="E13831" t="s">
        <v>8296</v>
      </c>
      <c r="F13831" t="s">
        <v>8297</v>
      </c>
      <c r="G13831" t="s">
        <v>80</v>
      </c>
      <c r="H13831" t="s">
        <v>81</v>
      </c>
      <c r="I13831" s="2">
        <v>0</v>
      </c>
      <c r="J13831" s="2">
        <v>1</v>
      </c>
      <c r="K13831" s="2">
        <v>0</v>
      </c>
      <c r="L13831" t="s">
        <v>82</v>
      </c>
      <c r="M13831" t="s">
        <v>87</v>
      </c>
      <c r="N13831" t="s">
        <v>88</v>
      </c>
      <c r="O13831" t="s">
        <v>85</v>
      </c>
      <c r="P13831" t="s">
        <v>86</v>
      </c>
      <c r="Q13831">
        <v>23</v>
      </c>
      <c r="R13831">
        <v>23</v>
      </c>
      <c r="S13831">
        <v>23</v>
      </c>
      <c r="T13831">
        <v>24</v>
      </c>
      <c r="U13831">
        <v>24</v>
      </c>
      <c r="V13831">
        <v>24</v>
      </c>
      <c r="W13831">
        <v>24</v>
      </c>
      <c r="X13831">
        <v>24</v>
      </c>
      <c r="Y13831">
        <v>25</v>
      </c>
      <c r="Z13831">
        <v>25</v>
      </c>
      <c r="AA13831">
        <v>25</v>
      </c>
      <c r="AB13831">
        <v>25</v>
      </c>
      <c r="AC13831">
        <v>26</v>
      </c>
      <c r="AD13831">
        <v>26</v>
      </c>
      <c r="AE13831">
        <v>26</v>
      </c>
      <c r="AF13831">
        <v>26</v>
      </c>
      <c r="AG13831">
        <v>26</v>
      </c>
      <c r="AH13831">
        <v>27</v>
      </c>
      <c r="AI13831">
        <v>27</v>
      </c>
      <c r="AJ13831">
        <v>27</v>
      </c>
      <c r="AK13831">
        <v>27</v>
      </c>
      <c r="AL13831">
        <v>27</v>
      </c>
      <c r="AM13831">
        <v>28</v>
      </c>
      <c r="AN13831">
        <v>28</v>
      </c>
      <c r="AO13831">
        <v>28</v>
      </c>
      <c r="AP13831">
        <v>28</v>
      </c>
      <c r="AQ13831">
        <v>28</v>
      </c>
    </row>
    <row r="13832" spans="1:43">
      <c r="A13832" t="s">
        <v>8586</v>
      </c>
      <c r="B13832" t="s">
        <v>8587</v>
      </c>
      <c r="C13832" t="s">
        <v>8580</v>
      </c>
      <c r="D13832" t="s">
        <v>8581</v>
      </c>
      <c r="E13832" t="s">
        <v>8296</v>
      </c>
      <c r="F13832" t="s">
        <v>8297</v>
      </c>
      <c r="G13832" t="s">
        <v>80</v>
      </c>
      <c r="H13832" t="s">
        <v>81</v>
      </c>
      <c r="I13832" s="2">
        <v>0</v>
      </c>
      <c r="J13832" s="2">
        <v>1</v>
      </c>
      <c r="K13832" s="2">
        <v>0</v>
      </c>
      <c r="L13832" t="s">
        <v>82</v>
      </c>
      <c r="M13832" t="s">
        <v>89</v>
      </c>
      <c r="N13832" t="s">
        <v>90</v>
      </c>
      <c r="O13832" t="s">
        <v>85</v>
      </c>
      <c r="P13832" t="s">
        <v>86</v>
      </c>
      <c r="Q13832">
        <v>23</v>
      </c>
      <c r="R13832">
        <v>24</v>
      </c>
      <c r="S13832">
        <v>25</v>
      </c>
      <c r="T13832">
        <v>25</v>
      </c>
      <c r="U13832">
        <v>26</v>
      </c>
      <c r="V13832">
        <v>26</v>
      </c>
      <c r="W13832">
        <v>27</v>
      </c>
      <c r="X13832">
        <v>28</v>
      </c>
      <c r="Y13832">
        <v>28</v>
      </c>
      <c r="Z13832">
        <v>29</v>
      </c>
      <c r="AA13832">
        <v>29</v>
      </c>
      <c r="AB13832">
        <v>30</v>
      </c>
      <c r="AC13832">
        <v>30</v>
      </c>
      <c r="AD13832">
        <v>31</v>
      </c>
      <c r="AE13832">
        <v>31</v>
      </c>
      <c r="AF13832">
        <v>32</v>
      </c>
      <c r="AG13832">
        <v>32</v>
      </c>
      <c r="AH13832">
        <v>32</v>
      </c>
      <c r="AI13832">
        <v>32</v>
      </c>
      <c r="AJ13832">
        <v>32</v>
      </c>
      <c r="AK13832">
        <v>32</v>
      </c>
      <c r="AL13832">
        <v>32</v>
      </c>
      <c r="AM13832">
        <v>32</v>
      </c>
      <c r="AN13832">
        <v>33</v>
      </c>
      <c r="AO13832">
        <v>33</v>
      </c>
      <c r="AP13832">
        <v>33</v>
      </c>
      <c r="AQ13832">
        <v>33</v>
      </c>
    </row>
    <row r="13833" spans="1:43">
      <c r="A13833" t="s">
        <v>8586</v>
      </c>
      <c r="B13833" t="s">
        <v>8587</v>
      </c>
      <c r="C13833" t="s">
        <v>8580</v>
      </c>
      <c r="D13833" t="s">
        <v>8581</v>
      </c>
      <c r="E13833" t="s">
        <v>8296</v>
      </c>
      <c r="F13833" t="s">
        <v>8297</v>
      </c>
      <c r="G13833" t="s">
        <v>80</v>
      </c>
      <c r="H13833" t="s">
        <v>81</v>
      </c>
      <c r="I13833" s="2">
        <v>0</v>
      </c>
      <c r="J13833" s="2">
        <v>1</v>
      </c>
      <c r="K13833" s="2">
        <v>0</v>
      </c>
      <c r="L13833" t="s">
        <v>82</v>
      </c>
      <c r="M13833" t="s">
        <v>83</v>
      </c>
      <c r="N13833" t="s">
        <v>91</v>
      </c>
      <c r="O13833" t="s">
        <v>85</v>
      </c>
      <c r="P13833" t="s">
        <v>86</v>
      </c>
      <c r="Q13833">
        <v>23</v>
      </c>
      <c r="R13833">
        <v>24</v>
      </c>
      <c r="S13833">
        <v>24</v>
      </c>
      <c r="T13833">
        <v>24</v>
      </c>
      <c r="U13833">
        <v>25</v>
      </c>
      <c r="V13833">
        <v>25</v>
      </c>
      <c r="W13833">
        <v>26</v>
      </c>
      <c r="X13833">
        <v>26</v>
      </c>
      <c r="Y13833">
        <v>27</v>
      </c>
      <c r="Z13833">
        <v>27</v>
      </c>
      <c r="AA13833">
        <v>28</v>
      </c>
      <c r="AB13833">
        <v>28</v>
      </c>
      <c r="AC13833">
        <v>28</v>
      </c>
      <c r="AD13833">
        <v>29</v>
      </c>
      <c r="AE13833">
        <v>29</v>
      </c>
      <c r="AF13833">
        <v>30</v>
      </c>
      <c r="AG13833">
        <v>30</v>
      </c>
      <c r="AH13833">
        <v>31</v>
      </c>
      <c r="AI13833">
        <v>31</v>
      </c>
      <c r="AJ13833">
        <v>31</v>
      </c>
      <c r="AK13833">
        <v>32</v>
      </c>
      <c r="AL13833">
        <v>32</v>
      </c>
      <c r="AM13833">
        <v>32</v>
      </c>
      <c r="AN13833">
        <v>32</v>
      </c>
      <c r="AO13833">
        <v>32</v>
      </c>
      <c r="AP13833">
        <v>33</v>
      </c>
      <c r="AQ13833">
        <v>33</v>
      </c>
    </row>
    <row r="13834" spans="1:43">
      <c r="A13834" t="s">
        <v>8588</v>
      </c>
      <c r="B13834" t="s">
        <v>8589</v>
      </c>
      <c r="C13834" t="s">
        <v>8580</v>
      </c>
      <c r="D13834" t="s">
        <v>8581</v>
      </c>
      <c r="E13834" t="s">
        <v>8296</v>
      </c>
      <c r="F13834" t="s">
        <v>8297</v>
      </c>
      <c r="G13834" t="s">
        <v>80</v>
      </c>
      <c r="H13834" t="s">
        <v>81</v>
      </c>
      <c r="I13834" s="2">
        <v>0</v>
      </c>
      <c r="J13834" s="2">
        <v>1</v>
      </c>
      <c r="K13834" s="2">
        <v>0</v>
      </c>
      <c r="L13834" t="s">
        <v>82</v>
      </c>
      <c r="M13834" t="s">
        <v>83</v>
      </c>
      <c r="N13834" t="s">
        <v>84</v>
      </c>
      <c r="O13834" t="s">
        <v>85</v>
      </c>
      <c r="P13834" t="s">
        <v>86</v>
      </c>
      <c r="Q13834">
        <v>14</v>
      </c>
      <c r="R13834">
        <v>14</v>
      </c>
      <c r="S13834">
        <v>14</v>
      </c>
      <c r="T13834">
        <v>14</v>
      </c>
      <c r="U13834">
        <v>15</v>
      </c>
      <c r="V13834">
        <v>15</v>
      </c>
      <c r="W13834">
        <v>15</v>
      </c>
      <c r="X13834">
        <v>15</v>
      </c>
      <c r="Y13834">
        <v>16</v>
      </c>
      <c r="Z13834">
        <v>16</v>
      </c>
      <c r="AA13834">
        <v>16</v>
      </c>
      <c r="AB13834">
        <v>17</v>
      </c>
      <c r="AC13834">
        <v>17</v>
      </c>
      <c r="AD13834">
        <v>17</v>
      </c>
      <c r="AE13834">
        <v>17</v>
      </c>
      <c r="AF13834">
        <v>18</v>
      </c>
      <c r="AG13834">
        <v>18</v>
      </c>
      <c r="AH13834">
        <v>18</v>
      </c>
      <c r="AI13834">
        <v>18</v>
      </c>
      <c r="AJ13834">
        <v>19</v>
      </c>
      <c r="AK13834">
        <v>19</v>
      </c>
      <c r="AL13834">
        <v>19</v>
      </c>
      <c r="AM13834">
        <v>19</v>
      </c>
      <c r="AN13834">
        <v>19</v>
      </c>
      <c r="AO13834">
        <v>19</v>
      </c>
      <c r="AP13834">
        <v>19</v>
      </c>
      <c r="AQ13834">
        <v>19</v>
      </c>
    </row>
    <row r="13835" spans="1:43">
      <c r="A13835" t="s">
        <v>8588</v>
      </c>
      <c r="B13835" t="s">
        <v>8589</v>
      </c>
      <c r="C13835" t="s">
        <v>8580</v>
      </c>
      <c r="D13835" t="s">
        <v>8581</v>
      </c>
      <c r="E13835" t="s">
        <v>8296</v>
      </c>
      <c r="F13835" t="s">
        <v>8297</v>
      </c>
      <c r="G13835" t="s">
        <v>80</v>
      </c>
      <c r="H13835" t="s">
        <v>81</v>
      </c>
      <c r="I13835" s="2">
        <v>0</v>
      </c>
      <c r="J13835" s="2">
        <v>1</v>
      </c>
      <c r="K13835" s="2">
        <v>0</v>
      </c>
      <c r="L13835" t="s">
        <v>82</v>
      </c>
      <c r="M13835" t="s">
        <v>87</v>
      </c>
      <c r="N13835" t="s">
        <v>88</v>
      </c>
      <c r="O13835" t="s">
        <v>85</v>
      </c>
      <c r="P13835" t="s">
        <v>86</v>
      </c>
      <c r="Q13835">
        <v>14</v>
      </c>
      <c r="R13835">
        <v>15</v>
      </c>
      <c r="S13835">
        <v>15</v>
      </c>
      <c r="T13835">
        <v>15</v>
      </c>
      <c r="U13835">
        <v>15</v>
      </c>
      <c r="V13835">
        <v>15</v>
      </c>
      <c r="W13835">
        <v>15</v>
      </c>
      <c r="X13835">
        <v>15</v>
      </c>
      <c r="Y13835">
        <v>16</v>
      </c>
      <c r="Z13835">
        <v>16</v>
      </c>
      <c r="AA13835">
        <v>16</v>
      </c>
      <c r="AB13835">
        <v>16</v>
      </c>
      <c r="AC13835">
        <v>16</v>
      </c>
      <c r="AD13835">
        <v>16</v>
      </c>
      <c r="AE13835">
        <v>16</v>
      </c>
      <c r="AF13835">
        <v>16</v>
      </c>
      <c r="AG13835">
        <v>17</v>
      </c>
      <c r="AH13835">
        <v>17</v>
      </c>
      <c r="AI13835">
        <v>17</v>
      </c>
      <c r="AJ13835">
        <v>17</v>
      </c>
      <c r="AK13835">
        <v>17</v>
      </c>
      <c r="AL13835">
        <v>17</v>
      </c>
      <c r="AM13835">
        <v>17</v>
      </c>
      <c r="AN13835">
        <v>17</v>
      </c>
      <c r="AO13835">
        <v>18</v>
      </c>
      <c r="AP13835">
        <v>18</v>
      </c>
      <c r="AQ13835">
        <v>18</v>
      </c>
    </row>
    <row r="13836" spans="1:43">
      <c r="A13836" t="s">
        <v>8588</v>
      </c>
      <c r="B13836" t="s">
        <v>8589</v>
      </c>
      <c r="C13836" t="s">
        <v>8580</v>
      </c>
      <c r="D13836" t="s">
        <v>8581</v>
      </c>
      <c r="E13836" t="s">
        <v>8296</v>
      </c>
      <c r="F13836" t="s">
        <v>8297</v>
      </c>
      <c r="G13836" t="s">
        <v>80</v>
      </c>
      <c r="H13836" t="s">
        <v>81</v>
      </c>
      <c r="I13836" s="2">
        <v>0</v>
      </c>
      <c r="J13836" s="2">
        <v>1</v>
      </c>
      <c r="K13836" s="2">
        <v>0</v>
      </c>
      <c r="L13836" t="s">
        <v>82</v>
      </c>
      <c r="M13836" t="s">
        <v>89</v>
      </c>
      <c r="N13836" t="s">
        <v>90</v>
      </c>
      <c r="O13836" t="s">
        <v>85</v>
      </c>
      <c r="P13836" t="s">
        <v>86</v>
      </c>
      <c r="Q13836">
        <v>14</v>
      </c>
      <c r="R13836">
        <v>14</v>
      </c>
      <c r="S13836">
        <v>15</v>
      </c>
      <c r="T13836">
        <v>15</v>
      </c>
      <c r="U13836">
        <v>15</v>
      </c>
      <c r="V13836">
        <v>16</v>
      </c>
      <c r="W13836">
        <v>16</v>
      </c>
      <c r="X13836">
        <v>16</v>
      </c>
      <c r="Y13836">
        <v>17</v>
      </c>
      <c r="Z13836">
        <v>17</v>
      </c>
      <c r="AA13836">
        <v>17</v>
      </c>
      <c r="AB13836">
        <v>18</v>
      </c>
      <c r="AC13836">
        <v>18</v>
      </c>
      <c r="AD13836">
        <v>18</v>
      </c>
      <c r="AE13836">
        <v>19</v>
      </c>
      <c r="AF13836">
        <v>19</v>
      </c>
      <c r="AG13836">
        <v>19</v>
      </c>
      <c r="AH13836">
        <v>19</v>
      </c>
      <c r="AI13836">
        <v>19</v>
      </c>
      <c r="AJ13836">
        <v>19</v>
      </c>
      <c r="AK13836">
        <v>19</v>
      </c>
      <c r="AL13836">
        <v>19</v>
      </c>
      <c r="AM13836">
        <v>19</v>
      </c>
      <c r="AN13836">
        <v>19</v>
      </c>
      <c r="AO13836">
        <v>19</v>
      </c>
      <c r="AP13836">
        <v>19</v>
      </c>
      <c r="AQ13836">
        <v>19</v>
      </c>
    </row>
    <row r="13837" spans="1:43">
      <c r="A13837" t="s">
        <v>8588</v>
      </c>
      <c r="B13837" t="s">
        <v>8589</v>
      </c>
      <c r="C13837" t="s">
        <v>8580</v>
      </c>
      <c r="D13837" t="s">
        <v>8581</v>
      </c>
      <c r="E13837" t="s">
        <v>8296</v>
      </c>
      <c r="F13837" t="s">
        <v>8297</v>
      </c>
      <c r="G13837" t="s">
        <v>80</v>
      </c>
      <c r="H13837" t="s">
        <v>81</v>
      </c>
      <c r="I13837" s="2">
        <v>0</v>
      </c>
      <c r="J13837" s="2">
        <v>1</v>
      </c>
      <c r="K13837" s="2">
        <v>0</v>
      </c>
      <c r="L13837" t="s">
        <v>82</v>
      </c>
      <c r="M13837" t="s">
        <v>83</v>
      </c>
      <c r="N13837" t="s">
        <v>91</v>
      </c>
      <c r="O13837" t="s">
        <v>85</v>
      </c>
      <c r="P13837" t="s">
        <v>86</v>
      </c>
      <c r="Q13837">
        <v>14</v>
      </c>
      <c r="R13837">
        <v>14</v>
      </c>
      <c r="S13837">
        <v>14</v>
      </c>
      <c r="T13837">
        <v>14</v>
      </c>
      <c r="U13837">
        <v>15</v>
      </c>
      <c r="V13837">
        <v>15</v>
      </c>
      <c r="W13837">
        <v>15</v>
      </c>
      <c r="X13837">
        <v>15</v>
      </c>
      <c r="Y13837">
        <v>16</v>
      </c>
      <c r="Z13837">
        <v>16</v>
      </c>
      <c r="AA13837">
        <v>16</v>
      </c>
      <c r="AB13837">
        <v>17</v>
      </c>
      <c r="AC13837">
        <v>17</v>
      </c>
      <c r="AD13837">
        <v>17</v>
      </c>
      <c r="AE13837">
        <v>17</v>
      </c>
      <c r="AF13837">
        <v>18</v>
      </c>
      <c r="AG13837">
        <v>18</v>
      </c>
      <c r="AH13837">
        <v>18</v>
      </c>
      <c r="AI13837">
        <v>18</v>
      </c>
      <c r="AJ13837">
        <v>19</v>
      </c>
      <c r="AK13837">
        <v>19</v>
      </c>
      <c r="AL13837">
        <v>19</v>
      </c>
      <c r="AM13837">
        <v>19</v>
      </c>
      <c r="AN13837">
        <v>19</v>
      </c>
      <c r="AO13837">
        <v>19</v>
      </c>
      <c r="AP13837">
        <v>19</v>
      </c>
      <c r="AQ13837">
        <v>19</v>
      </c>
    </row>
    <row r="13838" spans="1:43">
      <c r="A13838" t="s">
        <v>8590</v>
      </c>
      <c r="B13838" t="s">
        <v>8591</v>
      </c>
      <c r="C13838" t="s">
        <v>8304</v>
      </c>
      <c r="D13838" t="s">
        <v>8305</v>
      </c>
      <c r="E13838" t="s">
        <v>8296</v>
      </c>
      <c r="F13838" t="s">
        <v>8297</v>
      </c>
      <c r="G13838" t="s">
        <v>80</v>
      </c>
      <c r="H13838" t="s">
        <v>81</v>
      </c>
      <c r="I13838" s="2">
        <v>0</v>
      </c>
      <c r="J13838" s="2">
        <v>1</v>
      </c>
      <c r="K13838" s="2">
        <v>0</v>
      </c>
      <c r="L13838" t="s">
        <v>82</v>
      </c>
      <c r="M13838" t="s">
        <v>83</v>
      </c>
      <c r="N13838" t="s">
        <v>84</v>
      </c>
      <c r="O13838" t="s">
        <v>85</v>
      </c>
      <c r="P13838" t="s">
        <v>86</v>
      </c>
      <c r="Q13838">
        <v>30</v>
      </c>
      <c r="R13838">
        <v>30</v>
      </c>
      <c r="S13838">
        <v>31</v>
      </c>
      <c r="T13838">
        <v>31</v>
      </c>
      <c r="U13838">
        <v>32</v>
      </c>
      <c r="V13838">
        <v>33</v>
      </c>
      <c r="W13838">
        <v>33</v>
      </c>
      <c r="X13838">
        <v>34</v>
      </c>
      <c r="Y13838">
        <v>34</v>
      </c>
      <c r="Z13838">
        <v>35</v>
      </c>
      <c r="AA13838">
        <v>35</v>
      </c>
      <c r="AB13838">
        <v>36</v>
      </c>
      <c r="AC13838">
        <v>37</v>
      </c>
      <c r="AD13838">
        <v>37</v>
      </c>
      <c r="AE13838">
        <v>38</v>
      </c>
      <c r="AF13838">
        <v>38</v>
      </c>
      <c r="AG13838">
        <v>39</v>
      </c>
      <c r="AH13838">
        <v>39</v>
      </c>
      <c r="AI13838">
        <v>40</v>
      </c>
      <c r="AJ13838">
        <v>40</v>
      </c>
      <c r="AK13838">
        <v>41</v>
      </c>
      <c r="AL13838">
        <v>41</v>
      </c>
      <c r="AM13838">
        <v>41</v>
      </c>
      <c r="AN13838">
        <v>42</v>
      </c>
      <c r="AO13838">
        <v>42</v>
      </c>
      <c r="AP13838">
        <v>42</v>
      </c>
      <c r="AQ13838">
        <v>42</v>
      </c>
    </row>
    <row r="13839" spans="1:43">
      <c r="A13839" t="s">
        <v>8590</v>
      </c>
      <c r="B13839" t="s">
        <v>8591</v>
      </c>
      <c r="C13839" t="s">
        <v>8304</v>
      </c>
      <c r="D13839" t="s">
        <v>8305</v>
      </c>
      <c r="E13839" t="s">
        <v>8296</v>
      </c>
      <c r="F13839" t="s">
        <v>8297</v>
      </c>
      <c r="G13839" t="s">
        <v>80</v>
      </c>
      <c r="H13839" t="s">
        <v>81</v>
      </c>
      <c r="I13839" s="2">
        <v>0</v>
      </c>
      <c r="J13839" s="2">
        <v>1</v>
      </c>
      <c r="K13839" s="2">
        <v>0</v>
      </c>
      <c r="L13839" t="s">
        <v>82</v>
      </c>
      <c r="M13839" t="s">
        <v>87</v>
      </c>
      <c r="N13839" t="s">
        <v>88</v>
      </c>
      <c r="O13839" t="s">
        <v>85</v>
      </c>
      <c r="P13839" t="s">
        <v>86</v>
      </c>
      <c r="Q13839">
        <v>30</v>
      </c>
      <c r="R13839">
        <v>31</v>
      </c>
      <c r="S13839">
        <v>31</v>
      </c>
      <c r="T13839">
        <v>31</v>
      </c>
      <c r="U13839">
        <v>32</v>
      </c>
      <c r="V13839">
        <v>32</v>
      </c>
      <c r="W13839">
        <v>32</v>
      </c>
      <c r="X13839">
        <v>32</v>
      </c>
      <c r="Y13839">
        <v>33</v>
      </c>
      <c r="Z13839">
        <v>33</v>
      </c>
      <c r="AA13839">
        <v>33</v>
      </c>
      <c r="AB13839">
        <v>34</v>
      </c>
      <c r="AC13839">
        <v>34</v>
      </c>
      <c r="AD13839">
        <v>34</v>
      </c>
      <c r="AE13839">
        <v>34</v>
      </c>
      <c r="AF13839">
        <v>35</v>
      </c>
      <c r="AG13839">
        <v>35</v>
      </c>
      <c r="AH13839">
        <v>35</v>
      </c>
      <c r="AI13839">
        <v>35</v>
      </c>
      <c r="AJ13839">
        <v>36</v>
      </c>
      <c r="AK13839">
        <v>36</v>
      </c>
      <c r="AL13839">
        <v>36</v>
      </c>
      <c r="AM13839">
        <v>36</v>
      </c>
      <c r="AN13839">
        <v>37</v>
      </c>
      <c r="AO13839">
        <v>37</v>
      </c>
      <c r="AP13839">
        <v>37</v>
      </c>
      <c r="AQ13839">
        <v>37</v>
      </c>
    </row>
    <row r="13840" spans="1:43">
      <c r="A13840" t="s">
        <v>8590</v>
      </c>
      <c r="B13840" t="s">
        <v>8591</v>
      </c>
      <c r="C13840" t="s">
        <v>8304</v>
      </c>
      <c r="D13840" t="s">
        <v>8305</v>
      </c>
      <c r="E13840" t="s">
        <v>8296</v>
      </c>
      <c r="F13840" t="s">
        <v>8297</v>
      </c>
      <c r="G13840" t="s">
        <v>80</v>
      </c>
      <c r="H13840" t="s">
        <v>81</v>
      </c>
      <c r="I13840" s="2">
        <v>0</v>
      </c>
      <c r="J13840" s="2">
        <v>1</v>
      </c>
      <c r="K13840" s="2">
        <v>0</v>
      </c>
      <c r="L13840" t="s">
        <v>82</v>
      </c>
      <c r="M13840" t="s">
        <v>89</v>
      </c>
      <c r="N13840" t="s">
        <v>90</v>
      </c>
      <c r="O13840" t="s">
        <v>85</v>
      </c>
      <c r="P13840" t="s">
        <v>86</v>
      </c>
      <c r="Q13840">
        <v>30</v>
      </c>
      <c r="R13840">
        <v>31</v>
      </c>
      <c r="S13840">
        <v>32</v>
      </c>
      <c r="T13840">
        <v>32</v>
      </c>
      <c r="U13840">
        <v>33</v>
      </c>
      <c r="V13840">
        <v>34</v>
      </c>
      <c r="W13840">
        <v>35</v>
      </c>
      <c r="X13840">
        <v>36</v>
      </c>
      <c r="Y13840">
        <v>36</v>
      </c>
      <c r="Z13840">
        <v>37</v>
      </c>
      <c r="AA13840">
        <v>38</v>
      </c>
      <c r="AB13840">
        <v>38</v>
      </c>
      <c r="AC13840">
        <v>39</v>
      </c>
      <c r="AD13840">
        <v>40</v>
      </c>
      <c r="AE13840">
        <v>40</v>
      </c>
      <c r="AF13840">
        <v>41</v>
      </c>
      <c r="AG13840">
        <v>41</v>
      </c>
      <c r="AH13840">
        <v>41</v>
      </c>
      <c r="AI13840">
        <v>41</v>
      </c>
      <c r="AJ13840">
        <v>41</v>
      </c>
      <c r="AK13840">
        <v>41</v>
      </c>
      <c r="AL13840">
        <v>42</v>
      </c>
      <c r="AM13840">
        <v>42</v>
      </c>
      <c r="AN13840">
        <v>42</v>
      </c>
      <c r="AO13840">
        <v>42</v>
      </c>
      <c r="AP13840">
        <v>42</v>
      </c>
      <c r="AQ13840">
        <v>42</v>
      </c>
    </row>
    <row r="13841" spans="1:43">
      <c r="A13841" t="s">
        <v>8590</v>
      </c>
      <c r="B13841" t="s">
        <v>8591</v>
      </c>
      <c r="C13841" t="s">
        <v>8304</v>
      </c>
      <c r="D13841" t="s">
        <v>8305</v>
      </c>
      <c r="E13841" t="s">
        <v>8296</v>
      </c>
      <c r="F13841" t="s">
        <v>8297</v>
      </c>
      <c r="G13841" t="s">
        <v>80</v>
      </c>
      <c r="H13841" t="s">
        <v>81</v>
      </c>
      <c r="I13841" s="2">
        <v>0</v>
      </c>
      <c r="J13841" s="2">
        <v>1</v>
      </c>
      <c r="K13841" s="2">
        <v>0</v>
      </c>
      <c r="L13841" t="s">
        <v>82</v>
      </c>
      <c r="M13841" t="s">
        <v>83</v>
      </c>
      <c r="N13841" t="s">
        <v>91</v>
      </c>
      <c r="O13841" t="s">
        <v>85</v>
      </c>
      <c r="P13841" t="s">
        <v>86</v>
      </c>
      <c r="Q13841">
        <v>30</v>
      </c>
      <c r="R13841">
        <v>30</v>
      </c>
      <c r="S13841">
        <v>31</v>
      </c>
      <c r="T13841">
        <v>31</v>
      </c>
      <c r="U13841">
        <v>32</v>
      </c>
      <c r="V13841">
        <v>33</v>
      </c>
      <c r="W13841">
        <v>33</v>
      </c>
      <c r="X13841">
        <v>34</v>
      </c>
      <c r="Y13841">
        <v>34</v>
      </c>
      <c r="Z13841">
        <v>35</v>
      </c>
      <c r="AA13841">
        <v>35</v>
      </c>
      <c r="AB13841">
        <v>36</v>
      </c>
      <c r="AC13841">
        <v>37</v>
      </c>
      <c r="AD13841">
        <v>37</v>
      </c>
      <c r="AE13841">
        <v>38</v>
      </c>
      <c r="AF13841">
        <v>38</v>
      </c>
      <c r="AG13841">
        <v>39</v>
      </c>
      <c r="AH13841">
        <v>39</v>
      </c>
      <c r="AI13841">
        <v>40</v>
      </c>
      <c r="AJ13841">
        <v>40</v>
      </c>
      <c r="AK13841">
        <v>41</v>
      </c>
      <c r="AL13841">
        <v>41</v>
      </c>
      <c r="AM13841">
        <v>41</v>
      </c>
      <c r="AN13841">
        <v>42</v>
      </c>
      <c r="AO13841">
        <v>42</v>
      </c>
      <c r="AP13841">
        <v>42</v>
      </c>
      <c r="AQ13841">
        <v>42</v>
      </c>
    </row>
    <row r="13842" spans="1:43">
      <c r="A13842" t="s">
        <v>8592</v>
      </c>
      <c r="B13842" t="s">
        <v>8593</v>
      </c>
      <c r="C13842" t="s">
        <v>8580</v>
      </c>
      <c r="D13842" t="s">
        <v>8581</v>
      </c>
      <c r="E13842" t="s">
        <v>8296</v>
      </c>
      <c r="F13842" t="s">
        <v>8297</v>
      </c>
      <c r="G13842" t="s">
        <v>80</v>
      </c>
      <c r="H13842" t="s">
        <v>81</v>
      </c>
      <c r="I13842" s="2">
        <v>0</v>
      </c>
      <c r="J13842" s="2">
        <v>1</v>
      </c>
      <c r="K13842" s="2">
        <v>0</v>
      </c>
      <c r="L13842" t="s">
        <v>82</v>
      </c>
      <c r="M13842" t="s">
        <v>83</v>
      </c>
      <c r="N13842" t="s">
        <v>84</v>
      </c>
      <c r="O13842" t="s">
        <v>85</v>
      </c>
      <c r="P13842" t="s">
        <v>86</v>
      </c>
      <c r="Q13842">
        <v>35</v>
      </c>
      <c r="R13842">
        <v>36</v>
      </c>
      <c r="S13842">
        <v>36</v>
      </c>
      <c r="T13842">
        <v>37</v>
      </c>
      <c r="U13842">
        <v>38</v>
      </c>
      <c r="V13842">
        <v>38</v>
      </c>
      <c r="W13842">
        <v>39</v>
      </c>
      <c r="X13842">
        <v>40</v>
      </c>
      <c r="Y13842">
        <v>40</v>
      </c>
      <c r="Z13842">
        <v>41</v>
      </c>
      <c r="AA13842">
        <v>42</v>
      </c>
      <c r="AB13842">
        <v>42</v>
      </c>
      <c r="AC13842">
        <v>43</v>
      </c>
      <c r="AD13842">
        <v>44</v>
      </c>
      <c r="AE13842">
        <v>44</v>
      </c>
      <c r="AF13842">
        <v>45</v>
      </c>
      <c r="AG13842">
        <v>46</v>
      </c>
      <c r="AH13842">
        <v>46</v>
      </c>
      <c r="AI13842">
        <v>47</v>
      </c>
      <c r="AJ13842">
        <v>48</v>
      </c>
      <c r="AK13842">
        <v>48</v>
      </c>
      <c r="AL13842">
        <v>49</v>
      </c>
      <c r="AM13842">
        <v>49</v>
      </c>
      <c r="AN13842">
        <v>49</v>
      </c>
      <c r="AO13842">
        <v>49</v>
      </c>
      <c r="AP13842">
        <v>49</v>
      </c>
      <c r="AQ13842">
        <v>49</v>
      </c>
    </row>
    <row r="13843" spans="1:43">
      <c r="A13843" t="s">
        <v>8592</v>
      </c>
      <c r="B13843" t="s">
        <v>8593</v>
      </c>
      <c r="C13843" t="s">
        <v>8580</v>
      </c>
      <c r="D13843" t="s">
        <v>8581</v>
      </c>
      <c r="E13843" t="s">
        <v>8296</v>
      </c>
      <c r="F13843" t="s">
        <v>8297</v>
      </c>
      <c r="G13843" t="s">
        <v>80</v>
      </c>
      <c r="H13843" t="s">
        <v>81</v>
      </c>
      <c r="I13843" s="2">
        <v>0</v>
      </c>
      <c r="J13843" s="2">
        <v>1</v>
      </c>
      <c r="K13843" s="2">
        <v>0</v>
      </c>
      <c r="L13843" t="s">
        <v>82</v>
      </c>
      <c r="M13843" t="s">
        <v>87</v>
      </c>
      <c r="N13843" t="s">
        <v>88</v>
      </c>
      <c r="O13843" t="s">
        <v>85</v>
      </c>
      <c r="P13843" t="s">
        <v>86</v>
      </c>
      <c r="Q13843">
        <v>35</v>
      </c>
      <c r="R13843">
        <v>35</v>
      </c>
      <c r="S13843">
        <v>35</v>
      </c>
      <c r="T13843">
        <v>36</v>
      </c>
      <c r="U13843">
        <v>36</v>
      </c>
      <c r="V13843">
        <v>36</v>
      </c>
      <c r="W13843">
        <v>37</v>
      </c>
      <c r="X13843">
        <v>37</v>
      </c>
      <c r="Y13843">
        <v>37</v>
      </c>
      <c r="Z13843">
        <v>38</v>
      </c>
      <c r="AA13843">
        <v>38</v>
      </c>
      <c r="AB13843">
        <v>38</v>
      </c>
      <c r="AC13843">
        <v>39</v>
      </c>
      <c r="AD13843">
        <v>39</v>
      </c>
      <c r="AE13843">
        <v>39</v>
      </c>
      <c r="AF13843">
        <v>40</v>
      </c>
      <c r="AG13843">
        <v>40</v>
      </c>
      <c r="AH13843">
        <v>40</v>
      </c>
      <c r="AI13843">
        <v>40</v>
      </c>
      <c r="AJ13843">
        <v>41</v>
      </c>
      <c r="AK13843">
        <v>41</v>
      </c>
      <c r="AL13843">
        <v>41</v>
      </c>
      <c r="AM13843">
        <v>42</v>
      </c>
      <c r="AN13843">
        <v>42</v>
      </c>
      <c r="AO13843">
        <v>42</v>
      </c>
      <c r="AP13843">
        <v>43</v>
      </c>
      <c r="AQ13843">
        <v>43</v>
      </c>
    </row>
    <row r="13844" spans="1:43">
      <c r="A13844" t="s">
        <v>8592</v>
      </c>
      <c r="B13844" t="s">
        <v>8593</v>
      </c>
      <c r="C13844" t="s">
        <v>8580</v>
      </c>
      <c r="D13844" t="s">
        <v>8581</v>
      </c>
      <c r="E13844" t="s">
        <v>8296</v>
      </c>
      <c r="F13844" t="s">
        <v>8297</v>
      </c>
      <c r="G13844" t="s">
        <v>80</v>
      </c>
      <c r="H13844" t="s">
        <v>81</v>
      </c>
      <c r="I13844" s="2">
        <v>0</v>
      </c>
      <c r="J13844" s="2">
        <v>1</v>
      </c>
      <c r="K13844" s="2">
        <v>0</v>
      </c>
      <c r="L13844" t="s">
        <v>82</v>
      </c>
      <c r="M13844" t="s">
        <v>89</v>
      </c>
      <c r="N13844" t="s">
        <v>90</v>
      </c>
      <c r="O13844" t="s">
        <v>85</v>
      </c>
      <c r="P13844" t="s">
        <v>86</v>
      </c>
      <c r="Q13844">
        <v>35</v>
      </c>
      <c r="R13844">
        <v>36</v>
      </c>
      <c r="S13844">
        <v>37</v>
      </c>
      <c r="T13844">
        <v>38</v>
      </c>
      <c r="U13844">
        <v>39</v>
      </c>
      <c r="V13844">
        <v>40</v>
      </c>
      <c r="W13844">
        <v>41</v>
      </c>
      <c r="X13844">
        <v>42</v>
      </c>
      <c r="Y13844">
        <v>43</v>
      </c>
      <c r="Z13844">
        <v>44</v>
      </c>
      <c r="AA13844">
        <v>44</v>
      </c>
      <c r="AB13844">
        <v>45</v>
      </c>
      <c r="AC13844">
        <v>46</v>
      </c>
      <c r="AD13844">
        <v>47</v>
      </c>
      <c r="AE13844">
        <v>48</v>
      </c>
      <c r="AF13844">
        <v>48</v>
      </c>
      <c r="AG13844">
        <v>48</v>
      </c>
      <c r="AH13844">
        <v>48</v>
      </c>
      <c r="AI13844">
        <v>48</v>
      </c>
      <c r="AJ13844">
        <v>49</v>
      </c>
      <c r="AK13844">
        <v>49</v>
      </c>
      <c r="AL13844">
        <v>49</v>
      </c>
      <c r="AM13844">
        <v>49</v>
      </c>
      <c r="AN13844">
        <v>49</v>
      </c>
      <c r="AO13844">
        <v>49</v>
      </c>
      <c r="AP13844">
        <v>50</v>
      </c>
      <c r="AQ13844">
        <v>50</v>
      </c>
    </row>
    <row r="13845" spans="1:43">
      <c r="A13845" t="s">
        <v>8592</v>
      </c>
      <c r="B13845" t="s">
        <v>8593</v>
      </c>
      <c r="C13845" t="s">
        <v>8580</v>
      </c>
      <c r="D13845" t="s">
        <v>8581</v>
      </c>
      <c r="E13845" t="s">
        <v>8296</v>
      </c>
      <c r="F13845" t="s">
        <v>8297</v>
      </c>
      <c r="G13845" t="s">
        <v>80</v>
      </c>
      <c r="H13845" t="s">
        <v>81</v>
      </c>
      <c r="I13845" s="2">
        <v>0</v>
      </c>
      <c r="J13845" s="2">
        <v>1</v>
      </c>
      <c r="K13845" s="2">
        <v>0</v>
      </c>
      <c r="L13845" t="s">
        <v>82</v>
      </c>
      <c r="M13845" t="s">
        <v>83</v>
      </c>
      <c r="N13845" t="s">
        <v>91</v>
      </c>
      <c r="O13845" t="s">
        <v>85</v>
      </c>
      <c r="P13845" t="s">
        <v>86</v>
      </c>
      <c r="Q13845">
        <v>35</v>
      </c>
      <c r="R13845">
        <v>36</v>
      </c>
      <c r="S13845">
        <v>36</v>
      </c>
      <c r="T13845">
        <v>37</v>
      </c>
      <c r="U13845">
        <v>38</v>
      </c>
      <c r="V13845">
        <v>38</v>
      </c>
      <c r="W13845">
        <v>39</v>
      </c>
      <c r="X13845">
        <v>40</v>
      </c>
      <c r="Y13845">
        <v>40</v>
      </c>
      <c r="Z13845">
        <v>41</v>
      </c>
      <c r="AA13845">
        <v>42</v>
      </c>
      <c r="AB13845">
        <v>42</v>
      </c>
      <c r="AC13845">
        <v>43</v>
      </c>
      <c r="AD13845">
        <v>44</v>
      </c>
      <c r="AE13845">
        <v>44</v>
      </c>
      <c r="AF13845">
        <v>45</v>
      </c>
      <c r="AG13845">
        <v>46</v>
      </c>
      <c r="AH13845">
        <v>46</v>
      </c>
      <c r="AI13845">
        <v>47</v>
      </c>
      <c r="AJ13845">
        <v>48</v>
      </c>
      <c r="AK13845">
        <v>48</v>
      </c>
      <c r="AL13845">
        <v>49</v>
      </c>
      <c r="AM13845">
        <v>49</v>
      </c>
      <c r="AN13845">
        <v>49</v>
      </c>
      <c r="AO13845">
        <v>49</v>
      </c>
      <c r="AP13845">
        <v>49</v>
      </c>
      <c r="AQ13845">
        <v>49</v>
      </c>
    </row>
    <row r="13846" spans="1:43">
      <c r="A13846" t="s">
        <v>8594</v>
      </c>
      <c r="B13846" t="s">
        <v>8595</v>
      </c>
      <c r="C13846" t="s">
        <v>8304</v>
      </c>
      <c r="D13846" t="s">
        <v>8305</v>
      </c>
      <c r="E13846" t="s">
        <v>8296</v>
      </c>
      <c r="F13846" t="s">
        <v>8297</v>
      </c>
      <c r="G13846" t="s">
        <v>80</v>
      </c>
      <c r="H13846" t="s">
        <v>81</v>
      </c>
      <c r="I13846" s="2">
        <v>0</v>
      </c>
      <c r="J13846" s="2">
        <v>1</v>
      </c>
      <c r="K13846" s="2">
        <v>0</v>
      </c>
      <c r="L13846" t="s">
        <v>82</v>
      </c>
      <c r="M13846" t="s">
        <v>83</v>
      </c>
      <c r="N13846" t="s">
        <v>84</v>
      </c>
      <c r="O13846" t="s">
        <v>85</v>
      </c>
      <c r="P13846" t="s">
        <v>86</v>
      </c>
      <c r="Q13846">
        <v>39</v>
      </c>
      <c r="R13846">
        <v>39</v>
      </c>
      <c r="S13846">
        <v>40</v>
      </c>
      <c r="T13846">
        <v>41</v>
      </c>
      <c r="U13846">
        <v>42</v>
      </c>
      <c r="V13846">
        <v>42</v>
      </c>
      <c r="W13846">
        <v>43</v>
      </c>
      <c r="X13846">
        <v>44</v>
      </c>
      <c r="Y13846">
        <v>45</v>
      </c>
      <c r="Z13846">
        <v>45</v>
      </c>
      <c r="AA13846">
        <v>46</v>
      </c>
      <c r="AB13846">
        <v>47</v>
      </c>
      <c r="AC13846">
        <v>48</v>
      </c>
      <c r="AD13846">
        <v>48</v>
      </c>
      <c r="AE13846">
        <v>49</v>
      </c>
      <c r="AF13846">
        <v>50</v>
      </c>
      <c r="AG13846">
        <v>50</v>
      </c>
      <c r="AH13846">
        <v>51</v>
      </c>
      <c r="AI13846">
        <v>52</v>
      </c>
      <c r="AJ13846">
        <v>53</v>
      </c>
      <c r="AK13846">
        <v>53</v>
      </c>
      <c r="AL13846">
        <v>54</v>
      </c>
      <c r="AM13846">
        <v>54</v>
      </c>
      <c r="AN13846">
        <v>54</v>
      </c>
      <c r="AO13846">
        <v>54</v>
      </c>
      <c r="AP13846">
        <v>55</v>
      </c>
      <c r="AQ13846">
        <v>55</v>
      </c>
    </row>
    <row r="13847" spans="1:43">
      <c r="A13847" t="s">
        <v>8594</v>
      </c>
      <c r="B13847" t="s">
        <v>8595</v>
      </c>
      <c r="C13847" t="s">
        <v>8304</v>
      </c>
      <c r="D13847" t="s">
        <v>8305</v>
      </c>
      <c r="E13847" t="s">
        <v>8296</v>
      </c>
      <c r="F13847" t="s">
        <v>8297</v>
      </c>
      <c r="G13847" t="s">
        <v>80</v>
      </c>
      <c r="H13847" t="s">
        <v>81</v>
      </c>
      <c r="I13847" s="2">
        <v>0</v>
      </c>
      <c r="J13847" s="2">
        <v>1</v>
      </c>
      <c r="K13847" s="2">
        <v>0</v>
      </c>
      <c r="L13847" t="s">
        <v>82</v>
      </c>
      <c r="M13847" t="s">
        <v>87</v>
      </c>
      <c r="N13847" t="s">
        <v>88</v>
      </c>
      <c r="O13847" t="s">
        <v>85</v>
      </c>
      <c r="P13847" t="s">
        <v>86</v>
      </c>
      <c r="Q13847">
        <v>39</v>
      </c>
      <c r="R13847">
        <v>40</v>
      </c>
      <c r="S13847">
        <v>40</v>
      </c>
      <c r="T13847">
        <v>40</v>
      </c>
      <c r="U13847">
        <v>41</v>
      </c>
      <c r="V13847">
        <v>41</v>
      </c>
      <c r="W13847">
        <v>42</v>
      </c>
      <c r="X13847">
        <v>42</v>
      </c>
      <c r="Y13847">
        <v>42</v>
      </c>
      <c r="Z13847">
        <v>43</v>
      </c>
      <c r="AA13847">
        <v>43</v>
      </c>
      <c r="AB13847">
        <v>43</v>
      </c>
      <c r="AC13847">
        <v>44</v>
      </c>
      <c r="AD13847">
        <v>44</v>
      </c>
      <c r="AE13847">
        <v>44</v>
      </c>
      <c r="AF13847">
        <v>45</v>
      </c>
      <c r="AG13847">
        <v>45</v>
      </c>
      <c r="AH13847">
        <v>45</v>
      </c>
      <c r="AI13847">
        <v>46</v>
      </c>
      <c r="AJ13847">
        <v>46</v>
      </c>
      <c r="AK13847">
        <v>46</v>
      </c>
      <c r="AL13847">
        <v>47</v>
      </c>
      <c r="AM13847">
        <v>47</v>
      </c>
      <c r="AN13847">
        <v>47</v>
      </c>
      <c r="AO13847">
        <v>48</v>
      </c>
      <c r="AP13847">
        <v>48</v>
      </c>
      <c r="AQ13847">
        <v>48</v>
      </c>
    </row>
    <row r="13848" spans="1:43">
      <c r="A13848" t="s">
        <v>8594</v>
      </c>
      <c r="B13848" t="s">
        <v>8595</v>
      </c>
      <c r="C13848" t="s">
        <v>8304</v>
      </c>
      <c r="D13848" t="s">
        <v>8305</v>
      </c>
      <c r="E13848" t="s">
        <v>8296</v>
      </c>
      <c r="F13848" t="s">
        <v>8297</v>
      </c>
      <c r="G13848" t="s">
        <v>80</v>
      </c>
      <c r="H13848" t="s">
        <v>81</v>
      </c>
      <c r="I13848" s="2">
        <v>0</v>
      </c>
      <c r="J13848" s="2">
        <v>1</v>
      </c>
      <c r="K13848" s="2">
        <v>0</v>
      </c>
      <c r="L13848" t="s">
        <v>82</v>
      </c>
      <c r="M13848" t="s">
        <v>89</v>
      </c>
      <c r="N13848" t="s">
        <v>90</v>
      </c>
      <c r="O13848" t="s">
        <v>85</v>
      </c>
      <c r="P13848" t="s">
        <v>86</v>
      </c>
      <c r="Q13848">
        <v>39</v>
      </c>
      <c r="R13848">
        <v>40</v>
      </c>
      <c r="S13848">
        <v>41</v>
      </c>
      <c r="T13848">
        <v>42</v>
      </c>
      <c r="U13848">
        <v>43</v>
      </c>
      <c r="V13848">
        <v>44</v>
      </c>
      <c r="W13848">
        <v>45</v>
      </c>
      <c r="X13848">
        <v>46</v>
      </c>
      <c r="Y13848">
        <v>47</v>
      </c>
      <c r="Z13848">
        <v>48</v>
      </c>
      <c r="AA13848">
        <v>49</v>
      </c>
      <c r="AB13848">
        <v>50</v>
      </c>
      <c r="AC13848">
        <v>51</v>
      </c>
      <c r="AD13848">
        <v>52</v>
      </c>
      <c r="AE13848">
        <v>53</v>
      </c>
      <c r="AF13848">
        <v>53</v>
      </c>
      <c r="AG13848">
        <v>53</v>
      </c>
      <c r="AH13848">
        <v>53</v>
      </c>
      <c r="AI13848">
        <v>54</v>
      </c>
      <c r="AJ13848">
        <v>54</v>
      </c>
      <c r="AK13848">
        <v>54</v>
      </c>
      <c r="AL13848">
        <v>54</v>
      </c>
      <c r="AM13848">
        <v>54</v>
      </c>
      <c r="AN13848">
        <v>55</v>
      </c>
      <c r="AO13848">
        <v>55</v>
      </c>
      <c r="AP13848">
        <v>55</v>
      </c>
      <c r="AQ13848">
        <v>55</v>
      </c>
    </row>
    <row r="13849" spans="1:43">
      <c r="A13849" t="s">
        <v>8594</v>
      </c>
      <c r="B13849" t="s">
        <v>8595</v>
      </c>
      <c r="C13849" t="s">
        <v>8304</v>
      </c>
      <c r="D13849" t="s">
        <v>8305</v>
      </c>
      <c r="E13849" t="s">
        <v>8296</v>
      </c>
      <c r="F13849" t="s">
        <v>8297</v>
      </c>
      <c r="G13849" t="s">
        <v>80</v>
      </c>
      <c r="H13849" t="s">
        <v>81</v>
      </c>
      <c r="I13849" s="2">
        <v>0</v>
      </c>
      <c r="J13849" s="2">
        <v>1</v>
      </c>
      <c r="K13849" s="2">
        <v>0</v>
      </c>
      <c r="L13849" t="s">
        <v>82</v>
      </c>
      <c r="M13849" t="s">
        <v>83</v>
      </c>
      <c r="N13849" t="s">
        <v>91</v>
      </c>
      <c r="O13849" t="s">
        <v>85</v>
      </c>
      <c r="P13849" t="s">
        <v>86</v>
      </c>
      <c r="Q13849">
        <v>39</v>
      </c>
      <c r="R13849">
        <v>39</v>
      </c>
      <c r="S13849">
        <v>40</v>
      </c>
      <c r="T13849">
        <v>41</v>
      </c>
      <c r="U13849">
        <v>42</v>
      </c>
      <c r="V13849">
        <v>42</v>
      </c>
      <c r="W13849">
        <v>43</v>
      </c>
      <c r="X13849">
        <v>44</v>
      </c>
      <c r="Y13849">
        <v>45</v>
      </c>
      <c r="Z13849">
        <v>45</v>
      </c>
      <c r="AA13849">
        <v>46</v>
      </c>
      <c r="AB13849">
        <v>47</v>
      </c>
      <c r="AC13849">
        <v>48</v>
      </c>
      <c r="AD13849">
        <v>48</v>
      </c>
      <c r="AE13849">
        <v>49</v>
      </c>
      <c r="AF13849">
        <v>50</v>
      </c>
      <c r="AG13849">
        <v>50</v>
      </c>
      <c r="AH13849">
        <v>51</v>
      </c>
      <c r="AI13849">
        <v>52</v>
      </c>
      <c r="AJ13849">
        <v>53</v>
      </c>
      <c r="AK13849">
        <v>53</v>
      </c>
      <c r="AL13849">
        <v>54</v>
      </c>
      <c r="AM13849">
        <v>54</v>
      </c>
      <c r="AN13849">
        <v>54</v>
      </c>
      <c r="AO13849">
        <v>54</v>
      </c>
      <c r="AP13849">
        <v>55</v>
      </c>
      <c r="AQ13849">
        <v>55</v>
      </c>
    </row>
    <row r="13850" spans="1:43">
      <c r="A13850" t="s">
        <v>8596</v>
      </c>
      <c r="B13850" t="s">
        <v>8597</v>
      </c>
      <c r="C13850" t="s">
        <v>8544</v>
      </c>
      <c r="D13850" t="s">
        <v>8545</v>
      </c>
      <c r="E13850" t="s">
        <v>8296</v>
      </c>
      <c r="F13850" t="s">
        <v>8297</v>
      </c>
      <c r="G13850" t="s">
        <v>80</v>
      </c>
      <c r="H13850" t="s">
        <v>81</v>
      </c>
      <c r="I13850" s="2">
        <v>0</v>
      </c>
      <c r="J13850" s="2">
        <v>1</v>
      </c>
      <c r="K13850" s="2">
        <v>0</v>
      </c>
      <c r="L13850" t="s">
        <v>82</v>
      </c>
      <c r="M13850" t="s">
        <v>83</v>
      </c>
      <c r="N13850" t="s">
        <v>84</v>
      </c>
      <c r="O13850" t="s">
        <v>85</v>
      </c>
      <c r="P13850" t="s">
        <v>86</v>
      </c>
      <c r="Q13850">
        <v>24</v>
      </c>
      <c r="R13850">
        <v>25</v>
      </c>
      <c r="S13850">
        <v>25</v>
      </c>
      <c r="T13850">
        <v>26</v>
      </c>
      <c r="U13850">
        <v>26</v>
      </c>
      <c r="V13850">
        <v>27</v>
      </c>
      <c r="W13850">
        <v>27</v>
      </c>
      <c r="X13850">
        <v>28</v>
      </c>
      <c r="Y13850">
        <v>28</v>
      </c>
      <c r="Z13850">
        <v>29</v>
      </c>
      <c r="AA13850">
        <v>29</v>
      </c>
      <c r="AB13850">
        <v>29</v>
      </c>
      <c r="AC13850">
        <v>30</v>
      </c>
      <c r="AD13850">
        <v>30</v>
      </c>
      <c r="AE13850">
        <v>31</v>
      </c>
      <c r="AF13850">
        <v>31</v>
      </c>
      <c r="AG13850">
        <v>32</v>
      </c>
      <c r="AH13850">
        <v>32</v>
      </c>
      <c r="AI13850">
        <v>33</v>
      </c>
      <c r="AJ13850">
        <v>33</v>
      </c>
      <c r="AK13850">
        <v>34</v>
      </c>
      <c r="AL13850">
        <v>34</v>
      </c>
      <c r="AM13850">
        <v>34</v>
      </c>
      <c r="AN13850">
        <v>34</v>
      </c>
      <c r="AO13850">
        <v>34</v>
      </c>
      <c r="AP13850">
        <v>34</v>
      </c>
      <c r="AQ13850">
        <v>34</v>
      </c>
    </row>
    <row r="13851" spans="1:43">
      <c r="A13851" t="s">
        <v>8596</v>
      </c>
      <c r="B13851" t="s">
        <v>8597</v>
      </c>
      <c r="C13851" t="s">
        <v>8544</v>
      </c>
      <c r="D13851" t="s">
        <v>8545</v>
      </c>
      <c r="E13851" t="s">
        <v>8296</v>
      </c>
      <c r="F13851" t="s">
        <v>8297</v>
      </c>
      <c r="G13851" t="s">
        <v>80</v>
      </c>
      <c r="H13851" t="s">
        <v>81</v>
      </c>
      <c r="I13851" s="2">
        <v>0</v>
      </c>
      <c r="J13851" s="2">
        <v>1</v>
      </c>
      <c r="K13851" s="2">
        <v>0</v>
      </c>
      <c r="L13851" t="s">
        <v>82</v>
      </c>
      <c r="M13851" t="s">
        <v>87</v>
      </c>
      <c r="N13851" t="s">
        <v>88</v>
      </c>
      <c r="O13851" t="s">
        <v>85</v>
      </c>
      <c r="P13851" t="s">
        <v>86</v>
      </c>
      <c r="Q13851">
        <v>24</v>
      </c>
      <c r="R13851">
        <v>24</v>
      </c>
      <c r="S13851">
        <v>24</v>
      </c>
      <c r="T13851">
        <v>25</v>
      </c>
      <c r="U13851">
        <v>25</v>
      </c>
      <c r="V13851">
        <v>25</v>
      </c>
      <c r="W13851">
        <v>25</v>
      </c>
      <c r="X13851">
        <v>26</v>
      </c>
      <c r="Y13851">
        <v>26</v>
      </c>
      <c r="Z13851">
        <v>26</v>
      </c>
      <c r="AA13851">
        <v>26</v>
      </c>
      <c r="AB13851">
        <v>27</v>
      </c>
      <c r="AC13851">
        <v>27</v>
      </c>
      <c r="AD13851">
        <v>27</v>
      </c>
      <c r="AE13851">
        <v>27</v>
      </c>
      <c r="AF13851">
        <v>28</v>
      </c>
      <c r="AG13851">
        <v>28</v>
      </c>
      <c r="AH13851">
        <v>28</v>
      </c>
      <c r="AI13851">
        <v>28</v>
      </c>
      <c r="AJ13851">
        <v>28</v>
      </c>
      <c r="AK13851">
        <v>29</v>
      </c>
      <c r="AL13851">
        <v>29</v>
      </c>
      <c r="AM13851">
        <v>29</v>
      </c>
      <c r="AN13851">
        <v>29</v>
      </c>
      <c r="AO13851">
        <v>29</v>
      </c>
      <c r="AP13851">
        <v>30</v>
      </c>
      <c r="AQ13851">
        <v>30</v>
      </c>
    </row>
    <row r="13852" spans="1:43">
      <c r="A13852" t="s">
        <v>8596</v>
      </c>
      <c r="B13852" t="s">
        <v>8597</v>
      </c>
      <c r="C13852" t="s">
        <v>8544</v>
      </c>
      <c r="D13852" t="s">
        <v>8545</v>
      </c>
      <c r="E13852" t="s">
        <v>8296</v>
      </c>
      <c r="F13852" t="s">
        <v>8297</v>
      </c>
      <c r="G13852" t="s">
        <v>80</v>
      </c>
      <c r="H13852" t="s">
        <v>81</v>
      </c>
      <c r="I13852" s="2">
        <v>0</v>
      </c>
      <c r="J13852" s="2">
        <v>1</v>
      </c>
      <c r="K13852" s="2">
        <v>0</v>
      </c>
      <c r="L13852" t="s">
        <v>82</v>
      </c>
      <c r="M13852" t="s">
        <v>89</v>
      </c>
      <c r="N13852" t="s">
        <v>90</v>
      </c>
      <c r="O13852" t="s">
        <v>85</v>
      </c>
      <c r="P13852" t="s">
        <v>86</v>
      </c>
      <c r="Q13852">
        <v>24</v>
      </c>
      <c r="R13852">
        <v>25</v>
      </c>
      <c r="S13852">
        <v>26</v>
      </c>
      <c r="T13852">
        <v>26</v>
      </c>
      <c r="U13852">
        <v>27</v>
      </c>
      <c r="V13852">
        <v>28</v>
      </c>
      <c r="W13852">
        <v>28</v>
      </c>
      <c r="X13852">
        <v>29</v>
      </c>
      <c r="Y13852">
        <v>30</v>
      </c>
      <c r="Z13852">
        <v>30</v>
      </c>
      <c r="AA13852">
        <v>31</v>
      </c>
      <c r="AB13852">
        <v>31</v>
      </c>
      <c r="AC13852">
        <v>32</v>
      </c>
      <c r="AD13852">
        <v>33</v>
      </c>
      <c r="AE13852">
        <v>33</v>
      </c>
      <c r="AF13852">
        <v>33</v>
      </c>
      <c r="AG13852">
        <v>33</v>
      </c>
      <c r="AH13852">
        <v>34</v>
      </c>
      <c r="AI13852">
        <v>34</v>
      </c>
      <c r="AJ13852">
        <v>34</v>
      </c>
      <c r="AK13852">
        <v>34</v>
      </c>
      <c r="AL13852">
        <v>34</v>
      </c>
      <c r="AM13852">
        <v>34</v>
      </c>
      <c r="AN13852">
        <v>34</v>
      </c>
      <c r="AO13852">
        <v>34</v>
      </c>
      <c r="AP13852">
        <v>34</v>
      </c>
      <c r="AQ13852">
        <v>35</v>
      </c>
    </row>
    <row r="13853" spans="1:43">
      <c r="A13853" t="s">
        <v>8596</v>
      </c>
      <c r="B13853" t="s">
        <v>8597</v>
      </c>
      <c r="C13853" t="s">
        <v>8544</v>
      </c>
      <c r="D13853" t="s">
        <v>8545</v>
      </c>
      <c r="E13853" t="s">
        <v>8296</v>
      </c>
      <c r="F13853" t="s">
        <v>8297</v>
      </c>
      <c r="G13853" t="s">
        <v>80</v>
      </c>
      <c r="H13853" t="s">
        <v>81</v>
      </c>
      <c r="I13853" s="2">
        <v>0</v>
      </c>
      <c r="J13853" s="2">
        <v>1</v>
      </c>
      <c r="K13853" s="2">
        <v>0</v>
      </c>
      <c r="L13853" t="s">
        <v>82</v>
      </c>
      <c r="M13853" t="s">
        <v>83</v>
      </c>
      <c r="N13853" t="s">
        <v>91</v>
      </c>
      <c r="O13853" t="s">
        <v>85</v>
      </c>
      <c r="P13853" t="s">
        <v>86</v>
      </c>
      <c r="Q13853">
        <v>24</v>
      </c>
      <c r="R13853">
        <v>25</v>
      </c>
      <c r="S13853">
        <v>25</v>
      </c>
      <c r="T13853">
        <v>26</v>
      </c>
      <c r="U13853">
        <v>26</v>
      </c>
      <c r="V13853">
        <v>27</v>
      </c>
      <c r="W13853">
        <v>27</v>
      </c>
      <c r="X13853">
        <v>28</v>
      </c>
      <c r="Y13853">
        <v>28</v>
      </c>
      <c r="Z13853">
        <v>29</v>
      </c>
      <c r="AA13853">
        <v>29</v>
      </c>
      <c r="AB13853">
        <v>29</v>
      </c>
      <c r="AC13853">
        <v>30</v>
      </c>
      <c r="AD13853">
        <v>30</v>
      </c>
      <c r="AE13853">
        <v>31</v>
      </c>
      <c r="AF13853">
        <v>31</v>
      </c>
      <c r="AG13853">
        <v>32</v>
      </c>
      <c r="AH13853">
        <v>32</v>
      </c>
      <c r="AI13853">
        <v>33</v>
      </c>
      <c r="AJ13853">
        <v>33</v>
      </c>
      <c r="AK13853">
        <v>34</v>
      </c>
      <c r="AL13853">
        <v>34</v>
      </c>
      <c r="AM13853">
        <v>34</v>
      </c>
      <c r="AN13853">
        <v>34</v>
      </c>
      <c r="AO13853">
        <v>34</v>
      </c>
      <c r="AP13853">
        <v>34</v>
      </c>
      <c r="AQ13853">
        <v>34</v>
      </c>
    </row>
    <row r="13854" spans="1:43">
      <c r="A13854" t="s">
        <v>8598</v>
      </c>
      <c r="B13854" t="s">
        <v>8599</v>
      </c>
      <c r="C13854" t="s">
        <v>8544</v>
      </c>
      <c r="D13854" t="s">
        <v>8545</v>
      </c>
      <c r="E13854" t="s">
        <v>8296</v>
      </c>
      <c r="F13854" t="s">
        <v>8297</v>
      </c>
      <c r="G13854" t="s">
        <v>80</v>
      </c>
      <c r="H13854" t="s">
        <v>81</v>
      </c>
      <c r="I13854" s="2">
        <v>0</v>
      </c>
      <c r="J13854" s="2">
        <v>1</v>
      </c>
      <c r="K13854" s="2">
        <v>0</v>
      </c>
      <c r="L13854" t="s">
        <v>82</v>
      </c>
      <c r="M13854" t="s">
        <v>83</v>
      </c>
      <c r="N13854" t="s">
        <v>84</v>
      </c>
      <c r="O13854" t="s">
        <v>85</v>
      </c>
      <c r="P13854" t="s">
        <v>86</v>
      </c>
      <c r="Q13854">
        <v>35</v>
      </c>
      <c r="R13854">
        <v>35</v>
      </c>
      <c r="S13854">
        <v>36</v>
      </c>
      <c r="T13854">
        <v>37</v>
      </c>
      <c r="U13854">
        <v>38</v>
      </c>
      <c r="V13854">
        <v>38</v>
      </c>
      <c r="W13854">
        <v>39</v>
      </c>
      <c r="X13854">
        <v>40</v>
      </c>
      <c r="Y13854">
        <v>40</v>
      </c>
      <c r="Z13854">
        <v>41</v>
      </c>
      <c r="AA13854">
        <v>42</v>
      </c>
      <c r="AB13854">
        <v>42</v>
      </c>
      <c r="AC13854">
        <v>43</v>
      </c>
      <c r="AD13854">
        <v>44</v>
      </c>
      <c r="AE13854">
        <v>44</v>
      </c>
      <c r="AF13854">
        <v>45</v>
      </c>
      <c r="AG13854">
        <v>46</v>
      </c>
      <c r="AH13854">
        <v>46</v>
      </c>
      <c r="AI13854">
        <v>47</v>
      </c>
      <c r="AJ13854">
        <v>48</v>
      </c>
      <c r="AK13854">
        <v>48</v>
      </c>
      <c r="AL13854">
        <v>49</v>
      </c>
      <c r="AM13854">
        <v>49</v>
      </c>
      <c r="AN13854">
        <v>49</v>
      </c>
      <c r="AO13854">
        <v>49</v>
      </c>
      <c r="AP13854">
        <v>49</v>
      </c>
      <c r="AQ13854">
        <v>49</v>
      </c>
    </row>
    <row r="13855" spans="1:43">
      <c r="A13855" t="s">
        <v>8598</v>
      </c>
      <c r="B13855" t="s">
        <v>8599</v>
      </c>
      <c r="C13855" t="s">
        <v>8544</v>
      </c>
      <c r="D13855" t="s">
        <v>8545</v>
      </c>
      <c r="E13855" t="s">
        <v>8296</v>
      </c>
      <c r="F13855" t="s">
        <v>8297</v>
      </c>
      <c r="G13855" t="s">
        <v>80</v>
      </c>
      <c r="H13855" t="s">
        <v>81</v>
      </c>
      <c r="I13855" s="2">
        <v>0</v>
      </c>
      <c r="J13855" s="2">
        <v>1</v>
      </c>
      <c r="K13855" s="2">
        <v>0</v>
      </c>
      <c r="L13855" t="s">
        <v>82</v>
      </c>
      <c r="M13855" t="s">
        <v>87</v>
      </c>
      <c r="N13855" t="s">
        <v>88</v>
      </c>
      <c r="O13855" t="s">
        <v>85</v>
      </c>
      <c r="P13855" t="s">
        <v>86</v>
      </c>
      <c r="Q13855">
        <v>35</v>
      </c>
      <c r="R13855">
        <v>36</v>
      </c>
      <c r="S13855">
        <v>36</v>
      </c>
      <c r="T13855">
        <v>37</v>
      </c>
      <c r="U13855">
        <v>37</v>
      </c>
      <c r="V13855">
        <v>37</v>
      </c>
      <c r="W13855">
        <v>38</v>
      </c>
      <c r="X13855">
        <v>38</v>
      </c>
      <c r="Y13855">
        <v>38</v>
      </c>
      <c r="Z13855">
        <v>39</v>
      </c>
      <c r="AA13855">
        <v>39</v>
      </c>
      <c r="AB13855">
        <v>39</v>
      </c>
      <c r="AC13855">
        <v>40</v>
      </c>
      <c r="AD13855">
        <v>40</v>
      </c>
      <c r="AE13855">
        <v>40</v>
      </c>
      <c r="AF13855">
        <v>41</v>
      </c>
      <c r="AG13855">
        <v>41</v>
      </c>
      <c r="AH13855">
        <v>41</v>
      </c>
      <c r="AI13855">
        <v>41</v>
      </c>
      <c r="AJ13855">
        <v>42</v>
      </c>
      <c r="AK13855">
        <v>42</v>
      </c>
      <c r="AL13855">
        <v>42</v>
      </c>
      <c r="AM13855">
        <v>43</v>
      </c>
      <c r="AN13855">
        <v>43</v>
      </c>
      <c r="AO13855">
        <v>43</v>
      </c>
      <c r="AP13855">
        <v>44</v>
      </c>
      <c r="AQ13855">
        <v>44</v>
      </c>
    </row>
    <row r="13856" spans="1:43">
      <c r="A13856" t="s">
        <v>8598</v>
      </c>
      <c r="B13856" t="s">
        <v>8599</v>
      </c>
      <c r="C13856" t="s">
        <v>8544</v>
      </c>
      <c r="D13856" t="s">
        <v>8545</v>
      </c>
      <c r="E13856" t="s">
        <v>8296</v>
      </c>
      <c r="F13856" t="s">
        <v>8297</v>
      </c>
      <c r="G13856" t="s">
        <v>80</v>
      </c>
      <c r="H13856" t="s">
        <v>81</v>
      </c>
      <c r="I13856" s="2">
        <v>0</v>
      </c>
      <c r="J13856" s="2">
        <v>1</v>
      </c>
      <c r="K13856" s="2">
        <v>0</v>
      </c>
      <c r="L13856" t="s">
        <v>82</v>
      </c>
      <c r="M13856" t="s">
        <v>89</v>
      </c>
      <c r="N13856" t="s">
        <v>90</v>
      </c>
      <c r="O13856" t="s">
        <v>85</v>
      </c>
      <c r="P13856" t="s">
        <v>86</v>
      </c>
      <c r="Q13856">
        <v>35</v>
      </c>
      <c r="R13856">
        <v>36</v>
      </c>
      <c r="S13856">
        <v>37</v>
      </c>
      <c r="T13856">
        <v>38</v>
      </c>
      <c r="U13856">
        <v>39</v>
      </c>
      <c r="V13856">
        <v>40</v>
      </c>
      <c r="W13856">
        <v>41</v>
      </c>
      <c r="X13856">
        <v>42</v>
      </c>
      <c r="Y13856">
        <v>43</v>
      </c>
      <c r="Z13856">
        <v>44</v>
      </c>
      <c r="AA13856">
        <v>44</v>
      </c>
      <c r="AB13856">
        <v>45</v>
      </c>
      <c r="AC13856">
        <v>46</v>
      </c>
      <c r="AD13856">
        <v>47</v>
      </c>
      <c r="AE13856">
        <v>48</v>
      </c>
      <c r="AF13856">
        <v>48</v>
      </c>
      <c r="AG13856">
        <v>48</v>
      </c>
      <c r="AH13856">
        <v>48</v>
      </c>
      <c r="AI13856">
        <v>48</v>
      </c>
      <c r="AJ13856">
        <v>49</v>
      </c>
      <c r="AK13856">
        <v>49</v>
      </c>
      <c r="AL13856">
        <v>49</v>
      </c>
      <c r="AM13856">
        <v>49</v>
      </c>
      <c r="AN13856">
        <v>49</v>
      </c>
      <c r="AO13856">
        <v>49</v>
      </c>
      <c r="AP13856">
        <v>50</v>
      </c>
      <c r="AQ13856">
        <v>50</v>
      </c>
    </row>
    <row r="13857" spans="1:43">
      <c r="A13857" t="s">
        <v>8598</v>
      </c>
      <c r="B13857" t="s">
        <v>8599</v>
      </c>
      <c r="C13857" t="s">
        <v>8544</v>
      </c>
      <c r="D13857" t="s">
        <v>8545</v>
      </c>
      <c r="E13857" t="s">
        <v>8296</v>
      </c>
      <c r="F13857" t="s">
        <v>8297</v>
      </c>
      <c r="G13857" t="s">
        <v>80</v>
      </c>
      <c r="H13857" t="s">
        <v>81</v>
      </c>
      <c r="I13857" s="2">
        <v>0</v>
      </c>
      <c r="J13857" s="2">
        <v>1</v>
      </c>
      <c r="K13857" s="2">
        <v>0</v>
      </c>
      <c r="L13857" t="s">
        <v>82</v>
      </c>
      <c r="M13857" t="s">
        <v>83</v>
      </c>
      <c r="N13857" t="s">
        <v>91</v>
      </c>
      <c r="O13857" t="s">
        <v>85</v>
      </c>
      <c r="P13857" t="s">
        <v>86</v>
      </c>
      <c r="Q13857">
        <v>35</v>
      </c>
      <c r="R13857">
        <v>35</v>
      </c>
      <c r="S13857">
        <v>36</v>
      </c>
      <c r="T13857">
        <v>37</v>
      </c>
      <c r="U13857">
        <v>38</v>
      </c>
      <c r="V13857">
        <v>38</v>
      </c>
      <c r="W13857">
        <v>39</v>
      </c>
      <c r="X13857">
        <v>40</v>
      </c>
      <c r="Y13857">
        <v>40</v>
      </c>
      <c r="Z13857">
        <v>41</v>
      </c>
      <c r="AA13857">
        <v>42</v>
      </c>
      <c r="AB13857">
        <v>42</v>
      </c>
      <c r="AC13857">
        <v>43</v>
      </c>
      <c r="AD13857">
        <v>44</v>
      </c>
      <c r="AE13857">
        <v>44</v>
      </c>
      <c r="AF13857">
        <v>45</v>
      </c>
      <c r="AG13857">
        <v>46</v>
      </c>
      <c r="AH13857">
        <v>46</v>
      </c>
      <c r="AI13857">
        <v>47</v>
      </c>
      <c r="AJ13857">
        <v>48</v>
      </c>
      <c r="AK13857">
        <v>48</v>
      </c>
      <c r="AL13857">
        <v>49</v>
      </c>
      <c r="AM13857">
        <v>49</v>
      </c>
      <c r="AN13857">
        <v>49</v>
      </c>
      <c r="AO13857">
        <v>49</v>
      </c>
      <c r="AP13857">
        <v>49</v>
      </c>
      <c r="AQ13857">
        <v>49</v>
      </c>
    </row>
    <row r="13858" spans="1:43">
      <c r="A13858" t="s">
        <v>8600</v>
      </c>
      <c r="B13858" t="s">
        <v>8601</v>
      </c>
      <c r="C13858" t="s">
        <v>8544</v>
      </c>
      <c r="D13858" t="s">
        <v>8545</v>
      </c>
      <c r="E13858" t="s">
        <v>8296</v>
      </c>
      <c r="F13858" t="s">
        <v>8297</v>
      </c>
      <c r="G13858" t="s">
        <v>80</v>
      </c>
      <c r="H13858" t="s">
        <v>81</v>
      </c>
      <c r="I13858" s="2">
        <v>0</v>
      </c>
      <c r="J13858" s="2">
        <v>1</v>
      </c>
      <c r="K13858" s="2">
        <v>0</v>
      </c>
      <c r="L13858" t="s">
        <v>82</v>
      </c>
      <c r="M13858" t="s">
        <v>83</v>
      </c>
      <c r="N13858" t="s">
        <v>84</v>
      </c>
      <c r="O13858" t="s">
        <v>85</v>
      </c>
      <c r="P13858" t="s">
        <v>86</v>
      </c>
      <c r="Q13858">
        <v>18</v>
      </c>
      <c r="R13858">
        <v>18</v>
      </c>
      <c r="S13858">
        <v>19</v>
      </c>
      <c r="T13858">
        <v>19</v>
      </c>
      <c r="U13858">
        <v>19</v>
      </c>
      <c r="V13858">
        <v>20</v>
      </c>
      <c r="W13858">
        <v>20</v>
      </c>
      <c r="X13858">
        <v>20</v>
      </c>
      <c r="Y13858">
        <v>21</v>
      </c>
      <c r="Z13858">
        <v>21</v>
      </c>
      <c r="AA13858">
        <v>22</v>
      </c>
      <c r="AB13858">
        <v>22</v>
      </c>
      <c r="AC13858">
        <v>22</v>
      </c>
      <c r="AD13858">
        <v>23</v>
      </c>
      <c r="AE13858">
        <v>23</v>
      </c>
      <c r="AF13858">
        <v>23</v>
      </c>
      <c r="AG13858">
        <v>24</v>
      </c>
      <c r="AH13858">
        <v>24</v>
      </c>
      <c r="AI13858">
        <v>24</v>
      </c>
      <c r="AJ13858">
        <v>25</v>
      </c>
      <c r="AK13858">
        <v>25</v>
      </c>
      <c r="AL13858">
        <v>25</v>
      </c>
      <c r="AM13858">
        <v>25</v>
      </c>
      <c r="AN13858">
        <v>25</v>
      </c>
      <c r="AO13858">
        <v>25</v>
      </c>
      <c r="AP13858">
        <v>26</v>
      </c>
      <c r="AQ13858">
        <v>26</v>
      </c>
    </row>
    <row r="13859" spans="1:43">
      <c r="A13859" t="s">
        <v>8600</v>
      </c>
      <c r="B13859" t="s">
        <v>8601</v>
      </c>
      <c r="C13859" t="s">
        <v>8544</v>
      </c>
      <c r="D13859" t="s">
        <v>8545</v>
      </c>
      <c r="E13859" t="s">
        <v>8296</v>
      </c>
      <c r="F13859" t="s">
        <v>8297</v>
      </c>
      <c r="G13859" t="s">
        <v>80</v>
      </c>
      <c r="H13859" t="s">
        <v>81</v>
      </c>
      <c r="I13859" s="2">
        <v>0</v>
      </c>
      <c r="J13859" s="2">
        <v>1</v>
      </c>
      <c r="K13859" s="2">
        <v>0</v>
      </c>
      <c r="L13859" t="s">
        <v>82</v>
      </c>
      <c r="M13859" t="s">
        <v>87</v>
      </c>
      <c r="N13859" t="s">
        <v>88</v>
      </c>
      <c r="O13859" t="s">
        <v>85</v>
      </c>
      <c r="P13859" t="s">
        <v>86</v>
      </c>
      <c r="Q13859">
        <v>18</v>
      </c>
      <c r="R13859">
        <v>18</v>
      </c>
      <c r="S13859">
        <v>18</v>
      </c>
      <c r="T13859">
        <v>18</v>
      </c>
      <c r="U13859">
        <v>19</v>
      </c>
      <c r="V13859">
        <v>19</v>
      </c>
      <c r="W13859">
        <v>19</v>
      </c>
      <c r="X13859">
        <v>19</v>
      </c>
      <c r="Y13859">
        <v>19</v>
      </c>
      <c r="Z13859">
        <v>19</v>
      </c>
      <c r="AA13859">
        <v>20</v>
      </c>
      <c r="AB13859">
        <v>20</v>
      </c>
      <c r="AC13859">
        <v>20</v>
      </c>
      <c r="AD13859">
        <v>20</v>
      </c>
      <c r="AE13859">
        <v>20</v>
      </c>
      <c r="AF13859">
        <v>20</v>
      </c>
      <c r="AG13859">
        <v>21</v>
      </c>
      <c r="AH13859">
        <v>21</v>
      </c>
      <c r="AI13859">
        <v>21</v>
      </c>
      <c r="AJ13859">
        <v>21</v>
      </c>
      <c r="AK13859">
        <v>21</v>
      </c>
      <c r="AL13859">
        <v>21</v>
      </c>
      <c r="AM13859">
        <v>22</v>
      </c>
      <c r="AN13859">
        <v>22</v>
      </c>
      <c r="AO13859">
        <v>22</v>
      </c>
      <c r="AP13859">
        <v>22</v>
      </c>
      <c r="AQ13859">
        <v>22</v>
      </c>
    </row>
    <row r="13860" spans="1:43">
      <c r="A13860" t="s">
        <v>8600</v>
      </c>
      <c r="B13860" t="s">
        <v>8601</v>
      </c>
      <c r="C13860" t="s">
        <v>8544</v>
      </c>
      <c r="D13860" t="s">
        <v>8545</v>
      </c>
      <c r="E13860" t="s">
        <v>8296</v>
      </c>
      <c r="F13860" t="s">
        <v>8297</v>
      </c>
      <c r="G13860" t="s">
        <v>80</v>
      </c>
      <c r="H13860" t="s">
        <v>81</v>
      </c>
      <c r="I13860" s="2">
        <v>0</v>
      </c>
      <c r="J13860" s="2">
        <v>1</v>
      </c>
      <c r="K13860" s="2">
        <v>0</v>
      </c>
      <c r="L13860" t="s">
        <v>82</v>
      </c>
      <c r="M13860" t="s">
        <v>89</v>
      </c>
      <c r="N13860" t="s">
        <v>90</v>
      </c>
      <c r="O13860" t="s">
        <v>85</v>
      </c>
      <c r="P13860" t="s">
        <v>86</v>
      </c>
      <c r="Q13860">
        <v>18</v>
      </c>
      <c r="R13860">
        <v>19</v>
      </c>
      <c r="S13860">
        <v>19</v>
      </c>
      <c r="T13860">
        <v>20</v>
      </c>
      <c r="U13860">
        <v>20</v>
      </c>
      <c r="V13860">
        <v>21</v>
      </c>
      <c r="W13860">
        <v>21</v>
      </c>
      <c r="X13860">
        <v>22</v>
      </c>
      <c r="Y13860">
        <v>22</v>
      </c>
      <c r="Z13860">
        <v>23</v>
      </c>
      <c r="AA13860">
        <v>23</v>
      </c>
      <c r="AB13860">
        <v>23</v>
      </c>
      <c r="AC13860">
        <v>24</v>
      </c>
      <c r="AD13860">
        <v>24</v>
      </c>
      <c r="AE13860">
        <v>25</v>
      </c>
      <c r="AF13860">
        <v>25</v>
      </c>
      <c r="AG13860">
        <v>25</v>
      </c>
      <c r="AH13860">
        <v>25</v>
      </c>
      <c r="AI13860">
        <v>25</v>
      </c>
      <c r="AJ13860">
        <v>25</v>
      </c>
      <c r="AK13860">
        <v>25</v>
      </c>
      <c r="AL13860">
        <v>25</v>
      </c>
      <c r="AM13860">
        <v>25</v>
      </c>
      <c r="AN13860">
        <v>25</v>
      </c>
      <c r="AO13860">
        <v>26</v>
      </c>
      <c r="AP13860">
        <v>26</v>
      </c>
      <c r="AQ13860">
        <v>26</v>
      </c>
    </row>
    <row r="13861" spans="1:43">
      <c r="A13861" t="s">
        <v>8600</v>
      </c>
      <c r="B13861" t="s">
        <v>8601</v>
      </c>
      <c r="C13861" t="s">
        <v>8544</v>
      </c>
      <c r="D13861" t="s">
        <v>8545</v>
      </c>
      <c r="E13861" t="s">
        <v>8296</v>
      </c>
      <c r="F13861" t="s">
        <v>8297</v>
      </c>
      <c r="G13861" t="s">
        <v>80</v>
      </c>
      <c r="H13861" t="s">
        <v>81</v>
      </c>
      <c r="I13861" s="2">
        <v>0</v>
      </c>
      <c r="J13861" s="2">
        <v>1</v>
      </c>
      <c r="K13861" s="2">
        <v>0</v>
      </c>
      <c r="L13861" t="s">
        <v>82</v>
      </c>
      <c r="M13861" t="s">
        <v>83</v>
      </c>
      <c r="N13861" t="s">
        <v>91</v>
      </c>
      <c r="O13861" t="s">
        <v>85</v>
      </c>
      <c r="P13861" t="s">
        <v>86</v>
      </c>
      <c r="Q13861">
        <v>18</v>
      </c>
      <c r="R13861">
        <v>18</v>
      </c>
      <c r="S13861">
        <v>19</v>
      </c>
      <c r="T13861">
        <v>19</v>
      </c>
      <c r="U13861">
        <v>19</v>
      </c>
      <c r="V13861">
        <v>20</v>
      </c>
      <c r="W13861">
        <v>20</v>
      </c>
      <c r="X13861">
        <v>20</v>
      </c>
      <c r="Y13861">
        <v>21</v>
      </c>
      <c r="Z13861">
        <v>21</v>
      </c>
      <c r="AA13861">
        <v>22</v>
      </c>
      <c r="AB13861">
        <v>22</v>
      </c>
      <c r="AC13861">
        <v>22</v>
      </c>
      <c r="AD13861">
        <v>23</v>
      </c>
      <c r="AE13861">
        <v>23</v>
      </c>
      <c r="AF13861">
        <v>23</v>
      </c>
      <c r="AG13861">
        <v>24</v>
      </c>
      <c r="AH13861">
        <v>24</v>
      </c>
      <c r="AI13861">
        <v>24</v>
      </c>
      <c r="AJ13861">
        <v>25</v>
      </c>
      <c r="AK13861">
        <v>25</v>
      </c>
      <c r="AL13861">
        <v>25</v>
      </c>
      <c r="AM13861">
        <v>25</v>
      </c>
      <c r="AN13861">
        <v>25</v>
      </c>
      <c r="AO13861">
        <v>25</v>
      </c>
      <c r="AP13861">
        <v>26</v>
      </c>
      <c r="AQ13861">
        <v>26</v>
      </c>
    </row>
    <row r="13862" spans="1:43">
      <c r="A13862" t="s">
        <v>8602</v>
      </c>
      <c r="B13862" t="s">
        <v>8603</v>
      </c>
      <c r="C13862" t="s">
        <v>8604</v>
      </c>
      <c r="D13862" t="s">
        <v>8605</v>
      </c>
      <c r="E13862" t="s">
        <v>8296</v>
      </c>
      <c r="F13862" t="s">
        <v>8297</v>
      </c>
      <c r="G13862" t="s">
        <v>80</v>
      </c>
      <c r="H13862" t="s">
        <v>81</v>
      </c>
      <c r="I13862" s="2">
        <v>0</v>
      </c>
      <c r="J13862" s="2">
        <v>1</v>
      </c>
      <c r="K13862" s="2">
        <v>0</v>
      </c>
      <c r="L13862" t="s">
        <v>82</v>
      </c>
      <c r="M13862" t="s">
        <v>83</v>
      </c>
      <c r="N13862" t="s">
        <v>84</v>
      </c>
      <c r="O13862" t="s">
        <v>85</v>
      </c>
      <c r="P13862" t="s">
        <v>86</v>
      </c>
      <c r="Q13862">
        <v>62</v>
      </c>
      <c r="R13862">
        <v>63</v>
      </c>
      <c r="S13862">
        <v>64</v>
      </c>
      <c r="T13862">
        <v>65</v>
      </c>
      <c r="U13862">
        <v>66</v>
      </c>
      <c r="V13862">
        <v>68</v>
      </c>
      <c r="W13862">
        <v>69</v>
      </c>
      <c r="X13862">
        <v>70</v>
      </c>
      <c r="Y13862">
        <v>71</v>
      </c>
      <c r="Z13862">
        <v>73</v>
      </c>
      <c r="AA13862">
        <v>74</v>
      </c>
      <c r="AB13862">
        <v>75</v>
      </c>
      <c r="AC13862">
        <v>76</v>
      </c>
      <c r="AD13862">
        <v>77</v>
      </c>
      <c r="AE13862">
        <v>78</v>
      </c>
      <c r="AF13862">
        <v>80</v>
      </c>
      <c r="AG13862">
        <v>81</v>
      </c>
      <c r="AH13862">
        <v>82</v>
      </c>
      <c r="AI13862">
        <v>83</v>
      </c>
      <c r="AJ13862">
        <v>84</v>
      </c>
      <c r="AK13862">
        <v>86</v>
      </c>
      <c r="AL13862">
        <v>86</v>
      </c>
      <c r="AM13862">
        <v>87</v>
      </c>
      <c r="AN13862">
        <v>87</v>
      </c>
      <c r="AO13862">
        <v>87</v>
      </c>
      <c r="AP13862">
        <v>87</v>
      </c>
      <c r="AQ13862">
        <v>88</v>
      </c>
    </row>
    <row r="13863" spans="1:43">
      <c r="A13863" t="s">
        <v>8602</v>
      </c>
      <c r="B13863" t="s">
        <v>8603</v>
      </c>
      <c r="C13863" t="s">
        <v>8604</v>
      </c>
      <c r="D13863" t="s">
        <v>8605</v>
      </c>
      <c r="E13863" t="s">
        <v>8296</v>
      </c>
      <c r="F13863" t="s">
        <v>8297</v>
      </c>
      <c r="G13863" t="s">
        <v>80</v>
      </c>
      <c r="H13863" t="s">
        <v>81</v>
      </c>
      <c r="I13863" s="2">
        <v>0</v>
      </c>
      <c r="J13863" s="2">
        <v>1</v>
      </c>
      <c r="K13863" s="2">
        <v>0</v>
      </c>
      <c r="L13863" t="s">
        <v>82</v>
      </c>
      <c r="M13863" t="s">
        <v>87</v>
      </c>
      <c r="N13863" t="s">
        <v>88</v>
      </c>
      <c r="O13863" t="s">
        <v>85</v>
      </c>
      <c r="P13863" t="s">
        <v>86</v>
      </c>
      <c r="Q13863">
        <v>62</v>
      </c>
      <c r="R13863">
        <v>63</v>
      </c>
      <c r="S13863">
        <v>63</v>
      </c>
      <c r="T13863">
        <v>64</v>
      </c>
      <c r="U13863">
        <v>65</v>
      </c>
      <c r="V13863">
        <v>65</v>
      </c>
      <c r="W13863">
        <v>66</v>
      </c>
      <c r="X13863">
        <v>66</v>
      </c>
      <c r="Y13863">
        <v>67</v>
      </c>
      <c r="Z13863">
        <v>68</v>
      </c>
      <c r="AA13863">
        <v>68</v>
      </c>
      <c r="AB13863">
        <v>69</v>
      </c>
      <c r="AC13863">
        <v>69</v>
      </c>
      <c r="AD13863">
        <v>70</v>
      </c>
      <c r="AE13863">
        <v>70</v>
      </c>
      <c r="AF13863">
        <v>71</v>
      </c>
      <c r="AG13863">
        <v>72</v>
      </c>
      <c r="AH13863">
        <v>72</v>
      </c>
      <c r="AI13863">
        <v>73</v>
      </c>
      <c r="AJ13863">
        <v>73</v>
      </c>
      <c r="AK13863">
        <v>74</v>
      </c>
      <c r="AL13863">
        <v>74</v>
      </c>
      <c r="AM13863">
        <v>75</v>
      </c>
      <c r="AN13863">
        <v>75</v>
      </c>
      <c r="AO13863">
        <v>76</v>
      </c>
      <c r="AP13863">
        <v>77</v>
      </c>
      <c r="AQ13863">
        <v>77</v>
      </c>
    </row>
    <row r="13864" spans="1:43">
      <c r="A13864" t="s">
        <v>8602</v>
      </c>
      <c r="B13864" t="s">
        <v>8603</v>
      </c>
      <c r="C13864" t="s">
        <v>8604</v>
      </c>
      <c r="D13864" t="s">
        <v>8605</v>
      </c>
      <c r="E13864" t="s">
        <v>8296</v>
      </c>
      <c r="F13864" t="s">
        <v>8297</v>
      </c>
      <c r="G13864" t="s">
        <v>80</v>
      </c>
      <c r="H13864" t="s">
        <v>81</v>
      </c>
      <c r="I13864" s="2">
        <v>0</v>
      </c>
      <c r="J13864" s="2">
        <v>1</v>
      </c>
      <c r="K13864" s="2">
        <v>0</v>
      </c>
      <c r="L13864" t="s">
        <v>82</v>
      </c>
      <c r="M13864" t="s">
        <v>89</v>
      </c>
      <c r="N13864" t="s">
        <v>90</v>
      </c>
      <c r="O13864" t="s">
        <v>85</v>
      </c>
      <c r="P13864" t="s">
        <v>86</v>
      </c>
      <c r="Q13864">
        <v>62</v>
      </c>
      <c r="R13864">
        <v>64</v>
      </c>
      <c r="S13864">
        <v>66</v>
      </c>
      <c r="T13864">
        <v>67</v>
      </c>
      <c r="U13864">
        <v>69</v>
      </c>
      <c r="V13864">
        <v>71</v>
      </c>
      <c r="W13864">
        <v>72</v>
      </c>
      <c r="X13864">
        <v>74</v>
      </c>
      <c r="Y13864">
        <v>76</v>
      </c>
      <c r="Z13864">
        <v>77</v>
      </c>
      <c r="AA13864">
        <v>79</v>
      </c>
      <c r="AB13864">
        <v>80</v>
      </c>
      <c r="AC13864">
        <v>82</v>
      </c>
      <c r="AD13864">
        <v>83</v>
      </c>
      <c r="AE13864">
        <v>84</v>
      </c>
      <c r="AF13864">
        <v>85</v>
      </c>
      <c r="AG13864">
        <v>85</v>
      </c>
      <c r="AH13864">
        <v>85</v>
      </c>
      <c r="AI13864">
        <v>86</v>
      </c>
      <c r="AJ13864">
        <v>86</v>
      </c>
      <c r="AK13864">
        <v>86</v>
      </c>
      <c r="AL13864">
        <v>87</v>
      </c>
      <c r="AM13864">
        <v>87</v>
      </c>
      <c r="AN13864">
        <v>87</v>
      </c>
      <c r="AO13864">
        <v>87</v>
      </c>
      <c r="AP13864">
        <v>88</v>
      </c>
      <c r="AQ13864">
        <v>88</v>
      </c>
    </row>
    <row r="13865" spans="1:43">
      <c r="A13865" t="s">
        <v>8602</v>
      </c>
      <c r="B13865" t="s">
        <v>8603</v>
      </c>
      <c r="C13865" t="s">
        <v>8604</v>
      </c>
      <c r="D13865" t="s">
        <v>8605</v>
      </c>
      <c r="E13865" t="s">
        <v>8296</v>
      </c>
      <c r="F13865" t="s">
        <v>8297</v>
      </c>
      <c r="G13865" t="s">
        <v>80</v>
      </c>
      <c r="H13865" t="s">
        <v>81</v>
      </c>
      <c r="I13865" s="2">
        <v>0</v>
      </c>
      <c r="J13865" s="2">
        <v>1</v>
      </c>
      <c r="K13865" s="2">
        <v>0</v>
      </c>
      <c r="L13865" t="s">
        <v>82</v>
      </c>
      <c r="M13865" t="s">
        <v>83</v>
      </c>
      <c r="N13865" t="s">
        <v>91</v>
      </c>
      <c r="O13865" t="s">
        <v>85</v>
      </c>
      <c r="P13865" t="s">
        <v>86</v>
      </c>
      <c r="Q13865">
        <v>62</v>
      </c>
      <c r="R13865">
        <v>63</v>
      </c>
      <c r="S13865">
        <v>64</v>
      </c>
      <c r="T13865">
        <v>65</v>
      </c>
      <c r="U13865">
        <v>66</v>
      </c>
      <c r="V13865">
        <v>68</v>
      </c>
      <c r="W13865">
        <v>69</v>
      </c>
      <c r="X13865">
        <v>70</v>
      </c>
      <c r="Y13865">
        <v>71</v>
      </c>
      <c r="Z13865">
        <v>73</v>
      </c>
      <c r="AA13865">
        <v>74</v>
      </c>
      <c r="AB13865">
        <v>75</v>
      </c>
      <c r="AC13865">
        <v>76</v>
      </c>
      <c r="AD13865">
        <v>77</v>
      </c>
      <c r="AE13865">
        <v>78</v>
      </c>
      <c r="AF13865">
        <v>80</v>
      </c>
      <c r="AG13865">
        <v>81</v>
      </c>
      <c r="AH13865">
        <v>82</v>
      </c>
      <c r="AI13865">
        <v>83</v>
      </c>
      <c r="AJ13865">
        <v>84</v>
      </c>
      <c r="AK13865">
        <v>86</v>
      </c>
      <c r="AL13865">
        <v>86</v>
      </c>
      <c r="AM13865">
        <v>87</v>
      </c>
      <c r="AN13865">
        <v>87</v>
      </c>
      <c r="AO13865">
        <v>87</v>
      </c>
      <c r="AP13865">
        <v>87</v>
      </c>
      <c r="AQ13865">
        <v>88</v>
      </c>
    </row>
    <row r="13866" spans="1:43">
      <c r="A13866" t="s">
        <v>8606</v>
      </c>
      <c r="B13866" t="s">
        <v>8607</v>
      </c>
      <c r="C13866" t="s">
        <v>8604</v>
      </c>
      <c r="D13866" t="s">
        <v>8605</v>
      </c>
      <c r="E13866" t="s">
        <v>8296</v>
      </c>
      <c r="F13866" t="s">
        <v>8297</v>
      </c>
      <c r="G13866" t="s">
        <v>80</v>
      </c>
      <c r="H13866" t="s">
        <v>81</v>
      </c>
      <c r="I13866" s="2">
        <v>0</v>
      </c>
      <c r="J13866" s="2">
        <v>1</v>
      </c>
      <c r="K13866" s="2">
        <v>0</v>
      </c>
      <c r="L13866" t="s">
        <v>82</v>
      </c>
      <c r="M13866" t="s">
        <v>83</v>
      </c>
      <c r="N13866" t="s">
        <v>84</v>
      </c>
      <c r="O13866" t="s">
        <v>85</v>
      </c>
      <c r="P13866" t="s">
        <v>86</v>
      </c>
      <c r="Q13866">
        <v>9</v>
      </c>
      <c r="R13866">
        <v>9</v>
      </c>
      <c r="S13866">
        <v>9</v>
      </c>
      <c r="T13866">
        <v>9</v>
      </c>
      <c r="U13866">
        <v>9</v>
      </c>
      <c r="V13866">
        <v>10</v>
      </c>
      <c r="W13866">
        <v>10</v>
      </c>
      <c r="X13866">
        <v>10</v>
      </c>
      <c r="Y13866">
        <v>10</v>
      </c>
      <c r="Z13866">
        <v>10</v>
      </c>
      <c r="AA13866">
        <v>10</v>
      </c>
      <c r="AB13866">
        <v>11</v>
      </c>
      <c r="AC13866">
        <v>11</v>
      </c>
      <c r="AD13866">
        <v>11</v>
      </c>
      <c r="AE13866">
        <v>11</v>
      </c>
      <c r="AF13866">
        <v>11</v>
      </c>
      <c r="AG13866">
        <v>11</v>
      </c>
      <c r="AH13866">
        <v>12</v>
      </c>
      <c r="AI13866">
        <v>12</v>
      </c>
      <c r="AJ13866">
        <v>12</v>
      </c>
      <c r="AK13866">
        <v>12</v>
      </c>
      <c r="AL13866">
        <v>12</v>
      </c>
      <c r="AM13866">
        <v>12</v>
      </c>
      <c r="AN13866">
        <v>12</v>
      </c>
      <c r="AO13866">
        <v>12</v>
      </c>
      <c r="AP13866">
        <v>12</v>
      </c>
      <c r="AQ13866">
        <v>12</v>
      </c>
    </row>
    <row r="13867" spans="1:43">
      <c r="A13867" t="s">
        <v>8606</v>
      </c>
      <c r="B13867" t="s">
        <v>8607</v>
      </c>
      <c r="C13867" t="s">
        <v>8604</v>
      </c>
      <c r="D13867" t="s">
        <v>8605</v>
      </c>
      <c r="E13867" t="s">
        <v>8296</v>
      </c>
      <c r="F13867" t="s">
        <v>8297</v>
      </c>
      <c r="G13867" t="s">
        <v>80</v>
      </c>
      <c r="H13867" t="s">
        <v>81</v>
      </c>
      <c r="I13867" s="2">
        <v>0</v>
      </c>
      <c r="J13867" s="2">
        <v>1</v>
      </c>
      <c r="K13867" s="2">
        <v>0</v>
      </c>
      <c r="L13867" t="s">
        <v>82</v>
      </c>
      <c r="M13867" t="s">
        <v>87</v>
      </c>
      <c r="N13867" t="s">
        <v>88</v>
      </c>
      <c r="O13867" t="s">
        <v>85</v>
      </c>
      <c r="P13867" t="s">
        <v>86</v>
      </c>
      <c r="Q13867">
        <v>9</v>
      </c>
      <c r="R13867">
        <v>9</v>
      </c>
      <c r="S13867">
        <v>9</v>
      </c>
      <c r="T13867">
        <v>9</v>
      </c>
      <c r="U13867">
        <v>9</v>
      </c>
      <c r="V13867">
        <v>9</v>
      </c>
      <c r="W13867">
        <v>9</v>
      </c>
      <c r="X13867">
        <v>9</v>
      </c>
      <c r="Y13867">
        <v>9</v>
      </c>
      <c r="Z13867">
        <v>9</v>
      </c>
      <c r="AA13867">
        <v>9</v>
      </c>
      <c r="AB13867">
        <v>10</v>
      </c>
      <c r="AC13867">
        <v>10</v>
      </c>
      <c r="AD13867">
        <v>10</v>
      </c>
      <c r="AE13867">
        <v>10</v>
      </c>
      <c r="AF13867">
        <v>10</v>
      </c>
      <c r="AG13867">
        <v>10</v>
      </c>
      <c r="AH13867">
        <v>10</v>
      </c>
      <c r="AI13867">
        <v>10</v>
      </c>
      <c r="AJ13867">
        <v>10</v>
      </c>
      <c r="AK13867">
        <v>10</v>
      </c>
      <c r="AL13867">
        <v>10</v>
      </c>
      <c r="AM13867">
        <v>10</v>
      </c>
      <c r="AN13867">
        <v>10</v>
      </c>
      <c r="AO13867">
        <v>11</v>
      </c>
      <c r="AP13867">
        <v>11</v>
      </c>
      <c r="AQ13867">
        <v>11</v>
      </c>
    </row>
    <row r="13868" spans="1:43">
      <c r="A13868" t="s">
        <v>8606</v>
      </c>
      <c r="B13868" t="s">
        <v>8607</v>
      </c>
      <c r="C13868" t="s">
        <v>8604</v>
      </c>
      <c r="D13868" t="s">
        <v>8605</v>
      </c>
      <c r="E13868" t="s">
        <v>8296</v>
      </c>
      <c r="F13868" t="s">
        <v>8297</v>
      </c>
      <c r="G13868" t="s">
        <v>80</v>
      </c>
      <c r="H13868" t="s">
        <v>81</v>
      </c>
      <c r="I13868" s="2">
        <v>0</v>
      </c>
      <c r="J13868" s="2">
        <v>1</v>
      </c>
      <c r="K13868" s="2">
        <v>0</v>
      </c>
      <c r="L13868" t="s">
        <v>82</v>
      </c>
      <c r="M13868" t="s">
        <v>89</v>
      </c>
      <c r="N13868" t="s">
        <v>90</v>
      </c>
      <c r="O13868" t="s">
        <v>85</v>
      </c>
      <c r="P13868" t="s">
        <v>86</v>
      </c>
      <c r="Q13868">
        <v>9</v>
      </c>
      <c r="R13868">
        <v>9</v>
      </c>
      <c r="S13868">
        <v>9</v>
      </c>
      <c r="T13868">
        <v>9</v>
      </c>
      <c r="U13868">
        <v>10</v>
      </c>
      <c r="V13868">
        <v>10</v>
      </c>
      <c r="W13868">
        <v>10</v>
      </c>
      <c r="X13868">
        <v>10</v>
      </c>
      <c r="Y13868">
        <v>11</v>
      </c>
      <c r="Z13868">
        <v>11</v>
      </c>
      <c r="AA13868">
        <v>11</v>
      </c>
      <c r="AB13868">
        <v>11</v>
      </c>
      <c r="AC13868">
        <v>11</v>
      </c>
      <c r="AD13868">
        <v>12</v>
      </c>
      <c r="AE13868">
        <v>12</v>
      </c>
      <c r="AF13868">
        <v>12</v>
      </c>
      <c r="AG13868">
        <v>12</v>
      </c>
      <c r="AH13868">
        <v>12</v>
      </c>
      <c r="AI13868">
        <v>12</v>
      </c>
      <c r="AJ13868">
        <v>12</v>
      </c>
      <c r="AK13868">
        <v>12</v>
      </c>
      <c r="AL13868">
        <v>12</v>
      </c>
      <c r="AM13868">
        <v>12</v>
      </c>
      <c r="AN13868">
        <v>12</v>
      </c>
      <c r="AO13868">
        <v>12</v>
      </c>
      <c r="AP13868">
        <v>12</v>
      </c>
      <c r="AQ13868">
        <v>12</v>
      </c>
    </row>
    <row r="13869" spans="1:43">
      <c r="A13869" t="s">
        <v>8606</v>
      </c>
      <c r="B13869" t="s">
        <v>8607</v>
      </c>
      <c r="C13869" t="s">
        <v>8604</v>
      </c>
      <c r="D13869" t="s">
        <v>8605</v>
      </c>
      <c r="E13869" t="s">
        <v>8296</v>
      </c>
      <c r="F13869" t="s">
        <v>8297</v>
      </c>
      <c r="G13869" t="s">
        <v>80</v>
      </c>
      <c r="H13869" t="s">
        <v>81</v>
      </c>
      <c r="I13869" s="2">
        <v>0</v>
      </c>
      <c r="J13869" s="2">
        <v>1</v>
      </c>
      <c r="K13869" s="2">
        <v>0</v>
      </c>
      <c r="L13869" t="s">
        <v>82</v>
      </c>
      <c r="M13869" t="s">
        <v>83</v>
      </c>
      <c r="N13869" t="s">
        <v>91</v>
      </c>
      <c r="O13869" t="s">
        <v>85</v>
      </c>
      <c r="P13869" t="s">
        <v>86</v>
      </c>
      <c r="Q13869">
        <v>9</v>
      </c>
      <c r="R13869">
        <v>9</v>
      </c>
      <c r="S13869">
        <v>9</v>
      </c>
      <c r="T13869">
        <v>9</v>
      </c>
      <c r="U13869">
        <v>9</v>
      </c>
      <c r="V13869">
        <v>10</v>
      </c>
      <c r="W13869">
        <v>10</v>
      </c>
      <c r="X13869">
        <v>10</v>
      </c>
      <c r="Y13869">
        <v>10</v>
      </c>
      <c r="Z13869">
        <v>10</v>
      </c>
      <c r="AA13869">
        <v>10</v>
      </c>
      <c r="AB13869">
        <v>11</v>
      </c>
      <c r="AC13869">
        <v>11</v>
      </c>
      <c r="AD13869">
        <v>11</v>
      </c>
      <c r="AE13869">
        <v>11</v>
      </c>
      <c r="AF13869">
        <v>11</v>
      </c>
      <c r="AG13869">
        <v>11</v>
      </c>
      <c r="AH13869">
        <v>12</v>
      </c>
      <c r="AI13869">
        <v>12</v>
      </c>
      <c r="AJ13869">
        <v>12</v>
      </c>
      <c r="AK13869">
        <v>12</v>
      </c>
      <c r="AL13869">
        <v>12</v>
      </c>
      <c r="AM13869">
        <v>12</v>
      </c>
      <c r="AN13869">
        <v>12</v>
      </c>
      <c r="AO13869">
        <v>12</v>
      </c>
      <c r="AP13869">
        <v>12</v>
      </c>
      <c r="AQ13869">
        <v>12</v>
      </c>
    </row>
    <row r="13870" spans="1:43">
      <c r="A13870" t="s">
        <v>8608</v>
      </c>
      <c r="B13870" t="s">
        <v>8609</v>
      </c>
      <c r="C13870" t="s">
        <v>8604</v>
      </c>
      <c r="D13870" t="s">
        <v>8605</v>
      </c>
      <c r="E13870" t="s">
        <v>8296</v>
      </c>
      <c r="F13870" t="s">
        <v>8297</v>
      </c>
      <c r="G13870" t="s">
        <v>80</v>
      </c>
      <c r="H13870" t="s">
        <v>81</v>
      </c>
      <c r="I13870" s="2">
        <v>0</v>
      </c>
      <c r="J13870" s="2">
        <v>1</v>
      </c>
      <c r="K13870" s="2">
        <v>0</v>
      </c>
      <c r="L13870" t="s">
        <v>82</v>
      </c>
      <c r="M13870" t="s">
        <v>83</v>
      </c>
      <c r="N13870" t="s">
        <v>84</v>
      </c>
      <c r="O13870" t="s">
        <v>85</v>
      </c>
      <c r="P13870" t="s">
        <v>86</v>
      </c>
      <c r="Q13870">
        <v>38</v>
      </c>
      <c r="R13870">
        <v>39</v>
      </c>
      <c r="S13870">
        <v>39</v>
      </c>
      <c r="T13870">
        <v>40</v>
      </c>
      <c r="U13870">
        <v>41</v>
      </c>
      <c r="V13870">
        <v>42</v>
      </c>
      <c r="W13870">
        <v>42</v>
      </c>
      <c r="X13870">
        <v>43</v>
      </c>
      <c r="Y13870">
        <v>44</v>
      </c>
      <c r="Z13870">
        <v>44</v>
      </c>
      <c r="AA13870">
        <v>45</v>
      </c>
      <c r="AB13870">
        <v>46</v>
      </c>
      <c r="AC13870">
        <v>47</v>
      </c>
      <c r="AD13870">
        <v>47</v>
      </c>
      <c r="AE13870">
        <v>48</v>
      </c>
      <c r="AF13870">
        <v>49</v>
      </c>
      <c r="AG13870">
        <v>50</v>
      </c>
      <c r="AH13870">
        <v>50</v>
      </c>
      <c r="AI13870">
        <v>51</v>
      </c>
      <c r="AJ13870">
        <v>52</v>
      </c>
      <c r="AK13870">
        <v>52</v>
      </c>
      <c r="AL13870">
        <v>53</v>
      </c>
      <c r="AM13870">
        <v>53</v>
      </c>
      <c r="AN13870">
        <v>53</v>
      </c>
      <c r="AO13870">
        <v>53</v>
      </c>
      <c r="AP13870">
        <v>54</v>
      </c>
      <c r="AQ13870">
        <v>54</v>
      </c>
    </row>
    <row r="13871" spans="1:43">
      <c r="A13871" t="s">
        <v>8608</v>
      </c>
      <c r="B13871" t="s">
        <v>8609</v>
      </c>
      <c r="C13871" t="s">
        <v>8604</v>
      </c>
      <c r="D13871" t="s">
        <v>8605</v>
      </c>
      <c r="E13871" t="s">
        <v>8296</v>
      </c>
      <c r="F13871" t="s">
        <v>8297</v>
      </c>
      <c r="G13871" t="s">
        <v>80</v>
      </c>
      <c r="H13871" t="s">
        <v>81</v>
      </c>
      <c r="I13871" s="2">
        <v>0</v>
      </c>
      <c r="J13871" s="2">
        <v>1</v>
      </c>
      <c r="K13871" s="2">
        <v>0</v>
      </c>
      <c r="L13871" t="s">
        <v>82</v>
      </c>
      <c r="M13871" t="s">
        <v>87</v>
      </c>
      <c r="N13871" t="s">
        <v>88</v>
      </c>
      <c r="O13871" t="s">
        <v>85</v>
      </c>
      <c r="P13871" t="s">
        <v>86</v>
      </c>
      <c r="Q13871">
        <v>38</v>
      </c>
      <c r="R13871">
        <v>39</v>
      </c>
      <c r="S13871">
        <v>39</v>
      </c>
      <c r="T13871">
        <v>40</v>
      </c>
      <c r="U13871">
        <v>40</v>
      </c>
      <c r="V13871">
        <v>40</v>
      </c>
      <c r="W13871">
        <v>41</v>
      </c>
      <c r="X13871">
        <v>41</v>
      </c>
      <c r="Y13871">
        <v>41</v>
      </c>
      <c r="Z13871">
        <v>42</v>
      </c>
      <c r="AA13871">
        <v>42</v>
      </c>
      <c r="AB13871">
        <v>42</v>
      </c>
      <c r="AC13871">
        <v>43</v>
      </c>
      <c r="AD13871">
        <v>43</v>
      </c>
      <c r="AE13871">
        <v>44</v>
      </c>
      <c r="AF13871">
        <v>44</v>
      </c>
      <c r="AG13871">
        <v>44</v>
      </c>
      <c r="AH13871">
        <v>45</v>
      </c>
      <c r="AI13871">
        <v>45</v>
      </c>
      <c r="AJ13871">
        <v>45</v>
      </c>
      <c r="AK13871">
        <v>46</v>
      </c>
      <c r="AL13871">
        <v>46</v>
      </c>
      <c r="AM13871">
        <v>46</v>
      </c>
      <c r="AN13871">
        <v>47</v>
      </c>
      <c r="AO13871">
        <v>47</v>
      </c>
      <c r="AP13871">
        <v>47</v>
      </c>
      <c r="AQ13871">
        <v>48</v>
      </c>
    </row>
    <row r="13872" spans="1:43">
      <c r="A13872" t="s">
        <v>8608</v>
      </c>
      <c r="B13872" t="s">
        <v>8609</v>
      </c>
      <c r="C13872" t="s">
        <v>8604</v>
      </c>
      <c r="D13872" t="s">
        <v>8605</v>
      </c>
      <c r="E13872" t="s">
        <v>8296</v>
      </c>
      <c r="F13872" t="s">
        <v>8297</v>
      </c>
      <c r="G13872" t="s">
        <v>80</v>
      </c>
      <c r="H13872" t="s">
        <v>81</v>
      </c>
      <c r="I13872" s="2">
        <v>0</v>
      </c>
      <c r="J13872" s="2">
        <v>1</v>
      </c>
      <c r="K13872" s="2">
        <v>0</v>
      </c>
      <c r="L13872" t="s">
        <v>82</v>
      </c>
      <c r="M13872" t="s">
        <v>89</v>
      </c>
      <c r="N13872" t="s">
        <v>90</v>
      </c>
      <c r="O13872" t="s">
        <v>85</v>
      </c>
      <c r="P13872" t="s">
        <v>86</v>
      </c>
      <c r="Q13872">
        <v>38</v>
      </c>
      <c r="R13872">
        <v>39</v>
      </c>
      <c r="S13872">
        <v>40</v>
      </c>
      <c r="T13872">
        <v>41</v>
      </c>
      <c r="U13872">
        <v>42</v>
      </c>
      <c r="V13872">
        <v>43</v>
      </c>
      <c r="W13872">
        <v>44</v>
      </c>
      <c r="X13872">
        <v>45</v>
      </c>
      <c r="Y13872">
        <v>46</v>
      </c>
      <c r="Z13872">
        <v>47</v>
      </c>
      <c r="AA13872">
        <v>48</v>
      </c>
      <c r="AB13872">
        <v>49</v>
      </c>
      <c r="AC13872">
        <v>50</v>
      </c>
      <c r="AD13872">
        <v>51</v>
      </c>
      <c r="AE13872">
        <v>52</v>
      </c>
      <c r="AF13872">
        <v>52</v>
      </c>
      <c r="AG13872">
        <v>52</v>
      </c>
      <c r="AH13872">
        <v>52</v>
      </c>
      <c r="AI13872">
        <v>53</v>
      </c>
      <c r="AJ13872">
        <v>53</v>
      </c>
      <c r="AK13872">
        <v>53</v>
      </c>
      <c r="AL13872">
        <v>53</v>
      </c>
      <c r="AM13872">
        <v>53</v>
      </c>
      <c r="AN13872">
        <v>54</v>
      </c>
      <c r="AO13872">
        <v>54</v>
      </c>
      <c r="AP13872">
        <v>54</v>
      </c>
      <c r="AQ13872">
        <v>54</v>
      </c>
    </row>
    <row r="13873" spans="1:43">
      <c r="A13873" t="s">
        <v>8608</v>
      </c>
      <c r="B13873" t="s">
        <v>8609</v>
      </c>
      <c r="C13873" t="s">
        <v>8604</v>
      </c>
      <c r="D13873" t="s">
        <v>8605</v>
      </c>
      <c r="E13873" t="s">
        <v>8296</v>
      </c>
      <c r="F13873" t="s">
        <v>8297</v>
      </c>
      <c r="G13873" t="s">
        <v>80</v>
      </c>
      <c r="H13873" t="s">
        <v>81</v>
      </c>
      <c r="I13873" s="2">
        <v>0</v>
      </c>
      <c r="J13873" s="2">
        <v>1</v>
      </c>
      <c r="K13873" s="2">
        <v>0</v>
      </c>
      <c r="L13873" t="s">
        <v>82</v>
      </c>
      <c r="M13873" t="s">
        <v>83</v>
      </c>
      <c r="N13873" t="s">
        <v>91</v>
      </c>
      <c r="O13873" t="s">
        <v>85</v>
      </c>
      <c r="P13873" t="s">
        <v>86</v>
      </c>
      <c r="Q13873">
        <v>38</v>
      </c>
      <c r="R13873">
        <v>39</v>
      </c>
      <c r="S13873">
        <v>39</v>
      </c>
      <c r="T13873">
        <v>40</v>
      </c>
      <c r="U13873">
        <v>41</v>
      </c>
      <c r="V13873">
        <v>42</v>
      </c>
      <c r="W13873">
        <v>42</v>
      </c>
      <c r="X13873">
        <v>43</v>
      </c>
      <c r="Y13873">
        <v>44</v>
      </c>
      <c r="Z13873">
        <v>44</v>
      </c>
      <c r="AA13873">
        <v>45</v>
      </c>
      <c r="AB13873">
        <v>46</v>
      </c>
      <c r="AC13873">
        <v>47</v>
      </c>
      <c r="AD13873">
        <v>47</v>
      </c>
      <c r="AE13873">
        <v>48</v>
      </c>
      <c r="AF13873">
        <v>49</v>
      </c>
      <c r="AG13873">
        <v>50</v>
      </c>
      <c r="AH13873">
        <v>50</v>
      </c>
      <c r="AI13873">
        <v>51</v>
      </c>
      <c r="AJ13873">
        <v>52</v>
      </c>
      <c r="AK13873">
        <v>52</v>
      </c>
      <c r="AL13873">
        <v>53</v>
      </c>
      <c r="AM13873">
        <v>53</v>
      </c>
      <c r="AN13873">
        <v>53</v>
      </c>
      <c r="AO13873">
        <v>53</v>
      </c>
      <c r="AP13873">
        <v>54</v>
      </c>
      <c r="AQ13873">
        <v>54</v>
      </c>
    </row>
    <row r="13874" spans="1:43">
      <c r="A13874" t="s">
        <v>8610</v>
      </c>
      <c r="B13874" t="s">
        <v>8611</v>
      </c>
      <c r="C13874" t="s">
        <v>8604</v>
      </c>
      <c r="D13874" t="s">
        <v>8605</v>
      </c>
      <c r="E13874" t="s">
        <v>8296</v>
      </c>
      <c r="F13874" t="s">
        <v>8297</v>
      </c>
      <c r="G13874" t="s">
        <v>80</v>
      </c>
      <c r="H13874" t="s">
        <v>81</v>
      </c>
      <c r="I13874" s="2">
        <v>0</v>
      </c>
      <c r="J13874" s="2">
        <v>1</v>
      </c>
      <c r="K13874" s="2">
        <v>0</v>
      </c>
      <c r="L13874" t="s">
        <v>82</v>
      </c>
      <c r="M13874" t="s">
        <v>83</v>
      </c>
      <c r="N13874" t="s">
        <v>84</v>
      </c>
      <c r="O13874" t="s">
        <v>85</v>
      </c>
      <c r="P13874" t="s">
        <v>86</v>
      </c>
      <c r="Q13874">
        <v>52</v>
      </c>
      <c r="R13874">
        <v>53</v>
      </c>
      <c r="S13874">
        <v>54</v>
      </c>
      <c r="T13874">
        <v>55</v>
      </c>
      <c r="U13874">
        <v>56</v>
      </c>
      <c r="V13874">
        <v>57</v>
      </c>
      <c r="W13874">
        <v>58</v>
      </c>
      <c r="X13874">
        <v>59</v>
      </c>
      <c r="Y13874">
        <v>60</v>
      </c>
      <c r="Z13874">
        <v>61</v>
      </c>
      <c r="AA13874">
        <v>62</v>
      </c>
      <c r="AB13874">
        <v>63</v>
      </c>
      <c r="AC13874">
        <v>64</v>
      </c>
      <c r="AD13874">
        <v>65</v>
      </c>
      <c r="AE13874">
        <v>66</v>
      </c>
      <c r="AF13874">
        <v>67</v>
      </c>
      <c r="AG13874">
        <v>68</v>
      </c>
      <c r="AH13874">
        <v>69</v>
      </c>
      <c r="AI13874">
        <v>70</v>
      </c>
      <c r="AJ13874">
        <v>71</v>
      </c>
      <c r="AK13874">
        <v>72</v>
      </c>
      <c r="AL13874">
        <v>72</v>
      </c>
      <c r="AM13874">
        <v>73</v>
      </c>
      <c r="AN13874">
        <v>73</v>
      </c>
      <c r="AO13874">
        <v>73</v>
      </c>
      <c r="AP13874">
        <v>73</v>
      </c>
      <c r="AQ13874">
        <v>74</v>
      </c>
    </row>
    <row r="13875" spans="1:43">
      <c r="A13875" t="s">
        <v>8610</v>
      </c>
      <c r="B13875" t="s">
        <v>8611</v>
      </c>
      <c r="C13875" t="s">
        <v>8604</v>
      </c>
      <c r="D13875" t="s">
        <v>8605</v>
      </c>
      <c r="E13875" t="s">
        <v>8296</v>
      </c>
      <c r="F13875" t="s">
        <v>8297</v>
      </c>
      <c r="G13875" t="s">
        <v>80</v>
      </c>
      <c r="H13875" t="s">
        <v>81</v>
      </c>
      <c r="I13875" s="2">
        <v>0</v>
      </c>
      <c r="J13875" s="2">
        <v>1</v>
      </c>
      <c r="K13875" s="2">
        <v>0</v>
      </c>
      <c r="L13875" t="s">
        <v>82</v>
      </c>
      <c r="M13875" t="s">
        <v>87</v>
      </c>
      <c r="N13875" t="s">
        <v>88</v>
      </c>
      <c r="O13875" t="s">
        <v>85</v>
      </c>
      <c r="P13875" t="s">
        <v>86</v>
      </c>
      <c r="Q13875">
        <v>52</v>
      </c>
      <c r="R13875">
        <v>53</v>
      </c>
      <c r="S13875">
        <v>53</v>
      </c>
      <c r="T13875">
        <v>54</v>
      </c>
      <c r="U13875">
        <v>54</v>
      </c>
      <c r="V13875">
        <v>55</v>
      </c>
      <c r="W13875">
        <v>55</v>
      </c>
      <c r="X13875">
        <v>56</v>
      </c>
      <c r="Y13875">
        <v>56</v>
      </c>
      <c r="Z13875">
        <v>57</v>
      </c>
      <c r="AA13875">
        <v>57</v>
      </c>
      <c r="AB13875">
        <v>58</v>
      </c>
      <c r="AC13875">
        <v>58</v>
      </c>
      <c r="AD13875">
        <v>59</v>
      </c>
      <c r="AE13875">
        <v>59</v>
      </c>
      <c r="AF13875">
        <v>60</v>
      </c>
      <c r="AG13875">
        <v>60</v>
      </c>
      <c r="AH13875">
        <v>61</v>
      </c>
      <c r="AI13875">
        <v>61</v>
      </c>
      <c r="AJ13875">
        <v>62</v>
      </c>
      <c r="AK13875">
        <v>62</v>
      </c>
      <c r="AL13875">
        <v>62</v>
      </c>
      <c r="AM13875">
        <v>63</v>
      </c>
      <c r="AN13875">
        <v>63</v>
      </c>
      <c r="AO13875">
        <v>64</v>
      </c>
      <c r="AP13875">
        <v>64</v>
      </c>
      <c r="AQ13875">
        <v>65</v>
      </c>
    </row>
    <row r="13876" spans="1:43">
      <c r="A13876" t="s">
        <v>8610</v>
      </c>
      <c r="B13876" t="s">
        <v>8611</v>
      </c>
      <c r="C13876" t="s">
        <v>8604</v>
      </c>
      <c r="D13876" t="s">
        <v>8605</v>
      </c>
      <c r="E13876" t="s">
        <v>8296</v>
      </c>
      <c r="F13876" t="s">
        <v>8297</v>
      </c>
      <c r="G13876" t="s">
        <v>80</v>
      </c>
      <c r="H13876" t="s">
        <v>81</v>
      </c>
      <c r="I13876" s="2">
        <v>0</v>
      </c>
      <c r="J13876" s="2">
        <v>1</v>
      </c>
      <c r="K13876" s="2">
        <v>0</v>
      </c>
      <c r="L13876" t="s">
        <v>82</v>
      </c>
      <c r="M13876" t="s">
        <v>89</v>
      </c>
      <c r="N13876" t="s">
        <v>90</v>
      </c>
      <c r="O13876" t="s">
        <v>85</v>
      </c>
      <c r="P13876" t="s">
        <v>86</v>
      </c>
      <c r="Q13876">
        <v>52</v>
      </c>
      <c r="R13876">
        <v>54</v>
      </c>
      <c r="S13876">
        <v>55</v>
      </c>
      <c r="T13876">
        <v>57</v>
      </c>
      <c r="U13876">
        <v>58</v>
      </c>
      <c r="V13876">
        <v>59</v>
      </c>
      <c r="W13876">
        <v>61</v>
      </c>
      <c r="X13876">
        <v>62</v>
      </c>
      <c r="Y13876">
        <v>63</v>
      </c>
      <c r="Z13876">
        <v>65</v>
      </c>
      <c r="AA13876">
        <v>66</v>
      </c>
      <c r="AB13876">
        <v>67</v>
      </c>
      <c r="AC13876">
        <v>69</v>
      </c>
      <c r="AD13876">
        <v>70</v>
      </c>
      <c r="AE13876">
        <v>71</v>
      </c>
      <c r="AF13876">
        <v>71</v>
      </c>
      <c r="AG13876">
        <v>71</v>
      </c>
      <c r="AH13876">
        <v>72</v>
      </c>
      <c r="AI13876">
        <v>72</v>
      </c>
      <c r="AJ13876">
        <v>72</v>
      </c>
      <c r="AK13876">
        <v>73</v>
      </c>
      <c r="AL13876">
        <v>73</v>
      </c>
      <c r="AM13876">
        <v>73</v>
      </c>
      <c r="AN13876">
        <v>73</v>
      </c>
      <c r="AO13876">
        <v>74</v>
      </c>
      <c r="AP13876">
        <v>74</v>
      </c>
      <c r="AQ13876">
        <v>74</v>
      </c>
    </row>
    <row r="13877" spans="1:43">
      <c r="A13877" t="s">
        <v>8610</v>
      </c>
      <c r="B13877" t="s">
        <v>8611</v>
      </c>
      <c r="C13877" t="s">
        <v>8604</v>
      </c>
      <c r="D13877" t="s">
        <v>8605</v>
      </c>
      <c r="E13877" t="s">
        <v>8296</v>
      </c>
      <c r="F13877" t="s">
        <v>8297</v>
      </c>
      <c r="G13877" t="s">
        <v>80</v>
      </c>
      <c r="H13877" t="s">
        <v>81</v>
      </c>
      <c r="I13877" s="2">
        <v>0</v>
      </c>
      <c r="J13877" s="2">
        <v>1</v>
      </c>
      <c r="K13877" s="2">
        <v>0</v>
      </c>
      <c r="L13877" t="s">
        <v>82</v>
      </c>
      <c r="M13877" t="s">
        <v>83</v>
      </c>
      <c r="N13877" t="s">
        <v>91</v>
      </c>
      <c r="O13877" t="s">
        <v>85</v>
      </c>
      <c r="P13877" t="s">
        <v>86</v>
      </c>
      <c r="Q13877">
        <v>52</v>
      </c>
      <c r="R13877">
        <v>53</v>
      </c>
      <c r="S13877">
        <v>54</v>
      </c>
      <c r="T13877">
        <v>55</v>
      </c>
      <c r="U13877">
        <v>56</v>
      </c>
      <c r="V13877">
        <v>57</v>
      </c>
      <c r="W13877">
        <v>58</v>
      </c>
      <c r="X13877">
        <v>59</v>
      </c>
      <c r="Y13877">
        <v>60</v>
      </c>
      <c r="Z13877">
        <v>61</v>
      </c>
      <c r="AA13877">
        <v>62</v>
      </c>
      <c r="AB13877">
        <v>63</v>
      </c>
      <c r="AC13877">
        <v>64</v>
      </c>
      <c r="AD13877">
        <v>65</v>
      </c>
      <c r="AE13877">
        <v>66</v>
      </c>
      <c r="AF13877">
        <v>67</v>
      </c>
      <c r="AG13877">
        <v>68</v>
      </c>
      <c r="AH13877">
        <v>69</v>
      </c>
      <c r="AI13877">
        <v>70</v>
      </c>
      <c r="AJ13877">
        <v>71</v>
      </c>
      <c r="AK13877">
        <v>72</v>
      </c>
      <c r="AL13877">
        <v>72</v>
      </c>
      <c r="AM13877">
        <v>73</v>
      </c>
      <c r="AN13877">
        <v>73</v>
      </c>
      <c r="AO13877">
        <v>73</v>
      </c>
      <c r="AP13877">
        <v>73</v>
      </c>
      <c r="AQ13877">
        <v>74</v>
      </c>
    </row>
    <row r="13878" spans="1:43">
      <c r="A13878" t="s">
        <v>8612</v>
      </c>
      <c r="B13878" t="s">
        <v>8613</v>
      </c>
      <c r="C13878" t="s">
        <v>8604</v>
      </c>
      <c r="D13878" t="s">
        <v>8605</v>
      </c>
      <c r="E13878" t="s">
        <v>8296</v>
      </c>
      <c r="F13878" t="s">
        <v>8297</v>
      </c>
      <c r="G13878" t="s">
        <v>80</v>
      </c>
      <c r="H13878" t="s">
        <v>81</v>
      </c>
      <c r="I13878" s="2">
        <v>0</v>
      </c>
      <c r="J13878" s="2">
        <v>1</v>
      </c>
      <c r="K13878" s="2">
        <v>0</v>
      </c>
      <c r="L13878" t="s">
        <v>82</v>
      </c>
      <c r="M13878" t="s">
        <v>83</v>
      </c>
      <c r="N13878" t="s">
        <v>84</v>
      </c>
      <c r="O13878" t="s">
        <v>85</v>
      </c>
      <c r="P13878" t="s">
        <v>86</v>
      </c>
      <c r="Q13878">
        <v>117</v>
      </c>
      <c r="R13878">
        <v>119</v>
      </c>
      <c r="S13878">
        <v>121</v>
      </c>
      <c r="T13878">
        <v>123</v>
      </c>
      <c r="U13878">
        <v>126</v>
      </c>
      <c r="V13878">
        <v>128</v>
      </c>
      <c r="W13878">
        <v>130</v>
      </c>
      <c r="X13878">
        <v>133</v>
      </c>
      <c r="Y13878">
        <v>135</v>
      </c>
      <c r="Z13878">
        <v>137</v>
      </c>
      <c r="AA13878">
        <v>139</v>
      </c>
      <c r="AB13878">
        <v>142</v>
      </c>
      <c r="AC13878">
        <v>144</v>
      </c>
      <c r="AD13878">
        <v>146</v>
      </c>
      <c r="AE13878">
        <v>148</v>
      </c>
      <c r="AF13878">
        <v>150</v>
      </c>
      <c r="AG13878">
        <v>152</v>
      </c>
      <c r="AH13878">
        <v>154</v>
      </c>
      <c r="AI13878">
        <v>156</v>
      </c>
      <c r="AJ13878">
        <v>159</v>
      </c>
      <c r="AK13878">
        <v>161</v>
      </c>
      <c r="AL13878">
        <v>162</v>
      </c>
      <c r="AM13878">
        <v>162</v>
      </c>
      <c r="AN13878">
        <v>163</v>
      </c>
      <c r="AO13878">
        <v>164</v>
      </c>
      <c r="AP13878">
        <v>164</v>
      </c>
      <c r="AQ13878">
        <v>165</v>
      </c>
    </row>
    <row r="13879" spans="1:43">
      <c r="A13879" t="s">
        <v>8612</v>
      </c>
      <c r="B13879" t="s">
        <v>8613</v>
      </c>
      <c r="C13879" t="s">
        <v>8604</v>
      </c>
      <c r="D13879" t="s">
        <v>8605</v>
      </c>
      <c r="E13879" t="s">
        <v>8296</v>
      </c>
      <c r="F13879" t="s">
        <v>8297</v>
      </c>
      <c r="G13879" t="s">
        <v>80</v>
      </c>
      <c r="H13879" t="s">
        <v>81</v>
      </c>
      <c r="I13879" s="2">
        <v>0</v>
      </c>
      <c r="J13879" s="2">
        <v>1</v>
      </c>
      <c r="K13879" s="2">
        <v>0</v>
      </c>
      <c r="L13879" t="s">
        <v>82</v>
      </c>
      <c r="M13879" t="s">
        <v>87</v>
      </c>
      <c r="N13879" t="s">
        <v>88</v>
      </c>
      <c r="O13879" t="s">
        <v>85</v>
      </c>
      <c r="P13879" t="s">
        <v>86</v>
      </c>
      <c r="Q13879">
        <v>117</v>
      </c>
      <c r="R13879">
        <v>118</v>
      </c>
      <c r="S13879">
        <v>119</v>
      </c>
      <c r="T13879">
        <v>120</v>
      </c>
      <c r="U13879">
        <v>121</v>
      </c>
      <c r="V13879">
        <v>122</v>
      </c>
      <c r="W13879">
        <v>123</v>
      </c>
      <c r="X13879">
        <v>125</v>
      </c>
      <c r="Y13879">
        <v>126</v>
      </c>
      <c r="Z13879">
        <v>127</v>
      </c>
      <c r="AA13879">
        <v>128</v>
      </c>
      <c r="AB13879">
        <v>129</v>
      </c>
      <c r="AC13879">
        <v>130</v>
      </c>
      <c r="AD13879">
        <v>131</v>
      </c>
      <c r="AE13879">
        <v>132</v>
      </c>
      <c r="AF13879">
        <v>133</v>
      </c>
      <c r="AG13879">
        <v>134</v>
      </c>
      <c r="AH13879">
        <v>135</v>
      </c>
      <c r="AI13879">
        <v>136</v>
      </c>
      <c r="AJ13879">
        <v>137</v>
      </c>
      <c r="AK13879">
        <v>138</v>
      </c>
      <c r="AL13879">
        <v>139</v>
      </c>
      <c r="AM13879">
        <v>140</v>
      </c>
      <c r="AN13879">
        <v>141</v>
      </c>
      <c r="AO13879">
        <v>142</v>
      </c>
      <c r="AP13879">
        <v>143</v>
      </c>
      <c r="AQ13879">
        <v>144</v>
      </c>
    </row>
    <row r="13880" spans="1:43">
      <c r="A13880" t="s">
        <v>8612</v>
      </c>
      <c r="B13880" t="s">
        <v>8613</v>
      </c>
      <c r="C13880" t="s">
        <v>8604</v>
      </c>
      <c r="D13880" t="s">
        <v>8605</v>
      </c>
      <c r="E13880" t="s">
        <v>8296</v>
      </c>
      <c r="F13880" t="s">
        <v>8297</v>
      </c>
      <c r="G13880" t="s">
        <v>80</v>
      </c>
      <c r="H13880" t="s">
        <v>81</v>
      </c>
      <c r="I13880" s="2">
        <v>0</v>
      </c>
      <c r="J13880" s="2">
        <v>1</v>
      </c>
      <c r="K13880" s="2">
        <v>0</v>
      </c>
      <c r="L13880" t="s">
        <v>82</v>
      </c>
      <c r="M13880" t="s">
        <v>89</v>
      </c>
      <c r="N13880" t="s">
        <v>90</v>
      </c>
      <c r="O13880" t="s">
        <v>85</v>
      </c>
      <c r="P13880" t="s">
        <v>86</v>
      </c>
      <c r="Q13880">
        <v>117</v>
      </c>
      <c r="R13880">
        <v>120</v>
      </c>
      <c r="S13880">
        <v>123</v>
      </c>
      <c r="T13880">
        <v>126</v>
      </c>
      <c r="U13880">
        <v>130</v>
      </c>
      <c r="V13880">
        <v>133</v>
      </c>
      <c r="W13880">
        <v>136</v>
      </c>
      <c r="X13880">
        <v>139</v>
      </c>
      <c r="Y13880">
        <v>142</v>
      </c>
      <c r="Z13880">
        <v>144</v>
      </c>
      <c r="AA13880">
        <v>147</v>
      </c>
      <c r="AB13880">
        <v>150</v>
      </c>
      <c r="AC13880">
        <v>153</v>
      </c>
      <c r="AD13880">
        <v>156</v>
      </c>
      <c r="AE13880">
        <v>157</v>
      </c>
      <c r="AF13880">
        <v>158</v>
      </c>
      <c r="AG13880">
        <v>159</v>
      </c>
      <c r="AH13880">
        <v>160</v>
      </c>
      <c r="AI13880">
        <v>160</v>
      </c>
      <c r="AJ13880">
        <v>161</v>
      </c>
      <c r="AK13880">
        <v>161</v>
      </c>
      <c r="AL13880">
        <v>162</v>
      </c>
      <c r="AM13880">
        <v>163</v>
      </c>
      <c r="AN13880">
        <v>163</v>
      </c>
      <c r="AO13880">
        <v>164</v>
      </c>
      <c r="AP13880">
        <v>164</v>
      </c>
      <c r="AQ13880">
        <v>165</v>
      </c>
    </row>
    <row r="13881" spans="1:43">
      <c r="A13881" t="s">
        <v>8612</v>
      </c>
      <c r="B13881" t="s">
        <v>8613</v>
      </c>
      <c r="C13881" t="s">
        <v>8604</v>
      </c>
      <c r="D13881" t="s">
        <v>8605</v>
      </c>
      <c r="E13881" t="s">
        <v>8296</v>
      </c>
      <c r="F13881" t="s">
        <v>8297</v>
      </c>
      <c r="G13881" t="s">
        <v>80</v>
      </c>
      <c r="H13881" t="s">
        <v>81</v>
      </c>
      <c r="I13881" s="2">
        <v>0</v>
      </c>
      <c r="J13881" s="2">
        <v>1</v>
      </c>
      <c r="K13881" s="2">
        <v>0</v>
      </c>
      <c r="L13881" t="s">
        <v>82</v>
      </c>
      <c r="M13881" t="s">
        <v>83</v>
      </c>
      <c r="N13881" t="s">
        <v>91</v>
      </c>
      <c r="O13881" t="s">
        <v>85</v>
      </c>
      <c r="P13881" t="s">
        <v>86</v>
      </c>
      <c r="Q13881">
        <v>117</v>
      </c>
      <c r="R13881">
        <v>119</v>
      </c>
      <c r="S13881">
        <v>121</v>
      </c>
      <c r="T13881">
        <v>123</v>
      </c>
      <c r="U13881">
        <v>126</v>
      </c>
      <c r="V13881">
        <v>128</v>
      </c>
      <c r="W13881">
        <v>130</v>
      </c>
      <c r="X13881">
        <v>133</v>
      </c>
      <c r="Y13881">
        <v>135</v>
      </c>
      <c r="Z13881">
        <v>137</v>
      </c>
      <c r="AA13881">
        <v>139</v>
      </c>
      <c r="AB13881">
        <v>142</v>
      </c>
      <c r="AC13881">
        <v>144</v>
      </c>
      <c r="AD13881">
        <v>146</v>
      </c>
      <c r="AE13881">
        <v>148</v>
      </c>
      <c r="AF13881">
        <v>150</v>
      </c>
      <c r="AG13881">
        <v>152</v>
      </c>
      <c r="AH13881">
        <v>154</v>
      </c>
      <c r="AI13881">
        <v>156</v>
      </c>
      <c r="AJ13881">
        <v>159</v>
      </c>
      <c r="AK13881">
        <v>161</v>
      </c>
      <c r="AL13881">
        <v>162</v>
      </c>
      <c r="AM13881">
        <v>162</v>
      </c>
      <c r="AN13881">
        <v>163</v>
      </c>
      <c r="AO13881">
        <v>164</v>
      </c>
      <c r="AP13881">
        <v>164</v>
      </c>
      <c r="AQ13881">
        <v>165</v>
      </c>
    </row>
    <row r="13882" spans="1:43">
      <c r="A13882" t="s">
        <v>8614</v>
      </c>
      <c r="B13882" t="s">
        <v>8615</v>
      </c>
      <c r="C13882" t="s">
        <v>8616</v>
      </c>
      <c r="D13882" t="s">
        <v>8617</v>
      </c>
      <c r="E13882" t="s">
        <v>8296</v>
      </c>
      <c r="F13882" t="s">
        <v>8297</v>
      </c>
      <c r="G13882" t="s">
        <v>80</v>
      </c>
      <c r="H13882" t="s">
        <v>81</v>
      </c>
      <c r="I13882" s="2">
        <v>0</v>
      </c>
      <c r="J13882" s="2">
        <v>1</v>
      </c>
      <c r="K13882" s="2">
        <v>0</v>
      </c>
      <c r="L13882" t="s">
        <v>82</v>
      </c>
      <c r="M13882" t="s">
        <v>83</v>
      </c>
      <c r="N13882" t="s">
        <v>84</v>
      </c>
      <c r="O13882" t="s">
        <v>85</v>
      </c>
      <c r="P13882" t="s">
        <v>86</v>
      </c>
      <c r="Q13882">
        <v>53</v>
      </c>
      <c r="R13882">
        <v>54</v>
      </c>
      <c r="S13882">
        <v>55</v>
      </c>
      <c r="T13882">
        <v>56</v>
      </c>
      <c r="U13882">
        <v>57</v>
      </c>
      <c r="V13882">
        <v>58</v>
      </c>
      <c r="W13882">
        <v>59</v>
      </c>
      <c r="X13882">
        <v>60</v>
      </c>
      <c r="Y13882">
        <v>61</v>
      </c>
      <c r="Z13882">
        <v>62</v>
      </c>
      <c r="AA13882">
        <v>63</v>
      </c>
      <c r="AB13882">
        <v>64</v>
      </c>
      <c r="AC13882">
        <v>65</v>
      </c>
      <c r="AD13882">
        <v>66</v>
      </c>
      <c r="AE13882">
        <v>67</v>
      </c>
      <c r="AF13882">
        <v>68</v>
      </c>
      <c r="AG13882">
        <v>69</v>
      </c>
      <c r="AH13882">
        <v>70</v>
      </c>
      <c r="AI13882">
        <v>71</v>
      </c>
      <c r="AJ13882">
        <v>72</v>
      </c>
      <c r="AK13882">
        <v>73</v>
      </c>
      <c r="AL13882">
        <v>74</v>
      </c>
      <c r="AM13882">
        <v>74</v>
      </c>
      <c r="AN13882">
        <v>74</v>
      </c>
      <c r="AO13882">
        <v>75</v>
      </c>
      <c r="AP13882">
        <v>75</v>
      </c>
      <c r="AQ13882">
        <v>75</v>
      </c>
    </row>
    <row r="13883" spans="1:43">
      <c r="A13883" t="s">
        <v>8614</v>
      </c>
      <c r="B13883" t="s">
        <v>8615</v>
      </c>
      <c r="C13883" t="s">
        <v>8616</v>
      </c>
      <c r="D13883" t="s">
        <v>8617</v>
      </c>
      <c r="E13883" t="s">
        <v>8296</v>
      </c>
      <c r="F13883" t="s">
        <v>8297</v>
      </c>
      <c r="G13883" t="s">
        <v>80</v>
      </c>
      <c r="H13883" t="s">
        <v>81</v>
      </c>
      <c r="I13883" s="2">
        <v>0</v>
      </c>
      <c r="J13883" s="2">
        <v>1</v>
      </c>
      <c r="K13883" s="2">
        <v>0</v>
      </c>
      <c r="L13883" t="s">
        <v>82</v>
      </c>
      <c r="M13883" t="s">
        <v>87</v>
      </c>
      <c r="N13883" t="s">
        <v>88</v>
      </c>
      <c r="O13883" t="s">
        <v>85</v>
      </c>
      <c r="P13883" t="s">
        <v>86</v>
      </c>
      <c r="Q13883">
        <v>53</v>
      </c>
      <c r="R13883">
        <v>53</v>
      </c>
      <c r="S13883">
        <v>54</v>
      </c>
      <c r="T13883">
        <v>54</v>
      </c>
      <c r="U13883">
        <v>55</v>
      </c>
      <c r="V13883">
        <v>55</v>
      </c>
      <c r="W13883">
        <v>56</v>
      </c>
      <c r="X13883">
        <v>56</v>
      </c>
      <c r="Y13883">
        <v>57</v>
      </c>
      <c r="Z13883">
        <v>57</v>
      </c>
      <c r="AA13883">
        <v>58</v>
      </c>
      <c r="AB13883">
        <v>58</v>
      </c>
      <c r="AC13883">
        <v>59</v>
      </c>
      <c r="AD13883">
        <v>59</v>
      </c>
      <c r="AE13883">
        <v>60</v>
      </c>
      <c r="AF13883">
        <v>60</v>
      </c>
      <c r="AG13883">
        <v>61</v>
      </c>
      <c r="AH13883">
        <v>61</v>
      </c>
      <c r="AI13883">
        <v>61</v>
      </c>
      <c r="AJ13883">
        <v>62</v>
      </c>
      <c r="AK13883">
        <v>62</v>
      </c>
      <c r="AL13883">
        <v>63</v>
      </c>
      <c r="AM13883">
        <v>63</v>
      </c>
      <c r="AN13883">
        <v>64</v>
      </c>
      <c r="AO13883">
        <v>64</v>
      </c>
      <c r="AP13883">
        <v>65</v>
      </c>
      <c r="AQ13883">
        <v>65</v>
      </c>
    </row>
    <row r="13884" spans="1:43">
      <c r="A13884" t="s">
        <v>8614</v>
      </c>
      <c r="B13884" t="s">
        <v>8615</v>
      </c>
      <c r="C13884" t="s">
        <v>8616</v>
      </c>
      <c r="D13884" t="s">
        <v>8617</v>
      </c>
      <c r="E13884" t="s">
        <v>8296</v>
      </c>
      <c r="F13884" t="s">
        <v>8297</v>
      </c>
      <c r="G13884" t="s">
        <v>80</v>
      </c>
      <c r="H13884" t="s">
        <v>81</v>
      </c>
      <c r="I13884" s="2">
        <v>0</v>
      </c>
      <c r="J13884" s="2">
        <v>1</v>
      </c>
      <c r="K13884" s="2">
        <v>0</v>
      </c>
      <c r="L13884" t="s">
        <v>82</v>
      </c>
      <c r="M13884" t="s">
        <v>89</v>
      </c>
      <c r="N13884" t="s">
        <v>90</v>
      </c>
      <c r="O13884" t="s">
        <v>85</v>
      </c>
      <c r="P13884" t="s">
        <v>86</v>
      </c>
      <c r="Q13884">
        <v>53</v>
      </c>
      <c r="R13884">
        <v>54</v>
      </c>
      <c r="S13884">
        <v>56</v>
      </c>
      <c r="T13884">
        <v>57</v>
      </c>
      <c r="U13884">
        <v>59</v>
      </c>
      <c r="V13884">
        <v>60</v>
      </c>
      <c r="W13884">
        <v>61</v>
      </c>
      <c r="X13884">
        <v>63</v>
      </c>
      <c r="Y13884">
        <v>64</v>
      </c>
      <c r="Z13884">
        <v>65</v>
      </c>
      <c r="AA13884">
        <v>67</v>
      </c>
      <c r="AB13884">
        <v>68</v>
      </c>
      <c r="AC13884">
        <v>69</v>
      </c>
      <c r="AD13884">
        <v>70</v>
      </c>
      <c r="AE13884">
        <v>71</v>
      </c>
      <c r="AF13884">
        <v>72</v>
      </c>
      <c r="AG13884">
        <v>72</v>
      </c>
      <c r="AH13884">
        <v>72</v>
      </c>
      <c r="AI13884">
        <v>73</v>
      </c>
      <c r="AJ13884">
        <v>73</v>
      </c>
      <c r="AK13884">
        <v>73</v>
      </c>
      <c r="AL13884">
        <v>74</v>
      </c>
      <c r="AM13884">
        <v>74</v>
      </c>
      <c r="AN13884">
        <v>74</v>
      </c>
      <c r="AO13884">
        <v>74</v>
      </c>
      <c r="AP13884">
        <v>75</v>
      </c>
      <c r="AQ13884">
        <v>75</v>
      </c>
    </row>
    <row r="13885" spans="1:43">
      <c r="A13885" t="s">
        <v>8614</v>
      </c>
      <c r="B13885" t="s">
        <v>8615</v>
      </c>
      <c r="C13885" t="s">
        <v>8616</v>
      </c>
      <c r="D13885" t="s">
        <v>8617</v>
      </c>
      <c r="E13885" t="s">
        <v>8296</v>
      </c>
      <c r="F13885" t="s">
        <v>8297</v>
      </c>
      <c r="G13885" t="s">
        <v>80</v>
      </c>
      <c r="H13885" t="s">
        <v>81</v>
      </c>
      <c r="I13885" s="2">
        <v>0</v>
      </c>
      <c r="J13885" s="2">
        <v>1</v>
      </c>
      <c r="K13885" s="2">
        <v>0</v>
      </c>
      <c r="L13885" t="s">
        <v>82</v>
      </c>
      <c r="M13885" t="s">
        <v>83</v>
      </c>
      <c r="N13885" t="s">
        <v>91</v>
      </c>
      <c r="O13885" t="s">
        <v>85</v>
      </c>
      <c r="P13885" t="s">
        <v>86</v>
      </c>
      <c r="Q13885">
        <v>53</v>
      </c>
      <c r="R13885">
        <v>54</v>
      </c>
      <c r="S13885">
        <v>55</v>
      </c>
      <c r="T13885">
        <v>56</v>
      </c>
      <c r="U13885">
        <v>57</v>
      </c>
      <c r="V13885">
        <v>58</v>
      </c>
      <c r="W13885">
        <v>59</v>
      </c>
      <c r="X13885">
        <v>60</v>
      </c>
      <c r="Y13885">
        <v>61</v>
      </c>
      <c r="Z13885">
        <v>62</v>
      </c>
      <c r="AA13885">
        <v>63</v>
      </c>
      <c r="AB13885">
        <v>64</v>
      </c>
      <c r="AC13885">
        <v>65</v>
      </c>
      <c r="AD13885">
        <v>66</v>
      </c>
      <c r="AE13885">
        <v>67</v>
      </c>
      <c r="AF13885">
        <v>68</v>
      </c>
      <c r="AG13885">
        <v>69</v>
      </c>
      <c r="AH13885">
        <v>70</v>
      </c>
      <c r="AI13885">
        <v>71</v>
      </c>
      <c r="AJ13885">
        <v>72</v>
      </c>
      <c r="AK13885">
        <v>73</v>
      </c>
      <c r="AL13885">
        <v>74</v>
      </c>
      <c r="AM13885">
        <v>74</v>
      </c>
      <c r="AN13885">
        <v>74</v>
      </c>
      <c r="AO13885">
        <v>75</v>
      </c>
      <c r="AP13885">
        <v>75</v>
      </c>
      <c r="AQ13885">
        <v>75</v>
      </c>
    </row>
    <row r="13886" spans="1:43">
      <c r="A13886" t="s">
        <v>8618</v>
      </c>
      <c r="B13886" t="s">
        <v>8619</v>
      </c>
      <c r="C13886" t="s">
        <v>8616</v>
      </c>
      <c r="D13886" t="s">
        <v>8617</v>
      </c>
      <c r="E13886" t="s">
        <v>8296</v>
      </c>
      <c r="F13886" t="s">
        <v>8297</v>
      </c>
      <c r="G13886" t="s">
        <v>80</v>
      </c>
      <c r="H13886" t="s">
        <v>81</v>
      </c>
      <c r="I13886" s="2">
        <v>0</v>
      </c>
      <c r="J13886" s="2">
        <v>1</v>
      </c>
      <c r="K13886" s="2">
        <v>0</v>
      </c>
      <c r="L13886" t="s">
        <v>82</v>
      </c>
      <c r="M13886" t="s">
        <v>83</v>
      </c>
      <c r="N13886" t="s">
        <v>84</v>
      </c>
      <c r="O13886" t="s">
        <v>85</v>
      </c>
      <c r="P13886" t="s">
        <v>86</v>
      </c>
      <c r="Q13886">
        <v>139</v>
      </c>
      <c r="R13886">
        <v>141</v>
      </c>
      <c r="S13886">
        <v>144</v>
      </c>
      <c r="T13886">
        <v>147</v>
      </c>
      <c r="U13886">
        <v>149</v>
      </c>
      <c r="V13886">
        <v>152</v>
      </c>
      <c r="W13886">
        <v>155</v>
      </c>
      <c r="X13886">
        <v>157</v>
      </c>
      <c r="Y13886">
        <v>160</v>
      </c>
      <c r="Z13886">
        <v>163</v>
      </c>
      <c r="AA13886">
        <v>165</v>
      </c>
      <c r="AB13886">
        <v>168</v>
      </c>
      <c r="AC13886">
        <v>171</v>
      </c>
      <c r="AD13886">
        <v>173</v>
      </c>
      <c r="AE13886">
        <v>176</v>
      </c>
      <c r="AF13886">
        <v>178</v>
      </c>
      <c r="AG13886">
        <v>181</v>
      </c>
      <c r="AH13886">
        <v>184</v>
      </c>
      <c r="AI13886">
        <v>186</v>
      </c>
      <c r="AJ13886">
        <v>189</v>
      </c>
      <c r="AK13886">
        <v>192</v>
      </c>
      <c r="AL13886">
        <v>193</v>
      </c>
      <c r="AM13886">
        <v>194</v>
      </c>
      <c r="AN13886">
        <v>194</v>
      </c>
      <c r="AO13886">
        <v>195</v>
      </c>
      <c r="AP13886">
        <v>196</v>
      </c>
      <c r="AQ13886">
        <v>197</v>
      </c>
    </row>
    <row r="13887" spans="1:43">
      <c r="A13887" t="s">
        <v>8618</v>
      </c>
      <c r="B13887" t="s">
        <v>8619</v>
      </c>
      <c r="C13887" t="s">
        <v>8616</v>
      </c>
      <c r="D13887" t="s">
        <v>8617</v>
      </c>
      <c r="E13887" t="s">
        <v>8296</v>
      </c>
      <c r="F13887" t="s">
        <v>8297</v>
      </c>
      <c r="G13887" t="s">
        <v>80</v>
      </c>
      <c r="H13887" t="s">
        <v>81</v>
      </c>
      <c r="I13887" s="2">
        <v>0</v>
      </c>
      <c r="J13887" s="2">
        <v>1</v>
      </c>
      <c r="K13887" s="2">
        <v>0</v>
      </c>
      <c r="L13887" t="s">
        <v>82</v>
      </c>
      <c r="M13887" t="s">
        <v>87</v>
      </c>
      <c r="N13887" t="s">
        <v>88</v>
      </c>
      <c r="O13887" t="s">
        <v>85</v>
      </c>
      <c r="P13887" t="s">
        <v>86</v>
      </c>
      <c r="Q13887">
        <v>139</v>
      </c>
      <c r="R13887">
        <v>141</v>
      </c>
      <c r="S13887">
        <v>142</v>
      </c>
      <c r="T13887">
        <v>143</v>
      </c>
      <c r="U13887">
        <v>145</v>
      </c>
      <c r="V13887">
        <v>146</v>
      </c>
      <c r="W13887">
        <v>147</v>
      </c>
      <c r="X13887">
        <v>149</v>
      </c>
      <c r="Y13887">
        <v>150</v>
      </c>
      <c r="Z13887">
        <v>151</v>
      </c>
      <c r="AA13887">
        <v>152</v>
      </c>
      <c r="AB13887">
        <v>154</v>
      </c>
      <c r="AC13887">
        <v>155</v>
      </c>
      <c r="AD13887">
        <v>156</v>
      </c>
      <c r="AE13887">
        <v>157</v>
      </c>
      <c r="AF13887">
        <v>159</v>
      </c>
      <c r="AG13887">
        <v>160</v>
      </c>
      <c r="AH13887">
        <v>161</v>
      </c>
      <c r="AI13887">
        <v>162</v>
      </c>
      <c r="AJ13887">
        <v>163</v>
      </c>
      <c r="AK13887">
        <v>165</v>
      </c>
      <c r="AL13887">
        <v>166</v>
      </c>
      <c r="AM13887">
        <v>167</v>
      </c>
      <c r="AN13887">
        <v>168</v>
      </c>
      <c r="AO13887">
        <v>169</v>
      </c>
      <c r="AP13887">
        <v>170</v>
      </c>
      <c r="AQ13887">
        <v>172</v>
      </c>
    </row>
    <row r="13888" spans="1:43">
      <c r="A13888" t="s">
        <v>8618</v>
      </c>
      <c r="B13888" t="s">
        <v>8619</v>
      </c>
      <c r="C13888" t="s">
        <v>8616</v>
      </c>
      <c r="D13888" t="s">
        <v>8617</v>
      </c>
      <c r="E13888" t="s">
        <v>8296</v>
      </c>
      <c r="F13888" t="s">
        <v>8297</v>
      </c>
      <c r="G13888" t="s">
        <v>80</v>
      </c>
      <c r="H13888" t="s">
        <v>81</v>
      </c>
      <c r="I13888" s="2">
        <v>0</v>
      </c>
      <c r="J13888" s="2">
        <v>1</v>
      </c>
      <c r="K13888" s="2">
        <v>0</v>
      </c>
      <c r="L13888" t="s">
        <v>82</v>
      </c>
      <c r="M13888" t="s">
        <v>89</v>
      </c>
      <c r="N13888" t="s">
        <v>90</v>
      </c>
      <c r="O13888" t="s">
        <v>85</v>
      </c>
      <c r="P13888" t="s">
        <v>86</v>
      </c>
      <c r="Q13888">
        <v>139</v>
      </c>
      <c r="R13888">
        <v>143</v>
      </c>
      <c r="S13888">
        <v>147</v>
      </c>
      <c r="T13888">
        <v>150</v>
      </c>
      <c r="U13888">
        <v>154</v>
      </c>
      <c r="V13888">
        <v>158</v>
      </c>
      <c r="W13888">
        <v>162</v>
      </c>
      <c r="X13888">
        <v>165</v>
      </c>
      <c r="Y13888">
        <v>169</v>
      </c>
      <c r="Z13888">
        <v>172</v>
      </c>
      <c r="AA13888">
        <v>175</v>
      </c>
      <c r="AB13888">
        <v>179</v>
      </c>
      <c r="AC13888">
        <v>182</v>
      </c>
      <c r="AD13888">
        <v>186</v>
      </c>
      <c r="AE13888">
        <v>188</v>
      </c>
      <c r="AF13888">
        <v>189</v>
      </c>
      <c r="AG13888">
        <v>190</v>
      </c>
      <c r="AH13888">
        <v>191</v>
      </c>
      <c r="AI13888">
        <v>191</v>
      </c>
      <c r="AJ13888">
        <v>192</v>
      </c>
      <c r="AK13888">
        <v>193</v>
      </c>
      <c r="AL13888">
        <v>194</v>
      </c>
      <c r="AM13888">
        <v>195</v>
      </c>
      <c r="AN13888">
        <v>195</v>
      </c>
      <c r="AO13888">
        <v>196</v>
      </c>
      <c r="AP13888">
        <v>197</v>
      </c>
      <c r="AQ13888">
        <v>197</v>
      </c>
    </row>
    <row r="13889" spans="1:43">
      <c r="A13889" t="s">
        <v>8618</v>
      </c>
      <c r="B13889" t="s">
        <v>8619</v>
      </c>
      <c r="C13889" t="s">
        <v>8616</v>
      </c>
      <c r="D13889" t="s">
        <v>8617</v>
      </c>
      <c r="E13889" t="s">
        <v>8296</v>
      </c>
      <c r="F13889" t="s">
        <v>8297</v>
      </c>
      <c r="G13889" t="s">
        <v>80</v>
      </c>
      <c r="H13889" t="s">
        <v>81</v>
      </c>
      <c r="I13889" s="2">
        <v>0</v>
      </c>
      <c r="J13889" s="2">
        <v>1</v>
      </c>
      <c r="K13889" s="2">
        <v>0</v>
      </c>
      <c r="L13889" t="s">
        <v>82</v>
      </c>
      <c r="M13889" t="s">
        <v>83</v>
      </c>
      <c r="N13889" t="s">
        <v>91</v>
      </c>
      <c r="O13889" t="s">
        <v>85</v>
      </c>
      <c r="P13889" t="s">
        <v>86</v>
      </c>
      <c r="Q13889">
        <v>139</v>
      </c>
      <c r="R13889">
        <v>141</v>
      </c>
      <c r="S13889">
        <v>144</v>
      </c>
      <c r="T13889">
        <v>147</v>
      </c>
      <c r="U13889">
        <v>149</v>
      </c>
      <c r="V13889">
        <v>152</v>
      </c>
      <c r="W13889">
        <v>155</v>
      </c>
      <c r="X13889">
        <v>157</v>
      </c>
      <c r="Y13889">
        <v>160</v>
      </c>
      <c r="Z13889">
        <v>163</v>
      </c>
      <c r="AA13889">
        <v>165</v>
      </c>
      <c r="AB13889">
        <v>168</v>
      </c>
      <c r="AC13889">
        <v>171</v>
      </c>
      <c r="AD13889">
        <v>173</v>
      </c>
      <c r="AE13889">
        <v>176</v>
      </c>
      <c r="AF13889">
        <v>178</v>
      </c>
      <c r="AG13889">
        <v>181</v>
      </c>
      <c r="AH13889">
        <v>184</v>
      </c>
      <c r="AI13889">
        <v>186</v>
      </c>
      <c r="AJ13889">
        <v>189</v>
      </c>
      <c r="AK13889">
        <v>192</v>
      </c>
      <c r="AL13889">
        <v>193</v>
      </c>
      <c r="AM13889">
        <v>194</v>
      </c>
      <c r="AN13889">
        <v>194</v>
      </c>
      <c r="AO13889">
        <v>195</v>
      </c>
      <c r="AP13889">
        <v>196</v>
      </c>
      <c r="AQ13889">
        <v>197</v>
      </c>
    </row>
    <row r="13890" spans="1:43">
      <c r="A13890" t="s">
        <v>8620</v>
      </c>
      <c r="B13890" t="s">
        <v>8621</v>
      </c>
      <c r="C13890" t="s">
        <v>8616</v>
      </c>
      <c r="D13890" t="s">
        <v>8617</v>
      </c>
      <c r="E13890" t="s">
        <v>8296</v>
      </c>
      <c r="F13890" t="s">
        <v>8297</v>
      </c>
      <c r="G13890" t="s">
        <v>80</v>
      </c>
      <c r="H13890" t="s">
        <v>81</v>
      </c>
      <c r="I13890" s="2">
        <v>0</v>
      </c>
      <c r="J13890" s="2">
        <v>1</v>
      </c>
      <c r="K13890" s="2">
        <v>0</v>
      </c>
      <c r="L13890" t="s">
        <v>82</v>
      </c>
      <c r="M13890" t="s">
        <v>83</v>
      </c>
      <c r="N13890" t="s">
        <v>84</v>
      </c>
      <c r="O13890" t="s">
        <v>85</v>
      </c>
      <c r="P13890" t="s">
        <v>86</v>
      </c>
      <c r="Q13890">
        <v>86</v>
      </c>
      <c r="R13890">
        <v>88</v>
      </c>
      <c r="S13890">
        <v>89</v>
      </c>
      <c r="T13890">
        <v>91</v>
      </c>
      <c r="U13890">
        <v>93</v>
      </c>
      <c r="V13890">
        <v>94</v>
      </c>
      <c r="W13890">
        <v>96</v>
      </c>
      <c r="X13890">
        <v>97</v>
      </c>
      <c r="Y13890">
        <v>99</v>
      </c>
      <c r="Z13890">
        <v>101</v>
      </c>
      <c r="AA13890">
        <v>102</v>
      </c>
      <c r="AB13890">
        <v>104</v>
      </c>
      <c r="AC13890">
        <v>106</v>
      </c>
      <c r="AD13890">
        <v>107</v>
      </c>
      <c r="AE13890">
        <v>109</v>
      </c>
      <c r="AF13890">
        <v>111</v>
      </c>
      <c r="AG13890">
        <v>112</v>
      </c>
      <c r="AH13890">
        <v>114</v>
      </c>
      <c r="AI13890">
        <v>115</v>
      </c>
      <c r="AJ13890">
        <v>117</v>
      </c>
      <c r="AK13890">
        <v>119</v>
      </c>
      <c r="AL13890">
        <v>120</v>
      </c>
      <c r="AM13890">
        <v>120</v>
      </c>
      <c r="AN13890">
        <v>121</v>
      </c>
      <c r="AO13890">
        <v>121</v>
      </c>
      <c r="AP13890">
        <v>121</v>
      </c>
      <c r="AQ13890">
        <v>122</v>
      </c>
    </row>
    <row r="13891" spans="1:43">
      <c r="A13891" t="s">
        <v>8620</v>
      </c>
      <c r="B13891" t="s">
        <v>8621</v>
      </c>
      <c r="C13891" t="s">
        <v>8616</v>
      </c>
      <c r="D13891" t="s">
        <v>8617</v>
      </c>
      <c r="E13891" t="s">
        <v>8296</v>
      </c>
      <c r="F13891" t="s">
        <v>8297</v>
      </c>
      <c r="G13891" t="s">
        <v>80</v>
      </c>
      <c r="H13891" t="s">
        <v>81</v>
      </c>
      <c r="I13891" s="2">
        <v>0</v>
      </c>
      <c r="J13891" s="2">
        <v>1</v>
      </c>
      <c r="K13891" s="2">
        <v>0</v>
      </c>
      <c r="L13891" t="s">
        <v>82</v>
      </c>
      <c r="M13891" t="s">
        <v>87</v>
      </c>
      <c r="N13891" t="s">
        <v>88</v>
      </c>
      <c r="O13891" t="s">
        <v>85</v>
      </c>
      <c r="P13891" t="s">
        <v>86</v>
      </c>
      <c r="Q13891">
        <v>86</v>
      </c>
      <c r="R13891">
        <v>87</v>
      </c>
      <c r="S13891">
        <v>88</v>
      </c>
      <c r="T13891">
        <v>89</v>
      </c>
      <c r="U13891">
        <v>89</v>
      </c>
      <c r="V13891">
        <v>90</v>
      </c>
      <c r="W13891">
        <v>91</v>
      </c>
      <c r="X13891">
        <v>92</v>
      </c>
      <c r="Y13891">
        <v>93</v>
      </c>
      <c r="Z13891">
        <v>93</v>
      </c>
      <c r="AA13891">
        <v>94</v>
      </c>
      <c r="AB13891">
        <v>95</v>
      </c>
      <c r="AC13891">
        <v>96</v>
      </c>
      <c r="AD13891">
        <v>97</v>
      </c>
      <c r="AE13891">
        <v>97</v>
      </c>
      <c r="AF13891">
        <v>98</v>
      </c>
      <c r="AG13891">
        <v>99</v>
      </c>
      <c r="AH13891">
        <v>100</v>
      </c>
      <c r="AI13891">
        <v>100</v>
      </c>
      <c r="AJ13891">
        <v>101</v>
      </c>
      <c r="AK13891">
        <v>102</v>
      </c>
      <c r="AL13891">
        <v>102</v>
      </c>
      <c r="AM13891">
        <v>103</v>
      </c>
      <c r="AN13891">
        <v>104</v>
      </c>
      <c r="AO13891">
        <v>105</v>
      </c>
      <c r="AP13891">
        <v>105</v>
      </c>
      <c r="AQ13891">
        <v>106</v>
      </c>
    </row>
    <row r="13892" spans="1:43">
      <c r="A13892" t="s">
        <v>8620</v>
      </c>
      <c r="B13892" t="s">
        <v>8621</v>
      </c>
      <c r="C13892" t="s">
        <v>8616</v>
      </c>
      <c r="D13892" t="s">
        <v>8617</v>
      </c>
      <c r="E13892" t="s">
        <v>8296</v>
      </c>
      <c r="F13892" t="s">
        <v>8297</v>
      </c>
      <c r="G13892" t="s">
        <v>80</v>
      </c>
      <c r="H13892" t="s">
        <v>81</v>
      </c>
      <c r="I13892" s="2">
        <v>0</v>
      </c>
      <c r="J13892" s="2">
        <v>1</v>
      </c>
      <c r="K13892" s="2">
        <v>0</v>
      </c>
      <c r="L13892" t="s">
        <v>82</v>
      </c>
      <c r="M13892" t="s">
        <v>89</v>
      </c>
      <c r="N13892" t="s">
        <v>90</v>
      </c>
      <c r="O13892" t="s">
        <v>85</v>
      </c>
      <c r="P13892" t="s">
        <v>86</v>
      </c>
      <c r="Q13892">
        <v>86</v>
      </c>
      <c r="R13892">
        <v>88</v>
      </c>
      <c r="S13892">
        <v>90</v>
      </c>
      <c r="T13892">
        <v>93</v>
      </c>
      <c r="U13892">
        <v>95</v>
      </c>
      <c r="V13892">
        <v>97</v>
      </c>
      <c r="W13892">
        <v>100</v>
      </c>
      <c r="X13892">
        <v>102</v>
      </c>
      <c r="Y13892">
        <v>104</v>
      </c>
      <c r="Z13892">
        <v>106</v>
      </c>
      <c r="AA13892">
        <v>108</v>
      </c>
      <c r="AB13892">
        <v>110</v>
      </c>
      <c r="AC13892">
        <v>113</v>
      </c>
      <c r="AD13892">
        <v>115</v>
      </c>
      <c r="AE13892">
        <v>116</v>
      </c>
      <c r="AF13892">
        <v>117</v>
      </c>
      <c r="AG13892">
        <v>117</v>
      </c>
      <c r="AH13892">
        <v>118</v>
      </c>
      <c r="AI13892">
        <v>118</v>
      </c>
      <c r="AJ13892">
        <v>119</v>
      </c>
      <c r="AK13892">
        <v>119</v>
      </c>
      <c r="AL13892">
        <v>120</v>
      </c>
      <c r="AM13892">
        <v>120</v>
      </c>
      <c r="AN13892">
        <v>121</v>
      </c>
      <c r="AO13892">
        <v>121</v>
      </c>
      <c r="AP13892">
        <v>121</v>
      </c>
      <c r="AQ13892">
        <v>122</v>
      </c>
    </row>
    <row r="13893" spans="1:43">
      <c r="A13893" t="s">
        <v>8620</v>
      </c>
      <c r="B13893" t="s">
        <v>8621</v>
      </c>
      <c r="C13893" t="s">
        <v>8616</v>
      </c>
      <c r="D13893" t="s">
        <v>8617</v>
      </c>
      <c r="E13893" t="s">
        <v>8296</v>
      </c>
      <c r="F13893" t="s">
        <v>8297</v>
      </c>
      <c r="G13893" t="s">
        <v>80</v>
      </c>
      <c r="H13893" t="s">
        <v>81</v>
      </c>
      <c r="I13893" s="2">
        <v>0</v>
      </c>
      <c r="J13893" s="2">
        <v>1</v>
      </c>
      <c r="K13893" s="2">
        <v>0</v>
      </c>
      <c r="L13893" t="s">
        <v>82</v>
      </c>
      <c r="M13893" t="s">
        <v>83</v>
      </c>
      <c r="N13893" t="s">
        <v>91</v>
      </c>
      <c r="O13893" t="s">
        <v>85</v>
      </c>
      <c r="P13893" t="s">
        <v>86</v>
      </c>
      <c r="Q13893">
        <v>86</v>
      </c>
      <c r="R13893">
        <v>88</v>
      </c>
      <c r="S13893">
        <v>89</v>
      </c>
      <c r="T13893">
        <v>91</v>
      </c>
      <c r="U13893">
        <v>93</v>
      </c>
      <c r="V13893">
        <v>94</v>
      </c>
      <c r="W13893">
        <v>96</v>
      </c>
      <c r="X13893">
        <v>97</v>
      </c>
      <c r="Y13893">
        <v>99</v>
      </c>
      <c r="Z13893">
        <v>101</v>
      </c>
      <c r="AA13893">
        <v>102</v>
      </c>
      <c r="AB13893">
        <v>104</v>
      </c>
      <c r="AC13893">
        <v>106</v>
      </c>
      <c r="AD13893">
        <v>107</v>
      </c>
      <c r="AE13893">
        <v>109</v>
      </c>
      <c r="AF13893">
        <v>111</v>
      </c>
      <c r="AG13893">
        <v>112</v>
      </c>
      <c r="AH13893">
        <v>114</v>
      </c>
      <c r="AI13893">
        <v>115</v>
      </c>
      <c r="AJ13893">
        <v>117</v>
      </c>
      <c r="AK13893">
        <v>119</v>
      </c>
      <c r="AL13893">
        <v>120</v>
      </c>
      <c r="AM13893">
        <v>120</v>
      </c>
      <c r="AN13893">
        <v>121</v>
      </c>
      <c r="AO13893">
        <v>121</v>
      </c>
      <c r="AP13893">
        <v>121</v>
      </c>
      <c r="AQ13893">
        <v>122</v>
      </c>
    </row>
    <row r="13894" spans="1:43">
      <c r="A13894" t="s">
        <v>8622</v>
      </c>
      <c r="B13894" t="s">
        <v>8623</v>
      </c>
      <c r="C13894" t="s">
        <v>8490</v>
      </c>
      <c r="D13894" t="s">
        <v>8491</v>
      </c>
      <c r="E13894" t="s">
        <v>8296</v>
      </c>
      <c r="F13894" t="s">
        <v>8297</v>
      </c>
      <c r="G13894" t="s">
        <v>80</v>
      </c>
      <c r="H13894" t="s">
        <v>81</v>
      </c>
      <c r="I13894" s="2">
        <v>0</v>
      </c>
      <c r="J13894" s="2">
        <v>1</v>
      </c>
      <c r="K13894" s="2">
        <v>0</v>
      </c>
      <c r="L13894" t="s">
        <v>82</v>
      </c>
      <c r="M13894" t="s">
        <v>83</v>
      </c>
      <c r="N13894" t="s">
        <v>84</v>
      </c>
      <c r="O13894" t="s">
        <v>85</v>
      </c>
      <c r="P13894" t="s">
        <v>86</v>
      </c>
      <c r="Q13894">
        <v>73</v>
      </c>
      <c r="R13894">
        <v>75</v>
      </c>
      <c r="S13894">
        <v>76</v>
      </c>
      <c r="T13894">
        <v>78</v>
      </c>
      <c r="U13894">
        <v>79</v>
      </c>
      <c r="V13894">
        <v>80</v>
      </c>
      <c r="W13894">
        <v>82</v>
      </c>
      <c r="X13894">
        <v>83</v>
      </c>
      <c r="Y13894">
        <v>85</v>
      </c>
      <c r="Z13894">
        <v>86</v>
      </c>
      <c r="AA13894">
        <v>87</v>
      </c>
      <c r="AB13894">
        <v>89</v>
      </c>
      <c r="AC13894">
        <v>90</v>
      </c>
      <c r="AD13894">
        <v>92</v>
      </c>
      <c r="AE13894">
        <v>93</v>
      </c>
      <c r="AF13894">
        <v>94</v>
      </c>
      <c r="AG13894">
        <v>96</v>
      </c>
      <c r="AH13894">
        <v>97</v>
      </c>
      <c r="AI13894">
        <v>98</v>
      </c>
      <c r="AJ13894">
        <v>100</v>
      </c>
      <c r="AK13894">
        <v>101</v>
      </c>
      <c r="AL13894">
        <v>102</v>
      </c>
      <c r="AM13894">
        <v>102</v>
      </c>
      <c r="AN13894">
        <v>103</v>
      </c>
      <c r="AO13894">
        <v>103</v>
      </c>
      <c r="AP13894">
        <v>103</v>
      </c>
      <c r="AQ13894">
        <v>104</v>
      </c>
    </row>
    <row r="13895" spans="1:43">
      <c r="A13895" t="s">
        <v>8622</v>
      </c>
      <c r="B13895" t="s">
        <v>8623</v>
      </c>
      <c r="C13895" t="s">
        <v>8490</v>
      </c>
      <c r="D13895" t="s">
        <v>8491</v>
      </c>
      <c r="E13895" t="s">
        <v>8296</v>
      </c>
      <c r="F13895" t="s">
        <v>8297</v>
      </c>
      <c r="G13895" t="s">
        <v>80</v>
      </c>
      <c r="H13895" t="s">
        <v>81</v>
      </c>
      <c r="I13895" s="2">
        <v>0</v>
      </c>
      <c r="J13895" s="2">
        <v>1</v>
      </c>
      <c r="K13895" s="2">
        <v>0</v>
      </c>
      <c r="L13895" t="s">
        <v>82</v>
      </c>
      <c r="M13895" t="s">
        <v>87</v>
      </c>
      <c r="N13895" t="s">
        <v>88</v>
      </c>
      <c r="O13895" t="s">
        <v>85</v>
      </c>
      <c r="P13895" t="s">
        <v>86</v>
      </c>
      <c r="Q13895">
        <v>73</v>
      </c>
      <c r="R13895">
        <v>73</v>
      </c>
      <c r="S13895">
        <v>74</v>
      </c>
      <c r="T13895">
        <v>75</v>
      </c>
      <c r="U13895">
        <v>75</v>
      </c>
      <c r="V13895">
        <v>76</v>
      </c>
      <c r="W13895">
        <v>77</v>
      </c>
      <c r="X13895">
        <v>78</v>
      </c>
      <c r="Y13895">
        <v>78</v>
      </c>
      <c r="Z13895">
        <v>79</v>
      </c>
      <c r="AA13895">
        <v>80</v>
      </c>
      <c r="AB13895">
        <v>80</v>
      </c>
      <c r="AC13895">
        <v>81</v>
      </c>
      <c r="AD13895">
        <v>82</v>
      </c>
      <c r="AE13895">
        <v>82</v>
      </c>
      <c r="AF13895">
        <v>83</v>
      </c>
      <c r="AG13895">
        <v>84</v>
      </c>
      <c r="AH13895">
        <v>84</v>
      </c>
      <c r="AI13895">
        <v>85</v>
      </c>
      <c r="AJ13895">
        <v>86</v>
      </c>
      <c r="AK13895">
        <v>86</v>
      </c>
      <c r="AL13895">
        <v>87</v>
      </c>
      <c r="AM13895">
        <v>87</v>
      </c>
      <c r="AN13895">
        <v>88</v>
      </c>
      <c r="AO13895">
        <v>89</v>
      </c>
      <c r="AP13895">
        <v>89</v>
      </c>
      <c r="AQ13895">
        <v>90</v>
      </c>
    </row>
    <row r="13896" spans="1:43">
      <c r="A13896" t="s">
        <v>8622</v>
      </c>
      <c r="B13896" t="s">
        <v>8623</v>
      </c>
      <c r="C13896" t="s">
        <v>8490</v>
      </c>
      <c r="D13896" t="s">
        <v>8491</v>
      </c>
      <c r="E13896" t="s">
        <v>8296</v>
      </c>
      <c r="F13896" t="s">
        <v>8297</v>
      </c>
      <c r="G13896" t="s">
        <v>80</v>
      </c>
      <c r="H13896" t="s">
        <v>81</v>
      </c>
      <c r="I13896" s="2">
        <v>0</v>
      </c>
      <c r="J13896" s="2">
        <v>1</v>
      </c>
      <c r="K13896" s="2">
        <v>0</v>
      </c>
      <c r="L13896" t="s">
        <v>82</v>
      </c>
      <c r="M13896" t="s">
        <v>89</v>
      </c>
      <c r="N13896" t="s">
        <v>90</v>
      </c>
      <c r="O13896" t="s">
        <v>85</v>
      </c>
      <c r="P13896" t="s">
        <v>86</v>
      </c>
      <c r="Q13896">
        <v>73</v>
      </c>
      <c r="R13896">
        <v>75</v>
      </c>
      <c r="S13896">
        <v>77</v>
      </c>
      <c r="T13896">
        <v>79</v>
      </c>
      <c r="U13896">
        <v>81</v>
      </c>
      <c r="V13896">
        <v>83</v>
      </c>
      <c r="W13896">
        <v>85</v>
      </c>
      <c r="X13896">
        <v>87</v>
      </c>
      <c r="Y13896">
        <v>89</v>
      </c>
      <c r="Z13896">
        <v>90</v>
      </c>
      <c r="AA13896">
        <v>92</v>
      </c>
      <c r="AB13896">
        <v>94</v>
      </c>
      <c r="AC13896">
        <v>96</v>
      </c>
      <c r="AD13896">
        <v>97</v>
      </c>
      <c r="AE13896">
        <v>99</v>
      </c>
      <c r="AF13896">
        <v>99</v>
      </c>
      <c r="AG13896">
        <v>100</v>
      </c>
      <c r="AH13896">
        <v>100</v>
      </c>
      <c r="AI13896">
        <v>100</v>
      </c>
      <c r="AJ13896">
        <v>101</v>
      </c>
      <c r="AK13896">
        <v>101</v>
      </c>
      <c r="AL13896">
        <v>102</v>
      </c>
      <c r="AM13896">
        <v>102</v>
      </c>
      <c r="AN13896">
        <v>102</v>
      </c>
      <c r="AO13896">
        <v>103</v>
      </c>
      <c r="AP13896">
        <v>103</v>
      </c>
      <c r="AQ13896">
        <v>103</v>
      </c>
    </row>
    <row r="13897" spans="1:43">
      <c r="A13897" t="s">
        <v>8622</v>
      </c>
      <c r="B13897" t="s">
        <v>8623</v>
      </c>
      <c r="C13897" t="s">
        <v>8490</v>
      </c>
      <c r="D13897" t="s">
        <v>8491</v>
      </c>
      <c r="E13897" t="s">
        <v>8296</v>
      </c>
      <c r="F13897" t="s">
        <v>8297</v>
      </c>
      <c r="G13897" t="s">
        <v>80</v>
      </c>
      <c r="H13897" t="s">
        <v>81</v>
      </c>
      <c r="I13897" s="2">
        <v>0</v>
      </c>
      <c r="J13897" s="2">
        <v>1</v>
      </c>
      <c r="K13897" s="2">
        <v>0</v>
      </c>
      <c r="L13897" t="s">
        <v>82</v>
      </c>
      <c r="M13897" t="s">
        <v>83</v>
      </c>
      <c r="N13897" t="s">
        <v>91</v>
      </c>
      <c r="O13897" t="s">
        <v>85</v>
      </c>
      <c r="P13897" t="s">
        <v>86</v>
      </c>
      <c r="Q13897">
        <v>73</v>
      </c>
      <c r="R13897">
        <v>75</v>
      </c>
      <c r="S13897">
        <v>76</v>
      </c>
      <c r="T13897">
        <v>78</v>
      </c>
      <c r="U13897">
        <v>79</v>
      </c>
      <c r="V13897">
        <v>80</v>
      </c>
      <c r="W13897">
        <v>82</v>
      </c>
      <c r="X13897">
        <v>83</v>
      </c>
      <c r="Y13897">
        <v>85</v>
      </c>
      <c r="Z13897">
        <v>86</v>
      </c>
      <c r="AA13897">
        <v>87</v>
      </c>
      <c r="AB13897">
        <v>89</v>
      </c>
      <c r="AC13897">
        <v>90</v>
      </c>
      <c r="AD13897">
        <v>92</v>
      </c>
      <c r="AE13897">
        <v>93</v>
      </c>
      <c r="AF13897">
        <v>94</v>
      </c>
      <c r="AG13897">
        <v>96</v>
      </c>
      <c r="AH13897">
        <v>97</v>
      </c>
      <c r="AI13897">
        <v>98</v>
      </c>
      <c r="AJ13897">
        <v>100</v>
      </c>
      <c r="AK13897">
        <v>101</v>
      </c>
      <c r="AL13897">
        <v>102</v>
      </c>
      <c r="AM13897">
        <v>102</v>
      </c>
      <c r="AN13897">
        <v>103</v>
      </c>
      <c r="AO13897">
        <v>103</v>
      </c>
      <c r="AP13897">
        <v>103</v>
      </c>
      <c r="AQ13897">
        <v>104</v>
      </c>
    </row>
    <row r="13898" spans="1:43">
      <c r="A13898" t="s">
        <v>8624</v>
      </c>
      <c r="B13898" t="s">
        <v>8625</v>
      </c>
      <c r="C13898" t="s">
        <v>8616</v>
      </c>
      <c r="D13898" t="s">
        <v>8617</v>
      </c>
      <c r="E13898" t="s">
        <v>8296</v>
      </c>
      <c r="F13898" t="s">
        <v>8297</v>
      </c>
      <c r="G13898" t="s">
        <v>80</v>
      </c>
      <c r="H13898" t="s">
        <v>81</v>
      </c>
      <c r="I13898" s="2">
        <v>0</v>
      </c>
      <c r="J13898" s="2">
        <v>1</v>
      </c>
      <c r="K13898" s="2">
        <v>0</v>
      </c>
      <c r="L13898" t="s">
        <v>82</v>
      </c>
      <c r="M13898" t="s">
        <v>83</v>
      </c>
      <c r="N13898" t="s">
        <v>84</v>
      </c>
      <c r="O13898" t="s">
        <v>85</v>
      </c>
      <c r="P13898" t="s">
        <v>86</v>
      </c>
      <c r="Q13898">
        <v>23</v>
      </c>
      <c r="R13898">
        <v>23</v>
      </c>
      <c r="S13898">
        <v>24</v>
      </c>
      <c r="T13898">
        <v>24</v>
      </c>
      <c r="U13898">
        <v>25</v>
      </c>
      <c r="V13898">
        <v>25</v>
      </c>
      <c r="W13898">
        <v>25</v>
      </c>
      <c r="X13898">
        <v>26</v>
      </c>
      <c r="Y13898">
        <v>26</v>
      </c>
      <c r="Z13898">
        <v>27</v>
      </c>
      <c r="AA13898">
        <v>27</v>
      </c>
      <c r="AB13898">
        <v>28</v>
      </c>
      <c r="AC13898">
        <v>28</v>
      </c>
      <c r="AD13898">
        <v>28</v>
      </c>
      <c r="AE13898">
        <v>29</v>
      </c>
      <c r="AF13898">
        <v>29</v>
      </c>
      <c r="AG13898">
        <v>30</v>
      </c>
      <c r="AH13898">
        <v>30</v>
      </c>
      <c r="AI13898">
        <v>31</v>
      </c>
      <c r="AJ13898">
        <v>31</v>
      </c>
      <c r="AK13898">
        <v>31</v>
      </c>
      <c r="AL13898">
        <v>32</v>
      </c>
      <c r="AM13898">
        <v>32</v>
      </c>
      <c r="AN13898">
        <v>32</v>
      </c>
      <c r="AO13898">
        <v>32</v>
      </c>
      <c r="AP13898">
        <v>32</v>
      </c>
      <c r="AQ13898">
        <v>32</v>
      </c>
    </row>
    <row r="13899" spans="1:43">
      <c r="A13899" t="s">
        <v>8624</v>
      </c>
      <c r="B13899" t="s">
        <v>8625</v>
      </c>
      <c r="C13899" t="s">
        <v>8616</v>
      </c>
      <c r="D13899" t="s">
        <v>8617</v>
      </c>
      <c r="E13899" t="s">
        <v>8296</v>
      </c>
      <c r="F13899" t="s">
        <v>8297</v>
      </c>
      <c r="G13899" t="s">
        <v>80</v>
      </c>
      <c r="H13899" t="s">
        <v>81</v>
      </c>
      <c r="I13899" s="2">
        <v>0</v>
      </c>
      <c r="J13899" s="2">
        <v>1</v>
      </c>
      <c r="K13899" s="2">
        <v>0</v>
      </c>
      <c r="L13899" t="s">
        <v>82</v>
      </c>
      <c r="M13899" t="s">
        <v>87</v>
      </c>
      <c r="N13899" t="s">
        <v>88</v>
      </c>
      <c r="O13899" t="s">
        <v>85</v>
      </c>
      <c r="P13899" t="s">
        <v>86</v>
      </c>
      <c r="Q13899">
        <v>23</v>
      </c>
      <c r="R13899">
        <v>23</v>
      </c>
      <c r="S13899">
        <v>23</v>
      </c>
      <c r="T13899">
        <v>23</v>
      </c>
      <c r="U13899">
        <v>23</v>
      </c>
      <c r="V13899">
        <v>24</v>
      </c>
      <c r="W13899">
        <v>24</v>
      </c>
      <c r="X13899">
        <v>24</v>
      </c>
      <c r="Y13899">
        <v>24</v>
      </c>
      <c r="Z13899">
        <v>25</v>
      </c>
      <c r="AA13899">
        <v>25</v>
      </c>
      <c r="AB13899">
        <v>25</v>
      </c>
      <c r="AC13899">
        <v>25</v>
      </c>
      <c r="AD13899">
        <v>25</v>
      </c>
      <c r="AE13899">
        <v>26</v>
      </c>
      <c r="AF13899">
        <v>26</v>
      </c>
      <c r="AG13899">
        <v>26</v>
      </c>
      <c r="AH13899">
        <v>26</v>
      </c>
      <c r="AI13899">
        <v>26</v>
      </c>
      <c r="AJ13899">
        <v>27</v>
      </c>
      <c r="AK13899">
        <v>27</v>
      </c>
      <c r="AL13899">
        <v>27</v>
      </c>
      <c r="AM13899">
        <v>27</v>
      </c>
      <c r="AN13899">
        <v>27</v>
      </c>
      <c r="AO13899">
        <v>28</v>
      </c>
      <c r="AP13899">
        <v>28</v>
      </c>
      <c r="AQ13899">
        <v>28</v>
      </c>
    </row>
    <row r="13900" spans="1:43">
      <c r="A13900" t="s">
        <v>8624</v>
      </c>
      <c r="B13900" t="s">
        <v>8625</v>
      </c>
      <c r="C13900" t="s">
        <v>8616</v>
      </c>
      <c r="D13900" t="s">
        <v>8617</v>
      </c>
      <c r="E13900" t="s">
        <v>8296</v>
      </c>
      <c r="F13900" t="s">
        <v>8297</v>
      </c>
      <c r="G13900" t="s">
        <v>80</v>
      </c>
      <c r="H13900" t="s">
        <v>81</v>
      </c>
      <c r="I13900" s="2">
        <v>0</v>
      </c>
      <c r="J13900" s="2">
        <v>1</v>
      </c>
      <c r="K13900" s="2">
        <v>0</v>
      </c>
      <c r="L13900" t="s">
        <v>82</v>
      </c>
      <c r="M13900" t="s">
        <v>89</v>
      </c>
      <c r="N13900" t="s">
        <v>90</v>
      </c>
      <c r="O13900" t="s">
        <v>85</v>
      </c>
      <c r="P13900" t="s">
        <v>86</v>
      </c>
      <c r="Q13900">
        <v>23</v>
      </c>
      <c r="R13900">
        <v>24</v>
      </c>
      <c r="S13900">
        <v>24</v>
      </c>
      <c r="T13900">
        <v>25</v>
      </c>
      <c r="U13900">
        <v>26</v>
      </c>
      <c r="V13900">
        <v>26</v>
      </c>
      <c r="W13900">
        <v>27</v>
      </c>
      <c r="X13900">
        <v>27</v>
      </c>
      <c r="Y13900">
        <v>28</v>
      </c>
      <c r="Z13900">
        <v>28</v>
      </c>
      <c r="AA13900">
        <v>29</v>
      </c>
      <c r="AB13900">
        <v>30</v>
      </c>
      <c r="AC13900">
        <v>30</v>
      </c>
      <c r="AD13900">
        <v>31</v>
      </c>
      <c r="AE13900">
        <v>31</v>
      </c>
      <c r="AF13900">
        <v>31</v>
      </c>
      <c r="AG13900">
        <v>31</v>
      </c>
      <c r="AH13900">
        <v>31</v>
      </c>
      <c r="AI13900">
        <v>32</v>
      </c>
      <c r="AJ13900">
        <v>32</v>
      </c>
      <c r="AK13900">
        <v>32</v>
      </c>
      <c r="AL13900">
        <v>32</v>
      </c>
      <c r="AM13900">
        <v>32</v>
      </c>
      <c r="AN13900">
        <v>32</v>
      </c>
      <c r="AO13900">
        <v>32</v>
      </c>
      <c r="AP13900">
        <v>32</v>
      </c>
      <c r="AQ13900">
        <v>33</v>
      </c>
    </row>
    <row r="13901" spans="1:43">
      <c r="A13901" t="s">
        <v>8624</v>
      </c>
      <c r="B13901" t="s">
        <v>8625</v>
      </c>
      <c r="C13901" t="s">
        <v>8616</v>
      </c>
      <c r="D13901" t="s">
        <v>8617</v>
      </c>
      <c r="E13901" t="s">
        <v>8296</v>
      </c>
      <c r="F13901" t="s">
        <v>8297</v>
      </c>
      <c r="G13901" t="s">
        <v>80</v>
      </c>
      <c r="H13901" t="s">
        <v>81</v>
      </c>
      <c r="I13901" s="2">
        <v>0</v>
      </c>
      <c r="J13901" s="2">
        <v>1</v>
      </c>
      <c r="K13901" s="2">
        <v>0</v>
      </c>
      <c r="L13901" t="s">
        <v>82</v>
      </c>
      <c r="M13901" t="s">
        <v>83</v>
      </c>
      <c r="N13901" t="s">
        <v>91</v>
      </c>
      <c r="O13901" t="s">
        <v>85</v>
      </c>
      <c r="P13901" t="s">
        <v>86</v>
      </c>
      <c r="Q13901">
        <v>23</v>
      </c>
      <c r="R13901">
        <v>23</v>
      </c>
      <c r="S13901">
        <v>24</v>
      </c>
      <c r="T13901">
        <v>24</v>
      </c>
      <c r="U13901">
        <v>25</v>
      </c>
      <c r="V13901">
        <v>25</v>
      </c>
      <c r="W13901">
        <v>25</v>
      </c>
      <c r="X13901">
        <v>26</v>
      </c>
      <c r="Y13901">
        <v>26</v>
      </c>
      <c r="Z13901">
        <v>27</v>
      </c>
      <c r="AA13901">
        <v>27</v>
      </c>
      <c r="AB13901">
        <v>28</v>
      </c>
      <c r="AC13901">
        <v>28</v>
      </c>
      <c r="AD13901">
        <v>28</v>
      </c>
      <c r="AE13901">
        <v>29</v>
      </c>
      <c r="AF13901">
        <v>29</v>
      </c>
      <c r="AG13901">
        <v>30</v>
      </c>
      <c r="AH13901">
        <v>30</v>
      </c>
      <c r="AI13901">
        <v>31</v>
      </c>
      <c r="AJ13901">
        <v>31</v>
      </c>
      <c r="AK13901">
        <v>31</v>
      </c>
      <c r="AL13901">
        <v>32</v>
      </c>
      <c r="AM13901">
        <v>32</v>
      </c>
      <c r="AN13901">
        <v>32</v>
      </c>
      <c r="AO13901">
        <v>32</v>
      </c>
      <c r="AP13901">
        <v>32</v>
      </c>
      <c r="AQ13901">
        <v>32</v>
      </c>
    </row>
    <row r="13902" spans="1:43">
      <c r="A13902" t="s">
        <v>8626</v>
      </c>
      <c r="B13902" t="s">
        <v>8627</v>
      </c>
      <c r="C13902" t="s">
        <v>8616</v>
      </c>
      <c r="D13902" t="s">
        <v>8617</v>
      </c>
      <c r="E13902" t="s">
        <v>8296</v>
      </c>
      <c r="F13902" t="s">
        <v>8297</v>
      </c>
      <c r="G13902" t="s">
        <v>80</v>
      </c>
      <c r="H13902" t="s">
        <v>81</v>
      </c>
      <c r="I13902" s="2">
        <v>0</v>
      </c>
      <c r="J13902" s="2">
        <v>1</v>
      </c>
      <c r="K13902" s="2">
        <v>0</v>
      </c>
      <c r="L13902" t="s">
        <v>82</v>
      </c>
      <c r="M13902" t="s">
        <v>83</v>
      </c>
      <c r="N13902" t="s">
        <v>84</v>
      </c>
      <c r="O13902" t="s">
        <v>85</v>
      </c>
      <c r="P13902" t="s">
        <v>86</v>
      </c>
      <c r="Q13902">
        <v>62</v>
      </c>
      <c r="R13902">
        <v>63</v>
      </c>
      <c r="S13902">
        <v>64</v>
      </c>
      <c r="T13902">
        <v>65</v>
      </c>
      <c r="U13902">
        <v>66</v>
      </c>
      <c r="V13902">
        <v>68</v>
      </c>
      <c r="W13902">
        <v>69</v>
      </c>
      <c r="X13902">
        <v>70</v>
      </c>
      <c r="Y13902">
        <v>71</v>
      </c>
      <c r="Z13902">
        <v>72</v>
      </c>
      <c r="AA13902">
        <v>74</v>
      </c>
      <c r="AB13902">
        <v>75</v>
      </c>
      <c r="AC13902">
        <v>76</v>
      </c>
      <c r="AD13902">
        <v>77</v>
      </c>
      <c r="AE13902">
        <v>78</v>
      </c>
      <c r="AF13902">
        <v>79</v>
      </c>
      <c r="AG13902">
        <v>80</v>
      </c>
      <c r="AH13902">
        <v>82</v>
      </c>
      <c r="AI13902">
        <v>83</v>
      </c>
      <c r="AJ13902">
        <v>84</v>
      </c>
      <c r="AK13902">
        <v>85</v>
      </c>
      <c r="AL13902">
        <v>86</v>
      </c>
      <c r="AM13902">
        <v>86</v>
      </c>
      <c r="AN13902">
        <v>86</v>
      </c>
      <c r="AO13902">
        <v>87</v>
      </c>
      <c r="AP13902">
        <v>87</v>
      </c>
      <c r="AQ13902">
        <v>87</v>
      </c>
    </row>
    <row r="13903" spans="1:43">
      <c r="A13903" t="s">
        <v>8626</v>
      </c>
      <c r="B13903" t="s">
        <v>8627</v>
      </c>
      <c r="C13903" t="s">
        <v>8616</v>
      </c>
      <c r="D13903" t="s">
        <v>8617</v>
      </c>
      <c r="E13903" t="s">
        <v>8296</v>
      </c>
      <c r="F13903" t="s">
        <v>8297</v>
      </c>
      <c r="G13903" t="s">
        <v>80</v>
      </c>
      <c r="H13903" t="s">
        <v>81</v>
      </c>
      <c r="I13903" s="2">
        <v>0</v>
      </c>
      <c r="J13903" s="2">
        <v>1</v>
      </c>
      <c r="K13903" s="2">
        <v>0</v>
      </c>
      <c r="L13903" t="s">
        <v>82</v>
      </c>
      <c r="M13903" t="s">
        <v>87</v>
      </c>
      <c r="N13903" t="s">
        <v>88</v>
      </c>
      <c r="O13903" t="s">
        <v>85</v>
      </c>
      <c r="P13903" t="s">
        <v>86</v>
      </c>
      <c r="Q13903">
        <v>62</v>
      </c>
      <c r="R13903">
        <v>63</v>
      </c>
      <c r="S13903">
        <v>63</v>
      </c>
      <c r="T13903">
        <v>64</v>
      </c>
      <c r="U13903">
        <v>65</v>
      </c>
      <c r="V13903">
        <v>65</v>
      </c>
      <c r="W13903">
        <v>66</v>
      </c>
      <c r="X13903">
        <v>66</v>
      </c>
      <c r="Y13903">
        <v>67</v>
      </c>
      <c r="Z13903">
        <v>67</v>
      </c>
      <c r="AA13903">
        <v>68</v>
      </c>
      <c r="AB13903">
        <v>69</v>
      </c>
      <c r="AC13903">
        <v>69</v>
      </c>
      <c r="AD13903">
        <v>70</v>
      </c>
      <c r="AE13903">
        <v>70</v>
      </c>
      <c r="AF13903">
        <v>71</v>
      </c>
      <c r="AG13903">
        <v>71</v>
      </c>
      <c r="AH13903">
        <v>72</v>
      </c>
      <c r="AI13903">
        <v>72</v>
      </c>
      <c r="AJ13903">
        <v>73</v>
      </c>
      <c r="AK13903">
        <v>73</v>
      </c>
      <c r="AL13903">
        <v>74</v>
      </c>
      <c r="AM13903">
        <v>74</v>
      </c>
      <c r="AN13903">
        <v>75</v>
      </c>
      <c r="AO13903">
        <v>75</v>
      </c>
      <c r="AP13903">
        <v>76</v>
      </c>
      <c r="AQ13903">
        <v>76</v>
      </c>
    </row>
    <row r="13904" spans="1:43">
      <c r="A13904" t="s">
        <v>8626</v>
      </c>
      <c r="B13904" t="s">
        <v>8627</v>
      </c>
      <c r="C13904" t="s">
        <v>8616</v>
      </c>
      <c r="D13904" t="s">
        <v>8617</v>
      </c>
      <c r="E13904" t="s">
        <v>8296</v>
      </c>
      <c r="F13904" t="s">
        <v>8297</v>
      </c>
      <c r="G13904" t="s">
        <v>80</v>
      </c>
      <c r="H13904" t="s">
        <v>81</v>
      </c>
      <c r="I13904" s="2">
        <v>0</v>
      </c>
      <c r="J13904" s="2">
        <v>1</v>
      </c>
      <c r="K13904" s="2">
        <v>0</v>
      </c>
      <c r="L13904" t="s">
        <v>82</v>
      </c>
      <c r="M13904" t="s">
        <v>89</v>
      </c>
      <c r="N13904" t="s">
        <v>90</v>
      </c>
      <c r="O13904" t="s">
        <v>85</v>
      </c>
      <c r="P13904" t="s">
        <v>86</v>
      </c>
      <c r="Q13904">
        <v>62</v>
      </c>
      <c r="R13904">
        <v>64</v>
      </c>
      <c r="S13904">
        <v>66</v>
      </c>
      <c r="T13904">
        <v>67</v>
      </c>
      <c r="U13904">
        <v>69</v>
      </c>
      <c r="V13904">
        <v>71</v>
      </c>
      <c r="W13904">
        <v>72</v>
      </c>
      <c r="X13904">
        <v>74</v>
      </c>
      <c r="Y13904">
        <v>75</v>
      </c>
      <c r="Z13904">
        <v>77</v>
      </c>
      <c r="AA13904">
        <v>78</v>
      </c>
      <c r="AB13904">
        <v>80</v>
      </c>
      <c r="AC13904">
        <v>81</v>
      </c>
      <c r="AD13904">
        <v>83</v>
      </c>
      <c r="AE13904">
        <v>84</v>
      </c>
      <c r="AF13904">
        <v>84</v>
      </c>
      <c r="AG13904">
        <v>85</v>
      </c>
      <c r="AH13904">
        <v>85</v>
      </c>
      <c r="AI13904">
        <v>85</v>
      </c>
      <c r="AJ13904">
        <v>86</v>
      </c>
      <c r="AK13904">
        <v>86</v>
      </c>
      <c r="AL13904">
        <v>86</v>
      </c>
      <c r="AM13904">
        <v>87</v>
      </c>
      <c r="AN13904">
        <v>87</v>
      </c>
      <c r="AO13904">
        <v>87</v>
      </c>
      <c r="AP13904">
        <v>88</v>
      </c>
      <c r="AQ13904">
        <v>88</v>
      </c>
    </row>
    <row r="13905" spans="1:43">
      <c r="A13905" t="s">
        <v>8626</v>
      </c>
      <c r="B13905" t="s">
        <v>8627</v>
      </c>
      <c r="C13905" t="s">
        <v>8616</v>
      </c>
      <c r="D13905" t="s">
        <v>8617</v>
      </c>
      <c r="E13905" t="s">
        <v>8296</v>
      </c>
      <c r="F13905" t="s">
        <v>8297</v>
      </c>
      <c r="G13905" t="s">
        <v>80</v>
      </c>
      <c r="H13905" t="s">
        <v>81</v>
      </c>
      <c r="I13905" s="2">
        <v>0</v>
      </c>
      <c r="J13905" s="2">
        <v>1</v>
      </c>
      <c r="K13905" s="2">
        <v>0</v>
      </c>
      <c r="L13905" t="s">
        <v>82</v>
      </c>
      <c r="M13905" t="s">
        <v>83</v>
      </c>
      <c r="N13905" t="s">
        <v>91</v>
      </c>
      <c r="O13905" t="s">
        <v>85</v>
      </c>
      <c r="P13905" t="s">
        <v>86</v>
      </c>
      <c r="Q13905">
        <v>62</v>
      </c>
      <c r="R13905">
        <v>63</v>
      </c>
      <c r="S13905">
        <v>64</v>
      </c>
      <c r="T13905">
        <v>65</v>
      </c>
      <c r="U13905">
        <v>66</v>
      </c>
      <c r="V13905">
        <v>68</v>
      </c>
      <c r="W13905">
        <v>69</v>
      </c>
      <c r="X13905">
        <v>70</v>
      </c>
      <c r="Y13905">
        <v>71</v>
      </c>
      <c r="Z13905">
        <v>72</v>
      </c>
      <c r="AA13905">
        <v>74</v>
      </c>
      <c r="AB13905">
        <v>75</v>
      </c>
      <c r="AC13905">
        <v>76</v>
      </c>
      <c r="AD13905">
        <v>77</v>
      </c>
      <c r="AE13905">
        <v>78</v>
      </c>
      <c r="AF13905">
        <v>79</v>
      </c>
      <c r="AG13905">
        <v>80</v>
      </c>
      <c r="AH13905">
        <v>82</v>
      </c>
      <c r="AI13905">
        <v>83</v>
      </c>
      <c r="AJ13905">
        <v>84</v>
      </c>
      <c r="AK13905">
        <v>85</v>
      </c>
      <c r="AL13905">
        <v>86</v>
      </c>
      <c r="AM13905">
        <v>86</v>
      </c>
      <c r="AN13905">
        <v>86</v>
      </c>
      <c r="AO13905">
        <v>87</v>
      </c>
      <c r="AP13905">
        <v>87</v>
      </c>
      <c r="AQ13905">
        <v>87</v>
      </c>
    </row>
    <row r="13906" spans="1:43">
      <c r="A13906" t="s">
        <v>8628</v>
      </c>
      <c r="B13906" t="s">
        <v>8629</v>
      </c>
      <c r="C13906" t="s">
        <v>8510</v>
      </c>
      <c r="D13906" t="s">
        <v>8511</v>
      </c>
      <c r="E13906" t="s">
        <v>8296</v>
      </c>
      <c r="F13906" t="s">
        <v>8297</v>
      </c>
      <c r="G13906" t="s">
        <v>80</v>
      </c>
      <c r="H13906" t="s">
        <v>81</v>
      </c>
      <c r="I13906" s="2">
        <v>0</v>
      </c>
      <c r="J13906" s="2">
        <v>1</v>
      </c>
      <c r="K13906" s="2">
        <v>0</v>
      </c>
      <c r="L13906" t="s">
        <v>82</v>
      </c>
      <c r="M13906" t="s">
        <v>83</v>
      </c>
      <c r="N13906" t="s">
        <v>84</v>
      </c>
      <c r="O13906" t="s">
        <v>85</v>
      </c>
      <c r="P13906" t="s">
        <v>86</v>
      </c>
      <c r="Q13906">
        <v>106</v>
      </c>
      <c r="R13906">
        <v>108</v>
      </c>
      <c r="S13906">
        <v>110</v>
      </c>
      <c r="T13906">
        <v>112</v>
      </c>
      <c r="U13906">
        <v>114</v>
      </c>
      <c r="V13906">
        <v>116</v>
      </c>
      <c r="W13906">
        <v>118</v>
      </c>
      <c r="X13906">
        <v>120</v>
      </c>
      <c r="Y13906">
        <v>123</v>
      </c>
      <c r="Z13906">
        <v>125</v>
      </c>
      <c r="AA13906">
        <v>127</v>
      </c>
      <c r="AB13906">
        <v>129</v>
      </c>
      <c r="AC13906">
        <v>131</v>
      </c>
      <c r="AD13906">
        <v>132</v>
      </c>
      <c r="AE13906">
        <v>134</v>
      </c>
      <c r="AF13906">
        <v>136</v>
      </c>
      <c r="AG13906">
        <v>138</v>
      </c>
      <c r="AH13906">
        <v>140</v>
      </c>
      <c r="AI13906">
        <v>142</v>
      </c>
      <c r="AJ13906">
        <v>144</v>
      </c>
      <c r="AK13906">
        <v>146</v>
      </c>
      <c r="AL13906">
        <v>147</v>
      </c>
      <c r="AM13906">
        <v>148</v>
      </c>
      <c r="AN13906">
        <v>148</v>
      </c>
      <c r="AO13906">
        <v>149</v>
      </c>
      <c r="AP13906">
        <v>149</v>
      </c>
      <c r="AQ13906">
        <v>150</v>
      </c>
    </row>
    <row r="13907" spans="1:43">
      <c r="A13907" t="s">
        <v>8628</v>
      </c>
      <c r="B13907" t="s">
        <v>8629</v>
      </c>
      <c r="C13907" t="s">
        <v>8510</v>
      </c>
      <c r="D13907" t="s">
        <v>8511</v>
      </c>
      <c r="E13907" t="s">
        <v>8296</v>
      </c>
      <c r="F13907" t="s">
        <v>8297</v>
      </c>
      <c r="G13907" t="s">
        <v>80</v>
      </c>
      <c r="H13907" t="s">
        <v>81</v>
      </c>
      <c r="I13907" s="2">
        <v>0</v>
      </c>
      <c r="J13907" s="2">
        <v>1</v>
      </c>
      <c r="K13907" s="2">
        <v>0</v>
      </c>
      <c r="L13907" t="s">
        <v>82</v>
      </c>
      <c r="M13907" t="s">
        <v>87</v>
      </c>
      <c r="N13907" t="s">
        <v>88</v>
      </c>
      <c r="O13907" t="s">
        <v>85</v>
      </c>
      <c r="P13907" t="s">
        <v>86</v>
      </c>
      <c r="Q13907">
        <v>106</v>
      </c>
      <c r="R13907">
        <v>107</v>
      </c>
      <c r="S13907">
        <v>108</v>
      </c>
      <c r="T13907">
        <v>109</v>
      </c>
      <c r="U13907">
        <v>110</v>
      </c>
      <c r="V13907">
        <v>111</v>
      </c>
      <c r="W13907">
        <v>112</v>
      </c>
      <c r="X13907">
        <v>113</v>
      </c>
      <c r="Y13907">
        <v>114</v>
      </c>
      <c r="Z13907">
        <v>115</v>
      </c>
      <c r="AA13907">
        <v>116</v>
      </c>
      <c r="AB13907">
        <v>117</v>
      </c>
      <c r="AC13907">
        <v>118</v>
      </c>
      <c r="AD13907">
        <v>119</v>
      </c>
      <c r="AE13907">
        <v>120</v>
      </c>
      <c r="AF13907">
        <v>121</v>
      </c>
      <c r="AG13907">
        <v>122</v>
      </c>
      <c r="AH13907">
        <v>123</v>
      </c>
      <c r="AI13907">
        <v>124</v>
      </c>
      <c r="AJ13907">
        <v>125</v>
      </c>
      <c r="AK13907">
        <v>125</v>
      </c>
      <c r="AL13907">
        <v>126</v>
      </c>
      <c r="AM13907">
        <v>127</v>
      </c>
      <c r="AN13907">
        <v>128</v>
      </c>
      <c r="AO13907">
        <v>129</v>
      </c>
      <c r="AP13907">
        <v>130</v>
      </c>
      <c r="AQ13907">
        <v>131</v>
      </c>
    </row>
    <row r="13908" spans="1:43">
      <c r="A13908" t="s">
        <v>8628</v>
      </c>
      <c r="B13908" t="s">
        <v>8629</v>
      </c>
      <c r="C13908" t="s">
        <v>8510</v>
      </c>
      <c r="D13908" t="s">
        <v>8511</v>
      </c>
      <c r="E13908" t="s">
        <v>8296</v>
      </c>
      <c r="F13908" t="s">
        <v>8297</v>
      </c>
      <c r="G13908" t="s">
        <v>80</v>
      </c>
      <c r="H13908" t="s">
        <v>81</v>
      </c>
      <c r="I13908" s="2">
        <v>0</v>
      </c>
      <c r="J13908" s="2">
        <v>1</v>
      </c>
      <c r="K13908" s="2">
        <v>0</v>
      </c>
      <c r="L13908" t="s">
        <v>82</v>
      </c>
      <c r="M13908" t="s">
        <v>89</v>
      </c>
      <c r="N13908" t="s">
        <v>90</v>
      </c>
      <c r="O13908" t="s">
        <v>85</v>
      </c>
      <c r="P13908" t="s">
        <v>86</v>
      </c>
      <c r="Q13908">
        <v>106</v>
      </c>
      <c r="R13908">
        <v>109</v>
      </c>
      <c r="S13908">
        <v>112</v>
      </c>
      <c r="T13908">
        <v>115</v>
      </c>
      <c r="U13908">
        <v>118</v>
      </c>
      <c r="V13908">
        <v>121</v>
      </c>
      <c r="W13908">
        <v>124</v>
      </c>
      <c r="X13908">
        <v>126</v>
      </c>
      <c r="Y13908">
        <v>129</v>
      </c>
      <c r="Z13908">
        <v>131</v>
      </c>
      <c r="AA13908">
        <v>134</v>
      </c>
      <c r="AB13908">
        <v>136</v>
      </c>
      <c r="AC13908">
        <v>139</v>
      </c>
      <c r="AD13908">
        <v>141</v>
      </c>
      <c r="AE13908">
        <v>143</v>
      </c>
      <c r="AF13908">
        <v>144</v>
      </c>
      <c r="AG13908">
        <v>145</v>
      </c>
      <c r="AH13908">
        <v>145</v>
      </c>
      <c r="AI13908">
        <v>146</v>
      </c>
      <c r="AJ13908">
        <v>146</v>
      </c>
      <c r="AK13908">
        <v>147</v>
      </c>
      <c r="AL13908">
        <v>148</v>
      </c>
      <c r="AM13908">
        <v>148</v>
      </c>
      <c r="AN13908">
        <v>149</v>
      </c>
      <c r="AO13908">
        <v>149</v>
      </c>
      <c r="AP13908">
        <v>150</v>
      </c>
      <c r="AQ13908">
        <v>150</v>
      </c>
    </row>
    <row r="13909" spans="1:43">
      <c r="A13909" t="s">
        <v>8628</v>
      </c>
      <c r="B13909" t="s">
        <v>8629</v>
      </c>
      <c r="C13909" t="s">
        <v>8510</v>
      </c>
      <c r="D13909" t="s">
        <v>8511</v>
      </c>
      <c r="E13909" t="s">
        <v>8296</v>
      </c>
      <c r="F13909" t="s">
        <v>8297</v>
      </c>
      <c r="G13909" t="s">
        <v>80</v>
      </c>
      <c r="H13909" t="s">
        <v>81</v>
      </c>
      <c r="I13909" s="2">
        <v>0</v>
      </c>
      <c r="J13909" s="2">
        <v>1</v>
      </c>
      <c r="K13909" s="2">
        <v>0</v>
      </c>
      <c r="L13909" t="s">
        <v>82</v>
      </c>
      <c r="M13909" t="s">
        <v>83</v>
      </c>
      <c r="N13909" t="s">
        <v>91</v>
      </c>
      <c r="O13909" t="s">
        <v>85</v>
      </c>
      <c r="P13909" t="s">
        <v>86</v>
      </c>
      <c r="Q13909">
        <v>106</v>
      </c>
      <c r="R13909">
        <v>108</v>
      </c>
      <c r="S13909">
        <v>110</v>
      </c>
      <c r="T13909">
        <v>112</v>
      </c>
      <c r="U13909">
        <v>114</v>
      </c>
      <c r="V13909">
        <v>116</v>
      </c>
      <c r="W13909">
        <v>118</v>
      </c>
      <c r="X13909">
        <v>120</v>
      </c>
      <c r="Y13909">
        <v>123</v>
      </c>
      <c r="Z13909">
        <v>125</v>
      </c>
      <c r="AA13909">
        <v>127</v>
      </c>
      <c r="AB13909">
        <v>129</v>
      </c>
      <c r="AC13909">
        <v>131</v>
      </c>
      <c r="AD13909">
        <v>132</v>
      </c>
      <c r="AE13909">
        <v>134</v>
      </c>
      <c r="AF13909">
        <v>136</v>
      </c>
      <c r="AG13909">
        <v>138</v>
      </c>
      <c r="AH13909">
        <v>140</v>
      </c>
      <c r="AI13909">
        <v>142</v>
      </c>
      <c r="AJ13909">
        <v>144</v>
      </c>
      <c r="AK13909">
        <v>146</v>
      </c>
      <c r="AL13909">
        <v>147</v>
      </c>
      <c r="AM13909">
        <v>148</v>
      </c>
      <c r="AN13909">
        <v>148</v>
      </c>
      <c r="AO13909">
        <v>149</v>
      </c>
      <c r="AP13909">
        <v>149</v>
      </c>
      <c r="AQ13909">
        <v>150</v>
      </c>
    </row>
    <row r="13910" spans="1:43">
      <c r="A13910" t="s">
        <v>8630</v>
      </c>
      <c r="B13910" t="s">
        <v>8631</v>
      </c>
      <c r="C13910" t="s">
        <v>8490</v>
      </c>
      <c r="D13910" t="s">
        <v>8491</v>
      </c>
      <c r="E13910" t="s">
        <v>8296</v>
      </c>
      <c r="F13910" t="s">
        <v>8297</v>
      </c>
      <c r="G13910" t="s">
        <v>80</v>
      </c>
      <c r="H13910" t="s">
        <v>81</v>
      </c>
      <c r="I13910" s="2">
        <v>0</v>
      </c>
      <c r="J13910" s="2">
        <v>1</v>
      </c>
      <c r="K13910" s="2">
        <v>0</v>
      </c>
      <c r="L13910" t="s">
        <v>82</v>
      </c>
      <c r="M13910" t="s">
        <v>83</v>
      </c>
      <c r="N13910" t="s">
        <v>84</v>
      </c>
      <c r="O13910" t="s">
        <v>85</v>
      </c>
      <c r="P13910" t="s">
        <v>86</v>
      </c>
      <c r="Q13910">
        <v>11</v>
      </c>
      <c r="R13910">
        <v>12</v>
      </c>
      <c r="S13910">
        <v>12</v>
      </c>
      <c r="T13910">
        <v>12</v>
      </c>
      <c r="U13910">
        <v>12</v>
      </c>
      <c r="V13910">
        <v>13</v>
      </c>
      <c r="W13910">
        <v>13</v>
      </c>
      <c r="X13910">
        <v>13</v>
      </c>
      <c r="Y13910">
        <v>13</v>
      </c>
      <c r="Z13910">
        <v>13</v>
      </c>
      <c r="AA13910">
        <v>14</v>
      </c>
      <c r="AB13910">
        <v>14</v>
      </c>
      <c r="AC13910">
        <v>14</v>
      </c>
      <c r="AD13910">
        <v>14</v>
      </c>
      <c r="AE13910">
        <v>15</v>
      </c>
      <c r="AF13910">
        <v>15</v>
      </c>
      <c r="AG13910">
        <v>15</v>
      </c>
      <c r="AH13910">
        <v>15</v>
      </c>
      <c r="AI13910">
        <v>15</v>
      </c>
      <c r="AJ13910">
        <v>16</v>
      </c>
      <c r="AK13910">
        <v>16</v>
      </c>
      <c r="AL13910">
        <v>16</v>
      </c>
      <c r="AM13910">
        <v>16</v>
      </c>
      <c r="AN13910">
        <v>16</v>
      </c>
      <c r="AO13910">
        <v>16</v>
      </c>
      <c r="AP13910">
        <v>16</v>
      </c>
      <c r="AQ13910">
        <v>16</v>
      </c>
    </row>
    <row r="13911" spans="1:43">
      <c r="A13911" t="s">
        <v>8630</v>
      </c>
      <c r="B13911" t="s">
        <v>8631</v>
      </c>
      <c r="C13911" t="s">
        <v>8490</v>
      </c>
      <c r="D13911" t="s">
        <v>8491</v>
      </c>
      <c r="E13911" t="s">
        <v>8296</v>
      </c>
      <c r="F13911" t="s">
        <v>8297</v>
      </c>
      <c r="G13911" t="s">
        <v>80</v>
      </c>
      <c r="H13911" t="s">
        <v>81</v>
      </c>
      <c r="I13911" s="2">
        <v>0</v>
      </c>
      <c r="J13911" s="2">
        <v>1</v>
      </c>
      <c r="K13911" s="2">
        <v>0</v>
      </c>
      <c r="L13911" t="s">
        <v>82</v>
      </c>
      <c r="M13911" t="s">
        <v>87</v>
      </c>
      <c r="N13911" t="s">
        <v>88</v>
      </c>
      <c r="O13911" t="s">
        <v>85</v>
      </c>
      <c r="P13911" t="s">
        <v>86</v>
      </c>
      <c r="Q13911">
        <v>11</v>
      </c>
      <c r="R13911">
        <v>11</v>
      </c>
      <c r="S13911">
        <v>12</v>
      </c>
      <c r="T13911">
        <v>12</v>
      </c>
      <c r="U13911">
        <v>12</v>
      </c>
      <c r="V13911">
        <v>12</v>
      </c>
      <c r="W13911">
        <v>12</v>
      </c>
      <c r="X13911">
        <v>12</v>
      </c>
      <c r="Y13911">
        <v>12</v>
      </c>
      <c r="Z13911">
        <v>12</v>
      </c>
      <c r="AA13911">
        <v>12</v>
      </c>
      <c r="AB13911">
        <v>13</v>
      </c>
      <c r="AC13911">
        <v>13</v>
      </c>
      <c r="AD13911">
        <v>13</v>
      </c>
      <c r="AE13911">
        <v>13</v>
      </c>
      <c r="AF13911">
        <v>13</v>
      </c>
      <c r="AG13911">
        <v>13</v>
      </c>
      <c r="AH13911">
        <v>13</v>
      </c>
      <c r="AI13911">
        <v>13</v>
      </c>
      <c r="AJ13911">
        <v>13</v>
      </c>
      <c r="AK13911">
        <v>13</v>
      </c>
      <c r="AL13911">
        <v>14</v>
      </c>
      <c r="AM13911">
        <v>14</v>
      </c>
      <c r="AN13911">
        <v>14</v>
      </c>
      <c r="AO13911">
        <v>14</v>
      </c>
      <c r="AP13911">
        <v>14</v>
      </c>
      <c r="AQ13911">
        <v>14</v>
      </c>
    </row>
    <row r="13912" spans="1:43">
      <c r="A13912" t="s">
        <v>8630</v>
      </c>
      <c r="B13912" t="s">
        <v>8631</v>
      </c>
      <c r="C13912" t="s">
        <v>8490</v>
      </c>
      <c r="D13912" t="s">
        <v>8491</v>
      </c>
      <c r="E13912" t="s">
        <v>8296</v>
      </c>
      <c r="F13912" t="s">
        <v>8297</v>
      </c>
      <c r="G13912" t="s">
        <v>80</v>
      </c>
      <c r="H13912" t="s">
        <v>81</v>
      </c>
      <c r="I13912" s="2">
        <v>0</v>
      </c>
      <c r="J13912" s="2">
        <v>1</v>
      </c>
      <c r="K13912" s="2">
        <v>0</v>
      </c>
      <c r="L13912" t="s">
        <v>82</v>
      </c>
      <c r="M13912" t="s">
        <v>89</v>
      </c>
      <c r="N13912" t="s">
        <v>90</v>
      </c>
      <c r="O13912" t="s">
        <v>85</v>
      </c>
      <c r="P13912" t="s">
        <v>86</v>
      </c>
      <c r="Q13912">
        <v>11</v>
      </c>
      <c r="R13912">
        <v>11</v>
      </c>
      <c r="S13912">
        <v>11</v>
      </c>
      <c r="T13912">
        <v>12</v>
      </c>
      <c r="U13912">
        <v>12</v>
      </c>
      <c r="V13912">
        <v>12</v>
      </c>
      <c r="W13912">
        <v>12</v>
      </c>
      <c r="X13912">
        <v>13</v>
      </c>
      <c r="Y13912">
        <v>13</v>
      </c>
      <c r="Z13912">
        <v>13</v>
      </c>
      <c r="AA13912">
        <v>14</v>
      </c>
      <c r="AB13912">
        <v>14</v>
      </c>
      <c r="AC13912">
        <v>14</v>
      </c>
      <c r="AD13912">
        <v>14</v>
      </c>
      <c r="AE13912">
        <v>15</v>
      </c>
      <c r="AF13912">
        <v>15</v>
      </c>
      <c r="AG13912">
        <v>15</v>
      </c>
      <c r="AH13912">
        <v>15</v>
      </c>
      <c r="AI13912">
        <v>15</v>
      </c>
      <c r="AJ13912">
        <v>15</v>
      </c>
      <c r="AK13912">
        <v>15</v>
      </c>
      <c r="AL13912">
        <v>15</v>
      </c>
      <c r="AM13912">
        <v>15</v>
      </c>
      <c r="AN13912">
        <v>15</v>
      </c>
      <c r="AO13912">
        <v>15</v>
      </c>
      <c r="AP13912">
        <v>15</v>
      </c>
      <c r="AQ13912">
        <v>15</v>
      </c>
    </row>
    <row r="13913" spans="1:43">
      <c r="A13913" t="s">
        <v>8630</v>
      </c>
      <c r="B13913" t="s">
        <v>8631</v>
      </c>
      <c r="C13913" t="s">
        <v>8490</v>
      </c>
      <c r="D13913" t="s">
        <v>8491</v>
      </c>
      <c r="E13913" t="s">
        <v>8296</v>
      </c>
      <c r="F13913" t="s">
        <v>8297</v>
      </c>
      <c r="G13913" t="s">
        <v>80</v>
      </c>
      <c r="H13913" t="s">
        <v>81</v>
      </c>
      <c r="I13913" s="2">
        <v>0</v>
      </c>
      <c r="J13913" s="2">
        <v>1</v>
      </c>
      <c r="K13913" s="2">
        <v>0</v>
      </c>
      <c r="L13913" t="s">
        <v>82</v>
      </c>
      <c r="M13913" t="s">
        <v>83</v>
      </c>
      <c r="N13913" t="s">
        <v>91</v>
      </c>
      <c r="O13913" t="s">
        <v>85</v>
      </c>
      <c r="P13913" t="s">
        <v>86</v>
      </c>
      <c r="Q13913">
        <v>11</v>
      </c>
      <c r="R13913">
        <v>12</v>
      </c>
      <c r="S13913">
        <v>12</v>
      </c>
      <c r="T13913">
        <v>12</v>
      </c>
      <c r="U13913">
        <v>12</v>
      </c>
      <c r="V13913">
        <v>13</v>
      </c>
      <c r="W13913">
        <v>13</v>
      </c>
      <c r="X13913">
        <v>13</v>
      </c>
      <c r="Y13913">
        <v>13</v>
      </c>
      <c r="Z13913">
        <v>13</v>
      </c>
      <c r="AA13913">
        <v>14</v>
      </c>
      <c r="AB13913">
        <v>14</v>
      </c>
      <c r="AC13913">
        <v>14</v>
      </c>
      <c r="AD13913">
        <v>14</v>
      </c>
      <c r="AE13913">
        <v>15</v>
      </c>
      <c r="AF13913">
        <v>15</v>
      </c>
      <c r="AG13913">
        <v>15</v>
      </c>
      <c r="AH13913">
        <v>15</v>
      </c>
      <c r="AI13913">
        <v>15</v>
      </c>
      <c r="AJ13913">
        <v>16</v>
      </c>
      <c r="AK13913">
        <v>16</v>
      </c>
      <c r="AL13913">
        <v>16</v>
      </c>
      <c r="AM13913">
        <v>16</v>
      </c>
      <c r="AN13913">
        <v>16</v>
      </c>
      <c r="AO13913">
        <v>16</v>
      </c>
      <c r="AP13913">
        <v>16</v>
      </c>
      <c r="AQ13913">
        <v>16</v>
      </c>
    </row>
    <row r="13914" spans="1:43">
      <c r="A13914" t="s">
        <v>8632</v>
      </c>
      <c r="B13914" t="s">
        <v>8633</v>
      </c>
      <c r="C13914" t="s">
        <v>8634</v>
      </c>
      <c r="D13914" t="s">
        <v>8635</v>
      </c>
      <c r="E13914" t="s">
        <v>8296</v>
      </c>
      <c r="F13914" t="s">
        <v>8297</v>
      </c>
      <c r="G13914" t="s">
        <v>80</v>
      </c>
      <c r="H13914" t="s">
        <v>81</v>
      </c>
      <c r="I13914" s="2">
        <v>0</v>
      </c>
      <c r="J13914" s="2">
        <v>1</v>
      </c>
      <c r="K13914" s="2">
        <v>0</v>
      </c>
      <c r="L13914" t="s">
        <v>82</v>
      </c>
      <c r="M13914" t="s">
        <v>83</v>
      </c>
      <c r="N13914" t="s">
        <v>84</v>
      </c>
      <c r="O13914" t="s">
        <v>85</v>
      </c>
      <c r="P13914" t="s">
        <v>86</v>
      </c>
      <c r="Q13914">
        <v>48</v>
      </c>
      <c r="R13914">
        <v>49</v>
      </c>
      <c r="S13914">
        <v>50</v>
      </c>
      <c r="T13914">
        <v>50</v>
      </c>
      <c r="U13914">
        <v>51</v>
      </c>
      <c r="V13914">
        <v>52</v>
      </c>
      <c r="W13914">
        <v>53</v>
      </c>
      <c r="X13914">
        <v>54</v>
      </c>
      <c r="Y13914">
        <v>55</v>
      </c>
      <c r="Z13914">
        <v>56</v>
      </c>
      <c r="AA13914">
        <v>57</v>
      </c>
      <c r="AB13914">
        <v>58</v>
      </c>
      <c r="AC13914">
        <v>59</v>
      </c>
      <c r="AD13914">
        <v>60</v>
      </c>
      <c r="AE13914">
        <v>60</v>
      </c>
      <c r="AF13914">
        <v>61</v>
      </c>
      <c r="AG13914">
        <v>62</v>
      </c>
      <c r="AH13914">
        <v>63</v>
      </c>
      <c r="AI13914">
        <v>64</v>
      </c>
      <c r="AJ13914">
        <v>65</v>
      </c>
      <c r="AK13914">
        <v>66</v>
      </c>
      <c r="AL13914">
        <v>66</v>
      </c>
      <c r="AM13914">
        <v>66</v>
      </c>
      <c r="AN13914">
        <v>67</v>
      </c>
      <c r="AO13914">
        <v>67</v>
      </c>
      <c r="AP13914">
        <v>67</v>
      </c>
      <c r="AQ13914">
        <v>67</v>
      </c>
    </row>
    <row r="13915" spans="1:43">
      <c r="A13915" t="s">
        <v>8632</v>
      </c>
      <c r="B13915" t="s">
        <v>8633</v>
      </c>
      <c r="C13915" t="s">
        <v>8634</v>
      </c>
      <c r="D13915" t="s">
        <v>8635</v>
      </c>
      <c r="E13915" t="s">
        <v>8296</v>
      </c>
      <c r="F13915" t="s">
        <v>8297</v>
      </c>
      <c r="G13915" t="s">
        <v>80</v>
      </c>
      <c r="H13915" t="s">
        <v>81</v>
      </c>
      <c r="I13915" s="2">
        <v>0</v>
      </c>
      <c r="J13915" s="2">
        <v>1</v>
      </c>
      <c r="K13915" s="2">
        <v>0</v>
      </c>
      <c r="L13915" t="s">
        <v>82</v>
      </c>
      <c r="M13915" t="s">
        <v>87</v>
      </c>
      <c r="N13915" t="s">
        <v>88</v>
      </c>
      <c r="O13915" t="s">
        <v>85</v>
      </c>
      <c r="P13915" t="s">
        <v>86</v>
      </c>
      <c r="Q13915">
        <v>48</v>
      </c>
      <c r="R13915">
        <v>49</v>
      </c>
      <c r="S13915">
        <v>49</v>
      </c>
      <c r="T13915">
        <v>50</v>
      </c>
      <c r="U13915">
        <v>50</v>
      </c>
      <c r="V13915">
        <v>51</v>
      </c>
      <c r="W13915">
        <v>51</v>
      </c>
      <c r="X13915">
        <v>51</v>
      </c>
      <c r="Y13915">
        <v>52</v>
      </c>
      <c r="Z13915">
        <v>52</v>
      </c>
      <c r="AA13915">
        <v>53</v>
      </c>
      <c r="AB13915">
        <v>53</v>
      </c>
      <c r="AC13915">
        <v>54</v>
      </c>
      <c r="AD13915">
        <v>54</v>
      </c>
      <c r="AE13915">
        <v>55</v>
      </c>
      <c r="AF13915">
        <v>55</v>
      </c>
      <c r="AG13915">
        <v>55</v>
      </c>
      <c r="AH13915">
        <v>56</v>
      </c>
      <c r="AI13915">
        <v>56</v>
      </c>
      <c r="AJ13915">
        <v>57</v>
      </c>
      <c r="AK13915">
        <v>57</v>
      </c>
      <c r="AL13915">
        <v>58</v>
      </c>
      <c r="AM13915">
        <v>58</v>
      </c>
      <c r="AN13915">
        <v>58</v>
      </c>
      <c r="AO13915">
        <v>59</v>
      </c>
      <c r="AP13915">
        <v>59</v>
      </c>
      <c r="AQ13915">
        <v>60</v>
      </c>
    </row>
    <row r="13916" spans="1:43">
      <c r="A13916" t="s">
        <v>8632</v>
      </c>
      <c r="B13916" t="s">
        <v>8633</v>
      </c>
      <c r="C13916" t="s">
        <v>8634</v>
      </c>
      <c r="D13916" t="s">
        <v>8635</v>
      </c>
      <c r="E13916" t="s">
        <v>8296</v>
      </c>
      <c r="F13916" t="s">
        <v>8297</v>
      </c>
      <c r="G13916" t="s">
        <v>80</v>
      </c>
      <c r="H13916" t="s">
        <v>81</v>
      </c>
      <c r="I13916" s="2">
        <v>0</v>
      </c>
      <c r="J13916" s="2">
        <v>1</v>
      </c>
      <c r="K13916" s="2">
        <v>0</v>
      </c>
      <c r="L13916" t="s">
        <v>82</v>
      </c>
      <c r="M13916" t="s">
        <v>89</v>
      </c>
      <c r="N13916" t="s">
        <v>90</v>
      </c>
      <c r="O13916" t="s">
        <v>85</v>
      </c>
      <c r="P13916" t="s">
        <v>86</v>
      </c>
      <c r="Q13916">
        <v>48</v>
      </c>
      <c r="R13916">
        <v>49</v>
      </c>
      <c r="S13916">
        <v>51</v>
      </c>
      <c r="T13916">
        <v>52</v>
      </c>
      <c r="U13916">
        <v>53</v>
      </c>
      <c r="V13916">
        <v>55</v>
      </c>
      <c r="W13916">
        <v>56</v>
      </c>
      <c r="X13916">
        <v>57</v>
      </c>
      <c r="Y13916">
        <v>58</v>
      </c>
      <c r="Z13916">
        <v>59</v>
      </c>
      <c r="AA13916">
        <v>61</v>
      </c>
      <c r="AB13916">
        <v>62</v>
      </c>
      <c r="AC13916">
        <v>63</v>
      </c>
      <c r="AD13916">
        <v>64</v>
      </c>
      <c r="AE13916">
        <v>65</v>
      </c>
      <c r="AF13916">
        <v>65</v>
      </c>
      <c r="AG13916">
        <v>65</v>
      </c>
      <c r="AH13916">
        <v>66</v>
      </c>
      <c r="AI13916">
        <v>66</v>
      </c>
      <c r="AJ13916">
        <v>66</v>
      </c>
      <c r="AK13916">
        <v>66</v>
      </c>
      <c r="AL13916">
        <v>67</v>
      </c>
      <c r="AM13916">
        <v>67</v>
      </c>
      <c r="AN13916">
        <v>67</v>
      </c>
      <c r="AO13916">
        <v>67</v>
      </c>
      <c r="AP13916">
        <v>68</v>
      </c>
      <c r="AQ13916">
        <v>68</v>
      </c>
    </row>
    <row r="13917" spans="1:43">
      <c r="A13917" t="s">
        <v>8632</v>
      </c>
      <c r="B13917" t="s">
        <v>8633</v>
      </c>
      <c r="C13917" t="s">
        <v>8634</v>
      </c>
      <c r="D13917" t="s">
        <v>8635</v>
      </c>
      <c r="E13917" t="s">
        <v>8296</v>
      </c>
      <c r="F13917" t="s">
        <v>8297</v>
      </c>
      <c r="G13917" t="s">
        <v>80</v>
      </c>
      <c r="H13917" t="s">
        <v>81</v>
      </c>
      <c r="I13917" s="2">
        <v>0</v>
      </c>
      <c r="J13917" s="2">
        <v>1</v>
      </c>
      <c r="K13917" s="2">
        <v>0</v>
      </c>
      <c r="L13917" t="s">
        <v>82</v>
      </c>
      <c r="M13917" t="s">
        <v>83</v>
      </c>
      <c r="N13917" t="s">
        <v>91</v>
      </c>
      <c r="O13917" t="s">
        <v>85</v>
      </c>
      <c r="P13917" t="s">
        <v>86</v>
      </c>
      <c r="Q13917">
        <v>48</v>
      </c>
      <c r="R13917">
        <v>49</v>
      </c>
      <c r="S13917">
        <v>50</v>
      </c>
      <c r="T13917">
        <v>50</v>
      </c>
      <c r="U13917">
        <v>51</v>
      </c>
      <c r="V13917">
        <v>52</v>
      </c>
      <c r="W13917">
        <v>53</v>
      </c>
      <c r="X13917">
        <v>54</v>
      </c>
      <c r="Y13917">
        <v>55</v>
      </c>
      <c r="Z13917">
        <v>56</v>
      </c>
      <c r="AA13917">
        <v>57</v>
      </c>
      <c r="AB13917">
        <v>58</v>
      </c>
      <c r="AC13917">
        <v>59</v>
      </c>
      <c r="AD13917">
        <v>60</v>
      </c>
      <c r="AE13917">
        <v>60</v>
      </c>
      <c r="AF13917">
        <v>61</v>
      </c>
      <c r="AG13917">
        <v>62</v>
      </c>
      <c r="AH13917">
        <v>63</v>
      </c>
      <c r="AI13917">
        <v>64</v>
      </c>
      <c r="AJ13917">
        <v>65</v>
      </c>
      <c r="AK13917">
        <v>66</v>
      </c>
      <c r="AL13917">
        <v>66</v>
      </c>
      <c r="AM13917">
        <v>66</v>
      </c>
      <c r="AN13917">
        <v>67</v>
      </c>
      <c r="AO13917">
        <v>67</v>
      </c>
      <c r="AP13917">
        <v>67</v>
      </c>
      <c r="AQ13917">
        <v>67</v>
      </c>
    </row>
    <row r="13918" spans="1:43">
      <c r="A13918" t="s">
        <v>8636</v>
      </c>
      <c r="B13918" t="s">
        <v>8637</v>
      </c>
      <c r="C13918" t="s">
        <v>8634</v>
      </c>
      <c r="D13918" t="s">
        <v>8635</v>
      </c>
      <c r="E13918" t="s">
        <v>8296</v>
      </c>
      <c r="F13918" t="s">
        <v>8297</v>
      </c>
      <c r="G13918" t="s">
        <v>80</v>
      </c>
      <c r="H13918" t="s">
        <v>81</v>
      </c>
      <c r="I13918" s="2">
        <v>0</v>
      </c>
      <c r="J13918" s="2">
        <v>1</v>
      </c>
      <c r="K13918" s="2">
        <v>0</v>
      </c>
      <c r="L13918" t="s">
        <v>82</v>
      </c>
      <c r="M13918" t="s">
        <v>83</v>
      </c>
      <c r="N13918" t="s">
        <v>84</v>
      </c>
      <c r="O13918" t="s">
        <v>85</v>
      </c>
      <c r="P13918" t="s">
        <v>86</v>
      </c>
      <c r="Q13918">
        <v>22</v>
      </c>
      <c r="R13918">
        <v>23</v>
      </c>
      <c r="S13918">
        <v>23</v>
      </c>
      <c r="T13918">
        <v>23</v>
      </c>
      <c r="U13918">
        <v>24</v>
      </c>
      <c r="V13918">
        <v>24</v>
      </c>
      <c r="W13918">
        <v>25</v>
      </c>
      <c r="X13918">
        <v>25</v>
      </c>
      <c r="Y13918">
        <v>26</v>
      </c>
      <c r="Z13918">
        <v>26</v>
      </c>
      <c r="AA13918">
        <v>26</v>
      </c>
      <c r="AB13918">
        <v>27</v>
      </c>
      <c r="AC13918">
        <v>27</v>
      </c>
      <c r="AD13918">
        <v>28</v>
      </c>
      <c r="AE13918">
        <v>28</v>
      </c>
      <c r="AF13918">
        <v>28</v>
      </c>
      <c r="AG13918">
        <v>29</v>
      </c>
      <c r="AH13918">
        <v>29</v>
      </c>
      <c r="AI13918">
        <v>30</v>
      </c>
      <c r="AJ13918">
        <v>30</v>
      </c>
      <c r="AK13918">
        <v>30</v>
      </c>
      <c r="AL13918">
        <v>31</v>
      </c>
      <c r="AM13918">
        <v>31</v>
      </c>
      <c r="AN13918">
        <v>31</v>
      </c>
      <c r="AO13918">
        <v>31</v>
      </c>
      <c r="AP13918">
        <v>31</v>
      </c>
      <c r="AQ13918">
        <v>31</v>
      </c>
    </row>
    <row r="13919" spans="1:43">
      <c r="A13919" t="s">
        <v>8636</v>
      </c>
      <c r="B13919" t="s">
        <v>8637</v>
      </c>
      <c r="C13919" t="s">
        <v>8634</v>
      </c>
      <c r="D13919" t="s">
        <v>8635</v>
      </c>
      <c r="E13919" t="s">
        <v>8296</v>
      </c>
      <c r="F13919" t="s">
        <v>8297</v>
      </c>
      <c r="G13919" t="s">
        <v>80</v>
      </c>
      <c r="H13919" t="s">
        <v>81</v>
      </c>
      <c r="I13919" s="2">
        <v>0</v>
      </c>
      <c r="J13919" s="2">
        <v>1</v>
      </c>
      <c r="K13919" s="2">
        <v>0</v>
      </c>
      <c r="L13919" t="s">
        <v>82</v>
      </c>
      <c r="M13919" t="s">
        <v>87</v>
      </c>
      <c r="N13919" t="s">
        <v>88</v>
      </c>
      <c r="O13919" t="s">
        <v>85</v>
      </c>
      <c r="P13919" t="s">
        <v>86</v>
      </c>
      <c r="Q13919">
        <v>22</v>
      </c>
      <c r="R13919">
        <v>22</v>
      </c>
      <c r="S13919">
        <v>22</v>
      </c>
      <c r="T13919">
        <v>23</v>
      </c>
      <c r="U13919">
        <v>23</v>
      </c>
      <c r="V13919">
        <v>23</v>
      </c>
      <c r="W13919">
        <v>23</v>
      </c>
      <c r="X13919">
        <v>23</v>
      </c>
      <c r="Y13919">
        <v>24</v>
      </c>
      <c r="Z13919">
        <v>24</v>
      </c>
      <c r="AA13919">
        <v>24</v>
      </c>
      <c r="AB13919">
        <v>24</v>
      </c>
      <c r="AC13919">
        <v>24</v>
      </c>
      <c r="AD13919">
        <v>25</v>
      </c>
      <c r="AE13919">
        <v>25</v>
      </c>
      <c r="AF13919">
        <v>25</v>
      </c>
      <c r="AG13919">
        <v>25</v>
      </c>
      <c r="AH13919">
        <v>25</v>
      </c>
      <c r="AI13919">
        <v>26</v>
      </c>
      <c r="AJ13919">
        <v>26</v>
      </c>
      <c r="AK13919">
        <v>26</v>
      </c>
      <c r="AL13919">
        <v>26</v>
      </c>
      <c r="AM13919">
        <v>26</v>
      </c>
      <c r="AN13919">
        <v>27</v>
      </c>
      <c r="AO13919">
        <v>27</v>
      </c>
      <c r="AP13919">
        <v>27</v>
      </c>
      <c r="AQ13919">
        <v>27</v>
      </c>
    </row>
    <row r="13920" spans="1:43">
      <c r="A13920" t="s">
        <v>8636</v>
      </c>
      <c r="B13920" t="s">
        <v>8637</v>
      </c>
      <c r="C13920" t="s">
        <v>8634</v>
      </c>
      <c r="D13920" t="s">
        <v>8635</v>
      </c>
      <c r="E13920" t="s">
        <v>8296</v>
      </c>
      <c r="F13920" t="s">
        <v>8297</v>
      </c>
      <c r="G13920" t="s">
        <v>80</v>
      </c>
      <c r="H13920" t="s">
        <v>81</v>
      </c>
      <c r="I13920" s="2">
        <v>0</v>
      </c>
      <c r="J13920" s="2">
        <v>1</v>
      </c>
      <c r="K13920" s="2">
        <v>0</v>
      </c>
      <c r="L13920" t="s">
        <v>82</v>
      </c>
      <c r="M13920" t="s">
        <v>89</v>
      </c>
      <c r="N13920" t="s">
        <v>90</v>
      </c>
      <c r="O13920" t="s">
        <v>85</v>
      </c>
      <c r="P13920" t="s">
        <v>86</v>
      </c>
      <c r="Q13920">
        <v>22</v>
      </c>
      <c r="R13920">
        <v>23</v>
      </c>
      <c r="S13920">
        <v>24</v>
      </c>
      <c r="T13920">
        <v>24</v>
      </c>
      <c r="U13920">
        <v>25</v>
      </c>
      <c r="V13920">
        <v>25</v>
      </c>
      <c r="W13920">
        <v>26</v>
      </c>
      <c r="X13920">
        <v>27</v>
      </c>
      <c r="Y13920">
        <v>27</v>
      </c>
      <c r="Z13920">
        <v>28</v>
      </c>
      <c r="AA13920">
        <v>28</v>
      </c>
      <c r="AB13920">
        <v>29</v>
      </c>
      <c r="AC13920">
        <v>29</v>
      </c>
      <c r="AD13920">
        <v>30</v>
      </c>
      <c r="AE13920">
        <v>30</v>
      </c>
      <c r="AF13920">
        <v>30</v>
      </c>
      <c r="AG13920">
        <v>30</v>
      </c>
      <c r="AH13920">
        <v>30</v>
      </c>
      <c r="AI13920">
        <v>31</v>
      </c>
      <c r="AJ13920">
        <v>31</v>
      </c>
      <c r="AK13920">
        <v>31</v>
      </c>
      <c r="AL13920">
        <v>31</v>
      </c>
      <c r="AM13920">
        <v>31</v>
      </c>
      <c r="AN13920">
        <v>31</v>
      </c>
      <c r="AO13920">
        <v>31</v>
      </c>
      <c r="AP13920">
        <v>31</v>
      </c>
      <c r="AQ13920">
        <v>31</v>
      </c>
    </row>
    <row r="13921" spans="1:43">
      <c r="A13921" t="s">
        <v>8636</v>
      </c>
      <c r="B13921" t="s">
        <v>8637</v>
      </c>
      <c r="C13921" t="s">
        <v>8634</v>
      </c>
      <c r="D13921" t="s">
        <v>8635</v>
      </c>
      <c r="E13921" t="s">
        <v>8296</v>
      </c>
      <c r="F13921" t="s">
        <v>8297</v>
      </c>
      <c r="G13921" t="s">
        <v>80</v>
      </c>
      <c r="H13921" t="s">
        <v>81</v>
      </c>
      <c r="I13921" s="2">
        <v>0</v>
      </c>
      <c r="J13921" s="2">
        <v>1</v>
      </c>
      <c r="K13921" s="2">
        <v>0</v>
      </c>
      <c r="L13921" t="s">
        <v>82</v>
      </c>
      <c r="M13921" t="s">
        <v>83</v>
      </c>
      <c r="N13921" t="s">
        <v>91</v>
      </c>
      <c r="O13921" t="s">
        <v>85</v>
      </c>
      <c r="P13921" t="s">
        <v>86</v>
      </c>
      <c r="Q13921">
        <v>22</v>
      </c>
      <c r="R13921">
        <v>23</v>
      </c>
      <c r="S13921">
        <v>23</v>
      </c>
      <c r="T13921">
        <v>23</v>
      </c>
      <c r="U13921">
        <v>24</v>
      </c>
      <c r="V13921">
        <v>24</v>
      </c>
      <c r="W13921">
        <v>25</v>
      </c>
      <c r="X13921">
        <v>25</v>
      </c>
      <c r="Y13921">
        <v>26</v>
      </c>
      <c r="Z13921">
        <v>26</v>
      </c>
      <c r="AA13921">
        <v>26</v>
      </c>
      <c r="AB13921">
        <v>27</v>
      </c>
      <c r="AC13921">
        <v>27</v>
      </c>
      <c r="AD13921">
        <v>28</v>
      </c>
      <c r="AE13921">
        <v>28</v>
      </c>
      <c r="AF13921">
        <v>28</v>
      </c>
      <c r="AG13921">
        <v>29</v>
      </c>
      <c r="AH13921">
        <v>29</v>
      </c>
      <c r="AI13921">
        <v>30</v>
      </c>
      <c r="AJ13921">
        <v>30</v>
      </c>
      <c r="AK13921">
        <v>30</v>
      </c>
      <c r="AL13921">
        <v>31</v>
      </c>
      <c r="AM13921">
        <v>31</v>
      </c>
      <c r="AN13921">
        <v>31</v>
      </c>
      <c r="AO13921">
        <v>31</v>
      </c>
      <c r="AP13921">
        <v>31</v>
      </c>
      <c r="AQ13921">
        <v>31</v>
      </c>
    </row>
    <row r="13922" spans="1:43">
      <c r="A13922" t="s">
        <v>8638</v>
      </c>
      <c r="B13922" t="s">
        <v>8639</v>
      </c>
      <c r="C13922" t="s">
        <v>8392</v>
      </c>
      <c r="D13922" t="s">
        <v>8393</v>
      </c>
      <c r="E13922" t="s">
        <v>8296</v>
      </c>
      <c r="F13922" t="s">
        <v>8297</v>
      </c>
      <c r="G13922" t="s">
        <v>80</v>
      </c>
      <c r="H13922" t="s">
        <v>81</v>
      </c>
      <c r="I13922" s="2">
        <v>0</v>
      </c>
      <c r="J13922" s="2">
        <v>1</v>
      </c>
      <c r="K13922" s="2">
        <v>0</v>
      </c>
      <c r="L13922" t="s">
        <v>82</v>
      </c>
      <c r="M13922" t="s">
        <v>83</v>
      </c>
      <c r="N13922" t="s">
        <v>84</v>
      </c>
      <c r="O13922" t="s">
        <v>85</v>
      </c>
      <c r="P13922" t="s">
        <v>86</v>
      </c>
      <c r="Q13922">
        <v>7</v>
      </c>
      <c r="R13922">
        <v>7</v>
      </c>
      <c r="S13922">
        <v>7</v>
      </c>
      <c r="T13922">
        <v>7</v>
      </c>
      <c r="U13922">
        <v>7</v>
      </c>
      <c r="V13922">
        <v>7</v>
      </c>
      <c r="W13922">
        <v>8</v>
      </c>
      <c r="X13922">
        <v>8</v>
      </c>
      <c r="Y13922">
        <v>8</v>
      </c>
      <c r="Z13922">
        <v>8</v>
      </c>
      <c r="AA13922">
        <v>8</v>
      </c>
      <c r="AB13922">
        <v>8</v>
      </c>
      <c r="AC13922">
        <v>8</v>
      </c>
      <c r="AD13922">
        <v>8</v>
      </c>
      <c r="AE13922">
        <v>9</v>
      </c>
      <c r="AF13922">
        <v>9</v>
      </c>
      <c r="AG13922">
        <v>9</v>
      </c>
      <c r="AH13922">
        <v>9</v>
      </c>
      <c r="AI13922">
        <v>9</v>
      </c>
      <c r="AJ13922">
        <v>9</v>
      </c>
      <c r="AK13922">
        <v>9</v>
      </c>
      <c r="AL13922">
        <v>9</v>
      </c>
      <c r="AM13922">
        <v>9</v>
      </c>
      <c r="AN13922">
        <v>9</v>
      </c>
      <c r="AO13922">
        <v>9</v>
      </c>
      <c r="AP13922">
        <v>10</v>
      </c>
      <c r="AQ13922">
        <v>10</v>
      </c>
    </row>
    <row r="13923" spans="1:43">
      <c r="A13923" t="s">
        <v>8638</v>
      </c>
      <c r="B13923" t="s">
        <v>8639</v>
      </c>
      <c r="C13923" t="s">
        <v>8392</v>
      </c>
      <c r="D13923" t="s">
        <v>8393</v>
      </c>
      <c r="E13923" t="s">
        <v>8296</v>
      </c>
      <c r="F13923" t="s">
        <v>8297</v>
      </c>
      <c r="G13923" t="s">
        <v>80</v>
      </c>
      <c r="H13923" t="s">
        <v>81</v>
      </c>
      <c r="I13923" s="2">
        <v>0</v>
      </c>
      <c r="J13923" s="2">
        <v>1</v>
      </c>
      <c r="K13923" s="2">
        <v>0</v>
      </c>
      <c r="L13923" t="s">
        <v>82</v>
      </c>
      <c r="M13923" t="s">
        <v>87</v>
      </c>
      <c r="N13923" t="s">
        <v>88</v>
      </c>
      <c r="O13923" t="s">
        <v>85</v>
      </c>
      <c r="P13923" t="s">
        <v>86</v>
      </c>
      <c r="Q13923">
        <v>7</v>
      </c>
      <c r="R13923">
        <v>7</v>
      </c>
      <c r="S13923">
        <v>7</v>
      </c>
      <c r="T13923">
        <v>7</v>
      </c>
      <c r="U13923">
        <v>7</v>
      </c>
      <c r="V13923">
        <v>7</v>
      </c>
      <c r="W13923">
        <v>7</v>
      </c>
      <c r="X13923">
        <v>7</v>
      </c>
      <c r="Y13923">
        <v>7</v>
      </c>
      <c r="Z13923">
        <v>7</v>
      </c>
      <c r="AA13923">
        <v>7</v>
      </c>
      <c r="AB13923">
        <v>7</v>
      </c>
      <c r="AC13923">
        <v>7</v>
      </c>
      <c r="AD13923">
        <v>8</v>
      </c>
      <c r="AE13923">
        <v>8</v>
      </c>
      <c r="AF13923">
        <v>8</v>
      </c>
      <c r="AG13923">
        <v>8</v>
      </c>
      <c r="AH13923">
        <v>8</v>
      </c>
      <c r="AI13923">
        <v>8</v>
      </c>
      <c r="AJ13923">
        <v>8</v>
      </c>
      <c r="AK13923">
        <v>8</v>
      </c>
      <c r="AL13923">
        <v>8</v>
      </c>
      <c r="AM13923">
        <v>8</v>
      </c>
      <c r="AN13923">
        <v>8</v>
      </c>
      <c r="AO13923">
        <v>8</v>
      </c>
      <c r="AP13923">
        <v>8</v>
      </c>
      <c r="AQ13923">
        <v>8</v>
      </c>
    </row>
    <row r="13924" spans="1:43">
      <c r="A13924" t="s">
        <v>8638</v>
      </c>
      <c r="B13924" t="s">
        <v>8639</v>
      </c>
      <c r="C13924" t="s">
        <v>8392</v>
      </c>
      <c r="D13924" t="s">
        <v>8393</v>
      </c>
      <c r="E13924" t="s">
        <v>8296</v>
      </c>
      <c r="F13924" t="s">
        <v>8297</v>
      </c>
      <c r="G13924" t="s">
        <v>80</v>
      </c>
      <c r="H13924" t="s">
        <v>81</v>
      </c>
      <c r="I13924" s="2">
        <v>0</v>
      </c>
      <c r="J13924" s="2">
        <v>1</v>
      </c>
      <c r="K13924" s="2">
        <v>0</v>
      </c>
      <c r="L13924" t="s">
        <v>82</v>
      </c>
      <c r="M13924" t="s">
        <v>89</v>
      </c>
      <c r="N13924" t="s">
        <v>90</v>
      </c>
      <c r="O13924" t="s">
        <v>85</v>
      </c>
      <c r="P13924" t="s">
        <v>86</v>
      </c>
      <c r="Q13924">
        <v>7</v>
      </c>
      <c r="R13924">
        <v>7</v>
      </c>
      <c r="S13924">
        <v>7</v>
      </c>
      <c r="T13924">
        <v>7</v>
      </c>
      <c r="U13924">
        <v>8</v>
      </c>
      <c r="V13924">
        <v>8</v>
      </c>
      <c r="W13924">
        <v>8</v>
      </c>
      <c r="X13924">
        <v>8</v>
      </c>
      <c r="Y13924">
        <v>8</v>
      </c>
      <c r="Z13924">
        <v>8</v>
      </c>
      <c r="AA13924">
        <v>9</v>
      </c>
      <c r="AB13924">
        <v>9</v>
      </c>
      <c r="AC13924">
        <v>9</v>
      </c>
      <c r="AD13924">
        <v>9</v>
      </c>
      <c r="AE13924">
        <v>9</v>
      </c>
      <c r="AF13924">
        <v>9</v>
      </c>
      <c r="AG13924">
        <v>9</v>
      </c>
      <c r="AH13924">
        <v>9</v>
      </c>
      <c r="AI13924">
        <v>9</v>
      </c>
      <c r="AJ13924">
        <v>9</v>
      </c>
      <c r="AK13924">
        <v>9</v>
      </c>
      <c r="AL13924">
        <v>9</v>
      </c>
      <c r="AM13924">
        <v>10</v>
      </c>
      <c r="AN13924">
        <v>10</v>
      </c>
      <c r="AO13924">
        <v>10</v>
      </c>
      <c r="AP13924">
        <v>10</v>
      </c>
      <c r="AQ13924">
        <v>10</v>
      </c>
    </row>
    <row r="13925" spans="1:43">
      <c r="A13925" t="s">
        <v>8638</v>
      </c>
      <c r="B13925" t="s">
        <v>8639</v>
      </c>
      <c r="C13925" t="s">
        <v>8392</v>
      </c>
      <c r="D13925" t="s">
        <v>8393</v>
      </c>
      <c r="E13925" t="s">
        <v>8296</v>
      </c>
      <c r="F13925" t="s">
        <v>8297</v>
      </c>
      <c r="G13925" t="s">
        <v>80</v>
      </c>
      <c r="H13925" t="s">
        <v>81</v>
      </c>
      <c r="I13925" s="2">
        <v>0</v>
      </c>
      <c r="J13925" s="2">
        <v>1</v>
      </c>
      <c r="K13925" s="2">
        <v>0</v>
      </c>
      <c r="L13925" t="s">
        <v>82</v>
      </c>
      <c r="M13925" t="s">
        <v>83</v>
      </c>
      <c r="N13925" t="s">
        <v>91</v>
      </c>
      <c r="O13925" t="s">
        <v>85</v>
      </c>
      <c r="P13925" t="s">
        <v>86</v>
      </c>
      <c r="Q13925">
        <v>7</v>
      </c>
      <c r="R13925">
        <v>7</v>
      </c>
      <c r="S13925">
        <v>7</v>
      </c>
      <c r="T13925">
        <v>7</v>
      </c>
      <c r="U13925">
        <v>7</v>
      </c>
      <c r="V13925">
        <v>7</v>
      </c>
      <c r="W13925">
        <v>8</v>
      </c>
      <c r="X13925">
        <v>8</v>
      </c>
      <c r="Y13925">
        <v>8</v>
      </c>
      <c r="Z13925">
        <v>8</v>
      </c>
      <c r="AA13925">
        <v>8</v>
      </c>
      <c r="AB13925">
        <v>8</v>
      </c>
      <c r="AC13925">
        <v>8</v>
      </c>
      <c r="AD13925">
        <v>8</v>
      </c>
      <c r="AE13925">
        <v>9</v>
      </c>
      <c r="AF13925">
        <v>9</v>
      </c>
      <c r="AG13925">
        <v>9</v>
      </c>
      <c r="AH13925">
        <v>9</v>
      </c>
      <c r="AI13925">
        <v>9</v>
      </c>
      <c r="AJ13925">
        <v>9</v>
      </c>
      <c r="AK13925">
        <v>9</v>
      </c>
      <c r="AL13925">
        <v>9</v>
      </c>
      <c r="AM13925">
        <v>9</v>
      </c>
      <c r="AN13925">
        <v>9</v>
      </c>
      <c r="AO13925">
        <v>9</v>
      </c>
      <c r="AP13925">
        <v>10</v>
      </c>
      <c r="AQ13925">
        <v>10</v>
      </c>
    </row>
    <row r="13926" spans="1:43">
      <c r="A13926" t="s">
        <v>8640</v>
      </c>
      <c r="B13926" t="s">
        <v>8641</v>
      </c>
      <c r="C13926" t="s">
        <v>8392</v>
      </c>
      <c r="D13926" t="s">
        <v>8393</v>
      </c>
      <c r="E13926" t="s">
        <v>8296</v>
      </c>
      <c r="F13926" t="s">
        <v>8297</v>
      </c>
      <c r="G13926" t="s">
        <v>80</v>
      </c>
      <c r="H13926" t="s">
        <v>81</v>
      </c>
      <c r="I13926" s="2">
        <v>0</v>
      </c>
      <c r="J13926" s="2">
        <v>1</v>
      </c>
      <c r="K13926" s="2">
        <v>0</v>
      </c>
      <c r="L13926" t="s">
        <v>82</v>
      </c>
      <c r="M13926" t="s">
        <v>83</v>
      </c>
      <c r="N13926" t="s">
        <v>84</v>
      </c>
      <c r="O13926" t="s">
        <v>85</v>
      </c>
      <c r="P13926" t="s">
        <v>86</v>
      </c>
      <c r="Q13926">
        <v>56</v>
      </c>
      <c r="R13926">
        <v>57</v>
      </c>
      <c r="S13926">
        <v>58</v>
      </c>
      <c r="T13926">
        <v>59</v>
      </c>
      <c r="U13926">
        <v>60</v>
      </c>
      <c r="V13926">
        <v>62</v>
      </c>
      <c r="W13926">
        <v>63</v>
      </c>
      <c r="X13926">
        <v>64</v>
      </c>
      <c r="Y13926">
        <v>65</v>
      </c>
      <c r="Z13926">
        <v>66</v>
      </c>
      <c r="AA13926">
        <v>67</v>
      </c>
      <c r="AB13926">
        <v>68</v>
      </c>
      <c r="AC13926">
        <v>69</v>
      </c>
      <c r="AD13926">
        <v>70</v>
      </c>
      <c r="AE13926">
        <v>71</v>
      </c>
      <c r="AF13926">
        <v>72</v>
      </c>
      <c r="AG13926">
        <v>73</v>
      </c>
      <c r="AH13926">
        <v>74</v>
      </c>
      <c r="AI13926">
        <v>75</v>
      </c>
      <c r="AJ13926">
        <v>76</v>
      </c>
      <c r="AK13926">
        <v>77</v>
      </c>
      <c r="AL13926">
        <v>78</v>
      </c>
      <c r="AM13926">
        <v>78</v>
      </c>
      <c r="AN13926">
        <v>78</v>
      </c>
      <c r="AO13926">
        <v>79</v>
      </c>
      <c r="AP13926">
        <v>79</v>
      </c>
      <c r="AQ13926">
        <v>79</v>
      </c>
    </row>
    <row r="13927" spans="1:43">
      <c r="A13927" t="s">
        <v>8640</v>
      </c>
      <c r="B13927" t="s">
        <v>8641</v>
      </c>
      <c r="C13927" t="s">
        <v>8392</v>
      </c>
      <c r="D13927" t="s">
        <v>8393</v>
      </c>
      <c r="E13927" t="s">
        <v>8296</v>
      </c>
      <c r="F13927" t="s">
        <v>8297</v>
      </c>
      <c r="G13927" t="s">
        <v>80</v>
      </c>
      <c r="H13927" t="s">
        <v>81</v>
      </c>
      <c r="I13927" s="2">
        <v>0</v>
      </c>
      <c r="J13927" s="2">
        <v>1</v>
      </c>
      <c r="K13927" s="2">
        <v>0</v>
      </c>
      <c r="L13927" t="s">
        <v>82</v>
      </c>
      <c r="M13927" t="s">
        <v>87</v>
      </c>
      <c r="N13927" t="s">
        <v>88</v>
      </c>
      <c r="O13927" t="s">
        <v>85</v>
      </c>
      <c r="P13927" t="s">
        <v>86</v>
      </c>
      <c r="Q13927">
        <v>56</v>
      </c>
      <c r="R13927">
        <v>56</v>
      </c>
      <c r="S13927">
        <v>57</v>
      </c>
      <c r="T13927">
        <v>57</v>
      </c>
      <c r="U13927">
        <v>58</v>
      </c>
      <c r="V13927">
        <v>58</v>
      </c>
      <c r="W13927">
        <v>59</v>
      </c>
      <c r="X13927">
        <v>59</v>
      </c>
      <c r="Y13927">
        <v>60</v>
      </c>
      <c r="Z13927">
        <v>60</v>
      </c>
      <c r="AA13927">
        <v>61</v>
      </c>
      <c r="AB13927">
        <v>61</v>
      </c>
      <c r="AC13927">
        <v>62</v>
      </c>
      <c r="AD13927">
        <v>63</v>
      </c>
      <c r="AE13927">
        <v>63</v>
      </c>
      <c r="AF13927">
        <v>64</v>
      </c>
      <c r="AG13927">
        <v>64</v>
      </c>
      <c r="AH13927">
        <v>64</v>
      </c>
      <c r="AI13927">
        <v>65</v>
      </c>
      <c r="AJ13927">
        <v>65</v>
      </c>
      <c r="AK13927">
        <v>66</v>
      </c>
      <c r="AL13927">
        <v>66</v>
      </c>
      <c r="AM13927">
        <v>67</v>
      </c>
      <c r="AN13927">
        <v>67</v>
      </c>
      <c r="AO13927">
        <v>68</v>
      </c>
      <c r="AP13927">
        <v>68</v>
      </c>
      <c r="AQ13927">
        <v>69</v>
      </c>
    </row>
    <row r="13928" spans="1:43">
      <c r="A13928" t="s">
        <v>8640</v>
      </c>
      <c r="B13928" t="s">
        <v>8641</v>
      </c>
      <c r="C13928" t="s">
        <v>8392</v>
      </c>
      <c r="D13928" t="s">
        <v>8393</v>
      </c>
      <c r="E13928" t="s">
        <v>8296</v>
      </c>
      <c r="F13928" t="s">
        <v>8297</v>
      </c>
      <c r="G13928" t="s">
        <v>80</v>
      </c>
      <c r="H13928" t="s">
        <v>81</v>
      </c>
      <c r="I13928" s="2">
        <v>0</v>
      </c>
      <c r="J13928" s="2">
        <v>1</v>
      </c>
      <c r="K13928" s="2">
        <v>0</v>
      </c>
      <c r="L13928" t="s">
        <v>82</v>
      </c>
      <c r="M13928" t="s">
        <v>89</v>
      </c>
      <c r="N13928" t="s">
        <v>90</v>
      </c>
      <c r="O13928" t="s">
        <v>85</v>
      </c>
      <c r="P13928" t="s">
        <v>86</v>
      </c>
      <c r="Q13928">
        <v>56</v>
      </c>
      <c r="R13928">
        <v>57</v>
      </c>
      <c r="S13928">
        <v>59</v>
      </c>
      <c r="T13928">
        <v>60</v>
      </c>
      <c r="U13928">
        <v>62</v>
      </c>
      <c r="V13928">
        <v>63</v>
      </c>
      <c r="W13928">
        <v>65</v>
      </c>
      <c r="X13928">
        <v>66</v>
      </c>
      <c r="Y13928">
        <v>68</v>
      </c>
      <c r="Z13928">
        <v>69</v>
      </c>
      <c r="AA13928">
        <v>70</v>
      </c>
      <c r="AB13928">
        <v>72</v>
      </c>
      <c r="AC13928">
        <v>73</v>
      </c>
      <c r="AD13928">
        <v>74</v>
      </c>
      <c r="AE13928">
        <v>75</v>
      </c>
      <c r="AF13928">
        <v>76</v>
      </c>
      <c r="AG13928">
        <v>76</v>
      </c>
      <c r="AH13928">
        <v>76</v>
      </c>
      <c r="AI13928">
        <v>77</v>
      </c>
      <c r="AJ13928">
        <v>77</v>
      </c>
      <c r="AK13928">
        <v>77</v>
      </c>
      <c r="AL13928">
        <v>78</v>
      </c>
      <c r="AM13928">
        <v>78</v>
      </c>
      <c r="AN13928">
        <v>78</v>
      </c>
      <c r="AO13928">
        <v>78</v>
      </c>
      <c r="AP13928">
        <v>79</v>
      </c>
      <c r="AQ13928">
        <v>79</v>
      </c>
    </row>
    <row r="13929" spans="1:43">
      <c r="A13929" t="s">
        <v>8640</v>
      </c>
      <c r="B13929" t="s">
        <v>8641</v>
      </c>
      <c r="C13929" t="s">
        <v>8392</v>
      </c>
      <c r="D13929" t="s">
        <v>8393</v>
      </c>
      <c r="E13929" t="s">
        <v>8296</v>
      </c>
      <c r="F13929" t="s">
        <v>8297</v>
      </c>
      <c r="G13929" t="s">
        <v>80</v>
      </c>
      <c r="H13929" t="s">
        <v>81</v>
      </c>
      <c r="I13929" s="2">
        <v>0</v>
      </c>
      <c r="J13929" s="2">
        <v>1</v>
      </c>
      <c r="K13929" s="2">
        <v>0</v>
      </c>
      <c r="L13929" t="s">
        <v>82</v>
      </c>
      <c r="M13929" t="s">
        <v>83</v>
      </c>
      <c r="N13929" t="s">
        <v>91</v>
      </c>
      <c r="O13929" t="s">
        <v>85</v>
      </c>
      <c r="P13929" t="s">
        <v>86</v>
      </c>
      <c r="Q13929">
        <v>56</v>
      </c>
      <c r="R13929">
        <v>57</v>
      </c>
      <c r="S13929">
        <v>58</v>
      </c>
      <c r="T13929">
        <v>59</v>
      </c>
      <c r="U13929">
        <v>60</v>
      </c>
      <c r="V13929">
        <v>62</v>
      </c>
      <c r="W13929">
        <v>63</v>
      </c>
      <c r="X13929">
        <v>64</v>
      </c>
      <c r="Y13929">
        <v>65</v>
      </c>
      <c r="Z13929">
        <v>66</v>
      </c>
      <c r="AA13929">
        <v>67</v>
      </c>
      <c r="AB13929">
        <v>68</v>
      </c>
      <c r="AC13929">
        <v>69</v>
      </c>
      <c r="AD13929">
        <v>70</v>
      </c>
      <c r="AE13929">
        <v>71</v>
      </c>
      <c r="AF13929">
        <v>72</v>
      </c>
      <c r="AG13929">
        <v>73</v>
      </c>
      <c r="AH13929">
        <v>74</v>
      </c>
      <c r="AI13929">
        <v>75</v>
      </c>
      <c r="AJ13929">
        <v>76</v>
      </c>
      <c r="AK13929">
        <v>77</v>
      </c>
      <c r="AL13929">
        <v>78</v>
      </c>
      <c r="AM13929">
        <v>78</v>
      </c>
      <c r="AN13929">
        <v>78</v>
      </c>
      <c r="AO13929">
        <v>79</v>
      </c>
      <c r="AP13929">
        <v>79</v>
      </c>
      <c r="AQ13929">
        <v>79</v>
      </c>
    </row>
    <row r="13930" spans="1:43">
      <c r="A13930" t="s">
        <v>8642</v>
      </c>
      <c r="B13930" t="s">
        <v>8643</v>
      </c>
      <c r="C13930" t="s">
        <v>8634</v>
      </c>
      <c r="D13930" t="s">
        <v>8635</v>
      </c>
      <c r="E13930" t="s">
        <v>8296</v>
      </c>
      <c r="F13930" t="s">
        <v>8297</v>
      </c>
      <c r="G13930" t="s">
        <v>80</v>
      </c>
      <c r="H13930" t="s">
        <v>81</v>
      </c>
      <c r="I13930" s="2">
        <v>0</v>
      </c>
      <c r="J13930" s="2">
        <v>1</v>
      </c>
      <c r="K13930" s="2">
        <v>0</v>
      </c>
      <c r="L13930" t="s">
        <v>82</v>
      </c>
      <c r="M13930" t="s">
        <v>83</v>
      </c>
      <c r="N13930" t="s">
        <v>84</v>
      </c>
      <c r="O13930" t="s">
        <v>85</v>
      </c>
      <c r="P13930" t="s">
        <v>86</v>
      </c>
      <c r="Q13930">
        <v>22</v>
      </c>
      <c r="R13930">
        <v>22</v>
      </c>
      <c r="S13930">
        <v>23</v>
      </c>
      <c r="T13930">
        <v>23</v>
      </c>
      <c r="U13930">
        <v>24</v>
      </c>
      <c r="V13930">
        <v>24</v>
      </c>
      <c r="W13930">
        <v>25</v>
      </c>
      <c r="X13930">
        <v>25</v>
      </c>
      <c r="Y13930">
        <v>25</v>
      </c>
      <c r="Z13930">
        <v>26</v>
      </c>
      <c r="AA13930">
        <v>26</v>
      </c>
      <c r="AB13930">
        <v>27</v>
      </c>
      <c r="AC13930">
        <v>27</v>
      </c>
      <c r="AD13930">
        <v>28</v>
      </c>
      <c r="AE13930">
        <v>28</v>
      </c>
      <c r="AF13930">
        <v>28</v>
      </c>
      <c r="AG13930">
        <v>29</v>
      </c>
      <c r="AH13930">
        <v>29</v>
      </c>
      <c r="AI13930">
        <v>30</v>
      </c>
      <c r="AJ13930">
        <v>30</v>
      </c>
      <c r="AK13930">
        <v>30</v>
      </c>
      <c r="AL13930">
        <v>31</v>
      </c>
      <c r="AM13930">
        <v>31</v>
      </c>
      <c r="AN13930">
        <v>31</v>
      </c>
      <c r="AO13930">
        <v>31</v>
      </c>
      <c r="AP13930">
        <v>31</v>
      </c>
      <c r="AQ13930">
        <v>31</v>
      </c>
    </row>
    <row r="13931" spans="1:43">
      <c r="A13931" t="s">
        <v>8642</v>
      </c>
      <c r="B13931" t="s">
        <v>8643</v>
      </c>
      <c r="C13931" t="s">
        <v>8634</v>
      </c>
      <c r="D13931" t="s">
        <v>8635</v>
      </c>
      <c r="E13931" t="s">
        <v>8296</v>
      </c>
      <c r="F13931" t="s">
        <v>8297</v>
      </c>
      <c r="G13931" t="s">
        <v>80</v>
      </c>
      <c r="H13931" t="s">
        <v>81</v>
      </c>
      <c r="I13931" s="2">
        <v>0</v>
      </c>
      <c r="J13931" s="2">
        <v>1</v>
      </c>
      <c r="K13931" s="2">
        <v>0</v>
      </c>
      <c r="L13931" t="s">
        <v>82</v>
      </c>
      <c r="M13931" t="s">
        <v>87</v>
      </c>
      <c r="N13931" t="s">
        <v>88</v>
      </c>
      <c r="O13931" t="s">
        <v>85</v>
      </c>
      <c r="P13931" t="s">
        <v>86</v>
      </c>
      <c r="Q13931">
        <v>22</v>
      </c>
      <c r="R13931">
        <v>22</v>
      </c>
      <c r="S13931">
        <v>22</v>
      </c>
      <c r="T13931">
        <v>22</v>
      </c>
      <c r="U13931">
        <v>23</v>
      </c>
      <c r="V13931">
        <v>23</v>
      </c>
      <c r="W13931">
        <v>23</v>
      </c>
      <c r="X13931">
        <v>23</v>
      </c>
      <c r="Y13931">
        <v>24</v>
      </c>
      <c r="Z13931">
        <v>24</v>
      </c>
      <c r="AA13931">
        <v>24</v>
      </c>
      <c r="AB13931">
        <v>24</v>
      </c>
      <c r="AC13931">
        <v>24</v>
      </c>
      <c r="AD13931">
        <v>25</v>
      </c>
      <c r="AE13931">
        <v>25</v>
      </c>
      <c r="AF13931">
        <v>25</v>
      </c>
      <c r="AG13931">
        <v>25</v>
      </c>
      <c r="AH13931">
        <v>25</v>
      </c>
      <c r="AI13931">
        <v>26</v>
      </c>
      <c r="AJ13931">
        <v>26</v>
      </c>
      <c r="AK13931">
        <v>26</v>
      </c>
      <c r="AL13931">
        <v>26</v>
      </c>
      <c r="AM13931">
        <v>26</v>
      </c>
      <c r="AN13931">
        <v>27</v>
      </c>
      <c r="AO13931">
        <v>27</v>
      </c>
      <c r="AP13931">
        <v>27</v>
      </c>
      <c r="AQ13931">
        <v>27</v>
      </c>
    </row>
    <row r="13932" spans="1:43">
      <c r="A13932" t="s">
        <v>8642</v>
      </c>
      <c r="B13932" t="s">
        <v>8643</v>
      </c>
      <c r="C13932" t="s">
        <v>8634</v>
      </c>
      <c r="D13932" t="s">
        <v>8635</v>
      </c>
      <c r="E13932" t="s">
        <v>8296</v>
      </c>
      <c r="F13932" t="s">
        <v>8297</v>
      </c>
      <c r="G13932" t="s">
        <v>80</v>
      </c>
      <c r="H13932" t="s">
        <v>81</v>
      </c>
      <c r="I13932" s="2">
        <v>0</v>
      </c>
      <c r="J13932" s="2">
        <v>1</v>
      </c>
      <c r="K13932" s="2">
        <v>0</v>
      </c>
      <c r="L13932" t="s">
        <v>82</v>
      </c>
      <c r="M13932" t="s">
        <v>89</v>
      </c>
      <c r="N13932" t="s">
        <v>90</v>
      </c>
      <c r="O13932" t="s">
        <v>85</v>
      </c>
      <c r="P13932" t="s">
        <v>86</v>
      </c>
      <c r="Q13932">
        <v>22</v>
      </c>
      <c r="R13932">
        <v>23</v>
      </c>
      <c r="S13932">
        <v>23</v>
      </c>
      <c r="T13932">
        <v>24</v>
      </c>
      <c r="U13932">
        <v>25</v>
      </c>
      <c r="V13932">
        <v>25</v>
      </c>
      <c r="W13932">
        <v>26</v>
      </c>
      <c r="X13932">
        <v>26</v>
      </c>
      <c r="Y13932">
        <v>27</v>
      </c>
      <c r="Z13932">
        <v>27</v>
      </c>
      <c r="AA13932">
        <v>28</v>
      </c>
      <c r="AB13932">
        <v>28</v>
      </c>
      <c r="AC13932">
        <v>29</v>
      </c>
      <c r="AD13932">
        <v>30</v>
      </c>
      <c r="AE13932">
        <v>30</v>
      </c>
      <c r="AF13932">
        <v>30</v>
      </c>
      <c r="AG13932">
        <v>30</v>
      </c>
      <c r="AH13932">
        <v>30</v>
      </c>
      <c r="AI13932">
        <v>30</v>
      </c>
      <c r="AJ13932">
        <v>31</v>
      </c>
      <c r="AK13932">
        <v>31</v>
      </c>
      <c r="AL13932">
        <v>31</v>
      </c>
      <c r="AM13932">
        <v>31</v>
      </c>
      <c r="AN13932">
        <v>31</v>
      </c>
      <c r="AO13932">
        <v>31</v>
      </c>
      <c r="AP13932">
        <v>31</v>
      </c>
      <c r="AQ13932">
        <v>31</v>
      </c>
    </row>
    <row r="13933" spans="1:43">
      <c r="A13933" t="s">
        <v>8642</v>
      </c>
      <c r="B13933" t="s">
        <v>8643</v>
      </c>
      <c r="C13933" t="s">
        <v>8634</v>
      </c>
      <c r="D13933" t="s">
        <v>8635</v>
      </c>
      <c r="E13933" t="s">
        <v>8296</v>
      </c>
      <c r="F13933" t="s">
        <v>8297</v>
      </c>
      <c r="G13933" t="s">
        <v>80</v>
      </c>
      <c r="H13933" t="s">
        <v>81</v>
      </c>
      <c r="I13933" s="2">
        <v>0</v>
      </c>
      <c r="J13933" s="2">
        <v>1</v>
      </c>
      <c r="K13933" s="2">
        <v>0</v>
      </c>
      <c r="L13933" t="s">
        <v>82</v>
      </c>
      <c r="M13933" t="s">
        <v>83</v>
      </c>
      <c r="N13933" t="s">
        <v>91</v>
      </c>
      <c r="O13933" t="s">
        <v>85</v>
      </c>
      <c r="P13933" t="s">
        <v>86</v>
      </c>
      <c r="Q13933">
        <v>22</v>
      </c>
      <c r="R13933">
        <v>22</v>
      </c>
      <c r="S13933">
        <v>23</v>
      </c>
      <c r="T13933">
        <v>23</v>
      </c>
      <c r="U13933">
        <v>24</v>
      </c>
      <c r="V13933">
        <v>24</v>
      </c>
      <c r="W13933">
        <v>25</v>
      </c>
      <c r="X13933">
        <v>25</v>
      </c>
      <c r="Y13933">
        <v>25</v>
      </c>
      <c r="Z13933">
        <v>26</v>
      </c>
      <c r="AA13933">
        <v>26</v>
      </c>
      <c r="AB13933">
        <v>27</v>
      </c>
      <c r="AC13933">
        <v>27</v>
      </c>
      <c r="AD13933">
        <v>28</v>
      </c>
      <c r="AE13933">
        <v>28</v>
      </c>
      <c r="AF13933">
        <v>28</v>
      </c>
      <c r="AG13933">
        <v>29</v>
      </c>
      <c r="AH13933">
        <v>29</v>
      </c>
      <c r="AI13933">
        <v>30</v>
      </c>
      <c r="AJ13933">
        <v>30</v>
      </c>
      <c r="AK13933">
        <v>30</v>
      </c>
      <c r="AL13933">
        <v>31</v>
      </c>
      <c r="AM13933">
        <v>31</v>
      </c>
      <c r="AN13933">
        <v>31</v>
      </c>
      <c r="AO13933">
        <v>31</v>
      </c>
      <c r="AP13933">
        <v>31</v>
      </c>
      <c r="AQ13933">
        <v>31</v>
      </c>
    </row>
    <row r="13934" spans="1:43">
      <c r="A13934" t="s">
        <v>8644</v>
      </c>
      <c r="B13934" t="s">
        <v>8645</v>
      </c>
      <c r="C13934" t="s">
        <v>8634</v>
      </c>
      <c r="D13934" t="s">
        <v>8635</v>
      </c>
      <c r="E13934" t="s">
        <v>8296</v>
      </c>
      <c r="F13934" t="s">
        <v>8297</v>
      </c>
      <c r="G13934" t="s">
        <v>80</v>
      </c>
      <c r="H13934" t="s">
        <v>81</v>
      </c>
      <c r="I13934" s="2">
        <v>0</v>
      </c>
      <c r="J13934" s="2">
        <v>1</v>
      </c>
      <c r="K13934" s="2">
        <v>0</v>
      </c>
      <c r="L13934" t="s">
        <v>82</v>
      </c>
      <c r="M13934" t="s">
        <v>83</v>
      </c>
      <c r="N13934" t="s">
        <v>84</v>
      </c>
      <c r="O13934" t="s">
        <v>85</v>
      </c>
      <c r="P13934" t="s">
        <v>86</v>
      </c>
      <c r="Q13934">
        <v>24</v>
      </c>
      <c r="R13934">
        <v>24</v>
      </c>
      <c r="S13934">
        <v>24</v>
      </c>
      <c r="T13934">
        <v>25</v>
      </c>
      <c r="U13934">
        <v>25</v>
      </c>
      <c r="V13934">
        <v>26</v>
      </c>
      <c r="W13934">
        <v>26</v>
      </c>
      <c r="X13934">
        <v>27</v>
      </c>
      <c r="Y13934">
        <v>27</v>
      </c>
      <c r="Z13934">
        <v>28</v>
      </c>
      <c r="AA13934">
        <v>28</v>
      </c>
      <c r="AB13934">
        <v>29</v>
      </c>
      <c r="AC13934">
        <v>29</v>
      </c>
      <c r="AD13934">
        <v>29</v>
      </c>
      <c r="AE13934">
        <v>30</v>
      </c>
      <c r="AF13934">
        <v>30</v>
      </c>
      <c r="AG13934">
        <v>31</v>
      </c>
      <c r="AH13934">
        <v>31</v>
      </c>
      <c r="AI13934">
        <v>32</v>
      </c>
      <c r="AJ13934">
        <v>32</v>
      </c>
      <c r="AK13934">
        <v>33</v>
      </c>
      <c r="AL13934">
        <v>33</v>
      </c>
      <c r="AM13934">
        <v>33</v>
      </c>
      <c r="AN13934">
        <v>33</v>
      </c>
      <c r="AO13934">
        <v>33</v>
      </c>
      <c r="AP13934">
        <v>33</v>
      </c>
      <c r="AQ13934">
        <v>33</v>
      </c>
    </row>
    <row r="13935" spans="1:43">
      <c r="A13935" t="s">
        <v>8644</v>
      </c>
      <c r="B13935" t="s">
        <v>8645</v>
      </c>
      <c r="C13935" t="s">
        <v>8634</v>
      </c>
      <c r="D13935" t="s">
        <v>8635</v>
      </c>
      <c r="E13935" t="s">
        <v>8296</v>
      </c>
      <c r="F13935" t="s">
        <v>8297</v>
      </c>
      <c r="G13935" t="s">
        <v>80</v>
      </c>
      <c r="H13935" t="s">
        <v>81</v>
      </c>
      <c r="I13935" s="2">
        <v>0</v>
      </c>
      <c r="J13935" s="2">
        <v>1</v>
      </c>
      <c r="K13935" s="2">
        <v>0</v>
      </c>
      <c r="L13935" t="s">
        <v>82</v>
      </c>
      <c r="M13935" t="s">
        <v>87</v>
      </c>
      <c r="N13935" t="s">
        <v>88</v>
      </c>
      <c r="O13935" t="s">
        <v>85</v>
      </c>
      <c r="P13935" t="s">
        <v>86</v>
      </c>
      <c r="Q13935">
        <v>24</v>
      </c>
      <c r="R13935">
        <v>25</v>
      </c>
      <c r="S13935">
        <v>25</v>
      </c>
      <c r="T13935">
        <v>25</v>
      </c>
      <c r="U13935">
        <v>25</v>
      </c>
      <c r="V13935">
        <v>26</v>
      </c>
      <c r="W13935">
        <v>26</v>
      </c>
      <c r="X13935">
        <v>26</v>
      </c>
      <c r="Y13935">
        <v>26</v>
      </c>
      <c r="Z13935">
        <v>26</v>
      </c>
      <c r="AA13935">
        <v>27</v>
      </c>
      <c r="AB13935">
        <v>27</v>
      </c>
      <c r="AC13935">
        <v>27</v>
      </c>
      <c r="AD13935">
        <v>27</v>
      </c>
      <c r="AE13935">
        <v>28</v>
      </c>
      <c r="AF13935">
        <v>28</v>
      </c>
      <c r="AG13935">
        <v>28</v>
      </c>
      <c r="AH13935">
        <v>28</v>
      </c>
      <c r="AI13935">
        <v>28</v>
      </c>
      <c r="AJ13935">
        <v>29</v>
      </c>
      <c r="AK13935">
        <v>29</v>
      </c>
      <c r="AL13935">
        <v>29</v>
      </c>
      <c r="AM13935">
        <v>29</v>
      </c>
      <c r="AN13935">
        <v>29</v>
      </c>
      <c r="AO13935">
        <v>30</v>
      </c>
      <c r="AP13935">
        <v>30</v>
      </c>
      <c r="AQ13935">
        <v>30</v>
      </c>
    </row>
    <row r="13936" spans="1:43">
      <c r="A13936" t="s">
        <v>8644</v>
      </c>
      <c r="B13936" t="s">
        <v>8645</v>
      </c>
      <c r="C13936" t="s">
        <v>8634</v>
      </c>
      <c r="D13936" t="s">
        <v>8635</v>
      </c>
      <c r="E13936" t="s">
        <v>8296</v>
      </c>
      <c r="F13936" t="s">
        <v>8297</v>
      </c>
      <c r="G13936" t="s">
        <v>80</v>
      </c>
      <c r="H13936" t="s">
        <v>81</v>
      </c>
      <c r="I13936" s="2">
        <v>0</v>
      </c>
      <c r="J13936" s="2">
        <v>1</v>
      </c>
      <c r="K13936" s="2">
        <v>0</v>
      </c>
      <c r="L13936" t="s">
        <v>82</v>
      </c>
      <c r="M13936" t="s">
        <v>89</v>
      </c>
      <c r="N13936" t="s">
        <v>90</v>
      </c>
      <c r="O13936" t="s">
        <v>85</v>
      </c>
      <c r="P13936" t="s">
        <v>86</v>
      </c>
      <c r="Q13936">
        <v>24</v>
      </c>
      <c r="R13936">
        <v>24</v>
      </c>
      <c r="S13936">
        <v>25</v>
      </c>
      <c r="T13936">
        <v>26</v>
      </c>
      <c r="U13936">
        <v>26</v>
      </c>
      <c r="V13936">
        <v>27</v>
      </c>
      <c r="W13936">
        <v>28</v>
      </c>
      <c r="X13936">
        <v>28</v>
      </c>
      <c r="Y13936">
        <v>29</v>
      </c>
      <c r="Z13936">
        <v>29</v>
      </c>
      <c r="AA13936">
        <v>30</v>
      </c>
      <c r="AB13936">
        <v>31</v>
      </c>
      <c r="AC13936">
        <v>31</v>
      </c>
      <c r="AD13936">
        <v>32</v>
      </c>
      <c r="AE13936">
        <v>32</v>
      </c>
      <c r="AF13936">
        <v>32</v>
      </c>
      <c r="AG13936">
        <v>32</v>
      </c>
      <c r="AH13936">
        <v>32</v>
      </c>
      <c r="AI13936">
        <v>33</v>
      </c>
      <c r="AJ13936">
        <v>33</v>
      </c>
      <c r="AK13936">
        <v>33</v>
      </c>
      <c r="AL13936">
        <v>33</v>
      </c>
      <c r="AM13936">
        <v>33</v>
      </c>
      <c r="AN13936">
        <v>33</v>
      </c>
      <c r="AO13936">
        <v>33</v>
      </c>
      <c r="AP13936">
        <v>33</v>
      </c>
      <c r="AQ13936">
        <v>33</v>
      </c>
    </row>
    <row r="13937" spans="1:43">
      <c r="A13937" t="s">
        <v>8644</v>
      </c>
      <c r="B13937" t="s">
        <v>8645</v>
      </c>
      <c r="C13937" t="s">
        <v>8634</v>
      </c>
      <c r="D13937" t="s">
        <v>8635</v>
      </c>
      <c r="E13937" t="s">
        <v>8296</v>
      </c>
      <c r="F13937" t="s">
        <v>8297</v>
      </c>
      <c r="G13937" t="s">
        <v>80</v>
      </c>
      <c r="H13937" t="s">
        <v>81</v>
      </c>
      <c r="I13937" s="2">
        <v>0</v>
      </c>
      <c r="J13937" s="2">
        <v>1</v>
      </c>
      <c r="K13937" s="2">
        <v>0</v>
      </c>
      <c r="L13937" t="s">
        <v>82</v>
      </c>
      <c r="M13937" t="s">
        <v>83</v>
      </c>
      <c r="N13937" t="s">
        <v>91</v>
      </c>
      <c r="O13937" t="s">
        <v>85</v>
      </c>
      <c r="P13937" t="s">
        <v>86</v>
      </c>
      <c r="Q13937">
        <v>24</v>
      </c>
      <c r="R13937">
        <v>24</v>
      </c>
      <c r="S13937">
        <v>24</v>
      </c>
      <c r="T13937">
        <v>25</v>
      </c>
      <c r="U13937">
        <v>25</v>
      </c>
      <c r="V13937">
        <v>26</v>
      </c>
      <c r="W13937">
        <v>26</v>
      </c>
      <c r="X13937">
        <v>27</v>
      </c>
      <c r="Y13937">
        <v>27</v>
      </c>
      <c r="Z13937">
        <v>28</v>
      </c>
      <c r="AA13937">
        <v>28</v>
      </c>
      <c r="AB13937">
        <v>29</v>
      </c>
      <c r="AC13937">
        <v>29</v>
      </c>
      <c r="AD13937">
        <v>29</v>
      </c>
      <c r="AE13937">
        <v>30</v>
      </c>
      <c r="AF13937">
        <v>30</v>
      </c>
      <c r="AG13937">
        <v>31</v>
      </c>
      <c r="AH13937">
        <v>31</v>
      </c>
      <c r="AI13937">
        <v>32</v>
      </c>
      <c r="AJ13937">
        <v>32</v>
      </c>
      <c r="AK13937">
        <v>33</v>
      </c>
      <c r="AL13937">
        <v>33</v>
      </c>
      <c r="AM13937">
        <v>33</v>
      </c>
      <c r="AN13937">
        <v>33</v>
      </c>
      <c r="AO13937">
        <v>33</v>
      </c>
      <c r="AP13937">
        <v>33</v>
      </c>
      <c r="AQ13937">
        <v>33</v>
      </c>
    </row>
    <row r="13938" spans="1:43">
      <c r="A13938" t="s">
        <v>8646</v>
      </c>
      <c r="B13938" t="s">
        <v>8647</v>
      </c>
      <c r="C13938" t="s">
        <v>8634</v>
      </c>
      <c r="D13938" t="s">
        <v>8635</v>
      </c>
      <c r="E13938" t="s">
        <v>8296</v>
      </c>
      <c r="F13938" t="s">
        <v>8297</v>
      </c>
      <c r="G13938" t="s">
        <v>80</v>
      </c>
      <c r="H13938" t="s">
        <v>81</v>
      </c>
      <c r="I13938" s="2">
        <v>0</v>
      </c>
      <c r="J13938" s="2">
        <v>1</v>
      </c>
      <c r="K13938" s="2">
        <v>0</v>
      </c>
      <c r="L13938" t="s">
        <v>82</v>
      </c>
      <c r="M13938" t="s">
        <v>83</v>
      </c>
      <c r="N13938" t="s">
        <v>84</v>
      </c>
      <c r="O13938" t="s">
        <v>85</v>
      </c>
      <c r="P13938" t="s">
        <v>86</v>
      </c>
      <c r="Q13938">
        <v>19</v>
      </c>
      <c r="R13938">
        <v>20</v>
      </c>
      <c r="S13938">
        <v>20</v>
      </c>
      <c r="T13938">
        <v>20</v>
      </c>
      <c r="U13938">
        <v>21</v>
      </c>
      <c r="V13938">
        <v>21</v>
      </c>
      <c r="W13938">
        <v>22</v>
      </c>
      <c r="X13938">
        <v>22</v>
      </c>
      <c r="Y13938">
        <v>22</v>
      </c>
      <c r="Z13938">
        <v>23</v>
      </c>
      <c r="AA13938">
        <v>23</v>
      </c>
      <c r="AB13938">
        <v>23</v>
      </c>
      <c r="AC13938">
        <v>24</v>
      </c>
      <c r="AD13938">
        <v>24</v>
      </c>
      <c r="AE13938">
        <v>24</v>
      </c>
      <c r="AF13938">
        <v>25</v>
      </c>
      <c r="AG13938">
        <v>25</v>
      </c>
      <c r="AH13938">
        <v>26</v>
      </c>
      <c r="AI13938">
        <v>26</v>
      </c>
      <c r="AJ13938">
        <v>26</v>
      </c>
      <c r="AK13938">
        <v>27</v>
      </c>
      <c r="AL13938">
        <v>27</v>
      </c>
      <c r="AM13938">
        <v>27</v>
      </c>
      <c r="AN13938">
        <v>27</v>
      </c>
      <c r="AO13938">
        <v>27</v>
      </c>
      <c r="AP13938">
        <v>27</v>
      </c>
      <c r="AQ13938">
        <v>27</v>
      </c>
    </row>
    <row r="13939" spans="1:43">
      <c r="A13939" t="s">
        <v>8646</v>
      </c>
      <c r="B13939" t="s">
        <v>8647</v>
      </c>
      <c r="C13939" t="s">
        <v>8634</v>
      </c>
      <c r="D13939" t="s">
        <v>8635</v>
      </c>
      <c r="E13939" t="s">
        <v>8296</v>
      </c>
      <c r="F13939" t="s">
        <v>8297</v>
      </c>
      <c r="G13939" t="s">
        <v>80</v>
      </c>
      <c r="H13939" t="s">
        <v>81</v>
      </c>
      <c r="I13939" s="2">
        <v>0</v>
      </c>
      <c r="J13939" s="2">
        <v>1</v>
      </c>
      <c r="K13939" s="2">
        <v>0</v>
      </c>
      <c r="L13939" t="s">
        <v>82</v>
      </c>
      <c r="M13939" t="s">
        <v>87</v>
      </c>
      <c r="N13939" t="s">
        <v>88</v>
      </c>
      <c r="O13939" t="s">
        <v>85</v>
      </c>
      <c r="P13939" t="s">
        <v>86</v>
      </c>
      <c r="Q13939">
        <v>19</v>
      </c>
      <c r="R13939">
        <v>19</v>
      </c>
      <c r="S13939">
        <v>19</v>
      </c>
      <c r="T13939">
        <v>20</v>
      </c>
      <c r="U13939">
        <v>20</v>
      </c>
      <c r="V13939">
        <v>20</v>
      </c>
      <c r="W13939">
        <v>20</v>
      </c>
      <c r="X13939">
        <v>20</v>
      </c>
      <c r="Y13939">
        <v>21</v>
      </c>
      <c r="Z13939">
        <v>21</v>
      </c>
      <c r="AA13939">
        <v>21</v>
      </c>
      <c r="AB13939">
        <v>21</v>
      </c>
      <c r="AC13939">
        <v>21</v>
      </c>
      <c r="AD13939">
        <v>21</v>
      </c>
      <c r="AE13939">
        <v>22</v>
      </c>
      <c r="AF13939">
        <v>22</v>
      </c>
      <c r="AG13939">
        <v>22</v>
      </c>
      <c r="AH13939">
        <v>22</v>
      </c>
      <c r="AI13939">
        <v>22</v>
      </c>
      <c r="AJ13939">
        <v>22</v>
      </c>
      <c r="AK13939">
        <v>23</v>
      </c>
      <c r="AL13939">
        <v>23</v>
      </c>
      <c r="AM13939">
        <v>23</v>
      </c>
      <c r="AN13939">
        <v>23</v>
      </c>
      <c r="AO13939">
        <v>23</v>
      </c>
      <c r="AP13939">
        <v>23</v>
      </c>
      <c r="AQ13939">
        <v>24</v>
      </c>
    </row>
    <row r="13940" spans="1:43">
      <c r="A13940" t="s">
        <v>8646</v>
      </c>
      <c r="B13940" t="s">
        <v>8647</v>
      </c>
      <c r="C13940" t="s">
        <v>8634</v>
      </c>
      <c r="D13940" t="s">
        <v>8635</v>
      </c>
      <c r="E13940" t="s">
        <v>8296</v>
      </c>
      <c r="F13940" t="s">
        <v>8297</v>
      </c>
      <c r="G13940" t="s">
        <v>80</v>
      </c>
      <c r="H13940" t="s">
        <v>81</v>
      </c>
      <c r="I13940" s="2">
        <v>0</v>
      </c>
      <c r="J13940" s="2">
        <v>1</v>
      </c>
      <c r="K13940" s="2">
        <v>0</v>
      </c>
      <c r="L13940" t="s">
        <v>82</v>
      </c>
      <c r="M13940" t="s">
        <v>89</v>
      </c>
      <c r="N13940" t="s">
        <v>90</v>
      </c>
      <c r="O13940" t="s">
        <v>85</v>
      </c>
      <c r="P13940" t="s">
        <v>86</v>
      </c>
      <c r="Q13940">
        <v>19</v>
      </c>
      <c r="R13940">
        <v>20</v>
      </c>
      <c r="S13940">
        <v>21</v>
      </c>
      <c r="T13940">
        <v>21</v>
      </c>
      <c r="U13940">
        <v>22</v>
      </c>
      <c r="V13940">
        <v>22</v>
      </c>
      <c r="W13940">
        <v>23</v>
      </c>
      <c r="X13940">
        <v>23</v>
      </c>
      <c r="Y13940">
        <v>24</v>
      </c>
      <c r="Z13940">
        <v>24</v>
      </c>
      <c r="AA13940">
        <v>25</v>
      </c>
      <c r="AB13940">
        <v>25</v>
      </c>
      <c r="AC13940">
        <v>25</v>
      </c>
      <c r="AD13940">
        <v>26</v>
      </c>
      <c r="AE13940">
        <v>26</v>
      </c>
      <c r="AF13940">
        <v>26</v>
      </c>
      <c r="AG13940">
        <v>26</v>
      </c>
      <c r="AH13940">
        <v>27</v>
      </c>
      <c r="AI13940">
        <v>27</v>
      </c>
      <c r="AJ13940">
        <v>27</v>
      </c>
      <c r="AK13940">
        <v>27</v>
      </c>
      <c r="AL13940">
        <v>27</v>
      </c>
      <c r="AM13940">
        <v>27</v>
      </c>
      <c r="AN13940">
        <v>27</v>
      </c>
      <c r="AO13940">
        <v>27</v>
      </c>
      <c r="AP13940">
        <v>27</v>
      </c>
      <c r="AQ13940">
        <v>27</v>
      </c>
    </row>
    <row r="13941" spans="1:43">
      <c r="A13941" t="s">
        <v>8646</v>
      </c>
      <c r="B13941" t="s">
        <v>8647</v>
      </c>
      <c r="C13941" t="s">
        <v>8634</v>
      </c>
      <c r="D13941" t="s">
        <v>8635</v>
      </c>
      <c r="E13941" t="s">
        <v>8296</v>
      </c>
      <c r="F13941" t="s">
        <v>8297</v>
      </c>
      <c r="G13941" t="s">
        <v>80</v>
      </c>
      <c r="H13941" t="s">
        <v>81</v>
      </c>
      <c r="I13941" s="2">
        <v>0</v>
      </c>
      <c r="J13941" s="2">
        <v>1</v>
      </c>
      <c r="K13941" s="2">
        <v>0</v>
      </c>
      <c r="L13941" t="s">
        <v>82</v>
      </c>
      <c r="M13941" t="s">
        <v>83</v>
      </c>
      <c r="N13941" t="s">
        <v>91</v>
      </c>
      <c r="O13941" t="s">
        <v>85</v>
      </c>
      <c r="P13941" t="s">
        <v>86</v>
      </c>
      <c r="Q13941">
        <v>19</v>
      </c>
      <c r="R13941">
        <v>20</v>
      </c>
      <c r="S13941">
        <v>20</v>
      </c>
      <c r="T13941">
        <v>20</v>
      </c>
      <c r="U13941">
        <v>21</v>
      </c>
      <c r="V13941">
        <v>21</v>
      </c>
      <c r="W13941">
        <v>22</v>
      </c>
      <c r="X13941">
        <v>22</v>
      </c>
      <c r="Y13941">
        <v>22</v>
      </c>
      <c r="Z13941">
        <v>23</v>
      </c>
      <c r="AA13941">
        <v>23</v>
      </c>
      <c r="AB13941">
        <v>23</v>
      </c>
      <c r="AC13941">
        <v>24</v>
      </c>
      <c r="AD13941">
        <v>24</v>
      </c>
      <c r="AE13941">
        <v>24</v>
      </c>
      <c r="AF13941">
        <v>25</v>
      </c>
      <c r="AG13941">
        <v>25</v>
      </c>
      <c r="AH13941">
        <v>26</v>
      </c>
      <c r="AI13941">
        <v>26</v>
      </c>
      <c r="AJ13941">
        <v>26</v>
      </c>
      <c r="AK13941">
        <v>27</v>
      </c>
      <c r="AL13941">
        <v>27</v>
      </c>
      <c r="AM13941">
        <v>27</v>
      </c>
      <c r="AN13941">
        <v>27</v>
      </c>
      <c r="AO13941">
        <v>27</v>
      </c>
      <c r="AP13941">
        <v>27</v>
      </c>
      <c r="AQ13941">
        <v>27</v>
      </c>
    </row>
    <row r="13942" spans="1:43">
      <c r="A13942" t="s">
        <v>8648</v>
      </c>
      <c r="B13942" t="s">
        <v>8649</v>
      </c>
      <c r="C13942" t="s">
        <v>8650</v>
      </c>
      <c r="D13942" t="s">
        <v>8651</v>
      </c>
      <c r="E13942" t="s">
        <v>8652</v>
      </c>
      <c r="F13942" t="s">
        <v>8653</v>
      </c>
      <c r="G13942" t="s">
        <v>80</v>
      </c>
      <c r="H13942" t="s">
        <v>81</v>
      </c>
      <c r="I13942" s="2">
        <v>0</v>
      </c>
      <c r="J13942" s="2">
        <v>0</v>
      </c>
      <c r="K13942" s="2">
        <v>1</v>
      </c>
      <c r="L13942" t="s">
        <v>995</v>
      </c>
      <c r="M13942" t="s">
        <v>83</v>
      </c>
      <c r="N13942" t="s">
        <v>84</v>
      </c>
      <c r="O13942" t="s">
        <v>85</v>
      </c>
      <c r="P13942" t="s">
        <v>86</v>
      </c>
      <c r="Q13942">
        <v>122</v>
      </c>
      <c r="R13942">
        <v>123</v>
      </c>
      <c r="S13942">
        <v>123</v>
      </c>
      <c r="T13942">
        <v>124</v>
      </c>
      <c r="U13942">
        <v>124</v>
      </c>
      <c r="V13942">
        <v>125</v>
      </c>
      <c r="W13942">
        <v>125</v>
      </c>
      <c r="X13942">
        <v>126</v>
      </c>
      <c r="Y13942">
        <v>126</v>
      </c>
      <c r="Z13942">
        <v>127</v>
      </c>
      <c r="AA13942">
        <v>127</v>
      </c>
      <c r="AB13942">
        <v>127</v>
      </c>
      <c r="AC13942">
        <v>128</v>
      </c>
      <c r="AD13942">
        <v>128</v>
      </c>
      <c r="AE13942">
        <v>128</v>
      </c>
      <c r="AF13942">
        <v>129</v>
      </c>
      <c r="AG13942">
        <v>129</v>
      </c>
      <c r="AH13942">
        <v>129</v>
      </c>
      <c r="AI13942">
        <v>129</v>
      </c>
      <c r="AJ13942">
        <v>129</v>
      </c>
      <c r="AK13942">
        <v>130</v>
      </c>
      <c r="AL13942">
        <v>129</v>
      </c>
      <c r="AM13942">
        <v>128</v>
      </c>
      <c r="AN13942">
        <v>127</v>
      </c>
      <c r="AO13942">
        <v>127</v>
      </c>
      <c r="AP13942">
        <v>126</v>
      </c>
      <c r="AQ13942">
        <v>125</v>
      </c>
    </row>
    <row r="13943" spans="1:43">
      <c r="A13943" t="s">
        <v>8648</v>
      </c>
      <c r="B13943" t="s">
        <v>8649</v>
      </c>
      <c r="C13943" t="s">
        <v>8650</v>
      </c>
      <c r="D13943" t="s">
        <v>8651</v>
      </c>
      <c r="E13943" t="s">
        <v>8652</v>
      </c>
      <c r="F13943" t="s">
        <v>8653</v>
      </c>
      <c r="G13943" t="s">
        <v>80</v>
      </c>
      <c r="H13943" t="s">
        <v>81</v>
      </c>
      <c r="I13943" s="2">
        <v>0</v>
      </c>
      <c r="J13943" s="2">
        <v>0</v>
      </c>
      <c r="K13943" s="2">
        <v>1</v>
      </c>
      <c r="L13943" t="s">
        <v>995</v>
      </c>
      <c r="M13943" t="s">
        <v>87</v>
      </c>
      <c r="N13943" t="s">
        <v>88</v>
      </c>
      <c r="O13943" t="s">
        <v>85</v>
      </c>
      <c r="P13943" t="s">
        <v>86</v>
      </c>
      <c r="Q13943">
        <v>122</v>
      </c>
      <c r="R13943">
        <v>121</v>
      </c>
      <c r="S13943">
        <v>121</v>
      </c>
      <c r="T13943">
        <v>120</v>
      </c>
      <c r="U13943">
        <v>120</v>
      </c>
      <c r="V13943">
        <v>119</v>
      </c>
      <c r="W13943">
        <v>119</v>
      </c>
      <c r="X13943">
        <v>118</v>
      </c>
      <c r="Y13943">
        <v>118</v>
      </c>
      <c r="Z13943">
        <v>117</v>
      </c>
      <c r="AA13943">
        <v>117</v>
      </c>
      <c r="AB13943">
        <v>116</v>
      </c>
      <c r="AC13943">
        <v>116</v>
      </c>
      <c r="AD13943">
        <v>115</v>
      </c>
      <c r="AE13943">
        <v>115</v>
      </c>
      <c r="AF13943">
        <v>114</v>
      </c>
      <c r="AG13943">
        <v>114</v>
      </c>
      <c r="AH13943">
        <v>113</v>
      </c>
      <c r="AI13943">
        <v>113</v>
      </c>
      <c r="AJ13943">
        <v>112</v>
      </c>
      <c r="AK13943">
        <v>112</v>
      </c>
      <c r="AL13943">
        <v>111</v>
      </c>
      <c r="AM13943">
        <v>111</v>
      </c>
      <c r="AN13943">
        <v>110</v>
      </c>
      <c r="AO13943">
        <v>110</v>
      </c>
      <c r="AP13943">
        <v>110</v>
      </c>
      <c r="AQ13943">
        <v>109</v>
      </c>
    </row>
    <row r="13944" spans="1:43">
      <c r="A13944" t="s">
        <v>8648</v>
      </c>
      <c r="B13944" t="s">
        <v>8649</v>
      </c>
      <c r="C13944" t="s">
        <v>8650</v>
      </c>
      <c r="D13944" t="s">
        <v>8651</v>
      </c>
      <c r="E13944" t="s">
        <v>8652</v>
      </c>
      <c r="F13944" t="s">
        <v>8653</v>
      </c>
      <c r="G13944" t="s">
        <v>80</v>
      </c>
      <c r="H13944" t="s">
        <v>81</v>
      </c>
      <c r="I13944" s="2">
        <v>0</v>
      </c>
      <c r="J13944" s="2">
        <v>0</v>
      </c>
      <c r="K13944" s="2">
        <v>1</v>
      </c>
      <c r="L13944" t="s">
        <v>995</v>
      </c>
      <c r="M13944" t="s">
        <v>89</v>
      </c>
      <c r="N13944" t="s">
        <v>90</v>
      </c>
      <c r="O13944" t="s">
        <v>85</v>
      </c>
      <c r="P13944" t="s">
        <v>86</v>
      </c>
      <c r="Q13944">
        <v>122</v>
      </c>
      <c r="R13944">
        <v>124</v>
      </c>
      <c r="S13944">
        <v>125</v>
      </c>
      <c r="T13944">
        <v>127</v>
      </c>
      <c r="U13944">
        <v>128</v>
      </c>
      <c r="V13944">
        <v>129</v>
      </c>
      <c r="W13944">
        <v>131</v>
      </c>
      <c r="X13944">
        <v>132</v>
      </c>
      <c r="Y13944">
        <v>133</v>
      </c>
      <c r="Z13944">
        <v>133</v>
      </c>
      <c r="AA13944">
        <v>134</v>
      </c>
      <c r="AB13944">
        <v>135</v>
      </c>
      <c r="AC13944">
        <v>136</v>
      </c>
      <c r="AD13944">
        <v>136</v>
      </c>
      <c r="AE13944">
        <v>136</v>
      </c>
      <c r="AF13944">
        <v>136</v>
      </c>
      <c r="AG13944">
        <v>135</v>
      </c>
      <c r="AH13944">
        <v>134</v>
      </c>
      <c r="AI13944">
        <v>133</v>
      </c>
      <c r="AJ13944">
        <v>132</v>
      </c>
      <c r="AK13944">
        <v>131</v>
      </c>
      <c r="AL13944">
        <v>130</v>
      </c>
      <c r="AM13944">
        <v>129</v>
      </c>
      <c r="AN13944">
        <v>128</v>
      </c>
      <c r="AO13944">
        <v>127</v>
      </c>
      <c r="AP13944">
        <v>126</v>
      </c>
      <c r="AQ13944">
        <v>125</v>
      </c>
    </row>
    <row r="13945" spans="1:43">
      <c r="A13945" t="s">
        <v>8648</v>
      </c>
      <c r="B13945" t="s">
        <v>8649</v>
      </c>
      <c r="C13945" t="s">
        <v>8650</v>
      </c>
      <c r="D13945" t="s">
        <v>8651</v>
      </c>
      <c r="E13945" t="s">
        <v>8652</v>
      </c>
      <c r="F13945" t="s">
        <v>8653</v>
      </c>
      <c r="G13945" t="s">
        <v>80</v>
      </c>
      <c r="H13945" t="s">
        <v>81</v>
      </c>
      <c r="I13945" s="2">
        <v>0</v>
      </c>
      <c r="J13945" s="2">
        <v>0</v>
      </c>
      <c r="K13945" s="2">
        <v>1</v>
      </c>
      <c r="L13945" t="s">
        <v>995</v>
      </c>
      <c r="M13945" t="s">
        <v>83</v>
      </c>
      <c r="N13945" t="s">
        <v>91</v>
      </c>
      <c r="O13945" t="s">
        <v>85</v>
      </c>
      <c r="P13945" t="s">
        <v>86</v>
      </c>
      <c r="Q13945">
        <v>122</v>
      </c>
      <c r="R13945">
        <v>123</v>
      </c>
      <c r="S13945">
        <v>123</v>
      </c>
      <c r="T13945">
        <v>124</v>
      </c>
      <c r="U13945">
        <v>124</v>
      </c>
      <c r="V13945">
        <v>125</v>
      </c>
      <c r="W13945">
        <v>125</v>
      </c>
      <c r="X13945">
        <v>126</v>
      </c>
      <c r="Y13945">
        <v>126</v>
      </c>
      <c r="Z13945">
        <v>127</v>
      </c>
      <c r="AA13945">
        <v>127</v>
      </c>
      <c r="AB13945">
        <v>127</v>
      </c>
      <c r="AC13945">
        <v>128</v>
      </c>
      <c r="AD13945">
        <v>128</v>
      </c>
      <c r="AE13945">
        <v>128</v>
      </c>
      <c r="AF13945">
        <v>129</v>
      </c>
      <c r="AG13945">
        <v>129</v>
      </c>
      <c r="AH13945">
        <v>129</v>
      </c>
      <c r="AI13945">
        <v>129</v>
      </c>
      <c r="AJ13945">
        <v>129</v>
      </c>
      <c r="AK13945">
        <v>130</v>
      </c>
      <c r="AL13945">
        <v>129</v>
      </c>
      <c r="AM13945">
        <v>128</v>
      </c>
      <c r="AN13945">
        <v>127</v>
      </c>
      <c r="AO13945">
        <v>127</v>
      </c>
      <c r="AP13945">
        <v>126</v>
      </c>
      <c r="AQ13945">
        <v>125</v>
      </c>
    </row>
    <row r="13946" spans="1:43">
      <c r="A13946" t="s">
        <v>8654</v>
      </c>
      <c r="B13946" t="s">
        <v>8655</v>
      </c>
      <c r="C13946" t="s">
        <v>8650</v>
      </c>
      <c r="D13946" t="s">
        <v>8651</v>
      </c>
      <c r="E13946" t="s">
        <v>8652</v>
      </c>
      <c r="F13946" t="s">
        <v>8653</v>
      </c>
      <c r="G13946" t="s">
        <v>80</v>
      </c>
      <c r="H13946" t="s">
        <v>81</v>
      </c>
      <c r="I13946" s="2">
        <v>0</v>
      </c>
      <c r="J13946" s="2">
        <v>0</v>
      </c>
      <c r="K13946" s="2">
        <v>1</v>
      </c>
      <c r="L13946" t="s">
        <v>995</v>
      </c>
      <c r="M13946" t="s">
        <v>83</v>
      </c>
      <c r="N13946" t="s">
        <v>84</v>
      </c>
      <c r="O13946" t="s">
        <v>85</v>
      </c>
      <c r="P13946" t="s">
        <v>86</v>
      </c>
      <c r="Q13946">
        <v>29</v>
      </c>
      <c r="R13946">
        <v>29</v>
      </c>
      <c r="S13946">
        <v>29</v>
      </c>
      <c r="T13946">
        <v>29</v>
      </c>
      <c r="U13946">
        <v>29</v>
      </c>
      <c r="V13946">
        <v>29</v>
      </c>
      <c r="W13946">
        <v>29</v>
      </c>
      <c r="X13946">
        <v>29</v>
      </c>
      <c r="Y13946">
        <v>29</v>
      </c>
      <c r="Z13946">
        <v>30</v>
      </c>
      <c r="AA13946">
        <v>30</v>
      </c>
      <c r="AB13946">
        <v>30</v>
      </c>
      <c r="AC13946">
        <v>30</v>
      </c>
      <c r="AD13946">
        <v>30</v>
      </c>
      <c r="AE13946">
        <v>30</v>
      </c>
      <c r="AF13946">
        <v>30</v>
      </c>
      <c r="AG13946">
        <v>30</v>
      </c>
      <c r="AH13946">
        <v>30</v>
      </c>
      <c r="AI13946">
        <v>30</v>
      </c>
      <c r="AJ13946">
        <v>30</v>
      </c>
      <c r="AK13946">
        <v>30</v>
      </c>
      <c r="AL13946">
        <v>30</v>
      </c>
      <c r="AM13946">
        <v>30</v>
      </c>
      <c r="AN13946">
        <v>30</v>
      </c>
      <c r="AO13946">
        <v>29</v>
      </c>
      <c r="AP13946">
        <v>29</v>
      </c>
      <c r="AQ13946">
        <v>29</v>
      </c>
    </row>
    <row r="13947" spans="1:43">
      <c r="A13947" t="s">
        <v>8654</v>
      </c>
      <c r="B13947" t="s">
        <v>8655</v>
      </c>
      <c r="C13947" t="s">
        <v>8650</v>
      </c>
      <c r="D13947" t="s">
        <v>8651</v>
      </c>
      <c r="E13947" t="s">
        <v>8652</v>
      </c>
      <c r="F13947" t="s">
        <v>8653</v>
      </c>
      <c r="G13947" t="s">
        <v>80</v>
      </c>
      <c r="H13947" t="s">
        <v>81</v>
      </c>
      <c r="I13947" s="2">
        <v>0</v>
      </c>
      <c r="J13947" s="2">
        <v>0</v>
      </c>
      <c r="K13947" s="2">
        <v>1</v>
      </c>
      <c r="L13947" t="s">
        <v>995</v>
      </c>
      <c r="M13947" t="s">
        <v>87</v>
      </c>
      <c r="N13947" t="s">
        <v>88</v>
      </c>
      <c r="O13947" t="s">
        <v>85</v>
      </c>
      <c r="P13947" t="s">
        <v>86</v>
      </c>
      <c r="Q13947">
        <v>29</v>
      </c>
      <c r="R13947">
        <v>29</v>
      </c>
      <c r="S13947">
        <v>29</v>
      </c>
      <c r="T13947">
        <v>29</v>
      </c>
      <c r="U13947">
        <v>29</v>
      </c>
      <c r="V13947">
        <v>29</v>
      </c>
      <c r="W13947">
        <v>28</v>
      </c>
      <c r="X13947">
        <v>28</v>
      </c>
      <c r="Y13947">
        <v>28</v>
      </c>
      <c r="Z13947">
        <v>28</v>
      </c>
      <c r="AA13947">
        <v>28</v>
      </c>
      <c r="AB13947">
        <v>28</v>
      </c>
      <c r="AC13947">
        <v>28</v>
      </c>
      <c r="AD13947">
        <v>28</v>
      </c>
      <c r="AE13947">
        <v>28</v>
      </c>
      <c r="AF13947">
        <v>27</v>
      </c>
      <c r="AG13947">
        <v>27</v>
      </c>
      <c r="AH13947">
        <v>27</v>
      </c>
      <c r="AI13947">
        <v>27</v>
      </c>
      <c r="AJ13947">
        <v>27</v>
      </c>
      <c r="AK13947">
        <v>27</v>
      </c>
      <c r="AL13947">
        <v>27</v>
      </c>
      <c r="AM13947">
        <v>27</v>
      </c>
      <c r="AN13947">
        <v>27</v>
      </c>
      <c r="AO13947">
        <v>26</v>
      </c>
      <c r="AP13947">
        <v>26</v>
      </c>
      <c r="AQ13947">
        <v>26</v>
      </c>
    </row>
    <row r="13948" spans="1:43">
      <c r="A13948" t="s">
        <v>8654</v>
      </c>
      <c r="B13948" t="s">
        <v>8655</v>
      </c>
      <c r="C13948" t="s">
        <v>8650</v>
      </c>
      <c r="D13948" t="s">
        <v>8651</v>
      </c>
      <c r="E13948" t="s">
        <v>8652</v>
      </c>
      <c r="F13948" t="s">
        <v>8653</v>
      </c>
      <c r="G13948" t="s">
        <v>80</v>
      </c>
      <c r="H13948" t="s">
        <v>81</v>
      </c>
      <c r="I13948" s="2">
        <v>0</v>
      </c>
      <c r="J13948" s="2">
        <v>0</v>
      </c>
      <c r="K13948" s="2">
        <v>1</v>
      </c>
      <c r="L13948" t="s">
        <v>995</v>
      </c>
      <c r="M13948" t="s">
        <v>89</v>
      </c>
      <c r="N13948" t="s">
        <v>90</v>
      </c>
      <c r="O13948" t="s">
        <v>85</v>
      </c>
      <c r="P13948" t="s">
        <v>86</v>
      </c>
      <c r="Q13948">
        <v>29</v>
      </c>
      <c r="R13948">
        <v>29</v>
      </c>
      <c r="S13948">
        <v>30</v>
      </c>
      <c r="T13948">
        <v>30</v>
      </c>
      <c r="U13948">
        <v>30</v>
      </c>
      <c r="V13948">
        <v>30</v>
      </c>
      <c r="W13948">
        <v>31</v>
      </c>
      <c r="X13948">
        <v>31</v>
      </c>
      <c r="Y13948">
        <v>31</v>
      </c>
      <c r="Z13948">
        <v>31</v>
      </c>
      <c r="AA13948">
        <v>32</v>
      </c>
      <c r="AB13948">
        <v>32</v>
      </c>
      <c r="AC13948">
        <v>32</v>
      </c>
      <c r="AD13948">
        <v>32</v>
      </c>
      <c r="AE13948">
        <v>32</v>
      </c>
      <c r="AF13948">
        <v>32</v>
      </c>
      <c r="AG13948">
        <v>32</v>
      </c>
      <c r="AH13948">
        <v>31</v>
      </c>
      <c r="AI13948">
        <v>31</v>
      </c>
      <c r="AJ13948">
        <v>31</v>
      </c>
      <c r="AK13948">
        <v>31</v>
      </c>
      <c r="AL13948">
        <v>30</v>
      </c>
      <c r="AM13948">
        <v>30</v>
      </c>
      <c r="AN13948">
        <v>30</v>
      </c>
      <c r="AO13948">
        <v>30</v>
      </c>
      <c r="AP13948">
        <v>30</v>
      </c>
      <c r="AQ13948">
        <v>29</v>
      </c>
    </row>
    <row r="13949" spans="1:43">
      <c r="A13949" t="s">
        <v>8654</v>
      </c>
      <c r="B13949" t="s">
        <v>8655</v>
      </c>
      <c r="C13949" t="s">
        <v>8650</v>
      </c>
      <c r="D13949" t="s">
        <v>8651</v>
      </c>
      <c r="E13949" t="s">
        <v>8652</v>
      </c>
      <c r="F13949" t="s">
        <v>8653</v>
      </c>
      <c r="G13949" t="s">
        <v>80</v>
      </c>
      <c r="H13949" t="s">
        <v>81</v>
      </c>
      <c r="I13949" s="2">
        <v>0</v>
      </c>
      <c r="J13949" s="2">
        <v>0</v>
      </c>
      <c r="K13949" s="2">
        <v>1</v>
      </c>
      <c r="L13949" t="s">
        <v>995</v>
      </c>
      <c r="M13949" t="s">
        <v>83</v>
      </c>
      <c r="N13949" t="s">
        <v>91</v>
      </c>
      <c r="O13949" t="s">
        <v>85</v>
      </c>
      <c r="P13949" t="s">
        <v>86</v>
      </c>
      <c r="Q13949">
        <v>29</v>
      </c>
      <c r="R13949">
        <v>29</v>
      </c>
      <c r="S13949">
        <v>29</v>
      </c>
      <c r="T13949">
        <v>29</v>
      </c>
      <c r="U13949">
        <v>29</v>
      </c>
      <c r="V13949">
        <v>29</v>
      </c>
      <c r="W13949">
        <v>29</v>
      </c>
      <c r="X13949">
        <v>29</v>
      </c>
      <c r="Y13949">
        <v>29</v>
      </c>
      <c r="Z13949">
        <v>30</v>
      </c>
      <c r="AA13949">
        <v>30</v>
      </c>
      <c r="AB13949">
        <v>30</v>
      </c>
      <c r="AC13949">
        <v>30</v>
      </c>
      <c r="AD13949">
        <v>30</v>
      </c>
      <c r="AE13949">
        <v>30</v>
      </c>
      <c r="AF13949">
        <v>30</v>
      </c>
      <c r="AG13949">
        <v>30</v>
      </c>
      <c r="AH13949">
        <v>30</v>
      </c>
      <c r="AI13949">
        <v>30</v>
      </c>
      <c r="AJ13949">
        <v>30</v>
      </c>
      <c r="AK13949">
        <v>30</v>
      </c>
      <c r="AL13949">
        <v>30</v>
      </c>
      <c r="AM13949">
        <v>30</v>
      </c>
      <c r="AN13949">
        <v>30</v>
      </c>
      <c r="AO13949">
        <v>29</v>
      </c>
      <c r="AP13949">
        <v>29</v>
      </c>
      <c r="AQ13949">
        <v>29</v>
      </c>
    </row>
    <row r="13950" spans="1:43">
      <c r="A13950" t="s">
        <v>8656</v>
      </c>
      <c r="B13950" t="s">
        <v>8657</v>
      </c>
      <c r="C13950" t="s">
        <v>8650</v>
      </c>
      <c r="D13950" t="s">
        <v>8651</v>
      </c>
      <c r="E13950" t="s">
        <v>8652</v>
      </c>
      <c r="F13950" t="s">
        <v>8653</v>
      </c>
      <c r="G13950" t="s">
        <v>80</v>
      </c>
      <c r="H13950" t="s">
        <v>81</v>
      </c>
      <c r="I13950" s="2">
        <v>0</v>
      </c>
      <c r="J13950" s="2">
        <v>0</v>
      </c>
      <c r="K13950" s="2">
        <v>1</v>
      </c>
      <c r="L13950" t="s">
        <v>995</v>
      </c>
      <c r="M13950" t="s">
        <v>83</v>
      </c>
      <c r="N13950" t="s">
        <v>84</v>
      </c>
      <c r="O13950" t="s">
        <v>85</v>
      </c>
      <c r="P13950" t="s">
        <v>86</v>
      </c>
      <c r="Q13950">
        <v>21</v>
      </c>
      <c r="R13950">
        <v>21</v>
      </c>
      <c r="S13950">
        <v>21</v>
      </c>
      <c r="T13950">
        <v>21</v>
      </c>
      <c r="U13950">
        <v>21</v>
      </c>
      <c r="V13950">
        <v>22</v>
      </c>
      <c r="W13950">
        <v>22</v>
      </c>
      <c r="X13950">
        <v>22</v>
      </c>
      <c r="Y13950">
        <v>22</v>
      </c>
      <c r="Z13950">
        <v>22</v>
      </c>
      <c r="AA13950">
        <v>22</v>
      </c>
      <c r="AB13950">
        <v>22</v>
      </c>
      <c r="AC13950">
        <v>22</v>
      </c>
      <c r="AD13950">
        <v>22</v>
      </c>
      <c r="AE13950">
        <v>22</v>
      </c>
      <c r="AF13950">
        <v>22</v>
      </c>
      <c r="AG13950">
        <v>22</v>
      </c>
      <c r="AH13950">
        <v>22</v>
      </c>
      <c r="AI13950">
        <v>22</v>
      </c>
      <c r="AJ13950">
        <v>22</v>
      </c>
      <c r="AK13950">
        <v>22</v>
      </c>
      <c r="AL13950">
        <v>22</v>
      </c>
      <c r="AM13950">
        <v>22</v>
      </c>
      <c r="AN13950">
        <v>22</v>
      </c>
      <c r="AO13950">
        <v>22</v>
      </c>
      <c r="AP13950">
        <v>22</v>
      </c>
      <c r="AQ13950">
        <v>22</v>
      </c>
    </row>
    <row r="13951" spans="1:43">
      <c r="A13951" t="s">
        <v>8656</v>
      </c>
      <c r="B13951" t="s">
        <v>8657</v>
      </c>
      <c r="C13951" t="s">
        <v>8650</v>
      </c>
      <c r="D13951" t="s">
        <v>8651</v>
      </c>
      <c r="E13951" t="s">
        <v>8652</v>
      </c>
      <c r="F13951" t="s">
        <v>8653</v>
      </c>
      <c r="G13951" t="s">
        <v>80</v>
      </c>
      <c r="H13951" t="s">
        <v>81</v>
      </c>
      <c r="I13951" s="2">
        <v>0</v>
      </c>
      <c r="J13951" s="2">
        <v>0</v>
      </c>
      <c r="K13951" s="2">
        <v>1</v>
      </c>
      <c r="L13951" t="s">
        <v>995</v>
      </c>
      <c r="M13951" t="s">
        <v>87</v>
      </c>
      <c r="N13951" t="s">
        <v>88</v>
      </c>
      <c r="O13951" t="s">
        <v>85</v>
      </c>
      <c r="P13951" t="s">
        <v>86</v>
      </c>
      <c r="Q13951">
        <v>21</v>
      </c>
      <c r="R13951">
        <v>21</v>
      </c>
      <c r="S13951">
        <v>21</v>
      </c>
      <c r="T13951">
        <v>21</v>
      </c>
      <c r="U13951">
        <v>21</v>
      </c>
      <c r="V13951">
        <v>20</v>
      </c>
      <c r="W13951">
        <v>20</v>
      </c>
      <c r="X13951">
        <v>20</v>
      </c>
      <c r="Y13951">
        <v>20</v>
      </c>
      <c r="Z13951">
        <v>20</v>
      </c>
      <c r="AA13951">
        <v>20</v>
      </c>
      <c r="AB13951">
        <v>20</v>
      </c>
      <c r="AC13951">
        <v>20</v>
      </c>
      <c r="AD13951">
        <v>20</v>
      </c>
      <c r="AE13951">
        <v>20</v>
      </c>
      <c r="AF13951">
        <v>19</v>
      </c>
      <c r="AG13951">
        <v>19</v>
      </c>
      <c r="AH13951">
        <v>19</v>
      </c>
      <c r="AI13951">
        <v>19</v>
      </c>
      <c r="AJ13951">
        <v>19</v>
      </c>
      <c r="AK13951">
        <v>19</v>
      </c>
      <c r="AL13951">
        <v>19</v>
      </c>
      <c r="AM13951">
        <v>19</v>
      </c>
      <c r="AN13951">
        <v>19</v>
      </c>
      <c r="AO13951">
        <v>19</v>
      </c>
      <c r="AP13951">
        <v>19</v>
      </c>
      <c r="AQ13951">
        <v>19</v>
      </c>
    </row>
    <row r="13952" spans="1:43">
      <c r="A13952" t="s">
        <v>8656</v>
      </c>
      <c r="B13952" t="s">
        <v>8657</v>
      </c>
      <c r="C13952" t="s">
        <v>8650</v>
      </c>
      <c r="D13952" t="s">
        <v>8651</v>
      </c>
      <c r="E13952" t="s">
        <v>8652</v>
      </c>
      <c r="F13952" t="s">
        <v>8653</v>
      </c>
      <c r="G13952" t="s">
        <v>80</v>
      </c>
      <c r="H13952" t="s">
        <v>81</v>
      </c>
      <c r="I13952" s="2">
        <v>0</v>
      </c>
      <c r="J13952" s="2">
        <v>0</v>
      </c>
      <c r="K13952" s="2">
        <v>1</v>
      </c>
      <c r="L13952" t="s">
        <v>995</v>
      </c>
      <c r="M13952" t="s">
        <v>89</v>
      </c>
      <c r="N13952" t="s">
        <v>90</v>
      </c>
      <c r="O13952" t="s">
        <v>85</v>
      </c>
      <c r="P13952" t="s">
        <v>86</v>
      </c>
      <c r="Q13952">
        <v>21</v>
      </c>
      <c r="R13952">
        <v>22</v>
      </c>
      <c r="S13952">
        <v>22</v>
      </c>
      <c r="T13952">
        <v>22</v>
      </c>
      <c r="U13952">
        <v>22</v>
      </c>
      <c r="V13952">
        <v>23</v>
      </c>
      <c r="W13952">
        <v>23</v>
      </c>
      <c r="X13952">
        <v>23</v>
      </c>
      <c r="Y13952">
        <v>23</v>
      </c>
      <c r="Z13952">
        <v>23</v>
      </c>
      <c r="AA13952">
        <v>23</v>
      </c>
      <c r="AB13952">
        <v>23</v>
      </c>
      <c r="AC13952">
        <v>24</v>
      </c>
      <c r="AD13952">
        <v>24</v>
      </c>
      <c r="AE13952">
        <v>24</v>
      </c>
      <c r="AF13952">
        <v>24</v>
      </c>
      <c r="AG13952">
        <v>23</v>
      </c>
      <c r="AH13952">
        <v>23</v>
      </c>
      <c r="AI13952">
        <v>23</v>
      </c>
      <c r="AJ13952">
        <v>23</v>
      </c>
      <c r="AK13952">
        <v>23</v>
      </c>
      <c r="AL13952">
        <v>23</v>
      </c>
      <c r="AM13952">
        <v>22</v>
      </c>
      <c r="AN13952">
        <v>22</v>
      </c>
      <c r="AO13952">
        <v>22</v>
      </c>
      <c r="AP13952">
        <v>22</v>
      </c>
      <c r="AQ13952">
        <v>22</v>
      </c>
    </row>
    <row r="13953" spans="1:43">
      <c r="A13953" t="s">
        <v>8656</v>
      </c>
      <c r="B13953" t="s">
        <v>8657</v>
      </c>
      <c r="C13953" t="s">
        <v>8650</v>
      </c>
      <c r="D13953" t="s">
        <v>8651</v>
      </c>
      <c r="E13953" t="s">
        <v>8652</v>
      </c>
      <c r="F13953" t="s">
        <v>8653</v>
      </c>
      <c r="G13953" t="s">
        <v>80</v>
      </c>
      <c r="H13953" t="s">
        <v>81</v>
      </c>
      <c r="I13953" s="2">
        <v>0</v>
      </c>
      <c r="J13953" s="2">
        <v>0</v>
      </c>
      <c r="K13953" s="2">
        <v>1</v>
      </c>
      <c r="L13953" t="s">
        <v>995</v>
      </c>
      <c r="M13953" t="s">
        <v>83</v>
      </c>
      <c r="N13953" t="s">
        <v>91</v>
      </c>
      <c r="O13953" t="s">
        <v>85</v>
      </c>
      <c r="P13953" t="s">
        <v>86</v>
      </c>
      <c r="Q13953">
        <v>21</v>
      </c>
      <c r="R13953">
        <v>21</v>
      </c>
      <c r="S13953">
        <v>21</v>
      </c>
      <c r="T13953">
        <v>21</v>
      </c>
      <c r="U13953">
        <v>21</v>
      </c>
      <c r="V13953">
        <v>22</v>
      </c>
      <c r="W13953">
        <v>22</v>
      </c>
      <c r="X13953">
        <v>22</v>
      </c>
      <c r="Y13953">
        <v>22</v>
      </c>
      <c r="Z13953">
        <v>22</v>
      </c>
      <c r="AA13953">
        <v>22</v>
      </c>
      <c r="AB13953">
        <v>22</v>
      </c>
      <c r="AC13953">
        <v>22</v>
      </c>
      <c r="AD13953">
        <v>22</v>
      </c>
      <c r="AE13953">
        <v>22</v>
      </c>
      <c r="AF13953">
        <v>22</v>
      </c>
      <c r="AG13953">
        <v>22</v>
      </c>
      <c r="AH13953">
        <v>22</v>
      </c>
      <c r="AI13953">
        <v>22</v>
      </c>
      <c r="AJ13953">
        <v>22</v>
      </c>
      <c r="AK13953">
        <v>22</v>
      </c>
      <c r="AL13953">
        <v>22</v>
      </c>
      <c r="AM13953">
        <v>22</v>
      </c>
      <c r="AN13953">
        <v>22</v>
      </c>
      <c r="AO13953">
        <v>22</v>
      </c>
      <c r="AP13953">
        <v>22</v>
      </c>
      <c r="AQ13953">
        <v>22</v>
      </c>
    </row>
    <row r="13954" spans="1:43">
      <c r="A13954" t="s">
        <v>8658</v>
      </c>
      <c r="B13954" t="s">
        <v>8659</v>
      </c>
      <c r="C13954" t="s">
        <v>8650</v>
      </c>
      <c r="D13954" t="s">
        <v>8651</v>
      </c>
      <c r="E13954" t="s">
        <v>8652</v>
      </c>
      <c r="F13954" t="s">
        <v>8653</v>
      </c>
      <c r="G13954" t="s">
        <v>80</v>
      </c>
      <c r="H13954" t="s">
        <v>81</v>
      </c>
      <c r="I13954" s="2">
        <v>0</v>
      </c>
      <c r="J13954" s="2">
        <v>0</v>
      </c>
      <c r="K13954" s="2">
        <v>1</v>
      </c>
      <c r="L13954" t="s">
        <v>995</v>
      </c>
      <c r="M13954" t="s">
        <v>83</v>
      </c>
      <c r="N13954" t="s">
        <v>84</v>
      </c>
      <c r="O13954" t="s">
        <v>85</v>
      </c>
      <c r="P13954" t="s">
        <v>86</v>
      </c>
      <c r="Q13954">
        <v>7</v>
      </c>
      <c r="R13954">
        <v>7</v>
      </c>
      <c r="S13954">
        <v>7</v>
      </c>
      <c r="T13954">
        <v>7</v>
      </c>
      <c r="U13954">
        <v>7</v>
      </c>
      <c r="V13954">
        <v>7</v>
      </c>
      <c r="W13954">
        <v>8</v>
      </c>
      <c r="X13954">
        <v>8</v>
      </c>
      <c r="Y13954">
        <v>8</v>
      </c>
      <c r="Z13954">
        <v>8</v>
      </c>
      <c r="AA13954">
        <v>8</v>
      </c>
      <c r="AB13954">
        <v>8</v>
      </c>
      <c r="AC13954">
        <v>8</v>
      </c>
      <c r="AD13954">
        <v>8</v>
      </c>
      <c r="AE13954">
        <v>8</v>
      </c>
      <c r="AF13954">
        <v>8</v>
      </c>
      <c r="AG13954">
        <v>8</v>
      </c>
      <c r="AH13954">
        <v>8</v>
      </c>
      <c r="AI13954">
        <v>8</v>
      </c>
      <c r="AJ13954">
        <v>8</v>
      </c>
      <c r="AK13954">
        <v>8</v>
      </c>
      <c r="AL13954">
        <v>8</v>
      </c>
      <c r="AM13954">
        <v>8</v>
      </c>
      <c r="AN13954">
        <v>8</v>
      </c>
      <c r="AO13954">
        <v>8</v>
      </c>
      <c r="AP13954">
        <v>8</v>
      </c>
      <c r="AQ13954">
        <v>7</v>
      </c>
    </row>
    <row r="13955" spans="1:43">
      <c r="A13955" t="s">
        <v>8658</v>
      </c>
      <c r="B13955" t="s">
        <v>8659</v>
      </c>
      <c r="C13955" t="s">
        <v>8650</v>
      </c>
      <c r="D13955" t="s">
        <v>8651</v>
      </c>
      <c r="E13955" t="s">
        <v>8652</v>
      </c>
      <c r="F13955" t="s">
        <v>8653</v>
      </c>
      <c r="G13955" t="s">
        <v>80</v>
      </c>
      <c r="H13955" t="s">
        <v>81</v>
      </c>
      <c r="I13955" s="2">
        <v>0</v>
      </c>
      <c r="J13955" s="2">
        <v>0</v>
      </c>
      <c r="K13955" s="2">
        <v>1</v>
      </c>
      <c r="L13955" t="s">
        <v>995</v>
      </c>
      <c r="M13955" t="s">
        <v>87</v>
      </c>
      <c r="N13955" t="s">
        <v>88</v>
      </c>
      <c r="O13955" t="s">
        <v>85</v>
      </c>
      <c r="P13955" t="s">
        <v>86</v>
      </c>
      <c r="Q13955">
        <v>7</v>
      </c>
      <c r="R13955">
        <v>7</v>
      </c>
      <c r="S13955">
        <v>7</v>
      </c>
      <c r="T13955">
        <v>7</v>
      </c>
      <c r="U13955">
        <v>7</v>
      </c>
      <c r="V13955">
        <v>7</v>
      </c>
      <c r="W13955">
        <v>7</v>
      </c>
      <c r="X13955">
        <v>7</v>
      </c>
      <c r="Y13955">
        <v>7</v>
      </c>
      <c r="Z13955">
        <v>7</v>
      </c>
      <c r="AA13955">
        <v>7</v>
      </c>
      <c r="AB13955">
        <v>7</v>
      </c>
      <c r="AC13955">
        <v>7</v>
      </c>
      <c r="AD13955">
        <v>7</v>
      </c>
      <c r="AE13955">
        <v>7</v>
      </c>
      <c r="AF13955">
        <v>7</v>
      </c>
      <c r="AG13955">
        <v>7</v>
      </c>
      <c r="AH13955">
        <v>7</v>
      </c>
      <c r="AI13955">
        <v>7</v>
      </c>
      <c r="AJ13955">
        <v>7</v>
      </c>
      <c r="AK13955">
        <v>7</v>
      </c>
      <c r="AL13955">
        <v>7</v>
      </c>
      <c r="AM13955">
        <v>7</v>
      </c>
      <c r="AN13955">
        <v>7</v>
      </c>
      <c r="AO13955">
        <v>7</v>
      </c>
      <c r="AP13955">
        <v>7</v>
      </c>
      <c r="AQ13955">
        <v>7</v>
      </c>
    </row>
    <row r="13956" spans="1:43">
      <c r="A13956" t="s">
        <v>8658</v>
      </c>
      <c r="B13956" t="s">
        <v>8659</v>
      </c>
      <c r="C13956" t="s">
        <v>8650</v>
      </c>
      <c r="D13956" t="s">
        <v>8651</v>
      </c>
      <c r="E13956" t="s">
        <v>8652</v>
      </c>
      <c r="F13956" t="s">
        <v>8653</v>
      </c>
      <c r="G13956" t="s">
        <v>80</v>
      </c>
      <c r="H13956" t="s">
        <v>81</v>
      </c>
      <c r="I13956" s="2">
        <v>0</v>
      </c>
      <c r="J13956" s="2">
        <v>0</v>
      </c>
      <c r="K13956" s="2">
        <v>1</v>
      </c>
      <c r="L13956" t="s">
        <v>995</v>
      </c>
      <c r="M13956" t="s">
        <v>89</v>
      </c>
      <c r="N13956" t="s">
        <v>90</v>
      </c>
      <c r="O13956" t="s">
        <v>85</v>
      </c>
      <c r="P13956" t="s">
        <v>86</v>
      </c>
      <c r="Q13956">
        <v>7</v>
      </c>
      <c r="R13956">
        <v>7</v>
      </c>
      <c r="S13956">
        <v>8</v>
      </c>
      <c r="T13956">
        <v>8</v>
      </c>
      <c r="U13956">
        <v>8</v>
      </c>
      <c r="V13956">
        <v>8</v>
      </c>
      <c r="W13956">
        <v>8</v>
      </c>
      <c r="X13956">
        <v>8</v>
      </c>
      <c r="Y13956">
        <v>8</v>
      </c>
      <c r="Z13956">
        <v>8</v>
      </c>
      <c r="AA13956">
        <v>8</v>
      </c>
      <c r="AB13956">
        <v>8</v>
      </c>
      <c r="AC13956">
        <v>8</v>
      </c>
      <c r="AD13956">
        <v>8</v>
      </c>
      <c r="AE13956">
        <v>8</v>
      </c>
      <c r="AF13956">
        <v>8</v>
      </c>
      <c r="AG13956">
        <v>8</v>
      </c>
      <c r="AH13956">
        <v>8</v>
      </c>
      <c r="AI13956">
        <v>8</v>
      </c>
      <c r="AJ13956">
        <v>8</v>
      </c>
      <c r="AK13956">
        <v>8</v>
      </c>
      <c r="AL13956">
        <v>8</v>
      </c>
      <c r="AM13956">
        <v>8</v>
      </c>
      <c r="AN13956">
        <v>8</v>
      </c>
      <c r="AO13956">
        <v>8</v>
      </c>
      <c r="AP13956">
        <v>8</v>
      </c>
      <c r="AQ13956">
        <v>8</v>
      </c>
    </row>
    <row r="13957" spans="1:43">
      <c r="A13957" t="s">
        <v>8658</v>
      </c>
      <c r="B13957" t="s">
        <v>8659</v>
      </c>
      <c r="C13957" t="s">
        <v>8650</v>
      </c>
      <c r="D13957" t="s">
        <v>8651</v>
      </c>
      <c r="E13957" t="s">
        <v>8652</v>
      </c>
      <c r="F13957" t="s">
        <v>8653</v>
      </c>
      <c r="G13957" t="s">
        <v>80</v>
      </c>
      <c r="H13957" t="s">
        <v>81</v>
      </c>
      <c r="I13957" s="2">
        <v>0</v>
      </c>
      <c r="J13957" s="2">
        <v>0</v>
      </c>
      <c r="K13957" s="2">
        <v>1</v>
      </c>
      <c r="L13957" t="s">
        <v>995</v>
      </c>
      <c r="M13957" t="s">
        <v>83</v>
      </c>
      <c r="N13957" t="s">
        <v>91</v>
      </c>
      <c r="O13957" t="s">
        <v>85</v>
      </c>
      <c r="P13957" t="s">
        <v>86</v>
      </c>
      <c r="Q13957">
        <v>7</v>
      </c>
      <c r="R13957">
        <v>7</v>
      </c>
      <c r="S13957">
        <v>7</v>
      </c>
      <c r="T13957">
        <v>7</v>
      </c>
      <c r="U13957">
        <v>7</v>
      </c>
      <c r="V13957">
        <v>7</v>
      </c>
      <c r="W13957">
        <v>8</v>
      </c>
      <c r="X13957">
        <v>8</v>
      </c>
      <c r="Y13957">
        <v>8</v>
      </c>
      <c r="Z13957">
        <v>8</v>
      </c>
      <c r="AA13957">
        <v>8</v>
      </c>
      <c r="AB13957">
        <v>8</v>
      </c>
      <c r="AC13957">
        <v>8</v>
      </c>
      <c r="AD13957">
        <v>8</v>
      </c>
      <c r="AE13957">
        <v>8</v>
      </c>
      <c r="AF13957">
        <v>8</v>
      </c>
      <c r="AG13957">
        <v>8</v>
      </c>
      <c r="AH13957">
        <v>8</v>
      </c>
      <c r="AI13957">
        <v>8</v>
      </c>
      <c r="AJ13957">
        <v>8</v>
      </c>
      <c r="AK13957">
        <v>8</v>
      </c>
      <c r="AL13957">
        <v>8</v>
      </c>
      <c r="AM13957">
        <v>8</v>
      </c>
      <c r="AN13957">
        <v>8</v>
      </c>
      <c r="AO13957">
        <v>8</v>
      </c>
      <c r="AP13957">
        <v>8</v>
      </c>
      <c r="AQ13957">
        <v>7</v>
      </c>
    </row>
    <row r="13958" spans="1:43">
      <c r="A13958" t="s">
        <v>8660</v>
      </c>
      <c r="B13958" t="s">
        <v>8661</v>
      </c>
      <c r="C13958" t="s">
        <v>8650</v>
      </c>
      <c r="D13958" t="s">
        <v>8651</v>
      </c>
      <c r="E13958" t="s">
        <v>8652</v>
      </c>
      <c r="F13958" t="s">
        <v>8653</v>
      </c>
      <c r="G13958" t="s">
        <v>80</v>
      </c>
      <c r="H13958" t="s">
        <v>81</v>
      </c>
      <c r="I13958" s="2">
        <v>0</v>
      </c>
      <c r="J13958" s="2">
        <v>0</v>
      </c>
      <c r="K13958" s="2">
        <v>1</v>
      </c>
      <c r="L13958" t="s">
        <v>995</v>
      </c>
      <c r="M13958" t="s">
        <v>83</v>
      </c>
      <c r="N13958" t="s">
        <v>84</v>
      </c>
      <c r="O13958" t="s">
        <v>85</v>
      </c>
      <c r="P13958" t="s">
        <v>86</v>
      </c>
      <c r="Q13958">
        <v>19</v>
      </c>
      <c r="R13958">
        <v>19</v>
      </c>
      <c r="S13958">
        <v>19</v>
      </c>
      <c r="T13958">
        <v>19</v>
      </c>
      <c r="U13958">
        <v>19</v>
      </c>
      <c r="V13958">
        <v>19</v>
      </c>
      <c r="W13958">
        <v>19</v>
      </c>
      <c r="X13958">
        <v>19</v>
      </c>
      <c r="Y13958">
        <v>19</v>
      </c>
      <c r="Z13958">
        <v>20</v>
      </c>
      <c r="AA13958">
        <v>20</v>
      </c>
      <c r="AB13958">
        <v>20</v>
      </c>
      <c r="AC13958">
        <v>20</v>
      </c>
      <c r="AD13958">
        <v>20</v>
      </c>
      <c r="AE13958">
        <v>20</v>
      </c>
      <c r="AF13958">
        <v>20</v>
      </c>
      <c r="AG13958">
        <v>20</v>
      </c>
      <c r="AH13958">
        <v>20</v>
      </c>
      <c r="AI13958">
        <v>20</v>
      </c>
      <c r="AJ13958">
        <v>20</v>
      </c>
      <c r="AK13958">
        <v>20</v>
      </c>
      <c r="AL13958">
        <v>20</v>
      </c>
      <c r="AM13958">
        <v>20</v>
      </c>
      <c r="AN13958">
        <v>20</v>
      </c>
      <c r="AO13958">
        <v>20</v>
      </c>
      <c r="AP13958">
        <v>19</v>
      </c>
      <c r="AQ13958">
        <v>19</v>
      </c>
    </row>
    <row r="13959" spans="1:43">
      <c r="A13959" t="s">
        <v>8660</v>
      </c>
      <c r="B13959" t="s">
        <v>8661</v>
      </c>
      <c r="C13959" t="s">
        <v>8650</v>
      </c>
      <c r="D13959" t="s">
        <v>8651</v>
      </c>
      <c r="E13959" t="s">
        <v>8652</v>
      </c>
      <c r="F13959" t="s">
        <v>8653</v>
      </c>
      <c r="G13959" t="s">
        <v>80</v>
      </c>
      <c r="H13959" t="s">
        <v>81</v>
      </c>
      <c r="I13959" s="2">
        <v>0</v>
      </c>
      <c r="J13959" s="2">
        <v>0</v>
      </c>
      <c r="K13959" s="2">
        <v>1</v>
      </c>
      <c r="L13959" t="s">
        <v>995</v>
      </c>
      <c r="M13959" t="s">
        <v>87</v>
      </c>
      <c r="N13959" t="s">
        <v>88</v>
      </c>
      <c r="O13959" t="s">
        <v>85</v>
      </c>
      <c r="P13959" t="s">
        <v>86</v>
      </c>
      <c r="Q13959">
        <v>19</v>
      </c>
      <c r="R13959">
        <v>19</v>
      </c>
      <c r="S13959">
        <v>19</v>
      </c>
      <c r="T13959">
        <v>18</v>
      </c>
      <c r="U13959">
        <v>18</v>
      </c>
      <c r="V13959">
        <v>18</v>
      </c>
      <c r="W13959">
        <v>18</v>
      </c>
      <c r="X13959">
        <v>18</v>
      </c>
      <c r="Y13959">
        <v>18</v>
      </c>
      <c r="Z13959">
        <v>18</v>
      </c>
      <c r="AA13959">
        <v>18</v>
      </c>
      <c r="AB13959">
        <v>18</v>
      </c>
      <c r="AC13959">
        <v>18</v>
      </c>
      <c r="AD13959">
        <v>18</v>
      </c>
      <c r="AE13959">
        <v>18</v>
      </c>
      <c r="AF13959">
        <v>17</v>
      </c>
      <c r="AG13959">
        <v>17</v>
      </c>
      <c r="AH13959">
        <v>17</v>
      </c>
      <c r="AI13959">
        <v>17</v>
      </c>
      <c r="AJ13959">
        <v>17</v>
      </c>
      <c r="AK13959">
        <v>17</v>
      </c>
      <c r="AL13959">
        <v>17</v>
      </c>
      <c r="AM13959">
        <v>17</v>
      </c>
      <c r="AN13959">
        <v>17</v>
      </c>
      <c r="AO13959">
        <v>17</v>
      </c>
      <c r="AP13959">
        <v>17</v>
      </c>
      <c r="AQ13959">
        <v>17</v>
      </c>
    </row>
    <row r="13960" spans="1:43">
      <c r="A13960" t="s">
        <v>8660</v>
      </c>
      <c r="B13960" t="s">
        <v>8661</v>
      </c>
      <c r="C13960" t="s">
        <v>8650</v>
      </c>
      <c r="D13960" t="s">
        <v>8651</v>
      </c>
      <c r="E13960" t="s">
        <v>8652</v>
      </c>
      <c r="F13960" t="s">
        <v>8653</v>
      </c>
      <c r="G13960" t="s">
        <v>80</v>
      </c>
      <c r="H13960" t="s">
        <v>81</v>
      </c>
      <c r="I13960" s="2">
        <v>0</v>
      </c>
      <c r="J13960" s="2">
        <v>0</v>
      </c>
      <c r="K13960" s="2">
        <v>1</v>
      </c>
      <c r="L13960" t="s">
        <v>995</v>
      </c>
      <c r="M13960" t="s">
        <v>89</v>
      </c>
      <c r="N13960" t="s">
        <v>90</v>
      </c>
      <c r="O13960" t="s">
        <v>85</v>
      </c>
      <c r="P13960" t="s">
        <v>86</v>
      </c>
      <c r="Q13960">
        <v>19</v>
      </c>
      <c r="R13960">
        <v>19</v>
      </c>
      <c r="S13960">
        <v>20</v>
      </c>
      <c r="T13960">
        <v>20</v>
      </c>
      <c r="U13960">
        <v>20</v>
      </c>
      <c r="V13960">
        <v>20</v>
      </c>
      <c r="W13960">
        <v>20</v>
      </c>
      <c r="X13960">
        <v>20</v>
      </c>
      <c r="Y13960">
        <v>21</v>
      </c>
      <c r="Z13960">
        <v>21</v>
      </c>
      <c r="AA13960">
        <v>21</v>
      </c>
      <c r="AB13960">
        <v>21</v>
      </c>
      <c r="AC13960">
        <v>21</v>
      </c>
      <c r="AD13960">
        <v>21</v>
      </c>
      <c r="AE13960">
        <v>21</v>
      </c>
      <c r="AF13960">
        <v>21</v>
      </c>
      <c r="AG13960">
        <v>21</v>
      </c>
      <c r="AH13960">
        <v>21</v>
      </c>
      <c r="AI13960">
        <v>21</v>
      </c>
      <c r="AJ13960">
        <v>21</v>
      </c>
      <c r="AK13960">
        <v>20</v>
      </c>
      <c r="AL13960">
        <v>20</v>
      </c>
      <c r="AM13960">
        <v>20</v>
      </c>
      <c r="AN13960">
        <v>20</v>
      </c>
      <c r="AO13960">
        <v>20</v>
      </c>
      <c r="AP13960">
        <v>20</v>
      </c>
      <c r="AQ13960">
        <v>20</v>
      </c>
    </row>
    <row r="13961" spans="1:43">
      <c r="A13961" t="s">
        <v>8660</v>
      </c>
      <c r="B13961" t="s">
        <v>8661</v>
      </c>
      <c r="C13961" t="s">
        <v>8650</v>
      </c>
      <c r="D13961" t="s">
        <v>8651</v>
      </c>
      <c r="E13961" t="s">
        <v>8652</v>
      </c>
      <c r="F13961" t="s">
        <v>8653</v>
      </c>
      <c r="G13961" t="s">
        <v>80</v>
      </c>
      <c r="H13961" t="s">
        <v>81</v>
      </c>
      <c r="I13961" s="2">
        <v>0</v>
      </c>
      <c r="J13961" s="2">
        <v>0</v>
      </c>
      <c r="K13961" s="2">
        <v>1</v>
      </c>
      <c r="L13961" t="s">
        <v>995</v>
      </c>
      <c r="M13961" t="s">
        <v>83</v>
      </c>
      <c r="N13961" t="s">
        <v>91</v>
      </c>
      <c r="O13961" t="s">
        <v>85</v>
      </c>
      <c r="P13961" t="s">
        <v>86</v>
      </c>
      <c r="Q13961">
        <v>19</v>
      </c>
      <c r="R13961">
        <v>19</v>
      </c>
      <c r="S13961">
        <v>19</v>
      </c>
      <c r="T13961">
        <v>19</v>
      </c>
      <c r="U13961">
        <v>19</v>
      </c>
      <c r="V13961">
        <v>19</v>
      </c>
      <c r="W13961">
        <v>19</v>
      </c>
      <c r="X13961">
        <v>19</v>
      </c>
      <c r="Y13961">
        <v>19</v>
      </c>
      <c r="Z13961">
        <v>20</v>
      </c>
      <c r="AA13961">
        <v>20</v>
      </c>
      <c r="AB13961">
        <v>20</v>
      </c>
      <c r="AC13961">
        <v>20</v>
      </c>
      <c r="AD13961">
        <v>20</v>
      </c>
      <c r="AE13961">
        <v>20</v>
      </c>
      <c r="AF13961">
        <v>20</v>
      </c>
      <c r="AG13961">
        <v>20</v>
      </c>
      <c r="AH13961">
        <v>20</v>
      </c>
      <c r="AI13961">
        <v>20</v>
      </c>
      <c r="AJ13961">
        <v>20</v>
      </c>
      <c r="AK13961">
        <v>20</v>
      </c>
      <c r="AL13961">
        <v>20</v>
      </c>
      <c r="AM13961">
        <v>20</v>
      </c>
      <c r="AN13961">
        <v>20</v>
      </c>
      <c r="AO13961">
        <v>20</v>
      </c>
      <c r="AP13961">
        <v>19</v>
      </c>
      <c r="AQ13961">
        <v>19</v>
      </c>
    </row>
    <row r="13962" spans="1:43">
      <c r="A13962" t="s">
        <v>8662</v>
      </c>
      <c r="B13962" t="s">
        <v>8663</v>
      </c>
      <c r="C13962" t="s">
        <v>8650</v>
      </c>
      <c r="D13962" t="s">
        <v>8651</v>
      </c>
      <c r="E13962" t="s">
        <v>8652</v>
      </c>
      <c r="F13962" t="s">
        <v>8653</v>
      </c>
      <c r="G13962" t="s">
        <v>80</v>
      </c>
      <c r="H13962" t="s">
        <v>81</v>
      </c>
      <c r="I13962" s="2">
        <v>0</v>
      </c>
      <c r="J13962" s="2">
        <v>0</v>
      </c>
      <c r="K13962" s="2">
        <v>1</v>
      </c>
      <c r="L13962" t="s">
        <v>995</v>
      </c>
      <c r="M13962" t="s">
        <v>83</v>
      </c>
      <c r="N13962" t="s">
        <v>84</v>
      </c>
      <c r="O13962" t="s">
        <v>85</v>
      </c>
      <c r="P13962" t="s">
        <v>86</v>
      </c>
      <c r="Q13962">
        <v>14</v>
      </c>
      <c r="R13962">
        <v>14</v>
      </c>
      <c r="S13962">
        <v>14</v>
      </c>
      <c r="T13962">
        <v>14</v>
      </c>
      <c r="U13962">
        <v>14</v>
      </c>
      <c r="V13962">
        <v>14</v>
      </c>
      <c r="W13962">
        <v>14</v>
      </c>
      <c r="X13962">
        <v>14</v>
      </c>
      <c r="Y13962">
        <v>14</v>
      </c>
      <c r="Z13962">
        <v>14</v>
      </c>
      <c r="AA13962">
        <v>14</v>
      </c>
      <c r="AB13962">
        <v>14</v>
      </c>
      <c r="AC13962">
        <v>14</v>
      </c>
      <c r="AD13962">
        <v>14</v>
      </c>
      <c r="AE13962">
        <v>14</v>
      </c>
      <c r="AF13962">
        <v>14</v>
      </c>
      <c r="AG13962">
        <v>14</v>
      </c>
      <c r="AH13962">
        <v>14</v>
      </c>
      <c r="AI13962">
        <v>14</v>
      </c>
      <c r="AJ13962">
        <v>14</v>
      </c>
      <c r="AK13962">
        <v>14</v>
      </c>
      <c r="AL13962">
        <v>14</v>
      </c>
      <c r="AM13962">
        <v>14</v>
      </c>
      <c r="AN13962">
        <v>14</v>
      </c>
      <c r="AO13962">
        <v>14</v>
      </c>
      <c r="AP13962">
        <v>14</v>
      </c>
      <c r="AQ13962">
        <v>14</v>
      </c>
    </row>
    <row r="13963" spans="1:43">
      <c r="A13963" t="s">
        <v>8662</v>
      </c>
      <c r="B13963" t="s">
        <v>8663</v>
      </c>
      <c r="C13963" t="s">
        <v>8650</v>
      </c>
      <c r="D13963" t="s">
        <v>8651</v>
      </c>
      <c r="E13963" t="s">
        <v>8652</v>
      </c>
      <c r="F13963" t="s">
        <v>8653</v>
      </c>
      <c r="G13963" t="s">
        <v>80</v>
      </c>
      <c r="H13963" t="s">
        <v>81</v>
      </c>
      <c r="I13963" s="2">
        <v>0</v>
      </c>
      <c r="J13963" s="2">
        <v>0</v>
      </c>
      <c r="K13963" s="2">
        <v>1</v>
      </c>
      <c r="L13963" t="s">
        <v>995</v>
      </c>
      <c r="M13963" t="s">
        <v>87</v>
      </c>
      <c r="N13963" t="s">
        <v>88</v>
      </c>
      <c r="O13963" t="s">
        <v>85</v>
      </c>
      <c r="P13963" t="s">
        <v>86</v>
      </c>
      <c r="Q13963">
        <v>14</v>
      </c>
      <c r="R13963">
        <v>14</v>
      </c>
      <c r="S13963">
        <v>14</v>
      </c>
      <c r="T13963">
        <v>14</v>
      </c>
      <c r="U13963">
        <v>14</v>
      </c>
      <c r="V13963">
        <v>14</v>
      </c>
      <c r="W13963">
        <v>14</v>
      </c>
      <c r="X13963">
        <v>14</v>
      </c>
      <c r="Y13963">
        <v>14</v>
      </c>
      <c r="Z13963">
        <v>14</v>
      </c>
      <c r="AA13963">
        <v>14</v>
      </c>
      <c r="AB13963">
        <v>14</v>
      </c>
      <c r="AC13963">
        <v>14</v>
      </c>
      <c r="AD13963">
        <v>14</v>
      </c>
      <c r="AE13963">
        <v>14</v>
      </c>
      <c r="AF13963">
        <v>14</v>
      </c>
      <c r="AG13963">
        <v>14</v>
      </c>
      <c r="AH13963">
        <v>14</v>
      </c>
      <c r="AI13963">
        <v>13</v>
      </c>
      <c r="AJ13963">
        <v>13</v>
      </c>
      <c r="AK13963">
        <v>13</v>
      </c>
      <c r="AL13963">
        <v>13</v>
      </c>
      <c r="AM13963">
        <v>13</v>
      </c>
      <c r="AN13963">
        <v>13</v>
      </c>
      <c r="AO13963">
        <v>13</v>
      </c>
      <c r="AP13963">
        <v>13</v>
      </c>
      <c r="AQ13963">
        <v>13</v>
      </c>
    </row>
    <row r="13964" spans="1:43">
      <c r="A13964" t="s">
        <v>8662</v>
      </c>
      <c r="B13964" t="s">
        <v>8663</v>
      </c>
      <c r="C13964" t="s">
        <v>8650</v>
      </c>
      <c r="D13964" t="s">
        <v>8651</v>
      </c>
      <c r="E13964" t="s">
        <v>8652</v>
      </c>
      <c r="F13964" t="s">
        <v>8653</v>
      </c>
      <c r="G13964" t="s">
        <v>80</v>
      </c>
      <c r="H13964" t="s">
        <v>81</v>
      </c>
      <c r="I13964" s="2">
        <v>0</v>
      </c>
      <c r="J13964" s="2">
        <v>0</v>
      </c>
      <c r="K13964" s="2">
        <v>1</v>
      </c>
      <c r="L13964" t="s">
        <v>995</v>
      </c>
      <c r="M13964" t="s">
        <v>89</v>
      </c>
      <c r="N13964" t="s">
        <v>90</v>
      </c>
      <c r="O13964" t="s">
        <v>85</v>
      </c>
      <c r="P13964" t="s">
        <v>86</v>
      </c>
      <c r="Q13964">
        <v>14</v>
      </c>
      <c r="R13964">
        <v>14</v>
      </c>
      <c r="S13964">
        <v>14</v>
      </c>
      <c r="T13964">
        <v>14</v>
      </c>
      <c r="U13964">
        <v>14</v>
      </c>
      <c r="V13964">
        <v>15</v>
      </c>
      <c r="W13964">
        <v>15</v>
      </c>
      <c r="X13964">
        <v>15</v>
      </c>
      <c r="Y13964">
        <v>15</v>
      </c>
      <c r="Z13964">
        <v>15</v>
      </c>
      <c r="AA13964">
        <v>15</v>
      </c>
      <c r="AB13964">
        <v>15</v>
      </c>
      <c r="AC13964">
        <v>15</v>
      </c>
      <c r="AD13964">
        <v>15</v>
      </c>
      <c r="AE13964">
        <v>15</v>
      </c>
      <c r="AF13964">
        <v>15</v>
      </c>
      <c r="AG13964">
        <v>15</v>
      </c>
      <c r="AH13964">
        <v>15</v>
      </c>
      <c r="AI13964">
        <v>15</v>
      </c>
      <c r="AJ13964">
        <v>15</v>
      </c>
      <c r="AK13964">
        <v>15</v>
      </c>
      <c r="AL13964">
        <v>14</v>
      </c>
      <c r="AM13964">
        <v>14</v>
      </c>
      <c r="AN13964">
        <v>14</v>
      </c>
      <c r="AO13964">
        <v>14</v>
      </c>
      <c r="AP13964">
        <v>14</v>
      </c>
      <c r="AQ13964">
        <v>14</v>
      </c>
    </row>
    <row r="13965" spans="1:43">
      <c r="A13965" t="s">
        <v>8662</v>
      </c>
      <c r="B13965" t="s">
        <v>8663</v>
      </c>
      <c r="C13965" t="s">
        <v>8650</v>
      </c>
      <c r="D13965" t="s">
        <v>8651</v>
      </c>
      <c r="E13965" t="s">
        <v>8652</v>
      </c>
      <c r="F13965" t="s">
        <v>8653</v>
      </c>
      <c r="G13965" t="s">
        <v>80</v>
      </c>
      <c r="H13965" t="s">
        <v>81</v>
      </c>
      <c r="I13965" s="2">
        <v>0</v>
      </c>
      <c r="J13965" s="2">
        <v>0</v>
      </c>
      <c r="K13965" s="2">
        <v>1</v>
      </c>
      <c r="L13965" t="s">
        <v>995</v>
      </c>
      <c r="M13965" t="s">
        <v>83</v>
      </c>
      <c r="N13965" t="s">
        <v>91</v>
      </c>
      <c r="O13965" t="s">
        <v>85</v>
      </c>
      <c r="P13965" t="s">
        <v>86</v>
      </c>
      <c r="Q13965">
        <v>14</v>
      </c>
      <c r="R13965">
        <v>14</v>
      </c>
      <c r="S13965">
        <v>14</v>
      </c>
      <c r="T13965">
        <v>14</v>
      </c>
      <c r="U13965">
        <v>14</v>
      </c>
      <c r="V13965">
        <v>14</v>
      </c>
      <c r="W13965">
        <v>14</v>
      </c>
      <c r="X13965">
        <v>14</v>
      </c>
      <c r="Y13965">
        <v>14</v>
      </c>
      <c r="Z13965">
        <v>14</v>
      </c>
      <c r="AA13965">
        <v>14</v>
      </c>
      <c r="AB13965">
        <v>14</v>
      </c>
      <c r="AC13965">
        <v>14</v>
      </c>
      <c r="AD13965">
        <v>14</v>
      </c>
      <c r="AE13965">
        <v>14</v>
      </c>
      <c r="AF13965">
        <v>14</v>
      </c>
      <c r="AG13965">
        <v>14</v>
      </c>
      <c r="AH13965">
        <v>14</v>
      </c>
      <c r="AI13965">
        <v>14</v>
      </c>
      <c r="AJ13965">
        <v>14</v>
      </c>
      <c r="AK13965">
        <v>14</v>
      </c>
      <c r="AL13965">
        <v>14</v>
      </c>
      <c r="AM13965">
        <v>14</v>
      </c>
      <c r="AN13965">
        <v>14</v>
      </c>
      <c r="AO13965">
        <v>14</v>
      </c>
      <c r="AP13965">
        <v>14</v>
      </c>
      <c r="AQ13965">
        <v>14</v>
      </c>
    </row>
    <row r="13966" spans="1:43">
      <c r="A13966" t="s">
        <v>8664</v>
      </c>
      <c r="B13966" t="s">
        <v>8665</v>
      </c>
      <c r="C13966" t="s">
        <v>8650</v>
      </c>
      <c r="D13966" t="s">
        <v>8651</v>
      </c>
      <c r="E13966" t="s">
        <v>8652</v>
      </c>
      <c r="F13966" t="s">
        <v>8653</v>
      </c>
      <c r="G13966" t="s">
        <v>80</v>
      </c>
      <c r="H13966" t="s">
        <v>81</v>
      </c>
      <c r="I13966" s="2">
        <v>0</v>
      </c>
      <c r="J13966" s="2">
        <v>0</v>
      </c>
      <c r="K13966" s="2">
        <v>1</v>
      </c>
      <c r="L13966" t="s">
        <v>995</v>
      </c>
      <c r="M13966" t="s">
        <v>83</v>
      </c>
      <c r="N13966" t="s">
        <v>84</v>
      </c>
      <c r="O13966" t="s">
        <v>85</v>
      </c>
      <c r="P13966" t="s">
        <v>86</v>
      </c>
      <c r="Q13966">
        <v>5</v>
      </c>
      <c r="R13966">
        <v>5</v>
      </c>
      <c r="S13966">
        <v>5</v>
      </c>
      <c r="T13966">
        <v>5</v>
      </c>
      <c r="U13966">
        <v>5</v>
      </c>
      <c r="V13966">
        <v>5</v>
      </c>
      <c r="W13966">
        <v>5</v>
      </c>
      <c r="X13966">
        <v>5</v>
      </c>
      <c r="Y13966">
        <v>5</v>
      </c>
      <c r="Z13966">
        <v>5</v>
      </c>
      <c r="AA13966">
        <v>5</v>
      </c>
      <c r="AB13966">
        <v>5</v>
      </c>
      <c r="AC13966">
        <v>5</v>
      </c>
      <c r="AD13966">
        <v>5</v>
      </c>
      <c r="AE13966">
        <v>5</v>
      </c>
      <c r="AF13966">
        <v>5</v>
      </c>
      <c r="AG13966">
        <v>5</v>
      </c>
      <c r="AH13966">
        <v>5</v>
      </c>
      <c r="AI13966">
        <v>5</v>
      </c>
      <c r="AJ13966">
        <v>5</v>
      </c>
      <c r="AK13966">
        <v>5</v>
      </c>
      <c r="AL13966">
        <v>5</v>
      </c>
      <c r="AM13966">
        <v>5</v>
      </c>
      <c r="AN13966">
        <v>5</v>
      </c>
      <c r="AO13966">
        <v>5</v>
      </c>
      <c r="AP13966">
        <v>5</v>
      </c>
      <c r="AQ13966">
        <v>5</v>
      </c>
    </row>
    <row r="13967" spans="1:43">
      <c r="A13967" t="s">
        <v>8664</v>
      </c>
      <c r="B13967" t="s">
        <v>8665</v>
      </c>
      <c r="C13967" t="s">
        <v>8650</v>
      </c>
      <c r="D13967" t="s">
        <v>8651</v>
      </c>
      <c r="E13967" t="s">
        <v>8652</v>
      </c>
      <c r="F13967" t="s">
        <v>8653</v>
      </c>
      <c r="G13967" t="s">
        <v>80</v>
      </c>
      <c r="H13967" t="s">
        <v>81</v>
      </c>
      <c r="I13967" s="2">
        <v>0</v>
      </c>
      <c r="J13967" s="2">
        <v>0</v>
      </c>
      <c r="K13967" s="2">
        <v>1</v>
      </c>
      <c r="L13967" t="s">
        <v>995</v>
      </c>
      <c r="M13967" t="s">
        <v>87</v>
      </c>
      <c r="N13967" t="s">
        <v>88</v>
      </c>
      <c r="O13967" t="s">
        <v>85</v>
      </c>
      <c r="P13967" t="s">
        <v>86</v>
      </c>
      <c r="Q13967">
        <v>5</v>
      </c>
      <c r="R13967">
        <v>5</v>
      </c>
      <c r="S13967">
        <v>5</v>
      </c>
      <c r="T13967">
        <v>5</v>
      </c>
      <c r="U13967">
        <v>5</v>
      </c>
      <c r="V13967">
        <v>5</v>
      </c>
      <c r="W13967">
        <v>5</v>
      </c>
      <c r="X13967">
        <v>5</v>
      </c>
      <c r="Y13967">
        <v>5</v>
      </c>
      <c r="Z13967">
        <v>4</v>
      </c>
      <c r="AA13967">
        <v>4</v>
      </c>
      <c r="AB13967">
        <v>4</v>
      </c>
      <c r="AC13967">
        <v>4</v>
      </c>
      <c r="AD13967">
        <v>4</v>
      </c>
      <c r="AE13967">
        <v>4</v>
      </c>
      <c r="AF13967">
        <v>4</v>
      </c>
      <c r="AG13967">
        <v>4</v>
      </c>
      <c r="AH13967">
        <v>4</v>
      </c>
      <c r="AI13967">
        <v>4</v>
      </c>
      <c r="AJ13967">
        <v>4</v>
      </c>
      <c r="AK13967">
        <v>4</v>
      </c>
      <c r="AL13967">
        <v>4</v>
      </c>
      <c r="AM13967">
        <v>4</v>
      </c>
      <c r="AN13967">
        <v>4</v>
      </c>
      <c r="AO13967">
        <v>4</v>
      </c>
      <c r="AP13967">
        <v>4</v>
      </c>
      <c r="AQ13967">
        <v>4</v>
      </c>
    </row>
    <row r="13968" spans="1:43">
      <c r="A13968" t="s">
        <v>8664</v>
      </c>
      <c r="B13968" t="s">
        <v>8665</v>
      </c>
      <c r="C13968" t="s">
        <v>8650</v>
      </c>
      <c r="D13968" t="s">
        <v>8651</v>
      </c>
      <c r="E13968" t="s">
        <v>8652</v>
      </c>
      <c r="F13968" t="s">
        <v>8653</v>
      </c>
      <c r="G13968" t="s">
        <v>80</v>
      </c>
      <c r="H13968" t="s">
        <v>81</v>
      </c>
      <c r="I13968" s="2">
        <v>0</v>
      </c>
      <c r="J13968" s="2">
        <v>0</v>
      </c>
      <c r="K13968" s="2">
        <v>1</v>
      </c>
      <c r="L13968" t="s">
        <v>995</v>
      </c>
      <c r="M13968" t="s">
        <v>89</v>
      </c>
      <c r="N13968" t="s">
        <v>90</v>
      </c>
      <c r="O13968" t="s">
        <v>85</v>
      </c>
      <c r="P13968" t="s">
        <v>86</v>
      </c>
      <c r="Q13968">
        <v>5</v>
      </c>
      <c r="R13968">
        <v>5</v>
      </c>
      <c r="S13968">
        <v>5</v>
      </c>
      <c r="T13968">
        <v>5</v>
      </c>
      <c r="U13968">
        <v>5</v>
      </c>
      <c r="V13968">
        <v>5</v>
      </c>
      <c r="W13968">
        <v>5</v>
      </c>
      <c r="X13968">
        <v>5</v>
      </c>
      <c r="Y13968">
        <v>5</v>
      </c>
      <c r="Z13968">
        <v>5</v>
      </c>
      <c r="AA13968">
        <v>5</v>
      </c>
      <c r="AB13968">
        <v>5</v>
      </c>
      <c r="AC13968">
        <v>5</v>
      </c>
      <c r="AD13968">
        <v>5</v>
      </c>
      <c r="AE13968">
        <v>5</v>
      </c>
      <c r="AF13968">
        <v>5</v>
      </c>
      <c r="AG13968">
        <v>5</v>
      </c>
      <c r="AH13968">
        <v>5</v>
      </c>
      <c r="AI13968">
        <v>5</v>
      </c>
      <c r="AJ13968">
        <v>5</v>
      </c>
      <c r="AK13968">
        <v>5</v>
      </c>
      <c r="AL13968">
        <v>5</v>
      </c>
      <c r="AM13968">
        <v>5</v>
      </c>
      <c r="AN13968">
        <v>5</v>
      </c>
      <c r="AO13968">
        <v>5</v>
      </c>
      <c r="AP13968">
        <v>5</v>
      </c>
      <c r="AQ13968">
        <v>5</v>
      </c>
    </row>
    <row r="13969" spans="1:43">
      <c r="A13969" t="s">
        <v>8664</v>
      </c>
      <c r="B13969" t="s">
        <v>8665</v>
      </c>
      <c r="C13969" t="s">
        <v>8650</v>
      </c>
      <c r="D13969" t="s">
        <v>8651</v>
      </c>
      <c r="E13969" t="s">
        <v>8652</v>
      </c>
      <c r="F13969" t="s">
        <v>8653</v>
      </c>
      <c r="G13969" t="s">
        <v>80</v>
      </c>
      <c r="H13969" t="s">
        <v>81</v>
      </c>
      <c r="I13969" s="2">
        <v>0</v>
      </c>
      <c r="J13969" s="2">
        <v>0</v>
      </c>
      <c r="K13969" s="2">
        <v>1</v>
      </c>
      <c r="L13969" t="s">
        <v>995</v>
      </c>
      <c r="M13969" t="s">
        <v>83</v>
      </c>
      <c r="N13969" t="s">
        <v>91</v>
      </c>
      <c r="O13969" t="s">
        <v>85</v>
      </c>
      <c r="P13969" t="s">
        <v>86</v>
      </c>
      <c r="Q13969">
        <v>5</v>
      </c>
      <c r="R13969">
        <v>5</v>
      </c>
      <c r="S13969">
        <v>5</v>
      </c>
      <c r="T13969">
        <v>5</v>
      </c>
      <c r="U13969">
        <v>5</v>
      </c>
      <c r="V13969">
        <v>5</v>
      </c>
      <c r="W13969">
        <v>5</v>
      </c>
      <c r="X13969">
        <v>5</v>
      </c>
      <c r="Y13969">
        <v>5</v>
      </c>
      <c r="Z13969">
        <v>5</v>
      </c>
      <c r="AA13969">
        <v>5</v>
      </c>
      <c r="AB13969">
        <v>5</v>
      </c>
      <c r="AC13969">
        <v>5</v>
      </c>
      <c r="AD13969">
        <v>5</v>
      </c>
      <c r="AE13969">
        <v>5</v>
      </c>
      <c r="AF13969">
        <v>5</v>
      </c>
      <c r="AG13969">
        <v>5</v>
      </c>
      <c r="AH13969">
        <v>5</v>
      </c>
      <c r="AI13969">
        <v>5</v>
      </c>
      <c r="AJ13969">
        <v>5</v>
      </c>
      <c r="AK13969">
        <v>5</v>
      </c>
      <c r="AL13969">
        <v>5</v>
      </c>
      <c r="AM13969">
        <v>5</v>
      </c>
      <c r="AN13969">
        <v>5</v>
      </c>
      <c r="AO13969">
        <v>5</v>
      </c>
      <c r="AP13969">
        <v>5</v>
      </c>
      <c r="AQ13969">
        <v>5</v>
      </c>
    </row>
    <row r="13970" spans="1:43">
      <c r="A13970" t="s">
        <v>8666</v>
      </c>
      <c r="B13970" t="s">
        <v>8667</v>
      </c>
      <c r="C13970" t="s">
        <v>8668</v>
      </c>
      <c r="D13970" t="s">
        <v>8669</v>
      </c>
      <c r="E13970" t="s">
        <v>8652</v>
      </c>
      <c r="F13970" t="s">
        <v>8653</v>
      </c>
      <c r="G13970" t="s">
        <v>80</v>
      </c>
      <c r="H13970" t="s">
        <v>81</v>
      </c>
      <c r="I13970" s="2">
        <v>0</v>
      </c>
      <c r="J13970" s="2">
        <v>0</v>
      </c>
      <c r="K13970" s="2">
        <v>1</v>
      </c>
      <c r="L13970" t="s">
        <v>995</v>
      </c>
      <c r="M13970" t="s">
        <v>83</v>
      </c>
      <c r="N13970" t="s">
        <v>84</v>
      </c>
      <c r="O13970" t="s">
        <v>85</v>
      </c>
      <c r="P13970" t="s">
        <v>86</v>
      </c>
      <c r="Q13970">
        <v>10</v>
      </c>
      <c r="R13970">
        <v>10</v>
      </c>
      <c r="S13970">
        <v>10</v>
      </c>
      <c r="T13970">
        <v>10</v>
      </c>
      <c r="U13970">
        <v>10</v>
      </c>
      <c r="V13970">
        <v>10</v>
      </c>
      <c r="W13970">
        <v>10</v>
      </c>
      <c r="X13970">
        <v>10</v>
      </c>
      <c r="Y13970">
        <v>10</v>
      </c>
      <c r="Z13970">
        <v>10</v>
      </c>
      <c r="AA13970">
        <v>10</v>
      </c>
      <c r="AB13970">
        <v>11</v>
      </c>
      <c r="AC13970">
        <v>11</v>
      </c>
      <c r="AD13970">
        <v>11</v>
      </c>
      <c r="AE13970">
        <v>11</v>
      </c>
      <c r="AF13970">
        <v>11</v>
      </c>
      <c r="AG13970">
        <v>11</v>
      </c>
      <c r="AH13970">
        <v>11</v>
      </c>
      <c r="AI13970">
        <v>11</v>
      </c>
      <c r="AJ13970">
        <v>11</v>
      </c>
      <c r="AK13970">
        <v>11</v>
      </c>
      <c r="AL13970">
        <v>11</v>
      </c>
      <c r="AM13970">
        <v>11</v>
      </c>
      <c r="AN13970">
        <v>10</v>
      </c>
      <c r="AO13970">
        <v>10</v>
      </c>
      <c r="AP13970">
        <v>10</v>
      </c>
      <c r="AQ13970">
        <v>10</v>
      </c>
    </row>
    <row r="13971" spans="1:43">
      <c r="A13971" t="s">
        <v>8666</v>
      </c>
      <c r="B13971" t="s">
        <v>8667</v>
      </c>
      <c r="C13971" t="s">
        <v>8668</v>
      </c>
      <c r="D13971" t="s">
        <v>8669</v>
      </c>
      <c r="E13971" t="s">
        <v>8652</v>
      </c>
      <c r="F13971" t="s">
        <v>8653</v>
      </c>
      <c r="G13971" t="s">
        <v>80</v>
      </c>
      <c r="H13971" t="s">
        <v>81</v>
      </c>
      <c r="I13971" s="2">
        <v>0</v>
      </c>
      <c r="J13971" s="2">
        <v>0</v>
      </c>
      <c r="K13971" s="2">
        <v>1</v>
      </c>
      <c r="L13971" t="s">
        <v>995</v>
      </c>
      <c r="M13971" t="s">
        <v>87</v>
      </c>
      <c r="N13971" t="s">
        <v>88</v>
      </c>
      <c r="O13971" t="s">
        <v>85</v>
      </c>
      <c r="P13971" t="s">
        <v>86</v>
      </c>
      <c r="Q13971">
        <v>10</v>
      </c>
      <c r="R13971">
        <v>10</v>
      </c>
      <c r="S13971">
        <v>10</v>
      </c>
      <c r="T13971">
        <v>10</v>
      </c>
      <c r="U13971">
        <v>10</v>
      </c>
      <c r="V13971">
        <v>10</v>
      </c>
      <c r="W13971">
        <v>10</v>
      </c>
      <c r="X13971">
        <v>10</v>
      </c>
      <c r="Y13971">
        <v>10</v>
      </c>
      <c r="Z13971">
        <v>10</v>
      </c>
      <c r="AA13971">
        <v>10</v>
      </c>
      <c r="AB13971">
        <v>9</v>
      </c>
      <c r="AC13971">
        <v>9</v>
      </c>
      <c r="AD13971">
        <v>9</v>
      </c>
      <c r="AE13971">
        <v>9</v>
      </c>
      <c r="AF13971">
        <v>9</v>
      </c>
      <c r="AG13971">
        <v>9</v>
      </c>
      <c r="AH13971">
        <v>9</v>
      </c>
      <c r="AI13971">
        <v>9</v>
      </c>
      <c r="AJ13971">
        <v>9</v>
      </c>
      <c r="AK13971">
        <v>9</v>
      </c>
      <c r="AL13971">
        <v>9</v>
      </c>
      <c r="AM13971">
        <v>9</v>
      </c>
      <c r="AN13971">
        <v>9</v>
      </c>
      <c r="AO13971">
        <v>9</v>
      </c>
      <c r="AP13971">
        <v>9</v>
      </c>
      <c r="AQ13971">
        <v>9</v>
      </c>
    </row>
    <row r="13972" spans="1:43">
      <c r="A13972" t="s">
        <v>8666</v>
      </c>
      <c r="B13972" t="s">
        <v>8667</v>
      </c>
      <c r="C13972" t="s">
        <v>8668</v>
      </c>
      <c r="D13972" t="s">
        <v>8669</v>
      </c>
      <c r="E13972" t="s">
        <v>8652</v>
      </c>
      <c r="F13972" t="s">
        <v>8653</v>
      </c>
      <c r="G13972" t="s">
        <v>80</v>
      </c>
      <c r="H13972" t="s">
        <v>81</v>
      </c>
      <c r="I13972" s="2">
        <v>0</v>
      </c>
      <c r="J13972" s="2">
        <v>0</v>
      </c>
      <c r="K13972" s="2">
        <v>1</v>
      </c>
      <c r="L13972" t="s">
        <v>995</v>
      </c>
      <c r="M13972" t="s">
        <v>89</v>
      </c>
      <c r="N13972" t="s">
        <v>90</v>
      </c>
      <c r="O13972" t="s">
        <v>85</v>
      </c>
      <c r="P13972" t="s">
        <v>86</v>
      </c>
      <c r="Q13972">
        <v>10</v>
      </c>
      <c r="R13972">
        <v>10</v>
      </c>
      <c r="S13972">
        <v>10</v>
      </c>
      <c r="T13972">
        <v>11</v>
      </c>
      <c r="U13972">
        <v>11</v>
      </c>
      <c r="V13972">
        <v>11</v>
      </c>
      <c r="W13972">
        <v>11</v>
      </c>
      <c r="X13972">
        <v>11</v>
      </c>
      <c r="Y13972">
        <v>11</v>
      </c>
      <c r="Z13972">
        <v>11</v>
      </c>
      <c r="AA13972">
        <v>11</v>
      </c>
      <c r="AB13972">
        <v>11</v>
      </c>
      <c r="AC13972">
        <v>11</v>
      </c>
      <c r="AD13972">
        <v>11</v>
      </c>
      <c r="AE13972">
        <v>11</v>
      </c>
      <c r="AF13972">
        <v>11</v>
      </c>
      <c r="AG13972">
        <v>11</v>
      </c>
      <c r="AH13972">
        <v>11</v>
      </c>
      <c r="AI13972">
        <v>11</v>
      </c>
      <c r="AJ13972">
        <v>11</v>
      </c>
      <c r="AK13972">
        <v>11</v>
      </c>
      <c r="AL13972">
        <v>11</v>
      </c>
      <c r="AM13972">
        <v>11</v>
      </c>
      <c r="AN13972">
        <v>11</v>
      </c>
      <c r="AO13972">
        <v>10</v>
      </c>
      <c r="AP13972">
        <v>10</v>
      </c>
      <c r="AQ13972">
        <v>10</v>
      </c>
    </row>
    <row r="13973" spans="1:43">
      <c r="A13973" t="s">
        <v>8666</v>
      </c>
      <c r="B13973" t="s">
        <v>8667</v>
      </c>
      <c r="C13973" t="s">
        <v>8668</v>
      </c>
      <c r="D13973" t="s">
        <v>8669</v>
      </c>
      <c r="E13973" t="s">
        <v>8652</v>
      </c>
      <c r="F13973" t="s">
        <v>8653</v>
      </c>
      <c r="G13973" t="s">
        <v>80</v>
      </c>
      <c r="H13973" t="s">
        <v>81</v>
      </c>
      <c r="I13973" s="2">
        <v>0</v>
      </c>
      <c r="J13973" s="2">
        <v>0</v>
      </c>
      <c r="K13973" s="2">
        <v>1</v>
      </c>
      <c r="L13973" t="s">
        <v>995</v>
      </c>
      <c r="M13973" t="s">
        <v>83</v>
      </c>
      <c r="N13973" t="s">
        <v>91</v>
      </c>
      <c r="O13973" t="s">
        <v>85</v>
      </c>
      <c r="P13973" t="s">
        <v>86</v>
      </c>
      <c r="Q13973">
        <v>10</v>
      </c>
      <c r="R13973">
        <v>10</v>
      </c>
      <c r="S13973">
        <v>10</v>
      </c>
      <c r="T13973">
        <v>10</v>
      </c>
      <c r="U13973">
        <v>10</v>
      </c>
      <c r="V13973">
        <v>10</v>
      </c>
      <c r="W13973">
        <v>10</v>
      </c>
      <c r="X13973">
        <v>10</v>
      </c>
      <c r="Y13973">
        <v>10</v>
      </c>
      <c r="Z13973">
        <v>10</v>
      </c>
      <c r="AA13973">
        <v>10</v>
      </c>
      <c r="AB13973">
        <v>11</v>
      </c>
      <c r="AC13973">
        <v>11</v>
      </c>
      <c r="AD13973">
        <v>11</v>
      </c>
      <c r="AE13973">
        <v>11</v>
      </c>
      <c r="AF13973">
        <v>11</v>
      </c>
      <c r="AG13973">
        <v>11</v>
      </c>
      <c r="AH13973">
        <v>11</v>
      </c>
      <c r="AI13973">
        <v>11</v>
      </c>
      <c r="AJ13973">
        <v>11</v>
      </c>
      <c r="AK13973">
        <v>11</v>
      </c>
      <c r="AL13973">
        <v>11</v>
      </c>
      <c r="AM13973">
        <v>11</v>
      </c>
      <c r="AN13973">
        <v>10</v>
      </c>
      <c r="AO13973">
        <v>10</v>
      </c>
      <c r="AP13973">
        <v>10</v>
      </c>
      <c r="AQ13973">
        <v>10</v>
      </c>
    </row>
    <row r="13974" spans="1:43">
      <c r="A13974" t="s">
        <v>8670</v>
      </c>
      <c r="B13974" t="s">
        <v>8671</v>
      </c>
      <c r="C13974" t="s">
        <v>8672</v>
      </c>
      <c r="D13974" t="s">
        <v>8673</v>
      </c>
      <c r="E13974" t="s">
        <v>8652</v>
      </c>
      <c r="F13974" t="s">
        <v>8653</v>
      </c>
      <c r="G13974" t="s">
        <v>80</v>
      </c>
      <c r="H13974" t="s">
        <v>81</v>
      </c>
      <c r="I13974" s="2">
        <v>0</v>
      </c>
      <c r="J13974" s="2">
        <v>0</v>
      </c>
      <c r="K13974" s="2">
        <v>1</v>
      </c>
      <c r="L13974" t="s">
        <v>995</v>
      </c>
      <c r="M13974" t="s">
        <v>83</v>
      </c>
      <c r="N13974" t="s">
        <v>84</v>
      </c>
      <c r="O13974" t="s">
        <v>85</v>
      </c>
      <c r="P13974" t="s">
        <v>86</v>
      </c>
      <c r="Q13974">
        <v>19</v>
      </c>
      <c r="R13974">
        <v>20</v>
      </c>
      <c r="S13974">
        <v>20</v>
      </c>
      <c r="T13974">
        <v>20</v>
      </c>
      <c r="U13974">
        <v>20</v>
      </c>
      <c r="V13974">
        <v>20</v>
      </c>
      <c r="W13974">
        <v>20</v>
      </c>
      <c r="X13974">
        <v>20</v>
      </c>
      <c r="Y13974">
        <v>20</v>
      </c>
      <c r="Z13974">
        <v>20</v>
      </c>
      <c r="AA13974">
        <v>20</v>
      </c>
      <c r="AB13974">
        <v>20</v>
      </c>
      <c r="AC13974">
        <v>21</v>
      </c>
      <c r="AD13974">
        <v>21</v>
      </c>
      <c r="AE13974">
        <v>21</v>
      </c>
      <c r="AF13974">
        <v>21</v>
      </c>
      <c r="AG13974">
        <v>21</v>
      </c>
      <c r="AH13974">
        <v>21</v>
      </c>
      <c r="AI13974">
        <v>21</v>
      </c>
      <c r="AJ13974">
        <v>21</v>
      </c>
      <c r="AK13974">
        <v>21</v>
      </c>
      <c r="AL13974">
        <v>21</v>
      </c>
      <c r="AM13974">
        <v>21</v>
      </c>
      <c r="AN13974">
        <v>21</v>
      </c>
      <c r="AO13974">
        <v>20</v>
      </c>
      <c r="AP13974">
        <v>20</v>
      </c>
      <c r="AQ13974">
        <v>20</v>
      </c>
    </row>
    <row r="13975" spans="1:43">
      <c r="A13975" t="s">
        <v>8670</v>
      </c>
      <c r="B13975" t="s">
        <v>8671</v>
      </c>
      <c r="C13975" t="s">
        <v>8672</v>
      </c>
      <c r="D13975" t="s">
        <v>8673</v>
      </c>
      <c r="E13975" t="s">
        <v>8652</v>
      </c>
      <c r="F13975" t="s">
        <v>8653</v>
      </c>
      <c r="G13975" t="s">
        <v>80</v>
      </c>
      <c r="H13975" t="s">
        <v>81</v>
      </c>
      <c r="I13975" s="2">
        <v>0</v>
      </c>
      <c r="J13975" s="2">
        <v>0</v>
      </c>
      <c r="K13975" s="2">
        <v>1</v>
      </c>
      <c r="L13975" t="s">
        <v>995</v>
      </c>
      <c r="M13975" t="s">
        <v>87</v>
      </c>
      <c r="N13975" t="s">
        <v>88</v>
      </c>
      <c r="O13975" t="s">
        <v>85</v>
      </c>
      <c r="P13975" t="s">
        <v>86</v>
      </c>
      <c r="Q13975">
        <v>19</v>
      </c>
      <c r="R13975">
        <v>19</v>
      </c>
      <c r="S13975">
        <v>19</v>
      </c>
      <c r="T13975">
        <v>19</v>
      </c>
      <c r="U13975">
        <v>19</v>
      </c>
      <c r="V13975">
        <v>19</v>
      </c>
      <c r="W13975">
        <v>19</v>
      </c>
      <c r="X13975">
        <v>19</v>
      </c>
      <c r="Y13975">
        <v>19</v>
      </c>
      <c r="Z13975">
        <v>19</v>
      </c>
      <c r="AA13975">
        <v>19</v>
      </c>
      <c r="AB13975">
        <v>19</v>
      </c>
      <c r="AC13975">
        <v>18</v>
      </c>
      <c r="AD13975">
        <v>18</v>
      </c>
      <c r="AE13975">
        <v>18</v>
      </c>
      <c r="AF13975">
        <v>18</v>
      </c>
      <c r="AG13975">
        <v>18</v>
      </c>
      <c r="AH13975">
        <v>18</v>
      </c>
      <c r="AI13975">
        <v>18</v>
      </c>
      <c r="AJ13975">
        <v>18</v>
      </c>
      <c r="AK13975">
        <v>18</v>
      </c>
      <c r="AL13975">
        <v>18</v>
      </c>
      <c r="AM13975">
        <v>18</v>
      </c>
      <c r="AN13975">
        <v>18</v>
      </c>
      <c r="AO13975">
        <v>18</v>
      </c>
      <c r="AP13975">
        <v>18</v>
      </c>
      <c r="AQ13975">
        <v>18</v>
      </c>
    </row>
    <row r="13976" spans="1:43">
      <c r="A13976" t="s">
        <v>8670</v>
      </c>
      <c r="B13976" t="s">
        <v>8671</v>
      </c>
      <c r="C13976" t="s">
        <v>8672</v>
      </c>
      <c r="D13976" t="s">
        <v>8673</v>
      </c>
      <c r="E13976" t="s">
        <v>8652</v>
      </c>
      <c r="F13976" t="s">
        <v>8653</v>
      </c>
      <c r="G13976" t="s">
        <v>80</v>
      </c>
      <c r="H13976" t="s">
        <v>81</v>
      </c>
      <c r="I13976" s="2">
        <v>0</v>
      </c>
      <c r="J13976" s="2">
        <v>0</v>
      </c>
      <c r="K13976" s="2">
        <v>1</v>
      </c>
      <c r="L13976" t="s">
        <v>995</v>
      </c>
      <c r="M13976" t="s">
        <v>89</v>
      </c>
      <c r="N13976" t="s">
        <v>90</v>
      </c>
      <c r="O13976" t="s">
        <v>85</v>
      </c>
      <c r="P13976" t="s">
        <v>86</v>
      </c>
      <c r="Q13976">
        <v>19</v>
      </c>
      <c r="R13976">
        <v>19</v>
      </c>
      <c r="S13976">
        <v>19</v>
      </c>
      <c r="T13976">
        <v>19</v>
      </c>
      <c r="U13976">
        <v>20</v>
      </c>
      <c r="V13976">
        <v>20</v>
      </c>
      <c r="W13976">
        <v>20</v>
      </c>
      <c r="X13976">
        <v>20</v>
      </c>
      <c r="Y13976">
        <v>20</v>
      </c>
      <c r="Z13976">
        <v>20</v>
      </c>
      <c r="AA13976">
        <v>21</v>
      </c>
      <c r="AB13976">
        <v>21</v>
      </c>
      <c r="AC13976">
        <v>21</v>
      </c>
      <c r="AD13976">
        <v>21</v>
      </c>
      <c r="AE13976">
        <v>21</v>
      </c>
      <c r="AF13976">
        <v>21</v>
      </c>
      <c r="AG13976">
        <v>21</v>
      </c>
      <c r="AH13976">
        <v>21</v>
      </c>
      <c r="AI13976">
        <v>20</v>
      </c>
      <c r="AJ13976">
        <v>20</v>
      </c>
      <c r="AK13976">
        <v>20</v>
      </c>
      <c r="AL13976">
        <v>20</v>
      </c>
      <c r="AM13976">
        <v>20</v>
      </c>
      <c r="AN13976">
        <v>20</v>
      </c>
      <c r="AO13976">
        <v>20</v>
      </c>
      <c r="AP13976">
        <v>19</v>
      </c>
      <c r="AQ13976">
        <v>19</v>
      </c>
    </row>
    <row r="13977" spans="1:43">
      <c r="A13977" t="s">
        <v>8670</v>
      </c>
      <c r="B13977" t="s">
        <v>8671</v>
      </c>
      <c r="C13977" t="s">
        <v>8672</v>
      </c>
      <c r="D13977" t="s">
        <v>8673</v>
      </c>
      <c r="E13977" t="s">
        <v>8652</v>
      </c>
      <c r="F13977" t="s">
        <v>8653</v>
      </c>
      <c r="G13977" t="s">
        <v>80</v>
      </c>
      <c r="H13977" t="s">
        <v>81</v>
      </c>
      <c r="I13977" s="2">
        <v>0</v>
      </c>
      <c r="J13977" s="2">
        <v>0</v>
      </c>
      <c r="K13977" s="2">
        <v>1</v>
      </c>
      <c r="L13977" t="s">
        <v>995</v>
      </c>
      <c r="M13977" t="s">
        <v>83</v>
      </c>
      <c r="N13977" t="s">
        <v>91</v>
      </c>
      <c r="O13977" t="s">
        <v>85</v>
      </c>
      <c r="P13977" t="s">
        <v>86</v>
      </c>
      <c r="Q13977">
        <v>19</v>
      </c>
      <c r="R13977">
        <v>20</v>
      </c>
      <c r="S13977">
        <v>20</v>
      </c>
      <c r="T13977">
        <v>20</v>
      </c>
      <c r="U13977">
        <v>20</v>
      </c>
      <c r="V13977">
        <v>20</v>
      </c>
      <c r="W13977">
        <v>20</v>
      </c>
      <c r="X13977">
        <v>20</v>
      </c>
      <c r="Y13977">
        <v>20</v>
      </c>
      <c r="Z13977">
        <v>20</v>
      </c>
      <c r="AA13977">
        <v>20</v>
      </c>
      <c r="AB13977">
        <v>20</v>
      </c>
      <c r="AC13977">
        <v>21</v>
      </c>
      <c r="AD13977">
        <v>21</v>
      </c>
      <c r="AE13977">
        <v>21</v>
      </c>
      <c r="AF13977">
        <v>21</v>
      </c>
      <c r="AG13977">
        <v>21</v>
      </c>
      <c r="AH13977">
        <v>21</v>
      </c>
      <c r="AI13977">
        <v>21</v>
      </c>
      <c r="AJ13977">
        <v>21</v>
      </c>
      <c r="AK13977">
        <v>21</v>
      </c>
      <c r="AL13977">
        <v>21</v>
      </c>
      <c r="AM13977">
        <v>21</v>
      </c>
      <c r="AN13977">
        <v>21</v>
      </c>
      <c r="AO13977">
        <v>20</v>
      </c>
      <c r="AP13977">
        <v>20</v>
      </c>
      <c r="AQ13977">
        <v>20</v>
      </c>
    </row>
    <row r="13978" spans="1:43">
      <c r="A13978" t="s">
        <v>8674</v>
      </c>
      <c r="B13978" t="s">
        <v>8675</v>
      </c>
      <c r="C13978" t="s">
        <v>8672</v>
      </c>
      <c r="D13978" t="s">
        <v>8673</v>
      </c>
      <c r="E13978" t="s">
        <v>8652</v>
      </c>
      <c r="F13978" t="s">
        <v>8653</v>
      </c>
      <c r="G13978" t="s">
        <v>80</v>
      </c>
      <c r="H13978" t="s">
        <v>81</v>
      </c>
      <c r="I13978" s="2">
        <v>0</v>
      </c>
      <c r="J13978" s="2">
        <v>0</v>
      </c>
      <c r="K13978" s="2">
        <v>1</v>
      </c>
      <c r="L13978" t="s">
        <v>995</v>
      </c>
      <c r="M13978" t="s">
        <v>83</v>
      </c>
      <c r="N13978" t="s">
        <v>84</v>
      </c>
      <c r="O13978" t="s">
        <v>85</v>
      </c>
      <c r="P13978" t="s">
        <v>86</v>
      </c>
      <c r="Q13978">
        <v>18</v>
      </c>
      <c r="R13978">
        <v>18</v>
      </c>
      <c r="S13978">
        <v>18</v>
      </c>
      <c r="T13978">
        <v>18</v>
      </c>
      <c r="U13978">
        <v>18</v>
      </c>
      <c r="V13978">
        <v>18</v>
      </c>
      <c r="W13978">
        <v>19</v>
      </c>
      <c r="X13978">
        <v>19</v>
      </c>
      <c r="Y13978">
        <v>19</v>
      </c>
      <c r="Z13978">
        <v>19</v>
      </c>
      <c r="AA13978">
        <v>19</v>
      </c>
      <c r="AB13978">
        <v>19</v>
      </c>
      <c r="AC13978">
        <v>19</v>
      </c>
      <c r="AD13978">
        <v>19</v>
      </c>
      <c r="AE13978">
        <v>19</v>
      </c>
      <c r="AF13978">
        <v>19</v>
      </c>
      <c r="AG13978">
        <v>19</v>
      </c>
      <c r="AH13978">
        <v>19</v>
      </c>
      <c r="AI13978">
        <v>19</v>
      </c>
      <c r="AJ13978">
        <v>19</v>
      </c>
      <c r="AK13978">
        <v>19</v>
      </c>
      <c r="AL13978">
        <v>19</v>
      </c>
      <c r="AM13978">
        <v>19</v>
      </c>
      <c r="AN13978">
        <v>19</v>
      </c>
      <c r="AO13978">
        <v>19</v>
      </c>
      <c r="AP13978">
        <v>19</v>
      </c>
      <c r="AQ13978">
        <v>19</v>
      </c>
    </row>
    <row r="13979" spans="1:43">
      <c r="A13979" t="s">
        <v>8674</v>
      </c>
      <c r="B13979" t="s">
        <v>8675</v>
      </c>
      <c r="C13979" t="s">
        <v>8672</v>
      </c>
      <c r="D13979" t="s">
        <v>8673</v>
      </c>
      <c r="E13979" t="s">
        <v>8652</v>
      </c>
      <c r="F13979" t="s">
        <v>8653</v>
      </c>
      <c r="G13979" t="s">
        <v>80</v>
      </c>
      <c r="H13979" t="s">
        <v>81</v>
      </c>
      <c r="I13979" s="2">
        <v>0</v>
      </c>
      <c r="J13979" s="2">
        <v>0</v>
      </c>
      <c r="K13979" s="2">
        <v>1</v>
      </c>
      <c r="L13979" t="s">
        <v>995</v>
      </c>
      <c r="M13979" t="s">
        <v>87</v>
      </c>
      <c r="N13979" t="s">
        <v>88</v>
      </c>
      <c r="O13979" t="s">
        <v>85</v>
      </c>
      <c r="P13979" t="s">
        <v>86</v>
      </c>
      <c r="Q13979">
        <v>18</v>
      </c>
      <c r="R13979">
        <v>18</v>
      </c>
      <c r="S13979">
        <v>18</v>
      </c>
      <c r="T13979">
        <v>18</v>
      </c>
      <c r="U13979">
        <v>18</v>
      </c>
      <c r="V13979">
        <v>17</v>
      </c>
      <c r="W13979">
        <v>17</v>
      </c>
      <c r="X13979">
        <v>17</v>
      </c>
      <c r="Y13979">
        <v>17</v>
      </c>
      <c r="Z13979">
        <v>17</v>
      </c>
      <c r="AA13979">
        <v>17</v>
      </c>
      <c r="AB13979">
        <v>17</v>
      </c>
      <c r="AC13979">
        <v>17</v>
      </c>
      <c r="AD13979">
        <v>17</v>
      </c>
      <c r="AE13979">
        <v>17</v>
      </c>
      <c r="AF13979">
        <v>17</v>
      </c>
      <c r="AG13979">
        <v>17</v>
      </c>
      <c r="AH13979">
        <v>17</v>
      </c>
      <c r="AI13979">
        <v>17</v>
      </c>
      <c r="AJ13979">
        <v>17</v>
      </c>
      <c r="AK13979">
        <v>17</v>
      </c>
      <c r="AL13979">
        <v>17</v>
      </c>
      <c r="AM13979">
        <v>17</v>
      </c>
      <c r="AN13979">
        <v>16</v>
      </c>
      <c r="AO13979">
        <v>16</v>
      </c>
      <c r="AP13979">
        <v>16</v>
      </c>
      <c r="AQ13979">
        <v>16</v>
      </c>
    </row>
    <row r="13980" spans="1:43">
      <c r="A13980" t="s">
        <v>8674</v>
      </c>
      <c r="B13980" t="s">
        <v>8675</v>
      </c>
      <c r="C13980" t="s">
        <v>8672</v>
      </c>
      <c r="D13980" t="s">
        <v>8673</v>
      </c>
      <c r="E13980" t="s">
        <v>8652</v>
      </c>
      <c r="F13980" t="s">
        <v>8653</v>
      </c>
      <c r="G13980" t="s">
        <v>80</v>
      </c>
      <c r="H13980" t="s">
        <v>81</v>
      </c>
      <c r="I13980" s="2">
        <v>0</v>
      </c>
      <c r="J13980" s="2">
        <v>0</v>
      </c>
      <c r="K13980" s="2">
        <v>1</v>
      </c>
      <c r="L13980" t="s">
        <v>995</v>
      </c>
      <c r="M13980" t="s">
        <v>89</v>
      </c>
      <c r="N13980" t="s">
        <v>90</v>
      </c>
      <c r="O13980" t="s">
        <v>85</v>
      </c>
      <c r="P13980" t="s">
        <v>86</v>
      </c>
      <c r="Q13980">
        <v>18</v>
      </c>
      <c r="R13980">
        <v>18</v>
      </c>
      <c r="S13980">
        <v>19</v>
      </c>
      <c r="T13980">
        <v>19</v>
      </c>
      <c r="U13980">
        <v>19</v>
      </c>
      <c r="V13980">
        <v>19</v>
      </c>
      <c r="W13980">
        <v>19</v>
      </c>
      <c r="X13980">
        <v>20</v>
      </c>
      <c r="Y13980">
        <v>20</v>
      </c>
      <c r="Z13980">
        <v>20</v>
      </c>
      <c r="AA13980">
        <v>20</v>
      </c>
      <c r="AB13980">
        <v>20</v>
      </c>
      <c r="AC13980">
        <v>20</v>
      </c>
      <c r="AD13980">
        <v>20</v>
      </c>
      <c r="AE13980">
        <v>20</v>
      </c>
      <c r="AF13980">
        <v>20</v>
      </c>
      <c r="AG13980">
        <v>20</v>
      </c>
      <c r="AH13980">
        <v>20</v>
      </c>
      <c r="AI13980">
        <v>20</v>
      </c>
      <c r="AJ13980">
        <v>20</v>
      </c>
      <c r="AK13980">
        <v>19</v>
      </c>
      <c r="AL13980">
        <v>19</v>
      </c>
      <c r="AM13980">
        <v>19</v>
      </c>
      <c r="AN13980">
        <v>19</v>
      </c>
      <c r="AO13980">
        <v>19</v>
      </c>
      <c r="AP13980">
        <v>19</v>
      </c>
      <c r="AQ13980">
        <v>19</v>
      </c>
    </row>
    <row r="13981" spans="1:43">
      <c r="A13981" t="s">
        <v>8674</v>
      </c>
      <c r="B13981" t="s">
        <v>8675</v>
      </c>
      <c r="C13981" t="s">
        <v>8672</v>
      </c>
      <c r="D13981" t="s">
        <v>8673</v>
      </c>
      <c r="E13981" t="s">
        <v>8652</v>
      </c>
      <c r="F13981" t="s">
        <v>8653</v>
      </c>
      <c r="G13981" t="s">
        <v>80</v>
      </c>
      <c r="H13981" t="s">
        <v>81</v>
      </c>
      <c r="I13981" s="2">
        <v>0</v>
      </c>
      <c r="J13981" s="2">
        <v>0</v>
      </c>
      <c r="K13981" s="2">
        <v>1</v>
      </c>
      <c r="L13981" t="s">
        <v>995</v>
      </c>
      <c r="M13981" t="s">
        <v>83</v>
      </c>
      <c r="N13981" t="s">
        <v>91</v>
      </c>
      <c r="O13981" t="s">
        <v>85</v>
      </c>
      <c r="P13981" t="s">
        <v>86</v>
      </c>
      <c r="Q13981">
        <v>18</v>
      </c>
      <c r="R13981">
        <v>18</v>
      </c>
      <c r="S13981">
        <v>18</v>
      </c>
      <c r="T13981">
        <v>18</v>
      </c>
      <c r="U13981">
        <v>18</v>
      </c>
      <c r="V13981">
        <v>18</v>
      </c>
      <c r="W13981">
        <v>19</v>
      </c>
      <c r="X13981">
        <v>19</v>
      </c>
      <c r="Y13981">
        <v>19</v>
      </c>
      <c r="Z13981">
        <v>19</v>
      </c>
      <c r="AA13981">
        <v>19</v>
      </c>
      <c r="AB13981">
        <v>19</v>
      </c>
      <c r="AC13981">
        <v>19</v>
      </c>
      <c r="AD13981">
        <v>19</v>
      </c>
      <c r="AE13981">
        <v>19</v>
      </c>
      <c r="AF13981">
        <v>19</v>
      </c>
      <c r="AG13981">
        <v>19</v>
      </c>
      <c r="AH13981">
        <v>19</v>
      </c>
      <c r="AI13981">
        <v>19</v>
      </c>
      <c r="AJ13981">
        <v>19</v>
      </c>
      <c r="AK13981">
        <v>19</v>
      </c>
      <c r="AL13981">
        <v>19</v>
      </c>
      <c r="AM13981">
        <v>19</v>
      </c>
      <c r="AN13981">
        <v>19</v>
      </c>
      <c r="AO13981">
        <v>19</v>
      </c>
      <c r="AP13981">
        <v>19</v>
      </c>
      <c r="AQ13981">
        <v>19</v>
      </c>
    </row>
    <row r="13982" spans="1:43">
      <c r="A13982" t="s">
        <v>8676</v>
      </c>
      <c r="B13982" t="s">
        <v>8677</v>
      </c>
      <c r="C13982" t="s">
        <v>8668</v>
      </c>
      <c r="D13982" t="s">
        <v>8669</v>
      </c>
      <c r="E13982" t="s">
        <v>8652</v>
      </c>
      <c r="F13982" t="s">
        <v>8653</v>
      </c>
      <c r="G13982" t="s">
        <v>80</v>
      </c>
      <c r="H13982" t="s">
        <v>81</v>
      </c>
      <c r="I13982" s="2">
        <v>0</v>
      </c>
      <c r="J13982" s="2">
        <v>0</v>
      </c>
      <c r="K13982" s="2">
        <v>1</v>
      </c>
      <c r="L13982" t="s">
        <v>995</v>
      </c>
      <c r="M13982" t="s">
        <v>83</v>
      </c>
      <c r="N13982" t="s">
        <v>84</v>
      </c>
      <c r="O13982" t="s">
        <v>85</v>
      </c>
      <c r="P13982" t="s">
        <v>86</v>
      </c>
      <c r="Q13982">
        <v>69</v>
      </c>
      <c r="R13982">
        <v>70</v>
      </c>
      <c r="S13982">
        <v>70</v>
      </c>
      <c r="T13982">
        <v>70</v>
      </c>
      <c r="U13982">
        <v>71</v>
      </c>
      <c r="V13982">
        <v>71</v>
      </c>
      <c r="W13982">
        <v>71</v>
      </c>
      <c r="X13982">
        <v>71</v>
      </c>
      <c r="Y13982">
        <v>72</v>
      </c>
      <c r="Z13982">
        <v>72</v>
      </c>
      <c r="AA13982">
        <v>72</v>
      </c>
      <c r="AB13982">
        <v>72</v>
      </c>
      <c r="AC13982">
        <v>72</v>
      </c>
      <c r="AD13982">
        <v>73</v>
      </c>
      <c r="AE13982">
        <v>73</v>
      </c>
      <c r="AF13982">
        <v>73</v>
      </c>
      <c r="AG13982">
        <v>73</v>
      </c>
      <c r="AH13982">
        <v>73</v>
      </c>
      <c r="AI13982">
        <v>73</v>
      </c>
      <c r="AJ13982">
        <v>73</v>
      </c>
      <c r="AK13982">
        <v>73</v>
      </c>
      <c r="AL13982">
        <v>73</v>
      </c>
      <c r="AM13982">
        <v>73</v>
      </c>
      <c r="AN13982">
        <v>72</v>
      </c>
      <c r="AO13982">
        <v>72</v>
      </c>
      <c r="AP13982">
        <v>71</v>
      </c>
      <c r="AQ13982">
        <v>71</v>
      </c>
    </row>
    <row r="13983" spans="1:43">
      <c r="A13983" t="s">
        <v>8676</v>
      </c>
      <c r="B13983" t="s">
        <v>8677</v>
      </c>
      <c r="C13983" t="s">
        <v>8668</v>
      </c>
      <c r="D13983" t="s">
        <v>8669</v>
      </c>
      <c r="E13983" t="s">
        <v>8652</v>
      </c>
      <c r="F13983" t="s">
        <v>8653</v>
      </c>
      <c r="G13983" t="s">
        <v>80</v>
      </c>
      <c r="H13983" t="s">
        <v>81</v>
      </c>
      <c r="I13983" s="2">
        <v>0</v>
      </c>
      <c r="J13983" s="2">
        <v>0</v>
      </c>
      <c r="K13983" s="2">
        <v>1</v>
      </c>
      <c r="L13983" t="s">
        <v>995</v>
      </c>
      <c r="M13983" t="s">
        <v>87</v>
      </c>
      <c r="N13983" t="s">
        <v>88</v>
      </c>
      <c r="O13983" t="s">
        <v>85</v>
      </c>
      <c r="P13983" t="s">
        <v>86</v>
      </c>
      <c r="Q13983">
        <v>69</v>
      </c>
      <c r="R13983">
        <v>68</v>
      </c>
      <c r="S13983">
        <v>68</v>
      </c>
      <c r="T13983">
        <v>68</v>
      </c>
      <c r="U13983">
        <v>67</v>
      </c>
      <c r="V13983">
        <v>67</v>
      </c>
      <c r="W13983">
        <v>67</v>
      </c>
      <c r="X13983">
        <v>66</v>
      </c>
      <c r="Y13983">
        <v>66</v>
      </c>
      <c r="Z13983">
        <v>66</v>
      </c>
      <c r="AA13983">
        <v>66</v>
      </c>
      <c r="AB13983">
        <v>65</v>
      </c>
      <c r="AC13983">
        <v>65</v>
      </c>
      <c r="AD13983">
        <v>65</v>
      </c>
      <c r="AE13983">
        <v>64</v>
      </c>
      <c r="AF13983">
        <v>64</v>
      </c>
      <c r="AG13983">
        <v>64</v>
      </c>
      <c r="AH13983">
        <v>64</v>
      </c>
      <c r="AI13983">
        <v>63</v>
      </c>
      <c r="AJ13983">
        <v>63</v>
      </c>
      <c r="AK13983">
        <v>63</v>
      </c>
      <c r="AL13983">
        <v>63</v>
      </c>
      <c r="AM13983">
        <v>62</v>
      </c>
      <c r="AN13983">
        <v>62</v>
      </c>
      <c r="AO13983">
        <v>62</v>
      </c>
      <c r="AP13983">
        <v>62</v>
      </c>
      <c r="AQ13983">
        <v>61</v>
      </c>
    </row>
    <row r="13984" spans="1:43">
      <c r="A13984" t="s">
        <v>8676</v>
      </c>
      <c r="B13984" t="s">
        <v>8677</v>
      </c>
      <c r="C13984" t="s">
        <v>8668</v>
      </c>
      <c r="D13984" t="s">
        <v>8669</v>
      </c>
      <c r="E13984" t="s">
        <v>8652</v>
      </c>
      <c r="F13984" t="s">
        <v>8653</v>
      </c>
      <c r="G13984" t="s">
        <v>80</v>
      </c>
      <c r="H13984" t="s">
        <v>81</v>
      </c>
      <c r="I13984" s="2">
        <v>0</v>
      </c>
      <c r="J13984" s="2">
        <v>0</v>
      </c>
      <c r="K13984" s="2">
        <v>1</v>
      </c>
      <c r="L13984" t="s">
        <v>995</v>
      </c>
      <c r="M13984" t="s">
        <v>89</v>
      </c>
      <c r="N13984" t="s">
        <v>90</v>
      </c>
      <c r="O13984" t="s">
        <v>85</v>
      </c>
      <c r="P13984" t="s">
        <v>86</v>
      </c>
      <c r="Q13984">
        <v>69</v>
      </c>
      <c r="R13984">
        <v>70</v>
      </c>
      <c r="S13984">
        <v>71</v>
      </c>
      <c r="T13984">
        <v>72</v>
      </c>
      <c r="U13984">
        <v>72</v>
      </c>
      <c r="V13984">
        <v>73</v>
      </c>
      <c r="W13984">
        <v>74</v>
      </c>
      <c r="X13984">
        <v>74</v>
      </c>
      <c r="Y13984">
        <v>75</v>
      </c>
      <c r="Z13984">
        <v>75</v>
      </c>
      <c r="AA13984">
        <v>76</v>
      </c>
      <c r="AB13984">
        <v>76</v>
      </c>
      <c r="AC13984">
        <v>77</v>
      </c>
      <c r="AD13984">
        <v>77</v>
      </c>
      <c r="AE13984">
        <v>77</v>
      </c>
      <c r="AF13984">
        <v>76</v>
      </c>
      <c r="AG13984">
        <v>76</v>
      </c>
      <c r="AH13984">
        <v>75</v>
      </c>
      <c r="AI13984">
        <v>75</v>
      </c>
      <c r="AJ13984">
        <v>74</v>
      </c>
      <c r="AK13984">
        <v>73</v>
      </c>
      <c r="AL13984">
        <v>73</v>
      </c>
      <c r="AM13984">
        <v>72</v>
      </c>
      <c r="AN13984">
        <v>72</v>
      </c>
      <c r="AO13984">
        <v>71</v>
      </c>
      <c r="AP13984">
        <v>71</v>
      </c>
      <c r="AQ13984">
        <v>70</v>
      </c>
    </row>
    <row r="13985" spans="1:43">
      <c r="A13985" t="s">
        <v>8676</v>
      </c>
      <c r="B13985" t="s">
        <v>8677</v>
      </c>
      <c r="C13985" t="s">
        <v>8668</v>
      </c>
      <c r="D13985" t="s">
        <v>8669</v>
      </c>
      <c r="E13985" t="s">
        <v>8652</v>
      </c>
      <c r="F13985" t="s">
        <v>8653</v>
      </c>
      <c r="G13985" t="s">
        <v>80</v>
      </c>
      <c r="H13985" t="s">
        <v>81</v>
      </c>
      <c r="I13985" s="2">
        <v>0</v>
      </c>
      <c r="J13985" s="2">
        <v>0</v>
      </c>
      <c r="K13985" s="2">
        <v>1</v>
      </c>
      <c r="L13985" t="s">
        <v>995</v>
      </c>
      <c r="M13985" t="s">
        <v>83</v>
      </c>
      <c r="N13985" t="s">
        <v>91</v>
      </c>
      <c r="O13985" t="s">
        <v>85</v>
      </c>
      <c r="P13985" t="s">
        <v>86</v>
      </c>
      <c r="Q13985">
        <v>69</v>
      </c>
      <c r="R13985">
        <v>70</v>
      </c>
      <c r="S13985">
        <v>70</v>
      </c>
      <c r="T13985">
        <v>70</v>
      </c>
      <c r="U13985">
        <v>71</v>
      </c>
      <c r="V13985">
        <v>71</v>
      </c>
      <c r="W13985">
        <v>71</v>
      </c>
      <c r="X13985">
        <v>71</v>
      </c>
      <c r="Y13985">
        <v>72</v>
      </c>
      <c r="Z13985">
        <v>72</v>
      </c>
      <c r="AA13985">
        <v>72</v>
      </c>
      <c r="AB13985">
        <v>72</v>
      </c>
      <c r="AC13985">
        <v>72</v>
      </c>
      <c r="AD13985">
        <v>73</v>
      </c>
      <c r="AE13985">
        <v>73</v>
      </c>
      <c r="AF13985">
        <v>73</v>
      </c>
      <c r="AG13985">
        <v>73</v>
      </c>
      <c r="AH13985">
        <v>73</v>
      </c>
      <c r="AI13985">
        <v>73</v>
      </c>
      <c r="AJ13985">
        <v>73</v>
      </c>
      <c r="AK13985">
        <v>73</v>
      </c>
      <c r="AL13985">
        <v>73</v>
      </c>
      <c r="AM13985">
        <v>73</v>
      </c>
      <c r="AN13985">
        <v>72</v>
      </c>
      <c r="AO13985">
        <v>72</v>
      </c>
      <c r="AP13985">
        <v>71</v>
      </c>
      <c r="AQ13985">
        <v>71</v>
      </c>
    </row>
    <row r="13986" spans="1:43">
      <c r="A13986" t="s">
        <v>8678</v>
      </c>
      <c r="B13986" t="s">
        <v>8679</v>
      </c>
      <c r="C13986" t="s">
        <v>8680</v>
      </c>
      <c r="D13986" t="s">
        <v>8681</v>
      </c>
      <c r="E13986" t="s">
        <v>8652</v>
      </c>
      <c r="F13986" t="s">
        <v>8653</v>
      </c>
      <c r="G13986" t="s">
        <v>80</v>
      </c>
      <c r="H13986" t="s">
        <v>81</v>
      </c>
      <c r="I13986" s="2">
        <v>0</v>
      </c>
      <c r="J13986" s="2">
        <v>0</v>
      </c>
      <c r="K13986" s="2">
        <v>1</v>
      </c>
      <c r="L13986" t="s">
        <v>995</v>
      </c>
      <c r="M13986" t="s">
        <v>83</v>
      </c>
      <c r="N13986" t="s">
        <v>84</v>
      </c>
      <c r="O13986" t="s">
        <v>85</v>
      </c>
      <c r="P13986" t="s">
        <v>86</v>
      </c>
      <c r="Q13986">
        <v>5</v>
      </c>
      <c r="R13986">
        <v>5</v>
      </c>
      <c r="S13986">
        <v>5</v>
      </c>
      <c r="T13986">
        <v>5</v>
      </c>
      <c r="U13986">
        <v>5</v>
      </c>
      <c r="V13986">
        <v>5</v>
      </c>
      <c r="W13986">
        <v>5</v>
      </c>
      <c r="X13986">
        <v>5</v>
      </c>
      <c r="Y13986">
        <v>5</v>
      </c>
      <c r="Z13986">
        <v>5</v>
      </c>
      <c r="AA13986">
        <v>5</v>
      </c>
      <c r="AB13986">
        <v>5</v>
      </c>
      <c r="AC13986">
        <v>5</v>
      </c>
      <c r="AD13986">
        <v>5</v>
      </c>
      <c r="AE13986">
        <v>5</v>
      </c>
      <c r="AF13986">
        <v>5</v>
      </c>
      <c r="AG13986">
        <v>5</v>
      </c>
      <c r="AH13986">
        <v>5</v>
      </c>
      <c r="AI13986">
        <v>5</v>
      </c>
      <c r="AJ13986">
        <v>5</v>
      </c>
      <c r="AK13986">
        <v>5</v>
      </c>
      <c r="AL13986">
        <v>5</v>
      </c>
      <c r="AM13986">
        <v>5</v>
      </c>
      <c r="AN13986">
        <v>5</v>
      </c>
      <c r="AO13986">
        <v>5</v>
      </c>
      <c r="AP13986">
        <v>5</v>
      </c>
      <c r="AQ13986">
        <v>5</v>
      </c>
    </row>
    <row r="13987" spans="1:43">
      <c r="A13987" t="s">
        <v>8678</v>
      </c>
      <c r="B13987" t="s">
        <v>8679</v>
      </c>
      <c r="C13987" t="s">
        <v>8680</v>
      </c>
      <c r="D13987" t="s">
        <v>8681</v>
      </c>
      <c r="E13987" t="s">
        <v>8652</v>
      </c>
      <c r="F13987" t="s">
        <v>8653</v>
      </c>
      <c r="G13987" t="s">
        <v>80</v>
      </c>
      <c r="H13987" t="s">
        <v>81</v>
      </c>
      <c r="I13987" s="2">
        <v>0</v>
      </c>
      <c r="J13987" s="2">
        <v>0</v>
      </c>
      <c r="K13987" s="2">
        <v>1</v>
      </c>
      <c r="L13987" t="s">
        <v>995</v>
      </c>
      <c r="M13987" t="s">
        <v>87</v>
      </c>
      <c r="N13987" t="s">
        <v>88</v>
      </c>
      <c r="O13987" t="s">
        <v>85</v>
      </c>
      <c r="P13987" t="s">
        <v>86</v>
      </c>
      <c r="Q13987">
        <v>5</v>
      </c>
      <c r="R13987">
        <v>5</v>
      </c>
      <c r="S13987">
        <v>5</v>
      </c>
      <c r="T13987">
        <v>5</v>
      </c>
      <c r="U13987">
        <v>5</v>
      </c>
      <c r="V13987">
        <v>5</v>
      </c>
      <c r="W13987">
        <v>5</v>
      </c>
      <c r="X13987">
        <v>5</v>
      </c>
      <c r="Y13987">
        <v>5</v>
      </c>
      <c r="Z13987">
        <v>5</v>
      </c>
      <c r="AA13987">
        <v>5</v>
      </c>
      <c r="AB13987">
        <v>4</v>
      </c>
      <c r="AC13987">
        <v>4</v>
      </c>
      <c r="AD13987">
        <v>4</v>
      </c>
      <c r="AE13987">
        <v>4</v>
      </c>
      <c r="AF13987">
        <v>4</v>
      </c>
      <c r="AG13987">
        <v>4</v>
      </c>
      <c r="AH13987">
        <v>4</v>
      </c>
      <c r="AI13987">
        <v>4</v>
      </c>
      <c r="AJ13987">
        <v>4</v>
      </c>
      <c r="AK13987">
        <v>4</v>
      </c>
      <c r="AL13987">
        <v>4</v>
      </c>
      <c r="AM13987">
        <v>4</v>
      </c>
      <c r="AN13987">
        <v>4</v>
      </c>
      <c r="AO13987">
        <v>4</v>
      </c>
      <c r="AP13987">
        <v>4</v>
      </c>
      <c r="AQ13987">
        <v>4</v>
      </c>
    </row>
    <row r="13988" spans="1:43">
      <c r="A13988" t="s">
        <v>8678</v>
      </c>
      <c r="B13988" t="s">
        <v>8679</v>
      </c>
      <c r="C13988" t="s">
        <v>8680</v>
      </c>
      <c r="D13988" t="s">
        <v>8681</v>
      </c>
      <c r="E13988" t="s">
        <v>8652</v>
      </c>
      <c r="F13988" t="s">
        <v>8653</v>
      </c>
      <c r="G13988" t="s">
        <v>80</v>
      </c>
      <c r="H13988" t="s">
        <v>81</v>
      </c>
      <c r="I13988" s="2">
        <v>0</v>
      </c>
      <c r="J13988" s="2">
        <v>0</v>
      </c>
      <c r="K13988" s="2">
        <v>1</v>
      </c>
      <c r="L13988" t="s">
        <v>995</v>
      </c>
      <c r="M13988" t="s">
        <v>89</v>
      </c>
      <c r="N13988" t="s">
        <v>90</v>
      </c>
      <c r="O13988" t="s">
        <v>85</v>
      </c>
      <c r="P13988" t="s">
        <v>86</v>
      </c>
      <c r="Q13988">
        <v>5</v>
      </c>
      <c r="R13988">
        <v>5</v>
      </c>
      <c r="S13988">
        <v>5</v>
      </c>
      <c r="T13988">
        <v>5</v>
      </c>
      <c r="U13988">
        <v>5</v>
      </c>
      <c r="V13988">
        <v>5</v>
      </c>
      <c r="W13988">
        <v>5</v>
      </c>
      <c r="X13988">
        <v>5</v>
      </c>
      <c r="Y13988">
        <v>5</v>
      </c>
      <c r="Z13988">
        <v>5</v>
      </c>
      <c r="AA13988">
        <v>5</v>
      </c>
      <c r="AB13988">
        <v>5</v>
      </c>
      <c r="AC13988">
        <v>5</v>
      </c>
      <c r="AD13988">
        <v>5</v>
      </c>
      <c r="AE13988">
        <v>5</v>
      </c>
      <c r="AF13988">
        <v>5</v>
      </c>
      <c r="AG13988">
        <v>5</v>
      </c>
      <c r="AH13988">
        <v>5</v>
      </c>
      <c r="AI13988">
        <v>5</v>
      </c>
      <c r="AJ13988">
        <v>5</v>
      </c>
      <c r="AK13988">
        <v>5</v>
      </c>
      <c r="AL13988">
        <v>5</v>
      </c>
      <c r="AM13988">
        <v>5</v>
      </c>
      <c r="AN13988">
        <v>5</v>
      </c>
      <c r="AO13988">
        <v>5</v>
      </c>
      <c r="AP13988">
        <v>5</v>
      </c>
      <c r="AQ13988">
        <v>5</v>
      </c>
    </row>
    <row r="13989" spans="1:43">
      <c r="A13989" t="s">
        <v>8678</v>
      </c>
      <c r="B13989" t="s">
        <v>8679</v>
      </c>
      <c r="C13989" t="s">
        <v>8680</v>
      </c>
      <c r="D13989" t="s">
        <v>8681</v>
      </c>
      <c r="E13989" t="s">
        <v>8652</v>
      </c>
      <c r="F13989" t="s">
        <v>8653</v>
      </c>
      <c r="G13989" t="s">
        <v>80</v>
      </c>
      <c r="H13989" t="s">
        <v>81</v>
      </c>
      <c r="I13989" s="2">
        <v>0</v>
      </c>
      <c r="J13989" s="2">
        <v>0</v>
      </c>
      <c r="K13989" s="2">
        <v>1</v>
      </c>
      <c r="L13989" t="s">
        <v>995</v>
      </c>
      <c r="M13989" t="s">
        <v>83</v>
      </c>
      <c r="N13989" t="s">
        <v>91</v>
      </c>
      <c r="O13989" t="s">
        <v>85</v>
      </c>
      <c r="P13989" t="s">
        <v>86</v>
      </c>
      <c r="Q13989">
        <v>5</v>
      </c>
      <c r="R13989">
        <v>5</v>
      </c>
      <c r="S13989">
        <v>5</v>
      </c>
      <c r="T13989">
        <v>5</v>
      </c>
      <c r="U13989">
        <v>5</v>
      </c>
      <c r="V13989">
        <v>5</v>
      </c>
      <c r="W13989">
        <v>5</v>
      </c>
      <c r="X13989">
        <v>5</v>
      </c>
      <c r="Y13989">
        <v>5</v>
      </c>
      <c r="Z13989">
        <v>5</v>
      </c>
      <c r="AA13989">
        <v>5</v>
      </c>
      <c r="AB13989">
        <v>5</v>
      </c>
      <c r="AC13989">
        <v>5</v>
      </c>
      <c r="AD13989">
        <v>5</v>
      </c>
      <c r="AE13989">
        <v>5</v>
      </c>
      <c r="AF13989">
        <v>5</v>
      </c>
      <c r="AG13989">
        <v>5</v>
      </c>
      <c r="AH13989">
        <v>5</v>
      </c>
      <c r="AI13989">
        <v>5</v>
      </c>
      <c r="AJ13989">
        <v>5</v>
      </c>
      <c r="AK13989">
        <v>5</v>
      </c>
      <c r="AL13989">
        <v>5</v>
      </c>
      <c r="AM13989">
        <v>5</v>
      </c>
      <c r="AN13989">
        <v>5</v>
      </c>
      <c r="AO13989">
        <v>5</v>
      </c>
      <c r="AP13989">
        <v>5</v>
      </c>
      <c r="AQ13989">
        <v>5</v>
      </c>
    </row>
    <row r="13990" spans="1:43">
      <c r="A13990" t="s">
        <v>8682</v>
      </c>
      <c r="B13990" t="s">
        <v>8683</v>
      </c>
      <c r="C13990" t="s">
        <v>8668</v>
      </c>
      <c r="D13990" t="s">
        <v>8669</v>
      </c>
      <c r="E13990" t="s">
        <v>8652</v>
      </c>
      <c r="F13990" t="s">
        <v>8653</v>
      </c>
      <c r="G13990" t="s">
        <v>80</v>
      </c>
      <c r="H13990" t="s">
        <v>81</v>
      </c>
      <c r="I13990" s="2">
        <v>0</v>
      </c>
      <c r="J13990" s="2">
        <v>0</v>
      </c>
      <c r="K13990" s="2">
        <v>1</v>
      </c>
      <c r="L13990" t="s">
        <v>995</v>
      </c>
      <c r="M13990" t="s">
        <v>83</v>
      </c>
      <c r="N13990" t="s">
        <v>84</v>
      </c>
      <c r="O13990" t="s">
        <v>85</v>
      </c>
      <c r="P13990" t="s">
        <v>86</v>
      </c>
      <c r="Q13990">
        <v>23</v>
      </c>
      <c r="R13990">
        <v>24</v>
      </c>
      <c r="S13990">
        <v>24</v>
      </c>
      <c r="T13990">
        <v>24</v>
      </c>
      <c r="U13990">
        <v>24</v>
      </c>
      <c r="V13990">
        <v>24</v>
      </c>
      <c r="W13990">
        <v>24</v>
      </c>
      <c r="X13990">
        <v>24</v>
      </c>
      <c r="Y13990">
        <v>24</v>
      </c>
      <c r="Z13990">
        <v>24</v>
      </c>
      <c r="AA13990">
        <v>24</v>
      </c>
      <c r="AB13990">
        <v>24</v>
      </c>
      <c r="AC13990">
        <v>24</v>
      </c>
      <c r="AD13990">
        <v>24</v>
      </c>
      <c r="AE13990">
        <v>25</v>
      </c>
      <c r="AF13990">
        <v>25</v>
      </c>
      <c r="AG13990">
        <v>25</v>
      </c>
      <c r="AH13990">
        <v>25</v>
      </c>
      <c r="AI13990">
        <v>25</v>
      </c>
      <c r="AJ13990">
        <v>25</v>
      </c>
      <c r="AK13990">
        <v>25</v>
      </c>
      <c r="AL13990">
        <v>25</v>
      </c>
      <c r="AM13990">
        <v>24</v>
      </c>
      <c r="AN13990">
        <v>24</v>
      </c>
      <c r="AO13990">
        <v>24</v>
      </c>
      <c r="AP13990">
        <v>24</v>
      </c>
      <c r="AQ13990">
        <v>24</v>
      </c>
    </row>
    <row r="13991" spans="1:43">
      <c r="A13991" t="s">
        <v>8682</v>
      </c>
      <c r="B13991" t="s">
        <v>8683</v>
      </c>
      <c r="C13991" t="s">
        <v>8668</v>
      </c>
      <c r="D13991" t="s">
        <v>8669</v>
      </c>
      <c r="E13991" t="s">
        <v>8652</v>
      </c>
      <c r="F13991" t="s">
        <v>8653</v>
      </c>
      <c r="G13991" t="s">
        <v>80</v>
      </c>
      <c r="H13991" t="s">
        <v>81</v>
      </c>
      <c r="I13991" s="2">
        <v>0</v>
      </c>
      <c r="J13991" s="2">
        <v>0</v>
      </c>
      <c r="K13991" s="2">
        <v>1</v>
      </c>
      <c r="L13991" t="s">
        <v>995</v>
      </c>
      <c r="M13991" t="s">
        <v>87</v>
      </c>
      <c r="N13991" t="s">
        <v>88</v>
      </c>
      <c r="O13991" t="s">
        <v>85</v>
      </c>
      <c r="P13991" t="s">
        <v>86</v>
      </c>
      <c r="Q13991">
        <v>23</v>
      </c>
      <c r="R13991">
        <v>23</v>
      </c>
      <c r="S13991">
        <v>23</v>
      </c>
      <c r="T13991">
        <v>23</v>
      </c>
      <c r="U13991">
        <v>23</v>
      </c>
      <c r="V13991">
        <v>23</v>
      </c>
      <c r="W13991">
        <v>23</v>
      </c>
      <c r="X13991">
        <v>22</v>
      </c>
      <c r="Y13991">
        <v>22</v>
      </c>
      <c r="Z13991">
        <v>22</v>
      </c>
      <c r="AA13991">
        <v>22</v>
      </c>
      <c r="AB13991">
        <v>22</v>
      </c>
      <c r="AC13991">
        <v>22</v>
      </c>
      <c r="AD13991">
        <v>22</v>
      </c>
      <c r="AE13991">
        <v>22</v>
      </c>
      <c r="AF13991">
        <v>22</v>
      </c>
      <c r="AG13991">
        <v>22</v>
      </c>
      <c r="AH13991">
        <v>21</v>
      </c>
      <c r="AI13991">
        <v>21</v>
      </c>
      <c r="AJ13991">
        <v>21</v>
      </c>
      <c r="AK13991">
        <v>21</v>
      </c>
      <c r="AL13991">
        <v>21</v>
      </c>
      <c r="AM13991">
        <v>21</v>
      </c>
      <c r="AN13991">
        <v>21</v>
      </c>
      <c r="AO13991">
        <v>21</v>
      </c>
      <c r="AP13991">
        <v>21</v>
      </c>
      <c r="AQ13991">
        <v>21</v>
      </c>
    </row>
    <row r="13992" spans="1:43">
      <c r="A13992" t="s">
        <v>8682</v>
      </c>
      <c r="B13992" t="s">
        <v>8683</v>
      </c>
      <c r="C13992" t="s">
        <v>8668</v>
      </c>
      <c r="D13992" t="s">
        <v>8669</v>
      </c>
      <c r="E13992" t="s">
        <v>8652</v>
      </c>
      <c r="F13992" t="s">
        <v>8653</v>
      </c>
      <c r="G13992" t="s">
        <v>80</v>
      </c>
      <c r="H13992" t="s">
        <v>81</v>
      </c>
      <c r="I13992" s="2">
        <v>0</v>
      </c>
      <c r="J13992" s="2">
        <v>0</v>
      </c>
      <c r="K13992" s="2">
        <v>1</v>
      </c>
      <c r="L13992" t="s">
        <v>995</v>
      </c>
      <c r="M13992" t="s">
        <v>89</v>
      </c>
      <c r="N13992" t="s">
        <v>90</v>
      </c>
      <c r="O13992" t="s">
        <v>85</v>
      </c>
      <c r="P13992" t="s">
        <v>86</v>
      </c>
      <c r="Q13992">
        <v>23</v>
      </c>
      <c r="R13992">
        <v>23</v>
      </c>
      <c r="S13992">
        <v>23</v>
      </c>
      <c r="T13992">
        <v>24</v>
      </c>
      <c r="U13992">
        <v>24</v>
      </c>
      <c r="V13992">
        <v>24</v>
      </c>
      <c r="W13992">
        <v>24</v>
      </c>
      <c r="X13992">
        <v>24</v>
      </c>
      <c r="Y13992">
        <v>25</v>
      </c>
      <c r="Z13992">
        <v>25</v>
      </c>
      <c r="AA13992">
        <v>25</v>
      </c>
      <c r="AB13992">
        <v>25</v>
      </c>
      <c r="AC13992">
        <v>25</v>
      </c>
      <c r="AD13992">
        <v>25</v>
      </c>
      <c r="AE13992">
        <v>25</v>
      </c>
      <c r="AF13992">
        <v>25</v>
      </c>
      <c r="AG13992">
        <v>25</v>
      </c>
      <c r="AH13992">
        <v>25</v>
      </c>
      <c r="AI13992">
        <v>24</v>
      </c>
      <c r="AJ13992">
        <v>24</v>
      </c>
      <c r="AK13992">
        <v>24</v>
      </c>
      <c r="AL13992">
        <v>24</v>
      </c>
      <c r="AM13992">
        <v>24</v>
      </c>
      <c r="AN13992">
        <v>24</v>
      </c>
      <c r="AO13992">
        <v>23</v>
      </c>
      <c r="AP13992">
        <v>23</v>
      </c>
      <c r="AQ13992">
        <v>23</v>
      </c>
    </row>
    <row r="13993" spans="1:43">
      <c r="A13993" t="s">
        <v>8682</v>
      </c>
      <c r="B13993" t="s">
        <v>8683</v>
      </c>
      <c r="C13993" t="s">
        <v>8668</v>
      </c>
      <c r="D13993" t="s">
        <v>8669</v>
      </c>
      <c r="E13993" t="s">
        <v>8652</v>
      </c>
      <c r="F13993" t="s">
        <v>8653</v>
      </c>
      <c r="G13993" t="s">
        <v>80</v>
      </c>
      <c r="H13993" t="s">
        <v>81</v>
      </c>
      <c r="I13993" s="2">
        <v>0</v>
      </c>
      <c r="J13993" s="2">
        <v>0</v>
      </c>
      <c r="K13993" s="2">
        <v>1</v>
      </c>
      <c r="L13993" t="s">
        <v>995</v>
      </c>
      <c r="M13993" t="s">
        <v>83</v>
      </c>
      <c r="N13993" t="s">
        <v>91</v>
      </c>
      <c r="O13993" t="s">
        <v>85</v>
      </c>
      <c r="P13993" t="s">
        <v>86</v>
      </c>
      <c r="Q13993">
        <v>23</v>
      </c>
      <c r="R13993">
        <v>24</v>
      </c>
      <c r="S13993">
        <v>24</v>
      </c>
      <c r="T13993">
        <v>24</v>
      </c>
      <c r="U13993">
        <v>24</v>
      </c>
      <c r="V13993">
        <v>24</v>
      </c>
      <c r="W13993">
        <v>24</v>
      </c>
      <c r="X13993">
        <v>24</v>
      </c>
      <c r="Y13993">
        <v>24</v>
      </c>
      <c r="Z13993">
        <v>24</v>
      </c>
      <c r="AA13993">
        <v>24</v>
      </c>
      <c r="AB13993">
        <v>24</v>
      </c>
      <c r="AC13993">
        <v>24</v>
      </c>
      <c r="AD13993">
        <v>24</v>
      </c>
      <c r="AE13993">
        <v>25</v>
      </c>
      <c r="AF13993">
        <v>25</v>
      </c>
      <c r="AG13993">
        <v>25</v>
      </c>
      <c r="AH13993">
        <v>25</v>
      </c>
      <c r="AI13993">
        <v>25</v>
      </c>
      <c r="AJ13993">
        <v>25</v>
      </c>
      <c r="AK13993">
        <v>25</v>
      </c>
      <c r="AL13993">
        <v>25</v>
      </c>
      <c r="AM13993">
        <v>24</v>
      </c>
      <c r="AN13993">
        <v>24</v>
      </c>
      <c r="AO13993">
        <v>24</v>
      </c>
      <c r="AP13993">
        <v>24</v>
      </c>
      <c r="AQ13993">
        <v>24</v>
      </c>
    </row>
    <row r="13994" spans="1:43">
      <c r="A13994" t="s">
        <v>8684</v>
      </c>
      <c r="B13994" t="s">
        <v>8685</v>
      </c>
      <c r="C13994" t="s">
        <v>8668</v>
      </c>
      <c r="D13994" t="s">
        <v>8669</v>
      </c>
      <c r="E13994" t="s">
        <v>8652</v>
      </c>
      <c r="F13994" t="s">
        <v>8653</v>
      </c>
      <c r="G13994" t="s">
        <v>80</v>
      </c>
      <c r="H13994" t="s">
        <v>81</v>
      </c>
      <c r="I13994" s="2">
        <v>0</v>
      </c>
      <c r="J13994" s="2">
        <v>0</v>
      </c>
      <c r="K13994" s="2">
        <v>1</v>
      </c>
      <c r="L13994" t="s">
        <v>995</v>
      </c>
      <c r="M13994" t="s">
        <v>83</v>
      </c>
      <c r="N13994" t="s">
        <v>84</v>
      </c>
      <c r="O13994" t="s">
        <v>85</v>
      </c>
      <c r="P13994" t="s">
        <v>86</v>
      </c>
      <c r="Q13994">
        <v>17</v>
      </c>
      <c r="R13994">
        <v>18</v>
      </c>
      <c r="S13994">
        <v>18</v>
      </c>
      <c r="T13994">
        <v>18</v>
      </c>
      <c r="U13994">
        <v>18</v>
      </c>
      <c r="V13994">
        <v>18</v>
      </c>
      <c r="W13994">
        <v>18</v>
      </c>
      <c r="X13994">
        <v>18</v>
      </c>
      <c r="Y13994">
        <v>18</v>
      </c>
      <c r="Z13994">
        <v>18</v>
      </c>
      <c r="AA13994">
        <v>18</v>
      </c>
      <c r="AB13994">
        <v>18</v>
      </c>
      <c r="AC13994">
        <v>18</v>
      </c>
      <c r="AD13994">
        <v>18</v>
      </c>
      <c r="AE13994">
        <v>18</v>
      </c>
      <c r="AF13994">
        <v>18</v>
      </c>
      <c r="AG13994">
        <v>18</v>
      </c>
      <c r="AH13994">
        <v>18</v>
      </c>
      <c r="AI13994">
        <v>18</v>
      </c>
      <c r="AJ13994">
        <v>18</v>
      </c>
      <c r="AK13994">
        <v>18</v>
      </c>
      <c r="AL13994">
        <v>18</v>
      </c>
      <c r="AM13994">
        <v>18</v>
      </c>
      <c r="AN13994">
        <v>18</v>
      </c>
      <c r="AO13994">
        <v>18</v>
      </c>
      <c r="AP13994">
        <v>18</v>
      </c>
      <c r="AQ13994">
        <v>18</v>
      </c>
    </row>
    <row r="13995" spans="1:43">
      <c r="A13995" t="s">
        <v>8684</v>
      </c>
      <c r="B13995" t="s">
        <v>8685</v>
      </c>
      <c r="C13995" t="s">
        <v>8668</v>
      </c>
      <c r="D13995" t="s">
        <v>8669</v>
      </c>
      <c r="E13995" t="s">
        <v>8652</v>
      </c>
      <c r="F13995" t="s">
        <v>8653</v>
      </c>
      <c r="G13995" t="s">
        <v>80</v>
      </c>
      <c r="H13995" t="s">
        <v>81</v>
      </c>
      <c r="I13995" s="2">
        <v>0</v>
      </c>
      <c r="J13995" s="2">
        <v>0</v>
      </c>
      <c r="K13995" s="2">
        <v>1</v>
      </c>
      <c r="L13995" t="s">
        <v>995</v>
      </c>
      <c r="M13995" t="s">
        <v>87</v>
      </c>
      <c r="N13995" t="s">
        <v>88</v>
      </c>
      <c r="O13995" t="s">
        <v>85</v>
      </c>
      <c r="P13995" t="s">
        <v>86</v>
      </c>
      <c r="Q13995">
        <v>17</v>
      </c>
      <c r="R13995">
        <v>17</v>
      </c>
      <c r="S13995">
        <v>17</v>
      </c>
      <c r="T13995">
        <v>17</v>
      </c>
      <c r="U13995">
        <v>17</v>
      </c>
      <c r="V13995">
        <v>17</v>
      </c>
      <c r="W13995">
        <v>17</v>
      </c>
      <c r="X13995">
        <v>17</v>
      </c>
      <c r="Y13995">
        <v>17</v>
      </c>
      <c r="Z13995">
        <v>17</v>
      </c>
      <c r="AA13995">
        <v>17</v>
      </c>
      <c r="AB13995">
        <v>16</v>
      </c>
      <c r="AC13995">
        <v>16</v>
      </c>
      <c r="AD13995">
        <v>16</v>
      </c>
      <c r="AE13995">
        <v>16</v>
      </c>
      <c r="AF13995">
        <v>16</v>
      </c>
      <c r="AG13995">
        <v>16</v>
      </c>
      <c r="AH13995">
        <v>16</v>
      </c>
      <c r="AI13995">
        <v>16</v>
      </c>
      <c r="AJ13995">
        <v>16</v>
      </c>
      <c r="AK13995">
        <v>16</v>
      </c>
      <c r="AL13995">
        <v>16</v>
      </c>
      <c r="AM13995">
        <v>16</v>
      </c>
      <c r="AN13995">
        <v>16</v>
      </c>
      <c r="AO13995">
        <v>16</v>
      </c>
      <c r="AP13995">
        <v>16</v>
      </c>
      <c r="AQ13995">
        <v>15</v>
      </c>
    </row>
    <row r="13996" spans="1:43">
      <c r="A13996" t="s">
        <v>8684</v>
      </c>
      <c r="B13996" t="s">
        <v>8685</v>
      </c>
      <c r="C13996" t="s">
        <v>8668</v>
      </c>
      <c r="D13996" t="s">
        <v>8669</v>
      </c>
      <c r="E13996" t="s">
        <v>8652</v>
      </c>
      <c r="F13996" t="s">
        <v>8653</v>
      </c>
      <c r="G13996" t="s">
        <v>80</v>
      </c>
      <c r="H13996" t="s">
        <v>81</v>
      </c>
      <c r="I13996" s="2">
        <v>0</v>
      </c>
      <c r="J13996" s="2">
        <v>0</v>
      </c>
      <c r="K13996" s="2">
        <v>1</v>
      </c>
      <c r="L13996" t="s">
        <v>995</v>
      </c>
      <c r="M13996" t="s">
        <v>89</v>
      </c>
      <c r="N13996" t="s">
        <v>90</v>
      </c>
      <c r="O13996" t="s">
        <v>85</v>
      </c>
      <c r="P13996" t="s">
        <v>86</v>
      </c>
      <c r="Q13996">
        <v>17</v>
      </c>
      <c r="R13996">
        <v>17</v>
      </c>
      <c r="S13996">
        <v>17</v>
      </c>
      <c r="T13996">
        <v>17</v>
      </c>
      <c r="U13996">
        <v>17</v>
      </c>
      <c r="V13996">
        <v>18</v>
      </c>
      <c r="W13996">
        <v>18</v>
      </c>
      <c r="X13996">
        <v>18</v>
      </c>
      <c r="Y13996">
        <v>18</v>
      </c>
      <c r="Z13996">
        <v>18</v>
      </c>
      <c r="AA13996">
        <v>18</v>
      </c>
      <c r="AB13996">
        <v>18</v>
      </c>
      <c r="AC13996">
        <v>19</v>
      </c>
      <c r="AD13996">
        <v>19</v>
      </c>
      <c r="AE13996">
        <v>19</v>
      </c>
      <c r="AF13996">
        <v>18</v>
      </c>
      <c r="AG13996">
        <v>18</v>
      </c>
      <c r="AH13996">
        <v>18</v>
      </c>
      <c r="AI13996">
        <v>18</v>
      </c>
      <c r="AJ13996">
        <v>18</v>
      </c>
      <c r="AK13996">
        <v>18</v>
      </c>
      <c r="AL13996">
        <v>18</v>
      </c>
      <c r="AM13996">
        <v>17</v>
      </c>
      <c r="AN13996">
        <v>17</v>
      </c>
      <c r="AO13996">
        <v>17</v>
      </c>
      <c r="AP13996">
        <v>17</v>
      </c>
      <c r="AQ13996">
        <v>17</v>
      </c>
    </row>
    <row r="13997" spans="1:43">
      <c r="A13997" t="s">
        <v>8684</v>
      </c>
      <c r="B13997" t="s">
        <v>8685</v>
      </c>
      <c r="C13997" t="s">
        <v>8668</v>
      </c>
      <c r="D13997" t="s">
        <v>8669</v>
      </c>
      <c r="E13997" t="s">
        <v>8652</v>
      </c>
      <c r="F13997" t="s">
        <v>8653</v>
      </c>
      <c r="G13997" t="s">
        <v>80</v>
      </c>
      <c r="H13997" t="s">
        <v>81</v>
      </c>
      <c r="I13997" s="2">
        <v>0</v>
      </c>
      <c r="J13997" s="2">
        <v>0</v>
      </c>
      <c r="K13997" s="2">
        <v>1</v>
      </c>
      <c r="L13997" t="s">
        <v>995</v>
      </c>
      <c r="M13997" t="s">
        <v>83</v>
      </c>
      <c r="N13997" t="s">
        <v>91</v>
      </c>
      <c r="O13997" t="s">
        <v>85</v>
      </c>
      <c r="P13997" t="s">
        <v>86</v>
      </c>
      <c r="Q13997">
        <v>17</v>
      </c>
      <c r="R13997">
        <v>18</v>
      </c>
      <c r="S13997">
        <v>18</v>
      </c>
      <c r="T13997">
        <v>18</v>
      </c>
      <c r="U13997">
        <v>18</v>
      </c>
      <c r="V13997">
        <v>18</v>
      </c>
      <c r="W13997">
        <v>18</v>
      </c>
      <c r="X13997">
        <v>18</v>
      </c>
      <c r="Y13997">
        <v>18</v>
      </c>
      <c r="Z13997">
        <v>18</v>
      </c>
      <c r="AA13997">
        <v>18</v>
      </c>
      <c r="AB13997">
        <v>18</v>
      </c>
      <c r="AC13997">
        <v>18</v>
      </c>
      <c r="AD13997">
        <v>18</v>
      </c>
      <c r="AE13997">
        <v>18</v>
      </c>
      <c r="AF13997">
        <v>18</v>
      </c>
      <c r="AG13997">
        <v>18</v>
      </c>
      <c r="AH13997">
        <v>18</v>
      </c>
      <c r="AI13997">
        <v>18</v>
      </c>
      <c r="AJ13997">
        <v>18</v>
      </c>
      <c r="AK13997">
        <v>18</v>
      </c>
      <c r="AL13997">
        <v>18</v>
      </c>
      <c r="AM13997">
        <v>18</v>
      </c>
      <c r="AN13997">
        <v>18</v>
      </c>
      <c r="AO13997">
        <v>18</v>
      </c>
      <c r="AP13997">
        <v>18</v>
      </c>
      <c r="AQ13997">
        <v>18</v>
      </c>
    </row>
    <row r="13998" spans="1:43">
      <c r="A13998" t="s">
        <v>8686</v>
      </c>
      <c r="B13998" t="s">
        <v>8687</v>
      </c>
      <c r="C13998" t="s">
        <v>8688</v>
      </c>
      <c r="D13998" t="s">
        <v>8689</v>
      </c>
      <c r="E13998" t="s">
        <v>8652</v>
      </c>
      <c r="F13998" t="s">
        <v>8653</v>
      </c>
      <c r="G13998" t="s">
        <v>80</v>
      </c>
      <c r="H13998" t="s">
        <v>81</v>
      </c>
      <c r="I13998" s="2">
        <v>0</v>
      </c>
      <c r="J13998" s="2">
        <v>0</v>
      </c>
      <c r="K13998" s="2">
        <v>1</v>
      </c>
      <c r="L13998" t="s">
        <v>995</v>
      </c>
      <c r="M13998" t="s">
        <v>83</v>
      </c>
      <c r="N13998" t="s">
        <v>84</v>
      </c>
      <c r="O13998" t="s">
        <v>85</v>
      </c>
      <c r="P13998" t="s">
        <v>86</v>
      </c>
      <c r="Q13998">
        <v>15</v>
      </c>
      <c r="R13998">
        <v>15</v>
      </c>
      <c r="S13998">
        <v>15</v>
      </c>
      <c r="T13998">
        <v>15</v>
      </c>
      <c r="U13998">
        <v>15</v>
      </c>
      <c r="V13998">
        <v>15</v>
      </c>
      <c r="W13998">
        <v>15</v>
      </c>
      <c r="X13998">
        <v>16</v>
      </c>
      <c r="Y13998">
        <v>16</v>
      </c>
      <c r="Z13998">
        <v>16</v>
      </c>
      <c r="AA13998">
        <v>16</v>
      </c>
      <c r="AB13998">
        <v>16</v>
      </c>
      <c r="AC13998">
        <v>16</v>
      </c>
      <c r="AD13998">
        <v>16</v>
      </c>
      <c r="AE13998">
        <v>16</v>
      </c>
      <c r="AF13998">
        <v>16</v>
      </c>
      <c r="AG13998">
        <v>16</v>
      </c>
      <c r="AH13998">
        <v>16</v>
      </c>
      <c r="AI13998">
        <v>16</v>
      </c>
      <c r="AJ13998">
        <v>16</v>
      </c>
      <c r="AK13998">
        <v>16</v>
      </c>
      <c r="AL13998">
        <v>16</v>
      </c>
      <c r="AM13998">
        <v>16</v>
      </c>
      <c r="AN13998">
        <v>16</v>
      </c>
      <c r="AO13998">
        <v>15</v>
      </c>
      <c r="AP13998">
        <v>15</v>
      </c>
      <c r="AQ13998">
        <v>15</v>
      </c>
    </row>
    <row r="13999" spans="1:43">
      <c r="A13999" t="s">
        <v>8686</v>
      </c>
      <c r="B13999" t="s">
        <v>8687</v>
      </c>
      <c r="C13999" t="s">
        <v>8688</v>
      </c>
      <c r="D13999" t="s">
        <v>8689</v>
      </c>
      <c r="E13999" t="s">
        <v>8652</v>
      </c>
      <c r="F13999" t="s">
        <v>8653</v>
      </c>
      <c r="G13999" t="s">
        <v>80</v>
      </c>
      <c r="H13999" t="s">
        <v>81</v>
      </c>
      <c r="I13999" s="2">
        <v>0</v>
      </c>
      <c r="J13999" s="2">
        <v>0</v>
      </c>
      <c r="K13999" s="2">
        <v>1</v>
      </c>
      <c r="L13999" t="s">
        <v>995</v>
      </c>
      <c r="M13999" t="s">
        <v>87</v>
      </c>
      <c r="N13999" t="s">
        <v>88</v>
      </c>
      <c r="O13999" t="s">
        <v>85</v>
      </c>
      <c r="P13999" t="s">
        <v>86</v>
      </c>
      <c r="Q13999">
        <v>15</v>
      </c>
      <c r="R13999">
        <v>15</v>
      </c>
      <c r="S13999">
        <v>15</v>
      </c>
      <c r="T13999">
        <v>15</v>
      </c>
      <c r="U13999">
        <v>15</v>
      </c>
      <c r="V13999">
        <v>15</v>
      </c>
      <c r="W13999">
        <v>15</v>
      </c>
      <c r="X13999">
        <v>14</v>
      </c>
      <c r="Y13999">
        <v>14</v>
      </c>
      <c r="Z13999">
        <v>14</v>
      </c>
      <c r="AA13999">
        <v>14</v>
      </c>
      <c r="AB13999">
        <v>14</v>
      </c>
      <c r="AC13999">
        <v>14</v>
      </c>
      <c r="AD13999">
        <v>14</v>
      </c>
      <c r="AE13999">
        <v>14</v>
      </c>
      <c r="AF13999">
        <v>14</v>
      </c>
      <c r="AG13999">
        <v>14</v>
      </c>
      <c r="AH13999">
        <v>14</v>
      </c>
      <c r="AI13999">
        <v>14</v>
      </c>
      <c r="AJ13999">
        <v>14</v>
      </c>
      <c r="AK13999">
        <v>14</v>
      </c>
      <c r="AL13999">
        <v>14</v>
      </c>
      <c r="AM13999">
        <v>14</v>
      </c>
      <c r="AN13999">
        <v>14</v>
      </c>
      <c r="AO13999">
        <v>14</v>
      </c>
      <c r="AP13999">
        <v>13</v>
      </c>
      <c r="AQ13999">
        <v>13</v>
      </c>
    </row>
    <row r="14000" spans="1:43">
      <c r="A14000" t="s">
        <v>8686</v>
      </c>
      <c r="B14000" t="s">
        <v>8687</v>
      </c>
      <c r="C14000" t="s">
        <v>8688</v>
      </c>
      <c r="D14000" t="s">
        <v>8689</v>
      </c>
      <c r="E14000" t="s">
        <v>8652</v>
      </c>
      <c r="F14000" t="s">
        <v>8653</v>
      </c>
      <c r="G14000" t="s">
        <v>80</v>
      </c>
      <c r="H14000" t="s">
        <v>81</v>
      </c>
      <c r="I14000" s="2">
        <v>0</v>
      </c>
      <c r="J14000" s="2">
        <v>0</v>
      </c>
      <c r="K14000" s="2">
        <v>1</v>
      </c>
      <c r="L14000" t="s">
        <v>995</v>
      </c>
      <c r="M14000" t="s">
        <v>89</v>
      </c>
      <c r="N14000" t="s">
        <v>90</v>
      </c>
      <c r="O14000" t="s">
        <v>85</v>
      </c>
      <c r="P14000" t="s">
        <v>86</v>
      </c>
      <c r="Q14000">
        <v>15</v>
      </c>
      <c r="R14000">
        <v>15</v>
      </c>
      <c r="S14000">
        <v>16</v>
      </c>
      <c r="T14000">
        <v>16</v>
      </c>
      <c r="U14000">
        <v>16</v>
      </c>
      <c r="V14000">
        <v>16</v>
      </c>
      <c r="W14000">
        <v>16</v>
      </c>
      <c r="X14000">
        <v>16</v>
      </c>
      <c r="Y14000">
        <v>17</v>
      </c>
      <c r="Z14000">
        <v>17</v>
      </c>
      <c r="AA14000">
        <v>17</v>
      </c>
      <c r="AB14000">
        <v>17</v>
      </c>
      <c r="AC14000">
        <v>17</v>
      </c>
      <c r="AD14000">
        <v>17</v>
      </c>
      <c r="AE14000">
        <v>17</v>
      </c>
      <c r="AF14000">
        <v>17</v>
      </c>
      <c r="AG14000">
        <v>17</v>
      </c>
      <c r="AH14000">
        <v>16</v>
      </c>
      <c r="AI14000">
        <v>16</v>
      </c>
      <c r="AJ14000">
        <v>16</v>
      </c>
      <c r="AK14000">
        <v>16</v>
      </c>
      <c r="AL14000">
        <v>16</v>
      </c>
      <c r="AM14000">
        <v>16</v>
      </c>
      <c r="AN14000">
        <v>16</v>
      </c>
      <c r="AO14000">
        <v>16</v>
      </c>
      <c r="AP14000">
        <v>15</v>
      </c>
      <c r="AQ14000">
        <v>15</v>
      </c>
    </row>
    <row r="14001" spans="1:43">
      <c r="A14001" t="s">
        <v>8686</v>
      </c>
      <c r="B14001" t="s">
        <v>8687</v>
      </c>
      <c r="C14001" t="s">
        <v>8688</v>
      </c>
      <c r="D14001" t="s">
        <v>8689</v>
      </c>
      <c r="E14001" t="s">
        <v>8652</v>
      </c>
      <c r="F14001" t="s">
        <v>8653</v>
      </c>
      <c r="G14001" t="s">
        <v>80</v>
      </c>
      <c r="H14001" t="s">
        <v>81</v>
      </c>
      <c r="I14001" s="2">
        <v>0</v>
      </c>
      <c r="J14001" s="2">
        <v>0</v>
      </c>
      <c r="K14001" s="2">
        <v>1</v>
      </c>
      <c r="L14001" t="s">
        <v>995</v>
      </c>
      <c r="M14001" t="s">
        <v>83</v>
      </c>
      <c r="N14001" t="s">
        <v>91</v>
      </c>
      <c r="O14001" t="s">
        <v>85</v>
      </c>
      <c r="P14001" t="s">
        <v>86</v>
      </c>
      <c r="Q14001">
        <v>15</v>
      </c>
      <c r="R14001">
        <v>15</v>
      </c>
      <c r="S14001">
        <v>15</v>
      </c>
      <c r="T14001">
        <v>15</v>
      </c>
      <c r="U14001">
        <v>15</v>
      </c>
      <c r="V14001">
        <v>15</v>
      </c>
      <c r="W14001">
        <v>15</v>
      </c>
      <c r="X14001">
        <v>16</v>
      </c>
      <c r="Y14001">
        <v>16</v>
      </c>
      <c r="Z14001">
        <v>16</v>
      </c>
      <c r="AA14001">
        <v>16</v>
      </c>
      <c r="AB14001">
        <v>16</v>
      </c>
      <c r="AC14001">
        <v>16</v>
      </c>
      <c r="AD14001">
        <v>16</v>
      </c>
      <c r="AE14001">
        <v>16</v>
      </c>
      <c r="AF14001">
        <v>16</v>
      </c>
      <c r="AG14001">
        <v>16</v>
      </c>
      <c r="AH14001">
        <v>16</v>
      </c>
      <c r="AI14001">
        <v>16</v>
      </c>
      <c r="AJ14001">
        <v>16</v>
      </c>
      <c r="AK14001">
        <v>16</v>
      </c>
      <c r="AL14001">
        <v>16</v>
      </c>
      <c r="AM14001">
        <v>16</v>
      </c>
      <c r="AN14001">
        <v>16</v>
      </c>
      <c r="AO14001">
        <v>15</v>
      </c>
      <c r="AP14001">
        <v>15</v>
      </c>
      <c r="AQ14001">
        <v>15</v>
      </c>
    </row>
    <row r="14002" spans="1:43">
      <c r="A14002" t="s">
        <v>8690</v>
      </c>
      <c r="B14002" t="s">
        <v>8691</v>
      </c>
      <c r="C14002" t="s">
        <v>8692</v>
      </c>
      <c r="D14002" t="s">
        <v>8693</v>
      </c>
      <c r="E14002" t="s">
        <v>8652</v>
      </c>
      <c r="F14002" t="s">
        <v>8653</v>
      </c>
      <c r="G14002" t="s">
        <v>80</v>
      </c>
      <c r="H14002" t="s">
        <v>81</v>
      </c>
      <c r="I14002" s="2">
        <v>0</v>
      </c>
      <c r="J14002" s="2">
        <v>0</v>
      </c>
      <c r="K14002" s="2">
        <v>1</v>
      </c>
      <c r="L14002" t="s">
        <v>995</v>
      </c>
      <c r="M14002" t="s">
        <v>83</v>
      </c>
      <c r="N14002" t="s">
        <v>84</v>
      </c>
      <c r="O14002" t="s">
        <v>85</v>
      </c>
      <c r="P14002" t="s">
        <v>86</v>
      </c>
      <c r="Q14002">
        <v>11</v>
      </c>
      <c r="R14002">
        <v>11</v>
      </c>
      <c r="S14002">
        <v>11</v>
      </c>
      <c r="T14002">
        <v>11</v>
      </c>
      <c r="U14002">
        <v>11</v>
      </c>
      <c r="V14002">
        <v>11</v>
      </c>
      <c r="W14002">
        <v>11</v>
      </c>
      <c r="X14002">
        <v>11</v>
      </c>
      <c r="Y14002">
        <v>11</v>
      </c>
      <c r="Z14002">
        <v>11</v>
      </c>
      <c r="AA14002">
        <v>11</v>
      </c>
      <c r="AB14002">
        <v>11</v>
      </c>
      <c r="AC14002">
        <v>11</v>
      </c>
      <c r="AD14002">
        <v>11</v>
      </c>
      <c r="AE14002">
        <v>11</v>
      </c>
      <c r="AF14002">
        <v>11</v>
      </c>
      <c r="AG14002">
        <v>11</v>
      </c>
      <c r="AH14002">
        <v>11</v>
      </c>
      <c r="AI14002">
        <v>11</v>
      </c>
      <c r="AJ14002">
        <v>11</v>
      </c>
      <c r="AK14002">
        <v>11</v>
      </c>
      <c r="AL14002">
        <v>11</v>
      </c>
      <c r="AM14002">
        <v>11</v>
      </c>
      <c r="AN14002">
        <v>11</v>
      </c>
      <c r="AO14002">
        <v>11</v>
      </c>
      <c r="AP14002">
        <v>11</v>
      </c>
      <c r="AQ14002">
        <v>11</v>
      </c>
    </row>
    <row r="14003" spans="1:43">
      <c r="A14003" t="s">
        <v>8690</v>
      </c>
      <c r="B14003" t="s">
        <v>8691</v>
      </c>
      <c r="C14003" t="s">
        <v>8692</v>
      </c>
      <c r="D14003" t="s">
        <v>8693</v>
      </c>
      <c r="E14003" t="s">
        <v>8652</v>
      </c>
      <c r="F14003" t="s">
        <v>8653</v>
      </c>
      <c r="G14003" t="s">
        <v>80</v>
      </c>
      <c r="H14003" t="s">
        <v>81</v>
      </c>
      <c r="I14003" s="2">
        <v>0</v>
      </c>
      <c r="J14003" s="2">
        <v>0</v>
      </c>
      <c r="K14003" s="2">
        <v>1</v>
      </c>
      <c r="L14003" t="s">
        <v>995</v>
      </c>
      <c r="M14003" t="s">
        <v>87</v>
      </c>
      <c r="N14003" t="s">
        <v>88</v>
      </c>
      <c r="O14003" t="s">
        <v>85</v>
      </c>
      <c r="P14003" t="s">
        <v>86</v>
      </c>
      <c r="Q14003">
        <v>11</v>
      </c>
      <c r="R14003">
        <v>10</v>
      </c>
      <c r="S14003">
        <v>10</v>
      </c>
      <c r="T14003">
        <v>10</v>
      </c>
      <c r="U14003">
        <v>10</v>
      </c>
      <c r="V14003">
        <v>10</v>
      </c>
      <c r="W14003">
        <v>10</v>
      </c>
      <c r="X14003">
        <v>10</v>
      </c>
      <c r="Y14003">
        <v>10</v>
      </c>
      <c r="Z14003">
        <v>10</v>
      </c>
      <c r="AA14003">
        <v>10</v>
      </c>
      <c r="AB14003">
        <v>10</v>
      </c>
      <c r="AC14003">
        <v>10</v>
      </c>
      <c r="AD14003">
        <v>10</v>
      </c>
      <c r="AE14003">
        <v>10</v>
      </c>
      <c r="AF14003">
        <v>10</v>
      </c>
      <c r="AG14003">
        <v>10</v>
      </c>
      <c r="AH14003">
        <v>10</v>
      </c>
      <c r="AI14003">
        <v>10</v>
      </c>
      <c r="AJ14003">
        <v>10</v>
      </c>
      <c r="AK14003">
        <v>10</v>
      </c>
      <c r="AL14003">
        <v>9</v>
      </c>
      <c r="AM14003">
        <v>9</v>
      </c>
      <c r="AN14003">
        <v>9</v>
      </c>
      <c r="AO14003">
        <v>9</v>
      </c>
      <c r="AP14003">
        <v>9</v>
      </c>
      <c r="AQ14003">
        <v>9</v>
      </c>
    </row>
    <row r="14004" spans="1:43">
      <c r="A14004" t="s">
        <v>8690</v>
      </c>
      <c r="B14004" t="s">
        <v>8691</v>
      </c>
      <c r="C14004" t="s">
        <v>8692</v>
      </c>
      <c r="D14004" t="s">
        <v>8693</v>
      </c>
      <c r="E14004" t="s">
        <v>8652</v>
      </c>
      <c r="F14004" t="s">
        <v>8653</v>
      </c>
      <c r="G14004" t="s">
        <v>80</v>
      </c>
      <c r="H14004" t="s">
        <v>81</v>
      </c>
      <c r="I14004" s="2">
        <v>0</v>
      </c>
      <c r="J14004" s="2">
        <v>0</v>
      </c>
      <c r="K14004" s="2">
        <v>1</v>
      </c>
      <c r="L14004" t="s">
        <v>995</v>
      </c>
      <c r="M14004" t="s">
        <v>89</v>
      </c>
      <c r="N14004" t="s">
        <v>90</v>
      </c>
      <c r="O14004" t="s">
        <v>85</v>
      </c>
      <c r="P14004" t="s">
        <v>86</v>
      </c>
      <c r="Q14004">
        <v>11</v>
      </c>
      <c r="R14004">
        <v>11</v>
      </c>
      <c r="S14004">
        <v>11</v>
      </c>
      <c r="T14004">
        <v>11</v>
      </c>
      <c r="U14004">
        <v>11</v>
      </c>
      <c r="V14004">
        <v>11</v>
      </c>
      <c r="W14004">
        <v>11</v>
      </c>
      <c r="X14004">
        <v>11</v>
      </c>
      <c r="Y14004">
        <v>12</v>
      </c>
      <c r="Z14004">
        <v>12</v>
      </c>
      <c r="AA14004">
        <v>12</v>
      </c>
      <c r="AB14004">
        <v>12</v>
      </c>
      <c r="AC14004">
        <v>12</v>
      </c>
      <c r="AD14004">
        <v>12</v>
      </c>
      <c r="AE14004">
        <v>12</v>
      </c>
      <c r="AF14004">
        <v>12</v>
      </c>
      <c r="AG14004">
        <v>12</v>
      </c>
      <c r="AH14004">
        <v>11</v>
      </c>
      <c r="AI14004">
        <v>11</v>
      </c>
      <c r="AJ14004">
        <v>11</v>
      </c>
      <c r="AK14004">
        <v>11</v>
      </c>
      <c r="AL14004">
        <v>11</v>
      </c>
      <c r="AM14004">
        <v>11</v>
      </c>
      <c r="AN14004">
        <v>11</v>
      </c>
      <c r="AO14004">
        <v>11</v>
      </c>
      <c r="AP14004">
        <v>11</v>
      </c>
      <c r="AQ14004">
        <v>11</v>
      </c>
    </row>
    <row r="14005" spans="1:43">
      <c r="A14005" t="s">
        <v>8690</v>
      </c>
      <c r="B14005" t="s">
        <v>8691</v>
      </c>
      <c r="C14005" t="s">
        <v>8692</v>
      </c>
      <c r="D14005" t="s">
        <v>8693</v>
      </c>
      <c r="E14005" t="s">
        <v>8652</v>
      </c>
      <c r="F14005" t="s">
        <v>8653</v>
      </c>
      <c r="G14005" t="s">
        <v>80</v>
      </c>
      <c r="H14005" t="s">
        <v>81</v>
      </c>
      <c r="I14005" s="2">
        <v>0</v>
      </c>
      <c r="J14005" s="2">
        <v>0</v>
      </c>
      <c r="K14005" s="2">
        <v>1</v>
      </c>
      <c r="L14005" t="s">
        <v>995</v>
      </c>
      <c r="M14005" t="s">
        <v>83</v>
      </c>
      <c r="N14005" t="s">
        <v>91</v>
      </c>
      <c r="O14005" t="s">
        <v>85</v>
      </c>
      <c r="P14005" t="s">
        <v>86</v>
      </c>
      <c r="Q14005">
        <v>11</v>
      </c>
      <c r="R14005">
        <v>11</v>
      </c>
      <c r="S14005">
        <v>11</v>
      </c>
      <c r="T14005">
        <v>11</v>
      </c>
      <c r="U14005">
        <v>11</v>
      </c>
      <c r="V14005">
        <v>11</v>
      </c>
      <c r="W14005">
        <v>11</v>
      </c>
      <c r="X14005">
        <v>11</v>
      </c>
      <c r="Y14005">
        <v>11</v>
      </c>
      <c r="Z14005">
        <v>11</v>
      </c>
      <c r="AA14005">
        <v>11</v>
      </c>
      <c r="AB14005">
        <v>11</v>
      </c>
      <c r="AC14005">
        <v>11</v>
      </c>
      <c r="AD14005">
        <v>11</v>
      </c>
      <c r="AE14005">
        <v>11</v>
      </c>
      <c r="AF14005">
        <v>11</v>
      </c>
      <c r="AG14005">
        <v>11</v>
      </c>
      <c r="AH14005">
        <v>11</v>
      </c>
      <c r="AI14005">
        <v>11</v>
      </c>
      <c r="AJ14005">
        <v>11</v>
      </c>
      <c r="AK14005">
        <v>11</v>
      </c>
      <c r="AL14005">
        <v>11</v>
      </c>
      <c r="AM14005">
        <v>11</v>
      </c>
      <c r="AN14005">
        <v>11</v>
      </c>
      <c r="AO14005">
        <v>11</v>
      </c>
      <c r="AP14005">
        <v>11</v>
      </c>
      <c r="AQ14005">
        <v>11</v>
      </c>
    </row>
    <row r="14006" spans="1:43">
      <c r="A14006" t="s">
        <v>8694</v>
      </c>
      <c r="B14006" t="s">
        <v>8695</v>
      </c>
      <c r="C14006" t="s">
        <v>8692</v>
      </c>
      <c r="D14006" t="s">
        <v>8693</v>
      </c>
      <c r="E14006" t="s">
        <v>8652</v>
      </c>
      <c r="F14006" t="s">
        <v>8653</v>
      </c>
      <c r="G14006" t="s">
        <v>80</v>
      </c>
      <c r="H14006" t="s">
        <v>81</v>
      </c>
      <c r="I14006" s="2">
        <v>0</v>
      </c>
      <c r="J14006" s="2">
        <v>0</v>
      </c>
      <c r="K14006" s="2">
        <v>1</v>
      </c>
      <c r="L14006" t="s">
        <v>995</v>
      </c>
      <c r="M14006" t="s">
        <v>83</v>
      </c>
      <c r="N14006" t="s">
        <v>84</v>
      </c>
      <c r="O14006" t="s">
        <v>85</v>
      </c>
      <c r="P14006" t="s">
        <v>86</v>
      </c>
      <c r="Q14006">
        <v>32</v>
      </c>
      <c r="R14006">
        <v>32</v>
      </c>
      <c r="S14006">
        <v>32</v>
      </c>
      <c r="T14006">
        <v>32</v>
      </c>
      <c r="U14006">
        <v>32</v>
      </c>
      <c r="V14006">
        <v>32</v>
      </c>
      <c r="W14006">
        <v>32</v>
      </c>
      <c r="X14006">
        <v>32</v>
      </c>
      <c r="Y14006">
        <v>32</v>
      </c>
      <c r="Z14006">
        <v>33</v>
      </c>
      <c r="AA14006">
        <v>33</v>
      </c>
      <c r="AB14006">
        <v>33</v>
      </c>
      <c r="AC14006">
        <v>33</v>
      </c>
      <c r="AD14006">
        <v>33</v>
      </c>
      <c r="AE14006">
        <v>33</v>
      </c>
      <c r="AF14006">
        <v>33</v>
      </c>
      <c r="AG14006">
        <v>33</v>
      </c>
      <c r="AH14006">
        <v>33</v>
      </c>
      <c r="AI14006">
        <v>33</v>
      </c>
      <c r="AJ14006">
        <v>33</v>
      </c>
      <c r="AK14006">
        <v>33</v>
      </c>
      <c r="AL14006">
        <v>33</v>
      </c>
      <c r="AM14006">
        <v>33</v>
      </c>
      <c r="AN14006">
        <v>32</v>
      </c>
      <c r="AO14006">
        <v>32</v>
      </c>
      <c r="AP14006">
        <v>32</v>
      </c>
      <c r="AQ14006">
        <v>31</v>
      </c>
    </row>
    <row r="14007" spans="1:43">
      <c r="A14007" t="s">
        <v>8694</v>
      </c>
      <c r="B14007" t="s">
        <v>8695</v>
      </c>
      <c r="C14007" t="s">
        <v>8692</v>
      </c>
      <c r="D14007" t="s">
        <v>8693</v>
      </c>
      <c r="E14007" t="s">
        <v>8652</v>
      </c>
      <c r="F14007" t="s">
        <v>8653</v>
      </c>
      <c r="G14007" t="s">
        <v>80</v>
      </c>
      <c r="H14007" t="s">
        <v>81</v>
      </c>
      <c r="I14007" s="2">
        <v>0</v>
      </c>
      <c r="J14007" s="2">
        <v>0</v>
      </c>
      <c r="K14007" s="2">
        <v>1</v>
      </c>
      <c r="L14007" t="s">
        <v>995</v>
      </c>
      <c r="M14007" t="s">
        <v>87</v>
      </c>
      <c r="N14007" t="s">
        <v>88</v>
      </c>
      <c r="O14007" t="s">
        <v>85</v>
      </c>
      <c r="P14007" t="s">
        <v>86</v>
      </c>
      <c r="Q14007">
        <v>32</v>
      </c>
      <c r="R14007">
        <v>32</v>
      </c>
      <c r="S14007">
        <v>32</v>
      </c>
      <c r="T14007">
        <v>32</v>
      </c>
      <c r="U14007">
        <v>32</v>
      </c>
      <c r="V14007">
        <v>31</v>
      </c>
      <c r="W14007">
        <v>31</v>
      </c>
      <c r="X14007">
        <v>31</v>
      </c>
      <c r="Y14007">
        <v>31</v>
      </c>
      <c r="Z14007">
        <v>31</v>
      </c>
      <c r="AA14007">
        <v>31</v>
      </c>
      <c r="AB14007">
        <v>31</v>
      </c>
      <c r="AC14007">
        <v>30</v>
      </c>
      <c r="AD14007">
        <v>30</v>
      </c>
      <c r="AE14007">
        <v>30</v>
      </c>
      <c r="AF14007">
        <v>30</v>
      </c>
      <c r="AG14007">
        <v>30</v>
      </c>
      <c r="AH14007">
        <v>30</v>
      </c>
      <c r="AI14007">
        <v>30</v>
      </c>
      <c r="AJ14007">
        <v>29</v>
      </c>
      <c r="AK14007">
        <v>29</v>
      </c>
      <c r="AL14007">
        <v>29</v>
      </c>
      <c r="AM14007">
        <v>29</v>
      </c>
      <c r="AN14007">
        <v>29</v>
      </c>
      <c r="AO14007">
        <v>29</v>
      </c>
      <c r="AP14007">
        <v>29</v>
      </c>
      <c r="AQ14007">
        <v>29</v>
      </c>
    </row>
    <row r="14008" spans="1:43">
      <c r="A14008" t="s">
        <v>8694</v>
      </c>
      <c r="B14008" t="s">
        <v>8695</v>
      </c>
      <c r="C14008" t="s">
        <v>8692</v>
      </c>
      <c r="D14008" t="s">
        <v>8693</v>
      </c>
      <c r="E14008" t="s">
        <v>8652</v>
      </c>
      <c r="F14008" t="s">
        <v>8653</v>
      </c>
      <c r="G14008" t="s">
        <v>80</v>
      </c>
      <c r="H14008" t="s">
        <v>81</v>
      </c>
      <c r="I14008" s="2">
        <v>0</v>
      </c>
      <c r="J14008" s="2">
        <v>0</v>
      </c>
      <c r="K14008" s="2">
        <v>1</v>
      </c>
      <c r="L14008" t="s">
        <v>995</v>
      </c>
      <c r="M14008" t="s">
        <v>89</v>
      </c>
      <c r="N14008" t="s">
        <v>90</v>
      </c>
      <c r="O14008" t="s">
        <v>85</v>
      </c>
      <c r="P14008" t="s">
        <v>86</v>
      </c>
      <c r="Q14008">
        <v>32</v>
      </c>
      <c r="R14008">
        <v>32</v>
      </c>
      <c r="S14008">
        <v>33</v>
      </c>
      <c r="T14008">
        <v>33</v>
      </c>
      <c r="U14008">
        <v>33</v>
      </c>
      <c r="V14008">
        <v>34</v>
      </c>
      <c r="W14008">
        <v>34</v>
      </c>
      <c r="X14008">
        <v>34</v>
      </c>
      <c r="Y14008">
        <v>34</v>
      </c>
      <c r="Z14008">
        <v>34</v>
      </c>
      <c r="AA14008">
        <v>35</v>
      </c>
      <c r="AB14008">
        <v>35</v>
      </c>
      <c r="AC14008">
        <v>35</v>
      </c>
      <c r="AD14008">
        <v>35</v>
      </c>
      <c r="AE14008">
        <v>35</v>
      </c>
      <c r="AF14008">
        <v>35</v>
      </c>
      <c r="AG14008">
        <v>34</v>
      </c>
      <c r="AH14008">
        <v>34</v>
      </c>
      <c r="AI14008">
        <v>34</v>
      </c>
      <c r="AJ14008">
        <v>34</v>
      </c>
      <c r="AK14008">
        <v>33</v>
      </c>
      <c r="AL14008">
        <v>33</v>
      </c>
      <c r="AM14008">
        <v>33</v>
      </c>
      <c r="AN14008">
        <v>32</v>
      </c>
      <c r="AO14008">
        <v>32</v>
      </c>
      <c r="AP14008">
        <v>32</v>
      </c>
      <c r="AQ14008">
        <v>32</v>
      </c>
    </row>
    <row r="14009" spans="1:43">
      <c r="A14009" t="s">
        <v>8694</v>
      </c>
      <c r="B14009" t="s">
        <v>8695</v>
      </c>
      <c r="C14009" t="s">
        <v>8692</v>
      </c>
      <c r="D14009" t="s">
        <v>8693</v>
      </c>
      <c r="E14009" t="s">
        <v>8652</v>
      </c>
      <c r="F14009" t="s">
        <v>8653</v>
      </c>
      <c r="G14009" t="s">
        <v>80</v>
      </c>
      <c r="H14009" t="s">
        <v>81</v>
      </c>
      <c r="I14009" s="2">
        <v>0</v>
      </c>
      <c r="J14009" s="2">
        <v>0</v>
      </c>
      <c r="K14009" s="2">
        <v>1</v>
      </c>
      <c r="L14009" t="s">
        <v>995</v>
      </c>
      <c r="M14009" t="s">
        <v>83</v>
      </c>
      <c r="N14009" t="s">
        <v>91</v>
      </c>
      <c r="O14009" t="s">
        <v>85</v>
      </c>
      <c r="P14009" t="s">
        <v>86</v>
      </c>
      <c r="Q14009">
        <v>32</v>
      </c>
      <c r="R14009">
        <v>32</v>
      </c>
      <c r="S14009">
        <v>32</v>
      </c>
      <c r="T14009">
        <v>32</v>
      </c>
      <c r="U14009">
        <v>32</v>
      </c>
      <c r="V14009">
        <v>32</v>
      </c>
      <c r="W14009">
        <v>32</v>
      </c>
      <c r="X14009">
        <v>32</v>
      </c>
      <c r="Y14009">
        <v>32</v>
      </c>
      <c r="Z14009">
        <v>33</v>
      </c>
      <c r="AA14009">
        <v>33</v>
      </c>
      <c r="AB14009">
        <v>33</v>
      </c>
      <c r="AC14009">
        <v>33</v>
      </c>
      <c r="AD14009">
        <v>33</v>
      </c>
      <c r="AE14009">
        <v>33</v>
      </c>
      <c r="AF14009">
        <v>33</v>
      </c>
      <c r="AG14009">
        <v>33</v>
      </c>
      <c r="AH14009">
        <v>33</v>
      </c>
      <c r="AI14009">
        <v>33</v>
      </c>
      <c r="AJ14009">
        <v>33</v>
      </c>
      <c r="AK14009">
        <v>33</v>
      </c>
      <c r="AL14009">
        <v>33</v>
      </c>
      <c r="AM14009">
        <v>33</v>
      </c>
      <c r="AN14009">
        <v>32</v>
      </c>
      <c r="AO14009">
        <v>32</v>
      </c>
      <c r="AP14009">
        <v>32</v>
      </c>
      <c r="AQ14009">
        <v>31</v>
      </c>
    </row>
    <row r="14010" spans="1:43">
      <c r="A14010" t="s">
        <v>8696</v>
      </c>
      <c r="B14010" t="s">
        <v>8697</v>
      </c>
      <c r="C14010" t="s">
        <v>8698</v>
      </c>
      <c r="D14010" t="s">
        <v>8699</v>
      </c>
      <c r="E14010" t="s">
        <v>8652</v>
      </c>
      <c r="F14010" t="s">
        <v>8653</v>
      </c>
      <c r="G14010" t="s">
        <v>80</v>
      </c>
      <c r="H14010" t="s">
        <v>81</v>
      </c>
      <c r="I14010" s="2">
        <v>0</v>
      </c>
      <c r="J14010" s="2">
        <v>0</v>
      </c>
      <c r="K14010" s="2">
        <v>1</v>
      </c>
      <c r="L14010" t="s">
        <v>995</v>
      </c>
      <c r="M14010" t="s">
        <v>83</v>
      </c>
      <c r="N14010" t="s">
        <v>84</v>
      </c>
      <c r="O14010" t="s">
        <v>85</v>
      </c>
      <c r="P14010" t="s">
        <v>86</v>
      </c>
      <c r="Q14010">
        <v>20</v>
      </c>
      <c r="R14010">
        <v>20</v>
      </c>
      <c r="S14010">
        <v>20</v>
      </c>
      <c r="T14010">
        <v>20</v>
      </c>
      <c r="U14010">
        <v>20</v>
      </c>
      <c r="V14010">
        <v>20</v>
      </c>
      <c r="W14010">
        <v>20</v>
      </c>
      <c r="X14010">
        <v>20</v>
      </c>
      <c r="Y14010">
        <v>21</v>
      </c>
      <c r="Z14010">
        <v>21</v>
      </c>
      <c r="AA14010">
        <v>21</v>
      </c>
      <c r="AB14010">
        <v>21</v>
      </c>
      <c r="AC14010">
        <v>21</v>
      </c>
      <c r="AD14010">
        <v>21</v>
      </c>
      <c r="AE14010">
        <v>21</v>
      </c>
      <c r="AF14010">
        <v>21</v>
      </c>
      <c r="AG14010">
        <v>21</v>
      </c>
      <c r="AH14010">
        <v>21</v>
      </c>
      <c r="AI14010">
        <v>21</v>
      </c>
      <c r="AJ14010">
        <v>21</v>
      </c>
      <c r="AK14010">
        <v>21</v>
      </c>
      <c r="AL14010">
        <v>21</v>
      </c>
      <c r="AM14010">
        <v>21</v>
      </c>
      <c r="AN14010">
        <v>21</v>
      </c>
      <c r="AO14010">
        <v>20</v>
      </c>
      <c r="AP14010">
        <v>20</v>
      </c>
      <c r="AQ14010">
        <v>20</v>
      </c>
    </row>
    <row r="14011" spans="1:43">
      <c r="A14011" t="s">
        <v>8696</v>
      </c>
      <c r="B14011" t="s">
        <v>8697</v>
      </c>
      <c r="C14011" t="s">
        <v>8698</v>
      </c>
      <c r="D14011" t="s">
        <v>8699</v>
      </c>
      <c r="E14011" t="s">
        <v>8652</v>
      </c>
      <c r="F14011" t="s">
        <v>8653</v>
      </c>
      <c r="G14011" t="s">
        <v>80</v>
      </c>
      <c r="H14011" t="s">
        <v>81</v>
      </c>
      <c r="I14011" s="2">
        <v>0</v>
      </c>
      <c r="J14011" s="2">
        <v>0</v>
      </c>
      <c r="K14011" s="2">
        <v>1</v>
      </c>
      <c r="L14011" t="s">
        <v>995</v>
      </c>
      <c r="M14011" t="s">
        <v>87</v>
      </c>
      <c r="N14011" t="s">
        <v>88</v>
      </c>
      <c r="O14011" t="s">
        <v>85</v>
      </c>
      <c r="P14011" t="s">
        <v>86</v>
      </c>
      <c r="Q14011">
        <v>20</v>
      </c>
      <c r="R14011">
        <v>20</v>
      </c>
      <c r="S14011">
        <v>20</v>
      </c>
      <c r="T14011">
        <v>19</v>
      </c>
      <c r="U14011">
        <v>19</v>
      </c>
      <c r="V14011">
        <v>19</v>
      </c>
      <c r="W14011">
        <v>19</v>
      </c>
      <c r="X14011">
        <v>19</v>
      </c>
      <c r="Y14011">
        <v>19</v>
      </c>
      <c r="Z14011">
        <v>19</v>
      </c>
      <c r="AA14011">
        <v>19</v>
      </c>
      <c r="AB14011">
        <v>19</v>
      </c>
      <c r="AC14011">
        <v>19</v>
      </c>
      <c r="AD14011">
        <v>19</v>
      </c>
      <c r="AE14011">
        <v>19</v>
      </c>
      <c r="AF14011">
        <v>18</v>
      </c>
      <c r="AG14011">
        <v>18</v>
      </c>
      <c r="AH14011">
        <v>18</v>
      </c>
      <c r="AI14011">
        <v>18</v>
      </c>
      <c r="AJ14011">
        <v>18</v>
      </c>
      <c r="AK14011">
        <v>18</v>
      </c>
      <c r="AL14011">
        <v>18</v>
      </c>
      <c r="AM14011">
        <v>18</v>
      </c>
      <c r="AN14011">
        <v>18</v>
      </c>
      <c r="AO14011">
        <v>18</v>
      </c>
      <c r="AP14011">
        <v>18</v>
      </c>
      <c r="AQ14011">
        <v>18</v>
      </c>
    </row>
    <row r="14012" spans="1:43">
      <c r="A14012" t="s">
        <v>8696</v>
      </c>
      <c r="B14012" t="s">
        <v>8697</v>
      </c>
      <c r="C14012" t="s">
        <v>8698</v>
      </c>
      <c r="D14012" t="s">
        <v>8699</v>
      </c>
      <c r="E14012" t="s">
        <v>8652</v>
      </c>
      <c r="F14012" t="s">
        <v>8653</v>
      </c>
      <c r="G14012" t="s">
        <v>80</v>
      </c>
      <c r="H14012" t="s">
        <v>81</v>
      </c>
      <c r="I14012" s="2">
        <v>0</v>
      </c>
      <c r="J14012" s="2">
        <v>0</v>
      </c>
      <c r="K14012" s="2">
        <v>1</v>
      </c>
      <c r="L14012" t="s">
        <v>995</v>
      </c>
      <c r="M14012" t="s">
        <v>89</v>
      </c>
      <c r="N14012" t="s">
        <v>90</v>
      </c>
      <c r="O14012" t="s">
        <v>85</v>
      </c>
      <c r="P14012" t="s">
        <v>86</v>
      </c>
      <c r="Q14012">
        <v>20</v>
      </c>
      <c r="R14012">
        <v>20</v>
      </c>
      <c r="S14012">
        <v>21</v>
      </c>
      <c r="T14012">
        <v>21</v>
      </c>
      <c r="U14012">
        <v>21</v>
      </c>
      <c r="V14012">
        <v>21</v>
      </c>
      <c r="W14012">
        <v>21</v>
      </c>
      <c r="X14012">
        <v>22</v>
      </c>
      <c r="Y14012">
        <v>22</v>
      </c>
      <c r="Z14012">
        <v>22</v>
      </c>
      <c r="AA14012">
        <v>22</v>
      </c>
      <c r="AB14012">
        <v>22</v>
      </c>
      <c r="AC14012">
        <v>22</v>
      </c>
      <c r="AD14012">
        <v>22</v>
      </c>
      <c r="AE14012">
        <v>22</v>
      </c>
      <c r="AF14012">
        <v>22</v>
      </c>
      <c r="AG14012">
        <v>22</v>
      </c>
      <c r="AH14012">
        <v>22</v>
      </c>
      <c r="AI14012">
        <v>21</v>
      </c>
      <c r="AJ14012">
        <v>21</v>
      </c>
      <c r="AK14012">
        <v>21</v>
      </c>
      <c r="AL14012">
        <v>21</v>
      </c>
      <c r="AM14012">
        <v>21</v>
      </c>
      <c r="AN14012">
        <v>21</v>
      </c>
      <c r="AO14012">
        <v>20</v>
      </c>
      <c r="AP14012">
        <v>20</v>
      </c>
      <c r="AQ14012">
        <v>20</v>
      </c>
    </row>
    <row r="14013" spans="1:43">
      <c r="A14013" t="s">
        <v>8696</v>
      </c>
      <c r="B14013" t="s">
        <v>8697</v>
      </c>
      <c r="C14013" t="s">
        <v>8698</v>
      </c>
      <c r="D14013" t="s">
        <v>8699</v>
      </c>
      <c r="E14013" t="s">
        <v>8652</v>
      </c>
      <c r="F14013" t="s">
        <v>8653</v>
      </c>
      <c r="G14013" t="s">
        <v>80</v>
      </c>
      <c r="H14013" t="s">
        <v>81</v>
      </c>
      <c r="I14013" s="2">
        <v>0</v>
      </c>
      <c r="J14013" s="2">
        <v>0</v>
      </c>
      <c r="K14013" s="2">
        <v>1</v>
      </c>
      <c r="L14013" t="s">
        <v>995</v>
      </c>
      <c r="M14013" t="s">
        <v>83</v>
      </c>
      <c r="N14013" t="s">
        <v>91</v>
      </c>
      <c r="O14013" t="s">
        <v>85</v>
      </c>
      <c r="P14013" t="s">
        <v>86</v>
      </c>
      <c r="Q14013">
        <v>20</v>
      </c>
      <c r="R14013">
        <v>20</v>
      </c>
      <c r="S14013">
        <v>20</v>
      </c>
      <c r="T14013">
        <v>20</v>
      </c>
      <c r="U14013">
        <v>20</v>
      </c>
      <c r="V14013">
        <v>20</v>
      </c>
      <c r="W14013">
        <v>20</v>
      </c>
      <c r="X14013">
        <v>20</v>
      </c>
      <c r="Y14013">
        <v>21</v>
      </c>
      <c r="Z14013">
        <v>21</v>
      </c>
      <c r="AA14013">
        <v>21</v>
      </c>
      <c r="AB14013">
        <v>21</v>
      </c>
      <c r="AC14013">
        <v>21</v>
      </c>
      <c r="AD14013">
        <v>21</v>
      </c>
      <c r="AE14013">
        <v>21</v>
      </c>
      <c r="AF14013">
        <v>21</v>
      </c>
      <c r="AG14013">
        <v>21</v>
      </c>
      <c r="AH14013">
        <v>21</v>
      </c>
      <c r="AI14013">
        <v>21</v>
      </c>
      <c r="AJ14013">
        <v>21</v>
      </c>
      <c r="AK14013">
        <v>21</v>
      </c>
      <c r="AL14013">
        <v>21</v>
      </c>
      <c r="AM14013">
        <v>21</v>
      </c>
      <c r="AN14013">
        <v>21</v>
      </c>
      <c r="AO14013">
        <v>20</v>
      </c>
      <c r="AP14013">
        <v>20</v>
      </c>
      <c r="AQ14013">
        <v>20</v>
      </c>
    </row>
    <row r="14014" spans="1:43">
      <c r="A14014" t="s">
        <v>8700</v>
      </c>
      <c r="B14014" t="s">
        <v>8701</v>
      </c>
      <c r="C14014" t="s">
        <v>8698</v>
      </c>
      <c r="D14014" t="s">
        <v>8699</v>
      </c>
      <c r="E14014" t="s">
        <v>8652</v>
      </c>
      <c r="F14014" t="s">
        <v>8653</v>
      </c>
      <c r="G14014" t="s">
        <v>80</v>
      </c>
      <c r="H14014" t="s">
        <v>81</v>
      </c>
      <c r="I14014" s="2">
        <v>0</v>
      </c>
      <c r="J14014" s="2">
        <v>0</v>
      </c>
      <c r="K14014" s="2">
        <v>1</v>
      </c>
      <c r="L14014" t="s">
        <v>995</v>
      </c>
      <c r="M14014" t="s">
        <v>83</v>
      </c>
      <c r="N14014" t="s">
        <v>84</v>
      </c>
      <c r="O14014" t="s">
        <v>85</v>
      </c>
      <c r="P14014" t="s">
        <v>86</v>
      </c>
      <c r="Q14014">
        <v>50</v>
      </c>
      <c r="R14014">
        <v>50</v>
      </c>
      <c r="S14014">
        <v>51</v>
      </c>
      <c r="T14014">
        <v>51</v>
      </c>
      <c r="U14014">
        <v>51</v>
      </c>
      <c r="V14014">
        <v>51</v>
      </c>
      <c r="W14014">
        <v>52</v>
      </c>
      <c r="X14014">
        <v>52</v>
      </c>
      <c r="Y14014">
        <v>52</v>
      </c>
      <c r="Z14014">
        <v>52</v>
      </c>
      <c r="AA14014">
        <v>52</v>
      </c>
      <c r="AB14014">
        <v>52</v>
      </c>
      <c r="AC14014">
        <v>53</v>
      </c>
      <c r="AD14014">
        <v>53</v>
      </c>
      <c r="AE14014">
        <v>53</v>
      </c>
      <c r="AF14014">
        <v>53</v>
      </c>
      <c r="AG14014">
        <v>53</v>
      </c>
      <c r="AH14014">
        <v>53</v>
      </c>
      <c r="AI14014">
        <v>53</v>
      </c>
      <c r="AJ14014">
        <v>53</v>
      </c>
      <c r="AK14014">
        <v>53</v>
      </c>
      <c r="AL14014">
        <v>53</v>
      </c>
      <c r="AM14014">
        <v>52</v>
      </c>
      <c r="AN14014">
        <v>52</v>
      </c>
      <c r="AO14014">
        <v>52</v>
      </c>
      <c r="AP14014">
        <v>51</v>
      </c>
      <c r="AQ14014">
        <v>51</v>
      </c>
    </row>
    <row r="14015" spans="1:43">
      <c r="A14015" t="s">
        <v>8700</v>
      </c>
      <c r="B14015" t="s">
        <v>8701</v>
      </c>
      <c r="C14015" t="s">
        <v>8698</v>
      </c>
      <c r="D14015" t="s">
        <v>8699</v>
      </c>
      <c r="E14015" t="s">
        <v>8652</v>
      </c>
      <c r="F14015" t="s">
        <v>8653</v>
      </c>
      <c r="G14015" t="s">
        <v>80</v>
      </c>
      <c r="H14015" t="s">
        <v>81</v>
      </c>
      <c r="I14015" s="2">
        <v>0</v>
      </c>
      <c r="J14015" s="2">
        <v>0</v>
      </c>
      <c r="K14015" s="2">
        <v>1</v>
      </c>
      <c r="L14015" t="s">
        <v>995</v>
      </c>
      <c r="M14015" t="s">
        <v>87</v>
      </c>
      <c r="N14015" t="s">
        <v>88</v>
      </c>
      <c r="O14015" t="s">
        <v>85</v>
      </c>
      <c r="P14015" t="s">
        <v>86</v>
      </c>
      <c r="Q14015">
        <v>50</v>
      </c>
      <c r="R14015">
        <v>50</v>
      </c>
      <c r="S14015">
        <v>49</v>
      </c>
      <c r="T14015">
        <v>49</v>
      </c>
      <c r="U14015">
        <v>49</v>
      </c>
      <c r="V14015">
        <v>49</v>
      </c>
      <c r="W14015">
        <v>48</v>
      </c>
      <c r="X14015">
        <v>48</v>
      </c>
      <c r="Y14015">
        <v>48</v>
      </c>
      <c r="Z14015">
        <v>48</v>
      </c>
      <c r="AA14015">
        <v>48</v>
      </c>
      <c r="AB14015">
        <v>47</v>
      </c>
      <c r="AC14015">
        <v>47</v>
      </c>
      <c r="AD14015">
        <v>47</v>
      </c>
      <c r="AE14015">
        <v>47</v>
      </c>
      <c r="AF14015">
        <v>47</v>
      </c>
      <c r="AG14015">
        <v>46</v>
      </c>
      <c r="AH14015">
        <v>46</v>
      </c>
      <c r="AI14015">
        <v>46</v>
      </c>
      <c r="AJ14015">
        <v>46</v>
      </c>
      <c r="AK14015">
        <v>46</v>
      </c>
      <c r="AL14015">
        <v>46</v>
      </c>
      <c r="AM14015">
        <v>45</v>
      </c>
      <c r="AN14015">
        <v>45</v>
      </c>
      <c r="AO14015">
        <v>45</v>
      </c>
      <c r="AP14015">
        <v>45</v>
      </c>
      <c r="AQ14015">
        <v>45</v>
      </c>
    </row>
    <row r="14016" spans="1:43">
      <c r="A14016" t="s">
        <v>8700</v>
      </c>
      <c r="B14016" t="s">
        <v>8701</v>
      </c>
      <c r="C14016" t="s">
        <v>8698</v>
      </c>
      <c r="D14016" t="s">
        <v>8699</v>
      </c>
      <c r="E14016" t="s">
        <v>8652</v>
      </c>
      <c r="F14016" t="s">
        <v>8653</v>
      </c>
      <c r="G14016" t="s">
        <v>80</v>
      </c>
      <c r="H14016" t="s">
        <v>81</v>
      </c>
      <c r="I14016" s="2">
        <v>0</v>
      </c>
      <c r="J14016" s="2">
        <v>0</v>
      </c>
      <c r="K14016" s="2">
        <v>1</v>
      </c>
      <c r="L14016" t="s">
        <v>995</v>
      </c>
      <c r="M14016" t="s">
        <v>89</v>
      </c>
      <c r="N14016" t="s">
        <v>90</v>
      </c>
      <c r="O14016" t="s">
        <v>85</v>
      </c>
      <c r="P14016" t="s">
        <v>86</v>
      </c>
      <c r="Q14016">
        <v>50</v>
      </c>
      <c r="R14016">
        <v>50</v>
      </c>
      <c r="S14016">
        <v>51</v>
      </c>
      <c r="T14016">
        <v>52</v>
      </c>
      <c r="U14016">
        <v>52</v>
      </c>
      <c r="V14016">
        <v>53</v>
      </c>
      <c r="W14016">
        <v>53</v>
      </c>
      <c r="X14016">
        <v>54</v>
      </c>
      <c r="Y14016">
        <v>54</v>
      </c>
      <c r="Z14016">
        <v>54</v>
      </c>
      <c r="AA14016">
        <v>54</v>
      </c>
      <c r="AB14016">
        <v>55</v>
      </c>
      <c r="AC14016">
        <v>55</v>
      </c>
      <c r="AD14016">
        <v>55</v>
      </c>
      <c r="AE14016">
        <v>55</v>
      </c>
      <c r="AF14016">
        <v>55</v>
      </c>
      <c r="AG14016">
        <v>54</v>
      </c>
      <c r="AH14016">
        <v>54</v>
      </c>
      <c r="AI14016">
        <v>53</v>
      </c>
      <c r="AJ14016">
        <v>53</v>
      </c>
      <c r="AK14016">
        <v>53</v>
      </c>
      <c r="AL14016">
        <v>52</v>
      </c>
      <c r="AM14016">
        <v>52</v>
      </c>
      <c r="AN14016">
        <v>51</v>
      </c>
      <c r="AO14016">
        <v>51</v>
      </c>
      <c r="AP14016">
        <v>51</v>
      </c>
      <c r="AQ14016">
        <v>50</v>
      </c>
    </row>
    <row r="14017" spans="1:43">
      <c r="A14017" t="s">
        <v>8700</v>
      </c>
      <c r="B14017" t="s">
        <v>8701</v>
      </c>
      <c r="C14017" t="s">
        <v>8698</v>
      </c>
      <c r="D14017" t="s">
        <v>8699</v>
      </c>
      <c r="E14017" t="s">
        <v>8652</v>
      </c>
      <c r="F14017" t="s">
        <v>8653</v>
      </c>
      <c r="G14017" t="s">
        <v>80</v>
      </c>
      <c r="H14017" t="s">
        <v>81</v>
      </c>
      <c r="I14017" s="2">
        <v>0</v>
      </c>
      <c r="J14017" s="2">
        <v>0</v>
      </c>
      <c r="K14017" s="2">
        <v>1</v>
      </c>
      <c r="L14017" t="s">
        <v>995</v>
      </c>
      <c r="M14017" t="s">
        <v>83</v>
      </c>
      <c r="N14017" t="s">
        <v>91</v>
      </c>
      <c r="O14017" t="s">
        <v>85</v>
      </c>
      <c r="P14017" t="s">
        <v>86</v>
      </c>
      <c r="Q14017">
        <v>50</v>
      </c>
      <c r="R14017">
        <v>50</v>
      </c>
      <c r="S14017">
        <v>51</v>
      </c>
      <c r="T14017">
        <v>51</v>
      </c>
      <c r="U14017">
        <v>51</v>
      </c>
      <c r="V14017">
        <v>51</v>
      </c>
      <c r="W14017">
        <v>52</v>
      </c>
      <c r="X14017">
        <v>52</v>
      </c>
      <c r="Y14017">
        <v>52</v>
      </c>
      <c r="Z14017">
        <v>52</v>
      </c>
      <c r="AA14017">
        <v>52</v>
      </c>
      <c r="AB14017">
        <v>52</v>
      </c>
      <c r="AC14017">
        <v>53</v>
      </c>
      <c r="AD14017">
        <v>53</v>
      </c>
      <c r="AE14017">
        <v>53</v>
      </c>
      <c r="AF14017">
        <v>53</v>
      </c>
      <c r="AG14017">
        <v>53</v>
      </c>
      <c r="AH14017">
        <v>53</v>
      </c>
      <c r="AI14017">
        <v>53</v>
      </c>
      <c r="AJ14017">
        <v>53</v>
      </c>
      <c r="AK14017">
        <v>53</v>
      </c>
      <c r="AL14017">
        <v>53</v>
      </c>
      <c r="AM14017">
        <v>52</v>
      </c>
      <c r="AN14017">
        <v>52</v>
      </c>
      <c r="AO14017">
        <v>52</v>
      </c>
      <c r="AP14017">
        <v>51</v>
      </c>
      <c r="AQ14017">
        <v>51</v>
      </c>
    </row>
    <row r="14018" spans="1:43">
      <c r="A14018" t="s">
        <v>8702</v>
      </c>
      <c r="B14018" t="s">
        <v>8703</v>
      </c>
      <c r="C14018" t="s">
        <v>8698</v>
      </c>
      <c r="D14018" t="s">
        <v>8699</v>
      </c>
      <c r="E14018" t="s">
        <v>8652</v>
      </c>
      <c r="F14018" t="s">
        <v>8653</v>
      </c>
      <c r="G14018" t="s">
        <v>80</v>
      </c>
      <c r="H14018" t="s">
        <v>81</v>
      </c>
      <c r="I14018" s="2">
        <v>0</v>
      </c>
      <c r="J14018" s="2">
        <v>0</v>
      </c>
      <c r="K14018" s="2">
        <v>1</v>
      </c>
      <c r="L14018" t="s">
        <v>995</v>
      </c>
      <c r="M14018" t="s">
        <v>83</v>
      </c>
      <c r="N14018" t="s">
        <v>84</v>
      </c>
      <c r="O14018" t="s">
        <v>85</v>
      </c>
      <c r="P14018" t="s">
        <v>86</v>
      </c>
      <c r="Q14018">
        <v>9</v>
      </c>
      <c r="R14018">
        <v>9</v>
      </c>
      <c r="S14018">
        <v>9</v>
      </c>
      <c r="T14018">
        <v>9</v>
      </c>
      <c r="U14018">
        <v>9</v>
      </c>
      <c r="V14018">
        <v>9</v>
      </c>
      <c r="W14018">
        <v>9</v>
      </c>
      <c r="X14018">
        <v>9</v>
      </c>
      <c r="Y14018">
        <v>9</v>
      </c>
      <c r="Z14018">
        <v>9</v>
      </c>
      <c r="AA14018">
        <v>9</v>
      </c>
      <c r="AB14018">
        <v>9</v>
      </c>
      <c r="AC14018">
        <v>9</v>
      </c>
      <c r="AD14018">
        <v>9</v>
      </c>
      <c r="AE14018">
        <v>9</v>
      </c>
      <c r="AF14018">
        <v>9</v>
      </c>
      <c r="AG14018">
        <v>9</v>
      </c>
      <c r="AH14018">
        <v>9</v>
      </c>
      <c r="AI14018">
        <v>9</v>
      </c>
      <c r="AJ14018">
        <v>9</v>
      </c>
      <c r="AK14018">
        <v>9</v>
      </c>
      <c r="AL14018">
        <v>9</v>
      </c>
      <c r="AM14018">
        <v>9</v>
      </c>
      <c r="AN14018">
        <v>9</v>
      </c>
      <c r="AO14018">
        <v>9</v>
      </c>
      <c r="AP14018">
        <v>9</v>
      </c>
      <c r="AQ14018">
        <v>9</v>
      </c>
    </row>
    <row r="14019" spans="1:43">
      <c r="A14019" t="s">
        <v>8702</v>
      </c>
      <c r="B14019" t="s">
        <v>8703</v>
      </c>
      <c r="C14019" t="s">
        <v>8698</v>
      </c>
      <c r="D14019" t="s">
        <v>8699</v>
      </c>
      <c r="E14019" t="s">
        <v>8652</v>
      </c>
      <c r="F14019" t="s">
        <v>8653</v>
      </c>
      <c r="G14019" t="s">
        <v>80</v>
      </c>
      <c r="H14019" t="s">
        <v>81</v>
      </c>
      <c r="I14019" s="2">
        <v>0</v>
      </c>
      <c r="J14019" s="2">
        <v>0</v>
      </c>
      <c r="K14019" s="2">
        <v>1</v>
      </c>
      <c r="L14019" t="s">
        <v>995</v>
      </c>
      <c r="M14019" t="s">
        <v>87</v>
      </c>
      <c r="N14019" t="s">
        <v>88</v>
      </c>
      <c r="O14019" t="s">
        <v>85</v>
      </c>
      <c r="P14019" t="s">
        <v>86</v>
      </c>
      <c r="Q14019">
        <v>9</v>
      </c>
      <c r="R14019">
        <v>9</v>
      </c>
      <c r="S14019">
        <v>9</v>
      </c>
      <c r="T14019">
        <v>9</v>
      </c>
      <c r="U14019">
        <v>9</v>
      </c>
      <c r="V14019">
        <v>9</v>
      </c>
      <c r="W14019">
        <v>9</v>
      </c>
      <c r="X14019">
        <v>9</v>
      </c>
      <c r="Y14019">
        <v>9</v>
      </c>
      <c r="Z14019">
        <v>9</v>
      </c>
      <c r="AA14019">
        <v>8</v>
      </c>
      <c r="AB14019">
        <v>8</v>
      </c>
      <c r="AC14019">
        <v>8</v>
      </c>
      <c r="AD14019">
        <v>8</v>
      </c>
      <c r="AE14019">
        <v>8</v>
      </c>
      <c r="AF14019">
        <v>8</v>
      </c>
      <c r="AG14019">
        <v>8</v>
      </c>
      <c r="AH14019">
        <v>8</v>
      </c>
      <c r="AI14019">
        <v>8</v>
      </c>
      <c r="AJ14019">
        <v>8</v>
      </c>
      <c r="AK14019">
        <v>8</v>
      </c>
      <c r="AL14019">
        <v>8</v>
      </c>
      <c r="AM14019">
        <v>8</v>
      </c>
      <c r="AN14019">
        <v>8</v>
      </c>
      <c r="AO14019">
        <v>8</v>
      </c>
      <c r="AP14019">
        <v>8</v>
      </c>
      <c r="AQ14019">
        <v>8</v>
      </c>
    </row>
    <row r="14020" spans="1:43">
      <c r="A14020" t="s">
        <v>8702</v>
      </c>
      <c r="B14020" t="s">
        <v>8703</v>
      </c>
      <c r="C14020" t="s">
        <v>8698</v>
      </c>
      <c r="D14020" t="s">
        <v>8699</v>
      </c>
      <c r="E14020" t="s">
        <v>8652</v>
      </c>
      <c r="F14020" t="s">
        <v>8653</v>
      </c>
      <c r="G14020" t="s">
        <v>80</v>
      </c>
      <c r="H14020" t="s">
        <v>81</v>
      </c>
      <c r="I14020" s="2">
        <v>0</v>
      </c>
      <c r="J14020" s="2">
        <v>0</v>
      </c>
      <c r="K14020" s="2">
        <v>1</v>
      </c>
      <c r="L14020" t="s">
        <v>995</v>
      </c>
      <c r="M14020" t="s">
        <v>89</v>
      </c>
      <c r="N14020" t="s">
        <v>90</v>
      </c>
      <c r="O14020" t="s">
        <v>85</v>
      </c>
      <c r="P14020" t="s">
        <v>86</v>
      </c>
      <c r="Q14020">
        <v>9</v>
      </c>
      <c r="R14020">
        <v>9</v>
      </c>
      <c r="S14020">
        <v>9</v>
      </c>
      <c r="T14020">
        <v>9</v>
      </c>
      <c r="U14020">
        <v>9</v>
      </c>
      <c r="V14020">
        <v>10</v>
      </c>
      <c r="W14020">
        <v>10</v>
      </c>
      <c r="X14020">
        <v>10</v>
      </c>
      <c r="Y14020">
        <v>10</v>
      </c>
      <c r="Z14020">
        <v>10</v>
      </c>
      <c r="AA14020">
        <v>10</v>
      </c>
      <c r="AB14020">
        <v>10</v>
      </c>
      <c r="AC14020">
        <v>10</v>
      </c>
      <c r="AD14020">
        <v>10</v>
      </c>
      <c r="AE14020">
        <v>10</v>
      </c>
      <c r="AF14020">
        <v>10</v>
      </c>
      <c r="AG14020">
        <v>10</v>
      </c>
      <c r="AH14020">
        <v>10</v>
      </c>
      <c r="AI14020">
        <v>10</v>
      </c>
      <c r="AJ14020">
        <v>10</v>
      </c>
      <c r="AK14020">
        <v>10</v>
      </c>
      <c r="AL14020">
        <v>9</v>
      </c>
      <c r="AM14020">
        <v>9</v>
      </c>
      <c r="AN14020">
        <v>9</v>
      </c>
      <c r="AO14020">
        <v>9</v>
      </c>
      <c r="AP14020">
        <v>9</v>
      </c>
      <c r="AQ14020">
        <v>9</v>
      </c>
    </row>
    <row r="14021" spans="1:43">
      <c r="A14021" t="s">
        <v>8702</v>
      </c>
      <c r="B14021" t="s">
        <v>8703</v>
      </c>
      <c r="C14021" t="s">
        <v>8698</v>
      </c>
      <c r="D14021" t="s">
        <v>8699</v>
      </c>
      <c r="E14021" t="s">
        <v>8652</v>
      </c>
      <c r="F14021" t="s">
        <v>8653</v>
      </c>
      <c r="G14021" t="s">
        <v>80</v>
      </c>
      <c r="H14021" t="s">
        <v>81</v>
      </c>
      <c r="I14021" s="2">
        <v>0</v>
      </c>
      <c r="J14021" s="2">
        <v>0</v>
      </c>
      <c r="K14021" s="2">
        <v>1</v>
      </c>
      <c r="L14021" t="s">
        <v>995</v>
      </c>
      <c r="M14021" t="s">
        <v>83</v>
      </c>
      <c r="N14021" t="s">
        <v>91</v>
      </c>
      <c r="O14021" t="s">
        <v>85</v>
      </c>
      <c r="P14021" t="s">
        <v>86</v>
      </c>
      <c r="Q14021">
        <v>9</v>
      </c>
      <c r="R14021">
        <v>9</v>
      </c>
      <c r="S14021">
        <v>9</v>
      </c>
      <c r="T14021">
        <v>9</v>
      </c>
      <c r="U14021">
        <v>9</v>
      </c>
      <c r="V14021">
        <v>9</v>
      </c>
      <c r="W14021">
        <v>9</v>
      </c>
      <c r="X14021">
        <v>9</v>
      </c>
      <c r="Y14021">
        <v>9</v>
      </c>
      <c r="Z14021">
        <v>9</v>
      </c>
      <c r="AA14021">
        <v>9</v>
      </c>
      <c r="AB14021">
        <v>9</v>
      </c>
      <c r="AC14021">
        <v>9</v>
      </c>
      <c r="AD14021">
        <v>9</v>
      </c>
      <c r="AE14021">
        <v>9</v>
      </c>
      <c r="AF14021">
        <v>9</v>
      </c>
      <c r="AG14021">
        <v>9</v>
      </c>
      <c r="AH14021">
        <v>9</v>
      </c>
      <c r="AI14021">
        <v>9</v>
      </c>
      <c r="AJ14021">
        <v>9</v>
      </c>
      <c r="AK14021">
        <v>9</v>
      </c>
      <c r="AL14021">
        <v>9</v>
      </c>
      <c r="AM14021">
        <v>9</v>
      </c>
      <c r="AN14021">
        <v>9</v>
      </c>
      <c r="AO14021">
        <v>9</v>
      </c>
      <c r="AP14021">
        <v>9</v>
      </c>
      <c r="AQ14021">
        <v>9</v>
      </c>
    </row>
    <row r="14022" spans="1:43">
      <c r="A14022" t="s">
        <v>8704</v>
      </c>
      <c r="B14022" t="s">
        <v>8705</v>
      </c>
      <c r="C14022" t="s">
        <v>8688</v>
      </c>
      <c r="D14022" t="s">
        <v>8689</v>
      </c>
      <c r="E14022" t="s">
        <v>8652</v>
      </c>
      <c r="F14022" t="s">
        <v>8653</v>
      </c>
      <c r="G14022" t="s">
        <v>80</v>
      </c>
      <c r="H14022" t="s">
        <v>81</v>
      </c>
      <c r="I14022" s="2">
        <v>0</v>
      </c>
      <c r="J14022" s="2">
        <v>0</v>
      </c>
      <c r="K14022" s="2">
        <v>1</v>
      </c>
      <c r="L14022" t="s">
        <v>995</v>
      </c>
      <c r="M14022" t="s">
        <v>83</v>
      </c>
      <c r="N14022" t="s">
        <v>84</v>
      </c>
      <c r="O14022" t="s">
        <v>85</v>
      </c>
      <c r="P14022" t="s">
        <v>86</v>
      </c>
      <c r="Q14022">
        <v>33</v>
      </c>
      <c r="R14022">
        <v>33</v>
      </c>
      <c r="S14022">
        <v>33</v>
      </c>
      <c r="T14022">
        <v>33</v>
      </c>
      <c r="U14022">
        <v>33</v>
      </c>
      <c r="V14022">
        <v>33</v>
      </c>
      <c r="W14022">
        <v>33</v>
      </c>
      <c r="X14022">
        <v>33</v>
      </c>
      <c r="Y14022">
        <v>34</v>
      </c>
      <c r="Z14022">
        <v>34</v>
      </c>
      <c r="AA14022">
        <v>34</v>
      </c>
      <c r="AB14022">
        <v>34</v>
      </c>
      <c r="AC14022">
        <v>34</v>
      </c>
      <c r="AD14022">
        <v>34</v>
      </c>
      <c r="AE14022">
        <v>34</v>
      </c>
      <c r="AF14022">
        <v>34</v>
      </c>
      <c r="AG14022">
        <v>34</v>
      </c>
      <c r="AH14022">
        <v>34</v>
      </c>
      <c r="AI14022">
        <v>34</v>
      </c>
      <c r="AJ14022">
        <v>34</v>
      </c>
      <c r="AK14022">
        <v>34</v>
      </c>
      <c r="AL14022">
        <v>34</v>
      </c>
      <c r="AM14022">
        <v>34</v>
      </c>
      <c r="AN14022">
        <v>34</v>
      </c>
      <c r="AO14022">
        <v>33</v>
      </c>
      <c r="AP14022">
        <v>33</v>
      </c>
      <c r="AQ14022">
        <v>33</v>
      </c>
    </row>
    <row r="14023" spans="1:43">
      <c r="A14023" t="s">
        <v>8704</v>
      </c>
      <c r="B14023" t="s">
        <v>8705</v>
      </c>
      <c r="C14023" t="s">
        <v>8688</v>
      </c>
      <c r="D14023" t="s">
        <v>8689</v>
      </c>
      <c r="E14023" t="s">
        <v>8652</v>
      </c>
      <c r="F14023" t="s">
        <v>8653</v>
      </c>
      <c r="G14023" t="s">
        <v>80</v>
      </c>
      <c r="H14023" t="s">
        <v>81</v>
      </c>
      <c r="I14023" s="2">
        <v>0</v>
      </c>
      <c r="J14023" s="2">
        <v>0</v>
      </c>
      <c r="K14023" s="2">
        <v>1</v>
      </c>
      <c r="L14023" t="s">
        <v>995</v>
      </c>
      <c r="M14023" t="s">
        <v>87</v>
      </c>
      <c r="N14023" t="s">
        <v>88</v>
      </c>
      <c r="O14023" t="s">
        <v>85</v>
      </c>
      <c r="P14023" t="s">
        <v>86</v>
      </c>
      <c r="Q14023">
        <v>33</v>
      </c>
      <c r="R14023">
        <v>33</v>
      </c>
      <c r="S14023">
        <v>33</v>
      </c>
      <c r="T14023">
        <v>33</v>
      </c>
      <c r="U14023">
        <v>33</v>
      </c>
      <c r="V14023">
        <v>33</v>
      </c>
      <c r="W14023">
        <v>32</v>
      </c>
      <c r="X14023">
        <v>32</v>
      </c>
      <c r="Y14023">
        <v>32</v>
      </c>
      <c r="Z14023">
        <v>32</v>
      </c>
      <c r="AA14023">
        <v>32</v>
      </c>
      <c r="AB14023">
        <v>32</v>
      </c>
      <c r="AC14023">
        <v>31</v>
      </c>
      <c r="AD14023">
        <v>31</v>
      </c>
      <c r="AE14023">
        <v>31</v>
      </c>
      <c r="AF14023">
        <v>31</v>
      </c>
      <c r="AG14023">
        <v>31</v>
      </c>
      <c r="AH14023">
        <v>31</v>
      </c>
      <c r="AI14023">
        <v>31</v>
      </c>
      <c r="AJ14023">
        <v>31</v>
      </c>
      <c r="AK14023">
        <v>30</v>
      </c>
      <c r="AL14023">
        <v>30</v>
      </c>
      <c r="AM14023">
        <v>30</v>
      </c>
      <c r="AN14023">
        <v>30</v>
      </c>
      <c r="AO14023">
        <v>30</v>
      </c>
      <c r="AP14023">
        <v>30</v>
      </c>
      <c r="AQ14023">
        <v>30</v>
      </c>
    </row>
    <row r="14024" spans="1:43">
      <c r="A14024" t="s">
        <v>8704</v>
      </c>
      <c r="B14024" t="s">
        <v>8705</v>
      </c>
      <c r="C14024" t="s">
        <v>8688</v>
      </c>
      <c r="D14024" t="s">
        <v>8689</v>
      </c>
      <c r="E14024" t="s">
        <v>8652</v>
      </c>
      <c r="F14024" t="s">
        <v>8653</v>
      </c>
      <c r="G14024" t="s">
        <v>80</v>
      </c>
      <c r="H14024" t="s">
        <v>81</v>
      </c>
      <c r="I14024" s="2">
        <v>0</v>
      </c>
      <c r="J14024" s="2">
        <v>0</v>
      </c>
      <c r="K14024" s="2">
        <v>1</v>
      </c>
      <c r="L14024" t="s">
        <v>995</v>
      </c>
      <c r="M14024" t="s">
        <v>89</v>
      </c>
      <c r="N14024" t="s">
        <v>90</v>
      </c>
      <c r="O14024" t="s">
        <v>85</v>
      </c>
      <c r="P14024" t="s">
        <v>86</v>
      </c>
      <c r="Q14024">
        <v>33</v>
      </c>
      <c r="R14024">
        <v>33</v>
      </c>
      <c r="S14024">
        <v>34</v>
      </c>
      <c r="T14024">
        <v>34</v>
      </c>
      <c r="U14024">
        <v>34</v>
      </c>
      <c r="V14024">
        <v>35</v>
      </c>
      <c r="W14024">
        <v>35</v>
      </c>
      <c r="X14024">
        <v>35</v>
      </c>
      <c r="Y14024">
        <v>36</v>
      </c>
      <c r="Z14024">
        <v>36</v>
      </c>
      <c r="AA14024">
        <v>36</v>
      </c>
      <c r="AB14024">
        <v>36</v>
      </c>
      <c r="AC14024">
        <v>36</v>
      </c>
      <c r="AD14024">
        <v>36</v>
      </c>
      <c r="AE14024">
        <v>36</v>
      </c>
      <c r="AF14024">
        <v>36</v>
      </c>
      <c r="AG14024">
        <v>36</v>
      </c>
      <c r="AH14024">
        <v>35</v>
      </c>
      <c r="AI14024">
        <v>35</v>
      </c>
      <c r="AJ14024">
        <v>35</v>
      </c>
      <c r="AK14024">
        <v>35</v>
      </c>
      <c r="AL14024">
        <v>34</v>
      </c>
      <c r="AM14024">
        <v>34</v>
      </c>
      <c r="AN14024">
        <v>34</v>
      </c>
      <c r="AO14024">
        <v>33</v>
      </c>
      <c r="AP14024">
        <v>33</v>
      </c>
      <c r="AQ14024">
        <v>33</v>
      </c>
    </row>
    <row r="14025" spans="1:43">
      <c r="A14025" t="s">
        <v>8704</v>
      </c>
      <c r="B14025" t="s">
        <v>8705</v>
      </c>
      <c r="C14025" t="s">
        <v>8688</v>
      </c>
      <c r="D14025" t="s">
        <v>8689</v>
      </c>
      <c r="E14025" t="s">
        <v>8652</v>
      </c>
      <c r="F14025" t="s">
        <v>8653</v>
      </c>
      <c r="G14025" t="s">
        <v>80</v>
      </c>
      <c r="H14025" t="s">
        <v>81</v>
      </c>
      <c r="I14025" s="2">
        <v>0</v>
      </c>
      <c r="J14025" s="2">
        <v>0</v>
      </c>
      <c r="K14025" s="2">
        <v>1</v>
      </c>
      <c r="L14025" t="s">
        <v>995</v>
      </c>
      <c r="M14025" t="s">
        <v>83</v>
      </c>
      <c r="N14025" t="s">
        <v>91</v>
      </c>
      <c r="O14025" t="s">
        <v>85</v>
      </c>
      <c r="P14025" t="s">
        <v>86</v>
      </c>
      <c r="Q14025">
        <v>33</v>
      </c>
      <c r="R14025">
        <v>33</v>
      </c>
      <c r="S14025">
        <v>33</v>
      </c>
      <c r="T14025">
        <v>33</v>
      </c>
      <c r="U14025">
        <v>33</v>
      </c>
      <c r="V14025">
        <v>33</v>
      </c>
      <c r="W14025">
        <v>33</v>
      </c>
      <c r="X14025">
        <v>33</v>
      </c>
      <c r="Y14025">
        <v>34</v>
      </c>
      <c r="Z14025">
        <v>34</v>
      </c>
      <c r="AA14025">
        <v>34</v>
      </c>
      <c r="AB14025">
        <v>34</v>
      </c>
      <c r="AC14025">
        <v>34</v>
      </c>
      <c r="AD14025">
        <v>34</v>
      </c>
      <c r="AE14025">
        <v>34</v>
      </c>
      <c r="AF14025">
        <v>34</v>
      </c>
      <c r="AG14025">
        <v>34</v>
      </c>
      <c r="AH14025">
        <v>34</v>
      </c>
      <c r="AI14025">
        <v>34</v>
      </c>
      <c r="AJ14025">
        <v>34</v>
      </c>
      <c r="AK14025">
        <v>34</v>
      </c>
      <c r="AL14025">
        <v>34</v>
      </c>
      <c r="AM14025">
        <v>34</v>
      </c>
      <c r="AN14025">
        <v>34</v>
      </c>
      <c r="AO14025">
        <v>33</v>
      </c>
      <c r="AP14025">
        <v>33</v>
      </c>
      <c r="AQ14025">
        <v>33</v>
      </c>
    </row>
    <row r="14026" spans="1:43">
      <c r="A14026" t="s">
        <v>8706</v>
      </c>
      <c r="B14026" t="s">
        <v>8707</v>
      </c>
      <c r="C14026" t="s">
        <v>8708</v>
      </c>
      <c r="D14026" t="s">
        <v>8709</v>
      </c>
      <c r="E14026" t="s">
        <v>8652</v>
      </c>
      <c r="F14026" t="s">
        <v>8653</v>
      </c>
      <c r="G14026" t="s">
        <v>80</v>
      </c>
      <c r="H14026" t="s">
        <v>81</v>
      </c>
      <c r="I14026" s="2">
        <v>0</v>
      </c>
      <c r="J14026" s="2">
        <v>0</v>
      </c>
      <c r="K14026" s="2">
        <v>1</v>
      </c>
      <c r="L14026" t="s">
        <v>995</v>
      </c>
      <c r="M14026" t="s">
        <v>83</v>
      </c>
      <c r="N14026" t="s">
        <v>84</v>
      </c>
      <c r="O14026" t="s">
        <v>85</v>
      </c>
      <c r="P14026" t="s">
        <v>86</v>
      </c>
      <c r="Q14026">
        <v>25</v>
      </c>
      <c r="R14026">
        <v>25</v>
      </c>
      <c r="S14026">
        <v>25</v>
      </c>
      <c r="T14026">
        <v>25</v>
      </c>
      <c r="U14026">
        <v>25</v>
      </c>
      <c r="V14026">
        <v>25</v>
      </c>
      <c r="W14026">
        <v>25</v>
      </c>
      <c r="X14026">
        <v>26</v>
      </c>
      <c r="Y14026">
        <v>26</v>
      </c>
      <c r="Z14026">
        <v>26</v>
      </c>
      <c r="AA14026">
        <v>26</v>
      </c>
      <c r="AB14026">
        <v>26</v>
      </c>
      <c r="AC14026">
        <v>26</v>
      </c>
      <c r="AD14026">
        <v>26</v>
      </c>
      <c r="AE14026">
        <v>26</v>
      </c>
      <c r="AF14026">
        <v>26</v>
      </c>
      <c r="AG14026">
        <v>26</v>
      </c>
      <c r="AH14026">
        <v>26</v>
      </c>
      <c r="AI14026">
        <v>26</v>
      </c>
      <c r="AJ14026">
        <v>27</v>
      </c>
      <c r="AK14026">
        <v>27</v>
      </c>
      <c r="AL14026">
        <v>27</v>
      </c>
      <c r="AM14026">
        <v>26</v>
      </c>
      <c r="AN14026">
        <v>26</v>
      </c>
      <c r="AO14026">
        <v>26</v>
      </c>
      <c r="AP14026">
        <v>26</v>
      </c>
      <c r="AQ14026">
        <v>26</v>
      </c>
    </row>
    <row r="14027" spans="1:43">
      <c r="A14027" t="s">
        <v>8706</v>
      </c>
      <c r="B14027" t="s">
        <v>8707</v>
      </c>
      <c r="C14027" t="s">
        <v>8708</v>
      </c>
      <c r="D14027" t="s">
        <v>8709</v>
      </c>
      <c r="E14027" t="s">
        <v>8652</v>
      </c>
      <c r="F14027" t="s">
        <v>8653</v>
      </c>
      <c r="G14027" t="s">
        <v>80</v>
      </c>
      <c r="H14027" t="s">
        <v>81</v>
      </c>
      <c r="I14027" s="2">
        <v>0</v>
      </c>
      <c r="J14027" s="2">
        <v>0</v>
      </c>
      <c r="K14027" s="2">
        <v>1</v>
      </c>
      <c r="L14027" t="s">
        <v>995</v>
      </c>
      <c r="M14027" t="s">
        <v>87</v>
      </c>
      <c r="N14027" t="s">
        <v>88</v>
      </c>
      <c r="O14027" t="s">
        <v>85</v>
      </c>
      <c r="P14027" t="s">
        <v>86</v>
      </c>
      <c r="Q14027">
        <v>25</v>
      </c>
      <c r="R14027">
        <v>25</v>
      </c>
      <c r="S14027">
        <v>25</v>
      </c>
      <c r="T14027">
        <v>25</v>
      </c>
      <c r="U14027">
        <v>25</v>
      </c>
      <c r="V14027">
        <v>25</v>
      </c>
      <c r="W14027">
        <v>25</v>
      </c>
      <c r="X14027">
        <v>25</v>
      </c>
      <c r="Y14027">
        <v>25</v>
      </c>
      <c r="Z14027">
        <v>25</v>
      </c>
      <c r="AA14027">
        <v>25</v>
      </c>
      <c r="AB14027">
        <v>24</v>
      </c>
      <c r="AC14027">
        <v>24</v>
      </c>
      <c r="AD14027">
        <v>24</v>
      </c>
      <c r="AE14027">
        <v>24</v>
      </c>
      <c r="AF14027">
        <v>24</v>
      </c>
      <c r="AG14027">
        <v>24</v>
      </c>
      <c r="AH14027">
        <v>24</v>
      </c>
      <c r="AI14027">
        <v>24</v>
      </c>
      <c r="AJ14027">
        <v>24</v>
      </c>
      <c r="AK14027">
        <v>24</v>
      </c>
      <c r="AL14027">
        <v>24</v>
      </c>
      <c r="AM14027">
        <v>24</v>
      </c>
      <c r="AN14027">
        <v>24</v>
      </c>
      <c r="AO14027">
        <v>24</v>
      </c>
      <c r="AP14027">
        <v>24</v>
      </c>
      <c r="AQ14027">
        <v>24</v>
      </c>
    </row>
    <row r="14028" spans="1:43">
      <c r="A14028" t="s">
        <v>8706</v>
      </c>
      <c r="B14028" t="s">
        <v>8707</v>
      </c>
      <c r="C14028" t="s">
        <v>8708</v>
      </c>
      <c r="D14028" t="s">
        <v>8709</v>
      </c>
      <c r="E14028" t="s">
        <v>8652</v>
      </c>
      <c r="F14028" t="s">
        <v>8653</v>
      </c>
      <c r="G14028" t="s">
        <v>80</v>
      </c>
      <c r="H14028" t="s">
        <v>81</v>
      </c>
      <c r="I14028" s="2">
        <v>0</v>
      </c>
      <c r="J14028" s="2">
        <v>0</v>
      </c>
      <c r="K14028" s="2">
        <v>1</v>
      </c>
      <c r="L14028" t="s">
        <v>995</v>
      </c>
      <c r="M14028" t="s">
        <v>89</v>
      </c>
      <c r="N14028" t="s">
        <v>90</v>
      </c>
      <c r="O14028" t="s">
        <v>85</v>
      </c>
      <c r="P14028" t="s">
        <v>86</v>
      </c>
      <c r="Q14028">
        <v>25</v>
      </c>
      <c r="R14028">
        <v>25</v>
      </c>
      <c r="S14028">
        <v>25</v>
      </c>
      <c r="T14028">
        <v>26</v>
      </c>
      <c r="U14028">
        <v>26</v>
      </c>
      <c r="V14028">
        <v>26</v>
      </c>
      <c r="W14028">
        <v>27</v>
      </c>
      <c r="X14028">
        <v>27</v>
      </c>
      <c r="Y14028">
        <v>27</v>
      </c>
      <c r="Z14028">
        <v>27</v>
      </c>
      <c r="AA14028">
        <v>27</v>
      </c>
      <c r="AB14028">
        <v>28</v>
      </c>
      <c r="AC14028">
        <v>28</v>
      </c>
      <c r="AD14028">
        <v>28</v>
      </c>
      <c r="AE14028">
        <v>28</v>
      </c>
      <c r="AF14028">
        <v>28</v>
      </c>
      <c r="AG14028">
        <v>28</v>
      </c>
      <c r="AH14028">
        <v>27</v>
      </c>
      <c r="AI14028">
        <v>27</v>
      </c>
      <c r="AJ14028">
        <v>27</v>
      </c>
      <c r="AK14028">
        <v>27</v>
      </c>
      <c r="AL14028">
        <v>27</v>
      </c>
      <c r="AM14028">
        <v>27</v>
      </c>
      <c r="AN14028">
        <v>27</v>
      </c>
      <c r="AO14028">
        <v>26</v>
      </c>
      <c r="AP14028">
        <v>26</v>
      </c>
      <c r="AQ14028">
        <v>26</v>
      </c>
    </row>
    <row r="14029" spans="1:43">
      <c r="A14029" t="s">
        <v>8706</v>
      </c>
      <c r="B14029" t="s">
        <v>8707</v>
      </c>
      <c r="C14029" t="s">
        <v>8708</v>
      </c>
      <c r="D14029" t="s">
        <v>8709</v>
      </c>
      <c r="E14029" t="s">
        <v>8652</v>
      </c>
      <c r="F14029" t="s">
        <v>8653</v>
      </c>
      <c r="G14029" t="s">
        <v>80</v>
      </c>
      <c r="H14029" t="s">
        <v>81</v>
      </c>
      <c r="I14029" s="2">
        <v>0</v>
      </c>
      <c r="J14029" s="2">
        <v>0</v>
      </c>
      <c r="K14029" s="2">
        <v>1</v>
      </c>
      <c r="L14029" t="s">
        <v>995</v>
      </c>
      <c r="M14029" t="s">
        <v>83</v>
      </c>
      <c r="N14029" t="s">
        <v>91</v>
      </c>
      <c r="O14029" t="s">
        <v>85</v>
      </c>
      <c r="P14029" t="s">
        <v>86</v>
      </c>
      <c r="Q14029">
        <v>25</v>
      </c>
      <c r="R14029">
        <v>25</v>
      </c>
      <c r="S14029">
        <v>25</v>
      </c>
      <c r="T14029">
        <v>25</v>
      </c>
      <c r="U14029">
        <v>25</v>
      </c>
      <c r="V14029">
        <v>25</v>
      </c>
      <c r="W14029">
        <v>25</v>
      </c>
      <c r="X14029">
        <v>26</v>
      </c>
      <c r="Y14029">
        <v>26</v>
      </c>
      <c r="Z14029">
        <v>26</v>
      </c>
      <c r="AA14029">
        <v>26</v>
      </c>
      <c r="AB14029">
        <v>26</v>
      </c>
      <c r="AC14029">
        <v>26</v>
      </c>
      <c r="AD14029">
        <v>26</v>
      </c>
      <c r="AE14029">
        <v>26</v>
      </c>
      <c r="AF14029">
        <v>26</v>
      </c>
      <c r="AG14029">
        <v>26</v>
      </c>
      <c r="AH14029">
        <v>26</v>
      </c>
      <c r="AI14029">
        <v>26</v>
      </c>
      <c r="AJ14029">
        <v>27</v>
      </c>
      <c r="AK14029">
        <v>27</v>
      </c>
      <c r="AL14029">
        <v>27</v>
      </c>
      <c r="AM14029">
        <v>26</v>
      </c>
      <c r="AN14029">
        <v>26</v>
      </c>
      <c r="AO14029">
        <v>26</v>
      </c>
      <c r="AP14029">
        <v>26</v>
      </c>
      <c r="AQ14029">
        <v>26</v>
      </c>
    </row>
    <row r="14030" spans="1:43">
      <c r="A14030" t="s">
        <v>8710</v>
      </c>
      <c r="B14030" t="s">
        <v>8711</v>
      </c>
      <c r="C14030" t="s">
        <v>8708</v>
      </c>
      <c r="D14030" t="s">
        <v>8709</v>
      </c>
      <c r="E14030" t="s">
        <v>8652</v>
      </c>
      <c r="F14030" t="s">
        <v>8653</v>
      </c>
      <c r="G14030" t="s">
        <v>80</v>
      </c>
      <c r="H14030" t="s">
        <v>81</v>
      </c>
      <c r="I14030" s="2">
        <v>0</v>
      </c>
      <c r="J14030" s="2">
        <v>0</v>
      </c>
      <c r="K14030" s="2">
        <v>1</v>
      </c>
      <c r="L14030" t="s">
        <v>995</v>
      </c>
      <c r="M14030" t="s">
        <v>83</v>
      </c>
      <c r="N14030" t="s">
        <v>84</v>
      </c>
      <c r="O14030" t="s">
        <v>85</v>
      </c>
      <c r="P14030" t="s">
        <v>86</v>
      </c>
      <c r="Q14030">
        <v>30</v>
      </c>
      <c r="R14030">
        <v>30</v>
      </c>
      <c r="S14030">
        <v>30</v>
      </c>
      <c r="T14030">
        <v>31</v>
      </c>
      <c r="U14030">
        <v>31</v>
      </c>
      <c r="V14030">
        <v>31</v>
      </c>
      <c r="W14030">
        <v>31</v>
      </c>
      <c r="X14030">
        <v>31</v>
      </c>
      <c r="Y14030">
        <v>31</v>
      </c>
      <c r="Z14030">
        <v>32</v>
      </c>
      <c r="AA14030">
        <v>32</v>
      </c>
      <c r="AB14030">
        <v>32</v>
      </c>
      <c r="AC14030">
        <v>32</v>
      </c>
      <c r="AD14030">
        <v>32</v>
      </c>
      <c r="AE14030">
        <v>32</v>
      </c>
      <c r="AF14030">
        <v>32</v>
      </c>
      <c r="AG14030">
        <v>32</v>
      </c>
      <c r="AH14030">
        <v>32</v>
      </c>
      <c r="AI14030">
        <v>33</v>
      </c>
      <c r="AJ14030">
        <v>33</v>
      </c>
      <c r="AK14030">
        <v>33</v>
      </c>
      <c r="AL14030">
        <v>33</v>
      </c>
      <c r="AM14030">
        <v>32</v>
      </c>
      <c r="AN14030">
        <v>32</v>
      </c>
      <c r="AO14030">
        <v>32</v>
      </c>
      <c r="AP14030">
        <v>32</v>
      </c>
      <c r="AQ14030">
        <v>32</v>
      </c>
    </row>
    <row r="14031" spans="1:43">
      <c r="A14031" t="s">
        <v>8710</v>
      </c>
      <c r="B14031" t="s">
        <v>8711</v>
      </c>
      <c r="C14031" t="s">
        <v>8708</v>
      </c>
      <c r="D14031" t="s">
        <v>8709</v>
      </c>
      <c r="E14031" t="s">
        <v>8652</v>
      </c>
      <c r="F14031" t="s">
        <v>8653</v>
      </c>
      <c r="G14031" t="s">
        <v>80</v>
      </c>
      <c r="H14031" t="s">
        <v>81</v>
      </c>
      <c r="I14031" s="2">
        <v>0</v>
      </c>
      <c r="J14031" s="2">
        <v>0</v>
      </c>
      <c r="K14031" s="2">
        <v>1</v>
      </c>
      <c r="L14031" t="s">
        <v>995</v>
      </c>
      <c r="M14031" t="s">
        <v>87</v>
      </c>
      <c r="N14031" t="s">
        <v>88</v>
      </c>
      <c r="O14031" t="s">
        <v>85</v>
      </c>
      <c r="P14031" t="s">
        <v>86</v>
      </c>
      <c r="Q14031">
        <v>30</v>
      </c>
      <c r="R14031">
        <v>30</v>
      </c>
      <c r="S14031">
        <v>30</v>
      </c>
      <c r="T14031">
        <v>30</v>
      </c>
      <c r="U14031">
        <v>29</v>
      </c>
      <c r="V14031">
        <v>29</v>
      </c>
      <c r="W14031">
        <v>29</v>
      </c>
      <c r="X14031">
        <v>29</v>
      </c>
      <c r="Y14031">
        <v>29</v>
      </c>
      <c r="Z14031">
        <v>29</v>
      </c>
      <c r="AA14031">
        <v>29</v>
      </c>
      <c r="AB14031">
        <v>29</v>
      </c>
      <c r="AC14031">
        <v>29</v>
      </c>
      <c r="AD14031">
        <v>29</v>
      </c>
      <c r="AE14031">
        <v>29</v>
      </c>
      <c r="AF14031">
        <v>29</v>
      </c>
      <c r="AG14031">
        <v>28</v>
      </c>
      <c r="AH14031">
        <v>28</v>
      </c>
      <c r="AI14031">
        <v>28</v>
      </c>
      <c r="AJ14031">
        <v>28</v>
      </c>
      <c r="AK14031">
        <v>28</v>
      </c>
      <c r="AL14031">
        <v>28</v>
      </c>
      <c r="AM14031">
        <v>28</v>
      </c>
      <c r="AN14031">
        <v>28</v>
      </c>
      <c r="AO14031">
        <v>28</v>
      </c>
      <c r="AP14031">
        <v>28</v>
      </c>
      <c r="AQ14031">
        <v>28</v>
      </c>
    </row>
    <row r="14032" spans="1:43">
      <c r="A14032" t="s">
        <v>8710</v>
      </c>
      <c r="B14032" t="s">
        <v>8711</v>
      </c>
      <c r="C14032" t="s">
        <v>8708</v>
      </c>
      <c r="D14032" t="s">
        <v>8709</v>
      </c>
      <c r="E14032" t="s">
        <v>8652</v>
      </c>
      <c r="F14032" t="s">
        <v>8653</v>
      </c>
      <c r="G14032" t="s">
        <v>80</v>
      </c>
      <c r="H14032" t="s">
        <v>81</v>
      </c>
      <c r="I14032" s="2">
        <v>0</v>
      </c>
      <c r="J14032" s="2">
        <v>0</v>
      </c>
      <c r="K14032" s="2">
        <v>1</v>
      </c>
      <c r="L14032" t="s">
        <v>995</v>
      </c>
      <c r="M14032" t="s">
        <v>89</v>
      </c>
      <c r="N14032" t="s">
        <v>90</v>
      </c>
      <c r="O14032" t="s">
        <v>85</v>
      </c>
      <c r="P14032" t="s">
        <v>86</v>
      </c>
      <c r="Q14032">
        <v>30</v>
      </c>
      <c r="R14032">
        <v>31</v>
      </c>
      <c r="S14032">
        <v>31</v>
      </c>
      <c r="T14032">
        <v>32</v>
      </c>
      <c r="U14032">
        <v>32</v>
      </c>
      <c r="V14032">
        <v>32</v>
      </c>
      <c r="W14032">
        <v>33</v>
      </c>
      <c r="X14032">
        <v>33</v>
      </c>
      <c r="Y14032">
        <v>33</v>
      </c>
      <c r="Z14032">
        <v>33</v>
      </c>
      <c r="AA14032">
        <v>34</v>
      </c>
      <c r="AB14032">
        <v>34</v>
      </c>
      <c r="AC14032">
        <v>34</v>
      </c>
      <c r="AD14032">
        <v>34</v>
      </c>
      <c r="AE14032">
        <v>34</v>
      </c>
      <c r="AF14032">
        <v>34</v>
      </c>
      <c r="AG14032">
        <v>34</v>
      </c>
      <c r="AH14032">
        <v>34</v>
      </c>
      <c r="AI14032">
        <v>34</v>
      </c>
      <c r="AJ14032">
        <v>33</v>
      </c>
      <c r="AK14032">
        <v>33</v>
      </c>
      <c r="AL14032">
        <v>33</v>
      </c>
      <c r="AM14032">
        <v>33</v>
      </c>
      <c r="AN14032">
        <v>33</v>
      </c>
      <c r="AO14032">
        <v>32</v>
      </c>
      <c r="AP14032">
        <v>32</v>
      </c>
      <c r="AQ14032">
        <v>32</v>
      </c>
    </row>
    <row r="14033" spans="1:43">
      <c r="A14033" t="s">
        <v>8710</v>
      </c>
      <c r="B14033" t="s">
        <v>8711</v>
      </c>
      <c r="C14033" t="s">
        <v>8708</v>
      </c>
      <c r="D14033" t="s">
        <v>8709</v>
      </c>
      <c r="E14033" t="s">
        <v>8652</v>
      </c>
      <c r="F14033" t="s">
        <v>8653</v>
      </c>
      <c r="G14033" t="s">
        <v>80</v>
      </c>
      <c r="H14033" t="s">
        <v>81</v>
      </c>
      <c r="I14033" s="2">
        <v>0</v>
      </c>
      <c r="J14033" s="2">
        <v>0</v>
      </c>
      <c r="K14033" s="2">
        <v>1</v>
      </c>
      <c r="L14033" t="s">
        <v>995</v>
      </c>
      <c r="M14033" t="s">
        <v>83</v>
      </c>
      <c r="N14033" t="s">
        <v>91</v>
      </c>
      <c r="O14033" t="s">
        <v>85</v>
      </c>
      <c r="P14033" t="s">
        <v>86</v>
      </c>
      <c r="Q14033">
        <v>30</v>
      </c>
      <c r="R14033">
        <v>30</v>
      </c>
      <c r="S14033">
        <v>30</v>
      </c>
      <c r="T14033">
        <v>31</v>
      </c>
      <c r="U14033">
        <v>31</v>
      </c>
      <c r="V14033">
        <v>31</v>
      </c>
      <c r="W14033">
        <v>31</v>
      </c>
      <c r="X14033">
        <v>31</v>
      </c>
      <c r="Y14033">
        <v>31</v>
      </c>
      <c r="Z14033">
        <v>32</v>
      </c>
      <c r="AA14033">
        <v>32</v>
      </c>
      <c r="AB14033">
        <v>32</v>
      </c>
      <c r="AC14033">
        <v>32</v>
      </c>
      <c r="AD14033">
        <v>32</v>
      </c>
      <c r="AE14033">
        <v>32</v>
      </c>
      <c r="AF14033">
        <v>32</v>
      </c>
      <c r="AG14033">
        <v>32</v>
      </c>
      <c r="AH14033">
        <v>32</v>
      </c>
      <c r="AI14033">
        <v>33</v>
      </c>
      <c r="AJ14033">
        <v>33</v>
      </c>
      <c r="AK14033">
        <v>33</v>
      </c>
      <c r="AL14033">
        <v>33</v>
      </c>
      <c r="AM14033">
        <v>32</v>
      </c>
      <c r="AN14033">
        <v>32</v>
      </c>
      <c r="AO14033">
        <v>32</v>
      </c>
      <c r="AP14033">
        <v>32</v>
      </c>
      <c r="AQ14033">
        <v>32</v>
      </c>
    </row>
    <row r="14034" spans="1:43">
      <c r="A14034" t="s">
        <v>8712</v>
      </c>
      <c r="B14034" t="s">
        <v>8713</v>
      </c>
      <c r="C14034" t="s">
        <v>8708</v>
      </c>
      <c r="D14034" t="s">
        <v>8709</v>
      </c>
      <c r="E14034" t="s">
        <v>8652</v>
      </c>
      <c r="F14034" t="s">
        <v>8653</v>
      </c>
      <c r="G14034" t="s">
        <v>80</v>
      </c>
      <c r="H14034" t="s">
        <v>81</v>
      </c>
      <c r="I14034" s="2">
        <v>0</v>
      </c>
      <c r="J14034" s="2">
        <v>0</v>
      </c>
      <c r="K14034" s="2">
        <v>1</v>
      </c>
      <c r="L14034" t="s">
        <v>995</v>
      </c>
      <c r="M14034" t="s">
        <v>83</v>
      </c>
      <c r="N14034" t="s">
        <v>84</v>
      </c>
      <c r="O14034" t="s">
        <v>85</v>
      </c>
      <c r="P14034" t="s">
        <v>86</v>
      </c>
      <c r="Q14034">
        <v>68</v>
      </c>
      <c r="R14034">
        <v>69</v>
      </c>
      <c r="S14034">
        <v>69</v>
      </c>
      <c r="T14034">
        <v>69</v>
      </c>
      <c r="U14034">
        <v>69</v>
      </c>
      <c r="V14034">
        <v>70</v>
      </c>
      <c r="W14034">
        <v>70</v>
      </c>
      <c r="X14034">
        <v>70</v>
      </c>
      <c r="Y14034">
        <v>70</v>
      </c>
      <c r="Z14034">
        <v>71</v>
      </c>
      <c r="AA14034">
        <v>71</v>
      </c>
      <c r="AB14034">
        <v>71</v>
      </c>
      <c r="AC14034">
        <v>71</v>
      </c>
      <c r="AD14034">
        <v>71</v>
      </c>
      <c r="AE14034">
        <v>72</v>
      </c>
      <c r="AF14034">
        <v>72</v>
      </c>
      <c r="AG14034">
        <v>72</v>
      </c>
      <c r="AH14034">
        <v>72</v>
      </c>
      <c r="AI14034">
        <v>72</v>
      </c>
      <c r="AJ14034">
        <v>72</v>
      </c>
      <c r="AK14034">
        <v>72</v>
      </c>
      <c r="AL14034">
        <v>72</v>
      </c>
      <c r="AM14034">
        <v>71</v>
      </c>
      <c r="AN14034">
        <v>71</v>
      </c>
      <c r="AO14034">
        <v>70</v>
      </c>
      <c r="AP14034">
        <v>70</v>
      </c>
      <c r="AQ14034">
        <v>69</v>
      </c>
    </row>
    <row r="14035" spans="1:43">
      <c r="A14035" t="s">
        <v>8712</v>
      </c>
      <c r="B14035" t="s">
        <v>8713</v>
      </c>
      <c r="C14035" t="s">
        <v>8708</v>
      </c>
      <c r="D14035" t="s">
        <v>8709</v>
      </c>
      <c r="E14035" t="s">
        <v>8652</v>
      </c>
      <c r="F14035" t="s">
        <v>8653</v>
      </c>
      <c r="G14035" t="s">
        <v>80</v>
      </c>
      <c r="H14035" t="s">
        <v>81</v>
      </c>
      <c r="I14035" s="2">
        <v>0</v>
      </c>
      <c r="J14035" s="2">
        <v>0</v>
      </c>
      <c r="K14035" s="2">
        <v>1</v>
      </c>
      <c r="L14035" t="s">
        <v>995</v>
      </c>
      <c r="M14035" t="s">
        <v>87</v>
      </c>
      <c r="N14035" t="s">
        <v>88</v>
      </c>
      <c r="O14035" t="s">
        <v>85</v>
      </c>
      <c r="P14035" t="s">
        <v>86</v>
      </c>
      <c r="Q14035">
        <v>68</v>
      </c>
      <c r="R14035">
        <v>67</v>
      </c>
      <c r="S14035">
        <v>67</v>
      </c>
      <c r="T14035">
        <v>67</v>
      </c>
      <c r="U14035">
        <v>66</v>
      </c>
      <c r="V14035">
        <v>66</v>
      </c>
      <c r="W14035">
        <v>66</v>
      </c>
      <c r="X14035">
        <v>65</v>
      </c>
      <c r="Y14035">
        <v>65</v>
      </c>
      <c r="Z14035">
        <v>65</v>
      </c>
      <c r="AA14035">
        <v>65</v>
      </c>
      <c r="AB14035">
        <v>64</v>
      </c>
      <c r="AC14035">
        <v>64</v>
      </c>
      <c r="AD14035">
        <v>64</v>
      </c>
      <c r="AE14035">
        <v>63</v>
      </c>
      <c r="AF14035">
        <v>63</v>
      </c>
      <c r="AG14035">
        <v>63</v>
      </c>
      <c r="AH14035">
        <v>63</v>
      </c>
      <c r="AI14035">
        <v>62</v>
      </c>
      <c r="AJ14035">
        <v>62</v>
      </c>
      <c r="AK14035">
        <v>62</v>
      </c>
      <c r="AL14035">
        <v>62</v>
      </c>
      <c r="AM14035">
        <v>61</v>
      </c>
      <c r="AN14035">
        <v>61</v>
      </c>
      <c r="AO14035">
        <v>61</v>
      </c>
      <c r="AP14035">
        <v>61</v>
      </c>
      <c r="AQ14035">
        <v>61</v>
      </c>
    </row>
    <row r="14036" spans="1:43">
      <c r="A14036" t="s">
        <v>8712</v>
      </c>
      <c r="B14036" t="s">
        <v>8713</v>
      </c>
      <c r="C14036" t="s">
        <v>8708</v>
      </c>
      <c r="D14036" t="s">
        <v>8709</v>
      </c>
      <c r="E14036" t="s">
        <v>8652</v>
      </c>
      <c r="F14036" t="s">
        <v>8653</v>
      </c>
      <c r="G14036" t="s">
        <v>80</v>
      </c>
      <c r="H14036" t="s">
        <v>81</v>
      </c>
      <c r="I14036" s="2">
        <v>0</v>
      </c>
      <c r="J14036" s="2">
        <v>0</v>
      </c>
      <c r="K14036" s="2">
        <v>1</v>
      </c>
      <c r="L14036" t="s">
        <v>995</v>
      </c>
      <c r="M14036" t="s">
        <v>89</v>
      </c>
      <c r="N14036" t="s">
        <v>90</v>
      </c>
      <c r="O14036" t="s">
        <v>85</v>
      </c>
      <c r="P14036" t="s">
        <v>86</v>
      </c>
      <c r="Q14036">
        <v>68</v>
      </c>
      <c r="R14036">
        <v>69</v>
      </c>
      <c r="S14036">
        <v>70</v>
      </c>
      <c r="T14036">
        <v>70</v>
      </c>
      <c r="U14036">
        <v>71</v>
      </c>
      <c r="V14036">
        <v>72</v>
      </c>
      <c r="W14036">
        <v>73</v>
      </c>
      <c r="X14036">
        <v>73</v>
      </c>
      <c r="Y14036">
        <v>74</v>
      </c>
      <c r="Z14036">
        <v>74</v>
      </c>
      <c r="AA14036">
        <v>74</v>
      </c>
      <c r="AB14036">
        <v>75</v>
      </c>
      <c r="AC14036">
        <v>75</v>
      </c>
      <c r="AD14036">
        <v>76</v>
      </c>
      <c r="AE14036">
        <v>76</v>
      </c>
      <c r="AF14036">
        <v>75</v>
      </c>
      <c r="AG14036">
        <v>74</v>
      </c>
      <c r="AH14036">
        <v>74</v>
      </c>
      <c r="AI14036">
        <v>73</v>
      </c>
      <c r="AJ14036">
        <v>73</v>
      </c>
      <c r="AK14036">
        <v>72</v>
      </c>
      <c r="AL14036">
        <v>72</v>
      </c>
      <c r="AM14036">
        <v>71</v>
      </c>
      <c r="AN14036">
        <v>71</v>
      </c>
      <c r="AO14036">
        <v>70</v>
      </c>
      <c r="AP14036">
        <v>70</v>
      </c>
      <c r="AQ14036">
        <v>69</v>
      </c>
    </row>
    <row r="14037" spans="1:43">
      <c r="A14037" t="s">
        <v>8712</v>
      </c>
      <c r="B14037" t="s">
        <v>8713</v>
      </c>
      <c r="C14037" t="s">
        <v>8708</v>
      </c>
      <c r="D14037" t="s">
        <v>8709</v>
      </c>
      <c r="E14037" t="s">
        <v>8652</v>
      </c>
      <c r="F14037" t="s">
        <v>8653</v>
      </c>
      <c r="G14037" t="s">
        <v>80</v>
      </c>
      <c r="H14037" t="s">
        <v>81</v>
      </c>
      <c r="I14037" s="2">
        <v>0</v>
      </c>
      <c r="J14037" s="2">
        <v>0</v>
      </c>
      <c r="K14037" s="2">
        <v>1</v>
      </c>
      <c r="L14037" t="s">
        <v>995</v>
      </c>
      <c r="M14037" t="s">
        <v>83</v>
      </c>
      <c r="N14037" t="s">
        <v>91</v>
      </c>
      <c r="O14037" t="s">
        <v>85</v>
      </c>
      <c r="P14037" t="s">
        <v>86</v>
      </c>
      <c r="Q14037">
        <v>68</v>
      </c>
      <c r="R14037">
        <v>69</v>
      </c>
      <c r="S14037">
        <v>69</v>
      </c>
      <c r="T14037">
        <v>69</v>
      </c>
      <c r="U14037">
        <v>69</v>
      </c>
      <c r="V14037">
        <v>70</v>
      </c>
      <c r="W14037">
        <v>70</v>
      </c>
      <c r="X14037">
        <v>70</v>
      </c>
      <c r="Y14037">
        <v>70</v>
      </c>
      <c r="Z14037">
        <v>71</v>
      </c>
      <c r="AA14037">
        <v>71</v>
      </c>
      <c r="AB14037">
        <v>71</v>
      </c>
      <c r="AC14037">
        <v>71</v>
      </c>
      <c r="AD14037">
        <v>71</v>
      </c>
      <c r="AE14037">
        <v>72</v>
      </c>
      <c r="AF14037">
        <v>72</v>
      </c>
      <c r="AG14037">
        <v>72</v>
      </c>
      <c r="AH14037">
        <v>72</v>
      </c>
      <c r="AI14037">
        <v>72</v>
      </c>
      <c r="AJ14037">
        <v>72</v>
      </c>
      <c r="AK14037">
        <v>72</v>
      </c>
      <c r="AL14037">
        <v>72</v>
      </c>
      <c r="AM14037">
        <v>71</v>
      </c>
      <c r="AN14037">
        <v>71</v>
      </c>
      <c r="AO14037">
        <v>70</v>
      </c>
      <c r="AP14037">
        <v>70</v>
      </c>
      <c r="AQ14037">
        <v>69</v>
      </c>
    </row>
    <row r="14038" spans="1:43">
      <c r="A14038" t="s">
        <v>8714</v>
      </c>
      <c r="B14038" t="s">
        <v>8715</v>
      </c>
      <c r="C14038" t="s">
        <v>8708</v>
      </c>
      <c r="D14038" t="s">
        <v>8709</v>
      </c>
      <c r="E14038" t="s">
        <v>8652</v>
      </c>
      <c r="F14038" t="s">
        <v>8653</v>
      </c>
      <c r="G14038" t="s">
        <v>80</v>
      </c>
      <c r="H14038" t="s">
        <v>81</v>
      </c>
      <c r="I14038" s="2">
        <v>0</v>
      </c>
      <c r="J14038" s="2">
        <v>0</v>
      </c>
      <c r="K14038" s="2">
        <v>1</v>
      </c>
      <c r="L14038" t="s">
        <v>995</v>
      </c>
      <c r="M14038" t="s">
        <v>83</v>
      </c>
      <c r="N14038" t="s">
        <v>84</v>
      </c>
      <c r="O14038" t="s">
        <v>85</v>
      </c>
      <c r="P14038" t="s">
        <v>86</v>
      </c>
      <c r="Q14038">
        <v>25</v>
      </c>
      <c r="R14038">
        <v>25</v>
      </c>
      <c r="S14038">
        <v>25</v>
      </c>
      <c r="T14038">
        <v>25</v>
      </c>
      <c r="U14038">
        <v>25</v>
      </c>
      <c r="V14038">
        <v>25</v>
      </c>
      <c r="W14038">
        <v>25</v>
      </c>
      <c r="X14038">
        <v>25</v>
      </c>
      <c r="Y14038">
        <v>26</v>
      </c>
      <c r="Z14038">
        <v>26</v>
      </c>
      <c r="AA14038">
        <v>26</v>
      </c>
      <c r="AB14038">
        <v>26</v>
      </c>
      <c r="AC14038">
        <v>26</v>
      </c>
      <c r="AD14038">
        <v>26</v>
      </c>
      <c r="AE14038">
        <v>26</v>
      </c>
      <c r="AF14038">
        <v>26</v>
      </c>
      <c r="AG14038">
        <v>26</v>
      </c>
      <c r="AH14038">
        <v>26</v>
      </c>
      <c r="AI14038">
        <v>26</v>
      </c>
      <c r="AJ14038">
        <v>26</v>
      </c>
      <c r="AK14038">
        <v>26</v>
      </c>
      <c r="AL14038">
        <v>26</v>
      </c>
      <c r="AM14038">
        <v>26</v>
      </c>
      <c r="AN14038">
        <v>25</v>
      </c>
      <c r="AO14038">
        <v>25</v>
      </c>
      <c r="AP14038">
        <v>25</v>
      </c>
      <c r="AQ14038">
        <v>25</v>
      </c>
    </row>
    <row r="14039" spans="1:43">
      <c r="A14039" t="s">
        <v>8714</v>
      </c>
      <c r="B14039" t="s">
        <v>8715</v>
      </c>
      <c r="C14039" t="s">
        <v>8708</v>
      </c>
      <c r="D14039" t="s">
        <v>8709</v>
      </c>
      <c r="E14039" t="s">
        <v>8652</v>
      </c>
      <c r="F14039" t="s">
        <v>8653</v>
      </c>
      <c r="G14039" t="s">
        <v>80</v>
      </c>
      <c r="H14039" t="s">
        <v>81</v>
      </c>
      <c r="I14039" s="2">
        <v>0</v>
      </c>
      <c r="J14039" s="2">
        <v>0</v>
      </c>
      <c r="K14039" s="2">
        <v>1</v>
      </c>
      <c r="L14039" t="s">
        <v>995</v>
      </c>
      <c r="M14039" t="s">
        <v>87</v>
      </c>
      <c r="N14039" t="s">
        <v>88</v>
      </c>
      <c r="O14039" t="s">
        <v>85</v>
      </c>
      <c r="P14039" t="s">
        <v>86</v>
      </c>
      <c r="Q14039">
        <v>25</v>
      </c>
      <c r="R14039">
        <v>24</v>
      </c>
      <c r="S14039">
        <v>24</v>
      </c>
      <c r="T14039">
        <v>24</v>
      </c>
      <c r="U14039">
        <v>24</v>
      </c>
      <c r="V14039">
        <v>24</v>
      </c>
      <c r="W14039">
        <v>24</v>
      </c>
      <c r="X14039">
        <v>24</v>
      </c>
      <c r="Y14039">
        <v>24</v>
      </c>
      <c r="Z14039">
        <v>23</v>
      </c>
      <c r="AA14039">
        <v>23</v>
      </c>
      <c r="AB14039">
        <v>23</v>
      </c>
      <c r="AC14039">
        <v>23</v>
      </c>
      <c r="AD14039">
        <v>23</v>
      </c>
      <c r="AE14039">
        <v>23</v>
      </c>
      <c r="AF14039">
        <v>23</v>
      </c>
      <c r="AG14039">
        <v>23</v>
      </c>
      <c r="AH14039">
        <v>23</v>
      </c>
      <c r="AI14039">
        <v>22</v>
      </c>
      <c r="AJ14039">
        <v>22</v>
      </c>
      <c r="AK14039">
        <v>22</v>
      </c>
      <c r="AL14039">
        <v>22</v>
      </c>
      <c r="AM14039">
        <v>22</v>
      </c>
      <c r="AN14039">
        <v>22</v>
      </c>
      <c r="AO14039">
        <v>22</v>
      </c>
      <c r="AP14039">
        <v>22</v>
      </c>
      <c r="AQ14039">
        <v>22</v>
      </c>
    </row>
    <row r="14040" spans="1:43">
      <c r="A14040" t="s">
        <v>8714</v>
      </c>
      <c r="B14040" t="s">
        <v>8715</v>
      </c>
      <c r="C14040" t="s">
        <v>8708</v>
      </c>
      <c r="D14040" t="s">
        <v>8709</v>
      </c>
      <c r="E14040" t="s">
        <v>8652</v>
      </c>
      <c r="F14040" t="s">
        <v>8653</v>
      </c>
      <c r="G14040" t="s">
        <v>80</v>
      </c>
      <c r="H14040" t="s">
        <v>81</v>
      </c>
      <c r="I14040" s="2">
        <v>0</v>
      </c>
      <c r="J14040" s="2">
        <v>0</v>
      </c>
      <c r="K14040" s="2">
        <v>1</v>
      </c>
      <c r="L14040" t="s">
        <v>995</v>
      </c>
      <c r="M14040" t="s">
        <v>89</v>
      </c>
      <c r="N14040" t="s">
        <v>90</v>
      </c>
      <c r="O14040" t="s">
        <v>85</v>
      </c>
      <c r="P14040" t="s">
        <v>86</v>
      </c>
      <c r="Q14040">
        <v>25</v>
      </c>
      <c r="R14040">
        <v>25</v>
      </c>
      <c r="S14040">
        <v>26</v>
      </c>
      <c r="T14040">
        <v>26</v>
      </c>
      <c r="U14040">
        <v>26</v>
      </c>
      <c r="V14040">
        <v>26</v>
      </c>
      <c r="W14040">
        <v>27</v>
      </c>
      <c r="X14040">
        <v>27</v>
      </c>
      <c r="Y14040">
        <v>27</v>
      </c>
      <c r="Z14040">
        <v>27</v>
      </c>
      <c r="AA14040">
        <v>27</v>
      </c>
      <c r="AB14040">
        <v>27</v>
      </c>
      <c r="AC14040">
        <v>28</v>
      </c>
      <c r="AD14040">
        <v>28</v>
      </c>
      <c r="AE14040">
        <v>28</v>
      </c>
      <c r="AF14040">
        <v>27</v>
      </c>
      <c r="AG14040">
        <v>27</v>
      </c>
      <c r="AH14040">
        <v>27</v>
      </c>
      <c r="AI14040">
        <v>27</v>
      </c>
      <c r="AJ14040">
        <v>27</v>
      </c>
      <c r="AK14040">
        <v>26</v>
      </c>
      <c r="AL14040">
        <v>26</v>
      </c>
      <c r="AM14040">
        <v>26</v>
      </c>
      <c r="AN14040">
        <v>26</v>
      </c>
      <c r="AO14040">
        <v>26</v>
      </c>
      <c r="AP14040">
        <v>25</v>
      </c>
      <c r="AQ14040">
        <v>25</v>
      </c>
    </row>
    <row r="14041" spans="1:43">
      <c r="A14041" t="s">
        <v>8714</v>
      </c>
      <c r="B14041" t="s">
        <v>8715</v>
      </c>
      <c r="C14041" t="s">
        <v>8708</v>
      </c>
      <c r="D14041" t="s">
        <v>8709</v>
      </c>
      <c r="E14041" t="s">
        <v>8652</v>
      </c>
      <c r="F14041" t="s">
        <v>8653</v>
      </c>
      <c r="G14041" t="s">
        <v>80</v>
      </c>
      <c r="H14041" t="s">
        <v>81</v>
      </c>
      <c r="I14041" s="2">
        <v>0</v>
      </c>
      <c r="J14041" s="2">
        <v>0</v>
      </c>
      <c r="K14041" s="2">
        <v>1</v>
      </c>
      <c r="L14041" t="s">
        <v>995</v>
      </c>
      <c r="M14041" t="s">
        <v>83</v>
      </c>
      <c r="N14041" t="s">
        <v>91</v>
      </c>
      <c r="O14041" t="s">
        <v>85</v>
      </c>
      <c r="P14041" t="s">
        <v>86</v>
      </c>
      <c r="Q14041">
        <v>25</v>
      </c>
      <c r="R14041">
        <v>25</v>
      </c>
      <c r="S14041">
        <v>25</v>
      </c>
      <c r="T14041">
        <v>25</v>
      </c>
      <c r="U14041">
        <v>25</v>
      </c>
      <c r="V14041">
        <v>25</v>
      </c>
      <c r="W14041">
        <v>25</v>
      </c>
      <c r="X14041">
        <v>25</v>
      </c>
      <c r="Y14041">
        <v>26</v>
      </c>
      <c r="Z14041">
        <v>26</v>
      </c>
      <c r="AA14041">
        <v>26</v>
      </c>
      <c r="AB14041">
        <v>26</v>
      </c>
      <c r="AC14041">
        <v>26</v>
      </c>
      <c r="AD14041">
        <v>26</v>
      </c>
      <c r="AE14041">
        <v>26</v>
      </c>
      <c r="AF14041">
        <v>26</v>
      </c>
      <c r="AG14041">
        <v>26</v>
      </c>
      <c r="AH14041">
        <v>26</v>
      </c>
      <c r="AI14041">
        <v>26</v>
      </c>
      <c r="AJ14041">
        <v>26</v>
      </c>
      <c r="AK14041">
        <v>26</v>
      </c>
      <c r="AL14041">
        <v>26</v>
      </c>
      <c r="AM14041">
        <v>26</v>
      </c>
      <c r="AN14041">
        <v>25</v>
      </c>
      <c r="AO14041">
        <v>25</v>
      </c>
      <c r="AP14041">
        <v>25</v>
      </c>
      <c r="AQ14041">
        <v>25</v>
      </c>
    </row>
    <row r="14042" spans="1:43">
      <c r="A14042" t="s">
        <v>8716</v>
      </c>
      <c r="B14042" t="s">
        <v>8717</v>
      </c>
      <c r="C14042" t="s">
        <v>8718</v>
      </c>
      <c r="D14042" t="s">
        <v>8719</v>
      </c>
      <c r="E14042" t="s">
        <v>8652</v>
      </c>
      <c r="F14042" t="s">
        <v>8653</v>
      </c>
      <c r="G14042" t="s">
        <v>80</v>
      </c>
      <c r="H14042" t="s">
        <v>81</v>
      </c>
      <c r="I14042" s="2">
        <v>0</v>
      </c>
      <c r="J14042" s="2">
        <v>0</v>
      </c>
      <c r="K14042" s="2">
        <v>1</v>
      </c>
      <c r="L14042" t="s">
        <v>995</v>
      </c>
      <c r="M14042" t="s">
        <v>83</v>
      </c>
      <c r="N14042" t="s">
        <v>84</v>
      </c>
      <c r="O14042" t="s">
        <v>85</v>
      </c>
      <c r="P14042" t="s">
        <v>86</v>
      </c>
      <c r="Q14042">
        <v>8</v>
      </c>
      <c r="R14042">
        <v>8</v>
      </c>
      <c r="S14042">
        <v>8</v>
      </c>
      <c r="T14042">
        <v>8</v>
      </c>
      <c r="U14042">
        <v>8</v>
      </c>
      <c r="V14042">
        <v>8</v>
      </c>
      <c r="W14042">
        <v>8</v>
      </c>
      <c r="X14042">
        <v>8</v>
      </c>
      <c r="Y14042">
        <v>8</v>
      </c>
      <c r="Z14042">
        <v>8</v>
      </c>
      <c r="AA14042">
        <v>8</v>
      </c>
      <c r="AB14042">
        <v>8</v>
      </c>
      <c r="AC14042">
        <v>8</v>
      </c>
      <c r="AD14042">
        <v>8</v>
      </c>
      <c r="AE14042">
        <v>8</v>
      </c>
      <c r="AF14042">
        <v>8</v>
      </c>
      <c r="AG14042">
        <v>8</v>
      </c>
      <c r="AH14042">
        <v>8</v>
      </c>
      <c r="AI14042">
        <v>8</v>
      </c>
      <c r="AJ14042">
        <v>8</v>
      </c>
      <c r="AK14042">
        <v>8</v>
      </c>
      <c r="AL14042">
        <v>8</v>
      </c>
      <c r="AM14042">
        <v>8</v>
      </c>
      <c r="AN14042">
        <v>8</v>
      </c>
      <c r="AO14042">
        <v>8</v>
      </c>
      <c r="AP14042">
        <v>8</v>
      </c>
      <c r="AQ14042">
        <v>8</v>
      </c>
    </row>
    <row r="14043" spans="1:43">
      <c r="A14043" t="s">
        <v>8716</v>
      </c>
      <c r="B14043" t="s">
        <v>8717</v>
      </c>
      <c r="C14043" t="s">
        <v>8718</v>
      </c>
      <c r="D14043" t="s">
        <v>8719</v>
      </c>
      <c r="E14043" t="s">
        <v>8652</v>
      </c>
      <c r="F14043" t="s">
        <v>8653</v>
      </c>
      <c r="G14043" t="s">
        <v>80</v>
      </c>
      <c r="H14043" t="s">
        <v>81</v>
      </c>
      <c r="I14043" s="2">
        <v>0</v>
      </c>
      <c r="J14043" s="2">
        <v>0</v>
      </c>
      <c r="K14043" s="2">
        <v>1</v>
      </c>
      <c r="L14043" t="s">
        <v>995</v>
      </c>
      <c r="M14043" t="s">
        <v>87</v>
      </c>
      <c r="N14043" t="s">
        <v>88</v>
      </c>
      <c r="O14043" t="s">
        <v>85</v>
      </c>
      <c r="P14043" t="s">
        <v>86</v>
      </c>
      <c r="Q14043">
        <v>8</v>
      </c>
      <c r="R14043">
        <v>7</v>
      </c>
      <c r="S14043">
        <v>7</v>
      </c>
      <c r="T14043">
        <v>7</v>
      </c>
      <c r="U14043">
        <v>7</v>
      </c>
      <c r="V14043">
        <v>7</v>
      </c>
      <c r="W14043">
        <v>7</v>
      </c>
      <c r="X14043">
        <v>7</v>
      </c>
      <c r="Y14043">
        <v>7</v>
      </c>
      <c r="Z14043">
        <v>7</v>
      </c>
      <c r="AA14043">
        <v>7</v>
      </c>
      <c r="AB14043">
        <v>7</v>
      </c>
      <c r="AC14043">
        <v>7</v>
      </c>
      <c r="AD14043">
        <v>7</v>
      </c>
      <c r="AE14043">
        <v>7</v>
      </c>
      <c r="AF14043">
        <v>7</v>
      </c>
      <c r="AG14043">
        <v>7</v>
      </c>
      <c r="AH14043">
        <v>7</v>
      </c>
      <c r="AI14043">
        <v>7</v>
      </c>
      <c r="AJ14043">
        <v>7</v>
      </c>
      <c r="AK14043">
        <v>7</v>
      </c>
      <c r="AL14043">
        <v>7</v>
      </c>
      <c r="AM14043">
        <v>7</v>
      </c>
      <c r="AN14043">
        <v>7</v>
      </c>
      <c r="AO14043">
        <v>7</v>
      </c>
      <c r="AP14043">
        <v>7</v>
      </c>
      <c r="AQ14043">
        <v>7</v>
      </c>
    </row>
    <row r="14044" spans="1:43">
      <c r="A14044" t="s">
        <v>8716</v>
      </c>
      <c r="B14044" t="s">
        <v>8717</v>
      </c>
      <c r="C14044" t="s">
        <v>8718</v>
      </c>
      <c r="D14044" t="s">
        <v>8719</v>
      </c>
      <c r="E14044" t="s">
        <v>8652</v>
      </c>
      <c r="F14044" t="s">
        <v>8653</v>
      </c>
      <c r="G14044" t="s">
        <v>80</v>
      </c>
      <c r="H14044" t="s">
        <v>81</v>
      </c>
      <c r="I14044" s="2">
        <v>0</v>
      </c>
      <c r="J14044" s="2">
        <v>0</v>
      </c>
      <c r="K14044" s="2">
        <v>1</v>
      </c>
      <c r="L14044" t="s">
        <v>995</v>
      </c>
      <c r="M14044" t="s">
        <v>89</v>
      </c>
      <c r="N14044" t="s">
        <v>90</v>
      </c>
      <c r="O14044" t="s">
        <v>85</v>
      </c>
      <c r="P14044" t="s">
        <v>86</v>
      </c>
      <c r="Q14044">
        <v>8</v>
      </c>
      <c r="R14044">
        <v>8</v>
      </c>
      <c r="S14044">
        <v>8</v>
      </c>
      <c r="T14044">
        <v>8</v>
      </c>
      <c r="U14044">
        <v>8</v>
      </c>
      <c r="V14044">
        <v>8</v>
      </c>
      <c r="W14044">
        <v>8</v>
      </c>
      <c r="X14044">
        <v>8</v>
      </c>
      <c r="Y14044">
        <v>8</v>
      </c>
      <c r="Z14044">
        <v>8</v>
      </c>
      <c r="AA14044">
        <v>8</v>
      </c>
      <c r="AB14044">
        <v>8</v>
      </c>
      <c r="AC14044">
        <v>8</v>
      </c>
      <c r="AD14044">
        <v>8</v>
      </c>
      <c r="AE14044">
        <v>8</v>
      </c>
      <c r="AF14044">
        <v>8</v>
      </c>
      <c r="AG14044">
        <v>8</v>
      </c>
      <c r="AH14044">
        <v>8</v>
      </c>
      <c r="AI14044">
        <v>8</v>
      </c>
      <c r="AJ14044">
        <v>8</v>
      </c>
      <c r="AK14044">
        <v>8</v>
      </c>
      <c r="AL14044">
        <v>8</v>
      </c>
      <c r="AM14044">
        <v>8</v>
      </c>
      <c r="AN14044">
        <v>8</v>
      </c>
      <c r="AO14044">
        <v>8</v>
      </c>
      <c r="AP14044">
        <v>8</v>
      </c>
      <c r="AQ14044">
        <v>8</v>
      </c>
    </row>
    <row r="14045" spans="1:43">
      <c r="A14045" t="s">
        <v>8716</v>
      </c>
      <c r="B14045" t="s">
        <v>8717</v>
      </c>
      <c r="C14045" t="s">
        <v>8718</v>
      </c>
      <c r="D14045" t="s">
        <v>8719</v>
      </c>
      <c r="E14045" t="s">
        <v>8652</v>
      </c>
      <c r="F14045" t="s">
        <v>8653</v>
      </c>
      <c r="G14045" t="s">
        <v>80</v>
      </c>
      <c r="H14045" t="s">
        <v>81</v>
      </c>
      <c r="I14045" s="2">
        <v>0</v>
      </c>
      <c r="J14045" s="2">
        <v>0</v>
      </c>
      <c r="K14045" s="2">
        <v>1</v>
      </c>
      <c r="L14045" t="s">
        <v>995</v>
      </c>
      <c r="M14045" t="s">
        <v>83</v>
      </c>
      <c r="N14045" t="s">
        <v>91</v>
      </c>
      <c r="O14045" t="s">
        <v>85</v>
      </c>
      <c r="P14045" t="s">
        <v>86</v>
      </c>
      <c r="Q14045">
        <v>8</v>
      </c>
      <c r="R14045">
        <v>8</v>
      </c>
      <c r="S14045">
        <v>8</v>
      </c>
      <c r="T14045">
        <v>8</v>
      </c>
      <c r="U14045">
        <v>8</v>
      </c>
      <c r="V14045">
        <v>8</v>
      </c>
      <c r="W14045">
        <v>8</v>
      </c>
      <c r="X14045">
        <v>8</v>
      </c>
      <c r="Y14045">
        <v>8</v>
      </c>
      <c r="Z14045">
        <v>8</v>
      </c>
      <c r="AA14045">
        <v>8</v>
      </c>
      <c r="AB14045">
        <v>8</v>
      </c>
      <c r="AC14045">
        <v>8</v>
      </c>
      <c r="AD14045">
        <v>8</v>
      </c>
      <c r="AE14045">
        <v>8</v>
      </c>
      <c r="AF14045">
        <v>8</v>
      </c>
      <c r="AG14045">
        <v>8</v>
      </c>
      <c r="AH14045">
        <v>8</v>
      </c>
      <c r="AI14045">
        <v>8</v>
      </c>
      <c r="AJ14045">
        <v>8</v>
      </c>
      <c r="AK14045">
        <v>8</v>
      </c>
      <c r="AL14045">
        <v>8</v>
      </c>
      <c r="AM14045">
        <v>8</v>
      </c>
      <c r="AN14045">
        <v>8</v>
      </c>
      <c r="AO14045">
        <v>8</v>
      </c>
      <c r="AP14045">
        <v>8</v>
      </c>
      <c r="AQ14045">
        <v>8</v>
      </c>
    </row>
    <row r="14046" spans="1:43">
      <c r="A14046" t="s">
        <v>8720</v>
      </c>
      <c r="B14046" t="s">
        <v>8721</v>
      </c>
      <c r="C14046" t="s">
        <v>8708</v>
      </c>
      <c r="D14046" t="s">
        <v>8709</v>
      </c>
      <c r="E14046" t="s">
        <v>8652</v>
      </c>
      <c r="F14046" t="s">
        <v>8653</v>
      </c>
      <c r="G14046" t="s">
        <v>80</v>
      </c>
      <c r="H14046" t="s">
        <v>81</v>
      </c>
      <c r="I14046" s="2">
        <v>0</v>
      </c>
      <c r="J14046" s="2">
        <v>0</v>
      </c>
      <c r="K14046" s="2">
        <v>1</v>
      </c>
      <c r="L14046" t="s">
        <v>995</v>
      </c>
      <c r="M14046" t="s">
        <v>83</v>
      </c>
      <c r="N14046" t="s">
        <v>84</v>
      </c>
      <c r="O14046" t="s">
        <v>85</v>
      </c>
      <c r="P14046" t="s">
        <v>86</v>
      </c>
      <c r="Q14046">
        <v>38</v>
      </c>
      <c r="R14046">
        <v>38</v>
      </c>
      <c r="S14046">
        <v>38</v>
      </c>
      <c r="T14046">
        <v>38</v>
      </c>
      <c r="U14046">
        <v>39</v>
      </c>
      <c r="V14046">
        <v>39</v>
      </c>
      <c r="W14046">
        <v>39</v>
      </c>
      <c r="X14046">
        <v>39</v>
      </c>
      <c r="Y14046">
        <v>39</v>
      </c>
      <c r="Z14046">
        <v>40</v>
      </c>
      <c r="AA14046">
        <v>40</v>
      </c>
      <c r="AB14046">
        <v>40</v>
      </c>
      <c r="AC14046">
        <v>40</v>
      </c>
      <c r="AD14046">
        <v>40</v>
      </c>
      <c r="AE14046">
        <v>40</v>
      </c>
      <c r="AF14046">
        <v>40</v>
      </c>
      <c r="AG14046">
        <v>40</v>
      </c>
      <c r="AH14046">
        <v>41</v>
      </c>
      <c r="AI14046">
        <v>41</v>
      </c>
      <c r="AJ14046">
        <v>41</v>
      </c>
      <c r="AK14046">
        <v>41</v>
      </c>
      <c r="AL14046">
        <v>41</v>
      </c>
      <c r="AM14046">
        <v>41</v>
      </c>
      <c r="AN14046">
        <v>40</v>
      </c>
      <c r="AO14046">
        <v>40</v>
      </c>
      <c r="AP14046">
        <v>40</v>
      </c>
      <c r="AQ14046">
        <v>40</v>
      </c>
    </row>
    <row r="14047" spans="1:43">
      <c r="A14047" t="s">
        <v>8720</v>
      </c>
      <c r="B14047" t="s">
        <v>8721</v>
      </c>
      <c r="C14047" t="s">
        <v>8708</v>
      </c>
      <c r="D14047" t="s">
        <v>8709</v>
      </c>
      <c r="E14047" t="s">
        <v>8652</v>
      </c>
      <c r="F14047" t="s">
        <v>8653</v>
      </c>
      <c r="G14047" t="s">
        <v>80</v>
      </c>
      <c r="H14047" t="s">
        <v>81</v>
      </c>
      <c r="I14047" s="2">
        <v>0</v>
      </c>
      <c r="J14047" s="2">
        <v>0</v>
      </c>
      <c r="K14047" s="2">
        <v>1</v>
      </c>
      <c r="L14047" t="s">
        <v>995</v>
      </c>
      <c r="M14047" t="s">
        <v>87</v>
      </c>
      <c r="N14047" t="s">
        <v>88</v>
      </c>
      <c r="O14047" t="s">
        <v>85</v>
      </c>
      <c r="P14047" t="s">
        <v>86</v>
      </c>
      <c r="Q14047">
        <v>38</v>
      </c>
      <c r="R14047">
        <v>38</v>
      </c>
      <c r="S14047">
        <v>38</v>
      </c>
      <c r="T14047">
        <v>38</v>
      </c>
      <c r="U14047">
        <v>38</v>
      </c>
      <c r="V14047">
        <v>38</v>
      </c>
      <c r="W14047">
        <v>38</v>
      </c>
      <c r="X14047">
        <v>37</v>
      </c>
      <c r="Y14047">
        <v>37</v>
      </c>
      <c r="Z14047">
        <v>37</v>
      </c>
      <c r="AA14047">
        <v>37</v>
      </c>
      <c r="AB14047">
        <v>37</v>
      </c>
      <c r="AC14047">
        <v>37</v>
      </c>
      <c r="AD14047">
        <v>37</v>
      </c>
      <c r="AE14047">
        <v>37</v>
      </c>
      <c r="AF14047">
        <v>37</v>
      </c>
      <c r="AG14047">
        <v>37</v>
      </c>
      <c r="AH14047">
        <v>36</v>
      </c>
      <c r="AI14047">
        <v>36</v>
      </c>
      <c r="AJ14047">
        <v>36</v>
      </c>
      <c r="AK14047">
        <v>36</v>
      </c>
      <c r="AL14047">
        <v>36</v>
      </c>
      <c r="AM14047">
        <v>36</v>
      </c>
      <c r="AN14047">
        <v>36</v>
      </c>
      <c r="AO14047">
        <v>36</v>
      </c>
      <c r="AP14047">
        <v>36</v>
      </c>
      <c r="AQ14047">
        <v>36</v>
      </c>
    </row>
    <row r="14048" spans="1:43">
      <c r="A14048" t="s">
        <v>8720</v>
      </c>
      <c r="B14048" t="s">
        <v>8721</v>
      </c>
      <c r="C14048" t="s">
        <v>8708</v>
      </c>
      <c r="D14048" t="s">
        <v>8709</v>
      </c>
      <c r="E14048" t="s">
        <v>8652</v>
      </c>
      <c r="F14048" t="s">
        <v>8653</v>
      </c>
      <c r="G14048" t="s">
        <v>80</v>
      </c>
      <c r="H14048" t="s">
        <v>81</v>
      </c>
      <c r="I14048" s="2">
        <v>0</v>
      </c>
      <c r="J14048" s="2">
        <v>0</v>
      </c>
      <c r="K14048" s="2">
        <v>1</v>
      </c>
      <c r="L14048" t="s">
        <v>995</v>
      </c>
      <c r="M14048" t="s">
        <v>89</v>
      </c>
      <c r="N14048" t="s">
        <v>90</v>
      </c>
      <c r="O14048" t="s">
        <v>85</v>
      </c>
      <c r="P14048" t="s">
        <v>86</v>
      </c>
      <c r="Q14048">
        <v>38</v>
      </c>
      <c r="R14048">
        <v>39</v>
      </c>
      <c r="S14048">
        <v>39</v>
      </c>
      <c r="T14048">
        <v>40</v>
      </c>
      <c r="U14048">
        <v>40</v>
      </c>
      <c r="V14048">
        <v>41</v>
      </c>
      <c r="W14048">
        <v>41</v>
      </c>
      <c r="X14048">
        <v>41</v>
      </c>
      <c r="Y14048">
        <v>42</v>
      </c>
      <c r="Z14048">
        <v>42</v>
      </c>
      <c r="AA14048">
        <v>42</v>
      </c>
      <c r="AB14048">
        <v>42</v>
      </c>
      <c r="AC14048">
        <v>43</v>
      </c>
      <c r="AD14048">
        <v>43</v>
      </c>
      <c r="AE14048">
        <v>43</v>
      </c>
      <c r="AF14048">
        <v>43</v>
      </c>
      <c r="AG14048">
        <v>42</v>
      </c>
      <c r="AH14048">
        <v>42</v>
      </c>
      <c r="AI14048">
        <v>42</v>
      </c>
      <c r="AJ14048">
        <v>42</v>
      </c>
      <c r="AK14048">
        <v>41</v>
      </c>
      <c r="AL14048">
        <v>41</v>
      </c>
      <c r="AM14048">
        <v>41</v>
      </c>
      <c r="AN14048">
        <v>41</v>
      </c>
      <c r="AO14048">
        <v>41</v>
      </c>
      <c r="AP14048">
        <v>40</v>
      </c>
      <c r="AQ14048">
        <v>40</v>
      </c>
    </row>
    <row r="14049" spans="1:43">
      <c r="A14049" t="s">
        <v>8720</v>
      </c>
      <c r="B14049" t="s">
        <v>8721</v>
      </c>
      <c r="C14049" t="s">
        <v>8708</v>
      </c>
      <c r="D14049" t="s">
        <v>8709</v>
      </c>
      <c r="E14049" t="s">
        <v>8652</v>
      </c>
      <c r="F14049" t="s">
        <v>8653</v>
      </c>
      <c r="G14049" t="s">
        <v>80</v>
      </c>
      <c r="H14049" t="s">
        <v>81</v>
      </c>
      <c r="I14049" s="2">
        <v>0</v>
      </c>
      <c r="J14049" s="2">
        <v>0</v>
      </c>
      <c r="K14049" s="2">
        <v>1</v>
      </c>
      <c r="L14049" t="s">
        <v>995</v>
      </c>
      <c r="M14049" t="s">
        <v>83</v>
      </c>
      <c r="N14049" t="s">
        <v>91</v>
      </c>
      <c r="O14049" t="s">
        <v>85</v>
      </c>
      <c r="P14049" t="s">
        <v>86</v>
      </c>
      <c r="Q14049">
        <v>38</v>
      </c>
      <c r="R14049">
        <v>38</v>
      </c>
      <c r="S14049">
        <v>38</v>
      </c>
      <c r="T14049">
        <v>38</v>
      </c>
      <c r="U14049">
        <v>39</v>
      </c>
      <c r="V14049">
        <v>39</v>
      </c>
      <c r="W14049">
        <v>39</v>
      </c>
      <c r="X14049">
        <v>39</v>
      </c>
      <c r="Y14049">
        <v>39</v>
      </c>
      <c r="Z14049">
        <v>40</v>
      </c>
      <c r="AA14049">
        <v>40</v>
      </c>
      <c r="AB14049">
        <v>40</v>
      </c>
      <c r="AC14049">
        <v>40</v>
      </c>
      <c r="AD14049">
        <v>40</v>
      </c>
      <c r="AE14049">
        <v>40</v>
      </c>
      <c r="AF14049">
        <v>40</v>
      </c>
      <c r="AG14049">
        <v>40</v>
      </c>
      <c r="AH14049">
        <v>41</v>
      </c>
      <c r="AI14049">
        <v>41</v>
      </c>
      <c r="AJ14049">
        <v>41</v>
      </c>
      <c r="AK14049">
        <v>41</v>
      </c>
      <c r="AL14049">
        <v>41</v>
      </c>
      <c r="AM14049">
        <v>41</v>
      </c>
      <c r="AN14049">
        <v>40</v>
      </c>
      <c r="AO14049">
        <v>40</v>
      </c>
      <c r="AP14049">
        <v>40</v>
      </c>
      <c r="AQ14049">
        <v>40</v>
      </c>
    </row>
    <row r="14050" spans="1:43">
      <c r="A14050" t="s">
        <v>8722</v>
      </c>
      <c r="B14050" t="s">
        <v>8723</v>
      </c>
      <c r="C14050" t="s">
        <v>8718</v>
      </c>
      <c r="D14050" t="s">
        <v>8719</v>
      </c>
      <c r="E14050" t="s">
        <v>8652</v>
      </c>
      <c r="F14050" t="s">
        <v>8653</v>
      </c>
      <c r="G14050" t="s">
        <v>80</v>
      </c>
      <c r="H14050" t="s">
        <v>81</v>
      </c>
      <c r="I14050" s="2">
        <v>0</v>
      </c>
      <c r="J14050" s="2">
        <v>0</v>
      </c>
      <c r="K14050" s="2">
        <v>1</v>
      </c>
      <c r="L14050" t="s">
        <v>995</v>
      </c>
      <c r="M14050" t="s">
        <v>83</v>
      </c>
      <c r="N14050" t="s">
        <v>84</v>
      </c>
      <c r="O14050" t="s">
        <v>85</v>
      </c>
      <c r="P14050" t="s">
        <v>86</v>
      </c>
      <c r="Q14050">
        <v>46</v>
      </c>
      <c r="R14050">
        <v>46</v>
      </c>
      <c r="S14050">
        <v>46</v>
      </c>
      <c r="T14050">
        <v>46</v>
      </c>
      <c r="U14050">
        <v>47</v>
      </c>
      <c r="V14050">
        <v>47</v>
      </c>
      <c r="W14050">
        <v>47</v>
      </c>
      <c r="X14050">
        <v>47</v>
      </c>
      <c r="Y14050">
        <v>47</v>
      </c>
      <c r="Z14050">
        <v>47</v>
      </c>
      <c r="AA14050">
        <v>47</v>
      </c>
      <c r="AB14050">
        <v>48</v>
      </c>
      <c r="AC14050">
        <v>48</v>
      </c>
      <c r="AD14050">
        <v>48</v>
      </c>
      <c r="AE14050">
        <v>48</v>
      </c>
      <c r="AF14050">
        <v>48</v>
      </c>
      <c r="AG14050">
        <v>48</v>
      </c>
      <c r="AH14050">
        <v>48</v>
      </c>
      <c r="AI14050">
        <v>48</v>
      </c>
      <c r="AJ14050">
        <v>48</v>
      </c>
      <c r="AK14050">
        <v>48</v>
      </c>
      <c r="AL14050">
        <v>48</v>
      </c>
      <c r="AM14050">
        <v>47</v>
      </c>
      <c r="AN14050">
        <v>47</v>
      </c>
      <c r="AO14050">
        <v>47</v>
      </c>
      <c r="AP14050">
        <v>46</v>
      </c>
      <c r="AQ14050">
        <v>46</v>
      </c>
    </row>
    <row r="14051" spans="1:43">
      <c r="A14051" t="s">
        <v>8722</v>
      </c>
      <c r="B14051" t="s">
        <v>8723</v>
      </c>
      <c r="C14051" t="s">
        <v>8718</v>
      </c>
      <c r="D14051" t="s">
        <v>8719</v>
      </c>
      <c r="E14051" t="s">
        <v>8652</v>
      </c>
      <c r="F14051" t="s">
        <v>8653</v>
      </c>
      <c r="G14051" t="s">
        <v>80</v>
      </c>
      <c r="H14051" t="s">
        <v>81</v>
      </c>
      <c r="I14051" s="2">
        <v>0</v>
      </c>
      <c r="J14051" s="2">
        <v>0</v>
      </c>
      <c r="K14051" s="2">
        <v>1</v>
      </c>
      <c r="L14051" t="s">
        <v>995</v>
      </c>
      <c r="M14051" t="s">
        <v>87</v>
      </c>
      <c r="N14051" t="s">
        <v>88</v>
      </c>
      <c r="O14051" t="s">
        <v>85</v>
      </c>
      <c r="P14051" t="s">
        <v>86</v>
      </c>
      <c r="Q14051">
        <v>46</v>
      </c>
      <c r="R14051">
        <v>46</v>
      </c>
      <c r="S14051">
        <v>46</v>
      </c>
      <c r="T14051">
        <v>46</v>
      </c>
      <c r="U14051">
        <v>46</v>
      </c>
      <c r="V14051">
        <v>45</v>
      </c>
      <c r="W14051">
        <v>45</v>
      </c>
      <c r="X14051">
        <v>45</v>
      </c>
      <c r="Y14051">
        <v>45</v>
      </c>
      <c r="Z14051">
        <v>44</v>
      </c>
      <c r="AA14051">
        <v>44</v>
      </c>
      <c r="AB14051">
        <v>44</v>
      </c>
      <c r="AC14051">
        <v>44</v>
      </c>
      <c r="AD14051">
        <v>44</v>
      </c>
      <c r="AE14051">
        <v>43</v>
      </c>
      <c r="AF14051">
        <v>43</v>
      </c>
      <c r="AG14051">
        <v>43</v>
      </c>
      <c r="AH14051">
        <v>43</v>
      </c>
      <c r="AI14051">
        <v>43</v>
      </c>
      <c r="AJ14051">
        <v>42</v>
      </c>
      <c r="AK14051">
        <v>42</v>
      </c>
      <c r="AL14051">
        <v>42</v>
      </c>
      <c r="AM14051">
        <v>42</v>
      </c>
      <c r="AN14051">
        <v>42</v>
      </c>
      <c r="AO14051">
        <v>42</v>
      </c>
      <c r="AP14051">
        <v>41</v>
      </c>
      <c r="AQ14051">
        <v>41</v>
      </c>
    </row>
    <row r="14052" spans="1:43">
      <c r="A14052" t="s">
        <v>8722</v>
      </c>
      <c r="B14052" t="s">
        <v>8723</v>
      </c>
      <c r="C14052" t="s">
        <v>8718</v>
      </c>
      <c r="D14052" t="s">
        <v>8719</v>
      </c>
      <c r="E14052" t="s">
        <v>8652</v>
      </c>
      <c r="F14052" t="s">
        <v>8653</v>
      </c>
      <c r="G14052" t="s">
        <v>80</v>
      </c>
      <c r="H14052" t="s">
        <v>81</v>
      </c>
      <c r="I14052" s="2">
        <v>0</v>
      </c>
      <c r="J14052" s="2">
        <v>0</v>
      </c>
      <c r="K14052" s="2">
        <v>1</v>
      </c>
      <c r="L14052" t="s">
        <v>995</v>
      </c>
      <c r="M14052" t="s">
        <v>89</v>
      </c>
      <c r="N14052" t="s">
        <v>90</v>
      </c>
      <c r="O14052" t="s">
        <v>85</v>
      </c>
      <c r="P14052" t="s">
        <v>86</v>
      </c>
      <c r="Q14052">
        <v>46</v>
      </c>
      <c r="R14052">
        <v>47</v>
      </c>
      <c r="S14052">
        <v>47</v>
      </c>
      <c r="T14052">
        <v>48</v>
      </c>
      <c r="U14052">
        <v>48</v>
      </c>
      <c r="V14052">
        <v>49</v>
      </c>
      <c r="W14052">
        <v>49</v>
      </c>
      <c r="X14052">
        <v>50</v>
      </c>
      <c r="Y14052">
        <v>50</v>
      </c>
      <c r="Z14052">
        <v>50</v>
      </c>
      <c r="AA14052">
        <v>50</v>
      </c>
      <c r="AB14052">
        <v>51</v>
      </c>
      <c r="AC14052">
        <v>51</v>
      </c>
      <c r="AD14052">
        <v>51</v>
      </c>
      <c r="AE14052">
        <v>51</v>
      </c>
      <c r="AF14052">
        <v>51</v>
      </c>
      <c r="AG14052">
        <v>50</v>
      </c>
      <c r="AH14052">
        <v>50</v>
      </c>
      <c r="AI14052">
        <v>49</v>
      </c>
      <c r="AJ14052">
        <v>49</v>
      </c>
      <c r="AK14052">
        <v>49</v>
      </c>
      <c r="AL14052">
        <v>48</v>
      </c>
      <c r="AM14052">
        <v>48</v>
      </c>
      <c r="AN14052">
        <v>47</v>
      </c>
      <c r="AO14052">
        <v>47</v>
      </c>
      <c r="AP14052">
        <v>47</v>
      </c>
      <c r="AQ14052">
        <v>46</v>
      </c>
    </row>
    <row r="14053" spans="1:43">
      <c r="A14053" t="s">
        <v>8722</v>
      </c>
      <c r="B14053" t="s">
        <v>8723</v>
      </c>
      <c r="C14053" t="s">
        <v>8718</v>
      </c>
      <c r="D14053" t="s">
        <v>8719</v>
      </c>
      <c r="E14053" t="s">
        <v>8652</v>
      </c>
      <c r="F14053" t="s">
        <v>8653</v>
      </c>
      <c r="G14053" t="s">
        <v>80</v>
      </c>
      <c r="H14053" t="s">
        <v>81</v>
      </c>
      <c r="I14053" s="2">
        <v>0</v>
      </c>
      <c r="J14053" s="2">
        <v>0</v>
      </c>
      <c r="K14053" s="2">
        <v>1</v>
      </c>
      <c r="L14053" t="s">
        <v>995</v>
      </c>
      <c r="M14053" t="s">
        <v>83</v>
      </c>
      <c r="N14053" t="s">
        <v>91</v>
      </c>
      <c r="O14053" t="s">
        <v>85</v>
      </c>
      <c r="P14053" t="s">
        <v>86</v>
      </c>
      <c r="Q14053">
        <v>46</v>
      </c>
      <c r="R14053">
        <v>46</v>
      </c>
      <c r="S14053">
        <v>46</v>
      </c>
      <c r="T14053">
        <v>46</v>
      </c>
      <c r="U14053">
        <v>47</v>
      </c>
      <c r="V14053">
        <v>47</v>
      </c>
      <c r="W14053">
        <v>47</v>
      </c>
      <c r="X14053">
        <v>47</v>
      </c>
      <c r="Y14053">
        <v>47</v>
      </c>
      <c r="Z14053">
        <v>47</v>
      </c>
      <c r="AA14053">
        <v>47</v>
      </c>
      <c r="AB14053">
        <v>48</v>
      </c>
      <c r="AC14053">
        <v>48</v>
      </c>
      <c r="AD14053">
        <v>48</v>
      </c>
      <c r="AE14053">
        <v>48</v>
      </c>
      <c r="AF14053">
        <v>48</v>
      </c>
      <c r="AG14053">
        <v>48</v>
      </c>
      <c r="AH14053">
        <v>48</v>
      </c>
      <c r="AI14053">
        <v>48</v>
      </c>
      <c r="AJ14053">
        <v>48</v>
      </c>
      <c r="AK14053">
        <v>48</v>
      </c>
      <c r="AL14053">
        <v>48</v>
      </c>
      <c r="AM14053">
        <v>47</v>
      </c>
      <c r="AN14053">
        <v>47</v>
      </c>
      <c r="AO14053">
        <v>47</v>
      </c>
      <c r="AP14053">
        <v>46</v>
      </c>
      <c r="AQ14053">
        <v>46</v>
      </c>
    </row>
    <row r="14054" spans="1:43">
      <c r="A14054" t="s">
        <v>8724</v>
      </c>
      <c r="B14054" t="s">
        <v>8725</v>
      </c>
      <c r="C14054" t="s">
        <v>8726</v>
      </c>
      <c r="D14054" t="s">
        <v>8727</v>
      </c>
      <c r="E14054" t="s">
        <v>8652</v>
      </c>
      <c r="F14054" t="s">
        <v>8653</v>
      </c>
      <c r="G14054" t="s">
        <v>80</v>
      </c>
      <c r="H14054" t="s">
        <v>81</v>
      </c>
      <c r="I14054" s="2">
        <v>0</v>
      </c>
      <c r="J14054" s="2">
        <v>0</v>
      </c>
      <c r="K14054" s="2">
        <v>1</v>
      </c>
      <c r="L14054" t="s">
        <v>995</v>
      </c>
      <c r="M14054" t="s">
        <v>83</v>
      </c>
      <c r="N14054" t="s">
        <v>84</v>
      </c>
      <c r="O14054" t="s">
        <v>85</v>
      </c>
      <c r="P14054" t="s">
        <v>86</v>
      </c>
      <c r="Q14054">
        <v>2</v>
      </c>
      <c r="R14054">
        <v>2</v>
      </c>
      <c r="S14054">
        <v>2</v>
      </c>
      <c r="T14054">
        <v>2</v>
      </c>
      <c r="U14054">
        <v>2</v>
      </c>
      <c r="V14054">
        <v>2</v>
      </c>
      <c r="W14054">
        <v>2</v>
      </c>
      <c r="X14054">
        <v>2</v>
      </c>
      <c r="Y14054">
        <v>2</v>
      </c>
      <c r="Z14054">
        <v>2</v>
      </c>
      <c r="AA14054">
        <v>2</v>
      </c>
      <c r="AB14054">
        <v>2</v>
      </c>
      <c r="AC14054">
        <v>3</v>
      </c>
      <c r="AD14054">
        <v>3</v>
      </c>
      <c r="AE14054">
        <v>3</v>
      </c>
      <c r="AF14054">
        <v>3</v>
      </c>
      <c r="AG14054">
        <v>3</v>
      </c>
      <c r="AH14054">
        <v>3</v>
      </c>
      <c r="AI14054">
        <v>3</v>
      </c>
      <c r="AJ14054">
        <v>3</v>
      </c>
      <c r="AK14054">
        <v>3</v>
      </c>
      <c r="AL14054">
        <v>3</v>
      </c>
      <c r="AM14054">
        <v>3</v>
      </c>
      <c r="AN14054">
        <v>3</v>
      </c>
      <c r="AO14054">
        <v>3</v>
      </c>
      <c r="AP14054">
        <v>3</v>
      </c>
      <c r="AQ14054">
        <v>2</v>
      </c>
    </row>
    <row r="14055" spans="1:43">
      <c r="A14055" t="s">
        <v>8724</v>
      </c>
      <c r="B14055" t="s">
        <v>8725</v>
      </c>
      <c r="C14055" t="s">
        <v>8726</v>
      </c>
      <c r="D14055" t="s">
        <v>8727</v>
      </c>
      <c r="E14055" t="s">
        <v>8652</v>
      </c>
      <c r="F14055" t="s">
        <v>8653</v>
      </c>
      <c r="G14055" t="s">
        <v>80</v>
      </c>
      <c r="H14055" t="s">
        <v>81</v>
      </c>
      <c r="I14055" s="2">
        <v>0</v>
      </c>
      <c r="J14055" s="2">
        <v>0</v>
      </c>
      <c r="K14055" s="2">
        <v>1</v>
      </c>
      <c r="L14055" t="s">
        <v>995</v>
      </c>
      <c r="M14055" t="s">
        <v>87</v>
      </c>
      <c r="N14055" t="s">
        <v>88</v>
      </c>
      <c r="O14055" t="s">
        <v>85</v>
      </c>
      <c r="P14055" t="s">
        <v>86</v>
      </c>
      <c r="Q14055">
        <v>2</v>
      </c>
      <c r="R14055">
        <v>2</v>
      </c>
      <c r="S14055">
        <v>2</v>
      </c>
      <c r="T14055">
        <v>2</v>
      </c>
      <c r="U14055">
        <v>2</v>
      </c>
      <c r="V14055">
        <v>2</v>
      </c>
      <c r="W14055">
        <v>2</v>
      </c>
      <c r="X14055">
        <v>2</v>
      </c>
      <c r="Y14055">
        <v>2</v>
      </c>
      <c r="Z14055">
        <v>2</v>
      </c>
      <c r="AA14055">
        <v>2</v>
      </c>
      <c r="AB14055">
        <v>2</v>
      </c>
      <c r="AC14055">
        <v>2</v>
      </c>
      <c r="AD14055">
        <v>2</v>
      </c>
      <c r="AE14055">
        <v>2</v>
      </c>
      <c r="AF14055">
        <v>2</v>
      </c>
      <c r="AG14055">
        <v>2</v>
      </c>
      <c r="AH14055">
        <v>2</v>
      </c>
      <c r="AI14055">
        <v>2</v>
      </c>
      <c r="AJ14055">
        <v>2</v>
      </c>
      <c r="AK14055">
        <v>2</v>
      </c>
      <c r="AL14055">
        <v>2</v>
      </c>
      <c r="AM14055">
        <v>2</v>
      </c>
      <c r="AN14055">
        <v>2</v>
      </c>
      <c r="AO14055">
        <v>2</v>
      </c>
      <c r="AP14055">
        <v>2</v>
      </c>
      <c r="AQ14055">
        <v>2</v>
      </c>
    </row>
    <row r="14056" spans="1:43">
      <c r="A14056" t="s">
        <v>8724</v>
      </c>
      <c r="B14056" t="s">
        <v>8725</v>
      </c>
      <c r="C14056" t="s">
        <v>8726</v>
      </c>
      <c r="D14056" t="s">
        <v>8727</v>
      </c>
      <c r="E14056" t="s">
        <v>8652</v>
      </c>
      <c r="F14056" t="s">
        <v>8653</v>
      </c>
      <c r="G14056" t="s">
        <v>80</v>
      </c>
      <c r="H14056" t="s">
        <v>81</v>
      </c>
      <c r="I14056" s="2">
        <v>0</v>
      </c>
      <c r="J14056" s="2">
        <v>0</v>
      </c>
      <c r="K14056" s="2">
        <v>1</v>
      </c>
      <c r="L14056" t="s">
        <v>995</v>
      </c>
      <c r="M14056" t="s">
        <v>89</v>
      </c>
      <c r="N14056" t="s">
        <v>90</v>
      </c>
      <c r="O14056" t="s">
        <v>85</v>
      </c>
      <c r="P14056" t="s">
        <v>86</v>
      </c>
      <c r="Q14056">
        <v>2</v>
      </c>
      <c r="R14056">
        <v>2</v>
      </c>
      <c r="S14056">
        <v>2</v>
      </c>
      <c r="T14056">
        <v>2</v>
      </c>
      <c r="U14056">
        <v>3</v>
      </c>
      <c r="V14056">
        <v>3</v>
      </c>
      <c r="W14056">
        <v>3</v>
      </c>
      <c r="X14056">
        <v>3</v>
      </c>
      <c r="Y14056">
        <v>3</v>
      </c>
      <c r="Z14056">
        <v>3</v>
      </c>
      <c r="AA14056">
        <v>3</v>
      </c>
      <c r="AB14056">
        <v>3</v>
      </c>
      <c r="AC14056">
        <v>3</v>
      </c>
      <c r="AD14056">
        <v>3</v>
      </c>
      <c r="AE14056">
        <v>3</v>
      </c>
      <c r="AF14056">
        <v>3</v>
      </c>
      <c r="AG14056">
        <v>3</v>
      </c>
      <c r="AH14056">
        <v>3</v>
      </c>
      <c r="AI14056">
        <v>3</v>
      </c>
      <c r="AJ14056">
        <v>3</v>
      </c>
      <c r="AK14056">
        <v>3</v>
      </c>
      <c r="AL14056">
        <v>3</v>
      </c>
      <c r="AM14056">
        <v>3</v>
      </c>
      <c r="AN14056">
        <v>3</v>
      </c>
      <c r="AO14056">
        <v>3</v>
      </c>
      <c r="AP14056">
        <v>3</v>
      </c>
      <c r="AQ14056">
        <v>3</v>
      </c>
    </row>
    <row r="14057" spans="1:43">
      <c r="A14057" t="s">
        <v>8724</v>
      </c>
      <c r="B14057" t="s">
        <v>8725</v>
      </c>
      <c r="C14057" t="s">
        <v>8726</v>
      </c>
      <c r="D14057" t="s">
        <v>8727</v>
      </c>
      <c r="E14057" t="s">
        <v>8652</v>
      </c>
      <c r="F14057" t="s">
        <v>8653</v>
      </c>
      <c r="G14057" t="s">
        <v>80</v>
      </c>
      <c r="H14057" t="s">
        <v>81</v>
      </c>
      <c r="I14057" s="2">
        <v>0</v>
      </c>
      <c r="J14057" s="2">
        <v>0</v>
      </c>
      <c r="K14057" s="2">
        <v>1</v>
      </c>
      <c r="L14057" t="s">
        <v>995</v>
      </c>
      <c r="M14057" t="s">
        <v>83</v>
      </c>
      <c r="N14057" t="s">
        <v>91</v>
      </c>
      <c r="O14057" t="s">
        <v>85</v>
      </c>
      <c r="P14057" t="s">
        <v>86</v>
      </c>
      <c r="Q14057">
        <v>2</v>
      </c>
      <c r="R14057">
        <v>2</v>
      </c>
      <c r="S14057">
        <v>2</v>
      </c>
      <c r="T14057">
        <v>2</v>
      </c>
      <c r="U14057">
        <v>2</v>
      </c>
      <c r="V14057">
        <v>2</v>
      </c>
      <c r="W14057">
        <v>2</v>
      </c>
      <c r="X14057">
        <v>2</v>
      </c>
      <c r="Y14057">
        <v>2</v>
      </c>
      <c r="Z14057">
        <v>2</v>
      </c>
      <c r="AA14057">
        <v>2</v>
      </c>
      <c r="AB14057">
        <v>2</v>
      </c>
      <c r="AC14057">
        <v>3</v>
      </c>
      <c r="AD14057">
        <v>3</v>
      </c>
      <c r="AE14057">
        <v>3</v>
      </c>
      <c r="AF14057">
        <v>3</v>
      </c>
      <c r="AG14057">
        <v>3</v>
      </c>
      <c r="AH14057">
        <v>3</v>
      </c>
      <c r="AI14057">
        <v>3</v>
      </c>
      <c r="AJ14057">
        <v>3</v>
      </c>
      <c r="AK14057">
        <v>3</v>
      </c>
      <c r="AL14057">
        <v>3</v>
      </c>
      <c r="AM14057">
        <v>3</v>
      </c>
      <c r="AN14057">
        <v>3</v>
      </c>
      <c r="AO14057">
        <v>3</v>
      </c>
      <c r="AP14057">
        <v>3</v>
      </c>
      <c r="AQ14057">
        <v>2</v>
      </c>
    </row>
    <row r="14058" spans="1:43">
      <c r="A14058" t="s">
        <v>8728</v>
      </c>
      <c r="B14058" t="s">
        <v>8729</v>
      </c>
      <c r="C14058" t="s">
        <v>8692</v>
      </c>
      <c r="D14058" t="s">
        <v>8693</v>
      </c>
      <c r="E14058" t="s">
        <v>8652</v>
      </c>
      <c r="F14058" t="s">
        <v>8653</v>
      </c>
      <c r="G14058" t="s">
        <v>80</v>
      </c>
      <c r="H14058" t="s">
        <v>81</v>
      </c>
      <c r="I14058" s="2">
        <v>0</v>
      </c>
      <c r="J14058" s="2">
        <v>0</v>
      </c>
      <c r="K14058" s="2">
        <v>1</v>
      </c>
      <c r="L14058" t="s">
        <v>995</v>
      </c>
      <c r="M14058" t="s">
        <v>83</v>
      </c>
      <c r="N14058" t="s">
        <v>84</v>
      </c>
      <c r="O14058" t="s">
        <v>85</v>
      </c>
      <c r="P14058" t="s">
        <v>86</v>
      </c>
      <c r="Q14058">
        <v>31</v>
      </c>
      <c r="R14058">
        <v>31</v>
      </c>
      <c r="S14058">
        <v>31</v>
      </c>
      <c r="T14058">
        <v>32</v>
      </c>
      <c r="U14058">
        <v>32</v>
      </c>
      <c r="V14058">
        <v>32</v>
      </c>
      <c r="W14058">
        <v>32</v>
      </c>
      <c r="X14058">
        <v>32</v>
      </c>
      <c r="Y14058">
        <v>32</v>
      </c>
      <c r="Z14058">
        <v>33</v>
      </c>
      <c r="AA14058">
        <v>33</v>
      </c>
      <c r="AB14058">
        <v>33</v>
      </c>
      <c r="AC14058">
        <v>33</v>
      </c>
      <c r="AD14058">
        <v>33</v>
      </c>
      <c r="AE14058">
        <v>33</v>
      </c>
      <c r="AF14058">
        <v>33</v>
      </c>
      <c r="AG14058">
        <v>33</v>
      </c>
      <c r="AH14058">
        <v>33</v>
      </c>
      <c r="AI14058">
        <v>33</v>
      </c>
      <c r="AJ14058">
        <v>34</v>
      </c>
      <c r="AK14058">
        <v>34</v>
      </c>
      <c r="AL14058">
        <v>33</v>
      </c>
      <c r="AM14058">
        <v>33</v>
      </c>
      <c r="AN14058">
        <v>33</v>
      </c>
      <c r="AO14058">
        <v>33</v>
      </c>
      <c r="AP14058">
        <v>33</v>
      </c>
      <c r="AQ14058">
        <v>33</v>
      </c>
    </row>
    <row r="14059" spans="1:43">
      <c r="A14059" t="s">
        <v>8728</v>
      </c>
      <c r="B14059" t="s">
        <v>8729</v>
      </c>
      <c r="C14059" t="s">
        <v>8692</v>
      </c>
      <c r="D14059" t="s">
        <v>8693</v>
      </c>
      <c r="E14059" t="s">
        <v>8652</v>
      </c>
      <c r="F14059" t="s">
        <v>8653</v>
      </c>
      <c r="G14059" t="s">
        <v>80</v>
      </c>
      <c r="H14059" t="s">
        <v>81</v>
      </c>
      <c r="I14059" s="2">
        <v>0</v>
      </c>
      <c r="J14059" s="2">
        <v>0</v>
      </c>
      <c r="K14059" s="2">
        <v>1</v>
      </c>
      <c r="L14059" t="s">
        <v>995</v>
      </c>
      <c r="M14059" t="s">
        <v>87</v>
      </c>
      <c r="N14059" t="s">
        <v>88</v>
      </c>
      <c r="O14059" t="s">
        <v>85</v>
      </c>
      <c r="P14059" t="s">
        <v>86</v>
      </c>
      <c r="Q14059">
        <v>31</v>
      </c>
      <c r="R14059">
        <v>31</v>
      </c>
      <c r="S14059">
        <v>31</v>
      </c>
      <c r="T14059">
        <v>30</v>
      </c>
      <c r="U14059">
        <v>30</v>
      </c>
      <c r="V14059">
        <v>30</v>
      </c>
      <c r="W14059">
        <v>30</v>
      </c>
      <c r="X14059">
        <v>30</v>
      </c>
      <c r="Y14059">
        <v>30</v>
      </c>
      <c r="Z14059">
        <v>30</v>
      </c>
      <c r="AA14059">
        <v>30</v>
      </c>
      <c r="AB14059">
        <v>30</v>
      </c>
      <c r="AC14059">
        <v>30</v>
      </c>
      <c r="AD14059">
        <v>29</v>
      </c>
      <c r="AE14059">
        <v>29</v>
      </c>
      <c r="AF14059">
        <v>29</v>
      </c>
      <c r="AG14059">
        <v>29</v>
      </c>
      <c r="AH14059">
        <v>29</v>
      </c>
      <c r="AI14059">
        <v>29</v>
      </c>
      <c r="AJ14059">
        <v>29</v>
      </c>
      <c r="AK14059">
        <v>29</v>
      </c>
      <c r="AL14059">
        <v>29</v>
      </c>
      <c r="AM14059">
        <v>29</v>
      </c>
      <c r="AN14059">
        <v>29</v>
      </c>
      <c r="AO14059">
        <v>29</v>
      </c>
      <c r="AP14059">
        <v>29</v>
      </c>
      <c r="AQ14059">
        <v>28</v>
      </c>
    </row>
    <row r="14060" spans="1:43">
      <c r="A14060" t="s">
        <v>8728</v>
      </c>
      <c r="B14060" t="s">
        <v>8729</v>
      </c>
      <c r="C14060" t="s">
        <v>8692</v>
      </c>
      <c r="D14060" t="s">
        <v>8693</v>
      </c>
      <c r="E14060" t="s">
        <v>8652</v>
      </c>
      <c r="F14060" t="s">
        <v>8653</v>
      </c>
      <c r="G14060" t="s">
        <v>80</v>
      </c>
      <c r="H14060" t="s">
        <v>81</v>
      </c>
      <c r="I14060" s="2">
        <v>0</v>
      </c>
      <c r="J14060" s="2">
        <v>0</v>
      </c>
      <c r="K14060" s="2">
        <v>1</v>
      </c>
      <c r="L14060" t="s">
        <v>995</v>
      </c>
      <c r="M14060" t="s">
        <v>89</v>
      </c>
      <c r="N14060" t="s">
        <v>90</v>
      </c>
      <c r="O14060" t="s">
        <v>85</v>
      </c>
      <c r="P14060" t="s">
        <v>86</v>
      </c>
      <c r="Q14060">
        <v>31</v>
      </c>
      <c r="R14060">
        <v>32</v>
      </c>
      <c r="S14060">
        <v>32</v>
      </c>
      <c r="T14060">
        <v>33</v>
      </c>
      <c r="U14060">
        <v>33</v>
      </c>
      <c r="V14060">
        <v>33</v>
      </c>
      <c r="W14060">
        <v>34</v>
      </c>
      <c r="X14060">
        <v>34</v>
      </c>
      <c r="Y14060">
        <v>34</v>
      </c>
      <c r="Z14060">
        <v>35</v>
      </c>
      <c r="AA14060">
        <v>35</v>
      </c>
      <c r="AB14060">
        <v>35</v>
      </c>
      <c r="AC14060">
        <v>35</v>
      </c>
      <c r="AD14060">
        <v>35</v>
      </c>
      <c r="AE14060">
        <v>35</v>
      </c>
      <c r="AF14060">
        <v>35</v>
      </c>
      <c r="AG14060">
        <v>35</v>
      </c>
      <c r="AH14060">
        <v>35</v>
      </c>
      <c r="AI14060">
        <v>34</v>
      </c>
      <c r="AJ14060">
        <v>34</v>
      </c>
      <c r="AK14060">
        <v>34</v>
      </c>
      <c r="AL14060">
        <v>34</v>
      </c>
      <c r="AM14060">
        <v>34</v>
      </c>
      <c r="AN14060">
        <v>33</v>
      </c>
      <c r="AO14060">
        <v>33</v>
      </c>
      <c r="AP14060">
        <v>33</v>
      </c>
      <c r="AQ14060">
        <v>33</v>
      </c>
    </row>
    <row r="14061" spans="1:43">
      <c r="A14061" t="s">
        <v>8728</v>
      </c>
      <c r="B14061" t="s">
        <v>8729</v>
      </c>
      <c r="C14061" t="s">
        <v>8692</v>
      </c>
      <c r="D14061" t="s">
        <v>8693</v>
      </c>
      <c r="E14061" t="s">
        <v>8652</v>
      </c>
      <c r="F14061" t="s">
        <v>8653</v>
      </c>
      <c r="G14061" t="s">
        <v>80</v>
      </c>
      <c r="H14061" t="s">
        <v>81</v>
      </c>
      <c r="I14061" s="2">
        <v>0</v>
      </c>
      <c r="J14061" s="2">
        <v>0</v>
      </c>
      <c r="K14061" s="2">
        <v>1</v>
      </c>
      <c r="L14061" t="s">
        <v>995</v>
      </c>
      <c r="M14061" t="s">
        <v>83</v>
      </c>
      <c r="N14061" t="s">
        <v>91</v>
      </c>
      <c r="O14061" t="s">
        <v>85</v>
      </c>
      <c r="P14061" t="s">
        <v>86</v>
      </c>
      <c r="Q14061">
        <v>31</v>
      </c>
      <c r="R14061">
        <v>31</v>
      </c>
      <c r="S14061">
        <v>31</v>
      </c>
      <c r="T14061">
        <v>32</v>
      </c>
      <c r="U14061">
        <v>32</v>
      </c>
      <c r="V14061">
        <v>32</v>
      </c>
      <c r="W14061">
        <v>32</v>
      </c>
      <c r="X14061">
        <v>32</v>
      </c>
      <c r="Y14061">
        <v>32</v>
      </c>
      <c r="Z14061">
        <v>33</v>
      </c>
      <c r="AA14061">
        <v>33</v>
      </c>
      <c r="AB14061">
        <v>33</v>
      </c>
      <c r="AC14061">
        <v>33</v>
      </c>
      <c r="AD14061">
        <v>33</v>
      </c>
      <c r="AE14061">
        <v>33</v>
      </c>
      <c r="AF14061">
        <v>33</v>
      </c>
      <c r="AG14061">
        <v>33</v>
      </c>
      <c r="AH14061">
        <v>33</v>
      </c>
      <c r="AI14061">
        <v>33</v>
      </c>
      <c r="AJ14061">
        <v>34</v>
      </c>
      <c r="AK14061">
        <v>34</v>
      </c>
      <c r="AL14061">
        <v>33</v>
      </c>
      <c r="AM14061">
        <v>33</v>
      </c>
      <c r="AN14061">
        <v>33</v>
      </c>
      <c r="AO14061">
        <v>33</v>
      </c>
      <c r="AP14061">
        <v>33</v>
      </c>
      <c r="AQ14061">
        <v>33</v>
      </c>
    </row>
    <row r="14062" spans="1:43">
      <c r="A14062" t="s">
        <v>8730</v>
      </c>
      <c r="B14062" t="s">
        <v>8731</v>
      </c>
      <c r="C14062" t="s">
        <v>8692</v>
      </c>
      <c r="D14062" t="s">
        <v>8693</v>
      </c>
      <c r="E14062" t="s">
        <v>8652</v>
      </c>
      <c r="F14062" t="s">
        <v>8653</v>
      </c>
      <c r="G14062" t="s">
        <v>80</v>
      </c>
      <c r="H14062" t="s">
        <v>81</v>
      </c>
      <c r="I14062" s="2">
        <v>0</v>
      </c>
      <c r="J14062" s="2">
        <v>0</v>
      </c>
      <c r="K14062" s="2">
        <v>1</v>
      </c>
      <c r="L14062" t="s">
        <v>995</v>
      </c>
      <c r="M14062" t="s">
        <v>83</v>
      </c>
      <c r="N14062" t="s">
        <v>84</v>
      </c>
      <c r="O14062" t="s">
        <v>85</v>
      </c>
      <c r="P14062" t="s">
        <v>86</v>
      </c>
      <c r="Q14062">
        <v>8</v>
      </c>
      <c r="R14062">
        <v>8</v>
      </c>
      <c r="S14062">
        <v>8</v>
      </c>
      <c r="T14062">
        <v>8</v>
      </c>
      <c r="U14062">
        <v>8</v>
      </c>
      <c r="V14062">
        <v>8</v>
      </c>
      <c r="W14062">
        <v>8</v>
      </c>
      <c r="X14062">
        <v>8</v>
      </c>
      <c r="Y14062">
        <v>8</v>
      </c>
      <c r="Z14062">
        <v>8</v>
      </c>
      <c r="AA14062">
        <v>8</v>
      </c>
      <c r="AB14062">
        <v>8</v>
      </c>
      <c r="AC14062">
        <v>8</v>
      </c>
      <c r="AD14062">
        <v>8</v>
      </c>
      <c r="AE14062">
        <v>8</v>
      </c>
      <c r="AF14062">
        <v>8</v>
      </c>
      <c r="AG14062">
        <v>8</v>
      </c>
      <c r="AH14062">
        <v>8</v>
      </c>
      <c r="AI14062">
        <v>8</v>
      </c>
      <c r="AJ14062">
        <v>8</v>
      </c>
      <c r="AK14062">
        <v>8</v>
      </c>
      <c r="AL14062">
        <v>8</v>
      </c>
      <c r="AM14062">
        <v>8</v>
      </c>
      <c r="AN14062">
        <v>8</v>
      </c>
      <c r="AO14062">
        <v>8</v>
      </c>
      <c r="AP14062">
        <v>8</v>
      </c>
      <c r="AQ14062">
        <v>8</v>
      </c>
    </row>
    <row r="14063" spans="1:43">
      <c r="A14063" t="s">
        <v>8730</v>
      </c>
      <c r="B14063" t="s">
        <v>8731</v>
      </c>
      <c r="C14063" t="s">
        <v>8692</v>
      </c>
      <c r="D14063" t="s">
        <v>8693</v>
      </c>
      <c r="E14063" t="s">
        <v>8652</v>
      </c>
      <c r="F14063" t="s">
        <v>8653</v>
      </c>
      <c r="G14063" t="s">
        <v>80</v>
      </c>
      <c r="H14063" t="s">
        <v>81</v>
      </c>
      <c r="I14063" s="2">
        <v>0</v>
      </c>
      <c r="J14063" s="2">
        <v>0</v>
      </c>
      <c r="K14063" s="2">
        <v>1</v>
      </c>
      <c r="L14063" t="s">
        <v>995</v>
      </c>
      <c r="M14063" t="s">
        <v>87</v>
      </c>
      <c r="N14063" t="s">
        <v>88</v>
      </c>
      <c r="O14063" t="s">
        <v>85</v>
      </c>
      <c r="P14063" t="s">
        <v>86</v>
      </c>
      <c r="Q14063">
        <v>8</v>
      </c>
      <c r="R14063">
        <v>8</v>
      </c>
      <c r="S14063">
        <v>8</v>
      </c>
      <c r="T14063">
        <v>8</v>
      </c>
      <c r="U14063">
        <v>8</v>
      </c>
      <c r="V14063">
        <v>8</v>
      </c>
      <c r="W14063">
        <v>8</v>
      </c>
      <c r="X14063">
        <v>8</v>
      </c>
      <c r="Y14063">
        <v>8</v>
      </c>
      <c r="Z14063">
        <v>8</v>
      </c>
      <c r="AA14063">
        <v>8</v>
      </c>
      <c r="AB14063">
        <v>8</v>
      </c>
      <c r="AC14063">
        <v>8</v>
      </c>
      <c r="AD14063">
        <v>8</v>
      </c>
      <c r="AE14063">
        <v>7</v>
      </c>
      <c r="AF14063">
        <v>7</v>
      </c>
      <c r="AG14063">
        <v>7</v>
      </c>
      <c r="AH14063">
        <v>7</v>
      </c>
      <c r="AI14063">
        <v>7</v>
      </c>
      <c r="AJ14063">
        <v>7</v>
      </c>
      <c r="AK14063">
        <v>7</v>
      </c>
      <c r="AL14063">
        <v>7</v>
      </c>
      <c r="AM14063">
        <v>7</v>
      </c>
      <c r="AN14063">
        <v>7</v>
      </c>
      <c r="AO14063">
        <v>7</v>
      </c>
      <c r="AP14063">
        <v>7</v>
      </c>
      <c r="AQ14063">
        <v>7</v>
      </c>
    </row>
    <row r="14064" spans="1:43">
      <c r="A14064" t="s">
        <v>8730</v>
      </c>
      <c r="B14064" t="s">
        <v>8731</v>
      </c>
      <c r="C14064" t="s">
        <v>8692</v>
      </c>
      <c r="D14064" t="s">
        <v>8693</v>
      </c>
      <c r="E14064" t="s">
        <v>8652</v>
      </c>
      <c r="F14064" t="s">
        <v>8653</v>
      </c>
      <c r="G14064" t="s">
        <v>80</v>
      </c>
      <c r="H14064" t="s">
        <v>81</v>
      </c>
      <c r="I14064" s="2">
        <v>0</v>
      </c>
      <c r="J14064" s="2">
        <v>0</v>
      </c>
      <c r="K14064" s="2">
        <v>1</v>
      </c>
      <c r="L14064" t="s">
        <v>995</v>
      </c>
      <c r="M14064" t="s">
        <v>89</v>
      </c>
      <c r="N14064" t="s">
        <v>90</v>
      </c>
      <c r="O14064" t="s">
        <v>85</v>
      </c>
      <c r="P14064" t="s">
        <v>86</v>
      </c>
      <c r="Q14064">
        <v>8</v>
      </c>
      <c r="R14064">
        <v>8</v>
      </c>
      <c r="S14064">
        <v>8</v>
      </c>
      <c r="T14064">
        <v>9</v>
      </c>
      <c r="U14064">
        <v>9</v>
      </c>
      <c r="V14064">
        <v>9</v>
      </c>
      <c r="W14064">
        <v>9</v>
      </c>
      <c r="X14064">
        <v>9</v>
      </c>
      <c r="Y14064">
        <v>9</v>
      </c>
      <c r="Z14064">
        <v>9</v>
      </c>
      <c r="AA14064">
        <v>9</v>
      </c>
      <c r="AB14064">
        <v>9</v>
      </c>
      <c r="AC14064">
        <v>9</v>
      </c>
      <c r="AD14064">
        <v>9</v>
      </c>
      <c r="AE14064">
        <v>9</v>
      </c>
      <c r="AF14064">
        <v>9</v>
      </c>
      <c r="AG14064">
        <v>9</v>
      </c>
      <c r="AH14064">
        <v>9</v>
      </c>
      <c r="AI14064">
        <v>9</v>
      </c>
      <c r="AJ14064">
        <v>9</v>
      </c>
      <c r="AK14064">
        <v>9</v>
      </c>
      <c r="AL14064">
        <v>8</v>
      </c>
      <c r="AM14064">
        <v>8</v>
      </c>
      <c r="AN14064">
        <v>8</v>
      </c>
      <c r="AO14064">
        <v>8</v>
      </c>
      <c r="AP14064">
        <v>8</v>
      </c>
      <c r="AQ14064">
        <v>8</v>
      </c>
    </row>
    <row r="14065" spans="1:43">
      <c r="A14065" t="s">
        <v>8730</v>
      </c>
      <c r="B14065" t="s">
        <v>8731</v>
      </c>
      <c r="C14065" t="s">
        <v>8692</v>
      </c>
      <c r="D14065" t="s">
        <v>8693</v>
      </c>
      <c r="E14065" t="s">
        <v>8652</v>
      </c>
      <c r="F14065" t="s">
        <v>8653</v>
      </c>
      <c r="G14065" t="s">
        <v>80</v>
      </c>
      <c r="H14065" t="s">
        <v>81</v>
      </c>
      <c r="I14065" s="2">
        <v>0</v>
      </c>
      <c r="J14065" s="2">
        <v>0</v>
      </c>
      <c r="K14065" s="2">
        <v>1</v>
      </c>
      <c r="L14065" t="s">
        <v>995</v>
      </c>
      <c r="M14065" t="s">
        <v>83</v>
      </c>
      <c r="N14065" t="s">
        <v>91</v>
      </c>
      <c r="O14065" t="s">
        <v>85</v>
      </c>
      <c r="P14065" t="s">
        <v>86</v>
      </c>
      <c r="Q14065">
        <v>8</v>
      </c>
      <c r="R14065">
        <v>8</v>
      </c>
      <c r="S14065">
        <v>8</v>
      </c>
      <c r="T14065">
        <v>8</v>
      </c>
      <c r="U14065">
        <v>8</v>
      </c>
      <c r="V14065">
        <v>8</v>
      </c>
      <c r="W14065">
        <v>8</v>
      </c>
      <c r="X14065">
        <v>8</v>
      </c>
      <c r="Y14065">
        <v>8</v>
      </c>
      <c r="Z14065">
        <v>8</v>
      </c>
      <c r="AA14065">
        <v>8</v>
      </c>
      <c r="AB14065">
        <v>8</v>
      </c>
      <c r="AC14065">
        <v>8</v>
      </c>
      <c r="AD14065">
        <v>8</v>
      </c>
      <c r="AE14065">
        <v>8</v>
      </c>
      <c r="AF14065">
        <v>8</v>
      </c>
      <c r="AG14065">
        <v>8</v>
      </c>
      <c r="AH14065">
        <v>8</v>
      </c>
      <c r="AI14065">
        <v>8</v>
      </c>
      <c r="AJ14065">
        <v>8</v>
      </c>
      <c r="AK14065">
        <v>8</v>
      </c>
      <c r="AL14065">
        <v>8</v>
      </c>
      <c r="AM14065">
        <v>8</v>
      </c>
      <c r="AN14065">
        <v>8</v>
      </c>
      <c r="AO14065">
        <v>8</v>
      </c>
      <c r="AP14065">
        <v>8</v>
      </c>
      <c r="AQ14065">
        <v>8</v>
      </c>
    </row>
    <row r="14066" spans="1:43">
      <c r="A14066" t="s">
        <v>8732</v>
      </c>
      <c r="B14066" t="s">
        <v>8733</v>
      </c>
      <c r="C14066" t="s">
        <v>8726</v>
      </c>
      <c r="D14066" t="s">
        <v>8727</v>
      </c>
      <c r="E14066" t="s">
        <v>8652</v>
      </c>
      <c r="F14066" t="s">
        <v>8653</v>
      </c>
      <c r="G14066" t="s">
        <v>80</v>
      </c>
      <c r="H14066" t="s">
        <v>81</v>
      </c>
      <c r="I14066" s="2">
        <v>0</v>
      </c>
      <c r="J14066" s="2">
        <v>0</v>
      </c>
      <c r="K14066" s="2">
        <v>1</v>
      </c>
      <c r="L14066" t="s">
        <v>995</v>
      </c>
      <c r="M14066" t="s">
        <v>83</v>
      </c>
      <c r="N14066" t="s">
        <v>84</v>
      </c>
      <c r="O14066" t="s">
        <v>85</v>
      </c>
      <c r="P14066" t="s">
        <v>86</v>
      </c>
      <c r="Q14066">
        <v>29</v>
      </c>
      <c r="R14066">
        <v>29</v>
      </c>
      <c r="S14066">
        <v>29</v>
      </c>
      <c r="T14066">
        <v>29</v>
      </c>
      <c r="U14066">
        <v>29</v>
      </c>
      <c r="V14066">
        <v>29</v>
      </c>
      <c r="W14066">
        <v>29</v>
      </c>
      <c r="X14066">
        <v>30</v>
      </c>
      <c r="Y14066">
        <v>30</v>
      </c>
      <c r="Z14066">
        <v>30</v>
      </c>
      <c r="AA14066">
        <v>30</v>
      </c>
      <c r="AB14066">
        <v>30</v>
      </c>
      <c r="AC14066">
        <v>30</v>
      </c>
      <c r="AD14066">
        <v>30</v>
      </c>
      <c r="AE14066">
        <v>30</v>
      </c>
      <c r="AF14066">
        <v>30</v>
      </c>
      <c r="AG14066">
        <v>30</v>
      </c>
      <c r="AH14066">
        <v>30</v>
      </c>
      <c r="AI14066">
        <v>30</v>
      </c>
      <c r="AJ14066">
        <v>30</v>
      </c>
      <c r="AK14066">
        <v>30</v>
      </c>
      <c r="AL14066">
        <v>30</v>
      </c>
      <c r="AM14066">
        <v>30</v>
      </c>
      <c r="AN14066">
        <v>29</v>
      </c>
      <c r="AO14066">
        <v>29</v>
      </c>
      <c r="AP14066">
        <v>29</v>
      </c>
      <c r="AQ14066">
        <v>28</v>
      </c>
    </row>
    <row r="14067" spans="1:43">
      <c r="A14067" t="s">
        <v>8732</v>
      </c>
      <c r="B14067" t="s">
        <v>8733</v>
      </c>
      <c r="C14067" t="s">
        <v>8726</v>
      </c>
      <c r="D14067" t="s">
        <v>8727</v>
      </c>
      <c r="E14067" t="s">
        <v>8652</v>
      </c>
      <c r="F14067" t="s">
        <v>8653</v>
      </c>
      <c r="G14067" t="s">
        <v>80</v>
      </c>
      <c r="H14067" t="s">
        <v>81</v>
      </c>
      <c r="I14067" s="2">
        <v>0</v>
      </c>
      <c r="J14067" s="2">
        <v>0</v>
      </c>
      <c r="K14067" s="2">
        <v>1</v>
      </c>
      <c r="L14067" t="s">
        <v>995</v>
      </c>
      <c r="M14067" t="s">
        <v>87</v>
      </c>
      <c r="N14067" t="s">
        <v>88</v>
      </c>
      <c r="O14067" t="s">
        <v>85</v>
      </c>
      <c r="P14067" t="s">
        <v>86</v>
      </c>
      <c r="Q14067">
        <v>29</v>
      </c>
      <c r="R14067">
        <v>29</v>
      </c>
      <c r="S14067">
        <v>28</v>
      </c>
      <c r="T14067">
        <v>28</v>
      </c>
      <c r="U14067">
        <v>28</v>
      </c>
      <c r="V14067">
        <v>28</v>
      </c>
      <c r="W14067">
        <v>28</v>
      </c>
      <c r="X14067">
        <v>28</v>
      </c>
      <c r="Y14067">
        <v>27</v>
      </c>
      <c r="Z14067">
        <v>27</v>
      </c>
      <c r="AA14067">
        <v>27</v>
      </c>
      <c r="AB14067">
        <v>27</v>
      </c>
      <c r="AC14067">
        <v>27</v>
      </c>
      <c r="AD14067">
        <v>27</v>
      </c>
      <c r="AE14067">
        <v>27</v>
      </c>
      <c r="AF14067">
        <v>26</v>
      </c>
      <c r="AG14067">
        <v>26</v>
      </c>
      <c r="AH14067">
        <v>26</v>
      </c>
      <c r="AI14067">
        <v>26</v>
      </c>
      <c r="AJ14067">
        <v>26</v>
      </c>
      <c r="AK14067">
        <v>26</v>
      </c>
      <c r="AL14067">
        <v>26</v>
      </c>
      <c r="AM14067">
        <v>25</v>
      </c>
      <c r="AN14067">
        <v>25</v>
      </c>
      <c r="AO14067">
        <v>25</v>
      </c>
      <c r="AP14067">
        <v>25</v>
      </c>
      <c r="AQ14067">
        <v>25</v>
      </c>
    </row>
    <row r="14068" spans="1:43">
      <c r="A14068" t="s">
        <v>8732</v>
      </c>
      <c r="B14068" t="s">
        <v>8733</v>
      </c>
      <c r="C14068" t="s">
        <v>8726</v>
      </c>
      <c r="D14068" t="s">
        <v>8727</v>
      </c>
      <c r="E14068" t="s">
        <v>8652</v>
      </c>
      <c r="F14068" t="s">
        <v>8653</v>
      </c>
      <c r="G14068" t="s">
        <v>80</v>
      </c>
      <c r="H14068" t="s">
        <v>81</v>
      </c>
      <c r="I14068" s="2">
        <v>0</v>
      </c>
      <c r="J14068" s="2">
        <v>0</v>
      </c>
      <c r="K14068" s="2">
        <v>1</v>
      </c>
      <c r="L14068" t="s">
        <v>995</v>
      </c>
      <c r="M14068" t="s">
        <v>89</v>
      </c>
      <c r="N14068" t="s">
        <v>90</v>
      </c>
      <c r="O14068" t="s">
        <v>85</v>
      </c>
      <c r="P14068" t="s">
        <v>86</v>
      </c>
      <c r="Q14068">
        <v>29</v>
      </c>
      <c r="R14068">
        <v>30</v>
      </c>
      <c r="S14068">
        <v>30</v>
      </c>
      <c r="T14068">
        <v>30</v>
      </c>
      <c r="U14068">
        <v>31</v>
      </c>
      <c r="V14068">
        <v>31</v>
      </c>
      <c r="W14068">
        <v>31</v>
      </c>
      <c r="X14068">
        <v>31</v>
      </c>
      <c r="Y14068">
        <v>31</v>
      </c>
      <c r="Z14068">
        <v>32</v>
      </c>
      <c r="AA14068">
        <v>32</v>
      </c>
      <c r="AB14068">
        <v>32</v>
      </c>
      <c r="AC14068">
        <v>32</v>
      </c>
      <c r="AD14068">
        <v>32</v>
      </c>
      <c r="AE14068">
        <v>32</v>
      </c>
      <c r="AF14068">
        <v>32</v>
      </c>
      <c r="AG14068">
        <v>31</v>
      </c>
      <c r="AH14068">
        <v>31</v>
      </c>
      <c r="AI14068">
        <v>31</v>
      </c>
      <c r="AJ14068">
        <v>31</v>
      </c>
      <c r="AK14068">
        <v>30</v>
      </c>
      <c r="AL14068">
        <v>30</v>
      </c>
      <c r="AM14068">
        <v>30</v>
      </c>
      <c r="AN14068">
        <v>29</v>
      </c>
      <c r="AO14068">
        <v>29</v>
      </c>
      <c r="AP14068">
        <v>29</v>
      </c>
      <c r="AQ14068">
        <v>29</v>
      </c>
    </row>
    <row r="14069" spans="1:43">
      <c r="A14069" t="s">
        <v>8732</v>
      </c>
      <c r="B14069" t="s">
        <v>8733</v>
      </c>
      <c r="C14069" t="s">
        <v>8726</v>
      </c>
      <c r="D14069" t="s">
        <v>8727</v>
      </c>
      <c r="E14069" t="s">
        <v>8652</v>
      </c>
      <c r="F14069" t="s">
        <v>8653</v>
      </c>
      <c r="G14069" t="s">
        <v>80</v>
      </c>
      <c r="H14069" t="s">
        <v>81</v>
      </c>
      <c r="I14069" s="2">
        <v>0</v>
      </c>
      <c r="J14069" s="2">
        <v>0</v>
      </c>
      <c r="K14069" s="2">
        <v>1</v>
      </c>
      <c r="L14069" t="s">
        <v>995</v>
      </c>
      <c r="M14069" t="s">
        <v>83</v>
      </c>
      <c r="N14069" t="s">
        <v>91</v>
      </c>
      <c r="O14069" t="s">
        <v>85</v>
      </c>
      <c r="P14069" t="s">
        <v>86</v>
      </c>
      <c r="Q14069">
        <v>29</v>
      </c>
      <c r="R14069">
        <v>29</v>
      </c>
      <c r="S14069">
        <v>29</v>
      </c>
      <c r="T14069">
        <v>29</v>
      </c>
      <c r="U14069">
        <v>29</v>
      </c>
      <c r="V14069">
        <v>29</v>
      </c>
      <c r="W14069">
        <v>29</v>
      </c>
      <c r="X14069">
        <v>30</v>
      </c>
      <c r="Y14069">
        <v>30</v>
      </c>
      <c r="Z14069">
        <v>30</v>
      </c>
      <c r="AA14069">
        <v>30</v>
      </c>
      <c r="AB14069">
        <v>30</v>
      </c>
      <c r="AC14069">
        <v>30</v>
      </c>
      <c r="AD14069">
        <v>30</v>
      </c>
      <c r="AE14069">
        <v>30</v>
      </c>
      <c r="AF14069">
        <v>30</v>
      </c>
      <c r="AG14069">
        <v>30</v>
      </c>
      <c r="AH14069">
        <v>30</v>
      </c>
      <c r="AI14069">
        <v>30</v>
      </c>
      <c r="AJ14069">
        <v>30</v>
      </c>
      <c r="AK14069">
        <v>30</v>
      </c>
      <c r="AL14069">
        <v>30</v>
      </c>
      <c r="AM14069">
        <v>30</v>
      </c>
      <c r="AN14069">
        <v>29</v>
      </c>
      <c r="AO14069">
        <v>29</v>
      </c>
      <c r="AP14069">
        <v>29</v>
      </c>
      <c r="AQ14069">
        <v>28</v>
      </c>
    </row>
    <row r="14070" spans="1:43">
      <c r="A14070" t="s">
        <v>8734</v>
      </c>
      <c r="B14070" t="s">
        <v>8735</v>
      </c>
      <c r="C14070" t="s">
        <v>8672</v>
      </c>
      <c r="D14070" t="s">
        <v>8673</v>
      </c>
      <c r="E14070" t="s">
        <v>8652</v>
      </c>
      <c r="F14070" t="s">
        <v>8653</v>
      </c>
      <c r="G14070" t="s">
        <v>80</v>
      </c>
      <c r="H14070" t="s">
        <v>81</v>
      </c>
      <c r="I14070" s="2">
        <v>0</v>
      </c>
      <c r="J14070" s="2">
        <v>0</v>
      </c>
      <c r="K14070" s="2">
        <v>1</v>
      </c>
      <c r="L14070" t="s">
        <v>995</v>
      </c>
      <c r="M14070" t="s">
        <v>83</v>
      </c>
      <c r="N14070" t="s">
        <v>84</v>
      </c>
      <c r="O14070" t="s">
        <v>85</v>
      </c>
      <c r="P14070" t="s">
        <v>86</v>
      </c>
      <c r="Q14070">
        <v>58</v>
      </c>
      <c r="R14070">
        <v>58</v>
      </c>
      <c r="S14070">
        <v>58</v>
      </c>
      <c r="T14070">
        <v>58</v>
      </c>
      <c r="U14070">
        <v>59</v>
      </c>
      <c r="V14070">
        <v>59</v>
      </c>
      <c r="W14070">
        <v>59</v>
      </c>
      <c r="X14070">
        <v>59</v>
      </c>
      <c r="Y14070">
        <v>59</v>
      </c>
      <c r="Z14070">
        <v>59</v>
      </c>
      <c r="AA14070">
        <v>59</v>
      </c>
      <c r="AB14070">
        <v>59</v>
      </c>
      <c r="AC14070">
        <v>60</v>
      </c>
      <c r="AD14070">
        <v>60</v>
      </c>
      <c r="AE14070">
        <v>60</v>
      </c>
      <c r="AF14070">
        <v>60</v>
      </c>
      <c r="AG14070">
        <v>60</v>
      </c>
      <c r="AH14070">
        <v>60</v>
      </c>
      <c r="AI14070">
        <v>60</v>
      </c>
      <c r="AJ14070">
        <v>60</v>
      </c>
      <c r="AK14070">
        <v>60</v>
      </c>
      <c r="AL14070">
        <v>59</v>
      </c>
      <c r="AM14070">
        <v>59</v>
      </c>
      <c r="AN14070">
        <v>58</v>
      </c>
      <c r="AO14070">
        <v>58</v>
      </c>
      <c r="AP14070">
        <v>57</v>
      </c>
      <c r="AQ14070">
        <v>57</v>
      </c>
    </row>
    <row r="14071" spans="1:43">
      <c r="A14071" t="s">
        <v>8734</v>
      </c>
      <c r="B14071" t="s">
        <v>8735</v>
      </c>
      <c r="C14071" t="s">
        <v>8672</v>
      </c>
      <c r="D14071" t="s">
        <v>8673</v>
      </c>
      <c r="E14071" t="s">
        <v>8652</v>
      </c>
      <c r="F14071" t="s">
        <v>8653</v>
      </c>
      <c r="G14071" t="s">
        <v>80</v>
      </c>
      <c r="H14071" t="s">
        <v>81</v>
      </c>
      <c r="I14071" s="2">
        <v>0</v>
      </c>
      <c r="J14071" s="2">
        <v>0</v>
      </c>
      <c r="K14071" s="2">
        <v>1</v>
      </c>
      <c r="L14071" t="s">
        <v>995</v>
      </c>
      <c r="M14071" t="s">
        <v>87</v>
      </c>
      <c r="N14071" t="s">
        <v>88</v>
      </c>
      <c r="O14071" t="s">
        <v>85</v>
      </c>
      <c r="P14071" t="s">
        <v>86</v>
      </c>
      <c r="Q14071">
        <v>58</v>
      </c>
      <c r="R14071">
        <v>58</v>
      </c>
      <c r="S14071">
        <v>58</v>
      </c>
      <c r="T14071">
        <v>57</v>
      </c>
      <c r="U14071">
        <v>57</v>
      </c>
      <c r="V14071">
        <v>57</v>
      </c>
      <c r="W14071">
        <v>56</v>
      </c>
      <c r="X14071">
        <v>56</v>
      </c>
      <c r="Y14071">
        <v>56</v>
      </c>
      <c r="Z14071">
        <v>55</v>
      </c>
      <c r="AA14071">
        <v>55</v>
      </c>
      <c r="AB14071">
        <v>55</v>
      </c>
      <c r="AC14071">
        <v>54</v>
      </c>
      <c r="AD14071">
        <v>54</v>
      </c>
      <c r="AE14071">
        <v>54</v>
      </c>
      <c r="AF14071">
        <v>54</v>
      </c>
      <c r="AG14071">
        <v>53</v>
      </c>
      <c r="AH14071">
        <v>53</v>
      </c>
      <c r="AI14071">
        <v>53</v>
      </c>
      <c r="AJ14071">
        <v>52</v>
      </c>
      <c r="AK14071">
        <v>52</v>
      </c>
      <c r="AL14071">
        <v>52</v>
      </c>
      <c r="AM14071">
        <v>52</v>
      </c>
      <c r="AN14071">
        <v>51</v>
      </c>
      <c r="AO14071">
        <v>51</v>
      </c>
      <c r="AP14071">
        <v>51</v>
      </c>
      <c r="AQ14071">
        <v>51</v>
      </c>
    </row>
    <row r="14072" spans="1:43">
      <c r="A14072" t="s">
        <v>8734</v>
      </c>
      <c r="B14072" t="s">
        <v>8735</v>
      </c>
      <c r="C14072" t="s">
        <v>8672</v>
      </c>
      <c r="D14072" t="s">
        <v>8673</v>
      </c>
      <c r="E14072" t="s">
        <v>8652</v>
      </c>
      <c r="F14072" t="s">
        <v>8653</v>
      </c>
      <c r="G14072" t="s">
        <v>80</v>
      </c>
      <c r="H14072" t="s">
        <v>81</v>
      </c>
      <c r="I14072" s="2">
        <v>0</v>
      </c>
      <c r="J14072" s="2">
        <v>0</v>
      </c>
      <c r="K14072" s="2">
        <v>1</v>
      </c>
      <c r="L14072" t="s">
        <v>995</v>
      </c>
      <c r="M14072" t="s">
        <v>89</v>
      </c>
      <c r="N14072" t="s">
        <v>90</v>
      </c>
      <c r="O14072" t="s">
        <v>85</v>
      </c>
      <c r="P14072" t="s">
        <v>86</v>
      </c>
      <c r="Q14072">
        <v>58</v>
      </c>
      <c r="R14072">
        <v>59</v>
      </c>
      <c r="S14072">
        <v>60</v>
      </c>
      <c r="T14072">
        <v>60</v>
      </c>
      <c r="U14072">
        <v>61</v>
      </c>
      <c r="V14072">
        <v>61</v>
      </c>
      <c r="W14072">
        <v>62</v>
      </c>
      <c r="X14072">
        <v>62</v>
      </c>
      <c r="Y14072">
        <v>63</v>
      </c>
      <c r="Z14072">
        <v>63</v>
      </c>
      <c r="AA14072">
        <v>63</v>
      </c>
      <c r="AB14072">
        <v>63</v>
      </c>
      <c r="AC14072">
        <v>64</v>
      </c>
      <c r="AD14072">
        <v>64</v>
      </c>
      <c r="AE14072">
        <v>64</v>
      </c>
      <c r="AF14072">
        <v>63</v>
      </c>
      <c r="AG14072">
        <v>63</v>
      </c>
      <c r="AH14072">
        <v>62</v>
      </c>
      <c r="AI14072">
        <v>61</v>
      </c>
      <c r="AJ14072">
        <v>61</v>
      </c>
      <c r="AK14072">
        <v>60</v>
      </c>
      <c r="AL14072">
        <v>60</v>
      </c>
      <c r="AM14072">
        <v>59</v>
      </c>
      <c r="AN14072">
        <v>59</v>
      </c>
      <c r="AO14072">
        <v>58</v>
      </c>
      <c r="AP14072">
        <v>57</v>
      </c>
      <c r="AQ14072">
        <v>57</v>
      </c>
    </row>
    <row r="14073" spans="1:43">
      <c r="A14073" t="s">
        <v>8734</v>
      </c>
      <c r="B14073" t="s">
        <v>8735</v>
      </c>
      <c r="C14073" t="s">
        <v>8672</v>
      </c>
      <c r="D14073" t="s">
        <v>8673</v>
      </c>
      <c r="E14073" t="s">
        <v>8652</v>
      </c>
      <c r="F14073" t="s">
        <v>8653</v>
      </c>
      <c r="G14073" t="s">
        <v>80</v>
      </c>
      <c r="H14073" t="s">
        <v>81</v>
      </c>
      <c r="I14073" s="2">
        <v>0</v>
      </c>
      <c r="J14073" s="2">
        <v>0</v>
      </c>
      <c r="K14073" s="2">
        <v>1</v>
      </c>
      <c r="L14073" t="s">
        <v>995</v>
      </c>
      <c r="M14073" t="s">
        <v>83</v>
      </c>
      <c r="N14073" t="s">
        <v>91</v>
      </c>
      <c r="O14073" t="s">
        <v>85</v>
      </c>
      <c r="P14073" t="s">
        <v>86</v>
      </c>
      <c r="Q14073">
        <v>58</v>
      </c>
      <c r="R14073">
        <v>58</v>
      </c>
      <c r="S14073">
        <v>58</v>
      </c>
      <c r="T14073">
        <v>58</v>
      </c>
      <c r="U14073">
        <v>59</v>
      </c>
      <c r="V14073">
        <v>59</v>
      </c>
      <c r="W14073">
        <v>59</v>
      </c>
      <c r="X14073">
        <v>59</v>
      </c>
      <c r="Y14073">
        <v>59</v>
      </c>
      <c r="Z14073">
        <v>59</v>
      </c>
      <c r="AA14073">
        <v>59</v>
      </c>
      <c r="AB14073">
        <v>59</v>
      </c>
      <c r="AC14073">
        <v>60</v>
      </c>
      <c r="AD14073">
        <v>60</v>
      </c>
      <c r="AE14073">
        <v>60</v>
      </c>
      <c r="AF14073">
        <v>60</v>
      </c>
      <c r="AG14073">
        <v>60</v>
      </c>
      <c r="AH14073">
        <v>60</v>
      </c>
      <c r="AI14073">
        <v>60</v>
      </c>
      <c r="AJ14073">
        <v>60</v>
      </c>
      <c r="AK14073">
        <v>60</v>
      </c>
      <c r="AL14073">
        <v>59</v>
      </c>
      <c r="AM14073">
        <v>59</v>
      </c>
      <c r="AN14073">
        <v>58</v>
      </c>
      <c r="AO14073">
        <v>58</v>
      </c>
      <c r="AP14073">
        <v>57</v>
      </c>
      <c r="AQ14073">
        <v>57</v>
      </c>
    </row>
    <row r="14074" spans="1:43">
      <c r="A14074" t="s">
        <v>8736</v>
      </c>
      <c r="B14074" t="s">
        <v>8737</v>
      </c>
      <c r="C14074" t="s">
        <v>8672</v>
      </c>
      <c r="D14074" t="s">
        <v>8673</v>
      </c>
      <c r="E14074" t="s">
        <v>8652</v>
      </c>
      <c r="F14074" t="s">
        <v>8653</v>
      </c>
      <c r="G14074" t="s">
        <v>80</v>
      </c>
      <c r="H14074" t="s">
        <v>81</v>
      </c>
      <c r="I14074" s="2">
        <v>0</v>
      </c>
      <c r="J14074" s="2">
        <v>0</v>
      </c>
      <c r="K14074" s="2">
        <v>1</v>
      </c>
      <c r="L14074" t="s">
        <v>995</v>
      </c>
      <c r="M14074" t="s">
        <v>83</v>
      </c>
      <c r="N14074" t="s">
        <v>84</v>
      </c>
      <c r="O14074" t="s">
        <v>85</v>
      </c>
      <c r="P14074" t="s">
        <v>86</v>
      </c>
      <c r="Q14074">
        <v>19</v>
      </c>
      <c r="R14074">
        <v>19</v>
      </c>
      <c r="S14074">
        <v>19</v>
      </c>
      <c r="T14074">
        <v>19</v>
      </c>
      <c r="U14074">
        <v>19</v>
      </c>
      <c r="V14074">
        <v>20</v>
      </c>
      <c r="W14074">
        <v>20</v>
      </c>
      <c r="X14074">
        <v>20</v>
      </c>
      <c r="Y14074">
        <v>20</v>
      </c>
      <c r="Z14074">
        <v>20</v>
      </c>
      <c r="AA14074">
        <v>20</v>
      </c>
      <c r="AB14074">
        <v>20</v>
      </c>
      <c r="AC14074">
        <v>20</v>
      </c>
      <c r="AD14074">
        <v>20</v>
      </c>
      <c r="AE14074">
        <v>20</v>
      </c>
      <c r="AF14074">
        <v>20</v>
      </c>
      <c r="AG14074">
        <v>20</v>
      </c>
      <c r="AH14074">
        <v>20</v>
      </c>
      <c r="AI14074">
        <v>20</v>
      </c>
      <c r="AJ14074">
        <v>20</v>
      </c>
      <c r="AK14074">
        <v>20</v>
      </c>
      <c r="AL14074">
        <v>20</v>
      </c>
      <c r="AM14074">
        <v>20</v>
      </c>
      <c r="AN14074">
        <v>20</v>
      </c>
      <c r="AO14074">
        <v>20</v>
      </c>
      <c r="AP14074">
        <v>20</v>
      </c>
      <c r="AQ14074">
        <v>20</v>
      </c>
    </row>
    <row r="14075" spans="1:43">
      <c r="A14075" t="s">
        <v>8736</v>
      </c>
      <c r="B14075" t="s">
        <v>8737</v>
      </c>
      <c r="C14075" t="s">
        <v>8672</v>
      </c>
      <c r="D14075" t="s">
        <v>8673</v>
      </c>
      <c r="E14075" t="s">
        <v>8652</v>
      </c>
      <c r="F14075" t="s">
        <v>8653</v>
      </c>
      <c r="G14075" t="s">
        <v>80</v>
      </c>
      <c r="H14075" t="s">
        <v>81</v>
      </c>
      <c r="I14075" s="2">
        <v>0</v>
      </c>
      <c r="J14075" s="2">
        <v>0</v>
      </c>
      <c r="K14075" s="2">
        <v>1</v>
      </c>
      <c r="L14075" t="s">
        <v>995</v>
      </c>
      <c r="M14075" t="s">
        <v>87</v>
      </c>
      <c r="N14075" t="s">
        <v>88</v>
      </c>
      <c r="O14075" t="s">
        <v>85</v>
      </c>
      <c r="P14075" t="s">
        <v>86</v>
      </c>
      <c r="Q14075">
        <v>19</v>
      </c>
      <c r="R14075">
        <v>19</v>
      </c>
      <c r="S14075">
        <v>19</v>
      </c>
      <c r="T14075">
        <v>19</v>
      </c>
      <c r="U14075">
        <v>19</v>
      </c>
      <c r="V14075">
        <v>19</v>
      </c>
      <c r="W14075">
        <v>18</v>
      </c>
      <c r="X14075">
        <v>18</v>
      </c>
      <c r="Y14075">
        <v>18</v>
      </c>
      <c r="Z14075">
        <v>18</v>
      </c>
      <c r="AA14075">
        <v>18</v>
      </c>
      <c r="AB14075">
        <v>18</v>
      </c>
      <c r="AC14075">
        <v>18</v>
      </c>
      <c r="AD14075">
        <v>18</v>
      </c>
      <c r="AE14075">
        <v>18</v>
      </c>
      <c r="AF14075">
        <v>18</v>
      </c>
      <c r="AG14075">
        <v>18</v>
      </c>
      <c r="AH14075">
        <v>18</v>
      </c>
      <c r="AI14075">
        <v>18</v>
      </c>
      <c r="AJ14075">
        <v>18</v>
      </c>
      <c r="AK14075">
        <v>18</v>
      </c>
      <c r="AL14075">
        <v>18</v>
      </c>
      <c r="AM14075">
        <v>17</v>
      </c>
      <c r="AN14075">
        <v>17</v>
      </c>
      <c r="AO14075">
        <v>17</v>
      </c>
      <c r="AP14075">
        <v>17</v>
      </c>
      <c r="AQ14075">
        <v>17</v>
      </c>
    </row>
    <row r="14076" spans="1:43">
      <c r="A14076" t="s">
        <v>8736</v>
      </c>
      <c r="B14076" t="s">
        <v>8737</v>
      </c>
      <c r="C14076" t="s">
        <v>8672</v>
      </c>
      <c r="D14076" t="s">
        <v>8673</v>
      </c>
      <c r="E14076" t="s">
        <v>8652</v>
      </c>
      <c r="F14076" t="s">
        <v>8653</v>
      </c>
      <c r="G14076" t="s">
        <v>80</v>
      </c>
      <c r="H14076" t="s">
        <v>81</v>
      </c>
      <c r="I14076" s="2">
        <v>0</v>
      </c>
      <c r="J14076" s="2">
        <v>0</v>
      </c>
      <c r="K14076" s="2">
        <v>1</v>
      </c>
      <c r="L14076" t="s">
        <v>995</v>
      </c>
      <c r="M14076" t="s">
        <v>89</v>
      </c>
      <c r="N14076" t="s">
        <v>90</v>
      </c>
      <c r="O14076" t="s">
        <v>85</v>
      </c>
      <c r="P14076" t="s">
        <v>86</v>
      </c>
      <c r="Q14076">
        <v>19</v>
      </c>
      <c r="R14076">
        <v>20</v>
      </c>
      <c r="S14076">
        <v>20</v>
      </c>
      <c r="T14076">
        <v>20</v>
      </c>
      <c r="U14076">
        <v>20</v>
      </c>
      <c r="V14076">
        <v>20</v>
      </c>
      <c r="W14076">
        <v>21</v>
      </c>
      <c r="X14076">
        <v>21</v>
      </c>
      <c r="Y14076">
        <v>21</v>
      </c>
      <c r="Z14076">
        <v>21</v>
      </c>
      <c r="AA14076">
        <v>21</v>
      </c>
      <c r="AB14076">
        <v>21</v>
      </c>
      <c r="AC14076">
        <v>21</v>
      </c>
      <c r="AD14076">
        <v>22</v>
      </c>
      <c r="AE14076">
        <v>22</v>
      </c>
      <c r="AF14076">
        <v>21</v>
      </c>
      <c r="AG14076">
        <v>21</v>
      </c>
      <c r="AH14076">
        <v>21</v>
      </c>
      <c r="AI14076">
        <v>21</v>
      </c>
      <c r="AJ14076">
        <v>21</v>
      </c>
      <c r="AK14076">
        <v>21</v>
      </c>
      <c r="AL14076">
        <v>21</v>
      </c>
      <c r="AM14076">
        <v>20</v>
      </c>
      <c r="AN14076">
        <v>20</v>
      </c>
      <c r="AO14076">
        <v>20</v>
      </c>
      <c r="AP14076">
        <v>20</v>
      </c>
      <c r="AQ14076">
        <v>20</v>
      </c>
    </row>
    <row r="14077" spans="1:43">
      <c r="A14077" t="s">
        <v>8736</v>
      </c>
      <c r="B14077" t="s">
        <v>8737</v>
      </c>
      <c r="C14077" t="s">
        <v>8672</v>
      </c>
      <c r="D14077" t="s">
        <v>8673</v>
      </c>
      <c r="E14077" t="s">
        <v>8652</v>
      </c>
      <c r="F14077" t="s">
        <v>8653</v>
      </c>
      <c r="G14077" t="s">
        <v>80</v>
      </c>
      <c r="H14077" t="s">
        <v>81</v>
      </c>
      <c r="I14077" s="2">
        <v>0</v>
      </c>
      <c r="J14077" s="2">
        <v>0</v>
      </c>
      <c r="K14077" s="2">
        <v>1</v>
      </c>
      <c r="L14077" t="s">
        <v>995</v>
      </c>
      <c r="M14077" t="s">
        <v>83</v>
      </c>
      <c r="N14077" t="s">
        <v>91</v>
      </c>
      <c r="O14077" t="s">
        <v>85</v>
      </c>
      <c r="P14077" t="s">
        <v>86</v>
      </c>
      <c r="Q14077">
        <v>19</v>
      </c>
      <c r="R14077">
        <v>19</v>
      </c>
      <c r="S14077">
        <v>19</v>
      </c>
      <c r="T14077">
        <v>19</v>
      </c>
      <c r="U14077">
        <v>19</v>
      </c>
      <c r="V14077">
        <v>20</v>
      </c>
      <c r="W14077">
        <v>20</v>
      </c>
      <c r="X14077">
        <v>20</v>
      </c>
      <c r="Y14077">
        <v>20</v>
      </c>
      <c r="Z14077">
        <v>20</v>
      </c>
      <c r="AA14077">
        <v>20</v>
      </c>
      <c r="AB14077">
        <v>20</v>
      </c>
      <c r="AC14077">
        <v>20</v>
      </c>
      <c r="AD14077">
        <v>20</v>
      </c>
      <c r="AE14077">
        <v>20</v>
      </c>
      <c r="AF14077">
        <v>20</v>
      </c>
      <c r="AG14077">
        <v>20</v>
      </c>
      <c r="AH14077">
        <v>20</v>
      </c>
      <c r="AI14077">
        <v>20</v>
      </c>
      <c r="AJ14077">
        <v>20</v>
      </c>
      <c r="AK14077">
        <v>20</v>
      </c>
      <c r="AL14077">
        <v>20</v>
      </c>
      <c r="AM14077">
        <v>20</v>
      </c>
      <c r="AN14077">
        <v>20</v>
      </c>
      <c r="AO14077">
        <v>20</v>
      </c>
      <c r="AP14077">
        <v>20</v>
      </c>
      <c r="AQ14077">
        <v>20</v>
      </c>
    </row>
    <row r="14078" spans="1:43">
      <c r="A14078" t="s">
        <v>8738</v>
      </c>
      <c r="B14078" t="s">
        <v>8739</v>
      </c>
      <c r="C14078" t="s">
        <v>8740</v>
      </c>
      <c r="D14078" t="s">
        <v>8741</v>
      </c>
      <c r="E14078" t="s">
        <v>8652</v>
      </c>
      <c r="F14078" t="s">
        <v>8653</v>
      </c>
      <c r="G14078" t="s">
        <v>80</v>
      </c>
      <c r="H14078" t="s">
        <v>81</v>
      </c>
      <c r="I14078" s="2">
        <v>0</v>
      </c>
      <c r="J14078" s="2">
        <v>0</v>
      </c>
      <c r="K14078" s="2">
        <v>1</v>
      </c>
      <c r="L14078" t="s">
        <v>995</v>
      </c>
      <c r="M14078" t="s">
        <v>83</v>
      </c>
      <c r="N14078" t="s">
        <v>84</v>
      </c>
      <c r="O14078" t="s">
        <v>85</v>
      </c>
      <c r="P14078" t="s">
        <v>86</v>
      </c>
      <c r="Q14078">
        <v>63</v>
      </c>
      <c r="R14078">
        <v>64</v>
      </c>
      <c r="S14078">
        <v>64</v>
      </c>
      <c r="T14078">
        <v>64</v>
      </c>
      <c r="U14078">
        <v>65</v>
      </c>
      <c r="V14078">
        <v>65</v>
      </c>
      <c r="W14078">
        <v>65</v>
      </c>
      <c r="X14078">
        <v>65</v>
      </c>
      <c r="Y14078">
        <v>66</v>
      </c>
      <c r="Z14078">
        <v>66</v>
      </c>
      <c r="AA14078">
        <v>66</v>
      </c>
      <c r="AB14078">
        <v>67</v>
      </c>
      <c r="AC14078">
        <v>67</v>
      </c>
      <c r="AD14078">
        <v>67</v>
      </c>
      <c r="AE14078">
        <v>67</v>
      </c>
      <c r="AF14078">
        <v>67</v>
      </c>
      <c r="AG14078">
        <v>67</v>
      </c>
      <c r="AH14078">
        <v>68</v>
      </c>
      <c r="AI14078">
        <v>68</v>
      </c>
      <c r="AJ14078">
        <v>68</v>
      </c>
      <c r="AK14078">
        <v>68</v>
      </c>
      <c r="AL14078">
        <v>68</v>
      </c>
      <c r="AM14078">
        <v>67</v>
      </c>
      <c r="AN14078">
        <v>67</v>
      </c>
      <c r="AO14078">
        <v>66</v>
      </c>
      <c r="AP14078">
        <v>66</v>
      </c>
      <c r="AQ14078">
        <v>66</v>
      </c>
    </row>
    <row r="14079" spans="1:43">
      <c r="A14079" t="s">
        <v>8738</v>
      </c>
      <c r="B14079" t="s">
        <v>8739</v>
      </c>
      <c r="C14079" t="s">
        <v>8740</v>
      </c>
      <c r="D14079" t="s">
        <v>8741</v>
      </c>
      <c r="E14079" t="s">
        <v>8652</v>
      </c>
      <c r="F14079" t="s">
        <v>8653</v>
      </c>
      <c r="G14079" t="s">
        <v>80</v>
      </c>
      <c r="H14079" t="s">
        <v>81</v>
      </c>
      <c r="I14079" s="2">
        <v>0</v>
      </c>
      <c r="J14079" s="2">
        <v>0</v>
      </c>
      <c r="K14079" s="2">
        <v>1</v>
      </c>
      <c r="L14079" t="s">
        <v>995</v>
      </c>
      <c r="M14079" t="s">
        <v>87</v>
      </c>
      <c r="N14079" t="s">
        <v>88</v>
      </c>
      <c r="O14079" t="s">
        <v>85</v>
      </c>
      <c r="P14079" t="s">
        <v>86</v>
      </c>
      <c r="Q14079">
        <v>63</v>
      </c>
      <c r="R14079">
        <v>63</v>
      </c>
      <c r="S14079">
        <v>62</v>
      </c>
      <c r="T14079">
        <v>62</v>
      </c>
      <c r="U14079">
        <v>62</v>
      </c>
      <c r="V14079">
        <v>62</v>
      </c>
      <c r="W14079">
        <v>61</v>
      </c>
      <c r="X14079">
        <v>61</v>
      </c>
      <c r="Y14079">
        <v>61</v>
      </c>
      <c r="Z14079">
        <v>61</v>
      </c>
      <c r="AA14079">
        <v>60</v>
      </c>
      <c r="AB14079">
        <v>60</v>
      </c>
      <c r="AC14079">
        <v>60</v>
      </c>
      <c r="AD14079">
        <v>60</v>
      </c>
      <c r="AE14079">
        <v>59</v>
      </c>
      <c r="AF14079">
        <v>59</v>
      </c>
      <c r="AG14079">
        <v>59</v>
      </c>
      <c r="AH14079">
        <v>59</v>
      </c>
      <c r="AI14079">
        <v>59</v>
      </c>
      <c r="AJ14079">
        <v>58</v>
      </c>
      <c r="AK14079">
        <v>58</v>
      </c>
      <c r="AL14079">
        <v>58</v>
      </c>
      <c r="AM14079">
        <v>58</v>
      </c>
      <c r="AN14079">
        <v>58</v>
      </c>
      <c r="AO14079">
        <v>57</v>
      </c>
      <c r="AP14079">
        <v>57</v>
      </c>
      <c r="AQ14079">
        <v>57</v>
      </c>
    </row>
    <row r="14080" spans="1:43">
      <c r="A14080" t="s">
        <v>8738</v>
      </c>
      <c r="B14080" t="s">
        <v>8739</v>
      </c>
      <c r="C14080" t="s">
        <v>8740</v>
      </c>
      <c r="D14080" t="s">
        <v>8741</v>
      </c>
      <c r="E14080" t="s">
        <v>8652</v>
      </c>
      <c r="F14080" t="s">
        <v>8653</v>
      </c>
      <c r="G14080" t="s">
        <v>80</v>
      </c>
      <c r="H14080" t="s">
        <v>81</v>
      </c>
      <c r="I14080" s="2">
        <v>0</v>
      </c>
      <c r="J14080" s="2">
        <v>0</v>
      </c>
      <c r="K14080" s="2">
        <v>1</v>
      </c>
      <c r="L14080" t="s">
        <v>995</v>
      </c>
      <c r="M14080" t="s">
        <v>89</v>
      </c>
      <c r="N14080" t="s">
        <v>90</v>
      </c>
      <c r="O14080" t="s">
        <v>85</v>
      </c>
      <c r="P14080" t="s">
        <v>86</v>
      </c>
      <c r="Q14080">
        <v>63</v>
      </c>
      <c r="R14080">
        <v>64</v>
      </c>
      <c r="S14080">
        <v>65</v>
      </c>
      <c r="T14080">
        <v>65</v>
      </c>
      <c r="U14080">
        <v>66</v>
      </c>
      <c r="V14080">
        <v>67</v>
      </c>
      <c r="W14080">
        <v>68</v>
      </c>
      <c r="X14080">
        <v>68</v>
      </c>
      <c r="Y14080">
        <v>69</v>
      </c>
      <c r="Z14080">
        <v>69</v>
      </c>
      <c r="AA14080">
        <v>69</v>
      </c>
      <c r="AB14080">
        <v>70</v>
      </c>
      <c r="AC14080">
        <v>70</v>
      </c>
      <c r="AD14080">
        <v>71</v>
      </c>
      <c r="AE14080">
        <v>71</v>
      </c>
      <c r="AF14080">
        <v>70</v>
      </c>
      <c r="AG14080">
        <v>70</v>
      </c>
      <c r="AH14080">
        <v>69</v>
      </c>
      <c r="AI14080">
        <v>69</v>
      </c>
      <c r="AJ14080">
        <v>68</v>
      </c>
      <c r="AK14080">
        <v>68</v>
      </c>
      <c r="AL14080">
        <v>68</v>
      </c>
      <c r="AM14080">
        <v>67</v>
      </c>
      <c r="AN14080">
        <v>67</v>
      </c>
      <c r="AO14080">
        <v>66</v>
      </c>
      <c r="AP14080">
        <v>66</v>
      </c>
      <c r="AQ14080">
        <v>65</v>
      </c>
    </row>
    <row r="14081" spans="1:43">
      <c r="A14081" t="s">
        <v>8738</v>
      </c>
      <c r="B14081" t="s">
        <v>8739</v>
      </c>
      <c r="C14081" t="s">
        <v>8740</v>
      </c>
      <c r="D14081" t="s">
        <v>8741</v>
      </c>
      <c r="E14081" t="s">
        <v>8652</v>
      </c>
      <c r="F14081" t="s">
        <v>8653</v>
      </c>
      <c r="G14081" t="s">
        <v>80</v>
      </c>
      <c r="H14081" t="s">
        <v>81</v>
      </c>
      <c r="I14081" s="2">
        <v>0</v>
      </c>
      <c r="J14081" s="2">
        <v>0</v>
      </c>
      <c r="K14081" s="2">
        <v>1</v>
      </c>
      <c r="L14081" t="s">
        <v>995</v>
      </c>
      <c r="M14081" t="s">
        <v>83</v>
      </c>
      <c r="N14081" t="s">
        <v>91</v>
      </c>
      <c r="O14081" t="s">
        <v>85</v>
      </c>
      <c r="P14081" t="s">
        <v>86</v>
      </c>
      <c r="Q14081">
        <v>63</v>
      </c>
      <c r="R14081">
        <v>64</v>
      </c>
      <c r="S14081">
        <v>64</v>
      </c>
      <c r="T14081">
        <v>64</v>
      </c>
      <c r="U14081">
        <v>65</v>
      </c>
      <c r="V14081">
        <v>65</v>
      </c>
      <c r="W14081">
        <v>65</v>
      </c>
      <c r="X14081">
        <v>65</v>
      </c>
      <c r="Y14081">
        <v>66</v>
      </c>
      <c r="Z14081">
        <v>66</v>
      </c>
      <c r="AA14081">
        <v>66</v>
      </c>
      <c r="AB14081">
        <v>67</v>
      </c>
      <c r="AC14081">
        <v>67</v>
      </c>
      <c r="AD14081">
        <v>67</v>
      </c>
      <c r="AE14081">
        <v>67</v>
      </c>
      <c r="AF14081">
        <v>67</v>
      </c>
      <c r="AG14081">
        <v>67</v>
      </c>
      <c r="AH14081">
        <v>68</v>
      </c>
      <c r="AI14081">
        <v>68</v>
      </c>
      <c r="AJ14081">
        <v>68</v>
      </c>
      <c r="AK14081">
        <v>68</v>
      </c>
      <c r="AL14081">
        <v>68</v>
      </c>
      <c r="AM14081">
        <v>67</v>
      </c>
      <c r="AN14081">
        <v>67</v>
      </c>
      <c r="AO14081">
        <v>66</v>
      </c>
      <c r="AP14081">
        <v>66</v>
      </c>
      <c r="AQ14081">
        <v>66</v>
      </c>
    </row>
    <row r="14082" spans="1:43">
      <c r="A14082" t="s">
        <v>8742</v>
      </c>
      <c r="B14082" t="s">
        <v>8743</v>
      </c>
      <c r="C14082" t="s">
        <v>8740</v>
      </c>
      <c r="D14082" t="s">
        <v>8741</v>
      </c>
      <c r="E14082" t="s">
        <v>8652</v>
      </c>
      <c r="F14082" t="s">
        <v>8653</v>
      </c>
      <c r="G14082" t="s">
        <v>80</v>
      </c>
      <c r="H14082" t="s">
        <v>81</v>
      </c>
      <c r="I14082" s="2">
        <v>0</v>
      </c>
      <c r="J14082" s="2">
        <v>0</v>
      </c>
      <c r="K14082" s="2">
        <v>1</v>
      </c>
      <c r="L14082" t="s">
        <v>995</v>
      </c>
      <c r="M14082" t="s">
        <v>83</v>
      </c>
      <c r="N14082" t="s">
        <v>84</v>
      </c>
      <c r="O14082" t="s">
        <v>85</v>
      </c>
      <c r="P14082" t="s">
        <v>86</v>
      </c>
      <c r="Q14082">
        <v>39</v>
      </c>
      <c r="R14082">
        <v>40</v>
      </c>
      <c r="S14082">
        <v>40</v>
      </c>
      <c r="T14082">
        <v>40</v>
      </c>
      <c r="U14082">
        <v>40</v>
      </c>
      <c r="V14082">
        <v>40</v>
      </c>
      <c r="W14082">
        <v>41</v>
      </c>
      <c r="X14082">
        <v>41</v>
      </c>
      <c r="Y14082">
        <v>41</v>
      </c>
      <c r="Z14082">
        <v>41</v>
      </c>
      <c r="AA14082">
        <v>41</v>
      </c>
      <c r="AB14082">
        <v>41</v>
      </c>
      <c r="AC14082">
        <v>42</v>
      </c>
      <c r="AD14082">
        <v>42</v>
      </c>
      <c r="AE14082">
        <v>42</v>
      </c>
      <c r="AF14082">
        <v>42</v>
      </c>
      <c r="AG14082">
        <v>42</v>
      </c>
      <c r="AH14082">
        <v>42</v>
      </c>
      <c r="AI14082">
        <v>42</v>
      </c>
      <c r="AJ14082">
        <v>42</v>
      </c>
      <c r="AK14082">
        <v>42</v>
      </c>
      <c r="AL14082">
        <v>42</v>
      </c>
      <c r="AM14082">
        <v>42</v>
      </c>
      <c r="AN14082">
        <v>42</v>
      </c>
      <c r="AO14082">
        <v>42</v>
      </c>
      <c r="AP14082">
        <v>41</v>
      </c>
      <c r="AQ14082">
        <v>41</v>
      </c>
    </row>
    <row r="14083" spans="1:43">
      <c r="A14083" t="s">
        <v>8742</v>
      </c>
      <c r="B14083" t="s">
        <v>8743</v>
      </c>
      <c r="C14083" t="s">
        <v>8740</v>
      </c>
      <c r="D14083" t="s">
        <v>8741</v>
      </c>
      <c r="E14083" t="s">
        <v>8652</v>
      </c>
      <c r="F14083" t="s">
        <v>8653</v>
      </c>
      <c r="G14083" t="s">
        <v>80</v>
      </c>
      <c r="H14083" t="s">
        <v>81</v>
      </c>
      <c r="I14083" s="2">
        <v>0</v>
      </c>
      <c r="J14083" s="2">
        <v>0</v>
      </c>
      <c r="K14083" s="2">
        <v>1</v>
      </c>
      <c r="L14083" t="s">
        <v>995</v>
      </c>
      <c r="M14083" t="s">
        <v>87</v>
      </c>
      <c r="N14083" t="s">
        <v>88</v>
      </c>
      <c r="O14083" t="s">
        <v>85</v>
      </c>
      <c r="P14083" t="s">
        <v>86</v>
      </c>
      <c r="Q14083">
        <v>39</v>
      </c>
      <c r="R14083">
        <v>39</v>
      </c>
      <c r="S14083">
        <v>39</v>
      </c>
      <c r="T14083">
        <v>39</v>
      </c>
      <c r="U14083">
        <v>38</v>
      </c>
      <c r="V14083">
        <v>38</v>
      </c>
      <c r="W14083">
        <v>38</v>
      </c>
      <c r="X14083">
        <v>38</v>
      </c>
      <c r="Y14083">
        <v>38</v>
      </c>
      <c r="Z14083">
        <v>38</v>
      </c>
      <c r="AA14083">
        <v>38</v>
      </c>
      <c r="AB14083">
        <v>37</v>
      </c>
      <c r="AC14083">
        <v>37</v>
      </c>
      <c r="AD14083">
        <v>37</v>
      </c>
      <c r="AE14083">
        <v>37</v>
      </c>
      <c r="AF14083">
        <v>37</v>
      </c>
      <c r="AG14083">
        <v>37</v>
      </c>
      <c r="AH14083">
        <v>37</v>
      </c>
      <c r="AI14083">
        <v>37</v>
      </c>
      <c r="AJ14083">
        <v>36</v>
      </c>
      <c r="AK14083">
        <v>36</v>
      </c>
      <c r="AL14083">
        <v>36</v>
      </c>
      <c r="AM14083">
        <v>36</v>
      </c>
      <c r="AN14083">
        <v>36</v>
      </c>
      <c r="AO14083">
        <v>36</v>
      </c>
      <c r="AP14083">
        <v>36</v>
      </c>
      <c r="AQ14083">
        <v>36</v>
      </c>
    </row>
    <row r="14084" spans="1:43">
      <c r="A14084" t="s">
        <v>8742</v>
      </c>
      <c r="B14084" t="s">
        <v>8743</v>
      </c>
      <c r="C14084" t="s">
        <v>8740</v>
      </c>
      <c r="D14084" t="s">
        <v>8741</v>
      </c>
      <c r="E14084" t="s">
        <v>8652</v>
      </c>
      <c r="F14084" t="s">
        <v>8653</v>
      </c>
      <c r="G14084" t="s">
        <v>80</v>
      </c>
      <c r="H14084" t="s">
        <v>81</v>
      </c>
      <c r="I14084" s="2">
        <v>0</v>
      </c>
      <c r="J14084" s="2">
        <v>0</v>
      </c>
      <c r="K14084" s="2">
        <v>1</v>
      </c>
      <c r="L14084" t="s">
        <v>995</v>
      </c>
      <c r="M14084" t="s">
        <v>89</v>
      </c>
      <c r="N14084" t="s">
        <v>90</v>
      </c>
      <c r="O14084" t="s">
        <v>85</v>
      </c>
      <c r="P14084" t="s">
        <v>86</v>
      </c>
      <c r="Q14084">
        <v>39</v>
      </c>
      <c r="R14084">
        <v>39</v>
      </c>
      <c r="S14084">
        <v>40</v>
      </c>
      <c r="T14084">
        <v>40</v>
      </c>
      <c r="U14084">
        <v>41</v>
      </c>
      <c r="V14084">
        <v>41</v>
      </c>
      <c r="W14084">
        <v>42</v>
      </c>
      <c r="X14084">
        <v>42</v>
      </c>
      <c r="Y14084">
        <v>42</v>
      </c>
      <c r="Z14084">
        <v>43</v>
      </c>
      <c r="AA14084">
        <v>43</v>
      </c>
      <c r="AB14084">
        <v>43</v>
      </c>
      <c r="AC14084">
        <v>44</v>
      </c>
      <c r="AD14084">
        <v>44</v>
      </c>
      <c r="AE14084">
        <v>44</v>
      </c>
      <c r="AF14084">
        <v>44</v>
      </c>
      <c r="AG14084">
        <v>43</v>
      </c>
      <c r="AH14084">
        <v>43</v>
      </c>
      <c r="AI14084">
        <v>43</v>
      </c>
      <c r="AJ14084">
        <v>42</v>
      </c>
      <c r="AK14084">
        <v>42</v>
      </c>
      <c r="AL14084">
        <v>42</v>
      </c>
      <c r="AM14084">
        <v>42</v>
      </c>
      <c r="AN14084">
        <v>41</v>
      </c>
      <c r="AO14084">
        <v>41</v>
      </c>
      <c r="AP14084">
        <v>41</v>
      </c>
      <c r="AQ14084">
        <v>41</v>
      </c>
    </row>
    <row r="14085" spans="1:43">
      <c r="A14085" t="s">
        <v>8742</v>
      </c>
      <c r="B14085" t="s">
        <v>8743</v>
      </c>
      <c r="C14085" t="s">
        <v>8740</v>
      </c>
      <c r="D14085" t="s">
        <v>8741</v>
      </c>
      <c r="E14085" t="s">
        <v>8652</v>
      </c>
      <c r="F14085" t="s">
        <v>8653</v>
      </c>
      <c r="G14085" t="s">
        <v>80</v>
      </c>
      <c r="H14085" t="s">
        <v>81</v>
      </c>
      <c r="I14085" s="2">
        <v>0</v>
      </c>
      <c r="J14085" s="2">
        <v>0</v>
      </c>
      <c r="K14085" s="2">
        <v>1</v>
      </c>
      <c r="L14085" t="s">
        <v>995</v>
      </c>
      <c r="M14085" t="s">
        <v>83</v>
      </c>
      <c r="N14085" t="s">
        <v>91</v>
      </c>
      <c r="O14085" t="s">
        <v>85</v>
      </c>
      <c r="P14085" t="s">
        <v>86</v>
      </c>
      <c r="Q14085">
        <v>39</v>
      </c>
      <c r="R14085">
        <v>40</v>
      </c>
      <c r="S14085">
        <v>40</v>
      </c>
      <c r="T14085">
        <v>40</v>
      </c>
      <c r="U14085">
        <v>40</v>
      </c>
      <c r="V14085">
        <v>40</v>
      </c>
      <c r="W14085">
        <v>41</v>
      </c>
      <c r="X14085">
        <v>41</v>
      </c>
      <c r="Y14085">
        <v>41</v>
      </c>
      <c r="Z14085">
        <v>41</v>
      </c>
      <c r="AA14085">
        <v>41</v>
      </c>
      <c r="AB14085">
        <v>41</v>
      </c>
      <c r="AC14085">
        <v>42</v>
      </c>
      <c r="AD14085">
        <v>42</v>
      </c>
      <c r="AE14085">
        <v>42</v>
      </c>
      <c r="AF14085">
        <v>42</v>
      </c>
      <c r="AG14085">
        <v>42</v>
      </c>
      <c r="AH14085">
        <v>42</v>
      </c>
      <c r="AI14085">
        <v>42</v>
      </c>
      <c r="AJ14085">
        <v>42</v>
      </c>
      <c r="AK14085">
        <v>42</v>
      </c>
      <c r="AL14085">
        <v>42</v>
      </c>
      <c r="AM14085">
        <v>42</v>
      </c>
      <c r="AN14085">
        <v>42</v>
      </c>
      <c r="AO14085">
        <v>42</v>
      </c>
      <c r="AP14085">
        <v>41</v>
      </c>
      <c r="AQ14085">
        <v>41</v>
      </c>
    </row>
    <row r="14086" spans="1:43">
      <c r="A14086" t="s">
        <v>8744</v>
      </c>
      <c r="B14086" t="s">
        <v>8745</v>
      </c>
      <c r="C14086" t="s">
        <v>8740</v>
      </c>
      <c r="D14086" t="s">
        <v>8741</v>
      </c>
      <c r="E14086" t="s">
        <v>8652</v>
      </c>
      <c r="F14086" t="s">
        <v>8653</v>
      </c>
      <c r="G14086" t="s">
        <v>80</v>
      </c>
      <c r="H14086" t="s">
        <v>81</v>
      </c>
      <c r="I14086" s="2">
        <v>0</v>
      </c>
      <c r="J14086" s="2">
        <v>0</v>
      </c>
      <c r="K14086" s="2">
        <v>1</v>
      </c>
      <c r="L14086" t="s">
        <v>995</v>
      </c>
      <c r="M14086" t="s">
        <v>83</v>
      </c>
      <c r="N14086" t="s">
        <v>84</v>
      </c>
      <c r="O14086" t="s">
        <v>85</v>
      </c>
      <c r="P14086" t="s">
        <v>86</v>
      </c>
      <c r="Q14086">
        <v>42</v>
      </c>
      <c r="R14086">
        <v>43</v>
      </c>
      <c r="S14086">
        <v>43</v>
      </c>
      <c r="T14086">
        <v>43</v>
      </c>
      <c r="U14086">
        <v>43</v>
      </c>
      <c r="V14086">
        <v>43</v>
      </c>
      <c r="W14086">
        <v>44</v>
      </c>
      <c r="X14086">
        <v>44</v>
      </c>
      <c r="Y14086">
        <v>44</v>
      </c>
      <c r="Z14086">
        <v>44</v>
      </c>
      <c r="AA14086">
        <v>44</v>
      </c>
      <c r="AB14086">
        <v>45</v>
      </c>
      <c r="AC14086">
        <v>45</v>
      </c>
      <c r="AD14086">
        <v>45</v>
      </c>
      <c r="AE14086">
        <v>45</v>
      </c>
      <c r="AF14086">
        <v>45</v>
      </c>
      <c r="AG14086">
        <v>45</v>
      </c>
      <c r="AH14086">
        <v>45</v>
      </c>
      <c r="AI14086">
        <v>45</v>
      </c>
      <c r="AJ14086">
        <v>45</v>
      </c>
      <c r="AK14086">
        <v>45</v>
      </c>
      <c r="AL14086">
        <v>45</v>
      </c>
      <c r="AM14086">
        <v>45</v>
      </c>
      <c r="AN14086">
        <v>45</v>
      </c>
      <c r="AO14086">
        <v>44</v>
      </c>
      <c r="AP14086">
        <v>44</v>
      </c>
      <c r="AQ14086">
        <v>44</v>
      </c>
    </row>
    <row r="14087" spans="1:43">
      <c r="A14087" t="s">
        <v>8744</v>
      </c>
      <c r="B14087" t="s">
        <v>8745</v>
      </c>
      <c r="C14087" t="s">
        <v>8740</v>
      </c>
      <c r="D14087" t="s">
        <v>8741</v>
      </c>
      <c r="E14087" t="s">
        <v>8652</v>
      </c>
      <c r="F14087" t="s">
        <v>8653</v>
      </c>
      <c r="G14087" t="s">
        <v>80</v>
      </c>
      <c r="H14087" t="s">
        <v>81</v>
      </c>
      <c r="I14087" s="2">
        <v>0</v>
      </c>
      <c r="J14087" s="2">
        <v>0</v>
      </c>
      <c r="K14087" s="2">
        <v>1</v>
      </c>
      <c r="L14087" t="s">
        <v>995</v>
      </c>
      <c r="M14087" t="s">
        <v>87</v>
      </c>
      <c r="N14087" t="s">
        <v>88</v>
      </c>
      <c r="O14087" t="s">
        <v>85</v>
      </c>
      <c r="P14087" t="s">
        <v>86</v>
      </c>
      <c r="Q14087">
        <v>42</v>
      </c>
      <c r="R14087">
        <v>42</v>
      </c>
      <c r="S14087">
        <v>42</v>
      </c>
      <c r="T14087">
        <v>42</v>
      </c>
      <c r="U14087">
        <v>41</v>
      </c>
      <c r="V14087">
        <v>41</v>
      </c>
      <c r="W14087">
        <v>41</v>
      </c>
      <c r="X14087">
        <v>41</v>
      </c>
      <c r="Y14087">
        <v>41</v>
      </c>
      <c r="Z14087">
        <v>41</v>
      </c>
      <c r="AA14087">
        <v>40</v>
      </c>
      <c r="AB14087">
        <v>40</v>
      </c>
      <c r="AC14087">
        <v>40</v>
      </c>
      <c r="AD14087">
        <v>40</v>
      </c>
      <c r="AE14087">
        <v>40</v>
      </c>
      <c r="AF14087">
        <v>40</v>
      </c>
      <c r="AG14087">
        <v>40</v>
      </c>
      <c r="AH14087">
        <v>39</v>
      </c>
      <c r="AI14087">
        <v>39</v>
      </c>
      <c r="AJ14087">
        <v>39</v>
      </c>
      <c r="AK14087">
        <v>39</v>
      </c>
      <c r="AL14087">
        <v>39</v>
      </c>
      <c r="AM14087">
        <v>39</v>
      </c>
      <c r="AN14087">
        <v>39</v>
      </c>
      <c r="AO14087">
        <v>39</v>
      </c>
      <c r="AP14087">
        <v>38</v>
      </c>
      <c r="AQ14087">
        <v>38</v>
      </c>
    </row>
    <row r="14088" spans="1:43">
      <c r="A14088" t="s">
        <v>8744</v>
      </c>
      <c r="B14088" t="s">
        <v>8745</v>
      </c>
      <c r="C14088" t="s">
        <v>8740</v>
      </c>
      <c r="D14088" t="s">
        <v>8741</v>
      </c>
      <c r="E14088" t="s">
        <v>8652</v>
      </c>
      <c r="F14088" t="s">
        <v>8653</v>
      </c>
      <c r="G14088" t="s">
        <v>80</v>
      </c>
      <c r="H14088" t="s">
        <v>81</v>
      </c>
      <c r="I14088" s="2">
        <v>0</v>
      </c>
      <c r="J14088" s="2">
        <v>0</v>
      </c>
      <c r="K14088" s="2">
        <v>1</v>
      </c>
      <c r="L14088" t="s">
        <v>995</v>
      </c>
      <c r="M14088" t="s">
        <v>89</v>
      </c>
      <c r="N14088" t="s">
        <v>90</v>
      </c>
      <c r="O14088" t="s">
        <v>85</v>
      </c>
      <c r="P14088" t="s">
        <v>86</v>
      </c>
      <c r="Q14088">
        <v>42</v>
      </c>
      <c r="R14088">
        <v>42</v>
      </c>
      <c r="S14088">
        <v>43</v>
      </c>
      <c r="T14088">
        <v>43</v>
      </c>
      <c r="U14088">
        <v>44</v>
      </c>
      <c r="V14088">
        <v>44</v>
      </c>
      <c r="W14088">
        <v>45</v>
      </c>
      <c r="X14088">
        <v>45</v>
      </c>
      <c r="Y14088">
        <v>46</v>
      </c>
      <c r="Z14088">
        <v>46</v>
      </c>
      <c r="AA14088">
        <v>46</v>
      </c>
      <c r="AB14088">
        <v>46</v>
      </c>
      <c r="AC14088">
        <v>47</v>
      </c>
      <c r="AD14088">
        <v>47</v>
      </c>
      <c r="AE14088">
        <v>47</v>
      </c>
      <c r="AF14088">
        <v>47</v>
      </c>
      <c r="AG14088">
        <v>46</v>
      </c>
      <c r="AH14088">
        <v>46</v>
      </c>
      <c r="AI14088">
        <v>46</v>
      </c>
      <c r="AJ14088">
        <v>45</v>
      </c>
      <c r="AK14088">
        <v>45</v>
      </c>
      <c r="AL14088">
        <v>45</v>
      </c>
      <c r="AM14088">
        <v>45</v>
      </c>
      <c r="AN14088">
        <v>44</v>
      </c>
      <c r="AO14088">
        <v>44</v>
      </c>
      <c r="AP14088">
        <v>44</v>
      </c>
      <c r="AQ14088">
        <v>43</v>
      </c>
    </row>
    <row r="14089" spans="1:43">
      <c r="A14089" t="s">
        <v>8744</v>
      </c>
      <c r="B14089" t="s">
        <v>8745</v>
      </c>
      <c r="C14089" t="s">
        <v>8740</v>
      </c>
      <c r="D14089" t="s">
        <v>8741</v>
      </c>
      <c r="E14089" t="s">
        <v>8652</v>
      </c>
      <c r="F14089" t="s">
        <v>8653</v>
      </c>
      <c r="G14089" t="s">
        <v>80</v>
      </c>
      <c r="H14089" t="s">
        <v>81</v>
      </c>
      <c r="I14089" s="2">
        <v>0</v>
      </c>
      <c r="J14089" s="2">
        <v>0</v>
      </c>
      <c r="K14089" s="2">
        <v>1</v>
      </c>
      <c r="L14089" t="s">
        <v>995</v>
      </c>
      <c r="M14089" t="s">
        <v>83</v>
      </c>
      <c r="N14089" t="s">
        <v>91</v>
      </c>
      <c r="O14089" t="s">
        <v>85</v>
      </c>
      <c r="P14089" t="s">
        <v>86</v>
      </c>
      <c r="Q14089">
        <v>42</v>
      </c>
      <c r="R14089">
        <v>43</v>
      </c>
      <c r="S14089">
        <v>43</v>
      </c>
      <c r="T14089">
        <v>43</v>
      </c>
      <c r="U14089">
        <v>43</v>
      </c>
      <c r="V14089">
        <v>43</v>
      </c>
      <c r="W14089">
        <v>44</v>
      </c>
      <c r="X14089">
        <v>44</v>
      </c>
      <c r="Y14089">
        <v>44</v>
      </c>
      <c r="Z14089">
        <v>44</v>
      </c>
      <c r="AA14089">
        <v>44</v>
      </c>
      <c r="AB14089">
        <v>45</v>
      </c>
      <c r="AC14089">
        <v>45</v>
      </c>
      <c r="AD14089">
        <v>45</v>
      </c>
      <c r="AE14089">
        <v>45</v>
      </c>
      <c r="AF14089">
        <v>45</v>
      </c>
      <c r="AG14089">
        <v>45</v>
      </c>
      <c r="AH14089">
        <v>45</v>
      </c>
      <c r="AI14089">
        <v>45</v>
      </c>
      <c r="AJ14089">
        <v>45</v>
      </c>
      <c r="AK14089">
        <v>45</v>
      </c>
      <c r="AL14089">
        <v>45</v>
      </c>
      <c r="AM14089">
        <v>45</v>
      </c>
      <c r="AN14089">
        <v>45</v>
      </c>
      <c r="AO14089">
        <v>44</v>
      </c>
      <c r="AP14089">
        <v>44</v>
      </c>
      <c r="AQ14089">
        <v>44</v>
      </c>
    </row>
    <row r="14090" spans="1:43">
      <c r="A14090" t="s">
        <v>8746</v>
      </c>
      <c r="B14090" t="s">
        <v>8747</v>
      </c>
      <c r="C14090" t="s">
        <v>8698</v>
      </c>
      <c r="D14090" t="s">
        <v>8699</v>
      </c>
      <c r="E14090" t="s">
        <v>8652</v>
      </c>
      <c r="F14090" t="s">
        <v>8653</v>
      </c>
      <c r="G14090" t="s">
        <v>80</v>
      </c>
      <c r="H14090" t="s">
        <v>81</v>
      </c>
      <c r="I14090" s="2">
        <v>0</v>
      </c>
      <c r="J14090" s="2">
        <v>0</v>
      </c>
      <c r="K14090" s="2">
        <v>1</v>
      </c>
      <c r="L14090" t="s">
        <v>995</v>
      </c>
      <c r="M14090" t="s">
        <v>83</v>
      </c>
      <c r="N14090" t="s">
        <v>84</v>
      </c>
      <c r="O14090" t="s">
        <v>85</v>
      </c>
      <c r="P14090" t="s">
        <v>86</v>
      </c>
      <c r="Q14090">
        <v>20</v>
      </c>
      <c r="R14090">
        <v>20</v>
      </c>
      <c r="S14090">
        <v>20</v>
      </c>
      <c r="T14090">
        <v>20</v>
      </c>
      <c r="U14090">
        <v>20</v>
      </c>
      <c r="V14090">
        <v>20</v>
      </c>
      <c r="W14090">
        <v>20</v>
      </c>
      <c r="X14090">
        <v>20</v>
      </c>
      <c r="Y14090">
        <v>21</v>
      </c>
      <c r="Z14090">
        <v>21</v>
      </c>
      <c r="AA14090">
        <v>21</v>
      </c>
      <c r="AB14090">
        <v>21</v>
      </c>
      <c r="AC14090">
        <v>21</v>
      </c>
      <c r="AD14090">
        <v>21</v>
      </c>
      <c r="AE14090">
        <v>21</v>
      </c>
      <c r="AF14090">
        <v>21</v>
      </c>
      <c r="AG14090">
        <v>21</v>
      </c>
      <c r="AH14090">
        <v>21</v>
      </c>
      <c r="AI14090">
        <v>21</v>
      </c>
      <c r="AJ14090">
        <v>21</v>
      </c>
      <c r="AK14090">
        <v>21</v>
      </c>
      <c r="AL14090">
        <v>21</v>
      </c>
      <c r="AM14090">
        <v>21</v>
      </c>
      <c r="AN14090">
        <v>21</v>
      </c>
      <c r="AO14090">
        <v>21</v>
      </c>
      <c r="AP14090">
        <v>20</v>
      </c>
      <c r="AQ14090">
        <v>20</v>
      </c>
    </row>
    <row r="14091" spans="1:43">
      <c r="A14091" t="s">
        <v>8746</v>
      </c>
      <c r="B14091" t="s">
        <v>8747</v>
      </c>
      <c r="C14091" t="s">
        <v>8698</v>
      </c>
      <c r="D14091" t="s">
        <v>8699</v>
      </c>
      <c r="E14091" t="s">
        <v>8652</v>
      </c>
      <c r="F14091" t="s">
        <v>8653</v>
      </c>
      <c r="G14091" t="s">
        <v>80</v>
      </c>
      <c r="H14091" t="s">
        <v>81</v>
      </c>
      <c r="I14091" s="2">
        <v>0</v>
      </c>
      <c r="J14091" s="2">
        <v>0</v>
      </c>
      <c r="K14091" s="2">
        <v>1</v>
      </c>
      <c r="L14091" t="s">
        <v>995</v>
      </c>
      <c r="M14091" t="s">
        <v>87</v>
      </c>
      <c r="N14091" t="s">
        <v>88</v>
      </c>
      <c r="O14091" t="s">
        <v>85</v>
      </c>
      <c r="P14091" t="s">
        <v>86</v>
      </c>
      <c r="Q14091">
        <v>20</v>
      </c>
      <c r="R14091">
        <v>20</v>
      </c>
      <c r="S14091">
        <v>19</v>
      </c>
      <c r="T14091">
        <v>19</v>
      </c>
      <c r="U14091">
        <v>19</v>
      </c>
      <c r="V14091">
        <v>19</v>
      </c>
      <c r="W14091">
        <v>19</v>
      </c>
      <c r="X14091">
        <v>19</v>
      </c>
      <c r="Y14091">
        <v>19</v>
      </c>
      <c r="Z14091">
        <v>19</v>
      </c>
      <c r="AA14091">
        <v>19</v>
      </c>
      <c r="AB14091">
        <v>19</v>
      </c>
      <c r="AC14091">
        <v>19</v>
      </c>
      <c r="AD14091">
        <v>19</v>
      </c>
      <c r="AE14091">
        <v>19</v>
      </c>
      <c r="AF14091">
        <v>18</v>
      </c>
      <c r="AG14091">
        <v>18</v>
      </c>
      <c r="AH14091">
        <v>18</v>
      </c>
      <c r="AI14091">
        <v>18</v>
      </c>
      <c r="AJ14091">
        <v>18</v>
      </c>
      <c r="AK14091">
        <v>18</v>
      </c>
      <c r="AL14091">
        <v>18</v>
      </c>
      <c r="AM14091">
        <v>18</v>
      </c>
      <c r="AN14091">
        <v>18</v>
      </c>
      <c r="AO14091">
        <v>18</v>
      </c>
      <c r="AP14091">
        <v>18</v>
      </c>
      <c r="AQ14091">
        <v>18</v>
      </c>
    </row>
    <row r="14092" spans="1:43">
      <c r="A14092" t="s">
        <v>8746</v>
      </c>
      <c r="B14092" t="s">
        <v>8747</v>
      </c>
      <c r="C14092" t="s">
        <v>8698</v>
      </c>
      <c r="D14092" t="s">
        <v>8699</v>
      </c>
      <c r="E14092" t="s">
        <v>8652</v>
      </c>
      <c r="F14092" t="s">
        <v>8653</v>
      </c>
      <c r="G14092" t="s">
        <v>80</v>
      </c>
      <c r="H14092" t="s">
        <v>81</v>
      </c>
      <c r="I14092" s="2">
        <v>0</v>
      </c>
      <c r="J14092" s="2">
        <v>0</v>
      </c>
      <c r="K14092" s="2">
        <v>1</v>
      </c>
      <c r="L14092" t="s">
        <v>995</v>
      </c>
      <c r="M14092" t="s">
        <v>89</v>
      </c>
      <c r="N14092" t="s">
        <v>90</v>
      </c>
      <c r="O14092" t="s">
        <v>85</v>
      </c>
      <c r="P14092" t="s">
        <v>86</v>
      </c>
      <c r="Q14092">
        <v>20</v>
      </c>
      <c r="R14092">
        <v>20</v>
      </c>
      <c r="S14092">
        <v>20</v>
      </c>
      <c r="T14092">
        <v>21</v>
      </c>
      <c r="U14092">
        <v>21</v>
      </c>
      <c r="V14092">
        <v>21</v>
      </c>
      <c r="W14092">
        <v>21</v>
      </c>
      <c r="X14092">
        <v>22</v>
      </c>
      <c r="Y14092">
        <v>22</v>
      </c>
      <c r="Z14092">
        <v>22</v>
      </c>
      <c r="AA14092">
        <v>22</v>
      </c>
      <c r="AB14092">
        <v>22</v>
      </c>
      <c r="AC14092">
        <v>22</v>
      </c>
      <c r="AD14092">
        <v>22</v>
      </c>
      <c r="AE14092">
        <v>22</v>
      </c>
      <c r="AF14092">
        <v>22</v>
      </c>
      <c r="AG14092">
        <v>22</v>
      </c>
      <c r="AH14092">
        <v>22</v>
      </c>
      <c r="AI14092">
        <v>22</v>
      </c>
      <c r="AJ14092">
        <v>21</v>
      </c>
      <c r="AK14092">
        <v>21</v>
      </c>
      <c r="AL14092">
        <v>21</v>
      </c>
      <c r="AM14092">
        <v>21</v>
      </c>
      <c r="AN14092">
        <v>21</v>
      </c>
      <c r="AO14092">
        <v>21</v>
      </c>
      <c r="AP14092">
        <v>21</v>
      </c>
      <c r="AQ14092">
        <v>20</v>
      </c>
    </row>
    <row r="14093" spans="1:43">
      <c r="A14093" t="s">
        <v>8746</v>
      </c>
      <c r="B14093" t="s">
        <v>8747</v>
      </c>
      <c r="C14093" t="s">
        <v>8698</v>
      </c>
      <c r="D14093" t="s">
        <v>8699</v>
      </c>
      <c r="E14093" t="s">
        <v>8652</v>
      </c>
      <c r="F14093" t="s">
        <v>8653</v>
      </c>
      <c r="G14093" t="s">
        <v>80</v>
      </c>
      <c r="H14093" t="s">
        <v>81</v>
      </c>
      <c r="I14093" s="2">
        <v>0</v>
      </c>
      <c r="J14093" s="2">
        <v>0</v>
      </c>
      <c r="K14093" s="2">
        <v>1</v>
      </c>
      <c r="L14093" t="s">
        <v>995</v>
      </c>
      <c r="M14093" t="s">
        <v>83</v>
      </c>
      <c r="N14093" t="s">
        <v>91</v>
      </c>
      <c r="O14093" t="s">
        <v>85</v>
      </c>
      <c r="P14093" t="s">
        <v>86</v>
      </c>
      <c r="Q14093">
        <v>20</v>
      </c>
      <c r="R14093">
        <v>20</v>
      </c>
      <c r="S14093">
        <v>20</v>
      </c>
      <c r="T14093">
        <v>20</v>
      </c>
      <c r="U14093">
        <v>20</v>
      </c>
      <c r="V14093">
        <v>20</v>
      </c>
      <c r="W14093">
        <v>20</v>
      </c>
      <c r="X14093">
        <v>20</v>
      </c>
      <c r="Y14093">
        <v>21</v>
      </c>
      <c r="Z14093">
        <v>21</v>
      </c>
      <c r="AA14093">
        <v>21</v>
      </c>
      <c r="AB14093">
        <v>21</v>
      </c>
      <c r="AC14093">
        <v>21</v>
      </c>
      <c r="AD14093">
        <v>21</v>
      </c>
      <c r="AE14093">
        <v>21</v>
      </c>
      <c r="AF14093">
        <v>21</v>
      </c>
      <c r="AG14093">
        <v>21</v>
      </c>
      <c r="AH14093">
        <v>21</v>
      </c>
      <c r="AI14093">
        <v>21</v>
      </c>
      <c r="AJ14093">
        <v>21</v>
      </c>
      <c r="AK14093">
        <v>21</v>
      </c>
      <c r="AL14093">
        <v>21</v>
      </c>
      <c r="AM14093">
        <v>21</v>
      </c>
      <c r="AN14093">
        <v>21</v>
      </c>
      <c r="AO14093">
        <v>21</v>
      </c>
      <c r="AP14093">
        <v>20</v>
      </c>
      <c r="AQ14093">
        <v>20</v>
      </c>
    </row>
    <row r="14094" spans="1:43">
      <c r="A14094" t="s">
        <v>8748</v>
      </c>
      <c r="B14094" t="s">
        <v>8749</v>
      </c>
      <c r="C14094" t="s">
        <v>8750</v>
      </c>
      <c r="D14094" t="s">
        <v>8751</v>
      </c>
      <c r="E14094" t="s">
        <v>8652</v>
      </c>
      <c r="F14094" t="s">
        <v>8653</v>
      </c>
      <c r="G14094" t="s">
        <v>80</v>
      </c>
      <c r="H14094" t="s">
        <v>81</v>
      </c>
      <c r="I14094" s="2">
        <v>0</v>
      </c>
      <c r="J14094" s="2">
        <v>0</v>
      </c>
      <c r="K14094" s="2">
        <v>1</v>
      </c>
      <c r="L14094" t="s">
        <v>995</v>
      </c>
      <c r="M14094" t="s">
        <v>83</v>
      </c>
      <c r="N14094" t="s">
        <v>84</v>
      </c>
      <c r="O14094" t="s">
        <v>85</v>
      </c>
      <c r="P14094" t="s">
        <v>86</v>
      </c>
      <c r="Q14094">
        <v>19</v>
      </c>
      <c r="R14094">
        <v>19</v>
      </c>
      <c r="S14094">
        <v>19</v>
      </c>
      <c r="T14094">
        <v>19</v>
      </c>
      <c r="U14094">
        <v>19</v>
      </c>
      <c r="V14094">
        <v>19</v>
      </c>
      <c r="W14094">
        <v>19</v>
      </c>
      <c r="X14094">
        <v>19</v>
      </c>
      <c r="Y14094">
        <v>19</v>
      </c>
      <c r="Z14094">
        <v>19</v>
      </c>
      <c r="AA14094">
        <v>19</v>
      </c>
      <c r="AB14094">
        <v>20</v>
      </c>
      <c r="AC14094">
        <v>20</v>
      </c>
      <c r="AD14094">
        <v>20</v>
      </c>
      <c r="AE14094">
        <v>20</v>
      </c>
      <c r="AF14094">
        <v>20</v>
      </c>
      <c r="AG14094">
        <v>20</v>
      </c>
      <c r="AH14094">
        <v>20</v>
      </c>
      <c r="AI14094">
        <v>20</v>
      </c>
      <c r="AJ14094">
        <v>20</v>
      </c>
      <c r="AK14094">
        <v>20</v>
      </c>
      <c r="AL14094">
        <v>20</v>
      </c>
      <c r="AM14094">
        <v>20</v>
      </c>
      <c r="AN14094">
        <v>20</v>
      </c>
      <c r="AO14094">
        <v>20</v>
      </c>
      <c r="AP14094">
        <v>19</v>
      </c>
      <c r="AQ14094">
        <v>19</v>
      </c>
    </row>
    <row r="14095" spans="1:43">
      <c r="A14095" t="s">
        <v>8748</v>
      </c>
      <c r="B14095" t="s">
        <v>8749</v>
      </c>
      <c r="C14095" t="s">
        <v>8750</v>
      </c>
      <c r="D14095" t="s">
        <v>8751</v>
      </c>
      <c r="E14095" t="s">
        <v>8652</v>
      </c>
      <c r="F14095" t="s">
        <v>8653</v>
      </c>
      <c r="G14095" t="s">
        <v>80</v>
      </c>
      <c r="H14095" t="s">
        <v>81</v>
      </c>
      <c r="I14095" s="2">
        <v>0</v>
      </c>
      <c r="J14095" s="2">
        <v>0</v>
      </c>
      <c r="K14095" s="2">
        <v>1</v>
      </c>
      <c r="L14095" t="s">
        <v>995</v>
      </c>
      <c r="M14095" t="s">
        <v>87</v>
      </c>
      <c r="N14095" t="s">
        <v>88</v>
      </c>
      <c r="O14095" t="s">
        <v>85</v>
      </c>
      <c r="P14095" t="s">
        <v>86</v>
      </c>
      <c r="Q14095">
        <v>19</v>
      </c>
      <c r="R14095">
        <v>19</v>
      </c>
      <c r="S14095">
        <v>19</v>
      </c>
      <c r="T14095">
        <v>19</v>
      </c>
      <c r="U14095">
        <v>19</v>
      </c>
      <c r="V14095">
        <v>19</v>
      </c>
      <c r="W14095">
        <v>19</v>
      </c>
      <c r="X14095">
        <v>19</v>
      </c>
      <c r="Y14095">
        <v>19</v>
      </c>
      <c r="Z14095">
        <v>19</v>
      </c>
      <c r="AA14095">
        <v>19</v>
      </c>
      <c r="AB14095">
        <v>19</v>
      </c>
      <c r="AC14095">
        <v>19</v>
      </c>
      <c r="AD14095">
        <v>19</v>
      </c>
      <c r="AE14095">
        <v>18</v>
      </c>
      <c r="AF14095">
        <v>18</v>
      </c>
      <c r="AG14095">
        <v>18</v>
      </c>
      <c r="AH14095">
        <v>18</v>
      </c>
      <c r="AI14095">
        <v>18</v>
      </c>
      <c r="AJ14095">
        <v>18</v>
      </c>
      <c r="AK14095">
        <v>18</v>
      </c>
      <c r="AL14095">
        <v>18</v>
      </c>
      <c r="AM14095">
        <v>18</v>
      </c>
      <c r="AN14095">
        <v>18</v>
      </c>
      <c r="AO14095">
        <v>18</v>
      </c>
      <c r="AP14095">
        <v>18</v>
      </c>
      <c r="AQ14095">
        <v>18</v>
      </c>
    </row>
    <row r="14096" spans="1:43">
      <c r="A14096" t="s">
        <v>8748</v>
      </c>
      <c r="B14096" t="s">
        <v>8749</v>
      </c>
      <c r="C14096" t="s">
        <v>8750</v>
      </c>
      <c r="D14096" t="s">
        <v>8751</v>
      </c>
      <c r="E14096" t="s">
        <v>8652</v>
      </c>
      <c r="F14096" t="s">
        <v>8653</v>
      </c>
      <c r="G14096" t="s">
        <v>80</v>
      </c>
      <c r="H14096" t="s">
        <v>81</v>
      </c>
      <c r="I14096" s="2">
        <v>0</v>
      </c>
      <c r="J14096" s="2">
        <v>0</v>
      </c>
      <c r="K14096" s="2">
        <v>1</v>
      </c>
      <c r="L14096" t="s">
        <v>995</v>
      </c>
      <c r="M14096" t="s">
        <v>89</v>
      </c>
      <c r="N14096" t="s">
        <v>90</v>
      </c>
      <c r="O14096" t="s">
        <v>85</v>
      </c>
      <c r="P14096" t="s">
        <v>86</v>
      </c>
      <c r="Q14096">
        <v>19</v>
      </c>
      <c r="R14096">
        <v>19</v>
      </c>
      <c r="S14096">
        <v>19</v>
      </c>
      <c r="T14096">
        <v>20</v>
      </c>
      <c r="U14096">
        <v>20</v>
      </c>
      <c r="V14096">
        <v>20</v>
      </c>
      <c r="W14096">
        <v>20</v>
      </c>
      <c r="X14096">
        <v>20</v>
      </c>
      <c r="Y14096">
        <v>20</v>
      </c>
      <c r="Z14096">
        <v>21</v>
      </c>
      <c r="AA14096">
        <v>21</v>
      </c>
      <c r="AB14096">
        <v>21</v>
      </c>
      <c r="AC14096">
        <v>21</v>
      </c>
      <c r="AD14096">
        <v>21</v>
      </c>
      <c r="AE14096">
        <v>21</v>
      </c>
      <c r="AF14096">
        <v>21</v>
      </c>
      <c r="AG14096">
        <v>21</v>
      </c>
      <c r="AH14096">
        <v>21</v>
      </c>
      <c r="AI14096">
        <v>21</v>
      </c>
      <c r="AJ14096">
        <v>20</v>
      </c>
      <c r="AK14096">
        <v>20</v>
      </c>
      <c r="AL14096">
        <v>20</v>
      </c>
      <c r="AM14096">
        <v>20</v>
      </c>
      <c r="AN14096">
        <v>20</v>
      </c>
      <c r="AO14096">
        <v>20</v>
      </c>
      <c r="AP14096">
        <v>20</v>
      </c>
      <c r="AQ14096">
        <v>19</v>
      </c>
    </row>
    <row r="14097" spans="1:43">
      <c r="A14097" t="s">
        <v>8748</v>
      </c>
      <c r="B14097" t="s">
        <v>8749</v>
      </c>
      <c r="C14097" t="s">
        <v>8750</v>
      </c>
      <c r="D14097" t="s">
        <v>8751</v>
      </c>
      <c r="E14097" t="s">
        <v>8652</v>
      </c>
      <c r="F14097" t="s">
        <v>8653</v>
      </c>
      <c r="G14097" t="s">
        <v>80</v>
      </c>
      <c r="H14097" t="s">
        <v>81</v>
      </c>
      <c r="I14097" s="2">
        <v>0</v>
      </c>
      <c r="J14097" s="2">
        <v>0</v>
      </c>
      <c r="K14097" s="2">
        <v>1</v>
      </c>
      <c r="L14097" t="s">
        <v>995</v>
      </c>
      <c r="M14097" t="s">
        <v>83</v>
      </c>
      <c r="N14097" t="s">
        <v>91</v>
      </c>
      <c r="O14097" t="s">
        <v>85</v>
      </c>
      <c r="P14097" t="s">
        <v>86</v>
      </c>
      <c r="Q14097">
        <v>19</v>
      </c>
      <c r="R14097">
        <v>19</v>
      </c>
      <c r="S14097">
        <v>19</v>
      </c>
      <c r="T14097">
        <v>19</v>
      </c>
      <c r="U14097">
        <v>19</v>
      </c>
      <c r="V14097">
        <v>19</v>
      </c>
      <c r="W14097">
        <v>19</v>
      </c>
      <c r="X14097">
        <v>19</v>
      </c>
      <c r="Y14097">
        <v>19</v>
      </c>
      <c r="Z14097">
        <v>19</v>
      </c>
      <c r="AA14097">
        <v>19</v>
      </c>
      <c r="AB14097">
        <v>20</v>
      </c>
      <c r="AC14097">
        <v>20</v>
      </c>
      <c r="AD14097">
        <v>20</v>
      </c>
      <c r="AE14097">
        <v>20</v>
      </c>
      <c r="AF14097">
        <v>20</v>
      </c>
      <c r="AG14097">
        <v>20</v>
      </c>
      <c r="AH14097">
        <v>20</v>
      </c>
      <c r="AI14097">
        <v>20</v>
      </c>
      <c r="AJ14097">
        <v>20</v>
      </c>
      <c r="AK14097">
        <v>20</v>
      </c>
      <c r="AL14097">
        <v>20</v>
      </c>
      <c r="AM14097">
        <v>20</v>
      </c>
      <c r="AN14097">
        <v>20</v>
      </c>
      <c r="AO14097">
        <v>20</v>
      </c>
      <c r="AP14097">
        <v>19</v>
      </c>
      <c r="AQ14097">
        <v>19</v>
      </c>
    </row>
    <row r="14098" spans="1:43">
      <c r="A14098" t="s">
        <v>8752</v>
      </c>
      <c r="B14098" t="s">
        <v>8753</v>
      </c>
      <c r="C14098" t="s">
        <v>8754</v>
      </c>
      <c r="D14098" t="s">
        <v>8755</v>
      </c>
      <c r="E14098" t="s">
        <v>8652</v>
      </c>
      <c r="F14098" t="s">
        <v>8653</v>
      </c>
      <c r="G14098" t="s">
        <v>80</v>
      </c>
      <c r="H14098" t="s">
        <v>81</v>
      </c>
      <c r="I14098" s="2">
        <v>0</v>
      </c>
      <c r="J14098" s="2">
        <v>0</v>
      </c>
      <c r="K14098" s="2">
        <v>1</v>
      </c>
      <c r="L14098" t="s">
        <v>995</v>
      </c>
      <c r="M14098" t="s">
        <v>83</v>
      </c>
      <c r="N14098" t="s">
        <v>84</v>
      </c>
      <c r="O14098" t="s">
        <v>85</v>
      </c>
      <c r="P14098" t="s">
        <v>86</v>
      </c>
      <c r="Q14098">
        <v>9</v>
      </c>
      <c r="R14098">
        <v>9</v>
      </c>
      <c r="S14098">
        <v>10</v>
      </c>
      <c r="T14098">
        <v>10</v>
      </c>
      <c r="U14098">
        <v>10</v>
      </c>
      <c r="V14098">
        <v>10</v>
      </c>
      <c r="W14098">
        <v>10</v>
      </c>
      <c r="X14098">
        <v>10</v>
      </c>
      <c r="Y14098">
        <v>10</v>
      </c>
      <c r="Z14098">
        <v>10</v>
      </c>
      <c r="AA14098">
        <v>10</v>
      </c>
      <c r="AB14098">
        <v>10</v>
      </c>
      <c r="AC14098">
        <v>10</v>
      </c>
      <c r="AD14098">
        <v>10</v>
      </c>
      <c r="AE14098">
        <v>10</v>
      </c>
      <c r="AF14098">
        <v>10</v>
      </c>
      <c r="AG14098">
        <v>10</v>
      </c>
      <c r="AH14098">
        <v>10</v>
      </c>
      <c r="AI14098">
        <v>10</v>
      </c>
      <c r="AJ14098">
        <v>10</v>
      </c>
      <c r="AK14098">
        <v>10</v>
      </c>
      <c r="AL14098">
        <v>10</v>
      </c>
      <c r="AM14098">
        <v>10</v>
      </c>
      <c r="AN14098">
        <v>10</v>
      </c>
      <c r="AO14098">
        <v>10</v>
      </c>
      <c r="AP14098">
        <v>10</v>
      </c>
      <c r="AQ14098">
        <v>10</v>
      </c>
    </row>
    <row r="14099" spans="1:43">
      <c r="A14099" t="s">
        <v>8752</v>
      </c>
      <c r="B14099" t="s">
        <v>8753</v>
      </c>
      <c r="C14099" t="s">
        <v>8754</v>
      </c>
      <c r="D14099" t="s">
        <v>8755</v>
      </c>
      <c r="E14099" t="s">
        <v>8652</v>
      </c>
      <c r="F14099" t="s">
        <v>8653</v>
      </c>
      <c r="G14099" t="s">
        <v>80</v>
      </c>
      <c r="H14099" t="s">
        <v>81</v>
      </c>
      <c r="I14099" s="2">
        <v>0</v>
      </c>
      <c r="J14099" s="2">
        <v>0</v>
      </c>
      <c r="K14099" s="2">
        <v>1</v>
      </c>
      <c r="L14099" t="s">
        <v>995</v>
      </c>
      <c r="M14099" t="s">
        <v>87</v>
      </c>
      <c r="N14099" t="s">
        <v>88</v>
      </c>
      <c r="O14099" t="s">
        <v>85</v>
      </c>
      <c r="P14099" t="s">
        <v>86</v>
      </c>
      <c r="Q14099">
        <v>9</v>
      </c>
      <c r="R14099">
        <v>9</v>
      </c>
      <c r="S14099">
        <v>9</v>
      </c>
      <c r="T14099">
        <v>9</v>
      </c>
      <c r="U14099">
        <v>9</v>
      </c>
      <c r="V14099">
        <v>9</v>
      </c>
      <c r="W14099">
        <v>9</v>
      </c>
      <c r="X14099">
        <v>9</v>
      </c>
      <c r="Y14099">
        <v>9</v>
      </c>
      <c r="Z14099">
        <v>9</v>
      </c>
      <c r="AA14099">
        <v>9</v>
      </c>
      <c r="AB14099">
        <v>9</v>
      </c>
      <c r="AC14099">
        <v>9</v>
      </c>
      <c r="AD14099">
        <v>9</v>
      </c>
      <c r="AE14099">
        <v>9</v>
      </c>
      <c r="AF14099">
        <v>9</v>
      </c>
      <c r="AG14099">
        <v>9</v>
      </c>
      <c r="AH14099">
        <v>9</v>
      </c>
      <c r="AI14099">
        <v>9</v>
      </c>
      <c r="AJ14099">
        <v>9</v>
      </c>
      <c r="AK14099">
        <v>9</v>
      </c>
      <c r="AL14099">
        <v>9</v>
      </c>
      <c r="AM14099">
        <v>8</v>
      </c>
      <c r="AN14099">
        <v>8</v>
      </c>
      <c r="AO14099">
        <v>8</v>
      </c>
      <c r="AP14099">
        <v>8</v>
      </c>
      <c r="AQ14099">
        <v>8</v>
      </c>
    </row>
    <row r="14100" spans="1:43">
      <c r="A14100" t="s">
        <v>8752</v>
      </c>
      <c r="B14100" t="s">
        <v>8753</v>
      </c>
      <c r="C14100" t="s">
        <v>8754</v>
      </c>
      <c r="D14100" t="s">
        <v>8755</v>
      </c>
      <c r="E14100" t="s">
        <v>8652</v>
      </c>
      <c r="F14100" t="s">
        <v>8653</v>
      </c>
      <c r="G14100" t="s">
        <v>80</v>
      </c>
      <c r="H14100" t="s">
        <v>81</v>
      </c>
      <c r="I14100" s="2">
        <v>0</v>
      </c>
      <c r="J14100" s="2">
        <v>0</v>
      </c>
      <c r="K14100" s="2">
        <v>1</v>
      </c>
      <c r="L14100" t="s">
        <v>995</v>
      </c>
      <c r="M14100" t="s">
        <v>89</v>
      </c>
      <c r="N14100" t="s">
        <v>90</v>
      </c>
      <c r="O14100" t="s">
        <v>85</v>
      </c>
      <c r="P14100" t="s">
        <v>86</v>
      </c>
      <c r="Q14100">
        <v>9</v>
      </c>
      <c r="R14100">
        <v>9</v>
      </c>
      <c r="S14100">
        <v>9</v>
      </c>
      <c r="T14100">
        <v>9</v>
      </c>
      <c r="U14100">
        <v>9</v>
      </c>
      <c r="V14100">
        <v>9</v>
      </c>
      <c r="W14100">
        <v>9</v>
      </c>
      <c r="X14100">
        <v>9</v>
      </c>
      <c r="Y14100">
        <v>9</v>
      </c>
      <c r="Z14100">
        <v>9</v>
      </c>
      <c r="AA14100">
        <v>9</v>
      </c>
      <c r="AB14100">
        <v>10</v>
      </c>
      <c r="AC14100">
        <v>10</v>
      </c>
      <c r="AD14100">
        <v>10</v>
      </c>
      <c r="AE14100">
        <v>10</v>
      </c>
      <c r="AF14100">
        <v>10</v>
      </c>
      <c r="AG14100">
        <v>9</v>
      </c>
      <c r="AH14100">
        <v>9</v>
      </c>
      <c r="AI14100">
        <v>9</v>
      </c>
      <c r="AJ14100">
        <v>9</v>
      </c>
      <c r="AK14100">
        <v>9</v>
      </c>
      <c r="AL14100">
        <v>9</v>
      </c>
      <c r="AM14100">
        <v>9</v>
      </c>
      <c r="AN14100">
        <v>9</v>
      </c>
      <c r="AO14100">
        <v>9</v>
      </c>
      <c r="AP14100">
        <v>9</v>
      </c>
      <c r="AQ14100">
        <v>9</v>
      </c>
    </row>
    <row r="14101" spans="1:43">
      <c r="A14101" t="s">
        <v>8752</v>
      </c>
      <c r="B14101" t="s">
        <v>8753</v>
      </c>
      <c r="C14101" t="s">
        <v>8754</v>
      </c>
      <c r="D14101" t="s">
        <v>8755</v>
      </c>
      <c r="E14101" t="s">
        <v>8652</v>
      </c>
      <c r="F14101" t="s">
        <v>8653</v>
      </c>
      <c r="G14101" t="s">
        <v>80</v>
      </c>
      <c r="H14101" t="s">
        <v>81</v>
      </c>
      <c r="I14101" s="2">
        <v>0</v>
      </c>
      <c r="J14101" s="2">
        <v>0</v>
      </c>
      <c r="K14101" s="2">
        <v>1</v>
      </c>
      <c r="L14101" t="s">
        <v>995</v>
      </c>
      <c r="M14101" t="s">
        <v>83</v>
      </c>
      <c r="N14101" t="s">
        <v>91</v>
      </c>
      <c r="O14101" t="s">
        <v>85</v>
      </c>
      <c r="P14101" t="s">
        <v>86</v>
      </c>
      <c r="Q14101">
        <v>9</v>
      </c>
      <c r="R14101">
        <v>9</v>
      </c>
      <c r="S14101">
        <v>10</v>
      </c>
      <c r="T14101">
        <v>10</v>
      </c>
      <c r="U14101">
        <v>10</v>
      </c>
      <c r="V14101">
        <v>10</v>
      </c>
      <c r="W14101">
        <v>10</v>
      </c>
      <c r="X14101">
        <v>10</v>
      </c>
      <c r="Y14101">
        <v>10</v>
      </c>
      <c r="Z14101">
        <v>10</v>
      </c>
      <c r="AA14101">
        <v>10</v>
      </c>
      <c r="AB14101">
        <v>10</v>
      </c>
      <c r="AC14101">
        <v>10</v>
      </c>
      <c r="AD14101">
        <v>10</v>
      </c>
      <c r="AE14101">
        <v>10</v>
      </c>
      <c r="AF14101">
        <v>10</v>
      </c>
      <c r="AG14101">
        <v>10</v>
      </c>
      <c r="AH14101">
        <v>10</v>
      </c>
      <c r="AI14101">
        <v>10</v>
      </c>
      <c r="AJ14101">
        <v>10</v>
      </c>
      <c r="AK14101">
        <v>10</v>
      </c>
      <c r="AL14101">
        <v>10</v>
      </c>
      <c r="AM14101">
        <v>10</v>
      </c>
      <c r="AN14101">
        <v>10</v>
      </c>
      <c r="AO14101">
        <v>10</v>
      </c>
      <c r="AP14101">
        <v>10</v>
      </c>
      <c r="AQ14101">
        <v>10</v>
      </c>
    </row>
    <row r="14102" spans="1:43">
      <c r="A14102" t="s">
        <v>8756</v>
      </c>
      <c r="B14102" t="s">
        <v>8757</v>
      </c>
      <c r="C14102" t="s">
        <v>8758</v>
      </c>
      <c r="D14102" t="s">
        <v>8759</v>
      </c>
      <c r="E14102" t="s">
        <v>8652</v>
      </c>
      <c r="F14102" t="s">
        <v>8653</v>
      </c>
      <c r="G14102" t="s">
        <v>80</v>
      </c>
      <c r="H14102" t="s">
        <v>81</v>
      </c>
      <c r="I14102" s="2">
        <v>0</v>
      </c>
      <c r="J14102" s="2">
        <v>0</v>
      </c>
      <c r="K14102" s="2">
        <v>1</v>
      </c>
      <c r="L14102" t="s">
        <v>995</v>
      </c>
      <c r="M14102" t="s">
        <v>83</v>
      </c>
      <c r="N14102" t="s">
        <v>84</v>
      </c>
      <c r="O14102" t="s">
        <v>85</v>
      </c>
      <c r="P14102" t="s">
        <v>86</v>
      </c>
      <c r="Q14102">
        <v>2</v>
      </c>
      <c r="R14102">
        <v>2</v>
      </c>
      <c r="S14102">
        <v>2</v>
      </c>
      <c r="T14102">
        <v>2</v>
      </c>
      <c r="U14102">
        <v>2</v>
      </c>
      <c r="V14102">
        <v>2</v>
      </c>
      <c r="W14102">
        <v>2</v>
      </c>
      <c r="X14102">
        <v>2</v>
      </c>
      <c r="Y14102">
        <v>2</v>
      </c>
      <c r="Z14102">
        <v>2</v>
      </c>
      <c r="AA14102">
        <v>2</v>
      </c>
      <c r="AB14102">
        <v>2</v>
      </c>
      <c r="AC14102">
        <v>2</v>
      </c>
      <c r="AD14102">
        <v>2</v>
      </c>
      <c r="AE14102">
        <v>2</v>
      </c>
      <c r="AF14102">
        <v>2</v>
      </c>
      <c r="AG14102">
        <v>2</v>
      </c>
      <c r="AH14102">
        <v>2</v>
      </c>
      <c r="AI14102">
        <v>2</v>
      </c>
      <c r="AJ14102">
        <v>2</v>
      </c>
      <c r="AK14102">
        <v>2</v>
      </c>
      <c r="AL14102">
        <v>2</v>
      </c>
      <c r="AM14102">
        <v>2</v>
      </c>
      <c r="AN14102">
        <v>2</v>
      </c>
      <c r="AO14102">
        <v>2</v>
      </c>
      <c r="AP14102">
        <v>2</v>
      </c>
      <c r="AQ14102">
        <v>2</v>
      </c>
    </row>
    <row r="14103" spans="1:43">
      <c r="A14103" t="s">
        <v>8756</v>
      </c>
      <c r="B14103" t="s">
        <v>8757</v>
      </c>
      <c r="C14103" t="s">
        <v>8758</v>
      </c>
      <c r="D14103" t="s">
        <v>8759</v>
      </c>
      <c r="E14103" t="s">
        <v>8652</v>
      </c>
      <c r="F14103" t="s">
        <v>8653</v>
      </c>
      <c r="G14103" t="s">
        <v>80</v>
      </c>
      <c r="H14103" t="s">
        <v>81</v>
      </c>
      <c r="I14103" s="2">
        <v>0</v>
      </c>
      <c r="J14103" s="2">
        <v>0</v>
      </c>
      <c r="K14103" s="2">
        <v>1</v>
      </c>
      <c r="L14103" t="s">
        <v>995</v>
      </c>
      <c r="M14103" t="s">
        <v>87</v>
      </c>
      <c r="N14103" t="s">
        <v>88</v>
      </c>
      <c r="O14103" t="s">
        <v>85</v>
      </c>
      <c r="P14103" t="s">
        <v>86</v>
      </c>
      <c r="Q14103">
        <v>2</v>
      </c>
      <c r="R14103">
        <v>2</v>
      </c>
      <c r="S14103">
        <v>2</v>
      </c>
      <c r="T14103">
        <v>2</v>
      </c>
      <c r="U14103">
        <v>2</v>
      </c>
      <c r="V14103">
        <v>2</v>
      </c>
      <c r="W14103">
        <v>1</v>
      </c>
      <c r="X14103">
        <v>1</v>
      </c>
      <c r="Y14103">
        <v>1</v>
      </c>
      <c r="Z14103">
        <v>1</v>
      </c>
      <c r="AA14103">
        <v>1</v>
      </c>
      <c r="AB14103">
        <v>1</v>
      </c>
      <c r="AC14103">
        <v>1</v>
      </c>
      <c r="AD14103">
        <v>1</v>
      </c>
      <c r="AE14103">
        <v>1</v>
      </c>
      <c r="AF14103">
        <v>1</v>
      </c>
      <c r="AG14103">
        <v>1</v>
      </c>
      <c r="AH14103">
        <v>1</v>
      </c>
      <c r="AI14103">
        <v>1</v>
      </c>
      <c r="AJ14103">
        <v>1</v>
      </c>
      <c r="AK14103">
        <v>1</v>
      </c>
      <c r="AL14103">
        <v>1</v>
      </c>
      <c r="AM14103">
        <v>1</v>
      </c>
      <c r="AN14103">
        <v>1</v>
      </c>
      <c r="AO14103">
        <v>1</v>
      </c>
      <c r="AP14103">
        <v>1</v>
      </c>
      <c r="AQ14103">
        <v>1</v>
      </c>
    </row>
    <row r="14104" spans="1:43">
      <c r="A14104" t="s">
        <v>8756</v>
      </c>
      <c r="B14104" t="s">
        <v>8757</v>
      </c>
      <c r="C14104" t="s">
        <v>8758</v>
      </c>
      <c r="D14104" t="s">
        <v>8759</v>
      </c>
      <c r="E14104" t="s">
        <v>8652</v>
      </c>
      <c r="F14104" t="s">
        <v>8653</v>
      </c>
      <c r="G14104" t="s">
        <v>80</v>
      </c>
      <c r="H14104" t="s">
        <v>81</v>
      </c>
      <c r="I14104" s="2">
        <v>0</v>
      </c>
      <c r="J14104" s="2">
        <v>0</v>
      </c>
      <c r="K14104" s="2">
        <v>1</v>
      </c>
      <c r="L14104" t="s">
        <v>995</v>
      </c>
      <c r="M14104" t="s">
        <v>89</v>
      </c>
      <c r="N14104" t="s">
        <v>90</v>
      </c>
      <c r="O14104" t="s">
        <v>85</v>
      </c>
      <c r="P14104" t="s">
        <v>86</v>
      </c>
      <c r="Q14104">
        <v>2</v>
      </c>
      <c r="R14104">
        <v>2</v>
      </c>
      <c r="S14104">
        <v>2</v>
      </c>
      <c r="T14104">
        <v>2</v>
      </c>
      <c r="U14104">
        <v>2</v>
      </c>
      <c r="V14104">
        <v>2</v>
      </c>
      <c r="W14104">
        <v>2</v>
      </c>
      <c r="X14104">
        <v>2</v>
      </c>
      <c r="Y14104">
        <v>2</v>
      </c>
      <c r="Z14104">
        <v>2</v>
      </c>
      <c r="AA14104">
        <v>2</v>
      </c>
      <c r="AB14104">
        <v>2</v>
      </c>
      <c r="AC14104">
        <v>2</v>
      </c>
      <c r="AD14104">
        <v>2</v>
      </c>
      <c r="AE14104">
        <v>2</v>
      </c>
      <c r="AF14104">
        <v>2</v>
      </c>
      <c r="AG14104">
        <v>2</v>
      </c>
      <c r="AH14104">
        <v>2</v>
      </c>
      <c r="AI14104">
        <v>2</v>
      </c>
      <c r="AJ14104">
        <v>2</v>
      </c>
      <c r="AK14104">
        <v>2</v>
      </c>
      <c r="AL14104">
        <v>2</v>
      </c>
      <c r="AM14104">
        <v>2</v>
      </c>
      <c r="AN14104">
        <v>2</v>
      </c>
      <c r="AO14104">
        <v>2</v>
      </c>
      <c r="AP14104">
        <v>2</v>
      </c>
      <c r="AQ14104">
        <v>2</v>
      </c>
    </row>
    <row r="14105" spans="1:43">
      <c r="A14105" t="s">
        <v>8756</v>
      </c>
      <c r="B14105" t="s">
        <v>8757</v>
      </c>
      <c r="C14105" t="s">
        <v>8758</v>
      </c>
      <c r="D14105" t="s">
        <v>8759</v>
      </c>
      <c r="E14105" t="s">
        <v>8652</v>
      </c>
      <c r="F14105" t="s">
        <v>8653</v>
      </c>
      <c r="G14105" t="s">
        <v>80</v>
      </c>
      <c r="H14105" t="s">
        <v>81</v>
      </c>
      <c r="I14105" s="2">
        <v>0</v>
      </c>
      <c r="J14105" s="2">
        <v>0</v>
      </c>
      <c r="K14105" s="2">
        <v>1</v>
      </c>
      <c r="L14105" t="s">
        <v>995</v>
      </c>
      <c r="M14105" t="s">
        <v>83</v>
      </c>
      <c r="N14105" t="s">
        <v>91</v>
      </c>
      <c r="O14105" t="s">
        <v>85</v>
      </c>
      <c r="P14105" t="s">
        <v>86</v>
      </c>
      <c r="Q14105">
        <v>2</v>
      </c>
      <c r="R14105">
        <v>2</v>
      </c>
      <c r="S14105">
        <v>2</v>
      </c>
      <c r="T14105">
        <v>2</v>
      </c>
      <c r="U14105">
        <v>2</v>
      </c>
      <c r="V14105">
        <v>2</v>
      </c>
      <c r="W14105">
        <v>2</v>
      </c>
      <c r="X14105">
        <v>2</v>
      </c>
      <c r="Y14105">
        <v>2</v>
      </c>
      <c r="Z14105">
        <v>2</v>
      </c>
      <c r="AA14105">
        <v>2</v>
      </c>
      <c r="AB14105">
        <v>2</v>
      </c>
      <c r="AC14105">
        <v>2</v>
      </c>
      <c r="AD14105">
        <v>2</v>
      </c>
      <c r="AE14105">
        <v>2</v>
      </c>
      <c r="AF14105">
        <v>2</v>
      </c>
      <c r="AG14105">
        <v>2</v>
      </c>
      <c r="AH14105">
        <v>2</v>
      </c>
      <c r="AI14105">
        <v>2</v>
      </c>
      <c r="AJ14105">
        <v>2</v>
      </c>
      <c r="AK14105">
        <v>2</v>
      </c>
      <c r="AL14105">
        <v>2</v>
      </c>
      <c r="AM14105">
        <v>2</v>
      </c>
      <c r="AN14105">
        <v>2</v>
      </c>
      <c r="AO14105">
        <v>2</v>
      </c>
      <c r="AP14105">
        <v>2</v>
      </c>
      <c r="AQ14105">
        <v>2</v>
      </c>
    </row>
    <row r="14106" spans="1:43">
      <c r="A14106" t="s">
        <v>8760</v>
      </c>
      <c r="B14106" t="s">
        <v>8761</v>
      </c>
      <c r="C14106" t="s">
        <v>8750</v>
      </c>
      <c r="D14106" t="s">
        <v>8751</v>
      </c>
      <c r="E14106" t="s">
        <v>8652</v>
      </c>
      <c r="F14106" t="s">
        <v>8653</v>
      </c>
      <c r="G14106" t="s">
        <v>80</v>
      </c>
      <c r="H14106" t="s">
        <v>81</v>
      </c>
      <c r="I14106" s="2">
        <v>0</v>
      </c>
      <c r="J14106" s="2">
        <v>0</v>
      </c>
      <c r="K14106" s="2">
        <v>1</v>
      </c>
      <c r="L14106" t="s">
        <v>995</v>
      </c>
      <c r="M14106" t="s">
        <v>83</v>
      </c>
      <c r="N14106" t="s">
        <v>84</v>
      </c>
      <c r="O14106" t="s">
        <v>85</v>
      </c>
      <c r="P14106" t="s">
        <v>86</v>
      </c>
      <c r="Q14106">
        <v>66</v>
      </c>
      <c r="R14106">
        <v>66</v>
      </c>
      <c r="S14106">
        <v>66</v>
      </c>
      <c r="T14106">
        <v>66</v>
      </c>
      <c r="U14106">
        <v>67</v>
      </c>
      <c r="V14106">
        <v>67</v>
      </c>
      <c r="W14106">
        <v>67</v>
      </c>
      <c r="X14106">
        <v>68</v>
      </c>
      <c r="Y14106">
        <v>68</v>
      </c>
      <c r="Z14106">
        <v>68</v>
      </c>
      <c r="AA14106">
        <v>69</v>
      </c>
      <c r="AB14106">
        <v>69</v>
      </c>
      <c r="AC14106">
        <v>69</v>
      </c>
      <c r="AD14106">
        <v>69</v>
      </c>
      <c r="AE14106">
        <v>69</v>
      </c>
      <c r="AF14106">
        <v>70</v>
      </c>
      <c r="AG14106">
        <v>70</v>
      </c>
      <c r="AH14106">
        <v>70</v>
      </c>
      <c r="AI14106">
        <v>70</v>
      </c>
      <c r="AJ14106">
        <v>70</v>
      </c>
      <c r="AK14106">
        <v>70</v>
      </c>
      <c r="AL14106">
        <v>70</v>
      </c>
      <c r="AM14106">
        <v>70</v>
      </c>
      <c r="AN14106">
        <v>69</v>
      </c>
      <c r="AO14106">
        <v>69</v>
      </c>
      <c r="AP14106">
        <v>68</v>
      </c>
      <c r="AQ14106">
        <v>68</v>
      </c>
    </row>
    <row r="14107" spans="1:43">
      <c r="A14107" t="s">
        <v>8760</v>
      </c>
      <c r="B14107" t="s">
        <v>8761</v>
      </c>
      <c r="C14107" t="s">
        <v>8750</v>
      </c>
      <c r="D14107" t="s">
        <v>8751</v>
      </c>
      <c r="E14107" t="s">
        <v>8652</v>
      </c>
      <c r="F14107" t="s">
        <v>8653</v>
      </c>
      <c r="G14107" t="s">
        <v>80</v>
      </c>
      <c r="H14107" t="s">
        <v>81</v>
      </c>
      <c r="I14107" s="2">
        <v>0</v>
      </c>
      <c r="J14107" s="2">
        <v>0</v>
      </c>
      <c r="K14107" s="2">
        <v>1</v>
      </c>
      <c r="L14107" t="s">
        <v>995</v>
      </c>
      <c r="M14107" t="s">
        <v>87</v>
      </c>
      <c r="N14107" t="s">
        <v>88</v>
      </c>
      <c r="O14107" t="s">
        <v>85</v>
      </c>
      <c r="P14107" t="s">
        <v>86</v>
      </c>
      <c r="Q14107">
        <v>66</v>
      </c>
      <c r="R14107">
        <v>66</v>
      </c>
      <c r="S14107">
        <v>65</v>
      </c>
      <c r="T14107">
        <v>65</v>
      </c>
      <c r="U14107">
        <v>65</v>
      </c>
      <c r="V14107">
        <v>65</v>
      </c>
      <c r="W14107">
        <v>64</v>
      </c>
      <c r="X14107">
        <v>64</v>
      </c>
      <c r="Y14107">
        <v>64</v>
      </c>
      <c r="Z14107">
        <v>64</v>
      </c>
      <c r="AA14107">
        <v>63</v>
      </c>
      <c r="AB14107">
        <v>63</v>
      </c>
      <c r="AC14107">
        <v>63</v>
      </c>
      <c r="AD14107">
        <v>63</v>
      </c>
      <c r="AE14107">
        <v>62</v>
      </c>
      <c r="AF14107">
        <v>62</v>
      </c>
      <c r="AG14107">
        <v>62</v>
      </c>
      <c r="AH14107">
        <v>62</v>
      </c>
      <c r="AI14107">
        <v>62</v>
      </c>
      <c r="AJ14107">
        <v>61</v>
      </c>
      <c r="AK14107">
        <v>61</v>
      </c>
      <c r="AL14107">
        <v>61</v>
      </c>
      <c r="AM14107">
        <v>61</v>
      </c>
      <c r="AN14107">
        <v>61</v>
      </c>
      <c r="AO14107">
        <v>60</v>
      </c>
      <c r="AP14107">
        <v>60</v>
      </c>
      <c r="AQ14107">
        <v>60</v>
      </c>
    </row>
    <row r="14108" spans="1:43">
      <c r="A14108" t="s">
        <v>8760</v>
      </c>
      <c r="B14108" t="s">
        <v>8761</v>
      </c>
      <c r="C14108" t="s">
        <v>8750</v>
      </c>
      <c r="D14108" t="s">
        <v>8751</v>
      </c>
      <c r="E14108" t="s">
        <v>8652</v>
      </c>
      <c r="F14108" t="s">
        <v>8653</v>
      </c>
      <c r="G14108" t="s">
        <v>80</v>
      </c>
      <c r="H14108" t="s">
        <v>81</v>
      </c>
      <c r="I14108" s="2">
        <v>0</v>
      </c>
      <c r="J14108" s="2">
        <v>0</v>
      </c>
      <c r="K14108" s="2">
        <v>1</v>
      </c>
      <c r="L14108" t="s">
        <v>995</v>
      </c>
      <c r="M14108" t="s">
        <v>89</v>
      </c>
      <c r="N14108" t="s">
        <v>90</v>
      </c>
      <c r="O14108" t="s">
        <v>85</v>
      </c>
      <c r="P14108" t="s">
        <v>86</v>
      </c>
      <c r="Q14108">
        <v>66</v>
      </c>
      <c r="R14108">
        <v>67</v>
      </c>
      <c r="S14108">
        <v>68</v>
      </c>
      <c r="T14108">
        <v>69</v>
      </c>
      <c r="U14108">
        <v>69</v>
      </c>
      <c r="V14108">
        <v>70</v>
      </c>
      <c r="W14108">
        <v>71</v>
      </c>
      <c r="X14108">
        <v>71</v>
      </c>
      <c r="Y14108">
        <v>72</v>
      </c>
      <c r="Z14108">
        <v>72</v>
      </c>
      <c r="AA14108">
        <v>73</v>
      </c>
      <c r="AB14108">
        <v>73</v>
      </c>
      <c r="AC14108">
        <v>74</v>
      </c>
      <c r="AD14108">
        <v>74</v>
      </c>
      <c r="AE14108">
        <v>74</v>
      </c>
      <c r="AF14108">
        <v>74</v>
      </c>
      <c r="AG14108">
        <v>73</v>
      </c>
      <c r="AH14108">
        <v>73</v>
      </c>
      <c r="AI14108">
        <v>72</v>
      </c>
      <c r="AJ14108">
        <v>72</v>
      </c>
      <c r="AK14108">
        <v>72</v>
      </c>
      <c r="AL14108">
        <v>71</v>
      </c>
      <c r="AM14108">
        <v>71</v>
      </c>
      <c r="AN14108">
        <v>70</v>
      </c>
      <c r="AO14108">
        <v>70</v>
      </c>
      <c r="AP14108">
        <v>69</v>
      </c>
      <c r="AQ14108">
        <v>69</v>
      </c>
    </row>
    <row r="14109" spans="1:43">
      <c r="A14109" t="s">
        <v>8760</v>
      </c>
      <c r="B14109" t="s">
        <v>8761</v>
      </c>
      <c r="C14109" t="s">
        <v>8750</v>
      </c>
      <c r="D14109" t="s">
        <v>8751</v>
      </c>
      <c r="E14109" t="s">
        <v>8652</v>
      </c>
      <c r="F14109" t="s">
        <v>8653</v>
      </c>
      <c r="G14109" t="s">
        <v>80</v>
      </c>
      <c r="H14109" t="s">
        <v>81</v>
      </c>
      <c r="I14109" s="2">
        <v>0</v>
      </c>
      <c r="J14109" s="2">
        <v>0</v>
      </c>
      <c r="K14109" s="2">
        <v>1</v>
      </c>
      <c r="L14109" t="s">
        <v>995</v>
      </c>
      <c r="M14109" t="s">
        <v>83</v>
      </c>
      <c r="N14109" t="s">
        <v>91</v>
      </c>
      <c r="O14109" t="s">
        <v>85</v>
      </c>
      <c r="P14109" t="s">
        <v>86</v>
      </c>
      <c r="Q14109">
        <v>66</v>
      </c>
      <c r="R14109">
        <v>66</v>
      </c>
      <c r="S14109">
        <v>66</v>
      </c>
      <c r="T14109">
        <v>66</v>
      </c>
      <c r="U14109">
        <v>67</v>
      </c>
      <c r="V14109">
        <v>67</v>
      </c>
      <c r="W14109">
        <v>67</v>
      </c>
      <c r="X14109">
        <v>68</v>
      </c>
      <c r="Y14109">
        <v>68</v>
      </c>
      <c r="Z14109">
        <v>68</v>
      </c>
      <c r="AA14109">
        <v>69</v>
      </c>
      <c r="AB14109">
        <v>69</v>
      </c>
      <c r="AC14109">
        <v>69</v>
      </c>
      <c r="AD14109">
        <v>69</v>
      </c>
      <c r="AE14109">
        <v>69</v>
      </c>
      <c r="AF14109">
        <v>70</v>
      </c>
      <c r="AG14109">
        <v>70</v>
      </c>
      <c r="AH14109">
        <v>70</v>
      </c>
      <c r="AI14109">
        <v>70</v>
      </c>
      <c r="AJ14109">
        <v>70</v>
      </c>
      <c r="AK14109">
        <v>70</v>
      </c>
      <c r="AL14109">
        <v>70</v>
      </c>
      <c r="AM14109">
        <v>70</v>
      </c>
      <c r="AN14109">
        <v>69</v>
      </c>
      <c r="AO14109">
        <v>69</v>
      </c>
      <c r="AP14109">
        <v>68</v>
      </c>
      <c r="AQ14109">
        <v>68</v>
      </c>
    </row>
    <row r="14110" spans="1:43">
      <c r="A14110" t="s">
        <v>8762</v>
      </c>
      <c r="B14110" t="s">
        <v>8763</v>
      </c>
      <c r="C14110" t="s">
        <v>8750</v>
      </c>
      <c r="D14110" t="s">
        <v>8751</v>
      </c>
      <c r="E14110" t="s">
        <v>8652</v>
      </c>
      <c r="F14110" t="s">
        <v>8653</v>
      </c>
      <c r="G14110" t="s">
        <v>80</v>
      </c>
      <c r="H14110" t="s">
        <v>81</v>
      </c>
      <c r="I14110" s="2">
        <v>0</v>
      </c>
      <c r="J14110" s="2">
        <v>0</v>
      </c>
      <c r="K14110" s="2">
        <v>1</v>
      </c>
      <c r="L14110" t="s">
        <v>995</v>
      </c>
      <c r="M14110" t="s">
        <v>83</v>
      </c>
      <c r="N14110" t="s">
        <v>84</v>
      </c>
      <c r="O14110" t="s">
        <v>85</v>
      </c>
      <c r="P14110" t="s">
        <v>86</v>
      </c>
      <c r="Q14110">
        <v>33</v>
      </c>
      <c r="R14110">
        <v>34</v>
      </c>
      <c r="S14110">
        <v>34</v>
      </c>
      <c r="T14110">
        <v>34</v>
      </c>
      <c r="U14110">
        <v>34</v>
      </c>
      <c r="V14110">
        <v>34</v>
      </c>
      <c r="W14110">
        <v>34</v>
      </c>
      <c r="X14110">
        <v>34</v>
      </c>
      <c r="Y14110">
        <v>35</v>
      </c>
      <c r="Z14110">
        <v>35</v>
      </c>
      <c r="AA14110">
        <v>35</v>
      </c>
      <c r="AB14110">
        <v>35</v>
      </c>
      <c r="AC14110">
        <v>35</v>
      </c>
      <c r="AD14110">
        <v>35</v>
      </c>
      <c r="AE14110">
        <v>35</v>
      </c>
      <c r="AF14110">
        <v>35</v>
      </c>
      <c r="AG14110">
        <v>35</v>
      </c>
      <c r="AH14110">
        <v>36</v>
      </c>
      <c r="AI14110">
        <v>36</v>
      </c>
      <c r="AJ14110">
        <v>36</v>
      </c>
      <c r="AK14110">
        <v>36</v>
      </c>
      <c r="AL14110">
        <v>36</v>
      </c>
      <c r="AM14110">
        <v>35</v>
      </c>
      <c r="AN14110">
        <v>35</v>
      </c>
      <c r="AO14110">
        <v>35</v>
      </c>
      <c r="AP14110">
        <v>35</v>
      </c>
      <c r="AQ14110">
        <v>35</v>
      </c>
    </row>
    <row r="14111" spans="1:43">
      <c r="A14111" t="s">
        <v>8762</v>
      </c>
      <c r="B14111" t="s">
        <v>8763</v>
      </c>
      <c r="C14111" t="s">
        <v>8750</v>
      </c>
      <c r="D14111" t="s">
        <v>8751</v>
      </c>
      <c r="E14111" t="s">
        <v>8652</v>
      </c>
      <c r="F14111" t="s">
        <v>8653</v>
      </c>
      <c r="G14111" t="s">
        <v>80</v>
      </c>
      <c r="H14111" t="s">
        <v>81</v>
      </c>
      <c r="I14111" s="2">
        <v>0</v>
      </c>
      <c r="J14111" s="2">
        <v>0</v>
      </c>
      <c r="K14111" s="2">
        <v>1</v>
      </c>
      <c r="L14111" t="s">
        <v>995</v>
      </c>
      <c r="M14111" t="s">
        <v>87</v>
      </c>
      <c r="N14111" t="s">
        <v>88</v>
      </c>
      <c r="O14111" t="s">
        <v>85</v>
      </c>
      <c r="P14111" t="s">
        <v>86</v>
      </c>
      <c r="Q14111">
        <v>33</v>
      </c>
      <c r="R14111">
        <v>33</v>
      </c>
      <c r="S14111">
        <v>33</v>
      </c>
      <c r="T14111">
        <v>33</v>
      </c>
      <c r="U14111">
        <v>33</v>
      </c>
      <c r="V14111">
        <v>32</v>
      </c>
      <c r="W14111">
        <v>32</v>
      </c>
      <c r="X14111">
        <v>32</v>
      </c>
      <c r="Y14111">
        <v>32</v>
      </c>
      <c r="Z14111">
        <v>32</v>
      </c>
      <c r="AA14111">
        <v>32</v>
      </c>
      <c r="AB14111">
        <v>32</v>
      </c>
      <c r="AC14111">
        <v>32</v>
      </c>
      <c r="AD14111">
        <v>31</v>
      </c>
      <c r="AE14111">
        <v>31</v>
      </c>
      <c r="AF14111">
        <v>31</v>
      </c>
      <c r="AG14111">
        <v>31</v>
      </c>
      <c r="AH14111">
        <v>31</v>
      </c>
      <c r="AI14111">
        <v>31</v>
      </c>
      <c r="AJ14111">
        <v>31</v>
      </c>
      <c r="AK14111">
        <v>31</v>
      </c>
      <c r="AL14111">
        <v>31</v>
      </c>
      <c r="AM14111">
        <v>30</v>
      </c>
      <c r="AN14111">
        <v>30</v>
      </c>
      <c r="AO14111">
        <v>30</v>
      </c>
      <c r="AP14111">
        <v>30</v>
      </c>
      <c r="AQ14111">
        <v>30</v>
      </c>
    </row>
    <row r="14112" spans="1:43">
      <c r="A14112" t="s">
        <v>8762</v>
      </c>
      <c r="B14112" t="s">
        <v>8763</v>
      </c>
      <c r="C14112" t="s">
        <v>8750</v>
      </c>
      <c r="D14112" t="s">
        <v>8751</v>
      </c>
      <c r="E14112" t="s">
        <v>8652</v>
      </c>
      <c r="F14112" t="s">
        <v>8653</v>
      </c>
      <c r="G14112" t="s">
        <v>80</v>
      </c>
      <c r="H14112" t="s">
        <v>81</v>
      </c>
      <c r="I14112" s="2">
        <v>0</v>
      </c>
      <c r="J14112" s="2">
        <v>0</v>
      </c>
      <c r="K14112" s="2">
        <v>1</v>
      </c>
      <c r="L14112" t="s">
        <v>995</v>
      </c>
      <c r="M14112" t="s">
        <v>89</v>
      </c>
      <c r="N14112" t="s">
        <v>90</v>
      </c>
      <c r="O14112" t="s">
        <v>85</v>
      </c>
      <c r="P14112" t="s">
        <v>86</v>
      </c>
      <c r="Q14112">
        <v>33</v>
      </c>
      <c r="R14112">
        <v>33</v>
      </c>
      <c r="S14112">
        <v>34</v>
      </c>
      <c r="T14112">
        <v>34</v>
      </c>
      <c r="U14112">
        <v>34</v>
      </c>
      <c r="V14112">
        <v>35</v>
      </c>
      <c r="W14112">
        <v>35</v>
      </c>
      <c r="X14112">
        <v>35</v>
      </c>
      <c r="Y14112">
        <v>36</v>
      </c>
      <c r="Z14112">
        <v>36</v>
      </c>
      <c r="AA14112">
        <v>36</v>
      </c>
      <c r="AB14112">
        <v>36</v>
      </c>
      <c r="AC14112">
        <v>37</v>
      </c>
      <c r="AD14112">
        <v>37</v>
      </c>
      <c r="AE14112">
        <v>37</v>
      </c>
      <c r="AF14112">
        <v>37</v>
      </c>
      <c r="AG14112">
        <v>36</v>
      </c>
      <c r="AH14112">
        <v>36</v>
      </c>
      <c r="AI14112">
        <v>36</v>
      </c>
      <c r="AJ14112">
        <v>36</v>
      </c>
      <c r="AK14112">
        <v>35</v>
      </c>
      <c r="AL14112">
        <v>35</v>
      </c>
      <c r="AM14112">
        <v>35</v>
      </c>
      <c r="AN14112">
        <v>35</v>
      </c>
      <c r="AO14112">
        <v>34</v>
      </c>
      <c r="AP14112">
        <v>34</v>
      </c>
      <c r="AQ14112">
        <v>34</v>
      </c>
    </row>
    <row r="14113" spans="1:43">
      <c r="A14113" t="s">
        <v>8762</v>
      </c>
      <c r="B14113" t="s">
        <v>8763</v>
      </c>
      <c r="C14113" t="s">
        <v>8750</v>
      </c>
      <c r="D14113" t="s">
        <v>8751</v>
      </c>
      <c r="E14113" t="s">
        <v>8652</v>
      </c>
      <c r="F14113" t="s">
        <v>8653</v>
      </c>
      <c r="G14113" t="s">
        <v>80</v>
      </c>
      <c r="H14113" t="s">
        <v>81</v>
      </c>
      <c r="I14113" s="2">
        <v>0</v>
      </c>
      <c r="J14113" s="2">
        <v>0</v>
      </c>
      <c r="K14113" s="2">
        <v>1</v>
      </c>
      <c r="L14113" t="s">
        <v>995</v>
      </c>
      <c r="M14113" t="s">
        <v>83</v>
      </c>
      <c r="N14113" t="s">
        <v>91</v>
      </c>
      <c r="O14113" t="s">
        <v>85</v>
      </c>
      <c r="P14113" t="s">
        <v>86</v>
      </c>
      <c r="Q14113">
        <v>33</v>
      </c>
      <c r="R14113">
        <v>34</v>
      </c>
      <c r="S14113">
        <v>34</v>
      </c>
      <c r="T14113">
        <v>34</v>
      </c>
      <c r="U14113">
        <v>34</v>
      </c>
      <c r="V14113">
        <v>34</v>
      </c>
      <c r="W14113">
        <v>34</v>
      </c>
      <c r="X14113">
        <v>34</v>
      </c>
      <c r="Y14113">
        <v>35</v>
      </c>
      <c r="Z14113">
        <v>35</v>
      </c>
      <c r="AA14113">
        <v>35</v>
      </c>
      <c r="AB14113">
        <v>35</v>
      </c>
      <c r="AC14113">
        <v>35</v>
      </c>
      <c r="AD14113">
        <v>35</v>
      </c>
      <c r="AE14113">
        <v>35</v>
      </c>
      <c r="AF14113">
        <v>35</v>
      </c>
      <c r="AG14113">
        <v>35</v>
      </c>
      <c r="AH14113">
        <v>36</v>
      </c>
      <c r="AI14113">
        <v>36</v>
      </c>
      <c r="AJ14113">
        <v>36</v>
      </c>
      <c r="AK14113">
        <v>36</v>
      </c>
      <c r="AL14113">
        <v>36</v>
      </c>
      <c r="AM14113">
        <v>35</v>
      </c>
      <c r="AN14113">
        <v>35</v>
      </c>
      <c r="AO14113">
        <v>35</v>
      </c>
      <c r="AP14113">
        <v>35</v>
      </c>
      <c r="AQ14113">
        <v>35</v>
      </c>
    </row>
    <row r="14114" spans="1:43">
      <c r="A14114" t="s">
        <v>8764</v>
      </c>
      <c r="B14114" t="s">
        <v>8765</v>
      </c>
      <c r="C14114" t="s">
        <v>8740</v>
      </c>
      <c r="D14114" t="s">
        <v>8741</v>
      </c>
      <c r="E14114" t="s">
        <v>8652</v>
      </c>
      <c r="F14114" t="s">
        <v>8653</v>
      </c>
      <c r="G14114" t="s">
        <v>80</v>
      </c>
      <c r="H14114" t="s">
        <v>81</v>
      </c>
      <c r="I14114" s="2">
        <v>0</v>
      </c>
      <c r="J14114" s="2">
        <v>0</v>
      </c>
      <c r="K14114" s="2">
        <v>1</v>
      </c>
      <c r="L14114" t="s">
        <v>995</v>
      </c>
      <c r="M14114" t="s">
        <v>83</v>
      </c>
      <c r="N14114" t="s">
        <v>84</v>
      </c>
      <c r="O14114" t="s">
        <v>85</v>
      </c>
      <c r="P14114" t="s">
        <v>86</v>
      </c>
      <c r="Q14114">
        <v>21</v>
      </c>
      <c r="R14114">
        <v>21</v>
      </c>
      <c r="S14114">
        <v>21</v>
      </c>
      <c r="T14114">
        <v>22</v>
      </c>
      <c r="U14114">
        <v>22</v>
      </c>
      <c r="V14114">
        <v>22</v>
      </c>
      <c r="W14114">
        <v>22</v>
      </c>
      <c r="X14114">
        <v>22</v>
      </c>
      <c r="Y14114">
        <v>22</v>
      </c>
      <c r="Z14114">
        <v>22</v>
      </c>
      <c r="AA14114">
        <v>22</v>
      </c>
      <c r="AB14114">
        <v>22</v>
      </c>
      <c r="AC14114">
        <v>22</v>
      </c>
      <c r="AD14114">
        <v>22</v>
      </c>
      <c r="AE14114">
        <v>22</v>
      </c>
      <c r="AF14114">
        <v>23</v>
      </c>
      <c r="AG14114">
        <v>23</v>
      </c>
      <c r="AH14114">
        <v>23</v>
      </c>
      <c r="AI14114">
        <v>23</v>
      </c>
      <c r="AJ14114">
        <v>23</v>
      </c>
      <c r="AK14114">
        <v>23</v>
      </c>
      <c r="AL14114">
        <v>23</v>
      </c>
      <c r="AM14114">
        <v>23</v>
      </c>
      <c r="AN14114">
        <v>22</v>
      </c>
      <c r="AO14114">
        <v>22</v>
      </c>
      <c r="AP14114">
        <v>22</v>
      </c>
      <c r="AQ14114">
        <v>22</v>
      </c>
    </row>
    <row r="14115" spans="1:43">
      <c r="A14115" t="s">
        <v>8764</v>
      </c>
      <c r="B14115" t="s">
        <v>8765</v>
      </c>
      <c r="C14115" t="s">
        <v>8740</v>
      </c>
      <c r="D14115" t="s">
        <v>8741</v>
      </c>
      <c r="E14115" t="s">
        <v>8652</v>
      </c>
      <c r="F14115" t="s">
        <v>8653</v>
      </c>
      <c r="G14115" t="s">
        <v>80</v>
      </c>
      <c r="H14115" t="s">
        <v>81</v>
      </c>
      <c r="I14115" s="2">
        <v>0</v>
      </c>
      <c r="J14115" s="2">
        <v>0</v>
      </c>
      <c r="K14115" s="2">
        <v>1</v>
      </c>
      <c r="L14115" t="s">
        <v>995</v>
      </c>
      <c r="M14115" t="s">
        <v>87</v>
      </c>
      <c r="N14115" t="s">
        <v>88</v>
      </c>
      <c r="O14115" t="s">
        <v>85</v>
      </c>
      <c r="P14115" t="s">
        <v>86</v>
      </c>
      <c r="Q14115">
        <v>21</v>
      </c>
      <c r="R14115">
        <v>21</v>
      </c>
      <c r="S14115">
        <v>21</v>
      </c>
      <c r="T14115">
        <v>21</v>
      </c>
      <c r="U14115">
        <v>21</v>
      </c>
      <c r="V14115">
        <v>21</v>
      </c>
      <c r="W14115">
        <v>21</v>
      </c>
      <c r="X14115">
        <v>20</v>
      </c>
      <c r="Y14115">
        <v>20</v>
      </c>
      <c r="Z14115">
        <v>20</v>
      </c>
      <c r="AA14115">
        <v>20</v>
      </c>
      <c r="AB14115">
        <v>20</v>
      </c>
      <c r="AC14115">
        <v>20</v>
      </c>
      <c r="AD14115">
        <v>20</v>
      </c>
      <c r="AE14115">
        <v>20</v>
      </c>
      <c r="AF14115">
        <v>20</v>
      </c>
      <c r="AG14115">
        <v>20</v>
      </c>
      <c r="AH14115">
        <v>20</v>
      </c>
      <c r="AI14115">
        <v>20</v>
      </c>
      <c r="AJ14115">
        <v>20</v>
      </c>
      <c r="AK14115">
        <v>20</v>
      </c>
      <c r="AL14115">
        <v>19</v>
      </c>
      <c r="AM14115">
        <v>19</v>
      </c>
      <c r="AN14115">
        <v>19</v>
      </c>
      <c r="AO14115">
        <v>19</v>
      </c>
      <c r="AP14115">
        <v>19</v>
      </c>
      <c r="AQ14115">
        <v>19</v>
      </c>
    </row>
    <row r="14116" spans="1:43">
      <c r="A14116" t="s">
        <v>8764</v>
      </c>
      <c r="B14116" t="s">
        <v>8765</v>
      </c>
      <c r="C14116" t="s">
        <v>8740</v>
      </c>
      <c r="D14116" t="s">
        <v>8741</v>
      </c>
      <c r="E14116" t="s">
        <v>8652</v>
      </c>
      <c r="F14116" t="s">
        <v>8653</v>
      </c>
      <c r="G14116" t="s">
        <v>80</v>
      </c>
      <c r="H14116" t="s">
        <v>81</v>
      </c>
      <c r="I14116" s="2">
        <v>0</v>
      </c>
      <c r="J14116" s="2">
        <v>0</v>
      </c>
      <c r="K14116" s="2">
        <v>1</v>
      </c>
      <c r="L14116" t="s">
        <v>995</v>
      </c>
      <c r="M14116" t="s">
        <v>89</v>
      </c>
      <c r="N14116" t="s">
        <v>90</v>
      </c>
      <c r="O14116" t="s">
        <v>85</v>
      </c>
      <c r="P14116" t="s">
        <v>86</v>
      </c>
      <c r="Q14116">
        <v>21</v>
      </c>
      <c r="R14116">
        <v>22</v>
      </c>
      <c r="S14116">
        <v>22</v>
      </c>
      <c r="T14116">
        <v>22</v>
      </c>
      <c r="U14116">
        <v>23</v>
      </c>
      <c r="V14116">
        <v>23</v>
      </c>
      <c r="W14116">
        <v>23</v>
      </c>
      <c r="X14116">
        <v>23</v>
      </c>
      <c r="Y14116">
        <v>23</v>
      </c>
      <c r="Z14116">
        <v>23</v>
      </c>
      <c r="AA14116">
        <v>24</v>
      </c>
      <c r="AB14116">
        <v>24</v>
      </c>
      <c r="AC14116">
        <v>24</v>
      </c>
      <c r="AD14116">
        <v>24</v>
      </c>
      <c r="AE14116">
        <v>24</v>
      </c>
      <c r="AF14116">
        <v>24</v>
      </c>
      <c r="AG14116">
        <v>24</v>
      </c>
      <c r="AH14116">
        <v>24</v>
      </c>
      <c r="AI14116">
        <v>23</v>
      </c>
      <c r="AJ14116">
        <v>23</v>
      </c>
      <c r="AK14116">
        <v>23</v>
      </c>
      <c r="AL14116">
        <v>23</v>
      </c>
      <c r="AM14116">
        <v>23</v>
      </c>
      <c r="AN14116">
        <v>23</v>
      </c>
      <c r="AO14116">
        <v>23</v>
      </c>
      <c r="AP14116">
        <v>23</v>
      </c>
      <c r="AQ14116">
        <v>22</v>
      </c>
    </row>
    <row r="14117" spans="1:43">
      <c r="A14117" t="s">
        <v>8764</v>
      </c>
      <c r="B14117" t="s">
        <v>8765</v>
      </c>
      <c r="C14117" t="s">
        <v>8740</v>
      </c>
      <c r="D14117" t="s">
        <v>8741</v>
      </c>
      <c r="E14117" t="s">
        <v>8652</v>
      </c>
      <c r="F14117" t="s">
        <v>8653</v>
      </c>
      <c r="G14117" t="s">
        <v>80</v>
      </c>
      <c r="H14117" t="s">
        <v>81</v>
      </c>
      <c r="I14117" s="2">
        <v>0</v>
      </c>
      <c r="J14117" s="2">
        <v>0</v>
      </c>
      <c r="K14117" s="2">
        <v>1</v>
      </c>
      <c r="L14117" t="s">
        <v>995</v>
      </c>
      <c r="M14117" t="s">
        <v>83</v>
      </c>
      <c r="N14117" t="s">
        <v>91</v>
      </c>
      <c r="O14117" t="s">
        <v>85</v>
      </c>
      <c r="P14117" t="s">
        <v>86</v>
      </c>
      <c r="Q14117">
        <v>21</v>
      </c>
      <c r="R14117">
        <v>21</v>
      </c>
      <c r="S14117">
        <v>21</v>
      </c>
      <c r="T14117">
        <v>22</v>
      </c>
      <c r="U14117">
        <v>22</v>
      </c>
      <c r="V14117">
        <v>22</v>
      </c>
      <c r="W14117">
        <v>22</v>
      </c>
      <c r="X14117">
        <v>22</v>
      </c>
      <c r="Y14117">
        <v>22</v>
      </c>
      <c r="Z14117">
        <v>22</v>
      </c>
      <c r="AA14117">
        <v>22</v>
      </c>
      <c r="AB14117">
        <v>22</v>
      </c>
      <c r="AC14117">
        <v>22</v>
      </c>
      <c r="AD14117">
        <v>22</v>
      </c>
      <c r="AE14117">
        <v>22</v>
      </c>
      <c r="AF14117">
        <v>23</v>
      </c>
      <c r="AG14117">
        <v>23</v>
      </c>
      <c r="AH14117">
        <v>23</v>
      </c>
      <c r="AI14117">
        <v>23</v>
      </c>
      <c r="AJ14117">
        <v>23</v>
      </c>
      <c r="AK14117">
        <v>23</v>
      </c>
      <c r="AL14117">
        <v>23</v>
      </c>
      <c r="AM14117">
        <v>23</v>
      </c>
      <c r="AN14117">
        <v>22</v>
      </c>
      <c r="AO14117">
        <v>22</v>
      </c>
      <c r="AP14117">
        <v>22</v>
      </c>
      <c r="AQ14117">
        <v>22</v>
      </c>
    </row>
    <row r="14118" spans="1:43">
      <c r="A14118" t="s">
        <v>8766</v>
      </c>
      <c r="B14118" t="s">
        <v>8767</v>
      </c>
      <c r="C14118" t="s">
        <v>8758</v>
      </c>
      <c r="D14118" t="s">
        <v>8759</v>
      </c>
      <c r="E14118" t="s">
        <v>8652</v>
      </c>
      <c r="F14118" t="s">
        <v>8653</v>
      </c>
      <c r="G14118" t="s">
        <v>80</v>
      </c>
      <c r="H14118" t="s">
        <v>81</v>
      </c>
      <c r="I14118" s="2">
        <v>0</v>
      </c>
      <c r="J14118" s="2">
        <v>0</v>
      </c>
      <c r="K14118" s="2">
        <v>1</v>
      </c>
      <c r="L14118" t="s">
        <v>995</v>
      </c>
      <c r="M14118" t="s">
        <v>83</v>
      </c>
      <c r="N14118" t="s">
        <v>84</v>
      </c>
      <c r="O14118" t="s">
        <v>85</v>
      </c>
      <c r="P14118" t="s">
        <v>86</v>
      </c>
      <c r="Q14118">
        <v>83</v>
      </c>
      <c r="R14118">
        <v>83</v>
      </c>
      <c r="S14118">
        <v>84</v>
      </c>
      <c r="T14118">
        <v>84</v>
      </c>
      <c r="U14118">
        <v>84</v>
      </c>
      <c r="V14118">
        <v>85</v>
      </c>
      <c r="W14118">
        <v>85</v>
      </c>
      <c r="X14118">
        <v>85</v>
      </c>
      <c r="Y14118">
        <v>85</v>
      </c>
      <c r="Z14118">
        <v>86</v>
      </c>
      <c r="AA14118">
        <v>86</v>
      </c>
      <c r="AB14118">
        <v>86</v>
      </c>
      <c r="AC14118">
        <v>86</v>
      </c>
      <c r="AD14118">
        <v>86</v>
      </c>
      <c r="AE14118">
        <v>86</v>
      </c>
      <c r="AF14118">
        <v>87</v>
      </c>
      <c r="AG14118">
        <v>87</v>
      </c>
      <c r="AH14118">
        <v>87</v>
      </c>
      <c r="AI14118">
        <v>87</v>
      </c>
      <c r="AJ14118">
        <v>87</v>
      </c>
      <c r="AK14118">
        <v>87</v>
      </c>
      <c r="AL14118">
        <v>87</v>
      </c>
      <c r="AM14118">
        <v>86</v>
      </c>
      <c r="AN14118">
        <v>85</v>
      </c>
      <c r="AO14118">
        <v>84</v>
      </c>
      <c r="AP14118">
        <v>84</v>
      </c>
      <c r="AQ14118">
        <v>83</v>
      </c>
    </row>
    <row r="14119" spans="1:43">
      <c r="A14119" t="s">
        <v>8766</v>
      </c>
      <c r="B14119" t="s">
        <v>8767</v>
      </c>
      <c r="C14119" t="s">
        <v>8758</v>
      </c>
      <c r="D14119" t="s">
        <v>8759</v>
      </c>
      <c r="E14119" t="s">
        <v>8652</v>
      </c>
      <c r="F14119" t="s">
        <v>8653</v>
      </c>
      <c r="G14119" t="s">
        <v>80</v>
      </c>
      <c r="H14119" t="s">
        <v>81</v>
      </c>
      <c r="I14119" s="2">
        <v>0</v>
      </c>
      <c r="J14119" s="2">
        <v>0</v>
      </c>
      <c r="K14119" s="2">
        <v>1</v>
      </c>
      <c r="L14119" t="s">
        <v>995</v>
      </c>
      <c r="M14119" t="s">
        <v>87</v>
      </c>
      <c r="N14119" t="s">
        <v>88</v>
      </c>
      <c r="O14119" t="s">
        <v>85</v>
      </c>
      <c r="P14119" t="s">
        <v>86</v>
      </c>
      <c r="Q14119">
        <v>83</v>
      </c>
      <c r="R14119">
        <v>83</v>
      </c>
      <c r="S14119">
        <v>82</v>
      </c>
      <c r="T14119">
        <v>82</v>
      </c>
      <c r="U14119">
        <v>82</v>
      </c>
      <c r="V14119">
        <v>81</v>
      </c>
      <c r="W14119">
        <v>81</v>
      </c>
      <c r="X14119">
        <v>80</v>
      </c>
      <c r="Y14119">
        <v>80</v>
      </c>
      <c r="Z14119">
        <v>79</v>
      </c>
      <c r="AA14119">
        <v>79</v>
      </c>
      <c r="AB14119">
        <v>79</v>
      </c>
      <c r="AC14119">
        <v>78</v>
      </c>
      <c r="AD14119">
        <v>78</v>
      </c>
      <c r="AE14119">
        <v>77</v>
      </c>
      <c r="AF14119">
        <v>77</v>
      </c>
      <c r="AG14119">
        <v>77</v>
      </c>
      <c r="AH14119">
        <v>76</v>
      </c>
      <c r="AI14119">
        <v>76</v>
      </c>
      <c r="AJ14119">
        <v>76</v>
      </c>
      <c r="AK14119">
        <v>75</v>
      </c>
      <c r="AL14119">
        <v>75</v>
      </c>
      <c r="AM14119">
        <v>74</v>
      </c>
      <c r="AN14119">
        <v>74</v>
      </c>
      <c r="AO14119">
        <v>74</v>
      </c>
      <c r="AP14119">
        <v>73</v>
      </c>
      <c r="AQ14119">
        <v>73</v>
      </c>
    </row>
    <row r="14120" spans="1:43">
      <c r="A14120" t="s">
        <v>8766</v>
      </c>
      <c r="B14120" t="s">
        <v>8767</v>
      </c>
      <c r="C14120" t="s">
        <v>8758</v>
      </c>
      <c r="D14120" t="s">
        <v>8759</v>
      </c>
      <c r="E14120" t="s">
        <v>8652</v>
      </c>
      <c r="F14120" t="s">
        <v>8653</v>
      </c>
      <c r="G14120" t="s">
        <v>80</v>
      </c>
      <c r="H14120" t="s">
        <v>81</v>
      </c>
      <c r="I14120" s="2">
        <v>0</v>
      </c>
      <c r="J14120" s="2">
        <v>0</v>
      </c>
      <c r="K14120" s="2">
        <v>1</v>
      </c>
      <c r="L14120" t="s">
        <v>995</v>
      </c>
      <c r="M14120" t="s">
        <v>89</v>
      </c>
      <c r="N14120" t="s">
        <v>90</v>
      </c>
      <c r="O14120" t="s">
        <v>85</v>
      </c>
      <c r="P14120" t="s">
        <v>86</v>
      </c>
      <c r="Q14120">
        <v>83</v>
      </c>
      <c r="R14120">
        <v>84</v>
      </c>
      <c r="S14120">
        <v>85</v>
      </c>
      <c r="T14120">
        <v>86</v>
      </c>
      <c r="U14120">
        <v>87</v>
      </c>
      <c r="V14120">
        <v>87</v>
      </c>
      <c r="W14120">
        <v>88</v>
      </c>
      <c r="X14120">
        <v>89</v>
      </c>
      <c r="Y14120">
        <v>89</v>
      </c>
      <c r="Z14120">
        <v>90</v>
      </c>
      <c r="AA14120">
        <v>90</v>
      </c>
      <c r="AB14120">
        <v>91</v>
      </c>
      <c r="AC14120">
        <v>91</v>
      </c>
      <c r="AD14120">
        <v>92</v>
      </c>
      <c r="AE14120">
        <v>92</v>
      </c>
      <c r="AF14120">
        <v>91</v>
      </c>
      <c r="AG14120">
        <v>90</v>
      </c>
      <c r="AH14120">
        <v>89</v>
      </c>
      <c r="AI14120">
        <v>89</v>
      </c>
      <c r="AJ14120">
        <v>88</v>
      </c>
      <c r="AK14120">
        <v>87</v>
      </c>
      <c r="AL14120">
        <v>86</v>
      </c>
      <c r="AM14120">
        <v>86</v>
      </c>
      <c r="AN14120">
        <v>85</v>
      </c>
      <c r="AO14120">
        <v>84</v>
      </c>
      <c r="AP14120">
        <v>84</v>
      </c>
      <c r="AQ14120">
        <v>83</v>
      </c>
    </row>
    <row r="14121" spans="1:43">
      <c r="A14121" t="s">
        <v>8766</v>
      </c>
      <c r="B14121" t="s">
        <v>8767</v>
      </c>
      <c r="C14121" t="s">
        <v>8758</v>
      </c>
      <c r="D14121" t="s">
        <v>8759</v>
      </c>
      <c r="E14121" t="s">
        <v>8652</v>
      </c>
      <c r="F14121" t="s">
        <v>8653</v>
      </c>
      <c r="G14121" t="s">
        <v>80</v>
      </c>
      <c r="H14121" t="s">
        <v>81</v>
      </c>
      <c r="I14121" s="2">
        <v>0</v>
      </c>
      <c r="J14121" s="2">
        <v>0</v>
      </c>
      <c r="K14121" s="2">
        <v>1</v>
      </c>
      <c r="L14121" t="s">
        <v>995</v>
      </c>
      <c r="M14121" t="s">
        <v>83</v>
      </c>
      <c r="N14121" t="s">
        <v>91</v>
      </c>
      <c r="O14121" t="s">
        <v>85</v>
      </c>
      <c r="P14121" t="s">
        <v>86</v>
      </c>
      <c r="Q14121">
        <v>83</v>
      </c>
      <c r="R14121">
        <v>83</v>
      </c>
      <c r="S14121">
        <v>84</v>
      </c>
      <c r="T14121">
        <v>84</v>
      </c>
      <c r="U14121">
        <v>84</v>
      </c>
      <c r="V14121">
        <v>85</v>
      </c>
      <c r="W14121">
        <v>85</v>
      </c>
      <c r="X14121">
        <v>85</v>
      </c>
      <c r="Y14121">
        <v>85</v>
      </c>
      <c r="Z14121">
        <v>86</v>
      </c>
      <c r="AA14121">
        <v>86</v>
      </c>
      <c r="AB14121">
        <v>86</v>
      </c>
      <c r="AC14121">
        <v>86</v>
      </c>
      <c r="AD14121">
        <v>86</v>
      </c>
      <c r="AE14121">
        <v>86</v>
      </c>
      <c r="AF14121">
        <v>87</v>
      </c>
      <c r="AG14121">
        <v>87</v>
      </c>
      <c r="AH14121">
        <v>87</v>
      </c>
      <c r="AI14121">
        <v>87</v>
      </c>
      <c r="AJ14121">
        <v>87</v>
      </c>
      <c r="AK14121">
        <v>87</v>
      </c>
      <c r="AL14121">
        <v>87</v>
      </c>
      <c r="AM14121">
        <v>86</v>
      </c>
      <c r="AN14121">
        <v>85</v>
      </c>
      <c r="AO14121">
        <v>84</v>
      </c>
      <c r="AP14121">
        <v>84</v>
      </c>
      <c r="AQ14121">
        <v>83</v>
      </c>
    </row>
    <row r="14122" spans="1:43">
      <c r="A14122" t="s">
        <v>8768</v>
      </c>
      <c r="B14122" t="s">
        <v>8769</v>
      </c>
      <c r="C14122" t="s">
        <v>8754</v>
      </c>
      <c r="D14122" t="s">
        <v>8755</v>
      </c>
      <c r="E14122" t="s">
        <v>8652</v>
      </c>
      <c r="F14122" t="s">
        <v>8653</v>
      </c>
      <c r="G14122" t="s">
        <v>80</v>
      </c>
      <c r="H14122" t="s">
        <v>81</v>
      </c>
      <c r="I14122" s="2">
        <v>0</v>
      </c>
      <c r="J14122" s="2">
        <v>0</v>
      </c>
      <c r="K14122" s="2">
        <v>1</v>
      </c>
      <c r="L14122" t="s">
        <v>995</v>
      </c>
      <c r="M14122" t="s">
        <v>83</v>
      </c>
      <c r="N14122" t="s">
        <v>84</v>
      </c>
      <c r="O14122" t="s">
        <v>85</v>
      </c>
      <c r="P14122" t="s">
        <v>86</v>
      </c>
      <c r="Q14122">
        <v>8</v>
      </c>
      <c r="R14122">
        <v>8</v>
      </c>
      <c r="S14122">
        <v>8</v>
      </c>
      <c r="T14122">
        <v>8</v>
      </c>
      <c r="U14122">
        <v>8</v>
      </c>
      <c r="V14122">
        <v>8</v>
      </c>
      <c r="W14122">
        <v>8</v>
      </c>
      <c r="X14122">
        <v>8</v>
      </c>
      <c r="Y14122">
        <v>8</v>
      </c>
      <c r="Z14122">
        <v>8</v>
      </c>
      <c r="AA14122">
        <v>8</v>
      </c>
      <c r="AB14122">
        <v>8</v>
      </c>
      <c r="AC14122">
        <v>8</v>
      </c>
      <c r="AD14122">
        <v>8</v>
      </c>
      <c r="AE14122">
        <v>8</v>
      </c>
      <c r="AF14122">
        <v>8</v>
      </c>
      <c r="AG14122">
        <v>8</v>
      </c>
      <c r="AH14122">
        <v>9</v>
      </c>
      <c r="AI14122">
        <v>9</v>
      </c>
      <c r="AJ14122">
        <v>9</v>
      </c>
      <c r="AK14122">
        <v>9</v>
      </c>
      <c r="AL14122">
        <v>8</v>
      </c>
      <c r="AM14122">
        <v>8</v>
      </c>
      <c r="AN14122">
        <v>8</v>
      </c>
      <c r="AO14122">
        <v>8</v>
      </c>
      <c r="AP14122">
        <v>8</v>
      </c>
      <c r="AQ14122">
        <v>8</v>
      </c>
    </row>
    <row r="14123" spans="1:43">
      <c r="A14123" t="s">
        <v>8768</v>
      </c>
      <c r="B14123" t="s">
        <v>8769</v>
      </c>
      <c r="C14123" t="s">
        <v>8754</v>
      </c>
      <c r="D14123" t="s">
        <v>8755</v>
      </c>
      <c r="E14123" t="s">
        <v>8652</v>
      </c>
      <c r="F14123" t="s">
        <v>8653</v>
      </c>
      <c r="G14123" t="s">
        <v>80</v>
      </c>
      <c r="H14123" t="s">
        <v>81</v>
      </c>
      <c r="I14123" s="2">
        <v>0</v>
      </c>
      <c r="J14123" s="2">
        <v>0</v>
      </c>
      <c r="K14123" s="2">
        <v>1</v>
      </c>
      <c r="L14123" t="s">
        <v>995</v>
      </c>
      <c r="M14123" t="s">
        <v>87</v>
      </c>
      <c r="N14123" t="s">
        <v>88</v>
      </c>
      <c r="O14123" t="s">
        <v>85</v>
      </c>
      <c r="P14123" t="s">
        <v>86</v>
      </c>
      <c r="Q14123">
        <v>8</v>
      </c>
      <c r="R14123">
        <v>8</v>
      </c>
      <c r="S14123">
        <v>8</v>
      </c>
      <c r="T14123">
        <v>8</v>
      </c>
      <c r="U14123">
        <v>8</v>
      </c>
      <c r="V14123">
        <v>8</v>
      </c>
      <c r="W14123">
        <v>8</v>
      </c>
      <c r="X14123">
        <v>8</v>
      </c>
      <c r="Y14123">
        <v>8</v>
      </c>
      <c r="Z14123">
        <v>8</v>
      </c>
      <c r="AA14123">
        <v>8</v>
      </c>
      <c r="AB14123">
        <v>8</v>
      </c>
      <c r="AC14123">
        <v>8</v>
      </c>
      <c r="AD14123">
        <v>8</v>
      </c>
      <c r="AE14123">
        <v>7</v>
      </c>
      <c r="AF14123">
        <v>7</v>
      </c>
      <c r="AG14123">
        <v>7</v>
      </c>
      <c r="AH14123">
        <v>7</v>
      </c>
      <c r="AI14123">
        <v>7</v>
      </c>
      <c r="AJ14123">
        <v>7</v>
      </c>
      <c r="AK14123">
        <v>7</v>
      </c>
      <c r="AL14123">
        <v>7</v>
      </c>
      <c r="AM14123">
        <v>7</v>
      </c>
      <c r="AN14123">
        <v>7</v>
      </c>
      <c r="AO14123">
        <v>7</v>
      </c>
      <c r="AP14123">
        <v>7</v>
      </c>
      <c r="AQ14123">
        <v>7</v>
      </c>
    </row>
    <row r="14124" spans="1:43">
      <c r="A14124" t="s">
        <v>8768</v>
      </c>
      <c r="B14124" t="s">
        <v>8769</v>
      </c>
      <c r="C14124" t="s">
        <v>8754</v>
      </c>
      <c r="D14124" t="s">
        <v>8755</v>
      </c>
      <c r="E14124" t="s">
        <v>8652</v>
      </c>
      <c r="F14124" t="s">
        <v>8653</v>
      </c>
      <c r="G14124" t="s">
        <v>80</v>
      </c>
      <c r="H14124" t="s">
        <v>81</v>
      </c>
      <c r="I14124" s="2">
        <v>0</v>
      </c>
      <c r="J14124" s="2">
        <v>0</v>
      </c>
      <c r="K14124" s="2">
        <v>1</v>
      </c>
      <c r="L14124" t="s">
        <v>995</v>
      </c>
      <c r="M14124" t="s">
        <v>89</v>
      </c>
      <c r="N14124" t="s">
        <v>90</v>
      </c>
      <c r="O14124" t="s">
        <v>85</v>
      </c>
      <c r="P14124" t="s">
        <v>86</v>
      </c>
      <c r="Q14124">
        <v>8</v>
      </c>
      <c r="R14124">
        <v>8</v>
      </c>
      <c r="S14124">
        <v>8</v>
      </c>
      <c r="T14124">
        <v>9</v>
      </c>
      <c r="U14124">
        <v>9</v>
      </c>
      <c r="V14124">
        <v>9</v>
      </c>
      <c r="W14124">
        <v>9</v>
      </c>
      <c r="X14124">
        <v>9</v>
      </c>
      <c r="Y14124">
        <v>9</v>
      </c>
      <c r="Z14124">
        <v>9</v>
      </c>
      <c r="AA14124">
        <v>9</v>
      </c>
      <c r="AB14124">
        <v>9</v>
      </c>
      <c r="AC14124">
        <v>9</v>
      </c>
      <c r="AD14124">
        <v>9</v>
      </c>
      <c r="AE14124">
        <v>9</v>
      </c>
      <c r="AF14124">
        <v>9</v>
      </c>
      <c r="AG14124">
        <v>9</v>
      </c>
      <c r="AH14124">
        <v>9</v>
      </c>
      <c r="AI14124">
        <v>9</v>
      </c>
      <c r="AJ14124">
        <v>9</v>
      </c>
      <c r="AK14124">
        <v>9</v>
      </c>
      <c r="AL14124">
        <v>9</v>
      </c>
      <c r="AM14124">
        <v>9</v>
      </c>
      <c r="AN14124">
        <v>8</v>
      </c>
      <c r="AO14124">
        <v>8</v>
      </c>
      <c r="AP14124">
        <v>8</v>
      </c>
      <c r="AQ14124">
        <v>8</v>
      </c>
    </row>
    <row r="14125" spans="1:43">
      <c r="A14125" t="s">
        <v>8768</v>
      </c>
      <c r="B14125" t="s">
        <v>8769</v>
      </c>
      <c r="C14125" t="s">
        <v>8754</v>
      </c>
      <c r="D14125" t="s">
        <v>8755</v>
      </c>
      <c r="E14125" t="s">
        <v>8652</v>
      </c>
      <c r="F14125" t="s">
        <v>8653</v>
      </c>
      <c r="G14125" t="s">
        <v>80</v>
      </c>
      <c r="H14125" t="s">
        <v>81</v>
      </c>
      <c r="I14125" s="2">
        <v>0</v>
      </c>
      <c r="J14125" s="2">
        <v>0</v>
      </c>
      <c r="K14125" s="2">
        <v>1</v>
      </c>
      <c r="L14125" t="s">
        <v>995</v>
      </c>
      <c r="M14125" t="s">
        <v>83</v>
      </c>
      <c r="N14125" t="s">
        <v>91</v>
      </c>
      <c r="O14125" t="s">
        <v>85</v>
      </c>
      <c r="P14125" t="s">
        <v>86</v>
      </c>
      <c r="Q14125">
        <v>8</v>
      </c>
      <c r="R14125">
        <v>8</v>
      </c>
      <c r="S14125">
        <v>8</v>
      </c>
      <c r="T14125">
        <v>8</v>
      </c>
      <c r="U14125">
        <v>8</v>
      </c>
      <c r="V14125">
        <v>8</v>
      </c>
      <c r="W14125">
        <v>8</v>
      </c>
      <c r="X14125">
        <v>8</v>
      </c>
      <c r="Y14125">
        <v>8</v>
      </c>
      <c r="Z14125">
        <v>8</v>
      </c>
      <c r="AA14125">
        <v>8</v>
      </c>
      <c r="AB14125">
        <v>8</v>
      </c>
      <c r="AC14125">
        <v>8</v>
      </c>
      <c r="AD14125">
        <v>8</v>
      </c>
      <c r="AE14125">
        <v>8</v>
      </c>
      <c r="AF14125">
        <v>8</v>
      </c>
      <c r="AG14125">
        <v>8</v>
      </c>
      <c r="AH14125">
        <v>9</v>
      </c>
      <c r="AI14125">
        <v>9</v>
      </c>
      <c r="AJ14125">
        <v>9</v>
      </c>
      <c r="AK14125">
        <v>9</v>
      </c>
      <c r="AL14125">
        <v>8</v>
      </c>
      <c r="AM14125">
        <v>8</v>
      </c>
      <c r="AN14125">
        <v>8</v>
      </c>
      <c r="AO14125">
        <v>8</v>
      </c>
      <c r="AP14125">
        <v>8</v>
      </c>
      <c r="AQ14125">
        <v>8</v>
      </c>
    </row>
    <row r="14126" spans="1:43">
      <c r="A14126" t="s">
        <v>8770</v>
      </c>
      <c r="B14126" t="s">
        <v>8771</v>
      </c>
      <c r="C14126" t="s">
        <v>8772</v>
      </c>
      <c r="D14126" t="s">
        <v>8773</v>
      </c>
      <c r="E14126" t="s">
        <v>8652</v>
      </c>
      <c r="F14126" t="s">
        <v>8653</v>
      </c>
      <c r="G14126" t="s">
        <v>80</v>
      </c>
      <c r="H14126" t="s">
        <v>81</v>
      </c>
      <c r="I14126" s="2">
        <v>0</v>
      </c>
      <c r="J14126" s="2">
        <v>0</v>
      </c>
      <c r="K14126" s="2">
        <v>1</v>
      </c>
      <c r="L14126" t="s">
        <v>995</v>
      </c>
      <c r="M14126" t="s">
        <v>83</v>
      </c>
      <c r="N14126" t="s">
        <v>84</v>
      </c>
      <c r="O14126" t="s">
        <v>85</v>
      </c>
      <c r="P14126" t="s">
        <v>86</v>
      </c>
      <c r="Q14126">
        <v>36</v>
      </c>
      <c r="R14126">
        <v>36</v>
      </c>
      <c r="S14126">
        <v>36</v>
      </c>
      <c r="T14126">
        <v>36</v>
      </c>
      <c r="U14126">
        <v>36</v>
      </c>
      <c r="V14126">
        <v>36</v>
      </c>
      <c r="W14126">
        <v>37</v>
      </c>
      <c r="X14126">
        <v>37</v>
      </c>
      <c r="Y14126">
        <v>37</v>
      </c>
      <c r="Z14126">
        <v>37</v>
      </c>
      <c r="AA14126">
        <v>37</v>
      </c>
      <c r="AB14126">
        <v>37</v>
      </c>
      <c r="AC14126">
        <v>37</v>
      </c>
      <c r="AD14126">
        <v>37</v>
      </c>
      <c r="AE14126">
        <v>37</v>
      </c>
      <c r="AF14126">
        <v>38</v>
      </c>
      <c r="AG14126">
        <v>38</v>
      </c>
      <c r="AH14126">
        <v>38</v>
      </c>
      <c r="AI14126">
        <v>38</v>
      </c>
      <c r="AJ14126">
        <v>38</v>
      </c>
      <c r="AK14126">
        <v>38</v>
      </c>
      <c r="AL14126">
        <v>38</v>
      </c>
      <c r="AM14126">
        <v>38</v>
      </c>
      <c r="AN14126">
        <v>37</v>
      </c>
      <c r="AO14126">
        <v>37</v>
      </c>
      <c r="AP14126">
        <v>37</v>
      </c>
      <c r="AQ14126">
        <v>37</v>
      </c>
    </row>
    <row r="14127" spans="1:43">
      <c r="A14127" t="s">
        <v>8770</v>
      </c>
      <c r="B14127" t="s">
        <v>8771</v>
      </c>
      <c r="C14127" t="s">
        <v>8772</v>
      </c>
      <c r="D14127" t="s">
        <v>8773</v>
      </c>
      <c r="E14127" t="s">
        <v>8652</v>
      </c>
      <c r="F14127" t="s">
        <v>8653</v>
      </c>
      <c r="G14127" t="s">
        <v>80</v>
      </c>
      <c r="H14127" t="s">
        <v>81</v>
      </c>
      <c r="I14127" s="2">
        <v>0</v>
      </c>
      <c r="J14127" s="2">
        <v>0</v>
      </c>
      <c r="K14127" s="2">
        <v>1</v>
      </c>
      <c r="L14127" t="s">
        <v>995</v>
      </c>
      <c r="M14127" t="s">
        <v>87</v>
      </c>
      <c r="N14127" t="s">
        <v>88</v>
      </c>
      <c r="O14127" t="s">
        <v>85</v>
      </c>
      <c r="P14127" t="s">
        <v>86</v>
      </c>
      <c r="Q14127">
        <v>36</v>
      </c>
      <c r="R14127">
        <v>36</v>
      </c>
      <c r="S14127">
        <v>36</v>
      </c>
      <c r="T14127">
        <v>36</v>
      </c>
      <c r="U14127">
        <v>36</v>
      </c>
      <c r="V14127">
        <v>35</v>
      </c>
      <c r="W14127">
        <v>35</v>
      </c>
      <c r="X14127">
        <v>35</v>
      </c>
      <c r="Y14127">
        <v>35</v>
      </c>
      <c r="Z14127">
        <v>35</v>
      </c>
      <c r="AA14127">
        <v>35</v>
      </c>
      <c r="AB14127">
        <v>35</v>
      </c>
      <c r="AC14127">
        <v>35</v>
      </c>
      <c r="AD14127">
        <v>34</v>
      </c>
      <c r="AE14127">
        <v>34</v>
      </c>
      <c r="AF14127">
        <v>34</v>
      </c>
      <c r="AG14127">
        <v>34</v>
      </c>
      <c r="AH14127">
        <v>34</v>
      </c>
      <c r="AI14127">
        <v>34</v>
      </c>
      <c r="AJ14127">
        <v>34</v>
      </c>
      <c r="AK14127">
        <v>34</v>
      </c>
      <c r="AL14127">
        <v>33</v>
      </c>
      <c r="AM14127">
        <v>33</v>
      </c>
      <c r="AN14127">
        <v>33</v>
      </c>
      <c r="AO14127">
        <v>33</v>
      </c>
      <c r="AP14127">
        <v>33</v>
      </c>
      <c r="AQ14127">
        <v>33</v>
      </c>
    </row>
    <row r="14128" spans="1:43">
      <c r="A14128" t="s">
        <v>8770</v>
      </c>
      <c r="B14128" t="s">
        <v>8771</v>
      </c>
      <c r="C14128" t="s">
        <v>8772</v>
      </c>
      <c r="D14128" t="s">
        <v>8773</v>
      </c>
      <c r="E14128" t="s">
        <v>8652</v>
      </c>
      <c r="F14128" t="s">
        <v>8653</v>
      </c>
      <c r="G14128" t="s">
        <v>80</v>
      </c>
      <c r="H14128" t="s">
        <v>81</v>
      </c>
      <c r="I14128" s="2">
        <v>0</v>
      </c>
      <c r="J14128" s="2">
        <v>0</v>
      </c>
      <c r="K14128" s="2">
        <v>1</v>
      </c>
      <c r="L14128" t="s">
        <v>995</v>
      </c>
      <c r="M14128" t="s">
        <v>89</v>
      </c>
      <c r="N14128" t="s">
        <v>90</v>
      </c>
      <c r="O14128" t="s">
        <v>85</v>
      </c>
      <c r="P14128" t="s">
        <v>86</v>
      </c>
      <c r="Q14128">
        <v>36</v>
      </c>
      <c r="R14128">
        <v>36</v>
      </c>
      <c r="S14128">
        <v>37</v>
      </c>
      <c r="T14128">
        <v>37</v>
      </c>
      <c r="U14128">
        <v>38</v>
      </c>
      <c r="V14128">
        <v>38</v>
      </c>
      <c r="W14128">
        <v>38</v>
      </c>
      <c r="X14128">
        <v>39</v>
      </c>
      <c r="Y14128">
        <v>39</v>
      </c>
      <c r="Z14128">
        <v>39</v>
      </c>
      <c r="AA14128">
        <v>39</v>
      </c>
      <c r="AB14128">
        <v>40</v>
      </c>
      <c r="AC14128">
        <v>40</v>
      </c>
      <c r="AD14128">
        <v>40</v>
      </c>
      <c r="AE14128">
        <v>40</v>
      </c>
      <c r="AF14128">
        <v>40</v>
      </c>
      <c r="AG14128">
        <v>40</v>
      </c>
      <c r="AH14128">
        <v>39</v>
      </c>
      <c r="AI14128">
        <v>39</v>
      </c>
      <c r="AJ14128">
        <v>39</v>
      </c>
      <c r="AK14128">
        <v>38</v>
      </c>
      <c r="AL14128">
        <v>38</v>
      </c>
      <c r="AM14128">
        <v>38</v>
      </c>
      <c r="AN14128">
        <v>38</v>
      </c>
      <c r="AO14128">
        <v>37</v>
      </c>
      <c r="AP14128">
        <v>37</v>
      </c>
      <c r="AQ14128">
        <v>37</v>
      </c>
    </row>
    <row r="14129" spans="1:43">
      <c r="A14129" t="s">
        <v>8770</v>
      </c>
      <c r="B14129" t="s">
        <v>8771</v>
      </c>
      <c r="C14129" t="s">
        <v>8772</v>
      </c>
      <c r="D14129" t="s">
        <v>8773</v>
      </c>
      <c r="E14129" t="s">
        <v>8652</v>
      </c>
      <c r="F14129" t="s">
        <v>8653</v>
      </c>
      <c r="G14129" t="s">
        <v>80</v>
      </c>
      <c r="H14129" t="s">
        <v>81</v>
      </c>
      <c r="I14129" s="2">
        <v>0</v>
      </c>
      <c r="J14129" s="2">
        <v>0</v>
      </c>
      <c r="K14129" s="2">
        <v>1</v>
      </c>
      <c r="L14129" t="s">
        <v>995</v>
      </c>
      <c r="M14129" t="s">
        <v>83</v>
      </c>
      <c r="N14129" t="s">
        <v>91</v>
      </c>
      <c r="O14129" t="s">
        <v>85</v>
      </c>
      <c r="P14129" t="s">
        <v>86</v>
      </c>
      <c r="Q14129">
        <v>36</v>
      </c>
      <c r="R14129">
        <v>36</v>
      </c>
      <c r="S14129">
        <v>36</v>
      </c>
      <c r="T14129">
        <v>36</v>
      </c>
      <c r="U14129">
        <v>36</v>
      </c>
      <c r="V14129">
        <v>36</v>
      </c>
      <c r="W14129">
        <v>37</v>
      </c>
      <c r="X14129">
        <v>37</v>
      </c>
      <c r="Y14129">
        <v>37</v>
      </c>
      <c r="Z14129">
        <v>37</v>
      </c>
      <c r="AA14129">
        <v>37</v>
      </c>
      <c r="AB14129">
        <v>37</v>
      </c>
      <c r="AC14129">
        <v>37</v>
      </c>
      <c r="AD14129">
        <v>37</v>
      </c>
      <c r="AE14129">
        <v>37</v>
      </c>
      <c r="AF14129">
        <v>38</v>
      </c>
      <c r="AG14129">
        <v>38</v>
      </c>
      <c r="AH14129">
        <v>38</v>
      </c>
      <c r="AI14129">
        <v>38</v>
      </c>
      <c r="AJ14129">
        <v>38</v>
      </c>
      <c r="AK14129">
        <v>38</v>
      </c>
      <c r="AL14129">
        <v>38</v>
      </c>
      <c r="AM14129">
        <v>38</v>
      </c>
      <c r="AN14129">
        <v>37</v>
      </c>
      <c r="AO14129">
        <v>37</v>
      </c>
      <c r="AP14129">
        <v>37</v>
      </c>
      <c r="AQ14129">
        <v>37</v>
      </c>
    </row>
    <row r="14130" spans="1:43">
      <c r="A14130" t="s">
        <v>8774</v>
      </c>
      <c r="B14130" t="s">
        <v>8775</v>
      </c>
      <c r="C14130" t="s">
        <v>8772</v>
      </c>
      <c r="D14130" t="s">
        <v>8773</v>
      </c>
      <c r="E14130" t="s">
        <v>8652</v>
      </c>
      <c r="F14130" t="s">
        <v>8653</v>
      </c>
      <c r="G14130" t="s">
        <v>80</v>
      </c>
      <c r="H14130" t="s">
        <v>81</v>
      </c>
      <c r="I14130" s="2">
        <v>0</v>
      </c>
      <c r="J14130" s="2">
        <v>0</v>
      </c>
      <c r="K14130" s="2">
        <v>1</v>
      </c>
      <c r="L14130" t="s">
        <v>995</v>
      </c>
      <c r="M14130" t="s">
        <v>83</v>
      </c>
      <c r="N14130" t="s">
        <v>84</v>
      </c>
      <c r="O14130" t="s">
        <v>85</v>
      </c>
      <c r="P14130" t="s">
        <v>86</v>
      </c>
      <c r="Q14130">
        <v>6</v>
      </c>
      <c r="R14130">
        <v>6</v>
      </c>
      <c r="S14130">
        <v>6</v>
      </c>
      <c r="T14130">
        <v>6</v>
      </c>
      <c r="U14130">
        <v>6</v>
      </c>
      <c r="V14130">
        <v>6</v>
      </c>
      <c r="W14130">
        <v>6</v>
      </c>
      <c r="X14130">
        <v>6</v>
      </c>
      <c r="Y14130">
        <v>6</v>
      </c>
      <c r="Z14130">
        <v>6</v>
      </c>
      <c r="AA14130">
        <v>6</v>
      </c>
      <c r="AB14130">
        <v>6</v>
      </c>
      <c r="AC14130">
        <v>6</v>
      </c>
      <c r="AD14130">
        <v>6</v>
      </c>
      <c r="AE14130">
        <v>6</v>
      </c>
      <c r="AF14130">
        <v>6</v>
      </c>
      <c r="AG14130">
        <v>6</v>
      </c>
      <c r="AH14130">
        <v>6</v>
      </c>
      <c r="AI14130">
        <v>6</v>
      </c>
      <c r="AJ14130">
        <v>6</v>
      </c>
      <c r="AK14130">
        <v>6</v>
      </c>
      <c r="AL14130">
        <v>6</v>
      </c>
      <c r="AM14130">
        <v>6</v>
      </c>
      <c r="AN14130">
        <v>6</v>
      </c>
      <c r="AO14130">
        <v>6</v>
      </c>
      <c r="AP14130">
        <v>6</v>
      </c>
      <c r="AQ14130">
        <v>6</v>
      </c>
    </row>
    <row r="14131" spans="1:43">
      <c r="A14131" t="s">
        <v>8774</v>
      </c>
      <c r="B14131" t="s">
        <v>8775</v>
      </c>
      <c r="C14131" t="s">
        <v>8772</v>
      </c>
      <c r="D14131" t="s">
        <v>8773</v>
      </c>
      <c r="E14131" t="s">
        <v>8652</v>
      </c>
      <c r="F14131" t="s">
        <v>8653</v>
      </c>
      <c r="G14131" t="s">
        <v>80</v>
      </c>
      <c r="H14131" t="s">
        <v>81</v>
      </c>
      <c r="I14131" s="2">
        <v>0</v>
      </c>
      <c r="J14131" s="2">
        <v>0</v>
      </c>
      <c r="K14131" s="2">
        <v>1</v>
      </c>
      <c r="L14131" t="s">
        <v>995</v>
      </c>
      <c r="M14131" t="s">
        <v>87</v>
      </c>
      <c r="N14131" t="s">
        <v>88</v>
      </c>
      <c r="O14131" t="s">
        <v>85</v>
      </c>
      <c r="P14131" t="s">
        <v>86</v>
      </c>
      <c r="Q14131">
        <v>6</v>
      </c>
      <c r="R14131">
        <v>6</v>
      </c>
      <c r="S14131">
        <v>6</v>
      </c>
      <c r="T14131">
        <v>6</v>
      </c>
      <c r="U14131">
        <v>6</v>
      </c>
      <c r="V14131">
        <v>6</v>
      </c>
      <c r="W14131">
        <v>6</v>
      </c>
      <c r="X14131">
        <v>6</v>
      </c>
      <c r="Y14131">
        <v>6</v>
      </c>
      <c r="Z14131">
        <v>6</v>
      </c>
      <c r="AA14131">
        <v>6</v>
      </c>
      <c r="AB14131">
        <v>6</v>
      </c>
      <c r="AC14131">
        <v>6</v>
      </c>
      <c r="AD14131">
        <v>5</v>
      </c>
      <c r="AE14131">
        <v>5</v>
      </c>
      <c r="AF14131">
        <v>5</v>
      </c>
      <c r="AG14131">
        <v>5</v>
      </c>
      <c r="AH14131">
        <v>5</v>
      </c>
      <c r="AI14131">
        <v>5</v>
      </c>
      <c r="AJ14131">
        <v>5</v>
      </c>
      <c r="AK14131">
        <v>5</v>
      </c>
      <c r="AL14131">
        <v>5</v>
      </c>
      <c r="AM14131">
        <v>5</v>
      </c>
      <c r="AN14131">
        <v>5</v>
      </c>
      <c r="AO14131">
        <v>5</v>
      </c>
      <c r="AP14131">
        <v>5</v>
      </c>
      <c r="AQ14131">
        <v>5</v>
      </c>
    </row>
    <row r="14132" spans="1:43">
      <c r="A14132" t="s">
        <v>8774</v>
      </c>
      <c r="B14132" t="s">
        <v>8775</v>
      </c>
      <c r="C14132" t="s">
        <v>8772</v>
      </c>
      <c r="D14132" t="s">
        <v>8773</v>
      </c>
      <c r="E14132" t="s">
        <v>8652</v>
      </c>
      <c r="F14132" t="s">
        <v>8653</v>
      </c>
      <c r="G14132" t="s">
        <v>80</v>
      </c>
      <c r="H14132" t="s">
        <v>81</v>
      </c>
      <c r="I14132" s="2">
        <v>0</v>
      </c>
      <c r="J14132" s="2">
        <v>0</v>
      </c>
      <c r="K14132" s="2">
        <v>1</v>
      </c>
      <c r="L14132" t="s">
        <v>995</v>
      </c>
      <c r="M14132" t="s">
        <v>89</v>
      </c>
      <c r="N14132" t="s">
        <v>90</v>
      </c>
      <c r="O14132" t="s">
        <v>85</v>
      </c>
      <c r="P14132" t="s">
        <v>86</v>
      </c>
      <c r="Q14132">
        <v>6</v>
      </c>
      <c r="R14132">
        <v>6</v>
      </c>
      <c r="S14132">
        <v>6</v>
      </c>
      <c r="T14132">
        <v>6</v>
      </c>
      <c r="U14132">
        <v>6</v>
      </c>
      <c r="V14132">
        <v>6</v>
      </c>
      <c r="W14132">
        <v>6</v>
      </c>
      <c r="X14132">
        <v>6</v>
      </c>
      <c r="Y14132">
        <v>6</v>
      </c>
      <c r="Z14132">
        <v>6</v>
      </c>
      <c r="AA14132">
        <v>6</v>
      </c>
      <c r="AB14132">
        <v>6</v>
      </c>
      <c r="AC14132">
        <v>7</v>
      </c>
      <c r="AD14132">
        <v>7</v>
      </c>
      <c r="AE14132">
        <v>7</v>
      </c>
      <c r="AF14132">
        <v>7</v>
      </c>
      <c r="AG14132">
        <v>6</v>
      </c>
      <c r="AH14132">
        <v>6</v>
      </c>
      <c r="AI14132">
        <v>6</v>
      </c>
      <c r="AJ14132">
        <v>6</v>
      </c>
      <c r="AK14132">
        <v>6</v>
      </c>
      <c r="AL14132">
        <v>6</v>
      </c>
      <c r="AM14132">
        <v>6</v>
      </c>
      <c r="AN14132">
        <v>6</v>
      </c>
      <c r="AO14132">
        <v>6</v>
      </c>
      <c r="AP14132">
        <v>6</v>
      </c>
      <c r="AQ14132">
        <v>6</v>
      </c>
    </row>
    <row r="14133" spans="1:43">
      <c r="A14133" t="s">
        <v>8774</v>
      </c>
      <c r="B14133" t="s">
        <v>8775</v>
      </c>
      <c r="C14133" t="s">
        <v>8772</v>
      </c>
      <c r="D14133" t="s">
        <v>8773</v>
      </c>
      <c r="E14133" t="s">
        <v>8652</v>
      </c>
      <c r="F14133" t="s">
        <v>8653</v>
      </c>
      <c r="G14133" t="s">
        <v>80</v>
      </c>
      <c r="H14133" t="s">
        <v>81</v>
      </c>
      <c r="I14133" s="2">
        <v>0</v>
      </c>
      <c r="J14133" s="2">
        <v>0</v>
      </c>
      <c r="K14133" s="2">
        <v>1</v>
      </c>
      <c r="L14133" t="s">
        <v>995</v>
      </c>
      <c r="M14133" t="s">
        <v>83</v>
      </c>
      <c r="N14133" t="s">
        <v>91</v>
      </c>
      <c r="O14133" t="s">
        <v>85</v>
      </c>
      <c r="P14133" t="s">
        <v>86</v>
      </c>
      <c r="Q14133">
        <v>6</v>
      </c>
      <c r="R14133">
        <v>6</v>
      </c>
      <c r="S14133">
        <v>6</v>
      </c>
      <c r="T14133">
        <v>6</v>
      </c>
      <c r="U14133">
        <v>6</v>
      </c>
      <c r="V14133">
        <v>6</v>
      </c>
      <c r="W14133">
        <v>6</v>
      </c>
      <c r="X14133">
        <v>6</v>
      </c>
      <c r="Y14133">
        <v>6</v>
      </c>
      <c r="Z14133">
        <v>6</v>
      </c>
      <c r="AA14133">
        <v>6</v>
      </c>
      <c r="AB14133">
        <v>6</v>
      </c>
      <c r="AC14133">
        <v>6</v>
      </c>
      <c r="AD14133">
        <v>6</v>
      </c>
      <c r="AE14133">
        <v>6</v>
      </c>
      <c r="AF14133">
        <v>6</v>
      </c>
      <c r="AG14133">
        <v>6</v>
      </c>
      <c r="AH14133">
        <v>6</v>
      </c>
      <c r="AI14133">
        <v>6</v>
      </c>
      <c r="AJ14133">
        <v>6</v>
      </c>
      <c r="AK14133">
        <v>6</v>
      </c>
      <c r="AL14133">
        <v>6</v>
      </c>
      <c r="AM14133">
        <v>6</v>
      </c>
      <c r="AN14133">
        <v>6</v>
      </c>
      <c r="AO14133">
        <v>6</v>
      </c>
      <c r="AP14133">
        <v>6</v>
      </c>
      <c r="AQ14133">
        <v>6</v>
      </c>
    </row>
    <row r="14134" spans="1:43">
      <c r="A14134" t="s">
        <v>8776</v>
      </c>
      <c r="B14134" t="s">
        <v>8777</v>
      </c>
      <c r="C14134" t="s">
        <v>8778</v>
      </c>
      <c r="D14134" t="s">
        <v>8779</v>
      </c>
      <c r="E14134" t="s">
        <v>8652</v>
      </c>
      <c r="F14134" t="s">
        <v>8653</v>
      </c>
      <c r="G14134" t="s">
        <v>80</v>
      </c>
      <c r="H14134" t="s">
        <v>81</v>
      </c>
      <c r="I14134" s="2">
        <v>0</v>
      </c>
      <c r="J14134" s="2">
        <v>0</v>
      </c>
      <c r="K14134" s="2">
        <v>1</v>
      </c>
      <c r="L14134" t="s">
        <v>995</v>
      </c>
      <c r="M14134" t="s">
        <v>83</v>
      </c>
      <c r="N14134" t="s">
        <v>84</v>
      </c>
      <c r="O14134" t="s">
        <v>85</v>
      </c>
      <c r="P14134" t="s">
        <v>86</v>
      </c>
      <c r="Q14134">
        <v>21</v>
      </c>
      <c r="R14134">
        <v>21</v>
      </c>
      <c r="S14134">
        <v>21</v>
      </c>
      <c r="T14134">
        <v>21</v>
      </c>
      <c r="U14134">
        <v>21</v>
      </c>
      <c r="V14134">
        <v>22</v>
      </c>
      <c r="W14134">
        <v>22</v>
      </c>
      <c r="X14134">
        <v>22</v>
      </c>
      <c r="Y14134">
        <v>22</v>
      </c>
      <c r="Z14134">
        <v>22</v>
      </c>
      <c r="AA14134">
        <v>22</v>
      </c>
      <c r="AB14134">
        <v>22</v>
      </c>
      <c r="AC14134">
        <v>22</v>
      </c>
      <c r="AD14134">
        <v>22</v>
      </c>
      <c r="AE14134">
        <v>22</v>
      </c>
      <c r="AF14134">
        <v>23</v>
      </c>
      <c r="AG14134">
        <v>23</v>
      </c>
      <c r="AH14134">
        <v>23</v>
      </c>
      <c r="AI14134">
        <v>23</v>
      </c>
      <c r="AJ14134">
        <v>23</v>
      </c>
      <c r="AK14134">
        <v>23</v>
      </c>
      <c r="AL14134">
        <v>23</v>
      </c>
      <c r="AM14134">
        <v>23</v>
      </c>
      <c r="AN14134">
        <v>23</v>
      </c>
      <c r="AO14134">
        <v>22</v>
      </c>
      <c r="AP14134">
        <v>22</v>
      </c>
      <c r="AQ14134">
        <v>22</v>
      </c>
    </row>
    <row r="14135" spans="1:43">
      <c r="A14135" t="s">
        <v>8776</v>
      </c>
      <c r="B14135" t="s">
        <v>8777</v>
      </c>
      <c r="C14135" t="s">
        <v>8778</v>
      </c>
      <c r="D14135" t="s">
        <v>8779</v>
      </c>
      <c r="E14135" t="s">
        <v>8652</v>
      </c>
      <c r="F14135" t="s">
        <v>8653</v>
      </c>
      <c r="G14135" t="s">
        <v>80</v>
      </c>
      <c r="H14135" t="s">
        <v>81</v>
      </c>
      <c r="I14135" s="2">
        <v>0</v>
      </c>
      <c r="J14135" s="2">
        <v>0</v>
      </c>
      <c r="K14135" s="2">
        <v>1</v>
      </c>
      <c r="L14135" t="s">
        <v>995</v>
      </c>
      <c r="M14135" t="s">
        <v>87</v>
      </c>
      <c r="N14135" t="s">
        <v>88</v>
      </c>
      <c r="O14135" t="s">
        <v>85</v>
      </c>
      <c r="P14135" t="s">
        <v>86</v>
      </c>
      <c r="Q14135">
        <v>21</v>
      </c>
      <c r="R14135">
        <v>21</v>
      </c>
      <c r="S14135">
        <v>21</v>
      </c>
      <c r="T14135">
        <v>21</v>
      </c>
      <c r="U14135">
        <v>21</v>
      </c>
      <c r="V14135">
        <v>20</v>
      </c>
      <c r="W14135">
        <v>20</v>
      </c>
      <c r="X14135">
        <v>20</v>
      </c>
      <c r="Y14135">
        <v>20</v>
      </c>
      <c r="Z14135">
        <v>20</v>
      </c>
      <c r="AA14135">
        <v>20</v>
      </c>
      <c r="AB14135">
        <v>20</v>
      </c>
      <c r="AC14135">
        <v>20</v>
      </c>
      <c r="AD14135">
        <v>20</v>
      </c>
      <c r="AE14135">
        <v>20</v>
      </c>
      <c r="AF14135">
        <v>20</v>
      </c>
      <c r="AG14135">
        <v>20</v>
      </c>
      <c r="AH14135">
        <v>20</v>
      </c>
      <c r="AI14135">
        <v>20</v>
      </c>
      <c r="AJ14135">
        <v>20</v>
      </c>
      <c r="AK14135">
        <v>20</v>
      </c>
      <c r="AL14135">
        <v>20</v>
      </c>
      <c r="AM14135">
        <v>20</v>
      </c>
      <c r="AN14135">
        <v>20</v>
      </c>
      <c r="AO14135">
        <v>19</v>
      </c>
      <c r="AP14135">
        <v>19</v>
      </c>
      <c r="AQ14135">
        <v>19</v>
      </c>
    </row>
    <row r="14136" spans="1:43">
      <c r="A14136" t="s">
        <v>8776</v>
      </c>
      <c r="B14136" t="s">
        <v>8777</v>
      </c>
      <c r="C14136" t="s">
        <v>8778</v>
      </c>
      <c r="D14136" t="s">
        <v>8779</v>
      </c>
      <c r="E14136" t="s">
        <v>8652</v>
      </c>
      <c r="F14136" t="s">
        <v>8653</v>
      </c>
      <c r="G14136" t="s">
        <v>80</v>
      </c>
      <c r="H14136" t="s">
        <v>81</v>
      </c>
      <c r="I14136" s="2">
        <v>0</v>
      </c>
      <c r="J14136" s="2">
        <v>0</v>
      </c>
      <c r="K14136" s="2">
        <v>1</v>
      </c>
      <c r="L14136" t="s">
        <v>995</v>
      </c>
      <c r="M14136" t="s">
        <v>89</v>
      </c>
      <c r="N14136" t="s">
        <v>90</v>
      </c>
      <c r="O14136" t="s">
        <v>85</v>
      </c>
      <c r="P14136" t="s">
        <v>86</v>
      </c>
      <c r="Q14136">
        <v>21</v>
      </c>
      <c r="R14136">
        <v>22</v>
      </c>
      <c r="S14136">
        <v>22</v>
      </c>
      <c r="T14136">
        <v>22</v>
      </c>
      <c r="U14136">
        <v>22</v>
      </c>
      <c r="V14136">
        <v>23</v>
      </c>
      <c r="W14136">
        <v>23</v>
      </c>
      <c r="X14136">
        <v>23</v>
      </c>
      <c r="Y14136">
        <v>23</v>
      </c>
      <c r="Z14136">
        <v>23</v>
      </c>
      <c r="AA14136">
        <v>24</v>
      </c>
      <c r="AB14136">
        <v>24</v>
      </c>
      <c r="AC14136">
        <v>24</v>
      </c>
      <c r="AD14136">
        <v>24</v>
      </c>
      <c r="AE14136">
        <v>24</v>
      </c>
      <c r="AF14136">
        <v>24</v>
      </c>
      <c r="AG14136">
        <v>24</v>
      </c>
      <c r="AH14136">
        <v>24</v>
      </c>
      <c r="AI14136">
        <v>23</v>
      </c>
      <c r="AJ14136">
        <v>23</v>
      </c>
      <c r="AK14136">
        <v>23</v>
      </c>
      <c r="AL14136">
        <v>23</v>
      </c>
      <c r="AM14136">
        <v>23</v>
      </c>
      <c r="AN14136">
        <v>23</v>
      </c>
      <c r="AO14136">
        <v>23</v>
      </c>
      <c r="AP14136">
        <v>23</v>
      </c>
      <c r="AQ14136">
        <v>22</v>
      </c>
    </row>
    <row r="14137" spans="1:43">
      <c r="A14137" t="s">
        <v>8776</v>
      </c>
      <c r="B14137" t="s">
        <v>8777</v>
      </c>
      <c r="C14137" t="s">
        <v>8778</v>
      </c>
      <c r="D14137" t="s">
        <v>8779</v>
      </c>
      <c r="E14137" t="s">
        <v>8652</v>
      </c>
      <c r="F14137" t="s">
        <v>8653</v>
      </c>
      <c r="G14137" t="s">
        <v>80</v>
      </c>
      <c r="H14137" t="s">
        <v>81</v>
      </c>
      <c r="I14137" s="2">
        <v>0</v>
      </c>
      <c r="J14137" s="2">
        <v>0</v>
      </c>
      <c r="K14137" s="2">
        <v>1</v>
      </c>
      <c r="L14137" t="s">
        <v>995</v>
      </c>
      <c r="M14137" t="s">
        <v>83</v>
      </c>
      <c r="N14137" t="s">
        <v>91</v>
      </c>
      <c r="O14137" t="s">
        <v>85</v>
      </c>
      <c r="P14137" t="s">
        <v>86</v>
      </c>
      <c r="Q14137">
        <v>21</v>
      </c>
      <c r="R14137">
        <v>21</v>
      </c>
      <c r="S14137">
        <v>21</v>
      </c>
      <c r="T14137">
        <v>21</v>
      </c>
      <c r="U14137">
        <v>21</v>
      </c>
      <c r="V14137">
        <v>22</v>
      </c>
      <c r="W14137">
        <v>22</v>
      </c>
      <c r="X14137">
        <v>22</v>
      </c>
      <c r="Y14137">
        <v>22</v>
      </c>
      <c r="Z14137">
        <v>22</v>
      </c>
      <c r="AA14137">
        <v>22</v>
      </c>
      <c r="AB14137">
        <v>22</v>
      </c>
      <c r="AC14137">
        <v>22</v>
      </c>
      <c r="AD14137">
        <v>22</v>
      </c>
      <c r="AE14137">
        <v>22</v>
      </c>
      <c r="AF14137">
        <v>23</v>
      </c>
      <c r="AG14137">
        <v>23</v>
      </c>
      <c r="AH14137">
        <v>23</v>
      </c>
      <c r="AI14137">
        <v>23</v>
      </c>
      <c r="AJ14137">
        <v>23</v>
      </c>
      <c r="AK14137">
        <v>23</v>
      </c>
      <c r="AL14137">
        <v>23</v>
      </c>
      <c r="AM14137">
        <v>23</v>
      </c>
      <c r="AN14137">
        <v>23</v>
      </c>
      <c r="AO14137">
        <v>22</v>
      </c>
      <c r="AP14137">
        <v>22</v>
      </c>
      <c r="AQ14137">
        <v>22</v>
      </c>
    </row>
    <row r="14138" spans="1:43">
      <c r="A14138" t="s">
        <v>8780</v>
      </c>
      <c r="B14138" t="s">
        <v>8781</v>
      </c>
      <c r="C14138" t="s">
        <v>8772</v>
      </c>
      <c r="D14138" t="s">
        <v>8773</v>
      </c>
      <c r="E14138" t="s">
        <v>8652</v>
      </c>
      <c r="F14138" t="s">
        <v>8653</v>
      </c>
      <c r="G14138" t="s">
        <v>80</v>
      </c>
      <c r="H14138" t="s">
        <v>81</v>
      </c>
      <c r="I14138" s="2">
        <v>0</v>
      </c>
      <c r="J14138" s="2">
        <v>0</v>
      </c>
      <c r="K14138" s="2">
        <v>1</v>
      </c>
      <c r="L14138" t="s">
        <v>995</v>
      </c>
      <c r="M14138" t="s">
        <v>83</v>
      </c>
      <c r="N14138" t="s">
        <v>84</v>
      </c>
      <c r="O14138" t="s">
        <v>85</v>
      </c>
      <c r="P14138" t="s">
        <v>86</v>
      </c>
      <c r="Q14138">
        <v>11</v>
      </c>
      <c r="R14138">
        <v>11</v>
      </c>
      <c r="S14138">
        <v>11</v>
      </c>
      <c r="T14138">
        <v>11</v>
      </c>
      <c r="U14138">
        <v>11</v>
      </c>
      <c r="V14138">
        <v>11</v>
      </c>
      <c r="W14138">
        <v>11</v>
      </c>
      <c r="X14138">
        <v>11</v>
      </c>
      <c r="Y14138">
        <v>11</v>
      </c>
      <c r="Z14138">
        <v>11</v>
      </c>
      <c r="AA14138">
        <v>11</v>
      </c>
      <c r="AB14138">
        <v>11</v>
      </c>
      <c r="AC14138">
        <v>11</v>
      </c>
      <c r="AD14138">
        <v>11</v>
      </c>
      <c r="AE14138">
        <v>11</v>
      </c>
      <c r="AF14138">
        <v>12</v>
      </c>
      <c r="AG14138">
        <v>12</v>
      </c>
      <c r="AH14138">
        <v>12</v>
      </c>
      <c r="AI14138">
        <v>12</v>
      </c>
      <c r="AJ14138">
        <v>12</v>
      </c>
      <c r="AK14138">
        <v>12</v>
      </c>
      <c r="AL14138">
        <v>12</v>
      </c>
      <c r="AM14138">
        <v>12</v>
      </c>
      <c r="AN14138">
        <v>12</v>
      </c>
      <c r="AO14138">
        <v>11</v>
      </c>
      <c r="AP14138">
        <v>11</v>
      </c>
      <c r="AQ14138">
        <v>11</v>
      </c>
    </row>
    <row r="14139" spans="1:43">
      <c r="A14139" t="s">
        <v>8780</v>
      </c>
      <c r="B14139" t="s">
        <v>8781</v>
      </c>
      <c r="C14139" t="s">
        <v>8772</v>
      </c>
      <c r="D14139" t="s">
        <v>8773</v>
      </c>
      <c r="E14139" t="s">
        <v>8652</v>
      </c>
      <c r="F14139" t="s">
        <v>8653</v>
      </c>
      <c r="G14139" t="s">
        <v>80</v>
      </c>
      <c r="H14139" t="s">
        <v>81</v>
      </c>
      <c r="I14139" s="2">
        <v>0</v>
      </c>
      <c r="J14139" s="2">
        <v>0</v>
      </c>
      <c r="K14139" s="2">
        <v>1</v>
      </c>
      <c r="L14139" t="s">
        <v>995</v>
      </c>
      <c r="M14139" t="s">
        <v>87</v>
      </c>
      <c r="N14139" t="s">
        <v>88</v>
      </c>
      <c r="O14139" t="s">
        <v>85</v>
      </c>
      <c r="P14139" t="s">
        <v>86</v>
      </c>
      <c r="Q14139">
        <v>11</v>
      </c>
      <c r="R14139">
        <v>11</v>
      </c>
      <c r="S14139">
        <v>11</v>
      </c>
      <c r="T14139">
        <v>11</v>
      </c>
      <c r="U14139">
        <v>11</v>
      </c>
      <c r="V14139">
        <v>10</v>
      </c>
      <c r="W14139">
        <v>10</v>
      </c>
      <c r="X14139">
        <v>10</v>
      </c>
      <c r="Y14139">
        <v>10</v>
      </c>
      <c r="Z14139">
        <v>10</v>
      </c>
      <c r="AA14139">
        <v>10</v>
      </c>
      <c r="AB14139">
        <v>10</v>
      </c>
      <c r="AC14139">
        <v>10</v>
      </c>
      <c r="AD14139">
        <v>10</v>
      </c>
      <c r="AE14139">
        <v>10</v>
      </c>
      <c r="AF14139">
        <v>10</v>
      </c>
      <c r="AG14139">
        <v>10</v>
      </c>
      <c r="AH14139">
        <v>10</v>
      </c>
      <c r="AI14139">
        <v>10</v>
      </c>
      <c r="AJ14139">
        <v>10</v>
      </c>
      <c r="AK14139">
        <v>10</v>
      </c>
      <c r="AL14139">
        <v>10</v>
      </c>
      <c r="AM14139">
        <v>10</v>
      </c>
      <c r="AN14139">
        <v>10</v>
      </c>
      <c r="AO14139">
        <v>10</v>
      </c>
      <c r="AP14139">
        <v>10</v>
      </c>
      <c r="AQ14139">
        <v>10</v>
      </c>
    </row>
    <row r="14140" spans="1:43">
      <c r="A14140" t="s">
        <v>8780</v>
      </c>
      <c r="B14140" t="s">
        <v>8781</v>
      </c>
      <c r="C14140" t="s">
        <v>8772</v>
      </c>
      <c r="D14140" t="s">
        <v>8773</v>
      </c>
      <c r="E14140" t="s">
        <v>8652</v>
      </c>
      <c r="F14140" t="s">
        <v>8653</v>
      </c>
      <c r="G14140" t="s">
        <v>80</v>
      </c>
      <c r="H14140" t="s">
        <v>81</v>
      </c>
      <c r="I14140" s="2">
        <v>0</v>
      </c>
      <c r="J14140" s="2">
        <v>0</v>
      </c>
      <c r="K14140" s="2">
        <v>1</v>
      </c>
      <c r="L14140" t="s">
        <v>995</v>
      </c>
      <c r="M14140" t="s">
        <v>89</v>
      </c>
      <c r="N14140" t="s">
        <v>90</v>
      </c>
      <c r="O14140" t="s">
        <v>85</v>
      </c>
      <c r="P14140" t="s">
        <v>86</v>
      </c>
      <c r="Q14140">
        <v>11</v>
      </c>
      <c r="R14140">
        <v>11</v>
      </c>
      <c r="S14140">
        <v>11</v>
      </c>
      <c r="T14140">
        <v>11</v>
      </c>
      <c r="U14140">
        <v>11</v>
      </c>
      <c r="V14140">
        <v>12</v>
      </c>
      <c r="W14140">
        <v>12</v>
      </c>
      <c r="X14140">
        <v>12</v>
      </c>
      <c r="Y14140">
        <v>12</v>
      </c>
      <c r="Z14140">
        <v>12</v>
      </c>
      <c r="AA14140">
        <v>12</v>
      </c>
      <c r="AB14140">
        <v>12</v>
      </c>
      <c r="AC14140">
        <v>12</v>
      </c>
      <c r="AD14140">
        <v>12</v>
      </c>
      <c r="AE14140">
        <v>12</v>
      </c>
      <c r="AF14140">
        <v>12</v>
      </c>
      <c r="AG14140">
        <v>12</v>
      </c>
      <c r="AH14140">
        <v>12</v>
      </c>
      <c r="AI14140">
        <v>12</v>
      </c>
      <c r="AJ14140">
        <v>12</v>
      </c>
      <c r="AK14140">
        <v>12</v>
      </c>
      <c r="AL14140">
        <v>12</v>
      </c>
      <c r="AM14140">
        <v>12</v>
      </c>
      <c r="AN14140">
        <v>12</v>
      </c>
      <c r="AO14140">
        <v>12</v>
      </c>
      <c r="AP14140">
        <v>12</v>
      </c>
      <c r="AQ14140">
        <v>11</v>
      </c>
    </row>
    <row r="14141" spans="1:43">
      <c r="A14141" t="s">
        <v>8780</v>
      </c>
      <c r="B14141" t="s">
        <v>8781</v>
      </c>
      <c r="C14141" t="s">
        <v>8772</v>
      </c>
      <c r="D14141" t="s">
        <v>8773</v>
      </c>
      <c r="E14141" t="s">
        <v>8652</v>
      </c>
      <c r="F14141" t="s">
        <v>8653</v>
      </c>
      <c r="G14141" t="s">
        <v>80</v>
      </c>
      <c r="H14141" t="s">
        <v>81</v>
      </c>
      <c r="I14141" s="2">
        <v>0</v>
      </c>
      <c r="J14141" s="2">
        <v>0</v>
      </c>
      <c r="K14141" s="2">
        <v>1</v>
      </c>
      <c r="L14141" t="s">
        <v>995</v>
      </c>
      <c r="M14141" t="s">
        <v>83</v>
      </c>
      <c r="N14141" t="s">
        <v>91</v>
      </c>
      <c r="O14141" t="s">
        <v>85</v>
      </c>
      <c r="P14141" t="s">
        <v>86</v>
      </c>
      <c r="Q14141">
        <v>11</v>
      </c>
      <c r="R14141">
        <v>11</v>
      </c>
      <c r="S14141">
        <v>11</v>
      </c>
      <c r="T14141">
        <v>11</v>
      </c>
      <c r="U14141">
        <v>11</v>
      </c>
      <c r="V14141">
        <v>11</v>
      </c>
      <c r="W14141">
        <v>11</v>
      </c>
      <c r="X14141">
        <v>11</v>
      </c>
      <c r="Y14141">
        <v>11</v>
      </c>
      <c r="Z14141">
        <v>11</v>
      </c>
      <c r="AA14141">
        <v>11</v>
      </c>
      <c r="AB14141">
        <v>11</v>
      </c>
      <c r="AC14141">
        <v>11</v>
      </c>
      <c r="AD14141">
        <v>11</v>
      </c>
      <c r="AE14141">
        <v>11</v>
      </c>
      <c r="AF14141">
        <v>12</v>
      </c>
      <c r="AG14141">
        <v>12</v>
      </c>
      <c r="AH14141">
        <v>12</v>
      </c>
      <c r="AI14141">
        <v>12</v>
      </c>
      <c r="AJ14141">
        <v>12</v>
      </c>
      <c r="AK14141">
        <v>12</v>
      </c>
      <c r="AL14141">
        <v>12</v>
      </c>
      <c r="AM14141">
        <v>12</v>
      </c>
      <c r="AN14141">
        <v>12</v>
      </c>
      <c r="AO14141">
        <v>11</v>
      </c>
      <c r="AP14141">
        <v>11</v>
      </c>
      <c r="AQ14141">
        <v>11</v>
      </c>
    </row>
    <row r="14142" spans="1:43">
      <c r="A14142" t="s">
        <v>8782</v>
      </c>
      <c r="B14142" t="s">
        <v>8783</v>
      </c>
      <c r="C14142" t="s">
        <v>8784</v>
      </c>
      <c r="D14142" t="s">
        <v>8785</v>
      </c>
      <c r="E14142" t="s">
        <v>8652</v>
      </c>
      <c r="F14142" t="s">
        <v>8653</v>
      </c>
      <c r="G14142" t="s">
        <v>80</v>
      </c>
      <c r="H14142" t="s">
        <v>81</v>
      </c>
      <c r="I14142" s="2">
        <v>0</v>
      </c>
      <c r="J14142" s="2">
        <v>0</v>
      </c>
      <c r="K14142" s="2">
        <v>1</v>
      </c>
      <c r="L14142" t="s">
        <v>995</v>
      </c>
      <c r="M14142" t="s">
        <v>83</v>
      </c>
      <c r="N14142" t="s">
        <v>84</v>
      </c>
      <c r="O14142" t="s">
        <v>85</v>
      </c>
      <c r="P14142" t="s">
        <v>86</v>
      </c>
      <c r="Q14142">
        <v>12</v>
      </c>
      <c r="R14142">
        <v>12</v>
      </c>
      <c r="S14142">
        <v>13</v>
      </c>
      <c r="T14142">
        <v>13</v>
      </c>
      <c r="U14142">
        <v>13</v>
      </c>
      <c r="V14142">
        <v>13</v>
      </c>
      <c r="W14142">
        <v>13</v>
      </c>
      <c r="X14142">
        <v>13</v>
      </c>
      <c r="Y14142">
        <v>13</v>
      </c>
      <c r="Z14142">
        <v>13</v>
      </c>
      <c r="AA14142">
        <v>13</v>
      </c>
      <c r="AB14142">
        <v>13</v>
      </c>
      <c r="AC14142">
        <v>13</v>
      </c>
      <c r="AD14142">
        <v>13</v>
      </c>
      <c r="AE14142">
        <v>13</v>
      </c>
      <c r="AF14142">
        <v>13</v>
      </c>
      <c r="AG14142">
        <v>13</v>
      </c>
      <c r="AH14142">
        <v>13</v>
      </c>
      <c r="AI14142">
        <v>13</v>
      </c>
      <c r="AJ14142">
        <v>13</v>
      </c>
      <c r="AK14142">
        <v>13</v>
      </c>
      <c r="AL14142">
        <v>13</v>
      </c>
      <c r="AM14142">
        <v>13</v>
      </c>
      <c r="AN14142">
        <v>13</v>
      </c>
      <c r="AO14142">
        <v>13</v>
      </c>
      <c r="AP14142">
        <v>13</v>
      </c>
      <c r="AQ14142">
        <v>13</v>
      </c>
    </row>
    <row r="14143" spans="1:43">
      <c r="A14143" t="s">
        <v>8782</v>
      </c>
      <c r="B14143" t="s">
        <v>8783</v>
      </c>
      <c r="C14143" t="s">
        <v>8784</v>
      </c>
      <c r="D14143" t="s">
        <v>8785</v>
      </c>
      <c r="E14143" t="s">
        <v>8652</v>
      </c>
      <c r="F14143" t="s">
        <v>8653</v>
      </c>
      <c r="G14143" t="s">
        <v>80</v>
      </c>
      <c r="H14143" t="s">
        <v>81</v>
      </c>
      <c r="I14143" s="2">
        <v>0</v>
      </c>
      <c r="J14143" s="2">
        <v>0</v>
      </c>
      <c r="K14143" s="2">
        <v>1</v>
      </c>
      <c r="L14143" t="s">
        <v>995</v>
      </c>
      <c r="M14143" t="s">
        <v>87</v>
      </c>
      <c r="N14143" t="s">
        <v>88</v>
      </c>
      <c r="O14143" t="s">
        <v>85</v>
      </c>
      <c r="P14143" t="s">
        <v>86</v>
      </c>
      <c r="Q14143">
        <v>12</v>
      </c>
      <c r="R14143">
        <v>12</v>
      </c>
      <c r="S14143">
        <v>12</v>
      </c>
      <c r="T14143">
        <v>12</v>
      </c>
      <c r="U14143">
        <v>12</v>
      </c>
      <c r="V14143">
        <v>12</v>
      </c>
      <c r="W14143">
        <v>12</v>
      </c>
      <c r="X14143">
        <v>12</v>
      </c>
      <c r="Y14143">
        <v>12</v>
      </c>
      <c r="Z14143">
        <v>12</v>
      </c>
      <c r="AA14143">
        <v>12</v>
      </c>
      <c r="AB14143">
        <v>12</v>
      </c>
      <c r="AC14143">
        <v>12</v>
      </c>
      <c r="AD14143">
        <v>12</v>
      </c>
      <c r="AE14143">
        <v>12</v>
      </c>
      <c r="AF14143">
        <v>12</v>
      </c>
      <c r="AG14143">
        <v>12</v>
      </c>
      <c r="AH14143">
        <v>11</v>
      </c>
      <c r="AI14143">
        <v>11</v>
      </c>
      <c r="AJ14143">
        <v>11</v>
      </c>
      <c r="AK14143">
        <v>11</v>
      </c>
      <c r="AL14143">
        <v>11</v>
      </c>
      <c r="AM14143">
        <v>11</v>
      </c>
      <c r="AN14143">
        <v>11</v>
      </c>
      <c r="AO14143">
        <v>11</v>
      </c>
      <c r="AP14143">
        <v>11</v>
      </c>
      <c r="AQ14143">
        <v>11</v>
      </c>
    </row>
    <row r="14144" spans="1:43">
      <c r="A14144" t="s">
        <v>8782</v>
      </c>
      <c r="B14144" t="s">
        <v>8783</v>
      </c>
      <c r="C14144" t="s">
        <v>8784</v>
      </c>
      <c r="D14144" t="s">
        <v>8785</v>
      </c>
      <c r="E14144" t="s">
        <v>8652</v>
      </c>
      <c r="F14144" t="s">
        <v>8653</v>
      </c>
      <c r="G14144" t="s">
        <v>80</v>
      </c>
      <c r="H14144" t="s">
        <v>81</v>
      </c>
      <c r="I14144" s="2">
        <v>0</v>
      </c>
      <c r="J14144" s="2">
        <v>0</v>
      </c>
      <c r="K14144" s="2">
        <v>1</v>
      </c>
      <c r="L14144" t="s">
        <v>995</v>
      </c>
      <c r="M14144" t="s">
        <v>89</v>
      </c>
      <c r="N14144" t="s">
        <v>90</v>
      </c>
      <c r="O14144" t="s">
        <v>85</v>
      </c>
      <c r="P14144" t="s">
        <v>86</v>
      </c>
      <c r="Q14144">
        <v>12</v>
      </c>
      <c r="R14144">
        <v>12</v>
      </c>
      <c r="S14144">
        <v>12</v>
      </c>
      <c r="T14144">
        <v>12</v>
      </c>
      <c r="U14144">
        <v>12</v>
      </c>
      <c r="V14144">
        <v>12</v>
      </c>
      <c r="W14144">
        <v>12</v>
      </c>
      <c r="X14144">
        <v>13</v>
      </c>
      <c r="Y14144">
        <v>13</v>
      </c>
      <c r="Z14144">
        <v>13</v>
      </c>
      <c r="AA14144">
        <v>13</v>
      </c>
      <c r="AB14144">
        <v>13</v>
      </c>
      <c r="AC14144">
        <v>13</v>
      </c>
      <c r="AD14144">
        <v>13</v>
      </c>
      <c r="AE14144">
        <v>13</v>
      </c>
      <c r="AF14144">
        <v>13</v>
      </c>
      <c r="AG14144">
        <v>13</v>
      </c>
      <c r="AH14144">
        <v>13</v>
      </c>
      <c r="AI14144">
        <v>13</v>
      </c>
      <c r="AJ14144">
        <v>12</v>
      </c>
      <c r="AK14144">
        <v>12</v>
      </c>
      <c r="AL14144">
        <v>12</v>
      </c>
      <c r="AM14144">
        <v>12</v>
      </c>
      <c r="AN14144">
        <v>12</v>
      </c>
      <c r="AO14144">
        <v>12</v>
      </c>
      <c r="AP14144">
        <v>12</v>
      </c>
      <c r="AQ14144">
        <v>12</v>
      </c>
    </row>
    <row r="14145" spans="1:43">
      <c r="A14145" t="s">
        <v>8782</v>
      </c>
      <c r="B14145" t="s">
        <v>8783</v>
      </c>
      <c r="C14145" t="s">
        <v>8784</v>
      </c>
      <c r="D14145" t="s">
        <v>8785</v>
      </c>
      <c r="E14145" t="s">
        <v>8652</v>
      </c>
      <c r="F14145" t="s">
        <v>8653</v>
      </c>
      <c r="G14145" t="s">
        <v>80</v>
      </c>
      <c r="H14145" t="s">
        <v>81</v>
      </c>
      <c r="I14145" s="2">
        <v>0</v>
      </c>
      <c r="J14145" s="2">
        <v>0</v>
      </c>
      <c r="K14145" s="2">
        <v>1</v>
      </c>
      <c r="L14145" t="s">
        <v>995</v>
      </c>
      <c r="M14145" t="s">
        <v>83</v>
      </c>
      <c r="N14145" t="s">
        <v>91</v>
      </c>
      <c r="O14145" t="s">
        <v>85</v>
      </c>
      <c r="P14145" t="s">
        <v>86</v>
      </c>
      <c r="Q14145">
        <v>12</v>
      </c>
      <c r="R14145">
        <v>12</v>
      </c>
      <c r="S14145">
        <v>13</v>
      </c>
      <c r="T14145">
        <v>13</v>
      </c>
      <c r="U14145">
        <v>13</v>
      </c>
      <c r="V14145">
        <v>13</v>
      </c>
      <c r="W14145">
        <v>13</v>
      </c>
      <c r="X14145">
        <v>13</v>
      </c>
      <c r="Y14145">
        <v>13</v>
      </c>
      <c r="Z14145">
        <v>13</v>
      </c>
      <c r="AA14145">
        <v>13</v>
      </c>
      <c r="AB14145">
        <v>13</v>
      </c>
      <c r="AC14145">
        <v>13</v>
      </c>
      <c r="AD14145">
        <v>13</v>
      </c>
      <c r="AE14145">
        <v>13</v>
      </c>
      <c r="AF14145">
        <v>13</v>
      </c>
      <c r="AG14145">
        <v>13</v>
      </c>
      <c r="AH14145">
        <v>13</v>
      </c>
      <c r="AI14145">
        <v>13</v>
      </c>
      <c r="AJ14145">
        <v>13</v>
      </c>
      <c r="AK14145">
        <v>13</v>
      </c>
      <c r="AL14145">
        <v>13</v>
      </c>
      <c r="AM14145">
        <v>13</v>
      </c>
      <c r="AN14145">
        <v>13</v>
      </c>
      <c r="AO14145">
        <v>13</v>
      </c>
      <c r="AP14145">
        <v>13</v>
      </c>
      <c r="AQ14145">
        <v>13</v>
      </c>
    </row>
    <row r="14146" spans="1:43">
      <c r="A14146" t="s">
        <v>8786</v>
      </c>
      <c r="B14146" t="s">
        <v>8787</v>
      </c>
      <c r="C14146" t="s">
        <v>8772</v>
      </c>
      <c r="D14146" t="s">
        <v>8773</v>
      </c>
      <c r="E14146" t="s">
        <v>8652</v>
      </c>
      <c r="F14146" t="s">
        <v>8653</v>
      </c>
      <c r="G14146" t="s">
        <v>80</v>
      </c>
      <c r="H14146" t="s">
        <v>81</v>
      </c>
      <c r="I14146" s="2">
        <v>0</v>
      </c>
      <c r="J14146" s="2">
        <v>0</v>
      </c>
      <c r="K14146" s="2">
        <v>1</v>
      </c>
      <c r="L14146" t="s">
        <v>995</v>
      </c>
      <c r="M14146" t="s">
        <v>83</v>
      </c>
      <c r="N14146" t="s">
        <v>84</v>
      </c>
      <c r="O14146" t="s">
        <v>85</v>
      </c>
      <c r="P14146" t="s">
        <v>86</v>
      </c>
      <c r="Q14146">
        <v>7</v>
      </c>
      <c r="R14146">
        <v>7</v>
      </c>
      <c r="S14146">
        <v>7</v>
      </c>
      <c r="T14146">
        <v>7</v>
      </c>
      <c r="U14146">
        <v>7</v>
      </c>
      <c r="V14146">
        <v>7</v>
      </c>
      <c r="W14146">
        <v>7</v>
      </c>
      <c r="X14146">
        <v>7</v>
      </c>
      <c r="Y14146">
        <v>7</v>
      </c>
      <c r="Z14146">
        <v>7</v>
      </c>
      <c r="AA14146">
        <v>7</v>
      </c>
      <c r="AB14146">
        <v>7</v>
      </c>
      <c r="AC14146">
        <v>7</v>
      </c>
      <c r="AD14146">
        <v>7</v>
      </c>
      <c r="AE14146">
        <v>7</v>
      </c>
      <c r="AF14146">
        <v>7</v>
      </c>
      <c r="AG14146">
        <v>7</v>
      </c>
      <c r="AH14146">
        <v>7</v>
      </c>
      <c r="AI14146">
        <v>7</v>
      </c>
      <c r="AJ14146">
        <v>7</v>
      </c>
      <c r="AK14146">
        <v>7</v>
      </c>
      <c r="AL14146">
        <v>7</v>
      </c>
      <c r="AM14146">
        <v>7</v>
      </c>
      <c r="AN14146">
        <v>7</v>
      </c>
      <c r="AO14146">
        <v>7</v>
      </c>
      <c r="AP14146">
        <v>7</v>
      </c>
      <c r="AQ14146">
        <v>7</v>
      </c>
    </row>
    <row r="14147" spans="1:43">
      <c r="A14147" t="s">
        <v>8786</v>
      </c>
      <c r="B14147" t="s">
        <v>8787</v>
      </c>
      <c r="C14147" t="s">
        <v>8772</v>
      </c>
      <c r="D14147" t="s">
        <v>8773</v>
      </c>
      <c r="E14147" t="s">
        <v>8652</v>
      </c>
      <c r="F14147" t="s">
        <v>8653</v>
      </c>
      <c r="G14147" t="s">
        <v>80</v>
      </c>
      <c r="H14147" t="s">
        <v>81</v>
      </c>
      <c r="I14147" s="2">
        <v>0</v>
      </c>
      <c r="J14147" s="2">
        <v>0</v>
      </c>
      <c r="K14147" s="2">
        <v>1</v>
      </c>
      <c r="L14147" t="s">
        <v>995</v>
      </c>
      <c r="M14147" t="s">
        <v>87</v>
      </c>
      <c r="N14147" t="s">
        <v>88</v>
      </c>
      <c r="O14147" t="s">
        <v>85</v>
      </c>
      <c r="P14147" t="s">
        <v>86</v>
      </c>
      <c r="Q14147">
        <v>7</v>
      </c>
      <c r="R14147">
        <v>7</v>
      </c>
      <c r="S14147">
        <v>7</v>
      </c>
      <c r="T14147">
        <v>7</v>
      </c>
      <c r="U14147">
        <v>7</v>
      </c>
      <c r="V14147">
        <v>7</v>
      </c>
      <c r="W14147">
        <v>7</v>
      </c>
      <c r="X14147">
        <v>7</v>
      </c>
      <c r="Y14147">
        <v>7</v>
      </c>
      <c r="Z14147">
        <v>7</v>
      </c>
      <c r="AA14147">
        <v>7</v>
      </c>
      <c r="AB14147">
        <v>7</v>
      </c>
      <c r="AC14147">
        <v>7</v>
      </c>
      <c r="AD14147">
        <v>7</v>
      </c>
      <c r="AE14147">
        <v>7</v>
      </c>
      <c r="AF14147">
        <v>7</v>
      </c>
      <c r="AG14147">
        <v>6</v>
      </c>
      <c r="AH14147">
        <v>6</v>
      </c>
      <c r="AI14147">
        <v>6</v>
      </c>
      <c r="AJ14147">
        <v>6</v>
      </c>
      <c r="AK14147">
        <v>6</v>
      </c>
      <c r="AL14147">
        <v>6</v>
      </c>
      <c r="AM14147">
        <v>6</v>
      </c>
      <c r="AN14147">
        <v>6</v>
      </c>
      <c r="AO14147">
        <v>6</v>
      </c>
      <c r="AP14147">
        <v>6</v>
      </c>
      <c r="AQ14147">
        <v>6</v>
      </c>
    </row>
    <row r="14148" spans="1:43">
      <c r="A14148" t="s">
        <v>8786</v>
      </c>
      <c r="B14148" t="s">
        <v>8787</v>
      </c>
      <c r="C14148" t="s">
        <v>8772</v>
      </c>
      <c r="D14148" t="s">
        <v>8773</v>
      </c>
      <c r="E14148" t="s">
        <v>8652</v>
      </c>
      <c r="F14148" t="s">
        <v>8653</v>
      </c>
      <c r="G14148" t="s">
        <v>80</v>
      </c>
      <c r="H14148" t="s">
        <v>81</v>
      </c>
      <c r="I14148" s="2">
        <v>0</v>
      </c>
      <c r="J14148" s="2">
        <v>0</v>
      </c>
      <c r="K14148" s="2">
        <v>1</v>
      </c>
      <c r="L14148" t="s">
        <v>995</v>
      </c>
      <c r="M14148" t="s">
        <v>89</v>
      </c>
      <c r="N14148" t="s">
        <v>90</v>
      </c>
      <c r="O14148" t="s">
        <v>85</v>
      </c>
      <c r="P14148" t="s">
        <v>86</v>
      </c>
      <c r="Q14148">
        <v>7</v>
      </c>
      <c r="R14148">
        <v>7</v>
      </c>
      <c r="S14148">
        <v>7</v>
      </c>
      <c r="T14148">
        <v>7</v>
      </c>
      <c r="U14148">
        <v>7</v>
      </c>
      <c r="V14148">
        <v>8</v>
      </c>
      <c r="W14148">
        <v>8</v>
      </c>
      <c r="X14148">
        <v>8</v>
      </c>
      <c r="Y14148">
        <v>8</v>
      </c>
      <c r="Z14148">
        <v>8</v>
      </c>
      <c r="AA14148">
        <v>8</v>
      </c>
      <c r="AB14148">
        <v>8</v>
      </c>
      <c r="AC14148">
        <v>8</v>
      </c>
      <c r="AD14148">
        <v>8</v>
      </c>
      <c r="AE14148">
        <v>8</v>
      </c>
      <c r="AF14148">
        <v>8</v>
      </c>
      <c r="AG14148">
        <v>8</v>
      </c>
      <c r="AH14148">
        <v>8</v>
      </c>
      <c r="AI14148">
        <v>8</v>
      </c>
      <c r="AJ14148">
        <v>8</v>
      </c>
      <c r="AK14148">
        <v>8</v>
      </c>
      <c r="AL14148">
        <v>7</v>
      </c>
      <c r="AM14148">
        <v>7</v>
      </c>
      <c r="AN14148">
        <v>7</v>
      </c>
      <c r="AO14148">
        <v>7</v>
      </c>
      <c r="AP14148">
        <v>7</v>
      </c>
      <c r="AQ14148">
        <v>7</v>
      </c>
    </row>
    <row r="14149" spans="1:43">
      <c r="A14149" t="s">
        <v>8786</v>
      </c>
      <c r="B14149" t="s">
        <v>8787</v>
      </c>
      <c r="C14149" t="s">
        <v>8772</v>
      </c>
      <c r="D14149" t="s">
        <v>8773</v>
      </c>
      <c r="E14149" t="s">
        <v>8652</v>
      </c>
      <c r="F14149" t="s">
        <v>8653</v>
      </c>
      <c r="G14149" t="s">
        <v>80</v>
      </c>
      <c r="H14149" t="s">
        <v>81</v>
      </c>
      <c r="I14149" s="2">
        <v>0</v>
      </c>
      <c r="J14149" s="2">
        <v>0</v>
      </c>
      <c r="K14149" s="2">
        <v>1</v>
      </c>
      <c r="L14149" t="s">
        <v>995</v>
      </c>
      <c r="M14149" t="s">
        <v>83</v>
      </c>
      <c r="N14149" t="s">
        <v>91</v>
      </c>
      <c r="O14149" t="s">
        <v>85</v>
      </c>
      <c r="P14149" t="s">
        <v>86</v>
      </c>
      <c r="Q14149">
        <v>7</v>
      </c>
      <c r="R14149">
        <v>7</v>
      </c>
      <c r="S14149">
        <v>7</v>
      </c>
      <c r="T14149">
        <v>7</v>
      </c>
      <c r="U14149">
        <v>7</v>
      </c>
      <c r="V14149">
        <v>7</v>
      </c>
      <c r="W14149">
        <v>7</v>
      </c>
      <c r="X14149">
        <v>7</v>
      </c>
      <c r="Y14149">
        <v>7</v>
      </c>
      <c r="Z14149">
        <v>7</v>
      </c>
      <c r="AA14149">
        <v>7</v>
      </c>
      <c r="AB14149">
        <v>7</v>
      </c>
      <c r="AC14149">
        <v>7</v>
      </c>
      <c r="AD14149">
        <v>7</v>
      </c>
      <c r="AE14149">
        <v>7</v>
      </c>
      <c r="AF14149">
        <v>7</v>
      </c>
      <c r="AG14149">
        <v>7</v>
      </c>
      <c r="AH14149">
        <v>7</v>
      </c>
      <c r="AI14149">
        <v>7</v>
      </c>
      <c r="AJ14149">
        <v>7</v>
      </c>
      <c r="AK14149">
        <v>7</v>
      </c>
      <c r="AL14149">
        <v>7</v>
      </c>
      <c r="AM14149">
        <v>7</v>
      </c>
      <c r="AN14149">
        <v>7</v>
      </c>
      <c r="AO14149">
        <v>7</v>
      </c>
      <c r="AP14149">
        <v>7</v>
      </c>
      <c r="AQ14149">
        <v>7</v>
      </c>
    </row>
    <row r="14150" spans="1:43">
      <c r="A14150" t="s">
        <v>8788</v>
      </c>
      <c r="B14150" t="s">
        <v>8789</v>
      </c>
      <c r="C14150" t="s">
        <v>8772</v>
      </c>
      <c r="D14150" t="s">
        <v>8773</v>
      </c>
      <c r="E14150" t="s">
        <v>8652</v>
      </c>
      <c r="F14150" t="s">
        <v>8653</v>
      </c>
      <c r="G14150" t="s">
        <v>80</v>
      </c>
      <c r="H14150" t="s">
        <v>81</v>
      </c>
      <c r="I14150" s="2">
        <v>0</v>
      </c>
      <c r="J14150" s="2">
        <v>0</v>
      </c>
      <c r="K14150" s="2">
        <v>1</v>
      </c>
      <c r="L14150" t="s">
        <v>995</v>
      </c>
      <c r="M14150" t="s">
        <v>83</v>
      </c>
      <c r="N14150" t="s">
        <v>84</v>
      </c>
      <c r="O14150" t="s">
        <v>85</v>
      </c>
      <c r="P14150" t="s">
        <v>86</v>
      </c>
      <c r="Q14150">
        <v>42</v>
      </c>
      <c r="R14150">
        <v>42</v>
      </c>
      <c r="S14150">
        <v>42</v>
      </c>
      <c r="T14150">
        <v>43</v>
      </c>
      <c r="U14150">
        <v>43</v>
      </c>
      <c r="V14150">
        <v>43</v>
      </c>
      <c r="W14150">
        <v>43</v>
      </c>
      <c r="X14150">
        <v>44</v>
      </c>
      <c r="Y14150">
        <v>44</v>
      </c>
      <c r="Z14150">
        <v>44</v>
      </c>
      <c r="AA14150">
        <v>44</v>
      </c>
      <c r="AB14150">
        <v>44</v>
      </c>
      <c r="AC14150">
        <v>44</v>
      </c>
      <c r="AD14150">
        <v>45</v>
      </c>
      <c r="AE14150">
        <v>45</v>
      </c>
      <c r="AF14150">
        <v>45</v>
      </c>
      <c r="AG14150">
        <v>45</v>
      </c>
      <c r="AH14150">
        <v>45</v>
      </c>
      <c r="AI14150">
        <v>45</v>
      </c>
      <c r="AJ14150">
        <v>45</v>
      </c>
      <c r="AK14150">
        <v>45</v>
      </c>
      <c r="AL14150">
        <v>45</v>
      </c>
      <c r="AM14150">
        <v>45</v>
      </c>
      <c r="AN14150">
        <v>45</v>
      </c>
      <c r="AO14150">
        <v>44</v>
      </c>
      <c r="AP14150">
        <v>44</v>
      </c>
      <c r="AQ14150">
        <v>44</v>
      </c>
    </row>
    <row r="14151" spans="1:43">
      <c r="A14151" t="s">
        <v>8788</v>
      </c>
      <c r="B14151" t="s">
        <v>8789</v>
      </c>
      <c r="C14151" t="s">
        <v>8772</v>
      </c>
      <c r="D14151" t="s">
        <v>8773</v>
      </c>
      <c r="E14151" t="s">
        <v>8652</v>
      </c>
      <c r="F14151" t="s">
        <v>8653</v>
      </c>
      <c r="G14151" t="s">
        <v>80</v>
      </c>
      <c r="H14151" t="s">
        <v>81</v>
      </c>
      <c r="I14151" s="2">
        <v>0</v>
      </c>
      <c r="J14151" s="2">
        <v>0</v>
      </c>
      <c r="K14151" s="2">
        <v>1</v>
      </c>
      <c r="L14151" t="s">
        <v>995</v>
      </c>
      <c r="M14151" t="s">
        <v>87</v>
      </c>
      <c r="N14151" t="s">
        <v>88</v>
      </c>
      <c r="O14151" t="s">
        <v>85</v>
      </c>
      <c r="P14151" t="s">
        <v>86</v>
      </c>
      <c r="Q14151">
        <v>42</v>
      </c>
      <c r="R14151">
        <v>41</v>
      </c>
      <c r="S14151">
        <v>41</v>
      </c>
      <c r="T14151">
        <v>41</v>
      </c>
      <c r="U14151">
        <v>41</v>
      </c>
      <c r="V14151">
        <v>41</v>
      </c>
      <c r="W14151">
        <v>41</v>
      </c>
      <c r="X14151">
        <v>41</v>
      </c>
      <c r="Y14151">
        <v>40</v>
      </c>
      <c r="Z14151">
        <v>40</v>
      </c>
      <c r="AA14151">
        <v>40</v>
      </c>
      <c r="AB14151">
        <v>40</v>
      </c>
      <c r="AC14151">
        <v>40</v>
      </c>
      <c r="AD14151">
        <v>40</v>
      </c>
      <c r="AE14151">
        <v>40</v>
      </c>
      <c r="AF14151">
        <v>40</v>
      </c>
      <c r="AG14151">
        <v>39</v>
      </c>
      <c r="AH14151">
        <v>39</v>
      </c>
      <c r="AI14151">
        <v>39</v>
      </c>
      <c r="AJ14151">
        <v>39</v>
      </c>
      <c r="AK14151">
        <v>39</v>
      </c>
      <c r="AL14151">
        <v>39</v>
      </c>
      <c r="AM14151">
        <v>39</v>
      </c>
      <c r="AN14151">
        <v>39</v>
      </c>
      <c r="AO14151">
        <v>39</v>
      </c>
      <c r="AP14151">
        <v>39</v>
      </c>
      <c r="AQ14151">
        <v>39</v>
      </c>
    </row>
    <row r="14152" spans="1:43">
      <c r="A14152" t="s">
        <v>8788</v>
      </c>
      <c r="B14152" t="s">
        <v>8789</v>
      </c>
      <c r="C14152" t="s">
        <v>8772</v>
      </c>
      <c r="D14152" t="s">
        <v>8773</v>
      </c>
      <c r="E14152" t="s">
        <v>8652</v>
      </c>
      <c r="F14152" t="s">
        <v>8653</v>
      </c>
      <c r="G14152" t="s">
        <v>80</v>
      </c>
      <c r="H14152" t="s">
        <v>81</v>
      </c>
      <c r="I14152" s="2">
        <v>0</v>
      </c>
      <c r="J14152" s="2">
        <v>0</v>
      </c>
      <c r="K14152" s="2">
        <v>1</v>
      </c>
      <c r="L14152" t="s">
        <v>995</v>
      </c>
      <c r="M14152" t="s">
        <v>89</v>
      </c>
      <c r="N14152" t="s">
        <v>90</v>
      </c>
      <c r="O14152" t="s">
        <v>85</v>
      </c>
      <c r="P14152" t="s">
        <v>86</v>
      </c>
      <c r="Q14152">
        <v>42</v>
      </c>
      <c r="R14152">
        <v>43</v>
      </c>
      <c r="S14152">
        <v>43</v>
      </c>
      <c r="T14152">
        <v>44</v>
      </c>
      <c r="U14152">
        <v>45</v>
      </c>
      <c r="V14152">
        <v>45</v>
      </c>
      <c r="W14152">
        <v>46</v>
      </c>
      <c r="X14152">
        <v>46</v>
      </c>
      <c r="Y14152">
        <v>46</v>
      </c>
      <c r="Z14152">
        <v>47</v>
      </c>
      <c r="AA14152">
        <v>47</v>
      </c>
      <c r="AB14152">
        <v>47</v>
      </c>
      <c r="AC14152">
        <v>47</v>
      </c>
      <c r="AD14152">
        <v>48</v>
      </c>
      <c r="AE14152">
        <v>48</v>
      </c>
      <c r="AF14152">
        <v>47</v>
      </c>
      <c r="AG14152">
        <v>47</v>
      </c>
      <c r="AH14152">
        <v>47</v>
      </c>
      <c r="AI14152">
        <v>47</v>
      </c>
      <c r="AJ14152">
        <v>46</v>
      </c>
      <c r="AK14152">
        <v>46</v>
      </c>
      <c r="AL14152">
        <v>46</v>
      </c>
      <c r="AM14152">
        <v>45</v>
      </c>
      <c r="AN14152">
        <v>45</v>
      </c>
      <c r="AO14152">
        <v>45</v>
      </c>
      <c r="AP14152">
        <v>45</v>
      </c>
      <c r="AQ14152">
        <v>44</v>
      </c>
    </row>
    <row r="14153" spans="1:43">
      <c r="A14153" t="s">
        <v>8788</v>
      </c>
      <c r="B14153" t="s">
        <v>8789</v>
      </c>
      <c r="C14153" t="s">
        <v>8772</v>
      </c>
      <c r="D14153" t="s">
        <v>8773</v>
      </c>
      <c r="E14153" t="s">
        <v>8652</v>
      </c>
      <c r="F14153" t="s">
        <v>8653</v>
      </c>
      <c r="G14153" t="s">
        <v>80</v>
      </c>
      <c r="H14153" t="s">
        <v>81</v>
      </c>
      <c r="I14153" s="2">
        <v>0</v>
      </c>
      <c r="J14153" s="2">
        <v>0</v>
      </c>
      <c r="K14153" s="2">
        <v>1</v>
      </c>
      <c r="L14153" t="s">
        <v>995</v>
      </c>
      <c r="M14153" t="s">
        <v>83</v>
      </c>
      <c r="N14153" t="s">
        <v>91</v>
      </c>
      <c r="O14153" t="s">
        <v>85</v>
      </c>
      <c r="P14153" t="s">
        <v>86</v>
      </c>
      <c r="Q14153">
        <v>42</v>
      </c>
      <c r="R14153">
        <v>42</v>
      </c>
      <c r="S14153">
        <v>42</v>
      </c>
      <c r="T14153">
        <v>43</v>
      </c>
      <c r="U14153">
        <v>43</v>
      </c>
      <c r="V14153">
        <v>43</v>
      </c>
      <c r="W14153">
        <v>43</v>
      </c>
      <c r="X14153">
        <v>44</v>
      </c>
      <c r="Y14153">
        <v>44</v>
      </c>
      <c r="Z14153">
        <v>44</v>
      </c>
      <c r="AA14153">
        <v>44</v>
      </c>
      <c r="AB14153">
        <v>44</v>
      </c>
      <c r="AC14153">
        <v>44</v>
      </c>
      <c r="AD14153">
        <v>45</v>
      </c>
      <c r="AE14153">
        <v>45</v>
      </c>
      <c r="AF14153">
        <v>45</v>
      </c>
      <c r="AG14153">
        <v>45</v>
      </c>
      <c r="AH14153">
        <v>45</v>
      </c>
      <c r="AI14153">
        <v>45</v>
      </c>
      <c r="AJ14153">
        <v>45</v>
      </c>
      <c r="AK14153">
        <v>45</v>
      </c>
      <c r="AL14153">
        <v>45</v>
      </c>
      <c r="AM14153">
        <v>45</v>
      </c>
      <c r="AN14153">
        <v>45</v>
      </c>
      <c r="AO14153">
        <v>44</v>
      </c>
      <c r="AP14153">
        <v>44</v>
      </c>
      <c r="AQ14153">
        <v>44</v>
      </c>
    </row>
    <row r="14154" spans="1:43">
      <c r="A14154" t="s">
        <v>8790</v>
      </c>
      <c r="B14154" t="s">
        <v>8791</v>
      </c>
      <c r="C14154" t="s">
        <v>8792</v>
      </c>
      <c r="D14154" t="s">
        <v>8793</v>
      </c>
      <c r="E14154" t="s">
        <v>8652</v>
      </c>
      <c r="F14154" t="s">
        <v>8653</v>
      </c>
      <c r="G14154" t="s">
        <v>80</v>
      </c>
      <c r="H14154" t="s">
        <v>81</v>
      </c>
      <c r="I14154" s="2">
        <v>0</v>
      </c>
      <c r="J14154" s="2">
        <v>0</v>
      </c>
      <c r="K14154" s="2">
        <v>1</v>
      </c>
      <c r="L14154" t="s">
        <v>995</v>
      </c>
      <c r="M14154" t="s">
        <v>83</v>
      </c>
      <c r="N14154" t="s">
        <v>84</v>
      </c>
      <c r="O14154" t="s">
        <v>85</v>
      </c>
      <c r="P14154" t="s">
        <v>86</v>
      </c>
      <c r="Q14154">
        <v>53</v>
      </c>
      <c r="R14154">
        <v>54</v>
      </c>
      <c r="S14154">
        <v>54</v>
      </c>
      <c r="T14154">
        <v>54</v>
      </c>
      <c r="U14154">
        <v>54</v>
      </c>
      <c r="V14154">
        <v>55</v>
      </c>
      <c r="W14154">
        <v>55</v>
      </c>
      <c r="X14154">
        <v>55</v>
      </c>
      <c r="Y14154">
        <v>55</v>
      </c>
      <c r="Z14154">
        <v>55</v>
      </c>
      <c r="AA14154">
        <v>56</v>
      </c>
      <c r="AB14154">
        <v>56</v>
      </c>
      <c r="AC14154">
        <v>56</v>
      </c>
      <c r="AD14154">
        <v>56</v>
      </c>
      <c r="AE14154">
        <v>56</v>
      </c>
      <c r="AF14154">
        <v>56</v>
      </c>
      <c r="AG14154">
        <v>56</v>
      </c>
      <c r="AH14154">
        <v>57</v>
      </c>
      <c r="AI14154">
        <v>57</v>
      </c>
      <c r="AJ14154">
        <v>57</v>
      </c>
      <c r="AK14154">
        <v>57</v>
      </c>
      <c r="AL14154">
        <v>57</v>
      </c>
      <c r="AM14154">
        <v>56</v>
      </c>
      <c r="AN14154">
        <v>56</v>
      </c>
      <c r="AO14154">
        <v>56</v>
      </c>
      <c r="AP14154">
        <v>55</v>
      </c>
      <c r="AQ14154">
        <v>55</v>
      </c>
    </row>
    <row r="14155" spans="1:43">
      <c r="A14155" t="s">
        <v>8790</v>
      </c>
      <c r="B14155" t="s">
        <v>8791</v>
      </c>
      <c r="C14155" t="s">
        <v>8792</v>
      </c>
      <c r="D14155" t="s">
        <v>8793</v>
      </c>
      <c r="E14155" t="s">
        <v>8652</v>
      </c>
      <c r="F14155" t="s">
        <v>8653</v>
      </c>
      <c r="G14155" t="s">
        <v>80</v>
      </c>
      <c r="H14155" t="s">
        <v>81</v>
      </c>
      <c r="I14155" s="2">
        <v>0</v>
      </c>
      <c r="J14155" s="2">
        <v>0</v>
      </c>
      <c r="K14155" s="2">
        <v>1</v>
      </c>
      <c r="L14155" t="s">
        <v>995</v>
      </c>
      <c r="M14155" t="s">
        <v>87</v>
      </c>
      <c r="N14155" t="s">
        <v>88</v>
      </c>
      <c r="O14155" t="s">
        <v>85</v>
      </c>
      <c r="P14155" t="s">
        <v>86</v>
      </c>
      <c r="Q14155">
        <v>53</v>
      </c>
      <c r="R14155">
        <v>53</v>
      </c>
      <c r="S14155">
        <v>52</v>
      </c>
      <c r="T14155">
        <v>52</v>
      </c>
      <c r="U14155">
        <v>52</v>
      </c>
      <c r="V14155">
        <v>52</v>
      </c>
      <c r="W14155">
        <v>51</v>
      </c>
      <c r="X14155">
        <v>51</v>
      </c>
      <c r="Y14155">
        <v>51</v>
      </c>
      <c r="Z14155">
        <v>51</v>
      </c>
      <c r="AA14155">
        <v>51</v>
      </c>
      <c r="AB14155">
        <v>50</v>
      </c>
      <c r="AC14155">
        <v>50</v>
      </c>
      <c r="AD14155">
        <v>50</v>
      </c>
      <c r="AE14155">
        <v>50</v>
      </c>
      <c r="AF14155">
        <v>50</v>
      </c>
      <c r="AG14155">
        <v>50</v>
      </c>
      <c r="AH14155">
        <v>49</v>
      </c>
      <c r="AI14155">
        <v>49</v>
      </c>
      <c r="AJ14155">
        <v>49</v>
      </c>
      <c r="AK14155">
        <v>49</v>
      </c>
      <c r="AL14155">
        <v>49</v>
      </c>
      <c r="AM14155">
        <v>48</v>
      </c>
      <c r="AN14155">
        <v>48</v>
      </c>
      <c r="AO14155">
        <v>48</v>
      </c>
      <c r="AP14155">
        <v>48</v>
      </c>
      <c r="AQ14155">
        <v>48</v>
      </c>
    </row>
    <row r="14156" spans="1:43">
      <c r="A14156" t="s">
        <v>8790</v>
      </c>
      <c r="B14156" t="s">
        <v>8791</v>
      </c>
      <c r="C14156" t="s">
        <v>8792</v>
      </c>
      <c r="D14156" t="s">
        <v>8793</v>
      </c>
      <c r="E14156" t="s">
        <v>8652</v>
      </c>
      <c r="F14156" t="s">
        <v>8653</v>
      </c>
      <c r="G14156" t="s">
        <v>80</v>
      </c>
      <c r="H14156" t="s">
        <v>81</v>
      </c>
      <c r="I14156" s="2">
        <v>0</v>
      </c>
      <c r="J14156" s="2">
        <v>0</v>
      </c>
      <c r="K14156" s="2">
        <v>1</v>
      </c>
      <c r="L14156" t="s">
        <v>995</v>
      </c>
      <c r="M14156" t="s">
        <v>89</v>
      </c>
      <c r="N14156" t="s">
        <v>90</v>
      </c>
      <c r="O14156" t="s">
        <v>85</v>
      </c>
      <c r="P14156" t="s">
        <v>86</v>
      </c>
      <c r="Q14156">
        <v>53</v>
      </c>
      <c r="R14156">
        <v>53</v>
      </c>
      <c r="S14156">
        <v>54</v>
      </c>
      <c r="T14156">
        <v>55</v>
      </c>
      <c r="U14156">
        <v>55</v>
      </c>
      <c r="V14156">
        <v>56</v>
      </c>
      <c r="W14156">
        <v>57</v>
      </c>
      <c r="X14156">
        <v>57</v>
      </c>
      <c r="Y14156">
        <v>57</v>
      </c>
      <c r="Z14156">
        <v>58</v>
      </c>
      <c r="AA14156">
        <v>58</v>
      </c>
      <c r="AB14156">
        <v>58</v>
      </c>
      <c r="AC14156">
        <v>59</v>
      </c>
      <c r="AD14156">
        <v>59</v>
      </c>
      <c r="AE14156">
        <v>59</v>
      </c>
      <c r="AF14156">
        <v>59</v>
      </c>
      <c r="AG14156">
        <v>58</v>
      </c>
      <c r="AH14156">
        <v>58</v>
      </c>
      <c r="AI14156">
        <v>58</v>
      </c>
      <c r="AJ14156">
        <v>57</v>
      </c>
      <c r="AK14156">
        <v>57</v>
      </c>
      <c r="AL14156">
        <v>56</v>
      </c>
      <c r="AM14156">
        <v>56</v>
      </c>
      <c r="AN14156">
        <v>56</v>
      </c>
      <c r="AO14156">
        <v>55</v>
      </c>
      <c r="AP14156">
        <v>55</v>
      </c>
      <c r="AQ14156">
        <v>55</v>
      </c>
    </row>
    <row r="14157" spans="1:43">
      <c r="A14157" t="s">
        <v>8790</v>
      </c>
      <c r="B14157" t="s">
        <v>8791</v>
      </c>
      <c r="C14157" t="s">
        <v>8792</v>
      </c>
      <c r="D14157" t="s">
        <v>8793</v>
      </c>
      <c r="E14157" t="s">
        <v>8652</v>
      </c>
      <c r="F14157" t="s">
        <v>8653</v>
      </c>
      <c r="G14157" t="s">
        <v>80</v>
      </c>
      <c r="H14157" t="s">
        <v>81</v>
      </c>
      <c r="I14157" s="2">
        <v>0</v>
      </c>
      <c r="J14157" s="2">
        <v>0</v>
      </c>
      <c r="K14157" s="2">
        <v>1</v>
      </c>
      <c r="L14157" t="s">
        <v>995</v>
      </c>
      <c r="M14157" t="s">
        <v>83</v>
      </c>
      <c r="N14157" t="s">
        <v>91</v>
      </c>
      <c r="O14157" t="s">
        <v>85</v>
      </c>
      <c r="P14157" t="s">
        <v>86</v>
      </c>
      <c r="Q14157">
        <v>53</v>
      </c>
      <c r="R14157">
        <v>54</v>
      </c>
      <c r="S14157">
        <v>54</v>
      </c>
      <c r="T14157">
        <v>54</v>
      </c>
      <c r="U14157">
        <v>54</v>
      </c>
      <c r="V14157">
        <v>55</v>
      </c>
      <c r="W14157">
        <v>55</v>
      </c>
      <c r="X14157">
        <v>55</v>
      </c>
      <c r="Y14157">
        <v>55</v>
      </c>
      <c r="Z14157">
        <v>55</v>
      </c>
      <c r="AA14157">
        <v>56</v>
      </c>
      <c r="AB14157">
        <v>56</v>
      </c>
      <c r="AC14157">
        <v>56</v>
      </c>
      <c r="AD14157">
        <v>56</v>
      </c>
      <c r="AE14157">
        <v>56</v>
      </c>
      <c r="AF14157">
        <v>56</v>
      </c>
      <c r="AG14157">
        <v>56</v>
      </c>
      <c r="AH14157">
        <v>57</v>
      </c>
      <c r="AI14157">
        <v>57</v>
      </c>
      <c r="AJ14157">
        <v>57</v>
      </c>
      <c r="AK14157">
        <v>57</v>
      </c>
      <c r="AL14157">
        <v>57</v>
      </c>
      <c r="AM14157">
        <v>56</v>
      </c>
      <c r="AN14157">
        <v>56</v>
      </c>
      <c r="AO14157">
        <v>56</v>
      </c>
      <c r="AP14157">
        <v>55</v>
      </c>
      <c r="AQ14157">
        <v>55</v>
      </c>
    </row>
    <row r="14158" spans="1:43">
      <c r="A14158" t="s">
        <v>8794</v>
      </c>
      <c r="B14158" t="s">
        <v>8795</v>
      </c>
      <c r="C14158" t="s">
        <v>8792</v>
      </c>
      <c r="D14158" t="s">
        <v>8793</v>
      </c>
      <c r="E14158" t="s">
        <v>8652</v>
      </c>
      <c r="F14158" t="s">
        <v>8653</v>
      </c>
      <c r="G14158" t="s">
        <v>80</v>
      </c>
      <c r="H14158" t="s">
        <v>81</v>
      </c>
      <c r="I14158" s="2">
        <v>0</v>
      </c>
      <c r="J14158" s="2">
        <v>0</v>
      </c>
      <c r="K14158" s="2">
        <v>1</v>
      </c>
      <c r="L14158" t="s">
        <v>995</v>
      </c>
      <c r="M14158" t="s">
        <v>83</v>
      </c>
      <c r="N14158" t="s">
        <v>84</v>
      </c>
      <c r="O14158" t="s">
        <v>85</v>
      </c>
      <c r="P14158" t="s">
        <v>86</v>
      </c>
      <c r="Q14158">
        <v>3</v>
      </c>
      <c r="R14158">
        <v>3</v>
      </c>
      <c r="S14158">
        <v>3</v>
      </c>
      <c r="T14158">
        <v>3</v>
      </c>
      <c r="U14158">
        <v>3</v>
      </c>
      <c r="V14158">
        <v>3</v>
      </c>
      <c r="W14158">
        <v>3</v>
      </c>
      <c r="X14158">
        <v>3</v>
      </c>
      <c r="Y14158">
        <v>3</v>
      </c>
      <c r="Z14158">
        <v>3</v>
      </c>
      <c r="AA14158">
        <v>3</v>
      </c>
      <c r="AB14158">
        <v>3</v>
      </c>
      <c r="AC14158">
        <v>3</v>
      </c>
      <c r="AD14158">
        <v>3</v>
      </c>
      <c r="AE14158">
        <v>3</v>
      </c>
      <c r="AF14158">
        <v>3</v>
      </c>
      <c r="AG14158">
        <v>3</v>
      </c>
      <c r="AH14158">
        <v>3</v>
      </c>
      <c r="AI14158">
        <v>3</v>
      </c>
      <c r="AJ14158">
        <v>3</v>
      </c>
      <c r="AK14158">
        <v>3</v>
      </c>
      <c r="AL14158">
        <v>3</v>
      </c>
      <c r="AM14158">
        <v>3</v>
      </c>
      <c r="AN14158">
        <v>3</v>
      </c>
      <c r="AO14158">
        <v>3</v>
      </c>
      <c r="AP14158">
        <v>3</v>
      </c>
      <c r="AQ14158">
        <v>3</v>
      </c>
    </row>
    <row r="14159" spans="1:43">
      <c r="A14159" t="s">
        <v>8794</v>
      </c>
      <c r="B14159" t="s">
        <v>8795</v>
      </c>
      <c r="C14159" t="s">
        <v>8792</v>
      </c>
      <c r="D14159" t="s">
        <v>8793</v>
      </c>
      <c r="E14159" t="s">
        <v>8652</v>
      </c>
      <c r="F14159" t="s">
        <v>8653</v>
      </c>
      <c r="G14159" t="s">
        <v>80</v>
      </c>
      <c r="H14159" t="s">
        <v>81</v>
      </c>
      <c r="I14159" s="2">
        <v>0</v>
      </c>
      <c r="J14159" s="2">
        <v>0</v>
      </c>
      <c r="K14159" s="2">
        <v>1</v>
      </c>
      <c r="L14159" t="s">
        <v>995</v>
      </c>
      <c r="M14159" t="s">
        <v>87</v>
      </c>
      <c r="N14159" t="s">
        <v>88</v>
      </c>
      <c r="O14159" t="s">
        <v>85</v>
      </c>
      <c r="P14159" t="s">
        <v>86</v>
      </c>
      <c r="Q14159">
        <v>3</v>
      </c>
      <c r="R14159">
        <v>3</v>
      </c>
      <c r="S14159">
        <v>3</v>
      </c>
      <c r="T14159">
        <v>3</v>
      </c>
      <c r="U14159">
        <v>3</v>
      </c>
      <c r="V14159">
        <v>3</v>
      </c>
      <c r="W14159">
        <v>3</v>
      </c>
      <c r="X14159">
        <v>3</v>
      </c>
      <c r="Y14159">
        <v>3</v>
      </c>
      <c r="Z14159">
        <v>3</v>
      </c>
      <c r="AA14159">
        <v>3</v>
      </c>
      <c r="AB14159">
        <v>3</v>
      </c>
      <c r="AC14159">
        <v>3</v>
      </c>
      <c r="AD14159">
        <v>3</v>
      </c>
      <c r="AE14159">
        <v>3</v>
      </c>
      <c r="AF14159">
        <v>3</v>
      </c>
      <c r="AG14159">
        <v>3</v>
      </c>
      <c r="AH14159">
        <v>3</v>
      </c>
      <c r="AI14159">
        <v>3</v>
      </c>
      <c r="AJ14159">
        <v>2</v>
      </c>
      <c r="AK14159">
        <v>2</v>
      </c>
      <c r="AL14159">
        <v>2</v>
      </c>
      <c r="AM14159">
        <v>2</v>
      </c>
      <c r="AN14159">
        <v>2</v>
      </c>
      <c r="AO14159">
        <v>2</v>
      </c>
      <c r="AP14159">
        <v>2</v>
      </c>
      <c r="AQ14159">
        <v>2</v>
      </c>
    </row>
    <row r="14160" spans="1:43">
      <c r="A14160" t="s">
        <v>8794</v>
      </c>
      <c r="B14160" t="s">
        <v>8795</v>
      </c>
      <c r="C14160" t="s">
        <v>8792</v>
      </c>
      <c r="D14160" t="s">
        <v>8793</v>
      </c>
      <c r="E14160" t="s">
        <v>8652</v>
      </c>
      <c r="F14160" t="s">
        <v>8653</v>
      </c>
      <c r="G14160" t="s">
        <v>80</v>
      </c>
      <c r="H14160" t="s">
        <v>81</v>
      </c>
      <c r="I14160" s="2">
        <v>0</v>
      </c>
      <c r="J14160" s="2">
        <v>0</v>
      </c>
      <c r="K14160" s="2">
        <v>1</v>
      </c>
      <c r="L14160" t="s">
        <v>995</v>
      </c>
      <c r="M14160" t="s">
        <v>89</v>
      </c>
      <c r="N14160" t="s">
        <v>90</v>
      </c>
      <c r="O14160" t="s">
        <v>85</v>
      </c>
      <c r="P14160" t="s">
        <v>86</v>
      </c>
      <c r="Q14160">
        <v>3</v>
      </c>
      <c r="R14160">
        <v>3</v>
      </c>
      <c r="S14160">
        <v>3</v>
      </c>
      <c r="T14160">
        <v>3</v>
      </c>
      <c r="U14160">
        <v>3</v>
      </c>
      <c r="V14160">
        <v>3</v>
      </c>
      <c r="W14160">
        <v>3</v>
      </c>
      <c r="X14160">
        <v>3</v>
      </c>
      <c r="Y14160">
        <v>3</v>
      </c>
      <c r="Z14160">
        <v>3</v>
      </c>
      <c r="AA14160">
        <v>3</v>
      </c>
      <c r="AB14160">
        <v>3</v>
      </c>
      <c r="AC14160">
        <v>3</v>
      </c>
      <c r="AD14160">
        <v>3</v>
      </c>
      <c r="AE14160">
        <v>3</v>
      </c>
      <c r="AF14160">
        <v>3</v>
      </c>
      <c r="AG14160">
        <v>3</v>
      </c>
      <c r="AH14160">
        <v>3</v>
      </c>
      <c r="AI14160">
        <v>3</v>
      </c>
      <c r="AJ14160">
        <v>3</v>
      </c>
      <c r="AK14160">
        <v>3</v>
      </c>
      <c r="AL14160">
        <v>3</v>
      </c>
      <c r="AM14160">
        <v>3</v>
      </c>
      <c r="AN14160">
        <v>3</v>
      </c>
      <c r="AO14160">
        <v>3</v>
      </c>
      <c r="AP14160">
        <v>3</v>
      </c>
      <c r="AQ14160">
        <v>3</v>
      </c>
    </row>
    <row r="14161" spans="1:43">
      <c r="A14161" t="s">
        <v>8794</v>
      </c>
      <c r="B14161" t="s">
        <v>8795</v>
      </c>
      <c r="C14161" t="s">
        <v>8792</v>
      </c>
      <c r="D14161" t="s">
        <v>8793</v>
      </c>
      <c r="E14161" t="s">
        <v>8652</v>
      </c>
      <c r="F14161" t="s">
        <v>8653</v>
      </c>
      <c r="G14161" t="s">
        <v>80</v>
      </c>
      <c r="H14161" t="s">
        <v>81</v>
      </c>
      <c r="I14161" s="2">
        <v>0</v>
      </c>
      <c r="J14161" s="2">
        <v>0</v>
      </c>
      <c r="K14161" s="2">
        <v>1</v>
      </c>
      <c r="L14161" t="s">
        <v>995</v>
      </c>
      <c r="M14161" t="s">
        <v>83</v>
      </c>
      <c r="N14161" t="s">
        <v>91</v>
      </c>
      <c r="O14161" t="s">
        <v>85</v>
      </c>
      <c r="P14161" t="s">
        <v>86</v>
      </c>
      <c r="Q14161">
        <v>3</v>
      </c>
      <c r="R14161">
        <v>3</v>
      </c>
      <c r="S14161">
        <v>3</v>
      </c>
      <c r="T14161">
        <v>3</v>
      </c>
      <c r="U14161">
        <v>3</v>
      </c>
      <c r="V14161">
        <v>3</v>
      </c>
      <c r="W14161">
        <v>3</v>
      </c>
      <c r="X14161">
        <v>3</v>
      </c>
      <c r="Y14161">
        <v>3</v>
      </c>
      <c r="Z14161">
        <v>3</v>
      </c>
      <c r="AA14161">
        <v>3</v>
      </c>
      <c r="AB14161">
        <v>3</v>
      </c>
      <c r="AC14161">
        <v>3</v>
      </c>
      <c r="AD14161">
        <v>3</v>
      </c>
      <c r="AE14161">
        <v>3</v>
      </c>
      <c r="AF14161">
        <v>3</v>
      </c>
      <c r="AG14161">
        <v>3</v>
      </c>
      <c r="AH14161">
        <v>3</v>
      </c>
      <c r="AI14161">
        <v>3</v>
      </c>
      <c r="AJ14161">
        <v>3</v>
      </c>
      <c r="AK14161">
        <v>3</v>
      </c>
      <c r="AL14161">
        <v>3</v>
      </c>
      <c r="AM14161">
        <v>3</v>
      </c>
      <c r="AN14161">
        <v>3</v>
      </c>
      <c r="AO14161">
        <v>3</v>
      </c>
      <c r="AP14161">
        <v>3</v>
      </c>
      <c r="AQ14161">
        <v>3</v>
      </c>
    </row>
    <row r="14162" spans="1:43">
      <c r="A14162" t="s">
        <v>8796</v>
      </c>
      <c r="B14162" t="s">
        <v>8797</v>
      </c>
      <c r="C14162" t="s">
        <v>8750</v>
      </c>
      <c r="D14162" t="s">
        <v>8751</v>
      </c>
      <c r="E14162" t="s">
        <v>8652</v>
      </c>
      <c r="F14162" t="s">
        <v>8653</v>
      </c>
      <c r="G14162" t="s">
        <v>80</v>
      </c>
      <c r="H14162" t="s">
        <v>81</v>
      </c>
      <c r="I14162" s="2">
        <v>0</v>
      </c>
      <c r="J14162" s="2">
        <v>0</v>
      </c>
      <c r="K14162" s="2">
        <v>1</v>
      </c>
      <c r="L14162" t="s">
        <v>995</v>
      </c>
      <c r="M14162" t="s">
        <v>83</v>
      </c>
      <c r="N14162" t="s">
        <v>84</v>
      </c>
      <c r="O14162" t="s">
        <v>85</v>
      </c>
      <c r="P14162" t="s">
        <v>86</v>
      </c>
      <c r="Q14162">
        <v>6</v>
      </c>
      <c r="R14162">
        <v>6</v>
      </c>
      <c r="S14162">
        <v>6</v>
      </c>
      <c r="T14162">
        <v>6</v>
      </c>
      <c r="U14162">
        <v>6</v>
      </c>
      <c r="V14162">
        <v>6</v>
      </c>
      <c r="W14162">
        <v>6</v>
      </c>
      <c r="X14162">
        <v>6</v>
      </c>
      <c r="Y14162">
        <v>6</v>
      </c>
      <c r="Z14162">
        <v>6</v>
      </c>
      <c r="AA14162">
        <v>6</v>
      </c>
      <c r="AB14162">
        <v>6</v>
      </c>
      <c r="AC14162">
        <v>6</v>
      </c>
      <c r="AD14162">
        <v>6</v>
      </c>
      <c r="AE14162">
        <v>6</v>
      </c>
      <c r="AF14162">
        <v>6</v>
      </c>
      <c r="AG14162">
        <v>6</v>
      </c>
      <c r="AH14162">
        <v>6</v>
      </c>
      <c r="AI14162">
        <v>6</v>
      </c>
      <c r="AJ14162">
        <v>6</v>
      </c>
      <c r="AK14162">
        <v>6</v>
      </c>
      <c r="AL14162">
        <v>6</v>
      </c>
      <c r="AM14162">
        <v>6</v>
      </c>
      <c r="AN14162">
        <v>6</v>
      </c>
      <c r="AO14162">
        <v>6</v>
      </c>
      <c r="AP14162">
        <v>6</v>
      </c>
      <c r="AQ14162">
        <v>6</v>
      </c>
    </row>
    <row r="14163" spans="1:43">
      <c r="A14163" t="s">
        <v>8796</v>
      </c>
      <c r="B14163" t="s">
        <v>8797</v>
      </c>
      <c r="C14163" t="s">
        <v>8750</v>
      </c>
      <c r="D14163" t="s">
        <v>8751</v>
      </c>
      <c r="E14163" t="s">
        <v>8652</v>
      </c>
      <c r="F14163" t="s">
        <v>8653</v>
      </c>
      <c r="G14163" t="s">
        <v>80</v>
      </c>
      <c r="H14163" t="s">
        <v>81</v>
      </c>
      <c r="I14163" s="2">
        <v>0</v>
      </c>
      <c r="J14163" s="2">
        <v>0</v>
      </c>
      <c r="K14163" s="2">
        <v>1</v>
      </c>
      <c r="L14163" t="s">
        <v>995</v>
      </c>
      <c r="M14163" t="s">
        <v>87</v>
      </c>
      <c r="N14163" t="s">
        <v>88</v>
      </c>
      <c r="O14163" t="s">
        <v>85</v>
      </c>
      <c r="P14163" t="s">
        <v>86</v>
      </c>
      <c r="Q14163">
        <v>6</v>
      </c>
      <c r="R14163">
        <v>6</v>
      </c>
      <c r="S14163">
        <v>6</v>
      </c>
      <c r="T14163">
        <v>6</v>
      </c>
      <c r="U14163">
        <v>6</v>
      </c>
      <c r="V14163">
        <v>6</v>
      </c>
      <c r="W14163">
        <v>6</v>
      </c>
      <c r="X14163">
        <v>6</v>
      </c>
      <c r="Y14163">
        <v>6</v>
      </c>
      <c r="Z14163">
        <v>6</v>
      </c>
      <c r="AA14163">
        <v>6</v>
      </c>
      <c r="AB14163">
        <v>6</v>
      </c>
      <c r="AC14163">
        <v>6</v>
      </c>
      <c r="AD14163">
        <v>6</v>
      </c>
      <c r="AE14163">
        <v>6</v>
      </c>
      <c r="AF14163">
        <v>6</v>
      </c>
      <c r="AG14163">
        <v>6</v>
      </c>
      <c r="AH14163">
        <v>6</v>
      </c>
      <c r="AI14163">
        <v>5</v>
      </c>
      <c r="AJ14163">
        <v>5</v>
      </c>
      <c r="AK14163">
        <v>5</v>
      </c>
      <c r="AL14163">
        <v>5</v>
      </c>
      <c r="AM14163">
        <v>5</v>
      </c>
      <c r="AN14163">
        <v>5</v>
      </c>
      <c r="AO14163">
        <v>5</v>
      </c>
      <c r="AP14163">
        <v>5</v>
      </c>
      <c r="AQ14163">
        <v>5</v>
      </c>
    </row>
    <row r="14164" spans="1:43">
      <c r="A14164" t="s">
        <v>8796</v>
      </c>
      <c r="B14164" t="s">
        <v>8797</v>
      </c>
      <c r="C14164" t="s">
        <v>8750</v>
      </c>
      <c r="D14164" t="s">
        <v>8751</v>
      </c>
      <c r="E14164" t="s">
        <v>8652</v>
      </c>
      <c r="F14164" t="s">
        <v>8653</v>
      </c>
      <c r="G14164" t="s">
        <v>80</v>
      </c>
      <c r="H14164" t="s">
        <v>81</v>
      </c>
      <c r="I14164" s="2">
        <v>0</v>
      </c>
      <c r="J14164" s="2">
        <v>0</v>
      </c>
      <c r="K14164" s="2">
        <v>1</v>
      </c>
      <c r="L14164" t="s">
        <v>995</v>
      </c>
      <c r="M14164" t="s">
        <v>89</v>
      </c>
      <c r="N14164" t="s">
        <v>90</v>
      </c>
      <c r="O14164" t="s">
        <v>85</v>
      </c>
      <c r="P14164" t="s">
        <v>86</v>
      </c>
      <c r="Q14164">
        <v>6</v>
      </c>
      <c r="R14164">
        <v>6</v>
      </c>
      <c r="S14164">
        <v>6</v>
      </c>
      <c r="T14164">
        <v>6</v>
      </c>
      <c r="U14164">
        <v>6</v>
      </c>
      <c r="V14164">
        <v>6</v>
      </c>
      <c r="W14164">
        <v>6</v>
      </c>
      <c r="X14164">
        <v>6</v>
      </c>
      <c r="Y14164">
        <v>7</v>
      </c>
      <c r="Z14164">
        <v>7</v>
      </c>
      <c r="AA14164">
        <v>7</v>
      </c>
      <c r="AB14164">
        <v>7</v>
      </c>
      <c r="AC14164">
        <v>7</v>
      </c>
      <c r="AD14164">
        <v>7</v>
      </c>
      <c r="AE14164">
        <v>7</v>
      </c>
      <c r="AF14164">
        <v>7</v>
      </c>
      <c r="AG14164">
        <v>7</v>
      </c>
      <c r="AH14164">
        <v>7</v>
      </c>
      <c r="AI14164">
        <v>7</v>
      </c>
      <c r="AJ14164">
        <v>6</v>
      </c>
      <c r="AK14164">
        <v>6</v>
      </c>
      <c r="AL14164">
        <v>6</v>
      </c>
      <c r="AM14164">
        <v>6</v>
      </c>
      <c r="AN14164">
        <v>6</v>
      </c>
      <c r="AO14164">
        <v>6</v>
      </c>
      <c r="AP14164">
        <v>6</v>
      </c>
      <c r="AQ14164">
        <v>6</v>
      </c>
    </row>
    <row r="14165" spans="1:43">
      <c r="A14165" t="s">
        <v>8796</v>
      </c>
      <c r="B14165" t="s">
        <v>8797</v>
      </c>
      <c r="C14165" t="s">
        <v>8750</v>
      </c>
      <c r="D14165" t="s">
        <v>8751</v>
      </c>
      <c r="E14165" t="s">
        <v>8652</v>
      </c>
      <c r="F14165" t="s">
        <v>8653</v>
      </c>
      <c r="G14165" t="s">
        <v>80</v>
      </c>
      <c r="H14165" t="s">
        <v>81</v>
      </c>
      <c r="I14165" s="2">
        <v>0</v>
      </c>
      <c r="J14165" s="2">
        <v>0</v>
      </c>
      <c r="K14165" s="2">
        <v>1</v>
      </c>
      <c r="L14165" t="s">
        <v>995</v>
      </c>
      <c r="M14165" t="s">
        <v>83</v>
      </c>
      <c r="N14165" t="s">
        <v>91</v>
      </c>
      <c r="O14165" t="s">
        <v>85</v>
      </c>
      <c r="P14165" t="s">
        <v>86</v>
      </c>
      <c r="Q14165">
        <v>6</v>
      </c>
      <c r="R14165">
        <v>6</v>
      </c>
      <c r="S14165">
        <v>6</v>
      </c>
      <c r="T14165">
        <v>6</v>
      </c>
      <c r="U14165">
        <v>6</v>
      </c>
      <c r="V14165">
        <v>6</v>
      </c>
      <c r="W14165">
        <v>6</v>
      </c>
      <c r="X14165">
        <v>6</v>
      </c>
      <c r="Y14165">
        <v>6</v>
      </c>
      <c r="Z14165">
        <v>6</v>
      </c>
      <c r="AA14165">
        <v>6</v>
      </c>
      <c r="AB14165">
        <v>6</v>
      </c>
      <c r="AC14165">
        <v>6</v>
      </c>
      <c r="AD14165">
        <v>6</v>
      </c>
      <c r="AE14165">
        <v>6</v>
      </c>
      <c r="AF14165">
        <v>6</v>
      </c>
      <c r="AG14165">
        <v>6</v>
      </c>
      <c r="AH14165">
        <v>6</v>
      </c>
      <c r="AI14165">
        <v>6</v>
      </c>
      <c r="AJ14165">
        <v>6</v>
      </c>
      <c r="AK14165">
        <v>6</v>
      </c>
      <c r="AL14165">
        <v>6</v>
      </c>
      <c r="AM14165">
        <v>6</v>
      </c>
      <c r="AN14165">
        <v>6</v>
      </c>
      <c r="AO14165">
        <v>6</v>
      </c>
      <c r="AP14165">
        <v>6</v>
      </c>
      <c r="AQ14165">
        <v>6</v>
      </c>
    </row>
    <row r="14166" spans="1:43">
      <c r="A14166" t="s">
        <v>8798</v>
      </c>
      <c r="B14166" t="s">
        <v>8799</v>
      </c>
      <c r="C14166" t="s">
        <v>8750</v>
      </c>
      <c r="D14166" t="s">
        <v>8751</v>
      </c>
      <c r="E14166" t="s">
        <v>8652</v>
      </c>
      <c r="F14166" t="s">
        <v>8653</v>
      </c>
      <c r="G14166" t="s">
        <v>80</v>
      </c>
      <c r="H14166" t="s">
        <v>81</v>
      </c>
      <c r="I14166" s="2">
        <v>0</v>
      </c>
      <c r="J14166" s="2">
        <v>0</v>
      </c>
      <c r="K14166" s="2">
        <v>1</v>
      </c>
      <c r="L14166" t="s">
        <v>995</v>
      </c>
      <c r="M14166" t="s">
        <v>83</v>
      </c>
      <c r="N14166" t="s">
        <v>84</v>
      </c>
      <c r="O14166" t="s">
        <v>85</v>
      </c>
      <c r="P14166" t="s">
        <v>86</v>
      </c>
      <c r="Q14166">
        <v>5</v>
      </c>
      <c r="R14166">
        <v>5</v>
      </c>
      <c r="S14166">
        <v>5</v>
      </c>
      <c r="T14166">
        <v>5</v>
      </c>
      <c r="U14166">
        <v>5</v>
      </c>
      <c r="V14166">
        <v>5</v>
      </c>
      <c r="W14166">
        <v>5</v>
      </c>
      <c r="X14166">
        <v>5</v>
      </c>
      <c r="Y14166">
        <v>5</v>
      </c>
      <c r="Z14166">
        <v>5</v>
      </c>
      <c r="AA14166">
        <v>5</v>
      </c>
      <c r="AB14166">
        <v>5</v>
      </c>
      <c r="AC14166">
        <v>5</v>
      </c>
      <c r="AD14166">
        <v>5</v>
      </c>
      <c r="AE14166">
        <v>5</v>
      </c>
      <c r="AF14166">
        <v>5</v>
      </c>
      <c r="AG14166">
        <v>5</v>
      </c>
      <c r="AH14166">
        <v>5</v>
      </c>
      <c r="AI14166">
        <v>5</v>
      </c>
      <c r="AJ14166">
        <v>5</v>
      </c>
      <c r="AK14166">
        <v>5</v>
      </c>
      <c r="AL14166">
        <v>5</v>
      </c>
      <c r="AM14166">
        <v>5</v>
      </c>
      <c r="AN14166">
        <v>5</v>
      </c>
      <c r="AO14166">
        <v>5</v>
      </c>
      <c r="AP14166">
        <v>5</v>
      </c>
      <c r="AQ14166">
        <v>5</v>
      </c>
    </row>
    <row r="14167" spans="1:43">
      <c r="A14167" t="s">
        <v>8798</v>
      </c>
      <c r="B14167" t="s">
        <v>8799</v>
      </c>
      <c r="C14167" t="s">
        <v>8750</v>
      </c>
      <c r="D14167" t="s">
        <v>8751</v>
      </c>
      <c r="E14167" t="s">
        <v>8652</v>
      </c>
      <c r="F14167" t="s">
        <v>8653</v>
      </c>
      <c r="G14167" t="s">
        <v>80</v>
      </c>
      <c r="H14167" t="s">
        <v>81</v>
      </c>
      <c r="I14167" s="2">
        <v>0</v>
      </c>
      <c r="J14167" s="2">
        <v>0</v>
      </c>
      <c r="K14167" s="2">
        <v>1</v>
      </c>
      <c r="L14167" t="s">
        <v>995</v>
      </c>
      <c r="M14167" t="s">
        <v>87</v>
      </c>
      <c r="N14167" t="s">
        <v>88</v>
      </c>
      <c r="O14167" t="s">
        <v>85</v>
      </c>
      <c r="P14167" t="s">
        <v>86</v>
      </c>
      <c r="Q14167">
        <v>5</v>
      </c>
      <c r="R14167">
        <v>5</v>
      </c>
      <c r="S14167">
        <v>5</v>
      </c>
      <c r="T14167">
        <v>5</v>
      </c>
      <c r="U14167">
        <v>5</v>
      </c>
      <c r="V14167">
        <v>5</v>
      </c>
      <c r="W14167">
        <v>5</v>
      </c>
      <c r="X14167">
        <v>5</v>
      </c>
      <c r="Y14167">
        <v>5</v>
      </c>
      <c r="Z14167">
        <v>5</v>
      </c>
      <c r="AA14167">
        <v>5</v>
      </c>
      <c r="AB14167">
        <v>5</v>
      </c>
      <c r="AC14167">
        <v>5</v>
      </c>
      <c r="AD14167">
        <v>5</v>
      </c>
      <c r="AE14167">
        <v>5</v>
      </c>
      <c r="AF14167">
        <v>5</v>
      </c>
      <c r="AG14167">
        <v>5</v>
      </c>
      <c r="AH14167">
        <v>4</v>
      </c>
      <c r="AI14167">
        <v>4</v>
      </c>
      <c r="AJ14167">
        <v>4</v>
      </c>
      <c r="AK14167">
        <v>4</v>
      </c>
      <c r="AL14167">
        <v>4</v>
      </c>
      <c r="AM14167">
        <v>4</v>
      </c>
      <c r="AN14167">
        <v>4</v>
      </c>
      <c r="AO14167">
        <v>4</v>
      </c>
      <c r="AP14167">
        <v>4</v>
      </c>
      <c r="AQ14167">
        <v>4</v>
      </c>
    </row>
    <row r="14168" spans="1:43">
      <c r="A14168" t="s">
        <v>8798</v>
      </c>
      <c r="B14168" t="s">
        <v>8799</v>
      </c>
      <c r="C14168" t="s">
        <v>8750</v>
      </c>
      <c r="D14168" t="s">
        <v>8751</v>
      </c>
      <c r="E14168" t="s">
        <v>8652</v>
      </c>
      <c r="F14168" t="s">
        <v>8653</v>
      </c>
      <c r="G14168" t="s">
        <v>80</v>
      </c>
      <c r="H14168" t="s">
        <v>81</v>
      </c>
      <c r="I14168" s="2">
        <v>0</v>
      </c>
      <c r="J14168" s="2">
        <v>0</v>
      </c>
      <c r="K14168" s="2">
        <v>1</v>
      </c>
      <c r="L14168" t="s">
        <v>995</v>
      </c>
      <c r="M14168" t="s">
        <v>89</v>
      </c>
      <c r="N14168" t="s">
        <v>90</v>
      </c>
      <c r="O14168" t="s">
        <v>85</v>
      </c>
      <c r="P14168" t="s">
        <v>86</v>
      </c>
      <c r="Q14168">
        <v>5</v>
      </c>
      <c r="R14168">
        <v>5</v>
      </c>
      <c r="S14168">
        <v>5</v>
      </c>
      <c r="T14168">
        <v>5</v>
      </c>
      <c r="U14168">
        <v>5</v>
      </c>
      <c r="V14168">
        <v>5</v>
      </c>
      <c r="W14168">
        <v>5</v>
      </c>
      <c r="X14168">
        <v>5</v>
      </c>
      <c r="Y14168">
        <v>5</v>
      </c>
      <c r="Z14168">
        <v>5</v>
      </c>
      <c r="AA14168">
        <v>5</v>
      </c>
      <c r="AB14168">
        <v>5</v>
      </c>
      <c r="AC14168">
        <v>5</v>
      </c>
      <c r="AD14168">
        <v>5</v>
      </c>
      <c r="AE14168">
        <v>5</v>
      </c>
      <c r="AF14168">
        <v>5</v>
      </c>
      <c r="AG14168">
        <v>5</v>
      </c>
      <c r="AH14168">
        <v>5</v>
      </c>
      <c r="AI14168">
        <v>5</v>
      </c>
      <c r="AJ14168">
        <v>5</v>
      </c>
      <c r="AK14168">
        <v>5</v>
      </c>
      <c r="AL14168">
        <v>5</v>
      </c>
      <c r="AM14168">
        <v>5</v>
      </c>
      <c r="AN14168">
        <v>5</v>
      </c>
      <c r="AO14168">
        <v>5</v>
      </c>
      <c r="AP14168">
        <v>5</v>
      </c>
      <c r="AQ14168">
        <v>5</v>
      </c>
    </row>
    <row r="14169" spans="1:43">
      <c r="A14169" t="s">
        <v>8798</v>
      </c>
      <c r="B14169" t="s">
        <v>8799</v>
      </c>
      <c r="C14169" t="s">
        <v>8750</v>
      </c>
      <c r="D14169" t="s">
        <v>8751</v>
      </c>
      <c r="E14169" t="s">
        <v>8652</v>
      </c>
      <c r="F14169" t="s">
        <v>8653</v>
      </c>
      <c r="G14169" t="s">
        <v>80</v>
      </c>
      <c r="H14169" t="s">
        <v>81</v>
      </c>
      <c r="I14169" s="2">
        <v>0</v>
      </c>
      <c r="J14169" s="2">
        <v>0</v>
      </c>
      <c r="K14169" s="2">
        <v>1</v>
      </c>
      <c r="L14169" t="s">
        <v>995</v>
      </c>
      <c r="M14169" t="s">
        <v>83</v>
      </c>
      <c r="N14169" t="s">
        <v>91</v>
      </c>
      <c r="O14169" t="s">
        <v>85</v>
      </c>
      <c r="P14169" t="s">
        <v>86</v>
      </c>
      <c r="Q14169">
        <v>5</v>
      </c>
      <c r="R14169">
        <v>5</v>
      </c>
      <c r="S14169">
        <v>5</v>
      </c>
      <c r="T14169">
        <v>5</v>
      </c>
      <c r="U14169">
        <v>5</v>
      </c>
      <c r="V14169">
        <v>5</v>
      </c>
      <c r="W14169">
        <v>5</v>
      </c>
      <c r="X14169">
        <v>5</v>
      </c>
      <c r="Y14169">
        <v>5</v>
      </c>
      <c r="Z14169">
        <v>5</v>
      </c>
      <c r="AA14169">
        <v>5</v>
      </c>
      <c r="AB14169">
        <v>5</v>
      </c>
      <c r="AC14169">
        <v>5</v>
      </c>
      <c r="AD14169">
        <v>5</v>
      </c>
      <c r="AE14169">
        <v>5</v>
      </c>
      <c r="AF14169">
        <v>5</v>
      </c>
      <c r="AG14169">
        <v>5</v>
      </c>
      <c r="AH14169">
        <v>5</v>
      </c>
      <c r="AI14169">
        <v>5</v>
      </c>
      <c r="AJ14169">
        <v>5</v>
      </c>
      <c r="AK14169">
        <v>5</v>
      </c>
      <c r="AL14169">
        <v>5</v>
      </c>
      <c r="AM14169">
        <v>5</v>
      </c>
      <c r="AN14169">
        <v>5</v>
      </c>
      <c r="AO14169">
        <v>5</v>
      </c>
      <c r="AP14169">
        <v>5</v>
      </c>
      <c r="AQ14169">
        <v>5</v>
      </c>
    </row>
    <row r="14170" spans="1:43">
      <c r="A14170" t="s">
        <v>8800</v>
      </c>
      <c r="B14170" t="s">
        <v>8801</v>
      </c>
      <c r="C14170" t="s">
        <v>8792</v>
      </c>
      <c r="D14170" t="s">
        <v>8793</v>
      </c>
      <c r="E14170" t="s">
        <v>8652</v>
      </c>
      <c r="F14170" t="s">
        <v>8653</v>
      </c>
      <c r="G14170" t="s">
        <v>80</v>
      </c>
      <c r="H14170" t="s">
        <v>81</v>
      </c>
      <c r="I14170" s="2">
        <v>0</v>
      </c>
      <c r="J14170" s="2">
        <v>0</v>
      </c>
      <c r="K14170" s="2">
        <v>1</v>
      </c>
      <c r="L14170" t="s">
        <v>995</v>
      </c>
      <c r="M14170" t="s">
        <v>83</v>
      </c>
      <c r="N14170" t="s">
        <v>84</v>
      </c>
      <c r="O14170" t="s">
        <v>85</v>
      </c>
      <c r="P14170" t="s">
        <v>86</v>
      </c>
      <c r="Q14170">
        <v>34</v>
      </c>
      <c r="R14170">
        <v>35</v>
      </c>
      <c r="S14170">
        <v>35</v>
      </c>
      <c r="T14170">
        <v>35</v>
      </c>
      <c r="U14170">
        <v>35</v>
      </c>
      <c r="V14170">
        <v>35</v>
      </c>
      <c r="W14170">
        <v>35</v>
      </c>
      <c r="X14170">
        <v>35</v>
      </c>
      <c r="Y14170">
        <v>36</v>
      </c>
      <c r="Z14170">
        <v>36</v>
      </c>
      <c r="AA14170">
        <v>36</v>
      </c>
      <c r="AB14170">
        <v>36</v>
      </c>
      <c r="AC14170">
        <v>36</v>
      </c>
      <c r="AD14170">
        <v>36</v>
      </c>
      <c r="AE14170">
        <v>36</v>
      </c>
      <c r="AF14170">
        <v>36</v>
      </c>
      <c r="AG14170">
        <v>36</v>
      </c>
      <c r="AH14170">
        <v>37</v>
      </c>
      <c r="AI14170">
        <v>37</v>
      </c>
      <c r="AJ14170">
        <v>37</v>
      </c>
      <c r="AK14170">
        <v>37</v>
      </c>
      <c r="AL14170">
        <v>37</v>
      </c>
      <c r="AM14170">
        <v>36</v>
      </c>
      <c r="AN14170">
        <v>36</v>
      </c>
      <c r="AO14170">
        <v>36</v>
      </c>
      <c r="AP14170">
        <v>36</v>
      </c>
      <c r="AQ14170">
        <v>35</v>
      </c>
    </row>
    <row r="14171" spans="1:43">
      <c r="A14171" t="s">
        <v>8800</v>
      </c>
      <c r="B14171" t="s">
        <v>8801</v>
      </c>
      <c r="C14171" t="s">
        <v>8792</v>
      </c>
      <c r="D14171" t="s">
        <v>8793</v>
      </c>
      <c r="E14171" t="s">
        <v>8652</v>
      </c>
      <c r="F14171" t="s">
        <v>8653</v>
      </c>
      <c r="G14171" t="s">
        <v>80</v>
      </c>
      <c r="H14171" t="s">
        <v>81</v>
      </c>
      <c r="I14171" s="2">
        <v>0</v>
      </c>
      <c r="J14171" s="2">
        <v>0</v>
      </c>
      <c r="K14171" s="2">
        <v>1</v>
      </c>
      <c r="L14171" t="s">
        <v>995</v>
      </c>
      <c r="M14171" t="s">
        <v>87</v>
      </c>
      <c r="N14171" t="s">
        <v>88</v>
      </c>
      <c r="O14171" t="s">
        <v>85</v>
      </c>
      <c r="P14171" t="s">
        <v>86</v>
      </c>
      <c r="Q14171">
        <v>34</v>
      </c>
      <c r="R14171">
        <v>34</v>
      </c>
      <c r="S14171">
        <v>34</v>
      </c>
      <c r="T14171">
        <v>34</v>
      </c>
      <c r="U14171">
        <v>33</v>
      </c>
      <c r="V14171">
        <v>33</v>
      </c>
      <c r="W14171">
        <v>33</v>
      </c>
      <c r="X14171">
        <v>33</v>
      </c>
      <c r="Y14171">
        <v>33</v>
      </c>
      <c r="Z14171">
        <v>33</v>
      </c>
      <c r="AA14171">
        <v>33</v>
      </c>
      <c r="AB14171">
        <v>33</v>
      </c>
      <c r="AC14171">
        <v>32</v>
      </c>
      <c r="AD14171">
        <v>32</v>
      </c>
      <c r="AE14171">
        <v>32</v>
      </c>
      <c r="AF14171">
        <v>32</v>
      </c>
      <c r="AG14171">
        <v>32</v>
      </c>
      <c r="AH14171">
        <v>32</v>
      </c>
      <c r="AI14171">
        <v>32</v>
      </c>
      <c r="AJ14171">
        <v>32</v>
      </c>
      <c r="AK14171">
        <v>31</v>
      </c>
      <c r="AL14171">
        <v>31</v>
      </c>
      <c r="AM14171">
        <v>31</v>
      </c>
      <c r="AN14171">
        <v>31</v>
      </c>
      <c r="AO14171">
        <v>31</v>
      </c>
      <c r="AP14171">
        <v>31</v>
      </c>
      <c r="AQ14171">
        <v>31</v>
      </c>
    </row>
    <row r="14172" spans="1:43">
      <c r="A14172" t="s">
        <v>8800</v>
      </c>
      <c r="B14172" t="s">
        <v>8801</v>
      </c>
      <c r="C14172" t="s">
        <v>8792</v>
      </c>
      <c r="D14172" t="s">
        <v>8793</v>
      </c>
      <c r="E14172" t="s">
        <v>8652</v>
      </c>
      <c r="F14172" t="s">
        <v>8653</v>
      </c>
      <c r="G14172" t="s">
        <v>80</v>
      </c>
      <c r="H14172" t="s">
        <v>81</v>
      </c>
      <c r="I14172" s="2">
        <v>0</v>
      </c>
      <c r="J14172" s="2">
        <v>0</v>
      </c>
      <c r="K14172" s="2">
        <v>1</v>
      </c>
      <c r="L14172" t="s">
        <v>995</v>
      </c>
      <c r="M14172" t="s">
        <v>89</v>
      </c>
      <c r="N14172" t="s">
        <v>90</v>
      </c>
      <c r="O14172" t="s">
        <v>85</v>
      </c>
      <c r="P14172" t="s">
        <v>86</v>
      </c>
      <c r="Q14172">
        <v>34</v>
      </c>
      <c r="R14172">
        <v>34</v>
      </c>
      <c r="S14172">
        <v>35</v>
      </c>
      <c r="T14172">
        <v>35</v>
      </c>
      <c r="U14172">
        <v>35</v>
      </c>
      <c r="V14172">
        <v>36</v>
      </c>
      <c r="W14172">
        <v>36</v>
      </c>
      <c r="X14172">
        <v>36</v>
      </c>
      <c r="Y14172">
        <v>37</v>
      </c>
      <c r="Z14172">
        <v>37</v>
      </c>
      <c r="AA14172">
        <v>37</v>
      </c>
      <c r="AB14172">
        <v>37</v>
      </c>
      <c r="AC14172">
        <v>38</v>
      </c>
      <c r="AD14172">
        <v>38</v>
      </c>
      <c r="AE14172">
        <v>38</v>
      </c>
      <c r="AF14172">
        <v>38</v>
      </c>
      <c r="AG14172">
        <v>37</v>
      </c>
      <c r="AH14172">
        <v>37</v>
      </c>
      <c r="AI14172">
        <v>37</v>
      </c>
      <c r="AJ14172">
        <v>37</v>
      </c>
      <c r="AK14172">
        <v>36</v>
      </c>
      <c r="AL14172">
        <v>36</v>
      </c>
      <c r="AM14172">
        <v>36</v>
      </c>
      <c r="AN14172">
        <v>36</v>
      </c>
      <c r="AO14172">
        <v>35</v>
      </c>
      <c r="AP14172">
        <v>35</v>
      </c>
      <c r="AQ14172">
        <v>35</v>
      </c>
    </row>
    <row r="14173" spans="1:43">
      <c r="A14173" t="s">
        <v>8800</v>
      </c>
      <c r="B14173" t="s">
        <v>8801</v>
      </c>
      <c r="C14173" t="s">
        <v>8792</v>
      </c>
      <c r="D14173" t="s">
        <v>8793</v>
      </c>
      <c r="E14173" t="s">
        <v>8652</v>
      </c>
      <c r="F14173" t="s">
        <v>8653</v>
      </c>
      <c r="G14173" t="s">
        <v>80</v>
      </c>
      <c r="H14173" t="s">
        <v>81</v>
      </c>
      <c r="I14173" s="2">
        <v>0</v>
      </c>
      <c r="J14173" s="2">
        <v>0</v>
      </c>
      <c r="K14173" s="2">
        <v>1</v>
      </c>
      <c r="L14173" t="s">
        <v>995</v>
      </c>
      <c r="M14173" t="s">
        <v>83</v>
      </c>
      <c r="N14173" t="s">
        <v>91</v>
      </c>
      <c r="O14173" t="s">
        <v>85</v>
      </c>
      <c r="P14173" t="s">
        <v>86</v>
      </c>
      <c r="Q14173">
        <v>34</v>
      </c>
      <c r="R14173">
        <v>35</v>
      </c>
      <c r="S14173">
        <v>35</v>
      </c>
      <c r="T14173">
        <v>35</v>
      </c>
      <c r="U14173">
        <v>35</v>
      </c>
      <c r="V14173">
        <v>35</v>
      </c>
      <c r="W14173">
        <v>35</v>
      </c>
      <c r="X14173">
        <v>35</v>
      </c>
      <c r="Y14173">
        <v>36</v>
      </c>
      <c r="Z14173">
        <v>36</v>
      </c>
      <c r="AA14173">
        <v>36</v>
      </c>
      <c r="AB14173">
        <v>36</v>
      </c>
      <c r="AC14173">
        <v>36</v>
      </c>
      <c r="AD14173">
        <v>36</v>
      </c>
      <c r="AE14173">
        <v>36</v>
      </c>
      <c r="AF14173">
        <v>36</v>
      </c>
      <c r="AG14173">
        <v>36</v>
      </c>
      <c r="AH14173">
        <v>37</v>
      </c>
      <c r="AI14173">
        <v>37</v>
      </c>
      <c r="AJ14173">
        <v>37</v>
      </c>
      <c r="AK14173">
        <v>37</v>
      </c>
      <c r="AL14173">
        <v>37</v>
      </c>
      <c r="AM14173">
        <v>36</v>
      </c>
      <c r="AN14173">
        <v>36</v>
      </c>
      <c r="AO14173">
        <v>36</v>
      </c>
      <c r="AP14173">
        <v>36</v>
      </c>
      <c r="AQ14173">
        <v>35</v>
      </c>
    </row>
    <row r="14174" spans="1:43">
      <c r="A14174" t="s">
        <v>8802</v>
      </c>
      <c r="B14174" t="s">
        <v>8803</v>
      </c>
      <c r="C14174" t="s">
        <v>8792</v>
      </c>
      <c r="D14174" t="s">
        <v>8793</v>
      </c>
      <c r="E14174" t="s">
        <v>8652</v>
      </c>
      <c r="F14174" t="s">
        <v>8653</v>
      </c>
      <c r="G14174" t="s">
        <v>80</v>
      </c>
      <c r="H14174" t="s">
        <v>81</v>
      </c>
      <c r="I14174" s="2">
        <v>0</v>
      </c>
      <c r="J14174" s="2">
        <v>0</v>
      </c>
      <c r="K14174" s="2">
        <v>1</v>
      </c>
      <c r="L14174" t="s">
        <v>995</v>
      </c>
      <c r="M14174" t="s">
        <v>83</v>
      </c>
      <c r="N14174" t="s">
        <v>84</v>
      </c>
      <c r="O14174" t="s">
        <v>85</v>
      </c>
      <c r="P14174" t="s">
        <v>86</v>
      </c>
      <c r="Q14174">
        <v>18</v>
      </c>
      <c r="R14174">
        <v>18</v>
      </c>
      <c r="S14174">
        <v>18</v>
      </c>
      <c r="T14174">
        <v>18</v>
      </c>
      <c r="U14174">
        <v>18</v>
      </c>
      <c r="V14174">
        <v>18</v>
      </c>
      <c r="W14174">
        <v>18</v>
      </c>
      <c r="X14174">
        <v>18</v>
      </c>
      <c r="Y14174">
        <v>18</v>
      </c>
      <c r="Z14174">
        <v>19</v>
      </c>
      <c r="AA14174">
        <v>19</v>
      </c>
      <c r="AB14174">
        <v>19</v>
      </c>
      <c r="AC14174">
        <v>19</v>
      </c>
      <c r="AD14174">
        <v>19</v>
      </c>
      <c r="AE14174">
        <v>19</v>
      </c>
      <c r="AF14174">
        <v>19</v>
      </c>
      <c r="AG14174">
        <v>19</v>
      </c>
      <c r="AH14174">
        <v>19</v>
      </c>
      <c r="AI14174">
        <v>19</v>
      </c>
      <c r="AJ14174">
        <v>19</v>
      </c>
      <c r="AK14174">
        <v>19</v>
      </c>
      <c r="AL14174">
        <v>19</v>
      </c>
      <c r="AM14174">
        <v>19</v>
      </c>
      <c r="AN14174">
        <v>19</v>
      </c>
      <c r="AO14174">
        <v>19</v>
      </c>
      <c r="AP14174">
        <v>19</v>
      </c>
      <c r="AQ14174">
        <v>18</v>
      </c>
    </row>
    <row r="14175" spans="1:43">
      <c r="A14175" t="s">
        <v>8802</v>
      </c>
      <c r="B14175" t="s">
        <v>8803</v>
      </c>
      <c r="C14175" t="s">
        <v>8792</v>
      </c>
      <c r="D14175" t="s">
        <v>8793</v>
      </c>
      <c r="E14175" t="s">
        <v>8652</v>
      </c>
      <c r="F14175" t="s">
        <v>8653</v>
      </c>
      <c r="G14175" t="s">
        <v>80</v>
      </c>
      <c r="H14175" t="s">
        <v>81</v>
      </c>
      <c r="I14175" s="2">
        <v>0</v>
      </c>
      <c r="J14175" s="2">
        <v>0</v>
      </c>
      <c r="K14175" s="2">
        <v>1</v>
      </c>
      <c r="L14175" t="s">
        <v>995</v>
      </c>
      <c r="M14175" t="s">
        <v>87</v>
      </c>
      <c r="N14175" t="s">
        <v>88</v>
      </c>
      <c r="O14175" t="s">
        <v>85</v>
      </c>
      <c r="P14175" t="s">
        <v>86</v>
      </c>
      <c r="Q14175">
        <v>18</v>
      </c>
      <c r="R14175">
        <v>18</v>
      </c>
      <c r="S14175">
        <v>18</v>
      </c>
      <c r="T14175">
        <v>17</v>
      </c>
      <c r="U14175">
        <v>17</v>
      </c>
      <c r="V14175">
        <v>17</v>
      </c>
      <c r="W14175">
        <v>17</v>
      </c>
      <c r="X14175">
        <v>17</v>
      </c>
      <c r="Y14175">
        <v>17</v>
      </c>
      <c r="Z14175">
        <v>17</v>
      </c>
      <c r="AA14175">
        <v>17</v>
      </c>
      <c r="AB14175">
        <v>17</v>
      </c>
      <c r="AC14175">
        <v>17</v>
      </c>
      <c r="AD14175">
        <v>17</v>
      </c>
      <c r="AE14175">
        <v>17</v>
      </c>
      <c r="AF14175">
        <v>17</v>
      </c>
      <c r="AG14175">
        <v>17</v>
      </c>
      <c r="AH14175">
        <v>17</v>
      </c>
      <c r="AI14175">
        <v>16</v>
      </c>
      <c r="AJ14175">
        <v>16</v>
      </c>
      <c r="AK14175">
        <v>16</v>
      </c>
      <c r="AL14175">
        <v>16</v>
      </c>
      <c r="AM14175">
        <v>16</v>
      </c>
      <c r="AN14175">
        <v>16</v>
      </c>
      <c r="AO14175">
        <v>16</v>
      </c>
      <c r="AP14175">
        <v>16</v>
      </c>
      <c r="AQ14175">
        <v>16</v>
      </c>
    </row>
    <row r="14176" spans="1:43">
      <c r="A14176" t="s">
        <v>8802</v>
      </c>
      <c r="B14176" t="s">
        <v>8803</v>
      </c>
      <c r="C14176" t="s">
        <v>8792</v>
      </c>
      <c r="D14176" t="s">
        <v>8793</v>
      </c>
      <c r="E14176" t="s">
        <v>8652</v>
      </c>
      <c r="F14176" t="s">
        <v>8653</v>
      </c>
      <c r="G14176" t="s">
        <v>80</v>
      </c>
      <c r="H14176" t="s">
        <v>81</v>
      </c>
      <c r="I14176" s="2">
        <v>0</v>
      </c>
      <c r="J14176" s="2">
        <v>0</v>
      </c>
      <c r="K14176" s="2">
        <v>1</v>
      </c>
      <c r="L14176" t="s">
        <v>995</v>
      </c>
      <c r="M14176" t="s">
        <v>89</v>
      </c>
      <c r="N14176" t="s">
        <v>90</v>
      </c>
      <c r="O14176" t="s">
        <v>85</v>
      </c>
      <c r="P14176" t="s">
        <v>86</v>
      </c>
      <c r="Q14176">
        <v>18</v>
      </c>
      <c r="R14176">
        <v>18</v>
      </c>
      <c r="S14176">
        <v>18</v>
      </c>
      <c r="T14176">
        <v>19</v>
      </c>
      <c r="U14176">
        <v>19</v>
      </c>
      <c r="V14176">
        <v>19</v>
      </c>
      <c r="W14176">
        <v>19</v>
      </c>
      <c r="X14176">
        <v>19</v>
      </c>
      <c r="Y14176">
        <v>20</v>
      </c>
      <c r="Z14176">
        <v>20</v>
      </c>
      <c r="AA14176">
        <v>20</v>
      </c>
      <c r="AB14176">
        <v>20</v>
      </c>
      <c r="AC14176">
        <v>20</v>
      </c>
      <c r="AD14176">
        <v>20</v>
      </c>
      <c r="AE14176">
        <v>20</v>
      </c>
      <c r="AF14176">
        <v>20</v>
      </c>
      <c r="AG14176">
        <v>20</v>
      </c>
      <c r="AH14176">
        <v>20</v>
      </c>
      <c r="AI14176">
        <v>20</v>
      </c>
      <c r="AJ14176">
        <v>19</v>
      </c>
      <c r="AK14176">
        <v>19</v>
      </c>
      <c r="AL14176">
        <v>19</v>
      </c>
      <c r="AM14176">
        <v>19</v>
      </c>
      <c r="AN14176">
        <v>19</v>
      </c>
      <c r="AO14176">
        <v>19</v>
      </c>
      <c r="AP14176">
        <v>19</v>
      </c>
      <c r="AQ14176">
        <v>19</v>
      </c>
    </row>
    <row r="14177" spans="1:43">
      <c r="A14177" t="s">
        <v>8802</v>
      </c>
      <c r="B14177" t="s">
        <v>8803</v>
      </c>
      <c r="C14177" t="s">
        <v>8792</v>
      </c>
      <c r="D14177" t="s">
        <v>8793</v>
      </c>
      <c r="E14177" t="s">
        <v>8652</v>
      </c>
      <c r="F14177" t="s">
        <v>8653</v>
      </c>
      <c r="G14177" t="s">
        <v>80</v>
      </c>
      <c r="H14177" t="s">
        <v>81</v>
      </c>
      <c r="I14177" s="2">
        <v>0</v>
      </c>
      <c r="J14177" s="2">
        <v>0</v>
      </c>
      <c r="K14177" s="2">
        <v>1</v>
      </c>
      <c r="L14177" t="s">
        <v>995</v>
      </c>
      <c r="M14177" t="s">
        <v>83</v>
      </c>
      <c r="N14177" t="s">
        <v>91</v>
      </c>
      <c r="O14177" t="s">
        <v>85</v>
      </c>
      <c r="P14177" t="s">
        <v>86</v>
      </c>
      <c r="Q14177">
        <v>18</v>
      </c>
      <c r="R14177">
        <v>18</v>
      </c>
      <c r="S14177">
        <v>18</v>
      </c>
      <c r="T14177">
        <v>18</v>
      </c>
      <c r="U14177">
        <v>18</v>
      </c>
      <c r="V14177">
        <v>18</v>
      </c>
      <c r="W14177">
        <v>18</v>
      </c>
      <c r="X14177">
        <v>18</v>
      </c>
      <c r="Y14177">
        <v>18</v>
      </c>
      <c r="Z14177">
        <v>19</v>
      </c>
      <c r="AA14177">
        <v>19</v>
      </c>
      <c r="AB14177">
        <v>19</v>
      </c>
      <c r="AC14177">
        <v>19</v>
      </c>
      <c r="AD14177">
        <v>19</v>
      </c>
      <c r="AE14177">
        <v>19</v>
      </c>
      <c r="AF14177">
        <v>19</v>
      </c>
      <c r="AG14177">
        <v>19</v>
      </c>
      <c r="AH14177">
        <v>19</v>
      </c>
      <c r="AI14177">
        <v>19</v>
      </c>
      <c r="AJ14177">
        <v>19</v>
      </c>
      <c r="AK14177">
        <v>19</v>
      </c>
      <c r="AL14177">
        <v>19</v>
      </c>
      <c r="AM14177">
        <v>19</v>
      </c>
      <c r="AN14177">
        <v>19</v>
      </c>
      <c r="AO14177">
        <v>19</v>
      </c>
      <c r="AP14177">
        <v>19</v>
      </c>
      <c r="AQ14177">
        <v>18</v>
      </c>
    </row>
    <row r="14178" spans="1:43">
      <c r="A14178" t="s">
        <v>8804</v>
      </c>
      <c r="B14178" t="s">
        <v>8805</v>
      </c>
      <c r="C14178" t="s">
        <v>8792</v>
      </c>
      <c r="D14178" t="s">
        <v>8793</v>
      </c>
      <c r="E14178" t="s">
        <v>8652</v>
      </c>
      <c r="F14178" t="s">
        <v>8653</v>
      </c>
      <c r="G14178" t="s">
        <v>80</v>
      </c>
      <c r="H14178" t="s">
        <v>81</v>
      </c>
      <c r="I14178" s="2">
        <v>0</v>
      </c>
      <c r="J14178" s="2">
        <v>0</v>
      </c>
      <c r="K14178" s="2">
        <v>1</v>
      </c>
      <c r="L14178" t="s">
        <v>995</v>
      </c>
      <c r="M14178" t="s">
        <v>83</v>
      </c>
      <c r="N14178" t="s">
        <v>84</v>
      </c>
      <c r="O14178" t="s">
        <v>85</v>
      </c>
      <c r="P14178" t="s">
        <v>86</v>
      </c>
      <c r="Q14178">
        <v>12</v>
      </c>
      <c r="R14178">
        <v>12</v>
      </c>
      <c r="S14178">
        <v>12</v>
      </c>
      <c r="T14178">
        <v>12</v>
      </c>
      <c r="U14178">
        <v>12</v>
      </c>
      <c r="V14178">
        <v>13</v>
      </c>
      <c r="W14178">
        <v>13</v>
      </c>
      <c r="X14178">
        <v>13</v>
      </c>
      <c r="Y14178">
        <v>13</v>
      </c>
      <c r="Z14178">
        <v>13</v>
      </c>
      <c r="AA14178">
        <v>13</v>
      </c>
      <c r="AB14178">
        <v>13</v>
      </c>
      <c r="AC14178">
        <v>13</v>
      </c>
      <c r="AD14178">
        <v>13</v>
      </c>
      <c r="AE14178">
        <v>13</v>
      </c>
      <c r="AF14178">
        <v>13</v>
      </c>
      <c r="AG14178">
        <v>13</v>
      </c>
      <c r="AH14178">
        <v>13</v>
      </c>
      <c r="AI14178">
        <v>13</v>
      </c>
      <c r="AJ14178">
        <v>13</v>
      </c>
      <c r="AK14178">
        <v>13</v>
      </c>
      <c r="AL14178">
        <v>13</v>
      </c>
      <c r="AM14178">
        <v>13</v>
      </c>
      <c r="AN14178">
        <v>13</v>
      </c>
      <c r="AO14178">
        <v>13</v>
      </c>
      <c r="AP14178">
        <v>13</v>
      </c>
      <c r="AQ14178">
        <v>13</v>
      </c>
    </row>
    <row r="14179" spans="1:43">
      <c r="A14179" t="s">
        <v>8804</v>
      </c>
      <c r="B14179" t="s">
        <v>8805</v>
      </c>
      <c r="C14179" t="s">
        <v>8792</v>
      </c>
      <c r="D14179" t="s">
        <v>8793</v>
      </c>
      <c r="E14179" t="s">
        <v>8652</v>
      </c>
      <c r="F14179" t="s">
        <v>8653</v>
      </c>
      <c r="G14179" t="s">
        <v>80</v>
      </c>
      <c r="H14179" t="s">
        <v>81</v>
      </c>
      <c r="I14179" s="2">
        <v>0</v>
      </c>
      <c r="J14179" s="2">
        <v>0</v>
      </c>
      <c r="K14179" s="2">
        <v>1</v>
      </c>
      <c r="L14179" t="s">
        <v>995</v>
      </c>
      <c r="M14179" t="s">
        <v>87</v>
      </c>
      <c r="N14179" t="s">
        <v>88</v>
      </c>
      <c r="O14179" t="s">
        <v>85</v>
      </c>
      <c r="P14179" t="s">
        <v>86</v>
      </c>
      <c r="Q14179">
        <v>12</v>
      </c>
      <c r="R14179">
        <v>12</v>
      </c>
      <c r="S14179">
        <v>12</v>
      </c>
      <c r="T14179">
        <v>12</v>
      </c>
      <c r="U14179">
        <v>12</v>
      </c>
      <c r="V14179">
        <v>12</v>
      </c>
      <c r="W14179">
        <v>12</v>
      </c>
      <c r="X14179">
        <v>12</v>
      </c>
      <c r="Y14179">
        <v>12</v>
      </c>
      <c r="Z14179">
        <v>12</v>
      </c>
      <c r="AA14179">
        <v>12</v>
      </c>
      <c r="AB14179">
        <v>12</v>
      </c>
      <c r="AC14179">
        <v>12</v>
      </c>
      <c r="AD14179">
        <v>12</v>
      </c>
      <c r="AE14179">
        <v>11</v>
      </c>
      <c r="AF14179">
        <v>11</v>
      </c>
      <c r="AG14179">
        <v>11</v>
      </c>
      <c r="AH14179">
        <v>11</v>
      </c>
      <c r="AI14179">
        <v>11</v>
      </c>
      <c r="AJ14179">
        <v>11</v>
      </c>
      <c r="AK14179">
        <v>11</v>
      </c>
      <c r="AL14179">
        <v>11</v>
      </c>
      <c r="AM14179">
        <v>11</v>
      </c>
      <c r="AN14179">
        <v>11</v>
      </c>
      <c r="AO14179">
        <v>11</v>
      </c>
      <c r="AP14179">
        <v>11</v>
      </c>
      <c r="AQ14179">
        <v>11</v>
      </c>
    </row>
    <row r="14180" spans="1:43">
      <c r="A14180" t="s">
        <v>8804</v>
      </c>
      <c r="B14180" t="s">
        <v>8805</v>
      </c>
      <c r="C14180" t="s">
        <v>8792</v>
      </c>
      <c r="D14180" t="s">
        <v>8793</v>
      </c>
      <c r="E14180" t="s">
        <v>8652</v>
      </c>
      <c r="F14180" t="s">
        <v>8653</v>
      </c>
      <c r="G14180" t="s">
        <v>80</v>
      </c>
      <c r="H14180" t="s">
        <v>81</v>
      </c>
      <c r="I14180" s="2">
        <v>0</v>
      </c>
      <c r="J14180" s="2">
        <v>0</v>
      </c>
      <c r="K14180" s="2">
        <v>1</v>
      </c>
      <c r="L14180" t="s">
        <v>995</v>
      </c>
      <c r="M14180" t="s">
        <v>89</v>
      </c>
      <c r="N14180" t="s">
        <v>90</v>
      </c>
      <c r="O14180" t="s">
        <v>85</v>
      </c>
      <c r="P14180" t="s">
        <v>86</v>
      </c>
      <c r="Q14180">
        <v>12</v>
      </c>
      <c r="R14180">
        <v>13</v>
      </c>
      <c r="S14180">
        <v>13</v>
      </c>
      <c r="T14180">
        <v>13</v>
      </c>
      <c r="U14180">
        <v>13</v>
      </c>
      <c r="V14180">
        <v>13</v>
      </c>
      <c r="W14180">
        <v>13</v>
      </c>
      <c r="X14180">
        <v>13</v>
      </c>
      <c r="Y14180">
        <v>13</v>
      </c>
      <c r="Z14180">
        <v>14</v>
      </c>
      <c r="AA14180">
        <v>14</v>
      </c>
      <c r="AB14180">
        <v>14</v>
      </c>
      <c r="AC14180">
        <v>14</v>
      </c>
      <c r="AD14180">
        <v>14</v>
      </c>
      <c r="AE14180">
        <v>14</v>
      </c>
      <c r="AF14180">
        <v>14</v>
      </c>
      <c r="AG14180">
        <v>14</v>
      </c>
      <c r="AH14180">
        <v>14</v>
      </c>
      <c r="AI14180">
        <v>13</v>
      </c>
      <c r="AJ14180">
        <v>13</v>
      </c>
      <c r="AK14180">
        <v>13</v>
      </c>
      <c r="AL14180">
        <v>13</v>
      </c>
      <c r="AM14180">
        <v>13</v>
      </c>
      <c r="AN14180">
        <v>13</v>
      </c>
      <c r="AO14180">
        <v>13</v>
      </c>
      <c r="AP14180">
        <v>13</v>
      </c>
      <c r="AQ14180">
        <v>13</v>
      </c>
    </row>
    <row r="14181" spans="1:43">
      <c r="A14181" t="s">
        <v>8804</v>
      </c>
      <c r="B14181" t="s">
        <v>8805</v>
      </c>
      <c r="C14181" t="s">
        <v>8792</v>
      </c>
      <c r="D14181" t="s">
        <v>8793</v>
      </c>
      <c r="E14181" t="s">
        <v>8652</v>
      </c>
      <c r="F14181" t="s">
        <v>8653</v>
      </c>
      <c r="G14181" t="s">
        <v>80</v>
      </c>
      <c r="H14181" t="s">
        <v>81</v>
      </c>
      <c r="I14181" s="2">
        <v>0</v>
      </c>
      <c r="J14181" s="2">
        <v>0</v>
      </c>
      <c r="K14181" s="2">
        <v>1</v>
      </c>
      <c r="L14181" t="s">
        <v>995</v>
      </c>
      <c r="M14181" t="s">
        <v>83</v>
      </c>
      <c r="N14181" t="s">
        <v>91</v>
      </c>
      <c r="O14181" t="s">
        <v>85</v>
      </c>
      <c r="P14181" t="s">
        <v>86</v>
      </c>
      <c r="Q14181">
        <v>12</v>
      </c>
      <c r="R14181">
        <v>12</v>
      </c>
      <c r="S14181">
        <v>12</v>
      </c>
      <c r="T14181">
        <v>12</v>
      </c>
      <c r="U14181">
        <v>12</v>
      </c>
      <c r="V14181">
        <v>13</v>
      </c>
      <c r="W14181">
        <v>13</v>
      </c>
      <c r="X14181">
        <v>13</v>
      </c>
      <c r="Y14181">
        <v>13</v>
      </c>
      <c r="Z14181">
        <v>13</v>
      </c>
      <c r="AA14181">
        <v>13</v>
      </c>
      <c r="AB14181">
        <v>13</v>
      </c>
      <c r="AC14181">
        <v>13</v>
      </c>
      <c r="AD14181">
        <v>13</v>
      </c>
      <c r="AE14181">
        <v>13</v>
      </c>
      <c r="AF14181">
        <v>13</v>
      </c>
      <c r="AG14181">
        <v>13</v>
      </c>
      <c r="AH14181">
        <v>13</v>
      </c>
      <c r="AI14181">
        <v>13</v>
      </c>
      <c r="AJ14181">
        <v>13</v>
      </c>
      <c r="AK14181">
        <v>13</v>
      </c>
      <c r="AL14181">
        <v>13</v>
      </c>
      <c r="AM14181">
        <v>13</v>
      </c>
      <c r="AN14181">
        <v>13</v>
      </c>
      <c r="AO14181">
        <v>13</v>
      </c>
      <c r="AP14181">
        <v>13</v>
      </c>
      <c r="AQ14181">
        <v>13</v>
      </c>
    </row>
    <row r="14182" spans="1:43">
      <c r="A14182" t="s">
        <v>8806</v>
      </c>
      <c r="B14182" t="s">
        <v>8807</v>
      </c>
      <c r="C14182" t="s">
        <v>8808</v>
      </c>
      <c r="D14182" t="s">
        <v>8809</v>
      </c>
      <c r="E14182" t="s">
        <v>8652</v>
      </c>
      <c r="F14182" t="s">
        <v>8653</v>
      </c>
      <c r="G14182" t="s">
        <v>80</v>
      </c>
      <c r="H14182" t="s">
        <v>81</v>
      </c>
      <c r="I14182" s="2">
        <v>0</v>
      </c>
      <c r="J14182" s="2">
        <v>0</v>
      </c>
      <c r="K14182" s="2">
        <v>1</v>
      </c>
      <c r="L14182" t="s">
        <v>995</v>
      </c>
      <c r="M14182" t="s">
        <v>83</v>
      </c>
      <c r="N14182" t="s">
        <v>84</v>
      </c>
      <c r="O14182" t="s">
        <v>85</v>
      </c>
      <c r="P14182" t="s">
        <v>86</v>
      </c>
      <c r="Q14182">
        <v>69</v>
      </c>
      <c r="R14182">
        <v>69</v>
      </c>
      <c r="S14182">
        <v>69</v>
      </c>
      <c r="T14182">
        <v>70</v>
      </c>
      <c r="U14182">
        <v>70</v>
      </c>
      <c r="V14182">
        <v>70</v>
      </c>
      <c r="W14182">
        <v>70</v>
      </c>
      <c r="X14182">
        <v>71</v>
      </c>
      <c r="Y14182">
        <v>71</v>
      </c>
      <c r="Z14182">
        <v>71</v>
      </c>
      <c r="AA14182">
        <v>71</v>
      </c>
      <c r="AB14182">
        <v>71</v>
      </c>
      <c r="AC14182">
        <v>72</v>
      </c>
      <c r="AD14182">
        <v>72</v>
      </c>
      <c r="AE14182">
        <v>72</v>
      </c>
      <c r="AF14182">
        <v>72</v>
      </c>
      <c r="AG14182">
        <v>72</v>
      </c>
      <c r="AH14182">
        <v>72</v>
      </c>
      <c r="AI14182">
        <v>72</v>
      </c>
      <c r="AJ14182">
        <v>72</v>
      </c>
      <c r="AK14182">
        <v>72</v>
      </c>
      <c r="AL14182">
        <v>72</v>
      </c>
      <c r="AM14182">
        <v>71</v>
      </c>
      <c r="AN14182">
        <v>71</v>
      </c>
      <c r="AO14182">
        <v>70</v>
      </c>
      <c r="AP14182">
        <v>70</v>
      </c>
      <c r="AQ14182">
        <v>69</v>
      </c>
    </row>
    <row r="14183" spans="1:43">
      <c r="A14183" t="s">
        <v>8806</v>
      </c>
      <c r="B14183" t="s">
        <v>8807</v>
      </c>
      <c r="C14183" t="s">
        <v>8808</v>
      </c>
      <c r="D14183" t="s">
        <v>8809</v>
      </c>
      <c r="E14183" t="s">
        <v>8652</v>
      </c>
      <c r="F14183" t="s">
        <v>8653</v>
      </c>
      <c r="G14183" t="s">
        <v>80</v>
      </c>
      <c r="H14183" t="s">
        <v>81</v>
      </c>
      <c r="I14183" s="2">
        <v>0</v>
      </c>
      <c r="J14183" s="2">
        <v>0</v>
      </c>
      <c r="K14183" s="2">
        <v>1</v>
      </c>
      <c r="L14183" t="s">
        <v>995</v>
      </c>
      <c r="M14183" t="s">
        <v>87</v>
      </c>
      <c r="N14183" t="s">
        <v>88</v>
      </c>
      <c r="O14183" t="s">
        <v>85</v>
      </c>
      <c r="P14183" t="s">
        <v>86</v>
      </c>
      <c r="Q14183">
        <v>69</v>
      </c>
      <c r="R14183">
        <v>69</v>
      </c>
      <c r="S14183">
        <v>68</v>
      </c>
      <c r="T14183">
        <v>68</v>
      </c>
      <c r="U14183">
        <v>68</v>
      </c>
      <c r="V14183">
        <v>67</v>
      </c>
      <c r="W14183">
        <v>67</v>
      </c>
      <c r="X14183">
        <v>67</v>
      </c>
      <c r="Y14183">
        <v>66</v>
      </c>
      <c r="Z14183">
        <v>66</v>
      </c>
      <c r="AA14183">
        <v>66</v>
      </c>
      <c r="AB14183">
        <v>66</v>
      </c>
      <c r="AC14183">
        <v>65</v>
      </c>
      <c r="AD14183">
        <v>65</v>
      </c>
      <c r="AE14183">
        <v>65</v>
      </c>
      <c r="AF14183">
        <v>64</v>
      </c>
      <c r="AG14183">
        <v>64</v>
      </c>
      <c r="AH14183">
        <v>64</v>
      </c>
      <c r="AI14183">
        <v>64</v>
      </c>
      <c r="AJ14183">
        <v>63</v>
      </c>
      <c r="AK14183">
        <v>63</v>
      </c>
      <c r="AL14183">
        <v>63</v>
      </c>
      <c r="AM14183">
        <v>63</v>
      </c>
      <c r="AN14183">
        <v>62</v>
      </c>
      <c r="AO14183">
        <v>62</v>
      </c>
      <c r="AP14183">
        <v>62</v>
      </c>
      <c r="AQ14183">
        <v>62</v>
      </c>
    </row>
    <row r="14184" spans="1:43">
      <c r="A14184" t="s">
        <v>8806</v>
      </c>
      <c r="B14184" t="s">
        <v>8807</v>
      </c>
      <c r="C14184" t="s">
        <v>8808</v>
      </c>
      <c r="D14184" t="s">
        <v>8809</v>
      </c>
      <c r="E14184" t="s">
        <v>8652</v>
      </c>
      <c r="F14184" t="s">
        <v>8653</v>
      </c>
      <c r="G14184" t="s">
        <v>80</v>
      </c>
      <c r="H14184" t="s">
        <v>81</v>
      </c>
      <c r="I14184" s="2">
        <v>0</v>
      </c>
      <c r="J14184" s="2">
        <v>0</v>
      </c>
      <c r="K14184" s="2">
        <v>1</v>
      </c>
      <c r="L14184" t="s">
        <v>995</v>
      </c>
      <c r="M14184" t="s">
        <v>89</v>
      </c>
      <c r="N14184" t="s">
        <v>90</v>
      </c>
      <c r="O14184" t="s">
        <v>85</v>
      </c>
      <c r="P14184" t="s">
        <v>86</v>
      </c>
      <c r="Q14184">
        <v>69</v>
      </c>
      <c r="R14184">
        <v>70</v>
      </c>
      <c r="S14184">
        <v>71</v>
      </c>
      <c r="T14184">
        <v>72</v>
      </c>
      <c r="U14184">
        <v>73</v>
      </c>
      <c r="V14184">
        <v>73</v>
      </c>
      <c r="W14184">
        <v>74</v>
      </c>
      <c r="X14184">
        <v>74</v>
      </c>
      <c r="Y14184">
        <v>75</v>
      </c>
      <c r="Z14184">
        <v>75</v>
      </c>
      <c r="AA14184">
        <v>76</v>
      </c>
      <c r="AB14184">
        <v>76</v>
      </c>
      <c r="AC14184">
        <v>77</v>
      </c>
      <c r="AD14184">
        <v>77</v>
      </c>
      <c r="AE14184">
        <v>77</v>
      </c>
      <c r="AF14184">
        <v>76</v>
      </c>
      <c r="AG14184">
        <v>76</v>
      </c>
      <c r="AH14184">
        <v>75</v>
      </c>
      <c r="AI14184">
        <v>74</v>
      </c>
      <c r="AJ14184">
        <v>74</v>
      </c>
      <c r="AK14184">
        <v>73</v>
      </c>
      <c r="AL14184">
        <v>73</v>
      </c>
      <c r="AM14184">
        <v>72</v>
      </c>
      <c r="AN14184">
        <v>72</v>
      </c>
      <c r="AO14184">
        <v>71</v>
      </c>
      <c r="AP14184">
        <v>70</v>
      </c>
      <c r="AQ14184">
        <v>70</v>
      </c>
    </row>
    <row r="14185" spans="1:43">
      <c r="A14185" t="s">
        <v>8806</v>
      </c>
      <c r="B14185" t="s">
        <v>8807</v>
      </c>
      <c r="C14185" t="s">
        <v>8808</v>
      </c>
      <c r="D14185" t="s">
        <v>8809</v>
      </c>
      <c r="E14185" t="s">
        <v>8652</v>
      </c>
      <c r="F14185" t="s">
        <v>8653</v>
      </c>
      <c r="G14185" t="s">
        <v>80</v>
      </c>
      <c r="H14185" t="s">
        <v>81</v>
      </c>
      <c r="I14185" s="2">
        <v>0</v>
      </c>
      <c r="J14185" s="2">
        <v>0</v>
      </c>
      <c r="K14185" s="2">
        <v>1</v>
      </c>
      <c r="L14185" t="s">
        <v>995</v>
      </c>
      <c r="M14185" t="s">
        <v>83</v>
      </c>
      <c r="N14185" t="s">
        <v>91</v>
      </c>
      <c r="O14185" t="s">
        <v>85</v>
      </c>
      <c r="P14185" t="s">
        <v>86</v>
      </c>
      <c r="Q14185">
        <v>69</v>
      </c>
      <c r="R14185">
        <v>69</v>
      </c>
      <c r="S14185">
        <v>69</v>
      </c>
      <c r="T14185">
        <v>70</v>
      </c>
      <c r="U14185">
        <v>70</v>
      </c>
      <c r="V14185">
        <v>70</v>
      </c>
      <c r="W14185">
        <v>70</v>
      </c>
      <c r="X14185">
        <v>71</v>
      </c>
      <c r="Y14185">
        <v>71</v>
      </c>
      <c r="Z14185">
        <v>71</v>
      </c>
      <c r="AA14185">
        <v>71</v>
      </c>
      <c r="AB14185">
        <v>71</v>
      </c>
      <c r="AC14185">
        <v>72</v>
      </c>
      <c r="AD14185">
        <v>72</v>
      </c>
      <c r="AE14185">
        <v>72</v>
      </c>
      <c r="AF14185">
        <v>72</v>
      </c>
      <c r="AG14185">
        <v>72</v>
      </c>
      <c r="AH14185">
        <v>72</v>
      </c>
      <c r="AI14185">
        <v>72</v>
      </c>
      <c r="AJ14185">
        <v>72</v>
      </c>
      <c r="AK14185">
        <v>72</v>
      </c>
      <c r="AL14185">
        <v>72</v>
      </c>
      <c r="AM14185">
        <v>71</v>
      </c>
      <c r="AN14185">
        <v>71</v>
      </c>
      <c r="AO14185">
        <v>70</v>
      </c>
      <c r="AP14185">
        <v>70</v>
      </c>
      <c r="AQ14185">
        <v>69</v>
      </c>
    </row>
    <row r="14186" spans="1:43">
      <c r="A14186" t="s">
        <v>8810</v>
      </c>
      <c r="B14186" t="s">
        <v>8811</v>
      </c>
      <c r="C14186" t="s">
        <v>8718</v>
      </c>
      <c r="D14186" t="s">
        <v>8719</v>
      </c>
      <c r="E14186" t="s">
        <v>8652</v>
      </c>
      <c r="F14186" t="s">
        <v>8653</v>
      </c>
      <c r="G14186" t="s">
        <v>80</v>
      </c>
      <c r="H14186" t="s">
        <v>81</v>
      </c>
      <c r="I14186" s="2">
        <v>0</v>
      </c>
      <c r="J14186" s="2">
        <v>0</v>
      </c>
      <c r="K14186" s="2">
        <v>1</v>
      </c>
      <c r="L14186" t="s">
        <v>995</v>
      </c>
      <c r="M14186" t="s">
        <v>83</v>
      </c>
      <c r="N14186" t="s">
        <v>84</v>
      </c>
      <c r="O14186" t="s">
        <v>85</v>
      </c>
      <c r="P14186" t="s">
        <v>86</v>
      </c>
      <c r="Q14186">
        <v>22</v>
      </c>
      <c r="R14186">
        <v>22</v>
      </c>
      <c r="S14186">
        <v>22</v>
      </c>
      <c r="T14186">
        <v>22</v>
      </c>
      <c r="U14186">
        <v>22</v>
      </c>
      <c r="V14186">
        <v>22</v>
      </c>
      <c r="W14186">
        <v>22</v>
      </c>
      <c r="X14186">
        <v>22</v>
      </c>
      <c r="Y14186">
        <v>22</v>
      </c>
      <c r="Z14186">
        <v>22</v>
      </c>
      <c r="AA14186">
        <v>22</v>
      </c>
      <c r="AB14186">
        <v>22</v>
      </c>
      <c r="AC14186">
        <v>22</v>
      </c>
      <c r="AD14186">
        <v>23</v>
      </c>
      <c r="AE14186">
        <v>23</v>
      </c>
      <c r="AF14186">
        <v>23</v>
      </c>
      <c r="AG14186">
        <v>23</v>
      </c>
      <c r="AH14186">
        <v>23</v>
      </c>
      <c r="AI14186">
        <v>23</v>
      </c>
      <c r="AJ14186">
        <v>23</v>
      </c>
      <c r="AK14186">
        <v>23</v>
      </c>
      <c r="AL14186">
        <v>23</v>
      </c>
      <c r="AM14186">
        <v>22</v>
      </c>
      <c r="AN14186">
        <v>22</v>
      </c>
      <c r="AO14186">
        <v>22</v>
      </c>
      <c r="AP14186">
        <v>22</v>
      </c>
      <c r="AQ14186">
        <v>22</v>
      </c>
    </row>
    <row r="14187" spans="1:43">
      <c r="A14187" t="s">
        <v>8810</v>
      </c>
      <c r="B14187" t="s">
        <v>8811</v>
      </c>
      <c r="C14187" t="s">
        <v>8718</v>
      </c>
      <c r="D14187" t="s">
        <v>8719</v>
      </c>
      <c r="E14187" t="s">
        <v>8652</v>
      </c>
      <c r="F14187" t="s">
        <v>8653</v>
      </c>
      <c r="G14187" t="s">
        <v>80</v>
      </c>
      <c r="H14187" t="s">
        <v>81</v>
      </c>
      <c r="I14187" s="2">
        <v>0</v>
      </c>
      <c r="J14187" s="2">
        <v>0</v>
      </c>
      <c r="K14187" s="2">
        <v>1</v>
      </c>
      <c r="L14187" t="s">
        <v>995</v>
      </c>
      <c r="M14187" t="s">
        <v>87</v>
      </c>
      <c r="N14187" t="s">
        <v>88</v>
      </c>
      <c r="O14187" t="s">
        <v>85</v>
      </c>
      <c r="P14187" t="s">
        <v>86</v>
      </c>
      <c r="Q14187">
        <v>22</v>
      </c>
      <c r="R14187">
        <v>22</v>
      </c>
      <c r="S14187">
        <v>22</v>
      </c>
      <c r="T14187">
        <v>22</v>
      </c>
      <c r="U14187">
        <v>22</v>
      </c>
      <c r="V14187">
        <v>22</v>
      </c>
      <c r="W14187">
        <v>22</v>
      </c>
      <c r="X14187">
        <v>22</v>
      </c>
      <c r="Y14187">
        <v>22</v>
      </c>
      <c r="Z14187">
        <v>21</v>
      </c>
      <c r="AA14187">
        <v>21</v>
      </c>
      <c r="AB14187">
        <v>21</v>
      </c>
      <c r="AC14187">
        <v>21</v>
      </c>
      <c r="AD14187">
        <v>21</v>
      </c>
      <c r="AE14187">
        <v>21</v>
      </c>
      <c r="AF14187">
        <v>21</v>
      </c>
      <c r="AG14187">
        <v>21</v>
      </c>
      <c r="AH14187">
        <v>21</v>
      </c>
      <c r="AI14187">
        <v>21</v>
      </c>
      <c r="AJ14187">
        <v>21</v>
      </c>
      <c r="AK14187">
        <v>20</v>
      </c>
      <c r="AL14187">
        <v>20</v>
      </c>
      <c r="AM14187">
        <v>20</v>
      </c>
      <c r="AN14187">
        <v>20</v>
      </c>
      <c r="AO14187">
        <v>20</v>
      </c>
      <c r="AP14187">
        <v>20</v>
      </c>
      <c r="AQ14187">
        <v>20</v>
      </c>
    </row>
    <row r="14188" spans="1:43">
      <c r="A14188" t="s">
        <v>8810</v>
      </c>
      <c r="B14188" t="s">
        <v>8811</v>
      </c>
      <c r="C14188" t="s">
        <v>8718</v>
      </c>
      <c r="D14188" t="s">
        <v>8719</v>
      </c>
      <c r="E14188" t="s">
        <v>8652</v>
      </c>
      <c r="F14188" t="s">
        <v>8653</v>
      </c>
      <c r="G14188" t="s">
        <v>80</v>
      </c>
      <c r="H14188" t="s">
        <v>81</v>
      </c>
      <c r="I14188" s="2">
        <v>0</v>
      </c>
      <c r="J14188" s="2">
        <v>0</v>
      </c>
      <c r="K14188" s="2">
        <v>1</v>
      </c>
      <c r="L14188" t="s">
        <v>995</v>
      </c>
      <c r="M14188" t="s">
        <v>89</v>
      </c>
      <c r="N14188" t="s">
        <v>90</v>
      </c>
      <c r="O14188" t="s">
        <v>85</v>
      </c>
      <c r="P14188" t="s">
        <v>86</v>
      </c>
      <c r="Q14188">
        <v>22</v>
      </c>
      <c r="R14188">
        <v>22</v>
      </c>
      <c r="S14188">
        <v>22</v>
      </c>
      <c r="T14188">
        <v>23</v>
      </c>
      <c r="U14188">
        <v>23</v>
      </c>
      <c r="V14188">
        <v>23</v>
      </c>
      <c r="W14188">
        <v>23</v>
      </c>
      <c r="X14188">
        <v>23</v>
      </c>
      <c r="Y14188">
        <v>24</v>
      </c>
      <c r="Z14188">
        <v>24</v>
      </c>
      <c r="AA14188">
        <v>24</v>
      </c>
      <c r="AB14188">
        <v>24</v>
      </c>
      <c r="AC14188">
        <v>24</v>
      </c>
      <c r="AD14188">
        <v>24</v>
      </c>
      <c r="AE14188">
        <v>24</v>
      </c>
      <c r="AF14188">
        <v>24</v>
      </c>
      <c r="AG14188">
        <v>24</v>
      </c>
      <c r="AH14188">
        <v>24</v>
      </c>
      <c r="AI14188">
        <v>23</v>
      </c>
      <c r="AJ14188">
        <v>23</v>
      </c>
      <c r="AK14188">
        <v>23</v>
      </c>
      <c r="AL14188">
        <v>23</v>
      </c>
      <c r="AM14188">
        <v>23</v>
      </c>
      <c r="AN14188">
        <v>22</v>
      </c>
      <c r="AO14188">
        <v>22</v>
      </c>
      <c r="AP14188">
        <v>22</v>
      </c>
      <c r="AQ14188">
        <v>22</v>
      </c>
    </row>
    <row r="14189" spans="1:43">
      <c r="A14189" t="s">
        <v>8810</v>
      </c>
      <c r="B14189" t="s">
        <v>8811</v>
      </c>
      <c r="C14189" t="s">
        <v>8718</v>
      </c>
      <c r="D14189" t="s">
        <v>8719</v>
      </c>
      <c r="E14189" t="s">
        <v>8652</v>
      </c>
      <c r="F14189" t="s">
        <v>8653</v>
      </c>
      <c r="G14189" t="s">
        <v>80</v>
      </c>
      <c r="H14189" t="s">
        <v>81</v>
      </c>
      <c r="I14189" s="2">
        <v>0</v>
      </c>
      <c r="J14189" s="2">
        <v>0</v>
      </c>
      <c r="K14189" s="2">
        <v>1</v>
      </c>
      <c r="L14189" t="s">
        <v>995</v>
      </c>
      <c r="M14189" t="s">
        <v>83</v>
      </c>
      <c r="N14189" t="s">
        <v>91</v>
      </c>
      <c r="O14189" t="s">
        <v>85</v>
      </c>
      <c r="P14189" t="s">
        <v>86</v>
      </c>
      <c r="Q14189">
        <v>22</v>
      </c>
      <c r="R14189">
        <v>22</v>
      </c>
      <c r="S14189">
        <v>22</v>
      </c>
      <c r="T14189">
        <v>22</v>
      </c>
      <c r="U14189">
        <v>22</v>
      </c>
      <c r="V14189">
        <v>22</v>
      </c>
      <c r="W14189">
        <v>22</v>
      </c>
      <c r="X14189">
        <v>22</v>
      </c>
      <c r="Y14189">
        <v>22</v>
      </c>
      <c r="Z14189">
        <v>22</v>
      </c>
      <c r="AA14189">
        <v>22</v>
      </c>
      <c r="AB14189">
        <v>22</v>
      </c>
      <c r="AC14189">
        <v>22</v>
      </c>
      <c r="AD14189">
        <v>23</v>
      </c>
      <c r="AE14189">
        <v>23</v>
      </c>
      <c r="AF14189">
        <v>23</v>
      </c>
      <c r="AG14189">
        <v>23</v>
      </c>
      <c r="AH14189">
        <v>23</v>
      </c>
      <c r="AI14189">
        <v>23</v>
      </c>
      <c r="AJ14189">
        <v>23</v>
      </c>
      <c r="AK14189">
        <v>23</v>
      </c>
      <c r="AL14189">
        <v>23</v>
      </c>
      <c r="AM14189">
        <v>22</v>
      </c>
      <c r="AN14189">
        <v>22</v>
      </c>
      <c r="AO14189">
        <v>22</v>
      </c>
      <c r="AP14189">
        <v>22</v>
      </c>
      <c r="AQ14189">
        <v>22</v>
      </c>
    </row>
    <row r="14190" spans="1:43">
      <c r="A14190" t="s">
        <v>8812</v>
      </c>
      <c r="B14190" t="s">
        <v>8813</v>
      </c>
      <c r="C14190" t="s">
        <v>8718</v>
      </c>
      <c r="D14190" t="s">
        <v>8719</v>
      </c>
      <c r="E14190" t="s">
        <v>8652</v>
      </c>
      <c r="F14190" t="s">
        <v>8653</v>
      </c>
      <c r="G14190" t="s">
        <v>80</v>
      </c>
      <c r="H14190" t="s">
        <v>81</v>
      </c>
      <c r="I14190" s="2">
        <v>0</v>
      </c>
      <c r="J14190" s="2">
        <v>0</v>
      </c>
      <c r="K14190" s="2">
        <v>1</v>
      </c>
      <c r="L14190" t="s">
        <v>995</v>
      </c>
      <c r="M14190" t="s">
        <v>83</v>
      </c>
      <c r="N14190" t="s">
        <v>84</v>
      </c>
      <c r="O14190" t="s">
        <v>85</v>
      </c>
      <c r="P14190" t="s">
        <v>86</v>
      </c>
      <c r="Q14190">
        <v>30</v>
      </c>
      <c r="R14190">
        <v>31</v>
      </c>
      <c r="S14190">
        <v>31</v>
      </c>
      <c r="T14190">
        <v>31</v>
      </c>
      <c r="U14190">
        <v>31</v>
      </c>
      <c r="V14190">
        <v>31</v>
      </c>
      <c r="W14190">
        <v>31</v>
      </c>
      <c r="X14190">
        <v>31</v>
      </c>
      <c r="Y14190">
        <v>31</v>
      </c>
      <c r="Z14190">
        <v>31</v>
      </c>
      <c r="AA14190">
        <v>32</v>
      </c>
      <c r="AB14190">
        <v>32</v>
      </c>
      <c r="AC14190">
        <v>32</v>
      </c>
      <c r="AD14190">
        <v>32</v>
      </c>
      <c r="AE14190">
        <v>32</v>
      </c>
      <c r="AF14190">
        <v>32</v>
      </c>
      <c r="AG14190">
        <v>32</v>
      </c>
      <c r="AH14190">
        <v>32</v>
      </c>
      <c r="AI14190">
        <v>32</v>
      </c>
      <c r="AJ14190">
        <v>32</v>
      </c>
      <c r="AK14190">
        <v>32</v>
      </c>
      <c r="AL14190">
        <v>32</v>
      </c>
      <c r="AM14190">
        <v>32</v>
      </c>
      <c r="AN14190">
        <v>31</v>
      </c>
      <c r="AO14190">
        <v>31</v>
      </c>
      <c r="AP14190">
        <v>31</v>
      </c>
      <c r="AQ14190">
        <v>31</v>
      </c>
    </row>
    <row r="14191" spans="1:43">
      <c r="A14191" t="s">
        <v>8812</v>
      </c>
      <c r="B14191" t="s">
        <v>8813</v>
      </c>
      <c r="C14191" t="s">
        <v>8718</v>
      </c>
      <c r="D14191" t="s">
        <v>8719</v>
      </c>
      <c r="E14191" t="s">
        <v>8652</v>
      </c>
      <c r="F14191" t="s">
        <v>8653</v>
      </c>
      <c r="G14191" t="s">
        <v>80</v>
      </c>
      <c r="H14191" t="s">
        <v>81</v>
      </c>
      <c r="I14191" s="2">
        <v>0</v>
      </c>
      <c r="J14191" s="2">
        <v>0</v>
      </c>
      <c r="K14191" s="2">
        <v>1</v>
      </c>
      <c r="L14191" t="s">
        <v>995</v>
      </c>
      <c r="M14191" t="s">
        <v>87</v>
      </c>
      <c r="N14191" t="s">
        <v>88</v>
      </c>
      <c r="O14191" t="s">
        <v>85</v>
      </c>
      <c r="P14191" t="s">
        <v>86</v>
      </c>
      <c r="Q14191">
        <v>30</v>
      </c>
      <c r="R14191">
        <v>30</v>
      </c>
      <c r="S14191">
        <v>30</v>
      </c>
      <c r="T14191">
        <v>30</v>
      </c>
      <c r="U14191">
        <v>30</v>
      </c>
      <c r="V14191">
        <v>29</v>
      </c>
      <c r="W14191">
        <v>29</v>
      </c>
      <c r="X14191">
        <v>29</v>
      </c>
      <c r="Y14191">
        <v>29</v>
      </c>
      <c r="Z14191">
        <v>29</v>
      </c>
      <c r="AA14191">
        <v>29</v>
      </c>
      <c r="AB14191">
        <v>29</v>
      </c>
      <c r="AC14191">
        <v>28</v>
      </c>
      <c r="AD14191">
        <v>28</v>
      </c>
      <c r="AE14191">
        <v>28</v>
      </c>
      <c r="AF14191">
        <v>28</v>
      </c>
      <c r="AG14191">
        <v>28</v>
      </c>
      <c r="AH14191">
        <v>28</v>
      </c>
      <c r="AI14191">
        <v>28</v>
      </c>
      <c r="AJ14191">
        <v>28</v>
      </c>
      <c r="AK14191">
        <v>27</v>
      </c>
      <c r="AL14191">
        <v>27</v>
      </c>
      <c r="AM14191">
        <v>27</v>
      </c>
      <c r="AN14191">
        <v>27</v>
      </c>
      <c r="AO14191">
        <v>27</v>
      </c>
      <c r="AP14191">
        <v>27</v>
      </c>
      <c r="AQ14191">
        <v>27</v>
      </c>
    </row>
    <row r="14192" spans="1:43">
      <c r="A14192" t="s">
        <v>8812</v>
      </c>
      <c r="B14192" t="s">
        <v>8813</v>
      </c>
      <c r="C14192" t="s">
        <v>8718</v>
      </c>
      <c r="D14192" t="s">
        <v>8719</v>
      </c>
      <c r="E14192" t="s">
        <v>8652</v>
      </c>
      <c r="F14192" t="s">
        <v>8653</v>
      </c>
      <c r="G14192" t="s">
        <v>80</v>
      </c>
      <c r="H14192" t="s">
        <v>81</v>
      </c>
      <c r="I14192" s="2">
        <v>0</v>
      </c>
      <c r="J14192" s="2">
        <v>0</v>
      </c>
      <c r="K14192" s="2">
        <v>1</v>
      </c>
      <c r="L14192" t="s">
        <v>995</v>
      </c>
      <c r="M14192" t="s">
        <v>89</v>
      </c>
      <c r="N14192" t="s">
        <v>90</v>
      </c>
      <c r="O14192" t="s">
        <v>85</v>
      </c>
      <c r="P14192" t="s">
        <v>86</v>
      </c>
      <c r="Q14192">
        <v>30</v>
      </c>
      <c r="R14192">
        <v>30</v>
      </c>
      <c r="S14192">
        <v>30</v>
      </c>
      <c r="T14192">
        <v>31</v>
      </c>
      <c r="U14192">
        <v>31</v>
      </c>
      <c r="V14192">
        <v>31</v>
      </c>
      <c r="W14192">
        <v>32</v>
      </c>
      <c r="X14192">
        <v>32</v>
      </c>
      <c r="Y14192">
        <v>32</v>
      </c>
      <c r="Z14192">
        <v>32</v>
      </c>
      <c r="AA14192">
        <v>33</v>
      </c>
      <c r="AB14192">
        <v>33</v>
      </c>
      <c r="AC14192">
        <v>33</v>
      </c>
      <c r="AD14192">
        <v>33</v>
      </c>
      <c r="AE14192">
        <v>33</v>
      </c>
      <c r="AF14192">
        <v>33</v>
      </c>
      <c r="AG14192">
        <v>32</v>
      </c>
      <c r="AH14192">
        <v>32</v>
      </c>
      <c r="AI14192">
        <v>32</v>
      </c>
      <c r="AJ14192">
        <v>32</v>
      </c>
      <c r="AK14192">
        <v>31</v>
      </c>
      <c r="AL14192">
        <v>31</v>
      </c>
      <c r="AM14192">
        <v>31</v>
      </c>
      <c r="AN14192">
        <v>30</v>
      </c>
      <c r="AO14192">
        <v>30</v>
      </c>
      <c r="AP14192">
        <v>30</v>
      </c>
      <c r="AQ14192">
        <v>30</v>
      </c>
    </row>
    <row r="14193" spans="1:43">
      <c r="A14193" t="s">
        <v>8812</v>
      </c>
      <c r="B14193" t="s">
        <v>8813</v>
      </c>
      <c r="C14193" t="s">
        <v>8718</v>
      </c>
      <c r="D14193" t="s">
        <v>8719</v>
      </c>
      <c r="E14193" t="s">
        <v>8652</v>
      </c>
      <c r="F14193" t="s">
        <v>8653</v>
      </c>
      <c r="G14193" t="s">
        <v>80</v>
      </c>
      <c r="H14193" t="s">
        <v>81</v>
      </c>
      <c r="I14193" s="2">
        <v>0</v>
      </c>
      <c r="J14193" s="2">
        <v>0</v>
      </c>
      <c r="K14193" s="2">
        <v>1</v>
      </c>
      <c r="L14193" t="s">
        <v>995</v>
      </c>
      <c r="M14193" t="s">
        <v>83</v>
      </c>
      <c r="N14193" t="s">
        <v>91</v>
      </c>
      <c r="O14193" t="s">
        <v>85</v>
      </c>
      <c r="P14193" t="s">
        <v>86</v>
      </c>
      <c r="Q14193">
        <v>30</v>
      </c>
      <c r="R14193">
        <v>31</v>
      </c>
      <c r="S14193">
        <v>31</v>
      </c>
      <c r="T14193">
        <v>31</v>
      </c>
      <c r="U14193">
        <v>31</v>
      </c>
      <c r="V14193">
        <v>31</v>
      </c>
      <c r="W14193">
        <v>31</v>
      </c>
      <c r="X14193">
        <v>31</v>
      </c>
      <c r="Y14193">
        <v>31</v>
      </c>
      <c r="Z14193">
        <v>31</v>
      </c>
      <c r="AA14193">
        <v>32</v>
      </c>
      <c r="AB14193">
        <v>32</v>
      </c>
      <c r="AC14193">
        <v>32</v>
      </c>
      <c r="AD14193">
        <v>32</v>
      </c>
      <c r="AE14193">
        <v>32</v>
      </c>
      <c r="AF14193">
        <v>32</v>
      </c>
      <c r="AG14193">
        <v>32</v>
      </c>
      <c r="AH14193">
        <v>32</v>
      </c>
      <c r="AI14193">
        <v>32</v>
      </c>
      <c r="AJ14193">
        <v>32</v>
      </c>
      <c r="AK14193">
        <v>32</v>
      </c>
      <c r="AL14193">
        <v>32</v>
      </c>
      <c r="AM14193">
        <v>32</v>
      </c>
      <c r="AN14193">
        <v>31</v>
      </c>
      <c r="AO14193">
        <v>31</v>
      </c>
      <c r="AP14193">
        <v>31</v>
      </c>
      <c r="AQ14193">
        <v>31</v>
      </c>
    </row>
    <row r="14194" spans="1:43">
      <c r="A14194" t="s">
        <v>8814</v>
      </c>
      <c r="B14194" t="s">
        <v>8815</v>
      </c>
      <c r="C14194" t="s">
        <v>8808</v>
      </c>
      <c r="D14194" t="s">
        <v>8809</v>
      </c>
      <c r="E14194" t="s">
        <v>8652</v>
      </c>
      <c r="F14194" t="s">
        <v>8653</v>
      </c>
      <c r="G14194" t="s">
        <v>80</v>
      </c>
      <c r="H14194" t="s">
        <v>81</v>
      </c>
      <c r="I14194" s="2">
        <v>0</v>
      </c>
      <c r="J14194" s="2">
        <v>0</v>
      </c>
      <c r="K14194" s="2">
        <v>1</v>
      </c>
      <c r="L14194" t="s">
        <v>995</v>
      </c>
      <c r="M14194" t="s">
        <v>83</v>
      </c>
      <c r="N14194" t="s">
        <v>84</v>
      </c>
      <c r="O14194" t="s">
        <v>85</v>
      </c>
      <c r="P14194" t="s">
        <v>86</v>
      </c>
      <c r="Q14194">
        <v>45</v>
      </c>
      <c r="R14194">
        <v>45</v>
      </c>
      <c r="S14194">
        <v>45</v>
      </c>
      <c r="T14194">
        <v>46</v>
      </c>
      <c r="U14194">
        <v>46</v>
      </c>
      <c r="V14194">
        <v>46</v>
      </c>
      <c r="W14194">
        <v>46</v>
      </c>
      <c r="X14194">
        <v>46</v>
      </c>
      <c r="Y14194">
        <v>47</v>
      </c>
      <c r="Z14194">
        <v>47</v>
      </c>
      <c r="AA14194">
        <v>47</v>
      </c>
      <c r="AB14194">
        <v>47</v>
      </c>
      <c r="AC14194">
        <v>47</v>
      </c>
      <c r="AD14194">
        <v>47</v>
      </c>
      <c r="AE14194">
        <v>47</v>
      </c>
      <c r="AF14194">
        <v>47</v>
      </c>
      <c r="AG14194">
        <v>47</v>
      </c>
      <c r="AH14194">
        <v>48</v>
      </c>
      <c r="AI14194">
        <v>48</v>
      </c>
      <c r="AJ14194">
        <v>48</v>
      </c>
      <c r="AK14194">
        <v>48</v>
      </c>
      <c r="AL14194">
        <v>48</v>
      </c>
      <c r="AM14194">
        <v>47</v>
      </c>
      <c r="AN14194">
        <v>47</v>
      </c>
      <c r="AO14194">
        <v>46</v>
      </c>
      <c r="AP14194">
        <v>46</v>
      </c>
      <c r="AQ14194">
        <v>46</v>
      </c>
    </row>
    <row r="14195" spans="1:43">
      <c r="A14195" t="s">
        <v>8814</v>
      </c>
      <c r="B14195" t="s">
        <v>8815</v>
      </c>
      <c r="C14195" t="s">
        <v>8808</v>
      </c>
      <c r="D14195" t="s">
        <v>8809</v>
      </c>
      <c r="E14195" t="s">
        <v>8652</v>
      </c>
      <c r="F14195" t="s">
        <v>8653</v>
      </c>
      <c r="G14195" t="s">
        <v>80</v>
      </c>
      <c r="H14195" t="s">
        <v>81</v>
      </c>
      <c r="I14195" s="2">
        <v>0</v>
      </c>
      <c r="J14195" s="2">
        <v>0</v>
      </c>
      <c r="K14195" s="2">
        <v>1</v>
      </c>
      <c r="L14195" t="s">
        <v>995</v>
      </c>
      <c r="M14195" t="s">
        <v>87</v>
      </c>
      <c r="N14195" t="s">
        <v>88</v>
      </c>
      <c r="O14195" t="s">
        <v>85</v>
      </c>
      <c r="P14195" t="s">
        <v>86</v>
      </c>
      <c r="Q14195">
        <v>45</v>
      </c>
      <c r="R14195">
        <v>44</v>
      </c>
      <c r="S14195">
        <v>44</v>
      </c>
      <c r="T14195">
        <v>44</v>
      </c>
      <c r="U14195">
        <v>44</v>
      </c>
      <c r="V14195">
        <v>44</v>
      </c>
      <c r="W14195">
        <v>43</v>
      </c>
      <c r="X14195">
        <v>43</v>
      </c>
      <c r="Y14195">
        <v>43</v>
      </c>
      <c r="Z14195">
        <v>43</v>
      </c>
      <c r="AA14195">
        <v>43</v>
      </c>
      <c r="AB14195">
        <v>42</v>
      </c>
      <c r="AC14195">
        <v>42</v>
      </c>
      <c r="AD14195">
        <v>42</v>
      </c>
      <c r="AE14195">
        <v>42</v>
      </c>
      <c r="AF14195">
        <v>42</v>
      </c>
      <c r="AG14195">
        <v>42</v>
      </c>
      <c r="AH14195">
        <v>41</v>
      </c>
      <c r="AI14195">
        <v>41</v>
      </c>
      <c r="AJ14195">
        <v>41</v>
      </c>
      <c r="AK14195">
        <v>41</v>
      </c>
      <c r="AL14195">
        <v>41</v>
      </c>
      <c r="AM14195">
        <v>41</v>
      </c>
      <c r="AN14195">
        <v>40</v>
      </c>
      <c r="AO14195">
        <v>40</v>
      </c>
      <c r="AP14195">
        <v>40</v>
      </c>
      <c r="AQ14195">
        <v>40</v>
      </c>
    </row>
    <row r="14196" spans="1:43">
      <c r="A14196" t="s">
        <v>8814</v>
      </c>
      <c r="B14196" t="s">
        <v>8815</v>
      </c>
      <c r="C14196" t="s">
        <v>8808</v>
      </c>
      <c r="D14196" t="s">
        <v>8809</v>
      </c>
      <c r="E14196" t="s">
        <v>8652</v>
      </c>
      <c r="F14196" t="s">
        <v>8653</v>
      </c>
      <c r="G14196" t="s">
        <v>80</v>
      </c>
      <c r="H14196" t="s">
        <v>81</v>
      </c>
      <c r="I14196" s="2">
        <v>0</v>
      </c>
      <c r="J14196" s="2">
        <v>0</v>
      </c>
      <c r="K14196" s="2">
        <v>1</v>
      </c>
      <c r="L14196" t="s">
        <v>995</v>
      </c>
      <c r="M14196" t="s">
        <v>89</v>
      </c>
      <c r="N14196" t="s">
        <v>90</v>
      </c>
      <c r="O14196" t="s">
        <v>85</v>
      </c>
      <c r="P14196" t="s">
        <v>86</v>
      </c>
      <c r="Q14196">
        <v>45</v>
      </c>
      <c r="R14196">
        <v>46</v>
      </c>
      <c r="S14196">
        <v>47</v>
      </c>
      <c r="T14196">
        <v>47</v>
      </c>
      <c r="U14196">
        <v>48</v>
      </c>
      <c r="V14196">
        <v>48</v>
      </c>
      <c r="W14196">
        <v>49</v>
      </c>
      <c r="X14196">
        <v>49</v>
      </c>
      <c r="Y14196">
        <v>49</v>
      </c>
      <c r="Z14196">
        <v>50</v>
      </c>
      <c r="AA14196">
        <v>50</v>
      </c>
      <c r="AB14196">
        <v>50</v>
      </c>
      <c r="AC14196">
        <v>50</v>
      </c>
      <c r="AD14196">
        <v>51</v>
      </c>
      <c r="AE14196">
        <v>51</v>
      </c>
      <c r="AF14196">
        <v>50</v>
      </c>
      <c r="AG14196">
        <v>50</v>
      </c>
      <c r="AH14196">
        <v>49</v>
      </c>
      <c r="AI14196">
        <v>49</v>
      </c>
      <c r="AJ14196">
        <v>49</v>
      </c>
      <c r="AK14196">
        <v>48</v>
      </c>
      <c r="AL14196">
        <v>48</v>
      </c>
      <c r="AM14196">
        <v>48</v>
      </c>
      <c r="AN14196">
        <v>47</v>
      </c>
      <c r="AO14196">
        <v>47</v>
      </c>
      <c r="AP14196">
        <v>47</v>
      </c>
      <c r="AQ14196">
        <v>46</v>
      </c>
    </row>
    <row r="14197" spans="1:43">
      <c r="A14197" t="s">
        <v>8814</v>
      </c>
      <c r="B14197" t="s">
        <v>8815</v>
      </c>
      <c r="C14197" t="s">
        <v>8808</v>
      </c>
      <c r="D14197" t="s">
        <v>8809</v>
      </c>
      <c r="E14197" t="s">
        <v>8652</v>
      </c>
      <c r="F14197" t="s">
        <v>8653</v>
      </c>
      <c r="G14197" t="s">
        <v>80</v>
      </c>
      <c r="H14197" t="s">
        <v>81</v>
      </c>
      <c r="I14197" s="2">
        <v>0</v>
      </c>
      <c r="J14197" s="2">
        <v>0</v>
      </c>
      <c r="K14197" s="2">
        <v>1</v>
      </c>
      <c r="L14197" t="s">
        <v>995</v>
      </c>
      <c r="M14197" t="s">
        <v>83</v>
      </c>
      <c r="N14197" t="s">
        <v>91</v>
      </c>
      <c r="O14197" t="s">
        <v>85</v>
      </c>
      <c r="P14197" t="s">
        <v>86</v>
      </c>
      <c r="Q14197">
        <v>45</v>
      </c>
      <c r="R14197">
        <v>45</v>
      </c>
      <c r="S14197">
        <v>45</v>
      </c>
      <c r="T14197">
        <v>46</v>
      </c>
      <c r="U14197">
        <v>46</v>
      </c>
      <c r="V14197">
        <v>46</v>
      </c>
      <c r="W14197">
        <v>46</v>
      </c>
      <c r="X14197">
        <v>46</v>
      </c>
      <c r="Y14197">
        <v>47</v>
      </c>
      <c r="Z14197">
        <v>47</v>
      </c>
      <c r="AA14197">
        <v>47</v>
      </c>
      <c r="AB14197">
        <v>47</v>
      </c>
      <c r="AC14197">
        <v>47</v>
      </c>
      <c r="AD14197">
        <v>47</v>
      </c>
      <c r="AE14197">
        <v>47</v>
      </c>
      <c r="AF14197">
        <v>47</v>
      </c>
      <c r="AG14197">
        <v>47</v>
      </c>
      <c r="AH14197">
        <v>48</v>
      </c>
      <c r="AI14197">
        <v>48</v>
      </c>
      <c r="AJ14197">
        <v>48</v>
      </c>
      <c r="AK14197">
        <v>48</v>
      </c>
      <c r="AL14197">
        <v>48</v>
      </c>
      <c r="AM14197">
        <v>47</v>
      </c>
      <c r="AN14197">
        <v>47</v>
      </c>
      <c r="AO14197">
        <v>46</v>
      </c>
      <c r="AP14197">
        <v>46</v>
      </c>
      <c r="AQ14197">
        <v>46</v>
      </c>
    </row>
    <row r="14198" spans="1:43">
      <c r="A14198" t="s">
        <v>8816</v>
      </c>
      <c r="B14198" t="s">
        <v>8817</v>
      </c>
      <c r="C14198" t="s">
        <v>8808</v>
      </c>
      <c r="D14198" t="s">
        <v>8809</v>
      </c>
      <c r="E14198" t="s">
        <v>8652</v>
      </c>
      <c r="F14198" t="s">
        <v>8653</v>
      </c>
      <c r="G14198" t="s">
        <v>80</v>
      </c>
      <c r="H14198" t="s">
        <v>81</v>
      </c>
      <c r="I14198" s="2">
        <v>0</v>
      </c>
      <c r="J14198" s="2">
        <v>0</v>
      </c>
      <c r="K14198" s="2">
        <v>1</v>
      </c>
      <c r="L14198" t="s">
        <v>995</v>
      </c>
      <c r="M14198" t="s">
        <v>83</v>
      </c>
      <c r="N14198" t="s">
        <v>84</v>
      </c>
      <c r="O14198" t="s">
        <v>85</v>
      </c>
      <c r="P14198" t="s">
        <v>86</v>
      </c>
      <c r="Q14198">
        <v>24</v>
      </c>
      <c r="R14198">
        <v>24</v>
      </c>
      <c r="S14198">
        <v>24</v>
      </c>
      <c r="T14198">
        <v>24</v>
      </c>
      <c r="U14198">
        <v>24</v>
      </c>
      <c r="V14198">
        <v>24</v>
      </c>
      <c r="W14198">
        <v>24</v>
      </c>
      <c r="X14198">
        <v>24</v>
      </c>
      <c r="Y14198">
        <v>24</v>
      </c>
      <c r="Z14198">
        <v>25</v>
      </c>
      <c r="AA14198">
        <v>25</v>
      </c>
      <c r="AB14198">
        <v>25</v>
      </c>
      <c r="AC14198">
        <v>25</v>
      </c>
      <c r="AD14198">
        <v>25</v>
      </c>
      <c r="AE14198">
        <v>25</v>
      </c>
      <c r="AF14198">
        <v>25</v>
      </c>
      <c r="AG14198">
        <v>25</v>
      </c>
      <c r="AH14198">
        <v>25</v>
      </c>
      <c r="AI14198">
        <v>25</v>
      </c>
      <c r="AJ14198">
        <v>25</v>
      </c>
      <c r="AK14198">
        <v>25</v>
      </c>
      <c r="AL14198">
        <v>25</v>
      </c>
      <c r="AM14198">
        <v>25</v>
      </c>
      <c r="AN14198">
        <v>24</v>
      </c>
      <c r="AO14198">
        <v>24</v>
      </c>
      <c r="AP14198">
        <v>24</v>
      </c>
      <c r="AQ14198">
        <v>24</v>
      </c>
    </row>
    <row r="14199" spans="1:43">
      <c r="A14199" t="s">
        <v>8816</v>
      </c>
      <c r="B14199" t="s">
        <v>8817</v>
      </c>
      <c r="C14199" t="s">
        <v>8808</v>
      </c>
      <c r="D14199" t="s">
        <v>8809</v>
      </c>
      <c r="E14199" t="s">
        <v>8652</v>
      </c>
      <c r="F14199" t="s">
        <v>8653</v>
      </c>
      <c r="G14199" t="s">
        <v>80</v>
      </c>
      <c r="H14199" t="s">
        <v>81</v>
      </c>
      <c r="I14199" s="2">
        <v>0</v>
      </c>
      <c r="J14199" s="2">
        <v>0</v>
      </c>
      <c r="K14199" s="2">
        <v>1</v>
      </c>
      <c r="L14199" t="s">
        <v>995</v>
      </c>
      <c r="M14199" t="s">
        <v>87</v>
      </c>
      <c r="N14199" t="s">
        <v>88</v>
      </c>
      <c r="O14199" t="s">
        <v>85</v>
      </c>
      <c r="P14199" t="s">
        <v>86</v>
      </c>
      <c r="Q14199">
        <v>24</v>
      </c>
      <c r="R14199">
        <v>23</v>
      </c>
      <c r="S14199">
        <v>23</v>
      </c>
      <c r="T14199">
        <v>23</v>
      </c>
      <c r="U14199">
        <v>23</v>
      </c>
      <c r="V14199">
        <v>23</v>
      </c>
      <c r="W14199">
        <v>23</v>
      </c>
      <c r="X14199">
        <v>23</v>
      </c>
      <c r="Y14199">
        <v>23</v>
      </c>
      <c r="Z14199">
        <v>23</v>
      </c>
      <c r="AA14199">
        <v>22</v>
      </c>
      <c r="AB14199">
        <v>22</v>
      </c>
      <c r="AC14199">
        <v>22</v>
      </c>
      <c r="AD14199">
        <v>22</v>
      </c>
      <c r="AE14199">
        <v>22</v>
      </c>
      <c r="AF14199">
        <v>22</v>
      </c>
      <c r="AG14199">
        <v>22</v>
      </c>
      <c r="AH14199">
        <v>22</v>
      </c>
      <c r="AI14199">
        <v>22</v>
      </c>
      <c r="AJ14199">
        <v>22</v>
      </c>
      <c r="AK14199">
        <v>21</v>
      </c>
      <c r="AL14199">
        <v>21</v>
      </c>
      <c r="AM14199">
        <v>21</v>
      </c>
      <c r="AN14199">
        <v>21</v>
      </c>
      <c r="AO14199">
        <v>21</v>
      </c>
      <c r="AP14199">
        <v>21</v>
      </c>
      <c r="AQ14199">
        <v>21</v>
      </c>
    </row>
    <row r="14200" spans="1:43">
      <c r="A14200" t="s">
        <v>8816</v>
      </c>
      <c r="B14200" t="s">
        <v>8817</v>
      </c>
      <c r="C14200" t="s">
        <v>8808</v>
      </c>
      <c r="D14200" t="s">
        <v>8809</v>
      </c>
      <c r="E14200" t="s">
        <v>8652</v>
      </c>
      <c r="F14200" t="s">
        <v>8653</v>
      </c>
      <c r="G14200" t="s">
        <v>80</v>
      </c>
      <c r="H14200" t="s">
        <v>81</v>
      </c>
      <c r="I14200" s="2">
        <v>0</v>
      </c>
      <c r="J14200" s="2">
        <v>0</v>
      </c>
      <c r="K14200" s="2">
        <v>1</v>
      </c>
      <c r="L14200" t="s">
        <v>995</v>
      </c>
      <c r="M14200" t="s">
        <v>89</v>
      </c>
      <c r="N14200" t="s">
        <v>90</v>
      </c>
      <c r="O14200" t="s">
        <v>85</v>
      </c>
      <c r="P14200" t="s">
        <v>86</v>
      </c>
      <c r="Q14200">
        <v>24</v>
      </c>
      <c r="R14200">
        <v>24</v>
      </c>
      <c r="S14200">
        <v>25</v>
      </c>
      <c r="T14200">
        <v>25</v>
      </c>
      <c r="U14200">
        <v>25</v>
      </c>
      <c r="V14200">
        <v>25</v>
      </c>
      <c r="W14200">
        <v>26</v>
      </c>
      <c r="X14200">
        <v>26</v>
      </c>
      <c r="Y14200">
        <v>26</v>
      </c>
      <c r="Z14200">
        <v>26</v>
      </c>
      <c r="AA14200">
        <v>26</v>
      </c>
      <c r="AB14200">
        <v>26</v>
      </c>
      <c r="AC14200">
        <v>26</v>
      </c>
      <c r="AD14200">
        <v>27</v>
      </c>
      <c r="AE14200">
        <v>27</v>
      </c>
      <c r="AF14200">
        <v>26</v>
      </c>
      <c r="AG14200">
        <v>26</v>
      </c>
      <c r="AH14200">
        <v>26</v>
      </c>
      <c r="AI14200">
        <v>26</v>
      </c>
      <c r="AJ14200">
        <v>25</v>
      </c>
      <c r="AK14200">
        <v>25</v>
      </c>
      <c r="AL14200">
        <v>25</v>
      </c>
      <c r="AM14200">
        <v>25</v>
      </c>
      <c r="AN14200">
        <v>25</v>
      </c>
      <c r="AO14200">
        <v>24</v>
      </c>
      <c r="AP14200">
        <v>24</v>
      </c>
      <c r="AQ14200">
        <v>24</v>
      </c>
    </row>
    <row r="14201" spans="1:43">
      <c r="A14201" t="s">
        <v>8816</v>
      </c>
      <c r="B14201" t="s">
        <v>8817</v>
      </c>
      <c r="C14201" t="s">
        <v>8808</v>
      </c>
      <c r="D14201" t="s">
        <v>8809</v>
      </c>
      <c r="E14201" t="s">
        <v>8652</v>
      </c>
      <c r="F14201" t="s">
        <v>8653</v>
      </c>
      <c r="G14201" t="s">
        <v>80</v>
      </c>
      <c r="H14201" t="s">
        <v>81</v>
      </c>
      <c r="I14201" s="2">
        <v>0</v>
      </c>
      <c r="J14201" s="2">
        <v>0</v>
      </c>
      <c r="K14201" s="2">
        <v>1</v>
      </c>
      <c r="L14201" t="s">
        <v>995</v>
      </c>
      <c r="M14201" t="s">
        <v>83</v>
      </c>
      <c r="N14201" t="s">
        <v>91</v>
      </c>
      <c r="O14201" t="s">
        <v>85</v>
      </c>
      <c r="P14201" t="s">
        <v>86</v>
      </c>
      <c r="Q14201">
        <v>24</v>
      </c>
      <c r="R14201">
        <v>24</v>
      </c>
      <c r="S14201">
        <v>24</v>
      </c>
      <c r="T14201">
        <v>24</v>
      </c>
      <c r="U14201">
        <v>24</v>
      </c>
      <c r="V14201">
        <v>24</v>
      </c>
      <c r="W14201">
        <v>24</v>
      </c>
      <c r="X14201">
        <v>24</v>
      </c>
      <c r="Y14201">
        <v>24</v>
      </c>
      <c r="Z14201">
        <v>25</v>
      </c>
      <c r="AA14201">
        <v>25</v>
      </c>
      <c r="AB14201">
        <v>25</v>
      </c>
      <c r="AC14201">
        <v>25</v>
      </c>
      <c r="AD14201">
        <v>25</v>
      </c>
      <c r="AE14201">
        <v>25</v>
      </c>
      <c r="AF14201">
        <v>25</v>
      </c>
      <c r="AG14201">
        <v>25</v>
      </c>
      <c r="AH14201">
        <v>25</v>
      </c>
      <c r="AI14201">
        <v>25</v>
      </c>
      <c r="AJ14201">
        <v>25</v>
      </c>
      <c r="AK14201">
        <v>25</v>
      </c>
      <c r="AL14201">
        <v>25</v>
      </c>
      <c r="AM14201">
        <v>25</v>
      </c>
      <c r="AN14201">
        <v>24</v>
      </c>
      <c r="AO14201">
        <v>24</v>
      </c>
      <c r="AP14201">
        <v>24</v>
      </c>
      <c r="AQ14201">
        <v>24</v>
      </c>
    </row>
    <row r="14202" spans="1:43">
      <c r="A14202" t="s">
        <v>8818</v>
      </c>
      <c r="B14202" t="s">
        <v>8819</v>
      </c>
      <c r="C14202" t="s">
        <v>8820</v>
      </c>
      <c r="D14202" t="s">
        <v>8821</v>
      </c>
      <c r="E14202" t="s">
        <v>8652</v>
      </c>
      <c r="F14202" t="s">
        <v>8653</v>
      </c>
      <c r="G14202" t="s">
        <v>80</v>
      </c>
      <c r="H14202" t="s">
        <v>81</v>
      </c>
      <c r="I14202" s="2">
        <v>0</v>
      </c>
      <c r="J14202" s="2">
        <v>0</v>
      </c>
      <c r="K14202" s="2">
        <v>1</v>
      </c>
      <c r="L14202" t="s">
        <v>995</v>
      </c>
      <c r="M14202" t="s">
        <v>83</v>
      </c>
      <c r="N14202" t="s">
        <v>84</v>
      </c>
      <c r="O14202" t="s">
        <v>85</v>
      </c>
      <c r="P14202" t="s">
        <v>86</v>
      </c>
      <c r="Q14202">
        <v>21</v>
      </c>
      <c r="R14202">
        <v>21</v>
      </c>
      <c r="S14202">
        <v>21</v>
      </c>
      <c r="T14202">
        <v>21</v>
      </c>
      <c r="U14202">
        <v>21</v>
      </c>
      <c r="V14202">
        <v>22</v>
      </c>
      <c r="W14202">
        <v>22</v>
      </c>
      <c r="X14202">
        <v>22</v>
      </c>
      <c r="Y14202">
        <v>22</v>
      </c>
      <c r="Z14202">
        <v>22</v>
      </c>
      <c r="AA14202">
        <v>22</v>
      </c>
      <c r="AB14202">
        <v>22</v>
      </c>
      <c r="AC14202">
        <v>22</v>
      </c>
      <c r="AD14202">
        <v>22</v>
      </c>
      <c r="AE14202">
        <v>22</v>
      </c>
      <c r="AF14202">
        <v>22</v>
      </c>
      <c r="AG14202">
        <v>22</v>
      </c>
      <c r="AH14202">
        <v>22</v>
      </c>
      <c r="AI14202">
        <v>22</v>
      </c>
      <c r="AJ14202">
        <v>22</v>
      </c>
      <c r="AK14202">
        <v>22</v>
      </c>
      <c r="AL14202">
        <v>22</v>
      </c>
      <c r="AM14202">
        <v>22</v>
      </c>
      <c r="AN14202">
        <v>22</v>
      </c>
      <c r="AO14202">
        <v>22</v>
      </c>
      <c r="AP14202">
        <v>22</v>
      </c>
      <c r="AQ14202">
        <v>22</v>
      </c>
    </row>
    <row r="14203" spans="1:43">
      <c r="A14203" t="s">
        <v>8818</v>
      </c>
      <c r="B14203" t="s">
        <v>8819</v>
      </c>
      <c r="C14203" t="s">
        <v>8820</v>
      </c>
      <c r="D14203" t="s">
        <v>8821</v>
      </c>
      <c r="E14203" t="s">
        <v>8652</v>
      </c>
      <c r="F14203" t="s">
        <v>8653</v>
      </c>
      <c r="G14203" t="s">
        <v>80</v>
      </c>
      <c r="H14203" t="s">
        <v>81</v>
      </c>
      <c r="I14203" s="2">
        <v>0</v>
      </c>
      <c r="J14203" s="2">
        <v>0</v>
      </c>
      <c r="K14203" s="2">
        <v>1</v>
      </c>
      <c r="L14203" t="s">
        <v>995</v>
      </c>
      <c r="M14203" t="s">
        <v>87</v>
      </c>
      <c r="N14203" t="s">
        <v>88</v>
      </c>
      <c r="O14203" t="s">
        <v>85</v>
      </c>
      <c r="P14203" t="s">
        <v>86</v>
      </c>
      <c r="Q14203">
        <v>21</v>
      </c>
      <c r="R14203">
        <v>21</v>
      </c>
      <c r="S14203">
        <v>21</v>
      </c>
      <c r="T14203">
        <v>21</v>
      </c>
      <c r="U14203">
        <v>20</v>
      </c>
      <c r="V14203">
        <v>20</v>
      </c>
      <c r="W14203">
        <v>20</v>
      </c>
      <c r="X14203">
        <v>20</v>
      </c>
      <c r="Y14203">
        <v>20</v>
      </c>
      <c r="Z14203">
        <v>20</v>
      </c>
      <c r="AA14203">
        <v>20</v>
      </c>
      <c r="AB14203">
        <v>20</v>
      </c>
      <c r="AC14203">
        <v>20</v>
      </c>
      <c r="AD14203">
        <v>20</v>
      </c>
      <c r="AE14203">
        <v>20</v>
      </c>
      <c r="AF14203">
        <v>20</v>
      </c>
      <c r="AG14203">
        <v>20</v>
      </c>
      <c r="AH14203">
        <v>19</v>
      </c>
      <c r="AI14203">
        <v>19</v>
      </c>
      <c r="AJ14203">
        <v>19</v>
      </c>
      <c r="AK14203">
        <v>19</v>
      </c>
      <c r="AL14203">
        <v>19</v>
      </c>
      <c r="AM14203">
        <v>19</v>
      </c>
      <c r="AN14203">
        <v>19</v>
      </c>
      <c r="AO14203">
        <v>19</v>
      </c>
      <c r="AP14203">
        <v>19</v>
      </c>
      <c r="AQ14203">
        <v>19</v>
      </c>
    </row>
    <row r="14204" spans="1:43">
      <c r="A14204" t="s">
        <v>8818</v>
      </c>
      <c r="B14204" t="s">
        <v>8819</v>
      </c>
      <c r="C14204" t="s">
        <v>8820</v>
      </c>
      <c r="D14204" t="s">
        <v>8821</v>
      </c>
      <c r="E14204" t="s">
        <v>8652</v>
      </c>
      <c r="F14204" t="s">
        <v>8653</v>
      </c>
      <c r="G14204" t="s">
        <v>80</v>
      </c>
      <c r="H14204" t="s">
        <v>81</v>
      </c>
      <c r="I14204" s="2">
        <v>0</v>
      </c>
      <c r="J14204" s="2">
        <v>0</v>
      </c>
      <c r="K14204" s="2">
        <v>1</v>
      </c>
      <c r="L14204" t="s">
        <v>995</v>
      </c>
      <c r="M14204" t="s">
        <v>89</v>
      </c>
      <c r="N14204" t="s">
        <v>90</v>
      </c>
      <c r="O14204" t="s">
        <v>85</v>
      </c>
      <c r="P14204" t="s">
        <v>86</v>
      </c>
      <c r="Q14204">
        <v>21</v>
      </c>
      <c r="R14204">
        <v>22</v>
      </c>
      <c r="S14204">
        <v>22</v>
      </c>
      <c r="T14204">
        <v>22</v>
      </c>
      <c r="U14204">
        <v>22</v>
      </c>
      <c r="V14204">
        <v>23</v>
      </c>
      <c r="W14204">
        <v>23</v>
      </c>
      <c r="X14204">
        <v>23</v>
      </c>
      <c r="Y14204">
        <v>23</v>
      </c>
      <c r="Z14204">
        <v>23</v>
      </c>
      <c r="AA14204">
        <v>23</v>
      </c>
      <c r="AB14204">
        <v>23</v>
      </c>
      <c r="AC14204">
        <v>24</v>
      </c>
      <c r="AD14204">
        <v>24</v>
      </c>
      <c r="AE14204">
        <v>24</v>
      </c>
      <c r="AF14204">
        <v>23</v>
      </c>
      <c r="AG14204">
        <v>23</v>
      </c>
      <c r="AH14204">
        <v>23</v>
      </c>
      <c r="AI14204">
        <v>23</v>
      </c>
      <c r="AJ14204">
        <v>23</v>
      </c>
      <c r="AK14204">
        <v>23</v>
      </c>
      <c r="AL14204">
        <v>22</v>
      </c>
      <c r="AM14204">
        <v>22</v>
      </c>
      <c r="AN14204">
        <v>22</v>
      </c>
      <c r="AO14204">
        <v>22</v>
      </c>
      <c r="AP14204">
        <v>22</v>
      </c>
      <c r="AQ14204">
        <v>22</v>
      </c>
    </row>
    <row r="14205" spans="1:43">
      <c r="A14205" t="s">
        <v>8818</v>
      </c>
      <c r="B14205" t="s">
        <v>8819</v>
      </c>
      <c r="C14205" t="s">
        <v>8820</v>
      </c>
      <c r="D14205" t="s">
        <v>8821</v>
      </c>
      <c r="E14205" t="s">
        <v>8652</v>
      </c>
      <c r="F14205" t="s">
        <v>8653</v>
      </c>
      <c r="G14205" t="s">
        <v>80</v>
      </c>
      <c r="H14205" t="s">
        <v>81</v>
      </c>
      <c r="I14205" s="2">
        <v>0</v>
      </c>
      <c r="J14205" s="2">
        <v>0</v>
      </c>
      <c r="K14205" s="2">
        <v>1</v>
      </c>
      <c r="L14205" t="s">
        <v>995</v>
      </c>
      <c r="M14205" t="s">
        <v>83</v>
      </c>
      <c r="N14205" t="s">
        <v>91</v>
      </c>
      <c r="O14205" t="s">
        <v>85</v>
      </c>
      <c r="P14205" t="s">
        <v>86</v>
      </c>
      <c r="Q14205">
        <v>21</v>
      </c>
      <c r="R14205">
        <v>21</v>
      </c>
      <c r="S14205">
        <v>21</v>
      </c>
      <c r="T14205">
        <v>21</v>
      </c>
      <c r="U14205">
        <v>21</v>
      </c>
      <c r="V14205">
        <v>22</v>
      </c>
      <c r="W14205">
        <v>22</v>
      </c>
      <c r="X14205">
        <v>22</v>
      </c>
      <c r="Y14205">
        <v>22</v>
      </c>
      <c r="Z14205">
        <v>22</v>
      </c>
      <c r="AA14205">
        <v>22</v>
      </c>
      <c r="AB14205">
        <v>22</v>
      </c>
      <c r="AC14205">
        <v>22</v>
      </c>
      <c r="AD14205">
        <v>22</v>
      </c>
      <c r="AE14205">
        <v>22</v>
      </c>
      <c r="AF14205">
        <v>22</v>
      </c>
      <c r="AG14205">
        <v>22</v>
      </c>
      <c r="AH14205">
        <v>22</v>
      </c>
      <c r="AI14205">
        <v>22</v>
      </c>
      <c r="AJ14205">
        <v>22</v>
      </c>
      <c r="AK14205">
        <v>22</v>
      </c>
      <c r="AL14205">
        <v>22</v>
      </c>
      <c r="AM14205">
        <v>22</v>
      </c>
      <c r="AN14205">
        <v>22</v>
      </c>
      <c r="AO14205">
        <v>22</v>
      </c>
      <c r="AP14205">
        <v>22</v>
      </c>
      <c r="AQ14205">
        <v>22</v>
      </c>
    </row>
    <row r="14206" spans="1:43">
      <c r="A14206" t="s">
        <v>8822</v>
      </c>
      <c r="B14206" t="s">
        <v>8823</v>
      </c>
      <c r="C14206" t="s">
        <v>8824</v>
      </c>
      <c r="D14206" t="s">
        <v>8825</v>
      </c>
      <c r="E14206" t="s">
        <v>8652</v>
      </c>
      <c r="F14206" t="s">
        <v>8653</v>
      </c>
      <c r="G14206" t="s">
        <v>80</v>
      </c>
      <c r="H14206" t="s">
        <v>81</v>
      </c>
      <c r="I14206" s="2">
        <v>0</v>
      </c>
      <c r="J14206" s="2">
        <v>0</v>
      </c>
      <c r="K14206" s="2">
        <v>1</v>
      </c>
      <c r="L14206" t="s">
        <v>995</v>
      </c>
      <c r="M14206" t="s">
        <v>83</v>
      </c>
      <c r="N14206" t="s">
        <v>84</v>
      </c>
      <c r="O14206" t="s">
        <v>85</v>
      </c>
      <c r="P14206" t="s">
        <v>86</v>
      </c>
      <c r="Q14206">
        <v>28</v>
      </c>
      <c r="R14206">
        <v>28</v>
      </c>
      <c r="S14206">
        <v>28</v>
      </c>
      <c r="T14206">
        <v>28</v>
      </c>
      <c r="U14206">
        <v>28</v>
      </c>
      <c r="V14206">
        <v>28</v>
      </c>
      <c r="W14206">
        <v>28</v>
      </c>
      <c r="X14206">
        <v>28</v>
      </c>
      <c r="Y14206">
        <v>28</v>
      </c>
      <c r="Z14206">
        <v>29</v>
      </c>
      <c r="AA14206">
        <v>29</v>
      </c>
      <c r="AB14206">
        <v>29</v>
      </c>
      <c r="AC14206">
        <v>29</v>
      </c>
      <c r="AD14206">
        <v>29</v>
      </c>
      <c r="AE14206">
        <v>29</v>
      </c>
      <c r="AF14206">
        <v>29</v>
      </c>
      <c r="AG14206">
        <v>29</v>
      </c>
      <c r="AH14206">
        <v>29</v>
      </c>
      <c r="AI14206">
        <v>29</v>
      </c>
      <c r="AJ14206">
        <v>29</v>
      </c>
      <c r="AK14206">
        <v>29</v>
      </c>
      <c r="AL14206">
        <v>29</v>
      </c>
      <c r="AM14206">
        <v>28</v>
      </c>
      <c r="AN14206">
        <v>28</v>
      </c>
      <c r="AO14206">
        <v>28</v>
      </c>
      <c r="AP14206">
        <v>28</v>
      </c>
      <c r="AQ14206">
        <v>27</v>
      </c>
    </row>
    <row r="14207" spans="1:43">
      <c r="A14207" t="s">
        <v>8822</v>
      </c>
      <c r="B14207" t="s">
        <v>8823</v>
      </c>
      <c r="C14207" t="s">
        <v>8824</v>
      </c>
      <c r="D14207" t="s">
        <v>8825</v>
      </c>
      <c r="E14207" t="s">
        <v>8652</v>
      </c>
      <c r="F14207" t="s">
        <v>8653</v>
      </c>
      <c r="G14207" t="s">
        <v>80</v>
      </c>
      <c r="H14207" t="s">
        <v>81</v>
      </c>
      <c r="I14207" s="2">
        <v>0</v>
      </c>
      <c r="J14207" s="2">
        <v>0</v>
      </c>
      <c r="K14207" s="2">
        <v>1</v>
      </c>
      <c r="L14207" t="s">
        <v>995</v>
      </c>
      <c r="M14207" t="s">
        <v>87</v>
      </c>
      <c r="N14207" t="s">
        <v>88</v>
      </c>
      <c r="O14207" t="s">
        <v>85</v>
      </c>
      <c r="P14207" t="s">
        <v>86</v>
      </c>
      <c r="Q14207">
        <v>28</v>
      </c>
      <c r="R14207">
        <v>27</v>
      </c>
      <c r="S14207">
        <v>27</v>
      </c>
      <c r="T14207">
        <v>27</v>
      </c>
      <c r="U14207">
        <v>27</v>
      </c>
      <c r="V14207">
        <v>27</v>
      </c>
      <c r="W14207">
        <v>27</v>
      </c>
      <c r="X14207">
        <v>26</v>
      </c>
      <c r="Y14207">
        <v>26</v>
      </c>
      <c r="Z14207">
        <v>26</v>
      </c>
      <c r="AA14207">
        <v>26</v>
      </c>
      <c r="AB14207">
        <v>26</v>
      </c>
      <c r="AC14207">
        <v>26</v>
      </c>
      <c r="AD14207">
        <v>26</v>
      </c>
      <c r="AE14207">
        <v>25</v>
      </c>
      <c r="AF14207">
        <v>25</v>
      </c>
      <c r="AG14207">
        <v>25</v>
      </c>
      <c r="AH14207">
        <v>25</v>
      </c>
      <c r="AI14207">
        <v>25</v>
      </c>
      <c r="AJ14207">
        <v>25</v>
      </c>
      <c r="AK14207">
        <v>25</v>
      </c>
      <c r="AL14207">
        <v>25</v>
      </c>
      <c r="AM14207">
        <v>24</v>
      </c>
      <c r="AN14207">
        <v>24</v>
      </c>
      <c r="AO14207">
        <v>24</v>
      </c>
      <c r="AP14207">
        <v>24</v>
      </c>
      <c r="AQ14207">
        <v>24</v>
      </c>
    </row>
    <row r="14208" spans="1:43">
      <c r="A14208" t="s">
        <v>8822</v>
      </c>
      <c r="B14208" t="s">
        <v>8823</v>
      </c>
      <c r="C14208" t="s">
        <v>8824</v>
      </c>
      <c r="D14208" t="s">
        <v>8825</v>
      </c>
      <c r="E14208" t="s">
        <v>8652</v>
      </c>
      <c r="F14208" t="s">
        <v>8653</v>
      </c>
      <c r="G14208" t="s">
        <v>80</v>
      </c>
      <c r="H14208" t="s">
        <v>81</v>
      </c>
      <c r="I14208" s="2">
        <v>0</v>
      </c>
      <c r="J14208" s="2">
        <v>0</v>
      </c>
      <c r="K14208" s="2">
        <v>1</v>
      </c>
      <c r="L14208" t="s">
        <v>995</v>
      </c>
      <c r="M14208" t="s">
        <v>89</v>
      </c>
      <c r="N14208" t="s">
        <v>90</v>
      </c>
      <c r="O14208" t="s">
        <v>85</v>
      </c>
      <c r="P14208" t="s">
        <v>86</v>
      </c>
      <c r="Q14208">
        <v>28</v>
      </c>
      <c r="R14208">
        <v>28</v>
      </c>
      <c r="S14208">
        <v>29</v>
      </c>
      <c r="T14208">
        <v>29</v>
      </c>
      <c r="U14208">
        <v>29</v>
      </c>
      <c r="V14208">
        <v>30</v>
      </c>
      <c r="W14208">
        <v>30</v>
      </c>
      <c r="X14208">
        <v>30</v>
      </c>
      <c r="Y14208">
        <v>30</v>
      </c>
      <c r="Z14208">
        <v>30</v>
      </c>
      <c r="AA14208">
        <v>30</v>
      </c>
      <c r="AB14208">
        <v>31</v>
      </c>
      <c r="AC14208">
        <v>31</v>
      </c>
      <c r="AD14208">
        <v>31</v>
      </c>
      <c r="AE14208">
        <v>31</v>
      </c>
      <c r="AF14208">
        <v>31</v>
      </c>
      <c r="AG14208">
        <v>30</v>
      </c>
      <c r="AH14208">
        <v>30</v>
      </c>
      <c r="AI14208">
        <v>30</v>
      </c>
      <c r="AJ14208">
        <v>29</v>
      </c>
      <c r="AK14208">
        <v>29</v>
      </c>
      <c r="AL14208">
        <v>29</v>
      </c>
      <c r="AM14208">
        <v>29</v>
      </c>
      <c r="AN14208">
        <v>28</v>
      </c>
      <c r="AO14208">
        <v>28</v>
      </c>
      <c r="AP14208">
        <v>28</v>
      </c>
      <c r="AQ14208">
        <v>28</v>
      </c>
    </row>
    <row r="14209" spans="1:43">
      <c r="A14209" t="s">
        <v>8822</v>
      </c>
      <c r="B14209" t="s">
        <v>8823</v>
      </c>
      <c r="C14209" t="s">
        <v>8824</v>
      </c>
      <c r="D14209" t="s">
        <v>8825</v>
      </c>
      <c r="E14209" t="s">
        <v>8652</v>
      </c>
      <c r="F14209" t="s">
        <v>8653</v>
      </c>
      <c r="G14209" t="s">
        <v>80</v>
      </c>
      <c r="H14209" t="s">
        <v>81</v>
      </c>
      <c r="I14209" s="2">
        <v>0</v>
      </c>
      <c r="J14209" s="2">
        <v>0</v>
      </c>
      <c r="K14209" s="2">
        <v>1</v>
      </c>
      <c r="L14209" t="s">
        <v>995</v>
      </c>
      <c r="M14209" t="s">
        <v>83</v>
      </c>
      <c r="N14209" t="s">
        <v>91</v>
      </c>
      <c r="O14209" t="s">
        <v>85</v>
      </c>
      <c r="P14209" t="s">
        <v>86</v>
      </c>
      <c r="Q14209">
        <v>28</v>
      </c>
      <c r="R14209">
        <v>28</v>
      </c>
      <c r="S14209">
        <v>28</v>
      </c>
      <c r="T14209">
        <v>28</v>
      </c>
      <c r="U14209">
        <v>28</v>
      </c>
      <c r="V14209">
        <v>28</v>
      </c>
      <c r="W14209">
        <v>28</v>
      </c>
      <c r="X14209">
        <v>28</v>
      </c>
      <c r="Y14209">
        <v>28</v>
      </c>
      <c r="Z14209">
        <v>29</v>
      </c>
      <c r="AA14209">
        <v>29</v>
      </c>
      <c r="AB14209">
        <v>29</v>
      </c>
      <c r="AC14209">
        <v>29</v>
      </c>
      <c r="AD14209">
        <v>29</v>
      </c>
      <c r="AE14209">
        <v>29</v>
      </c>
      <c r="AF14209">
        <v>29</v>
      </c>
      <c r="AG14209">
        <v>29</v>
      </c>
      <c r="AH14209">
        <v>29</v>
      </c>
      <c r="AI14209">
        <v>29</v>
      </c>
      <c r="AJ14209">
        <v>29</v>
      </c>
      <c r="AK14209">
        <v>29</v>
      </c>
      <c r="AL14209">
        <v>29</v>
      </c>
      <c r="AM14209">
        <v>28</v>
      </c>
      <c r="AN14209">
        <v>28</v>
      </c>
      <c r="AO14209">
        <v>28</v>
      </c>
      <c r="AP14209">
        <v>28</v>
      </c>
      <c r="AQ14209">
        <v>27</v>
      </c>
    </row>
    <row r="14210" spans="1:43">
      <c r="A14210" t="s">
        <v>8826</v>
      </c>
      <c r="B14210" t="s">
        <v>8827</v>
      </c>
      <c r="C14210" t="s">
        <v>8824</v>
      </c>
      <c r="D14210" t="s">
        <v>8825</v>
      </c>
      <c r="E14210" t="s">
        <v>8652</v>
      </c>
      <c r="F14210" t="s">
        <v>8653</v>
      </c>
      <c r="G14210" t="s">
        <v>80</v>
      </c>
      <c r="H14210" t="s">
        <v>81</v>
      </c>
      <c r="I14210" s="2">
        <v>0</v>
      </c>
      <c r="J14210" s="2">
        <v>0</v>
      </c>
      <c r="K14210" s="2">
        <v>1</v>
      </c>
      <c r="L14210" t="s">
        <v>995</v>
      </c>
      <c r="M14210" t="s">
        <v>83</v>
      </c>
      <c r="N14210" t="s">
        <v>84</v>
      </c>
      <c r="O14210" t="s">
        <v>85</v>
      </c>
      <c r="P14210" t="s">
        <v>86</v>
      </c>
      <c r="Q14210">
        <v>40</v>
      </c>
      <c r="R14210">
        <v>40</v>
      </c>
      <c r="S14210">
        <v>41</v>
      </c>
      <c r="T14210">
        <v>41</v>
      </c>
      <c r="U14210">
        <v>41</v>
      </c>
      <c r="V14210">
        <v>41</v>
      </c>
      <c r="W14210">
        <v>41</v>
      </c>
      <c r="X14210">
        <v>41</v>
      </c>
      <c r="Y14210">
        <v>41</v>
      </c>
      <c r="Z14210">
        <v>41</v>
      </c>
      <c r="AA14210">
        <v>42</v>
      </c>
      <c r="AB14210">
        <v>42</v>
      </c>
      <c r="AC14210">
        <v>42</v>
      </c>
      <c r="AD14210">
        <v>42</v>
      </c>
      <c r="AE14210">
        <v>42</v>
      </c>
      <c r="AF14210">
        <v>42</v>
      </c>
      <c r="AG14210">
        <v>42</v>
      </c>
      <c r="AH14210">
        <v>42</v>
      </c>
      <c r="AI14210">
        <v>42</v>
      </c>
      <c r="AJ14210">
        <v>42</v>
      </c>
      <c r="AK14210">
        <v>42</v>
      </c>
      <c r="AL14210">
        <v>42</v>
      </c>
      <c r="AM14210">
        <v>41</v>
      </c>
      <c r="AN14210">
        <v>41</v>
      </c>
      <c r="AO14210">
        <v>41</v>
      </c>
      <c r="AP14210">
        <v>40</v>
      </c>
      <c r="AQ14210">
        <v>40</v>
      </c>
    </row>
    <row r="14211" spans="1:43">
      <c r="A14211" t="s">
        <v>8826</v>
      </c>
      <c r="B14211" t="s">
        <v>8827</v>
      </c>
      <c r="C14211" t="s">
        <v>8824</v>
      </c>
      <c r="D14211" t="s">
        <v>8825</v>
      </c>
      <c r="E14211" t="s">
        <v>8652</v>
      </c>
      <c r="F14211" t="s">
        <v>8653</v>
      </c>
      <c r="G14211" t="s">
        <v>80</v>
      </c>
      <c r="H14211" t="s">
        <v>81</v>
      </c>
      <c r="I14211" s="2">
        <v>0</v>
      </c>
      <c r="J14211" s="2">
        <v>0</v>
      </c>
      <c r="K14211" s="2">
        <v>1</v>
      </c>
      <c r="L14211" t="s">
        <v>995</v>
      </c>
      <c r="M14211" t="s">
        <v>87</v>
      </c>
      <c r="N14211" t="s">
        <v>88</v>
      </c>
      <c r="O14211" t="s">
        <v>85</v>
      </c>
      <c r="P14211" t="s">
        <v>86</v>
      </c>
      <c r="Q14211">
        <v>40</v>
      </c>
      <c r="R14211">
        <v>40</v>
      </c>
      <c r="S14211">
        <v>39</v>
      </c>
      <c r="T14211">
        <v>39</v>
      </c>
      <c r="U14211">
        <v>39</v>
      </c>
      <c r="V14211">
        <v>39</v>
      </c>
      <c r="W14211">
        <v>39</v>
      </c>
      <c r="X14211">
        <v>38</v>
      </c>
      <c r="Y14211">
        <v>38</v>
      </c>
      <c r="Z14211">
        <v>38</v>
      </c>
      <c r="AA14211">
        <v>38</v>
      </c>
      <c r="AB14211">
        <v>38</v>
      </c>
      <c r="AC14211">
        <v>37</v>
      </c>
      <c r="AD14211">
        <v>37</v>
      </c>
      <c r="AE14211">
        <v>37</v>
      </c>
      <c r="AF14211">
        <v>37</v>
      </c>
      <c r="AG14211">
        <v>37</v>
      </c>
      <c r="AH14211">
        <v>37</v>
      </c>
      <c r="AI14211">
        <v>36</v>
      </c>
      <c r="AJ14211">
        <v>36</v>
      </c>
      <c r="AK14211">
        <v>36</v>
      </c>
      <c r="AL14211">
        <v>36</v>
      </c>
      <c r="AM14211">
        <v>36</v>
      </c>
      <c r="AN14211">
        <v>36</v>
      </c>
      <c r="AO14211">
        <v>35</v>
      </c>
      <c r="AP14211">
        <v>35</v>
      </c>
      <c r="AQ14211">
        <v>35</v>
      </c>
    </row>
    <row r="14212" spans="1:43">
      <c r="A14212" t="s">
        <v>8826</v>
      </c>
      <c r="B14212" t="s">
        <v>8827</v>
      </c>
      <c r="C14212" t="s">
        <v>8824</v>
      </c>
      <c r="D14212" t="s">
        <v>8825</v>
      </c>
      <c r="E14212" t="s">
        <v>8652</v>
      </c>
      <c r="F14212" t="s">
        <v>8653</v>
      </c>
      <c r="G14212" t="s">
        <v>80</v>
      </c>
      <c r="H14212" t="s">
        <v>81</v>
      </c>
      <c r="I14212" s="2">
        <v>0</v>
      </c>
      <c r="J14212" s="2">
        <v>0</v>
      </c>
      <c r="K14212" s="2">
        <v>1</v>
      </c>
      <c r="L14212" t="s">
        <v>995</v>
      </c>
      <c r="M14212" t="s">
        <v>89</v>
      </c>
      <c r="N14212" t="s">
        <v>90</v>
      </c>
      <c r="O14212" t="s">
        <v>85</v>
      </c>
      <c r="P14212" t="s">
        <v>86</v>
      </c>
      <c r="Q14212">
        <v>40</v>
      </c>
      <c r="R14212">
        <v>40</v>
      </c>
      <c r="S14212">
        <v>41</v>
      </c>
      <c r="T14212">
        <v>41</v>
      </c>
      <c r="U14212">
        <v>41</v>
      </c>
      <c r="V14212">
        <v>42</v>
      </c>
      <c r="W14212">
        <v>42</v>
      </c>
      <c r="X14212">
        <v>42</v>
      </c>
      <c r="Y14212">
        <v>43</v>
      </c>
      <c r="Z14212">
        <v>43</v>
      </c>
      <c r="AA14212">
        <v>43</v>
      </c>
      <c r="AB14212">
        <v>43</v>
      </c>
      <c r="AC14212">
        <v>44</v>
      </c>
      <c r="AD14212">
        <v>44</v>
      </c>
      <c r="AE14212">
        <v>44</v>
      </c>
      <c r="AF14212">
        <v>43</v>
      </c>
      <c r="AG14212">
        <v>43</v>
      </c>
      <c r="AH14212">
        <v>43</v>
      </c>
      <c r="AI14212">
        <v>42</v>
      </c>
      <c r="AJ14212">
        <v>42</v>
      </c>
      <c r="AK14212">
        <v>41</v>
      </c>
      <c r="AL14212">
        <v>41</v>
      </c>
      <c r="AM14212">
        <v>41</v>
      </c>
      <c r="AN14212">
        <v>40</v>
      </c>
      <c r="AO14212">
        <v>40</v>
      </c>
      <c r="AP14212">
        <v>40</v>
      </c>
      <c r="AQ14212">
        <v>39</v>
      </c>
    </row>
    <row r="14213" spans="1:43">
      <c r="A14213" t="s">
        <v>8826</v>
      </c>
      <c r="B14213" t="s">
        <v>8827</v>
      </c>
      <c r="C14213" t="s">
        <v>8824</v>
      </c>
      <c r="D14213" t="s">
        <v>8825</v>
      </c>
      <c r="E14213" t="s">
        <v>8652</v>
      </c>
      <c r="F14213" t="s">
        <v>8653</v>
      </c>
      <c r="G14213" t="s">
        <v>80</v>
      </c>
      <c r="H14213" t="s">
        <v>81</v>
      </c>
      <c r="I14213" s="2">
        <v>0</v>
      </c>
      <c r="J14213" s="2">
        <v>0</v>
      </c>
      <c r="K14213" s="2">
        <v>1</v>
      </c>
      <c r="L14213" t="s">
        <v>995</v>
      </c>
      <c r="M14213" t="s">
        <v>83</v>
      </c>
      <c r="N14213" t="s">
        <v>91</v>
      </c>
      <c r="O14213" t="s">
        <v>85</v>
      </c>
      <c r="P14213" t="s">
        <v>86</v>
      </c>
      <c r="Q14213">
        <v>40</v>
      </c>
      <c r="R14213">
        <v>40</v>
      </c>
      <c r="S14213">
        <v>41</v>
      </c>
      <c r="T14213">
        <v>41</v>
      </c>
      <c r="U14213">
        <v>41</v>
      </c>
      <c r="V14213">
        <v>41</v>
      </c>
      <c r="W14213">
        <v>41</v>
      </c>
      <c r="X14213">
        <v>41</v>
      </c>
      <c r="Y14213">
        <v>41</v>
      </c>
      <c r="Z14213">
        <v>41</v>
      </c>
      <c r="AA14213">
        <v>42</v>
      </c>
      <c r="AB14213">
        <v>42</v>
      </c>
      <c r="AC14213">
        <v>42</v>
      </c>
      <c r="AD14213">
        <v>42</v>
      </c>
      <c r="AE14213">
        <v>42</v>
      </c>
      <c r="AF14213">
        <v>42</v>
      </c>
      <c r="AG14213">
        <v>42</v>
      </c>
      <c r="AH14213">
        <v>42</v>
      </c>
      <c r="AI14213">
        <v>42</v>
      </c>
      <c r="AJ14213">
        <v>42</v>
      </c>
      <c r="AK14213">
        <v>42</v>
      </c>
      <c r="AL14213">
        <v>42</v>
      </c>
      <c r="AM14213">
        <v>41</v>
      </c>
      <c r="AN14213">
        <v>41</v>
      </c>
      <c r="AO14213">
        <v>41</v>
      </c>
      <c r="AP14213">
        <v>40</v>
      </c>
      <c r="AQ14213">
        <v>40</v>
      </c>
    </row>
    <row r="14214" spans="1:43">
      <c r="A14214" t="s">
        <v>8828</v>
      </c>
      <c r="B14214" t="s">
        <v>8829</v>
      </c>
      <c r="C14214" t="s">
        <v>8824</v>
      </c>
      <c r="D14214" t="s">
        <v>8825</v>
      </c>
      <c r="E14214" t="s">
        <v>8652</v>
      </c>
      <c r="F14214" t="s">
        <v>8653</v>
      </c>
      <c r="G14214" t="s">
        <v>80</v>
      </c>
      <c r="H14214" t="s">
        <v>81</v>
      </c>
      <c r="I14214" s="2">
        <v>0</v>
      </c>
      <c r="J14214" s="2">
        <v>0</v>
      </c>
      <c r="K14214" s="2">
        <v>1</v>
      </c>
      <c r="L14214" t="s">
        <v>995</v>
      </c>
      <c r="M14214" t="s">
        <v>83</v>
      </c>
      <c r="N14214" t="s">
        <v>84</v>
      </c>
      <c r="O14214" t="s">
        <v>85</v>
      </c>
      <c r="P14214" t="s">
        <v>86</v>
      </c>
      <c r="Q14214">
        <v>20</v>
      </c>
      <c r="R14214">
        <v>21</v>
      </c>
      <c r="S14214">
        <v>21</v>
      </c>
      <c r="T14214">
        <v>21</v>
      </c>
      <c r="U14214">
        <v>21</v>
      </c>
      <c r="V14214">
        <v>21</v>
      </c>
      <c r="W14214">
        <v>21</v>
      </c>
      <c r="X14214">
        <v>21</v>
      </c>
      <c r="Y14214">
        <v>21</v>
      </c>
      <c r="Z14214">
        <v>22</v>
      </c>
      <c r="AA14214">
        <v>22</v>
      </c>
      <c r="AB14214">
        <v>22</v>
      </c>
      <c r="AC14214">
        <v>22</v>
      </c>
      <c r="AD14214">
        <v>22</v>
      </c>
      <c r="AE14214">
        <v>22</v>
      </c>
      <c r="AF14214">
        <v>22</v>
      </c>
      <c r="AG14214">
        <v>22</v>
      </c>
      <c r="AH14214">
        <v>22</v>
      </c>
      <c r="AI14214">
        <v>22</v>
      </c>
      <c r="AJ14214">
        <v>22</v>
      </c>
      <c r="AK14214">
        <v>22</v>
      </c>
      <c r="AL14214">
        <v>22</v>
      </c>
      <c r="AM14214">
        <v>22</v>
      </c>
      <c r="AN14214">
        <v>22</v>
      </c>
      <c r="AO14214">
        <v>22</v>
      </c>
      <c r="AP14214">
        <v>22</v>
      </c>
      <c r="AQ14214">
        <v>22</v>
      </c>
    </row>
    <row r="14215" spans="1:43">
      <c r="A14215" t="s">
        <v>8828</v>
      </c>
      <c r="B14215" t="s">
        <v>8829</v>
      </c>
      <c r="C14215" t="s">
        <v>8824</v>
      </c>
      <c r="D14215" t="s">
        <v>8825</v>
      </c>
      <c r="E14215" t="s">
        <v>8652</v>
      </c>
      <c r="F14215" t="s">
        <v>8653</v>
      </c>
      <c r="G14215" t="s">
        <v>80</v>
      </c>
      <c r="H14215" t="s">
        <v>81</v>
      </c>
      <c r="I14215" s="2">
        <v>0</v>
      </c>
      <c r="J14215" s="2">
        <v>0</v>
      </c>
      <c r="K14215" s="2">
        <v>1</v>
      </c>
      <c r="L14215" t="s">
        <v>995</v>
      </c>
      <c r="M14215" t="s">
        <v>87</v>
      </c>
      <c r="N14215" t="s">
        <v>88</v>
      </c>
      <c r="O14215" t="s">
        <v>85</v>
      </c>
      <c r="P14215" t="s">
        <v>86</v>
      </c>
      <c r="Q14215">
        <v>20</v>
      </c>
      <c r="R14215">
        <v>20</v>
      </c>
      <c r="S14215">
        <v>20</v>
      </c>
      <c r="T14215">
        <v>20</v>
      </c>
      <c r="U14215">
        <v>20</v>
      </c>
      <c r="V14215">
        <v>20</v>
      </c>
      <c r="W14215">
        <v>20</v>
      </c>
      <c r="X14215">
        <v>20</v>
      </c>
      <c r="Y14215">
        <v>20</v>
      </c>
      <c r="Z14215">
        <v>20</v>
      </c>
      <c r="AA14215">
        <v>20</v>
      </c>
      <c r="AB14215">
        <v>20</v>
      </c>
      <c r="AC14215">
        <v>20</v>
      </c>
      <c r="AD14215">
        <v>20</v>
      </c>
      <c r="AE14215">
        <v>19</v>
      </c>
      <c r="AF14215">
        <v>19</v>
      </c>
      <c r="AG14215">
        <v>19</v>
      </c>
      <c r="AH14215">
        <v>19</v>
      </c>
      <c r="AI14215">
        <v>19</v>
      </c>
      <c r="AJ14215">
        <v>19</v>
      </c>
      <c r="AK14215">
        <v>19</v>
      </c>
      <c r="AL14215">
        <v>19</v>
      </c>
      <c r="AM14215">
        <v>19</v>
      </c>
      <c r="AN14215">
        <v>19</v>
      </c>
      <c r="AO14215">
        <v>19</v>
      </c>
      <c r="AP14215">
        <v>19</v>
      </c>
      <c r="AQ14215">
        <v>19</v>
      </c>
    </row>
    <row r="14216" spans="1:43">
      <c r="A14216" t="s">
        <v>8828</v>
      </c>
      <c r="B14216" t="s">
        <v>8829</v>
      </c>
      <c r="C14216" t="s">
        <v>8824</v>
      </c>
      <c r="D14216" t="s">
        <v>8825</v>
      </c>
      <c r="E14216" t="s">
        <v>8652</v>
      </c>
      <c r="F14216" t="s">
        <v>8653</v>
      </c>
      <c r="G14216" t="s">
        <v>80</v>
      </c>
      <c r="H14216" t="s">
        <v>81</v>
      </c>
      <c r="I14216" s="2">
        <v>0</v>
      </c>
      <c r="J14216" s="2">
        <v>0</v>
      </c>
      <c r="K14216" s="2">
        <v>1</v>
      </c>
      <c r="L14216" t="s">
        <v>995</v>
      </c>
      <c r="M14216" t="s">
        <v>89</v>
      </c>
      <c r="N14216" t="s">
        <v>90</v>
      </c>
      <c r="O14216" t="s">
        <v>85</v>
      </c>
      <c r="P14216" t="s">
        <v>86</v>
      </c>
      <c r="Q14216">
        <v>20</v>
      </c>
      <c r="R14216">
        <v>20</v>
      </c>
      <c r="S14216">
        <v>20</v>
      </c>
      <c r="T14216">
        <v>21</v>
      </c>
      <c r="U14216">
        <v>21</v>
      </c>
      <c r="V14216">
        <v>21</v>
      </c>
      <c r="W14216">
        <v>21</v>
      </c>
      <c r="X14216">
        <v>22</v>
      </c>
      <c r="Y14216">
        <v>22</v>
      </c>
      <c r="Z14216">
        <v>22</v>
      </c>
      <c r="AA14216">
        <v>22</v>
      </c>
      <c r="AB14216">
        <v>22</v>
      </c>
      <c r="AC14216">
        <v>22</v>
      </c>
      <c r="AD14216">
        <v>23</v>
      </c>
      <c r="AE14216">
        <v>23</v>
      </c>
      <c r="AF14216">
        <v>22</v>
      </c>
      <c r="AG14216">
        <v>22</v>
      </c>
      <c r="AH14216">
        <v>22</v>
      </c>
      <c r="AI14216">
        <v>22</v>
      </c>
      <c r="AJ14216">
        <v>22</v>
      </c>
      <c r="AK14216">
        <v>22</v>
      </c>
      <c r="AL14216">
        <v>22</v>
      </c>
      <c r="AM14216">
        <v>22</v>
      </c>
      <c r="AN14216">
        <v>22</v>
      </c>
      <c r="AO14216">
        <v>22</v>
      </c>
      <c r="AP14216">
        <v>21</v>
      </c>
      <c r="AQ14216">
        <v>21</v>
      </c>
    </row>
    <row r="14217" spans="1:43">
      <c r="A14217" t="s">
        <v>8828</v>
      </c>
      <c r="B14217" t="s">
        <v>8829</v>
      </c>
      <c r="C14217" t="s">
        <v>8824</v>
      </c>
      <c r="D14217" t="s">
        <v>8825</v>
      </c>
      <c r="E14217" t="s">
        <v>8652</v>
      </c>
      <c r="F14217" t="s">
        <v>8653</v>
      </c>
      <c r="G14217" t="s">
        <v>80</v>
      </c>
      <c r="H14217" t="s">
        <v>81</v>
      </c>
      <c r="I14217" s="2">
        <v>0</v>
      </c>
      <c r="J14217" s="2">
        <v>0</v>
      </c>
      <c r="K14217" s="2">
        <v>1</v>
      </c>
      <c r="L14217" t="s">
        <v>995</v>
      </c>
      <c r="M14217" t="s">
        <v>83</v>
      </c>
      <c r="N14217" t="s">
        <v>91</v>
      </c>
      <c r="O14217" t="s">
        <v>85</v>
      </c>
      <c r="P14217" t="s">
        <v>86</v>
      </c>
      <c r="Q14217">
        <v>20</v>
      </c>
      <c r="R14217">
        <v>21</v>
      </c>
      <c r="S14217">
        <v>21</v>
      </c>
      <c r="T14217">
        <v>21</v>
      </c>
      <c r="U14217">
        <v>21</v>
      </c>
      <c r="V14217">
        <v>21</v>
      </c>
      <c r="W14217">
        <v>21</v>
      </c>
      <c r="X14217">
        <v>21</v>
      </c>
      <c r="Y14217">
        <v>21</v>
      </c>
      <c r="Z14217">
        <v>22</v>
      </c>
      <c r="AA14217">
        <v>22</v>
      </c>
      <c r="AB14217">
        <v>22</v>
      </c>
      <c r="AC14217">
        <v>22</v>
      </c>
      <c r="AD14217">
        <v>22</v>
      </c>
      <c r="AE14217">
        <v>22</v>
      </c>
      <c r="AF14217">
        <v>22</v>
      </c>
      <c r="AG14217">
        <v>22</v>
      </c>
      <c r="AH14217">
        <v>22</v>
      </c>
      <c r="AI14217">
        <v>22</v>
      </c>
      <c r="AJ14217">
        <v>22</v>
      </c>
      <c r="AK14217">
        <v>22</v>
      </c>
      <c r="AL14217">
        <v>22</v>
      </c>
      <c r="AM14217">
        <v>22</v>
      </c>
      <c r="AN14217">
        <v>22</v>
      </c>
      <c r="AO14217">
        <v>22</v>
      </c>
      <c r="AP14217">
        <v>22</v>
      </c>
      <c r="AQ14217">
        <v>22</v>
      </c>
    </row>
    <row r="14218" spans="1:43">
      <c r="A14218" t="s">
        <v>8830</v>
      </c>
      <c r="B14218" t="s">
        <v>8831</v>
      </c>
      <c r="C14218" t="s">
        <v>8824</v>
      </c>
      <c r="D14218" t="s">
        <v>8825</v>
      </c>
      <c r="E14218" t="s">
        <v>8652</v>
      </c>
      <c r="F14218" t="s">
        <v>8653</v>
      </c>
      <c r="G14218" t="s">
        <v>80</v>
      </c>
      <c r="H14218" t="s">
        <v>81</v>
      </c>
      <c r="I14218" s="2">
        <v>0</v>
      </c>
      <c r="J14218" s="2">
        <v>0</v>
      </c>
      <c r="K14218" s="2">
        <v>1</v>
      </c>
      <c r="L14218" t="s">
        <v>995</v>
      </c>
      <c r="M14218" t="s">
        <v>83</v>
      </c>
      <c r="N14218" t="s">
        <v>84</v>
      </c>
      <c r="O14218" t="s">
        <v>85</v>
      </c>
      <c r="P14218" t="s">
        <v>86</v>
      </c>
      <c r="Q14218">
        <v>10</v>
      </c>
      <c r="R14218">
        <v>10</v>
      </c>
      <c r="S14218">
        <v>10</v>
      </c>
      <c r="T14218">
        <v>10</v>
      </c>
      <c r="U14218">
        <v>10</v>
      </c>
      <c r="V14218">
        <v>10</v>
      </c>
      <c r="W14218">
        <v>10</v>
      </c>
      <c r="X14218">
        <v>10</v>
      </c>
      <c r="Y14218">
        <v>10</v>
      </c>
      <c r="Z14218">
        <v>10</v>
      </c>
      <c r="AA14218">
        <v>10</v>
      </c>
      <c r="AB14218">
        <v>10</v>
      </c>
      <c r="AC14218">
        <v>10</v>
      </c>
      <c r="AD14218">
        <v>10</v>
      </c>
      <c r="AE14218">
        <v>10</v>
      </c>
      <c r="AF14218">
        <v>10</v>
      </c>
      <c r="AG14218">
        <v>10</v>
      </c>
      <c r="AH14218">
        <v>10</v>
      </c>
      <c r="AI14218">
        <v>10</v>
      </c>
      <c r="AJ14218">
        <v>10</v>
      </c>
      <c r="AK14218">
        <v>10</v>
      </c>
      <c r="AL14218">
        <v>10</v>
      </c>
      <c r="AM14218">
        <v>10</v>
      </c>
      <c r="AN14218">
        <v>10</v>
      </c>
      <c r="AO14218">
        <v>10</v>
      </c>
      <c r="AP14218">
        <v>10</v>
      </c>
      <c r="AQ14218">
        <v>10</v>
      </c>
    </row>
    <row r="14219" spans="1:43">
      <c r="A14219" t="s">
        <v>8830</v>
      </c>
      <c r="B14219" t="s">
        <v>8831</v>
      </c>
      <c r="C14219" t="s">
        <v>8824</v>
      </c>
      <c r="D14219" t="s">
        <v>8825</v>
      </c>
      <c r="E14219" t="s">
        <v>8652</v>
      </c>
      <c r="F14219" t="s">
        <v>8653</v>
      </c>
      <c r="G14219" t="s">
        <v>80</v>
      </c>
      <c r="H14219" t="s">
        <v>81</v>
      </c>
      <c r="I14219" s="2">
        <v>0</v>
      </c>
      <c r="J14219" s="2">
        <v>0</v>
      </c>
      <c r="K14219" s="2">
        <v>1</v>
      </c>
      <c r="L14219" t="s">
        <v>995</v>
      </c>
      <c r="M14219" t="s">
        <v>87</v>
      </c>
      <c r="N14219" t="s">
        <v>88</v>
      </c>
      <c r="O14219" t="s">
        <v>85</v>
      </c>
      <c r="P14219" t="s">
        <v>86</v>
      </c>
      <c r="Q14219">
        <v>10</v>
      </c>
      <c r="R14219">
        <v>10</v>
      </c>
      <c r="S14219">
        <v>10</v>
      </c>
      <c r="T14219">
        <v>10</v>
      </c>
      <c r="U14219">
        <v>10</v>
      </c>
      <c r="V14219">
        <v>10</v>
      </c>
      <c r="W14219">
        <v>10</v>
      </c>
      <c r="X14219">
        <v>10</v>
      </c>
      <c r="Y14219">
        <v>9</v>
      </c>
      <c r="Z14219">
        <v>9</v>
      </c>
      <c r="AA14219">
        <v>9</v>
      </c>
      <c r="AB14219">
        <v>9</v>
      </c>
      <c r="AC14219">
        <v>9</v>
      </c>
      <c r="AD14219">
        <v>9</v>
      </c>
      <c r="AE14219">
        <v>9</v>
      </c>
      <c r="AF14219">
        <v>9</v>
      </c>
      <c r="AG14219">
        <v>9</v>
      </c>
      <c r="AH14219">
        <v>9</v>
      </c>
      <c r="AI14219">
        <v>9</v>
      </c>
      <c r="AJ14219">
        <v>9</v>
      </c>
      <c r="AK14219">
        <v>9</v>
      </c>
      <c r="AL14219">
        <v>9</v>
      </c>
      <c r="AM14219">
        <v>9</v>
      </c>
      <c r="AN14219">
        <v>9</v>
      </c>
      <c r="AO14219">
        <v>9</v>
      </c>
      <c r="AP14219">
        <v>9</v>
      </c>
      <c r="AQ14219">
        <v>9</v>
      </c>
    </row>
    <row r="14220" spans="1:43">
      <c r="A14220" t="s">
        <v>8830</v>
      </c>
      <c r="B14220" t="s">
        <v>8831</v>
      </c>
      <c r="C14220" t="s">
        <v>8824</v>
      </c>
      <c r="D14220" t="s">
        <v>8825</v>
      </c>
      <c r="E14220" t="s">
        <v>8652</v>
      </c>
      <c r="F14220" t="s">
        <v>8653</v>
      </c>
      <c r="G14220" t="s">
        <v>80</v>
      </c>
      <c r="H14220" t="s">
        <v>81</v>
      </c>
      <c r="I14220" s="2">
        <v>0</v>
      </c>
      <c r="J14220" s="2">
        <v>0</v>
      </c>
      <c r="K14220" s="2">
        <v>1</v>
      </c>
      <c r="L14220" t="s">
        <v>995</v>
      </c>
      <c r="M14220" t="s">
        <v>89</v>
      </c>
      <c r="N14220" t="s">
        <v>90</v>
      </c>
      <c r="O14220" t="s">
        <v>85</v>
      </c>
      <c r="P14220" t="s">
        <v>86</v>
      </c>
      <c r="Q14220">
        <v>10</v>
      </c>
      <c r="R14220">
        <v>10</v>
      </c>
      <c r="S14220">
        <v>10</v>
      </c>
      <c r="T14220">
        <v>10</v>
      </c>
      <c r="U14220">
        <v>11</v>
      </c>
      <c r="V14220">
        <v>11</v>
      </c>
      <c r="W14220">
        <v>11</v>
      </c>
      <c r="X14220">
        <v>11</v>
      </c>
      <c r="Y14220">
        <v>11</v>
      </c>
      <c r="Z14220">
        <v>11</v>
      </c>
      <c r="AA14220">
        <v>11</v>
      </c>
      <c r="AB14220">
        <v>11</v>
      </c>
      <c r="AC14220">
        <v>11</v>
      </c>
      <c r="AD14220">
        <v>11</v>
      </c>
      <c r="AE14220">
        <v>11</v>
      </c>
      <c r="AF14220">
        <v>11</v>
      </c>
      <c r="AG14220">
        <v>11</v>
      </c>
      <c r="AH14220">
        <v>11</v>
      </c>
      <c r="AI14220">
        <v>11</v>
      </c>
      <c r="AJ14220">
        <v>11</v>
      </c>
      <c r="AK14220">
        <v>10</v>
      </c>
      <c r="AL14220">
        <v>10</v>
      </c>
      <c r="AM14220">
        <v>10</v>
      </c>
      <c r="AN14220">
        <v>10</v>
      </c>
      <c r="AO14220">
        <v>10</v>
      </c>
      <c r="AP14220">
        <v>10</v>
      </c>
      <c r="AQ14220">
        <v>10</v>
      </c>
    </row>
    <row r="14221" spans="1:43">
      <c r="A14221" t="s">
        <v>8830</v>
      </c>
      <c r="B14221" t="s">
        <v>8831</v>
      </c>
      <c r="C14221" t="s">
        <v>8824</v>
      </c>
      <c r="D14221" t="s">
        <v>8825</v>
      </c>
      <c r="E14221" t="s">
        <v>8652</v>
      </c>
      <c r="F14221" t="s">
        <v>8653</v>
      </c>
      <c r="G14221" t="s">
        <v>80</v>
      </c>
      <c r="H14221" t="s">
        <v>81</v>
      </c>
      <c r="I14221" s="2">
        <v>0</v>
      </c>
      <c r="J14221" s="2">
        <v>0</v>
      </c>
      <c r="K14221" s="2">
        <v>1</v>
      </c>
      <c r="L14221" t="s">
        <v>995</v>
      </c>
      <c r="M14221" t="s">
        <v>83</v>
      </c>
      <c r="N14221" t="s">
        <v>91</v>
      </c>
      <c r="O14221" t="s">
        <v>85</v>
      </c>
      <c r="P14221" t="s">
        <v>86</v>
      </c>
      <c r="Q14221">
        <v>10</v>
      </c>
      <c r="R14221">
        <v>10</v>
      </c>
      <c r="S14221">
        <v>10</v>
      </c>
      <c r="T14221">
        <v>10</v>
      </c>
      <c r="U14221">
        <v>10</v>
      </c>
      <c r="V14221">
        <v>10</v>
      </c>
      <c r="W14221">
        <v>10</v>
      </c>
      <c r="X14221">
        <v>10</v>
      </c>
      <c r="Y14221">
        <v>10</v>
      </c>
      <c r="Z14221">
        <v>10</v>
      </c>
      <c r="AA14221">
        <v>10</v>
      </c>
      <c r="AB14221">
        <v>10</v>
      </c>
      <c r="AC14221">
        <v>10</v>
      </c>
      <c r="AD14221">
        <v>10</v>
      </c>
      <c r="AE14221">
        <v>10</v>
      </c>
      <c r="AF14221">
        <v>10</v>
      </c>
      <c r="AG14221">
        <v>10</v>
      </c>
      <c r="AH14221">
        <v>10</v>
      </c>
      <c r="AI14221">
        <v>10</v>
      </c>
      <c r="AJ14221">
        <v>10</v>
      </c>
      <c r="AK14221">
        <v>10</v>
      </c>
      <c r="AL14221">
        <v>10</v>
      </c>
      <c r="AM14221">
        <v>10</v>
      </c>
      <c r="AN14221">
        <v>10</v>
      </c>
      <c r="AO14221">
        <v>10</v>
      </c>
      <c r="AP14221">
        <v>10</v>
      </c>
      <c r="AQ14221">
        <v>10</v>
      </c>
    </row>
    <row r="14222" spans="1:43">
      <c r="A14222" t="s">
        <v>8832</v>
      </c>
      <c r="B14222" t="s">
        <v>8833</v>
      </c>
      <c r="C14222" t="s">
        <v>8820</v>
      </c>
      <c r="D14222" t="s">
        <v>8821</v>
      </c>
      <c r="E14222" t="s">
        <v>8652</v>
      </c>
      <c r="F14222" t="s">
        <v>8653</v>
      </c>
      <c r="G14222" t="s">
        <v>80</v>
      </c>
      <c r="H14222" t="s">
        <v>81</v>
      </c>
      <c r="I14222" s="2">
        <v>0</v>
      </c>
      <c r="J14222" s="2">
        <v>0</v>
      </c>
      <c r="K14222" s="2">
        <v>1</v>
      </c>
      <c r="L14222" t="s">
        <v>995</v>
      </c>
      <c r="M14222" t="s">
        <v>83</v>
      </c>
      <c r="N14222" t="s">
        <v>84</v>
      </c>
      <c r="O14222" t="s">
        <v>85</v>
      </c>
      <c r="P14222" t="s">
        <v>86</v>
      </c>
      <c r="Q14222">
        <v>21</v>
      </c>
      <c r="R14222">
        <v>21</v>
      </c>
      <c r="S14222">
        <v>21</v>
      </c>
      <c r="T14222">
        <v>22</v>
      </c>
      <c r="U14222">
        <v>22</v>
      </c>
      <c r="V14222">
        <v>22</v>
      </c>
      <c r="W14222">
        <v>22</v>
      </c>
      <c r="X14222">
        <v>22</v>
      </c>
      <c r="Y14222">
        <v>22</v>
      </c>
      <c r="Z14222">
        <v>22</v>
      </c>
      <c r="AA14222">
        <v>22</v>
      </c>
      <c r="AB14222">
        <v>22</v>
      </c>
      <c r="AC14222">
        <v>22</v>
      </c>
      <c r="AD14222">
        <v>22</v>
      </c>
      <c r="AE14222">
        <v>22</v>
      </c>
      <c r="AF14222">
        <v>22</v>
      </c>
      <c r="AG14222">
        <v>23</v>
      </c>
      <c r="AH14222">
        <v>23</v>
      </c>
      <c r="AI14222">
        <v>23</v>
      </c>
      <c r="AJ14222">
        <v>23</v>
      </c>
      <c r="AK14222">
        <v>23</v>
      </c>
      <c r="AL14222">
        <v>23</v>
      </c>
      <c r="AM14222">
        <v>22</v>
      </c>
      <c r="AN14222">
        <v>22</v>
      </c>
      <c r="AO14222">
        <v>22</v>
      </c>
      <c r="AP14222">
        <v>22</v>
      </c>
      <c r="AQ14222">
        <v>22</v>
      </c>
    </row>
    <row r="14223" spans="1:43">
      <c r="A14223" t="s">
        <v>8832</v>
      </c>
      <c r="B14223" t="s">
        <v>8833</v>
      </c>
      <c r="C14223" t="s">
        <v>8820</v>
      </c>
      <c r="D14223" t="s">
        <v>8821</v>
      </c>
      <c r="E14223" t="s">
        <v>8652</v>
      </c>
      <c r="F14223" t="s">
        <v>8653</v>
      </c>
      <c r="G14223" t="s">
        <v>80</v>
      </c>
      <c r="H14223" t="s">
        <v>81</v>
      </c>
      <c r="I14223" s="2">
        <v>0</v>
      </c>
      <c r="J14223" s="2">
        <v>0</v>
      </c>
      <c r="K14223" s="2">
        <v>1</v>
      </c>
      <c r="L14223" t="s">
        <v>995</v>
      </c>
      <c r="M14223" t="s">
        <v>87</v>
      </c>
      <c r="N14223" t="s">
        <v>88</v>
      </c>
      <c r="O14223" t="s">
        <v>85</v>
      </c>
      <c r="P14223" t="s">
        <v>86</v>
      </c>
      <c r="Q14223">
        <v>21</v>
      </c>
      <c r="R14223">
        <v>21</v>
      </c>
      <c r="S14223">
        <v>21</v>
      </c>
      <c r="T14223">
        <v>21</v>
      </c>
      <c r="U14223">
        <v>21</v>
      </c>
      <c r="V14223">
        <v>21</v>
      </c>
      <c r="W14223">
        <v>21</v>
      </c>
      <c r="X14223">
        <v>20</v>
      </c>
      <c r="Y14223">
        <v>20</v>
      </c>
      <c r="Z14223">
        <v>20</v>
      </c>
      <c r="AA14223">
        <v>20</v>
      </c>
      <c r="AB14223">
        <v>20</v>
      </c>
      <c r="AC14223">
        <v>20</v>
      </c>
      <c r="AD14223">
        <v>20</v>
      </c>
      <c r="AE14223">
        <v>20</v>
      </c>
      <c r="AF14223">
        <v>20</v>
      </c>
      <c r="AG14223">
        <v>20</v>
      </c>
      <c r="AH14223">
        <v>20</v>
      </c>
      <c r="AI14223">
        <v>20</v>
      </c>
      <c r="AJ14223">
        <v>20</v>
      </c>
      <c r="AK14223">
        <v>19</v>
      </c>
      <c r="AL14223">
        <v>19</v>
      </c>
      <c r="AM14223">
        <v>19</v>
      </c>
      <c r="AN14223">
        <v>19</v>
      </c>
      <c r="AO14223">
        <v>19</v>
      </c>
      <c r="AP14223">
        <v>19</v>
      </c>
      <c r="AQ14223">
        <v>19</v>
      </c>
    </row>
    <row r="14224" spans="1:43">
      <c r="A14224" t="s">
        <v>8832</v>
      </c>
      <c r="B14224" t="s">
        <v>8833</v>
      </c>
      <c r="C14224" t="s">
        <v>8820</v>
      </c>
      <c r="D14224" t="s">
        <v>8821</v>
      </c>
      <c r="E14224" t="s">
        <v>8652</v>
      </c>
      <c r="F14224" t="s">
        <v>8653</v>
      </c>
      <c r="G14224" t="s">
        <v>80</v>
      </c>
      <c r="H14224" t="s">
        <v>81</v>
      </c>
      <c r="I14224" s="2">
        <v>0</v>
      </c>
      <c r="J14224" s="2">
        <v>0</v>
      </c>
      <c r="K14224" s="2">
        <v>1</v>
      </c>
      <c r="L14224" t="s">
        <v>995</v>
      </c>
      <c r="M14224" t="s">
        <v>89</v>
      </c>
      <c r="N14224" t="s">
        <v>90</v>
      </c>
      <c r="O14224" t="s">
        <v>85</v>
      </c>
      <c r="P14224" t="s">
        <v>86</v>
      </c>
      <c r="Q14224">
        <v>21</v>
      </c>
      <c r="R14224">
        <v>22</v>
      </c>
      <c r="S14224">
        <v>22</v>
      </c>
      <c r="T14224">
        <v>22</v>
      </c>
      <c r="U14224">
        <v>23</v>
      </c>
      <c r="V14224">
        <v>23</v>
      </c>
      <c r="W14224">
        <v>23</v>
      </c>
      <c r="X14224">
        <v>23</v>
      </c>
      <c r="Y14224">
        <v>23</v>
      </c>
      <c r="Z14224">
        <v>23</v>
      </c>
      <c r="AA14224">
        <v>24</v>
      </c>
      <c r="AB14224">
        <v>24</v>
      </c>
      <c r="AC14224">
        <v>24</v>
      </c>
      <c r="AD14224">
        <v>24</v>
      </c>
      <c r="AE14224">
        <v>24</v>
      </c>
      <c r="AF14224">
        <v>24</v>
      </c>
      <c r="AG14224">
        <v>24</v>
      </c>
      <c r="AH14224">
        <v>23</v>
      </c>
      <c r="AI14224">
        <v>23</v>
      </c>
      <c r="AJ14224">
        <v>23</v>
      </c>
      <c r="AK14224">
        <v>23</v>
      </c>
      <c r="AL14224">
        <v>23</v>
      </c>
      <c r="AM14224">
        <v>23</v>
      </c>
      <c r="AN14224">
        <v>22</v>
      </c>
      <c r="AO14224">
        <v>22</v>
      </c>
      <c r="AP14224">
        <v>22</v>
      </c>
      <c r="AQ14224">
        <v>22</v>
      </c>
    </row>
    <row r="14225" spans="1:43">
      <c r="A14225" t="s">
        <v>8832</v>
      </c>
      <c r="B14225" t="s">
        <v>8833</v>
      </c>
      <c r="C14225" t="s">
        <v>8820</v>
      </c>
      <c r="D14225" t="s">
        <v>8821</v>
      </c>
      <c r="E14225" t="s">
        <v>8652</v>
      </c>
      <c r="F14225" t="s">
        <v>8653</v>
      </c>
      <c r="G14225" t="s">
        <v>80</v>
      </c>
      <c r="H14225" t="s">
        <v>81</v>
      </c>
      <c r="I14225" s="2">
        <v>0</v>
      </c>
      <c r="J14225" s="2">
        <v>0</v>
      </c>
      <c r="K14225" s="2">
        <v>1</v>
      </c>
      <c r="L14225" t="s">
        <v>995</v>
      </c>
      <c r="M14225" t="s">
        <v>83</v>
      </c>
      <c r="N14225" t="s">
        <v>91</v>
      </c>
      <c r="O14225" t="s">
        <v>85</v>
      </c>
      <c r="P14225" t="s">
        <v>86</v>
      </c>
      <c r="Q14225">
        <v>21</v>
      </c>
      <c r="R14225">
        <v>21</v>
      </c>
      <c r="S14225">
        <v>21</v>
      </c>
      <c r="T14225">
        <v>22</v>
      </c>
      <c r="U14225">
        <v>22</v>
      </c>
      <c r="V14225">
        <v>22</v>
      </c>
      <c r="W14225">
        <v>22</v>
      </c>
      <c r="X14225">
        <v>22</v>
      </c>
      <c r="Y14225">
        <v>22</v>
      </c>
      <c r="Z14225">
        <v>22</v>
      </c>
      <c r="AA14225">
        <v>22</v>
      </c>
      <c r="AB14225">
        <v>22</v>
      </c>
      <c r="AC14225">
        <v>22</v>
      </c>
      <c r="AD14225">
        <v>22</v>
      </c>
      <c r="AE14225">
        <v>22</v>
      </c>
      <c r="AF14225">
        <v>22</v>
      </c>
      <c r="AG14225">
        <v>23</v>
      </c>
      <c r="AH14225">
        <v>23</v>
      </c>
      <c r="AI14225">
        <v>23</v>
      </c>
      <c r="AJ14225">
        <v>23</v>
      </c>
      <c r="AK14225">
        <v>23</v>
      </c>
      <c r="AL14225">
        <v>23</v>
      </c>
      <c r="AM14225">
        <v>22</v>
      </c>
      <c r="AN14225">
        <v>22</v>
      </c>
      <c r="AO14225">
        <v>22</v>
      </c>
      <c r="AP14225">
        <v>22</v>
      </c>
      <c r="AQ14225">
        <v>22</v>
      </c>
    </row>
    <row r="14226" spans="1:43">
      <c r="A14226" t="s">
        <v>8834</v>
      </c>
      <c r="B14226" t="s">
        <v>8835</v>
      </c>
      <c r="C14226" t="s">
        <v>8808</v>
      </c>
      <c r="D14226" t="s">
        <v>8809</v>
      </c>
      <c r="E14226" t="s">
        <v>8652</v>
      </c>
      <c r="F14226" t="s">
        <v>8653</v>
      </c>
      <c r="G14226" t="s">
        <v>80</v>
      </c>
      <c r="H14226" t="s">
        <v>81</v>
      </c>
      <c r="I14226" s="2">
        <v>0</v>
      </c>
      <c r="J14226" s="2">
        <v>0</v>
      </c>
      <c r="K14226" s="2">
        <v>1</v>
      </c>
      <c r="L14226" t="s">
        <v>995</v>
      </c>
      <c r="M14226" t="s">
        <v>83</v>
      </c>
      <c r="N14226" t="s">
        <v>84</v>
      </c>
      <c r="O14226" t="s">
        <v>85</v>
      </c>
      <c r="P14226" t="s">
        <v>86</v>
      </c>
      <c r="Q14226">
        <v>20</v>
      </c>
      <c r="R14226">
        <v>20</v>
      </c>
      <c r="S14226">
        <v>20</v>
      </c>
      <c r="T14226">
        <v>20</v>
      </c>
      <c r="U14226">
        <v>20</v>
      </c>
      <c r="V14226">
        <v>20</v>
      </c>
      <c r="W14226">
        <v>20</v>
      </c>
      <c r="X14226">
        <v>20</v>
      </c>
      <c r="Y14226">
        <v>20</v>
      </c>
      <c r="Z14226">
        <v>20</v>
      </c>
      <c r="AA14226">
        <v>21</v>
      </c>
      <c r="AB14226">
        <v>21</v>
      </c>
      <c r="AC14226">
        <v>21</v>
      </c>
      <c r="AD14226">
        <v>21</v>
      </c>
      <c r="AE14226">
        <v>21</v>
      </c>
      <c r="AF14226">
        <v>21</v>
      </c>
      <c r="AG14226">
        <v>21</v>
      </c>
      <c r="AH14226">
        <v>21</v>
      </c>
      <c r="AI14226">
        <v>21</v>
      </c>
      <c r="AJ14226">
        <v>21</v>
      </c>
      <c r="AK14226">
        <v>21</v>
      </c>
      <c r="AL14226">
        <v>21</v>
      </c>
      <c r="AM14226">
        <v>20</v>
      </c>
      <c r="AN14226">
        <v>20</v>
      </c>
      <c r="AO14226">
        <v>20</v>
      </c>
      <c r="AP14226">
        <v>20</v>
      </c>
      <c r="AQ14226">
        <v>20</v>
      </c>
    </row>
    <row r="14227" spans="1:43">
      <c r="A14227" t="s">
        <v>8834</v>
      </c>
      <c r="B14227" t="s">
        <v>8835</v>
      </c>
      <c r="C14227" t="s">
        <v>8808</v>
      </c>
      <c r="D14227" t="s">
        <v>8809</v>
      </c>
      <c r="E14227" t="s">
        <v>8652</v>
      </c>
      <c r="F14227" t="s">
        <v>8653</v>
      </c>
      <c r="G14227" t="s">
        <v>80</v>
      </c>
      <c r="H14227" t="s">
        <v>81</v>
      </c>
      <c r="I14227" s="2">
        <v>0</v>
      </c>
      <c r="J14227" s="2">
        <v>0</v>
      </c>
      <c r="K14227" s="2">
        <v>1</v>
      </c>
      <c r="L14227" t="s">
        <v>995</v>
      </c>
      <c r="M14227" t="s">
        <v>87</v>
      </c>
      <c r="N14227" t="s">
        <v>88</v>
      </c>
      <c r="O14227" t="s">
        <v>85</v>
      </c>
      <c r="P14227" t="s">
        <v>86</v>
      </c>
      <c r="Q14227">
        <v>20</v>
      </c>
      <c r="R14227">
        <v>20</v>
      </c>
      <c r="S14227">
        <v>20</v>
      </c>
      <c r="T14227">
        <v>19</v>
      </c>
      <c r="U14227">
        <v>19</v>
      </c>
      <c r="V14227">
        <v>19</v>
      </c>
      <c r="W14227">
        <v>19</v>
      </c>
      <c r="X14227">
        <v>19</v>
      </c>
      <c r="Y14227">
        <v>19</v>
      </c>
      <c r="Z14227">
        <v>19</v>
      </c>
      <c r="AA14227">
        <v>19</v>
      </c>
      <c r="AB14227">
        <v>19</v>
      </c>
      <c r="AC14227">
        <v>18</v>
      </c>
      <c r="AD14227">
        <v>18</v>
      </c>
      <c r="AE14227">
        <v>18</v>
      </c>
      <c r="AF14227">
        <v>18</v>
      </c>
      <c r="AG14227">
        <v>18</v>
      </c>
      <c r="AH14227">
        <v>18</v>
      </c>
      <c r="AI14227">
        <v>18</v>
      </c>
      <c r="AJ14227">
        <v>18</v>
      </c>
      <c r="AK14227">
        <v>18</v>
      </c>
      <c r="AL14227">
        <v>18</v>
      </c>
      <c r="AM14227">
        <v>18</v>
      </c>
      <c r="AN14227">
        <v>17</v>
      </c>
      <c r="AO14227">
        <v>17</v>
      </c>
      <c r="AP14227">
        <v>17</v>
      </c>
      <c r="AQ14227">
        <v>17</v>
      </c>
    </row>
    <row r="14228" spans="1:43">
      <c r="A14228" t="s">
        <v>8834</v>
      </c>
      <c r="B14228" t="s">
        <v>8835</v>
      </c>
      <c r="C14228" t="s">
        <v>8808</v>
      </c>
      <c r="D14228" t="s">
        <v>8809</v>
      </c>
      <c r="E14228" t="s">
        <v>8652</v>
      </c>
      <c r="F14228" t="s">
        <v>8653</v>
      </c>
      <c r="G14228" t="s">
        <v>80</v>
      </c>
      <c r="H14228" t="s">
        <v>81</v>
      </c>
      <c r="I14228" s="2">
        <v>0</v>
      </c>
      <c r="J14228" s="2">
        <v>0</v>
      </c>
      <c r="K14228" s="2">
        <v>1</v>
      </c>
      <c r="L14228" t="s">
        <v>995</v>
      </c>
      <c r="M14228" t="s">
        <v>89</v>
      </c>
      <c r="N14228" t="s">
        <v>90</v>
      </c>
      <c r="O14228" t="s">
        <v>85</v>
      </c>
      <c r="P14228" t="s">
        <v>86</v>
      </c>
      <c r="Q14228">
        <v>20</v>
      </c>
      <c r="R14228">
        <v>20</v>
      </c>
      <c r="S14228">
        <v>21</v>
      </c>
      <c r="T14228">
        <v>21</v>
      </c>
      <c r="U14228">
        <v>21</v>
      </c>
      <c r="V14228">
        <v>21</v>
      </c>
      <c r="W14228">
        <v>21</v>
      </c>
      <c r="X14228">
        <v>22</v>
      </c>
      <c r="Y14228">
        <v>22</v>
      </c>
      <c r="Z14228">
        <v>22</v>
      </c>
      <c r="AA14228">
        <v>22</v>
      </c>
      <c r="AB14228">
        <v>22</v>
      </c>
      <c r="AC14228">
        <v>22</v>
      </c>
      <c r="AD14228">
        <v>22</v>
      </c>
      <c r="AE14228">
        <v>22</v>
      </c>
      <c r="AF14228">
        <v>22</v>
      </c>
      <c r="AG14228">
        <v>22</v>
      </c>
      <c r="AH14228">
        <v>22</v>
      </c>
      <c r="AI14228">
        <v>21</v>
      </c>
      <c r="AJ14228">
        <v>21</v>
      </c>
      <c r="AK14228">
        <v>21</v>
      </c>
      <c r="AL14228">
        <v>21</v>
      </c>
      <c r="AM14228">
        <v>21</v>
      </c>
      <c r="AN14228">
        <v>20</v>
      </c>
      <c r="AO14228">
        <v>20</v>
      </c>
      <c r="AP14228">
        <v>20</v>
      </c>
      <c r="AQ14228">
        <v>20</v>
      </c>
    </row>
    <row r="14229" spans="1:43">
      <c r="A14229" t="s">
        <v>8834</v>
      </c>
      <c r="B14229" t="s">
        <v>8835</v>
      </c>
      <c r="C14229" t="s">
        <v>8808</v>
      </c>
      <c r="D14229" t="s">
        <v>8809</v>
      </c>
      <c r="E14229" t="s">
        <v>8652</v>
      </c>
      <c r="F14229" t="s">
        <v>8653</v>
      </c>
      <c r="G14229" t="s">
        <v>80</v>
      </c>
      <c r="H14229" t="s">
        <v>81</v>
      </c>
      <c r="I14229" s="2">
        <v>0</v>
      </c>
      <c r="J14229" s="2">
        <v>0</v>
      </c>
      <c r="K14229" s="2">
        <v>1</v>
      </c>
      <c r="L14229" t="s">
        <v>995</v>
      </c>
      <c r="M14229" t="s">
        <v>83</v>
      </c>
      <c r="N14229" t="s">
        <v>91</v>
      </c>
      <c r="O14229" t="s">
        <v>85</v>
      </c>
      <c r="P14229" t="s">
        <v>86</v>
      </c>
      <c r="Q14229">
        <v>20</v>
      </c>
      <c r="R14229">
        <v>20</v>
      </c>
      <c r="S14229">
        <v>20</v>
      </c>
      <c r="T14229">
        <v>20</v>
      </c>
      <c r="U14229">
        <v>20</v>
      </c>
      <c r="V14229">
        <v>20</v>
      </c>
      <c r="W14229">
        <v>20</v>
      </c>
      <c r="X14229">
        <v>20</v>
      </c>
      <c r="Y14229">
        <v>20</v>
      </c>
      <c r="Z14229">
        <v>20</v>
      </c>
      <c r="AA14229">
        <v>21</v>
      </c>
      <c r="AB14229">
        <v>21</v>
      </c>
      <c r="AC14229">
        <v>21</v>
      </c>
      <c r="AD14229">
        <v>21</v>
      </c>
      <c r="AE14229">
        <v>21</v>
      </c>
      <c r="AF14229">
        <v>21</v>
      </c>
      <c r="AG14229">
        <v>21</v>
      </c>
      <c r="AH14229">
        <v>21</v>
      </c>
      <c r="AI14229">
        <v>21</v>
      </c>
      <c r="AJ14229">
        <v>21</v>
      </c>
      <c r="AK14229">
        <v>21</v>
      </c>
      <c r="AL14229">
        <v>21</v>
      </c>
      <c r="AM14229">
        <v>20</v>
      </c>
      <c r="AN14229">
        <v>20</v>
      </c>
      <c r="AO14229">
        <v>20</v>
      </c>
      <c r="AP14229">
        <v>20</v>
      </c>
      <c r="AQ14229">
        <v>20</v>
      </c>
    </row>
    <row r="14230" spans="1:43">
      <c r="A14230" t="s">
        <v>8836</v>
      </c>
      <c r="B14230" t="s">
        <v>8837</v>
      </c>
      <c r="C14230" t="s">
        <v>8688</v>
      </c>
      <c r="D14230" t="s">
        <v>8689</v>
      </c>
      <c r="E14230" t="s">
        <v>8652</v>
      </c>
      <c r="F14230" t="s">
        <v>8653</v>
      </c>
      <c r="G14230" t="s">
        <v>80</v>
      </c>
      <c r="H14230" t="s">
        <v>81</v>
      </c>
      <c r="I14230" s="2">
        <v>0</v>
      </c>
      <c r="J14230" s="2">
        <v>0</v>
      </c>
      <c r="K14230" s="2">
        <v>1</v>
      </c>
      <c r="L14230" t="s">
        <v>995</v>
      </c>
      <c r="M14230" t="s">
        <v>83</v>
      </c>
      <c r="N14230" t="s">
        <v>84</v>
      </c>
      <c r="O14230" t="s">
        <v>85</v>
      </c>
      <c r="P14230" t="s">
        <v>86</v>
      </c>
      <c r="Q14230">
        <v>220</v>
      </c>
      <c r="R14230">
        <v>221</v>
      </c>
      <c r="S14230">
        <v>222</v>
      </c>
      <c r="T14230">
        <v>223</v>
      </c>
      <c r="U14230">
        <v>224</v>
      </c>
      <c r="V14230">
        <v>224</v>
      </c>
      <c r="W14230">
        <v>225</v>
      </c>
      <c r="X14230">
        <v>226</v>
      </c>
      <c r="Y14230">
        <v>227</v>
      </c>
      <c r="Z14230">
        <v>227</v>
      </c>
      <c r="AA14230">
        <v>228</v>
      </c>
      <c r="AB14230">
        <v>228</v>
      </c>
      <c r="AC14230">
        <v>229</v>
      </c>
      <c r="AD14230">
        <v>229</v>
      </c>
      <c r="AE14230">
        <v>229</v>
      </c>
      <c r="AF14230">
        <v>230</v>
      </c>
      <c r="AG14230">
        <v>230</v>
      </c>
      <c r="AH14230">
        <v>230</v>
      </c>
      <c r="AI14230">
        <v>230</v>
      </c>
      <c r="AJ14230">
        <v>230</v>
      </c>
      <c r="AK14230">
        <v>230</v>
      </c>
      <c r="AL14230">
        <v>229</v>
      </c>
      <c r="AM14230">
        <v>227</v>
      </c>
      <c r="AN14230">
        <v>225</v>
      </c>
      <c r="AO14230">
        <v>223</v>
      </c>
      <c r="AP14230">
        <v>221</v>
      </c>
      <c r="AQ14230">
        <v>220</v>
      </c>
    </row>
    <row r="14231" spans="1:43">
      <c r="A14231" t="s">
        <v>8836</v>
      </c>
      <c r="B14231" t="s">
        <v>8837</v>
      </c>
      <c r="C14231" t="s">
        <v>8688</v>
      </c>
      <c r="D14231" t="s">
        <v>8689</v>
      </c>
      <c r="E14231" t="s">
        <v>8652</v>
      </c>
      <c r="F14231" t="s">
        <v>8653</v>
      </c>
      <c r="G14231" t="s">
        <v>80</v>
      </c>
      <c r="H14231" t="s">
        <v>81</v>
      </c>
      <c r="I14231" s="2">
        <v>0</v>
      </c>
      <c r="J14231" s="2">
        <v>0</v>
      </c>
      <c r="K14231" s="2">
        <v>1</v>
      </c>
      <c r="L14231" t="s">
        <v>995</v>
      </c>
      <c r="M14231" t="s">
        <v>87</v>
      </c>
      <c r="N14231" t="s">
        <v>88</v>
      </c>
      <c r="O14231" t="s">
        <v>85</v>
      </c>
      <c r="P14231" t="s">
        <v>86</v>
      </c>
      <c r="Q14231">
        <v>220</v>
      </c>
      <c r="R14231">
        <v>219</v>
      </c>
      <c r="S14231">
        <v>218</v>
      </c>
      <c r="T14231">
        <v>217</v>
      </c>
      <c r="U14231">
        <v>216</v>
      </c>
      <c r="V14231">
        <v>215</v>
      </c>
      <c r="W14231">
        <v>214</v>
      </c>
      <c r="X14231">
        <v>213</v>
      </c>
      <c r="Y14231">
        <v>212</v>
      </c>
      <c r="Z14231">
        <v>211</v>
      </c>
      <c r="AA14231">
        <v>210</v>
      </c>
      <c r="AB14231">
        <v>209</v>
      </c>
      <c r="AC14231">
        <v>208</v>
      </c>
      <c r="AD14231">
        <v>207</v>
      </c>
      <c r="AE14231">
        <v>206</v>
      </c>
      <c r="AF14231">
        <v>205</v>
      </c>
      <c r="AG14231">
        <v>204</v>
      </c>
      <c r="AH14231">
        <v>203</v>
      </c>
      <c r="AI14231">
        <v>202</v>
      </c>
      <c r="AJ14231">
        <v>201</v>
      </c>
      <c r="AK14231">
        <v>200</v>
      </c>
      <c r="AL14231">
        <v>199</v>
      </c>
      <c r="AM14231">
        <v>199</v>
      </c>
      <c r="AN14231">
        <v>198</v>
      </c>
      <c r="AO14231">
        <v>197</v>
      </c>
      <c r="AP14231">
        <v>196</v>
      </c>
      <c r="AQ14231">
        <v>195</v>
      </c>
    </row>
    <row r="14232" spans="1:43">
      <c r="A14232" t="s">
        <v>8836</v>
      </c>
      <c r="B14232" t="s">
        <v>8837</v>
      </c>
      <c r="C14232" t="s">
        <v>8688</v>
      </c>
      <c r="D14232" t="s">
        <v>8689</v>
      </c>
      <c r="E14232" t="s">
        <v>8652</v>
      </c>
      <c r="F14232" t="s">
        <v>8653</v>
      </c>
      <c r="G14232" t="s">
        <v>80</v>
      </c>
      <c r="H14232" t="s">
        <v>81</v>
      </c>
      <c r="I14232" s="2">
        <v>0</v>
      </c>
      <c r="J14232" s="2">
        <v>0</v>
      </c>
      <c r="K14232" s="2">
        <v>1</v>
      </c>
      <c r="L14232" t="s">
        <v>995</v>
      </c>
      <c r="M14232" t="s">
        <v>89</v>
      </c>
      <c r="N14232" t="s">
        <v>90</v>
      </c>
      <c r="O14232" t="s">
        <v>85</v>
      </c>
      <c r="P14232" t="s">
        <v>86</v>
      </c>
      <c r="Q14232">
        <v>220</v>
      </c>
      <c r="R14232">
        <v>223</v>
      </c>
      <c r="S14232">
        <v>226</v>
      </c>
      <c r="T14232">
        <v>228</v>
      </c>
      <c r="U14232">
        <v>231</v>
      </c>
      <c r="V14232">
        <v>233</v>
      </c>
      <c r="W14232">
        <v>235</v>
      </c>
      <c r="X14232">
        <v>236</v>
      </c>
      <c r="Y14232">
        <v>238</v>
      </c>
      <c r="Z14232">
        <v>239</v>
      </c>
      <c r="AA14232">
        <v>240</v>
      </c>
      <c r="AB14232">
        <v>241</v>
      </c>
      <c r="AC14232">
        <v>242</v>
      </c>
      <c r="AD14232">
        <v>243</v>
      </c>
      <c r="AE14232">
        <v>243</v>
      </c>
      <c r="AF14232">
        <v>241</v>
      </c>
      <c r="AG14232">
        <v>238</v>
      </c>
      <c r="AH14232">
        <v>236</v>
      </c>
      <c r="AI14232">
        <v>234</v>
      </c>
      <c r="AJ14232">
        <v>232</v>
      </c>
      <c r="AK14232">
        <v>230</v>
      </c>
      <c r="AL14232">
        <v>228</v>
      </c>
      <c r="AM14232">
        <v>226</v>
      </c>
      <c r="AN14232">
        <v>224</v>
      </c>
      <c r="AO14232">
        <v>222</v>
      </c>
      <c r="AP14232">
        <v>220</v>
      </c>
      <c r="AQ14232">
        <v>218</v>
      </c>
    </row>
    <row r="14233" spans="1:43">
      <c r="A14233" t="s">
        <v>8836</v>
      </c>
      <c r="B14233" t="s">
        <v>8837</v>
      </c>
      <c r="C14233" t="s">
        <v>8688</v>
      </c>
      <c r="D14233" t="s">
        <v>8689</v>
      </c>
      <c r="E14233" t="s">
        <v>8652</v>
      </c>
      <c r="F14233" t="s">
        <v>8653</v>
      </c>
      <c r="G14233" t="s">
        <v>80</v>
      </c>
      <c r="H14233" t="s">
        <v>81</v>
      </c>
      <c r="I14233" s="2">
        <v>0</v>
      </c>
      <c r="J14233" s="2">
        <v>0</v>
      </c>
      <c r="K14233" s="2">
        <v>1</v>
      </c>
      <c r="L14233" t="s">
        <v>995</v>
      </c>
      <c r="M14233" t="s">
        <v>83</v>
      </c>
      <c r="N14233" t="s">
        <v>91</v>
      </c>
      <c r="O14233" t="s">
        <v>85</v>
      </c>
      <c r="P14233" t="s">
        <v>86</v>
      </c>
      <c r="Q14233">
        <v>220</v>
      </c>
      <c r="R14233">
        <v>221</v>
      </c>
      <c r="S14233">
        <v>222</v>
      </c>
      <c r="T14233">
        <v>223</v>
      </c>
      <c r="U14233">
        <v>224</v>
      </c>
      <c r="V14233">
        <v>224</v>
      </c>
      <c r="W14233">
        <v>225</v>
      </c>
      <c r="X14233">
        <v>226</v>
      </c>
      <c r="Y14233">
        <v>227</v>
      </c>
      <c r="Z14233">
        <v>227</v>
      </c>
      <c r="AA14233">
        <v>228</v>
      </c>
      <c r="AB14233">
        <v>228</v>
      </c>
      <c r="AC14233">
        <v>229</v>
      </c>
      <c r="AD14233">
        <v>229</v>
      </c>
      <c r="AE14233">
        <v>229</v>
      </c>
      <c r="AF14233">
        <v>230</v>
      </c>
      <c r="AG14233">
        <v>230</v>
      </c>
      <c r="AH14233">
        <v>230</v>
      </c>
      <c r="AI14233">
        <v>230</v>
      </c>
      <c r="AJ14233">
        <v>230</v>
      </c>
      <c r="AK14233">
        <v>230</v>
      </c>
      <c r="AL14233">
        <v>229</v>
      </c>
      <c r="AM14233">
        <v>227</v>
      </c>
      <c r="AN14233">
        <v>225</v>
      </c>
      <c r="AO14233">
        <v>223</v>
      </c>
      <c r="AP14233">
        <v>221</v>
      </c>
      <c r="AQ14233">
        <v>220</v>
      </c>
    </row>
    <row r="14234" spans="1:43">
      <c r="A14234" t="s">
        <v>8838</v>
      </c>
      <c r="B14234" t="s">
        <v>8839</v>
      </c>
      <c r="C14234" t="s">
        <v>8688</v>
      </c>
      <c r="D14234" t="s">
        <v>8689</v>
      </c>
      <c r="E14234" t="s">
        <v>8652</v>
      </c>
      <c r="F14234" t="s">
        <v>8653</v>
      </c>
      <c r="G14234" t="s">
        <v>80</v>
      </c>
      <c r="H14234" t="s">
        <v>81</v>
      </c>
      <c r="I14234" s="2">
        <v>0</v>
      </c>
      <c r="J14234" s="2">
        <v>0</v>
      </c>
      <c r="K14234" s="2">
        <v>1</v>
      </c>
      <c r="L14234" t="s">
        <v>995</v>
      </c>
      <c r="M14234" t="s">
        <v>83</v>
      </c>
      <c r="N14234" t="s">
        <v>84</v>
      </c>
      <c r="O14234" t="s">
        <v>85</v>
      </c>
      <c r="P14234" t="s">
        <v>86</v>
      </c>
      <c r="Q14234">
        <v>35</v>
      </c>
      <c r="R14234">
        <v>35</v>
      </c>
      <c r="S14234">
        <v>35</v>
      </c>
      <c r="T14234">
        <v>35</v>
      </c>
      <c r="U14234">
        <v>36</v>
      </c>
      <c r="V14234">
        <v>36</v>
      </c>
      <c r="W14234">
        <v>36</v>
      </c>
      <c r="X14234">
        <v>36</v>
      </c>
      <c r="Y14234">
        <v>36</v>
      </c>
      <c r="Z14234">
        <v>36</v>
      </c>
      <c r="AA14234">
        <v>36</v>
      </c>
      <c r="AB14234">
        <v>36</v>
      </c>
      <c r="AC14234">
        <v>36</v>
      </c>
      <c r="AD14234">
        <v>36</v>
      </c>
      <c r="AE14234">
        <v>37</v>
      </c>
      <c r="AF14234">
        <v>37</v>
      </c>
      <c r="AG14234">
        <v>37</v>
      </c>
      <c r="AH14234">
        <v>37</v>
      </c>
      <c r="AI14234">
        <v>37</v>
      </c>
      <c r="AJ14234">
        <v>37</v>
      </c>
      <c r="AK14234">
        <v>37</v>
      </c>
      <c r="AL14234">
        <v>36</v>
      </c>
      <c r="AM14234">
        <v>36</v>
      </c>
      <c r="AN14234">
        <v>36</v>
      </c>
      <c r="AO14234">
        <v>36</v>
      </c>
      <c r="AP14234">
        <v>35</v>
      </c>
      <c r="AQ14234">
        <v>35</v>
      </c>
    </row>
    <row r="14235" spans="1:43">
      <c r="A14235" t="s">
        <v>8838</v>
      </c>
      <c r="B14235" t="s">
        <v>8839</v>
      </c>
      <c r="C14235" t="s">
        <v>8688</v>
      </c>
      <c r="D14235" t="s">
        <v>8689</v>
      </c>
      <c r="E14235" t="s">
        <v>8652</v>
      </c>
      <c r="F14235" t="s">
        <v>8653</v>
      </c>
      <c r="G14235" t="s">
        <v>80</v>
      </c>
      <c r="H14235" t="s">
        <v>81</v>
      </c>
      <c r="I14235" s="2">
        <v>0</v>
      </c>
      <c r="J14235" s="2">
        <v>0</v>
      </c>
      <c r="K14235" s="2">
        <v>1</v>
      </c>
      <c r="L14235" t="s">
        <v>995</v>
      </c>
      <c r="M14235" t="s">
        <v>87</v>
      </c>
      <c r="N14235" t="s">
        <v>88</v>
      </c>
      <c r="O14235" t="s">
        <v>85</v>
      </c>
      <c r="P14235" t="s">
        <v>86</v>
      </c>
      <c r="Q14235">
        <v>35</v>
      </c>
      <c r="R14235">
        <v>35</v>
      </c>
      <c r="S14235">
        <v>34</v>
      </c>
      <c r="T14235">
        <v>34</v>
      </c>
      <c r="U14235">
        <v>34</v>
      </c>
      <c r="V14235">
        <v>34</v>
      </c>
      <c r="W14235">
        <v>34</v>
      </c>
      <c r="X14235">
        <v>34</v>
      </c>
      <c r="Y14235">
        <v>33</v>
      </c>
      <c r="Z14235">
        <v>33</v>
      </c>
      <c r="AA14235">
        <v>33</v>
      </c>
      <c r="AB14235">
        <v>33</v>
      </c>
      <c r="AC14235">
        <v>33</v>
      </c>
      <c r="AD14235">
        <v>33</v>
      </c>
      <c r="AE14235">
        <v>32</v>
      </c>
      <c r="AF14235">
        <v>32</v>
      </c>
      <c r="AG14235">
        <v>32</v>
      </c>
      <c r="AH14235">
        <v>32</v>
      </c>
      <c r="AI14235">
        <v>32</v>
      </c>
      <c r="AJ14235">
        <v>32</v>
      </c>
      <c r="AK14235">
        <v>32</v>
      </c>
      <c r="AL14235">
        <v>31</v>
      </c>
      <c r="AM14235">
        <v>31</v>
      </c>
      <c r="AN14235">
        <v>31</v>
      </c>
      <c r="AO14235">
        <v>31</v>
      </c>
      <c r="AP14235">
        <v>31</v>
      </c>
      <c r="AQ14235">
        <v>31</v>
      </c>
    </row>
    <row r="14236" spans="1:43">
      <c r="A14236" t="s">
        <v>8838</v>
      </c>
      <c r="B14236" t="s">
        <v>8839</v>
      </c>
      <c r="C14236" t="s">
        <v>8688</v>
      </c>
      <c r="D14236" t="s">
        <v>8689</v>
      </c>
      <c r="E14236" t="s">
        <v>8652</v>
      </c>
      <c r="F14236" t="s">
        <v>8653</v>
      </c>
      <c r="G14236" t="s">
        <v>80</v>
      </c>
      <c r="H14236" t="s">
        <v>81</v>
      </c>
      <c r="I14236" s="2">
        <v>0</v>
      </c>
      <c r="J14236" s="2">
        <v>0</v>
      </c>
      <c r="K14236" s="2">
        <v>1</v>
      </c>
      <c r="L14236" t="s">
        <v>995</v>
      </c>
      <c r="M14236" t="s">
        <v>89</v>
      </c>
      <c r="N14236" t="s">
        <v>90</v>
      </c>
      <c r="O14236" t="s">
        <v>85</v>
      </c>
      <c r="P14236" t="s">
        <v>86</v>
      </c>
      <c r="Q14236">
        <v>35</v>
      </c>
      <c r="R14236">
        <v>36</v>
      </c>
      <c r="S14236">
        <v>36</v>
      </c>
      <c r="T14236">
        <v>37</v>
      </c>
      <c r="U14236">
        <v>37</v>
      </c>
      <c r="V14236">
        <v>37</v>
      </c>
      <c r="W14236">
        <v>38</v>
      </c>
      <c r="X14236">
        <v>38</v>
      </c>
      <c r="Y14236">
        <v>38</v>
      </c>
      <c r="Z14236">
        <v>38</v>
      </c>
      <c r="AA14236">
        <v>39</v>
      </c>
      <c r="AB14236">
        <v>39</v>
      </c>
      <c r="AC14236">
        <v>39</v>
      </c>
      <c r="AD14236">
        <v>39</v>
      </c>
      <c r="AE14236">
        <v>39</v>
      </c>
      <c r="AF14236">
        <v>39</v>
      </c>
      <c r="AG14236">
        <v>38</v>
      </c>
      <c r="AH14236">
        <v>38</v>
      </c>
      <c r="AI14236">
        <v>38</v>
      </c>
      <c r="AJ14236">
        <v>37</v>
      </c>
      <c r="AK14236">
        <v>37</v>
      </c>
      <c r="AL14236">
        <v>37</v>
      </c>
      <c r="AM14236">
        <v>36</v>
      </c>
      <c r="AN14236">
        <v>36</v>
      </c>
      <c r="AO14236">
        <v>36</v>
      </c>
      <c r="AP14236">
        <v>35</v>
      </c>
      <c r="AQ14236">
        <v>35</v>
      </c>
    </row>
    <row r="14237" spans="1:43">
      <c r="A14237" t="s">
        <v>8838</v>
      </c>
      <c r="B14237" t="s">
        <v>8839</v>
      </c>
      <c r="C14237" t="s">
        <v>8688</v>
      </c>
      <c r="D14237" t="s">
        <v>8689</v>
      </c>
      <c r="E14237" t="s">
        <v>8652</v>
      </c>
      <c r="F14237" t="s">
        <v>8653</v>
      </c>
      <c r="G14237" t="s">
        <v>80</v>
      </c>
      <c r="H14237" t="s">
        <v>81</v>
      </c>
      <c r="I14237" s="2">
        <v>0</v>
      </c>
      <c r="J14237" s="2">
        <v>0</v>
      </c>
      <c r="K14237" s="2">
        <v>1</v>
      </c>
      <c r="L14237" t="s">
        <v>995</v>
      </c>
      <c r="M14237" t="s">
        <v>83</v>
      </c>
      <c r="N14237" t="s">
        <v>91</v>
      </c>
      <c r="O14237" t="s">
        <v>85</v>
      </c>
      <c r="P14237" t="s">
        <v>86</v>
      </c>
      <c r="Q14237">
        <v>35</v>
      </c>
      <c r="R14237">
        <v>35</v>
      </c>
      <c r="S14237">
        <v>35</v>
      </c>
      <c r="T14237">
        <v>35</v>
      </c>
      <c r="U14237">
        <v>36</v>
      </c>
      <c r="V14237">
        <v>36</v>
      </c>
      <c r="W14237">
        <v>36</v>
      </c>
      <c r="X14237">
        <v>36</v>
      </c>
      <c r="Y14237">
        <v>36</v>
      </c>
      <c r="Z14237">
        <v>36</v>
      </c>
      <c r="AA14237">
        <v>36</v>
      </c>
      <c r="AB14237">
        <v>36</v>
      </c>
      <c r="AC14237">
        <v>36</v>
      </c>
      <c r="AD14237">
        <v>36</v>
      </c>
      <c r="AE14237">
        <v>37</v>
      </c>
      <c r="AF14237">
        <v>37</v>
      </c>
      <c r="AG14237">
        <v>37</v>
      </c>
      <c r="AH14237">
        <v>37</v>
      </c>
      <c r="AI14237">
        <v>37</v>
      </c>
      <c r="AJ14237">
        <v>37</v>
      </c>
      <c r="AK14237">
        <v>37</v>
      </c>
      <c r="AL14237">
        <v>36</v>
      </c>
      <c r="AM14237">
        <v>36</v>
      </c>
      <c r="AN14237">
        <v>36</v>
      </c>
      <c r="AO14237">
        <v>36</v>
      </c>
      <c r="AP14237">
        <v>35</v>
      </c>
      <c r="AQ14237">
        <v>35</v>
      </c>
    </row>
    <row r="14238" spans="1:43">
      <c r="A14238" t="s">
        <v>8840</v>
      </c>
      <c r="B14238" t="s">
        <v>8841</v>
      </c>
      <c r="C14238" t="s">
        <v>8842</v>
      </c>
      <c r="D14238" t="s">
        <v>8843</v>
      </c>
      <c r="E14238" t="s">
        <v>8652</v>
      </c>
      <c r="F14238" t="s">
        <v>8653</v>
      </c>
      <c r="G14238" t="s">
        <v>80</v>
      </c>
      <c r="H14238" t="s">
        <v>81</v>
      </c>
      <c r="I14238" s="2">
        <v>0</v>
      </c>
      <c r="J14238" s="2">
        <v>0</v>
      </c>
      <c r="K14238" s="2">
        <v>1</v>
      </c>
      <c r="L14238" t="s">
        <v>995</v>
      </c>
      <c r="M14238" t="s">
        <v>83</v>
      </c>
      <c r="N14238" t="s">
        <v>84</v>
      </c>
      <c r="O14238" t="s">
        <v>85</v>
      </c>
      <c r="P14238" t="s">
        <v>86</v>
      </c>
      <c r="Q14238">
        <v>31</v>
      </c>
      <c r="R14238">
        <v>31</v>
      </c>
      <c r="S14238">
        <v>31</v>
      </c>
      <c r="T14238">
        <v>31</v>
      </c>
      <c r="U14238">
        <v>32</v>
      </c>
      <c r="V14238">
        <v>32</v>
      </c>
      <c r="W14238">
        <v>32</v>
      </c>
      <c r="X14238">
        <v>32</v>
      </c>
      <c r="Y14238">
        <v>32</v>
      </c>
      <c r="Z14238">
        <v>32</v>
      </c>
      <c r="AA14238">
        <v>32</v>
      </c>
      <c r="AB14238">
        <v>32</v>
      </c>
      <c r="AC14238">
        <v>32</v>
      </c>
      <c r="AD14238">
        <v>32</v>
      </c>
      <c r="AE14238">
        <v>32</v>
      </c>
      <c r="AF14238">
        <v>32</v>
      </c>
      <c r="AG14238">
        <v>32</v>
      </c>
      <c r="AH14238">
        <v>32</v>
      </c>
      <c r="AI14238">
        <v>33</v>
      </c>
      <c r="AJ14238">
        <v>33</v>
      </c>
      <c r="AK14238">
        <v>33</v>
      </c>
      <c r="AL14238">
        <v>32</v>
      </c>
      <c r="AM14238">
        <v>32</v>
      </c>
      <c r="AN14238">
        <v>32</v>
      </c>
      <c r="AO14238">
        <v>32</v>
      </c>
      <c r="AP14238">
        <v>31</v>
      </c>
      <c r="AQ14238">
        <v>31</v>
      </c>
    </row>
    <row r="14239" spans="1:43">
      <c r="A14239" t="s">
        <v>8840</v>
      </c>
      <c r="B14239" t="s">
        <v>8841</v>
      </c>
      <c r="C14239" t="s">
        <v>8842</v>
      </c>
      <c r="D14239" t="s">
        <v>8843</v>
      </c>
      <c r="E14239" t="s">
        <v>8652</v>
      </c>
      <c r="F14239" t="s">
        <v>8653</v>
      </c>
      <c r="G14239" t="s">
        <v>80</v>
      </c>
      <c r="H14239" t="s">
        <v>81</v>
      </c>
      <c r="I14239" s="2">
        <v>0</v>
      </c>
      <c r="J14239" s="2">
        <v>0</v>
      </c>
      <c r="K14239" s="2">
        <v>1</v>
      </c>
      <c r="L14239" t="s">
        <v>995</v>
      </c>
      <c r="M14239" t="s">
        <v>87</v>
      </c>
      <c r="N14239" t="s">
        <v>88</v>
      </c>
      <c r="O14239" t="s">
        <v>85</v>
      </c>
      <c r="P14239" t="s">
        <v>86</v>
      </c>
      <c r="Q14239">
        <v>31</v>
      </c>
      <c r="R14239">
        <v>31</v>
      </c>
      <c r="S14239">
        <v>30</v>
      </c>
      <c r="T14239">
        <v>30</v>
      </c>
      <c r="U14239">
        <v>30</v>
      </c>
      <c r="V14239">
        <v>30</v>
      </c>
      <c r="W14239">
        <v>30</v>
      </c>
      <c r="X14239">
        <v>30</v>
      </c>
      <c r="Y14239">
        <v>30</v>
      </c>
      <c r="Z14239">
        <v>29</v>
      </c>
      <c r="AA14239">
        <v>29</v>
      </c>
      <c r="AB14239">
        <v>29</v>
      </c>
      <c r="AC14239">
        <v>29</v>
      </c>
      <c r="AD14239">
        <v>29</v>
      </c>
      <c r="AE14239">
        <v>29</v>
      </c>
      <c r="AF14239">
        <v>29</v>
      </c>
      <c r="AG14239">
        <v>28</v>
      </c>
      <c r="AH14239">
        <v>28</v>
      </c>
      <c r="AI14239">
        <v>28</v>
      </c>
      <c r="AJ14239">
        <v>28</v>
      </c>
      <c r="AK14239">
        <v>28</v>
      </c>
      <c r="AL14239">
        <v>28</v>
      </c>
      <c r="AM14239">
        <v>28</v>
      </c>
      <c r="AN14239">
        <v>28</v>
      </c>
      <c r="AO14239">
        <v>28</v>
      </c>
      <c r="AP14239">
        <v>27</v>
      </c>
      <c r="AQ14239">
        <v>27</v>
      </c>
    </row>
    <row r="14240" spans="1:43">
      <c r="A14240" t="s">
        <v>8840</v>
      </c>
      <c r="B14240" t="s">
        <v>8841</v>
      </c>
      <c r="C14240" t="s">
        <v>8842</v>
      </c>
      <c r="D14240" t="s">
        <v>8843</v>
      </c>
      <c r="E14240" t="s">
        <v>8652</v>
      </c>
      <c r="F14240" t="s">
        <v>8653</v>
      </c>
      <c r="G14240" t="s">
        <v>80</v>
      </c>
      <c r="H14240" t="s">
        <v>81</v>
      </c>
      <c r="I14240" s="2">
        <v>0</v>
      </c>
      <c r="J14240" s="2">
        <v>0</v>
      </c>
      <c r="K14240" s="2">
        <v>1</v>
      </c>
      <c r="L14240" t="s">
        <v>995</v>
      </c>
      <c r="M14240" t="s">
        <v>89</v>
      </c>
      <c r="N14240" t="s">
        <v>90</v>
      </c>
      <c r="O14240" t="s">
        <v>85</v>
      </c>
      <c r="P14240" t="s">
        <v>86</v>
      </c>
      <c r="Q14240">
        <v>31</v>
      </c>
      <c r="R14240">
        <v>32</v>
      </c>
      <c r="S14240">
        <v>32</v>
      </c>
      <c r="T14240">
        <v>32</v>
      </c>
      <c r="U14240">
        <v>33</v>
      </c>
      <c r="V14240">
        <v>33</v>
      </c>
      <c r="W14240">
        <v>33</v>
      </c>
      <c r="X14240">
        <v>34</v>
      </c>
      <c r="Y14240">
        <v>34</v>
      </c>
      <c r="Z14240">
        <v>34</v>
      </c>
      <c r="AA14240">
        <v>34</v>
      </c>
      <c r="AB14240">
        <v>34</v>
      </c>
      <c r="AC14240">
        <v>34</v>
      </c>
      <c r="AD14240">
        <v>35</v>
      </c>
      <c r="AE14240">
        <v>35</v>
      </c>
      <c r="AF14240">
        <v>34</v>
      </c>
      <c r="AG14240">
        <v>34</v>
      </c>
      <c r="AH14240">
        <v>34</v>
      </c>
      <c r="AI14240">
        <v>33</v>
      </c>
      <c r="AJ14240">
        <v>33</v>
      </c>
      <c r="AK14240">
        <v>33</v>
      </c>
      <c r="AL14240">
        <v>33</v>
      </c>
      <c r="AM14240">
        <v>32</v>
      </c>
      <c r="AN14240">
        <v>32</v>
      </c>
      <c r="AO14240">
        <v>32</v>
      </c>
      <c r="AP14240">
        <v>31</v>
      </c>
      <c r="AQ14240">
        <v>31</v>
      </c>
    </row>
    <row r="14241" spans="1:43">
      <c r="A14241" t="s">
        <v>8840</v>
      </c>
      <c r="B14241" t="s">
        <v>8841</v>
      </c>
      <c r="C14241" t="s">
        <v>8842</v>
      </c>
      <c r="D14241" t="s">
        <v>8843</v>
      </c>
      <c r="E14241" t="s">
        <v>8652</v>
      </c>
      <c r="F14241" t="s">
        <v>8653</v>
      </c>
      <c r="G14241" t="s">
        <v>80</v>
      </c>
      <c r="H14241" t="s">
        <v>81</v>
      </c>
      <c r="I14241" s="2">
        <v>0</v>
      </c>
      <c r="J14241" s="2">
        <v>0</v>
      </c>
      <c r="K14241" s="2">
        <v>1</v>
      </c>
      <c r="L14241" t="s">
        <v>995</v>
      </c>
      <c r="M14241" t="s">
        <v>83</v>
      </c>
      <c r="N14241" t="s">
        <v>91</v>
      </c>
      <c r="O14241" t="s">
        <v>85</v>
      </c>
      <c r="P14241" t="s">
        <v>86</v>
      </c>
      <c r="Q14241">
        <v>31</v>
      </c>
      <c r="R14241">
        <v>31</v>
      </c>
      <c r="S14241">
        <v>31</v>
      </c>
      <c r="T14241">
        <v>31</v>
      </c>
      <c r="U14241">
        <v>32</v>
      </c>
      <c r="V14241">
        <v>32</v>
      </c>
      <c r="W14241">
        <v>32</v>
      </c>
      <c r="X14241">
        <v>32</v>
      </c>
      <c r="Y14241">
        <v>32</v>
      </c>
      <c r="Z14241">
        <v>32</v>
      </c>
      <c r="AA14241">
        <v>32</v>
      </c>
      <c r="AB14241">
        <v>32</v>
      </c>
      <c r="AC14241">
        <v>32</v>
      </c>
      <c r="AD14241">
        <v>32</v>
      </c>
      <c r="AE14241">
        <v>32</v>
      </c>
      <c r="AF14241">
        <v>32</v>
      </c>
      <c r="AG14241">
        <v>32</v>
      </c>
      <c r="AH14241">
        <v>32</v>
      </c>
      <c r="AI14241">
        <v>33</v>
      </c>
      <c r="AJ14241">
        <v>33</v>
      </c>
      <c r="AK14241">
        <v>33</v>
      </c>
      <c r="AL14241">
        <v>32</v>
      </c>
      <c r="AM14241">
        <v>32</v>
      </c>
      <c r="AN14241">
        <v>32</v>
      </c>
      <c r="AO14241">
        <v>32</v>
      </c>
      <c r="AP14241">
        <v>31</v>
      </c>
      <c r="AQ14241">
        <v>31</v>
      </c>
    </row>
    <row r="14242" spans="1:43">
      <c r="A14242" t="s">
        <v>8844</v>
      </c>
      <c r="B14242" t="s">
        <v>8845</v>
      </c>
      <c r="C14242" t="s">
        <v>8688</v>
      </c>
      <c r="D14242" t="s">
        <v>8689</v>
      </c>
      <c r="E14242" t="s">
        <v>8652</v>
      </c>
      <c r="F14242" t="s">
        <v>8653</v>
      </c>
      <c r="G14242" t="s">
        <v>80</v>
      </c>
      <c r="H14242" t="s">
        <v>81</v>
      </c>
      <c r="I14242" s="2">
        <v>0</v>
      </c>
      <c r="J14242" s="2">
        <v>0</v>
      </c>
      <c r="K14242" s="2">
        <v>1</v>
      </c>
      <c r="L14242" t="s">
        <v>995</v>
      </c>
      <c r="M14242" t="s">
        <v>83</v>
      </c>
      <c r="N14242" t="s">
        <v>84</v>
      </c>
      <c r="O14242" t="s">
        <v>85</v>
      </c>
      <c r="P14242" t="s">
        <v>86</v>
      </c>
      <c r="Q14242">
        <v>71</v>
      </c>
      <c r="R14242">
        <v>71</v>
      </c>
      <c r="S14242">
        <v>71</v>
      </c>
      <c r="T14242">
        <v>72</v>
      </c>
      <c r="U14242">
        <v>72</v>
      </c>
      <c r="V14242">
        <v>72</v>
      </c>
      <c r="W14242">
        <v>72</v>
      </c>
      <c r="X14242">
        <v>73</v>
      </c>
      <c r="Y14242">
        <v>73</v>
      </c>
      <c r="Z14242">
        <v>73</v>
      </c>
      <c r="AA14242">
        <v>73</v>
      </c>
      <c r="AB14242">
        <v>73</v>
      </c>
      <c r="AC14242">
        <v>74</v>
      </c>
      <c r="AD14242">
        <v>74</v>
      </c>
      <c r="AE14242">
        <v>74</v>
      </c>
      <c r="AF14242">
        <v>74</v>
      </c>
      <c r="AG14242">
        <v>74</v>
      </c>
      <c r="AH14242">
        <v>74</v>
      </c>
      <c r="AI14242">
        <v>74</v>
      </c>
      <c r="AJ14242">
        <v>74</v>
      </c>
      <c r="AK14242">
        <v>74</v>
      </c>
      <c r="AL14242">
        <v>74</v>
      </c>
      <c r="AM14242">
        <v>73</v>
      </c>
      <c r="AN14242">
        <v>73</v>
      </c>
      <c r="AO14242">
        <v>72</v>
      </c>
      <c r="AP14242">
        <v>71</v>
      </c>
      <c r="AQ14242">
        <v>71</v>
      </c>
    </row>
    <row r="14243" spans="1:43">
      <c r="A14243" t="s">
        <v>8844</v>
      </c>
      <c r="B14243" t="s">
        <v>8845</v>
      </c>
      <c r="C14243" t="s">
        <v>8688</v>
      </c>
      <c r="D14243" t="s">
        <v>8689</v>
      </c>
      <c r="E14243" t="s">
        <v>8652</v>
      </c>
      <c r="F14243" t="s">
        <v>8653</v>
      </c>
      <c r="G14243" t="s">
        <v>80</v>
      </c>
      <c r="H14243" t="s">
        <v>81</v>
      </c>
      <c r="I14243" s="2">
        <v>0</v>
      </c>
      <c r="J14243" s="2">
        <v>0</v>
      </c>
      <c r="K14243" s="2">
        <v>1</v>
      </c>
      <c r="L14243" t="s">
        <v>995</v>
      </c>
      <c r="M14243" t="s">
        <v>87</v>
      </c>
      <c r="N14243" t="s">
        <v>88</v>
      </c>
      <c r="O14243" t="s">
        <v>85</v>
      </c>
      <c r="P14243" t="s">
        <v>86</v>
      </c>
      <c r="Q14243">
        <v>71</v>
      </c>
      <c r="R14243">
        <v>71</v>
      </c>
      <c r="S14243">
        <v>70</v>
      </c>
      <c r="T14243">
        <v>70</v>
      </c>
      <c r="U14243">
        <v>70</v>
      </c>
      <c r="V14243">
        <v>69</v>
      </c>
      <c r="W14243">
        <v>69</v>
      </c>
      <c r="X14243">
        <v>69</v>
      </c>
      <c r="Y14243">
        <v>68</v>
      </c>
      <c r="Z14243">
        <v>68</v>
      </c>
      <c r="AA14243">
        <v>68</v>
      </c>
      <c r="AB14243">
        <v>67</v>
      </c>
      <c r="AC14243">
        <v>67</v>
      </c>
      <c r="AD14243">
        <v>67</v>
      </c>
      <c r="AE14243">
        <v>66</v>
      </c>
      <c r="AF14243">
        <v>66</v>
      </c>
      <c r="AG14243">
        <v>66</v>
      </c>
      <c r="AH14243">
        <v>66</v>
      </c>
      <c r="AI14243">
        <v>65</v>
      </c>
      <c r="AJ14243">
        <v>65</v>
      </c>
      <c r="AK14243">
        <v>65</v>
      </c>
      <c r="AL14243">
        <v>65</v>
      </c>
      <c r="AM14243">
        <v>64</v>
      </c>
      <c r="AN14243">
        <v>64</v>
      </c>
      <c r="AO14243">
        <v>64</v>
      </c>
      <c r="AP14243">
        <v>64</v>
      </c>
      <c r="AQ14243">
        <v>63</v>
      </c>
    </row>
    <row r="14244" spans="1:43">
      <c r="A14244" t="s">
        <v>8844</v>
      </c>
      <c r="B14244" t="s">
        <v>8845</v>
      </c>
      <c r="C14244" t="s">
        <v>8688</v>
      </c>
      <c r="D14244" t="s">
        <v>8689</v>
      </c>
      <c r="E14244" t="s">
        <v>8652</v>
      </c>
      <c r="F14244" t="s">
        <v>8653</v>
      </c>
      <c r="G14244" t="s">
        <v>80</v>
      </c>
      <c r="H14244" t="s">
        <v>81</v>
      </c>
      <c r="I14244" s="2">
        <v>0</v>
      </c>
      <c r="J14244" s="2">
        <v>0</v>
      </c>
      <c r="K14244" s="2">
        <v>1</v>
      </c>
      <c r="L14244" t="s">
        <v>995</v>
      </c>
      <c r="M14244" t="s">
        <v>89</v>
      </c>
      <c r="N14244" t="s">
        <v>90</v>
      </c>
      <c r="O14244" t="s">
        <v>85</v>
      </c>
      <c r="P14244" t="s">
        <v>86</v>
      </c>
      <c r="Q14244">
        <v>71</v>
      </c>
      <c r="R14244">
        <v>72</v>
      </c>
      <c r="S14244">
        <v>73</v>
      </c>
      <c r="T14244">
        <v>74</v>
      </c>
      <c r="U14244">
        <v>75</v>
      </c>
      <c r="V14244">
        <v>75</v>
      </c>
      <c r="W14244">
        <v>76</v>
      </c>
      <c r="X14244">
        <v>77</v>
      </c>
      <c r="Y14244">
        <v>77</v>
      </c>
      <c r="Z14244">
        <v>77</v>
      </c>
      <c r="AA14244">
        <v>78</v>
      </c>
      <c r="AB14244">
        <v>78</v>
      </c>
      <c r="AC14244">
        <v>78</v>
      </c>
      <c r="AD14244">
        <v>79</v>
      </c>
      <c r="AE14244">
        <v>79</v>
      </c>
      <c r="AF14244">
        <v>78</v>
      </c>
      <c r="AG14244">
        <v>77</v>
      </c>
      <c r="AH14244">
        <v>77</v>
      </c>
      <c r="AI14244">
        <v>76</v>
      </c>
      <c r="AJ14244">
        <v>75</v>
      </c>
      <c r="AK14244">
        <v>75</v>
      </c>
      <c r="AL14244">
        <v>74</v>
      </c>
      <c r="AM14244">
        <v>74</v>
      </c>
      <c r="AN14244">
        <v>73</v>
      </c>
      <c r="AO14244">
        <v>72</v>
      </c>
      <c r="AP14244">
        <v>72</v>
      </c>
      <c r="AQ14244">
        <v>71</v>
      </c>
    </row>
    <row r="14245" spans="1:43">
      <c r="A14245" t="s">
        <v>8844</v>
      </c>
      <c r="B14245" t="s">
        <v>8845</v>
      </c>
      <c r="C14245" t="s">
        <v>8688</v>
      </c>
      <c r="D14245" t="s">
        <v>8689</v>
      </c>
      <c r="E14245" t="s">
        <v>8652</v>
      </c>
      <c r="F14245" t="s">
        <v>8653</v>
      </c>
      <c r="G14245" t="s">
        <v>80</v>
      </c>
      <c r="H14245" t="s">
        <v>81</v>
      </c>
      <c r="I14245" s="2">
        <v>0</v>
      </c>
      <c r="J14245" s="2">
        <v>0</v>
      </c>
      <c r="K14245" s="2">
        <v>1</v>
      </c>
      <c r="L14245" t="s">
        <v>995</v>
      </c>
      <c r="M14245" t="s">
        <v>83</v>
      </c>
      <c r="N14245" t="s">
        <v>91</v>
      </c>
      <c r="O14245" t="s">
        <v>85</v>
      </c>
      <c r="P14245" t="s">
        <v>86</v>
      </c>
      <c r="Q14245">
        <v>71</v>
      </c>
      <c r="R14245">
        <v>71</v>
      </c>
      <c r="S14245">
        <v>71</v>
      </c>
      <c r="T14245">
        <v>72</v>
      </c>
      <c r="U14245">
        <v>72</v>
      </c>
      <c r="V14245">
        <v>72</v>
      </c>
      <c r="W14245">
        <v>72</v>
      </c>
      <c r="X14245">
        <v>73</v>
      </c>
      <c r="Y14245">
        <v>73</v>
      </c>
      <c r="Z14245">
        <v>73</v>
      </c>
      <c r="AA14245">
        <v>73</v>
      </c>
      <c r="AB14245">
        <v>73</v>
      </c>
      <c r="AC14245">
        <v>74</v>
      </c>
      <c r="AD14245">
        <v>74</v>
      </c>
      <c r="AE14245">
        <v>74</v>
      </c>
      <c r="AF14245">
        <v>74</v>
      </c>
      <c r="AG14245">
        <v>74</v>
      </c>
      <c r="AH14245">
        <v>74</v>
      </c>
      <c r="AI14245">
        <v>74</v>
      </c>
      <c r="AJ14245">
        <v>74</v>
      </c>
      <c r="AK14245">
        <v>74</v>
      </c>
      <c r="AL14245">
        <v>74</v>
      </c>
      <c r="AM14245">
        <v>73</v>
      </c>
      <c r="AN14245">
        <v>73</v>
      </c>
      <c r="AO14245">
        <v>72</v>
      </c>
      <c r="AP14245">
        <v>71</v>
      </c>
      <c r="AQ14245">
        <v>71</v>
      </c>
    </row>
    <row r="14246" spans="1:43">
      <c r="A14246" t="s">
        <v>8846</v>
      </c>
      <c r="B14246" t="s">
        <v>8847</v>
      </c>
      <c r="C14246" t="s">
        <v>8692</v>
      </c>
      <c r="D14246" t="s">
        <v>8693</v>
      </c>
      <c r="E14246" t="s">
        <v>8652</v>
      </c>
      <c r="F14246" t="s">
        <v>8653</v>
      </c>
      <c r="G14246" t="s">
        <v>80</v>
      </c>
      <c r="H14246" t="s">
        <v>81</v>
      </c>
      <c r="I14246" s="2">
        <v>0</v>
      </c>
      <c r="J14246" s="2">
        <v>0</v>
      </c>
      <c r="K14246" s="2">
        <v>1</v>
      </c>
      <c r="L14246" t="s">
        <v>995</v>
      </c>
      <c r="M14246" t="s">
        <v>83</v>
      </c>
      <c r="N14246" t="s">
        <v>84</v>
      </c>
      <c r="O14246" t="s">
        <v>85</v>
      </c>
      <c r="P14246" t="s">
        <v>86</v>
      </c>
      <c r="Q14246">
        <v>34</v>
      </c>
      <c r="R14246">
        <v>34</v>
      </c>
      <c r="S14246">
        <v>34</v>
      </c>
      <c r="T14246">
        <v>35</v>
      </c>
      <c r="U14246">
        <v>35</v>
      </c>
      <c r="V14246">
        <v>35</v>
      </c>
      <c r="W14246">
        <v>35</v>
      </c>
      <c r="X14246">
        <v>35</v>
      </c>
      <c r="Y14246">
        <v>35</v>
      </c>
      <c r="Z14246">
        <v>35</v>
      </c>
      <c r="AA14246">
        <v>35</v>
      </c>
      <c r="AB14246">
        <v>35</v>
      </c>
      <c r="AC14246">
        <v>35</v>
      </c>
      <c r="AD14246">
        <v>36</v>
      </c>
      <c r="AE14246">
        <v>36</v>
      </c>
      <c r="AF14246">
        <v>36</v>
      </c>
      <c r="AG14246">
        <v>36</v>
      </c>
      <c r="AH14246">
        <v>36</v>
      </c>
      <c r="AI14246">
        <v>36</v>
      </c>
      <c r="AJ14246">
        <v>36</v>
      </c>
      <c r="AK14246">
        <v>36</v>
      </c>
      <c r="AL14246">
        <v>36</v>
      </c>
      <c r="AM14246">
        <v>35</v>
      </c>
      <c r="AN14246">
        <v>35</v>
      </c>
      <c r="AO14246">
        <v>35</v>
      </c>
      <c r="AP14246">
        <v>34</v>
      </c>
      <c r="AQ14246">
        <v>34</v>
      </c>
    </row>
    <row r="14247" spans="1:43">
      <c r="A14247" t="s">
        <v>8846</v>
      </c>
      <c r="B14247" t="s">
        <v>8847</v>
      </c>
      <c r="C14247" t="s">
        <v>8692</v>
      </c>
      <c r="D14247" t="s">
        <v>8693</v>
      </c>
      <c r="E14247" t="s">
        <v>8652</v>
      </c>
      <c r="F14247" t="s">
        <v>8653</v>
      </c>
      <c r="G14247" t="s">
        <v>80</v>
      </c>
      <c r="H14247" t="s">
        <v>81</v>
      </c>
      <c r="I14247" s="2">
        <v>0</v>
      </c>
      <c r="J14247" s="2">
        <v>0</v>
      </c>
      <c r="K14247" s="2">
        <v>1</v>
      </c>
      <c r="L14247" t="s">
        <v>995</v>
      </c>
      <c r="M14247" t="s">
        <v>87</v>
      </c>
      <c r="N14247" t="s">
        <v>88</v>
      </c>
      <c r="O14247" t="s">
        <v>85</v>
      </c>
      <c r="P14247" t="s">
        <v>86</v>
      </c>
      <c r="Q14247">
        <v>34</v>
      </c>
      <c r="R14247">
        <v>34</v>
      </c>
      <c r="S14247">
        <v>34</v>
      </c>
      <c r="T14247">
        <v>33</v>
      </c>
      <c r="U14247">
        <v>33</v>
      </c>
      <c r="V14247">
        <v>33</v>
      </c>
      <c r="W14247">
        <v>33</v>
      </c>
      <c r="X14247">
        <v>33</v>
      </c>
      <c r="Y14247">
        <v>33</v>
      </c>
      <c r="Z14247">
        <v>32</v>
      </c>
      <c r="AA14247">
        <v>32</v>
      </c>
      <c r="AB14247">
        <v>32</v>
      </c>
      <c r="AC14247">
        <v>32</v>
      </c>
      <c r="AD14247">
        <v>32</v>
      </c>
      <c r="AE14247">
        <v>32</v>
      </c>
      <c r="AF14247">
        <v>31</v>
      </c>
      <c r="AG14247">
        <v>31</v>
      </c>
      <c r="AH14247">
        <v>31</v>
      </c>
      <c r="AI14247">
        <v>31</v>
      </c>
      <c r="AJ14247">
        <v>31</v>
      </c>
      <c r="AK14247">
        <v>31</v>
      </c>
      <c r="AL14247">
        <v>31</v>
      </c>
      <c r="AM14247">
        <v>30</v>
      </c>
      <c r="AN14247">
        <v>30</v>
      </c>
      <c r="AO14247">
        <v>30</v>
      </c>
      <c r="AP14247">
        <v>30</v>
      </c>
      <c r="AQ14247">
        <v>30</v>
      </c>
    </row>
    <row r="14248" spans="1:43">
      <c r="A14248" t="s">
        <v>8846</v>
      </c>
      <c r="B14248" t="s">
        <v>8847</v>
      </c>
      <c r="C14248" t="s">
        <v>8692</v>
      </c>
      <c r="D14248" t="s">
        <v>8693</v>
      </c>
      <c r="E14248" t="s">
        <v>8652</v>
      </c>
      <c r="F14248" t="s">
        <v>8653</v>
      </c>
      <c r="G14248" t="s">
        <v>80</v>
      </c>
      <c r="H14248" t="s">
        <v>81</v>
      </c>
      <c r="I14248" s="2">
        <v>0</v>
      </c>
      <c r="J14248" s="2">
        <v>0</v>
      </c>
      <c r="K14248" s="2">
        <v>1</v>
      </c>
      <c r="L14248" t="s">
        <v>995</v>
      </c>
      <c r="M14248" t="s">
        <v>89</v>
      </c>
      <c r="N14248" t="s">
        <v>90</v>
      </c>
      <c r="O14248" t="s">
        <v>85</v>
      </c>
      <c r="P14248" t="s">
        <v>86</v>
      </c>
      <c r="Q14248">
        <v>34</v>
      </c>
      <c r="R14248">
        <v>35</v>
      </c>
      <c r="S14248">
        <v>35</v>
      </c>
      <c r="T14248">
        <v>36</v>
      </c>
      <c r="U14248">
        <v>36</v>
      </c>
      <c r="V14248">
        <v>36</v>
      </c>
      <c r="W14248">
        <v>37</v>
      </c>
      <c r="X14248">
        <v>37</v>
      </c>
      <c r="Y14248">
        <v>37</v>
      </c>
      <c r="Z14248">
        <v>37</v>
      </c>
      <c r="AA14248">
        <v>38</v>
      </c>
      <c r="AB14248">
        <v>38</v>
      </c>
      <c r="AC14248">
        <v>38</v>
      </c>
      <c r="AD14248">
        <v>38</v>
      </c>
      <c r="AE14248">
        <v>38</v>
      </c>
      <c r="AF14248">
        <v>38</v>
      </c>
      <c r="AG14248">
        <v>37</v>
      </c>
      <c r="AH14248">
        <v>37</v>
      </c>
      <c r="AI14248">
        <v>37</v>
      </c>
      <c r="AJ14248">
        <v>36</v>
      </c>
      <c r="AK14248">
        <v>36</v>
      </c>
      <c r="AL14248">
        <v>36</v>
      </c>
      <c r="AM14248">
        <v>35</v>
      </c>
      <c r="AN14248">
        <v>35</v>
      </c>
      <c r="AO14248">
        <v>35</v>
      </c>
      <c r="AP14248">
        <v>34</v>
      </c>
      <c r="AQ14248">
        <v>34</v>
      </c>
    </row>
    <row r="14249" spans="1:43">
      <c r="A14249" t="s">
        <v>8846</v>
      </c>
      <c r="B14249" t="s">
        <v>8847</v>
      </c>
      <c r="C14249" t="s">
        <v>8692</v>
      </c>
      <c r="D14249" t="s">
        <v>8693</v>
      </c>
      <c r="E14249" t="s">
        <v>8652</v>
      </c>
      <c r="F14249" t="s">
        <v>8653</v>
      </c>
      <c r="G14249" t="s">
        <v>80</v>
      </c>
      <c r="H14249" t="s">
        <v>81</v>
      </c>
      <c r="I14249" s="2">
        <v>0</v>
      </c>
      <c r="J14249" s="2">
        <v>0</v>
      </c>
      <c r="K14249" s="2">
        <v>1</v>
      </c>
      <c r="L14249" t="s">
        <v>995</v>
      </c>
      <c r="M14249" t="s">
        <v>83</v>
      </c>
      <c r="N14249" t="s">
        <v>91</v>
      </c>
      <c r="O14249" t="s">
        <v>85</v>
      </c>
      <c r="P14249" t="s">
        <v>86</v>
      </c>
      <c r="Q14249">
        <v>34</v>
      </c>
      <c r="R14249">
        <v>34</v>
      </c>
      <c r="S14249">
        <v>34</v>
      </c>
      <c r="T14249">
        <v>35</v>
      </c>
      <c r="U14249">
        <v>35</v>
      </c>
      <c r="V14249">
        <v>35</v>
      </c>
      <c r="W14249">
        <v>35</v>
      </c>
      <c r="X14249">
        <v>35</v>
      </c>
      <c r="Y14249">
        <v>35</v>
      </c>
      <c r="Z14249">
        <v>35</v>
      </c>
      <c r="AA14249">
        <v>35</v>
      </c>
      <c r="AB14249">
        <v>35</v>
      </c>
      <c r="AC14249">
        <v>35</v>
      </c>
      <c r="AD14249">
        <v>36</v>
      </c>
      <c r="AE14249">
        <v>36</v>
      </c>
      <c r="AF14249">
        <v>36</v>
      </c>
      <c r="AG14249">
        <v>36</v>
      </c>
      <c r="AH14249">
        <v>36</v>
      </c>
      <c r="AI14249">
        <v>36</v>
      </c>
      <c r="AJ14249">
        <v>36</v>
      </c>
      <c r="AK14249">
        <v>36</v>
      </c>
      <c r="AL14249">
        <v>36</v>
      </c>
      <c r="AM14249">
        <v>35</v>
      </c>
      <c r="AN14249">
        <v>35</v>
      </c>
      <c r="AO14249">
        <v>35</v>
      </c>
      <c r="AP14249">
        <v>34</v>
      </c>
      <c r="AQ14249">
        <v>34</v>
      </c>
    </row>
    <row r="14250" spans="1:43">
      <c r="A14250" t="s">
        <v>8848</v>
      </c>
      <c r="B14250" t="s">
        <v>8849</v>
      </c>
      <c r="C14250" t="s">
        <v>8842</v>
      </c>
      <c r="D14250" t="s">
        <v>8843</v>
      </c>
      <c r="E14250" t="s">
        <v>8652</v>
      </c>
      <c r="F14250" t="s">
        <v>8653</v>
      </c>
      <c r="G14250" t="s">
        <v>80</v>
      </c>
      <c r="H14250" t="s">
        <v>81</v>
      </c>
      <c r="I14250" s="2">
        <v>0</v>
      </c>
      <c r="J14250" s="2">
        <v>0</v>
      </c>
      <c r="K14250" s="2">
        <v>1</v>
      </c>
      <c r="L14250" t="s">
        <v>995</v>
      </c>
      <c r="M14250" t="s">
        <v>83</v>
      </c>
      <c r="N14250" t="s">
        <v>84</v>
      </c>
      <c r="O14250" t="s">
        <v>85</v>
      </c>
      <c r="P14250" t="s">
        <v>86</v>
      </c>
      <c r="Q14250">
        <v>25</v>
      </c>
      <c r="R14250">
        <v>25</v>
      </c>
      <c r="S14250">
        <v>25</v>
      </c>
      <c r="T14250">
        <v>25</v>
      </c>
      <c r="U14250">
        <v>26</v>
      </c>
      <c r="V14250">
        <v>26</v>
      </c>
      <c r="W14250">
        <v>26</v>
      </c>
      <c r="X14250">
        <v>26</v>
      </c>
      <c r="Y14250">
        <v>26</v>
      </c>
      <c r="Z14250">
        <v>26</v>
      </c>
      <c r="AA14250">
        <v>26</v>
      </c>
      <c r="AB14250">
        <v>26</v>
      </c>
      <c r="AC14250">
        <v>26</v>
      </c>
      <c r="AD14250">
        <v>26</v>
      </c>
      <c r="AE14250">
        <v>26</v>
      </c>
      <c r="AF14250">
        <v>26</v>
      </c>
      <c r="AG14250">
        <v>26</v>
      </c>
      <c r="AH14250">
        <v>27</v>
      </c>
      <c r="AI14250">
        <v>27</v>
      </c>
      <c r="AJ14250">
        <v>27</v>
      </c>
      <c r="AK14250">
        <v>27</v>
      </c>
      <c r="AL14250">
        <v>26</v>
      </c>
      <c r="AM14250">
        <v>26</v>
      </c>
      <c r="AN14250">
        <v>26</v>
      </c>
      <c r="AO14250">
        <v>26</v>
      </c>
      <c r="AP14250">
        <v>26</v>
      </c>
      <c r="AQ14250">
        <v>26</v>
      </c>
    </row>
    <row r="14251" spans="1:43">
      <c r="A14251" t="s">
        <v>8848</v>
      </c>
      <c r="B14251" t="s">
        <v>8849</v>
      </c>
      <c r="C14251" t="s">
        <v>8842</v>
      </c>
      <c r="D14251" t="s">
        <v>8843</v>
      </c>
      <c r="E14251" t="s">
        <v>8652</v>
      </c>
      <c r="F14251" t="s">
        <v>8653</v>
      </c>
      <c r="G14251" t="s">
        <v>80</v>
      </c>
      <c r="H14251" t="s">
        <v>81</v>
      </c>
      <c r="I14251" s="2">
        <v>0</v>
      </c>
      <c r="J14251" s="2">
        <v>0</v>
      </c>
      <c r="K14251" s="2">
        <v>1</v>
      </c>
      <c r="L14251" t="s">
        <v>995</v>
      </c>
      <c r="M14251" t="s">
        <v>87</v>
      </c>
      <c r="N14251" t="s">
        <v>88</v>
      </c>
      <c r="O14251" t="s">
        <v>85</v>
      </c>
      <c r="P14251" t="s">
        <v>86</v>
      </c>
      <c r="Q14251">
        <v>25</v>
      </c>
      <c r="R14251">
        <v>25</v>
      </c>
      <c r="S14251">
        <v>25</v>
      </c>
      <c r="T14251">
        <v>25</v>
      </c>
      <c r="U14251">
        <v>24</v>
      </c>
      <c r="V14251">
        <v>24</v>
      </c>
      <c r="W14251">
        <v>24</v>
      </c>
      <c r="X14251">
        <v>24</v>
      </c>
      <c r="Y14251">
        <v>24</v>
      </c>
      <c r="Z14251">
        <v>24</v>
      </c>
      <c r="AA14251">
        <v>24</v>
      </c>
      <c r="AB14251">
        <v>24</v>
      </c>
      <c r="AC14251">
        <v>24</v>
      </c>
      <c r="AD14251">
        <v>24</v>
      </c>
      <c r="AE14251">
        <v>23</v>
      </c>
      <c r="AF14251">
        <v>23</v>
      </c>
      <c r="AG14251">
        <v>23</v>
      </c>
      <c r="AH14251">
        <v>23</v>
      </c>
      <c r="AI14251">
        <v>23</v>
      </c>
      <c r="AJ14251">
        <v>23</v>
      </c>
      <c r="AK14251">
        <v>23</v>
      </c>
      <c r="AL14251">
        <v>23</v>
      </c>
      <c r="AM14251">
        <v>23</v>
      </c>
      <c r="AN14251">
        <v>23</v>
      </c>
      <c r="AO14251">
        <v>23</v>
      </c>
      <c r="AP14251">
        <v>23</v>
      </c>
      <c r="AQ14251">
        <v>22</v>
      </c>
    </row>
    <row r="14252" spans="1:43">
      <c r="A14252" t="s">
        <v>8848</v>
      </c>
      <c r="B14252" t="s">
        <v>8849</v>
      </c>
      <c r="C14252" t="s">
        <v>8842</v>
      </c>
      <c r="D14252" t="s">
        <v>8843</v>
      </c>
      <c r="E14252" t="s">
        <v>8652</v>
      </c>
      <c r="F14252" t="s">
        <v>8653</v>
      </c>
      <c r="G14252" t="s">
        <v>80</v>
      </c>
      <c r="H14252" t="s">
        <v>81</v>
      </c>
      <c r="I14252" s="2">
        <v>0</v>
      </c>
      <c r="J14252" s="2">
        <v>0</v>
      </c>
      <c r="K14252" s="2">
        <v>1</v>
      </c>
      <c r="L14252" t="s">
        <v>995</v>
      </c>
      <c r="M14252" t="s">
        <v>89</v>
      </c>
      <c r="N14252" t="s">
        <v>90</v>
      </c>
      <c r="O14252" t="s">
        <v>85</v>
      </c>
      <c r="P14252" t="s">
        <v>86</v>
      </c>
      <c r="Q14252">
        <v>25</v>
      </c>
      <c r="R14252">
        <v>26</v>
      </c>
      <c r="S14252">
        <v>26</v>
      </c>
      <c r="T14252">
        <v>26</v>
      </c>
      <c r="U14252">
        <v>27</v>
      </c>
      <c r="V14252">
        <v>27</v>
      </c>
      <c r="W14252">
        <v>27</v>
      </c>
      <c r="X14252">
        <v>27</v>
      </c>
      <c r="Y14252">
        <v>27</v>
      </c>
      <c r="Z14252">
        <v>28</v>
      </c>
      <c r="AA14252">
        <v>28</v>
      </c>
      <c r="AB14252">
        <v>28</v>
      </c>
      <c r="AC14252">
        <v>28</v>
      </c>
      <c r="AD14252">
        <v>28</v>
      </c>
      <c r="AE14252">
        <v>28</v>
      </c>
      <c r="AF14252">
        <v>28</v>
      </c>
      <c r="AG14252">
        <v>28</v>
      </c>
      <c r="AH14252">
        <v>27</v>
      </c>
      <c r="AI14252">
        <v>27</v>
      </c>
      <c r="AJ14252">
        <v>27</v>
      </c>
      <c r="AK14252">
        <v>27</v>
      </c>
      <c r="AL14252">
        <v>27</v>
      </c>
      <c r="AM14252">
        <v>26</v>
      </c>
      <c r="AN14252">
        <v>26</v>
      </c>
      <c r="AO14252">
        <v>26</v>
      </c>
      <c r="AP14252">
        <v>26</v>
      </c>
      <c r="AQ14252">
        <v>26</v>
      </c>
    </row>
    <row r="14253" spans="1:43">
      <c r="A14253" t="s">
        <v>8848</v>
      </c>
      <c r="B14253" t="s">
        <v>8849</v>
      </c>
      <c r="C14253" t="s">
        <v>8842</v>
      </c>
      <c r="D14253" t="s">
        <v>8843</v>
      </c>
      <c r="E14253" t="s">
        <v>8652</v>
      </c>
      <c r="F14253" t="s">
        <v>8653</v>
      </c>
      <c r="G14253" t="s">
        <v>80</v>
      </c>
      <c r="H14253" t="s">
        <v>81</v>
      </c>
      <c r="I14253" s="2">
        <v>0</v>
      </c>
      <c r="J14253" s="2">
        <v>0</v>
      </c>
      <c r="K14253" s="2">
        <v>1</v>
      </c>
      <c r="L14253" t="s">
        <v>995</v>
      </c>
      <c r="M14253" t="s">
        <v>83</v>
      </c>
      <c r="N14253" t="s">
        <v>91</v>
      </c>
      <c r="O14253" t="s">
        <v>85</v>
      </c>
      <c r="P14253" t="s">
        <v>86</v>
      </c>
      <c r="Q14253">
        <v>25</v>
      </c>
      <c r="R14253">
        <v>25</v>
      </c>
      <c r="S14253">
        <v>25</v>
      </c>
      <c r="T14253">
        <v>25</v>
      </c>
      <c r="U14253">
        <v>26</v>
      </c>
      <c r="V14253">
        <v>26</v>
      </c>
      <c r="W14253">
        <v>26</v>
      </c>
      <c r="X14253">
        <v>26</v>
      </c>
      <c r="Y14253">
        <v>26</v>
      </c>
      <c r="Z14253">
        <v>26</v>
      </c>
      <c r="AA14253">
        <v>26</v>
      </c>
      <c r="AB14253">
        <v>26</v>
      </c>
      <c r="AC14253">
        <v>26</v>
      </c>
      <c r="AD14253">
        <v>26</v>
      </c>
      <c r="AE14253">
        <v>26</v>
      </c>
      <c r="AF14253">
        <v>26</v>
      </c>
      <c r="AG14253">
        <v>26</v>
      </c>
      <c r="AH14253">
        <v>27</v>
      </c>
      <c r="AI14253">
        <v>27</v>
      </c>
      <c r="AJ14253">
        <v>27</v>
      </c>
      <c r="AK14253">
        <v>27</v>
      </c>
      <c r="AL14253">
        <v>26</v>
      </c>
      <c r="AM14253">
        <v>26</v>
      </c>
      <c r="AN14253">
        <v>26</v>
      </c>
      <c r="AO14253">
        <v>26</v>
      </c>
      <c r="AP14253">
        <v>26</v>
      </c>
      <c r="AQ14253">
        <v>26</v>
      </c>
    </row>
    <row r="14254" spans="1:43">
      <c r="A14254" t="s">
        <v>8850</v>
      </c>
      <c r="B14254" t="s">
        <v>8851</v>
      </c>
      <c r="C14254" t="s">
        <v>8842</v>
      </c>
      <c r="D14254" t="s">
        <v>8843</v>
      </c>
      <c r="E14254" t="s">
        <v>8652</v>
      </c>
      <c r="F14254" t="s">
        <v>8653</v>
      </c>
      <c r="G14254" t="s">
        <v>80</v>
      </c>
      <c r="H14254" t="s">
        <v>81</v>
      </c>
      <c r="I14254" s="2">
        <v>0</v>
      </c>
      <c r="J14254" s="2">
        <v>0</v>
      </c>
      <c r="K14254" s="2">
        <v>1</v>
      </c>
      <c r="L14254" t="s">
        <v>995</v>
      </c>
      <c r="M14254" t="s">
        <v>83</v>
      </c>
      <c r="N14254" t="s">
        <v>84</v>
      </c>
      <c r="O14254" t="s">
        <v>85</v>
      </c>
      <c r="P14254" t="s">
        <v>86</v>
      </c>
      <c r="Q14254">
        <v>48</v>
      </c>
      <c r="R14254">
        <v>48</v>
      </c>
      <c r="S14254">
        <v>48</v>
      </c>
      <c r="T14254">
        <v>49</v>
      </c>
      <c r="U14254">
        <v>49</v>
      </c>
      <c r="V14254">
        <v>49</v>
      </c>
      <c r="W14254">
        <v>49</v>
      </c>
      <c r="X14254">
        <v>49</v>
      </c>
      <c r="Y14254">
        <v>50</v>
      </c>
      <c r="Z14254">
        <v>50</v>
      </c>
      <c r="AA14254">
        <v>50</v>
      </c>
      <c r="AB14254">
        <v>50</v>
      </c>
      <c r="AC14254">
        <v>50</v>
      </c>
      <c r="AD14254">
        <v>50</v>
      </c>
      <c r="AE14254">
        <v>50</v>
      </c>
      <c r="AF14254">
        <v>50</v>
      </c>
      <c r="AG14254">
        <v>51</v>
      </c>
      <c r="AH14254">
        <v>51</v>
      </c>
      <c r="AI14254">
        <v>51</v>
      </c>
      <c r="AJ14254">
        <v>51</v>
      </c>
      <c r="AK14254">
        <v>51</v>
      </c>
      <c r="AL14254">
        <v>51</v>
      </c>
      <c r="AM14254">
        <v>50</v>
      </c>
      <c r="AN14254">
        <v>50</v>
      </c>
      <c r="AO14254">
        <v>49</v>
      </c>
      <c r="AP14254">
        <v>49</v>
      </c>
      <c r="AQ14254">
        <v>49</v>
      </c>
    </row>
    <row r="14255" spans="1:43">
      <c r="A14255" t="s">
        <v>8850</v>
      </c>
      <c r="B14255" t="s">
        <v>8851</v>
      </c>
      <c r="C14255" t="s">
        <v>8842</v>
      </c>
      <c r="D14255" t="s">
        <v>8843</v>
      </c>
      <c r="E14255" t="s">
        <v>8652</v>
      </c>
      <c r="F14255" t="s">
        <v>8653</v>
      </c>
      <c r="G14255" t="s">
        <v>80</v>
      </c>
      <c r="H14255" t="s">
        <v>81</v>
      </c>
      <c r="I14255" s="2">
        <v>0</v>
      </c>
      <c r="J14255" s="2">
        <v>0</v>
      </c>
      <c r="K14255" s="2">
        <v>1</v>
      </c>
      <c r="L14255" t="s">
        <v>995</v>
      </c>
      <c r="M14255" t="s">
        <v>87</v>
      </c>
      <c r="N14255" t="s">
        <v>88</v>
      </c>
      <c r="O14255" t="s">
        <v>85</v>
      </c>
      <c r="P14255" t="s">
        <v>86</v>
      </c>
      <c r="Q14255">
        <v>48</v>
      </c>
      <c r="R14255">
        <v>48</v>
      </c>
      <c r="S14255">
        <v>48</v>
      </c>
      <c r="T14255">
        <v>48</v>
      </c>
      <c r="U14255">
        <v>48</v>
      </c>
      <c r="V14255">
        <v>47</v>
      </c>
      <c r="W14255">
        <v>47</v>
      </c>
      <c r="X14255">
        <v>47</v>
      </c>
      <c r="Y14255">
        <v>47</v>
      </c>
      <c r="Z14255">
        <v>47</v>
      </c>
      <c r="AA14255">
        <v>46</v>
      </c>
      <c r="AB14255">
        <v>46</v>
      </c>
      <c r="AC14255">
        <v>46</v>
      </c>
      <c r="AD14255">
        <v>46</v>
      </c>
      <c r="AE14255">
        <v>46</v>
      </c>
      <c r="AF14255">
        <v>46</v>
      </c>
      <c r="AG14255">
        <v>45</v>
      </c>
      <c r="AH14255">
        <v>45</v>
      </c>
      <c r="AI14255">
        <v>45</v>
      </c>
      <c r="AJ14255">
        <v>45</v>
      </c>
      <c r="AK14255">
        <v>45</v>
      </c>
      <c r="AL14255">
        <v>45</v>
      </c>
      <c r="AM14255">
        <v>44</v>
      </c>
      <c r="AN14255">
        <v>44</v>
      </c>
      <c r="AO14255">
        <v>44</v>
      </c>
      <c r="AP14255">
        <v>44</v>
      </c>
      <c r="AQ14255">
        <v>44</v>
      </c>
    </row>
    <row r="14256" spans="1:43">
      <c r="A14256" t="s">
        <v>8850</v>
      </c>
      <c r="B14256" t="s">
        <v>8851</v>
      </c>
      <c r="C14256" t="s">
        <v>8842</v>
      </c>
      <c r="D14256" t="s">
        <v>8843</v>
      </c>
      <c r="E14256" t="s">
        <v>8652</v>
      </c>
      <c r="F14256" t="s">
        <v>8653</v>
      </c>
      <c r="G14256" t="s">
        <v>80</v>
      </c>
      <c r="H14256" t="s">
        <v>81</v>
      </c>
      <c r="I14256" s="2">
        <v>0</v>
      </c>
      <c r="J14256" s="2">
        <v>0</v>
      </c>
      <c r="K14256" s="2">
        <v>1</v>
      </c>
      <c r="L14256" t="s">
        <v>995</v>
      </c>
      <c r="M14256" t="s">
        <v>89</v>
      </c>
      <c r="N14256" t="s">
        <v>90</v>
      </c>
      <c r="O14256" t="s">
        <v>85</v>
      </c>
      <c r="P14256" t="s">
        <v>86</v>
      </c>
      <c r="Q14256">
        <v>48</v>
      </c>
      <c r="R14256">
        <v>49</v>
      </c>
      <c r="S14256">
        <v>50</v>
      </c>
      <c r="T14256">
        <v>50</v>
      </c>
      <c r="U14256">
        <v>51</v>
      </c>
      <c r="V14256">
        <v>51</v>
      </c>
      <c r="W14256">
        <v>52</v>
      </c>
      <c r="X14256">
        <v>52</v>
      </c>
      <c r="Y14256">
        <v>52</v>
      </c>
      <c r="Z14256">
        <v>53</v>
      </c>
      <c r="AA14256">
        <v>53</v>
      </c>
      <c r="AB14256">
        <v>53</v>
      </c>
      <c r="AC14256">
        <v>54</v>
      </c>
      <c r="AD14256">
        <v>54</v>
      </c>
      <c r="AE14256">
        <v>54</v>
      </c>
      <c r="AF14256">
        <v>53</v>
      </c>
      <c r="AG14256">
        <v>53</v>
      </c>
      <c r="AH14256">
        <v>52</v>
      </c>
      <c r="AI14256">
        <v>52</v>
      </c>
      <c r="AJ14256">
        <v>52</v>
      </c>
      <c r="AK14256">
        <v>51</v>
      </c>
      <c r="AL14256">
        <v>51</v>
      </c>
      <c r="AM14256">
        <v>51</v>
      </c>
      <c r="AN14256">
        <v>50</v>
      </c>
      <c r="AO14256">
        <v>50</v>
      </c>
      <c r="AP14256">
        <v>49</v>
      </c>
      <c r="AQ14256">
        <v>49</v>
      </c>
    </row>
    <row r="14257" spans="1:43">
      <c r="A14257" t="s">
        <v>8850</v>
      </c>
      <c r="B14257" t="s">
        <v>8851</v>
      </c>
      <c r="C14257" t="s">
        <v>8842</v>
      </c>
      <c r="D14257" t="s">
        <v>8843</v>
      </c>
      <c r="E14257" t="s">
        <v>8652</v>
      </c>
      <c r="F14257" t="s">
        <v>8653</v>
      </c>
      <c r="G14257" t="s">
        <v>80</v>
      </c>
      <c r="H14257" t="s">
        <v>81</v>
      </c>
      <c r="I14257" s="2">
        <v>0</v>
      </c>
      <c r="J14257" s="2">
        <v>0</v>
      </c>
      <c r="K14257" s="2">
        <v>1</v>
      </c>
      <c r="L14257" t="s">
        <v>995</v>
      </c>
      <c r="M14257" t="s">
        <v>83</v>
      </c>
      <c r="N14257" t="s">
        <v>91</v>
      </c>
      <c r="O14257" t="s">
        <v>85</v>
      </c>
      <c r="P14257" t="s">
        <v>86</v>
      </c>
      <c r="Q14257">
        <v>48</v>
      </c>
      <c r="R14257">
        <v>48</v>
      </c>
      <c r="S14257">
        <v>48</v>
      </c>
      <c r="T14257">
        <v>49</v>
      </c>
      <c r="U14257">
        <v>49</v>
      </c>
      <c r="V14257">
        <v>49</v>
      </c>
      <c r="W14257">
        <v>49</v>
      </c>
      <c r="X14257">
        <v>49</v>
      </c>
      <c r="Y14257">
        <v>50</v>
      </c>
      <c r="Z14257">
        <v>50</v>
      </c>
      <c r="AA14257">
        <v>50</v>
      </c>
      <c r="AB14257">
        <v>50</v>
      </c>
      <c r="AC14257">
        <v>50</v>
      </c>
      <c r="AD14257">
        <v>50</v>
      </c>
      <c r="AE14257">
        <v>50</v>
      </c>
      <c r="AF14257">
        <v>50</v>
      </c>
      <c r="AG14257">
        <v>51</v>
      </c>
      <c r="AH14257">
        <v>51</v>
      </c>
      <c r="AI14257">
        <v>51</v>
      </c>
      <c r="AJ14257">
        <v>51</v>
      </c>
      <c r="AK14257">
        <v>51</v>
      </c>
      <c r="AL14257">
        <v>51</v>
      </c>
      <c r="AM14257">
        <v>50</v>
      </c>
      <c r="AN14257">
        <v>50</v>
      </c>
      <c r="AO14257">
        <v>49</v>
      </c>
      <c r="AP14257">
        <v>49</v>
      </c>
      <c r="AQ14257">
        <v>49</v>
      </c>
    </row>
    <row r="14258" spans="1:43">
      <c r="A14258" t="s">
        <v>8852</v>
      </c>
      <c r="B14258" t="s">
        <v>8853</v>
      </c>
      <c r="C14258" t="s">
        <v>8740</v>
      </c>
      <c r="D14258" t="s">
        <v>8741</v>
      </c>
      <c r="E14258" t="s">
        <v>8652</v>
      </c>
      <c r="F14258" t="s">
        <v>8653</v>
      </c>
      <c r="G14258" t="s">
        <v>80</v>
      </c>
      <c r="H14258" t="s">
        <v>81</v>
      </c>
      <c r="I14258" s="2">
        <v>0</v>
      </c>
      <c r="J14258" s="2">
        <v>0</v>
      </c>
      <c r="K14258" s="2">
        <v>1</v>
      </c>
      <c r="L14258" t="s">
        <v>995</v>
      </c>
      <c r="M14258" t="s">
        <v>83</v>
      </c>
      <c r="N14258" t="s">
        <v>84</v>
      </c>
      <c r="O14258" t="s">
        <v>85</v>
      </c>
      <c r="P14258" t="s">
        <v>86</v>
      </c>
      <c r="Q14258">
        <v>11</v>
      </c>
      <c r="R14258">
        <v>11</v>
      </c>
      <c r="S14258">
        <v>12</v>
      </c>
      <c r="T14258">
        <v>12</v>
      </c>
      <c r="U14258">
        <v>12</v>
      </c>
      <c r="V14258">
        <v>12</v>
      </c>
      <c r="W14258">
        <v>12</v>
      </c>
      <c r="X14258">
        <v>12</v>
      </c>
      <c r="Y14258">
        <v>12</v>
      </c>
      <c r="Z14258">
        <v>12</v>
      </c>
      <c r="AA14258">
        <v>12</v>
      </c>
      <c r="AB14258">
        <v>12</v>
      </c>
      <c r="AC14258">
        <v>12</v>
      </c>
      <c r="AD14258">
        <v>12</v>
      </c>
      <c r="AE14258">
        <v>12</v>
      </c>
      <c r="AF14258">
        <v>12</v>
      </c>
      <c r="AG14258">
        <v>12</v>
      </c>
      <c r="AH14258">
        <v>12</v>
      </c>
      <c r="AI14258">
        <v>12</v>
      </c>
      <c r="AJ14258">
        <v>12</v>
      </c>
      <c r="AK14258">
        <v>12</v>
      </c>
      <c r="AL14258">
        <v>12</v>
      </c>
      <c r="AM14258">
        <v>12</v>
      </c>
      <c r="AN14258">
        <v>12</v>
      </c>
      <c r="AO14258">
        <v>12</v>
      </c>
      <c r="AP14258">
        <v>12</v>
      </c>
      <c r="AQ14258">
        <v>12</v>
      </c>
    </row>
    <row r="14259" spans="1:43">
      <c r="A14259" t="s">
        <v>8852</v>
      </c>
      <c r="B14259" t="s">
        <v>8853</v>
      </c>
      <c r="C14259" t="s">
        <v>8740</v>
      </c>
      <c r="D14259" t="s">
        <v>8741</v>
      </c>
      <c r="E14259" t="s">
        <v>8652</v>
      </c>
      <c r="F14259" t="s">
        <v>8653</v>
      </c>
      <c r="G14259" t="s">
        <v>80</v>
      </c>
      <c r="H14259" t="s">
        <v>81</v>
      </c>
      <c r="I14259" s="2">
        <v>0</v>
      </c>
      <c r="J14259" s="2">
        <v>0</v>
      </c>
      <c r="K14259" s="2">
        <v>1</v>
      </c>
      <c r="L14259" t="s">
        <v>995</v>
      </c>
      <c r="M14259" t="s">
        <v>87</v>
      </c>
      <c r="N14259" t="s">
        <v>88</v>
      </c>
      <c r="O14259" t="s">
        <v>85</v>
      </c>
      <c r="P14259" t="s">
        <v>86</v>
      </c>
      <c r="Q14259">
        <v>11</v>
      </c>
      <c r="R14259">
        <v>11</v>
      </c>
      <c r="S14259">
        <v>11</v>
      </c>
      <c r="T14259">
        <v>11</v>
      </c>
      <c r="U14259">
        <v>11</v>
      </c>
      <c r="V14259">
        <v>11</v>
      </c>
      <c r="W14259">
        <v>11</v>
      </c>
      <c r="X14259">
        <v>11</v>
      </c>
      <c r="Y14259">
        <v>11</v>
      </c>
      <c r="Z14259">
        <v>11</v>
      </c>
      <c r="AA14259">
        <v>11</v>
      </c>
      <c r="AB14259">
        <v>11</v>
      </c>
      <c r="AC14259">
        <v>11</v>
      </c>
      <c r="AD14259">
        <v>11</v>
      </c>
      <c r="AE14259">
        <v>11</v>
      </c>
      <c r="AF14259">
        <v>11</v>
      </c>
      <c r="AG14259">
        <v>11</v>
      </c>
      <c r="AH14259">
        <v>11</v>
      </c>
      <c r="AI14259">
        <v>11</v>
      </c>
      <c r="AJ14259">
        <v>10</v>
      </c>
      <c r="AK14259">
        <v>10</v>
      </c>
      <c r="AL14259">
        <v>10</v>
      </c>
      <c r="AM14259">
        <v>10</v>
      </c>
      <c r="AN14259">
        <v>10</v>
      </c>
      <c r="AO14259">
        <v>10</v>
      </c>
      <c r="AP14259">
        <v>10</v>
      </c>
      <c r="AQ14259">
        <v>10</v>
      </c>
    </row>
    <row r="14260" spans="1:43">
      <c r="A14260" t="s">
        <v>8852</v>
      </c>
      <c r="B14260" t="s">
        <v>8853</v>
      </c>
      <c r="C14260" t="s">
        <v>8740</v>
      </c>
      <c r="D14260" t="s">
        <v>8741</v>
      </c>
      <c r="E14260" t="s">
        <v>8652</v>
      </c>
      <c r="F14260" t="s">
        <v>8653</v>
      </c>
      <c r="G14260" t="s">
        <v>80</v>
      </c>
      <c r="H14260" t="s">
        <v>81</v>
      </c>
      <c r="I14260" s="2">
        <v>0</v>
      </c>
      <c r="J14260" s="2">
        <v>0</v>
      </c>
      <c r="K14260" s="2">
        <v>1</v>
      </c>
      <c r="L14260" t="s">
        <v>995</v>
      </c>
      <c r="M14260" t="s">
        <v>89</v>
      </c>
      <c r="N14260" t="s">
        <v>90</v>
      </c>
      <c r="O14260" t="s">
        <v>85</v>
      </c>
      <c r="P14260" t="s">
        <v>86</v>
      </c>
      <c r="Q14260">
        <v>11</v>
      </c>
      <c r="R14260">
        <v>11</v>
      </c>
      <c r="S14260">
        <v>11</v>
      </c>
      <c r="T14260">
        <v>11</v>
      </c>
      <c r="U14260">
        <v>11</v>
      </c>
      <c r="V14260">
        <v>11</v>
      </c>
      <c r="W14260">
        <v>11</v>
      </c>
      <c r="X14260">
        <v>11</v>
      </c>
      <c r="Y14260">
        <v>12</v>
      </c>
      <c r="Z14260">
        <v>12</v>
      </c>
      <c r="AA14260">
        <v>12</v>
      </c>
      <c r="AB14260">
        <v>12</v>
      </c>
      <c r="AC14260">
        <v>12</v>
      </c>
      <c r="AD14260">
        <v>12</v>
      </c>
      <c r="AE14260">
        <v>12</v>
      </c>
      <c r="AF14260">
        <v>12</v>
      </c>
      <c r="AG14260">
        <v>12</v>
      </c>
      <c r="AH14260">
        <v>12</v>
      </c>
      <c r="AI14260">
        <v>11</v>
      </c>
      <c r="AJ14260">
        <v>11</v>
      </c>
      <c r="AK14260">
        <v>11</v>
      </c>
      <c r="AL14260">
        <v>11</v>
      </c>
      <c r="AM14260">
        <v>11</v>
      </c>
      <c r="AN14260">
        <v>11</v>
      </c>
      <c r="AO14260">
        <v>11</v>
      </c>
      <c r="AP14260">
        <v>11</v>
      </c>
      <c r="AQ14260">
        <v>11</v>
      </c>
    </row>
    <row r="14261" spans="1:43">
      <c r="A14261" t="s">
        <v>8852</v>
      </c>
      <c r="B14261" t="s">
        <v>8853</v>
      </c>
      <c r="C14261" t="s">
        <v>8740</v>
      </c>
      <c r="D14261" t="s">
        <v>8741</v>
      </c>
      <c r="E14261" t="s">
        <v>8652</v>
      </c>
      <c r="F14261" t="s">
        <v>8653</v>
      </c>
      <c r="G14261" t="s">
        <v>80</v>
      </c>
      <c r="H14261" t="s">
        <v>81</v>
      </c>
      <c r="I14261" s="2">
        <v>0</v>
      </c>
      <c r="J14261" s="2">
        <v>0</v>
      </c>
      <c r="K14261" s="2">
        <v>1</v>
      </c>
      <c r="L14261" t="s">
        <v>995</v>
      </c>
      <c r="M14261" t="s">
        <v>83</v>
      </c>
      <c r="N14261" t="s">
        <v>91</v>
      </c>
      <c r="O14261" t="s">
        <v>85</v>
      </c>
      <c r="P14261" t="s">
        <v>86</v>
      </c>
      <c r="Q14261">
        <v>11</v>
      </c>
      <c r="R14261">
        <v>11</v>
      </c>
      <c r="S14261">
        <v>12</v>
      </c>
      <c r="T14261">
        <v>12</v>
      </c>
      <c r="U14261">
        <v>12</v>
      </c>
      <c r="V14261">
        <v>12</v>
      </c>
      <c r="W14261">
        <v>12</v>
      </c>
      <c r="X14261">
        <v>12</v>
      </c>
      <c r="Y14261">
        <v>12</v>
      </c>
      <c r="Z14261">
        <v>12</v>
      </c>
      <c r="AA14261">
        <v>12</v>
      </c>
      <c r="AB14261">
        <v>12</v>
      </c>
      <c r="AC14261">
        <v>12</v>
      </c>
      <c r="AD14261">
        <v>12</v>
      </c>
      <c r="AE14261">
        <v>12</v>
      </c>
      <c r="AF14261">
        <v>12</v>
      </c>
      <c r="AG14261">
        <v>12</v>
      </c>
      <c r="AH14261">
        <v>12</v>
      </c>
      <c r="AI14261">
        <v>12</v>
      </c>
      <c r="AJ14261">
        <v>12</v>
      </c>
      <c r="AK14261">
        <v>12</v>
      </c>
      <c r="AL14261">
        <v>12</v>
      </c>
      <c r="AM14261">
        <v>12</v>
      </c>
      <c r="AN14261">
        <v>12</v>
      </c>
      <c r="AO14261">
        <v>12</v>
      </c>
      <c r="AP14261">
        <v>12</v>
      </c>
      <c r="AQ14261">
        <v>12</v>
      </c>
    </row>
    <row r="14262" spans="1:43">
      <c r="A14262" t="s">
        <v>8854</v>
      </c>
      <c r="B14262" t="s">
        <v>8855</v>
      </c>
      <c r="C14262" t="s">
        <v>8842</v>
      </c>
      <c r="D14262" t="s">
        <v>8843</v>
      </c>
      <c r="E14262" t="s">
        <v>8652</v>
      </c>
      <c r="F14262" t="s">
        <v>8653</v>
      </c>
      <c r="G14262" t="s">
        <v>80</v>
      </c>
      <c r="H14262" t="s">
        <v>81</v>
      </c>
      <c r="I14262" s="2">
        <v>0</v>
      </c>
      <c r="J14262" s="2">
        <v>0</v>
      </c>
      <c r="K14262" s="2">
        <v>1</v>
      </c>
      <c r="L14262" t="s">
        <v>995</v>
      </c>
      <c r="M14262" t="s">
        <v>83</v>
      </c>
      <c r="N14262" t="s">
        <v>84</v>
      </c>
      <c r="O14262" t="s">
        <v>85</v>
      </c>
      <c r="P14262" t="s">
        <v>86</v>
      </c>
      <c r="Q14262">
        <v>32</v>
      </c>
      <c r="R14262">
        <v>32</v>
      </c>
      <c r="S14262">
        <v>32</v>
      </c>
      <c r="T14262">
        <v>32</v>
      </c>
      <c r="U14262">
        <v>32</v>
      </c>
      <c r="V14262">
        <v>33</v>
      </c>
      <c r="W14262">
        <v>33</v>
      </c>
      <c r="X14262">
        <v>33</v>
      </c>
      <c r="Y14262">
        <v>33</v>
      </c>
      <c r="Z14262">
        <v>33</v>
      </c>
      <c r="AA14262">
        <v>33</v>
      </c>
      <c r="AB14262">
        <v>33</v>
      </c>
      <c r="AC14262">
        <v>33</v>
      </c>
      <c r="AD14262">
        <v>33</v>
      </c>
      <c r="AE14262">
        <v>33</v>
      </c>
      <c r="AF14262">
        <v>33</v>
      </c>
      <c r="AG14262">
        <v>34</v>
      </c>
      <c r="AH14262">
        <v>34</v>
      </c>
      <c r="AI14262">
        <v>34</v>
      </c>
      <c r="AJ14262">
        <v>34</v>
      </c>
      <c r="AK14262">
        <v>34</v>
      </c>
      <c r="AL14262">
        <v>34</v>
      </c>
      <c r="AM14262">
        <v>33</v>
      </c>
      <c r="AN14262">
        <v>33</v>
      </c>
      <c r="AO14262">
        <v>33</v>
      </c>
      <c r="AP14262">
        <v>33</v>
      </c>
      <c r="AQ14262">
        <v>32</v>
      </c>
    </row>
    <row r="14263" spans="1:43">
      <c r="A14263" t="s">
        <v>8854</v>
      </c>
      <c r="B14263" t="s">
        <v>8855</v>
      </c>
      <c r="C14263" t="s">
        <v>8842</v>
      </c>
      <c r="D14263" t="s">
        <v>8843</v>
      </c>
      <c r="E14263" t="s">
        <v>8652</v>
      </c>
      <c r="F14263" t="s">
        <v>8653</v>
      </c>
      <c r="G14263" t="s">
        <v>80</v>
      </c>
      <c r="H14263" t="s">
        <v>81</v>
      </c>
      <c r="I14263" s="2">
        <v>0</v>
      </c>
      <c r="J14263" s="2">
        <v>0</v>
      </c>
      <c r="K14263" s="2">
        <v>1</v>
      </c>
      <c r="L14263" t="s">
        <v>995</v>
      </c>
      <c r="M14263" t="s">
        <v>87</v>
      </c>
      <c r="N14263" t="s">
        <v>88</v>
      </c>
      <c r="O14263" t="s">
        <v>85</v>
      </c>
      <c r="P14263" t="s">
        <v>86</v>
      </c>
      <c r="Q14263">
        <v>32</v>
      </c>
      <c r="R14263">
        <v>31</v>
      </c>
      <c r="S14263">
        <v>31</v>
      </c>
      <c r="T14263">
        <v>31</v>
      </c>
      <c r="U14263">
        <v>31</v>
      </c>
      <c r="V14263">
        <v>31</v>
      </c>
      <c r="W14263">
        <v>31</v>
      </c>
      <c r="X14263">
        <v>31</v>
      </c>
      <c r="Y14263">
        <v>30</v>
      </c>
      <c r="Z14263">
        <v>30</v>
      </c>
      <c r="AA14263">
        <v>30</v>
      </c>
      <c r="AB14263">
        <v>30</v>
      </c>
      <c r="AC14263">
        <v>30</v>
      </c>
      <c r="AD14263">
        <v>30</v>
      </c>
      <c r="AE14263">
        <v>30</v>
      </c>
      <c r="AF14263">
        <v>30</v>
      </c>
      <c r="AG14263">
        <v>29</v>
      </c>
      <c r="AH14263">
        <v>29</v>
      </c>
      <c r="AI14263">
        <v>29</v>
      </c>
      <c r="AJ14263">
        <v>29</v>
      </c>
      <c r="AK14263">
        <v>29</v>
      </c>
      <c r="AL14263">
        <v>29</v>
      </c>
      <c r="AM14263">
        <v>29</v>
      </c>
      <c r="AN14263">
        <v>29</v>
      </c>
      <c r="AO14263">
        <v>29</v>
      </c>
      <c r="AP14263">
        <v>29</v>
      </c>
      <c r="AQ14263">
        <v>28</v>
      </c>
    </row>
    <row r="14264" spans="1:43">
      <c r="A14264" t="s">
        <v>8854</v>
      </c>
      <c r="B14264" t="s">
        <v>8855</v>
      </c>
      <c r="C14264" t="s">
        <v>8842</v>
      </c>
      <c r="D14264" t="s">
        <v>8843</v>
      </c>
      <c r="E14264" t="s">
        <v>8652</v>
      </c>
      <c r="F14264" t="s">
        <v>8653</v>
      </c>
      <c r="G14264" t="s">
        <v>80</v>
      </c>
      <c r="H14264" t="s">
        <v>81</v>
      </c>
      <c r="I14264" s="2">
        <v>0</v>
      </c>
      <c r="J14264" s="2">
        <v>0</v>
      </c>
      <c r="K14264" s="2">
        <v>1</v>
      </c>
      <c r="L14264" t="s">
        <v>995</v>
      </c>
      <c r="M14264" t="s">
        <v>89</v>
      </c>
      <c r="N14264" t="s">
        <v>90</v>
      </c>
      <c r="O14264" t="s">
        <v>85</v>
      </c>
      <c r="P14264" t="s">
        <v>86</v>
      </c>
      <c r="Q14264">
        <v>32</v>
      </c>
      <c r="R14264">
        <v>33</v>
      </c>
      <c r="S14264">
        <v>33</v>
      </c>
      <c r="T14264">
        <v>33</v>
      </c>
      <c r="U14264">
        <v>34</v>
      </c>
      <c r="V14264">
        <v>34</v>
      </c>
      <c r="W14264">
        <v>34</v>
      </c>
      <c r="X14264">
        <v>35</v>
      </c>
      <c r="Y14264">
        <v>35</v>
      </c>
      <c r="Z14264">
        <v>35</v>
      </c>
      <c r="AA14264">
        <v>35</v>
      </c>
      <c r="AB14264">
        <v>35</v>
      </c>
      <c r="AC14264">
        <v>36</v>
      </c>
      <c r="AD14264">
        <v>36</v>
      </c>
      <c r="AE14264">
        <v>36</v>
      </c>
      <c r="AF14264">
        <v>35</v>
      </c>
      <c r="AG14264">
        <v>35</v>
      </c>
      <c r="AH14264">
        <v>35</v>
      </c>
      <c r="AI14264">
        <v>35</v>
      </c>
      <c r="AJ14264">
        <v>34</v>
      </c>
      <c r="AK14264">
        <v>34</v>
      </c>
      <c r="AL14264">
        <v>34</v>
      </c>
      <c r="AM14264">
        <v>34</v>
      </c>
      <c r="AN14264">
        <v>33</v>
      </c>
      <c r="AO14264">
        <v>33</v>
      </c>
      <c r="AP14264">
        <v>33</v>
      </c>
      <c r="AQ14264">
        <v>33</v>
      </c>
    </row>
    <row r="14265" spans="1:43">
      <c r="A14265" t="s">
        <v>8854</v>
      </c>
      <c r="B14265" t="s">
        <v>8855</v>
      </c>
      <c r="C14265" t="s">
        <v>8842</v>
      </c>
      <c r="D14265" t="s">
        <v>8843</v>
      </c>
      <c r="E14265" t="s">
        <v>8652</v>
      </c>
      <c r="F14265" t="s">
        <v>8653</v>
      </c>
      <c r="G14265" t="s">
        <v>80</v>
      </c>
      <c r="H14265" t="s">
        <v>81</v>
      </c>
      <c r="I14265" s="2">
        <v>0</v>
      </c>
      <c r="J14265" s="2">
        <v>0</v>
      </c>
      <c r="K14265" s="2">
        <v>1</v>
      </c>
      <c r="L14265" t="s">
        <v>995</v>
      </c>
      <c r="M14265" t="s">
        <v>83</v>
      </c>
      <c r="N14265" t="s">
        <v>91</v>
      </c>
      <c r="O14265" t="s">
        <v>85</v>
      </c>
      <c r="P14265" t="s">
        <v>86</v>
      </c>
      <c r="Q14265">
        <v>32</v>
      </c>
      <c r="R14265">
        <v>32</v>
      </c>
      <c r="S14265">
        <v>32</v>
      </c>
      <c r="T14265">
        <v>32</v>
      </c>
      <c r="U14265">
        <v>32</v>
      </c>
      <c r="V14265">
        <v>33</v>
      </c>
      <c r="W14265">
        <v>33</v>
      </c>
      <c r="X14265">
        <v>33</v>
      </c>
      <c r="Y14265">
        <v>33</v>
      </c>
      <c r="Z14265">
        <v>33</v>
      </c>
      <c r="AA14265">
        <v>33</v>
      </c>
      <c r="AB14265">
        <v>33</v>
      </c>
      <c r="AC14265">
        <v>33</v>
      </c>
      <c r="AD14265">
        <v>33</v>
      </c>
      <c r="AE14265">
        <v>33</v>
      </c>
      <c r="AF14265">
        <v>33</v>
      </c>
      <c r="AG14265">
        <v>34</v>
      </c>
      <c r="AH14265">
        <v>34</v>
      </c>
      <c r="AI14265">
        <v>34</v>
      </c>
      <c r="AJ14265">
        <v>34</v>
      </c>
      <c r="AK14265">
        <v>34</v>
      </c>
      <c r="AL14265">
        <v>34</v>
      </c>
      <c r="AM14265">
        <v>33</v>
      </c>
      <c r="AN14265">
        <v>33</v>
      </c>
      <c r="AO14265">
        <v>33</v>
      </c>
      <c r="AP14265">
        <v>33</v>
      </c>
      <c r="AQ14265">
        <v>32</v>
      </c>
    </row>
    <row r="14266" spans="1:43">
      <c r="A14266" t="s">
        <v>8856</v>
      </c>
      <c r="B14266" t="s">
        <v>8857</v>
      </c>
      <c r="C14266" t="s">
        <v>8820</v>
      </c>
      <c r="D14266" t="s">
        <v>8821</v>
      </c>
      <c r="E14266" t="s">
        <v>8652</v>
      </c>
      <c r="F14266" t="s">
        <v>8653</v>
      </c>
      <c r="G14266" t="s">
        <v>80</v>
      </c>
      <c r="H14266" t="s">
        <v>81</v>
      </c>
      <c r="I14266" s="2">
        <v>0</v>
      </c>
      <c r="J14266" s="2">
        <v>0</v>
      </c>
      <c r="K14266" s="2">
        <v>1</v>
      </c>
      <c r="L14266" t="s">
        <v>995</v>
      </c>
      <c r="M14266" t="s">
        <v>83</v>
      </c>
      <c r="N14266" t="s">
        <v>84</v>
      </c>
      <c r="O14266" t="s">
        <v>85</v>
      </c>
      <c r="P14266" t="s">
        <v>86</v>
      </c>
      <c r="Q14266">
        <v>33</v>
      </c>
      <c r="R14266">
        <v>33</v>
      </c>
      <c r="S14266">
        <v>33</v>
      </c>
      <c r="T14266">
        <v>33</v>
      </c>
      <c r="U14266">
        <v>33</v>
      </c>
      <c r="V14266">
        <v>33</v>
      </c>
      <c r="W14266">
        <v>33</v>
      </c>
      <c r="X14266">
        <v>34</v>
      </c>
      <c r="Y14266">
        <v>34</v>
      </c>
      <c r="Z14266">
        <v>34</v>
      </c>
      <c r="AA14266">
        <v>34</v>
      </c>
      <c r="AB14266">
        <v>34</v>
      </c>
      <c r="AC14266">
        <v>34</v>
      </c>
      <c r="AD14266">
        <v>34</v>
      </c>
      <c r="AE14266">
        <v>34</v>
      </c>
      <c r="AF14266">
        <v>34</v>
      </c>
      <c r="AG14266">
        <v>34</v>
      </c>
      <c r="AH14266">
        <v>34</v>
      </c>
      <c r="AI14266">
        <v>34</v>
      </c>
      <c r="AJ14266">
        <v>35</v>
      </c>
      <c r="AK14266">
        <v>35</v>
      </c>
      <c r="AL14266">
        <v>34</v>
      </c>
      <c r="AM14266">
        <v>34</v>
      </c>
      <c r="AN14266">
        <v>34</v>
      </c>
      <c r="AO14266">
        <v>34</v>
      </c>
      <c r="AP14266">
        <v>33</v>
      </c>
      <c r="AQ14266">
        <v>33</v>
      </c>
    </row>
    <row r="14267" spans="1:43">
      <c r="A14267" t="s">
        <v>8856</v>
      </c>
      <c r="B14267" t="s">
        <v>8857</v>
      </c>
      <c r="C14267" t="s">
        <v>8820</v>
      </c>
      <c r="D14267" t="s">
        <v>8821</v>
      </c>
      <c r="E14267" t="s">
        <v>8652</v>
      </c>
      <c r="F14267" t="s">
        <v>8653</v>
      </c>
      <c r="G14267" t="s">
        <v>80</v>
      </c>
      <c r="H14267" t="s">
        <v>81</v>
      </c>
      <c r="I14267" s="2">
        <v>0</v>
      </c>
      <c r="J14267" s="2">
        <v>0</v>
      </c>
      <c r="K14267" s="2">
        <v>1</v>
      </c>
      <c r="L14267" t="s">
        <v>995</v>
      </c>
      <c r="M14267" t="s">
        <v>87</v>
      </c>
      <c r="N14267" t="s">
        <v>88</v>
      </c>
      <c r="O14267" t="s">
        <v>85</v>
      </c>
      <c r="P14267" t="s">
        <v>86</v>
      </c>
      <c r="Q14267">
        <v>33</v>
      </c>
      <c r="R14267">
        <v>33</v>
      </c>
      <c r="S14267">
        <v>33</v>
      </c>
      <c r="T14267">
        <v>33</v>
      </c>
      <c r="U14267">
        <v>33</v>
      </c>
      <c r="V14267">
        <v>33</v>
      </c>
      <c r="W14267">
        <v>32</v>
      </c>
      <c r="X14267">
        <v>32</v>
      </c>
      <c r="Y14267">
        <v>32</v>
      </c>
      <c r="Z14267">
        <v>32</v>
      </c>
      <c r="AA14267">
        <v>32</v>
      </c>
      <c r="AB14267">
        <v>32</v>
      </c>
      <c r="AC14267">
        <v>32</v>
      </c>
      <c r="AD14267">
        <v>32</v>
      </c>
      <c r="AE14267">
        <v>31</v>
      </c>
      <c r="AF14267">
        <v>31</v>
      </c>
      <c r="AG14267">
        <v>31</v>
      </c>
      <c r="AH14267">
        <v>31</v>
      </c>
      <c r="AI14267">
        <v>31</v>
      </c>
      <c r="AJ14267">
        <v>31</v>
      </c>
      <c r="AK14267">
        <v>31</v>
      </c>
      <c r="AL14267">
        <v>31</v>
      </c>
      <c r="AM14267">
        <v>31</v>
      </c>
      <c r="AN14267">
        <v>30</v>
      </c>
      <c r="AO14267">
        <v>30</v>
      </c>
      <c r="AP14267">
        <v>30</v>
      </c>
      <c r="AQ14267">
        <v>30</v>
      </c>
    </row>
    <row r="14268" spans="1:43">
      <c r="A14268" t="s">
        <v>8856</v>
      </c>
      <c r="B14268" t="s">
        <v>8857</v>
      </c>
      <c r="C14268" t="s">
        <v>8820</v>
      </c>
      <c r="D14268" t="s">
        <v>8821</v>
      </c>
      <c r="E14268" t="s">
        <v>8652</v>
      </c>
      <c r="F14268" t="s">
        <v>8653</v>
      </c>
      <c r="G14268" t="s">
        <v>80</v>
      </c>
      <c r="H14268" t="s">
        <v>81</v>
      </c>
      <c r="I14268" s="2">
        <v>0</v>
      </c>
      <c r="J14268" s="2">
        <v>0</v>
      </c>
      <c r="K14268" s="2">
        <v>1</v>
      </c>
      <c r="L14268" t="s">
        <v>995</v>
      </c>
      <c r="M14268" t="s">
        <v>89</v>
      </c>
      <c r="N14268" t="s">
        <v>90</v>
      </c>
      <c r="O14268" t="s">
        <v>85</v>
      </c>
      <c r="P14268" t="s">
        <v>86</v>
      </c>
      <c r="Q14268">
        <v>33</v>
      </c>
      <c r="R14268">
        <v>33</v>
      </c>
      <c r="S14268">
        <v>34</v>
      </c>
      <c r="T14268">
        <v>34</v>
      </c>
      <c r="U14268">
        <v>34</v>
      </c>
      <c r="V14268">
        <v>35</v>
      </c>
      <c r="W14268">
        <v>35</v>
      </c>
      <c r="X14268">
        <v>35</v>
      </c>
      <c r="Y14268">
        <v>36</v>
      </c>
      <c r="Z14268">
        <v>36</v>
      </c>
      <c r="AA14268">
        <v>36</v>
      </c>
      <c r="AB14268">
        <v>36</v>
      </c>
      <c r="AC14268">
        <v>36</v>
      </c>
      <c r="AD14268">
        <v>37</v>
      </c>
      <c r="AE14268">
        <v>37</v>
      </c>
      <c r="AF14268">
        <v>36</v>
      </c>
      <c r="AG14268">
        <v>36</v>
      </c>
      <c r="AH14268">
        <v>36</v>
      </c>
      <c r="AI14268">
        <v>35</v>
      </c>
      <c r="AJ14268">
        <v>35</v>
      </c>
      <c r="AK14268">
        <v>35</v>
      </c>
      <c r="AL14268">
        <v>35</v>
      </c>
      <c r="AM14268">
        <v>34</v>
      </c>
      <c r="AN14268">
        <v>34</v>
      </c>
      <c r="AO14268">
        <v>34</v>
      </c>
      <c r="AP14268">
        <v>34</v>
      </c>
      <c r="AQ14268">
        <v>33</v>
      </c>
    </row>
    <row r="14269" spans="1:43">
      <c r="A14269" t="s">
        <v>8856</v>
      </c>
      <c r="B14269" t="s">
        <v>8857</v>
      </c>
      <c r="C14269" t="s">
        <v>8820</v>
      </c>
      <c r="D14269" t="s">
        <v>8821</v>
      </c>
      <c r="E14269" t="s">
        <v>8652</v>
      </c>
      <c r="F14269" t="s">
        <v>8653</v>
      </c>
      <c r="G14269" t="s">
        <v>80</v>
      </c>
      <c r="H14269" t="s">
        <v>81</v>
      </c>
      <c r="I14269" s="2">
        <v>0</v>
      </c>
      <c r="J14269" s="2">
        <v>0</v>
      </c>
      <c r="K14269" s="2">
        <v>1</v>
      </c>
      <c r="L14269" t="s">
        <v>995</v>
      </c>
      <c r="M14269" t="s">
        <v>83</v>
      </c>
      <c r="N14269" t="s">
        <v>91</v>
      </c>
      <c r="O14269" t="s">
        <v>85</v>
      </c>
      <c r="P14269" t="s">
        <v>86</v>
      </c>
      <c r="Q14269">
        <v>33</v>
      </c>
      <c r="R14269">
        <v>33</v>
      </c>
      <c r="S14269">
        <v>33</v>
      </c>
      <c r="T14269">
        <v>33</v>
      </c>
      <c r="U14269">
        <v>33</v>
      </c>
      <c r="V14269">
        <v>33</v>
      </c>
      <c r="W14269">
        <v>33</v>
      </c>
      <c r="X14269">
        <v>34</v>
      </c>
      <c r="Y14269">
        <v>34</v>
      </c>
      <c r="Z14269">
        <v>34</v>
      </c>
      <c r="AA14269">
        <v>34</v>
      </c>
      <c r="AB14269">
        <v>34</v>
      </c>
      <c r="AC14269">
        <v>34</v>
      </c>
      <c r="AD14269">
        <v>34</v>
      </c>
      <c r="AE14269">
        <v>34</v>
      </c>
      <c r="AF14269">
        <v>34</v>
      </c>
      <c r="AG14269">
        <v>34</v>
      </c>
      <c r="AH14269">
        <v>34</v>
      </c>
      <c r="AI14269">
        <v>34</v>
      </c>
      <c r="AJ14269">
        <v>35</v>
      </c>
      <c r="AK14269">
        <v>35</v>
      </c>
      <c r="AL14269">
        <v>34</v>
      </c>
      <c r="AM14269">
        <v>34</v>
      </c>
      <c r="AN14269">
        <v>34</v>
      </c>
      <c r="AO14269">
        <v>34</v>
      </c>
      <c r="AP14269">
        <v>33</v>
      </c>
      <c r="AQ14269">
        <v>33</v>
      </c>
    </row>
    <row r="14270" spans="1:43">
      <c r="A14270" t="s">
        <v>8858</v>
      </c>
      <c r="B14270" t="s">
        <v>8859</v>
      </c>
      <c r="C14270" t="s">
        <v>8820</v>
      </c>
      <c r="D14270" t="s">
        <v>8821</v>
      </c>
      <c r="E14270" t="s">
        <v>8652</v>
      </c>
      <c r="F14270" t="s">
        <v>8653</v>
      </c>
      <c r="G14270" t="s">
        <v>80</v>
      </c>
      <c r="H14270" t="s">
        <v>81</v>
      </c>
      <c r="I14270" s="2">
        <v>0</v>
      </c>
      <c r="J14270" s="2">
        <v>0</v>
      </c>
      <c r="K14270" s="2">
        <v>1</v>
      </c>
      <c r="L14270" t="s">
        <v>995</v>
      </c>
      <c r="M14270" t="s">
        <v>83</v>
      </c>
      <c r="N14270" t="s">
        <v>84</v>
      </c>
      <c r="O14270" t="s">
        <v>85</v>
      </c>
      <c r="P14270" t="s">
        <v>86</v>
      </c>
      <c r="Q14270">
        <v>21</v>
      </c>
      <c r="R14270">
        <v>21</v>
      </c>
      <c r="S14270">
        <v>21</v>
      </c>
      <c r="T14270">
        <v>21</v>
      </c>
      <c r="U14270">
        <v>21</v>
      </c>
      <c r="V14270">
        <v>21</v>
      </c>
      <c r="W14270">
        <v>21</v>
      </c>
      <c r="X14270">
        <v>21</v>
      </c>
      <c r="Y14270">
        <v>21</v>
      </c>
      <c r="Z14270">
        <v>21</v>
      </c>
      <c r="AA14270">
        <v>22</v>
      </c>
      <c r="AB14270">
        <v>22</v>
      </c>
      <c r="AC14270">
        <v>22</v>
      </c>
      <c r="AD14270">
        <v>22</v>
      </c>
      <c r="AE14270">
        <v>22</v>
      </c>
      <c r="AF14270">
        <v>22</v>
      </c>
      <c r="AG14270">
        <v>22</v>
      </c>
      <c r="AH14270">
        <v>22</v>
      </c>
      <c r="AI14270">
        <v>22</v>
      </c>
      <c r="AJ14270">
        <v>22</v>
      </c>
      <c r="AK14270">
        <v>22</v>
      </c>
      <c r="AL14270">
        <v>22</v>
      </c>
      <c r="AM14270">
        <v>22</v>
      </c>
      <c r="AN14270">
        <v>22</v>
      </c>
      <c r="AO14270">
        <v>21</v>
      </c>
      <c r="AP14270">
        <v>21</v>
      </c>
      <c r="AQ14270">
        <v>21</v>
      </c>
    </row>
    <row r="14271" spans="1:43">
      <c r="A14271" t="s">
        <v>8858</v>
      </c>
      <c r="B14271" t="s">
        <v>8859</v>
      </c>
      <c r="C14271" t="s">
        <v>8820</v>
      </c>
      <c r="D14271" t="s">
        <v>8821</v>
      </c>
      <c r="E14271" t="s">
        <v>8652</v>
      </c>
      <c r="F14271" t="s">
        <v>8653</v>
      </c>
      <c r="G14271" t="s">
        <v>80</v>
      </c>
      <c r="H14271" t="s">
        <v>81</v>
      </c>
      <c r="I14271" s="2">
        <v>0</v>
      </c>
      <c r="J14271" s="2">
        <v>0</v>
      </c>
      <c r="K14271" s="2">
        <v>1</v>
      </c>
      <c r="L14271" t="s">
        <v>995</v>
      </c>
      <c r="M14271" t="s">
        <v>87</v>
      </c>
      <c r="N14271" t="s">
        <v>88</v>
      </c>
      <c r="O14271" t="s">
        <v>85</v>
      </c>
      <c r="P14271" t="s">
        <v>86</v>
      </c>
      <c r="Q14271">
        <v>21</v>
      </c>
      <c r="R14271">
        <v>20</v>
      </c>
      <c r="S14271">
        <v>20</v>
      </c>
      <c r="T14271">
        <v>20</v>
      </c>
      <c r="U14271">
        <v>20</v>
      </c>
      <c r="V14271">
        <v>20</v>
      </c>
      <c r="W14271">
        <v>20</v>
      </c>
      <c r="X14271">
        <v>20</v>
      </c>
      <c r="Y14271">
        <v>20</v>
      </c>
      <c r="Z14271">
        <v>20</v>
      </c>
      <c r="AA14271">
        <v>20</v>
      </c>
      <c r="AB14271">
        <v>20</v>
      </c>
      <c r="AC14271">
        <v>19</v>
      </c>
      <c r="AD14271">
        <v>19</v>
      </c>
      <c r="AE14271">
        <v>19</v>
      </c>
      <c r="AF14271">
        <v>19</v>
      </c>
      <c r="AG14271">
        <v>19</v>
      </c>
      <c r="AH14271">
        <v>19</v>
      </c>
      <c r="AI14271">
        <v>19</v>
      </c>
      <c r="AJ14271">
        <v>19</v>
      </c>
      <c r="AK14271">
        <v>19</v>
      </c>
      <c r="AL14271">
        <v>19</v>
      </c>
      <c r="AM14271">
        <v>19</v>
      </c>
      <c r="AN14271">
        <v>19</v>
      </c>
      <c r="AO14271">
        <v>19</v>
      </c>
      <c r="AP14271">
        <v>19</v>
      </c>
      <c r="AQ14271">
        <v>19</v>
      </c>
    </row>
    <row r="14272" spans="1:43">
      <c r="A14272" t="s">
        <v>8858</v>
      </c>
      <c r="B14272" t="s">
        <v>8859</v>
      </c>
      <c r="C14272" t="s">
        <v>8820</v>
      </c>
      <c r="D14272" t="s">
        <v>8821</v>
      </c>
      <c r="E14272" t="s">
        <v>8652</v>
      </c>
      <c r="F14272" t="s">
        <v>8653</v>
      </c>
      <c r="G14272" t="s">
        <v>80</v>
      </c>
      <c r="H14272" t="s">
        <v>81</v>
      </c>
      <c r="I14272" s="2">
        <v>0</v>
      </c>
      <c r="J14272" s="2">
        <v>0</v>
      </c>
      <c r="K14272" s="2">
        <v>1</v>
      </c>
      <c r="L14272" t="s">
        <v>995</v>
      </c>
      <c r="M14272" t="s">
        <v>89</v>
      </c>
      <c r="N14272" t="s">
        <v>90</v>
      </c>
      <c r="O14272" t="s">
        <v>85</v>
      </c>
      <c r="P14272" t="s">
        <v>86</v>
      </c>
      <c r="Q14272">
        <v>21</v>
      </c>
      <c r="R14272">
        <v>21</v>
      </c>
      <c r="S14272">
        <v>21</v>
      </c>
      <c r="T14272">
        <v>22</v>
      </c>
      <c r="U14272">
        <v>22</v>
      </c>
      <c r="V14272">
        <v>22</v>
      </c>
      <c r="W14272">
        <v>22</v>
      </c>
      <c r="X14272">
        <v>23</v>
      </c>
      <c r="Y14272">
        <v>23</v>
      </c>
      <c r="Z14272">
        <v>23</v>
      </c>
      <c r="AA14272">
        <v>23</v>
      </c>
      <c r="AB14272">
        <v>23</v>
      </c>
      <c r="AC14272">
        <v>23</v>
      </c>
      <c r="AD14272">
        <v>23</v>
      </c>
      <c r="AE14272">
        <v>23</v>
      </c>
      <c r="AF14272">
        <v>23</v>
      </c>
      <c r="AG14272">
        <v>23</v>
      </c>
      <c r="AH14272">
        <v>23</v>
      </c>
      <c r="AI14272">
        <v>23</v>
      </c>
      <c r="AJ14272">
        <v>22</v>
      </c>
      <c r="AK14272">
        <v>22</v>
      </c>
      <c r="AL14272">
        <v>22</v>
      </c>
      <c r="AM14272">
        <v>22</v>
      </c>
      <c r="AN14272">
        <v>22</v>
      </c>
      <c r="AO14272">
        <v>22</v>
      </c>
      <c r="AP14272">
        <v>21</v>
      </c>
      <c r="AQ14272">
        <v>21</v>
      </c>
    </row>
    <row r="14273" spans="1:43">
      <c r="A14273" t="s">
        <v>8858</v>
      </c>
      <c r="B14273" t="s">
        <v>8859</v>
      </c>
      <c r="C14273" t="s">
        <v>8820</v>
      </c>
      <c r="D14273" t="s">
        <v>8821</v>
      </c>
      <c r="E14273" t="s">
        <v>8652</v>
      </c>
      <c r="F14273" t="s">
        <v>8653</v>
      </c>
      <c r="G14273" t="s">
        <v>80</v>
      </c>
      <c r="H14273" t="s">
        <v>81</v>
      </c>
      <c r="I14273" s="2">
        <v>0</v>
      </c>
      <c r="J14273" s="2">
        <v>0</v>
      </c>
      <c r="K14273" s="2">
        <v>1</v>
      </c>
      <c r="L14273" t="s">
        <v>995</v>
      </c>
      <c r="M14273" t="s">
        <v>83</v>
      </c>
      <c r="N14273" t="s">
        <v>91</v>
      </c>
      <c r="O14273" t="s">
        <v>85</v>
      </c>
      <c r="P14273" t="s">
        <v>86</v>
      </c>
      <c r="Q14273">
        <v>21</v>
      </c>
      <c r="R14273">
        <v>21</v>
      </c>
      <c r="S14273">
        <v>21</v>
      </c>
      <c r="T14273">
        <v>21</v>
      </c>
      <c r="U14273">
        <v>21</v>
      </c>
      <c r="V14273">
        <v>21</v>
      </c>
      <c r="W14273">
        <v>21</v>
      </c>
      <c r="X14273">
        <v>21</v>
      </c>
      <c r="Y14273">
        <v>21</v>
      </c>
      <c r="Z14273">
        <v>21</v>
      </c>
      <c r="AA14273">
        <v>22</v>
      </c>
      <c r="AB14273">
        <v>22</v>
      </c>
      <c r="AC14273">
        <v>22</v>
      </c>
      <c r="AD14273">
        <v>22</v>
      </c>
      <c r="AE14273">
        <v>22</v>
      </c>
      <c r="AF14273">
        <v>22</v>
      </c>
      <c r="AG14273">
        <v>22</v>
      </c>
      <c r="AH14273">
        <v>22</v>
      </c>
      <c r="AI14273">
        <v>22</v>
      </c>
      <c r="AJ14273">
        <v>22</v>
      </c>
      <c r="AK14273">
        <v>22</v>
      </c>
      <c r="AL14273">
        <v>22</v>
      </c>
      <c r="AM14273">
        <v>22</v>
      </c>
      <c r="AN14273">
        <v>22</v>
      </c>
      <c r="AO14273">
        <v>21</v>
      </c>
      <c r="AP14273">
        <v>21</v>
      </c>
      <c r="AQ14273">
        <v>21</v>
      </c>
    </row>
    <row r="14274" spans="1:43">
      <c r="A14274" t="s">
        <v>8860</v>
      </c>
      <c r="B14274" t="s">
        <v>8861</v>
      </c>
      <c r="C14274" t="s">
        <v>8820</v>
      </c>
      <c r="D14274" t="s">
        <v>8821</v>
      </c>
      <c r="E14274" t="s">
        <v>8652</v>
      </c>
      <c r="F14274" t="s">
        <v>8653</v>
      </c>
      <c r="G14274" t="s">
        <v>80</v>
      </c>
      <c r="H14274" t="s">
        <v>81</v>
      </c>
      <c r="I14274" s="2">
        <v>0</v>
      </c>
      <c r="J14274" s="2">
        <v>0</v>
      </c>
      <c r="K14274" s="2">
        <v>1</v>
      </c>
      <c r="L14274" t="s">
        <v>995</v>
      </c>
      <c r="M14274" t="s">
        <v>83</v>
      </c>
      <c r="N14274" t="s">
        <v>84</v>
      </c>
      <c r="O14274" t="s">
        <v>85</v>
      </c>
      <c r="P14274" t="s">
        <v>86</v>
      </c>
      <c r="Q14274">
        <v>11</v>
      </c>
      <c r="R14274">
        <v>11</v>
      </c>
      <c r="S14274">
        <v>11</v>
      </c>
      <c r="T14274">
        <v>11</v>
      </c>
      <c r="U14274">
        <v>11</v>
      </c>
      <c r="V14274">
        <v>11</v>
      </c>
      <c r="W14274">
        <v>11</v>
      </c>
      <c r="X14274">
        <v>11</v>
      </c>
      <c r="Y14274">
        <v>11</v>
      </c>
      <c r="Z14274">
        <v>11</v>
      </c>
      <c r="AA14274">
        <v>12</v>
      </c>
      <c r="AB14274">
        <v>12</v>
      </c>
      <c r="AC14274">
        <v>12</v>
      </c>
      <c r="AD14274">
        <v>12</v>
      </c>
      <c r="AE14274">
        <v>12</v>
      </c>
      <c r="AF14274">
        <v>12</v>
      </c>
      <c r="AG14274">
        <v>12</v>
      </c>
      <c r="AH14274">
        <v>12</v>
      </c>
      <c r="AI14274">
        <v>12</v>
      </c>
      <c r="AJ14274">
        <v>12</v>
      </c>
      <c r="AK14274">
        <v>12</v>
      </c>
      <c r="AL14274">
        <v>12</v>
      </c>
      <c r="AM14274">
        <v>12</v>
      </c>
      <c r="AN14274">
        <v>11</v>
      </c>
      <c r="AO14274">
        <v>11</v>
      </c>
      <c r="AP14274">
        <v>11</v>
      </c>
      <c r="AQ14274">
        <v>11</v>
      </c>
    </row>
    <row r="14275" spans="1:43">
      <c r="A14275" t="s">
        <v>8860</v>
      </c>
      <c r="B14275" t="s">
        <v>8861</v>
      </c>
      <c r="C14275" t="s">
        <v>8820</v>
      </c>
      <c r="D14275" t="s">
        <v>8821</v>
      </c>
      <c r="E14275" t="s">
        <v>8652</v>
      </c>
      <c r="F14275" t="s">
        <v>8653</v>
      </c>
      <c r="G14275" t="s">
        <v>80</v>
      </c>
      <c r="H14275" t="s">
        <v>81</v>
      </c>
      <c r="I14275" s="2">
        <v>0</v>
      </c>
      <c r="J14275" s="2">
        <v>0</v>
      </c>
      <c r="K14275" s="2">
        <v>1</v>
      </c>
      <c r="L14275" t="s">
        <v>995</v>
      </c>
      <c r="M14275" t="s">
        <v>87</v>
      </c>
      <c r="N14275" t="s">
        <v>88</v>
      </c>
      <c r="O14275" t="s">
        <v>85</v>
      </c>
      <c r="P14275" t="s">
        <v>86</v>
      </c>
      <c r="Q14275">
        <v>11</v>
      </c>
      <c r="R14275">
        <v>11</v>
      </c>
      <c r="S14275">
        <v>11</v>
      </c>
      <c r="T14275">
        <v>11</v>
      </c>
      <c r="U14275">
        <v>11</v>
      </c>
      <c r="V14275">
        <v>11</v>
      </c>
      <c r="W14275">
        <v>11</v>
      </c>
      <c r="X14275">
        <v>11</v>
      </c>
      <c r="Y14275">
        <v>11</v>
      </c>
      <c r="Z14275">
        <v>11</v>
      </c>
      <c r="AA14275">
        <v>10</v>
      </c>
      <c r="AB14275">
        <v>10</v>
      </c>
      <c r="AC14275">
        <v>10</v>
      </c>
      <c r="AD14275">
        <v>10</v>
      </c>
      <c r="AE14275">
        <v>10</v>
      </c>
      <c r="AF14275">
        <v>10</v>
      </c>
      <c r="AG14275">
        <v>10</v>
      </c>
      <c r="AH14275">
        <v>10</v>
      </c>
      <c r="AI14275">
        <v>10</v>
      </c>
      <c r="AJ14275">
        <v>10</v>
      </c>
      <c r="AK14275">
        <v>10</v>
      </c>
      <c r="AL14275">
        <v>10</v>
      </c>
      <c r="AM14275">
        <v>10</v>
      </c>
      <c r="AN14275">
        <v>10</v>
      </c>
      <c r="AO14275">
        <v>10</v>
      </c>
      <c r="AP14275">
        <v>10</v>
      </c>
      <c r="AQ14275">
        <v>10</v>
      </c>
    </row>
    <row r="14276" spans="1:43">
      <c r="A14276" t="s">
        <v>8860</v>
      </c>
      <c r="B14276" t="s">
        <v>8861</v>
      </c>
      <c r="C14276" t="s">
        <v>8820</v>
      </c>
      <c r="D14276" t="s">
        <v>8821</v>
      </c>
      <c r="E14276" t="s">
        <v>8652</v>
      </c>
      <c r="F14276" t="s">
        <v>8653</v>
      </c>
      <c r="G14276" t="s">
        <v>80</v>
      </c>
      <c r="H14276" t="s">
        <v>81</v>
      </c>
      <c r="I14276" s="2">
        <v>0</v>
      </c>
      <c r="J14276" s="2">
        <v>0</v>
      </c>
      <c r="K14276" s="2">
        <v>1</v>
      </c>
      <c r="L14276" t="s">
        <v>995</v>
      </c>
      <c r="M14276" t="s">
        <v>89</v>
      </c>
      <c r="N14276" t="s">
        <v>90</v>
      </c>
      <c r="O14276" t="s">
        <v>85</v>
      </c>
      <c r="P14276" t="s">
        <v>86</v>
      </c>
      <c r="Q14276">
        <v>11</v>
      </c>
      <c r="R14276">
        <v>11</v>
      </c>
      <c r="S14276">
        <v>11</v>
      </c>
      <c r="T14276">
        <v>12</v>
      </c>
      <c r="U14276">
        <v>12</v>
      </c>
      <c r="V14276">
        <v>12</v>
      </c>
      <c r="W14276">
        <v>12</v>
      </c>
      <c r="X14276">
        <v>12</v>
      </c>
      <c r="Y14276">
        <v>12</v>
      </c>
      <c r="Z14276">
        <v>12</v>
      </c>
      <c r="AA14276">
        <v>12</v>
      </c>
      <c r="AB14276">
        <v>12</v>
      </c>
      <c r="AC14276">
        <v>12</v>
      </c>
      <c r="AD14276">
        <v>12</v>
      </c>
      <c r="AE14276">
        <v>12</v>
      </c>
      <c r="AF14276">
        <v>12</v>
      </c>
      <c r="AG14276">
        <v>12</v>
      </c>
      <c r="AH14276">
        <v>12</v>
      </c>
      <c r="AI14276">
        <v>12</v>
      </c>
      <c r="AJ14276">
        <v>12</v>
      </c>
      <c r="AK14276">
        <v>12</v>
      </c>
      <c r="AL14276">
        <v>12</v>
      </c>
      <c r="AM14276">
        <v>12</v>
      </c>
      <c r="AN14276">
        <v>12</v>
      </c>
      <c r="AO14276">
        <v>11</v>
      </c>
      <c r="AP14276">
        <v>11</v>
      </c>
      <c r="AQ14276">
        <v>11</v>
      </c>
    </row>
    <row r="14277" spans="1:43">
      <c r="A14277" t="s">
        <v>8860</v>
      </c>
      <c r="B14277" t="s">
        <v>8861</v>
      </c>
      <c r="C14277" t="s">
        <v>8820</v>
      </c>
      <c r="D14277" t="s">
        <v>8821</v>
      </c>
      <c r="E14277" t="s">
        <v>8652</v>
      </c>
      <c r="F14277" t="s">
        <v>8653</v>
      </c>
      <c r="G14277" t="s">
        <v>80</v>
      </c>
      <c r="H14277" t="s">
        <v>81</v>
      </c>
      <c r="I14277" s="2">
        <v>0</v>
      </c>
      <c r="J14277" s="2">
        <v>0</v>
      </c>
      <c r="K14277" s="2">
        <v>1</v>
      </c>
      <c r="L14277" t="s">
        <v>995</v>
      </c>
      <c r="M14277" t="s">
        <v>83</v>
      </c>
      <c r="N14277" t="s">
        <v>91</v>
      </c>
      <c r="O14277" t="s">
        <v>85</v>
      </c>
      <c r="P14277" t="s">
        <v>86</v>
      </c>
      <c r="Q14277">
        <v>11</v>
      </c>
      <c r="R14277">
        <v>11</v>
      </c>
      <c r="S14277">
        <v>11</v>
      </c>
      <c r="T14277">
        <v>11</v>
      </c>
      <c r="U14277">
        <v>11</v>
      </c>
      <c r="V14277">
        <v>11</v>
      </c>
      <c r="W14277">
        <v>11</v>
      </c>
      <c r="X14277">
        <v>11</v>
      </c>
      <c r="Y14277">
        <v>11</v>
      </c>
      <c r="Z14277">
        <v>11</v>
      </c>
      <c r="AA14277">
        <v>12</v>
      </c>
      <c r="AB14277">
        <v>12</v>
      </c>
      <c r="AC14277">
        <v>12</v>
      </c>
      <c r="AD14277">
        <v>12</v>
      </c>
      <c r="AE14277">
        <v>12</v>
      </c>
      <c r="AF14277">
        <v>12</v>
      </c>
      <c r="AG14277">
        <v>12</v>
      </c>
      <c r="AH14277">
        <v>12</v>
      </c>
      <c r="AI14277">
        <v>12</v>
      </c>
      <c r="AJ14277">
        <v>12</v>
      </c>
      <c r="AK14277">
        <v>12</v>
      </c>
      <c r="AL14277">
        <v>12</v>
      </c>
      <c r="AM14277">
        <v>12</v>
      </c>
      <c r="AN14277">
        <v>11</v>
      </c>
      <c r="AO14277">
        <v>11</v>
      </c>
      <c r="AP14277">
        <v>11</v>
      </c>
      <c r="AQ14277">
        <v>11</v>
      </c>
    </row>
    <row r="14278" spans="1:43">
      <c r="A14278" t="s">
        <v>8862</v>
      </c>
      <c r="B14278" t="s">
        <v>8863</v>
      </c>
      <c r="C14278" t="s">
        <v>8842</v>
      </c>
      <c r="D14278" t="s">
        <v>8843</v>
      </c>
      <c r="E14278" t="s">
        <v>8652</v>
      </c>
      <c r="F14278" t="s">
        <v>8653</v>
      </c>
      <c r="G14278" t="s">
        <v>80</v>
      </c>
      <c r="H14278" t="s">
        <v>81</v>
      </c>
      <c r="I14278" s="2">
        <v>0</v>
      </c>
      <c r="J14278" s="2">
        <v>0</v>
      </c>
      <c r="K14278" s="2">
        <v>1</v>
      </c>
      <c r="L14278" t="s">
        <v>995</v>
      </c>
      <c r="M14278" t="s">
        <v>83</v>
      </c>
      <c r="N14278" t="s">
        <v>84</v>
      </c>
      <c r="O14278" t="s">
        <v>85</v>
      </c>
      <c r="P14278" t="s">
        <v>86</v>
      </c>
      <c r="Q14278">
        <v>32</v>
      </c>
      <c r="R14278">
        <v>32</v>
      </c>
      <c r="S14278">
        <v>32</v>
      </c>
      <c r="T14278">
        <v>32</v>
      </c>
      <c r="U14278">
        <v>32</v>
      </c>
      <c r="V14278">
        <v>33</v>
      </c>
      <c r="W14278">
        <v>33</v>
      </c>
      <c r="X14278">
        <v>33</v>
      </c>
      <c r="Y14278">
        <v>33</v>
      </c>
      <c r="Z14278">
        <v>33</v>
      </c>
      <c r="AA14278">
        <v>33</v>
      </c>
      <c r="AB14278">
        <v>33</v>
      </c>
      <c r="AC14278">
        <v>33</v>
      </c>
      <c r="AD14278">
        <v>33</v>
      </c>
      <c r="AE14278">
        <v>34</v>
      </c>
      <c r="AF14278">
        <v>34</v>
      </c>
      <c r="AG14278">
        <v>34</v>
      </c>
      <c r="AH14278">
        <v>34</v>
      </c>
      <c r="AI14278">
        <v>34</v>
      </c>
      <c r="AJ14278">
        <v>34</v>
      </c>
      <c r="AK14278">
        <v>34</v>
      </c>
      <c r="AL14278">
        <v>34</v>
      </c>
      <c r="AM14278">
        <v>34</v>
      </c>
      <c r="AN14278">
        <v>33</v>
      </c>
      <c r="AO14278">
        <v>33</v>
      </c>
      <c r="AP14278">
        <v>33</v>
      </c>
      <c r="AQ14278">
        <v>33</v>
      </c>
    </row>
    <row r="14279" spans="1:43">
      <c r="A14279" t="s">
        <v>8862</v>
      </c>
      <c r="B14279" t="s">
        <v>8863</v>
      </c>
      <c r="C14279" t="s">
        <v>8842</v>
      </c>
      <c r="D14279" t="s">
        <v>8843</v>
      </c>
      <c r="E14279" t="s">
        <v>8652</v>
      </c>
      <c r="F14279" t="s">
        <v>8653</v>
      </c>
      <c r="G14279" t="s">
        <v>80</v>
      </c>
      <c r="H14279" t="s">
        <v>81</v>
      </c>
      <c r="I14279" s="2">
        <v>0</v>
      </c>
      <c r="J14279" s="2">
        <v>0</v>
      </c>
      <c r="K14279" s="2">
        <v>1</v>
      </c>
      <c r="L14279" t="s">
        <v>995</v>
      </c>
      <c r="M14279" t="s">
        <v>87</v>
      </c>
      <c r="N14279" t="s">
        <v>88</v>
      </c>
      <c r="O14279" t="s">
        <v>85</v>
      </c>
      <c r="P14279" t="s">
        <v>86</v>
      </c>
      <c r="Q14279">
        <v>32</v>
      </c>
      <c r="R14279">
        <v>31</v>
      </c>
      <c r="S14279">
        <v>31</v>
      </c>
      <c r="T14279">
        <v>31</v>
      </c>
      <c r="U14279">
        <v>31</v>
      </c>
      <c r="V14279">
        <v>31</v>
      </c>
      <c r="W14279">
        <v>31</v>
      </c>
      <c r="X14279">
        <v>31</v>
      </c>
      <c r="Y14279">
        <v>30</v>
      </c>
      <c r="Z14279">
        <v>30</v>
      </c>
      <c r="AA14279">
        <v>30</v>
      </c>
      <c r="AB14279">
        <v>30</v>
      </c>
      <c r="AC14279">
        <v>30</v>
      </c>
      <c r="AD14279">
        <v>30</v>
      </c>
      <c r="AE14279">
        <v>30</v>
      </c>
      <c r="AF14279">
        <v>30</v>
      </c>
      <c r="AG14279">
        <v>30</v>
      </c>
      <c r="AH14279">
        <v>29</v>
      </c>
      <c r="AI14279">
        <v>29</v>
      </c>
      <c r="AJ14279">
        <v>29</v>
      </c>
      <c r="AK14279">
        <v>29</v>
      </c>
      <c r="AL14279">
        <v>29</v>
      </c>
      <c r="AM14279">
        <v>29</v>
      </c>
      <c r="AN14279">
        <v>29</v>
      </c>
      <c r="AO14279">
        <v>29</v>
      </c>
      <c r="AP14279">
        <v>29</v>
      </c>
      <c r="AQ14279">
        <v>29</v>
      </c>
    </row>
    <row r="14280" spans="1:43">
      <c r="A14280" t="s">
        <v>8862</v>
      </c>
      <c r="B14280" t="s">
        <v>8863</v>
      </c>
      <c r="C14280" t="s">
        <v>8842</v>
      </c>
      <c r="D14280" t="s">
        <v>8843</v>
      </c>
      <c r="E14280" t="s">
        <v>8652</v>
      </c>
      <c r="F14280" t="s">
        <v>8653</v>
      </c>
      <c r="G14280" t="s">
        <v>80</v>
      </c>
      <c r="H14280" t="s">
        <v>81</v>
      </c>
      <c r="I14280" s="2">
        <v>0</v>
      </c>
      <c r="J14280" s="2">
        <v>0</v>
      </c>
      <c r="K14280" s="2">
        <v>1</v>
      </c>
      <c r="L14280" t="s">
        <v>995</v>
      </c>
      <c r="M14280" t="s">
        <v>89</v>
      </c>
      <c r="N14280" t="s">
        <v>90</v>
      </c>
      <c r="O14280" t="s">
        <v>85</v>
      </c>
      <c r="P14280" t="s">
        <v>86</v>
      </c>
      <c r="Q14280">
        <v>32</v>
      </c>
      <c r="R14280">
        <v>33</v>
      </c>
      <c r="S14280">
        <v>33</v>
      </c>
      <c r="T14280">
        <v>33</v>
      </c>
      <c r="U14280">
        <v>34</v>
      </c>
      <c r="V14280">
        <v>34</v>
      </c>
      <c r="W14280">
        <v>34</v>
      </c>
      <c r="X14280">
        <v>35</v>
      </c>
      <c r="Y14280">
        <v>35</v>
      </c>
      <c r="Z14280">
        <v>35</v>
      </c>
      <c r="AA14280">
        <v>35</v>
      </c>
      <c r="AB14280">
        <v>35</v>
      </c>
      <c r="AC14280">
        <v>36</v>
      </c>
      <c r="AD14280">
        <v>36</v>
      </c>
      <c r="AE14280">
        <v>36</v>
      </c>
      <c r="AF14280">
        <v>36</v>
      </c>
      <c r="AG14280">
        <v>35</v>
      </c>
      <c r="AH14280">
        <v>35</v>
      </c>
      <c r="AI14280">
        <v>35</v>
      </c>
      <c r="AJ14280">
        <v>35</v>
      </c>
      <c r="AK14280">
        <v>34</v>
      </c>
      <c r="AL14280">
        <v>34</v>
      </c>
      <c r="AM14280">
        <v>34</v>
      </c>
      <c r="AN14280">
        <v>34</v>
      </c>
      <c r="AO14280">
        <v>33</v>
      </c>
      <c r="AP14280">
        <v>33</v>
      </c>
      <c r="AQ14280">
        <v>33</v>
      </c>
    </row>
    <row r="14281" spans="1:43">
      <c r="A14281" t="s">
        <v>8862</v>
      </c>
      <c r="B14281" t="s">
        <v>8863</v>
      </c>
      <c r="C14281" t="s">
        <v>8842</v>
      </c>
      <c r="D14281" t="s">
        <v>8843</v>
      </c>
      <c r="E14281" t="s">
        <v>8652</v>
      </c>
      <c r="F14281" t="s">
        <v>8653</v>
      </c>
      <c r="G14281" t="s">
        <v>80</v>
      </c>
      <c r="H14281" t="s">
        <v>81</v>
      </c>
      <c r="I14281" s="2">
        <v>0</v>
      </c>
      <c r="J14281" s="2">
        <v>0</v>
      </c>
      <c r="K14281" s="2">
        <v>1</v>
      </c>
      <c r="L14281" t="s">
        <v>995</v>
      </c>
      <c r="M14281" t="s">
        <v>83</v>
      </c>
      <c r="N14281" t="s">
        <v>91</v>
      </c>
      <c r="O14281" t="s">
        <v>85</v>
      </c>
      <c r="P14281" t="s">
        <v>86</v>
      </c>
      <c r="Q14281">
        <v>32</v>
      </c>
      <c r="R14281">
        <v>32</v>
      </c>
      <c r="S14281">
        <v>32</v>
      </c>
      <c r="T14281">
        <v>32</v>
      </c>
      <c r="U14281">
        <v>32</v>
      </c>
      <c r="V14281">
        <v>33</v>
      </c>
      <c r="W14281">
        <v>33</v>
      </c>
      <c r="X14281">
        <v>33</v>
      </c>
      <c r="Y14281">
        <v>33</v>
      </c>
      <c r="Z14281">
        <v>33</v>
      </c>
      <c r="AA14281">
        <v>33</v>
      </c>
      <c r="AB14281">
        <v>33</v>
      </c>
      <c r="AC14281">
        <v>33</v>
      </c>
      <c r="AD14281">
        <v>33</v>
      </c>
      <c r="AE14281">
        <v>34</v>
      </c>
      <c r="AF14281">
        <v>34</v>
      </c>
      <c r="AG14281">
        <v>34</v>
      </c>
      <c r="AH14281">
        <v>34</v>
      </c>
      <c r="AI14281">
        <v>34</v>
      </c>
      <c r="AJ14281">
        <v>34</v>
      </c>
      <c r="AK14281">
        <v>34</v>
      </c>
      <c r="AL14281">
        <v>34</v>
      </c>
      <c r="AM14281">
        <v>34</v>
      </c>
      <c r="AN14281">
        <v>33</v>
      </c>
      <c r="AO14281">
        <v>33</v>
      </c>
      <c r="AP14281">
        <v>33</v>
      </c>
      <c r="AQ14281">
        <v>33</v>
      </c>
    </row>
    <row r="14282" spans="1:43">
      <c r="A14282" t="s">
        <v>8864</v>
      </c>
      <c r="B14282" t="s">
        <v>8865</v>
      </c>
      <c r="C14282" t="s">
        <v>8784</v>
      </c>
      <c r="D14282" t="s">
        <v>8785</v>
      </c>
      <c r="E14282" t="s">
        <v>8652</v>
      </c>
      <c r="F14282" t="s">
        <v>8653</v>
      </c>
      <c r="G14282" t="s">
        <v>80</v>
      </c>
      <c r="H14282" t="s">
        <v>81</v>
      </c>
      <c r="I14282" s="2">
        <v>0</v>
      </c>
      <c r="J14282" s="2">
        <v>0</v>
      </c>
      <c r="K14282" s="2">
        <v>1</v>
      </c>
      <c r="L14282" t="s">
        <v>995</v>
      </c>
      <c r="M14282" t="s">
        <v>83</v>
      </c>
      <c r="N14282" t="s">
        <v>84</v>
      </c>
      <c r="O14282" t="s">
        <v>85</v>
      </c>
      <c r="P14282" t="s">
        <v>86</v>
      </c>
      <c r="Q14282">
        <v>4</v>
      </c>
      <c r="R14282">
        <v>4</v>
      </c>
      <c r="S14282">
        <v>4</v>
      </c>
      <c r="T14282">
        <v>4</v>
      </c>
      <c r="U14282">
        <v>4</v>
      </c>
      <c r="V14282">
        <v>5</v>
      </c>
      <c r="W14282">
        <v>5</v>
      </c>
      <c r="X14282">
        <v>5</v>
      </c>
      <c r="Y14282">
        <v>5</v>
      </c>
      <c r="Z14282">
        <v>5</v>
      </c>
      <c r="AA14282">
        <v>5</v>
      </c>
      <c r="AB14282">
        <v>5</v>
      </c>
      <c r="AC14282">
        <v>5</v>
      </c>
      <c r="AD14282">
        <v>5</v>
      </c>
      <c r="AE14282">
        <v>5</v>
      </c>
      <c r="AF14282">
        <v>5</v>
      </c>
      <c r="AG14282">
        <v>5</v>
      </c>
      <c r="AH14282">
        <v>5</v>
      </c>
      <c r="AI14282">
        <v>5</v>
      </c>
      <c r="AJ14282">
        <v>5</v>
      </c>
      <c r="AK14282">
        <v>5</v>
      </c>
      <c r="AL14282">
        <v>5</v>
      </c>
      <c r="AM14282">
        <v>5</v>
      </c>
      <c r="AN14282">
        <v>4</v>
      </c>
      <c r="AO14282">
        <v>4</v>
      </c>
      <c r="AP14282">
        <v>4</v>
      </c>
      <c r="AQ14282">
        <v>4</v>
      </c>
    </row>
    <row r="14283" spans="1:43">
      <c r="A14283" t="s">
        <v>8864</v>
      </c>
      <c r="B14283" t="s">
        <v>8865</v>
      </c>
      <c r="C14283" t="s">
        <v>8784</v>
      </c>
      <c r="D14283" t="s">
        <v>8785</v>
      </c>
      <c r="E14283" t="s">
        <v>8652</v>
      </c>
      <c r="F14283" t="s">
        <v>8653</v>
      </c>
      <c r="G14283" t="s">
        <v>80</v>
      </c>
      <c r="H14283" t="s">
        <v>81</v>
      </c>
      <c r="I14283" s="2">
        <v>0</v>
      </c>
      <c r="J14283" s="2">
        <v>0</v>
      </c>
      <c r="K14283" s="2">
        <v>1</v>
      </c>
      <c r="L14283" t="s">
        <v>995</v>
      </c>
      <c r="M14283" t="s">
        <v>87</v>
      </c>
      <c r="N14283" t="s">
        <v>88</v>
      </c>
      <c r="O14283" t="s">
        <v>85</v>
      </c>
      <c r="P14283" t="s">
        <v>86</v>
      </c>
      <c r="Q14283">
        <v>4</v>
      </c>
      <c r="R14283">
        <v>4</v>
      </c>
      <c r="S14283">
        <v>4</v>
      </c>
      <c r="T14283">
        <v>4</v>
      </c>
      <c r="U14283">
        <v>4</v>
      </c>
      <c r="V14283">
        <v>4</v>
      </c>
      <c r="W14283">
        <v>4</v>
      </c>
      <c r="X14283">
        <v>4</v>
      </c>
      <c r="Y14283">
        <v>4</v>
      </c>
      <c r="Z14283">
        <v>4</v>
      </c>
      <c r="AA14283">
        <v>4</v>
      </c>
      <c r="AB14283">
        <v>4</v>
      </c>
      <c r="AC14283">
        <v>4</v>
      </c>
      <c r="AD14283">
        <v>4</v>
      </c>
      <c r="AE14283">
        <v>4</v>
      </c>
      <c r="AF14283">
        <v>4</v>
      </c>
      <c r="AG14283">
        <v>4</v>
      </c>
      <c r="AH14283">
        <v>4</v>
      </c>
      <c r="AI14283">
        <v>4</v>
      </c>
      <c r="AJ14283">
        <v>4</v>
      </c>
      <c r="AK14283">
        <v>4</v>
      </c>
      <c r="AL14283">
        <v>4</v>
      </c>
      <c r="AM14283">
        <v>4</v>
      </c>
      <c r="AN14283">
        <v>4</v>
      </c>
      <c r="AO14283">
        <v>4</v>
      </c>
      <c r="AP14283">
        <v>4</v>
      </c>
      <c r="AQ14283">
        <v>4</v>
      </c>
    </row>
    <row r="14284" spans="1:43">
      <c r="A14284" t="s">
        <v>8864</v>
      </c>
      <c r="B14284" t="s">
        <v>8865</v>
      </c>
      <c r="C14284" t="s">
        <v>8784</v>
      </c>
      <c r="D14284" t="s">
        <v>8785</v>
      </c>
      <c r="E14284" t="s">
        <v>8652</v>
      </c>
      <c r="F14284" t="s">
        <v>8653</v>
      </c>
      <c r="G14284" t="s">
        <v>80</v>
      </c>
      <c r="H14284" t="s">
        <v>81</v>
      </c>
      <c r="I14284" s="2">
        <v>0</v>
      </c>
      <c r="J14284" s="2">
        <v>0</v>
      </c>
      <c r="K14284" s="2">
        <v>1</v>
      </c>
      <c r="L14284" t="s">
        <v>995</v>
      </c>
      <c r="M14284" t="s">
        <v>89</v>
      </c>
      <c r="N14284" t="s">
        <v>90</v>
      </c>
      <c r="O14284" t="s">
        <v>85</v>
      </c>
      <c r="P14284" t="s">
        <v>86</v>
      </c>
      <c r="Q14284">
        <v>4</v>
      </c>
      <c r="R14284">
        <v>5</v>
      </c>
      <c r="S14284">
        <v>5</v>
      </c>
      <c r="T14284">
        <v>5</v>
      </c>
      <c r="U14284">
        <v>5</v>
      </c>
      <c r="V14284">
        <v>5</v>
      </c>
      <c r="W14284">
        <v>5</v>
      </c>
      <c r="X14284">
        <v>5</v>
      </c>
      <c r="Y14284">
        <v>5</v>
      </c>
      <c r="Z14284">
        <v>5</v>
      </c>
      <c r="AA14284">
        <v>5</v>
      </c>
      <c r="AB14284">
        <v>5</v>
      </c>
      <c r="AC14284">
        <v>5</v>
      </c>
      <c r="AD14284">
        <v>5</v>
      </c>
      <c r="AE14284">
        <v>5</v>
      </c>
      <c r="AF14284">
        <v>5</v>
      </c>
      <c r="AG14284">
        <v>5</v>
      </c>
      <c r="AH14284">
        <v>5</v>
      </c>
      <c r="AI14284">
        <v>5</v>
      </c>
      <c r="AJ14284">
        <v>5</v>
      </c>
      <c r="AK14284">
        <v>5</v>
      </c>
      <c r="AL14284">
        <v>5</v>
      </c>
      <c r="AM14284">
        <v>5</v>
      </c>
      <c r="AN14284">
        <v>5</v>
      </c>
      <c r="AO14284">
        <v>4</v>
      </c>
      <c r="AP14284">
        <v>4</v>
      </c>
      <c r="AQ14284">
        <v>4</v>
      </c>
    </row>
    <row r="14285" spans="1:43">
      <c r="A14285" t="s">
        <v>8864</v>
      </c>
      <c r="B14285" t="s">
        <v>8865</v>
      </c>
      <c r="C14285" t="s">
        <v>8784</v>
      </c>
      <c r="D14285" t="s">
        <v>8785</v>
      </c>
      <c r="E14285" t="s">
        <v>8652</v>
      </c>
      <c r="F14285" t="s">
        <v>8653</v>
      </c>
      <c r="G14285" t="s">
        <v>80</v>
      </c>
      <c r="H14285" t="s">
        <v>81</v>
      </c>
      <c r="I14285" s="2">
        <v>0</v>
      </c>
      <c r="J14285" s="2">
        <v>0</v>
      </c>
      <c r="K14285" s="2">
        <v>1</v>
      </c>
      <c r="L14285" t="s">
        <v>995</v>
      </c>
      <c r="M14285" t="s">
        <v>83</v>
      </c>
      <c r="N14285" t="s">
        <v>91</v>
      </c>
      <c r="O14285" t="s">
        <v>85</v>
      </c>
      <c r="P14285" t="s">
        <v>86</v>
      </c>
      <c r="Q14285">
        <v>4</v>
      </c>
      <c r="R14285">
        <v>4</v>
      </c>
      <c r="S14285">
        <v>4</v>
      </c>
      <c r="T14285">
        <v>4</v>
      </c>
      <c r="U14285">
        <v>4</v>
      </c>
      <c r="V14285">
        <v>5</v>
      </c>
      <c r="W14285">
        <v>5</v>
      </c>
      <c r="X14285">
        <v>5</v>
      </c>
      <c r="Y14285">
        <v>5</v>
      </c>
      <c r="Z14285">
        <v>5</v>
      </c>
      <c r="AA14285">
        <v>5</v>
      </c>
      <c r="AB14285">
        <v>5</v>
      </c>
      <c r="AC14285">
        <v>5</v>
      </c>
      <c r="AD14285">
        <v>5</v>
      </c>
      <c r="AE14285">
        <v>5</v>
      </c>
      <c r="AF14285">
        <v>5</v>
      </c>
      <c r="AG14285">
        <v>5</v>
      </c>
      <c r="AH14285">
        <v>5</v>
      </c>
      <c r="AI14285">
        <v>5</v>
      </c>
      <c r="AJ14285">
        <v>5</v>
      </c>
      <c r="AK14285">
        <v>5</v>
      </c>
      <c r="AL14285">
        <v>5</v>
      </c>
      <c r="AM14285">
        <v>5</v>
      </c>
      <c r="AN14285">
        <v>4</v>
      </c>
      <c r="AO14285">
        <v>4</v>
      </c>
      <c r="AP14285">
        <v>4</v>
      </c>
      <c r="AQ14285">
        <v>4</v>
      </c>
    </row>
    <row r="14286" spans="1:43">
      <c r="A14286" t="s">
        <v>8866</v>
      </c>
      <c r="B14286" t="s">
        <v>8867</v>
      </c>
      <c r="C14286" t="s">
        <v>8868</v>
      </c>
      <c r="D14286" t="s">
        <v>8869</v>
      </c>
      <c r="E14286" t="s">
        <v>8652</v>
      </c>
      <c r="F14286" t="s">
        <v>8653</v>
      </c>
      <c r="G14286" t="s">
        <v>80</v>
      </c>
      <c r="H14286" t="s">
        <v>81</v>
      </c>
      <c r="I14286" s="2">
        <v>0</v>
      </c>
      <c r="J14286" s="2">
        <v>0</v>
      </c>
      <c r="K14286" s="2">
        <v>1</v>
      </c>
      <c r="L14286" t="s">
        <v>995</v>
      </c>
      <c r="M14286" t="s">
        <v>83</v>
      </c>
      <c r="N14286" t="s">
        <v>84</v>
      </c>
      <c r="O14286" t="s">
        <v>85</v>
      </c>
      <c r="P14286" t="s">
        <v>86</v>
      </c>
      <c r="Q14286">
        <v>26</v>
      </c>
      <c r="R14286">
        <v>27</v>
      </c>
      <c r="S14286">
        <v>27</v>
      </c>
      <c r="T14286">
        <v>27</v>
      </c>
      <c r="U14286">
        <v>27</v>
      </c>
      <c r="V14286">
        <v>27</v>
      </c>
      <c r="W14286">
        <v>27</v>
      </c>
      <c r="X14286">
        <v>27</v>
      </c>
      <c r="Y14286">
        <v>27</v>
      </c>
      <c r="Z14286">
        <v>27</v>
      </c>
      <c r="AA14286">
        <v>27</v>
      </c>
      <c r="AB14286">
        <v>27</v>
      </c>
      <c r="AC14286">
        <v>27</v>
      </c>
      <c r="AD14286">
        <v>27</v>
      </c>
      <c r="AE14286">
        <v>27</v>
      </c>
      <c r="AF14286">
        <v>27</v>
      </c>
      <c r="AG14286">
        <v>27</v>
      </c>
      <c r="AH14286">
        <v>27</v>
      </c>
      <c r="AI14286">
        <v>27</v>
      </c>
      <c r="AJ14286">
        <v>27</v>
      </c>
      <c r="AK14286">
        <v>27</v>
      </c>
      <c r="AL14286">
        <v>27</v>
      </c>
      <c r="AM14286">
        <v>27</v>
      </c>
      <c r="AN14286">
        <v>27</v>
      </c>
      <c r="AO14286">
        <v>26</v>
      </c>
      <c r="AP14286">
        <v>26</v>
      </c>
      <c r="AQ14286">
        <v>26</v>
      </c>
    </row>
    <row r="14287" spans="1:43">
      <c r="A14287" t="s">
        <v>8866</v>
      </c>
      <c r="B14287" t="s">
        <v>8867</v>
      </c>
      <c r="C14287" t="s">
        <v>8868</v>
      </c>
      <c r="D14287" t="s">
        <v>8869</v>
      </c>
      <c r="E14287" t="s">
        <v>8652</v>
      </c>
      <c r="F14287" t="s">
        <v>8653</v>
      </c>
      <c r="G14287" t="s">
        <v>80</v>
      </c>
      <c r="H14287" t="s">
        <v>81</v>
      </c>
      <c r="I14287" s="2">
        <v>0</v>
      </c>
      <c r="J14287" s="2">
        <v>0</v>
      </c>
      <c r="K14287" s="2">
        <v>1</v>
      </c>
      <c r="L14287" t="s">
        <v>995</v>
      </c>
      <c r="M14287" t="s">
        <v>87</v>
      </c>
      <c r="N14287" t="s">
        <v>88</v>
      </c>
      <c r="O14287" t="s">
        <v>85</v>
      </c>
      <c r="P14287" t="s">
        <v>86</v>
      </c>
      <c r="Q14287">
        <v>26</v>
      </c>
      <c r="R14287">
        <v>26</v>
      </c>
      <c r="S14287">
        <v>26</v>
      </c>
      <c r="T14287">
        <v>26</v>
      </c>
      <c r="U14287">
        <v>26</v>
      </c>
      <c r="V14287">
        <v>25</v>
      </c>
      <c r="W14287">
        <v>25</v>
      </c>
      <c r="X14287">
        <v>25</v>
      </c>
      <c r="Y14287">
        <v>25</v>
      </c>
      <c r="Z14287">
        <v>25</v>
      </c>
      <c r="AA14287">
        <v>25</v>
      </c>
      <c r="AB14287">
        <v>25</v>
      </c>
      <c r="AC14287">
        <v>24</v>
      </c>
      <c r="AD14287">
        <v>24</v>
      </c>
      <c r="AE14287">
        <v>24</v>
      </c>
      <c r="AF14287">
        <v>24</v>
      </c>
      <c r="AG14287">
        <v>24</v>
      </c>
      <c r="AH14287">
        <v>24</v>
      </c>
      <c r="AI14287">
        <v>24</v>
      </c>
      <c r="AJ14287">
        <v>23</v>
      </c>
      <c r="AK14287">
        <v>23</v>
      </c>
      <c r="AL14287">
        <v>23</v>
      </c>
      <c r="AM14287">
        <v>23</v>
      </c>
      <c r="AN14287">
        <v>23</v>
      </c>
      <c r="AO14287">
        <v>23</v>
      </c>
      <c r="AP14287">
        <v>23</v>
      </c>
      <c r="AQ14287">
        <v>23</v>
      </c>
    </row>
    <row r="14288" spans="1:43">
      <c r="A14288" t="s">
        <v>8866</v>
      </c>
      <c r="B14288" t="s">
        <v>8867</v>
      </c>
      <c r="C14288" t="s">
        <v>8868</v>
      </c>
      <c r="D14288" t="s">
        <v>8869</v>
      </c>
      <c r="E14288" t="s">
        <v>8652</v>
      </c>
      <c r="F14288" t="s">
        <v>8653</v>
      </c>
      <c r="G14288" t="s">
        <v>80</v>
      </c>
      <c r="H14288" t="s">
        <v>81</v>
      </c>
      <c r="I14288" s="2">
        <v>0</v>
      </c>
      <c r="J14288" s="2">
        <v>0</v>
      </c>
      <c r="K14288" s="2">
        <v>1</v>
      </c>
      <c r="L14288" t="s">
        <v>995</v>
      </c>
      <c r="M14288" t="s">
        <v>89</v>
      </c>
      <c r="N14288" t="s">
        <v>90</v>
      </c>
      <c r="O14288" t="s">
        <v>85</v>
      </c>
      <c r="P14288" t="s">
        <v>86</v>
      </c>
      <c r="Q14288">
        <v>26</v>
      </c>
      <c r="R14288">
        <v>26</v>
      </c>
      <c r="S14288">
        <v>26</v>
      </c>
      <c r="T14288">
        <v>27</v>
      </c>
      <c r="U14288">
        <v>27</v>
      </c>
      <c r="V14288">
        <v>27</v>
      </c>
      <c r="W14288">
        <v>27</v>
      </c>
      <c r="X14288">
        <v>27</v>
      </c>
      <c r="Y14288">
        <v>28</v>
      </c>
      <c r="Z14288">
        <v>28</v>
      </c>
      <c r="AA14288">
        <v>28</v>
      </c>
      <c r="AB14288">
        <v>28</v>
      </c>
      <c r="AC14288">
        <v>28</v>
      </c>
      <c r="AD14288">
        <v>28</v>
      </c>
      <c r="AE14288">
        <v>28</v>
      </c>
      <c r="AF14288">
        <v>28</v>
      </c>
      <c r="AG14288">
        <v>28</v>
      </c>
      <c r="AH14288">
        <v>27</v>
      </c>
      <c r="AI14288">
        <v>27</v>
      </c>
      <c r="AJ14288">
        <v>27</v>
      </c>
      <c r="AK14288">
        <v>27</v>
      </c>
      <c r="AL14288">
        <v>26</v>
      </c>
      <c r="AM14288">
        <v>26</v>
      </c>
      <c r="AN14288">
        <v>26</v>
      </c>
      <c r="AO14288">
        <v>26</v>
      </c>
      <c r="AP14288">
        <v>25</v>
      </c>
      <c r="AQ14288">
        <v>25</v>
      </c>
    </row>
    <row r="14289" spans="1:43">
      <c r="A14289" t="s">
        <v>8866</v>
      </c>
      <c r="B14289" t="s">
        <v>8867</v>
      </c>
      <c r="C14289" t="s">
        <v>8868</v>
      </c>
      <c r="D14289" t="s">
        <v>8869</v>
      </c>
      <c r="E14289" t="s">
        <v>8652</v>
      </c>
      <c r="F14289" t="s">
        <v>8653</v>
      </c>
      <c r="G14289" t="s">
        <v>80</v>
      </c>
      <c r="H14289" t="s">
        <v>81</v>
      </c>
      <c r="I14289" s="2">
        <v>0</v>
      </c>
      <c r="J14289" s="2">
        <v>0</v>
      </c>
      <c r="K14289" s="2">
        <v>1</v>
      </c>
      <c r="L14289" t="s">
        <v>995</v>
      </c>
      <c r="M14289" t="s">
        <v>83</v>
      </c>
      <c r="N14289" t="s">
        <v>91</v>
      </c>
      <c r="O14289" t="s">
        <v>85</v>
      </c>
      <c r="P14289" t="s">
        <v>86</v>
      </c>
      <c r="Q14289">
        <v>26</v>
      </c>
      <c r="R14289">
        <v>27</v>
      </c>
      <c r="S14289">
        <v>27</v>
      </c>
      <c r="T14289">
        <v>27</v>
      </c>
      <c r="U14289">
        <v>27</v>
      </c>
      <c r="V14289">
        <v>27</v>
      </c>
      <c r="W14289">
        <v>27</v>
      </c>
      <c r="X14289">
        <v>27</v>
      </c>
      <c r="Y14289">
        <v>27</v>
      </c>
      <c r="Z14289">
        <v>27</v>
      </c>
      <c r="AA14289">
        <v>27</v>
      </c>
      <c r="AB14289">
        <v>27</v>
      </c>
      <c r="AC14289">
        <v>27</v>
      </c>
      <c r="AD14289">
        <v>27</v>
      </c>
      <c r="AE14289">
        <v>27</v>
      </c>
      <c r="AF14289">
        <v>27</v>
      </c>
      <c r="AG14289">
        <v>27</v>
      </c>
      <c r="AH14289">
        <v>27</v>
      </c>
      <c r="AI14289">
        <v>27</v>
      </c>
      <c r="AJ14289">
        <v>27</v>
      </c>
      <c r="AK14289">
        <v>27</v>
      </c>
      <c r="AL14289">
        <v>27</v>
      </c>
      <c r="AM14289">
        <v>27</v>
      </c>
      <c r="AN14289">
        <v>27</v>
      </c>
      <c r="AO14289">
        <v>26</v>
      </c>
      <c r="AP14289">
        <v>26</v>
      </c>
      <c r="AQ14289">
        <v>26</v>
      </c>
    </row>
    <row r="14290" spans="1:43">
      <c r="A14290" t="s">
        <v>8870</v>
      </c>
      <c r="B14290" t="s">
        <v>8871</v>
      </c>
      <c r="C14290" t="s">
        <v>8784</v>
      </c>
      <c r="D14290" t="s">
        <v>8785</v>
      </c>
      <c r="E14290" t="s">
        <v>8652</v>
      </c>
      <c r="F14290" t="s">
        <v>8653</v>
      </c>
      <c r="G14290" t="s">
        <v>80</v>
      </c>
      <c r="H14290" t="s">
        <v>81</v>
      </c>
      <c r="I14290" s="2">
        <v>0</v>
      </c>
      <c r="J14290" s="2">
        <v>0</v>
      </c>
      <c r="K14290" s="2">
        <v>1</v>
      </c>
      <c r="L14290" t="s">
        <v>995</v>
      </c>
      <c r="M14290" t="s">
        <v>83</v>
      </c>
      <c r="N14290" t="s">
        <v>84</v>
      </c>
      <c r="O14290" t="s">
        <v>85</v>
      </c>
      <c r="P14290" t="s">
        <v>86</v>
      </c>
      <c r="Q14290">
        <v>34</v>
      </c>
      <c r="R14290">
        <v>34</v>
      </c>
      <c r="S14290">
        <v>34</v>
      </c>
      <c r="T14290">
        <v>34</v>
      </c>
      <c r="U14290">
        <v>34</v>
      </c>
      <c r="V14290">
        <v>34</v>
      </c>
      <c r="W14290">
        <v>34</v>
      </c>
      <c r="X14290">
        <v>34</v>
      </c>
      <c r="Y14290">
        <v>34</v>
      </c>
      <c r="Z14290">
        <v>34</v>
      </c>
      <c r="AA14290">
        <v>34</v>
      </c>
      <c r="AB14290">
        <v>35</v>
      </c>
      <c r="AC14290">
        <v>35</v>
      </c>
      <c r="AD14290">
        <v>35</v>
      </c>
      <c r="AE14290">
        <v>35</v>
      </c>
      <c r="AF14290">
        <v>35</v>
      </c>
      <c r="AG14290">
        <v>35</v>
      </c>
      <c r="AH14290">
        <v>35</v>
      </c>
      <c r="AI14290">
        <v>35</v>
      </c>
      <c r="AJ14290">
        <v>35</v>
      </c>
      <c r="AK14290">
        <v>35</v>
      </c>
      <c r="AL14290">
        <v>35</v>
      </c>
      <c r="AM14290">
        <v>34</v>
      </c>
      <c r="AN14290">
        <v>34</v>
      </c>
      <c r="AO14290">
        <v>34</v>
      </c>
      <c r="AP14290">
        <v>33</v>
      </c>
      <c r="AQ14290">
        <v>33</v>
      </c>
    </row>
    <row r="14291" spans="1:43">
      <c r="A14291" t="s">
        <v>8870</v>
      </c>
      <c r="B14291" t="s">
        <v>8871</v>
      </c>
      <c r="C14291" t="s">
        <v>8784</v>
      </c>
      <c r="D14291" t="s">
        <v>8785</v>
      </c>
      <c r="E14291" t="s">
        <v>8652</v>
      </c>
      <c r="F14291" t="s">
        <v>8653</v>
      </c>
      <c r="G14291" t="s">
        <v>80</v>
      </c>
      <c r="H14291" t="s">
        <v>81</v>
      </c>
      <c r="I14291" s="2">
        <v>0</v>
      </c>
      <c r="J14291" s="2">
        <v>0</v>
      </c>
      <c r="K14291" s="2">
        <v>1</v>
      </c>
      <c r="L14291" t="s">
        <v>995</v>
      </c>
      <c r="M14291" t="s">
        <v>87</v>
      </c>
      <c r="N14291" t="s">
        <v>88</v>
      </c>
      <c r="O14291" t="s">
        <v>85</v>
      </c>
      <c r="P14291" t="s">
        <v>86</v>
      </c>
      <c r="Q14291">
        <v>34</v>
      </c>
      <c r="R14291">
        <v>34</v>
      </c>
      <c r="S14291">
        <v>34</v>
      </c>
      <c r="T14291">
        <v>34</v>
      </c>
      <c r="U14291">
        <v>34</v>
      </c>
      <c r="V14291">
        <v>33</v>
      </c>
      <c r="W14291">
        <v>33</v>
      </c>
      <c r="X14291">
        <v>33</v>
      </c>
      <c r="Y14291">
        <v>33</v>
      </c>
      <c r="Z14291">
        <v>33</v>
      </c>
      <c r="AA14291">
        <v>32</v>
      </c>
      <c r="AB14291">
        <v>32</v>
      </c>
      <c r="AC14291">
        <v>32</v>
      </c>
      <c r="AD14291">
        <v>32</v>
      </c>
      <c r="AE14291">
        <v>32</v>
      </c>
      <c r="AF14291">
        <v>32</v>
      </c>
      <c r="AG14291">
        <v>31</v>
      </c>
      <c r="AH14291">
        <v>31</v>
      </c>
      <c r="AI14291">
        <v>31</v>
      </c>
      <c r="AJ14291">
        <v>31</v>
      </c>
      <c r="AK14291">
        <v>31</v>
      </c>
      <c r="AL14291">
        <v>31</v>
      </c>
      <c r="AM14291">
        <v>30</v>
      </c>
      <c r="AN14291">
        <v>30</v>
      </c>
      <c r="AO14291">
        <v>30</v>
      </c>
      <c r="AP14291">
        <v>30</v>
      </c>
      <c r="AQ14291">
        <v>30</v>
      </c>
    </row>
    <row r="14292" spans="1:43">
      <c r="A14292" t="s">
        <v>8870</v>
      </c>
      <c r="B14292" t="s">
        <v>8871</v>
      </c>
      <c r="C14292" t="s">
        <v>8784</v>
      </c>
      <c r="D14292" t="s">
        <v>8785</v>
      </c>
      <c r="E14292" t="s">
        <v>8652</v>
      </c>
      <c r="F14292" t="s">
        <v>8653</v>
      </c>
      <c r="G14292" t="s">
        <v>80</v>
      </c>
      <c r="H14292" t="s">
        <v>81</v>
      </c>
      <c r="I14292" s="2">
        <v>0</v>
      </c>
      <c r="J14292" s="2">
        <v>0</v>
      </c>
      <c r="K14292" s="2">
        <v>1</v>
      </c>
      <c r="L14292" t="s">
        <v>995</v>
      </c>
      <c r="M14292" t="s">
        <v>89</v>
      </c>
      <c r="N14292" t="s">
        <v>90</v>
      </c>
      <c r="O14292" t="s">
        <v>85</v>
      </c>
      <c r="P14292" t="s">
        <v>86</v>
      </c>
      <c r="Q14292">
        <v>34</v>
      </c>
      <c r="R14292">
        <v>34</v>
      </c>
      <c r="S14292">
        <v>35</v>
      </c>
      <c r="T14292">
        <v>35</v>
      </c>
      <c r="U14292">
        <v>35</v>
      </c>
      <c r="V14292">
        <v>36</v>
      </c>
      <c r="W14292">
        <v>36</v>
      </c>
      <c r="X14292">
        <v>36</v>
      </c>
      <c r="Y14292">
        <v>36</v>
      </c>
      <c r="Z14292">
        <v>37</v>
      </c>
      <c r="AA14292">
        <v>37</v>
      </c>
      <c r="AB14292">
        <v>37</v>
      </c>
      <c r="AC14292">
        <v>37</v>
      </c>
      <c r="AD14292">
        <v>37</v>
      </c>
      <c r="AE14292">
        <v>37</v>
      </c>
      <c r="AF14292">
        <v>37</v>
      </c>
      <c r="AG14292">
        <v>37</v>
      </c>
      <c r="AH14292">
        <v>36</v>
      </c>
      <c r="AI14292">
        <v>36</v>
      </c>
      <c r="AJ14292">
        <v>36</v>
      </c>
      <c r="AK14292">
        <v>35</v>
      </c>
      <c r="AL14292">
        <v>35</v>
      </c>
      <c r="AM14292">
        <v>35</v>
      </c>
      <c r="AN14292">
        <v>34</v>
      </c>
      <c r="AO14292">
        <v>34</v>
      </c>
      <c r="AP14292">
        <v>34</v>
      </c>
      <c r="AQ14292">
        <v>33</v>
      </c>
    </row>
    <row r="14293" spans="1:43">
      <c r="A14293" t="s">
        <v>8870</v>
      </c>
      <c r="B14293" t="s">
        <v>8871</v>
      </c>
      <c r="C14293" t="s">
        <v>8784</v>
      </c>
      <c r="D14293" t="s">
        <v>8785</v>
      </c>
      <c r="E14293" t="s">
        <v>8652</v>
      </c>
      <c r="F14293" t="s">
        <v>8653</v>
      </c>
      <c r="G14293" t="s">
        <v>80</v>
      </c>
      <c r="H14293" t="s">
        <v>81</v>
      </c>
      <c r="I14293" s="2">
        <v>0</v>
      </c>
      <c r="J14293" s="2">
        <v>0</v>
      </c>
      <c r="K14293" s="2">
        <v>1</v>
      </c>
      <c r="L14293" t="s">
        <v>995</v>
      </c>
      <c r="M14293" t="s">
        <v>83</v>
      </c>
      <c r="N14293" t="s">
        <v>91</v>
      </c>
      <c r="O14293" t="s">
        <v>85</v>
      </c>
      <c r="P14293" t="s">
        <v>86</v>
      </c>
      <c r="Q14293">
        <v>34</v>
      </c>
      <c r="R14293">
        <v>34</v>
      </c>
      <c r="S14293">
        <v>34</v>
      </c>
      <c r="T14293">
        <v>34</v>
      </c>
      <c r="U14293">
        <v>34</v>
      </c>
      <c r="V14293">
        <v>34</v>
      </c>
      <c r="W14293">
        <v>34</v>
      </c>
      <c r="X14293">
        <v>34</v>
      </c>
      <c r="Y14293">
        <v>34</v>
      </c>
      <c r="Z14293">
        <v>34</v>
      </c>
      <c r="AA14293">
        <v>34</v>
      </c>
      <c r="AB14293">
        <v>35</v>
      </c>
      <c r="AC14293">
        <v>35</v>
      </c>
      <c r="AD14293">
        <v>35</v>
      </c>
      <c r="AE14293">
        <v>35</v>
      </c>
      <c r="AF14293">
        <v>35</v>
      </c>
      <c r="AG14293">
        <v>35</v>
      </c>
      <c r="AH14293">
        <v>35</v>
      </c>
      <c r="AI14293">
        <v>35</v>
      </c>
      <c r="AJ14293">
        <v>35</v>
      </c>
      <c r="AK14293">
        <v>35</v>
      </c>
      <c r="AL14293">
        <v>35</v>
      </c>
      <c r="AM14293">
        <v>34</v>
      </c>
      <c r="AN14293">
        <v>34</v>
      </c>
      <c r="AO14293">
        <v>34</v>
      </c>
      <c r="AP14293">
        <v>33</v>
      </c>
      <c r="AQ14293">
        <v>33</v>
      </c>
    </row>
    <row r="14294" spans="1:43">
      <c r="A14294" t="s">
        <v>8872</v>
      </c>
      <c r="B14294" t="s">
        <v>8873</v>
      </c>
      <c r="C14294" t="s">
        <v>8868</v>
      </c>
      <c r="D14294" t="s">
        <v>8869</v>
      </c>
      <c r="E14294" t="s">
        <v>8652</v>
      </c>
      <c r="F14294" t="s">
        <v>8653</v>
      </c>
      <c r="G14294" t="s">
        <v>80</v>
      </c>
      <c r="H14294" t="s">
        <v>81</v>
      </c>
      <c r="I14294" s="2">
        <v>0</v>
      </c>
      <c r="J14294" s="2">
        <v>0</v>
      </c>
      <c r="K14294" s="2">
        <v>1</v>
      </c>
      <c r="L14294" t="s">
        <v>995</v>
      </c>
      <c r="M14294" t="s">
        <v>83</v>
      </c>
      <c r="N14294" t="s">
        <v>84</v>
      </c>
      <c r="O14294" t="s">
        <v>85</v>
      </c>
      <c r="P14294" t="s">
        <v>86</v>
      </c>
      <c r="Q14294">
        <v>12</v>
      </c>
      <c r="R14294">
        <v>12</v>
      </c>
      <c r="S14294">
        <v>12</v>
      </c>
      <c r="T14294">
        <v>12</v>
      </c>
      <c r="U14294">
        <v>12</v>
      </c>
      <c r="V14294">
        <v>12</v>
      </c>
      <c r="W14294">
        <v>12</v>
      </c>
      <c r="X14294">
        <v>12</v>
      </c>
      <c r="Y14294">
        <v>12</v>
      </c>
      <c r="Z14294">
        <v>12</v>
      </c>
      <c r="AA14294">
        <v>12</v>
      </c>
      <c r="AB14294">
        <v>12</v>
      </c>
      <c r="AC14294">
        <v>12</v>
      </c>
      <c r="AD14294">
        <v>12</v>
      </c>
      <c r="AE14294">
        <v>12</v>
      </c>
      <c r="AF14294">
        <v>12</v>
      </c>
      <c r="AG14294">
        <v>12</v>
      </c>
      <c r="AH14294">
        <v>12</v>
      </c>
      <c r="AI14294">
        <v>12</v>
      </c>
      <c r="AJ14294">
        <v>12</v>
      </c>
      <c r="AK14294">
        <v>12</v>
      </c>
      <c r="AL14294">
        <v>12</v>
      </c>
      <c r="AM14294">
        <v>12</v>
      </c>
      <c r="AN14294">
        <v>12</v>
      </c>
      <c r="AO14294">
        <v>12</v>
      </c>
      <c r="AP14294">
        <v>12</v>
      </c>
      <c r="AQ14294">
        <v>12</v>
      </c>
    </row>
    <row r="14295" spans="1:43">
      <c r="A14295" t="s">
        <v>8872</v>
      </c>
      <c r="B14295" t="s">
        <v>8873</v>
      </c>
      <c r="C14295" t="s">
        <v>8868</v>
      </c>
      <c r="D14295" t="s">
        <v>8869</v>
      </c>
      <c r="E14295" t="s">
        <v>8652</v>
      </c>
      <c r="F14295" t="s">
        <v>8653</v>
      </c>
      <c r="G14295" t="s">
        <v>80</v>
      </c>
      <c r="H14295" t="s">
        <v>81</v>
      </c>
      <c r="I14295" s="2">
        <v>0</v>
      </c>
      <c r="J14295" s="2">
        <v>0</v>
      </c>
      <c r="K14295" s="2">
        <v>1</v>
      </c>
      <c r="L14295" t="s">
        <v>995</v>
      </c>
      <c r="M14295" t="s">
        <v>87</v>
      </c>
      <c r="N14295" t="s">
        <v>88</v>
      </c>
      <c r="O14295" t="s">
        <v>85</v>
      </c>
      <c r="P14295" t="s">
        <v>86</v>
      </c>
      <c r="Q14295">
        <v>12</v>
      </c>
      <c r="R14295">
        <v>12</v>
      </c>
      <c r="S14295">
        <v>12</v>
      </c>
      <c r="T14295">
        <v>11</v>
      </c>
      <c r="U14295">
        <v>11</v>
      </c>
      <c r="V14295">
        <v>11</v>
      </c>
      <c r="W14295">
        <v>11</v>
      </c>
      <c r="X14295">
        <v>11</v>
      </c>
      <c r="Y14295">
        <v>11</v>
      </c>
      <c r="Z14295">
        <v>11</v>
      </c>
      <c r="AA14295">
        <v>11</v>
      </c>
      <c r="AB14295">
        <v>11</v>
      </c>
      <c r="AC14295">
        <v>11</v>
      </c>
      <c r="AD14295">
        <v>11</v>
      </c>
      <c r="AE14295">
        <v>11</v>
      </c>
      <c r="AF14295">
        <v>11</v>
      </c>
      <c r="AG14295">
        <v>11</v>
      </c>
      <c r="AH14295">
        <v>11</v>
      </c>
      <c r="AI14295">
        <v>11</v>
      </c>
      <c r="AJ14295">
        <v>10</v>
      </c>
      <c r="AK14295">
        <v>10</v>
      </c>
      <c r="AL14295">
        <v>10</v>
      </c>
      <c r="AM14295">
        <v>10</v>
      </c>
      <c r="AN14295">
        <v>10</v>
      </c>
      <c r="AO14295">
        <v>10</v>
      </c>
      <c r="AP14295">
        <v>10</v>
      </c>
      <c r="AQ14295">
        <v>10</v>
      </c>
    </row>
    <row r="14296" spans="1:43">
      <c r="A14296" t="s">
        <v>8872</v>
      </c>
      <c r="B14296" t="s">
        <v>8873</v>
      </c>
      <c r="C14296" t="s">
        <v>8868</v>
      </c>
      <c r="D14296" t="s">
        <v>8869</v>
      </c>
      <c r="E14296" t="s">
        <v>8652</v>
      </c>
      <c r="F14296" t="s">
        <v>8653</v>
      </c>
      <c r="G14296" t="s">
        <v>80</v>
      </c>
      <c r="H14296" t="s">
        <v>81</v>
      </c>
      <c r="I14296" s="2">
        <v>0</v>
      </c>
      <c r="J14296" s="2">
        <v>0</v>
      </c>
      <c r="K14296" s="2">
        <v>1</v>
      </c>
      <c r="L14296" t="s">
        <v>995</v>
      </c>
      <c r="M14296" t="s">
        <v>89</v>
      </c>
      <c r="N14296" t="s">
        <v>90</v>
      </c>
      <c r="O14296" t="s">
        <v>85</v>
      </c>
      <c r="P14296" t="s">
        <v>86</v>
      </c>
      <c r="Q14296">
        <v>12</v>
      </c>
      <c r="R14296">
        <v>12</v>
      </c>
      <c r="S14296">
        <v>12</v>
      </c>
      <c r="T14296">
        <v>12</v>
      </c>
      <c r="U14296">
        <v>12</v>
      </c>
      <c r="V14296">
        <v>13</v>
      </c>
      <c r="W14296">
        <v>13</v>
      </c>
      <c r="X14296">
        <v>13</v>
      </c>
      <c r="Y14296">
        <v>13</v>
      </c>
      <c r="Z14296">
        <v>13</v>
      </c>
      <c r="AA14296">
        <v>13</v>
      </c>
      <c r="AB14296">
        <v>13</v>
      </c>
      <c r="AC14296">
        <v>13</v>
      </c>
      <c r="AD14296">
        <v>13</v>
      </c>
      <c r="AE14296">
        <v>13</v>
      </c>
      <c r="AF14296">
        <v>13</v>
      </c>
      <c r="AG14296">
        <v>13</v>
      </c>
      <c r="AH14296">
        <v>13</v>
      </c>
      <c r="AI14296">
        <v>13</v>
      </c>
      <c r="AJ14296">
        <v>12</v>
      </c>
      <c r="AK14296">
        <v>12</v>
      </c>
      <c r="AL14296">
        <v>12</v>
      </c>
      <c r="AM14296">
        <v>12</v>
      </c>
      <c r="AN14296">
        <v>12</v>
      </c>
      <c r="AO14296">
        <v>12</v>
      </c>
      <c r="AP14296">
        <v>12</v>
      </c>
      <c r="AQ14296">
        <v>12</v>
      </c>
    </row>
    <row r="14297" spans="1:43">
      <c r="A14297" t="s">
        <v>8872</v>
      </c>
      <c r="B14297" t="s">
        <v>8873</v>
      </c>
      <c r="C14297" t="s">
        <v>8868</v>
      </c>
      <c r="D14297" t="s">
        <v>8869</v>
      </c>
      <c r="E14297" t="s">
        <v>8652</v>
      </c>
      <c r="F14297" t="s">
        <v>8653</v>
      </c>
      <c r="G14297" t="s">
        <v>80</v>
      </c>
      <c r="H14297" t="s">
        <v>81</v>
      </c>
      <c r="I14297" s="2">
        <v>0</v>
      </c>
      <c r="J14297" s="2">
        <v>0</v>
      </c>
      <c r="K14297" s="2">
        <v>1</v>
      </c>
      <c r="L14297" t="s">
        <v>995</v>
      </c>
      <c r="M14297" t="s">
        <v>83</v>
      </c>
      <c r="N14297" t="s">
        <v>91</v>
      </c>
      <c r="O14297" t="s">
        <v>85</v>
      </c>
      <c r="P14297" t="s">
        <v>86</v>
      </c>
      <c r="Q14297">
        <v>12</v>
      </c>
      <c r="R14297">
        <v>12</v>
      </c>
      <c r="S14297">
        <v>12</v>
      </c>
      <c r="T14297">
        <v>12</v>
      </c>
      <c r="U14297">
        <v>12</v>
      </c>
      <c r="V14297">
        <v>12</v>
      </c>
      <c r="W14297">
        <v>12</v>
      </c>
      <c r="X14297">
        <v>12</v>
      </c>
      <c r="Y14297">
        <v>12</v>
      </c>
      <c r="Z14297">
        <v>12</v>
      </c>
      <c r="AA14297">
        <v>12</v>
      </c>
      <c r="AB14297">
        <v>12</v>
      </c>
      <c r="AC14297">
        <v>12</v>
      </c>
      <c r="AD14297">
        <v>12</v>
      </c>
      <c r="AE14297">
        <v>12</v>
      </c>
      <c r="AF14297">
        <v>12</v>
      </c>
      <c r="AG14297">
        <v>12</v>
      </c>
      <c r="AH14297">
        <v>12</v>
      </c>
      <c r="AI14297">
        <v>12</v>
      </c>
      <c r="AJ14297">
        <v>12</v>
      </c>
      <c r="AK14297">
        <v>12</v>
      </c>
      <c r="AL14297">
        <v>12</v>
      </c>
      <c r="AM14297">
        <v>12</v>
      </c>
      <c r="AN14297">
        <v>12</v>
      </c>
      <c r="AO14297">
        <v>12</v>
      </c>
      <c r="AP14297">
        <v>12</v>
      </c>
      <c r="AQ14297">
        <v>12</v>
      </c>
    </row>
    <row r="14298" spans="1:43">
      <c r="A14298" t="s">
        <v>8874</v>
      </c>
      <c r="B14298" t="s">
        <v>8875</v>
      </c>
      <c r="C14298" t="s">
        <v>8784</v>
      </c>
      <c r="D14298" t="s">
        <v>8785</v>
      </c>
      <c r="E14298" t="s">
        <v>8652</v>
      </c>
      <c r="F14298" t="s">
        <v>8653</v>
      </c>
      <c r="G14298" t="s">
        <v>80</v>
      </c>
      <c r="H14298" t="s">
        <v>81</v>
      </c>
      <c r="I14298" s="2">
        <v>0</v>
      </c>
      <c r="J14298" s="2">
        <v>0</v>
      </c>
      <c r="K14298" s="2">
        <v>1</v>
      </c>
      <c r="L14298" t="s">
        <v>995</v>
      </c>
      <c r="M14298" t="s">
        <v>83</v>
      </c>
      <c r="N14298" t="s">
        <v>84</v>
      </c>
      <c r="O14298" t="s">
        <v>85</v>
      </c>
      <c r="P14298" t="s">
        <v>86</v>
      </c>
      <c r="Q14298">
        <v>14</v>
      </c>
      <c r="R14298">
        <v>14</v>
      </c>
      <c r="S14298">
        <v>14</v>
      </c>
      <c r="T14298">
        <v>14</v>
      </c>
      <c r="U14298">
        <v>14</v>
      </c>
      <c r="V14298">
        <v>14</v>
      </c>
      <c r="W14298">
        <v>14</v>
      </c>
      <c r="X14298">
        <v>14</v>
      </c>
      <c r="Y14298">
        <v>14</v>
      </c>
      <c r="Z14298">
        <v>14</v>
      </c>
      <c r="AA14298">
        <v>14</v>
      </c>
      <c r="AB14298">
        <v>14</v>
      </c>
      <c r="AC14298">
        <v>14</v>
      </c>
      <c r="AD14298">
        <v>14</v>
      </c>
      <c r="AE14298">
        <v>14</v>
      </c>
      <c r="AF14298">
        <v>14</v>
      </c>
      <c r="AG14298">
        <v>14</v>
      </c>
      <c r="AH14298">
        <v>14</v>
      </c>
      <c r="AI14298">
        <v>14</v>
      </c>
      <c r="AJ14298">
        <v>14</v>
      </c>
      <c r="AK14298">
        <v>14</v>
      </c>
      <c r="AL14298">
        <v>14</v>
      </c>
      <c r="AM14298">
        <v>14</v>
      </c>
      <c r="AN14298">
        <v>14</v>
      </c>
      <c r="AO14298">
        <v>14</v>
      </c>
      <c r="AP14298">
        <v>14</v>
      </c>
      <c r="AQ14298">
        <v>14</v>
      </c>
    </row>
    <row r="14299" spans="1:43">
      <c r="A14299" t="s">
        <v>8874</v>
      </c>
      <c r="B14299" t="s">
        <v>8875</v>
      </c>
      <c r="C14299" t="s">
        <v>8784</v>
      </c>
      <c r="D14299" t="s">
        <v>8785</v>
      </c>
      <c r="E14299" t="s">
        <v>8652</v>
      </c>
      <c r="F14299" t="s">
        <v>8653</v>
      </c>
      <c r="G14299" t="s">
        <v>80</v>
      </c>
      <c r="H14299" t="s">
        <v>81</v>
      </c>
      <c r="I14299" s="2">
        <v>0</v>
      </c>
      <c r="J14299" s="2">
        <v>0</v>
      </c>
      <c r="K14299" s="2">
        <v>1</v>
      </c>
      <c r="L14299" t="s">
        <v>995</v>
      </c>
      <c r="M14299" t="s">
        <v>87</v>
      </c>
      <c r="N14299" t="s">
        <v>88</v>
      </c>
      <c r="O14299" t="s">
        <v>85</v>
      </c>
      <c r="P14299" t="s">
        <v>86</v>
      </c>
      <c r="Q14299">
        <v>14</v>
      </c>
      <c r="R14299">
        <v>14</v>
      </c>
      <c r="S14299">
        <v>14</v>
      </c>
      <c r="T14299">
        <v>13</v>
      </c>
      <c r="U14299">
        <v>13</v>
      </c>
      <c r="V14299">
        <v>13</v>
      </c>
      <c r="W14299">
        <v>13</v>
      </c>
      <c r="X14299">
        <v>13</v>
      </c>
      <c r="Y14299">
        <v>13</v>
      </c>
      <c r="Z14299">
        <v>13</v>
      </c>
      <c r="AA14299">
        <v>13</v>
      </c>
      <c r="AB14299">
        <v>13</v>
      </c>
      <c r="AC14299">
        <v>13</v>
      </c>
      <c r="AD14299">
        <v>13</v>
      </c>
      <c r="AE14299">
        <v>13</v>
      </c>
      <c r="AF14299">
        <v>13</v>
      </c>
      <c r="AG14299">
        <v>13</v>
      </c>
      <c r="AH14299">
        <v>12</v>
      </c>
      <c r="AI14299">
        <v>12</v>
      </c>
      <c r="AJ14299">
        <v>12</v>
      </c>
      <c r="AK14299">
        <v>12</v>
      </c>
      <c r="AL14299">
        <v>12</v>
      </c>
      <c r="AM14299">
        <v>12</v>
      </c>
      <c r="AN14299">
        <v>12</v>
      </c>
      <c r="AO14299">
        <v>12</v>
      </c>
      <c r="AP14299">
        <v>12</v>
      </c>
      <c r="AQ14299">
        <v>12</v>
      </c>
    </row>
    <row r="14300" spans="1:43">
      <c r="A14300" t="s">
        <v>8874</v>
      </c>
      <c r="B14300" t="s">
        <v>8875</v>
      </c>
      <c r="C14300" t="s">
        <v>8784</v>
      </c>
      <c r="D14300" t="s">
        <v>8785</v>
      </c>
      <c r="E14300" t="s">
        <v>8652</v>
      </c>
      <c r="F14300" t="s">
        <v>8653</v>
      </c>
      <c r="G14300" t="s">
        <v>80</v>
      </c>
      <c r="H14300" t="s">
        <v>81</v>
      </c>
      <c r="I14300" s="2">
        <v>0</v>
      </c>
      <c r="J14300" s="2">
        <v>0</v>
      </c>
      <c r="K14300" s="2">
        <v>1</v>
      </c>
      <c r="L14300" t="s">
        <v>995</v>
      </c>
      <c r="M14300" t="s">
        <v>89</v>
      </c>
      <c r="N14300" t="s">
        <v>90</v>
      </c>
      <c r="O14300" t="s">
        <v>85</v>
      </c>
      <c r="P14300" t="s">
        <v>86</v>
      </c>
      <c r="Q14300">
        <v>14</v>
      </c>
      <c r="R14300">
        <v>14</v>
      </c>
      <c r="S14300">
        <v>14</v>
      </c>
      <c r="T14300">
        <v>14</v>
      </c>
      <c r="U14300">
        <v>15</v>
      </c>
      <c r="V14300">
        <v>15</v>
      </c>
      <c r="W14300">
        <v>15</v>
      </c>
      <c r="X14300">
        <v>15</v>
      </c>
      <c r="Y14300">
        <v>15</v>
      </c>
      <c r="Z14300">
        <v>15</v>
      </c>
      <c r="AA14300">
        <v>15</v>
      </c>
      <c r="AB14300">
        <v>15</v>
      </c>
      <c r="AC14300">
        <v>15</v>
      </c>
      <c r="AD14300">
        <v>15</v>
      </c>
      <c r="AE14300">
        <v>15</v>
      </c>
      <c r="AF14300">
        <v>15</v>
      </c>
      <c r="AG14300">
        <v>15</v>
      </c>
      <c r="AH14300">
        <v>15</v>
      </c>
      <c r="AI14300">
        <v>15</v>
      </c>
      <c r="AJ14300">
        <v>15</v>
      </c>
      <c r="AK14300">
        <v>15</v>
      </c>
      <c r="AL14300">
        <v>14</v>
      </c>
      <c r="AM14300">
        <v>14</v>
      </c>
      <c r="AN14300">
        <v>14</v>
      </c>
      <c r="AO14300">
        <v>14</v>
      </c>
      <c r="AP14300">
        <v>14</v>
      </c>
      <c r="AQ14300">
        <v>14</v>
      </c>
    </row>
    <row r="14301" spans="1:43">
      <c r="A14301" t="s">
        <v>8874</v>
      </c>
      <c r="B14301" t="s">
        <v>8875</v>
      </c>
      <c r="C14301" t="s">
        <v>8784</v>
      </c>
      <c r="D14301" t="s">
        <v>8785</v>
      </c>
      <c r="E14301" t="s">
        <v>8652</v>
      </c>
      <c r="F14301" t="s">
        <v>8653</v>
      </c>
      <c r="G14301" t="s">
        <v>80</v>
      </c>
      <c r="H14301" t="s">
        <v>81</v>
      </c>
      <c r="I14301" s="2">
        <v>0</v>
      </c>
      <c r="J14301" s="2">
        <v>0</v>
      </c>
      <c r="K14301" s="2">
        <v>1</v>
      </c>
      <c r="L14301" t="s">
        <v>995</v>
      </c>
      <c r="M14301" t="s">
        <v>83</v>
      </c>
      <c r="N14301" t="s">
        <v>91</v>
      </c>
      <c r="O14301" t="s">
        <v>85</v>
      </c>
      <c r="P14301" t="s">
        <v>86</v>
      </c>
      <c r="Q14301">
        <v>14</v>
      </c>
      <c r="R14301">
        <v>14</v>
      </c>
      <c r="S14301">
        <v>14</v>
      </c>
      <c r="T14301">
        <v>14</v>
      </c>
      <c r="U14301">
        <v>14</v>
      </c>
      <c r="V14301">
        <v>14</v>
      </c>
      <c r="W14301">
        <v>14</v>
      </c>
      <c r="X14301">
        <v>14</v>
      </c>
      <c r="Y14301">
        <v>14</v>
      </c>
      <c r="Z14301">
        <v>14</v>
      </c>
      <c r="AA14301">
        <v>14</v>
      </c>
      <c r="AB14301">
        <v>14</v>
      </c>
      <c r="AC14301">
        <v>14</v>
      </c>
      <c r="AD14301">
        <v>14</v>
      </c>
      <c r="AE14301">
        <v>14</v>
      </c>
      <c r="AF14301">
        <v>14</v>
      </c>
      <c r="AG14301">
        <v>14</v>
      </c>
      <c r="AH14301">
        <v>14</v>
      </c>
      <c r="AI14301">
        <v>14</v>
      </c>
      <c r="AJ14301">
        <v>14</v>
      </c>
      <c r="AK14301">
        <v>14</v>
      </c>
      <c r="AL14301">
        <v>14</v>
      </c>
      <c r="AM14301">
        <v>14</v>
      </c>
      <c r="AN14301">
        <v>14</v>
      </c>
      <c r="AO14301">
        <v>14</v>
      </c>
      <c r="AP14301">
        <v>14</v>
      </c>
      <c r="AQ14301">
        <v>14</v>
      </c>
    </row>
    <row r="14302" spans="1:43">
      <c r="A14302" t="s">
        <v>8876</v>
      </c>
      <c r="B14302" t="s">
        <v>8877</v>
      </c>
      <c r="C14302" t="s">
        <v>8718</v>
      </c>
      <c r="D14302" t="s">
        <v>8719</v>
      </c>
      <c r="E14302" t="s">
        <v>8652</v>
      </c>
      <c r="F14302" t="s">
        <v>8653</v>
      </c>
      <c r="G14302" t="s">
        <v>80</v>
      </c>
      <c r="H14302" t="s">
        <v>81</v>
      </c>
      <c r="I14302" s="2">
        <v>0</v>
      </c>
      <c r="J14302" s="2">
        <v>0</v>
      </c>
      <c r="K14302" s="2">
        <v>1</v>
      </c>
      <c r="L14302" t="s">
        <v>995</v>
      </c>
      <c r="M14302" t="s">
        <v>83</v>
      </c>
      <c r="N14302" t="s">
        <v>84</v>
      </c>
      <c r="O14302" t="s">
        <v>85</v>
      </c>
      <c r="P14302" t="s">
        <v>86</v>
      </c>
      <c r="Q14302">
        <v>6</v>
      </c>
      <c r="R14302">
        <v>6</v>
      </c>
      <c r="S14302">
        <v>6</v>
      </c>
      <c r="T14302">
        <v>6</v>
      </c>
      <c r="U14302">
        <v>6</v>
      </c>
      <c r="V14302">
        <v>6</v>
      </c>
      <c r="W14302">
        <v>6</v>
      </c>
      <c r="X14302">
        <v>6</v>
      </c>
      <c r="Y14302">
        <v>6</v>
      </c>
      <c r="Z14302">
        <v>6</v>
      </c>
      <c r="AA14302">
        <v>6</v>
      </c>
      <c r="AB14302">
        <v>6</v>
      </c>
      <c r="AC14302">
        <v>6</v>
      </c>
      <c r="AD14302">
        <v>6</v>
      </c>
      <c r="AE14302">
        <v>6</v>
      </c>
      <c r="AF14302">
        <v>6</v>
      </c>
      <c r="AG14302">
        <v>6</v>
      </c>
      <c r="AH14302">
        <v>6</v>
      </c>
      <c r="AI14302">
        <v>6</v>
      </c>
      <c r="AJ14302">
        <v>6</v>
      </c>
      <c r="AK14302">
        <v>6</v>
      </c>
      <c r="AL14302">
        <v>6</v>
      </c>
      <c r="AM14302">
        <v>6</v>
      </c>
      <c r="AN14302">
        <v>6</v>
      </c>
      <c r="AO14302">
        <v>6</v>
      </c>
      <c r="AP14302">
        <v>6</v>
      </c>
      <c r="AQ14302">
        <v>6</v>
      </c>
    </row>
    <row r="14303" spans="1:43">
      <c r="A14303" t="s">
        <v>8876</v>
      </c>
      <c r="B14303" t="s">
        <v>8877</v>
      </c>
      <c r="C14303" t="s">
        <v>8718</v>
      </c>
      <c r="D14303" t="s">
        <v>8719</v>
      </c>
      <c r="E14303" t="s">
        <v>8652</v>
      </c>
      <c r="F14303" t="s">
        <v>8653</v>
      </c>
      <c r="G14303" t="s">
        <v>80</v>
      </c>
      <c r="H14303" t="s">
        <v>81</v>
      </c>
      <c r="I14303" s="2">
        <v>0</v>
      </c>
      <c r="J14303" s="2">
        <v>0</v>
      </c>
      <c r="K14303" s="2">
        <v>1</v>
      </c>
      <c r="L14303" t="s">
        <v>995</v>
      </c>
      <c r="M14303" t="s">
        <v>87</v>
      </c>
      <c r="N14303" t="s">
        <v>88</v>
      </c>
      <c r="O14303" t="s">
        <v>85</v>
      </c>
      <c r="P14303" t="s">
        <v>86</v>
      </c>
      <c r="Q14303">
        <v>6</v>
      </c>
      <c r="R14303">
        <v>6</v>
      </c>
      <c r="S14303">
        <v>6</v>
      </c>
      <c r="T14303">
        <v>6</v>
      </c>
      <c r="U14303">
        <v>6</v>
      </c>
      <c r="V14303">
        <v>6</v>
      </c>
      <c r="W14303">
        <v>6</v>
      </c>
      <c r="X14303">
        <v>6</v>
      </c>
      <c r="Y14303">
        <v>6</v>
      </c>
      <c r="Z14303">
        <v>6</v>
      </c>
      <c r="AA14303">
        <v>6</v>
      </c>
      <c r="AB14303">
        <v>6</v>
      </c>
      <c r="AC14303">
        <v>6</v>
      </c>
      <c r="AD14303">
        <v>6</v>
      </c>
      <c r="AE14303">
        <v>6</v>
      </c>
      <c r="AF14303">
        <v>6</v>
      </c>
      <c r="AG14303">
        <v>6</v>
      </c>
      <c r="AH14303">
        <v>6</v>
      </c>
      <c r="AI14303">
        <v>6</v>
      </c>
      <c r="AJ14303">
        <v>6</v>
      </c>
      <c r="AK14303">
        <v>5</v>
      </c>
      <c r="AL14303">
        <v>5</v>
      </c>
      <c r="AM14303">
        <v>5</v>
      </c>
      <c r="AN14303">
        <v>5</v>
      </c>
      <c r="AO14303">
        <v>5</v>
      </c>
      <c r="AP14303">
        <v>5</v>
      </c>
      <c r="AQ14303">
        <v>5</v>
      </c>
    </row>
    <row r="14304" spans="1:43">
      <c r="A14304" t="s">
        <v>8876</v>
      </c>
      <c r="B14304" t="s">
        <v>8877</v>
      </c>
      <c r="C14304" t="s">
        <v>8718</v>
      </c>
      <c r="D14304" t="s">
        <v>8719</v>
      </c>
      <c r="E14304" t="s">
        <v>8652</v>
      </c>
      <c r="F14304" t="s">
        <v>8653</v>
      </c>
      <c r="G14304" t="s">
        <v>80</v>
      </c>
      <c r="H14304" t="s">
        <v>81</v>
      </c>
      <c r="I14304" s="2">
        <v>0</v>
      </c>
      <c r="J14304" s="2">
        <v>0</v>
      </c>
      <c r="K14304" s="2">
        <v>1</v>
      </c>
      <c r="L14304" t="s">
        <v>995</v>
      </c>
      <c r="M14304" t="s">
        <v>89</v>
      </c>
      <c r="N14304" t="s">
        <v>90</v>
      </c>
      <c r="O14304" t="s">
        <v>85</v>
      </c>
      <c r="P14304" t="s">
        <v>86</v>
      </c>
      <c r="Q14304">
        <v>6</v>
      </c>
      <c r="R14304">
        <v>6</v>
      </c>
      <c r="S14304">
        <v>6</v>
      </c>
      <c r="T14304">
        <v>6</v>
      </c>
      <c r="U14304">
        <v>7</v>
      </c>
      <c r="V14304">
        <v>7</v>
      </c>
      <c r="W14304">
        <v>7</v>
      </c>
      <c r="X14304">
        <v>7</v>
      </c>
      <c r="Y14304">
        <v>7</v>
      </c>
      <c r="Z14304">
        <v>7</v>
      </c>
      <c r="AA14304">
        <v>7</v>
      </c>
      <c r="AB14304">
        <v>7</v>
      </c>
      <c r="AC14304">
        <v>7</v>
      </c>
      <c r="AD14304">
        <v>7</v>
      </c>
      <c r="AE14304">
        <v>7</v>
      </c>
      <c r="AF14304">
        <v>7</v>
      </c>
      <c r="AG14304">
        <v>7</v>
      </c>
      <c r="AH14304">
        <v>7</v>
      </c>
      <c r="AI14304">
        <v>7</v>
      </c>
      <c r="AJ14304">
        <v>7</v>
      </c>
      <c r="AK14304">
        <v>6</v>
      </c>
      <c r="AL14304">
        <v>6</v>
      </c>
      <c r="AM14304">
        <v>6</v>
      </c>
      <c r="AN14304">
        <v>6</v>
      </c>
      <c r="AO14304">
        <v>6</v>
      </c>
      <c r="AP14304">
        <v>6</v>
      </c>
      <c r="AQ14304">
        <v>6</v>
      </c>
    </row>
    <row r="14305" spans="1:43">
      <c r="A14305" t="s">
        <v>8876</v>
      </c>
      <c r="B14305" t="s">
        <v>8877</v>
      </c>
      <c r="C14305" t="s">
        <v>8718</v>
      </c>
      <c r="D14305" t="s">
        <v>8719</v>
      </c>
      <c r="E14305" t="s">
        <v>8652</v>
      </c>
      <c r="F14305" t="s">
        <v>8653</v>
      </c>
      <c r="G14305" t="s">
        <v>80</v>
      </c>
      <c r="H14305" t="s">
        <v>81</v>
      </c>
      <c r="I14305" s="2">
        <v>0</v>
      </c>
      <c r="J14305" s="2">
        <v>0</v>
      </c>
      <c r="K14305" s="2">
        <v>1</v>
      </c>
      <c r="L14305" t="s">
        <v>995</v>
      </c>
      <c r="M14305" t="s">
        <v>83</v>
      </c>
      <c r="N14305" t="s">
        <v>91</v>
      </c>
      <c r="O14305" t="s">
        <v>85</v>
      </c>
      <c r="P14305" t="s">
        <v>86</v>
      </c>
      <c r="Q14305">
        <v>6</v>
      </c>
      <c r="R14305">
        <v>6</v>
      </c>
      <c r="S14305">
        <v>6</v>
      </c>
      <c r="T14305">
        <v>6</v>
      </c>
      <c r="U14305">
        <v>6</v>
      </c>
      <c r="V14305">
        <v>6</v>
      </c>
      <c r="W14305">
        <v>6</v>
      </c>
      <c r="X14305">
        <v>6</v>
      </c>
      <c r="Y14305">
        <v>6</v>
      </c>
      <c r="Z14305">
        <v>6</v>
      </c>
      <c r="AA14305">
        <v>6</v>
      </c>
      <c r="AB14305">
        <v>6</v>
      </c>
      <c r="AC14305">
        <v>6</v>
      </c>
      <c r="AD14305">
        <v>6</v>
      </c>
      <c r="AE14305">
        <v>6</v>
      </c>
      <c r="AF14305">
        <v>6</v>
      </c>
      <c r="AG14305">
        <v>6</v>
      </c>
      <c r="AH14305">
        <v>6</v>
      </c>
      <c r="AI14305">
        <v>6</v>
      </c>
      <c r="AJ14305">
        <v>6</v>
      </c>
      <c r="AK14305">
        <v>6</v>
      </c>
      <c r="AL14305">
        <v>6</v>
      </c>
      <c r="AM14305">
        <v>6</v>
      </c>
      <c r="AN14305">
        <v>6</v>
      </c>
      <c r="AO14305">
        <v>6</v>
      </c>
      <c r="AP14305">
        <v>6</v>
      </c>
      <c r="AQ14305">
        <v>6</v>
      </c>
    </row>
    <row r="14306" spans="1:43">
      <c r="A14306" t="s">
        <v>8878</v>
      </c>
      <c r="B14306" t="s">
        <v>8879</v>
      </c>
      <c r="C14306" t="s">
        <v>8868</v>
      </c>
      <c r="D14306" t="s">
        <v>8869</v>
      </c>
      <c r="E14306" t="s">
        <v>8652</v>
      </c>
      <c r="F14306" t="s">
        <v>8653</v>
      </c>
      <c r="G14306" t="s">
        <v>80</v>
      </c>
      <c r="H14306" t="s">
        <v>81</v>
      </c>
      <c r="I14306" s="2">
        <v>0</v>
      </c>
      <c r="J14306" s="2">
        <v>0</v>
      </c>
      <c r="K14306" s="2">
        <v>1</v>
      </c>
      <c r="L14306" t="s">
        <v>995</v>
      </c>
      <c r="M14306" t="s">
        <v>83</v>
      </c>
      <c r="N14306" t="s">
        <v>84</v>
      </c>
      <c r="O14306" t="s">
        <v>85</v>
      </c>
      <c r="P14306" t="s">
        <v>86</v>
      </c>
      <c r="Q14306">
        <v>7</v>
      </c>
      <c r="R14306">
        <v>7</v>
      </c>
      <c r="S14306">
        <v>7</v>
      </c>
      <c r="T14306">
        <v>7</v>
      </c>
      <c r="U14306">
        <v>7</v>
      </c>
      <c r="V14306">
        <v>7</v>
      </c>
      <c r="W14306">
        <v>7</v>
      </c>
      <c r="X14306">
        <v>7</v>
      </c>
      <c r="Y14306">
        <v>7</v>
      </c>
      <c r="Z14306">
        <v>8</v>
      </c>
      <c r="AA14306">
        <v>8</v>
      </c>
      <c r="AB14306">
        <v>8</v>
      </c>
      <c r="AC14306">
        <v>8</v>
      </c>
      <c r="AD14306">
        <v>8</v>
      </c>
      <c r="AE14306">
        <v>8</v>
      </c>
      <c r="AF14306">
        <v>8</v>
      </c>
      <c r="AG14306">
        <v>8</v>
      </c>
      <c r="AH14306">
        <v>8</v>
      </c>
      <c r="AI14306">
        <v>8</v>
      </c>
      <c r="AJ14306">
        <v>8</v>
      </c>
      <c r="AK14306">
        <v>8</v>
      </c>
      <c r="AL14306">
        <v>8</v>
      </c>
      <c r="AM14306">
        <v>7</v>
      </c>
      <c r="AN14306">
        <v>7</v>
      </c>
      <c r="AO14306">
        <v>7</v>
      </c>
      <c r="AP14306">
        <v>7</v>
      </c>
      <c r="AQ14306">
        <v>7</v>
      </c>
    </row>
    <row r="14307" spans="1:43">
      <c r="A14307" t="s">
        <v>8878</v>
      </c>
      <c r="B14307" t="s">
        <v>8879</v>
      </c>
      <c r="C14307" t="s">
        <v>8868</v>
      </c>
      <c r="D14307" t="s">
        <v>8869</v>
      </c>
      <c r="E14307" t="s">
        <v>8652</v>
      </c>
      <c r="F14307" t="s">
        <v>8653</v>
      </c>
      <c r="G14307" t="s">
        <v>80</v>
      </c>
      <c r="H14307" t="s">
        <v>81</v>
      </c>
      <c r="I14307" s="2">
        <v>0</v>
      </c>
      <c r="J14307" s="2">
        <v>0</v>
      </c>
      <c r="K14307" s="2">
        <v>1</v>
      </c>
      <c r="L14307" t="s">
        <v>995</v>
      </c>
      <c r="M14307" t="s">
        <v>87</v>
      </c>
      <c r="N14307" t="s">
        <v>88</v>
      </c>
      <c r="O14307" t="s">
        <v>85</v>
      </c>
      <c r="P14307" t="s">
        <v>86</v>
      </c>
      <c r="Q14307">
        <v>7</v>
      </c>
      <c r="R14307">
        <v>7</v>
      </c>
      <c r="S14307">
        <v>7</v>
      </c>
      <c r="T14307">
        <v>7</v>
      </c>
      <c r="U14307">
        <v>7</v>
      </c>
      <c r="V14307">
        <v>7</v>
      </c>
      <c r="W14307">
        <v>7</v>
      </c>
      <c r="X14307">
        <v>7</v>
      </c>
      <c r="Y14307">
        <v>7</v>
      </c>
      <c r="Z14307">
        <v>7</v>
      </c>
      <c r="AA14307">
        <v>7</v>
      </c>
      <c r="AB14307">
        <v>7</v>
      </c>
      <c r="AC14307">
        <v>7</v>
      </c>
      <c r="AD14307">
        <v>7</v>
      </c>
      <c r="AE14307">
        <v>7</v>
      </c>
      <c r="AF14307">
        <v>7</v>
      </c>
      <c r="AG14307">
        <v>7</v>
      </c>
      <c r="AH14307">
        <v>7</v>
      </c>
      <c r="AI14307">
        <v>7</v>
      </c>
      <c r="AJ14307">
        <v>7</v>
      </c>
      <c r="AK14307">
        <v>6</v>
      </c>
      <c r="AL14307">
        <v>6</v>
      </c>
      <c r="AM14307">
        <v>6</v>
      </c>
      <c r="AN14307">
        <v>6</v>
      </c>
      <c r="AO14307">
        <v>6</v>
      </c>
      <c r="AP14307">
        <v>6</v>
      </c>
      <c r="AQ14307">
        <v>6</v>
      </c>
    </row>
    <row r="14308" spans="1:43">
      <c r="A14308" t="s">
        <v>8878</v>
      </c>
      <c r="B14308" t="s">
        <v>8879</v>
      </c>
      <c r="C14308" t="s">
        <v>8868</v>
      </c>
      <c r="D14308" t="s">
        <v>8869</v>
      </c>
      <c r="E14308" t="s">
        <v>8652</v>
      </c>
      <c r="F14308" t="s">
        <v>8653</v>
      </c>
      <c r="G14308" t="s">
        <v>80</v>
      </c>
      <c r="H14308" t="s">
        <v>81</v>
      </c>
      <c r="I14308" s="2">
        <v>0</v>
      </c>
      <c r="J14308" s="2">
        <v>0</v>
      </c>
      <c r="K14308" s="2">
        <v>1</v>
      </c>
      <c r="L14308" t="s">
        <v>995</v>
      </c>
      <c r="M14308" t="s">
        <v>89</v>
      </c>
      <c r="N14308" t="s">
        <v>90</v>
      </c>
      <c r="O14308" t="s">
        <v>85</v>
      </c>
      <c r="P14308" t="s">
        <v>86</v>
      </c>
      <c r="Q14308">
        <v>7</v>
      </c>
      <c r="R14308">
        <v>7</v>
      </c>
      <c r="S14308">
        <v>8</v>
      </c>
      <c r="T14308">
        <v>8</v>
      </c>
      <c r="U14308">
        <v>8</v>
      </c>
      <c r="V14308">
        <v>8</v>
      </c>
      <c r="W14308">
        <v>8</v>
      </c>
      <c r="X14308">
        <v>8</v>
      </c>
      <c r="Y14308">
        <v>8</v>
      </c>
      <c r="Z14308">
        <v>8</v>
      </c>
      <c r="AA14308">
        <v>8</v>
      </c>
      <c r="AB14308">
        <v>8</v>
      </c>
      <c r="AC14308">
        <v>8</v>
      </c>
      <c r="AD14308">
        <v>8</v>
      </c>
      <c r="AE14308">
        <v>8</v>
      </c>
      <c r="AF14308">
        <v>8</v>
      </c>
      <c r="AG14308">
        <v>8</v>
      </c>
      <c r="AH14308">
        <v>8</v>
      </c>
      <c r="AI14308">
        <v>8</v>
      </c>
      <c r="AJ14308">
        <v>8</v>
      </c>
      <c r="AK14308">
        <v>8</v>
      </c>
      <c r="AL14308">
        <v>8</v>
      </c>
      <c r="AM14308">
        <v>8</v>
      </c>
      <c r="AN14308">
        <v>7</v>
      </c>
      <c r="AO14308">
        <v>7</v>
      </c>
      <c r="AP14308">
        <v>7</v>
      </c>
      <c r="AQ14308">
        <v>7</v>
      </c>
    </row>
    <row r="14309" spans="1:43">
      <c r="A14309" t="s">
        <v>8878</v>
      </c>
      <c r="B14309" t="s">
        <v>8879</v>
      </c>
      <c r="C14309" t="s">
        <v>8868</v>
      </c>
      <c r="D14309" t="s">
        <v>8869</v>
      </c>
      <c r="E14309" t="s">
        <v>8652</v>
      </c>
      <c r="F14309" t="s">
        <v>8653</v>
      </c>
      <c r="G14309" t="s">
        <v>80</v>
      </c>
      <c r="H14309" t="s">
        <v>81</v>
      </c>
      <c r="I14309" s="2">
        <v>0</v>
      </c>
      <c r="J14309" s="2">
        <v>0</v>
      </c>
      <c r="K14309" s="2">
        <v>1</v>
      </c>
      <c r="L14309" t="s">
        <v>995</v>
      </c>
      <c r="M14309" t="s">
        <v>83</v>
      </c>
      <c r="N14309" t="s">
        <v>91</v>
      </c>
      <c r="O14309" t="s">
        <v>85</v>
      </c>
      <c r="P14309" t="s">
        <v>86</v>
      </c>
      <c r="Q14309">
        <v>7</v>
      </c>
      <c r="R14309">
        <v>7</v>
      </c>
      <c r="S14309">
        <v>7</v>
      </c>
      <c r="T14309">
        <v>7</v>
      </c>
      <c r="U14309">
        <v>7</v>
      </c>
      <c r="V14309">
        <v>7</v>
      </c>
      <c r="W14309">
        <v>7</v>
      </c>
      <c r="X14309">
        <v>7</v>
      </c>
      <c r="Y14309">
        <v>7</v>
      </c>
      <c r="Z14309">
        <v>8</v>
      </c>
      <c r="AA14309">
        <v>8</v>
      </c>
      <c r="AB14309">
        <v>8</v>
      </c>
      <c r="AC14309">
        <v>8</v>
      </c>
      <c r="AD14309">
        <v>8</v>
      </c>
      <c r="AE14309">
        <v>8</v>
      </c>
      <c r="AF14309">
        <v>8</v>
      </c>
      <c r="AG14309">
        <v>8</v>
      </c>
      <c r="AH14309">
        <v>8</v>
      </c>
      <c r="AI14309">
        <v>8</v>
      </c>
      <c r="AJ14309">
        <v>8</v>
      </c>
      <c r="AK14309">
        <v>8</v>
      </c>
      <c r="AL14309">
        <v>8</v>
      </c>
      <c r="AM14309">
        <v>7</v>
      </c>
      <c r="AN14309">
        <v>7</v>
      </c>
      <c r="AO14309">
        <v>7</v>
      </c>
      <c r="AP14309">
        <v>7</v>
      </c>
      <c r="AQ14309">
        <v>7</v>
      </c>
    </row>
    <row r="14310" spans="1:43">
      <c r="A14310" t="s">
        <v>8880</v>
      </c>
      <c r="B14310" t="s">
        <v>8881</v>
      </c>
      <c r="C14310" t="s">
        <v>8680</v>
      </c>
      <c r="D14310" t="s">
        <v>8681</v>
      </c>
      <c r="E14310" t="s">
        <v>8652</v>
      </c>
      <c r="F14310" t="s">
        <v>8653</v>
      </c>
      <c r="G14310" t="s">
        <v>80</v>
      </c>
      <c r="H14310" t="s">
        <v>81</v>
      </c>
      <c r="I14310" s="2">
        <v>0</v>
      </c>
      <c r="J14310" s="2">
        <v>0</v>
      </c>
      <c r="K14310" s="2">
        <v>1</v>
      </c>
      <c r="L14310" t="s">
        <v>995</v>
      </c>
      <c r="M14310" t="s">
        <v>83</v>
      </c>
      <c r="N14310" t="s">
        <v>84</v>
      </c>
      <c r="O14310" t="s">
        <v>85</v>
      </c>
      <c r="P14310" t="s">
        <v>86</v>
      </c>
      <c r="Q14310">
        <v>57</v>
      </c>
      <c r="R14310">
        <v>57</v>
      </c>
      <c r="S14310">
        <v>57</v>
      </c>
      <c r="T14310">
        <v>58</v>
      </c>
      <c r="U14310">
        <v>58</v>
      </c>
      <c r="V14310">
        <v>58</v>
      </c>
      <c r="W14310">
        <v>59</v>
      </c>
      <c r="X14310">
        <v>59</v>
      </c>
      <c r="Y14310">
        <v>60</v>
      </c>
      <c r="Z14310">
        <v>60</v>
      </c>
      <c r="AA14310">
        <v>60</v>
      </c>
      <c r="AB14310">
        <v>61</v>
      </c>
      <c r="AC14310">
        <v>61</v>
      </c>
      <c r="AD14310">
        <v>61</v>
      </c>
      <c r="AE14310">
        <v>61</v>
      </c>
      <c r="AF14310">
        <v>61</v>
      </c>
      <c r="AG14310">
        <v>62</v>
      </c>
      <c r="AH14310">
        <v>62</v>
      </c>
      <c r="AI14310">
        <v>62</v>
      </c>
      <c r="AJ14310">
        <v>62</v>
      </c>
      <c r="AK14310">
        <v>63</v>
      </c>
      <c r="AL14310">
        <v>62</v>
      </c>
      <c r="AM14310">
        <v>62</v>
      </c>
      <c r="AN14310">
        <v>62</v>
      </c>
      <c r="AO14310">
        <v>62</v>
      </c>
      <c r="AP14310">
        <v>61</v>
      </c>
      <c r="AQ14310">
        <v>61</v>
      </c>
    </row>
    <row r="14311" spans="1:43">
      <c r="A14311" t="s">
        <v>8880</v>
      </c>
      <c r="B14311" t="s">
        <v>8881</v>
      </c>
      <c r="C14311" t="s">
        <v>8680</v>
      </c>
      <c r="D14311" t="s">
        <v>8681</v>
      </c>
      <c r="E14311" t="s">
        <v>8652</v>
      </c>
      <c r="F14311" t="s">
        <v>8653</v>
      </c>
      <c r="G14311" t="s">
        <v>80</v>
      </c>
      <c r="H14311" t="s">
        <v>81</v>
      </c>
      <c r="I14311" s="2">
        <v>0</v>
      </c>
      <c r="J14311" s="2">
        <v>0</v>
      </c>
      <c r="K14311" s="2">
        <v>1</v>
      </c>
      <c r="L14311" t="s">
        <v>995</v>
      </c>
      <c r="M14311" t="s">
        <v>87</v>
      </c>
      <c r="N14311" t="s">
        <v>88</v>
      </c>
      <c r="O14311" t="s">
        <v>85</v>
      </c>
      <c r="P14311" t="s">
        <v>86</v>
      </c>
      <c r="Q14311">
        <v>57</v>
      </c>
      <c r="R14311">
        <v>57</v>
      </c>
      <c r="S14311">
        <v>57</v>
      </c>
      <c r="T14311">
        <v>57</v>
      </c>
      <c r="U14311">
        <v>57</v>
      </c>
      <c r="V14311">
        <v>56</v>
      </c>
      <c r="W14311">
        <v>56</v>
      </c>
      <c r="X14311">
        <v>56</v>
      </c>
      <c r="Y14311">
        <v>56</v>
      </c>
      <c r="Z14311">
        <v>56</v>
      </c>
      <c r="AA14311">
        <v>56</v>
      </c>
      <c r="AB14311">
        <v>56</v>
      </c>
      <c r="AC14311">
        <v>56</v>
      </c>
      <c r="AD14311">
        <v>56</v>
      </c>
      <c r="AE14311">
        <v>55</v>
      </c>
      <c r="AF14311">
        <v>55</v>
      </c>
      <c r="AG14311">
        <v>55</v>
      </c>
      <c r="AH14311">
        <v>55</v>
      </c>
      <c r="AI14311">
        <v>55</v>
      </c>
      <c r="AJ14311">
        <v>55</v>
      </c>
      <c r="AK14311">
        <v>55</v>
      </c>
      <c r="AL14311">
        <v>55</v>
      </c>
      <c r="AM14311">
        <v>55</v>
      </c>
      <c r="AN14311">
        <v>55</v>
      </c>
      <c r="AO14311">
        <v>55</v>
      </c>
      <c r="AP14311">
        <v>55</v>
      </c>
      <c r="AQ14311">
        <v>55</v>
      </c>
    </row>
    <row r="14312" spans="1:43">
      <c r="A14312" t="s">
        <v>8880</v>
      </c>
      <c r="B14312" t="s">
        <v>8881</v>
      </c>
      <c r="C14312" t="s">
        <v>8680</v>
      </c>
      <c r="D14312" t="s">
        <v>8681</v>
      </c>
      <c r="E14312" t="s">
        <v>8652</v>
      </c>
      <c r="F14312" t="s">
        <v>8653</v>
      </c>
      <c r="G14312" t="s">
        <v>80</v>
      </c>
      <c r="H14312" t="s">
        <v>81</v>
      </c>
      <c r="I14312" s="2">
        <v>0</v>
      </c>
      <c r="J14312" s="2">
        <v>0</v>
      </c>
      <c r="K14312" s="2">
        <v>1</v>
      </c>
      <c r="L14312" t="s">
        <v>995</v>
      </c>
      <c r="M14312" t="s">
        <v>89</v>
      </c>
      <c r="N14312" t="s">
        <v>90</v>
      </c>
      <c r="O14312" t="s">
        <v>85</v>
      </c>
      <c r="P14312" t="s">
        <v>86</v>
      </c>
      <c r="Q14312">
        <v>57</v>
      </c>
      <c r="R14312">
        <v>58</v>
      </c>
      <c r="S14312">
        <v>59</v>
      </c>
      <c r="T14312">
        <v>60</v>
      </c>
      <c r="U14312">
        <v>60</v>
      </c>
      <c r="V14312">
        <v>61</v>
      </c>
      <c r="W14312">
        <v>62</v>
      </c>
      <c r="X14312">
        <v>62</v>
      </c>
      <c r="Y14312">
        <v>63</v>
      </c>
      <c r="Z14312">
        <v>63</v>
      </c>
      <c r="AA14312">
        <v>64</v>
      </c>
      <c r="AB14312">
        <v>64</v>
      </c>
      <c r="AC14312">
        <v>65</v>
      </c>
      <c r="AD14312">
        <v>65</v>
      </c>
      <c r="AE14312">
        <v>65</v>
      </c>
      <c r="AF14312">
        <v>65</v>
      </c>
      <c r="AG14312">
        <v>65</v>
      </c>
      <c r="AH14312">
        <v>64</v>
      </c>
      <c r="AI14312">
        <v>64</v>
      </c>
      <c r="AJ14312">
        <v>64</v>
      </c>
      <c r="AK14312">
        <v>64</v>
      </c>
      <c r="AL14312">
        <v>63</v>
      </c>
      <c r="AM14312">
        <v>63</v>
      </c>
      <c r="AN14312">
        <v>63</v>
      </c>
      <c r="AO14312">
        <v>62</v>
      </c>
      <c r="AP14312">
        <v>62</v>
      </c>
      <c r="AQ14312">
        <v>62</v>
      </c>
    </row>
    <row r="14313" spans="1:43">
      <c r="A14313" t="s">
        <v>8880</v>
      </c>
      <c r="B14313" t="s">
        <v>8881</v>
      </c>
      <c r="C14313" t="s">
        <v>8680</v>
      </c>
      <c r="D14313" t="s">
        <v>8681</v>
      </c>
      <c r="E14313" t="s">
        <v>8652</v>
      </c>
      <c r="F14313" t="s">
        <v>8653</v>
      </c>
      <c r="G14313" t="s">
        <v>80</v>
      </c>
      <c r="H14313" t="s">
        <v>81</v>
      </c>
      <c r="I14313" s="2">
        <v>0</v>
      </c>
      <c r="J14313" s="2">
        <v>0</v>
      </c>
      <c r="K14313" s="2">
        <v>1</v>
      </c>
      <c r="L14313" t="s">
        <v>995</v>
      </c>
      <c r="M14313" t="s">
        <v>83</v>
      </c>
      <c r="N14313" t="s">
        <v>91</v>
      </c>
      <c r="O14313" t="s">
        <v>85</v>
      </c>
      <c r="P14313" t="s">
        <v>86</v>
      </c>
      <c r="Q14313">
        <v>57</v>
      </c>
      <c r="R14313">
        <v>57</v>
      </c>
      <c r="S14313">
        <v>57</v>
      </c>
      <c r="T14313">
        <v>58</v>
      </c>
      <c r="U14313">
        <v>58</v>
      </c>
      <c r="V14313">
        <v>58</v>
      </c>
      <c r="W14313">
        <v>59</v>
      </c>
      <c r="X14313">
        <v>59</v>
      </c>
      <c r="Y14313">
        <v>60</v>
      </c>
      <c r="Z14313">
        <v>60</v>
      </c>
      <c r="AA14313">
        <v>60</v>
      </c>
      <c r="AB14313">
        <v>61</v>
      </c>
      <c r="AC14313">
        <v>61</v>
      </c>
      <c r="AD14313">
        <v>61</v>
      </c>
      <c r="AE14313">
        <v>61</v>
      </c>
      <c r="AF14313">
        <v>61</v>
      </c>
      <c r="AG14313">
        <v>62</v>
      </c>
      <c r="AH14313">
        <v>62</v>
      </c>
      <c r="AI14313">
        <v>62</v>
      </c>
      <c r="AJ14313">
        <v>62</v>
      </c>
      <c r="AK14313">
        <v>63</v>
      </c>
      <c r="AL14313">
        <v>62</v>
      </c>
      <c r="AM14313">
        <v>62</v>
      </c>
      <c r="AN14313">
        <v>62</v>
      </c>
      <c r="AO14313">
        <v>62</v>
      </c>
      <c r="AP14313">
        <v>61</v>
      </c>
      <c r="AQ14313">
        <v>61</v>
      </c>
    </row>
    <row r="14314" spans="1:43">
      <c r="A14314" t="s">
        <v>8882</v>
      </c>
      <c r="B14314" t="s">
        <v>8883</v>
      </c>
      <c r="C14314" t="s">
        <v>8884</v>
      </c>
      <c r="D14314" t="s">
        <v>8885</v>
      </c>
      <c r="E14314" t="s">
        <v>8652</v>
      </c>
      <c r="F14314" t="s">
        <v>8653</v>
      </c>
      <c r="G14314" t="s">
        <v>80</v>
      </c>
      <c r="H14314" t="s">
        <v>81</v>
      </c>
      <c r="I14314" s="2">
        <v>0</v>
      </c>
      <c r="J14314" s="2">
        <v>0</v>
      </c>
      <c r="K14314" s="2">
        <v>1</v>
      </c>
      <c r="L14314" t="s">
        <v>995</v>
      </c>
      <c r="M14314" t="s">
        <v>83</v>
      </c>
      <c r="N14314" t="s">
        <v>84</v>
      </c>
      <c r="O14314" t="s">
        <v>85</v>
      </c>
      <c r="P14314" t="s">
        <v>86</v>
      </c>
      <c r="Q14314">
        <v>33</v>
      </c>
      <c r="R14314">
        <v>33</v>
      </c>
      <c r="S14314">
        <v>33</v>
      </c>
      <c r="T14314">
        <v>33</v>
      </c>
      <c r="U14314">
        <v>33</v>
      </c>
      <c r="V14314">
        <v>33</v>
      </c>
      <c r="W14314">
        <v>33</v>
      </c>
      <c r="X14314">
        <v>33</v>
      </c>
      <c r="Y14314">
        <v>34</v>
      </c>
      <c r="Z14314">
        <v>34</v>
      </c>
      <c r="AA14314">
        <v>34</v>
      </c>
      <c r="AB14314">
        <v>34</v>
      </c>
      <c r="AC14314">
        <v>34</v>
      </c>
      <c r="AD14314">
        <v>34</v>
      </c>
      <c r="AE14314">
        <v>34</v>
      </c>
      <c r="AF14314">
        <v>34</v>
      </c>
      <c r="AG14314">
        <v>34</v>
      </c>
      <c r="AH14314">
        <v>34</v>
      </c>
      <c r="AI14314">
        <v>34</v>
      </c>
      <c r="AJ14314">
        <v>34</v>
      </c>
      <c r="AK14314">
        <v>34</v>
      </c>
      <c r="AL14314">
        <v>34</v>
      </c>
      <c r="AM14314">
        <v>34</v>
      </c>
      <c r="AN14314">
        <v>33</v>
      </c>
      <c r="AO14314">
        <v>33</v>
      </c>
      <c r="AP14314">
        <v>33</v>
      </c>
      <c r="AQ14314">
        <v>33</v>
      </c>
    </row>
    <row r="14315" spans="1:43">
      <c r="A14315" t="s">
        <v>8882</v>
      </c>
      <c r="B14315" t="s">
        <v>8883</v>
      </c>
      <c r="C14315" t="s">
        <v>8884</v>
      </c>
      <c r="D14315" t="s">
        <v>8885</v>
      </c>
      <c r="E14315" t="s">
        <v>8652</v>
      </c>
      <c r="F14315" t="s">
        <v>8653</v>
      </c>
      <c r="G14315" t="s">
        <v>80</v>
      </c>
      <c r="H14315" t="s">
        <v>81</v>
      </c>
      <c r="I14315" s="2">
        <v>0</v>
      </c>
      <c r="J14315" s="2">
        <v>0</v>
      </c>
      <c r="K14315" s="2">
        <v>1</v>
      </c>
      <c r="L14315" t="s">
        <v>995</v>
      </c>
      <c r="M14315" t="s">
        <v>87</v>
      </c>
      <c r="N14315" t="s">
        <v>88</v>
      </c>
      <c r="O14315" t="s">
        <v>85</v>
      </c>
      <c r="P14315" t="s">
        <v>86</v>
      </c>
      <c r="Q14315">
        <v>33</v>
      </c>
      <c r="R14315">
        <v>33</v>
      </c>
      <c r="S14315">
        <v>33</v>
      </c>
      <c r="T14315">
        <v>33</v>
      </c>
      <c r="U14315">
        <v>33</v>
      </c>
      <c r="V14315">
        <v>33</v>
      </c>
      <c r="W14315">
        <v>32</v>
      </c>
      <c r="X14315">
        <v>32</v>
      </c>
      <c r="Y14315">
        <v>32</v>
      </c>
      <c r="Z14315">
        <v>32</v>
      </c>
      <c r="AA14315">
        <v>32</v>
      </c>
      <c r="AB14315">
        <v>32</v>
      </c>
      <c r="AC14315">
        <v>31</v>
      </c>
      <c r="AD14315">
        <v>31</v>
      </c>
      <c r="AE14315">
        <v>31</v>
      </c>
      <c r="AF14315">
        <v>31</v>
      </c>
      <c r="AG14315">
        <v>31</v>
      </c>
      <c r="AH14315">
        <v>31</v>
      </c>
      <c r="AI14315">
        <v>30</v>
      </c>
      <c r="AJ14315">
        <v>30</v>
      </c>
      <c r="AK14315">
        <v>30</v>
      </c>
      <c r="AL14315">
        <v>30</v>
      </c>
      <c r="AM14315">
        <v>30</v>
      </c>
      <c r="AN14315">
        <v>30</v>
      </c>
      <c r="AO14315">
        <v>30</v>
      </c>
      <c r="AP14315">
        <v>29</v>
      </c>
      <c r="AQ14315">
        <v>29</v>
      </c>
    </row>
    <row r="14316" spans="1:43">
      <c r="A14316" t="s">
        <v>8882</v>
      </c>
      <c r="B14316" t="s">
        <v>8883</v>
      </c>
      <c r="C14316" t="s">
        <v>8884</v>
      </c>
      <c r="D14316" t="s">
        <v>8885</v>
      </c>
      <c r="E14316" t="s">
        <v>8652</v>
      </c>
      <c r="F14316" t="s">
        <v>8653</v>
      </c>
      <c r="G14316" t="s">
        <v>80</v>
      </c>
      <c r="H14316" t="s">
        <v>81</v>
      </c>
      <c r="I14316" s="2">
        <v>0</v>
      </c>
      <c r="J14316" s="2">
        <v>0</v>
      </c>
      <c r="K14316" s="2">
        <v>1</v>
      </c>
      <c r="L14316" t="s">
        <v>995</v>
      </c>
      <c r="M14316" t="s">
        <v>89</v>
      </c>
      <c r="N14316" t="s">
        <v>90</v>
      </c>
      <c r="O14316" t="s">
        <v>85</v>
      </c>
      <c r="P14316" t="s">
        <v>86</v>
      </c>
      <c r="Q14316">
        <v>33</v>
      </c>
      <c r="R14316">
        <v>33</v>
      </c>
      <c r="S14316">
        <v>34</v>
      </c>
      <c r="T14316">
        <v>34</v>
      </c>
      <c r="U14316">
        <v>35</v>
      </c>
      <c r="V14316">
        <v>35</v>
      </c>
      <c r="W14316">
        <v>35</v>
      </c>
      <c r="X14316">
        <v>35</v>
      </c>
      <c r="Y14316">
        <v>36</v>
      </c>
      <c r="Z14316">
        <v>36</v>
      </c>
      <c r="AA14316">
        <v>36</v>
      </c>
      <c r="AB14316">
        <v>36</v>
      </c>
      <c r="AC14316">
        <v>36</v>
      </c>
      <c r="AD14316">
        <v>36</v>
      </c>
      <c r="AE14316">
        <v>36</v>
      </c>
      <c r="AF14316">
        <v>36</v>
      </c>
      <c r="AG14316">
        <v>36</v>
      </c>
      <c r="AH14316">
        <v>35</v>
      </c>
      <c r="AI14316">
        <v>35</v>
      </c>
      <c r="AJ14316">
        <v>35</v>
      </c>
      <c r="AK14316">
        <v>35</v>
      </c>
      <c r="AL14316">
        <v>34</v>
      </c>
      <c r="AM14316">
        <v>34</v>
      </c>
      <c r="AN14316">
        <v>34</v>
      </c>
      <c r="AO14316">
        <v>33</v>
      </c>
      <c r="AP14316">
        <v>33</v>
      </c>
      <c r="AQ14316">
        <v>33</v>
      </c>
    </row>
    <row r="14317" spans="1:43">
      <c r="A14317" t="s">
        <v>8882</v>
      </c>
      <c r="B14317" t="s">
        <v>8883</v>
      </c>
      <c r="C14317" t="s">
        <v>8884</v>
      </c>
      <c r="D14317" t="s">
        <v>8885</v>
      </c>
      <c r="E14317" t="s">
        <v>8652</v>
      </c>
      <c r="F14317" t="s">
        <v>8653</v>
      </c>
      <c r="G14317" t="s">
        <v>80</v>
      </c>
      <c r="H14317" t="s">
        <v>81</v>
      </c>
      <c r="I14317" s="2">
        <v>0</v>
      </c>
      <c r="J14317" s="2">
        <v>0</v>
      </c>
      <c r="K14317" s="2">
        <v>1</v>
      </c>
      <c r="L14317" t="s">
        <v>995</v>
      </c>
      <c r="M14317" t="s">
        <v>83</v>
      </c>
      <c r="N14317" t="s">
        <v>91</v>
      </c>
      <c r="O14317" t="s">
        <v>85</v>
      </c>
      <c r="P14317" t="s">
        <v>86</v>
      </c>
      <c r="Q14317">
        <v>33</v>
      </c>
      <c r="R14317">
        <v>33</v>
      </c>
      <c r="S14317">
        <v>33</v>
      </c>
      <c r="T14317">
        <v>33</v>
      </c>
      <c r="U14317">
        <v>33</v>
      </c>
      <c r="V14317">
        <v>33</v>
      </c>
      <c r="W14317">
        <v>33</v>
      </c>
      <c r="X14317">
        <v>33</v>
      </c>
      <c r="Y14317">
        <v>34</v>
      </c>
      <c r="Z14317">
        <v>34</v>
      </c>
      <c r="AA14317">
        <v>34</v>
      </c>
      <c r="AB14317">
        <v>34</v>
      </c>
      <c r="AC14317">
        <v>34</v>
      </c>
      <c r="AD14317">
        <v>34</v>
      </c>
      <c r="AE14317">
        <v>34</v>
      </c>
      <c r="AF14317">
        <v>34</v>
      </c>
      <c r="AG14317">
        <v>34</v>
      </c>
      <c r="AH14317">
        <v>34</v>
      </c>
      <c r="AI14317">
        <v>34</v>
      </c>
      <c r="AJ14317">
        <v>34</v>
      </c>
      <c r="AK14317">
        <v>34</v>
      </c>
      <c r="AL14317">
        <v>34</v>
      </c>
      <c r="AM14317">
        <v>34</v>
      </c>
      <c r="AN14317">
        <v>33</v>
      </c>
      <c r="AO14317">
        <v>33</v>
      </c>
      <c r="AP14317">
        <v>33</v>
      </c>
      <c r="AQ14317">
        <v>33</v>
      </c>
    </row>
    <row r="14318" spans="1:43">
      <c r="A14318" t="s">
        <v>8886</v>
      </c>
      <c r="B14318" t="s">
        <v>8887</v>
      </c>
      <c r="C14318" t="s">
        <v>8884</v>
      </c>
      <c r="D14318" t="s">
        <v>8885</v>
      </c>
      <c r="E14318" t="s">
        <v>8652</v>
      </c>
      <c r="F14318" t="s">
        <v>8653</v>
      </c>
      <c r="G14318" t="s">
        <v>80</v>
      </c>
      <c r="H14318" t="s">
        <v>81</v>
      </c>
      <c r="I14318" s="2">
        <v>0</v>
      </c>
      <c r="J14318" s="2">
        <v>0</v>
      </c>
      <c r="K14318" s="2">
        <v>1</v>
      </c>
      <c r="L14318" t="s">
        <v>995</v>
      </c>
      <c r="M14318" t="s">
        <v>83</v>
      </c>
      <c r="N14318" t="s">
        <v>84</v>
      </c>
      <c r="O14318" t="s">
        <v>85</v>
      </c>
      <c r="P14318" t="s">
        <v>86</v>
      </c>
      <c r="Q14318">
        <v>54</v>
      </c>
      <c r="R14318">
        <v>54</v>
      </c>
      <c r="S14318">
        <v>55</v>
      </c>
      <c r="T14318">
        <v>55</v>
      </c>
      <c r="U14318">
        <v>55</v>
      </c>
      <c r="V14318">
        <v>55</v>
      </c>
      <c r="W14318">
        <v>56</v>
      </c>
      <c r="X14318">
        <v>56</v>
      </c>
      <c r="Y14318">
        <v>56</v>
      </c>
      <c r="Z14318">
        <v>56</v>
      </c>
      <c r="AA14318">
        <v>57</v>
      </c>
      <c r="AB14318">
        <v>57</v>
      </c>
      <c r="AC14318">
        <v>57</v>
      </c>
      <c r="AD14318">
        <v>57</v>
      </c>
      <c r="AE14318">
        <v>57</v>
      </c>
      <c r="AF14318">
        <v>57</v>
      </c>
      <c r="AG14318">
        <v>57</v>
      </c>
      <c r="AH14318">
        <v>58</v>
      </c>
      <c r="AI14318">
        <v>58</v>
      </c>
      <c r="AJ14318">
        <v>58</v>
      </c>
      <c r="AK14318">
        <v>58</v>
      </c>
      <c r="AL14318">
        <v>58</v>
      </c>
      <c r="AM14318">
        <v>57</v>
      </c>
      <c r="AN14318">
        <v>57</v>
      </c>
      <c r="AO14318">
        <v>57</v>
      </c>
      <c r="AP14318">
        <v>56</v>
      </c>
      <c r="AQ14318">
        <v>56</v>
      </c>
    </row>
    <row r="14319" spans="1:43">
      <c r="A14319" t="s">
        <v>8886</v>
      </c>
      <c r="B14319" t="s">
        <v>8887</v>
      </c>
      <c r="C14319" t="s">
        <v>8884</v>
      </c>
      <c r="D14319" t="s">
        <v>8885</v>
      </c>
      <c r="E14319" t="s">
        <v>8652</v>
      </c>
      <c r="F14319" t="s">
        <v>8653</v>
      </c>
      <c r="G14319" t="s">
        <v>80</v>
      </c>
      <c r="H14319" t="s">
        <v>81</v>
      </c>
      <c r="I14319" s="2">
        <v>0</v>
      </c>
      <c r="J14319" s="2">
        <v>0</v>
      </c>
      <c r="K14319" s="2">
        <v>1</v>
      </c>
      <c r="L14319" t="s">
        <v>995</v>
      </c>
      <c r="M14319" t="s">
        <v>87</v>
      </c>
      <c r="N14319" t="s">
        <v>88</v>
      </c>
      <c r="O14319" t="s">
        <v>85</v>
      </c>
      <c r="P14319" t="s">
        <v>86</v>
      </c>
      <c r="Q14319">
        <v>54</v>
      </c>
      <c r="R14319">
        <v>54</v>
      </c>
      <c r="S14319">
        <v>54</v>
      </c>
      <c r="T14319">
        <v>54</v>
      </c>
      <c r="U14319">
        <v>54</v>
      </c>
      <c r="V14319">
        <v>53</v>
      </c>
      <c r="W14319">
        <v>53</v>
      </c>
      <c r="X14319">
        <v>53</v>
      </c>
      <c r="Y14319">
        <v>53</v>
      </c>
      <c r="Z14319">
        <v>53</v>
      </c>
      <c r="AA14319">
        <v>52</v>
      </c>
      <c r="AB14319">
        <v>52</v>
      </c>
      <c r="AC14319">
        <v>52</v>
      </c>
      <c r="AD14319">
        <v>52</v>
      </c>
      <c r="AE14319">
        <v>52</v>
      </c>
      <c r="AF14319">
        <v>52</v>
      </c>
      <c r="AG14319">
        <v>51</v>
      </c>
      <c r="AH14319">
        <v>51</v>
      </c>
      <c r="AI14319">
        <v>51</v>
      </c>
      <c r="AJ14319">
        <v>51</v>
      </c>
      <c r="AK14319">
        <v>51</v>
      </c>
      <c r="AL14319">
        <v>51</v>
      </c>
      <c r="AM14319">
        <v>50</v>
      </c>
      <c r="AN14319">
        <v>50</v>
      </c>
      <c r="AO14319">
        <v>50</v>
      </c>
      <c r="AP14319">
        <v>50</v>
      </c>
      <c r="AQ14319">
        <v>50</v>
      </c>
    </row>
    <row r="14320" spans="1:43">
      <c r="A14320" t="s">
        <v>8886</v>
      </c>
      <c r="B14320" t="s">
        <v>8887</v>
      </c>
      <c r="C14320" t="s">
        <v>8884</v>
      </c>
      <c r="D14320" t="s">
        <v>8885</v>
      </c>
      <c r="E14320" t="s">
        <v>8652</v>
      </c>
      <c r="F14320" t="s">
        <v>8653</v>
      </c>
      <c r="G14320" t="s">
        <v>80</v>
      </c>
      <c r="H14320" t="s">
        <v>81</v>
      </c>
      <c r="I14320" s="2">
        <v>0</v>
      </c>
      <c r="J14320" s="2">
        <v>0</v>
      </c>
      <c r="K14320" s="2">
        <v>1</v>
      </c>
      <c r="L14320" t="s">
        <v>995</v>
      </c>
      <c r="M14320" t="s">
        <v>89</v>
      </c>
      <c r="N14320" t="s">
        <v>90</v>
      </c>
      <c r="O14320" t="s">
        <v>85</v>
      </c>
      <c r="P14320" t="s">
        <v>86</v>
      </c>
      <c r="Q14320">
        <v>54</v>
      </c>
      <c r="R14320">
        <v>55</v>
      </c>
      <c r="S14320">
        <v>56</v>
      </c>
      <c r="T14320">
        <v>57</v>
      </c>
      <c r="U14320">
        <v>57</v>
      </c>
      <c r="V14320">
        <v>58</v>
      </c>
      <c r="W14320">
        <v>58</v>
      </c>
      <c r="X14320">
        <v>59</v>
      </c>
      <c r="Y14320">
        <v>59</v>
      </c>
      <c r="Z14320">
        <v>60</v>
      </c>
      <c r="AA14320">
        <v>60</v>
      </c>
      <c r="AB14320">
        <v>60</v>
      </c>
      <c r="AC14320">
        <v>61</v>
      </c>
      <c r="AD14320">
        <v>61</v>
      </c>
      <c r="AE14320">
        <v>61</v>
      </c>
      <c r="AF14320">
        <v>61</v>
      </c>
      <c r="AG14320">
        <v>60</v>
      </c>
      <c r="AH14320">
        <v>60</v>
      </c>
      <c r="AI14320">
        <v>59</v>
      </c>
      <c r="AJ14320">
        <v>59</v>
      </c>
      <c r="AK14320">
        <v>59</v>
      </c>
      <c r="AL14320">
        <v>58</v>
      </c>
      <c r="AM14320">
        <v>58</v>
      </c>
      <c r="AN14320">
        <v>57</v>
      </c>
      <c r="AO14320">
        <v>57</v>
      </c>
      <c r="AP14320">
        <v>57</v>
      </c>
      <c r="AQ14320">
        <v>56</v>
      </c>
    </row>
    <row r="14321" spans="1:43">
      <c r="A14321" t="s">
        <v>8886</v>
      </c>
      <c r="B14321" t="s">
        <v>8887</v>
      </c>
      <c r="C14321" t="s">
        <v>8884</v>
      </c>
      <c r="D14321" t="s">
        <v>8885</v>
      </c>
      <c r="E14321" t="s">
        <v>8652</v>
      </c>
      <c r="F14321" t="s">
        <v>8653</v>
      </c>
      <c r="G14321" t="s">
        <v>80</v>
      </c>
      <c r="H14321" t="s">
        <v>81</v>
      </c>
      <c r="I14321" s="2">
        <v>0</v>
      </c>
      <c r="J14321" s="2">
        <v>0</v>
      </c>
      <c r="K14321" s="2">
        <v>1</v>
      </c>
      <c r="L14321" t="s">
        <v>995</v>
      </c>
      <c r="M14321" t="s">
        <v>83</v>
      </c>
      <c r="N14321" t="s">
        <v>91</v>
      </c>
      <c r="O14321" t="s">
        <v>85</v>
      </c>
      <c r="P14321" t="s">
        <v>86</v>
      </c>
      <c r="Q14321">
        <v>54</v>
      </c>
      <c r="R14321">
        <v>54</v>
      </c>
      <c r="S14321">
        <v>55</v>
      </c>
      <c r="T14321">
        <v>55</v>
      </c>
      <c r="U14321">
        <v>55</v>
      </c>
      <c r="V14321">
        <v>55</v>
      </c>
      <c r="W14321">
        <v>56</v>
      </c>
      <c r="X14321">
        <v>56</v>
      </c>
      <c r="Y14321">
        <v>56</v>
      </c>
      <c r="Z14321">
        <v>56</v>
      </c>
      <c r="AA14321">
        <v>57</v>
      </c>
      <c r="AB14321">
        <v>57</v>
      </c>
      <c r="AC14321">
        <v>57</v>
      </c>
      <c r="AD14321">
        <v>57</v>
      </c>
      <c r="AE14321">
        <v>57</v>
      </c>
      <c r="AF14321">
        <v>57</v>
      </c>
      <c r="AG14321">
        <v>57</v>
      </c>
      <c r="AH14321">
        <v>58</v>
      </c>
      <c r="AI14321">
        <v>58</v>
      </c>
      <c r="AJ14321">
        <v>58</v>
      </c>
      <c r="AK14321">
        <v>58</v>
      </c>
      <c r="AL14321">
        <v>58</v>
      </c>
      <c r="AM14321">
        <v>57</v>
      </c>
      <c r="AN14321">
        <v>57</v>
      </c>
      <c r="AO14321">
        <v>57</v>
      </c>
      <c r="AP14321">
        <v>56</v>
      </c>
      <c r="AQ14321">
        <v>56</v>
      </c>
    </row>
    <row r="14322" spans="1:43">
      <c r="A14322" t="s">
        <v>8888</v>
      </c>
      <c r="B14322" t="s">
        <v>8889</v>
      </c>
      <c r="C14322" t="s">
        <v>8884</v>
      </c>
      <c r="D14322" t="s">
        <v>8885</v>
      </c>
      <c r="E14322" t="s">
        <v>8652</v>
      </c>
      <c r="F14322" t="s">
        <v>8653</v>
      </c>
      <c r="G14322" t="s">
        <v>80</v>
      </c>
      <c r="H14322" t="s">
        <v>81</v>
      </c>
      <c r="I14322" s="2">
        <v>0</v>
      </c>
      <c r="J14322" s="2">
        <v>0</v>
      </c>
      <c r="K14322" s="2">
        <v>1</v>
      </c>
      <c r="L14322" t="s">
        <v>995</v>
      </c>
      <c r="M14322" t="s">
        <v>83</v>
      </c>
      <c r="N14322" t="s">
        <v>84</v>
      </c>
      <c r="O14322" t="s">
        <v>85</v>
      </c>
      <c r="P14322" t="s">
        <v>86</v>
      </c>
      <c r="Q14322">
        <v>5</v>
      </c>
      <c r="R14322">
        <v>5</v>
      </c>
      <c r="S14322">
        <v>5</v>
      </c>
      <c r="T14322">
        <v>5</v>
      </c>
      <c r="U14322">
        <v>5</v>
      </c>
      <c r="V14322">
        <v>5</v>
      </c>
      <c r="W14322">
        <v>5</v>
      </c>
      <c r="X14322">
        <v>5</v>
      </c>
      <c r="Y14322">
        <v>6</v>
      </c>
      <c r="Z14322">
        <v>6</v>
      </c>
      <c r="AA14322">
        <v>6</v>
      </c>
      <c r="AB14322">
        <v>6</v>
      </c>
      <c r="AC14322">
        <v>6</v>
      </c>
      <c r="AD14322">
        <v>6</v>
      </c>
      <c r="AE14322">
        <v>6</v>
      </c>
      <c r="AF14322">
        <v>6</v>
      </c>
      <c r="AG14322">
        <v>6</v>
      </c>
      <c r="AH14322">
        <v>6</v>
      </c>
      <c r="AI14322">
        <v>6</v>
      </c>
      <c r="AJ14322">
        <v>6</v>
      </c>
      <c r="AK14322">
        <v>6</v>
      </c>
      <c r="AL14322">
        <v>6</v>
      </c>
      <c r="AM14322">
        <v>6</v>
      </c>
      <c r="AN14322">
        <v>6</v>
      </c>
      <c r="AO14322">
        <v>5</v>
      </c>
      <c r="AP14322">
        <v>5</v>
      </c>
      <c r="AQ14322">
        <v>5</v>
      </c>
    </row>
    <row r="14323" spans="1:43">
      <c r="A14323" t="s">
        <v>8888</v>
      </c>
      <c r="B14323" t="s">
        <v>8889</v>
      </c>
      <c r="C14323" t="s">
        <v>8884</v>
      </c>
      <c r="D14323" t="s">
        <v>8885</v>
      </c>
      <c r="E14323" t="s">
        <v>8652</v>
      </c>
      <c r="F14323" t="s">
        <v>8653</v>
      </c>
      <c r="G14323" t="s">
        <v>80</v>
      </c>
      <c r="H14323" t="s">
        <v>81</v>
      </c>
      <c r="I14323" s="2">
        <v>0</v>
      </c>
      <c r="J14323" s="2">
        <v>0</v>
      </c>
      <c r="K14323" s="2">
        <v>1</v>
      </c>
      <c r="L14323" t="s">
        <v>995</v>
      </c>
      <c r="M14323" t="s">
        <v>87</v>
      </c>
      <c r="N14323" t="s">
        <v>88</v>
      </c>
      <c r="O14323" t="s">
        <v>85</v>
      </c>
      <c r="P14323" t="s">
        <v>86</v>
      </c>
      <c r="Q14323">
        <v>5</v>
      </c>
      <c r="R14323">
        <v>5</v>
      </c>
      <c r="S14323">
        <v>5</v>
      </c>
      <c r="T14323">
        <v>5</v>
      </c>
      <c r="U14323">
        <v>5</v>
      </c>
      <c r="V14323">
        <v>5</v>
      </c>
      <c r="W14323">
        <v>5</v>
      </c>
      <c r="X14323">
        <v>5</v>
      </c>
      <c r="Y14323">
        <v>5</v>
      </c>
      <c r="Z14323">
        <v>5</v>
      </c>
      <c r="AA14323">
        <v>5</v>
      </c>
      <c r="AB14323">
        <v>5</v>
      </c>
      <c r="AC14323">
        <v>5</v>
      </c>
      <c r="AD14323">
        <v>5</v>
      </c>
      <c r="AE14323">
        <v>5</v>
      </c>
      <c r="AF14323">
        <v>5</v>
      </c>
      <c r="AG14323">
        <v>5</v>
      </c>
      <c r="AH14323">
        <v>5</v>
      </c>
      <c r="AI14323">
        <v>5</v>
      </c>
      <c r="AJ14323">
        <v>5</v>
      </c>
      <c r="AK14323">
        <v>5</v>
      </c>
      <c r="AL14323">
        <v>5</v>
      </c>
      <c r="AM14323">
        <v>5</v>
      </c>
      <c r="AN14323">
        <v>5</v>
      </c>
      <c r="AO14323">
        <v>5</v>
      </c>
      <c r="AP14323">
        <v>5</v>
      </c>
      <c r="AQ14323">
        <v>5</v>
      </c>
    </row>
    <row r="14324" spans="1:43">
      <c r="A14324" t="s">
        <v>8888</v>
      </c>
      <c r="B14324" t="s">
        <v>8889</v>
      </c>
      <c r="C14324" t="s">
        <v>8884</v>
      </c>
      <c r="D14324" t="s">
        <v>8885</v>
      </c>
      <c r="E14324" t="s">
        <v>8652</v>
      </c>
      <c r="F14324" t="s">
        <v>8653</v>
      </c>
      <c r="G14324" t="s">
        <v>80</v>
      </c>
      <c r="H14324" t="s">
        <v>81</v>
      </c>
      <c r="I14324" s="2">
        <v>0</v>
      </c>
      <c r="J14324" s="2">
        <v>0</v>
      </c>
      <c r="K14324" s="2">
        <v>1</v>
      </c>
      <c r="L14324" t="s">
        <v>995</v>
      </c>
      <c r="M14324" t="s">
        <v>89</v>
      </c>
      <c r="N14324" t="s">
        <v>90</v>
      </c>
      <c r="O14324" t="s">
        <v>85</v>
      </c>
      <c r="P14324" t="s">
        <v>86</v>
      </c>
      <c r="Q14324">
        <v>5</v>
      </c>
      <c r="R14324">
        <v>5</v>
      </c>
      <c r="S14324">
        <v>6</v>
      </c>
      <c r="T14324">
        <v>6</v>
      </c>
      <c r="U14324">
        <v>6</v>
      </c>
      <c r="V14324">
        <v>6</v>
      </c>
      <c r="W14324">
        <v>6</v>
      </c>
      <c r="X14324">
        <v>6</v>
      </c>
      <c r="Y14324">
        <v>6</v>
      </c>
      <c r="Z14324">
        <v>6</v>
      </c>
      <c r="AA14324">
        <v>6</v>
      </c>
      <c r="AB14324">
        <v>6</v>
      </c>
      <c r="AC14324">
        <v>6</v>
      </c>
      <c r="AD14324">
        <v>6</v>
      </c>
      <c r="AE14324">
        <v>6</v>
      </c>
      <c r="AF14324">
        <v>6</v>
      </c>
      <c r="AG14324">
        <v>6</v>
      </c>
      <c r="AH14324">
        <v>6</v>
      </c>
      <c r="AI14324">
        <v>6</v>
      </c>
      <c r="AJ14324">
        <v>6</v>
      </c>
      <c r="AK14324">
        <v>6</v>
      </c>
      <c r="AL14324">
        <v>6</v>
      </c>
      <c r="AM14324">
        <v>6</v>
      </c>
      <c r="AN14324">
        <v>6</v>
      </c>
      <c r="AO14324">
        <v>6</v>
      </c>
      <c r="AP14324">
        <v>5</v>
      </c>
      <c r="AQ14324">
        <v>5</v>
      </c>
    </row>
    <row r="14325" spans="1:43">
      <c r="A14325" t="s">
        <v>8888</v>
      </c>
      <c r="B14325" t="s">
        <v>8889</v>
      </c>
      <c r="C14325" t="s">
        <v>8884</v>
      </c>
      <c r="D14325" t="s">
        <v>8885</v>
      </c>
      <c r="E14325" t="s">
        <v>8652</v>
      </c>
      <c r="F14325" t="s">
        <v>8653</v>
      </c>
      <c r="G14325" t="s">
        <v>80</v>
      </c>
      <c r="H14325" t="s">
        <v>81</v>
      </c>
      <c r="I14325" s="2">
        <v>0</v>
      </c>
      <c r="J14325" s="2">
        <v>0</v>
      </c>
      <c r="K14325" s="2">
        <v>1</v>
      </c>
      <c r="L14325" t="s">
        <v>995</v>
      </c>
      <c r="M14325" t="s">
        <v>83</v>
      </c>
      <c r="N14325" t="s">
        <v>91</v>
      </c>
      <c r="O14325" t="s">
        <v>85</v>
      </c>
      <c r="P14325" t="s">
        <v>86</v>
      </c>
      <c r="Q14325">
        <v>5</v>
      </c>
      <c r="R14325">
        <v>5</v>
      </c>
      <c r="S14325">
        <v>5</v>
      </c>
      <c r="T14325">
        <v>5</v>
      </c>
      <c r="U14325">
        <v>5</v>
      </c>
      <c r="V14325">
        <v>5</v>
      </c>
      <c r="W14325">
        <v>5</v>
      </c>
      <c r="X14325">
        <v>5</v>
      </c>
      <c r="Y14325">
        <v>6</v>
      </c>
      <c r="Z14325">
        <v>6</v>
      </c>
      <c r="AA14325">
        <v>6</v>
      </c>
      <c r="AB14325">
        <v>6</v>
      </c>
      <c r="AC14325">
        <v>6</v>
      </c>
      <c r="AD14325">
        <v>6</v>
      </c>
      <c r="AE14325">
        <v>6</v>
      </c>
      <c r="AF14325">
        <v>6</v>
      </c>
      <c r="AG14325">
        <v>6</v>
      </c>
      <c r="AH14325">
        <v>6</v>
      </c>
      <c r="AI14325">
        <v>6</v>
      </c>
      <c r="AJ14325">
        <v>6</v>
      </c>
      <c r="AK14325">
        <v>6</v>
      </c>
      <c r="AL14325">
        <v>6</v>
      </c>
      <c r="AM14325">
        <v>6</v>
      </c>
      <c r="AN14325">
        <v>6</v>
      </c>
      <c r="AO14325">
        <v>5</v>
      </c>
      <c r="AP14325">
        <v>5</v>
      </c>
      <c r="AQ14325">
        <v>5</v>
      </c>
    </row>
    <row r="14326" spans="1:43">
      <c r="A14326" t="s">
        <v>8890</v>
      </c>
      <c r="B14326" t="s">
        <v>8891</v>
      </c>
      <c r="C14326" t="s">
        <v>8680</v>
      </c>
      <c r="D14326" t="s">
        <v>8681</v>
      </c>
      <c r="E14326" t="s">
        <v>8652</v>
      </c>
      <c r="F14326" t="s">
        <v>8653</v>
      </c>
      <c r="G14326" t="s">
        <v>80</v>
      </c>
      <c r="H14326" t="s">
        <v>81</v>
      </c>
      <c r="I14326" s="2">
        <v>0</v>
      </c>
      <c r="J14326" s="2">
        <v>0</v>
      </c>
      <c r="K14326" s="2">
        <v>1</v>
      </c>
      <c r="L14326" t="s">
        <v>995</v>
      </c>
      <c r="M14326" t="s">
        <v>83</v>
      </c>
      <c r="N14326" t="s">
        <v>84</v>
      </c>
      <c r="O14326" t="s">
        <v>85</v>
      </c>
      <c r="P14326" t="s">
        <v>86</v>
      </c>
      <c r="Q14326">
        <v>24</v>
      </c>
      <c r="R14326">
        <v>24</v>
      </c>
      <c r="S14326">
        <v>24</v>
      </c>
      <c r="T14326">
        <v>24</v>
      </c>
      <c r="U14326">
        <v>25</v>
      </c>
      <c r="V14326">
        <v>25</v>
      </c>
      <c r="W14326">
        <v>25</v>
      </c>
      <c r="X14326">
        <v>25</v>
      </c>
      <c r="Y14326">
        <v>25</v>
      </c>
      <c r="Z14326">
        <v>25</v>
      </c>
      <c r="AA14326">
        <v>25</v>
      </c>
      <c r="AB14326">
        <v>25</v>
      </c>
      <c r="AC14326">
        <v>25</v>
      </c>
      <c r="AD14326">
        <v>25</v>
      </c>
      <c r="AE14326">
        <v>25</v>
      </c>
      <c r="AF14326">
        <v>25</v>
      </c>
      <c r="AG14326">
        <v>26</v>
      </c>
      <c r="AH14326">
        <v>26</v>
      </c>
      <c r="AI14326">
        <v>26</v>
      </c>
      <c r="AJ14326">
        <v>26</v>
      </c>
      <c r="AK14326">
        <v>26</v>
      </c>
      <c r="AL14326">
        <v>26</v>
      </c>
      <c r="AM14326">
        <v>25</v>
      </c>
      <c r="AN14326">
        <v>25</v>
      </c>
      <c r="AO14326">
        <v>25</v>
      </c>
      <c r="AP14326">
        <v>25</v>
      </c>
      <c r="AQ14326">
        <v>25</v>
      </c>
    </row>
    <row r="14327" spans="1:43">
      <c r="A14327" t="s">
        <v>8890</v>
      </c>
      <c r="B14327" t="s">
        <v>8891</v>
      </c>
      <c r="C14327" t="s">
        <v>8680</v>
      </c>
      <c r="D14327" t="s">
        <v>8681</v>
      </c>
      <c r="E14327" t="s">
        <v>8652</v>
      </c>
      <c r="F14327" t="s">
        <v>8653</v>
      </c>
      <c r="G14327" t="s">
        <v>80</v>
      </c>
      <c r="H14327" t="s">
        <v>81</v>
      </c>
      <c r="I14327" s="2">
        <v>0</v>
      </c>
      <c r="J14327" s="2">
        <v>0</v>
      </c>
      <c r="K14327" s="2">
        <v>1</v>
      </c>
      <c r="L14327" t="s">
        <v>995</v>
      </c>
      <c r="M14327" t="s">
        <v>87</v>
      </c>
      <c r="N14327" t="s">
        <v>88</v>
      </c>
      <c r="O14327" t="s">
        <v>85</v>
      </c>
      <c r="P14327" t="s">
        <v>86</v>
      </c>
      <c r="Q14327">
        <v>24</v>
      </c>
      <c r="R14327">
        <v>24</v>
      </c>
      <c r="S14327">
        <v>24</v>
      </c>
      <c r="T14327">
        <v>24</v>
      </c>
      <c r="U14327">
        <v>23</v>
      </c>
      <c r="V14327">
        <v>23</v>
      </c>
      <c r="W14327">
        <v>23</v>
      </c>
      <c r="X14327">
        <v>23</v>
      </c>
      <c r="Y14327">
        <v>23</v>
      </c>
      <c r="Z14327">
        <v>23</v>
      </c>
      <c r="AA14327">
        <v>23</v>
      </c>
      <c r="AB14327">
        <v>23</v>
      </c>
      <c r="AC14327">
        <v>23</v>
      </c>
      <c r="AD14327">
        <v>23</v>
      </c>
      <c r="AE14327">
        <v>23</v>
      </c>
      <c r="AF14327">
        <v>22</v>
      </c>
      <c r="AG14327">
        <v>22</v>
      </c>
      <c r="AH14327">
        <v>22</v>
      </c>
      <c r="AI14327">
        <v>22</v>
      </c>
      <c r="AJ14327">
        <v>22</v>
      </c>
      <c r="AK14327">
        <v>22</v>
      </c>
      <c r="AL14327">
        <v>22</v>
      </c>
      <c r="AM14327">
        <v>22</v>
      </c>
      <c r="AN14327">
        <v>22</v>
      </c>
      <c r="AO14327">
        <v>22</v>
      </c>
      <c r="AP14327">
        <v>22</v>
      </c>
      <c r="AQ14327">
        <v>22</v>
      </c>
    </row>
    <row r="14328" spans="1:43">
      <c r="A14328" t="s">
        <v>8890</v>
      </c>
      <c r="B14328" t="s">
        <v>8891</v>
      </c>
      <c r="C14328" t="s">
        <v>8680</v>
      </c>
      <c r="D14328" t="s">
        <v>8681</v>
      </c>
      <c r="E14328" t="s">
        <v>8652</v>
      </c>
      <c r="F14328" t="s">
        <v>8653</v>
      </c>
      <c r="G14328" t="s">
        <v>80</v>
      </c>
      <c r="H14328" t="s">
        <v>81</v>
      </c>
      <c r="I14328" s="2">
        <v>0</v>
      </c>
      <c r="J14328" s="2">
        <v>0</v>
      </c>
      <c r="K14328" s="2">
        <v>1</v>
      </c>
      <c r="L14328" t="s">
        <v>995</v>
      </c>
      <c r="M14328" t="s">
        <v>89</v>
      </c>
      <c r="N14328" t="s">
        <v>90</v>
      </c>
      <c r="O14328" t="s">
        <v>85</v>
      </c>
      <c r="P14328" t="s">
        <v>86</v>
      </c>
      <c r="Q14328">
        <v>24</v>
      </c>
      <c r="R14328">
        <v>25</v>
      </c>
      <c r="S14328">
        <v>25</v>
      </c>
      <c r="T14328">
        <v>25</v>
      </c>
      <c r="U14328">
        <v>26</v>
      </c>
      <c r="V14328">
        <v>26</v>
      </c>
      <c r="W14328">
        <v>26</v>
      </c>
      <c r="X14328">
        <v>26</v>
      </c>
      <c r="Y14328">
        <v>26</v>
      </c>
      <c r="Z14328">
        <v>27</v>
      </c>
      <c r="AA14328">
        <v>27</v>
      </c>
      <c r="AB14328">
        <v>27</v>
      </c>
      <c r="AC14328">
        <v>27</v>
      </c>
      <c r="AD14328">
        <v>27</v>
      </c>
      <c r="AE14328">
        <v>27</v>
      </c>
      <c r="AF14328">
        <v>27</v>
      </c>
      <c r="AG14328">
        <v>27</v>
      </c>
      <c r="AH14328">
        <v>27</v>
      </c>
      <c r="AI14328">
        <v>26</v>
      </c>
      <c r="AJ14328">
        <v>26</v>
      </c>
      <c r="AK14328">
        <v>26</v>
      </c>
      <c r="AL14328">
        <v>26</v>
      </c>
      <c r="AM14328">
        <v>26</v>
      </c>
      <c r="AN14328">
        <v>25</v>
      </c>
      <c r="AO14328">
        <v>25</v>
      </c>
      <c r="AP14328">
        <v>25</v>
      </c>
      <c r="AQ14328">
        <v>25</v>
      </c>
    </row>
    <row r="14329" spans="1:43">
      <c r="A14329" t="s">
        <v>8890</v>
      </c>
      <c r="B14329" t="s">
        <v>8891</v>
      </c>
      <c r="C14329" t="s">
        <v>8680</v>
      </c>
      <c r="D14329" t="s">
        <v>8681</v>
      </c>
      <c r="E14329" t="s">
        <v>8652</v>
      </c>
      <c r="F14329" t="s">
        <v>8653</v>
      </c>
      <c r="G14329" t="s">
        <v>80</v>
      </c>
      <c r="H14329" t="s">
        <v>81</v>
      </c>
      <c r="I14329" s="2">
        <v>0</v>
      </c>
      <c r="J14329" s="2">
        <v>0</v>
      </c>
      <c r="K14329" s="2">
        <v>1</v>
      </c>
      <c r="L14329" t="s">
        <v>995</v>
      </c>
      <c r="M14329" t="s">
        <v>83</v>
      </c>
      <c r="N14329" t="s">
        <v>91</v>
      </c>
      <c r="O14329" t="s">
        <v>85</v>
      </c>
      <c r="P14329" t="s">
        <v>86</v>
      </c>
      <c r="Q14329">
        <v>24</v>
      </c>
      <c r="R14329">
        <v>24</v>
      </c>
      <c r="S14329">
        <v>24</v>
      </c>
      <c r="T14329">
        <v>24</v>
      </c>
      <c r="U14329">
        <v>25</v>
      </c>
      <c r="V14329">
        <v>25</v>
      </c>
      <c r="W14329">
        <v>25</v>
      </c>
      <c r="X14329">
        <v>25</v>
      </c>
      <c r="Y14329">
        <v>25</v>
      </c>
      <c r="Z14329">
        <v>25</v>
      </c>
      <c r="AA14329">
        <v>25</v>
      </c>
      <c r="AB14329">
        <v>25</v>
      </c>
      <c r="AC14329">
        <v>25</v>
      </c>
      <c r="AD14329">
        <v>25</v>
      </c>
      <c r="AE14329">
        <v>25</v>
      </c>
      <c r="AF14329">
        <v>25</v>
      </c>
      <c r="AG14329">
        <v>26</v>
      </c>
      <c r="AH14329">
        <v>26</v>
      </c>
      <c r="AI14329">
        <v>26</v>
      </c>
      <c r="AJ14329">
        <v>26</v>
      </c>
      <c r="AK14329">
        <v>26</v>
      </c>
      <c r="AL14329">
        <v>26</v>
      </c>
      <c r="AM14329">
        <v>25</v>
      </c>
      <c r="AN14329">
        <v>25</v>
      </c>
      <c r="AO14329">
        <v>25</v>
      </c>
      <c r="AP14329">
        <v>25</v>
      </c>
      <c r="AQ14329">
        <v>25</v>
      </c>
    </row>
    <row r="14330" spans="1:43">
      <c r="A14330" t="s">
        <v>8892</v>
      </c>
      <c r="B14330" t="s">
        <v>8893</v>
      </c>
      <c r="C14330" t="s">
        <v>8884</v>
      </c>
      <c r="D14330" t="s">
        <v>8885</v>
      </c>
      <c r="E14330" t="s">
        <v>8652</v>
      </c>
      <c r="F14330" t="s">
        <v>8653</v>
      </c>
      <c r="G14330" t="s">
        <v>80</v>
      </c>
      <c r="H14330" t="s">
        <v>81</v>
      </c>
      <c r="I14330" s="2">
        <v>0</v>
      </c>
      <c r="J14330" s="2">
        <v>0</v>
      </c>
      <c r="K14330" s="2">
        <v>1</v>
      </c>
      <c r="L14330" t="s">
        <v>995</v>
      </c>
      <c r="M14330" t="s">
        <v>83</v>
      </c>
      <c r="N14330" t="s">
        <v>84</v>
      </c>
      <c r="O14330" t="s">
        <v>85</v>
      </c>
      <c r="P14330" t="s">
        <v>86</v>
      </c>
      <c r="Q14330">
        <v>9</v>
      </c>
      <c r="R14330">
        <v>9</v>
      </c>
      <c r="S14330">
        <v>9</v>
      </c>
      <c r="T14330">
        <v>9</v>
      </c>
      <c r="U14330">
        <v>10</v>
      </c>
      <c r="V14330">
        <v>10</v>
      </c>
      <c r="W14330">
        <v>10</v>
      </c>
      <c r="X14330">
        <v>10</v>
      </c>
      <c r="Y14330">
        <v>10</v>
      </c>
      <c r="Z14330">
        <v>10</v>
      </c>
      <c r="AA14330">
        <v>10</v>
      </c>
      <c r="AB14330">
        <v>10</v>
      </c>
      <c r="AC14330">
        <v>10</v>
      </c>
      <c r="AD14330">
        <v>10</v>
      </c>
      <c r="AE14330">
        <v>10</v>
      </c>
      <c r="AF14330">
        <v>10</v>
      </c>
      <c r="AG14330">
        <v>10</v>
      </c>
      <c r="AH14330">
        <v>10</v>
      </c>
      <c r="AI14330">
        <v>10</v>
      </c>
      <c r="AJ14330">
        <v>10</v>
      </c>
      <c r="AK14330">
        <v>10</v>
      </c>
      <c r="AL14330">
        <v>10</v>
      </c>
      <c r="AM14330">
        <v>10</v>
      </c>
      <c r="AN14330">
        <v>10</v>
      </c>
      <c r="AO14330">
        <v>9</v>
      </c>
      <c r="AP14330">
        <v>9</v>
      </c>
      <c r="AQ14330">
        <v>9</v>
      </c>
    </row>
    <row r="14331" spans="1:43">
      <c r="A14331" t="s">
        <v>8892</v>
      </c>
      <c r="B14331" t="s">
        <v>8893</v>
      </c>
      <c r="C14331" t="s">
        <v>8884</v>
      </c>
      <c r="D14331" t="s">
        <v>8885</v>
      </c>
      <c r="E14331" t="s">
        <v>8652</v>
      </c>
      <c r="F14331" t="s">
        <v>8653</v>
      </c>
      <c r="G14331" t="s">
        <v>80</v>
      </c>
      <c r="H14331" t="s">
        <v>81</v>
      </c>
      <c r="I14331" s="2">
        <v>0</v>
      </c>
      <c r="J14331" s="2">
        <v>0</v>
      </c>
      <c r="K14331" s="2">
        <v>1</v>
      </c>
      <c r="L14331" t="s">
        <v>995</v>
      </c>
      <c r="M14331" t="s">
        <v>87</v>
      </c>
      <c r="N14331" t="s">
        <v>88</v>
      </c>
      <c r="O14331" t="s">
        <v>85</v>
      </c>
      <c r="P14331" t="s">
        <v>86</v>
      </c>
      <c r="Q14331">
        <v>9</v>
      </c>
      <c r="R14331">
        <v>9</v>
      </c>
      <c r="S14331">
        <v>9</v>
      </c>
      <c r="T14331">
        <v>9</v>
      </c>
      <c r="U14331">
        <v>9</v>
      </c>
      <c r="V14331">
        <v>9</v>
      </c>
      <c r="W14331">
        <v>9</v>
      </c>
      <c r="X14331">
        <v>9</v>
      </c>
      <c r="Y14331">
        <v>9</v>
      </c>
      <c r="Z14331">
        <v>9</v>
      </c>
      <c r="AA14331">
        <v>9</v>
      </c>
      <c r="AB14331">
        <v>9</v>
      </c>
      <c r="AC14331">
        <v>9</v>
      </c>
      <c r="AD14331">
        <v>9</v>
      </c>
      <c r="AE14331">
        <v>9</v>
      </c>
      <c r="AF14331">
        <v>9</v>
      </c>
      <c r="AG14331">
        <v>9</v>
      </c>
      <c r="AH14331">
        <v>8</v>
      </c>
      <c r="AI14331">
        <v>8</v>
      </c>
      <c r="AJ14331">
        <v>8</v>
      </c>
      <c r="AK14331">
        <v>8</v>
      </c>
      <c r="AL14331">
        <v>8</v>
      </c>
      <c r="AM14331">
        <v>8</v>
      </c>
      <c r="AN14331">
        <v>8</v>
      </c>
      <c r="AO14331">
        <v>8</v>
      </c>
      <c r="AP14331">
        <v>8</v>
      </c>
      <c r="AQ14331">
        <v>8</v>
      </c>
    </row>
    <row r="14332" spans="1:43">
      <c r="A14332" t="s">
        <v>8892</v>
      </c>
      <c r="B14332" t="s">
        <v>8893</v>
      </c>
      <c r="C14332" t="s">
        <v>8884</v>
      </c>
      <c r="D14332" t="s">
        <v>8885</v>
      </c>
      <c r="E14332" t="s">
        <v>8652</v>
      </c>
      <c r="F14332" t="s">
        <v>8653</v>
      </c>
      <c r="G14332" t="s">
        <v>80</v>
      </c>
      <c r="H14332" t="s">
        <v>81</v>
      </c>
      <c r="I14332" s="2">
        <v>0</v>
      </c>
      <c r="J14332" s="2">
        <v>0</v>
      </c>
      <c r="K14332" s="2">
        <v>1</v>
      </c>
      <c r="L14332" t="s">
        <v>995</v>
      </c>
      <c r="M14332" t="s">
        <v>89</v>
      </c>
      <c r="N14332" t="s">
        <v>90</v>
      </c>
      <c r="O14332" t="s">
        <v>85</v>
      </c>
      <c r="P14332" t="s">
        <v>86</v>
      </c>
      <c r="Q14332">
        <v>9</v>
      </c>
      <c r="R14332">
        <v>10</v>
      </c>
      <c r="S14332">
        <v>10</v>
      </c>
      <c r="T14332">
        <v>10</v>
      </c>
      <c r="U14332">
        <v>10</v>
      </c>
      <c r="V14332">
        <v>10</v>
      </c>
      <c r="W14332">
        <v>10</v>
      </c>
      <c r="X14332">
        <v>10</v>
      </c>
      <c r="Y14332">
        <v>10</v>
      </c>
      <c r="Z14332">
        <v>10</v>
      </c>
      <c r="AA14332">
        <v>10</v>
      </c>
      <c r="AB14332">
        <v>10</v>
      </c>
      <c r="AC14332">
        <v>10</v>
      </c>
      <c r="AD14332">
        <v>10</v>
      </c>
      <c r="AE14332">
        <v>10</v>
      </c>
      <c r="AF14332">
        <v>10</v>
      </c>
      <c r="AG14332">
        <v>10</v>
      </c>
      <c r="AH14332">
        <v>10</v>
      </c>
      <c r="AI14332">
        <v>10</v>
      </c>
      <c r="AJ14332">
        <v>10</v>
      </c>
      <c r="AK14332">
        <v>10</v>
      </c>
      <c r="AL14332">
        <v>10</v>
      </c>
      <c r="AM14332">
        <v>10</v>
      </c>
      <c r="AN14332">
        <v>10</v>
      </c>
      <c r="AO14332">
        <v>10</v>
      </c>
      <c r="AP14332">
        <v>9</v>
      </c>
      <c r="AQ14332">
        <v>9</v>
      </c>
    </row>
    <row r="14333" spans="1:43">
      <c r="A14333" t="s">
        <v>8892</v>
      </c>
      <c r="B14333" t="s">
        <v>8893</v>
      </c>
      <c r="C14333" t="s">
        <v>8884</v>
      </c>
      <c r="D14333" t="s">
        <v>8885</v>
      </c>
      <c r="E14333" t="s">
        <v>8652</v>
      </c>
      <c r="F14333" t="s">
        <v>8653</v>
      </c>
      <c r="G14333" t="s">
        <v>80</v>
      </c>
      <c r="H14333" t="s">
        <v>81</v>
      </c>
      <c r="I14333" s="2">
        <v>0</v>
      </c>
      <c r="J14333" s="2">
        <v>0</v>
      </c>
      <c r="K14333" s="2">
        <v>1</v>
      </c>
      <c r="L14333" t="s">
        <v>995</v>
      </c>
      <c r="M14333" t="s">
        <v>83</v>
      </c>
      <c r="N14333" t="s">
        <v>91</v>
      </c>
      <c r="O14333" t="s">
        <v>85</v>
      </c>
      <c r="P14333" t="s">
        <v>86</v>
      </c>
      <c r="Q14333">
        <v>9</v>
      </c>
      <c r="R14333">
        <v>9</v>
      </c>
      <c r="S14333">
        <v>9</v>
      </c>
      <c r="T14333">
        <v>9</v>
      </c>
      <c r="U14333">
        <v>10</v>
      </c>
      <c r="V14333">
        <v>10</v>
      </c>
      <c r="W14333">
        <v>10</v>
      </c>
      <c r="X14333">
        <v>10</v>
      </c>
      <c r="Y14333">
        <v>10</v>
      </c>
      <c r="Z14333">
        <v>10</v>
      </c>
      <c r="AA14333">
        <v>10</v>
      </c>
      <c r="AB14333">
        <v>10</v>
      </c>
      <c r="AC14333">
        <v>10</v>
      </c>
      <c r="AD14333">
        <v>10</v>
      </c>
      <c r="AE14333">
        <v>10</v>
      </c>
      <c r="AF14333">
        <v>10</v>
      </c>
      <c r="AG14333">
        <v>10</v>
      </c>
      <c r="AH14333">
        <v>10</v>
      </c>
      <c r="AI14333">
        <v>10</v>
      </c>
      <c r="AJ14333">
        <v>10</v>
      </c>
      <c r="AK14333">
        <v>10</v>
      </c>
      <c r="AL14333">
        <v>10</v>
      </c>
      <c r="AM14333">
        <v>10</v>
      </c>
      <c r="AN14333">
        <v>10</v>
      </c>
      <c r="AO14333">
        <v>9</v>
      </c>
      <c r="AP14333">
        <v>9</v>
      </c>
      <c r="AQ14333">
        <v>9</v>
      </c>
    </row>
    <row r="14334" spans="1:43">
      <c r="A14334" t="s">
        <v>8894</v>
      </c>
      <c r="B14334" t="s">
        <v>8895</v>
      </c>
      <c r="C14334" t="s">
        <v>8884</v>
      </c>
      <c r="D14334" t="s">
        <v>8885</v>
      </c>
      <c r="E14334" t="s">
        <v>8652</v>
      </c>
      <c r="F14334" t="s">
        <v>8653</v>
      </c>
      <c r="G14334" t="s">
        <v>80</v>
      </c>
      <c r="H14334" t="s">
        <v>81</v>
      </c>
      <c r="I14334" s="2">
        <v>0</v>
      </c>
      <c r="J14334" s="2">
        <v>0</v>
      </c>
      <c r="K14334" s="2">
        <v>1</v>
      </c>
      <c r="L14334" t="s">
        <v>995</v>
      </c>
      <c r="M14334" t="s">
        <v>83</v>
      </c>
      <c r="N14334" t="s">
        <v>84</v>
      </c>
      <c r="O14334" t="s">
        <v>85</v>
      </c>
      <c r="P14334" t="s">
        <v>86</v>
      </c>
      <c r="Q14334">
        <v>14</v>
      </c>
      <c r="R14334">
        <v>15</v>
      </c>
      <c r="S14334">
        <v>15</v>
      </c>
      <c r="T14334">
        <v>15</v>
      </c>
      <c r="U14334">
        <v>15</v>
      </c>
      <c r="V14334">
        <v>15</v>
      </c>
      <c r="W14334">
        <v>15</v>
      </c>
      <c r="X14334">
        <v>15</v>
      </c>
      <c r="Y14334">
        <v>15</v>
      </c>
      <c r="Z14334">
        <v>15</v>
      </c>
      <c r="AA14334">
        <v>15</v>
      </c>
      <c r="AB14334">
        <v>15</v>
      </c>
      <c r="AC14334">
        <v>15</v>
      </c>
      <c r="AD14334">
        <v>15</v>
      </c>
      <c r="AE14334">
        <v>15</v>
      </c>
      <c r="AF14334">
        <v>15</v>
      </c>
      <c r="AG14334">
        <v>15</v>
      </c>
      <c r="AH14334">
        <v>15</v>
      </c>
      <c r="AI14334">
        <v>16</v>
      </c>
      <c r="AJ14334">
        <v>16</v>
      </c>
      <c r="AK14334">
        <v>16</v>
      </c>
      <c r="AL14334">
        <v>16</v>
      </c>
      <c r="AM14334">
        <v>15</v>
      </c>
      <c r="AN14334">
        <v>15</v>
      </c>
      <c r="AO14334">
        <v>15</v>
      </c>
      <c r="AP14334">
        <v>15</v>
      </c>
      <c r="AQ14334">
        <v>15</v>
      </c>
    </row>
    <row r="14335" spans="1:43">
      <c r="A14335" t="s">
        <v>8894</v>
      </c>
      <c r="B14335" t="s">
        <v>8895</v>
      </c>
      <c r="C14335" t="s">
        <v>8884</v>
      </c>
      <c r="D14335" t="s">
        <v>8885</v>
      </c>
      <c r="E14335" t="s">
        <v>8652</v>
      </c>
      <c r="F14335" t="s">
        <v>8653</v>
      </c>
      <c r="G14335" t="s">
        <v>80</v>
      </c>
      <c r="H14335" t="s">
        <v>81</v>
      </c>
      <c r="I14335" s="2">
        <v>0</v>
      </c>
      <c r="J14335" s="2">
        <v>0</v>
      </c>
      <c r="K14335" s="2">
        <v>1</v>
      </c>
      <c r="L14335" t="s">
        <v>995</v>
      </c>
      <c r="M14335" t="s">
        <v>87</v>
      </c>
      <c r="N14335" t="s">
        <v>88</v>
      </c>
      <c r="O14335" t="s">
        <v>85</v>
      </c>
      <c r="P14335" t="s">
        <v>86</v>
      </c>
      <c r="Q14335">
        <v>14</v>
      </c>
      <c r="R14335">
        <v>14</v>
      </c>
      <c r="S14335">
        <v>14</v>
      </c>
      <c r="T14335">
        <v>14</v>
      </c>
      <c r="U14335">
        <v>14</v>
      </c>
      <c r="V14335">
        <v>14</v>
      </c>
      <c r="W14335">
        <v>14</v>
      </c>
      <c r="X14335">
        <v>14</v>
      </c>
      <c r="Y14335">
        <v>14</v>
      </c>
      <c r="Z14335">
        <v>14</v>
      </c>
      <c r="AA14335">
        <v>14</v>
      </c>
      <c r="AB14335">
        <v>14</v>
      </c>
      <c r="AC14335">
        <v>14</v>
      </c>
      <c r="AD14335">
        <v>14</v>
      </c>
      <c r="AE14335">
        <v>14</v>
      </c>
      <c r="AF14335">
        <v>14</v>
      </c>
      <c r="AG14335">
        <v>14</v>
      </c>
      <c r="AH14335">
        <v>14</v>
      </c>
      <c r="AI14335">
        <v>13</v>
      </c>
      <c r="AJ14335">
        <v>13</v>
      </c>
      <c r="AK14335">
        <v>13</v>
      </c>
      <c r="AL14335">
        <v>13</v>
      </c>
      <c r="AM14335">
        <v>13</v>
      </c>
      <c r="AN14335">
        <v>13</v>
      </c>
      <c r="AO14335">
        <v>13</v>
      </c>
      <c r="AP14335">
        <v>13</v>
      </c>
      <c r="AQ14335">
        <v>13</v>
      </c>
    </row>
    <row r="14336" spans="1:43">
      <c r="A14336" t="s">
        <v>8894</v>
      </c>
      <c r="B14336" t="s">
        <v>8895</v>
      </c>
      <c r="C14336" t="s">
        <v>8884</v>
      </c>
      <c r="D14336" t="s">
        <v>8885</v>
      </c>
      <c r="E14336" t="s">
        <v>8652</v>
      </c>
      <c r="F14336" t="s">
        <v>8653</v>
      </c>
      <c r="G14336" t="s">
        <v>80</v>
      </c>
      <c r="H14336" t="s">
        <v>81</v>
      </c>
      <c r="I14336" s="2">
        <v>0</v>
      </c>
      <c r="J14336" s="2">
        <v>0</v>
      </c>
      <c r="K14336" s="2">
        <v>1</v>
      </c>
      <c r="L14336" t="s">
        <v>995</v>
      </c>
      <c r="M14336" t="s">
        <v>89</v>
      </c>
      <c r="N14336" t="s">
        <v>90</v>
      </c>
      <c r="O14336" t="s">
        <v>85</v>
      </c>
      <c r="P14336" t="s">
        <v>86</v>
      </c>
      <c r="Q14336">
        <v>14</v>
      </c>
      <c r="R14336">
        <v>14</v>
      </c>
      <c r="S14336">
        <v>14</v>
      </c>
      <c r="T14336">
        <v>14</v>
      </c>
      <c r="U14336">
        <v>14</v>
      </c>
      <c r="V14336">
        <v>15</v>
      </c>
      <c r="W14336">
        <v>15</v>
      </c>
      <c r="X14336">
        <v>15</v>
      </c>
      <c r="Y14336">
        <v>15</v>
      </c>
      <c r="Z14336">
        <v>15</v>
      </c>
      <c r="AA14336">
        <v>15</v>
      </c>
      <c r="AB14336">
        <v>15</v>
      </c>
      <c r="AC14336">
        <v>15</v>
      </c>
      <c r="AD14336">
        <v>15</v>
      </c>
      <c r="AE14336">
        <v>15</v>
      </c>
      <c r="AF14336">
        <v>15</v>
      </c>
      <c r="AG14336">
        <v>15</v>
      </c>
      <c r="AH14336">
        <v>15</v>
      </c>
      <c r="AI14336">
        <v>15</v>
      </c>
      <c r="AJ14336">
        <v>15</v>
      </c>
      <c r="AK14336">
        <v>15</v>
      </c>
      <c r="AL14336">
        <v>15</v>
      </c>
      <c r="AM14336">
        <v>15</v>
      </c>
      <c r="AN14336">
        <v>14</v>
      </c>
      <c r="AO14336">
        <v>14</v>
      </c>
      <c r="AP14336">
        <v>14</v>
      </c>
      <c r="AQ14336">
        <v>14</v>
      </c>
    </row>
    <row r="14337" spans="1:43">
      <c r="A14337" t="s">
        <v>8894</v>
      </c>
      <c r="B14337" t="s">
        <v>8895</v>
      </c>
      <c r="C14337" t="s">
        <v>8884</v>
      </c>
      <c r="D14337" t="s">
        <v>8885</v>
      </c>
      <c r="E14337" t="s">
        <v>8652</v>
      </c>
      <c r="F14337" t="s">
        <v>8653</v>
      </c>
      <c r="G14337" t="s">
        <v>80</v>
      </c>
      <c r="H14337" t="s">
        <v>81</v>
      </c>
      <c r="I14337" s="2">
        <v>0</v>
      </c>
      <c r="J14337" s="2">
        <v>0</v>
      </c>
      <c r="K14337" s="2">
        <v>1</v>
      </c>
      <c r="L14337" t="s">
        <v>995</v>
      </c>
      <c r="M14337" t="s">
        <v>83</v>
      </c>
      <c r="N14337" t="s">
        <v>91</v>
      </c>
      <c r="O14337" t="s">
        <v>85</v>
      </c>
      <c r="P14337" t="s">
        <v>86</v>
      </c>
      <c r="Q14337">
        <v>14</v>
      </c>
      <c r="R14337">
        <v>15</v>
      </c>
      <c r="S14337">
        <v>15</v>
      </c>
      <c r="T14337">
        <v>15</v>
      </c>
      <c r="U14337">
        <v>15</v>
      </c>
      <c r="V14337">
        <v>15</v>
      </c>
      <c r="W14337">
        <v>15</v>
      </c>
      <c r="X14337">
        <v>15</v>
      </c>
      <c r="Y14337">
        <v>15</v>
      </c>
      <c r="Z14337">
        <v>15</v>
      </c>
      <c r="AA14337">
        <v>15</v>
      </c>
      <c r="AB14337">
        <v>15</v>
      </c>
      <c r="AC14337">
        <v>15</v>
      </c>
      <c r="AD14337">
        <v>15</v>
      </c>
      <c r="AE14337">
        <v>15</v>
      </c>
      <c r="AF14337">
        <v>15</v>
      </c>
      <c r="AG14337">
        <v>15</v>
      </c>
      <c r="AH14337">
        <v>15</v>
      </c>
      <c r="AI14337">
        <v>16</v>
      </c>
      <c r="AJ14337">
        <v>16</v>
      </c>
      <c r="AK14337">
        <v>16</v>
      </c>
      <c r="AL14337">
        <v>16</v>
      </c>
      <c r="AM14337">
        <v>15</v>
      </c>
      <c r="AN14337">
        <v>15</v>
      </c>
      <c r="AO14337">
        <v>15</v>
      </c>
      <c r="AP14337">
        <v>15</v>
      </c>
      <c r="AQ14337">
        <v>15</v>
      </c>
    </row>
    <row r="14338" spans="1:43">
      <c r="A14338" t="s">
        <v>8896</v>
      </c>
      <c r="B14338" t="s">
        <v>8897</v>
      </c>
      <c r="C14338" t="s">
        <v>8726</v>
      </c>
      <c r="D14338" t="s">
        <v>8727</v>
      </c>
      <c r="E14338" t="s">
        <v>8652</v>
      </c>
      <c r="F14338" t="s">
        <v>8653</v>
      </c>
      <c r="G14338" t="s">
        <v>80</v>
      </c>
      <c r="H14338" t="s">
        <v>81</v>
      </c>
      <c r="I14338" s="2">
        <v>0</v>
      </c>
      <c r="J14338" s="2">
        <v>0</v>
      </c>
      <c r="K14338" s="2">
        <v>1</v>
      </c>
      <c r="L14338" t="s">
        <v>995</v>
      </c>
      <c r="M14338" t="s">
        <v>83</v>
      </c>
      <c r="N14338" t="s">
        <v>84</v>
      </c>
      <c r="O14338" t="s">
        <v>85</v>
      </c>
      <c r="P14338" t="s">
        <v>86</v>
      </c>
      <c r="Q14338">
        <v>38</v>
      </c>
      <c r="R14338">
        <v>38</v>
      </c>
      <c r="S14338">
        <v>38</v>
      </c>
      <c r="T14338">
        <v>39</v>
      </c>
      <c r="U14338">
        <v>39</v>
      </c>
      <c r="V14338">
        <v>39</v>
      </c>
      <c r="W14338">
        <v>39</v>
      </c>
      <c r="X14338">
        <v>40</v>
      </c>
      <c r="Y14338">
        <v>40</v>
      </c>
      <c r="Z14338">
        <v>40</v>
      </c>
      <c r="AA14338">
        <v>40</v>
      </c>
      <c r="AB14338">
        <v>40</v>
      </c>
      <c r="AC14338">
        <v>41</v>
      </c>
      <c r="AD14338">
        <v>41</v>
      </c>
      <c r="AE14338">
        <v>41</v>
      </c>
      <c r="AF14338">
        <v>41</v>
      </c>
      <c r="AG14338">
        <v>41</v>
      </c>
      <c r="AH14338">
        <v>41</v>
      </c>
      <c r="AI14338">
        <v>42</v>
      </c>
      <c r="AJ14338">
        <v>42</v>
      </c>
      <c r="AK14338">
        <v>42</v>
      </c>
      <c r="AL14338">
        <v>42</v>
      </c>
      <c r="AM14338">
        <v>42</v>
      </c>
      <c r="AN14338">
        <v>41</v>
      </c>
      <c r="AO14338">
        <v>41</v>
      </c>
      <c r="AP14338">
        <v>41</v>
      </c>
      <c r="AQ14338">
        <v>41</v>
      </c>
    </row>
    <row r="14339" spans="1:43">
      <c r="A14339" t="s">
        <v>8896</v>
      </c>
      <c r="B14339" t="s">
        <v>8897</v>
      </c>
      <c r="C14339" t="s">
        <v>8726</v>
      </c>
      <c r="D14339" t="s">
        <v>8727</v>
      </c>
      <c r="E14339" t="s">
        <v>8652</v>
      </c>
      <c r="F14339" t="s">
        <v>8653</v>
      </c>
      <c r="G14339" t="s">
        <v>80</v>
      </c>
      <c r="H14339" t="s">
        <v>81</v>
      </c>
      <c r="I14339" s="2">
        <v>0</v>
      </c>
      <c r="J14339" s="2">
        <v>0</v>
      </c>
      <c r="K14339" s="2">
        <v>1</v>
      </c>
      <c r="L14339" t="s">
        <v>995</v>
      </c>
      <c r="M14339" t="s">
        <v>87</v>
      </c>
      <c r="N14339" t="s">
        <v>88</v>
      </c>
      <c r="O14339" t="s">
        <v>85</v>
      </c>
      <c r="P14339" t="s">
        <v>86</v>
      </c>
      <c r="Q14339">
        <v>38</v>
      </c>
      <c r="R14339">
        <v>38</v>
      </c>
      <c r="S14339">
        <v>38</v>
      </c>
      <c r="T14339">
        <v>38</v>
      </c>
      <c r="U14339">
        <v>38</v>
      </c>
      <c r="V14339">
        <v>38</v>
      </c>
      <c r="W14339">
        <v>38</v>
      </c>
      <c r="X14339">
        <v>38</v>
      </c>
      <c r="Y14339">
        <v>38</v>
      </c>
      <c r="Z14339">
        <v>38</v>
      </c>
      <c r="AA14339">
        <v>38</v>
      </c>
      <c r="AB14339">
        <v>38</v>
      </c>
      <c r="AC14339">
        <v>38</v>
      </c>
      <c r="AD14339">
        <v>37</v>
      </c>
      <c r="AE14339">
        <v>37</v>
      </c>
      <c r="AF14339">
        <v>37</v>
      </c>
      <c r="AG14339">
        <v>37</v>
      </c>
      <c r="AH14339">
        <v>37</v>
      </c>
      <c r="AI14339">
        <v>37</v>
      </c>
      <c r="AJ14339">
        <v>37</v>
      </c>
      <c r="AK14339">
        <v>37</v>
      </c>
      <c r="AL14339">
        <v>37</v>
      </c>
      <c r="AM14339">
        <v>37</v>
      </c>
      <c r="AN14339">
        <v>37</v>
      </c>
      <c r="AO14339">
        <v>37</v>
      </c>
      <c r="AP14339">
        <v>37</v>
      </c>
      <c r="AQ14339">
        <v>37</v>
      </c>
    </row>
    <row r="14340" spans="1:43">
      <c r="A14340" t="s">
        <v>8896</v>
      </c>
      <c r="B14340" t="s">
        <v>8897</v>
      </c>
      <c r="C14340" t="s">
        <v>8726</v>
      </c>
      <c r="D14340" t="s">
        <v>8727</v>
      </c>
      <c r="E14340" t="s">
        <v>8652</v>
      </c>
      <c r="F14340" t="s">
        <v>8653</v>
      </c>
      <c r="G14340" t="s">
        <v>80</v>
      </c>
      <c r="H14340" t="s">
        <v>81</v>
      </c>
      <c r="I14340" s="2">
        <v>0</v>
      </c>
      <c r="J14340" s="2">
        <v>0</v>
      </c>
      <c r="K14340" s="2">
        <v>1</v>
      </c>
      <c r="L14340" t="s">
        <v>995</v>
      </c>
      <c r="M14340" t="s">
        <v>89</v>
      </c>
      <c r="N14340" t="s">
        <v>90</v>
      </c>
      <c r="O14340" t="s">
        <v>85</v>
      </c>
      <c r="P14340" t="s">
        <v>86</v>
      </c>
      <c r="Q14340">
        <v>38</v>
      </c>
      <c r="R14340">
        <v>39</v>
      </c>
      <c r="S14340">
        <v>39</v>
      </c>
      <c r="T14340">
        <v>40</v>
      </c>
      <c r="U14340">
        <v>40</v>
      </c>
      <c r="V14340">
        <v>41</v>
      </c>
      <c r="W14340">
        <v>41</v>
      </c>
      <c r="X14340">
        <v>42</v>
      </c>
      <c r="Y14340">
        <v>42</v>
      </c>
      <c r="Z14340">
        <v>42</v>
      </c>
      <c r="AA14340">
        <v>43</v>
      </c>
      <c r="AB14340">
        <v>43</v>
      </c>
      <c r="AC14340">
        <v>43</v>
      </c>
      <c r="AD14340">
        <v>43</v>
      </c>
      <c r="AE14340">
        <v>44</v>
      </c>
      <c r="AF14340">
        <v>43</v>
      </c>
      <c r="AG14340">
        <v>43</v>
      </c>
      <c r="AH14340">
        <v>43</v>
      </c>
      <c r="AI14340">
        <v>43</v>
      </c>
      <c r="AJ14340">
        <v>43</v>
      </c>
      <c r="AK14340">
        <v>42</v>
      </c>
      <c r="AL14340">
        <v>42</v>
      </c>
      <c r="AM14340">
        <v>42</v>
      </c>
      <c r="AN14340">
        <v>42</v>
      </c>
      <c r="AO14340">
        <v>42</v>
      </c>
      <c r="AP14340">
        <v>42</v>
      </c>
      <c r="AQ14340">
        <v>41</v>
      </c>
    </row>
    <row r="14341" spans="1:43">
      <c r="A14341" t="s">
        <v>8896</v>
      </c>
      <c r="B14341" t="s">
        <v>8897</v>
      </c>
      <c r="C14341" t="s">
        <v>8726</v>
      </c>
      <c r="D14341" t="s">
        <v>8727</v>
      </c>
      <c r="E14341" t="s">
        <v>8652</v>
      </c>
      <c r="F14341" t="s">
        <v>8653</v>
      </c>
      <c r="G14341" t="s">
        <v>80</v>
      </c>
      <c r="H14341" t="s">
        <v>81</v>
      </c>
      <c r="I14341" s="2">
        <v>0</v>
      </c>
      <c r="J14341" s="2">
        <v>0</v>
      </c>
      <c r="K14341" s="2">
        <v>1</v>
      </c>
      <c r="L14341" t="s">
        <v>995</v>
      </c>
      <c r="M14341" t="s">
        <v>83</v>
      </c>
      <c r="N14341" t="s">
        <v>91</v>
      </c>
      <c r="O14341" t="s">
        <v>85</v>
      </c>
      <c r="P14341" t="s">
        <v>86</v>
      </c>
      <c r="Q14341">
        <v>38</v>
      </c>
      <c r="R14341">
        <v>38</v>
      </c>
      <c r="S14341">
        <v>38</v>
      </c>
      <c r="T14341">
        <v>39</v>
      </c>
      <c r="U14341">
        <v>39</v>
      </c>
      <c r="V14341">
        <v>39</v>
      </c>
      <c r="W14341">
        <v>39</v>
      </c>
      <c r="X14341">
        <v>40</v>
      </c>
      <c r="Y14341">
        <v>40</v>
      </c>
      <c r="Z14341">
        <v>40</v>
      </c>
      <c r="AA14341">
        <v>40</v>
      </c>
      <c r="AB14341">
        <v>40</v>
      </c>
      <c r="AC14341">
        <v>41</v>
      </c>
      <c r="AD14341">
        <v>41</v>
      </c>
      <c r="AE14341">
        <v>41</v>
      </c>
      <c r="AF14341">
        <v>41</v>
      </c>
      <c r="AG14341">
        <v>41</v>
      </c>
      <c r="AH14341">
        <v>41</v>
      </c>
      <c r="AI14341">
        <v>42</v>
      </c>
      <c r="AJ14341">
        <v>42</v>
      </c>
      <c r="AK14341">
        <v>42</v>
      </c>
      <c r="AL14341">
        <v>42</v>
      </c>
      <c r="AM14341">
        <v>42</v>
      </c>
      <c r="AN14341">
        <v>41</v>
      </c>
      <c r="AO14341">
        <v>41</v>
      </c>
      <c r="AP14341">
        <v>41</v>
      </c>
      <c r="AQ14341">
        <v>41</v>
      </c>
    </row>
    <row r="14342" spans="1:43">
      <c r="A14342" t="s">
        <v>8898</v>
      </c>
      <c r="B14342" t="s">
        <v>8899</v>
      </c>
      <c r="C14342" t="s">
        <v>8680</v>
      </c>
      <c r="D14342" t="s">
        <v>8681</v>
      </c>
      <c r="E14342" t="s">
        <v>8652</v>
      </c>
      <c r="F14342" t="s">
        <v>8653</v>
      </c>
      <c r="G14342" t="s">
        <v>80</v>
      </c>
      <c r="H14342" t="s">
        <v>81</v>
      </c>
      <c r="I14342" s="2">
        <v>0</v>
      </c>
      <c r="J14342" s="2">
        <v>0</v>
      </c>
      <c r="K14342" s="2">
        <v>1</v>
      </c>
      <c r="L14342" t="s">
        <v>995</v>
      </c>
      <c r="M14342" t="s">
        <v>83</v>
      </c>
      <c r="N14342" t="s">
        <v>84</v>
      </c>
      <c r="O14342" t="s">
        <v>85</v>
      </c>
      <c r="P14342" t="s">
        <v>86</v>
      </c>
      <c r="Q14342">
        <v>172</v>
      </c>
      <c r="R14342">
        <v>173</v>
      </c>
      <c r="S14342">
        <v>174</v>
      </c>
      <c r="T14342">
        <v>175</v>
      </c>
      <c r="U14342">
        <v>175</v>
      </c>
      <c r="V14342">
        <v>176</v>
      </c>
      <c r="W14342">
        <v>177</v>
      </c>
      <c r="X14342">
        <v>178</v>
      </c>
      <c r="Y14342">
        <v>179</v>
      </c>
      <c r="Z14342">
        <v>180</v>
      </c>
      <c r="AA14342">
        <v>180</v>
      </c>
      <c r="AB14342">
        <v>181</v>
      </c>
      <c r="AC14342">
        <v>181</v>
      </c>
      <c r="AD14342">
        <v>182</v>
      </c>
      <c r="AE14342">
        <v>182</v>
      </c>
      <c r="AF14342">
        <v>183</v>
      </c>
      <c r="AG14342">
        <v>183</v>
      </c>
      <c r="AH14342">
        <v>184</v>
      </c>
      <c r="AI14342">
        <v>184</v>
      </c>
      <c r="AJ14342">
        <v>184</v>
      </c>
      <c r="AK14342">
        <v>185</v>
      </c>
      <c r="AL14342">
        <v>184</v>
      </c>
      <c r="AM14342">
        <v>183</v>
      </c>
      <c r="AN14342">
        <v>182</v>
      </c>
      <c r="AO14342">
        <v>181</v>
      </c>
      <c r="AP14342">
        <v>180</v>
      </c>
      <c r="AQ14342">
        <v>179</v>
      </c>
    </row>
    <row r="14343" spans="1:43">
      <c r="A14343" t="s">
        <v>8898</v>
      </c>
      <c r="B14343" t="s">
        <v>8899</v>
      </c>
      <c r="C14343" t="s">
        <v>8680</v>
      </c>
      <c r="D14343" t="s">
        <v>8681</v>
      </c>
      <c r="E14343" t="s">
        <v>8652</v>
      </c>
      <c r="F14343" t="s">
        <v>8653</v>
      </c>
      <c r="G14343" t="s">
        <v>80</v>
      </c>
      <c r="H14343" t="s">
        <v>81</v>
      </c>
      <c r="I14343" s="2">
        <v>0</v>
      </c>
      <c r="J14343" s="2">
        <v>0</v>
      </c>
      <c r="K14343" s="2">
        <v>1</v>
      </c>
      <c r="L14343" t="s">
        <v>995</v>
      </c>
      <c r="M14343" t="s">
        <v>87</v>
      </c>
      <c r="N14343" t="s">
        <v>88</v>
      </c>
      <c r="O14343" t="s">
        <v>85</v>
      </c>
      <c r="P14343" t="s">
        <v>86</v>
      </c>
      <c r="Q14343">
        <v>172</v>
      </c>
      <c r="R14343">
        <v>172</v>
      </c>
      <c r="S14343">
        <v>171</v>
      </c>
      <c r="T14343">
        <v>170</v>
      </c>
      <c r="U14343">
        <v>170</v>
      </c>
      <c r="V14343">
        <v>169</v>
      </c>
      <c r="W14343">
        <v>168</v>
      </c>
      <c r="X14343">
        <v>168</v>
      </c>
      <c r="Y14343">
        <v>167</v>
      </c>
      <c r="Z14343">
        <v>167</v>
      </c>
      <c r="AA14343">
        <v>166</v>
      </c>
      <c r="AB14343">
        <v>166</v>
      </c>
      <c r="AC14343">
        <v>165</v>
      </c>
      <c r="AD14343">
        <v>164</v>
      </c>
      <c r="AE14343">
        <v>164</v>
      </c>
      <c r="AF14343">
        <v>163</v>
      </c>
      <c r="AG14343">
        <v>163</v>
      </c>
      <c r="AH14343">
        <v>162</v>
      </c>
      <c r="AI14343">
        <v>162</v>
      </c>
      <c r="AJ14343">
        <v>161</v>
      </c>
      <c r="AK14343">
        <v>161</v>
      </c>
      <c r="AL14343">
        <v>160</v>
      </c>
      <c r="AM14343">
        <v>160</v>
      </c>
      <c r="AN14343">
        <v>160</v>
      </c>
      <c r="AO14343">
        <v>159</v>
      </c>
      <c r="AP14343">
        <v>159</v>
      </c>
      <c r="AQ14343">
        <v>158</v>
      </c>
    </row>
    <row r="14344" spans="1:43">
      <c r="A14344" t="s">
        <v>8898</v>
      </c>
      <c r="B14344" t="s">
        <v>8899</v>
      </c>
      <c r="C14344" t="s">
        <v>8680</v>
      </c>
      <c r="D14344" t="s">
        <v>8681</v>
      </c>
      <c r="E14344" t="s">
        <v>8652</v>
      </c>
      <c r="F14344" t="s">
        <v>8653</v>
      </c>
      <c r="G14344" t="s">
        <v>80</v>
      </c>
      <c r="H14344" t="s">
        <v>81</v>
      </c>
      <c r="I14344" s="2">
        <v>0</v>
      </c>
      <c r="J14344" s="2">
        <v>0</v>
      </c>
      <c r="K14344" s="2">
        <v>1</v>
      </c>
      <c r="L14344" t="s">
        <v>995</v>
      </c>
      <c r="M14344" t="s">
        <v>89</v>
      </c>
      <c r="N14344" t="s">
        <v>90</v>
      </c>
      <c r="O14344" t="s">
        <v>85</v>
      </c>
      <c r="P14344" t="s">
        <v>86</v>
      </c>
      <c r="Q14344">
        <v>172</v>
      </c>
      <c r="R14344">
        <v>175</v>
      </c>
      <c r="S14344">
        <v>177</v>
      </c>
      <c r="T14344">
        <v>179</v>
      </c>
      <c r="U14344">
        <v>181</v>
      </c>
      <c r="V14344">
        <v>183</v>
      </c>
      <c r="W14344">
        <v>185</v>
      </c>
      <c r="X14344">
        <v>187</v>
      </c>
      <c r="Y14344">
        <v>188</v>
      </c>
      <c r="Z14344">
        <v>189</v>
      </c>
      <c r="AA14344">
        <v>190</v>
      </c>
      <c r="AB14344">
        <v>191</v>
      </c>
      <c r="AC14344">
        <v>193</v>
      </c>
      <c r="AD14344">
        <v>194</v>
      </c>
      <c r="AE14344">
        <v>194</v>
      </c>
      <c r="AF14344">
        <v>192</v>
      </c>
      <c r="AG14344">
        <v>191</v>
      </c>
      <c r="AH14344">
        <v>190</v>
      </c>
      <c r="AI14344">
        <v>189</v>
      </c>
      <c r="AJ14344">
        <v>187</v>
      </c>
      <c r="AK14344">
        <v>186</v>
      </c>
      <c r="AL14344">
        <v>185</v>
      </c>
      <c r="AM14344">
        <v>184</v>
      </c>
      <c r="AN14344">
        <v>183</v>
      </c>
      <c r="AO14344">
        <v>182</v>
      </c>
      <c r="AP14344">
        <v>180</v>
      </c>
      <c r="AQ14344">
        <v>179</v>
      </c>
    </row>
    <row r="14345" spans="1:43">
      <c r="A14345" t="s">
        <v>8898</v>
      </c>
      <c r="B14345" t="s">
        <v>8899</v>
      </c>
      <c r="C14345" t="s">
        <v>8680</v>
      </c>
      <c r="D14345" t="s">
        <v>8681</v>
      </c>
      <c r="E14345" t="s">
        <v>8652</v>
      </c>
      <c r="F14345" t="s">
        <v>8653</v>
      </c>
      <c r="G14345" t="s">
        <v>80</v>
      </c>
      <c r="H14345" t="s">
        <v>81</v>
      </c>
      <c r="I14345" s="2">
        <v>0</v>
      </c>
      <c r="J14345" s="2">
        <v>0</v>
      </c>
      <c r="K14345" s="2">
        <v>1</v>
      </c>
      <c r="L14345" t="s">
        <v>995</v>
      </c>
      <c r="M14345" t="s">
        <v>83</v>
      </c>
      <c r="N14345" t="s">
        <v>91</v>
      </c>
      <c r="O14345" t="s">
        <v>85</v>
      </c>
      <c r="P14345" t="s">
        <v>86</v>
      </c>
      <c r="Q14345">
        <v>172</v>
      </c>
      <c r="R14345">
        <v>173</v>
      </c>
      <c r="S14345">
        <v>174</v>
      </c>
      <c r="T14345">
        <v>175</v>
      </c>
      <c r="U14345">
        <v>175</v>
      </c>
      <c r="V14345">
        <v>176</v>
      </c>
      <c r="W14345">
        <v>177</v>
      </c>
      <c r="X14345">
        <v>178</v>
      </c>
      <c r="Y14345">
        <v>179</v>
      </c>
      <c r="Z14345">
        <v>180</v>
      </c>
      <c r="AA14345">
        <v>180</v>
      </c>
      <c r="AB14345">
        <v>181</v>
      </c>
      <c r="AC14345">
        <v>181</v>
      </c>
      <c r="AD14345">
        <v>182</v>
      </c>
      <c r="AE14345">
        <v>182</v>
      </c>
      <c r="AF14345">
        <v>183</v>
      </c>
      <c r="AG14345">
        <v>183</v>
      </c>
      <c r="AH14345">
        <v>184</v>
      </c>
      <c r="AI14345">
        <v>184</v>
      </c>
      <c r="AJ14345">
        <v>184</v>
      </c>
      <c r="AK14345">
        <v>185</v>
      </c>
      <c r="AL14345">
        <v>184</v>
      </c>
      <c r="AM14345">
        <v>183</v>
      </c>
      <c r="AN14345">
        <v>182</v>
      </c>
      <c r="AO14345">
        <v>181</v>
      </c>
      <c r="AP14345">
        <v>180</v>
      </c>
      <c r="AQ14345">
        <v>179</v>
      </c>
    </row>
    <row r="14346" spans="1:43">
      <c r="A14346" t="s">
        <v>8900</v>
      </c>
      <c r="B14346" t="s">
        <v>8901</v>
      </c>
      <c r="C14346" t="s">
        <v>8680</v>
      </c>
      <c r="D14346" t="s">
        <v>8681</v>
      </c>
      <c r="E14346" t="s">
        <v>8652</v>
      </c>
      <c r="F14346" t="s">
        <v>8653</v>
      </c>
      <c r="G14346" t="s">
        <v>80</v>
      </c>
      <c r="H14346" t="s">
        <v>81</v>
      </c>
      <c r="I14346" s="2">
        <v>0</v>
      </c>
      <c r="J14346" s="2">
        <v>0</v>
      </c>
      <c r="K14346" s="2">
        <v>1</v>
      </c>
      <c r="L14346" t="s">
        <v>995</v>
      </c>
      <c r="M14346" t="s">
        <v>83</v>
      </c>
      <c r="N14346" t="s">
        <v>84</v>
      </c>
      <c r="O14346" t="s">
        <v>85</v>
      </c>
      <c r="P14346" t="s">
        <v>86</v>
      </c>
      <c r="Q14346">
        <v>14</v>
      </c>
      <c r="R14346">
        <v>14</v>
      </c>
      <c r="S14346">
        <v>14</v>
      </c>
      <c r="T14346">
        <v>14</v>
      </c>
      <c r="U14346">
        <v>14</v>
      </c>
      <c r="V14346">
        <v>14</v>
      </c>
      <c r="W14346">
        <v>15</v>
      </c>
      <c r="X14346">
        <v>15</v>
      </c>
      <c r="Y14346">
        <v>15</v>
      </c>
      <c r="Z14346">
        <v>15</v>
      </c>
      <c r="AA14346">
        <v>15</v>
      </c>
      <c r="AB14346">
        <v>15</v>
      </c>
      <c r="AC14346">
        <v>15</v>
      </c>
      <c r="AD14346">
        <v>15</v>
      </c>
      <c r="AE14346">
        <v>15</v>
      </c>
      <c r="AF14346">
        <v>15</v>
      </c>
      <c r="AG14346">
        <v>15</v>
      </c>
      <c r="AH14346">
        <v>15</v>
      </c>
      <c r="AI14346">
        <v>15</v>
      </c>
      <c r="AJ14346">
        <v>15</v>
      </c>
      <c r="AK14346">
        <v>15</v>
      </c>
      <c r="AL14346">
        <v>15</v>
      </c>
      <c r="AM14346">
        <v>15</v>
      </c>
      <c r="AN14346">
        <v>15</v>
      </c>
      <c r="AO14346">
        <v>15</v>
      </c>
      <c r="AP14346">
        <v>14</v>
      </c>
      <c r="AQ14346">
        <v>14</v>
      </c>
    </row>
    <row r="14347" spans="1:43">
      <c r="A14347" t="s">
        <v>8900</v>
      </c>
      <c r="B14347" t="s">
        <v>8901</v>
      </c>
      <c r="C14347" t="s">
        <v>8680</v>
      </c>
      <c r="D14347" t="s">
        <v>8681</v>
      </c>
      <c r="E14347" t="s">
        <v>8652</v>
      </c>
      <c r="F14347" t="s">
        <v>8653</v>
      </c>
      <c r="G14347" t="s">
        <v>80</v>
      </c>
      <c r="H14347" t="s">
        <v>81</v>
      </c>
      <c r="I14347" s="2">
        <v>0</v>
      </c>
      <c r="J14347" s="2">
        <v>0</v>
      </c>
      <c r="K14347" s="2">
        <v>1</v>
      </c>
      <c r="L14347" t="s">
        <v>995</v>
      </c>
      <c r="M14347" t="s">
        <v>87</v>
      </c>
      <c r="N14347" t="s">
        <v>88</v>
      </c>
      <c r="O14347" t="s">
        <v>85</v>
      </c>
      <c r="P14347" t="s">
        <v>86</v>
      </c>
      <c r="Q14347">
        <v>14</v>
      </c>
      <c r="R14347">
        <v>14</v>
      </c>
      <c r="S14347">
        <v>14</v>
      </c>
      <c r="T14347">
        <v>14</v>
      </c>
      <c r="U14347">
        <v>14</v>
      </c>
      <c r="V14347">
        <v>14</v>
      </c>
      <c r="W14347">
        <v>14</v>
      </c>
      <c r="X14347">
        <v>14</v>
      </c>
      <c r="Y14347">
        <v>14</v>
      </c>
      <c r="Z14347">
        <v>13</v>
      </c>
      <c r="AA14347">
        <v>13</v>
      </c>
      <c r="AB14347">
        <v>13</v>
      </c>
      <c r="AC14347">
        <v>13</v>
      </c>
      <c r="AD14347">
        <v>13</v>
      </c>
      <c r="AE14347">
        <v>13</v>
      </c>
      <c r="AF14347">
        <v>13</v>
      </c>
      <c r="AG14347">
        <v>13</v>
      </c>
      <c r="AH14347">
        <v>13</v>
      </c>
      <c r="AI14347">
        <v>13</v>
      </c>
      <c r="AJ14347">
        <v>13</v>
      </c>
      <c r="AK14347">
        <v>13</v>
      </c>
      <c r="AL14347">
        <v>13</v>
      </c>
      <c r="AM14347">
        <v>13</v>
      </c>
      <c r="AN14347">
        <v>13</v>
      </c>
      <c r="AO14347">
        <v>13</v>
      </c>
      <c r="AP14347">
        <v>13</v>
      </c>
      <c r="AQ14347">
        <v>13</v>
      </c>
    </row>
    <row r="14348" spans="1:43">
      <c r="A14348" t="s">
        <v>8900</v>
      </c>
      <c r="B14348" t="s">
        <v>8901</v>
      </c>
      <c r="C14348" t="s">
        <v>8680</v>
      </c>
      <c r="D14348" t="s">
        <v>8681</v>
      </c>
      <c r="E14348" t="s">
        <v>8652</v>
      </c>
      <c r="F14348" t="s">
        <v>8653</v>
      </c>
      <c r="G14348" t="s">
        <v>80</v>
      </c>
      <c r="H14348" t="s">
        <v>81</v>
      </c>
      <c r="I14348" s="2">
        <v>0</v>
      </c>
      <c r="J14348" s="2">
        <v>0</v>
      </c>
      <c r="K14348" s="2">
        <v>1</v>
      </c>
      <c r="L14348" t="s">
        <v>995</v>
      </c>
      <c r="M14348" t="s">
        <v>89</v>
      </c>
      <c r="N14348" t="s">
        <v>90</v>
      </c>
      <c r="O14348" t="s">
        <v>85</v>
      </c>
      <c r="P14348" t="s">
        <v>86</v>
      </c>
      <c r="Q14348">
        <v>14</v>
      </c>
      <c r="R14348">
        <v>14</v>
      </c>
      <c r="S14348">
        <v>15</v>
      </c>
      <c r="T14348">
        <v>15</v>
      </c>
      <c r="U14348">
        <v>15</v>
      </c>
      <c r="V14348">
        <v>15</v>
      </c>
      <c r="W14348">
        <v>15</v>
      </c>
      <c r="X14348">
        <v>15</v>
      </c>
      <c r="Y14348">
        <v>15</v>
      </c>
      <c r="Z14348">
        <v>16</v>
      </c>
      <c r="AA14348">
        <v>16</v>
      </c>
      <c r="AB14348">
        <v>16</v>
      </c>
      <c r="AC14348">
        <v>16</v>
      </c>
      <c r="AD14348">
        <v>16</v>
      </c>
      <c r="AE14348">
        <v>16</v>
      </c>
      <c r="AF14348">
        <v>16</v>
      </c>
      <c r="AG14348">
        <v>16</v>
      </c>
      <c r="AH14348">
        <v>16</v>
      </c>
      <c r="AI14348">
        <v>15</v>
      </c>
      <c r="AJ14348">
        <v>15</v>
      </c>
      <c r="AK14348">
        <v>15</v>
      </c>
      <c r="AL14348">
        <v>15</v>
      </c>
      <c r="AM14348">
        <v>15</v>
      </c>
      <c r="AN14348">
        <v>15</v>
      </c>
      <c r="AO14348">
        <v>15</v>
      </c>
      <c r="AP14348">
        <v>15</v>
      </c>
      <c r="AQ14348">
        <v>14</v>
      </c>
    </row>
    <row r="14349" spans="1:43">
      <c r="A14349" t="s">
        <v>8900</v>
      </c>
      <c r="B14349" t="s">
        <v>8901</v>
      </c>
      <c r="C14349" t="s">
        <v>8680</v>
      </c>
      <c r="D14349" t="s">
        <v>8681</v>
      </c>
      <c r="E14349" t="s">
        <v>8652</v>
      </c>
      <c r="F14349" t="s">
        <v>8653</v>
      </c>
      <c r="G14349" t="s">
        <v>80</v>
      </c>
      <c r="H14349" t="s">
        <v>81</v>
      </c>
      <c r="I14349" s="2">
        <v>0</v>
      </c>
      <c r="J14349" s="2">
        <v>0</v>
      </c>
      <c r="K14349" s="2">
        <v>1</v>
      </c>
      <c r="L14349" t="s">
        <v>995</v>
      </c>
      <c r="M14349" t="s">
        <v>83</v>
      </c>
      <c r="N14349" t="s">
        <v>91</v>
      </c>
      <c r="O14349" t="s">
        <v>85</v>
      </c>
      <c r="P14349" t="s">
        <v>86</v>
      </c>
      <c r="Q14349">
        <v>14</v>
      </c>
      <c r="R14349">
        <v>14</v>
      </c>
      <c r="S14349">
        <v>14</v>
      </c>
      <c r="T14349">
        <v>14</v>
      </c>
      <c r="U14349">
        <v>14</v>
      </c>
      <c r="V14349">
        <v>14</v>
      </c>
      <c r="W14349">
        <v>15</v>
      </c>
      <c r="X14349">
        <v>15</v>
      </c>
      <c r="Y14349">
        <v>15</v>
      </c>
      <c r="Z14349">
        <v>15</v>
      </c>
      <c r="AA14349">
        <v>15</v>
      </c>
      <c r="AB14349">
        <v>15</v>
      </c>
      <c r="AC14349">
        <v>15</v>
      </c>
      <c r="AD14349">
        <v>15</v>
      </c>
      <c r="AE14349">
        <v>15</v>
      </c>
      <c r="AF14349">
        <v>15</v>
      </c>
      <c r="AG14349">
        <v>15</v>
      </c>
      <c r="AH14349">
        <v>15</v>
      </c>
      <c r="AI14349">
        <v>15</v>
      </c>
      <c r="AJ14349">
        <v>15</v>
      </c>
      <c r="AK14349">
        <v>15</v>
      </c>
      <c r="AL14349">
        <v>15</v>
      </c>
      <c r="AM14349">
        <v>15</v>
      </c>
      <c r="AN14349">
        <v>15</v>
      </c>
      <c r="AO14349">
        <v>15</v>
      </c>
      <c r="AP14349">
        <v>14</v>
      </c>
      <c r="AQ14349">
        <v>14</v>
      </c>
    </row>
    <row r="14350" spans="1:43">
      <c r="A14350" t="s">
        <v>8902</v>
      </c>
      <c r="B14350" t="s">
        <v>8903</v>
      </c>
      <c r="C14350" t="s">
        <v>8726</v>
      </c>
      <c r="D14350" t="s">
        <v>8727</v>
      </c>
      <c r="E14350" t="s">
        <v>8652</v>
      </c>
      <c r="F14350" t="s">
        <v>8653</v>
      </c>
      <c r="G14350" t="s">
        <v>80</v>
      </c>
      <c r="H14350" t="s">
        <v>81</v>
      </c>
      <c r="I14350" s="2">
        <v>0</v>
      </c>
      <c r="J14350" s="2">
        <v>0</v>
      </c>
      <c r="K14350" s="2">
        <v>1</v>
      </c>
      <c r="L14350" t="s">
        <v>995</v>
      </c>
      <c r="M14350" t="s">
        <v>83</v>
      </c>
      <c r="N14350" t="s">
        <v>84</v>
      </c>
      <c r="O14350" t="s">
        <v>85</v>
      </c>
      <c r="P14350" t="s">
        <v>86</v>
      </c>
      <c r="Q14350">
        <v>23</v>
      </c>
      <c r="R14350">
        <v>23</v>
      </c>
      <c r="S14350">
        <v>23</v>
      </c>
      <c r="T14350">
        <v>23</v>
      </c>
      <c r="U14350">
        <v>24</v>
      </c>
      <c r="V14350">
        <v>24</v>
      </c>
      <c r="W14350">
        <v>24</v>
      </c>
      <c r="X14350">
        <v>24</v>
      </c>
      <c r="Y14350">
        <v>24</v>
      </c>
      <c r="Z14350">
        <v>24</v>
      </c>
      <c r="AA14350">
        <v>24</v>
      </c>
      <c r="AB14350">
        <v>24</v>
      </c>
      <c r="AC14350">
        <v>25</v>
      </c>
      <c r="AD14350">
        <v>25</v>
      </c>
      <c r="AE14350">
        <v>25</v>
      </c>
      <c r="AF14350">
        <v>25</v>
      </c>
      <c r="AG14350">
        <v>25</v>
      </c>
      <c r="AH14350">
        <v>25</v>
      </c>
      <c r="AI14350">
        <v>25</v>
      </c>
      <c r="AJ14350">
        <v>25</v>
      </c>
      <c r="AK14350">
        <v>25</v>
      </c>
      <c r="AL14350">
        <v>25</v>
      </c>
      <c r="AM14350">
        <v>25</v>
      </c>
      <c r="AN14350">
        <v>25</v>
      </c>
      <c r="AO14350">
        <v>25</v>
      </c>
      <c r="AP14350">
        <v>24</v>
      </c>
      <c r="AQ14350">
        <v>24</v>
      </c>
    </row>
    <row r="14351" spans="1:43">
      <c r="A14351" t="s">
        <v>8902</v>
      </c>
      <c r="B14351" t="s">
        <v>8903</v>
      </c>
      <c r="C14351" t="s">
        <v>8726</v>
      </c>
      <c r="D14351" t="s">
        <v>8727</v>
      </c>
      <c r="E14351" t="s">
        <v>8652</v>
      </c>
      <c r="F14351" t="s">
        <v>8653</v>
      </c>
      <c r="G14351" t="s">
        <v>80</v>
      </c>
      <c r="H14351" t="s">
        <v>81</v>
      </c>
      <c r="I14351" s="2">
        <v>0</v>
      </c>
      <c r="J14351" s="2">
        <v>0</v>
      </c>
      <c r="K14351" s="2">
        <v>1</v>
      </c>
      <c r="L14351" t="s">
        <v>995</v>
      </c>
      <c r="M14351" t="s">
        <v>87</v>
      </c>
      <c r="N14351" t="s">
        <v>88</v>
      </c>
      <c r="O14351" t="s">
        <v>85</v>
      </c>
      <c r="P14351" t="s">
        <v>86</v>
      </c>
      <c r="Q14351">
        <v>23</v>
      </c>
      <c r="R14351">
        <v>23</v>
      </c>
      <c r="S14351">
        <v>23</v>
      </c>
      <c r="T14351">
        <v>23</v>
      </c>
      <c r="U14351">
        <v>23</v>
      </c>
      <c r="V14351">
        <v>22</v>
      </c>
      <c r="W14351">
        <v>22</v>
      </c>
      <c r="X14351">
        <v>22</v>
      </c>
      <c r="Y14351">
        <v>22</v>
      </c>
      <c r="Z14351">
        <v>22</v>
      </c>
      <c r="AA14351">
        <v>22</v>
      </c>
      <c r="AB14351">
        <v>22</v>
      </c>
      <c r="AC14351">
        <v>22</v>
      </c>
      <c r="AD14351">
        <v>22</v>
      </c>
      <c r="AE14351">
        <v>22</v>
      </c>
      <c r="AF14351">
        <v>22</v>
      </c>
      <c r="AG14351">
        <v>22</v>
      </c>
      <c r="AH14351">
        <v>22</v>
      </c>
      <c r="AI14351">
        <v>22</v>
      </c>
      <c r="AJ14351">
        <v>22</v>
      </c>
      <c r="AK14351">
        <v>22</v>
      </c>
      <c r="AL14351">
        <v>22</v>
      </c>
      <c r="AM14351">
        <v>22</v>
      </c>
      <c r="AN14351">
        <v>21</v>
      </c>
      <c r="AO14351">
        <v>21</v>
      </c>
      <c r="AP14351">
        <v>21</v>
      </c>
      <c r="AQ14351">
        <v>21</v>
      </c>
    </row>
    <row r="14352" spans="1:43">
      <c r="A14352" t="s">
        <v>8902</v>
      </c>
      <c r="B14352" t="s">
        <v>8903</v>
      </c>
      <c r="C14352" t="s">
        <v>8726</v>
      </c>
      <c r="D14352" t="s">
        <v>8727</v>
      </c>
      <c r="E14352" t="s">
        <v>8652</v>
      </c>
      <c r="F14352" t="s">
        <v>8653</v>
      </c>
      <c r="G14352" t="s">
        <v>80</v>
      </c>
      <c r="H14352" t="s">
        <v>81</v>
      </c>
      <c r="I14352" s="2">
        <v>0</v>
      </c>
      <c r="J14352" s="2">
        <v>0</v>
      </c>
      <c r="K14352" s="2">
        <v>1</v>
      </c>
      <c r="L14352" t="s">
        <v>995</v>
      </c>
      <c r="M14352" t="s">
        <v>89</v>
      </c>
      <c r="N14352" t="s">
        <v>90</v>
      </c>
      <c r="O14352" t="s">
        <v>85</v>
      </c>
      <c r="P14352" t="s">
        <v>86</v>
      </c>
      <c r="Q14352">
        <v>23</v>
      </c>
      <c r="R14352">
        <v>24</v>
      </c>
      <c r="S14352">
        <v>24</v>
      </c>
      <c r="T14352">
        <v>24</v>
      </c>
      <c r="U14352">
        <v>25</v>
      </c>
      <c r="V14352">
        <v>25</v>
      </c>
      <c r="W14352">
        <v>25</v>
      </c>
      <c r="X14352">
        <v>25</v>
      </c>
      <c r="Y14352">
        <v>25</v>
      </c>
      <c r="Z14352">
        <v>26</v>
      </c>
      <c r="AA14352">
        <v>26</v>
      </c>
      <c r="AB14352">
        <v>26</v>
      </c>
      <c r="AC14352">
        <v>26</v>
      </c>
      <c r="AD14352">
        <v>26</v>
      </c>
      <c r="AE14352">
        <v>26</v>
      </c>
      <c r="AF14352">
        <v>26</v>
      </c>
      <c r="AG14352">
        <v>26</v>
      </c>
      <c r="AH14352">
        <v>26</v>
      </c>
      <c r="AI14352">
        <v>26</v>
      </c>
      <c r="AJ14352">
        <v>26</v>
      </c>
      <c r="AK14352">
        <v>25</v>
      </c>
      <c r="AL14352">
        <v>25</v>
      </c>
      <c r="AM14352">
        <v>25</v>
      </c>
      <c r="AN14352">
        <v>25</v>
      </c>
      <c r="AO14352">
        <v>25</v>
      </c>
      <c r="AP14352">
        <v>25</v>
      </c>
      <c r="AQ14352">
        <v>25</v>
      </c>
    </row>
    <row r="14353" spans="1:43">
      <c r="A14353" t="s">
        <v>8902</v>
      </c>
      <c r="B14353" t="s">
        <v>8903</v>
      </c>
      <c r="C14353" t="s">
        <v>8726</v>
      </c>
      <c r="D14353" t="s">
        <v>8727</v>
      </c>
      <c r="E14353" t="s">
        <v>8652</v>
      </c>
      <c r="F14353" t="s">
        <v>8653</v>
      </c>
      <c r="G14353" t="s">
        <v>80</v>
      </c>
      <c r="H14353" t="s">
        <v>81</v>
      </c>
      <c r="I14353" s="2">
        <v>0</v>
      </c>
      <c r="J14353" s="2">
        <v>0</v>
      </c>
      <c r="K14353" s="2">
        <v>1</v>
      </c>
      <c r="L14353" t="s">
        <v>995</v>
      </c>
      <c r="M14353" t="s">
        <v>83</v>
      </c>
      <c r="N14353" t="s">
        <v>91</v>
      </c>
      <c r="O14353" t="s">
        <v>85</v>
      </c>
      <c r="P14353" t="s">
        <v>86</v>
      </c>
      <c r="Q14353">
        <v>23</v>
      </c>
      <c r="R14353">
        <v>23</v>
      </c>
      <c r="S14353">
        <v>23</v>
      </c>
      <c r="T14353">
        <v>23</v>
      </c>
      <c r="U14353">
        <v>24</v>
      </c>
      <c r="V14353">
        <v>24</v>
      </c>
      <c r="W14353">
        <v>24</v>
      </c>
      <c r="X14353">
        <v>24</v>
      </c>
      <c r="Y14353">
        <v>24</v>
      </c>
      <c r="Z14353">
        <v>24</v>
      </c>
      <c r="AA14353">
        <v>24</v>
      </c>
      <c r="AB14353">
        <v>24</v>
      </c>
      <c r="AC14353">
        <v>25</v>
      </c>
      <c r="AD14353">
        <v>25</v>
      </c>
      <c r="AE14353">
        <v>25</v>
      </c>
      <c r="AF14353">
        <v>25</v>
      </c>
      <c r="AG14353">
        <v>25</v>
      </c>
      <c r="AH14353">
        <v>25</v>
      </c>
      <c r="AI14353">
        <v>25</v>
      </c>
      <c r="AJ14353">
        <v>25</v>
      </c>
      <c r="AK14353">
        <v>25</v>
      </c>
      <c r="AL14353">
        <v>25</v>
      </c>
      <c r="AM14353">
        <v>25</v>
      </c>
      <c r="AN14353">
        <v>25</v>
      </c>
      <c r="AO14353">
        <v>25</v>
      </c>
      <c r="AP14353">
        <v>24</v>
      </c>
      <c r="AQ14353">
        <v>24</v>
      </c>
    </row>
    <row r="14354" spans="1:43">
      <c r="A14354" t="s">
        <v>8904</v>
      </c>
      <c r="B14354" t="s">
        <v>8905</v>
      </c>
      <c r="C14354" t="s">
        <v>8726</v>
      </c>
      <c r="D14354" t="s">
        <v>8727</v>
      </c>
      <c r="E14354" t="s">
        <v>8652</v>
      </c>
      <c r="F14354" t="s">
        <v>8653</v>
      </c>
      <c r="G14354" t="s">
        <v>80</v>
      </c>
      <c r="H14354" t="s">
        <v>81</v>
      </c>
      <c r="I14354" s="2">
        <v>0</v>
      </c>
      <c r="J14354" s="2">
        <v>0</v>
      </c>
      <c r="K14354" s="2">
        <v>1</v>
      </c>
      <c r="L14354" t="s">
        <v>995</v>
      </c>
      <c r="M14354" t="s">
        <v>83</v>
      </c>
      <c r="N14354" t="s">
        <v>84</v>
      </c>
      <c r="O14354" t="s">
        <v>85</v>
      </c>
      <c r="P14354" t="s">
        <v>86</v>
      </c>
      <c r="Q14354">
        <v>31</v>
      </c>
      <c r="R14354">
        <v>31</v>
      </c>
      <c r="S14354">
        <v>32</v>
      </c>
      <c r="T14354">
        <v>32</v>
      </c>
      <c r="U14354">
        <v>32</v>
      </c>
      <c r="V14354">
        <v>32</v>
      </c>
      <c r="W14354">
        <v>32</v>
      </c>
      <c r="X14354">
        <v>32</v>
      </c>
      <c r="Y14354">
        <v>33</v>
      </c>
      <c r="Z14354">
        <v>33</v>
      </c>
      <c r="AA14354">
        <v>33</v>
      </c>
      <c r="AB14354">
        <v>33</v>
      </c>
      <c r="AC14354">
        <v>33</v>
      </c>
      <c r="AD14354">
        <v>33</v>
      </c>
      <c r="AE14354">
        <v>34</v>
      </c>
      <c r="AF14354">
        <v>34</v>
      </c>
      <c r="AG14354">
        <v>34</v>
      </c>
      <c r="AH14354">
        <v>34</v>
      </c>
      <c r="AI14354">
        <v>34</v>
      </c>
      <c r="AJ14354">
        <v>34</v>
      </c>
      <c r="AK14354">
        <v>34</v>
      </c>
      <c r="AL14354">
        <v>34</v>
      </c>
      <c r="AM14354">
        <v>34</v>
      </c>
      <c r="AN14354">
        <v>34</v>
      </c>
      <c r="AO14354">
        <v>34</v>
      </c>
      <c r="AP14354">
        <v>33</v>
      </c>
      <c r="AQ14354">
        <v>33</v>
      </c>
    </row>
    <row r="14355" spans="1:43">
      <c r="A14355" t="s">
        <v>8904</v>
      </c>
      <c r="B14355" t="s">
        <v>8905</v>
      </c>
      <c r="C14355" t="s">
        <v>8726</v>
      </c>
      <c r="D14355" t="s">
        <v>8727</v>
      </c>
      <c r="E14355" t="s">
        <v>8652</v>
      </c>
      <c r="F14355" t="s">
        <v>8653</v>
      </c>
      <c r="G14355" t="s">
        <v>80</v>
      </c>
      <c r="H14355" t="s">
        <v>81</v>
      </c>
      <c r="I14355" s="2">
        <v>0</v>
      </c>
      <c r="J14355" s="2">
        <v>0</v>
      </c>
      <c r="K14355" s="2">
        <v>1</v>
      </c>
      <c r="L14355" t="s">
        <v>995</v>
      </c>
      <c r="M14355" t="s">
        <v>87</v>
      </c>
      <c r="N14355" t="s">
        <v>88</v>
      </c>
      <c r="O14355" t="s">
        <v>85</v>
      </c>
      <c r="P14355" t="s">
        <v>86</v>
      </c>
      <c r="Q14355">
        <v>31</v>
      </c>
      <c r="R14355">
        <v>31</v>
      </c>
      <c r="S14355">
        <v>31</v>
      </c>
      <c r="T14355">
        <v>31</v>
      </c>
      <c r="U14355">
        <v>31</v>
      </c>
      <c r="V14355">
        <v>30</v>
      </c>
      <c r="W14355">
        <v>30</v>
      </c>
      <c r="X14355">
        <v>30</v>
      </c>
      <c r="Y14355">
        <v>30</v>
      </c>
      <c r="Z14355">
        <v>30</v>
      </c>
      <c r="AA14355">
        <v>30</v>
      </c>
      <c r="AB14355">
        <v>30</v>
      </c>
      <c r="AC14355">
        <v>30</v>
      </c>
      <c r="AD14355">
        <v>30</v>
      </c>
      <c r="AE14355">
        <v>30</v>
      </c>
      <c r="AF14355">
        <v>30</v>
      </c>
      <c r="AG14355">
        <v>30</v>
      </c>
      <c r="AH14355">
        <v>30</v>
      </c>
      <c r="AI14355">
        <v>30</v>
      </c>
      <c r="AJ14355">
        <v>30</v>
      </c>
      <c r="AK14355">
        <v>29</v>
      </c>
      <c r="AL14355">
        <v>29</v>
      </c>
      <c r="AM14355">
        <v>29</v>
      </c>
      <c r="AN14355">
        <v>29</v>
      </c>
      <c r="AO14355">
        <v>29</v>
      </c>
      <c r="AP14355">
        <v>29</v>
      </c>
      <c r="AQ14355">
        <v>29</v>
      </c>
    </row>
    <row r="14356" spans="1:43">
      <c r="A14356" t="s">
        <v>8904</v>
      </c>
      <c r="B14356" t="s">
        <v>8905</v>
      </c>
      <c r="C14356" t="s">
        <v>8726</v>
      </c>
      <c r="D14356" t="s">
        <v>8727</v>
      </c>
      <c r="E14356" t="s">
        <v>8652</v>
      </c>
      <c r="F14356" t="s">
        <v>8653</v>
      </c>
      <c r="G14356" t="s">
        <v>80</v>
      </c>
      <c r="H14356" t="s">
        <v>81</v>
      </c>
      <c r="I14356" s="2">
        <v>0</v>
      </c>
      <c r="J14356" s="2">
        <v>0</v>
      </c>
      <c r="K14356" s="2">
        <v>1</v>
      </c>
      <c r="L14356" t="s">
        <v>995</v>
      </c>
      <c r="M14356" t="s">
        <v>89</v>
      </c>
      <c r="N14356" t="s">
        <v>90</v>
      </c>
      <c r="O14356" t="s">
        <v>85</v>
      </c>
      <c r="P14356" t="s">
        <v>86</v>
      </c>
      <c r="Q14356">
        <v>31</v>
      </c>
      <c r="R14356">
        <v>32</v>
      </c>
      <c r="S14356">
        <v>32</v>
      </c>
      <c r="T14356">
        <v>33</v>
      </c>
      <c r="U14356">
        <v>33</v>
      </c>
      <c r="V14356">
        <v>34</v>
      </c>
      <c r="W14356">
        <v>34</v>
      </c>
      <c r="X14356">
        <v>34</v>
      </c>
      <c r="Y14356">
        <v>35</v>
      </c>
      <c r="Z14356">
        <v>35</v>
      </c>
      <c r="AA14356">
        <v>35</v>
      </c>
      <c r="AB14356">
        <v>35</v>
      </c>
      <c r="AC14356">
        <v>35</v>
      </c>
      <c r="AD14356">
        <v>36</v>
      </c>
      <c r="AE14356">
        <v>36</v>
      </c>
      <c r="AF14356">
        <v>36</v>
      </c>
      <c r="AG14356">
        <v>35</v>
      </c>
      <c r="AH14356">
        <v>35</v>
      </c>
      <c r="AI14356">
        <v>35</v>
      </c>
      <c r="AJ14356">
        <v>35</v>
      </c>
      <c r="AK14356">
        <v>35</v>
      </c>
      <c r="AL14356">
        <v>34</v>
      </c>
      <c r="AM14356">
        <v>34</v>
      </c>
      <c r="AN14356">
        <v>34</v>
      </c>
      <c r="AO14356">
        <v>34</v>
      </c>
      <c r="AP14356">
        <v>34</v>
      </c>
      <c r="AQ14356">
        <v>34</v>
      </c>
    </row>
    <row r="14357" spans="1:43">
      <c r="A14357" t="s">
        <v>8904</v>
      </c>
      <c r="B14357" t="s">
        <v>8905</v>
      </c>
      <c r="C14357" t="s">
        <v>8726</v>
      </c>
      <c r="D14357" t="s">
        <v>8727</v>
      </c>
      <c r="E14357" t="s">
        <v>8652</v>
      </c>
      <c r="F14357" t="s">
        <v>8653</v>
      </c>
      <c r="G14357" t="s">
        <v>80</v>
      </c>
      <c r="H14357" t="s">
        <v>81</v>
      </c>
      <c r="I14357" s="2">
        <v>0</v>
      </c>
      <c r="J14357" s="2">
        <v>0</v>
      </c>
      <c r="K14357" s="2">
        <v>1</v>
      </c>
      <c r="L14357" t="s">
        <v>995</v>
      </c>
      <c r="M14357" t="s">
        <v>83</v>
      </c>
      <c r="N14357" t="s">
        <v>91</v>
      </c>
      <c r="O14357" t="s">
        <v>85</v>
      </c>
      <c r="P14357" t="s">
        <v>86</v>
      </c>
      <c r="Q14357">
        <v>31</v>
      </c>
      <c r="R14357">
        <v>31</v>
      </c>
      <c r="S14357">
        <v>32</v>
      </c>
      <c r="T14357">
        <v>32</v>
      </c>
      <c r="U14357">
        <v>32</v>
      </c>
      <c r="V14357">
        <v>32</v>
      </c>
      <c r="W14357">
        <v>32</v>
      </c>
      <c r="X14357">
        <v>32</v>
      </c>
      <c r="Y14357">
        <v>33</v>
      </c>
      <c r="Z14357">
        <v>33</v>
      </c>
      <c r="AA14357">
        <v>33</v>
      </c>
      <c r="AB14357">
        <v>33</v>
      </c>
      <c r="AC14357">
        <v>33</v>
      </c>
      <c r="AD14357">
        <v>33</v>
      </c>
      <c r="AE14357">
        <v>34</v>
      </c>
      <c r="AF14357">
        <v>34</v>
      </c>
      <c r="AG14357">
        <v>34</v>
      </c>
      <c r="AH14357">
        <v>34</v>
      </c>
      <c r="AI14357">
        <v>34</v>
      </c>
      <c r="AJ14357">
        <v>34</v>
      </c>
      <c r="AK14357">
        <v>34</v>
      </c>
      <c r="AL14357">
        <v>34</v>
      </c>
      <c r="AM14357">
        <v>34</v>
      </c>
      <c r="AN14357">
        <v>34</v>
      </c>
      <c r="AO14357">
        <v>34</v>
      </c>
      <c r="AP14357">
        <v>33</v>
      </c>
      <c r="AQ14357">
        <v>33</v>
      </c>
    </row>
    <row r="14358" spans="1:43">
      <c r="A14358" t="s">
        <v>8906</v>
      </c>
      <c r="B14358" t="s">
        <v>8907</v>
      </c>
      <c r="C14358" t="s">
        <v>8668</v>
      </c>
      <c r="D14358" t="s">
        <v>8669</v>
      </c>
      <c r="E14358" t="s">
        <v>8652</v>
      </c>
      <c r="F14358" t="s">
        <v>8653</v>
      </c>
      <c r="G14358" t="s">
        <v>80</v>
      </c>
      <c r="H14358" t="s">
        <v>81</v>
      </c>
      <c r="I14358" s="2">
        <v>0</v>
      </c>
      <c r="J14358" s="2">
        <v>0</v>
      </c>
      <c r="K14358" s="2">
        <v>1</v>
      </c>
      <c r="L14358" t="s">
        <v>995</v>
      </c>
      <c r="M14358" t="s">
        <v>83</v>
      </c>
      <c r="N14358" t="s">
        <v>84</v>
      </c>
      <c r="O14358" t="s">
        <v>85</v>
      </c>
      <c r="P14358" t="s">
        <v>86</v>
      </c>
      <c r="Q14358">
        <v>13</v>
      </c>
      <c r="R14358">
        <v>13</v>
      </c>
      <c r="S14358">
        <v>13</v>
      </c>
      <c r="T14358">
        <v>13</v>
      </c>
      <c r="U14358">
        <v>13</v>
      </c>
      <c r="V14358">
        <v>13</v>
      </c>
      <c r="W14358">
        <v>13</v>
      </c>
      <c r="X14358">
        <v>13</v>
      </c>
      <c r="Y14358">
        <v>13</v>
      </c>
      <c r="Z14358">
        <v>13</v>
      </c>
      <c r="AA14358">
        <v>13</v>
      </c>
      <c r="AB14358">
        <v>13</v>
      </c>
      <c r="AC14358">
        <v>13</v>
      </c>
      <c r="AD14358">
        <v>13</v>
      </c>
      <c r="AE14358">
        <v>13</v>
      </c>
      <c r="AF14358">
        <v>13</v>
      </c>
      <c r="AG14358">
        <v>13</v>
      </c>
      <c r="AH14358">
        <v>13</v>
      </c>
      <c r="AI14358">
        <v>14</v>
      </c>
      <c r="AJ14358">
        <v>14</v>
      </c>
      <c r="AK14358">
        <v>14</v>
      </c>
      <c r="AL14358">
        <v>13</v>
      </c>
      <c r="AM14358">
        <v>13</v>
      </c>
      <c r="AN14358">
        <v>13</v>
      </c>
      <c r="AO14358">
        <v>13</v>
      </c>
      <c r="AP14358">
        <v>13</v>
      </c>
      <c r="AQ14358">
        <v>13</v>
      </c>
    </row>
    <row r="14359" spans="1:43">
      <c r="A14359" t="s">
        <v>8906</v>
      </c>
      <c r="B14359" t="s">
        <v>8907</v>
      </c>
      <c r="C14359" t="s">
        <v>8668</v>
      </c>
      <c r="D14359" t="s">
        <v>8669</v>
      </c>
      <c r="E14359" t="s">
        <v>8652</v>
      </c>
      <c r="F14359" t="s">
        <v>8653</v>
      </c>
      <c r="G14359" t="s">
        <v>80</v>
      </c>
      <c r="H14359" t="s">
        <v>81</v>
      </c>
      <c r="I14359" s="2">
        <v>0</v>
      </c>
      <c r="J14359" s="2">
        <v>0</v>
      </c>
      <c r="K14359" s="2">
        <v>1</v>
      </c>
      <c r="L14359" t="s">
        <v>995</v>
      </c>
      <c r="M14359" t="s">
        <v>87</v>
      </c>
      <c r="N14359" t="s">
        <v>88</v>
      </c>
      <c r="O14359" t="s">
        <v>85</v>
      </c>
      <c r="P14359" t="s">
        <v>86</v>
      </c>
      <c r="Q14359">
        <v>13</v>
      </c>
      <c r="R14359">
        <v>13</v>
      </c>
      <c r="S14359">
        <v>13</v>
      </c>
      <c r="T14359">
        <v>12</v>
      </c>
      <c r="U14359">
        <v>12</v>
      </c>
      <c r="V14359">
        <v>12</v>
      </c>
      <c r="W14359">
        <v>12</v>
      </c>
      <c r="X14359">
        <v>12</v>
      </c>
      <c r="Y14359">
        <v>12</v>
      </c>
      <c r="Z14359">
        <v>12</v>
      </c>
      <c r="AA14359">
        <v>12</v>
      </c>
      <c r="AB14359">
        <v>12</v>
      </c>
      <c r="AC14359">
        <v>12</v>
      </c>
      <c r="AD14359">
        <v>12</v>
      </c>
      <c r="AE14359">
        <v>12</v>
      </c>
      <c r="AF14359">
        <v>12</v>
      </c>
      <c r="AG14359">
        <v>12</v>
      </c>
      <c r="AH14359">
        <v>12</v>
      </c>
      <c r="AI14359">
        <v>12</v>
      </c>
      <c r="AJ14359">
        <v>12</v>
      </c>
      <c r="AK14359">
        <v>12</v>
      </c>
      <c r="AL14359">
        <v>12</v>
      </c>
      <c r="AM14359">
        <v>12</v>
      </c>
      <c r="AN14359">
        <v>11</v>
      </c>
      <c r="AO14359">
        <v>11</v>
      </c>
      <c r="AP14359">
        <v>11</v>
      </c>
      <c r="AQ14359">
        <v>11</v>
      </c>
    </row>
    <row r="14360" spans="1:43">
      <c r="A14360" t="s">
        <v>8906</v>
      </c>
      <c r="B14360" t="s">
        <v>8907</v>
      </c>
      <c r="C14360" t="s">
        <v>8668</v>
      </c>
      <c r="D14360" t="s">
        <v>8669</v>
      </c>
      <c r="E14360" t="s">
        <v>8652</v>
      </c>
      <c r="F14360" t="s">
        <v>8653</v>
      </c>
      <c r="G14360" t="s">
        <v>80</v>
      </c>
      <c r="H14360" t="s">
        <v>81</v>
      </c>
      <c r="I14360" s="2">
        <v>0</v>
      </c>
      <c r="J14360" s="2">
        <v>0</v>
      </c>
      <c r="K14360" s="2">
        <v>1</v>
      </c>
      <c r="L14360" t="s">
        <v>995</v>
      </c>
      <c r="M14360" t="s">
        <v>89</v>
      </c>
      <c r="N14360" t="s">
        <v>90</v>
      </c>
      <c r="O14360" t="s">
        <v>85</v>
      </c>
      <c r="P14360" t="s">
        <v>86</v>
      </c>
      <c r="Q14360">
        <v>13</v>
      </c>
      <c r="R14360">
        <v>13</v>
      </c>
      <c r="S14360">
        <v>13</v>
      </c>
      <c r="T14360">
        <v>13</v>
      </c>
      <c r="U14360">
        <v>14</v>
      </c>
      <c r="V14360">
        <v>14</v>
      </c>
      <c r="W14360">
        <v>14</v>
      </c>
      <c r="X14360">
        <v>14</v>
      </c>
      <c r="Y14360">
        <v>14</v>
      </c>
      <c r="Z14360">
        <v>14</v>
      </c>
      <c r="AA14360">
        <v>14</v>
      </c>
      <c r="AB14360">
        <v>14</v>
      </c>
      <c r="AC14360">
        <v>14</v>
      </c>
      <c r="AD14360">
        <v>14</v>
      </c>
      <c r="AE14360">
        <v>14</v>
      </c>
      <c r="AF14360">
        <v>14</v>
      </c>
      <c r="AG14360">
        <v>14</v>
      </c>
      <c r="AH14360">
        <v>14</v>
      </c>
      <c r="AI14360">
        <v>14</v>
      </c>
      <c r="AJ14360">
        <v>14</v>
      </c>
      <c r="AK14360">
        <v>14</v>
      </c>
      <c r="AL14360">
        <v>14</v>
      </c>
      <c r="AM14360">
        <v>14</v>
      </c>
      <c r="AN14360">
        <v>13</v>
      </c>
      <c r="AO14360">
        <v>13</v>
      </c>
      <c r="AP14360">
        <v>13</v>
      </c>
      <c r="AQ14360">
        <v>13</v>
      </c>
    </row>
    <row r="14361" spans="1:43">
      <c r="A14361" t="s">
        <v>8906</v>
      </c>
      <c r="B14361" t="s">
        <v>8907</v>
      </c>
      <c r="C14361" t="s">
        <v>8668</v>
      </c>
      <c r="D14361" t="s">
        <v>8669</v>
      </c>
      <c r="E14361" t="s">
        <v>8652</v>
      </c>
      <c r="F14361" t="s">
        <v>8653</v>
      </c>
      <c r="G14361" t="s">
        <v>80</v>
      </c>
      <c r="H14361" t="s">
        <v>81</v>
      </c>
      <c r="I14361" s="2">
        <v>0</v>
      </c>
      <c r="J14361" s="2">
        <v>0</v>
      </c>
      <c r="K14361" s="2">
        <v>1</v>
      </c>
      <c r="L14361" t="s">
        <v>995</v>
      </c>
      <c r="M14361" t="s">
        <v>83</v>
      </c>
      <c r="N14361" t="s">
        <v>91</v>
      </c>
      <c r="O14361" t="s">
        <v>85</v>
      </c>
      <c r="P14361" t="s">
        <v>86</v>
      </c>
      <c r="Q14361">
        <v>13</v>
      </c>
      <c r="R14361">
        <v>13</v>
      </c>
      <c r="S14361">
        <v>13</v>
      </c>
      <c r="T14361">
        <v>13</v>
      </c>
      <c r="U14361">
        <v>13</v>
      </c>
      <c r="V14361">
        <v>13</v>
      </c>
      <c r="W14361">
        <v>13</v>
      </c>
      <c r="X14361">
        <v>13</v>
      </c>
      <c r="Y14361">
        <v>13</v>
      </c>
      <c r="Z14361">
        <v>13</v>
      </c>
      <c r="AA14361">
        <v>13</v>
      </c>
      <c r="AB14361">
        <v>13</v>
      </c>
      <c r="AC14361">
        <v>13</v>
      </c>
      <c r="AD14361">
        <v>13</v>
      </c>
      <c r="AE14361">
        <v>13</v>
      </c>
      <c r="AF14361">
        <v>13</v>
      </c>
      <c r="AG14361">
        <v>13</v>
      </c>
      <c r="AH14361">
        <v>13</v>
      </c>
      <c r="AI14361">
        <v>14</v>
      </c>
      <c r="AJ14361">
        <v>14</v>
      </c>
      <c r="AK14361">
        <v>14</v>
      </c>
      <c r="AL14361">
        <v>13</v>
      </c>
      <c r="AM14361">
        <v>13</v>
      </c>
      <c r="AN14361">
        <v>13</v>
      </c>
      <c r="AO14361">
        <v>13</v>
      </c>
      <c r="AP14361">
        <v>13</v>
      </c>
      <c r="AQ14361">
        <v>13</v>
      </c>
    </row>
    <row r="14362" spans="1:43">
      <c r="A14362" t="s">
        <v>8908</v>
      </c>
      <c r="B14362" t="s">
        <v>8909</v>
      </c>
      <c r="C14362" t="s">
        <v>8778</v>
      </c>
      <c r="D14362" t="s">
        <v>8779</v>
      </c>
      <c r="E14362" t="s">
        <v>8652</v>
      </c>
      <c r="F14362" t="s">
        <v>8653</v>
      </c>
      <c r="G14362" t="s">
        <v>80</v>
      </c>
      <c r="H14362" t="s">
        <v>81</v>
      </c>
      <c r="I14362" s="2">
        <v>0</v>
      </c>
      <c r="J14362" s="2">
        <v>0</v>
      </c>
      <c r="K14362" s="2">
        <v>1</v>
      </c>
      <c r="L14362" t="s">
        <v>995</v>
      </c>
      <c r="M14362" t="s">
        <v>83</v>
      </c>
      <c r="N14362" t="s">
        <v>84</v>
      </c>
      <c r="O14362" t="s">
        <v>85</v>
      </c>
      <c r="P14362" t="s">
        <v>86</v>
      </c>
      <c r="Q14362">
        <v>7</v>
      </c>
      <c r="R14362">
        <v>7</v>
      </c>
      <c r="S14362">
        <v>7</v>
      </c>
      <c r="T14362">
        <v>7</v>
      </c>
      <c r="U14362">
        <v>7</v>
      </c>
      <c r="V14362">
        <v>7</v>
      </c>
      <c r="W14362">
        <v>7</v>
      </c>
      <c r="X14362">
        <v>7</v>
      </c>
      <c r="Y14362">
        <v>7</v>
      </c>
      <c r="Z14362">
        <v>7</v>
      </c>
      <c r="AA14362">
        <v>7</v>
      </c>
      <c r="AB14362">
        <v>7</v>
      </c>
      <c r="AC14362">
        <v>7</v>
      </c>
      <c r="AD14362">
        <v>7</v>
      </c>
      <c r="AE14362">
        <v>7</v>
      </c>
      <c r="AF14362">
        <v>7</v>
      </c>
      <c r="AG14362">
        <v>7</v>
      </c>
      <c r="AH14362">
        <v>7</v>
      </c>
      <c r="AI14362">
        <v>7</v>
      </c>
      <c r="AJ14362">
        <v>7</v>
      </c>
      <c r="AK14362">
        <v>7</v>
      </c>
      <c r="AL14362">
        <v>7</v>
      </c>
      <c r="AM14362">
        <v>7</v>
      </c>
      <c r="AN14362">
        <v>7</v>
      </c>
      <c r="AO14362">
        <v>7</v>
      </c>
      <c r="AP14362">
        <v>7</v>
      </c>
      <c r="AQ14362">
        <v>7</v>
      </c>
    </row>
    <row r="14363" spans="1:43">
      <c r="A14363" t="s">
        <v>8908</v>
      </c>
      <c r="B14363" t="s">
        <v>8909</v>
      </c>
      <c r="C14363" t="s">
        <v>8778</v>
      </c>
      <c r="D14363" t="s">
        <v>8779</v>
      </c>
      <c r="E14363" t="s">
        <v>8652</v>
      </c>
      <c r="F14363" t="s">
        <v>8653</v>
      </c>
      <c r="G14363" t="s">
        <v>80</v>
      </c>
      <c r="H14363" t="s">
        <v>81</v>
      </c>
      <c r="I14363" s="2">
        <v>0</v>
      </c>
      <c r="J14363" s="2">
        <v>0</v>
      </c>
      <c r="K14363" s="2">
        <v>1</v>
      </c>
      <c r="L14363" t="s">
        <v>995</v>
      </c>
      <c r="M14363" t="s">
        <v>87</v>
      </c>
      <c r="N14363" t="s">
        <v>88</v>
      </c>
      <c r="O14363" t="s">
        <v>85</v>
      </c>
      <c r="P14363" t="s">
        <v>86</v>
      </c>
      <c r="Q14363">
        <v>7</v>
      </c>
      <c r="R14363">
        <v>7</v>
      </c>
      <c r="S14363">
        <v>7</v>
      </c>
      <c r="T14363">
        <v>7</v>
      </c>
      <c r="U14363">
        <v>6</v>
      </c>
      <c r="V14363">
        <v>6</v>
      </c>
      <c r="W14363">
        <v>6</v>
      </c>
      <c r="X14363">
        <v>6</v>
      </c>
      <c r="Y14363">
        <v>6</v>
      </c>
      <c r="Z14363">
        <v>6</v>
      </c>
      <c r="AA14363">
        <v>6</v>
      </c>
      <c r="AB14363">
        <v>6</v>
      </c>
      <c r="AC14363">
        <v>6</v>
      </c>
      <c r="AD14363">
        <v>6</v>
      </c>
      <c r="AE14363">
        <v>6</v>
      </c>
      <c r="AF14363">
        <v>6</v>
      </c>
      <c r="AG14363">
        <v>6</v>
      </c>
      <c r="AH14363">
        <v>6</v>
      </c>
      <c r="AI14363">
        <v>6</v>
      </c>
      <c r="AJ14363">
        <v>6</v>
      </c>
      <c r="AK14363">
        <v>6</v>
      </c>
      <c r="AL14363">
        <v>6</v>
      </c>
      <c r="AM14363">
        <v>6</v>
      </c>
      <c r="AN14363">
        <v>6</v>
      </c>
      <c r="AO14363">
        <v>6</v>
      </c>
      <c r="AP14363">
        <v>6</v>
      </c>
      <c r="AQ14363">
        <v>6</v>
      </c>
    </row>
    <row r="14364" spans="1:43">
      <c r="A14364" t="s">
        <v>8908</v>
      </c>
      <c r="B14364" t="s">
        <v>8909</v>
      </c>
      <c r="C14364" t="s">
        <v>8778</v>
      </c>
      <c r="D14364" t="s">
        <v>8779</v>
      </c>
      <c r="E14364" t="s">
        <v>8652</v>
      </c>
      <c r="F14364" t="s">
        <v>8653</v>
      </c>
      <c r="G14364" t="s">
        <v>80</v>
      </c>
      <c r="H14364" t="s">
        <v>81</v>
      </c>
      <c r="I14364" s="2">
        <v>0</v>
      </c>
      <c r="J14364" s="2">
        <v>0</v>
      </c>
      <c r="K14364" s="2">
        <v>1</v>
      </c>
      <c r="L14364" t="s">
        <v>995</v>
      </c>
      <c r="M14364" t="s">
        <v>89</v>
      </c>
      <c r="N14364" t="s">
        <v>90</v>
      </c>
      <c r="O14364" t="s">
        <v>85</v>
      </c>
      <c r="P14364" t="s">
        <v>86</v>
      </c>
      <c r="Q14364">
        <v>7</v>
      </c>
      <c r="R14364">
        <v>7</v>
      </c>
      <c r="S14364">
        <v>7</v>
      </c>
      <c r="T14364">
        <v>7</v>
      </c>
      <c r="U14364">
        <v>7</v>
      </c>
      <c r="V14364">
        <v>7</v>
      </c>
      <c r="W14364">
        <v>7</v>
      </c>
      <c r="X14364">
        <v>7</v>
      </c>
      <c r="Y14364">
        <v>7</v>
      </c>
      <c r="Z14364">
        <v>7</v>
      </c>
      <c r="AA14364">
        <v>7</v>
      </c>
      <c r="AB14364">
        <v>7</v>
      </c>
      <c r="AC14364">
        <v>8</v>
      </c>
      <c r="AD14364">
        <v>8</v>
      </c>
      <c r="AE14364">
        <v>8</v>
      </c>
      <c r="AF14364">
        <v>8</v>
      </c>
      <c r="AG14364">
        <v>7</v>
      </c>
      <c r="AH14364">
        <v>7</v>
      </c>
      <c r="AI14364">
        <v>7</v>
      </c>
      <c r="AJ14364">
        <v>7</v>
      </c>
      <c r="AK14364">
        <v>7</v>
      </c>
      <c r="AL14364">
        <v>7</v>
      </c>
      <c r="AM14364">
        <v>7</v>
      </c>
      <c r="AN14364">
        <v>7</v>
      </c>
      <c r="AO14364">
        <v>7</v>
      </c>
      <c r="AP14364">
        <v>7</v>
      </c>
      <c r="AQ14364">
        <v>7</v>
      </c>
    </row>
    <row r="14365" spans="1:43">
      <c r="A14365" t="s">
        <v>8908</v>
      </c>
      <c r="B14365" t="s">
        <v>8909</v>
      </c>
      <c r="C14365" t="s">
        <v>8778</v>
      </c>
      <c r="D14365" t="s">
        <v>8779</v>
      </c>
      <c r="E14365" t="s">
        <v>8652</v>
      </c>
      <c r="F14365" t="s">
        <v>8653</v>
      </c>
      <c r="G14365" t="s">
        <v>80</v>
      </c>
      <c r="H14365" t="s">
        <v>81</v>
      </c>
      <c r="I14365" s="2">
        <v>0</v>
      </c>
      <c r="J14365" s="2">
        <v>0</v>
      </c>
      <c r="K14365" s="2">
        <v>1</v>
      </c>
      <c r="L14365" t="s">
        <v>995</v>
      </c>
      <c r="M14365" t="s">
        <v>83</v>
      </c>
      <c r="N14365" t="s">
        <v>91</v>
      </c>
      <c r="O14365" t="s">
        <v>85</v>
      </c>
      <c r="P14365" t="s">
        <v>86</v>
      </c>
      <c r="Q14365">
        <v>7</v>
      </c>
      <c r="R14365">
        <v>7</v>
      </c>
      <c r="S14365">
        <v>7</v>
      </c>
      <c r="T14365">
        <v>7</v>
      </c>
      <c r="U14365">
        <v>7</v>
      </c>
      <c r="V14365">
        <v>7</v>
      </c>
      <c r="W14365">
        <v>7</v>
      </c>
      <c r="X14365">
        <v>7</v>
      </c>
      <c r="Y14365">
        <v>7</v>
      </c>
      <c r="Z14365">
        <v>7</v>
      </c>
      <c r="AA14365">
        <v>7</v>
      </c>
      <c r="AB14365">
        <v>7</v>
      </c>
      <c r="AC14365">
        <v>7</v>
      </c>
      <c r="AD14365">
        <v>7</v>
      </c>
      <c r="AE14365">
        <v>7</v>
      </c>
      <c r="AF14365">
        <v>7</v>
      </c>
      <c r="AG14365">
        <v>7</v>
      </c>
      <c r="AH14365">
        <v>7</v>
      </c>
      <c r="AI14365">
        <v>7</v>
      </c>
      <c r="AJ14365">
        <v>7</v>
      </c>
      <c r="AK14365">
        <v>7</v>
      </c>
      <c r="AL14365">
        <v>7</v>
      </c>
      <c r="AM14365">
        <v>7</v>
      </c>
      <c r="AN14365">
        <v>7</v>
      </c>
      <c r="AO14365">
        <v>7</v>
      </c>
      <c r="AP14365">
        <v>7</v>
      </c>
      <c r="AQ14365">
        <v>7</v>
      </c>
    </row>
    <row r="14366" spans="1:43">
      <c r="A14366" t="s">
        <v>8910</v>
      </c>
      <c r="B14366" t="s">
        <v>8911</v>
      </c>
      <c r="C14366" t="s">
        <v>8778</v>
      </c>
      <c r="D14366" t="s">
        <v>8779</v>
      </c>
      <c r="E14366" t="s">
        <v>8652</v>
      </c>
      <c r="F14366" t="s">
        <v>8653</v>
      </c>
      <c r="G14366" t="s">
        <v>80</v>
      </c>
      <c r="H14366" t="s">
        <v>81</v>
      </c>
      <c r="I14366" s="2">
        <v>0</v>
      </c>
      <c r="J14366" s="2">
        <v>0</v>
      </c>
      <c r="K14366" s="2">
        <v>1</v>
      </c>
      <c r="L14366" t="s">
        <v>995</v>
      </c>
      <c r="M14366" t="s">
        <v>83</v>
      </c>
      <c r="N14366" t="s">
        <v>84</v>
      </c>
      <c r="O14366" t="s">
        <v>85</v>
      </c>
      <c r="P14366" t="s">
        <v>86</v>
      </c>
      <c r="Q14366">
        <v>11</v>
      </c>
      <c r="R14366">
        <v>11</v>
      </c>
      <c r="S14366">
        <v>12</v>
      </c>
      <c r="T14366">
        <v>12</v>
      </c>
      <c r="U14366">
        <v>12</v>
      </c>
      <c r="V14366">
        <v>12</v>
      </c>
      <c r="W14366">
        <v>12</v>
      </c>
      <c r="X14366">
        <v>12</v>
      </c>
      <c r="Y14366">
        <v>12</v>
      </c>
      <c r="Z14366">
        <v>12</v>
      </c>
      <c r="AA14366">
        <v>12</v>
      </c>
      <c r="AB14366">
        <v>12</v>
      </c>
      <c r="AC14366">
        <v>12</v>
      </c>
      <c r="AD14366">
        <v>12</v>
      </c>
      <c r="AE14366">
        <v>12</v>
      </c>
      <c r="AF14366">
        <v>12</v>
      </c>
      <c r="AG14366">
        <v>12</v>
      </c>
      <c r="AH14366">
        <v>12</v>
      </c>
      <c r="AI14366">
        <v>12</v>
      </c>
      <c r="AJ14366">
        <v>12</v>
      </c>
      <c r="AK14366">
        <v>12</v>
      </c>
      <c r="AL14366">
        <v>12</v>
      </c>
      <c r="AM14366">
        <v>12</v>
      </c>
      <c r="AN14366">
        <v>12</v>
      </c>
      <c r="AO14366">
        <v>12</v>
      </c>
      <c r="AP14366">
        <v>12</v>
      </c>
      <c r="AQ14366">
        <v>12</v>
      </c>
    </row>
    <row r="14367" spans="1:43">
      <c r="A14367" t="s">
        <v>8910</v>
      </c>
      <c r="B14367" t="s">
        <v>8911</v>
      </c>
      <c r="C14367" t="s">
        <v>8778</v>
      </c>
      <c r="D14367" t="s">
        <v>8779</v>
      </c>
      <c r="E14367" t="s">
        <v>8652</v>
      </c>
      <c r="F14367" t="s">
        <v>8653</v>
      </c>
      <c r="G14367" t="s">
        <v>80</v>
      </c>
      <c r="H14367" t="s">
        <v>81</v>
      </c>
      <c r="I14367" s="2">
        <v>0</v>
      </c>
      <c r="J14367" s="2">
        <v>0</v>
      </c>
      <c r="K14367" s="2">
        <v>1</v>
      </c>
      <c r="L14367" t="s">
        <v>995</v>
      </c>
      <c r="M14367" t="s">
        <v>87</v>
      </c>
      <c r="N14367" t="s">
        <v>88</v>
      </c>
      <c r="O14367" t="s">
        <v>85</v>
      </c>
      <c r="P14367" t="s">
        <v>86</v>
      </c>
      <c r="Q14367">
        <v>11</v>
      </c>
      <c r="R14367">
        <v>11</v>
      </c>
      <c r="S14367">
        <v>11</v>
      </c>
      <c r="T14367">
        <v>11</v>
      </c>
      <c r="U14367">
        <v>11</v>
      </c>
      <c r="V14367">
        <v>11</v>
      </c>
      <c r="W14367">
        <v>11</v>
      </c>
      <c r="X14367">
        <v>11</v>
      </c>
      <c r="Y14367">
        <v>11</v>
      </c>
      <c r="Z14367">
        <v>11</v>
      </c>
      <c r="AA14367">
        <v>11</v>
      </c>
      <c r="AB14367">
        <v>11</v>
      </c>
      <c r="AC14367">
        <v>11</v>
      </c>
      <c r="AD14367">
        <v>11</v>
      </c>
      <c r="AE14367">
        <v>11</v>
      </c>
      <c r="AF14367">
        <v>11</v>
      </c>
      <c r="AG14367">
        <v>11</v>
      </c>
      <c r="AH14367">
        <v>11</v>
      </c>
      <c r="AI14367">
        <v>11</v>
      </c>
      <c r="AJ14367">
        <v>11</v>
      </c>
      <c r="AK14367">
        <v>11</v>
      </c>
      <c r="AL14367">
        <v>11</v>
      </c>
      <c r="AM14367">
        <v>11</v>
      </c>
      <c r="AN14367">
        <v>11</v>
      </c>
      <c r="AO14367">
        <v>11</v>
      </c>
      <c r="AP14367">
        <v>10</v>
      </c>
      <c r="AQ14367">
        <v>10</v>
      </c>
    </row>
    <row r="14368" spans="1:43">
      <c r="A14368" t="s">
        <v>8910</v>
      </c>
      <c r="B14368" t="s">
        <v>8911</v>
      </c>
      <c r="C14368" t="s">
        <v>8778</v>
      </c>
      <c r="D14368" t="s">
        <v>8779</v>
      </c>
      <c r="E14368" t="s">
        <v>8652</v>
      </c>
      <c r="F14368" t="s">
        <v>8653</v>
      </c>
      <c r="G14368" t="s">
        <v>80</v>
      </c>
      <c r="H14368" t="s">
        <v>81</v>
      </c>
      <c r="I14368" s="2">
        <v>0</v>
      </c>
      <c r="J14368" s="2">
        <v>0</v>
      </c>
      <c r="K14368" s="2">
        <v>1</v>
      </c>
      <c r="L14368" t="s">
        <v>995</v>
      </c>
      <c r="M14368" t="s">
        <v>89</v>
      </c>
      <c r="N14368" t="s">
        <v>90</v>
      </c>
      <c r="O14368" t="s">
        <v>85</v>
      </c>
      <c r="P14368" t="s">
        <v>86</v>
      </c>
      <c r="Q14368">
        <v>11</v>
      </c>
      <c r="R14368">
        <v>12</v>
      </c>
      <c r="S14368">
        <v>12</v>
      </c>
      <c r="T14368">
        <v>12</v>
      </c>
      <c r="U14368">
        <v>12</v>
      </c>
      <c r="V14368">
        <v>12</v>
      </c>
      <c r="W14368">
        <v>12</v>
      </c>
      <c r="X14368">
        <v>12</v>
      </c>
      <c r="Y14368">
        <v>13</v>
      </c>
      <c r="Z14368">
        <v>13</v>
      </c>
      <c r="AA14368">
        <v>13</v>
      </c>
      <c r="AB14368">
        <v>13</v>
      </c>
      <c r="AC14368">
        <v>13</v>
      </c>
      <c r="AD14368">
        <v>13</v>
      </c>
      <c r="AE14368">
        <v>13</v>
      </c>
      <c r="AF14368">
        <v>13</v>
      </c>
      <c r="AG14368">
        <v>13</v>
      </c>
      <c r="AH14368">
        <v>13</v>
      </c>
      <c r="AI14368">
        <v>13</v>
      </c>
      <c r="AJ14368">
        <v>13</v>
      </c>
      <c r="AK14368">
        <v>13</v>
      </c>
      <c r="AL14368">
        <v>12</v>
      </c>
      <c r="AM14368">
        <v>12</v>
      </c>
      <c r="AN14368">
        <v>12</v>
      </c>
      <c r="AO14368">
        <v>12</v>
      </c>
      <c r="AP14368">
        <v>12</v>
      </c>
      <c r="AQ14368">
        <v>12</v>
      </c>
    </row>
    <row r="14369" spans="1:43">
      <c r="A14369" t="s">
        <v>8910</v>
      </c>
      <c r="B14369" t="s">
        <v>8911</v>
      </c>
      <c r="C14369" t="s">
        <v>8778</v>
      </c>
      <c r="D14369" t="s">
        <v>8779</v>
      </c>
      <c r="E14369" t="s">
        <v>8652</v>
      </c>
      <c r="F14369" t="s">
        <v>8653</v>
      </c>
      <c r="G14369" t="s">
        <v>80</v>
      </c>
      <c r="H14369" t="s">
        <v>81</v>
      </c>
      <c r="I14369" s="2">
        <v>0</v>
      </c>
      <c r="J14369" s="2">
        <v>0</v>
      </c>
      <c r="K14369" s="2">
        <v>1</v>
      </c>
      <c r="L14369" t="s">
        <v>995</v>
      </c>
      <c r="M14369" t="s">
        <v>83</v>
      </c>
      <c r="N14369" t="s">
        <v>91</v>
      </c>
      <c r="O14369" t="s">
        <v>85</v>
      </c>
      <c r="P14369" t="s">
        <v>86</v>
      </c>
      <c r="Q14369">
        <v>11</v>
      </c>
      <c r="R14369">
        <v>11</v>
      </c>
      <c r="S14369">
        <v>12</v>
      </c>
      <c r="T14369">
        <v>12</v>
      </c>
      <c r="U14369">
        <v>12</v>
      </c>
      <c r="V14369">
        <v>12</v>
      </c>
      <c r="W14369">
        <v>12</v>
      </c>
      <c r="X14369">
        <v>12</v>
      </c>
      <c r="Y14369">
        <v>12</v>
      </c>
      <c r="Z14369">
        <v>12</v>
      </c>
      <c r="AA14369">
        <v>12</v>
      </c>
      <c r="AB14369">
        <v>12</v>
      </c>
      <c r="AC14369">
        <v>12</v>
      </c>
      <c r="AD14369">
        <v>12</v>
      </c>
      <c r="AE14369">
        <v>12</v>
      </c>
      <c r="AF14369">
        <v>12</v>
      </c>
      <c r="AG14369">
        <v>12</v>
      </c>
      <c r="AH14369">
        <v>12</v>
      </c>
      <c r="AI14369">
        <v>12</v>
      </c>
      <c r="AJ14369">
        <v>12</v>
      </c>
      <c r="AK14369">
        <v>12</v>
      </c>
      <c r="AL14369">
        <v>12</v>
      </c>
      <c r="AM14369">
        <v>12</v>
      </c>
      <c r="AN14369">
        <v>12</v>
      </c>
      <c r="AO14369">
        <v>12</v>
      </c>
      <c r="AP14369">
        <v>12</v>
      </c>
      <c r="AQ14369">
        <v>12</v>
      </c>
    </row>
    <row r="14370" spans="1:43">
      <c r="A14370" t="s">
        <v>8912</v>
      </c>
      <c r="B14370" t="s">
        <v>8913</v>
      </c>
      <c r="C14370" t="s">
        <v>8778</v>
      </c>
      <c r="D14370" t="s">
        <v>8779</v>
      </c>
      <c r="E14370" t="s">
        <v>8652</v>
      </c>
      <c r="F14370" t="s">
        <v>8653</v>
      </c>
      <c r="G14370" t="s">
        <v>80</v>
      </c>
      <c r="H14370" t="s">
        <v>81</v>
      </c>
      <c r="I14370" s="2">
        <v>0</v>
      </c>
      <c r="J14370" s="2">
        <v>0</v>
      </c>
      <c r="K14370" s="2">
        <v>1</v>
      </c>
      <c r="L14370" t="s">
        <v>995</v>
      </c>
      <c r="M14370" t="s">
        <v>83</v>
      </c>
      <c r="N14370" t="s">
        <v>84</v>
      </c>
      <c r="O14370" t="s">
        <v>85</v>
      </c>
      <c r="P14370" t="s">
        <v>86</v>
      </c>
      <c r="Q14370">
        <v>33</v>
      </c>
      <c r="R14370">
        <v>33</v>
      </c>
      <c r="S14370">
        <v>33</v>
      </c>
      <c r="T14370">
        <v>33</v>
      </c>
      <c r="U14370">
        <v>33</v>
      </c>
      <c r="V14370">
        <v>34</v>
      </c>
      <c r="W14370">
        <v>34</v>
      </c>
      <c r="X14370">
        <v>34</v>
      </c>
      <c r="Y14370">
        <v>34</v>
      </c>
      <c r="Z14370">
        <v>34</v>
      </c>
      <c r="AA14370">
        <v>34</v>
      </c>
      <c r="AB14370">
        <v>34</v>
      </c>
      <c r="AC14370">
        <v>35</v>
      </c>
      <c r="AD14370">
        <v>35</v>
      </c>
      <c r="AE14370">
        <v>35</v>
      </c>
      <c r="AF14370">
        <v>35</v>
      </c>
      <c r="AG14370">
        <v>35</v>
      </c>
      <c r="AH14370">
        <v>35</v>
      </c>
      <c r="AI14370">
        <v>35</v>
      </c>
      <c r="AJ14370">
        <v>35</v>
      </c>
      <c r="AK14370">
        <v>35</v>
      </c>
      <c r="AL14370">
        <v>35</v>
      </c>
      <c r="AM14370">
        <v>35</v>
      </c>
      <c r="AN14370">
        <v>35</v>
      </c>
      <c r="AO14370">
        <v>34</v>
      </c>
      <c r="AP14370">
        <v>34</v>
      </c>
      <c r="AQ14370">
        <v>34</v>
      </c>
    </row>
    <row r="14371" spans="1:43">
      <c r="A14371" t="s">
        <v>8912</v>
      </c>
      <c r="B14371" t="s">
        <v>8913</v>
      </c>
      <c r="C14371" t="s">
        <v>8778</v>
      </c>
      <c r="D14371" t="s">
        <v>8779</v>
      </c>
      <c r="E14371" t="s">
        <v>8652</v>
      </c>
      <c r="F14371" t="s">
        <v>8653</v>
      </c>
      <c r="G14371" t="s">
        <v>80</v>
      </c>
      <c r="H14371" t="s">
        <v>81</v>
      </c>
      <c r="I14371" s="2">
        <v>0</v>
      </c>
      <c r="J14371" s="2">
        <v>0</v>
      </c>
      <c r="K14371" s="2">
        <v>1</v>
      </c>
      <c r="L14371" t="s">
        <v>995</v>
      </c>
      <c r="M14371" t="s">
        <v>87</v>
      </c>
      <c r="N14371" t="s">
        <v>88</v>
      </c>
      <c r="O14371" t="s">
        <v>85</v>
      </c>
      <c r="P14371" t="s">
        <v>86</v>
      </c>
      <c r="Q14371">
        <v>33</v>
      </c>
      <c r="R14371">
        <v>33</v>
      </c>
      <c r="S14371">
        <v>33</v>
      </c>
      <c r="T14371">
        <v>33</v>
      </c>
      <c r="U14371">
        <v>33</v>
      </c>
      <c r="V14371">
        <v>33</v>
      </c>
      <c r="W14371">
        <v>33</v>
      </c>
      <c r="X14371">
        <v>33</v>
      </c>
      <c r="Y14371">
        <v>32</v>
      </c>
      <c r="Z14371">
        <v>32</v>
      </c>
      <c r="AA14371">
        <v>32</v>
      </c>
      <c r="AB14371">
        <v>32</v>
      </c>
      <c r="AC14371">
        <v>32</v>
      </c>
      <c r="AD14371">
        <v>32</v>
      </c>
      <c r="AE14371">
        <v>32</v>
      </c>
      <c r="AF14371">
        <v>32</v>
      </c>
      <c r="AG14371">
        <v>32</v>
      </c>
      <c r="AH14371">
        <v>31</v>
      </c>
      <c r="AI14371">
        <v>31</v>
      </c>
      <c r="AJ14371">
        <v>31</v>
      </c>
      <c r="AK14371">
        <v>31</v>
      </c>
      <c r="AL14371">
        <v>31</v>
      </c>
      <c r="AM14371">
        <v>31</v>
      </c>
      <c r="AN14371">
        <v>31</v>
      </c>
      <c r="AO14371">
        <v>31</v>
      </c>
      <c r="AP14371">
        <v>31</v>
      </c>
      <c r="AQ14371">
        <v>31</v>
      </c>
    </row>
    <row r="14372" spans="1:43">
      <c r="A14372" t="s">
        <v>8912</v>
      </c>
      <c r="B14372" t="s">
        <v>8913</v>
      </c>
      <c r="C14372" t="s">
        <v>8778</v>
      </c>
      <c r="D14372" t="s">
        <v>8779</v>
      </c>
      <c r="E14372" t="s">
        <v>8652</v>
      </c>
      <c r="F14372" t="s">
        <v>8653</v>
      </c>
      <c r="G14372" t="s">
        <v>80</v>
      </c>
      <c r="H14372" t="s">
        <v>81</v>
      </c>
      <c r="I14372" s="2">
        <v>0</v>
      </c>
      <c r="J14372" s="2">
        <v>0</v>
      </c>
      <c r="K14372" s="2">
        <v>1</v>
      </c>
      <c r="L14372" t="s">
        <v>995</v>
      </c>
      <c r="M14372" t="s">
        <v>89</v>
      </c>
      <c r="N14372" t="s">
        <v>90</v>
      </c>
      <c r="O14372" t="s">
        <v>85</v>
      </c>
      <c r="P14372" t="s">
        <v>86</v>
      </c>
      <c r="Q14372">
        <v>33</v>
      </c>
      <c r="R14372">
        <v>34</v>
      </c>
      <c r="S14372">
        <v>34</v>
      </c>
      <c r="T14372">
        <v>34</v>
      </c>
      <c r="U14372">
        <v>35</v>
      </c>
      <c r="V14372">
        <v>35</v>
      </c>
      <c r="W14372">
        <v>35</v>
      </c>
      <c r="X14372">
        <v>36</v>
      </c>
      <c r="Y14372">
        <v>36</v>
      </c>
      <c r="Z14372">
        <v>36</v>
      </c>
      <c r="AA14372">
        <v>36</v>
      </c>
      <c r="AB14372">
        <v>37</v>
      </c>
      <c r="AC14372">
        <v>37</v>
      </c>
      <c r="AD14372">
        <v>37</v>
      </c>
      <c r="AE14372">
        <v>37</v>
      </c>
      <c r="AF14372">
        <v>37</v>
      </c>
      <c r="AG14372">
        <v>37</v>
      </c>
      <c r="AH14372">
        <v>36</v>
      </c>
      <c r="AI14372">
        <v>36</v>
      </c>
      <c r="AJ14372">
        <v>36</v>
      </c>
      <c r="AK14372">
        <v>36</v>
      </c>
      <c r="AL14372">
        <v>35</v>
      </c>
      <c r="AM14372">
        <v>35</v>
      </c>
      <c r="AN14372">
        <v>35</v>
      </c>
      <c r="AO14372">
        <v>35</v>
      </c>
      <c r="AP14372">
        <v>35</v>
      </c>
      <c r="AQ14372">
        <v>34</v>
      </c>
    </row>
    <row r="14373" spans="1:43">
      <c r="A14373" t="s">
        <v>8912</v>
      </c>
      <c r="B14373" t="s">
        <v>8913</v>
      </c>
      <c r="C14373" t="s">
        <v>8778</v>
      </c>
      <c r="D14373" t="s">
        <v>8779</v>
      </c>
      <c r="E14373" t="s">
        <v>8652</v>
      </c>
      <c r="F14373" t="s">
        <v>8653</v>
      </c>
      <c r="G14373" t="s">
        <v>80</v>
      </c>
      <c r="H14373" t="s">
        <v>81</v>
      </c>
      <c r="I14373" s="2">
        <v>0</v>
      </c>
      <c r="J14373" s="2">
        <v>0</v>
      </c>
      <c r="K14373" s="2">
        <v>1</v>
      </c>
      <c r="L14373" t="s">
        <v>995</v>
      </c>
      <c r="M14373" t="s">
        <v>83</v>
      </c>
      <c r="N14373" t="s">
        <v>91</v>
      </c>
      <c r="O14373" t="s">
        <v>85</v>
      </c>
      <c r="P14373" t="s">
        <v>86</v>
      </c>
      <c r="Q14373">
        <v>33</v>
      </c>
      <c r="R14373">
        <v>33</v>
      </c>
      <c r="S14373">
        <v>33</v>
      </c>
      <c r="T14373">
        <v>33</v>
      </c>
      <c r="U14373">
        <v>33</v>
      </c>
      <c r="V14373">
        <v>34</v>
      </c>
      <c r="W14373">
        <v>34</v>
      </c>
      <c r="X14373">
        <v>34</v>
      </c>
      <c r="Y14373">
        <v>34</v>
      </c>
      <c r="Z14373">
        <v>34</v>
      </c>
      <c r="AA14373">
        <v>34</v>
      </c>
      <c r="AB14373">
        <v>34</v>
      </c>
      <c r="AC14373">
        <v>35</v>
      </c>
      <c r="AD14373">
        <v>35</v>
      </c>
      <c r="AE14373">
        <v>35</v>
      </c>
      <c r="AF14373">
        <v>35</v>
      </c>
      <c r="AG14373">
        <v>35</v>
      </c>
      <c r="AH14373">
        <v>35</v>
      </c>
      <c r="AI14373">
        <v>35</v>
      </c>
      <c r="AJ14373">
        <v>35</v>
      </c>
      <c r="AK14373">
        <v>35</v>
      </c>
      <c r="AL14373">
        <v>35</v>
      </c>
      <c r="AM14373">
        <v>35</v>
      </c>
      <c r="AN14373">
        <v>35</v>
      </c>
      <c r="AO14373">
        <v>34</v>
      </c>
      <c r="AP14373">
        <v>34</v>
      </c>
      <c r="AQ14373">
        <v>34</v>
      </c>
    </row>
    <row r="14374" spans="1:43">
      <c r="A14374" t="s">
        <v>8914</v>
      </c>
      <c r="B14374" t="s">
        <v>8915</v>
      </c>
      <c r="C14374" t="s">
        <v>8868</v>
      </c>
      <c r="D14374" t="s">
        <v>8869</v>
      </c>
      <c r="E14374" t="s">
        <v>8652</v>
      </c>
      <c r="F14374" t="s">
        <v>8653</v>
      </c>
      <c r="G14374" t="s">
        <v>80</v>
      </c>
      <c r="H14374" t="s">
        <v>81</v>
      </c>
      <c r="I14374" s="2">
        <v>0</v>
      </c>
      <c r="J14374" s="2">
        <v>0</v>
      </c>
      <c r="K14374" s="2">
        <v>1</v>
      </c>
      <c r="L14374" t="s">
        <v>995</v>
      </c>
      <c r="M14374" t="s">
        <v>83</v>
      </c>
      <c r="N14374" t="s">
        <v>84</v>
      </c>
      <c r="O14374" t="s">
        <v>85</v>
      </c>
      <c r="P14374" t="s">
        <v>86</v>
      </c>
      <c r="Q14374">
        <v>22</v>
      </c>
      <c r="R14374">
        <v>22</v>
      </c>
      <c r="S14374">
        <v>22</v>
      </c>
      <c r="T14374">
        <v>22</v>
      </c>
      <c r="U14374">
        <v>23</v>
      </c>
      <c r="V14374">
        <v>23</v>
      </c>
      <c r="W14374">
        <v>23</v>
      </c>
      <c r="X14374">
        <v>23</v>
      </c>
      <c r="Y14374">
        <v>23</v>
      </c>
      <c r="Z14374">
        <v>23</v>
      </c>
      <c r="AA14374">
        <v>23</v>
      </c>
      <c r="AB14374">
        <v>23</v>
      </c>
      <c r="AC14374">
        <v>23</v>
      </c>
      <c r="AD14374">
        <v>23</v>
      </c>
      <c r="AE14374">
        <v>23</v>
      </c>
      <c r="AF14374">
        <v>23</v>
      </c>
      <c r="AG14374">
        <v>23</v>
      </c>
      <c r="AH14374">
        <v>23</v>
      </c>
      <c r="AI14374">
        <v>23</v>
      </c>
      <c r="AJ14374">
        <v>24</v>
      </c>
      <c r="AK14374">
        <v>24</v>
      </c>
      <c r="AL14374">
        <v>23</v>
      </c>
      <c r="AM14374">
        <v>23</v>
      </c>
      <c r="AN14374">
        <v>23</v>
      </c>
      <c r="AO14374">
        <v>23</v>
      </c>
      <c r="AP14374">
        <v>23</v>
      </c>
      <c r="AQ14374">
        <v>23</v>
      </c>
    </row>
    <row r="14375" spans="1:43">
      <c r="A14375" t="s">
        <v>8914</v>
      </c>
      <c r="B14375" t="s">
        <v>8915</v>
      </c>
      <c r="C14375" t="s">
        <v>8868</v>
      </c>
      <c r="D14375" t="s">
        <v>8869</v>
      </c>
      <c r="E14375" t="s">
        <v>8652</v>
      </c>
      <c r="F14375" t="s">
        <v>8653</v>
      </c>
      <c r="G14375" t="s">
        <v>80</v>
      </c>
      <c r="H14375" t="s">
        <v>81</v>
      </c>
      <c r="I14375" s="2">
        <v>0</v>
      </c>
      <c r="J14375" s="2">
        <v>0</v>
      </c>
      <c r="K14375" s="2">
        <v>1</v>
      </c>
      <c r="L14375" t="s">
        <v>995</v>
      </c>
      <c r="M14375" t="s">
        <v>87</v>
      </c>
      <c r="N14375" t="s">
        <v>88</v>
      </c>
      <c r="O14375" t="s">
        <v>85</v>
      </c>
      <c r="P14375" t="s">
        <v>86</v>
      </c>
      <c r="Q14375">
        <v>22</v>
      </c>
      <c r="R14375">
        <v>22</v>
      </c>
      <c r="S14375">
        <v>22</v>
      </c>
      <c r="T14375">
        <v>22</v>
      </c>
      <c r="U14375">
        <v>22</v>
      </c>
      <c r="V14375">
        <v>21</v>
      </c>
      <c r="W14375">
        <v>21</v>
      </c>
      <c r="X14375">
        <v>21</v>
      </c>
      <c r="Y14375">
        <v>21</v>
      </c>
      <c r="Z14375">
        <v>21</v>
      </c>
      <c r="AA14375">
        <v>21</v>
      </c>
      <c r="AB14375">
        <v>21</v>
      </c>
      <c r="AC14375">
        <v>21</v>
      </c>
      <c r="AD14375">
        <v>21</v>
      </c>
      <c r="AE14375">
        <v>21</v>
      </c>
      <c r="AF14375">
        <v>21</v>
      </c>
      <c r="AG14375">
        <v>21</v>
      </c>
      <c r="AH14375">
        <v>20</v>
      </c>
      <c r="AI14375">
        <v>20</v>
      </c>
      <c r="AJ14375">
        <v>20</v>
      </c>
      <c r="AK14375">
        <v>20</v>
      </c>
      <c r="AL14375">
        <v>20</v>
      </c>
      <c r="AM14375">
        <v>20</v>
      </c>
      <c r="AN14375">
        <v>20</v>
      </c>
      <c r="AO14375">
        <v>20</v>
      </c>
      <c r="AP14375">
        <v>20</v>
      </c>
      <c r="AQ14375">
        <v>20</v>
      </c>
    </row>
    <row r="14376" spans="1:43">
      <c r="A14376" t="s">
        <v>8914</v>
      </c>
      <c r="B14376" t="s">
        <v>8915</v>
      </c>
      <c r="C14376" t="s">
        <v>8868</v>
      </c>
      <c r="D14376" t="s">
        <v>8869</v>
      </c>
      <c r="E14376" t="s">
        <v>8652</v>
      </c>
      <c r="F14376" t="s">
        <v>8653</v>
      </c>
      <c r="G14376" t="s">
        <v>80</v>
      </c>
      <c r="H14376" t="s">
        <v>81</v>
      </c>
      <c r="I14376" s="2">
        <v>0</v>
      </c>
      <c r="J14376" s="2">
        <v>0</v>
      </c>
      <c r="K14376" s="2">
        <v>1</v>
      </c>
      <c r="L14376" t="s">
        <v>995</v>
      </c>
      <c r="M14376" t="s">
        <v>89</v>
      </c>
      <c r="N14376" t="s">
        <v>90</v>
      </c>
      <c r="O14376" t="s">
        <v>85</v>
      </c>
      <c r="P14376" t="s">
        <v>86</v>
      </c>
      <c r="Q14376">
        <v>22</v>
      </c>
      <c r="R14376">
        <v>23</v>
      </c>
      <c r="S14376">
        <v>23</v>
      </c>
      <c r="T14376">
        <v>23</v>
      </c>
      <c r="U14376">
        <v>23</v>
      </c>
      <c r="V14376">
        <v>24</v>
      </c>
      <c r="W14376">
        <v>24</v>
      </c>
      <c r="X14376">
        <v>24</v>
      </c>
      <c r="Y14376">
        <v>24</v>
      </c>
      <c r="Z14376">
        <v>24</v>
      </c>
      <c r="AA14376">
        <v>25</v>
      </c>
      <c r="AB14376">
        <v>25</v>
      </c>
      <c r="AC14376">
        <v>25</v>
      </c>
      <c r="AD14376">
        <v>25</v>
      </c>
      <c r="AE14376">
        <v>25</v>
      </c>
      <c r="AF14376">
        <v>25</v>
      </c>
      <c r="AG14376">
        <v>25</v>
      </c>
      <c r="AH14376">
        <v>24</v>
      </c>
      <c r="AI14376">
        <v>24</v>
      </c>
      <c r="AJ14376">
        <v>24</v>
      </c>
      <c r="AK14376">
        <v>24</v>
      </c>
      <c r="AL14376">
        <v>24</v>
      </c>
      <c r="AM14376">
        <v>24</v>
      </c>
      <c r="AN14376">
        <v>23</v>
      </c>
      <c r="AO14376">
        <v>23</v>
      </c>
      <c r="AP14376">
        <v>23</v>
      </c>
      <c r="AQ14376">
        <v>23</v>
      </c>
    </row>
    <row r="14377" spans="1:43">
      <c r="A14377" t="s">
        <v>8914</v>
      </c>
      <c r="B14377" t="s">
        <v>8915</v>
      </c>
      <c r="C14377" t="s">
        <v>8868</v>
      </c>
      <c r="D14377" t="s">
        <v>8869</v>
      </c>
      <c r="E14377" t="s">
        <v>8652</v>
      </c>
      <c r="F14377" t="s">
        <v>8653</v>
      </c>
      <c r="G14377" t="s">
        <v>80</v>
      </c>
      <c r="H14377" t="s">
        <v>81</v>
      </c>
      <c r="I14377" s="2">
        <v>0</v>
      </c>
      <c r="J14377" s="2">
        <v>0</v>
      </c>
      <c r="K14377" s="2">
        <v>1</v>
      </c>
      <c r="L14377" t="s">
        <v>995</v>
      </c>
      <c r="M14377" t="s">
        <v>83</v>
      </c>
      <c r="N14377" t="s">
        <v>91</v>
      </c>
      <c r="O14377" t="s">
        <v>85</v>
      </c>
      <c r="P14377" t="s">
        <v>86</v>
      </c>
      <c r="Q14377">
        <v>22</v>
      </c>
      <c r="R14377">
        <v>22</v>
      </c>
      <c r="S14377">
        <v>22</v>
      </c>
      <c r="T14377">
        <v>22</v>
      </c>
      <c r="U14377">
        <v>23</v>
      </c>
      <c r="V14377">
        <v>23</v>
      </c>
      <c r="W14377">
        <v>23</v>
      </c>
      <c r="X14377">
        <v>23</v>
      </c>
      <c r="Y14377">
        <v>23</v>
      </c>
      <c r="Z14377">
        <v>23</v>
      </c>
      <c r="AA14377">
        <v>23</v>
      </c>
      <c r="AB14377">
        <v>23</v>
      </c>
      <c r="AC14377">
        <v>23</v>
      </c>
      <c r="AD14377">
        <v>23</v>
      </c>
      <c r="AE14377">
        <v>23</v>
      </c>
      <c r="AF14377">
        <v>23</v>
      </c>
      <c r="AG14377">
        <v>23</v>
      </c>
      <c r="AH14377">
        <v>23</v>
      </c>
      <c r="AI14377">
        <v>23</v>
      </c>
      <c r="AJ14377">
        <v>24</v>
      </c>
      <c r="AK14377">
        <v>24</v>
      </c>
      <c r="AL14377">
        <v>23</v>
      </c>
      <c r="AM14377">
        <v>23</v>
      </c>
      <c r="AN14377">
        <v>23</v>
      </c>
      <c r="AO14377">
        <v>23</v>
      </c>
      <c r="AP14377">
        <v>23</v>
      </c>
      <c r="AQ14377">
        <v>23</v>
      </c>
    </row>
    <row r="14378" spans="1:43">
      <c r="A14378" t="s">
        <v>8916</v>
      </c>
      <c r="B14378" t="s">
        <v>8917</v>
      </c>
      <c r="C14378" t="s">
        <v>8784</v>
      </c>
      <c r="D14378" t="s">
        <v>8785</v>
      </c>
      <c r="E14378" t="s">
        <v>8652</v>
      </c>
      <c r="F14378" t="s">
        <v>8653</v>
      </c>
      <c r="G14378" t="s">
        <v>80</v>
      </c>
      <c r="H14378" t="s">
        <v>81</v>
      </c>
      <c r="I14378" s="2">
        <v>0</v>
      </c>
      <c r="J14378" s="2">
        <v>0</v>
      </c>
      <c r="K14378" s="2">
        <v>1</v>
      </c>
      <c r="L14378" t="s">
        <v>995</v>
      </c>
      <c r="M14378" t="s">
        <v>83</v>
      </c>
      <c r="N14378" t="s">
        <v>84</v>
      </c>
      <c r="O14378" t="s">
        <v>85</v>
      </c>
      <c r="P14378" t="s">
        <v>86</v>
      </c>
      <c r="Q14378">
        <v>9</v>
      </c>
      <c r="R14378">
        <v>9</v>
      </c>
      <c r="S14378">
        <v>9</v>
      </c>
      <c r="T14378">
        <v>9</v>
      </c>
      <c r="U14378">
        <v>9</v>
      </c>
      <c r="V14378">
        <v>9</v>
      </c>
      <c r="W14378">
        <v>9</v>
      </c>
      <c r="X14378">
        <v>9</v>
      </c>
      <c r="Y14378">
        <v>9</v>
      </c>
      <c r="Z14378">
        <v>9</v>
      </c>
      <c r="AA14378">
        <v>9</v>
      </c>
      <c r="AB14378">
        <v>9</v>
      </c>
      <c r="AC14378">
        <v>9</v>
      </c>
      <c r="AD14378">
        <v>9</v>
      </c>
      <c r="AE14378">
        <v>9</v>
      </c>
      <c r="AF14378">
        <v>9</v>
      </c>
      <c r="AG14378">
        <v>9</v>
      </c>
      <c r="AH14378">
        <v>9</v>
      </c>
      <c r="AI14378">
        <v>9</v>
      </c>
      <c r="AJ14378">
        <v>9</v>
      </c>
      <c r="AK14378">
        <v>9</v>
      </c>
      <c r="AL14378">
        <v>9</v>
      </c>
      <c r="AM14378">
        <v>9</v>
      </c>
      <c r="AN14378">
        <v>9</v>
      </c>
      <c r="AO14378">
        <v>9</v>
      </c>
      <c r="AP14378">
        <v>9</v>
      </c>
      <c r="AQ14378">
        <v>9</v>
      </c>
    </row>
    <row r="14379" spans="1:43">
      <c r="A14379" t="s">
        <v>8916</v>
      </c>
      <c r="B14379" t="s">
        <v>8917</v>
      </c>
      <c r="C14379" t="s">
        <v>8784</v>
      </c>
      <c r="D14379" t="s">
        <v>8785</v>
      </c>
      <c r="E14379" t="s">
        <v>8652</v>
      </c>
      <c r="F14379" t="s">
        <v>8653</v>
      </c>
      <c r="G14379" t="s">
        <v>80</v>
      </c>
      <c r="H14379" t="s">
        <v>81</v>
      </c>
      <c r="I14379" s="2">
        <v>0</v>
      </c>
      <c r="J14379" s="2">
        <v>0</v>
      </c>
      <c r="K14379" s="2">
        <v>1</v>
      </c>
      <c r="L14379" t="s">
        <v>995</v>
      </c>
      <c r="M14379" t="s">
        <v>87</v>
      </c>
      <c r="N14379" t="s">
        <v>88</v>
      </c>
      <c r="O14379" t="s">
        <v>85</v>
      </c>
      <c r="P14379" t="s">
        <v>86</v>
      </c>
      <c r="Q14379">
        <v>9</v>
      </c>
      <c r="R14379">
        <v>9</v>
      </c>
      <c r="S14379">
        <v>9</v>
      </c>
      <c r="T14379">
        <v>9</v>
      </c>
      <c r="U14379">
        <v>9</v>
      </c>
      <c r="V14379">
        <v>9</v>
      </c>
      <c r="W14379">
        <v>8</v>
      </c>
      <c r="X14379">
        <v>8</v>
      </c>
      <c r="Y14379">
        <v>8</v>
      </c>
      <c r="Z14379">
        <v>8</v>
      </c>
      <c r="AA14379">
        <v>8</v>
      </c>
      <c r="AB14379">
        <v>8</v>
      </c>
      <c r="AC14379">
        <v>8</v>
      </c>
      <c r="AD14379">
        <v>8</v>
      </c>
      <c r="AE14379">
        <v>8</v>
      </c>
      <c r="AF14379">
        <v>8</v>
      </c>
      <c r="AG14379">
        <v>8</v>
      </c>
      <c r="AH14379">
        <v>8</v>
      </c>
      <c r="AI14379">
        <v>8</v>
      </c>
      <c r="AJ14379">
        <v>8</v>
      </c>
      <c r="AK14379">
        <v>8</v>
      </c>
      <c r="AL14379">
        <v>8</v>
      </c>
      <c r="AM14379">
        <v>8</v>
      </c>
      <c r="AN14379">
        <v>8</v>
      </c>
      <c r="AO14379">
        <v>8</v>
      </c>
      <c r="AP14379">
        <v>8</v>
      </c>
      <c r="AQ14379">
        <v>8</v>
      </c>
    </row>
    <row r="14380" spans="1:43">
      <c r="A14380" t="s">
        <v>8916</v>
      </c>
      <c r="B14380" t="s">
        <v>8917</v>
      </c>
      <c r="C14380" t="s">
        <v>8784</v>
      </c>
      <c r="D14380" t="s">
        <v>8785</v>
      </c>
      <c r="E14380" t="s">
        <v>8652</v>
      </c>
      <c r="F14380" t="s">
        <v>8653</v>
      </c>
      <c r="G14380" t="s">
        <v>80</v>
      </c>
      <c r="H14380" t="s">
        <v>81</v>
      </c>
      <c r="I14380" s="2">
        <v>0</v>
      </c>
      <c r="J14380" s="2">
        <v>0</v>
      </c>
      <c r="K14380" s="2">
        <v>1</v>
      </c>
      <c r="L14380" t="s">
        <v>995</v>
      </c>
      <c r="M14380" t="s">
        <v>89</v>
      </c>
      <c r="N14380" t="s">
        <v>90</v>
      </c>
      <c r="O14380" t="s">
        <v>85</v>
      </c>
      <c r="P14380" t="s">
        <v>86</v>
      </c>
      <c r="Q14380">
        <v>9</v>
      </c>
      <c r="R14380">
        <v>9</v>
      </c>
      <c r="S14380">
        <v>9</v>
      </c>
      <c r="T14380">
        <v>9</v>
      </c>
      <c r="U14380">
        <v>9</v>
      </c>
      <c r="V14380">
        <v>9</v>
      </c>
      <c r="W14380">
        <v>9</v>
      </c>
      <c r="X14380">
        <v>10</v>
      </c>
      <c r="Y14380">
        <v>10</v>
      </c>
      <c r="Z14380">
        <v>10</v>
      </c>
      <c r="AA14380">
        <v>10</v>
      </c>
      <c r="AB14380">
        <v>10</v>
      </c>
      <c r="AC14380">
        <v>10</v>
      </c>
      <c r="AD14380">
        <v>10</v>
      </c>
      <c r="AE14380">
        <v>10</v>
      </c>
      <c r="AF14380">
        <v>10</v>
      </c>
      <c r="AG14380">
        <v>10</v>
      </c>
      <c r="AH14380">
        <v>10</v>
      </c>
      <c r="AI14380">
        <v>10</v>
      </c>
      <c r="AJ14380">
        <v>10</v>
      </c>
      <c r="AK14380">
        <v>10</v>
      </c>
      <c r="AL14380">
        <v>10</v>
      </c>
      <c r="AM14380">
        <v>10</v>
      </c>
      <c r="AN14380">
        <v>9</v>
      </c>
      <c r="AO14380">
        <v>9</v>
      </c>
      <c r="AP14380">
        <v>9</v>
      </c>
      <c r="AQ14380">
        <v>9</v>
      </c>
    </row>
    <row r="14381" spans="1:43">
      <c r="A14381" t="s">
        <v>8916</v>
      </c>
      <c r="B14381" t="s">
        <v>8917</v>
      </c>
      <c r="C14381" t="s">
        <v>8784</v>
      </c>
      <c r="D14381" t="s">
        <v>8785</v>
      </c>
      <c r="E14381" t="s">
        <v>8652</v>
      </c>
      <c r="F14381" t="s">
        <v>8653</v>
      </c>
      <c r="G14381" t="s">
        <v>80</v>
      </c>
      <c r="H14381" t="s">
        <v>81</v>
      </c>
      <c r="I14381" s="2">
        <v>0</v>
      </c>
      <c r="J14381" s="2">
        <v>0</v>
      </c>
      <c r="K14381" s="2">
        <v>1</v>
      </c>
      <c r="L14381" t="s">
        <v>995</v>
      </c>
      <c r="M14381" t="s">
        <v>83</v>
      </c>
      <c r="N14381" t="s">
        <v>91</v>
      </c>
      <c r="O14381" t="s">
        <v>85</v>
      </c>
      <c r="P14381" t="s">
        <v>86</v>
      </c>
      <c r="Q14381">
        <v>9</v>
      </c>
      <c r="R14381">
        <v>9</v>
      </c>
      <c r="S14381">
        <v>9</v>
      </c>
      <c r="T14381">
        <v>9</v>
      </c>
      <c r="U14381">
        <v>9</v>
      </c>
      <c r="V14381">
        <v>9</v>
      </c>
      <c r="W14381">
        <v>9</v>
      </c>
      <c r="X14381">
        <v>9</v>
      </c>
      <c r="Y14381">
        <v>9</v>
      </c>
      <c r="Z14381">
        <v>9</v>
      </c>
      <c r="AA14381">
        <v>9</v>
      </c>
      <c r="AB14381">
        <v>9</v>
      </c>
      <c r="AC14381">
        <v>9</v>
      </c>
      <c r="AD14381">
        <v>9</v>
      </c>
      <c r="AE14381">
        <v>9</v>
      </c>
      <c r="AF14381">
        <v>9</v>
      </c>
      <c r="AG14381">
        <v>9</v>
      </c>
      <c r="AH14381">
        <v>9</v>
      </c>
      <c r="AI14381">
        <v>9</v>
      </c>
      <c r="AJ14381">
        <v>9</v>
      </c>
      <c r="AK14381">
        <v>9</v>
      </c>
      <c r="AL14381">
        <v>9</v>
      </c>
      <c r="AM14381">
        <v>9</v>
      </c>
      <c r="AN14381">
        <v>9</v>
      </c>
      <c r="AO14381">
        <v>9</v>
      </c>
      <c r="AP14381">
        <v>9</v>
      </c>
      <c r="AQ14381">
        <v>9</v>
      </c>
    </row>
    <row r="14382" spans="1:43">
      <c r="A14382" t="s">
        <v>8918</v>
      </c>
      <c r="B14382" t="s">
        <v>8919</v>
      </c>
      <c r="C14382" t="s">
        <v>8778</v>
      </c>
      <c r="D14382" t="s">
        <v>8779</v>
      </c>
      <c r="E14382" t="s">
        <v>8652</v>
      </c>
      <c r="F14382" t="s">
        <v>8653</v>
      </c>
      <c r="G14382" t="s">
        <v>80</v>
      </c>
      <c r="H14382" t="s">
        <v>81</v>
      </c>
      <c r="I14382" s="2">
        <v>0</v>
      </c>
      <c r="J14382" s="2">
        <v>0</v>
      </c>
      <c r="K14382" s="2">
        <v>1</v>
      </c>
      <c r="L14382" t="s">
        <v>995</v>
      </c>
      <c r="M14382" t="s">
        <v>83</v>
      </c>
      <c r="N14382" t="s">
        <v>84</v>
      </c>
      <c r="O14382" t="s">
        <v>85</v>
      </c>
      <c r="P14382" t="s">
        <v>86</v>
      </c>
      <c r="Q14382">
        <v>23</v>
      </c>
      <c r="R14382">
        <v>23</v>
      </c>
      <c r="S14382">
        <v>23</v>
      </c>
      <c r="T14382">
        <v>24</v>
      </c>
      <c r="U14382">
        <v>24</v>
      </c>
      <c r="V14382">
        <v>24</v>
      </c>
      <c r="W14382">
        <v>24</v>
      </c>
      <c r="X14382">
        <v>24</v>
      </c>
      <c r="Y14382">
        <v>24</v>
      </c>
      <c r="Z14382">
        <v>24</v>
      </c>
      <c r="AA14382">
        <v>24</v>
      </c>
      <c r="AB14382">
        <v>25</v>
      </c>
      <c r="AC14382">
        <v>25</v>
      </c>
      <c r="AD14382">
        <v>25</v>
      </c>
      <c r="AE14382">
        <v>25</v>
      </c>
      <c r="AF14382">
        <v>25</v>
      </c>
      <c r="AG14382">
        <v>25</v>
      </c>
      <c r="AH14382">
        <v>25</v>
      </c>
      <c r="AI14382">
        <v>25</v>
      </c>
      <c r="AJ14382">
        <v>25</v>
      </c>
      <c r="AK14382">
        <v>25</v>
      </c>
      <c r="AL14382">
        <v>25</v>
      </c>
      <c r="AM14382">
        <v>25</v>
      </c>
      <c r="AN14382">
        <v>25</v>
      </c>
      <c r="AO14382">
        <v>25</v>
      </c>
      <c r="AP14382">
        <v>25</v>
      </c>
      <c r="AQ14382">
        <v>24</v>
      </c>
    </row>
    <row r="14383" spans="1:43">
      <c r="A14383" t="s">
        <v>8918</v>
      </c>
      <c r="B14383" t="s">
        <v>8919</v>
      </c>
      <c r="C14383" t="s">
        <v>8778</v>
      </c>
      <c r="D14383" t="s">
        <v>8779</v>
      </c>
      <c r="E14383" t="s">
        <v>8652</v>
      </c>
      <c r="F14383" t="s">
        <v>8653</v>
      </c>
      <c r="G14383" t="s">
        <v>80</v>
      </c>
      <c r="H14383" t="s">
        <v>81</v>
      </c>
      <c r="I14383" s="2">
        <v>0</v>
      </c>
      <c r="J14383" s="2">
        <v>0</v>
      </c>
      <c r="K14383" s="2">
        <v>1</v>
      </c>
      <c r="L14383" t="s">
        <v>995</v>
      </c>
      <c r="M14383" t="s">
        <v>87</v>
      </c>
      <c r="N14383" t="s">
        <v>88</v>
      </c>
      <c r="O14383" t="s">
        <v>85</v>
      </c>
      <c r="P14383" t="s">
        <v>86</v>
      </c>
      <c r="Q14383">
        <v>23</v>
      </c>
      <c r="R14383">
        <v>23</v>
      </c>
      <c r="S14383">
        <v>23</v>
      </c>
      <c r="T14383">
        <v>23</v>
      </c>
      <c r="U14383">
        <v>23</v>
      </c>
      <c r="V14383">
        <v>23</v>
      </c>
      <c r="W14383">
        <v>23</v>
      </c>
      <c r="X14383">
        <v>22</v>
      </c>
      <c r="Y14383">
        <v>22</v>
      </c>
      <c r="Z14383">
        <v>22</v>
      </c>
      <c r="AA14383">
        <v>22</v>
      </c>
      <c r="AB14383">
        <v>22</v>
      </c>
      <c r="AC14383">
        <v>22</v>
      </c>
      <c r="AD14383">
        <v>22</v>
      </c>
      <c r="AE14383">
        <v>22</v>
      </c>
      <c r="AF14383">
        <v>22</v>
      </c>
      <c r="AG14383">
        <v>22</v>
      </c>
      <c r="AH14383">
        <v>22</v>
      </c>
      <c r="AI14383">
        <v>22</v>
      </c>
      <c r="AJ14383">
        <v>22</v>
      </c>
      <c r="AK14383">
        <v>22</v>
      </c>
      <c r="AL14383">
        <v>22</v>
      </c>
      <c r="AM14383">
        <v>22</v>
      </c>
      <c r="AN14383">
        <v>22</v>
      </c>
      <c r="AO14383">
        <v>21</v>
      </c>
      <c r="AP14383">
        <v>21</v>
      </c>
      <c r="AQ14383">
        <v>21</v>
      </c>
    </row>
    <row r="14384" spans="1:43">
      <c r="A14384" t="s">
        <v>8918</v>
      </c>
      <c r="B14384" t="s">
        <v>8919</v>
      </c>
      <c r="C14384" t="s">
        <v>8778</v>
      </c>
      <c r="D14384" t="s">
        <v>8779</v>
      </c>
      <c r="E14384" t="s">
        <v>8652</v>
      </c>
      <c r="F14384" t="s">
        <v>8653</v>
      </c>
      <c r="G14384" t="s">
        <v>80</v>
      </c>
      <c r="H14384" t="s">
        <v>81</v>
      </c>
      <c r="I14384" s="2">
        <v>0</v>
      </c>
      <c r="J14384" s="2">
        <v>0</v>
      </c>
      <c r="K14384" s="2">
        <v>1</v>
      </c>
      <c r="L14384" t="s">
        <v>995</v>
      </c>
      <c r="M14384" t="s">
        <v>89</v>
      </c>
      <c r="N14384" t="s">
        <v>90</v>
      </c>
      <c r="O14384" t="s">
        <v>85</v>
      </c>
      <c r="P14384" t="s">
        <v>86</v>
      </c>
      <c r="Q14384">
        <v>23</v>
      </c>
      <c r="R14384">
        <v>24</v>
      </c>
      <c r="S14384">
        <v>24</v>
      </c>
      <c r="T14384">
        <v>24</v>
      </c>
      <c r="U14384">
        <v>25</v>
      </c>
      <c r="V14384">
        <v>25</v>
      </c>
      <c r="W14384">
        <v>25</v>
      </c>
      <c r="X14384">
        <v>25</v>
      </c>
      <c r="Y14384">
        <v>26</v>
      </c>
      <c r="Z14384">
        <v>26</v>
      </c>
      <c r="AA14384">
        <v>26</v>
      </c>
      <c r="AB14384">
        <v>26</v>
      </c>
      <c r="AC14384">
        <v>26</v>
      </c>
      <c r="AD14384">
        <v>26</v>
      </c>
      <c r="AE14384">
        <v>26</v>
      </c>
      <c r="AF14384">
        <v>26</v>
      </c>
      <c r="AG14384">
        <v>26</v>
      </c>
      <c r="AH14384">
        <v>26</v>
      </c>
      <c r="AI14384">
        <v>26</v>
      </c>
      <c r="AJ14384">
        <v>26</v>
      </c>
      <c r="AK14384">
        <v>26</v>
      </c>
      <c r="AL14384">
        <v>25</v>
      </c>
      <c r="AM14384">
        <v>25</v>
      </c>
      <c r="AN14384">
        <v>25</v>
      </c>
      <c r="AO14384">
        <v>25</v>
      </c>
      <c r="AP14384">
        <v>25</v>
      </c>
      <c r="AQ14384">
        <v>25</v>
      </c>
    </row>
    <row r="14385" spans="1:43">
      <c r="A14385" t="s">
        <v>8918</v>
      </c>
      <c r="B14385" t="s">
        <v>8919</v>
      </c>
      <c r="C14385" t="s">
        <v>8778</v>
      </c>
      <c r="D14385" t="s">
        <v>8779</v>
      </c>
      <c r="E14385" t="s">
        <v>8652</v>
      </c>
      <c r="F14385" t="s">
        <v>8653</v>
      </c>
      <c r="G14385" t="s">
        <v>80</v>
      </c>
      <c r="H14385" t="s">
        <v>81</v>
      </c>
      <c r="I14385" s="2">
        <v>0</v>
      </c>
      <c r="J14385" s="2">
        <v>0</v>
      </c>
      <c r="K14385" s="2">
        <v>1</v>
      </c>
      <c r="L14385" t="s">
        <v>995</v>
      </c>
      <c r="M14385" t="s">
        <v>83</v>
      </c>
      <c r="N14385" t="s">
        <v>91</v>
      </c>
      <c r="O14385" t="s">
        <v>85</v>
      </c>
      <c r="P14385" t="s">
        <v>86</v>
      </c>
      <c r="Q14385">
        <v>23</v>
      </c>
      <c r="R14385">
        <v>23</v>
      </c>
      <c r="S14385">
        <v>23</v>
      </c>
      <c r="T14385">
        <v>24</v>
      </c>
      <c r="U14385">
        <v>24</v>
      </c>
      <c r="V14385">
        <v>24</v>
      </c>
      <c r="W14385">
        <v>24</v>
      </c>
      <c r="X14385">
        <v>24</v>
      </c>
      <c r="Y14385">
        <v>24</v>
      </c>
      <c r="Z14385">
        <v>24</v>
      </c>
      <c r="AA14385">
        <v>24</v>
      </c>
      <c r="AB14385">
        <v>25</v>
      </c>
      <c r="AC14385">
        <v>25</v>
      </c>
      <c r="AD14385">
        <v>25</v>
      </c>
      <c r="AE14385">
        <v>25</v>
      </c>
      <c r="AF14385">
        <v>25</v>
      </c>
      <c r="AG14385">
        <v>25</v>
      </c>
      <c r="AH14385">
        <v>25</v>
      </c>
      <c r="AI14385">
        <v>25</v>
      </c>
      <c r="AJ14385">
        <v>25</v>
      </c>
      <c r="AK14385">
        <v>25</v>
      </c>
      <c r="AL14385">
        <v>25</v>
      </c>
      <c r="AM14385">
        <v>25</v>
      </c>
      <c r="AN14385">
        <v>25</v>
      </c>
      <c r="AO14385">
        <v>25</v>
      </c>
      <c r="AP14385">
        <v>25</v>
      </c>
      <c r="AQ14385">
        <v>24</v>
      </c>
    </row>
    <row r="14386" spans="1:43">
      <c r="A14386" t="s">
        <v>8920</v>
      </c>
      <c r="B14386" t="s">
        <v>8921</v>
      </c>
      <c r="C14386" t="s">
        <v>8754</v>
      </c>
      <c r="D14386" t="s">
        <v>8755</v>
      </c>
      <c r="E14386" t="s">
        <v>8652</v>
      </c>
      <c r="F14386" t="s">
        <v>8653</v>
      </c>
      <c r="G14386" t="s">
        <v>80</v>
      </c>
      <c r="H14386" t="s">
        <v>81</v>
      </c>
      <c r="I14386" s="2">
        <v>0</v>
      </c>
      <c r="J14386" s="2">
        <v>0</v>
      </c>
      <c r="K14386" s="2">
        <v>1</v>
      </c>
      <c r="L14386" t="s">
        <v>995</v>
      </c>
      <c r="M14386" t="s">
        <v>83</v>
      </c>
      <c r="N14386" t="s">
        <v>84</v>
      </c>
      <c r="O14386" t="s">
        <v>85</v>
      </c>
      <c r="P14386" t="s">
        <v>86</v>
      </c>
      <c r="Q14386">
        <v>11</v>
      </c>
      <c r="R14386">
        <v>11</v>
      </c>
      <c r="S14386">
        <v>11</v>
      </c>
      <c r="T14386">
        <v>11</v>
      </c>
      <c r="U14386">
        <v>11</v>
      </c>
      <c r="V14386">
        <v>11</v>
      </c>
      <c r="W14386">
        <v>11</v>
      </c>
      <c r="X14386">
        <v>11</v>
      </c>
      <c r="Y14386">
        <v>11</v>
      </c>
      <c r="Z14386">
        <v>11</v>
      </c>
      <c r="AA14386">
        <v>11</v>
      </c>
      <c r="AB14386">
        <v>11</v>
      </c>
      <c r="AC14386">
        <v>12</v>
      </c>
      <c r="AD14386">
        <v>12</v>
      </c>
      <c r="AE14386">
        <v>12</v>
      </c>
      <c r="AF14386">
        <v>12</v>
      </c>
      <c r="AG14386">
        <v>12</v>
      </c>
      <c r="AH14386">
        <v>12</v>
      </c>
      <c r="AI14386">
        <v>12</v>
      </c>
      <c r="AJ14386">
        <v>12</v>
      </c>
      <c r="AK14386">
        <v>12</v>
      </c>
      <c r="AL14386">
        <v>12</v>
      </c>
      <c r="AM14386">
        <v>11</v>
      </c>
      <c r="AN14386">
        <v>11</v>
      </c>
      <c r="AO14386">
        <v>11</v>
      </c>
      <c r="AP14386">
        <v>11</v>
      </c>
      <c r="AQ14386">
        <v>11</v>
      </c>
    </row>
    <row r="14387" spans="1:43">
      <c r="A14387" t="s">
        <v>8920</v>
      </c>
      <c r="B14387" t="s">
        <v>8921</v>
      </c>
      <c r="C14387" t="s">
        <v>8754</v>
      </c>
      <c r="D14387" t="s">
        <v>8755</v>
      </c>
      <c r="E14387" t="s">
        <v>8652</v>
      </c>
      <c r="F14387" t="s">
        <v>8653</v>
      </c>
      <c r="G14387" t="s">
        <v>80</v>
      </c>
      <c r="H14387" t="s">
        <v>81</v>
      </c>
      <c r="I14387" s="2">
        <v>0</v>
      </c>
      <c r="J14387" s="2">
        <v>0</v>
      </c>
      <c r="K14387" s="2">
        <v>1</v>
      </c>
      <c r="L14387" t="s">
        <v>995</v>
      </c>
      <c r="M14387" t="s">
        <v>87</v>
      </c>
      <c r="N14387" t="s">
        <v>88</v>
      </c>
      <c r="O14387" t="s">
        <v>85</v>
      </c>
      <c r="P14387" t="s">
        <v>86</v>
      </c>
      <c r="Q14387">
        <v>11</v>
      </c>
      <c r="R14387">
        <v>11</v>
      </c>
      <c r="S14387">
        <v>11</v>
      </c>
      <c r="T14387">
        <v>11</v>
      </c>
      <c r="U14387">
        <v>11</v>
      </c>
      <c r="V14387">
        <v>11</v>
      </c>
      <c r="W14387">
        <v>11</v>
      </c>
      <c r="X14387">
        <v>11</v>
      </c>
      <c r="Y14387">
        <v>11</v>
      </c>
      <c r="Z14387">
        <v>10</v>
      </c>
      <c r="AA14387">
        <v>10</v>
      </c>
      <c r="AB14387">
        <v>10</v>
      </c>
      <c r="AC14387">
        <v>10</v>
      </c>
      <c r="AD14387">
        <v>10</v>
      </c>
      <c r="AE14387">
        <v>10</v>
      </c>
      <c r="AF14387">
        <v>10</v>
      </c>
      <c r="AG14387">
        <v>10</v>
      </c>
      <c r="AH14387">
        <v>10</v>
      </c>
      <c r="AI14387">
        <v>10</v>
      </c>
      <c r="AJ14387">
        <v>10</v>
      </c>
      <c r="AK14387">
        <v>10</v>
      </c>
      <c r="AL14387">
        <v>10</v>
      </c>
      <c r="AM14387">
        <v>10</v>
      </c>
      <c r="AN14387">
        <v>10</v>
      </c>
      <c r="AO14387">
        <v>10</v>
      </c>
      <c r="AP14387">
        <v>10</v>
      </c>
      <c r="AQ14387">
        <v>10</v>
      </c>
    </row>
    <row r="14388" spans="1:43">
      <c r="A14388" t="s">
        <v>8920</v>
      </c>
      <c r="B14388" t="s">
        <v>8921</v>
      </c>
      <c r="C14388" t="s">
        <v>8754</v>
      </c>
      <c r="D14388" t="s">
        <v>8755</v>
      </c>
      <c r="E14388" t="s">
        <v>8652</v>
      </c>
      <c r="F14388" t="s">
        <v>8653</v>
      </c>
      <c r="G14388" t="s">
        <v>80</v>
      </c>
      <c r="H14388" t="s">
        <v>81</v>
      </c>
      <c r="I14388" s="2">
        <v>0</v>
      </c>
      <c r="J14388" s="2">
        <v>0</v>
      </c>
      <c r="K14388" s="2">
        <v>1</v>
      </c>
      <c r="L14388" t="s">
        <v>995</v>
      </c>
      <c r="M14388" t="s">
        <v>89</v>
      </c>
      <c r="N14388" t="s">
        <v>90</v>
      </c>
      <c r="O14388" t="s">
        <v>85</v>
      </c>
      <c r="P14388" t="s">
        <v>86</v>
      </c>
      <c r="Q14388">
        <v>11</v>
      </c>
      <c r="R14388">
        <v>11</v>
      </c>
      <c r="S14388">
        <v>11</v>
      </c>
      <c r="T14388">
        <v>12</v>
      </c>
      <c r="U14388">
        <v>12</v>
      </c>
      <c r="V14388">
        <v>12</v>
      </c>
      <c r="W14388">
        <v>12</v>
      </c>
      <c r="X14388">
        <v>12</v>
      </c>
      <c r="Y14388">
        <v>12</v>
      </c>
      <c r="Z14388">
        <v>12</v>
      </c>
      <c r="AA14388">
        <v>12</v>
      </c>
      <c r="AB14388">
        <v>12</v>
      </c>
      <c r="AC14388">
        <v>12</v>
      </c>
      <c r="AD14388">
        <v>12</v>
      </c>
      <c r="AE14388">
        <v>12</v>
      </c>
      <c r="AF14388">
        <v>12</v>
      </c>
      <c r="AG14388">
        <v>12</v>
      </c>
      <c r="AH14388">
        <v>12</v>
      </c>
      <c r="AI14388">
        <v>12</v>
      </c>
      <c r="AJ14388">
        <v>12</v>
      </c>
      <c r="AK14388">
        <v>12</v>
      </c>
      <c r="AL14388">
        <v>12</v>
      </c>
      <c r="AM14388">
        <v>12</v>
      </c>
      <c r="AN14388">
        <v>12</v>
      </c>
      <c r="AO14388">
        <v>11</v>
      </c>
      <c r="AP14388">
        <v>11</v>
      </c>
      <c r="AQ14388">
        <v>11</v>
      </c>
    </row>
    <row r="14389" spans="1:43">
      <c r="A14389" t="s">
        <v>8920</v>
      </c>
      <c r="B14389" t="s">
        <v>8921</v>
      </c>
      <c r="C14389" t="s">
        <v>8754</v>
      </c>
      <c r="D14389" t="s">
        <v>8755</v>
      </c>
      <c r="E14389" t="s">
        <v>8652</v>
      </c>
      <c r="F14389" t="s">
        <v>8653</v>
      </c>
      <c r="G14389" t="s">
        <v>80</v>
      </c>
      <c r="H14389" t="s">
        <v>81</v>
      </c>
      <c r="I14389" s="2">
        <v>0</v>
      </c>
      <c r="J14389" s="2">
        <v>0</v>
      </c>
      <c r="K14389" s="2">
        <v>1</v>
      </c>
      <c r="L14389" t="s">
        <v>995</v>
      </c>
      <c r="M14389" t="s">
        <v>83</v>
      </c>
      <c r="N14389" t="s">
        <v>91</v>
      </c>
      <c r="O14389" t="s">
        <v>85</v>
      </c>
      <c r="P14389" t="s">
        <v>86</v>
      </c>
      <c r="Q14389">
        <v>11</v>
      </c>
      <c r="R14389">
        <v>11</v>
      </c>
      <c r="S14389">
        <v>11</v>
      </c>
      <c r="T14389">
        <v>11</v>
      </c>
      <c r="U14389">
        <v>11</v>
      </c>
      <c r="V14389">
        <v>11</v>
      </c>
      <c r="W14389">
        <v>11</v>
      </c>
      <c r="X14389">
        <v>11</v>
      </c>
      <c r="Y14389">
        <v>11</v>
      </c>
      <c r="Z14389">
        <v>11</v>
      </c>
      <c r="AA14389">
        <v>11</v>
      </c>
      <c r="AB14389">
        <v>11</v>
      </c>
      <c r="AC14389">
        <v>12</v>
      </c>
      <c r="AD14389">
        <v>12</v>
      </c>
      <c r="AE14389">
        <v>12</v>
      </c>
      <c r="AF14389">
        <v>12</v>
      </c>
      <c r="AG14389">
        <v>12</v>
      </c>
      <c r="AH14389">
        <v>12</v>
      </c>
      <c r="AI14389">
        <v>12</v>
      </c>
      <c r="AJ14389">
        <v>12</v>
      </c>
      <c r="AK14389">
        <v>12</v>
      </c>
      <c r="AL14389">
        <v>12</v>
      </c>
      <c r="AM14389">
        <v>11</v>
      </c>
      <c r="AN14389">
        <v>11</v>
      </c>
      <c r="AO14389">
        <v>11</v>
      </c>
      <c r="AP14389">
        <v>11</v>
      </c>
      <c r="AQ14389">
        <v>11</v>
      </c>
    </row>
    <row r="14390" spans="1:43">
      <c r="A14390" t="s">
        <v>8922</v>
      </c>
      <c r="B14390" t="s">
        <v>8923</v>
      </c>
      <c r="C14390" t="s">
        <v>8754</v>
      </c>
      <c r="D14390" t="s">
        <v>8755</v>
      </c>
      <c r="E14390" t="s">
        <v>8652</v>
      </c>
      <c r="F14390" t="s">
        <v>8653</v>
      </c>
      <c r="G14390" t="s">
        <v>80</v>
      </c>
      <c r="H14390" t="s">
        <v>81</v>
      </c>
      <c r="I14390" s="2">
        <v>0</v>
      </c>
      <c r="J14390" s="2">
        <v>0</v>
      </c>
      <c r="K14390" s="2">
        <v>1</v>
      </c>
      <c r="L14390" t="s">
        <v>995</v>
      </c>
      <c r="M14390" t="s">
        <v>83</v>
      </c>
      <c r="N14390" t="s">
        <v>84</v>
      </c>
      <c r="O14390" t="s">
        <v>85</v>
      </c>
      <c r="P14390" t="s">
        <v>86</v>
      </c>
      <c r="Q14390">
        <v>18</v>
      </c>
      <c r="R14390">
        <v>18</v>
      </c>
      <c r="S14390">
        <v>18</v>
      </c>
      <c r="T14390">
        <v>18</v>
      </c>
      <c r="U14390">
        <v>19</v>
      </c>
      <c r="V14390">
        <v>19</v>
      </c>
      <c r="W14390">
        <v>19</v>
      </c>
      <c r="X14390">
        <v>19</v>
      </c>
      <c r="Y14390">
        <v>19</v>
      </c>
      <c r="Z14390">
        <v>19</v>
      </c>
      <c r="AA14390">
        <v>19</v>
      </c>
      <c r="AB14390">
        <v>19</v>
      </c>
      <c r="AC14390">
        <v>19</v>
      </c>
      <c r="AD14390">
        <v>19</v>
      </c>
      <c r="AE14390">
        <v>19</v>
      </c>
      <c r="AF14390">
        <v>19</v>
      </c>
      <c r="AG14390">
        <v>19</v>
      </c>
      <c r="AH14390">
        <v>19</v>
      </c>
      <c r="AI14390">
        <v>19</v>
      </c>
      <c r="AJ14390">
        <v>19</v>
      </c>
      <c r="AK14390">
        <v>19</v>
      </c>
      <c r="AL14390">
        <v>19</v>
      </c>
      <c r="AM14390">
        <v>19</v>
      </c>
      <c r="AN14390">
        <v>19</v>
      </c>
      <c r="AO14390">
        <v>19</v>
      </c>
      <c r="AP14390">
        <v>19</v>
      </c>
      <c r="AQ14390">
        <v>19</v>
      </c>
    </row>
    <row r="14391" spans="1:43">
      <c r="A14391" t="s">
        <v>8922</v>
      </c>
      <c r="B14391" t="s">
        <v>8923</v>
      </c>
      <c r="C14391" t="s">
        <v>8754</v>
      </c>
      <c r="D14391" t="s">
        <v>8755</v>
      </c>
      <c r="E14391" t="s">
        <v>8652</v>
      </c>
      <c r="F14391" t="s">
        <v>8653</v>
      </c>
      <c r="G14391" t="s">
        <v>80</v>
      </c>
      <c r="H14391" t="s">
        <v>81</v>
      </c>
      <c r="I14391" s="2">
        <v>0</v>
      </c>
      <c r="J14391" s="2">
        <v>0</v>
      </c>
      <c r="K14391" s="2">
        <v>1</v>
      </c>
      <c r="L14391" t="s">
        <v>995</v>
      </c>
      <c r="M14391" t="s">
        <v>87</v>
      </c>
      <c r="N14391" t="s">
        <v>88</v>
      </c>
      <c r="O14391" t="s">
        <v>85</v>
      </c>
      <c r="P14391" t="s">
        <v>86</v>
      </c>
      <c r="Q14391">
        <v>18</v>
      </c>
      <c r="R14391">
        <v>18</v>
      </c>
      <c r="S14391">
        <v>18</v>
      </c>
      <c r="T14391">
        <v>18</v>
      </c>
      <c r="U14391">
        <v>18</v>
      </c>
      <c r="V14391">
        <v>18</v>
      </c>
      <c r="W14391">
        <v>18</v>
      </c>
      <c r="X14391">
        <v>17</v>
      </c>
      <c r="Y14391">
        <v>17</v>
      </c>
      <c r="Z14391">
        <v>17</v>
      </c>
      <c r="AA14391">
        <v>17</v>
      </c>
      <c r="AB14391">
        <v>17</v>
      </c>
      <c r="AC14391">
        <v>17</v>
      </c>
      <c r="AD14391">
        <v>17</v>
      </c>
      <c r="AE14391">
        <v>17</v>
      </c>
      <c r="AF14391">
        <v>17</v>
      </c>
      <c r="AG14391">
        <v>17</v>
      </c>
      <c r="AH14391">
        <v>17</v>
      </c>
      <c r="AI14391">
        <v>17</v>
      </c>
      <c r="AJ14391">
        <v>17</v>
      </c>
      <c r="AK14391">
        <v>16</v>
      </c>
      <c r="AL14391">
        <v>16</v>
      </c>
      <c r="AM14391">
        <v>16</v>
      </c>
      <c r="AN14391">
        <v>16</v>
      </c>
      <c r="AO14391">
        <v>16</v>
      </c>
      <c r="AP14391">
        <v>16</v>
      </c>
      <c r="AQ14391">
        <v>16</v>
      </c>
    </row>
    <row r="14392" spans="1:43">
      <c r="A14392" t="s">
        <v>8922</v>
      </c>
      <c r="B14392" t="s">
        <v>8923</v>
      </c>
      <c r="C14392" t="s">
        <v>8754</v>
      </c>
      <c r="D14392" t="s">
        <v>8755</v>
      </c>
      <c r="E14392" t="s">
        <v>8652</v>
      </c>
      <c r="F14392" t="s">
        <v>8653</v>
      </c>
      <c r="G14392" t="s">
        <v>80</v>
      </c>
      <c r="H14392" t="s">
        <v>81</v>
      </c>
      <c r="I14392" s="2">
        <v>0</v>
      </c>
      <c r="J14392" s="2">
        <v>0</v>
      </c>
      <c r="K14392" s="2">
        <v>1</v>
      </c>
      <c r="L14392" t="s">
        <v>995</v>
      </c>
      <c r="M14392" t="s">
        <v>89</v>
      </c>
      <c r="N14392" t="s">
        <v>90</v>
      </c>
      <c r="O14392" t="s">
        <v>85</v>
      </c>
      <c r="P14392" t="s">
        <v>86</v>
      </c>
      <c r="Q14392">
        <v>18</v>
      </c>
      <c r="R14392">
        <v>19</v>
      </c>
      <c r="S14392">
        <v>19</v>
      </c>
      <c r="T14392">
        <v>19</v>
      </c>
      <c r="U14392">
        <v>19</v>
      </c>
      <c r="V14392">
        <v>19</v>
      </c>
      <c r="W14392">
        <v>20</v>
      </c>
      <c r="X14392">
        <v>20</v>
      </c>
      <c r="Y14392">
        <v>20</v>
      </c>
      <c r="Z14392">
        <v>20</v>
      </c>
      <c r="AA14392">
        <v>20</v>
      </c>
      <c r="AB14392">
        <v>20</v>
      </c>
      <c r="AC14392">
        <v>20</v>
      </c>
      <c r="AD14392">
        <v>20</v>
      </c>
      <c r="AE14392">
        <v>20</v>
      </c>
      <c r="AF14392">
        <v>20</v>
      </c>
      <c r="AG14392">
        <v>20</v>
      </c>
      <c r="AH14392">
        <v>20</v>
      </c>
      <c r="AI14392">
        <v>20</v>
      </c>
      <c r="AJ14392">
        <v>20</v>
      </c>
      <c r="AK14392">
        <v>20</v>
      </c>
      <c r="AL14392">
        <v>19</v>
      </c>
      <c r="AM14392">
        <v>19</v>
      </c>
      <c r="AN14392">
        <v>19</v>
      </c>
      <c r="AO14392">
        <v>19</v>
      </c>
      <c r="AP14392">
        <v>19</v>
      </c>
      <c r="AQ14392">
        <v>19</v>
      </c>
    </row>
    <row r="14393" spans="1:43">
      <c r="A14393" t="s">
        <v>8922</v>
      </c>
      <c r="B14393" t="s">
        <v>8923</v>
      </c>
      <c r="C14393" t="s">
        <v>8754</v>
      </c>
      <c r="D14393" t="s">
        <v>8755</v>
      </c>
      <c r="E14393" t="s">
        <v>8652</v>
      </c>
      <c r="F14393" t="s">
        <v>8653</v>
      </c>
      <c r="G14393" t="s">
        <v>80</v>
      </c>
      <c r="H14393" t="s">
        <v>81</v>
      </c>
      <c r="I14393" s="2">
        <v>0</v>
      </c>
      <c r="J14393" s="2">
        <v>0</v>
      </c>
      <c r="K14393" s="2">
        <v>1</v>
      </c>
      <c r="L14393" t="s">
        <v>995</v>
      </c>
      <c r="M14393" t="s">
        <v>83</v>
      </c>
      <c r="N14393" t="s">
        <v>91</v>
      </c>
      <c r="O14393" t="s">
        <v>85</v>
      </c>
      <c r="P14393" t="s">
        <v>86</v>
      </c>
      <c r="Q14393">
        <v>18</v>
      </c>
      <c r="R14393">
        <v>18</v>
      </c>
      <c r="S14393">
        <v>18</v>
      </c>
      <c r="T14393">
        <v>18</v>
      </c>
      <c r="U14393">
        <v>19</v>
      </c>
      <c r="V14393">
        <v>19</v>
      </c>
      <c r="W14393">
        <v>19</v>
      </c>
      <c r="X14393">
        <v>19</v>
      </c>
      <c r="Y14393">
        <v>19</v>
      </c>
      <c r="Z14393">
        <v>19</v>
      </c>
      <c r="AA14393">
        <v>19</v>
      </c>
      <c r="AB14393">
        <v>19</v>
      </c>
      <c r="AC14393">
        <v>19</v>
      </c>
      <c r="AD14393">
        <v>19</v>
      </c>
      <c r="AE14393">
        <v>19</v>
      </c>
      <c r="AF14393">
        <v>19</v>
      </c>
      <c r="AG14393">
        <v>19</v>
      </c>
      <c r="AH14393">
        <v>19</v>
      </c>
      <c r="AI14393">
        <v>19</v>
      </c>
      <c r="AJ14393">
        <v>19</v>
      </c>
      <c r="AK14393">
        <v>19</v>
      </c>
      <c r="AL14393">
        <v>19</v>
      </c>
      <c r="AM14393">
        <v>19</v>
      </c>
      <c r="AN14393">
        <v>19</v>
      </c>
      <c r="AO14393">
        <v>19</v>
      </c>
      <c r="AP14393">
        <v>19</v>
      </c>
      <c r="AQ14393">
        <v>19</v>
      </c>
    </row>
    <row r="14394" spans="1:43">
      <c r="A14394" t="s">
        <v>8924</v>
      </c>
      <c r="B14394" t="s">
        <v>8925</v>
      </c>
      <c r="C14394" t="s">
        <v>8758</v>
      </c>
      <c r="D14394" t="s">
        <v>8759</v>
      </c>
      <c r="E14394" t="s">
        <v>8652</v>
      </c>
      <c r="F14394" t="s">
        <v>8653</v>
      </c>
      <c r="G14394" t="s">
        <v>80</v>
      </c>
      <c r="H14394" t="s">
        <v>81</v>
      </c>
      <c r="I14394" s="2">
        <v>0</v>
      </c>
      <c r="J14394" s="2">
        <v>0</v>
      </c>
      <c r="K14394" s="2">
        <v>1</v>
      </c>
      <c r="L14394" t="s">
        <v>995</v>
      </c>
      <c r="M14394" t="s">
        <v>83</v>
      </c>
      <c r="N14394" t="s">
        <v>84</v>
      </c>
      <c r="O14394" t="s">
        <v>85</v>
      </c>
      <c r="P14394" t="s">
        <v>86</v>
      </c>
      <c r="Q14394">
        <v>14</v>
      </c>
      <c r="R14394">
        <v>14</v>
      </c>
      <c r="S14394">
        <v>14</v>
      </c>
      <c r="T14394">
        <v>14</v>
      </c>
      <c r="U14394">
        <v>14</v>
      </c>
      <c r="V14394">
        <v>14</v>
      </c>
      <c r="W14394">
        <v>14</v>
      </c>
      <c r="X14394">
        <v>14</v>
      </c>
      <c r="Y14394">
        <v>14</v>
      </c>
      <c r="Z14394">
        <v>14</v>
      </c>
      <c r="AA14394">
        <v>14</v>
      </c>
      <c r="AB14394">
        <v>14</v>
      </c>
      <c r="AC14394">
        <v>14</v>
      </c>
      <c r="AD14394">
        <v>14</v>
      </c>
      <c r="AE14394">
        <v>14</v>
      </c>
      <c r="AF14394">
        <v>14</v>
      </c>
      <c r="AG14394">
        <v>14</v>
      </c>
      <c r="AH14394">
        <v>14</v>
      </c>
      <c r="AI14394">
        <v>14</v>
      </c>
      <c r="AJ14394">
        <v>14</v>
      </c>
      <c r="AK14394">
        <v>14</v>
      </c>
      <c r="AL14394">
        <v>14</v>
      </c>
      <c r="AM14394">
        <v>14</v>
      </c>
      <c r="AN14394">
        <v>14</v>
      </c>
      <c r="AO14394">
        <v>14</v>
      </c>
      <c r="AP14394">
        <v>14</v>
      </c>
      <c r="AQ14394">
        <v>14</v>
      </c>
    </row>
    <row r="14395" spans="1:43">
      <c r="A14395" t="s">
        <v>8924</v>
      </c>
      <c r="B14395" t="s">
        <v>8925</v>
      </c>
      <c r="C14395" t="s">
        <v>8758</v>
      </c>
      <c r="D14395" t="s">
        <v>8759</v>
      </c>
      <c r="E14395" t="s">
        <v>8652</v>
      </c>
      <c r="F14395" t="s">
        <v>8653</v>
      </c>
      <c r="G14395" t="s">
        <v>80</v>
      </c>
      <c r="H14395" t="s">
        <v>81</v>
      </c>
      <c r="I14395" s="2">
        <v>0</v>
      </c>
      <c r="J14395" s="2">
        <v>0</v>
      </c>
      <c r="K14395" s="2">
        <v>1</v>
      </c>
      <c r="L14395" t="s">
        <v>995</v>
      </c>
      <c r="M14395" t="s">
        <v>87</v>
      </c>
      <c r="N14395" t="s">
        <v>88</v>
      </c>
      <c r="O14395" t="s">
        <v>85</v>
      </c>
      <c r="P14395" t="s">
        <v>86</v>
      </c>
      <c r="Q14395">
        <v>14</v>
      </c>
      <c r="R14395">
        <v>14</v>
      </c>
      <c r="S14395">
        <v>13</v>
      </c>
      <c r="T14395">
        <v>13</v>
      </c>
      <c r="U14395">
        <v>13</v>
      </c>
      <c r="V14395">
        <v>13</v>
      </c>
      <c r="W14395">
        <v>13</v>
      </c>
      <c r="X14395">
        <v>13</v>
      </c>
      <c r="Y14395">
        <v>13</v>
      </c>
      <c r="Z14395">
        <v>13</v>
      </c>
      <c r="AA14395">
        <v>13</v>
      </c>
      <c r="AB14395">
        <v>13</v>
      </c>
      <c r="AC14395">
        <v>13</v>
      </c>
      <c r="AD14395">
        <v>13</v>
      </c>
      <c r="AE14395">
        <v>13</v>
      </c>
      <c r="AF14395">
        <v>13</v>
      </c>
      <c r="AG14395">
        <v>12</v>
      </c>
      <c r="AH14395">
        <v>12</v>
      </c>
      <c r="AI14395">
        <v>12</v>
      </c>
      <c r="AJ14395">
        <v>12</v>
      </c>
      <c r="AK14395">
        <v>12</v>
      </c>
      <c r="AL14395">
        <v>12</v>
      </c>
      <c r="AM14395">
        <v>12</v>
      </c>
      <c r="AN14395">
        <v>12</v>
      </c>
      <c r="AO14395">
        <v>12</v>
      </c>
      <c r="AP14395">
        <v>12</v>
      </c>
      <c r="AQ14395">
        <v>12</v>
      </c>
    </row>
    <row r="14396" spans="1:43">
      <c r="A14396" t="s">
        <v>8924</v>
      </c>
      <c r="B14396" t="s">
        <v>8925</v>
      </c>
      <c r="C14396" t="s">
        <v>8758</v>
      </c>
      <c r="D14396" t="s">
        <v>8759</v>
      </c>
      <c r="E14396" t="s">
        <v>8652</v>
      </c>
      <c r="F14396" t="s">
        <v>8653</v>
      </c>
      <c r="G14396" t="s">
        <v>80</v>
      </c>
      <c r="H14396" t="s">
        <v>81</v>
      </c>
      <c r="I14396" s="2">
        <v>0</v>
      </c>
      <c r="J14396" s="2">
        <v>0</v>
      </c>
      <c r="K14396" s="2">
        <v>1</v>
      </c>
      <c r="L14396" t="s">
        <v>995</v>
      </c>
      <c r="M14396" t="s">
        <v>89</v>
      </c>
      <c r="N14396" t="s">
        <v>90</v>
      </c>
      <c r="O14396" t="s">
        <v>85</v>
      </c>
      <c r="P14396" t="s">
        <v>86</v>
      </c>
      <c r="Q14396">
        <v>14</v>
      </c>
      <c r="R14396">
        <v>14</v>
      </c>
      <c r="S14396">
        <v>14</v>
      </c>
      <c r="T14396">
        <v>14</v>
      </c>
      <c r="U14396">
        <v>14</v>
      </c>
      <c r="V14396">
        <v>15</v>
      </c>
      <c r="W14396">
        <v>15</v>
      </c>
      <c r="X14396">
        <v>15</v>
      </c>
      <c r="Y14396">
        <v>15</v>
      </c>
      <c r="Z14396">
        <v>15</v>
      </c>
      <c r="AA14396">
        <v>15</v>
      </c>
      <c r="AB14396">
        <v>15</v>
      </c>
      <c r="AC14396">
        <v>15</v>
      </c>
      <c r="AD14396">
        <v>15</v>
      </c>
      <c r="AE14396">
        <v>15</v>
      </c>
      <c r="AF14396">
        <v>15</v>
      </c>
      <c r="AG14396">
        <v>15</v>
      </c>
      <c r="AH14396">
        <v>15</v>
      </c>
      <c r="AI14396">
        <v>15</v>
      </c>
      <c r="AJ14396">
        <v>15</v>
      </c>
      <c r="AK14396">
        <v>15</v>
      </c>
      <c r="AL14396">
        <v>14</v>
      </c>
      <c r="AM14396">
        <v>14</v>
      </c>
      <c r="AN14396">
        <v>14</v>
      </c>
      <c r="AO14396">
        <v>14</v>
      </c>
      <c r="AP14396">
        <v>14</v>
      </c>
      <c r="AQ14396">
        <v>14</v>
      </c>
    </row>
    <row r="14397" spans="1:43">
      <c r="A14397" t="s">
        <v>8924</v>
      </c>
      <c r="B14397" t="s">
        <v>8925</v>
      </c>
      <c r="C14397" t="s">
        <v>8758</v>
      </c>
      <c r="D14397" t="s">
        <v>8759</v>
      </c>
      <c r="E14397" t="s">
        <v>8652</v>
      </c>
      <c r="F14397" t="s">
        <v>8653</v>
      </c>
      <c r="G14397" t="s">
        <v>80</v>
      </c>
      <c r="H14397" t="s">
        <v>81</v>
      </c>
      <c r="I14397" s="2">
        <v>0</v>
      </c>
      <c r="J14397" s="2">
        <v>0</v>
      </c>
      <c r="K14397" s="2">
        <v>1</v>
      </c>
      <c r="L14397" t="s">
        <v>995</v>
      </c>
      <c r="M14397" t="s">
        <v>83</v>
      </c>
      <c r="N14397" t="s">
        <v>91</v>
      </c>
      <c r="O14397" t="s">
        <v>85</v>
      </c>
      <c r="P14397" t="s">
        <v>86</v>
      </c>
      <c r="Q14397">
        <v>14</v>
      </c>
      <c r="R14397">
        <v>14</v>
      </c>
      <c r="S14397">
        <v>14</v>
      </c>
      <c r="T14397">
        <v>14</v>
      </c>
      <c r="U14397">
        <v>14</v>
      </c>
      <c r="V14397">
        <v>14</v>
      </c>
      <c r="W14397">
        <v>14</v>
      </c>
      <c r="X14397">
        <v>14</v>
      </c>
      <c r="Y14397">
        <v>14</v>
      </c>
      <c r="Z14397">
        <v>14</v>
      </c>
      <c r="AA14397">
        <v>14</v>
      </c>
      <c r="AB14397">
        <v>14</v>
      </c>
      <c r="AC14397">
        <v>14</v>
      </c>
      <c r="AD14397">
        <v>14</v>
      </c>
      <c r="AE14397">
        <v>14</v>
      </c>
      <c r="AF14397">
        <v>14</v>
      </c>
      <c r="AG14397">
        <v>14</v>
      </c>
      <c r="AH14397">
        <v>14</v>
      </c>
      <c r="AI14397">
        <v>14</v>
      </c>
      <c r="AJ14397">
        <v>14</v>
      </c>
      <c r="AK14397">
        <v>14</v>
      </c>
      <c r="AL14397">
        <v>14</v>
      </c>
      <c r="AM14397">
        <v>14</v>
      </c>
      <c r="AN14397">
        <v>14</v>
      </c>
      <c r="AO14397">
        <v>14</v>
      </c>
      <c r="AP14397">
        <v>14</v>
      </c>
      <c r="AQ14397">
        <v>14</v>
      </c>
    </row>
    <row r="14398" spans="1:43">
      <c r="A14398" t="s">
        <v>8926</v>
      </c>
      <c r="B14398" t="s">
        <v>8927</v>
      </c>
      <c r="C14398" t="s">
        <v>8758</v>
      </c>
      <c r="D14398" t="s">
        <v>8759</v>
      </c>
      <c r="E14398" t="s">
        <v>8652</v>
      </c>
      <c r="F14398" t="s">
        <v>8653</v>
      </c>
      <c r="G14398" t="s">
        <v>80</v>
      </c>
      <c r="H14398" t="s">
        <v>81</v>
      </c>
      <c r="I14398" s="2">
        <v>0</v>
      </c>
      <c r="J14398" s="2">
        <v>0</v>
      </c>
      <c r="K14398" s="2">
        <v>1</v>
      </c>
      <c r="L14398" t="s">
        <v>995</v>
      </c>
      <c r="M14398" t="s">
        <v>83</v>
      </c>
      <c r="N14398" t="s">
        <v>84</v>
      </c>
      <c r="O14398" t="s">
        <v>85</v>
      </c>
      <c r="P14398" t="s">
        <v>86</v>
      </c>
      <c r="Q14398">
        <v>11</v>
      </c>
      <c r="R14398">
        <v>11</v>
      </c>
      <c r="S14398">
        <v>11</v>
      </c>
      <c r="T14398">
        <v>11</v>
      </c>
      <c r="U14398">
        <v>11</v>
      </c>
      <c r="V14398">
        <v>11</v>
      </c>
      <c r="W14398">
        <v>11</v>
      </c>
      <c r="X14398">
        <v>11</v>
      </c>
      <c r="Y14398">
        <v>11</v>
      </c>
      <c r="Z14398">
        <v>11</v>
      </c>
      <c r="AA14398">
        <v>11</v>
      </c>
      <c r="AB14398">
        <v>11</v>
      </c>
      <c r="AC14398">
        <v>11</v>
      </c>
      <c r="AD14398">
        <v>11</v>
      </c>
      <c r="AE14398">
        <v>11</v>
      </c>
      <c r="AF14398">
        <v>11</v>
      </c>
      <c r="AG14398">
        <v>11</v>
      </c>
      <c r="AH14398">
        <v>11</v>
      </c>
      <c r="AI14398">
        <v>11</v>
      </c>
      <c r="AJ14398">
        <v>11</v>
      </c>
      <c r="AK14398">
        <v>11</v>
      </c>
      <c r="AL14398">
        <v>11</v>
      </c>
      <c r="AM14398">
        <v>11</v>
      </c>
      <c r="AN14398">
        <v>11</v>
      </c>
      <c r="AO14398">
        <v>11</v>
      </c>
      <c r="AP14398">
        <v>11</v>
      </c>
      <c r="AQ14398">
        <v>11</v>
      </c>
    </row>
    <row r="14399" spans="1:43">
      <c r="A14399" t="s">
        <v>8926</v>
      </c>
      <c r="B14399" t="s">
        <v>8927</v>
      </c>
      <c r="C14399" t="s">
        <v>8758</v>
      </c>
      <c r="D14399" t="s">
        <v>8759</v>
      </c>
      <c r="E14399" t="s">
        <v>8652</v>
      </c>
      <c r="F14399" t="s">
        <v>8653</v>
      </c>
      <c r="G14399" t="s">
        <v>80</v>
      </c>
      <c r="H14399" t="s">
        <v>81</v>
      </c>
      <c r="I14399" s="2">
        <v>0</v>
      </c>
      <c r="J14399" s="2">
        <v>0</v>
      </c>
      <c r="K14399" s="2">
        <v>1</v>
      </c>
      <c r="L14399" t="s">
        <v>995</v>
      </c>
      <c r="M14399" t="s">
        <v>87</v>
      </c>
      <c r="N14399" t="s">
        <v>88</v>
      </c>
      <c r="O14399" t="s">
        <v>85</v>
      </c>
      <c r="P14399" t="s">
        <v>86</v>
      </c>
      <c r="Q14399">
        <v>11</v>
      </c>
      <c r="R14399">
        <v>11</v>
      </c>
      <c r="S14399">
        <v>11</v>
      </c>
      <c r="T14399">
        <v>11</v>
      </c>
      <c r="U14399">
        <v>11</v>
      </c>
      <c r="V14399">
        <v>10</v>
      </c>
      <c r="W14399">
        <v>10</v>
      </c>
      <c r="X14399">
        <v>10</v>
      </c>
      <c r="Y14399">
        <v>10</v>
      </c>
      <c r="Z14399">
        <v>10</v>
      </c>
      <c r="AA14399">
        <v>10</v>
      </c>
      <c r="AB14399">
        <v>10</v>
      </c>
      <c r="AC14399">
        <v>10</v>
      </c>
      <c r="AD14399">
        <v>10</v>
      </c>
      <c r="AE14399">
        <v>10</v>
      </c>
      <c r="AF14399">
        <v>10</v>
      </c>
      <c r="AG14399">
        <v>10</v>
      </c>
      <c r="AH14399">
        <v>10</v>
      </c>
      <c r="AI14399">
        <v>10</v>
      </c>
      <c r="AJ14399">
        <v>10</v>
      </c>
      <c r="AK14399">
        <v>10</v>
      </c>
      <c r="AL14399">
        <v>10</v>
      </c>
      <c r="AM14399">
        <v>10</v>
      </c>
      <c r="AN14399">
        <v>10</v>
      </c>
      <c r="AO14399">
        <v>9</v>
      </c>
      <c r="AP14399">
        <v>9</v>
      </c>
      <c r="AQ14399">
        <v>9</v>
      </c>
    </row>
    <row r="14400" spans="1:43">
      <c r="A14400" t="s">
        <v>8926</v>
      </c>
      <c r="B14400" t="s">
        <v>8927</v>
      </c>
      <c r="C14400" t="s">
        <v>8758</v>
      </c>
      <c r="D14400" t="s">
        <v>8759</v>
      </c>
      <c r="E14400" t="s">
        <v>8652</v>
      </c>
      <c r="F14400" t="s">
        <v>8653</v>
      </c>
      <c r="G14400" t="s">
        <v>80</v>
      </c>
      <c r="H14400" t="s">
        <v>81</v>
      </c>
      <c r="I14400" s="2">
        <v>0</v>
      </c>
      <c r="J14400" s="2">
        <v>0</v>
      </c>
      <c r="K14400" s="2">
        <v>1</v>
      </c>
      <c r="L14400" t="s">
        <v>995</v>
      </c>
      <c r="M14400" t="s">
        <v>89</v>
      </c>
      <c r="N14400" t="s">
        <v>90</v>
      </c>
      <c r="O14400" t="s">
        <v>85</v>
      </c>
      <c r="P14400" t="s">
        <v>86</v>
      </c>
      <c r="Q14400">
        <v>11</v>
      </c>
      <c r="R14400">
        <v>11</v>
      </c>
      <c r="S14400">
        <v>11</v>
      </c>
      <c r="T14400">
        <v>11</v>
      </c>
      <c r="U14400">
        <v>11</v>
      </c>
      <c r="V14400">
        <v>12</v>
      </c>
      <c r="W14400">
        <v>12</v>
      </c>
      <c r="X14400">
        <v>12</v>
      </c>
      <c r="Y14400">
        <v>12</v>
      </c>
      <c r="Z14400">
        <v>12</v>
      </c>
      <c r="AA14400">
        <v>12</v>
      </c>
      <c r="AB14400">
        <v>12</v>
      </c>
      <c r="AC14400">
        <v>12</v>
      </c>
      <c r="AD14400">
        <v>12</v>
      </c>
      <c r="AE14400">
        <v>12</v>
      </c>
      <c r="AF14400">
        <v>12</v>
      </c>
      <c r="AG14400">
        <v>12</v>
      </c>
      <c r="AH14400">
        <v>12</v>
      </c>
      <c r="AI14400">
        <v>12</v>
      </c>
      <c r="AJ14400">
        <v>12</v>
      </c>
      <c r="AK14400">
        <v>12</v>
      </c>
      <c r="AL14400">
        <v>11</v>
      </c>
      <c r="AM14400">
        <v>11</v>
      </c>
      <c r="AN14400">
        <v>11</v>
      </c>
      <c r="AO14400">
        <v>11</v>
      </c>
      <c r="AP14400">
        <v>11</v>
      </c>
      <c r="AQ14400">
        <v>11</v>
      </c>
    </row>
    <row r="14401" spans="1:43">
      <c r="A14401" t="s">
        <v>8926</v>
      </c>
      <c r="B14401" t="s">
        <v>8927</v>
      </c>
      <c r="C14401" t="s">
        <v>8758</v>
      </c>
      <c r="D14401" t="s">
        <v>8759</v>
      </c>
      <c r="E14401" t="s">
        <v>8652</v>
      </c>
      <c r="F14401" t="s">
        <v>8653</v>
      </c>
      <c r="G14401" t="s">
        <v>80</v>
      </c>
      <c r="H14401" t="s">
        <v>81</v>
      </c>
      <c r="I14401" s="2">
        <v>0</v>
      </c>
      <c r="J14401" s="2">
        <v>0</v>
      </c>
      <c r="K14401" s="2">
        <v>1</v>
      </c>
      <c r="L14401" t="s">
        <v>995</v>
      </c>
      <c r="M14401" t="s">
        <v>83</v>
      </c>
      <c r="N14401" t="s">
        <v>91</v>
      </c>
      <c r="O14401" t="s">
        <v>85</v>
      </c>
      <c r="P14401" t="s">
        <v>86</v>
      </c>
      <c r="Q14401">
        <v>11</v>
      </c>
      <c r="R14401">
        <v>11</v>
      </c>
      <c r="S14401">
        <v>11</v>
      </c>
      <c r="T14401">
        <v>11</v>
      </c>
      <c r="U14401">
        <v>11</v>
      </c>
      <c r="V14401">
        <v>11</v>
      </c>
      <c r="W14401">
        <v>11</v>
      </c>
      <c r="X14401">
        <v>11</v>
      </c>
      <c r="Y14401">
        <v>11</v>
      </c>
      <c r="Z14401">
        <v>11</v>
      </c>
      <c r="AA14401">
        <v>11</v>
      </c>
      <c r="AB14401">
        <v>11</v>
      </c>
      <c r="AC14401">
        <v>11</v>
      </c>
      <c r="AD14401">
        <v>11</v>
      </c>
      <c r="AE14401">
        <v>11</v>
      </c>
      <c r="AF14401">
        <v>11</v>
      </c>
      <c r="AG14401">
        <v>11</v>
      </c>
      <c r="AH14401">
        <v>11</v>
      </c>
      <c r="AI14401">
        <v>11</v>
      </c>
      <c r="AJ14401">
        <v>11</v>
      </c>
      <c r="AK14401">
        <v>11</v>
      </c>
      <c r="AL14401">
        <v>11</v>
      </c>
      <c r="AM14401">
        <v>11</v>
      </c>
      <c r="AN14401">
        <v>11</v>
      </c>
      <c r="AO14401">
        <v>11</v>
      </c>
      <c r="AP14401">
        <v>11</v>
      </c>
      <c r="AQ14401">
        <v>11</v>
      </c>
    </row>
    <row r="14402" spans="1:43">
      <c r="A14402" t="s">
        <v>8928</v>
      </c>
      <c r="B14402" t="s">
        <v>8929</v>
      </c>
      <c r="C14402" t="s">
        <v>8754</v>
      </c>
      <c r="D14402" t="s">
        <v>8755</v>
      </c>
      <c r="E14402" t="s">
        <v>8652</v>
      </c>
      <c r="F14402" t="s">
        <v>8653</v>
      </c>
      <c r="G14402" t="s">
        <v>80</v>
      </c>
      <c r="H14402" t="s">
        <v>81</v>
      </c>
      <c r="I14402" s="2">
        <v>0</v>
      </c>
      <c r="J14402" s="2">
        <v>0</v>
      </c>
      <c r="K14402" s="2">
        <v>1</v>
      </c>
      <c r="L14402" t="s">
        <v>995</v>
      </c>
      <c r="M14402" t="s">
        <v>83</v>
      </c>
      <c r="N14402" t="s">
        <v>84</v>
      </c>
      <c r="O14402" t="s">
        <v>85</v>
      </c>
      <c r="P14402" t="s">
        <v>86</v>
      </c>
      <c r="Q14402">
        <v>20</v>
      </c>
      <c r="R14402">
        <v>20</v>
      </c>
      <c r="S14402">
        <v>20</v>
      </c>
      <c r="T14402">
        <v>20</v>
      </c>
      <c r="U14402">
        <v>20</v>
      </c>
      <c r="V14402">
        <v>20</v>
      </c>
      <c r="W14402">
        <v>20</v>
      </c>
      <c r="X14402">
        <v>20</v>
      </c>
      <c r="Y14402">
        <v>20</v>
      </c>
      <c r="Z14402">
        <v>20</v>
      </c>
      <c r="AA14402">
        <v>20</v>
      </c>
      <c r="AB14402">
        <v>20</v>
      </c>
      <c r="AC14402">
        <v>21</v>
      </c>
      <c r="AD14402">
        <v>21</v>
      </c>
      <c r="AE14402">
        <v>21</v>
      </c>
      <c r="AF14402">
        <v>21</v>
      </c>
      <c r="AG14402">
        <v>21</v>
      </c>
      <c r="AH14402">
        <v>21</v>
      </c>
      <c r="AI14402">
        <v>21</v>
      </c>
      <c r="AJ14402">
        <v>21</v>
      </c>
      <c r="AK14402">
        <v>21</v>
      </c>
      <c r="AL14402">
        <v>21</v>
      </c>
      <c r="AM14402">
        <v>20</v>
      </c>
      <c r="AN14402">
        <v>20</v>
      </c>
      <c r="AO14402">
        <v>20</v>
      </c>
      <c r="AP14402">
        <v>20</v>
      </c>
      <c r="AQ14402">
        <v>20</v>
      </c>
    </row>
    <row r="14403" spans="1:43">
      <c r="A14403" t="s">
        <v>8928</v>
      </c>
      <c r="B14403" t="s">
        <v>8929</v>
      </c>
      <c r="C14403" t="s">
        <v>8754</v>
      </c>
      <c r="D14403" t="s">
        <v>8755</v>
      </c>
      <c r="E14403" t="s">
        <v>8652</v>
      </c>
      <c r="F14403" t="s">
        <v>8653</v>
      </c>
      <c r="G14403" t="s">
        <v>80</v>
      </c>
      <c r="H14403" t="s">
        <v>81</v>
      </c>
      <c r="I14403" s="2">
        <v>0</v>
      </c>
      <c r="J14403" s="2">
        <v>0</v>
      </c>
      <c r="K14403" s="2">
        <v>1</v>
      </c>
      <c r="L14403" t="s">
        <v>995</v>
      </c>
      <c r="M14403" t="s">
        <v>87</v>
      </c>
      <c r="N14403" t="s">
        <v>88</v>
      </c>
      <c r="O14403" t="s">
        <v>85</v>
      </c>
      <c r="P14403" t="s">
        <v>86</v>
      </c>
      <c r="Q14403">
        <v>20</v>
      </c>
      <c r="R14403">
        <v>20</v>
      </c>
      <c r="S14403">
        <v>19</v>
      </c>
      <c r="T14403">
        <v>19</v>
      </c>
      <c r="U14403">
        <v>19</v>
      </c>
      <c r="V14403">
        <v>19</v>
      </c>
      <c r="W14403">
        <v>19</v>
      </c>
      <c r="X14403">
        <v>19</v>
      </c>
      <c r="Y14403">
        <v>19</v>
      </c>
      <c r="Z14403">
        <v>19</v>
      </c>
      <c r="AA14403">
        <v>19</v>
      </c>
      <c r="AB14403">
        <v>19</v>
      </c>
      <c r="AC14403">
        <v>18</v>
      </c>
      <c r="AD14403">
        <v>18</v>
      </c>
      <c r="AE14403">
        <v>18</v>
      </c>
      <c r="AF14403">
        <v>18</v>
      </c>
      <c r="AG14403">
        <v>18</v>
      </c>
      <c r="AH14403">
        <v>18</v>
      </c>
      <c r="AI14403">
        <v>18</v>
      </c>
      <c r="AJ14403">
        <v>18</v>
      </c>
      <c r="AK14403">
        <v>18</v>
      </c>
      <c r="AL14403">
        <v>18</v>
      </c>
      <c r="AM14403">
        <v>17</v>
      </c>
      <c r="AN14403">
        <v>17</v>
      </c>
      <c r="AO14403">
        <v>17</v>
      </c>
      <c r="AP14403">
        <v>17</v>
      </c>
      <c r="AQ14403">
        <v>17</v>
      </c>
    </row>
    <row r="14404" spans="1:43">
      <c r="A14404" t="s">
        <v>8928</v>
      </c>
      <c r="B14404" t="s">
        <v>8929</v>
      </c>
      <c r="C14404" t="s">
        <v>8754</v>
      </c>
      <c r="D14404" t="s">
        <v>8755</v>
      </c>
      <c r="E14404" t="s">
        <v>8652</v>
      </c>
      <c r="F14404" t="s">
        <v>8653</v>
      </c>
      <c r="G14404" t="s">
        <v>80</v>
      </c>
      <c r="H14404" t="s">
        <v>81</v>
      </c>
      <c r="I14404" s="2">
        <v>0</v>
      </c>
      <c r="J14404" s="2">
        <v>0</v>
      </c>
      <c r="K14404" s="2">
        <v>1</v>
      </c>
      <c r="L14404" t="s">
        <v>995</v>
      </c>
      <c r="M14404" t="s">
        <v>89</v>
      </c>
      <c r="N14404" t="s">
        <v>90</v>
      </c>
      <c r="O14404" t="s">
        <v>85</v>
      </c>
      <c r="P14404" t="s">
        <v>86</v>
      </c>
      <c r="Q14404">
        <v>20</v>
      </c>
      <c r="R14404">
        <v>20</v>
      </c>
      <c r="S14404">
        <v>20</v>
      </c>
      <c r="T14404">
        <v>21</v>
      </c>
      <c r="U14404">
        <v>21</v>
      </c>
      <c r="V14404">
        <v>21</v>
      </c>
      <c r="W14404">
        <v>21</v>
      </c>
      <c r="X14404">
        <v>21</v>
      </c>
      <c r="Y14404">
        <v>22</v>
      </c>
      <c r="Z14404">
        <v>22</v>
      </c>
      <c r="AA14404">
        <v>22</v>
      </c>
      <c r="AB14404">
        <v>22</v>
      </c>
      <c r="AC14404">
        <v>22</v>
      </c>
      <c r="AD14404">
        <v>22</v>
      </c>
      <c r="AE14404">
        <v>22</v>
      </c>
      <c r="AF14404">
        <v>22</v>
      </c>
      <c r="AG14404">
        <v>22</v>
      </c>
      <c r="AH14404">
        <v>22</v>
      </c>
      <c r="AI14404">
        <v>21</v>
      </c>
      <c r="AJ14404">
        <v>21</v>
      </c>
      <c r="AK14404">
        <v>21</v>
      </c>
      <c r="AL14404">
        <v>21</v>
      </c>
      <c r="AM14404">
        <v>21</v>
      </c>
      <c r="AN14404">
        <v>21</v>
      </c>
      <c r="AO14404">
        <v>20</v>
      </c>
      <c r="AP14404">
        <v>20</v>
      </c>
      <c r="AQ14404">
        <v>20</v>
      </c>
    </row>
    <row r="14405" spans="1:43">
      <c r="A14405" t="s">
        <v>8928</v>
      </c>
      <c r="B14405" t="s">
        <v>8929</v>
      </c>
      <c r="C14405" t="s">
        <v>8754</v>
      </c>
      <c r="D14405" t="s">
        <v>8755</v>
      </c>
      <c r="E14405" t="s">
        <v>8652</v>
      </c>
      <c r="F14405" t="s">
        <v>8653</v>
      </c>
      <c r="G14405" t="s">
        <v>80</v>
      </c>
      <c r="H14405" t="s">
        <v>81</v>
      </c>
      <c r="I14405" s="2">
        <v>0</v>
      </c>
      <c r="J14405" s="2">
        <v>0</v>
      </c>
      <c r="K14405" s="2">
        <v>1</v>
      </c>
      <c r="L14405" t="s">
        <v>995</v>
      </c>
      <c r="M14405" t="s">
        <v>83</v>
      </c>
      <c r="N14405" t="s">
        <v>91</v>
      </c>
      <c r="O14405" t="s">
        <v>85</v>
      </c>
      <c r="P14405" t="s">
        <v>86</v>
      </c>
      <c r="Q14405">
        <v>20</v>
      </c>
      <c r="R14405">
        <v>20</v>
      </c>
      <c r="S14405">
        <v>20</v>
      </c>
      <c r="T14405">
        <v>20</v>
      </c>
      <c r="U14405">
        <v>20</v>
      </c>
      <c r="V14405">
        <v>20</v>
      </c>
      <c r="W14405">
        <v>20</v>
      </c>
      <c r="X14405">
        <v>20</v>
      </c>
      <c r="Y14405">
        <v>20</v>
      </c>
      <c r="Z14405">
        <v>20</v>
      </c>
      <c r="AA14405">
        <v>20</v>
      </c>
      <c r="AB14405">
        <v>20</v>
      </c>
      <c r="AC14405">
        <v>21</v>
      </c>
      <c r="AD14405">
        <v>21</v>
      </c>
      <c r="AE14405">
        <v>21</v>
      </c>
      <c r="AF14405">
        <v>21</v>
      </c>
      <c r="AG14405">
        <v>21</v>
      </c>
      <c r="AH14405">
        <v>21</v>
      </c>
      <c r="AI14405">
        <v>21</v>
      </c>
      <c r="AJ14405">
        <v>21</v>
      </c>
      <c r="AK14405">
        <v>21</v>
      </c>
      <c r="AL14405">
        <v>21</v>
      </c>
      <c r="AM14405">
        <v>20</v>
      </c>
      <c r="AN14405">
        <v>20</v>
      </c>
      <c r="AO14405">
        <v>20</v>
      </c>
      <c r="AP14405">
        <v>20</v>
      </c>
      <c r="AQ14405">
        <v>20</v>
      </c>
    </row>
    <row r="14406" spans="1:43">
      <c r="A14406" t="s">
        <v>8930</v>
      </c>
      <c r="B14406" t="s">
        <v>8931</v>
      </c>
      <c r="C14406" t="s">
        <v>8758</v>
      </c>
      <c r="D14406" t="s">
        <v>8759</v>
      </c>
      <c r="E14406" t="s">
        <v>8652</v>
      </c>
      <c r="F14406" t="s">
        <v>8653</v>
      </c>
      <c r="G14406" t="s">
        <v>80</v>
      </c>
      <c r="H14406" t="s">
        <v>81</v>
      </c>
      <c r="I14406" s="2">
        <v>0</v>
      </c>
      <c r="J14406" s="2">
        <v>0</v>
      </c>
      <c r="K14406" s="2">
        <v>1</v>
      </c>
      <c r="L14406" t="s">
        <v>995</v>
      </c>
      <c r="M14406" t="s">
        <v>83</v>
      </c>
      <c r="N14406" t="s">
        <v>84</v>
      </c>
      <c r="O14406" t="s">
        <v>85</v>
      </c>
      <c r="P14406" t="s">
        <v>86</v>
      </c>
      <c r="Q14406">
        <v>38</v>
      </c>
      <c r="R14406">
        <v>38</v>
      </c>
      <c r="S14406">
        <v>38</v>
      </c>
      <c r="T14406">
        <v>38</v>
      </c>
      <c r="U14406">
        <v>38</v>
      </c>
      <c r="V14406">
        <v>38</v>
      </c>
      <c r="W14406">
        <v>38</v>
      </c>
      <c r="X14406">
        <v>38</v>
      </c>
      <c r="Y14406">
        <v>39</v>
      </c>
      <c r="Z14406">
        <v>39</v>
      </c>
      <c r="AA14406">
        <v>39</v>
      </c>
      <c r="AB14406">
        <v>39</v>
      </c>
      <c r="AC14406">
        <v>39</v>
      </c>
      <c r="AD14406">
        <v>39</v>
      </c>
      <c r="AE14406">
        <v>39</v>
      </c>
      <c r="AF14406">
        <v>39</v>
      </c>
      <c r="AG14406">
        <v>39</v>
      </c>
      <c r="AH14406">
        <v>39</v>
      </c>
      <c r="AI14406">
        <v>39</v>
      </c>
      <c r="AJ14406">
        <v>39</v>
      </c>
      <c r="AK14406">
        <v>39</v>
      </c>
      <c r="AL14406">
        <v>39</v>
      </c>
      <c r="AM14406">
        <v>39</v>
      </c>
      <c r="AN14406">
        <v>39</v>
      </c>
      <c r="AO14406">
        <v>38</v>
      </c>
      <c r="AP14406">
        <v>38</v>
      </c>
      <c r="AQ14406">
        <v>38</v>
      </c>
    </row>
    <row r="14407" spans="1:43">
      <c r="A14407" t="s">
        <v>8930</v>
      </c>
      <c r="B14407" t="s">
        <v>8931</v>
      </c>
      <c r="C14407" t="s">
        <v>8758</v>
      </c>
      <c r="D14407" t="s">
        <v>8759</v>
      </c>
      <c r="E14407" t="s">
        <v>8652</v>
      </c>
      <c r="F14407" t="s">
        <v>8653</v>
      </c>
      <c r="G14407" t="s">
        <v>80</v>
      </c>
      <c r="H14407" t="s">
        <v>81</v>
      </c>
      <c r="I14407" s="2">
        <v>0</v>
      </c>
      <c r="J14407" s="2">
        <v>0</v>
      </c>
      <c r="K14407" s="2">
        <v>1</v>
      </c>
      <c r="L14407" t="s">
        <v>995</v>
      </c>
      <c r="M14407" t="s">
        <v>87</v>
      </c>
      <c r="N14407" t="s">
        <v>88</v>
      </c>
      <c r="O14407" t="s">
        <v>85</v>
      </c>
      <c r="P14407" t="s">
        <v>86</v>
      </c>
      <c r="Q14407">
        <v>38</v>
      </c>
      <c r="R14407">
        <v>38</v>
      </c>
      <c r="S14407">
        <v>38</v>
      </c>
      <c r="T14407">
        <v>38</v>
      </c>
      <c r="U14407">
        <v>37</v>
      </c>
      <c r="V14407">
        <v>37</v>
      </c>
      <c r="W14407">
        <v>37</v>
      </c>
      <c r="X14407">
        <v>37</v>
      </c>
      <c r="Y14407">
        <v>37</v>
      </c>
      <c r="Z14407">
        <v>36</v>
      </c>
      <c r="AA14407">
        <v>36</v>
      </c>
      <c r="AB14407">
        <v>36</v>
      </c>
      <c r="AC14407">
        <v>36</v>
      </c>
      <c r="AD14407">
        <v>36</v>
      </c>
      <c r="AE14407">
        <v>36</v>
      </c>
      <c r="AF14407">
        <v>35</v>
      </c>
      <c r="AG14407">
        <v>35</v>
      </c>
      <c r="AH14407">
        <v>35</v>
      </c>
      <c r="AI14407">
        <v>35</v>
      </c>
      <c r="AJ14407">
        <v>35</v>
      </c>
      <c r="AK14407">
        <v>35</v>
      </c>
      <c r="AL14407">
        <v>34</v>
      </c>
      <c r="AM14407">
        <v>34</v>
      </c>
      <c r="AN14407">
        <v>34</v>
      </c>
      <c r="AO14407">
        <v>34</v>
      </c>
      <c r="AP14407">
        <v>34</v>
      </c>
      <c r="AQ14407">
        <v>34</v>
      </c>
    </row>
    <row r="14408" spans="1:43">
      <c r="A14408" t="s">
        <v>8930</v>
      </c>
      <c r="B14408" t="s">
        <v>8931</v>
      </c>
      <c r="C14408" t="s">
        <v>8758</v>
      </c>
      <c r="D14408" t="s">
        <v>8759</v>
      </c>
      <c r="E14408" t="s">
        <v>8652</v>
      </c>
      <c r="F14408" t="s">
        <v>8653</v>
      </c>
      <c r="G14408" t="s">
        <v>80</v>
      </c>
      <c r="H14408" t="s">
        <v>81</v>
      </c>
      <c r="I14408" s="2">
        <v>0</v>
      </c>
      <c r="J14408" s="2">
        <v>0</v>
      </c>
      <c r="K14408" s="2">
        <v>1</v>
      </c>
      <c r="L14408" t="s">
        <v>995</v>
      </c>
      <c r="M14408" t="s">
        <v>89</v>
      </c>
      <c r="N14408" t="s">
        <v>90</v>
      </c>
      <c r="O14408" t="s">
        <v>85</v>
      </c>
      <c r="P14408" t="s">
        <v>86</v>
      </c>
      <c r="Q14408">
        <v>38</v>
      </c>
      <c r="R14408">
        <v>38</v>
      </c>
      <c r="S14408">
        <v>39</v>
      </c>
      <c r="T14408">
        <v>39</v>
      </c>
      <c r="U14408">
        <v>40</v>
      </c>
      <c r="V14408">
        <v>40</v>
      </c>
      <c r="W14408">
        <v>40</v>
      </c>
      <c r="X14408">
        <v>41</v>
      </c>
      <c r="Y14408">
        <v>41</v>
      </c>
      <c r="Z14408">
        <v>41</v>
      </c>
      <c r="AA14408">
        <v>41</v>
      </c>
      <c r="AB14408">
        <v>42</v>
      </c>
      <c r="AC14408">
        <v>42</v>
      </c>
      <c r="AD14408">
        <v>42</v>
      </c>
      <c r="AE14408">
        <v>42</v>
      </c>
      <c r="AF14408">
        <v>42</v>
      </c>
      <c r="AG14408">
        <v>41</v>
      </c>
      <c r="AH14408">
        <v>41</v>
      </c>
      <c r="AI14408">
        <v>41</v>
      </c>
      <c r="AJ14408">
        <v>40</v>
      </c>
      <c r="AK14408">
        <v>40</v>
      </c>
      <c r="AL14408">
        <v>40</v>
      </c>
      <c r="AM14408">
        <v>39</v>
      </c>
      <c r="AN14408">
        <v>39</v>
      </c>
      <c r="AO14408">
        <v>39</v>
      </c>
      <c r="AP14408">
        <v>38</v>
      </c>
      <c r="AQ14408">
        <v>38</v>
      </c>
    </row>
    <row r="14409" spans="1:43">
      <c r="A14409" t="s">
        <v>8930</v>
      </c>
      <c r="B14409" t="s">
        <v>8931</v>
      </c>
      <c r="C14409" t="s">
        <v>8758</v>
      </c>
      <c r="D14409" t="s">
        <v>8759</v>
      </c>
      <c r="E14409" t="s">
        <v>8652</v>
      </c>
      <c r="F14409" t="s">
        <v>8653</v>
      </c>
      <c r="G14409" t="s">
        <v>80</v>
      </c>
      <c r="H14409" t="s">
        <v>81</v>
      </c>
      <c r="I14409" s="2">
        <v>0</v>
      </c>
      <c r="J14409" s="2">
        <v>0</v>
      </c>
      <c r="K14409" s="2">
        <v>1</v>
      </c>
      <c r="L14409" t="s">
        <v>995</v>
      </c>
      <c r="M14409" t="s">
        <v>83</v>
      </c>
      <c r="N14409" t="s">
        <v>91</v>
      </c>
      <c r="O14409" t="s">
        <v>85</v>
      </c>
      <c r="P14409" t="s">
        <v>86</v>
      </c>
      <c r="Q14409">
        <v>38</v>
      </c>
      <c r="R14409">
        <v>38</v>
      </c>
      <c r="S14409">
        <v>38</v>
      </c>
      <c r="T14409">
        <v>38</v>
      </c>
      <c r="U14409">
        <v>38</v>
      </c>
      <c r="V14409">
        <v>38</v>
      </c>
      <c r="W14409">
        <v>38</v>
      </c>
      <c r="X14409">
        <v>38</v>
      </c>
      <c r="Y14409">
        <v>39</v>
      </c>
      <c r="Z14409">
        <v>39</v>
      </c>
      <c r="AA14409">
        <v>39</v>
      </c>
      <c r="AB14409">
        <v>39</v>
      </c>
      <c r="AC14409">
        <v>39</v>
      </c>
      <c r="AD14409">
        <v>39</v>
      </c>
      <c r="AE14409">
        <v>39</v>
      </c>
      <c r="AF14409">
        <v>39</v>
      </c>
      <c r="AG14409">
        <v>39</v>
      </c>
      <c r="AH14409">
        <v>39</v>
      </c>
      <c r="AI14409">
        <v>39</v>
      </c>
      <c r="AJ14409">
        <v>39</v>
      </c>
      <c r="AK14409">
        <v>39</v>
      </c>
      <c r="AL14409">
        <v>39</v>
      </c>
      <c r="AM14409">
        <v>39</v>
      </c>
      <c r="AN14409">
        <v>39</v>
      </c>
      <c r="AO14409">
        <v>38</v>
      </c>
      <c r="AP14409">
        <v>38</v>
      </c>
      <c r="AQ14409">
        <v>38</v>
      </c>
    </row>
    <row r="14410" spans="1:43">
      <c r="A14410" t="s">
        <v>8932</v>
      </c>
      <c r="B14410" t="s">
        <v>8933</v>
      </c>
      <c r="C14410" t="s">
        <v>8754</v>
      </c>
      <c r="D14410" t="s">
        <v>8755</v>
      </c>
      <c r="E14410" t="s">
        <v>8652</v>
      </c>
      <c r="F14410" t="s">
        <v>8653</v>
      </c>
      <c r="G14410" t="s">
        <v>80</v>
      </c>
      <c r="H14410" t="s">
        <v>81</v>
      </c>
      <c r="I14410" s="2">
        <v>0</v>
      </c>
      <c r="J14410" s="2">
        <v>0</v>
      </c>
      <c r="K14410" s="2">
        <v>1</v>
      </c>
      <c r="L14410" t="s">
        <v>995</v>
      </c>
      <c r="M14410" t="s">
        <v>83</v>
      </c>
      <c r="N14410" t="s">
        <v>84</v>
      </c>
      <c r="O14410" t="s">
        <v>85</v>
      </c>
      <c r="P14410" t="s">
        <v>86</v>
      </c>
      <c r="Q14410">
        <v>10</v>
      </c>
      <c r="R14410">
        <v>10</v>
      </c>
      <c r="S14410">
        <v>10</v>
      </c>
      <c r="T14410">
        <v>10</v>
      </c>
      <c r="U14410">
        <v>10</v>
      </c>
      <c r="V14410">
        <v>10</v>
      </c>
      <c r="W14410">
        <v>10</v>
      </c>
      <c r="X14410">
        <v>10</v>
      </c>
      <c r="Y14410">
        <v>10</v>
      </c>
      <c r="Z14410">
        <v>10</v>
      </c>
      <c r="AA14410">
        <v>10</v>
      </c>
      <c r="AB14410">
        <v>10</v>
      </c>
      <c r="AC14410">
        <v>10</v>
      </c>
      <c r="AD14410">
        <v>10</v>
      </c>
      <c r="AE14410">
        <v>10</v>
      </c>
      <c r="AF14410">
        <v>10</v>
      </c>
      <c r="AG14410">
        <v>10</v>
      </c>
      <c r="AH14410">
        <v>10</v>
      </c>
      <c r="AI14410">
        <v>10</v>
      </c>
      <c r="AJ14410">
        <v>10</v>
      </c>
      <c r="AK14410">
        <v>10</v>
      </c>
      <c r="AL14410">
        <v>10</v>
      </c>
      <c r="AM14410">
        <v>10</v>
      </c>
      <c r="AN14410">
        <v>10</v>
      </c>
      <c r="AO14410">
        <v>10</v>
      </c>
      <c r="AP14410">
        <v>10</v>
      </c>
      <c r="AQ14410">
        <v>10</v>
      </c>
    </row>
    <row r="14411" spans="1:43">
      <c r="A14411" t="s">
        <v>8932</v>
      </c>
      <c r="B14411" t="s">
        <v>8933</v>
      </c>
      <c r="C14411" t="s">
        <v>8754</v>
      </c>
      <c r="D14411" t="s">
        <v>8755</v>
      </c>
      <c r="E14411" t="s">
        <v>8652</v>
      </c>
      <c r="F14411" t="s">
        <v>8653</v>
      </c>
      <c r="G14411" t="s">
        <v>80</v>
      </c>
      <c r="H14411" t="s">
        <v>81</v>
      </c>
      <c r="I14411" s="2">
        <v>0</v>
      </c>
      <c r="J14411" s="2">
        <v>0</v>
      </c>
      <c r="K14411" s="2">
        <v>1</v>
      </c>
      <c r="L14411" t="s">
        <v>995</v>
      </c>
      <c r="M14411" t="s">
        <v>87</v>
      </c>
      <c r="N14411" t="s">
        <v>88</v>
      </c>
      <c r="O14411" t="s">
        <v>85</v>
      </c>
      <c r="P14411" t="s">
        <v>86</v>
      </c>
      <c r="Q14411">
        <v>10</v>
      </c>
      <c r="R14411">
        <v>10</v>
      </c>
      <c r="S14411">
        <v>10</v>
      </c>
      <c r="T14411">
        <v>9</v>
      </c>
      <c r="U14411">
        <v>9</v>
      </c>
      <c r="V14411">
        <v>9</v>
      </c>
      <c r="W14411">
        <v>9</v>
      </c>
      <c r="X14411">
        <v>9</v>
      </c>
      <c r="Y14411">
        <v>9</v>
      </c>
      <c r="Z14411">
        <v>9</v>
      </c>
      <c r="AA14411">
        <v>9</v>
      </c>
      <c r="AB14411">
        <v>9</v>
      </c>
      <c r="AC14411">
        <v>9</v>
      </c>
      <c r="AD14411">
        <v>9</v>
      </c>
      <c r="AE14411">
        <v>9</v>
      </c>
      <c r="AF14411">
        <v>9</v>
      </c>
      <c r="AG14411">
        <v>9</v>
      </c>
      <c r="AH14411">
        <v>9</v>
      </c>
      <c r="AI14411">
        <v>9</v>
      </c>
      <c r="AJ14411">
        <v>9</v>
      </c>
      <c r="AK14411">
        <v>9</v>
      </c>
      <c r="AL14411">
        <v>9</v>
      </c>
      <c r="AM14411">
        <v>9</v>
      </c>
      <c r="AN14411">
        <v>9</v>
      </c>
      <c r="AO14411">
        <v>9</v>
      </c>
      <c r="AP14411">
        <v>8</v>
      </c>
      <c r="AQ14411">
        <v>8</v>
      </c>
    </row>
    <row r="14412" spans="1:43">
      <c r="A14412" t="s">
        <v>8932</v>
      </c>
      <c r="B14412" t="s">
        <v>8933</v>
      </c>
      <c r="C14412" t="s">
        <v>8754</v>
      </c>
      <c r="D14412" t="s">
        <v>8755</v>
      </c>
      <c r="E14412" t="s">
        <v>8652</v>
      </c>
      <c r="F14412" t="s">
        <v>8653</v>
      </c>
      <c r="G14412" t="s">
        <v>80</v>
      </c>
      <c r="H14412" t="s">
        <v>81</v>
      </c>
      <c r="I14412" s="2">
        <v>0</v>
      </c>
      <c r="J14412" s="2">
        <v>0</v>
      </c>
      <c r="K14412" s="2">
        <v>1</v>
      </c>
      <c r="L14412" t="s">
        <v>995</v>
      </c>
      <c r="M14412" t="s">
        <v>89</v>
      </c>
      <c r="N14412" t="s">
        <v>90</v>
      </c>
      <c r="O14412" t="s">
        <v>85</v>
      </c>
      <c r="P14412" t="s">
        <v>86</v>
      </c>
      <c r="Q14412">
        <v>10</v>
      </c>
      <c r="R14412">
        <v>10</v>
      </c>
      <c r="S14412">
        <v>10</v>
      </c>
      <c r="T14412">
        <v>10</v>
      </c>
      <c r="U14412">
        <v>10</v>
      </c>
      <c r="V14412">
        <v>10</v>
      </c>
      <c r="W14412">
        <v>10</v>
      </c>
      <c r="X14412">
        <v>11</v>
      </c>
      <c r="Y14412">
        <v>11</v>
      </c>
      <c r="Z14412">
        <v>11</v>
      </c>
      <c r="AA14412">
        <v>11</v>
      </c>
      <c r="AB14412">
        <v>11</v>
      </c>
      <c r="AC14412">
        <v>11</v>
      </c>
      <c r="AD14412">
        <v>11</v>
      </c>
      <c r="AE14412">
        <v>11</v>
      </c>
      <c r="AF14412">
        <v>11</v>
      </c>
      <c r="AG14412">
        <v>11</v>
      </c>
      <c r="AH14412">
        <v>11</v>
      </c>
      <c r="AI14412">
        <v>11</v>
      </c>
      <c r="AJ14412">
        <v>10</v>
      </c>
      <c r="AK14412">
        <v>10</v>
      </c>
      <c r="AL14412">
        <v>10</v>
      </c>
      <c r="AM14412">
        <v>10</v>
      </c>
      <c r="AN14412">
        <v>10</v>
      </c>
      <c r="AO14412">
        <v>10</v>
      </c>
      <c r="AP14412">
        <v>10</v>
      </c>
      <c r="AQ14412">
        <v>10</v>
      </c>
    </row>
    <row r="14413" spans="1:43">
      <c r="A14413" t="s">
        <v>8932</v>
      </c>
      <c r="B14413" t="s">
        <v>8933</v>
      </c>
      <c r="C14413" t="s">
        <v>8754</v>
      </c>
      <c r="D14413" t="s">
        <v>8755</v>
      </c>
      <c r="E14413" t="s">
        <v>8652</v>
      </c>
      <c r="F14413" t="s">
        <v>8653</v>
      </c>
      <c r="G14413" t="s">
        <v>80</v>
      </c>
      <c r="H14413" t="s">
        <v>81</v>
      </c>
      <c r="I14413" s="2">
        <v>0</v>
      </c>
      <c r="J14413" s="2">
        <v>0</v>
      </c>
      <c r="K14413" s="2">
        <v>1</v>
      </c>
      <c r="L14413" t="s">
        <v>995</v>
      </c>
      <c r="M14413" t="s">
        <v>83</v>
      </c>
      <c r="N14413" t="s">
        <v>91</v>
      </c>
      <c r="O14413" t="s">
        <v>85</v>
      </c>
      <c r="P14413" t="s">
        <v>86</v>
      </c>
      <c r="Q14413">
        <v>10</v>
      </c>
      <c r="R14413">
        <v>10</v>
      </c>
      <c r="S14413">
        <v>10</v>
      </c>
      <c r="T14413">
        <v>10</v>
      </c>
      <c r="U14413">
        <v>10</v>
      </c>
      <c r="V14413">
        <v>10</v>
      </c>
      <c r="W14413">
        <v>10</v>
      </c>
      <c r="X14413">
        <v>10</v>
      </c>
      <c r="Y14413">
        <v>10</v>
      </c>
      <c r="Z14413">
        <v>10</v>
      </c>
      <c r="AA14413">
        <v>10</v>
      </c>
      <c r="AB14413">
        <v>10</v>
      </c>
      <c r="AC14413">
        <v>10</v>
      </c>
      <c r="AD14413">
        <v>10</v>
      </c>
      <c r="AE14413">
        <v>10</v>
      </c>
      <c r="AF14413">
        <v>10</v>
      </c>
      <c r="AG14413">
        <v>10</v>
      </c>
      <c r="AH14413">
        <v>10</v>
      </c>
      <c r="AI14413">
        <v>10</v>
      </c>
      <c r="AJ14413">
        <v>10</v>
      </c>
      <c r="AK14413">
        <v>10</v>
      </c>
      <c r="AL14413">
        <v>10</v>
      </c>
      <c r="AM14413">
        <v>10</v>
      </c>
      <c r="AN14413">
        <v>10</v>
      </c>
      <c r="AO14413">
        <v>10</v>
      </c>
      <c r="AP14413">
        <v>10</v>
      </c>
      <c r="AQ14413">
        <v>10</v>
      </c>
    </row>
    <row r="14414" spans="1:43">
      <c r="A14414" t="s">
        <v>8934</v>
      </c>
      <c r="B14414" t="s">
        <v>8935</v>
      </c>
      <c r="C14414" t="s">
        <v>8936</v>
      </c>
      <c r="D14414" t="s">
        <v>8937</v>
      </c>
      <c r="E14414" t="s">
        <v>8938</v>
      </c>
      <c r="F14414" t="s">
        <v>8939</v>
      </c>
      <c r="G14414" t="s">
        <v>80</v>
      </c>
      <c r="H14414" t="s">
        <v>81</v>
      </c>
      <c r="I14414" s="2">
        <v>0</v>
      </c>
      <c r="J14414" s="2">
        <v>1</v>
      </c>
      <c r="K14414" s="2">
        <v>0</v>
      </c>
      <c r="L14414" t="s">
        <v>82</v>
      </c>
      <c r="M14414" t="s">
        <v>83</v>
      </c>
      <c r="N14414" t="s">
        <v>84</v>
      </c>
      <c r="O14414" t="s">
        <v>85</v>
      </c>
      <c r="P14414" t="s">
        <v>86</v>
      </c>
      <c r="Q14414">
        <v>58</v>
      </c>
      <c r="R14414">
        <v>60</v>
      </c>
      <c r="S14414">
        <v>61</v>
      </c>
      <c r="T14414">
        <v>63</v>
      </c>
      <c r="U14414">
        <v>64</v>
      </c>
      <c r="V14414">
        <v>66</v>
      </c>
      <c r="W14414">
        <v>67</v>
      </c>
      <c r="X14414">
        <v>69</v>
      </c>
      <c r="Y14414">
        <v>71</v>
      </c>
      <c r="Z14414">
        <v>72</v>
      </c>
      <c r="AA14414">
        <v>74</v>
      </c>
      <c r="AB14414">
        <v>75</v>
      </c>
      <c r="AC14414">
        <v>77</v>
      </c>
      <c r="AD14414">
        <v>79</v>
      </c>
      <c r="AE14414">
        <v>81</v>
      </c>
      <c r="AF14414">
        <v>82</v>
      </c>
      <c r="AG14414">
        <v>84</v>
      </c>
      <c r="AH14414">
        <v>86</v>
      </c>
      <c r="AI14414">
        <v>88</v>
      </c>
      <c r="AJ14414">
        <v>89</v>
      </c>
      <c r="AK14414">
        <v>91</v>
      </c>
      <c r="AL14414">
        <v>92</v>
      </c>
      <c r="AM14414">
        <v>93</v>
      </c>
      <c r="AN14414">
        <v>94</v>
      </c>
      <c r="AO14414">
        <v>95</v>
      </c>
      <c r="AP14414">
        <v>96</v>
      </c>
      <c r="AQ14414">
        <v>97</v>
      </c>
    </row>
    <row r="14415" spans="1:43">
      <c r="A14415" t="s">
        <v>8934</v>
      </c>
      <c r="B14415" t="s">
        <v>8935</v>
      </c>
      <c r="C14415" t="s">
        <v>8936</v>
      </c>
      <c r="D14415" t="s">
        <v>8937</v>
      </c>
      <c r="E14415" t="s">
        <v>8938</v>
      </c>
      <c r="F14415" t="s">
        <v>8939</v>
      </c>
      <c r="G14415" t="s">
        <v>80</v>
      </c>
      <c r="H14415" t="s">
        <v>81</v>
      </c>
      <c r="I14415" s="2">
        <v>0</v>
      </c>
      <c r="J14415" s="2">
        <v>1</v>
      </c>
      <c r="K14415" s="2">
        <v>0</v>
      </c>
      <c r="L14415" t="s">
        <v>82</v>
      </c>
      <c r="M14415" t="s">
        <v>87</v>
      </c>
      <c r="N14415" t="s">
        <v>88</v>
      </c>
      <c r="O14415" t="s">
        <v>85</v>
      </c>
      <c r="P14415" t="s">
        <v>86</v>
      </c>
      <c r="Q14415">
        <v>58</v>
      </c>
      <c r="R14415">
        <v>59</v>
      </c>
      <c r="S14415">
        <v>60</v>
      </c>
      <c r="T14415">
        <v>60</v>
      </c>
      <c r="U14415">
        <v>61</v>
      </c>
      <c r="V14415">
        <v>62</v>
      </c>
      <c r="W14415">
        <v>63</v>
      </c>
      <c r="X14415">
        <v>64</v>
      </c>
      <c r="Y14415">
        <v>65</v>
      </c>
      <c r="Z14415">
        <v>66</v>
      </c>
      <c r="AA14415">
        <v>67</v>
      </c>
      <c r="AB14415">
        <v>68</v>
      </c>
      <c r="AC14415">
        <v>69</v>
      </c>
      <c r="AD14415">
        <v>70</v>
      </c>
      <c r="AE14415">
        <v>71</v>
      </c>
      <c r="AF14415">
        <v>72</v>
      </c>
      <c r="AG14415">
        <v>73</v>
      </c>
      <c r="AH14415">
        <v>74</v>
      </c>
      <c r="AI14415">
        <v>75</v>
      </c>
      <c r="AJ14415">
        <v>76</v>
      </c>
      <c r="AK14415">
        <v>77</v>
      </c>
      <c r="AL14415">
        <v>79</v>
      </c>
      <c r="AM14415">
        <v>80</v>
      </c>
      <c r="AN14415">
        <v>81</v>
      </c>
      <c r="AO14415">
        <v>82</v>
      </c>
      <c r="AP14415">
        <v>83</v>
      </c>
      <c r="AQ14415">
        <v>84</v>
      </c>
    </row>
    <row r="14416" spans="1:43">
      <c r="A14416" t="s">
        <v>8934</v>
      </c>
      <c r="B14416" t="s">
        <v>8935</v>
      </c>
      <c r="C14416" t="s">
        <v>8936</v>
      </c>
      <c r="D14416" t="s">
        <v>8937</v>
      </c>
      <c r="E14416" t="s">
        <v>8938</v>
      </c>
      <c r="F14416" t="s">
        <v>8939</v>
      </c>
      <c r="G14416" t="s">
        <v>80</v>
      </c>
      <c r="H14416" t="s">
        <v>81</v>
      </c>
      <c r="I14416" s="2">
        <v>0</v>
      </c>
      <c r="J14416" s="2">
        <v>1</v>
      </c>
      <c r="K14416" s="2">
        <v>0</v>
      </c>
      <c r="L14416" t="s">
        <v>82</v>
      </c>
      <c r="M14416" t="s">
        <v>89</v>
      </c>
      <c r="N14416" t="s">
        <v>90</v>
      </c>
      <c r="O14416" t="s">
        <v>85</v>
      </c>
      <c r="P14416" t="s">
        <v>86</v>
      </c>
      <c r="Q14416">
        <v>58</v>
      </c>
      <c r="R14416">
        <v>60</v>
      </c>
      <c r="S14416">
        <v>62</v>
      </c>
      <c r="T14416">
        <v>64</v>
      </c>
      <c r="U14416">
        <v>66</v>
      </c>
      <c r="V14416">
        <v>68</v>
      </c>
      <c r="W14416">
        <v>70</v>
      </c>
      <c r="X14416">
        <v>72</v>
      </c>
      <c r="Y14416">
        <v>74</v>
      </c>
      <c r="Z14416">
        <v>76</v>
      </c>
      <c r="AA14416">
        <v>78</v>
      </c>
      <c r="AB14416">
        <v>80</v>
      </c>
      <c r="AC14416">
        <v>82</v>
      </c>
      <c r="AD14416">
        <v>84</v>
      </c>
      <c r="AE14416">
        <v>86</v>
      </c>
      <c r="AF14416">
        <v>86</v>
      </c>
      <c r="AG14416">
        <v>87</v>
      </c>
      <c r="AH14416">
        <v>88</v>
      </c>
      <c r="AI14416">
        <v>89</v>
      </c>
      <c r="AJ14416">
        <v>90</v>
      </c>
      <c r="AK14416">
        <v>91</v>
      </c>
      <c r="AL14416">
        <v>92</v>
      </c>
      <c r="AM14416">
        <v>93</v>
      </c>
      <c r="AN14416">
        <v>94</v>
      </c>
      <c r="AO14416">
        <v>95</v>
      </c>
      <c r="AP14416">
        <v>96</v>
      </c>
      <c r="AQ14416">
        <v>97</v>
      </c>
    </row>
    <row r="14417" spans="1:43">
      <c r="A14417" t="s">
        <v>8934</v>
      </c>
      <c r="B14417" t="s">
        <v>8935</v>
      </c>
      <c r="C14417" t="s">
        <v>8936</v>
      </c>
      <c r="D14417" t="s">
        <v>8937</v>
      </c>
      <c r="E14417" t="s">
        <v>8938</v>
      </c>
      <c r="F14417" t="s">
        <v>8939</v>
      </c>
      <c r="G14417" t="s">
        <v>80</v>
      </c>
      <c r="H14417" t="s">
        <v>81</v>
      </c>
      <c r="I14417" s="2">
        <v>0</v>
      </c>
      <c r="J14417" s="2">
        <v>1</v>
      </c>
      <c r="K14417" s="2">
        <v>0</v>
      </c>
      <c r="L14417" t="s">
        <v>82</v>
      </c>
      <c r="M14417" t="s">
        <v>83</v>
      </c>
      <c r="N14417" t="s">
        <v>91</v>
      </c>
      <c r="O14417" t="s">
        <v>85</v>
      </c>
      <c r="P14417" t="s">
        <v>86</v>
      </c>
      <c r="Q14417">
        <v>58</v>
      </c>
      <c r="R14417">
        <v>60</v>
      </c>
      <c r="S14417">
        <v>61</v>
      </c>
      <c r="T14417">
        <v>63</v>
      </c>
      <c r="U14417">
        <v>64</v>
      </c>
      <c r="V14417">
        <v>66</v>
      </c>
      <c r="W14417">
        <v>67</v>
      </c>
      <c r="X14417">
        <v>69</v>
      </c>
      <c r="Y14417">
        <v>71</v>
      </c>
      <c r="Z14417">
        <v>72</v>
      </c>
      <c r="AA14417">
        <v>74</v>
      </c>
      <c r="AB14417">
        <v>75</v>
      </c>
      <c r="AC14417">
        <v>77</v>
      </c>
      <c r="AD14417">
        <v>79</v>
      </c>
      <c r="AE14417">
        <v>81</v>
      </c>
      <c r="AF14417">
        <v>82</v>
      </c>
      <c r="AG14417">
        <v>84</v>
      </c>
      <c r="AH14417">
        <v>86</v>
      </c>
      <c r="AI14417">
        <v>88</v>
      </c>
      <c r="AJ14417">
        <v>89</v>
      </c>
      <c r="AK14417">
        <v>91</v>
      </c>
      <c r="AL14417">
        <v>92</v>
      </c>
      <c r="AM14417">
        <v>93</v>
      </c>
      <c r="AN14417">
        <v>94</v>
      </c>
      <c r="AO14417">
        <v>95</v>
      </c>
      <c r="AP14417">
        <v>96</v>
      </c>
      <c r="AQ14417">
        <v>97</v>
      </c>
    </row>
    <row r="14418" spans="1:43">
      <c r="A14418" t="s">
        <v>8940</v>
      </c>
      <c r="B14418" t="s">
        <v>8941</v>
      </c>
      <c r="C14418" t="s">
        <v>8936</v>
      </c>
      <c r="D14418" t="s">
        <v>8937</v>
      </c>
      <c r="E14418" t="s">
        <v>8938</v>
      </c>
      <c r="F14418" t="s">
        <v>8939</v>
      </c>
      <c r="G14418" t="s">
        <v>80</v>
      </c>
      <c r="H14418" t="s">
        <v>81</v>
      </c>
      <c r="I14418" s="2">
        <v>0</v>
      </c>
      <c r="J14418" s="2">
        <v>1</v>
      </c>
      <c r="K14418" s="2">
        <v>0</v>
      </c>
      <c r="L14418" t="s">
        <v>82</v>
      </c>
      <c r="M14418" t="s">
        <v>83</v>
      </c>
      <c r="N14418" t="s">
        <v>84</v>
      </c>
      <c r="O14418" t="s">
        <v>85</v>
      </c>
      <c r="P14418" t="s">
        <v>86</v>
      </c>
      <c r="Q14418">
        <v>36</v>
      </c>
      <c r="R14418">
        <v>37</v>
      </c>
      <c r="S14418">
        <v>38</v>
      </c>
      <c r="T14418">
        <v>39</v>
      </c>
      <c r="U14418">
        <v>40</v>
      </c>
      <c r="V14418">
        <v>41</v>
      </c>
      <c r="W14418">
        <v>42</v>
      </c>
      <c r="X14418">
        <v>43</v>
      </c>
      <c r="Y14418">
        <v>43</v>
      </c>
      <c r="Z14418">
        <v>45</v>
      </c>
      <c r="AA14418">
        <v>46</v>
      </c>
      <c r="AB14418">
        <v>47</v>
      </c>
      <c r="AC14418">
        <v>48</v>
      </c>
      <c r="AD14418">
        <v>49</v>
      </c>
      <c r="AE14418">
        <v>50</v>
      </c>
      <c r="AF14418">
        <v>51</v>
      </c>
      <c r="AG14418">
        <v>52</v>
      </c>
      <c r="AH14418">
        <v>53</v>
      </c>
      <c r="AI14418">
        <v>54</v>
      </c>
      <c r="AJ14418">
        <v>55</v>
      </c>
      <c r="AK14418">
        <v>56</v>
      </c>
      <c r="AL14418">
        <v>57</v>
      </c>
      <c r="AM14418">
        <v>57</v>
      </c>
      <c r="AN14418">
        <v>58</v>
      </c>
      <c r="AO14418">
        <v>59</v>
      </c>
      <c r="AP14418">
        <v>59</v>
      </c>
      <c r="AQ14418">
        <v>60</v>
      </c>
    </row>
    <row r="14419" spans="1:43">
      <c r="A14419" t="s">
        <v>8940</v>
      </c>
      <c r="B14419" t="s">
        <v>8941</v>
      </c>
      <c r="C14419" t="s">
        <v>8936</v>
      </c>
      <c r="D14419" t="s">
        <v>8937</v>
      </c>
      <c r="E14419" t="s">
        <v>8938</v>
      </c>
      <c r="F14419" t="s">
        <v>8939</v>
      </c>
      <c r="G14419" t="s">
        <v>80</v>
      </c>
      <c r="H14419" t="s">
        <v>81</v>
      </c>
      <c r="I14419" s="2">
        <v>0</v>
      </c>
      <c r="J14419" s="2">
        <v>1</v>
      </c>
      <c r="K14419" s="2">
        <v>0</v>
      </c>
      <c r="L14419" t="s">
        <v>82</v>
      </c>
      <c r="M14419" t="s">
        <v>87</v>
      </c>
      <c r="N14419" t="s">
        <v>88</v>
      </c>
      <c r="O14419" t="s">
        <v>85</v>
      </c>
      <c r="P14419" t="s">
        <v>86</v>
      </c>
      <c r="Q14419">
        <v>36</v>
      </c>
      <c r="R14419">
        <v>36</v>
      </c>
      <c r="S14419">
        <v>37</v>
      </c>
      <c r="T14419">
        <v>37</v>
      </c>
      <c r="U14419">
        <v>38</v>
      </c>
      <c r="V14419">
        <v>38</v>
      </c>
      <c r="W14419">
        <v>39</v>
      </c>
      <c r="X14419">
        <v>40</v>
      </c>
      <c r="Y14419">
        <v>40</v>
      </c>
      <c r="Z14419">
        <v>41</v>
      </c>
      <c r="AA14419">
        <v>41</v>
      </c>
      <c r="AB14419">
        <v>42</v>
      </c>
      <c r="AC14419">
        <v>43</v>
      </c>
      <c r="AD14419">
        <v>43</v>
      </c>
      <c r="AE14419">
        <v>44</v>
      </c>
      <c r="AF14419">
        <v>45</v>
      </c>
      <c r="AG14419">
        <v>45</v>
      </c>
      <c r="AH14419">
        <v>46</v>
      </c>
      <c r="AI14419">
        <v>46</v>
      </c>
      <c r="AJ14419">
        <v>47</v>
      </c>
      <c r="AK14419">
        <v>48</v>
      </c>
      <c r="AL14419">
        <v>48</v>
      </c>
      <c r="AM14419">
        <v>49</v>
      </c>
      <c r="AN14419">
        <v>50</v>
      </c>
      <c r="AO14419">
        <v>50</v>
      </c>
      <c r="AP14419">
        <v>51</v>
      </c>
      <c r="AQ14419">
        <v>52</v>
      </c>
    </row>
    <row r="14420" spans="1:43">
      <c r="A14420" t="s">
        <v>8940</v>
      </c>
      <c r="B14420" t="s">
        <v>8941</v>
      </c>
      <c r="C14420" t="s">
        <v>8936</v>
      </c>
      <c r="D14420" t="s">
        <v>8937</v>
      </c>
      <c r="E14420" t="s">
        <v>8938</v>
      </c>
      <c r="F14420" t="s">
        <v>8939</v>
      </c>
      <c r="G14420" t="s">
        <v>80</v>
      </c>
      <c r="H14420" t="s">
        <v>81</v>
      </c>
      <c r="I14420" s="2">
        <v>0</v>
      </c>
      <c r="J14420" s="2">
        <v>1</v>
      </c>
      <c r="K14420" s="2">
        <v>0</v>
      </c>
      <c r="L14420" t="s">
        <v>82</v>
      </c>
      <c r="M14420" t="s">
        <v>89</v>
      </c>
      <c r="N14420" t="s">
        <v>90</v>
      </c>
      <c r="O14420" t="s">
        <v>85</v>
      </c>
      <c r="P14420" t="s">
        <v>86</v>
      </c>
      <c r="Q14420">
        <v>36</v>
      </c>
      <c r="R14420">
        <v>37</v>
      </c>
      <c r="S14420">
        <v>39</v>
      </c>
      <c r="T14420">
        <v>40</v>
      </c>
      <c r="U14420">
        <v>41</v>
      </c>
      <c r="V14420">
        <v>42</v>
      </c>
      <c r="W14420">
        <v>44</v>
      </c>
      <c r="X14420">
        <v>45</v>
      </c>
      <c r="Y14420">
        <v>46</v>
      </c>
      <c r="Z14420">
        <v>47</v>
      </c>
      <c r="AA14420">
        <v>49</v>
      </c>
      <c r="AB14420">
        <v>50</v>
      </c>
      <c r="AC14420">
        <v>51</v>
      </c>
      <c r="AD14420">
        <v>52</v>
      </c>
      <c r="AE14420">
        <v>53</v>
      </c>
      <c r="AF14420">
        <v>54</v>
      </c>
      <c r="AG14420">
        <v>54</v>
      </c>
      <c r="AH14420">
        <v>55</v>
      </c>
      <c r="AI14420">
        <v>56</v>
      </c>
      <c r="AJ14420">
        <v>56</v>
      </c>
      <c r="AK14420">
        <v>57</v>
      </c>
      <c r="AL14420">
        <v>57</v>
      </c>
      <c r="AM14420">
        <v>58</v>
      </c>
      <c r="AN14420">
        <v>59</v>
      </c>
      <c r="AO14420">
        <v>59</v>
      </c>
      <c r="AP14420">
        <v>60</v>
      </c>
      <c r="AQ14420">
        <v>60</v>
      </c>
    </row>
    <row r="14421" spans="1:43">
      <c r="A14421" t="s">
        <v>8940</v>
      </c>
      <c r="B14421" t="s">
        <v>8941</v>
      </c>
      <c r="C14421" t="s">
        <v>8936</v>
      </c>
      <c r="D14421" t="s">
        <v>8937</v>
      </c>
      <c r="E14421" t="s">
        <v>8938</v>
      </c>
      <c r="F14421" t="s">
        <v>8939</v>
      </c>
      <c r="G14421" t="s">
        <v>80</v>
      </c>
      <c r="H14421" t="s">
        <v>81</v>
      </c>
      <c r="I14421" s="2">
        <v>0</v>
      </c>
      <c r="J14421" s="2">
        <v>1</v>
      </c>
      <c r="K14421" s="2">
        <v>0</v>
      </c>
      <c r="L14421" t="s">
        <v>82</v>
      </c>
      <c r="M14421" t="s">
        <v>83</v>
      </c>
      <c r="N14421" t="s">
        <v>91</v>
      </c>
      <c r="O14421" t="s">
        <v>85</v>
      </c>
      <c r="P14421" t="s">
        <v>86</v>
      </c>
      <c r="Q14421">
        <v>36</v>
      </c>
      <c r="R14421">
        <v>37</v>
      </c>
      <c r="S14421">
        <v>38</v>
      </c>
      <c r="T14421">
        <v>39</v>
      </c>
      <c r="U14421">
        <v>40</v>
      </c>
      <c r="V14421">
        <v>41</v>
      </c>
      <c r="W14421">
        <v>42</v>
      </c>
      <c r="X14421">
        <v>43</v>
      </c>
      <c r="Y14421">
        <v>43</v>
      </c>
      <c r="Z14421">
        <v>45</v>
      </c>
      <c r="AA14421">
        <v>46</v>
      </c>
      <c r="AB14421">
        <v>47</v>
      </c>
      <c r="AC14421">
        <v>48</v>
      </c>
      <c r="AD14421">
        <v>49</v>
      </c>
      <c r="AE14421">
        <v>50</v>
      </c>
      <c r="AF14421">
        <v>51</v>
      </c>
      <c r="AG14421">
        <v>52</v>
      </c>
      <c r="AH14421">
        <v>53</v>
      </c>
      <c r="AI14421">
        <v>54</v>
      </c>
      <c r="AJ14421">
        <v>55</v>
      </c>
      <c r="AK14421">
        <v>56</v>
      </c>
      <c r="AL14421">
        <v>57</v>
      </c>
      <c r="AM14421">
        <v>57</v>
      </c>
      <c r="AN14421">
        <v>58</v>
      </c>
      <c r="AO14421">
        <v>59</v>
      </c>
      <c r="AP14421">
        <v>59</v>
      </c>
      <c r="AQ14421">
        <v>60</v>
      </c>
    </row>
    <row r="14422" spans="1:43">
      <c r="A14422" t="s">
        <v>8942</v>
      </c>
      <c r="B14422" t="s">
        <v>8943</v>
      </c>
      <c r="C14422" t="s">
        <v>8944</v>
      </c>
      <c r="D14422" t="s">
        <v>8945</v>
      </c>
      <c r="E14422" t="s">
        <v>8938</v>
      </c>
      <c r="F14422" t="s">
        <v>8939</v>
      </c>
      <c r="G14422" t="s">
        <v>80</v>
      </c>
      <c r="H14422" t="s">
        <v>81</v>
      </c>
      <c r="I14422" s="2">
        <v>0</v>
      </c>
      <c r="J14422" s="2">
        <v>1</v>
      </c>
      <c r="K14422" s="2">
        <v>0</v>
      </c>
      <c r="L14422" t="s">
        <v>82</v>
      </c>
      <c r="M14422" t="s">
        <v>83</v>
      </c>
      <c r="N14422" t="s">
        <v>84</v>
      </c>
      <c r="O14422" t="s">
        <v>85</v>
      </c>
      <c r="P14422" t="s">
        <v>86</v>
      </c>
      <c r="Q14422">
        <v>55</v>
      </c>
      <c r="R14422">
        <v>56</v>
      </c>
      <c r="S14422">
        <v>58</v>
      </c>
      <c r="T14422">
        <v>59</v>
      </c>
      <c r="U14422">
        <v>61</v>
      </c>
      <c r="V14422">
        <v>62</v>
      </c>
      <c r="W14422">
        <v>63</v>
      </c>
      <c r="X14422">
        <v>65</v>
      </c>
      <c r="Y14422">
        <v>66</v>
      </c>
      <c r="Z14422">
        <v>68</v>
      </c>
      <c r="AA14422">
        <v>70</v>
      </c>
      <c r="AB14422">
        <v>71</v>
      </c>
      <c r="AC14422">
        <v>73</v>
      </c>
      <c r="AD14422">
        <v>74</v>
      </c>
      <c r="AE14422">
        <v>76</v>
      </c>
      <c r="AF14422">
        <v>77</v>
      </c>
      <c r="AG14422">
        <v>79</v>
      </c>
      <c r="AH14422">
        <v>81</v>
      </c>
      <c r="AI14422">
        <v>82</v>
      </c>
      <c r="AJ14422">
        <v>84</v>
      </c>
      <c r="AK14422">
        <v>86</v>
      </c>
      <c r="AL14422">
        <v>87</v>
      </c>
      <c r="AM14422">
        <v>88</v>
      </c>
      <c r="AN14422">
        <v>89</v>
      </c>
      <c r="AO14422">
        <v>90</v>
      </c>
      <c r="AP14422">
        <v>91</v>
      </c>
      <c r="AQ14422">
        <v>91</v>
      </c>
    </row>
    <row r="14423" spans="1:43">
      <c r="A14423" t="s">
        <v>8942</v>
      </c>
      <c r="B14423" t="s">
        <v>8943</v>
      </c>
      <c r="C14423" t="s">
        <v>8944</v>
      </c>
      <c r="D14423" t="s">
        <v>8945</v>
      </c>
      <c r="E14423" t="s">
        <v>8938</v>
      </c>
      <c r="F14423" t="s">
        <v>8939</v>
      </c>
      <c r="G14423" t="s">
        <v>80</v>
      </c>
      <c r="H14423" t="s">
        <v>81</v>
      </c>
      <c r="I14423" s="2">
        <v>0</v>
      </c>
      <c r="J14423" s="2">
        <v>1</v>
      </c>
      <c r="K14423" s="2">
        <v>0</v>
      </c>
      <c r="L14423" t="s">
        <v>82</v>
      </c>
      <c r="M14423" t="s">
        <v>87</v>
      </c>
      <c r="N14423" t="s">
        <v>88</v>
      </c>
      <c r="O14423" t="s">
        <v>85</v>
      </c>
      <c r="P14423" t="s">
        <v>86</v>
      </c>
      <c r="Q14423">
        <v>55</v>
      </c>
      <c r="R14423">
        <v>56</v>
      </c>
      <c r="S14423">
        <v>57</v>
      </c>
      <c r="T14423">
        <v>58</v>
      </c>
      <c r="U14423">
        <v>59</v>
      </c>
      <c r="V14423">
        <v>60</v>
      </c>
      <c r="W14423">
        <v>61</v>
      </c>
      <c r="X14423">
        <v>62</v>
      </c>
      <c r="Y14423">
        <v>62</v>
      </c>
      <c r="Z14423">
        <v>63</v>
      </c>
      <c r="AA14423">
        <v>64</v>
      </c>
      <c r="AB14423">
        <v>65</v>
      </c>
      <c r="AC14423">
        <v>66</v>
      </c>
      <c r="AD14423">
        <v>67</v>
      </c>
      <c r="AE14423">
        <v>68</v>
      </c>
      <c r="AF14423">
        <v>69</v>
      </c>
      <c r="AG14423">
        <v>70</v>
      </c>
      <c r="AH14423">
        <v>71</v>
      </c>
      <c r="AI14423">
        <v>72</v>
      </c>
      <c r="AJ14423">
        <v>73</v>
      </c>
      <c r="AK14423">
        <v>74</v>
      </c>
      <c r="AL14423">
        <v>75</v>
      </c>
      <c r="AM14423">
        <v>76</v>
      </c>
      <c r="AN14423">
        <v>77</v>
      </c>
      <c r="AO14423">
        <v>78</v>
      </c>
      <c r="AP14423">
        <v>79</v>
      </c>
      <c r="AQ14423">
        <v>80</v>
      </c>
    </row>
    <row r="14424" spans="1:43">
      <c r="A14424" t="s">
        <v>8942</v>
      </c>
      <c r="B14424" t="s">
        <v>8943</v>
      </c>
      <c r="C14424" t="s">
        <v>8944</v>
      </c>
      <c r="D14424" t="s">
        <v>8945</v>
      </c>
      <c r="E14424" t="s">
        <v>8938</v>
      </c>
      <c r="F14424" t="s">
        <v>8939</v>
      </c>
      <c r="G14424" t="s">
        <v>80</v>
      </c>
      <c r="H14424" t="s">
        <v>81</v>
      </c>
      <c r="I14424" s="2">
        <v>0</v>
      </c>
      <c r="J14424" s="2">
        <v>1</v>
      </c>
      <c r="K14424" s="2">
        <v>0</v>
      </c>
      <c r="L14424" t="s">
        <v>82</v>
      </c>
      <c r="M14424" t="s">
        <v>89</v>
      </c>
      <c r="N14424" t="s">
        <v>90</v>
      </c>
      <c r="O14424" t="s">
        <v>85</v>
      </c>
      <c r="P14424" t="s">
        <v>86</v>
      </c>
      <c r="Q14424">
        <v>55</v>
      </c>
      <c r="R14424">
        <v>57</v>
      </c>
      <c r="S14424">
        <v>59</v>
      </c>
      <c r="T14424">
        <v>61</v>
      </c>
      <c r="U14424">
        <v>63</v>
      </c>
      <c r="V14424">
        <v>65</v>
      </c>
      <c r="W14424">
        <v>67</v>
      </c>
      <c r="X14424">
        <v>69</v>
      </c>
      <c r="Y14424">
        <v>70</v>
      </c>
      <c r="Z14424">
        <v>72</v>
      </c>
      <c r="AA14424">
        <v>74</v>
      </c>
      <c r="AB14424">
        <v>76</v>
      </c>
      <c r="AC14424">
        <v>78</v>
      </c>
      <c r="AD14424">
        <v>80</v>
      </c>
      <c r="AE14424">
        <v>81</v>
      </c>
      <c r="AF14424">
        <v>82</v>
      </c>
      <c r="AG14424">
        <v>83</v>
      </c>
      <c r="AH14424">
        <v>84</v>
      </c>
      <c r="AI14424">
        <v>85</v>
      </c>
      <c r="AJ14424">
        <v>86</v>
      </c>
      <c r="AK14424">
        <v>87</v>
      </c>
      <c r="AL14424">
        <v>88</v>
      </c>
      <c r="AM14424">
        <v>89</v>
      </c>
      <c r="AN14424">
        <v>89</v>
      </c>
      <c r="AO14424">
        <v>90</v>
      </c>
      <c r="AP14424">
        <v>91</v>
      </c>
      <c r="AQ14424">
        <v>92</v>
      </c>
    </row>
    <row r="14425" spans="1:43">
      <c r="A14425" t="s">
        <v>8942</v>
      </c>
      <c r="B14425" t="s">
        <v>8943</v>
      </c>
      <c r="C14425" t="s">
        <v>8944</v>
      </c>
      <c r="D14425" t="s">
        <v>8945</v>
      </c>
      <c r="E14425" t="s">
        <v>8938</v>
      </c>
      <c r="F14425" t="s">
        <v>8939</v>
      </c>
      <c r="G14425" t="s">
        <v>80</v>
      </c>
      <c r="H14425" t="s">
        <v>81</v>
      </c>
      <c r="I14425" s="2">
        <v>0</v>
      </c>
      <c r="J14425" s="2">
        <v>1</v>
      </c>
      <c r="K14425" s="2">
        <v>0</v>
      </c>
      <c r="L14425" t="s">
        <v>82</v>
      </c>
      <c r="M14425" t="s">
        <v>83</v>
      </c>
      <c r="N14425" t="s">
        <v>91</v>
      </c>
      <c r="O14425" t="s">
        <v>85</v>
      </c>
      <c r="P14425" t="s">
        <v>86</v>
      </c>
      <c r="Q14425">
        <v>55</v>
      </c>
      <c r="R14425">
        <v>56</v>
      </c>
      <c r="S14425">
        <v>58</v>
      </c>
      <c r="T14425">
        <v>59</v>
      </c>
      <c r="U14425">
        <v>61</v>
      </c>
      <c r="V14425">
        <v>62</v>
      </c>
      <c r="W14425">
        <v>63</v>
      </c>
      <c r="X14425">
        <v>65</v>
      </c>
      <c r="Y14425">
        <v>66</v>
      </c>
      <c r="Z14425">
        <v>68</v>
      </c>
      <c r="AA14425">
        <v>70</v>
      </c>
      <c r="AB14425">
        <v>71</v>
      </c>
      <c r="AC14425">
        <v>73</v>
      </c>
      <c r="AD14425">
        <v>74</v>
      </c>
      <c r="AE14425">
        <v>76</v>
      </c>
      <c r="AF14425">
        <v>77</v>
      </c>
      <c r="AG14425">
        <v>79</v>
      </c>
      <c r="AH14425">
        <v>81</v>
      </c>
      <c r="AI14425">
        <v>82</v>
      </c>
      <c r="AJ14425">
        <v>84</v>
      </c>
      <c r="AK14425">
        <v>86</v>
      </c>
      <c r="AL14425">
        <v>87</v>
      </c>
      <c r="AM14425">
        <v>88</v>
      </c>
      <c r="AN14425">
        <v>89</v>
      </c>
      <c r="AO14425">
        <v>90</v>
      </c>
      <c r="AP14425">
        <v>91</v>
      </c>
      <c r="AQ14425">
        <v>91</v>
      </c>
    </row>
    <row r="14426" spans="1:43">
      <c r="A14426" t="s">
        <v>8946</v>
      </c>
      <c r="B14426" t="s">
        <v>8947</v>
      </c>
      <c r="C14426" t="s">
        <v>8936</v>
      </c>
      <c r="D14426" t="s">
        <v>8937</v>
      </c>
      <c r="E14426" t="s">
        <v>8938</v>
      </c>
      <c r="F14426" t="s">
        <v>8939</v>
      </c>
      <c r="G14426" t="s">
        <v>80</v>
      </c>
      <c r="H14426" t="s">
        <v>81</v>
      </c>
      <c r="I14426" s="2">
        <v>0</v>
      </c>
      <c r="J14426" s="2">
        <v>1</v>
      </c>
      <c r="K14426" s="2">
        <v>0</v>
      </c>
      <c r="L14426" t="s">
        <v>82</v>
      </c>
      <c r="M14426" t="s">
        <v>83</v>
      </c>
      <c r="N14426" t="s">
        <v>84</v>
      </c>
      <c r="O14426" t="s">
        <v>85</v>
      </c>
      <c r="P14426" t="s">
        <v>86</v>
      </c>
      <c r="Q14426">
        <v>20</v>
      </c>
      <c r="R14426">
        <v>20</v>
      </c>
      <c r="S14426">
        <v>20</v>
      </c>
      <c r="T14426">
        <v>21</v>
      </c>
      <c r="U14426">
        <v>21</v>
      </c>
      <c r="V14426">
        <v>21</v>
      </c>
      <c r="W14426">
        <v>22</v>
      </c>
      <c r="X14426">
        <v>22</v>
      </c>
      <c r="Y14426">
        <v>22</v>
      </c>
      <c r="Z14426">
        <v>22</v>
      </c>
      <c r="AA14426">
        <v>23</v>
      </c>
      <c r="AB14426">
        <v>23</v>
      </c>
      <c r="AC14426">
        <v>23</v>
      </c>
      <c r="AD14426">
        <v>23</v>
      </c>
      <c r="AE14426">
        <v>24</v>
      </c>
      <c r="AF14426">
        <v>24</v>
      </c>
      <c r="AG14426">
        <v>24</v>
      </c>
      <c r="AH14426">
        <v>24</v>
      </c>
      <c r="AI14426">
        <v>25</v>
      </c>
      <c r="AJ14426">
        <v>25</v>
      </c>
      <c r="AK14426">
        <v>25</v>
      </c>
      <c r="AL14426">
        <v>25</v>
      </c>
      <c r="AM14426">
        <v>25</v>
      </c>
      <c r="AN14426">
        <v>25</v>
      </c>
      <c r="AO14426">
        <v>25</v>
      </c>
      <c r="AP14426">
        <v>25</v>
      </c>
      <c r="AQ14426">
        <v>25</v>
      </c>
    </row>
    <row r="14427" spans="1:43">
      <c r="A14427" t="s">
        <v>8946</v>
      </c>
      <c r="B14427" t="s">
        <v>8947</v>
      </c>
      <c r="C14427" t="s">
        <v>8936</v>
      </c>
      <c r="D14427" t="s">
        <v>8937</v>
      </c>
      <c r="E14427" t="s">
        <v>8938</v>
      </c>
      <c r="F14427" t="s">
        <v>8939</v>
      </c>
      <c r="G14427" t="s">
        <v>80</v>
      </c>
      <c r="H14427" t="s">
        <v>81</v>
      </c>
      <c r="I14427" s="2">
        <v>0</v>
      </c>
      <c r="J14427" s="2">
        <v>1</v>
      </c>
      <c r="K14427" s="2">
        <v>0</v>
      </c>
      <c r="L14427" t="s">
        <v>82</v>
      </c>
      <c r="M14427" t="s">
        <v>87</v>
      </c>
      <c r="N14427" t="s">
        <v>88</v>
      </c>
      <c r="O14427" t="s">
        <v>85</v>
      </c>
      <c r="P14427" t="s">
        <v>86</v>
      </c>
      <c r="Q14427">
        <v>20</v>
      </c>
      <c r="R14427">
        <v>20</v>
      </c>
      <c r="S14427">
        <v>20</v>
      </c>
      <c r="T14427">
        <v>20</v>
      </c>
      <c r="U14427">
        <v>20</v>
      </c>
      <c r="V14427">
        <v>20</v>
      </c>
      <c r="W14427">
        <v>20</v>
      </c>
      <c r="X14427">
        <v>20</v>
      </c>
      <c r="Y14427">
        <v>20</v>
      </c>
      <c r="Z14427">
        <v>20</v>
      </c>
      <c r="AA14427">
        <v>21</v>
      </c>
      <c r="AB14427">
        <v>21</v>
      </c>
      <c r="AC14427">
        <v>21</v>
      </c>
      <c r="AD14427">
        <v>21</v>
      </c>
      <c r="AE14427">
        <v>21</v>
      </c>
      <c r="AF14427">
        <v>21</v>
      </c>
      <c r="AG14427">
        <v>21</v>
      </c>
      <c r="AH14427">
        <v>21</v>
      </c>
      <c r="AI14427">
        <v>21</v>
      </c>
      <c r="AJ14427">
        <v>21</v>
      </c>
      <c r="AK14427">
        <v>21</v>
      </c>
      <c r="AL14427">
        <v>21</v>
      </c>
      <c r="AM14427">
        <v>22</v>
      </c>
      <c r="AN14427">
        <v>22</v>
      </c>
      <c r="AO14427">
        <v>22</v>
      </c>
      <c r="AP14427">
        <v>22</v>
      </c>
      <c r="AQ14427">
        <v>22</v>
      </c>
    </row>
    <row r="14428" spans="1:43">
      <c r="A14428" t="s">
        <v>8946</v>
      </c>
      <c r="B14428" t="s">
        <v>8947</v>
      </c>
      <c r="C14428" t="s">
        <v>8936</v>
      </c>
      <c r="D14428" t="s">
        <v>8937</v>
      </c>
      <c r="E14428" t="s">
        <v>8938</v>
      </c>
      <c r="F14428" t="s">
        <v>8939</v>
      </c>
      <c r="G14428" t="s">
        <v>80</v>
      </c>
      <c r="H14428" t="s">
        <v>81</v>
      </c>
      <c r="I14428" s="2">
        <v>0</v>
      </c>
      <c r="J14428" s="2">
        <v>1</v>
      </c>
      <c r="K14428" s="2">
        <v>0</v>
      </c>
      <c r="L14428" t="s">
        <v>82</v>
      </c>
      <c r="M14428" t="s">
        <v>89</v>
      </c>
      <c r="N14428" t="s">
        <v>90</v>
      </c>
      <c r="O14428" t="s">
        <v>85</v>
      </c>
      <c r="P14428" t="s">
        <v>86</v>
      </c>
      <c r="Q14428">
        <v>20</v>
      </c>
      <c r="R14428">
        <v>21</v>
      </c>
      <c r="S14428">
        <v>21</v>
      </c>
      <c r="T14428">
        <v>21</v>
      </c>
      <c r="U14428">
        <v>22</v>
      </c>
      <c r="V14428">
        <v>22</v>
      </c>
      <c r="W14428">
        <v>23</v>
      </c>
      <c r="X14428">
        <v>23</v>
      </c>
      <c r="Y14428">
        <v>23</v>
      </c>
      <c r="Z14428">
        <v>24</v>
      </c>
      <c r="AA14428">
        <v>24</v>
      </c>
      <c r="AB14428">
        <v>24</v>
      </c>
      <c r="AC14428">
        <v>25</v>
      </c>
      <c r="AD14428">
        <v>25</v>
      </c>
      <c r="AE14428">
        <v>25</v>
      </c>
      <c r="AF14428">
        <v>25</v>
      </c>
      <c r="AG14428">
        <v>25</v>
      </c>
      <c r="AH14428">
        <v>25</v>
      </c>
      <c r="AI14428">
        <v>25</v>
      </c>
      <c r="AJ14428">
        <v>25</v>
      </c>
      <c r="AK14428">
        <v>25</v>
      </c>
      <c r="AL14428">
        <v>25</v>
      </c>
      <c r="AM14428">
        <v>25</v>
      </c>
      <c r="AN14428">
        <v>25</v>
      </c>
      <c r="AO14428">
        <v>25</v>
      </c>
      <c r="AP14428">
        <v>25</v>
      </c>
      <c r="AQ14428">
        <v>25</v>
      </c>
    </row>
    <row r="14429" spans="1:43">
      <c r="A14429" t="s">
        <v>8946</v>
      </c>
      <c r="B14429" t="s">
        <v>8947</v>
      </c>
      <c r="C14429" t="s">
        <v>8936</v>
      </c>
      <c r="D14429" t="s">
        <v>8937</v>
      </c>
      <c r="E14429" t="s">
        <v>8938</v>
      </c>
      <c r="F14429" t="s">
        <v>8939</v>
      </c>
      <c r="G14429" t="s">
        <v>80</v>
      </c>
      <c r="H14429" t="s">
        <v>81</v>
      </c>
      <c r="I14429" s="2">
        <v>0</v>
      </c>
      <c r="J14429" s="2">
        <v>1</v>
      </c>
      <c r="K14429" s="2">
        <v>0</v>
      </c>
      <c r="L14429" t="s">
        <v>82</v>
      </c>
      <c r="M14429" t="s">
        <v>83</v>
      </c>
      <c r="N14429" t="s">
        <v>91</v>
      </c>
      <c r="O14429" t="s">
        <v>85</v>
      </c>
      <c r="P14429" t="s">
        <v>86</v>
      </c>
      <c r="Q14429">
        <v>20</v>
      </c>
      <c r="R14429">
        <v>20</v>
      </c>
      <c r="S14429">
        <v>20</v>
      </c>
      <c r="T14429">
        <v>21</v>
      </c>
      <c r="U14429">
        <v>21</v>
      </c>
      <c r="V14429">
        <v>21</v>
      </c>
      <c r="W14429">
        <v>22</v>
      </c>
      <c r="X14429">
        <v>22</v>
      </c>
      <c r="Y14429">
        <v>22</v>
      </c>
      <c r="Z14429">
        <v>22</v>
      </c>
      <c r="AA14429">
        <v>23</v>
      </c>
      <c r="AB14429">
        <v>23</v>
      </c>
      <c r="AC14429">
        <v>23</v>
      </c>
      <c r="AD14429">
        <v>23</v>
      </c>
      <c r="AE14429">
        <v>24</v>
      </c>
      <c r="AF14429">
        <v>24</v>
      </c>
      <c r="AG14429">
        <v>24</v>
      </c>
      <c r="AH14429">
        <v>24</v>
      </c>
      <c r="AI14429">
        <v>25</v>
      </c>
      <c r="AJ14429">
        <v>25</v>
      </c>
      <c r="AK14429">
        <v>25</v>
      </c>
      <c r="AL14429">
        <v>25</v>
      </c>
      <c r="AM14429">
        <v>25</v>
      </c>
      <c r="AN14429">
        <v>25</v>
      </c>
      <c r="AO14429">
        <v>25</v>
      </c>
      <c r="AP14429">
        <v>25</v>
      </c>
      <c r="AQ14429">
        <v>25</v>
      </c>
    </row>
    <row r="14430" spans="1:43">
      <c r="A14430" t="s">
        <v>8948</v>
      </c>
      <c r="B14430" t="s">
        <v>8949</v>
      </c>
      <c r="C14430" t="s">
        <v>8944</v>
      </c>
      <c r="D14430" t="s">
        <v>8945</v>
      </c>
      <c r="E14430" t="s">
        <v>8938</v>
      </c>
      <c r="F14430" t="s">
        <v>8939</v>
      </c>
      <c r="G14430" t="s">
        <v>80</v>
      </c>
      <c r="H14430" t="s">
        <v>81</v>
      </c>
      <c r="I14430" s="2">
        <v>0</v>
      </c>
      <c r="J14430" s="2">
        <v>1</v>
      </c>
      <c r="K14430" s="2">
        <v>0</v>
      </c>
      <c r="L14430" t="s">
        <v>82</v>
      </c>
      <c r="M14430" t="s">
        <v>83</v>
      </c>
      <c r="N14430" t="s">
        <v>84</v>
      </c>
      <c r="O14430" t="s">
        <v>85</v>
      </c>
      <c r="P14430" t="s">
        <v>86</v>
      </c>
      <c r="Q14430">
        <v>76</v>
      </c>
      <c r="R14430">
        <v>78</v>
      </c>
      <c r="S14430">
        <v>80</v>
      </c>
      <c r="T14430">
        <v>82</v>
      </c>
      <c r="U14430">
        <v>84</v>
      </c>
      <c r="V14430">
        <v>86</v>
      </c>
      <c r="W14430">
        <v>88</v>
      </c>
      <c r="X14430">
        <v>90</v>
      </c>
      <c r="Y14430">
        <v>92</v>
      </c>
      <c r="Z14430">
        <v>95</v>
      </c>
      <c r="AA14430">
        <v>97</v>
      </c>
      <c r="AB14430">
        <v>99</v>
      </c>
      <c r="AC14430">
        <v>101</v>
      </c>
      <c r="AD14430">
        <v>103</v>
      </c>
      <c r="AE14430">
        <v>106</v>
      </c>
      <c r="AF14430">
        <v>108</v>
      </c>
      <c r="AG14430">
        <v>110</v>
      </c>
      <c r="AH14430">
        <v>112</v>
      </c>
      <c r="AI14430">
        <v>115</v>
      </c>
      <c r="AJ14430">
        <v>117</v>
      </c>
      <c r="AK14430">
        <v>119</v>
      </c>
      <c r="AL14430">
        <v>121</v>
      </c>
      <c r="AM14430">
        <v>122</v>
      </c>
      <c r="AN14430">
        <v>124</v>
      </c>
      <c r="AO14430">
        <v>125</v>
      </c>
      <c r="AP14430">
        <v>126</v>
      </c>
      <c r="AQ14430">
        <v>127</v>
      </c>
    </row>
    <row r="14431" spans="1:43">
      <c r="A14431" t="s">
        <v>8948</v>
      </c>
      <c r="B14431" t="s">
        <v>8949</v>
      </c>
      <c r="C14431" t="s">
        <v>8944</v>
      </c>
      <c r="D14431" t="s">
        <v>8945</v>
      </c>
      <c r="E14431" t="s">
        <v>8938</v>
      </c>
      <c r="F14431" t="s">
        <v>8939</v>
      </c>
      <c r="G14431" t="s">
        <v>80</v>
      </c>
      <c r="H14431" t="s">
        <v>81</v>
      </c>
      <c r="I14431" s="2">
        <v>0</v>
      </c>
      <c r="J14431" s="2">
        <v>1</v>
      </c>
      <c r="K14431" s="2">
        <v>0</v>
      </c>
      <c r="L14431" t="s">
        <v>82</v>
      </c>
      <c r="M14431" t="s">
        <v>87</v>
      </c>
      <c r="N14431" t="s">
        <v>88</v>
      </c>
      <c r="O14431" t="s">
        <v>85</v>
      </c>
      <c r="P14431" t="s">
        <v>86</v>
      </c>
      <c r="Q14431">
        <v>76</v>
      </c>
      <c r="R14431">
        <v>77</v>
      </c>
      <c r="S14431">
        <v>78</v>
      </c>
      <c r="T14431">
        <v>79</v>
      </c>
      <c r="U14431">
        <v>80</v>
      </c>
      <c r="V14431">
        <v>82</v>
      </c>
      <c r="W14431">
        <v>83</v>
      </c>
      <c r="X14431">
        <v>84</v>
      </c>
      <c r="Y14431">
        <v>86</v>
      </c>
      <c r="Z14431">
        <v>87</v>
      </c>
      <c r="AA14431">
        <v>88</v>
      </c>
      <c r="AB14431">
        <v>89</v>
      </c>
      <c r="AC14431">
        <v>91</v>
      </c>
      <c r="AD14431">
        <v>92</v>
      </c>
      <c r="AE14431">
        <v>93</v>
      </c>
      <c r="AF14431">
        <v>95</v>
      </c>
      <c r="AG14431">
        <v>96</v>
      </c>
      <c r="AH14431">
        <v>97</v>
      </c>
      <c r="AI14431">
        <v>99</v>
      </c>
      <c r="AJ14431">
        <v>100</v>
      </c>
      <c r="AK14431">
        <v>102</v>
      </c>
      <c r="AL14431">
        <v>103</v>
      </c>
      <c r="AM14431">
        <v>104</v>
      </c>
      <c r="AN14431">
        <v>106</v>
      </c>
      <c r="AO14431">
        <v>107</v>
      </c>
      <c r="AP14431">
        <v>109</v>
      </c>
      <c r="AQ14431">
        <v>110</v>
      </c>
    </row>
    <row r="14432" spans="1:43">
      <c r="A14432" t="s">
        <v>8948</v>
      </c>
      <c r="B14432" t="s">
        <v>8949</v>
      </c>
      <c r="C14432" t="s">
        <v>8944</v>
      </c>
      <c r="D14432" t="s">
        <v>8945</v>
      </c>
      <c r="E14432" t="s">
        <v>8938</v>
      </c>
      <c r="F14432" t="s">
        <v>8939</v>
      </c>
      <c r="G14432" t="s">
        <v>80</v>
      </c>
      <c r="H14432" t="s">
        <v>81</v>
      </c>
      <c r="I14432" s="2">
        <v>0</v>
      </c>
      <c r="J14432" s="2">
        <v>1</v>
      </c>
      <c r="K14432" s="2">
        <v>0</v>
      </c>
      <c r="L14432" t="s">
        <v>82</v>
      </c>
      <c r="M14432" t="s">
        <v>89</v>
      </c>
      <c r="N14432" t="s">
        <v>90</v>
      </c>
      <c r="O14432" t="s">
        <v>85</v>
      </c>
      <c r="P14432" t="s">
        <v>86</v>
      </c>
      <c r="Q14432">
        <v>76</v>
      </c>
      <c r="R14432">
        <v>79</v>
      </c>
      <c r="S14432">
        <v>81</v>
      </c>
      <c r="T14432">
        <v>84</v>
      </c>
      <c r="U14432">
        <v>87</v>
      </c>
      <c r="V14432">
        <v>89</v>
      </c>
      <c r="W14432">
        <v>92</v>
      </c>
      <c r="X14432">
        <v>94</v>
      </c>
      <c r="Y14432">
        <v>97</v>
      </c>
      <c r="Z14432">
        <v>100</v>
      </c>
      <c r="AA14432">
        <v>102</v>
      </c>
      <c r="AB14432">
        <v>105</v>
      </c>
      <c r="AC14432">
        <v>108</v>
      </c>
      <c r="AD14432">
        <v>110</v>
      </c>
      <c r="AE14432">
        <v>112</v>
      </c>
      <c r="AF14432">
        <v>114</v>
      </c>
      <c r="AG14432">
        <v>115</v>
      </c>
      <c r="AH14432">
        <v>116</v>
      </c>
      <c r="AI14432">
        <v>117</v>
      </c>
      <c r="AJ14432">
        <v>119</v>
      </c>
      <c r="AK14432">
        <v>120</v>
      </c>
      <c r="AL14432">
        <v>121</v>
      </c>
      <c r="AM14432">
        <v>122</v>
      </c>
      <c r="AN14432">
        <v>123</v>
      </c>
      <c r="AO14432">
        <v>125</v>
      </c>
      <c r="AP14432">
        <v>126</v>
      </c>
      <c r="AQ14432">
        <v>127</v>
      </c>
    </row>
    <row r="14433" spans="1:43">
      <c r="A14433" t="s">
        <v>8948</v>
      </c>
      <c r="B14433" t="s">
        <v>8949</v>
      </c>
      <c r="C14433" t="s">
        <v>8944</v>
      </c>
      <c r="D14433" t="s">
        <v>8945</v>
      </c>
      <c r="E14433" t="s">
        <v>8938</v>
      </c>
      <c r="F14433" t="s">
        <v>8939</v>
      </c>
      <c r="G14433" t="s">
        <v>80</v>
      </c>
      <c r="H14433" t="s">
        <v>81</v>
      </c>
      <c r="I14433" s="2">
        <v>0</v>
      </c>
      <c r="J14433" s="2">
        <v>1</v>
      </c>
      <c r="K14433" s="2">
        <v>0</v>
      </c>
      <c r="L14433" t="s">
        <v>82</v>
      </c>
      <c r="M14433" t="s">
        <v>83</v>
      </c>
      <c r="N14433" t="s">
        <v>91</v>
      </c>
      <c r="O14433" t="s">
        <v>85</v>
      </c>
      <c r="P14433" t="s">
        <v>86</v>
      </c>
      <c r="Q14433">
        <v>76</v>
      </c>
      <c r="R14433">
        <v>78</v>
      </c>
      <c r="S14433">
        <v>80</v>
      </c>
      <c r="T14433">
        <v>82</v>
      </c>
      <c r="U14433">
        <v>84</v>
      </c>
      <c r="V14433">
        <v>86</v>
      </c>
      <c r="W14433">
        <v>88</v>
      </c>
      <c r="X14433">
        <v>90</v>
      </c>
      <c r="Y14433">
        <v>92</v>
      </c>
      <c r="Z14433">
        <v>95</v>
      </c>
      <c r="AA14433">
        <v>97</v>
      </c>
      <c r="AB14433">
        <v>99</v>
      </c>
      <c r="AC14433">
        <v>101</v>
      </c>
      <c r="AD14433">
        <v>103</v>
      </c>
      <c r="AE14433">
        <v>106</v>
      </c>
      <c r="AF14433">
        <v>108</v>
      </c>
      <c r="AG14433">
        <v>110</v>
      </c>
      <c r="AH14433">
        <v>112</v>
      </c>
      <c r="AI14433">
        <v>115</v>
      </c>
      <c r="AJ14433">
        <v>117</v>
      </c>
      <c r="AK14433">
        <v>119</v>
      </c>
      <c r="AL14433">
        <v>121</v>
      </c>
      <c r="AM14433">
        <v>122</v>
      </c>
      <c r="AN14433">
        <v>124</v>
      </c>
      <c r="AO14433">
        <v>125</v>
      </c>
      <c r="AP14433">
        <v>126</v>
      </c>
      <c r="AQ14433">
        <v>127</v>
      </c>
    </row>
    <row r="14434" spans="1:43">
      <c r="A14434" t="s">
        <v>8950</v>
      </c>
      <c r="B14434" t="s">
        <v>8951</v>
      </c>
      <c r="C14434" t="s">
        <v>8944</v>
      </c>
      <c r="D14434" t="s">
        <v>8945</v>
      </c>
      <c r="E14434" t="s">
        <v>8938</v>
      </c>
      <c r="F14434" t="s">
        <v>8939</v>
      </c>
      <c r="G14434" t="s">
        <v>80</v>
      </c>
      <c r="H14434" t="s">
        <v>81</v>
      </c>
      <c r="I14434" s="2">
        <v>0</v>
      </c>
      <c r="J14434" s="2">
        <v>1</v>
      </c>
      <c r="K14434" s="2">
        <v>0</v>
      </c>
      <c r="L14434" t="s">
        <v>82</v>
      </c>
      <c r="M14434" t="s">
        <v>83</v>
      </c>
      <c r="N14434" t="s">
        <v>84</v>
      </c>
      <c r="O14434" t="s">
        <v>85</v>
      </c>
      <c r="P14434" t="s">
        <v>86</v>
      </c>
      <c r="Q14434">
        <v>78</v>
      </c>
      <c r="R14434">
        <v>80</v>
      </c>
      <c r="S14434">
        <v>82</v>
      </c>
      <c r="T14434">
        <v>84</v>
      </c>
      <c r="U14434">
        <v>86</v>
      </c>
      <c r="V14434">
        <v>88</v>
      </c>
      <c r="W14434">
        <v>90</v>
      </c>
      <c r="X14434">
        <v>92</v>
      </c>
      <c r="Y14434">
        <v>94</v>
      </c>
      <c r="Z14434">
        <v>97</v>
      </c>
      <c r="AA14434">
        <v>99</v>
      </c>
      <c r="AB14434">
        <v>101</v>
      </c>
      <c r="AC14434">
        <v>103</v>
      </c>
      <c r="AD14434">
        <v>105</v>
      </c>
      <c r="AE14434">
        <v>108</v>
      </c>
      <c r="AF14434">
        <v>110</v>
      </c>
      <c r="AG14434">
        <v>112</v>
      </c>
      <c r="AH14434">
        <v>115</v>
      </c>
      <c r="AI14434">
        <v>117</v>
      </c>
      <c r="AJ14434">
        <v>119</v>
      </c>
      <c r="AK14434">
        <v>122</v>
      </c>
      <c r="AL14434">
        <v>123</v>
      </c>
      <c r="AM14434">
        <v>125</v>
      </c>
      <c r="AN14434">
        <v>126</v>
      </c>
      <c r="AO14434">
        <v>127</v>
      </c>
      <c r="AP14434">
        <v>129</v>
      </c>
      <c r="AQ14434">
        <v>130</v>
      </c>
    </row>
    <row r="14435" spans="1:43">
      <c r="A14435" t="s">
        <v>8950</v>
      </c>
      <c r="B14435" t="s">
        <v>8951</v>
      </c>
      <c r="C14435" t="s">
        <v>8944</v>
      </c>
      <c r="D14435" t="s">
        <v>8945</v>
      </c>
      <c r="E14435" t="s">
        <v>8938</v>
      </c>
      <c r="F14435" t="s">
        <v>8939</v>
      </c>
      <c r="G14435" t="s">
        <v>80</v>
      </c>
      <c r="H14435" t="s">
        <v>81</v>
      </c>
      <c r="I14435" s="2">
        <v>0</v>
      </c>
      <c r="J14435" s="2">
        <v>1</v>
      </c>
      <c r="K14435" s="2">
        <v>0</v>
      </c>
      <c r="L14435" t="s">
        <v>82</v>
      </c>
      <c r="M14435" t="s">
        <v>87</v>
      </c>
      <c r="N14435" t="s">
        <v>88</v>
      </c>
      <c r="O14435" t="s">
        <v>85</v>
      </c>
      <c r="P14435" t="s">
        <v>86</v>
      </c>
      <c r="Q14435">
        <v>78</v>
      </c>
      <c r="R14435">
        <v>79</v>
      </c>
      <c r="S14435">
        <v>81</v>
      </c>
      <c r="T14435">
        <v>82</v>
      </c>
      <c r="U14435">
        <v>83</v>
      </c>
      <c r="V14435">
        <v>84</v>
      </c>
      <c r="W14435">
        <v>86</v>
      </c>
      <c r="X14435">
        <v>87</v>
      </c>
      <c r="Y14435">
        <v>88</v>
      </c>
      <c r="Z14435">
        <v>90</v>
      </c>
      <c r="AA14435">
        <v>91</v>
      </c>
      <c r="AB14435">
        <v>92</v>
      </c>
      <c r="AC14435">
        <v>94</v>
      </c>
      <c r="AD14435">
        <v>95</v>
      </c>
      <c r="AE14435">
        <v>96</v>
      </c>
      <c r="AF14435">
        <v>98</v>
      </c>
      <c r="AG14435">
        <v>99</v>
      </c>
      <c r="AH14435">
        <v>100</v>
      </c>
      <c r="AI14435">
        <v>102</v>
      </c>
      <c r="AJ14435">
        <v>103</v>
      </c>
      <c r="AK14435">
        <v>105</v>
      </c>
      <c r="AL14435">
        <v>106</v>
      </c>
      <c r="AM14435">
        <v>107</v>
      </c>
      <c r="AN14435">
        <v>109</v>
      </c>
      <c r="AO14435">
        <v>110</v>
      </c>
      <c r="AP14435">
        <v>112</v>
      </c>
      <c r="AQ14435">
        <v>113</v>
      </c>
    </row>
    <row r="14436" spans="1:43">
      <c r="A14436" t="s">
        <v>8950</v>
      </c>
      <c r="B14436" t="s">
        <v>8951</v>
      </c>
      <c r="C14436" t="s">
        <v>8944</v>
      </c>
      <c r="D14436" t="s">
        <v>8945</v>
      </c>
      <c r="E14436" t="s">
        <v>8938</v>
      </c>
      <c r="F14436" t="s">
        <v>8939</v>
      </c>
      <c r="G14436" t="s">
        <v>80</v>
      </c>
      <c r="H14436" t="s">
        <v>81</v>
      </c>
      <c r="I14436" s="2">
        <v>0</v>
      </c>
      <c r="J14436" s="2">
        <v>1</v>
      </c>
      <c r="K14436" s="2">
        <v>0</v>
      </c>
      <c r="L14436" t="s">
        <v>82</v>
      </c>
      <c r="M14436" t="s">
        <v>89</v>
      </c>
      <c r="N14436" t="s">
        <v>90</v>
      </c>
      <c r="O14436" t="s">
        <v>85</v>
      </c>
      <c r="P14436" t="s">
        <v>86</v>
      </c>
      <c r="Q14436">
        <v>78</v>
      </c>
      <c r="R14436">
        <v>80</v>
      </c>
      <c r="S14436">
        <v>83</v>
      </c>
      <c r="T14436">
        <v>86</v>
      </c>
      <c r="U14436">
        <v>88</v>
      </c>
      <c r="V14436">
        <v>91</v>
      </c>
      <c r="W14436">
        <v>94</v>
      </c>
      <c r="X14436">
        <v>96</v>
      </c>
      <c r="Y14436">
        <v>99</v>
      </c>
      <c r="Z14436">
        <v>102</v>
      </c>
      <c r="AA14436">
        <v>104</v>
      </c>
      <c r="AB14436">
        <v>107</v>
      </c>
      <c r="AC14436">
        <v>110</v>
      </c>
      <c r="AD14436">
        <v>112</v>
      </c>
      <c r="AE14436">
        <v>115</v>
      </c>
      <c r="AF14436">
        <v>116</v>
      </c>
      <c r="AG14436">
        <v>117</v>
      </c>
      <c r="AH14436">
        <v>118</v>
      </c>
      <c r="AI14436">
        <v>120</v>
      </c>
      <c r="AJ14436">
        <v>121</v>
      </c>
      <c r="AK14436">
        <v>122</v>
      </c>
      <c r="AL14436">
        <v>124</v>
      </c>
      <c r="AM14436">
        <v>125</v>
      </c>
      <c r="AN14436">
        <v>126</v>
      </c>
      <c r="AO14436">
        <v>127</v>
      </c>
      <c r="AP14436">
        <v>129</v>
      </c>
      <c r="AQ14436">
        <v>130</v>
      </c>
    </row>
    <row r="14437" spans="1:43">
      <c r="A14437" t="s">
        <v>8950</v>
      </c>
      <c r="B14437" t="s">
        <v>8951</v>
      </c>
      <c r="C14437" t="s">
        <v>8944</v>
      </c>
      <c r="D14437" t="s">
        <v>8945</v>
      </c>
      <c r="E14437" t="s">
        <v>8938</v>
      </c>
      <c r="F14437" t="s">
        <v>8939</v>
      </c>
      <c r="G14437" t="s">
        <v>80</v>
      </c>
      <c r="H14437" t="s">
        <v>81</v>
      </c>
      <c r="I14437" s="2">
        <v>0</v>
      </c>
      <c r="J14437" s="2">
        <v>1</v>
      </c>
      <c r="K14437" s="2">
        <v>0</v>
      </c>
      <c r="L14437" t="s">
        <v>82</v>
      </c>
      <c r="M14437" t="s">
        <v>83</v>
      </c>
      <c r="N14437" t="s">
        <v>91</v>
      </c>
      <c r="O14437" t="s">
        <v>85</v>
      </c>
      <c r="P14437" t="s">
        <v>86</v>
      </c>
      <c r="Q14437">
        <v>78</v>
      </c>
      <c r="R14437">
        <v>80</v>
      </c>
      <c r="S14437">
        <v>82</v>
      </c>
      <c r="T14437">
        <v>84</v>
      </c>
      <c r="U14437">
        <v>86</v>
      </c>
      <c r="V14437">
        <v>88</v>
      </c>
      <c r="W14437">
        <v>90</v>
      </c>
      <c r="X14437">
        <v>92</v>
      </c>
      <c r="Y14437">
        <v>94</v>
      </c>
      <c r="Z14437">
        <v>97</v>
      </c>
      <c r="AA14437">
        <v>99</v>
      </c>
      <c r="AB14437">
        <v>101</v>
      </c>
      <c r="AC14437">
        <v>103</v>
      </c>
      <c r="AD14437">
        <v>105</v>
      </c>
      <c r="AE14437">
        <v>108</v>
      </c>
      <c r="AF14437">
        <v>110</v>
      </c>
      <c r="AG14437">
        <v>112</v>
      </c>
      <c r="AH14437">
        <v>115</v>
      </c>
      <c r="AI14437">
        <v>117</v>
      </c>
      <c r="AJ14437">
        <v>119</v>
      </c>
      <c r="AK14437">
        <v>122</v>
      </c>
      <c r="AL14437">
        <v>123</v>
      </c>
      <c r="AM14437">
        <v>125</v>
      </c>
      <c r="AN14437">
        <v>126</v>
      </c>
      <c r="AO14437">
        <v>127</v>
      </c>
      <c r="AP14437">
        <v>129</v>
      </c>
      <c r="AQ14437">
        <v>130</v>
      </c>
    </row>
    <row r="14438" spans="1:43">
      <c r="A14438" t="s">
        <v>8952</v>
      </c>
      <c r="B14438" t="s">
        <v>8953</v>
      </c>
      <c r="C14438" t="s">
        <v>8944</v>
      </c>
      <c r="D14438" t="s">
        <v>8945</v>
      </c>
      <c r="E14438" t="s">
        <v>8938</v>
      </c>
      <c r="F14438" t="s">
        <v>8939</v>
      </c>
      <c r="G14438" t="s">
        <v>80</v>
      </c>
      <c r="H14438" t="s">
        <v>81</v>
      </c>
      <c r="I14438" s="2">
        <v>0</v>
      </c>
      <c r="J14438" s="2">
        <v>1</v>
      </c>
      <c r="K14438" s="2">
        <v>0</v>
      </c>
      <c r="L14438" t="s">
        <v>82</v>
      </c>
      <c r="M14438" t="s">
        <v>83</v>
      </c>
      <c r="N14438" t="s">
        <v>84</v>
      </c>
      <c r="O14438" t="s">
        <v>85</v>
      </c>
      <c r="P14438" t="s">
        <v>86</v>
      </c>
      <c r="Q14438">
        <v>33</v>
      </c>
      <c r="R14438">
        <v>34</v>
      </c>
      <c r="S14438">
        <v>35</v>
      </c>
      <c r="T14438">
        <v>35</v>
      </c>
      <c r="U14438">
        <v>36</v>
      </c>
      <c r="V14438">
        <v>37</v>
      </c>
      <c r="W14438">
        <v>38</v>
      </c>
      <c r="X14438">
        <v>39</v>
      </c>
      <c r="Y14438">
        <v>40</v>
      </c>
      <c r="Z14438">
        <v>41</v>
      </c>
      <c r="AA14438">
        <v>42</v>
      </c>
      <c r="AB14438">
        <v>43</v>
      </c>
      <c r="AC14438">
        <v>44</v>
      </c>
      <c r="AD14438">
        <v>45</v>
      </c>
      <c r="AE14438">
        <v>46</v>
      </c>
      <c r="AF14438">
        <v>46</v>
      </c>
      <c r="AG14438">
        <v>47</v>
      </c>
      <c r="AH14438">
        <v>48</v>
      </c>
      <c r="AI14438">
        <v>49</v>
      </c>
      <c r="AJ14438">
        <v>50</v>
      </c>
      <c r="AK14438">
        <v>51</v>
      </c>
      <c r="AL14438">
        <v>52</v>
      </c>
      <c r="AM14438">
        <v>53</v>
      </c>
      <c r="AN14438">
        <v>53</v>
      </c>
      <c r="AO14438">
        <v>54</v>
      </c>
      <c r="AP14438">
        <v>54</v>
      </c>
      <c r="AQ14438">
        <v>55</v>
      </c>
    </row>
    <row r="14439" spans="1:43">
      <c r="A14439" t="s">
        <v>8952</v>
      </c>
      <c r="B14439" t="s">
        <v>8953</v>
      </c>
      <c r="C14439" t="s">
        <v>8944</v>
      </c>
      <c r="D14439" t="s">
        <v>8945</v>
      </c>
      <c r="E14439" t="s">
        <v>8938</v>
      </c>
      <c r="F14439" t="s">
        <v>8939</v>
      </c>
      <c r="G14439" t="s">
        <v>80</v>
      </c>
      <c r="H14439" t="s">
        <v>81</v>
      </c>
      <c r="I14439" s="2">
        <v>0</v>
      </c>
      <c r="J14439" s="2">
        <v>1</v>
      </c>
      <c r="K14439" s="2">
        <v>0</v>
      </c>
      <c r="L14439" t="s">
        <v>82</v>
      </c>
      <c r="M14439" t="s">
        <v>87</v>
      </c>
      <c r="N14439" t="s">
        <v>88</v>
      </c>
      <c r="O14439" t="s">
        <v>85</v>
      </c>
      <c r="P14439" t="s">
        <v>86</v>
      </c>
      <c r="Q14439">
        <v>33</v>
      </c>
      <c r="R14439">
        <v>33</v>
      </c>
      <c r="S14439">
        <v>34</v>
      </c>
      <c r="T14439">
        <v>34</v>
      </c>
      <c r="U14439">
        <v>35</v>
      </c>
      <c r="V14439">
        <v>35</v>
      </c>
      <c r="W14439">
        <v>36</v>
      </c>
      <c r="X14439">
        <v>36</v>
      </c>
      <c r="Y14439">
        <v>37</v>
      </c>
      <c r="Z14439">
        <v>37</v>
      </c>
      <c r="AA14439">
        <v>38</v>
      </c>
      <c r="AB14439">
        <v>39</v>
      </c>
      <c r="AC14439">
        <v>39</v>
      </c>
      <c r="AD14439">
        <v>40</v>
      </c>
      <c r="AE14439">
        <v>40</v>
      </c>
      <c r="AF14439">
        <v>41</v>
      </c>
      <c r="AG14439">
        <v>41</v>
      </c>
      <c r="AH14439">
        <v>42</v>
      </c>
      <c r="AI14439">
        <v>43</v>
      </c>
      <c r="AJ14439">
        <v>43</v>
      </c>
      <c r="AK14439">
        <v>44</v>
      </c>
      <c r="AL14439">
        <v>44</v>
      </c>
      <c r="AM14439">
        <v>45</v>
      </c>
      <c r="AN14439">
        <v>46</v>
      </c>
      <c r="AO14439">
        <v>46</v>
      </c>
      <c r="AP14439">
        <v>47</v>
      </c>
      <c r="AQ14439">
        <v>47</v>
      </c>
    </row>
    <row r="14440" spans="1:43">
      <c r="A14440" t="s">
        <v>8952</v>
      </c>
      <c r="B14440" t="s">
        <v>8953</v>
      </c>
      <c r="C14440" t="s">
        <v>8944</v>
      </c>
      <c r="D14440" t="s">
        <v>8945</v>
      </c>
      <c r="E14440" t="s">
        <v>8938</v>
      </c>
      <c r="F14440" t="s">
        <v>8939</v>
      </c>
      <c r="G14440" t="s">
        <v>80</v>
      </c>
      <c r="H14440" t="s">
        <v>81</v>
      </c>
      <c r="I14440" s="2">
        <v>0</v>
      </c>
      <c r="J14440" s="2">
        <v>1</v>
      </c>
      <c r="K14440" s="2">
        <v>0</v>
      </c>
      <c r="L14440" t="s">
        <v>82</v>
      </c>
      <c r="M14440" t="s">
        <v>89</v>
      </c>
      <c r="N14440" t="s">
        <v>90</v>
      </c>
      <c r="O14440" t="s">
        <v>85</v>
      </c>
      <c r="P14440" t="s">
        <v>86</v>
      </c>
      <c r="Q14440">
        <v>33</v>
      </c>
      <c r="R14440">
        <v>34</v>
      </c>
      <c r="S14440">
        <v>35</v>
      </c>
      <c r="T14440">
        <v>37</v>
      </c>
      <c r="U14440">
        <v>38</v>
      </c>
      <c r="V14440">
        <v>39</v>
      </c>
      <c r="W14440">
        <v>40</v>
      </c>
      <c r="X14440">
        <v>41</v>
      </c>
      <c r="Y14440">
        <v>42</v>
      </c>
      <c r="Z14440">
        <v>43</v>
      </c>
      <c r="AA14440">
        <v>45</v>
      </c>
      <c r="AB14440">
        <v>46</v>
      </c>
      <c r="AC14440">
        <v>47</v>
      </c>
      <c r="AD14440">
        <v>48</v>
      </c>
      <c r="AE14440">
        <v>49</v>
      </c>
      <c r="AF14440">
        <v>49</v>
      </c>
      <c r="AG14440">
        <v>50</v>
      </c>
      <c r="AH14440">
        <v>51</v>
      </c>
      <c r="AI14440">
        <v>51</v>
      </c>
      <c r="AJ14440">
        <v>52</v>
      </c>
      <c r="AK14440">
        <v>52</v>
      </c>
      <c r="AL14440">
        <v>53</v>
      </c>
      <c r="AM14440">
        <v>53</v>
      </c>
      <c r="AN14440">
        <v>54</v>
      </c>
      <c r="AO14440">
        <v>54</v>
      </c>
      <c r="AP14440">
        <v>55</v>
      </c>
      <c r="AQ14440">
        <v>55</v>
      </c>
    </row>
    <row r="14441" spans="1:43">
      <c r="A14441" t="s">
        <v>8952</v>
      </c>
      <c r="B14441" t="s">
        <v>8953</v>
      </c>
      <c r="C14441" t="s">
        <v>8944</v>
      </c>
      <c r="D14441" t="s">
        <v>8945</v>
      </c>
      <c r="E14441" t="s">
        <v>8938</v>
      </c>
      <c r="F14441" t="s">
        <v>8939</v>
      </c>
      <c r="G14441" t="s">
        <v>80</v>
      </c>
      <c r="H14441" t="s">
        <v>81</v>
      </c>
      <c r="I14441" s="2">
        <v>0</v>
      </c>
      <c r="J14441" s="2">
        <v>1</v>
      </c>
      <c r="K14441" s="2">
        <v>0</v>
      </c>
      <c r="L14441" t="s">
        <v>82</v>
      </c>
      <c r="M14441" t="s">
        <v>83</v>
      </c>
      <c r="N14441" t="s">
        <v>91</v>
      </c>
      <c r="O14441" t="s">
        <v>85</v>
      </c>
      <c r="P14441" t="s">
        <v>86</v>
      </c>
      <c r="Q14441">
        <v>33</v>
      </c>
      <c r="R14441">
        <v>34</v>
      </c>
      <c r="S14441">
        <v>35</v>
      </c>
      <c r="T14441">
        <v>35</v>
      </c>
      <c r="U14441">
        <v>36</v>
      </c>
      <c r="V14441">
        <v>37</v>
      </c>
      <c r="W14441">
        <v>38</v>
      </c>
      <c r="X14441">
        <v>39</v>
      </c>
      <c r="Y14441">
        <v>40</v>
      </c>
      <c r="Z14441">
        <v>41</v>
      </c>
      <c r="AA14441">
        <v>42</v>
      </c>
      <c r="AB14441">
        <v>43</v>
      </c>
      <c r="AC14441">
        <v>44</v>
      </c>
      <c r="AD14441">
        <v>45</v>
      </c>
      <c r="AE14441">
        <v>46</v>
      </c>
      <c r="AF14441">
        <v>46</v>
      </c>
      <c r="AG14441">
        <v>47</v>
      </c>
      <c r="AH14441">
        <v>48</v>
      </c>
      <c r="AI14441">
        <v>49</v>
      </c>
      <c r="AJ14441">
        <v>50</v>
      </c>
      <c r="AK14441">
        <v>51</v>
      </c>
      <c r="AL14441">
        <v>52</v>
      </c>
      <c r="AM14441">
        <v>53</v>
      </c>
      <c r="AN14441">
        <v>53</v>
      </c>
      <c r="AO14441">
        <v>54</v>
      </c>
      <c r="AP14441">
        <v>54</v>
      </c>
      <c r="AQ14441">
        <v>55</v>
      </c>
    </row>
    <row r="14442" spans="1:43">
      <c r="A14442" t="s">
        <v>8954</v>
      </c>
      <c r="B14442" t="s">
        <v>8955</v>
      </c>
      <c r="C14442" t="s">
        <v>8956</v>
      </c>
      <c r="D14442" t="s">
        <v>8957</v>
      </c>
      <c r="E14442" t="s">
        <v>8938</v>
      </c>
      <c r="F14442" t="s">
        <v>8939</v>
      </c>
      <c r="G14442" t="s">
        <v>80</v>
      </c>
      <c r="H14442" t="s">
        <v>81</v>
      </c>
      <c r="I14442" s="2">
        <v>0</v>
      </c>
      <c r="J14442" s="2">
        <v>1</v>
      </c>
      <c r="K14442" s="2">
        <v>0</v>
      </c>
      <c r="L14442" t="s">
        <v>82</v>
      </c>
      <c r="M14442" t="s">
        <v>83</v>
      </c>
      <c r="N14442" t="s">
        <v>84</v>
      </c>
      <c r="O14442" t="s">
        <v>85</v>
      </c>
      <c r="P14442" t="s">
        <v>86</v>
      </c>
      <c r="Q14442">
        <v>87</v>
      </c>
      <c r="R14442">
        <v>89</v>
      </c>
      <c r="S14442">
        <v>91</v>
      </c>
      <c r="T14442">
        <v>93</v>
      </c>
      <c r="U14442">
        <v>96</v>
      </c>
      <c r="V14442">
        <v>98</v>
      </c>
      <c r="W14442">
        <v>100</v>
      </c>
      <c r="X14442">
        <v>103</v>
      </c>
      <c r="Y14442">
        <v>105</v>
      </c>
      <c r="Z14442">
        <v>108</v>
      </c>
      <c r="AA14442">
        <v>110</v>
      </c>
      <c r="AB14442">
        <v>112</v>
      </c>
      <c r="AC14442">
        <v>115</v>
      </c>
      <c r="AD14442">
        <v>117</v>
      </c>
      <c r="AE14442">
        <v>120</v>
      </c>
      <c r="AF14442">
        <v>123</v>
      </c>
      <c r="AG14442">
        <v>125</v>
      </c>
      <c r="AH14442">
        <v>128</v>
      </c>
      <c r="AI14442">
        <v>130</v>
      </c>
      <c r="AJ14442">
        <v>133</v>
      </c>
      <c r="AK14442">
        <v>136</v>
      </c>
      <c r="AL14442">
        <v>138</v>
      </c>
      <c r="AM14442">
        <v>139</v>
      </c>
      <c r="AN14442">
        <v>140</v>
      </c>
      <c r="AO14442">
        <v>142</v>
      </c>
      <c r="AP14442">
        <v>143</v>
      </c>
      <c r="AQ14442">
        <v>145</v>
      </c>
    </row>
    <row r="14443" spans="1:43">
      <c r="A14443" t="s">
        <v>8954</v>
      </c>
      <c r="B14443" t="s">
        <v>8955</v>
      </c>
      <c r="C14443" t="s">
        <v>8956</v>
      </c>
      <c r="D14443" t="s">
        <v>8957</v>
      </c>
      <c r="E14443" t="s">
        <v>8938</v>
      </c>
      <c r="F14443" t="s">
        <v>8939</v>
      </c>
      <c r="G14443" t="s">
        <v>80</v>
      </c>
      <c r="H14443" t="s">
        <v>81</v>
      </c>
      <c r="I14443" s="2">
        <v>0</v>
      </c>
      <c r="J14443" s="2">
        <v>1</v>
      </c>
      <c r="K14443" s="2">
        <v>0</v>
      </c>
      <c r="L14443" t="s">
        <v>82</v>
      </c>
      <c r="M14443" t="s">
        <v>87</v>
      </c>
      <c r="N14443" t="s">
        <v>88</v>
      </c>
      <c r="O14443" t="s">
        <v>85</v>
      </c>
      <c r="P14443" t="s">
        <v>86</v>
      </c>
      <c r="Q14443">
        <v>87</v>
      </c>
      <c r="R14443">
        <v>88</v>
      </c>
      <c r="S14443">
        <v>90</v>
      </c>
      <c r="T14443">
        <v>91</v>
      </c>
      <c r="U14443">
        <v>92</v>
      </c>
      <c r="V14443">
        <v>94</v>
      </c>
      <c r="W14443">
        <v>95</v>
      </c>
      <c r="X14443">
        <v>97</v>
      </c>
      <c r="Y14443">
        <v>98</v>
      </c>
      <c r="Z14443">
        <v>100</v>
      </c>
      <c r="AA14443">
        <v>101</v>
      </c>
      <c r="AB14443">
        <v>103</v>
      </c>
      <c r="AC14443">
        <v>104</v>
      </c>
      <c r="AD14443">
        <v>106</v>
      </c>
      <c r="AE14443">
        <v>107</v>
      </c>
      <c r="AF14443">
        <v>109</v>
      </c>
      <c r="AG14443">
        <v>110</v>
      </c>
      <c r="AH14443">
        <v>112</v>
      </c>
      <c r="AI14443">
        <v>113</v>
      </c>
      <c r="AJ14443">
        <v>115</v>
      </c>
      <c r="AK14443">
        <v>116</v>
      </c>
      <c r="AL14443">
        <v>118</v>
      </c>
      <c r="AM14443">
        <v>120</v>
      </c>
      <c r="AN14443">
        <v>121</v>
      </c>
      <c r="AO14443">
        <v>123</v>
      </c>
      <c r="AP14443">
        <v>124</v>
      </c>
      <c r="AQ14443">
        <v>126</v>
      </c>
    </row>
    <row r="14444" spans="1:43">
      <c r="A14444" t="s">
        <v>8954</v>
      </c>
      <c r="B14444" t="s">
        <v>8955</v>
      </c>
      <c r="C14444" t="s">
        <v>8956</v>
      </c>
      <c r="D14444" t="s">
        <v>8957</v>
      </c>
      <c r="E14444" t="s">
        <v>8938</v>
      </c>
      <c r="F14444" t="s">
        <v>8939</v>
      </c>
      <c r="G14444" t="s">
        <v>80</v>
      </c>
      <c r="H14444" t="s">
        <v>81</v>
      </c>
      <c r="I14444" s="2">
        <v>0</v>
      </c>
      <c r="J14444" s="2">
        <v>1</v>
      </c>
      <c r="K14444" s="2">
        <v>0</v>
      </c>
      <c r="L14444" t="s">
        <v>82</v>
      </c>
      <c r="M14444" t="s">
        <v>89</v>
      </c>
      <c r="N14444" t="s">
        <v>90</v>
      </c>
      <c r="O14444" t="s">
        <v>85</v>
      </c>
      <c r="P14444" t="s">
        <v>86</v>
      </c>
      <c r="Q14444">
        <v>87</v>
      </c>
      <c r="R14444">
        <v>90</v>
      </c>
      <c r="S14444">
        <v>93</v>
      </c>
      <c r="T14444">
        <v>96</v>
      </c>
      <c r="U14444">
        <v>99</v>
      </c>
      <c r="V14444">
        <v>102</v>
      </c>
      <c r="W14444">
        <v>106</v>
      </c>
      <c r="X14444">
        <v>108</v>
      </c>
      <c r="Y14444">
        <v>111</v>
      </c>
      <c r="Z14444">
        <v>114</v>
      </c>
      <c r="AA14444">
        <v>117</v>
      </c>
      <c r="AB14444">
        <v>120</v>
      </c>
      <c r="AC14444">
        <v>124</v>
      </c>
      <c r="AD14444">
        <v>127</v>
      </c>
      <c r="AE14444">
        <v>129</v>
      </c>
      <c r="AF14444">
        <v>130</v>
      </c>
      <c r="AG14444">
        <v>132</v>
      </c>
      <c r="AH14444">
        <v>133</v>
      </c>
      <c r="AI14444">
        <v>135</v>
      </c>
      <c r="AJ14444">
        <v>136</v>
      </c>
      <c r="AK14444">
        <v>137</v>
      </c>
      <c r="AL14444">
        <v>139</v>
      </c>
      <c r="AM14444">
        <v>140</v>
      </c>
      <c r="AN14444">
        <v>141</v>
      </c>
      <c r="AO14444">
        <v>143</v>
      </c>
      <c r="AP14444">
        <v>144</v>
      </c>
      <c r="AQ14444">
        <v>146</v>
      </c>
    </row>
    <row r="14445" spans="1:43">
      <c r="A14445" t="s">
        <v>8954</v>
      </c>
      <c r="B14445" t="s">
        <v>8955</v>
      </c>
      <c r="C14445" t="s">
        <v>8956</v>
      </c>
      <c r="D14445" t="s">
        <v>8957</v>
      </c>
      <c r="E14445" t="s">
        <v>8938</v>
      </c>
      <c r="F14445" t="s">
        <v>8939</v>
      </c>
      <c r="G14445" t="s">
        <v>80</v>
      </c>
      <c r="H14445" t="s">
        <v>81</v>
      </c>
      <c r="I14445" s="2">
        <v>0</v>
      </c>
      <c r="J14445" s="2">
        <v>1</v>
      </c>
      <c r="K14445" s="2">
        <v>0</v>
      </c>
      <c r="L14445" t="s">
        <v>82</v>
      </c>
      <c r="M14445" t="s">
        <v>83</v>
      </c>
      <c r="N14445" t="s">
        <v>91</v>
      </c>
      <c r="O14445" t="s">
        <v>85</v>
      </c>
      <c r="P14445" t="s">
        <v>86</v>
      </c>
      <c r="Q14445">
        <v>87</v>
      </c>
      <c r="R14445">
        <v>89</v>
      </c>
      <c r="S14445">
        <v>91</v>
      </c>
      <c r="T14445">
        <v>93</v>
      </c>
      <c r="U14445">
        <v>96</v>
      </c>
      <c r="V14445">
        <v>98</v>
      </c>
      <c r="W14445">
        <v>100</v>
      </c>
      <c r="X14445">
        <v>103</v>
      </c>
      <c r="Y14445">
        <v>105</v>
      </c>
      <c r="Z14445">
        <v>108</v>
      </c>
      <c r="AA14445">
        <v>110</v>
      </c>
      <c r="AB14445">
        <v>112</v>
      </c>
      <c r="AC14445">
        <v>115</v>
      </c>
      <c r="AD14445">
        <v>117</v>
      </c>
      <c r="AE14445">
        <v>120</v>
      </c>
      <c r="AF14445">
        <v>123</v>
      </c>
      <c r="AG14445">
        <v>125</v>
      </c>
      <c r="AH14445">
        <v>128</v>
      </c>
      <c r="AI14445">
        <v>130</v>
      </c>
      <c r="AJ14445">
        <v>133</v>
      </c>
      <c r="AK14445">
        <v>136</v>
      </c>
      <c r="AL14445">
        <v>138</v>
      </c>
      <c r="AM14445">
        <v>139</v>
      </c>
      <c r="AN14445">
        <v>140</v>
      </c>
      <c r="AO14445">
        <v>142</v>
      </c>
      <c r="AP14445">
        <v>143</v>
      </c>
      <c r="AQ14445">
        <v>145</v>
      </c>
    </row>
    <row r="14446" spans="1:43">
      <c r="A14446" t="s">
        <v>8958</v>
      </c>
      <c r="B14446" t="s">
        <v>8959</v>
      </c>
      <c r="C14446" t="s">
        <v>8956</v>
      </c>
      <c r="D14446" t="s">
        <v>8957</v>
      </c>
      <c r="E14446" t="s">
        <v>8938</v>
      </c>
      <c r="F14446" t="s">
        <v>8939</v>
      </c>
      <c r="G14446" t="s">
        <v>80</v>
      </c>
      <c r="H14446" t="s">
        <v>81</v>
      </c>
      <c r="I14446" s="2">
        <v>0</v>
      </c>
      <c r="J14446" s="2">
        <v>1</v>
      </c>
      <c r="K14446" s="2">
        <v>0</v>
      </c>
      <c r="L14446" t="s">
        <v>82</v>
      </c>
      <c r="M14446" t="s">
        <v>83</v>
      </c>
      <c r="N14446" t="s">
        <v>84</v>
      </c>
      <c r="O14446" t="s">
        <v>85</v>
      </c>
      <c r="P14446" t="s">
        <v>86</v>
      </c>
      <c r="Q14446">
        <v>14</v>
      </c>
      <c r="R14446">
        <v>14</v>
      </c>
      <c r="S14446">
        <v>14</v>
      </c>
      <c r="T14446">
        <v>14</v>
      </c>
      <c r="U14446">
        <v>14</v>
      </c>
      <c r="V14446">
        <v>14</v>
      </c>
      <c r="W14446">
        <v>15</v>
      </c>
      <c r="X14446">
        <v>15</v>
      </c>
      <c r="Y14446">
        <v>15</v>
      </c>
      <c r="Z14446">
        <v>15</v>
      </c>
      <c r="AA14446">
        <v>15</v>
      </c>
      <c r="AB14446">
        <v>16</v>
      </c>
      <c r="AC14446">
        <v>16</v>
      </c>
      <c r="AD14446">
        <v>16</v>
      </c>
      <c r="AE14446">
        <v>16</v>
      </c>
      <c r="AF14446">
        <v>16</v>
      </c>
      <c r="AG14446">
        <v>16</v>
      </c>
      <c r="AH14446">
        <v>17</v>
      </c>
      <c r="AI14446">
        <v>17</v>
      </c>
      <c r="AJ14446">
        <v>17</v>
      </c>
      <c r="AK14446">
        <v>17</v>
      </c>
      <c r="AL14446">
        <v>17</v>
      </c>
      <c r="AM14446">
        <v>17</v>
      </c>
      <c r="AN14446">
        <v>17</v>
      </c>
      <c r="AO14446">
        <v>17</v>
      </c>
      <c r="AP14446">
        <v>17</v>
      </c>
      <c r="AQ14446">
        <v>17</v>
      </c>
    </row>
    <row r="14447" spans="1:43">
      <c r="A14447" t="s">
        <v>8958</v>
      </c>
      <c r="B14447" t="s">
        <v>8959</v>
      </c>
      <c r="C14447" t="s">
        <v>8956</v>
      </c>
      <c r="D14447" t="s">
        <v>8957</v>
      </c>
      <c r="E14447" t="s">
        <v>8938</v>
      </c>
      <c r="F14447" t="s">
        <v>8939</v>
      </c>
      <c r="G14447" t="s">
        <v>80</v>
      </c>
      <c r="H14447" t="s">
        <v>81</v>
      </c>
      <c r="I14447" s="2">
        <v>0</v>
      </c>
      <c r="J14447" s="2">
        <v>1</v>
      </c>
      <c r="K14447" s="2">
        <v>0</v>
      </c>
      <c r="L14447" t="s">
        <v>82</v>
      </c>
      <c r="M14447" t="s">
        <v>87</v>
      </c>
      <c r="N14447" t="s">
        <v>88</v>
      </c>
      <c r="O14447" t="s">
        <v>85</v>
      </c>
      <c r="P14447" t="s">
        <v>86</v>
      </c>
      <c r="Q14447">
        <v>14</v>
      </c>
      <c r="R14447">
        <v>14</v>
      </c>
      <c r="S14447">
        <v>15</v>
      </c>
      <c r="T14447">
        <v>15</v>
      </c>
      <c r="U14447">
        <v>15</v>
      </c>
      <c r="V14447">
        <v>15</v>
      </c>
      <c r="W14447">
        <v>15</v>
      </c>
      <c r="X14447">
        <v>15</v>
      </c>
      <c r="Y14447">
        <v>15</v>
      </c>
      <c r="Z14447">
        <v>15</v>
      </c>
      <c r="AA14447">
        <v>15</v>
      </c>
      <c r="AB14447">
        <v>15</v>
      </c>
      <c r="AC14447">
        <v>15</v>
      </c>
      <c r="AD14447">
        <v>15</v>
      </c>
      <c r="AE14447">
        <v>15</v>
      </c>
      <c r="AF14447">
        <v>15</v>
      </c>
      <c r="AG14447">
        <v>15</v>
      </c>
      <c r="AH14447">
        <v>15</v>
      </c>
      <c r="AI14447">
        <v>15</v>
      </c>
      <c r="AJ14447">
        <v>16</v>
      </c>
      <c r="AK14447">
        <v>16</v>
      </c>
      <c r="AL14447">
        <v>16</v>
      </c>
      <c r="AM14447">
        <v>16</v>
      </c>
      <c r="AN14447">
        <v>16</v>
      </c>
      <c r="AO14447">
        <v>16</v>
      </c>
      <c r="AP14447">
        <v>16</v>
      </c>
      <c r="AQ14447">
        <v>16</v>
      </c>
    </row>
    <row r="14448" spans="1:43">
      <c r="A14448" t="s">
        <v>8958</v>
      </c>
      <c r="B14448" t="s">
        <v>8959</v>
      </c>
      <c r="C14448" t="s">
        <v>8956</v>
      </c>
      <c r="D14448" t="s">
        <v>8957</v>
      </c>
      <c r="E14448" t="s">
        <v>8938</v>
      </c>
      <c r="F14448" t="s">
        <v>8939</v>
      </c>
      <c r="G14448" t="s">
        <v>80</v>
      </c>
      <c r="H14448" t="s">
        <v>81</v>
      </c>
      <c r="I14448" s="2">
        <v>0</v>
      </c>
      <c r="J14448" s="2">
        <v>1</v>
      </c>
      <c r="K14448" s="2">
        <v>0</v>
      </c>
      <c r="L14448" t="s">
        <v>82</v>
      </c>
      <c r="M14448" t="s">
        <v>89</v>
      </c>
      <c r="N14448" t="s">
        <v>90</v>
      </c>
      <c r="O14448" t="s">
        <v>85</v>
      </c>
      <c r="P14448" t="s">
        <v>86</v>
      </c>
      <c r="Q14448">
        <v>14</v>
      </c>
      <c r="R14448">
        <v>14</v>
      </c>
      <c r="S14448">
        <v>14</v>
      </c>
      <c r="T14448">
        <v>15</v>
      </c>
      <c r="U14448">
        <v>15</v>
      </c>
      <c r="V14448">
        <v>15</v>
      </c>
      <c r="W14448">
        <v>15</v>
      </c>
      <c r="X14448">
        <v>16</v>
      </c>
      <c r="Y14448">
        <v>16</v>
      </c>
      <c r="Z14448">
        <v>16</v>
      </c>
      <c r="AA14448">
        <v>16</v>
      </c>
      <c r="AB14448">
        <v>17</v>
      </c>
      <c r="AC14448">
        <v>17</v>
      </c>
      <c r="AD14448">
        <v>17</v>
      </c>
      <c r="AE14448">
        <v>17</v>
      </c>
      <c r="AF14448">
        <v>17</v>
      </c>
      <c r="AG14448">
        <v>17</v>
      </c>
      <c r="AH14448">
        <v>17</v>
      </c>
      <c r="AI14448">
        <v>17</v>
      </c>
      <c r="AJ14448">
        <v>17</v>
      </c>
      <c r="AK14448">
        <v>17</v>
      </c>
      <c r="AL14448">
        <v>17</v>
      </c>
      <c r="AM14448">
        <v>17</v>
      </c>
      <c r="AN14448">
        <v>17</v>
      </c>
      <c r="AO14448">
        <v>17</v>
      </c>
      <c r="AP14448">
        <v>17</v>
      </c>
      <c r="AQ14448">
        <v>17</v>
      </c>
    </row>
    <row r="14449" spans="1:43">
      <c r="A14449" t="s">
        <v>8958</v>
      </c>
      <c r="B14449" t="s">
        <v>8959</v>
      </c>
      <c r="C14449" t="s">
        <v>8956</v>
      </c>
      <c r="D14449" t="s">
        <v>8957</v>
      </c>
      <c r="E14449" t="s">
        <v>8938</v>
      </c>
      <c r="F14449" t="s">
        <v>8939</v>
      </c>
      <c r="G14449" t="s">
        <v>80</v>
      </c>
      <c r="H14449" t="s">
        <v>81</v>
      </c>
      <c r="I14449" s="2">
        <v>0</v>
      </c>
      <c r="J14449" s="2">
        <v>1</v>
      </c>
      <c r="K14449" s="2">
        <v>0</v>
      </c>
      <c r="L14449" t="s">
        <v>82</v>
      </c>
      <c r="M14449" t="s">
        <v>83</v>
      </c>
      <c r="N14449" t="s">
        <v>91</v>
      </c>
      <c r="O14449" t="s">
        <v>85</v>
      </c>
      <c r="P14449" t="s">
        <v>86</v>
      </c>
      <c r="Q14449">
        <v>14</v>
      </c>
      <c r="R14449">
        <v>14</v>
      </c>
      <c r="S14449">
        <v>14</v>
      </c>
      <c r="T14449">
        <v>14</v>
      </c>
      <c r="U14449">
        <v>14</v>
      </c>
      <c r="V14449">
        <v>14</v>
      </c>
      <c r="W14449">
        <v>15</v>
      </c>
      <c r="X14449">
        <v>15</v>
      </c>
      <c r="Y14449">
        <v>15</v>
      </c>
      <c r="Z14449">
        <v>15</v>
      </c>
      <c r="AA14449">
        <v>15</v>
      </c>
      <c r="AB14449">
        <v>16</v>
      </c>
      <c r="AC14449">
        <v>16</v>
      </c>
      <c r="AD14449">
        <v>16</v>
      </c>
      <c r="AE14449">
        <v>16</v>
      </c>
      <c r="AF14449">
        <v>16</v>
      </c>
      <c r="AG14449">
        <v>16</v>
      </c>
      <c r="AH14449">
        <v>17</v>
      </c>
      <c r="AI14449">
        <v>17</v>
      </c>
      <c r="AJ14449">
        <v>17</v>
      </c>
      <c r="AK14449">
        <v>17</v>
      </c>
      <c r="AL14449">
        <v>17</v>
      </c>
      <c r="AM14449">
        <v>17</v>
      </c>
      <c r="AN14449">
        <v>17</v>
      </c>
      <c r="AO14449">
        <v>17</v>
      </c>
      <c r="AP14449">
        <v>17</v>
      </c>
      <c r="AQ14449">
        <v>17</v>
      </c>
    </row>
    <row r="14450" spans="1:43">
      <c r="A14450" t="s">
        <v>8960</v>
      </c>
      <c r="B14450" t="s">
        <v>8961</v>
      </c>
      <c r="C14450" t="s">
        <v>8962</v>
      </c>
      <c r="D14450" t="s">
        <v>8963</v>
      </c>
      <c r="E14450" t="s">
        <v>8938</v>
      </c>
      <c r="F14450" t="s">
        <v>8939</v>
      </c>
      <c r="G14450" t="s">
        <v>80</v>
      </c>
      <c r="H14450" t="s">
        <v>81</v>
      </c>
      <c r="I14450" s="2">
        <v>0</v>
      </c>
      <c r="J14450" s="2">
        <v>1</v>
      </c>
      <c r="K14450" s="2">
        <v>0</v>
      </c>
      <c r="L14450" t="s">
        <v>82</v>
      </c>
      <c r="M14450" t="s">
        <v>83</v>
      </c>
      <c r="N14450" t="s">
        <v>84</v>
      </c>
      <c r="O14450" t="s">
        <v>85</v>
      </c>
      <c r="P14450" t="s">
        <v>86</v>
      </c>
      <c r="Q14450">
        <v>39</v>
      </c>
      <c r="R14450">
        <v>40</v>
      </c>
      <c r="S14450">
        <v>41</v>
      </c>
      <c r="T14450">
        <v>42</v>
      </c>
      <c r="U14450">
        <v>43</v>
      </c>
      <c r="V14450">
        <v>44</v>
      </c>
      <c r="W14450">
        <v>45</v>
      </c>
      <c r="X14450">
        <v>46</v>
      </c>
      <c r="Y14450">
        <v>47</v>
      </c>
      <c r="Z14450">
        <v>48</v>
      </c>
      <c r="AA14450">
        <v>49</v>
      </c>
      <c r="AB14450">
        <v>50</v>
      </c>
      <c r="AC14450">
        <v>51</v>
      </c>
      <c r="AD14450">
        <v>52</v>
      </c>
      <c r="AE14450">
        <v>53</v>
      </c>
      <c r="AF14450">
        <v>55</v>
      </c>
      <c r="AG14450">
        <v>56</v>
      </c>
      <c r="AH14450">
        <v>57</v>
      </c>
      <c r="AI14450">
        <v>58</v>
      </c>
      <c r="AJ14450">
        <v>59</v>
      </c>
      <c r="AK14450">
        <v>60</v>
      </c>
      <c r="AL14450">
        <v>61</v>
      </c>
      <c r="AM14450">
        <v>62</v>
      </c>
      <c r="AN14450">
        <v>62</v>
      </c>
      <c r="AO14450">
        <v>63</v>
      </c>
      <c r="AP14450">
        <v>64</v>
      </c>
      <c r="AQ14450">
        <v>64</v>
      </c>
    </row>
    <row r="14451" spans="1:43">
      <c r="A14451" t="s">
        <v>8960</v>
      </c>
      <c r="B14451" t="s">
        <v>8961</v>
      </c>
      <c r="C14451" t="s">
        <v>8962</v>
      </c>
      <c r="D14451" t="s">
        <v>8963</v>
      </c>
      <c r="E14451" t="s">
        <v>8938</v>
      </c>
      <c r="F14451" t="s">
        <v>8939</v>
      </c>
      <c r="G14451" t="s">
        <v>80</v>
      </c>
      <c r="H14451" t="s">
        <v>81</v>
      </c>
      <c r="I14451" s="2">
        <v>0</v>
      </c>
      <c r="J14451" s="2">
        <v>1</v>
      </c>
      <c r="K14451" s="2">
        <v>0</v>
      </c>
      <c r="L14451" t="s">
        <v>82</v>
      </c>
      <c r="M14451" t="s">
        <v>87</v>
      </c>
      <c r="N14451" t="s">
        <v>88</v>
      </c>
      <c r="O14451" t="s">
        <v>85</v>
      </c>
      <c r="P14451" t="s">
        <v>86</v>
      </c>
      <c r="Q14451">
        <v>39</v>
      </c>
      <c r="R14451">
        <v>40</v>
      </c>
      <c r="S14451">
        <v>41</v>
      </c>
      <c r="T14451">
        <v>41</v>
      </c>
      <c r="U14451">
        <v>42</v>
      </c>
      <c r="V14451">
        <v>42</v>
      </c>
      <c r="W14451">
        <v>43</v>
      </c>
      <c r="X14451">
        <v>44</v>
      </c>
      <c r="Y14451">
        <v>44</v>
      </c>
      <c r="Z14451">
        <v>45</v>
      </c>
      <c r="AA14451">
        <v>46</v>
      </c>
      <c r="AB14451">
        <v>46</v>
      </c>
      <c r="AC14451">
        <v>47</v>
      </c>
      <c r="AD14451">
        <v>48</v>
      </c>
      <c r="AE14451">
        <v>48</v>
      </c>
      <c r="AF14451">
        <v>49</v>
      </c>
      <c r="AG14451">
        <v>50</v>
      </c>
      <c r="AH14451">
        <v>51</v>
      </c>
      <c r="AI14451">
        <v>51</v>
      </c>
      <c r="AJ14451">
        <v>52</v>
      </c>
      <c r="AK14451">
        <v>53</v>
      </c>
      <c r="AL14451">
        <v>53</v>
      </c>
      <c r="AM14451">
        <v>54</v>
      </c>
      <c r="AN14451">
        <v>55</v>
      </c>
      <c r="AO14451">
        <v>56</v>
      </c>
      <c r="AP14451">
        <v>56</v>
      </c>
      <c r="AQ14451">
        <v>57</v>
      </c>
    </row>
    <row r="14452" spans="1:43">
      <c r="A14452" t="s">
        <v>8960</v>
      </c>
      <c r="B14452" t="s">
        <v>8961</v>
      </c>
      <c r="C14452" t="s">
        <v>8962</v>
      </c>
      <c r="D14452" t="s">
        <v>8963</v>
      </c>
      <c r="E14452" t="s">
        <v>8938</v>
      </c>
      <c r="F14452" t="s">
        <v>8939</v>
      </c>
      <c r="G14452" t="s">
        <v>80</v>
      </c>
      <c r="H14452" t="s">
        <v>81</v>
      </c>
      <c r="I14452" s="2">
        <v>0</v>
      </c>
      <c r="J14452" s="2">
        <v>1</v>
      </c>
      <c r="K14452" s="2">
        <v>0</v>
      </c>
      <c r="L14452" t="s">
        <v>82</v>
      </c>
      <c r="M14452" t="s">
        <v>89</v>
      </c>
      <c r="N14452" t="s">
        <v>90</v>
      </c>
      <c r="O14452" t="s">
        <v>85</v>
      </c>
      <c r="P14452" t="s">
        <v>86</v>
      </c>
      <c r="Q14452">
        <v>39</v>
      </c>
      <c r="R14452">
        <v>40</v>
      </c>
      <c r="S14452">
        <v>42</v>
      </c>
      <c r="T14452">
        <v>43</v>
      </c>
      <c r="U14452">
        <v>44</v>
      </c>
      <c r="V14452">
        <v>46</v>
      </c>
      <c r="W14452">
        <v>47</v>
      </c>
      <c r="X14452">
        <v>48</v>
      </c>
      <c r="Y14452">
        <v>50</v>
      </c>
      <c r="Z14452">
        <v>51</v>
      </c>
      <c r="AA14452">
        <v>52</v>
      </c>
      <c r="AB14452">
        <v>53</v>
      </c>
      <c r="AC14452">
        <v>55</v>
      </c>
      <c r="AD14452">
        <v>56</v>
      </c>
      <c r="AE14452">
        <v>57</v>
      </c>
      <c r="AF14452">
        <v>58</v>
      </c>
      <c r="AG14452">
        <v>58</v>
      </c>
      <c r="AH14452">
        <v>59</v>
      </c>
      <c r="AI14452">
        <v>60</v>
      </c>
      <c r="AJ14452">
        <v>60</v>
      </c>
      <c r="AK14452">
        <v>61</v>
      </c>
      <c r="AL14452">
        <v>62</v>
      </c>
      <c r="AM14452">
        <v>62</v>
      </c>
      <c r="AN14452">
        <v>63</v>
      </c>
      <c r="AO14452">
        <v>64</v>
      </c>
      <c r="AP14452">
        <v>64</v>
      </c>
      <c r="AQ14452">
        <v>65</v>
      </c>
    </row>
    <row r="14453" spans="1:43">
      <c r="A14453" t="s">
        <v>8960</v>
      </c>
      <c r="B14453" t="s">
        <v>8961</v>
      </c>
      <c r="C14453" t="s">
        <v>8962</v>
      </c>
      <c r="D14453" t="s">
        <v>8963</v>
      </c>
      <c r="E14453" t="s">
        <v>8938</v>
      </c>
      <c r="F14453" t="s">
        <v>8939</v>
      </c>
      <c r="G14453" t="s">
        <v>80</v>
      </c>
      <c r="H14453" t="s">
        <v>81</v>
      </c>
      <c r="I14453" s="2">
        <v>0</v>
      </c>
      <c r="J14453" s="2">
        <v>1</v>
      </c>
      <c r="K14453" s="2">
        <v>0</v>
      </c>
      <c r="L14453" t="s">
        <v>82</v>
      </c>
      <c r="M14453" t="s">
        <v>83</v>
      </c>
      <c r="N14453" t="s">
        <v>91</v>
      </c>
      <c r="O14453" t="s">
        <v>85</v>
      </c>
      <c r="P14453" t="s">
        <v>86</v>
      </c>
      <c r="Q14453">
        <v>39</v>
      </c>
      <c r="R14453">
        <v>40</v>
      </c>
      <c r="S14453">
        <v>41</v>
      </c>
      <c r="T14453">
        <v>42</v>
      </c>
      <c r="U14453">
        <v>43</v>
      </c>
      <c r="V14453">
        <v>44</v>
      </c>
      <c r="W14453">
        <v>45</v>
      </c>
      <c r="X14453">
        <v>46</v>
      </c>
      <c r="Y14453">
        <v>47</v>
      </c>
      <c r="Z14453">
        <v>48</v>
      </c>
      <c r="AA14453">
        <v>49</v>
      </c>
      <c r="AB14453">
        <v>50</v>
      </c>
      <c r="AC14453">
        <v>51</v>
      </c>
      <c r="AD14453">
        <v>52</v>
      </c>
      <c r="AE14453">
        <v>53</v>
      </c>
      <c r="AF14453">
        <v>55</v>
      </c>
      <c r="AG14453">
        <v>56</v>
      </c>
      <c r="AH14453">
        <v>57</v>
      </c>
      <c r="AI14453">
        <v>58</v>
      </c>
      <c r="AJ14453">
        <v>59</v>
      </c>
      <c r="AK14453">
        <v>60</v>
      </c>
      <c r="AL14453">
        <v>61</v>
      </c>
      <c r="AM14453">
        <v>62</v>
      </c>
      <c r="AN14453">
        <v>62</v>
      </c>
      <c r="AO14453">
        <v>63</v>
      </c>
      <c r="AP14453">
        <v>64</v>
      </c>
      <c r="AQ14453">
        <v>64</v>
      </c>
    </row>
    <row r="14454" spans="1:43">
      <c r="A14454" t="s">
        <v>8964</v>
      </c>
      <c r="B14454" t="s">
        <v>8965</v>
      </c>
      <c r="C14454" t="s">
        <v>8956</v>
      </c>
      <c r="D14454" t="s">
        <v>8957</v>
      </c>
      <c r="E14454" t="s">
        <v>8938</v>
      </c>
      <c r="F14454" t="s">
        <v>8939</v>
      </c>
      <c r="G14454" t="s">
        <v>80</v>
      </c>
      <c r="H14454" t="s">
        <v>81</v>
      </c>
      <c r="I14454" s="2">
        <v>0</v>
      </c>
      <c r="J14454" s="2">
        <v>1</v>
      </c>
      <c r="K14454" s="2">
        <v>0</v>
      </c>
      <c r="L14454" t="s">
        <v>82</v>
      </c>
      <c r="M14454" t="s">
        <v>83</v>
      </c>
      <c r="N14454" t="s">
        <v>84</v>
      </c>
      <c r="O14454" t="s">
        <v>85</v>
      </c>
      <c r="P14454" t="s">
        <v>86</v>
      </c>
      <c r="Q14454">
        <v>56</v>
      </c>
      <c r="R14454">
        <v>57</v>
      </c>
      <c r="S14454">
        <v>59</v>
      </c>
      <c r="T14454">
        <v>60</v>
      </c>
      <c r="U14454">
        <v>62</v>
      </c>
      <c r="V14454">
        <v>63</v>
      </c>
      <c r="W14454">
        <v>65</v>
      </c>
      <c r="X14454">
        <v>66</v>
      </c>
      <c r="Y14454">
        <v>68</v>
      </c>
      <c r="Z14454">
        <v>69</v>
      </c>
      <c r="AA14454">
        <v>71</v>
      </c>
      <c r="AB14454">
        <v>72</v>
      </c>
      <c r="AC14454">
        <v>74</v>
      </c>
      <c r="AD14454">
        <v>76</v>
      </c>
      <c r="AE14454">
        <v>77</v>
      </c>
      <c r="AF14454">
        <v>79</v>
      </c>
      <c r="AG14454">
        <v>80</v>
      </c>
      <c r="AH14454">
        <v>82</v>
      </c>
      <c r="AI14454">
        <v>84</v>
      </c>
      <c r="AJ14454">
        <v>86</v>
      </c>
      <c r="AK14454">
        <v>87</v>
      </c>
      <c r="AL14454">
        <v>88</v>
      </c>
      <c r="AM14454">
        <v>89</v>
      </c>
      <c r="AN14454">
        <v>90</v>
      </c>
      <c r="AO14454">
        <v>91</v>
      </c>
      <c r="AP14454">
        <v>92</v>
      </c>
      <c r="AQ14454">
        <v>93</v>
      </c>
    </row>
    <row r="14455" spans="1:43">
      <c r="A14455" t="s">
        <v>8964</v>
      </c>
      <c r="B14455" t="s">
        <v>8965</v>
      </c>
      <c r="C14455" t="s">
        <v>8956</v>
      </c>
      <c r="D14455" t="s">
        <v>8957</v>
      </c>
      <c r="E14455" t="s">
        <v>8938</v>
      </c>
      <c r="F14455" t="s">
        <v>8939</v>
      </c>
      <c r="G14455" t="s">
        <v>80</v>
      </c>
      <c r="H14455" t="s">
        <v>81</v>
      </c>
      <c r="I14455" s="2">
        <v>0</v>
      </c>
      <c r="J14455" s="2">
        <v>1</v>
      </c>
      <c r="K14455" s="2">
        <v>0</v>
      </c>
      <c r="L14455" t="s">
        <v>82</v>
      </c>
      <c r="M14455" t="s">
        <v>87</v>
      </c>
      <c r="N14455" t="s">
        <v>88</v>
      </c>
      <c r="O14455" t="s">
        <v>85</v>
      </c>
      <c r="P14455" t="s">
        <v>86</v>
      </c>
      <c r="Q14455">
        <v>56</v>
      </c>
      <c r="R14455">
        <v>57</v>
      </c>
      <c r="S14455">
        <v>58</v>
      </c>
      <c r="T14455">
        <v>59</v>
      </c>
      <c r="U14455">
        <v>60</v>
      </c>
      <c r="V14455">
        <v>61</v>
      </c>
      <c r="W14455">
        <v>62</v>
      </c>
      <c r="X14455">
        <v>63</v>
      </c>
      <c r="Y14455">
        <v>64</v>
      </c>
      <c r="Z14455">
        <v>65</v>
      </c>
      <c r="AA14455">
        <v>65</v>
      </c>
      <c r="AB14455">
        <v>66</v>
      </c>
      <c r="AC14455">
        <v>67</v>
      </c>
      <c r="AD14455">
        <v>68</v>
      </c>
      <c r="AE14455">
        <v>69</v>
      </c>
      <c r="AF14455">
        <v>70</v>
      </c>
      <c r="AG14455">
        <v>71</v>
      </c>
      <c r="AH14455">
        <v>72</v>
      </c>
      <c r="AI14455">
        <v>73</v>
      </c>
      <c r="AJ14455">
        <v>74</v>
      </c>
      <c r="AK14455">
        <v>75</v>
      </c>
      <c r="AL14455">
        <v>76</v>
      </c>
      <c r="AM14455">
        <v>77</v>
      </c>
      <c r="AN14455">
        <v>79</v>
      </c>
      <c r="AO14455">
        <v>80</v>
      </c>
      <c r="AP14455">
        <v>81</v>
      </c>
      <c r="AQ14455">
        <v>82</v>
      </c>
    </row>
    <row r="14456" spans="1:43">
      <c r="A14456" t="s">
        <v>8964</v>
      </c>
      <c r="B14456" t="s">
        <v>8965</v>
      </c>
      <c r="C14456" t="s">
        <v>8956</v>
      </c>
      <c r="D14456" t="s">
        <v>8957</v>
      </c>
      <c r="E14456" t="s">
        <v>8938</v>
      </c>
      <c r="F14456" t="s">
        <v>8939</v>
      </c>
      <c r="G14456" t="s">
        <v>80</v>
      </c>
      <c r="H14456" t="s">
        <v>81</v>
      </c>
      <c r="I14456" s="2">
        <v>0</v>
      </c>
      <c r="J14456" s="2">
        <v>1</v>
      </c>
      <c r="K14456" s="2">
        <v>0</v>
      </c>
      <c r="L14456" t="s">
        <v>82</v>
      </c>
      <c r="M14456" t="s">
        <v>89</v>
      </c>
      <c r="N14456" t="s">
        <v>90</v>
      </c>
      <c r="O14456" t="s">
        <v>85</v>
      </c>
      <c r="P14456" t="s">
        <v>86</v>
      </c>
      <c r="Q14456">
        <v>56</v>
      </c>
      <c r="R14456">
        <v>58</v>
      </c>
      <c r="S14456">
        <v>60</v>
      </c>
      <c r="T14456">
        <v>62</v>
      </c>
      <c r="U14456">
        <v>64</v>
      </c>
      <c r="V14456">
        <v>66</v>
      </c>
      <c r="W14456">
        <v>68</v>
      </c>
      <c r="X14456">
        <v>70</v>
      </c>
      <c r="Y14456">
        <v>72</v>
      </c>
      <c r="Z14456">
        <v>74</v>
      </c>
      <c r="AA14456">
        <v>75</v>
      </c>
      <c r="AB14456">
        <v>77</v>
      </c>
      <c r="AC14456">
        <v>79</v>
      </c>
      <c r="AD14456">
        <v>81</v>
      </c>
      <c r="AE14456">
        <v>83</v>
      </c>
      <c r="AF14456">
        <v>84</v>
      </c>
      <c r="AG14456">
        <v>85</v>
      </c>
      <c r="AH14456">
        <v>86</v>
      </c>
      <c r="AI14456">
        <v>86</v>
      </c>
      <c r="AJ14456">
        <v>87</v>
      </c>
      <c r="AK14456">
        <v>88</v>
      </c>
      <c r="AL14456">
        <v>89</v>
      </c>
      <c r="AM14456">
        <v>90</v>
      </c>
      <c r="AN14456">
        <v>91</v>
      </c>
      <c r="AO14456">
        <v>92</v>
      </c>
      <c r="AP14456">
        <v>93</v>
      </c>
      <c r="AQ14456">
        <v>94</v>
      </c>
    </row>
    <row r="14457" spans="1:43">
      <c r="A14457" t="s">
        <v>8964</v>
      </c>
      <c r="B14457" t="s">
        <v>8965</v>
      </c>
      <c r="C14457" t="s">
        <v>8956</v>
      </c>
      <c r="D14457" t="s">
        <v>8957</v>
      </c>
      <c r="E14457" t="s">
        <v>8938</v>
      </c>
      <c r="F14457" t="s">
        <v>8939</v>
      </c>
      <c r="G14457" t="s">
        <v>80</v>
      </c>
      <c r="H14457" t="s">
        <v>81</v>
      </c>
      <c r="I14457" s="2">
        <v>0</v>
      </c>
      <c r="J14457" s="2">
        <v>1</v>
      </c>
      <c r="K14457" s="2">
        <v>0</v>
      </c>
      <c r="L14457" t="s">
        <v>82</v>
      </c>
      <c r="M14457" t="s">
        <v>83</v>
      </c>
      <c r="N14457" t="s">
        <v>91</v>
      </c>
      <c r="O14457" t="s">
        <v>85</v>
      </c>
      <c r="P14457" t="s">
        <v>86</v>
      </c>
      <c r="Q14457">
        <v>56</v>
      </c>
      <c r="R14457">
        <v>57</v>
      </c>
      <c r="S14457">
        <v>59</v>
      </c>
      <c r="T14457">
        <v>60</v>
      </c>
      <c r="U14457">
        <v>62</v>
      </c>
      <c r="V14457">
        <v>63</v>
      </c>
      <c r="W14457">
        <v>65</v>
      </c>
      <c r="X14457">
        <v>66</v>
      </c>
      <c r="Y14457">
        <v>68</v>
      </c>
      <c r="Z14457">
        <v>69</v>
      </c>
      <c r="AA14457">
        <v>71</v>
      </c>
      <c r="AB14457">
        <v>72</v>
      </c>
      <c r="AC14457">
        <v>74</v>
      </c>
      <c r="AD14457">
        <v>76</v>
      </c>
      <c r="AE14457">
        <v>77</v>
      </c>
      <c r="AF14457">
        <v>79</v>
      </c>
      <c r="AG14457">
        <v>80</v>
      </c>
      <c r="AH14457">
        <v>82</v>
      </c>
      <c r="AI14457">
        <v>84</v>
      </c>
      <c r="AJ14457">
        <v>86</v>
      </c>
      <c r="AK14457">
        <v>87</v>
      </c>
      <c r="AL14457">
        <v>88</v>
      </c>
      <c r="AM14457">
        <v>89</v>
      </c>
      <c r="AN14457">
        <v>90</v>
      </c>
      <c r="AO14457">
        <v>91</v>
      </c>
      <c r="AP14457">
        <v>92</v>
      </c>
      <c r="AQ14457">
        <v>93</v>
      </c>
    </row>
    <row r="14458" spans="1:43">
      <c r="A14458" t="s">
        <v>8966</v>
      </c>
      <c r="B14458" t="s">
        <v>8967</v>
      </c>
      <c r="C14458" t="s">
        <v>8962</v>
      </c>
      <c r="D14458" t="s">
        <v>8963</v>
      </c>
      <c r="E14458" t="s">
        <v>8938</v>
      </c>
      <c r="F14458" t="s">
        <v>8939</v>
      </c>
      <c r="G14458" t="s">
        <v>80</v>
      </c>
      <c r="H14458" t="s">
        <v>81</v>
      </c>
      <c r="I14458" s="2">
        <v>0</v>
      </c>
      <c r="J14458" s="2">
        <v>1</v>
      </c>
      <c r="K14458" s="2">
        <v>0</v>
      </c>
      <c r="L14458" t="s">
        <v>82</v>
      </c>
      <c r="M14458" t="s">
        <v>83</v>
      </c>
      <c r="N14458" t="s">
        <v>84</v>
      </c>
      <c r="O14458" t="s">
        <v>85</v>
      </c>
      <c r="P14458" t="s">
        <v>86</v>
      </c>
      <c r="Q14458">
        <v>29</v>
      </c>
      <c r="R14458">
        <v>30</v>
      </c>
      <c r="S14458">
        <v>31</v>
      </c>
      <c r="T14458">
        <v>31</v>
      </c>
      <c r="U14458">
        <v>32</v>
      </c>
      <c r="V14458">
        <v>33</v>
      </c>
      <c r="W14458">
        <v>34</v>
      </c>
      <c r="X14458">
        <v>34</v>
      </c>
      <c r="Y14458">
        <v>35</v>
      </c>
      <c r="Z14458">
        <v>36</v>
      </c>
      <c r="AA14458">
        <v>37</v>
      </c>
      <c r="AB14458">
        <v>38</v>
      </c>
      <c r="AC14458">
        <v>39</v>
      </c>
      <c r="AD14458">
        <v>39</v>
      </c>
      <c r="AE14458">
        <v>40</v>
      </c>
      <c r="AF14458">
        <v>41</v>
      </c>
      <c r="AG14458">
        <v>42</v>
      </c>
      <c r="AH14458">
        <v>43</v>
      </c>
      <c r="AI14458">
        <v>44</v>
      </c>
      <c r="AJ14458">
        <v>45</v>
      </c>
      <c r="AK14458">
        <v>45</v>
      </c>
      <c r="AL14458">
        <v>46</v>
      </c>
      <c r="AM14458">
        <v>47</v>
      </c>
      <c r="AN14458">
        <v>47</v>
      </c>
      <c r="AO14458">
        <v>47</v>
      </c>
      <c r="AP14458">
        <v>48</v>
      </c>
      <c r="AQ14458">
        <v>48</v>
      </c>
    </row>
    <row r="14459" spans="1:43">
      <c r="A14459" t="s">
        <v>8966</v>
      </c>
      <c r="B14459" t="s">
        <v>8967</v>
      </c>
      <c r="C14459" t="s">
        <v>8962</v>
      </c>
      <c r="D14459" t="s">
        <v>8963</v>
      </c>
      <c r="E14459" t="s">
        <v>8938</v>
      </c>
      <c r="F14459" t="s">
        <v>8939</v>
      </c>
      <c r="G14459" t="s">
        <v>80</v>
      </c>
      <c r="H14459" t="s">
        <v>81</v>
      </c>
      <c r="I14459" s="2">
        <v>0</v>
      </c>
      <c r="J14459" s="2">
        <v>1</v>
      </c>
      <c r="K14459" s="2">
        <v>0</v>
      </c>
      <c r="L14459" t="s">
        <v>82</v>
      </c>
      <c r="M14459" t="s">
        <v>87</v>
      </c>
      <c r="N14459" t="s">
        <v>88</v>
      </c>
      <c r="O14459" t="s">
        <v>85</v>
      </c>
      <c r="P14459" t="s">
        <v>86</v>
      </c>
      <c r="Q14459">
        <v>29</v>
      </c>
      <c r="R14459">
        <v>29</v>
      </c>
      <c r="S14459">
        <v>30</v>
      </c>
      <c r="T14459">
        <v>30</v>
      </c>
      <c r="U14459">
        <v>31</v>
      </c>
      <c r="V14459">
        <v>31</v>
      </c>
      <c r="W14459">
        <v>32</v>
      </c>
      <c r="X14459">
        <v>32</v>
      </c>
      <c r="Y14459">
        <v>33</v>
      </c>
      <c r="Z14459">
        <v>33</v>
      </c>
      <c r="AA14459">
        <v>34</v>
      </c>
      <c r="AB14459">
        <v>34</v>
      </c>
      <c r="AC14459">
        <v>35</v>
      </c>
      <c r="AD14459">
        <v>35</v>
      </c>
      <c r="AE14459">
        <v>36</v>
      </c>
      <c r="AF14459">
        <v>36</v>
      </c>
      <c r="AG14459">
        <v>37</v>
      </c>
      <c r="AH14459">
        <v>37</v>
      </c>
      <c r="AI14459">
        <v>38</v>
      </c>
      <c r="AJ14459">
        <v>38</v>
      </c>
      <c r="AK14459">
        <v>39</v>
      </c>
      <c r="AL14459">
        <v>39</v>
      </c>
      <c r="AM14459">
        <v>40</v>
      </c>
      <c r="AN14459">
        <v>40</v>
      </c>
      <c r="AO14459">
        <v>41</v>
      </c>
      <c r="AP14459">
        <v>41</v>
      </c>
      <c r="AQ14459">
        <v>42</v>
      </c>
    </row>
    <row r="14460" spans="1:43">
      <c r="A14460" t="s">
        <v>8966</v>
      </c>
      <c r="B14460" t="s">
        <v>8967</v>
      </c>
      <c r="C14460" t="s">
        <v>8962</v>
      </c>
      <c r="D14460" t="s">
        <v>8963</v>
      </c>
      <c r="E14460" t="s">
        <v>8938</v>
      </c>
      <c r="F14460" t="s">
        <v>8939</v>
      </c>
      <c r="G14460" t="s">
        <v>80</v>
      </c>
      <c r="H14460" t="s">
        <v>81</v>
      </c>
      <c r="I14460" s="2">
        <v>0</v>
      </c>
      <c r="J14460" s="2">
        <v>1</v>
      </c>
      <c r="K14460" s="2">
        <v>0</v>
      </c>
      <c r="L14460" t="s">
        <v>82</v>
      </c>
      <c r="M14460" t="s">
        <v>89</v>
      </c>
      <c r="N14460" t="s">
        <v>90</v>
      </c>
      <c r="O14460" t="s">
        <v>85</v>
      </c>
      <c r="P14460" t="s">
        <v>86</v>
      </c>
      <c r="Q14460">
        <v>29</v>
      </c>
      <c r="R14460">
        <v>30</v>
      </c>
      <c r="S14460">
        <v>31</v>
      </c>
      <c r="T14460">
        <v>32</v>
      </c>
      <c r="U14460">
        <v>33</v>
      </c>
      <c r="V14460">
        <v>34</v>
      </c>
      <c r="W14460">
        <v>35</v>
      </c>
      <c r="X14460">
        <v>36</v>
      </c>
      <c r="Y14460">
        <v>37</v>
      </c>
      <c r="Z14460">
        <v>38</v>
      </c>
      <c r="AA14460">
        <v>39</v>
      </c>
      <c r="AB14460">
        <v>40</v>
      </c>
      <c r="AC14460">
        <v>41</v>
      </c>
      <c r="AD14460">
        <v>42</v>
      </c>
      <c r="AE14460">
        <v>43</v>
      </c>
      <c r="AF14460">
        <v>44</v>
      </c>
      <c r="AG14460">
        <v>44</v>
      </c>
      <c r="AH14460">
        <v>45</v>
      </c>
      <c r="AI14460">
        <v>45</v>
      </c>
      <c r="AJ14460">
        <v>45</v>
      </c>
      <c r="AK14460">
        <v>46</v>
      </c>
      <c r="AL14460">
        <v>46</v>
      </c>
      <c r="AM14460">
        <v>47</v>
      </c>
      <c r="AN14460">
        <v>47</v>
      </c>
      <c r="AO14460">
        <v>48</v>
      </c>
      <c r="AP14460">
        <v>48</v>
      </c>
      <c r="AQ14460">
        <v>49</v>
      </c>
    </row>
    <row r="14461" spans="1:43">
      <c r="A14461" t="s">
        <v>8966</v>
      </c>
      <c r="B14461" t="s">
        <v>8967</v>
      </c>
      <c r="C14461" t="s">
        <v>8962</v>
      </c>
      <c r="D14461" t="s">
        <v>8963</v>
      </c>
      <c r="E14461" t="s">
        <v>8938</v>
      </c>
      <c r="F14461" t="s">
        <v>8939</v>
      </c>
      <c r="G14461" t="s">
        <v>80</v>
      </c>
      <c r="H14461" t="s">
        <v>81</v>
      </c>
      <c r="I14461" s="2">
        <v>0</v>
      </c>
      <c r="J14461" s="2">
        <v>1</v>
      </c>
      <c r="K14461" s="2">
        <v>0</v>
      </c>
      <c r="L14461" t="s">
        <v>82</v>
      </c>
      <c r="M14461" t="s">
        <v>83</v>
      </c>
      <c r="N14461" t="s">
        <v>91</v>
      </c>
      <c r="O14461" t="s">
        <v>85</v>
      </c>
      <c r="P14461" t="s">
        <v>86</v>
      </c>
      <c r="Q14461">
        <v>29</v>
      </c>
      <c r="R14461">
        <v>30</v>
      </c>
      <c r="S14461">
        <v>31</v>
      </c>
      <c r="T14461">
        <v>31</v>
      </c>
      <c r="U14461">
        <v>32</v>
      </c>
      <c r="V14461">
        <v>33</v>
      </c>
      <c r="W14461">
        <v>34</v>
      </c>
      <c r="X14461">
        <v>34</v>
      </c>
      <c r="Y14461">
        <v>35</v>
      </c>
      <c r="Z14461">
        <v>36</v>
      </c>
      <c r="AA14461">
        <v>37</v>
      </c>
      <c r="AB14461">
        <v>38</v>
      </c>
      <c r="AC14461">
        <v>39</v>
      </c>
      <c r="AD14461">
        <v>39</v>
      </c>
      <c r="AE14461">
        <v>40</v>
      </c>
      <c r="AF14461">
        <v>41</v>
      </c>
      <c r="AG14461">
        <v>42</v>
      </c>
      <c r="AH14461">
        <v>43</v>
      </c>
      <c r="AI14461">
        <v>44</v>
      </c>
      <c r="AJ14461">
        <v>45</v>
      </c>
      <c r="AK14461">
        <v>45</v>
      </c>
      <c r="AL14461">
        <v>46</v>
      </c>
      <c r="AM14461">
        <v>47</v>
      </c>
      <c r="AN14461">
        <v>47</v>
      </c>
      <c r="AO14461">
        <v>47</v>
      </c>
      <c r="AP14461">
        <v>48</v>
      </c>
      <c r="AQ14461">
        <v>48</v>
      </c>
    </row>
    <row r="14462" spans="1:43">
      <c r="A14462" t="s">
        <v>8968</v>
      </c>
      <c r="B14462" t="s">
        <v>8969</v>
      </c>
      <c r="C14462" t="s">
        <v>8956</v>
      </c>
      <c r="D14462" t="s">
        <v>8957</v>
      </c>
      <c r="E14462" t="s">
        <v>8938</v>
      </c>
      <c r="F14462" t="s">
        <v>8939</v>
      </c>
      <c r="G14462" t="s">
        <v>80</v>
      </c>
      <c r="H14462" t="s">
        <v>81</v>
      </c>
      <c r="I14462" s="2">
        <v>0</v>
      </c>
      <c r="J14462" s="2">
        <v>1</v>
      </c>
      <c r="K14462" s="2">
        <v>0</v>
      </c>
      <c r="L14462" t="s">
        <v>82</v>
      </c>
      <c r="M14462" t="s">
        <v>83</v>
      </c>
      <c r="N14462" t="s">
        <v>84</v>
      </c>
      <c r="O14462" t="s">
        <v>85</v>
      </c>
      <c r="P14462" t="s">
        <v>86</v>
      </c>
      <c r="Q14462">
        <v>104</v>
      </c>
      <c r="R14462">
        <v>107</v>
      </c>
      <c r="S14462">
        <v>110</v>
      </c>
      <c r="T14462">
        <v>112</v>
      </c>
      <c r="U14462">
        <v>115</v>
      </c>
      <c r="V14462">
        <v>118</v>
      </c>
      <c r="W14462">
        <v>121</v>
      </c>
      <c r="X14462">
        <v>123</v>
      </c>
      <c r="Y14462">
        <v>126</v>
      </c>
      <c r="Z14462">
        <v>129</v>
      </c>
      <c r="AA14462">
        <v>132</v>
      </c>
      <c r="AB14462">
        <v>135</v>
      </c>
      <c r="AC14462">
        <v>138</v>
      </c>
      <c r="AD14462">
        <v>141</v>
      </c>
      <c r="AE14462">
        <v>144</v>
      </c>
      <c r="AF14462">
        <v>147</v>
      </c>
      <c r="AG14462">
        <v>150</v>
      </c>
      <c r="AH14462">
        <v>153</v>
      </c>
      <c r="AI14462">
        <v>156</v>
      </c>
      <c r="AJ14462">
        <v>160</v>
      </c>
      <c r="AK14462">
        <v>163</v>
      </c>
      <c r="AL14462">
        <v>165</v>
      </c>
      <c r="AM14462">
        <v>167</v>
      </c>
      <c r="AN14462">
        <v>169</v>
      </c>
      <c r="AO14462">
        <v>170</v>
      </c>
      <c r="AP14462">
        <v>172</v>
      </c>
      <c r="AQ14462">
        <v>174</v>
      </c>
    </row>
    <row r="14463" spans="1:43">
      <c r="A14463" t="s">
        <v>8968</v>
      </c>
      <c r="B14463" t="s">
        <v>8969</v>
      </c>
      <c r="C14463" t="s">
        <v>8956</v>
      </c>
      <c r="D14463" t="s">
        <v>8957</v>
      </c>
      <c r="E14463" t="s">
        <v>8938</v>
      </c>
      <c r="F14463" t="s">
        <v>8939</v>
      </c>
      <c r="G14463" t="s">
        <v>80</v>
      </c>
      <c r="H14463" t="s">
        <v>81</v>
      </c>
      <c r="I14463" s="2">
        <v>0</v>
      </c>
      <c r="J14463" s="2">
        <v>1</v>
      </c>
      <c r="K14463" s="2">
        <v>0</v>
      </c>
      <c r="L14463" t="s">
        <v>82</v>
      </c>
      <c r="M14463" t="s">
        <v>87</v>
      </c>
      <c r="N14463" t="s">
        <v>88</v>
      </c>
      <c r="O14463" t="s">
        <v>85</v>
      </c>
      <c r="P14463" t="s">
        <v>86</v>
      </c>
      <c r="Q14463">
        <v>104</v>
      </c>
      <c r="R14463">
        <v>106</v>
      </c>
      <c r="S14463">
        <v>108</v>
      </c>
      <c r="T14463">
        <v>109</v>
      </c>
      <c r="U14463">
        <v>111</v>
      </c>
      <c r="V14463">
        <v>113</v>
      </c>
      <c r="W14463">
        <v>114</v>
      </c>
      <c r="X14463">
        <v>116</v>
      </c>
      <c r="Y14463">
        <v>118</v>
      </c>
      <c r="Z14463">
        <v>120</v>
      </c>
      <c r="AA14463">
        <v>121</v>
      </c>
      <c r="AB14463">
        <v>123</v>
      </c>
      <c r="AC14463">
        <v>125</v>
      </c>
      <c r="AD14463">
        <v>127</v>
      </c>
      <c r="AE14463">
        <v>128</v>
      </c>
      <c r="AF14463">
        <v>130</v>
      </c>
      <c r="AG14463">
        <v>132</v>
      </c>
      <c r="AH14463">
        <v>134</v>
      </c>
      <c r="AI14463">
        <v>136</v>
      </c>
      <c r="AJ14463">
        <v>138</v>
      </c>
      <c r="AK14463">
        <v>140</v>
      </c>
      <c r="AL14463">
        <v>142</v>
      </c>
      <c r="AM14463">
        <v>143</v>
      </c>
      <c r="AN14463">
        <v>145</v>
      </c>
      <c r="AO14463">
        <v>147</v>
      </c>
      <c r="AP14463">
        <v>149</v>
      </c>
      <c r="AQ14463">
        <v>151</v>
      </c>
    </row>
    <row r="14464" spans="1:43">
      <c r="A14464" t="s">
        <v>8968</v>
      </c>
      <c r="B14464" t="s">
        <v>8969</v>
      </c>
      <c r="C14464" t="s">
        <v>8956</v>
      </c>
      <c r="D14464" t="s">
        <v>8957</v>
      </c>
      <c r="E14464" t="s">
        <v>8938</v>
      </c>
      <c r="F14464" t="s">
        <v>8939</v>
      </c>
      <c r="G14464" t="s">
        <v>80</v>
      </c>
      <c r="H14464" t="s">
        <v>81</v>
      </c>
      <c r="I14464" s="2">
        <v>0</v>
      </c>
      <c r="J14464" s="2">
        <v>1</v>
      </c>
      <c r="K14464" s="2">
        <v>0</v>
      </c>
      <c r="L14464" t="s">
        <v>82</v>
      </c>
      <c r="M14464" t="s">
        <v>89</v>
      </c>
      <c r="N14464" t="s">
        <v>90</v>
      </c>
      <c r="O14464" t="s">
        <v>85</v>
      </c>
      <c r="P14464" t="s">
        <v>86</v>
      </c>
      <c r="Q14464">
        <v>104</v>
      </c>
      <c r="R14464">
        <v>108</v>
      </c>
      <c r="S14464">
        <v>111</v>
      </c>
      <c r="T14464">
        <v>115</v>
      </c>
      <c r="U14464">
        <v>119</v>
      </c>
      <c r="V14464">
        <v>122</v>
      </c>
      <c r="W14464">
        <v>126</v>
      </c>
      <c r="X14464">
        <v>129</v>
      </c>
      <c r="Y14464">
        <v>133</v>
      </c>
      <c r="Z14464">
        <v>136</v>
      </c>
      <c r="AA14464">
        <v>140</v>
      </c>
      <c r="AB14464">
        <v>143</v>
      </c>
      <c r="AC14464">
        <v>147</v>
      </c>
      <c r="AD14464">
        <v>151</v>
      </c>
      <c r="AE14464">
        <v>154</v>
      </c>
      <c r="AF14464">
        <v>155</v>
      </c>
      <c r="AG14464">
        <v>157</v>
      </c>
      <c r="AH14464">
        <v>159</v>
      </c>
      <c r="AI14464">
        <v>161</v>
      </c>
      <c r="AJ14464">
        <v>162</v>
      </c>
      <c r="AK14464">
        <v>164</v>
      </c>
      <c r="AL14464">
        <v>166</v>
      </c>
      <c r="AM14464">
        <v>167</v>
      </c>
      <c r="AN14464">
        <v>169</v>
      </c>
      <c r="AO14464">
        <v>171</v>
      </c>
      <c r="AP14464">
        <v>173</v>
      </c>
      <c r="AQ14464">
        <v>174</v>
      </c>
    </row>
    <row r="14465" spans="1:43">
      <c r="A14465" t="s">
        <v>8968</v>
      </c>
      <c r="B14465" t="s">
        <v>8969</v>
      </c>
      <c r="C14465" t="s">
        <v>8956</v>
      </c>
      <c r="D14465" t="s">
        <v>8957</v>
      </c>
      <c r="E14465" t="s">
        <v>8938</v>
      </c>
      <c r="F14465" t="s">
        <v>8939</v>
      </c>
      <c r="G14465" t="s">
        <v>80</v>
      </c>
      <c r="H14465" t="s">
        <v>81</v>
      </c>
      <c r="I14465" s="2">
        <v>0</v>
      </c>
      <c r="J14465" s="2">
        <v>1</v>
      </c>
      <c r="K14465" s="2">
        <v>0</v>
      </c>
      <c r="L14465" t="s">
        <v>82</v>
      </c>
      <c r="M14465" t="s">
        <v>83</v>
      </c>
      <c r="N14465" t="s">
        <v>91</v>
      </c>
      <c r="O14465" t="s">
        <v>85</v>
      </c>
      <c r="P14465" t="s">
        <v>86</v>
      </c>
      <c r="Q14465">
        <v>104</v>
      </c>
      <c r="R14465">
        <v>107</v>
      </c>
      <c r="S14465">
        <v>110</v>
      </c>
      <c r="T14465">
        <v>112</v>
      </c>
      <c r="U14465">
        <v>115</v>
      </c>
      <c r="V14465">
        <v>118</v>
      </c>
      <c r="W14465">
        <v>121</v>
      </c>
      <c r="X14465">
        <v>123</v>
      </c>
      <c r="Y14465">
        <v>126</v>
      </c>
      <c r="Z14465">
        <v>129</v>
      </c>
      <c r="AA14465">
        <v>132</v>
      </c>
      <c r="AB14465">
        <v>135</v>
      </c>
      <c r="AC14465">
        <v>138</v>
      </c>
      <c r="AD14465">
        <v>141</v>
      </c>
      <c r="AE14465">
        <v>144</v>
      </c>
      <c r="AF14465">
        <v>147</v>
      </c>
      <c r="AG14465">
        <v>150</v>
      </c>
      <c r="AH14465">
        <v>153</v>
      </c>
      <c r="AI14465">
        <v>156</v>
      </c>
      <c r="AJ14465">
        <v>160</v>
      </c>
      <c r="AK14465">
        <v>163</v>
      </c>
      <c r="AL14465">
        <v>165</v>
      </c>
      <c r="AM14465">
        <v>167</v>
      </c>
      <c r="AN14465">
        <v>169</v>
      </c>
      <c r="AO14465">
        <v>170</v>
      </c>
      <c r="AP14465">
        <v>172</v>
      </c>
      <c r="AQ14465">
        <v>174</v>
      </c>
    </row>
    <row r="14466" spans="1:43">
      <c r="A14466" t="s">
        <v>8970</v>
      </c>
      <c r="B14466" t="s">
        <v>8971</v>
      </c>
      <c r="C14466" t="s">
        <v>8962</v>
      </c>
      <c r="D14466" t="s">
        <v>8963</v>
      </c>
      <c r="E14466" t="s">
        <v>8938</v>
      </c>
      <c r="F14466" t="s">
        <v>8939</v>
      </c>
      <c r="G14466" t="s">
        <v>80</v>
      </c>
      <c r="H14466" t="s">
        <v>81</v>
      </c>
      <c r="I14466" s="2">
        <v>0</v>
      </c>
      <c r="J14466" s="2">
        <v>1</v>
      </c>
      <c r="K14466" s="2">
        <v>0</v>
      </c>
      <c r="L14466" t="s">
        <v>82</v>
      </c>
      <c r="M14466" t="s">
        <v>83</v>
      </c>
      <c r="N14466" t="s">
        <v>84</v>
      </c>
      <c r="O14466" t="s">
        <v>85</v>
      </c>
      <c r="P14466" t="s">
        <v>86</v>
      </c>
      <c r="Q14466">
        <v>91</v>
      </c>
      <c r="R14466">
        <v>93</v>
      </c>
      <c r="S14466">
        <v>95</v>
      </c>
      <c r="T14466">
        <v>98</v>
      </c>
      <c r="U14466">
        <v>100</v>
      </c>
      <c r="V14466">
        <v>103</v>
      </c>
      <c r="W14466">
        <v>105</v>
      </c>
      <c r="X14466">
        <v>107</v>
      </c>
      <c r="Y14466">
        <v>110</v>
      </c>
      <c r="Z14466">
        <v>113</v>
      </c>
      <c r="AA14466">
        <v>115</v>
      </c>
      <c r="AB14466">
        <v>118</v>
      </c>
      <c r="AC14466">
        <v>120</v>
      </c>
      <c r="AD14466">
        <v>123</v>
      </c>
      <c r="AE14466">
        <v>126</v>
      </c>
      <c r="AF14466">
        <v>128</v>
      </c>
      <c r="AG14466">
        <v>131</v>
      </c>
      <c r="AH14466">
        <v>134</v>
      </c>
      <c r="AI14466">
        <v>136</v>
      </c>
      <c r="AJ14466">
        <v>139</v>
      </c>
      <c r="AK14466">
        <v>142</v>
      </c>
      <c r="AL14466">
        <v>144</v>
      </c>
      <c r="AM14466">
        <v>145</v>
      </c>
      <c r="AN14466">
        <v>147</v>
      </c>
      <c r="AO14466">
        <v>148</v>
      </c>
      <c r="AP14466">
        <v>150</v>
      </c>
      <c r="AQ14466">
        <v>151</v>
      </c>
    </row>
    <row r="14467" spans="1:43">
      <c r="A14467" t="s">
        <v>8970</v>
      </c>
      <c r="B14467" t="s">
        <v>8971</v>
      </c>
      <c r="C14467" t="s">
        <v>8962</v>
      </c>
      <c r="D14467" t="s">
        <v>8963</v>
      </c>
      <c r="E14467" t="s">
        <v>8938</v>
      </c>
      <c r="F14467" t="s">
        <v>8939</v>
      </c>
      <c r="G14467" t="s">
        <v>80</v>
      </c>
      <c r="H14467" t="s">
        <v>81</v>
      </c>
      <c r="I14467" s="2">
        <v>0</v>
      </c>
      <c r="J14467" s="2">
        <v>1</v>
      </c>
      <c r="K14467" s="2">
        <v>0</v>
      </c>
      <c r="L14467" t="s">
        <v>82</v>
      </c>
      <c r="M14467" t="s">
        <v>87</v>
      </c>
      <c r="N14467" t="s">
        <v>88</v>
      </c>
      <c r="O14467" t="s">
        <v>85</v>
      </c>
      <c r="P14467" t="s">
        <v>86</v>
      </c>
      <c r="Q14467">
        <v>91</v>
      </c>
      <c r="R14467">
        <v>92</v>
      </c>
      <c r="S14467">
        <v>94</v>
      </c>
      <c r="T14467">
        <v>95</v>
      </c>
      <c r="U14467">
        <v>97</v>
      </c>
      <c r="V14467">
        <v>98</v>
      </c>
      <c r="W14467">
        <v>100</v>
      </c>
      <c r="X14467">
        <v>101</v>
      </c>
      <c r="Y14467">
        <v>103</v>
      </c>
      <c r="Z14467">
        <v>104</v>
      </c>
      <c r="AA14467">
        <v>106</v>
      </c>
      <c r="AB14467">
        <v>107</v>
      </c>
      <c r="AC14467">
        <v>109</v>
      </c>
      <c r="AD14467">
        <v>110</v>
      </c>
      <c r="AE14467">
        <v>112</v>
      </c>
      <c r="AF14467">
        <v>114</v>
      </c>
      <c r="AG14467">
        <v>115</v>
      </c>
      <c r="AH14467">
        <v>117</v>
      </c>
      <c r="AI14467">
        <v>118</v>
      </c>
      <c r="AJ14467">
        <v>120</v>
      </c>
      <c r="AK14467">
        <v>122</v>
      </c>
      <c r="AL14467">
        <v>123</v>
      </c>
      <c r="AM14467">
        <v>125</v>
      </c>
      <c r="AN14467">
        <v>127</v>
      </c>
      <c r="AO14467">
        <v>128</v>
      </c>
      <c r="AP14467">
        <v>130</v>
      </c>
      <c r="AQ14467">
        <v>132</v>
      </c>
    </row>
    <row r="14468" spans="1:43">
      <c r="A14468" t="s">
        <v>8970</v>
      </c>
      <c r="B14468" t="s">
        <v>8971</v>
      </c>
      <c r="C14468" t="s">
        <v>8962</v>
      </c>
      <c r="D14468" t="s">
        <v>8963</v>
      </c>
      <c r="E14468" t="s">
        <v>8938</v>
      </c>
      <c r="F14468" t="s">
        <v>8939</v>
      </c>
      <c r="G14468" t="s">
        <v>80</v>
      </c>
      <c r="H14468" t="s">
        <v>81</v>
      </c>
      <c r="I14468" s="2">
        <v>0</v>
      </c>
      <c r="J14468" s="2">
        <v>1</v>
      </c>
      <c r="K14468" s="2">
        <v>0</v>
      </c>
      <c r="L14468" t="s">
        <v>82</v>
      </c>
      <c r="M14468" t="s">
        <v>89</v>
      </c>
      <c r="N14468" t="s">
        <v>90</v>
      </c>
      <c r="O14468" t="s">
        <v>85</v>
      </c>
      <c r="P14468" t="s">
        <v>86</v>
      </c>
      <c r="Q14468">
        <v>91</v>
      </c>
      <c r="R14468">
        <v>94</v>
      </c>
      <c r="S14468">
        <v>97</v>
      </c>
      <c r="T14468">
        <v>100</v>
      </c>
      <c r="U14468">
        <v>103</v>
      </c>
      <c r="V14468">
        <v>106</v>
      </c>
      <c r="W14468">
        <v>109</v>
      </c>
      <c r="X14468">
        <v>113</v>
      </c>
      <c r="Y14468">
        <v>116</v>
      </c>
      <c r="Z14468">
        <v>119</v>
      </c>
      <c r="AA14468">
        <v>122</v>
      </c>
      <c r="AB14468">
        <v>125</v>
      </c>
      <c r="AC14468">
        <v>128</v>
      </c>
      <c r="AD14468">
        <v>131</v>
      </c>
      <c r="AE14468">
        <v>134</v>
      </c>
      <c r="AF14468">
        <v>135</v>
      </c>
      <c r="AG14468">
        <v>137</v>
      </c>
      <c r="AH14468">
        <v>138</v>
      </c>
      <c r="AI14468">
        <v>140</v>
      </c>
      <c r="AJ14468">
        <v>141</v>
      </c>
      <c r="AK14468">
        <v>143</v>
      </c>
      <c r="AL14468">
        <v>144</v>
      </c>
      <c r="AM14468">
        <v>146</v>
      </c>
      <c r="AN14468">
        <v>147</v>
      </c>
      <c r="AO14468">
        <v>149</v>
      </c>
      <c r="AP14468">
        <v>150</v>
      </c>
      <c r="AQ14468">
        <v>152</v>
      </c>
    </row>
    <row r="14469" spans="1:43">
      <c r="A14469" t="s">
        <v>8970</v>
      </c>
      <c r="B14469" t="s">
        <v>8971</v>
      </c>
      <c r="C14469" t="s">
        <v>8962</v>
      </c>
      <c r="D14469" t="s">
        <v>8963</v>
      </c>
      <c r="E14469" t="s">
        <v>8938</v>
      </c>
      <c r="F14469" t="s">
        <v>8939</v>
      </c>
      <c r="G14469" t="s">
        <v>80</v>
      </c>
      <c r="H14469" t="s">
        <v>81</v>
      </c>
      <c r="I14469" s="2">
        <v>0</v>
      </c>
      <c r="J14469" s="2">
        <v>1</v>
      </c>
      <c r="K14469" s="2">
        <v>0</v>
      </c>
      <c r="L14469" t="s">
        <v>82</v>
      </c>
      <c r="M14469" t="s">
        <v>83</v>
      </c>
      <c r="N14469" t="s">
        <v>91</v>
      </c>
      <c r="O14469" t="s">
        <v>85</v>
      </c>
      <c r="P14469" t="s">
        <v>86</v>
      </c>
      <c r="Q14469">
        <v>91</v>
      </c>
      <c r="R14469">
        <v>93</v>
      </c>
      <c r="S14469">
        <v>95</v>
      </c>
      <c r="T14469">
        <v>98</v>
      </c>
      <c r="U14469">
        <v>100</v>
      </c>
      <c r="V14469">
        <v>103</v>
      </c>
      <c r="W14469">
        <v>105</v>
      </c>
      <c r="X14469">
        <v>107</v>
      </c>
      <c r="Y14469">
        <v>110</v>
      </c>
      <c r="Z14469">
        <v>113</v>
      </c>
      <c r="AA14469">
        <v>115</v>
      </c>
      <c r="AB14469">
        <v>118</v>
      </c>
      <c r="AC14469">
        <v>120</v>
      </c>
      <c r="AD14469">
        <v>123</v>
      </c>
      <c r="AE14469">
        <v>126</v>
      </c>
      <c r="AF14469">
        <v>128</v>
      </c>
      <c r="AG14469">
        <v>131</v>
      </c>
      <c r="AH14469">
        <v>134</v>
      </c>
      <c r="AI14469">
        <v>136</v>
      </c>
      <c r="AJ14469">
        <v>139</v>
      </c>
      <c r="AK14469">
        <v>142</v>
      </c>
      <c r="AL14469">
        <v>144</v>
      </c>
      <c r="AM14469">
        <v>145</v>
      </c>
      <c r="AN14469">
        <v>147</v>
      </c>
      <c r="AO14469">
        <v>148</v>
      </c>
      <c r="AP14469">
        <v>150</v>
      </c>
      <c r="AQ14469">
        <v>151</v>
      </c>
    </row>
    <row r="14470" spans="1:43">
      <c r="A14470" t="s">
        <v>8972</v>
      </c>
      <c r="B14470" t="s">
        <v>8973</v>
      </c>
      <c r="C14470" t="s">
        <v>8974</v>
      </c>
      <c r="D14470" t="s">
        <v>8975</v>
      </c>
      <c r="E14470" t="s">
        <v>8938</v>
      </c>
      <c r="F14470" t="s">
        <v>8939</v>
      </c>
      <c r="G14470" t="s">
        <v>80</v>
      </c>
      <c r="H14470" t="s">
        <v>81</v>
      </c>
      <c r="I14470" s="2">
        <v>0</v>
      </c>
      <c r="J14470" s="2">
        <v>1</v>
      </c>
      <c r="K14470" s="2">
        <v>0</v>
      </c>
      <c r="L14470" t="s">
        <v>82</v>
      </c>
      <c r="M14470" t="s">
        <v>83</v>
      </c>
      <c r="N14470" t="s">
        <v>84</v>
      </c>
      <c r="O14470" t="s">
        <v>85</v>
      </c>
      <c r="P14470" t="s">
        <v>86</v>
      </c>
      <c r="Q14470">
        <v>8</v>
      </c>
      <c r="R14470">
        <v>8</v>
      </c>
      <c r="S14470">
        <v>8</v>
      </c>
      <c r="T14470">
        <v>8</v>
      </c>
      <c r="U14470">
        <v>8</v>
      </c>
      <c r="V14470">
        <v>9</v>
      </c>
      <c r="W14470">
        <v>9</v>
      </c>
      <c r="X14470">
        <v>9</v>
      </c>
      <c r="Y14470">
        <v>9</v>
      </c>
      <c r="Z14470">
        <v>9</v>
      </c>
      <c r="AA14470">
        <v>10</v>
      </c>
      <c r="AB14470">
        <v>10</v>
      </c>
      <c r="AC14470">
        <v>10</v>
      </c>
      <c r="AD14470">
        <v>10</v>
      </c>
      <c r="AE14470">
        <v>11</v>
      </c>
      <c r="AF14470">
        <v>11</v>
      </c>
      <c r="AG14470">
        <v>11</v>
      </c>
      <c r="AH14470">
        <v>11</v>
      </c>
      <c r="AI14470">
        <v>11</v>
      </c>
      <c r="AJ14470">
        <v>12</v>
      </c>
      <c r="AK14470">
        <v>12</v>
      </c>
      <c r="AL14470">
        <v>12</v>
      </c>
      <c r="AM14470">
        <v>12</v>
      </c>
      <c r="AN14470">
        <v>12</v>
      </c>
      <c r="AO14470">
        <v>12</v>
      </c>
      <c r="AP14470">
        <v>13</v>
      </c>
      <c r="AQ14470">
        <v>13</v>
      </c>
    </row>
    <row r="14471" spans="1:43">
      <c r="A14471" t="s">
        <v>8972</v>
      </c>
      <c r="B14471" t="s">
        <v>8973</v>
      </c>
      <c r="C14471" t="s">
        <v>8974</v>
      </c>
      <c r="D14471" t="s">
        <v>8975</v>
      </c>
      <c r="E14471" t="s">
        <v>8938</v>
      </c>
      <c r="F14471" t="s">
        <v>8939</v>
      </c>
      <c r="G14471" t="s">
        <v>80</v>
      </c>
      <c r="H14471" t="s">
        <v>81</v>
      </c>
      <c r="I14471" s="2">
        <v>0</v>
      </c>
      <c r="J14471" s="2">
        <v>1</v>
      </c>
      <c r="K14471" s="2">
        <v>0</v>
      </c>
      <c r="L14471" t="s">
        <v>82</v>
      </c>
      <c r="M14471" t="s">
        <v>87</v>
      </c>
      <c r="N14471" t="s">
        <v>88</v>
      </c>
      <c r="O14471" t="s">
        <v>85</v>
      </c>
      <c r="P14471" t="s">
        <v>86</v>
      </c>
      <c r="Q14471">
        <v>8</v>
      </c>
      <c r="R14471">
        <v>8</v>
      </c>
      <c r="S14471">
        <v>8</v>
      </c>
      <c r="T14471">
        <v>8</v>
      </c>
      <c r="U14471">
        <v>8</v>
      </c>
      <c r="V14471">
        <v>8</v>
      </c>
      <c r="W14471">
        <v>8</v>
      </c>
      <c r="X14471">
        <v>8</v>
      </c>
      <c r="Y14471">
        <v>9</v>
      </c>
      <c r="Z14471">
        <v>9</v>
      </c>
      <c r="AA14471">
        <v>9</v>
      </c>
      <c r="AB14471">
        <v>9</v>
      </c>
      <c r="AC14471">
        <v>9</v>
      </c>
      <c r="AD14471">
        <v>9</v>
      </c>
      <c r="AE14471">
        <v>9</v>
      </c>
      <c r="AF14471">
        <v>9</v>
      </c>
      <c r="AG14471">
        <v>10</v>
      </c>
      <c r="AH14471">
        <v>10</v>
      </c>
      <c r="AI14471">
        <v>10</v>
      </c>
      <c r="AJ14471">
        <v>10</v>
      </c>
      <c r="AK14471">
        <v>10</v>
      </c>
      <c r="AL14471">
        <v>10</v>
      </c>
      <c r="AM14471">
        <v>10</v>
      </c>
      <c r="AN14471">
        <v>11</v>
      </c>
      <c r="AO14471">
        <v>11</v>
      </c>
      <c r="AP14471">
        <v>11</v>
      </c>
      <c r="AQ14471">
        <v>11</v>
      </c>
    </row>
    <row r="14472" spans="1:43">
      <c r="A14472" t="s">
        <v>8972</v>
      </c>
      <c r="B14472" t="s">
        <v>8973</v>
      </c>
      <c r="C14472" t="s">
        <v>8974</v>
      </c>
      <c r="D14472" t="s">
        <v>8975</v>
      </c>
      <c r="E14472" t="s">
        <v>8938</v>
      </c>
      <c r="F14472" t="s">
        <v>8939</v>
      </c>
      <c r="G14472" t="s">
        <v>80</v>
      </c>
      <c r="H14472" t="s">
        <v>81</v>
      </c>
      <c r="I14472" s="2">
        <v>0</v>
      </c>
      <c r="J14472" s="2">
        <v>1</v>
      </c>
      <c r="K14472" s="2">
        <v>0</v>
      </c>
      <c r="L14472" t="s">
        <v>82</v>
      </c>
      <c r="M14472" t="s">
        <v>89</v>
      </c>
      <c r="N14472" t="s">
        <v>90</v>
      </c>
      <c r="O14472" t="s">
        <v>85</v>
      </c>
      <c r="P14472" t="s">
        <v>86</v>
      </c>
      <c r="Q14472">
        <v>8</v>
      </c>
      <c r="R14472">
        <v>8</v>
      </c>
      <c r="S14472">
        <v>8</v>
      </c>
      <c r="T14472">
        <v>8</v>
      </c>
      <c r="U14472">
        <v>9</v>
      </c>
      <c r="V14472">
        <v>9</v>
      </c>
      <c r="W14472">
        <v>9</v>
      </c>
      <c r="X14472">
        <v>10</v>
      </c>
      <c r="Y14472">
        <v>10</v>
      </c>
      <c r="Z14472">
        <v>10</v>
      </c>
      <c r="AA14472">
        <v>10</v>
      </c>
      <c r="AB14472">
        <v>11</v>
      </c>
      <c r="AC14472">
        <v>11</v>
      </c>
      <c r="AD14472">
        <v>11</v>
      </c>
      <c r="AE14472">
        <v>11</v>
      </c>
      <c r="AF14472">
        <v>11</v>
      </c>
      <c r="AG14472">
        <v>12</v>
      </c>
      <c r="AH14472">
        <v>12</v>
      </c>
      <c r="AI14472">
        <v>12</v>
      </c>
      <c r="AJ14472">
        <v>12</v>
      </c>
      <c r="AK14472">
        <v>12</v>
      </c>
      <c r="AL14472">
        <v>12</v>
      </c>
      <c r="AM14472">
        <v>12</v>
      </c>
      <c r="AN14472">
        <v>12</v>
      </c>
      <c r="AO14472">
        <v>12</v>
      </c>
      <c r="AP14472">
        <v>13</v>
      </c>
      <c r="AQ14472">
        <v>13</v>
      </c>
    </row>
    <row r="14473" spans="1:43">
      <c r="A14473" t="s">
        <v>8972</v>
      </c>
      <c r="B14473" t="s">
        <v>8973</v>
      </c>
      <c r="C14473" t="s">
        <v>8974</v>
      </c>
      <c r="D14473" t="s">
        <v>8975</v>
      </c>
      <c r="E14473" t="s">
        <v>8938</v>
      </c>
      <c r="F14473" t="s">
        <v>8939</v>
      </c>
      <c r="G14473" t="s">
        <v>80</v>
      </c>
      <c r="H14473" t="s">
        <v>81</v>
      </c>
      <c r="I14473" s="2">
        <v>0</v>
      </c>
      <c r="J14473" s="2">
        <v>1</v>
      </c>
      <c r="K14473" s="2">
        <v>0</v>
      </c>
      <c r="L14473" t="s">
        <v>82</v>
      </c>
      <c r="M14473" t="s">
        <v>83</v>
      </c>
      <c r="N14473" t="s">
        <v>91</v>
      </c>
      <c r="O14473" t="s">
        <v>85</v>
      </c>
      <c r="P14473" t="s">
        <v>86</v>
      </c>
      <c r="Q14473">
        <v>8</v>
      </c>
      <c r="R14473">
        <v>8</v>
      </c>
      <c r="S14473">
        <v>8</v>
      </c>
      <c r="T14473">
        <v>8</v>
      </c>
      <c r="U14473">
        <v>8</v>
      </c>
      <c r="V14473">
        <v>9</v>
      </c>
      <c r="W14473">
        <v>9</v>
      </c>
      <c r="X14473">
        <v>9</v>
      </c>
      <c r="Y14473">
        <v>9</v>
      </c>
      <c r="Z14473">
        <v>9</v>
      </c>
      <c r="AA14473">
        <v>10</v>
      </c>
      <c r="AB14473">
        <v>10</v>
      </c>
      <c r="AC14473">
        <v>10</v>
      </c>
      <c r="AD14473">
        <v>10</v>
      </c>
      <c r="AE14473">
        <v>11</v>
      </c>
      <c r="AF14473">
        <v>11</v>
      </c>
      <c r="AG14473">
        <v>11</v>
      </c>
      <c r="AH14473">
        <v>11</v>
      </c>
      <c r="AI14473">
        <v>11</v>
      </c>
      <c r="AJ14473">
        <v>12</v>
      </c>
      <c r="AK14473">
        <v>12</v>
      </c>
      <c r="AL14473">
        <v>12</v>
      </c>
      <c r="AM14473">
        <v>12</v>
      </c>
      <c r="AN14473">
        <v>12</v>
      </c>
      <c r="AO14473">
        <v>12</v>
      </c>
      <c r="AP14473">
        <v>13</v>
      </c>
      <c r="AQ14473">
        <v>13</v>
      </c>
    </row>
    <row r="14474" spans="1:43">
      <c r="A14474" t="s">
        <v>8976</v>
      </c>
      <c r="B14474" t="s">
        <v>8977</v>
      </c>
      <c r="C14474" t="s">
        <v>8974</v>
      </c>
      <c r="D14474" t="s">
        <v>8975</v>
      </c>
      <c r="E14474" t="s">
        <v>8938</v>
      </c>
      <c r="F14474" t="s">
        <v>8939</v>
      </c>
      <c r="G14474" t="s">
        <v>80</v>
      </c>
      <c r="H14474" t="s">
        <v>81</v>
      </c>
      <c r="I14474" s="2">
        <v>0</v>
      </c>
      <c r="J14474" s="2">
        <v>1</v>
      </c>
      <c r="K14474" s="2">
        <v>0</v>
      </c>
      <c r="L14474" t="s">
        <v>82</v>
      </c>
      <c r="M14474" t="s">
        <v>83</v>
      </c>
      <c r="N14474" t="s">
        <v>84</v>
      </c>
      <c r="O14474" t="s">
        <v>85</v>
      </c>
      <c r="P14474" t="s">
        <v>86</v>
      </c>
      <c r="Q14474">
        <v>49</v>
      </c>
      <c r="R14474">
        <v>50</v>
      </c>
      <c r="S14474">
        <v>51</v>
      </c>
      <c r="T14474">
        <v>53</v>
      </c>
      <c r="U14474">
        <v>54</v>
      </c>
      <c r="V14474">
        <v>55</v>
      </c>
      <c r="W14474">
        <v>57</v>
      </c>
      <c r="X14474">
        <v>58</v>
      </c>
      <c r="Y14474">
        <v>59</v>
      </c>
      <c r="Z14474">
        <v>61</v>
      </c>
      <c r="AA14474">
        <v>62</v>
      </c>
      <c r="AB14474">
        <v>64</v>
      </c>
      <c r="AC14474">
        <v>65</v>
      </c>
      <c r="AD14474">
        <v>66</v>
      </c>
      <c r="AE14474">
        <v>68</v>
      </c>
      <c r="AF14474">
        <v>69</v>
      </c>
      <c r="AG14474">
        <v>71</v>
      </c>
      <c r="AH14474">
        <v>72</v>
      </c>
      <c r="AI14474">
        <v>74</v>
      </c>
      <c r="AJ14474">
        <v>75</v>
      </c>
      <c r="AK14474">
        <v>77</v>
      </c>
      <c r="AL14474">
        <v>78</v>
      </c>
      <c r="AM14474">
        <v>79</v>
      </c>
      <c r="AN14474">
        <v>79</v>
      </c>
      <c r="AO14474">
        <v>80</v>
      </c>
      <c r="AP14474">
        <v>81</v>
      </c>
      <c r="AQ14474">
        <v>82</v>
      </c>
    </row>
    <row r="14475" spans="1:43">
      <c r="A14475" t="s">
        <v>8976</v>
      </c>
      <c r="B14475" t="s">
        <v>8977</v>
      </c>
      <c r="C14475" t="s">
        <v>8974</v>
      </c>
      <c r="D14475" t="s">
        <v>8975</v>
      </c>
      <c r="E14475" t="s">
        <v>8938</v>
      </c>
      <c r="F14475" t="s">
        <v>8939</v>
      </c>
      <c r="G14475" t="s">
        <v>80</v>
      </c>
      <c r="H14475" t="s">
        <v>81</v>
      </c>
      <c r="I14475" s="2">
        <v>0</v>
      </c>
      <c r="J14475" s="2">
        <v>1</v>
      </c>
      <c r="K14475" s="2">
        <v>0</v>
      </c>
      <c r="L14475" t="s">
        <v>82</v>
      </c>
      <c r="M14475" t="s">
        <v>87</v>
      </c>
      <c r="N14475" t="s">
        <v>88</v>
      </c>
      <c r="O14475" t="s">
        <v>85</v>
      </c>
      <c r="P14475" t="s">
        <v>86</v>
      </c>
      <c r="Q14475">
        <v>49</v>
      </c>
      <c r="R14475">
        <v>50</v>
      </c>
      <c r="S14475">
        <v>51</v>
      </c>
      <c r="T14475">
        <v>52</v>
      </c>
      <c r="U14475">
        <v>53</v>
      </c>
      <c r="V14475">
        <v>53</v>
      </c>
      <c r="W14475">
        <v>54</v>
      </c>
      <c r="X14475">
        <v>55</v>
      </c>
      <c r="Y14475">
        <v>56</v>
      </c>
      <c r="Z14475">
        <v>57</v>
      </c>
      <c r="AA14475">
        <v>58</v>
      </c>
      <c r="AB14475">
        <v>58</v>
      </c>
      <c r="AC14475">
        <v>59</v>
      </c>
      <c r="AD14475">
        <v>60</v>
      </c>
      <c r="AE14475">
        <v>61</v>
      </c>
      <c r="AF14475">
        <v>62</v>
      </c>
      <c r="AG14475">
        <v>63</v>
      </c>
      <c r="AH14475">
        <v>64</v>
      </c>
      <c r="AI14475">
        <v>65</v>
      </c>
      <c r="AJ14475">
        <v>65</v>
      </c>
      <c r="AK14475">
        <v>66</v>
      </c>
      <c r="AL14475">
        <v>67</v>
      </c>
      <c r="AM14475">
        <v>68</v>
      </c>
      <c r="AN14475">
        <v>69</v>
      </c>
      <c r="AO14475">
        <v>70</v>
      </c>
      <c r="AP14475">
        <v>71</v>
      </c>
      <c r="AQ14475">
        <v>72</v>
      </c>
    </row>
    <row r="14476" spans="1:43">
      <c r="A14476" t="s">
        <v>8976</v>
      </c>
      <c r="B14476" t="s">
        <v>8977</v>
      </c>
      <c r="C14476" t="s">
        <v>8974</v>
      </c>
      <c r="D14476" t="s">
        <v>8975</v>
      </c>
      <c r="E14476" t="s">
        <v>8938</v>
      </c>
      <c r="F14476" t="s">
        <v>8939</v>
      </c>
      <c r="G14476" t="s">
        <v>80</v>
      </c>
      <c r="H14476" t="s">
        <v>81</v>
      </c>
      <c r="I14476" s="2">
        <v>0</v>
      </c>
      <c r="J14476" s="2">
        <v>1</v>
      </c>
      <c r="K14476" s="2">
        <v>0</v>
      </c>
      <c r="L14476" t="s">
        <v>82</v>
      </c>
      <c r="M14476" t="s">
        <v>89</v>
      </c>
      <c r="N14476" t="s">
        <v>90</v>
      </c>
      <c r="O14476" t="s">
        <v>85</v>
      </c>
      <c r="P14476" t="s">
        <v>86</v>
      </c>
      <c r="Q14476">
        <v>49</v>
      </c>
      <c r="R14476">
        <v>51</v>
      </c>
      <c r="S14476">
        <v>53</v>
      </c>
      <c r="T14476">
        <v>54</v>
      </c>
      <c r="U14476">
        <v>56</v>
      </c>
      <c r="V14476">
        <v>58</v>
      </c>
      <c r="W14476">
        <v>60</v>
      </c>
      <c r="X14476">
        <v>61</v>
      </c>
      <c r="Y14476">
        <v>63</v>
      </c>
      <c r="Z14476">
        <v>65</v>
      </c>
      <c r="AA14476">
        <v>66</v>
      </c>
      <c r="AB14476">
        <v>68</v>
      </c>
      <c r="AC14476">
        <v>70</v>
      </c>
      <c r="AD14476">
        <v>72</v>
      </c>
      <c r="AE14476">
        <v>73</v>
      </c>
      <c r="AF14476">
        <v>74</v>
      </c>
      <c r="AG14476">
        <v>74</v>
      </c>
      <c r="AH14476">
        <v>75</v>
      </c>
      <c r="AI14476">
        <v>76</v>
      </c>
      <c r="AJ14476">
        <v>77</v>
      </c>
      <c r="AK14476">
        <v>77</v>
      </c>
      <c r="AL14476">
        <v>78</v>
      </c>
      <c r="AM14476">
        <v>79</v>
      </c>
      <c r="AN14476">
        <v>80</v>
      </c>
      <c r="AO14476">
        <v>80</v>
      </c>
      <c r="AP14476">
        <v>81</v>
      </c>
      <c r="AQ14476">
        <v>82</v>
      </c>
    </row>
    <row r="14477" spans="1:43">
      <c r="A14477" t="s">
        <v>8976</v>
      </c>
      <c r="B14477" t="s">
        <v>8977</v>
      </c>
      <c r="C14477" t="s">
        <v>8974</v>
      </c>
      <c r="D14477" t="s">
        <v>8975</v>
      </c>
      <c r="E14477" t="s">
        <v>8938</v>
      </c>
      <c r="F14477" t="s">
        <v>8939</v>
      </c>
      <c r="G14477" t="s">
        <v>80</v>
      </c>
      <c r="H14477" t="s">
        <v>81</v>
      </c>
      <c r="I14477" s="2">
        <v>0</v>
      </c>
      <c r="J14477" s="2">
        <v>1</v>
      </c>
      <c r="K14477" s="2">
        <v>0</v>
      </c>
      <c r="L14477" t="s">
        <v>82</v>
      </c>
      <c r="M14477" t="s">
        <v>83</v>
      </c>
      <c r="N14477" t="s">
        <v>91</v>
      </c>
      <c r="O14477" t="s">
        <v>85</v>
      </c>
      <c r="P14477" t="s">
        <v>86</v>
      </c>
      <c r="Q14477">
        <v>49</v>
      </c>
      <c r="R14477">
        <v>50</v>
      </c>
      <c r="S14477">
        <v>51</v>
      </c>
      <c r="T14477">
        <v>53</v>
      </c>
      <c r="U14477">
        <v>54</v>
      </c>
      <c r="V14477">
        <v>55</v>
      </c>
      <c r="W14477">
        <v>57</v>
      </c>
      <c r="X14477">
        <v>58</v>
      </c>
      <c r="Y14477">
        <v>59</v>
      </c>
      <c r="Z14477">
        <v>61</v>
      </c>
      <c r="AA14477">
        <v>62</v>
      </c>
      <c r="AB14477">
        <v>64</v>
      </c>
      <c r="AC14477">
        <v>65</v>
      </c>
      <c r="AD14477">
        <v>66</v>
      </c>
      <c r="AE14477">
        <v>68</v>
      </c>
      <c r="AF14477">
        <v>69</v>
      </c>
      <c r="AG14477">
        <v>71</v>
      </c>
      <c r="AH14477">
        <v>72</v>
      </c>
      <c r="AI14477">
        <v>74</v>
      </c>
      <c r="AJ14477">
        <v>75</v>
      </c>
      <c r="AK14477">
        <v>77</v>
      </c>
      <c r="AL14477">
        <v>78</v>
      </c>
      <c r="AM14477">
        <v>79</v>
      </c>
      <c r="AN14477">
        <v>79</v>
      </c>
      <c r="AO14477">
        <v>80</v>
      </c>
      <c r="AP14477">
        <v>81</v>
      </c>
      <c r="AQ14477">
        <v>82</v>
      </c>
    </row>
    <row r="14478" spans="1:43">
      <c r="A14478" t="s">
        <v>8978</v>
      </c>
      <c r="B14478" t="s">
        <v>8979</v>
      </c>
      <c r="C14478" t="s">
        <v>8974</v>
      </c>
      <c r="D14478" t="s">
        <v>8975</v>
      </c>
      <c r="E14478" t="s">
        <v>8938</v>
      </c>
      <c r="F14478" t="s">
        <v>8939</v>
      </c>
      <c r="G14478" t="s">
        <v>80</v>
      </c>
      <c r="H14478" t="s">
        <v>81</v>
      </c>
      <c r="I14478" s="2">
        <v>0</v>
      </c>
      <c r="J14478" s="2">
        <v>1</v>
      </c>
      <c r="K14478" s="2">
        <v>0</v>
      </c>
      <c r="L14478" t="s">
        <v>82</v>
      </c>
      <c r="M14478" t="s">
        <v>83</v>
      </c>
      <c r="N14478" t="s">
        <v>84</v>
      </c>
      <c r="O14478" t="s">
        <v>85</v>
      </c>
      <c r="P14478" t="s">
        <v>86</v>
      </c>
      <c r="Q14478">
        <v>53</v>
      </c>
      <c r="R14478">
        <v>54</v>
      </c>
      <c r="S14478">
        <v>56</v>
      </c>
      <c r="T14478">
        <v>57</v>
      </c>
      <c r="U14478">
        <v>59</v>
      </c>
      <c r="V14478">
        <v>60</v>
      </c>
      <c r="W14478">
        <v>61</v>
      </c>
      <c r="X14478">
        <v>63</v>
      </c>
      <c r="Y14478">
        <v>64</v>
      </c>
      <c r="Z14478">
        <v>66</v>
      </c>
      <c r="AA14478">
        <v>67</v>
      </c>
      <c r="AB14478">
        <v>69</v>
      </c>
      <c r="AC14478">
        <v>71</v>
      </c>
      <c r="AD14478">
        <v>72</v>
      </c>
      <c r="AE14478">
        <v>74</v>
      </c>
      <c r="AF14478">
        <v>75</v>
      </c>
      <c r="AG14478">
        <v>77</v>
      </c>
      <c r="AH14478">
        <v>78</v>
      </c>
      <c r="AI14478">
        <v>80</v>
      </c>
      <c r="AJ14478">
        <v>82</v>
      </c>
      <c r="AK14478">
        <v>83</v>
      </c>
      <c r="AL14478">
        <v>84</v>
      </c>
      <c r="AM14478">
        <v>85</v>
      </c>
      <c r="AN14478">
        <v>86</v>
      </c>
      <c r="AO14478">
        <v>87</v>
      </c>
      <c r="AP14478">
        <v>88</v>
      </c>
      <c r="AQ14478">
        <v>89</v>
      </c>
    </row>
    <row r="14479" spans="1:43">
      <c r="A14479" t="s">
        <v>8978</v>
      </c>
      <c r="B14479" t="s">
        <v>8979</v>
      </c>
      <c r="C14479" t="s">
        <v>8974</v>
      </c>
      <c r="D14479" t="s">
        <v>8975</v>
      </c>
      <c r="E14479" t="s">
        <v>8938</v>
      </c>
      <c r="F14479" t="s">
        <v>8939</v>
      </c>
      <c r="G14479" t="s">
        <v>80</v>
      </c>
      <c r="H14479" t="s">
        <v>81</v>
      </c>
      <c r="I14479" s="2">
        <v>0</v>
      </c>
      <c r="J14479" s="2">
        <v>1</v>
      </c>
      <c r="K14479" s="2">
        <v>0</v>
      </c>
      <c r="L14479" t="s">
        <v>82</v>
      </c>
      <c r="M14479" t="s">
        <v>87</v>
      </c>
      <c r="N14479" t="s">
        <v>88</v>
      </c>
      <c r="O14479" t="s">
        <v>85</v>
      </c>
      <c r="P14479" t="s">
        <v>86</v>
      </c>
      <c r="Q14479">
        <v>53</v>
      </c>
      <c r="R14479">
        <v>53</v>
      </c>
      <c r="S14479">
        <v>54</v>
      </c>
      <c r="T14479">
        <v>55</v>
      </c>
      <c r="U14479">
        <v>56</v>
      </c>
      <c r="V14479">
        <v>57</v>
      </c>
      <c r="W14479">
        <v>58</v>
      </c>
      <c r="X14479">
        <v>59</v>
      </c>
      <c r="Y14479">
        <v>60</v>
      </c>
      <c r="Z14479">
        <v>60</v>
      </c>
      <c r="AA14479">
        <v>61</v>
      </c>
      <c r="AB14479">
        <v>62</v>
      </c>
      <c r="AC14479">
        <v>63</v>
      </c>
      <c r="AD14479">
        <v>64</v>
      </c>
      <c r="AE14479">
        <v>65</v>
      </c>
      <c r="AF14479">
        <v>66</v>
      </c>
      <c r="AG14479">
        <v>67</v>
      </c>
      <c r="AH14479">
        <v>68</v>
      </c>
      <c r="AI14479">
        <v>69</v>
      </c>
      <c r="AJ14479">
        <v>70</v>
      </c>
      <c r="AK14479">
        <v>71</v>
      </c>
      <c r="AL14479">
        <v>72</v>
      </c>
      <c r="AM14479">
        <v>73</v>
      </c>
      <c r="AN14479">
        <v>74</v>
      </c>
      <c r="AO14479">
        <v>75</v>
      </c>
      <c r="AP14479">
        <v>76</v>
      </c>
      <c r="AQ14479">
        <v>77</v>
      </c>
    </row>
    <row r="14480" spans="1:43">
      <c r="A14480" t="s">
        <v>8978</v>
      </c>
      <c r="B14480" t="s">
        <v>8979</v>
      </c>
      <c r="C14480" t="s">
        <v>8974</v>
      </c>
      <c r="D14480" t="s">
        <v>8975</v>
      </c>
      <c r="E14480" t="s">
        <v>8938</v>
      </c>
      <c r="F14480" t="s">
        <v>8939</v>
      </c>
      <c r="G14480" t="s">
        <v>80</v>
      </c>
      <c r="H14480" t="s">
        <v>81</v>
      </c>
      <c r="I14480" s="2">
        <v>0</v>
      </c>
      <c r="J14480" s="2">
        <v>1</v>
      </c>
      <c r="K14480" s="2">
        <v>0</v>
      </c>
      <c r="L14480" t="s">
        <v>82</v>
      </c>
      <c r="M14480" t="s">
        <v>89</v>
      </c>
      <c r="N14480" t="s">
        <v>90</v>
      </c>
      <c r="O14480" t="s">
        <v>85</v>
      </c>
      <c r="P14480" t="s">
        <v>86</v>
      </c>
      <c r="Q14480">
        <v>53</v>
      </c>
      <c r="R14480">
        <v>54</v>
      </c>
      <c r="S14480">
        <v>56</v>
      </c>
      <c r="T14480">
        <v>58</v>
      </c>
      <c r="U14480">
        <v>60</v>
      </c>
      <c r="V14480">
        <v>62</v>
      </c>
      <c r="W14480">
        <v>64</v>
      </c>
      <c r="X14480">
        <v>65</v>
      </c>
      <c r="Y14480">
        <v>67</v>
      </c>
      <c r="Z14480">
        <v>69</v>
      </c>
      <c r="AA14480">
        <v>71</v>
      </c>
      <c r="AB14480">
        <v>73</v>
      </c>
      <c r="AC14480">
        <v>75</v>
      </c>
      <c r="AD14480">
        <v>77</v>
      </c>
      <c r="AE14480">
        <v>78</v>
      </c>
      <c r="AF14480">
        <v>79</v>
      </c>
      <c r="AG14480">
        <v>80</v>
      </c>
      <c r="AH14480">
        <v>81</v>
      </c>
      <c r="AI14480">
        <v>81</v>
      </c>
      <c r="AJ14480">
        <v>82</v>
      </c>
      <c r="AK14480">
        <v>83</v>
      </c>
      <c r="AL14480">
        <v>84</v>
      </c>
      <c r="AM14480">
        <v>85</v>
      </c>
      <c r="AN14480">
        <v>86</v>
      </c>
      <c r="AO14480">
        <v>86</v>
      </c>
      <c r="AP14480">
        <v>87</v>
      </c>
      <c r="AQ14480">
        <v>88</v>
      </c>
    </row>
    <row r="14481" spans="1:43">
      <c r="A14481" t="s">
        <v>8978</v>
      </c>
      <c r="B14481" t="s">
        <v>8979</v>
      </c>
      <c r="C14481" t="s">
        <v>8974</v>
      </c>
      <c r="D14481" t="s">
        <v>8975</v>
      </c>
      <c r="E14481" t="s">
        <v>8938</v>
      </c>
      <c r="F14481" t="s">
        <v>8939</v>
      </c>
      <c r="G14481" t="s">
        <v>80</v>
      </c>
      <c r="H14481" t="s">
        <v>81</v>
      </c>
      <c r="I14481" s="2">
        <v>0</v>
      </c>
      <c r="J14481" s="2">
        <v>1</v>
      </c>
      <c r="K14481" s="2">
        <v>0</v>
      </c>
      <c r="L14481" t="s">
        <v>82</v>
      </c>
      <c r="M14481" t="s">
        <v>83</v>
      </c>
      <c r="N14481" t="s">
        <v>91</v>
      </c>
      <c r="O14481" t="s">
        <v>85</v>
      </c>
      <c r="P14481" t="s">
        <v>86</v>
      </c>
      <c r="Q14481">
        <v>53</v>
      </c>
      <c r="R14481">
        <v>54</v>
      </c>
      <c r="S14481">
        <v>56</v>
      </c>
      <c r="T14481">
        <v>57</v>
      </c>
      <c r="U14481">
        <v>59</v>
      </c>
      <c r="V14481">
        <v>60</v>
      </c>
      <c r="W14481">
        <v>61</v>
      </c>
      <c r="X14481">
        <v>63</v>
      </c>
      <c r="Y14481">
        <v>64</v>
      </c>
      <c r="Z14481">
        <v>66</v>
      </c>
      <c r="AA14481">
        <v>67</v>
      </c>
      <c r="AB14481">
        <v>69</v>
      </c>
      <c r="AC14481">
        <v>71</v>
      </c>
      <c r="AD14481">
        <v>72</v>
      </c>
      <c r="AE14481">
        <v>74</v>
      </c>
      <c r="AF14481">
        <v>75</v>
      </c>
      <c r="AG14481">
        <v>77</v>
      </c>
      <c r="AH14481">
        <v>78</v>
      </c>
      <c r="AI14481">
        <v>80</v>
      </c>
      <c r="AJ14481">
        <v>82</v>
      </c>
      <c r="AK14481">
        <v>83</v>
      </c>
      <c r="AL14481">
        <v>84</v>
      </c>
      <c r="AM14481">
        <v>85</v>
      </c>
      <c r="AN14481">
        <v>86</v>
      </c>
      <c r="AO14481">
        <v>87</v>
      </c>
      <c r="AP14481">
        <v>88</v>
      </c>
      <c r="AQ14481">
        <v>89</v>
      </c>
    </row>
    <row r="14482" spans="1:43">
      <c r="A14482" t="s">
        <v>8980</v>
      </c>
      <c r="B14482" t="s">
        <v>8981</v>
      </c>
      <c r="C14482" t="s">
        <v>8974</v>
      </c>
      <c r="D14482" t="s">
        <v>8975</v>
      </c>
      <c r="E14482" t="s">
        <v>8938</v>
      </c>
      <c r="F14482" t="s">
        <v>8939</v>
      </c>
      <c r="G14482" t="s">
        <v>80</v>
      </c>
      <c r="H14482" t="s">
        <v>81</v>
      </c>
      <c r="I14482" s="2">
        <v>0</v>
      </c>
      <c r="J14482" s="2">
        <v>1</v>
      </c>
      <c r="K14482" s="2">
        <v>0</v>
      </c>
      <c r="L14482" t="s">
        <v>82</v>
      </c>
      <c r="M14482" t="s">
        <v>83</v>
      </c>
      <c r="N14482" t="s">
        <v>84</v>
      </c>
      <c r="O14482" t="s">
        <v>85</v>
      </c>
      <c r="P14482" t="s">
        <v>86</v>
      </c>
      <c r="Q14482">
        <v>21</v>
      </c>
      <c r="R14482">
        <v>21</v>
      </c>
      <c r="S14482">
        <v>22</v>
      </c>
      <c r="T14482">
        <v>22</v>
      </c>
      <c r="U14482">
        <v>23</v>
      </c>
      <c r="V14482">
        <v>23</v>
      </c>
      <c r="W14482">
        <v>24</v>
      </c>
      <c r="X14482">
        <v>24</v>
      </c>
      <c r="Y14482">
        <v>25</v>
      </c>
      <c r="Z14482">
        <v>26</v>
      </c>
      <c r="AA14482">
        <v>26</v>
      </c>
      <c r="AB14482">
        <v>27</v>
      </c>
      <c r="AC14482">
        <v>27</v>
      </c>
      <c r="AD14482">
        <v>28</v>
      </c>
      <c r="AE14482">
        <v>28</v>
      </c>
      <c r="AF14482">
        <v>29</v>
      </c>
      <c r="AG14482">
        <v>30</v>
      </c>
      <c r="AH14482">
        <v>30</v>
      </c>
      <c r="AI14482">
        <v>31</v>
      </c>
      <c r="AJ14482">
        <v>32</v>
      </c>
      <c r="AK14482">
        <v>32</v>
      </c>
      <c r="AL14482">
        <v>33</v>
      </c>
      <c r="AM14482">
        <v>33</v>
      </c>
      <c r="AN14482">
        <v>33</v>
      </c>
      <c r="AO14482">
        <v>34</v>
      </c>
      <c r="AP14482">
        <v>34</v>
      </c>
      <c r="AQ14482">
        <v>34</v>
      </c>
    </row>
    <row r="14483" spans="1:43">
      <c r="A14483" t="s">
        <v>8980</v>
      </c>
      <c r="B14483" t="s">
        <v>8981</v>
      </c>
      <c r="C14483" t="s">
        <v>8974</v>
      </c>
      <c r="D14483" t="s">
        <v>8975</v>
      </c>
      <c r="E14483" t="s">
        <v>8938</v>
      </c>
      <c r="F14483" t="s">
        <v>8939</v>
      </c>
      <c r="G14483" t="s">
        <v>80</v>
      </c>
      <c r="H14483" t="s">
        <v>81</v>
      </c>
      <c r="I14483" s="2">
        <v>0</v>
      </c>
      <c r="J14483" s="2">
        <v>1</v>
      </c>
      <c r="K14483" s="2">
        <v>0</v>
      </c>
      <c r="L14483" t="s">
        <v>82</v>
      </c>
      <c r="M14483" t="s">
        <v>87</v>
      </c>
      <c r="N14483" t="s">
        <v>88</v>
      </c>
      <c r="O14483" t="s">
        <v>85</v>
      </c>
      <c r="P14483" t="s">
        <v>86</v>
      </c>
      <c r="Q14483">
        <v>21</v>
      </c>
      <c r="R14483">
        <v>22</v>
      </c>
      <c r="S14483">
        <v>22</v>
      </c>
      <c r="T14483">
        <v>22</v>
      </c>
      <c r="U14483">
        <v>23</v>
      </c>
      <c r="V14483">
        <v>23</v>
      </c>
      <c r="W14483">
        <v>23</v>
      </c>
      <c r="X14483">
        <v>24</v>
      </c>
      <c r="Y14483">
        <v>24</v>
      </c>
      <c r="Z14483">
        <v>24</v>
      </c>
      <c r="AA14483">
        <v>25</v>
      </c>
      <c r="AB14483">
        <v>25</v>
      </c>
      <c r="AC14483">
        <v>25</v>
      </c>
      <c r="AD14483">
        <v>26</v>
      </c>
      <c r="AE14483">
        <v>26</v>
      </c>
      <c r="AF14483">
        <v>27</v>
      </c>
      <c r="AG14483">
        <v>27</v>
      </c>
      <c r="AH14483">
        <v>27</v>
      </c>
      <c r="AI14483">
        <v>28</v>
      </c>
      <c r="AJ14483">
        <v>28</v>
      </c>
      <c r="AK14483">
        <v>28</v>
      </c>
      <c r="AL14483">
        <v>29</v>
      </c>
      <c r="AM14483">
        <v>29</v>
      </c>
      <c r="AN14483">
        <v>30</v>
      </c>
      <c r="AO14483">
        <v>30</v>
      </c>
      <c r="AP14483">
        <v>30</v>
      </c>
      <c r="AQ14483">
        <v>31</v>
      </c>
    </row>
    <row r="14484" spans="1:43">
      <c r="A14484" t="s">
        <v>8980</v>
      </c>
      <c r="B14484" t="s">
        <v>8981</v>
      </c>
      <c r="C14484" t="s">
        <v>8974</v>
      </c>
      <c r="D14484" t="s">
        <v>8975</v>
      </c>
      <c r="E14484" t="s">
        <v>8938</v>
      </c>
      <c r="F14484" t="s">
        <v>8939</v>
      </c>
      <c r="G14484" t="s">
        <v>80</v>
      </c>
      <c r="H14484" t="s">
        <v>81</v>
      </c>
      <c r="I14484" s="2">
        <v>0</v>
      </c>
      <c r="J14484" s="2">
        <v>1</v>
      </c>
      <c r="K14484" s="2">
        <v>0</v>
      </c>
      <c r="L14484" t="s">
        <v>82</v>
      </c>
      <c r="M14484" t="s">
        <v>89</v>
      </c>
      <c r="N14484" t="s">
        <v>90</v>
      </c>
      <c r="O14484" t="s">
        <v>85</v>
      </c>
      <c r="P14484" t="s">
        <v>86</v>
      </c>
      <c r="Q14484">
        <v>21</v>
      </c>
      <c r="R14484">
        <v>21</v>
      </c>
      <c r="S14484">
        <v>22</v>
      </c>
      <c r="T14484">
        <v>23</v>
      </c>
      <c r="U14484">
        <v>24</v>
      </c>
      <c r="V14484">
        <v>24</v>
      </c>
      <c r="W14484">
        <v>25</v>
      </c>
      <c r="X14484">
        <v>26</v>
      </c>
      <c r="Y14484">
        <v>26</v>
      </c>
      <c r="Z14484">
        <v>27</v>
      </c>
      <c r="AA14484">
        <v>28</v>
      </c>
      <c r="AB14484">
        <v>29</v>
      </c>
      <c r="AC14484">
        <v>29</v>
      </c>
      <c r="AD14484">
        <v>30</v>
      </c>
      <c r="AE14484">
        <v>31</v>
      </c>
      <c r="AF14484">
        <v>31</v>
      </c>
      <c r="AG14484">
        <v>31</v>
      </c>
      <c r="AH14484">
        <v>32</v>
      </c>
      <c r="AI14484">
        <v>32</v>
      </c>
      <c r="AJ14484">
        <v>32</v>
      </c>
      <c r="AK14484">
        <v>33</v>
      </c>
      <c r="AL14484">
        <v>33</v>
      </c>
      <c r="AM14484">
        <v>33</v>
      </c>
      <c r="AN14484">
        <v>33</v>
      </c>
      <c r="AO14484">
        <v>34</v>
      </c>
      <c r="AP14484">
        <v>34</v>
      </c>
      <c r="AQ14484">
        <v>34</v>
      </c>
    </row>
    <row r="14485" spans="1:43">
      <c r="A14485" t="s">
        <v>8980</v>
      </c>
      <c r="B14485" t="s">
        <v>8981</v>
      </c>
      <c r="C14485" t="s">
        <v>8974</v>
      </c>
      <c r="D14485" t="s">
        <v>8975</v>
      </c>
      <c r="E14485" t="s">
        <v>8938</v>
      </c>
      <c r="F14485" t="s">
        <v>8939</v>
      </c>
      <c r="G14485" t="s">
        <v>80</v>
      </c>
      <c r="H14485" t="s">
        <v>81</v>
      </c>
      <c r="I14485" s="2">
        <v>0</v>
      </c>
      <c r="J14485" s="2">
        <v>1</v>
      </c>
      <c r="K14485" s="2">
        <v>0</v>
      </c>
      <c r="L14485" t="s">
        <v>82</v>
      </c>
      <c r="M14485" t="s">
        <v>83</v>
      </c>
      <c r="N14485" t="s">
        <v>91</v>
      </c>
      <c r="O14485" t="s">
        <v>85</v>
      </c>
      <c r="P14485" t="s">
        <v>86</v>
      </c>
      <c r="Q14485">
        <v>21</v>
      </c>
      <c r="R14485">
        <v>21</v>
      </c>
      <c r="S14485">
        <v>22</v>
      </c>
      <c r="T14485">
        <v>22</v>
      </c>
      <c r="U14485">
        <v>23</v>
      </c>
      <c r="V14485">
        <v>23</v>
      </c>
      <c r="W14485">
        <v>24</v>
      </c>
      <c r="X14485">
        <v>24</v>
      </c>
      <c r="Y14485">
        <v>25</v>
      </c>
      <c r="Z14485">
        <v>26</v>
      </c>
      <c r="AA14485">
        <v>26</v>
      </c>
      <c r="AB14485">
        <v>27</v>
      </c>
      <c r="AC14485">
        <v>27</v>
      </c>
      <c r="AD14485">
        <v>28</v>
      </c>
      <c r="AE14485">
        <v>28</v>
      </c>
      <c r="AF14485">
        <v>29</v>
      </c>
      <c r="AG14485">
        <v>30</v>
      </c>
      <c r="AH14485">
        <v>30</v>
      </c>
      <c r="AI14485">
        <v>31</v>
      </c>
      <c r="AJ14485">
        <v>32</v>
      </c>
      <c r="AK14485">
        <v>32</v>
      </c>
      <c r="AL14485">
        <v>33</v>
      </c>
      <c r="AM14485">
        <v>33</v>
      </c>
      <c r="AN14485">
        <v>33</v>
      </c>
      <c r="AO14485">
        <v>34</v>
      </c>
      <c r="AP14485">
        <v>34</v>
      </c>
      <c r="AQ14485">
        <v>34</v>
      </c>
    </row>
    <row r="14486" spans="1:43">
      <c r="A14486" t="s">
        <v>8982</v>
      </c>
      <c r="B14486" t="s">
        <v>8983</v>
      </c>
      <c r="C14486" t="s">
        <v>8984</v>
      </c>
      <c r="D14486" t="s">
        <v>8985</v>
      </c>
      <c r="E14486" t="s">
        <v>8938</v>
      </c>
      <c r="F14486" t="s">
        <v>8939</v>
      </c>
      <c r="G14486" t="s">
        <v>80</v>
      </c>
      <c r="H14486" t="s">
        <v>81</v>
      </c>
      <c r="I14486" s="2">
        <v>0</v>
      </c>
      <c r="J14486" s="2">
        <v>1</v>
      </c>
      <c r="K14486" s="2">
        <v>0</v>
      </c>
      <c r="L14486" t="s">
        <v>82</v>
      </c>
      <c r="M14486" t="s">
        <v>83</v>
      </c>
      <c r="N14486" t="s">
        <v>84</v>
      </c>
      <c r="O14486" t="s">
        <v>85</v>
      </c>
      <c r="P14486" t="s">
        <v>86</v>
      </c>
      <c r="Q14486">
        <v>49</v>
      </c>
      <c r="R14486">
        <v>50</v>
      </c>
      <c r="S14486">
        <v>52</v>
      </c>
      <c r="T14486">
        <v>53</v>
      </c>
      <c r="U14486">
        <v>54</v>
      </c>
      <c r="V14486">
        <v>55</v>
      </c>
      <c r="W14486">
        <v>57</v>
      </c>
      <c r="X14486">
        <v>58</v>
      </c>
      <c r="Y14486">
        <v>60</v>
      </c>
      <c r="Z14486">
        <v>61</v>
      </c>
      <c r="AA14486">
        <v>62</v>
      </c>
      <c r="AB14486">
        <v>64</v>
      </c>
      <c r="AC14486">
        <v>65</v>
      </c>
      <c r="AD14486">
        <v>67</v>
      </c>
      <c r="AE14486">
        <v>68</v>
      </c>
      <c r="AF14486">
        <v>69</v>
      </c>
      <c r="AG14486">
        <v>71</v>
      </c>
      <c r="AH14486">
        <v>72</v>
      </c>
      <c r="AI14486">
        <v>74</v>
      </c>
      <c r="AJ14486">
        <v>75</v>
      </c>
      <c r="AK14486">
        <v>77</v>
      </c>
      <c r="AL14486">
        <v>78</v>
      </c>
      <c r="AM14486">
        <v>79</v>
      </c>
      <c r="AN14486">
        <v>79</v>
      </c>
      <c r="AO14486">
        <v>80</v>
      </c>
      <c r="AP14486">
        <v>81</v>
      </c>
      <c r="AQ14486">
        <v>82</v>
      </c>
    </row>
    <row r="14487" spans="1:43">
      <c r="A14487" t="s">
        <v>8982</v>
      </c>
      <c r="B14487" t="s">
        <v>8983</v>
      </c>
      <c r="C14487" t="s">
        <v>8984</v>
      </c>
      <c r="D14487" t="s">
        <v>8985</v>
      </c>
      <c r="E14487" t="s">
        <v>8938</v>
      </c>
      <c r="F14487" t="s">
        <v>8939</v>
      </c>
      <c r="G14487" t="s">
        <v>80</v>
      </c>
      <c r="H14487" t="s">
        <v>81</v>
      </c>
      <c r="I14487" s="2">
        <v>0</v>
      </c>
      <c r="J14487" s="2">
        <v>1</v>
      </c>
      <c r="K14487" s="2">
        <v>0</v>
      </c>
      <c r="L14487" t="s">
        <v>82</v>
      </c>
      <c r="M14487" t="s">
        <v>87</v>
      </c>
      <c r="N14487" t="s">
        <v>88</v>
      </c>
      <c r="O14487" t="s">
        <v>85</v>
      </c>
      <c r="P14487" t="s">
        <v>86</v>
      </c>
      <c r="Q14487">
        <v>49</v>
      </c>
      <c r="R14487">
        <v>49</v>
      </c>
      <c r="S14487">
        <v>50</v>
      </c>
      <c r="T14487">
        <v>51</v>
      </c>
      <c r="U14487">
        <v>52</v>
      </c>
      <c r="V14487">
        <v>53</v>
      </c>
      <c r="W14487">
        <v>53</v>
      </c>
      <c r="X14487">
        <v>54</v>
      </c>
      <c r="Y14487">
        <v>55</v>
      </c>
      <c r="Z14487">
        <v>56</v>
      </c>
      <c r="AA14487">
        <v>57</v>
      </c>
      <c r="AB14487">
        <v>58</v>
      </c>
      <c r="AC14487">
        <v>58</v>
      </c>
      <c r="AD14487">
        <v>59</v>
      </c>
      <c r="AE14487">
        <v>60</v>
      </c>
      <c r="AF14487">
        <v>61</v>
      </c>
      <c r="AG14487">
        <v>62</v>
      </c>
      <c r="AH14487">
        <v>63</v>
      </c>
      <c r="AI14487">
        <v>64</v>
      </c>
      <c r="AJ14487">
        <v>65</v>
      </c>
      <c r="AK14487">
        <v>65</v>
      </c>
      <c r="AL14487">
        <v>66</v>
      </c>
      <c r="AM14487">
        <v>67</v>
      </c>
      <c r="AN14487">
        <v>68</v>
      </c>
      <c r="AO14487">
        <v>69</v>
      </c>
      <c r="AP14487">
        <v>70</v>
      </c>
      <c r="AQ14487">
        <v>71</v>
      </c>
    </row>
    <row r="14488" spans="1:43">
      <c r="A14488" t="s">
        <v>8982</v>
      </c>
      <c r="B14488" t="s">
        <v>8983</v>
      </c>
      <c r="C14488" t="s">
        <v>8984</v>
      </c>
      <c r="D14488" t="s">
        <v>8985</v>
      </c>
      <c r="E14488" t="s">
        <v>8938</v>
      </c>
      <c r="F14488" t="s">
        <v>8939</v>
      </c>
      <c r="G14488" t="s">
        <v>80</v>
      </c>
      <c r="H14488" t="s">
        <v>81</v>
      </c>
      <c r="I14488" s="2">
        <v>0</v>
      </c>
      <c r="J14488" s="2">
        <v>1</v>
      </c>
      <c r="K14488" s="2">
        <v>0</v>
      </c>
      <c r="L14488" t="s">
        <v>82</v>
      </c>
      <c r="M14488" t="s">
        <v>89</v>
      </c>
      <c r="N14488" t="s">
        <v>90</v>
      </c>
      <c r="O14488" t="s">
        <v>85</v>
      </c>
      <c r="P14488" t="s">
        <v>86</v>
      </c>
      <c r="Q14488">
        <v>49</v>
      </c>
      <c r="R14488">
        <v>51</v>
      </c>
      <c r="S14488">
        <v>53</v>
      </c>
      <c r="T14488">
        <v>55</v>
      </c>
      <c r="U14488">
        <v>56</v>
      </c>
      <c r="V14488">
        <v>58</v>
      </c>
      <c r="W14488">
        <v>60</v>
      </c>
      <c r="X14488">
        <v>61</v>
      </c>
      <c r="Y14488">
        <v>63</v>
      </c>
      <c r="Z14488">
        <v>65</v>
      </c>
      <c r="AA14488">
        <v>66</v>
      </c>
      <c r="AB14488">
        <v>68</v>
      </c>
      <c r="AC14488">
        <v>70</v>
      </c>
      <c r="AD14488">
        <v>72</v>
      </c>
      <c r="AE14488">
        <v>73</v>
      </c>
      <c r="AF14488">
        <v>74</v>
      </c>
      <c r="AG14488">
        <v>75</v>
      </c>
      <c r="AH14488">
        <v>75</v>
      </c>
      <c r="AI14488">
        <v>76</v>
      </c>
      <c r="AJ14488">
        <v>77</v>
      </c>
      <c r="AK14488">
        <v>78</v>
      </c>
      <c r="AL14488">
        <v>78</v>
      </c>
      <c r="AM14488">
        <v>79</v>
      </c>
      <c r="AN14488">
        <v>80</v>
      </c>
      <c r="AO14488">
        <v>81</v>
      </c>
      <c r="AP14488">
        <v>81</v>
      </c>
      <c r="AQ14488">
        <v>82</v>
      </c>
    </row>
    <row r="14489" spans="1:43">
      <c r="A14489" t="s">
        <v>8982</v>
      </c>
      <c r="B14489" t="s">
        <v>8983</v>
      </c>
      <c r="C14489" t="s">
        <v>8984</v>
      </c>
      <c r="D14489" t="s">
        <v>8985</v>
      </c>
      <c r="E14489" t="s">
        <v>8938</v>
      </c>
      <c r="F14489" t="s">
        <v>8939</v>
      </c>
      <c r="G14489" t="s">
        <v>80</v>
      </c>
      <c r="H14489" t="s">
        <v>81</v>
      </c>
      <c r="I14489" s="2">
        <v>0</v>
      </c>
      <c r="J14489" s="2">
        <v>1</v>
      </c>
      <c r="K14489" s="2">
        <v>0</v>
      </c>
      <c r="L14489" t="s">
        <v>82</v>
      </c>
      <c r="M14489" t="s">
        <v>83</v>
      </c>
      <c r="N14489" t="s">
        <v>91</v>
      </c>
      <c r="O14489" t="s">
        <v>85</v>
      </c>
      <c r="P14489" t="s">
        <v>86</v>
      </c>
      <c r="Q14489">
        <v>49</v>
      </c>
      <c r="R14489">
        <v>50</v>
      </c>
      <c r="S14489">
        <v>52</v>
      </c>
      <c r="T14489">
        <v>53</v>
      </c>
      <c r="U14489">
        <v>54</v>
      </c>
      <c r="V14489">
        <v>55</v>
      </c>
      <c r="W14489">
        <v>57</v>
      </c>
      <c r="X14489">
        <v>58</v>
      </c>
      <c r="Y14489">
        <v>60</v>
      </c>
      <c r="Z14489">
        <v>61</v>
      </c>
      <c r="AA14489">
        <v>62</v>
      </c>
      <c r="AB14489">
        <v>64</v>
      </c>
      <c r="AC14489">
        <v>65</v>
      </c>
      <c r="AD14489">
        <v>67</v>
      </c>
      <c r="AE14489">
        <v>68</v>
      </c>
      <c r="AF14489">
        <v>69</v>
      </c>
      <c r="AG14489">
        <v>71</v>
      </c>
      <c r="AH14489">
        <v>72</v>
      </c>
      <c r="AI14489">
        <v>74</v>
      </c>
      <c r="AJ14489">
        <v>75</v>
      </c>
      <c r="AK14489">
        <v>77</v>
      </c>
      <c r="AL14489">
        <v>78</v>
      </c>
      <c r="AM14489">
        <v>79</v>
      </c>
      <c r="AN14489">
        <v>79</v>
      </c>
      <c r="AO14489">
        <v>80</v>
      </c>
      <c r="AP14489">
        <v>81</v>
      </c>
      <c r="AQ14489">
        <v>82</v>
      </c>
    </row>
    <row r="14490" spans="1:43">
      <c r="A14490" t="s">
        <v>8986</v>
      </c>
      <c r="B14490" t="s">
        <v>8987</v>
      </c>
      <c r="C14490" t="s">
        <v>8988</v>
      </c>
      <c r="D14490" t="s">
        <v>8989</v>
      </c>
      <c r="E14490" t="s">
        <v>8938</v>
      </c>
      <c r="F14490" t="s">
        <v>8939</v>
      </c>
      <c r="G14490" t="s">
        <v>80</v>
      </c>
      <c r="H14490" t="s">
        <v>81</v>
      </c>
      <c r="I14490" s="2">
        <v>0</v>
      </c>
      <c r="J14490" s="2">
        <v>1</v>
      </c>
      <c r="K14490" s="2">
        <v>0</v>
      </c>
      <c r="L14490" t="s">
        <v>82</v>
      </c>
      <c r="M14490" t="s">
        <v>83</v>
      </c>
      <c r="N14490" t="s">
        <v>84</v>
      </c>
      <c r="O14490" t="s">
        <v>85</v>
      </c>
      <c r="P14490" t="s">
        <v>86</v>
      </c>
      <c r="Q14490">
        <v>104</v>
      </c>
      <c r="R14490">
        <v>107</v>
      </c>
      <c r="S14490">
        <v>110</v>
      </c>
      <c r="T14490">
        <v>112</v>
      </c>
      <c r="U14490">
        <v>115</v>
      </c>
      <c r="V14490">
        <v>118</v>
      </c>
      <c r="W14490">
        <v>121</v>
      </c>
      <c r="X14490">
        <v>124</v>
      </c>
      <c r="Y14490">
        <v>127</v>
      </c>
      <c r="Z14490">
        <v>130</v>
      </c>
      <c r="AA14490">
        <v>133</v>
      </c>
      <c r="AB14490">
        <v>135</v>
      </c>
      <c r="AC14490">
        <v>139</v>
      </c>
      <c r="AD14490">
        <v>142</v>
      </c>
      <c r="AE14490">
        <v>145</v>
      </c>
      <c r="AF14490">
        <v>148</v>
      </c>
      <c r="AG14490">
        <v>151</v>
      </c>
      <c r="AH14490">
        <v>154</v>
      </c>
      <c r="AI14490">
        <v>157</v>
      </c>
      <c r="AJ14490">
        <v>161</v>
      </c>
      <c r="AK14490">
        <v>164</v>
      </c>
      <c r="AL14490">
        <v>166</v>
      </c>
      <c r="AM14490">
        <v>168</v>
      </c>
      <c r="AN14490">
        <v>169</v>
      </c>
      <c r="AO14490">
        <v>171</v>
      </c>
      <c r="AP14490">
        <v>172</v>
      </c>
      <c r="AQ14490">
        <v>174</v>
      </c>
    </row>
    <row r="14491" spans="1:43">
      <c r="A14491" t="s">
        <v>8986</v>
      </c>
      <c r="B14491" t="s">
        <v>8987</v>
      </c>
      <c r="C14491" t="s">
        <v>8988</v>
      </c>
      <c r="D14491" t="s">
        <v>8989</v>
      </c>
      <c r="E14491" t="s">
        <v>8938</v>
      </c>
      <c r="F14491" t="s">
        <v>8939</v>
      </c>
      <c r="G14491" t="s">
        <v>80</v>
      </c>
      <c r="H14491" t="s">
        <v>81</v>
      </c>
      <c r="I14491" s="2">
        <v>0</v>
      </c>
      <c r="J14491" s="2">
        <v>1</v>
      </c>
      <c r="K14491" s="2">
        <v>0</v>
      </c>
      <c r="L14491" t="s">
        <v>82</v>
      </c>
      <c r="M14491" t="s">
        <v>87</v>
      </c>
      <c r="N14491" t="s">
        <v>88</v>
      </c>
      <c r="O14491" t="s">
        <v>85</v>
      </c>
      <c r="P14491" t="s">
        <v>86</v>
      </c>
      <c r="Q14491">
        <v>104</v>
      </c>
      <c r="R14491">
        <v>106</v>
      </c>
      <c r="S14491">
        <v>108</v>
      </c>
      <c r="T14491">
        <v>109</v>
      </c>
      <c r="U14491">
        <v>111</v>
      </c>
      <c r="V14491">
        <v>113</v>
      </c>
      <c r="W14491">
        <v>114</v>
      </c>
      <c r="X14491">
        <v>116</v>
      </c>
      <c r="Y14491">
        <v>118</v>
      </c>
      <c r="Z14491">
        <v>120</v>
      </c>
      <c r="AA14491">
        <v>122</v>
      </c>
      <c r="AB14491">
        <v>123</v>
      </c>
      <c r="AC14491">
        <v>125</v>
      </c>
      <c r="AD14491">
        <v>127</v>
      </c>
      <c r="AE14491">
        <v>129</v>
      </c>
      <c r="AF14491">
        <v>131</v>
      </c>
      <c r="AG14491">
        <v>133</v>
      </c>
      <c r="AH14491">
        <v>134</v>
      </c>
      <c r="AI14491">
        <v>136</v>
      </c>
      <c r="AJ14491">
        <v>138</v>
      </c>
      <c r="AK14491">
        <v>140</v>
      </c>
      <c r="AL14491">
        <v>142</v>
      </c>
      <c r="AM14491">
        <v>144</v>
      </c>
      <c r="AN14491">
        <v>146</v>
      </c>
      <c r="AO14491">
        <v>148</v>
      </c>
      <c r="AP14491">
        <v>150</v>
      </c>
      <c r="AQ14491">
        <v>152</v>
      </c>
    </row>
    <row r="14492" spans="1:43">
      <c r="A14492" t="s">
        <v>8986</v>
      </c>
      <c r="B14492" t="s">
        <v>8987</v>
      </c>
      <c r="C14492" t="s">
        <v>8988</v>
      </c>
      <c r="D14492" t="s">
        <v>8989</v>
      </c>
      <c r="E14492" t="s">
        <v>8938</v>
      </c>
      <c r="F14492" t="s">
        <v>8939</v>
      </c>
      <c r="G14492" t="s">
        <v>80</v>
      </c>
      <c r="H14492" t="s">
        <v>81</v>
      </c>
      <c r="I14492" s="2">
        <v>0</v>
      </c>
      <c r="J14492" s="2">
        <v>1</v>
      </c>
      <c r="K14492" s="2">
        <v>0</v>
      </c>
      <c r="L14492" t="s">
        <v>82</v>
      </c>
      <c r="M14492" t="s">
        <v>89</v>
      </c>
      <c r="N14492" t="s">
        <v>90</v>
      </c>
      <c r="O14492" t="s">
        <v>85</v>
      </c>
      <c r="P14492" t="s">
        <v>86</v>
      </c>
      <c r="Q14492">
        <v>104</v>
      </c>
      <c r="R14492">
        <v>108</v>
      </c>
      <c r="S14492">
        <v>111</v>
      </c>
      <c r="T14492">
        <v>115</v>
      </c>
      <c r="U14492">
        <v>119</v>
      </c>
      <c r="V14492">
        <v>122</v>
      </c>
      <c r="W14492">
        <v>126</v>
      </c>
      <c r="X14492">
        <v>130</v>
      </c>
      <c r="Y14492">
        <v>133</v>
      </c>
      <c r="Z14492">
        <v>137</v>
      </c>
      <c r="AA14492">
        <v>140</v>
      </c>
      <c r="AB14492">
        <v>144</v>
      </c>
      <c r="AC14492">
        <v>148</v>
      </c>
      <c r="AD14492">
        <v>151</v>
      </c>
      <c r="AE14492">
        <v>154</v>
      </c>
      <c r="AF14492">
        <v>156</v>
      </c>
      <c r="AG14492">
        <v>158</v>
      </c>
      <c r="AH14492">
        <v>159</v>
      </c>
      <c r="AI14492">
        <v>161</v>
      </c>
      <c r="AJ14492">
        <v>162</v>
      </c>
      <c r="AK14492">
        <v>164</v>
      </c>
      <c r="AL14492">
        <v>166</v>
      </c>
      <c r="AM14492">
        <v>167</v>
      </c>
      <c r="AN14492">
        <v>169</v>
      </c>
      <c r="AO14492">
        <v>171</v>
      </c>
      <c r="AP14492">
        <v>172</v>
      </c>
      <c r="AQ14492">
        <v>174</v>
      </c>
    </row>
    <row r="14493" spans="1:43">
      <c r="A14493" t="s">
        <v>8986</v>
      </c>
      <c r="B14493" t="s">
        <v>8987</v>
      </c>
      <c r="C14493" t="s">
        <v>8988</v>
      </c>
      <c r="D14493" t="s">
        <v>8989</v>
      </c>
      <c r="E14493" t="s">
        <v>8938</v>
      </c>
      <c r="F14493" t="s">
        <v>8939</v>
      </c>
      <c r="G14493" t="s">
        <v>80</v>
      </c>
      <c r="H14493" t="s">
        <v>81</v>
      </c>
      <c r="I14493" s="2">
        <v>0</v>
      </c>
      <c r="J14493" s="2">
        <v>1</v>
      </c>
      <c r="K14493" s="2">
        <v>0</v>
      </c>
      <c r="L14493" t="s">
        <v>82</v>
      </c>
      <c r="M14493" t="s">
        <v>83</v>
      </c>
      <c r="N14493" t="s">
        <v>91</v>
      </c>
      <c r="O14493" t="s">
        <v>85</v>
      </c>
      <c r="P14493" t="s">
        <v>86</v>
      </c>
      <c r="Q14493">
        <v>104</v>
      </c>
      <c r="R14493">
        <v>107</v>
      </c>
      <c r="S14493">
        <v>110</v>
      </c>
      <c r="T14493">
        <v>112</v>
      </c>
      <c r="U14493">
        <v>115</v>
      </c>
      <c r="V14493">
        <v>118</v>
      </c>
      <c r="W14493">
        <v>121</v>
      </c>
      <c r="X14493">
        <v>124</v>
      </c>
      <c r="Y14493">
        <v>127</v>
      </c>
      <c r="Z14493">
        <v>130</v>
      </c>
      <c r="AA14493">
        <v>133</v>
      </c>
      <c r="AB14493">
        <v>135</v>
      </c>
      <c r="AC14493">
        <v>139</v>
      </c>
      <c r="AD14493">
        <v>142</v>
      </c>
      <c r="AE14493">
        <v>145</v>
      </c>
      <c r="AF14493">
        <v>148</v>
      </c>
      <c r="AG14493">
        <v>151</v>
      </c>
      <c r="AH14493">
        <v>154</v>
      </c>
      <c r="AI14493">
        <v>157</v>
      </c>
      <c r="AJ14493">
        <v>161</v>
      </c>
      <c r="AK14493">
        <v>164</v>
      </c>
      <c r="AL14493">
        <v>166</v>
      </c>
      <c r="AM14493">
        <v>168</v>
      </c>
      <c r="AN14493">
        <v>169</v>
      </c>
      <c r="AO14493">
        <v>171</v>
      </c>
      <c r="AP14493">
        <v>172</v>
      </c>
      <c r="AQ14493">
        <v>174</v>
      </c>
    </row>
    <row r="14494" spans="1:43">
      <c r="A14494" t="s">
        <v>8990</v>
      </c>
      <c r="B14494" t="s">
        <v>8991</v>
      </c>
      <c r="C14494" t="s">
        <v>8992</v>
      </c>
      <c r="D14494" t="s">
        <v>8993</v>
      </c>
      <c r="E14494" t="s">
        <v>8938</v>
      </c>
      <c r="F14494" t="s">
        <v>8939</v>
      </c>
      <c r="G14494" t="s">
        <v>80</v>
      </c>
      <c r="H14494" t="s">
        <v>81</v>
      </c>
      <c r="I14494" s="2">
        <v>0</v>
      </c>
      <c r="J14494" s="2">
        <v>1</v>
      </c>
      <c r="K14494" s="2">
        <v>0</v>
      </c>
      <c r="L14494" t="s">
        <v>82</v>
      </c>
      <c r="M14494" t="s">
        <v>83</v>
      </c>
      <c r="N14494" t="s">
        <v>84</v>
      </c>
      <c r="O14494" t="s">
        <v>85</v>
      </c>
      <c r="P14494" t="s">
        <v>86</v>
      </c>
      <c r="Q14494">
        <v>55</v>
      </c>
      <c r="R14494">
        <v>57</v>
      </c>
      <c r="S14494">
        <v>58</v>
      </c>
      <c r="T14494">
        <v>60</v>
      </c>
      <c r="U14494">
        <v>61</v>
      </c>
      <c r="V14494">
        <v>63</v>
      </c>
      <c r="W14494">
        <v>64</v>
      </c>
      <c r="X14494">
        <v>66</v>
      </c>
      <c r="Y14494">
        <v>67</v>
      </c>
      <c r="Z14494">
        <v>69</v>
      </c>
      <c r="AA14494">
        <v>70</v>
      </c>
      <c r="AB14494">
        <v>72</v>
      </c>
      <c r="AC14494">
        <v>73</v>
      </c>
      <c r="AD14494">
        <v>75</v>
      </c>
      <c r="AE14494">
        <v>77</v>
      </c>
      <c r="AF14494">
        <v>78</v>
      </c>
      <c r="AG14494">
        <v>80</v>
      </c>
      <c r="AH14494">
        <v>82</v>
      </c>
      <c r="AI14494">
        <v>83</v>
      </c>
      <c r="AJ14494">
        <v>85</v>
      </c>
      <c r="AK14494">
        <v>87</v>
      </c>
      <c r="AL14494">
        <v>88</v>
      </c>
      <c r="AM14494">
        <v>89</v>
      </c>
      <c r="AN14494">
        <v>90</v>
      </c>
      <c r="AO14494">
        <v>91</v>
      </c>
      <c r="AP14494">
        <v>92</v>
      </c>
      <c r="AQ14494">
        <v>92</v>
      </c>
    </row>
    <row r="14495" spans="1:43">
      <c r="A14495" t="s">
        <v>8990</v>
      </c>
      <c r="B14495" t="s">
        <v>8991</v>
      </c>
      <c r="C14495" t="s">
        <v>8992</v>
      </c>
      <c r="D14495" t="s">
        <v>8993</v>
      </c>
      <c r="E14495" t="s">
        <v>8938</v>
      </c>
      <c r="F14495" t="s">
        <v>8939</v>
      </c>
      <c r="G14495" t="s">
        <v>80</v>
      </c>
      <c r="H14495" t="s">
        <v>81</v>
      </c>
      <c r="I14495" s="2">
        <v>0</v>
      </c>
      <c r="J14495" s="2">
        <v>1</v>
      </c>
      <c r="K14495" s="2">
        <v>0</v>
      </c>
      <c r="L14495" t="s">
        <v>82</v>
      </c>
      <c r="M14495" t="s">
        <v>87</v>
      </c>
      <c r="N14495" t="s">
        <v>88</v>
      </c>
      <c r="O14495" t="s">
        <v>85</v>
      </c>
      <c r="P14495" t="s">
        <v>86</v>
      </c>
      <c r="Q14495">
        <v>55</v>
      </c>
      <c r="R14495">
        <v>56</v>
      </c>
      <c r="S14495">
        <v>57</v>
      </c>
      <c r="T14495">
        <v>58</v>
      </c>
      <c r="U14495">
        <v>58</v>
      </c>
      <c r="V14495">
        <v>59</v>
      </c>
      <c r="W14495">
        <v>60</v>
      </c>
      <c r="X14495">
        <v>61</v>
      </c>
      <c r="Y14495">
        <v>62</v>
      </c>
      <c r="Z14495">
        <v>63</v>
      </c>
      <c r="AA14495">
        <v>64</v>
      </c>
      <c r="AB14495">
        <v>65</v>
      </c>
      <c r="AC14495">
        <v>66</v>
      </c>
      <c r="AD14495">
        <v>67</v>
      </c>
      <c r="AE14495">
        <v>68</v>
      </c>
      <c r="AF14495">
        <v>69</v>
      </c>
      <c r="AG14495">
        <v>70</v>
      </c>
      <c r="AH14495">
        <v>71</v>
      </c>
      <c r="AI14495">
        <v>72</v>
      </c>
      <c r="AJ14495">
        <v>73</v>
      </c>
      <c r="AK14495">
        <v>74</v>
      </c>
      <c r="AL14495">
        <v>75</v>
      </c>
      <c r="AM14495">
        <v>76</v>
      </c>
      <c r="AN14495">
        <v>77</v>
      </c>
      <c r="AO14495">
        <v>78</v>
      </c>
      <c r="AP14495">
        <v>79</v>
      </c>
      <c r="AQ14495">
        <v>80</v>
      </c>
    </row>
    <row r="14496" spans="1:43">
      <c r="A14496" t="s">
        <v>8990</v>
      </c>
      <c r="B14496" t="s">
        <v>8991</v>
      </c>
      <c r="C14496" t="s">
        <v>8992</v>
      </c>
      <c r="D14496" t="s">
        <v>8993</v>
      </c>
      <c r="E14496" t="s">
        <v>8938</v>
      </c>
      <c r="F14496" t="s">
        <v>8939</v>
      </c>
      <c r="G14496" t="s">
        <v>80</v>
      </c>
      <c r="H14496" t="s">
        <v>81</v>
      </c>
      <c r="I14496" s="2">
        <v>0</v>
      </c>
      <c r="J14496" s="2">
        <v>1</v>
      </c>
      <c r="K14496" s="2">
        <v>0</v>
      </c>
      <c r="L14496" t="s">
        <v>82</v>
      </c>
      <c r="M14496" t="s">
        <v>89</v>
      </c>
      <c r="N14496" t="s">
        <v>90</v>
      </c>
      <c r="O14496" t="s">
        <v>85</v>
      </c>
      <c r="P14496" t="s">
        <v>86</v>
      </c>
      <c r="Q14496">
        <v>55</v>
      </c>
      <c r="R14496">
        <v>57</v>
      </c>
      <c r="S14496">
        <v>59</v>
      </c>
      <c r="T14496">
        <v>61</v>
      </c>
      <c r="U14496">
        <v>63</v>
      </c>
      <c r="V14496">
        <v>65</v>
      </c>
      <c r="W14496">
        <v>66</v>
      </c>
      <c r="X14496">
        <v>68</v>
      </c>
      <c r="Y14496">
        <v>70</v>
      </c>
      <c r="Z14496">
        <v>72</v>
      </c>
      <c r="AA14496">
        <v>74</v>
      </c>
      <c r="AB14496">
        <v>76</v>
      </c>
      <c r="AC14496">
        <v>78</v>
      </c>
      <c r="AD14496">
        <v>80</v>
      </c>
      <c r="AE14496">
        <v>81</v>
      </c>
      <c r="AF14496">
        <v>82</v>
      </c>
      <c r="AG14496">
        <v>83</v>
      </c>
      <c r="AH14496">
        <v>84</v>
      </c>
      <c r="AI14496">
        <v>85</v>
      </c>
      <c r="AJ14496">
        <v>86</v>
      </c>
      <c r="AK14496">
        <v>87</v>
      </c>
      <c r="AL14496">
        <v>88</v>
      </c>
      <c r="AM14496">
        <v>89</v>
      </c>
      <c r="AN14496">
        <v>90</v>
      </c>
      <c r="AO14496">
        <v>90</v>
      </c>
      <c r="AP14496">
        <v>91</v>
      </c>
      <c r="AQ14496">
        <v>92</v>
      </c>
    </row>
    <row r="14497" spans="1:43">
      <c r="A14497" t="s">
        <v>8990</v>
      </c>
      <c r="B14497" t="s">
        <v>8991</v>
      </c>
      <c r="C14497" t="s">
        <v>8992</v>
      </c>
      <c r="D14497" t="s">
        <v>8993</v>
      </c>
      <c r="E14497" t="s">
        <v>8938</v>
      </c>
      <c r="F14497" t="s">
        <v>8939</v>
      </c>
      <c r="G14497" t="s">
        <v>80</v>
      </c>
      <c r="H14497" t="s">
        <v>81</v>
      </c>
      <c r="I14497" s="2">
        <v>0</v>
      </c>
      <c r="J14497" s="2">
        <v>1</v>
      </c>
      <c r="K14497" s="2">
        <v>0</v>
      </c>
      <c r="L14497" t="s">
        <v>82</v>
      </c>
      <c r="M14497" t="s">
        <v>83</v>
      </c>
      <c r="N14497" t="s">
        <v>91</v>
      </c>
      <c r="O14497" t="s">
        <v>85</v>
      </c>
      <c r="P14497" t="s">
        <v>86</v>
      </c>
      <c r="Q14497">
        <v>55</v>
      </c>
      <c r="R14497">
        <v>57</v>
      </c>
      <c r="S14497">
        <v>58</v>
      </c>
      <c r="T14497">
        <v>60</v>
      </c>
      <c r="U14497">
        <v>61</v>
      </c>
      <c r="V14497">
        <v>63</v>
      </c>
      <c r="W14497">
        <v>64</v>
      </c>
      <c r="X14497">
        <v>66</v>
      </c>
      <c r="Y14497">
        <v>67</v>
      </c>
      <c r="Z14497">
        <v>69</v>
      </c>
      <c r="AA14497">
        <v>70</v>
      </c>
      <c r="AB14497">
        <v>72</v>
      </c>
      <c r="AC14497">
        <v>73</v>
      </c>
      <c r="AD14497">
        <v>75</v>
      </c>
      <c r="AE14497">
        <v>77</v>
      </c>
      <c r="AF14497">
        <v>78</v>
      </c>
      <c r="AG14497">
        <v>80</v>
      </c>
      <c r="AH14497">
        <v>82</v>
      </c>
      <c r="AI14497">
        <v>83</v>
      </c>
      <c r="AJ14497">
        <v>85</v>
      </c>
      <c r="AK14497">
        <v>87</v>
      </c>
      <c r="AL14497">
        <v>88</v>
      </c>
      <c r="AM14497">
        <v>89</v>
      </c>
      <c r="AN14497">
        <v>90</v>
      </c>
      <c r="AO14497">
        <v>91</v>
      </c>
      <c r="AP14497">
        <v>92</v>
      </c>
      <c r="AQ14497">
        <v>92</v>
      </c>
    </row>
    <row r="14498" spans="1:43">
      <c r="A14498" t="s">
        <v>8994</v>
      </c>
      <c r="B14498" t="s">
        <v>8995</v>
      </c>
      <c r="C14498" t="s">
        <v>8992</v>
      </c>
      <c r="D14498" t="s">
        <v>8993</v>
      </c>
      <c r="E14498" t="s">
        <v>8938</v>
      </c>
      <c r="F14498" t="s">
        <v>8939</v>
      </c>
      <c r="G14498" t="s">
        <v>80</v>
      </c>
      <c r="H14498" t="s">
        <v>81</v>
      </c>
      <c r="I14498" s="2">
        <v>0</v>
      </c>
      <c r="J14498" s="2">
        <v>1</v>
      </c>
      <c r="K14498" s="2">
        <v>0</v>
      </c>
      <c r="L14498" t="s">
        <v>82</v>
      </c>
      <c r="M14498" t="s">
        <v>83</v>
      </c>
      <c r="N14498" t="s">
        <v>84</v>
      </c>
      <c r="O14498" t="s">
        <v>85</v>
      </c>
      <c r="P14498" t="s">
        <v>86</v>
      </c>
      <c r="Q14498">
        <v>24</v>
      </c>
      <c r="R14498">
        <v>24</v>
      </c>
      <c r="S14498">
        <v>25</v>
      </c>
      <c r="T14498">
        <v>25</v>
      </c>
      <c r="U14498">
        <v>26</v>
      </c>
      <c r="V14498">
        <v>27</v>
      </c>
      <c r="W14498">
        <v>27</v>
      </c>
      <c r="X14498">
        <v>28</v>
      </c>
      <c r="Y14498">
        <v>29</v>
      </c>
      <c r="Z14498">
        <v>29</v>
      </c>
      <c r="AA14498">
        <v>30</v>
      </c>
      <c r="AB14498">
        <v>31</v>
      </c>
      <c r="AC14498">
        <v>31</v>
      </c>
      <c r="AD14498">
        <v>32</v>
      </c>
      <c r="AE14498">
        <v>33</v>
      </c>
      <c r="AF14498">
        <v>33</v>
      </c>
      <c r="AG14498">
        <v>34</v>
      </c>
      <c r="AH14498">
        <v>35</v>
      </c>
      <c r="AI14498">
        <v>36</v>
      </c>
      <c r="AJ14498">
        <v>36</v>
      </c>
      <c r="AK14498">
        <v>37</v>
      </c>
      <c r="AL14498">
        <v>37</v>
      </c>
      <c r="AM14498">
        <v>38</v>
      </c>
      <c r="AN14498">
        <v>38</v>
      </c>
      <c r="AO14498">
        <v>39</v>
      </c>
      <c r="AP14498">
        <v>39</v>
      </c>
      <c r="AQ14498">
        <v>39</v>
      </c>
    </row>
    <row r="14499" spans="1:43">
      <c r="A14499" t="s">
        <v>8994</v>
      </c>
      <c r="B14499" t="s">
        <v>8995</v>
      </c>
      <c r="C14499" t="s">
        <v>8992</v>
      </c>
      <c r="D14499" t="s">
        <v>8993</v>
      </c>
      <c r="E14499" t="s">
        <v>8938</v>
      </c>
      <c r="F14499" t="s">
        <v>8939</v>
      </c>
      <c r="G14499" t="s">
        <v>80</v>
      </c>
      <c r="H14499" t="s">
        <v>81</v>
      </c>
      <c r="I14499" s="2">
        <v>0</v>
      </c>
      <c r="J14499" s="2">
        <v>1</v>
      </c>
      <c r="K14499" s="2">
        <v>0</v>
      </c>
      <c r="L14499" t="s">
        <v>82</v>
      </c>
      <c r="M14499" t="s">
        <v>87</v>
      </c>
      <c r="N14499" t="s">
        <v>88</v>
      </c>
      <c r="O14499" t="s">
        <v>85</v>
      </c>
      <c r="P14499" t="s">
        <v>86</v>
      </c>
      <c r="Q14499">
        <v>24</v>
      </c>
      <c r="R14499">
        <v>25</v>
      </c>
      <c r="S14499">
        <v>25</v>
      </c>
      <c r="T14499">
        <v>26</v>
      </c>
      <c r="U14499">
        <v>26</v>
      </c>
      <c r="V14499">
        <v>26</v>
      </c>
      <c r="W14499">
        <v>27</v>
      </c>
      <c r="X14499">
        <v>27</v>
      </c>
      <c r="Y14499">
        <v>27</v>
      </c>
      <c r="Z14499">
        <v>28</v>
      </c>
      <c r="AA14499">
        <v>28</v>
      </c>
      <c r="AB14499">
        <v>29</v>
      </c>
      <c r="AC14499">
        <v>29</v>
      </c>
      <c r="AD14499">
        <v>30</v>
      </c>
      <c r="AE14499">
        <v>30</v>
      </c>
      <c r="AF14499">
        <v>30</v>
      </c>
      <c r="AG14499">
        <v>31</v>
      </c>
      <c r="AH14499">
        <v>31</v>
      </c>
      <c r="AI14499">
        <v>32</v>
      </c>
      <c r="AJ14499">
        <v>32</v>
      </c>
      <c r="AK14499">
        <v>33</v>
      </c>
      <c r="AL14499">
        <v>33</v>
      </c>
      <c r="AM14499">
        <v>33</v>
      </c>
      <c r="AN14499">
        <v>34</v>
      </c>
      <c r="AO14499">
        <v>34</v>
      </c>
      <c r="AP14499">
        <v>35</v>
      </c>
      <c r="AQ14499">
        <v>35</v>
      </c>
    </row>
    <row r="14500" spans="1:43">
      <c r="A14500" t="s">
        <v>8994</v>
      </c>
      <c r="B14500" t="s">
        <v>8995</v>
      </c>
      <c r="C14500" t="s">
        <v>8992</v>
      </c>
      <c r="D14500" t="s">
        <v>8993</v>
      </c>
      <c r="E14500" t="s">
        <v>8938</v>
      </c>
      <c r="F14500" t="s">
        <v>8939</v>
      </c>
      <c r="G14500" t="s">
        <v>80</v>
      </c>
      <c r="H14500" t="s">
        <v>81</v>
      </c>
      <c r="I14500" s="2">
        <v>0</v>
      </c>
      <c r="J14500" s="2">
        <v>1</v>
      </c>
      <c r="K14500" s="2">
        <v>0</v>
      </c>
      <c r="L14500" t="s">
        <v>82</v>
      </c>
      <c r="M14500" t="s">
        <v>89</v>
      </c>
      <c r="N14500" t="s">
        <v>90</v>
      </c>
      <c r="O14500" t="s">
        <v>85</v>
      </c>
      <c r="P14500" t="s">
        <v>86</v>
      </c>
      <c r="Q14500">
        <v>24</v>
      </c>
      <c r="R14500">
        <v>25</v>
      </c>
      <c r="S14500">
        <v>25</v>
      </c>
      <c r="T14500">
        <v>26</v>
      </c>
      <c r="U14500">
        <v>27</v>
      </c>
      <c r="V14500">
        <v>28</v>
      </c>
      <c r="W14500">
        <v>29</v>
      </c>
      <c r="X14500">
        <v>30</v>
      </c>
      <c r="Y14500">
        <v>30</v>
      </c>
      <c r="Z14500">
        <v>31</v>
      </c>
      <c r="AA14500">
        <v>32</v>
      </c>
      <c r="AB14500">
        <v>33</v>
      </c>
      <c r="AC14500">
        <v>34</v>
      </c>
      <c r="AD14500">
        <v>34</v>
      </c>
      <c r="AE14500">
        <v>35</v>
      </c>
      <c r="AF14500">
        <v>35</v>
      </c>
      <c r="AG14500">
        <v>36</v>
      </c>
      <c r="AH14500">
        <v>36</v>
      </c>
      <c r="AI14500">
        <v>37</v>
      </c>
      <c r="AJ14500">
        <v>37</v>
      </c>
      <c r="AK14500">
        <v>37</v>
      </c>
      <c r="AL14500">
        <v>38</v>
      </c>
      <c r="AM14500">
        <v>38</v>
      </c>
      <c r="AN14500">
        <v>38</v>
      </c>
      <c r="AO14500">
        <v>39</v>
      </c>
      <c r="AP14500">
        <v>39</v>
      </c>
      <c r="AQ14500">
        <v>40</v>
      </c>
    </row>
    <row r="14501" spans="1:43">
      <c r="A14501" t="s">
        <v>8994</v>
      </c>
      <c r="B14501" t="s">
        <v>8995</v>
      </c>
      <c r="C14501" t="s">
        <v>8992</v>
      </c>
      <c r="D14501" t="s">
        <v>8993</v>
      </c>
      <c r="E14501" t="s">
        <v>8938</v>
      </c>
      <c r="F14501" t="s">
        <v>8939</v>
      </c>
      <c r="G14501" t="s">
        <v>80</v>
      </c>
      <c r="H14501" t="s">
        <v>81</v>
      </c>
      <c r="I14501" s="2">
        <v>0</v>
      </c>
      <c r="J14501" s="2">
        <v>1</v>
      </c>
      <c r="K14501" s="2">
        <v>0</v>
      </c>
      <c r="L14501" t="s">
        <v>82</v>
      </c>
      <c r="M14501" t="s">
        <v>83</v>
      </c>
      <c r="N14501" t="s">
        <v>91</v>
      </c>
      <c r="O14501" t="s">
        <v>85</v>
      </c>
      <c r="P14501" t="s">
        <v>86</v>
      </c>
      <c r="Q14501">
        <v>24</v>
      </c>
      <c r="R14501">
        <v>24</v>
      </c>
      <c r="S14501">
        <v>25</v>
      </c>
      <c r="T14501">
        <v>25</v>
      </c>
      <c r="U14501">
        <v>26</v>
      </c>
      <c r="V14501">
        <v>27</v>
      </c>
      <c r="W14501">
        <v>27</v>
      </c>
      <c r="X14501">
        <v>28</v>
      </c>
      <c r="Y14501">
        <v>29</v>
      </c>
      <c r="Z14501">
        <v>29</v>
      </c>
      <c r="AA14501">
        <v>30</v>
      </c>
      <c r="AB14501">
        <v>31</v>
      </c>
      <c r="AC14501">
        <v>31</v>
      </c>
      <c r="AD14501">
        <v>32</v>
      </c>
      <c r="AE14501">
        <v>33</v>
      </c>
      <c r="AF14501">
        <v>33</v>
      </c>
      <c r="AG14501">
        <v>34</v>
      </c>
      <c r="AH14501">
        <v>35</v>
      </c>
      <c r="AI14501">
        <v>36</v>
      </c>
      <c r="AJ14501">
        <v>36</v>
      </c>
      <c r="AK14501">
        <v>37</v>
      </c>
      <c r="AL14501">
        <v>37</v>
      </c>
      <c r="AM14501">
        <v>38</v>
      </c>
      <c r="AN14501">
        <v>38</v>
      </c>
      <c r="AO14501">
        <v>39</v>
      </c>
      <c r="AP14501">
        <v>39</v>
      </c>
      <c r="AQ14501">
        <v>39</v>
      </c>
    </row>
    <row r="14502" spans="1:43">
      <c r="A14502" t="s">
        <v>8996</v>
      </c>
      <c r="B14502" t="s">
        <v>8997</v>
      </c>
      <c r="C14502" t="s">
        <v>8992</v>
      </c>
      <c r="D14502" t="s">
        <v>8993</v>
      </c>
      <c r="E14502" t="s">
        <v>8938</v>
      </c>
      <c r="F14502" t="s">
        <v>8939</v>
      </c>
      <c r="G14502" t="s">
        <v>80</v>
      </c>
      <c r="H14502" t="s">
        <v>81</v>
      </c>
      <c r="I14502" s="2">
        <v>0</v>
      </c>
      <c r="J14502" s="2">
        <v>1</v>
      </c>
      <c r="K14502" s="2">
        <v>0</v>
      </c>
      <c r="L14502" t="s">
        <v>82</v>
      </c>
      <c r="M14502" t="s">
        <v>83</v>
      </c>
      <c r="N14502" t="s">
        <v>84</v>
      </c>
      <c r="O14502" t="s">
        <v>85</v>
      </c>
      <c r="P14502" t="s">
        <v>86</v>
      </c>
      <c r="Q14502">
        <v>54</v>
      </c>
      <c r="R14502">
        <v>56</v>
      </c>
      <c r="S14502">
        <v>57</v>
      </c>
      <c r="T14502">
        <v>58</v>
      </c>
      <c r="U14502">
        <v>60</v>
      </c>
      <c r="V14502">
        <v>61</v>
      </c>
      <c r="W14502">
        <v>63</v>
      </c>
      <c r="X14502">
        <v>64</v>
      </c>
      <c r="Y14502">
        <v>66</v>
      </c>
      <c r="Z14502">
        <v>67</v>
      </c>
      <c r="AA14502">
        <v>69</v>
      </c>
      <c r="AB14502">
        <v>70</v>
      </c>
      <c r="AC14502">
        <v>72</v>
      </c>
      <c r="AD14502">
        <v>73</v>
      </c>
      <c r="AE14502">
        <v>75</v>
      </c>
      <c r="AF14502">
        <v>77</v>
      </c>
      <c r="AG14502">
        <v>78</v>
      </c>
      <c r="AH14502">
        <v>80</v>
      </c>
      <c r="AI14502">
        <v>82</v>
      </c>
      <c r="AJ14502">
        <v>83</v>
      </c>
      <c r="AK14502">
        <v>85</v>
      </c>
      <c r="AL14502">
        <v>86</v>
      </c>
      <c r="AM14502">
        <v>87</v>
      </c>
      <c r="AN14502">
        <v>88</v>
      </c>
      <c r="AO14502">
        <v>89</v>
      </c>
      <c r="AP14502">
        <v>90</v>
      </c>
      <c r="AQ14502">
        <v>90</v>
      </c>
    </row>
    <row r="14503" spans="1:43">
      <c r="A14503" t="s">
        <v>8996</v>
      </c>
      <c r="B14503" t="s">
        <v>8997</v>
      </c>
      <c r="C14503" t="s">
        <v>8992</v>
      </c>
      <c r="D14503" t="s">
        <v>8993</v>
      </c>
      <c r="E14503" t="s">
        <v>8938</v>
      </c>
      <c r="F14503" t="s">
        <v>8939</v>
      </c>
      <c r="G14503" t="s">
        <v>80</v>
      </c>
      <c r="H14503" t="s">
        <v>81</v>
      </c>
      <c r="I14503" s="2">
        <v>0</v>
      </c>
      <c r="J14503" s="2">
        <v>1</v>
      </c>
      <c r="K14503" s="2">
        <v>0</v>
      </c>
      <c r="L14503" t="s">
        <v>82</v>
      </c>
      <c r="M14503" t="s">
        <v>87</v>
      </c>
      <c r="N14503" t="s">
        <v>88</v>
      </c>
      <c r="O14503" t="s">
        <v>85</v>
      </c>
      <c r="P14503" t="s">
        <v>86</v>
      </c>
      <c r="Q14503">
        <v>54</v>
      </c>
      <c r="R14503">
        <v>55</v>
      </c>
      <c r="S14503">
        <v>55</v>
      </c>
      <c r="T14503">
        <v>56</v>
      </c>
      <c r="U14503">
        <v>57</v>
      </c>
      <c r="V14503">
        <v>58</v>
      </c>
      <c r="W14503">
        <v>59</v>
      </c>
      <c r="X14503">
        <v>60</v>
      </c>
      <c r="Y14503">
        <v>61</v>
      </c>
      <c r="Z14503">
        <v>62</v>
      </c>
      <c r="AA14503">
        <v>63</v>
      </c>
      <c r="AB14503">
        <v>64</v>
      </c>
      <c r="AC14503">
        <v>64</v>
      </c>
      <c r="AD14503">
        <v>65</v>
      </c>
      <c r="AE14503">
        <v>66</v>
      </c>
      <c r="AF14503">
        <v>67</v>
      </c>
      <c r="AG14503">
        <v>68</v>
      </c>
      <c r="AH14503">
        <v>69</v>
      </c>
      <c r="AI14503">
        <v>70</v>
      </c>
      <c r="AJ14503">
        <v>71</v>
      </c>
      <c r="AK14503">
        <v>72</v>
      </c>
      <c r="AL14503">
        <v>73</v>
      </c>
      <c r="AM14503">
        <v>74</v>
      </c>
      <c r="AN14503">
        <v>75</v>
      </c>
      <c r="AO14503">
        <v>76</v>
      </c>
      <c r="AP14503">
        <v>77</v>
      </c>
      <c r="AQ14503">
        <v>78</v>
      </c>
    </row>
    <row r="14504" spans="1:43">
      <c r="A14504" t="s">
        <v>8996</v>
      </c>
      <c r="B14504" t="s">
        <v>8997</v>
      </c>
      <c r="C14504" t="s">
        <v>8992</v>
      </c>
      <c r="D14504" t="s">
        <v>8993</v>
      </c>
      <c r="E14504" t="s">
        <v>8938</v>
      </c>
      <c r="F14504" t="s">
        <v>8939</v>
      </c>
      <c r="G14504" t="s">
        <v>80</v>
      </c>
      <c r="H14504" t="s">
        <v>81</v>
      </c>
      <c r="I14504" s="2">
        <v>0</v>
      </c>
      <c r="J14504" s="2">
        <v>1</v>
      </c>
      <c r="K14504" s="2">
        <v>0</v>
      </c>
      <c r="L14504" t="s">
        <v>82</v>
      </c>
      <c r="M14504" t="s">
        <v>89</v>
      </c>
      <c r="N14504" t="s">
        <v>90</v>
      </c>
      <c r="O14504" t="s">
        <v>85</v>
      </c>
      <c r="P14504" t="s">
        <v>86</v>
      </c>
      <c r="Q14504">
        <v>54</v>
      </c>
      <c r="R14504">
        <v>56</v>
      </c>
      <c r="S14504">
        <v>57</v>
      </c>
      <c r="T14504">
        <v>59</v>
      </c>
      <c r="U14504">
        <v>61</v>
      </c>
      <c r="V14504">
        <v>63</v>
      </c>
      <c r="W14504">
        <v>65</v>
      </c>
      <c r="X14504">
        <v>67</v>
      </c>
      <c r="Y14504">
        <v>69</v>
      </c>
      <c r="Z14504">
        <v>71</v>
      </c>
      <c r="AA14504">
        <v>72</v>
      </c>
      <c r="AB14504">
        <v>74</v>
      </c>
      <c r="AC14504">
        <v>76</v>
      </c>
      <c r="AD14504">
        <v>78</v>
      </c>
      <c r="AE14504">
        <v>80</v>
      </c>
      <c r="AF14504">
        <v>80</v>
      </c>
      <c r="AG14504">
        <v>81</v>
      </c>
      <c r="AH14504">
        <v>82</v>
      </c>
      <c r="AI14504">
        <v>83</v>
      </c>
      <c r="AJ14504">
        <v>84</v>
      </c>
      <c r="AK14504">
        <v>85</v>
      </c>
      <c r="AL14504">
        <v>86</v>
      </c>
      <c r="AM14504">
        <v>87</v>
      </c>
      <c r="AN14504">
        <v>88</v>
      </c>
      <c r="AO14504">
        <v>88</v>
      </c>
      <c r="AP14504">
        <v>89</v>
      </c>
      <c r="AQ14504">
        <v>90</v>
      </c>
    </row>
    <row r="14505" spans="1:43">
      <c r="A14505" t="s">
        <v>8996</v>
      </c>
      <c r="B14505" t="s">
        <v>8997</v>
      </c>
      <c r="C14505" t="s">
        <v>8992</v>
      </c>
      <c r="D14505" t="s">
        <v>8993</v>
      </c>
      <c r="E14505" t="s">
        <v>8938</v>
      </c>
      <c r="F14505" t="s">
        <v>8939</v>
      </c>
      <c r="G14505" t="s">
        <v>80</v>
      </c>
      <c r="H14505" t="s">
        <v>81</v>
      </c>
      <c r="I14505" s="2">
        <v>0</v>
      </c>
      <c r="J14505" s="2">
        <v>1</v>
      </c>
      <c r="K14505" s="2">
        <v>0</v>
      </c>
      <c r="L14505" t="s">
        <v>82</v>
      </c>
      <c r="M14505" t="s">
        <v>83</v>
      </c>
      <c r="N14505" t="s">
        <v>91</v>
      </c>
      <c r="O14505" t="s">
        <v>85</v>
      </c>
      <c r="P14505" t="s">
        <v>86</v>
      </c>
      <c r="Q14505">
        <v>54</v>
      </c>
      <c r="R14505">
        <v>56</v>
      </c>
      <c r="S14505">
        <v>57</v>
      </c>
      <c r="T14505">
        <v>58</v>
      </c>
      <c r="U14505">
        <v>60</v>
      </c>
      <c r="V14505">
        <v>61</v>
      </c>
      <c r="W14505">
        <v>63</v>
      </c>
      <c r="X14505">
        <v>64</v>
      </c>
      <c r="Y14505">
        <v>66</v>
      </c>
      <c r="Z14505">
        <v>67</v>
      </c>
      <c r="AA14505">
        <v>69</v>
      </c>
      <c r="AB14505">
        <v>70</v>
      </c>
      <c r="AC14505">
        <v>72</v>
      </c>
      <c r="AD14505">
        <v>73</v>
      </c>
      <c r="AE14505">
        <v>75</v>
      </c>
      <c r="AF14505">
        <v>77</v>
      </c>
      <c r="AG14505">
        <v>78</v>
      </c>
      <c r="AH14505">
        <v>80</v>
      </c>
      <c r="AI14505">
        <v>82</v>
      </c>
      <c r="AJ14505">
        <v>83</v>
      </c>
      <c r="AK14505">
        <v>85</v>
      </c>
      <c r="AL14505">
        <v>86</v>
      </c>
      <c r="AM14505">
        <v>87</v>
      </c>
      <c r="AN14505">
        <v>88</v>
      </c>
      <c r="AO14505">
        <v>89</v>
      </c>
      <c r="AP14505">
        <v>90</v>
      </c>
      <c r="AQ14505">
        <v>90</v>
      </c>
    </row>
    <row r="14506" spans="1:43">
      <c r="A14506" t="s">
        <v>8998</v>
      </c>
      <c r="B14506" t="s">
        <v>8999</v>
      </c>
      <c r="C14506" t="s">
        <v>9000</v>
      </c>
      <c r="D14506" t="s">
        <v>9001</v>
      </c>
      <c r="E14506" t="s">
        <v>8938</v>
      </c>
      <c r="F14506" t="s">
        <v>8939</v>
      </c>
      <c r="G14506" t="s">
        <v>80</v>
      </c>
      <c r="H14506" t="s">
        <v>81</v>
      </c>
      <c r="I14506" s="2">
        <v>0</v>
      </c>
      <c r="J14506" s="2">
        <v>1</v>
      </c>
      <c r="K14506" s="2">
        <v>0</v>
      </c>
      <c r="L14506" t="s">
        <v>82</v>
      </c>
      <c r="M14506" t="s">
        <v>83</v>
      </c>
      <c r="N14506" t="s">
        <v>84</v>
      </c>
      <c r="O14506" t="s">
        <v>85</v>
      </c>
      <c r="P14506" t="s">
        <v>86</v>
      </c>
      <c r="Q14506">
        <v>47</v>
      </c>
      <c r="R14506">
        <v>47</v>
      </c>
      <c r="S14506">
        <v>48</v>
      </c>
      <c r="T14506">
        <v>49</v>
      </c>
      <c r="U14506">
        <v>49</v>
      </c>
      <c r="V14506">
        <v>50</v>
      </c>
      <c r="W14506">
        <v>51</v>
      </c>
      <c r="X14506">
        <v>51</v>
      </c>
      <c r="Y14506">
        <v>52</v>
      </c>
      <c r="Z14506">
        <v>53</v>
      </c>
      <c r="AA14506">
        <v>53</v>
      </c>
      <c r="AB14506">
        <v>54</v>
      </c>
      <c r="AC14506">
        <v>54</v>
      </c>
      <c r="AD14506">
        <v>55</v>
      </c>
      <c r="AE14506">
        <v>56</v>
      </c>
      <c r="AF14506">
        <v>56</v>
      </c>
      <c r="AG14506">
        <v>57</v>
      </c>
      <c r="AH14506">
        <v>58</v>
      </c>
      <c r="AI14506">
        <v>58</v>
      </c>
      <c r="AJ14506">
        <v>59</v>
      </c>
      <c r="AK14506">
        <v>59</v>
      </c>
      <c r="AL14506">
        <v>60</v>
      </c>
      <c r="AM14506">
        <v>60</v>
      </c>
      <c r="AN14506">
        <v>60</v>
      </c>
      <c r="AO14506">
        <v>60</v>
      </c>
      <c r="AP14506">
        <v>60</v>
      </c>
      <c r="AQ14506">
        <v>60</v>
      </c>
    </row>
    <row r="14507" spans="1:43">
      <c r="A14507" t="s">
        <v>8998</v>
      </c>
      <c r="B14507" t="s">
        <v>8999</v>
      </c>
      <c r="C14507" t="s">
        <v>9000</v>
      </c>
      <c r="D14507" t="s">
        <v>9001</v>
      </c>
      <c r="E14507" t="s">
        <v>8938</v>
      </c>
      <c r="F14507" t="s">
        <v>8939</v>
      </c>
      <c r="G14507" t="s">
        <v>80</v>
      </c>
      <c r="H14507" t="s">
        <v>81</v>
      </c>
      <c r="I14507" s="2">
        <v>0</v>
      </c>
      <c r="J14507" s="2">
        <v>1</v>
      </c>
      <c r="K14507" s="2">
        <v>0</v>
      </c>
      <c r="L14507" t="s">
        <v>82</v>
      </c>
      <c r="M14507" t="s">
        <v>87</v>
      </c>
      <c r="N14507" t="s">
        <v>88</v>
      </c>
      <c r="O14507" t="s">
        <v>85</v>
      </c>
      <c r="P14507" t="s">
        <v>86</v>
      </c>
      <c r="Q14507">
        <v>47</v>
      </c>
      <c r="R14507">
        <v>47</v>
      </c>
      <c r="S14507">
        <v>48</v>
      </c>
      <c r="T14507">
        <v>48</v>
      </c>
      <c r="U14507">
        <v>48</v>
      </c>
      <c r="V14507">
        <v>48</v>
      </c>
      <c r="W14507">
        <v>48</v>
      </c>
      <c r="X14507">
        <v>49</v>
      </c>
      <c r="Y14507">
        <v>49</v>
      </c>
      <c r="Z14507">
        <v>49</v>
      </c>
      <c r="AA14507">
        <v>49</v>
      </c>
      <c r="AB14507">
        <v>50</v>
      </c>
      <c r="AC14507">
        <v>50</v>
      </c>
      <c r="AD14507">
        <v>50</v>
      </c>
      <c r="AE14507">
        <v>50</v>
      </c>
      <c r="AF14507">
        <v>50</v>
      </c>
      <c r="AG14507">
        <v>51</v>
      </c>
      <c r="AH14507">
        <v>51</v>
      </c>
      <c r="AI14507">
        <v>51</v>
      </c>
      <c r="AJ14507">
        <v>51</v>
      </c>
      <c r="AK14507">
        <v>52</v>
      </c>
      <c r="AL14507">
        <v>52</v>
      </c>
      <c r="AM14507">
        <v>52</v>
      </c>
      <c r="AN14507">
        <v>52</v>
      </c>
      <c r="AO14507">
        <v>53</v>
      </c>
      <c r="AP14507">
        <v>53</v>
      </c>
      <c r="AQ14507">
        <v>53</v>
      </c>
    </row>
    <row r="14508" spans="1:43">
      <c r="A14508" t="s">
        <v>8998</v>
      </c>
      <c r="B14508" t="s">
        <v>8999</v>
      </c>
      <c r="C14508" t="s">
        <v>9000</v>
      </c>
      <c r="D14508" t="s">
        <v>9001</v>
      </c>
      <c r="E14508" t="s">
        <v>8938</v>
      </c>
      <c r="F14508" t="s">
        <v>8939</v>
      </c>
      <c r="G14508" t="s">
        <v>80</v>
      </c>
      <c r="H14508" t="s">
        <v>81</v>
      </c>
      <c r="I14508" s="2">
        <v>0</v>
      </c>
      <c r="J14508" s="2">
        <v>1</v>
      </c>
      <c r="K14508" s="2">
        <v>0</v>
      </c>
      <c r="L14508" t="s">
        <v>82</v>
      </c>
      <c r="M14508" t="s">
        <v>89</v>
      </c>
      <c r="N14508" t="s">
        <v>90</v>
      </c>
      <c r="O14508" t="s">
        <v>85</v>
      </c>
      <c r="P14508" t="s">
        <v>86</v>
      </c>
      <c r="Q14508">
        <v>47</v>
      </c>
      <c r="R14508">
        <v>48</v>
      </c>
      <c r="S14508">
        <v>49</v>
      </c>
      <c r="T14508">
        <v>50</v>
      </c>
      <c r="U14508">
        <v>51</v>
      </c>
      <c r="V14508">
        <v>52</v>
      </c>
      <c r="W14508">
        <v>53</v>
      </c>
      <c r="X14508">
        <v>54</v>
      </c>
      <c r="Y14508">
        <v>55</v>
      </c>
      <c r="Z14508">
        <v>56</v>
      </c>
      <c r="AA14508">
        <v>57</v>
      </c>
      <c r="AB14508">
        <v>57</v>
      </c>
      <c r="AC14508">
        <v>58</v>
      </c>
      <c r="AD14508">
        <v>59</v>
      </c>
      <c r="AE14508">
        <v>60</v>
      </c>
      <c r="AF14508">
        <v>60</v>
      </c>
      <c r="AG14508">
        <v>60</v>
      </c>
      <c r="AH14508">
        <v>60</v>
      </c>
      <c r="AI14508">
        <v>60</v>
      </c>
      <c r="AJ14508">
        <v>60</v>
      </c>
      <c r="AK14508">
        <v>60</v>
      </c>
      <c r="AL14508">
        <v>60</v>
      </c>
      <c r="AM14508">
        <v>60</v>
      </c>
      <c r="AN14508">
        <v>61</v>
      </c>
      <c r="AO14508">
        <v>61</v>
      </c>
      <c r="AP14508">
        <v>61</v>
      </c>
      <c r="AQ14508">
        <v>61</v>
      </c>
    </row>
    <row r="14509" spans="1:43">
      <c r="A14509" t="s">
        <v>8998</v>
      </c>
      <c r="B14509" t="s">
        <v>8999</v>
      </c>
      <c r="C14509" t="s">
        <v>9000</v>
      </c>
      <c r="D14509" t="s">
        <v>9001</v>
      </c>
      <c r="E14509" t="s">
        <v>8938</v>
      </c>
      <c r="F14509" t="s">
        <v>8939</v>
      </c>
      <c r="G14509" t="s">
        <v>80</v>
      </c>
      <c r="H14509" t="s">
        <v>81</v>
      </c>
      <c r="I14509" s="2">
        <v>0</v>
      </c>
      <c r="J14509" s="2">
        <v>1</v>
      </c>
      <c r="K14509" s="2">
        <v>0</v>
      </c>
      <c r="L14509" t="s">
        <v>82</v>
      </c>
      <c r="M14509" t="s">
        <v>83</v>
      </c>
      <c r="N14509" t="s">
        <v>91</v>
      </c>
      <c r="O14509" t="s">
        <v>85</v>
      </c>
      <c r="P14509" t="s">
        <v>86</v>
      </c>
      <c r="Q14509">
        <v>47</v>
      </c>
      <c r="R14509">
        <v>47</v>
      </c>
      <c r="S14509">
        <v>48</v>
      </c>
      <c r="T14509">
        <v>49</v>
      </c>
      <c r="U14509">
        <v>49</v>
      </c>
      <c r="V14509">
        <v>50</v>
      </c>
      <c r="W14509">
        <v>51</v>
      </c>
      <c r="X14509">
        <v>51</v>
      </c>
      <c r="Y14509">
        <v>52</v>
      </c>
      <c r="Z14509">
        <v>53</v>
      </c>
      <c r="AA14509">
        <v>53</v>
      </c>
      <c r="AB14509">
        <v>54</v>
      </c>
      <c r="AC14509">
        <v>54</v>
      </c>
      <c r="AD14509">
        <v>55</v>
      </c>
      <c r="AE14509">
        <v>56</v>
      </c>
      <c r="AF14509">
        <v>56</v>
      </c>
      <c r="AG14509">
        <v>57</v>
      </c>
      <c r="AH14509">
        <v>58</v>
      </c>
      <c r="AI14509">
        <v>58</v>
      </c>
      <c r="AJ14509">
        <v>59</v>
      </c>
      <c r="AK14509">
        <v>59</v>
      </c>
      <c r="AL14509">
        <v>60</v>
      </c>
      <c r="AM14509">
        <v>60</v>
      </c>
      <c r="AN14509">
        <v>60</v>
      </c>
      <c r="AO14509">
        <v>60</v>
      </c>
      <c r="AP14509">
        <v>60</v>
      </c>
      <c r="AQ14509">
        <v>60</v>
      </c>
    </row>
    <row r="14510" spans="1:43">
      <c r="A14510" t="s">
        <v>9002</v>
      </c>
      <c r="B14510" t="s">
        <v>9003</v>
      </c>
      <c r="C14510" t="s">
        <v>9004</v>
      </c>
      <c r="D14510" t="s">
        <v>9005</v>
      </c>
      <c r="E14510" t="s">
        <v>8938</v>
      </c>
      <c r="F14510" t="s">
        <v>8939</v>
      </c>
      <c r="G14510" t="s">
        <v>80</v>
      </c>
      <c r="H14510" t="s">
        <v>81</v>
      </c>
      <c r="I14510" s="2">
        <v>0</v>
      </c>
      <c r="J14510" s="2">
        <v>1</v>
      </c>
      <c r="K14510" s="2">
        <v>0</v>
      </c>
      <c r="L14510" t="s">
        <v>82</v>
      </c>
      <c r="M14510" t="s">
        <v>83</v>
      </c>
      <c r="N14510" t="s">
        <v>84</v>
      </c>
      <c r="O14510" t="s">
        <v>85</v>
      </c>
      <c r="P14510" t="s">
        <v>86</v>
      </c>
      <c r="Q14510">
        <v>22</v>
      </c>
      <c r="R14510">
        <v>23</v>
      </c>
      <c r="S14510">
        <v>23</v>
      </c>
      <c r="T14510">
        <v>24</v>
      </c>
      <c r="U14510">
        <v>25</v>
      </c>
      <c r="V14510">
        <v>25</v>
      </c>
      <c r="W14510">
        <v>26</v>
      </c>
      <c r="X14510">
        <v>26</v>
      </c>
      <c r="Y14510">
        <v>27</v>
      </c>
      <c r="Z14510">
        <v>28</v>
      </c>
      <c r="AA14510">
        <v>28</v>
      </c>
      <c r="AB14510">
        <v>29</v>
      </c>
      <c r="AC14510">
        <v>30</v>
      </c>
      <c r="AD14510">
        <v>30</v>
      </c>
      <c r="AE14510">
        <v>31</v>
      </c>
      <c r="AF14510">
        <v>32</v>
      </c>
      <c r="AG14510">
        <v>32</v>
      </c>
      <c r="AH14510">
        <v>33</v>
      </c>
      <c r="AI14510">
        <v>34</v>
      </c>
      <c r="AJ14510">
        <v>34</v>
      </c>
      <c r="AK14510">
        <v>35</v>
      </c>
      <c r="AL14510">
        <v>35</v>
      </c>
      <c r="AM14510">
        <v>36</v>
      </c>
      <c r="AN14510">
        <v>36</v>
      </c>
      <c r="AO14510">
        <v>36</v>
      </c>
      <c r="AP14510">
        <v>37</v>
      </c>
      <c r="AQ14510">
        <v>37</v>
      </c>
    </row>
    <row r="14511" spans="1:43">
      <c r="A14511" t="s">
        <v>9002</v>
      </c>
      <c r="B14511" t="s">
        <v>9003</v>
      </c>
      <c r="C14511" t="s">
        <v>9004</v>
      </c>
      <c r="D14511" t="s">
        <v>9005</v>
      </c>
      <c r="E14511" t="s">
        <v>8938</v>
      </c>
      <c r="F14511" t="s">
        <v>8939</v>
      </c>
      <c r="G14511" t="s">
        <v>80</v>
      </c>
      <c r="H14511" t="s">
        <v>81</v>
      </c>
      <c r="I14511" s="2">
        <v>0</v>
      </c>
      <c r="J14511" s="2">
        <v>1</v>
      </c>
      <c r="K14511" s="2">
        <v>0</v>
      </c>
      <c r="L14511" t="s">
        <v>82</v>
      </c>
      <c r="M14511" t="s">
        <v>87</v>
      </c>
      <c r="N14511" t="s">
        <v>88</v>
      </c>
      <c r="O14511" t="s">
        <v>85</v>
      </c>
      <c r="P14511" t="s">
        <v>86</v>
      </c>
      <c r="Q14511">
        <v>22</v>
      </c>
      <c r="R14511">
        <v>22</v>
      </c>
      <c r="S14511">
        <v>23</v>
      </c>
      <c r="T14511">
        <v>23</v>
      </c>
      <c r="U14511">
        <v>24</v>
      </c>
      <c r="V14511">
        <v>24</v>
      </c>
      <c r="W14511">
        <v>24</v>
      </c>
      <c r="X14511">
        <v>25</v>
      </c>
      <c r="Y14511">
        <v>25</v>
      </c>
      <c r="Z14511">
        <v>25</v>
      </c>
      <c r="AA14511">
        <v>26</v>
      </c>
      <c r="AB14511">
        <v>26</v>
      </c>
      <c r="AC14511">
        <v>27</v>
      </c>
      <c r="AD14511">
        <v>27</v>
      </c>
      <c r="AE14511">
        <v>27</v>
      </c>
      <c r="AF14511">
        <v>28</v>
      </c>
      <c r="AG14511">
        <v>28</v>
      </c>
      <c r="AH14511">
        <v>29</v>
      </c>
      <c r="AI14511">
        <v>29</v>
      </c>
      <c r="AJ14511">
        <v>29</v>
      </c>
      <c r="AK14511">
        <v>30</v>
      </c>
      <c r="AL14511">
        <v>30</v>
      </c>
      <c r="AM14511">
        <v>31</v>
      </c>
      <c r="AN14511">
        <v>31</v>
      </c>
      <c r="AO14511">
        <v>31</v>
      </c>
      <c r="AP14511">
        <v>32</v>
      </c>
      <c r="AQ14511">
        <v>32</v>
      </c>
    </row>
    <row r="14512" spans="1:43">
      <c r="A14512" t="s">
        <v>9002</v>
      </c>
      <c r="B14512" t="s">
        <v>9003</v>
      </c>
      <c r="C14512" t="s">
        <v>9004</v>
      </c>
      <c r="D14512" t="s">
        <v>9005</v>
      </c>
      <c r="E14512" t="s">
        <v>8938</v>
      </c>
      <c r="F14512" t="s">
        <v>8939</v>
      </c>
      <c r="G14512" t="s">
        <v>80</v>
      </c>
      <c r="H14512" t="s">
        <v>81</v>
      </c>
      <c r="I14512" s="2">
        <v>0</v>
      </c>
      <c r="J14512" s="2">
        <v>1</v>
      </c>
      <c r="K14512" s="2">
        <v>0</v>
      </c>
      <c r="L14512" t="s">
        <v>82</v>
      </c>
      <c r="M14512" t="s">
        <v>89</v>
      </c>
      <c r="N14512" t="s">
        <v>90</v>
      </c>
      <c r="O14512" t="s">
        <v>85</v>
      </c>
      <c r="P14512" t="s">
        <v>86</v>
      </c>
      <c r="Q14512">
        <v>22</v>
      </c>
      <c r="R14512">
        <v>22</v>
      </c>
      <c r="S14512">
        <v>23</v>
      </c>
      <c r="T14512">
        <v>24</v>
      </c>
      <c r="U14512">
        <v>25</v>
      </c>
      <c r="V14512">
        <v>25</v>
      </c>
      <c r="W14512">
        <v>26</v>
      </c>
      <c r="X14512">
        <v>27</v>
      </c>
      <c r="Y14512">
        <v>28</v>
      </c>
      <c r="Z14512">
        <v>28</v>
      </c>
      <c r="AA14512">
        <v>29</v>
      </c>
      <c r="AB14512">
        <v>30</v>
      </c>
      <c r="AC14512">
        <v>31</v>
      </c>
      <c r="AD14512">
        <v>32</v>
      </c>
      <c r="AE14512">
        <v>32</v>
      </c>
      <c r="AF14512">
        <v>33</v>
      </c>
      <c r="AG14512">
        <v>33</v>
      </c>
      <c r="AH14512">
        <v>33</v>
      </c>
      <c r="AI14512">
        <v>34</v>
      </c>
      <c r="AJ14512">
        <v>34</v>
      </c>
      <c r="AK14512">
        <v>34</v>
      </c>
      <c r="AL14512">
        <v>35</v>
      </c>
      <c r="AM14512">
        <v>35</v>
      </c>
      <c r="AN14512">
        <v>35</v>
      </c>
      <c r="AO14512">
        <v>36</v>
      </c>
      <c r="AP14512">
        <v>36</v>
      </c>
      <c r="AQ14512">
        <v>36</v>
      </c>
    </row>
    <row r="14513" spans="1:43">
      <c r="A14513" t="s">
        <v>9002</v>
      </c>
      <c r="B14513" t="s">
        <v>9003</v>
      </c>
      <c r="C14513" t="s">
        <v>9004</v>
      </c>
      <c r="D14513" t="s">
        <v>9005</v>
      </c>
      <c r="E14513" t="s">
        <v>8938</v>
      </c>
      <c r="F14513" t="s">
        <v>8939</v>
      </c>
      <c r="G14513" t="s">
        <v>80</v>
      </c>
      <c r="H14513" t="s">
        <v>81</v>
      </c>
      <c r="I14513" s="2">
        <v>0</v>
      </c>
      <c r="J14513" s="2">
        <v>1</v>
      </c>
      <c r="K14513" s="2">
        <v>0</v>
      </c>
      <c r="L14513" t="s">
        <v>82</v>
      </c>
      <c r="M14513" t="s">
        <v>83</v>
      </c>
      <c r="N14513" t="s">
        <v>91</v>
      </c>
      <c r="O14513" t="s">
        <v>85</v>
      </c>
      <c r="P14513" t="s">
        <v>86</v>
      </c>
      <c r="Q14513">
        <v>22</v>
      </c>
      <c r="R14513">
        <v>23</v>
      </c>
      <c r="S14513">
        <v>23</v>
      </c>
      <c r="T14513">
        <v>24</v>
      </c>
      <c r="U14513">
        <v>25</v>
      </c>
      <c r="V14513">
        <v>25</v>
      </c>
      <c r="W14513">
        <v>26</v>
      </c>
      <c r="X14513">
        <v>26</v>
      </c>
      <c r="Y14513">
        <v>27</v>
      </c>
      <c r="Z14513">
        <v>28</v>
      </c>
      <c r="AA14513">
        <v>28</v>
      </c>
      <c r="AB14513">
        <v>29</v>
      </c>
      <c r="AC14513">
        <v>30</v>
      </c>
      <c r="AD14513">
        <v>30</v>
      </c>
      <c r="AE14513">
        <v>31</v>
      </c>
      <c r="AF14513">
        <v>32</v>
      </c>
      <c r="AG14513">
        <v>32</v>
      </c>
      <c r="AH14513">
        <v>33</v>
      </c>
      <c r="AI14513">
        <v>34</v>
      </c>
      <c r="AJ14513">
        <v>34</v>
      </c>
      <c r="AK14513">
        <v>35</v>
      </c>
      <c r="AL14513">
        <v>35</v>
      </c>
      <c r="AM14513">
        <v>36</v>
      </c>
      <c r="AN14513">
        <v>36</v>
      </c>
      <c r="AO14513">
        <v>36</v>
      </c>
      <c r="AP14513">
        <v>37</v>
      </c>
      <c r="AQ14513">
        <v>37</v>
      </c>
    </row>
    <row r="14514" spans="1:43">
      <c r="A14514" t="s">
        <v>9006</v>
      </c>
      <c r="B14514" t="s">
        <v>9007</v>
      </c>
      <c r="C14514" t="s">
        <v>9000</v>
      </c>
      <c r="D14514" t="s">
        <v>9001</v>
      </c>
      <c r="E14514" t="s">
        <v>8938</v>
      </c>
      <c r="F14514" t="s">
        <v>8939</v>
      </c>
      <c r="G14514" t="s">
        <v>80</v>
      </c>
      <c r="H14514" t="s">
        <v>81</v>
      </c>
      <c r="I14514" s="2">
        <v>0</v>
      </c>
      <c r="J14514" s="2">
        <v>1</v>
      </c>
      <c r="K14514" s="2">
        <v>0</v>
      </c>
      <c r="L14514" t="s">
        <v>82</v>
      </c>
      <c r="M14514" t="s">
        <v>83</v>
      </c>
      <c r="N14514" t="s">
        <v>84</v>
      </c>
      <c r="O14514" t="s">
        <v>85</v>
      </c>
      <c r="P14514" t="s">
        <v>86</v>
      </c>
      <c r="Q14514">
        <v>38</v>
      </c>
      <c r="R14514">
        <v>39</v>
      </c>
      <c r="S14514">
        <v>40</v>
      </c>
      <c r="T14514">
        <v>41</v>
      </c>
      <c r="U14514">
        <v>42</v>
      </c>
      <c r="V14514">
        <v>43</v>
      </c>
      <c r="W14514">
        <v>44</v>
      </c>
      <c r="X14514">
        <v>45</v>
      </c>
      <c r="Y14514">
        <v>46</v>
      </c>
      <c r="Z14514">
        <v>47</v>
      </c>
      <c r="AA14514">
        <v>49</v>
      </c>
      <c r="AB14514">
        <v>50</v>
      </c>
      <c r="AC14514">
        <v>51</v>
      </c>
      <c r="AD14514">
        <v>52</v>
      </c>
      <c r="AE14514">
        <v>53</v>
      </c>
      <c r="AF14514">
        <v>54</v>
      </c>
      <c r="AG14514">
        <v>55</v>
      </c>
      <c r="AH14514">
        <v>56</v>
      </c>
      <c r="AI14514">
        <v>57</v>
      </c>
      <c r="AJ14514">
        <v>59</v>
      </c>
      <c r="AK14514">
        <v>60</v>
      </c>
      <c r="AL14514">
        <v>61</v>
      </c>
      <c r="AM14514">
        <v>61</v>
      </c>
      <c r="AN14514">
        <v>62</v>
      </c>
      <c r="AO14514">
        <v>63</v>
      </c>
      <c r="AP14514">
        <v>63</v>
      </c>
      <c r="AQ14514">
        <v>64</v>
      </c>
    </row>
    <row r="14515" spans="1:43">
      <c r="A14515" t="s">
        <v>9006</v>
      </c>
      <c r="B14515" t="s">
        <v>9007</v>
      </c>
      <c r="C14515" t="s">
        <v>9000</v>
      </c>
      <c r="D14515" t="s">
        <v>9001</v>
      </c>
      <c r="E14515" t="s">
        <v>8938</v>
      </c>
      <c r="F14515" t="s">
        <v>8939</v>
      </c>
      <c r="G14515" t="s">
        <v>80</v>
      </c>
      <c r="H14515" t="s">
        <v>81</v>
      </c>
      <c r="I14515" s="2">
        <v>0</v>
      </c>
      <c r="J14515" s="2">
        <v>1</v>
      </c>
      <c r="K14515" s="2">
        <v>0</v>
      </c>
      <c r="L14515" t="s">
        <v>82</v>
      </c>
      <c r="M14515" t="s">
        <v>87</v>
      </c>
      <c r="N14515" t="s">
        <v>88</v>
      </c>
      <c r="O14515" t="s">
        <v>85</v>
      </c>
      <c r="P14515" t="s">
        <v>86</v>
      </c>
      <c r="Q14515">
        <v>38</v>
      </c>
      <c r="R14515">
        <v>39</v>
      </c>
      <c r="S14515">
        <v>39</v>
      </c>
      <c r="T14515">
        <v>40</v>
      </c>
      <c r="U14515">
        <v>40</v>
      </c>
      <c r="V14515">
        <v>41</v>
      </c>
      <c r="W14515">
        <v>42</v>
      </c>
      <c r="X14515">
        <v>42</v>
      </c>
      <c r="Y14515">
        <v>43</v>
      </c>
      <c r="Z14515">
        <v>44</v>
      </c>
      <c r="AA14515">
        <v>44</v>
      </c>
      <c r="AB14515">
        <v>45</v>
      </c>
      <c r="AC14515">
        <v>46</v>
      </c>
      <c r="AD14515">
        <v>46</v>
      </c>
      <c r="AE14515">
        <v>47</v>
      </c>
      <c r="AF14515">
        <v>48</v>
      </c>
      <c r="AG14515">
        <v>48</v>
      </c>
      <c r="AH14515">
        <v>49</v>
      </c>
      <c r="AI14515">
        <v>50</v>
      </c>
      <c r="AJ14515">
        <v>50</v>
      </c>
      <c r="AK14515">
        <v>51</v>
      </c>
      <c r="AL14515">
        <v>52</v>
      </c>
      <c r="AM14515">
        <v>52</v>
      </c>
      <c r="AN14515">
        <v>53</v>
      </c>
      <c r="AO14515">
        <v>54</v>
      </c>
      <c r="AP14515">
        <v>55</v>
      </c>
      <c r="AQ14515">
        <v>55</v>
      </c>
    </row>
    <row r="14516" spans="1:43">
      <c r="A14516" t="s">
        <v>9006</v>
      </c>
      <c r="B14516" t="s">
        <v>9007</v>
      </c>
      <c r="C14516" t="s">
        <v>9000</v>
      </c>
      <c r="D14516" t="s">
        <v>9001</v>
      </c>
      <c r="E14516" t="s">
        <v>8938</v>
      </c>
      <c r="F14516" t="s">
        <v>8939</v>
      </c>
      <c r="G14516" t="s">
        <v>80</v>
      </c>
      <c r="H14516" t="s">
        <v>81</v>
      </c>
      <c r="I14516" s="2">
        <v>0</v>
      </c>
      <c r="J14516" s="2">
        <v>1</v>
      </c>
      <c r="K14516" s="2">
        <v>0</v>
      </c>
      <c r="L14516" t="s">
        <v>82</v>
      </c>
      <c r="M14516" t="s">
        <v>89</v>
      </c>
      <c r="N14516" t="s">
        <v>90</v>
      </c>
      <c r="O14516" t="s">
        <v>85</v>
      </c>
      <c r="P14516" t="s">
        <v>86</v>
      </c>
      <c r="Q14516">
        <v>38</v>
      </c>
      <c r="R14516">
        <v>39</v>
      </c>
      <c r="S14516">
        <v>40</v>
      </c>
      <c r="T14516">
        <v>42</v>
      </c>
      <c r="U14516">
        <v>43</v>
      </c>
      <c r="V14516">
        <v>44</v>
      </c>
      <c r="W14516">
        <v>46</v>
      </c>
      <c r="X14516">
        <v>47</v>
      </c>
      <c r="Y14516">
        <v>48</v>
      </c>
      <c r="Z14516">
        <v>49</v>
      </c>
      <c r="AA14516">
        <v>51</v>
      </c>
      <c r="AB14516">
        <v>52</v>
      </c>
      <c r="AC14516">
        <v>53</v>
      </c>
      <c r="AD14516">
        <v>55</v>
      </c>
      <c r="AE14516">
        <v>56</v>
      </c>
      <c r="AF14516">
        <v>56</v>
      </c>
      <c r="AG14516">
        <v>57</v>
      </c>
      <c r="AH14516">
        <v>58</v>
      </c>
      <c r="AI14516">
        <v>58</v>
      </c>
      <c r="AJ14516">
        <v>59</v>
      </c>
      <c r="AK14516">
        <v>60</v>
      </c>
      <c r="AL14516">
        <v>60</v>
      </c>
      <c r="AM14516">
        <v>61</v>
      </c>
      <c r="AN14516">
        <v>62</v>
      </c>
      <c r="AO14516">
        <v>62</v>
      </c>
      <c r="AP14516">
        <v>63</v>
      </c>
      <c r="AQ14516">
        <v>63</v>
      </c>
    </row>
    <row r="14517" spans="1:43">
      <c r="A14517" t="s">
        <v>9006</v>
      </c>
      <c r="B14517" t="s">
        <v>9007</v>
      </c>
      <c r="C14517" t="s">
        <v>9000</v>
      </c>
      <c r="D14517" t="s">
        <v>9001</v>
      </c>
      <c r="E14517" t="s">
        <v>8938</v>
      </c>
      <c r="F14517" t="s">
        <v>8939</v>
      </c>
      <c r="G14517" t="s">
        <v>80</v>
      </c>
      <c r="H14517" t="s">
        <v>81</v>
      </c>
      <c r="I14517" s="2">
        <v>0</v>
      </c>
      <c r="J14517" s="2">
        <v>1</v>
      </c>
      <c r="K14517" s="2">
        <v>0</v>
      </c>
      <c r="L14517" t="s">
        <v>82</v>
      </c>
      <c r="M14517" t="s">
        <v>83</v>
      </c>
      <c r="N14517" t="s">
        <v>91</v>
      </c>
      <c r="O14517" t="s">
        <v>85</v>
      </c>
      <c r="P14517" t="s">
        <v>86</v>
      </c>
      <c r="Q14517">
        <v>38</v>
      </c>
      <c r="R14517">
        <v>39</v>
      </c>
      <c r="S14517">
        <v>40</v>
      </c>
      <c r="T14517">
        <v>41</v>
      </c>
      <c r="U14517">
        <v>42</v>
      </c>
      <c r="V14517">
        <v>43</v>
      </c>
      <c r="W14517">
        <v>44</v>
      </c>
      <c r="X14517">
        <v>45</v>
      </c>
      <c r="Y14517">
        <v>46</v>
      </c>
      <c r="Z14517">
        <v>47</v>
      </c>
      <c r="AA14517">
        <v>49</v>
      </c>
      <c r="AB14517">
        <v>50</v>
      </c>
      <c r="AC14517">
        <v>51</v>
      </c>
      <c r="AD14517">
        <v>52</v>
      </c>
      <c r="AE14517">
        <v>53</v>
      </c>
      <c r="AF14517">
        <v>54</v>
      </c>
      <c r="AG14517">
        <v>55</v>
      </c>
      <c r="AH14517">
        <v>56</v>
      </c>
      <c r="AI14517">
        <v>57</v>
      </c>
      <c r="AJ14517">
        <v>59</v>
      </c>
      <c r="AK14517">
        <v>60</v>
      </c>
      <c r="AL14517">
        <v>61</v>
      </c>
      <c r="AM14517">
        <v>61</v>
      </c>
      <c r="AN14517">
        <v>62</v>
      </c>
      <c r="AO14517">
        <v>63</v>
      </c>
      <c r="AP14517">
        <v>63</v>
      </c>
      <c r="AQ14517">
        <v>64</v>
      </c>
    </row>
    <row r="14518" spans="1:43">
      <c r="A14518" t="s">
        <v>9008</v>
      </c>
      <c r="B14518" t="s">
        <v>9009</v>
      </c>
      <c r="C14518" t="s">
        <v>9004</v>
      </c>
      <c r="D14518" t="s">
        <v>9005</v>
      </c>
      <c r="E14518" t="s">
        <v>8938</v>
      </c>
      <c r="F14518" t="s">
        <v>8939</v>
      </c>
      <c r="G14518" t="s">
        <v>80</v>
      </c>
      <c r="H14518" t="s">
        <v>81</v>
      </c>
      <c r="I14518" s="2">
        <v>0</v>
      </c>
      <c r="J14518" s="2">
        <v>1</v>
      </c>
      <c r="K14518" s="2">
        <v>0</v>
      </c>
      <c r="L14518" t="s">
        <v>82</v>
      </c>
      <c r="M14518" t="s">
        <v>83</v>
      </c>
      <c r="N14518" t="s">
        <v>84</v>
      </c>
      <c r="O14518" t="s">
        <v>85</v>
      </c>
      <c r="P14518" t="s">
        <v>86</v>
      </c>
      <c r="Q14518">
        <v>39</v>
      </c>
      <c r="R14518">
        <v>40</v>
      </c>
      <c r="S14518">
        <v>41</v>
      </c>
      <c r="T14518">
        <v>42</v>
      </c>
      <c r="U14518">
        <v>43</v>
      </c>
      <c r="V14518">
        <v>44</v>
      </c>
      <c r="W14518">
        <v>45</v>
      </c>
      <c r="X14518">
        <v>46</v>
      </c>
      <c r="Y14518">
        <v>48</v>
      </c>
      <c r="Z14518">
        <v>49</v>
      </c>
      <c r="AA14518">
        <v>50</v>
      </c>
      <c r="AB14518">
        <v>51</v>
      </c>
      <c r="AC14518">
        <v>52</v>
      </c>
      <c r="AD14518">
        <v>53</v>
      </c>
      <c r="AE14518">
        <v>54</v>
      </c>
      <c r="AF14518">
        <v>55</v>
      </c>
      <c r="AG14518">
        <v>57</v>
      </c>
      <c r="AH14518">
        <v>58</v>
      </c>
      <c r="AI14518">
        <v>59</v>
      </c>
      <c r="AJ14518">
        <v>60</v>
      </c>
      <c r="AK14518">
        <v>61</v>
      </c>
      <c r="AL14518">
        <v>62</v>
      </c>
      <c r="AM14518">
        <v>63</v>
      </c>
      <c r="AN14518">
        <v>63</v>
      </c>
      <c r="AO14518">
        <v>64</v>
      </c>
      <c r="AP14518">
        <v>65</v>
      </c>
      <c r="AQ14518">
        <v>65</v>
      </c>
    </row>
    <row r="14519" spans="1:43">
      <c r="A14519" t="s">
        <v>9008</v>
      </c>
      <c r="B14519" t="s">
        <v>9009</v>
      </c>
      <c r="C14519" t="s">
        <v>9004</v>
      </c>
      <c r="D14519" t="s">
        <v>9005</v>
      </c>
      <c r="E14519" t="s">
        <v>8938</v>
      </c>
      <c r="F14519" t="s">
        <v>8939</v>
      </c>
      <c r="G14519" t="s">
        <v>80</v>
      </c>
      <c r="H14519" t="s">
        <v>81</v>
      </c>
      <c r="I14519" s="2">
        <v>0</v>
      </c>
      <c r="J14519" s="2">
        <v>1</v>
      </c>
      <c r="K14519" s="2">
        <v>0</v>
      </c>
      <c r="L14519" t="s">
        <v>82</v>
      </c>
      <c r="M14519" t="s">
        <v>87</v>
      </c>
      <c r="N14519" t="s">
        <v>88</v>
      </c>
      <c r="O14519" t="s">
        <v>85</v>
      </c>
      <c r="P14519" t="s">
        <v>86</v>
      </c>
      <c r="Q14519">
        <v>39</v>
      </c>
      <c r="R14519">
        <v>39</v>
      </c>
      <c r="S14519">
        <v>40</v>
      </c>
      <c r="T14519">
        <v>41</v>
      </c>
      <c r="U14519">
        <v>41</v>
      </c>
      <c r="V14519">
        <v>42</v>
      </c>
      <c r="W14519">
        <v>43</v>
      </c>
      <c r="X14519">
        <v>43</v>
      </c>
      <c r="Y14519">
        <v>44</v>
      </c>
      <c r="Z14519">
        <v>45</v>
      </c>
      <c r="AA14519">
        <v>45</v>
      </c>
      <c r="AB14519">
        <v>46</v>
      </c>
      <c r="AC14519">
        <v>47</v>
      </c>
      <c r="AD14519">
        <v>47</v>
      </c>
      <c r="AE14519">
        <v>48</v>
      </c>
      <c r="AF14519">
        <v>49</v>
      </c>
      <c r="AG14519">
        <v>49</v>
      </c>
      <c r="AH14519">
        <v>50</v>
      </c>
      <c r="AI14519">
        <v>51</v>
      </c>
      <c r="AJ14519">
        <v>52</v>
      </c>
      <c r="AK14519">
        <v>52</v>
      </c>
      <c r="AL14519">
        <v>53</v>
      </c>
      <c r="AM14519">
        <v>54</v>
      </c>
      <c r="AN14519">
        <v>54</v>
      </c>
      <c r="AO14519">
        <v>55</v>
      </c>
      <c r="AP14519">
        <v>56</v>
      </c>
      <c r="AQ14519">
        <v>57</v>
      </c>
    </row>
    <row r="14520" spans="1:43">
      <c r="A14520" t="s">
        <v>9008</v>
      </c>
      <c r="B14520" t="s">
        <v>9009</v>
      </c>
      <c r="C14520" t="s">
        <v>9004</v>
      </c>
      <c r="D14520" t="s">
        <v>9005</v>
      </c>
      <c r="E14520" t="s">
        <v>8938</v>
      </c>
      <c r="F14520" t="s">
        <v>8939</v>
      </c>
      <c r="G14520" t="s">
        <v>80</v>
      </c>
      <c r="H14520" t="s">
        <v>81</v>
      </c>
      <c r="I14520" s="2">
        <v>0</v>
      </c>
      <c r="J14520" s="2">
        <v>1</v>
      </c>
      <c r="K14520" s="2">
        <v>0</v>
      </c>
      <c r="L14520" t="s">
        <v>82</v>
      </c>
      <c r="M14520" t="s">
        <v>89</v>
      </c>
      <c r="N14520" t="s">
        <v>90</v>
      </c>
      <c r="O14520" t="s">
        <v>85</v>
      </c>
      <c r="P14520" t="s">
        <v>86</v>
      </c>
      <c r="Q14520">
        <v>39</v>
      </c>
      <c r="R14520">
        <v>40</v>
      </c>
      <c r="S14520">
        <v>41</v>
      </c>
      <c r="T14520">
        <v>43</v>
      </c>
      <c r="U14520">
        <v>44</v>
      </c>
      <c r="V14520">
        <v>45</v>
      </c>
      <c r="W14520">
        <v>47</v>
      </c>
      <c r="X14520">
        <v>48</v>
      </c>
      <c r="Y14520">
        <v>49</v>
      </c>
      <c r="Z14520">
        <v>51</v>
      </c>
      <c r="AA14520">
        <v>52</v>
      </c>
      <c r="AB14520">
        <v>53</v>
      </c>
      <c r="AC14520">
        <v>55</v>
      </c>
      <c r="AD14520">
        <v>56</v>
      </c>
      <c r="AE14520">
        <v>57</v>
      </c>
      <c r="AF14520">
        <v>58</v>
      </c>
      <c r="AG14520">
        <v>59</v>
      </c>
      <c r="AH14520">
        <v>59</v>
      </c>
      <c r="AI14520">
        <v>60</v>
      </c>
      <c r="AJ14520">
        <v>60</v>
      </c>
      <c r="AK14520">
        <v>61</v>
      </c>
      <c r="AL14520">
        <v>62</v>
      </c>
      <c r="AM14520">
        <v>62</v>
      </c>
      <c r="AN14520">
        <v>63</v>
      </c>
      <c r="AO14520">
        <v>63</v>
      </c>
      <c r="AP14520">
        <v>64</v>
      </c>
      <c r="AQ14520">
        <v>65</v>
      </c>
    </row>
    <row r="14521" spans="1:43">
      <c r="A14521" t="s">
        <v>9008</v>
      </c>
      <c r="B14521" t="s">
        <v>9009</v>
      </c>
      <c r="C14521" t="s">
        <v>9004</v>
      </c>
      <c r="D14521" t="s">
        <v>9005</v>
      </c>
      <c r="E14521" t="s">
        <v>8938</v>
      </c>
      <c r="F14521" t="s">
        <v>8939</v>
      </c>
      <c r="G14521" t="s">
        <v>80</v>
      </c>
      <c r="H14521" t="s">
        <v>81</v>
      </c>
      <c r="I14521" s="2">
        <v>0</v>
      </c>
      <c r="J14521" s="2">
        <v>1</v>
      </c>
      <c r="K14521" s="2">
        <v>0</v>
      </c>
      <c r="L14521" t="s">
        <v>82</v>
      </c>
      <c r="M14521" t="s">
        <v>83</v>
      </c>
      <c r="N14521" t="s">
        <v>91</v>
      </c>
      <c r="O14521" t="s">
        <v>85</v>
      </c>
      <c r="P14521" t="s">
        <v>86</v>
      </c>
      <c r="Q14521">
        <v>39</v>
      </c>
      <c r="R14521">
        <v>40</v>
      </c>
      <c r="S14521">
        <v>41</v>
      </c>
      <c r="T14521">
        <v>42</v>
      </c>
      <c r="U14521">
        <v>43</v>
      </c>
      <c r="V14521">
        <v>44</v>
      </c>
      <c r="W14521">
        <v>45</v>
      </c>
      <c r="X14521">
        <v>46</v>
      </c>
      <c r="Y14521">
        <v>48</v>
      </c>
      <c r="Z14521">
        <v>49</v>
      </c>
      <c r="AA14521">
        <v>50</v>
      </c>
      <c r="AB14521">
        <v>51</v>
      </c>
      <c r="AC14521">
        <v>52</v>
      </c>
      <c r="AD14521">
        <v>53</v>
      </c>
      <c r="AE14521">
        <v>54</v>
      </c>
      <c r="AF14521">
        <v>55</v>
      </c>
      <c r="AG14521">
        <v>57</v>
      </c>
      <c r="AH14521">
        <v>58</v>
      </c>
      <c r="AI14521">
        <v>59</v>
      </c>
      <c r="AJ14521">
        <v>60</v>
      </c>
      <c r="AK14521">
        <v>61</v>
      </c>
      <c r="AL14521">
        <v>62</v>
      </c>
      <c r="AM14521">
        <v>63</v>
      </c>
      <c r="AN14521">
        <v>63</v>
      </c>
      <c r="AO14521">
        <v>64</v>
      </c>
      <c r="AP14521">
        <v>65</v>
      </c>
      <c r="AQ14521">
        <v>65</v>
      </c>
    </row>
    <row r="14522" spans="1:43">
      <c r="A14522" t="s">
        <v>9010</v>
      </c>
      <c r="B14522" t="s">
        <v>9011</v>
      </c>
      <c r="C14522" t="s">
        <v>9000</v>
      </c>
      <c r="D14522" t="s">
        <v>9001</v>
      </c>
      <c r="E14522" t="s">
        <v>8938</v>
      </c>
      <c r="F14522" t="s">
        <v>8939</v>
      </c>
      <c r="G14522" t="s">
        <v>80</v>
      </c>
      <c r="H14522" t="s">
        <v>81</v>
      </c>
      <c r="I14522" s="2">
        <v>0</v>
      </c>
      <c r="J14522" s="2">
        <v>1</v>
      </c>
      <c r="K14522" s="2">
        <v>0</v>
      </c>
      <c r="L14522" t="s">
        <v>82</v>
      </c>
      <c r="M14522" t="s">
        <v>83</v>
      </c>
      <c r="N14522" t="s">
        <v>84</v>
      </c>
      <c r="O14522" t="s">
        <v>85</v>
      </c>
      <c r="P14522" t="s">
        <v>86</v>
      </c>
      <c r="Q14522">
        <v>25</v>
      </c>
      <c r="R14522">
        <v>26</v>
      </c>
      <c r="S14522">
        <v>26</v>
      </c>
      <c r="T14522">
        <v>27</v>
      </c>
      <c r="U14522">
        <v>28</v>
      </c>
      <c r="V14522">
        <v>28</v>
      </c>
      <c r="W14522">
        <v>29</v>
      </c>
      <c r="X14522">
        <v>30</v>
      </c>
      <c r="Y14522">
        <v>30</v>
      </c>
      <c r="Z14522">
        <v>31</v>
      </c>
      <c r="AA14522">
        <v>32</v>
      </c>
      <c r="AB14522">
        <v>33</v>
      </c>
      <c r="AC14522">
        <v>33</v>
      </c>
      <c r="AD14522">
        <v>34</v>
      </c>
      <c r="AE14522">
        <v>35</v>
      </c>
      <c r="AF14522">
        <v>35</v>
      </c>
      <c r="AG14522">
        <v>36</v>
      </c>
      <c r="AH14522">
        <v>37</v>
      </c>
      <c r="AI14522">
        <v>38</v>
      </c>
      <c r="AJ14522">
        <v>38</v>
      </c>
      <c r="AK14522">
        <v>39</v>
      </c>
      <c r="AL14522">
        <v>40</v>
      </c>
      <c r="AM14522">
        <v>40</v>
      </c>
      <c r="AN14522">
        <v>41</v>
      </c>
      <c r="AO14522">
        <v>41</v>
      </c>
      <c r="AP14522">
        <v>41</v>
      </c>
      <c r="AQ14522">
        <v>42</v>
      </c>
    </row>
    <row r="14523" spans="1:43">
      <c r="A14523" t="s">
        <v>9010</v>
      </c>
      <c r="B14523" t="s">
        <v>9011</v>
      </c>
      <c r="C14523" t="s">
        <v>9000</v>
      </c>
      <c r="D14523" t="s">
        <v>9001</v>
      </c>
      <c r="E14523" t="s">
        <v>8938</v>
      </c>
      <c r="F14523" t="s">
        <v>8939</v>
      </c>
      <c r="G14523" t="s">
        <v>80</v>
      </c>
      <c r="H14523" t="s">
        <v>81</v>
      </c>
      <c r="I14523" s="2">
        <v>0</v>
      </c>
      <c r="J14523" s="2">
        <v>1</v>
      </c>
      <c r="K14523" s="2">
        <v>0</v>
      </c>
      <c r="L14523" t="s">
        <v>82</v>
      </c>
      <c r="M14523" t="s">
        <v>87</v>
      </c>
      <c r="N14523" t="s">
        <v>88</v>
      </c>
      <c r="O14523" t="s">
        <v>85</v>
      </c>
      <c r="P14523" t="s">
        <v>86</v>
      </c>
      <c r="Q14523">
        <v>25</v>
      </c>
      <c r="R14523">
        <v>25</v>
      </c>
      <c r="S14523">
        <v>26</v>
      </c>
      <c r="T14523">
        <v>26</v>
      </c>
      <c r="U14523">
        <v>26</v>
      </c>
      <c r="V14523">
        <v>27</v>
      </c>
      <c r="W14523">
        <v>27</v>
      </c>
      <c r="X14523">
        <v>28</v>
      </c>
      <c r="Y14523">
        <v>28</v>
      </c>
      <c r="Z14523">
        <v>29</v>
      </c>
      <c r="AA14523">
        <v>29</v>
      </c>
      <c r="AB14523">
        <v>29</v>
      </c>
      <c r="AC14523">
        <v>30</v>
      </c>
      <c r="AD14523">
        <v>30</v>
      </c>
      <c r="AE14523">
        <v>31</v>
      </c>
      <c r="AF14523">
        <v>31</v>
      </c>
      <c r="AG14523">
        <v>32</v>
      </c>
      <c r="AH14523">
        <v>32</v>
      </c>
      <c r="AI14523">
        <v>32</v>
      </c>
      <c r="AJ14523">
        <v>33</v>
      </c>
      <c r="AK14523">
        <v>33</v>
      </c>
      <c r="AL14523">
        <v>34</v>
      </c>
      <c r="AM14523">
        <v>34</v>
      </c>
      <c r="AN14523">
        <v>35</v>
      </c>
      <c r="AO14523">
        <v>35</v>
      </c>
      <c r="AP14523">
        <v>36</v>
      </c>
      <c r="AQ14523">
        <v>36</v>
      </c>
    </row>
    <row r="14524" spans="1:43">
      <c r="A14524" t="s">
        <v>9010</v>
      </c>
      <c r="B14524" t="s">
        <v>9011</v>
      </c>
      <c r="C14524" t="s">
        <v>9000</v>
      </c>
      <c r="D14524" t="s">
        <v>9001</v>
      </c>
      <c r="E14524" t="s">
        <v>8938</v>
      </c>
      <c r="F14524" t="s">
        <v>8939</v>
      </c>
      <c r="G14524" t="s">
        <v>80</v>
      </c>
      <c r="H14524" t="s">
        <v>81</v>
      </c>
      <c r="I14524" s="2">
        <v>0</v>
      </c>
      <c r="J14524" s="2">
        <v>1</v>
      </c>
      <c r="K14524" s="2">
        <v>0</v>
      </c>
      <c r="L14524" t="s">
        <v>82</v>
      </c>
      <c r="M14524" t="s">
        <v>89</v>
      </c>
      <c r="N14524" t="s">
        <v>90</v>
      </c>
      <c r="O14524" t="s">
        <v>85</v>
      </c>
      <c r="P14524" t="s">
        <v>86</v>
      </c>
      <c r="Q14524">
        <v>25</v>
      </c>
      <c r="R14524">
        <v>26</v>
      </c>
      <c r="S14524">
        <v>27</v>
      </c>
      <c r="T14524">
        <v>28</v>
      </c>
      <c r="U14524">
        <v>29</v>
      </c>
      <c r="V14524">
        <v>30</v>
      </c>
      <c r="W14524">
        <v>31</v>
      </c>
      <c r="X14524">
        <v>31</v>
      </c>
      <c r="Y14524">
        <v>32</v>
      </c>
      <c r="Z14524">
        <v>33</v>
      </c>
      <c r="AA14524">
        <v>34</v>
      </c>
      <c r="AB14524">
        <v>35</v>
      </c>
      <c r="AC14524">
        <v>36</v>
      </c>
      <c r="AD14524">
        <v>37</v>
      </c>
      <c r="AE14524">
        <v>37</v>
      </c>
      <c r="AF14524">
        <v>38</v>
      </c>
      <c r="AG14524">
        <v>38</v>
      </c>
      <c r="AH14524">
        <v>38</v>
      </c>
      <c r="AI14524">
        <v>39</v>
      </c>
      <c r="AJ14524">
        <v>39</v>
      </c>
      <c r="AK14524">
        <v>40</v>
      </c>
      <c r="AL14524">
        <v>40</v>
      </c>
      <c r="AM14524">
        <v>41</v>
      </c>
      <c r="AN14524">
        <v>41</v>
      </c>
      <c r="AO14524">
        <v>41</v>
      </c>
      <c r="AP14524">
        <v>42</v>
      </c>
      <c r="AQ14524">
        <v>42</v>
      </c>
    </row>
    <row r="14525" spans="1:43">
      <c r="A14525" t="s">
        <v>9010</v>
      </c>
      <c r="B14525" t="s">
        <v>9011</v>
      </c>
      <c r="C14525" t="s">
        <v>9000</v>
      </c>
      <c r="D14525" t="s">
        <v>9001</v>
      </c>
      <c r="E14525" t="s">
        <v>8938</v>
      </c>
      <c r="F14525" t="s">
        <v>8939</v>
      </c>
      <c r="G14525" t="s">
        <v>80</v>
      </c>
      <c r="H14525" t="s">
        <v>81</v>
      </c>
      <c r="I14525" s="2">
        <v>0</v>
      </c>
      <c r="J14525" s="2">
        <v>1</v>
      </c>
      <c r="K14525" s="2">
        <v>0</v>
      </c>
      <c r="L14525" t="s">
        <v>82</v>
      </c>
      <c r="M14525" t="s">
        <v>83</v>
      </c>
      <c r="N14525" t="s">
        <v>91</v>
      </c>
      <c r="O14525" t="s">
        <v>85</v>
      </c>
      <c r="P14525" t="s">
        <v>86</v>
      </c>
      <c r="Q14525">
        <v>25</v>
      </c>
      <c r="R14525">
        <v>26</v>
      </c>
      <c r="S14525">
        <v>26</v>
      </c>
      <c r="T14525">
        <v>27</v>
      </c>
      <c r="U14525">
        <v>28</v>
      </c>
      <c r="V14525">
        <v>28</v>
      </c>
      <c r="W14525">
        <v>29</v>
      </c>
      <c r="X14525">
        <v>30</v>
      </c>
      <c r="Y14525">
        <v>30</v>
      </c>
      <c r="Z14525">
        <v>31</v>
      </c>
      <c r="AA14525">
        <v>32</v>
      </c>
      <c r="AB14525">
        <v>33</v>
      </c>
      <c r="AC14525">
        <v>33</v>
      </c>
      <c r="AD14525">
        <v>34</v>
      </c>
      <c r="AE14525">
        <v>35</v>
      </c>
      <c r="AF14525">
        <v>35</v>
      </c>
      <c r="AG14525">
        <v>36</v>
      </c>
      <c r="AH14525">
        <v>37</v>
      </c>
      <c r="AI14525">
        <v>38</v>
      </c>
      <c r="AJ14525">
        <v>38</v>
      </c>
      <c r="AK14525">
        <v>39</v>
      </c>
      <c r="AL14525">
        <v>40</v>
      </c>
      <c r="AM14525">
        <v>40</v>
      </c>
      <c r="AN14525">
        <v>41</v>
      </c>
      <c r="AO14525">
        <v>41</v>
      </c>
      <c r="AP14525">
        <v>41</v>
      </c>
      <c r="AQ14525">
        <v>42</v>
      </c>
    </row>
    <row r="14526" spans="1:43">
      <c r="A14526" t="s">
        <v>9012</v>
      </c>
      <c r="B14526" t="s">
        <v>9013</v>
      </c>
      <c r="C14526" t="s">
        <v>9000</v>
      </c>
      <c r="D14526" t="s">
        <v>9001</v>
      </c>
      <c r="E14526" t="s">
        <v>8938</v>
      </c>
      <c r="F14526" t="s">
        <v>8939</v>
      </c>
      <c r="G14526" t="s">
        <v>80</v>
      </c>
      <c r="H14526" t="s">
        <v>81</v>
      </c>
      <c r="I14526" s="2">
        <v>0</v>
      </c>
      <c r="J14526" s="2">
        <v>1</v>
      </c>
      <c r="K14526" s="2">
        <v>0</v>
      </c>
      <c r="L14526" t="s">
        <v>82</v>
      </c>
      <c r="M14526" t="s">
        <v>83</v>
      </c>
      <c r="N14526" t="s">
        <v>84</v>
      </c>
      <c r="O14526" t="s">
        <v>85</v>
      </c>
      <c r="P14526" t="s">
        <v>86</v>
      </c>
      <c r="Q14526">
        <v>77</v>
      </c>
      <c r="R14526">
        <v>79</v>
      </c>
      <c r="S14526">
        <v>81</v>
      </c>
      <c r="T14526">
        <v>83</v>
      </c>
      <c r="U14526">
        <v>85</v>
      </c>
      <c r="V14526">
        <v>87</v>
      </c>
      <c r="W14526">
        <v>89</v>
      </c>
      <c r="X14526">
        <v>91</v>
      </c>
      <c r="Y14526">
        <v>93</v>
      </c>
      <c r="Z14526">
        <v>95</v>
      </c>
      <c r="AA14526">
        <v>97</v>
      </c>
      <c r="AB14526">
        <v>99</v>
      </c>
      <c r="AC14526">
        <v>102</v>
      </c>
      <c r="AD14526">
        <v>104</v>
      </c>
      <c r="AE14526">
        <v>106</v>
      </c>
      <c r="AF14526">
        <v>108</v>
      </c>
      <c r="AG14526">
        <v>111</v>
      </c>
      <c r="AH14526">
        <v>113</v>
      </c>
      <c r="AI14526">
        <v>115</v>
      </c>
      <c r="AJ14526">
        <v>118</v>
      </c>
      <c r="AK14526">
        <v>120</v>
      </c>
      <c r="AL14526">
        <v>122</v>
      </c>
      <c r="AM14526">
        <v>123</v>
      </c>
      <c r="AN14526">
        <v>124</v>
      </c>
      <c r="AO14526">
        <v>125</v>
      </c>
      <c r="AP14526">
        <v>127</v>
      </c>
      <c r="AQ14526">
        <v>128</v>
      </c>
    </row>
    <row r="14527" spans="1:43">
      <c r="A14527" t="s">
        <v>9012</v>
      </c>
      <c r="B14527" t="s">
        <v>9013</v>
      </c>
      <c r="C14527" t="s">
        <v>9000</v>
      </c>
      <c r="D14527" t="s">
        <v>9001</v>
      </c>
      <c r="E14527" t="s">
        <v>8938</v>
      </c>
      <c r="F14527" t="s">
        <v>8939</v>
      </c>
      <c r="G14527" t="s">
        <v>80</v>
      </c>
      <c r="H14527" t="s">
        <v>81</v>
      </c>
      <c r="I14527" s="2">
        <v>0</v>
      </c>
      <c r="J14527" s="2">
        <v>1</v>
      </c>
      <c r="K14527" s="2">
        <v>0</v>
      </c>
      <c r="L14527" t="s">
        <v>82</v>
      </c>
      <c r="M14527" t="s">
        <v>87</v>
      </c>
      <c r="N14527" t="s">
        <v>88</v>
      </c>
      <c r="O14527" t="s">
        <v>85</v>
      </c>
      <c r="P14527" t="s">
        <v>86</v>
      </c>
      <c r="Q14527">
        <v>77</v>
      </c>
      <c r="R14527">
        <v>78</v>
      </c>
      <c r="S14527">
        <v>79</v>
      </c>
      <c r="T14527">
        <v>81</v>
      </c>
      <c r="U14527">
        <v>82</v>
      </c>
      <c r="V14527">
        <v>83</v>
      </c>
      <c r="W14527">
        <v>84</v>
      </c>
      <c r="X14527">
        <v>86</v>
      </c>
      <c r="Y14527">
        <v>87</v>
      </c>
      <c r="Z14527">
        <v>88</v>
      </c>
      <c r="AA14527">
        <v>90</v>
      </c>
      <c r="AB14527">
        <v>91</v>
      </c>
      <c r="AC14527">
        <v>92</v>
      </c>
      <c r="AD14527">
        <v>93</v>
      </c>
      <c r="AE14527">
        <v>95</v>
      </c>
      <c r="AF14527">
        <v>96</v>
      </c>
      <c r="AG14527">
        <v>98</v>
      </c>
      <c r="AH14527">
        <v>99</v>
      </c>
      <c r="AI14527">
        <v>100</v>
      </c>
      <c r="AJ14527">
        <v>102</v>
      </c>
      <c r="AK14527">
        <v>103</v>
      </c>
      <c r="AL14527">
        <v>104</v>
      </c>
      <c r="AM14527">
        <v>106</v>
      </c>
      <c r="AN14527">
        <v>107</v>
      </c>
      <c r="AO14527">
        <v>109</v>
      </c>
      <c r="AP14527">
        <v>110</v>
      </c>
      <c r="AQ14527">
        <v>112</v>
      </c>
    </row>
    <row r="14528" spans="1:43">
      <c r="A14528" t="s">
        <v>9012</v>
      </c>
      <c r="B14528" t="s">
        <v>9013</v>
      </c>
      <c r="C14528" t="s">
        <v>9000</v>
      </c>
      <c r="D14528" t="s">
        <v>9001</v>
      </c>
      <c r="E14528" t="s">
        <v>8938</v>
      </c>
      <c r="F14528" t="s">
        <v>8939</v>
      </c>
      <c r="G14528" t="s">
        <v>80</v>
      </c>
      <c r="H14528" t="s">
        <v>81</v>
      </c>
      <c r="I14528" s="2">
        <v>0</v>
      </c>
      <c r="J14528" s="2">
        <v>1</v>
      </c>
      <c r="K14528" s="2">
        <v>0</v>
      </c>
      <c r="L14528" t="s">
        <v>82</v>
      </c>
      <c r="M14528" t="s">
        <v>89</v>
      </c>
      <c r="N14528" t="s">
        <v>90</v>
      </c>
      <c r="O14528" t="s">
        <v>85</v>
      </c>
      <c r="P14528" t="s">
        <v>86</v>
      </c>
      <c r="Q14528">
        <v>77</v>
      </c>
      <c r="R14528">
        <v>80</v>
      </c>
      <c r="S14528">
        <v>83</v>
      </c>
      <c r="T14528">
        <v>85</v>
      </c>
      <c r="U14528">
        <v>88</v>
      </c>
      <c r="V14528">
        <v>91</v>
      </c>
      <c r="W14528">
        <v>93</v>
      </c>
      <c r="X14528">
        <v>96</v>
      </c>
      <c r="Y14528">
        <v>98</v>
      </c>
      <c r="Z14528">
        <v>101</v>
      </c>
      <c r="AA14528">
        <v>104</v>
      </c>
      <c r="AB14528">
        <v>106</v>
      </c>
      <c r="AC14528">
        <v>109</v>
      </c>
      <c r="AD14528">
        <v>112</v>
      </c>
      <c r="AE14528">
        <v>114</v>
      </c>
      <c r="AF14528">
        <v>115</v>
      </c>
      <c r="AG14528">
        <v>116</v>
      </c>
      <c r="AH14528">
        <v>118</v>
      </c>
      <c r="AI14528">
        <v>119</v>
      </c>
      <c r="AJ14528">
        <v>120</v>
      </c>
      <c r="AK14528">
        <v>121</v>
      </c>
      <c r="AL14528">
        <v>123</v>
      </c>
      <c r="AM14528">
        <v>124</v>
      </c>
      <c r="AN14528">
        <v>125</v>
      </c>
      <c r="AO14528">
        <v>127</v>
      </c>
      <c r="AP14528">
        <v>128</v>
      </c>
      <c r="AQ14528">
        <v>129</v>
      </c>
    </row>
    <row r="14529" spans="1:43">
      <c r="A14529" t="s">
        <v>9012</v>
      </c>
      <c r="B14529" t="s">
        <v>9013</v>
      </c>
      <c r="C14529" t="s">
        <v>9000</v>
      </c>
      <c r="D14529" t="s">
        <v>9001</v>
      </c>
      <c r="E14529" t="s">
        <v>8938</v>
      </c>
      <c r="F14529" t="s">
        <v>8939</v>
      </c>
      <c r="G14529" t="s">
        <v>80</v>
      </c>
      <c r="H14529" t="s">
        <v>81</v>
      </c>
      <c r="I14529" s="2">
        <v>0</v>
      </c>
      <c r="J14529" s="2">
        <v>1</v>
      </c>
      <c r="K14529" s="2">
        <v>0</v>
      </c>
      <c r="L14529" t="s">
        <v>82</v>
      </c>
      <c r="M14529" t="s">
        <v>83</v>
      </c>
      <c r="N14529" t="s">
        <v>91</v>
      </c>
      <c r="O14529" t="s">
        <v>85</v>
      </c>
      <c r="P14529" t="s">
        <v>86</v>
      </c>
      <c r="Q14529">
        <v>77</v>
      </c>
      <c r="R14529">
        <v>79</v>
      </c>
      <c r="S14529">
        <v>81</v>
      </c>
      <c r="T14529">
        <v>83</v>
      </c>
      <c r="U14529">
        <v>85</v>
      </c>
      <c r="V14529">
        <v>87</v>
      </c>
      <c r="W14529">
        <v>89</v>
      </c>
      <c r="X14529">
        <v>91</v>
      </c>
      <c r="Y14529">
        <v>93</v>
      </c>
      <c r="Z14529">
        <v>95</v>
      </c>
      <c r="AA14529">
        <v>97</v>
      </c>
      <c r="AB14529">
        <v>99</v>
      </c>
      <c r="AC14529">
        <v>102</v>
      </c>
      <c r="AD14529">
        <v>104</v>
      </c>
      <c r="AE14529">
        <v>106</v>
      </c>
      <c r="AF14529">
        <v>108</v>
      </c>
      <c r="AG14529">
        <v>111</v>
      </c>
      <c r="AH14529">
        <v>113</v>
      </c>
      <c r="AI14529">
        <v>115</v>
      </c>
      <c r="AJ14529">
        <v>118</v>
      </c>
      <c r="AK14529">
        <v>120</v>
      </c>
      <c r="AL14529">
        <v>122</v>
      </c>
      <c r="AM14529">
        <v>123</v>
      </c>
      <c r="AN14529">
        <v>124</v>
      </c>
      <c r="AO14529">
        <v>125</v>
      </c>
      <c r="AP14529">
        <v>127</v>
      </c>
      <c r="AQ14529">
        <v>128</v>
      </c>
    </row>
    <row r="14530" spans="1:43">
      <c r="A14530" t="s">
        <v>9014</v>
      </c>
      <c r="B14530" t="s">
        <v>9015</v>
      </c>
      <c r="C14530" t="s">
        <v>9000</v>
      </c>
      <c r="D14530" t="s">
        <v>9001</v>
      </c>
      <c r="E14530" t="s">
        <v>8938</v>
      </c>
      <c r="F14530" t="s">
        <v>8939</v>
      </c>
      <c r="G14530" t="s">
        <v>80</v>
      </c>
      <c r="H14530" t="s">
        <v>81</v>
      </c>
      <c r="I14530" s="2">
        <v>0</v>
      </c>
      <c r="J14530" s="2">
        <v>1</v>
      </c>
      <c r="K14530" s="2">
        <v>0</v>
      </c>
      <c r="L14530" t="s">
        <v>82</v>
      </c>
      <c r="M14530" t="s">
        <v>83</v>
      </c>
      <c r="N14530" t="s">
        <v>84</v>
      </c>
      <c r="O14530" t="s">
        <v>85</v>
      </c>
      <c r="P14530" t="s">
        <v>86</v>
      </c>
      <c r="Q14530">
        <v>46</v>
      </c>
      <c r="R14530">
        <v>47</v>
      </c>
      <c r="S14530">
        <v>48</v>
      </c>
      <c r="T14530">
        <v>50</v>
      </c>
      <c r="U14530">
        <v>51</v>
      </c>
      <c r="V14530">
        <v>52</v>
      </c>
      <c r="W14530">
        <v>53</v>
      </c>
      <c r="X14530">
        <v>55</v>
      </c>
      <c r="Y14530">
        <v>56</v>
      </c>
      <c r="Z14530">
        <v>57</v>
      </c>
      <c r="AA14530">
        <v>58</v>
      </c>
      <c r="AB14530">
        <v>60</v>
      </c>
      <c r="AC14530">
        <v>61</v>
      </c>
      <c r="AD14530">
        <v>62</v>
      </c>
      <c r="AE14530">
        <v>64</v>
      </c>
      <c r="AF14530">
        <v>65</v>
      </c>
      <c r="AG14530">
        <v>66</v>
      </c>
      <c r="AH14530">
        <v>68</v>
      </c>
      <c r="AI14530">
        <v>69</v>
      </c>
      <c r="AJ14530">
        <v>71</v>
      </c>
      <c r="AK14530">
        <v>72</v>
      </c>
      <c r="AL14530">
        <v>73</v>
      </c>
      <c r="AM14530">
        <v>74</v>
      </c>
      <c r="AN14530">
        <v>75</v>
      </c>
      <c r="AO14530">
        <v>75</v>
      </c>
      <c r="AP14530">
        <v>76</v>
      </c>
      <c r="AQ14530">
        <v>77</v>
      </c>
    </row>
    <row r="14531" spans="1:43">
      <c r="A14531" t="s">
        <v>9014</v>
      </c>
      <c r="B14531" t="s">
        <v>9015</v>
      </c>
      <c r="C14531" t="s">
        <v>9000</v>
      </c>
      <c r="D14531" t="s">
        <v>9001</v>
      </c>
      <c r="E14531" t="s">
        <v>8938</v>
      </c>
      <c r="F14531" t="s">
        <v>8939</v>
      </c>
      <c r="G14531" t="s">
        <v>80</v>
      </c>
      <c r="H14531" t="s">
        <v>81</v>
      </c>
      <c r="I14531" s="2">
        <v>0</v>
      </c>
      <c r="J14531" s="2">
        <v>1</v>
      </c>
      <c r="K14531" s="2">
        <v>0</v>
      </c>
      <c r="L14531" t="s">
        <v>82</v>
      </c>
      <c r="M14531" t="s">
        <v>87</v>
      </c>
      <c r="N14531" t="s">
        <v>88</v>
      </c>
      <c r="O14531" t="s">
        <v>85</v>
      </c>
      <c r="P14531" t="s">
        <v>86</v>
      </c>
      <c r="Q14531">
        <v>46</v>
      </c>
      <c r="R14531">
        <v>46</v>
      </c>
      <c r="S14531">
        <v>47</v>
      </c>
      <c r="T14531">
        <v>48</v>
      </c>
      <c r="U14531">
        <v>49</v>
      </c>
      <c r="V14531">
        <v>49</v>
      </c>
      <c r="W14531">
        <v>50</v>
      </c>
      <c r="X14531">
        <v>51</v>
      </c>
      <c r="Y14531">
        <v>52</v>
      </c>
      <c r="Z14531">
        <v>52</v>
      </c>
      <c r="AA14531">
        <v>53</v>
      </c>
      <c r="AB14531">
        <v>54</v>
      </c>
      <c r="AC14531">
        <v>55</v>
      </c>
      <c r="AD14531">
        <v>56</v>
      </c>
      <c r="AE14531">
        <v>56</v>
      </c>
      <c r="AF14531">
        <v>57</v>
      </c>
      <c r="AG14531">
        <v>58</v>
      </c>
      <c r="AH14531">
        <v>59</v>
      </c>
      <c r="AI14531">
        <v>60</v>
      </c>
      <c r="AJ14531">
        <v>60</v>
      </c>
      <c r="AK14531">
        <v>61</v>
      </c>
      <c r="AL14531">
        <v>62</v>
      </c>
      <c r="AM14531">
        <v>63</v>
      </c>
      <c r="AN14531">
        <v>64</v>
      </c>
      <c r="AO14531">
        <v>65</v>
      </c>
      <c r="AP14531">
        <v>66</v>
      </c>
      <c r="AQ14531">
        <v>66</v>
      </c>
    </row>
    <row r="14532" spans="1:43">
      <c r="A14532" t="s">
        <v>9014</v>
      </c>
      <c r="B14532" t="s">
        <v>9015</v>
      </c>
      <c r="C14532" t="s">
        <v>9000</v>
      </c>
      <c r="D14532" t="s">
        <v>9001</v>
      </c>
      <c r="E14532" t="s">
        <v>8938</v>
      </c>
      <c r="F14532" t="s">
        <v>8939</v>
      </c>
      <c r="G14532" t="s">
        <v>80</v>
      </c>
      <c r="H14532" t="s">
        <v>81</v>
      </c>
      <c r="I14532" s="2">
        <v>0</v>
      </c>
      <c r="J14532" s="2">
        <v>1</v>
      </c>
      <c r="K14532" s="2">
        <v>0</v>
      </c>
      <c r="L14532" t="s">
        <v>82</v>
      </c>
      <c r="M14532" t="s">
        <v>89</v>
      </c>
      <c r="N14532" t="s">
        <v>90</v>
      </c>
      <c r="O14532" t="s">
        <v>85</v>
      </c>
      <c r="P14532" t="s">
        <v>86</v>
      </c>
      <c r="Q14532">
        <v>46</v>
      </c>
      <c r="R14532">
        <v>48</v>
      </c>
      <c r="S14532">
        <v>50</v>
      </c>
      <c r="T14532">
        <v>51</v>
      </c>
      <c r="U14532">
        <v>53</v>
      </c>
      <c r="V14532">
        <v>54</v>
      </c>
      <c r="W14532">
        <v>56</v>
      </c>
      <c r="X14532">
        <v>58</v>
      </c>
      <c r="Y14532">
        <v>59</v>
      </c>
      <c r="Z14532">
        <v>61</v>
      </c>
      <c r="AA14532">
        <v>62</v>
      </c>
      <c r="AB14532">
        <v>64</v>
      </c>
      <c r="AC14532">
        <v>65</v>
      </c>
      <c r="AD14532">
        <v>67</v>
      </c>
      <c r="AE14532">
        <v>68</v>
      </c>
      <c r="AF14532">
        <v>69</v>
      </c>
      <c r="AG14532">
        <v>70</v>
      </c>
      <c r="AH14532">
        <v>71</v>
      </c>
      <c r="AI14532">
        <v>71</v>
      </c>
      <c r="AJ14532">
        <v>72</v>
      </c>
      <c r="AK14532">
        <v>73</v>
      </c>
      <c r="AL14532">
        <v>74</v>
      </c>
      <c r="AM14532">
        <v>74</v>
      </c>
      <c r="AN14532">
        <v>75</v>
      </c>
      <c r="AO14532">
        <v>76</v>
      </c>
      <c r="AP14532">
        <v>77</v>
      </c>
      <c r="AQ14532">
        <v>78</v>
      </c>
    </row>
    <row r="14533" spans="1:43">
      <c r="A14533" t="s">
        <v>9014</v>
      </c>
      <c r="B14533" t="s">
        <v>9015</v>
      </c>
      <c r="C14533" t="s">
        <v>9000</v>
      </c>
      <c r="D14533" t="s">
        <v>9001</v>
      </c>
      <c r="E14533" t="s">
        <v>8938</v>
      </c>
      <c r="F14533" t="s">
        <v>8939</v>
      </c>
      <c r="G14533" t="s">
        <v>80</v>
      </c>
      <c r="H14533" t="s">
        <v>81</v>
      </c>
      <c r="I14533" s="2">
        <v>0</v>
      </c>
      <c r="J14533" s="2">
        <v>1</v>
      </c>
      <c r="K14533" s="2">
        <v>0</v>
      </c>
      <c r="L14533" t="s">
        <v>82</v>
      </c>
      <c r="M14533" t="s">
        <v>83</v>
      </c>
      <c r="N14533" t="s">
        <v>91</v>
      </c>
      <c r="O14533" t="s">
        <v>85</v>
      </c>
      <c r="P14533" t="s">
        <v>86</v>
      </c>
      <c r="Q14533">
        <v>46</v>
      </c>
      <c r="R14533">
        <v>47</v>
      </c>
      <c r="S14533">
        <v>48</v>
      </c>
      <c r="T14533">
        <v>50</v>
      </c>
      <c r="U14533">
        <v>51</v>
      </c>
      <c r="V14533">
        <v>52</v>
      </c>
      <c r="W14533">
        <v>53</v>
      </c>
      <c r="X14533">
        <v>55</v>
      </c>
      <c r="Y14533">
        <v>56</v>
      </c>
      <c r="Z14533">
        <v>57</v>
      </c>
      <c r="AA14533">
        <v>58</v>
      </c>
      <c r="AB14533">
        <v>60</v>
      </c>
      <c r="AC14533">
        <v>61</v>
      </c>
      <c r="AD14533">
        <v>62</v>
      </c>
      <c r="AE14533">
        <v>64</v>
      </c>
      <c r="AF14533">
        <v>65</v>
      </c>
      <c r="AG14533">
        <v>66</v>
      </c>
      <c r="AH14533">
        <v>68</v>
      </c>
      <c r="AI14533">
        <v>69</v>
      </c>
      <c r="AJ14533">
        <v>71</v>
      </c>
      <c r="AK14533">
        <v>72</v>
      </c>
      <c r="AL14533">
        <v>73</v>
      </c>
      <c r="AM14533">
        <v>74</v>
      </c>
      <c r="AN14533">
        <v>75</v>
      </c>
      <c r="AO14533">
        <v>75</v>
      </c>
      <c r="AP14533">
        <v>76</v>
      </c>
      <c r="AQ14533">
        <v>77</v>
      </c>
    </row>
    <row r="14534" spans="1:43">
      <c r="A14534" t="s">
        <v>9016</v>
      </c>
      <c r="B14534" t="s">
        <v>9017</v>
      </c>
      <c r="C14534" t="s">
        <v>9018</v>
      </c>
      <c r="D14534" t="s">
        <v>9019</v>
      </c>
      <c r="E14534" t="s">
        <v>8938</v>
      </c>
      <c r="F14534" t="s">
        <v>8939</v>
      </c>
      <c r="G14534" t="s">
        <v>80</v>
      </c>
      <c r="H14534" t="s">
        <v>81</v>
      </c>
      <c r="I14534" s="2">
        <v>0</v>
      </c>
      <c r="J14534" s="2">
        <v>1</v>
      </c>
      <c r="K14534" s="2">
        <v>0</v>
      </c>
      <c r="L14534" t="s">
        <v>82</v>
      </c>
      <c r="M14534" t="s">
        <v>83</v>
      </c>
      <c r="N14534" t="s">
        <v>84</v>
      </c>
      <c r="O14534" t="s">
        <v>85</v>
      </c>
      <c r="P14534" t="s">
        <v>86</v>
      </c>
      <c r="Q14534">
        <v>33</v>
      </c>
      <c r="R14534">
        <v>34</v>
      </c>
      <c r="S14534">
        <v>35</v>
      </c>
      <c r="T14534">
        <v>35</v>
      </c>
      <c r="U14534">
        <v>36</v>
      </c>
      <c r="V14534">
        <v>37</v>
      </c>
      <c r="W14534">
        <v>38</v>
      </c>
      <c r="X14534">
        <v>39</v>
      </c>
      <c r="Y14534">
        <v>40</v>
      </c>
      <c r="Z14534">
        <v>41</v>
      </c>
      <c r="AA14534">
        <v>42</v>
      </c>
      <c r="AB14534">
        <v>43</v>
      </c>
      <c r="AC14534">
        <v>44</v>
      </c>
      <c r="AD14534">
        <v>45</v>
      </c>
      <c r="AE14534">
        <v>45</v>
      </c>
      <c r="AF14534">
        <v>46</v>
      </c>
      <c r="AG14534">
        <v>47</v>
      </c>
      <c r="AH14534">
        <v>48</v>
      </c>
      <c r="AI14534">
        <v>49</v>
      </c>
      <c r="AJ14534">
        <v>50</v>
      </c>
      <c r="AK14534">
        <v>51</v>
      </c>
      <c r="AL14534">
        <v>52</v>
      </c>
      <c r="AM14534">
        <v>53</v>
      </c>
      <c r="AN14534">
        <v>53</v>
      </c>
      <c r="AO14534">
        <v>54</v>
      </c>
      <c r="AP14534">
        <v>54</v>
      </c>
      <c r="AQ14534">
        <v>55</v>
      </c>
    </row>
    <row r="14535" spans="1:43">
      <c r="A14535" t="s">
        <v>9016</v>
      </c>
      <c r="B14535" t="s">
        <v>9017</v>
      </c>
      <c r="C14535" t="s">
        <v>9018</v>
      </c>
      <c r="D14535" t="s">
        <v>9019</v>
      </c>
      <c r="E14535" t="s">
        <v>8938</v>
      </c>
      <c r="F14535" t="s">
        <v>8939</v>
      </c>
      <c r="G14535" t="s">
        <v>80</v>
      </c>
      <c r="H14535" t="s">
        <v>81</v>
      </c>
      <c r="I14535" s="2">
        <v>0</v>
      </c>
      <c r="J14535" s="2">
        <v>1</v>
      </c>
      <c r="K14535" s="2">
        <v>0</v>
      </c>
      <c r="L14535" t="s">
        <v>82</v>
      </c>
      <c r="M14535" t="s">
        <v>87</v>
      </c>
      <c r="N14535" t="s">
        <v>88</v>
      </c>
      <c r="O14535" t="s">
        <v>85</v>
      </c>
      <c r="P14535" t="s">
        <v>86</v>
      </c>
      <c r="Q14535">
        <v>33</v>
      </c>
      <c r="R14535">
        <v>33</v>
      </c>
      <c r="S14535">
        <v>34</v>
      </c>
      <c r="T14535">
        <v>34</v>
      </c>
      <c r="U14535">
        <v>35</v>
      </c>
      <c r="V14535">
        <v>35</v>
      </c>
      <c r="W14535">
        <v>36</v>
      </c>
      <c r="X14535">
        <v>36</v>
      </c>
      <c r="Y14535">
        <v>37</v>
      </c>
      <c r="Z14535">
        <v>37</v>
      </c>
      <c r="AA14535">
        <v>38</v>
      </c>
      <c r="AB14535">
        <v>39</v>
      </c>
      <c r="AC14535">
        <v>39</v>
      </c>
      <c r="AD14535">
        <v>40</v>
      </c>
      <c r="AE14535">
        <v>40</v>
      </c>
      <c r="AF14535">
        <v>41</v>
      </c>
      <c r="AG14535">
        <v>41</v>
      </c>
      <c r="AH14535">
        <v>42</v>
      </c>
      <c r="AI14535">
        <v>43</v>
      </c>
      <c r="AJ14535">
        <v>43</v>
      </c>
      <c r="AK14535">
        <v>44</v>
      </c>
      <c r="AL14535">
        <v>44</v>
      </c>
      <c r="AM14535">
        <v>45</v>
      </c>
      <c r="AN14535">
        <v>46</v>
      </c>
      <c r="AO14535">
        <v>46</v>
      </c>
      <c r="AP14535">
        <v>47</v>
      </c>
      <c r="AQ14535">
        <v>48</v>
      </c>
    </row>
    <row r="14536" spans="1:43">
      <c r="A14536" t="s">
        <v>9016</v>
      </c>
      <c r="B14536" t="s">
        <v>9017</v>
      </c>
      <c r="C14536" t="s">
        <v>9018</v>
      </c>
      <c r="D14536" t="s">
        <v>9019</v>
      </c>
      <c r="E14536" t="s">
        <v>8938</v>
      </c>
      <c r="F14536" t="s">
        <v>8939</v>
      </c>
      <c r="G14536" t="s">
        <v>80</v>
      </c>
      <c r="H14536" t="s">
        <v>81</v>
      </c>
      <c r="I14536" s="2">
        <v>0</v>
      </c>
      <c r="J14536" s="2">
        <v>1</v>
      </c>
      <c r="K14536" s="2">
        <v>0</v>
      </c>
      <c r="L14536" t="s">
        <v>82</v>
      </c>
      <c r="M14536" t="s">
        <v>89</v>
      </c>
      <c r="N14536" t="s">
        <v>90</v>
      </c>
      <c r="O14536" t="s">
        <v>85</v>
      </c>
      <c r="P14536" t="s">
        <v>86</v>
      </c>
      <c r="Q14536">
        <v>33</v>
      </c>
      <c r="R14536">
        <v>34</v>
      </c>
      <c r="S14536">
        <v>35</v>
      </c>
      <c r="T14536">
        <v>37</v>
      </c>
      <c r="U14536">
        <v>38</v>
      </c>
      <c r="V14536">
        <v>39</v>
      </c>
      <c r="W14536">
        <v>40</v>
      </c>
      <c r="X14536">
        <v>41</v>
      </c>
      <c r="Y14536">
        <v>42</v>
      </c>
      <c r="Z14536">
        <v>43</v>
      </c>
      <c r="AA14536">
        <v>44</v>
      </c>
      <c r="AB14536">
        <v>46</v>
      </c>
      <c r="AC14536">
        <v>47</v>
      </c>
      <c r="AD14536">
        <v>48</v>
      </c>
      <c r="AE14536">
        <v>49</v>
      </c>
      <c r="AF14536">
        <v>49</v>
      </c>
      <c r="AG14536">
        <v>50</v>
      </c>
      <c r="AH14536">
        <v>50</v>
      </c>
      <c r="AI14536">
        <v>51</v>
      </c>
      <c r="AJ14536">
        <v>51</v>
      </c>
      <c r="AK14536">
        <v>52</v>
      </c>
      <c r="AL14536">
        <v>53</v>
      </c>
      <c r="AM14536">
        <v>53</v>
      </c>
      <c r="AN14536">
        <v>54</v>
      </c>
      <c r="AO14536">
        <v>54</v>
      </c>
      <c r="AP14536">
        <v>55</v>
      </c>
      <c r="AQ14536">
        <v>55</v>
      </c>
    </row>
    <row r="14537" spans="1:43">
      <c r="A14537" t="s">
        <v>9016</v>
      </c>
      <c r="B14537" t="s">
        <v>9017</v>
      </c>
      <c r="C14537" t="s">
        <v>9018</v>
      </c>
      <c r="D14537" t="s">
        <v>9019</v>
      </c>
      <c r="E14537" t="s">
        <v>8938</v>
      </c>
      <c r="F14537" t="s">
        <v>8939</v>
      </c>
      <c r="G14537" t="s">
        <v>80</v>
      </c>
      <c r="H14537" t="s">
        <v>81</v>
      </c>
      <c r="I14537" s="2">
        <v>0</v>
      </c>
      <c r="J14537" s="2">
        <v>1</v>
      </c>
      <c r="K14537" s="2">
        <v>0</v>
      </c>
      <c r="L14537" t="s">
        <v>82</v>
      </c>
      <c r="M14537" t="s">
        <v>83</v>
      </c>
      <c r="N14537" t="s">
        <v>91</v>
      </c>
      <c r="O14537" t="s">
        <v>85</v>
      </c>
      <c r="P14537" t="s">
        <v>86</v>
      </c>
      <c r="Q14537">
        <v>33</v>
      </c>
      <c r="R14537">
        <v>34</v>
      </c>
      <c r="S14537">
        <v>35</v>
      </c>
      <c r="T14537">
        <v>35</v>
      </c>
      <c r="U14537">
        <v>36</v>
      </c>
      <c r="V14537">
        <v>37</v>
      </c>
      <c r="W14537">
        <v>38</v>
      </c>
      <c r="X14537">
        <v>39</v>
      </c>
      <c r="Y14537">
        <v>40</v>
      </c>
      <c r="Z14537">
        <v>41</v>
      </c>
      <c r="AA14537">
        <v>42</v>
      </c>
      <c r="AB14537">
        <v>43</v>
      </c>
      <c r="AC14537">
        <v>44</v>
      </c>
      <c r="AD14537">
        <v>45</v>
      </c>
      <c r="AE14537">
        <v>45</v>
      </c>
      <c r="AF14537">
        <v>46</v>
      </c>
      <c r="AG14537">
        <v>47</v>
      </c>
      <c r="AH14537">
        <v>48</v>
      </c>
      <c r="AI14537">
        <v>49</v>
      </c>
      <c r="AJ14537">
        <v>50</v>
      </c>
      <c r="AK14537">
        <v>51</v>
      </c>
      <c r="AL14537">
        <v>52</v>
      </c>
      <c r="AM14537">
        <v>53</v>
      </c>
      <c r="AN14537">
        <v>53</v>
      </c>
      <c r="AO14537">
        <v>54</v>
      </c>
      <c r="AP14537">
        <v>54</v>
      </c>
      <c r="AQ14537">
        <v>55</v>
      </c>
    </row>
    <row r="14538" spans="1:43">
      <c r="A14538" t="s">
        <v>9020</v>
      </c>
      <c r="B14538" t="s">
        <v>9021</v>
      </c>
      <c r="C14538" t="s">
        <v>9018</v>
      </c>
      <c r="D14538" t="s">
        <v>9019</v>
      </c>
      <c r="E14538" t="s">
        <v>8938</v>
      </c>
      <c r="F14538" t="s">
        <v>8939</v>
      </c>
      <c r="G14538" t="s">
        <v>80</v>
      </c>
      <c r="H14538" t="s">
        <v>81</v>
      </c>
      <c r="I14538" s="2">
        <v>0</v>
      </c>
      <c r="J14538" s="2">
        <v>1</v>
      </c>
      <c r="K14538" s="2">
        <v>0</v>
      </c>
      <c r="L14538" t="s">
        <v>82</v>
      </c>
      <c r="M14538" t="s">
        <v>83</v>
      </c>
      <c r="N14538" t="s">
        <v>84</v>
      </c>
      <c r="O14538" t="s">
        <v>85</v>
      </c>
      <c r="P14538" t="s">
        <v>86</v>
      </c>
      <c r="Q14538">
        <v>5</v>
      </c>
      <c r="R14538">
        <v>5</v>
      </c>
      <c r="S14538">
        <v>6</v>
      </c>
      <c r="T14538">
        <v>6</v>
      </c>
      <c r="U14538">
        <v>6</v>
      </c>
      <c r="V14538">
        <v>6</v>
      </c>
      <c r="W14538">
        <v>6</v>
      </c>
      <c r="X14538">
        <v>6</v>
      </c>
      <c r="Y14538">
        <v>6</v>
      </c>
      <c r="Z14538">
        <v>7</v>
      </c>
      <c r="AA14538">
        <v>7</v>
      </c>
      <c r="AB14538">
        <v>7</v>
      </c>
      <c r="AC14538">
        <v>7</v>
      </c>
      <c r="AD14538">
        <v>7</v>
      </c>
      <c r="AE14538">
        <v>7</v>
      </c>
      <c r="AF14538">
        <v>8</v>
      </c>
      <c r="AG14538">
        <v>8</v>
      </c>
      <c r="AH14538">
        <v>8</v>
      </c>
      <c r="AI14538">
        <v>8</v>
      </c>
      <c r="AJ14538">
        <v>8</v>
      </c>
      <c r="AK14538">
        <v>8</v>
      </c>
      <c r="AL14538">
        <v>8</v>
      </c>
      <c r="AM14538">
        <v>9</v>
      </c>
      <c r="AN14538">
        <v>9</v>
      </c>
      <c r="AO14538">
        <v>9</v>
      </c>
      <c r="AP14538">
        <v>9</v>
      </c>
      <c r="AQ14538">
        <v>9</v>
      </c>
    </row>
    <row r="14539" spans="1:43">
      <c r="A14539" t="s">
        <v>9020</v>
      </c>
      <c r="B14539" t="s">
        <v>9021</v>
      </c>
      <c r="C14539" t="s">
        <v>9018</v>
      </c>
      <c r="D14539" t="s">
        <v>9019</v>
      </c>
      <c r="E14539" t="s">
        <v>8938</v>
      </c>
      <c r="F14539" t="s">
        <v>8939</v>
      </c>
      <c r="G14539" t="s">
        <v>80</v>
      </c>
      <c r="H14539" t="s">
        <v>81</v>
      </c>
      <c r="I14539" s="2">
        <v>0</v>
      </c>
      <c r="J14539" s="2">
        <v>1</v>
      </c>
      <c r="K14539" s="2">
        <v>0</v>
      </c>
      <c r="L14539" t="s">
        <v>82</v>
      </c>
      <c r="M14539" t="s">
        <v>87</v>
      </c>
      <c r="N14539" t="s">
        <v>88</v>
      </c>
      <c r="O14539" t="s">
        <v>85</v>
      </c>
      <c r="P14539" t="s">
        <v>86</v>
      </c>
      <c r="Q14539">
        <v>5</v>
      </c>
      <c r="R14539">
        <v>5</v>
      </c>
      <c r="S14539">
        <v>5</v>
      </c>
      <c r="T14539">
        <v>6</v>
      </c>
      <c r="U14539">
        <v>6</v>
      </c>
      <c r="V14539">
        <v>6</v>
      </c>
      <c r="W14539">
        <v>6</v>
      </c>
      <c r="X14539">
        <v>6</v>
      </c>
      <c r="Y14539">
        <v>6</v>
      </c>
      <c r="Z14539">
        <v>6</v>
      </c>
      <c r="AA14539">
        <v>6</v>
      </c>
      <c r="AB14539">
        <v>6</v>
      </c>
      <c r="AC14539">
        <v>6</v>
      </c>
      <c r="AD14539">
        <v>6</v>
      </c>
      <c r="AE14539">
        <v>7</v>
      </c>
      <c r="AF14539">
        <v>7</v>
      </c>
      <c r="AG14539">
        <v>7</v>
      </c>
      <c r="AH14539">
        <v>7</v>
      </c>
      <c r="AI14539">
        <v>7</v>
      </c>
      <c r="AJ14539">
        <v>7</v>
      </c>
      <c r="AK14539">
        <v>7</v>
      </c>
      <c r="AL14539">
        <v>7</v>
      </c>
      <c r="AM14539">
        <v>7</v>
      </c>
      <c r="AN14539">
        <v>7</v>
      </c>
      <c r="AO14539">
        <v>8</v>
      </c>
      <c r="AP14539">
        <v>8</v>
      </c>
      <c r="AQ14539">
        <v>8</v>
      </c>
    </row>
    <row r="14540" spans="1:43">
      <c r="A14540" t="s">
        <v>9020</v>
      </c>
      <c r="B14540" t="s">
        <v>9021</v>
      </c>
      <c r="C14540" t="s">
        <v>9018</v>
      </c>
      <c r="D14540" t="s">
        <v>9019</v>
      </c>
      <c r="E14540" t="s">
        <v>8938</v>
      </c>
      <c r="F14540" t="s">
        <v>8939</v>
      </c>
      <c r="G14540" t="s">
        <v>80</v>
      </c>
      <c r="H14540" t="s">
        <v>81</v>
      </c>
      <c r="I14540" s="2">
        <v>0</v>
      </c>
      <c r="J14540" s="2">
        <v>1</v>
      </c>
      <c r="K14540" s="2">
        <v>0</v>
      </c>
      <c r="L14540" t="s">
        <v>82</v>
      </c>
      <c r="M14540" t="s">
        <v>89</v>
      </c>
      <c r="N14540" t="s">
        <v>90</v>
      </c>
      <c r="O14540" t="s">
        <v>85</v>
      </c>
      <c r="P14540" t="s">
        <v>86</v>
      </c>
      <c r="Q14540">
        <v>5</v>
      </c>
      <c r="R14540">
        <v>6</v>
      </c>
      <c r="S14540">
        <v>6</v>
      </c>
      <c r="T14540">
        <v>6</v>
      </c>
      <c r="U14540">
        <v>6</v>
      </c>
      <c r="V14540">
        <v>6</v>
      </c>
      <c r="W14540">
        <v>6</v>
      </c>
      <c r="X14540">
        <v>7</v>
      </c>
      <c r="Y14540">
        <v>7</v>
      </c>
      <c r="Z14540">
        <v>7</v>
      </c>
      <c r="AA14540">
        <v>7</v>
      </c>
      <c r="AB14540">
        <v>7</v>
      </c>
      <c r="AC14540">
        <v>8</v>
      </c>
      <c r="AD14540">
        <v>8</v>
      </c>
      <c r="AE14540">
        <v>8</v>
      </c>
      <c r="AF14540">
        <v>8</v>
      </c>
      <c r="AG14540">
        <v>8</v>
      </c>
      <c r="AH14540">
        <v>8</v>
      </c>
      <c r="AI14540">
        <v>8</v>
      </c>
      <c r="AJ14540">
        <v>8</v>
      </c>
      <c r="AK14540">
        <v>8</v>
      </c>
      <c r="AL14540">
        <v>9</v>
      </c>
      <c r="AM14540">
        <v>9</v>
      </c>
      <c r="AN14540">
        <v>9</v>
      </c>
      <c r="AO14540">
        <v>9</v>
      </c>
      <c r="AP14540">
        <v>9</v>
      </c>
      <c r="AQ14540">
        <v>9</v>
      </c>
    </row>
    <row r="14541" spans="1:43">
      <c r="A14541" t="s">
        <v>9020</v>
      </c>
      <c r="B14541" t="s">
        <v>9021</v>
      </c>
      <c r="C14541" t="s">
        <v>9018</v>
      </c>
      <c r="D14541" t="s">
        <v>9019</v>
      </c>
      <c r="E14541" t="s">
        <v>8938</v>
      </c>
      <c r="F14541" t="s">
        <v>8939</v>
      </c>
      <c r="G14541" t="s">
        <v>80</v>
      </c>
      <c r="H14541" t="s">
        <v>81</v>
      </c>
      <c r="I14541" s="2">
        <v>0</v>
      </c>
      <c r="J14541" s="2">
        <v>1</v>
      </c>
      <c r="K14541" s="2">
        <v>0</v>
      </c>
      <c r="L14541" t="s">
        <v>82</v>
      </c>
      <c r="M14541" t="s">
        <v>83</v>
      </c>
      <c r="N14541" t="s">
        <v>91</v>
      </c>
      <c r="O14541" t="s">
        <v>85</v>
      </c>
      <c r="P14541" t="s">
        <v>86</v>
      </c>
      <c r="Q14541">
        <v>5</v>
      </c>
      <c r="R14541">
        <v>5</v>
      </c>
      <c r="S14541">
        <v>6</v>
      </c>
      <c r="T14541">
        <v>6</v>
      </c>
      <c r="U14541">
        <v>6</v>
      </c>
      <c r="V14541">
        <v>6</v>
      </c>
      <c r="W14541">
        <v>6</v>
      </c>
      <c r="X14541">
        <v>6</v>
      </c>
      <c r="Y14541">
        <v>6</v>
      </c>
      <c r="Z14541">
        <v>7</v>
      </c>
      <c r="AA14541">
        <v>7</v>
      </c>
      <c r="AB14541">
        <v>7</v>
      </c>
      <c r="AC14541">
        <v>7</v>
      </c>
      <c r="AD14541">
        <v>7</v>
      </c>
      <c r="AE14541">
        <v>7</v>
      </c>
      <c r="AF14541">
        <v>8</v>
      </c>
      <c r="AG14541">
        <v>8</v>
      </c>
      <c r="AH14541">
        <v>8</v>
      </c>
      <c r="AI14541">
        <v>8</v>
      </c>
      <c r="AJ14541">
        <v>8</v>
      </c>
      <c r="AK14541">
        <v>8</v>
      </c>
      <c r="AL14541">
        <v>8</v>
      </c>
      <c r="AM14541">
        <v>9</v>
      </c>
      <c r="AN14541">
        <v>9</v>
      </c>
      <c r="AO14541">
        <v>9</v>
      </c>
      <c r="AP14541">
        <v>9</v>
      </c>
      <c r="AQ14541">
        <v>9</v>
      </c>
    </row>
    <row r="14542" spans="1:43">
      <c r="A14542" t="s">
        <v>9022</v>
      </c>
      <c r="B14542" t="s">
        <v>9023</v>
      </c>
      <c r="C14542" t="s">
        <v>9018</v>
      </c>
      <c r="D14542" t="s">
        <v>9019</v>
      </c>
      <c r="E14542" t="s">
        <v>8938</v>
      </c>
      <c r="F14542" t="s">
        <v>8939</v>
      </c>
      <c r="G14542" t="s">
        <v>80</v>
      </c>
      <c r="H14542" t="s">
        <v>81</v>
      </c>
      <c r="I14542" s="2">
        <v>0</v>
      </c>
      <c r="J14542" s="2">
        <v>1</v>
      </c>
      <c r="K14542" s="2">
        <v>0</v>
      </c>
      <c r="L14542" t="s">
        <v>82</v>
      </c>
      <c r="M14542" t="s">
        <v>83</v>
      </c>
      <c r="N14542" t="s">
        <v>84</v>
      </c>
      <c r="O14542" t="s">
        <v>85</v>
      </c>
      <c r="P14542" t="s">
        <v>86</v>
      </c>
      <c r="Q14542">
        <v>10</v>
      </c>
      <c r="R14542">
        <v>10</v>
      </c>
      <c r="S14542">
        <v>10</v>
      </c>
      <c r="T14542">
        <v>11</v>
      </c>
      <c r="U14542">
        <v>11</v>
      </c>
      <c r="V14542">
        <v>11</v>
      </c>
      <c r="W14542">
        <v>11</v>
      </c>
      <c r="X14542">
        <v>12</v>
      </c>
      <c r="Y14542">
        <v>12</v>
      </c>
      <c r="Z14542">
        <v>12</v>
      </c>
      <c r="AA14542">
        <v>13</v>
      </c>
      <c r="AB14542">
        <v>13</v>
      </c>
      <c r="AC14542">
        <v>13</v>
      </c>
      <c r="AD14542">
        <v>13</v>
      </c>
      <c r="AE14542">
        <v>14</v>
      </c>
      <c r="AF14542">
        <v>14</v>
      </c>
      <c r="AG14542">
        <v>14</v>
      </c>
      <c r="AH14542">
        <v>15</v>
      </c>
      <c r="AI14542">
        <v>15</v>
      </c>
      <c r="AJ14542">
        <v>15</v>
      </c>
      <c r="AK14542">
        <v>15</v>
      </c>
      <c r="AL14542">
        <v>16</v>
      </c>
      <c r="AM14542">
        <v>16</v>
      </c>
      <c r="AN14542">
        <v>16</v>
      </c>
      <c r="AO14542">
        <v>16</v>
      </c>
      <c r="AP14542">
        <v>16</v>
      </c>
      <c r="AQ14542">
        <v>16</v>
      </c>
    </row>
    <row r="14543" spans="1:43">
      <c r="A14543" t="s">
        <v>9022</v>
      </c>
      <c r="B14543" t="s">
        <v>9023</v>
      </c>
      <c r="C14543" t="s">
        <v>9018</v>
      </c>
      <c r="D14543" t="s">
        <v>9019</v>
      </c>
      <c r="E14543" t="s">
        <v>8938</v>
      </c>
      <c r="F14543" t="s">
        <v>8939</v>
      </c>
      <c r="G14543" t="s">
        <v>80</v>
      </c>
      <c r="H14543" t="s">
        <v>81</v>
      </c>
      <c r="I14543" s="2">
        <v>0</v>
      </c>
      <c r="J14543" s="2">
        <v>1</v>
      </c>
      <c r="K14543" s="2">
        <v>0</v>
      </c>
      <c r="L14543" t="s">
        <v>82</v>
      </c>
      <c r="M14543" t="s">
        <v>87</v>
      </c>
      <c r="N14543" t="s">
        <v>88</v>
      </c>
      <c r="O14543" t="s">
        <v>85</v>
      </c>
      <c r="P14543" t="s">
        <v>86</v>
      </c>
      <c r="Q14543">
        <v>10</v>
      </c>
      <c r="R14543">
        <v>10</v>
      </c>
      <c r="S14543">
        <v>10</v>
      </c>
      <c r="T14543">
        <v>10</v>
      </c>
      <c r="U14543">
        <v>10</v>
      </c>
      <c r="V14543">
        <v>11</v>
      </c>
      <c r="W14543">
        <v>11</v>
      </c>
      <c r="X14543">
        <v>11</v>
      </c>
      <c r="Y14543">
        <v>11</v>
      </c>
      <c r="Z14543">
        <v>11</v>
      </c>
      <c r="AA14543">
        <v>11</v>
      </c>
      <c r="AB14543">
        <v>12</v>
      </c>
      <c r="AC14543">
        <v>12</v>
      </c>
      <c r="AD14543">
        <v>12</v>
      </c>
      <c r="AE14543">
        <v>12</v>
      </c>
      <c r="AF14543">
        <v>12</v>
      </c>
      <c r="AG14543">
        <v>12</v>
      </c>
      <c r="AH14543">
        <v>13</v>
      </c>
      <c r="AI14543">
        <v>13</v>
      </c>
      <c r="AJ14543">
        <v>13</v>
      </c>
      <c r="AK14543">
        <v>13</v>
      </c>
      <c r="AL14543">
        <v>13</v>
      </c>
      <c r="AM14543">
        <v>14</v>
      </c>
      <c r="AN14543">
        <v>14</v>
      </c>
      <c r="AO14543">
        <v>14</v>
      </c>
      <c r="AP14543">
        <v>14</v>
      </c>
      <c r="AQ14543">
        <v>14</v>
      </c>
    </row>
    <row r="14544" spans="1:43">
      <c r="A14544" t="s">
        <v>9022</v>
      </c>
      <c r="B14544" t="s">
        <v>9023</v>
      </c>
      <c r="C14544" t="s">
        <v>9018</v>
      </c>
      <c r="D14544" t="s">
        <v>9019</v>
      </c>
      <c r="E14544" t="s">
        <v>8938</v>
      </c>
      <c r="F14544" t="s">
        <v>8939</v>
      </c>
      <c r="G14544" t="s">
        <v>80</v>
      </c>
      <c r="H14544" t="s">
        <v>81</v>
      </c>
      <c r="I14544" s="2">
        <v>0</v>
      </c>
      <c r="J14544" s="2">
        <v>1</v>
      </c>
      <c r="K14544" s="2">
        <v>0</v>
      </c>
      <c r="L14544" t="s">
        <v>82</v>
      </c>
      <c r="M14544" t="s">
        <v>89</v>
      </c>
      <c r="N14544" t="s">
        <v>90</v>
      </c>
      <c r="O14544" t="s">
        <v>85</v>
      </c>
      <c r="P14544" t="s">
        <v>86</v>
      </c>
      <c r="Q14544">
        <v>10</v>
      </c>
      <c r="R14544">
        <v>10</v>
      </c>
      <c r="S14544">
        <v>11</v>
      </c>
      <c r="T14544">
        <v>11</v>
      </c>
      <c r="U14544">
        <v>11</v>
      </c>
      <c r="V14544">
        <v>12</v>
      </c>
      <c r="W14544">
        <v>12</v>
      </c>
      <c r="X14544">
        <v>12</v>
      </c>
      <c r="Y14544">
        <v>13</v>
      </c>
      <c r="Z14544">
        <v>13</v>
      </c>
      <c r="AA14544">
        <v>13</v>
      </c>
      <c r="AB14544">
        <v>14</v>
      </c>
      <c r="AC14544">
        <v>14</v>
      </c>
      <c r="AD14544">
        <v>14</v>
      </c>
      <c r="AE14544">
        <v>15</v>
      </c>
      <c r="AF14544">
        <v>15</v>
      </c>
      <c r="AG14544">
        <v>15</v>
      </c>
      <c r="AH14544">
        <v>15</v>
      </c>
      <c r="AI14544">
        <v>15</v>
      </c>
      <c r="AJ14544">
        <v>15</v>
      </c>
      <c r="AK14544">
        <v>16</v>
      </c>
      <c r="AL14544">
        <v>16</v>
      </c>
      <c r="AM14544">
        <v>16</v>
      </c>
      <c r="AN14544">
        <v>16</v>
      </c>
      <c r="AO14544">
        <v>16</v>
      </c>
      <c r="AP14544">
        <v>16</v>
      </c>
      <c r="AQ14544">
        <v>17</v>
      </c>
    </row>
    <row r="14545" spans="1:43">
      <c r="A14545" t="s">
        <v>9022</v>
      </c>
      <c r="B14545" t="s">
        <v>9023</v>
      </c>
      <c r="C14545" t="s">
        <v>9018</v>
      </c>
      <c r="D14545" t="s">
        <v>9019</v>
      </c>
      <c r="E14545" t="s">
        <v>8938</v>
      </c>
      <c r="F14545" t="s">
        <v>8939</v>
      </c>
      <c r="G14545" t="s">
        <v>80</v>
      </c>
      <c r="H14545" t="s">
        <v>81</v>
      </c>
      <c r="I14545" s="2">
        <v>0</v>
      </c>
      <c r="J14545" s="2">
        <v>1</v>
      </c>
      <c r="K14545" s="2">
        <v>0</v>
      </c>
      <c r="L14545" t="s">
        <v>82</v>
      </c>
      <c r="M14545" t="s">
        <v>83</v>
      </c>
      <c r="N14545" t="s">
        <v>91</v>
      </c>
      <c r="O14545" t="s">
        <v>85</v>
      </c>
      <c r="P14545" t="s">
        <v>86</v>
      </c>
      <c r="Q14545">
        <v>10</v>
      </c>
      <c r="R14545">
        <v>10</v>
      </c>
      <c r="S14545">
        <v>10</v>
      </c>
      <c r="T14545">
        <v>11</v>
      </c>
      <c r="U14545">
        <v>11</v>
      </c>
      <c r="V14545">
        <v>11</v>
      </c>
      <c r="W14545">
        <v>11</v>
      </c>
      <c r="X14545">
        <v>12</v>
      </c>
      <c r="Y14545">
        <v>12</v>
      </c>
      <c r="Z14545">
        <v>12</v>
      </c>
      <c r="AA14545">
        <v>13</v>
      </c>
      <c r="AB14545">
        <v>13</v>
      </c>
      <c r="AC14545">
        <v>13</v>
      </c>
      <c r="AD14545">
        <v>13</v>
      </c>
      <c r="AE14545">
        <v>14</v>
      </c>
      <c r="AF14545">
        <v>14</v>
      </c>
      <c r="AG14545">
        <v>14</v>
      </c>
      <c r="AH14545">
        <v>15</v>
      </c>
      <c r="AI14545">
        <v>15</v>
      </c>
      <c r="AJ14545">
        <v>15</v>
      </c>
      <c r="AK14545">
        <v>15</v>
      </c>
      <c r="AL14545">
        <v>16</v>
      </c>
      <c r="AM14545">
        <v>16</v>
      </c>
      <c r="AN14545">
        <v>16</v>
      </c>
      <c r="AO14545">
        <v>16</v>
      </c>
      <c r="AP14545">
        <v>16</v>
      </c>
      <c r="AQ14545">
        <v>16</v>
      </c>
    </row>
    <row r="14546" spans="1:43">
      <c r="A14546" t="s">
        <v>9024</v>
      </c>
      <c r="B14546" t="s">
        <v>9025</v>
      </c>
      <c r="C14546" t="s">
        <v>9018</v>
      </c>
      <c r="D14546" t="s">
        <v>9019</v>
      </c>
      <c r="E14546" t="s">
        <v>8938</v>
      </c>
      <c r="F14546" t="s">
        <v>8939</v>
      </c>
      <c r="G14546" t="s">
        <v>80</v>
      </c>
      <c r="H14546" t="s">
        <v>81</v>
      </c>
      <c r="I14546" s="2">
        <v>0</v>
      </c>
      <c r="J14546" s="2">
        <v>1</v>
      </c>
      <c r="K14546" s="2">
        <v>0</v>
      </c>
      <c r="L14546" t="s">
        <v>82</v>
      </c>
      <c r="M14546" t="s">
        <v>83</v>
      </c>
      <c r="N14546" t="s">
        <v>84</v>
      </c>
      <c r="O14546" t="s">
        <v>85</v>
      </c>
      <c r="P14546" t="s">
        <v>86</v>
      </c>
      <c r="Q14546">
        <v>22</v>
      </c>
      <c r="R14546">
        <v>23</v>
      </c>
      <c r="S14546">
        <v>23</v>
      </c>
      <c r="T14546">
        <v>24</v>
      </c>
      <c r="U14546">
        <v>25</v>
      </c>
      <c r="V14546">
        <v>25</v>
      </c>
      <c r="W14546">
        <v>26</v>
      </c>
      <c r="X14546">
        <v>26</v>
      </c>
      <c r="Y14546">
        <v>27</v>
      </c>
      <c r="Z14546">
        <v>28</v>
      </c>
      <c r="AA14546">
        <v>28</v>
      </c>
      <c r="AB14546">
        <v>29</v>
      </c>
      <c r="AC14546">
        <v>30</v>
      </c>
      <c r="AD14546">
        <v>30</v>
      </c>
      <c r="AE14546">
        <v>31</v>
      </c>
      <c r="AF14546">
        <v>32</v>
      </c>
      <c r="AG14546">
        <v>32</v>
      </c>
      <c r="AH14546">
        <v>33</v>
      </c>
      <c r="AI14546">
        <v>34</v>
      </c>
      <c r="AJ14546">
        <v>34</v>
      </c>
      <c r="AK14546">
        <v>35</v>
      </c>
      <c r="AL14546">
        <v>35</v>
      </c>
      <c r="AM14546">
        <v>36</v>
      </c>
      <c r="AN14546">
        <v>36</v>
      </c>
      <c r="AO14546">
        <v>36</v>
      </c>
      <c r="AP14546">
        <v>37</v>
      </c>
      <c r="AQ14546">
        <v>37</v>
      </c>
    </row>
    <row r="14547" spans="1:43">
      <c r="A14547" t="s">
        <v>9024</v>
      </c>
      <c r="B14547" t="s">
        <v>9025</v>
      </c>
      <c r="C14547" t="s">
        <v>9018</v>
      </c>
      <c r="D14547" t="s">
        <v>9019</v>
      </c>
      <c r="E14547" t="s">
        <v>8938</v>
      </c>
      <c r="F14547" t="s">
        <v>8939</v>
      </c>
      <c r="G14547" t="s">
        <v>80</v>
      </c>
      <c r="H14547" t="s">
        <v>81</v>
      </c>
      <c r="I14547" s="2">
        <v>0</v>
      </c>
      <c r="J14547" s="2">
        <v>1</v>
      </c>
      <c r="K14547" s="2">
        <v>0</v>
      </c>
      <c r="L14547" t="s">
        <v>82</v>
      </c>
      <c r="M14547" t="s">
        <v>87</v>
      </c>
      <c r="N14547" t="s">
        <v>88</v>
      </c>
      <c r="O14547" t="s">
        <v>85</v>
      </c>
      <c r="P14547" t="s">
        <v>86</v>
      </c>
      <c r="Q14547">
        <v>22</v>
      </c>
      <c r="R14547">
        <v>22</v>
      </c>
      <c r="S14547">
        <v>23</v>
      </c>
      <c r="T14547">
        <v>23</v>
      </c>
      <c r="U14547">
        <v>24</v>
      </c>
      <c r="V14547">
        <v>24</v>
      </c>
      <c r="W14547">
        <v>24</v>
      </c>
      <c r="X14547">
        <v>25</v>
      </c>
      <c r="Y14547">
        <v>25</v>
      </c>
      <c r="Z14547">
        <v>25</v>
      </c>
      <c r="AA14547">
        <v>26</v>
      </c>
      <c r="AB14547">
        <v>26</v>
      </c>
      <c r="AC14547">
        <v>27</v>
      </c>
      <c r="AD14547">
        <v>27</v>
      </c>
      <c r="AE14547">
        <v>27</v>
      </c>
      <c r="AF14547">
        <v>28</v>
      </c>
      <c r="AG14547">
        <v>28</v>
      </c>
      <c r="AH14547">
        <v>28</v>
      </c>
      <c r="AI14547">
        <v>29</v>
      </c>
      <c r="AJ14547">
        <v>29</v>
      </c>
      <c r="AK14547">
        <v>30</v>
      </c>
      <c r="AL14547">
        <v>30</v>
      </c>
      <c r="AM14547">
        <v>31</v>
      </c>
      <c r="AN14547">
        <v>31</v>
      </c>
      <c r="AO14547">
        <v>31</v>
      </c>
      <c r="AP14547">
        <v>32</v>
      </c>
      <c r="AQ14547">
        <v>32</v>
      </c>
    </row>
    <row r="14548" spans="1:43">
      <c r="A14548" t="s">
        <v>9024</v>
      </c>
      <c r="B14548" t="s">
        <v>9025</v>
      </c>
      <c r="C14548" t="s">
        <v>9018</v>
      </c>
      <c r="D14548" t="s">
        <v>9019</v>
      </c>
      <c r="E14548" t="s">
        <v>8938</v>
      </c>
      <c r="F14548" t="s">
        <v>8939</v>
      </c>
      <c r="G14548" t="s">
        <v>80</v>
      </c>
      <c r="H14548" t="s">
        <v>81</v>
      </c>
      <c r="I14548" s="2">
        <v>0</v>
      </c>
      <c r="J14548" s="2">
        <v>1</v>
      </c>
      <c r="K14548" s="2">
        <v>0</v>
      </c>
      <c r="L14548" t="s">
        <v>82</v>
      </c>
      <c r="M14548" t="s">
        <v>89</v>
      </c>
      <c r="N14548" t="s">
        <v>90</v>
      </c>
      <c r="O14548" t="s">
        <v>85</v>
      </c>
      <c r="P14548" t="s">
        <v>86</v>
      </c>
      <c r="Q14548">
        <v>22</v>
      </c>
      <c r="R14548">
        <v>22</v>
      </c>
      <c r="S14548">
        <v>23</v>
      </c>
      <c r="T14548">
        <v>24</v>
      </c>
      <c r="U14548">
        <v>25</v>
      </c>
      <c r="V14548">
        <v>25</v>
      </c>
      <c r="W14548">
        <v>26</v>
      </c>
      <c r="X14548">
        <v>27</v>
      </c>
      <c r="Y14548">
        <v>28</v>
      </c>
      <c r="Z14548">
        <v>28</v>
      </c>
      <c r="AA14548">
        <v>29</v>
      </c>
      <c r="AB14548">
        <v>30</v>
      </c>
      <c r="AC14548">
        <v>31</v>
      </c>
      <c r="AD14548">
        <v>32</v>
      </c>
      <c r="AE14548">
        <v>32</v>
      </c>
      <c r="AF14548">
        <v>32</v>
      </c>
      <c r="AG14548">
        <v>33</v>
      </c>
      <c r="AH14548">
        <v>33</v>
      </c>
      <c r="AI14548">
        <v>34</v>
      </c>
      <c r="AJ14548">
        <v>34</v>
      </c>
      <c r="AK14548">
        <v>34</v>
      </c>
      <c r="AL14548">
        <v>35</v>
      </c>
      <c r="AM14548">
        <v>35</v>
      </c>
      <c r="AN14548">
        <v>35</v>
      </c>
      <c r="AO14548">
        <v>36</v>
      </c>
      <c r="AP14548">
        <v>36</v>
      </c>
      <c r="AQ14548">
        <v>36</v>
      </c>
    </row>
    <row r="14549" spans="1:43">
      <c r="A14549" t="s">
        <v>9024</v>
      </c>
      <c r="B14549" t="s">
        <v>9025</v>
      </c>
      <c r="C14549" t="s">
        <v>9018</v>
      </c>
      <c r="D14549" t="s">
        <v>9019</v>
      </c>
      <c r="E14549" t="s">
        <v>8938</v>
      </c>
      <c r="F14549" t="s">
        <v>8939</v>
      </c>
      <c r="G14549" t="s">
        <v>80</v>
      </c>
      <c r="H14549" t="s">
        <v>81</v>
      </c>
      <c r="I14549" s="2">
        <v>0</v>
      </c>
      <c r="J14549" s="2">
        <v>1</v>
      </c>
      <c r="K14549" s="2">
        <v>0</v>
      </c>
      <c r="L14549" t="s">
        <v>82</v>
      </c>
      <c r="M14549" t="s">
        <v>83</v>
      </c>
      <c r="N14549" t="s">
        <v>91</v>
      </c>
      <c r="O14549" t="s">
        <v>85</v>
      </c>
      <c r="P14549" t="s">
        <v>86</v>
      </c>
      <c r="Q14549">
        <v>22</v>
      </c>
      <c r="R14549">
        <v>23</v>
      </c>
      <c r="S14549">
        <v>23</v>
      </c>
      <c r="T14549">
        <v>24</v>
      </c>
      <c r="U14549">
        <v>25</v>
      </c>
      <c r="V14549">
        <v>25</v>
      </c>
      <c r="W14549">
        <v>26</v>
      </c>
      <c r="X14549">
        <v>26</v>
      </c>
      <c r="Y14549">
        <v>27</v>
      </c>
      <c r="Z14549">
        <v>28</v>
      </c>
      <c r="AA14549">
        <v>28</v>
      </c>
      <c r="AB14549">
        <v>29</v>
      </c>
      <c r="AC14549">
        <v>30</v>
      </c>
      <c r="AD14549">
        <v>30</v>
      </c>
      <c r="AE14549">
        <v>31</v>
      </c>
      <c r="AF14549">
        <v>32</v>
      </c>
      <c r="AG14549">
        <v>32</v>
      </c>
      <c r="AH14549">
        <v>33</v>
      </c>
      <c r="AI14549">
        <v>34</v>
      </c>
      <c r="AJ14549">
        <v>34</v>
      </c>
      <c r="AK14549">
        <v>35</v>
      </c>
      <c r="AL14549">
        <v>35</v>
      </c>
      <c r="AM14549">
        <v>36</v>
      </c>
      <c r="AN14549">
        <v>36</v>
      </c>
      <c r="AO14549">
        <v>36</v>
      </c>
      <c r="AP14549">
        <v>37</v>
      </c>
      <c r="AQ14549">
        <v>37</v>
      </c>
    </row>
    <row r="14550" spans="1:43">
      <c r="A14550" t="s">
        <v>9026</v>
      </c>
      <c r="B14550" t="s">
        <v>9027</v>
      </c>
      <c r="C14550" t="s">
        <v>9028</v>
      </c>
      <c r="D14550" t="s">
        <v>9029</v>
      </c>
      <c r="E14550" t="s">
        <v>8938</v>
      </c>
      <c r="F14550" t="s">
        <v>8939</v>
      </c>
      <c r="G14550" t="s">
        <v>80</v>
      </c>
      <c r="H14550" t="s">
        <v>81</v>
      </c>
      <c r="I14550" s="2">
        <v>0</v>
      </c>
      <c r="J14550" s="2">
        <v>1</v>
      </c>
      <c r="K14550" s="2">
        <v>0</v>
      </c>
      <c r="L14550" t="s">
        <v>82</v>
      </c>
      <c r="M14550" t="s">
        <v>83</v>
      </c>
      <c r="N14550" t="s">
        <v>84</v>
      </c>
      <c r="O14550" t="s">
        <v>85</v>
      </c>
      <c r="P14550" t="s">
        <v>86</v>
      </c>
      <c r="Q14550">
        <v>13</v>
      </c>
      <c r="R14550">
        <v>14</v>
      </c>
      <c r="S14550">
        <v>14</v>
      </c>
      <c r="T14550">
        <v>14</v>
      </c>
      <c r="U14550">
        <v>15</v>
      </c>
      <c r="V14550">
        <v>15</v>
      </c>
      <c r="W14550">
        <v>15</v>
      </c>
      <c r="X14550">
        <v>16</v>
      </c>
      <c r="Y14550">
        <v>16</v>
      </c>
      <c r="Z14550">
        <v>17</v>
      </c>
      <c r="AA14550">
        <v>17</v>
      </c>
      <c r="AB14550">
        <v>17</v>
      </c>
      <c r="AC14550">
        <v>18</v>
      </c>
      <c r="AD14550">
        <v>18</v>
      </c>
      <c r="AE14550">
        <v>18</v>
      </c>
      <c r="AF14550">
        <v>19</v>
      </c>
      <c r="AG14550">
        <v>19</v>
      </c>
      <c r="AH14550">
        <v>20</v>
      </c>
      <c r="AI14550">
        <v>20</v>
      </c>
      <c r="AJ14550">
        <v>20</v>
      </c>
      <c r="AK14550">
        <v>21</v>
      </c>
      <c r="AL14550">
        <v>21</v>
      </c>
      <c r="AM14550">
        <v>21</v>
      </c>
      <c r="AN14550">
        <v>22</v>
      </c>
      <c r="AO14550">
        <v>22</v>
      </c>
      <c r="AP14550">
        <v>22</v>
      </c>
      <c r="AQ14550">
        <v>22</v>
      </c>
    </row>
    <row r="14551" spans="1:43">
      <c r="A14551" t="s">
        <v>9026</v>
      </c>
      <c r="B14551" t="s">
        <v>9027</v>
      </c>
      <c r="C14551" t="s">
        <v>9028</v>
      </c>
      <c r="D14551" t="s">
        <v>9029</v>
      </c>
      <c r="E14551" t="s">
        <v>8938</v>
      </c>
      <c r="F14551" t="s">
        <v>8939</v>
      </c>
      <c r="G14551" t="s">
        <v>80</v>
      </c>
      <c r="H14551" t="s">
        <v>81</v>
      </c>
      <c r="I14551" s="2">
        <v>0</v>
      </c>
      <c r="J14551" s="2">
        <v>1</v>
      </c>
      <c r="K14551" s="2">
        <v>0</v>
      </c>
      <c r="L14551" t="s">
        <v>82</v>
      </c>
      <c r="M14551" t="s">
        <v>87</v>
      </c>
      <c r="N14551" t="s">
        <v>88</v>
      </c>
      <c r="O14551" t="s">
        <v>85</v>
      </c>
      <c r="P14551" t="s">
        <v>86</v>
      </c>
      <c r="Q14551">
        <v>13</v>
      </c>
      <c r="R14551">
        <v>13</v>
      </c>
      <c r="S14551">
        <v>14</v>
      </c>
      <c r="T14551">
        <v>14</v>
      </c>
      <c r="U14551">
        <v>14</v>
      </c>
      <c r="V14551">
        <v>14</v>
      </c>
      <c r="W14551">
        <v>14</v>
      </c>
      <c r="X14551">
        <v>15</v>
      </c>
      <c r="Y14551">
        <v>15</v>
      </c>
      <c r="Z14551">
        <v>15</v>
      </c>
      <c r="AA14551">
        <v>15</v>
      </c>
      <c r="AB14551">
        <v>16</v>
      </c>
      <c r="AC14551">
        <v>16</v>
      </c>
      <c r="AD14551">
        <v>16</v>
      </c>
      <c r="AE14551">
        <v>16</v>
      </c>
      <c r="AF14551">
        <v>17</v>
      </c>
      <c r="AG14551">
        <v>17</v>
      </c>
      <c r="AH14551">
        <v>17</v>
      </c>
      <c r="AI14551">
        <v>17</v>
      </c>
      <c r="AJ14551">
        <v>17</v>
      </c>
      <c r="AK14551">
        <v>18</v>
      </c>
      <c r="AL14551">
        <v>18</v>
      </c>
      <c r="AM14551">
        <v>18</v>
      </c>
      <c r="AN14551">
        <v>18</v>
      </c>
      <c r="AO14551">
        <v>19</v>
      </c>
      <c r="AP14551">
        <v>19</v>
      </c>
      <c r="AQ14551">
        <v>19</v>
      </c>
    </row>
    <row r="14552" spans="1:43">
      <c r="A14552" t="s">
        <v>9026</v>
      </c>
      <c r="B14552" t="s">
        <v>9027</v>
      </c>
      <c r="C14552" t="s">
        <v>9028</v>
      </c>
      <c r="D14552" t="s">
        <v>9029</v>
      </c>
      <c r="E14552" t="s">
        <v>8938</v>
      </c>
      <c r="F14552" t="s">
        <v>8939</v>
      </c>
      <c r="G14552" t="s">
        <v>80</v>
      </c>
      <c r="H14552" t="s">
        <v>81</v>
      </c>
      <c r="I14552" s="2">
        <v>0</v>
      </c>
      <c r="J14552" s="2">
        <v>1</v>
      </c>
      <c r="K14552" s="2">
        <v>0</v>
      </c>
      <c r="L14552" t="s">
        <v>82</v>
      </c>
      <c r="M14552" t="s">
        <v>89</v>
      </c>
      <c r="N14552" t="s">
        <v>90</v>
      </c>
      <c r="O14552" t="s">
        <v>85</v>
      </c>
      <c r="P14552" t="s">
        <v>86</v>
      </c>
      <c r="Q14552">
        <v>13</v>
      </c>
      <c r="R14552">
        <v>14</v>
      </c>
      <c r="S14552">
        <v>14</v>
      </c>
      <c r="T14552">
        <v>15</v>
      </c>
      <c r="U14552">
        <v>15</v>
      </c>
      <c r="V14552">
        <v>16</v>
      </c>
      <c r="W14552">
        <v>16</v>
      </c>
      <c r="X14552">
        <v>17</v>
      </c>
      <c r="Y14552">
        <v>17</v>
      </c>
      <c r="Z14552">
        <v>18</v>
      </c>
      <c r="AA14552">
        <v>18</v>
      </c>
      <c r="AB14552">
        <v>18</v>
      </c>
      <c r="AC14552">
        <v>19</v>
      </c>
      <c r="AD14552">
        <v>19</v>
      </c>
      <c r="AE14552">
        <v>20</v>
      </c>
      <c r="AF14552">
        <v>20</v>
      </c>
      <c r="AG14552">
        <v>20</v>
      </c>
      <c r="AH14552">
        <v>20</v>
      </c>
      <c r="AI14552">
        <v>21</v>
      </c>
      <c r="AJ14552">
        <v>21</v>
      </c>
      <c r="AK14552">
        <v>21</v>
      </c>
      <c r="AL14552">
        <v>21</v>
      </c>
      <c r="AM14552">
        <v>21</v>
      </c>
      <c r="AN14552">
        <v>22</v>
      </c>
      <c r="AO14552">
        <v>22</v>
      </c>
      <c r="AP14552">
        <v>22</v>
      </c>
      <c r="AQ14552">
        <v>22</v>
      </c>
    </row>
    <row r="14553" spans="1:43">
      <c r="A14553" t="s">
        <v>9026</v>
      </c>
      <c r="B14553" t="s">
        <v>9027</v>
      </c>
      <c r="C14553" t="s">
        <v>9028</v>
      </c>
      <c r="D14553" t="s">
        <v>9029</v>
      </c>
      <c r="E14553" t="s">
        <v>8938</v>
      </c>
      <c r="F14553" t="s">
        <v>8939</v>
      </c>
      <c r="G14553" t="s">
        <v>80</v>
      </c>
      <c r="H14553" t="s">
        <v>81</v>
      </c>
      <c r="I14553" s="2">
        <v>0</v>
      </c>
      <c r="J14553" s="2">
        <v>1</v>
      </c>
      <c r="K14553" s="2">
        <v>0</v>
      </c>
      <c r="L14553" t="s">
        <v>82</v>
      </c>
      <c r="M14553" t="s">
        <v>83</v>
      </c>
      <c r="N14553" t="s">
        <v>91</v>
      </c>
      <c r="O14553" t="s">
        <v>85</v>
      </c>
      <c r="P14553" t="s">
        <v>86</v>
      </c>
      <c r="Q14553">
        <v>13</v>
      </c>
      <c r="R14553">
        <v>14</v>
      </c>
      <c r="S14553">
        <v>14</v>
      </c>
      <c r="T14553">
        <v>14</v>
      </c>
      <c r="U14553">
        <v>15</v>
      </c>
      <c r="V14553">
        <v>15</v>
      </c>
      <c r="W14553">
        <v>15</v>
      </c>
      <c r="X14553">
        <v>16</v>
      </c>
      <c r="Y14553">
        <v>16</v>
      </c>
      <c r="Z14553">
        <v>17</v>
      </c>
      <c r="AA14553">
        <v>17</v>
      </c>
      <c r="AB14553">
        <v>17</v>
      </c>
      <c r="AC14553">
        <v>18</v>
      </c>
      <c r="AD14553">
        <v>18</v>
      </c>
      <c r="AE14553">
        <v>18</v>
      </c>
      <c r="AF14553">
        <v>19</v>
      </c>
      <c r="AG14553">
        <v>19</v>
      </c>
      <c r="AH14553">
        <v>20</v>
      </c>
      <c r="AI14553">
        <v>20</v>
      </c>
      <c r="AJ14553">
        <v>20</v>
      </c>
      <c r="AK14553">
        <v>21</v>
      </c>
      <c r="AL14553">
        <v>21</v>
      </c>
      <c r="AM14553">
        <v>21</v>
      </c>
      <c r="AN14553">
        <v>22</v>
      </c>
      <c r="AO14553">
        <v>22</v>
      </c>
      <c r="AP14553">
        <v>22</v>
      </c>
      <c r="AQ14553">
        <v>22</v>
      </c>
    </row>
    <row r="14554" spans="1:43">
      <c r="A14554" t="s">
        <v>9030</v>
      </c>
      <c r="B14554" t="s">
        <v>9031</v>
      </c>
      <c r="C14554" t="s">
        <v>9028</v>
      </c>
      <c r="D14554" t="s">
        <v>9029</v>
      </c>
      <c r="E14554" t="s">
        <v>8938</v>
      </c>
      <c r="F14554" t="s">
        <v>8939</v>
      </c>
      <c r="G14554" t="s">
        <v>80</v>
      </c>
      <c r="H14554" t="s">
        <v>81</v>
      </c>
      <c r="I14554" s="2">
        <v>0</v>
      </c>
      <c r="J14554" s="2">
        <v>1</v>
      </c>
      <c r="K14554" s="2">
        <v>0</v>
      </c>
      <c r="L14554" t="s">
        <v>82</v>
      </c>
      <c r="M14554" t="s">
        <v>83</v>
      </c>
      <c r="N14554" t="s">
        <v>84</v>
      </c>
      <c r="O14554" t="s">
        <v>85</v>
      </c>
      <c r="P14554" t="s">
        <v>86</v>
      </c>
      <c r="Q14554">
        <v>35</v>
      </c>
      <c r="R14554">
        <v>36</v>
      </c>
      <c r="S14554">
        <v>37</v>
      </c>
      <c r="T14554">
        <v>38</v>
      </c>
      <c r="U14554">
        <v>39</v>
      </c>
      <c r="V14554">
        <v>40</v>
      </c>
      <c r="W14554">
        <v>41</v>
      </c>
      <c r="X14554">
        <v>42</v>
      </c>
      <c r="Y14554">
        <v>43</v>
      </c>
      <c r="Z14554">
        <v>44</v>
      </c>
      <c r="AA14554">
        <v>45</v>
      </c>
      <c r="AB14554">
        <v>46</v>
      </c>
      <c r="AC14554">
        <v>47</v>
      </c>
      <c r="AD14554">
        <v>48</v>
      </c>
      <c r="AE14554">
        <v>49</v>
      </c>
      <c r="AF14554">
        <v>50</v>
      </c>
      <c r="AG14554">
        <v>51</v>
      </c>
      <c r="AH14554">
        <v>52</v>
      </c>
      <c r="AI14554">
        <v>53</v>
      </c>
      <c r="AJ14554">
        <v>54</v>
      </c>
      <c r="AK14554">
        <v>55</v>
      </c>
      <c r="AL14554">
        <v>56</v>
      </c>
      <c r="AM14554">
        <v>57</v>
      </c>
      <c r="AN14554">
        <v>57</v>
      </c>
      <c r="AO14554">
        <v>58</v>
      </c>
      <c r="AP14554">
        <v>58</v>
      </c>
      <c r="AQ14554">
        <v>59</v>
      </c>
    </row>
    <row r="14555" spans="1:43">
      <c r="A14555" t="s">
        <v>9030</v>
      </c>
      <c r="B14555" t="s">
        <v>9031</v>
      </c>
      <c r="C14555" t="s">
        <v>9028</v>
      </c>
      <c r="D14555" t="s">
        <v>9029</v>
      </c>
      <c r="E14555" t="s">
        <v>8938</v>
      </c>
      <c r="F14555" t="s">
        <v>8939</v>
      </c>
      <c r="G14555" t="s">
        <v>80</v>
      </c>
      <c r="H14555" t="s">
        <v>81</v>
      </c>
      <c r="I14555" s="2">
        <v>0</v>
      </c>
      <c r="J14555" s="2">
        <v>1</v>
      </c>
      <c r="K14555" s="2">
        <v>0</v>
      </c>
      <c r="L14555" t="s">
        <v>82</v>
      </c>
      <c r="M14555" t="s">
        <v>87</v>
      </c>
      <c r="N14555" t="s">
        <v>88</v>
      </c>
      <c r="O14555" t="s">
        <v>85</v>
      </c>
      <c r="P14555" t="s">
        <v>86</v>
      </c>
      <c r="Q14555">
        <v>35</v>
      </c>
      <c r="R14555">
        <v>36</v>
      </c>
      <c r="S14555">
        <v>36</v>
      </c>
      <c r="T14555">
        <v>37</v>
      </c>
      <c r="U14555">
        <v>37</v>
      </c>
      <c r="V14555">
        <v>38</v>
      </c>
      <c r="W14555">
        <v>38</v>
      </c>
      <c r="X14555">
        <v>39</v>
      </c>
      <c r="Y14555">
        <v>40</v>
      </c>
      <c r="Z14555">
        <v>40</v>
      </c>
      <c r="AA14555">
        <v>41</v>
      </c>
      <c r="AB14555">
        <v>41</v>
      </c>
      <c r="AC14555">
        <v>42</v>
      </c>
      <c r="AD14555">
        <v>43</v>
      </c>
      <c r="AE14555">
        <v>43</v>
      </c>
      <c r="AF14555">
        <v>44</v>
      </c>
      <c r="AG14555">
        <v>45</v>
      </c>
      <c r="AH14555">
        <v>45</v>
      </c>
      <c r="AI14555">
        <v>46</v>
      </c>
      <c r="AJ14555">
        <v>46</v>
      </c>
      <c r="AK14555">
        <v>47</v>
      </c>
      <c r="AL14555">
        <v>48</v>
      </c>
      <c r="AM14555">
        <v>48</v>
      </c>
      <c r="AN14555">
        <v>49</v>
      </c>
      <c r="AO14555">
        <v>50</v>
      </c>
      <c r="AP14555">
        <v>50</v>
      </c>
      <c r="AQ14555">
        <v>51</v>
      </c>
    </row>
    <row r="14556" spans="1:43">
      <c r="A14556" t="s">
        <v>9030</v>
      </c>
      <c r="B14556" t="s">
        <v>9031</v>
      </c>
      <c r="C14556" t="s">
        <v>9028</v>
      </c>
      <c r="D14556" t="s">
        <v>9029</v>
      </c>
      <c r="E14556" t="s">
        <v>8938</v>
      </c>
      <c r="F14556" t="s">
        <v>8939</v>
      </c>
      <c r="G14556" t="s">
        <v>80</v>
      </c>
      <c r="H14556" t="s">
        <v>81</v>
      </c>
      <c r="I14556" s="2">
        <v>0</v>
      </c>
      <c r="J14556" s="2">
        <v>1</v>
      </c>
      <c r="K14556" s="2">
        <v>0</v>
      </c>
      <c r="L14556" t="s">
        <v>82</v>
      </c>
      <c r="M14556" t="s">
        <v>89</v>
      </c>
      <c r="N14556" t="s">
        <v>90</v>
      </c>
      <c r="O14556" t="s">
        <v>85</v>
      </c>
      <c r="P14556" t="s">
        <v>86</v>
      </c>
      <c r="Q14556">
        <v>35</v>
      </c>
      <c r="R14556">
        <v>36</v>
      </c>
      <c r="S14556">
        <v>37</v>
      </c>
      <c r="T14556">
        <v>38</v>
      </c>
      <c r="U14556">
        <v>40</v>
      </c>
      <c r="V14556">
        <v>41</v>
      </c>
      <c r="W14556">
        <v>42</v>
      </c>
      <c r="X14556">
        <v>43</v>
      </c>
      <c r="Y14556">
        <v>44</v>
      </c>
      <c r="Z14556">
        <v>46</v>
      </c>
      <c r="AA14556">
        <v>47</v>
      </c>
      <c r="AB14556">
        <v>48</v>
      </c>
      <c r="AC14556">
        <v>49</v>
      </c>
      <c r="AD14556">
        <v>51</v>
      </c>
      <c r="AE14556">
        <v>51</v>
      </c>
      <c r="AF14556">
        <v>52</v>
      </c>
      <c r="AG14556">
        <v>53</v>
      </c>
      <c r="AH14556">
        <v>53</v>
      </c>
      <c r="AI14556">
        <v>54</v>
      </c>
      <c r="AJ14556">
        <v>54</v>
      </c>
      <c r="AK14556">
        <v>55</v>
      </c>
      <c r="AL14556">
        <v>55</v>
      </c>
      <c r="AM14556">
        <v>56</v>
      </c>
      <c r="AN14556">
        <v>57</v>
      </c>
      <c r="AO14556">
        <v>57</v>
      </c>
      <c r="AP14556">
        <v>58</v>
      </c>
      <c r="AQ14556">
        <v>58</v>
      </c>
    </row>
    <row r="14557" spans="1:43">
      <c r="A14557" t="s">
        <v>9030</v>
      </c>
      <c r="B14557" t="s">
        <v>9031</v>
      </c>
      <c r="C14557" t="s">
        <v>9028</v>
      </c>
      <c r="D14557" t="s">
        <v>9029</v>
      </c>
      <c r="E14557" t="s">
        <v>8938</v>
      </c>
      <c r="F14557" t="s">
        <v>8939</v>
      </c>
      <c r="G14557" t="s">
        <v>80</v>
      </c>
      <c r="H14557" t="s">
        <v>81</v>
      </c>
      <c r="I14557" s="2">
        <v>0</v>
      </c>
      <c r="J14557" s="2">
        <v>1</v>
      </c>
      <c r="K14557" s="2">
        <v>0</v>
      </c>
      <c r="L14557" t="s">
        <v>82</v>
      </c>
      <c r="M14557" t="s">
        <v>83</v>
      </c>
      <c r="N14557" t="s">
        <v>91</v>
      </c>
      <c r="O14557" t="s">
        <v>85</v>
      </c>
      <c r="P14557" t="s">
        <v>86</v>
      </c>
      <c r="Q14557">
        <v>35</v>
      </c>
      <c r="R14557">
        <v>36</v>
      </c>
      <c r="S14557">
        <v>37</v>
      </c>
      <c r="T14557">
        <v>38</v>
      </c>
      <c r="U14557">
        <v>39</v>
      </c>
      <c r="V14557">
        <v>40</v>
      </c>
      <c r="W14557">
        <v>41</v>
      </c>
      <c r="X14557">
        <v>42</v>
      </c>
      <c r="Y14557">
        <v>43</v>
      </c>
      <c r="Z14557">
        <v>44</v>
      </c>
      <c r="AA14557">
        <v>45</v>
      </c>
      <c r="AB14557">
        <v>46</v>
      </c>
      <c r="AC14557">
        <v>47</v>
      </c>
      <c r="AD14557">
        <v>48</v>
      </c>
      <c r="AE14557">
        <v>49</v>
      </c>
      <c r="AF14557">
        <v>50</v>
      </c>
      <c r="AG14557">
        <v>51</v>
      </c>
      <c r="AH14557">
        <v>52</v>
      </c>
      <c r="AI14557">
        <v>53</v>
      </c>
      <c r="AJ14557">
        <v>54</v>
      </c>
      <c r="AK14557">
        <v>55</v>
      </c>
      <c r="AL14557">
        <v>56</v>
      </c>
      <c r="AM14557">
        <v>57</v>
      </c>
      <c r="AN14557">
        <v>57</v>
      </c>
      <c r="AO14557">
        <v>58</v>
      </c>
      <c r="AP14557">
        <v>58</v>
      </c>
      <c r="AQ14557">
        <v>59</v>
      </c>
    </row>
    <row r="14558" spans="1:43">
      <c r="A14558" t="s">
        <v>9032</v>
      </c>
      <c r="B14558" t="s">
        <v>9033</v>
      </c>
      <c r="C14558" t="s">
        <v>9034</v>
      </c>
      <c r="D14558" t="s">
        <v>9035</v>
      </c>
      <c r="E14558" t="s">
        <v>8938</v>
      </c>
      <c r="F14558" t="s">
        <v>8939</v>
      </c>
      <c r="G14558" t="s">
        <v>80</v>
      </c>
      <c r="H14558" t="s">
        <v>81</v>
      </c>
      <c r="I14558" s="2">
        <v>0</v>
      </c>
      <c r="J14558" s="2">
        <v>1</v>
      </c>
      <c r="K14558" s="2">
        <v>0</v>
      </c>
      <c r="L14558" t="s">
        <v>82</v>
      </c>
      <c r="M14558" t="s">
        <v>83</v>
      </c>
      <c r="N14558" t="s">
        <v>84</v>
      </c>
      <c r="O14558" t="s">
        <v>85</v>
      </c>
      <c r="P14558" t="s">
        <v>86</v>
      </c>
      <c r="Q14558">
        <v>26</v>
      </c>
      <c r="R14558">
        <v>27</v>
      </c>
      <c r="S14558">
        <v>27</v>
      </c>
      <c r="T14558">
        <v>28</v>
      </c>
      <c r="U14558">
        <v>29</v>
      </c>
      <c r="V14558">
        <v>29</v>
      </c>
      <c r="W14558">
        <v>30</v>
      </c>
      <c r="X14558">
        <v>31</v>
      </c>
      <c r="Y14558">
        <v>32</v>
      </c>
      <c r="Z14558">
        <v>32</v>
      </c>
      <c r="AA14558">
        <v>33</v>
      </c>
      <c r="AB14558">
        <v>34</v>
      </c>
      <c r="AC14558">
        <v>35</v>
      </c>
      <c r="AD14558">
        <v>35</v>
      </c>
      <c r="AE14558">
        <v>36</v>
      </c>
      <c r="AF14558">
        <v>37</v>
      </c>
      <c r="AG14558">
        <v>38</v>
      </c>
      <c r="AH14558">
        <v>38</v>
      </c>
      <c r="AI14558">
        <v>39</v>
      </c>
      <c r="AJ14558">
        <v>40</v>
      </c>
      <c r="AK14558">
        <v>41</v>
      </c>
      <c r="AL14558">
        <v>41</v>
      </c>
      <c r="AM14558">
        <v>42</v>
      </c>
      <c r="AN14558">
        <v>42</v>
      </c>
      <c r="AO14558">
        <v>43</v>
      </c>
      <c r="AP14558">
        <v>43</v>
      </c>
      <c r="AQ14558">
        <v>43</v>
      </c>
    </row>
    <row r="14559" spans="1:43">
      <c r="A14559" t="s">
        <v>9032</v>
      </c>
      <c r="B14559" t="s">
        <v>9033</v>
      </c>
      <c r="C14559" t="s">
        <v>9034</v>
      </c>
      <c r="D14559" t="s">
        <v>9035</v>
      </c>
      <c r="E14559" t="s">
        <v>8938</v>
      </c>
      <c r="F14559" t="s">
        <v>8939</v>
      </c>
      <c r="G14559" t="s">
        <v>80</v>
      </c>
      <c r="H14559" t="s">
        <v>81</v>
      </c>
      <c r="I14559" s="2">
        <v>0</v>
      </c>
      <c r="J14559" s="2">
        <v>1</v>
      </c>
      <c r="K14559" s="2">
        <v>0</v>
      </c>
      <c r="L14559" t="s">
        <v>82</v>
      </c>
      <c r="M14559" t="s">
        <v>87</v>
      </c>
      <c r="N14559" t="s">
        <v>88</v>
      </c>
      <c r="O14559" t="s">
        <v>85</v>
      </c>
      <c r="P14559" t="s">
        <v>86</v>
      </c>
      <c r="Q14559">
        <v>26</v>
      </c>
      <c r="R14559">
        <v>26</v>
      </c>
      <c r="S14559">
        <v>27</v>
      </c>
      <c r="T14559">
        <v>27</v>
      </c>
      <c r="U14559">
        <v>27</v>
      </c>
      <c r="V14559">
        <v>28</v>
      </c>
      <c r="W14559">
        <v>28</v>
      </c>
      <c r="X14559">
        <v>29</v>
      </c>
      <c r="Y14559">
        <v>29</v>
      </c>
      <c r="Z14559">
        <v>30</v>
      </c>
      <c r="AA14559">
        <v>30</v>
      </c>
      <c r="AB14559">
        <v>31</v>
      </c>
      <c r="AC14559">
        <v>31</v>
      </c>
      <c r="AD14559">
        <v>31</v>
      </c>
      <c r="AE14559">
        <v>32</v>
      </c>
      <c r="AF14559">
        <v>32</v>
      </c>
      <c r="AG14559">
        <v>33</v>
      </c>
      <c r="AH14559">
        <v>33</v>
      </c>
      <c r="AI14559">
        <v>34</v>
      </c>
      <c r="AJ14559">
        <v>34</v>
      </c>
      <c r="AK14559">
        <v>35</v>
      </c>
      <c r="AL14559">
        <v>35</v>
      </c>
      <c r="AM14559">
        <v>36</v>
      </c>
      <c r="AN14559">
        <v>36</v>
      </c>
      <c r="AO14559">
        <v>37</v>
      </c>
      <c r="AP14559">
        <v>37</v>
      </c>
      <c r="AQ14559">
        <v>38</v>
      </c>
    </row>
    <row r="14560" spans="1:43">
      <c r="A14560" t="s">
        <v>9032</v>
      </c>
      <c r="B14560" t="s">
        <v>9033</v>
      </c>
      <c r="C14560" t="s">
        <v>9034</v>
      </c>
      <c r="D14560" t="s">
        <v>9035</v>
      </c>
      <c r="E14560" t="s">
        <v>8938</v>
      </c>
      <c r="F14560" t="s">
        <v>8939</v>
      </c>
      <c r="G14560" t="s">
        <v>80</v>
      </c>
      <c r="H14560" t="s">
        <v>81</v>
      </c>
      <c r="I14560" s="2">
        <v>0</v>
      </c>
      <c r="J14560" s="2">
        <v>1</v>
      </c>
      <c r="K14560" s="2">
        <v>0</v>
      </c>
      <c r="L14560" t="s">
        <v>82</v>
      </c>
      <c r="M14560" t="s">
        <v>89</v>
      </c>
      <c r="N14560" t="s">
        <v>90</v>
      </c>
      <c r="O14560" t="s">
        <v>85</v>
      </c>
      <c r="P14560" t="s">
        <v>86</v>
      </c>
      <c r="Q14560">
        <v>26</v>
      </c>
      <c r="R14560">
        <v>27</v>
      </c>
      <c r="S14560">
        <v>28</v>
      </c>
      <c r="T14560">
        <v>29</v>
      </c>
      <c r="U14560">
        <v>30</v>
      </c>
      <c r="V14560">
        <v>31</v>
      </c>
      <c r="W14560">
        <v>32</v>
      </c>
      <c r="X14560">
        <v>33</v>
      </c>
      <c r="Y14560">
        <v>33</v>
      </c>
      <c r="Z14560">
        <v>34</v>
      </c>
      <c r="AA14560">
        <v>35</v>
      </c>
      <c r="AB14560">
        <v>36</v>
      </c>
      <c r="AC14560">
        <v>37</v>
      </c>
      <c r="AD14560">
        <v>38</v>
      </c>
      <c r="AE14560">
        <v>39</v>
      </c>
      <c r="AF14560">
        <v>39</v>
      </c>
      <c r="AG14560">
        <v>40</v>
      </c>
      <c r="AH14560">
        <v>40</v>
      </c>
      <c r="AI14560">
        <v>40</v>
      </c>
      <c r="AJ14560">
        <v>41</v>
      </c>
      <c r="AK14560">
        <v>41</v>
      </c>
      <c r="AL14560">
        <v>42</v>
      </c>
      <c r="AM14560">
        <v>42</v>
      </c>
      <c r="AN14560">
        <v>42</v>
      </c>
      <c r="AO14560">
        <v>43</v>
      </c>
      <c r="AP14560">
        <v>43</v>
      </c>
      <c r="AQ14560">
        <v>44</v>
      </c>
    </row>
    <row r="14561" spans="1:43">
      <c r="A14561" t="s">
        <v>9032</v>
      </c>
      <c r="B14561" t="s">
        <v>9033</v>
      </c>
      <c r="C14561" t="s">
        <v>9034</v>
      </c>
      <c r="D14561" t="s">
        <v>9035</v>
      </c>
      <c r="E14561" t="s">
        <v>8938</v>
      </c>
      <c r="F14561" t="s">
        <v>8939</v>
      </c>
      <c r="G14561" t="s">
        <v>80</v>
      </c>
      <c r="H14561" t="s">
        <v>81</v>
      </c>
      <c r="I14561" s="2">
        <v>0</v>
      </c>
      <c r="J14561" s="2">
        <v>1</v>
      </c>
      <c r="K14561" s="2">
        <v>0</v>
      </c>
      <c r="L14561" t="s">
        <v>82</v>
      </c>
      <c r="M14561" t="s">
        <v>83</v>
      </c>
      <c r="N14561" t="s">
        <v>91</v>
      </c>
      <c r="O14561" t="s">
        <v>85</v>
      </c>
      <c r="P14561" t="s">
        <v>86</v>
      </c>
      <c r="Q14561">
        <v>26</v>
      </c>
      <c r="R14561">
        <v>27</v>
      </c>
      <c r="S14561">
        <v>27</v>
      </c>
      <c r="T14561">
        <v>28</v>
      </c>
      <c r="U14561">
        <v>29</v>
      </c>
      <c r="V14561">
        <v>29</v>
      </c>
      <c r="W14561">
        <v>30</v>
      </c>
      <c r="X14561">
        <v>31</v>
      </c>
      <c r="Y14561">
        <v>32</v>
      </c>
      <c r="Z14561">
        <v>32</v>
      </c>
      <c r="AA14561">
        <v>33</v>
      </c>
      <c r="AB14561">
        <v>34</v>
      </c>
      <c r="AC14561">
        <v>35</v>
      </c>
      <c r="AD14561">
        <v>35</v>
      </c>
      <c r="AE14561">
        <v>36</v>
      </c>
      <c r="AF14561">
        <v>37</v>
      </c>
      <c r="AG14561">
        <v>38</v>
      </c>
      <c r="AH14561">
        <v>38</v>
      </c>
      <c r="AI14561">
        <v>39</v>
      </c>
      <c r="AJ14561">
        <v>40</v>
      </c>
      <c r="AK14561">
        <v>41</v>
      </c>
      <c r="AL14561">
        <v>41</v>
      </c>
      <c r="AM14561">
        <v>42</v>
      </c>
      <c r="AN14561">
        <v>42</v>
      </c>
      <c r="AO14561">
        <v>43</v>
      </c>
      <c r="AP14561">
        <v>43</v>
      </c>
      <c r="AQ14561">
        <v>43</v>
      </c>
    </row>
    <row r="14562" spans="1:43">
      <c r="A14562" t="s">
        <v>9036</v>
      </c>
      <c r="B14562" t="s">
        <v>9037</v>
      </c>
      <c r="C14562" t="s">
        <v>9034</v>
      </c>
      <c r="D14562" t="s">
        <v>9035</v>
      </c>
      <c r="E14562" t="s">
        <v>8938</v>
      </c>
      <c r="F14562" t="s">
        <v>8939</v>
      </c>
      <c r="G14562" t="s">
        <v>80</v>
      </c>
      <c r="H14562" t="s">
        <v>81</v>
      </c>
      <c r="I14562" s="2">
        <v>0</v>
      </c>
      <c r="J14562" s="2">
        <v>1</v>
      </c>
      <c r="K14562" s="2">
        <v>0</v>
      </c>
      <c r="L14562" t="s">
        <v>82</v>
      </c>
      <c r="M14562" t="s">
        <v>83</v>
      </c>
      <c r="N14562" t="s">
        <v>84</v>
      </c>
      <c r="O14562" t="s">
        <v>85</v>
      </c>
      <c r="P14562" t="s">
        <v>86</v>
      </c>
      <c r="Q14562">
        <v>68</v>
      </c>
      <c r="R14562">
        <v>69</v>
      </c>
      <c r="S14562">
        <v>71</v>
      </c>
      <c r="T14562">
        <v>73</v>
      </c>
      <c r="U14562">
        <v>75</v>
      </c>
      <c r="V14562">
        <v>76</v>
      </c>
      <c r="W14562">
        <v>78</v>
      </c>
      <c r="X14562">
        <v>80</v>
      </c>
      <c r="Y14562">
        <v>82</v>
      </c>
      <c r="Z14562">
        <v>84</v>
      </c>
      <c r="AA14562">
        <v>86</v>
      </c>
      <c r="AB14562">
        <v>88</v>
      </c>
      <c r="AC14562">
        <v>90</v>
      </c>
      <c r="AD14562">
        <v>92</v>
      </c>
      <c r="AE14562">
        <v>94</v>
      </c>
      <c r="AF14562">
        <v>96</v>
      </c>
      <c r="AG14562">
        <v>98</v>
      </c>
      <c r="AH14562">
        <v>100</v>
      </c>
      <c r="AI14562">
        <v>102</v>
      </c>
      <c r="AJ14562">
        <v>104</v>
      </c>
      <c r="AK14562">
        <v>106</v>
      </c>
      <c r="AL14562">
        <v>107</v>
      </c>
      <c r="AM14562">
        <v>108</v>
      </c>
      <c r="AN14562">
        <v>109</v>
      </c>
      <c r="AO14562">
        <v>110</v>
      </c>
      <c r="AP14562">
        <v>112</v>
      </c>
      <c r="AQ14562">
        <v>113</v>
      </c>
    </row>
    <row r="14563" spans="1:43">
      <c r="A14563" t="s">
        <v>9036</v>
      </c>
      <c r="B14563" t="s">
        <v>9037</v>
      </c>
      <c r="C14563" t="s">
        <v>9034</v>
      </c>
      <c r="D14563" t="s">
        <v>9035</v>
      </c>
      <c r="E14563" t="s">
        <v>8938</v>
      </c>
      <c r="F14563" t="s">
        <v>8939</v>
      </c>
      <c r="G14563" t="s">
        <v>80</v>
      </c>
      <c r="H14563" t="s">
        <v>81</v>
      </c>
      <c r="I14563" s="2">
        <v>0</v>
      </c>
      <c r="J14563" s="2">
        <v>1</v>
      </c>
      <c r="K14563" s="2">
        <v>0</v>
      </c>
      <c r="L14563" t="s">
        <v>82</v>
      </c>
      <c r="M14563" t="s">
        <v>87</v>
      </c>
      <c r="N14563" t="s">
        <v>88</v>
      </c>
      <c r="O14563" t="s">
        <v>85</v>
      </c>
      <c r="P14563" t="s">
        <v>86</v>
      </c>
      <c r="Q14563">
        <v>68</v>
      </c>
      <c r="R14563">
        <v>69</v>
      </c>
      <c r="S14563">
        <v>70</v>
      </c>
      <c r="T14563">
        <v>71</v>
      </c>
      <c r="U14563">
        <v>72</v>
      </c>
      <c r="V14563">
        <v>73</v>
      </c>
      <c r="W14563">
        <v>75</v>
      </c>
      <c r="X14563">
        <v>76</v>
      </c>
      <c r="Y14563">
        <v>77</v>
      </c>
      <c r="Z14563">
        <v>78</v>
      </c>
      <c r="AA14563">
        <v>79</v>
      </c>
      <c r="AB14563">
        <v>80</v>
      </c>
      <c r="AC14563">
        <v>81</v>
      </c>
      <c r="AD14563">
        <v>83</v>
      </c>
      <c r="AE14563">
        <v>84</v>
      </c>
      <c r="AF14563">
        <v>85</v>
      </c>
      <c r="AG14563">
        <v>86</v>
      </c>
      <c r="AH14563">
        <v>87</v>
      </c>
      <c r="AI14563">
        <v>89</v>
      </c>
      <c r="AJ14563">
        <v>90</v>
      </c>
      <c r="AK14563">
        <v>91</v>
      </c>
      <c r="AL14563">
        <v>92</v>
      </c>
      <c r="AM14563">
        <v>94</v>
      </c>
      <c r="AN14563">
        <v>95</v>
      </c>
      <c r="AO14563">
        <v>96</v>
      </c>
      <c r="AP14563">
        <v>97</v>
      </c>
      <c r="AQ14563">
        <v>99</v>
      </c>
    </row>
    <row r="14564" spans="1:43">
      <c r="A14564" t="s">
        <v>9036</v>
      </c>
      <c r="B14564" t="s">
        <v>9037</v>
      </c>
      <c r="C14564" t="s">
        <v>9034</v>
      </c>
      <c r="D14564" t="s">
        <v>9035</v>
      </c>
      <c r="E14564" t="s">
        <v>8938</v>
      </c>
      <c r="F14564" t="s">
        <v>8939</v>
      </c>
      <c r="G14564" t="s">
        <v>80</v>
      </c>
      <c r="H14564" t="s">
        <v>81</v>
      </c>
      <c r="I14564" s="2">
        <v>0</v>
      </c>
      <c r="J14564" s="2">
        <v>1</v>
      </c>
      <c r="K14564" s="2">
        <v>0</v>
      </c>
      <c r="L14564" t="s">
        <v>82</v>
      </c>
      <c r="M14564" t="s">
        <v>89</v>
      </c>
      <c r="N14564" t="s">
        <v>90</v>
      </c>
      <c r="O14564" t="s">
        <v>85</v>
      </c>
      <c r="P14564" t="s">
        <v>86</v>
      </c>
      <c r="Q14564">
        <v>68</v>
      </c>
      <c r="R14564">
        <v>70</v>
      </c>
      <c r="S14564">
        <v>73</v>
      </c>
      <c r="T14564">
        <v>75</v>
      </c>
      <c r="U14564">
        <v>78</v>
      </c>
      <c r="V14564">
        <v>80</v>
      </c>
      <c r="W14564">
        <v>82</v>
      </c>
      <c r="X14564">
        <v>85</v>
      </c>
      <c r="Y14564">
        <v>87</v>
      </c>
      <c r="Z14564">
        <v>89</v>
      </c>
      <c r="AA14564">
        <v>91</v>
      </c>
      <c r="AB14564">
        <v>94</v>
      </c>
      <c r="AC14564">
        <v>96</v>
      </c>
      <c r="AD14564">
        <v>98</v>
      </c>
      <c r="AE14564">
        <v>100</v>
      </c>
      <c r="AF14564">
        <v>101</v>
      </c>
      <c r="AG14564">
        <v>103</v>
      </c>
      <c r="AH14564">
        <v>104</v>
      </c>
      <c r="AI14564">
        <v>105</v>
      </c>
      <c r="AJ14564">
        <v>106</v>
      </c>
      <c r="AK14564">
        <v>107</v>
      </c>
      <c r="AL14564">
        <v>108</v>
      </c>
      <c r="AM14564">
        <v>109</v>
      </c>
      <c r="AN14564">
        <v>110</v>
      </c>
      <c r="AO14564">
        <v>111</v>
      </c>
      <c r="AP14564">
        <v>112</v>
      </c>
      <c r="AQ14564">
        <v>113</v>
      </c>
    </row>
    <row r="14565" spans="1:43">
      <c r="A14565" t="s">
        <v>9036</v>
      </c>
      <c r="B14565" t="s">
        <v>9037</v>
      </c>
      <c r="C14565" t="s">
        <v>9034</v>
      </c>
      <c r="D14565" t="s">
        <v>9035</v>
      </c>
      <c r="E14565" t="s">
        <v>8938</v>
      </c>
      <c r="F14565" t="s">
        <v>8939</v>
      </c>
      <c r="G14565" t="s">
        <v>80</v>
      </c>
      <c r="H14565" t="s">
        <v>81</v>
      </c>
      <c r="I14565" s="2">
        <v>0</v>
      </c>
      <c r="J14565" s="2">
        <v>1</v>
      </c>
      <c r="K14565" s="2">
        <v>0</v>
      </c>
      <c r="L14565" t="s">
        <v>82</v>
      </c>
      <c r="M14565" t="s">
        <v>83</v>
      </c>
      <c r="N14565" t="s">
        <v>91</v>
      </c>
      <c r="O14565" t="s">
        <v>85</v>
      </c>
      <c r="P14565" t="s">
        <v>86</v>
      </c>
      <c r="Q14565">
        <v>68</v>
      </c>
      <c r="R14565">
        <v>69</v>
      </c>
      <c r="S14565">
        <v>71</v>
      </c>
      <c r="T14565">
        <v>73</v>
      </c>
      <c r="U14565">
        <v>75</v>
      </c>
      <c r="V14565">
        <v>76</v>
      </c>
      <c r="W14565">
        <v>78</v>
      </c>
      <c r="X14565">
        <v>80</v>
      </c>
      <c r="Y14565">
        <v>82</v>
      </c>
      <c r="Z14565">
        <v>84</v>
      </c>
      <c r="AA14565">
        <v>86</v>
      </c>
      <c r="AB14565">
        <v>88</v>
      </c>
      <c r="AC14565">
        <v>90</v>
      </c>
      <c r="AD14565">
        <v>92</v>
      </c>
      <c r="AE14565">
        <v>94</v>
      </c>
      <c r="AF14565">
        <v>96</v>
      </c>
      <c r="AG14565">
        <v>98</v>
      </c>
      <c r="AH14565">
        <v>100</v>
      </c>
      <c r="AI14565">
        <v>102</v>
      </c>
      <c r="AJ14565">
        <v>104</v>
      </c>
      <c r="AK14565">
        <v>106</v>
      </c>
      <c r="AL14565">
        <v>107</v>
      </c>
      <c r="AM14565">
        <v>108</v>
      </c>
      <c r="AN14565">
        <v>109</v>
      </c>
      <c r="AO14565">
        <v>110</v>
      </c>
      <c r="AP14565">
        <v>112</v>
      </c>
      <c r="AQ14565">
        <v>113</v>
      </c>
    </row>
    <row r="14566" spans="1:43">
      <c r="A14566" t="s">
        <v>9038</v>
      </c>
      <c r="B14566" t="s">
        <v>9039</v>
      </c>
      <c r="C14566" t="s">
        <v>9040</v>
      </c>
      <c r="D14566" t="s">
        <v>9041</v>
      </c>
      <c r="E14566" t="s">
        <v>8938</v>
      </c>
      <c r="F14566" t="s">
        <v>8939</v>
      </c>
      <c r="G14566" t="s">
        <v>80</v>
      </c>
      <c r="H14566" t="s">
        <v>81</v>
      </c>
      <c r="I14566" s="2">
        <v>0</v>
      </c>
      <c r="J14566" s="2">
        <v>1</v>
      </c>
      <c r="K14566" s="2">
        <v>0</v>
      </c>
      <c r="L14566" t="s">
        <v>82</v>
      </c>
      <c r="M14566" t="s">
        <v>83</v>
      </c>
      <c r="N14566" t="s">
        <v>84</v>
      </c>
      <c r="O14566" t="s">
        <v>85</v>
      </c>
      <c r="P14566" t="s">
        <v>86</v>
      </c>
      <c r="Q14566">
        <v>28</v>
      </c>
      <c r="R14566">
        <v>29</v>
      </c>
      <c r="S14566">
        <v>30</v>
      </c>
      <c r="T14566">
        <v>31</v>
      </c>
      <c r="U14566">
        <v>31</v>
      </c>
      <c r="V14566">
        <v>32</v>
      </c>
      <c r="W14566">
        <v>33</v>
      </c>
      <c r="X14566">
        <v>34</v>
      </c>
      <c r="Y14566">
        <v>35</v>
      </c>
      <c r="Z14566">
        <v>35</v>
      </c>
      <c r="AA14566">
        <v>36</v>
      </c>
      <c r="AB14566">
        <v>37</v>
      </c>
      <c r="AC14566">
        <v>38</v>
      </c>
      <c r="AD14566">
        <v>39</v>
      </c>
      <c r="AE14566">
        <v>39</v>
      </c>
      <c r="AF14566">
        <v>40</v>
      </c>
      <c r="AG14566">
        <v>41</v>
      </c>
      <c r="AH14566">
        <v>42</v>
      </c>
      <c r="AI14566">
        <v>43</v>
      </c>
      <c r="AJ14566">
        <v>44</v>
      </c>
      <c r="AK14566">
        <v>45</v>
      </c>
      <c r="AL14566">
        <v>45</v>
      </c>
      <c r="AM14566">
        <v>46</v>
      </c>
      <c r="AN14566">
        <v>46</v>
      </c>
      <c r="AO14566">
        <v>47</v>
      </c>
      <c r="AP14566">
        <v>47</v>
      </c>
      <c r="AQ14566">
        <v>47</v>
      </c>
    </row>
    <row r="14567" spans="1:43">
      <c r="A14567" t="s">
        <v>9038</v>
      </c>
      <c r="B14567" t="s">
        <v>9039</v>
      </c>
      <c r="C14567" t="s">
        <v>9040</v>
      </c>
      <c r="D14567" t="s">
        <v>9041</v>
      </c>
      <c r="E14567" t="s">
        <v>8938</v>
      </c>
      <c r="F14567" t="s">
        <v>8939</v>
      </c>
      <c r="G14567" t="s">
        <v>80</v>
      </c>
      <c r="H14567" t="s">
        <v>81</v>
      </c>
      <c r="I14567" s="2">
        <v>0</v>
      </c>
      <c r="J14567" s="2">
        <v>1</v>
      </c>
      <c r="K14567" s="2">
        <v>0</v>
      </c>
      <c r="L14567" t="s">
        <v>82</v>
      </c>
      <c r="M14567" t="s">
        <v>87</v>
      </c>
      <c r="N14567" t="s">
        <v>88</v>
      </c>
      <c r="O14567" t="s">
        <v>85</v>
      </c>
      <c r="P14567" t="s">
        <v>86</v>
      </c>
      <c r="Q14567">
        <v>28</v>
      </c>
      <c r="R14567">
        <v>29</v>
      </c>
      <c r="S14567">
        <v>29</v>
      </c>
      <c r="T14567">
        <v>30</v>
      </c>
      <c r="U14567">
        <v>30</v>
      </c>
      <c r="V14567">
        <v>30</v>
      </c>
      <c r="W14567">
        <v>31</v>
      </c>
      <c r="X14567">
        <v>31</v>
      </c>
      <c r="Y14567">
        <v>32</v>
      </c>
      <c r="Z14567">
        <v>32</v>
      </c>
      <c r="AA14567">
        <v>33</v>
      </c>
      <c r="AB14567">
        <v>33</v>
      </c>
      <c r="AC14567">
        <v>34</v>
      </c>
      <c r="AD14567">
        <v>34</v>
      </c>
      <c r="AE14567">
        <v>35</v>
      </c>
      <c r="AF14567">
        <v>35</v>
      </c>
      <c r="AG14567">
        <v>36</v>
      </c>
      <c r="AH14567">
        <v>36</v>
      </c>
      <c r="AI14567">
        <v>37</v>
      </c>
      <c r="AJ14567">
        <v>37</v>
      </c>
      <c r="AK14567">
        <v>38</v>
      </c>
      <c r="AL14567">
        <v>38</v>
      </c>
      <c r="AM14567">
        <v>39</v>
      </c>
      <c r="AN14567">
        <v>40</v>
      </c>
      <c r="AO14567">
        <v>40</v>
      </c>
      <c r="AP14567">
        <v>41</v>
      </c>
      <c r="AQ14567">
        <v>41</v>
      </c>
    </row>
    <row r="14568" spans="1:43">
      <c r="A14568" t="s">
        <v>9038</v>
      </c>
      <c r="B14568" t="s">
        <v>9039</v>
      </c>
      <c r="C14568" t="s">
        <v>9040</v>
      </c>
      <c r="D14568" t="s">
        <v>9041</v>
      </c>
      <c r="E14568" t="s">
        <v>8938</v>
      </c>
      <c r="F14568" t="s">
        <v>8939</v>
      </c>
      <c r="G14568" t="s">
        <v>80</v>
      </c>
      <c r="H14568" t="s">
        <v>81</v>
      </c>
      <c r="I14568" s="2">
        <v>0</v>
      </c>
      <c r="J14568" s="2">
        <v>1</v>
      </c>
      <c r="K14568" s="2">
        <v>0</v>
      </c>
      <c r="L14568" t="s">
        <v>82</v>
      </c>
      <c r="M14568" t="s">
        <v>89</v>
      </c>
      <c r="N14568" t="s">
        <v>90</v>
      </c>
      <c r="O14568" t="s">
        <v>85</v>
      </c>
      <c r="P14568" t="s">
        <v>86</v>
      </c>
      <c r="Q14568">
        <v>28</v>
      </c>
      <c r="R14568">
        <v>29</v>
      </c>
      <c r="S14568">
        <v>30</v>
      </c>
      <c r="T14568">
        <v>31</v>
      </c>
      <c r="U14568">
        <v>32</v>
      </c>
      <c r="V14568">
        <v>33</v>
      </c>
      <c r="W14568">
        <v>34</v>
      </c>
      <c r="X14568">
        <v>35</v>
      </c>
      <c r="Y14568">
        <v>36</v>
      </c>
      <c r="Z14568">
        <v>37</v>
      </c>
      <c r="AA14568">
        <v>37</v>
      </c>
      <c r="AB14568">
        <v>38</v>
      </c>
      <c r="AC14568">
        <v>39</v>
      </c>
      <c r="AD14568">
        <v>40</v>
      </c>
      <c r="AE14568">
        <v>41</v>
      </c>
      <c r="AF14568">
        <v>42</v>
      </c>
      <c r="AG14568">
        <v>42</v>
      </c>
      <c r="AH14568">
        <v>43</v>
      </c>
      <c r="AI14568">
        <v>43</v>
      </c>
      <c r="AJ14568">
        <v>44</v>
      </c>
      <c r="AK14568">
        <v>44</v>
      </c>
      <c r="AL14568">
        <v>44</v>
      </c>
      <c r="AM14568">
        <v>45</v>
      </c>
      <c r="AN14568">
        <v>45</v>
      </c>
      <c r="AO14568">
        <v>46</v>
      </c>
      <c r="AP14568">
        <v>46</v>
      </c>
      <c r="AQ14568">
        <v>47</v>
      </c>
    </row>
    <row r="14569" spans="1:43">
      <c r="A14569" t="s">
        <v>9038</v>
      </c>
      <c r="B14569" t="s">
        <v>9039</v>
      </c>
      <c r="C14569" t="s">
        <v>9040</v>
      </c>
      <c r="D14569" t="s">
        <v>9041</v>
      </c>
      <c r="E14569" t="s">
        <v>8938</v>
      </c>
      <c r="F14569" t="s">
        <v>8939</v>
      </c>
      <c r="G14569" t="s">
        <v>80</v>
      </c>
      <c r="H14569" t="s">
        <v>81</v>
      </c>
      <c r="I14569" s="2">
        <v>0</v>
      </c>
      <c r="J14569" s="2">
        <v>1</v>
      </c>
      <c r="K14569" s="2">
        <v>0</v>
      </c>
      <c r="L14569" t="s">
        <v>82</v>
      </c>
      <c r="M14569" t="s">
        <v>83</v>
      </c>
      <c r="N14569" t="s">
        <v>91</v>
      </c>
      <c r="O14569" t="s">
        <v>85</v>
      </c>
      <c r="P14569" t="s">
        <v>86</v>
      </c>
      <c r="Q14569">
        <v>28</v>
      </c>
      <c r="R14569">
        <v>29</v>
      </c>
      <c r="S14569">
        <v>30</v>
      </c>
      <c r="T14569">
        <v>31</v>
      </c>
      <c r="U14569">
        <v>31</v>
      </c>
      <c r="V14569">
        <v>32</v>
      </c>
      <c r="W14569">
        <v>33</v>
      </c>
      <c r="X14569">
        <v>34</v>
      </c>
      <c r="Y14569">
        <v>35</v>
      </c>
      <c r="Z14569">
        <v>35</v>
      </c>
      <c r="AA14569">
        <v>36</v>
      </c>
      <c r="AB14569">
        <v>37</v>
      </c>
      <c r="AC14569">
        <v>38</v>
      </c>
      <c r="AD14569">
        <v>39</v>
      </c>
      <c r="AE14569">
        <v>39</v>
      </c>
      <c r="AF14569">
        <v>40</v>
      </c>
      <c r="AG14569">
        <v>41</v>
      </c>
      <c r="AH14569">
        <v>42</v>
      </c>
      <c r="AI14569">
        <v>43</v>
      </c>
      <c r="AJ14569">
        <v>44</v>
      </c>
      <c r="AK14569">
        <v>45</v>
      </c>
      <c r="AL14569">
        <v>45</v>
      </c>
      <c r="AM14569">
        <v>46</v>
      </c>
      <c r="AN14569">
        <v>46</v>
      </c>
      <c r="AO14569">
        <v>47</v>
      </c>
      <c r="AP14569">
        <v>47</v>
      </c>
      <c r="AQ14569">
        <v>47</v>
      </c>
    </row>
    <row r="14570" spans="1:43">
      <c r="A14570" t="s">
        <v>9042</v>
      </c>
      <c r="B14570" t="s">
        <v>9043</v>
      </c>
      <c r="C14570" t="s">
        <v>9034</v>
      </c>
      <c r="D14570" t="s">
        <v>9035</v>
      </c>
      <c r="E14570" t="s">
        <v>8938</v>
      </c>
      <c r="F14570" t="s">
        <v>8939</v>
      </c>
      <c r="G14570" t="s">
        <v>80</v>
      </c>
      <c r="H14570" t="s">
        <v>81</v>
      </c>
      <c r="I14570" s="2">
        <v>0</v>
      </c>
      <c r="J14570" s="2">
        <v>1</v>
      </c>
      <c r="K14570" s="2">
        <v>0</v>
      </c>
      <c r="L14570" t="s">
        <v>82</v>
      </c>
      <c r="M14570" t="s">
        <v>83</v>
      </c>
      <c r="N14570" t="s">
        <v>84</v>
      </c>
      <c r="O14570" t="s">
        <v>85</v>
      </c>
      <c r="P14570" t="s">
        <v>86</v>
      </c>
      <c r="Q14570">
        <v>65</v>
      </c>
      <c r="R14570">
        <v>66</v>
      </c>
      <c r="S14570">
        <v>68</v>
      </c>
      <c r="T14570">
        <v>70</v>
      </c>
      <c r="U14570">
        <v>71</v>
      </c>
      <c r="V14570">
        <v>73</v>
      </c>
      <c r="W14570">
        <v>75</v>
      </c>
      <c r="X14570">
        <v>76</v>
      </c>
      <c r="Y14570">
        <v>78</v>
      </c>
      <c r="Z14570">
        <v>80</v>
      </c>
      <c r="AA14570">
        <v>82</v>
      </c>
      <c r="AB14570">
        <v>84</v>
      </c>
      <c r="AC14570">
        <v>86</v>
      </c>
      <c r="AD14570">
        <v>87</v>
      </c>
      <c r="AE14570">
        <v>89</v>
      </c>
      <c r="AF14570">
        <v>91</v>
      </c>
      <c r="AG14570">
        <v>93</v>
      </c>
      <c r="AH14570">
        <v>95</v>
      </c>
      <c r="AI14570">
        <v>97</v>
      </c>
      <c r="AJ14570">
        <v>99</v>
      </c>
      <c r="AK14570">
        <v>101</v>
      </c>
      <c r="AL14570">
        <v>102</v>
      </c>
      <c r="AM14570">
        <v>103</v>
      </c>
      <c r="AN14570">
        <v>104</v>
      </c>
      <c r="AO14570">
        <v>106</v>
      </c>
      <c r="AP14570">
        <v>107</v>
      </c>
      <c r="AQ14570">
        <v>108</v>
      </c>
    </row>
    <row r="14571" spans="1:43">
      <c r="A14571" t="s">
        <v>9042</v>
      </c>
      <c r="B14571" t="s">
        <v>9043</v>
      </c>
      <c r="C14571" t="s">
        <v>9034</v>
      </c>
      <c r="D14571" t="s">
        <v>9035</v>
      </c>
      <c r="E14571" t="s">
        <v>8938</v>
      </c>
      <c r="F14571" t="s">
        <v>8939</v>
      </c>
      <c r="G14571" t="s">
        <v>80</v>
      </c>
      <c r="H14571" t="s">
        <v>81</v>
      </c>
      <c r="I14571" s="2">
        <v>0</v>
      </c>
      <c r="J14571" s="2">
        <v>1</v>
      </c>
      <c r="K14571" s="2">
        <v>0</v>
      </c>
      <c r="L14571" t="s">
        <v>82</v>
      </c>
      <c r="M14571" t="s">
        <v>87</v>
      </c>
      <c r="N14571" t="s">
        <v>88</v>
      </c>
      <c r="O14571" t="s">
        <v>85</v>
      </c>
      <c r="P14571" t="s">
        <v>86</v>
      </c>
      <c r="Q14571">
        <v>65</v>
      </c>
      <c r="R14571">
        <v>66</v>
      </c>
      <c r="S14571">
        <v>67</v>
      </c>
      <c r="T14571">
        <v>68</v>
      </c>
      <c r="U14571">
        <v>69</v>
      </c>
      <c r="V14571">
        <v>70</v>
      </c>
      <c r="W14571">
        <v>71</v>
      </c>
      <c r="X14571">
        <v>72</v>
      </c>
      <c r="Y14571">
        <v>73</v>
      </c>
      <c r="Z14571">
        <v>74</v>
      </c>
      <c r="AA14571">
        <v>76</v>
      </c>
      <c r="AB14571">
        <v>77</v>
      </c>
      <c r="AC14571">
        <v>78</v>
      </c>
      <c r="AD14571">
        <v>79</v>
      </c>
      <c r="AE14571">
        <v>80</v>
      </c>
      <c r="AF14571">
        <v>81</v>
      </c>
      <c r="AG14571">
        <v>82</v>
      </c>
      <c r="AH14571">
        <v>84</v>
      </c>
      <c r="AI14571">
        <v>85</v>
      </c>
      <c r="AJ14571">
        <v>86</v>
      </c>
      <c r="AK14571">
        <v>87</v>
      </c>
      <c r="AL14571">
        <v>88</v>
      </c>
      <c r="AM14571">
        <v>89</v>
      </c>
      <c r="AN14571">
        <v>91</v>
      </c>
      <c r="AO14571">
        <v>92</v>
      </c>
      <c r="AP14571">
        <v>93</v>
      </c>
      <c r="AQ14571">
        <v>94</v>
      </c>
    </row>
    <row r="14572" spans="1:43">
      <c r="A14572" t="s">
        <v>9042</v>
      </c>
      <c r="B14572" t="s">
        <v>9043</v>
      </c>
      <c r="C14572" t="s">
        <v>9034</v>
      </c>
      <c r="D14572" t="s">
        <v>9035</v>
      </c>
      <c r="E14572" t="s">
        <v>8938</v>
      </c>
      <c r="F14572" t="s">
        <v>8939</v>
      </c>
      <c r="G14572" t="s">
        <v>80</v>
      </c>
      <c r="H14572" t="s">
        <v>81</v>
      </c>
      <c r="I14572" s="2">
        <v>0</v>
      </c>
      <c r="J14572" s="2">
        <v>1</v>
      </c>
      <c r="K14572" s="2">
        <v>0</v>
      </c>
      <c r="L14572" t="s">
        <v>82</v>
      </c>
      <c r="M14572" t="s">
        <v>89</v>
      </c>
      <c r="N14572" t="s">
        <v>90</v>
      </c>
      <c r="O14572" t="s">
        <v>85</v>
      </c>
      <c r="P14572" t="s">
        <v>86</v>
      </c>
      <c r="Q14572">
        <v>65</v>
      </c>
      <c r="R14572">
        <v>67</v>
      </c>
      <c r="S14572">
        <v>70</v>
      </c>
      <c r="T14572">
        <v>72</v>
      </c>
      <c r="U14572">
        <v>74</v>
      </c>
      <c r="V14572">
        <v>76</v>
      </c>
      <c r="W14572">
        <v>79</v>
      </c>
      <c r="X14572">
        <v>81</v>
      </c>
      <c r="Y14572">
        <v>83</v>
      </c>
      <c r="Z14572">
        <v>85</v>
      </c>
      <c r="AA14572">
        <v>87</v>
      </c>
      <c r="AB14572">
        <v>89</v>
      </c>
      <c r="AC14572">
        <v>92</v>
      </c>
      <c r="AD14572">
        <v>94</v>
      </c>
      <c r="AE14572">
        <v>96</v>
      </c>
      <c r="AF14572">
        <v>97</v>
      </c>
      <c r="AG14572">
        <v>98</v>
      </c>
      <c r="AH14572">
        <v>99</v>
      </c>
      <c r="AI14572">
        <v>100</v>
      </c>
      <c r="AJ14572">
        <v>101</v>
      </c>
      <c r="AK14572">
        <v>102</v>
      </c>
      <c r="AL14572">
        <v>103</v>
      </c>
      <c r="AM14572">
        <v>104</v>
      </c>
      <c r="AN14572">
        <v>105</v>
      </c>
      <c r="AO14572">
        <v>106</v>
      </c>
      <c r="AP14572">
        <v>107</v>
      </c>
      <c r="AQ14572">
        <v>108</v>
      </c>
    </row>
    <row r="14573" spans="1:43">
      <c r="A14573" t="s">
        <v>9042</v>
      </c>
      <c r="B14573" t="s">
        <v>9043</v>
      </c>
      <c r="C14573" t="s">
        <v>9034</v>
      </c>
      <c r="D14573" t="s">
        <v>9035</v>
      </c>
      <c r="E14573" t="s">
        <v>8938</v>
      </c>
      <c r="F14573" t="s">
        <v>8939</v>
      </c>
      <c r="G14573" t="s">
        <v>80</v>
      </c>
      <c r="H14573" t="s">
        <v>81</v>
      </c>
      <c r="I14573" s="2">
        <v>0</v>
      </c>
      <c r="J14573" s="2">
        <v>1</v>
      </c>
      <c r="K14573" s="2">
        <v>0</v>
      </c>
      <c r="L14573" t="s">
        <v>82</v>
      </c>
      <c r="M14573" t="s">
        <v>83</v>
      </c>
      <c r="N14573" t="s">
        <v>91</v>
      </c>
      <c r="O14573" t="s">
        <v>85</v>
      </c>
      <c r="P14573" t="s">
        <v>86</v>
      </c>
      <c r="Q14573">
        <v>65</v>
      </c>
      <c r="R14573">
        <v>66</v>
      </c>
      <c r="S14573">
        <v>68</v>
      </c>
      <c r="T14573">
        <v>70</v>
      </c>
      <c r="U14573">
        <v>71</v>
      </c>
      <c r="V14573">
        <v>73</v>
      </c>
      <c r="W14573">
        <v>75</v>
      </c>
      <c r="X14573">
        <v>76</v>
      </c>
      <c r="Y14573">
        <v>78</v>
      </c>
      <c r="Z14573">
        <v>80</v>
      </c>
      <c r="AA14573">
        <v>82</v>
      </c>
      <c r="AB14573">
        <v>84</v>
      </c>
      <c r="AC14573">
        <v>86</v>
      </c>
      <c r="AD14573">
        <v>87</v>
      </c>
      <c r="AE14573">
        <v>89</v>
      </c>
      <c r="AF14573">
        <v>91</v>
      </c>
      <c r="AG14573">
        <v>93</v>
      </c>
      <c r="AH14573">
        <v>95</v>
      </c>
      <c r="AI14573">
        <v>97</v>
      </c>
      <c r="AJ14573">
        <v>99</v>
      </c>
      <c r="AK14573">
        <v>101</v>
      </c>
      <c r="AL14573">
        <v>102</v>
      </c>
      <c r="AM14573">
        <v>103</v>
      </c>
      <c r="AN14573">
        <v>104</v>
      </c>
      <c r="AO14573">
        <v>106</v>
      </c>
      <c r="AP14573">
        <v>107</v>
      </c>
      <c r="AQ14573">
        <v>108</v>
      </c>
    </row>
    <row r="14574" spans="1:43">
      <c r="A14574" t="s">
        <v>9044</v>
      </c>
      <c r="B14574" t="s">
        <v>9045</v>
      </c>
      <c r="C14574" t="s">
        <v>9040</v>
      </c>
      <c r="D14574" t="s">
        <v>9041</v>
      </c>
      <c r="E14574" t="s">
        <v>8938</v>
      </c>
      <c r="F14574" t="s">
        <v>8939</v>
      </c>
      <c r="G14574" t="s">
        <v>80</v>
      </c>
      <c r="H14574" t="s">
        <v>81</v>
      </c>
      <c r="I14574" s="2">
        <v>0</v>
      </c>
      <c r="J14574" s="2">
        <v>1</v>
      </c>
      <c r="K14574" s="2">
        <v>0</v>
      </c>
      <c r="L14574" t="s">
        <v>82</v>
      </c>
      <c r="M14574" t="s">
        <v>83</v>
      </c>
      <c r="N14574" t="s">
        <v>84</v>
      </c>
      <c r="O14574" t="s">
        <v>85</v>
      </c>
      <c r="P14574" t="s">
        <v>86</v>
      </c>
      <c r="Q14574">
        <v>28</v>
      </c>
      <c r="R14574">
        <v>29</v>
      </c>
      <c r="S14574">
        <v>29</v>
      </c>
      <c r="T14574">
        <v>30</v>
      </c>
      <c r="U14574">
        <v>31</v>
      </c>
      <c r="V14574">
        <v>32</v>
      </c>
      <c r="W14574">
        <v>32</v>
      </c>
      <c r="X14574">
        <v>33</v>
      </c>
      <c r="Y14574">
        <v>34</v>
      </c>
      <c r="Z14574">
        <v>35</v>
      </c>
      <c r="AA14574">
        <v>36</v>
      </c>
      <c r="AB14574">
        <v>36</v>
      </c>
      <c r="AC14574">
        <v>37</v>
      </c>
      <c r="AD14574">
        <v>38</v>
      </c>
      <c r="AE14574">
        <v>39</v>
      </c>
      <c r="AF14574">
        <v>40</v>
      </c>
      <c r="AG14574">
        <v>40</v>
      </c>
      <c r="AH14574">
        <v>41</v>
      </c>
      <c r="AI14574">
        <v>42</v>
      </c>
      <c r="AJ14574">
        <v>43</v>
      </c>
      <c r="AK14574">
        <v>44</v>
      </c>
      <c r="AL14574">
        <v>44</v>
      </c>
      <c r="AM14574">
        <v>45</v>
      </c>
      <c r="AN14574">
        <v>45</v>
      </c>
      <c r="AO14574">
        <v>46</v>
      </c>
      <c r="AP14574">
        <v>46</v>
      </c>
      <c r="AQ14574">
        <v>47</v>
      </c>
    </row>
    <row r="14575" spans="1:43">
      <c r="A14575" t="s">
        <v>9044</v>
      </c>
      <c r="B14575" t="s">
        <v>9045</v>
      </c>
      <c r="C14575" t="s">
        <v>9040</v>
      </c>
      <c r="D14575" t="s">
        <v>9041</v>
      </c>
      <c r="E14575" t="s">
        <v>8938</v>
      </c>
      <c r="F14575" t="s">
        <v>8939</v>
      </c>
      <c r="G14575" t="s">
        <v>80</v>
      </c>
      <c r="H14575" t="s">
        <v>81</v>
      </c>
      <c r="I14575" s="2">
        <v>0</v>
      </c>
      <c r="J14575" s="2">
        <v>1</v>
      </c>
      <c r="K14575" s="2">
        <v>0</v>
      </c>
      <c r="L14575" t="s">
        <v>82</v>
      </c>
      <c r="M14575" t="s">
        <v>87</v>
      </c>
      <c r="N14575" t="s">
        <v>88</v>
      </c>
      <c r="O14575" t="s">
        <v>85</v>
      </c>
      <c r="P14575" t="s">
        <v>86</v>
      </c>
      <c r="Q14575">
        <v>28</v>
      </c>
      <c r="R14575">
        <v>28</v>
      </c>
      <c r="S14575">
        <v>29</v>
      </c>
      <c r="T14575">
        <v>29</v>
      </c>
      <c r="U14575">
        <v>30</v>
      </c>
      <c r="V14575">
        <v>30</v>
      </c>
      <c r="W14575">
        <v>30</v>
      </c>
      <c r="X14575">
        <v>31</v>
      </c>
      <c r="Y14575">
        <v>31</v>
      </c>
      <c r="Z14575">
        <v>32</v>
      </c>
      <c r="AA14575">
        <v>32</v>
      </c>
      <c r="AB14575">
        <v>33</v>
      </c>
      <c r="AC14575">
        <v>33</v>
      </c>
      <c r="AD14575">
        <v>34</v>
      </c>
      <c r="AE14575">
        <v>34</v>
      </c>
      <c r="AF14575">
        <v>35</v>
      </c>
      <c r="AG14575">
        <v>35</v>
      </c>
      <c r="AH14575">
        <v>36</v>
      </c>
      <c r="AI14575">
        <v>36</v>
      </c>
      <c r="AJ14575">
        <v>37</v>
      </c>
      <c r="AK14575">
        <v>37</v>
      </c>
      <c r="AL14575">
        <v>38</v>
      </c>
      <c r="AM14575">
        <v>38</v>
      </c>
      <c r="AN14575">
        <v>39</v>
      </c>
      <c r="AO14575">
        <v>39</v>
      </c>
      <c r="AP14575">
        <v>40</v>
      </c>
      <c r="AQ14575">
        <v>41</v>
      </c>
    </row>
    <row r="14576" spans="1:43">
      <c r="A14576" t="s">
        <v>9044</v>
      </c>
      <c r="B14576" t="s">
        <v>9045</v>
      </c>
      <c r="C14576" t="s">
        <v>9040</v>
      </c>
      <c r="D14576" t="s">
        <v>9041</v>
      </c>
      <c r="E14576" t="s">
        <v>8938</v>
      </c>
      <c r="F14576" t="s">
        <v>8939</v>
      </c>
      <c r="G14576" t="s">
        <v>80</v>
      </c>
      <c r="H14576" t="s">
        <v>81</v>
      </c>
      <c r="I14576" s="2">
        <v>0</v>
      </c>
      <c r="J14576" s="2">
        <v>1</v>
      </c>
      <c r="K14576" s="2">
        <v>0</v>
      </c>
      <c r="L14576" t="s">
        <v>82</v>
      </c>
      <c r="M14576" t="s">
        <v>89</v>
      </c>
      <c r="N14576" t="s">
        <v>90</v>
      </c>
      <c r="O14576" t="s">
        <v>85</v>
      </c>
      <c r="P14576" t="s">
        <v>86</v>
      </c>
      <c r="Q14576">
        <v>28</v>
      </c>
      <c r="R14576">
        <v>29</v>
      </c>
      <c r="S14576">
        <v>30</v>
      </c>
      <c r="T14576">
        <v>31</v>
      </c>
      <c r="U14576">
        <v>32</v>
      </c>
      <c r="V14576">
        <v>33</v>
      </c>
      <c r="W14576">
        <v>34</v>
      </c>
      <c r="X14576">
        <v>35</v>
      </c>
      <c r="Y14576">
        <v>36</v>
      </c>
      <c r="Z14576">
        <v>37</v>
      </c>
      <c r="AA14576">
        <v>38</v>
      </c>
      <c r="AB14576">
        <v>39</v>
      </c>
      <c r="AC14576">
        <v>40</v>
      </c>
      <c r="AD14576">
        <v>41</v>
      </c>
      <c r="AE14576">
        <v>42</v>
      </c>
      <c r="AF14576">
        <v>42</v>
      </c>
      <c r="AG14576">
        <v>43</v>
      </c>
      <c r="AH14576">
        <v>43</v>
      </c>
      <c r="AI14576">
        <v>43</v>
      </c>
      <c r="AJ14576">
        <v>44</v>
      </c>
      <c r="AK14576">
        <v>44</v>
      </c>
      <c r="AL14576">
        <v>45</v>
      </c>
      <c r="AM14576">
        <v>45</v>
      </c>
      <c r="AN14576">
        <v>46</v>
      </c>
      <c r="AO14576">
        <v>46</v>
      </c>
      <c r="AP14576">
        <v>47</v>
      </c>
      <c r="AQ14576">
        <v>47</v>
      </c>
    </row>
    <row r="14577" spans="1:43">
      <c r="A14577" t="s">
        <v>9044</v>
      </c>
      <c r="B14577" t="s">
        <v>9045</v>
      </c>
      <c r="C14577" t="s">
        <v>9040</v>
      </c>
      <c r="D14577" t="s">
        <v>9041</v>
      </c>
      <c r="E14577" t="s">
        <v>8938</v>
      </c>
      <c r="F14577" t="s">
        <v>8939</v>
      </c>
      <c r="G14577" t="s">
        <v>80</v>
      </c>
      <c r="H14577" t="s">
        <v>81</v>
      </c>
      <c r="I14577" s="2">
        <v>0</v>
      </c>
      <c r="J14577" s="2">
        <v>1</v>
      </c>
      <c r="K14577" s="2">
        <v>0</v>
      </c>
      <c r="L14577" t="s">
        <v>82</v>
      </c>
      <c r="M14577" t="s">
        <v>83</v>
      </c>
      <c r="N14577" t="s">
        <v>91</v>
      </c>
      <c r="O14577" t="s">
        <v>85</v>
      </c>
      <c r="P14577" t="s">
        <v>86</v>
      </c>
      <c r="Q14577">
        <v>28</v>
      </c>
      <c r="R14577">
        <v>29</v>
      </c>
      <c r="S14577">
        <v>29</v>
      </c>
      <c r="T14577">
        <v>30</v>
      </c>
      <c r="U14577">
        <v>31</v>
      </c>
      <c r="V14577">
        <v>32</v>
      </c>
      <c r="W14577">
        <v>32</v>
      </c>
      <c r="X14577">
        <v>33</v>
      </c>
      <c r="Y14577">
        <v>34</v>
      </c>
      <c r="Z14577">
        <v>35</v>
      </c>
      <c r="AA14577">
        <v>36</v>
      </c>
      <c r="AB14577">
        <v>36</v>
      </c>
      <c r="AC14577">
        <v>37</v>
      </c>
      <c r="AD14577">
        <v>38</v>
      </c>
      <c r="AE14577">
        <v>39</v>
      </c>
      <c r="AF14577">
        <v>40</v>
      </c>
      <c r="AG14577">
        <v>40</v>
      </c>
      <c r="AH14577">
        <v>41</v>
      </c>
      <c r="AI14577">
        <v>42</v>
      </c>
      <c r="AJ14577">
        <v>43</v>
      </c>
      <c r="AK14577">
        <v>44</v>
      </c>
      <c r="AL14577">
        <v>44</v>
      </c>
      <c r="AM14577">
        <v>45</v>
      </c>
      <c r="AN14577">
        <v>45</v>
      </c>
      <c r="AO14577">
        <v>46</v>
      </c>
      <c r="AP14577">
        <v>46</v>
      </c>
      <c r="AQ14577">
        <v>47</v>
      </c>
    </row>
    <row r="14578" spans="1:43">
      <c r="A14578" t="s">
        <v>9046</v>
      </c>
      <c r="B14578" t="s">
        <v>9047</v>
      </c>
      <c r="C14578" t="s">
        <v>9040</v>
      </c>
      <c r="D14578" t="s">
        <v>9041</v>
      </c>
      <c r="E14578" t="s">
        <v>8938</v>
      </c>
      <c r="F14578" t="s">
        <v>8939</v>
      </c>
      <c r="G14578" t="s">
        <v>80</v>
      </c>
      <c r="H14578" t="s">
        <v>81</v>
      </c>
      <c r="I14578" s="2">
        <v>0</v>
      </c>
      <c r="J14578" s="2">
        <v>1</v>
      </c>
      <c r="K14578" s="2">
        <v>0</v>
      </c>
      <c r="L14578" t="s">
        <v>82</v>
      </c>
      <c r="M14578" t="s">
        <v>83</v>
      </c>
      <c r="N14578" t="s">
        <v>84</v>
      </c>
      <c r="O14578" t="s">
        <v>85</v>
      </c>
      <c r="P14578" t="s">
        <v>86</v>
      </c>
      <c r="Q14578">
        <v>13</v>
      </c>
      <c r="R14578">
        <v>14</v>
      </c>
      <c r="S14578">
        <v>14</v>
      </c>
      <c r="T14578">
        <v>14</v>
      </c>
      <c r="U14578">
        <v>15</v>
      </c>
      <c r="V14578">
        <v>15</v>
      </c>
      <c r="W14578">
        <v>15</v>
      </c>
      <c r="X14578">
        <v>16</v>
      </c>
      <c r="Y14578">
        <v>16</v>
      </c>
      <c r="Z14578">
        <v>16</v>
      </c>
      <c r="AA14578">
        <v>17</v>
      </c>
      <c r="AB14578">
        <v>17</v>
      </c>
      <c r="AC14578">
        <v>18</v>
      </c>
      <c r="AD14578">
        <v>18</v>
      </c>
      <c r="AE14578">
        <v>18</v>
      </c>
      <c r="AF14578">
        <v>19</v>
      </c>
      <c r="AG14578">
        <v>19</v>
      </c>
      <c r="AH14578">
        <v>20</v>
      </c>
      <c r="AI14578">
        <v>20</v>
      </c>
      <c r="AJ14578">
        <v>20</v>
      </c>
      <c r="AK14578">
        <v>21</v>
      </c>
      <c r="AL14578">
        <v>21</v>
      </c>
      <c r="AM14578">
        <v>21</v>
      </c>
      <c r="AN14578">
        <v>22</v>
      </c>
      <c r="AO14578">
        <v>22</v>
      </c>
      <c r="AP14578">
        <v>22</v>
      </c>
      <c r="AQ14578">
        <v>22</v>
      </c>
    </row>
    <row r="14579" spans="1:43">
      <c r="A14579" t="s">
        <v>9046</v>
      </c>
      <c r="B14579" t="s">
        <v>9047</v>
      </c>
      <c r="C14579" t="s">
        <v>9040</v>
      </c>
      <c r="D14579" t="s">
        <v>9041</v>
      </c>
      <c r="E14579" t="s">
        <v>8938</v>
      </c>
      <c r="F14579" t="s">
        <v>8939</v>
      </c>
      <c r="G14579" t="s">
        <v>80</v>
      </c>
      <c r="H14579" t="s">
        <v>81</v>
      </c>
      <c r="I14579" s="2">
        <v>0</v>
      </c>
      <c r="J14579" s="2">
        <v>1</v>
      </c>
      <c r="K14579" s="2">
        <v>0</v>
      </c>
      <c r="L14579" t="s">
        <v>82</v>
      </c>
      <c r="M14579" t="s">
        <v>87</v>
      </c>
      <c r="N14579" t="s">
        <v>88</v>
      </c>
      <c r="O14579" t="s">
        <v>85</v>
      </c>
      <c r="P14579" t="s">
        <v>86</v>
      </c>
      <c r="Q14579">
        <v>13</v>
      </c>
      <c r="R14579">
        <v>13</v>
      </c>
      <c r="S14579">
        <v>14</v>
      </c>
      <c r="T14579">
        <v>14</v>
      </c>
      <c r="U14579">
        <v>14</v>
      </c>
      <c r="V14579">
        <v>14</v>
      </c>
      <c r="W14579">
        <v>14</v>
      </c>
      <c r="X14579">
        <v>15</v>
      </c>
      <c r="Y14579">
        <v>15</v>
      </c>
      <c r="Z14579">
        <v>15</v>
      </c>
      <c r="AA14579">
        <v>15</v>
      </c>
      <c r="AB14579">
        <v>16</v>
      </c>
      <c r="AC14579">
        <v>16</v>
      </c>
      <c r="AD14579">
        <v>16</v>
      </c>
      <c r="AE14579">
        <v>16</v>
      </c>
      <c r="AF14579">
        <v>17</v>
      </c>
      <c r="AG14579">
        <v>17</v>
      </c>
      <c r="AH14579">
        <v>17</v>
      </c>
      <c r="AI14579">
        <v>17</v>
      </c>
      <c r="AJ14579">
        <v>17</v>
      </c>
      <c r="AK14579">
        <v>18</v>
      </c>
      <c r="AL14579">
        <v>18</v>
      </c>
      <c r="AM14579">
        <v>18</v>
      </c>
      <c r="AN14579">
        <v>18</v>
      </c>
      <c r="AO14579">
        <v>19</v>
      </c>
      <c r="AP14579">
        <v>19</v>
      </c>
      <c r="AQ14579">
        <v>19</v>
      </c>
    </row>
    <row r="14580" spans="1:43">
      <c r="A14580" t="s">
        <v>9046</v>
      </c>
      <c r="B14580" t="s">
        <v>9047</v>
      </c>
      <c r="C14580" t="s">
        <v>9040</v>
      </c>
      <c r="D14580" t="s">
        <v>9041</v>
      </c>
      <c r="E14580" t="s">
        <v>8938</v>
      </c>
      <c r="F14580" t="s">
        <v>8939</v>
      </c>
      <c r="G14580" t="s">
        <v>80</v>
      </c>
      <c r="H14580" t="s">
        <v>81</v>
      </c>
      <c r="I14580" s="2">
        <v>0</v>
      </c>
      <c r="J14580" s="2">
        <v>1</v>
      </c>
      <c r="K14580" s="2">
        <v>0</v>
      </c>
      <c r="L14580" t="s">
        <v>82</v>
      </c>
      <c r="M14580" t="s">
        <v>89</v>
      </c>
      <c r="N14580" t="s">
        <v>90</v>
      </c>
      <c r="O14580" t="s">
        <v>85</v>
      </c>
      <c r="P14580" t="s">
        <v>86</v>
      </c>
      <c r="Q14580">
        <v>13</v>
      </c>
      <c r="R14580">
        <v>14</v>
      </c>
      <c r="S14580">
        <v>14</v>
      </c>
      <c r="T14580">
        <v>15</v>
      </c>
      <c r="U14580">
        <v>15</v>
      </c>
      <c r="V14580">
        <v>16</v>
      </c>
      <c r="W14580">
        <v>16</v>
      </c>
      <c r="X14580">
        <v>17</v>
      </c>
      <c r="Y14580">
        <v>17</v>
      </c>
      <c r="Z14580">
        <v>18</v>
      </c>
      <c r="AA14580">
        <v>18</v>
      </c>
      <c r="AB14580">
        <v>18</v>
      </c>
      <c r="AC14580">
        <v>19</v>
      </c>
      <c r="AD14580">
        <v>19</v>
      </c>
      <c r="AE14580">
        <v>20</v>
      </c>
      <c r="AF14580">
        <v>20</v>
      </c>
      <c r="AG14580">
        <v>20</v>
      </c>
      <c r="AH14580">
        <v>20</v>
      </c>
      <c r="AI14580">
        <v>21</v>
      </c>
      <c r="AJ14580">
        <v>21</v>
      </c>
      <c r="AK14580">
        <v>21</v>
      </c>
      <c r="AL14580">
        <v>21</v>
      </c>
      <c r="AM14580">
        <v>21</v>
      </c>
      <c r="AN14580">
        <v>22</v>
      </c>
      <c r="AO14580">
        <v>22</v>
      </c>
      <c r="AP14580">
        <v>22</v>
      </c>
      <c r="AQ14580">
        <v>22</v>
      </c>
    </row>
    <row r="14581" spans="1:43">
      <c r="A14581" t="s">
        <v>9046</v>
      </c>
      <c r="B14581" t="s">
        <v>9047</v>
      </c>
      <c r="C14581" t="s">
        <v>9040</v>
      </c>
      <c r="D14581" t="s">
        <v>9041</v>
      </c>
      <c r="E14581" t="s">
        <v>8938</v>
      </c>
      <c r="F14581" t="s">
        <v>8939</v>
      </c>
      <c r="G14581" t="s">
        <v>80</v>
      </c>
      <c r="H14581" t="s">
        <v>81</v>
      </c>
      <c r="I14581" s="2">
        <v>0</v>
      </c>
      <c r="J14581" s="2">
        <v>1</v>
      </c>
      <c r="K14581" s="2">
        <v>0</v>
      </c>
      <c r="L14581" t="s">
        <v>82</v>
      </c>
      <c r="M14581" t="s">
        <v>83</v>
      </c>
      <c r="N14581" t="s">
        <v>91</v>
      </c>
      <c r="O14581" t="s">
        <v>85</v>
      </c>
      <c r="P14581" t="s">
        <v>86</v>
      </c>
      <c r="Q14581">
        <v>13</v>
      </c>
      <c r="R14581">
        <v>14</v>
      </c>
      <c r="S14581">
        <v>14</v>
      </c>
      <c r="T14581">
        <v>14</v>
      </c>
      <c r="U14581">
        <v>15</v>
      </c>
      <c r="V14581">
        <v>15</v>
      </c>
      <c r="W14581">
        <v>15</v>
      </c>
      <c r="X14581">
        <v>16</v>
      </c>
      <c r="Y14581">
        <v>16</v>
      </c>
      <c r="Z14581">
        <v>16</v>
      </c>
      <c r="AA14581">
        <v>17</v>
      </c>
      <c r="AB14581">
        <v>17</v>
      </c>
      <c r="AC14581">
        <v>18</v>
      </c>
      <c r="AD14581">
        <v>18</v>
      </c>
      <c r="AE14581">
        <v>18</v>
      </c>
      <c r="AF14581">
        <v>19</v>
      </c>
      <c r="AG14581">
        <v>19</v>
      </c>
      <c r="AH14581">
        <v>20</v>
      </c>
      <c r="AI14581">
        <v>20</v>
      </c>
      <c r="AJ14581">
        <v>20</v>
      </c>
      <c r="AK14581">
        <v>21</v>
      </c>
      <c r="AL14581">
        <v>21</v>
      </c>
      <c r="AM14581">
        <v>21</v>
      </c>
      <c r="AN14581">
        <v>22</v>
      </c>
      <c r="AO14581">
        <v>22</v>
      </c>
      <c r="AP14581">
        <v>22</v>
      </c>
      <c r="AQ14581">
        <v>22</v>
      </c>
    </row>
    <row r="14582" spans="1:43">
      <c r="A14582" t="s">
        <v>9048</v>
      </c>
      <c r="B14582" t="s">
        <v>9049</v>
      </c>
      <c r="C14582" t="s">
        <v>9050</v>
      </c>
      <c r="D14582" t="s">
        <v>9051</v>
      </c>
      <c r="E14582" t="s">
        <v>8938</v>
      </c>
      <c r="F14582" t="s">
        <v>8939</v>
      </c>
      <c r="G14582" t="s">
        <v>80</v>
      </c>
      <c r="H14582" t="s">
        <v>81</v>
      </c>
      <c r="I14582" s="2">
        <v>0</v>
      </c>
      <c r="J14582" s="2">
        <v>1</v>
      </c>
      <c r="K14582" s="2">
        <v>0</v>
      </c>
      <c r="L14582" t="s">
        <v>82</v>
      </c>
      <c r="M14582" t="s">
        <v>83</v>
      </c>
      <c r="N14582" t="s">
        <v>84</v>
      </c>
      <c r="O14582" t="s">
        <v>85</v>
      </c>
      <c r="P14582" t="s">
        <v>86</v>
      </c>
      <c r="Q14582">
        <v>57</v>
      </c>
      <c r="R14582">
        <v>59</v>
      </c>
      <c r="S14582">
        <v>60</v>
      </c>
      <c r="T14582">
        <v>61</v>
      </c>
      <c r="U14582">
        <v>63</v>
      </c>
      <c r="V14582">
        <v>65</v>
      </c>
      <c r="W14582">
        <v>66</v>
      </c>
      <c r="X14582">
        <v>68</v>
      </c>
      <c r="Y14582">
        <v>69</v>
      </c>
      <c r="Z14582">
        <v>71</v>
      </c>
      <c r="AA14582">
        <v>72</v>
      </c>
      <c r="AB14582">
        <v>74</v>
      </c>
      <c r="AC14582">
        <v>76</v>
      </c>
      <c r="AD14582">
        <v>77</v>
      </c>
      <c r="AE14582">
        <v>79</v>
      </c>
      <c r="AF14582">
        <v>81</v>
      </c>
      <c r="AG14582">
        <v>82</v>
      </c>
      <c r="AH14582">
        <v>84</v>
      </c>
      <c r="AI14582">
        <v>86</v>
      </c>
      <c r="AJ14582">
        <v>88</v>
      </c>
      <c r="AK14582">
        <v>89</v>
      </c>
      <c r="AL14582">
        <v>91</v>
      </c>
      <c r="AM14582">
        <v>92</v>
      </c>
      <c r="AN14582">
        <v>92</v>
      </c>
      <c r="AO14582">
        <v>93</v>
      </c>
      <c r="AP14582">
        <v>94</v>
      </c>
      <c r="AQ14582">
        <v>95</v>
      </c>
    </row>
    <row r="14583" spans="1:43">
      <c r="A14583" t="s">
        <v>9048</v>
      </c>
      <c r="B14583" t="s">
        <v>9049</v>
      </c>
      <c r="C14583" t="s">
        <v>9050</v>
      </c>
      <c r="D14583" t="s">
        <v>9051</v>
      </c>
      <c r="E14583" t="s">
        <v>8938</v>
      </c>
      <c r="F14583" t="s">
        <v>8939</v>
      </c>
      <c r="G14583" t="s">
        <v>80</v>
      </c>
      <c r="H14583" t="s">
        <v>81</v>
      </c>
      <c r="I14583" s="2">
        <v>0</v>
      </c>
      <c r="J14583" s="2">
        <v>1</v>
      </c>
      <c r="K14583" s="2">
        <v>0</v>
      </c>
      <c r="L14583" t="s">
        <v>82</v>
      </c>
      <c r="M14583" t="s">
        <v>87</v>
      </c>
      <c r="N14583" t="s">
        <v>88</v>
      </c>
      <c r="O14583" t="s">
        <v>85</v>
      </c>
      <c r="P14583" t="s">
        <v>86</v>
      </c>
      <c r="Q14583">
        <v>57</v>
      </c>
      <c r="R14583">
        <v>57</v>
      </c>
      <c r="S14583">
        <v>58</v>
      </c>
      <c r="T14583">
        <v>59</v>
      </c>
      <c r="U14583">
        <v>60</v>
      </c>
      <c r="V14583">
        <v>61</v>
      </c>
      <c r="W14583">
        <v>62</v>
      </c>
      <c r="X14583">
        <v>63</v>
      </c>
      <c r="Y14583">
        <v>64</v>
      </c>
      <c r="Z14583">
        <v>65</v>
      </c>
      <c r="AA14583">
        <v>66</v>
      </c>
      <c r="AB14583">
        <v>67</v>
      </c>
      <c r="AC14583">
        <v>68</v>
      </c>
      <c r="AD14583">
        <v>69</v>
      </c>
      <c r="AE14583">
        <v>70</v>
      </c>
      <c r="AF14583">
        <v>71</v>
      </c>
      <c r="AG14583">
        <v>72</v>
      </c>
      <c r="AH14583">
        <v>73</v>
      </c>
      <c r="AI14583">
        <v>74</v>
      </c>
      <c r="AJ14583">
        <v>75</v>
      </c>
      <c r="AK14583">
        <v>76</v>
      </c>
      <c r="AL14583">
        <v>77</v>
      </c>
      <c r="AM14583">
        <v>78</v>
      </c>
      <c r="AN14583">
        <v>79</v>
      </c>
      <c r="AO14583">
        <v>80</v>
      </c>
      <c r="AP14583">
        <v>81</v>
      </c>
      <c r="AQ14583">
        <v>83</v>
      </c>
    </row>
    <row r="14584" spans="1:43">
      <c r="A14584" t="s">
        <v>9048</v>
      </c>
      <c r="B14584" t="s">
        <v>9049</v>
      </c>
      <c r="C14584" t="s">
        <v>9050</v>
      </c>
      <c r="D14584" t="s">
        <v>9051</v>
      </c>
      <c r="E14584" t="s">
        <v>8938</v>
      </c>
      <c r="F14584" t="s">
        <v>8939</v>
      </c>
      <c r="G14584" t="s">
        <v>80</v>
      </c>
      <c r="H14584" t="s">
        <v>81</v>
      </c>
      <c r="I14584" s="2">
        <v>0</v>
      </c>
      <c r="J14584" s="2">
        <v>1</v>
      </c>
      <c r="K14584" s="2">
        <v>0</v>
      </c>
      <c r="L14584" t="s">
        <v>82</v>
      </c>
      <c r="M14584" t="s">
        <v>89</v>
      </c>
      <c r="N14584" t="s">
        <v>90</v>
      </c>
      <c r="O14584" t="s">
        <v>85</v>
      </c>
      <c r="P14584" t="s">
        <v>86</v>
      </c>
      <c r="Q14584">
        <v>57</v>
      </c>
      <c r="R14584">
        <v>59</v>
      </c>
      <c r="S14584">
        <v>61</v>
      </c>
      <c r="T14584">
        <v>63</v>
      </c>
      <c r="U14584">
        <v>64</v>
      </c>
      <c r="V14584">
        <v>66</v>
      </c>
      <c r="W14584">
        <v>68</v>
      </c>
      <c r="X14584">
        <v>70</v>
      </c>
      <c r="Y14584">
        <v>72</v>
      </c>
      <c r="Z14584">
        <v>74</v>
      </c>
      <c r="AA14584">
        <v>76</v>
      </c>
      <c r="AB14584">
        <v>78</v>
      </c>
      <c r="AC14584">
        <v>80</v>
      </c>
      <c r="AD14584">
        <v>82</v>
      </c>
      <c r="AE14584">
        <v>84</v>
      </c>
      <c r="AF14584">
        <v>85</v>
      </c>
      <c r="AG14584">
        <v>86</v>
      </c>
      <c r="AH14584">
        <v>87</v>
      </c>
      <c r="AI14584">
        <v>87</v>
      </c>
      <c r="AJ14584">
        <v>88</v>
      </c>
      <c r="AK14584">
        <v>89</v>
      </c>
      <c r="AL14584">
        <v>90</v>
      </c>
      <c r="AM14584">
        <v>91</v>
      </c>
      <c r="AN14584">
        <v>92</v>
      </c>
      <c r="AO14584">
        <v>93</v>
      </c>
      <c r="AP14584">
        <v>94</v>
      </c>
      <c r="AQ14584">
        <v>95</v>
      </c>
    </row>
    <row r="14585" spans="1:43">
      <c r="A14585" t="s">
        <v>9048</v>
      </c>
      <c r="B14585" t="s">
        <v>9049</v>
      </c>
      <c r="C14585" t="s">
        <v>9050</v>
      </c>
      <c r="D14585" t="s">
        <v>9051</v>
      </c>
      <c r="E14585" t="s">
        <v>8938</v>
      </c>
      <c r="F14585" t="s">
        <v>8939</v>
      </c>
      <c r="G14585" t="s">
        <v>80</v>
      </c>
      <c r="H14585" t="s">
        <v>81</v>
      </c>
      <c r="I14585" s="2">
        <v>0</v>
      </c>
      <c r="J14585" s="2">
        <v>1</v>
      </c>
      <c r="K14585" s="2">
        <v>0</v>
      </c>
      <c r="L14585" t="s">
        <v>82</v>
      </c>
      <c r="M14585" t="s">
        <v>83</v>
      </c>
      <c r="N14585" t="s">
        <v>91</v>
      </c>
      <c r="O14585" t="s">
        <v>85</v>
      </c>
      <c r="P14585" t="s">
        <v>86</v>
      </c>
      <c r="Q14585">
        <v>57</v>
      </c>
      <c r="R14585">
        <v>59</v>
      </c>
      <c r="S14585">
        <v>60</v>
      </c>
      <c r="T14585">
        <v>61</v>
      </c>
      <c r="U14585">
        <v>63</v>
      </c>
      <c r="V14585">
        <v>65</v>
      </c>
      <c r="W14585">
        <v>66</v>
      </c>
      <c r="X14585">
        <v>68</v>
      </c>
      <c r="Y14585">
        <v>69</v>
      </c>
      <c r="Z14585">
        <v>71</v>
      </c>
      <c r="AA14585">
        <v>72</v>
      </c>
      <c r="AB14585">
        <v>74</v>
      </c>
      <c r="AC14585">
        <v>76</v>
      </c>
      <c r="AD14585">
        <v>77</v>
      </c>
      <c r="AE14585">
        <v>79</v>
      </c>
      <c r="AF14585">
        <v>81</v>
      </c>
      <c r="AG14585">
        <v>82</v>
      </c>
      <c r="AH14585">
        <v>84</v>
      </c>
      <c r="AI14585">
        <v>86</v>
      </c>
      <c r="AJ14585">
        <v>88</v>
      </c>
      <c r="AK14585">
        <v>89</v>
      </c>
      <c r="AL14585">
        <v>91</v>
      </c>
      <c r="AM14585">
        <v>92</v>
      </c>
      <c r="AN14585">
        <v>92</v>
      </c>
      <c r="AO14585">
        <v>93</v>
      </c>
      <c r="AP14585">
        <v>94</v>
      </c>
      <c r="AQ14585">
        <v>95</v>
      </c>
    </row>
    <row r="14586" spans="1:43">
      <c r="A14586" t="s">
        <v>9052</v>
      </c>
      <c r="B14586" t="s">
        <v>9053</v>
      </c>
      <c r="C14586" t="s">
        <v>9050</v>
      </c>
      <c r="D14586" t="s">
        <v>9051</v>
      </c>
      <c r="E14586" t="s">
        <v>8938</v>
      </c>
      <c r="F14586" t="s">
        <v>8939</v>
      </c>
      <c r="G14586" t="s">
        <v>80</v>
      </c>
      <c r="H14586" t="s">
        <v>81</v>
      </c>
      <c r="I14586" s="2">
        <v>0</v>
      </c>
      <c r="J14586" s="2">
        <v>1</v>
      </c>
      <c r="K14586" s="2">
        <v>0</v>
      </c>
      <c r="L14586" t="s">
        <v>82</v>
      </c>
      <c r="M14586" t="s">
        <v>83</v>
      </c>
      <c r="N14586" t="s">
        <v>84</v>
      </c>
      <c r="O14586" t="s">
        <v>85</v>
      </c>
      <c r="P14586" t="s">
        <v>86</v>
      </c>
      <c r="Q14586">
        <v>75</v>
      </c>
      <c r="R14586">
        <v>76</v>
      </c>
      <c r="S14586">
        <v>78</v>
      </c>
      <c r="T14586">
        <v>80</v>
      </c>
      <c r="U14586">
        <v>82</v>
      </c>
      <c r="V14586">
        <v>84</v>
      </c>
      <c r="W14586">
        <v>86</v>
      </c>
      <c r="X14586">
        <v>89</v>
      </c>
      <c r="Y14586">
        <v>91</v>
      </c>
      <c r="Z14586">
        <v>93</v>
      </c>
      <c r="AA14586">
        <v>95</v>
      </c>
      <c r="AB14586">
        <v>97</v>
      </c>
      <c r="AC14586">
        <v>99</v>
      </c>
      <c r="AD14586">
        <v>101</v>
      </c>
      <c r="AE14586">
        <v>103</v>
      </c>
      <c r="AF14586">
        <v>106</v>
      </c>
      <c r="AG14586">
        <v>108</v>
      </c>
      <c r="AH14586">
        <v>110</v>
      </c>
      <c r="AI14586">
        <v>112</v>
      </c>
      <c r="AJ14586">
        <v>115</v>
      </c>
      <c r="AK14586">
        <v>117</v>
      </c>
      <c r="AL14586">
        <v>119</v>
      </c>
      <c r="AM14586">
        <v>120</v>
      </c>
      <c r="AN14586">
        <v>121</v>
      </c>
      <c r="AO14586">
        <v>122</v>
      </c>
      <c r="AP14586">
        <v>123</v>
      </c>
      <c r="AQ14586">
        <v>125</v>
      </c>
    </row>
    <row r="14587" spans="1:43">
      <c r="A14587" t="s">
        <v>9052</v>
      </c>
      <c r="B14587" t="s">
        <v>9053</v>
      </c>
      <c r="C14587" t="s">
        <v>9050</v>
      </c>
      <c r="D14587" t="s">
        <v>9051</v>
      </c>
      <c r="E14587" t="s">
        <v>8938</v>
      </c>
      <c r="F14587" t="s">
        <v>8939</v>
      </c>
      <c r="G14587" t="s">
        <v>80</v>
      </c>
      <c r="H14587" t="s">
        <v>81</v>
      </c>
      <c r="I14587" s="2">
        <v>0</v>
      </c>
      <c r="J14587" s="2">
        <v>1</v>
      </c>
      <c r="K14587" s="2">
        <v>0</v>
      </c>
      <c r="L14587" t="s">
        <v>82</v>
      </c>
      <c r="M14587" t="s">
        <v>87</v>
      </c>
      <c r="N14587" t="s">
        <v>88</v>
      </c>
      <c r="O14587" t="s">
        <v>85</v>
      </c>
      <c r="P14587" t="s">
        <v>86</v>
      </c>
      <c r="Q14587">
        <v>75</v>
      </c>
      <c r="R14587">
        <v>76</v>
      </c>
      <c r="S14587">
        <v>77</v>
      </c>
      <c r="T14587">
        <v>79</v>
      </c>
      <c r="U14587">
        <v>80</v>
      </c>
      <c r="V14587">
        <v>81</v>
      </c>
      <c r="W14587">
        <v>82</v>
      </c>
      <c r="X14587">
        <v>84</v>
      </c>
      <c r="Y14587">
        <v>85</v>
      </c>
      <c r="Z14587">
        <v>86</v>
      </c>
      <c r="AA14587">
        <v>87</v>
      </c>
      <c r="AB14587">
        <v>89</v>
      </c>
      <c r="AC14587">
        <v>90</v>
      </c>
      <c r="AD14587">
        <v>91</v>
      </c>
      <c r="AE14587">
        <v>93</v>
      </c>
      <c r="AF14587">
        <v>94</v>
      </c>
      <c r="AG14587">
        <v>95</v>
      </c>
      <c r="AH14587">
        <v>97</v>
      </c>
      <c r="AI14587">
        <v>98</v>
      </c>
      <c r="AJ14587">
        <v>99</v>
      </c>
      <c r="AK14587">
        <v>101</v>
      </c>
      <c r="AL14587">
        <v>102</v>
      </c>
      <c r="AM14587">
        <v>104</v>
      </c>
      <c r="AN14587">
        <v>105</v>
      </c>
      <c r="AO14587">
        <v>106</v>
      </c>
      <c r="AP14587">
        <v>108</v>
      </c>
      <c r="AQ14587">
        <v>109</v>
      </c>
    </row>
    <row r="14588" spans="1:43">
      <c r="A14588" t="s">
        <v>9052</v>
      </c>
      <c r="B14588" t="s">
        <v>9053</v>
      </c>
      <c r="C14588" t="s">
        <v>9050</v>
      </c>
      <c r="D14588" t="s">
        <v>9051</v>
      </c>
      <c r="E14588" t="s">
        <v>8938</v>
      </c>
      <c r="F14588" t="s">
        <v>8939</v>
      </c>
      <c r="G14588" t="s">
        <v>80</v>
      </c>
      <c r="H14588" t="s">
        <v>81</v>
      </c>
      <c r="I14588" s="2">
        <v>0</v>
      </c>
      <c r="J14588" s="2">
        <v>1</v>
      </c>
      <c r="K14588" s="2">
        <v>0</v>
      </c>
      <c r="L14588" t="s">
        <v>82</v>
      </c>
      <c r="M14588" t="s">
        <v>89</v>
      </c>
      <c r="N14588" t="s">
        <v>90</v>
      </c>
      <c r="O14588" t="s">
        <v>85</v>
      </c>
      <c r="P14588" t="s">
        <v>86</v>
      </c>
      <c r="Q14588">
        <v>75</v>
      </c>
      <c r="R14588">
        <v>78</v>
      </c>
      <c r="S14588">
        <v>80</v>
      </c>
      <c r="T14588">
        <v>83</v>
      </c>
      <c r="U14588">
        <v>86</v>
      </c>
      <c r="V14588">
        <v>88</v>
      </c>
      <c r="W14588">
        <v>91</v>
      </c>
      <c r="X14588">
        <v>93</v>
      </c>
      <c r="Y14588">
        <v>96</v>
      </c>
      <c r="Z14588">
        <v>99</v>
      </c>
      <c r="AA14588">
        <v>101</v>
      </c>
      <c r="AB14588">
        <v>104</v>
      </c>
      <c r="AC14588">
        <v>106</v>
      </c>
      <c r="AD14588">
        <v>109</v>
      </c>
      <c r="AE14588">
        <v>111</v>
      </c>
      <c r="AF14588">
        <v>112</v>
      </c>
      <c r="AG14588">
        <v>113</v>
      </c>
      <c r="AH14588">
        <v>115</v>
      </c>
      <c r="AI14588">
        <v>116</v>
      </c>
      <c r="AJ14588">
        <v>117</v>
      </c>
      <c r="AK14588">
        <v>118</v>
      </c>
      <c r="AL14588">
        <v>119</v>
      </c>
      <c r="AM14588">
        <v>120</v>
      </c>
      <c r="AN14588">
        <v>122</v>
      </c>
      <c r="AO14588">
        <v>123</v>
      </c>
      <c r="AP14588">
        <v>124</v>
      </c>
      <c r="AQ14588">
        <v>125</v>
      </c>
    </row>
    <row r="14589" spans="1:43">
      <c r="A14589" t="s">
        <v>9052</v>
      </c>
      <c r="B14589" t="s">
        <v>9053</v>
      </c>
      <c r="C14589" t="s">
        <v>9050</v>
      </c>
      <c r="D14589" t="s">
        <v>9051</v>
      </c>
      <c r="E14589" t="s">
        <v>8938</v>
      </c>
      <c r="F14589" t="s">
        <v>8939</v>
      </c>
      <c r="G14589" t="s">
        <v>80</v>
      </c>
      <c r="H14589" t="s">
        <v>81</v>
      </c>
      <c r="I14589" s="2">
        <v>0</v>
      </c>
      <c r="J14589" s="2">
        <v>1</v>
      </c>
      <c r="K14589" s="2">
        <v>0</v>
      </c>
      <c r="L14589" t="s">
        <v>82</v>
      </c>
      <c r="M14589" t="s">
        <v>83</v>
      </c>
      <c r="N14589" t="s">
        <v>91</v>
      </c>
      <c r="O14589" t="s">
        <v>85</v>
      </c>
      <c r="P14589" t="s">
        <v>86</v>
      </c>
      <c r="Q14589">
        <v>75</v>
      </c>
      <c r="R14589">
        <v>76</v>
      </c>
      <c r="S14589">
        <v>78</v>
      </c>
      <c r="T14589">
        <v>80</v>
      </c>
      <c r="U14589">
        <v>82</v>
      </c>
      <c r="V14589">
        <v>84</v>
      </c>
      <c r="W14589">
        <v>86</v>
      </c>
      <c r="X14589">
        <v>89</v>
      </c>
      <c r="Y14589">
        <v>91</v>
      </c>
      <c r="Z14589">
        <v>93</v>
      </c>
      <c r="AA14589">
        <v>95</v>
      </c>
      <c r="AB14589">
        <v>97</v>
      </c>
      <c r="AC14589">
        <v>99</v>
      </c>
      <c r="AD14589">
        <v>101</v>
      </c>
      <c r="AE14589">
        <v>103</v>
      </c>
      <c r="AF14589">
        <v>106</v>
      </c>
      <c r="AG14589">
        <v>108</v>
      </c>
      <c r="AH14589">
        <v>110</v>
      </c>
      <c r="AI14589">
        <v>112</v>
      </c>
      <c r="AJ14589">
        <v>115</v>
      </c>
      <c r="AK14589">
        <v>117</v>
      </c>
      <c r="AL14589">
        <v>119</v>
      </c>
      <c r="AM14589">
        <v>120</v>
      </c>
      <c r="AN14589">
        <v>121</v>
      </c>
      <c r="AO14589">
        <v>122</v>
      </c>
      <c r="AP14589">
        <v>123</v>
      </c>
      <c r="AQ14589">
        <v>125</v>
      </c>
    </row>
    <row r="14590" spans="1:43">
      <c r="A14590" t="s">
        <v>9054</v>
      </c>
      <c r="B14590" t="s">
        <v>9055</v>
      </c>
      <c r="C14590" t="s">
        <v>9056</v>
      </c>
      <c r="D14590" t="s">
        <v>9057</v>
      </c>
      <c r="E14590" t="s">
        <v>8938</v>
      </c>
      <c r="F14590" t="s">
        <v>8939</v>
      </c>
      <c r="G14590" t="s">
        <v>80</v>
      </c>
      <c r="H14590" t="s">
        <v>81</v>
      </c>
      <c r="I14590" s="2">
        <v>0</v>
      </c>
      <c r="J14590" s="2">
        <v>1</v>
      </c>
      <c r="K14590" s="2">
        <v>0</v>
      </c>
      <c r="L14590" t="s">
        <v>82</v>
      </c>
      <c r="M14590" t="s">
        <v>83</v>
      </c>
      <c r="N14590" t="s">
        <v>84</v>
      </c>
      <c r="O14590" t="s">
        <v>85</v>
      </c>
      <c r="P14590" t="s">
        <v>86</v>
      </c>
      <c r="Q14590">
        <v>47</v>
      </c>
      <c r="R14590">
        <v>48</v>
      </c>
      <c r="S14590">
        <v>49</v>
      </c>
      <c r="T14590">
        <v>50</v>
      </c>
      <c r="U14590">
        <v>51</v>
      </c>
      <c r="V14590">
        <v>53</v>
      </c>
      <c r="W14590">
        <v>54</v>
      </c>
      <c r="X14590">
        <v>55</v>
      </c>
      <c r="Y14590">
        <v>56</v>
      </c>
      <c r="Z14590">
        <v>58</v>
      </c>
      <c r="AA14590">
        <v>59</v>
      </c>
      <c r="AB14590">
        <v>60</v>
      </c>
      <c r="AC14590">
        <v>62</v>
      </c>
      <c r="AD14590">
        <v>63</v>
      </c>
      <c r="AE14590">
        <v>64</v>
      </c>
      <c r="AF14590">
        <v>66</v>
      </c>
      <c r="AG14590">
        <v>67</v>
      </c>
      <c r="AH14590">
        <v>69</v>
      </c>
      <c r="AI14590">
        <v>70</v>
      </c>
      <c r="AJ14590">
        <v>71</v>
      </c>
      <c r="AK14590">
        <v>73</v>
      </c>
      <c r="AL14590">
        <v>74</v>
      </c>
      <c r="AM14590">
        <v>75</v>
      </c>
      <c r="AN14590">
        <v>75</v>
      </c>
      <c r="AO14590">
        <v>76</v>
      </c>
      <c r="AP14590">
        <v>77</v>
      </c>
      <c r="AQ14590">
        <v>78</v>
      </c>
    </row>
    <row r="14591" spans="1:43">
      <c r="A14591" t="s">
        <v>9054</v>
      </c>
      <c r="B14591" t="s">
        <v>9055</v>
      </c>
      <c r="C14591" t="s">
        <v>9056</v>
      </c>
      <c r="D14591" t="s">
        <v>9057</v>
      </c>
      <c r="E14591" t="s">
        <v>8938</v>
      </c>
      <c r="F14591" t="s">
        <v>8939</v>
      </c>
      <c r="G14591" t="s">
        <v>80</v>
      </c>
      <c r="H14591" t="s">
        <v>81</v>
      </c>
      <c r="I14591" s="2">
        <v>0</v>
      </c>
      <c r="J14591" s="2">
        <v>1</v>
      </c>
      <c r="K14591" s="2">
        <v>0</v>
      </c>
      <c r="L14591" t="s">
        <v>82</v>
      </c>
      <c r="M14591" t="s">
        <v>87</v>
      </c>
      <c r="N14591" t="s">
        <v>88</v>
      </c>
      <c r="O14591" t="s">
        <v>85</v>
      </c>
      <c r="P14591" t="s">
        <v>86</v>
      </c>
      <c r="Q14591">
        <v>47</v>
      </c>
      <c r="R14591">
        <v>48</v>
      </c>
      <c r="S14591">
        <v>49</v>
      </c>
      <c r="T14591">
        <v>49</v>
      </c>
      <c r="U14591">
        <v>50</v>
      </c>
      <c r="V14591">
        <v>51</v>
      </c>
      <c r="W14591">
        <v>52</v>
      </c>
      <c r="X14591">
        <v>52</v>
      </c>
      <c r="Y14591">
        <v>53</v>
      </c>
      <c r="Z14591">
        <v>54</v>
      </c>
      <c r="AA14591">
        <v>55</v>
      </c>
      <c r="AB14591">
        <v>56</v>
      </c>
      <c r="AC14591">
        <v>56</v>
      </c>
      <c r="AD14591">
        <v>57</v>
      </c>
      <c r="AE14591">
        <v>58</v>
      </c>
      <c r="AF14591">
        <v>59</v>
      </c>
      <c r="AG14591">
        <v>60</v>
      </c>
      <c r="AH14591">
        <v>61</v>
      </c>
      <c r="AI14591">
        <v>61</v>
      </c>
      <c r="AJ14591">
        <v>62</v>
      </c>
      <c r="AK14591">
        <v>63</v>
      </c>
      <c r="AL14591">
        <v>64</v>
      </c>
      <c r="AM14591">
        <v>65</v>
      </c>
      <c r="AN14591">
        <v>66</v>
      </c>
      <c r="AO14591">
        <v>67</v>
      </c>
      <c r="AP14591">
        <v>68</v>
      </c>
      <c r="AQ14591">
        <v>68</v>
      </c>
    </row>
    <row r="14592" spans="1:43">
      <c r="A14592" t="s">
        <v>9054</v>
      </c>
      <c r="B14592" t="s">
        <v>9055</v>
      </c>
      <c r="C14592" t="s">
        <v>9056</v>
      </c>
      <c r="D14592" t="s">
        <v>9057</v>
      </c>
      <c r="E14592" t="s">
        <v>8938</v>
      </c>
      <c r="F14592" t="s">
        <v>8939</v>
      </c>
      <c r="G14592" t="s">
        <v>80</v>
      </c>
      <c r="H14592" t="s">
        <v>81</v>
      </c>
      <c r="I14592" s="2">
        <v>0</v>
      </c>
      <c r="J14592" s="2">
        <v>1</v>
      </c>
      <c r="K14592" s="2">
        <v>0</v>
      </c>
      <c r="L14592" t="s">
        <v>82</v>
      </c>
      <c r="M14592" t="s">
        <v>89</v>
      </c>
      <c r="N14592" t="s">
        <v>90</v>
      </c>
      <c r="O14592" t="s">
        <v>85</v>
      </c>
      <c r="P14592" t="s">
        <v>86</v>
      </c>
      <c r="Q14592">
        <v>47</v>
      </c>
      <c r="R14592">
        <v>49</v>
      </c>
      <c r="S14592">
        <v>50</v>
      </c>
      <c r="T14592">
        <v>52</v>
      </c>
      <c r="U14592">
        <v>53</v>
      </c>
      <c r="V14592">
        <v>55</v>
      </c>
      <c r="W14592">
        <v>57</v>
      </c>
      <c r="X14592">
        <v>58</v>
      </c>
      <c r="Y14592">
        <v>60</v>
      </c>
      <c r="Z14592">
        <v>61</v>
      </c>
      <c r="AA14592">
        <v>63</v>
      </c>
      <c r="AB14592">
        <v>65</v>
      </c>
      <c r="AC14592">
        <v>66</v>
      </c>
      <c r="AD14592">
        <v>68</v>
      </c>
      <c r="AE14592">
        <v>69</v>
      </c>
      <c r="AF14592">
        <v>70</v>
      </c>
      <c r="AG14592">
        <v>71</v>
      </c>
      <c r="AH14592">
        <v>71</v>
      </c>
      <c r="AI14592">
        <v>72</v>
      </c>
      <c r="AJ14592">
        <v>73</v>
      </c>
      <c r="AK14592">
        <v>74</v>
      </c>
      <c r="AL14592">
        <v>74</v>
      </c>
      <c r="AM14592">
        <v>75</v>
      </c>
      <c r="AN14592">
        <v>76</v>
      </c>
      <c r="AO14592">
        <v>77</v>
      </c>
      <c r="AP14592">
        <v>77</v>
      </c>
      <c r="AQ14592">
        <v>78</v>
      </c>
    </row>
    <row r="14593" spans="1:43">
      <c r="A14593" t="s">
        <v>9054</v>
      </c>
      <c r="B14593" t="s">
        <v>9055</v>
      </c>
      <c r="C14593" t="s">
        <v>9056</v>
      </c>
      <c r="D14593" t="s">
        <v>9057</v>
      </c>
      <c r="E14593" t="s">
        <v>8938</v>
      </c>
      <c r="F14593" t="s">
        <v>8939</v>
      </c>
      <c r="G14593" t="s">
        <v>80</v>
      </c>
      <c r="H14593" t="s">
        <v>81</v>
      </c>
      <c r="I14593" s="2">
        <v>0</v>
      </c>
      <c r="J14593" s="2">
        <v>1</v>
      </c>
      <c r="K14593" s="2">
        <v>0</v>
      </c>
      <c r="L14593" t="s">
        <v>82</v>
      </c>
      <c r="M14593" t="s">
        <v>83</v>
      </c>
      <c r="N14593" t="s">
        <v>91</v>
      </c>
      <c r="O14593" t="s">
        <v>85</v>
      </c>
      <c r="P14593" t="s">
        <v>86</v>
      </c>
      <c r="Q14593">
        <v>47</v>
      </c>
      <c r="R14593">
        <v>48</v>
      </c>
      <c r="S14593">
        <v>49</v>
      </c>
      <c r="T14593">
        <v>50</v>
      </c>
      <c r="U14593">
        <v>51</v>
      </c>
      <c r="V14593">
        <v>53</v>
      </c>
      <c r="W14593">
        <v>54</v>
      </c>
      <c r="X14593">
        <v>55</v>
      </c>
      <c r="Y14593">
        <v>56</v>
      </c>
      <c r="Z14593">
        <v>58</v>
      </c>
      <c r="AA14593">
        <v>59</v>
      </c>
      <c r="AB14593">
        <v>60</v>
      </c>
      <c r="AC14593">
        <v>62</v>
      </c>
      <c r="AD14593">
        <v>63</v>
      </c>
      <c r="AE14593">
        <v>64</v>
      </c>
      <c r="AF14593">
        <v>66</v>
      </c>
      <c r="AG14593">
        <v>67</v>
      </c>
      <c r="AH14593">
        <v>69</v>
      </c>
      <c r="AI14593">
        <v>70</v>
      </c>
      <c r="AJ14593">
        <v>71</v>
      </c>
      <c r="AK14593">
        <v>73</v>
      </c>
      <c r="AL14593">
        <v>74</v>
      </c>
      <c r="AM14593">
        <v>75</v>
      </c>
      <c r="AN14593">
        <v>75</v>
      </c>
      <c r="AO14593">
        <v>76</v>
      </c>
      <c r="AP14593">
        <v>77</v>
      </c>
      <c r="AQ14593">
        <v>78</v>
      </c>
    </row>
    <row r="14594" spans="1:43">
      <c r="A14594" t="s">
        <v>9058</v>
      </c>
      <c r="B14594" t="s">
        <v>9059</v>
      </c>
      <c r="C14594" t="s">
        <v>9056</v>
      </c>
      <c r="D14594" t="s">
        <v>9057</v>
      </c>
      <c r="E14594" t="s">
        <v>8938</v>
      </c>
      <c r="F14594" t="s">
        <v>8939</v>
      </c>
      <c r="G14594" t="s">
        <v>80</v>
      </c>
      <c r="H14594" t="s">
        <v>81</v>
      </c>
      <c r="I14594" s="2">
        <v>0</v>
      </c>
      <c r="J14594" s="2">
        <v>1</v>
      </c>
      <c r="K14594" s="2">
        <v>0</v>
      </c>
      <c r="L14594" t="s">
        <v>82</v>
      </c>
      <c r="M14594" t="s">
        <v>83</v>
      </c>
      <c r="N14594" t="s">
        <v>84</v>
      </c>
      <c r="O14594" t="s">
        <v>85</v>
      </c>
      <c r="P14594" t="s">
        <v>86</v>
      </c>
      <c r="Q14594">
        <v>7</v>
      </c>
      <c r="R14594">
        <v>8</v>
      </c>
      <c r="S14594">
        <v>8</v>
      </c>
      <c r="T14594">
        <v>8</v>
      </c>
      <c r="U14594">
        <v>8</v>
      </c>
      <c r="V14594">
        <v>8</v>
      </c>
      <c r="W14594">
        <v>8</v>
      </c>
      <c r="X14594">
        <v>9</v>
      </c>
      <c r="Y14594">
        <v>9</v>
      </c>
      <c r="Z14594">
        <v>9</v>
      </c>
      <c r="AA14594">
        <v>9</v>
      </c>
      <c r="AB14594">
        <v>10</v>
      </c>
      <c r="AC14594">
        <v>10</v>
      </c>
      <c r="AD14594">
        <v>10</v>
      </c>
      <c r="AE14594">
        <v>10</v>
      </c>
      <c r="AF14594">
        <v>10</v>
      </c>
      <c r="AG14594">
        <v>11</v>
      </c>
      <c r="AH14594">
        <v>11</v>
      </c>
      <c r="AI14594">
        <v>11</v>
      </c>
      <c r="AJ14594">
        <v>11</v>
      </c>
      <c r="AK14594">
        <v>11</v>
      </c>
      <c r="AL14594">
        <v>12</v>
      </c>
      <c r="AM14594">
        <v>12</v>
      </c>
      <c r="AN14594">
        <v>12</v>
      </c>
      <c r="AO14594">
        <v>12</v>
      </c>
      <c r="AP14594">
        <v>12</v>
      </c>
      <c r="AQ14594">
        <v>12</v>
      </c>
    </row>
    <row r="14595" spans="1:43">
      <c r="A14595" t="s">
        <v>9058</v>
      </c>
      <c r="B14595" t="s">
        <v>9059</v>
      </c>
      <c r="C14595" t="s">
        <v>9056</v>
      </c>
      <c r="D14595" t="s">
        <v>9057</v>
      </c>
      <c r="E14595" t="s">
        <v>8938</v>
      </c>
      <c r="F14595" t="s">
        <v>8939</v>
      </c>
      <c r="G14595" t="s">
        <v>80</v>
      </c>
      <c r="H14595" t="s">
        <v>81</v>
      </c>
      <c r="I14595" s="2">
        <v>0</v>
      </c>
      <c r="J14595" s="2">
        <v>1</v>
      </c>
      <c r="K14595" s="2">
        <v>0</v>
      </c>
      <c r="L14595" t="s">
        <v>82</v>
      </c>
      <c r="M14595" t="s">
        <v>87</v>
      </c>
      <c r="N14595" t="s">
        <v>88</v>
      </c>
      <c r="O14595" t="s">
        <v>85</v>
      </c>
      <c r="P14595" t="s">
        <v>86</v>
      </c>
      <c r="Q14595">
        <v>7</v>
      </c>
      <c r="R14595">
        <v>7</v>
      </c>
      <c r="S14595">
        <v>7</v>
      </c>
      <c r="T14595">
        <v>8</v>
      </c>
      <c r="U14595">
        <v>8</v>
      </c>
      <c r="V14595">
        <v>8</v>
      </c>
      <c r="W14595">
        <v>8</v>
      </c>
      <c r="X14595">
        <v>8</v>
      </c>
      <c r="Y14595">
        <v>8</v>
      </c>
      <c r="Z14595">
        <v>8</v>
      </c>
      <c r="AA14595">
        <v>8</v>
      </c>
      <c r="AB14595">
        <v>9</v>
      </c>
      <c r="AC14595">
        <v>9</v>
      </c>
      <c r="AD14595">
        <v>9</v>
      </c>
      <c r="AE14595">
        <v>9</v>
      </c>
      <c r="AF14595">
        <v>9</v>
      </c>
      <c r="AG14595">
        <v>9</v>
      </c>
      <c r="AH14595">
        <v>9</v>
      </c>
      <c r="AI14595">
        <v>10</v>
      </c>
      <c r="AJ14595">
        <v>10</v>
      </c>
      <c r="AK14595">
        <v>10</v>
      </c>
      <c r="AL14595">
        <v>10</v>
      </c>
      <c r="AM14595">
        <v>10</v>
      </c>
      <c r="AN14595">
        <v>10</v>
      </c>
      <c r="AO14595">
        <v>10</v>
      </c>
      <c r="AP14595">
        <v>10</v>
      </c>
      <c r="AQ14595">
        <v>11</v>
      </c>
    </row>
    <row r="14596" spans="1:43">
      <c r="A14596" t="s">
        <v>9058</v>
      </c>
      <c r="B14596" t="s">
        <v>9059</v>
      </c>
      <c r="C14596" t="s">
        <v>9056</v>
      </c>
      <c r="D14596" t="s">
        <v>9057</v>
      </c>
      <c r="E14596" t="s">
        <v>8938</v>
      </c>
      <c r="F14596" t="s">
        <v>8939</v>
      </c>
      <c r="G14596" t="s">
        <v>80</v>
      </c>
      <c r="H14596" t="s">
        <v>81</v>
      </c>
      <c r="I14596" s="2">
        <v>0</v>
      </c>
      <c r="J14596" s="2">
        <v>1</v>
      </c>
      <c r="K14596" s="2">
        <v>0</v>
      </c>
      <c r="L14596" t="s">
        <v>82</v>
      </c>
      <c r="M14596" t="s">
        <v>89</v>
      </c>
      <c r="N14596" t="s">
        <v>90</v>
      </c>
      <c r="O14596" t="s">
        <v>85</v>
      </c>
      <c r="P14596" t="s">
        <v>86</v>
      </c>
      <c r="Q14596">
        <v>7</v>
      </c>
      <c r="R14596">
        <v>8</v>
      </c>
      <c r="S14596">
        <v>8</v>
      </c>
      <c r="T14596">
        <v>8</v>
      </c>
      <c r="U14596">
        <v>8</v>
      </c>
      <c r="V14596">
        <v>9</v>
      </c>
      <c r="W14596">
        <v>9</v>
      </c>
      <c r="X14596">
        <v>9</v>
      </c>
      <c r="Y14596">
        <v>9</v>
      </c>
      <c r="Z14596">
        <v>10</v>
      </c>
      <c r="AA14596">
        <v>10</v>
      </c>
      <c r="AB14596">
        <v>10</v>
      </c>
      <c r="AC14596">
        <v>10</v>
      </c>
      <c r="AD14596">
        <v>11</v>
      </c>
      <c r="AE14596">
        <v>11</v>
      </c>
      <c r="AF14596">
        <v>11</v>
      </c>
      <c r="AG14596">
        <v>11</v>
      </c>
      <c r="AH14596">
        <v>11</v>
      </c>
      <c r="AI14596">
        <v>11</v>
      </c>
      <c r="AJ14596">
        <v>11</v>
      </c>
      <c r="AK14596">
        <v>12</v>
      </c>
      <c r="AL14596">
        <v>12</v>
      </c>
      <c r="AM14596">
        <v>12</v>
      </c>
      <c r="AN14596">
        <v>12</v>
      </c>
      <c r="AO14596">
        <v>12</v>
      </c>
      <c r="AP14596">
        <v>12</v>
      </c>
      <c r="AQ14596">
        <v>12</v>
      </c>
    </row>
    <row r="14597" spans="1:43">
      <c r="A14597" t="s">
        <v>9058</v>
      </c>
      <c r="B14597" t="s">
        <v>9059</v>
      </c>
      <c r="C14597" t="s">
        <v>9056</v>
      </c>
      <c r="D14597" t="s">
        <v>9057</v>
      </c>
      <c r="E14597" t="s">
        <v>8938</v>
      </c>
      <c r="F14597" t="s">
        <v>8939</v>
      </c>
      <c r="G14597" t="s">
        <v>80</v>
      </c>
      <c r="H14597" t="s">
        <v>81</v>
      </c>
      <c r="I14597" s="2">
        <v>0</v>
      </c>
      <c r="J14597" s="2">
        <v>1</v>
      </c>
      <c r="K14597" s="2">
        <v>0</v>
      </c>
      <c r="L14597" t="s">
        <v>82</v>
      </c>
      <c r="M14597" t="s">
        <v>83</v>
      </c>
      <c r="N14597" t="s">
        <v>91</v>
      </c>
      <c r="O14597" t="s">
        <v>85</v>
      </c>
      <c r="P14597" t="s">
        <v>86</v>
      </c>
      <c r="Q14597">
        <v>7</v>
      </c>
      <c r="R14597">
        <v>8</v>
      </c>
      <c r="S14597">
        <v>8</v>
      </c>
      <c r="T14597">
        <v>8</v>
      </c>
      <c r="U14597">
        <v>8</v>
      </c>
      <c r="V14597">
        <v>8</v>
      </c>
      <c r="W14597">
        <v>8</v>
      </c>
      <c r="X14597">
        <v>9</v>
      </c>
      <c r="Y14597">
        <v>9</v>
      </c>
      <c r="Z14597">
        <v>9</v>
      </c>
      <c r="AA14597">
        <v>9</v>
      </c>
      <c r="AB14597">
        <v>10</v>
      </c>
      <c r="AC14597">
        <v>10</v>
      </c>
      <c r="AD14597">
        <v>10</v>
      </c>
      <c r="AE14597">
        <v>10</v>
      </c>
      <c r="AF14597">
        <v>10</v>
      </c>
      <c r="AG14597">
        <v>11</v>
      </c>
      <c r="AH14597">
        <v>11</v>
      </c>
      <c r="AI14597">
        <v>11</v>
      </c>
      <c r="AJ14597">
        <v>11</v>
      </c>
      <c r="AK14597">
        <v>11</v>
      </c>
      <c r="AL14597">
        <v>12</v>
      </c>
      <c r="AM14597">
        <v>12</v>
      </c>
      <c r="AN14597">
        <v>12</v>
      </c>
      <c r="AO14597">
        <v>12</v>
      </c>
      <c r="AP14597">
        <v>12</v>
      </c>
      <c r="AQ14597">
        <v>12</v>
      </c>
    </row>
    <row r="14598" spans="1:43">
      <c r="A14598" t="s">
        <v>9060</v>
      </c>
      <c r="B14598" t="s">
        <v>9061</v>
      </c>
      <c r="C14598" t="s">
        <v>9050</v>
      </c>
      <c r="D14598" t="s">
        <v>9051</v>
      </c>
      <c r="E14598" t="s">
        <v>8938</v>
      </c>
      <c r="F14598" t="s">
        <v>8939</v>
      </c>
      <c r="G14598" t="s">
        <v>80</v>
      </c>
      <c r="H14598" t="s">
        <v>81</v>
      </c>
      <c r="I14598" s="2">
        <v>0</v>
      </c>
      <c r="J14598" s="2">
        <v>1</v>
      </c>
      <c r="K14598" s="2">
        <v>0</v>
      </c>
      <c r="L14598" t="s">
        <v>82</v>
      </c>
      <c r="M14598" t="s">
        <v>83</v>
      </c>
      <c r="N14598" t="s">
        <v>84</v>
      </c>
      <c r="O14598" t="s">
        <v>85</v>
      </c>
      <c r="P14598" t="s">
        <v>86</v>
      </c>
      <c r="Q14598">
        <v>64</v>
      </c>
      <c r="R14598">
        <v>66</v>
      </c>
      <c r="S14598">
        <v>68</v>
      </c>
      <c r="T14598">
        <v>69</v>
      </c>
      <c r="U14598">
        <v>71</v>
      </c>
      <c r="V14598">
        <v>73</v>
      </c>
      <c r="W14598">
        <v>75</v>
      </c>
      <c r="X14598">
        <v>76</v>
      </c>
      <c r="Y14598">
        <v>78</v>
      </c>
      <c r="Z14598">
        <v>80</v>
      </c>
      <c r="AA14598">
        <v>82</v>
      </c>
      <c r="AB14598">
        <v>84</v>
      </c>
      <c r="AC14598">
        <v>86</v>
      </c>
      <c r="AD14598">
        <v>87</v>
      </c>
      <c r="AE14598">
        <v>89</v>
      </c>
      <c r="AF14598">
        <v>91</v>
      </c>
      <c r="AG14598">
        <v>93</v>
      </c>
      <c r="AH14598">
        <v>95</v>
      </c>
      <c r="AI14598">
        <v>97</v>
      </c>
      <c r="AJ14598">
        <v>99</v>
      </c>
      <c r="AK14598">
        <v>101</v>
      </c>
      <c r="AL14598">
        <v>102</v>
      </c>
      <c r="AM14598">
        <v>103</v>
      </c>
      <c r="AN14598">
        <v>104</v>
      </c>
      <c r="AO14598">
        <v>105</v>
      </c>
      <c r="AP14598">
        <v>107</v>
      </c>
      <c r="AQ14598">
        <v>108</v>
      </c>
    </row>
    <row r="14599" spans="1:43">
      <c r="A14599" t="s">
        <v>9060</v>
      </c>
      <c r="B14599" t="s">
        <v>9061</v>
      </c>
      <c r="C14599" t="s">
        <v>9050</v>
      </c>
      <c r="D14599" t="s">
        <v>9051</v>
      </c>
      <c r="E14599" t="s">
        <v>8938</v>
      </c>
      <c r="F14599" t="s">
        <v>8939</v>
      </c>
      <c r="G14599" t="s">
        <v>80</v>
      </c>
      <c r="H14599" t="s">
        <v>81</v>
      </c>
      <c r="I14599" s="2">
        <v>0</v>
      </c>
      <c r="J14599" s="2">
        <v>1</v>
      </c>
      <c r="K14599" s="2">
        <v>0</v>
      </c>
      <c r="L14599" t="s">
        <v>82</v>
      </c>
      <c r="M14599" t="s">
        <v>87</v>
      </c>
      <c r="N14599" t="s">
        <v>88</v>
      </c>
      <c r="O14599" t="s">
        <v>85</v>
      </c>
      <c r="P14599" t="s">
        <v>86</v>
      </c>
      <c r="Q14599">
        <v>64</v>
      </c>
      <c r="R14599">
        <v>65</v>
      </c>
      <c r="S14599">
        <v>66</v>
      </c>
      <c r="T14599">
        <v>67</v>
      </c>
      <c r="U14599">
        <v>68</v>
      </c>
      <c r="V14599">
        <v>69</v>
      </c>
      <c r="W14599">
        <v>70</v>
      </c>
      <c r="X14599">
        <v>71</v>
      </c>
      <c r="Y14599">
        <v>72</v>
      </c>
      <c r="Z14599">
        <v>73</v>
      </c>
      <c r="AA14599">
        <v>75</v>
      </c>
      <c r="AB14599">
        <v>76</v>
      </c>
      <c r="AC14599">
        <v>77</v>
      </c>
      <c r="AD14599">
        <v>78</v>
      </c>
      <c r="AE14599">
        <v>79</v>
      </c>
      <c r="AF14599">
        <v>80</v>
      </c>
      <c r="AG14599">
        <v>81</v>
      </c>
      <c r="AH14599">
        <v>83</v>
      </c>
      <c r="AI14599">
        <v>84</v>
      </c>
      <c r="AJ14599">
        <v>85</v>
      </c>
      <c r="AK14599">
        <v>86</v>
      </c>
      <c r="AL14599">
        <v>87</v>
      </c>
      <c r="AM14599">
        <v>89</v>
      </c>
      <c r="AN14599">
        <v>90</v>
      </c>
      <c r="AO14599">
        <v>91</v>
      </c>
      <c r="AP14599">
        <v>92</v>
      </c>
      <c r="AQ14599">
        <v>94</v>
      </c>
    </row>
    <row r="14600" spans="1:43">
      <c r="A14600" t="s">
        <v>9060</v>
      </c>
      <c r="B14600" t="s">
        <v>9061</v>
      </c>
      <c r="C14600" t="s">
        <v>9050</v>
      </c>
      <c r="D14600" t="s">
        <v>9051</v>
      </c>
      <c r="E14600" t="s">
        <v>8938</v>
      </c>
      <c r="F14600" t="s">
        <v>8939</v>
      </c>
      <c r="G14600" t="s">
        <v>80</v>
      </c>
      <c r="H14600" t="s">
        <v>81</v>
      </c>
      <c r="I14600" s="2">
        <v>0</v>
      </c>
      <c r="J14600" s="2">
        <v>1</v>
      </c>
      <c r="K14600" s="2">
        <v>0</v>
      </c>
      <c r="L14600" t="s">
        <v>82</v>
      </c>
      <c r="M14600" t="s">
        <v>89</v>
      </c>
      <c r="N14600" t="s">
        <v>90</v>
      </c>
      <c r="O14600" t="s">
        <v>85</v>
      </c>
      <c r="P14600" t="s">
        <v>86</v>
      </c>
      <c r="Q14600">
        <v>64</v>
      </c>
      <c r="R14600">
        <v>66</v>
      </c>
      <c r="S14600">
        <v>68</v>
      </c>
      <c r="T14600">
        <v>71</v>
      </c>
      <c r="U14600">
        <v>73</v>
      </c>
      <c r="V14600">
        <v>75</v>
      </c>
      <c r="W14600">
        <v>77</v>
      </c>
      <c r="X14600">
        <v>80</v>
      </c>
      <c r="Y14600">
        <v>82</v>
      </c>
      <c r="Z14600">
        <v>84</v>
      </c>
      <c r="AA14600">
        <v>86</v>
      </c>
      <c r="AB14600">
        <v>88</v>
      </c>
      <c r="AC14600">
        <v>91</v>
      </c>
      <c r="AD14600">
        <v>93</v>
      </c>
      <c r="AE14600">
        <v>95</v>
      </c>
      <c r="AF14600">
        <v>96</v>
      </c>
      <c r="AG14600">
        <v>97</v>
      </c>
      <c r="AH14600">
        <v>98</v>
      </c>
      <c r="AI14600">
        <v>99</v>
      </c>
      <c r="AJ14600">
        <v>100</v>
      </c>
      <c r="AK14600">
        <v>101</v>
      </c>
      <c r="AL14600">
        <v>102</v>
      </c>
      <c r="AM14600">
        <v>103</v>
      </c>
      <c r="AN14600">
        <v>104</v>
      </c>
      <c r="AO14600">
        <v>105</v>
      </c>
      <c r="AP14600">
        <v>106</v>
      </c>
      <c r="AQ14600">
        <v>107</v>
      </c>
    </row>
    <row r="14601" spans="1:43">
      <c r="A14601" t="s">
        <v>9060</v>
      </c>
      <c r="B14601" t="s">
        <v>9061</v>
      </c>
      <c r="C14601" t="s">
        <v>9050</v>
      </c>
      <c r="D14601" t="s">
        <v>9051</v>
      </c>
      <c r="E14601" t="s">
        <v>8938</v>
      </c>
      <c r="F14601" t="s">
        <v>8939</v>
      </c>
      <c r="G14601" t="s">
        <v>80</v>
      </c>
      <c r="H14601" t="s">
        <v>81</v>
      </c>
      <c r="I14601" s="2">
        <v>0</v>
      </c>
      <c r="J14601" s="2">
        <v>1</v>
      </c>
      <c r="K14601" s="2">
        <v>0</v>
      </c>
      <c r="L14601" t="s">
        <v>82</v>
      </c>
      <c r="M14601" t="s">
        <v>83</v>
      </c>
      <c r="N14601" t="s">
        <v>91</v>
      </c>
      <c r="O14601" t="s">
        <v>85</v>
      </c>
      <c r="P14601" t="s">
        <v>86</v>
      </c>
      <c r="Q14601">
        <v>64</v>
      </c>
      <c r="R14601">
        <v>66</v>
      </c>
      <c r="S14601">
        <v>68</v>
      </c>
      <c r="T14601">
        <v>69</v>
      </c>
      <c r="U14601">
        <v>71</v>
      </c>
      <c r="V14601">
        <v>73</v>
      </c>
      <c r="W14601">
        <v>75</v>
      </c>
      <c r="X14601">
        <v>76</v>
      </c>
      <c r="Y14601">
        <v>78</v>
      </c>
      <c r="Z14601">
        <v>80</v>
      </c>
      <c r="AA14601">
        <v>82</v>
      </c>
      <c r="AB14601">
        <v>84</v>
      </c>
      <c r="AC14601">
        <v>86</v>
      </c>
      <c r="AD14601">
        <v>87</v>
      </c>
      <c r="AE14601">
        <v>89</v>
      </c>
      <c r="AF14601">
        <v>91</v>
      </c>
      <c r="AG14601">
        <v>93</v>
      </c>
      <c r="AH14601">
        <v>95</v>
      </c>
      <c r="AI14601">
        <v>97</v>
      </c>
      <c r="AJ14601">
        <v>99</v>
      </c>
      <c r="AK14601">
        <v>101</v>
      </c>
      <c r="AL14601">
        <v>102</v>
      </c>
      <c r="AM14601">
        <v>103</v>
      </c>
      <c r="AN14601">
        <v>104</v>
      </c>
      <c r="AO14601">
        <v>105</v>
      </c>
      <c r="AP14601">
        <v>107</v>
      </c>
      <c r="AQ14601">
        <v>108</v>
      </c>
    </row>
    <row r="14602" spans="1:43">
      <c r="A14602" t="s">
        <v>9062</v>
      </c>
      <c r="B14602" t="s">
        <v>9063</v>
      </c>
      <c r="C14602" t="s">
        <v>9064</v>
      </c>
      <c r="D14602" t="s">
        <v>9065</v>
      </c>
      <c r="E14602" t="s">
        <v>8938</v>
      </c>
      <c r="F14602" t="s">
        <v>8939</v>
      </c>
      <c r="G14602" t="s">
        <v>80</v>
      </c>
      <c r="H14602" t="s">
        <v>81</v>
      </c>
      <c r="I14602" s="2">
        <v>0</v>
      </c>
      <c r="J14602" s="2">
        <v>1</v>
      </c>
      <c r="K14602" s="2">
        <v>0</v>
      </c>
      <c r="L14602" t="s">
        <v>82</v>
      </c>
      <c r="M14602" t="s">
        <v>83</v>
      </c>
      <c r="N14602" t="s">
        <v>84</v>
      </c>
      <c r="O14602" t="s">
        <v>85</v>
      </c>
      <c r="P14602" t="s">
        <v>86</v>
      </c>
      <c r="Q14602">
        <v>60</v>
      </c>
      <c r="R14602">
        <v>62</v>
      </c>
      <c r="S14602">
        <v>63</v>
      </c>
      <c r="T14602">
        <v>65</v>
      </c>
      <c r="U14602">
        <v>67</v>
      </c>
      <c r="V14602">
        <v>68</v>
      </c>
      <c r="W14602">
        <v>70</v>
      </c>
      <c r="X14602">
        <v>71</v>
      </c>
      <c r="Y14602">
        <v>73</v>
      </c>
      <c r="Z14602">
        <v>75</v>
      </c>
      <c r="AA14602">
        <v>77</v>
      </c>
      <c r="AB14602">
        <v>78</v>
      </c>
      <c r="AC14602">
        <v>80</v>
      </c>
      <c r="AD14602">
        <v>82</v>
      </c>
      <c r="AE14602">
        <v>83</v>
      </c>
      <c r="AF14602">
        <v>85</v>
      </c>
      <c r="AG14602">
        <v>87</v>
      </c>
      <c r="AH14602">
        <v>89</v>
      </c>
      <c r="AI14602">
        <v>91</v>
      </c>
      <c r="AJ14602">
        <v>92</v>
      </c>
      <c r="AK14602">
        <v>94</v>
      </c>
      <c r="AL14602">
        <v>96</v>
      </c>
      <c r="AM14602">
        <v>97</v>
      </c>
      <c r="AN14602">
        <v>98</v>
      </c>
      <c r="AO14602">
        <v>99</v>
      </c>
      <c r="AP14602">
        <v>100</v>
      </c>
      <c r="AQ14602">
        <v>101</v>
      </c>
    </row>
    <row r="14603" spans="1:43">
      <c r="A14603" t="s">
        <v>9062</v>
      </c>
      <c r="B14603" t="s">
        <v>9063</v>
      </c>
      <c r="C14603" t="s">
        <v>9064</v>
      </c>
      <c r="D14603" t="s">
        <v>9065</v>
      </c>
      <c r="E14603" t="s">
        <v>8938</v>
      </c>
      <c r="F14603" t="s">
        <v>8939</v>
      </c>
      <c r="G14603" t="s">
        <v>80</v>
      </c>
      <c r="H14603" t="s">
        <v>81</v>
      </c>
      <c r="I14603" s="2">
        <v>0</v>
      </c>
      <c r="J14603" s="2">
        <v>1</v>
      </c>
      <c r="K14603" s="2">
        <v>0</v>
      </c>
      <c r="L14603" t="s">
        <v>82</v>
      </c>
      <c r="M14603" t="s">
        <v>87</v>
      </c>
      <c r="N14603" t="s">
        <v>88</v>
      </c>
      <c r="O14603" t="s">
        <v>85</v>
      </c>
      <c r="P14603" t="s">
        <v>86</v>
      </c>
      <c r="Q14603">
        <v>60</v>
      </c>
      <c r="R14603">
        <v>61</v>
      </c>
      <c r="S14603">
        <v>62</v>
      </c>
      <c r="T14603">
        <v>63</v>
      </c>
      <c r="U14603">
        <v>64</v>
      </c>
      <c r="V14603">
        <v>65</v>
      </c>
      <c r="W14603">
        <v>66</v>
      </c>
      <c r="X14603">
        <v>67</v>
      </c>
      <c r="Y14603">
        <v>68</v>
      </c>
      <c r="Z14603">
        <v>69</v>
      </c>
      <c r="AA14603">
        <v>70</v>
      </c>
      <c r="AB14603">
        <v>71</v>
      </c>
      <c r="AC14603">
        <v>72</v>
      </c>
      <c r="AD14603">
        <v>73</v>
      </c>
      <c r="AE14603">
        <v>74</v>
      </c>
      <c r="AF14603">
        <v>75</v>
      </c>
      <c r="AG14603">
        <v>76</v>
      </c>
      <c r="AH14603">
        <v>77</v>
      </c>
      <c r="AI14603">
        <v>78</v>
      </c>
      <c r="AJ14603">
        <v>79</v>
      </c>
      <c r="AK14603">
        <v>80</v>
      </c>
      <c r="AL14603">
        <v>81</v>
      </c>
      <c r="AM14603">
        <v>83</v>
      </c>
      <c r="AN14603">
        <v>84</v>
      </c>
      <c r="AO14603">
        <v>85</v>
      </c>
      <c r="AP14603">
        <v>86</v>
      </c>
      <c r="AQ14603">
        <v>87</v>
      </c>
    </row>
    <row r="14604" spans="1:43">
      <c r="A14604" t="s">
        <v>9062</v>
      </c>
      <c r="B14604" t="s">
        <v>9063</v>
      </c>
      <c r="C14604" t="s">
        <v>9064</v>
      </c>
      <c r="D14604" t="s">
        <v>9065</v>
      </c>
      <c r="E14604" t="s">
        <v>8938</v>
      </c>
      <c r="F14604" t="s">
        <v>8939</v>
      </c>
      <c r="G14604" t="s">
        <v>80</v>
      </c>
      <c r="H14604" t="s">
        <v>81</v>
      </c>
      <c r="I14604" s="2">
        <v>0</v>
      </c>
      <c r="J14604" s="2">
        <v>1</v>
      </c>
      <c r="K14604" s="2">
        <v>0</v>
      </c>
      <c r="L14604" t="s">
        <v>82</v>
      </c>
      <c r="M14604" t="s">
        <v>89</v>
      </c>
      <c r="N14604" t="s">
        <v>90</v>
      </c>
      <c r="O14604" t="s">
        <v>85</v>
      </c>
      <c r="P14604" t="s">
        <v>86</v>
      </c>
      <c r="Q14604">
        <v>60</v>
      </c>
      <c r="R14604">
        <v>62</v>
      </c>
      <c r="S14604">
        <v>64</v>
      </c>
      <c r="T14604">
        <v>66</v>
      </c>
      <c r="U14604">
        <v>68</v>
      </c>
      <c r="V14604">
        <v>70</v>
      </c>
      <c r="W14604">
        <v>72</v>
      </c>
      <c r="X14604">
        <v>74</v>
      </c>
      <c r="Y14604">
        <v>77</v>
      </c>
      <c r="Z14604">
        <v>79</v>
      </c>
      <c r="AA14604">
        <v>81</v>
      </c>
      <c r="AB14604">
        <v>83</v>
      </c>
      <c r="AC14604">
        <v>85</v>
      </c>
      <c r="AD14604">
        <v>87</v>
      </c>
      <c r="AE14604">
        <v>89</v>
      </c>
      <c r="AF14604">
        <v>90</v>
      </c>
      <c r="AG14604">
        <v>91</v>
      </c>
      <c r="AH14604">
        <v>92</v>
      </c>
      <c r="AI14604">
        <v>93</v>
      </c>
      <c r="AJ14604">
        <v>94</v>
      </c>
      <c r="AK14604">
        <v>95</v>
      </c>
      <c r="AL14604">
        <v>96</v>
      </c>
      <c r="AM14604">
        <v>97</v>
      </c>
      <c r="AN14604">
        <v>98</v>
      </c>
      <c r="AO14604">
        <v>99</v>
      </c>
      <c r="AP14604">
        <v>100</v>
      </c>
      <c r="AQ14604">
        <v>101</v>
      </c>
    </row>
    <row r="14605" spans="1:43">
      <c r="A14605" t="s">
        <v>9062</v>
      </c>
      <c r="B14605" t="s">
        <v>9063</v>
      </c>
      <c r="C14605" t="s">
        <v>9064</v>
      </c>
      <c r="D14605" t="s">
        <v>9065</v>
      </c>
      <c r="E14605" t="s">
        <v>8938</v>
      </c>
      <c r="F14605" t="s">
        <v>8939</v>
      </c>
      <c r="G14605" t="s">
        <v>80</v>
      </c>
      <c r="H14605" t="s">
        <v>81</v>
      </c>
      <c r="I14605" s="2">
        <v>0</v>
      </c>
      <c r="J14605" s="2">
        <v>1</v>
      </c>
      <c r="K14605" s="2">
        <v>0</v>
      </c>
      <c r="L14605" t="s">
        <v>82</v>
      </c>
      <c r="M14605" t="s">
        <v>83</v>
      </c>
      <c r="N14605" t="s">
        <v>91</v>
      </c>
      <c r="O14605" t="s">
        <v>85</v>
      </c>
      <c r="P14605" t="s">
        <v>86</v>
      </c>
      <c r="Q14605">
        <v>60</v>
      </c>
      <c r="R14605">
        <v>62</v>
      </c>
      <c r="S14605">
        <v>63</v>
      </c>
      <c r="T14605">
        <v>65</v>
      </c>
      <c r="U14605">
        <v>67</v>
      </c>
      <c r="V14605">
        <v>68</v>
      </c>
      <c r="W14605">
        <v>70</v>
      </c>
      <c r="X14605">
        <v>71</v>
      </c>
      <c r="Y14605">
        <v>73</v>
      </c>
      <c r="Z14605">
        <v>75</v>
      </c>
      <c r="AA14605">
        <v>77</v>
      </c>
      <c r="AB14605">
        <v>78</v>
      </c>
      <c r="AC14605">
        <v>80</v>
      </c>
      <c r="AD14605">
        <v>82</v>
      </c>
      <c r="AE14605">
        <v>83</v>
      </c>
      <c r="AF14605">
        <v>85</v>
      </c>
      <c r="AG14605">
        <v>87</v>
      </c>
      <c r="AH14605">
        <v>89</v>
      </c>
      <c r="AI14605">
        <v>91</v>
      </c>
      <c r="AJ14605">
        <v>92</v>
      </c>
      <c r="AK14605">
        <v>94</v>
      </c>
      <c r="AL14605">
        <v>96</v>
      </c>
      <c r="AM14605">
        <v>97</v>
      </c>
      <c r="AN14605">
        <v>98</v>
      </c>
      <c r="AO14605">
        <v>99</v>
      </c>
      <c r="AP14605">
        <v>100</v>
      </c>
      <c r="AQ14605">
        <v>101</v>
      </c>
    </row>
    <row r="14606" spans="1:43">
      <c r="A14606" t="s">
        <v>9066</v>
      </c>
      <c r="B14606" t="s">
        <v>9067</v>
      </c>
      <c r="C14606" t="s">
        <v>9064</v>
      </c>
      <c r="D14606" t="s">
        <v>9065</v>
      </c>
      <c r="E14606" t="s">
        <v>8938</v>
      </c>
      <c r="F14606" t="s">
        <v>8939</v>
      </c>
      <c r="G14606" t="s">
        <v>80</v>
      </c>
      <c r="H14606" t="s">
        <v>81</v>
      </c>
      <c r="I14606" s="2">
        <v>0</v>
      </c>
      <c r="J14606" s="2">
        <v>1</v>
      </c>
      <c r="K14606" s="2">
        <v>0</v>
      </c>
      <c r="L14606" t="s">
        <v>82</v>
      </c>
      <c r="M14606" t="s">
        <v>83</v>
      </c>
      <c r="N14606" t="s">
        <v>84</v>
      </c>
      <c r="O14606" t="s">
        <v>85</v>
      </c>
      <c r="P14606" t="s">
        <v>86</v>
      </c>
      <c r="Q14606">
        <v>51</v>
      </c>
      <c r="R14606">
        <v>53</v>
      </c>
      <c r="S14606">
        <v>54</v>
      </c>
      <c r="T14606">
        <v>55</v>
      </c>
      <c r="U14606">
        <v>57</v>
      </c>
      <c r="V14606">
        <v>58</v>
      </c>
      <c r="W14606">
        <v>60</v>
      </c>
      <c r="X14606">
        <v>61</v>
      </c>
      <c r="Y14606">
        <v>62</v>
      </c>
      <c r="Z14606">
        <v>64</v>
      </c>
      <c r="AA14606">
        <v>65</v>
      </c>
      <c r="AB14606">
        <v>67</v>
      </c>
      <c r="AC14606">
        <v>68</v>
      </c>
      <c r="AD14606">
        <v>70</v>
      </c>
      <c r="AE14606">
        <v>71</v>
      </c>
      <c r="AF14606">
        <v>73</v>
      </c>
      <c r="AG14606">
        <v>74</v>
      </c>
      <c r="AH14606">
        <v>76</v>
      </c>
      <c r="AI14606">
        <v>77</v>
      </c>
      <c r="AJ14606">
        <v>79</v>
      </c>
      <c r="AK14606">
        <v>80</v>
      </c>
      <c r="AL14606">
        <v>81</v>
      </c>
      <c r="AM14606">
        <v>82</v>
      </c>
      <c r="AN14606">
        <v>83</v>
      </c>
      <c r="AO14606">
        <v>84</v>
      </c>
      <c r="AP14606">
        <v>85</v>
      </c>
      <c r="AQ14606">
        <v>86</v>
      </c>
    </row>
    <row r="14607" spans="1:43">
      <c r="A14607" t="s">
        <v>9066</v>
      </c>
      <c r="B14607" t="s">
        <v>9067</v>
      </c>
      <c r="C14607" t="s">
        <v>9064</v>
      </c>
      <c r="D14607" t="s">
        <v>9065</v>
      </c>
      <c r="E14607" t="s">
        <v>8938</v>
      </c>
      <c r="F14607" t="s">
        <v>8939</v>
      </c>
      <c r="G14607" t="s">
        <v>80</v>
      </c>
      <c r="H14607" t="s">
        <v>81</v>
      </c>
      <c r="I14607" s="2">
        <v>0</v>
      </c>
      <c r="J14607" s="2">
        <v>1</v>
      </c>
      <c r="K14607" s="2">
        <v>0</v>
      </c>
      <c r="L14607" t="s">
        <v>82</v>
      </c>
      <c r="M14607" t="s">
        <v>87</v>
      </c>
      <c r="N14607" t="s">
        <v>88</v>
      </c>
      <c r="O14607" t="s">
        <v>85</v>
      </c>
      <c r="P14607" t="s">
        <v>86</v>
      </c>
      <c r="Q14607">
        <v>51</v>
      </c>
      <c r="R14607">
        <v>52</v>
      </c>
      <c r="S14607">
        <v>53</v>
      </c>
      <c r="T14607">
        <v>53</v>
      </c>
      <c r="U14607">
        <v>54</v>
      </c>
      <c r="V14607">
        <v>55</v>
      </c>
      <c r="W14607">
        <v>56</v>
      </c>
      <c r="X14607">
        <v>57</v>
      </c>
      <c r="Y14607">
        <v>58</v>
      </c>
      <c r="Z14607">
        <v>59</v>
      </c>
      <c r="AA14607">
        <v>59</v>
      </c>
      <c r="AB14607">
        <v>60</v>
      </c>
      <c r="AC14607">
        <v>61</v>
      </c>
      <c r="AD14607">
        <v>62</v>
      </c>
      <c r="AE14607">
        <v>63</v>
      </c>
      <c r="AF14607">
        <v>64</v>
      </c>
      <c r="AG14607">
        <v>65</v>
      </c>
      <c r="AH14607">
        <v>66</v>
      </c>
      <c r="AI14607">
        <v>67</v>
      </c>
      <c r="AJ14607">
        <v>68</v>
      </c>
      <c r="AK14607">
        <v>68</v>
      </c>
      <c r="AL14607">
        <v>69</v>
      </c>
      <c r="AM14607">
        <v>70</v>
      </c>
      <c r="AN14607">
        <v>71</v>
      </c>
      <c r="AO14607">
        <v>72</v>
      </c>
      <c r="AP14607">
        <v>73</v>
      </c>
      <c r="AQ14607">
        <v>74</v>
      </c>
    </row>
    <row r="14608" spans="1:43">
      <c r="A14608" t="s">
        <v>9066</v>
      </c>
      <c r="B14608" t="s">
        <v>9067</v>
      </c>
      <c r="C14608" t="s">
        <v>9064</v>
      </c>
      <c r="D14608" t="s">
        <v>9065</v>
      </c>
      <c r="E14608" t="s">
        <v>8938</v>
      </c>
      <c r="F14608" t="s">
        <v>8939</v>
      </c>
      <c r="G14608" t="s">
        <v>80</v>
      </c>
      <c r="H14608" t="s">
        <v>81</v>
      </c>
      <c r="I14608" s="2">
        <v>0</v>
      </c>
      <c r="J14608" s="2">
        <v>1</v>
      </c>
      <c r="K14608" s="2">
        <v>0</v>
      </c>
      <c r="L14608" t="s">
        <v>82</v>
      </c>
      <c r="M14608" t="s">
        <v>89</v>
      </c>
      <c r="N14608" t="s">
        <v>90</v>
      </c>
      <c r="O14608" t="s">
        <v>85</v>
      </c>
      <c r="P14608" t="s">
        <v>86</v>
      </c>
      <c r="Q14608">
        <v>51</v>
      </c>
      <c r="R14608">
        <v>53</v>
      </c>
      <c r="S14608">
        <v>54</v>
      </c>
      <c r="T14608">
        <v>56</v>
      </c>
      <c r="U14608">
        <v>58</v>
      </c>
      <c r="V14608">
        <v>60</v>
      </c>
      <c r="W14608">
        <v>62</v>
      </c>
      <c r="X14608">
        <v>63</v>
      </c>
      <c r="Y14608">
        <v>65</v>
      </c>
      <c r="Z14608">
        <v>67</v>
      </c>
      <c r="AA14608">
        <v>69</v>
      </c>
      <c r="AB14608">
        <v>70</v>
      </c>
      <c r="AC14608">
        <v>72</v>
      </c>
      <c r="AD14608">
        <v>74</v>
      </c>
      <c r="AE14608">
        <v>75</v>
      </c>
      <c r="AF14608">
        <v>76</v>
      </c>
      <c r="AG14608">
        <v>77</v>
      </c>
      <c r="AH14608">
        <v>78</v>
      </c>
      <c r="AI14608">
        <v>79</v>
      </c>
      <c r="AJ14608">
        <v>80</v>
      </c>
      <c r="AK14608">
        <v>81</v>
      </c>
      <c r="AL14608">
        <v>81</v>
      </c>
      <c r="AM14608">
        <v>82</v>
      </c>
      <c r="AN14608">
        <v>83</v>
      </c>
      <c r="AO14608">
        <v>84</v>
      </c>
      <c r="AP14608">
        <v>85</v>
      </c>
      <c r="AQ14608">
        <v>86</v>
      </c>
    </row>
    <row r="14609" spans="1:43">
      <c r="A14609" t="s">
        <v>9066</v>
      </c>
      <c r="B14609" t="s">
        <v>9067</v>
      </c>
      <c r="C14609" t="s">
        <v>9064</v>
      </c>
      <c r="D14609" t="s">
        <v>9065</v>
      </c>
      <c r="E14609" t="s">
        <v>8938</v>
      </c>
      <c r="F14609" t="s">
        <v>8939</v>
      </c>
      <c r="G14609" t="s">
        <v>80</v>
      </c>
      <c r="H14609" t="s">
        <v>81</v>
      </c>
      <c r="I14609" s="2">
        <v>0</v>
      </c>
      <c r="J14609" s="2">
        <v>1</v>
      </c>
      <c r="K14609" s="2">
        <v>0</v>
      </c>
      <c r="L14609" t="s">
        <v>82</v>
      </c>
      <c r="M14609" t="s">
        <v>83</v>
      </c>
      <c r="N14609" t="s">
        <v>91</v>
      </c>
      <c r="O14609" t="s">
        <v>85</v>
      </c>
      <c r="P14609" t="s">
        <v>86</v>
      </c>
      <c r="Q14609">
        <v>51</v>
      </c>
      <c r="R14609">
        <v>53</v>
      </c>
      <c r="S14609">
        <v>54</v>
      </c>
      <c r="T14609">
        <v>55</v>
      </c>
      <c r="U14609">
        <v>57</v>
      </c>
      <c r="V14609">
        <v>58</v>
      </c>
      <c r="W14609">
        <v>60</v>
      </c>
      <c r="X14609">
        <v>61</v>
      </c>
      <c r="Y14609">
        <v>62</v>
      </c>
      <c r="Z14609">
        <v>64</v>
      </c>
      <c r="AA14609">
        <v>65</v>
      </c>
      <c r="AB14609">
        <v>67</v>
      </c>
      <c r="AC14609">
        <v>68</v>
      </c>
      <c r="AD14609">
        <v>70</v>
      </c>
      <c r="AE14609">
        <v>71</v>
      </c>
      <c r="AF14609">
        <v>73</v>
      </c>
      <c r="AG14609">
        <v>74</v>
      </c>
      <c r="AH14609">
        <v>76</v>
      </c>
      <c r="AI14609">
        <v>77</v>
      </c>
      <c r="AJ14609">
        <v>79</v>
      </c>
      <c r="AK14609">
        <v>80</v>
      </c>
      <c r="AL14609">
        <v>81</v>
      </c>
      <c r="AM14609">
        <v>82</v>
      </c>
      <c r="AN14609">
        <v>83</v>
      </c>
      <c r="AO14609">
        <v>84</v>
      </c>
      <c r="AP14609">
        <v>85</v>
      </c>
      <c r="AQ14609">
        <v>86</v>
      </c>
    </row>
    <row r="14610" spans="1:43">
      <c r="A14610" t="s">
        <v>9068</v>
      </c>
      <c r="B14610" t="s">
        <v>9069</v>
      </c>
      <c r="C14610" t="s">
        <v>9064</v>
      </c>
      <c r="D14610" t="s">
        <v>9065</v>
      </c>
      <c r="E14610" t="s">
        <v>8938</v>
      </c>
      <c r="F14610" t="s">
        <v>8939</v>
      </c>
      <c r="G14610" t="s">
        <v>80</v>
      </c>
      <c r="H14610" t="s">
        <v>81</v>
      </c>
      <c r="I14610" s="2">
        <v>0</v>
      </c>
      <c r="J14610" s="2">
        <v>1</v>
      </c>
      <c r="K14610" s="2">
        <v>0</v>
      </c>
      <c r="L14610" t="s">
        <v>82</v>
      </c>
      <c r="M14610" t="s">
        <v>83</v>
      </c>
      <c r="N14610" t="s">
        <v>84</v>
      </c>
      <c r="O14610" t="s">
        <v>85</v>
      </c>
      <c r="P14610" t="s">
        <v>86</v>
      </c>
      <c r="Q14610">
        <v>23</v>
      </c>
      <c r="R14610">
        <v>24</v>
      </c>
      <c r="S14610">
        <v>25</v>
      </c>
      <c r="T14610">
        <v>25</v>
      </c>
      <c r="U14610">
        <v>26</v>
      </c>
      <c r="V14610">
        <v>26</v>
      </c>
      <c r="W14610">
        <v>27</v>
      </c>
      <c r="X14610">
        <v>28</v>
      </c>
      <c r="Y14610">
        <v>28</v>
      </c>
      <c r="Z14610">
        <v>29</v>
      </c>
      <c r="AA14610">
        <v>30</v>
      </c>
      <c r="AB14610">
        <v>30</v>
      </c>
      <c r="AC14610">
        <v>31</v>
      </c>
      <c r="AD14610">
        <v>32</v>
      </c>
      <c r="AE14610">
        <v>32</v>
      </c>
      <c r="AF14610">
        <v>33</v>
      </c>
      <c r="AG14610">
        <v>34</v>
      </c>
      <c r="AH14610">
        <v>34</v>
      </c>
      <c r="AI14610">
        <v>35</v>
      </c>
      <c r="AJ14610">
        <v>36</v>
      </c>
      <c r="AK14610">
        <v>37</v>
      </c>
      <c r="AL14610">
        <v>37</v>
      </c>
      <c r="AM14610">
        <v>37</v>
      </c>
      <c r="AN14610">
        <v>38</v>
      </c>
      <c r="AO14610">
        <v>38</v>
      </c>
      <c r="AP14610">
        <v>39</v>
      </c>
      <c r="AQ14610">
        <v>39</v>
      </c>
    </row>
    <row r="14611" spans="1:43">
      <c r="A14611" t="s">
        <v>9068</v>
      </c>
      <c r="B14611" t="s">
        <v>9069</v>
      </c>
      <c r="C14611" t="s">
        <v>9064</v>
      </c>
      <c r="D14611" t="s">
        <v>9065</v>
      </c>
      <c r="E14611" t="s">
        <v>8938</v>
      </c>
      <c r="F14611" t="s">
        <v>8939</v>
      </c>
      <c r="G14611" t="s">
        <v>80</v>
      </c>
      <c r="H14611" t="s">
        <v>81</v>
      </c>
      <c r="I14611" s="2">
        <v>0</v>
      </c>
      <c r="J14611" s="2">
        <v>1</v>
      </c>
      <c r="K14611" s="2">
        <v>0</v>
      </c>
      <c r="L14611" t="s">
        <v>82</v>
      </c>
      <c r="M14611" t="s">
        <v>87</v>
      </c>
      <c r="N14611" t="s">
        <v>88</v>
      </c>
      <c r="O14611" t="s">
        <v>85</v>
      </c>
      <c r="P14611" t="s">
        <v>86</v>
      </c>
      <c r="Q14611">
        <v>23</v>
      </c>
      <c r="R14611">
        <v>24</v>
      </c>
      <c r="S14611">
        <v>24</v>
      </c>
      <c r="T14611">
        <v>24</v>
      </c>
      <c r="U14611">
        <v>25</v>
      </c>
      <c r="V14611">
        <v>25</v>
      </c>
      <c r="W14611">
        <v>25</v>
      </c>
      <c r="X14611">
        <v>26</v>
      </c>
      <c r="Y14611">
        <v>26</v>
      </c>
      <c r="Z14611">
        <v>27</v>
      </c>
      <c r="AA14611">
        <v>27</v>
      </c>
      <c r="AB14611">
        <v>27</v>
      </c>
      <c r="AC14611">
        <v>28</v>
      </c>
      <c r="AD14611">
        <v>28</v>
      </c>
      <c r="AE14611">
        <v>29</v>
      </c>
      <c r="AF14611">
        <v>29</v>
      </c>
      <c r="AG14611">
        <v>30</v>
      </c>
      <c r="AH14611">
        <v>30</v>
      </c>
      <c r="AI14611">
        <v>30</v>
      </c>
      <c r="AJ14611">
        <v>31</v>
      </c>
      <c r="AK14611">
        <v>31</v>
      </c>
      <c r="AL14611">
        <v>32</v>
      </c>
      <c r="AM14611">
        <v>32</v>
      </c>
      <c r="AN14611">
        <v>33</v>
      </c>
      <c r="AO14611">
        <v>33</v>
      </c>
      <c r="AP14611">
        <v>34</v>
      </c>
      <c r="AQ14611">
        <v>34</v>
      </c>
    </row>
    <row r="14612" spans="1:43">
      <c r="A14612" t="s">
        <v>9068</v>
      </c>
      <c r="B14612" t="s">
        <v>9069</v>
      </c>
      <c r="C14612" t="s">
        <v>9064</v>
      </c>
      <c r="D14612" t="s">
        <v>9065</v>
      </c>
      <c r="E14612" t="s">
        <v>8938</v>
      </c>
      <c r="F14612" t="s">
        <v>8939</v>
      </c>
      <c r="G14612" t="s">
        <v>80</v>
      </c>
      <c r="H14612" t="s">
        <v>81</v>
      </c>
      <c r="I14612" s="2">
        <v>0</v>
      </c>
      <c r="J14612" s="2">
        <v>1</v>
      </c>
      <c r="K14612" s="2">
        <v>0</v>
      </c>
      <c r="L14612" t="s">
        <v>82</v>
      </c>
      <c r="M14612" t="s">
        <v>89</v>
      </c>
      <c r="N14612" t="s">
        <v>90</v>
      </c>
      <c r="O14612" t="s">
        <v>85</v>
      </c>
      <c r="P14612" t="s">
        <v>86</v>
      </c>
      <c r="Q14612">
        <v>23</v>
      </c>
      <c r="R14612">
        <v>23</v>
      </c>
      <c r="S14612">
        <v>24</v>
      </c>
      <c r="T14612">
        <v>25</v>
      </c>
      <c r="U14612">
        <v>26</v>
      </c>
      <c r="V14612">
        <v>27</v>
      </c>
      <c r="W14612">
        <v>28</v>
      </c>
      <c r="X14612">
        <v>28</v>
      </c>
      <c r="Y14612">
        <v>29</v>
      </c>
      <c r="Z14612">
        <v>30</v>
      </c>
      <c r="AA14612">
        <v>31</v>
      </c>
      <c r="AB14612">
        <v>31</v>
      </c>
      <c r="AC14612">
        <v>32</v>
      </c>
      <c r="AD14612">
        <v>33</v>
      </c>
      <c r="AE14612">
        <v>34</v>
      </c>
      <c r="AF14612">
        <v>34</v>
      </c>
      <c r="AG14612">
        <v>34</v>
      </c>
      <c r="AH14612">
        <v>35</v>
      </c>
      <c r="AI14612">
        <v>35</v>
      </c>
      <c r="AJ14612">
        <v>36</v>
      </c>
      <c r="AK14612">
        <v>36</v>
      </c>
      <c r="AL14612">
        <v>36</v>
      </c>
      <c r="AM14612">
        <v>37</v>
      </c>
      <c r="AN14612">
        <v>37</v>
      </c>
      <c r="AO14612">
        <v>38</v>
      </c>
      <c r="AP14612">
        <v>38</v>
      </c>
      <c r="AQ14612">
        <v>38</v>
      </c>
    </row>
    <row r="14613" spans="1:43">
      <c r="A14613" t="s">
        <v>9068</v>
      </c>
      <c r="B14613" t="s">
        <v>9069</v>
      </c>
      <c r="C14613" t="s">
        <v>9064</v>
      </c>
      <c r="D14613" t="s">
        <v>9065</v>
      </c>
      <c r="E14613" t="s">
        <v>8938</v>
      </c>
      <c r="F14613" t="s">
        <v>8939</v>
      </c>
      <c r="G14613" t="s">
        <v>80</v>
      </c>
      <c r="H14613" t="s">
        <v>81</v>
      </c>
      <c r="I14613" s="2">
        <v>0</v>
      </c>
      <c r="J14613" s="2">
        <v>1</v>
      </c>
      <c r="K14613" s="2">
        <v>0</v>
      </c>
      <c r="L14613" t="s">
        <v>82</v>
      </c>
      <c r="M14613" t="s">
        <v>83</v>
      </c>
      <c r="N14613" t="s">
        <v>91</v>
      </c>
      <c r="O14613" t="s">
        <v>85</v>
      </c>
      <c r="P14613" t="s">
        <v>86</v>
      </c>
      <c r="Q14613">
        <v>23</v>
      </c>
      <c r="R14613">
        <v>24</v>
      </c>
      <c r="S14613">
        <v>25</v>
      </c>
      <c r="T14613">
        <v>25</v>
      </c>
      <c r="U14613">
        <v>26</v>
      </c>
      <c r="V14613">
        <v>26</v>
      </c>
      <c r="W14613">
        <v>27</v>
      </c>
      <c r="X14613">
        <v>28</v>
      </c>
      <c r="Y14613">
        <v>28</v>
      </c>
      <c r="Z14613">
        <v>29</v>
      </c>
      <c r="AA14613">
        <v>30</v>
      </c>
      <c r="AB14613">
        <v>30</v>
      </c>
      <c r="AC14613">
        <v>31</v>
      </c>
      <c r="AD14613">
        <v>32</v>
      </c>
      <c r="AE14613">
        <v>32</v>
      </c>
      <c r="AF14613">
        <v>33</v>
      </c>
      <c r="AG14613">
        <v>34</v>
      </c>
      <c r="AH14613">
        <v>34</v>
      </c>
      <c r="AI14613">
        <v>35</v>
      </c>
      <c r="AJ14613">
        <v>36</v>
      </c>
      <c r="AK14613">
        <v>37</v>
      </c>
      <c r="AL14613">
        <v>37</v>
      </c>
      <c r="AM14613">
        <v>37</v>
      </c>
      <c r="AN14613">
        <v>38</v>
      </c>
      <c r="AO14613">
        <v>38</v>
      </c>
      <c r="AP14613">
        <v>39</v>
      </c>
      <c r="AQ14613">
        <v>39</v>
      </c>
    </row>
    <row r="14614" spans="1:43">
      <c r="A14614" t="s">
        <v>9070</v>
      </c>
      <c r="B14614" t="s">
        <v>9071</v>
      </c>
      <c r="C14614" t="s">
        <v>9072</v>
      </c>
      <c r="D14614" t="s">
        <v>9073</v>
      </c>
      <c r="E14614" t="s">
        <v>8938</v>
      </c>
      <c r="F14614" t="s">
        <v>8939</v>
      </c>
      <c r="G14614" t="s">
        <v>80</v>
      </c>
      <c r="H14614" t="s">
        <v>81</v>
      </c>
      <c r="I14614" s="2">
        <v>0</v>
      </c>
      <c r="J14614" s="2">
        <v>1</v>
      </c>
      <c r="K14614" s="2">
        <v>0</v>
      </c>
      <c r="L14614" t="s">
        <v>82</v>
      </c>
      <c r="M14614" t="s">
        <v>83</v>
      </c>
      <c r="N14614" t="s">
        <v>84</v>
      </c>
      <c r="O14614" t="s">
        <v>85</v>
      </c>
      <c r="P14614" t="s">
        <v>86</v>
      </c>
      <c r="Q14614">
        <v>26</v>
      </c>
      <c r="R14614">
        <v>26</v>
      </c>
      <c r="S14614">
        <v>27</v>
      </c>
      <c r="T14614">
        <v>28</v>
      </c>
      <c r="U14614">
        <v>28</v>
      </c>
      <c r="V14614">
        <v>29</v>
      </c>
      <c r="W14614">
        <v>30</v>
      </c>
      <c r="X14614">
        <v>30</v>
      </c>
      <c r="Y14614">
        <v>31</v>
      </c>
      <c r="Z14614">
        <v>32</v>
      </c>
      <c r="AA14614">
        <v>33</v>
      </c>
      <c r="AB14614">
        <v>33</v>
      </c>
      <c r="AC14614">
        <v>34</v>
      </c>
      <c r="AD14614">
        <v>35</v>
      </c>
      <c r="AE14614">
        <v>35</v>
      </c>
      <c r="AF14614">
        <v>36</v>
      </c>
      <c r="AG14614">
        <v>37</v>
      </c>
      <c r="AH14614">
        <v>38</v>
      </c>
      <c r="AI14614">
        <v>38</v>
      </c>
      <c r="AJ14614">
        <v>39</v>
      </c>
      <c r="AK14614">
        <v>40</v>
      </c>
      <c r="AL14614">
        <v>41</v>
      </c>
      <c r="AM14614">
        <v>41</v>
      </c>
      <c r="AN14614">
        <v>41</v>
      </c>
      <c r="AO14614">
        <v>42</v>
      </c>
      <c r="AP14614">
        <v>42</v>
      </c>
      <c r="AQ14614">
        <v>43</v>
      </c>
    </row>
    <row r="14615" spans="1:43">
      <c r="A14615" t="s">
        <v>9070</v>
      </c>
      <c r="B14615" t="s">
        <v>9071</v>
      </c>
      <c r="C14615" t="s">
        <v>9072</v>
      </c>
      <c r="D14615" t="s">
        <v>9073</v>
      </c>
      <c r="E14615" t="s">
        <v>8938</v>
      </c>
      <c r="F14615" t="s">
        <v>8939</v>
      </c>
      <c r="G14615" t="s">
        <v>80</v>
      </c>
      <c r="H14615" t="s">
        <v>81</v>
      </c>
      <c r="I14615" s="2">
        <v>0</v>
      </c>
      <c r="J14615" s="2">
        <v>1</v>
      </c>
      <c r="K14615" s="2">
        <v>0</v>
      </c>
      <c r="L14615" t="s">
        <v>82</v>
      </c>
      <c r="M14615" t="s">
        <v>87</v>
      </c>
      <c r="N14615" t="s">
        <v>88</v>
      </c>
      <c r="O14615" t="s">
        <v>85</v>
      </c>
      <c r="P14615" t="s">
        <v>86</v>
      </c>
      <c r="Q14615">
        <v>26</v>
      </c>
      <c r="R14615">
        <v>27</v>
      </c>
      <c r="S14615">
        <v>27</v>
      </c>
      <c r="T14615">
        <v>28</v>
      </c>
      <c r="U14615">
        <v>28</v>
      </c>
      <c r="V14615">
        <v>28</v>
      </c>
      <c r="W14615">
        <v>29</v>
      </c>
      <c r="X14615">
        <v>29</v>
      </c>
      <c r="Y14615">
        <v>30</v>
      </c>
      <c r="Z14615">
        <v>30</v>
      </c>
      <c r="AA14615">
        <v>31</v>
      </c>
      <c r="AB14615">
        <v>31</v>
      </c>
      <c r="AC14615">
        <v>32</v>
      </c>
      <c r="AD14615">
        <v>32</v>
      </c>
      <c r="AE14615">
        <v>32</v>
      </c>
      <c r="AF14615">
        <v>33</v>
      </c>
      <c r="AG14615">
        <v>33</v>
      </c>
      <c r="AH14615">
        <v>34</v>
      </c>
      <c r="AI14615">
        <v>34</v>
      </c>
      <c r="AJ14615">
        <v>35</v>
      </c>
      <c r="AK14615">
        <v>35</v>
      </c>
      <c r="AL14615">
        <v>36</v>
      </c>
      <c r="AM14615">
        <v>36</v>
      </c>
      <c r="AN14615">
        <v>37</v>
      </c>
      <c r="AO14615">
        <v>37</v>
      </c>
      <c r="AP14615">
        <v>38</v>
      </c>
      <c r="AQ14615">
        <v>38</v>
      </c>
    </row>
    <row r="14616" spans="1:43">
      <c r="A14616" t="s">
        <v>9070</v>
      </c>
      <c r="B14616" t="s">
        <v>9071</v>
      </c>
      <c r="C14616" t="s">
        <v>9072</v>
      </c>
      <c r="D14616" t="s">
        <v>9073</v>
      </c>
      <c r="E14616" t="s">
        <v>8938</v>
      </c>
      <c r="F14616" t="s">
        <v>8939</v>
      </c>
      <c r="G14616" t="s">
        <v>80</v>
      </c>
      <c r="H14616" t="s">
        <v>81</v>
      </c>
      <c r="I14616" s="2">
        <v>0</v>
      </c>
      <c r="J14616" s="2">
        <v>1</v>
      </c>
      <c r="K14616" s="2">
        <v>0</v>
      </c>
      <c r="L14616" t="s">
        <v>82</v>
      </c>
      <c r="M14616" t="s">
        <v>89</v>
      </c>
      <c r="N14616" t="s">
        <v>90</v>
      </c>
      <c r="O14616" t="s">
        <v>85</v>
      </c>
      <c r="P14616" t="s">
        <v>86</v>
      </c>
      <c r="Q14616">
        <v>26</v>
      </c>
      <c r="R14616">
        <v>27</v>
      </c>
      <c r="S14616">
        <v>28</v>
      </c>
      <c r="T14616">
        <v>28</v>
      </c>
      <c r="U14616">
        <v>29</v>
      </c>
      <c r="V14616">
        <v>30</v>
      </c>
      <c r="W14616">
        <v>31</v>
      </c>
      <c r="X14616">
        <v>32</v>
      </c>
      <c r="Y14616">
        <v>33</v>
      </c>
      <c r="Z14616">
        <v>34</v>
      </c>
      <c r="AA14616">
        <v>35</v>
      </c>
      <c r="AB14616">
        <v>35</v>
      </c>
      <c r="AC14616">
        <v>36</v>
      </c>
      <c r="AD14616">
        <v>37</v>
      </c>
      <c r="AE14616">
        <v>38</v>
      </c>
      <c r="AF14616">
        <v>38</v>
      </c>
      <c r="AG14616">
        <v>39</v>
      </c>
      <c r="AH14616">
        <v>39</v>
      </c>
      <c r="AI14616">
        <v>40</v>
      </c>
      <c r="AJ14616">
        <v>40</v>
      </c>
      <c r="AK14616">
        <v>40</v>
      </c>
      <c r="AL14616">
        <v>41</v>
      </c>
      <c r="AM14616">
        <v>41</v>
      </c>
      <c r="AN14616">
        <v>42</v>
      </c>
      <c r="AO14616">
        <v>42</v>
      </c>
      <c r="AP14616">
        <v>43</v>
      </c>
      <c r="AQ14616">
        <v>43</v>
      </c>
    </row>
    <row r="14617" spans="1:43">
      <c r="A14617" t="s">
        <v>9070</v>
      </c>
      <c r="B14617" t="s">
        <v>9071</v>
      </c>
      <c r="C14617" t="s">
        <v>9072</v>
      </c>
      <c r="D14617" t="s">
        <v>9073</v>
      </c>
      <c r="E14617" t="s">
        <v>8938</v>
      </c>
      <c r="F14617" t="s">
        <v>8939</v>
      </c>
      <c r="G14617" t="s">
        <v>80</v>
      </c>
      <c r="H14617" t="s">
        <v>81</v>
      </c>
      <c r="I14617" s="2">
        <v>0</v>
      </c>
      <c r="J14617" s="2">
        <v>1</v>
      </c>
      <c r="K14617" s="2">
        <v>0</v>
      </c>
      <c r="L14617" t="s">
        <v>82</v>
      </c>
      <c r="M14617" t="s">
        <v>83</v>
      </c>
      <c r="N14617" t="s">
        <v>91</v>
      </c>
      <c r="O14617" t="s">
        <v>85</v>
      </c>
      <c r="P14617" t="s">
        <v>86</v>
      </c>
      <c r="Q14617">
        <v>26</v>
      </c>
      <c r="R14617">
        <v>26</v>
      </c>
      <c r="S14617">
        <v>27</v>
      </c>
      <c r="T14617">
        <v>28</v>
      </c>
      <c r="U14617">
        <v>28</v>
      </c>
      <c r="V14617">
        <v>29</v>
      </c>
      <c r="W14617">
        <v>30</v>
      </c>
      <c r="X14617">
        <v>30</v>
      </c>
      <c r="Y14617">
        <v>31</v>
      </c>
      <c r="Z14617">
        <v>32</v>
      </c>
      <c r="AA14617">
        <v>33</v>
      </c>
      <c r="AB14617">
        <v>33</v>
      </c>
      <c r="AC14617">
        <v>34</v>
      </c>
      <c r="AD14617">
        <v>35</v>
      </c>
      <c r="AE14617">
        <v>35</v>
      </c>
      <c r="AF14617">
        <v>36</v>
      </c>
      <c r="AG14617">
        <v>37</v>
      </c>
      <c r="AH14617">
        <v>38</v>
      </c>
      <c r="AI14617">
        <v>38</v>
      </c>
      <c r="AJ14617">
        <v>39</v>
      </c>
      <c r="AK14617">
        <v>40</v>
      </c>
      <c r="AL14617">
        <v>41</v>
      </c>
      <c r="AM14617">
        <v>41</v>
      </c>
      <c r="AN14617">
        <v>41</v>
      </c>
      <c r="AO14617">
        <v>42</v>
      </c>
      <c r="AP14617">
        <v>42</v>
      </c>
      <c r="AQ14617">
        <v>43</v>
      </c>
    </row>
    <row r="14618" spans="1:43">
      <c r="A14618" t="s">
        <v>9074</v>
      </c>
      <c r="B14618" t="s">
        <v>9075</v>
      </c>
      <c r="C14618" t="s">
        <v>9064</v>
      </c>
      <c r="D14618" t="s">
        <v>9065</v>
      </c>
      <c r="E14618" t="s">
        <v>8938</v>
      </c>
      <c r="F14618" t="s">
        <v>8939</v>
      </c>
      <c r="G14618" t="s">
        <v>80</v>
      </c>
      <c r="H14618" t="s">
        <v>81</v>
      </c>
      <c r="I14618" s="2">
        <v>0</v>
      </c>
      <c r="J14618" s="2">
        <v>1</v>
      </c>
      <c r="K14618" s="2">
        <v>0</v>
      </c>
      <c r="L14618" t="s">
        <v>82</v>
      </c>
      <c r="M14618" t="s">
        <v>83</v>
      </c>
      <c r="N14618" t="s">
        <v>84</v>
      </c>
      <c r="O14618" t="s">
        <v>85</v>
      </c>
      <c r="P14618" t="s">
        <v>86</v>
      </c>
      <c r="Q14618">
        <v>7</v>
      </c>
      <c r="R14618">
        <v>7</v>
      </c>
      <c r="S14618">
        <v>7</v>
      </c>
      <c r="T14618">
        <v>7</v>
      </c>
      <c r="U14618">
        <v>7</v>
      </c>
      <c r="V14618">
        <v>8</v>
      </c>
      <c r="W14618">
        <v>8</v>
      </c>
      <c r="X14618">
        <v>8</v>
      </c>
      <c r="Y14618">
        <v>8</v>
      </c>
      <c r="Z14618">
        <v>8</v>
      </c>
      <c r="AA14618">
        <v>9</v>
      </c>
      <c r="AB14618">
        <v>9</v>
      </c>
      <c r="AC14618">
        <v>9</v>
      </c>
      <c r="AD14618">
        <v>9</v>
      </c>
      <c r="AE14618">
        <v>9</v>
      </c>
      <c r="AF14618">
        <v>10</v>
      </c>
      <c r="AG14618">
        <v>10</v>
      </c>
      <c r="AH14618">
        <v>10</v>
      </c>
      <c r="AI14618">
        <v>10</v>
      </c>
      <c r="AJ14618">
        <v>10</v>
      </c>
      <c r="AK14618">
        <v>11</v>
      </c>
      <c r="AL14618">
        <v>11</v>
      </c>
      <c r="AM14618">
        <v>11</v>
      </c>
      <c r="AN14618">
        <v>11</v>
      </c>
      <c r="AO14618">
        <v>11</v>
      </c>
      <c r="AP14618">
        <v>11</v>
      </c>
      <c r="AQ14618">
        <v>11</v>
      </c>
    </row>
    <row r="14619" spans="1:43">
      <c r="A14619" t="s">
        <v>9074</v>
      </c>
      <c r="B14619" t="s">
        <v>9075</v>
      </c>
      <c r="C14619" t="s">
        <v>9064</v>
      </c>
      <c r="D14619" t="s">
        <v>9065</v>
      </c>
      <c r="E14619" t="s">
        <v>8938</v>
      </c>
      <c r="F14619" t="s">
        <v>8939</v>
      </c>
      <c r="G14619" t="s">
        <v>80</v>
      </c>
      <c r="H14619" t="s">
        <v>81</v>
      </c>
      <c r="I14619" s="2">
        <v>0</v>
      </c>
      <c r="J14619" s="2">
        <v>1</v>
      </c>
      <c r="K14619" s="2">
        <v>0</v>
      </c>
      <c r="L14619" t="s">
        <v>82</v>
      </c>
      <c r="M14619" t="s">
        <v>87</v>
      </c>
      <c r="N14619" t="s">
        <v>88</v>
      </c>
      <c r="O14619" t="s">
        <v>85</v>
      </c>
      <c r="P14619" t="s">
        <v>86</v>
      </c>
      <c r="Q14619">
        <v>7</v>
      </c>
      <c r="R14619">
        <v>7</v>
      </c>
      <c r="S14619">
        <v>7</v>
      </c>
      <c r="T14619">
        <v>7</v>
      </c>
      <c r="U14619">
        <v>7</v>
      </c>
      <c r="V14619">
        <v>7</v>
      </c>
      <c r="W14619">
        <v>7</v>
      </c>
      <c r="X14619">
        <v>7</v>
      </c>
      <c r="Y14619">
        <v>8</v>
      </c>
      <c r="Z14619">
        <v>8</v>
      </c>
      <c r="AA14619">
        <v>8</v>
      </c>
      <c r="AB14619">
        <v>8</v>
      </c>
      <c r="AC14619">
        <v>8</v>
      </c>
      <c r="AD14619">
        <v>8</v>
      </c>
      <c r="AE14619">
        <v>8</v>
      </c>
      <c r="AF14619">
        <v>8</v>
      </c>
      <c r="AG14619">
        <v>8</v>
      </c>
      <c r="AH14619">
        <v>9</v>
      </c>
      <c r="AI14619">
        <v>9</v>
      </c>
      <c r="AJ14619">
        <v>9</v>
      </c>
      <c r="AK14619">
        <v>9</v>
      </c>
      <c r="AL14619">
        <v>9</v>
      </c>
      <c r="AM14619">
        <v>9</v>
      </c>
      <c r="AN14619">
        <v>9</v>
      </c>
      <c r="AO14619">
        <v>9</v>
      </c>
      <c r="AP14619">
        <v>10</v>
      </c>
      <c r="AQ14619">
        <v>10</v>
      </c>
    </row>
    <row r="14620" spans="1:43">
      <c r="A14620" t="s">
        <v>9074</v>
      </c>
      <c r="B14620" t="s">
        <v>9075</v>
      </c>
      <c r="C14620" t="s">
        <v>9064</v>
      </c>
      <c r="D14620" t="s">
        <v>9065</v>
      </c>
      <c r="E14620" t="s">
        <v>8938</v>
      </c>
      <c r="F14620" t="s">
        <v>8939</v>
      </c>
      <c r="G14620" t="s">
        <v>80</v>
      </c>
      <c r="H14620" t="s">
        <v>81</v>
      </c>
      <c r="I14620" s="2">
        <v>0</v>
      </c>
      <c r="J14620" s="2">
        <v>1</v>
      </c>
      <c r="K14620" s="2">
        <v>0</v>
      </c>
      <c r="L14620" t="s">
        <v>82</v>
      </c>
      <c r="M14620" t="s">
        <v>89</v>
      </c>
      <c r="N14620" t="s">
        <v>90</v>
      </c>
      <c r="O14620" t="s">
        <v>85</v>
      </c>
      <c r="P14620" t="s">
        <v>86</v>
      </c>
      <c r="Q14620">
        <v>7</v>
      </c>
      <c r="R14620">
        <v>7</v>
      </c>
      <c r="S14620">
        <v>7</v>
      </c>
      <c r="T14620">
        <v>7</v>
      </c>
      <c r="U14620">
        <v>8</v>
      </c>
      <c r="V14620">
        <v>8</v>
      </c>
      <c r="W14620">
        <v>8</v>
      </c>
      <c r="X14620">
        <v>8</v>
      </c>
      <c r="Y14620">
        <v>9</v>
      </c>
      <c r="Z14620">
        <v>9</v>
      </c>
      <c r="AA14620">
        <v>9</v>
      </c>
      <c r="AB14620">
        <v>9</v>
      </c>
      <c r="AC14620">
        <v>10</v>
      </c>
      <c r="AD14620">
        <v>10</v>
      </c>
      <c r="AE14620">
        <v>10</v>
      </c>
      <c r="AF14620">
        <v>10</v>
      </c>
      <c r="AG14620">
        <v>10</v>
      </c>
      <c r="AH14620">
        <v>10</v>
      </c>
      <c r="AI14620">
        <v>10</v>
      </c>
      <c r="AJ14620">
        <v>11</v>
      </c>
      <c r="AK14620">
        <v>11</v>
      </c>
      <c r="AL14620">
        <v>11</v>
      </c>
      <c r="AM14620">
        <v>11</v>
      </c>
      <c r="AN14620">
        <v>11</v>
      </c>
      <c r="AO14620">
        <v>11</v>
      </c>
      <c r="AP14620">
        <v>11</v>
      </c>
      <c r="AQ14620">
        <v>11</v>
      </c>
    </row>
    <row r="14621" spans="1:43">
      <c r="A14621" t="s">
        <v>9074</v>
      </c>
      <c r="B14621" t="s">
        <v>9075</v>
      </c>
      <c r="C14621" t="s">
        <v>9064</v>
      </c>
      <c r="D14621" t="s">
        <v>9065</v>
      </c>
      <c r="E14621" t="s">
        <v>8938</v>
      </c>
      <c r="F14621" t="s">
        <v>8939</v>
      </c>
      <c r="G14621" t="s">
        <v>80</v>
      </c>
      <c r="H14621" t="s">
        <v>81</v>
      </c>
      <c r="I14621" s="2">
        <v>0</v>
      </c>
      <c r="J14621" s="2">
        <v>1</v>
      </c>
      <c r="K14621" s="2">
        <v>0</v>
      </c>
      <c r="L14621" t="s">
        <v>82</v>
      </c>
      <c r="M14621" t="s">
        <v>83</v>
      </c>
      <c r="N14621" t="s">
        <v>91</v>
      </c>
      <c r="O14621" t="s">
        <v>85</v>
      </c>
      <c r="P14621" t="s">
        <v>86</v>
      </c>
      <c r="Q14621">
        <v>7</v>
      </c>
      <c r="R14621">
        <v>7</v>
      </c>
      <c r="S14621">
        <v>7</v>
      </c>
      <c r="T14621">
        <v>7</v>
      </c>
      <c r="U14621">
        <v>7</v>
      </c>
      <c r="V14621">
        <v>8</v>
      </c>
      <c r="W14621">
        <v>8</v>
      </c>
      <c r="X14621">
        <v>8</v>
      </c>
      <c r="Y14621">
        <v>8</v>
      </c>
      <c r="Z14621">
        <v>8</v>
      </c>
      <c r="AA14621">
        <v>9</v>
      </c>
      <c r="AB14621">
        <v>9</v>
      </c>
      <c r="AC14621">
        <v>9</v>
      </c>
      <c r="AD14621">
        <v>9</v>
      </c>
      <c r="AE14621">
        <v>9</v>
      </c>
      <c r="AF14621">
        <v>10</v>
      </c>
      <c r="AG14621">
        <v>10</v>
      </c>
      <c r="AH14621">
        <v>10</v>
      </c>
      <c r="AI14621">
        <v>10</v>
      </c>
      <c r="AJ14621">
        <v>10</v>
      </c>
      <c r="AK14621">
        <v>11</v>
      </c>
      <c r="AL14621">
        <v>11</v>
      </c>
      <c r="AM14621">
        <v>11</v>
      </c>
      <c r="AN14621">
        <v>11</v>
      </c>
      <c r="AO14621">
        <v>11</v>
      </c>
      <c r="AP14621">
        <v>11</v>
      </c>
      <c r="AQ14621">
        <v>11</v>
      </c>
    </row>
    <row r="14622" spans="1:43">
      <c r="A14622" t="s">
        <v>9076</v>
      </c>
      <c r="B14622" t="s">
        <v>9077</v>
      </c>
      <c r="C14622" t="s">
        <v>9028</v>
      </c>
      <c r="D14622" t="s">
        <v>9029</v>
      </c>
      <c r="E14622" t="s">
        <v>8938</v>
      </c>
      <c r="F14622" t="s">
        <v>8939</v>
      </c>
      <c r="G14622" t="s">
        <v>80</v>
      </c>
      <c r="H14622" t="s">
        <v>81</v>
      </c>
      <c r="I14622" s="2">
        <v>0</v>
      </c>
      <c r="J14622" s="2">
        <v>1</v>
      </c>
      <c r="K14622" s="2">
        <v>0</v>
      </c>
      <c r="L14622" t="s">
        <v>82</v>
      </c>
      <c r="M14622" t="s">
        <v>83</v>
      </c>
      <c r="N14622" t="s">
        <v>84</v>
      </c>
      <c r="O14622" t="s">
        <v>85</v>
      </c>
      <c r="P14622" t="s">
        <v>86</v>
      </c>
      <c r="Q14622">
        <v>68</v>
      </c>
      <c r="R14622">
        <v>69</v>
      </c>
      <c r="S14622">
        <v>71</v>
      </c>
      <c r="T14622">
        <v>73</v>
      </c>
      <c r="U14622">
        <v>75</v>
      </c>
      <c r="V14622">
        <v>77</v>
      </c>
      <c r="W14622">
        <v>78</v>
      </c>
      <c r="X14622">
        <v>80</v>
      </c>
      <c r="Y14622">
        <v>82</v>
      </c>
      <c r="Z14622">
        <v>84</v>
      </c>
      <c r="AA14622">
        <v>86</v>
      </c>
      <c r="AB14622">
        <v>88</v>
      </c>
      <c r="AC14622">
        <v>90</v>
      </c>
      <c r="AD14622">
        <v>92</v>
      </c>
      <c r="AE14622">
        <v>94</v>
      </c>
      <c r="AF14622">
        <v>96</v>
      </c>
      <c r="AG14622">
        <v>98</v>
      </c>
      <c r="AH14622">
        <v>100</v>
      </c>
      <c r="AI14622">
        <v>102</v>
      </c>
      <c r="AJ14622">
        <v>104</v>
      </c>
      <c r="AK14622">
        <v>106</v>
      </c>
      <c r="AL14622">
        <v>107</v>
      </c>
      <c r="AM14622">
        <v>108</v>
      </c>
      <c r="AN14622">
        <v>110</v>
      </c>
      <c r="AO14622">
        <v>111</v>
      </c>
      <c r="AP14622">
        <v>112</v>
      </c>
      <c r="AQ14622">
        <v>113</v>
      </c>
    </row>
    <row r="14623" spans="1:43">
      <c r="A14623" t="s">
        <v>9076</v>
      </c>
      <c r="B14623" t="s">
        <v>9077</v>
      </c>
      <c r="C14623" t="s">
        <v>9028</v>
      </c>
      <c r="D14623" t="s">
        <v>9029</v>
      </c>
      <c r="E14623" t="s">
        <v>8938</v>
      </c>
      <c r="F14623" t="s">
        <v>8939</v>
      </c>
      <c r="G14623" t="s">
        <v>80</v>
      </c>
      <c r="H14623" t="s">
        <v>81</v>
      </c>
      <c r="I14623" s="2">
        <v>0</v>
      </c>
      <c r="J14623" s="2">
        <v>1</v>
      </c>
      <c r="K14623" s="2">
        <v>0</v>
      </c>
      <c r="L14623" t="s">
        <v>82</v>
      </c>
      <c r="M14623" t="s">
        <v>87</v>
      </c>
      <c r="N14623" t="s">
        <v>88</v>
      </c>
      <c r="O14623" t="s">
        <v>85</v>
      </c>
      <c r="P14623" t="s">
        <v>86</v>
      </c>
      <c r="Q14623">
        <v>68</v>
      </c>
      <c r="R14623">
        <v>69</v>
      </c>
      <c r="S14623">
        <v>70</v>
      </c>
      <c r="T14623">
        <v>71</v>
      </c>
      <c r="U14623">
        <v>72</v>
      </c>
      <c r="V14623">
        <v>74</v>
      </c>
      <c r="W14623">
        <v>75</v>
      </c>
      <c r="X14623">
        <v>76</v>
      </c>
      <c r="Y14623">
        <v>77</v>
      </c>
      <c r="Z14623">
        <v>78</v>
      </c>
      <c r="AA14623">
        <v>79</v>
      </c>
      <c r="AB14623">
        <v>80</v>
      </c>
      <c r="AC14623">
        <v>82</v>
      </c>
      <c r="AD14623">
        <v>83</v>
      </c>
      <c r="AE14623">
        <v>84</v>
      </c>
      <c r="AF14623">
        <v>85</v>
      </c>
      <c r="AG14623">
        <v>86</v>
      </c>
      <c r="AH14623">
        <v>88</v>
      </c>
      <c r="AI14623">
        <v>89</v>
      </c>
      <c r="AJ14623">
        <v>90</v>
      </c>
      <c r="AK14623">
        <v>91</v>
      </c>
      <c r="AL14623">
        <v>92</v>
      </c>
      <c r="AM14623">
        <v>94</v>
      </c>
      <c r="AN14623">
        <v>95</v>
      </c>
      <c r="AO14623">
        <v>96</v>
      </c>
      <c r="AP14623">
        <v>98</v>
      </c>
      <c r="AQ14623">
        <v>99</v>
      </c>
    </row>
    <row r="14624" spans="1:43">
      <c r="A14624" t="s">
        <v>9076</v>
      </c>
      <c r="B14624" t="s">
        <v>9077</v>
      </c>
      <c r="C14624" t="s">
        <v>9028</v>
      </c>
      <c r="D14624" t="s">
        <v>9029</v>
      </c>
      <c r="E14624" t="s">
        <v>8938</v>
      </c>
      <c r="F14624" t="s">
        <v>8939</v>
      </c>
      <c r="G14624" t="s">
        <v>80</v>
      </c>
      <c r="H14624" t="s">
        <v>81</v>
      </c>
      <c r="I14624" s="2">
        <v>0</v>
      </c>
      <c r="J14624" s="2">
        <v>1</v>
      </c>
      <c r="K14624" s="2">
        <v>0</v>
      </c>
      <c r="L14624" t="s">
        <v>82</v>
      </c>
      <c r="M14624" t="s">
        <v>89</v>
      </c>
      <c r="N14624" t="s">
        <v>90</v>
      </c>
      <c r="O14624" t="s">
        <v>85</v>
      </c>
      <c r="P14624" t="s">
        <v>86</v>
      </c>
      <c r="Q14624">
        <v>68</v>
      </c>
      <c r="R14624">
        <v>71</v>
      </c>
      <c r="S14624">
        <v>73</v>
      </c>
      <c r="T14624">
        <v>75</v>
      </c>
      <c r="U14624">
        <v>78</v>
      </c>
      <c r="V14624">
        <v>80</v>
      </c>
      <c r="W14624">
        <v>82</v>
      </c>
      <c r="X14624">
        <v>85</v>
      </c>
      <c r="Y14624">
        <v>87</v>
      </c>
      <c r="Z14624">
        <v>89</v>
      </c>
      <c r="AA14624">
        <v>92</v>
      </c>
      <c r="AB14624">
        <v>94</v>
      </c>
      <c r="AC14624">
        <v>96</v>
      </c>
      <c r="AD14624">
        <v>99</v>
      </c>
      <c r="AE14624">
        <v>101</v>
      </c>
      <c r="AF14624">
        <v>102</v>
      </c>
      <c r="AG14624">
        <v>103</v>
      </c>
      <c r="AH14624">
        <v>104</v>
      </c>
      <c r="AI14624">
        <v>105</v>
      </c>
      <c r="AJ14624">
        <v>106</v>
      </c>
      <c r="AK14624">
        <v>107</v>
      </c>
      <c r="AL14624">
        <v>108</v>
      </c>
      <c r="AM14624">
        <v>109</v>
      </c>
      <c r="AN14624">
        <v>110</v>
      </c>
      <c r="AO14624">
        <v>111</v>
      </c>
      <c r="AP14624">
        <v>112</v>
      </c>
      <c r="AQ14624">
        <v>114</v>
      </c>
    </row>
    <row r="14625" spans="1:43">
      <c r="A14625" t="s">
        <v>9076</v>
      </c>
      <c r="B14625" t="s">
        <v>9077</v>
      </c>
      <c r="C14625" t="s">
        <v>9028</v>
      </c>
      <c r="D14625" t="s">
        <v>9029</v>
      </c>
      <c r="E14625" t="s">
        <v>8938</v>
      </c>
      <c r="F14625" t="s">
        <v>8939</v>
      </c>
      <c r="G14625" t="s">
        <v>80</v>
      </c>
      <c r="H14625" t="s">
        <v>81</v>
      </c>
      <c r="I14625" s="2">
        <v>0</v>
      </c>
      <c r="J14625" s="2">
        <v>1</v>
      </c>
      <c r="K14625" s="2">
        <v>0</v>
      </c>
      <c r="L14625" t="s">
        <v>82</v>
      </c>
      <c r="M14625" t="s">
        <v>83</v>
      </c>
      <c r="N14625" t="s">
        <v>91</v>
      </c>
      <c r="O14625" t="s">
        <v>85</v>
      </c>
      <c r="P14625" t="s">
        <v>86</v>
      </c>
      <c r="Q14625">
        <v>68</v>
      </c>
      <c r="R14625">
        <v>69</v>
      </c>
      <c r="S14625">
        <v>71</v>
      </c>
      <c r="T14625">
        <v>73</v>
      </c>
      <c r="U14625">
        <v>75</v>
      </c>
      <c r="V14625">
        <v>77</v>
      </c>
      <c r="W14625">
        <v>78</v>
      </c>
      <c r="X14625">
        <v>80</v>
      </c>
      <c r="Y14625">
        <v>82</v>
      </c>
      <c r="Z14625">
        <v>84</v>
      </c>
      <c r="AA14625">
        <v>86</v>
      </c>
      <c r="AB14625">
        <v>88</v>
      </c>
      <c r="AC14625">
        <v>90</v>
      </c>
      <c r="AD14625">
        <v>92</v>
      </c>
      <c r="AE14625">
        <v>94</v>
      </c>
      <c r="AF14625">
        <v>96</v>
      </c>
      <c r="AG14625">
        <v>98</v>
      </c>
      <c r="AH14625">
        <v>100</v>
      </c>
      <c r="AI14625">
        <v>102</v>
      </c>
      <c r="AJ14625">
        <v>104</v>
      </c>
      <c r="AK14625">
        <v>106</v>
      </c>
      <c r="AL14625">
        <v>107</v>
      </c>
      <c r="AM14625">
        <v>108</v>
      </c>
      <c r="AN14625">
        <v>110</v>
      </c>
      <c r="AO14625">
        <v>111</v>
      </c>
      <c r="AP14625">
        <v>112</v>
      </c>
      <c r="AQ14625">
        <v>113</v>
      </c>
    </row>
    <row r="14626" spans="1:43">
      <c r="A14626" t="s">
        <v>9078</v>
      </c>
      <c r="B14626" t="s">
        <v>9079</v>
      </c>
      <c r="C14626" t="s">
        <v>9028</v>
      </c>
      <c r="D14626" t="s">
        <v>9029</v>
      </c>
      <c r="E14626" t="s">
        <v>8938</v>
      </c>
      <c r="F14626" t="s">
        <v>8939</v>
      </c>
      <c r="G14626" t="s">
        <v>80</v>
      </c>
      <c r="H14626" t="s">
        <v>81</v>
      </c>
      <c r="I14626" s="2">
        <v>0</v>
      </c>
      <c r="J14626" s="2">
        <v>1</v>
      </c>
      <c r="K14626" s="2">
        <v>0</v>
      </c>
      <c r="L14626" t="s">
        <v>82</v>
      </c>
      <c r="M14626" t="s">
        <v>83</v>
      </c>
      <c r="N14626" t="s">
        <v>84</v>
      </c>
      <c r="O14626" t="s">
        <v>85</v>
      </c>
      <c r="P14626" t="s">
        <v>86</v>
      </c>
      <c r="Q14626">
        <v>29</v>
      </c>
      <c r="R14626">
        <v>30</v>
      </c>
      <c r="S14626">
        <v>30</v>
      </c>
      <c r="T14626">
        <v>31</v>
      </c>
      <c r="U14626">
        <v>32</v>
      </c>
      <c r="V14626">
        <v>33</v>
      </c>
      <c r="W14626">
        <v>34</v>
      </c>
      <c r="X14626">
        <v>34</v>
      </c>
      <c r="Y14626">
        <v>35</v>
      </c>
      <c r="Z14626">
        <v>36</v>
      </c>
      <c r="AA14626">
        <v>37</v>
      </c>
      <c r="AB14626">
        <v>38</v>
      </c>
      <c r="AC14626">
        <v>38</v>
      </c>
      <c r="AD14626">
        <v>39</v>
      </c>
      <c r="AE14626">
        <v>40</v>
      </c>
      <c r="AF14626">
        <v>41</v>
      </c>
      <c r="AG14626">
        <v>42</v>
      </c>
      <c r="AH14626">
        <v>43</v>
      </c>
      <c r="AI14626">
        <v>44</v>
      </c>
      <c r="AJ14626">
        <v>44</v>
      </c>
      <c r="AK14626">
        <v>45</v>
      </c>
      <c r="AL14626">
        <v>46</v>
      </c>
      <c r="AM14626">
        <v>46</v>
      </c>
      <c r="AN14626">
        <v>47</v>
      </c>
      <c r="AO14626">
        <v>47</v>
      </c>
      <c r="AP14626">
        <v>48</v>
      </c>
      <c r="AQ14626">
        <v>48</v>
      </c>
    </row>
    <row r="14627" spans="1:43">
      <c r="A14627" t="s">
        <v>9078</v>
      </c>
      <c r="B14627" t="s">
        <v>9079</v>
      </c>
      <c r="C14627" t="s">
        <v>9028</v>
      </c>
      <c r="D14627" t="s">
        <v>9029</v>
      </c>
      <c r="E14627" t="s">
        <v>8938</v>
      </c>
      <c r="F14627" t="s">
        <v>8939</v>
      </c>
      <c r="G14627" t="s">
        <v>80</v>
      </c>
      <c r="H14627" t="s">
        <v>81</v>
      </c>
      <c r="I14627" s="2">
        <v>0</v>
      </c>
      <c r="J14627" s="2">
        <v>1</v>
      </c>
      <c r="K14627" s="2">
        <v>0</v>
      </c>
      <c r="L14627" t="s">
        <v>82</v>
      </c>
      <c r="M14627" t="s">
        <v>87</v>
      </c>
      <c r="N14627" t="s">
        <v>88</v>
      </c>
      <c r="O14627" t="s">
        <v>85</v>
      </c>
      <c r="P14627" t="s">
        <v>86</v>
      </c>
      <c r="Q14627">
        <v>29</v>
      </c>
      <c r="R14627">
        <v>29</v>
      </c>
      <c r="S14627">
        <v>30</v>
      </c>
      <c r="T14627">
        <v>30</v>
      </c>
      <c r="U14627">
        <v>31</v>
      </c>
      <c r="V14627">
        <v>31</v>
      </c>
      <c r="W14627">
        <v>32</v>
      </c>
      <c r="X14627">
        <v>32</v>
      </c>
      <c r="Y14627">
        <v>32</v>
      </c>
      <c r="Z14627">
        <v>33</v>
      </c>
      <c r="AA14627">
        <v>33</v>
      </c>
      <c r="AB14627">
        <v>34</v>
      </c>
      <c r="AC14627">
        <v>34</v>
      </c>
      <c r="AD14627">
        <v>35</v>
      </c>
      <c r="AE14627">
        <v>35</v>
      </c>
      <c r="AF14627">
        <v>36</v>
      </c>
      <c r="AG14627">
        <v>36</v>
      </c>
      <c r="AH14627">
        <v>37</v>
      </c>
      <c r="AI14627">
        <v>38</v>
      </c>
      <c r="AJ14627">
        <v>38</v>
      </c>
      <c r="AK14627">
        <v>39</v>
      </c>
      <c r="AL14627">
        <v>39</v>
      </c>
      <c r="AM14627">
        <v>40</v>
      </c>
      <c r="AN14627">
        <v>40</v>
      </c>
      <c r="AO14627">
        <v>41</v>
      </c>
      <c r="AP14627">
        <v>41</v>
      </c>
      <c r="AQ14627">
        <v>42</v>
      </c>
    </row>
    <row r="14628" spans="1:43">
      <c r="A14628" t="s">
        <v>9078</v>
      </c>
      <c r="B14628" t="s">
        <v>9079</v>
      </c>
      <c r="C14628" t="s">
        <v>9028</v>
      </c>
      <c r="D14628" t="s">
        <v>9029</v>
      </c>
      <c r="E14628" t="s">
        <v>8938</v>
      </c>
      <c r="F14628" t="s">
        <v>8939</v>
      </c>
      <c r="G14628" t="s">
        <v>80</v>
      </c>
      <c r="H14628" t="s">
        <v>81</v>
      </c>
      <c r="I14628" s="2">
        <v>0</v>
      </c>
      <c r="J14628" s="2">
        <v>1</v>
      </c>
      <c r="K14628" s="2">
        <v>0</v>
      </c>
      <c r="L14628" t="s">
        <v>82</v>
      </c>
      <c r="M14628" t="s">
        <v>89</v>
      </c>
      <c r="N14628" t="s">
        <v>90</v>
      </c>
      <c r="O14628" t="s">
        <v>85</v>
      </c>
      <c r="P14628" t="s">
        <v>86</v>
      </c>
      <c r="Q14628">
        <v>29</v>
      </c>
      <c r="R14628">
        <v>30</v>
      </c>
      <c r="S14628">
        <v>31</v>
      </c>
      <c r="T14628">
        <v>32</v>
      </c>
      <c r="U14628">
        <v>33</v>
      </c>
      <c r="V14628">
        <v>34</v>
      </c>
      <c r="W14628">
        <v>35</v>
      </c>
      <c r="X14628">
        <v>36</v>
      </c>
      <c r="Y14628">
        <v>37</v>
      </c>
      <c r="Z14628">
        <v>38</v>
      </c>
      <c r="AA14628">
        <v>39</v>
      </c>
      <c r="AB14628">
        <v>40</v>
      </c>
      <c r="AC14628">
        <v>41</v>
      </c>
      <c r="AD14628">
        <v>42</v>
      </c>
      <c r="AE14628">
        <v>43</v>
      </c>
      <c r="AF14628">
        <v>44</v>
      </c>
      <c r="AG14628">
        <v>44</v>
      </c>
      <c r="AH14628">
        <v>44</v>
      </c>
      <c r="AI14628">
        <v>45</v>
      </c>
      <c r="AJ14628">
        <v>45</v>
      </c>
      <c r="AK14628">
        <v>46</v>
      </c>
      <c r="AL14628">
        <v>46</v>
      </c>
      <c r="AM14628">
        <v>47</v>
      </c>
      <c r="AN14628">
        <v>47</v>
      </c>
      <c r="AO14628">
        <v>48</v>
      </c>
      <c r="AP14628">
        <v>48</v>
      </c>
      <c r="AQ14628">
        <v>49</v>
      </c>
    </row>
    <row r="14629" spans="1:43">
      <c r="A14629" t="s">
        <v>9078</v>
      </c>
      <c r="B14629" t="s">
        <v>9079</v>
      </c>
      <c r="C14629" t="s">
        <v>9028</v>
      </c>
      <c r="D14629" t="s">
        <v>9029</v>
      </c>
      <c r="E14629" t="s">
        <v>8938</v>
      </c>
      <c r="F14629" t="s">
        <v>8939</v>
      </c>
      <c r="G14629" t="s">
        <v>80</v>
      </c>
      <c r="H14629" t="s">
        <v>81</v>
      </c>
      <c r="I14629" s="2">
        <v>0</v>
      </c>
      <c r="J14629" s="2">
        <v>1</v>
      </c>
      <c r="K14629" s="2">
        <v>0</v>
      </c>
      <c r="L14629" t="s">
        <v>82</v>
      </c>
      <c r="M14629" t="s">
        <v>83</v>
      </c>
      <c r="N14629" t="s">
        <v>91</v>
      </c>
      <c r="O14629" t="s">
        <v>85</v>
      </c>
      <c r="P14629" t="s">
        <v>86</v>
      </c>
      <c r="Q14629">
        <v>29</v>
      </c>
      <c r="R14629">
        <v>30</v>
      </c>
      <c r="S14629">
        <v>30</v>
      </c>
      <c r="T14629">
        <v>31</v>
      </c>
      <c r="U14629">
        <v>32</v>
      </c>
      <c r="V14629">
        <v>33</v>
      </c>
      <c r="W14629">
        <v>34</v>
      </c>
      <c r="X14629">
        <v>34</v>
      </c>
      <c r="Y14629">
        <v>35</v>
      </c>
      <c r="Z14629">
        <v>36</v>
      </c>
      <c r="AA14629">
        <v>37</v>
      </c>
      <c r="AB14629">
        <v>38</v>
      </c>
      <c r="AC14629">
        <v>38</v>
      </c>
      <c r="AD14629">
        <v>39</v>
      </c>
      <c r="AE14629">
        <v>40</v>
      </c>
      <c r="AF14629">
        <v>41</v>
      </c>
      <c r="AG14629">
        <v>42</v>
      </c>
      <c r="AH14629">
        <v>43</v>
      </c>
      <c r="AI14629">
        <v>44</v>
      </c>
      <c r="AJ14629">
        <v>44</v>
      </c>
      <c r="AK14629">
        <v>45</v>
      </c>
      <c r="AL14629">
        <v>46</v>
      </c>
      <c r="AM14629">
        <v>46</v>
      </c>
      <c r="AN14629">
        <v>47</v>
      </c>
      <c r="AO14629">
        <v>47</v>
      </c>
      <c r="AP14629">
        <v>48</v>
      </c>
      <c r="AQ14629">
        <v>48</v>
      </c>
    </row>
    <row r="14630" spans="1:43">
      <c r="A14630" t="s">
        <v>9080</v>
      </c>
      <c r="B14630" t="s">
        <v>9081</v>
      </c>
      <c r="C14630" t="s">
        <v>9082</v>
      </c>
      <c r="D14630" t="s">
        <v>9083</v>
      </c>
      <c r="E14630" t="s">
        <v>8938</v>
      </c>
      <c r="F14630" t="s">
        <v>8939</v>
      </c>
      <c r="G14630" t="s">
        <v>80</v>
      </c>
      <c r="H14630" t="s">
        <v>81</v>
      </c>
      <c r="I14630" s="2">
        <v>0</v>
      </c>
      <c r="J14630" s="2">
        <v>1</v>
      </c>
      <c r="K14630" s="2">
        <v>0</v>
      </c>
      <c r="L14630" t="s">
        <v>82</v>
      </c>
      <c r="M14630" t="s">
        <v>83</v>
      </c>
      <c r="N14630" t="s">
        <v>84</v>
      </c>
      <c r="O14630" t="s">
        <v>85</v>
      </c>
      <c r="P14630" t="s">
        <v>86</v>
      </c>
      <c r="Q14630">
        <v>46</v>
      </c>
      <c r="R14630">
        <v>47</v>
      </c>
      <c r="S14630">
        <v>48</v>
      </c>
      <c r="T14630">
        <v>49</v>
      </c>
      <c r="U14630">
        <v>50</v>
      </c>
      <c r="V14630">
        <v>52</v>
      </c>
      <c r="W14630">
        <v>53</v>
      </c>
      <c r="X14630">
        <v>54</v>
      </c>
      <c r="Y14630">
        <v>55</v>
      </c>
      <c r="Z14630">
        <v>57</v>
      </c>
      <c r="AA14630">
        <v>58</v>
      </c>
      <c r="AB14630">
        <v>59</v>
      </c>
      <c r="AC14630">
        <v>61</v>
      </c>
      <c r="AD14630">
        <v>62</v>
      </c>
      <c r="AE14630">
        <v>63</v>
      </c>
      <c r="AF14630">
        <v>64</v>
      </c>
      <c r="AG14630">
        <v>66</v>
      </c>
      <c r="AH14630">
        <v>67</v>
      </c>
      <c r="AI14630">
        <v>69</v>
      </c>
      <c r="AJ14630">
        <v>70</v>
      </c>
      <c r="AK14630">
        <v>71</v>
      </c>
      <c r="AL14630">
        <v>72</v>
      </c>
      <c r="AM14630">
        <v>73</v>
      </c>
      <c r="AN14630">
        <v>74</v>
      </c>
      <c r="AO14630">
        <v>75</v>
      </c>
      <c r="AP14630">
        <v>75</v>
      </c>
      <c r="AQ14630">
        <v>76</v>
      </c>
    </row>
    <row r="14631" spans="1:43">
      <c r="A14631" t="s">
        <v>9080</v>
      </c>
      <c r="B14631" t="s">
        <v>9081</v>
      </c>
      <c r="C14631" t="s">
        <v>9082</v>
      </c>
      <c r="D14631" t="s">
        <v>9083</v>
      </c>
      <c r="E14631" t="s">
        <v>8938</v>
      </c>
      <c r="F14631" t="s">
        <v>8939</v>
      </c>
      <c r="G14631" t="s">
        <v>80</v>
      </c>
      <c r="H14631" t="s">
        <v>81</v>
      </c>
      <c r="I14631" s="2">
        <v>0</v>
      </c>
      <c r="J14631" s="2">
        <v>1</v>
      </c>
      <c r="K14631" s="2">
        <v>0</v>
      </c>
      <c r="L14631" t="s">
        <v>82</v>
      </c>
      <c r="M14631" t="s">
        <v>87</v>
      </c>
      <c r="N14631" t="s">
        <v>88</v>
      </c>
      <c r="O14631" t="s">
        <v>85</v>
      </c>
      <c r="P14631" t="s">
        <v>86</v>
      </c>
      <c r="Q14631">
        <v>46</v>
      </c>
      <c r="R14631">
        <v>47</v>
      </c>
      <c r="S14631">
        <v>48</v>
      </c>
      <c r="T14631">
        <v>48</v>
      </c>
      <c r="U14631">
        <v>49</v>
      </c>
      <c r="V14631">
        <v>50</v>
      </c>
      <c r="W14631">
        <v>51</v>
      </c>
      <c r="X14631">
        <v>51</v>
      </c>
      <c r="Y14631">
        <v>52</v>
      </c>
      <c r="Z14631">
        <v>53</v>
      </c>
      <c r="AA14631">
        <v>54</v>
      </c>
      <c r="AB14631">
        <v>54</v>
      </c>
      <c r="AC14631">
        <v>55</v>
      </c>
      <c r="AD14631">
        <v>56</v>
      </c>
      <c r="AE14631">
        <v>57</v>
      </c>
      <c r="AF14631">
        <v>58</v>
      </c>
      <c r="AG14631">
        <v>58</v>
      </c>
      <c r="AH14631">
        <v>59</v>
      </c>
      <c r="AI14631">
        <v>60</v>
      </c>
      <c r="AJ14631">
        <v>61</v>
      </c>
      <c r="AK14631">
        <v>62</v>
      </c>
      <c r="AL14631">
        <v>63</v>
      </c>
      <c r="AM14631">
        <v>63</v>
      </c>
      <c r="AN14631">
        <v>64</v>
      </c>
      <c r="AO14631">
        <v>65</v>
      </c>
      <c r="AP14631">
        <v>66</v>
      </c>
      <c r="AQ14631">
        <v>67</v>
      </c>
    </row>
    <row r="14632" spans="1:43">
      <c r="A14632" t="s">
        <v>9080</v>
      </c>
      <c r="B14632" t="s">
        <v>9081</v>
      </c>
      <c r="C14632" t="s">
        <v>9082</v>
      </c>
      <c r="D14632" t="s">
        <v>9083</v>
      </c>
      <c r="E14632" t="s">
        <v>8938</v>
      </c>
      <c r="F14632" t="s">
        <v>8939</v>
      </c>
      <c r="G14632" t="s">
        <v>80</v>
      </c>
      <c r="H14632" t="s">
        <v>81</v>
      </c>
      <c r="I14632" s="2">
        <v>0</v>
      </c>
      <c r="J14632" s="2">
        <v>1</v>
      </c>
      <c r="K14632" s="2">
        <v>0</v>
      </c>
      <c r="L14632" t="s">
        <v>82</v>
      </c>
      <c r="M14632" t="s">
        <v>89</v>
      </c>
      <c r="N14632" t="s">
        <v>90</v>
      </c>
      <c r="O14632" t="s">
        <v>85</v>
      </c>
      <c r="P14632" t="s">
        <v>86</v>
      </c>
      <c r="Q14632">
        <v>46</v>
      </c>
      <c r="R14632">
        <v>48</v>
      </c>
      <c r="S14632">
        <v>49</v>
      </c>
      <c r="T14632">
        <v>51</v>
      </c>
      <c r="U14632">
        <v>52</v>
      </c>
      <c r="V14632">
        <v>54</v>
      </c>
      <c r="W14632">
        <v>56</v>
      </c>
      <c r="X14632">
        <v>57</v>
      </c>
      <c r="Y14632">
        <v>59</v>
      </c>
      <c r="Z14632">
        <v>60</v>
      </c>
      <c r="AA14632">
        <v>62</v>
      </c>
      <c r="AB14632">
        <v>63</v>
      </c>
      <c r="AC14632">
        <v>65</v>
      </c>
      <c r="AD14632">
        <v>67</v>
      </c>
      <c r="AE14632">
        <v>68</v>
      </c>
      <c r="AF14632">
        <v>69</v>
      </c>
      <c r="AG14632">
        <v>69</v>
      </c>
      <c r="AH14632">
        <v>70</v>
      </c>
      <c r="AI14632">
        <v>71</v>
      </c>
      <c r="AJ14632">
        <v>71</v>
      </c>
      <c r="AK14632">
        <v>72</v>
      </c>
      <c r="AL14632">
        <v>73</v>
      </c>
      <c r="AM14632">
        <v>74</v>
      </c>
      <c r="AN14632">
        <v>74</v>
      </c>
      <c r="AO14632">
        <v>75</v>
      </c>
      <c r="AP14632">
        <v>76</v>
      </c>
      <c r="AQ14632">
        <v>77</v>
      </c>
    </row>
    <row r="14633" spans="1:43">
      <c r="A14633" t="s">
        <v>9080</v>
      </c>
      <c r="B14633" t="s">
        <v>9081</v>
      </c>
      <c r="C14633" t="s">
        <v>9082</v>
      </c>
      <c r="D14633" t="s">
        <v>9083</v>
      </c>
      <c r="E14633" t="s">
        <v>8938</v>
      </c>
      <c r="F14633" t="s">
        <v>8939</v>
      </c>
      <c r="G14633" t="s">
        <v>80</v>
      </c>
      <c r="H14633" t="s">
        <v>81</v>
      </c>
      <c r="I14633" s="2">
        <v>0</v>
      </c>
      <c r="J14633" s="2">
        <v>1</v>
      </c>
      <c r="K14633" s="2">
        <v>0</v>
      </c>
      <c r="L14633" t="s">
        <v>82</v>
      </c>
      <c r="M14633" t="s">
        <v>83</v>
      </c>
      <c r="N14633" t="s">
        <v>91</v>
      </c>
      <c r="O14633" t="s">
        <v>85</v>
      </c>
      <c r="P14633" t="s">
        <v>86</v>
      </c>
      <c r="Q14633">
        <v>46</v>
      </c>
      <c r="R14633">
        <v>47</v>
      </c>
      <c r="S14633">
        <v>48</v>
      </c>
      <c r="T14633">
        <v>49</v>
      </c>
      <c r="U14633">
        <v>50</v>
      </c>
      <c r="V14633">
        <v>52</v>
      </c>
      <c r="W14633">
        <v>53</v>
      </c>
      <c r="X14633">
        <v>54</v>
      </c>
      <c r="Y14633">
        <v>55</v>
      </c>
      <c r="Z14633">
        <v>57</v>
      </c>
      <c r="AA14633">
        <v>58</v>
      </c>
      <c r="AB14633">
        <v>59</v>
      </c>
      <c r="AC14633">
        <v>61</v>
      </c>
      <c r="AD14633">
        <v>62</v>
      </c>
      <c r="AE14633">
        <v>63</v>
      </c>
      <c r="AF14633">
        <v>64</v>
      </c>
      <c r="AG14633">
        <v>66</v>
      </c>
      <c r="AH14633">
        <v>67</v>
      </c>
      <c r="AI14633">
        <v>69</v>
      </c>
      <c r="AJ14633">
        <v>70</v>
      </c>
      <c r="AK14633">
        <v>71</v>
      </c>
      <c r="AL14633">
        <v>72</v>
      </c>
      <c r="AM14633">
        <v>73</v>
      </c>
      <c r="AN14633">
        <v>74</v>
      </c>
      <c r="AO14633">
        <v>75</v>
      </c>
      <c r="AP14633">
        <v>75</v>
      </c>
      <c r="AQ14633">
        <v>76</v>
      </c>
    </row>
    <row r="14634" spans="1:43">
      <c r="A14634" t="s">
        <v>9084</v>
      </c>
      <c r="B14634" t="s">
        <v>9085</v>
      </c>
      <c r="C14634" t="s">
        <v>9082</v>
      </c>
      <c r="D14634" t="s">
        <v>9083</v>
      </c>
      <c r="E14634" t="s">
        <v>8938</v>
      </c>
      <c r="F14634" t="s">
        <v>8939</v>
      </c>
      <c r="G14634" t="s">
        <v>80</v>
      </c>
      <c r="H14634" t="s">
        <v>81</v>
      </c>
      <c r="I14634" s="2">
        <v>0</v>
      </c>
      <c r="J14634" s="2">
        <v>1</v>
      </c>
      <c r="K14634" s="2">
        <v>0</v>
      </c>
      <c r="L14634" t="s">
        <v>82</v>
      </c>
      <c r="M14634" t="s">
        <v>83</v>
      </c>
      <c r="N14634" t="s">
        <v>84</v>
      </c>
      <c r="O14634" t="s">
        <v>85</v>
      </c>
      <c r="P14634" t="s">
        <v>86</v>
      </c>
      <c r="Q14634">
        <v>54</v>
      </c>
      <c r="R14634">
        <v>55</v>
      </c>
      <c r="S14634">
        <v>57</v>
      </c>
      <c r="T14634">
        <v>58</v>
      </c>
      <c r="U14634">
        <v>60</v>
      </c>
      <c r="V14634">
        <v>61</v>
      </c>
      <c r="W14634">
        <v>63</v>
      </c>
      <c r="X14634">
        <v>64</v>
      </c>
      <c r="Y14634">
        <v>66</v>
      </c>
      <c r="Z14634">
        <v>67</v>
      </c>
      <c r="AA14634">
        <v>69</v>
      </c>
      <c r="AB14634">
        <v>70</v>
      </c>
      <c r="AC14634">
        <v>72</v>
      </c>
      <c r="AD14634">
        <v>73</v>
      </c>
      <c r="AE14634">
        <v>75</v>
      </c>
      <c r="AF14634">
        <v>76</v>
      </c>
      <c r="AG14634">
        <v>78</v>
      </c>
      <c r="AH14634">
        <v>80</v>
      </c>
      <c r="AI14634">
        <v>81</v>
      </c>
      <c r="AJ14634">
        <v>83</v>
      </c>
      <c r="AK14634">
        <v>85</v>
      </c>
      <c r="AL14634">
        <v>86</v>
      </c>
      <c r="AM14634">
        <v>87</v>
      </c>
      <c r="AN14634">
        <v>87</v>
      </c>
      <c r="AO14634">
        <v>88</v>
      </c>
      <c r="AP14634">
        <v>89</v>
      </c>
      <c r="AQ14634">
        <v>90</v>
      </c>
    </row>
    <row r="14635" spans="1:43">
      <c r="A14635" t="s">
        <v>9084</v>
      </c>
      <c r="B14635" t="s">
        <v>9085</v>
      </c>
      <c r="C14635" t="s">
        <v>9082</v>
      </c>
      <c r="D14635" t="s">
        <v>9083</v>
      </c>
      <c r="E14635" t="s">
        <v>8938</v>
      </c>
      <c r="F14635" t="s">
        <v>8939</v>
      </c>
      <c r="G14635" t="s">
        <v>80</v>
      </c>
      <c r="H14635" t="s">
        <v>81</v>
      </c>
      <c r="I14635" s="2">
        <v>0</v>
      </c>
      <c r="J14635" s="2">
        <v>1</v>
      </c>
      <c r="K14635" s="2">
        <v>0</v>
      </c>
      <c r="L14635" t="s">
        <v>82</v>
      </c>
      <c r="M14635" t="s">
        <v>87</v>
      </c>
      <c r="N14635" t="s">
        <v>88</v>
      </c>
      <c r="O14635" t="s">
        <v>85</v>
      </c>
      <c r="P14635" t="s">
        <v>86</v>
      </c>
      <c r="Q14635">
        <v>54</v>
      </c>
      <c r="R14635">
        <v>54</v>
      </c>
      <c r="S14635">
        <v>55</v>
      </c>
      <c r="T14635">
        <v>56</v>
      </c>
      <c r="U14635">
        <v>57</v>
      </c>
      <c r="V14635">
        <v>58</v>
      </c>
      <c r="W14635">
        <v>59</v>
      </c>
      <c r="X14635">
        <v>60</v>
      </c>
      <c r="Y14635">
        <v>61</v>
      </c>
      <c r="Z14635">
        <v>61</v>
      </c>
      <c r="AA14635">
        <v>62</v>
      </c>
      <c r="AB14635">
        <v>63</v>
      </c>
      <c r="AC14635">
        <v>64</v>
      </c>
      <c r="AD14635">
        <v>65</v>
      </c>
      <c r="AE14635">
        <v>66</v>
      </c>
      <c r="AF14635">
        <v>67</v>
      </c>
      <c r="AG14635">
        <v>68</v>
      </c>
      <c r="AH14635">
        <v>69</v>
      </c>
      <c r="AI14635">
        <v>70</v>
      </c>
      <c r="AJ14635">
        <v>71</v>
      </c>
      <c r="AK14635">
        <v>72</v>
      </c>
      <c r="AL14635">
        <v>73</v>
      </c>
      <c r="AM14635">
        <v>74</v>
      </c>
      <c r="AN14635">
        <v>75</v>
      </c>
      <c r="AO14635">
        <v>76</v>
      </c>
      <c r="AP14635">
        <v>77</v>
      </c>
      <c r="AQ14635">
        <v>78</v>
      </c>
    </row>
    <row r="14636" spans="1:43">
      <c r="A14636" t="s">
        <v>9084</v>
      </c>
      <c r="B14636" t="s">
        <v>9085</v>
      </c>
      <c r="C14636" t="s">
        <v>9082</v>
      </c>
      <c r="D14636" t="s">
        <v>9083</v>
      </c>
      <c r="E14636" t="s">
        <v>8938</v>
      </c>
      <c r="F14636" t="s">
        <v>8939</v>
      </c>
      <c r="G14636" t="s">
        <v>80</v>
      </c>
      <c r="H14636" t="s">
        <v>81</v>
      </c>
      <c r="I14636" s="2">
        <v>0</v>
      </c>
      <c r="J14636" s="2">
        <v>1</v>
      </c>
      <c r="K14636" s="2">
        <v>0</v>
      </c>
      <c r="L14636" t="s">
        <v>82</v>
      </c>
      <c r="M14636" t="s">
        <v>89</v>
      </c>
      <c r="N14636" t="s">
        <v>90</v>
      </c>
      <c r="O14636" t="s">
        <v>85</v>
      </c>
      <c r="P14636" t="s">
        <v>86</v>
      </c>
      <c r="Q14636">
        <v>54</v>
      </c>
      <c r="R14636">
        <v>55</v>
      </c>
      <c r="S14636">
        <v>57</v>
      </c>
      <c r="T14636">
        <v>59</v>
      </c>
      <c r="U14636">
        <v>61</v>
      </c>
      <c r="V14636">
        <v>63</v>
      </c>
      <c r="W14636">
        <v>65</v>
      </c>
      <c r="X14636">
        <v>67</v>
      </c>
      <c r="Y14636">
        <v>68</v>
      </c>
      <c r="Z14636">
        <v>70</v>
      </c>
      <c r="AA14636">
        <v>72</v>
      </c>
      <c r="AB14636">
        <v>74</v>
      </c>
      <c r="AC14636">
        <v>76</v>
      </c>
      <c r="AD14636">
        <v>78</v>
      </c>
      <c r="AE14636">
        <v>79</v>
      </c>
      <c r="AF14636">
        <v>80</v>
      </c>
      <c r="AG14636">
        <v>81</v>
      </c>
      <c r="AH14636">
        <v>82</v>
      </c>
      <c r="AI14636">
        <v>83</v>
      </c>
      <c r="AJ14636">
        <v>84</v>
      </c>
      <c r="AK14636">
        <v>84</v>
      </c>
      <c r="AL14636">
        <v>85</v>
      </c>
      <c r="AM14636">
        <v>86</v>
      </c>
      <c r="AN14636">
        <v>87</v>
      </c>
      <c r="AO14636">
        <v>88</v>
      </c>
      <c r="AP14636">
        <v>89</v>
      </c>
      <c r="AQ14636">
        <v>90</v>
      </c>
    </row>
    <row r="14637" spans="1:43">
      <c r="A14637" t="s">
        <v>9084</v>
      </c>
      <c r="B14637" t="s">
        <v>9085</v>
      </c>
      <c r="C14637" t="s">
        <v>9082</v>
      </c>
      <c r="D14637" t="s">
        <v>9083</v>
      </c>
      <c r="E14637" t="s">
        <v>8938</v>
      </c>
      <c r="F14637" t="s">
        <v>8939</v>
      </c>
      <c r="G14637" t="s">
        <v>80</v>
      </c>
      <c r="H14637" t="s">
        <v>81</v>
      </c>
      <c r="I14637" s="2">
        <v>0</v>
      </c>
      <c r="J14637" s="2">
        <v>1</v>
      </c>
      <c r="K14637" s="2">
        <v>0</v>
      </c>
      <c r="L14637" t="s">
        <v>82</v>
      </c>
      <c r="M14637" t="s">
        <v>83</v>
      </c>
      <c r="N14637" t="s">
        <v>91</v>
      </c>
      <c r="O14637" t="s">
        <v>85</v>
      </c>
      <c r="P14637" t="s">
        <v>86</v>
      </c>
      <c r="Q14637">
        <v>54</v>
      </c>
      <c r="R14637">
        <v>55</v>
      </c>
      <c r="S14637">
        <v>57</v>
      </c>
      <c r="T14637">
        <v>58</v>
      </c>
      <c r="U14637">
        <v>60</v>
      </c>
      <c r="V14637">
        <v>61</v>
      </c>
      <c r="W14637">
        <v>63</v>
      </c>
      <c r="X14637">
        <v>64</v>
      </c>
      <c r="Y14637">
        <v>66</v>
      </c>
      <c r="Z14637">
        <v>67</v>
      </c>
      <c r="AA14637">
        <v>69</v>
      </c>
      <c r="AB14637">
        <v>70</v>
      </c>
      <c r="AC14637">
        <v>72</v>
      </c>
      <c r="AD14637">
        <v>73</v>
      </c>
      <c r="AE14637">
        <v>75</v>
      </c>
      <c r="AF14637">
        <v>76</v>
      </c>
      <c r="AG14637">
        <v>78</v>
      </c>
      <c r="AH14637">
        <v>80</v>
      </c>
      <c r="AI14637">
        <v>81</v>
      </c>
      <c r="AJ14637">
        <v>83</v>
      </c>
      <c r="AK14637">
        <v>85</v>
      </c>
      <c r="AL14637">
        <v>86</v>
      </c>
      <c r="AM14637">
        <v>87</v>
      </c>
      <c r="AN14637">
        <v>87</v>
      </c>
      <c r="AO14637">
        <v>88</v>
      </c>
      <c r="AP14637">
        <v>89</v>
      </c>
      <c r="AQ14637">
        <v>90</v>
      </c>
    </row>
    <row r="14638" spans="1:43">
      <c r="A14638" t="s">
        <v>9086</v>
      </c>
      <c r="B14638" t="s">
        <v>9087</v>
      </c>
      <c r="C14638" t="s">
        <v>9082</v>
      </c>
      <c r="D14638" t="s">
        <v>9083</v>
      </c>
      <c r="E14638" t="s">
        <v>8938</v>
      </c>
      <c r="F14638" t="s">
        <v>8939</v>
      </c>
      <c r="G14638" t="s">
        <v>80</v>
      </c>
      <c r="H14638" t="s">
        <v>81</v>
      </c>
      <c r="I14638" s="2">
        <v>0</v>
      </c>
      <c r="J14638" s="2">
        <v>1</v>
      </c>
      <c r="K14638" s="2">
        <v>0</v>
      </c>
      <c r="L14638" t="s">
        <v>82</v>
      </c>
      <c r="M14638" t="s">
        <v>83</v>
      </c>
      <c r="N14638" t="s">
        <v>84</v>
      </c>
      <c r="O14638" t="s">
        <v>85</v>
      </c>
      <c r="P14638" t="s">
        <v>86</v>
      </c>
      <c r="Q14638">
        <v>14</v>
      </c>
      <c r="R14638">
        <v>14</v>
      </c>
      <c r="S14638">
        <v>14</v>
      </c>
      <c r="T14638">
        <v>15</v>
      </c>
      <c r="U14638">
        <v>15</v>
      </c>
      <c r="V14638">
        <v>15</v>
      </c>
      <c r="W14638">
        <v>16</v>
      </c>
      <c r="X14638">
        <v>16</v>
      </c>
      <c r="Y14638">
        <v>17</v>
      </c>
      <c r="Z14638">
        <v>17</v>
      </c>
      <c r="AA14638">
        <v>17</v>
      </c>
      <c r="AB14638">
        <v>18</v>
      </c>
      <c r="AC14638">
        <v>18</v>
      </c>
      <c r="AD14638">
        <v>18</v>
      </c>
      <c r="AE14638">
        <v>19</v>
      </c>
      <c r="AF14638">
        <v>19</v>
      </c>
      <c r="AG14638">
        <v>20</v>
      </c>
      <c r="AH14638">
        <v>20</v>
      </c>
      <c r="AI14638">
        <v>21</v>
      </c>
      <c r="AJ14638">
        <v>21</v>
      </c>
      <c r="AK14638">
        <v>21</v>
      </c>
      <c r="AL14638">
        <v>22</v>
      </c>
      <c r="AM14638">
        <v>22</v>
      </c>
      <c r="AN14638">
        <v>22</v>
      </c>
      <c r="AO14638">
        <v>22</v>
      </c>
      <c r="AP14638">
        <v>23</v>
      </c>
      <c r="AQ14638">
        <v>23</v>
      </c>
    </row>
    <row r="14639" spans="1:43">
      <c r="A14639" t="s">
        <v>9086</v>
      </c>
      <c r="B14639" t="s">
        <v>9087</v>
      </c>
      <c r="C14639" t="s">
        <v>9082</v>
      </c>
      <c r="D14639" t="s">
        <v>9083</v>
      </c>
      <c r="E14639" t="s">
        <v>8938</v>
      </c>
      <c r="F14639" t="s">
        <v>8939</v>
      </c>
      <c r="G14639" t="s">
        <v>80</v>
      </c>
      <c r="H14639" t="s">
        <v>81</v>
      </c>
      <c r="I14639" s="2">
        <v>0</v>
      </c>
      <c r="J14639" s="2">
        <v>1</v>
      </c>
      <c r="K14639" s="2">
        <v>0</v>
      </c>
      <c r="L14639" t="s">
        <v>82</v>
      </c>
      <c r="M14639" t="s">
        <v>87</v>
      </c>
      <c r="N14639" t="s">
        <v>88</v>
      </c>
      <c r="O14639" t="s">
        <v>85</v>
      </c>
      <c r="P14639" t="s">
        <v>86</v>
      </c>
      <c r="Q14639">
        <v>14</v>
      </c>
      <c r="R14639">
        <v>14</v>
      </c>
      <c r="S14639">
        <v>14</v>
      </c>
      <c r="T14639">
        <v>14</v>
      </c>
      <c r="U14639">
        <v>14</v>
      </c>
      <c r="V14639">
        <v>15</v>
      </c>
      <c r="W14639">
        <v>15</v>
      </c>
      <c r="X14639">
        <v>15</v>
      </c>
      <c r="Y14639">
        <v>15</v>
      </c>
      <c r="Z14639">
        <v>16</v>
      </c>
      <c r="AA14639">
        <v>16</v>
      </c>
      <c r="AB14639">
        <v>16</v>
      </c>
      <c r="AC14639">
        <v>16</v>
      </c>
      <c r="AD14639">
        <v>16</v>
      </c>
      <c r="AE14639">
        <v>17</v>
      </c>
      <c r="AF14639">
        <v>17</v>
      </c>
      <c r="AG14639">
        <v>17</v>
      </c>
      <c r="AH14639">
        <v>17</v>
      </c>
      <c r="AI14639">
        <v>18</v>
      </c>
      <c r="AJ14639">
        <v>18</v>
      </c>
      <c r="AK14639">
        <v>18</v>
      </c>
      <c r="AL14639">
        <v>18</v>
      </c>
      <c r="AM14639">
        <v>19</v>
      </c>
      <c r="AN14639">
        <v>19</v>
      </c>
      <c r="AO14639">
        <v>19</v>
      </c>
      <c r="AP14639">
        <v>19</v>
      </c>
      <c r="AQ14639">
        <v>20</v>
      </c>
    </row>
    <row r="14640" spans="1:43">
      <c r="A14640" t="s">
        <v>9086</v>
      </c>
      <c r="B14640" t="s">
        <v>9087</v>
      </c>
      <c r="C14640" t="s">
        <v>9082</v>
      </c>
      <c r="D14640" t="s">
        <v>9083</v>
      </c>
      <c r="E14640" t="s">
        <v>8938</v>
      </c>
      <c r="F14640" t="s">
        <v>8939</v>
      </c>
      <c r="G14640" t="s">
        <v>80</v>
      </c>
      <c r="H14640" t="s">
        <v>81</v>
      </c>
      <c r="I14640" s="2">
        <v>0</v>
      </c>
      <c r="J14640" s="2">
        <v>1</v>
      </c>
      <c r="K14640" s="2">
        <v>0</v>
      </c>
      <c r="L14640" t="s">
        <v>82</v>
      </c>
      <c r="M14640" t="s">
        <v>89</v>
      </c>
      <c r="N14640" t="s">
        <v>90</v>
      </c>
      <c r="O14640" t="s">
        <v>85</v>
      </c>
      <c r="P14640" t="s">
        <v>86</v>
      </c>
      <c r="Q14640">
        <v>14</v>
      </c>
      <c r="R14640">
        <v>14</v>
      </c>
      <c r="S14640">
        <v>15</v>
      </c>
      <c r="T14640">
        <v>15</v>
      </c>
      <c r="U14640">
        <v>16</v>
      </c>
      <c r="V14640">
        <v>16</v>
      </c>
      <c r="W14640">
        <v>17</v>
      </c>
      <c r="X14640">
        <v>17</v>
      </c>
      <c r="Y14640">
        <v>18</v>
      </c>
      <c r="Z14640">
        <v>18</v>
      </c>
      <c r="AA14640">
        <v>18</v>
      </c>
      <c r="AB14640">
        <v>19</v>
      </c>
      <c r="AC14640">
        <v>19</v>
      </c>
      <c r="AD14640">
        <v>20</v>
      </c>
      <c r="AE14640">
        <v>20</v>
      </c>
      <c r="AF14640">
        <v>20</v>
      </c>
      <c r="AG14640">
        <v>21</v>
      </c>
      <c r="AH14640">
        <v>21</v>
      </c>
      <c r="AI14640">
        <v>21</v>
      </c>
      <c r="AJ14640">
        <v>21</v>
      </c>
      <c r="AK14640">
        <v>22</v>
      </c>
      <c r="AL14640">
        <v>22</v>
      </c>
      <c r="AM14640">
        <v>22</v>
      </c>
      <c r="AN14640">
        <v>22</v>
      </c>
      <c r="AO14640">
        <v>22</v>
      </c>
      <c r="AP14640">
        <v>23</v>
      </c>
      <c r="AQ14640">
        <v>23</v>
      </c>
    </row>
    <row r="14641" spans="1:43">
      <c r="A14641" t="s">
        <v>9086</v>
      </c>
      <c r="B14641" t="s">
        <v>9087</v>
      </c>
      <c r="C14641" t="s">
        <v>9082</v>
      </c>
      <c r="D14641" t="s">
        <v>9083</v>
      </c>
      <c r="E14641" t="s">
        <v>8938</v>
      </c>
      <c r="F14641" t="s">
        <v>8939</v>
      </c>
      <c r="G14641" t="s">
        <v>80</v>
      </c>
      <c r="H14641" t="s">
        <v>81</v>
      </c>
      <c r="I14641" s="2">
        <v>0</v>
      </c>
      <c r="J14641" s="2">
        <v>1</v>
      </c>
      <c r="K14641" s="2">
        <v>0</v>
      </c>
      <c r="L14641" t="s">
        <v>82</v>
      </c>
      <c r="M14641" t="s">
        <v>83</v>
      </c>
      <c r="N14641" t="s">
        <v>91</v>
      </c>
      <c r="O14641" t="s">
        <v>85</v>
      </c>
      <c r="P14641" t="s">
        <v>86</v>
      </c>
      <c r="Q14641">
        <v>14</v>
      </c>
      <c r="R14641">
        <v>14</v>
      </c>
      <c r="S14641">
        <v>14</v>
      </c>
      <c r="T14641">
        <v>15</v>
      </c>
      <c r="U14641">
        <v>15</v>
      </c>
      <c r="V14641">
        <v>15</v>
      </c>
      <c r="W14641">
        <v>16</v>
      </c>
      <c r="X14641">
        <v>16</v>
      </c>
      <c r="Y14641">
        <v>17</v>
      </c>
      <c r="Z14641">
        <v>17</v>
      </c>
      <c r="AA14641">
        <v>17</v>
      </c>
      <c r="AB14641">
        <v>18</v>
      </c>
      <c r="AC14641">
        <v>18</v>
      </c>
      <c r="AD14641">
        <v>18</v>
      </c>
      <c r="AE14641">
        <v>19</v>
      </c>
      <c r="AF14641">
        <v>19</v>
      </c>
      <c r="AG14641">
        <v>20</v>
      </c>
      <c r="AH14641">
        <v>20</v>
      </c>
      <c r="AI14641">
        <v>21</v>
      </c>
      <c r="AJ14641">
        <v>21</v>
      </c>
      <c r="AK14641">
        <v>21</v>
      </c>
      <c r="AL14641">
        <v>22</v>
      </c>
      <c r="AM14641">
        <v>22</v>
      </c>
      <c r="AN14641">
        <v>22</v>
      </c>
      <c r="AO14641">
        <v>22</v>
      </c>
      <c r="AP14641">
        <v>23</v>
      </c>
      <c r="AQ14641">
        <v>23</v>
      </c>
    </row>
    <row r="14642" spans="1:43">
      <c r="A14642" t="s">
        <v>9088</v>
      </c>
      <c r="B14642" t="s">
        <v>9089</v>
      </c>
      <c r="C14642" t="s">
        <v>9090</v>
      </c>
      <c r="D14642" t="s">
        <v>9091</v>
      </c>
      <c r="E14642" t="s">
        <v>8938</v>
      </c>
      <c r="F14642" t="s">
        <v>8939</v>
      </c>
      <c r="G14642" t="s">
        <v>80</v>
      </c>
      <c r="H14642" t="s">
        <v>81</v>
      </c>
      <c r="I14642" s="2">
        <v>0</v>
      </c>
      <c r="J14642" s="2">
        <v>1</v>
      </c>
      <c r="K14642" s="2">
        <v>0</v>
      </c>
      <c r="L14642" t="s">
        <v>82</v>
      </c>
      <c r="M14642" t="s">
        <v>83</v>
      </c>
      <c r="N14642" t="s">
        <v>84</v>
      </c>
      <c r="O14642" t="s">
        <v>85</v>
      </c>
      <c r="P14642" t="s">
        <v>86</v>
      </c>
      <c r="Q14642">
        <v>36</v>
      </c>
      <c r="R14642">
        <v>37</v>
      </c>
      <c r="S14642">
        <v>38</v>
      </c>
      <c r="T14642">
        <v>39</v>
      </c>
      <c r="U14642">
        <v>40</v>
      </c>
      <c r="V14642">
        <v>41</v>
      </c>
      <c r="W14642">
        <v>42</v>
      </c>
      <c r="X14642">
        <v>43</v>
      </c>
      <c r="Y14642">
        <v>44</v>
      </c>
      <c r="Z14642">
        <v>45</v>
      </c>
      <c r="AA14642">
        <v>46</v>
      </c>
      <c r="AB14642">
        <v>47</v>
      </c>
      <c r="AC14642">
        <v>48</v>
      </c>
      <c r="AD14642">
        <v>49</v>
      </c>
      <c r="AE14642">
        <v>50</v>
      </c>
      <c r="AF14642">
        <v>51</v>
      </c>
      <c r="AG14642">
        <v>52</v>
      </c>
      <c r="AH14642">
        <v>53</v>
      </c>
      <c r="AI14642">
        <v>54</v>
      </c>
      <c r="AJ14642">
        <v>55</v>
      </c>
      <c r="AK14642">
        <v>57</v>
      </c>
      <c r="AL14642">
        <v>57</v>
      </c>
      <c r="AM14642">
        <v>58</v>
      </c>
      <c r="AN14642">
        <v>58</v>
      </c>
      <c r="AO14642">
        <v>59</v>
      </c>
      <c r="AP14642">
        <v>60</v>
      </c>
      <c r="AQ14642">
        <v>60</v>
      </c>
    </row>
    <row r="14643" spans="1:43">
      <c r="A14643" t="s">
        <v>9088</v>
      </c>
      <c r="B14643" t="s">
        <v>9089</v>
      </c>
      <c r="C14643" t="s">
        <v>9090</v>
      </c>
      <c r="D14643" t="s">
        <v>9091</v>
      </c>
      <c r="E14643" t="s">
        <v>8938</v>
      </c>
      <c r="F14643" t="s">
        <v>8939</v>
      </c>
      <c r="G14643" t="s">
        <v>80</v>
      </c>
      <c r="H14643" t="s">
        <v>81</v>
      </c>
      <c r="I14643" s="2">
        <v>0</v>
      </c>
      <c r="J14643" s="2">
        <v>1</v>
      </c>
      <c r="K14643" s="2">
        <v>0</v>
      </c>
      <c r="L14643" t="s">
        <v>82</v>
      </c>
      <c r="M14643" t="s">
        <v>87</v>
      </c>
      <c r="N14643" t="s">
        <v>88</v>
      </c>
      <c r="O14643" t="s">
        <v>85</v>
      </c>
      <c r="P14643" t="s">
        <v>86</v>
      </c>
      <c r="Q14643">
        <v>36</v>
      </c>
      <c r="R14643">
        <v>36</v>
      </c>
      <c r="S14643">
        <v>37</v>
      </c>
      <c r="T14643">
        <v>37</v>
      </c>
      <c r="U14643">
        <v>38</v>
      </c>
      <c r="V14643">
        <v>39</v>
      </c>
      <c r="W14643">
        <v>39</v>
      </c>
      <c r="X14643">
        <v>40</v>
      </c>
      <c r="Y14643">
        <v>40</v>
      </c>
      <c r="Z14643">
        <v>41</v>
      </c>
      <c r="AA14643">
        <v>42</v>
      </c>
      <c r="AB14643">
        <v>42</v>
      </c>
      <c r="AC14643">
        <v>43</v>
      </c>
      <c r="AD14643">
        <v>44</v>
      </c>
      <c r="AE14643">
        <v>44</v>
      </c>
      <c r="AF14643">
        <v>45</v>
      </c>
      <c r="AG14643">
        <v>45</v>
      </c>
      <c r="AH14643">
        <v>46</v>
      </c>
      <c r="AI14643">
        <v>47</v>
      </c>
      <c r="AJ14643">
        <v>47</v>
      </c>
      <c r="AK14643">
        <v>48</v>
      </c>
      <c r="AL14643">
        <v>49</v>
      </c>
      <c r="AM14643">
        <v>49</v>
      </c>
      <c r="AN14643">
        <v>50</v>
      </c>
      <c r="AO14643">
        <v>51</v>
      </c>
      <c r="AP14643">
        <v>52</v>
      </c>
      <c r="AQ14643">
        <v>52</v>
      </c>
    </row>
    <row r="14644" spans="1:43">
      <c r="A14644" t="s">
        <v>9088</v>
      </c>
      <c r="B14644" t="s">
        <v>9089</v>
      </c>
      <c r="C14644" t="s">
        <v>9090</v>
      </c>
      <c r="D14644" t="s">
        <v>9091</v>
      </c>
      <c r="E14644" t="s">
        <v>8938</v>
      </c>
      <c r="F14644" t="s">
        <v>8939</v>
      </c>
      <c r="G14644" t="s">
        <v>80</v>
      </c>
      <c r="H14644" t="s">
        <v>81</v>
      </c>
      <c r="I14644" s="2">
        <v>0</v>
      </c>
      <c r="J14644" s="2">
        <v>1</v>
      </c>
      <c r="K14644" s="2">
        <v>0</v>
      </c>
      <c r="L14644" t="s">
        <v>82</v>
      </c>
      <c r="M14644" t="s">
        <v>89</v>
      </c>
      <c r="N14644" t="s">
        <v>90</v>
      </c>
      <c r="O14644" t="s">
        <v>85</v>
      </c>
      <c r="P14644" t="s">
        <v>86</v>
      </c>
      <c r="Q14644">
        <v>36</v>
      </c>
      <c r="R14644">
        <v>38</v>
      </c>
      <c r="S14644">
        <v>39</v>
      </c>
      <c r="T14644">
        <v>40</v>
      </c>
      <c r="U14644">
        <v>41</v>
      </c>
      <c r="V14644">
        <v>43</v>
      </c>
      <c r="W14644">
        <v>44</v>
      </c>
      <c r="X14644">
        <v>45</v>
      </c>
      <c r="Y14644">
        <v>46</v>
      </c>
      <c r="Z14644">
        <v>48</v>
      </c>
      <c r="AA14644">
        <v>49</v>
      </c>
      <c r="AB14644">
        <v>50</v>
      </c>
      <c r="AC14644">
        <v>51</v>
      </c>
      <c r="AD14644">
        <v>53</v>
      </c>
      <c r="AE14644">
        <v>54</v>
      </c>
      <c r="AF14644">
        <v>54</v>
      </c>
      <c r="AG14644">
        <v>55</v>
      </c>
      <c r="AH14644">
        <v>55</v>
      </c>
      <c r="AI14644">
        <v>56</v>
      </c>
      <c r="AJ14644">
        <v>57</v>
      </c>
      <c r="AK14644">
        <v>57</v>
      </c>
      <c r="AL14644">
        <v>58</v>
      </c>
      <c r="AM14644">
        <v>58</v>
      </c>
      <c r="AN14644">
        <v>59</v>
      </c>
      <c r="AO14644">
        <v>59</v>
      </c>
      <c r="AP14644">
        <v>60</v>
      </c>
      <c r="AQ14644">
        <v>60</v>
      </c>
    </row>
    <row r="14645" spans="1:43">
      <c r="A14645" t="s">
        <v>9088</v>
      </c>
      <c r="B14645" t="s">
        <v>9089</v>
      </c>
      <c r="C14645" t="s">
        <v>9090</v>
      </c>
      <c r="D14645" t="s">
        <v>9091</v>
      </c>
      <c r="E14645" t="s">
        <v>8938</v>
      </c>
      <c r="F14645" t="s">
        <v>8939</v>
      </c>
      <c r="G14645" t="s">
        <v>80</v>
      </c>
      <c r="H14645" t="s">
        <v>81</v>
      </c>
      <c r="I14645" s="2">
        <v>0</v>
      </c>
      <c r="J14645" s="2">
        <v>1</v>
      </c>
      <c r="K14645" s="2">
        <v>0</v>
      </c>
      <c r="L14645" t="s">
        <v>82</v>
      </c>
      <c r="M14645" t="s">
        <v>83</v>
      </c>
      <c r="N14645" t="s">
        <v>91</v>
      </c>
      <c r="O14645" t="s">
        <v>85</v>
      </c>
      <c r="P14645" t="s">
        <v>86</v>
      </c>
      <c r="Q14645">
        <v>36</v>
      </c>
      <c r="R14645">
        <v>37</v>
      </c>
      <c r="S14645">
        <v>38</v>
      </c>
      <c r="T14645">
        <v>39</v>
      </c>
      <c r="U14645">
        <v>40</v>
      </c>
      <c r="V14645">
        <v>41</v>
      </c>
      <c r="W14645">
        <v>42</v>
      </c>
      <c r="X14645">
        <v>43</v>
      </c>
      <c r="Y14645">
        <v>44</v>
      </c>
      <c r="Z14645">
        <v>45</v>
      </c>
      <c r="AA14645">
        <v>46</v>
      </c>
      <c r="AB14645">
        <v>47</v>
      </c>
      <c r="AC14645">
        <v>48</v>
      </c>
      <c r="AD14645">
        <v>49</v>
      </c>
      <c r="AE14645">
        <v>50</v>
      </c>
      <c r="AF14645">
        <v>51</v>
      </c>
      <c r="AG14645">
        <v>52</v>
      </c>
      <c r="AH14645">
        <v>53</v>
      </c>
      <c r="AI14645">
        <v>54</v>
      </c>
      <c r="AJ14645">
        <v>55</v>
      </c>
      <c r="AK14645">
        <v>57</v>
      </c>
      <c r="AL14645">
        <v>57</v>
      </c>
      <c r="AM14645">
        <v>58</v>
      </c>
      <c r="AN14645">
        <v>58</v>
      </c>
      <c r="AO14645">
        <v>59</v>
      </c>
      <c r="AP14645">
        <v>60</v>
      </c>
      <c r="AQ14645">
        <v>60</v>
      </c>
    </row>
    <row r="14646" spans="1:43">
      <c r="A14646" t="s">
        <v>9092</v>
      </c>
      <c r="B14646" t="s">
        <v>9093</v>
      </c>
      <c r="C14646" t="s">
        <v>9090</v>
      </c>
      <c r="D14646" t="s">
        <v>9091</v>
      </c>
      <c r="E14646" t="s">
        <v>8938</v>
      </c>
      <c r="F14646" t="s">
        <v>8939</v>
      </c>
      <c r="G14646" t="s">
        <v>80</v>
      </c>
      <c r="H14646" t="s">
        <v>81</v>
      </c>
      <c r="I14646" s="2">
        <v>0</v>
      </c>
      <c r="J14646" s="2">
        <v>1</v>
      </c>
      <c r="K14646" s="2">
        <v>0</v>
      </c>
      <c r="L14646" t="s">
        <v>82</v>
      </c>
      <c r="M14646" t="s">
        <v>83</v>
      </c>
      <c r="N14646" t="s">
        <v>84</v>
      </c>
      <c r="O14646" t="s">
        <v>85</v>
      </c>
      <c r="P14646" t="s">
        <v>86</v>
      </c>
      <c r="Q14646">
        <v>36</v>
      </c>
      <c r="R14646">
        <v>37</v>
      </c>
      <c r="S14646">
        <v>38</v>
      </c>
      <c r="T14646">
        <v>39</v>
      </c>
      <c r="U14646">
        <v>40</v>
      </c>
      <c r="V14646">
        <v>41</v>
      </c>
      <c r="W14646">
        <v>42</v>
      </c>
      <c r="X14646">
        <v>43</v>
      </c>
      <c r="Y14646">
        <v>44</v>
      </c>
      <c r="Z14646">
        <v>45</v>
      </c>
      <c r="AA14646">
        <v>46</v>
      </c>
      <c r="AB14646">
        <v>47</v>
      </c>
      <c r="AC14646">
        <v>48</v>
      </c>
      <c r="AD14646">
        <v>49</v>
      </c>
      <c r="AE14646">
        <v>50</v>
      </c>
      <c r="AF14646">
        <v>51</v>
      </c>
      <c r="AG14646">
        <v>52</v>
      </c>
      <c r="AH14646">
        <v>53</v>
      </c>
      <c r="AI14646">
        <v>54</v>
      </c>
      <c r="AJ14646">
        <v>55</v>
      </c>
      <c r="AK14646">
        <v>57</v>
      </c>
      <c r="AL14646">
        <v>57</v>
      </c>
      <c r="AM14646">
        <v>58</v>
      </c>
      <c r="AN14646">
        <v>58</v>
      </c>
      <c r="AO14646">
        <v>59</v>
      </c>
      <c r="AP14646">
        <v>60</v>
      </c>
      <c r="AQ14646">
        <v>60</v>
      </c>
    </row>
    <row r="14647" spans="1:43">
      <c r="A14647" t="s">
        <v>9092</v>
      </c>
      <c r="B14647" t="s">
        <v>9093</v>
      </c>
      <c r="C14647" t="s">
        <v>9090</v>
      </c>
      <c r="D14647" t="s">
        <v>9091</v>
      </c>
      <c r="E14647" t="s">
        <v>8938</v>
      </c>
      <c r="F14647" t="s">
        <v>8939</v>
      </c>
      <c r="G14647" t="s">
        <v>80</v>
      </c>
      <c r="H14647" t="s">
        <v>81</v>
      </c>
      <c r="I14647" s="2">
        <v>0</v>
      </c>
      <c r="J14647" s="2">
        <v>1</v>
      </c>
      <c r="K14647" s="2">
        <v>0</v>
      </c>
      <c r="L14647" t="s">
        <v>82</v>
      </c>
      <c r="M14647" t="s">
        <v>87</v>
      </c>
      <c r="N14647" t="s">
        <v>88</v>
      </c>
      <c r="O14647" t="s">
        <v>85</v>
      </c>
      <c r="P14647" t="s">
        <v>86</v>
      </c>
      <c r="Q14647">
        <v>36</v>
      </c>
      <c r="R14647">
        <v>36</v>
      </c>
      <c r="S14647">
        <v>37</v>
      </c>
      <c r="T14647">
        <v>37</v>
      </c>
      <c r="U14647">
        <v>38</v>
      </c>
      <c r="V14647">
        <v>39</v>
      </c>
      <c r="W14647">
        <v>39</v>
      </c>
      <c r="X14647">
        <v>40</v>
      </c>
      <c r="Y14647">
        <v>40</v>
      </c>
      <c r="Z14647">
        <v>41</v>
      </c>
      <c r="AA14647">
        <v>42</v>
      </c>
      <c r="AB14647">
        <v>42</v>
      </c>
      <c r="AC14647">
        <v>43</v>
      </c>
      <c r="AD14647">
        <v>44</v>
      </c>
      <c r="AE14647">
        <v>44</v>
      </c>
      <c r="AF14647">
        <v>45</v>
      </c>
      <c r="AG14647">
        <v>45</v>
      </c>
      <c r="AH14647">
        <v>46</v>
      </c>
      <c r="AI14647">
        <v>47</v>
      </c>
      <c r="AJ14647">
        <v>47</v>
      </c>
      <c r="AK14647">
        <v>48</v>
      </c>
      <c r="AL14647">
        <v>49</v>
      </c>
      <c r="AM14647">
        <v>49</v>
      </c>
      <c r="AN14647">
        <v>50</v>
      </c>
      <c r="AO14647">
        <v>51</v>
      </c>
      <c r="AP14647">
        <v>51</v>
      </c>
      <c r="AQ14647">
        <v>52</v>
      </c>
    </row>
    <row r="14648" spans="1:43">
      <c r="A14648" t="s">
        <v>9092</v>
      </c>
      <c r="B14648" t="s">
        <v>9093</v>
      </c>
      <c r="C14648" t="s">
        <v>9090</v>
      </c>
      <c r="D14648" t="s">
        <v>9091</v>
      </c>
      <c r="E14648" t="s">
        <v>8938</v>
      </c>
      <c r="F14648" t="s">
        <v>8939</v>
      </c>
      <c r="G14648" t="s">
        <v>80</v>
      </c>
      <c r="H14648" t="s">
        <v>81</v>
      </c>
      <c r="I14648" s="2">
        <v>0</v>
      </c>
      <c r="J14648" s="2">
        <v>1</v>
      </c>
      <c r="K14648" s="2">
        <v>0</v>
      </c>
      <c r="L14648" t="s">
        <v>82</v>
      </c>
      <c r="M14648" t="s">
        <v>89</v>
      </c>
      <c r="N14648" t="s">
        <v>90</v>
      </c>
      <c r="O14648" t="s">
        <v>85</v>
      </c>
      <c r="P14648" t="s">
        <v>86</v>
      </c>
      <c r="Q14648">
        <v>36</v>
      </c>
      <c r="R14648">
        <v>38</v>
      </c>
      <c r="S14648">
        <v>39</v>
      </c>
      <c r="T14648">
        <v>40</v>
      </c>
      <c r="U14648">
        <v>41</v>
      </c>
      <c r="V14648">
        <v>43</v>
      </c>
      <c r="W14648">
        <v>44</v>
      </c>
      <c r="X14648">
        <v>45</v>
      </c>
      <c r="Y14648">
        <v>46</v>
      </c>
      <c r="Z14648">
        <v>48</v>
      </c>
      <c r="AA14648">
        <v>49</v>
      </c>
      <c r="AB14648">
        <v>50</v>
      </c>
      <c r="AC14648">
        <v>51</v>
      </c>
      <c r="AD14648">
        <v>53</v>
      </c>
      <c r="AE14648">
        <v>54</v>
      </c>
      <c r="AF14648">
        <v>54</v>
      </c>
      <c r="AG14648">
        <v>55</v>
      </c>
      <c r="AH14648">
        <v>55</v>
      </c>
      <c r="AI14648">
        <v>56</v>
      </c>
      <c r="AJ14648">
        <v>56</v>
      </c>
      <c r="AK14648">
        <v>57</v>
      </c>
      <c r="AL14648">
        <v>58</v>
      </c>
      <c r="AM14648">
        <v>58</v>
      </c>
      <c r="AN14648">
        <v>59</v>
      </c>
      <c r="AO14648">
        <v>59</v>
      </c>
      <c r="AP14648">
        <v>60</v>
      </c>
      <c r="AQ14648">
        <v>60</v>
      </c>
    </row>
    <row r="14649" spans="1:43">
      <c r="A14649" t="s">
        <v>9092</v>
      </c>
      <c r="B14649" t="s">
        <v>9093</v>
      </c>
      <c r="C14649" t="s">
        <v>9090</v>
      </c>
      <c r="D14649" t="s">
        <v>9091</v>
      </c>
      <c r="E14649" t="s">
        <v>8938</v>
      </c>
      <c r="F14649" t="s">
        <v>8939</v>
      </c>
      <c r="G14649" t="s">
        <v>80</v>
      </c>
      <c r="H14649" t="s">
        <v>81</v>
      </c>
      <c r="I14649" s="2">
        <v>0</v>
      </c>
      <c r="J14649" s="2">
        <v>1</v>
      </c>
      <c r="K14649" s="2">
        <v>0</v>
      </c>
      <c r="L14649" t="s">
        <v>82</v>
      </c>
      <c r="M14649" t="s">
        <v>83</v>
      </c>
      <c r="N14649" t="s">
        <v>91</v>
      </c>
      <c r="O14649" t="s">
        <v>85</v>
      </c>
      <c r="P14649" t="s">
        <v>86</v>
      </c>
      <c r="Q14649">
        <v>36</v>
      </c>
      <c r="R14649">
        <v>37</v>
      </c>
      <c r="S14649">
        <v>38</v>
      </c>
      <c r="T14649">
        <v>39</v>
      </c>
      <c r="U14649">
        <v>40</v>
      </c>
      <c r="V14649">
        <v>41</v>
      </c>
      <c r="W14649">
        <v>42</v>
      </c>
      <c r="X14649">
        <v>43</v>
      </c>
      <c r="Y14649">
        <v>44</v>
      </c>
      <c r="Z14649">
        <v>45</v>
      </c>
      <c r="AA14649">
        <v>46</v>
      </c>
      <c r="AB14649">
        <v>47</v>
      </c>
      <c r="AC14649">
        <v>48</v>
      </c>
      <c r="AD14649">
        <v>49</v>
      </c>
      <c r="AE14649">
        <v>50</v>
      </c>
      <c r="AF14649">
        <v>51</v>
      </c>
      <c r="AG14649">
        <v>52</v>
      </c>
      <c r="AH14649">
        <v>53</v>
      </c>
      <c r="AI14649">
        <v>54</v>
      </c>
      <c r="AJ14649">
        <v>55</v>
      </c>
      <c r="AK14649">
        <v>57</v>
      </c>
      <c r="AL14649">
        <v>57</v>
      </c>
      <c r="AM14649">
        <v>58</v>
      </c>
      <c r="AN14649">
        <v>58</v>
      </c>
      <c r="AO14649">
        <v>59</v>
      </c>
      <c r="AP14649">
        <v>60</v>
      </c>
      <c r="AQ14649">
        <v>60</v>
      </c>
    </row>
    <row r="14650" spans="1:43">
      <c r="A14650" t="s">
        <v>9094</v>
      </c>
      <c r="B14650" t="s">
        <v>9095</v>
      </c>
      <c r="C14650" t="s">
        <v>9090</v>
      </c>
      <c r="D14650" t="s">
        <v>9091</v>
      </c>
      <c r="E14650" t="s">
        <v>8938</v>
      </c>
      <c r="F14650" t="s">
        <v>8939</v>
      </c>
      <c r="G14650" t="s">
        <v>80</v>
      </c>
      <c r="H14650" t="s">
        <v>81</v>
      </c>
      <c r="I14650" s="2">
        <v>0</v>
      </c>
      <c r="J14650" s="2">
        <v>1</v>
      </c>
      <c r="K14650" s="2">
        <v>0</v>
      </c>
      <c r="L14650" t="s">
        <v>82</v>
      </c>
      <c r="M14650" t="s">
        <v>83</v>
      </c>
      <c r="N14650" t="s">
        <v>84</v>
      </c>
      <c r="O14650" t="s">
        <v>85</v>
      </c>
      <c r="P14650" t="s">
        <v>86</v>
      </c>
      <c r="Q14650">
        <v>49</v>
      </c>
      <c r="R14650">
        <v>50</v>
      </c>
      <c r="S14650">
        <v>52</v>
      </c>
      <c r="T14650">
        <v>53</v>
      </c>
      <c r="U14650">
        <v>54</v>
      </c>
      <c r="V14650">
        <v>56</v>
      </c>
      <c r="W14650">
        <v>57</v>
      </c>
      <c r="X14650">
        <v>58</v>
      </c>
      <c r="Y14650">
        <v>60</v>
      </c>
      <c r="Z14650">
        <v>61</v>
      </c>
      <c r="AA14650">
        <v>62</v>
      </c>
      <c r="AB14650">
        <v>64</v>
      </c>
      <c r="AC14650">
        <v>65</v>
      </c>
      <c r="AD14650">
        <v>67</v>
      </c>
      <c r="AE14650">
        <v>68</v>
      </c>
      <c r="AF14650">
        <v>70</v>
      </c>
      <c r="AG14650">
        <v>71</v>
      </c>
      <c r="AH14650">
        <v>73</v>
      </c>
      <c r="AI14650">
        <v>74</v>
      </c>
      <c r="AJ14650">
        <v>76</v>
      </c>
      <c r="AK14650">
        <v>77</v>
      </c>
      <c r="AL14650">
        <v>78</v>
      </c>
      <c r="AM14650">
        <v>79</v>
      </c>
      <c r="AN14650">
        <v>80</v>
      </c>
      <c r="AO14650">
        <v>80</v>
      </c>
      <c r="AP14650">
        <v>81</v>
      </c>
      <c r="AQ14650">
        <v>82</v>
      </c>
    </row>
    <row r="14651" spans="1:43">
      <c r="A14651" t="s">
        <v>9094</v>
      </c>
      <c r="B14651" t="s">
        <v>9095</v>
      </c>
      <c r="C14651" t="s">
        <v>9090</v>
      </c>
      <c r="D14651" t="s">
        <v>9091</v>
      </c>
      <c r="E14651" t="s">
        <v>8938</v>
      </c>
      <c r="F14651" t="s">
        <v>8939</v>
      </c>
      <c r="G14651" t="s">
        <v>80</v>
      </c>
      <c r="H14651" t="s">
        <v>81</v>
      </c>
      <c r="I14651" s="2">
        <v>0</v>
      </c>
      <c r="J14651" s="2">
        <v>1</v>
      </c>
      <c r="K14651" s="2">
        <v>0</v>
      </c>
      <c r="L14651" t="s">
        <v>82</v>
      </c>
      <c r="M14651" t="s">
        <v>87</v>
      </c>
      <c r="N14651" t="s">
        <v>88</v>
      </c>
      <c r="O14651" t="s">
        <v>85</v>
      </c>
      <c r="P14651" t="s">
        <v>86</v>
      </c>
      <c r="Q14651">
        <v>49</v>
      </c>
      <c r="R14651">
        <v>49</v>
      </c>
      <c r="S14651">
        <v>50</v>
      </c>
      <c r="T14651">
        <v>51</v>
      </c>
      <c r="U14651">
        <v>52</v>
      </c>
      <c r="V14651">
        <v>53</v>
      </c>
      <c r="W14651">
        <v>53</v>
      </c>
      <c r="X14651">
        <v>54</v>
      </c>
      <c r="Y14651">
        <v>55</v>
      </c>
      <c r="Z14651">
        <v>56</v>
      </c>
      <c r="AA14651">
        <v>57</v>
      </c>
      <c r="AB14651">
        <v>58</v>
      </c>
      <c r="AC14651">
        <v>59</v>
      </c>
      <c r="AD14651">
        <v>59</v>
      </c>
      <c r="AE14651">
        <v>60</v>
      </c>
      <c r="AF14651">
        <v>61</v>
      </c>
      <c r="AG14651">
        <v>62</v>
      </c>
      <c r="AH14651">
        <v>63</v>
      </c>
      <c r="AI14651">
        <v>64</v>
      </c>
      <c r="AJ14651">
        <v>65</v>
      </c>
      <c r="AK14651">
        <v>66</v>
      </c>
      <c r="AL14651">
        <v>66</v>
      </c>
      <c r="AM14651">
        <v>67</v>
      </c>
      <c r="AN14651">
        <v>68</v>
      </c>
      <c r="AO14651">
        <v>69</v>
      </c>
      <c r="AP14651">
        <v>70</v>
      </c>
      <c r="AQ14651">
        <v>71</v>
      </c>
    </row>
    <row r="14652" spans="1:43">
      <c r="A14652" t="s">
        <v>9094</v>
      </c>
      <c r="B14652" t="s">
        <v>9095</v>
      </c>
      <c r="C14652" t="s">
        <v>9090</v>
      </c>
      <c r="D14652" t="s">
        <v>9091</v>
      </c>
      <c r="E14652" t="s">
        <v>8938</v>
      </c>
      <c r="F14652" t="s">
        <v>8939</v>
      </c>
      <c r="G14652" t="s">
        <v>80</v>
      </c>
      <c r="H14652" t="s">
        <v>81</v>
      </c>
      <c r="I14652" s="2">
        <v>0</v>
      </c>
      <c r="J14652" s="2">
        <v>1</v>
      </c>
      <c r="K14652" s="2">
        <v>0</v>
      </c>
      <c r="L14652" t="s">
        <v>82</v>
      </c>
      <c r="M14652" t="s">
        <v>89</v>
      </c>
      <c r="N14652" t="s">
        <v>90</v>
      </c>
      <c r="O14652" t="s">
        <v>85</v>
      </c>
      <c r="P14652" t="s">
        <v>86</v>
      </c>
      <c r="Q14652">
        <v>49</v>
      </c>
      <c r="R14652">
        <v>50</v>
      </c>
      <c r="S14652">
        <v>52</v>
      </c>
      <c r="T14652">
        <v>54</v>
      </c>
      <c r="U14652">
        <v>55</v>
      </c>
      <c r="V14652">
        <v>57</v>
      </c>
      <c r="W14652">
        <v>59</v>
      </c>
      <c r="X14652">
        <v>61</v>
      </c>
      <c r="Y14652">
        <v>62</v>
      </c>
      <c r="Z14652">
        <v>64</v>
      </c>
      <c r="AA14652">
        <v>66</v>
      </c>
      <c r="AB14652">
        <v>67</v>
      </c>
      <c r="AC14652">
        <v>69</v>
      </c>
      <c r="AD14652">
        <v>71</v>
      </c>
      <c r="AE14652">
        <v>72</v>
      </c>
      <c r="AF14652">
        <v>73</v>
      </c>
      <c r="AG14652">
        <v>74</v>
      </c>
      <c r="AH14652">
        <v>74</v>
      </c>
      <c r="AI14652">
        <v>75</v>
      </c>
      <c r="AJ14652">
        <v>76</v>
      </c>
      <c r="AK14652">
        <v>77</v>
      </c>
      <c r="AL14652">
        <v>78</v>
      </c>
      <c r="AM14652">
        <v>78</v>
      </c>
      <c r="AN14652">
        <v>79</v>
      </c>
      <c r="AO14652">
        <v>80</v>
      </c>
      <c r="AP14652">
        <v>81</v>
      </c>
      <c r="AQ14652">
        <v>81</v>
      </c>
    </row>
    <row r="14653" spans="1:43">
      <c r="A14653" t="s">
        <v>9094</v>
      </c>
      <c r="B14653" t="s">
        <v>9095</v>
      </c>
      <c r="C14653" t="s">
        <v>9090</v>
      </c>
      <c r="D14653" t="s">
        <v>9091</v>
      </c>
      <c r="E14653" t="s">
        <v>8938</v>
      </c>
      <c r="F14653" t="s">
        <v>8939</v>
      </c>
      <c r="G14653" t="s">
        <v>80</v>
      </c>
      <c r="H14653" t="s">
        <v>81</v>
      </c>
      <c r="I14653" s="2">
        <v>0</v>
      </c>
      <c r="J14653" s="2">
        <v>1</v>
      </c>
      <c r="K14653" s="2">
        <v>0</v>
      </c>
      <c r="L14653" t="s">
        <v>82</v>
      </c>
      <c r="M14653" t="s">
        <v>83</v>
      </c>
      <c r="N14653" t="s">
        <v>91</v>
      </c>
      <c r="O14653" t="s">
        <v>85</v>
      </c>
      <c r="P14653" t="s">
        <v>86</v>
      </c>
      <c r="Q14653">
        <v>49</v>
      </c>
      <c r="R14653">
        <v>50</v>
      </c>
      <c r="S14653">
        <v>52</v>
      </c>
      <c r="T14653">
        <v>53</v>
      </c>
      <c r="U14653">
        <v>54</v>
      </c>
      <c r="V14653">
        <v>56</v>
      </c>
      <c r="W14653">
        <v>57</v>
      </c>
      <c r="X14653">
        <v>58</v>
      </c>
      <c r="Y14653">
        <v>60</v>
      </c>
      <c r="Z14653">
        <v>61</v>
      </c>
      <c r="AA14653">
        <v>62</v>
      </c>
      <c r="AB14653">
        <v>64</v>
      </c>
      <c r="AC14653">
        <v>65</v>
      </c>
      <c r="AD14653">
        <v>67</v>
      </c>
      <c r="AE14653">
        <v>68</v>
      </c>
      <c r="AF14653">
        <v>70</v>
      </c>
      <c r="AG14653">
        <v>71</v>
      </c>
      <c r="AH14653">
        <v>73</v>
      </c>
      <c r="AI14653">
        <v>74</v>
      </c>
      <c r="AJ14653">
        <v>76</v>
      </c>
      <c r="AK14653">
        <v>77</v>
      </c>
      <c r="AL14653">
        <v>78</v>
      </c>
      <c r="AM14653">
        <v>79</v>
      </c>
      <c r="AN14653">
        <v>80</v>
      </c>
      <c r="AO14653">
        <v>80</v>
      </c>
      <c r="AP14653">
        <v>81</v>
      </c>
      <c r="AQ14653">
        <v>82</v>
      </c>
    </row>
    <row r="14654" spans="1:43">
      <c r="A14654" t="s">
        <v>9096</v>
      </c>
      <c r="B14654" t="s">
        <v>9097</v>
      </c>
      <c r="C14654" t="s">
        <v>9098</v>
      </c>
      <c r="D14654" t="s">
        <v>9099</v>
      </c>
      <c r="E14654" t="s">
        <v>8938</v>
      </c>
      <c r="F14654" t="s">
        <v>8939</v>
      </c>
      <c r="G14654" t="s">
        <v>80</v>
      </c>
      <c r="H14654" t="s">
        <v>81</v>
      </c>
      <c r="I14654" s="2">
        <v>0</v>
      </c>
      <c r="J14654" s="2">
        <v>1</v>
      </c>
      <c r="K14654" s="2">
        <v>0</v>
      </c>
      <c r="L14654" t="s">
        <v>82</v>
      </c>
      <c r="M14654" t="s">
        <v>83</v>
      </c>
      <c r="N14654" t="s">
        <v>84</v>
      </c>
      <c r="O14654" t="s">
        <v>85</v>
      </c>
      <c r="P14654" t="s">
        <v>86</v>
      </c>
      <c r="Q14654">
        <v>53</v>
      </c>
      <c r="R14654">
        <v>54</v>
      </c>
      <c r="S14654">
        <v>55</v>
      </c>
      <c r="T14654">
        <v>57</v>
      </c>
      <c r="U14654">
        <v>58</v>
      </c>
      <c r="V14654">
        <v>60</v>
      </c>
      <c r="W14654">
        <v>61</v>
      </c>
      <c r="X14654">
        <v>62</v>
      </c>
      <c r="Y14654">
        <v>64</v>
      </c>
      <c r="Z14654">
        <v>65</v>
      </c>
      <c r="AA14654">
        <v>67</v>
      </c>
      <c r="AB14654">
        <v>68</v>
      </c>
      <c r="AC14654">
        <v>70</v>
      </c>
      <c r="AD14654">
        <v>71</v>
      </c>
      <c r="AE14654">
        <v>73</v>
      </c>
      <c r="AF14654">
        <v>75</v>
      </c>
      <c r="AG14654">
        <v>76</v>
      </c>
      <c r="AH14654">
        <v>78</v>
      </c>
      <c r="AI14654">
        <v>79</v>
      </c>
      <c r="AJ14654">
        <v>81</v>
      </c>
      <c r="AK14654">
        <v>83</v>
      </c>
      <c r="AL14654">
        <v>84</v>
      </c>
      <c r="AM14654">
        <v>85</v>
      </c>
      <c r="AN14654">
        <v>85</v>
      </c>
      <c r="AO14654">
        <v>86</v>
      </c>
      <c r="AP14654">
        <v>87</v>
      </c>
      <c r="AQ14654">
        <v>88</v>
      </c>
    </row>
    <row r="14655" spans="1:43">
      <c r="A14655" t="s">
        <v>9096</v>
      </c>
      <c r="B14655" t="s">
        <v>9097</v>
      </c>
      <c r="C14655" t="s">
        <v>9098</v>
      </c>
      <c r="D14655" t="s">
        <v>9099</v>
      </c>
      <c r="E14655" t="s">
        <v>8938</v>
      </c>
      <c r="F14655" t="s">
        <v>8939</v>
      </c>
      <c r="G14655" t="s">
        <v>80</v>
      </c>
      <c r="H14655" t="s">
        <v>81</v>
      </c>
      <c r="I14655" s="2">
        <v>0</v>
      </c>
      <c r="J14655" s="2">
        <v>1</v>
      </c>
      <c r="K14655" s="2">
        <v>0</v>
      </c>
      <c r="L14655" t="s">
        <v>82</v>
      </c>
      <c r="M14655" t="s">
        <v>87</v>
      </c>
      <c r="N14655" t="s">
        <v>88</v>
      </c>
      <c r="O14655" t="s">
        <v>85</v>
      </c>
      <c r="P14655" t="s">
        <v>86</v>
      </c>
      <c r="Q14655">
        <v>53</v>
      </c>
      <c r="R14655">
        <v>54</v>
      </c>
      <c r="S14655">
        <v>55</v>
      </c>
      <c r="T14655">
        <v>56</v>
      </c>
      <c r="U14655">
        <v>57</v>
      </c>
      <c r="V14655">
        <v>57</v>
      </c>
      <c r="W14655">
        <v>58</v>
      </c>
      <c r="X14655">
        <v>59</v>
      </c>
      <c r="Y14655">
        <v>60</v>
      </c>
      <c r="Z14655">
        <v>61</v>
      </c>
      <c r="AA14655">
        <v>62</v>
      </c>
      <c r="AB14655">
        <v>63</v>
      </c>
      <c r="AC14655">
        <v>64</v>
      </c>
      <c r="AD14655">
        <v>65</v>
      </c>
      <c r="AE14655">
        <v>66</v>
      </c>
      <c r="AF14655">
        <v>67</v>
      </c>
      <c r="AG14655">
        <v>67</v>
      </c>
      <c r="AH14655">
        <v>68</v>
      </c>
      <c r="AI14655">
        <v>69</v>
      </c>
      <c r="AJ14655">
        <v>70</v>
      </c>
      <c r="AK14655">
        <v>71</v>
      </c>
      <c r="AL14655">
        <v>72</v>
      </c>
      <c r="AM14655">
        <v>73</v>
      </c>
      <c r="AN14655">
        <v>74</v>
      </c>
      <c r="AO14655">
        <v>75</v>
      </c>
      <c r="AP14655">
        <v>76</v>
      </c>
      <c r="AQ14655">
        <v>77</v>
      </c>
    </row>
    <row r="14656" spans="1:43">
      <c r="A14656" t="s">
        <v>9096</v>
      </c>
      <c r="B14656" t="s">
        <v>9097</v>
      </c>
      <c r="C14656" t="s">
        <v>9098</v>
      </c>
      <c r="D14656" t="s">
        <v>9099</v>
      </c>
      <c r="E14656" t="s">
        <v>8938</v>
      </c>
      <c r="F14656" t="s">
        <v>8939</v>
      </c>
      <c r="G14656" t="s">
        <v>80</v>
      </c>
      <c r="H14656" t="s">
        <v>81</v>
      </c>
      <c r="I14656" s="2">
        <v>0</v>
      </c>
      <c r="J14656" s="2">
        <v>1</v>
      </c>
      <c r="K14656" s="2">
        <v>0</v>
      </c>
      <c r="L14656" t="s">
        <v>82</v>
      </c>
      <c r="M14656" t="s">
        <v>89</v>
      </c>
      <c r="N14656" t="s">
        <v>90</v>
      </c>
      <c r="O14656" t="s">
        <v>85</v>
      </c>
      <c r="P14656" t="s">
        <v>86</v>
      </c>
      <c r="Q14656">
        <v>53</v>
      </c>
      <c r="R14656">
        <v>55</v>
      </c>
      <c r="S14656">
        <v>57</v>
      </c>
      <c r="T14656">
        <v>59</v>
      </c>
      <c r="U14656">
        <v>60</v>
      </c>
      <c r="V14656">
        <v>62</v>
      </c>
      <c r="W14656">
        <v>64</v>
      </c>
      <c r="X14656">
        <v>66</v>
      </c>
      <c r="Y14656">
        <v>68</v>
      </c>
      <c r="Z14656">
        <v>70</v>
      </c>
      <c r="AA14656">
        <v>71</v>
      </c>
      <c r="AB14656">
        <v>73</v>
      </c>
      <c r="AC14656">
        <v>75</v>
      </c>
      <c r="AD14656">
        <v>77</v>
      </c>
      <c r="AE14656">
        <v>78</v>
      </c>
      <c r="AF14656">
        <v>79</v>
      </c>
      <c r="AG14656">
        <v>80</v>
      </c>
      <c r="AH14656">
        <v>81</v>
      </c>
      <c r="AI14656">
        <v>82</v>
      </c>
      <c r="AJ14656">
        <v>83</v>
      </c>
      <c r="AK14656">
        <v>84</v>
      </c>
      <c r="AL14656">
        <v>84</v>
      </c>
      <c r="AM14656">
        <v>85</v>
      </c>
      <c r="AN14656">
        <v>86</v>
      </c>
      <c r="AO14656">
        <v>87</v>
      </c>
      <c r="AP14656">
        <v>88</v>
      </c>
      <c r="AQ14656">
        <v>89</v>
      </c>
    </row>
    <row r="14657" spans="1:43">
      <c r="A14657" t="s">
        <v>9096</v>
      </c>
      <c r="B14657" t="s">
        <v>9097</v>
      </c>
      <c r="C14657" t="s">
        <v>9098</v>
      </c>
      <c r="D14657" t="s">
        <v>9099</v>
      </c>
      <c r="E14657" t="s">
        <v>8938</v>
      </c>
      <c r="F14657" t="s">
        <v>8939</v>
      </c>
      <c r="G14657" t="s">
        <v>80</v>
      </c>
      <c r="H14657" t="s">
        <v>81</v>
      </c>
      <c r="I14657" s="2">
        <v>0</v>
      </c>
      <c r="J14657" s="2">
        <v>1</v>
      </c>
      <c r="K14657" s="2">
        <v>0</v>
      </c>
      <c r="L14657" t="s">
        <v>82</v>
      </c>
      <c r="M14657" t="s">
        <v>83</v>
      </c>
      <c r="N14657" t="s">
        <v>91</v>
      </c>
      <c r="O14657" t="s">
        <v>85</v>
      </c>
      <c r="P14657" t="s">
        <v>86</v>
      </c>
      <c r="Q14657">
        <v>53</v>
      </c>
      <c r="R14657">
        <v>54</v>
      </c>
      <c r="S14657">
        <v>55</v>
      </c>
      <c r="T14657">
        <v>57</v>
      </c>
      <c r="U14657">
        <v>58</v>
      </c>
      <c r="V14657">
        <v>60</v>
      </c>
      <c r="W14657">
        <v>61</v>
      </c>
      <c r="X14657">
        <v>62</v>
      </c>
      <c r="Y14657">
        <v>64</v>
      </c>
      <c r="Z14657">
        <v>65</v>
      </c>
      <c r="AA14657">
        <v>67</v>
      </c>
      <c r="AB14657">
        <v>68</v>
      </c>
      <c r="AC14657">
        <v>70</v>
      </c>
      <c r="AD14657">
        <v>71</v>
      </c>
      <c r="AE14657">
        <v>73</v>
      </c>
      <c r="AF14657">
        <v>75</v>
      </c>
      <c r="AG14657">
        <v>76</v>
      </c>
      <c r="AH14657">
        <v>78</v>
      </c>
      <c r="AI14657">
        <v>79</v>
      </c>
      <c r="AJ14657">
        <v>81</v>
      </c>
      <c r="AK14657">
        <v>83</v>
      </c>
      <c r="AL14657">
        <v>84</v>
      </c>
      <c r="AM14657">
        <v>85</v>
      </c>
      <c r="AN14657">
        <v>85</v>
      </c>
      <c r="AO14657">
        <v>86</v>
      </c>
      <c r="AP14657">
        <v>87</v>
      </c>
      <c r="AQ14657">
        <v>88</v>
      </c>
    </row>
    <row r="14658" spans="1:43">
      <c r="A14658" t="s">
        <v>9100</v>
      </c>
      <c r="B14658" t="s">
        <v>9101</v>
      </c>
      <c r="C14658" t="s">
        <v>9102</v>
      </c>
      <c r="D14658" t="s">
        <v>9103</v>
      </c>
      <c r="E14658" t="s">
        <v>8938</v>
      </c>
      <c r="F14658" t="s">
        <v>8939</v>
      </c>
      <c r="G14658" t="s">
        <v>80</v>
      </c>
      <c r="H14658" t="s">
        <v>81</v>
      </c>
      <c r="I14658" s="2">
        <v>0</v>
      </c>
      <c r="J14658" s="2">
        <v>1</v>
      </c>
      <c r="K14658" s="2">
        <v>0</v>
      </c>
      <c r="L14658" t="s">
        <v>82</v>
      </c>
      <c r="M14658" t="s">
        <v>83</v>
      </c>
      <c r="N14658" t="s">
        <v>84</v>
      </c>
      <c r="O14658" t="s">
        <v>85</v>
      </c>
      <c r="P14658" t="s">
        <v>86</v>
      </c>
      <c r="Q14658">
        <v>61</v>
      </c>
      <c r="R14658">
        <v>62</v>
      </c>
      <c r="S14658">
        <v>64</v>
      </c>
      <c r="T14658">
        <v>65</v>
      </c>
      <c r="U14658">
        <v>67</v>
      </c>
      <c r="V14658">
        <v>69</v>
      </c>
      <c r="W14658">
        <v>70</v>
      </c>
      <c r="X14658">
        <v>72</v>
      </c>
      <c r="Y14658">
        <v>74</v>
      </c>
      <c r="Z14658">
        <v>75</v>
      </c>
      <c r="AA14658">
        <v>77</v>
      </c>
      <c r="AB14658">
        <v>79</v>
      </c>
      <c r="AC14658">
        <v>81</v>
      </c>
      <c r="AD14658">
        <v>82</v>
      </c>
      <c r="AE14658">
        <v>84</v>
      </c>
      <c r="AF14658">
        <v>86</v>
      </c>
      <c r="AG14658">
        <v>88</v>
      </c>
      <c r="AH14658">
        <v>90</v>
      </c>
      <c r="AI14658">
        <v>91</v>
      </c>
      <c r="AJ14658">
        <v>93</v>
      </c>
      <c r="AK14658">
        <v>95</v>
      </c>
      <c r="AL14658">
        <v>96</v>
      </c>
      <c r="AM14658">
        <v>97</v>
      </c>
      <c r="AN14658">
        <v>98</v>
      </c>
      <c r="AO14658">
        <v>99</v>
      </c>
      <c r="AP14658">
        <v>100</v>
      </c>
      <c r="AQ14658">
        <v>101</v>
      </c>
    </row>
    <row r="14659" spans="1:43">
      <c r="A14659" t="s">
        <v>9100</v>
      </c>
      <c r="B14659" t="s">
        <v>9101</v>
      </c>
      <c r="C14659" t="s">
        <v>9102</v>
      </c>
      <c r="D14659" t="s">
        <v>9103</v>
      </c>
      <c r="E14659" t="s">
        <v>8938</v>
      </c>
      <c r="F14659" t="s">
        <v>8939</v>
      </c>
      <c r="G14659" t="s">
        <v>80</v>
      </c>
      <c r="H14659" t="s">
        <v>81</v>
      </c>
      <c r="I14659" s="2">
        <v>0</v>
      </c>
      <c r="J14659" s="2">
        <v>1</v>
      </c>
      <c r="K14659" s="2">
        <v>0</v>
      </c>
      <c r="L14659" t="s">
        <v>82</v>
      </c>
      <c r="M14659" t="s">
        <v>87</v>
      </c>
      <c r="N14659" t="s">
        <v>88</v>
      </c>
      <c r="O14659" t="s">
        <v>85</v>
      </c>
      <c r="P14659" t="s">
        <v>86</v>
      </c>
      <c r="Q14659">
        <v>61</v>
      </c>
      <c r="R14659">
        <v>62</v>
      </c>
      <c r="S14659">
        <v>63</v>
      </c>
      <c r="T14659">
        <v>64</v>
      </c>
      <c r="U14659">
        <v>65</v>
      </c>
      <c r="V14659">
        <v>66</v>
      </c>
      <c r="W14659">
        <v>67</v>
      </c>
      <c r="X14659">
        <v>68</v>
      </c>
      <c r="Y14659">
        <v>69</v>
      </c>
      <c r="Z14659">
        <v>70</v>
      </c>
      <c r="AA14659">
        <v>71</v>
      </c>
      <c r="AB14659">
        <v>72</v>
      </c>
      <c r="AC14659">
        <v>73</v>
      </c>
      <c r="AD14659">
        <v>74</v>
      </c>
      <c r="AE14659">
        <v>75</v>
      </c>
      <c r="AF14659">
        <v>77</v>
      </c>
      <c r="AG14659">
        <v>78</v>
      </c>
      <c r="AH14659">
        <v>79</v>
      </c>
      <c r="AI14659">
        <v>80</v>
      </c>
      <c r="AJ14659">
        <v>81</v>
      </c>
      <c r="AK14659">
        <v>82</v>
      </c>
      <c r="AL14659">
        <v>83</v>
      </c>
      <c r="AM14659">
        <v>84</v>
      </c>
      <c r="AN14659">
        <v>86</v>
      </c>
      <c r="AO14659">
        <v>87</v>
      </c>
      <c r="AP14659">
        <v>88</v>
      </c>
      <c r="AQ14659">
        <v>89</v>
      </c>
    </row>
    <row r="14660" spans="1:43">
      <c r="A14660" t="s">
        <v>9100</v>
      </c>
      <c r="B14660" t="s">
        <v>9101</v>
      </c>
      <c r="C14660" t="s">
        <v>9102</v>
      </c>
      <c r="D14660" t="s">
        <v>9103</v>
      </c>
      <c r="E14660" t="s">
        <v>8938</v>
      </c>
      <c r="F14660" t="s">
        <v>8939</v>
      </c>
      <c r="G14660" t="s">
        <v>80</v>
      </c>
      <c r="H14660" t="s">
        <v>81</v>
      </c>
      <c r="I14660" s="2">
        <v>0</v>
      </c>
      <c r="J14660" s="2">
        <v>1</v>
      </c>
      <c r="K14660" s="2">
        <v>0</v>
      </c>
      <c r="L14660" t="s">
        <v>82</v>
      </c>
      <c r="M14660" t="s">
        <v>89</v>
      </c>
      <c r="N14660" t="s">
        <v>90</v>
      </c>
      <c r="O14660" t="s">
        <v>85</v>
      </c>
      <c r="P14660" t="s">
        <v>86</v>
      </c>
      <c r="Q14660">
        <v>61</v>
      </c>
      <c r="R14660">
        <v>63</v>
      </c>
      <c r="S14660">
        <v>65</v>
      </c>
      <c r="T14660">
        <v>68</v>
      </c>
      <c r="U14660">
        <v>70</v>
      </c>
      <c r="V14660">
        <v>72</v>
      </c>
      <c r="W14660">
        <v>74</v>
      </c>
      <c r="X14660">
        <v>76</v>
      </c>
      <c r="Y14660">
        <v>78</v>
      </c>
      <c r="Z14660">
        <v>80</v>
      </c>
      <c r="AA14660">
        <v>82</v>
      </c>
      <c r="AB14660">
        <v>84</v>
      </c>
      <c r="AC14660">
        <v>86</v>
      </c>
      <c r="AD14660">
        <v>89</v>
      </c>
      <c r="AE14660">
        <v>90</v>
      </c>
      <c r="AF14660">
        <v>91</v>
      </c>
      <c r="AG14660">
        <v>92</v>
      </c>
      <c r="AH14660">
        <v>93</v>
      </c>
      <c r="AI14660">
        <v>94</v>
      </c>
      <c r="AJ14660">
        <v>95</v>
      </c>
      <c r="AK14660">
        <v>96</v>
      </c>
      <c r="AL14660">
        <v>97</v>
      </c>
      <c r="AM14660">
        <v>98</v>
      </c>
      <c r="AN14660">
        <v>99</v>
      </c>
      <c r="AO14660">
        <v>100</v>
      </c>
      <c r="AP14660">
        <v>101</v>
      </c>
      <c r="AQ14660">
        <v>102</v>
      </c>
    </row>
    <row r="14661" spans="1:43">
      <c r="A14661" t="s">
        <v>9100</v>
      </c>
      <c r="B14661" t="s">
        <v>9101</v>
      </c>
      <c r="C14661" t="s">
        <v>9102</v>
      </c>
      <c r="D14661" t="s">
        <v>9103</v>
      </c>
      <c r="E14661" t="s">
        <v>8938</v>
      </c>
      <c r="F14661" t="s">
        <v>8939</v>
      </c>
      <c r="G14661" t="s">
        <v>80</v>
      </c>
      <c r="H14661" t="s">
        <v>81</v>
      </c>
      <c r="I14661" s="2">
        <v>0</v>
      </c>
      <c r="J14661" s="2">
        <v>1</v>
      </c>
      <c r="K14661" s="2">
        <v>0</v>
      </c>
      <c r="L14661" t="s">
        <v>82</v>
      </c>
      <c r="M14661" t="s">
        <v>83</v>
      </c>
      <c r="N14661" t="s">
        <v>91</v>
      </c>
      <c r="O14661" t="s">
        <v>85</v>
      </c>
      <c r="P14661" t="s">
        <v>86</v>
      </c>
      <c r="Q14661">
        <v>61</v>
      </c>
      <c r="R14661">
        <v>62</v>
      </c>
      <c r="S14661">
        <v>64</v>
      </c>
      <c r="T14661">
        <v>65</v>
      </c>
      <c r="U14661">
        <v>67</v>
      </c>
      <c r="V14661">
        <v>69</v>
      </c>
      <c r="W14661">
        <v>70</v>
      </c>
      <c r="X14661">
        <v>72</v>
      </c>
      <c r="Y14661">
        <v>74</v>
      </c>
      <c r="Z14661">
        <v>75</v>
      </c>
      <c r="AA14661">
        <v>77</v>
      </c>
      <c r="AB14661">
        <v>79</v>
      </c>
      <c r="AC14661">
        <v>81</v>
      </c>
      <c r="AD14661">
        <v>82</v>
      </c>
      <c r="AE14661">
        <v>84</v>
      </c>
      <c r="AF14661">
        <v>86</v>
      </c>
      <c r="AG14661">
        <v>88</v>
      </c>
      <c r="AH14661">
        <v>90</v>
      </c>
      <c r="AI14661">
        <v>91</v>
      </c>
      <c r="AJ14661">
        <v>93</v>
      </c>
      <c r="AK14661">
        <v>95</v>
      </c>
      <c r="AL14661">
        <v>96</v>
      </c>
      <c r="AM14661">
        <v>97</v>
      </c>
      <c r="AN14661">
        <v>98</v>
      </c>
      <c r="AO14661">
        <v>99</v>
      </c>
      <c r="AP14661">
        <v>100</v>
      </c>
      <c r="AQ14661">
        <v>101</v>
      </c>
    </row>
    <row r="14662" spans="1:43">
      <c r="A14662" t="s">
        <v>9104</v>
      </c>
      <c r="B14662" t="s">
        <v>9105</v>
      </c>
      <c r="C14662" t="s">
        <v>9090</v>
      </c>
      <c r="D14662" t="s">
        <v>9091</v>
      </c>
      <c r="E14662" t="s">
        <v>8938</v>
      </c>
      <c r="F14662" t="s">
        <v>8939</v>
      </c>
      <c r="G14662" t="s">
        <v>80</v>
      </c>
      <c r="H14662" t="s">
        <v>81</v>
      </c>
      <c r="I14662" s="2">
        <v>0</v>
      </c>
      <c r="J14662" s="2">
        <v>1</v>
      </c>
      <c r="K14662" s="2">
        <v>0</v>
      </c>
      <c r="L14662" t="s">
        <v>82</v>
      </c>
      <c r="M14662" t="s">
        <v>83</v>
      </c>
      <c r="N14662" t="s">
        <v>84</v>
      </c>
      <c r="O14662" t="s">
        <v>85</v>
      </c>
      <c r="P14662" t="s">
        <v>86</v>
      </c>
      <c r="Q14662">
        <v>36</v>
      </c>
      <c r="R14662">
        <v>37</v>
      </c>
      <c r="S14662">
        <v>38</v>
      </c>
      <c r="T14662">
        <v>39</v>
      </c>
      <c r="U14662">
        <v>40</v>
      </c>
      <c r="V14662">
        <v>41</v>
      </c>
      <c r="W14662">
        <v>42</v>
      </c>
      <c r="X14662">
        <v>43</v>
      </c>
      <c r="Y14662">
        <v>44</v>
      </c>
      <c r="Z14662">
        <v>45</v>
      </c>
      <c r="AA14662">
        <v>46</v>
      </c>
      <c r="AB14662">
        <v>47</v>
      </c>
      <c r="AC14662">
        <v>48</v>
      </c>
      <c r="AD14662">
        <v>49</v>
      </c>
      <c r="AE14662">
        <v>50</v>
      </c>
      <c r="AF14662">
        <v>51</v>
      </c>
      <c r="AG14662">
        <v>52</v>
      </c>
      <c r="AH14662">
        <v>53</v>
      </c>
      <c r="AI14662">
        <v>54</v>
      </c>
      <c r="AJ14662">
        <v>55</v>
      </c>
      <c r="AK14662">
        <v>56</v>
      </c>
      <c r="AL14662">
        <v>57</v>
      </c>
      <c r="AM14662">
        <v>58</v>
      </c>
      <c r="AN14662">
        <v>58</v>
      </c>
      <c r="AO14662">
        <v>59</v>
      </c>
      <c r="AP14662">
        <v>59</v>
      </c>
      <c r="AQ14662">
        <v>60</v>
      </c>
    </row>
    <row r="14663" spans="1:43">
      <c r="A14663" t="s">
        <v>9104</v>
      </c>
      <c r="B14663" t="s">
        <v>9105</v>
      </c>
      <c r="C14663" t="s">
        <v>9090</v>
      </c>
      <c r="D14663" t="s">
        <v>9091</v>
      </c>
      <c r="E14663" t="s">
        <v>8938</v>
      </c>
      <c r="F14663" t="s">
        <v>8939</v>
      </c>
      <c r="G14663" t="s">
        <v>80</v>
      </c>
      <c r="H14663" t="s">
        <v>81</v>
      </c>
      <c r="I14663" s="2">
        <v>0</v>
      </c>
      <c r="J14663" s="2">
        <v>1</v>
      </c>
      <c r="K14663" s="2">
        <v>0</v>
      </c>
      <c r="L14663" t="s">
        <v>82</v>
      </c>
      <c r="M14663" t="s">
        <v>87</v>
      </c>
      <c r="N14663" t="s">
        <v>88</v>
      </c>
      <c r="O14663" t="s">
        <v>85</v>
      </c>
      <c r="P14663" t="s">
        <v>86</v>
      </c>
      <c r="Q14663">
        <v>36</v>
      </c>
      <c r="R14663">
        <v>36</v>
      </c>
      <c r="S14663">
        <v>37</v>
      </c>
      <c r="T14663">
        <v>37</v>
      </c>
      <c r="U14663">
        <v>38</v>
      </c>
      <c r="V14663">
        <v>38</v>
      </c>
      <c r="W14663">
        <v>39</v>
      </c>
      <c r="X14663">
        <v>40</v>
      </c>
      <c r="Y14663">
        <v>40</v>
      </c>
      <c r="Z14663">
        <v>41</v>
      </c>
      <c r="AA14663">
        <v>42</v>
      </c>
      <c r="AB14663">
        <v>42</v>
      </c>
      <c r="AC14663">
        <v>43</v>
      </c>
      <c r="AD14663">
        <v>43</v>
      </c>
      <c r="AE14663">
        <v>44</v>
      </c>
      <c r="AF14663">
        <v>45</v>
      </c>
      <c r="AG14663">
        <v>45</v>
      </c>
      <c r="AH14663">
        <v>46</v>
      </c>
      <c r="AI14663">
        <v>47</v>
      </c>
      <c r="AJ14663">
        <v>47</v>
      </c>
      <c r="AK14663">
        <v>48</v>
      </c>
      <c r="AL14663">
        <v>49</v>
      </c>
      <c r="AM14663">
        <v>49</v>
      </c>
      <c r="AN14663">
        <v>50</v>
      </c>
      <c r="AO14663">
        <v>51</v>
      </c>
      <c r="AP14663">
        <v>51</v>
      </c>
      <c r="AQ14663">
        <v>52</v>
      </c>
    </row>
    <row r="14664" spans="1:43">
      <c r="A14664" t="s">
        <v>9104</v>
      </c>
      <c r="B14664" t="s">
        <v>9105</v>
      </c>
      <c r="C14664" t="s">
        <v>9090</v>
      </c>
      <c r="D14664" t="s">
        <v>9091</v>
      </c>
      <c r="E14664" t="s">
        <v>8938</v>
      </c>
      <c r="F14664" t="s">
        <v>8939</v>
      </c>
      <c r="G14664" t="s">
        <v>80</v>
      </c>
      <c r="H14664" t="s">
        <v>81</v>
      </c>
      <c r="I14664" s="2">
        <v>0</v>
      </c>
      <c r="J14664" s="2">
        <v>1</v>
      </c>
      <c r="K14664" s="2">
        <v>0</v>
      </c>
      <c r="L14664" t="s">
        <v>82</v>
      </c>
      <c r="M14664" t="s">
        <v>89</v>
      </c>
      <c r="N14664" t="s">
        <v>90</v>
      </c>
      <c r="O14664" t="s">
        <v>85</v>
      </c>
      <c r="P14664" t="s">
        <v>86</v>
      </c>
      <c r="Q14664">
        <v>36</v>
      </c>
      <c r="R14664">
        <v>37</v>
      </c>
      <c r="S14664">
        <v>39</v>
      </c>
      <c r="T14664">
        <v>40</v>
      </c>
      <c r="U14664">
        <v>41</v>
      </c>
      <c r="V14664">
        <v>42</v>
      </c>
      <c r="W14664">
        <v>44</v>
      </c>
      <c r="X14664">
        <v>45</v>
      </c>
      <c r="Y14664">
        <v>46</v>
      </c>
      <c r="Z14664">
        <v>47</v>
      </c>
      <c r="AA14664">
        <v>49</v>
      </c>
      <c r="AB14664">
        <v>50</v>
      </c>
      <c r="AC14664">
        <v>51</v>
      </c>
      <c r="AD14664">
        <v>53</v>
      </c>
      <c r="AE14664">
        <v>54</v>
      </c>
      <c r="AF14664">
        <v>54</v>
      </c>
      <c r="AG14664">
        <v>55</v>
      </c>
      <c r="AH14664">
        <v>55</v>
      </c>
      <c r="AI14664">
        <v>56</v>
      </c>
      <c r="AJ14664">
        <v>56</v>
      </c>
      <c r="AK14664">
        <v>57</v>
      </c>
      <c r="AL14664">
        <v>57</v>
      </c>
      <c r="AM14664">
        <v>58</v>
      </c>
      <c r="AN14664">
        <v>58</v>
      </c>
      <c r="AO14664">
        <v>59</v>
      </c>
      <c r="AP14664">
        <v>60</v>
      </c>
      <c r="AQ14664">
        <v>60</v>
      </c>
    </row>
    <row r="14665" spans="1:43">
      <c r="A14665" t="s">
        <v>9104</v>
      </c>
      <c r="B14665" t="s">
        <v>9105</v>
      </c>
      <c r="C14665" t="s">
        <v>9090</v>
      </c>
      <c r="D14665" t="s">
        <v>9091</v>
      </c>
      <c r="E14665" t="s">
        <v>8938</v>
      </c>
      <c r="F14665" t="s">
        <v>8939</v>
      </c>
      <c r="G14665" t="s">
        <v>80</v>
      </c>
      <c r="H14665" t="s">
        <v>81</v>
      </c>
      <c r="I14665" s="2">
        <v>0</v>
      </c>
      <c r="J14665" s="2">
        <v>1</v>
      </c>
      <c r="K14665" s="2">
        <v>0</v>
      </c>
      <c r="L14665" t="s">
        <v>82</v>
      </c>
      <c r="M14665" t="s">
        <v>83</v>
      </c>
      <c r="N14665" t="s">
        <v>91</v>
      </c>
      <c r="O14665" t="s">
        <v>85</v>
      </c>
      <c r="P14665" t="s">
        <v>86</v>
      </c>
      <c r="Q14665">
        <v>36</v>
      </c>
      <c r="R14665">
        <v>37</v>
      </c>
      <c r="S14665">
        <v>38</v>
      </c>
      <c r="T14665">
        <v>39</v>
      </c>
      <c r="U14665">
        <v>40</v>
      </c>
      <c r="V14665">
        <v>41</v>
      </c>
      <c r="W14665">
        <v>42</v>
      </c>
      <c r="X14665">
        <v>43</v>
      </c>
      <c r="Y14665">
        <v>44</v>
      </c>
      <c r="Z14665">
        <v>45</v>
      </c>
      <c r="AA14665">
        <v>46</v>
      </c>
      <c r="AB14665">
        <v>47</v>
      </c>
      <c r="AC14665">
        <v>48</v>
      </c>
      <c r="AD14665">
        <v>49</v>
      </c>
      <c r="AE14665">
        <v>50</v>
      </c>
      <c r="AF14665">
        <v>51</v>
      </c>
      <c r="AG14665">
        <v>52</v>
      </c>
      <c r="AH14665">
        <v>53</v>
      </c>
      <c r="AI14665">
        <v>54</v>
      </c>
      <c r="AJ14665">
        <v>55</v>
      </c>
      <c r="AK14665">
        <v>56</v>
      </c>
      <c r="AL14665">
        <v>57</v>
      </c>
      <c r="AM14665">
        <v>58</v>
      </c>
      <c r="AN14665">
        <v>58</v>
      </c>
      <c r="AO14665">
        <v>59</v>
      </c>
      <c r="AP14665">
        <v>59</v>
      </c>
      <c r="AQ14665">
        <v>60</v>
      </c>
    </row>
    <row r="14666" spans="1:43">
      <c r="A14666" t="s">
        <v>9106</v>
      </c>
      <c r="B14666" t="s">
        <v>9107</v>
      </c>
      <c r="C14666" t="s">
        <v>9108</v>
      </c>
      <c r="D14666" t="s">
        <v>9109</v>
      </c>
      <c r="E14666" t="s">
        <v>8938</v>
      </c>
      <c r="F14666" t="s">
        <v>8939</v>
      </c>
      <c r="G14666" t="s">
        <v>80</v>
      </c>
      <c r="H14666" t="s">
        <v>81</v>
      </c>
      <c r="I14666" s="2">
        <v>0</v>
      </c>
      <c r="J14666" s="2">
        <v>1</v>
      </c>
      <c r="K14666" s="2">
        <v>0</v>
      </c>
      <c r="L14666" t="s">
        <v>82</v>
      </c>
      <c r="M14666" t="s">
        <v>83</v>
      </c>
      <c r="N14666" t="s">
        <v>84</v>
      </c>
      <c r="O14666" t="s">
        <v>85</v>
      </c>
      <c r="P14666" t="s">
        <v>86</v>
      </c>
      <c r="Q14666">
        <v>21</v>
      </c>
      <c r="R14666">
        <v>21</v>
      </c>
      <c r="S14666">
        <v>22</v>
      </c>
      <c r="T14666">
        <v>22</v>
      </c>
      <c r="U14666">
        <v>23</v>
      </c>
      <c r="V14666">
        <v>24</v>
      </c>
      <c r="W14666">
        <v>24</v>
      </c>
      <c r="X14666">
        <v>25</v>
      </c>
      <c r="Y14666">
        <v>25</v>
      </c>
      <c r="Z14666">
        <v>26</v>
      </c>
      <c r="AA14666">
        <v>26</v>
      </c>
      <c r="AB14666">
        <v>27</v>
      </c>
      <c r="AC14666">
        <v>28</v>
      </c>
      <c r="AD14666">
        <v>28</v>
      </c>
      <c r="AE14666">
        <v>29</v>
      </c>
      <c r="AF14666">
        <v>29</v>
      </c>
      <c r="AG14666">
        <v>30</v>
      </c>
      <c r="AH14666">
        <v>31</v>
      </c>
      <c r="AI14666">
        <v>31</v>
      </c>
      <c r="AJ14666">
        <v>32</v>
      </c>
      <c r="AK14666">
        <v>33</v>
      </c>
      <c r="AL14666">
        <v>33</v>
      </c>
      <c r="AM14666">
        <v>33</v>
      </c>
      <c r="AN14666">
        <v>34</v>
      </c>
      <c r="AO14666">
        <v>34</v>
      </c>
      <c r="AP14666">
        <v>34</v>
      </c>
      <c r="AQ14666">
        <v>35</v>
      </c>
    </row>
    <row r="14667" spans="1:43">
      <c r="A14667" t="s">
        <v>9106</v>
      </c>
      <c r="B14667" t="s">
        <v>9107</v>
      </c>
      <c r="C14667" t="s">
        <v>9108</v>
      </c>
      <c r="D14667" t="s">
        <v>9109</v>
      </c>
      <c r="E14667" t="s">
        <v>8938</v>
      </c>
      <c r="F14667" t="s">
        <v>8939</v>
      </c>
      <c r="G14667" t="s">
        <v>80</v>
      </c>
      <c r="H14667" t="s">
        <v>81</v>
      </c>
      <c r="I14667" s="2">
        <v>0</v>
      </c>
      <c r="J14667" s="2">
        <v>1</v>
      </c>
      <c r="K14667" s="2">
        <v>0</v>
      </c>
      <c r="L14667" t="s">
        <v>82</v>
      </c>
      <c r="M14667" t="s">
        <v>87</v>
      </c>
      <c r="N14667" t="s">
        <v>88</v>
      </c>
      <c r="O14667" t="s">
        <v>85</v>
      </c>
      <c r="P14667" t="s">
        <v>86</v>
      </c>
      <c r="Q14667">
        <v>21</v>
      </c>
      <c r="R14667">
        <v>21</v>
      </c>
      <c r="S14667">
        <v>21</v>
      </c>
      <c r="T14667">
        <v>22</v>
      </c>
      <c r="U14667">
        <v>22</v>
      </c>
      <c r="V14667">
        <v>22</v>
      </c>
      <c r="W14667">
        <v>23</v>
      </c>
      <c r="X14667">
        <v>23</v>
      </c>
      <c r="Y14667">
        <v>23</v>
      </c>
      <c r="Z14667">
        <v>24</v>
      </c>
      <c r="AA14667">
        <v>24</v>
      </c>
      <c r="AB14667">
        <v>24</v>
      </c>
      <c r="AC14667">
        <v>25</v>
      </c>
      <c r="AD14667">
        <v>25</v>
      </c>
      <c r="AE14667">
        <v>25</v>
      </c>
      <c r="AF14667">
        <v>26</v>
      </c>
      <c r="AG14667">
        <v>26</v>
      </c>
      <c r="AH14667">
        <v>27</v>
      </c>
      <c r="AI14667">
        <v>27</v>
      </c>
      <c r="AJ14667">
        <v>27</v>
      </c>
      <c r="AK14667">
        <v>28</v>
      </c>
      <c r="AL14667">
        <v>28</v>
      </c>
      <c r="AM14667">
        <v>28</v>
      </c>
      <c r="AN14667">
        <v>29</v>
      </c>
      <c r="AO14667">
        <v>29</v>
      </c>
      <c r="AP14667">
        <v>30</v>
      </c>
      <c r="AQ14667">
        <v>30</v>
      </c>
    </row>
    <row r="14668" spans="1:43">
      <c r="A14668" t="s">
        <v>9106</v>
      </c>
      <c r="B14668" t="s">
        <v>9107</v>
      </c>
      <c r="C14668" t="s">
        <v>9108</v>
      </c>
      <c r="D14668" t="s">
        <v>9109</v>
      </c>
      <c r="E14668" t="s">
        <v>8938</v>
      </c>
      <c r="F14668" t="s">
        <v>8939</v>
      </c>
      <c r="G14668" t="s">
        <v>80</v>
      </c>
      <c r="H14668" t="s">
        <v>81</v>
      </c>
      <c r="I14668" s="2">
        <v>0</v>
      </c>
      <c r="J14668" s="2">
        <v>1</v>
      </c>
      <c r="K14668" s="2">
        <v>0</v>
      </c>
      <c r="L14668" t="s">
        <v>82</v>
      </c>
      <c r="M14668" t="s">
        <v>89</v>
      </c>
      <c r="N14668" t="s">
        <v>90</v>
      </c>
      <c r="O14668" t="s">
        <v>85</v>
      </c>
      <c r="P14668" t="s">
        <v>86</v>
      </c>
      <c r="Q14668">
        <v>21</v>
      </c>
      <c r="R14668">
        <v>22</v>
      </c>
      <c r="S14668">
        <v>22</v>
      </c>
      <c r="T14668">
        <v>23</v>
      </c>
      <c r="U14668">
        <v>24</v>
      </c>
      <c r="V14668">
        <v>25</v>
      </c>
      <c r="W14668">
        <v>25</v>
      </c>
      <c r="X14668">
        <v>26</v>
      </c>
      <c r="Y14668">
        <v>27</v>
      </c>
      <c r="Z14668">
        <v>27</v>
      </c>
      <c r="AA14668">
        <v>28</v>
      </c>
      <c r="AB14668">
        <v>29</v>
      </c>
      <c r="AC14668">
        <v>30</v>
      </c>
      <c r="AD14668">
        <v>30</v>
      </c>
      <c r="AE14668">
        <v>31</v>
      </c>
      <c r="AF14668">
        <v>31</v>
      </c>
      <c r="AG14668">
        <v>32</v>
      </c>
      <c r="AH14668">
        <v>32</v>
      </c>
      <c r="AI14668">
        <v>32</v>
      </c>
      <c r="AJ14668">
        <v>33</v>
      </c>
      <c r="AK14668">
        <v>33</v>
      </c>
      <c r="AL14668">
        <v>33</v>
      </c>
      <c r="AM14668">
        <v>34</v>
      </c>
      <c r="AN14668">
        <v>34</v>
      </c>
      <c r="AO14668">
        <v>34</v>
      </c>
      <c r="AP14668">
        <v>35</v>
      </c>
      <c r="AQ14668">
        <v>35</v>
      </c>
    </row>
    <row r="14669" spans="1:43">
      <c r="A14669" t="s">
        <v>9106</v>
      </c>
      <c r="B14669" t="s">
        <v>9107</v>
      </c>
      <c r="C14669" t="s">
        <v>9108</v>
      </c>
      <c r="D14669" t="s">
        <v>9109</v>
      </c>
      <c r="E14669" t="s">
        <v>8938</v>
      </c>
      <c r="F14669" t="s">
        <v>8939</v>
      </c>
      <c r="G14669" t="s">
        <v>80</v>
      </c>
      <c r="H14669" t="s">
        <v>81</v>
      </c>
      <c r="I14669" s="2">
        <v>0</v>
      </c>
      <c r="J14669" s="2">
        <v>1</v>
      </c>
      <c r="K14669" s="2">
        <v>0</v>
      </c>
      <c r="L14669" t="s">
        <v>82</v>
      </c>
      <c r="M14669" t="s">
        <v>83</v>
      </c>
      <c r="N14669" t="s">
        <v>91</v>
      </c>
      <c r="O14669" t="s">
        <v>85</v>
      </c>
      <c r="P14669" t="s">
        <v>86</v>
      </c>
      <c r="Q14669">
        <v>21</v>
      </c>
      <c r="R14669">
        <v>21</v>
      </c>
      <c r="S14669">
        <v>22</v>
      </c>
      <c r="T14669">
        <v>22</v>
      </c>
      <c r="U14669">
        <v>23</v>
      </c>
      <c r="V14669">
        <v>24</v>
      </c>
      <c r="W14669">
        <v>24</v>
      </c>
      <c r="X14669">
        <v>25</v>
      </c>
      <c r="Y14669">
        <v>25</v>
      </c>
      <c r="Z14669">
        <v>26</v>
      </c>
      <c r="AA14669">
        <v>26</v>
      </c>
      <c r="AB14669">
        <v>27</v>
      </c>
      <c r="AC14669">
        <v>28</v>
      </c>
      <c r="AD14669">
        <v>28</v>
      </c>
      <c r="AE14669">
        <v>29</v>
      </c>
      <c r="AF14669">
        <v>29</v>
      </c>
      <c r="AG14669">
        <v>30</v>
      </c>
      <c r="AH14669">
        <v>31</v>
      </c>
      <c r="AI14669">
        <v>31</v>
      </c>
      <c r="AJ14669">
        <v>32</v>
      </c>
      <c r="AK14669">
        <v>33</v>
      </c>
      <c r="AL14669">
        <v>33</v>
      </c>
      <c r="AM14669">
        <v>33</v>
      </c>
      <c r="AN14669">
        <v>34</v>
      </c>
      <c r="AO14669">
        <v>34</v>
      </c>
      <c r="AP14669">
        <v>34</v>
      </c>
      <c r="AQ14669">
        <v>35</v>
      </c>
    </row>
    <row r="14670" spans="1:43">
      <c r="A14670" t="s">
        <v>9110</v>
      </c>
      <c r="B14670" t="s">
        <v>9111</v>
      </c>
      <c r="C14670" t="s">
        <v>9112</v>
      </c>
      <c r="D14670" t="s">
        <v>9113</v>
      </c>
      <c r="E14670" t="s">
        <v>8938</v>
      </c>
      <c r="F14670" t="s">
        <v>8939</v>
      </c>
      <c r="G14670" t="s">
        <v>80</v>
      </c>
      <c r="H14670" t="s">
        <v>81</v>
      </c>
      <c r="I14670" s="2">
        <v>0</v>
      </c>
      <c r="J14670" s="2">
        <v>1</v>
      </c>
      <c r="K14670" s="2">
        <v>0</v>
      </c>
      <c r="L14670" t="s">
        <v>82</v>
      </c>
      <c r="M14670" t="s">
        <v>83</v>
      </c>
      <c r="N14670" t="s">
        <v>84</v>
      </c>
      <c r="O14670" t="s">
        <v>85</v>
      </c>
      <c r="P14670" t="s">
        <v>86</v>
      </c>
      <c r="Q14670">
        <v>31</v>
      </c>
      <c r="R14670">
        <v>31</v>
      </c>
      <c r="S14670">
        <v>32</v>
      </c>
      <c r="T14670">
        <v>33</v>
      </c>
      <c r="U14670">
        <v>34</v>
      </c>
      <c r="V14670">
        <v>35</v>
      </c>
      <c r="W14670">
        <v>35</v>
      </c>
      <c r="X14670">
        <v>36</v>
      </c>
      <c r="Y14670">
        <v>37</v>
      </c>
      <c r="Z14670">
        <v>38</v>
      </c>
      <c r="AA14670">
        <v>39</v>
      </c>
      <c r="AB14670">
        <v>40</v>
      </c>
      <c r="AC14670">
        <v>41</v>
      </c>
      <c r="AD14670">
        <v>42</v>
      </c>
      <c r="AE14670">
        <v>42</v>
      </c>
      <c r="AF14670">
        <v>43</v>
      </c>
      <c r="AG14670">
        <v>44</v>
      </c>
      <c r="AH14670">
        <v>45</v>
      </c>
      <c r="AI14670">
        <v>46</v>
      </c>
      <c r="AJ14670">
        <v>47</v>
      </c>
      <c r="AK14670">
        <v>48</v>
      </c>
      <c r="AL14670">
        <v>49</v>
      </c>
      <c r="AM14670">
        <v>49</v>
      </c>
      <c r="AN14670">
        <v>50</v>
      </c>
      <c r="AO14670">
        <v>50</v>
      </c>
      <c r="AP14670">
        <v>51</v>
      </c>
      <c r="AQ14670">
        <v>51</v>
      </c>
    </row>
    <row r="14671" spans="1:43">
      <c r="A14671" t="s">
        <v>9110</v>
      </c>
      <c r="B14671" t="s">
        <v>9111</v>
      </c>
      <c r="C14671" t="s">
        <v>9112</v>
      </c>
      <c r="D14671" t="s">
        <v>9113</v>
      </c>
      <c r="E14671" t="s">
        <v>8938</v>
      </c>
      <c r="F14671" t="s">
        <v>8939</v>
      </c>
      <c r="G14671" t="s">
        <v>80</v>
      </c>
      <c r="H14671" t="s">
        <v>81</v>
      </c>
      <c r="I14671" s="2">
        <v>0</v>
      </c>
      <c r="J14671" s="2">
        <v>1</v>
      </c>
      <c r="K14671" s="2">
        <v>0</v>
      </c>
      <c r="L14671" t="s">
        <v>82</v>
      </c>
      <c r="M14671" t="s">
        <v>87</v>
      </c>
      <c r="N14671" t="s">
        <v>88</v>
      </c>
      <c r="O14671" t="s">
        <v>85</v>
      </c>
      <c r="P14671" t="s">
        <v>86</v>
      </c>
      <c r="Q14671">
        <v>31</v>
      </c>
      <c r="R14671">
        <v>32</v>
      </c>
      <c r="S14671">
        <v>32</v>
      </c>
      <c r="T14671">
        <v>33</v>
      </c>
      <c r="U14671">
        <v>33</v>
      </c>
      <c r="V14671">
        <v>34</v>
      </c>
      <c r="W14671">
        <v>34</v>
      </c>
      <c r="X14671">
        <v>35</v>
      </c>
      <c r="Y14671">
        <v>35</v>
      </c>
      <c r="Z14671">
        <v>36</v>
      </c>
      <c r="AA14671">
        <v>36</v>
      </c>
      <c r="AB14671">
        <v>37</v>
      </c>
      <c r="AC14671">
        <v>37</v>
      </c>
      <c r="AD14671">
        <v>38</v>
      </c>
      <c r="AE14671">
        <v>39</v>
      </c>
      <c r="AF14671">
        <v>39</v>
      </c>
      <c r="AG14671">
        <v>40</v>
      </c>
      <c r="AH14671">
        <v>40</v>
      </c>
      <c r="AI14671">
        <v>41</v>
      </c>
      <c r="AJ14671">
        <v>41</v>
      </c>
      <c r="AK14671">
        <v>42</v>
      </c>
      <c r="AL14671">
        <v>42</v>
      </c>
      <c r="AM14671">
        <v>43</v>
      </c>
      <c r="AN14671">
        <v>44</v>
      </c>
      <c r="AO14671">
        <v>44</v>
      </c>
      <c r="AP14671">
        <v>45</v>
      </c>
      <c r="AQ14671">
        <v>45</v>
      </c>
    </row>
    <row r="14672" spans="1:43">
      <c r="A14672" t="s">
        <v>9110</v>
      </c>
      <c r="B14672" t="s">
        <v>9111</v>
      </c>
      <c r="C14672" t="s">
        <v>9112</v>
      </c>
      <c r="D14672" t="s">
        <v>9113</v>
      </c>
      <c r="E14672" t="s">
        <v>8938</v>
      </c>
      <c r="F14672" t="s">
        <v>8939</v>
      </c>
      <c r="G14672" t="s">
        <v>80</v>
      </c>
      <c r="H14672" t="s">
        <v>81</v>
      </c>
      <c r="I14672" s="2">
        <v>0</v>
      </c>
      <c r="J14672" s="2">
        <v>1</v>
      </c>
      <c r="K14672" s="2">
        <v>0</v>
      </c>
      <c r="L14672" t="s">
        <v>82</v>
      </c>
      <c r="M14672" t="s">
        <v>89</v>
      </c>
      <c r="N14672" t="s">
        <v>90</v>
      </c>
      <c r="O14672" t="s">
        <v>85</v>
      </c>
      <c r="P14672" t="s">
        <v>86</v>
      </c>
      <c r="Q14672">
        <v>31</v>
      </c>
      <c r="R14672">
        <v>32</v>
      </c>
      <c r="S14672">
        <v>33</v>
      </c>
      <c r="T14672">
        <v>34</v>
      </c>
      <c r="U14672">
        <v>35</v>
      </c>
      <c r="V14672">
        <v>36</v>
      </c>
      <c r="W14672">
        <v>37</v>
      </c>
      <c r="X14672">
        <v>38</v>
      </c>
      <c r="Y14672">
        <v>39</v>
      </c>
      <c r="Z14672">
        <v>40</v>
      </c>
      <c r="AA14672">
        <v>41</v>
      </c>
      <c r="AB14672">
        <v>42</v>
      </c>
      <c r="AC14672">
        <v>44</v>
      </c>
      <c r="AD14672">
        <v>45</v>
      </c>
      <c r="AE14672">
        <v>46</v>
      </c>
      <c r="AF14672">
        <v>46</v>
      </c>
      <c r="AG14672">
        <v>47</v>
      </c>
      <c r="AH14672">
        <v>47</v>
      </c>
      <c r="AI14672">
        <v>47</v>
      </c>
      <c r="AJ14672">
        <v>48</v>
      </c>
      <c r="AK14672">
        <v>48</v>
      </c>
      <c r="AL14672">
        <v>49</v>
      </c>
      <c r="AM14672">
        <v>49</v>
      </c>
      <c r="AN14672">
        <v>50</v>
      </c>
      <c r="AO14672">
        <v>50</v>
      </c>
      <c r="AP14672">
        <v>51</v>
      </c>
      <c r="AQ14672">
        <v>51</v>
      </c>
    </row>
    <row r="14673" spans="1:43">
      <c r="A14673" t="s">
        <v>9110</v>
      </c>
      <c r="B14673" t="s">
        <v>9111</v>
      </c>
      <c r="C14673" t="s">
        <v>9112</v>
      </c>
      <c r="D14673" t="s">
        <v>9113</v>
      </c>
      <c r="E14673" t="s">
        <v>8938</v>
      </c>
      <c r="F14673" t="s">
        <v>8939</v>
      </c>
      <c r="G14673" t="s">
        <v>80</v>
      </c>
      <c r="H14673" t="s">
        <v>81</v>
      </c>
      <c r="I14673" s="2">
        <v>0</v>
      </c>
      <c r="J14673" s="2">
        <v>1</v>
      </c>
      <c r="K14673" s="2">
        <v>0</v>
      </c>
      <c r="L14673" t="s">
        <v>82</v>
      </c>
      <c r="M14673" t="s">
        <v>83</v>
      </c>
      <c r="N14673" t="s">
        <v>91</v>
      </c>
      <c r="O14673" t="s">
        <v>85</v>
      </c>
      <c r="P14673" t="s">
        <v>86</v>
      </c>
      <c r="Q14673">
        <v>31</v>
      </c>
      <c r="R14673">
        <v>31</v>
      </c>
      <c r="S14673">
        <v>32</v>
      </c>
      <c r="T14673">
        <v>33</v>
      </c>
      <c r="U14673">
        <v>34</v>
      </c>
      <c r="V14673">
        <v>35</v>
      </c>
      <c r="W14673">
        <v>35</v>
      </c>
      <c r="X14673">
        <v>36</v>
      </c>
      <c r="Y14673">
        <v>37</v>
      </c>
      <c r="Z14673">
        <v>38</v>
      </c>
      <c r="AA14673">
        <v>39</v>
      </c>
      <c r="AB14673">
        <v>40</v>
      </c>
      <c r="AC14673">
        <v>41</v>
      </c>
      <c r="AD14673">
        <v>42</v>
      </c>
      <c r="AE14673">
        <v>42</v>
      </c>
      <c r="AF14673">
        <v>43</v>
      </c>
      <c r="AG14673">
        <v>44</v>
      </c>
      <c r="AH14673">
        <v>45</v>
      </c>
      <c r="AI14673">
        <v>46</v>
      </c>
      <c r="AJ14673">
        <v>47</v>
      </c>
      <c r="AK14673">
        <v>48</v>
      </c>
      <c r="AL14673">
        <v>49</v>
      </c>
      <c r="AM14673">
        <v>49</v>
      </c>
      <c r="AN14673">
        <v>50</v>
      </c>
      <c r="AO14673">
        <v>50</v>
      </c>
      <c r="AP14673">
        <v>51</v>
      </c>
      <c r="AQ14673">
        <v>51</v>
      </c>
    </row>
    <row r="14674" spans="1:43">
      <c r="A14674" t="s">
        <v>9114</v>
      </c>
      <c r="B14674" t="s">
        <v>9115</v>
      </c>
      <c r="C14674" t="s">
        <v>9108</v>
      </c>
      <c r="D14674" t="s">
        <v>9109</v>
      </c>
      <c r="E14674" t="s">
        <v>8938</v>
      </c>
      <c r="F14674" t="s">
        <v>8939</v>
      </c>
      <c r="G14674" t="s">
        <v>80</v>
      </c>
      <c r="H14674" t="s">
        <v>81</v>
      </c>
      <c r="I14674" s="2">
        <v>0</v>
      </c>
      <c r="J14674" s="2">
        <v>1</v>
      </c>
      <c r="K14674" s="2">
        <v>0</v>
      </c>
      <c r="L14674" t="s">
        <v>82</v>
      </c>
      <c r="M14674" t="s">
        <v>83</v>
      </c>
      <c r="N14674" t="s">
        <v>84</v>
      </c>
      <c r="O14674" t="s">
        <v>85</v>
      </c>
      <c r="P14674" t="s">
        <v>86</v>
      </c>
      <c r="Q14674">
        <v>25</v>
      </c>
      <c r="R14674">
        <v>25</v>
      </c>
      <c r="S14674">
        <v>26</v>
      </c>
      <c r="T14674">
        <v>26</v>
      </c>
      <c r="U14674">
        <v>27</v>
      </c>
      <c r="V14674">
        <v>28</v>
      </c>
      <c r="W14674">
        <v>28</v>
      </c>
      <c r="X14674">
        <v>29</v>
      </c>
      <c r="Y14674">
        <v>30</v>
      </c>
      <c r="Z14674">
        <v>30</v>
      </c>
      <c r="AA14674">
        <v>31</v>
      </c>
      <c r="AB14674">
        <v>32</v>
      </c>
      <c r="AC14674">
        <v>33</v>
      </c>
      <c r="AD14674">
        <v>33</v>
      </c>
      <c r="AE14674">
        <v>34</v>
      </c>
      <c r="AF14674">
        <v>35</v>
      </c>
      <c r="AG14674">
        <v>35</v>
      </c>
      <c r="AH14674">
        <v>36</v>
      </c>
      <c r="AI14674">
        <v>37</v>
      </c>
      <c r="AJ14674">
        <v>38</v>
      </c>
      <c r="AK14674">
        <v>38</v>
      </c>
      <c r="AL14674">
        <v>39</v>
      </c>
      <c r="AM14674">
        <v>39</v>
      </c>
      <c r="AN14674">
        <v>40</v>
      </c>
      <c r="AO14674">
        <v>40</v>
      </c>
      <c r="AP14674">
        <v>41</v>
      </c>
      <c r="AQ14674">
        <v>41</v>
      </c>
    </row>
    <row r="14675" spans="1:43">
      <c r="A14675" t="s">
        <v>9114</v>
      </c>
      <c r="B14675" t="s">
        <v>9115</v>
      </c>
      <c r="C14675" t="s">
        <v>9108</v>
      </c>
      <c r="D14675" t="s">
        <v>9109</v>
      </c>
      <c r="E14675" t="s">
        <v>8938</v>
      </c>
      <c r="F14675" t="s">
        <v>8939</v>
      </c>
      <c r="G14675" t="s">
        <v>80</v>
      </c>
      <c r="H14675" t="s">
        <v>81</v>
      </c>
      <c r="I14675" s="2">
        <v>0</v>
      </c>
      <c r="J14675" s="2">
        <v>1</v>
      </c>
      <c r="K14675" s="2">
        <v>0</v>
      </c>
      <c r="L14675" t="s">
        <v>82</v>
      </c>
      <c r="M14675" t="s">
        <v>87</v>
      </c>
      <c r="N14675" t="s">
        <v>88</v>
      </c>
      <c r="O14675" t="s">
        <v>85</v>
      </c>
      <c r="P14675" t="s">
        <v>86</v>
      </c>
      <c r="Q14675">
        <v>25</v>
      </c>
      <c r="R14675">
        <v>26</v>
      </c>
      <c r="S14675">
        <v>26</v>
      </c>
      <c r="T14675">
        <v>26</v>
      </c>
      <c r="U14675">
        <v>27</v>
      </c>
      <c r="V14675">
        <v>27</v>
      </c>
      <c r="W14675">
        <v>28</v>
      </c>
      <c r="X14675">
        <v>28</v>
      </c>
      <c r="Y14675">
        <v>29</v>
      </c>
      <c r="Z14675">
        <v>29</v>
      </c>
      <c r="AA14675">
        <v>29</v>
      </c>
      <c r="AB14675">
        <v>30</v>
      </c>
      <c r="AC14675">
        <v>30</v>
      </c>
      <c r="AD14675">
        <v>31</v>
      </c>
      <c r="AE14675">
        <v>31</v>
      </c>
      <c r="AF14675">
        <v>32</v>
      </c>
      <c r="AG14675">
        <v>32</v>
      </c>
      <c r="AH14675">
        <v>32</v>
      </c>
      <c r="AI14675">
        <v>33</v>
      </c>
      <c r="AJ14675">
        <v>33</v>
      </c>
      <c r="AK14675">
        <v>34</v>
      </c>
      <c r="AL14675">
        <v>34</v>
      </c>
      <c r="AM14675">
        <v>35</v>
      </c>
      <c r="AN14675">
        <v>35</v>
      </c>
      <c r="AO14675">
        <v>36</v>
      </c>
      <c r="AP14675">
        <v>36</v>
      </c>
      <c r="AQ14675">
        <v>37</v>
      </c>
    </row>
    <row r="14676" spans="1:43">
      <c r="A14676" t="s">
        <v>9114</v>
      </c>
      <c r="B14676" t="s">
        <v>9115</v>
      </c>
      <c r="C14676" t="s">
        <v>9108</v>
      </c>
      <c r="D14676" t="s">
        <v>9109</v>
      </c>
      <c r="E14676" t="s">
        <v>8938</v>
      </c>
      <c r="F14676" t="s">
        <v>8939</v>
      </c>
      <c r="G14676" t="s">
        <v>80</v>
      </c>
      <c r="H14676" t="s">
        <v>81</v>
      </c>
      <c r="I14676" s="2">
        <v>0</v>
      </c>
      <c r="J14676" s="2">
        <v>1</v>
      </c>
      <c r="K14676" s="2">
        <v>0</v>
      </c>
      <c r="L14676" t="s">
        <v>82</v>
      </c>
      <c r="M14676" t="s">
        <v>89</v>
      </c>
      <c r="N14676" t="s">
        <v>90</v>
      </c>
      <c r="O14676" t="s">
        <v>85</v>
      </c>
      <c r="P14676" t="s">
        <v>86</v>
      </c>
      <c r="Q14676">
        <v>25</v>
      </c>
      <c r="R14676">
        <v>26</v>
      </c>
      <c r="S14676">
        <v>26</v>
      </c>
      <c r="T14676">
        <v>27</v>
      </c>
      <c r="U14676">
        <v>28</v>
      </c>
      <c r="V14676">
        <v>29</v>
      </c>
      <c r="W14676">
        <v>30</v>
      </c>
      <c r="X14676">
        <v>31</v>
      </c>
      <c r="Y14676">
        <v>32</v>
      </c>
      <c r="Z14676">
        <v>32</v>
      </c>
      <c r="AA14676">
        <v>33</v>
      </c>
      <c r="AB14676">
        <v>34</v>
      </c>
      <c r="AC14676">
        <v>35</v>
      </c>
      <c r="AD14676">
        <v>36</v>
      </c>
      <c r="AE14676">
        <v>36</v>
      </c>
      <c r="AF14676">
        <v>37</v>
      </c>
      <c r="AG14676">
        <v>37</v>
      </c>
      <c r="AH14676">
        <v>38</v>
      </c>
      <c r="AI14676">
        <v>38</v>
      </c>
      <c r="AJ14676">
        <v>38</v>
      </c>
      <c r="AK14676">
        <v>39</v>
      </c>
      <c r="AL14676">
        <v>39</v>
      </c>
      <c r="AM14676">
        <v>40</v>
      </c>
      <c r="AN14676">
        <v>40</v>
      </c>
      <c r="AO14676">
        <v>40</v>
      </c>
      <c r="AP14676">
        <v>41</v>
      </c>
      <c r="AQ14676">
        <v>41</v>
      </c>
    </row>
    <row r="14677" spans="1:43">
      <c r="A14677" t="s">
        <v>9114</v>
      </c>
      <c r="B14677" t="s">
        <v>9115</v>
      </c>
      <c r="C14677" t="s">
        <v>9108</v>
      </c>
      <c r="D14677" t="s">
        <v>9109</v>
      </c>
      <c r="E14677" t="s">
        <v>8938</v>
      </c>
      <c r="F14677" t="s">
        <v>8939</v>
      </c>
      <c r="G14677" t="s">
        <v>80</v>
      </c>
      <c r="H14677" t="s">
        <v>81</v>
      </c>
      <c r="I14677" s="2">
        <v>0</v>
      </c>
      <c r="J14677" s="2">
        <v>1</v>
      </c>
      <c r="K14677" s="2">
        <v>0</v>
      </c>
      <c r="L14677" t="s">
        <v>82</v>
      </c>
      <c r="M14677" t="s">
        <v>83</v>
      </c>
      <c r="N14677" t="s">
        <v>91</v>
      </c>
      <c r="O14677" t="s">
        <v>85</v>
      </c>
      <c r="P14677" t="s">
        <v>86</v>
      </c>
      <c r="Q14677">
        <v>25</v>
      </c>
      <c r="R14677">
        <v>25</v>
      </c>
      <c r="S14677">
        <v>26</v>
      </c>
      <c r="T14677">
        <v>26</v>
      </c>
      <c r="U14677">
        <v>27</v>
      </c>
      <c r="V14677">
        <v>28</v>
      </c>
      <c r="W14677">
        <v>28</v>
      </c>
      <c r="X14677">
        <v>29</v>
      </c>
      <c r="Y14677">
        <v>30</v>
      </c>
      <c r="Z14677">
        <v>30</v>
      </c>
      <c r="AA14677">
        <v>31</v>
      </c>
      <c r="AB14677">
        <v>32</v>
      </c>
      <c r="AC14677">
        <v>33</v>
      </c>
      <c r="AD14677">
        <v>33</v>
      </c>
      <c r="AE14677">
        <v>34</v>
      </c>
      <c r="AF14677">
        <v>35</v>
      </c>
      <c r="AG14677">
        <v>35</v>
      </c>
      <c r="AH14677">
        <v>36</v>
      </c>
      <c r="AI14677">
        <v>37</v>
      </c>
      <c r="AJ14677">
        <v>38</v>
      </c>
      <c r="AK14677">
        <v>38</v>
      </c>
      <c r="AL14677">
        <v>39</v>
      </c>
      <c r="AM14677">
        <v>39</v>
      </c>
      <c r="AN14677">
        <v>40</v>
      </c>
      <c r="AO14677">
        <v>40</v>
      </c>
      <c r="AP14677">
        <v>41</v>
      </c>
      <c r="AQ14677">
        <v>41</v>
      </c>
    </row>
    <row r="14678" spans="1:43">
      <c r="A14678" t="s">
        <v>9116</v>
      </c>
      <c r="B14678" t="s">
        <v>9117</v>
      </c>
      <c r="C14678" t="s">
        <v>9112</v>
      </c>
      <c r="D14678" t="s">
        <v>9113</v>
      </c>
      <c r="E14678" t="s">
        <v>8938</v>
      </c>
      <c r="F14678" t="s">
        <v>8939</v>
      </c>
      <c r="G14678" t="s">
        <v>80</v>
      </c>
      <c r="H14678" t="s">
        <v>81</v>
      </c>
      <c r="I14678" s="2">
        <v>0</v>
      </c>
      <c r="J14678" s="2">
        <v>1</v>
      </c>
      <c r="K14678" s="2">
        <v>0</v>
      </c>
      <c r="L14678" t="s">
        <v>82</v>
      </c>
      <c r="M14678" t="s">
        <v>83</v>
      </c>
      <c r="N14678" t="s">
        <v>84</v>
      </c>
      <c r="O14678" t="s">
        <v>85</v>
      </c>
      <c r="P14678" t="s">
        <v>86</v>
      </c>
      <c r="Q14678">
        <v>60</v>
      </c>
      <c r="R14678">
        <v>61</v>
      </c>
      <c r="S14678">
        <v>63</v>
      </c>
      <c r="T14678">
        <v>64</v>
      </c>
      <c r="U14678">
        <v>66</v>
      </c>
      <c r="V14678">
        <v>67</v>
      </c>
      <c r="W14678">
        <v>69</v>
      </c>
      <c r="X14678">
        <v>71</v>
      </c>
      <c r="Y14678">
        <v>72</v>
      </c>
      <c r="Z14678">
        <v>74</v>
      </c>
      <c r="AA14678">
        <v>76</v>
      </c>
      <c r="AB14678">
        <v>77</v>
      </c>
      <c r="AC14678">
        <v>79</v>
      </c>
      <c r="AD14678">
        <v>81</v>
      </c>
      <c r="AE14678">
        <v>83</v>
      </c>
      <c r="AF14678">
        <v>84</v>
      </c>
      <c r="AG14678">
        <v>86</v>
      </c>
      <c r="AH14678">
        <v>88</v>
      </c>
      <c r="AI14678">
        <v>90</v>
      </c>
      <c r="AJ14678">
        <v>91</v>
      </c>
      <c r="AK14678">
        <v>93</v>
      </c>
      <c r="AL14678">
        <v>95</v>
      </c>
      <c r="AM14678">
        <v>96</v>
      </c>
      <c r="AN14678">
        <v>97</v>
      </c>
      <c r="AO14678">
        <v>97</v>
      </c>
      <c r="AP14678">
        <v>98</v>
      </c>
      <c r="AQ14678">
        <v>99</v>
      </c>
    </row>
    <row r="14679" spans="1:43">
      <c r="A14679" t="s">
        <v>9116</v>
      </c>
      <c r="B14679" t="s">
        <v>9117</v>
      </c>
      <c r="C14679" t="s">
        <v>9112</v>
      </c>
      <c r="D14679" t="s">
        <v>9113</v>
      </c>
      <c r="E14679" t="s">
        <v>8938</v>
      </c>
      <c r="F14679" t="s">
        <v>8939</v>
      </c>
      <c r="G14679" t="s">
        <v>80</v>
      </c>
      <c r="H14679" t="s">
        <v>81</v>
      </c>
      <c r="I14679" s="2">
        <v>0</v>
      </c>
      <c r="J14679" s="2">
        <v>1</v>
      </c>
      <c r="K14679" s="2">
        <v>0</v>
      </c>
      <c r="L14679" t="s">
        <v>82</v>
      </c>
      <c r="M14679" t="s">
        <v>87</v>
      </c>
      <c r="N14679" t="s">
        <v>88</v>
      </c>
      <c r="O14679" t="s">
        <v>85</v>
      </c>
      <c r="P14679" t="s">
        <v>86</v>
      </c>
      <c r="Q14679">
        <v>60</v>
      </c>
      <c r="R14679">
        <v>61</v>
      </c>
      <c r="S14679">
        <v>62</v>
      </c>
      <c r="T14679">
        <v>63</v>
      </c>
      <c r="U14679">
        <v>64</v>
      </c>
      <c r="V14679">
        <v>65</v>
      </c>
      <c r="W14679">
        <v>66</v>
      </c>
      <c r="X14679">
        <v>67</v>
      </c>
      <c r="Y14679">
        <v>68</v>
      </c>
      <c r="Z14679">
        <v>69</v>
      </c>
      <c r="AA14679">
        <v>70</v>
      </c>
      <c r="AB14679">
        <v>71</v>
      </c>
      <c r="AC14679">
        <v>72</v>
      </c>
      <c r="AD14679">
        <v>73</v>
      </c>
      <c r="AE14679">
        <v>74</v>
      </c>
      <c r="AF14679">
        <v>75</v>
      </c>
      <c r="AG14679">
        <v>76</v>
      </c>
      <c r="AH14679">
        <v>77</v>
      </c>
      <c r="AI14679">
        <v>78</v>
      </c>
      <c r="AJ14679">
        <v>79</v>
      </c>
      <c r="AK14679">
        <v>81</v>
      </c>
      <c r="AL14679">
        <v>82</v>
      </c>
      <c r="AM14679">
        <v>83</v>
      </c>
      <c r="AN14679">
        <v>84</v>
      </c>
      <c r="AO14679">
        <v>85</v>
      </c>
      <c r="AP14679">
        <v>86</v>
      </c>
      <c r="AQ14679">
        <v>87</v>
      </c>
    </row>
    <row r="14680" spans="1:43">
      <c r="A14680" t="s">
        <v>9116</v>
      </c>
      <c r="B14680" t="s">
        <v>9117</v>
      </c>
      <c r="C14680" t="s">
        <v>9112</v>
      </c>
      <c r="D14680" t="s">
        <v>9113</v>
      </c>
      <c r="E14680" t="s">
        <v>8938</v>
      </c>
      <c r="F14680" t="s">
        <v>8939</v>
      </c>
      <c r="G14680" t="s">
        <v>80</v>
      </c>
      <c r="H14680" t="s">
        <v>81</v>
      </c>
      <c r="I14680" s="2">
        <v>0</v>
      </c>
      <c r="J14680" s="2">
        <v>1</v>
      </c>
      <c r="K14680" s="2">
        <v>0</v>
      </c>
      <c r="L14680" t="s">
        <v>82</v>
      </c>
      <c r="M14680" t="s">
        <v>89</v>
      </c>
      <c r="N14680" t="s">
        <v>90</v>
      </c>
      <c r="O14680" t="s">
        <v>85</v>
      </c>
      <c r="P14680" t="s">
        <v>86</v>
      </c>
      <c r="Q14680">
        <v>60</v>
      </c>
      <c r="R14680">
        <v>62</v>
      </c>
      <c r="S14680">
        <v>64</v>
      </c>
      <c r="T14680">
        <v>66</v>
      </c>
      <c r="U14680">
        <v>68</v>
      </c>
      <c r="V14680">
        <v>70</v>
      </c>
      <c r="W14680">
        <v>73</v>
      </c>
      <c r="X14680">
        <v>75</v>
      </c>
      <c r="Y14680">
        <v>77</v>
      </c>
      <c r="Z14680">
        <v>79</v>
      </c>
      <c r="AA14680">
        <v>81</v>
      </c>
      <c r="AB14680">
        <v>83</v>
      </c>
      <c r="AC14680">
        <v>85</v>
      </c>
      <c r="AD14680">
        <v>87</v>
      </c>
      <c r="AE14680">
        <v>88</v>
      </c>
      <c r="AF14680">
        <v>89</v>
      </c>
      <c r="AG14680">
        <v>90</v>
      </c>
      <c r="AH14680">
        <v>91</v>
      </c>
      <c r="AI14680">
        <v>92</v>
      </c>
      <c r="AJ14680">
        <v>93</v>
      </c>
      <c r="AK14680">
        <v>94</v>
      </c>
      <c r="AL14680">
        <v>95</v>
      </c>
      <c r="AM14680">
        <v>96</v>
      </c>
      <c r="AN14680">
        <v>97</v>
      </c>
      <c r="AO14680">
        <v>98</v>
      </c>
      <c r="AP14680">
        <v>99</v>
      </c>
      <c r="AQ14680">
        <v>100</v>
      </c>
    </row>
    <row r="14681" spans="1:43">
      <c r="A14681" t="s">
        <v>9116</v>
      </c>
      <c r="B14681" t="s">
        <v>9117</v>
      </c>
      <c r="C14681" t="s">
        <v>9112</v>
      </c>
      <c r="D14681" t="s">
        <v>9113</v>
      </c>
      <c r="E14681" t="s">
        <v>8938</v>
      </c>
      <c r="F14681" t="s">
        <v>8939</v>
      </c>
      <c r="G14681" t="s">
        <v>80</v>
      </c>
      <c r="H14681" t="s">
        <v>81</v>
      </c>
      <c r="I14681" s="2">
        <v>0</v>
      </c>
      <c r="J14681" s="2">
        <v>1</v>
      </c>
      <c r="K14681" s="2">
        <v>0</v>
      </c>
      <c r="L14681" t="s">
        <v>82</v>
      </c>
      <c r="M14681" t="s">
        <v>83</v>
      </c>
      <c r="N14681" t="s">
        <v>91</v>
      </c>
      <c r="O14681" t="s">
        <v>85</v>
      </c>
      <c r="P14681" t="s">
        <v>86</v>
      </c>
      <c r="Q14681">
        <v>60</v>
      </c>
      <c r="R14681">
        <v>61</v>
      </c>
      <c r="S14681">
        <v>63</v>
      </c>
      <c r="T14681">
        <v>64</v>
      </c>
      <c r="U14681">
        <v>66</v>
      </c>
      <c r="V14681">
        <v>67</v>
      </c>
      <c r="W14681">
        <v>69</v>
      </c>
      <c r="X14681">
        <v>71</v>
      </c>
      <c r="Y14681">
        <v>72</v>
      </c>
      <c r="Z14681">
        <v>74</v>
      </c>
      <c r="AA14681">
        <v>76</v>
      </c>
      <c r="AB14681">
        <v>77</v>
      </c>
      <c r="AC14681">
        <v>79</v>
      </c>
      <c r="AD14681">
        <v>81</v>
      </c>
      <c r="AE14681">
        <v>83</v>
      </c>
      <c r="AF14681">
        <v>84</v>
      </c>
      <c r="AG14681">
        <v>86</v>
      </c>
      <c r="AH14681">
        <v>88</v>
      </c>
      <c r="AI14681">
        <v>90</v>
      </c>
      <c r="AJ14681">
        <v>91</v>
      </c>
      <c r="AK14681">
        <v>93</v>
      </c>
      <c r="AL14681">
        <v>95</v>
      </c>
      <c r="AM14681">
        <v>96</v>
      </c>
      <c r="AN14681">
        <v>97</v>
      </c>
      <c r="AO14681">
        <v>97</v>
      </c>
      <c r="AP14681">
        <v>98</v>
      </c>
      <c r="AQ14681">
        <v>99</v>
      </c>
    </row>
    <row r="14682" spans="1:43">
      <c r="A14682" t="s">
        <v>9118</v>
      </c>
      <c r="B14682" t="s">
        <v>9119</v>
      </c>
      <c r="C14682" t="s">
        <v>9108</v>
      </c>
      <c r="D14682" t="s">
        <v>9109</v>
      </c>
      <c r="E14682" t="s">
        <v>8938</v>
      </c>
      <c r="F14682" t="s">
        <v>8939</v>
      </c>
      <c r="G14682" t="s">
        <v>80</v>
      </c>
      <c r="H14682" t="s">
        <v>81</v>
      </c>
      <c r="I14682" s="2">
        <v>0</v>
      </c>
      <c r="J14682" s="2">
        <v>1</v>
      </c>
      <c r="K14682" s="2">
        <v>0</v>
      </c>
      <c r="L14682" t="s">
        <v>82</v>
      </c>
      <c r="M14682" t="s">
        <v>83</v>
      </c>
      <c r="N14682" t="s">
        <v>84</v>
      </c>
      <c r="O14682" t="s">
        <v>85</v>
      </c>
      <c r="P14682" t="s">
        <v>86</v>
      </c>
      <c r="Q14682">
        <v>15</v>
      </c>
      <c r="R14682">
        <v>16</v>
      </c>
      <c r="S14682">
        <v>16</v>
      </c>
      <c r="T14682">
        <v>17</v>
      </c>
      <c r="U14682">
        <v>17</v>
      </c>
      <c r="V14682">
        <v>17</v>
      </c>
      <c r="W14682">
        <v>18</v>
      </c>
      <c r="X14682">
        <v>18</v>
      </c>
      <c r="Y14682">
        <v>19</v>
      </c>
      <c r="Z14682">
        <v>19</v>
      </c>
      <c r="AA14682">
        <v>19</v>
      </c>
      <c r="AB14682">
        <v>20</v>
      </c>
      <c r="AC14682">
        <v>20</v>
      </c>
      <c r="AD14682">
        <v>21</v>
      </c>
      <c r="AE14682">
        <v>21</v>
      </c>
      <c r="AF14682">
        <v>22</v>
      </c>
      <c r="AG14682">
        <v>22</v>
      </c>
      <c r="AH14682">
        <v>23</v>
      </c>
      <c r="AI14682">
        <v>23</v>
      </c>
      <c r="AJ14682">
        <v>24</v>
      </c>
      <c r="AK14682">
        <v>24</v>
      </c>
      <c r="AL14682">
        <v>24</v>
      </c>
      <c r="AM14682">
        <v>25</v>
      </c>
      <c r="AN14682">
        <v>25</v>
      </c>
      <c r="AO14682">
        <v>25</v>
      </c>
      <c r="AP14682">
        <v>25</v>
      </c>
      <c r="AQ14682">
        <v>26</v>
      </c>
    </row>
    <row r="14683" spans="1:43">
      <c r="A14683" t="s">
        <v>9118</v>
      </c>
      <c r="B14683" t="s">
        <v>9119</v>
      </c>
      <c r="C14683" t="s">
        <v>9108</v>
      </c>
      <c r="D14683" t="s">
        <v>9109</v>
      </c>
      <c r="E14683" t="s">
        <v>8938</v>
      </c>
      <c r="F14683" t="s">
        <v>8939</v>
      </c>
      <c r="G14683" t="s">
        <v>80</v>
      </c>
      <c r="H14683" t="s">
        <v>81</v>
      </c>
      <c r="I14683" s="2">
        <v>0</v>
      </c>
      <c r="J14683" s="2">
        <v>1</v>
      </c>
      <c r="K14683" s="2">
        <v>0</v>
      </c>
      <c r="L14683" t="s">
        <v>82</v>
      </c>
      <c r="M14683" t="s">
        <v>87</v>
      </c>
      <c r="N14683" t="s">
        <v>88</v>
      </c>
      <c r="O14683" t="s">
        <v>85</v>
      </c>
      <c r="P14683" t="s">
        <v>86</v>
      </c>
      <c r="Q14683">
        <v>15</v>
      </c>
      <c r="R14683">
        <v>15</v>
      </c>
      <c r="S14683">
        <v>16</v>
      </c>
      <c r="T14683">
        <v>16</v>
      </c>
      <c r="U14683">
        <v>16</v>
      </c>
      <c r="V14683">
        <v>16</v>
      </c>
      <c r="W14683">
        <v>17</v>
      </c>
      <c r="X14683">
        <v>17</v>
      </c>
      <c r="Y14683">
        <v>17</v>
      </c>
      <c r="Z14683">
        <v>17</v>
      </c>
      <c r="AA14683">
        <v>18</v>
      </c>
      <c r="AB14683">
        <v>18</v>
      </c>
      <c r="AC14683">
        <v>18</v>
      </c>
      <c r="AD14683">
        <v>19</v>
      </c>
      <c r="AE14683">
        <v>19</v>
      </c>
      <c r="AF14683">
        <v>19</v>
      </c>
      <c r="AG14683">
        <v>19</v>
      </c>
      <c r="AH14683">
        <v>20</v>
      </c>
      <c r="AI14683">
        <v>20</v>
      </c>
      <c r="AJ14683">
        <v>20</v>
      </c>
      <c r="AK14683">
        <v>20</v>
      </c>
      <c r="AL14683">
        <v>21</v>
      </c>
      <c r="AM14683">
        <v>21</v>
      </c>
      <c r="AN14683">
        <v>21</v>
      </c>
      <c r="AO14683">
        <v>22</v>
      </c>
      <c r="AP14683">
        <v>22</v>
      </c>
      <c r="AQ14683">
        <v>22</v>
      </c>
    </row>
    <row r="14684" spans="1:43">
      <c r="A14684" t="s">
        <v>9118</v>
      </c>
      <c r="B14684" t="s">
        <v>9119</v>
      </c>
      <c r="C14684" t="s">
        <v>9108</v>
      </c>
      <c r="D14684" t="s">
        <v>9109</v>
      </c>
      <c r="E14684" t="s">
        <v>8938</v>
      </c>
      <c r="F14684" t="s">
        <v>8939</v>
      </c>
      <c r="G14684" t="s">
        <v>80</v>
      </c>
      <c r="H14684" t="s">
        <v>81</v>
      </c>
      <c r="I14684" s="2">
        <v>0</v>
      </c>
      <c r="J14684" s="2">
        <v>1</v>
      </c>
      <c r="K14684" s="2">
        <v>0</v>
      </c>
      <c r="L14684" t="s">
        <v>82</v>
      </c>
      <c r="M14684" t="s">
        <v>89</v>
      </c>
      <c r="N14684" t="s">
        <v>90</v>
      </c>
      <c r="O14684" t="s">
        <v>85</v>
      </c>
      <c r="P14684" t="s">
        <v>86</v>
      </c>
      <c r="Q14684">
        <v>15</v>
      </c>
      <c r="R14684">
        <v>16</v>
      </c>
      <c r="S14684">
        <v>17</v>
      </c>
      <c r="T14684">
        <v>17</v>
      </c>
      <c r="U14684">
        <v>18</v>
      </c>
      <c r="V14684">
        <v>18</v>
      </c>
      <c r="W14684">
        <v>19</v>
      </c>
      <c r="X14684">
        <v>19</v>
      </c>
      <c r="Y14684">
        <v>20</v>
      </c>
      <c r="Z14684">
        <v>20</v>
      </c>
      <c r="AA14684">
        <v>21</v>
      </c>
      <c r="AB14684">
        <v>21</v>
      </c>
      <c r="AC14684">
        <v>22</v>
      </c>
      <c r="AD14684">
        <v>22</v>
      </c>
      <c r="AE14684">
        <v>23</v>
      </c>
      <c r="AF14684">
        <v>23</v>
      </c>
      <c r="AG14684">
        <v>23</v>
      </c>
      <c r="AH14684">
        <v>24</v>
      </c>
      <c r="AI14684">
        <v>24</v>
      </c>
      <c r="AJ14684">
        <v>24</v>
      </c>
      <c r="AK14684">
        <v>24</v>
      </c>
      <c r="AL14684">
        <v>25</v>
      </c>
      <c r="AM14684">
        <v>25</v>
      </c>
      <c r="AN14684">
        <v>25</v>
      </c>
      <c r="AO14684">
        <v>25</v>
      </c>
      <c r="AP14684">
        <v>26</v>
      </c>
      <c r="AQ14684">
        <v>26</v>
      </c>
    </row>
    <row r="14685" spans="1:43">
      <c r="A14685" t="s">
        <v>9118</v>
      </c>
      <c r="B14685" t="s">
        <v>9119</v>
      </c>
      <c r="C14685" t="s">
        <v>9108</v>
      </c>
      <c r="D14685" t="s">
        <v>9109</v>
      </c>
      <c r="E14685" t="s">
        <v>8938</v>
      </c>
      <c r="F14685" t="s">
        <v>8939</v>
      </c>
      <c r="G14685" t="s">
        <v>80</v>
      </c>
      <c r="H14685" t="s">
        <v>81</v>
      </c>
      <c r="I14685" s="2">
        <v>0</v>
      </c>
      <c r="J14685" s="2">
        <v>1</v>
      </c>
      <c r="K14685" s="2">
        <v>0</v>
      </c>
      <c r="L14685" t="s">
        <v>82</v>
      </c>
      <c r="M14685" t="s">
        <v>83</v>
      </c>
      <c r="N14685" t="s">
        <v>91</v>
      </c>
      <c r="O14685" t="s">
        <v>85</v>
      </c>
      <c r="P14685" t="s">
        <v>86</v>
      </c>
      <c r="Q14685">
        <v>15</v>
      </c>
      <c r="R14685">
        <v>16</v>
      </c>
      <c r="S14685">
        <v>16</v>
      </c>
      <c r="T14685">
        <v>17</v>
      </c>
      <c r="U14685">
        <v>17</v>
      </c>
      <c r="V14685">
        <v>17</v>
      </c>
      <c r="W14685">
        <v>18</v>
      </c>
      <c r="X14685">
        <v>18</v>
      </c>
      <c r="Y14685">
        <v>19</v>
      </c>
      <c r="Z14685">
        <v>19</v>
      </c>
      <c r="AA14685">
        <v>19</v>
      </c>
      <c r="AB14685">
        <v>20</v>
      </c>
      <c r="AC14685">
        <v>20</v>
      </c>
      <c r="AD14685">
        <v>21</v>
      </c>
      <c r="AE14685">
        <v>21</v>
      </c>
      <c r="AF14685">
        <v>22</v>
      </c>
      <c r="AG14685">
        <v>22</v>
      </c>
      <c r="AH14685">
        <v>23</v>
      </c>
      <c r="AI14685">
        <v>23</v>
      </c>
      <c r="AJ14685">
        <v>24</v>
      </c>
      <c r="AK14685">
        <v>24</v>
      </c>
      <c r="AL14685">
        <v>24</v>
      </c>
      <c r="AM14685">
        <v>25</v>
      </c>
      <c r="AN14685">
        <v>25</v>
      </c>
      <c r="AO14685">
        <v>25</v>
      </c>
      <c r="AP14685">
        <v>25</v>
      </c>
      <c r="AQ14685">
        <v>26</v>
      </c>
    </row>
    <row r="14686" spans="1:43">
      <c r="A14686" t="s">
        <v>9120</v>
      </c>
      <c r="B14686" t="s">
        <v>9121</v>
      </c>
      <c r="C14686" t="s">
        <v>9108</v>
      </c>
      <c r="D14686" t="s">
        <v>9109</v>
      </c>
      <c r="E14686" t="s">
        <v>8938</v>
      </c>
      <c r="F14686" t="s">
        <v>8939</v>
      </c>
      <c r="G14686" t="s">
        <v>80</v>
      </c>
      <c r="H14686" t="s">
        <v>81</v>
      </c>
      <c r="I14686" s="2">
        <v>0</v>
      </c>
      <c r="J14686" s="2">
        <v>1</v>
      </c>
      <c r="K14686" s="2">
        <v>0</v>
      </c>
      <c r="L14686" t="s">
        <v>82</v>
      </c>
      <c r="M14686" t="s">
        <v>83</v>
      </c>
      <c r="N14686" t="s">
        <v>84</v>
      </c>
      <c r="O14686" t="s">
        <v>85</v>
      </c>
      <c r="P14686" t="s">
        <v>86</v>
      </c>
      <c r="Q14686">
        <v>74</v>
      </c>
      <c r="R14686">
        <v>76</v>
      </c>
      <c r="S14686">
        <v>78</v>
      </c>
      <c r="T14686">
        <v>80</v>
      </c>
      <c r="U14686">
        <v>81</v>
      </c>
      <c r="V14686">
        <v>83</v>
      </c>
      <c r="W14686">
        <v>85</v>
      </c>
      <c r="X14686">
        <v>88</v>
      </c>
      <c r="Y14686">
        <v>90</v>
      </c>
      <c r="Z14686">
        <v>92</v>
      </c>
      <c r="AA14686">
        <v>94</v>
      </c>
      <c r="AB14686">
        <v>96</v>
      </c>
      <c r="AC14686">
        <v>98</v>
      </c>
      <c r="AD14686">
        <v>100</v>
      </c>
      <c r="AE14686">
        <v>102</v>
      </c>
      <c r="AF14686">
        <v>104</v>
      </c>
      <c r="AG14686">
        <v>106</v>
      </c>
      <c r="AH14686">
        <v>109</v>
      </c>
      <c r="AI14686">
        <v>111</v>
      </c>
      <c r="AJ14686">
        <v>113</v>
      </c>
      <c r="AK14686">
        <v>115</v>
      </c>
      <c r="AL14686">
        <v>117</v>
      </c>
      <c r="AM14686">
        <v>118</v>
      </c>
      <c r="AN14686">
        <v>119</v>
      </c>
      <c r="AO14686">
        <v>121</v>
      </c>
      <c r="AP14686">
        <v>122</v>
      </c>
      <c r="AQ14686">
        <v>123</v>
      </c>
    </row>
    <row r="14687" spans="1:43">
      <c r="A14687" t="s">
        <v>9120</v>
      </c>
      <c r="B14687" t="s">
        <v>9121</v>
      </c>
      <c r="C14687" t="s">
        <v>9108</v>
      </c>
      <c r="D14687" t="s">
        <v>9109</v>
      </c>
      <c r="E14687" t="s">
        <v>8938</v>
      </c>
      <c r="F14687" t="s">
        <v>8939</v>
      </c>
      <c r="G14687" t="s">
        <v>80</v>
      </c>
      <c r="H14687" t="s">
        <v>81</v>
      </c>
      <c r="I14687" s="2">
        <v>0</v>
      </c>
      <c r="J14687" s="2">
        <v>1</v>
      </c>
      <c r="K14687" s="2">
        <v>0</v>
      </c>
      <c r="L14687" t="s">
        <v>82</v>
      </c>
      <c r="M14687" t="s">
        <v>87</v>
      </c>
      <c r="N14687" t="s">
        <v>88</v>
      </c>
      <c r="O14687" t="s">
        <v>85</v>
      </c>
      <c r="P14687" t="s">
        <v>86</v>
      </c>
      <c r="Q14687">
        <v>74</v>
      </c>
      <c r="R14687">
        <v>75</v>
      </c>
      <c r="S14687">
        <v>76</v>
      </c>
      <c r="T14687">
        <v>78</v>
      </c>
      <c r="U14687">
        <v>79</v>
      </c>
      <c r="V14687">
        <v>80</v>
      </c>
      <c r="W14687">
        <v>81</v>
      </c>
      <c r="X14687">
        <v>83</v>
      </c>
      <c r="Y14687">
        <v>84</v>
      </c>
      <c r="Z14687">
        <v>85</v>
      </c>
      <c r="AA14687">
        <v>86</v>
      </c>
      <c r="AB14687">
        <v>88</v>
      </c>
      <c r="AC14687">
        <v>89</v>
      </c>
      <c r="AD14687">
        <v>90</v>
      </c>
      <c r="AE14687">
        <v>92</v>
      </c>
      <c r="AF14687">
        <v>93</v>
      </c>
      <c r="AG14687">
        <v>94</v>
      </c>
      <c r="AH14687">
        <v>96</v>
      </c>
      <c r="AI14687">
        <v>97</v>
      </c>
      <c r="AJ14687">
        <v>98</v>
      </c>
      <c r="AK14687">
        <v>100</v>
      </c>
      <c r="AL14687">
        <v>101</v>
      </c>
      <c r="AM14687">
        <v>102</v>
      </c>
      <c r="AN14687">
        <v>104</v>
      </c>
      <c r="AO14687">
        <v>105</v>
      </c>
      <c r="AP14687">
        <v>107</v>
      </c>
      <c r="AQ14687">
        <v>108</v>
      </c>
    </row>
    <row r="14688" spans="1:43">
      <c r="A14688" t="s">
        <v>9120</v>
      </c>
      <c r="B14688" t="s">
        <v>9121</v>
      </c>
      <c r="C14688" t="s">
        <v>9108</v>
      </c>
      <c r="D14688" t="s">
        <v>9109</v>
      </c>
      <c r="E14688" t="s">
        <v>8938</v>
      </c>
      <c r="F14688" t="s">
        <v>8939</v>
      </c>
      <c r="G14688" t="s">
        <v>80</v>
      </c>
      <c r="H14688" t="s">
        <v>81</v>
      </c>
      <c r="I14688" s="2">
        <v>0</v>
      </c>
      <c r="J14688" s="2">
        <v>1</v>
      </c>
      <c r="K14688" s="2">
        <v>0</v>
      </c>
      <c r="L14688" t="s">
        <v>82</v>
      </c>
      <c r="M14688" t="s">
        <v>89</v>
      </c>
      <c r="N14688" t="s">
        <v>90</v>
      </c>
      <c r="O14688" t="s">
        <v>85</v>
      </c>
      <c r="P14688" t="s">
        <v>86</v>
      </c>
      <c r="Q14688">
        <v>74</v>
      </c>
      <c r="R14688">
        <v>77</v>
      </c>
      <c r="S14688">
        <v>80</v>
      </c>
      <c r="T14688">
        <v>82</v>
      </c>
      <c r="U14688">
        <v>85</v>
      </c>
      <c r="V14688">
        <v>87</v>
      </c>
      <c r="W14688">
        <v>90</v>
      </c>
      <c r="X14688">
        <v>92</v>
      </c>
      <c r="Y14688">
        <v>95</v>
      </c>
      <c r="Z14688">
        <v>97</v>
      </c>
      <c r="AA14688">
        <v>100</v>
      </c>
      <c r="AB14688">
        <v>102</v>
      </c>
      <c r="AC14688">
        <v>105</v>
      </c>
      <c r="AD14688">
        <v>107</v>
      </c>
      <c r="AE14688">
        <v>109</v>
      </c>
      <c r="AF14688">
        <v>111</v>
      </c>
      <c r="AG14688">
        <v>112</v>
      </c>
      <c r="AH14688">
        <v>113</v>
      </c>
      <c r="AI14688">
        <v>114</v>
      </c>
      <c r="AJ14688">
        <v>115</v>
      </c>
      <c r="AK14688">
        <v>117</v>
      </c>
      <c r="AL14688">
        <v>118</v>
      </c>
      <c r="AM14688">
        <v>119</v>
      </c>
      <c r="AN14688">
        <v>120</v>
      </c>
      <c r="AO14688">
        <v>121</v>
      </c>
      <c r="AP14688">
        <v>123</v>
      </c>
      <c r="AQ14688">
        <v>124</v>
      </c>
    </row>
    <row r="14689" spans="1:43">
      <c r="A14689" t="s">
        <v>9120</v>
      </c>
      <c r="B14689" t="s">
        <v>9121</v>
      </c>
      <c r="C14689" t="s">
        <v>9108</v>
      </c>
      <c r="D14689" t="s">
        <v>9109</v>
      </c>
      <c r="E14689" t="s">
        <v>8938</v>
      </c>
      <c r="F14689" t="s">
        <v>8939</v>
      </c>
      <c r="G14689" t="s">
        <v>80</v>
      </c>
      <c r="H14689" t="s">
        <v>81</v>
      </c>
      <c r="I14689" s="2">
        <v>0</v>
      </c>
      <c r="J14689" s="2">
        <v>1</v>
      </c>
      <c r="K14689" s="2">
        <v>0</v>
      </c>
      <c r="L14689" t="s">
        <v>82</v>
      </c>
      <c r="M14689" t="s">
        <v>83</v>
      </c>
      <c r="N14689" t="s">
        <v>91</v>
      </c>
      <c r="O14689" t="s">
        <v>85</v>
      </c>
      <c r="P14689" t="s">
        <v>86</v>
      </c>
      <c r="Q14689">
        <v>74</v>
      </c>
      <c r="R14689">
        <v>76</v>
      </c>
      <c r="S14689">
        <v>78</v>
      </c>
      <c r="T14689">
        <v>80</v>
      </c>
      <c r="U14689">
        <v>81</v>
      </c>
      <c r="V14689">
        <v>83</v>
      </c>
      <c r="W14689">
        <v>85</v>
      </c>
      <c r="X14689">
        <v>88</v>
      </c>
      <c r="Y14689">
        <v>90</v>
      </c>
      <c r="Z14689">
        <v>92</v>
      </c>
      <c r="AA14689">
        <v>94</v>
      </c>
      <c r="AB14689">
        <v>96</v>
      </c>
      <c r="AC14689">
        <v>98</v>
      </c>
      <c r="AD14689">
        <v>100</v>
      </c>
      <c r="AE14689">
        <v>102</v>
      </c>
      <c r="AF14689">
        <v>104</v>
      </c>
      <c r="AG14689">
        <v>106</v>
      </c>
      <c r="AH14689">
        <v>109</v>
      </c>
      <c r="AI14689">
        <v>111</v>
      </c>
      <c r="AJ14689">
        <v>113</v>
      </c>
      <c r="AK14689">
        <v>115</v>
      </c>
      <c r="AL14689">
        <v>117</v>
      </c>
      <c r="AM14689">
        <v>118</v>
      </c>
      <c r="AN14689">
        <v>119</v>
      </c>
      <c r="AO14689">
        <v>121</v>
      </c>
      <c r="AP14689">
        <v>122</v>
      </c>
      <c r="AQ14689">
        <v>123</v>
      </c>
    </row>
    <row r="14690" spans="1:43">
      <c r="A14690" t="s">
        <v>9122</v>
      </c>
      <c r="B14690" t="s">
        <v>9123</v>
      </c>
      <c r="C14690" t="s">
        <v>9124</v>
      </c>
      <c r="D14690" t="s">
        <v>9125</v>
      </c>
      <c r="E14690" t="s">
        <v>8938</v>
      </c>
      <c r="F14690" t="s">
        <v>8939</v>
      </c>
      <c r="G14690" t="s">
        <v>80</v>
      </c>
      <c r="H14690" t="s">
        <v>81</v>
      </c>
      <c r="I14690" s="2">
        <v>0</v>
      </c>
      <c r="J14690" s="2">
        <v>1</v>
      </c>
      <c r="K14690" s="2">
        <v>0</v>
      </c>
      <c r="L14690" t="s">
        <v>82</v>
      </c>
      <c r="M14690" t="s">
        <v>83</v>
      </c>
      <c r="N14690" t="s">
        <v>84</v>
      </c>
      <c r="O14690" t="s">
        <v>85</v>
      </c>
      <c r="P14690" t="s">
        <v>86</v>
      </c>
      <c r="Q14690">
        <v>49</v>
      </c>
      <c r="R14690">
        <v>51</v>
      </c>
      <c r="S14690">
        <v>52</v>
      </c>
      <c r="T14690">
        <v>53</v>
      </c>
      <c r="U14690">
        <v>55</v>
      </c>
      <c r="V14690">
        <v>56</v>
      </c>
      <c r="W14690">
        <v>57</v>
      </c>
      <c r="X14690">
        <v>59</v>
      </c>
      <c r="Y14690">
        <v>60</v>
      </c>
      <c r="Z14690">
        <v>61</v>
      </c>
      <c r="AA14690">
        <v>63</v>
      </c>
      <c r="AB14690">
        <v>64</v>
      </c>
      <c r="AC14690">
        <v>66</v>
      </c>
      <c r="AD14690">
        <v>67</v>
      </c>
      <c r="AE14690">
        <v>69</v>
      </c>
      <c r="AF14690">
        <v>70</v>
      </c>
      <c r="AG14690">
        <v>71</v>
      </c>
      <c r="AH14690">
        <v>73</v>
      </c>
      <c r="AI14690">
        <v>75</v>
      </c>
      <c r="AJ14690">
        <v>76</v>
      </c>
      <c r="AK14690">
        <v>78</v>
      </c>
      <c r="AL14690">
        <v>79</v>
      </c>
      <c r="AM14690">
        <v>79</v>
      </c>
      <c r="AN14690">
        <v>80</v>
      </c>
      <c r="AO14690">
        <v>81</v>
      </c>
      <c r="AP14690">
        <v>82</v>
      </c>
      <c r="AQ14690">
        <v>83</v>
      </c>
    </row>
    <row r="14691" spans="1:43">
      <c r="A14691" t="s">
        <v>9122</v>
      </c>
      <c r="B14691" t="s">
        <v>9123</v>
      </c>
      <c r="C14691" t="s">
        <v>9124</v>
      </c>
      <c r="D14691" t="s">
        <v>9125</v>
      </c>
      <c r="E14691" t="s">
        <v>8938</v>
      </c>
      <c r="F14691" t="s">
        <v>8939</v>
      </c>
      <c r="G14691" t="s">
        <v>80</v>
      </c>
      <c r="H14691" t="s">
        <v>81</v>
      </c>
      <c r="I14691" s="2">
        <v>0</v>
      </c>
      <c r="J14691" s="2">
        <v>1</v>
      </c>
      <c r="K14691" s="2">
        <v>0</v>
      </c>
      <c r="L14691" t="s">
        <v>82</v>
      </c>
      <c r="M14691" t="s">
        <v>87</v>
      </c>
      <c r="N14691" t="s">
        <v>88</v>
      </c>
      <c r="O14691" t="s">
        <v>85</v>
      </c>
      <c r="P14691" t="s">
        <v>86</v>
      </c>
      <c r="Q14691">
        <v>49</v>
      </c>
      <c r="R14691">
        <v>50</v>
      </c>
      <c r="S14691">
        <v>50</v>
      </c>
      <c r="T14691">
        <v>51</v>
      </c>
      <c r="U14691">
        <v>52</v>
      </c>
      <c r="V14691">
        <v>53</v>
      </c>
      <c r="W14691">
        <v>54</v>
      </c>
      <c r="X14691">
        <v>55</v>
      </c>
      <c r="Y14691">
        <v>55</v>
      </c>
      <c r="Z14691">
        <v>56</v>
      </c>
      <c r="AA14691">
        <v>57</v>
      </c>
      <c r="AB14691">
        <v>58</v>
      </c>
      <c r="AC14691">
        <v>59</v>
      </c>
      <c r="AD14691">
        <v>60</v>
      </c>
      <c r="AE14691">
        <v>61</v>
      </c>
      <c r="AF14691">
        <v>61</v>
      </c>
      <c r="AG14691">
        <v>62</v>
      </c>
      <c r="AH14691">
        <v>63</v>
      </c>
      <c r="AI14691">
        <v>64</v>
      </c>
      <c r="AJ14691">
        <v>65</v>
      </c>
      <c r="AK14691">
        <v>66</v>
      </c>
      <c r="AL14691">
        <v>67</v>
      </c>
      <c r="AM14691">
        <v>68</v>
      </c>
      <c r="AN14691">
        <v>69</v>
      </c>
      <c r="AO14691">
        <v>70</v>
      </c>
      <c r="AP14691">
        <v>71</v>
      </c>
      <c r="AQ14691">
        <v>72</v>
      </c>
    </row>
    <row r="14692" spans="1:43">
      <c r="A14692" t="s">
        <v>9122</v>
      </c>
      <c r="B14692" t="s">
        <v>9123</v>
      </c>
      <c r="C14692" t="s">
        <v>9124</v>
      </c>
      <c r="D14692" t="s">
        <v>9125</v>
      </c>
      <c r="E14692" t="s">
        <v>8938</v>
      </c>
      <c r="F14692" t="s">
        <v>8939</v>
      </c>
      <c r="G14692" t="s">
        <v>80</v>
      </c>
      <c r="H14692" t="s">
        <v>81</v>
      </c>
      <c r="I14692" s="2">
        <v>0</v>
      </c>
      <c r="J14692" s="2">
        <v>1</v>
      </c>
      <c r="K14692" s="2">
        <v>0</v>
      </c>
      <c r="L14692" t="s">
        <v>82</v>
      </c>
      <c r="M14692" t="s">
        <v>89</v>
      </c>
      <c r="N14692" t="s">
        <v>90</v>
      </c>
      <c r="O14692" t="s">
        <v>85</v>
      </c>
      <c r="P14692" t="s">
        <v>86</v>
      </c>
      <c r="Q14692">
        <v>49</v>
      </c>
      <c r="R14692">
        <v>51</v>
      </c>
      <c r="S14692">
        <v>52</v>
      </c>
      <c r="T14692">
        <v>54</v>
      </c>
      <c r="U14692">
        <v>56</v>
      </c>
      <c r="V14692">
        <v>57</v>
      </c>
      <c r="W14692">
        <v>59</v>
      </c>
      <c r="X14692">
        <v>61</v>
      </c>
      <c r="Y14692">
        <v>63</v>
      </c>
      <c r="Z14692">
        <v>64</v>
      </c>
      <c r="AA14692">
        <v>66</v>
      </c>
      <c r="AB14692">
        <v>68</v>
      </c>
      <c r="AC14692">
        <v>70</v>
      </c>
      <c r="AD14692">
        <v>71</v>
      </c>
      <c r="AE14692">
        <v>73</v>
      </c>
      <c r="AF14692">
        <v>73</v>
      </c>
      <c r="AG14692">
        <v>74</v>
      </c>
      <c r="AH14692">
        <v>75</v>
      </c>
      <c r="AI14692">
        <v>76</v>
      </c>
      <c r="AJ14692">
        <v>76</v>
      </c>
      <c r="AK14692">
        <v>77</v>
      </c>
      <c r="AL14692">
        <v>78</v>
      </c>
      <c r="AM14692">
        <v>79</v>
      </c>
      <c r="AN14692">
        <v>80</v>
      </c>
      <c r="AO14692">
        <v>80</v>
      </c>
      <c r="AP14692">
        <v>81</v>
      </c>
      <c r="AQ14692">
        <v>82</v>
      </c>
    </row>
    <row r="14693" spans="1:43">
      <c r="A14693" t="s">
        <v>9122</v>
      </c>
      <c r="B14693" t="s">
        <v>9123</v>
      </c>
      <c r="C14693" t="s">
        <v>9124</v>
      </c>
      <c r="D14693" t="s">
        <v>9125</v>
      </c>
      <c r="E14693" t="s">
        <v>8938</v>
      </c>
      <c r="F14693" t="s">
        <v>8939</v>
      </c>
      <c r="G14693" t="s">
        <v>80</v>
      </c>
      <c r="H14693" t="s">
        <v>81</v>
      </c>
      <c r="I14693" s="2">
        <v>0</v>
      </c>
      <c r="J14693" s="2">
        <v>1</v>
      </c>
      <c r="K14693" s="2">
        <v>0</v>
      </c>
      <c r="L14693" t="s">
        <v>82</v>
      </c>
      <c r="M14693" t="s">
        <v>83</v>
      </c>
      <c r="N14693" t="s">
        <v>91</v>
      </c>
      <c r="O14693" t="s">
        <v>85</v>
      </c>
      <c r="P14693" t="s">
        <v>86</v>
      </c>
      <c r="Q14693">
        <v>49</v>
      </c>
      <c r="R14693">
        <v>51</v>
      </c>
      <c r="S14693">
        <v>52</v>
      </c>
      <c r="T14693">
        <v>53</v>
      </c>
      <c r="U14693">
        <v>55</v>
      </c>
      <c r="V14693">
        <v>56</v>
      </c>
      <c r="W14693">
        <v>57</v>
      </c>
      <c r="X14693">
        <v>59</v>
      </c>
      <c r="Y14693">
        <v>60</v>
      </c>
      <c r="Z14693">
        <v>61</v>
      </c>
      <c r="AA14693">
        <v>63</v>
      </c>
      <c r="AB14693">
        <v>64</v>
      </c>
      <c r="AC14693">
        <v>66</v>
      </c>
      <c r="AD14693">
        <v>67</v>
      </c>
      <c r="AE14693">
        <v>69</v>
      </c>
      <c r="AF14693">
        <v>70</v>
      </c>
      <c r="AG14693">
        <v>71</v>
      </c>
      <c r="AH14693">
        <v>73</v>
      </c>
      <c r="AI14693">
        <v>75</v>
      </c>
      <c r="AJ14693">
        <v>76</v>
      </c>
      <c r="AK14693">
        <v>78</v>
      </c>
      <c r="AL14693">
        <v>79</v>
      </c>
      <c r="AM14693">
        <v>79</v>
      </c>
      <c r="AN14693">
        <v>80</v>
      </c>
      <c r="AO14693">
        <v>81</v>
      </c>
      <c r="AP14693">
        <v>82</v>
      </c>
      <c r="AQ14693">
        <v>83</v>
      </c>
    </row>
    <row r="14694" spans="1:43">
      <c r="A14694" t="s">
        <v>9126</v>
      </c>
      <c r="B14694" t="s">
        <v>9127</v>
      </c>
      <c r="C14694" t="s">
        <v>9128</v>
      </c>
      <c r="D14694" t="s">
        <v>9129</v>
      </c>
      <c r="E14694" t="s">
        <v>8938</v>
      </c>
      <c r="F14694" t="s">
        <v>8939</v>
      </c>
      <c r="G14694" t="s">
        <v>80</v>
      </c>
      <c r="H14694" t="s">
        <v>81</v>
      </c>
      <c r="I14694" s="2">
        <v>0</v>
      </c>
      <c r="J14694" s="2">
        <v>1</v>
      </c>
      <c r="K14694" s="2">
        <v>0</v>
      </c>
      <c r="L14694" t="s">
        <v>82</v>
      </c>
      <c r="M14694" t="s">
        <v>83</v>
      </c>
      <c r="N14694" t="s">
        <v>84</v>
      </c>
      <c r="O14694" t="s">
        <v>85</v>
      </c>
      <c r="P14694" t="s">
        <v>86</v>
      </c>
      <c r="Q14694">
        <v>67</v>
      </c>
      <c r="R14694">
        <v>67</v>
      </c>
      <c r="S14694">
        <v>68</v>
      </c>
      <c r="T14694">
        <v>69</v>
      </c>
      <c r="U14694">
        <v>70</v>
      </c>
      <c r="V14694">
        <v>71</v>
      </c>
      <c r="W14694">
        <v>72</v>
      </c>
      <c r="X14694">
        <v>72</v>
      </c>
      <c r="Y14694">
        <v>73</v>
      </c>
      <c r="Z14694">
        <v>74</v>
      </c>
      <c r="AA14694">
        <v>75</v>
      </c>
      <c r="AB14694">
        <v>76</v>
      </c>
      <c r="AC14694">
        <v>76</v>
      </c>
      <c r="AD14694">
        <v>77</v>
      </c>
      <c r="AE14694">
        <v>78</v>
      </c>
      <c r="AF14694">
        <v>79</v>
      </c>
      <c r="AG14694">
        <v>80</v>
      </c>
      <c r="AH14694">
        <v>80</v>
      </c>
      <c r="AI14694">
        <v>81</v>
      </c>
      <c r="AJ14694">
        <v>82</v>
      </c>
      <c r="AK14694">
        <v>83</v>
      </c>
      <c r="AL14694">
        <v>83</v>
      </c>
      <c r="AM14694">
        <v>83</v>
      </c>
      <c r="AN14694">
        <v>83</v>
      </c>
      <c r="AO14694">
        <v>83</v>
      </c>
      <c r="AP14694">
        <v>83</v>
      </c>
      <c r="AQ14694">
        <v>83</v>
      </c>
    </row>
    <row r="14695" spans="1:43">
      <c r="A14695" t="s">
        <v>9126</v>
      </c>
      <c r="B14695" t="s">
        <v>9127</v>
      </c>
      <c r="C14695" t="s">
        <v>9128</v>
      </c>
      <c r="D14695" t="s">
        <v>9129</v>
      </c>
      <c r="E14695" t="s">
        <v>8938</v>
      </c>
      <c r="F14695" t="s">
        <v>8939</v>
      </c>
      <c r="G14695" t="s">
        <v>80</v>
      </c>
      <c r="H14695" t="s">
        <v>81</v>
      </c>
      <c r="I14695" s="2">
        <v>0</v>
      </c>
      <c r="J14695" s="2">
        <v>1</v>
      </c>
      <c r="K14695" s="2">
        <v>0</v>
      </c>
      <c r="L14695" t="s">
        <v>82</v>
      </c>
      <c r="M14695" t="s">
        <v>87</v>
      </c>
      <c r="N14695" t="s">
        <v>88</v>
      </c>
      <c r="O14695" t="s">
        <v>85</v>
      </c>
      <c r="P14695" t="s">
        <v>86</v>
      </c>
      <c r="Q14695">
        <v>67</v>
      </c>
      <c r="R14695">
        <v>67</v>
      </c>
      <c r="S14695">
        <v>67</v>
      </c>
      <c r="T14695">
        <v>68</v>
      </c>
      <c r="U14695">
        <v>68</v>
      </c>
      <c r="V14695">
        <v>68</v>
      </c>
      <c r="W14695">
        <v>68</v>
      </c>
      <c r="X14695">
        <v>68</v>
      </c>
      <c r="Y14695">
        <v>69</v>
      </c>
      <c r="Z14695">
        <v>69</v>
      </c>
      <c r="AA14695">
        <v>69</v>
      </c>
      <c r="AB14695">
        <v>69</v>
      </c>
      <c r="AC14695">
        <v>70</v>
      </c>
      <c r="AD14695">
        <v>70</v>
      </c>
      <c r="AE14695">
        <v>70</v>
      </c>
      <c r="AF14695">
        <v>70</v>
      </c>
      <c r="AG14695">
        <v>70</v>
      </c>
      <c r="AH14695">
        <v>71</v>
      </c>
      <c r="AI14695">
        <v>71</v>
      </c>
      <c r="AJ14695">
        <v>71</v>
      </c>
      <c r="AK14695">
        <v>71</v>
      </c>
      <c r="AL14695">
        <v>72</v>
      </c>
      <c r="AM14695">
        <v>72</v>
      </c>
      <c r="AN14695">
        <v>72</v>
      </c>
      <c r="AO14695">
        <v>72</v>
      </c>
      <c r="AP14695">
        <v>72</v>
      </c>
      <c r="AQ14695">
        <v>73</v>
      </c>
    </row>
    <row r="14696" spans="1:43">
      <c r="A14696" t="s">
        <v>9126</v>
      </c>
      <c r="B14696" t="s">
        <v>9127</v>
      </c>
      <c r="C14696" t="s">
        <v>9128</v>
      </c>
      <c r="D14696" t="s">
        <v>9129</v>
      </c>
      <c r="E14696" t="s">
        <v>8938</v>
      </c>
      <c r="F14696" t="s">
        <v>8939</v>
      </c>
      <c r="G14696" t="s">
        <v>80</v>
      </c>
      <c r="H14696" t="s">
        <v>81</v>
      </c>
      <c r="I14696" s="2">
        <v>0</v>
      </c>
      <c r="J14696" s="2">
        <v>1</v>
      </c>
      <c r="K14696" s="2">
        <v>0</v>
      </c>
      <c r="L14696" t="s">
        <v>82</v>
      </c>
      <c r="M14696" t="s">
        <v>89</v>
      </c>
      <c r="N14696" t="s">
        <v>90</v>
      </c>
      <c r="O14696" t="s">
        <v>85</v>
      </c>
      <c r="P14696" t="s">
        <v>86</v>
      </c>
      <c r="Q14696">
        <v>67</v>
      </c>
      <c r="R14696">
        <v>69</v>
      </c>
      <c r="S14696">
        <v>70</v>
      </c>
      <c r="T14696">
        <v>71</v>
      </c>
      <c r="U14696">
        <v>73</v>
      </c>
      <c r="V14696">
        <v>74</v>
      </c>
      <c r="W14696">
        <v>75</v>
      </c>
      <c r="X14696">
        <v>76</v>
      </c>
      <c r="Y14696">
        <v>78</v>
      </c>
      <c r="Z14696">
        <v>79</v>
      </c>
      <c r="AA14696">
        <v>80</v>
      </c>
      <c r="AB14696">
        <v>81</v>
      </c>
      <c r="AC14696">
        <v>82</v>
      </c>
      <c r="AD14696">
        <v>83</v>
      </c>
      <c r="AE14696">
        <v>84</v>
      </c>
      <c r="AF14696">
        <v>84</v>
      </c>
      <c r="AG14696">
        <v>84</v>
      </c>
      <c r="AH14696">
        <v>84</v>
      </c>
      <c r="AI14696">
        <v>84</v>
      </c>
      <c r="AJ14696">
        <v>84</v>
      </c>
      <c r="AK14696">
        <v>84</v>
      </c>
      <c r="AL14696">
        <v>83</v>
      </c>
      <c r="AM14696">
        <v>83</v>
      </c>
      <c r="AN14696">
        <v>83</v>
      </c>
      <c r="AO14696">
        <v>83</v>
      </c>
      <c r="AP14696">
        <v>83</v>
      </c>
      <c r="AQ14696">
        <v>83</v>
      </c>
    </row>
    <row r="14697" spans="1:43">
      <c r="A14697" t="s">
        <v>9126</v>
      </c>
      <c r="B14697" t="s">
        <v>9127</v>
      </c>
      <c r="C14697" t="s">
        <v>9128</v>
      </c>
      <c r="D14697" t="s">
        <v>9129</v>
      </c>
      <c r="E14697" t="s">
        <v>8938</v>
      </c>
      <c r="F14697" t="s">
        <v>8939</v>
      </c>
      <c r="G14697" t="s">
        <v>80</v>
      </c>
      <c r="H14697" t="s">
        <v>81</v>
      </c>
      <c r="I14697" s="2">
        <v>0</v>
      </c>
      <c r="J14697" s="2">
        <v>1</v>
      </c>
      <c r="K14697" s="2">
        <v>0</v>
      </c>
      <c r="L14697" t="s">
        <v>82</v>
      </c>
      <c r="M14697" t="s">
        <v>83</v>
      </c>
      <c r="N14697" t="s">
        <v>91</v>
      </c>
      <c r="O14697" t="s">
        <v>85</v>
      </c>
      <c r="P14697" t="s">
        <v>86</v>
      </c>
      <c r="Q14697">
        <v>67</v>
      </c>
      <c r="R14697">
        <v>67</v>
      </c>
      <c r="S14697">
        <v>68</v>
      </c>
      <c r="T14697">
        <v>69</v>
      </c>
      <c r="U14697">
        <v>70</v>
      </c>
      <c r="V14697">
        <v>71</v>
      </c>
      <c r="W14697">
        <v>72</v>
      </c>
      <c r="X14697">
        <v>72</v>
      </c>
      <c r="Y14697">
        <v>73</v>
      </c>
      <c r="Z14697">
        <v>74</v>
      </c>
      <c r="AA14697">
        <v>75</v>
      </c>
      <c r="AB14697">
        <v>76</v>
      </c>
      <c r="AC14697">
        <v>76</v>
      </c>
      <c r="AD14697">
        <v>77</v>
      </c>
      <c r="AE14697">
        <v>78</v>
      </c>
      <c r="AF14697">
        <v>79</v>
      </c>
      <c r="AG14697">
        <v>80</v>
      </c>
      <c r="AH14697">
        <v>80</v>
      </c>
      <c r="AI14697">
        <v>81</v>
      </c>
      <c r="AJ14697">
        <v>82</v>
      </c>
      <c r="AK14697">
        <v>83</v>
      </c>
      <c r="AL14697">
        <v>83</v>
      </c>
      <c r="AM14697">
        <v>83</v>
      </c>
      <c r="AN14697">
        <v>83</v>
      </c>
      <c r="AO14697">
        <v>83</v>
      </c>
      <c r="AP14697">
        <v>83</v>
      </c>
      <c r="AQ14697">
        <v>83</v>
      </c>
    </row>
    <row r="14698" spans="1:43">
      <c r="A14698" t="s">
        <v>9130</v>
      </c>
      <c r="B14698" t="s">
        <v>9131</v>
      </c>
      <c r="C14698" t="s">
        <v>9124</v>
      </c>
      <c r="D14698" t="s">
        <v>9125</v>
      </c>
      <c r="E14698" t="s">
        <v>8938</v>
      </c>
      <c r="F14698" t="s">
        <v>8939</v>
      </c>
      <c r="G14698" t="s">
        <v>80</v>
      </c>
      <c r="H14698" t="s">
        <v>81</v>
      </c>
      <c r="I14698" s="2">
        <v>0</v>
      </c>
      <c r="J14698" s="2">
        <v>1</v>
      </c>
      <c r="K14698" s="2">
        <v>0</v>
      </c>
      <c r="L14698" t="s">
        <v>82</v>
      </c>
      <c r="M14698" t="s">
        <v>83</v>
      </c>
      <c r="N14698" t="s">
        <v>84</v>
      </c>
      <c r="O14698" t="s">
        <v>85</v>
      </c>
      <c r="P14698" t="s">
        <v>86</v>
      </c>
      <c r="Q14698">
        <v>43</v>
      </c>
      <c r="R14698">
        <v>44</v>
      </c>
      <c r="S14698">
        <v>45</v>
      </c>
      <c r="T14698">
        <v>46</v>
      </c>
      <c r="U14698">
        <v>47</v>
      </c>
      <c r="V14698">
        <v>48</v>
      </c>
      <c r="W14698">
        <v>49</v>
      </c>
      <c r="X14698">
        <v>51</v>
      </c>
      <c r="Y14698">
        <v>52</v>
      </c>
      <c r="Z14698">
        <v>53</v>
      </c>
      <c r="AA14698">
        <v>54</v>
      </c>
      <c r="AB14698">
        <v>55</v>
      </c>
      <c r="AC14698">
        <v>57</v>
      </c>
      <c r="AD14698">
        <v>58</v>
      </c>
      <c r="AE14698">
        <v>59</v>
      </c>
      <c r="AF14698">
        <v>60</v>
      </c>
      <c r="AG14698">
        <v>62</v>
      </c>
      <c r="AH14698">
        <v>63</v>
      </c>
      <c r="AI14698">
        <v>64</v>
      </c>
      <c r="AJ14698">
        <v>66</v>
      </c>
      <c r="AK14698">
        <v>67</v>
      </c>
      <c r="AL14698">
        <v>68</v>
      </c>
      <c r="AM14698">
        <v>69</v>
      </c>
      <c r="AN14698">
        <v>69</v>
      </c>
      <c r="AO14698">
        <v>70</v>
      </c>
      <c r="AP14698">
        <v>71</v>
      </c>
      <c r="AQ14698">
        <v>71</v>
      </c>
    </row>
    <row r="14699" spans="1:43">
      <c r="A14699" t="s">
        <v>9130</v>
      </c>
      <c r="B14699" t="s">
        <v>9131</v>
      </c>
      <c r="C14699" t="s">
        <v>9124</v>
      </c>
      <c r="D14699" t="s">
        <v>9125</v>
      </c>
      <c r="E14699" t="s">
        <v>8938</v>
      </c>
      <c r="F14699" t="s">
        <v>8939</v>
      </c>
      <c r="G14699" t="s">
        <v>80</v>
      </c>
      <c r="H14699" t="s">
        <v>81</v>
      </c>
      <c r="I14699" s="2">
        <v>0</v>
      </c>
      <c r="J14699" s="2">
        <v>1</v>
      </c>
      <c r="K14699" s="2">
        <v>0</v>
      </c>
      <c r="L14699" t="s">
        <v>82</v>
      </c>
      <c r="M14699" t="s">
        <v>87</v>
      </c>
      <c r="N14699" t="s">
        <v>88</v>
      </c>
      <c r="O14699" t="s">
        <v>85</v>
      </c>
      <c r="P14699" t="s">
        <v>86</v>
      </c>
      <c r="Q14699">
        <v>43</v>
      </c>
      <c r="R14699">
        <v>44</v>
      </c>
      <c r="S14699">
        <v>45</v>
      </c>
      <c r="T14699">
        <v>45</v>
      </c>
      <c r="U14699">
        <v>46</v>
      </c>
      <c r="V14699">
        <v>47</v>
      </c>
      <c r="W14699">
        <v>47</v>
      </c>
      <c r="X14699">
        <v>48</v>
      </c>
      <c r="Y14699">
        <v>49</v>
      </c>
      <c r="Z14699">
        <v>50</v>
      </c>
      <c r="AA14699">
        <v>50</v>
      </c>
      <c r="AB14699">
        <v>51</v>
      </c>
      <c r="AC14699">
        <v>52</v>
      </c>
      <c r="AD14699">
        <v>53</v>
      </c>
      <c r="AE14699">
        <v>53</v>
      </c>
      <c r="AF14699">
        <v>54</v>
      </c>
      <c r="AG14699">
        <v>55</v>
      </c>
      <c r="AH14699">
        <v>56</v>
      </c>
      <c r="AI14699">
        <v>56</v>
      </c>
      <c r="AJ14699">
        <v>57</v>
      </c>
      <c r="AK14699">
        <v>58</v>
      </c>
      <c r="AL14699">
        <v>59</v>
      </c>
      <c r="AM14699">
        <v>60</v>
      </c>
      <c r="AN14699">
        <v>60</v>
      </c>
      <c r="AO14699">
        <v>61</v>
      </c>
      <c r="AP14699">
        <v>62</v>
      </c>
      <c r="AQ14699">
        <v>63</v>
      </c>
    </row>
    <row r="14700" spans="1:43">
      <c r="A14700" t="s">
        <v>9130</v>
      </c>
      <c r="B14700" t="s">
        <v>9131</v>
      </c>
      <c r="C14700" t="s">
        <v>9124</v>
      </c>
      <c r="D14700" t="s">
        <v>9125</v>
      </c>
      <c r="E14700" t="s">
        <v>8938</v>
      </c>
      <c r="F14700" t="s">
        <v>8939</v>
      </c>
      <c r="G14700" t="s">
        <v>80</v>
      </c>
      <c r="H14700" t="s">
        <v>81</v>
      </c>
      <c r="I14700" s="2">
        <v>0</v>
      </c>
      <c r="J14700" s="2">
        <v>1</v>
      </c>
      <c r="K14700" s="2">
        <v>0</v>
      </c>
      <c r="L14700" t="s">
        <v>82</v>
      </c>
      <c r="M14700" t="s">
        <v>89</v>
      </c>
      <c r="N14700" t="s">
        <v>90</v>
      </c>
      <c r="O14700" t="s">
        <v>85</v>
      </c>
      <c r="P14700" t="s">
        <v>86</v>
      </c>
      <c r="Q14700">
        <v>43</v>
      </c>
      <c r="R14700">
        <v>44</v>
      </c>
      <c r="S14700">
        <v>46</v>
      </c>
      <c r="T14700">
        <v>47</v>
      </c>
      <c r="U14700">
        <v>49</v>
      </c>
      <c r="V14700">
        <v>50</v>
      </c>
      <c r="W14700">
        <v>52</v>
      </c>
      <c r="X14700">
        <v>53</v>
      </c>
      <c r="Y14700">
        <v>55</v>
      </c>
      <c r="Z14700">
        <v>56</v>
      </c>
      <c r="AA14700">
        <v>58</v>
      </c>
      <c r="AB14700">
        <v>59</v>
      </c>
      <c r="AC14700">
        <v>61</v>
      </c>
      <c r="AD14700">
        <v>62</v>
      </c>
      <c r="AE14700">
        <v>64</v>
      </c>
      <c r="AF14700">
        <v>64</v>
      </c>
      <c r="AG14700">
        <v>65</v>
      </c>
      <c r="AH14700">
        <v>66</v>
      </c>
      <c r="AI14700">
        <v>66</v>
      </c>
      <c r="AJ14700">
        <v>67</v>
      </c>
      <c r="AK14700">
        <v>68</v>
      </c>
      <c r="AL14700">
        <v>68</v>
      </c>
      <c r="AM14700">
        <v>69</v>
      </c>
      <c r="AN14700">
        <v>70</v>
      </c>
      <c r="AO14700">
        <v>70</v>
      </c>
      <c r="AP14700">
        <v>71</v>
      </c>
      <c r="AQ14700">
        <v>72</v>
      </c>
    </row>
    <row r="14701" spans="1:43">
      <c r="A14701" t="s">
        <v>9130</v>
      </c>
      <c r="B14701" t="s">
        <v>9131</v>
      </c>
      <c r="C14701" t="s">
        <v>9124</v>
      </c>
      <c r="D14701" t="s">
        <v>9125</v>
      </c>
      <c r="E14701" t="s">
        <v>8938</v>
      </c>
      <c r="F14701" t="s">
        <v>8939</v>
      </c>
      <c r="G14701" t="s">
        <v>80</v>
      </c>
      <c r="H14701" t="s">
        <v>81</v>
      </c>
      <c r="I14701" s="2">
        <v>0</v>
      </c>
      <c r="J14701" s="2">
        <v>1</v>
      </c>
      <c r="K14701" s="2">
        <v>0</v>
      </c>
      <c r="L14701" t="s">
        <v>82</v>
      </c>
      <c r="M14701" t="s">
        <v>83</v>
      </c>
      <c r="N14701" t="s">
        <v>91</v>
      </c>
      <c r="O14701" t="s">
        <v>85</v>
      </c>
      <c r="P14701" t="s">
        <v>86</v>
      </c>
      <c r="Q14701">
        <v>43</v>
      </c>
      <c r="R14701">
        <v>44</v>
      </c>
      <c r="S14701">
        <v>45</v>
      </c>
      <c r="T14701">
        <v>46</v>
      </c>
      <c r="U14701">
        <v>47</v>
      </c>
      <c r="V14701">
        <v>48</v>
      </c>
      <c r="W14701">
        <v>49</v>
      </c>
      <c r="X14701">
        <v>51</v>
      </c>
      <c r="Y14701">
        <v>52</v>
      </c>
      <c r="Z14701">
        <v>53</v>
      </c>
      <c r="AA14701">
        <v>54</v>
      </c>
      <c r="AB14701">
        <v>55</v>
      </c>
      <c r="AC14701">
        <v>57</v>
      </c>
      <c r="AD14701">
        <v>58</v>
      </c>
      <c r="AE14701">
        <v>59</v>
      </c>
      <c r="AF14701">
        <v>60</v>
      </c>
      <c r="AG14701">
        <v>62</v>
      </c>
      <c r="AH14701">
        <v>63</v>
      </c>
      <c r="AI14701">
        <v>64</v>
      </c>
      <c r="AJ14701">
        <v>66</v>
      </c>
      <c r="AK14701">
        <v>67</v>
      </c>
      <c r="AL14701">
        <v>68</v>
      </c>
      <c r="AM14701">
        <v>69</v>
      </c>
      <c r="AN14701">
        <v>69</v>
      </c>
      <c r="AO14701">
        <v>70</v>
      </c>
      <c r="AP14701">
        <v>71</v>
      </c>
      <c r="AQ14701">
        <v>71</v>
      </c>
    </row>
    <row r="14702" spans="1:43">
      <c r="A14702" t="s">
        <v>9132</v>
      </c>
      <c r="B14702" t="s">
        <v>9133</v>
      </c>
      <c r="C14702" t="s">
        <v>9128</v>
      </c>
      <c r="D14702" t="s">
        <v>9129</v>
      </c>
      <c r="E14702" t="s">
        <v>8938</v>
      </c>
      <c r="F14702" t="s">
        <v>8939</v>
      </c>
      <c r="G14702" t="s">
        <v>80</v>
      </c>
      <c r="H14702" t="s">
        <v>81</v>
      </c>
      <c r="I14702" s="2">
        <v>0</v>
      </c>
      <c r="J14702" s="2">
        <v>1</v>
      </c>
      <c r="K14702" s="2">
        <v>0</v>
      </c>
      <c r="L14702" t="s">
        <v>82</v>
      </c>
      <c r="M14702" t="s">
        <v>83</v>
      </c>
      <c r="N14702" t="s">
        <v>84</v>
      </c>
      <c r="O14702" t="s">
        <v>85</v>
      </c>
      <c r="P14702" t="s">
        <v>86</v>
      </c>
      <c r="Q14702">
        <v>21</v>
      </c>
      <c r="R14702">
        <v>22</v>
      </c>
      <c r="S14702">
        <v>22</v>
      </c>
      <c r="T14702">
        <v>23</v>
      </c>
      <c r="U14702">
        <v>24</v>
      </c>
      <c r="V14702">
        <v>24</v>
      </c>
      <c r="W14702">
        <v>25</v>
      </c>
      <c r="X14702">
        <v>25</v>
      </c>
      <c r="Y14702">
        <v>26</v>
      </c>
      <c r="Z14702">
        <v>27</v>
      </c>
      <c r="AA14702">
        <v>27</v>
      </c>
      <c r="AB14702">
        <v>28</v>
      </c>
      <c r="AC14702">
        <v>28</v>
      </c>
      <c r="AD14702">
        <v>29</v>
      </c>
      <c r="AE14702">
        <v>30</v>
      </c>
      <c r="AF14702">
        <v>30</v>
      </c>
      <c r="AG14702">
        <v>31</v>
      </c>
      <c r="AH14702">
        <v>32</v>
      </c>
      <c r="AI14702">
        <v>32</v>
      </c>
      <c r="AJ14702">
        <v>33</v>
      </c>
      <c r="AK14702">
        <v>34</v>
      </c>
      <c r="AL14702">
        <v>34</v>
      </c>
      <c r="AM14702">
        <v>34</v>
      </c>
      <c r="AN14702">
        <v>35</v>
      </c>
      <c r="AO14702">
        <v>35</v>
      </c>
      <c r="AP14702">
        <v>35</v>
      </c>
      <c r="AQ14702">
        <v>36</v>
      </c>
    </row>
    <row r="14703" spans="1:43">
      <c r="A14703" t="s">
        <v>9132</v>
      </c>
      <c r="B14703" t="s">
        <v>9133</v>
      </c>
      <c r="C14703" t="s">
        <v>9128</v>
      </c>
      <c r="D14703" t="s">
        <v>9129</v>
      </c>
      <c r="E14703" t="s">
        <v>8938</v>
      </c>
      <c r="F14703" t="s">
        <v>8939</v>
      </c>
      <c r="G14703" t="s">
        <v>80</v>
      </c>
      <c r="H14703" t="s">
        <v>81</v>
      </c>
      <c r="I14703" s="2">
        <v>0</v>
      </c>
      <c r="J14703" s="2">
        <v>1</v>
      </c>
      <c r="K14703" s="2">
        <v>0</v>
      </c>
      <c r="L14703" t="s">
        <v>82</v>
      </c>
      <c r="M14703" t="s">
        <v>87</v>
      </c>
      <c r="N14703" t="s">
        <v>88</v>
      </c>
      <c r="O14703" t="s">
        <v>85</v>
      </c>
      <c r="P14703" t="s">
        <v>86</v>
      </c>
      <c r="Q14703">
        <v>21</v>
      </c>
      <c r="R14703">
        <v>22</v>
      </c>
      <c r="S14703">
        <v>22</v>
      </c>
      <c r="T14703">
        <v>22</v>
      </c>
      <c r="U14703">
        <v>23</v>
      </c>
      <c r="V14703">
        <v>23</v>
      </c>
      <c r="W14703">
        <v>23</v>
      </c>
      <c r="X14703">
        <v>24</v>
      </c>
      <c r="Y14703">
        <v>24</v>
      </c>
      <c r="Z14703">
        <v>24</v>
      </c>
      <c r="AA14703">
        <v>25</v>
      </c>
      <c r="AB14703">
        <v>25</v>
      </c>
      <c r="AC14703">
        <v>25</v>
      </c>
      <c r="AD14703">
        <v>26</v>
      </c>
      <c r="AE14703">
        <v>26</v>
      </c>
      <c r="AF14703">
        <v>27</v>
      </c>
      <c r="AG14703">
        <v>27</v>
      </c>
      <c r="AH14703">
        <v>27</v>
      </c>
      <c r="AI14703">
        <v>28</v>
      </c>
      <c r="AJ14703">
        <v>28</v>
      </c>
      <c r="AK14703">
        <v>29</v>
      </c>
      <c r="AL14703">
        <v>29</v>
      </c>
      <c r="AM14703">
        <v>29</v>
      </c>
      <c r="AN14703">
        <v>30</v>
      </c>
      <c r="AO14703">
        <v>30</v>
      </c>
      <c r="AP14703">
        <v>31</v>
      </c>
      <c r="AQ14703">
        <v>31</v>
      </c>
    </row>
    <row r="14704" spans="1:43">
      <c r="A14704" t="s">
        <v>9132</v>
      </c>
      <c r="B14704" t="s">
        <v>9133</v>
      </c>
      <c r="C14704" t="s">
        <v>9128</v>
      </c>
      <c r="D14704" t="s">
        <v>9129</v>
      </c>
      <c r="E14704" t="s">
        <v>8938</v>
      </c>
      <c r="F14704" t="s">
        <v>8939</v>
      </c>
      <c r="G14704" t="s">
        <v>80</v>
      </c>
      <c r="H14704" t="s">
        <v>81</v>
      </c>
      <c r="I14704" s="2">
        <v>0</v>
      </c>
      <c r="J14704" s="2">
        <v>1</v>
      </c>
      <c r="K14704" s="2">
        <v>0</v>
      </c>
      <c r="L14704" t="s">
        <v>82</v>
      </c>
      <c r="M14704" t="s">
        <v>89</v>
      </c>
      <c r="N14704" t="s">
        <v>90</v>
      </c>
      <c r="O14704" t="s">
        <v>85</v>
      </c>
      <c r="P14704" t="s">
        <v>86</v>
      </c>
      <c r="Q14704">
        <v>21</v>
      </c>
      <c r="R14704">
        <v>21</v>
      </c>
      <c r="S14704">
        <v>22</v>
      </c>
      <c r="T14704">
        <v>23</v>
      </c>
      <c r="U14704">
        <v>24</v>
      </c>
      <c r="V14704">
        <v>24</v>
      </c>
      <c r="W14704">
        <v>25</v>
      </c>
      <c r="X14704">
        <v>26</v>
      </c>
      <c r="Y14704">
        <v>26</v>
      </c>
      <c r="Z14704">
        <v>27</v>
      </c>
      <c r="AA14704">
        <v>28</v>
      </c>
      <c r="AB14704">
        <v>29</v>
      </c>
      <c r="AC14704">
        <v>29</v>
      </c>
      <c r="AD14704">
        <v>30</v>
      </c>
      <c r="AE14704">
        <v>31</v>
      </c>
      <c r="AF14704">
        <v>31</v>
      </c>
      <c r="AG14704">
        <v>32</v>
      </c>
      <c r="AH14704">
        <v>32</v>
      </c>
      <c r="AI14704">
        <v>32</v>
      </c>
      <c r="AJ14704">
        <v>32</v>
      </c>
      <c r="AK14704">
        <v>33</v>
      </c>
      <c r="AL14704">
        <v>33</v>
      </c>
      <c r="AM14704">
        <v>33</v>
      </c>
      <c r="AN14704">
        <v>34</v>
      </c>
      <c r="AO14704">
        <v>34</v>
      </c>
      <c r="AP14704">
        <v>34</v>
      </c>
      <c r="AQ14704">
        <v>35</v>
      </c>
    </row>
    <row r="14705" spans="1:43">
      <c r="A14705" t="s">
        <v>9132</v>
      </c>
      <c r="B14705" t="s">
        <v>9133</v>
      </c>
      <c r="C14705" t="s">
        <v>9128</v>
      </c>
      <c r="D14705" t="s">
        <v>9129</v>
      </c>
      <c r="E14705" t="s">
        <v>8938</v>
      </c>
      <c r="F14705" t="s">
        <v>8939</v>
      </c>
      <c r="G14705" t="s">
        <v>80</v>
      </c>
      <c r="H14705" t="s">
        <v>81</v>
      </c>
      <c r="I14705" s="2">
        <v>0</v>
      </c>
      <c r="J14705" s="2">
        <v>1</v>
      </c>
      <c r="K14705" s="2">
        <v>0</v>
      </c>
      <c r="L14705" t="s">
        <v>82</v>
      </c>
      <c r="M14705" t="s">
        <v>83</v>
      </c>
      <c r="N14705" t="s">
        <v>91</v>
      </c>
      <c r="O14705" t="s">
        <v>85</v>
      </c>
      <c r="P14705" t="s">
        <v>86</v>
      </c>
      <c r="Q14705">
        <v>21</v>
      </c>
      <c r="R14705">
        <v>22</v>
      </c>
      <c r="S14705">
        <v>22</v>
      </c>
      <c r="T14705">
        <v>23</v>
      </c>
      <c r="U14705">
        <v>24</v>
      </c>
      <c r="V14705">
        <v>24</v>
      </c>
      <c r="W14705">
        <v>25</v>
      </c>
      <c r="X14705">
        <v>25</v>
      </c>
      <c r="Y14705">
        <v>26</v>
      </c>
      <c r="Z14705">
        <v>27</v>
      </c>
      <c r="AA14705">
        <v>27</v>
      </c>
      <c r="AB14705">
        <v>28</v>
      </c>
      <c r="AC14705">
        <v>28</v>
      </c>
      <c r="AD14705">
        <v>29</v>
      </c>
      <c r="AE14705">
        <v>30</v>
      </c>
      <c r="AF14705">
        <v>30</v>
      </c>
      <c r="AG14705">
        <v>31</v>
      </c>
      <c r="AH14705">
        <v>32</v>
      </c>
      <c r="AI14705">
        <v>32</v>
      </c>
      <c r="AJ14705">
        <v>33</v>
      </c>
      <c r="AK14705">
        <v>34</v>
      </c>
      <c r="AL14705">
        <v>34</v>
      </c>
      <c r="AM14705">
        <v>34</v>
      </c>
      <c r="AN14705">
        <v>35</v>
      </c>
      <c r="AO14705">
        <v>35</v>
      </c>
      <c r="AP14705">
        <v>35</v>
      </c>
      <c r="AQ14705">
        <v>36</v>
      </c>
    </row>
    <row r="14706" spans="1:43">
      <c r="A14706" t="s">
        <v>9134</v>
      </c>
      <c r="B14706" t="s">
        <v>9135</v>
      </c>
      <c r="C14706" t="s">
        <v>9128</v>
      </c>
      <c r="D14706" t="s">
        <v>9129</v>
      </c>
      <c r="E14706" t="s">
        <v>8938</v>
      </c>
      <c r="F14706" t="s">
        <v>8939</v>
      </c>
      <c r="G14706" t="s">
        <v>80</v>
      </c>
      <c r="H14706" t="s">
        <v>81</v>
      </c>
      <c r="I14706" s="2">
        <v>0</v>
      </c>
      <c r="J14706" s="2">
        <v>1</v>
      </c>
      <c r="K14706" s="2">
        <v>0</v>
      </c>
      <c r="L14706" t="s">
        <v>82</v>
      </c>
      <c r="M14706" t="s">
        <v>83</v>
      </c>
      <c r="N14706" t="s">
        <v>84</v>
      </c>
      <c r="O14706" t="s">
        <v>85</v>
      </c>
      <c r="P14706" t="s">
        <v>86</v>
      </c>
      <c r="Q14706">
        <v>75</v>
      </c>
      <c r="R14706">
        <v>76</v>
      </c>
      <c r="S14706">
        <v>78</v>
      </c>
      <c r="T14706">
        <v>80</v>
      </c>
      <c r="U14706">
        <v>82</v>
      </c>
      <c r="V14706">
        <v>84</v>
      </c>
      <c r="W14706">
        <v>86</v>
      </c>
      <c r="X14706">
        <v>88</v>
      </c>
      <c r="Y14706">
        <v>90</v>
      </c>
      <c r="Z14706">
        <v>93</v>
      </c>
      <c r="AA14706">
        <v>95</v>
      </c>
      <c r="AB14706">
        <v>97</v>
      </c>
      <c r="AC14706">
        <v>99</v>
      </c>
      <c r="AD14706">
        <v>101</v>
      </c>
      <c r="AE14706">
        <v>103</v>
      </c>
      <c r="AF14706">
        <v>106</v>
      </c>
      <c r="AG14706">
        <v>108</v>
      </c>
      <c r="AH14706">
        <v>110</v>
      </c>
      <c r="AI14706">
        <v>113</v>
      </c>
      <c r="AJ14706">
        <v>115</v>
      </c>
      <c r="AK14706">
        <v>117</v>
      </c>
      <c r="AL14706">
        <v>119</v>
      </c>
      <c r="AM14706">
        <v>120</v>
      </c>
      <c r="AN14706">
        <v>121</v>
      </c>
      <c r="AO14706">
        <v>122</v>
      </c>
      <c r="AP14706">
        <v>123</v>
      </c>
      <c r="AQ14706">
        <v>125</v>
      </c>
    </row>
    <row r="14707" spans="1:43">
      <c r="A14707" t="s">
        <v>9134</v>
      </c>
      <c r="B14707" t="s">
        <v>9135</v>
      </c>
      <c r="C14707" t="s">
        <v>9128</v>
      </c>
      <c r="D14707" t="s">
        <v>9129</v>
      </c>
      <c r="E14707" t="s">
        <v>8938</v>
      </c>
      <c r="F14707" t="s">
        <v>8939</v>
      </c>
      <c r="G14707" t="s">
        <v>80</v>
      </c>
      <c r="H14707" t="s">
        <v>81</v>
      </c>
      <c r="I14707" s="2">
        <v>0</v>
      </c>
      <c r="J14707" s="2">
        <v>1</v>
      </c>
      <c r="K14707" s="2">
        <v>0</v>
      </c>
      <c r="L14707" t="s">
        <v>82</v>
      </c>
      <c r="M14707" t="s">
        <v>87</v>
      </c>
      <c r="N14707" t="s">
        <v>88</v>
      </c>
      <c r="O14707" t="s">
        <v>85</v>
      </c>
      <c r="P14707" t="s">
        <v>86</v>
      </c>
      <c r="Q14707">
        <v>75</v>
      </c>
      <c r="R14707">
        <v>76</v>
      </c>
      <c r="S14707">
        <v>77</v>
      </c>
      <c r="T14707">
        <v>78</v>
      </c>
      <c r="U14707">
        <v>80</v>
      </c>
      <c r="V14707">
        <v>81</v>
      </c>
      <c r="W14707">
        <v>82</v>
      </c>
      <c r="X14707">
        <v>83</v>
      </c>
      <c r="Y14707">
        <v>85</v>
      </c>
      <c r="Z14707">
        <v>86</v>
      </c>
      <c r="AA14707">
        <v>87</v>
      </c>
      <c r="AB14707">
        <v>89</v>
      </c>
      <c r="AC14707">
        <v>90</v>
      </c>
      <c r="AD14707">
        <v>91</v>
      </c>
      <c r="AE14707">
        <v>92</v>
      </c>
      <c r="AF14707">
        <v>94</v>
      </c>
      <c r="AG14707">
        <v>95</v>
      </c>
      <c r="AH14707">
        <v>96</v>
      </c>
      <c r="AI14707">
        <v>98</v>
      </c>
      <c r="AJ14707">
        <v>99</v>
      </c>
      <c r="AK14707">
        <v>101</v>
      </c>
      <c r="AL14707">
        <v>102</v>
      </c>
      <c r="AM14707">
        <v>103</v>
      </c>
      <c r="AN14707">
        <v>105</v>
      </c>
      <c r="AO14707">
        <v>106</v>
      </c>
      <c r="AP14707">
        <v>108</v>
      </c>
      <c r="AQ14707">
        <v>109</v>
      </c>
    </row>
    <row r="14708" spans="1:43">
      <c r="A14708" t="s">
        <v>9134</v>
      </c>
      <c r="B14708" t="s">
        <v>9135</v>
      </c>
      <c r="C14708" t="s">
        <v>9128</v>
      </c>
      <c r="D14708" t="s">
        <v>9129</v>
      </c>
      <c r="E14708" t="s">
        <v>8938</v>
      </c>
      <c r="F14708" t="s">
        <v>8939</v>
      </c>
      <c r="G14708" t="s">
        <v>80</v>
      </c>
      <c r="H14708" t="s">
        <v>81</v>
      </c>
      <c r="I14708" s="2">
        <v>0</v>
      </c>
      <c r="J14708" s="2">
        <v>1</v>
      </c>
      <c r="K14708" s="2">
        <v>0</v>
      </c>
      <c r="L14708" t="s">
        <v>82</v>
      </c>
      <c r="M14708" t="s">
        <v>89</v>
      </c>
      <c r="N14708" t="s">
        <v>90</v>
      </c>
      <c r="O14708" t="s">
        <v>85</v>
      </c>
      <c r="P14708" t="s">
        <v>86</v>
      </c>
      <c r="Q14708">
        <v>75</v>
      </c>
      <c r="R14708">
        <v>78</v>
      </c>
      <c r="S14708">
        <v>80</v>
      </c>
      <c r="T14708">
        <v>83</v>
      </c>
      <c r="U14708">
        <v>86</v>
      </c>
      <c r="V14708">
        <v>88</v>
      </c>
      <c r="W14708">
        <v>91</v>
      </c>
      <c r="X14708">
        <v>93</v>
      </c>
      <c r="Y14708">
        <v>96</v>
      </c>
      <c r="Z14708">
        <v>99</v>
      </c>
      <c r="AA14708">
        <v>101</v>
      </c>
      <c r="AB14708">
        <v>104</v>
      </c>
      <c r="AC14708">
        <v>106</v>
      </c>
      <c r="AD14708">
        <v>109</v>
      </c>
      <c r="AE14708">
        <v>111</v>
      </c>
      <c r="AF14708">
        <v>112</v>
      </c>
      <c r="AG14708">
        <v>114</v>
      </c>
      <c r="AH14708">
        <v>115</v>
      </c>
      <c r="AI14708">
        <v>116</v>
      </c>
      <c r="AJ14708">
        <v>117</v>
      </c>
      <c r="AK14708">
        <v>118</v>
      </c>
      <c r="AL14708">
        <v>119</v>
      </c>
      <c r="AM14708">
        <v>120</v>
      </c>
      <c r="AN14708">
        <v>122</v>
      </c>
      <c r="AO14708">
        <v>123</v>
      </c>
      <c r="AP14708">
        <v>124</v>
      </c>
      <c r="AQ14708">
        <v>125</v>
      </c>
    </row>
    <row r="14709" spans="1:43">
      <c r="A14709" t="s">
        <v>9134</v>
      </c>
      <c r="B14709" t="s">
        <v>9135</v>
      </c>
      <c r="C14709" t="s">
        <v>9128</v>
      </c>
      <c r="D14709" t="s">
        <v>9129</v>
      </c>
      <c r="E14709" t="s">
        <v>8938</v>
      </c>
      <c r="F14709" t="s">
        <v>8939</v>
      </c>
      <c r="G14709" t="s">
        <v>80</v>
      </c>
      <c r="H14709" t="s">
        <v>81</v>
      </c>
      <c r="I14709" s="2">
        <v>0</v>
      </c>
      <c r="J14709" s="2">
        <v>1</v>
      </c>
      <c r="K14709" s="2">
        <v>0</v>
      </c>
      <c r="L14709" t="s">
        <v>82</v>
      </c>
      <c r="M14709" t="s">
        <v>83</v>
      </c>
      <c r="N14709" t="s">
        <v>91</v>
      </c>
      <c r="O14709" t="s">
        <v>85</v>
      </c>
      <c r="P14709" t="s">
        <v>86</v>
      </c>
      <c r="Q14709">
        <v>75</v>
      </c>
      <c r="R14709">
        <v>76</v>
      </c>
      <c r="S14709">
        <v>78</v>
      </c>
      <c r="T14709">
        <v>80</v>
      </c>
      <c r="U14709">
        <v>82</v>
      </c>
      <c r="V14709">
        <v>84</v>
      </c>
      <c r="W14709">
        <v>86</v>
      </c>
      <c r="X14709">
        <v>88</v>
      </c>
      <c r="Y14709">
        <v>90</v>
      </c>
      <c r="Z14709">
        <v>93</v>
      </c>
      <c r="AA14709">
        <v>95</v>
      </c>
      <c r="AB14709">
        <v>97</v>
      </c>
      <c r="AC14709">
        <v>99</v>
      </c>
      <c r="AD14709">
        <v>101</v>
      </c>
      <c r="AE14709">
        <v>103</v>
      </c>
      <c r="AF14709">
        <v>106</v>
      </c>
      <c r="AG14709">
        <v>108</v>
      </c>
      <c r="AH14709">
        <v>110</v>
      </c>
      <c r="AI14709">
        <v>113</v>
      </c>
      <c r="AJ14709">
        <v>115</v>
      </c>
      <c r="AK14709">
        <v>117</v>
      </c>
      <c r="AL14709">
        <v>119</v>
      </c>
      <c r="AM14709">
        <v>120</v>
      </c>
      <c r="AN14709">
        <v>121</v>
      </c>
      <c r="AO14709">
        <v>122</v>
      </c>
      <c r="AP14709">
        <v>123</v>
      </c>
      <c r="AQ14709">
        <v>125</v>
      </c>
    </row>
    <row r="14710" spans="1:43">
      <c r="A14710" t="s">
        <v>9136</v>
      </c>
      <c r="B14710" t="s">
        <v>9137</v>
      </c>
      <c r="C14710" t="s">
        <v>9124</v>
      </c>
      <c r="D14710" t="s">
        <v>9125</v>
      </c>
      <c r="E14710" t="s">
        <v>8938</v>
      </c>
      <c r="F14710" t="s">
        <v>8939</v>
      </c>
      <c r="G14710" t="s">
        <v>80</v>
      </c>
      <c r="H14710" t="s">
        <v>81</v>
      </c>
      <c r="I14710" s="2">
        <v>0</v>
      </c>
      <c r="J14710" s="2">
        <v>1</v>
      </c>
      <c r="K14710" s="2">
        <v>0</v>
      </c>
      <c r="L14710" t="s">
        <v>82</v>
      </c>
      <c r="M14710" t="s">
        <v>83</v>
      </c>
      <c r="N14710" t="s">
        <v>84</v>
      </c>
      <c r="O14710" t="s">
        <v>85</v>
      </c>
      <c r="P14710" t="s">
        <v>86</v>
      </c>
      <c r="Q14710">
        <v>51</v>
      </c>
      <c r="R14710">
        <v>52</v>
      </c>
      <c r="S14710">
        <v>53</v>
      </c>
      <c r="T14710">
        <v>54</v>
      </c>
      <c r="U14710">
        <v>56</v>
      </c>
      <c r="V14710">
        <v>57</v>
      </c>
      <c r="W14710">
        <v>59</v>
      </c>
      <c r="X14710">
        <v>60</v>
      </c>
      <c r="Y14710">
        <v>61</v>
      </c>
      <c r="Z14710">
        <v>63</v>
      </c>
      <c r="AA14710">
        <v>64</v>
      </c>
      <c r="AB14710">
        <v>66</v>
      </c>
      <c r="AC14710">
        <v>67</v>
      </c>
      <c r="AD14710">
        <v>69</v>
      </c>
      <c r="AE14710">
        <v>70</v>
      </c>
      <c r="AF14710">
        <v>72</v>
      </c>
      <c r="AG14710">
        <v>73</v>
      </c>
      <c r="AH14710">
        <v>75</v>
      </c>
      <c r="AI14710">
        <v>76</v>
      </c>
      <c r="AJ14710">
        <v>78</v>
      </c>
      <c r="AK14710">
        <v>79</v>
      </c>
      <c r="AL14710">
        <v>80</v>
      </c>
      <c r="AM14710">
        <v>81</v>
      </c>
      <c r="AN14710">
        <v>82</v>
      </c>
      <c r="AO14710">
        <v>83</v>
      </c>
      <c r="AP14710">
        <v>84</v>
      </c>
      <c r="AQ14710">
        <v>84</v>
      </c>
    </row>
    <row r="14711" spans="1:43">
      <c r="A14711" t="s">
        <v>9136</v>
      </c>
      <c r="B14711" t="s">
        <v>9137</v>
      </c>
      <c r="C14711" t="s">
        <v>9124</v>
      </c>
      <c r="D14711" t="s">
        <v>9125</v>
      </c>
      <c r="E14711" t="s">
        <v>8938</v>
      </c>
      <c r="F14711" t="s">
        <v>8939</v>
      </c>
      <c r="G14711" t="s">
        <v>80</v>
      </c>
      <c r="H14711" t="s">
        <v>81</v>
      </c>
      <c r="I14711" s="2">
        <v>0</v>
      </c>
      <c r="J14711" s="2">
        <v>1</v>
      </c>
      <c r="K14711" s="2">
        <v>0</v>
      </c>
      <c r="L14711" t="s">
        <v>82</v>
      </c>
      <c r="M14711" t="s">
        <v>87</v>
      </c>
      <c r="N14711" t="s">
        <v>88</v>
      </c>
      <c r="O14711" t="s">
        <v>85</v>
      </c>
      <c r="P14711" t="s">
        <v>86</v>
      </c>
      <c r="Q14711">
        <v>51</v>
      </c>
      <c r="R14711">
        <v>52</v>
      </c>
      <c r="S14711">
        <v>53</v>
      </c>
      <c r="T14711">
        <v>53</v>
      </c>
      <c r="U14711">
        <v>54</v>
      </c>
      <c r="V14711">
        <v>55</v>
      </c>
      <c r="W14711">
        <v>56</v>
      </c>
      <c r="X14711">
        <v>57</v>
      </c>
      <c r="Y14711">
        <v>58</v>
      </c>
      <c r="Z14711">
        <v>59</v>
      </c>
      <c r="AA14711">
        <v>59</v>
      </c>
      <c r="AB14711">
        <v>60</v>
      </c>
      <c r="AC14711">
        <v>61</v>
      </c>
      <c r="AD14711">
        <v>62</v>
      </c>
      <c r="AE14711">
        <v>63</v>
      </c>
      <c r="AF14711">
        <v>64</v>
      </c>
      <c r="AG14711">
        <v>65</v>
      </c>
      <c r="AH14711">
        <v>66</v>
      </c>
      <c r="AI14711">
        <v>67</v>
      </c>
      <c r="AJ14711">
        <v>68</v>
      </c>
      <c r="AK14711">
        <v>68</v>
      </c>
      <c r="AL14711">
        <v>69</v>
      </c>
      <c r="AM14711">
        <v>70</v>
      </c>
      <c r="AN14711">
        <v>71</v>
      </c>
      <c r="AO14711">
        <v>72</v>
      </c>
      <c r="AP14711">
        <v>73</v>
      </c>
      <c r="AQ14711">
        <v>74</v>
      </c>
    </row>
    <row r="14712" spans="1:43">
      <c r="A14712" t="s">
        <v>9136</v>
      </c>
      <c r="B14712" t="s">
        <v>9137</v>
      </c>
      <c r="C14712" t="s">
        <v>9124</v>
      </c>
      <c r="D14712" t="s">
        <v>9125</v>
      </c>
      <c r="E14712" t="s">
        <v>8938</v>
      </c>
      <c r="F14712" t="s">
        <v>8939</v>
      </c>
      <c r="G14712" t="s">
        <v>80</v>
      </c>
      <c r="H14712" t="s">
        <v>81</v>
      </c>
      <c r="I14712" s="2">
        <v>0</v>
      </c>
      <c r="J14712" s="2">
        <v>1</v>
      </c>
      <c r="K14712" s="2">
        <v>0</v>
      </c>
      <c r="L14712" t="s">
        <v>82</v>
      </c>
      <c r="M14712" t="s">
        <v>89</v>
      </c>
      <c r="N14712" t="s">
        <v>90</v>
      </c>
      <c r="O14712" t="s">
        <v>85</v>
      </c>
      <c r="P14712" t="s">
        <v>86</v>
      </c>
      <c r="Q14712">
        <v>51</v>
      </c>
      <c r="R14712">
        <v>53</v>
      </c>
      <c r="S14712">
        <v>54</v>
      </c>
      <c r="T14712">
        <v>56</v>
      </c>
      <c r="U14712">
        <v>58</v>
      </c>
      <c r="V14712">
        <v>60</v>
      </c>
      <c r="W14712">
        <v>62</v>
      </c>
      <c r="X14712">
        <v>63</v>
      </c>
      <c r="Y14712">
        <v>65</v>
      </c>
      <c r="Z14712">
        <v>67</v>
      </c>
      <c r="AA14712">
        <v>69</v>
      </c>
      <c r="AB14712">
        <v>70</v>
      </c>
      <c r="AC14712">
        <v>72</v>
      </c>
      <c r="AD14712">
        <v>74</v>
      </c>
      <c r="AE14712">
        <v>75</v>
      </c>
      <c r="AF14712">
        <v>76</v>
      </c>
      <c r="AG14712">
        <v>77</v>
      </c>
      <c r="AH14712">
        <v>78</v>
      </c>
      <c r="AI14712">
        <v>78</v>
      </c>
      <c r="AJ14712">
        <v>79</v>
      </c>
      <c r="AK14712">
        <v>80</v>
      </c>
      <c r="AL14712">
        <v>81</v>
      </c>
      <c r="AM14712">
        <v>82</v>
      </c>
      <c r="AN14712">
        <v>82</v>
      </c>
      <c r="AO14712">
        <v>83</v>
      </c>
      <c r="AP14712">
        <v>84</v>
      </c>
      <c r="AQ14712">
        <v>85</v>
      </c>
    </row>
    <row r="14713" spans="1:43">
      <c r="A14713" t="s">
        <v>9136</v>
      </c>
      <c r="B14713" t="s">
        <v>9137</v>
      </c>
      <c r="C14713" t="s">
        <v>9124</v>
      </c>
      <c r="D14713" t="s">
        <v>9125</v>
      </c>
      <c r="E14713" t="s">
        <v>8938</v>
      </c>
      <c r="F14713" t="s">
        <v>8939</v>
      </c>
      <c r="G14713" t="s">
        <v>80</v>
      </c>
      <c r="H14713" t="s">
        <v>81</v>
      </c>
      <c r="I14713" s="2">
        <v>0</v>
      </c>
      <c r="J14713" s="2">
        <v>1</v>
      </c>
      <c r="K14713" s="2">
        <v>0</v>
      </c>
      <c r="L14713" t="s">
        <v>82</v>
      </c>
      <c r="M14713" t="s">
        <v>83</v>
      </c>
      <c r="N14713" t="s">
        <v>91</v>
      </c>
      <c r="O14713" t="s">
        <v>85</v>
      </c>
      <c r="P14713" t="s">
        <v>86</v>
      </c>
      <c r="Q14713">
        <v>51</v>
      </c>
      <c r="R14713">
        <v>52</v>
      </c>
      <c r="S14713">
        <v>53</v>
      </c>
      <c r="T14713">
        <v>54</v>
      </c>
      <c r="U14713">
        <v>56</v>
      </c>
      <c r="V14713">
        <v>57</v>
      </c>
      <c r="W14713">
        <v>59</v>
      </c>
      <c r="X14713">
        <v>60</v>
      </c>
      <c r="Y14713">
        <v>61</v>
      </c>
      <c r="Z14713">
        <v>63</v>
      </c>
      <c r="AA14713">
        <v>64</v>
      </c>
      <c r="AB14713">
        <v>66</v>
      </c>
      <c r="AC14713">
        <v>67</v>
      </c>
      <c r="AD14713">
        <v>69</v>
      </c>
      <c r="AE14713">
        <v>70</v>
      </c>
      <c r="AF14713">
        <v>72</v>
      </c>
      <c r="AG14713">
        <v>73</v>
      </c>
      <c r="AH14713">
        <v>75</v>
      </c>
      <c r="AI14713">
        <v>76</v>
      </c>
      <c r="AJ14713">
        <v>78</v>
      </c>
      <c r="AK14713">
        <v>79</v>
      </c>
      <c r="AL14713">
        <v>80</v>
      </c>
      <c r="AM14713">
        <v>81</v>
      </c>
      <c r="AN14713">
        <v>82</v>
      </c>
      <c r="AO14713">
        <v>83</v>
      </c>
      <c r="AP14713">
        <v>84</v>
      </c>
      <c r="AQ14713">
        <v>84</v>
      </c>
    </row>
    <row r="14714" spans="1:43">
      <c r="A14714" t="s">
        <v>9138</v>
      </c>
      <c r="B14714" t="s">
        <v>9139</v>
      </c>
      <c r="C14714" t="s">
        <v>9140</v>
      </c>
      <c r="D14714" t="s">
        <v>9141</v>
      </c>
      <c r="E14714" t="s">
        <v>8938</v>
      </c>
      <c r="F14714" t="s">
        <v>8939</v>
      </c>
      <c r="G14714" t="s">
        <v>80</v>
      </c>
      <c r="H14714" t="s">
        <v>81</v>
      </c>
      <c r="I14714" s="2">
        <v>0</v>
      </c>
      <c r="J14714" s="2">
        <v>1</v>
      </c>
      <c r="K14714" s="2">
        <v>0</v>
      </c>
      <c r="L14714" t="s">
        <v>82</v>
      </c>
      <c r="M14714" t="s">
        <v>83</v>
      </c>
      <c r="N14714" t="s">
        <v>84</v>
      </c>
      <c r="O14714" t="s">
        <v>85</v>
      </c>
      <c r="P14714" t="s">
        <v>86</v>
      </c>
      <c r="Q14714">
        <v>32</v>
      </c>
      <c r="R14714">
        <v>32</v>
      </c>
      <c r="S14714">
        <v>33</v>
      </c>
      <c r="T14714">
        <v>34</v>
      </c>
      <c r="U14714">
        <v>35</v>
      </c>
      <c r="V14714">
        <v>36</v>
      </c>
      <c r="W14714">
        <v>37</v>
      </c>
      <c r="X14714">
        <v>37</v>
      </c>
      <c r="Y14714">
        <v>38</v>
      </c>
      <c r="Z14714">
        <v>39</v>
      </c>
      <c r="AA14714">
        <v>40</v>
      </c>
      <c r="AB14714">
        <v>41</v>
      </c>
      <c r="AC14714">
        <v>42</v>
      </c>
      <c r="AD14714">
        <v>43</v>
      </c>
      <c r="AE14714">
        <v>44</v>
      </c>
      <c r="AF14714">
        <v>45</v>
      </c>
      <c r="AG14714">
        <v>46</v>
      </c>
      <c r="AH14714">
        <v>46</v>
      </c>
      <c r="AI14714">
        <v>47</v>
      </c>
      <c r="AJ14714">
        <v>48</v>
      </c>
      <c r="AK14714">
        <v>49</v>
      </c>
      <c r="AL14714">
        <v>50</v>
      </c>
      <c r="AM14714">
        <v>51</v>
      </c>
      <c r="AN14714">
        <v>51</v>
      </c>
      <c r="AO14714">
        <v>52</v>
      </c>
      <c r="AP14714">
        <v>52</v>
      </c>
      <c r="AQ14714">
        <v>53</v>
      </c>
    </row>
    <row r="14715" spans="1:43">
      <c r="A14715" t="s">
        <v>9138</v>
      </c>
      <c r="B14715" t="s">
        <v>9139</v>
      </c>
      <c r="C14715" t="s">
        <v>9140</v>
      </c>
      <c r="D14715" t="s">
        <v>9141</v>
      </c>
      <c r="E14715" t="s">
        <v>8938</v>
      </c>
      <c r="F14715" t="s">
        <v>8939</v>
      </c>
      <c r="G14715" t="s">
        <v>80</v>
      </c>
      <c r="H14715" t="s">
        <v>81</v>
      </c>
      <c r="I14715" s="2">
        <v>0</v>
      </c>
      <c r="J14715" s="2">
        <v>1</v>
      </c>
      <c r="K14715" s="2">
        <v>0</v>
      </c>
      <c r="L14715" t="s">
        <v>82</v>
      </c>
      <c r="M14715" t="s">
        <v>87</v>
      </c>
      <c r="N14715" t="s">
        <v>88</v>
      </c>
      <c r="O14715" t="s">
        <v>85</v>
      </c>
      <c r="P14715" t="s">
        <v>86</v>
      </c>
      <c r="Q14715">
        <v>32</v>
      </c>
      <c r="R14715">
        <v>33</v>
      </c>
      <c r="S14715">
        <v>33</v>
      </c>
      <c r="T14715">
        <v>34</v>
      </c>
      <c r="U14715">
        <v>34</v>
      </c>
      <c r="V14715">
        <v>35</v>
      </c>
      <c r="W14715">
        <v>35</v>
      </c>
      <c r="X14715">
        <v>36</v>
      </c>
      <c r="Y14715">
        <v>36</v>
      </c>
      <c r="Z14715">
        <v>37</v>
      </c>
      <c r="AA14715">
        <v>37</v>
      </c>
      <c r="AB14715">
        <v>38</v>
      </c>
      <c r="AC14715">
        <v>39</v>
      </c>
      <c r="AD14715">
        <v>39</v>
      </c>
      <c r="AE14715">
        <v>40</v>
      </c>
      <c r="AF14715">
        <v>40</v>
      </c>
      <c r="AG14715">
        <v>41</v>
      </c>
      <c r="AH14715">
        <v>41</v>
      </c>
      <c r="AI14715">
        <v>42</v>
      </c>
      <c r="AJ14715">
        <v>42</v>
      </c>
      <c r="AK14715">
        <v>43</v>
      </c>
      <c r="AL14715">
        <v>44</v>
      </c>
      <c r="AM14715">
        <v>44</v>
      </c>
      <c r="AN14715">
        <v>45</v>
      </c>
      <c r="AO14715">
        <v>45</v>
      </c>
      <c r="AP14715">
        <v>46</v>
      </c>
      <c r="AQ14715">
        <v>47</v>
      </c>
    </row>
    <row r="14716" spans="1:43">
      <c r="A14716" t="s">
        <v>9138</v>
      </c>
      <c r="B14716" t="s">
        <v>9139</v>
      </c>
      <c r="C14716" t="s">
        <v>9140</v>
      </c>
      <c r="D14716" t="s">
        <v>9141</v>
      </c>
      <c r="E14716" t="s">
        <v>8938</v>
      </c>
      <c r="F14716" t="s">
        <v>8939</v>
      </c>
      <c r="G14716" t="s">
        <v>80</v>
      </c>
      <c r="H14716" t="s">
        <v>81</v>
      </c>
      <c r="I14716" s="2">
        <v>0</v>
      </c>
      <c r="J14716" s="2">
        <v>1</v>
      </c>
      <c r="K14716" s="2">
        <v>0</v>
      </c>
      <c r="L14716" t="s">
        <v>82</v>
      </c>
      <c r="M14716" t="s">
        <v>89</v>
      </c>
      <c r="N14716" t="s">
        <v>90</v>
      </c>
      <c r="O14716" t="s">
        <v>85</v>
      </c>
      <c r="P14716" t="s">
        <v>86</v>
      </c>
      <c r="Q14716">
        <v>32</v>
      </c>
      <c r="R14716">
        <v>33</v>
      </c>
      <c r="S14716">
        <v>34</v>
      </c>
      <c r="T14716">
        <v>35</v>
      </c>
      <c r="U14716">
        <v>36</v>
      </c>
      <c r="V14716">
        <v>37</v>
      </c>
      <c r="W14716">
        <v>38</v>
      </c>
      <c r="X14716">
        <v>40</v>
      </c>
      <c r="Y14716">
        <v>41</v>
      </c>
      <c r="Z14716">
        <v>42</v>
      </c>
      <c r="AA14716">
        <v>43</v>
      </c>
      <c r="AB14716">
        <v>44</v>
      </c>
      <c r="AC14716">
        <v>45</v>
      </c>
      <c r="AD14716">
        <v>46</v>
      </c>
      <c r="AE14716">
        <v>47</v>
      </c>
      <c r="AF14716">
        <v>47</v>
      </c>
      <c r="AG14716">
        <v>48</v>
      </c>
      <c r="AH14716">
        <v>48</v>
      </c>
      <c r="AI14716">
        <v>49</v>
      </c>
      <c r="AJ14716">
        <v>49</v>
      </c>
      <c r="AK14716">
        <v>50</v>
      </c>
      <c r="AL14716">
        <v>51</v>
      </c>
      <c r="AM14716">
        <v>51</v>
      </c>
      <c r="AN14716">
        <v>52</v>
      </c>
      <c r="AO14716">
        <v>52</v>
      </c>
      <c r="AP14716">
        <v>53</v>
      </c>
      <c r="AQ14716">
        <v>53</v>
      </c>
    </row>
    <row r="14717" spans="1:43">
      <c r="A14717" t="s">
        <v>9138</v>
      </c>
      <c r="B14717" t="s">
        <v>9139</v>
      </c>
      <c r="C14717" t="s">
        <v>9140</v>
      </c>
      <c r="D14717" t="s">
        <v>9141</v>
      </c>
      <c r="E14717" t="s">
        <v>8938</v>
      </c>
      <c r="F14717" t="s">
        <v>8939</v>
      </c>
      <c r="G14717" t="s">
        <v>80</v>
      </c>
      <c r="H14717" t="s">
        <v>81</v>
      </c>
      <c r="I14717" s="2">
        <v>0</v>
      </c>
      <c r="J14717" s="2">
        <v>1</v>
      </c>
      <c r="K14717" s="2">
        <v>0</v>
      </c>
      <c r="L14717" t="s">
        <v>82</v>
      </c>
      <c r="M14717" t="s">
        <v>83</v>
      </c>
      <c r="N14717" t="s">
        <v>91</v>
      </c>
      <c r="O14717" t="s">
        <v>85</v>
      </c>
      <c r="P14717" t="s">
        <v>86</v>
      </c>
      <c r="Q14717">
        <v>32</v>
      </c>
      <c r="R14717">
        <v>32</v>
      </c>
      <c r="S14717">
        <v>33</v>
      </c>
      <c r="T14717">
        <v>34</v>
      </c>
      <c r="U14717">
        <v>35</v>
      </c>
      <c r="V14717">
        <v>36</v>
      </c>
      <c r="W14717">
        <v>37</v>
      </c>
      <c r="X14717">
        <v>37</v>
      </c>
      <c r="Y14717">
        <v>38</v>
      </c>
      <c r="Z14717">
        <v>39</v>
      </c>
      <c r="AA14717">
        <v>40</v>
      </c>
      <c r="AB14717">
        <v>41</v>
      </c>
      <c r="AC14717">
        <v>42</v>
      </c>
      <c r="AD14717">
        <v>43</v>
      </c>
      <c r="AE14717">
        <v>44</v>
      </c>
      <c r="AF14717">
        <v>45</v>
      </c>
      <c r="AG14717">
        <v>46</v>
      </c>
      <c r="AH14717">
        <v>46</v>
      </c>
      <c r="AI14717">
        <v>47</v>
      </c>
      <c r="AJ14717">
        <v>48</v>
      </c>
      <c r="AK14717">
        <v>49</v>
      </c>
      <c r="AL14717">
        <v>50</v>
      </c>
      <c r="AM14717">
        <v>51</v>
      </c>
      <c r="AN14717">
        <v>51</v>
      </c>
      <c r="AO14717">
        <v>52</v>
      </c>
      <c r="AP14717">
        <v>52</v>
      </c>
      <c r="AQ14717">
        <v>53</v>
      </c>
    </row>
    <row r="14718" spans="1:43">
      <c r="A14718" t="s">
        <v>9142</v>
      </c>
      <c r="B14718" t="s">
        <v>9143</v>
      </c>
      <c r="C14718" t="s">
        <v>9140</v>
      </c>
      <c r="D14718" t="s">
        <v>9141</v>
      </c>
      <c r="E14718" t="s">
        <v>8938</v>
      </c>
      <c r="F14718" t="s">
        <v>8939</v>
      </c>
      <c r="G14718" t="s">
        <v>80</v>
      </c>
      <c r="H14718" t="s">
        <v>81</v>
      </c>
      <c r="I14718" s="2">
        <v>0</v>
      </c>
      <c r="J14718" s="2">
        <v>1</v>
      </c>
      <c r="K14718" s="2">
        <v>0</v>
      </c>
      <c r="L14718" t="s">
        <v>82</v>
      </c>
      <c r="M14718" t="s">
        <v>83</v>
      </c>
      <c r="N14718" t="s">
        <v>84</v>
      </c>
      <c r="O14718" t="s">
        <v>85</v>
      </c>
      <c r="P14718" t="s">
        <v>86</v>
      </c>
      <c r="Q14718">
        <v>69</v>
      </c>
      <c r="R14718">
        <v>71</v>
      </c>
      <c r="S14718">
        <v>73</v>
      </c>
      <c r="T14718">
        <v>75</v>
      </c>
      <c r="U14718">
        <v>77</v>
      </c>
      <c r="V14718">
        <v>79</v>
      </c>
      <c r="W14718">
        <v>80</v>
      </c>
      <c r="X14718">
        <v>82</v>
      </c>
      <c r="Y14718">
        <v>84</v>
      </c>
      <c r="Z14718">
        <v>86</v>
      </c>
      <c r="AA14718">
        <v>88</v>
      </c>
      <c r="AB14718">
        <v>90</v>
      </c>
      <c r="AC14718">
        <v>92</v>
      </c>
      <c r="AD14718">
        <v>94</v>
      </c>
      <c r="AE14718">
        <v>96</v>
      </c>
      <c r="AF14718">
        <v>98</v>
      </c>
      <c r="AG14718">
        <v>100</v>
      </c>
      <c r="AH14718">
        <v>103</v>
      </c>
      <c r="AI14718">
        <v>105</v>
      </c>
      <c r="AJ14718">
        <v>107</v>
      </c>
      <c r="AK14718">
        <v>109</v>
      </c>
      <c r="AL14718">
        <v>111</v>
      </c>
      <c r="AM14718">
        <v>112</v>
      </c>
      <c r="AN14718">
        <v>113</v>
      </c>
      <c r="AO14718">
        <v>114</v>
      </c>
      <c r="AP14718">
        <v>115</v>
      </c>
      <c r="AQ14718">
        <v>116</v>
      </c>
    </row>
    <row r="14719" spans="1:43">
      <c r="A14719" t="s">
        <v>9142</v>
      </c>
      <c r="B14719" t="s">
        <v>9143</v>
      </c>
      <c r="C14719" t="s">
        <v>9140</v>
      </c>
      <c r="D14719" t="s">
        <v>9141</v>
      </c>
      <c r="E14719" t="s">
        <v>8938</v>
      </c>
      <c r="F14719" t="s">
        <v>8939</v>
      </c>
      <c r="G14719" t="s">
        <v>80</v>
      </c>
      <c r="H14719" t="s">
        <v>81</v>
      </c>
      <c r="I14719" s="2">
        <v>0</v>
      </c>
      <c r="J14719" s="2">
        <v>1</v>
      </c>
      <c r="K14719" s="2">
        <v>0</v>
      </c>
      <c r="L14719" t="s">
        <v>82</v>
      </c>
      <c r="M14719" t="s">
        <v>87</v>
      </c>
      <c r="N14719" t="s">
        <v>88</v>
      </c>
      <c r="O14719" t="s">
        <v>85</v>
      </c>
      <c r="P14719" t="s">
        <v>86</v>
      </c>
      <c r="Q14719">
        <v>69</v>
      </c>
      <c r="R14719">
        <v>70</v>
      </c>
      <c r="S14719">
        <v>71</v>
      </c>
      <c r="T14719">
        <v>72</v>
      </c>
      <c r="U14719">
        <v>73</v>
      </c>
      <c r="V14719">
        <v>74</v>
      </c>
      <c r="W14719">
        <v>76</v>
      </c>
      <c r="X14719">
        <v>77</v>
      </c>
      <c r="Y14719">
        <v>78</v>
      </c>
      <c r="Z14719">
        <v>79</v>
      </c>
      <c r="AA14719">
        <v>80</v>
      </c>
      <c r="AB14719">
        <v>81</v>
      </c>
      <c r="AC14719">
        <v>83</v>
      </c>
      <c r="AD14719">
        <v>84</v>
      </c>
      <c r="AE14719">
        <v>85</v>
      </c>
      <c r="AF14719">
        <v>86</v>
      </c>
      <c r="AG14719">
        <v>88</v>
      </c>
      <c r="AH14719">
        <v>89</v>
      </c>
      <c r="AI14719">
        <v>90</v>
      </c>
      <c r="AJ14719">
        <v>91</v>
      </c>
      <c r="AK14719">
        <v>93</v>
      </c>
      <c r="AL14719">
        <v>94</v>
      </c>
      <c r="AM14719">
        <v>95</v>
      </c>
      <c r="AN14719">
        <v>97</v>
      </c>
      <c r="AO14719">
        <v>98</v>
      </c>
      <c r="AP14719">
        <v>99</v>
      </c>
      <c r="AQ14719">
        <v>101</v>
      </c>
    </row>
    <row r="14720" spans="1:43">
      <c r="A14720" t="s">
        <v>9142</v>
      </c>
      <c r="B14720" t="s">
        <v>9143</v>
      </c>
      <c r="C14720" t="s">
        <v>9140</v>
      </c>
      <c r="D14720" t="s">
        <v>9141</v>
      </c>
      <c r="E14720" t="s">
        <v>8938</v>
      </c>
      <c r="F14720" t="s">
        <v>8939</v>
      </c>
      <c r="G14720" t="s">
        <v>80</v>
      </c>
      <c r="H14720" t="s">
        <v>81</v>
      </c>
      <c r="I14720" s="2">
        <v>0</v>
      </c>
      <c r="J14720" s="2">
        <v>1</v>
      </c>
      <c r="K14720" s="2">
        <v>0</v>
      </c>
      <c r="L14720" t="s">
        <v>82</v>
      </c>
      <c r="M14720" t="s">
        <v>89</v>
      </c>
      <c r="N14720" t="s">
        <v>90</v>
      </c>
      <c r="O14720" t="s">
        <v>85</v>
      </c>
      <c r="P14720" t="s">
        <v>86</v>
      </c>
      <c r="Q14720">
        <v>69</v>
      </c>
      <c r="R14720">
        <v>71</v>
      </c>
      <c r="S14720">
        <v>74</v>
      </c>
      <c r="T14720">
        <v>76</v>
      </c>
      <c r="U14720">
        <v>79</v>
      </c>
      <c r="V14720">
        <v>81</v>
      </c>
      <c r="W14720">
        <v>84</v>
      </c>
      <c r="X14720">
        <v>86</v>
      </c>
      <c r="Y14720">
        <v>88</v>
      </c>
      <c r="Z14720">
        <v>91</v>
      </c>
      <c r="AA14720">
        <v>93</v>
      </c>
      <c r="AB14720">
        <v>95</v>
      </c>
      <c r="AC14720">
        <v>98</v>
      </c>
      <c r="AD14720">
        <v>101</v>
      </c>
      <c r="AE14720">
        <v>102</v>
      </c>
      <c r="AF14720">
        <v>104</v>
      </c>
      <c r="AG14720">
        <v>105</v>
      </c>
      <c r="AH14720">
        <v>106</v>
      </c>
      <c r="AI14720">
        <v>107</v>
      </c>
      <c r="AJ14720">
        <v>108</v>
      </c>
      <c r="AK14720">
        <v>109</v>
      </c>
      <c r="AL14720">
        <v>110</v>
      </c>
      <c r="AM14720">
        <v>111</v>
      </c>
      <c r="AN14720">
        <v>112</v>
      </c>
      <c r="AO14720">
        <v>113</v>
      </c>
      <c r="AP14720">
        <v>114</v>
      </c>
      <c r="AQ14720">
        <v>115</v>
      </c>
    </row>
    <row r="14721" spans="1:43">
      <c r="A14721" t="s">
        <v>9142</v>
      </c>
      <c r="B14721" t="s">
        <v>9143</v>
      </c>
      <c r="C14721" t="s">
        <v>9140</v>
      </c>
      <c r="D14721" t="s">
        <v>9141</v>
      </c>
      <c r="E14721" t="s">
        <v>8938</v>
      </c>
      <c r="F14721" t="s">
        <v>8939</v>
      </c>
      <c r="G14721" t="s">
        <v>80</v>
      </c>
      <c r="H14721" t="s">
        <v>81</v>
      </c>
      <c r="I14721" s="2">
        <v>0</v>
      </c>
      <c r="J14721" s="2">
        <v>1</v>
      </c>
      <c r="K14721" s="2">
        <v>0</v>
      </c>
      <c r="L14721" t="s">
        <v>82</v>
      </c>
      <c r="M14721" t="s">
        <v>83</v>
      </c>
      <c r="N14721" t="s">
        <v>91</v>
      </c>
      <c r="O14721" t="s">
        <v>85</v>
      </c>
      <c r="P14721" t="s">
        <v>86</v>
      </c>
      <c r="Q14721">
        <v>69</v>
      </c>
      <c r="R14721">
        <v>71</v>
      </c>
      <c r="S14721">
        <v>73</v>
      </c>
      <c r="T14721">
        <v>75</v>
      </c>
      <c r="U14721">
        <v>77</v>
      </c>
      <c r="V14721">
        <v>79</v>
      </c>
      <c r="W14721">
        <v>80</v>
      </c>
      <c r="X14721">
        <v>82</v>
      </c>
      <c r="Y14721">
        <v>84</v>
      </c>
      <c r="Z14721">
        <v>86</v>
      </c>
      <c r="AA14721">
        <v>88</v>
      </c>
      <c r="AB14721">
        <v>90</v>
      </c>
      <c r="AC14721">
        <v>92</v>
      </c>
      <c r="AD14721">
        <v>94</v>
      </c>
      <c r="AE14721">
        <v>96</v>
      </c>
      <c r="AF14721">
        <v>98</v>
      </c>
      <c r="AG14721">
        <v>100</v>
      </c>
      <c r="AH14721">
        <v>103</v>
      </c>
      <c r="AI14721">
        <v>105</v>
      </c>
      <c r="AJ14721">
        <v>107</v>
      </c>
      <c r="AK14721">
        <v>109</v>
      </c>
      <c r="AL14721">
        <v>111</v>
      </c>
      <c r="AM14721">
        <v>112</v>
      </c>
      <c r="AN14721">
        <v>113</v>
      </c>
      <c r="AO14721">
        <v>114</v>
      </c>
      <c r="AP14721">
        <v>115</v>
      </c>
      <c r="AQ14721">
        <v>116</v>
      </c>
    </row>
    <row r="14722" spans="1:43">
      <c r="A14722" t="s">
        <v>9144</v>
      </c>
      <c r="B14722" t="s">
        <v>9145</v>
      </c>
      <c r="C14722" t="s">
        <v>9146</v>
      </c>
      <c r="D14722" t="s">
        <v>9147</v>
      </c>
      <c r="E14722" t="s">
        <v>8938</v>
      </c>
      <c r="F14722" t="s">
        <v>8939</v>
      </c>
      <c r="G14722" t="s">
        <v>80</v>
      </c>
      <c r="H14722" t="s">
        <v>81</v>
      </c>
      <c r="I14722" s="2">
        <v>0</v>
      </c>
      <c r="J14722" s="2">
        <v>1</v>
      </c>
      <c r="K14722" s="2">
        <v>0</v>
      </c>
      <c r="L14722" t="s">
        <v>82</v>
      </c>
      <c r="M14722" t="s">
        <v>83</v>
      </c>
      <c r="N14722" t="s">
        <v>84</v>
      </c>
      <c r="O14722" t="s">
        <v>85</v>
      </c>
      <c r="P14722" t="s">
        <v>86</v>
      </c>
      <c r="Q14722">
        <v>26</v>
      </c>
      <c r="R14722">
        <v>26</v>
      </c>
      <c r="S14722">
        <v>27</v>
      </c>
      <c r="T14722">
        <v>27</v>
      </c>
      <c r="U14722">
        <v>28</v>
      </c>
      <c r="V14722">
        <v>29</v>
      </c>
      <c r="W14722">
        <v>30</v>
      </c>
      <c r="X14722">
        <v>30</v>
      </c>
      <c r="Y14722">
        <v>31</v>
      </c>
      <c r="Z14722">
        <v>32</v>
      </c>
      <c r="AA14722">
        <v>32</v>
      </c>
      <c r="AB14722">
        <v>33</v>
      </c>
      <c r="AC14722">
        <v>34</v>
      </c>
      <c r="AD14722">
        <v>35</v>
      </c>
      <c r="AE14722">
        <v>35</v>
      </c>
      <c r="AF14722">
        <v>36</v>
      </c>
      <c r="AG14722">
        <v>37</v>
      </c>
      <c r="AH14722">
        <v>38</v>
      </c>
      <c r="AI14722">
        <v>38</v>
      </c>
      <c r="AJ14722">
        <v>39</v>
      </c>
      <c r="AK14722">
        <v>40</v>
      </c>
      <c r="AL14722">
        <v>40</v>
      </c>
      <c r="AM14722">
        <v>41</v>
      </c>
      <c r="AN14722">
        <v>41</v>
      </c>
      <c r="AO14722">
        <v>42</v>
      </c>
      <c r="AP14722">
        <v>42</v>
      </c>
      <c r="AQ14722">
        <v>43</v>
      </c>
    </row>
    <row r="14723" spans="1:43">
      <c r="A14723" t="s">
        <v>9144</v>
      </c>
      <c r="B14723" t="s">
        <v>9145</v>
      </c>
      <c r="C14723" t="s">
        <v>9146</v>
      </c>
      <c r="D14723" t="s">
        <v>9147</v>
      </c>
      <c r="E14723" t="s">
        <v>8938</v>
      </c>
      <c r="F14723" t="s">
        <v>8939</v>
      </c>
      <c r="G14723" t="s">
        <v>80</v>
      </c>
      <c r="H14723" t="s">
        <v>81</v>
      </c>
      <c r="I14723" s="2">
        <v>0</v>
      </c>
      <c r="J14723" s="2">
        <v>1</v>
      </c>
      <c r="K14723" s="2">
        <v>0</v>
      </c>
      <c r="L14723" t="s">
        <v>82</v>
      </c>
      <c r="M14723" t="s">
        <v>87</v>
      </c>
      <c r="N14723" t="s">
        <v>88</v>
      </c>
      <c r="O14723" t="s">
        <v>85</v>
      </c>
      <c r="P14723" t="s">
        <v>86</v>
      </c>
      <c r="Q14723">
        <v>26</v>
      </c>
      <c r="R14723">
        <v>27</v>
      </c>
      <c r="S14723">
        <v>27</v>
      </c>
      <c r="T14723">
        <v>27</v>
      </c>
      <c r="U14723">
        <v>28</v>
      </c>
      <c r="V14723">
        <v>28</v>
      </c>
      <c r="W14723">
        <v>29</v>
      </c>
      <c r="X14723">
        <v>29</v>
      </c>
      <c r="Y14723">
        <v>30</v>
      </c>
      <c r="Z14723">
        <v>30</v>
      </c>
      <c r="AA14723">
        <v>30</v>
      </c>
      <c r="AB14723">
        <v>31</v>
      </c>
      <c r="AC14723">
        <v>31</v>
      </c>
      <c r="AD14723">
        <v>32</v>
      </c>
      <c r="AE14723">
        <v>32</v>
      </c>
      <c r="AF14723">
        <v>33</v>
      </c>
      <c r="AG14723">
        <v>33</v>
      </c>
      <c r="AH14723">
        <v>34</v>
      </c>
      <c r="AI14723">
        <v>34</v>
      </c>
      <c r="AJ14723">
        <v>35</v>
      </c>
      <c r="AK14723">
        <v>35</v>
      </c>
      <c r="AL14723">
        <v>35</v>
      </c>
      <c r="AM14723">
        <v>36</v>
      </c>
      <c r="AN14723">
        <v>36</v>
      </c>
      <c r="AO14723">
        <v>37</v>
      </c>
      <c r="AP14723">
        <v>37</v>
      </c>
      <c r="AQ14723">
        <v>38</v>
      </c>
    </row>
    <row r="14724" spans="1:43">
      <c r="A14724" t="s">
        <v>9144</v>
      </c>
      <c r="B14724" t="s">
        <v>9145</v>
      </c>
      <c r="C14724" t="s">
        <v>9146</v>
      </c>
      <c r="D14724" t="s">
        <v>9147</v>
      </c>
      <c r="E14724" t="s">
        <v>8938</v>
      </c>
      <c r="F14724" t="s">
        <v>8939</v>
      </c>
      <c r="G14724" t="s">
        <v>80</v>
      </c>
      <c r="H14724" t="s">
        <v>81</v>
      </c>
      <c r="I14724" s="2">
        <v>0</v>
      </c>
      <c r="J14724" s="2">
        <v>1</v>
      </c>
      <c r="K14724" s="2">
        <v>0</v>
      </c>
      <c r="L14724" t="s">
        <v>82</v>
      </c>
      <c r="M14724" t="s">
        <v>89</v>
      </c>
      <c r="N14724" t="s">
        <v>90</v>
      </c>
      <c r="O14724" t="s">
        <v>85</v>
      </c>
      <c r="P14724" t="s">
        <v>86</v>
      </c>
      <c r="Q14724">
        <v>26</v>
      </c>
      <c r="R14724">
        <v>27</v>
      </c>
      <c r="S14724">
        <v>28</v>
      </c>
      <c r="T14724">
        <v>28</v>
      </c>
      <c r="U14724">
        <v>29</v>
      </c>
      <c r="V14724">
        <v>30</v>
      </c>
      <c r="W14724">
        <v>31</v>
      </c>
      <c r="X14724">
        <v>32</v>
      </c>
      <c r="Y14724">
        <v>33</v>
      </c>
      <c r="Z14724">
        <v>34</v>
      </c>
      <c r="AA14724">
        <v>34</v>
      </c>
      <c r="AB14724">
        <v>35</v>
      </c>
      <c r="AC14724">
        <v>36</v>
      </c>
      <c r="AD14724">
        <v>37</v>
      </c>
      <c r="AE14724">
        <v>38</v>
      </c>
      <c r="AF14724">
        <v>38</v>
      </c>
      <c r="AG14724">
        <v>39</v>
      </c>
      <c r="AH14724">
        <v>39</v>
      </c>
      <c r="AI14724">
        <v>40</v>
      </c>
      <c r="AJ14724">
        <v>40</v>
      </c>
      <c r="AK14724">
        <v>40</v>
      </c>
      <c r="AL14724">
        <v>41</v>
      </c>
      <c r="AM14724">
        <v>41</v>
      </c>
      <c r="AN14724">
        <v>42</v>
      </c>
      <c r="AO14724">
        <v>42</v>
      </c>
      <c r="AP14724">
        <v>42</v>
      </c>
      <c r="AQ14724">
        <v>43</v>
      </c>
    </row>
    <row r="14725" spans="1:43">
      <c r="A14725" t="s">
        <v>9144</v>
      </c>
      <c r="B14725" t="s">
        <v>9145</v>
      </c>
      <c r="C14725" t="s">
        <v>9146</v>
      </c>
      <c r="D14725" t="s">
        <v>9147</v>
      </c>
      <c r="E14725" t="s">
        <v>8938</v>
      </c>
      <c r="F14725" t="s">
        <v>8939</v>
      </c>
      <c r="G14725" t="s">
        <v>80</v>
      </c>
      <c r="H14725" t="s">
        <v>81</v>
      </c>
      <c r="I14725" s="2">
        <v>0</v>
      </c>
      <c r="J14725" s="2">
        <v>1</v>
      </c>
      <c r="K14725" s="2">
        <v>0</v>
      </c>
      <c r="L14725" t="s">
        <v>82</v>
      </c>
      <c r="M14725" t="s">
        <v>83</v>
      </c>
      <c r="N14725" t="s">
        <v>91</v>
      </c>
      <c r="O14725" t="s">
        <v>85</v>
      </c>
      <c r="P14725" t="s">
        <v>86</v>
      </c>
      <c r="Q14725">
        <v>26</v>
      </c>
      <c r="R14725">
        <v>26</v>
      </c>
      <c r="S14725">
        <v>27</v>
      </c>
      <c r="T14725">
        <v>27</v>
      </c>
      <c r="U14725">
        <v>28</v>
      </c>
      <c r="V14725">
        <v>29</v>
      </c>
      <c r="W14725">
        <v>30</v>
      </c>
      <c r="X14725">
        <v>30</v>
      </c>
      <c r="Y14725">
        <v>31</v>
      </c>
      <c r="Z14725">
        <v>32</v>
      </c>
      <c r="AA14725">
        <v>32</v>
      </c>
      <c r="AB14725">
        <v>33</v>
      </c>
      <c r="AC14725">
        <v>34</v>
      </c>
      <c r="AD14725">
        <v>35</v>
      </c>
      <c r="AE14725">
        <v>35</v>
      </c>
      <c r="AF14725">
        <v>36</v>
      </c>
      <c r="AG14725">
        <v>37</v>
      </c>
      <c r="AH14725">
        <v>38</v>
      </c>
      <c r="AI14725">
        <v>38</v>
      </c>
      <c r="AJ14725">
        <v>39</v>
      </c>
      <c r="AK14725">
        <v>40</v>
      </c>
      <c r="AL14725">
        <v>40</v>
      </c>
      <c r="AM14725">
        <v>41</v>
      </c>
      <c r="AN14725">
        <v>41</v>
      </c>
      <c r="AO14725">
        <v>42</v>
      </c>
      <c r="AP14725">
        <v>42</v>
      </c>
      <c r="AQ14725">
        <v>43</v>
      </c>
    </row>
    <row r="14726" spans="1:43">
      <c r="A14726" t="s">
        <v>9148</v>
      </c>
      <c r="B14726" t="s">
        <v>9149</v>
      </c>
      <c r="C14726" t="s">
        <v>9146</v>
      </c>
      <c r="D14726" t="s">
        <v>9147</v>
      </c>
      <c r="E14726" t="s">
        <v>8938</v>
      </c>
      <c r="F14726" t="s">
        <v>8939</v>
      </c>
      <c r="G14726" t="s">
        <v>80</v>
      </c>
      <c r="H14726" t="s">
        <v>81</v>
      </c>
      <c r="I14726" s="2">
        <v>0</v>
      </c>
      <c r="J14726" s="2">
        <v>1</v>
      </c>
      <c r="K14726" s="2">
        <v>0</v>
      </c>
      <c r="L14726" t="s">
        <v>82</v>
      </c>
      <c r="M14726" t="s">
        <v>83</v>
      </c>
      <c r="N14726" t="s">
        <v>84</v>
      </c>
      <c r="O14726" t="s">
        <v>85</v>
      </c>
      <c r="P14726" t="s">
        <v>86</v>
      </c>
      <c r="Q14726">
        <v>11</v>
      </c>
      <c r="R14726">
        <v>12</v>
      </c>
      <c r="S14726">
        <v>12</v>
      </c>
      <c r="T14726">
        <v>12</v>
      </c>
      <c r="U14726">
        <v>12</v>
      </c>
      <c r="V14726">
        <v>12</v>
      </c>
      <c r="W14726">
        <v>12</v>
      </c>
      <c r="X14726">
        <v>13</v>
      </c>
      <c r="Y14726">
        <v>13</v>
      </c>
      <c r="Z14726">
        <v>13</v>
      </c>
      <c r="AA14726">
        <v>13</v>
      </c>
      <c r="AB14726">
        <v>13</v>
      </c>
      <c r="AC14726">
        <v>13</v>
      </c>
      <c r="AD14726">
        <v>13</v>
      </c>
      <c r="AE14726">
        <v>14</v>
      </c>
      <c r="AF14726">
        <v>14</v>
      </c>
      <c r="AG14726">
        <v>14</v>
      </c>
      <c r="AH14726">
        <v>14</v>
      </c>
      <c r="AI14726">
        <v>14</v>
      </c>
      <c r="AJ14726">
        <v>14</v>
      </c>
      <c r="AK14726">
        <v>15</v>
      </c>
      <c r="AL14726">
        <v>15</v>
      </c>
      <c r="AM14726">
        <v>15</v>
      </c>
      <c r="AN14726">
        <v>15</v>
      </c>
      <c r="AO14726">
        <v>15</v>
      </c>
      <c r="AP14726">
        <v>15</v>
      </c>
      <c r="AQ14726">
        <v>15</v>
      </c>
    </row>
    <row r="14727" spans="1:43">
      <c r="A14727" t="s">
        <v>9148</v>
      </c>
      <c r="B14727" t="s">
        <v>9149</v>
      </c>
      <c r="C14727" t="s">
        <v>9146</v>
      </c>
      <c r="D14727" t="s">
        <v>9147</v>
      </c>
      <c r="E14727" t="s">
        <v>8938</v>
      </c>
      <c r="F14727" t="s">
        <v>8939</v>
      </c>
      <c r="G14727" t="s">
        <v>80</v>
      </c>
      <c r="H14727" t="s">
        <v>81</v>
      </c>
      <c r="I14727" s="2">
        <v>0</v>
      </c>
      <c r="J14727" s="2">
        <v>1</v>
      </c>
      <c r="K14727" s="2">
        <v>0</v>
      </c>
      <c r="L14727" t="s">
        <v>82</v>
      </c>
      <c r="M14727" t="s">
        <v>87</v>
      </c>
      <c r="N14727" t="s">
        <v>88</v>
      </c>
      <c r="O14727" t="s">
        <v>85</v>
      </c>
      <c r="P14727" t="s">
        <v>86</v>
      </c>
      <c r="Q14727">
        <v>11</v>
      </c>
      <c r="R14727">
        <v>11</v>
      </c>
      <c r="S14727">
        <v>11</v>
      </c>
      <c r="T14727">
        <v>11</v>
      </c>
      <c r="U14727">
        <v>11</v>
      </c>
      <c r="V14727">
        <v>12</v>
      </c>
      <c r="W14727">
        <v>12</v>
      </c>
      <c r="X14727">
        <v>12</v>
      </c>
      <c r="Y14727">
        <v>12</v>
      </c>
      <c r="Z14727">
        <v>12</v>
      </c>
      <c r="AA14727">
        <v>12</v>
      </c>
      <c r="AB14727">
        <v>12</v>
      </c>
      <c r="AC14727">
        <v>12</v>
      </c>
      <c r="AD14727">
        <v>12</v>
      </c>
      <c r="AE14727">
        <v>12</v>
      </c>
      <c r="AF14727">
        <v>12</v>
      </c>
      <c r="AG14727">
        <v>12</v>
      </c>
      <c r="AH14727">
        <v>12</v>
      </c>
      <c r="AI14727">
        <v>12</v>
      </c>
      <c r="AJ14727">
        <v>12</v>
      </c>
      <c r="AK14727">
        <v>12</v>
      </c>
      <c r="AL14727">
        <v>12</v>
      </c>
      <c r="AM14727">
        <v>13</v>
      </c>
      <c r="AN14727">
        <v>13</v>
      </c>
      <c r="AO14727">
        <v>13</v>
      </c>
      <c r="AP14727">
        <v>13</v>
      </c>
      <c r="AQ14727">
        <v>13</v>
      </c>
    </row>
    <row r="14728" spans="1:43">
      <c r="A14728" t="s">
        <v>9148</v>
      </c>
      <c r="B14728" t="s">
        <v>9149</v>
      </c>
      <c r="C14728" t="s">
        <v>9146</v>
      </c>
      <c r="D14728" t="s">
        <v>9147</v>
      </c>
      <c r="E14728" t="s">
        <v>8938</v>
      </c>
      <c r="F14728" t="s">
        <v>8939</v>
      </c>
      <c r="G14728" t="s">
        <v>80</v>
      </c>
      <c r="H14728" t="s">
        <v>81</v>
      </c>
      <c r="I14728" s="2">
        <v>0</v>
      </c>
      <c r="J14728" s="2">
        <v>1</v>
      </c>
      <c r="K14728" s="2">
        <v>0</v>
      </c>
      <c r="L14728" t="s">
        <v>82</v>
      </c>
      <c r="M14728" t="s">
        <v>89</v>
      </c>
      <c r="N14728" t="s">
        <v>90</v>
      </c>
      <c r="O14728" t="s">
        <v>85</v>
      </c>
      <c r="P14728" t="s">
        <v>86</v>
      </c>
      <c r="Q14728">
        <v>11</v>
      </c>
      <c r="R14728">
        <v>12</v>
      </c>
      <c r="S14728">
        <v>12</v>
      </c>
      <c r="T14728">
        <v>12</v>
      </c>
      <c r="U14728">
        <v>12</v>
      </c>
      <c r="V14728">
        <v>13</v>
      </c>
      <c r="W14728">
        <v>13</v>
      </c>
      <c r="X14728">
        <v>13</v>
      </c>
      <c r="Y14728">
        <v>13</v>
      </c>
      <c r="Z14728">
        <v>14</v>
      </c>
      <c r="AA14728">
        <v>14</v>
      </c>
      <c r="AB14728">
        <v>14</v>
      </c>
      <c r="AC14728">
        <v>14</v>
      </c>
      <c r="AD14728">
        <v>14</v>
      </c>
      <c r="AE14728">
        <v>15</v>
      </c>
      <c r="AF14728">
        <v>15</v>
      </c>
      <c r="AG14728">
        <v>15</v>
      </c>
      <c r="AH14728">
        <v>15</v>
      </c>
      <c r="AI14728">
        <v>15</v>
      </c>
      <c r="AJ14728">
        <v>15</v>
      </c>
      <c r="AK14728">
        <v>15</v>
      </c>
      <c r="AL14728">
        <v>15</v>
      </c>
      <c r="AM14728">
        <v>15</v>
      </c>
      <c r="AN14728">
        <v>15</v>
      </c>
      <c r="AO14728">
        <v>15</v>
      </c>
      <c r="AP14728">
        <v>15</v>
      </c>
      <c r="AQ14728">
        <v>15</v>
      </c>
    </row>
    <row r="14729" spans="1:43">
      <c r="A14729" t="s">
        <v>9148</v>
      </c>
      <c r="B14729" t="s">
        <v>9149</v>
      </c>
      <c r="C14729" t="s">
        <v>9146</v>
      </c>
      <c r="D14729" t="s">
        <v>9147</v>
      </c>
      <c r="E14729" t="s">
        <v>8938</v>
      </c>
      <c r="F14729" t="s">
        <v>8939</v>
      </c>
      <c r="G14729" t="s">
        <v>80</v>
      </c>
      <c r="H14729" t="s">
        <v>81</v>
      </c>
      <c r="I14729" s="2">
        <v>0</v>
      </c>
      <c r="J14729" s="2">
        <v>1</v>
      </c>
      <c r="K14729" s="2">
        <v>0</v>
      </c>
      <c r="L14729" t="s">
        <v>82</v>
      </c>
      <c r="M14729" t="s">
        <v>83</v>
      </c>
      <c r="N14729" t="s">
        <v>91</v>
      </c>
      <c r="O14729" t="s">
        <v>85</v>
      </c>
      <c r="P14729" t="s">
        <v>86</v>
      </c>
      <c r="Q14729">
        <v>11</v>
      </c>
      <c r="R14729">
        <v>12</v>
      </c>
      <c r="S14729">
        <v>12</v>
      </c>
      <c r="T14729">
        <v>12</v>
      </c>
      <c r="U14729">
        <v>12</v>
      </c>
      <c r="V14729">
        <v>12</v>
      </c>
      <c r="W14729">
        <v>12</v>
      </c>
      <c r="X14729">
        <v>13</v>
      </c>
      <c r="Y14729">
        <v>13</v>
      </c>
      <c r="Z14729">
        <v>13</v>
      </c>
      <c r="AA14729">
        <v>13</v>
      </c>
      <c r="AB14729">
        <v>13</v>
      </c>
      <c r="AC14729">
        <v>13</v>
      </c>
      <c r="AD14729">
        <v>13</v>
      </c>
      <c r="AE14729">
        <v>14</v>
      </c>
      <c r="AF14729">
        <v>14</v>
      </c>
      <c r="AG14729">
        <v>14</v>
      </c>
      <c r="AH14729">
        <v>14</v>
      </c>
      <c r="AI14729">
        <v>14</v>
      </c>
      <c r="AJ14729">
        <v>14</v>
      </c>
      <c r="AK14729">
        <v>15</v>
      </c>
      <c r="AL14729">
        <v>15</v>
      </c>
      <c r="AM14729">
        <v>15</v>
      </c>
      <c r="AN14729">
        <v>15</v>
      </c>
      <c r="AO14729">
        <v>15</v>
      </c>
      <c r="AP14729">
        <v>15</v>
      </c>
      <c r="AQ14729">
        <v>15</v>
      </c>
    </row>
    <row r="14730" spans="1:43">
      <c r="A14730" t="s">
        <v>9150</v>
      </c>
      <c r="B14730" t="s">
        <v>9151</v>
      </c>
      <c r="C14730" t="s">
        <v>9146</v>
      </c>
      <c r="D14730" t="s">
        <v>9147</v>
      </c>
      <c r="E14730" t="s">
        <v>8938</v>
      </c>
      <c r="F14730" t="s">
        <v>8939</v>
      </c>
      <c r="G14730" t="s">
        <v>80</v>
      </c>
      <c r="H14730" t="s">
        <v>81</v>
      </c>
      <c r="I14730" s="2">
        <v>0</v>
      </c>
      <c r="J14730" s="2">
        <v>1</v>
      </c>
      <c r="K14730" s="2">
        <v>0</v>
      </c>
      <c r="L14730" t="s">
        <v>82</v>
      </c>
      <c r="M14730" t="s">
        <v>83</v>
      </c>
      <c r="N14730" t="s">
        <v>84</v>
      </c>
      <c r="O14730" t="s">
        <v>85</v>
      </c>
      <c r="P14730" t="s">
        <v>86</v>
      </c>
      <c r="Q14730">
        <v>64</v>
      </c>
      <c r="R14730">
        <v>66</v>
      </c>
      <c r="S14730">
        <v>68</v>
      </c>
      <c r="T14730">
        <v>69</v>
      </c>
      <c r="U14730">
        <v>71</v>
      </c>
      <c r="V14730">
        <v>73</v>
      </c>
      <c r="W14730">
        <v>75</v>
      </c>
      <c r="X14730">
        <v>76</v>
      </c>
      <c r="Y14730">
        <v>78</v>
      </c>
      <c r="Z14730">
        <v>80</v>
      </c>
      <c r="AA14730">
        <v>82</v>
      </c>
      <c r="AB14730">
        <v>84</v>
      </c>
      <c r="AC14730">
        <v>86</v>
      </c>
      <c r="AD14730">
        <v>87</v>
      </c>
      <c r="AE14730">
        <v>89</v>
      </c>
      <c r="AF14730">
        <v>91</v>
      </c>
      <c r="AG14730">
        <v>93</v>
      </c>
      <c r="AH14730">
        <v>95</v>
      </c>
      <c r="AI14730">
        <v>97</v>
      </c>
      <c r="AJ14730">
        <v>99</v>
      </c>
      <c r="AK14730">
        <v>101</v>
      </c>
      <c r="AL14730">
        <v>102</v>
      </c>
      <c r="AM14730">
        <v>103</v>
      </c>
      <c r="AN14730">
        <v>104</v>
      </c>
      <c r="AO14730">
        <v>105</v>
      </c>
      <c r="AP14730">
        <v>106</v>
      </c>
      <c r="AQ14730">
        <v>107</v>
      </c>
    </row>
    <row r="14731" spans="1:43">
      <c r="A14731" t="s">
        <v>9150</v>
      </c>
      <c r="B14731" t="s">
        <v>9151</v>
      </c>
      <c r="C14731" t="s">
        <v>9146</v>
      </c>
      <c r="D14731" t="s">
        <v>9147</v>
      </c>
      <c r="E14731" t="s">
        <v>8938</v>
      </c>
      <c r="F14731" t="s">
        <v>8939</v>
      </c>
      <c r="G14731" t="s">
        <v>80</v>
      </c>
      <c r="H14731" t="s">
        <v>81</v>
      </c>
      <c r="I14731" s="2">
        <v>0</v>
      </c>
      <c r="J14731" s="2">
        <v>1</v>
      </c>
      <c r="K14731" s="2">
        <v>0</v>
      </c>
      <c r="L14731" t="s">
        <v>82</v>
      </c>
      <c r="M14731" t="s">
        <v>87</v>
      </c>
      <c r="N14731" t="s">
        <v>88</v>
      </c>
      <c r="O14731" t="s">
        <v>85</v>
      </c>
      <c r="P14731" t="s">
        <v>86</v>
      </c>
      <c r="Q14731">
        <v>64</v>
      </c>
      <c r="R14731">
        <v>65</v>
      </c>
      <c r="S14731">
        <v>66</v>
      </c>
      <c r="T14731">
        <v>67</v>
      </c>
      <c r="U14731">
        <v>68</v>
      </c>
      <c r="V14731">
        <v>69</v>
      </c>
      <c r="W14731">
        <v>70</v>
      </c>
      <c r="X14731">
        <v>71</v>
      </c>
      <c r="Y14731">
        <v>72</v>
      </c>
      <c r="Z14731">
        <v>73</v>
      </c>
      <c r="AA14731">
        <v>74</v>
      </c>
      <c r="AB14731">
        <v>76</v>
      </c>
      <c r="AC14731">
        <v>77</v>
      </c>
      <c r="AD14731">
        <v>78</v>
      </c>
      <c r="AE14731">
        <v>79</v>
      </c>
      <c r="AF14731">
        <v>80</v>
      </c>
      <c r="AG14731">
        <v>81</v>
      </c>
      <c r="AH14731">
        <v>82</v>
      </c>
      <c r="AI14731">
        <v>84</v>
      </c>
      <c r="AJ14731">
        <v>85</v>
      </c>
      <c r="AK14731">
        <v>86</v>
      </c>
      <c r="AL14731">
        <v>87</v>
      </c>
      <c r="AM14731">
        <v>88</v>
      </c>
      <c r="AN14731">
        <v>90</v>
      </c>
      <c r="AO14731">
        <v>91</v>
      </c>
      <c r="AP14731">
        <v>92</v>
      </c>
      <c r="AQ14731">
        <v>93</v>
      </c>
    </row>
    <row r="14732" spans="1:43">
      <c r="A14732" t="s">
        <v>9150</v>
      </c>
      <c r="B14732" t="s">
        <v>9151</v>
      </c>
      <c r="C14732" t="s">
        <v>9146</v>
      </c>
      <c r="D14732" t="s">
        <v>9147</v>
      </c>
      <c r="E14732" t="s">
        <v>8938</v>
      </c>
      <c r="F14732" t="s">
        <v>8939</v>
      </c>
      <c r="G14732" t="s">
        <v>80</v>
      </c>
      <c r="H14732" t="s">
        <v>81</v>
      </c>
      <c r="I14732" s="2">
        <v>0</v>
      </c>
      <c r="J14732" s="2">
        <v>1</v>
      </c>
      <c r="K14732" s="2">
        <v>0</v>
      </c>
      <c r="L14732" t="s">
        <v>82</v>
      </c>
      <c r="M14732" t="s">
        <v>89</v>
      </c>
      <c r="N14732" t="s">
        <v>90</v>
      </c>
      <c r="O14732" t="s">
        <v>85</v>
      </c>
      <c r="P14732" t="s">
        <v>86</v>
      </c>
      <c r="Q14732">
        <v>64</v>
      </c>
      <c r="R14732">
        <v>66</v>
      </c>
      <c r="S14732">
        <v>68</v>
      </c>
      <c r="T14732">
        <v>71</v>
      </c>
      <c r="U14732">
        <v>73</v>
      </c>
      <c r="V14732">
        <v>75</v>
      </c>
      <c r="W14732">
        <v>77</v>
      </c>
      <c r="X14732">
        <v>80</v>
      </c>
      <c r="Y14732">
        <v>82</v>
      </c>
      <c r="Z14732">
        <v>84</v>
      </c>
      <c r="AA14732">
        <v>86</v>
      </c>
      <c r="AB14732">
        <v>88</v>
      </c>
      <c r="AC14732">
        <v>91</v>
      </c>
      <c r="AD14732">
        <v>93</v>
      </c>
      <c r="AE14732">
        <v>95</v>
      </c>
      <c r="AF14732">
        <v>96</v>
      </c>
      <c r="AG14732">
        <v>97</v>
      </c>
      <c r="AH14732">
        <v>98</v>
      </c>
      <c r="AI14732">
        <v>99</v>
      </c>
      <c r="AJ14732">
        <v>100</v>
      </c>
      <c r="AK14732">
        <v>101</v>
      </c>
      <c r="AL14732">
        <v>102</v>
      </c>
      <c r="AM14732">
        <v>103</v>
      </c>
      <c r="AN14732">
        <v>104</v>
      </c>
      <c r="AO14732">
        <v>105</v>
      </c>
      <c r="AP14732">
        <v>106</v>
      </c>
      <c r="AQ14732">
        <v>107</v>
      </c>
    </row>
    <row r="14733" spans="1:43">
      <c r="A14733" t="s">
        <v>9150</v>
      </c>
      <c r="B14733" t="s">
        <v>9151</v>
      </c>
      <c r="C14733" t="s">
        <v>9146</v>
      </c>
      <c r="D14733" t="s">
        <v>9147</v>
      </c>
      <c r="E14733" t="s">
        <v>8938</v>
      </c>
      <c r="F14733" t="s">
        <v>8939</v>
      </c>
      <c r="G14733" t="s">
        <v>80</v>
      </c>
      <c r="H14733" t="s">
        <v>81</v>
      </c>
      <c r="I14733" s="2">
        <v>0</v>
      </c>
      <c r="J14733" s="2">
        <v>1</v>
      </c>
      <c r="K14733" s="2">
        <v>0</v>
      </c>
      <c r="L14733" t="s">
        <v>82</v>
      </c>
      <c r="M14733" t="s">
        <v>83</v>
      </c>
      <c r="N14733" t="s">
        <v>91</v>
      </c>
      <c r="O14733" t="s">
        <v>85</v>
      </c>
      <c r="P14733" t="s">
        <v>86</v>
      </c>
      <c r="Q14733">
        <v>64</v>
      </c>
      <c r="R14733">
        <v>66</v>
      </c>
      <c r="S14733">
        <v>68</v>
      </c>
      <c r="T14733">
        <v>69</v>
      </c>
      <c r="U14733">
        <v>71</v>
      </c>
      <c r="V14733">
        <v>73</v>
      </c>
      <c r="W14733">
        <v>75</v>
      </c>
      <c r="X14733">
        <v>76</v>
      </c>
      <c r="Y14733">
        <v>78</v>
      </c>
      <c r="Z14733">
        <v>80</v>
      </c>
      <c r="AA14733">
        <v>82</v>
      </c>
      <c r="AB14733">
        <v>84</v>
      </c>
      <c r="AC14733">
        <v>86</v>
      </c>
      <c r="AD14733">
        <v>87</v>
      </c>
      <c r="AE14733">
        <v>89</v>
      </c>
      <c r="AF14733">
        <v>91</v>
      </c>
      <c r="AG14733">
        <v>93</v>
      </c>
      <c r="AH14733">
        <v>95</v>
      </c>
      <c r="AI14733">
        <v>97</v>
      </c>
      <c r="AJ14733">
        <v>99</v>
      </c>
      <c r="AK14733">
        <v>101</v>
      </c>
      <c r="AL14733">
        <v>102</v>
      </c>
      <c r="AM14733">
        <v>103</v>
      </c>
      <c r="AN14733">
        <v>104</v>
      </c>
      <c r="AO14733">
        <v>105</v>
      </c>
      <c r="AP14733">
        <v>106</v>
      </c>
      <c r="AQ14733">
        <v>107</v>
      </c>
    </row>
    <row r="14734" spans="1:43">
      <c r="A14734" t="s">
        <v>9152</v>
      </c>
      <c r="B14734" t="s">
        <v>9153</v>
      </c>
      <c r="C14734" t="s">
        <v>9140</v>
      </c>
      <c r="D14734" t="s">
        <v>9141</v>
      </c>
      <c r="E14734" t="s">
        <v>8938</v>
      </c>
      <c r="F14734" t="s">
        <v>8939</v>
      </c>
      <c r="G14734" t="s">
        <v>80</v>
      </c>
      <c r="H14734" t="s">
        <v>81</v>
      </c>
      <c r="I14734" s="2">
        <v>0</v>
      </c>
      <c r="J14734" s="2">
        <v>1</v>
      </c>
      <c r="K14734" s="2">
        <v>0</v>
      </c>
      <c r="L14734" t="s">
        <v>82</v>
      </c>
      <c r="M14734" t="s">
        <v>83</v>
      </c>
      <c r="N14734" t="s">
        <v>84</v>
      </c>
      <c r="O14734" t="s">
        <v>85</v>
      </c>
      <c r="P14734" t="s">
        <v>86</v>
      </c>
      <c r="Q14734">
        <v>123</v>
      </c>
      <c r="R14734">
        <v>126</v>
      </c>
      <c r="S14734">
        <v>129</v>
      </c>
      <c r="T14734">
        <v>132</v>
      </c>
      <c r="U14734">
        <v>135</v>
      </c>
      <c r="V14734">
        <v>138</v>
      </c>
      <c r="W14734">
        <v>142</v>
      </c>
      <c r="X14734">
        <v>145</v>
      </c>
      <c r="Y14734">
        <v>148</v>
      </c>
      <c r="Z14734">
        <v>152</v>
      </c>
      <c r="AA14734">
        <v>155</v>
      </c>
      <c r="AB14734">
        <v>159</v>
      </c>
      <c r="AC14734">
        <v>162</v>
      </c>
      <c r="AD14734">
        <v>166</v>
      </c>
      <c r="AE14734">
        <v>169</v>
      </c>
      <c r="AF14734">
        <v>173</v>
      </c>
      <c r="AG14734">
        <v>176</v>
      </c>
      <c r="AH14734">
        <v>180</v>
      </c>
      <c r="AI14734">
        <v>184</v>
      </c>
      <c r="AJ14734">
        <v>187</v>
      </c>
      <c r="AK14734">
        <v>191</v>
      </c>
      <c r="AL14734">
        <v>194</v>
      </c>
      <c r="AM14734">
        <v>196</v>
      </c>
      <c r="AN14734">
        <v>198</v>
      </c>
      <c r="AO14734">
        <v>200</v>
      </c>
      <c r="AP14734">
        <v>202</v>
      </c>
      <c r="AQ14734">
        <v>204</v>
      </c>
    </row>
    <row r="14735" spans="1:43">
      <c r="A14735" t="s">
        <v>9152</v>
      </c>
      <c r="B14735" t="s">
        <v>9153</v>
      </c>
      <c r="C14735" t="s">
        <v>9140</v>
      </c>
      <c r="D14735" t="s">
        <v>9141</v>
      </c>
      <c r="E14735" t="s">
        <v>8938</v>
      </c>
      <c r="F14735" t="s">
        <v>8939</v>
      </c>
      <c r="G14735" t="s">
        <v>80</v>
      </c>
      <c r="H14735" t="s">
        <v>81</v>
      </c>
      <c r="I14735" s="2">
        <v>0</v>
      </c>
      <c r="J14735" s="2">
        <v>1</v>
      </c>
      <c r="K14735" s="2">
        <v>0</v>
      </c>
      <c r="L14735" t="s">
        <v>82</v>
      </c>
      <c r="M14735" t="s">
        <v>87</v>
      </c>
      <c r="N14735" t="s">
        <v>88</v>
      </c>
      <c r="O14735" t="s">
        <v>85</v>
      </c>
      <c r="P14735" t="s">
        <v>86</v>
      </c>
      <c r="Q14735">
        <v>123</v>
      </c>
      <c r="R14735">
        <v>125</v>
      </c>
      <c r="S14735">
        <v>127</v>
      </c>
      <c r="T14735">
        <v>129</v>
      </c>
      <c r="U14735">
        <v>131</v>
      </c>
      <c r="V14735">
        <v>133</v>
      </c>
      <c r="W14735">
        <v>135</v>
      </c>
      <c r="X14735">
        <v>137</v>
      </c>
      <c r="Y14735">
        <v>139</v>
      </c>
      <c r="Z14735">
        <v>141</v>
      </c>
      <c r="AA14735">
        <v>143</v>
      </c>
      <c r="AB14735">
        <v>145</v>
      </c>
      <c r="AC14735">
        <v>147</v>
      </c>
      <c r="AD14735">
        <v>149</v>
      </c>
      <c r="AE14735">
        <v>151</v>
      </c>
      <c r="AF14735">
        <v>154</v>
      </c>
      <c r="AG14735">
        <v>156</v>
      </c>
      <c r="AH14735">
        <v>158</v>
      </c>
      <c r="AI14735">
        <v>160</v>
      </c>
      <c r="AJ14735">
        <v>162</v>
      </c>
      <c r="AK14735">
        <v>164</v>
      </c>
      <c r="AL14735">
        <v>167</v>
      </c>
      <c r="AM14735">
        <v>169</v>
      </c>
      <c r="AN14735">
        <v>171</v>
      </c>
      <c r="AO14735">
        <v>173</v>
      </c>
      <c r="AP14735">
        <v>176</v>
      </c>
      <c r="AQ14735">
        <v>178</v>
      </c>
    </row>
    <row r="14736" spans="1:43">
      <c r="A14736" t="s">
        <v>9152</v>
      </c>
      <c r="B14736" t="s">
        <v>9153</v>
      </c>
      <c r="C14736" t="s">
        <v>9140</v>
      </c>
      <c r="D14736" t="s">
        <v>9141</v>
      </c>
      <c r="E14736" t="s">
        <v>8938</v>
      </c>
      <c r="F14736" t="s">
        <v>8939</v>
      </c>
      <c r="G14736" t="s">
        <v>80</v>
      </c>
      <c r="H14736" t="s">
        <v>81</v>
      </c>
      <c r="I14736" s="2">
        <v>0</v>
      </c>
      <c r="J14736" s="2">
        <v>1</v>
      </c>
      <c r="K14736" s="2">
        <v>0</v>
      </c>
      <c r="L14736" t="s">
        <v>82</v>
      </c>
      <c r="M14736" t="s">
        <v>89</v>
      </c>
      <c r="N14736" t="s">
        <v>90</v>
      </c>
      <c r="O14736" t="s">
        <v>85</v>
      </c>
      <c r="P14736" t="s">
        <v>86</v>
      </c>
      <c r="Q14736">
        <v>123</v>
      </c>
      <c r="R14736">
        <v>127</v>
      </c>
      <c r="S14736">
        <v>131</v>
      </c>
      <c r="T14736">
        <v>135</v>
      </c>
      <c r="U14736">
        <v>139</v>
      </c>
      <c r="V14736">
        <v>144</v>
      </c>
      <c r="W14736">
        <v>148</v>
      </c>
      <c r="X14736">
        <v>152</v>
      </c>
      <c r="Y14736">
        <v>156</v>
      </c>
      <c r="Z14736">
        <v>160</v>
      </c>
      <c r="AA14736">
        <v>164</v>
      </c>
      <c r="AB14736">
        <v>169</v>
      </c>
      <c r="AC14736">
        <v>173</v>
      </c>
      <c r="AD14736">
        <v>177</v>
      </c>
      <c r="AE14736">
        <v>181</v>
      </c>
      <c r="AF14736">
        <v>183</v>
      </c>
      <c r="AG14736">
        <v>185</v>
      </c>
      <c r="AH14736">
        <v>187</v>
      </c>
      <c r="AI14736">
        <v>189</v>
      </c>
      <c r="AJ14736">
        <v>191</v>
      </c>
      <c r="AK14736">
        <v>193</v>
      </c>
      <c r="AL14736">
        <v>195</v>
      </c>
      <c r="AM14736">
        <v>197</v>
      </c>
      <c r="AN14736">
        <v>199</v>
      </c>
      <c r="AO14736">
        <v>201</v>
      </c>
      <c r="AP14736">
        <v>203</v>
      </c>
      <c r="AQ14736">
        <v>205</v>
      </c>
    </row>
    <row r="14737" spans="1:43">
      <c r="A14737" t="s">
        <v>9152</v>
      </c>
      <c r="B14737" t="s">
        <v>9153</v>
      </c>
      <c r="C14737" t="s">
        <v>9140</v>
      </c>
      <c r="D14737" t="s">
        <v>9141</v>
      </c>
      <c r="E14737" t="s">
        <v>8938</v>
      </c>
      <c r="F14737" t="s">
        <v>8939</v>
      </c>
      <c r="G14737" t="s">
        <v>80</v>
      </c>
      <c r="H14737" t="s">
        <v>81</v>
      </c>
      <c r="I14737" s="2">
        <v>0</v>
      </c>
      <c r="J14737" s="2">
        <v>1</v>
      </c>
      <c r="K14737" s="2">
        <v>0</v>
      </c>
      <c r="L14737" t="s">
        <v>82</v>
      </c>
      <c r="M14737" t="s">
        <v>83</v>
      </c>
      <c r="N14737" t="s">
        <v>91</v>
      </c>
      <c r="O14737" t="s">
        <v>85</v>
      </c>
      <c r="P14737" t="s">
        <v>86</v>
      </c>
      <c r="Q14737">
        <v>123</v>
      </c>
      <c r="R14737">
        <v>126</v>
      </c>
      <c r="S14737">
        <v>129</v>
      </c>
      <c r="T14737">
        <v>132</v>
      </c>
      <c r="U14737">
        <v>135</v>
      </c>
      <c r="V14737">
        <v>138</v>
      </c>
      <c r="W14737">
        <v>142</v>
      </c>
      <c r="X14737">
        <v>145</v>
      </c>
      <c r="Y14737">
        <v>148</v>
      </c>
      <c r="Z14737">
        <v>152</v>
      </c>
      <c r="AA14737">
        <v>155</v>
      </c>
      <c r="AB14737">
        <v>159</v>
      </c>
      <c r="AC14737">
        <v>162</v>
      </c>
      <c r="AD14737">
        <v>166</v>
      </c>
      <c r="AE14737">
        <v>169</v>
      </c>
      <c r="AF14737">
        <v>173</v>
      </c>
      <c r="AG14737">
        <v>176</v>
      </c>
      <c r="AH14737">
        <v>180</v>
      </c>
      <c r="AI14737">
        <v>184</v>
      </c>
      <c r="AJ14737">
        <v>187</v>
      </c>
      <c r="AK14737">
        <v>191</v>
      </c>
      <c r="AL14737">
        <v>194</v>
      </c>
      <c r="AM14737">
        <v>196</v>
      </c>
      <c r="AN14737">
        <v>198</v>
      </c>
      <c r="AO14737">
        <v>200</v>
      </c>
      <c r="AP14737">
        <v>202</v>
      </c>
      <c r="AQ14737">
        <v>204</v>
      </c>
    </row>
    <row r="14738" spans="1:43">
      <c r="A14738" t="s">
        <v>9154</v>
      </c>
      <c r="B14738" t="s">
        <v>9155</v>
      </c>
      <c r="C14738" t="s">
        <v>9140</v>
      </c>
      <c r="D14738" t="s">
        <v>9141</v>
      </c>
      <c r="E14738" t="s">
        <v>8938</v>
      </c>
      <c r="F14738" t="s">
        <v>8939</v>
      </c>
      <c r="G14738" t="s">
        <v>80</v>
      </c>
      <c r="H14738" t="s">
        <v>81</v>
      </c>
      <c r="I14738" s="2">
        <v>0</v>
      </c>
      <c r="J14738" s="2">
        <v>1</v>
      </c>
      <c r="K14738" s="2">
        <v>0</v>
      </c>
      <c r="L14738" t="s">
        <v>82</v>
      </c>
      <c r="M14738" t="s">
        <v>83</v>
      </c>
      <c r="N14738" t="s">
        <v>84</v>
      </c>
      <c r="O14738" t="s">
        <v>85</v>
      </c>
      <c r="P14738" t="s">
        <v>86</v>
      </c>
      <c r="Q14738">
        <v>26</v>
      </c>
      <c r="R14738">
        <v>27</v>
      </c>
      <c r="S14738">
        <v>27</v>
      </c>
      <c r="T14738">
        <v>28</v>
      </c>
      <c r="U14738">
        <v>29</v>
      </c>
      <c r="V14738">
        <v>29</v>
      </c>
      <c r="W14738">
        <v>30</v>
      </c>
      <c r="X14738">
        <v>31</v>
      </c>
      <c r="Y14738">
        <v>32</v>
      </c>
      <c r="Z14738">
        <v>32</v>
      </c>
      <c r="AA14738">
        <v>33</v>
      </c>
      <c r="AB14738">
        <v>34</v>
      </c>
      <c r="AC14738">
        <v>35</v>
      </c>
      <c r="AD14738">
        <v>35</v>
      </c>
      <c r="AE14738">
        <v>36</v>
      </c>
      <c r="AF14738">
        <v>37</v>
      </c>
      <c r="AG14738">
        <v>38</v>
      </c>
      <c r="AH14738">
        <v>38</v>
      </c>
      <c r="AI14738">
        <v>39</v>
      </c>
      <c r="AJ14738">
        <v>40</v>
      </c>
      <c r="AK14738">
        <v>41</v>
      </c>
      <c r="AL14738">
        <v>41</v>
      </c>
      <c r="AM14738">
        <v>42</v>
      </c>
      <c r="AN14738">
        <v>42</v>
      </c>
      <c r="AO14738">
        <v>43</v>
      </c>
      <c r="AP14738">
        <v>43</v>
      </c>
      <c r="AQ14738">
        <v>44</v>
      </c>
    </row>
    <row r="14739" spans="1:43">
      <c r="A14739" t="s">
        <v>9154</v>
      </c>
      <c r="B14739" t="s">
        <v>9155</v>
      </c>
      <c r="C14739" t="s">
        <v>9140</v>
      </c>
      <c r="D14739" t="s">
        <v>9141</v>
      </c>
      <c r="E14739" t="s">
        <v>8938</v>
      </c>
      <c r="F14739" t="s">
        <v>8939</v>
      </c>
      <c r="G14739" t="s">
        <v>80</v>
      </c>
      <c r="H14739" t="s">
        <v>81</v>
      </c>
      <c r="I14739" s="2">
        <v>0</v>
      </c>
      <c r="J14739" s="2">
        <v>1</v>
      </c>
      <c r="K14739" s="2">
        <v>0</v>
      </c>
      <c r="L14739" t="s">
        <v>82</v>
      </c>
      <c r="M14739" t="s">
        <v>87</v>
      </c>
      <c r="N14739" t="s">
        <v>88</v>
      </c>
      <c r="O14739" t="s">
        <v>85</v>
      </c>
      <c r="P14739" t="s">
        <v>86</v>
      </c>
      <c r="Q14739">
        <v>26</v>
      </c>
      <c r="R14739">
        <v>26</v>
      </c>
      <c r="S14739">
        <v>27</v>
      </c>
      <c r="T14739">
        <v>27</v>
      </c>
      <c r="U14739">
        <v>28</v>
      </c>
      <c r="V14739">
        <v>28</v>
      </c>
      <c r="W14739">
        <v>28</v>
      </c>
      <c r="X14739">
        <v>29</v>
      </c>
      <c r="Y14739">
        <v>29</v>
      </c>
      <c r="Z14739">
        <v>30</v>
      </c>
      <c r="AA14739">
        <v>30</v>
      </c>
      <c r="AB14739">
        <v>31</v>
      </c>
      <c r="AC14739">
        <v>31</v>
      </c>
      <c r="AD14739">
        <v>32</v>
      </c>
      <c r="AE14739">
        <v>32</v>
      </c>
      <c r="AF14739">
        <v>32</v>
      </c>
      <c r="AG14739">
        <v>33</v>
      </c>
      <c r="AH14739">
        <v>33</v>
      </c>
      <c r="AI14739">
        <v>34</v>
      </c>
      <c r="AJ14739">
        <v>34</v>
      </c>
      <c r="AK14739">
        <v>35</v>
      </c>
      <c r="AL14739">
        <v>35</v>
      </c>
      <c r="AM14739">
        <v>36</v>
      </c>
      <c r="AN14739">
        <v>36</v>
      </c>
      <c r="AO14739">
        <v>37</v>
      </c>
      <c r="AP14739">
        <v>37</v>
      </c>
      <c r="AQ14739">
        <v>38</v>
      </c>
    </row>
    <row r="14740" spans="1:43">
      <c r="A14740" t="s">
        <v>9154</v>
      </c>
      <c r="B14740" t="s">
        <v>9155</v>
      </c>
      <c r="C14740" t="s">
        <v>9140</v>
      </c>
      <c r="D14740" t="s">
        <v>9141</v>
      </c>
      <c r="E14740" t="s">
        <v>8938</v>
      </c>
      <c r="F14740" t="s">
        <v>8939</v>
      </c>
      <c r="G14740" t="s">
        <v>80</v>
      </c>
      <c r="H14740" t="s">
        <v>81</v>
      </c>
      <c r="I14740" s="2">
        <v>0</v>
      </c>
      <c r="J14740" s="2">
        <v>1</v>
      </c>
      <c r="K14740" s="2">
        <v>0</v>
      </c>
      <c r="L14740" t="s">
        <v>82</v>
      </c>
      <c r="M14740" t="s">
        <v>89</v>
      </c>
      <c r="N14740" t="s">
        <v>90</v>
      </c>
      <c r="O14740" t="s">
        <v>85</v>
      </c>
      <c r="P14740" t="s">
        <v>86</v>
      </c>
      <c r="Q14740">
        <v>26</v>
      </c>
      <c r="R14740">
        <v>27</v>
      </c>
      <c r="S14740">
        <v>28</v>
      </c>
      <c r="T14740">
        <v>29</v>
      </c>
      <c r="U14740">
        <v>30</v>
      </c>
      <c r="V14740">
        <v>31</v>
      </c>
      <c r="W14740">
        <v>32</v>
      </c>
      <c r="X14740">
        <v>33</v>
      </c>
      <c r="Y14740">
        <v>34</v>
      </c>
      <c r="Z14740">
        <v>34</v>
      </c>
      <c r="AA14740">
        <v>35</v>
      </c>
      <c r="AB14740">
        <v>36</v>
      </c>
      <c r="AC14740">
        <v>37</v>
      </c>
      <c r="AD14740">
        <v>38</v>
      </c>
      <c r="AE14740">
        <v>39</v>
      </c>
      <c r="AF14740">
        <v>39</v>
      </c>
      <c r="AG14740">
        <v>40</v>
      </c>
      <c r="AH14740">
        <v>40</v>
      </c>
      <c r="AI14740">
        <v>40</v>
      </c>
      <c r="AJ14740">
        <v>41</v>
      </c>
      <c r="AK14740">
        <v>41</v>
      </c>
      <c r="AL14740">
        <v>42</v>
      </c>
      <c r="AM14740">
        <v>42</v>
      </c>
      <c r="AN14740">
        <v>43</v>
      </c>
      <c r="AO14740">
        <v>43</v>
      </c>
      <c r="AP14740">
        <v>43</v>
      </c>
      <c r="AQ14740">
        <v>44</v>
      </c>
    </row>
    <row r="14741" spans="1:43">
      <c r="A14741" t="s">
        <v>9154</v>
      </c>
      <c r="B14741" t="s">
        <v>9155</v>
      </c>
      <c r="C14741" t="s">
        <v>9140</v>
      </c>
      <c r="D14741" t="s">
        <v>9141</v>
      </c>
      <c r="E14741" t="s">
        <v>8938</v>
      </c>
      <c r="F14741" t="s">
        <v>8939</v>
      </c>
      <c r="G14741" t="s">
        <v>80</v>
      </c>
      <c r="H14741" t="s">
        <v>81</v>
      </c>
      <c r="I14741" s="2">
        <v>0</v>
      </c>
      <c r="J14741" s="2">
        <v>1</v>
      </c>
      <c r="K14741" s="2">
        <v>0</v>
      </c>
      <c r="L14741" t="s">
        <v>82</v>
      </c>
      <c r="M14741" t="s">
        <v>83</v>
      </c>
      <c r="N14741" t="s">
        <v>91</v>
      </c>
      <c r="O14741" t="s">
        <v>85</v>
      </c>
      <c r="P14741" t="s">
        <v>86</v>
      </c>
      <c r="Q14741">
        <v>26</v>
      </c>
      <c r="R14741">
        <v>27</v>
      </c>
      <c r="S14741">
        <v>27</v>
      </c>
      <c r="T14741">
        <v>28</v>
      </c>
      <c r="U14741">
        <v>29</v>
      </c>
      <c r="V14741">
        <v>29</v>
      </c>
      <c r="W14741">
        <v>30</v>
      </c>
      <c r="X14741">
        <v>31</v>
      </c>
      <c r="Y14741">
        <v>32</v>
      </c>
      <c r="Z14741">
        <v>32</v>
      </c>
      <c r="AA14741">
        <v>33</v>
      </c>
      <c r="AB14741">
        <v>34</v>
      </c>
      <c r="AC14741">
        <v>35</v>
      </c>
      <c r="AD14741">
        <v>35</v>
      </c>
      <c r="AE14741">
        <v>36</v>
      </c>
      <c r="AF14741">
        <v>37</v>
      </c>
      <c r="AG14741">
        <v>38</v>
      </c>
      <c r="AH14741">
        <v>38</v>
      </c>
      <c r="AI14741">
        <v>39</v>
      </c>
      <c r="AJ14741">
        <v>40</v>
      </c>
      <c r="AK14741">
        <v>41</v>
      </c>
      <c r="AL14741">
        <v>41</v>
      </c>
      <c r="AM14741">
        <v>42</v>
      </c>
      <c r="AN14741">
        <v>42</v>
      </c>
      <c r="AO14741">
        <v>43</v>
      </c>
      <c r="AP14741">
        <v>43</v>
      </c>
      <c r="AQ14741">
        <v>44</v>
      </c>
    </row>
    <row r="14742" spans="1:43">
      <c r="A14742" t="s">
        <v>9156</v>
      </c>
      <c r="B14742" t="s">
        <v>9157</v>
      </c>
      <c r="C14742" t="s">
        <v>9158</v>
      </c>
      <c r="D14742" t="s">
        <v>9159</v>
      </c>
      <c r="E14742" t="s">
        <v>8938</v>
      </c>
      <c r="F14742" t="s">
        <v>8939</v>
      </c>
      <c r="G14742" t="s">
        <v>80</v>
      </c>
      <c r="H14742" t="s">
        <v>81</v>
      </c>
      <c r="I14742" s="2">
        <v>0</v>
      </c>
      <c r="J14742" s="2">
        <v>1</v>
      </c>
      <c r="K14742" s="2">
        <v>0</v>
      </c>
      <c r="L14742" t="s">
        <v>82</v>
      </c>
      <c r="M14742" t="s">
        <v>83</v>
      </c>
      <c r="N14742" t="s">
        <v>84</v>
      </c>
      <c r="O14742" t="s">
        <v>85</v>
      </c>
      <c r="P14742" t="s">
        <v>86</v>
      </c>
      <c r="Q14742">
        <v>178</v>
      </c>
      <c r="R14742">
        <v>182</v>
      </c>
      <c r="S14742">
        <v>187</v>
      </c>
      <c r="T14742">
        <v>192</v>
      </c>
      <c r="U14742">
        <v>196</v>
      </c>
      <c r="V14742">
        <v>201</v>
      </c>
      <c r="W14742">
        <v>206</v>
      </c>
      <c r="X14742">
        <v>211</v>
      </c>
      <c r="Y14742">
        <v>216</v>
      </c>
      <c r="Z14742">
        <v>221</v>
      </c>
      <c r="AA14742">
        <v>226</v>
      </c>
      <c r="AB14742">
        <v>231</v>
      </c>
      <c r="AC14742">
        <v>236</v>
      </c>
      <c r="AD14742">
        <v>241</v>
      </c>
      <c r="AE14742">
        <v>246</v>
      </c>
      <c r="AF14742">
        <v>251</v>
      </c>
      <c r="AG14742">
        <v>257</v>
      </c>
      <c r="AH14742">
        <v>262</v>
      </c>
      <c r="AI14742">
        <v>268</v>
      </c>
      <c r="AJ14742">
        <v>273</v>
      </c>
      <c r="AK14742">
        <v>279</v>
      </c>
      <c r="AL14742">
        <v>282</v>
      </c>
      <c r="AM14742">
        <v>285</v>
      </c>
      <c r="AN14742">
        <v>288</v>
      </c>
      <c r="AO14742">
        <v>291</v>
      </c>
      <c r="AP14742">
        <v>294</v>
      </c>
      <c r="AQ14742">
        <v>297</v>
      </c>
    </row>
    <row r="14743" spans="1:43">
      <c r="A14743" t="s">
        <v>9156</v>
      </c>
      <c r="B14743" t="s">
        <v>9157</v>
      </c>
      <c r="C14743" t="s">
        <v>9158</v>
      </c>
      <c r="D14743" t="s">
        <v>9159</v>
      </c>
      <c r="E14743" t="s">
        <v>8938</v>
      </c>
      <c r="F14743" t="s">
        <v>8939</v>
      </c>
      <c r="G14743" t="s">
        <v>80</v>
      </c>
      <c r="H14743" t="s">
        <v>81</v>
      </c>
      <c r="I14743" s="2">
        <v>0</v>
      </c>
      <c r="J14743" s="2">
        <v>1</v>
      </c>
      <c r="K14743" s="2">
        <v>0</v>
      </c>
      <c r="L14743" t="s">
        <v>82</v>
      </c>
      <c r="M14743" t="s">
        <v>87</v>
      </c>
      <c r="N14743" t="s">
        <v>88</v>
      </c>
      <c r="O14743" t="s">
        <v>85</v>
      </c>
      <c r="P14743" t="s">
        <v>86</v>
      </c>
      <c r="Q14743">
        <v>178</v>
      </c>
      <c r="R14743">
        <v>181</v>
      </c>
      <c r="S14743">
        <v>184</v>
      </c>
      <c r="T14743">
        <v>187</v>
      </c>
      <c r="U14743">
        <v>190</v>
      </c>
      <c r="V14743">
        <v>192</v>
      </c>
      <c r="W14743">
        <v>195</v>
      </c>
      <c r="X14743">
        <v>198</v>
      </c>
      <c r="Y14743">
        <v>201</v>
      </c>
      <c r="Z14743">
        <v>204</v>
      </c>
      <c r="AA14743">
        <v>207</v>
      </c>
      <c r="AB14743">
        <v>210</v>
      </c>
      <c r="AC14743">
        <v>213</v>
      </c>
      <c r="AD14743">
        <v>216</v>
      </c>
      <c r="AE14743">
        <v>220</v>
      </c>
      <c r="AF14743">
        <v>223</v>
      </c>
      <c r="AG14743">
        <v>226</v>
      </c>
      <c r="AH14743">
        <v>229</v>
      </c>
      <c r="AI14743">
        <v>232</v>
      </c>
      <c r="AJ14743">
        <v>235</v>
      </c>
      <c r="AK14743">
        <v>239</v>
      </c>
      <c r="AL14743">
        <v>242</v>
      </c>
      <c r="AM14743">
        <v>245</v>
      </c>
      <c r="AN14743">
        <v>248</v>
      </c>
      <c r="AO14743">
        <v>252</v>
      </c>
      <c r="AP14743">
        <v>255</v>
      </c>
      <c r="AQ14743">
        <v>258</v>
      </c>
    </row>
    <row r="14744" spans="1:43">
      <c r="A14744" t="s">
        <v>9156</v>
      </c>
      <c r="B14744" t="s">
        <v>9157</v>
      </c>
      <c r="C14744" t="s">
        <v>9158</v>
      </c>
      <c r="D14744" t="s">
        <v>9159</v>
      </c>
      <c r="E14744" t="s">
        <v>8938</v>
      </c>
      <c r="F14744" t="s">
        <v>8939</v>
      </c>
      <c r="G14744" t="s">
        <v>80</v>
      </c>
      <c r="H14744" t="s">
        <v>81</v>
      </c>
      <c r="I14744" s="2">
        <v>0</v>
      </c>
      <c r="J14744" s="2">
        <v>1</v>
      </c>
      <c r="K14744" s="2">
        <v>0</v>
      </c>
      <c r="L14744" t="s">
        <v>82</v>
      </c>
      <c r="M14744" t="s">
        <v>89</v>
      </c>
      <c r="N14744" t="s">
        <v>90</v>
      </c>
      <c r="O14744" t="s">
        <v>85</v>
      </c>
      <c r="P14744" t="s">
        <v>86</v>
      </c>
      <c r="Q14744">
        <v>178</v>
      </c>
      <c r="R14744">
        <v>185</v>
      </c>
      <c r="S14744">
        <v>191</v>
      </c>
      <c r="T14744">
        <v>197</v>
      </c>
      <c r="U14744">
        <v>203</v>
      </c>
      <c r="V14744">
        <v>209</v>
      </c>
      <c r="W14744">
        <v>215</v>
      </c>
      <c r="X14744">
        <v>222</v>
      </c>
      <c r="Y14744">
        <v>228</v>
      </c>
      <c r="Z14744">
        <v>234</v>
      </c>
      <c r="AA14744">
        <v>240</v>
      </c>
      <c r="AB14744">
        <v>246</v>
      </c>
      <c r="AC14744">
        <v>252</v>
      </c>
      <c r="AD14744">
        <v>259</v>
      </c>
      <c r="AE14744">
        <v>264</v>
      </c>
      <c r="AF14744">
        <v>266</v>
      </c>
      <c r="AG14744">
        <v>269</v>
      </c>
      <c r="AH14744">
        <v>272</v>
      </c>
      <c r="AI14744">
        <v>275</v>
      </c>
      <c r="AJ14744">
        <v>278</v>
      </c>
      <c r="AK14744">
        <v>281</v>
      </c>
      <c r="AL14744">
        <v>283</v>
      </c>
      <c r="AM14744">
        <v>286</v>
      </c>
      <c r="AN14744">
        <v>289</v>
      </c>
      <c r="AO14744">
        <v>292</v>
      </c>
      <c r="AP14744">
        <v>295</v>
      </c>
      <c r="AQ14744">
        <v>298</v>
      </c>
    </row>
    <row r="14745" spans="1:43">
      <c r="A14745" t="s">
        <v>9156</v>
      </c>
      <c r="B14745" t="s">
        <v>9157</v>
      </c>
      <c r="C14745" t="s">
        <v>9158</v>
      </c>
      <c r="D14745" t="s">
        <v>9159</v>
      </c>
      <c r="E14745" t="s">
        <v>8938</v>
      </c>
      <c r="F14745" t="s">
        <v>8939</v>
      </c>
      <c r="G14745" t="s">
        <v>80</v>
      </c>
      <c r="H14745" t="s">
        <v>81</v>
      </c>
      <c r="I14745" s="2">
        <v>0</v>
      </c>
      <c r="J14745" s="2">
        <v>1</v>
      </c>
      <c r="K14745" s="2">
        <v>0</v>
      </c>
      <c r="L14745" t="s">
        <v>82</v>
      </c>
      <c r="M14745" t="s">
        <v>83</v>
      </c>
      <c r="N14745" t="s">
        <v>91</v>
      </c>
      <c r="O14745" t="s">
        <v>85</v>
      </c>
      <c r="P14745" t="s">
        <v>86</v>
      </c>
      <c r="Q14745">
        <v>178</v>
      </c>
      <c r="R14745">
        <v>182</v>
      </c>
      <c r="S14745">
        <v>187</v>
      </c>
      <c r="T14745">
        <v>192</v>
      </c>
      <c r="U14745">
        <v>196</v>
      </c>
      <c r="V14745">
        <v>201</v>
      </c>
      <c r="W14745">
        <v>206</v>
      </c>
      <c r="X14745">
        <v>211</v>
      </c>
      <c r="Y14745">
        <v>216</v>
      </c>
      <c r="Z14745">
        <v>221</v>
      </c>
      <c r="AA14745">
        <v>226</v>
      </c>
      <c r="AB14745">
        <v>231</v>
      </c>
      <c r="AC14745">
        <v>236</v>
      </c>
      <c r="AD14745">
        <v>241</v>
      </c>
      <c r="AE14745">
        <v>246</v>
      </c>
      <c r="AF14745">
        <v>251</v>
      </c>
      <c r="AG14745">
        <v>257</v>
      </c>
      <c r="AH14745">
        <v>262</v>
      </c>
      <c r="AI14745">
        <v>268</v>
      </c>
      <c r="AJ14745">
        <v>273</v>
      </c>
      <c r="AK14745">
        <v>279</v>
      </c>
      <c r="AL14745">
        <v>282</v>
      </c>
      <c r="AM14745">
        <v>285</v>
      </c>
      <c r="AN14745">
        <v>288</v>
      </c>
      <c r="AO14745">
        <v>291</v>
      </c>
      <c r="AP14745">
        <v>294</v>
      </c>
      <c r="AQ14745">
        <v>297</v>
      </c>
    </row>
    <row r="14746" spans="1:43">
      <c r="A14746" t="s">
        <v>9160</v>
      </c>
      <c r="B14746" t="s">
        <v>9161</v>
      </c>
      <c r="C14746" t="s">
        <v>9158</v>
      </c>
      <c r="D14746" t="s">
        <v>9159</v>
      </c>
      <c r="E14746" t="s">
        <v>8938</v>
      </c>
      <c r="F14746" t="s">
        <v>8939</v>
      </c>
      <c r="G14746" t="s">
        <v>80</v>
      </c>
      <c r="H14746" t="s">
        <v>81</v>
      </c>
      <c r="I14746" s="2">
        <v>0</v>
      </c>
      <c r="J14746" s="2">
        <v>1</v>
      </c>
      <c r="K14746" s="2">
        <v>0</v>
      </c>
      <c r="L14746" t="s">
        <v>82</v>
      </c>
      <c r="M14746" t="s">
        <v>83</v>
      </c>
      <c r="N14746" t="s">
        <v>84</v>
      </c>
      <c r="O14746" t="s">
        <v>85</v>
      </c>
      <c r="P14746" t="s">
        <v>86</v>
      </c>
      <c r="Q14746">
        <v>288</v>
      </c>
      <c r="R14746">
        <v>296</v>
      </c>
      <c r="S14746">
        <v>303</v>
      </c>
      <c r="T14746">
        <v>311</v>
      </c>
      <c r="U14746">
        <v>318</v>
      </c>
      <c r="V14746">
        <v>326</v>
      </c>
      <c r="W14746">
        <v>334</v>
      </c>
      <c r="X14746">
        <v>342</v>
      </c>
      <c r="Y14746">
        <v>350</v>
      </c>
      <c r="Z14746">
        <v>358</v>
      </c>
      <c r="AA14746">
        <v>366</v>
      </c>
      <c r="AB14746">
        <v>374</v>
      </c>
      <c r="AC14746">
        <v>382</v>
      </c>
      <c r="AD14746">
        <v>391</v>
      </c>
      <c r="AE14746">
        <v>399</v>
      </c>
      <c r="AF14746">
        <v>408</v>
      </c>
      <c r="AG14746">
        <v>416</v>
      </c>
      <c r="AH14746">
        <v>425</v>
      </c>
      <c r="AI14746">
        <v>434</v>
      </c>
      <c r="AJ14746">
        <v>443</v>
      </c>
      <c r="AK14746">
        <v>452</v>
      </c>
      <c r="AL14746">
        <v>458</v>
      </c>
      <c r="AM14746">
        <v>463</v>
      </c>
      <c r="AN14746">
        <v>467</v>
      </c>
      <c r="AO14746">
        <v>472</v>
      </c>
      <c r="AP14746">
        <v>477</v>
      </c>
      <c r="AQ14746">
        <v>482</v>
      </c>
    </row>
    <row r="14747" spans="1:43">
      <c r="A14747" t="s">
        <v>9160</v>
      </c>
      <c r="B14747" t="s">
        <v>9161</v>
      </c>
      <c r="C14747" t="s">
        <v>9158</v>
      </c>
      <c r="D14747" t="s">
        <v>9159</v>
      </c>
      <c r="E14747" t="s">
        <v>8938</v>
      </c>
      <c r="F14747" t="s">
        <v>8939</v>
      </c>
      <c r="G14747" t="s">
        <v>80</v>
      </c>
      <c r="H14747" t="s">
        <v>81</v>
      </c>
      <c r="I14747" s="2">
        <v>0</v>
      </c>
      <c r="J14747" s="2">
        <v>1</v>
      </c>
      <c r="K14747" s="2">
        <v>0</v>
      </c>
      <c r="L14747" t="s">
        <v>82</v>
      </c>
      <c r="M14747" t="s">
        <v>87</v>
      </c>
      <c r="N14747" t="s">
        <v>88</v>
      </c>
      <c r="O14747" t="s">
        <v>85</v>
      </c>
      <c r="P14747" t="s">
        <v>86</v>
      </c>
      <c r="Q14747">
        <v>288</v>
      </c>
      <c r="R14747">
        <v>292</v>
      </c>
      <c r="S14747">
        <v>297</v>
      </c>
      <c r="T14747">
        <v>301</v>
      </c>
      <c r="U14747">
        <v>306</v>
      </c>
      <c r="V14747">
        <v>311</v>
      </c>
      <c r="W14747">
        <v>316</v>
      </c>
      <c r="X14747">
        <v>320</v>
      </c>
      <c r="Y14747">
        <v>325</v>
      </c>
      <c r="Z14747">
        <v>330</v>
      </c>
      <c r="AA14747">
        <v>335</v>
      </c>
      <c r="AB14747">
        <v>340</v>
      </c>
      <c r="AC14747">
        <v>345</v>
      </c>
      <c r="AD14747">
        <v>350</v>
      </c>
      <c r="AE14747">
        <v>355</v>
      </c>
      <c r="AF14747">
        <v>360</v>
      </c>
      <c r="AG14747">
        <v>365</v>
      </c>
      <c r="AH14747">
        <v>370</v>
      </c>
      <c r="AI14747">
        <v>375</v>
      </c>
      <c r="AJ14747">
        <v>381</v>
      </c>
      <c r="AK14747">
        <v>386</v>
      </c>
      <c r="AL14747">
        <v>391</v>
      </c>
      <c r="AM14747">
        <v>396</v>
      </c>
      <c r="AN14747">
        <v>402</v>
      </c>
      <c r="AO14747">
        <v>407</v>
      </c>
      <c r="AP14747">
        <v>413</v>
      </c>
      <c r="AQ14747">
        <v>418</v>
      </c>
    </row>
    <row r="14748" spans="1:43">
      <c r="A14748" t="s">
        <v>9160</v>
      </c>
      <c r="B14748" t="s">
        <v>9161</v>
      </c>
      <c r="C14748" t="s">
        <v>9158</v>
      </c>
      <c r="D14748" t="s">
        <v>9159</v>
      </c>
      <c r="E14748" t="s">
        <v>8938</v>
      </c>
      <c r="F14748" t="s">
        <v>8939</v>
      </c>
      <c r="G14748" t="s">
        <v>80</v>
      </c>
      <c r="H14748" t="s">
        <v>81</v>
      </c>
      <c r="I14748" s="2">
        <v>0</v>
      </c>
      <c r="J14748" s="2">
        <v>1</v>
      </c>
      <c r="K14748" s="2">
        <v>0</v>
      </c>
      <c r="L14748" t="s">
        <v>82</v>
      </c>
      <c r="M14748" t="s">
        <v>89</v>
      </c>
      <c r="N14748" t="s">
        <v>90</v>
      </c>
      <c r="O14748" t="s">
        <v>85</v>
      </c>
      <c r="P14748" t="s">
        <v>86</v>
      </c>
      <c r="Q14748">
        <v>288</v>
      </c>
      <c r="R14748">
        <v>298</v>
      </c>
      <c r="S14748">
        <v>308</v>
      </c>
      <c r="T14748">
        <v>318</v>
      </c>
      <c r="U14748">
        <v>328</v>
      </c>
      <c r="V14748">
        <v>338</v>
      </c>
      <c r="W14748">
        <v>348</v>
      </c>
      <c r="X14748">
        <v>358</v>
      </c>
      <c r="Y14748">
        <v>368</v>
      </c>
      <c r="Z14748">
        <v>378</v>
      </c>
      <c r="AA14748">
        <v>387</v>
      </c>
      <c r="AB14748">
        <v>397</v>
      </c>
      <c r="AC14748">
        <v>408</v>
      </c>
      <c r="AD14748">
        <v>418</v>
      </c>
      <c r="AE14748">
        <v>426</v>
      </c>
      <c r="AF14748">
        <v>431</v>
      </c>
      <c r="AG14748">
        <v>436</v>
      </c>
      <c r="AH14748">
        <v>440</v>
      </c>
      <c r="AI14748">
        <v>445</v>
      </c>
      <c r="AJ14748">
        <v>449</v>
      </c>
      <c r="AK14748">
        <v>454</v>
      </c>
      <c r="AL14748">
        <v>459</v>
      </c>
      <c r="AM14748">
        <v>463</v>
      </c>
      <c r="AN14748">
        <v>468</v>
      </c>
      <c r="AO14748">
        <v>473</v>
      </c>
      <c r="AP14748">
        <v>477</v>
      </c>
      <c r="AQ14748">
        <v>482</v>
      </c>
    </row>
    <row r="14749" spans="1:43">
      <c r="A14749" t="s">
        <v>9160</v>
      </c>
      <c r="B14749" t="s">
        <v>9161</v>
      </c>
      <c r="C14749" t="s">
        <v>9158</v>
      </c>
      <c r="D14749" t="s">
        <v>9159</v>
      </c>
      <c r="E14749" t="s">
        <v>8938</v>
      </c>
      <c r="F14749" t="s">
        <v>8939</v>
      </c>
      <c r="G14749" t="s">
        <v>80</v>
      </c>
      <c r="H14749" t="s">
        <v>81</v>
      </c>
      <c r="I14749" s="2">
        <v>0</v>
      </c>
      <c r="J14749" s="2">
        <v>1</v>
      </c>
      <c r="K14749" s="2">
        <v>0</v>
      </c>
      <c r="L14749" t="s">
        <v>82</v>
      </c>
      <c r="M14749" t="s">
        <v>83</v>
      </c>
      <c r="N14749" t="s">
        <v>91</v>
      </c>
      <c r="O14749" t="s">
        <v>85</v>
      </c>
      <c r="P14749" t="s">
        <v>86</v>
      </c>
      <c r="Q14749">
        <v>288</v>
      </c>
      <c r="R14749">
        <v>296</v>
      </c>
      <c r="S14749">
        <v>303</v>
      </c>
      <c r="T14749">
        <v>311</v>
      </c>
      <c r="U14749">
        <v>318</v>
      </c>
      <c r="V14749">
        <v>326</v>
      </c>
      <c r="W14749">
        <v>334</v>
      </c>
      <c r="X14749">
        <v>342</v>
      </c>
      <c r="Y14749">
        <v>350</v>
      </c>
      <c r="Z14749">
        <v>358</v>
      </c>
      <c r="AA14749">
        <v>366</v>
      </c>
      <c r="AB14749">
        <v>374</v>
      </c>
      <c r="AC14749">
        <v>382</v>
      </c>
      <c r="AD14749">
        <v>391</v>
      </c>
      <c r="AE14749">
        <v>399</v>
      </c>
      <c r="AF14749">
        <v>408</v>
      </c>
      <c r="AG14749">
        <v>416</v>
      </c>
      <c r="AH14749">
        <v>425</v>
      </c>
      <c r="AI14749">
        <v>434</v>
      </c>
      <c r="AJ14749">
        <v>443</v>
      </c>
      <c r="AK14749">
        <v>452</v>
      </c>
      <c r="AL14749">
        <v>458</v>
      </c>
      <c r="AM14749">
        <v>463</v>
      </c>
      <c r="AN14749">
        <v>467</v>
      </c>
      <c r="AO14749">
        <v>472</v>
      </c>
      <c r="AP14749">
        <v>477</v>
      </c>
      <c r="AQ14749">
        <v>482</v>
      </c>
    </row>
    <row r="14750" spans="1:43">
      <c r="A14750" t="s">
        <v>9162</v>
      </c>
      <c r="B14750" t="s">
        <v>9163</v>
      </c>
      <c r="C14750" t="s">
        <v>9158</v>
      </c>
      <c r="D14750" t="s">
        <v>9159</v>
      </c>
      <c r="E14750" t="s">
        <v>8938</v>
      </c>
      <c r="F14750" t="s">
        <v>8939</v>
      </c>
      <c r="G14750" t="s">
        <v>80</v>
      </c>
      <c r="H14750" t="s">
        <v>81</v>
      </c>
      <c r="I14750" s="2">
        <v>0</v>
      </c>
      <c r="J14750" s="2">
        <v>1</v>
      </c>
      <c r="K14750" s="2">
        <v>0</v>
      </c>
      <c r="L14750" t="s">
        <v>82</v>
      </c>
      <c r="M14750" t="s">
        <v>83</v>
      </c>
      <c r="N14750" t="s">
        <v>84</v>
      </c>
      <c r="O14750" t="s">
        <v>85</v>
      </c>
      <c r="P14750" t="s">
        <v>86</v>
      </c>
      <c r="Q14750">
        <v>6</v>
      </c>
      <c r="R14750">
        <v>7</v>
      </c>
      <c r="S14750">
        <v>7</v>
      </c>
      <c r="T14750">
        <v>7</v>
      </c>
      <c r="U14750">
        <v>7</v>
      </c>
      <c r="V14750">
        <v>7</v>
      </c>
      <c r="W14750">
        <v>7</v>
      </c>
      <c r="X14750">
        <v>8</v>
      </c>
      <c r="Y14750">
        <v>8</v>
      </c>
      <c r="Z14750">
        <v>8</v>
      </c>
      <c r="AA14750">
        <v>8</v>
      </c>
      <c r="AB14750">
        <v>8</v>
      </c>
      <c r="AC14750">
        <v>8</v>
      </c>
      <c r="AD14750">
        <v>9</v>
      </c>
      <c r="AE14750">
        <v>9</v>
      </c>
      <c r="AF14750">
        <v>9</v>
      </c>
      <c r="AG14750">
        <v>9</v>
      </c>
      <c r="AH14750">
        <v>9</v>
      </c>
      <c r="AI14750">
        <v>10</v>
      </c>
      <c r="AJ14750">
        <v>10</v>
      </c>
      <c r="AK14750">
        <v>10</v>
      </c>
      <c r="AL14750">
        <v>10</v>
      </c>
      <c r="AM14750">
        <v>10</v>
      </c>
      <c r="AN14750">
        <v>10</v>
      </c>
      <c r="AO14750">
        <v>10</v>
      </c>
      <c r="AP14750">
        <v>11</v>
      </c>
      <c r="AQ14750">
        <v>11</v>
      </c>
    </row>
    <row r="14751" spans="1:43">
      <c r="A14751" t="s">
        <v>9162</v>
      </c>
      <c r="B14751" t="s">
        <v>9163</v>
      </c>
      <c r="C14751" t="s">
        <v>9158</v>
      </c>
      <c r="D14751" t="s">
        <v>9159</v>
      </c>
      <c r="E14751" t="s">
        <v>8938</v>
      </c>
      <c r="F14751" t="s">
        <v>8939</v>
      </c>
      <c r="G14751" t="s">
        <v>80</v>
      </c>
      <c r="H14751" t="s">
        <v>81</v>
      </c>
      <c r="I14751" s="2">
        <v>0</v>
      </c>
      <c r="J14751" s="2">
        <v>1</v>
      </c>
      <c r="K14751" s="2">
        <v>0</v>
      </c>
      <c r="L14751" t="s">
        <v>82</v>
      </c>
      <c r="M14751" t="s">
        <v>87</v>
      </c>
      <c r="N14751" t="s">
        <v>88</v>
      </c>
      <c r="O14751" t="s">
        <v>85</v>
      </c>
      <c r="P14751" t="s">
        <v>86</v>
      </c>
      <c r="Q14751">
        <v>6</v>
      </c>
      <c r="R14751">
        <v>6</v>
      </c>
      <c r="S14751">
        <v>7</v>
      </c>
      <c r="T14751">
        <v>7</v>
      </c>
      <c r="U14751">
        <v>7</v>
      </c>
      <c r="V14751">
        <v>7</v>
      </c>
      <c r="W14751">
        <v>7</v>
      </c>
      <c r="X14751">
        <v>7</v>
      </c>
      <c r="Y14751">
        <v>7</v>
      </c>
      <c r="Z14751">
        <v>7</v>
      </c>
      <c r="AA14751">
        <v>7</v>
      </c>
      <c r="AB14751">
        <v>7</v>
      </c>
      <c r="AC14751">
        <v>8</v>
      </c>
      <c r="AD14751">
        <v>8</v>
      </c>
      <c r="AE14751">
        <v>8</v>
      </c>
      <c r="AF14751">
        <v>8</v>
      </c>
      <c r="AG14751">
        <v>8</v>
      </c>
      <c r="AH14751">
        <v>8</v>
      </c>
      <c r="AI14751">
        <v>8</v>
      </c>
      <c r="AJ14751">
        <v>8</v>
      </c>
      <c r="AK14751">
        <v>8</v>
      </c>
      <c r="AL14751">
        <v>9</v>
      </c>
      <c r="AM14751">
        <v>9</v>
      </c>
      <c r="AN14751">
        <v>9</v>
      </c>
      <c r="AO14751">
        <v>9</v>
      </c>
      <c r="AP14751">
        <v>9</v>
      </c>
      <c r="AQ14751">
        <v>9</v>
      </c>
    </row>
    <row r="14752" spans="1:43">
      <c r="A14752" t="s">
        <v>9162</v>
      </c>
      <c r="B14752" t="s">
        <v>9163</v>
      </c>
      <c r="C14752" t="s">
        <v>9158</v>
      </c>
      <c r="D14752" t="s">
        <v>9159</v>
      </c>
      <c r="E14752" t="s">
        <v>8938</v>
      </c>
      <c r="F14752" t="s">
        <v>8939</v>
      </c>
      <c r="G14752" t="s">
        <v>80</v>
      </c>
      <c r="H14752" t="s">
        <v>81</v>
      </c>
      <c r="I14752" s="2">
        <v>0</v>
      </c>
      <c r="J14752" s="2">
        <v>1</v>
      </c>
      <c r="K14752" s="2">
        <v>0</v>
      </c>
      <c r="L14752" t="s">
        <v>82</v>
      </c>
      <c r="M14752" t="s">
        <v>89</v>
      </c>
      <c r="N14752" t="s">
        <v>90</v>
      </c>
      <c r="O14752" t="s">
        <v>85</v>
      </c>
      <c r="P14752" t="s">
        <v>86</v>
      </c>
      <c r="Q14752">
        <v>6</v>
      </c>
      <c r="R14752">
        <v>7</v>
      </c>
      <c r="S14752">
        <v>7</v>
      </c>
      <c r="T14752">
        <v>7</v>
      </c>
      <c r="U14752">
        <v>7</v>
      </c>
      <c r="V14752">
        <v>8</v>
      </c>
      <c r="W14752">
        <v>8</v>
      </c>
      <c r="X14752">
        <v>8</v>
      </c>
      <c r="Y14752">
        <v>8</v>
      </c>
      <c r="Z14752">
        <v>8</v>
      </c>
      <c r="AA14752">
        <v>9</v>
      </c>
      <c r="AB14752">
        <v>9</v>
      </c>
      <c r="AC14752">
        <v>9</v>
      </c>
      <c r="AD14752">
        <v>9</v>
      </c>
      <c r="AE14752">
        <v>9</v>
      </c>
      <c r="AF14752">
        <v>10</v>
      </c>
      <c r="AG14752">
        <v>10</v>
      </c>
      <c r="AH14752">
        <v>10</v>
      </c>
      <c r="AI14752">
        <v>10</v>
      </c>
      <c r="AJ14752">
        <v>10</v>
      </c>
      <c r="AK14752">
        <v>10</v>
      </c>
      <c r="AL14752">
        <v>10</v>
      </c>
      <c r="AM14752">
        <v>10</v>
      </c>
      <c r="AN14752">
        <v>10</v>
      </c>
      <c r="AO14752">
        <v>11</v>
      </c>
      <c r="AP14752">
        <v>11</v>
      </c>
      <c r="AQ14752">
        <v>11</v>
      </c>
    </row>
    <row r="14753" spans="1:43">
      <c r="A14753" t="s">
        <v>9162</v>
      </c>
      <c r="B14753" t="s">
        <v>9163</v>
      </c>
      <c r="C14753" t="s">
        <v>9158</v>
      </c>
      <c r="D14753" t="s">
        <v>9159</v>
      </c>
      <c r="E14753" t="s">
        <v>8938</v>
      </c>
      <c r="F14753" t="s">
        <v>8939</v>
      </c>
      <c r="G14753" t="s">
        <v>80</v>
      </c>
      <c r="H14753" t="s">
        <v>81</v>
      </c>
      <c r="I14753" s="2">
        <v>0</v>
      </c>
      <c r="J14753" s="2">
        <v>1</v>
      </c>
      <c r="K14753" s="2">
        <v>0</v>
      </c>
      <c r="L14753" t="s">
        <v>82</v>
      </c>
      <c r="M14753" t="s">
        <v>83</v>
      </c>
      <c r="N14753" t="s">
        <v>91</v>
      </c>
      <c r="O14753" t="s">
        <v>85</v>
      </c>
      <c r="P14753" t="s">
        <v>86</v>
      </c>
      <c r="Q14753">
        <v>6</v>
      </c>
      <c r="R14753">
        <v>7</v>
      </c>
      <c r="S14753">
        <v>7</v>
      </c>
      <c r="T14753">
        <v>7</v>
      </c>
      <c r="U14753">
        <v>7</v>
      </c>
      <c r="V14753">
        <v>7</v>
      </c>
      <c r="W14753">
        <v>7</v>
      </c>
      <c r="X14753">
        <v>8</v>
      </c>
      <c r="Y14753">
        <v>8</v>
      </c>
      <c r="Z14753">
        <v>8</v>
      </c>
      <c r="AA14753">
        <v>8</v>
      </c>
      <c r="AB14753">
        <v>8</v>
      </c>
      <c r="AC14753">
        <v>8</v>
      </c>
      <c r="AD14753">
        <v>9</v>
      </c>
      <c r="AE14753">
        <v>9</v>
      </c>
      <c r="AF14753">
        <v>9</v>
      </c>
      <c r="AG14753">
        <v>9</v>
      </c>
      <c r="AH14753">
        <v>9</v>
      </c>
      <c r="AI14753">
        <v>10</v>
      </c>
      <c r="AJ14753">
        <v>10</v>
      </c>
      <c r="AK14753">
        <v>10</v>
      </c>
      <c r="AL14753">
        <v>10</v>
      </c>
      <c r="AM14753">
        <v>10</v>
      </c>
      <c r="AN14753">
        <v>10</v>
      </c>
      <c r="AO14753">
        <v>10</v>
      </c>
      <c r="AP14753">
        <v>11</v>
      </c>
      <c r="AQ14753">
        <v>11</v>
      </c>
    </row>
    <row r="14754" spans="1:43">
      <c r="A14754" t="s">
        <v>9164</v>
      </c>
      <c r="B14754" t="s">
        <v>9165</v>
      </c>
      <c r="C14754" t="s">
        <v>9158</v>
      </c>
      <c r="D14754" t="s">
        <v>9159</v>
      </c>
      <c r="E14754" t="s">
        <v>8938</v>
      </c>
      <c r="F14754" t="s">
        <v>8939</v>
      </c>
      <c r="G14754" t="s">
        <v>80</v>
      </c>
      <c r="H14754" t="s">
        <v>81</v>
      </c>
      <c r="I14754" s="2">
        <v>0</v>
      </c>
      <c r="J14754" s="2">
        <v>1</v>
      </c>
      <c r="K14754" s="2">
        <v>0</v>
      </c>
      <c r="L14754" t="s">
        <v>82</v>
      </c>
      <c r="M14754" t="s">
        <v>83</v>
      </c>
      <c r="N14754" t="s">
        <v>84</v>
      </c>
      <c r="O14754" t="s">
        <v>85</v>
      </c>
      <c r="P14754" t="s">
        <v>86</v>
      </c>
      <c r="Q14754">
        <v>211</v>
      </c>
      <c r="R14754">
        <v>216</v>
      </c>
      <c r="S14754">
        <v>221</v>
      </c>
      <c r="T14754">
        <v>227</v>
      </c>
      <c r="U14754">
        <v>233</v>
      </c>
      <c r="V14754">
        <v>238</v>
      </c>
      <c r="W14754">
        <v>244</v>
      </c>
      <c r="X14754">
        <v>250</v>
      </c>
      <c r="Y14754">
        <v>255</v>
      </c>
      <c r="Z14754">
        <v>261</v>
      </c>
      <c r="AA14754">
        <v>267</v>
      </c>
      <c r="AB14754">
        <v>273</v>
      </c>
      <c r="AC14754">
        <v>279</v>
      </c>
      <c r="AD14754">
        <v>285</v>
      </c>
      <c r="AE14754">
        <v>292</v>
      </c>
      <c r="AF14754">
        <v>298</v>
      </c>
      <c r="AG14754">
        <v>304</v>
      </c>
      <c r="AH14754">
        <v>310</v>
      </c>
      <c r="AI14754">
        <v>317</v>
      </c>
      <c r="AJ14754">
        <v>323</v>
      </c>
      <c r="AK14754">
        <v>330</v>
      </c>
      <c r="AL14754">
        <v>334</v>
      </c>
      <c r="AM14754">
        <v>338</v>
      </c>
      <c r="AN14754">
        <v>341</v>
      </c>
      <c r="AO14754">
        <v>345</v>
      </c>
      <c r="AP14754">
        <v>348</v>
      </c>
      <c r="AQ14754">
        <v>352</v>
      </c>
    </row>
    <row r="14755" spans="1:43">
      <c r="A14755" t="s">
        <v>9164</v>
      </c>
      <c r="B14755" t="s">
        <v>9165</v>
      </c>
      <c r="C14755" t="s">
        <v>9158</v>
      </c>
      <c r="D14755" t="s">
        <v>9159</v>
      </c>
      <c r="E14755" t="s">
        <v>8938</v>
      </c>
      <c r="F14755" t="s">
        <v>8939</v>
      </c>
      <c r="G14755" t="s">
        <v>80</v>
      </c>
      <c r="H14755" t="s">
        <v>81</v>
      </c>
      <c r="I14755" s="2">
        <v>0</v>
      </c>
      <c r="J14755" s="2">
        <v>1</v>
      </c>
      <c r="K14755" s="2">
        <v>0</v>
      </c>
      <c r="L14755" t="s">
        <v>82</v>
      </c>
      <c r="M14755" t="s">
        <v>87</v>
      </c>
      <c r="N14755" t="s">
        <v>88</v>
      </c>
      <c r="O14755" t="s">
        <v>85</v>
      </c>
      <c r="P14755" t="s">
        <v>86</v>
      </c>
      <c r="Q14755">
        <v>211</v>
      </c>
      <c r="R14755">
        <v>214</v>
      </c>
      <c r="S14755">
        <v>217</v>
      </c>
      <c r="T14755">
        <v>221</v>
      </c>
      <c r="U14755">
        <v>224</v>
      </c>
      <c r="V14755">
        <v>228</v>
      </c>
      <c r="W14755">
        <v>231</v>
      </c>
      <c r="X14755">
        <v>235</v>
      </c>
      <c r="Y14755">
        <v>238</v>
      </c>
      <c r="Z14755">
        <v>242</v>
      </c>
      <c r="AA14755">
        <v>245</v>
      </c>
      <c r="AB14755">
        <v>249</v>
      </c>
      <c r="AC14755">
        <v>252</v>
      </c>
      <c r="AD14755">
        <v>256</v>
      </c>
      <c r="AE14755">
        <v>260</v>
      </c>
      <c r="AF14755">
        <v>263</v>
      </c>
      <c r="AG14755">
        <v>267</v>
      </c>
      <c r="AH14755">
        <v>271</v>
      </c>
      <c r="AI14755">
        <v>275</v>
      </c>
      <c r="AJ14755">
        <v>279</v>
      </c>
      <c r="AK14755">
        <v>282</v>
      </c>
      <c r="AL14755">
        <v>286</v>
      </c>
      <c r="AM14755">
        <v>290</v>
      </c>
      <c r="AN14755">
        <v>294</v>
      </c>
      <c r="AO14755">
        <v>298</v>
      </c>
      <c r="AP14755">
        <v>302</v>
      </c>
      <c r="AQ14755">
        <v>306</v>
      </c>
    </row>
    <row r="14756" spans="1:43">
      <c r="A14756" t="s">
        <v>9164</v>
      </c>
      <c r="B14756" t="s">
        <v>9165</v>
      </c>
      <c r="C14756" t="s">
        <v>9158</v>
      </c>
      <c r="D14756" t="s">
        <v>9159</v>
      </c>
      <c r="E14756" t="s">
        <v>8938</v>
      </c>
      <c r="F14756" t="s">
        <v>8939</v>
      </c>
      <c r="G14756" t="s">
        <v>80</v>
      </c>
      <c r="H14756" t="s">
        <v>81</v>
      </c>
      <c r="I14756" s="2">
        <v>0</v>
      </c>
      <c r="J14756" s="2">
        <v>1</v>
      </c>
      <c r="K14756" s="2">
        <v>0</v>
      </c>
      <c r="L14756" t="s">
        <v>82</v>
      </c>
      <c r="M14756" t="s">
        <v>89</v>
      </c>
      <c r="N14756" t="s">
        <v>90</v>
      </c>
      <c r="O14756" t="s">
        <v>85</v>
      </c>
      <c r="P14756" t="s">
        <v>86</v>
      </c>
      <c r="Q14756">
        <v>211</v>
      </c>
      <c r="R14756">
        <v>218</v>
      </c>
      <c r="S14756">
        <v>225</v>
      </c>
      <c r="T14756">
        <v>232</v>
      </c>
      <c r="U14756">
        <v>240</v>
      </c>
      <c r="V14756">
        <v>247</v>
      </c>
      <c r="W14756">
        <v>254</v>
      </c>
      <c r="X14756">
        <v>262</v>
      </c>
      <c r="Y14756">
        <v>269</v>
      </c>
      <c r="Z14756">
        <v>276</v>
      </c>
      <c r="AA14756">
        <v>283</v>
      </c>
      <c r="AB14756">
        <v>290</v>
      </c>
      <c r="AC14756">
        <v>298</v>
      </c>
      <c r="AD14756">
        <v>305</v>
      </c>
      <c r="AE14756">
        <v>311</v>
      </c>
      <c r="AF14756">
        <v>315</v>
      </c>
      <c r="AG14756">
        <v>318</v>
      </c>
      <c r="AH14756">
        <v>321</v>
      </c>
      <c r="AI14756">
        <v>325</v>
      </c>
      <c r="AJ14756">
        <v>328</v>
      </c>
      <c r="AK14756">
        <v>332</v>
      </c>
      <c r="AL14756">
        <v>335</v>
      </c>
      <c r="AM14756">
        <v>339</v>
      </c>
      <c r="AN14756">
        <v>342</v>
      </c>
      <c r="AO14756">
        <v>345</v>
      </c>
      <c r="AP14756">
        <v>349</v>
      </c>
      <c r="AQ14756">
        <v>352</v>
      </c>
    </row>
    <row r="14757" spans="1:43">
      <c r="A14757" t="s">
        <v>9164</v>
      </c>
      <c r="B14757" t="s">
        <v>9165</v>
      </c>
      <c r="C14757" t="s">
        <v>9158</v>
      </c>
      <c r="D14757" t="s">
        <v>9159</v>
      </c>
      <c r="E14757" t="s">
        <v>8938</v>
      </c>
      <c r="F14757" t="s">
        <v>8939</v>
      </c>
      <c r="G14757" t="s">
        <v>80</v>
      </c>
      <c r="H14757" t="s">
        <v>81</v>
      </c>
      <c r="I14757" s="2">
        <v>0</v>
      </c>
      <c r="J14757" s="2">
        <v>1</v>
      </c>
      <c r="K14757" s="2">
        <v>0</v>
      </c>
      <c r="L14757" t="s">
        <v>82</v>
      </c>
      <c r="M14757" t="s">
        <v>83</v>
      </c>
      <c r="N14757" t="s">
        <v>91</v>
      </c>
      <c r="O14757" t="s">
        <v>85</v>
      </c>
      <c r="P14757" t="s">
        <v>86</v>
      </c>
      <c r="Q14757">
        <v>211</v>
      </c>
      <c r="R14757">
        <v>216</v>
      </c>
      <c r="S14757">
        <v>221</v>
      </c>
      <c r="T14757">
        <v>227</v>
      </c>
      <c r="U14757">
        <v>233</v>
      </c>
      <c r="V14757">
        <v>238</v>
      </c>
      <c r="W14757">
        <v>244</v>
      </c>
      <c r="X14757">
        <v>250</v>
      </c>
      <c r="Y14757">
        <v>255</v>
      </c>
      <c r="Z14757">
        <v>261</v>
      </c>
      <c r="AA14757">
        <v>267</v>
      </c>
      <c r="AB14757">
        <v>273</v>
      </c>
      <c r="AC14757">
        <v>279</v>
      </c>
      <c r="AD14757">
        <v>285</v>
      </c>
      <c r="AE14757">
        <v>292</v>
      </c>
      <c r="AF14757">
        <v>298</v>
      </c>
      <c r="AG14757">
        <v>304</v>
      </c>
      <c r="AH14757">
        <v>310</v>
      </c>
      <c r="AI14757">
        <v>317</v>
      </c>
      <c r="AJ14757">
        <v>323</v>
      </c>
      <c r="AK14757">
        <v>330</v>
      </c>
      <c r="AL14757">
        <v>334</v>
      </c>
      <c r="AM14757">
        <v>338</v>
      </c>
      <c r="AN14757">
        <v>341</v>
      </c>
      <c r="AO14757">
        <v>345</v>
      </c>
      <c r="AP14757">
        <v>348</v>
      </c>
      <c r="AQ14757">
        <v>352</v>
      </c>
    </row>
    <row r="14758" spans="1:43">
      <c r="A14758" t="s">
        <v>9166</v>
      </c>
      <c r="B14758" t="s">
        <v>9167</v>
      </c>
      <c r="C14758" t="s">
        <v>9158</v>
      </c>
      <c r="D14758" t="s">
        <v>9159</v>
      </c>
      <c r="E14758" t="s">
        <v>8938</v>
      </c>
      <c r="F14758" t="s">
        <v>8939</v>
      </c>
      <c r="G14758" t="s">
        <v>80</v>
      </c>
      <c r="H14758" t="s">
        <v>81</v>
      </c>
      <c r="I14758" s="2">
        <v>0</v>
      </c>
      <c r="J14758" s="2">
        <v>1</v>
      </c>
      <c r="K14758" s="2">
        <v>0</v>
      </c>
      <c r="L14758" t="s">
        <v>82</v>
      </c>
      <c r="M14758" t="s">
        <v>83</v>
      </c>
      <c r="N14758" t="s">
        <v>84</v>
      </c>
      <c r="O14758" t="s">
        <v>85</v>
      </c>
      <c r="P14758" t="s">
        <v>86</v>
      </c>
      <c r="Q14758">
        <v>147</v>
      </c>
      <c r="R14758">
        <v>150</v>
      </c>
      <c r="S14758">
        <v>154</v>
      </c>
      <c r="T14758">
        <v>158</v>
      </c>
      <c r="U14758">
        <v>162</v>
      </c>
      <c r="V14758">
        <v>166</v>
      </c>
      <c r="W14758">
        <v>170</v>
      </c>
      <c r="X14758">
        <v>174</v>
      </c>
      <c r="Y14758">
        <v>178</v>
      </c>
      <c r="Z14758">
        <v>182</v>
      </c>
      <c r="AA14758">
        <v>186</v>
      </c>
      <c r="AB14758">
        <v>190</v>
      </c>
      <c r="AC14758">
        <v>194</v>
      </c>
      <c r="AD14758">
        <v>199</v>
      </c>
      <c r="AE14758">
        <v>203</v>
      </c>
      <c r="AF14758">
        <v>207</v>
      </c>
      <c r="AG14758">
        <v>212</v>
      </c>
      <c r="AH14758">
        <v>216</v>
      </c>
      <c r="AI14758">
        <v>221</v>
      </c>
      <c r="AJ14758">
        <v>225</v>
      </c>
      <c r="AK14758">
        <v>230</v>
      </c>
      <c r="AL14758">
        <v>233</v>
      </c>
      <c r="AM14758">
        <v>235</v>
      </c>
      <c r="AN14758">
        <v>238</v>
      </c>
      <c r="AO14758">
        <v>240</v>
      </c>
      <c r="AP14758">
        <v>242</v>
      </c>
      <c r="AQ14758">
        <v>245</v>
      </c>
    </row>
    <row r="14759" spans="1:43">
      <c r="A14759" t="s">
        <v>9166</v>
      </c>
      <c r="B14759" t="s">
        <v>9167</v>
      </c>
      <c r="C14759" t="s">
        <v>9158</v>
      </c>
      <c r="D14759" t="s">
        <v>9159</v>
      </c>
      <c r="E14759" t="s">
        <v>8938</v>
      </c>
      <c r="F14759" t="s">
        <v>8939</v>
      </c>
      <c r="G14759" t="s">
        <v>80</v>
      </c>
      <c r="H14759" t="s">
        <v>81</v>
      </c>
      <c r="I14759" s="2">
        <v>0</v>
      </c>
      <c r="J14759" s="2">
        <v>1</v>
      </c>
      <c r="K14759" s="2">
        <v>0</v>
      </c>
      <c r="L14759" t="s">
        <v>82</v>
      </c>
      <c r="M14759" t="s">
        <v>87</v>
      </c>
      <c r="N14759" t="s">
        <v>88</v>
      </c>
      <c r="O14759" t="s">
        <v>85</v>
      </c>
      <c r="P14759" t="s">
        <v>86</v>
      </c>
      <c r="Q14759">
        <v>147</v>
      </c>
      <c r="R14759">
        <v>150</v>
      </c>
      <c r="S14759">
        <v>152</v>
      </c>
      <c r="T14759">
        <v>154</v>
      </c>
      <c r="U14759">
        <v>157</v>
      </c>
      <c r="V14759">
        <v>159</v>
      </c>
      <c r="W14759">
        <v>162</v>
      </c>
      <c r="X14759">
        <v>164</v>
      </c>
      <c r="Y14759">
        <v>166</v>
      </c>
      <c r="Z14759">
        <v>169</v>
      </c>
      <c r="AA14759">
        <v>171</v>
      </c>
      <c r="AB14759">
        <v>174</v>
      </c>
      <c r="AC14759">
        <v>176</v>
      </c>
      <c r="AD14759">
        <v>179</v>
      </c>
      <c r="AE14759">
        <v>181</v>
      </c>
      <c r="AF14759">
        <v>184</v>
      </c>
      <c r="AG14759">
        <v>187</v>
      </c>
      <c r="AH14759">
        <v>189</v>
      </c>
      <c r="AI14759">
        <v>192</v>
      </c>
      <c r="AJ14759">
        <v>195</v>
      </c>
      <c r="AK14759">
        <v>197</v>
      </c>
      <c r="AL14759">
        <v>200</v>
      </c>
      <c r="AM14759">
        <v>203</v>
      </c>
      <c r="AN14759">
        <v>205</v>
      </c>
      <c r="AO14759">
        <v>208</v>
      </c>
      <c r="AP14759">
        <v>211</v>
      </c>
      <c r="AQ14759">
        <v>214</v>
      </c>
    </row>
    <row r="14760" spans="1:43">
      <c r="A14760" t="s">
        <v>9166</v>
      </c>
      <c r="B14760" t="s">
        <v>9167</v>
      </c>
      <c r="C14760" t="s">
        <v>9158</v>
      </c>
      <c r="D14760" t="s">
        <v>9159</v>
      </c>
      <c r="E14760" t="s">
        <v>8938</v>
      </c>
      <c r="F14760" t="s">
        <v>8939</v>
      </c>
      <c r="G14760" t="s">
        <v>80</v>
      </c>
      <c r="H14760" t="s">
        <v>81</v>
      </c>
      <c r="I14760" s="2">
        <v>0</v>
      </c>
      <c r="J14760" s="2">
        <v>1</v>
      </c>
      <c r="K14760" s="2">
        <v>0</v>
      </c>
      <c r="L14760" t="s">
        <v>82</v>
      </c>
      <c r="M14760" t="s">
        <v>89</v>
      </c>
      <c r="N14760" t="s">
        <v>90</v>
      </c>
      <c r="O14760" t="s">
        <v>85</v>
      </c>
      <c r="P14760" t="s">
        <v>86</v>
      </c>
      <c r="Q14760">
        <v>147</v>
      </c>
      <c r="R14760">
        <v>152</v>
      </c>
      <c r="S14760">
        <v>157</v>
      </c>
      <c r="T14760">
        <v>162</v>
      </c>
      <c r="U14760">
        <v>167</v>
      </c>
      <c r="V14760">
        <v>172</v>
      </c>
      <c r="W14760">
        <v>178</v>
      </c>
      <c r="X14760">
        <v>183</v>
      </c>
      <c r="Y14760">
        <v>188</v>
      </c>
      <c r="Z14760">
        <v>193</v>
      </c>
      <c r="AA14760">
        <v>198</v>
      </c>
      <c r="AB14760">
        <v>203</v>
      </c>
      <c r="AC14760">
        <v>208</v>
      </c>
      <c r="AD14760">
        <v>213</v>
      </c>
      <c r="AE14760">
        <v>217</v>
      </c>
      <c r="AF14760">
        <v>220</v>
      </c>
      <c r="AG14760">
        <v>222</v>
      </c>
      <c r="AH14760">
        <v>224</v>
      </c>
      <c r="AI14760">
        <v>227</v>
      </c>
      <c r="AJ14760">
        <v>229</v>
      </c>
      <c r="AK14760">
        <v>232</v>
      </c>
      <c r="AL14760">
        <v>234</v>
      </c>
      <c r="AM14760">
        <v>236</v>
      </c>
      <c r="AN14760">
        <v>239</v>
      </c>
      <c r="AO14760">
        <v>241</v>
      </c>
      <c r="AP14760">
        <v>243</v>
      </c>
      <c r="AQ14760">
        <v>246</v>
      </c>
    </row>
    <row r="14761" spans="1:43">
      <c r="A14761" t="s">
        <v>9166</v>
      </c>
      <c r="B14761" t="s">
        <v>9167</v>
      </c>
      <c r="C14761" t="s">
        <v>9158</v>
      </c>
      <c r="D14761" t="s">
        <v>9159</v>
      </c>
      <c r="E14761" t="s">
        <v>8938</v>
      </c>
      <c r="F14761" t="s">
        <v>8939</v>
      </c>
      <c r="G14761" t="s">
        <v>80</v>
      </c>
      <c r="H14761" t="s">
        <v>81</v>
      </c>
      <c r="I14761" s="2">
        <v>0</v>
      </c>
      <c r="J14761" s="2">
        <v>1</v>
      </c>
      <c r="K14761" s="2">
        <v>0</v>
      </c>
      <c r="L14761" t="s">
        <v>82</v>
      </c>
      <c r="M14761" t="s">
        <v>83</v>
      </c>
      <c r="N14761" t="s">
        <v>91</v>
      </c>
      <c r="O14761" t="s">
        <v>85</v>
      </c>
      <c r="P14761" t="s">
        <v>86</v>
      </c>
      <c r="Q14761">
        <v>147</v>
      </c>
      <c r="R14761">
        <v>150</v>
      </c>
      <c r="S14761">
        <v>154</v>
      </c>
      <c r="T14761">
        <v>158</v>
      </c>
      <c r="U14761">
        <v>162</v>
      </c>
      <c r="V14761">
        <v>166</v>
      </c>
      <c r="W14761">
        <v>170</v>
      </c>
      <c r="X14761">
        <v>174</v>
      </c>
      <c r="Y14761">
        <v>178</v>
      </c>
      <c r="Z14761">
        <v>182</v>
      </c>
      <c r="AA14761">
        <v>186</v>
      </c>
      <c r="AB14761">
        <v>190</v>
      </c>
      <c r="AC14761">
        <v>194</v>
      </c>
      <c r="AD14761">
        <v>199</v>
      </c>
      <c r="AE14761">
        <v>203</v>
      </c>
      <c r="AF14761">
        <v>207</v>
      </c>
      <c r="AG14761">
        <v>212</v>
      </c>
      <c r="AH14761">
        <v>216</v>
      </c>
      <c r="AI14761">
        <v>221</v>
      </c>
      <c r="AJ14761">
        <v>225</v>
      </c>
      <c r="AK14761">
        <v>230</v>
      </c>
      <c r="AL14761">
        <v>233</v>
      </c>
      <c r="AM14761">
        <v>235</v>
      </c>
      <c r="AN14761">
        <v>238</v>
      </c>
      <c r="AO14761">
        <v>240</v>
      </c>
      <c r="AP14761">
        <v>242</v>
      </c>
      <c r="AQ14761">
        <v>245</v>
      </c>
    </row>
    <row r="14762" spans="1:43">
      <c r="A14762" t="s">
        <v>9168</v>
      </c>
      <c r="B14762" t="s">
        <v>9169</v>
      </c>
      <c r="C14762" t="s">
        <v>9170</v>
      </c>
      <c r="D14762" t="s">
        <v>9171</v>
      </c>
      <c r="E14762" t="s">
        <v>8938</v>
      </c>
      <c r="F14762" t="s">
        <v>8939</v>
      </c>
      <c r="G14762" t="s">
        <v>80</v>
      </c>
      <c r="H14762" t="s">
        <v>81</v>
      </c>
      <c r="I14762" s="2">
        <v>0</v>
      </c>
      <c r="J14762" s="2">
        <v>1</v>
      </c>
      <c r="K14762" s="2">
        <v>0</v>
      </c>
      <c r="L14762" t="s">
        <v>82</v>
      </c>
      <c r="M14762" t="s">
        <v>83</v>
      </c>
      <c r="N14762" t="s">
        <v>84</v>
      </c>
      <c r="O14762" t="s">
        <v>85</v>
      </c>
      <c r="P14762" t="s">
        <v>86</v>
      </c>
      <c r="Q14762">
        <v>48</v>
      </c>
      <c r="R14762">
        <v>49</v>
      </c>
      <c r="S14762">
        <v>51</v>
      </c>
      <c r="T14762">
        <v>52</v>
      </c>
      <c r="U14762">
        <v>53</v>
      </c>
      <c r="V14762">
        <v>54</v>
      </c>
      <c r="W14762">
        <v>56</v>
      </c>
      <c r="X14762">
        <v>57</v>
      </c>
      <c r="Y14762">
        <v>58</v>
      </c>
      <c r="Z14762">
        <v>60</v>
      </c>
      <c r="AA14762">
        <v>61</v>
      </c>
      <c r="AB14762">
        <v>62</v>
      </c>
      <c r="AC14762">
        <v>64</v>
      </c>
      <c r="AD14762">
        <v>65</v>
      </c>
      <c r="AE14762">
        <v>67</v>
      </c>
      <c r="AF14762">
        <v>68</v>
      </c>
      <c r="AG14762">
        <v>69</v>
      </c>
      <c r="AH14762">
        <v>71</v>
      </c>
      <c r="AI14762">
        <v>72</v>
      </c>
      <c r="AJ14762">
        <v>74</v>
      </c>
      <c r="AK14762">
        <v>75</v>
      </c>
      <c r="AL14762">
        <v>76</v>
      </c>
      <c r="AM14762">
        <v>77</v>
      </c>
      <c r="AN14762">
        <v>78</v>
      </c>
      <c r="AO14762">
        <v>79</v>
      </c>
      <c r="AP14762">
        <v>79</v>
      </c>
      <c r="AQ14762">
        <v>80</v>
      </c>
    </row>
    <row r="14763" spans="1:43">
      <c r="A14763" t="s">
        <v>9168</v>
      </c>
      <c r="B14763" t="s">
        <v>9169</v>
      </c>
      <c r="C14763" t="s">
        <v>9170</v>
      </c>
      <c r="D14763" t="s">
        <v>9171</v>
      </c>
      <c r="E14763" t="s">
        <v>8938</v>
      </c>
      <c r="F14763" t="s">
        <v>8939</v>
      </c>
      <c r="G14763" t="s">
        <v>80</v>
      </c>
      <c r="H14763" t="s">
        <v>81</v>
      </c>
      <c r="I14763" s="2">
        <v>0</v>
      </c>
      <c r="J14763" s="2">
        <v>1</v>
      </c>
      <c r="K14763" s="2">
        <v>0</v>
      </c>
      <c r="L14763" t="s">
        <v>82</v>
      </c>
      <c r="M14763" t="s">
        <v>87</v>
      </c>
      <c r="N14763" t="s">
        <v>88</v>
      </c>
      <c r="O14763" t="s">
        <v>85</v>
      </c>
      <c r="P14763" t="s">
        <v>86</v>
      </c>
      <c r="Q14763">
        <v>48</v>
      </c>
      <c r="R14763">
        <v>48</v>
      </c>
      <c r="S14763">
        <v>49</v>
      </c>
      <c r="T14763">
        <v>50</v>
      </c>
      <c r="U14763">
        <v>51</v>
      </c>
      <c r="V14763">
        <v>52</v>
      </c>
      <c r="W14763">
        <v>52</v>
      </c>
      <c r="X14763">
        <v>53</v>
      </c>
      <c r="Y14763">
        <v>54</v>
      </c>
      <c r="Z14763">
        <v>55</v>
      </c>
      <c r="AA14763">
        <v>56</v>
      </c>
      <c r="AB14763">
        <v>56</v>
      </c>
      <c r="AC14763">
        <v>57</v>
      </c>
      <c r="AD14763">
        <v>58</v>
      </c>
      <c r="AE14763">
        <v>59</v>
      </c>
      <c r="AF14763">
        <v>60</v>
      </c>
      <c r="AG14763">
        <v>61</v>
      </c>
      <c r="AH14763">
        <v>61</v>
      </c>
      <c r="AI14763">
        <v>62</v>
      </c>
      <c r="AJ14763">
        <v>63</v>
      </c>
      <c r="AK14763">
        <v>64</v>
      </c>
      <c r="AL14763">
        <v>65</v>
      </c>
      <c r="AM14763">
        <v>66</v>
      </c>
      <c r="AN14763">
        <v>67</v>
      </c>
      <c r="AO14763">
        <v>68</v>
      </c>
      <c r="AP14763">
        <v>68</v>
      </c>
      <c r="AQ14763">
        <v>69</v>
      </c>
    </row>
    <row r="14764" spans="1:43">
      <c r="A14764" t="s">
        <v>9168</v>
      </c>
      <c r="B14764" t="s">
        <v>9169</v>
      </c>
      <c r="C14764" t="s">
        <v>9170</v>
      </c>
      <c r="D14764" t="s">
        <v>9171</v>
      </c>
      <c r="E14764" t="s">
        <v>8938</v>
      </c>
      <c r="F14764" t="s">
        <v>8939</v>
      </c>
      <c r="G14764" t="s">
        <v>80</v>
      </c>
      <c r="H14764" t="s">
        <v>81</v>
      </c>
      <c r="I14764" s="2">
        <v>0</v>
      </c>
      <c r="J14764" s="2">
        <v>1</v>
      </c>
      <c r="K14764" s="2">
        <v>0</v>
      </c>
      <c r="L14764" t="s">
        <v>82</v>
      </c>
      <c r="M14764" t="s">
        <v>89</v>
      </c>
      <c r="N14764" t="s">
        <v>90</v>
      </c>
      <c r="O14764" t="s">
        <v>85</v>
      </c>
      <c r="P14764" t="s">
        <v>86</v>
      </c>
      <c r="Q14764">
        <v>48</v>
      </c>
      <c r="R14764">
        <v>49</v>
      </c>
      <c r="S14764">
        <v>51</v>
      </c>
      <c r="T14764">
        <v>53</v>
      </c>
      <c r="U14764">
        <v>54</v>
      </c>
      <c r="V14764">
        <v>56</v>
      </c>
      <c r="W14764">
        <v>58</v>
      </c>
      <c r="X14764">
        <v>59</v>
      </c>
      <c r="Y14764">
        <v>61</v>
      </c>
      <c r="Z14764">
        <v>63</v>
      </c>
      <c r="AA14764">
        <v>64</v>
      </c>
      <c r="AB14764">
        <v>66</v>
      </c>
      <c r="AC14764">
        <v>68</v>
      </c>
      <c r="AD14764">
        <v>69</v>
      </c>
      <c r="AE14764">
        <v>71</v>
      </c>
      <c r="AF14764">
        <v>71</v>
      </c>
      <c r="AG14764">
        <v>72</v>
      </c>
      <c r="AH14764">
        <v>73</v>
      </c>
      <c r="AI14764">
        <v>74</v>
      </c>
      <c r="AJ14764">
        <v>74</v>
      </c>
      <c r="AK14764">
        <v>75</v>
      </c>
      <c r="AL14764">
        <v>76</v>
      </c>
      <c r="AM14764">
        <v>77</v>
      </c>
      <c r="AN14764">
        <v>78</v>
      </c>
      <c r="AO14764">
        <v>78</v>
      </c>
      <c r="AP14764">
        <v>79</v>
      </c>
      <c r="AQ14764">
        <v>80</v>
      </c>
    </row>
    <row r="14765" spans="1:43">
      <c r="A14765" t="s">
        <v>9168</v>
      </c>
      <c r="B14765" t="s">
        <v>9169</v>
      </c>
      <c r="C14765" t="s">
        <v>9170</v>
      </c>
      <c r="D14765" t="s">
        <v>9171</v>
      </c>
      <c r="E14765" t="s">
        <v>8938</v>
      </c>
      <c r="F14765" t="s">
        <v>8939</v>
      </c>
      <c r="G14765" t="s">
        <v>80</v>
      </c>
      <c r="H14765" t="s">
        <v>81</v>
      </c>
      <c r="I14765" s="2">
        <v>0</v>
      </c>
      <c r="J14765" s="2">
        <v>1</v>
      </c>
      <c r="K14765" s="2">
        <v>0</v>
      </c>
      <c r="L14765" t="s">
        <v>82</v>
      </c>
      <c r="M14765" t="s">
        <v>83</v>
      </c>
      <c r="N14765" t="s">
        <v>91</v>
      </c>
      <c r="O14765" t="s">
        <v>85</v>
      </c>
      <c r="P14765" t="s">
        <v>86</v>
      </c>
      <c r="Q14765">
        <v>48</v>
      </c>
      <c r="R14765">
        <v>49</v>
      </c>
      <c r="S14765">
        <v>51</v>
      </c>
      <c r="T14765">
        <v>52</v>
      </c>
      <c r="U14765">
        <v>53</v>
      </c>
      <c r="V14765">
        <v>54</v>
      </c>
      <c r="W14765">
        <v>56</v>
      </c>
      <c r="X14765">
        <v>57</v>
      </c>
      <c r="Y14765">
        <v>58</v>
      </c>
      <c r="Z14765">
        <v>60</v>
      </c>
      <c r="AA14765">
        <v>61</v>
      </c>
      <c r="AB14765">
        <v>62</v>
      </c>
      <c r="AC14765">
        <v>64</v>
      </c>
      <c r="AD14765">
        <v>65</v>
      </c>
      <c r="AE14765">
        <v>67</v>
      </c>
      <c r="AF14765">
        <v>68</v>
      </c>
      <c r="AG14765">
        <v>69</v>
      </c>
      <c r="AH14765">
        <v>71</v>
      </c>
      <c r="AI14765">
        <v>72</v>
      </c>
      <c r="AJ14765">
        <v>74</v>
      </c>
      <c r="AK14765">
        <v>75</v>
      </c>
      <c r="AL14765">
        <v>76</v>
      </c>
      <c r="AM14765">
        <v>77</v>
      </c>
      <c r="AN14765">
        <v>78</v>
      </c>
      <c r="AO14765">
        <v>79</v>
      </c>
      <c r="AP14765">
        <v>79</v>
      </c>
      <c r="AQ14765">
        <v>80</v>
      </c>
    </row>
    <row r="14766" spans="1:43">
      <c r="A14766" t="s">
        <v>9172</v>
      </c>
      <c r="B14766" t="s">
        <v>9173</v>
      </c>
      <c r="C14766" t="s">
        <v>9174</v>
      </c>
      <c r="D14766" t="s">
        <v>9175</v>
      </c>
      <c r="E14766" t="s">
        <v>8938</v>
      </c>
      <c r="F14766" t="s">
        <v>8939</v>
      </c>
      <c r="G14766" t="s">
        <v>80</v>
      </c>
      <c r="H14766" t="s">
        <v>81</v>
      </c>
      <c r="I14766" s="2">
        <v>0</v>
      </c>
      <c r="J14766" s="2">
        <v>1</v>
      </c>
      <c r="K14766" s="2">
        <v>0</v>
      </c>
      <c r="L14766" t="s">
        <v>82</v>
      </c>
      <c r="M14766" t="s">
        <v>83</v>
      </c>
      <c r="N14766" t="s">
        <v>84</v>
      </c>
      <c r="O14766" t="s">
        <v>85</v>
      </c>
      <c r="P14766" t="s">
        <v>86</v>
      </c>
      <c r="Q14766">
        <v>46</v>
      </c>
      <c r="R14766">
        <v>47</v>
      </c>
      <c r="S14766">
        <v>48</v>
      </c>
      <c r="T14766">
        <v>49</v>
      </c>
      <c r="U14766">
        <v>51</v>
      </c>
      <c r="V14766">
        <v>52</v>
      </c>
      <c r="W14766">
        <v>53</v>
      </c>
      <c r="X14766">
        <v>54</v>
      </c>
      <c r="Y14766">
        <v>56</v>
      </c>
      <c r="Z14766">
        <v>57</v>
      </c>
      <c r="AA14766">
        <v>58</v>
      </c>
      <c r="AB14766">
        <v>59</v>
      </c>
      <c r="AC14766">
        <v>61</v>
      </c>
      <c r="AD14766">
        <v>62</v>
      </c>
      <c r="AE14766">
        <v>63</v>
      </c>
      <c r="AF14766">
        <v>65</v>
      </c>
      <c r="AG14766">
        <v>66</v>
      </c>
      <c r="AH14766">
        <v>67</v>
      </c>
      <c r="AI14766">
        <v>69</v>
      </c>
      <c r="AJ14766">
        <v>70</v>
      </c>
      <c r="AK14766">
        <v>72</v>
      </c>
      <c r="AL14766">
        <v>73</v>
      </c>
      <c r="AM14766">
        <v>73</v>
      </c>
      <c r="AN14766">
        <v>74</v>
      </c>
      <c r="AO14766">
        <v>75</v>
      </c>
      <c r="AP14766">
        <v>76</v>
      </c>
      <c r="AQ14766">
        <v>76</v>
      </c>
    </row>
    <row r="14767" spans="1:43">
      <c r="A14767" t="s">
        <v>9172</v>
      </c>
      <c r="B14767" t="s">
        <v>9173</v>
      </c>
      <c r="C14767" t="s">
        <v>9174</v>
      </c>
      <c r="D14767" t="s">
        <v>9175</v>
      </c>
      <c r="E14767" t="s">
        <v>8938</v>
      </c>
      <c r="F14767" t="s">
        <v>8939</v>
      </c>
      <c r="G14767" t="s">
        <v>80</v>
      </c>
      <c r="H14767" t="s">
        <v>81</v>
      </c>
      <c r="I14767" s="2">
        <v>0</v>
      </c>
      <c r="J14767" s="2">
        <v>1</v>
      </c>
      <c r="K14767" s="2">
        <v>0</v>
      </c>
      <c r="L14767" t="s">
        <v>82</v>
      </c>
      <c r="M14767" t="s">
        <v>87</v>
      </c>
      <c r="N14767" t="s">
        <v>88</v>
      </c>
      <c r="O14767" t="s">
        <v>85</v>
      </c>
      <c r="P14767" t="s">
        <v>86</v>
      </c>
      <c r="Q14767">
        <v>46</v>
      </c>
      <c r="R14767">
        <v>47</v>
      </c>
      <c r="S14767">
        <v>48</v>
      </c>
      <c r="T14767">
        <v>49</v>
      </c>
      <c r="U14767">
        <v>49</v>
      </c>
      <c r="V14767">
        <v>50</v>
      </c>
      <c r="W14767">
        <v>51</v>
      </c>
      <c r="X14767">
        <v>52</v>
      </c>
      <c r="Y14767">
        <v>52</v>
      </c>
      <c r="Z14767">
        <v>53</v>
      </c>
      <c r="AA14767">
        <v>54</v>
      </c>
      <c r="AB14767">
        <v>55</v>
      </c>
      <c r="AC14767">
        <v>55</v>
      </c>
      <c r="AD14767">
        <v>56</v>
      </c>
      <c r="AE14767">
        <v>57</v>
      </c>
      <c r="AF14767">
        <v>58</v>
      </c>
      <c r="AG14767">
        <v>59</v>
      </c>
      <c r="AH14767">
        <v>59</v>
      </c>
      <c r="AI14767">
        <v>60</v>
      </c>
      <c r="AJ14767">
        <v>61</v>
      </c>
      <c r="AK14767">
        <v>62</v>
      </c>
      <c r="AL14767">
        <v>63</v>
      </c>
      <c r="AM14767">
        <v>64</v>
      </c>
      <c r="AN14767">
        <v>64</v>
      </c>
      <c r="AO14767">
        <v>65</v>
      </c>
      <c r="AP14767">
        <v>66</v>
      </c>
      <c r="AQ14767">
        <v>67</v>
      </c>
    </row>
    <row r="14768" spans="1:43">
      <c r="A14768" t="s">
        <v>9172</v>
      </c>
      <c r="B14768" t="s">
        <v>9173</v>
      </c>
      <c r="C14768" t="s">
        <v>9174</v>
      </c>
      <c r="D14768" t="s">
        <v>9175</v>
      </c>
      <c r="E14768" t="s">
        <v>8938</v>
      </c>
      <c r="F14768" t="s">
        <v>8939</v>
      </c>
      <c r="G14768" t="s">
        <v>80</v>
      </c>
      <c r="H14768" t="s">
        <v>81</v>
      </c>
      <c r="I14768" s="2">
        <v>0</v>
      </c>
      <c r="J14768" s="2">
        <v>1</v>
      </c>
      <c r="K14768" s="2">
        <v>0</v>
      </c>
      <c r="L14768" t="s">
        <v>82</v>
      </c>
      <c r="M14768" t="s">
        <v>89</v>
      </c>
      <c r="N14768" t="s">
        <v>90</v>
      </c>
      <c r="O14768" t="s">
        <v>85</v>
      </c>
      <c r="P14768" t="s">
        <v>86</v>
      </c>
      <c r="Q14768">
        <v>46</v>
      </c>
      <c r="R14768">
        <v>48</v>
      </c>
      <c r="S14768">
        <v>49</v>
      </c>
      <c r="T14768">
        <v>51</v>
      </c>
      <c r="U14768">
        <v>53</v>
      </c>
      <c r="V14768">
        <v>54</v>
      </c>
      <c r="W14768">
        <v>56</v>
      </c>
      <c r="X14768">
        <v>57</v>
      </c>
      <c r="Y14768">
        <v>59</v>
      </c>
      <c r="Z14768">
        <v>60</v>
      </c>
      <c r="AA14768">
        <v>62</v>
      </c>
      <c r="AB14768">
        <v>63</v>
      </c>
      <c r="AC14768">
        <v>65</v>
      </c>
      <c r="AD14768">
        <v>67</v>
      </c>
      <c r="AE14768">
        <v>68</v>
      </c>
      <c r="AF14768">
        <v>69</v>
      </c>
      <c r="AG14768">
        <v>70</v>
      </c>
      <c r="AH14768">
        <v>70</v>
      </c>
      <c r="AI14768">
        <v>71</v>
      </c>
      <c r="AJ14768">
        <v>72</v>
      </c>
      <c r="AK14768">
        <v>72</v>
      </c>
      <c r="AL14768">
        <v>73</v>
      </c>
      <c r="AM14768">
        <v>74</v>
      </c>
      <c r="AN14768">
        <v>75</v>
      </c>
      <c r="AO14768">
        <v>75</v>
      </c>
      <c r="AP14768">
        <v>76</v>
      </c>
      <c r="AQ14768">
        <v>77</v>
      </c>
    </row>
    <row r="14769" spans="1:43">
      <c r="A14769" t="s">
        <v>9172</v>
      </c>
      <c r="B14769" t="s">
        <v>9173</v>
      </c>
      <c r="C14769" t="s">
        <v>9174</v>
      </c>
      <c r="D14769" t="s">
        <v>9175</v>
      </c>
      <c r="E14769" t="s">
        <v>8938</v>
      </c>
      <c r="F14769" t="s">
        <v>8939</v>
      </c>
      <c r="G14769" t="s">
        <v>80</v>
      </c>
      <c r="H14769" t="s">
        <v>81</v>
      </c>
      <c r="I14769" s="2">
        <v>0</v>
      </c>
      <c r="J14769" s="2">
        <v>1</v>
      </c>
      <c r="K14769" s="2">
        <v>0</v>
      </c>
      <c r="L14769" t="s">
        <v>82</v>
      </c>
      <c r="M14769" t="s">
        <v>83</v>
      </c>
      <c r="N14769" t="s">
        <v>91</v>
      </c>
      <c r="O14769" t="s">
        <v>85</v>
      </c>
      <c r="P14769" t="s">
        <v>86</v>
      </c>
      <c r="Q14769">
        <v>46</v>
      </c>
      <c r="R14769">
        <v>47</v>
      </c>
      <c r="S14769">
        <v>48</v>
      </c>
      <c r="T14769">
        <v>49</v>
      </c>
      <c r="U14769">
        <v>51</v>
      </c>
      <c r="V14769">
        <v>52</v>
      </c>
      <c r="W14769">
        <v>53</v>
      </c>
      <c r="X14769">
        <v>54</v>
      </c>
      <c r="Y14769">
        <v>56</v>
      </c>
      <c r="Z14769">
        <v>57</v>
      </c>
      <c r="AA14769">
        <v>58</v>
      </c>
      <c r="AB14769">
        <v>59</v>
      </c>
      <c r="AC14769">
        <v>61</v>
      </c>
      <c r="AD14769">
        <v>62</v>
      </c>
      <c r="AE14769">
        <v>63</v>
      </c>
      <c r="AF14769">
        <v>65</v>
      </c>
      <c r="AG14769">
        <v>66</v>
      </c>
      <c r="AH14769">
        <v>67</v>
      </c>
      <c r="AI14769">
        <v>69</v>
      </c>
      <c r="AJ14769">
        <v>70</v>
      </c>
      <c r="AK14769">
        <v>72</v>
      </c>
      <c r="AL14769">
        <v>73</v>
      </c>
      <c r="AM14769">
        <v>73</v>
      </c>
      <c r="AN14769">
        <v>74</v>
      </c>
      <c r="AO14769">
        <v>75</v>
      </c>
      <c r="AP14769">
        <v>76</v>
      </c>
      <c r="AQ14769">
        <v>76</v>
      </c>
    </row>
    <row r="14770" spans="1:43">
      <c r="A14770" t="s">
        <v>9176</v>
      </c>
      <c r="B14770" t="s">
        <v>9177</v>
      </c>
      <c r="C14770" t="s">
        <v>9174</v>
      </c>
      <c r="D14770" t="s">
        <v>9175</v>
      </c>
      <c r="E14770" t="s">
        <v>8938</v>
      </c>
      <c r="F14770" t="s">
        <v>8939</v>
      </c>
      <c r="G14770" t="s">
        <v>80</v>
      </c>
      <c r="H14770" t="s">
        <v>81</v>
      </c>
      <c r="I14770" s="2">
        <v>0</v>
      </c>
      <c r="J14770" s="2">
        <v>1</v>
      </c>
      <c r="K14770" s="2">
        <v>0</v>
      </c>
      <c r="L14770" t="s">
        <v>82</v>
      </c>
      <c r="M14770" t="s">
        <v>83</v>
      </c>
      <c r="N14770" t="s">
        <v>84</v>
      </c>
      <c r="O14770" t="s">
        <v>85</v>
      </c>
      <c r="P14770" t="s">
        <v>86</v>
      </c>
      <c r="Q14770">
        <v>44</v>
      </c>
      <c r="R14770">
        <v>46</v>
      </c>
      <c r="S14770">
        <v>47</v>
      </c>
      <c r="T14770">
        <v>48</v>
      </c>
      <c r="U14770">
        <v>49</v>
      </c>
      <c r="V14770">
        <v>50</v>
      </c>
      <c r="W14770">
        <v>51</v>
      </c>
      <c r="X14770">
        <v>53</v>
      </c>
      <c r="Y14770">
        <v>54</v>
      </c>
      <c r="Z14770">
        <v>55</v>
      </c>
      <c r="AA14770">
        <v>56</v>
      </c>
      <c r="AB14770">
        <v>58</v>
      </c>
      <c r="AC14770">
        <v>59</v>
      </c>
      <c r="AD14770">
        <v>60</v>
      </c>
      <c r="AE14770">
        <v>62</v>
      </c>
      <c r="AF14770">
        <v>63</v>
      </c>
      <c r="AG14770">
        <v>64</v>
      </c>
      <c r="AH14770">
        <v>66</v>
      </c>
      <c r="AI14770">
        <v>67</v>
      </c>
      <c r="AJ14770">
        <v>68</v>
      </c>
      <c r="AK14770">
        <v>70</v>
      </c>
      <c r="AL14770">
        <v>71</v>
      </c>
      <c r="AM14770">
        <v>71</v>
      </c>
      <c r="AN14770">
        <v>72</v>
      </c>
      <c r="AO14770">
        <v>73</v>
      </c>
      <c r="AP14770">
        <v>73</v>
      </c>
      <c r="AQ14770">
        <v>74</v>
      </c>
    </row>
    <row r="14771" spans="1:43">
      <c r="A14771" t="s">
        <v>9176</v>
      </c>
      <c r="B14771" t="s">
        <v>9177</v>
      </c>
      <c r="C14771" t="s">
        <v>9174</v>
      </c>
      <c r="D14771" t="s">
        <v>9175</v>
      </c>
      <c r="E14771" t="s">
        <v>8938</v>
      </c>
      <c r="F14771" t="s">
        <v>8939</v>
      </c>
      <c r="G14771" t="s">
        <v>80</v>
      </c>
      <c r="H14771" t="s">
        <v>81</v>
      </c>
      <c r="I14771" s="2">
        <v>0</v>
      </c>
      <c r="J14771" s="2">
        <v>1</v>
      </c>
      <c r="K14771" s="2">
        <v>0</v>
      </c>
      <c r="L14771" t="s">
        <v>82</v>
      </c>
      <c r="M14771" t="s">
        <v>87</v>
      </c>
      <c r="N14771" t="s">
        <v>88</v>
      </c>
      <c r="O14771" t="s">
        <v>85</v>
      </c>
      <c r="P14771" t="s">
        <v>86</v>
      </c>
      <c r="Q14771">
        <v>44</v>
      </c>
      <c r="R14771">
        <v>45</v>
      </c>
      <c r="S14771">
        <v>45</v>
      </c>
      <c r="T14771">
        <v>46</v>
      </c>
      <c r="U14771">
        <v>47</v>
      </c>
      <c r="V14771">
        <v>48</v>
      </c>
      <c r="W14771">
        <v>48</v>
      </c>
      <c r="X14771">
        <v>49</v>
      </c>
      <c r="Y14771">
        <v>50</v>
      </c>
      <c r="Z14771">
        <v>51</v>
      </c>
      <c r="AA14771">
        <v>51</v>
      </c>
      <c r="AB14771">
        <v>52</v>
      </c>
      <c r="AC14771">
        <v>53</v>
      </c>
      <c r="AD14771">
        <v>54</v>
      </c>
      <c r="AE14771">
        <v>54</v>
      </c>
      <c r="AF14771">
        <v>55</v>
      </c>
      <c r="AG14771">
        <v>56</v>
      </c>
      <c r="AH14771">
        <v>57</v>
      </c>
      <c r="AI14771">
        <v>58</v>
      </c>
      <c r="AJ14771">
        <v>58</v>
      </c>
      <c r="AK14771">
        <v>59</v>
      </c>
      <c r="AL14771">
        <v>60</v>
      </c>
      <c r="AM14771">
        <v>61</v>
      </c>
      <c r="AN14771">
        <v>62</v>
      </c>
      <c r="AO14771">
        <v>63</v>
      </c>
      <c r="AP14771">
        <v>63</v>
      </c>
      <c r="AQ14771">
        <v>64</v>
      </c>
    </row>
    <row r="14772" spans="1:43">
      <c r="A14772" t="s">
        <v>9176</v>
      </c>
      <c r="B14772" t="s">
        <v>9177</v>
      </c>
      <c r="C14772" t="s">
        <v>9174</v>
      </c>
      <c r="D14772" t="s">
        <v>9175</v>
      </c>
      <c r="E14772" t="s">
        <v>8938</v>
      </c>
      <c r="F14772" t="s">
        <v>8939</v>
      </c>
      <c r="G14772" t="s">
        <v>80</v>
      </c>
      <c r="H14772" t="s">
        <v>81</v>
      </c>
      <c r="I14772" s="2">
        <v>0</v>
      </c>
      <c r="J14772" s="2">
        <v>1</v>
      </c>
      <c r="K14772" s="2">
        <v>0</v>
      </c>
      <c r="L14772" t="s">
        <v>82</v>
      </c>
      <c r="M14772" t="s">
        <v>89</v>
      </c>
      <c r="N14772" t="s">
        <v>90</v>
      </c>
      <c r="O14772" t="s">
        <v>85</v>
      </c>
      <c r="P14772" t="s">
        <v>86</v>
      </c>
      <c r="Q14772">
        <v>44</v>
      </c>
      <c r="R14772">
        <v>45</v>
      </c>
      <c r="S14772">
        <v>47</v>
      </c>
      <c r="T14772">
        <v>49</v>
      </c>
      <c r="U14772">
        <v>50</v>
      </c>
      <c r="V14772">
        <v>52</v>
      </c>
      <c r="W14772">
        <v>53</v>
      </c>
      <c r="X14772">
        <v>55</v>
      </c>
      <c r="Y14772">
        <v>56</v>
      </c>
      <c r="Z14772">
        <v>58</v>
      </c>
      <c r="AA14772">
        <v>59</v>
      </c>
      <c r="AB14772">
        <v>61</v>
      </c>
      <c r="AC14772">
        <v>62</v>
      </c>
      <c r="AD14772">
        <v>64</v>
      </c>
      <c r="AE14772">
        <v>65</v>
      </c>
      <c r="AF14772">
        <v>66</v>
      </c>
      <c r="AG14772">
        <v>67</v>
      </c>
      <c r="AH14772">
        <v>67</v>
      </c>
      <c r="AI14772">
        <v>68</v>
      </c>
      <c r="AJ14772">
        <v>69</v>
      </c>
      <c r="AK14772">
        <v>69</v>
      </c>
      <c r="AL14772">
        <v>70</v>
      </c>
      <c r="AM14772">
        <v>71</v>
      </c>
      <c r="AN14772">
        <v>72</v>
      </c>
      <c r="AO14772">
        <v>72</v>
      </c>
      <c r="AP14772">
        <v>73</v>
      </c>
      <c r="AQ14772">
        <v>74</v>
      </c>
    </row>
    <row r="14773" spans="1:43">
      <c r="A14773" t="s">
        <v>9176</v>
      </c>
      <c r="B14773" t="s">
        <v>9177</v>
      </c>
      <c r="C14773" t="s">
        <v>9174</v>
      </c>
      <c r="D14773" t="s">
        <v>9175</v>
      </c>
      <c r="E14773" t="s">
        <v>8938</v>
      </c>
      <c r="F14773" t="s">
        <v>8939</v>
      </c>
      <c r="G14773" t="s">
        <v>80</v>
      </c>
      <c r="H14773" t="s">
        <v>81</v>
      </c>
      <c r="I14773" s="2">
        <v>0</v>
      </c>
      <c r="J14773" s="2">
        <v>1</v>
      </c>
      <c r="K14773" s="2">
        <v>0</v>
      </c>
      <c r="L14773" t="s">
        <v>82</v>
      </c>
      <c r="M14773" t="s">
        <v>83</v>
      </c>
      <c r="N14773" t="s">
        <v>91</v>
      </c>
      <c r="O14773" t="s">
        <v>85</v>
      </c>
      <c r="P14773" t="s">
        <v>86</v>
      </c>
      <c r="Q14773">
        <v>44</v>
      </c>
      <c r="R14773">
        <v>46</v>
      </c>
      <c r="S14773">
        <v>47</v>
      </c>
      <c r="T14773">
        <v>48</v>
      </c>
      <c r="U14773">
        <v>49</v>
      </c>
      <c r="V14773">
        <v>50</v>
      </c>
      <c r="W14773">
        <v>51</v>
      </c>
      <c r="X14773">
        <v>53</v>
      </c>
      <c r="Y14773">
        <v>54</v>
      </c>
      <c r="Z14773">
        <v>55</v>
      </c>
      <c r="AA14773">
        <v>56</v>
      </c>
      <c r="AB14773">
        <v>58</v>
      </c>
      <c r="AC14773">
        <v>59</v>
      </c>
      <c r="AD14773">
        <v>60</v>
      </c>
      <c r="AE14773">
        <v>62</v>
      </c>
      <c r="AF14773">
        <v>63</v>
      </c>
      <c r="AG14773">
        <v>64</v>
      </c>
      <c r="AH14773">
        <v>66</v>
      </c>
      <c r="AI14773">
        <v>67</v>
      </c>
      <c r="AJ14773">
        <v>68</v>
      </c>
      <c r="AK14773">
        <v>70</v>
      </c>
      <c r="AL14773">
        <v>71</v>
      </c>
      <c r="AM14773">
        <v>71</v>
      </c>
      <c r="AN14773">
        <v>72</v>
      </c>
      <c r="AO14773">
        <v>73</v>
      </c>
      <c r="AP14773">
        <v>73</v>
      </c>
      <c r="AQ14773">
        <v>74</v>
      </c>
    </row>
    <row r="14774" spans="1:43">
      <c r="A14774" t="s">
        <v>9178</v>
      </c>
      <c r="B14774" t="s">
        <v>9179</v>
      </c>
      <c r="C14774" t="s">
        <v>9170</v>
      </c>
      <c r="D14774" t="s">
        <v>9171</v>
      </c>
      <c r="E14774" t="s">
        <v>8938</v>
      </c>
      <c r="F14774" t="s">
        <v>8939</v>
      </c>
      <c r="G14774" t="s">
        <v>80</v>
      </c>
      <c r="H14774" t="s">
        <v>81</v>
      </c>
      <c r="I14774" s="2">
        <v>0</v>
      </c>
      <c r="J14774" s="2">
        <v>1</v>
      </c>
      <c r="K14774" s="2">
        <v>0</v>
      </c>
      <c r="L14774" t="s">
        <v>82</v>
      </c>
      <c r="M14774" t="s">
        <v>83</v>
      </c>
      <c r="N14774" t="s">
        <v>84</v>
      </c>
      <c r="O14774" t="s">
        <v>85</v>
      </c>
      <c r="P14774" t="s">
        <v>86</v>
      </c>
      <c r="Q14774">
        <v>156</v>
      </c>
      <c r="R14774">
        <v>160</v>
      </c>
      <c r="S14774">
        <v>164</v>
      </c>
      <c r="T14774">
        <v>168</v>
      </c>
      <c r="U14774">
        <v>172</v>
      </c>
      <c r="V14774">
        <v>176</v>
      </c>
      <c r="W14774">
        <v>181</v>
      </c>
      <c r="X14774">
        <v>185</v>
      </c>
      <c r="Y14774">
        <v>189</v>
      </c>
      <c r="Z14774">
        <v>193</v>
      </c>
      <c r="AA14774">
        <v>198</v>
      </c>
      <c r="AB14774">
        <v>202</v>
      </c>
      <c r="AC14774">
        <v>207</v>
      </c>
      <c r="AD14774">
        <v>211</v>
      </c>
      <c r="AE14774">
        <v>216</v>
      </c>
      <c r="AF14774">
        <v>220</v>
      </c>
      <c r="AG14774">
        <v>225</v>
      </c>
      <c r="AH14774">
        <v>230</v>
      </c>
      <c r="AI14774">
        <v>234</v>
      </c>
      <c r="AJ14774">
        <v>239</v>
      </c>
      <c r="AK14774">
        <v>244</v>
      </c>
      <c r="AL14774">
        <v>247</v>
      </c>
      <c r="AM14774">
        <v>250</v>
      </c>
      <c r="AN14774">
        <v>252</v>
      </c>
      <c r="AO14774">
        <v>255</v>
      </c>
      <c r="AP14774">
        <v>258</v>
      </c>
      <c r="AQ14774">
        <v>260</v>
      </c>
    </row>
    <row r="14775" spans="1:43">
      <c r="A14775" t="s">
        <v>9178</v>
      </c>
      <c r="B14775" t="s">
        <v>9179</v>
      </c>
      <c r="C14775" t="s">
        <v>9170</v>
      </c>
      <c r="D14775" t="s">
        <v>9171</v>
      </c>
      <c r="E14775" t="s">
        <v>8938</v>
      </c>
      <c r="F14775" t="s">
        <v>8939</v>
      </c>
      <c r="G14775" t="s">
        <v>80</v>
      </c>
      <c r="H14775" t="s">
        <v>81</v>
      </c>
      <c r="I14775" s="2">
        <v>0</v>
      </c>
      <c r="J14775" s="2">
        <v>1</v>
      </c>
      <c r="K14775" s="2">
        <v>0</v>
      </c>
      <c r="L14775" t="s">
        <v>82</v>
      </c>
      <c r="M14775" t="s">
        <v>87</v>
      </c>
      <c r="N14775" t="s">
        <v>88</v>
      </c>
      <c r="O14775" t="s">
        <v>85</v>
      </c>
      <c r="P14775" t="s">
        <v>86</v>
      </c>
      <c r="Q14775">
        <v>156</v>
      </c>
      <c r="R14775">
        <v>158</v>
      </c>
      <c r="S14775">
        <v>161</v>
      </c>
      <c r="T14775">
        <v>163</v>
      </c>
      <c r="U14775">
        <v>166</v>
      </c>
      <c r="V14775">
        <v>168</v>
      </c>
      <c r="W14775">
        <v>171</v>
      </c>
      <c r="X14775">
        <v>173</v>
      </c>
      <c r="Y14775">
        <v>176</v>
      </c>
      <c r="Z14775">
        <v>178</v>
      </c>
      <c r="AA14775">
        <v>181</v>
      </c>
      <c r="AB14775">
        <v>184</v>
      </c>
      <c r="AC14775">
        <v>186</v>
      </c>
      <c r="AD14775">
        <v>189</v>
      </c>
      <c r="AE14775">
        <v>192</v>
      </c>
      <c r="AF14775">
        <v>194</v>
      </c>
      <c r="AG14775">
        <v>197</v>
      </c>
      <c r="AH14775">
        <v>200</v>
      </c>
      <c r="AI14775">
        <v>203</v>
      </c>
      <c r="AJ14775">
        <v>205</v>
      </c>
      <c r="AK14775">
        <v>208</v>
      </c>
      <c r="AL14775">
        <v>211</v>
      </c>
      <c r="AM14775">
        <v>214</v>
      </c>
      <c r="AN14775">
        <v>217</v>
      </c>
      <c r="AO14775">
        <v>220</v>
      </c>
      <c r="AP14775">
        <v>223</v>
      </c>
      <c r="AQ14775">
        <v>226</v>
      </c>
    </row>
    <row r="14776" spans="1:43">
      <c r="A14776" t="s">
        <v>9178</v>
      </c>
      <c r="B14776" t="s">
        <v>9179</v>
      </c>
      <c r="C14776" t="s">
        <v>9170</v>
      </c>
      <c r="D14776" t="s">
        <v>9171</v>
      </c>
      <c r="E14776" t="s">
        <v>8938</v>
      </c>
      <c r="F14776" t="s">
        <v>8939</v>
      </c>
      <c r="G14776" t="s">
        <v>80</v>
      </c>
      <c r="H14776" t="s">
        <v>81</v>
      </c>
      <c r="I14776" s="2">
        <v>0</v>
      </c>
      <c r="J14776" s="2">
        <v>1</v>
      </c>
      <c r="K14776" s="2">
        <v>0</v>
      </c>
      <c r="L14776" t="s">
        <v>82</v>
      </c>
      <c r="M14776" t="s">
        <v>89</v>
      </c>
      <c r="N14776" t="s">
        <v>90</v>
      </c>
      <c r="O14776" t="s">
        <v>85</v>
      </c>
      <c r="P14776" t="s">
        <v>86</v>
      </c>
      <c r="Q14776">
        <v>156</v>
      </c>
      <c r="R14776">
        <v>162</v>
      </c>
      <c r="S14776">
        <v>167</v>
      </c>
      <c r="T14776">
        <v>173</v>
      </c>
      <c r="U14776">
        <v>178</v>
      </c>
      <c r="V14776">
        <v>183</v>
      </c>
      <c r="W14776">
        <v>189</v>
      </c>
      <c r="X14776">
        <v>194</v>
      </c>
      <c r="Y14776">
        <v>200</v>
      </c>
      <c r="Z14776">
        <v>205</v>
      </c>
      <c r="AA14776">
        <v>210</v>
      </c>
      <c r="AB14776">
        <v>215</v>
      </c>
      <c r="AC14776">
        <v>221</v>
      </c>
      <c r="AD14776">
        <v>227</v>
      </c>
      <c r="AE14776">
        <v>231</v>
      </c>
      <c r="AF14776">
        <v>233</v>
      </c>
      <c r="AG14776">
        <v>236</v>
      </c>
      <c r="AH14776">
        <v>239</v>
      </c>
      <c r="AI14776">
        <v>241</v>
      </c>
      <c r="AJ14776">
        <v>244</v>
      </c>
      <c r="AK14776">
        <v>246</v>
      </c>
      <c r="AL14776">
        <v>249</v>
      </c>
      <c r="AM14776">
        <v>251</v>
      </c>
      <c r="AN14776">
        <v>254</v>
      </c>
      <c r="AO14776">
        <v>256</v>
      </c>
      <c r="AP14776">
        <v>259</v>
      </c>
      <c r="AQ14776">
        <v>261</v>
      </c>
    </row>
    <row r="14777" spans="1:43">
      <c r="A14777" t="s">
        <v>9178</v>
      </c>
      <c r="B14777" t="s">
        <v>9179</v>
      </c>
      <c r="C14777" t="s">
        <v>9170</v>
      </c>
      <c r="D14777" t="s">
        <v>9171</v>
      </c>
      <c r="E14777" t="s">
        <v>8938</v>
      </c>
      <c r="F14777" t="s">
        <v>8939</v>
      </c>
      <c r="G14777" t="s">
        <v>80</v>
      </c>
      <c r="H14777" t="s">
        <v>81</v>
      </c>
      <c r="I14777" s="2">
        <v>0</v>
      </c>
      <c r="J14777" s="2">
        <v>1</v>
      </c>
      <c r="K14777" s="2">
        <v>0</v>
      </c>
      <c r="L14777" t="s">
        <v>82</v>
      </c>
      <c r="M14777" t="s">
        <v>83</v>
      </c>
      <c r="N14777" t="s">
        <v>91</v>
      </c>
      <c r="O14777" t="s">
        <v>85</v>
      </c>
      <c r="P14777" t="s">
        <v>86</v>
      </c>
      <c r="Q14777">
        <v>156</v>
      </c>
      <c r="R14777">
        <v>160</v>
      </c>
      <c r="S14777">
        <v>164</v>
      </c>
      <c r="T14777">
        <v>168</v>
      </c>
      <c r="U14777">
        <v>172</v>
      </c>
      <c r="V14777">
        <v>176</v>
      </c>
      <c r="W14777">
        <v>181</v>
      </c>
      <c r="X14777">
        <v>185</v>
      </c>
      <c r="Y14777">
        <v>189</v>
      </c>
      <c r="Z14777">
        <v>193</v>
      </c>
      <c r="AA14777">
        <v>198</v>
      </c>
      <c r="AB14777">
        <v>202</v>
      </c>
      <c r="AC14777">
        <v>207</v>
      </c>
      <c r="AD14777">
        <v>211</v>
      </c>
      <c r="AE14777">
        <v>216</v>
      </c>
      <c r="AF14777">
        <v>220</v>
      </c>
      <c r="AG14777">
        <v>225</v>
      </c>
      <c r="AH14777">
        <v>230</v>
      </c>
      <c r="AI14777">
        <v>234</v>
      </c>
      <c r="AJ14777">
        <v>239</v>
      </c>
      <c r="AK14777">
        <v>244</v>
      </c>
      <c r="AL14777">
        <v>247</v>
      </c>
      <c r="AM14777">
        <v>250</v>
      </c>
      <c r="AN14777">
        <v>252</v>
      </c>
      <c r="AO14777">
        <v>255</v>
      </c>
      <c r="AP14777">
        <v>258</v>
      </c>
      <c r="AQ14777">
        <v>260</v>
      </c>
    </row>
    <row r="14778" spans="1:43">
      <c r="A14778" t="s">
        <v>9180</v>
      </c>
      <c r="B14778" t="s">
        <v>9181</v>
      </c>
      <c r="C14778" t="s">
        <v>9174</v>
      </c>
      <c r="D14778" t="s">
        <v>9175</v>
      </c>
      <c r="E14778" t="s">
        <v>8938</v>
      </c>
      <c r="F14778" t="s">
        <v>8939</v>
      </c>
      <c r="G14778" t="s">
        <v>80</v>
      </c>
      <c r="H14778" t="s">
        <v>81</v>
      </c>
      <c r="I14778" s="2">
        <v>0</v>
      </c>
      <c r="J14778" s="2">
        <v>1</v>
      </c>
      <c r="K14778" s="2">
        <v>0</v>
      </c>
      <c r="L14778" t="s">
        <v>82</v>
      </c>
      <c r="M14778" t="s">
        <v>83</v>
      </c>
      <c r="N14778" t="s">
        <v>84</v>
      </c>
      <c r="O14778" t="s">
        <v>85</v>
      </c>
      <c r="P14778" t="s">
        <v>86</v>
      </c>
      <c r="Q14778">
        <v>10</v>
      </c>
      <c r="R14778">
        <v>10</v>
      </c>
      <c r="S14778">
        <v>10</v>
      </c>
      <c r="T14778">
        <v>11</v>
      </c>
      <c r="U14778">
        <v>11</v>
      </c>
      <c r="V14778">
        <v>11</v>
      </c>
      <c r="W14778">
        <v>11</v>
      </c>
      <c r="X14778">
        <v>12</v>
      </c>
      <c r="Y14778">
        <v>12</v>
      </c>
      <c r="Z14778">
        <v>12</v>
      </c>
      <c r="AA14778">
        <v>12</v>
      </c>
      <c r="AB14778">
        <v>13</v>
      </c>
      <c r="AC14778">
        <v>13</v>
      </c>
      <c r="AD14778">
        <v>13</v>
      </c>
      <c r="AE14778">
        <v>13</v>
      </c>
      <c r="AF14778">
        <v>14</v>
      </c>
      <c r="AG14778">
        <v>14</v>
      </c>
      <c r="AH14778">
        <v>14</v>
      </c>
      <c r="AI14778">
        <v>15</v>
      </c>
      <c r="AJ14778">
        <v>15</v>
      </c>
      <c r="AK14778">
        <v>15</v>
      </c>
      <c r="AL14778">
        <v>15</v>
      </c>
      <c r="AM14778">
        <v>16</v>
      </c>
      <c r="AN14778">
        <v>16</v>
      </c>
      <c r="AO14778">
        <v>16</v>
      </c>
      <c r="AP14778">
        <v>16</v>
      </c>
      <c r="AQ14778">
        <v>16</v>
      </c>
    </row>
    <row r="14779" spans="1:43">
      <c r="A14779" t="s">
        <v>9180</v>
      </c>
      <c r="B14779" t="s">
        <v>9181</v>
      </c>
      <c r="C14779" t="s">
        <v>9174</v>
      </c>
      <c r="D14779" t="s">
        <v>9175</v>
      </c>
      <c r="E14779" t="s">
        <v>8938</v>
      </c>
      <c r="F14779" t="s">
        <v>8939</v>
      </c>
      <c r="G14779" t="s">
        <v>80</v>
      </c>
      <c r="H14779" t="s">
        <v>81</v>
      </c>
      <c r="I14779" s="2">
        <v>0</v>
      </c>
      <c r="J14779" s="2">
        <v>1</v>
      </c>
      <c r="K14779" s="2">
        <v>0</v>
      </c>
      <c r="L14779" t="s">
        <v>82</v>
      </c>
      <c r="M14779" t="s">
        <v>87</v>
      </c>
      <c r="N14779" t="s">
        <v>88</v>
      </c>
      <c r="O14779" t="s">
        <v>85</v>
      </c>
      <c r="P14779" t="s">
        <v>86</v>
      </c>
      <c r="Q14779">
        <v>10</v>
      </c>
      <c r="R14779">
        <v>10</v>
      </c>
      <c r="S14779">
        <v>10</v>
      </c>
      <c r="T14779">
        <v>10</v>
      </c>
      <c r="U14779">
        <v>10</v>
      </c>
      <c r="V14779">
        <v>10</v>
      </c>
      <c r="W14779">
        <v>11</v>
      </c>
      <c r="X14779">
        <v>11</v>
      </c>
      <c r="Y14779">
        <v>11</v>
      </c>
      <c r="Z14779">
        <v>11</v>
      </c>
      <c r="AA14779">
        <v>11</v>
      </c>
      <c r="AB14779">
        <v>11</v>
      </c>
      <c r="AC14779">
        <v>12</v>
      </c>
      <c r="AD14779">
        <v>12</v>
      </c>
      <c r="AE14779">
        <v>12</v>
      </c>
      <c r="AF14779">
        <v>12</v>
      </c>
      <c r="AG14779">
        <v>12</v>
      </c>
      <c r="AH14779">
        <v>12</v>
      </c>
      <c r="AI14779">
        <v>13</v>
      </c>
      <c r="AJ14779">
        <v>13</v>
      </c>
      <c r="AK14779">
        <v>13</v>
      </c>
      <c r="AL14779">
        <v>13</v>
      </c>
      <c r="AM14779">
        <v>13</v>
      </c>
      <c r="AN14779">
        <v>14</v>
      </c>
      <c r="AO14779">
        <v>14</v>
      </c>
      <c r="AP14779">
        <v>14</v>
      </c>
      <c r="AQ14779">
        <v>14</v>
      </c>
    </row>
    <row r="14780" spans="1:43">
      <c r="A14780" t="s">
        <v>9180</v>
      </c>
      <c r="B14780" t="s">
        <v>9181</v>
      </c>
      <c r="C14780" t="s">
        <v>9174</v>
      </c>
      <c r="D14780" t="s">
        <v>9175</v>
      </c>
      <c r="E14780" t="s">
        <v>8938</v>
      </c>
      <c r="F14780" t="s">
        <v>8939</v>
      </c>
      <c r="G14780" t="s">
        <v>80</v>
      </c>
      <c r="H14780" t="s">
        <v>81</v>
      </c>
      <c r="I14780" s="2">
        <v>0</v>
      </c>
      <c r="J14780" s="2">
        <v>1</v>
      </c>
      <c r="K14780" s="2">
        <v>0</v>
      </c>
      <c r="L14780" t="s">
        <v>82</v>
      </c>
      <c r="M14780" t="s">
        <v>89</v>
      </c>
      <c r="N14780" t="s">
        <v>90</v>
      </c>
      <c r="O14780" t="s">
        <v>85</v>
      </c>
      <c r="P14780" t="s">
        <v>86</v>
      </c>
      <c r="Q14780">
        <v>10</v>
      </c>
      <c r="R14780">
        <v>10</v>
      </c>
      <c r="S14780">
        <v>11</v>
      </c>
      <c r="T14780">
        <v>11</v>
      </c>
      <c r="U14780">
        <v>11</v>
      </c>
      <c r="V14780">
        <v>12</v>
      </c>
      <c r="W14780">
        <v>12</v>
      </c>
      <c r="X14780">
        <v>12</v>
      </c>
      <c r="Y14780">
        <v>13</v>
      </c>
      <c r="Z14780">
        <v>13</v>
      </c>
      <c r="AA14780">
        <v>13</v>
      </c>
      <c r="AB14780">
        <v>14</v>
      </c>
      <c r="AC14780">
        <v>14</v>
      </c>
      <c r="AD14780">
        <v>14</v>
      </c>
      <c r="AE14780">
        <v>15</v>
      </c>
      <c r="AF14780">
        <v>15</v>
      </c>
      <c r="AG14780">
        <v>15</v>
      </c>
      <c r="AH14780">
        <v>15</v>
      </c>
      <c r="AI14780">
        <v>15</v>
      </c>
      <c r="AJ14780">
        <v>15</v>
      </c>
      <c r="AK14780">
        <v>15</v>
      </c>
      <c r="AL14780">
        <v>16</v>
      </c>
      <c r="AM14780">
        <v>16</v>
      </c>
      <c r="AN14780">
        <v>16</v>
      </c>
      <c r="AO14780">
        <v>16</v>
      </c>
      <c r="AP14780">
        <v>16</v>
      </c>
      <c r="AQ14780">
        <v>16</v>
      </c>
    </row>
    <row r="14781" spans="1:43">
      <c r="A14781" t="s">
        <v>9180</v>
      </c>
      <c r="B14781" t="s">
        <v>9181</v>
      </c>
      <c r="C14781" t="s">
        <v>9174</v>
      </c>
      <c r="D14781" t="s">
        <v>9175</v>
      </c>
      <c r="E14781" t="s">
        <v>8938</v>
      </c>
      <c r="F14781" t="s">
        <v>8939</v>
      </c>
      <c r="G14781" t="s">
        <v>80</v>
      </c>
      <c r="H14781" t="s">
        <v>81</v>
      </c>
      <c r="I14781" s="2">
        <v>0</v>
      </c>
      <c r="J14781" s="2">
        <v>1</v>
      </c>
      <c r="K14781" s="2">
        <v>0</v>
      </c>
      <c r="L14781" t="s">
        <v>82</v>
      </c>
      <c r="M14781" t="s">
        <v>83</v>
      </c>
      <c r="N14781" t="s">
        <v>91</v>
      </c>
      <c r="O14781" t="s">
        <v>85</v>
      </c>
      <c r="P14781" t="s">
        <v>86</v>
      </c>
      <c r="Q14781">
        <v>10</v>
      </c>
      <c r="R14781">
        <v>10</v>
      </c>
      <c r="S14781">
        <v>10</v>
      </c>
      <c r="T14781">
        <v>11</v>
      </c>
      <c r="U14781">
        <v>11</v>
      </c>
      <c r="V14781">
        <v>11</v>
      </c>
      <c r="W14781">
        <v>11</v>
      </c>
      <c r="X14781">
        <v>12</v>
      </c>
      <c r="Y14781">
        <v>12</v>
      </c>
      <c r="Z14781">
        <v>12</v>
      </c>
      <c r="AA14781">
        <v>12</v>
      </c>
      <c r="AB14781">
        <v>13</v>
      </c>
      <c r="AC14781">
        <v>13</v>
      </c>
      <c r="AD14781">
        <v>13</v>
      </c>
      <c r="AE14781">
        <v>13</v>
      </c>
      <c r="AF14781">
        <v>14</v>
      </c>
      <c r="AG14781">
        <v>14</v>
      </c>
      <c r="AH14781">
        <v>14</v>
      </c>
      <c r="AI14781">
        <v>15</v>
      </c>
      <c r="AJ14781">
        <v>15</v>
      </c>
      <c r="AK14781">
        <v>15</v>
      </c>
      <c r="AL14781">
        <v>15</v>
      </c>
      <c r="AM14781">
        <v>16</v>
      </c>
      <c r="AN14781">
        <v>16</v>
      </c>
      <c r="AO14781">
        <v>16</v>
      </c>
      <c r="AP14781">
        <v>16</v>
      </c>
      <c r="AQ14781">
        <v>16</v>
      </c>
    </row>
    <row r="14782" spans="1:43">
      <c r="A14782" t="s">
        <v>9182</v>
      </c>
      <c r="B14782" t="s">
        <v>9183</v>
      </c>
      <c r="C14782" t="s">
        <v>9184</v>
      </c>
      <c r="D14782" t="s">
        <v>9185</v>
      </c>
      <c r="E14782" t="s">
        <v>8938</v>
      </c>
      <c r="F14782" t="s">
        <v>8939</v>
      </c>
      <c r="G14782" t="s">
        <v>80</v>
      </c>
      <c r="H14782" t="s">
        <v>81</v>
      </c>
      <c r="I14782" s="2">
        <v>0</v>
      </c>
      <c r="J14782" s="2">
        <v>1</v>
      </c>
      <c r="K14782" s="2">
        <v>0</v>
      </c>
      <c r="L14782" t="s">
        <v>82</v>
      </c>
      <c r="M14782" t="s">
        <v>83</v>
      </c>
      <c r="N14782" t="s">
        <v>84</v>
      </c>
      <c r="O14782" t="s">
        <v>85</v>
      </c>
      <c r="P14782" t="s">
        <v>86</v>
      </c>
      <c r="Q14782">
        <v>53</v>
      </c>
      <c r="R14782">
        <v>55</v>
      </c>
      <c r="S14782">
        <v>56</v>
      </c>
      <c r="T14782">
        <v>58</v>
      </c>
      <c r="U14782">
        <v>59</v>
      </c>
      <c r="V14782">
        <v>60</v>
      </c>
      <c r="W14782">
        <v>62</v>
      </c>
      <c r="X14782">
        <v>63</v>
      </c>
      <c r="Y14782">
        <v>65</v>
      </c>
      <c r="Z14782">
        <v>66</v>
      </c>
      <c r="AA14782">
        <v>68</v>
      </c>
      <c r="AB14782">
        <v>69</v>
      </c>
      <c r="AC14782">
        <v>71</v>
      </c>
      <c r="AD14782">
        <v>72</v>
      </c>
      <c r="AE14782">
        <v>74</v>
      </c>
      <c r="AF14782">
        <v>75</v>
      </c>
      <c r="AG14782">
        <v>77</v>
      </c>
      <c r="AH14782">
        <v>78</v>
      </c>
      <c r="AI14782">
        <v>80</v>
      </c>
      <c r="AJ14782">
        <v>82</v>
      </c>
      <c r="AK14782">
        <v>83</v>
      </c>
      <c r="AL14782">
        <v>84</v>
      </c>
      <c r="AM14782">
        <v>85</v>
      </c>
      <c r="AN14782">
        <v>86</v>
      </c>
      <c r="AO14782">
        <v>87</v>
      </c>
      <c r="AP14782">
        <v>88</v>
      </c>
      <c r="AQ14782">
        <v>89</v>
      </c>
    </row>
    <row r="14783" spans="1:43">
      <c r="A14783" t="s">
        <v>9182</v>
      </c>
      <c r="B14783" t="s">
        <v>9183</v>
      </c>
      <c r="C14783" t="s">
        <v>9184</v>
      </c>
      <c r="D14783" t="s">
        <v>9185</v>
      </c>
      <c r="E14783" t="s">
        <v>8938</v>
      </c>
      <c r="F14783" t="s">
        <v>8939</v>
      </c>
      <c r="G14783" t="s">
        <v>80</v>
      </c>
      <c r="H14783" t="s">
        <v>81</v>
      </c>
      <c r="I14783" s="2">
        <v>0</v>
      </c>
      <c r="J14783" s="2">
        <v>1</v>
      </c>
      <c r="K14783" s="2">
        <v>0</v>
      </c>
      <c r="L14783" t="s">
        <v>82</v>
      </c>
      <c r="M14783" t="s">
        <v>87</v>
      </c>
      <c r="N14783" t="s">
        <v>88</v>
      </c>
      <c r="O14783" t="s">
        <v>85</v>
      </c>
      <c r="P14783" t="s">
        <v>86</v>
      </c>
      <c r="Q14783">
        <v>53</v>
      </c>
      <c r="R14783">
        <v>54</v>
      </c>
      <c r="S14783">
        <v>55</v>
      </c>
      <c r="T14783">
        <v>55</v>
      </c>
      <c r="U14783">
        <v>56</v>
      </c>
      <c r="V14783">
        <v>57</v>
      </c>
      <c r="W14783">
        <v>58</v>
      </c>
      <c r="X14783">
        <v>59</v>
      </c>
      <c r="Y14783">
        <v>60</v>
      </c>
      <c r="Z14783">
        <v>61</v>
      </c>
      <c r="AA14783">
        <v>62</v>
      </c>
      <c r="AB14783">
        <v>62</v>
      </c>
      <c r="AC14783">
        <v>63</v>
      </c>
      <c r="AD14783">
        <v>64</v>
      </c>
      <c r="AE14783">
        <v>65</v>
      </c>
      <c r="AF14783">
        <v>66</v>
      </c>
      <c r="AG14783">
        <v>67</v>
      </c>
      <c r="AH14783">
        <v>68</v>
      </c>
      <c r="AI14783">
        <v>69</v>
      </c>
      <c r="AJ14783">
        <v>70</v>
      </c>
      <c r="AK14783">
        <v>71</v>
      </c>
      <c r="AL14783">
        <v>72</v>
      </c>
      <c r="AM14783">
        <v>73</v>
      </c>
      <c r="AN14783">
        <v>74</v>
      </c>
      <c r="AO14783">
        <v>75</v>
      </c>
      <c r="AP14783">
        <v>76</v>
      </c>
      <c r="AQ14783">
        <v>77</v>
      </c>
    </row>
    <row r="14784" spans="1:43">
      <c r="A14784" t="s">
        <v>9182</v>
      </c>
      <c r="B14784" t="s">
        <v>9183</v>
      </c>
      <c r="C14784" t="s">
        <v>9184</v>
      </c>
      <c r="D14784" t="s">
        <v>9185</v>
      </c>
      <c r="E14784" t="s">
        <v>8938</v>
      </c>
      <c r="F14784" t="s">
        <v>8939</v>
      </c>
      <c r="G14784" t="s">
        <v>80</v>
      </c>
      <c r="H14784" t="s">
        <v>81</v>
      </c>
      <c r="I14784" s="2">
        <v>0</v>
      </c>
      <c r="J14784" s="2">
        <v>1</v>
      </c>
      <c r="K14784" s="2">
        <v>0</v>
      </c>
      <c r="L14784" t="s">
        <v>82</v>
      </c>
      <c r="M14784" t="s">
        <v>89</v>
      </c>
      <c r="N14784" t="s">
        <v>90</v>
      </c>
      <c r="O14784" t="s">
        <v>85</v>
      </c>
      <c r="P14784" t="s">
        <v>86</v>
      </c>
      <c r="Q14784">
        <v>53</v>
      </c>
      <c r="R14784">
        <v>55</v>
      </c>
      <c r="S14784">
        <v>57</v>
      </c>
      <c r="T14784">
        <v>58</v>
      </c>
      <c r="U14784">
        <v>60</v>
      </c>
      <c r="V14784">
        <v>62</v>
      </c>
      <c r="W14784">
        <v>64</v>
      </c>
      <c r="X14784">
        <v>66</v>
      </c>
      <c r="Y14784">
        <v>68</v>
      </c>
      <c r="Z14784">
        <v>69</v>
      </c>
      <c r="AA14784">
        <v>71</v>
      </c>
      <c r="AB14784">
        <v>73</v>
      </c>
      <c r="AC14784">
        <v>75</v>
      </c>
      <c r="AD14784">
        <v>77</v>
      </c>
      <c r="AE14784">
        <v>78</v>
      </c>
      <c r="AF14784">
        <v>79</v>
      </c>
      <c r="AG14784">
        <v>80</v>
      </c>
      <c r="AH14784">
        <v>81</v>
      </c>
      <c r="AI14784">
        <v>82</v>
      </c>
      <c r="AJ14784">
        <v>83</v>
      </c>
      <c r="AK14784">
        <v>84</v>
      </c>
      <c r="AL14784">
        <v>84</v>
      </c>
      <c r="AM14784">
        <v>85</v>
      </c>
      <c r="AN14784">
        <v>86</v>
      </c>
      <c r="AO14784">
        <v>87</v>
      </c>
      <c r="AP14784">
        <v>88</v>
      </c>
      <c r="AQ14784">
        <v>89</v>
      </c>
    </row>
    <row r="14785" spans="1:43">
      <c r="A14785" t="s">
        <v>9182</v>
      </c>
      <c r="B14785" t="s">
        <v>9183</v>
      </c>
      <c r="C14785" t="s">
        <v>9184</v>
      </c>
      <c r="D14785" t="s">
        <v>9185</v>
      </c>
      <c r="E14785" t="s">
        <v>8938</v>
      </c>
      <c r="F14785" t="s">
        <v>8939</v>
      </c>
      <c r="G14785" t="s">
        <v>80</v>
      </c>
      <c r="H14785" t="s">
        <v>81</v>
      </c>
      <c r="I14785" s="2">
        <v>0</v>
      </c>
      <c r="J14785" s="2">
        <v>1</v>
      </c>
      <c r="K14785" s="2">
        <v>0</v>
      </c>
      <c r="L14785" t="s">
        <v>82</v>
      </c>
      <c r="M14785" t="s">
        <v>83</v>
      </c>
      <c r="N14785" t="s">
        <v>91</v>
      </c>
      <c r="O14785" t="s">
        <v>85</v>
      </c>
      <c r="P14785" t="s">
        <v>86</v>
      </c>
      <c r="Q14785">
        <v>53</v>
      </c>
      <c r="R14785">
        <v>55</v>
      </c>
      <c r="S14785">
        <v>56</v>
      </c>
      <c r="T14785">
        <v>58</v>
      </c>
      <c r="U14785">
        <v>59</v>
      </c>
      <c r="V14785">
        <v>60</v>
      </c>
      <c r="W14785">
        <v>62</v>
      </c>
      <c r="X14785">
        <v>63</v>
      </c>
      <c r="Y14785">
        <v>65</v>
      </c>
      <c r="Z14785">
        <v>66</v>
      </c>
      <c r="AA14785">
        <v>68</v>
      </c>
      <c r="AB14785">
        <v>69</v>
      </c>
      <c r="AC14785">
        <v>71</v>
      </c>
      <c r="AD14785">
        <v>72</v>
      </c>
      <c r="AE14785">
        <v>74</v>
      </c>
      <c r="AF14785">
        <v>75</v>
      </c>
      <c r="AG14785">
        <v>77</v>
      </c>
      <c r="AH14785">
        <v>78</v>
      </c>
      <c r="AI14785">
        <v>80</v>
      </c>
      <c r="AJ14785">
        <v>82</v>
      </c>
      <c r="AK14785">
        <v>83</v>
      </c>
      <c r="AL14785">
        <v>84</v>
      </c>
      <c r="AM14785">
        <v>85</v>
      </c>
      <c r="AN14785">
        <v>86</v>
      </c>
      <c r="AO14785">
        <v>87</v>
      </c>
      <c r="AP14785">
        <v>88</v>
      </c>
      <c r="AQ14785">
        <v>89</v>
      </c>
    </row>
    <row r="14786" spans="1:43">
      <c r="A14786" t="s">
        <v>9186</v>
      </c>
      <c r="B14786" t="s">
        <v>9187</v>
      </c>
      <c r="C14786" t="s">
        <v>9184</v>
      </c>
      <c r="D14786" t="s">
        <v>9185</v>
      </c>
      <c r="E14786" t="s">
        <v>8938</v>
      </c>
      <c r="F14786" t="s">
        <v>8939</v>
      </c>
      <c r="G14786" t="s">
        <v>80</v>
      </c>
      <c r="H14786" t="s">
        <v>81</v>
      </c>
      <c r="I14786" s="2">
        <v>0</v>
      </c>
      <c r="J14786" s="2">
        <v>1</v>
      </c>
      <c r="K14786" s="2">
        <v>0</v>
      </c>
      <c r="L14786" t="s">
        <v>82</v>
      </c>
      <c r="M14786" t="s">
        <v>83</v>
      </c>
      <c r="N14786" t="s">
        <v>84</v>
      </c>
      <c r="O14786" t="s">
        <v>85</v>
      </c>
      <c r="P14786" t="s">
        <v>86</v>
      </c>
      <c r="Q14786">
        <v>106</v>
      </c>
      <c r="R14786">
        <v>108</v>
      </c>
      <c r="S14786">
        <v>111</v>
      </c>
      <c r="T14786">
        <v>114</v>
      </c>
      <c r="U14786">
        <v>117</v>
      </c>
      <c r="V14786">
        <v>120</v>
      </c>
      <c r="W14786">
        <v>122</v>
      </c>
      <c r="X14786">
        <v>125</v>
      </c>
      <c r="Y14786">
        <v>128</v>
      </c>
      <c r="Z14786">
        <v>131</v>
      </c>
      <c r="AA14786">
        <v>134</v>
      </c>
      <c r="AB14786">
        <v>137</v>
      </c>
      <c r="AC14786">
        <v>140</v>
      </c>
      <c r="AD14786">
        <v>143</v>
      </c>
      <c r="AE14786">
        <v>146</v>
      </c>
      <c r="AF14786">
        <v>149</v>
      </c>
      <c r="AG14786">
        <v>152</v>
      </c>
      <c r="AH14786">
        <v>155</v>
      </c>
      <c r="AI14786">
        <v>159</v>
      </c>
      <c r="AJ14786">
        <v>162</v>
      </c>
      <c r="AK14786">
        <v>165</v>
      </c>
      <c r="AL14786">
        <v>167</v>
      </c>
      <c r="AM14786">
        <v>169</v>
      </c>
      <c r="AN14786">
        <v>171</v>
      </c>
      <c r="AO14786">
        <v>173</v>
      </c>
      <c r="AP14786">
        <v>175</v>
      </c>
      <c r="AQ14786">
        <v>176</v>
      </c>
    </row>
    <row r="14787" spans="1:43">
      <c r="A14787" t="s">
        <v>9186</v>
      </c>
      <c r="B14787" t="s">
        <v>9187</v>
      </c>
      <c r="C14787" t="s">
        <v>9184</v>
      </c>
      <c r="D14787" t="s">
        <v>9185</v>
      </c>
      <c r="E14787" t="s">
        <v>8938</v>
      </c>
      <c r="F14787" t="s">
        <v>8939</v>
      </c>
      <c r="G14787" t="s">
        <v>80</v>
      </c>
      <c r="H14787" t="s">
        <v>81</v>
      </c>
      <c r="I14787" s="2">
        <v>0</v>
      </c>
      <c r="J14787" s="2">
        <v>1</v>
      </c>
      <c r="K14787" s="2">
        <v>0</v>
      </c>
      <c r="L14787" t="s">
        <v>82</v>
      </c>
      <c r="M14787" t="s">
        <v>87</v>
      </c>
      <c r="N14787" t="s">
        <v>88</v>
      </c>
      <c r="O14787" t="s">
        <v>85</v>
      </c>
      <c r="P14787" t="s">
        <v>86</v>
      </c>
      <c r="Q14787">
        <v>106</v>
      </c>
      <c r="R14787">
        <v>107</v>
      </c>
      <c r="S14787">
        <v>109</v>
      </c>
      <c r="T14787">
        <v>111</v>
      </c>
      <c r="U14787">
        <v>113</v>
      </c>
      <c r="V14787">
        <v>114</v>
      </c>
      <c r="W14787">
        <v>116</v>
      </c>
      <c r="X14787">
        <v>118</v>
      </c>
      <c r="Y14787">
        <v>120</v>
      </c>
      <c r="Z14787">
        <v>121</v>
      </c>
      <c r="AA14787">
        <v>123</v>
      </c>
      <c r="AB14787">
        <v>125</v>
      </c>
      <c r="AC14787">
        <v>127</v>
      </c>
      <c r="AD14787">
        <v>128</v>
      </c>
      <c r="AE14787">
        <v>130</v>
      </c>
      <c r="AF14787">
        <v>132</v>
      </c>
      <c r="AG14787">
        <v>134</v>
      </c>
      <c r="AH14787">
        <v>136</v>
      </c>
      <c r="AI14787">
        <v>138</v>
      </c>
      <c r="AJ14787">
        <v>140</v>
      </c>
      <c r="AK14787">
        <v>142</v>
      </c>
      <c r="AL14787">
        <v>143</v>
      </c>
      <c r="AM14787">
        <v>145</v>
      </c>
      <c r="AN14787">
        <v>147</v>
      </c>
      <c r="AO14787">
        <v>149</v>
      </c>
      <c r="AP14787">
        <v>151</v>
      </c>
      <c r="AQ14787">
        <v>153</v>
      </c>
    </row>
    <row r="14788" spans="1:43">
      <c r="A14788" t="s">
        <v>9186</v>
      </c>
      <c r="B14788" t="s">
        <v>9187</v>
      </c>
      <c r="C14788" t="s">
        <v>9184</v>
      </c>
      <c r="D14788" t="s">
        <v>9185</v>
      </c>
      <c r="E14788" t="s">
        <v>8938</v>
      </c>
      <c r="F14788" t="s">
        <v>8939</v>
      </c>
      <c r="G14788" t="s">
        <v>80</v>
      </c>
      <c r="H14788" t="s">
        <v>81</v>
      </c>
      <c r="I14788" s="2">
        <v>0</v>
      </c>
      <c r="J14788" s="2">
        <v>1</v>
      </c>
      <c r="K14788" s="2">
        <v>0</v>
      </c>
      <c r="L14788" t="s">
        <v>82</v>
      </c>
      <c r="M14788" t="s">
        <v>89</v>
      </c>
      <c r="N14788" t="s">
        <v>90</v>
      </c>
      <c r="O14788" t="s">
        <v>85</v>
      </c>
      <c r="P14788" t="s">
        <v>86</v>
      </c>
      <c r="Q14788">
        <v>106</v>
      </c>
      <c r="R14788">
        <v>109</v>
      </c>
      <c r="S14788">
        <v>113</v>
      </c>
      <c r="T14788">
        <v>117</v>
      </c>
      <c r="U14788">
        <v>120</v>
      </c>
      <c r="V14788">
        <v>124</v>
      </c>
      <c r="W14788">
        <v>128</v>
      </c>
      <c r="X14788">
        <v>131</v>
      </c>
      <c r="Y14788">
        <v>135</v>
      </c>
      <c r="Z14788">
        <v>138</v>
      </c>
      <c r="AA14788">
        <v>142</v>
      </c>
      <c r="AB14788">
        <v>145</v>
      </c>
      <c r="AC14788">
        <v>149</v>
      </c>
      <c r="AD14788">
        <v>153</v>
      </c>
      <c r="AE14788">
        <v>156</v>
      </c>
      <c r="AF14788">
        <v>158</v>
      </c>
      <c r="AG14788">
        <v>159</v>
      </c>
      <c r="AH14788">
        <v>161</v>
      </c>
      <c r="AI14788">
        <v>163</v>
      </c>
      <c r="AJ14788">
        <v>165</v>
      </c>
      <c r="AK14788">
        <v>167</v>
      </c>
      <c r="AL14788">
        <v>168</v>
      </c>
      <c r="AM14788">
        <v>170</v>
      </c>
      <c r="AN14788">
        <v>172</v>
      </c>
      <c r="AO14788">
        <v>174</v>
      </c>
      <c r="AP14788">
        <v>175</v>
      </c>
      <c r="AQ14788">
        <v>177</v>
      </c>
    </row>
    <row r="14789" spans="1:43">
      <c r="A14789" t="s">
        <v>9186</v>
      </c>
      <c r="B14789" t="s">
        <v>9187</v>
      </c>
      <c r="C14789" t="s">
        <v>9184</v>
      </c>
      <c r="D14789" t="s">
        <v>9185</v>
      </c>
      <c r="E14789" t="s">
        <v>8938</v>
      </c>
      <c r="F14789" t="s">
        <v>8939</v>
      </c>
      <c r="G14789" t="s">
        <v>80</v>
      </c>
      <c r="H14789" t="s">
        <v>81</v>
      </c>
      <c r="I14789" s="2">
        <v>0</v>
      </c>
      <c r="J14789" s="2">
        <v>1</v>
      </c>
      <c r="K14789" s="2">
        <v>0</v>
      </c>
      <c r="L14789" t="s">
        <v>82</v>
      </c>
      <c r="M14789" t="s">
        <v>83</v>
      </c>
      <c r="N14789" t="s">
        <v>91</v>
      </c>
      <c r="O14789" t="s">
        <v>85</v>
      </c>
      <c r="P14789" t="s">
        <v>86</v>
      </c>
      <c r="Q14789">
        <v>106</v>
      </c>
      <c r="R14789">
        <v>108</v>
      </c>
      <c r="S14789">
        <v>111</v>
      </c>
      <c r="T14789">
        <v>114</v>
      </c>
      <c r="U14789">
        <v>117</v>
      </c>
      <c r="V14789">
        <v>120</v>
      </c>
      <c r="W14789">
        <v>122</v>
      </c>
      <c r="X14789">
        <v>125</v>
      </c>
      <c r="Y14789">
        <v>128</v>
      </c>
      <c r="Z14789">
        <v>131</v>
      </c>
      <c r="AA14789">
        <v>134</v>
      </c>
      <c r="AB14789">
        <v>137</v>
      </c>
      <c r="AC14789">
        <v>140</v>
      </c>
      <c r="AD14789">
        <v>143</v>
      </c>
      <c r="AE14789">
        <v>146</v>
      </c>
      <c r="AF14789">
        <v>149</v>
      </c>
      <c r="AG14789">
        <v>152</v>
      </c>
      <c r="AH14789">
        <v>155</v>
      </c>
      <c r="AI14789">
        <v>159</v>
      </c>
      <c r="AJ14789">
        <v>162</v>
      </c>
      <c r="AK14789">
        <v>165</v>
      </c>
      <c r="AL14789">
        <v>167</v>
      </c>
      <c r="AM14789">
        <v>169</v>
      </c>
      <c r="AN14789">
        <v>171</v>
      </c>
      <c r="AO14789">
        <v>173</v>
      </c>
      <c r="AP14789">
        <v>175</v>
      </c>
      <c r="AQ14789">
        <v>176</v>
      </c>
    </row>
    <row r="14790" spans="1:43">
      <c r="A14790" t="s">
        <v>9188</v>
      </c>
      <c r="B14790" t="s">
        <v>9189</v>
      </c>
      <c r="C14790" t="s">
        <v>9190</v>
      </c>
      <c r="D14790" t="s">
        <v>9191</v>
      </c>
      <c r="E14790" t="s">
        <v>8938</v>
      </c>
      <c r="F14790" t="s">
        <v>8939</v>
      </c>
      <c r="G14790" t="s">
        <v>80</v>
      </c>
      <c r="H14790" t="s">
        <v>81</v>
      </c>
      <c r="I14790" s="2">
        <v>0</v>
      </c>
      <c r="J14790" s="2">
        <v>1</v>
      </c>
      <c r="K14790" s="2">
        <v>0</v>
      </c>
      <c r="L14790" t="s">
        <v>82</v>
      </c>
      <c r="M14790" t="s">
        <v>83</v>
      </c>
      <c r="N14790" t="s">
        <v>84</v>
      </c>
      <c r="O14790" t="s">
        <v>85</v>
      </c>
      <c r="P14790" t="s">
        <v>86</v>
      </c>
      <c r="Q14790">
        <v>119</v>
      </c>
      <c r="R14790">
        <v>122</v>
      </c>
      <c r="S14790">
        <v>125</v>
      </c>
      <c r="T14790">
        <v>128</v>
      </c>
      <c r="U14790">
        <v>131</v>
      </c>
      <c r="V14790">
        <v>134</v>
      </c>
      <c r="W14790">
        <v>137</v>
      </c>
      <c r="X14790">
        <v>141</v>
      </c>
      <c r="Y14790">
        <v>144</v>
      </c>
      <c r="Z14790">
        <v>147</v>
      </c>
      <c r="AA14790">
        <v>151</v>
      </c>
      <c r="AB14790">
        <v>154</v>
      </c>
      <c r="AC14790">
        <v>157</v>
      </c>
      <c r="AD14790">
        <v>161</v>
      </c>
      <c r="AE14790">
        <v>164</v>
      </c>
      <c r="AF14790">
        <v>168</v>
      </c>
      <c r="AG14790">
        <v>171</v>
      </c>
      <c r="AH14790">
        <v>175</v>
      </c>
      <c r="AI14790">
        <v>178</v>
      </c>
      <c r="AJ14790">
        <v>182</v>
      </c>
      <c r="AK14790">
        <v>186</v>
      </c>
      <c r="AL14790">
        <v>188</v>
      </c>
      <c r="AM14790">
        <v>190</v>
      </c>
      <c r="AN14790">
        <v>192</v>
      </c>
      <c r="AO14790">
        <v>194</v>
      </c>
      <c r="AP14790">
        <v>196</v>
      </c>
      <c r="AQ14790">
        <v>198</v>
      </c>
    </row>
    <row r="14791" spans="1:43">
      <c r="A14791" t="s">
        <v>9188</v>
      </c>
      <c r="B14791" t="s">
        <v>9189</v>
      </c>
      <c r="C14791" t="s">
        <v>9190</v>
      </c>
      <c r="D14791" t="s">
        <v>9191</v>
      </c>
      <c r="E14791" t="s">
        <v>8938</v>
      </c>
      <c r="F14791" t="s">
        <v>8939</v>
      </c>
      <c r="G14791" t="s">
        <v>80</v>
      </c>
      <c r="H14791" t="s">
        <v>81</v>
      </c>
      <c r="I14791" s="2">
        <v>0</v>
      </c>
      <c r="J14791" s="2">
        <v>1</v>
      </c>
      <c r="K14791" s="2">
        <v>0</v>
      </c>
      <c r="L14791" t="s">
        <v>82</v>
      </c>
      <c r="M14791" t="s">
        <v>87</v>
      </c>
      <c r="N14791" t="s">
        <v>88</v>
      </c>
      <c r="O14791" t="s">
        <v>85</v>
      </c>
      <c r="P14791" t="s">
        <v>86</v>
      </c>
      <c r="Q14791">
        <v>119</v>
      </c>
      <c r="R14791">
        <v>121</v>
      </c>
      <c r="S14791">
        <v>122</v>
      </c>
      <c r="T14791">
        <v>124</v>
      </c>
      <c r="U14791">
        <v>126</v>
      </c>
      <c r="V14791">
        <v>128</v>
      </c>
      <c r="W14791">
        <v>130</v>
      </c>
      <c r="X14791">
        <v>132</v>
      </c>
      <c r="Y14791">
        <v>134</v>
      </c>
      <c r="Z14791">
        <v>136</v>
      </c>
      <c r="AA14791">
        <v>138</v>
      </c>
      <c r="AB14791">
        <v>140</v>
      </c>
      <c r="AC14791">
        <v>142</v>
      </c>
      <c r="AD14791">
        <v>144</v>
      </c>
      <c r="AE14791">
        <v>146</v>
      </c>
      <c r="AF14791">
        <v>148</v>
      </c>
      <c r="AG14791">
        <v>151</v>
      </c>
      <c r="AH14791">
        <v>153</v>
      </c>
      <c r="AI14791">
        <v>155</v>
      </c>
      <c r="AJ14791">
        <v>157</v>
      </c>
      <c r="AK14791">
        <v>159</v>
      </c>
      <c r="AL14791">
        <v>161</v>
      </c>
      <c r="AM14791">
        <v>163</v>
      </c>
      <c r="AN14791">
        <v>166</v>
      </c>
      <c r="AO14791">
        <v>168</v>
      </c>
      <c r="AP14791">
        <v>170</v>
      </c>
      <c r="AQ14791">
        <v>172</v>
      </c>
    </row>
    <row r="14792" spans="1:43">
      <c r="A14792" t="s">
        <v>9188</v>
      </c>
      <c r="B14792" t="s">
        <v>9189</v>
      </c>
      <c r="C14792" t="s">
        <v>9190</v>
      </c>
      <c r="D14792" t="s">
        <v>9191</v>
      </c>
      <c r="E14792" t="s">
        <v>8938</v>
      </c>
      <c r="F14792" t="s">
        <v>8939</v>
      </c>
      <c r="G14792" t="s">
        <v>80</v>
      </c>
      <c r="H14792" t="s">
        <v>81</v>
      </c>
      <c r="I14792" s="2">
        <v>0</v>
      </c>
      <c r="J14792" s="2">
        <v>1</v>
      </c>
      <c r="K14792" s="2">
        <v>0</v>
      </c>
      <c r="L14792" t="s">
        <v>82</v>
      </c>
      <c r="M14792" t="s">
        <v>89</v>
      </c>
      <c r="N14792" t="s">
        <v>90</v>
      </c>
      <c r="O14792" t="s">
        <v>85</v>
      </c>
      <c r="P14792" t="s">
        <v>86</v>
      </c>
      <c r="Q14792">
        <v>119</v>
      </c>
      <c r="R14792">
        <v>123</v>
      </c>
      <c r="S14792">
        <v>127</v>
      </c>
      <c r="T14792">
        <v>131</v>
      </c>
      <c r="U14792">
        <v>135</v>
      </c>
      <c r="V14792">
        <v>139</v>
      </c>
      <c r="W14792">
        <v>144</v>
      </c>
      <c r="X14792">
        <v>148</v>
      </c>
      <c r="Y14792">
        <v>152</v>
      </c>
      <c r="Z14792">
        <v>156</v>
      </c>
      <c r="AA14792">
        <v>160</v>
      </c>
      <c r="AB14792">
        <v>164</v>
      </c>
      <c r="AC14792">
        <v>168</v>
      </c>
      <c r="AD14792">
        <v>172</v>
      </c>
      <c r="AE14792">
        <v>175</v>
      </c>
      <c r="AF14792">
        <v>177</v>
      </c>
      <c r="AG14792">
        <v>179</v>
      </c>
      <c r="AH14792">
        <v>181</v>
      </c>
      <c r="AI14792">
        <v>183</v>
      </c>
      <c r="AJ14792">
        <v>185</v>
      </c>
      <c r="AK14792">
        <v>187</v>
      </c>
      <c r="AL14792">
        <v>189</v>
      </c>
      <c r="AM14792">
        <v>191</v>
      </c>
      <c r="AN14792">
        <v>193</v>
      </c>
      <c r="AO14792">
        <v>195</v>
      </c>
      <c r="AP14792">
        <v>197</v>
      </c>
      <c r="AQ14792">
        <v>199</v>
      </c>
    </row>
    <row r="14793" spans="1:43">
      <c r="A14793" t="s">
        <v>9188</v>
      </c>
      <c r="B14793" t="s">
        <v>9189</v>
      </c>
      <c r="C14793" t="s">
        <v>9190</v>
      </c>
      <c r="D14793" t="s">
        <v>9191</v>
      </c>
      <c r="E14793" t="s">
        <v>8938</v>
      </c>
      <c r="F14793" t="s">
        <v>8939</v>
      </c>
      <c r="G14793" t="s">
        <v>80</v>
      </c>
      <c r="H14793" t="s">
        <v>81</v>
      </c>
      <c r="I14793" s="2">
        <v>0</v>
      </c>
      <c r="J14793" s="2">
        <v>1</v>
      </c>
      <c r="K14793" s="2">
        <v>0</v>
      </c>
      <c r="L14793" t="s">
        <v>82</v>
      </c>
      <c r="M14793" t="s">
        <v>83</v>
      </c>
      <c r="N14793" t="s">
        <v>91</v>
      </c>
      <c r="O14793" t="s">
        <v>85</v>
      </c>
      <c r="P14793" t="s">
        <v>86</v>
      </c>
      <c r="Q14793">
        <v>119</v>
      </c>
      <c r="R14793">
        <v>122</v>
      </c>
      <c r="S14793">
        <v>125</v>
      </c>
      <c r="T14793">
        <v>128</v>
      </c>
      <c r="U14793">
        <v>131</v>
      </c>
      <c r="V14793">
        <v>134</v>
      </c>
      <c r="W14793">
        <v>137</v>
      </c>
      <c r="X14793">
        <v>141</v>
      </c>
      <c r="Y14793">
        <v>144</v>
      </c>
      <c r="Z14793">
        <v>147</v>
      </c>
      <c r="AA14793">
        <v>151</v>
      </c>
      <c r="AB14793">
        <v>154</v>
      </c>
      <c r="AC14793">
        <v>157</v>
      </c>
      <c r="AD14793">
        <v>161</v>
      </c>
      <c r="AE14793">
        <v>164</v>
      </c>
      <c r="AF14793">
        <v>168</v>
      </c>
      <c r="AG14793">
        <v>171</v>
      </c>
      <c r="AH14793">
        <v>175</v>
      </c>
      <c r="AI14793">
        <v>178</v>
      </c>
      <c r="AJ14793">
        <v>182</v>
      </c>
      <c r="AK14793">
        <v>186</v>
      </c>
      <c r="AL14793">
        <v>188</v>
      </c>
      <c r="AM14793">
        <v>190</v>
      </c>
      <c r="AN14793">
        <v>192</v>
      </c>
      <c r="AO14793">
        <v>194</v>
      </c>
      <c r="AP14793">
        <v>196</v>
      </c>
      <c r="AQ14793">
        <v>198</v>
      </c>
    </row>
    <row r="14794" spans="1:43">
      <c r="A14794" t="s">
        <v>9192</v>
      </c>
      <c r="B14794" t="s">
        <v>9193</v>
      </c>
      <c r="C14794" t="s">
        <v>9190</v>
      </c>
      <c r="D14794" t="s">
        <v>9191</v>
      </c>
      <c r="E14794" t="s">
        <v>8938</v>
      </c>
      <c r="F14794" t="s">
        <v>8939</v>
      </c>
      <c r="G14794" t="s">
        <v>80</v>
      </c>
      <c r="H14794" t="s">
        <v>81</v>
      </c>
      <c r="I14794" s="2">
        <v>0</v>
      </c>
      <c r="J14794" s="2">
        <v>1</v>
      </c>
      <c r="K14794" s="2">
        <v>0</v>
      </c>
      <c r="L14794" t="s">
        <v>82</v>
      </c>
      <c r="M14794" t="s">
        <v>83</v>
      </c>
      <c r="N14794" t="s">
        <v>84</v>
      </c>
      <c r="O14794" t="s">
        <v>85</v>
      </c>
      <c r="P14794" t="s">
        <v>86</v>
      </c>
      <c r="Q14794">
        <v>27</v>
      </c>
      <c r="R14794">
        <v>27</v>
      </c>
      <c r="S14794">
        <v>28</v>
      </c>
      <c r="T14794">
        <v>29</v>
      </c>
      <c r="U14794">
        <v>29</v>
      </c>
      <c r="V14794">
        <v>30</v>
      </c>
      <c r="W14794">
        <v>31</v>
      </c>
      <c r="X14794">
        <v>32</v>
      </c>
      <c r="Y14794">
        <v>32</v>
      </c>
      <c r="Z14794">
        <v>33</v>
      </c>
      <c r="AA14794">
        <v>34</v>
      </c>
      <c r="AB14794">
        <v>35</v>
      </c>
      <c r="AC14794">
        <v>35</v>
      </c>
      <c r="AD14794">
        <v>36</v>
      </c>
      <c r="AE14794">
        <v>37</v>
      </c>
      <c r="AF14794">
        <v>38</v>
      </c>
      <c r="AG14794">
        <v>39</v>
      </c>
      <c r="AH14794">
        <v>39</v>
      </c>
      <c r="AI14794">
        <v>40</v>
      </c>
      <c r="AJ14794">
        <v>41</v>
      </c>
      <c r="AK14794">
        <v>42</v>
      </c>
      <c r="AL14794">
        <v>42</v>
      </c>
      <c r="AM14794">
        <v>43</v>
      </c>
      <c r="AN14794">
        <v>43</v>
      </c>
      <c r="AO14794">
        <v>44</v>
      </c>
      <c r="AP14794">
        <v>44</v>
      </c>
      <c r="AQ14794">
        <v>45</v>
      </c>
    </row>
    <row r="14795" spans="1:43">
      <c r="A14795" t="s">
        <v>9192</v>
      </c>
      <c r="B14795" t="s">
        <v>9193</v>
      </c>
      <c r="C14795" t="s">
        <v>9190</v>
      </c>
      <c r="D14795" t="s">
        <v>9191</v>
      </c>
      <c r="E14795" t="s">
        <v>8938</v>
      </c>
      <c r="F14795" t="s">
        <v>8939</v>
      </c>
      <c r="G14795" t="s">
        <v>80</v>
      </c>
      <c r="H14795" t="s">
        <v>81</v>
      </c>
      <c r="I14795" s="2">
        <v>0</v>
      </c>
      <c r="J14795" s="2">
        <v>1</v>
      </c>
      <c r="K14795" s="2">
        <v>0</v>
      </c>
      <c r="L14795" t="s">
        <v>82</v>
      </c>
      <c r="M14795" t="s">
        <v>87</v>
      </c>
      <c r="N14795" t="s">
        <v>88</v>
      </c>
      <c r="O14795" t="s">
        <v>85</v>
      </c>
      <c r="P14795" t="s">
        <v>86</v>
      </c>
      <c r="Q14795">
        <v>27</v>
      </c>
      <c r="R14795">
        <v>28</v>
      </c>
      <c r="S14795">
        <v>28</v>
      </c>
      <c r="T14795">
        <v>29</v>
      </c>
      <c r="U14795">
        <v>29</v>
      </c>
      <c r="V14795">
        <v>30</v>
      </c>
      <c r="W14795">
        <v>30</v>
      </c>
      <c r="X14795">
        <v>31</v>
      </c>
      <c r="Y14795">
        <v>31</v>
      </c>
      <c r="Z14795">
        <v>31</v>
      </c>
      <c r="AA14795">
        <v>32</v>
      </c>
      <c r="AB14795">
        <v>32</v>
      </c>
      <c r="AC14795">
        <v>33</v>
      </c>
      <c r="AD14795">
        <v>33</v>
      </c>
      <c r="AE14795">
        <v>34</v>
      </c>
      <c r="AF14795">
        <v>34</v>
      </c>
      <c r="AG14795">
        <v>35</v>
      </c>
      <c r="AH14795">
        <v>35</v>
      </c>
      <c r="AI14795">
        <v>36</v>
      </c>
      <c r="AJ14795">
        <v>36</v>
      </c>
      <c r="AK14795">
        <v>37</v>
      </c>
      <c r="AL14795">
        <v>37</v>
      </c>
      <c r="AM14795">
        <v>37</v>
      </c>
      <c r="AN14795">
        <v>38</v>
      </c>
      <c r="AO14795">
        <v>38</v>
      </c>
      <c r="AP14795">
        <v>39</v>
      </c>
      <c r="AQ14795">
        <v>39</v>
      </c>
    </row>
    <row r="14796" spans="1:43">
      <c r="A14796" t="s">
        <v>9192</v>
      </c>
      <c r="B14796" t="s">
        <v>9193</v>
      </c>
      <c r="C14796" t="s">
        <v>9190</v>
      </c>
      <c r="D14796" t="s">
        <v>9191</v>
      </c>
      <c r="E14796" t="s">
        <v>8938</v>
      </c>
      <c r="F14796" t="s">
        <v>8939</v>
      </c>
      <c r="G14796" t="s">
        <v>80</v>
      </c>
      <c r="H14796" t="s">
        <v>81</v>
      </c>
      <c r="I14796" s="2">
        <v>0</v>
      </c>
      <c r="J14796" s="2">
        <v>1</v>
      </c>
      <c r="K14796" s="2">
        <v>0</v>
      </c>
      <c r="L14796" t="s">
        <v>82</v>
      </c>
      <c r="M14796" t="s">
        <v>89</v>
      </c>
      <c r="N14796" t="s">
        <v>90</v>
      </c>
      <c r="O14796" t="s">
        <v>85</v>
      </c>
      <c r="P14796" t="s">
        <v>86</v>
      </c>
      <c r="Q14796">
        <v>27</v>
      </c>
      <c r="R14796">
        <v>28</v>
      </c>
      <c r="S14796">
        <v>29</v>
      </c>
      <c r="T14796">
        <v>30</v>
      </c>
      <c r="U14796">
        <v>31</v>
      </c>
      <c r="V14796">
        <v>32</v>
      </c>
      <c r="W14796">
        <v>33</v>
      </c>
      <c r="X14796">
        <v>33</v>
      </c>
      <c r="Y14796">
        <v>34</v>
      </c>
      <c r="Z14796">
        <v>35</v>
      </c>
      <c r="AA14796">
        <v>36</v>
      </c>
      <c r="AB14796">
        <v>37</v>
      </c>
      <c r="AC14796">
        <v>38</v>
      </c>
      <c r="AD14796">
        <v>39</v>
      </c>
      <c r="AE14796">
        <v>40</v>
      </c>
      <c r="AF14796">
        <v>40</v>
      </c>
      <c r="AG14796">
        <v>41</v>
      </c>
      <c r="AH14796">
        <v>41</v>
      </c>
      <c r="AI14796">
        <v>41</v>
      </c>
      <c r="AJ14796">
        <v>42</v>
      </c>
      <c r="AK14796">
        <v>42</v>
      </c>
      <c r="AL14796">
        <v>43</v>
      </c>
      <c r="AM14796">
        <v>43</v>
      </c>
      <c r="AN14796">
        <v>44</v>
      </c>
      <c r="AO14796">
        <v>44</v>
      </c>
      <c r="AP14796">
        <v>45</v>
      </c>
      <c r="AQ14796">
        <v>45</v>
      </c>
    </row>
    <row r="14797" spans="1:43">
      <c r="A14797" t="s">
        <v>9192</v>
      </c>
      <c r="B14797" t="s">
        <v>9193</v>
      </c>
      <c r="C14797" t="s">
        <v>9190</v>
      </c>
      <c r="D14797" t="s">
        <v>9191</v>
      </c>
      <c r="E14797" t="s">
        <v>8938</v>
      </c>
      <c r="F14797" t="s">
        <v>8939</v>
      </c>
      <c r="G14797" t="s">
        <v>80</v>
      </c>
      <c r="H14797" t="s">
        <v>81</v>
      </c>
      <c r="I14797" s="2">
        <v>0</v>
      </c>
      <c r="J14797" s="2">
        <v>1</v>
      </c>
      <c r="K14797" s="2">
        <v>0</v>
      </c>
      <c r="L14797" t="s">
        <v>82</v>
      </c>
      <c r="M14797" t="s">
        <v>83</v>
      </c>
      <c r="N14797" t="s">
        <v>91</v>
      </c>
      <c r="O14797" t="s">
        <v>85</v>
      </c>
      <c r="P14797" t="s">
        <v>86</v>
      </c>
      <c r="Q14797">
        <v>27</v>
      </c>
      <c r="R14797">
        <v>27</v>
      </c>
      <c r="S14797">
        <v>28</v>
      </c>
      <c r="T14797">
        <v>29</v>
      </c>
      <c r="U14797">
        <v>29</v>
      </c>
      <c r="V14797">
        <v>30</v>
      </c>
      <c r="W14797">
        <v>31</v>
      </c>
      <c r="X14797">
        <v>32</v>
      </c>
      <c r="Y14797">
        <v>32</v>
      </c>
      <c r="Z14797">
        <v>33</v>
      </c>
      <c r="AA14797">
        <v>34</v>
      </c>
      <c r="AB14797">
        <v>35</v>
      </c>
      <c r="AC14797">
        <v>35</v>
      </c>
      <c r="AD14797">
        <v>36</v>
      </c>
      <c r="AE14797">
        <v>37</v>
      </c>
      <c r="AF14797">
        <v>38</v>
      </c>
      <c r="AG14797">
        <v>39</v>
      </c>
      <c r="AH14797">
        <v>39</v>
      </c>
      <c r="AI14797">
        <v>40</v>
      </c>
      <c r="AJ14797">
        <v>41</v>
      </c>
      <c r="AK14797">
        <v>42</v>
      </c>
      <c r="AL14797">
        <v>42</v>
      </c>
      <c r="AM14797">
        <v>43</v>
      </c>
      <c r="AN14797">
        <v>43</v>
      </c>
      <c r="AO14797">
        <v>44</v>
      </c>
      <c r="AP14797">
        <v>44</v>
      </c>
      <c r="AQ14797">
        <v>45</v>
      </c>
    </row>
    <row r="14798" spans="1:43">
      <c r="A14798" t="s">
        <v>9194</v>
      </c>
      <c r="B14798" t="s">
        <v>9195</v>
      </c>
      <c r="C14798" t="s">
        <v>9190</v>
      </c>
      <c r="D14798" t="s">
        <v>9191</v>
      </c>
      <c r="E14798" t="s">
        <v>8938</v>
      </c>
      <c r="F14798" t="s">
        <v>8939</v>
      </c>
      <c r="G14798" t="s">
        <v>80</v>
      </c>
      <c r="H14798" t="s">
        <v>81</v>
      </c>
      <c r="I14798" s="2">
        <v>0</v>
      </c>
      <c r="J14798" s="2">
        <v>1</v>
      </c>
      <c r="K14798" s="2">
        <v>0</v>
      </c>
      <c r="L14798" t="s">
        <v>82</v>
      </c>
      <c r="M14798" t="s">
        <v>83</v>
      </c>
      <c r="N14798" t="s">
        <v>84</v>
      </c>
      <c r="O14798" t="s">
        <v>85</v>
      </c>
      <c r="P14798" t="s">
        <v>86</v>
      </c>
      <c r="Q14798">
        <v>45</v>
      </c>
      <c r="R14798">
        <v>46</v>
      </c>
      <c r="S14798">
        <v>47</v>
      </c>
      <c r="T14798">
        <v>48</v>
      </c>
      <c r="U14798">
        <v>49</v>
      </c>
      <c r="V14798">
        <v>50</v>
      </c>
      <c r="W14798">
        <v>52</v>
      </c>
      <c r="X14798">
        <v>53</v>
      </c>
      <c r="Y14798">
        <v>54</v>
      </c>
      <c r="Z14798">
        <v>55</v>
      </c>
      <c r="AA14798">
        <v>57</v>
      </c>
      <c r="AB14798">
        <v>58</v>
      </c>
      <c r="AC14798">
        <v>59</v>
      </c>
      <c r="AD14798">
        <v>60</v>
      </c>
      <c r="AE14798">
        <v>62</v>
      </c>
      <c r="AF14798">
        <v>63</v>
      </c>
      <c r="AG14798">
        <v>64</v>
      </c>
      <c r="AH14798">
        <v>66</v>
      </c>
      <c r="AI14798">
        <v>67</v>
      </c>
      <c r="AJ14798">
        <v>68</v>
      </c>
      <c r="AK14798">
        <v>70</v>
      </c>
      <c r="AL14798">
        <v>71</v>
      </c>
      <c r="AM14798">
        <v>71</v>
      </c>
      <c r="AN14798">
        <v>72</v>
      </c>
      <c r="AO14798">
        <v>73</v>
      </c>
      <c r="AP14798">
        <v>74</v>
      </c>
      <c r="AQ14798">
        <v>74</v>
      </c>
    </row>
    <row r="14799" spans="1:43">
      <c r="A14799" t="s">
        <v>9194</v>
      </c>
      <c r="B14799" t="s">
        <v>9195</v>
      </c>
      <c r="C14799" t="s">
        <v>9190</v>
      </c>
      <c r="D14799" t="s">
        <v>9191</v>
      </c>
      <c r="E14799" t="s">
        <v>8938</v>
      </c>
      <c r="F14799" t="s">
        <v>8939</v>
      </c>
      <c r="G14799" t="s">
        <v>80</v>
      </c>
      <c r="H14799" t="s">
        <v>81</v>
      </c>
      <c r="I14799" s="2">
        <v>0</v>
      </c>
      <c r="J14799" s="2">
        <v>1</v>
      </c>
      <c r="K14799" s="2">
        <v>0</v>
      </c>
      <c r="L14799" t="s">
        <v>82</v>
      </c>
      <c r="M14799" t="s">
        <v>87</v>
      </c>
      <c r="N14799" t="s">
        <v>88</v>
      </c>
      <c r="O14799" t="s">
        <v>85</v>
      </c>
      <c r="P14799" t="s">
        <v>86</v>
      </c>
      <c r="Q14799">
        <v>45</v>
      </c>
      <c r="R14799">
        <v>46</v>
      </c>
      <c r="S14799">
        <v>47</v>
      </c>
      <c r="T14799">
        <v>47</v>
      </c>
      <c r="U14799">
        <v>48</v>
      </c>
      <c r="V14799">
        <v>49</v>
      </c>
      <c r="W14799">
        <v>50</v>
      </c>
      <c r="X14799">
        <v>50</v>
      </c>
      <c r="Y14799">
        <v>51</v>
      </c>
      <c r="Z14799">
        <v>52</v>
      </c>
      <c r="AA14799">
        <v>53</v>
      </c>
      <c r="AB14799">
        <v>53</v>
      </c>
      <c r="AC14799">
        <v>54</v>
      </c>
      <c r="AD14799">
        <v>55</v>
      </c>
      <c r="AE14799">
        <v>56</v>
      </c>
      <c r="AF14799">
        <v>56</v>
      </c>
      <c r="AG14799">
        <v>57</v>
      </c>
      <c r="AH14799">
        <v>58</v>
      </c>
      <c r="AI14799">
        <v>59</v>
      </c>
      <c r="AJ14799">
        <v>60</v>
      </c>
      <c r="AK14799">
        <v>60</v>
      </c>
      <c r="AL14799">
        <v>61</v>
      </c>
      <c r="AM14799">
        <v>62</v>
      </c>
      <c r="AN14799">
        <v>63</v>
      </c>
      <c r="AO14799">
        <v>64</v>
      </c>
      <c r="AP14799">
        <v>65</v>
      </c>
      <c r="AQ14799">
        <v>65</v>
      </c>
    </row>
    <row r="14800" spans="1:43">
      <c r="A14800" t="s">
        <v>9194</v>
      </c>
      <c r="B14800" t="s">
        <v>9195</v>
      </c>
      <c r="C14800" t="s">
        <v>9190</v>
      </c>
      <c r="D14800" t="s">
        <v>9191</v>
      </c>
      <c r="E14800" t="s">
        <v>8938</v>
      </c>
      <c r="F14800" t="s">
        <v>8939</v>
      </c>
      <c r="G14800" t="s">
        <v>80</v>
      </c>
      <c r="H14800" t="s">
        <v>81</v>
      </c>
      <c r="I14800" s="2">
        <v>0</v>
      </c>
      <c r="J14800" s="2">
        <v>1</v>
      </c>
      <c r="K14800" s="2">
        <v>0</v>
      </c>
      <c r="L14800" t="s">
        <v>82</v>
      </c>
      <c r="M14800" t="s">
        <v>89</v>
      </c>
      <c r="N14800" t="s">
        <v>90</v>
      </c>
      <c r="O14800" t="s">
        <v>85</v>
      </c>
      <c r="P14800" t="s">
        <v>86</v>
      </c>
      <c r="Q14800">
        <v>45</v>
      </c>
      <c r="R14800">
        <v>47</v>
      </c>
      <c r="S14800">
        <v>48</v>
      </c>
      <c r="T14800">
        <v>50</v>
      </c>
      <c r="U14800">
        <v>51</v>
      </c>
      <c r="V14800">
        <v>53</v>
      </c>
      <c r="W14800">
        <v>54</v>
      </c>
      <c r="X14800">
        <v>56</v>
      </c>
      <c r="Y14800">
        <v>57</v>
      </c>
      <c r="Z14800">
        <v>59</v>
      </c>
      <c r="AA14800">
        <v>60</v>
      </c>
      <c r="AB14800">
        <v>62</v>
      </c>
      <c r="AC14800">
        <v>63</v>
      </c>
      <c r="AD14800">
        <v>65</v>
      </c>
      <c r="AE14800">
        <v>66</v>
      </c>
      <c r="AF14800">
        <v>67</v>
      </c>
      <c r="AG14800">
        <v>68</v>
      </c>
      <c r="AH14800">
        <v>68</v>
      </c>
      <c r="AI14800">
        <v>69</v>
      </c>
      <c r="AJ14800">
        <v>70</v>
      </c>
      <c r="AK14800">
        <v>71</v>
      </c>
      <c r="AL14800">
        <v>71</v>
      </c>
      <c r="AM14800">
        <v>72</v>
      </c>
      <c r="AN14800">
        <v>73</v>
      </c>
      <c r="AO14800">
        <v>73</v>
      </c>
      <c r="AP14800">
        <v>74</v>
      </c>
      <c r="AQ14800">
        <v>75</v>
      </c>
    </row>
    <row r="14801" spans="1:43">
      <c r="A14801" t="s">
        <v>9194</v>
      </c>
      <c r="B14801" t="s">
        <v>9195</v>
      </c>
      <c r="C14801" t="s">
        <v>9190</v>
      </c>
      <c r="D14801" t="s">
        <v>9191</v>
      </c>
      <c r="E14801" t="s">
        <v>8938</v>
      </c>
      <c r="F14801" t="s">
        <v>8939</v>
      </c>
      <c r="G14801" t="s">
        <v>80</v>
      </c>
      <c r="H14801" t="s">
        <v>81</v>
      </c>
      <c r="I14801" s="2">
        <v>0</v>
      </c>
      <c r="J14801" s="2">
        <v>1</v>
      </c>
      <c r="K14801" s="2">
        <v>0</v>
      </c>
      <c r="L14801" t="s">
        <v>82</v>
      </c>
      <c r="M14801" t="s">
        <v>83</v>
      </c>
      <c r="N14801" t="s">
        <v>91</v>
      </c>
      <c r="O14801" t="s">
        <v>85</v>
      </c>
      <c r="P14801" t="s">
        <v>86</v>
      </c>
      <c r="Q14801">
        <v>45</v>
      </c>
      <c r="R14801">
        <v>46</v>
      </c>
      <c r="S14801">
        <v>47</v>
      </c>
      <c r="T14801">
        <v>48</v>
      </c>
      <c r="U14801">
        <v>49</v>
      </c>
      <c r="V14801">
        <v>50</v>
      </c>
      <c r="W14801">
        <v>52</v>
      </c>
      <c r="X14801">
        <v>53</v>
      </c>
      <c r="Y14801">
        <v>54</v>
      </c>
      <c r="Z14801">
        <v>55</v>
      </c>
      <c r="AA14801">
        <v>57</v>
      </c>
      <c r="AB14801">
        <v>58</v>
      </c>
      <c r="AC14801">
        <v>59</v>
      </c>
      <c r="AD14801">
        <v>60</v>
      </c>
      <c r="AE14801">
        <v>62</v>
      </c>
      <c r="AF14801">
        <v>63</v>
      </c>
      <c r="AG14801">
        <v>64</v>
      </c>
      <c r="AH14801">
        <v>66</v>
      </c>
      <c r="AI14801">
        <v>67</v>
      </c>
      <c r="AJ14801">
        <v>68</v>
      </c>
      <c r="AK14801">
        <v>70</v>
      </c>
      <c r="AL14801">
        <v>71</v>
      </c>
      <c r="AM14801">
        <v>71</v>
      </c>
      <c r="AN14801">
        <v>72</v>
      </c>
      <c r="AO14801">
        <v>73</v>
      </c>
      <c r="AP14801">
        <v>74</v>
      </c>
      <c r="AQ14801">
        <v>74</v>
      </c>
    </row>
    <row r="14802" spans="1:43">
      <c r="A14802" t="s">
        <v>9196</v>
      </c>
      <c r="B14802" t="s">
        <v>9197</v>
      </c>
      <c r="C14802" t="s">
        <v>9190</v>
      </c>
      <c r="D14802" t="s">
        <v>9191</v>
      </c>
      <c r="E14802" t="s">
        <v>8938</v>
      </c>
      <c r="F14802" t="s">
        <v>8939</v>
      </c>
      <c r="G14802" t="s">
        <v>80</v>
      </c>
      <c r="H14802" t="s">
        <v>81</v>
      </c>
      <c r="I14802" s="2">
        <v>0</v>
      </c>
      <c r="J14802" s="2">
        <v>1</v>
      </c>
      <c r="K14802" s="2">
        <v>0</v>
      </c>
      <c r="L14802" t="s">
        <v>82</v>
      </c>
      <c r="M14802" t="s">
        <v>83</v>
      </c>
      <c r="N14802" t="s">
        <v>84</v>
      </c>
      <c r="O14802" t="s">
        <v>85</v>
      </c>
      <c r="P14802" t="s">
        <v>86</v>
      </c>
      <c r="Q14802">
        <v>94</v>
      </c>
      <c r="R14802">
        <v>97</v>
      </c>
      <c r="S14802">
        <v>99</v>
      </c>
      <c r="T14802">
        <v>101</v>
      </c>
      <c r="U14802">
        <v>104</v>
      </c>
      <c r="V14802">
        <v>106</v>
      </c>
      <c r="W14802">
        <v>109</v>
      </c>
      <c r="X14802">
        <v>111</v>
      </c>
      <c r="Y14802">
        <v>114</v>
      </c>
      <c r="Z14802">
        <v>117</v>
      </c>
      <c r="AA14802">
        <v>119</v>
      </c>
      <c r="AB14802">
        <v>122</v>
      </c>
      <c r="AC14802">
        <v>125</v>
      </c>
      <c r="AD14802">
        <v>127</v>
      </c>
      <c r="AE14802">
        <v>130</v>
      </c>
      <c r="AF14802">
        <v>133</v>
      </c>
      <c r="AG14802">
        <v>135</v>
      </c>
      <c r="AH14802">
        <v>138</v>
      </c>
      <c r="AI14802">
        <v>141</v>
      </c>
      <c r="AJ14802">
        <v>144</v>
      </c>
      <c r="AK14802">
        <v>147</v>
      </c>
      <c r="AL14802">
        <v>149</v>
      </c>
      <c r="AM14802">
        <v>150</v>
      </c>
      <c r="AN14802">
        <v>152</v>
      </c>
      <c r="AO14802">
        <v>154</v>
      </c>
      <c r="AP14802">
        <v>155</v>
      </c>
      <c r="AQ14802">
        <v>157</v>
      </c>
    </row>
    <row r="14803" spans="1:43">
      <c r="A14803" t="s">
        <v>9196</v>
      </c>
      <c r="B14803" t="s">
        <v>9197</v>
      </c>
      <c r="C14803" t="s">
        <v>9190</v>
      </c>
      <c r="D14803" t="s">
        <v>9191</v>
      </c>
      <c r="E14803" t="s">
        <v>8938</v>
      </c>
      <c r="F14803" t="s">
        <v>8939</v>
      </c>
      <c r="G14803" t="s">
        <v>80</v>
      </c>
      <c r="H14803" t="s">
        <v>81</v>
      </c>
      <c r="I14803" s="2">
        <v>0</v>
      </c>
      <c r="J14803" s="2">
        <v>1</v>
      </c>
      <c r="K14803" s="2">
        <v>0</v>
      </c>
      <c r="L14803" t="s">
        <v>82</v>
      </c>
      <c r="M14803" t="s">
        <v>87</v>
      </c>
      <c r="N14803" t="s">
        <v>88</v>
      </c>
      <c r="O14803" t="s">
        <v>85</v>
      </c>
      <c r="P14803" t="s">
        <v>86</v>
      </c>
      <c r="Q14803">
        <v>94</v>
      </c>
      <c r="R14803">
        <v>96</v>
      </c>
      <c r="S14803">
        <v>97</v>
      </c>
      <c r="T14803">
        <v>99</v>
      </c>
      <c r="U14803">
        <v>100</v>
      </c>
      <c r="V14803">
        <v>102</v>
      </c>
      <c r="W14803">
        <v>103</v>
      </c>
      <c r="X14803">
        <v>105</v>
      </c>
      <c r="Y14803">
        <v>106</v>
      </c>
      <c r="Z14803">
        <v>108</v>
      </c>
      <c r="AA14803">
        <v>110</v>
      </c>
      <c r="AB14803">
        <v>111</v>
      </c>
      <c r="AC14803">
        <v>113</v>
      </c>
      <c r="AD14803">
        <v>114</v>
      </c>
      <c r="AE14803">
        <v>116</v>
      </c>
      <c r="AF14803">
        <v>118</v>
      </c>
      <c r="AG14803">
        <v>119</v>
      </c>
      <c r="AH14803">
        <v>121</v>
      </c>
      <c r="AI14803">
        <v>122</v>
      </c>
      <c r="AJ14803">
        <v>124</v>
      </c>
      <c r="AK14803">
        <v>126</v>
      </c>
      <c r="AL14803">
        <v>128</v>
      </c>
      <c r="AM14803">
        <v>129</v>
      </c>
      <c r="AN14803">
        <v>131</v>
      </c>
      <c r="AO14803">
        <v>133</v>
      </c>
      <c r="AP14803">
        <v>134</v>
      </c>
      <c r="AQ14803">
        <v>136</v>
      </c>
    </row>
    <row r="14804" spans="1:43">
      <c r="A14804" t="s">
        <v>9196</v>
      </c>
      <c r="B14804" t="s">
        <v>9197</v>
      </c>
      <c r="C14804" t="s">
        <v>9190</v>
      </c>
      <c r="D14804" t="s">
        <v>9191</v>
      </c>
      <c r="E14804" t="s">
        <v>8938</v>
      </c>
      <c r="F14804" t="s">
        <v>8939</v>
      </c>
      <c r="G14804" t="s">
        <v>80</v>
      </c>
      <c r="H14804" t="s">
        <v>81</v>
      </c>
      <c r="I14804" s="2">
        <v>0</v>
      </c>
      <c r="J14804" s="2">
        <v>1</v>
      </c>
      <c r="K14804" s="2">
        <v>0</v>
      </c>
      <c r="L14804" t="s">
        <v>82</v>
      </c>
      <c r="M14804" t="s">
        <v>89</v>
      </c>
      <c r="N14804" t="s">
        <v>90</v>
      </c>
      <c r="O14804" t="s">
        <v>85</v>
      </c>
      <c r="P14804" t="s">
        <v>86</v>
      </c>
      <c r="Q14804">
        <v>94</v>
      </c>
      <c r="R14804">
        <v>97</v>
      </c>
      <c r="S14804">
        <v>100</v>
      </c>
      <c r="T14804">
        <v>104</v>
      </c>
      <c r="U14804">
        <v>107</v>
      </c>
      <c r="V14804">
        <v>110</v>
      </c>
      <c r="W14804">
        <v>113</v>
      </c>
      <c r="X14804">
        <v>117</v>
      </c>
      <c r="Y14804">
        <v>120</v>
      </c>
      <c r="Z14804">
        <v>123</v>
      </c>
      <c r="AA14804">
        <v>126</v>
      </c>
      <c r="AB14804">
        <v>129</v>
      </c>
      <c r="AC14804">
        <v>133</v>
      </c>
      <c r="AD14804">
        <v>136</v>
      </c>
      <c r="AE14804">
        <v>139</v>
      </c>
      <c r="AF14804">
        <v>140</v>
      </c>
      <c r="AG14804">
        <v>142</v>
      </c>
      <c r="AH14804">
        <v>143</v>
      </c>
      <c r="AI14804">
        <v>145</v>
      </c>
      <c r="AJ14804">
        <v>147</v>
      </c>
      <c r="AK14804">
        <v>148</v>
      </c>
      <c r="AL14804">
        <v>150</v>
      </c>
      <c r="AM14804">
        <v>151</v>
      </c>
      <c r="AN14804">
        <v>153</v>
      </c>
      <c r="AO14804">
        <v>154</v>
      </c>
      <c r="AP14804">
        <v>156</v>
      </c>
      <c r="AQ14804">
        <v>158</v>
      </c>
    </row>
    <row r="14805" spans="1:43">
      <c r="A14805" t="s">
        <v>9196</v>
      </c>
      <c r="B14805" t="s">
        <v>9197</v>
      </c>
      <c r="C14805" t="s">
        <v>9190</v>
      </c>
      <c r="D14805" t="s">
        <v>9191</v>
      </c>
      <c r="E14805" t="s">
        <v>8938</v>
      </c>
      <c r="F14805" t="s">
        <v>8939</v>
      </c>
      <c r="G14805" t="s">
        <v>80</v>
      </c>
      <c r="H14805" t="s">
        <v>81</v>
      </c>
      <c r="I14805" s="2">
        <v>0</v>
      </c>
      <c r="J14805" s="2">
        <v>1</v>
      </c>
      <c r="K14805" s="2">
        <v>0</v>
      </c>
      <c r="L14805" t="s">
        <v>82</v>
      </c>
      <c r="M14805" t="s">
        <v>83</v>
      </c>
      <c r="N14805" t="s">
        <v>91</v>
      </c>
      <c r="O14805" t="s">
        <v>85</v>
      </c>
      <c r="P14805" t="s">
        <v>86</v>
      </c>
      <c r="Q14805">
        <v>94</v>
      </c>
      <c r="R14805">
        <v>97</v>
      </c>
      <c r="S14805">
        <v>99</v>
      </c>
      <c r="T14805">
        <v>101</v>
      </c>
      <c r="U14805">
        <v>104</v>
      </c>
      <c r="V14805">
        <v>106</v>
      </c>
      <c r="W14805">
        <v>109</v>
      </c>
      <c r="X14805">
        <v>111</v>
      </c>
      <c r="Y14805">
        <v>114</v>
      </c>
      <c r="Z14805">
        <v>117</v>
      </c>
      <c r="AA14805">
        <v>119</v>
      </c>
      <c r="AB14805">
        <v>122</v>
      </c>
      <c r="AC14805">
        <v>125</v>
      </c>
      <c r="AD14805">
        <v>127</v>
      </c>
      <c r="AE14805">
        <v>130</v>
      </c>
      <c r="AF14805">
        <v>133</v>
      </c>
      <c r="AG14805">
        <v>135</v>
      </c>
      <c r="AH14805">
        <v>138</v>
      </c>
      <c r="AI14805">
        <v>141</v>
      </c>
      <c r="AJ14805">
        <v>144</v>
      </c>
      <c r="AK14805">
        <v>147</v>
      </c>
      <c r="AL14805">
        <v>149</v>
      </c>
      <c r="AM14805">
        <v>150</v>
      </c>
      <c r="AN14805">
        <v>152</v>
      </c>
      <c r="AO14805">
        <v>154</v>
      </c>
      <c r="AP14805">
        <v>155</v>
      </c>
      <c r="AQ14805">
        <v>157</v>
      </c>
    </row>
    <row r="14806" spans="1:43">
      <c r="A14806" t="s">
        <v>9198</v>
      </c>
      <c r="B14806" t="s">
        <v>9199</v>
      </c>
      <c r="C14806" t="s">
        <v>9200</v>
      </c>
      <c r="D14806" t="s">
        <v>9201</v>
      </c>
      <c r="E14806" t="s">
        <v>9202</v>
      </c>
      <c r="F14806" t="s">
        <v>9203</v>
      </c>
      <c r="G14806" t="s">
        <v>80</v>
      </c>
      <c r="H14806" t="s">
        <v>81</v>
      </c>
      <c r="I14806" s="2">
        <v>0</v>
      </c>
      <c r="J14806" s="2">
        <v>1</v>
      </c>
      <c r="K14806" s="2">
        <v>0</v>
      </c>
      <c r="L14806" t="s">
        <v>82</v>
      </c>
      <c r="M14806" t="s">
        <v>83</v>
      </c>
      <c r="N14806" t="s">
        <v>84</v>
      </c>
      <c r="O14806" t="s">
        <v>85</v>
      </c>
      <c r="P14806" t="s">
        <v>86</v>
      </c>
      <c r="Q14806">
        <v>25</v>
      </c>
      <c r="R14806">
        <v>25</v>
      </c>
      <c r="S14806">
        <v>25</v>
      </c>
      <c r="T14806">
        <v>26</v>
      </c>
      <c r="U14806">
        <v>26</v>
      </c>
      <c r="V14806">
        <v>27</v>
      </c>
      <c r="W14806">
        <v>27</v>
      </c>
      <c r="X14806">
        <v>27</v>
      </c>
      <c r="Y14806">
        <v>28</v>
      </c>
      <c r="Z14806">
        <v>28</v>
      </c>
      <c r="AA14806">
        <v>28</v>
      </c>
      <c r="AB14806">
        <v>29</v>
      </c>
      <c r="AC14806">
        <v>29</v>
      </c>
      <c r="AD14806">
        <v>29</v>
      </c>
      <c r="AE14806">
        <v>30</v>
      </c>
      <c r="AF14806">
        <v>30</v>
      </c>
      <c r="AG14806">
        <v>30</v>
      </c>
      <c r="AH14806">
        <v>30</v>
      </c>
      <c r="AI14806">
        <v>31</v>
      </c>
      <c r="AJ14806">
        <v>31</v>
      </c>
      <c r="AK14806">
        <v>31</v>
      </c>
      <c r="AL14806">
        <v>31</v>
      </c>
      <c r="AM14806">
        <v>31</v>
      </c>
      <c r="AN14806">
        <v>32</v>
      </c>
      <c r="AO14806">
        <v>32</v>
      </c>
      <c r="AP14806">
        <v>32</v>
      </c>
      <c r="AQ14806">
        <v>32</v>
      </c>
    </row>
    <row r="14807" spans="1:43">
      <c r="A14807" t="s">
        <v>9198</v>
      </c>
      <c r="B14807" t="s">
        <v>9199</v>
      </c>
      <c r="C14807" t="s">
        <v>9200</v>
      </c>
      <c r="D14807" t="s">
        <v>9201</v>
      </c>
      <c r="E14807" t="s">
        <v>9202</v>
      </c>
      <c r="F14807" t="s">
        <v>9203</v>
      </c>
      <c r="G14807" t="s">
        <v>80</v>
      </c>
      <c r="H14807" t="s">
        <v>81</v>
      </c>
      <c r="I14807" s="2">
        <v>0</v>
      </c>
      <c r="J14807" s="2">
        <v>1</v>
      </c>
      <c r="K14807" s="2">
        <v>0</v>
      </c>
      <c r="L14807" t="s">
        <v>82</v>
      </c>
      <c r="M14807" t="s">
        <v>87</v>
      </c>
      <c r="N14807" t="s">
        <v>88</v>
      </c>
      <c r="O14807" t="s">
        <v>85</v>
      </c>
      <c r="P14807" t="s">
        <v>86</v>
      </c>
      <c r="Q14807">
        <v>25</v>
      </c>
      <c r="R14807">
        <v>25</v>
      </c>
      <c r="S14807">
        <v>25</v>
      </c>
      <c r="T14807">
        <v>25</v>
      </c>
      <c r="U14807">
        <v>25</v>
      </c>
      <c r="V14807">
        <v>25</v>
      </c>
      <c r="W14807">
        <v>25</v>
      </c>
      <c r="X14807">
        <v>25</v>
      </c>
      <c r="Y14807">
        <v>25</v>
      </c>
      <c r="Z14807">
        <v>26</v>
      </c>
      <c r="AA14807">
        <v>26</v>
      </c>
      <c r="AB14807">
        <v>26</v>
      </c>
      <c r="AC14807">
        <v>26</v>
      </c>
      <c r="AD14807">
        <v>26</v>
      </c>
      <c r="AE14807">
        <v>26</v>
      </c>
      <c r="AF14807">
        <v>26</v>
      </c>
      <c r="AG14807">
        <v>26</v>
      </c>
      <c r="AH14807">
        <v>26</v>
      </c>
      <c r="AI14807">
        <v>27</v>
      </c>
      <c r="AJ14807">
        <v>27</v>
      </c>
      <c r="AK14807">
        <v>27</v>
      </c>
      <c r="AL14807">
        <v>27</v>
      </c>
      <c r="AM14807">
        <v>27</v>
      </c>
      <c r="AN14807">
        <v>27</v>
      </c>
      <c r="AO14807">
        <v>27</v>
      </c>
      <c r="AP14807">
        <v>27</v>
      </c>
      <c r="AQ14807">
        <v>27</v>
      </c>
    </row>
    <row r="14808" spans="1:43">
      <c r="A14808" t="s">
        <v>9198</v>
      </c>
      <c r="B14808" t="s">
        <v>9199</v>
      </c>
      <c r="C14808" t="s">
        <v>9200</v>
      </c>
      <c r="D14808" t="s">
        <v>9201</v>
      </c>
      <c r="E14808" t="s">
        <v>9202</v>
      </c>
      <c r="F14808" t="s">
        <v>9203</v>
      </c>
      <c r="G14808" t="s">
        <v>80</v>
      </c>
      <c r="H14808" t="s">
        <v>81</v>
      </c>
      <c r="I14808" s="2">
        <v>0</v>
      </c>
      <c r="J14808" s="2">
        <v>1</v>
      </c>
      <c r="K14808" s="2">
        <v>0</v>
      </c>
      <c r="L14808" t="s">
        <v>82</v>
      </c>
      <c r="M14808" t="s">
        <v>89</v>
      </c>
      <c r="N14808" t="s">
        <v>90</v>
      </c>
      <c r="O14808" t="s">
        <v>85</v>
      </c>
      <c r="P14808" t="s">
        <v>86</v>
      </c>
      <c r="Q14808">
        <v>25</v>
      </c>
      <c r="R14808">
        <v>26</v>
      </c>
      <c r="S14808">
        <v>26</v>
      </c>
      <c r="T14808">
        <v>27</v>
      </c>
      <c r="U14808">
        <v>27</v>
      </c>
      <c r="V14808">
        <v>28</v>
      </c>
      <c r="W14808">
        <v>28</v>
      </c>
      <c r="X14808">
        <v>29</v>
      </c>
      <c r="Y14808">
        <v>29</v>
      </c>
      <c r="Z14808">
        <v>30</v>
      </c>
      <c r="AA14808">
        <v>30</v>
      </c>
      <c r="AB14808">
        <v>30</v>
      </c>
      <c r="AC14808">
        <v>31</v>
      </c>
      <c r="AD14808">
        <v>31</v>
      </c>
      <c r="AE14808">
        <v>32</v>
      </c>
      <c r="AF14808">
        <v>32</v>
      </c>
      <c r="AG14808">
        <v>32</v>
      </c>
      <c r="AH14808">
        <v>32</v>
      </c>
      <c r="AI14808">
        <v>32</v>
      </c>
      <c r="AJ14808">
        <v>32</v>
      </c>
      <c r="AK14808">
        <v>32</v>
      </c>
      <c r="AL14808">
        <v>32</v>
      </c>
      <c r="AM14808">
        <v>32</v>
      </c>
      <c r="AN14808">
        <v>32</v>
      </c>
      <c r="AO14808">
        <v>32</v>
      </c>
      <c r="AP14808">
        <v>32</v>
      </c>
      <c r="AQ14808">
        <v>32</v>
      </c>
    </row>
    <row r="14809" spans="1:43">
      <c r="A14809" t="s">
        <v>9198</v>
      </c>
      <c r="B14809" t="s">
        <v>9199</v>
      </c>
      <c r="C14809" t="s">
        <v>9200</v>
      </c>
      <c r="D14809" t="s">
        <v>9201</v>
      </c>
      <c r="E14809" t="s">
        <v>9202</v>
      </c>
      <c r="F14809" t="s">
        <v>9203</v>
      </c>
      <c r="G14809" t="s">
        <v>80</v>
      </c>
      <c r="H14809" t="s">
        <v>81</v>
      </c>
      <c r="I14809" s="2">
        <v>0</v>
      </c>
      <c r="J14809" s="2">
        <v>1</v>
      </c>
      <c r="K14809" s="2">
        <v>0</v>
      </c>
      <c r="L14809" t="s">
        <v>82</v>
      </c>
      <c r="M14809" t="s">
        <v>83</v>
      </c>
      <c r="N14809" t="s">
        <v>91</v>
      </c>
      <c r="O14809" t="s">
        <v>85</v>
      </c>
      <c r="P14809" t="s">
        <v>86</v>
      </c>
      <c r="Q14809">
        <v>25</v>
      </c>
      <c r="R14809">
        <v>25</v>
      </c>
      <c r="S14809">
        <v>25</v>
      </c>
      <c r="T14809">
        <v>26</v>
      </c>
      <c r="U14809">
        <v>26</v>
      </c>
      <c r="V14809">
        <v>27</v>
      </c>
      <c r="W14809">
        <v>27</v>
      </c>
      <c r="X14809">
        <v>27</v>
      </c>
      <c r="Y14809">
        <v>28</v>
      </c>
      <c r="Z14809">
        <v>28</v>
      </c>
      <c r="AA14809">
        <v>28</v>
      </c>
      <c r="AB14809">
        <v>29</v>
      </c>
      <c r="AC14809">
        <v>29</v>
      </c>
      <c r="AD14809">
        <v>29</v>
      </c>
      <c r="AE14809">
        <v>30</v>
      </c>
      <c r="AF14809">
        <v>30</v>
      </c>
      <c r="AG14809">
        <v>30</v>
      </c>
      <c r="AH14809">
        <v>30</v>
      </c>
      <c r="AI14809">
        <v>31</v>
      </c>
      <c r="AJ14809">
        <v>31</v>
      </c>
      <c r="AK14809">
        <v>31</v>
      </c>
      <c r="AL14809">
        <v>31</v>
      </c>
      <c r="AM14809">
        <v>31</v>
      </c>
      <c r="AN14809">
        <v>32</v>
      </c>
      <c r="AO14809">
        <v>32</v>
      </c>
      <c r="AP14809">
        <v>32</v>
      </c>
      <c r="AQ14809">
        <v>32</v>
      </c>
    </row>
    <row r="14810" spans="1:43">
      <c r="A14810" t="s">
        <v>9204</v>
      </c>
      <c r="B14810" t="s">
        <v>9205</v>
      </c>
      <c r="C14810" t="s">
        <v>9200</v>
      </c>
      <c r="D14810" t="s">
        <v>9201</v>
      </c>
      <c r="E14810" t="s">
        <v>9202</v>
      </c>
      <c r="F14810" t="s">
        <v>9203</v>
      </c>
      <c r="G14810" t="s">
        <v>80</v>
      </c>
      <c r="H14810" t="s">
        <v>81</v>
      </c>
      <c r="I14810" s="2">
        <v>0</v>
      </c>
      <c r="J14810" s="2">
        <v>1</v>
      </c>
      <c r="K14810" s="2">
        <v>0</v>
      </c>
      <c r="L14810" t="s">
        <v>82</v>
      </c>
      <c r="M14810" t="s">
        <v>83</v>
      </c>
      <c r="N14810" t="s">
        <v>84</v>
      </c>
      <c r="O14810" t="s">
        <v>85</v>
      </c>
      <c r="P14810" t="s">
        <v>86</v>
      </c>
      <c r="Q14810">
        <v>59</v>
      </c>
      <c r="R14810">
        <v>61</v>
      </c>
      <c r="S14810">
        <v>62</v>
      </c>
      <c r="T14810">
        <v>64</v>
      </c>
      <c r="U14810">
        <v>65</v>
      </c>
      <c r="V14810">
        <v>66</v>
      </c>
      <c r="W14810">
        <v>68</v>
      </c>
      <c r="X14810">
        <v>69</v>
      </c>
      <c r="Y14810">
        <v>71</v>
      </c>
      <c r="Z14810">
        <v>73</v>
      </c>
      <c r="AA14810">
        <v>74</v>
      </c>
      <c r="AB14810">
        <v>76</v>
      </c>
      <c r="AC14810">
        <v>77</v>
      </c>
      <c r="AD14810">
        <v>79</v>
      </c>
      <c r="AE14810">
        <v>80</v>
      </c>
      <c r="AF14810">
        <v>82</v>
      </c>
      <c r="AG14810">
        <v>84</v>
      </c>
      <c r="AH14810">
        <v>85</v>
      </c>
      <c r="AI14810">
        <v>87</v>
      </c>
      <c r="AJ14810">
        <v>88</v>
      </c>
      <c r="AK14810">
        <v>90</v>
      </c>
      <c r="AL14810">
        <v>91</v>
      </c>
      <c r="AM14810">
        <v>92</v>
      </c>
      <c r="AN14810">
        <v>93</v>
      </c>
      <c r="AO14810">
        <v>94</v>
      </c>
      <c r="AP14810">
        <v>95</v>
      </c>
      <c r="AQ14810">
        <v>96</v>
      </c>
    </row>
    <row r="14811" spans="1:43">
      <c r="A14811" t="s">
        <v>9204</v>
      </c>
      <c r="B14811" t="s">
        <v>9205</v>
      </c>
      <c r="C14811" t="s">
        <v>9200</v>
      </c>
      <c r="D14811" t="s">
        <v>9201</v>
      </c>
      <c r="E14811" t="s">
        <v>9202</v>
      </c>
      <c r="F14811" t="s">
        <v>9203</v>
      </c>
      <c r="G14811" t="s">
        <v>80</v>
      </c>
      <c r="H14811" t="s">
        <v>81</v>
      </c>
      <c r="I14811" s="2">
        <v>0</v>
      </c>
      <c r="J14811" s="2">
        <v>1</v>
      </c>
      <c r="K14811" s="2">
        <v>0</v>
      </c>
      <c r="L14811" t="s">
        <v>82</v>
      </c>
      <c r="M14811" t="s">
        <v>87</v>
      </c>
      <c r="N14811" t="s">
        <v>88</v>
      </c>
      <c r="O14811" t="s">
        <v>85</v>
      </c>
      <c r="P14811" t="s">
        <v>86</v>
      </c>
      <c r="Q14811">
        <v>59</v>
      </c>
      <c r="R14811">
        <v>59</v>
      </c>
      <c r="S14811">
        <v>60</v>
      </c>
      <c r="T14811">
        <v>61</v>
      </c>
      <c r="U14811">
        <v>62</v>
      </c>
      <c r="V14811">
        <v>63</v>
      </c>
      <c r="W14811">
        <v>64</v>
      </c>
      <c r="X14811">
        <v>65</v>
      </c>
      <c r="Y14811">
        <v>66</v>
      </c>
      <c r="Z14811">
        <v>67</v>
      </c>
      <c r="AA14811">
        <v>67</v>
      </c>
      <c r="AB14811">
        <v>68</v>
      </c>
      <c r="AC14811">
        <v>69</v>
      </c>
      <c r="AD14811">
        <v>70</v>
      </c>
      <c r="AE14811">
        <v>71</v>
      </c>
      <c r="AF14811">
        <v>72</v>
      </c>
      <c r="AG14811">
        <v>73</v>
      </c>
      <c r="AH14811">
        <v>74</v>
      </c>
      <c r="AI14811">
        <v>75</v>
      </c>
      <c r="AJ14811">
        <v>76</v>
      </c>
      <c r="AK14811">
        <v>77</v>
      </c>
      <c r="AL14811">
        <v>78</v>
      </c>
      <c r="AM14811">
        <v>79</v>
      </c>
      <c r="AN14811">
        <v>80</v>
      </c>
      <c r="AO14811">
        <v>81</v>
      </c>
      <c r="AP14811">
        <v>82</v>
      </c>
      <c r="AQ14811">
        <v>83</v>
      </c>
    </row>
    <row r="14812" spans="1:43">
      <c r="A14812" t="s">
        <v>9204</v>
      </c>
      <c r="B14812" t="s">
        <v>9205</v>
      </c>
      <c r="C14812" t="s">
        <v>9200</v>
      </c>
      <c r="D14812" t="s">
        <v>9201</v>
      </c>
      <c r="E14812" t="s">
        <v>9202</v>
      </c>
      <c r="F14812" t="s">
        <v>9203</v>
      </c>
      <c r="G14812" t="s">
        <v>80</v>
      </c>
      <c r="H14812" t="s">
        <v>81</v>
      </c>
      <c r="I14812" s="2">
        <v>0</v>
      </c>
      <c r="J14812" s="2">
        <v>1</v>
      </c>
      <c r="K14812" s="2">
        <v>0</v>
      </c>
      <c r="L14812" t="s">
        <v>82</v>
      </c>
      <c r="M14812" t="s">
        <v>89</v>
      </c>
      <c r="N14812" t="s">
        <v>90</v>
      </c>
      <c r="O14812" t="s">
        <v>85</v>
      </c>
      <c r="P14812" t="s">
        <v>86</v>
      </c>
      <c r="Q14812">
        <v>59</v>
      </c>
      <c r="R14812">
        <v>61</v>
      </c>
      <c r="S14812">
        <v>63</v>
      </c>
      <c r="T14812">
        <v>65</v>
      </c>
      <c r="U14812">
        <v>67</v>
      </c>
      <c r="V14812">
        <v>69</v>
      </c>
      <c r="W14812">
        <v>70</v>
      </c>
      <c r="X14812">
        <v>72</v>
      </c>
      <c r="Y14812">
        <v>74</v>
      </c>
      <c r="Z14812">
        <v>76</v>
      </c>
      <c r="AA14812">
        <v>78</v>
      </c>
      <c r="AB14812">
        <v>80</v>
      </c>
      <c r="AC14812">
        <v>82</v>
      </c>
      <c r="AD14812">
        <v>84</v>
      </c>
      <c r="AE14812">
        <v>85</v>
      </c>
      <c r="AF14812">
        <v>86</v>
      </c>
      <c r="AG14812">
        <v>87</v>
      </c>
      <c r="AH14812">
        <v>88</v>
      </c>
      <c r="AI14812">
        <v>89</v>
      </c>
      <c r="AJ14812">
        <v>89</v>
      </c>
      <c r="AK14812">
        <v>90</v>
      </c>
      <c r="AL14812">
        <v>91</v>
      </c>
      <c r="AM14812">
        <v>92</v>
      </c>
      <c r="AN14812">
        <v>93</v>
      </c>
      <c r="AO14812">
        <v>94</v>
      </c>
      <c r="AP14812">
        <v>95</v>
      </c>
      <c r="AQ14812">
        <v>95</v>
      </c>
    </row>
    <row r="14813" spans="1:43">
      <c r="A14813" t="s">
        <v>9204</v>
      </c>
      <c r="B14813" t="s">
        <v>9205</v>
      </c>
      <c r="C14813" t="s">
        <v>9200</v>
      </c>
      <c r="D14813" t="s">
        <v>9201</v>
      </c>
      <c r="E14813" t="s">
        <v>9202</v>
      </c>
      <c r="F14813" t="s">
        <v>9203</v>
      </c>
      <c r="G14813" t="s">
        <v>80</v>
      </c>
      <c r="H14813" t="s">
        <v>81</v>
      </c>
      <c r="I14813" s="2">
        <v>0</v>
      </c>
      <c r="J14813" s="2">
        <v>1</v>
      </c>
      <c r="K14813" s="2">
        <v>0</v>
      </c>
      <c r="L14813" t="s">
        <v>82</v>
      </c>
      <c r="M14813" t="s">
        <v>83</v>
      </c>
      <c r="N14813" t="s">
        <v>91</v>
      </c>
      <c r="O14813" t="s">
        <v>85</v>
      </c>
      <c r="P14813" t="s">
        <v>86</v>
      </c>
      <c r="Q14813">
        <v>59</v>
      </c>
      <c r="R14813">
        <v>61</v>
      </c>
      <c r="S14813">
        <v>62</v>
      </c>
      <c r="T14813">
        <v>64</v>
      </c>
      <c r="U14813">
        <v>65</v>
      </c>
      <c r="V14813">
        <v>66</v>
      </c>
      <c r="W14813">
        <v>68</v>
      </c>
      <c r="X14813">
        <v>69</v>
      </c>
      <c r="Y14813">
        <v>71</v>
      </c>
      <c r="Z14813">
        <v>73</v>
      </c>
      <c r="AA14813">
        <v>74</v>
      </c>
      <c r="AB14813">
        <v>76</v>
      </c>
      <c r="AC14813">
        <v>77</v>
      </c>
      <c r="AD14813">
        <v>79</v>
      </c>
      <c r="AE14813">
        <v>80</v>
      </c>
      <c r="AF14813">
        <v>82</v>
      </c>
      <c r="AG14813">
        <v>84</v>
      </c>
      <c r="AH14813">
        <v>85</v>
      </c>
      <c r="AI14813">
        <v>87</v>
      </c>
      <c r="AJ14813">
        <v>88</v>
      </c>
      <c r="AK14813">
        <v>90</v>
      </c>
      <c r="AL14813">
        <v>91</v>
      </c>
      <c r="AM14813">
        <v>92</v>
      </c>
      <c r="AN14813">
        <v>93</v>
      </c>
      <c r="AO14813">
        <v>94</v>
      </c>
      <c r="AP14813">
        <v>95</v>
      </c>
      <c r="AQ14813">
        <v>96</v>
      </c>
    </row>
    <row r="14814" spans="1:43">
      <c r="A14814" t="s">
        <v>9206</v>
      </c>
      <c r="B14814" t="s">
        <v>9207</v>
      </c>
      <c r="C14814" t="s">
        <v>9200</v>
      </c>
      <c r="D14814" t="s">
        <v>9201</v>
      </c>
      <c r="E14814" t="s">
        <v>9202</v>
      </c>
      <c r="F14814" t="s">
        <v>9203</v>
      </c>
      <c r="G14814" t="s">
        <v>80</v>
      </c>
      <c r="H14814" t="s">
        <v>81</v>
      </c>
      <c r="I14814" s="2">
        <v>0</v>
      </c>
      <c r="J14814" s="2">
        <v>1</v>
      </c>
      <c r="K14814" s="2">
        <v>0</v>
      </c>
      <c r="L14814" t="s">
        <v>82</v>
      </c>
      <c r="M14814" t="s">
        <v>83</v>
      </c>
      <c r="N14814" t="s">
        <v>84</v>
      </c>
      <c r="O14814" t="s">
        <v>85</v>
      </c>
      <c r="P14814" t="s">
        <v>86</v>
      </c>
      <c r="Q14814">
        <v>27</v>
      </c>
      <c r="R14814">
        <v>28</v>
      </c>
      <c r="S14814">
        <v>29</v>
      </c>
      <c r="T14814">
        <v>29</v>
      </c>
      <c r="U14814">
        <v>30</v>
      </c>
      <c r="V14814">
        <v>31</v>
      </c>
      <c r="W14814">
        <v>31</v>
      </c>
      <c r="X14814">
        <v>32</v>
      </c>
      <c r="Y14814">
        <v>33</v>
      </c>
      <c r="Z14814">
        <v>34</v>
      </c>
      <c r="AA14814">
        <v>34</v>
      </c>
      <c r="AB14814">
        <v>35</v>
      </c>
      <c r="AC14814">
        <v>36</v>
      </c>
      <c r="AD14814">
        <v>37</v>
      </c>
      <c r="AE14814">
        <v>37</v>
      </c>
      <c r="AF14814">
        <v>38</v>
      </c>
      <c r="AG14814">
        <v>39</v>
      </c>
      <c r="AH14814">
        <v>39</v>
      </c>
      <c r="AI14814">
        <v>40</v>
      </c>
      <c r="AJ14814">
        <v>41</v>
      </c>
      <c r="AK14814">
        <v>42</v>
      </c>
      <c r="AL14814">
        <v>42</v>
      </c>
      <c r="AM14814">
        <v>43</v>
      </c>
      <c r="AN14814">
        <v>43</v>
      </c>
      <c r="AO14814">
        <v>44</v>
      </c>
      <c r="AP14814">
        <v>44</v>
      </c>
      <c r="AQ14814">
        <v>44</v>
      </c>
    </row>
    <row r="14815" spans="1:43">
      <c r="A14815" t="s">
        <v>9206</v>
      </c>
      <c r="B14815" t="s">
        <v>9207</v>
      </c>
      <c r="C14815" t="s">
        <v>9200</v>
      </c>
      <c r="D14815" t="s">
        <v>9201</v>
      </c>
      <c r="E14815" t="s">
        <v>9202</v>
      </c>
      <c r="F14815" t="s">
        <v>9203</v>
      </c>
      <c r="G14815" t="s">
        <v>80</v>
      </c>
      <c r="H14815" t="s">
        <v>81</v>
      </c>
      <c r="I14815" s="2">
        <v>0</v>
      </c>
      <c r="J14815" s="2">
        <v>1</v>
      </c>
      <c r="K14815" s="2">
        <v>0</v>
      </c>
      <c r="L14815" t="s">
        <v>82</v>
      </c>
      <c r="M14815" t="s">
        <v>87</v>
      </c>
      <c r="N14815" t="s">
        <v>88</v>
      </c>
      <c r="O14815" t="s">
        <v>85</v>
      </c>
      <c r="P14815" t="s">
        <v>86</v>
      </c>
      <c r="Q14815">
        <v>27</v>
      </c>
      <c r="R14815">
        <v>28</v>
      </c>
      <c r="S14815">
        <v>28</v>
      </c>
      <c r="T14815">
        <v>28</v>
      </c>
      <c r="U14815">
        <v>29</v>
      </c>
      <c r="V14815">
        <v>29</v>
      </c>
      <c r="W14815">
        <v>30</v>
      </c>
      <c r="X14815">
        <v>30</v>
      </c>
      <c r="Y14815">
        <v>30</v>
      </c>
      <c r="Z14815">
        <v>31</v>
      </c>
      <c r="AA14815">
        <v>31</v>
      </c>
      <c r="AB14815">
        <v>32</v>
      </c>
      <c r="AC14815">
        <v>32</v>
      </c>
      <c r="AD14815">
        <v>33</v>
      </c>
      <c r="AE14815">
        <v>33</v>
      </c>
      <c r="AF14815">
        <v>33</v>
      </c>
      <c r="AG14815">
        <v>34</v>
      </c>
      <c r="AH14815">
        <v>34</v>
      </c>
      <c r="AI14815">
        <v>35</v>
      </c>
      <c r="AJ14815">
        <v>35</v>
      </c>
      <c r="AK14815">
        <v>36</v>
      </c>
      <c r="AL14815">
        <v>36</v>
      </c>
      <c r="AM14815">
        <v>37</v>
      </c>
      <c r="AN14815">
        <v>37</v>
      </c>
      <c r="AO14815">
        <v>38</v>
      </c>
      <c r="AP14815">
        <v>38</v>
      </c>
      <c r="AQ14815">
        <v>38</v>
      </c>
    </row>
    <row r="14816" spans="1:43">
      <c r="A14816" t="s">
        <v>9206</v>
      </c>
      <c r="B14816" t="s">
        <v>9207</v>
      </c>
      <c r="C14816" t="s">
        <v>9200</v>
      </c>
      <c r="D14816" t="s">
        <v>9201</v>
      </c>
      <c r="E14816" t="s">
        <v>9202</v>
      </c>
      <c r="F14816" t="s">
        <v>9203</v>
      </c>
      <c r="G14816" t="s">
        <v>80</v>
      </c>
      <c r="H14816" t="s">
        <v>81</v>
      </c>
      <c r="I14816" s="2">
        <v>0</v>
      </c>
      <c r="J14816" s="2">
        <v>1</v>
      </c>
      <c r="K14816" s="2">
        <v>0</v>
      </c>
      <c r="L14816" t="s">
        <v>82</v>
      </c>
      <c r="M14816" t="s">
        <v>89</v>
      </c>
      <c r="N14816" t="s">
        <v>90</v>
      </c>
      <c r="O14816" t="s">
        <v>85</v>
      </c>
      <c r="P14816" t="s">
        <v>86</v>
      </c>
      <c r="Q14816">
        <v>27</v>
      </c>
      <c r="R14816">
        <v>28</v>
      </c>
      <c r="S14816">
        <v>28</v>
      </c>
      <c r="T14816">
        <v>29</v>
      </c>
      <c r="U14816">
        <v>30</v>
      </c>
      <c r="V14816">
        <v>31</v>
      </c>
      <c r="W14816">
        <v>32</v>
      </c>
      <c r="X14816">
        <v>33</v>
      </c>
      <c r="Y14816">
        <v>34</v>
      </c>
      <c r="Z14816">
        <v>35</v>
      </c>
      <c r="AA14816">
        <v>36</v>
      </c>
      <c r="AB14816">
        <v>36</v>
      </c>
      <c r="AC14816">
        <v>37</v>
      </c>
      <c r="AD14816">
        <v>38</v>
      </c>
      <c r="AE14816">
        <v>39</v>
      </c>
      <c r="AF14816">
        <v>39</v>
      </c>
      <c r="AG14816">
        <v>40</v>
      </c>
      <c r="AH14816">
        <v>40</v>
      </c>
      <c r="AI14816">
        <v>41</v>
      </c>
      <c r="AJ14816">
        <v>41</v>
      </c>
      <c r="AK14816">
        <v>41</v>
      </c>
      <c r="AL14816">
        <v>42</v>
      </c>
      <c r="AM14816">
        <v>42</v>
      </c>
      <c r="AN14816">
        <v>43</v>
      </c>
      <c r="AO14816">
        <v>43</v>
      </c>
      <c r="AP14816">
        <v>43</v>
      </c>
      <c r="AQ14816">
        <v>44</v>
      </c>
    </row>
    <row r="14817" spans="1:43">
      <c r="A14817" t="s">
        <v>9206</v>
      </c>
      <c r="B14817" t="s">
        <v>9207</v>
      </c>
      <c r="C14817" t="s">
        <v>9200</v>
      </c>
      <c r="D14817" t="s">
        <v>9201</v>
      </c>
      <c r="E14817" t="s">
        <v>9202</v>
      </c>
      <c r="F14817" t="s">
        <v>9203</v>
      </c>
      <c r="G14817" t="s">
        <v>80</v>
      </c>
      <c r="H14817" t="s">
        <v>81</v>
      </c>
      <c r="I14817" s="2">
        <v>0</v>
      </c>
      <c r="J14817" s="2">
        <v>1</v>
      </c>
      <c r="K14817" s="2">
        <v>0</v>
      </c>
      <c r="L14817" t="s">
        <v>82</v>
      </c>
      <c r="M14817" t="s">
        <v>83</v>
      </c>
      <c r="N14817" t="s">
        <v>91</v>
      </c>
      <c r="O14817" t="s">
        <v>85</v>
      </c>
      <c r="P14817" t="s">
        <v>86</v>
      </c>
      <c r="Q14817">
        <v>27</v>
      </c>
      <c r="R14817">
        <v>28</v>
      </c>
      <c r="S14817">
        <v>29</v>
      </c>
      <c r="T14817">
        <v>29</v>
      </c>
      <c r="U14817">
        <v>30</v>
      </c>
      <c r="V14817">
        <v>31</v>
      </c>
      <c r="W14817">
        <v>31</v>
      </c>
      <c r="X14817">
        <v>32</v>
      </c>
      <c r="Y14817">
        <v>33</v>
      </c>
      <c r="Z14817">
        <v>34</v>
      </c>
      <c r="AA14817">
        <v>34</v>
      </c>
      <c r="AB14817">
        <v>35</v>
      </c>
      <c r="AC14817">
        <v>36</v>
      </c>
      <c r="AD14817">
        <v>37</v>
      </c>
      <c r="AE14817">
        <v>37</v>
      </c>
      <c r="AF14817">
        <v>38</v>
      </c>
      <c r="AG14817">
        <v>39</v>
      </c>
      <c r="AH14817">
        <v>39</v>
      </c>
      <c r="AI14817">
        <v>40</v>
      </c>
      <c r="AJ14817">
        <v>41</v>
      </c>
      <c r="AK14817">
        <v>42</v>
      </c>
      <c r="AL14817">
        <v>42</v>
      </c>
      <c r="AM14817">
        <v>43</v>
      </c>
      <c r="AN14817">
        <v>43</v>
      </c>
      <c r="AO14817">
        <v>44</v>
      </c>
      <c r="AP14817">
        <v>44</v>
      </c>
      <c r="AQ14817">
        <v>44</v>
      </c>
    </row>
    <row r="14818" spans="1:43">
      <c r="A14818" t="s">
        <v>9208</v>
      </c>
      <c r="B14818" t="s">
        <v>9209</v>
      </c>
      <c r="C14818" t="s">
        <v>9200</v>
      </c>
      <c r="D14818" t="s">
        <v>9201</v>
      </c>
      <c r="E14818" t="s">
        <v>9202</v>
      </c>
      <c r="F14818" t="s">
        <v>9203</v>
      </c>
      <c r="G14818" t="s">
        <v>80</v>
      </c>
      <c r="H14818" t="s">
        <v>81</v>
      </c>
      <c r="I14818" s="2">
        <v>0</v>
      </c>
      <c r="J14818" s="2">
        <v>1</v>
      </c>
      <c r="K14818" s="2">
        <v>0</v>
      </c>
      <c r="L14818" t="s">
        <v>82</v>
      </c>
      <c r="M14818" t="s">
        <v>83</v>
      </c>
      <c r="N14818" t="s">
        <v>84</v>
      </c>
      <c r="O14818" t="s">
        <v>85</v>
      </c>
      <c r="P14818" t="s">
        <v>86</v>
      </c>
      <c r="Q14818">
        <v>22</v>
      </c>
      <c r="R14818">
        <v>22</v>
      </c>
      <c r="S14818">
        <v>23</v>
      </c>
      <c r="T14818">
        <v>23</v>
      </c>
      <c r="U14818">
        <v>24</v>
      </c>
      <c r="V14818">
        <v>24</v>
      </c>
      <c r="W14818">
        <v>25</v>
      </c>
      <c r="X14818">
        <v>25</v>
      </c>
      <c r="Y14818">
        <v>26</v>
      </c>
      <c r="Z14818">
        <v>26</v>
      </c>
      <c r="AA14818">
        <v>27</v>
      </c>
      <c r="AB14818">
        <v>28</v>
      </c>
      <c r="AC14818">
        <v>28</v>
      </c>
      <c r="AD14818">
        <v>29</v>
      </c>
      <c r="AE14818">
        <v>29</v>
      </c>
      <c r="AF14818">
        <v>30</v>
      </c>
      <c r="AG14818">
        <v>30</v>
      </c>
      <c r="AH14818">
        <v>31</v>
      </c>
      <c r="AI14818">
        <v>32</v>
      </c>
      <c r="AJ14818">
        <v>32</v>
      </c>
      <c r="AK14818">
        <v>33</v>
      </c>
      <c r="AL14818">
        <v>33</v>
      </c>
      <c r="AM14818">
        <v>34</v>
      </c>
      <c r="AN14818">
        <v>34</v>
      </c>
      <c r="AO14818">
        <v>34</v>
      </c>
      <c r="AP14818">
        <v>34</v>
      </c>
      <c r="AQ14818">
        <v>35</v>
      </c>
    </row>
    <row r="14819" spans="1:43">
      <c r="A14819" t="s">
        <v>9208</v>
      </c>
      <c r="B14819" t="s">
        <v>9209</v>
      </c>
      <c r="C14819" t="s">
        <v>9200</v>
      </c>
      <c r="D14819" t="s">
        <v>9201</v>
      </c>
      <c r="E14819" t="s">
        <v>9202</v>
      </c>
      <c r="F14819" t="s">
        <v>9203</v>
      </c>
      <c r="G14819" t="s">
        <v>80</v>
      </c>
      <c r="H14819" t="s">
        <v>81</v>
      </c>
      <c r="I14819" s="2">
        <v>0</v>
      </c>
      <c r="J14819" s="2">
        <v>1</v>
      </c>
      <c r="K14819" s="2">
        <v>0</v>
      </c>
      <c r="L14819" t="s">
        <v>82</v>
      </c>
      <c r="M14819" t="s">
        <v>87</v>
      </c>
      <c r="N14819" t="s">
        <v>88</v>
      </c>
      <c r="O14819" t="s">
        <v>85</v>
      </c>
      <c r="P14819" t="s">
        <v>86</v>
      </c>
      <c r="Q14819">
        <v>22</v>
      </c>
      <c r="R14819">
        <v>23</v>
      </c>
      <c r="S14819">
        <v>23</v>
      </c>
      <c r="T14819">
        <v>23</v>
      </c>
      <c r="U14819">
        <v>24</v>
      </c>
      <c r="V14819">
        <v>24</v>
      </c>
      <c r="W14819">
        <v>24</v>
      </c>
      <c r="X14819">
        <v>25</v>
      </c>
      <c r="Y14819">
        <v>25</v>
      </c>
      <c r="Z14819">
        <v>25</v>
      </c>
      <c r="AA14819">
        <v>26</v>
      </c>
      <c r="AB14819">
        <v>26</v>
      </c>
      <c r="AC14819">
        <v>26</v>
      </c>
      <c r="AD14819">
        <v>27</v>
      </c>
      <c r="AE14819">
        <v>27</v>
      </c>
      <c r="AF14819">
        <v>27</v>
      </c>
      <c r="AG14819">
        <v>28</v>
      </c>
      <c r="AH14819">
        <v>28</v>
      </c>
      <c r="AI14819">
        <v>28</v>
      </c>
      <c r="AJ14819">
        <v>29</v>
      </c>
      <c r="AK14819">
        <v>29</v>
      </c>
      <c r="AL14819">
        <v>29</v>
      </c>
      <c r="AM14819">
        <v>30</v>
      </c>
      <c r="AN14819">
        <v>30</v>
      </c>
      <c r="AO14819">
        <v>30</v>
      </c>
      <c r="AP14819">
        <v>31</v>
      </c>
      <c r="AQ14819">
        <v>31</v>
      </c>
    </row>
    <row r="14820" spans="1:43">
      <c r="A14820" t="s">
        <v>9208</v>
      </c>
      <c r="B14820" t="s">
        <v>9209</v>
      </c>
      <c r="C14820" t="s">
        <v>9200</v>
      </c>
      <c r="D14820" t="s">
        <v>9201</v>
      </c>
      <c r="E14820" t="s">
        <v>9202</v>
      </c>
      <c r="F14820" t="s">
        <v>9203</v>
      </c>
      <c r="G14820" t="s">
        <v>80</v>
      </c>
      <c r="H14820" t="s">
        <v>81</v>
      </c>
      <c r="I14820" s="2">
        <v>0</v>
      </c>
      <c r="J14820" s="2">
        <v>1</v>
      </c>
      <c r="K14820" s="2">
        <v>0</v>
      </c>
      <c r="L14820" t="s">
        <v>82</v>
      </c>
      <c r="M14820" t="s">
        <v>89</v>
      </c>
      <c r="N14820" t="s">
        <v>90</v>
      </c>
      <c r="O14820" t="s">
        <v>85</v>
      </c>
      <c r="P14820" t="s">
        <v>86</v>
      </c>
      <c r="Q14820">
        <v>22</v>
      </c>
      <c r="R14820">
        <v>22</v>
      </c>
      <c r="S14820">
        <v>23</v>
      </c>
      <c r="T14820">
        <v>24</v>
      </c>
      <c r="U14820">
        <v>25</v>
      </c>
      <c r="V14820">
        <v>25</v>
      </c>
      <c r="W14820">
        <v>26</v>
      </c>
      <c r="X14820">
        <v>27</v>
      </c>
      <c r="Y14820">
        <v>27</v>
      </c>
      <c r="Z14820">
        <v>28</v>
      </c>
      <c r="AA14820">
        <v>29</v>
      </c>
      <c r="AB14820">
        <v>29</v>
      </c>
      <c r="AC14820">
        <v>30</v>
      </c>
      <c r="AD14820">
        <v>31</v>
      </c>
      <c r="AE14820">
        <v>31</v>
      </c>
      <c r="AF14820">
        <v>32</v>
      </c>
      <c r="AG14820">
        <v>32</v>
      </c>
      <c r="AH14820">
        <v>32</v>
      </c>
      <c r="AI14820">
        <v>33</v>
      </c>
      <c r="AJ14820">
        <v>33</v>
      </c>
      <c r="AK14820">
        <v>33</v>
      </c>
      <c r="AL14820">
        <v>33</v>
      </c>
      <c r="AM14820">
        <v>34</v>
      </c>
      <c r="AN14820">
        <v>34</v>
      </c>
      <c r="AO14820">
        <v>34</v>
      </c>
      <c r="AP14820">
        <v>35</v>
      </c>
      <c r="AQ14820">
        <v>35</v>
      </c>
    </row>
    <row r="14821" spans="1:43">
      <c r="A14821" t="s">
        <v>9208</v>
      </c>
      <c r="B14821" t="s">
        <v>9209</v>
      </c>
      <c r="C14821" t="s">
        <v>9200</v>
      </c>
      <c r="D14821" t="s">
        <v>9201</v>
      </c>
      <c r="E14821" t="s">
        <v>9202</v>
      </c>
      <c r="F14821" t="s">
        <v>9203</v>
      </c>
      <c r="G14821" t="s">
        <v>80</v>
      </c>
      <c r="H14821" t="s">
        <v>81</v>
      </c>
      <c r="I14821" s="2">
        <v>0</v>
      </c>
      <c r="J14821" s="2">
        <v>1</v>
      </c>
      <c r="K14821" s="2">
        <v>0</v>
      </c>
      <c r="L14821" t="s">
        <v>82</v>
      </c>
      <c r="M14821" t="s">
        <v>83</v>
      </c>
      <c r="N14821" t="s">
        <v>91</v>
      </c>
      <c r="O14821" t="s">
        <v>85</v>
      </c>
      <c r="P14821" t="s">
        <v>86</v>
      </c>
      <c r="Q14821">
        <v>22</v>
      </c>
      <c r="R14821">
        <v>22</v>
      </c>
      <c r="S14821">
        <v>23</v>
      </c>
      <c r="T14821">
        <v>23</v>
      </c>
      <c r="U14821">
        <v>24</v>
      </c>
      <c r="V14821">
        <v>24</v>
      </c>
      <c r="W14821">
        <v>25</v>
      </c>
      <c r="X14821">
        <v>25</v>
      </c>
      <c r="Y14821">
        <v>26</v>
      </c>
      <c r="Z14821">
        <v>26</v>
      </c>
      <c r="AA14821">
        <v>27</v>
      </c>
      <c r="AB14821">
        <v>28</v>
      </c>
      <c r="AC14821">
        <v>28</v>
      </c>
      <c r="AD14821">
        <v>29</v>
      </c>
      <c r="AE14821">
        <v>29</v>
      </c>
      <c r="AF14821">
        <v>30</v>
      </c>
      <c r="AG14821">
        <v>30</v>
      </c>
      <c r="AH14821">
        <v>31</v>
      </c>
      <c r="AI14821">
        <v>32</v>
      </c>
      <c r="AJ14821">
        <v>32</v>
      </c>
      <c r="AK14821">
        <v>33</v>
      </c>
      <c r="AL14821">
        <v>33</v>
      </c>
      <c r="AM14821">
        <v>34</v>
      </c>
      <c r="AN14821">
        <v>34</v>
      </c>
      <c r="AO14821">
        <v>34</v>
      </c>
      <c r="AP14821">
        <v>34</v>
      </c>
      <c r="AQ14821">
        <v>35</v>
      </c>
    </row>
    <row r="14822" spans="1:43">
      <c r="A14822" t="s">
        <v>9210</v>
      </c>
      <c r="B14822" t="s">
        <v>9211</v>
      </c>
      <c r="C14822" t="s">
        <v>9200</v>
      </c>
      <c r="D14822" t="s">
        <v>9201</v>
      </c>
      <c r="E14822" t="s">
        <v>9202</v>
      </c>
      <c r="F14822" t="s">
        <v>9203</v>
      </c>
      <c r="G14822" t="s">
        <v>80</v>
      </c>
      <c r="H14822" t="s">
        <v>81</v>
      </c>
      <c r="I14822" s="2">
        <v>0</v>
      </c>
      <c r="J14822" s="2">
        <v>1</v>
      </c>
      <c r="K14822" s="2">
        <v>0</v>
      </c>
      <c r="L14822" t="s">
        <v>82</v>
      </c>
      <c r="M14822" t="s">
        <v>83</v>
      </c>
      <c r="N14822" t="s">
        <v>84</v>
      </c>
      <c r="O14822" t="s">
        <v>85</v>
      </c>
      <c r="P14822" t="s">
        <v>86</v>
      </c>
      <c r="Q14822">
        <v>13</v>
      </c>
      <c r="R14822">
        <v>13</v>
      </c>
      <c r="S14822">
        <v>14</v>
      </c>
      <c r="T14822">
        <v>14</v>
      </c>
      <c r="U14822">
        <v>14</v>
      </c>
      <c r="V14822">
        <v>15</v>
      </c>
      <c r="W14822">
        <v>15</v>
      </c>
      <c r="X14822">
        <v>15</v>
      </c>
      <c r="Y14822">
        <v>16</v>
      </c>
      <c r="Z14822">
        <v>16</v>
      </c>
      <c r="AA14822">
        <v>16</v>
      </c>
      <c r="AB14822">
        <v>17</v>
      </c>
      <c r="AC14822">
        <v>17</v>
      </c>
      <c r="AD14822">
        <v>17</v>
      </c>
      <c r="AE14822">
        <v>18</v>
      </c>
      <c r="AF14822">
        <v>18</v>
      </c>
      <c r="AG14822">
        <v>18</v>
      </c>
      <c r="AH14822">
        <v>19</v>
      </c>
      <c r="AI14822">
        <v>19</v>
      </c>
      <c r="AJ14822">
        <v>19</v>
      </c>
      <c r="AK14822">
        <v>20</v>
      </c>
      <c r="AL14822">
        <v>20</v>
      </c>
      <c r="AM14822">
        <v>20</v>
      </c>
      <c r="AN14822">
        <v>20</v>
      </c>
      <c r="AO14822">
        <v>21</v>
      </c>
      <c r="AP14822">
        <v>21</v>
      </c>
      <c r="AQ14822">
        <v>21</v>
      </c>
    </row>
    <row r="14823" spans="1:43">
      <c r="A14823" t="s">
        <v>9210</v>
      </c>
      <c r="B14823" t="s">
        <v>9211</v>
      </c>
      <c r="C14823" t="s">
        <v>9200</v>
      </c>
      <c r="D14823" t="s">
        <v>9201</v>
      </c>
      <c r="E14823" t="s">
        <v>9202</v>
      </c>
      <c r="F14823" t="s">
        <v>9203</v>
      </c>
      <c r="G14823" t="s">
        <v>80</v>
      </c>
      <c r="H14823" t="s">
        <v>81</v>
      </c>
      <c r="I14823" s="2">
        <v>0</v>
      </c>
      <c r="J14823" s="2">
        <v>1</v>
      </c>
      <c r="K14823" s="2">
        <v>0</v>
      </c>
      <c r="L14823" t="s">
        <v>82</v>
      </c>
      <c r="M14823" t="s">
        <v>87</v>
      </c>
      <c r="N14823" t="s">
        <v>88</v>
      </c>
      <c r="O14823" t="s">
        <v>85</v>
      </c>
      <c r="P14823" t="s">
        <v>86</v>
      </c>
      <c r="Q14823">
        <v>13</v>
      </c>
      <c r="R14823">
        <v>13</v>
      </c>
      <c r="S14823">
        <v>13</v>
      </c>
      <c r="T14823">
        <v>13</v>
      </c>
      <c r="U14823">
        <v>14</v>
      </c>
      <c r="V14823">
        <v>14</v>
      </c>
      <c r="W14823">
        <v>14</v>
      </c>
      <c r="X14823">
        <v>14</v>
      </c>
      <c r="Y14823">
        <v>14</v>
      </c>
      <c r="Z14823">
        <v>15</v>
      </c>
      <c r="AA14823">
        <v>15</v>
      </c>
      <c r="AB14823">
        <v>15</v>
      </c>
      <c r="AC14823">
        <v>15</v>
      </c>
      <c r="AD14823">
        <v>15</v>
      </c>
      <c r="AE14823">
        <v>16</v>
      </c>
      <c r="AF14823">
        <v>16</v>
      </c>
      <c r="AG14823">
        <v>16</v>
      </c>
      <c r="AH14823">
        <v>16</v>
      </c>
      <c r="AI14823">
        <v>16</v>
      </c>
      <c r="AJ14823">
        <v>17</v>
      </c>
      <c r="AK14823">
        <v>17</v>
      </c>
      <c r="AL14823">
        <v>17</v>
      </c>
      <c r="AM14823">
        <v>17</v>
      </c>
      <c r="AN14823">
        <v>17</v>
      </c>
      <c r="AO14823">
        <v>18</v>
      </c>
      <c r="AP14823">
        <v>18</v>
      </c>
      <c r="AQ14823">
        <v>18</v>
      </c>
    </row>
    <row r="14824" spans="1:43">
      <c r="A14824" t="s">
        <v>9210</v>
      </c>
      <c r="B14824" t="s">
        <v>9211</v>
      </c>
      <c r="C14824" t="s">
        <v>9200</v>
      </c>
      <c r="D14824" t="s">
        <v>9201</v>
      </c>
      <c r="E14824" t="s">
        <v>9202</v>
      </c>
      <c r="F14824" t="s">
        <v>9203</v>
      </c>
      <c r="G14824" t="s">
        <v>80</v>
      </c>
      <c r="H14824" t="s">
        <v>81</v>
      </c>
      <c r="I14824" s="2">
        <v>0</v>
      </c>
      <c r="J14824" s="2">
        <v>1</v>
      </c>
      <c r="K14824" s="2">
        <v>0</v>
      </c>
      <c r="L14824" t="s">
        <v>82</v>
      </c>
      <c r="M14824" t="s">
        <v>89</v>
      </c>
      <c r="N14824" t="s">
        <v>90</v>
      </c>
      <c r="O14824" t="s">
        <v>85</v>
      </c>
      <c r="P14824" t="s">
        <v>86</v>
      </c>
      <c r="Q14824">
        <v>13</v>
      </c>
      <c r="R14824">
        <v>13</v>
      </c>
      <c r="S14824">
        <v>14</v>
      </c>
      <c r="T14824">
        <v>14</v>
      </c>
      <c r="U14824">
        <v>15</v>
      </c>
      <c r="V14824">
        <v>15</v>
      </c>
      <c r="W14824">
        <v>16</v>
      </c>
      <c r="X14824">
        <v>16</v>
      </c>
      <c r="Y14824">
        <v>16</v>
      </c>
      <c r="Z14824">
        <v>17</v>
      </c>
      <c r="AA14824">
        <v>17</v>
      </c>
      <c r="AB14824">
        <v>18</v>
      </c>
      <c r="AC14824">
        <v>18</v>
      </c>
      <c r="AD14824">
        <v>19</v>
      </c>
      <c r="AE14824">
        <v>19</v>
      </c>
      <c r="AF14824">
        <v>19</v>
      </c>
      <c r="AG14824">
        <v>19</v>
      </c>
      <c r="AH14824">
        <v>19</v>
      </c>
      <c r="AI14824">
        <v>20</v>
      </c>
      <c r="AJ14824">
        <v>20</v>
      </c>
      <c r="AK14824">
        <v>20</v>
      </c>
      <c r="AL14824">
        <v>20</v>
      </c>
      <c r="AM14824">
        <v>20</v>
      </c>
      <c r="AN14824">
        <v>21</v>
      </c>
      <c r="AO14824">
        <v>21</v>
      </c>
      <c r="AP14824">
        <v>21</v>
      </c>
      <c r="AQ14824">
        <v>21</v>
      </c>
    </row>
    <row r="14825" spans="1:43">
      <c r="A14825" t="s">
        <v>9210</v>
      </c>
      <c r="B14825" t="s">
        <v>9211</v>
      </c>
      <c r="C14825" t="s">
        <v>9200</v>
      </c>
      <c r="D14825" t="s">
        <v>9201</v>
      </c>
      <c r="E14825" t="s">
        <v>9202</v>
      </c>
      <c r="F14825" t="s">
        <v>9203</v>
      </c>
      <c r="G14825" t="s">
        <v>80</v>
      </c>
      <c r="H14825" t="s">
        <v>81</v>
      </c>
      <c r="I14825" s="2">
        <v>0</v>
      </c>
      <c r="J14825" s="2">
        <v>1</v>
      </c>
      <c r="K14825" s="2">
        <v>0</v>
      </c>
      <c r="L14825" t="s">
        <v>82</v>
      </c>
      <c r="M14825" t="s">
        <v>83</v>
      </c>
      <c r="N14825" t="s">
        <v>91</v>
      </c>
      <c r="O14825" t="s">
        <v>85</v>
      </c>
      <c r="P14825" t="s">
        <v>86</v>
      </c>
      <c r="Q14825">
        <v>13</v>
      </c>
      <c r="R14825">
        <v>13</v>
      </c>
      <c r="S14825">
        <v>14</v>
      </c>
      <c r="T14825">
        <v>14</v>
      </c>
      <c r="U14825">
        <v>14</v>
      </c>
      <c r="V14825">
        <v>15</v>
      </c>
      <c r="W14825">
        <v>15</v>
      </c>
      <c r="X14825">
        <v>15</v>
      </c>
      <c r="Y14825">
        <v>16</v>
      </c>
      <c r="Z14825">
        <v>16</v>
      </c>
      <c r="AA14825">
        <v>16</v>
      </c>
      <c r="AB14825">
        <v>17</v>
      </c>
      <c r="AC14825">
        <v>17</v>
      </c>
      <c r="AD14825">
        <v>17</v>
      </c>
      <c r="AE14825">
        <v>18</v>
      </c>
      <c r="AF14825">
        <v>18</v>
      </c>
      <c r="AG14825">
        <v>18</v>
      </c>
      <c r="AH14825">
        <v>19</v>
      </c>
      <c r="AI14825">
        <v>19</v>
      </c>
      <c r="AJ14825">
        <v>19</v>
      </c>
      <c r="AK14825">
        <v>20</v>
      </c>
      <c r="AL14825">
        <v>20</v>
      </c>
      <c r="AM14825">
        <v>20</v>
      </c>
      <c r="AN14825">
        <v>20</v>
      </c>
      <c r="AO14825">
        <v>21</v>
      </c>
      <c r="AP14825">
        <v>21</v>
      </c>
      <c r="AQ14825">
        <v>21</v>
      </c>
    </row>
    <row r="14826" spans="1:43">
      <c r="A14826" t="s">
        <v>9212</v>
      </c>
      <c r="B14826" t="s">
        <v>9213</v>
      </c>
      <c r="C14826" t="s">
        <v>9200</v>
      </c>
      <c r="D14826" t="s">
        <v>9201</v>
      </c>
      <c r="E14826" t="s">
        <v>9202</v>
      </c>
      <c r="F14826" t="s">
        <v>9203</v>
      </c>
      <c r="G14826" t="s">
        <v>80</v>
      </c>
      <c r="H14826" t="s">
        <v>81</v>
      </c>
      <c r="I14826" s="2">
        <v>0</v>
      </c>
      <c r="J14826" s="2">
        <v>1</v>
      </c>
      <c r="K14826" s="2">
        <v>0</v>
      </c>
      <c r="L14826" t="s">
        <v>82</v>
      </c>
      <c r="M14826" t="s">
        <v>83</v>
      </c>
      <c r="N14826" t="s">
        <v>84</v>
      </c>
      <c r="O14826" t="s">
        <v>85</v>
      </c>
      <c r="P14826" t="s">
        <v>86</v>
      </c>
      <c r="Q14826">
        <v>29</v>
      </c>
      <c r="R14826">
        <v>30</v>
      </c>
      <c r="S14826">
        <v>31</v>
      </c>
      <c r="T14826">
        <v>32</v>
      </c>
      <c r="U14826">
        <v>32</v>
      </c>
      <c r="V14826">
        <v>33</v>
      </c>
      <c r="W14826">
        <v>34</v>
      </c>
      <c r="X14826">
        <v>35</v>
      </c>
      <c r="Y14826">
        <v>35</v>
      </c>
      <c r="Z14826">
        <v>36</v>
      </c>
      <c r="AA14826">
        <v>37</v>
      </c>
      <c r="AB14826">
        <v>38</v>
      </c>
      <c r="AC14826">
        <v>38</v>
      </c>
      <c r="AD14826">
        <v>39</v>
      </c>
      <c r="AE14826">
        <v>40</v>
      </c>
      <c r="AF14826">
        <v>41</v>
      </c>
      <c r="AG14826">
        <v>42</v>
      </c>
      <c r="AH14826">
        <v>42</v>
      </c>
      <c r="AI14826">
        <v>43</v>
      </c>
      <c r="AJ14826">
        <v>44</v>
      </c>
      <c r="AK14826">
        <v>45</v>
      </c>
      <c r="AL14826">
        <v>46</v>
      </c>
      <c r="AM14826">
        <v>46</v>
      </c>
      <c r="AN14826">
        <v>46</v>
      </c>
      <c r="AO14826">
        <v>47</v>
      </c>
      <c r="AP14826">
        <v>47</v>
      </c>
      <c r="AQ14826">
        <v>48</v>
      </c>
    </row>
    <row r="14827" spans="1:43">
      <c r="A14827" t="s">
        <v>9212</v>
      </c>
      <c r="B14827" t="s">
        <v>9213</v>
      </c>
      <c r="C14827" t="s">
        <v>9200</v>
      </c>
      <c r="D14827" t="s">
        <v>9201</v>
      </c>
      <c r="E14827" t="s">
        <v>9202</v>
      </c>
      <c r="F14827" t="s">
        <v>9203</v>
      </c>
      <c r="G14827" t="s">
        <v>80</v>
      </c>
      <c r="H14827" t="s">
        <v>81</v>
      </c>
      <c r="I14827" s="2">
        <v>0</v>
      </c>
      <c r="J14827" s="2">
        <v>1</v>
      </c>
      <c r="K14827" s="2">
        <v>0</v>
      </c>
      <c r="L14827" t="s">
        <v>82</v>
      </c>
      <c r="M14827" t="s">
        <v>87</v>
      </c>
      <c r="N14827" t="s">
        <v>88</v>
      </c>
      <c r="O14827" t="s">
        <v>85</v>
      </c>
      <c r="P14827" t="s">
        <v>86</v>
      </c>
      <c r="Q14827">
        <v>29</v>
      </c>
      <c r="R14827">
        <v>30</v>
      </c>
      <c r="S14827">
        <v>30</v>
      </c>
      <c r="T14827">
        <v>30</v>
      </c>
      <c r="U14827">
        <v>31</v>
      </c>
      <c r="V14827">
        <v>31</v>
      </c>
      <c r="W14827">
        <v>32</v>
      </c>
      <c r="X14827">
        <v>32</v>
      </c>
      <c r="Y14827">
        <v>33</v>
      </c>
      <c r="Z14827">
        <v>33</v>
      </c>
      <c r="AA14827">
        <v>34</v>
      </c>
      <c r="AB14827">
        <v>34</v>
      </c>
      <c r="AC14827">
        <v>34</v>
      </c>
      <c r="AD14827">
        <v>35</v>
      </c>
      <c r="AE14827">
        <v>35</v>
      </c>
      <c r="AF14827">
        <v>36</v>
      </c>
      <c r="AG14827">
        <v>36</v>
      </c>
      <c r="AH14827">
        <v>37</v>
      </c>
      <c r="AI14827">
        <v>37</v>
      </c>
      <c r="AJ14827">
        <v>38</v>
      </c>
      <c r="AK14827">
        <v>38</v>
      </c>
      <c r="AL14827">
        <v>39</v>
      </c>
      <c r="AM14827">
        <v>39</v>
      </c>
      <c r="AN14827">
        <v>40</v>
      </c>
      <c r="AO14827">
        <v>40</v>
      </c>
      <c r="AP14827">
        <v>41</v>
      </c>
      <c r="AQ14827">
        <v>41</v>
      </c>
    </row>
    <row r="14828" spans="1:43">
      <c r="A14828" t="s">
        <v>9212</v>
      </c>
      <c r="B14828" t="s">
        <v>9213</v>
      </c>
      <c r="C14828" t="s">
        <v>9200</v>
      </c>
      <c r="D14828" t="s">
        <v>9201</v>
      </c>
      <c r="E14828" t="s">
        <v>9202</v>
      </c>
      <c r="F14828" t="s">
        <v>9203</v>
      </c>
      <c r="G14828" t="s">
        <v>80</v>
      </c>
      <c r="H14828" t="s">
        <v>81</v>
      </c>
      <c r="I14828" s="2">
        <v>0</v>
      </c>
      <c r="J14828" s="2">
        <v>1</v>
      </c>
      <c r="K14828" s="2">
        <v>0</v>
      </c>
      <c r="L14828" t="s">
        <v>82</v>
      </c>
      <c r="M14828" t="s">
        <v>89</v>
      </c>
      <c r="N14828" t="s">
        <v>90</v>
      </c>
      <c r="O14828" t="s">
        <v>85</v>
      </c>
      <c r="P14828" t="s">
        <v>86</v>
      </c>
      <c r="Q14828">
        <v>29</v>
      </c>
      <c r="R14828">
        <v>30</v>
      </c>
      <c r="S14828">
        <v>31</v>
      </c>
      <c r="T14828">
        <v>32</v>
      </c>
      <c r="U14828">
        <v>33</v>
      </c>
      <c r="V14828">
        <v>34</v>
      </c>
      <c r="W14828">
        <v>35</v>
      </c>
      <c r="X14828">
        <v>36</v>
      </c>
      <c r="Y14828">
        <v>36</v>
      </c>
      <c r="Z14828">
        <v>37</v>
      </c>
      <c r="AA14828">
        <v>38</v>
      </c>
      <c r="AB14828">
        <v>39</v>
      </c>
      <c r="AC14828">
        <v>40</v>
      </c>
      <c r="AD14828">
        <v>41</v>
      </c>
      <c r="AE14828">
        <v>42</v>
      </c>
      <c r="AF14828">
        <v>42</v>
      </c>
      <c r="AG14828">
        <v>43</v>
      </c>
      <c r="AH14828">
        <v>43</v>
      </c>
      <c r="AI14828">
        <v>44</v>
      </c>
      <c r="AJ14828">
        <v>44</v>
      </c>
      <c r="AK14828">
        <v>45</v>
      </c>
      <c r="AL14828">
        <v>45</v>
      </c>
      <c r="AM14828">
        <v>45</v>
      </c>
      <c r="AN14828">
        <v>46</v>
      </c>
      <c r="AO14828">
        <v>46</v>
      </c>
      <c r="AP14828">
        <v>47</v>
      </c>
      <c r="AQ14828">
        <v>47</v>
      </c>
    </row>
    <row r="14829" spans="1:43">
      <c r="A14829" t="s">
        <v>9212</v>
      </c>
      <c r="B14829" t="s">
        <v>9213</v>
      </c>
      <c r="C14829" t="s">
        <v>9200</v>
      </c>
      <c r="D14829" t="s">
        <v>9201</v>
      </c>
      <c r="E14829" t="s">
        <v>9202</v>
      </c>
      <c r="F14829" t="s">
        <v>9203</v>
      </c>
      <c r="G14829" t="s">
        <v>80</v>
      </c>
      <c r="H14829" t="s">
        <v>81</v>
      </c>
      <c r="I14829" s="2">
        <v>0</v>
      </c>
      <c r="J14829" s="2">
        <v>1</v>
      </c>
      <c r="K14829" s="2">
        <v>0</v>
      </c>
      <c r="L14829" t="s">
        <v>82</v>
      </c>
      <c r="M14829" t="s">
        <v>83</v>
      </c>
      <c r="N14829" t="s">
        <v>91</v>
      </c>
      <c r="O14829" t="s">
        <v>85</v>
      </c>
      <c r="P14829" t="s">
        <v>86</v>
      </c>
      <c r="Q14829">
        <v>29</v>
      </c>
      <c r="R14829">
        <v>30</v>
      </c>
      <c r="S14829">
        <v>31</v>
      </c>
      <c r="T14829">
        <v>32</v>
      </c>
      <c r="U14829">
        <v>32</v>
      </c>
      <c r="V14829">
        <v>33</v>
      </c>
      <c r="W14829">
        <v>34</v>
      </c>
      <c r="X14829">
        <v>35</v>
      </c>
      <c r="Y14829">
        <v>35</v>
      </c>
      <c r="Z14829">
        <v>36</v>
      </c>
      <c r="AA14829">
        <v>37</v>
      </c>
      <c r="AB14829">
        <v>38</v>
      </c>
      <c r="AC14829">
        <v>38</v>
      </c>
      <c r="AD14829">
        <v>39</v>
      </c>
      <c r="AE14829">
        <v>40</v>
      </c>
      <c r="AF14829">
        <v>41</v>
      </c>
      <c r="AG14829">
        <v>42</v>
      </c>
      <c r="AH14829">
        <v>42</v>
      </c>
      <c r="AI14829">
        <v>43</v>
      </c>
      <c r="AJ14829">
        <v>44</v>
      </c>
      <c r="AK14829">
        <v>45</v>
      </c>
      <c r="AL14829">
        <v>46</v>
      </c>
      <c r="AM14829">
        <v>46</v>
      </c>
      <c r="AN14829">
        <v>46</v>
      </c>
      <c r="AO14829">
        <v>47</v>
      </c>
      <c r="AP14829">
        <v>47</v>
      </c>
      <c r="AQ14829">
        <v>48</v>
      </c>
    </row>
    <row r="14830" spans="1:43">
      <c r="A14830" t="s">
        <v>9214</v>
      </c>
      <c r="B14830" t="s">
        <v>9215</v>
      </c>
      <c r="C14830" t="s">
        <v>9216</v>
      </c>
      <c r="D14830" t="s">
        <v>9217</v>
      </c>
      <c r="E14830" t="s">
        <v>9202</v>
      </c>
      <c r="F14830" t="s">
        <v>9203</v>
      </c>
      <c r="G14830" t="s">
        <v>80</v>
      </c>
      <c r="H14830" t="s">
        <v>81</v>
      </c>
      <c r="I14830" s="2">
        <v>0</v>
      </c>
      <c r="J14830" s="2">
        <v>1</v>
      </c>
      <c r="K14830" s="2">
        <v>0</v>
      </c>
      <c r="L14830" t="s">
        <v>82</v>
      </c>
      <c r="M14830" t="s">
        <v>83</v>
      </c>
      <c r="N14830" t="s">
        <v>84</v>
      </c>
      <c r="O14830" t="s">
        <v>85</v>
      </c>
      <c r="P14830" t="s">
        <v>86</v>
      </c>
      <c r="Q14830">
        <v>54</v>
      </c>
      <c r="R14830">
        <v>56</v>
      </c>
      <c r="S14830">
        <v>57</v>
      </c>
      <c r="T14830">
        <v>58</v>
      </c>
      <c r="U14830">
        <v>60</v>
      </c>
      <c r="V14830">
        <v>61</v>
      </c>
      <c r="W14830">
        <v>63</v>
      </c>
      <c r="X14830">
        <v>64</v>
      </c>
      <c r="Y14830">
        <v>65</v>
      </c>
      <c r="Z14830">
        <v>67</v>
      </c>
      <c r="AA14830">
        <v>68</v>
      </c>
      <c r="AB14830">
        <v>70</v>
      </c>
      <c r="AC14830">
        <v>71</v>
      </c>
      <c r="AD14830">
        <v>72</v>
      </c>
      <c r="AE14830">
        <v>74</v>
      </c>
      <c r="AF14830">
        <v>75</v>
      </c>
      <c r="AG14830">
        <v>77</v>
      </c>
      <c r="AH14830">
        <v>78</v>
      </c>
      <c r="AI14830">
        <v>80</v>
      </c>
      <c r="AJ14830">
        <v>81</v>
      </c>
      <c r="AK14830">
        <v>83</v>
      </c>
      <c r="AL14830">
        <v>84</v>
      </c>
      <c r="AM14830">
        <v>85</v>
      </c>
      <c r="AN14830">
        <v>86</v>
      </c>
      <c r="AO14830">
        <v>86</v>
      </c>
      <c r="AP14830">
        <v>87</v>
      </c>
      <c r="AQ14830">
        <v>88</v>
      </c>
    </row>
    <row r="14831" spans="1:43">
      <c r="A14831" t="s">
        <v>9214</v>
      </c>
      <c r="B14831" t="s">
        <v>9215</v>
      </c>
      <c r="C14831" t="s">
        <v>9216</v>
      </c>
      <c r="D14831" t="s">
        <v>9217</v>
      </c>
      <c r="E14831" t="s">
        <v>9202</v>
      </c>
      <c r="F14831" t="s">
        <v>9203</v>
      </c>
      <c r="G14831" t="s">
        <v>80</v>
      </c>
      <c r="H14831" t="s">
        <v>81</v>
      </c>
      <c r="I14831" s="2">
        <v>0</v>
      </c>
      <c r="J14831" s="2">
        <v>1</v>
      </c>
      <c r="K14831" s="2">
        <v>0</v>
      </c>
      <c r="L14831" t="s">
        <v>82</v>
      </c>
      <c r="M14831" t="s">
        <v>87</v>
      </c>
      <c r="N14831" t="s">
        <v>88</v>
      </c>
      <c r="O14831" t="s">
        <v>85</v>
      </c>
      <c r="P14831" t="s">
        <v>86</v>
      </c>
      <c r="Q14831">
        <v>54</v>
      </c>
      <c r="R14831">
        <v>55</v>
      </c>
      <c r="S14831">
        <v>56</v>
      </c>
      <c r="T14831">
        <v>56</v>
      </c>
      <c r="U14831">
        <v>57</v>
      </c>
      <c r="V14831">
        <v>58</v>
      </c>
      <c r="W14831">
        <v>59</v>
      </c>
      <c r="X14831">
        <v>60</v>
      </c>
      <c r="Y14831">
        <v>60</v>
      </c>
      <c r="Z14831">
        <v>61</v>
      </c>
      <c r="AA14831">
        <v>62</v>
      </c>
      <c r="AB14831">
        <v>63</v>
      </c>
      <c r="AC14831">
        <v>64</v>
      </c>
      <c r="AD14831">
        <v>65</v>
      </c>
      <c r="AE14831">
        <v>65</v>
      </c>
      <c r="AF14831">
        <v>66</v>
      </c>
      <c r="AG14831">
        <v>67</v>
      </c>
      <c r="AH14831">
        <v>68</v>
      </c>
      <c r="AI14831">
        <v>69</v>
      </c>
      <c r="AJ14831">
        <v>70</v>
      </c>
      <c r="AK14831">
        <v>71</v>
      </c>
      <c r="AL14831">
        <v>72</v>
      </c>
      <c r="AM14831">
        <v>73</v>
      </c>
      <c r="AN14831">
        <v>74</v>
      </c>
      <c r="AO14831">
        <v>74</v>
      </c>
      <c r="AP14831">
        <v>75</v>
      </c>
      <c r="AQ14831">
        <v>76</v>
      </c>
    </row>
    <row r="14832" spans="1:43">
      <c r="A14832" t="s">
        <v>9214</v>
      </c>
      <c r="B14832" t="s">
        <v>9215</v>
      </c>
      <c r="C14832" t="s">
        <v>9216</v>
      </c>
      <c r="D14832" t="s">
        <v>9217</v>
      </c>
      <c r="E14832" t="s">
        <v>9202</v>
      </c>
      <c r="F14832" t="s">
        <v>9203</v>
      </c>
      <c r="G14832" t="s">
        <v>80</v>
      </c>
      <c r="H14832" t="s">
        <v>81</v>
      </c>
      <c r="I14832" s="2">
        <v>0</v>
      </c>
      <c r="J14832" s="2">
        <v>1</v>
      </c>
      <c r="K14832" s="2">
        <v>0</v>
      </c>
      <c r="L14832" t="s">
        <v>82</v>
      </c>
      <c r="M14832" t="s">
        <v>89</v>
      </c>
      <c r="N14832" t="s">
        <v>90</v>
      </c>
      <c r="O14832" t="s">
        <v>85</v>
      </c>
      <c r="P14832" t="s">
        <v>86</v>
      </c>
      <c r="Q14832">
        <v>54</v>
      </c>
      <c r="R14832">
        <v>56</v>
      </c>
      <c r="S14832">
        <v>58</v>
      </c>
      <c r="T14832">
        <v>59</v>
      </c>
      <c r="U14832">
        <v>61</v>
      </c>
      <c r="V14832">
        <v>63</v>
      </c>
      <c r="W14832">
        <v>65</v>
      </c>
      <c r="X14832">
        <v>66</v>
      </c>
      <c r="Y14832">
        <v>68</v>
      </c>
      <c r="Z14832">
        <v>70</v>
      </c>
      <c r="AA14832">
        <v>72</v>
      </c>
      <c r="AB14832">
        <v>73</v>
      </c>
      <c r="AC14832">
        <v>75</v>
      </c>
      <c r="AD14832">
        <v>77</v>
      </c>
      <c r="AE14832">
        <v>78</v>
      </c>
      <c r="AF14832">
        <v>79</v>
      </c>
      <c r="AG14832">
        <v>80</v>
      </c>
      <c r="AH14832">
        <v>81</v>
      </c>
      <c r="AI14832">
        <v>81</v>
      </c>
      <c r="AJ14832">
        <v>82</v>
      </c>
      <c r="AK14832">
        <v>83</v>
      </c>
      <c r="AL14832">
        <v>84</v>
      </c>
      <c r="AM14832">
        <v>85</v>
      </c>
      <c r="AN14832">
        <v>85</v>
      </c>
      <c r="AO14832">
        <v>86</v>
      </c>
      <c r="AP14832">
        <v>87</v>
      </c>
      <c r="AQ14832">
        <v>88</v>
      </c>
    </row>
    <row r="14833" spans="1:43">
      <c r="A14833" t="s">
        <v>9214</v>
      </c>
      <c r="B14833" t="s">
        <v>9215</v>
      </c>
      <c r="C14833" t="s">
        <v>9216</v>
      </c>
      <c r="D14833" t="s">
        <v>9217</v>
      </c>
      <c r="E14833" t="s">
        <v>9202</v>
      </c>
      <c r="F14833" t="s">
        <v>9203</v>
      </c>
      <c r="G14833" t="s">
        <v>80</v>
      </c>
      <c r="H14833" t="s">
        <v>81</v>
      </c>
      <c r="I14833" s="2">
        <v>0</v>
      </c>
      <c r="J14833" s="2">
        <v>1</v>
      </c>
      <c r="K14833" s="2">
        <v>0</v>
      </c>
      <c r="L14833" t="s">
        <v>82</v>
      </c>
      <c r="M14833" t="s">
        <v>83</v>
      </c>
      <c r="N14833" t="s">
        <v>91</v>
      </c>
      <c r="O14833" t="s">
        <v>85</v>
      </c>
      <c r="P14833" t="s">
        <v>86</v>
      </c>
      <c r="Q14833">
        <v>54</v>
      </c>
      <c r="R14833">
        <v>56</v>
      </c>
      <c r="S14833">
        <v>57</v>
      </c>
      <c r="T14833">
        <v>58</v>
      </c>
      <c r="U14833">
        <v>60</v>
      </c>
      <c r="V14833">
        <v>61</v>
      </c>
      <c r="W14833">
        <v>63</v>
      </c>
      <c r="X14833">
        <v>64</v>
      </c>
      <c r="Y14833">
        <v>65</v>
      </c>
      <c r="Z14833">
        <v>67</v>
      </c>
      <c r="AA14833">
        <v>68</v>
      </c>
      <c r="AB14833">
        <v>70</v>
      </c>
      <c r="AC14833">
        <v>71</v>
      </c>
      <c r="AD14833">
        <v>72</v>
      </c>
      <c r="AE14833">
        <v>74</v>
      </c>
      <c r="AF14833">
        <v>75</v>
      </c>
      <c r="AG14833">
        <v>77</v>
      </c>
      <c r="AH14833">
        <v>78</v>
      </c>
      <c r="AI14833">
        <v>80</v>
      </c>
      <c r="AJ14833">
        <v>81</v>
      </c>
      <c r="AK14833">
        <v>83</v>
      </c>
      <c r="AL14833">
        <v>84</v>
      </c>
      <c r="AM14833">
        <v>85</v>
      </c>
      <c r="AN14833">
        <v>86</v>
      </c>
      <c r="AO14833">
        <v>86</v>
      </c>
      <c r="AP14833">
        <v>87</v>
      </c>
      <c r="AQ14833">
        <v>88</v>
      </c>
    </row>
    <row r="14834" spans="1:43">
      <c r="A14834" t="s">
        <v>9218</v>
      </c>
      <c r="B14834" t="s">
        <v>9219</v>
      </c>
      <c r="C14834" t="s">
        <v>9216</v>
      </c>
      <c r="D14834" t="s">
        <v>9217</v>
      </c>
      <c r="E14834" t="s">
        <v>9202</v>
      </c>
      <c r="F14834" t="s">
        <v>9203</v>
      </c>
      <c r="G14834" t="s">
        <v>80</v>
      </c>
      <c r="H14834" t="s">
        <v>81</v>
      </c>
      <c r="I14834" s="2">
        <v>0</v>
      </c>
      <c r="J14834" s="2">
        <v>1</v>
      </c>
      <c r="K14834" s="2">
        <v>0</v>
      </c>
      <c r="L14834" t="s">
        <v>82</v>
      </c>
      <c r="M14834" t="s">
        <v>83</v>
      </c>
      <c r="N14834" t="s">
        <v>84</v>
      </c>
      <c r="O14834" t="s">
        <v>85</v>
      </c>
      <c r="P14834" t="s">
        <v>86</v>
      </c>
      <c r="Q14834">
        <v>3</v>
      </c>
      <c r="R14834">
        <v>4</v>
      </c>
      <c r="S14834">
        <v>4</v>
      </c>
      <c r="T14834">
        <v>4</v>
      </c>
      <c r="U14834">
        <v>4</v>
      </c>
      <c r="V14834">
        <v>4</v>
      </c>
      <c r="W14834">
        <v>4</v>
      </c>
      <c r="X14834">
        <v>4</v>
      </c>
      <c r="Y14834">
        <v>4</v>
      </c>
      <c r="Z14834">
        <v>4</v>
      </c>
      <c r="AA14834">
        <v>4</v>
      </c>
      <c r="AB14834">
        <v>4</v>
      </c>
      <c r="AC14834">
        <v>5</v>
      </c>
      <c r="AD14834">
        <v>5</v>
      </c>
      <c r="AE14834">
        <v>5</v>
      </c>
      <c r="AF14834">
        <v>5</v>
      </c>
      <c r="AG14834">
        <v>5</v>
      </c>
      <c r="AH14834">
        <v>5</v>
      </c>
      <c r="AI14834">
        <v>5</v>
      </c>
      <c r="AJ14834">
        <v>5</v>
      </c>
      <c r="AK14834">
        <v>5</v>
      </c>
      <c r="AL14834">
        <v>5</v>
      </c>
      <c r="AM14834">
        <v>5</v>
      </c>
      <c r="AN14834">
        <v>5</v>
      </c>
      <c r="AO14834">
        <v>5</v>
      </c>
      <c r="AP14834">
        <v>6</v>
      </c>
      <c r="AQ14834">
        <v>6</v>
      </c>
    </row>
    <row r="14835" spans="1:43">
      <c r="A14835" t="s">
        <v>9218</v>
      </c>
      <c r="B14835" t="s">
        <v>9219</v>
      </c>
      <c r="C14835" t="s">
        <v>9216</v>
      </c>
      <c r="D14835" t="s">
        <v>9217</v>
      </c>
      <c r="E14835" t="s">
        <v>9202</v>
      </c>
      <c r="F14835" t="s">
        <v>9203</v>
      </c>
      <c r="G14835" t="s">
        <v>80</v>
      </c>
      <c r="H14835" t="s">
        <v>81</v>
      </c>
      <c r="I14835" s="2">
        <v>0</v>
      </c>
      <c r="J14835" s="2">
        <v>1</v>
      </c>
      <c r="K14835" s="2">
        <v>0</v>
      </c>
      <c r="L14835" t="s">
        <v>82</v>
      </c>
      <c r="M14835" t="s">
        <v>87</v>
      </c>
      <c r="N14835" t="s">
        <v>88</v>
      </c>
      <c r="O14835" t="s">
        <v>85</v>
      </c>
      <c r="P14835" t="s">
        <v>86</v>
      </c>
      <c r="Q14835">
        <v>3</v>
      </c>
      <c r="R14835">
        <v>3</v>
      </c>
      <c r="S14835">
        <v>4</v>
      </c>
      <c r="T14835">
        <v>4</v>
      </c>
      <c r="U14835">
        <v>4</v>
      </c>
      <c r="V14835">
        <v>4</v>
      </c>
      <c r="W14835">
        <v>4</v>
      </c>
      <c r="X14835">
        <v>4</v>
      </c>
      <c r="Y14835">
        <v>4</v>
      </c>
      <c r="Z14835">
        <v>4</v>
      </c>
      <c r="AA14835">
        <v>4</v>
      </c>
      <c r="AB14835">
        <v>4</v>
      </c>
      <c r="AC14835">
        <v>4</v>
      </c>
      <c r="AD14835">
        <v>4</v>
      </c>
      <c r="AE14835">
        <v>4</v>
      </c>
      <c r="AF14835">
        <v>4</v>
      </c>
      <c r="AG14835">
        <v>4</v>
      </c>
      <c r="AH14835">
        <v>4</v>
      </c>
      <c r="AI14835">
        <v>4</v>
      </c>
      <c r="AJ14835">
        <v>4</v>
      </c>
      <c r="AK14835">
        <v>4</v>
      </c>
      <c r="AL14835">
        <v>5</v>
      </c>
      <c r="AM14835">
        <v>5</v>
      </c>
      <c r="AN14835">
        <v>5</v>
      </c>
      <c r="AO14835">
        <v>5</v>
      </c>
      <c r="AP14835">
        <v>5</v>
      </c>
      <c r="AQ14835">
        <v>5</v>
      </c>
    </row>
    <row r="14836" spans="1:43">
      <c r="A14836" t="s">
        <v>9218</v>
      </c>
      <c r="B14836" t="s">
        <v>9219</v>
      </c>
      <c r="C14836" t="s">
        <v>9216</v>
      </c>
      <c r="D14836" t="s">
        <v>9217</v>
      </c>
      <c r="E14836" t="s">
        <v>9202</v>
      </c>
      <c r="F14836" t="s">
        <v>9203</v>
      </c>
      <c r="G14836" t="s">
        <v>80</v>
      </c>
      <c r="H14836" t="s">
        <v>81</v>
      </c>
      <c r="I14836" s="2">
        <v>0</v>
      </c>
      <c r="J14836" s="2">
        <v>1</v>
      </c>
      <c r="K14836" s="2">
        <v>0</v>
      </c>
      <c r="L14836" t="s">
        <v>82</v>
      </c>
      <c r="M14836" t="s">
        <v>89</v>
      </c>
      <c r="N14836" t="s">
        <v>90</v>
      </c>
      <c r="O14836" t="s">
        <v>85</v>
      </c>
      <c r="P14836" t="s">
        <v>86</v>
      </c>
      <c r="Q14836">
        <v>3</v>
      </c>
      <c r="R14836">
        <v>4</v>
      </c>
      <c r="S14836">
        <v>4</v>
      </c>
      <c r="T14836">
        <v>4</v>
      </c>
      <c r="U14836">
        <v>4</v>
      </c>
      <c r="V14836">
        <v>4</v>
      </c>
      <c r="W14836">
        <v>4</v>
      </c>
      <c r="X14836">
        <v>4</v>
      </c>
      <c r="Y14836">
        <v>4</v>
      </c>
      <c r="Z14836">
        <v>4</v>
      </c>
      <c r="AA14836">
        <v>5</v>
      </c>
      <c r="AB14836">
        <v>5</v>
      </c>
      <c r="AC14836">
        <v>5</v>
      </c>
      <c r="AD14836">
        <v>5</v>
      </c>
      <c r="AE14836">
        <v>5</v>
      </c>
      <c r="AF14836">
        <v>5</v>
      </c>
      <c r="AG14836">
        <v>5</v>
      </c>
      <c r="AH14836">
        <v>5</v>
      </c>
      <c r="AI14836">
        <v>5</v>
      </c>
      <c r="AJ14836">
        <v>5</v>
      </c>
      <c r="AK14836">
        <v>5</v>
      </c>
      <c r="AL14836">
        <v>5</v>
      </c>
      <c r="AM14836">
        <v>5</v>
      </c>
      <c r="AN14836">
        <v>5</v>
      </c>
      <c r="AO14836">
        <v>6</v>
      </c>
      <c r="AP14836">
        <v>6</v>
      </c>
      <c r="AQ14836">
        <v>6</v>
      </c>
    </row>
    <row r="14837" spans="1:43">
      <c r="A14837" t="s">
        <v>9218</v>
      </c>
      <c r="B14837" t="s">
        <v>9219</v>
      </c>
      <c r="C14837" t="s">
        <v>9216</v>
      </c>
      <c r="D14837" t="s">
        <v>9217</v>
      </c>
      <c r="E14837" t="s">
        <v>9202</v>
      </c>
      <c r="F14837" t="s">
        <v>9203</v>
      </c>
      <c r="G14837" t="s">
        <v>80</v>
      </c>
      <c r="H14837" t="s">
        <v>81</v>
      </c>
      <c r="I14837" s="2">
        <v>0</v>
      </c>
      <c r="J14837" s="2">
        <v>1</v>
      </c>
      <c r="K14837" s="2">
        <v>0</v>
      </c>
      <c r="L14837" t="s">
        <v>82</v>
      </c>
      <c r="M14837" t="s">
        <v>83</v>
      </c>
      <c r="N14837" t="s">
        <v>91</v>
      </c>
      <c r="O14837" t="s">
        <v>85</v>
      </c>
      <c r="P14837" t="s">
        <v>86</v>
      </c>
      <c r="Q14837">
        <v>3</v>
      </c>
      <c r="R14837">
        <v>4</v>
      </c>
      <c r="S14837">
        <v>4</v>
      </c>
      <c r="T14837">
        <v>4</v>
      </c>
      <c r="U14837">
        <v>4</v>
      </c>
      <c r="V14837">
        <v>4</v>
      </c>
      <c r="W14837">
        <v>4</v>
      </c>
      <c r="X14837">
        <v>4</v>
      </c>
      <c r="Y14837">
        <v>4</v>
      </c>
      <c r="Z14837">
        <v>4</v>
      </c>
      <c r="AA14837">
        <v>4</v>
      </c>
      <c r="AB14837">
        <v>4</v>
      </c>
      <c r="AC14837">
        <v>5</v>
      </c>
      <c r="AD14837">
        <v>5</v>
      </c>
      <c r="AE14837">
        <v>5</v>
      </c>
      <c r="AF14837">
        <v>5</v>
      </c>
      <c r="AG14837">
        <v>5</v>
      </c>
      <c r="AH14837">
        <v>5</v>
      </c>
      <c r="AI14837">
        <v>5</v>
      </c>
      <c r="AJ14837">
        <v>5</v>
      </c>
      <c r="AK14837">
        <v>5</v>
      </c>
      <c r="AL14837">
        <v>5</v>
      </c>
      <c r="AM14837">
        <v>5</v>
      </c>
      <c r="AN14837">
        <v>5</v>
      </c>
      <c r="AO14837">
        <v>5</v>
      </c>
      <c r="AP14837">
        <v>6</v>
      </c>
      <c r="AQ14837">
        <v>6</v>
      </c>
    </row>
    <row r="14838" spans="1:43">
      <c r="A14838" t="s">
        <v>9220</v>
      </c>
      <c r="B14838" t="s">
        <v>9221</v>
      </c>
      <c r="C14838" t="s">
        <v>9222</v>
      </c>
      <c r="D14838" t="s">
        <v>9223</v>
      </c>
      <c r="E14838" t="s">
        <v>9202</v>
      </c>
      <c r="F14838" t="s">
        <v>9203</v>
      </c>
      <c r="G14838" t="s">
        <v>80</v>
      </c>
      <c r="H14838" t="s">
        <v>81</v>
      </c>
      <c r="I14838" s="2">
        <v>0</v>
      </c>
      <c r="J14838" s="2">
        <v>1</v>
      </c>
      <c r="K14838" s="2">
        <v>0</v>
      </c>
      <c r="L14838" t="s">
        <v>82</v>
      </c>
      <c r="M14838" t="s">
        <v>83</v>
      </c>
      <c r="N14838" t="s">
        <v>84</v>
      </c>
      <c r="O14838" t="s">
        <v>85</v>
      </c>
      <c r="P14838" t="s">
        <v>86</v>
      </c>
      <c r="Q14838">
        <v>77</v>
      </c>
      <c r="R14838">
        <v>79</v>
      </c>
      <c r="S14838">
        <v>80</v>
      </c>
      <c r="T14838">
        <v>82</v>
      </c>
      <c r="U14838">
        <v>84</v>
      </c>
      <c r="V14838">
        <v>86</v>
      </c>
      <c r="W14838">
        <v>88</v>
      </c>
      <c r="X14838">
        <v>90</v>
      </c>
      <c r="Y14838">
        <v>92</v>
      </c>
      <c r="Z14838">
        <v>94</v>
      </c>
      <c r="AA14838">
        <v>96</v>
      </c>
      <c r="AB14838">
        <v>98</v>
      </c>
      <c r="AC14838">
        <v>100</v>
      </c>
      <c r="AD14838">
        <v>102</v>
      </c>
      <c r="AE14838">
        <v>104</v>
      </c>
      <c r="AF14838">
        <v>106</v>
      </c>
      <c r="AG14838">
        <v>108</v>
      </c>
      <c r="AH14838">
        <v>110</v>
      </c>
      <c r="AI14838">
        <v>113</v>
      </c>
      <c r="AJ14838">
        <v>115</v>
      </c>
      <c r="AK14838">
        <v>117</v>
      </c>
      <c r="AL14838">
        <v>118</v>
      </c>
      <c r="AM14838">
        <v>120</v>
      </c>
      <c r="AN14838">
        <v>121</v>
      </c>
      <c r="AO14838">
        <v>122</v>
      </c>
      <c r="AP14838">
        <v>123</v>
      </c>
      <c r="AQ14838">
        <v>124</v>
      </c>
    </row>
    <row r="14839" spans="1:43">
      <c r="A14839" t="s">
        <v>9220</v>
      </c>
      <c r="B14839" t="s">
        <v>9221</v>
      </c>
      <c r="C14839" t="s">
        <v>9222</v>
      </c>
      <c r="D14839" t="s">
        <v>9223</v>
      </c>
      <c r="E14839" t="s">
        <v>9202</v>
      </c>
      <c r="F14839" t="s">
        <v>9203</v>
      </c>
      <c r="G14839" t="s">
        <v>80</v>
      </c>
      <c r="H14839" t="s">
        <v>81</v>
      </c>
      <c r="I14839" s="2">
        <v>0</v>
      </c>
      <c r="J14839" s="2">
        <v>1</v>
      </c>
      <c r="K14839" s="2">
        <v>0</v>
      </c>
      <c r="L14839" t="s">
        <v>82</v>
      </c>
      <c r="M14839" t="s">
        <v>87</v>
      </c>
      <c r="N14839" t="s">
        <v>88</v>
      </c>
      <c r="O14839" t="s">
        <v>85</v>
      </c>
      <c r="P14839" t="s">
        <v>86</v>
      </c>
      <c r="Q14839">
        <v>77</v>
      </c>
      <c r="R14839">
        <v>78</v>
      </c>
      <c r="S14839">
        <v>79</v>
      </c>
      <c r="T14839">
        <v>80</v>
      </c>
      <c r="U14839">
        <v>81</v>
      </c>
      <c r="V14839">
        <v>83</v>
      </c>
      <c r="W14839">
        <v>84</v>
      </c>
      <c r="X14839">
        <v>85</v>
      </c>
      <c r="Y14839">
        <v>86</v>
      </c>
      <c r="Z14839">
        <v>87</v>
      </c>
      <c r="AA14839">
        <v>88</v>
      </c>
      <c r="AB14839">
        <v>90</v>
      </c>
      <c r="AC14839">
        <v>91</v>
      </c>
      <c r="AD14839">
        <v>92</v>
      </c>
      <c r="AE14839">
        <v>93</v>
      </c>
      <c r="AF14839">
        <v>94</v>
      </c>
      <c r="AG14839">
        <v>96</v>
      </c>
      <c r="AH14839">
        <v>97</v>
      </c>
      <c r="AI14839">
        <v>98</v>
      </c>
      <c r="AJ14839">
        <v>99</v>
      </c>
      <c r="AK14839">
        <v>101</v>
      </c>
      <c r="AL14839">
        <v>102</v>
      </c>
      <c r="AM14839">
        <v>103</v>
      </c>
      <c r="AN14839">
        <v>105</v>
      </c>
      <c r="AO14839">
        <v>106</v>
      </c>
      <c r="AP14839">
        <v>107</v>
      </c>
      <c r="AQ14839">
        <v>109</v>
      </c>
    </row>
    <row r="14840" spans="1:43">
      <c r="A14840" t="s">
        <v>9220</v>
      </c>
      <c r="B14840" t="s">
        <v>9221</v>
      </c>
      <c r="C14840" t="s">
        <v>9222</v>
      </c>
      <c r="D14840" t="s">
        <v>9223</v>
      </c>
      <c r="E14840" t="s">
        <v>9202</v>
      </c>
      <c r="F14840" t="s">
        <v>9203</v>
      </c>
      <c r="G14840" t="s">
        <v>80</v>
      </c>
      <c r="H14840" t="s">
        <v>81</v>
      </c>
      <c r="I14840" s="2">
        <v>0</v>
      </c>
      <c r="J14840" s="2">
        <v>1</v>
      </c>
      <c r="K14840" s="2">
        <v>0</v>
      </c>
      <c r="L14840" t="s">
        <v>82</v>
      </c>
      <c r="M14840" t="s">
        <v>89</v>
      </c>
      <c r="N14840" t="s">
        <v>90</v>
      </c>
      <c r="O14840" t="s">
        <v>85</v>
      </c>
      <c r="P14840" t="s">
        <v>86</v>
      </c>
      <c r="Q14840">
        <v>77</v>
      </c>
      <c r="R14840">
        <v>80</v>
      </c>
      <c r="S14840">
        <v>82</v>
      </c>
      <c r="T14840">
        <v>85</v>
      </c>
      <c r="U14840">
        <v>88</v>
      </c>
      <c r="V14840">
        <v>90</v>
      </c>
      <c r="W14840">
        <v>93</v>
      </c>
      <c r="X14840">
        <v>95</v>
      </c>
      <c r="Y14840">
        <v>97</v>
      </c>
      <c r="Z14840">
        <v>100</v>
      </c>
      <c r="AA14840">
        <v>102</v>
      </c>
      <c r="AB14840">
        <v>105</v>
      </c>
      <c r="AC14840">
        <v>107</v>
      </c>
      <c r="AD14840">
        <v>110</v>
      </c>
      <c r="AE14840">
        <v>112</v>
      </c>
      <c r="AF14840">
        <v>113</v>
      </c>
      <c r="AG14840">
        <v>114</v>
      </c>
      <c r="AH14840">
        <v>115</v>
      </c>
      <c r="AI14840">
        <v>116</v>
      </c>
      <c r="AJ14840">
        <v>117</v>
      </c>
      <c r="AK14840">
        <v>118</v>
      </c>
      <c r="AL14840">
        <v>119</v>
      </c>
      <c r="AM14840">
        <v>120</v>
      </c>
      <c r="AN14840">
        <v>122</v>
      </c>
      <c r="AO14840">
        <v>123</v>
      </c>
      <c r="AP14840">
        <v>124</v>
      </c>
      <c r="AQ14840">
        <v>125</v>
      </c>
    </row>
    <row r="14841" spans="1:43">
      <c r="A14841" t="s">
        <v>9220</v>
      </c>
      <c r="B14841" t="s">
        <v>9221</v>
      </c>
      <c r="C14841" t="s">
        <v>9222</v>
      </c>
      <c r="D14841" t="s">
        <v>9223</v>
      </c>
      <c r="E14841" t="s">
        <v>9202</v>
      </c>
      <c r="F14841" t="s">
        <v>9203</v>
      </c>
      <c r="G14841" t="s">
        <v>80</v>
      </c>
      <c r="H14841" t="s">
        <v>81</v>
      </c>
      <c r="I14841" s="2">
        <v>0</v>
      </c>
      <c r="J14841" s="2">
        <v>1</v>
      </c>
      <c r="K14841" s="2">
        <v>0</v>
      </c>
      <c r="L14841" t="s">
        <v>82</v>
      </c>
      <c r="M14841" t="s">
        <v>83</v>
      </c>
      <c r="N14841" t="s">
        <v>91</v>
      </c>
      <c r="O14841" t="s">
        <v>85</v>
      </c>
      <c r="P14841" t="s">
        <v>86</v>
      </c>
      <c r="Q14841">
        <v>77</v>
      </c>
      <c r="R14841">
        <v>79</v>
      </c>
      <c r="S14841">
        <v>80</v>
      </c>
      <c r="T14841">
        <v>82</v>
      </c>
      <c r="U14841">
        <v>84</v>
      </c>
      <c r="V14841">
        <v>86</v>
      </c>
      <c r="W14841">
        <v>88</v>
      </c>
      <c r="X14841">
        <v>90</v>
      </c>
      <c r="Y14841">
        <v>92</v>
      </c>
      <c r="Z14841">
        <v>94</v>
      </c>
      <c r="AA14841">
        <v>96</v>
      </c>
      <c r="AB14841">
        <v>98</v>
      </c>
      <c r="AC14841">
        <v>100</v>
      </c>
      <c r="AD14841">
        <v>102</v>
      </c>
      <c r="AE14841">
        <v>104</v>
      </c>
      <c r="AF14841">
        <v>106</v>
      </c>
      <c r="AG14841">
        <v>108</v>
      </c>
      <c r="AH14841">
        <v>110</v>
      </c>
      <c r="AI14841">
        <v>113</v>
      </c>
      <c r="AJ14841">
        <v>115</v>
      </c>
      <c r="AK14841">
        <v>117</v>
      </c>
      <c r="AL14841">
        <v>118</v>
      </c>
      <c r="AM14841">
        <v>120</v>
      </c>
      <c r="AN14841">
        <v>121</v>
      </c>
      <c r="AO14841">
        <v>122</v>
      </c>
      <c r="AP14841">
        <v>123</v>
      </c>
      <c r="AQ14841">
        <v>124</v>
      </c>
    </row>
    <row r="14842" spans="1:43">
      <c r="A14842" t="s">
        <v>9224</v>
      </c>
      <c r="B14842" t="s">
        <v>9225</v>
      </c>
      <c r="C14842" t="s">
        <v>9226</v>
      </c>
      <c r="D14842" t="s">
        <v>9227</v>
      </c>
      <c r="E14842" t="s">
        <v>9202</v>
      </c>
      <c r="F14842" t="s">
        <v>9203</v>
      </c>
      <c r="G14842" t="s">
        <v>80</v>
      </c>
      <c r="H14842" t="s">
        <v>81</v>
      </c>
      <c r="I14842" s="2">
        <v>0</v>
      </c>
      <c r="J14842" s="2">
        <v>1</v>
      </c>
      <c r="K14842" s="2">
        <v>0</v>
      </c>
      <c r="L14842" t="s">
        <v>82</v>
      </c>
      <c r="M14842" t="s">
        <v>83</v>
      </c>
      <c r="N14842" t="s">
        <v>84</v>
      </c>
      <c r="O14842" t="s">
        <v>85</v>
      </c>
      <c r="P14842" t="s">
        <v>86</v>
      </c>
      <c r="Q14842">
        <v>44</v>
      </c>
      <c r="R14842">
        <v>45</v>
      </c>
      <c r="S14842">
        <v>46</v>
      </c>
      <c r="T14842">
        <v>47</v>
      </c>
      <c r="U14842">
        <v>48</v>
      </c>
      <c r="V14842">
        <v>49</v>
      </c>
      <c r="W14842">
        <v>50</v>
      </c>
      <c r="X14842">
        <v>51</v>
      </c>
      <c r="Y14842">
        <v>53</v>
      </c>
      <c r="Z14842">
        <v>54</v>
      </c>
      <c r="AA14842">
        <v>55</v>
      </c>
      <c r="AB14842">
        <v>56</v>
      </c>
      <c r="AC14842">
        <v>57</v>
      </c>
      <c r="AD14842">
        <v>58</v>
      </c>
      <c r="AE14842">
        <v>60</v>
      </c>
      <c r="AF14842">
        <v>61</v>
      </c>
      <c r="AG14842">
        <v>62</v>
      </c>
      <c r="AH14842">
        <v>63</v>
      </c>
      <c r="AI14842">
        <v>64</v>
      </c>
      <c r="AJ14842">
        <v>66</v>
      </c>
      <c r="AK14842">
        <v>67</v>
      </c>
      <c r="AL14842">
        <v>68</v>
      </c>
      <c r="AM14842">
        <v>68</v>
      </c>
      <c r="AN14842">
        <v>69</v>
      </c>
      <c r="AO14842">
        <v>70</v>
      </c>
      <c r="AP14842">
        <v>70</v>
      </c>
      <c r="AQ14842">
        <v>71</v>
      </c>
    </row>
    <row r="14843" spans="1:43">
      <c r="A14843" t="s">
        <v>9224</v>
      </c>
      <c r="B14843" t="s">
        <v>9225</v>
      </c>
      <c r="C14843" t="s">
        <v>9226</v>
      </c>
      <c r="D14843" t="s">
        <v>9227</v>
      </c>
      <c r="E14843" t="s">
        <v>9202</v>
      </c>
      <c r="F14843" t="s">
        <v>9203</v>
      </c>
      <c r="G14843" t="s">
        <v>80</v>
      </c>
      <c r="H14843" t="s">
        <v>81</v>
      </c>
      <c r="I14843" s="2">
        <v>0</v>
      </c>
      <c r="J14843" s="2">
        <v>1</v>
      </c>
      <c r="K14843" s="2">
        <v>0</v>
      </c>
      <c r="L14843" t="s">
        <v>82</v>
      </c>
      <c r="M14843" t="s">
        <v>87</v>
      </c>
      <c r="N14843" t="s">
        <v>88</v>
      </c>
      <c r="O14843" t="s">
        <v>85</v>
      </c>
      <c r="P14843" t="s">
        <v>86</v>
      </c>
      <c r="Q14843">
        <v>44</v>
      </c>
      <c r="R14843">
        <v>45</v>
      </c>
      <c r="S14843">
        <v>46</v>
      </c>
      <c r="T14843">
        <v>46</v>
      </c>
      <c r="U14843">
        <v>47</v>
      </c>
      <c r="V14843">
        <v>48</v>
      </c>
      <c r="W14843">
        <v>48</v>
      </c>
      <c r="X14843">
        <v>49</v>
      </c>
      <c r="Y14843">
        <v>50</v>
      </c>
      <c r="Z14843">
        <v>50</v>
      </c>
      <c r="AA14843">
        <v>51</v>
      </c>
      <c r="AB14843">
        <v>52</v>
      </c>
      <c r="AC14843">
        <v>52</v>
      </c>
      <c r="AD14843">
        <v>53</v>
      </c>
      <c r="AE14843">
        <v>54</v>
      </c>
      <c r="AF14843">
        <v>54</v>
      </c>
      <c r="AG14843">
        <v>55</v>
      </c>
      <c r="AH14843">
        <v>56</v>
      </c>
      <c r="AI14843">
        <v>57</v>
      </c>
      <c r="AJ14843">
        <v>57</v>
      </c>
      <c r="AK14843">
        <v>58</v>
      </c>
      <c r="AL14843">
        <v>59</v>
      </c>
      <c r="AM14843">
        <v>59</v>
      </c>
      <c r="AN14843">
        <v>60</v>
      </c>
      <c r="AO14843">
        <v>61</v>
      </c>
      <c r="AP14843">
        <v>62</v>
      </c>
      <c r="AQ14843">
        <v>63</v>
      </c>
    </row>
    <row r="14844" spans="1:43">
      <c r="A14844" t="s">
        <v>9224</v>
      </c>
      <c r="B14844" t="s">
        <v>9225</v>
      </c>
      <c r="C14844" t="s">
        <v>9226</v>
      </c>
      <c r="D14844" t="s">
        <v>9227</v>
      </c>
      <c r="E14844" t="s">
        <v>9202</v>
      </c>
      <c r="F14844" t="s">
        <v>9203</v>
      </c>
      <c r="G14844" t="s">
        <v>80</v>
      </c>
      <c r="H14844" t="s">
        <v>81</v>
      </c>
      <c r="I14844" s="2">
        <v>0</v>
      </c>
      <c r="J14844" s="2">
        <v>1</v>
      </c>
      <c r="K14844" s="2">
        <v>0</v>
      </c>
      <c r="L14844" t="s">
        <v>82</v>
      </c>
      <c r="M14844" t="s">
        <v>89</v>
      </c>
      <c r="N14844" t="s">
        <v>90</v>
      </c>
      <c r="O14844" t="s">
        <v>85</v>
      </c>
      <c r="P14844" t="s">
        <v>86</v>
      </c>
      <c r="Q14844">
        <v>44</v>
      </c>
      <c r="R14844">
        <v>46</v>
      </c>
      <c r="S14844">
        <v>47</v>
      </c>
      <c r="T14844">
        <v>49</v>
      </c>
      <c r="U14844">
        <v>50</v>
      </c>
      <c r="V14844">
        <v>51</v>
      </c>
      <c r="W14844">
        <v>53</v>
      </c>
      <c r="X14844">
        <v>54</v>
      </c>
      <c r="Y14844">
        <v>56</v>
      </c>
      <c r="Z14844">
        <v>57</v>
      </c>
      <c r="AA14844">
        <v>58</v>
      </c>
      <c r="AB14844">
        <v>60</v>
      </c>
      <c r="AC14844">
        <v>61</v>
      </c>
      <c r="AD14844">
        <v>63</v>
      </c>
      <c r="AE14844">
        <v>64</v>
      </c>
      <c r="AF14844">
        <v>64</v>
      </c>
      <c r="AG14844">
        <v>65</v>
      </c>
      <c r="AH14844">
        <v>66</v>
      </c>
      <c r="AI14844">
        <v>66</v>
      </c>
      <c r="AJ14844">
        <v>67</v>
      </c>
      <c r="AK14844">
        <v>68</v>
      </c>
      <c r="AL14844">
        <v>68</v>
      </c>
      <c r="AM14844">
        <v>69</v>
      </c>
      <c r="AN14844">
        <v>69</v>
      </c>
      <c r="AO14844">
        <v>70</v>
      </c>
      <c r="AP14844">
        <v>71</v>
      </c>
      <c r="AQ14844">
        <v>71</v>
      </c>
    </row>
    <row r="14845" spans="1:43">
      <c r="A14845" t="s">
        <v>9224</v>
      </c>
      <c r="B14845" t="s">
        <v>9225</v>
      </c>
      <c r="C14845" t="s">
        <v>9226</v>
      </c>
      <c r="D14845" t="s">
        <v>9227</v>
      </c>
      <c r="E14845" t="s">
        <v>9202</v>
      </c>
      <c r="F14845" t="s">
        <v>9203</v>
      </c>
      <c r="G14845" t="s">
        <v>80</v>
      </c>
      <c r="H14845" t="s">
        <v>81</v>
      </c>
      <c r="I14845" s="2">
        <v>0</v>
      </c>
      <c r="J14845" s="2">
        <v>1</v>
      </c>
      <c r="K14845" s="2">
        <v>0</v>
      </c>
      <c r="L14845" t="s">
        <v>82</v>
      </c>
      <c r="M14845" t="s">
        <v>83</v>
      </c>
      <c r="N14845" t="s">
        <v>91</v>
      </c>
      <c r="O14845" t="s">
        <v>85</v>
      </c>
      <c r="P14845" t="s">
        <v>86</v>
      </c>
      <c r="Q14845">
        <v>44</v>
      </c>
      <c r="R14845">
        <v>45</v>
      </c>
      <c r="S14845">
        <v>46</v>
      </c>
      <c r="T14845">
        <v>47</v>
      </c>
      <c r="U14845">
        <v>48</v>
      </c>
      <c r="V14845">
        <v>49</v>
      </c>
      <c r="W14845">
        <v>50</v>
      </c>
      <c r="X14845">
        <v>51</v>
      </c>
      <c r="Y14845">
        <v>53</v>
      </c>
      <c r="Z14845">
        <v>54</v>
      </c>
      <c r="AA14845">
        <v>55</v>
      </c>
      <c r="AB14845">
        <v>56</v>
      </c>
      <c r="AC14845">
        <v>57</v>
      </c>
      <c r="AD14845">
        <v>58</v>
      </c>
      <c r="AE14845">
        <v>60</v>
      </c>
      <c r="AF14845">
        <v>61</v>
      </c>
      <c r="AG14845">
        <v>62</v>
      </c>
      <c r="AH14845">
        <v>63</v>
      </c>
      <c r="AI14845">
        <v>64</v>
      </c>
      <c r="AJ14845">
        <v>66</v>
      </c>
      <c r="AK14845">
        <v>67</v>
      </c>
      <c r="AL14845">
        <v>68</v>
      </c>
      <c r="AM14845">
        <v>68</v>
      </c>
      <c r="AN14845">
        <v>69</v>
      </c>
      <c r="AO14845">
        <v>70</v>
      </c>
      <c r="AP14845">
        <v>70</v>
      </c>
      <c r="AQ14845">
        <v>71</v>
      </c>
    </row>
    <row r="14846" spans="1:43">
      <c r="A14846" t="s">
        <v>9228</v>
      </c>
      <c r="B14846" t="s">
        <v>9229</v>
      </c>
      <c r="C14846" t="s">
        <v>9222</v>
      </c>
      <c r="D14846" t="s">
        <v>9223</v>
      </c>
      <c r="E14846" t="s">
        <v>9202</v>
      </c>
      <c r="F14846" t="s">
        <v>9203</v>
      </c>
      <c r="G14846" t="s">
        <v>80</v>
      </c>
      <c r="H14846" t="s">
        <v>81</v>
      </c>
      <c r="I14846" s="2">
        <v>0</v>
      </c>
      <c r="J14846" s="2">
        <v>1</v>
      </c>
      <c r="K14846" s="2">
        <v>0</v>
      </c>
      <c r="L14846" t="s">
        <v>82</v>
      </c>
      <c r="M14846" t="s">
        <v>83</v>
      </c>
      <c r="N14846" t="s">
        <v>84</v>
      </c>
      <c r="O14846" t="s">
        <v>85</v>
      </c>
      <c r="P14846" t="s">
        <v>86</v>
      </c>
      <c r="Q14846">
        <v>0</v>
      </c>
      <c r="R14846">
        <v>0</v>
      </c>
      <c r="S14846">
        <v>0</v>
      </c>
      <c r="T14846">
        <v>0</v>
      </c>
      <c r="U14846">
        <v>0</v>
      </c>
      <c r="V14846">
        <v>0</v>
      </c>
      <c r="W14846">
        <v>0</v>
      </c>
      <c r="X14846">
        <v>0</v>
      </c>
      <c r="Y14846">
        <v>0</v>
      </c>
      <c r="Z14846">
        <v>0</v>
      </c>
      <c r="AA14846">
        <v>0</v>
      </c>
      <c r="AB14846">
        <v>0</v>
      </c>
      <c r="AC14846">
        <v>0</v>
      </c>
      <c r="AD14846">
        <v>0</v>
      </c>
      <c r="AE14846">
        <v>0</v>
      </c>
      <c r="AF14846">
        <v>0</v>
      </c>
      <c r="AG14846">
        <v>0</v>
      </c>
      <c r="AH14846">
        <v>0</v>
      </c>
      <c r="AI14846">
        <v>0</v>
      </c>
      <c r="AJ14846">
        <v>0</v>
      </c>
      <c r="AK14846">
        <v>0</v>
      </c>
      <c r="AL14846">
        <v>0</v>
      </c>
      <c r="AM14846">
        <v>0</v>
      </c>
      <c r="AN14846">
        <v>0</v>
      </c>
      <c r="AO14846">
        <v>0</v>
      </c>
      <c r="AP14846">
        <v>0</v>
      </c>
      <c r="AQ14846">
        <v>0</v>
      </c>
    </row>
    <row r="14847" spans="1:43">
      <c r="A14847" t="s">
        <v>9228</v>
      </c>
      <c r="B14847" t="s">
        <v>9229</v>
      </c>
      <c r="C14847" t="s">
        <v>9222</v>
      </c>
      <c r="D14847" t="s">
        <v>9223</v>
      </c>
      <c r="E14847" t="s">
        <v>9202</v>
      </c>
      <c r="F14847" t="s">
        <v>9203</v>
      </c>
      <c r="G14847" t="s">
        <v>80</v>
      </c>
      <c r="H14847" t="s">
        <v>81</v>
      </c>
      <c r="I14847" s="2">
        <v>0</v>
      </c>
      <c r="J14847" s="2">
        <v>1</v>
      </c>
      <c r="K14847" s="2">
        <v>0</v>
      </c>
      <c r="L14847" t="s">
        <v>82</v>
      </c>
      <c r="M14847" t="s">
        <v>87</v>
      </c>
      <c r="N14847" t="s">
        <v>88</v>
      </c>
      <c r="O14847" t="s">
        <v>85</v>
      </c>
      <c r="P14847" t="s">
        <v>86</v>
      </c>
      <c r="Q14847">
        <v>0</v>
      </c>
      <c r="R14847">
        <v>0</v>
      </c>
      <c r="S14847">
        <v>0</v>
      </c>
      <c r="T14847">
        <v>0</v>
      </c>
      <c r="U14847">
        <v>0</v>
      </c>
      <c r="V14847">
        <v>0</v>
      </c>
      <c r="W14847">
        <v>0</v>
      </c>
      <c r="X14847">
        <v>0</v>
      </c>
      <c r="Y14847">
        <v>0</v>
      </c>
      <c r="Z14847">
        <v>0</v>
      </c>
      <c r="AA14847">
        <v>0</v>
      </c>
      <c r="AB14847">
        <v>0</v>
      </c>
      <c r="AC14847">
        <v>0</v>
      </c>
      <c r="AD14847">
        <v>0</v>
      </c>
      <c r="AE14847">
        <v>0</v>
      </c>
      <c r="AF14847">
        <v>0</v>
      </c>
      <c r="AG14847">
        <v>0</v>
      </c>
      <c r="AH14847">
        <v>0</v>
      </c>
      <c r="AI14847">
        <v>0</v>
      </c>
      <c r="AJ14847">
        <v>0</v>
      </c>
      <c r="AK14847">
        <v>0</v>
      </c>
      <c r="AL14847">
        <v>0</v>
      </c>
      <c r="AM14847">
        <v>0</v>
      </c>
      <c r="AN14847">
        <v>0</v>
      </c>
      <c r="AO14847">
        <v>0</v>
      </c>
      <c r="AP14847">
        <v>0</v>
      </c>
      <c r="AQ14847">
        <v>0</v>
      </c>
    </row>
    <row r="14848" spans="1:43">
      <c r="A14848" t="s">
        <v>9228</v>
      </c>
      <c r="B14848" t="s">
        <v>9229</v>
      </c>
      <c r="C14848" t="s">
        <v>9222</v>
      </c>
      <c r="D14848" t="s">
        <v>9223</v>
      </c>
      <c r="E14848" t="s">
        <v>9202</v>
      </c>
      <c r="F14848" t="s">
        <v>9203</v>
      </c>
      <c r="G14848" t="s">
        <v>80</v>
      </c>
      <c r="H14848" t="s">
        <v>81</v>
      </c>
      <c r="I14848" s="2">
        <v>0</v>
      </c>
      <c r="J14848" s="2">
        <v>1</v>
      </c>
      <c r="K14848" s="2">
        <v>0</v>
      </c>
      <c r="L14848" t="s">
        <v>82</v>
      </c>
      <c r="M14848" t="s">
        <v>89</v>
      </c>
      <c r="N14848" t="s">
        <v>90</v>
      </c>
      <c r="O14848" t="s">
        <v>85</v>
      </c>
      <c r="P14848" t="s">
        <v>86</v>
      </c>
      <c r="Q14848">
        <v>0</v>
      </c>
      <c r="R14848">
        <v>0</v>
      </c>
      <c r="S14848">
        <v>0</v>
      </c>
      <c r="T14848">
        <v>0</v>
      </c>
      <c r="U14848">
        <v>0</v>
      </c>
      <c r="V14848">
        <v>0</v>
      </c>
      <c r="W14848">
        <v>0</v>
      </c>
      <c r="X14848">
        <v>0</v>
      </c>
      <c r="Y14848">
        <v>0</v>
      </c>
      <c r="Z14848">
        <v>0</v>
      </c>
      <c r="AA14848">
        <v>0</v>
      </c>
      <c r="AB14848">
        <v>0</v>
      </c>
      <c r="AC14848">
        <v>0</v>
      </c>
      <c r="AD14848">
        <v>0</v>
      </c>
      <c r="AE14848">
        <v>0</v>
      </c>
      <c r="AF14848">
        <v>0</v>
      </c>
      <c r="AG14848">
        <v>0</v>
      </c>
      <c r="AH14848">
        <v>0</v>
      </c>
      <c r="AI14848">
        <v>0</v>
      </c>
      <c r="AJ14848">
        <v>0</v>
      </c>
      <c r="AK14848">
        <v>0</v>
      </c>
      <c r="AL14848">
        <v>0</v>
      </c>
      <c r="AM14848">
        <v>0</v>
      </c>
      <c r="AN14848">
        <v>0</v>
      </c>
      <c r="AO14848">
        <v>0</v>
      </c>
      <c r="AP14848">
        <v>0</v>
      </c>
      <c r="AQ14848">
        <v>0</v>
      </c>
    </row>
    <row r="14849" spans="1:43">
      <c r="A14849" t="s">
        <v>9228</v>
      </c>
      <c r="B14849" t="s">
        <v>9229</v>
      </c>
      <c r="C14849" t="s">
        <v>9222</v>
      </c>
      <c r="D14849" t="s">
        <v>9223</v>
      </c>
      <c r="E14849" t="s">
        <v>9202</v>
      </c>
      <c r="F14849" t="s">
        <v>9203</v>
      </c>
      <c r="G14849" t="s">
        <v>80</v>
      </c>
      <c r="H14849" t="s">
        <v>81</v>
      </c>
      <c r="I14849" s="2">
        <v>0</v>
      </c>
      <c r="J14849" s="2">
        <v>1</v>
      </c>
      <c r="K14849" s="2">
        <v>0</v>
      </c>
      <c r="L14849" t="s">
        <v>82</v>
      </c>
      <c r="M14849" t="s">
        <v>83</v>
      </c>
      <c r="N14849" t="s">
        <v>91</v>
      </c>
      <c r="O14849" t="s">
        <v>85</v>
      </c>
      <c r="P14849" t="s">
        <v>86</v>
      </c>
      <c r="Q14849">
        <v>0</v>
      </c>
      <c r="R14849">
        <v>0</v>
      </c>
      <c r="S14849">
        <v>0</v>
      </c>
      <c r="T14849">
        <v>0</v>
      </c>
      <c r="U14849">
        <v>0</v>
      </c>
      <c r="V14849">
        <v>0</v>
      </c>
      <c r="W14849">
        <v>0</v>
      </c>
      <c r="X14849">
        <v>0</v>
      </c>
      <c r="Y14849">
        <v>0</v>
      </c>
      <c r="Z14849">
        <v>0</v>
      </c>
      <c r="AA14849">
        <v>0</v>
      </c>
      <c r="AB14849">
        <v>0</v>
      </c>
      <c r="AC14849">
        <v>0</v>
      </c>
      <c r="AD14849">
        <v>0</v>
      </c>
      <c r="AE14849">
        <v>0</v>
      </c>
      <c r="AF14849">
        <v>0</v>
      </c>
      <c r="AG14849">
        <v>0</v>
      </c>
      <c r="AH14849">
        <v>0</v>
      </c>
      <c r="AI14849">
        <v>0</v>
      </c>
      <c r="AJ14849">
        <v>0</v>
      </c>
      <c r="AK14849">
        <v>0</v>
      </c>
      <c r="AL14849">
        <v>0</v>
      </c>
      <c r="AM14849">
        <v>0</v>
      </c>
      <c r="AN14849">
        <v>0</v>
      </c>
      <c r="AO14849">
        <v>0</v>
      </c>
      <c r="AP14849">
        <v>0</v>
      </c>
      <c r="AQ14849">
        <v>0</v>
      </c>
    </row>
    <row r="14850" spans="1:43">
      <c r="A14850" t="s">
        <v>9230</v>
      </c>
      <c r="B14850" t="s">
        <v>9231</v>
      </c>
      <c r="C14850" t="s">
        <v>9222</v>
      </c>
      <c r="D14850" t="s">
        <v>9223</v>
      </c>
      <c r="E14850" t="s">
        <v>9202</v>
      </c>
      <c r="F14850" t="s">
        <v>9203</v>
      </c>
      <c r="G14850" t="s">
        <v>80</v>
      </c>
      <c r="H14850" t="s">
        <v>81</v>
      </c>
      <c r="I14850" s="2">
        <v>0</v>
      </c>
      <c r="J14850" s="2">
        <v>1</v>
      </c>
      <c r="K14850" s="2">
        <v>0</v>
      </c>
      <c r="L14850" t="s">
        <v>82</v>
      </c>
      <c r="M14850" t="s">
        <v>83</v>
      </c>
      <c r="N14850" t="s">
        <v>84</v>
      </c>
      <c r="O14850" t="s">
        <v>85</v>
      </c>
      <c r="P14850" t="s">
        <v>86</v>
      </c>
      <c r="Q14850">
        <v>14</v>
      </c>
      <c r="R14850">
        <v>14</v>
      </c>
      <c r="S14850">
        <v>15</v>
      </c>
      <c r="T14850">
        <v>15</v>
      </c>
      <c r="U14850">
        <v>15</v>
      </c>
      <c r="V14850">
        <v>16</v>
      </c>
      <c r="W14850">
        <v>16</v>
      </c>
      <c r="X14850">
        <v>16</v>
      </c>
      <c r="Y14850">
        <v>17</v>
      </c>
      <c r="Z14850">
        <v>17</v>
      </c>
      <c r="AA14850">
        <v>18</v>
      </c>
      <c r="AB14850">
        <v>18</v>
      </c>
      <c r="AC14850">
        <v>18</v>
      </c>
      <c r="AD14850">
        <v>19</v>
      </c>
      <c r="AE14850">
        <v>19</v>
      </c>
      <c r="AF14850">
        <v>19</v>
      </c>
      <c r="AG14850">
        <v>20</v>
      </c>
      <c r="AH14850">
        <v>20</v>
      </c>
      <c r="AI14850">
        <v>21</v>
      </c>
      <c r="AJ14850">
        <v>21</v>
      </c>
      <c r="AK14850">
        <v>21</v>
      </c>
      <c r="AL14850">
        <v>22</v>
      </c>
      <c r="AM14850">
        <v>22</v>
      </c>
      <c r="AN14850">
        <v>22</v>
      </c>
      <c r="AO14850">
        <v>22</v>
      </c>
      <c r="AP14850">
        <v>22</v>
      </c>
      <c r="AQ14850">
        <v>23</v>
      </c>
    </row>
    <row r="14851" spans="1:43">
      <c r="A14851" t="s">
        <v>9230</v>
      </c>
      <c r="B14851" t="s">
        <v>9231</v>
      </c>
      <c r="C14851" t="s">
        <v>9222</v>
      </c>
      <c r="D14851" t="s">
        <v>9223</v>
      </c>
      <c r="E14851" t="s">
        <v>9202</v>
      </c>
      <c r="F14851" t="s">
        <v>9203</v>
      </c>
      <c r="G14851" t="s">
        <v>80</v>
      </c>
      <c r="H14851" t="s">
        <v>81</v>
      </c>
      <c r="I14851" s="2">
        <v>0</v>
      </c>
      <c r="J14851" s="2">
        <v>1</v>
      </c>
      <c r="K14851" s="2">
        <v>0</v>
      </c>
      <c r="L14851" t="s">
        <v>82</v>
      </c>
      <c r="M14851" t="s">
        <v>87</v>
      </c>
      <c r="N14851" t="s">
        <v>88</v>
      </c>
      <c r="O14851" t="s">
        <v>85</v>
      </c>
      <c r="P14851" t="s">
        <v>86</v>
      </c>
      <c r="Q14851">
        <v>14</v>
      </c>
      <c r="R14851">
        <v>14</v>
      </c>
      <c r="S14851">
        <v>14</v>
      </c>
      <c r="T14851">
        <v>14</v>
      </c>
      <c r="U14851">
        <v>15</v>
      </c>
      <c r="V14851">
        <v>15</v>
      </c>
      <c r="W14851">
        <v>15</v>
      </c>
      <c r="X14851">
        <v>15</v>
      </c>
      <c r="Y14851">
        <v>16</v>
      </c>
      <c r="Z14851">
        <v>16</v>
      </c>
      <c r="AA14851">
        <v>16</v>
      </c>
      <c r="AB14851">
        <v>16</v>
      </c>
      <c r="AC14851">
        <v>16</v>
      </c>
      <c r="AD14851">
        <v>17</v>
      </c>
      <c r="AE14851">
        <v>17</v>
      </c>
      <c r="AF14851">
        <v>17</v>
      </c>
      <c r="AG14851">
        <v>17</v>
      </c>
      <c r="AH14851">
        <v>18</v>
      </c>
      <c r="AI14851">
        <v>18</v>
      </c>
      <c r="AJ14851">
        <v>18</v>
      </c>
      <c r="AK14851">
        <v>18</v>
      </c>
      <c r="AL14851">
        <v>18</v>
      </c>
      <c r="AM14851">
        <v>19</v>
      </c>
      <c r="AN14851">
        <v>19</v>
      </c>
      <c r="AO14851">
        <v>19</v>
      </c>
      <c r="AP14851">
        <v>19</v>
      </c>
      <c r="AQ14851">
        <v>20</v>
      </c>
    </row>
    <row r="14852" spans="1:43">
      <c r="A14852" t="s">
        <v>9230</v>
      </c>
      <c r="B14852" t="s">
        <v>9231</v>
      </c>
      <c r="C14852" t="s">
        <v>9222</v>
      </c>
      <c r="D14852" t="s">
        <v>9223</v>
      </c>
      <c r="E14852" t="s">
        <v>9202</v>
      </c>
      <c r="F14852" t="s">
        <v>9203</v>
      </c>
      <c r="G14852" t="s">
        <v>80</v>
      </c>
      <c r="H14852" t="s">
        <v>81</v>
      </c>
      <c r="I14852" s="2">
        <v>0</v>
      </c>
      <c r="J14852" s="2">
        <v>1</v>
      </c>
      <c r="K14852" s="2">
        <v>0</v>
      </c>
      <c r="L14852" t="s">
        <v>82</v>
      </c>
      <c r="M14852" t="s">
        <v>89</v>
      </c>
      <c r="N14852" t="s">
        <v>90</v>
      </c>
      <c r="O14852" t="s">
        <v>85</v>
      </c>
      <c r="P14852" t="s">
        <v>86</v>
      </c>
      <c r="Q14852">
        <v>14</v>
      </c>
      <c r="R14852">
        <v>15</v>
      </c>
      <c r="S14852">
        <v>15</v>
      </c>
      <c r="T14852">
        <v>16</v>
      </c>
      <c r="U14852">
        <v>16</v>
      </c>
      <c r="V14852">
        <v>16</v>
      </c>
      <c r="W14852">
        <v>17</v>
      </c>
      <c r="X14852">
        <v>17</v>
      </c>
      <c r="Y14852">
        <v>18</v>
      </c>
      <c r="Z14852">
        <v>18</v>
      </c>
      <c r="AA14852">
        <v>19</v>
      </c>
      <c r="AB14852">
        <v>19</v>
      </c>
      <c r="AC14852">
        <v>20</v>
      </c>
      <c r="AD14852">
        <v>20</v>
      </c>
      <c r="AE14852">
        <v>20</v>
      </c>
      <c r="AF14852">
        <v>21</v>
      </c>
      <c r="AG14852">
        <v>21</v>
      </c>
      <c r="AH14852">
        <v>21</v>
      </c>
      <c r="AI14852">
        <v>21</v>
      </c>
      <c r="AJ14852">
        <v>21</v>
      </c>
      <c r="AK14852">
        <v>22</v>
      </c>
      <c r="AL14852">
        <v>22</v>
      </c>
      <c r="AM14852">
        <v>22</v>
      </c>
      <c r="AN14852">
        <v>22</v>
      </c>
      <c r="AO14852">
        <v>22</v>
      </c>
      <c r="AP14852">
        <v>23</v>
      </c>
      <c r="AQ14852">
        <v>23</v>
      </c>
    </row>
    <row r="14853" spans="1:43">
      <c r="A14853" t="s">
        <v>9230</v>
      </c>
      <c r="B14853" t="s">
        <v>9231</v>
      </c>
      <c r="C14853" t="s">
        <v>9222</v>
      </c>
      <c r="D14853" t="s">
        <v>9223</v>
      </c>
      <c r="E14853" t="s">
        <v>9202</v>
      </c>
      <c r="F14853" t="s">
        <v>9203</v>
      </c>
      <c r="G14853" t="s">
        <v>80</v>
      </c>
      <c r="H14853" t="s">
        <v>81</v>
      </c>
      <c r="I14853" s="2">
        <v>0</v>
      </c>
      <c r="J14853" s="2">
        <v>1</v>
      </c>
      <c r="K14853" s="2">
        <v>0</v>
      </c>
      <c r="L14853" t="s">
        <v>82</v>
      </c>
      <c r="M14853" t="s">
        <v>83</v>
      </c>
      <c r="N14853" t="s">
        <v>91</v>
      </c>
      <c r="O14853" t="s">
        <v>85</v>
      </c>
      <c r="P14853" t="s">
        <v>86</v>
      </c>
      <c r="Q14853">
        <v>14</v>
      </c>
      <c r="R14853">
        <v>14</v>
      </c>
      <c r="S14853">
        <v>15</v>
      </c>
      <c r="T14853">
        <v>15</v>
      </c>
      <c r="U14853">
        <v>15</v>
      </c>
      <c r="V14853">
        <v>16</v>
      </c>
      <c r="W14853">
        <v>16</v>
      </c>
      <c r="X14853">
        <v>16</v>
      </c>
      <c r="Y14853">
        <v>17</v>
      </c>
      <c r="Z14853">
        <v>17</v>
      </c>
      <c r="AA14853">
        <v>18</v>
      </c>
      <c r="AB14853">
        <v>18</v>
      </c>
      <c r="AC14853">
        <v>18</v>
      </c>
      <c r="AD14853">
        <v>19</v>
      </c>
      <c r="AE14853">
        <v>19</v>
      </c>
      <c r="AF14853">
        <v>19</v>
      </c>
      <c r="AG14853">
        <v>20</v>
      </c>
      <c r="AH14853">
        <v>20</v>
      </c>
      <c r="AI14853">
        <v>21</v>
      </c>
      <c r="AJ14853">
        <v>21</v>
      </c>
      <c r="AK14853">
        <v>21</v>
      </c>
      <c r="AL14853">
        <v>22</v>
      </c>
      <c r="AM14853">
        <v>22</v>
      </c>
      <c r="AN14853">
        <v>22</v>
      </c>
      <c r="AO14853">
        <v>22</v>
      </c>
      <c r="AP14853">
        <v>22</v>
      </c>
      <c r="AQ14853">
        <v>23</v>
      </c>
    </row>
    <row r="14854" spans="1:43">
      <c r="A14854" t="s">
        <v>9232</v>
      </c>
      <c r="B14854" t="s">
        <v>9233</v>
      </c>
      <c r="C14854" t="s">
        <v>9222</v>
      </c>
      <c r="D14854" t="s">
        <v>9223</v>
      </c>
      <c r="E14854" t="s">
        <v>9202</v>
      </c>
      <c r="F14854" t="s">
        <v>9203</v>
      </c>
      <c r="G14854" t="s">
        <v>80</v>
      </c>
      <c r="H14854" t="s">
        <v>81</v>
      </c>
      <c r="I14854" s="2">
        <v>0</v>
      </c>
      <c r="J14854" s="2">
        <v>1</v>
      </c>
      <c r="K14854" s="2">
        <v>0</v>
      </c>
      <c r="L14854" t="s">
        <v>82</v>
      </c>
      <c r="M14854" t="s">
        <v>83</v>
      </c>
      <c r="N14854" t="s">
        <v>84</v>
      </c>
      <c r="O14854" t="s">
        <v>85</v>
      </c>
      <c r="P14854" t="s">
        <v>86</v>
      </c>
      <c r="Q14854">
        <v>59</v>
      </c>
      <c r="R14854">
        <v>60</v>
      </c>
      <c r="S14854">
        <v>62</v>
      </c>
      <c r="T14854">
        <v>63</v>
      </c>
      <c r="U14854">
        <v>65</v>
      </c>
      <c r="V14854">
        <v>66</v>
      </c>
      <c r="W14854">
        <v>68</v>
      </c>
      <c r="X14854">
        <v>69</v>
      </c>
      <c r="Y14854">
        <v>71</v>
      </c>
      <c r="Z14854">
        <v>72</v>
      </c>
      <c r="AA14854">
        <v>74</v>
      </c>
      <c r="AB14854">
        <v>75</v>
      </c>
      <c r="AC14854">
        <v>77</v>
      </c>
      <c r="AD14854">
        <v>78</v>
      </c>
      <c r="AE14854">
        <v>80</v>
      </c>
      <c r="AF14854">
        <v>81</v>
      </c>
      <c r="AG14854">
        <v>83</v>
      </c>
      <c r="AH14854">
        <v>85</v>
      </c>
      <c r="AI14854">
        <v>86</v>
      </c>
      <c r="AJ14854">
        <v>88</v>
      </c>
      <c r="AK14854">
        <v>90</v>
      </c>
      <c r="AL14854">
        <v>91</v>
      </c>
      <c r="AM14854">
        <v>92</v>
      </c>
      <c r="AN14854">
        <v>93</v>
      </c>
      <c r="AO14854">
        <v>93</v>
      </c>
      <c r="AP14854">
        <v>94</v>
      </c>
      <c r="AQ14854">
        <v>95</v>
      </c>
    </row>
    <row r="14855" spans="1:43">
      <c r="A14855" t="s">
        <v>9232</v>
      </c>
      <c r="B14855" t="s">
        <v>9233</v>
      </c>
      <c r="C14855" t="s">
        <v>9222</v>
      </c>
      <c r="D14855" t="s">
        <v>9223</v>
      </c>
      <c r="E14855" t="s">
        <v>9202</v>
      </c>
      <c r="F14855" t="s">
        <v>9203</v>
      </c>
      <c r="G14855" t="s">
        <v>80</v>
      </c>
      <c r="H14855" t="s">
        <v>81</v>
      </c>
      <c r="I14855" s="2">
        <v>0</v>
      </c>
      <c r="J14855" s="2">
        <v>1</v>
      </c>
      <c r="K14855" s="2">
        <v>0</v>
      </c>
      <c r="L14855" t="s">
        <v>82</v>
      </c>
      <c r="M14855" t="s">
        <v>87</v>
      </c>
      <c r="N14855" t="s">
        <v>88</v>
      </c>
      <c r="O14855" t="s">
        <v>85</v>
      </c>
      <c r="P14855" t="s">
        <v>86</v>
      </c>
      <c r="Q14855">
        <v>59</v>
      </c>
      <c r="R14855">
        <v>60</v>
      </c>
      <c r="S14855">
        <v>61</v>
      </c>
      <c r="T14855">
        <v>62</v>
      </c>
      <c r="U14855">
        <v>63</v>
      </c>
      <c r="V14855">
        <v>64</v>
      </c>
      <c r="W14855">
        <v>64</v>
      </c>
      <c r="X14855">
        <v>65</v>
      </c>
      <c r="Y14855">
        <v>66</v>
      </c>
      <c r="Z14855">
        <v>67</v>
      </c>
      <c r="AA14855">
        <v>68</v>
      </c>
      <c r="AB14855">
        <v>69</v>
      </c>
      <c r="AC14855">
        <v>70</v>
      </c>
      <c r="AD14855">
        <v>71</v>
      </c>
      <c r="AE14855">
        <v>72</v>
      </c>
      <c r="AF14855">
        <v>73</v>
      </c>
      <c r="AG14855">
        <v>74</v>
      </c>
      <c r="AH14855">
        <v>75</v>
      </c>
      <c r="AI14855">
        <v>76</v>
      </c>
      <c r="AJ14855">
        <v>77</v>
      </c>
      <c r="AK14855">
        <v>77</v>
      </c>
      <c r="AL14855">
        <v>78</v>
      </c>
      <c r="AM14855">
        <v>79</v>
      </c>
      <c r="AN14855">
        <v>80</v>
      </c>
      <c r="AO14855">
        <v>81</v>
      </c>
      <c r="AP14855">
        <v>83</v>
      </c>
      <c r="AQ14855">
        <v>84</v>
      </c>
    </row>
    <row r="14856" spans="1:43">
      <c r="A14856" t="s">
        <v>9232</v>
      </c>
      <c r="B14856" t="s">
        <v>9233</v>
      </c>
      <c r="C14856" t="s">
        <v>9222</v>
      </c>
      <c r="D14856" t="s">
        <v>9223</v>
      </c>
      <c r="E14856" t="s">
        <v>9202</v>
      </c>
      <c r="F14856" t="s">
        <v>9203</v>
      </c>
      <c r="G14856" t="s">
        <v>80</v>
      </c>
      <c r="H14856" t="s">
        <v>81</v>
      </c>
      <c r="I14856" s="2">
        <v>0</v>
      </c>
      <c r="J14856" s="2">
        <v>1</v>
      </c>
      <c r="K14856" s="2">
        <v>0</v>
      </c>
      <c r="L14856" t="s">
        <v>82</v>
      </c>
      <c r="M14856" t="s">
        <v>89</v>
      </c>
      <c r="N14856" t="s">
        <v>90</v>
      </c>
      <c r="O14856" t="s">
        <v>85</v>
      </c>
      <c r="P14856" t="s">
        <v>86</v>
      </c>
      <c r="Q14856">
        <v>59</v>
      </c>
      <c r="R14856">
        <v>61</v>
      </c>
      <c r="S14856">
        <v>63</v>
      </c>
      <c r="T14856">
        <v>65</v>
      </c>
      <c r="U14856">
        <v>67</v>
      </c>
      <c r="V14856">
        <v>69</v>
      </c>
      <c r="W14856">
        <v>71</v>
      </c>
      <c r="X14856">
        <v>73</v>
      </c>
      <c r="Y14856">
        <v>75</v>
      </c>
      <c r="Z14856">
        <v>77</v>
      </c>
      <c r="AA14856">
        <v>78</v>
      </c>
      <c r="AB14856">
        <v>80</v>
      </c>
      <c r="AC14856">
        <v>82</v>
      </c>
      <c r="AD14856">
        <v>84</v>
      </c>
      <c r="AE14856">
        <v>86</v>
      </c>
      <c r="AF14856">
        <v>86</v>
      </c>
      <c r="AG14856">
        <v>87</v>
      </c>
      <c r="AH14856">
        <v>88</v>
      </c>
      <c r="AI14856">
        <v>89</v>
      </c>
      <c r="AJ14856">
        <v>90</v>
      </c>
      <c r="AK14856">
        <v>91</v>
      </c>
      <c r="AL14856">
        <v>92</v>
      </c>
      <c r="AM14856">
        <v>92</v>
      </c>
      <c r="AN14856">
        <v>93</v>
      </c>
      <c r="AO14856">
        <v>94</v>
      </c>
      <c r="AP14856">
        <v>95</v>
      </c>
      <c r="AQ14856">
        <v>96</v>
      </c>
    </row>
    <row r="14857" spans="1:43">
      <c r="A14857" t="s">
        <v>9232</v>
      </c>
      <c r="B14857" t="s">
        <v>9233</v>
      </c>
      <c r="C14857" t="s">
        <v>9222</v>
      </c>
      <c r="D14857" t="s">
        <v>9223</v>
      </c>
      <c r="E14857" t="s">
        <v>9202</v>
      </c>
      <c r="F14857" t="s">
        <v>9203</v>
      </c>
      <c r="G14857" t="s">
        <v>80</v>
      </c>
      <c r="H14857" t="s">
        <v>81</v>
      </c>
      <c r="I14857" s="2">
        <v>0</v>
      </c>
      <c r="J14857" s="2">
        <v>1</v>
      </c>
      <c r="K14857" s="2">
        <v>0</v>
      </c>
      <c r="L14857" t="s">
        <v>82</v>
      </c>
      <c r="M14857" t="s">
        <v>83</v>
      </c>
      <c r="N14857" t="s">
        <v>91</v>
      </c>
      <c r="O14857" t="s">
        <v>85</v>
      </c>
      <c r="P14857" t="s">
        <v>86</v>
      </c>
      <c r="Q14857">
        <v>59</v>
      </c>
      <c r="R14857">
        <v>60</v>
      </c>
      <c r="S14857">
        <v>62</v>
      </c>
      <c r="T14857">
        <v>63</v>
      </c>
      <c r="U14857">
        <v>65</v>
      </c>
      <c r="V14857">
        <v>66</v>
      </c>
      <c r="W14857">
        <v>68</v>
      </c>
      <c r="X14857">
        <v>69</v>
      </c>
      <c r="Y14857">
        <v>71</v>
      </c>
      <c r="Z14857">
        <v>72</v>
      </c>
      <c r="AA14857">
        <v>74</v>
      </c>
      <c r="AB14857">
        <v>75</v>
      </c>
      <c r="AC14857">
        <v>77</v>
      </c>
      <c r="AD14857">
        <v>78</v>
      </c>
      <c r="AE14857">
        <v>80</v>
      </c>
      <c r="AF14857">
        <v>81</v>
      </c>
      <c r="AG14857">
        <v>83</v>
      </c>
      <c r="AH14857">
        <v>85</v>
      </c>
      <c r="AI14857">
        <v>86</v>
      </c>
      <c r="AJ14857">
        <v>88</v>
      </c>
      <c r="AK14857">
        <v>90</v>
      </c>
      <c r="AL14857">
        <v>91</v>
      </c>
      <c r="AM14857">
        <v>92</v>
      </c>
      <c r="AN14857">
        <v>93</v>
      </c>
      <c r="AO14857">
        <v>93</v>
      </c>
      <c r="AP14857">
        <v>94</v>
      </c>
      <c r="AQ14857">
        <v>95</v>
      </c>
    </row>
    <row r="14858" spans="1:43">
      <c r="A14858" t="s">
        <v>9234</v>
      </c>
      <c r="B14858" t="s">
        <v>9235</v>
      </c>
      <c r="C14858" t="s">
        <v>9222</v>
      </c>
      <c r="D14858" t="s">
        <v>9223</v>
      </c>
      <c r="E14858" t="s">
        <v>9202</v>
      </c>
      <c r="F14858" t="s">
        <v>9203</v>
      </c>
      <c r="G14858" t="s">
        <v>80</v>
      </c>
      <c r="H14858" t="s">
        <v>81</v>
      </c>
      <c r="I14858" s="2">
        <v>0</v>
      </c>
      <c r="J14858" s="2">
        <v>1</v>
      </c>
      <c r="K14858" s="2">
        <v>0</v>
      </c>
      <c r="L14858" t="s">
        <v>82</v>
      </c>
      <c r="M14858" t="s">
        <v>83</v>
      </c>
      <c r="N14858" t="s">
        <v>84</v>
      </c>
      <c r="O14858" t="s">
        <v>85</v>
      </c>
      <c r="P14858" t="s">
        <v>86</v>
      </c>
      <c r="Q14858">
        <v>27</v>
      </c>
      <c r="R14858">
        <v>27</v>
      </c>
      <c r="S14858">
        <v>28</v>
      </c>
      <c r="T14858">
        <v>29</v>
      </c>
      <c r="U14858">
        <v>29</v>
      </c>
      <c r="V14858">
        <v>30</v>
      </c>
      <c r="W14858">
        <v>31</v>
      </c>
      <c r="X14858">
        <v>31</v>
      </c>
      <c r="Y14858">
        <v>32</v>
      </c>
      <c r="Z14858">
        <v>33</v>
      </c>
      <c r="AA14858">
        <v>34</v>
      </c>
      <c r="AB14858">
        <v>34</v>
      </c>
      <c r="AC14858">
        <v>35</v>
      </c>
      <c r="AD14858">
        <v>36</v>
      </c>
      <c r="AE14858">
        <v>36</v>
      </c>
      <c r="AF14858">
        <v>37</v>
      </c>
      <c r="AG14858">
        <v>38</v>
      </c>
      <c r="AH14858">
        <v>39</v>
      </c>
      <c r="AI14858">
        <v>39</v>
      </c>
      <c r="AJ14858">
        <v>40</v>
      </c>
      <c r="AK14858">
        <v>41</v>
      </c>
      <c r="AL14858">
        <v>41</v>
      </c>
      <c r="AM14858">
        <v>42</v>
      </c>
      <c r="AN14858">
        <v>42</v>
      </c>
      <c r="AO14858">
        <v>43</v>
      </c>
      <c r="AP14858">
        <v>43</v>
      </c>
      <c r="AQ14858">
        <v>43</v>
      </c>
    </row>
    <row r="14859" spans="1:43">
      <c r="A14859" t="s">
        <v>9234</v>
      </c>
      <c r="B14859" t="s">
        <v>9235</v>
      </c>
      <c r="C14859" t="s">
        <v>9222</v>
      </c>
      <c r="D14859" t="s">
        <v>9223</v>
      </c>
      <c r="E14859" t="s">
        <v>9202</v>
      </c>
      <c r="F14859" t="s">
        <v>9203</v>
      </c>
      <c r="G14859" t="s">
        <v>80</v>
      </c>
      <c r="H14859" t="s">
        <v>81</v>
      </c>
      <c r="I14859" s="2">
        <v>0</v>
      </c>
      <c r="J14859" s="2">
        <v>1</v>
      </c>
      <c r="K14859" s="2">
        <v>0</v>
      </c>
      <c r="L14859" t="s">
        <v>82</v>
      </c>
      <c r="M14859" t="s">
        <v>87</v>
      </c>
      <c r="N14859" t="s">
        <v>88</v>
      </c>
      <c r="O14859" t="s">
        <v>85</v>
      </c>
      <c r="P14859" t="s">
        <v>86</v>
      </c>
      <c r="Q14859">
        <v>27</v>
      </c>
      <c r="R14859">
        <v>27</v>
      </c>
      <c r="S14859">
        <v>27</v>
      </c>
      <c r="T14859">
        <v>28</v>
      </c>
      <c r="U14859">
        <v>28</v>
      </c>
      <c r="V14859">
        <v>29</v>
      </c>
      <c r="W14859">
        <v>29</v>
      </c>
      <c r="X14859">
        <v>29</v>
      </c>
      <c r="Y14859">
        <v>30</v>
      </c>
      <c r="Z14859">
        <v>30</v>
      </c>
      <c r="AA14859">
        <v>31</v>
      </c>
      <c r="AB14859">
        <v>31</v>
      </c>
      <c r="AC14859">
        <v>31</v>
      </c>
      <c r="AD14859">
        <v>32</v>
      </c>
      <c r="AE14859">
        <v>32</v>
      </c>
      <c r="AF14859">
        <v>33</v>
      </c>
      <c r="AG14859">
        <v>33</v>
      </c>
      <c r="AH14859">
        <v>33</v>
      </c>
      <c r="AI14859">
        <v>34</v>
      </c>
      <c r="AJ14859">
        <v>34</v>
      </c>
      <c r="AK14859">
        <v>35</v>
      </c>
      <c r="AL14859">
        <v>35</v>
      </c>
      <c r="AM14859">
        <v>36</v>
      </c>
      <c r="AN14859">
        <v>36</v>
      </c>
      <c r="AO14859">
        <v>37</v>
      </c>
      <c r="AP14859">
        <v>37</v>
      </c>
      <c r="AQ14859">
        <v>38</v>
      </c>
    </row>
    <row r="14860" spans="1:43">
      <c r="A14860" t="s">
        <v>9234</v>
      </c>
      <c r="B14860" t="s">
        <v>9235</v>
      </c>
      <c r="C14860" t="s">
        <v>9222</v>
      </c>
      <c r="D14860" t="s">
        <v>9223</v>
      </c>
      <c r="E14860" t="s">
        <v>9202</v>
      </c>
      <c r="F14860" t="s">
        <v>9203</v>
      </c>
      <c r="G14860" t="s">
        <v>80</v>
      </c>
      <c r="H14860" t="s">
        <v>81</v>
      </c>
      <c r="I14860" s="2">
        <v>0</v>
      </c>
      <c r="J14860" s="2">
        <v>1</v>
      </c>
      <c r="K14860" s="2">
        <v>0</v>
      </c>
      <c r="L14860" t="s">
        <v>82</v>
      </c>
      <c r="M14860" t="s">
        <v>89</v>
      </c>
      <c r="N14860" t="s">
        <v>90</v>
      </c>
      <c r="O14860" t="s">
        <v>85</v>
      </c>
      <c r="P14860" t="s">
        <v>86</v>
      </c>
      <c r="Q14860">
        <v>27</v>
      </c>
      <c r="R14860">
        <v>28</v>
      </c>
      <c r="S14860">
        <v>29</v>
      </c>
      <c r="T14860">
        <v>30</v>
      </c>
      <c r="U14860">
        <v>31</v>
      </c>
      <c r="V14860">
        <v>31</v>
      </c>
      <c r="W14860">
        <v>32</v>
      </c>
      <c r="X14860">
        <v>33</v>
      </c>
      <c r="Y14860">
        <v>34</v>
      </c>
      <c r="Z14860">
        <v>35</v>
      </c>
      <c r="AA14860">
        <v>36</v>
      </c>
      <c r="AB14860">
        <v>37</v>
      </c>
      <c r="AC14860">
        <v>37</v>
      </c>
      <c r="AD14860">
        <v>38</v>
      </c>
      <c r="AE14860">
        <v>39</v>
      </c>
      <c r="AF14860">
        <v>39</v>
      </c>
      <c r="AG14860">
        <v>40</v>
      </c>
      <c r="AH14860">
        <v>40</v>
      </c>
      <c r="AI14860">
        <v>41</v>
      </c>
      <c r="AJ14860">
        <v>41</v>
      </c>
      <c r="AK14860">
        <v>41</v>
      </c>
      <c r="AL14860">
        <v>42</v>
      </c>
      <c r="AM14860">
        <v>42</v>
      </c>
      <c r="AN14860">
        <v>42</v>
      </c>
      <c r="AO14860">
        <v>43</v>
      </c>
      <c r="AP14860">
        <v>43</v>
      </c>
      <c r="AQ14860">
        <v>44</v>
      </c>
    </row>
    <row r="14861" spans="1:43">
      <c r="A14861" t="s">
        <v>9234</v>
      </c>
      <c r="B14861" t="s">
        <v>9235</v>
      </c>
      <c r="C14861" t="s">
        <v>9222</v>
      </c>
      <c r="D14861" t="s">
        <v>9223</v>
      </c>
      <c r="E14861" t="s">
        <v>9202</v>
      </c>
      <c r="F14861" t="s">
        <v>9203</v>
      </c>
      <c r="G14861" t="s">
        <v>80</v>
      </c>
      <c r="H14861" t="s">
        <v>81</v>
      </c>
      <c r="I14861" s="2">
        <v>0</v>
      </c>
      <c r="J14861" s="2">
        <v>1</v>
      </c>
      <c r="K14861" s="2">
        <v>0</v>
      </c>
      <c r="L14861" t="s">
        <v>82</v>
      </c>
      <c r="M14861" t="s">
        <v>83</v>
      </c>
      <c r="N14861" t="s">
        <v>91</v>
      </c>
      <c r="O14861" t="s">
        <v>85</v>
      </c>
      <c r="P14861" t="s">
        <v>86</v>
      </c>
      <c r="Q14861">
        <v>27</v>
      </c>
      <c r="R14861">
        <v>27</v>
      </c>
      <c r="S14861">
        <v>28</v>
      </c>
      <c r="T14861">
        <v>29</v>
      </c>
      <c r="U14861">
        <v>29</v>
      </c>
      <c r="V14861">
        <v>30</v>
      </c>
      <c r="W14861">
        <v>31</v>
      </c>
      <c r="X14861">
        <v>31</v>
      </c>
      <c r="Y14861">
        <v>32</v>
      </c>
      <c r="Z14861">
        <v>33</v>
      </c>
      <c r="AA14861">
        <v>34</v>
      </c>
      <c r="AB14861">
        <v>34</v>
      </c>
      <c r="AC14861">
        <v>35</v>
      </c>
      <c r="AD14861">
        <v>36</v>
      </c>
      <c r="AE14861">
        <v>36</v>
      </c>
      <c r="AF14861">
        <v>37</v>
      </c>
      <c r="AG14861">
        <v>38</v>
      </c>
      <c r="AH14861">
        <v>39</v>
      </c>
      <c r="AI14861">
        <v>39</v>
      </c>
      <c r="AJ14861">
        <v>40</v>
      </c>
      <c r="AK14861">
        <v>41</v>
      </c>
      <c r="AL14861">
        <v>41</v>
      </c>
      <c r="AM14861">
        <v>42</v>
      </c>
      <c r="AN14861">
        <v>42</v>
      </c>
      <c r="AO14861">
        <v>43</v>
      </c>
      <c r="AP14861">
        <v>43</v>
      </c>
      <c r="AQ14861">
        <v>43</v>
      </c>
    </row>
    <row r="14862" spans="1:43">
      <c r="A14862" t="s">
        <v>9236</v>
      </c>
      <c r="B14862" t="s">
        <v>9237</v>
      </c>
      <c r="C14862" t="s">
        <v>9222</v>
      </c>
      <c r="D14862" t="s">
        <v>9223</v>
      </c>
      <c r="E14862" t="s">
        <v>9202</v>
      </c>
      <c r="F14862" t="s">
        <v>9203</v>
      </c>
      <c r="G14862" t="s">
        <v>80</v>
      </c>
      <c r="H14862" t="s">
        <v>81</v>
      </c>
      <c r="I14862" s="2">
        <v>0</v>
      </c>
      <c r="J14862" s="2">
        <v>1</v>
      </c>
      <c r="K14862" s="2">
        <v>0</v>
      </c>
      <c r="L14862" t="s">
        <v>82</v>
      </c>
      <c r="M14862" t="s">
        <v>83</v>
      </c>
      <c r="N14862" t="s">
        <v>84</v>
      </c>
      <c r="O14862" t="s">
        <v>85</v>
      </c>
      <c r="P14862" t="s">
        <v>86</v>
      </c>
      <c r="Q14862">
        <v>35</v>
      </c>
      <c r="R14862">
        <v>36</v>
      </c>
      <c r="S14862">
        <v>37</v>
      </c>
      <c r="T14862">
        <v>37</v>
      </c>
      <c r="U14862">
        <v>38</v>
      </c>
      <c r="V14862">
        <v>39</v>
      </c>
      <c r="W14862">
        <v>40</v>
      </c>
      <c r="X14862">
        <v>41</v>
      </c>
      <c r="Y14862">
        <v>42</v>
      </c>
      <c r="Z14862">
        <v>43</v>
      </c>
      <c r="AA14862">
        <v>44</v>
      </c>
      <c r="AB14862">
        <v>45</v>
      </c>
      <c r="AC14862">
        <v>46</v>
      </c>
      <c r="AD14862">
        <v>46</v>
      </c>
      <c r="AE14862">
        <v>47</v>
      </c>
      <c r="AF14862">
        <v>48</v>
      </c>
      <c r="AG14862">
        <v>49</v>
      </c>
      <c r="AH14862">
        <v>50</v>
      </c>
      <c r="AI14862">
        <v>51</v>
      </c>
      <c r="AJ14862">
        <v>52</v>
      </c>
      <c r="AK14862">
        <v>53</v>
      </c>
      <c r="AL14862">
        <v>54</v>
      </c>
      <c r="AM14862">
        <v>54</v>
      </c>
      <c r="AN14862">
        <v>55</v>
      </c>
      <c r="AO14862">
        <v>55</v>
      </c>
      <c r="AP14862">
        <v>56</v>
      </c>
      <c r="AQ14862">
        <v>56</v>
      </c>
    </row>
    <row r="14863" spans="1:43">
      <c r="A14863" t="s">
        <v>9236</v>
      </c>
      <c r="B14863" t="s">
        <v>9237</v>
      </c>
      <c r="C14863" t="s">
        <v>9222</v>
      </c>
      <c r="D14863" t="s">
        <v>9223</v>
      </c>
      <c r="E14863" t="s">
        <v>9202</v>
      </c>
      <c r="F14863" t="s">
        <v>9203</v>
      </c>
      <c r="G14863" t="s">
        <v>80</v>
      </c>
      <c r="H14863" t="s">
        <v>81</v>
      </c>
      <c r="I14863" s="2">
        <v>0</v>
      </c>
      <c r="J14863" s="2">
        <v>1</v>
      </c>
      <c r="K14863" s="2">
        <v>0</v>
      </c>
      <c r="L14863" t="s">
        <v>82</v>
      </c>
      <c r="M14863" t="s">
        <v>87</v>
      </c>
      <c r="N14863" t="s">
        <v>88</v>
      </c>
      <c r="O14863" t="s">
        <v>85</v>
      </c>
      <c r="P14863" t="s">
        <v>86</v>
      </c>
      <c r="Q14863">
        <v>35</v>
      </c>
      <c r="R14863">
        <v>35</v>
      </c>
      <c r="S14863">
        <v>36</v>
      </c>
      <c r="T14863">
        <v>36</v>
      </c>
      <c r="U14863">
        <v>37</v>
      </c>
      <c r="V14863">
        <v>37</v>
      </c>
      <c r="W14863">
        <v>38</v>
      </c>
      <c r="X14863">
        <v>38</v>
      </c>
      <c r="Y14863">
        <v>39</v>
      </c>
      <c r="Z14863">
        <v>39</v>
      </c>
      <c r="AA14863">
        <v>40</v>
      </c>
      <c r="AB14863">
        <v>40</v>
      </c>
      <c r="AC14863">
        <v>41</v>
      </c>
      <c r="AD14863">
        <v>41</v>
      </c>
      <c r="AE14863">
        <v>42</v>
      </c>
      <c r="AF14863">
        <v>43</v>
      </c>
      <c r="AG14863">
        <v>43</v>
      </c>
      <c r="AH14863">
        <v>44</v>
      </c>
      <c r="AI14863">
        <v>44</v>
      </c>
      <c r="AJ14863">
        <v>45</v>
      </c>
      <c r="AK14863">
        <v>45</v>
      </c>
      <c r="AL14863">
        <v>46</v>
      </c>
      <c r="AM14863">
        <v>47</v>
      </c>
      <c r="AN14863">
        <v>47</v>
      </c>
      <c r="AO14863">
        <v>48</v>
      </c>
      <c r="AP14863">
        <v>48</v>
      </c>
      <c r="AQ14863">
        <v>49</v>
      </c>
    </row>
    <row r="14864" spans="1:43">
      <c r="A14864" t="s">
        <v>9236</v>
      </c>
      <c r="B14864" t="s">
        <v>9237</v>
      </c>
      <c r="C14864" t="s">
        <v>9222</v>
      </c>
      <c r="D14864" t="s">
        <v>9223</v>
      </c>
      <c r="E14864" t="s">
        <v>9202</v>
      </c>
      <c r="F14864" t="s">
        <v>9203</v>
      </c>
      <c r="G14864" t="s">
        <v>80</v>
      </c>
      <c r="H14864" t="s">
        <v>81</v>
      </c>
      <c r="I14864" s="2">
        <v>0</v>
      </c>
      <c r="J14864" s="2">
        <v>1</v>
      </c>
      <c r="K14864" s="2">
        <v>0</v>
      </c>
      <c r="L14864" t="s">
        <v>82</v>
      </c>
      <c r="M14864" t="s">
        <v>89</v>
      </c>
      <c r="N14864" t="s">
        <v>90</v>
      </c>
      <c r="O14864" t="s">
        <v>85</v>
      </c>
      <c r="P14864" t="s">
        <v>86</v>
      </c>
      <c r="Q14864">
        <v>35</v>
      </c>
      <c r="R14864">
        <v>36</v>
      </c>
      <c r="S14864">
        <v>38</v>
      </c>
      <c r="T14864">
        <v>39</v>
      </c>
      <c r="U14864">
        <v>40</v>
      </c>
      <c r="V14864">
        <v>41</v>
      </c>
      <c r="W14864">
        <v>42</v>
      </c>
      <c r="X14864">
        <v>43</v>
      </c>
      <c r="Y14864">
        <v>44</v>
      </c>
      <c r="Z14864">
        <v>45</v>
      </c>
      <c r="AA14864">
        <v>47</v>
      </c>
      <c r="AB14864">
        <v>48</v>
      </c>
      <c r="AC14864">
        <v>49</v>
      </c>
      <c r="AD14864">
        <v>50</v>
      </c>
      <c r="AE14864">
        <v>51</v>
      </c>
      <c r="AF14864">
        <v>51</v>
      </c>
      <c r="AG14864">
        <v>52</v>
      </c>
      <c r="AH14864">
        <v>52</v>
      </c>
      <c r="AI14864">
        <v>53</v>
      </c>
      <c r="AJ14864">
        <v>53</v>
      </c>
      <c r="AK14864">
        <v>54</v>
      </c>
      <c r="AL14864">
        <v>54</v>
      </c>
      <c r="AM14864">
        <v>55</v>
      </c>
      <c r="AN14864">
        <v>55</v>
      </c>
      <c r="AO14864">
        <v>56</v>
      </c>
      <c r="AP14864">
        <v>56</v>
      </c>
      <c r="AQ14864">
        <v>57</v>
      </c>
    </row>
    <row r="14865" spans="1:43">
      <c r="A14865" t="s">
        <v>9236</v>
      </c>
      <c r="B14865" t="s">
        <v>9237</v>
      </c>
      <c r="C14865" t="s">
        <v>9222</v>
      </c>
      <c r="D14865" t="s">
        <v>9223</v>
      </c>
      <c r="E14865" t="s">
        <v>9202</v>
      </c>
      <c r="F14865" t="s">
        <v>9203</v>
      </c>
      <c r="G14865" t="s">
        <v>80</v>
      </c>
      <c r="H14865" t="s">
        <v>81</v>
      </c>
      <c r="I14865" s="2">
        <v>0</v>
      </c>
      <c r="J14865" s="2">
        <v>1</v>
      </c>
      <c r="K14865" s="2">
        <v>0</v>
      </c>
      <c r="L14865" t="s">
        <v>82</v>
      </c>
      <c r="M14865" t="s">
        <v>83</v>
      </c>
      <c r="N14865" t="s">
        <v>91</v>
      </c>
      <c r="O14865" t="s">
        <v>85</v>
      </c>
      <c r="P14865" t="s">
        <v>86</v>
      </c>
      <c r="Q14865">
        <v>35</v>
      </c>
      <c r="R14865">
        <v>36</v>
      </c>
      <c r="S14865">
        <v>37</v>
      </c>
      <c r="T14865">
        <v>37</v>
      </c>
      <c r="U14865">
        <v>38</v>
      </c>
      <c r="V14865">
        <v>39</v>
      </c>
      <c r="W14865">
        <v>40</v>
      </c>
      <c r="X14865">
        <v>41</v>
      </c>
      <c r="Y14865">
        <v>42</v>
      </c>
      <c r="Z14865">
        <v>43</v>
      </c>
      <c r="AA14865">
        <v>44</v>
      </c>
      <c r="AB14865">
        <v>45</v>
      </c>
      <c r="AC14865">
        <v>46</v>
      </c>
      <c r="AD14865">
        <v>46</v>
      </c>
      <c r="AE14865">
        <v>47</v>
      </c>
      <c r="AF14865">
        <v>48</v>
      </c>
      <c r="AG14865">
        <v>49</v>
      </c>
      <c r="AH14865">
        <v>50</v>
      </c>
      <c r="AI14865">
        <v>51</v>
      </c>
      <c r="AJ14865">
        <v>52</v>
      </c>
      <c r="AK14865">
        <v>53</v>
      </c>
      <c r="AL14865">
        <v>54</v>
      </c>
      <c r="AM14865">
        <v>54</v>
      </c>
      <c r="AN14865">
        <v>55</v>
      </c>
      <c r="AO14865">
        <v>55</v>
      </c>
      <c r="AP14865">
        <v>56</v>
      </c>
      <c r="AQ14865">
        <v>56</v>
      </c>
    </row>
    <row r="14866" spans="1:43">
      <c r="A14866" t="s">
        <v>9238</v>
      </c>
      <c r="B14866" t="s">
        <v>9239</v>
      </c>
      <c r="C14866" t="s">
        <v>9240</v>
      </c>
      <c r="D14866" t="s">
        <v>9241</v>
      </c>
      <c r="E14866" t="s">
        <v>9202</v>
      </c>
      <c r="F14866" t="s">
        <v>9203</v>
      </c>
      <c r="G14866" t="s">
        <v>80</v>
      </c>
      <c r="H14866" t="s">
        <v>81</v>
      </c>
      <c r="I14866" s="2">
        <v>0</v>
      </c>
      <c r="J14866" s="2">
        <v>1</v>
      </c>
      <c r="K14866" s="2">
        <v>0</v>
      </c>
      <c r="L14866" t="s">
        <v>82</v>
      </c>
      <c r="M14866" t="s">
        <v>83</v>
      </c>
      <c r="N14866" t="s">
        <v>84</v>
      </c>
      <c r="O14866" t="s">
        <v>85</v>
      </c>
      <c r="P14866" t="s">
        <v>86</v>
      </c>
      <c r="Q14866">
        <v>15</v>
      </c>
      <c r="R14866">
        <v>15</v>
      </c>
      <c r="S14866">
        <v>16</v>
      </c>
      <c r="T14866">
        <v>16</v>
      </c>
      <c r="U14866">
        <v>16</v>
      </c>
      <c r="V14866">
        <v>17</v>
      </c>
      <c r="W14866">
        <v>17</v>
      </c>
      <c r="X14866">
        <v>17</v>
      </c>
      <c r="Y14866">
        <v>18</v>
      </c>
      <c r="Z14866">
        <v>18</v>
      </c>
      <c r="AA14866">
        <v>19</v>
      </c>
      <c r="AB14866">
        <v>19</v>
      </c>
      <c r="AC14866">
        <v>19</v>
      </c>
      <c r="AD14866">
        <v>20</v>
      </c>
      <c r="AE14866">
        <v>20</v>
      </c>
      <c r="AF14866">
        <v>21</v>
      </c>
      <c r="AG14866">
        <v>21</v>
      </c>
      <c r="AH14866">
        <v>21</v>
      </c>
      <c r="AI14866">
        <v>22</v>
      </c>
      <c r="AJ14866">
        <v>22</v>
      </c>
      <c r="AK14866">
        <v>23</v>
      </c>
      <c r="AL14866">
        <v>23</v>
      </c>
      <c r="AM14866">
        <v>23</v>
      </c>
      <c r="AN14866">
        <v>23</v>
      </c>
      <c r="AO14866">
        <v>24</v>
      </c>
      <c r="AP14866">
        <v>24</v>
      </c>
      <c r="AQ14866">
        <v>24</v>
      </c>
    </row>
    <row r="14867" spans="1:43">
      <c r="A14867" t="s">
        <v>9238</v>
      </c>
      <c r="B14867" t="s">
        <v>9239</v>
      </c>
      <c r="C14867" t="s">
        <v>9240</v>
      </c>
      <c r="D14867" t="s">
        <v>9241</v>
      </c>
      <c r="E14867" t="s">
        <v>9202</v>
      </c>
      <c r="F14867" t="s">
        <v>9203</v>
      </c>
      <c r="G14867" t="s">
        <v>80</v>
      </c>
      <c r="H14867" t="s">
        <v>81</v>
      </c>
      <c r="I14867" s="2">
        <v>0</v>
      </c>
      <c r="J14867" s="2">
        <v>1</v>
      </c>
      <c r="K14867" s="2">
        <v>0</v>
      </c>
      <c r="L14867" t="s">
        <v>82</v>
      </c>
      <c r="M14867" t="s">
        <v>87</v>
      </c>
      <c r="N14867" t="s">
        <v>88</v>
      </c>
      <c r="O14867" t="s">
        <v>85</v>
      </c>
      <c r="P14867" t="s">
        <v>86</v>
      </c>
      <c r="Q14867">
        <v>15</v>
      </c>
      <c r="R14867">
        <v>15</v>
      </c>
      <c r="S14867">
        <v>15</v>
      </c>
      <c r="T14867">
        <v>15</v>
      </c>
      <c r="U14867">
        <v>16</v>
      </c>
      <c r="V14867">
        <v>16</v>
      </c>
      <c r="W14867">
        <v>16</v>
      </c>
      <c r="X14867">
        <v>16</v>
      </c>
      <c r="Y14867">
        <v>16</v>
      </c>
      <c r="Z14867">
        <v>17</v>
      </c>
      <c r="AA14867">
        <v>17</v>
      </c>
      <c r="AB14867">
        <v>17</v>
      </c>
      <c r="AC14867">
        <v>17</v>
      </c>
      <c r="AD14867">
        <v>18</v>
      </c>
      <c r="AE14867">
        <v>18</v>
      </c>
      <c r="AF14867">
        <v>18</v>
      </c>
      <c r="AG14867">
        <v>18</v>
      </c>
      <c r="AH14867">
        <v>19</v>
      </c>
      <c r="AI14867">
        <v>19</v>
      </c>
      <c r="AJ14867">
        <v>19</v>
      </c>
      <c r="AK14867">
        <v>19</v>
      </c>
      <c r="AL14867">
        <v>20</v>
      </c>
      <c r="AM14867">
        <v>20</v>
      </c>
      <c r="AN14867">
        <v>20</v>
      </c>
      <c r="AO14867">
        <v>20</v>
      </c>
      <c r="AP14867">
        <v>21</v>
      </c>
      <c r="AQ14867">
        <v>21</v>
      </c>
    </row>
    <row r="14868" spans="1:43">
      <c r="A14868" t="s">
        <v>9238</v>
      </c>
      <c r="B14868" t="s">
        <v>9239</v>
      </c>
      <c r="C14868" t="s">
        <v>9240</v>
      </c>
      <c r="D14868" t="s">
        <v>9241</v>
      </c>
      <c r="E14868" t="s">
        <v>9202</v>
      </c>
      <c r="F14868" t="s">
        <v>9203</v>
      </c>
      <c r="G14868" t="s">
        <v>80</v>
      </c>
      <c r="H14868" t="s">
        <v>81</v>
      </c>
      <c r="I14868" s="2">
        <v>0</v>
      </c>
      <c r="J14868" s="2">
        <v>1</v>
      </c>
      <c r="K14868" s="2">
        <v>0</v>
      </c>
      <c r="L14868" t="s">
        <v>82</v>
      </c>
      <c r="M14868" t="s">
        <v>89</v>
      </c>
      <c r="N14868" t="s">
        <v>90</v>
      </c>
      <c r="O14868" t="s">
        <v>85</v>
      </c>
      <c r="P14868" t="s">
        <v>86</v>
      </c>
      <c r="Q14868">
        <v>15</v>
      </c>
      <c r="R14868">
        <v>15</v>
      </c>
      <c r="S14868">
        <v>16</v>
      </c>
      <c r="T14868">
        <v>16</v>
      </c>
      <c r="U14868">
        <v>17</v>
      </c>
      <c r="V14868">
        <v>17</v>
      </c>
      <c r="W14868">
        <v>18</v>
      </c>
      <c r="X14868">
        <v>18</v>
      </c>
      <c r="Y14868">
        <v>19</v>
      </c>
      <c r="Z14868">
        <v>19</v>
      </c>
      <c r="AA14868">
        <v>20</v>
      </c>
      <c r="AB14868">
        <v>20</v>
      </c>
      <c r="AC14868">
        <v>21</v>
      </c>
      <c r="AD14868">
        <v>21</v>
      </c>
      <c r="AE14868">
        <v>22</v>
      </c>
      <c r="AF14868">
        <v>22</v>
      </c>
      <c r="AG14868">
        <v>22</v>
      </c>
      <c r="AH14868">
        <v>22</v>
      </c>
      <c r="AI14868">
        <v>23</v>
      </c>
      <c r="AJ14868">
        <v>23</v>
      </c>
      <c r="AK14868">
        <v>23</v>
      </c>
      <c r="AL14868">
        <v>23</v>
      </c>
      <c r="AM14868">
        <v>23</v>
      </c>
      <c r="AN14868">
        <v>24</v>
      </c>
      <c r="AO14868">
        <v>24</v>
      </c>
      <c r="AP14868">
        <v>24</v>
      </c>
      <c r="AQ14868">
        <v>24</v>
      </c>
    </row>
    <row r="14869" spans="1:43">
      <c r="A14869" t="s">
        <v>9238</v>
      </c>
      <c r="B14869" t="s">
        <v>9239</v>
      </c>
      <c r="C14869" t="s">
        <v>9240</v>
      </c>
      <c r="D14869" t="s">
        <v>9241</v>
      </c>
      <c r="E14869" t="s">
        <v>9202</v>
      </c>
      <c r="F14869" t="s">
        <v>9203</v>
      </c>
      <c r="G14869" t="s">
        <v>80</v>
      </c>
      <c r="H14869" t="s">
        <v>81</v>
      </c>
      <c r="I14869" s="2">
        <v>0</v>
      </c>
      <c r="J14869" s="2">
        <v>1</v>
      </c>
      <c r="K14869" s="2">
        <v>0</v>
      </c>
      <c r="L14869" t="s">
        <v>82</v>
      </c>
      <c r="M14869" t="s">
        <v>83</v>
      </c>
      <c r="N14869" t="s">
        <v>91</v>
      </c>
      <c r="O14869" t="s">
        <v>85</v>
      </c>
      <c r="P14869" t="s">
        <v>86</v>
      </c>
      <c r="Q14869">
        <v>15</v>
      </c>
      <c r="R14869">
        <v>15</v>
      </c>
      <c r="S14869">
        <v>16</v>
      </c>
      <c r="T14869">
        <v>16</v>
      </c>
      <c r="U14869">
        <v>16</v>
      </c>
      <c r="V14869">
        <v>17</v>
      </c>
      <c r="W14869">
        <v>17</v>
      </c>
      <c r="X14869">
        <v>17</v>
      </c>
      <c r="Y14869">
        <v>18</v>
      </c>
      <c r="Z14869">
        <v>18</v>
      </c>
      <c r="AA14869">
        <v>19</v>
      </c>
      <c r="AB14869">
        <v>19</v>
      </c>
      <c r="AC14869">
        <v>19</v>
      </c>
      <c r="AD14869">
        <v>20</v>
      </c>
      <c r="AE14869">
        <v>20</v>
      </c>
      <c r="AF14869">
        <v>21</v>
      </c>
      <c r="AG14869">
        <v>21</v>
      </c>
      <c r="AH14869">
        <v>21</v>
      </c>
      <c r="AI14869">
        <v>22</v>
      </c>
      <c r="AJ14869">
        <v>22</v>
      </c>
      <c r="AK14869">
        <v>23</v>
      </c>
      <c r="AL14869">
        <v>23</v>
      </c>
      <c r="AM14869">
        <v>23</v>
      </c>
      <c r="AN14869">
        <v>23</v>
      </c>
      <c r="AO14869">
        <v>24</v>
      </c>
      <c r="AP14869">
        <v>24</v>
      </c>
      <c r="AQ14869">
        <v>24</v>
      </c>
    </row>
    <row r="14870" spans="1:43">
      <c r="A14870" t="s">
        <v>9242</v>
      </c>
      <c r="B14870" t="s">
        <v>9243</v>
      </c>
      <c r="C14870" t="s">
        <v>9244</v>
      </c>
      <c r="D14870" t="s">
        <v>9245</v>
      </c>
      <c r="E14870" t="s">
        <v>9202</v>
      </c>
      <c r="F14870" t="s">
        <v>9203</v>
      </c>
      <c r="G14870" t="s">
        <v>80</v>
      </c>
      <c r="H14870" t="s">
        <v>81</v>
      </c>
      <c r="I14870" s="2">
        <v>0</v>
      </c>
      <c r="J14870" s="2">
        <v>1</v>
      </c>
      <c r="K14870" s="2">
        <v>0</v>
      </c>
      <c r="L14870" t="s">
        <v>82</v>
      </c>
      <c r="M14870" t="s">
        <v>83</v>
      </c>
      <c r="N14870" t="s">
        <v>84</v>
      </c>
      <c r="O14870" t="s">
        <v>85</v>
      </c>
      <c r="P14870" t="s">
        <v>86</v>
      </c>
      <c r="Q14870">
        <v>22</v>
      </c>
      <c r="R14870">
        <v>23</v>
      </c>
      <c r="S14870">
        <v>23</v>
      </c>
      <c r="T14870">
        <v>24</v>
      </c>
      <c r="U14870">
        <v>25</v>
      </c>
      <c r="V14870">
        <v>25</v>
      </c>
      <c r="W14870">
        <v>26</v>
      </c>
      <c r="X14870">
        <v>26</v>
      </c>
      <c r="Y14870">
        <v>27</v>
      </c>
      <c r="Z14870">
        <v>27</v>
      </c>
      <c r="AA14870">
        <v>28</v>
      </c>
      <c r="AB14870">
        <v>29</v>
      </c>
      <c r="AC14870">
        <v>29</v>
      </c>
      <c r="AD14870">
        <v>30</v>
      </c>
      <c r="AE14870">
        <v>30</v>
      </c>
      <c r="AF14870">
        <v>31</v>
      </c>
      <c r="AG14870">
        <v>32</v>
      </c>
      <c r="AH14870">
        <v>32</v>
      </c>
      <c r="AI14870">
        <v>33</v>
      </c>
      <c r="AJ14870">
        <v>34</v>
      </c>
      <c r="AK14870">
        <v>34</v>
      </c>
      <c r="AL14870">
        <v>35</v>
      </c>
      <c r="AM14870">
        <v>35</v>
      </c>
      <c r="AN14870">
        <v>35</v>
      </c>
      <c r="AO14870">
        <v>36</v>
      </c>
      <c r="AP14870">
        <v>36</v>
      </c>
      <c r="AQ14870">
        <v>36</v>
      </c>
    </row>
    <row r="14871" spans="1:43">
      <c r="A14871" t="s">
        <v>9242</v>
      </c>
      <c r="B14871" t="s">
        <v>9243</v>
      </c>
      <c r="C14871" t="s">
        <v>9244</v>
      </c>
      <c r="D14871" t="s">
        <v>9245</v>
      </c>
      <c r="E14871" t="s">
        <v>9202</v>
      </c>
      <c r="F14871" t="s">
        <v>9203</v>
      </c>
      <c r="G14871" t="s">
        <v>80</v>
      </c>
      <c r="H14871" t="s">
        <v>81</v>
      </c>
      <c r="I14871" s="2">
        <v>0</v>
      </c>
      <c r="J14871" s="2">
        <v>1</v>
      </c>
      <c r="K14871" s="2">
        <v>0</v>
      </c>
      <c r="L14871" t="s">
        <v>82</v>
      </c>
      <c r="M14871" t="s">
        <v>87</v>
      </c>
      <c r="N14871" t="s">
        <v>88</v>
      </c>
      <c r="O14871" t="s">
        <v>85</v>
      </c>
      <c r="P14871" t="s">
        <v>86</v>
      </c>
      <c r="Q14871">
        <v>22</v>
      </c>
      <c r="R14871">
        <v>23</v>
      </c>
      <c r="S14871">
        <v>23</v>
      </c>
      <c r="T14871">
        <v>23</v>
      </c>
      <c r="U14871">
        <v>23</v>
      </c>
      <c r="V14871">
        <v>24</v>
      </c>
      <c r="W14871">
        <v>24</v>
      </c>
      <c r="X14871">
        <v>25</v>
      </c>
      <c r="Y14871">
        <v>25</v>
      </c>
      <c r="Z14871">
        <v>25</v>
      </c>
      <c r="AA14871">
        <v>26</v>
      </c>
      <c r="AB14871">
        <v>26</v>
      </c>
      <c r="AC14871">
        <v>26</v>
      </c>
      <c r="AD14871">
        <v>27</v>
      </c>
      <c r="AE14871">
        <v>27</v>
      </c>
      <c r="AF14871">
        <v>27</v>
      </c>
      <c r="AG14871">
        <v>28</v>
      </c>
      <c r="AH14871">
        <v>28</v>
      </c>
      <c r="AI14871">
        <v>28</v>
      </c>
      <c r="AJ14871">
        <v>29</v>
      </c>
      <c r="AK14871">
        <v>29</v>
      </c>
      <c r="AL14871">
        <v>30</v>
      </c>
      <c r="AM14871">
        <v>30</v>
      </c>
      <c r="AN14871">
        <v>30</v>
      </c>
      <c r="AO14871">
        <v>31</v>
      </c>
      <c r="AP14871">
        <v>31</v>
      </c>
      <c r="AQ14871">
        <v>31</v>
      </c>
    </row>
    <row r="14872" spans="1:43">
      <c r="A14872" t="s">
        <v>9242</v>
      </c>
      <c r="B14872" t="s">
        <v>9243</v>
      </c>
      <c r="C14872" t="s">
        <v>9244</v>
      </c>
      <c r="D14872" t="s">
        <v>9245</v>
      </c>
      <c r="E14872" t="s">
        <v>9202</v>
      </c>
      <c r="F14872" t="s">
        <v>9203</v>
      </c>
      <c r="G14872" t="s">
        <v>80</v>
      </c>
      <c r="H14872" t="s">
        <v>81</v>
      </c>
      <c r="I14872" s="2">
        <v>0</v>
      </c>
      <c r="J14872" s="2">
        <v>1</v>
      </c>
      <c r="K14872" s="2">
        <v>0</v>
      </c>
      <c r="L14872" t="s">
        <v>82</v>
      </c>
      <c r="M14872" t="s">
        <v>89</v>
      </c>
      <c r="N14872" t="s">
        <v>90</v>
      </c>
      <c r="O14872" t="s">
        <v>85</v>
      </c>
      <c r="P14872" t="s">
        <v>86</v>
      </c>
      <c r="Q14872">
        <v>22</v>
      </c>
      <c r="R14872">
        <v>22</v>
      </c>
      <c r="S14872">
        <v>23</v>
      </c>
      <c r="T14872">
        <v>24</v>
      </c>
      <c r="U14872">
        <v>25</v>
      </c>
      <c r="V14872">
        <v>25</v>
      </c>
      <c r="W14872">
        <v>26</v>
      </c>
      <c r="X14872">
        <v>27</v>
      </c>
      <c r="Y14872">
        <v>27</v>
      </c>
      <c r="Z14872">
        <v>28</v>
      </c>
      <c r="AA14872">
        <v>29</v>
      </c>
      <c r="AB14872">
        <v>30</v>
      </c>
      <c r="AC14872">
        <v>30</v>
      </c>
      <c r="AD14872">
        <v>31</v>
      </c>
      <c r="AE14872">
        <v>32</v>
      </c>
      <c r="AF14872">
        <v>32</v>
      </c>
      <c r="AG14872">
        <v>32</v>
      </c>
      <c r="AH14872">
        <v>33</v>
      </c>
      <c r="AI14872">
        <v>33</v>
      </c>
      <c r="AJ14872">
        <v>33</v>
      </c>
      <c r="AK14872">
        <v>34</v>
      </c>
      <c r="AL14872">
        <v>34</v>
      </c>
      <c r="AM14872">
        <v>34</v>
      </c>
      <c r="AN14872">
        <v>35</v>
      </c>
      <c r="AO14872">
        <v>35</v>
      </c>
      <c r="AP14872">
        <v>35</v>
      </c>
      <c r="AQ14872">
        <v>36</v>
      </c>
    </row>
    <row r="14873" spans="1:43">
      <c r="A14873" t="s">
        <v>9242</v>
      </c>
      <c r="B14873" t="s">
        <v>9243</v>
      </c>
      <c r="C14873" t="s">
        <v>9244</v>
      </c>
      <c r="D14873" t="s">
        <v>9245</v>
      </c>
      <c r="E14873" t="s">
        <v>9202</v>
      </c>
      <c r="F14873" t="s">
        <v>9203</v>
      </c>
      <c r="G14873" t="s">
        <v>80</v>
      </c>
      <c r="H14873" t="s">
        <v>81</v>
      </c>
      <c r="I14873" s="2">
        <v>0</v>
      </c>
      <c r="J14873" s="2">
        <v>1</v>
      </c>
      <c r="K14873" s="2">
        <v>0</v>
      </c>
      <c r="L14873" t="s">
        <v>82</v>
      </c>
      <c r="M14873" t="s">
        <v>83</v>
      </c>
      <c r="N14873" t="s">
        <v>91</v>
      </c>
      <c r="O14873" t="s">
        <v>85</v>
      </c>
      <c r="P14873" t="s">
        <v>86</v>
      </c>
      <c r="Q14873">
        <v>22</v>
      </c>
      <c r="R14873">
        <v>23</v>
      </c>
      <c r="S14873">
        <v>23</v>
      </c>
      <c r="T14873">
        <v>24</v>
      </c>
      <c r="U14873">
        <v>25</v>
      </c>
      <c r="V14873">
        <v>25</v>
      </c>
      <c r="W14873">
        <v>26</v>
      </c>
      <c r="X14873">
        <v>26</v>
      </c>
      <c r="Y14873">
        <v>27</v>
      </c>
      <c r="Z14873">
        <v>27</v>
      </c>
      <c r="AA14873">
        <v>28</v>
      </c>
      <c r="AB14873">
        <v>29</v>
      </c>
      <c r="AC14873">
        <v>29</v>
      </c>
      <c r="AD14873">
        <v>30</v>
      </c>
      <c r="AE14873">
        <v>30</v>
      </c>
      <c r="AF14873">
        <v>31</v>
      </c>
      <c r="AG14873">
        <v>32</v>
      </c>
      <c r="AH14873">
        <v>32</v>
      </c>
      <c r="AI14873">
        <v>33</v>
      </c>
      <c r="AJ14873">
        <v>34</v>
      </c>
      <c r="AK14873">
        <v>34</v>
      </c>
      <c r="AL14873">
        <v>35</v>
      </c>
      <c r="AM14873">
        <v>35</v>
      </c>
      <c r="AN14873">
        <v>35</v>
      </c>
      <c r="AO14873">
        <v>36</v>
      </c>
      <c r="AP14873">
        <v>36</v>
      </c>
      <c r="AQ14873">
        <v>36</v>
      </c>
    </row>
    <row r="14874" spans="1:43">
      <c r="A14874" t="s">
        <v>9246</v>
      </c>
      <c r="B14874" t="s">
        <v>9247</v>
      </c>
      <c r="C14874" t="s">
        <v>9244</v>
      </c>
      <c r="D14874" t="s">
        <v>9245</v>
      </c>
      <c r="E14874" t="s">
        <v>9202</v>
      </c>
      <c r="F14874" t="s">
        <v>9203</v>
      </c>
      <c r="G14874" t="s">
        <v>80</v>
      </c>
      <c r="H14874" t="s">
        <v>81</v>
      </c>
      <c r="I14874" s="2">
        <v>0</v>
      </c>
      <c r="J14874" s="2">
        <v>1</v>
      </c>
      <c r="K14874" s="2">
        <v>0</v>
      </c>
      <c r="L14874" t="s">
        <v>82</v>
      </c>
      <c r="M14874" t="s">
        <v>83</v>
      </c>
      <c r="N14874" t="s">
        <v>84</v>
      </c>
      <c r="O14874" t="s">
        <v>85</v>
      </c>
      <c r="P14874" t="s">
        <v>86</v>
      </c>
      <c r="Q14874">
        <v>22</v>
      </c>
      <c r="R14874">
        <v>23</v>
      </c>
      <c r="S14874">
        <v>23</v>
      </c>
      <c r="T14874">
        <v>24</v>
      </c>
      <c r="U14874">
        <v>24</v>
      </c>
      <c r="V14874">
        <v>25</v>
      </c>
      <c r="W14874">
        <v>26</v>
      </c>
      <c r="X14874">
        <v>26</v>
      </c>
      <c r="Y14874">
        <v>27</v>
      </c>
      <c r="Z14874">
        <v>27</v>
      </c>
      <c r="AA14874">
        <v>28</v>
      </c>
      <c r="AB14874">
        <v>28</v>
      </c>
      <c r="AC14874">
        <v>29</v>
      </c>
      <c r="AD14874">
        <v>30</v>
      </c>
      <c r="AE14874">
        <v>30</v>
      </c>
      <c r="AF14874">
        <v>31</v>
      </c>
      <c r="AG14874">
        <v>31</v>
      </c>
      <c r="AH14874">
        <v>32</v>
      </c>
      <c r="AI14874">
        <v>33</v>
      </c>
      <c r="AJ14874">
        <v>33</v>
      </c>
      <c r="AK14874">
        <v>34</v>
      </c>
      <c r="AL14874">
        <v>34</v>
      </c>
      <c r="AM14874">
        <v>35</v>
      </c>
      <c r="AN14874">
        <v>35</v>
      </c>
      <c r="AO14874">
        <v>35</v>
      </c>
      <c r="AP14874">
        <v>36</v>
      </c>
      <c r="AQ14874">
        <v>36</v>
      </c>
    </row>
    <row r="14875" spans="1:43">
      <c r="A14875" t="s">
        <v>9246</v>
      </c>
      <c r="B14875" t="s">
        <v>9247</v>
      </c>
      <c r="C14875" t="s">
        <v>9244</v>
      </c>
      <c r="D14875" t="s">
        <v>9245</v>
      </c>
      <c r="E14875" t="s">
        <v>9202</v>
      </c>
      <c r="F14875" t="s">
        <v>9203</v>
      </c>
      <c r="G14875" t="s">
        <v>80</v>
      </c>
      <c r="H14875" t="s">
        <v>81</v>
      </c>
      <c r="I14875" s="2">
        <v>0</v>
      </c>
      <c r="J14875" s="2">
        <v>1</v>
      </c>
      <c r="K14875" s="2">
        <v>0</v>
      </c>
      <c r="L14875" t="s">
        <v>82</v>
      </c>
      <c r="M14875" t="s">
        <v>87</v>
      </c>
      <c r="N14875" t="s">
        <v>88</v>
      </c>
      <c r="O14875" t="s">
        <v>85</v>
      </c>
      <c r="P14875" t="s">
        <v>86</v>
      </c>
      <c r="Q14875">
        <v>22</v>
      </c>
      <c r="R14875">
        <v>22</v>
      </c>
      <c r="S14875">
        <v>23</v>
      </c>
      <c r="T14875">
        <v>23</v>
      </c>
      <c r="U14875">
        <v>23</v>
      </c>
      <c r="V14875">
        <v>24</v>
      </c>
      <c r="W14875">
        <v>24</v>
      </c>
      <c r="X14875">
        <v>24</v>
      </c>
      <c r="Y14875">
        <v>25</v>
      </c>
      <c r="Z14875">
        <v>25</v>
      </c>
      <c r="AA14875">
        <v>25</v>
      </c>
      <c r="AB14875">
        <v>26</v>
      </c>
      <c r="AC14875">
        <v>26</v>
      </c>
      <c r="AD14875">
        <v>26</v>
      </c>
      <c r="AE14875">
        <v>27</v>
      </c>
      <c r="AF14875">
        <v>27</v>
      </c>
      <c r="AG14875">
        <v>27</v>
      </c>
      <c r="AH14875">
        <v>28</v>
      </c>
      <c r="AI14875">
        <v>28</v>
      </c>
      <c r="AJ14875">
        <v>29</v>
      </c>
      <c r="AK14875">
        <v>29</v>
      </c>
      <c r="AL14875">
        <v>29</v>
      </c>
      <c r="AM14875">
        <v>30</v>
      </c>
      <c r="AN14875">
        <v>30</v>
      </c>
      <c r="AO14875">
        <v>30</v>
      </c>
      <c r="AP14875">
        <v>31</v>
      </c>
      <c r="AQ14875">
        <v>31</v>
      </c>
    </row>
    <row r="14876" spans="1:43">
      <c r="A14876" t="s">
        <v>9246</v>
      </c>
      <c r="B14876" t="s">
        <v>9247</v>
      </c>
      <c r="C14876" t="s">
        <v>9244</v>
      </c>
      <c r="D14876" t="s">
        <v>9245</v>
      </c>
      <c r="E14876" t="s">
        <v>9202</v>
      </c>
      <c r="F14876" t="s">
        <v>9203</v>
      </c>
      <c r="G14876" t="s">
        <v>80</v>
      </c>
      <c r="H14876" t="s">
        <v>81</v>
      </c>
      <c r="I14876" s="2">
        <v>0</v>
      </c>
      <c r="J14876" s="2">
        <v>1</v>
      </c>
      <c r="K14876" s="2">
        <v>0</v>
      </c>
      <c r="L14876" t="s">
        <v>82</v>
      </c>
      <c r="M14876" t="s">
        <v>89</v>
      </c>
      <c r="N14876" t="s">
        <v>90</v>
      </c>
      <c r="O14876" t="s">
        <v>85</v>
      </c>
      <c r="P14876" t="s">
        <v>86</v>
      </c>
      <c r="Q14876">
        <v>22</v>
      </c>
      <c r="R14876">
        <v>23</v>
      </c>
      <c r="S14876">
        <v>24</v>
      </c>
      <c r="T14876">
        <v>25</v>
      </c>
      <c r="U14876">
        <v>25</v>
      </c>
      <c r="V14876">
        <v>26</v>
      </c>
      <c r="W14876">
        <v>27</v>
      </c>
      <c r="X14876">
        <v>28</v>
      </c>
      <c r="Y14876">
        <v>28</v>
      </c>
      <c r="Z14876">
        <v>29</v>
      </c>
      <c r="AA14876">
        <v>30</v>
      </c>
      <c r="AB14876">
        <v>30</v>
      </c>
      <c r="AC14876">
        <v>31</v>
      </c>
      <c r="AD14876">
        <v>32</v>
      </c>
      <c r="AE14876">
        <v>32</v>
      </c>
      <c r="AF14876">
        <v>33</v>
      </c>
      <c r="AG14876">
        <v>33</v>
      </c>
      <c r="AH14876">
        <v>33</v>
      </c>
      <c r="AI14876">
        <v>34</v>
      </c>
      <c r="AJ14876">
        <v>34</v>
      </c>
      <c r="AK14876">
        <v>34</v>
      </c>
      <c r="AL14876">
        <v>35</v>
      </c>
      <c r="AM14876">
        <v>35</v>
      </c>
      <c r="AN14876">
        <v>35</v>
      </c>
      <c r="AO14876">
        <v>36</v>
      </c>
      <c r="AP14876">
        <v>36</v>
      </c>
      <c r="AQ14876">
        <v>36</v>
      </c>
    </row>
    <row r="14877" spans="1:43">
      <c r="A14877" t="s">
        <v>9246</v>
      </c>
      <c r="B14877" t="s">
        <v>9247</v>
      </c>
      <c r="C14877" t="s">
        <v>9244</v>
      </c>
      <c r="D14877" t="s">
        <v>9245</v>
      </c>
      <c r="E14877" t="s">
        <v>9202</v>
      </c>
      <c r="F14877" t="s">
        <v>9203</v>
      </c>
      <c r="G14877" t="s">
        <v>80</v>
      </c>
      <c r="H14877" t="s">
        <v>81</v>
      </c>
      <c r="I14877" s="2">
        <v>0</v>
      </c>
      <c r="J14877" s="2">
        <v>1</v>
      </c>
      <c r="K14877" s="2">
        <v>0</v>
      </c>
      <c r="L14877" t="s">
        <v>82</v>
      </c>
      <c r="M14877" t="s">
        <v>83</v>
      </c>
      <c r="N14877" t="s">
        <v>91</v>
      </c>
      <c r="O14877" t="s">
        <v>85</v>
      </c>
      <c r="P14877" t="s">
        <v>86</v>
      </c>
      <c r="Q14877">
        <v>22</v>
      </c>
      <c r="R14877">
        <v>23</v>
      </c>
      <c r="S14877">
        <v>23</v>
      </c>
      <c r="T14877">
        <v>24</v>
      </c>
      <c r="U14877">
        <v>24</v>
      </c>
      <c r="V14877">
        <v>25</v>
      </c>
      <c r="W14877">
        <v>26</v>
      </c>
      <c r="X14877">
        <v>26</v>
      </c>
      <c r="Y14877">
        <v>27</v>
      </c>
      <c r="Z14877">
        <v>27</v>
      </c>
      <c r="AA14877">
        <v>28</v>
      </c>
      <c r="AB14877">
        <v>28</v>
      </c>
      <c r="AC14877">
        <v>29</v>
      </c>
      <c r="AD14877">
        <v>30</v>
      </c>
      <c r="AE14877">
        <v>30</v>
      </c>
      <c r="AF14877">
        <v>31</v>
      </c>
      <c r="AG14877">
        <v>31</v>
      </c>
      <c r="AH14877">
        <v>32</v>
      </c>
      <c r="AI14877">
        <v>33</v>
      </c>
      <c r="AJ14877">
        <v>33</v>
      </c>
      <c r="AK14877">
        <v>34</v>
      </c>
      <c r="AL14877">
        <v>34</v>
      </c>
      <c r="AM14877">
        <v>35</v>
      </c>
      <c r="AN14877">
        <v>35</v>
      </c>
      <c r="AO14877">
        <v>35</v>
      </c>
      <c r="AP14877">
        <v>36</v>
      </c>
      <c r="AQ14877">
        <v>36</v>
      </c>
    </row>
    <row r="14878" spans="1:43">
      <c r="A14878" t="s">
        <v>9248</v>
      </c>
      <c r="B14878" t="s">
        <v>9249</v>
      </c>
      <c r="C14878" t="s">
        <v>9250</v>
      </c>
      <c r="D14878" t="s">
        <v>9251</v>
      </c>
      <c r="E14878" t="s">
        <v>9202</v>
      </c>
      <c r="F14878" t="s">
        <v>9203</v>
      </c>
      <c r="G14878" t="s">
        <v>80</v>
      </c>
      <c r="H14878" t="s">
        <v>81</v>
      </c>
      <c r="I14878" s="2">
        <v>0</v>
      </c>
      <c r="J14878" s="2">
        <v>1</v>
      </c>
      <c r="K14878" s="2">
        <v>0</v>
      </c>
      <c r="L14878" t="s">
        <v>82</v>
      </c>
      <c r="M14878" t="s">
        <v>83</v>
      </c>
      <c r="N14878" t="s">
        <v>84</v>
      </c>
      <c r="O14878" t="s">
        <v>85</v>
      </c>
      <c r="P14878" t="s">
        <v>86</v>
      </c>
      <c r="Q14878">
        <v>15</v>
      </c>
      <c r="R14878">
        <v>15</v>
      </c>
      <c r="S14878">
        <v>16</v>
      </c>
      <c r="T14878">
        <v>16</v>
      </c>
      <c r="U14878">
        <v>17</v>
      </c>
      <c r="V14878">
        <v>17</v>
      </c>
      <c r="W14878">
        <v>17</v>
      </c>
      <c r="X14878">
        <v>18</v>
      </c>
      <c r="Y14878">
        <v>18</v>
      </c>
      <c r="Z14878">
        <v>19</v>
      </c>
      <c r="AA14878">
        <v>19</v>
      </c>
      <c r="AB14878">
        <v>19</v>
      </c>
      <c r="AC14878">
        <v>20</v>
      </c>
      <c r="AD14878">
        <v>20</v>
      </c>
      <c r="AE14878">
        <v>21</v>
      </c>
      <c r="AF14878">
        <v>21</v>
      </c>
      <c r="AG14878">
        <v>21</v>
      </c>
      <c r="AH14878">
        <v>22</v>
      </c>
      <c r="AI14878">
        <v>22</v>
      </c>
      <c r="AJ14878">
        <v>23</v>
      </c>
      <c r="AK14878">
        <v>23</v>
      </c>
      <c r="AL14878">
        <v>23</v>
      </c>
      <c r="AM14878">
        <v>24</v>
      </c>
      <c r="AN14878">
        <v>24</v>
      </c>
      <c r="AO14878">
        <v>24</v>
      </c>
      <c r="AP14878">
        <v>24</v>
      </c>
      <c r="AQ14878">
        <v>25</v>
      </c>
    </row>
    <row r="14879" spans="1:43">
      <c r="A14879" t="s">
        <v>9248</v>
      </c>
      <c r="B14879" t="s">
        <v>9249</v>
      </c>
      <c r="C14879" t="s">
        <v>9250</v>
      </c>
      <c r="D14879" t="s">
        <v>9251</v>
      </c>
      <c r="E14879" t="s">
        <v>9202</v>
      </c>
      <c r="F14879" t="s">
        <v>9203</v>
      </c>
      <c r="G14879" t="s">
        <v>80</v>
      </c>
      <c r="H14879" t="s">
        <v>81</v>
      </c>
      <c r="I14879" s="2">
        <v>0</v>
      </c>
      <c r="J14879" s="2">
        <v>1</v>
      </c>
      <c r="K14879" s="2">
        <v>0</v>
      </c>
      <c r="L14879" t="s">
        <v>82</v>
      </c>
      <c r="M14879" t="s">
        <v>87</v>
      </c>
      <c r="N14879" t="s">
        <v>88</v>
      </c>
      <c r="O14879" t="s">
        <v>85</v>
      </c>
      <c r="P14879" t="s">
        <v>86</v>
      </c>
      <c r="Q14879">
        <v>15</v>
      </c>
      <c r="R14879">
        <v>15</v>
      </c>
      <c r="S14879">
        <v>15</v>
      </c>
      <c r="T14879">
        <v>16</v>
      </c>
      <c r="U14879">
        <v>16</v>
      </c>
      <c r="V14879">
        <v>16</v>
      </c>
      <c r="W14879">
        <v>16</v>
      </c>
      <c r="X14879">
        <v>17</v>
      </c>
      <c r="Y14879">
        <v>17</v>
      </c>
      <c r="Z14879">
        <v>17</v>
      </c>
      <c r="AA14879">
        <v>17</v>
      </c>
      <c r="AB14879">
        <v>17</v>
      </c>
      <c r="AC14879">
        <v>18</v>
      </c>
      <c r="AD14879">
        <v>18</v>
      </c>
      <c r="AE14879">
        <v>18</v>
      </c>
      <c r="AF14879">
        <v>18</v>
      </c>
      <c r="AG14879">
        <v>19</v>
      </c>
      <c r="AH14879">
        <v>19</v>
      </c>
      <c r="AI14879">
        <v>19</v>
      </c>
      <c r="AJ14879">
        <v>19</v>
      </c>
      <c r="AK14879">
        <v>20</v>
      </c>
      <c r="AL14879">
        <v>20</v>
      </c>
      <c r="AM14879">
        <v>20</v>
      </c>
      <c r="AN14879">
        <v>20</v>
      </c>
      <c r="AO14879">
        <v>21</v>
      </c>
      <c r="AP14879">
        <v>21</v>
      </c>
      <c r="AQ14879">
        <v>21</v>
      </c>
    </row>
    <row r="14880" spans="1:43">
      <c r="A14880" t="s">
        <v>9248</v>
      </c>
      <c r="B14880" t="s">
        <v>9249</v>
      </c>
      <c r="C14880" t="s">
        <v>9250</v>
      </c>
      <c r="D14880" t="s">
        <v>9251</v>
      </c>
      <c r="E14880" t="s">
        <v>9202</v>
      </c>
      <c r="F14880" t="s">
        <v>9203</v>
      </c>
      <c r="G14880" t="s">
        <v>80</v>
      </c>
      <c r="H14880" t="s">
        <v>81</v>
      </c>
      <c r="I14880" s="2">
        <v>0</v>
      </c>
      <c r="J14880" s="2">
        <v>1</v>
      </c>
      <c r="K14880" s="2">
        <v>0</v>
      </c>
      <c r="L14880" t="s">
        <v>82</v>
      </c>
      <c r="M14880" t="s">
        <v>89</v>
      </c>
      <c r="N14880" t="s">
        <v>90</v>
      </c>
      <c r="O14880" t="s">
        <v>85</v>
      </c>
      <c r="P14880" t="s">
        <v>86</v>
      </c>
      <c r="Q14880">
        <v>15</v>
      </c>
      <c r="R14880">
        <v>16</v>
      </c>
      <c r="S14880">
        <v>16</v>
      </c>
      <c r="T14880">
        <v>17</v>
      </c>
      <c r="U14880">
        <v>17</v>
      </c>
      <c r="V14880">
        <v>18</v>
      </c>
      <c r="W14880">
        <v>18</v>
      </c>
      <c r="X14880">
        <v>19</v>
      </c>
      <c r="Y14880">
        <v>19</v>
      </c>
      <c r="Z14880">
        <v>20</v>
      </c>
      <c r="AA14880">
        <v>20</v>
      </c>
      <c r="AB14880">
        <v>21</v>
      </c>
      <c r="AC14880">
        <v>21</v>
      </c>
      <c r="AD14880">
        <v>22</v>
      </c>
      <c r="AE14880">
        <v>22</v>
      </c>
      <c r="AF14880">
        <v>22</v>
      </c>
      <c r="AG14880">
        <v>23</v>
      </c>
      <c r="AH14880">
        <v>23</v>
      </c>
      <c r="AI14880">
        <v>23</v>
      </c>
      <c r="AJ14880">
        <v>23</v>
      </c>
      <c r="AK14880">
        <v>23</v>
      </c>
      <c r="AL14880">
        <v>24</v>
      </c>
      <c r="AM14880">
        <v>24</v>
      </c>
      <c r="AN14880">
        <v>24</v>
      </c>
      <c r="AO14880">
        <v>24</v>
      </c>
      <c r="AP14880">
        <v>25</v>
      </c>
      <c r="AQ14880">
        <v>25</v>
      </c>
    </row>
    <row r="14881" spans="1:43">
      <c r="A14881" t="s">
        <v>9248</v>
      </c>
      <c r="B14881" t="s">
        <v>9249</v>
      </c>
      <c r="C14881" t="s">
        <v>9250</v>
      </c>
      <c r="D14881" t="s">
        <v>9251</v>
      </c>
      <c r="E14881" t="s">
        <v>9202</v>
      </c>
      <c r="F14881" t="s">
        <v>9203</v>
      </c>
      <c r="G14881" t="s">
        <v>80</v>
      </c>
      <c r="H14881" t="s">
        <v>81</v>
      </c>
      <c r="I14881" s="2">
        <v>0</v>
      </c>
      <c r="J14881" s="2">
        <v>1</v>
      </c>
      <c r="K14881" s="2">
        <v>0</v>
      </c>
      <c r="L14881" t="s">
        <v>82</v>
      </c>
      <c r="M14881" t="s">
        <v>83</v>
      </c>
      <c r="N14881" t="s">
        <v>91</v>
      </c>
      <c r="O14881" t="s">
        <v>85</v>
      </c>
      <c r="P14881" t="s">
        <v>86</v>
      </c>
      <c r="Q14881">
        <v>15</v>
      </c>
      <c r="R14881">
        <v>15</v>
      </c>
      <c r="S14881">
        <v>16</v>
      </c>
      <c r="T14881">
        <v>16</v>
      </c>
      <c r="U14881">
        <v>17</v>
      </c>
      <c r="V14881">
        <v>17</v>
      </c>
      <c r="W14881">
        <v>17</v>
      </c>
      <c r="X14881">
        <v>18</v>
      </c>
      <c r="Y14881">
        <v>18</v>
      </c>
      <c r="Z14881">
        <v>19</v>
      </c>
      <c r="AA14881">
        <v>19</v>
      </c>
      <c r="AB14881">
        <v>19</v>
      </c>
      <c r="AC14881">
        <v>20</v>
      </c>
      <c r="AD14881">
        <v>20</v>
      </c>
      <c r="AE14881">
        <v>21</v>
      </c>
      <c r="AF14881">
        <v>21</v>
      </c>
      <c r="AG14881">
        <v>21</v>
      </c>
      <c r="AH14881">
        <v>22</v>
      </c>
      <c r="AI14881">
        <v>22</v>
      </c>
      <c r="AJ14881">
        <v>23</v>
      </c>
      <c r="AK14881">
        <v>23</v>
      </c>
      <c r="AL14881">
        <v>23</v>
      </c>
      <c r="AM14881">
        <v>24</v>
      </c>
      <c r="AN14881">
        <v>24</v>
      </c>
      <c r="AO14881">
        <v>24</v>
      </c>
      <c r="AP14881">
        <v>24</v>
      </c>
      <c r="AQ14881">
        <v>25</v>
      </c>
    </row>
    <row r="14882" spans="1:43">
      <c r="A14882" t="s">
        <v>9252</v>
      </c>
      <c r="B14882" t="s">
        <v>9253</v>
      </c>
      <c r="C14882" t="s">
        <v>9240</v>
      </c>
      <c r="D14882" t="s">
        <v>9241</v>
      </c>
      <c r="E14882" t="s">
        <v>9202</v>
      </c>
      <c r="F14882" t="s">
        <v>9203</v>
      </c>
      <c r="G14882" t="s">
        <v>80</v>
      </c>
      <c r="H14882" t="s">
        <v>81</v>
      </c>
      <c r="I14882" s="2">
        <v>0</v>
      </c>
      <c r="J14882" s="2">
        <v>1</v>
      </c>
      <c r="K14882" s="2">
        <v>0</v>
      </c>
      <c r="L14882" t="s">
        <v>82</v>
      </c>
      <c r="M14882" t="s">
        <v>83</v>
      </c>
      <c r="N14882" t="s">
        <v>84</v>
      </c>
      <c r="O14882" t="s">
        <v>85</v>
      </c>
      <c r="P14882" t="s">
        <v>86</v>
      </c>
      <c r="Q14882">
        <v>18</v>
      </c>
      <c r="R14882">
        <v>18</v>
      </c>
      <c r="S14882">
        <v>19</v>
      </c>
      <c r="T14882">
        <v>19</v>
      </c>
      <c r="U14882">
        <v>19</v>
      </c>
      <c r="V14882">
        <v>20</v>
      </c>
      <c r="W14882">
        <v>20</v>
      </c>
      <c r="X14882">
        <v>21</v>
      </c>
      <c r="Y14882">
        <v>21</v>
      </c>
      <c r="Z14882">
        <v>22</v>
      </c>
      <c r="AA14882">
        <v>22</v>
      </c>
      <c r="AB14882">
        <v>23</v>
      </c>
      <c r="AC14882">
        <v>23</v>
      </c>
      <c r="AD14882">
        <v>24</v>
      </c>
      <c r="AE14882">
        <v>24</v>
      </c>
      <c r="AF14882">
        <v>25</v>
      </c>
      <c r="AG14882">
        <v>25</v>
      </c>
      <c r="AH14882">
        <v>26</v>
      </c>
      <c r="AI14882">
        <v>26</v>
      </c>
      <c r="AJ14882">
        <v>27</v>
      </c>
      <c r="AK14882">
        <v>27</v>
      </c>
      <c r="AL14882">
        <v>27</v>
      </c>
      <c r="AM14882">
        <v>28</v>
      </c>
      <c r="AN14882">
        <v>28</v>
      </c>
      <c r="AO14882">
        <v>28</v>
      </c>
      <c r="AP14882">
        <v>29</v>
      </c>
      <c r="AQ14882">
        <v>29</v>
      </c>
    </row>
    <row r="14883" spans="1:43">
      <c r="A14883" t="s">
        <v>9252</v>
      </c>
      <c r="B14883" t="s">
        <v>9253</v>
      </c>
      <c r="C14883" t="s">
        <v>9240</v>
      </c>
      <c r="D14883" t="s">
        <v>9241</v>
      </c>
      <c r="E14883" t="s">
        <v>9202</v>
      </c>
      <c r="F14883" t="s">
        <v>9203</v>
      </c>
      <c r="G14883" t="s">
        <v>80</v>
      </c>
      <c r="H14883" t="s">
        <v>81</v>
      </c>
      <c r="I14883" s="2">
        <v>0</v>
      </c>
      <c r="J14883" s="2">
        <v>1</v>
      </c>
      <c r="K14883" s="2">
        <v>0</v>
      </c>
      <c r="L14883" t="s">
        <v>82</v>
      </c>
      <c r="M14883" t="s">
        <v>87</v>
      </c>
      <c r="N14883" t="s">
        <v>88</v>
      </c>
      <c r="O14883" t="s">
        <v>85</v>
      </c>
      <c r="P14883" t="s">
        <v>86</v>
      </c>
      <c r="Q14883">
        <v>18</v>
      </c>
      <c r="R14883">
        <v>18</v>
      </c>
      <c r="S14883">
        <v>18</v>
      </c>
      <c r="T14883">
        <v>18</v>
      </c>
      <c r="U14883">
        <v>19</v>
      </c>
      <c r="V14883">
        <v>19</v>
      </c>
      <c r="W14883">
        <v>19</v>
      </c>
      <c r="X14883">
        <v>19</v>
      </c>
      <c r="Y14883">
        <v>20</v>
      </c>
      <c r="Z14883">
        <v>20</v>
      </c>
      <c r="AA14883">
        <v>20</v>
      </c>
      <c r="AB14883">
        <v>21</v>
      </c>
      <c r="AC14883">
        <v>21</v>
      </c>
      <c r="AD14883">
        <v>21</v>
      </c>
      <c r="AE14883">
        <v>21</v>
      </c>
      <c r="AF14883">
        <v>22</v>
      </c>
      <c r="AG14883">
        <v>22</v>
      </c>
      <c r="AH14883">
        <v>22</v>
      </c>
      <c r="AI14883">
        <v>22</v>
      </c>
      <c r="AJ14883">
        <v>23</v>
      </c>
      <c r="AK14883">
        <v>23</v>
      </c>
      <c r="AL14883">
        <v>23</v>
      </c>
      <c r="AM14883">
        <v>24</v>
      </c>
      <c r="AN14883">
        <v>24</v>
      </c>
      <c r="AO14883">
        <v>24</v>
      </c>
      <c r="AP14883">
        <v>25</v>
      </c>
      <c r="AQ14883">
        <v>25</v>
      </c>
    </row>
    <row r="14884" spans="1:43">
      <c r="A14884" t="s">
        <v>9252</v>
      </c>
      <c r="B14884" t="s">
        <v>9253</v>
      </c>
      <c r="C14884" t="s">
        <v>9240</v>
      </c>
      <c r="D14884" t="s">
        <v>9241</v>
      </c>
      <c r="E14884" t="s">
        <v>9202</v>
      </c>
      <c r="F14884" t="s">
        <v>9203</v>
      </c>
      <c r="G14884" t="s">
        <v>80</v>
      </c>
      <c r="H14884" t="s">
        <v>81</v>
      </c>
      <c r="I14884" s="2">
        <v>0</v>
      </c>
      <c r="J14884" s="2">
        <v>1</v>
      </c>
      <c r="K14884" s="2">
        <v>0</v>
      </c>
      <c r="L14884" t="s">
        <v>82</v>
      </c>
      <c r="M14884" t="s">
        <v>89</v>
      </c>
      <c r="N14884" t="s">
        <v>90</v>
      </c>
      <c r="O14884" t="s">
        <v>85</v>
      </c>
      <c r="P14884" t="s">
        <v>86</v>
      </c>
      <c r="Q14884">
        <v>18</v>
      </c>
      <c r="R14884">
        <v>19</v>
      </c>
      <c r="S14884">
        <v>19</v>
      </c>
      <c r="T14884">
        <v>20</v>
      </c>
      <c r="U14884">
        <v>20</v>
      </c>
      <c r="V14884">
        <v>21</v>
      </c>
      <c r="W14884">
        <v>21</v>
      </c>
      <c r="X14884">
        <v>22</v>
      </c>
      <c r="Y14884">
        <v>23</v>
      </c>
      <c r="Z14884">
        <v>23</v>
      </c>
      <c r="AA14884">
        <v>24</v>
      </c>
      <c r="AB14884">
        <v>24</v>
      </c>
      <c r="AC14884">
        <v>25</v>
      </c>
      <c r="AD14884">
        <v>25</v>
      </c>
      <c r="AE14884">
        <v>26</v>
      </c>
      <c r="AF14884">
        <v>26</v>
      </c>
      <c r="AG14884">
        <v>26</v>
      </c>
      <c r="AH14884">
        <v>27</v>
      </c>
      <c r="AI14884">
        <v>27</v>
      </c>
      <c r="AJ14884">
        <v>27</v>
      </c>
      <c r="AK14884">
        <v>27</v>
      </c>
      <c r="AL14884">
        <v>28</v>
      </c>
      <c r="AM14884">
        <v>28</v>
      </c>
      <c r="AN14884">
        <v>28</v>
      </c>
      <c r="AO14884">
        <v>28</v>
      </c>
      <c r="AP14884">
        <v>29</v>
      </c>
      <c r="AQ14884">
        <v>29</v>
      </c>
    </row>
    <row r="14885" spans="1:43">
      <c r="A14885" t="s">
        <v>9252</v>
      </c>
      <c r="B14885" t="s">
        <v>9253</v>
      </c>
      <c r="C14885" t="s">
        <v>9240</v>
      </c>
      <c r="D14885" t="s">
        <v>9241</v>
      </c>
      <c r="E14885" t="s">
        <v>9202</v>
      </c>
      <c r="F14885" t="s">
        <v>9203</v>
      </c>
      <c r="G14885" t="s">
        <v>80</v>
      </c>
      <c r="H14885" t="s">
        <v>81</v>
      </c>
      <c r="I14885" s="2">
        <v>0</v>
      </c>
      <c r="J14885" s="2">
        <v>1</v>
      </c>
      <c r="K14885" s="2">
        <v>0</v>
      </c>
      <c r="L14885" t="s">
        <v>82</v>
      </c>
      <c r="M14885" t="s">
        <v>83</v>
      </c>
      <c r="N14885" t="s">
        <v>91</v>
      </c>
      <c r="O14885" t="s">
        <v>85</v>
      </c>
      <c r="P14885" t="s">
        <v>86</v>
      </c>
      <c r="Q14885">
        <v>18</v>
      </c>
      <c r="R14885">
        <v>18</v>
      </c>
      <c r="S14885">
        <v>19</v>
      </c>
      <c r="T14885">
        <v>19</v>
      </c>
      <c r="U14885">
        <v>19</v>
      </c>
      <c r="V14885">
        <v>20</v>
      </c>
      <c r="W14885">
        <v>20</v>
      </c>
      <c r="X14885">
        <v>21</v>
      </c>
      <c r="Y14885">
        <v>21</v>
      </c>
      <c r="Z14885">
        <v>22</v>
      </c>
      <c r="AA14885">
        <v>22</v>
      </c>
      <c r="AB14885">
        <v>23</v>
      </c>
      <c r="AC14885">
        <v>23</v>
      </c>
      <c r="AD14885">
        <v>24</v>
      </c>
      <c r="AE14885">
        <v>24</v>
      </c>
      <c r="AF14885">
        <v>25</v>
      </c>
      <c r="AG14885">
        <v>25</v>
      </c>
      <c r="AH14885">
        <v>26</v>
      </c>
      <c r="AI14885">
        <v>26</v>
      </c>
      <c r="AJ14885">
        <v>27</v>
      </c>
      <c r="AK14885">
        <v>27</v>
      </c>
      <c r="AL14885">
        <v>27</v>
      </c>
      <c r="AM14885">
        <v>28</v>
      </c>
      <c r="AN14885">
        <v>28</v>
      </c>
      <c r="AO14885">
        <v>28</v>
      </c>
      <c r="AP14885">
        <v>29</v>
      </c>
      <c r="AQ14885">
        <v>29</v>
      </c>
    </row>
    <row r="14886" spans="1:43">
      <c r="A14886" t="s">
        <v>9254</v>
      </c>
      <c r="B14886" t="s">
        <v>9255</v>
      </c>
      <c r="C14886" t="s">
        <v>9240</v>
      </c>
      <c r="D14886" t="s">
        <v>9241</v>
      </c>
      <c r="E14886" t="s">
        <v>9202</v>
      </c>
      <c r="F14886" t="s">
        <v>9203</v>
      </c>
      <c r="G14886" t="s">
        <v>80</v>
      </c>
      <c r="H14886" t="s">
        <v>81</v>
      </c>
      <c r="I14886" s="2">
        <v>0</v>
      </c>
      <c r="J14886" s="2">
        <v>1</v>
      </c>
      <c r="K14886" s="2">
        <v>0</v>
      </c>
      <c r="L14886" t="s">
        <v>82</v>
      </c>
      <c r="M14886" t="s">
        <v>83</v>
      </c>
      <c r="N14886" t="s">
        <v>84</v>
      </c>
      <c r="O14886" t="s">
        <v>85</v>
      </c>
      <c r="P14886" t="s">
        <v>86</v>
      </c>
      <c r="Q14886">
        <v>17</v>
      </c>
      <c r="R14886">
        <v>17</v>
      </c>
      <c r="S14886">
        <v>18</v>
      </c>
      <c r="T14886">
        <v>18</v>
      </c>
      <c r="U14886">
        <v>19</v>
      </c>
      <c r="V14886">
        <v>19</v>
      </c>
      <c r="W14886">
        <v>19</v>
      </c>
      <c r="X14886">
        <v>20</v>
      </c>
      <c r="Y14886">
        <v>20</v>
      </c>
      <c r="Z14886">
        <v>21</v>
      </c>
      <c r="AA14886">
        <v>21</v>
      </c>
      <c r="AB14886">
        <v>22</v>
      </c>
      <c r="AC14886">
        <v>22</v>
      </c>
      <c r="AD14886">
        <v>23</v>
      </c>
      <c r="AE14886">
        <v>23</v>
      </c>
      <c r="AF14886">
        <v>23</v>
      </c>
      <c r="AG14886">
        <v>24</v>
      </c>
      <c r="AH14886">
        <v>24</v>
      </c>
      <c r="AI14886">
        <v>25</v>
      </c>
      <c r="AJ14886">
        <v>25</v>
      </c>
      <c r="AK14886">
        <v>26</v>
      </c>
      <c r="AL14886">
        <v>26</v>
      </c>
      <c r="AM14886">
        <v>26</v>
      </c>
      <c r="AN14886">
        <v>27</v>
      </c>
      <c r="AO14886">
        <v>27</v>
      </c>
      <c r="AP14886">
        <v>27</v>
      </c>
      <c r="AQ14886">
        <v>27</v>
      </c>
    </row>
    <row r="14887" spans="1:43">
      <c r="A14887" t="s">
        <v>9254</v>
      </c>
      <c r="B14887" t="s">
        <v>9255</v>
      </c>
      <c r="C14887" t="s">
        <v>9240</v>
      </c>
      <c r="D14887" t="s">
        <v>9241</v>
      </c>
      <c r="E14887" t="s">
        <v>9202</v>
      </c>
      <c r="F14887" t="s">
        <v>9203</v>
      </c>
      <c r="G14887" t="s">
        <v>80</v>
      </c>
      <c r="H14887" t="s">
        <v>81</v>
      </c>
      <c r="I14887" s="2">
        <v>0</v>
      </c>
      <c r="J14887" s="2">
        <v>1</v>
      </c>
      <c r="K14887" s="2">
        <v>0</v>
      </c>
      <c r="L14887" t="s">
        <v>82</v>
      </c>
      <c r="M14887" t="s">
        <v>87</v>
      </c>
      <c r="N14887" t="s">
        <v>88</v>
      </c>
      <c r="O14887" t="s">
        <v>85</v>
      </c>
      <c r="P14887" t="s">
        <v>86</v>
      </c>
      <c r="Q14887">
        <v>17</v>
      </c>
      <c r="R14887">
        <v>17</v>
      </c>
      <c r="S14887">
        <v>17</v>
      </c>
      <c r="T14887">
        <v>18</v>
      </c>
      <c r="U14887">
        <v>18</v>
      </c>
      <c r="V14887">
        <v>18</v>
      </c>
      <c r="W14887">
        <v>18</v>
      </c>
      <c r="X14887">
        <v>19</v>
      </c>
      <c r="Y14887">
        <v>19</v>
      </c>
      <c r="Z14887">
        <v>19</v>
      </c>
      <c r="AA14887">
        <v>19</v>
      </c>
      <c r="AB14887">
        <v>20</v>
      </c>
      <c r="AC14887">
        <v>20</v>
      </c>
      <c r="AD14887">
        <v>20</v>
      </c>
      <c r="AE14887">
        <v>20</v>
      </c>
      <c r="AF14887">
        <v>21</v>
      </c>
      <c r="AG14887">
        <v>21</v>
      </c>
      <c r="AH14887">
        <v>21</v>
      </c>
      <c r="AI14887">
        <v>21</v>
      </c>
      <c r="AJ14887">
        <v>22</v>
      </c>
      <c r="AK14887">
        <v>22</v>
      </c>
      <c r="AL14887">
        <v>22</v>
      </c>
      <c r="AM14887">
        <v>23</v>
      </c>
      <c r="AN14887">
        <v>23</v>
      </c>
      <c r="AO14887">
        <v>23</v>
      </c>
      <c r="AP14887">
        <v>23</v>
      </c>
      <c r="AQ14887">
        <v>24</v>
      </c>
    </row>
    <row r="14888" spans="1:43">
      <c r="A14888" t="s">
        <v>9254</v>
      </c>
      <c r="B14888" t="s">
        <v>9255</v>
      </c>
      <c r="C14888" t="s">
        <v>9240</v>
      </c>
      <c r="D14888" t="s">
        <v>9241</v>
      </c>
      <c r="E14888" t="s">
        <v>9202</v>
      </c>
      <c r="F14888" t="s">
        <v>9203</v>
      </c>
      <c r="G14888" t="s">
        <v>80</v>
      </c>
      <c r="H14888" t="s">
        <v>81</v>
      </c>
      <c r="I14888" s="2">
        <v>0</v>
      </c>
      <c r="J14888" s="2">
        <v>1</v>
      </c>
      <c r="K14888" s="2">
        <v>0</v>
      </c>
      <c r="L14888" t="s">
        <v>82</v>
      </c>
      <c r="M14888" t="s">
        <v>89</v>
      </c>
      <c r="N14888" t="s">
        <v>90</v>
      </c>
      <c r="O14888" t="s">
        <v>85</v>
      </c>
      <c r="P14888" t="s">
        <v>86</v>
      </c>
      <c r="Q14888">
        <v>17</v>
      </c>
      <c r="R14888">
        <v>18</v>
      </c>
      <c r="S14888">
        <v>18</v>
      </c>
      <c r="T14888">
        <v>19</v>
      </c>
      <c r="U14888">
        <v>19</v>
      </c>
      <c r="V14888">
        <v>20</v>
      </c>
      <c r="W14888">
        <v>20</v>
      </c>
      <c r="X14888">
        <v>21</v>
      </c>
      <c r="Y14888">
        <v>22</v>
      </c>
      <c r="Z14888">
        <v>22</v>
      </c>
      <c r="AA14888">
        <v>23</v>
      </c>
      <c r="AB14888">
        <v>23</v>
      </c>
      <c r="AC14888">
        <v>24</v>
      </c>
      <c r="AD14888">
        <v>24</v>
      </c>
      <c r="AE14888">
        <v>25</v>
      </c>
      <c r="AF14888">
        <v>25</v>
      </c>
      <c r="AG14888">
        <v>25</v>
      </c>
      <c r="AH14888">
        <v>25</v>
      </c>
      <c r="AI14888">
        <v>26</v>
      </c>
      <c r="AJ14888">
        <v>26</v>
      </c>
      <c r="AK14888">
        <v>26</v>
      </c>
      <c r="AL14888">
        <v>26</v>
      </c>
      <c r="AM14888">
        <v>27</v>
      </c>
      <c r="AN14888">
        <v>27</v>
      </c>
      <c r="AO14888">
        <v>27</v>
      </c>
      <c r="AP14888">
        <v>27</v>
      </c>
      <c r="AQ14888">
        <v>28</v>
      </c>
    </row>
    <row r="14889" spans="1:43">
      <c r="A14889" t="s">
        <v>9254</v>
      </c>
      <c r="B14889" t="s">
        <v>9255</v>
      </c>
      <c r="C14889" t="s">
        <v>9240</v>
      </c>
      <c r="D14889" t="s">
        <v>9241</v>
      </c>
      <c r="E14889" t="s">
        <v>9202</v>
      </c>
      <c r="F14889" t="s">
        <v>9203</v>
      </c>
      <c r="G14889" t="s">
        <v>80</v>
      </c>
      <c r="H14889" t="s">
        <v>81</v>
      </c>
      <c r="I14889" s="2">
        <v>0</v>
      </c>
      <c r="J14889" s="2">
        <v>1</v>
      </c>
      <c r="K14889" s="2">
        <v>0</v>
      </c>
      <c r="L14889" t="s">
        <v>82</v>
      </c>
      <c r="M14889" t="s">
        <v>83</v>
      </c>
      <c r="N14889" t="s">
        <v>91</v>
      </c>
      <c r="O14889" t="s">
        <v>85</v>
      </c>
      <c r="P14889" t="s">
        <v>86</v>
      </c>
      <c r="Q14889">
        <v>17</v>
      </c>
      <c r="R14889">
        <v>17</v>
      </c>
      <c r="S14889">
        <v>18</v>
      </c>
      <c r="T14889">
        <v>18</v>
      </c>
      <c r="U14889">
        <v>19</v>
      </c>
      <c r="V14889">
        <v>19</v>
      </c>
      <c r="W14889">
        <v>19</v>
      </c>
      <c r="X14889">
        <v>20</v>
      </c>
      <c r="Y14889">
        <v>20</v>
      </c>
      <c r="Z14889">
        <v>21</v>
      </c>
      <c r="AA14889">
        <v>21</v>
      </c>
      <c r="AB14889">
        <v>22</v>
      </c>
      <c r="AC14889">
        <v>22</v>
      </c>
      <c r="AD14889">
        <v>23</v>
      </c>
      <c r="AE14889">
        <v>23</v>
      </c>
      <c r="AF14889">
        <v>23</v>
      </c>
      <c r="AG14889">
        <v>24</v>
      </c>
      <c r="AH14889">
        <v>24</v>
      </c>
      <c r="AI14889">
        <v>25</v>
      </c>
      <c r="AJ14889">
        <v>25</v>
      </c>
      <c r="AK14889">
        <v>26</v>
      </c>
      <c r="AL14889">
        <v>26</v>
      </c>
      <c r="AM14889">
        <v>26</v>
      </c>
      <c r="AN14889">
        <v>27</v>
      </c>
      <c r="AO14889">
        <v>27</v>
      </c>
      <c r="AP14889">
        <v>27</v>
      </c>
      <c r="AQ14889">
        <v>27</v>
      </c>
    </row>
    <row r="14890" spans="1:43">
      <c r="A14890" t="s">
        <v>9256</v>
      </c>
      <c r="B14890" t="s">
        <v>9257</v>
      </c>
      <c r="C14890" t="s">
        <v>9250</v>
      </c>
      <c r="D14890" t="s">
        <v>9251</v>
      </c>
      <c r="E14890" t="s">
        <v>9202</v>
      </c>
      <c r="F14890" t="s">
        <v>9203</v>
      </c>
      <c r="G14890" t="s">
        <v>80</v>
      </c>
      <c r="H14890" t="s">
        <v>81</v>
      </c>
      <c r="I14890" s="2">
        <v>0</v>
      </c>
      <c r="J14890" s="2">
        <v>1</v>
      </c>
      <c r="K14890" s="2">
        <v>0</v>
      </c>
      <c r="L14890" t="s">
        <v>82</v>
      </c>
      <c r="M14890" t="s">
        <v>83</v>
      </c>
      <c r="N14890" t="s">
        <v>84</v>
      </c>
      <c r="O14890" t="s">
        <v>85</v>
      </c>
      <c r="P14890" t="s">
        <v>86</v>
      </c>
      <c r="Q14890">
        <v>37</v>
      </c>
      <c r="R14890">
        <v>38</v>
      </c>
      <c r="S14890">
        <v>39</v>
      </c>
      <c r="T14890">
        <v>40</v>
      </c>
      <c r="U14890">
        <v>41</v>
      </c>
      <c r="V14890">
        <v>42</v>
      </c>
      <c r="W14890">
        <v>43</v>
      </c>
      <c r="X14890">
        <v>44</v>
      </c>
      <c r="Y14890">
        <v>44</v>
      </c>
      <c r="Z14890">
        <v>45</v>
      </c>
      <c r="AA14890">
        <v>46</v>
      </c>
      <c r="AB14890">
        <v>47</v>
      </c>
      <c r="AC14890">
        <v>48</v>
      </c>
      <c r="AD14890">
        <v>49</v>
      </c>
      <c r="AE14890">
        <v>50</v>
      </c>
      <c r="AF14890">
        <v>51</v>
      </c>
      <c r="AG14890">
        <v>52</v>
      </c>
      <c r="AH14890">
        <v>54</v>
      </c>
      <c r="AI14890">
        <v>55</v>
      </c>
      <c r="AJ14890">
        <v>56</v>
      </c>
      <c r="AK14890">
        <v>57</v>
      </c>
      <c r="AL14890">
        <v>57</v>
      </c>
      <c r="AM14890">
        <v>58</v>
      </c>
      <c r="AN14890">
        <v>59</v>
      </c>
      <c r="AO14890">
        <v>59</v>
      </c>
      <c r="AP14890">
        <v>60</v>
      </c>
      <c r="AQ14890">
        <v>60</v>
      </c>
    </row>
    <row r="14891" spans="1:43">
      <c r="A14891" t="s">
        <v>9256</v>
      </c>
      <c r="B14891" t="s">
        <v>9257</v>
      </c>
      <c r="C14891" t="s">
        <v>9250</v>
      </c>
      <c r="D14891" t="s">
        <v>9251</v>
      </c>
      <c r="E14891" t="s">
        <v>9202</v>
      </c>
      <c r="F14891" t="s">
        <v>9203</v>
      </c>
      <c r="G14891" t="s">
        <v>80</v>
      </c>
      <c r="H14891" t="s">
        <v>81</v>
      </c>
      <c r="I14891" s="2">
        <v>0</v>
      </c>
      <c r="J14891" s="2">
        <v>1</v>
      </c>
      <c r="K14891" s="2">
        <v>0</v>
      </c>
      <c r="L14891" t="s">
        <v>82</v>
      </c>
      <c r="M14891" t="s">
        <v>87</v>
      </c>
      <c r="N14891" t="s">
        <v>88</v>
      </c>
      <c r="O14891" t="s">
        <v>85</v>
      </c>
      <c r="P14891" t="s">
        <v>86</v>
      </c>
      <c r="Q14891">
        <v>37</v>
      </c>
      <c r="R14891">
        <v>37</v>
      </c>
      <c r="S14891">
        <v>38</v>
      </c>
      <c r="T14891">
        <v>38</v>
      </c>
      <c r="U14891">
        <v>39</v>
      </c>
      <c r="V14891">
        <v>39</v>
      </c>
      <c r="W14891">
        <v>40</v>
      </c>
      <c r="X14891">
        <v>41</v>
      </c>
      <c r="Y14891">
        <v>41</v>
      </c>
      <c r="Z14891">
        <v>42</v>
      </c>
      <c r="AA14891">
        <v>42</v>
      </c>
      <c r="AB14891">
        <v>43</v>
      </c>
      <c r="AC14891">
        <v>43</v>
      </c>
      <c r="AD14891">
        <v>44</v>
      </c>
      <c r="AE14891">
        <v>45</v>
      </c>
      <c r="AF14891">
        <v>45</v>
      </c>
      <c r="AG14891">
        <v>46</v>
      </c>
      <c r="AH14891">
        <v>46</v>
      </c>
      <c r="AI14891">
        <v>47</v>
      </c>
      <c r="AJ14891">
        <v>48</v>
      </c>
      <c r="AK14891">
        <v>48</v>
      </c>
      <c r="AL14891">
        <v>49</v>
      </c>
      <c r="AM14891">
        <v>50</v>
      </c>
      <c r="AN14891">
        <v>50</v>
      </c>
      <c r="AO14891">
        <v>51</v>
      </c>
      <c r="AP14891">
        <v>51</v>
      </c>
      <c r="AQ14891">
        <v>52</v>
      </c>
    </row>
    <row r="14892" spans="1:43">
      <c r="A14892" t="s">
        <v>9256</v>
      </c>
      <c r="B14892" t="s">
        <v>9257</v>
      </c>
      <c r="C14892" t="s">
        <v>9250</v>
      </c>
      <c r="D14892" t="s">
        <v>9251</v>
      </c>
      <c r="E14892" t="s">
        <v>9202</v>
      </c>
      <c r="F14892" t="s">
        <v>9203</v>
      </c>
      <c r="G14892" t="s">
        <v>80</v>
      </c>
      <c r="H14892" t="s">
        <v>81</v>
      </c>
      <c r="I14892" s="2">
        <v>0</v>
      </c>
      <c r="J14892" s="2">
        <v>1</v>
      </c>
      <c r="K14892" s="2">
        <v>0</v>
      </c>
      <c r="L14892" t="s">
        <v>82</v>
      </c>
      <c r="M14892" t="s">
        <v>89</v>
      </c>
      <c r="N14892" t="s">
        <v>90</v>
      </c>
      <c r="O14892" t="s">
        <v>85</v>
      </c>
      <c r="P14892" t="s">
        <v>86</v>
      </c>
      <c r="Q14892">
        <v>37</v>
      </c>
      <c r="R14892">
        <v>39</v>
      </c>
      <c r="S14892">
        <v>40</v>
      </c>
      <c r="T14892">
        <v>41</v>
      </c>
      <c r="U14892">
        <v>42</v>
      </c>
      <c r="V14892">
        <v>44</v>
      </c>
      <c r="W14892">
        <v>45</v>
      </c>
      <c r="X14892">
        <v>46</v>
      </c>
      <c r="Y14892">
        <v>47</v>
      </c>
      <c r="Z14892">
        <v>48</v>
      </c>
      <c r="AA14892">
        <v>50</v>
      </c>
      <c r="AB14892">
        <v>51</v>
      </c>
      <c r="AC14892">
        <v>52</v>
      </c>
      <c r="AD14892">
        <v>53</v>
      </c>
      <c r="AE14892">
        <v>54</v>
      </c>
      <c r="AF14892">
        <v>55</v>
      </c>
      <c r="AG14892">
        <v>55</v>
      </c>
      <c r="AH14892">
        <v>56</v>
      </c>
      <c r="AI14892">
        <v>56</v>
      </c>
      <c r="AJ14892">
        <v>57</v>
      </c>
      <c r="AK14892">
        <v>57</v>
      </c>
      <c r="AL14892">
        <v>58</v>
      </c>
      <c r="AM14892">
        <v>59</v>
      </c>
      <c r="AN14892">
        <v>59</v>
      </c>
      <c r="AO14892">
        <v>60</v>
      </c>
      <c r="AP14892">
        <v>60</v>
      </c>
      <c r="AQ14892">
        <v>61</v>
      </c>
    </row>
    <row r="14893" spans="1:43">
      <c r="A14893" t="s">
        <v>9256</v>
      </c>
      <c r="B14893" t="s">
        <v>9257</v>
      </c>
      <c r="C14893" t="s">
        <v>9250</v>
      </c>
      <c r="D14893" t="s">
        <v>9251</v>
      </c>
      <c r="E14893" t="s">
        <v>9202</v>
      </c>
      <c r="F14893" t="s">
        <v>9203</v>
      </c>
      <c r="G14893" t="s">
        <v>80</v>
      </c>
      <c r="H14893" t="s">
        <v>81</v>
      </c>
      <c r="I14893" s="2">
        <v>0</v>
      </c>
      <c r="J14893" s="2">
        <v>1</v>
      </c>
      <c r="K14893" s="2">
        <v>0</v>
      </c>
      <c r="L14893" t="s">
        <v>82</v>
      </c>
      <c r="M14893" t="s">
        <v>83</v>
      </c>
      <c r="N14893" t="s">
        <v>91</v>
      </c>
      <c r="O14893" t="s">
        <v>85</v>
      </c>
      <c r="P14893" t="s">
        <v>86</v>
      </c>
      <c r="Q14893">
        <v>37</v>
      </c>
      <c r="R14893">
        <v>38</v>
      </c>
      <c r="S14893">
        <v>39</v>
      </c>
      <c r="T14893">
        <v>40</v>
      </c>
      <c r="U14893">
        <v>41</v>
      </c>
      <c r="V14893">
        <v>42</v>
      </c>
      <c r="W14893">
        <v>43</v>
      </c>
      <c r="X14893">
        <v>44</v>
      </c>
      <c r="Y14893">
        <v>44</v>
      </c>
      <c r="Z14893">
        <v>45</v>
      </c>
      <c r="AA14893">
        <v>46</v>
      </c>
      <c r="AB14893">
        <v>47</v>
      </c>
      <c r="AC14893">
        <v>48</v>
      </c>
      <c r="AD14893">
        <v>49</v>
      </c>
      <c r="AE14893">
        <v>50</v>
      </c>
      <c r="AF14893">
        <v>51</v>
      </c>
      <c r="AG14893">
        <v>52</v>
      </c>
      <c r="AH14893">
        <v>54</v>
      </c>
      <c r="AI14893">
        <v>55</v>
      </c>
      <c r="AJ14893">
        <v>56</v>
      </c>
      <c r="AK14893">
        <v>57</v>
      </c>
      <c r="AL14893">
        <v>57</v>
      </c>
      <c r="AM14893">
        <v>58</v>
      </c>
      <c r="AN14893">
        <v>59</v>
      </c>
      <c r="AO14893">
        <v>59</v>
      </c>
      <c r="AP14893">
        <v>60</v>
      </c>
      <c r="AQ14893">
        <v>60</v>
      </c>
    </row>
    <row r="14894" spans="1:43">
      <c r="A14894" t="s">
        <v>9258</v>
      </c>
      <c r="B14894" t="s">
        <v>9259</v>
      </c>
      <c r="C14894" t="s">
        <v>9260</v>
      </c>
      <c r="D14894" t="s">
        <v>9261</v>
      </c>
      <c r="E14894" t="s">
        <v>9202</v>
      </c>
      <c r="F14894" t="s">
        <v>9203</v>
      </c>
      <c r="G14894" t="s">
        <v>80</v>
      </c>
      <c r="H14894" t="s">
        <v>81</v>
      </c>
      <c r="I14894" s="2">
        <v>1</v>
      </c>
      <c r="J14894" s="2">
        <v>0</v>
      </c>
      <c r="K14894" s="2">
        <v>0</v>
      </c>
      <c r="L14894" t="s">
        <v>120</v>
      </c>
      <c r="M14894" t="s">
        <v>83</v>
      </c>
      <c r="N14894" t="s">
        <v>84</v>
      </c>
      <c r="O14894" t="s">
        <v>85</v>
      </c>
      <c r="P14894" t="s">
        <v>86</v>
      </c>
      <c r="Q14894">
        <v>13</v>
      </c>
      <c r="R14894">
        <v>13</v>
      </c>
      <c r="S14894">
        <v>13</v>
      </c>
      <c r="T14894">
        <v>14</v>
      </c>
      <c r="U14894">
        <v>14</v>
      </c>
      <c r="V14894">
        <v>14</v>
      </c>
      <c r="W14894">
        <v>15</v>
      </c>
      <c r="X14894">
        <v>15</v>
      </c>
      <c r="Y14894">
        <v>15</v>
      </c>
      <c r="Z14894">
        <v>16</v>
      </c>
      <c r="AA14894">
        <v>16</v>
      </c>
      <c r="AB14894">
        <v>16</v>
      </c>
      <c r="AC14894">
        <v>17</v>
      </c>
      <c r="AD14894">
        <v>17</v>
      </c>
      <c r="AE14894">
        <v>17</v>
      </c>
      <c r="AF14894">
        <v>18</v>
      </c>
      <c r="AG14894">
        <v>18</v>
      </c>
      <c r="AH14894">
        <v>18</v>
      </c>
      <c r="AI14894">
        <v>19</v>
      </c>
      <c r="AJ14894">
        <v>19</v>
      </c>
      <c r="AK14894">
        <v>19</v>
      </c>
      <c r="AL14894">
        <v>20</v>
      </c>
      <c r="AM14894">
        <v>20</v>
      </c>
      <c r="AN14894">
        <v>20</v>
      </c>
      <c r="AO14894">
        <v>20</v>
      </c>
      <c r="AP14894">
        <v>20</v>
      </c>
      <c r="AQ14894">
        <v>21</v>
      </c>
    </row>
    <row r="14895" spans="1:43">
      <c r="A14895" t="s">
        <v>9258</v>
      </c>
      <c r="B14895" t="s">
        <v>9259</v>
      </c>
      <c r="C14895" t="s">
        <v>9260</v>
      </c>
      <c r="D14895" t="s">
        <v>9261</v>
      </c>
      <c r="E14895" t="s">
        <v>9202</v>
      </c>
      <c r="F14895" t="s">
        <v>9203</v>
      </c>
      <c r="G14895" t="s">
        <v>80</v>
      </c>
      <c r="H14895" t="s">
        <v>81</v>
      </c>
      <c r="I14895" s="2">
        <v>1</v>
      </c>
      <c r="J14895" s="2">
        <v>0</v>
      </c>
      <c r="K14895" s="2">
        <v>0</v>
      </c>
      <c r="L14895" t="s">
        <v>120</v>
      </c>
      <c r="M14895" t="s">
        <v>87</v>
      </c>
      <c r="N14895" t="s">
        <v>88</v>
      </c>
      <c r="O14895" t="s">
        <v>85</v>
      </c>
      <c r="P14895" t="s">
        <v>86</v>
      </c>
      <c r="Q14895">
        <v>13</v>
      </c>
      <c r="R14895">
        <v>13</v>
      </c>
      <c r="S14895">
        <v>13</v>
      </c>
      <c r="T14895">
        <v>13</v>
      </c>
      <c r="U14895">
        <v>13</v>
      </c>
      <c r="V14895">
        <v>14</v>
      </c>
      <c r="W14895">
        <v>14</v>
      </c>
      <c r="X14895">
        <v>14</v>
      </c>
      <c r="Y14895">
        <v>14</v>
      </c>
      <c r="Z14895">
        <v>14</v>
      </c>
      <c r="AA14895">
        <v>15</v>
      </c>
      <c r="AB14895">
        <v>15</v>
      </c>
      <c r="AC14895">
        <v>15</v>
      </c>
      <c r="AD14895">
        <v>15</v>
      </c>
      <c r="AE14895">
        <v>15</v>
      </c>
      <c r="AF14895">
        <v>16</v>
      </c>
      <c r="AG14895">
        <v>16</v>
      </c>
      <c r="AH14895">
        <v>16</v>
      </c>
      <c r="AI14895">
        <v>16</v>
      </c>
      <c r="AJ14895">
        <v>16</v>
      </c>
      <c r="AK14895">
        <v>17</v>
      </c>
      <c r="AL14895">
        <v>17</v>
      </c>
      <c r="AM14895">
        <v>17</v>
      </c>
      <c r="AN14895">
        <v>17</v>
      </c>
      <c r="AO14895">
        <v>17</v>
      </c>
      <c r="AP14895">
        <v>18</v>
      </c>
      <c r="AQ14895">
        <v>18</v>
      </c>
    </row>
    <row r="14896" spans="1:43">
      <c r="A14896" t="s">
        <v>9258</v>
      </c>
      <c r="B14896" t="s">
        <v>9259</v>
      </c>
      <c r="C14896" t="s">
        <v>9260</v>
      </c>
      <c r="D14896" t="s">
        <v>9261</v>
      </c>
      <c r="E14896" t="s">
        <v>9202</v>
      </c>
      <c r="F14896" t="s">
        <v>9203</v>
      </c>
      <c r="G14896" t="s">
        <v>80</v>
      </c>
      <c r="H14896" t="s">
        <v>81</v>
      </c>
      <c r="I14896" s="2">
        <v>1</v>
      </c>
      <c r="J14896" s="2">
        <v>0</v>
      </c>
      <c r="K14896" s="2">
        <v>0</v>
      </c>
      <c r="L14896" t="s">
        <v>120</v>
      </c>
      <c r="M14896" t="s">
        <v>89</v>
      </c>
      <c r="N14896" t="s">
        <v>90</v>
      </c>
      <c r="O14896" t="s">
        <v>85</v>
      </c>
      <c r="P14896" t="s">
        <v>86</v>
      </c>
      <c r="Q14896">
        <v>13</v>
      </c>
      <c r="R14896">
        <v>13</v>
      </c>
      <c r="S14896">
        <v>14</v>
      </c>
      <c r="T14896">
        <v>14</v>
      </c>
      <c r="U14896">
        <v>15</v>
      </c>
      <c r="V14896">
        <v>15</v>
      </c>
      <c r="W14896">
        <v>15</v>
      </c>
      <c r="X14896">
        <v>16</v>
      </c>
      <c r="Y14896">
        <v>16</v>
      </c>
      <c r="Z14896">
        <v>17</v>
      </c>
      <c r="AA14896">
        <v>17</v>
      </c>
      <c r="AB14896">
        <v>17</v>
      </c>
      <c r="AC14896">
        <v>18</v>
      </c>
      <c r="AD14896">
        <v>18</v>
      </c>
      <c r="AE14896">
        <v>19</v>
      </c>
      <c r="AF14896">
        <v>19</v>
      </c>
      <c r="AG14896">
        <v>19</v>
      </c>
      <c r="AH14896">
        <v>19</v>
      </c>
      <c r="AI14896">
        <v>19</v>
      </c>
      <c r="AJ14896">
        <v>19</v>
      </c>
      <c r="AK14896">
        <v>20</v>
      </c>
      <c r="AL14896">
        <v>20</v>
      </c>
      <c r="AM14896">
        <v>20</v>
      </c>
      <c r="AN14896">
        <v>20</v>
      </c>
      <c r="AO14896">
        <v>20</v>
      </c>
      <c r="AP14896">
        <v>21</v>
      </c>
      <c r="AQ14896">
        <v>21</v>
      </c>
    </row>
    <row r="14897" spans="1:43">
      <c r="A14897" t="s">
        <v>9258</v>
      </c>
      <c r="B14897" t="s">
        <v>9259</v>
      </c>
      <c r="C14897" t="s">
        <v>9260</v>
      </c>
      <c r="D14897" t="s">
        <v>9261</v>
      </c>
      <c r="E14897" t="s">
        <v>9202</v>
      </c>
      <c r="F14897" t="s">
        <v>9203</v>
      </c>
      <c r="G14897" t="s">
        <v>80</v>
      </c>
      <c r="H14897" t="s">
        <v>81</v>
      </c>
      <c r="I14897" s="2">
        <v>1</v>
      </c>
      <c r="J14897" s="2">
        <v>0</v>
      </c>
      <c r="K14897" s="2">
        <v>0</v>
      </c>
      <c r="L14897" t="s">
        <v>120</v>
      </c>
      <c r="M14897" t="s">
        <v>83</v>
      </c>
      <c r="N14897" t="s">
        <v>91</v>
      </c>
      <c r="O14897" t="s">
        <v>85</v>
      </c>
      <c r="P14897" t="s">
        <v>86</v>
      </c>
      <c r="Q14897">
        <v>13</v>
      </c>
      <c r="R14897">
        <v>13</v>
      </c>
      <c r="S14897">
        <v>13</v>
      </c>
      <c r="T14897">
        <v>14</v>
      </c>
      <c r="U14897">
        <v>14</v>
      </c>
      <c r="V14897">
        <v>14</v>
      </c>
      <c r="W14897">
        <v>15</v>
      </c>
      <c r="X14897">
        <v>15</v>
      </c>
      <c r="Y14897">
        <v>15</v>
      </c>
      <c r="Z14897">
        <v>16</v>
      </c>
      <c r="AA14897">
        <v>16</v>
      </c>
      <c r="AB14897">
        <v>16</v>
      </c>
      <c r="AC14897">
        <v>17</v>
      </c>
      <c r="AD14897">
        <v>17</v>
      </c>
      <c r="AE14897">
        <v>17</v>
      </c>
      <c r="AF14897">
        <v>18</v>
      </c>
      <c r="AG14897">
        <v>18</v>
      </c>
      <c r="AH14897">
        <v>18</v>
      </c>
      <c r="AI14897">
        <v>19</v>
      </c>
      <c r="AJ14897">
        <v>19</v>
      </c>
      <c r="AK14897">
        <v>19</v>
      </c>
      <c r="AL14897">
        <v>20</v>
      </c>
      <c r="AM14897">
        <v>20</v>
      </c>
      <c r="AN14897">
        <v>20</v>
      </c>
      <c r="AO14897">
        <v>20</v>
      </c>
      <c r="AP14897">
        <v>20</v>
      </c>
      <c r="AQ14897">
        <v>21</v>
      </c>
    </row>
    <row r="14898" spans="1:43">
      <c r="A14898" t="s">
        <v>9262</v>
      </c>
      <c r="B14898" t="s">
        <v>9263</v>
      </c>
      <c r="C14898" t="s">
        <v>9260</v>
      </c>
      <c r="D14898" t="s">
        <v>9261</v>
      </c>
      <c r="E14898" t="s">
        <v>9202</v>
      </c>
      <c r="F14898" t="s">
        <v>9203</v>
      </c>
      <c r="G14898" t="s">
        <v>80</v>
      </c>
      <c r="H14898" t="s">
        <v>81</v>
      </c>
      <c r="I14898" s="2">
        <v>1</v>
      </c>
      <c r="J14898" s="2">
        <v>0</v>
      </c>
      <c r="K14898" s="2">
        <v>0</v>
      </c>
      <c r="L14898" t="s">
        <v>120</v>
      </c>
      <c r="M14898" t="s">
        <v>83</v>
      </c>
      <c r="N14898" t="s">
        <v>84</v>
      </c>
      <c r="O14898" t="s">
        <v>85</v>
      </c>
      <c r="P14898" t="s">
        <v>86</v>
      </c>
      <c r="Q14898">
        <v>33</v>
      </c>
      <c r="R14898">
        <v>34</v>
      </c>
      <c r="S14898">
        <v>35</v>
      </c>
      <c r="T14898">
        <v>35</v>
      </c>
      <c r="U14898">
        <v>36</v>
      </c>
      <c r="V14898">
        <v>37</v>
      </c>
      <c r="W14898">
        <v>38</v>
      </c>
      <c r="X14898">
        <v>39</v>
      </c>
      <c r="Y14898">
        <v>39</v>
      </c>
      <c r="Z14898">
        <v>40</v>
      </c>
      <c r="AA14898">
        <v>41</v>
      </c>
      <c r="AB14898">
        <v>42</v>
      </c>
      <c r="AC14898">
        <v>43</v>
      </c>
      <c r="AD14898">
        <v>44</v>
      </c>
      <c r="AE14898">
        <v>45</v>
      </c>
      <c r="AF14898">
        <v>45</v>
      </c>
      <c r="AG14898">
        <v>46</v>
      </c>
      <c r="AH14898">
        <v>47</v>
      </c>
      <c r="AI14898">
        <v>48</v>
      </c>
      <c r="AJ14898">
        <v>49</v>
      </c>
      <c r="AK14898">
        <v>50</v>
      </c>
      <c r="AL14898">
        <v>51</v>
      </c>
      <c r="AM14898">
        <v>51</v>
      </c>
      <c r="AN14898">
        <v>52</v>
      </c>
      <c r="AO14898">
        <v>52</v>
      </c>
      <c r="AP14898">
        <v>53</v>
      </c>
      <c r="AQ14898">
        <v>53</v>
      </c>
    </row>
    <row r="14899" spans="1:43">
      <c r="A14899" t="s">
        <v>9262</v>
      </c>
      <c r="B14899" t="s">
        <v>9263</v>
      </c>
      <c r="C14899" t="s">
        <v>9260</v>
      </c>
      <c r="D14899" t="s">
        <v>9261</v>
      </c>
      <c r="E14899" t="s">
        <v>9202</v>
      </c>
      <c r="F14899" t="s">
        <v>9203</v>
      </c>
      <c r="G14899" t="s">
        <v>80</v>
      </c>
      <c r="H14899" t="s">
        <v>81</v>
      </c>
      <c r="I14899" s="2">
        <v>1</v>
      </c>
      <c r="J14899" s="2">
        <v>0</v>
      </c>
      <c r="K14899" s="2">
        <v>0</v>
      </c>
      <c r="L14899" t="s">
        <v>120</v>
      </c>
      <c r="M14899" t="s">
        <v>87</v>
      </c>
      <c r="N14899" t="s">
        <v>88</v>
      </c>
      <c r="O14899" t="s">
        <v>85</v>
      </c>
      <c r="P14899" t="s">
        <v>86</v>
      </c>
      <c r="Q14899">
        <v>33</v>
      </c>
      <c r="R14899">
        <v>33</v>
      </c>
      <c r="S14899">
        <v>34</v>
      </c>
      <c r="T14899">
        <v>34</v>
      </c>
      <c r="U14899">
        <v>35</v>
      </c>
      <c r="V14899">
        <v>35</v>
      </c>
      <c r="W14899">
        <v>36</v>
      </c>
      <c r="X14899">
        <v>36</v>
      </c>
      <c r="Y14899">
        <v>37</v>
      </c>
      <c r="Z14899">
        <v>37</v>
      </c>
      <c r="AA14899">
        <v>38</v>
      </c>
      <c r="AB14899">
        <v>38</v>
      </c>
      <c r="AC14899">
        <v>39</v>
      </c>
      <c r="AD14899">
        <v>39</v>
      </c>
      <c r="AE14899">
        <v>40</v>
      </c>
      <c r="AF14899">
        <v>40</v>
      </c>
      <c r="AG14899">
        <v>41</v>
      </c>
      <c r="AH14899">
        <v>41</v>
      </c>
      <c r="AI14899">
        <v>42</v>
      </c>
      <c r="AJ14899">
        <v>42</v>
      </c>
      <c r="AK14899">
        <v>43</v>
      </c>
      <c r="AL14899">
        <v>43</v>
      </c>
      <c r="AM14899">
        <v>44</v>
      </c>
      <c r="AN14899">
        <v>44</v>
      </c>
      <c r="AO14899">
        <v>45</v>
      </c>
      <c r="AP14899">
        <v>46</v>
      </c>
      <c r="AQ14899">
        <v>46</v>
      </c>
    </row>
    <row r="14900" spans="1:43">
      <c r="A14900" t="s">
        <v>9262</v>
      </c>
      <c r="B14900" t="s">
        <v>9263</v>
      </c>
      <c r="C14900" t="s">
        <v>9260</v>
      </c>
      <c r="D14900" t="s">
        <v>9261</v>
      </c>
      <c r="E14900" t="s">
        <v>9202</v>
      </c>
      <c r="F14900" t="s">
        <v>9203</v>
      </c>
      <c r="G14900" t="s">
        <v>80</v>
      </c>
      <c r="H14900" t="s">
        <v>81</v>
      </c>
      <c r="I14900" s="2">
        <v>1</v>
      </c>
      <c r="J14900" s="2">
        <v>0</v>
      </c>
      <c r="K14900" s="2">
        <v>0</v>
      </c>
      <c r="L14900" t="s">
        <v>120</v>
      </c>
      <c r="M14900" t="s">
        <v>89</v>
      </c>
      <c r="N14900" t="s">
        <v>90</v>
      </c>
      <c r="O14900" t="s">
        <v>85</v>
      </c>
      <c r="P14900" t="s">
        <v>86</v>
      </c>
      <c r="Q14900">
        <v>33</v>
      </c>
      <c r="R14900">
        <v>34</v>
      </c>
      <c r="S14900">
        <v>35</v>
      </c>
      <c r="T14900">
        <v>36</v>
      </c>
      <c r="U14900">
        <v>38</v>
      </c>
      <c r="V14900">
        <v>39</v>
      </c>
      <c r="W14900">
        <v>40</v>
      </c>
      <c r="X14900">
        <v>41</v>
      </c>
      <c r="Y14900">
        <v>42</v>
      </c>
      <c r="Z14900">
        <v>43</v>
      </c>
      <c r="AA14900">
        <v>44</v>
      </c>
      <c r="AB14900">
        <v>45</v>
      </c>
      <c r="AC14900">
        <v>46</v>
      </c>
      <c r="AD14900">
        <v>47</v>
      </c>
      <c r="AE14900">
        <v>48</v>
      </c>
      <c r="AF14900">
        <v>48</v>
      </c>
      <c r="AG14900">
        <v>49</v>
      </c>
      <c r="AH14900">
        <v>49</v>
      </c>
      <c r="AI14900">
        <v>50</v>
      </c>
      <c r="AJ14900">
        <v>50</v>
      </c>
      <c r="AK14900">
        <v>51</v>
      </c>
      <c r="AL14900">
        <v>51</v>
      </c>
      <c r="AM14900">
        <v>51</v>
      </c>
      <c r="AN14900">
        <v>52</v>
      </c>
      <c r="AO14900">
        <v>52</v>
      </c>
      <c r="AP14900">
        <v>53</v>
      </c>
      <c r="AQ14900">
        <v>53</v>
      </c>
    </row>
    <row r="14901" spans="1:43">
      <c r="A14901" t="s">
        <v>9262</v>
      </c>
      <c r="B14901" t="s">
        <v>9263</v>
      </c>
      <c r="C14901" t="s">
        <v>9260</v>
      </c>
      <c r="D14901" t="s">
        <v>9261</v>
      </c>
      <c r="E14901" t="s">
        <v>9202</v>
      </c>
      <c r="F14901" t="s">
        <v>9203</v>
      </c>
      <c r="G14901" t="s">
        <v>80</v>
      </c>
      <c r="H14901" t="s">
        <v>81</v>
      </c>
      <c r="I14901" s="2">
        <v>1</v>
      </c>
      <c r="J14901" s="2">
        <v>0</v>
      </c>
      <c r="K14901" s="2">
        <v>0</v>
      </c>
      <c r="L14901" t="s">
        <v>120</v>
      </c>
      <c r="M14901" t="s">
        <v>83</v>
      </c>
      <c r="N14901" t="s">
        <v>91</v>
      </c>
      <c r="O14901" t="s">
        <v>85</v>
      </c>
      <c r="P14901" t="s">
        <v>86</v>
      </c>
      <c r="Q14901">
        <v>33</v>
      </c>
      <c r="R14901">
        <v>34</v>
      </c>
      <c r="S14901">
        <v>35</v>
      </c>
      <c r="T14901">
        <v>35</v>
      </c>
      <c r="U14901">
        <v>36</v>
      </c>
      <c r="V14901">
        <v>37</v>
      </c>
      <c r="W14901">
        <v>38</v>
      </c>
      <c r="X14901">
        <v>39</v>
      </c>
      <c r="Y14901">
        <v>39</v>
      </c>
      <c r="Z14901">
        <v>40</v>
      </c>
      <c r="AA14901">
        <v>41</v>
      </c>
      <c r="AB14901">
        <v>42</v>
      </c>
      <c r="AC14901">
        <v>43</v>
      </c>
      <c r="AD14901">
        <v>44</v>
      </c>
      <c r="AE14901">
        <v>45</v>
      </c>
      <c r="AF14901">
        <v>45</v>
      </c>
      <c r="AG14901">
        <v>46</v>
      </c>
      <c r="AH14901">
        <v>47</v>
      </c>
      <c r="AI14901">
        <v>48</v>
      </c>
      <c r="AJ14901">
        <v>49</v>
      </c>
      <c r="AK14901">
        <v>50</v>
      </c>
      <c r="AL14901">
        <v>51</v>
      </c>
      <c r="AM14901">
        <v>51</v>
      </c>
      <c r="AN14901">
        <v>52</v>
      </c>
      <c r="AO14901">
        <v>52</v>
      </c>
      <c r="AP14901">
        <v>53</v>
      </c>
      <c r="AQ14901">
        <v>53</v>
      </c>
    </row>
    <row r="14902" spans="1:43">
      <c r="A14902" t="s">
        <v>9264</v>
      </c>
      <c r="B14902" t="s">
        <v>9265</v>
      </c>
      <c r="C14902" t="s">
        <v>9260</v>
      </c>
      <c r="D14902" t="s">
        <v>9261</v>
      </c>
      <c r="E14902" t="s">
        <v>9202</v>
      </c>
      <c r="F14902" t="s">
        <v>9203</v>
      </c>
      <c r="G14902" t="s">
        <v>80</v>
      </c>
      <c r="H14902" t="s">
        <v>81</v>
      </c>
      <c r="I14902" s="2">
        <v>1</v>
      </c>
      <c r="J14902" s="2">
        <v>0</v>
      </c>
      <c r="K14902" s="2">
        <v>0</v>
      </c>
      <c r="L14902" t="s">
        <v>120</v>
      </c>
      <c r="M14902" t="s">
        <v>83</v>
      </c>
      <c r="N14902" t="s">
        <v>84</v>
      </c>
      <c r="O14902" t="s">
        <v>85</v>
      </c>
      <c r="P14902" t="s">
        <v>86</v>
      </c>
      <c r="Q14902">
        <v>9</v>
      </c>
      <c r="R14902">
        <v>9</v>
      </c>
      <c r="S14902">
        <v>10</v>
      </c>
      <c r="T14902">
        <v>10</v>
      </c>
      <c r="U14902">
        <v>10</v>
      </c>
      <c r="V14902">
        <v>10</v>
      </c>
      <c r="W14902">
        <v>11</v>
      </c>
      <c r="X14902">
        <v>11</v>
      </c>
      <c r="Y14902">
        <v>11</v>
      </c>
      <c r="Z14902">
        <v>11</v>
      </c>
      <c r="AA14902">
        <v>11</v>
      </c>
      <c r="AB14902">
        <v>12</v>
      </c>
      <c r="AC14902">
        <v>12</v>
      </c>
      <c r="AD14902">
        <v>12</v>
      </c>
      <c r="AE14902">
        <v>12</v>
      </c>
      <c r="AF14902">
        <v>13</v>
      </c>
      <c r="AG14902">
        <v>13</v>
      </c>
      <c r="AH14902">
        <v>13</v>
      </c>
      <c r="AI14902">
        <v>13</v>
      </c>
      <c r="AJ14902">
        <v>14</v>
      </c>
      <c r="AK14902">
        <v>14</v>
      </c>
      <c r="AL14902">
        <v>14</v>
      </c>
      <c r="AM14902">
        <v>14</v>
      </c>
      <c r="AN14902">
        <v>14</v>
      </c>
      <c r="AO14902">
        <v>15</v>
      </c>
      <c r="AP14902">
        <v>15</v>
      </c>
      <c r="AQ14902">
        <v>15</v>
      </c>
    </row>
    <row r="14903" spans="1:43">
      <c r="A14903" t="s">
        <v>9264</v>
      </c>
      <c r="B14903" t="s">
        <v>9265</v>
      </c>
      <c r="C14903" t="s">
        <v>9260</v>
      </c>
      <c r="D14903" t="s">
        <v>9261</v>
      </c>
      <c r="E14903" t="s">
        <v>9202</v>
      </c>
      <c r="F14903" t="s">
        <v>9203</v>
      </c>
      <c r="G14903" t="s">
        <v>80</v>
      </c>
      <c r="H14903" t="s">
        <v>81</v>
      </c>
      <c r="I14903" s="2">
        <v>1</v>
      </c>
      <c r="J14903" s="2">
        <v>0</v>
      </c>
      <c r="K14903" s="2">
        <v>0</v>
      </c>
      <c r="L14903" t="s">
        <v>120</v>
      </c>
      <c r="M14903" t="s">
        <v>87</v>
      </c>
      <c r="N14903" t="s">
        <v>88</v>
      </c>
      <c r="O14903" t="s">
        <v>85</v>
      </c>
      <c r="P14903" t="s">
        <v>86</v>
      </c>
      <c r="Q14903">
        <v>9</v>
      </c>
      <c r="R14903">
        <v>9</v>
      </c>
      <c r="S14903">
        <v>9</v>
      </c>
      <c r="T14903">
        <v>10</v>
      </c>
      <c r="U14903">
        <v>10</v>
      </c>
      <c r="V14903">
        <v>10</v>
      </c>
      <c r="W14903">
        <v>10</v>
      </c>
      <c r="X14903">
        <v>10</v>
      </c>
      <c r="Y14903">
        <v>10</v>
      </c>
      <c r="Z14903">
        <v>10</v>
      </c>
      <c r="AA14903">
        <v>10</v>
      </c>
      <c r="AB14903">
        <v>11</v>
      </c>
      <c r="AC14903">
        <v>11</v>
      </c>
      <c r="AD14903">
        <v>11</v>
      </c>
      <c r="AE14903">
        <v>11</v>
      </c>
      <c r="AF14903">
        <v>11</v>
      </c>
      <c r="AG14903">
        <v>11</v>
      </c>
      <c r="AH14903">
        <v>11</v>
      </c>
      <c r="AI14903">
        <v>12</v>
      </c>
      <c r="AJ14903">
        <v>12</v>
      </c>
      <c r="AK14903">
        <v>12</v>
      </c>
      <c r="AL14903">
        <v>12</v>
      </c>
      <c r="AM14903">
        <v>12</v>
      </c>
      <c r="AN14903">
        <v>12</v>
      </c>
      <c r="AO14903">
        <v>13</v>
      </c>
      <c r="AP14903">
        <v>13</v>
      </c>
      <c r="AQ14903">
        <v>13</v>
      </c>
    </row>
    <row r="14904" spans="1:43">
      <c r="A14904" t="s">
        <v>9264</v>
      </c>
      <c r="B14904" t="s">
        <v>9265</v>
      </c>
      <c r="C14904" t="s">
        <v>9260</v>
      </c>
      <c r="D14904" t="s">
        <v>9261</v>
      </c>
      <c r="E14904" t="s">
        <v>9202</v>
      </c>
      <c r="F14904" t="s">
        <v>9203</v>
      </c>
      <c r="G14904" t="s">
        <v>80</v>
      </c>
      <c r="H14904" t="s">
        <v>81</v>
      </c>
      <c r="I14904" s="2">
        <v>1</v>
      </c>
      <c r="J14904" s="2">
        <v>0</v>
      </c>
      <c r="K14904" s="2">
        <v>0</v>
      </c>
      <c r="L14904" t="s">
        <v>120</v>
      </c>
      <c r="M14904" t="s">
        <v>89</v>
      </c>
      <c r="N14904" t="s">
        <v>90</v>
      </c>
      <c r="O14904" t="s">
        <v>85</v>
      </c>
      <c r="P14904" t="s">
        <v>86</v>
      </c>
      <c r="Q14904">
        <v>9</v>
      </c>
      <c r="R14904">
        <v>10</v>
      </c>
      <c r="S14904">
        <v>10</v>
      </c>
      <c r="T14904">
        <v>10</v>
      </c>
      <c r="U14904">
        <v>11</v>
      </c>
      <c r="V14904">
        <v>11</v>
      </c>
      <c r="W14904">
        <v>11</v>
      </c>
      <c r="X14904">
        <v>11</v>
      </c>
      <c r="Y14904">
        <v>12</v>
      </c>
      <c r="Z14904">
        <v>12</v>
      </c>
      <c r="AA14904">
        <v>12</v>
      </c>
      <c r="AB14904">
        <v>13</v>
      </c>
      <c r="AC14904">
        <v>13</v>
      </c>
      <c r="AD14904">
        <v>13</v>
      </c>
      <c r="AE14904">
        <v>13</v>
      </c>
      <c r="AF14904">
        <v>13</v>
      </c>
      <c r="AG14904">
        <v>14</v>
      </c>
      <c r="AH14904">
        <v>14</v>
      </c>
      <c r="AI14904">
        <v>14</v>
      </c>
      <c r="AJ14904">
        <v>14</v>
      </c>
      <c r="AK14904">
        <v>14</v>
      </c>
      <c r="AL14904">
        <v>14</v>
      </c>
      <c r="AM14904">
        <v>14</v>
      </c>
      <c r="AN14904">
        <v>15</v>
      </c>
      <c r="AO14904">
        <v>15</v>
      </c>
      <c r="AP14904">
        <v>15</v>
      </c>
      <c r="AQ14904">
        <v>15</v>
      </c>
    </row>
    <row r="14905" spans="1:43">
      <c r="A14905" t="s">
        <v>9264</v>
      </c>
      <c r="B14905" t="s">
        <v>9265</v>
      </c>
      <c r="C14905" t="s">
        <v>9260</v>
      </c>
      <c r="D14905" t="s">
        <v>9261</v>
      </c>
      <c r="E14905" t="s">
        <v>9202</v>
      </c>
      <c r="F14905" t="s">
        <v>9203</v>
      </c>
      <c r="G14905" t="s">
        <v>80</v>
      </c>
      <c r="H14905" t="s">
        <v>81</v>
      </c>
      <c r="I14905" s="2">
        <v>1</v>
      </c>
      <c r="J14905" s="2">
        <v>0</v>
      </c>
      <c r="K14905" s="2">
        <v>0</v>
      </c>
      <c r="L14905" t="s">
        <v>120</v>
      </c>
      <c r="M14905" t="s">
        <v>83</v>
      </c>
      <c r="N14905" t="s">
        <v>91</v>
      </c>
      <c r="O14905" t="s">
        <v>85</v>
      </c>
      <c r="P14905" t="s">
        <v>86</v>
      </c>
      <c r="Q14905">
        <v>9</v>
      </c>
      <c r="R14905">
        <v>9</v>
      </c>
      <c r="S14905">
        <v>10</v>
      </c>
      <c r="T14905">
        <v>10</v>
      </c>
      <c r="U14905">
        <v>10</v>
      </c>
      <c r="V14905">
        <v>10</v>
      </c>
      <c r="W14905">
        <v>11</v>
      </c>
      <c r="X14905">
        <v>11</v>
      </c>
      <c r="Y14905">
        <v>11</v>
      </c>
      <c r="Z14905">
        <v>11</v>
      </c>
      <c r="AA14905">
        <v>11</v>
      </c>
      <c r="AB14905">
        <v>12</v>
      </c>
      <c r="AC14905">
        <v>12</v>
      </c>
      <c r="AD14905">
        <v>12</v>
      </c>
      <c r="AE14905">
        <v>12</v>
      </c>
      <c r="AF14905">
        <v>13</v>
      </c>
      <c r="AG14905">
        <v>13</v>
      </c>
      <c r="AH14905">
        <v>13</v>
      </c>
      <c r="AI14905">
        <v>13</v>
      </c>
      <c r="AJ14905">
        <v>14</v>
      </c>
      <c r="AK14905">
        <v>14</v>
      </c>
      <c r="AL14905">
        <v>14</v>
      </c>
      <c r="AM14905">
        <v>14</v>
      </c>
      <c r="AN14905">
        <v>14</v>
      </c>
      <c r="AO14905">
        <v>15</v>
      </c>
      <c r="AP14905">
        <v>15</v>
      </c>
      <c r="AQ14905">
        <v>15</v>
      </c>
    </row>
    <row r="14906" spans="1:43">
      <c r="A14906" t="s">
        <v>9266</v>
      </c>
      <c r="B14906" t="s">
        <v>9267</v>
      </c>
      <c r="C14906" t="s">
        <v>9268</v>
      </c>
      <c r="D14906" t="s">
        <v>9269</v>
      </c>
      <c r="E14906" t="s">
        <v>9202</v>
      </c>
      <c r="F14906" t="s">
        <v>9203</v>
      </c>
      <c r="G14906" t="s">
        <v>80</v>
      </c>
      <c r="H14906" t="s">
        <v>81</v>
      </c>
      <c r="I14906" s="2">
        <v>1</v>
      </c>
      <c r="J14906" s="2">
        <v>0</v>
      </c>
      <c r="K14906" s="2">
        <v>0</v>
      </c>
      <c r="L14906" t="s">
        <v>120</v>
      </c>
      <c r="M14906" t="s">
        <v>83</v>
      </c>
      <c r="N14906" t="s">
        <v>84</v>
      </c>
      <c r="O14906" t="s">
        <v>85</v>
      </c>
      <c r="P14906" t="s">
        <v>86</v>
      </c>
      <c r="Q14906">
        <v>102</v>
      </c>
      <c r="R14906">
        <v>105</v>
      </c>
      <c r="S14906">
        <v>107</v>
      </c>
      <c r="T14906">
        <v>110</v>
      </c>
      <c r="U14906">
        <v>112</v>
      </c>
      <c r="V14906">
        <v>115</v>
      </c>
      <c r="W14906">
        <v>118</v>
      </c>
      <c r="X14906">
        <v>120</v>
      </c>
      <c r="Y14906">
        <v>123</v>
      </c>
      <c r="Z14906">
        <v>125</v>
      </c>
      <c r="AA14906">
        <v>128</v>
      </c>
      <c r="AB14906">
        <v>130</v>
      </c>
      <c r="AC14906">
        <v>133</v>
      </c>
      <c r="AD14906">
        <v>136</v>
      </c>
      <c r="AE14906">
        <v>139</v>
      </c>
      <c r="AF14906">
        <v>141</v>
      </c>
      <c r="AG14906">
        <v>144</v>
      </c>
      <c r="AH14906">
        <v>147</v>
      </c>
      <c r="AI14906">
        <v>150</v>
      </c>
      <c r="AJ14906">
        <v>153</v>
      </c>
      <c r="AK14906">
        <v>155</v>
      </c>
      <c r="AL14906">
        <v>157</v>
      </c>
      <c r="AM14906">
        <v>159</v>
      </c>
      <c r="AN14906">
        <v>160</v>
      </c>
      <c r="AO14906">
        <v>162</v>
      </c>
      <c r="AP14906">
        <v>163</v>
      </c>
      <c r="AQ14906">
        <v>165</v>
      </c>
    </row>
    <row r="14907" spans="1:43">
      <c r="A14907" t="s">
        <v>9266</v>
      </c>
      <c r="B14907" t="s">
        <v>9267</v>
      </c>
      <c r="C14907" t="s">
        <v>9268</v>
      </c>
      <c r="D14907" t="s">
        <v>9269</v>
      </c>
      <c r="E14907" t="s">
        <v>9202</v>
      </c>
      <c r="F14907" t="s">
        <v>9203</v>
      </c>
      <c r="G14907" t="s">
        <v>80</v>
      </c>
      <c r="H14907" t="s">
        <v>81</v>
      </c>
      <c r="I14907" s="2">
        <v>1</v>
      </c>
      <c r="J14907" s="2">
        <v>0</v>
      </c>
      <c r="K14907" s="2">
        <v>0</v>
      </c>
      <c r="L14907" t="s">
        <v>120</v>
      </c>
      <c r="M14907" t="s">
        <v>87</v>
      </c>
      <c r="N14907" t="s">
        <v>88</v>
      </c>
      <c r="O14907" t="s">
        <v>85</v>
      </c>
      <c r="P14907" t="s">
        <v>86</v>
      </c>
      <c r="Q14907">
        <v>102</v>
      </c>
      <c r="R14907">
        <v>104</v>
      </c>
      <c r="S14907">
        <v>105</v>
      </c>
      <c r="T14907">
        <v>107</v>
      </c>
      <c r="U14907">
        <v>108</v>
      </c>
      <c r="V14907">
        <v>110</v>
      </c>
      <c r="W14907">
        <v>111</v>
      </c>
      <c r="X14907">
        <v>113</v>
      </c>
      <c r="Y14907">
        <v>115</v>
      </c>
      <c r="Z14907">
        <v>116</v>
      </c>
      <c r="AA14907">
        <v>118</v>
      </c>
      <c r="AB14907">
        <v>119</v>
      </c>
      <c r="AC14907">
        <v>121</v>
      </c>
      <c r="AD14907">
        <v>122</v>
      </c>
      <c r="AE14907">
        <v>124</v>
      </c>
      <c r="AF14907">
        <v>126</v>
      </c>
      <c r="AG14907">
        <v>127</v>
      </c>
      <c r="AH14907">
        <v>129</v>
      </c>
      <c r="AI14907">
        <v>131</v>
      </c>
      <c r="AJ14907">
        <v>132</v>
      </c>
      <c r="AK14907">
        <v>134</v>
      </c>
      <c r="AL14907">
        <v>136</v>
      </c>
      <c r="AM14907">
        <v>137</v>
      </c>
      <c r="AN14907">
        <v>139</v>
      </c>
      <c r="AO14907">
        <v>141</v>
      </c>
      <c r="AP14907">
        <v>143</v>
      </c>
      <c r="AQ14907">
        <v>144</v>
      </c>
    </row>
    <row r="14908" spans="1:43">
      <c r="A14908" t="s">
        <v>9266</v>
      </c>
      <c r="B14908" t="s">
        <v>9267</v>
      </c>
      <c r="C14908" t="s">
        <v>9268</v>
      </c>
      <c r="D14908" t="s">
        <v>9269</v>
      </c>
      <c r="E14908" t="s">
        <v>9202</v>
      </c>
      <c r="F14908" t="s">
        <v>9203</v>
      </c>
      <c r="G14908" t="s">
        <v>80</v>
      </c>
      <c r="H14908" t="s">
        <v>81</v>
      </c>
      <c r="I14908" s="2">
        <v>1</v>
      </c>
      <c r="J14908" s="2">
        <v>0</v>
      </c>
      <c r="K14908" s="2">
        <v>0</v>
      </c>
      <c r="L14908" t="s">
        <v>120</v>
      </c>
      <c r="M14908" t="s">
        <v>89</v>
      </c>
      <c r="N14908" t="s">
        <v>90</v>
      </c>
      <c r="O14908" t="s">
        <v>85</v>
      </c>
      <c r="P14908" t="s">
        <v>86</v>
      </c>
      <c r="Q14908">
        <v>102</v>
      </c>
      <c r="R14908">
        <v>106</v>
      </c>
      <c r="S14908">
        <v>109</v>
      </c>
      <c r="T14908">
        <v>112</v>
      </c>
      <c r="U14908">
        <v>116</v>
      </c>
      <c r="V14908">
        <v>119</v>
      </c>
      <c r="W14908">
        <v>122</v>
      </c>
      <c r="X14908">
        <v>125</v>
      </c>
      <c r="Y14908">
        <v>129</v>
      </c>
      <c r="Z14908">
        <v>132</v>
      </c>
      <c r="AA14908">
        <v>135</v>
      </c>
      <c r="AB14908">
        <v>138</v>
      </c>
      <c r="AC14908">
        <v>142</v>
      </c>
      <c r="AD14908">
        <v>145</v>
      </c>
      <c r="AE14908">
        <v>147</v>
      </c>
      <c r="AF14908">
        <v>149</v>
      </c>
      <c r="AG14908">
        <v>150</v>
      </c>
      <c r="AH14908">
        <v>152</v>
      </c>
      <c r="AI14908">
        <v>153</v>
      </c>
      <c r="AJ14908">
        <v>155</v>
      </c>
      <c r="AK14908">
        <v>156</v>
      </c>
      <c r="AL14908">
        <v>158</v>
      </c>
      <c r="AM14908">
        <v>159</v>
      </c>
      <c r="AN14908">
        <v>161</v>
      </c>
      <c r="AO14908">
        <v>162</v>
      </c>
      <c r="AP14908">
        <v>164</v>
      </c>
      <c r="AQ14908">
        <v>165</v>
      </c>
    </row>
    <row r="14909" spans="1:43">
      <c r="A14909" t="s">
        <v>9266</v>
      </c>
      <c r="B14909" t="s">
        <v>9267</v>
      </c>
      <c r="C14909" t="s">
        <v>9268</v>
      </c>
      <c r="D14909" t="s">
        <v>9269</v>
      </c>
      <c r="E14909" t="s">
        <v>9202</v>
      </c>
      <c r="F14909" t="s">
        <v>9203</v>
      </c>
      <c r="G14909" t="s">
        <v>80</v>
      </c>
      <c r="H14909" t="s">
        <v>81</v>
      </c>
      <c r="I14909" s="2">
        <v>1</v>
      </c>
      <c r="J14909" s="2">
        <v>0</v>
      </c>
      <c r="K14909" s="2">
        <v>0</v>
      </c>
      <c r="L14909" t="s">
        <v>120</v>
      </c>
      <c r="M14909" t="s">
        <v>83</v>
      </c>
      <c r="N14909" t="s">
        <v>91</v>
      </c>
      <c r="O14909" t="s">
        <v>85</v>
      </c>
      <c r="P14909" t="s">
        <v>86</v>
      </c>
      <c r="Q14909">
        <v>102</v>
      </c>
      <c r="R14909">
        <v>105</v>
      </c>
      <c r="S14909">
        <v>107</v>
      </c>
      <c r="T14909">
        <v>110</v>
      </c>
      <c r="U14909">
        <v>112</v>
      </c>
      <c r="V14909">
        <v>115</v>
      </c>
      <c r="W14909">
        <v>118</v>
      </c>
      <c r="X14909">
        <v>120</v>
      </c>
      <c r="Y14909">
        <v>123</v>
      </c>
      <c r="Z14909">
        <v>125</v>
      </c>
      <c r="AA14909">
        <v>128</v>
      </c>
      <c r="AB14909">
        <v>130</v>
      </c>
      <c r="AC14909">
        <v>133</v>
      </c>
      <c r="AD14909">
        <v>136</v>
      </c>
      <c r="AE14909">
        <v>139</v>
      </c>
      <c r="AF14909">
        <v>141</v>
      </c>
      <c r="AG14909">
        <v>144</v>
      </c>
      <c r="AH14909">
        <v>147</v>
      </c>
      <c r="AI14909">
        <v>150</v>
      </c>
      <c r="AJ14909">
        <v>153</v>
      </c>
      <c r="AK14909">
        <v>155</v>
      </c>
      <c r="AL14909">
        <v>157</v>
      </c>
      <c r="AM14909">
        <v>159</v>
      </c>
      <c r="AN14909">
        <v>160</v>
      </c>
      <c r="AO14909">
        <v>162</v>
      </c>
      <c r="AP14909">
        <v>163</v>
      </c>
      <c r="AQ14909">
        <v>165</v>
      </c>
    </row>
    <row r="14910" spans="1:43">
      <c r="A14910" t="s">
        <v>9270</v>
      </c>
      <c r="B14910" t="s">
        <v>9271</v>
      </c>
      <c r="C14910" t="s">
        <v>9268</v>
      </c>
      <c r="D14910" t="s">
        <v>9269</v>
      </c>
      <c r="E14910" t="s">
        <v>9202</v>
      </c>
      <c r="F14910" t="s">
        <v>9203</v>
      </c>
      <c r="G14910" t="s">
        <v>80</v>
      </c>
      <c r="H14910" t="s">
        <v>81</v>
      </c>
      <c r="I14910" s="2">
        <v>1</v>
      </c>
      <c r="J14910" s="2">
        <v>0</v>
      </c>
      <c r="K14910" s="2">
        <v>0</v>
      </c>
      <c r="L14910" t="s">
        <v>120</v>
      </c>
      <c r="M14910" t="s">
        <v>83</v>
      </c>
      <c r="N14910" t="s">
        <v>84</v>
      </c>
      <c r="O14910" t="s">
        <v>85</v>
      </c>
      <c r="P14910" t="s">
        <v>86</v>
      </c>
      <c r="Q14910">
        <v>21</v>
      </c>
      <c r="R14910">
        <v>22</v>
      </c>
      <c r="S14910">
        <v>22</v>
      </c>
      <c r="T14910">
        <v>23</v>
      </c>
      <c r="U14910">
        <v>23</v>
      </c>
      <c r="V14910">
        <v>24</v>
      </c>
      <c r="W14910">
        <v>24</v>
      </c>
      <c r="X14910">
        <v>25</v>
      </c>
      <c r="Y14910">
        <v>25</v>
      </c>
      <c r="Z14910">
        <v>26</v>
      </c>
      <c r="AA14910">
        <v>26</v>
      </c>
      <c r="AB14910">
        <v>27</v>
      </c>
      <c r="AC14910">
        <v>27</v>
      </c>
      <c r="AD14910">
        <v>28</v>
      </c>
      <c r="AE14910">
        <v>29</v>
      </c>
      <c r="AF14910">
        <v>29</v>
      </c>
      <c r="AG14910">
        <v>30</v>
      </c>
      <c r="AH14910">
        <v>30</v>
      </c>
      <c r="AI14910">
        <v>31</v>
      </c>
      <c r="AJ14910">
        <v>32</v>
      </c>
      <c r="AK14910">
        <v>32</v>
      </c>
      <c r="AL14910">
        <v>33</v>
      </c>
      <c r="AM14910">
        <v>33</v>
      </c>
      <c r="AN14910">
        <v>33</v>
      </c>
      <c r="AO14910">
        <v>33</v>
      </c>
      <c r="AP14910">
        <v>34</v>
      </c>
      <c r="AQ14910">
        <v>34</v>
      </c>
    </row>
    <row r="14911" spans="1:43">
      <c r="A14911" t="s">
        <v>9270</v>
      </c>
      <c r="B14911" t="s">
        <v>9271</v>
      </c>
      <c r="C14911" t="s">
        <v>9268</v>
      </c>
      <c r="D14911" t="s">
        <v>9269</v>
      </c>
      <c r="E14911" t="s">
        <v>9202</v>
      </c>
      <c r="F14911" t="s">
        <v>9203</v>
      </c>
      <c r="G14911" t="s">
        <v>80</v>
      </c>
      <c r="H14911" t="s">
        <v>81</v>
      </c>
      <c r="I14911" s="2">
        <v>1</v>
      </c>
      <c r="J14911" s="2">
        <v>0</v>
      </c>
      <c r="K14911" s="2">
        <v>0</v>
      </c>
      <c r="L14911" t="s">
        <v>120</v>
      </c>
      <c r="M14911" t="s">
        <v>87</v>
      </c>
      <c r="N14911" t="s">
        <v>88</v>
      </c>
      <c r="O14911" t="s">
        <v>85</v>
      </c>
      <c r="P14911" t="s">
        <v>86</v>
      </c>
      <c r="Q14911">
        <v>21</v>
      </c>
      <c r="R14911">
        <v>21</v>
      </c>
      <c r="S14911">
        <v>22</v>
      </c>
      <c r="T14911">
        <v>22</v>
      </c>
      <c r="U14911">
        <v>22</v>
      </c>
      <c r="V14911">
        <v>22</v>
      </c>
      <c r="W14911">
        <v>23</v>
      </c>
      <c r="X14911">
        <v>23</v>
      </c>
      <c r="Y14911">
        <v>23</v>
      </c>
      <c r="Z14911">
        <v>24</v>
      </c>
      <c r="AA14911">
        <v>24</v>
      </c>
      <c r="AB14911">
        <v>24</v>
      </c>
      <c r="AC14911">
        <v>25</v>
      </c>
      <c r="AD14911">
        <v>25</v>
      </c>
      <c r="AE14911">
        <v>25</v>
      </c>
      <c r="AF14911">
        <v>26</v>
      </c>
      <c r="AG14911">
        <v>26</v>
      </c>
      <c r="AH14911">
        <v>26</v>
      </c>
      <c r="AI14911">
        <v>27</v>
      </c>
      <c r="AJ14911">
        <v>27</v>
      </c>
      <c r="AK14911">
        <v>27</v>
      </c>
      <c r="AL14911">
        <v>28</v>
      </c>
      <c r="AM14911">
        <v>28</v>
      </c>
      <c r="AN14911">
        <v>28</v>
      </c>
      <c r="AO14911">
        <v>29</v>
      </c>
      <c r="AP14911">
        <v>29</v>
      </c>
      <c r="AQ14911">
        <v>30</v>
      </c>
    </row>
    <row r="14912" spans="1:43">
      <c r="A14912" t="s">
        <v>9270</v>
      </c>
      <c r="B14912" t="s">
        <v>9271</v>
      </c>
      <c r="C14912" t="s">
        <v>9268</v>
      </c>
      <c r="D14912" t="s">
        <v>9269</v>
      </c>
      <c r="E14912" t="s">
        <v>9202</v>
      </c>
      <c r="F14912" t="s">
        <v>9203</v>
      </c>
      <c r="G14912" t="s">
        <v>80</v>
      </c>
      <c r="H14912" t="s">
        <v>81</v>
      </c>
      <c r="I14912" s="2">
        <v>1</v>
      </c>
      <c r="J14912" s="2">
        <v>0</v>
      </c>
      <c r="K14912" s="2">
        <v>0</v>
      </c>
      <c r="L14912" t="s">
        <v>120</v>
      </c>
      <c r="M14912" t="s">
        <v>89</v>
      </c>
      <c r="N14912" t="s">
        <v>90</v>
      </c>
      <c r="O14912" t="s">
        <v>85</v>
      </c>
      <c r="P14912" t="s">
        <v>86</v>
      </c>
      <c r="Q14912">
        <v>21</v>
      </c>
      <c r="R14912">
        <v>22</v>
      </c>
      <c r="S14912">
        <v>23</v>
      </c>
      <c r="T14912">
        <v>23</v>
      </c>
      <c r="U14912">
        <v>24</v>
      </c>
      <c r="V14912">
        <v>25</v>
      </c>
      <c r="W14912">
        <v>25</v>
      </c>
      <c r="X14912">
        <v>26</v>
      </c>
      <c r="Y14912">
        <v>27</v>
      </c>
      <c r="Z14912">
        <v>27</v>
      </c>
      <c r="AA14912">
        <v>28</v>
      </c>
      <c r="AB14912">
        <v>29</v>
      </c>
      <c r="AC14912">
        <v>29</v>
      </c>
      <c r="AD14912">
        <v>30</v>
      </c>
      <c r="AE14912">
        <v>31</v>
      </c>
      <c r="AF14912">
        <v>31</v>
      </c>
      <c r="AG14912">
        <v>31</v>
      </c>
      <c r="AH14912">
        <v>32</v>
      </c>
      <c r="AI14912">
        <v>32</v>
      </c>
      <c r="AJ14912">
        <v>32</v>
      </c>
      <c r="AK14912">
        <v>32</v>
      </c>
      <c r="AL14912">
        <v>33</v>
      </c>
      <c r="AM14912">
        <v>33</v>
      </c>
      <c r="AN14912">
        <v>33</v>
      </c>
      <c r="AO14912">
        <v>34</v>
      </c>
      <c r="AP14912">
        <v>34</v>
      </c>
      <c r="AQ14912">
        <v>34</v>
      </c>
    </row>
    <row r="14913" spans="1:43">
      <c r="A14913" t="s">
        <v>9270</v>
      </c>
      <c r="B14913" t="s">
        <v>9271</v>
      </c>
      <c r="C14913" t="s">
        <v>9268</v>
      </c>
      <c r="D14913" t="s">
        <v>9269</v>
      </c>
      <c r="E14913" t="s">
        <v>9202</v>
      </c>
      <c r="F14913" t="s">
        <v>9203</v>
      </c>
      <c r="G14913" t="s">
        <v>80</v>
      </c>
      <c r="H14913" t="s">
        <v>81</v>
      </c>
      <c r="I14913" s="2">
        <v>1</v>
      </c>
      <c r="J14913" s="2">
        <v>0</v>
      </c>
      <c r="K14913" s="2">
        <v>0</v>
      </c>
      <c r="L14913" t="s">
        <v>120</v>
      </c>
      <c r="M14913" t="s">
        <v>83</v>
      </c>
      <c r="N14913" t="s">
        <v>91</v>
      </c>
      <c r="O14913" t="s">
        <v>85</v>
      </c>
      <c r="P14913" t="s">
        <v>86</v>
      </c>
      <c r="Q14913">
        <v>21</v>
      </c>
      <c r="R14913">
        <v>22</v>
      </c>
      <c r="S14913">
        <v>22</v>
      </c>
      <c r="T14913">
        <v>23</v>
      </c>
      <c r="U14913">
        <v>23</v>
      </c>
      <c r="V14913">
        <v>24</v>
      </c>
      <c r="W14913">
        <v>24</v>
      </c>
      <c r="X14913">
        <v>25</v>
      </c>
      <c r="Y14913">
        <v>25</v>
      </c>
      <c r="Z14913">
        <v>26</v>
      </c>
      <c r="AA14913">
        <v>26</v>
      </c>
      <c r="AB14913">
        <v>27</v>
      </c>
      <c r="AC14913">
        <v>27</v>
      </c>
      <c r="AD14913">
        <v>28</v>
      </c>
      <c r="AE14913">
        <v>29</v>
      </c>
      <c r="AF14913">
        <v>29</v>
      </c>
      <c r="AG14913">
        <v>30</v>
      </c>
      <c r="AH14913">
        <v>30</v>
      </c>
      <c r="AI14913">
        <v>31</v>
      </c>
      <c r="AJ14913">
        <v>32</v>
      </c>
      <c r="AK14913">
        <v>32</v>
      </c>
      <c r="AL14913">
        <v>33</v>
      </c>
      <c r="AM14913">
        <v>33</v>
      </c>
      <c r="AN14913">
        <v>33</v>
      </c>
      <c r="AO14913">
        <v>33</v>
      </c>
      <c r="AP14913">
        <v>34</v>
      </c>
      <c r="AQ14913">
        <v>34</v>
      </c>
    </row>
    <row r="14914" spans="1:43">
      <c r="A14914" t="s">
        <v>9272</v>
      </c>
      <c r="B14914" t="s">
        <v>9273</v>
      </c>
      <c r="C14914" t="s">
        <v>9268</v>
      </c>
      <c r="D14914" t="s">
        <v>9269</v>
      </c>
      <c r="E14914" t="s">
        <v>9202</v>
      </c>
      <c r="F14914" t="s">
        <v>9203</v>
      </c>
      <c r="G14914" t="s">
        <v>80</v>
      </c>
      <c r="H14914" t="s">
        <v>81</v>
      </c>
      <c r="I14914" s="2">
        <v>1</v>
      </c>
      <c r="J14914" s="2">
        <v>0</v>
      </c>
      <c r="K14914" s="2">
        <v>0</v>
      </c>
      <c r="L14914" t="s">
        <v>120</v>
      </c>
      <c r="M14914" t="s">
        <v>83</v>
      </c>
      <c r="N14914" t="s">
        <v>84</v>
      </c>
      <c r="O14914" t="s">
        <v>85</v>
      </c>
      <c r="P14914" t="s">
        <v>86</v>
      </c>
      <c r="Q14914">
        <v>73</v>
      </c>
      <c r="R14914">
        <v>74</v>
      </c>
      <c r="S14914">
        <v>76</v>
      </c>
      <c r="T14914">
        <v>78</v>
      </c>
      <c r="U14914">
        <v>80</v>
      </c>
      <c r="V14914">
        <v>81</v>
      </c>
      <c r="W14914">
        <v>83</v>
      </c>
      <c r="X14914">
        <v>85</v>
      </c>
      <c r="Y14914">
        <v>87</v>
      </c>
      <c r="Z14914">
        <v>89</v>
      </c>
      <c r="AA14914">
        <v>91</v>
      </c>
      <c r="AB14914">
        <v>92</v>
      </c>
      <c r="AC14914">
        <v>94</v>
      </c>
      <c r="AD14914">
        <v>96</v>
      </c>
      <c r="AE14914">
        <v>98</v>
      </c>
      <c r="AF14914">
        <v>100</v>
      </c>
      <c r="AG14914">
        <v>102</v>
      </c>
      <c r="AH14914">
        <v>104</v>
      </c>
      <c r="AI14914">
        <v>106</v>
      </c>
      <c r="AJ14914">
        <v>108</v>
      </c>
      <c r="AK14914">
        <v>110</v>
      </c>
      <c r="AL14914">
        <v>111</v>
      </c>
      <c r="AM14914">
        <v>112</v>
      </c>
      <c r="AN14914">
        <v>114</v>
      </c>
      <c r="AO14914">
        <v>115</v>
      </c>
      <c r="AP14914">
        <v>116</v>
      </c>
      <c r="AQ14914">
        <v>117</v>
      </c>
    </row>
    <row r="14915" spans="1:43">
      <c r="A14915" t="s">
        <v>9272</v>
      </c>
      <c r="B14915" t="s">
        <v>9273</v>
      </c>
      <c r="C14915" t="s">
        <v>9268</v>
      </c>
      <c r="D14915" t="s">
        <v>9269</v>
      </c>
      <c r="E14915" t="s">
        <v>9202</v>
      </c>
      <c r="F14915" t="s">
        <v>9203</v>
      </c>
      <c r="G14915" t="s">
        <v>80</v>
      </c>
      <c r="H14915" t="s">
        <v>81</v>
      </c>
      <c r="I14915" s="2">
        <v>1</v>
      </c>
      <c r="J14915" s="2">
        <v>0</v>
      </c>
      <c r="K14915" s="2">
        <v>0</v>
      </c>
      <c r="L14915" t="s">
        <v>120</v>
      </c>
      <c r="M14915" t="s">
        <v>87</v>
      </c>
      <c r="N14915" t="s">
        <v>88</v>
      </c>
      <c r="O14915" t="s">
        <v>85</v>
      </c>
      <c r="P14915" t="s">
        <v>86</v>
      </c>
      <c r="Q14915">
        <v>73</v>
      </c>
      <c r="R14915">
        <v>74</v>
      </c>
      <c r="S14915">
        <v>75</v>
      </c>
      <c r="T14915">
        <v>76</v>
      </c>
      <c r="U14915">
        <v>77</v>
      </c>
      <c r="V14915">
        <v>78</v>
      </c>
      <c r="W14915">
        <v>79</v>
      </c>
      <c r="X14915">
        <v>80</v>
      </c>
      <c r="Y14915">
        <v>81</v>
      </c>
      <c r="Z14915">
        <v>82</v>
      </c>
      <c r="AA14915">
        <v>84</v>
      </c>
      <c r="AB14915">
        <v>85</v>
      </c>
      <c r="AC14915">
        <v>86</v>
      </c>
      <c r="AD14915">
        <v>87</v>
      </c>
      <c r="AE14915">
        <v>88</v>
      </c>
      <c r="AF14915">
        <v>89</v>
      </c>
      <c r="AG14915">
        <v>90</v>
      </c>
      <c r="AH14915">
        <v>92</v>
      </c>
      <c r="AI14915">
        <v>93</v>
      </c>
      <c r="AJ14915">
        <v>94</v>
      </c>
      <c r="AK14915">
        <v>95</v>
      </c>
      <c r="AL14915">
        <v>96</v>
      </c>
      <c r="AM14915">
        <v>98</v>
      </c>
      <c r="AN14915">
        <v>99</v>
      </c>
      <c r="AO14915">
        <v>100</v>
      </c>
      <c r="AP14915">
        <v>101</v>
      </c>
      <c r="AQ14915">
        <v>103</v>
      </c>
    </row>
    <row r="14916" spans="1:43">
      <c r="A14916" t="s">
        <v>9272</v>
      </c>
      <c r="B14916" t="s">
        <v>9273</v>
      </c>
      <c r="C14916" t="s">
        <v>9268</v>
      </c>
      <c r="D14916" t="s">
        <v>9269</v>
      </c>
      <c r="E14916" t="s">
        <v>9202</v>
      </c>
      <c r="F14916" t="s">
        <v>9203</v>
      </c>
      <c r="G14916" t="s">
        <v>80</v>
      </c>
      <c r="H14916" t="s">
        <v>81</v>
      </c>
      <c r="I14916" s="2">
        <v>1</v>
      </c>
      <c r="J14916" s="2">
        <v>0</v>
      </c>
      <c r="K14916" s="2">
        <v>0</v>
      </c>
      <c r="L14916" t="s">
        <v>120</v>
      </c>
      <c r="M14916" t="s">
        <v>89</v>
      </c>
      <c r="N14916" t="s">
        <v>90</v>
      </c>
      <c r="O14916" t="s">
        <v>85</v>
      </c>
      <c r="P14916" t="s">
        <v>86</v>
      </c>
      <c r="Q14916">
        <v>73</v>
      </c>
      <c r="R14916">
        <v>76</v>
      </c>
      <c r="S14916">
        <v>78</v>
      </c>
      <c r="T14916">
        <v>80</v>
      </c>
      <c r="U14916">
        <v>83</v>
      </c>
      <c r="V14916">
        <v>85</v>
      </c>
      <c r="W14916">
        <v>87</v>
      </c>
      <c r="X14916">
        <v>90</v>
      </c>
      <c r="Y14916">
        <v>92</v>
      </c>
      <c r="Z14916">
        <v>94</v>
      </c>
      <c r="AA14916">
        <v>96</v>
      </c>
      <c r="AB14916">
        <v>99</v>
      </c>
      <c r="AC14916">
        <v>101</v>
      </c>
      <c r="AD14916">
        <v>103</v>
      </c>
      <c r="AE14916">
        <v>105</v>
      </c>
      <c r="AF14916">
        <v>106</v>
      </c>
      <c r="AG14916">
        <v>107</v>
      </c>
      <c r="AH14916">
        <v>108</v>
      </c>
      <c r="AI14916">
        <v>109</v>
      </c>
      <c r="AJ14916">
        <v>110</v>
      </c>
      <c r="AK14916">
        <v>111</v>
      </c>
      <c r="AL14916">
        <v>112</v>
      </c>
      <c r="AM14916">
        <v>113</v>
      </c>
      <c r="AN14916">
        <v>114</v>
      </c>
      <c r="AO14916">
        <v>116</v>
      </c>
      <c r="AP14916">
        <v>117</v>
      </c>
      <c r="AQ14916">
        <v>118</v>
      </c>
    </row>
    <row r="14917" spans="1:43">
      <c r="A14917" t="s">
        <v>9272</v>
      </c>
      <c r="B14917" t="s">
        <v>9273</v>
      </c>
      <c r="C14917" t="s">
        <v>9268</v>
      </c>
      <c r="D14917" t="s">
        <v>9269</v>
      </c>
      <c r="E14917" t="s">
        <v>9202</v>
      </c>
      <c r="F14917" t="s">
        <v>9203</v>
      </c>
      <c r="G14917" t="s">
        <v>80</v>
      </c>
      <c r="H14917" t="s">
        <v>81</v>
      </c>
      <c r="I14917" s="2">
        <v>1</v>
      </c>
      <c r="J14917" s="2">
        <v>0</v>
      </c>
      <c r="K14917" s="2">
        <v>0</v>
      </c>
      <c r="L14917" t="s">
        <v>120</v>
      </c>
      <c r="M14917" t="s">
        <v>83</v>
      </c>
      <c r="N14917" t="s">
        <v>91</v>
      </c>
      <c r="O14917" t="s">
        <v>85</v>
      </c>
      <c r="P14917" t="s">
        <v>86</v>
      </c>
      <c r="Q14917">
        <v>73</v>
      </c>
      <c r="R14917">
        <v>74</v>
      </c>
      <c r="S14917">
        <v>76</v>
      </c>
      <c r="T14917">
        <v>78</v>
      </c>
      <c r="U14917">
        <v>80</v>
      </c>
      <c r="V14917">
        <v>81</v>
      </c>
      <c r="W14917">
        <v>83</v>
      </c>
      <c r="X14917">
        <v>85</v>
      </c>
      <c r="Y14917">
        <v>87</v>
      </c>
      <c r="Z14917">
        <v>89</v>
      </c>
      <c r="AA14917">
        <v>91</v>
      </c>
      <c r="AB14917">
        <v>92</v>
      </c>
      <c r="AC14917">
        <v>94</v>
      </c>
      <c r="AD14917">
        <v>96</v>
      </c>
      <c r="AE14917">
        <v>98</v>
      </c>
      <c r="AF14917">
        <v>100</v>
      </c>
      <c r="AG14917">
        <v>102</v>
      </c>
      <c r="AH14917">
        <v>104</v>
      </c>
      <c r="AI14917">
        <v>106</v>
      </c>
      <c r="AJ14917">
        <v>108</v>
      </c>
      <c r="AK14917">
        <v>110</v>
      </c>
      <c r="AL14917">
        <v>111</v>
      </c>
      <c r="AM14917">
        <v>112</v>
      </c>
      <c r="AN14917">
        <v>114</v>
      </c>
      <c r="AO14917">
        <v>115</v>
      </c>
      <c r="AP14917">
        <v>116</v>
      </c>
      <c r="AQ14917">
        <v>117</v>
      </c>
    </row>
    <row r="14918" spans="1:43">
      <c r="A14918" t="s">
        <v>9274</v>
      </c>
      <c r="B14918" t="s">
        <v>9275</v>
      </c>
      <c r="C14918" t="s">
        <v>9276</v>
      </c>
      <c r="D14918" t="s">
        <v>9277</v>
      </c>
      <c r="E14918" t="s">
        <v>9202</v>
      </c>
      <c r="F14918" t="s">
        <v>9203</v>
      </c>
      <c r="G14918" t="s">
        <v>80</v>
      </c>
      <c r="H14918" t="s">
        <v>81</v>
      </c>
      <c r="I14918" s="2">
        <v>1</v>
      </c>
      <c r="J14918" s="2">
        <v>0</v>
      </c>
      <c r="K14918" s="2">
        <v>0</v>
      </c>
      <c r="L14918" t="s">
        <v>120</v>
      </c>
      <c r="M14918" t="s">
        <v>83</v>
      </c>
      <c r="N14918" t="s">
        <v>84</v>
      </c>
      <c r="O14918" t="s">
        <v>85</v>
      </c>
      <c r="P14918" t="s">
        <v>86</v>
      </c>
      <c r="Q14918">
        <v>22</v>
      </c>
      <c r="R14918">
        <v>23</v>
      </c>
      <c r="S14918">
        <v>23</v>
      </c>
      <c r="T14918">
        <v>24</v>
      </c>
      <c r="U14918">
        <v>24</v>
      </c>
      <c r="V14918">
        <v>25</v>
      </c>
      <c r="W14918">
        <v>25</v>
      </c>
      <c r="X14918">
        <v>26</v>
      </c>
      <c r="Y14918">
        <v>26</v>
      </c>
      <c r="Z14918">
        <v>27</v>
      </c>
      <c r="AA14918">
        <v>27</v>
      </c>
      <c r="AB14918">
        <v>28</v>
      </c>
      <c r="AC14918">
        <v>29</v>
      </c>
      <c r="AD14918">
        <v>29</v>
      </c>
      <c r="AE14918">
        <v>30</v>
      </c>
      <c r="AF14918">
        <v>30</v>
      </c>
      <c r="AG14918">
        <v>31</v>
      </c>
      <c r="AH14918">
        <v>32</v>
      </c>
      <c r="AI14918">
        <v>32</v>
      </c>
      <c r="AJ14918">
        <v>33</v>
      </c>
      <c r="AK14918">
        <v>33</v>
      </c>
      <c r="AL14918">
        <v>34</v>
      </c>
      <c r="AM14918">
        <v>34</v>
      </c>
      <c r="AN14918">
        <v>35</v>
      </c>
      <c r="AO14918">
        <v>35</v>
      </c>
      <c r="AP14918">
        <v>35</v>
      </c>
      <c r="AQ14918">
        <v>35</v>
      </c>
    </row>
    <row r="14919" spans="1:43">
      <c r="A14919" t="s">
        <v>9274</v>
      </c>
      <c r="B14919" t="s">
        <v>9275</v>
      </c>
      <c r="C14919" t="s">
        <v>9276</v>
      </c>
      <c r="D14919" t="s">
        <v>9277</v>
      </c>
      <c r="E14919" t="s">
        <v>9202</v>
      </c>
      <c r="F14919" t="s">
        <v>9203</v>
      </c>
      <c r="G14919" t="s">
        <v>80</v>
      </c>
      <c r="H14919" t="s">
        <v>81</v>
      </c>
      <c r="I14919" s="2">
        <v>1</v>
      </c>
      <c r="J14919" s="2">
        <v>0</v>
      </c>
      <c r="K14919" s="2">
        <v>0</v>
      </c>
      <c r="L14919" t="s">
        <v>120</v>
      </c>
      <c r="M14919" t="s">
        <v>87</v>
      </c>
      <c r="N14919" t="s">
        <v>88</v>
      </c>
      <c r="O14919" t="s">
        <v>85</v>
      </c>
      <c r="P14919" t="s">
        <v>86</v>
      </c>
      <c r="Q14919">
        <v>22</v>
      </c>
      <c r="R14919">
        <v>22</v>
      </c>
      <c r="S14919">
        <v>22</v>
      </c>
      <c r="T14919">
        <v>23</v>
      </c>
      <c r="U14919">
        <v>23</v>
      </c>
      <c r="V14919">
        <v>23</v>
      </c>
      <c r="W14919">
        <v>24</v>
      </c>
      <c r="X14919">
        <v>24</v>
      </c>
      <c r="Y14919">
        <v>24</v>
      </c>
      <c r="Z14919">
        <v>25</v>
      </c>
      <c r="AA14919">
        <v>25</v>
      </c>
      <c r="AB14919">
        <v>25</v>
      </c>
      <c r="AC14919">
        <v>26</v>
      </c>
      <c r="AD14919">
        <v>26</v>
      </c>
      <c r="AE14919">
        <v>26</v>
      </c>
      <c r="AF14919">
        <v>27</v>
      </c>
      <c r="AG14919">
        <v>27</v>
      </c>
      <c r="AH14919">
        <v>27</v>
      </c>
      <c r="AI14919">
        <v>28</v>
      </c>
      <c r="AJ14919">
        <v>28</v>
      </c>
      <c r="AK14919">
        <v>29</v>
      </c>
      <c r="AL14919">
        <v>29</v>
      </c>
      <c r="AM14919">
        <v>29</v>
      </c>
      <c r="AN14919">
        <v>30</v>
      </c>
      <c r="AO14919">
        <v>30</v>
      </c>
      <c r="AP14919">
        <v>30</v>
      </c>
      <c r="AQ14919">
        <v>31</v>
      </c>
    </row>
    <row r="14920" spans="1:43">
      <c r="A14920" t="s">
        <v>9274</v>
      </c>
      <c r="B14920" t="s">
        <v>9275</v>
      </c>
      <c r="C14920" t="s">
        <v>9276</v>
      </c>
      <c r="D14920" t="s">
        <v>9277</v>
      </c>
      <c r="E14920" t="s">
        <v>9202</v>
      </c>
      <c r="F14920" t="s">
        <v>9203</v>
      </c>
      <c r="G14920" t="s">
        <v>80</v>
      </c>
      <c r="H14920" t="s">
        <v>81</v>
      </c>
      <c r="I14920" s="2">
        <v>1</v>
      </c>
      <c r="J14920" s="2">
        <v>0</v>
      </c>
      <c r="K14920" s="2">
        <v>0</v>
      </c>
      <c r="L14920" t="s">
        <v>120</v>
      </c>
      <c r="M14920" t="s">
        <v>89</v>
      </c>
      <c r="N14920" t="s">
        <v>90</v>
      </c>
      <c r="O14920" t="s">
        <v>85</v>
      </c>
      <c r="P14920" t="s">
        <v>86</v>
      </c>
      <c r="Q14920">
        <v>22</v>
      </c>
      <c r="R14920">
        <v>23</v>
      </c>
      <c r="S14920">
        <v>24</v>
      </c>
      <c r="T14920">
        <v>24</v>
      </c>
      <c r="U14920">
        <v>25</v>
      </c>
      <c r="V14920">
        <v>26</v>
      </c>
      <c r="W14920">
        <v>26</v>
      </c>
      <c r="X14920">
        <v>27</v>
      </c>
      <c r="Y14920">
        <v>28</v>
      </c>
      <c r="Z14920">
        <v>29</v>
      </c>
      <c r="AA14920">
        <v>29</v>
      </c>
      <c r="AB14920">
        <v>30</v>
      </c>
      <c r="AC14920">
        <v>31</v>
      </c>
      <c r="AD14920">
        <v>31</v>
      </c>
      <c r="AE14920">
        <v>32</v>
      </c>
      <c r="AF14920">
        <v>32</v>
      </c>
      <c r="AG14920">
        <v>33</v>
      </c>
      <c r="AH14920">
        <v>33</v>
      </c>
      <c r="AI14920">
        <v>33</v>
      </c>
      <c r="AJ14920">
        <v>34</v>
      </c>
      <c r="AK14920">
        <v>34</v>
      </c>
      <c r="AL14920">
        <v>34</v>
      </c>
      <c r="AM14920">
        <v>34</v>
      </c>
      <c r="AN14920">
        <v>35</v>
      </c>
      <c r="AO14920">
        <v>35</v>
      </c>
      <c r="AP14920">
        <v>35</v>
      </c>
      <c r="AQ14920">
        <v>36</v>
      </c>
    </row>
    <row r="14921" spans="1:43">
      <c r="A14921" t="s">
        <v>9274</v>
      </c>
      <c r="B14921" t="s">
        <v>9275</v>
      </c>
      <c r="C14921" t="s">
        <v>9276</v>
      </c>
      <c r="D14921" t="s">
        <v>9277</v>
      </c>
      <c r="E14921" t="s">
        <v>9202</v>
      </c>
      <c r="F14921" t="s">
        <v>9203</v>
      </c>
      <c r="G14921" t="s">
        <v>80</v>
      </c>
      <c r="H14921" t="s">
        <v>81</v>
      </c>
      <c r="I14921" s="2">
        <v>1</v>
      </c>
      <c r="J14921" s="2">
        <v>0</v>
      </c>
      <c r="K14921" s="2">
        <v>0</v>
      </c>
      <c r="L14921" t="s">
        <v>120</v>
      </c>
      <c r="M14921" t="s">
        <v>83</v>
      </c>
      <c r="N14921" t="s">
        <v>91</v>
      </c>
      <c r="O14921" t="s">
        <v>85</v>
      </c>
      <c r="P14921" t="s">
        <v>86</v>
      </c>
      <c r="Q14921">
        <v>22</v>
      </c>
      <c r="R14921">
        <v>23</v>
      </c>
      <c r="S14921">
        <v>23</v>
      </c>
      <c r="T14921">
        <v>24</v>
      </c>
      <c r="U14921">
        <v>24</v>
      </c>
      <c r="V14921">
        <v>25</v>
      </c>
      <c r="W14921">
        <v>25</v>
      </c>
      <c r="X14921">
        <v>26</v>
      </c>
      <c r="Y14921">
        <v>26</v>
      </c>
      <c r="Z14921">
        <v>27</v>
      </c>
      <c r="AA14921">
        <v>27</v>
      </c>
      <c r="AB14921">
        <v>28</v>
      </c>
      <c r="AC14921">
        <v>29</v>
      </c>
      <c r="AD14921">
        <v>29</v>
      </c>
      <c r="AE14921">
        <v>30</v>
      </c>
      <c r="AF14921">
        <v>30</v>
      </c>
      <c r="AG14921">
        <v>31</v>
      </c>
      <c r="AH14921">
        <v>32</v>
      </c>
      <c r="AI14921">
        <v>32</v>
      </c>
      <c r="AJ14921">
        <v>33</v>
      </c>
      <c r="AK14921">
        <v>33</v>
      </c>
      <c r="AL14921">
        <v>34</v>
      </c>
      <c r="AM14921">
        <v>34</v>
      </c>
      <c r="AN14921">
        <v>35</v>
      </c>
      <c r="AO14921">
        <v>35</v>
      </c>
      <c r="AP14921">
        <v>35</v>
      </c>
      <c r="AQ14921">
        <v>35</v>
      </c>
    </row>
    <row r="14922" spans="1:43">
      <c r="A14922" t="s">
        <v>9278</v>
      </c>
      <c r="B14922" t="s">
        <v>9279</v>
      </c>
      <c r="C14922" t="s">
        <v>9260</v>
      </c>
      <c r="D14922" t="s">
        <v>9261</v>
      </c>
      <c r="E14922" t="s">
        <v>9202</v>
      </c>
      <c r="F14922" t="s">
        <v>9203</v>
      </c>
      <c r="G14922" t="s">
        <v>80</v>
      </c>
      <c r="H14922" t="s">
        <v>81</v>
      </c>
      <c r="I14922" s="2">
        <v>1</v>
      </c>
      <c r="J14922" s="2">
        <v>0</v>
      </c>
      <c r="K14922" s="2">
        <v>0</v>
      </c>
      <c r="L14922" t="s">
        <v>120</v>
      </c>
      <c r="M14922" t="s">
        <v>83</v>
      </c>
      <c r="N14922" t="s">
        <v>84</v>
      </c>
      <c r="O14922" t="s">
        <v>85</v>
      </c>
      <c r="P14922" t="s">
        <v>86</v>
      </c>
      <c r="Q14922">
        <v>6</v>
      </c>
      <c r="R14922">
        <v>7</v>
      </c>
      <c r="S14922">
        <v>7</v>
      </c>
      <c r="T14922">
        <v>7</v>
      </c>
      <c r="U14922">
        <v>7</v>
      </c>
      <c r="V14922">
        <v>7</v>
      </c>
      <c r="W14922">
        <v>7</v>
      </c>
      <c r="X14922">
        <v>7</v>
      </c>
      <c r="Y14922">
        <v>8</v>
      </c>
      <c r="Z14922">
        <v>8</v>
      </c>
      <c r="AA14922">
        <v>8</v>
      </c>
      <c r="AB14922">
        <v>8</v>
      </c>
      <c r="AC14922">
        <v>8</v>
      </c>
      <c r="AD14922">
        <v>8</v>
      </c>
      <c r="AE14922">
        <v>9</v>
      </c>
      <c r="AF14922">
        <v>9</v>
      </c>
      <c r="AG14922">
        <v>9</v>
      </c>
      <c r="AH14922">
        <v>9</v>
      </c>
      <c r="AI14922">
        <v>9</v>
      </c>
      <c r="AJ14922">
        <v>9</v>
      </c>
      <c r="AK14922">
        <v>10</v>
      </c>
      <c r="AL14922">
        <v>10</v>
      </c>
      <c r="AM14922">
        <v>10</v>
      </c>
      <c r="AN14922">
        <v>10</v>
      </c>
      <c r="AO14922">
        <v>10</v>
      </c>
      <c r="AP14922">
        <v>10</v>
      </c>
      <c r="AQ14922">
        <v>10</v>
      </c>
    </row>
    <row r="14923" spans="1:43">
      <c r="A14923" t="s">
        <v>9278</v>
      </c>
      <c r="B14923" t="s">
        <v>9279</v>
      </c>
      <c r="C14923" t="s">
        <v>9260</v>
      </c>
      <c r="D14923" t="s">
        <v>9261</v>
      </c>
      <c r="E14923" t="s">
        <v>9202</v>
      </c>
      <c r="F14923" t="s">
        <v>9203</v>
      </c>
      <c r="G14923" t="s">
        <v>80</v>
      </c>
      <c r="H14923" t="s">
        <v>81</v>
      </c>
      <c r="I14923" s="2">
        <v>1</v>
      </c>
      <c r="J14923" s="2">
        <v>0</v>
      </c>
      <c r="K14923" s="2">
        <v>0</v>
      </c>
      <c r="L14923" t="s">
        <v>120</v>
      </c>
      <c r="M14923" t="s">
        <v>87</v>
      </c>
      <c r="N14923" t="s">
        <v>88</v>
      </c>
      <c r="O14923" t="s">
        <v>85</v>
      </c>
      <c r="P14923" t="s">
        <v>86</v>
      </c>
      <c r="Q14923">
        <v>6</v>
      </c>
      <c r="R14923">
        <v>6</v>
      </c>
      <c r="S14923">
        <v>6</v>
      </c>
      <c r="T14923">
        <v>7</v>
      </c>
      <c r="U14923">
        <v>7</v>
      </c>
      <c r="V14923">
        <v>7</v>
      </c>
      <c r="W14923">
        <v>7</v>
      </c>
      <c r="X14923">
        <v>7</v>
      </c>
      <c r="Y14923">
        <v>7</v>
      </c>
      <c r="Z14923">
        <v>7</v>
      </c>
      <c r="AA14923">
        <v>7</v>
      </c>
      <c r="AB14923">
        <v>7</v>
      </c>
      <c r="AC14923">
        <v>7</v>
      </c>
      <c r="AD14923">
        <v>8</v>
      </c>
      <c r="AE14923">
        <v>8</v>
      </c>
      <c r="AF14923">
        <v>8</v>
      </c>
      <c r="AG14923">
        <v>8</v>
      </c>
      <c r="AH14923">
        <v>8</v>
      </c>
      <c r="AI14923">
        <v>8</v>
      </c>
      <c r="AJ14923">
        <v>8</v>
      </c>
      <c r="AK14923">
        <v>8</v>
      </c>
      <c r="AL14923">
        <v>8</v>
      </c>
      <c r="AM14923">
        <v>8</v>
      </c>
      <c r="AN14923">
        <v>9</v>
      </c>
      <c r="AO14923">
        <v>9</v>
      </c>
      <c r="AP14923">
        <v>9</v>
      </c>
      <c r="AQ14923">
        <v>9</v>
      </c>
    </row>
    <row r="14924" spans="1:43">
      <c r="A14924" t="s">
        <v>9278</v>
      </c>
      <c r="B14924" t="s">
        <v>9279</v>
      </c>
      <c r="C14924" t="s">
        <v>9260</v>
      </c>
      <c r="D14924" t="s">
        <v>9261</v>
      </c>
      <c r="E14924" t="s">
        <v>9202</v>
      </c>
      <c r="F14924" t="s">
        <v>9203</v>
      </c>
      <c r="G14924" t="s">
        <v>80</v>
      </c>
      <c r="H14924" t="s">
        <v>81</v>
      </c>
      <c r="I14924" s="2">
        <v>1</v>
      </c>
      <c r="J14924" s="2">
        <v>0</v>
      </c>
      <c r="K14924" s="2">
        <v>0</v>
      </c>
      <c r="L14924" t="s">
        <v>120</v>
      </c>
      <c r="M14924" t="s">
        <v>89</v>
      </c>
      <c r="N14924" t="s">
        <v>90</v>
      </c>
      <c r="O14924" t="s">
        <v>85</v>
      </c>
      <c r="P14924" t="s">
        <v>86</v>
      </c>
      <c r="Q14924">
        <v>6</v>
      </c>
      <c r="R14924">
        <v>7</v>
      </c>
      <c r="S14924">
        <v>7</v>
      </c>
      <c r="T14924">
        <v>7</v>
      </c>
      <c r="U14924">
        <v>7</v>
      </c>
      <c r="V14924">
        <v>7</v>
      </c>
      <c r="W14924">
        <v>8</v>
      </c>
      <c r="X14924">
        <v>8</v>
      </c>
      <c r="Y14924">
        <v>8</v>
      </c>
      <c r="Z14924">
        <v>8</v>
      </c>
      <c r="AA14924">
        <v>8</v>
      </c>
      <c r="AB14924">
        <v>9</v>
      </c>
      <c r="AC14924">
        <v>9</v>
      </c>
      <c r="AD14924">
        <v>9</v>
      </c>
      <c r="AE14924">
        <v>9</v>
      </c>
      <c r="AF14924">
        <v>9</v>
      </c>
      <c r="AG14924">
        <v>9</v>
      </c>
      <c r="AH14924">
        <v>10</v>
      </c>
      <c r="AI14924">
        <v>10</v>
      </c>
      <c r="AJ14924">
        <v>10</v>
      </c>
      <c r="AK14924">
        <v>10</v>
      </c>
      <c r="AL14924">
        <v>10</v>
      </c>
      <c r="AM14924">
        <v>10</v>
      </c>
      <c r="AN14924">
        <v>10</v>
      </c>
      <c r="AO14924">
        <v>10</v>
      </c>
      <c r="AP14924">
        <v>10</v>
      </c>
      <c r="AQ14924">
        <v>10</v>
      </c>
    </row>
    <row r="14925" spans="1:43">
      <c r="A14925" t="s">
        <v>9278</v>
      </c>
      <c r="B14925" t="s">
        <v>9279</v>
      </c>
      <c r="C14925" t="s">
        <v>9260</v>
      </c>
      <c r="D14925" t="s">
        <v>9261</v>
      </c>
      <c r="E14925" t="s">
        <v>9202</v>
      </c>
      <c r="F14925" t="s">
        <v>9203</v>
      </c>
      <c r="G14925" t="s">
        <v>80</v>
      </c>
      <c r="H14925" t="s">
        <v>81</v>
      </c>
      <c r="I14925" s="2">
        <v>1</v>
      </c>
      <c r="J14925" s="2">
        <v>0</v>
      </c>
      <c r="K14925" s="2">
        <v>0</v>
      </c>
      <c r="L14925" t="s">
        <v>120</v>
      </c>
      <c r="M14925" t="s">
        <v>83</v>
      </c>
      <c r="N14925" t="s">
        <v>91</v>
      </c>
      <c r="O14925" t="s">
        <v>85</v>
      </c>
      <c r="P14925" t="s">
        <v>86</v>
      </c>
      <c r="Q14925">
        <v>6</v>
      </c>
      <c r="R14925">
        <v>7</v>
      </c>
      <c r="S14925">
        <v>7</v>
      </c>
      <c r="T14925">
        <v>7</v>
      </c>
      <c r="U14925">
        <v>7</v>
      </c>
      <c r="V14925">
        <v>7</v>
      </c>
      <c r="W14925">
        <v>7</v>
      </c>
      <c r="X14925">
        <v>7</v>
      </c>
      <c r="Y14925">
        <v>8</v>
      </c>
      <c r="Z14925">
        <v>8</v>
      </c>
      <c r="AA14925">
        <v>8</v>
      </c>
      <c r="AB14925">
        <v>8</v>
      </c>
      <c r="AC14925">
        <v>8</v>
      </c>
      <c r="AD14925">
        <v>8</v>
      </c>
      <c r="AE14925">
        <v>9</v>
      </c>
      <c r="AF14925">
        <v>9</v>
      </c>
      <c r="AG14925">
        <v>9</v>
      </c>
      <c r="AH14925">
        <v>9</v>
      </c>
      <c r="AI14925">
        <v>9</v>
      </c>
      <c r="AJ14925">
        <v>9</v>
      </c>
      <c r="AK14925">
        <v>10</v>
      </c>
      <c r="AL14925">
        <v>10</v>
      </c>
      <c r="AM14925">
        <v>10</v>
      </c>
      <c r="AN14925">
        <v>10</v>
      </c>
      <c r="AO14925">
        <v>10</v>
      </c>
      <c r="AP14925">
        <v>10</v>
      </c>
      <c r="AQ14925">
        <v>10</v>
      </c>
    </row>
    <row r="14926" spans="1:43">
      <c r="A14926" t="s">
        <v>9280</v>
      </c>
      <c r="B14926" t="s">
        <v>9281</v>
      </c>
      <c r="C14926" t="s">
        <v>9260</v>
      </c>
      <c r="D14926" t="s">
        <v>9261</v>
      </c>
      <c r="E14926" t="s">
        <v>9202</v>
      </c>
      <c r="F14926" t="s">
        <v>9203</v>
      </c>
      <c r="G14926" t="s">
        <v>80</v>
      </c>
      <c r="H14926" t="s">
        <v>81</v>
      </c>
      <c r="I14926" s="2">
        <v>1</v>
      </c>
      <c r="J14926" s="2">
        <v>0</v>
      </c>
      <c r="K14926" s="2">
        <v>0</v>
      </c>
      <c r="L14926" t="s">
        <v>120</v>
      </c>
      <c r="M14926" t="s">
        <v>83</v>
      </c>
      <c r="N14926" t="s">
        <v>84</v>
      </c>
      <c r="O14926" t="s">
        <v>85</v>
      </c>
      <c r="P14926" t="s">
        <v>86</v>
      </c>
      <c r="Q14926">
        <v>3</v>
      </c>
      <c r="R14926">
        <v>3</v>
      </c>
      <c r="S14926">
        <v>3</v>
      </c>
      <c r="T14926">
        <v>3</v>
      </c>
      <c r="U14926">
        <v>3</v>
      </c>
      <c r="V14926">
        <v>3</v>
      </c>
      <c r="W14926">
        <v>3</v>
      </c>
      <c r="X14926">
        <v>3</v>
      </c>
      <c r="Y14926">
        <v>4</v>
      </c>
      <c r="Z14926">
        <v>4</v>
      </c>
      <c r="AA14926">
        <v>4</v>
      </c>
      <c r="AB14926">
        <v>4</v>
      </c>
      <c r="AC14926">
        <v>4</v>
      </c>
      <c r="AD14926">
        <v>4</v>
      </c>
      <c r="AE14926">
        <v>4</v>
      </c>
      <c r="AF14926">
        <v>4</v>
      </c>
      <c r="AG14926">
        <v>4</v>
      </c>
      <c r="AH14926">
        <v>4</v>
      </c>
      <c r="AI14926">
        <v>4</v>
      </c>
      <c r="AJ14926">
        <v>4</v>
      </c>
      <c r="AK14926">
        <v>4</v>
      </c>
      <c r="AL14926">
        <v>5</v>
      </c>
      <c r="AM14926">
        <v>5</v>
      </c>
      <c r="AN14926">
        <v>5</v>
      </c>
      <c r="AO14926">
        <v>5</v>
      </c>
      <c r="AP14926">
        <v>5</v>
      </c>
      <c r="AQ14926">
        <v>5</v>
      </c>
    </row>
    <row r="14927" spans="1:43">
      <c r="A14927" t="s">
        <v>9280</v>
      </c>
      <c r="B14927" t="s">
        <v>9281</v>
      </c>
      <c r="C14927" t="s">
        <v>9260</v>
      </c>
      <c r="D14927" t="s">
        <v>9261</v>
      </c>
      <c r="E14927" t="s">
        <v>9202</v>
      </c>
      <c r="F14927" t="s">
        <v>9203</v>
      </c>
      <c r="G14927" t="s">
        <v>80</v>
      </c>
      <c r="H14927" t="s">
        <v>81</v>
      </c>
      <c r="I14927" s="2">
        <v>1</v>
      </c>
      <c r="J14927" s="2">
        <v>0</v>
      </c>
      <c r="K14927" s="2">
        <v>0</v>
      </c>
      <c r="L14927" t="s">
        <v>120</v>
      </c>
      <c r="M14927" t="s">
        <v>87</v>
      </c>
      <c r="N14927" t="s">
        <v>88</v>
      </c>
      <c r="O14927" t="s">
        <v>85</v>
      </c>
      <c r="P14927" t="s">
        <v>86</v>
      </c>
      <c r="Q14927">
        <v>3</v>
      </c>
      <c r="R14927">
        <v>3</v>
      </c>
      <c r="S14927">
        <v>3</v>
      </c>
      <c r="T14927">
        <v>3</v>
      </c>
      <c r="U14927">
        <v>3</v>
      </c>
      <c r="V14927">
        <v>3</v>
      </c>
      <c r="W14927">
        <v>3</v>
      </c>
      <c r="X14927">
        <v>3</v>
      </c>
      <c r="Y14927">
        <v>3</v>
      </c>
      <c r="Z14927">
        <v>3</v>
      </c>
      <c r="AA14927">
        <v>3</v>
      </c>
      <c r="AB14927">
        <v>3</v>
      </c>
      <c r="AC14927">
        <v>3</v>
      </c>
      <c r="AD14927">
        <v>3</v>
      </c>
      <c r="AE14927">
        <v>4</v>
      </c>
      <c r="AF14927">
        <v>4</v>
      </c>
      <c r="AG14927">
        <v>4</v>
      </c>
      <c r="AH14927">
        <v>4</v>
      </c>
      <c r="AI14927">
        <v>4</v>
      </c>
      <c r="AJ14927">
        <v>4</v>
      </c>
      <c r="AK14927">
        <v>4</v>
      </c>
      <c r="AL14927">
        <v>4</v>
      </c>
      <c r="AM14927">
        <v>4</v>
      </c>
      <c r="AN14927">
        <v>4</v>
      </c>
      <c r="AO14927">
        <v>4</v>
      </c>
      <c r="AP14927">
        <v>4</v>
      </c>
      <c r="AQ14927">
        <v>4</v>
      </c>
    </row>
    <row r="14928" spans="1:43">
      <c r="A14928" t="s">
        <v>9280</v>
      </c>
      <c r="B14928" t="s">
        <v>9281</v>
      </c>
      <c r="C14928" t="s">
        <v>9260</v>
      </c>
      <c r="D14928" t="s">
        <v>9261</v>
      </c>
      <c r="E14928" t="s">
        <v>9202</v>
      </c>
      <c r="F14928" t="s">
        <v>9203</v>
      </c>
      <c r="G14928" t="s">
        <v>80</v>
      </c>
      <c r="H14928" t="s">
        <v>81</v>
      </c>
      <c r="I14928" s="2">
        <v>1</v>
      </c>
      <c r="J14928" s="2">
        <v>0</v>
      </c>
      <c r="K14928" s="2">
        <v>0</v>
      </c>
      <c r="L14928" t="s">
        <v>120</v>
      </c>
      <c r="M14928" t="s">
        <v>89</v>
      </c>
      <c r="N14928" t="s">
        <v>90</v>
      </c>
      <c r="O14928" t="s">
        <v>85</v>
      </c>
      <c r="P14928" t="s">
        <v>86</v>
      </c>
      <c r="Q14928">
        <v>3</v>
      </c>
      <c r="R14928">
        <v>3</v>
      </c>
      <c r="S14928">
        <v>3</v>
      </c>
      <c r="T14928">
        <v>3</v>
      </c>
      <c r="U14928">
        <v>3</v>
      </c>
      <c r="V14928">
        <v>3</v>
      </c>
      <c r="W14928">
        <v>4</v>
      </c>
      <c r="X14928">
        <v>4</v>
      </c>
      <c r="Y14928">
        <v>4</v>
      </c>
      <c r="Z14928">
        <v>4</v>
      </c>
      <c r="AA14928">
        <v>4</v>
      </c>
      <c r="AB14928">
        <v>4</v>
      </c>
      <c r="AC14928">
        <v>4</v>
      </c>
      <c r="AD14928">
        <v>4</v>
      </c>
      <c r="AE14928">
        <v>4</v>
      </c>
      <c r="AF14928">
        <v>4</v>
      </c>
      <c r="AG14928">
        <v>4</v>
      </c>
      <c r="AH14928">
        <v>4</v>
      </c>
      <c r="AI14928">
        <v>4</v>
      </c>
      <c r="AJ14928">
        <v>4</v>
      </c>
      <c r="AK14928">
        <v>5</v>
      </c>
      <c r="AL14928">
        <v>5</v>
      </c>
      <c r="AM14928">
        <v>5</v>
      </c>
      <c r="AN14928">
        <v>5</v>
      </c>
      <c r="AO14928">
        <v>5</v>
      </c>
      <c r="AP14928">
        <v>5</v>
      </c>
      <c r="AQ14928">
        <v>5</v>
      </c>
    </row>
    <row r="14929" spans="1:43">
      <c r="A14929" t="s">
        <v>9280</v>
      </c>
      <c r="B14929" t="s">
        <v>9281</v>
      </c>
      <c r="C14929" t="s">
        <v>9260</v>
      </c>
      <c r="D14929" t="s">
        <v>9261</v>
      </c>
      <c r="E14929" t="s">
        <v>9202</v>
      </c>
      <c r="F14929" t="s">
        <v>9203</v>
      </c>
      <c r="G14929" t="s">
        <v>80</v>
      </c>
      <c r="H14929" t="s">
        <v>81</v>
      </c>
      <c r="I14929" s="2">
        <v>1</v>
      </c>
      <c r="J14929" s="2">
        <v>0</v>
      </c>
      <c r="K14929" s="2">
        <v>0</v>
      </c>
      <c r="L14929" t="s">
        <v>120</v>
      </c>
      <c r="M14929" t="s">
        <v>83</v>
      </c>
      <c r="N14929" t="s">
        <v>91</v>
      </c>
      <c r="O14929" t="s">
        <v>85</v>
      </c>
      <c r="P14929" t="s">
        <v>86</v>
      </c>
      <c r="Q14929">
        <v>3</v>
      </c>
      <c r="R14929">
        <v>3</v>
      </c>
      <c r="S14929">
        <v>3</v>
      </c>
      <c r="T14929">
        <v>3</v>
      </c>
      <c r="U14929">
        <v>3</v>
      </c>
      <c r="V14929">
        <v>3</v>
      </c>
      <c r="W14929">
        <v>3</v>
      </c>
      <c r="X14929">
        <v>3</v>
      </c>
      <c r="Y14929">
        <v>4</v>
      </c>
      <c r="Z14929">
        <v>4</v>
      </c>
      <c r="AA14929">
        <v>4</v>
      </c>
      <c r="AB14929">
        <v>4</v>
      </c>
      <c r="AC14929">
        <v>4</v>
      </c>
      <c r="AD14929">
        <v>4</v>
      </c>
      <c r="AE14929">
        <v>4</v>
      </c>
      <c r="AF14929">
        <v>4</v>
      </c>
      <c r="AG14929">
        <v>4</v>
      </c>
      <c r="AH14929">
        <v>4</v>
      </c>
      <c r="AI14929">
        <v>4</v>
      </c>
      <c r="AJ14929">
        <v>4</v>
      </c>
      <c r="AK14929">
        <v>4</v>
      </c>
      <c r="AL14929">
        <v>5</v>
      </c>
      <c r="AM14929">
        <v>5</v>
      </c>
      <c r="AN14929">
        <v>5</v>
      </c>
      <c r="AO14929">
        <v>5</v>
      </c>
      <c r="AP14929">
        <v>5</v>
      </c>
      <c r="AQ14929">
        <v>5</v>
      </c>
    </row>
    <row r="14930" spans="1:43">
      <c r="A14930" t="s">
        <v>9282</v>
      </c>
      <c r="B14930" t="s">
        <v>9283</v>
      </c>
      <c r="C14930" t="s">
        <v>9268</v>
      </c>
      <c r="D14930" t="s">
        <v>9269</v>
      </c>
      <c r="E14930" t="s">
        <v>9202</v>
      </c>
      <c r="F14930" t="s">
        <v>9203</v>
      </c>
      <c r="G14930" t="s">
        <v>80</v>
      </c>
      <c r="H14930" t="s">
        <v>81</v>
      </c>
      <c r="I14930" s="2">
        <v>1</v>
      </c>
      <c r="J14930" s="2">
        <v>0</v>
      </c>
      <c r="K14930" s="2">
        <v>0</v>
      </c>
      <c r="L14930" t="s">
        <v>120</v>
      </c>
      <c r="M14930" t="s">
        <v>83</v>
      </c>
      <c r="N14930" t="s">
        <v>84</v>
      </c>
      <c r="O14930" t="s">
        <v>85</v>
      </c>
      <c r="P14930" t="s">
        <v>86</v>
      </c>
      <c r="Q14930">
        <v>32</v>
      </c>
      <c r="R14930">
        <v>32</v>
      </c>
      <c r="S14930">
        <v>33</v>
      </c>
      <c r="T14930">
        <v>34</v>
      </c>
      <c r="U14930">
        <v>35</v>
      </c>
      <c r="V14930">
        <v>36</v>
      </c>
      <c r="W14930">
        <v>36</v>
      </c>
      <c r="X14930">
        <v>37</v>
      </c>
      <c r="Y14930">
        <v>38</v>
      </c>
      <c r="Z14930">
        <v>39</v>
      </c>
      <c r="AA14930">
        <v>40</v>
      </c>
      <c r="AB14930">
        <v>40</v>
      </c>
      <c r="AC14930">
        <v>41</v>
      </c>
      <c r="AD14930">
        <v>42</v>
      </c>
      <c r="AE14930">
        <v>43</v>
      </c>
      <c r="AF14930">
        <v>44</v>
      </c>
      <c r="AG14930">
        <v>45</v>
      </c>
      <c r="AH14930">
        <v>45</v>
      </c>
      <c r="AI14930">
        <v>46</v>
      </c>
      <c r="AJ14930">
        <v>47</v>
      </c>
      <c r="AK14930">
        <v>48</v>
      </c>
      <c r="AL14930">
        <v>49</v>
      </c>
      <c r="AM14930">
        <v>49</v>
      </c>
      <c r="AN14930">
        <v>50</v>
      </c>
      <c r="AO14930">
        <v>50</v>
      </c>
      <c r="AP14930">
        <v>51</v>
      </c>
      <c r="AQ14930">
        <v>51</v>
      </c>
    </row>
    <row r="14931" spans="1:43">
      <c r="A14931" t="s">
        <v>9282</v>
      </c>
      <c r="B14931" t="s">
        <v>9283</v>
      </c>
      <c r="C14931" t="s">
        <v>9268</v>
      </c>
      <c r="D14931" t="s">
        <v>9269</v>
      </c>
      <c r="E14931" t="s">
        <v>9202</v>
      </c>
      <c r="F14931" t="s">
        <v>9203</v>
      </c>
      <c r="G14931" t="s">
        <v>80</v>
      </c>
      <c r="H14931" t="s">
        <v>81</v>
      </c>
      <c r="I14931" s="2">
        <v>1</v>
      </c>
      <c r="J14931" s="2">
        <v>0</v>
      </c>
      <c r="K14931" s="2">
        <v>0</v>
      </c>
      <c r="L14931" t="s">
        <v>120</v>
      </c>
      <c r="M14931" t="s">
        <v>87</v>
      </c>
      <c r="N14931" t="s">
        <v>88</v>
      </c>
      <c r="O14931" t="s">
        <v>85</v>
      </c>
      <c r="P14931" t="s">
        <v>86</v>
      </c>
      <c r="Q14931">
        <v>32</v>
      </c>
      <c r="R14931">
        <v>33</v>
      </c>
      <c r="S14931">
        <v>33</v>
      </c>
      <c r="T14931">
        <v>34</v>
      </c>
      <c r="U14931">
        <v>34</v>
      </c>
      <c r="V14931">
        <v>35</v>
      </c>
      <c r="W14931">
        <v>35</v>
      </c>
      <c r="X14931">
        <v>36</v>
      </c>
      <c r="Y14931">
        <v>36</v>
      </c>
      <c r="Z14931">
        <v>37</v>
      </c>
      <c r="AA14931">
        <v>37</v>
      </c>
      <c r="AB14931">
        <v>38</v>
      </c>
      <c r="AC14931">
        <v>38</v>
      </c>
      <c r="AD14931">
        <v>39</v>
      </c>
      <c r="AE14931">
        <v>39</v>
      </c>
      <c r="AF14931">
        <v>40</v>
      </c>
      <c r="AG14931">
        <v>40</v>
      </c>
      <c r="AH14931">
        <v>41</v>
      </c>
      <c r="AI14931">
        <v>41</v>
      </c>
      <c r="AJ14931">
        <v>42</v>
      </c>
      <c r="AK14931">
        <v>42</v>
      </c>
      <c r="AL14931">
        <v>43</v>
      </c>
      <c r="AM14931">
        <v>43</v>
      </c>
      <c r="AN14931">
        <v>44</v>
      </c>
      <c r="AO14931">
        <v>44</v>
      </c>
      <c r="AP14931">
        <v>45</v>
      </c>
      <c r="AQ14931">
        <v>45</v>
      </c>
    </row>
    <row r="14932" spans="1:43">
      <c r="A14932" t="s">
        <v>9282</v>
      </c>
      <c r="B14932" t="s">
        <v>9283</v>
      </c>
      <c r="C14932" t="s">
        <v>9268</v>
      </c>
      <c r="D14932" t="s">
        <v>9269</v>
      </c>
      <c r="E14932" t="s">
        <v>9202</v>
      </c>
      <c r="F14932" t="s">
        <v>9203</v>
      </c>
      <c r="G14932" t="s">
        <v>80</v>
      </c>
      <c r="H14932" t="s">
        <v>81</v>
      </c>
      <c r="I14932" s="2">
        <v>1</v>
      </c>
      <c r="J14932" s="2">
        <v>0</v>
      </c>
      <c r="K14932" s="2">
        <v>0</v>
      </c>
      <c r="L14932" t="s">
        <v>120</v>
      </c>
      <c r="M14932" t="s">
        <v>89</v>
      </c>
      <c r="N14932" t="s">
        <v>90</v>
      </c>
      <c r="O14932" t="s">
        <v>85</v>
      </c>
      <c r="P14932" t="s">
        <v>86</v>
      </c>
      <c r="Q14932">
        <v>32</v>
      </c>
      <c r="R14932">
        <v>33</v>
      </c>
      <c r="S14932">
        <v>34</v>
      </c>
      <c r="T14932">
        <v>35</v>
      </c>
      <c r="U14932">
        <v>36</v>
      </c>
      <c r="V14932">
        <v>37</v>
      </c>
      <c r="W14932">
        <v>38</v>
      </c>
      <c r="X14932">
        <v>39</v>
      </c>
      <c r="Y14932">
        <v>40</v>
      </c>
      <c r="Z14932">
        <v>41</v>
      </c>
      <c r="AA14932">
        <v>42</v>
      </c>
      <c r="AB14932">
        <v>43</v>
      </c>
      <c r="AC14932">
        <v>44</v>
      </c>
      <c r="AD14932">
        <v>45</v>
      </c>
      <c r="AE14932">
        <v>46</v>
      </c>
      <c r="AF14932">
        <v>46</v>
      </c>
      <c r="AG14932">
        <v>47</v>
      </c>
      <c r="AH14932">
        <v>47</v>
      </c>
      <c r="AI14932">
        <v>48</v>
      </c>
      <c r="AJ14932">
        <v>48</v>
      </c>
      <c r="AK14932">
        <v>49</v>
      </c>
      <c r="AL14932">
        <v>49</v>
      </c>
      <c r="AM14932">
        <v>50</v>
      </c>
      <c r="AN14932">
        <v>50</v>
      </c>
      <c r="AO14932">
        <v>51</v>
      </c>
      <c r="AP14932">
        <v>51</v>
      </c>
      <c r="AQ14932">
        <v>51</v>
      </c>
    </row>
    <row r="14933" spans="1:43">
      <c r="A14933" t="s">
        <v>9282</v>
      </c>
      <c r="B14933" t="s">
        <v>9283</v>
      </c>
      <c r="C14933" t="s">
        <v>9268</v>
      </c>
      <c r="D14933" t="s">
        <v>9269</v>
      </c>
      <c r="E14933" t="s">
        <v>9202</v>
      </c>
      <c r="F14933" t="s">
        <v>9203</v>
      </c>
      <c r="G14933" t="s">
        <v>80</v>
      </c>
      <c r="H14933" t="s">
        <v>81</v>
      </c>
      <c r="I14933" s="2">
        <v>1</v>
      </c>
      <c r="J14933" s="2">
        <v>0</v>
      </c>
      <c r="K14933" s="2">
        <v>0</v>
      </c>
      <c r="L14933" t="s">
        <v>120</v>
      </c>
      <c r="M14933" t="s">
        <v>83</v>
      </c>
      <c r="N14933" t="s">
        <v>91</v>
      </c>
      <c r="O14933" t="s">
        <v>85</v>
      </c>
      <c r="P14933" t="s">
        <v>86</v>
      </c>
      <c r="Q14933">
        <v>32</v>
      </c>
      <c r="R14933">
        <v>32</v>
      </c>
      <c r="S14933">
        <v>33</v>
      </c>
      <c r="T14933">
        <v>34</v>
      </c>
      <c r="U14933">
        <v>35</v>
      </c>
      <c r="V14933">
        <v>36</v>
      </c>
      <c r="W14933">
        <v>36</v>
      </c>
      <c r="X14933">
        <v>37</v>
      </c>
      <c r="Y14933">
        <v>38</v>
      </c>
      <c r="Z14933">
        <v>39</v>
      </c>
      <c r="AA14933">
        <v>40</v>
      </c>
      <c r="AB14933">
        <v>40</v>
      </c>
      <c r="AC14933">
        <v>41</v>
      </c>
      <c r="AD14933">
        <v>42</v>
      </c>
      <c r="AE14933">
        <v>43</v>
      </c>
      <c r="AF14933">
        <v>44</v>
      </c>
      <c r="AG14933">
        <v>45</v>
      </c>
      <c r="AH14933">
        <v>45</v>
      </c>
      <c r="AI14933">
        <v>46</v>
      </c>
      <c r="AJ14933">
        <v>47</v>
      </c>
      <c r="AK14933">
        <v>48</v>
      </c>
      <c r="AL14933">
        <v>49</v>
      </c>
      <c r="AM14933">
        <v>49</v>
      </c>
      <c r="AN14933">
        <v>50</v>
      </c>
      <c r="AO14933">
        <v>50</v>
      </c>
      <c r="AP14933">
        <v>51</v>
      </c>
      <c r="AQ14933">
        <v>51</v>
      </c>
    </row>
    <row r="14934" spans="1:43">
      <c r="A14934" t="s">
        <v>9284</v>
      </c>
      <c r="B14934" t="s">
        <v>9285</v>
      </c>
      <c r="C14934" t="s">
        <v>9268</v>
      </c>
      <c r="D14934" t="s">
        <v>9269</v>
      </c>
      <c r="E14934" t="s">
        <v>9202</v>
      </c>
      <c r="F14934" t="s">
        <v>9203</v>
      </c>
      <c r="G14934" t="s">
        <v>80</v>
      </c>
      <c r="H14934" t="s">
        <v>81</v>
      </c>
      <c r="I14934" s="2">
        <v>1</v>
      </c>
      <c r="J14934" s="2">
        <v>0</v>
      </c>
      <c r="K14934" s="2">
        <v>0</v>
      </c>
      <c r="L14934" t="s">
        <v>120</v>
      </c>
      <c r="M14934" t="s">
        <v>83</v>
      </c>
      <c r="N14934" t="s">
        <v>84</v>
      </c>
      <c r="O14934" t="s">
        <v>85</v>
      </c>
      <c r="P14934" t="s">
        <v>86</v>
      </c>
      <c r="Q14934">
        <v>16</v>
      </c>
      <c r="R14934">
        <v>17</v>
      </c>
      <c r="S14934">
        <v>17</v>
      </c>
      <c r="T14934">
        <v>17</v>
      </c>
      <c r="U14934">
        <v>18</v>
      </c>
      <c r="V14934">
        <v>18</v>
      </c>
      <c r="W14934">
        <v>19</v>
      </c>
      <c r="X14934">
        <v>19</v>
      </c>
      <c r="Y14934">
        <v>19</v>
      </c>
      <c r="Z14934">
        <v>20</v>
      </c>
      <c r="AA14934">
        <v>20</v>
      </c>
      <c r="AB14934">
        <v>21</v>
      </c>
      <c r="AC14934">
        <v>21</v>
      </c>
      <c r="AD14934">
        <v>21</v>
      </c>
      <c r="AE14934">
        <v>22</v>
      </c>
      <c r="AF14934">
        <v>22</v>
      </c>
      <c r="AG14934">
        <v>23</v>
      </c>
      <c r="AH14934">
        <v>23</v>
      </c>
      <c r="AI14934">
        <v>24</v>
      </c>
      <c r="AJ14934">
        <v>24</v>
      </c>
      <c r="AK14934">
        <v>25</v>
      </c>
      <c r="AL14934">
        <v>25</v>
      </c>
      <c r="AM14934">
        <v>25</v>
      </c>
      <c r="AN14934">
        <v>25</v>
      </c>
      <c r="AO14934">
        <v>26</v>
      </c>
      <c r="AP14934">
        <v>26</v>
      </c>
      <c r="AQ14934">
        <v>26</v>
      </c>
    </row>
    <row r="14935" spans="1:43">
      <c r="A14935" t="s">
        <v>9284</v>
      </c>
      <c r="B14935" t="s">
        <v>9285</v>
      </c>
      <c r="C14935" t="s">
        <v>9268</v>
      </c>
      <c r="D14935" t="s">
        <v>9269</v>
      </c>
      <c r="E14935" t="s">
        <v>9202</v>
      </c>
      <c r="F14935" t="s">
        <v>9203</v>
      </c>
      <c r="G14935" t="s">
        <v>80</v>
      </c>
      <c r="H14935" t="s">
        <v>81</v>
      </c>
      <c r="I14935" s="2">
        <v>1</v>
      </c>
      <c r="J14935" s="2">
        <v>0</v>
      </c>
      <c r="K14935" s="2">
        <v>0</v>
      </c>
      <c r="L14935" t="s">
        <v>120</v>
      </c>
      <c r="M14935" t="s">
        <v>87</v>
      </c>
      <c r="N14935" t="s">
        <v>88</v>
      </c>
      <c r="O14935" t="s">
        <v>85</v>
      </c>
      <c r="P14935" t="s">
        <v>86</v>
      </c>
      <c r="Q14935">
        <v>16</v>
      </c>
      <c r="R14935">
        <v>16</v>
      </c>
      <c r="S14935">
        <v>16</v>
      </c>
      <c r="T14935">
        <v>17</v>
      </c>
      <c r="U14935">
        <v>17</v>
      </c>
      <c r="V14935">
        <v>17</v>
      </c>
      <c r="W14935">
        <v>17</v>
      </c>
      <c r="X14935">
        <v>18</v>
      </c>
      <c r="Y14935">
        <v>18</v>
      </c>
      <c r="Z14935">
        <v>18</v>
      </c>
      <c r="AA14935">
        <v>18</v>
      </c>
      <c r="AB14935">
        <v>19</v>
      </c>
      <c r="AC14935">
        <v>19</v>
      </c>
      <c r="AD14935">
        <v>19</v>
      </c>
      <c r="AE14935">
        <v>19</v>
      </c>
      <c r="AF14935">
        <v>20</v>
      </c>
      <c r="AG14935">
        <v>20</v>
      </c>
      <c r="AH14935">
        <v>20</v>
      </c>
      <c r="AI14935">
        <v>20</v>
      </c>
      <c r="AJ14935">
        <v>21</v>
      </c>
      <c r="AK14935">
        <v>21</v>
      </c>
      <c r="AL14935">
        <v>21</v>
      </c>
      <c r="AM14935">
        <v>22</v>
      </c>
      <c r="AN14935">
        <v>22</v>
      </c>
      <c r="AO14935">
        <v>22</v>
      </c>
      <c r="AP14935">
        <v>22</v>
      </c>
      <c r="AQ14935">
        <v>23</v>
      </c>
    </row>
    <row r="14936" spans="1:43">
      <c r="A14936" t="s">
        <v>9284</v>
      </c>
      <c r="B14936" t="s">
        <v>9285</v>
      </c>
      <c r="C14936" t="s">
        <v>9268</v>
      </c>
      <c r="D14936" t="s">
        <v>9269</v>
      </c>
      <c r="E14936" t="s">
        <v>9202</v>
      </c>
      <c r="F14936" t="s">
        <v>9203</v>
      </c>
      <c r="G14936" t="s">
        <v>80</v>
      </c>
      <c r="H14936" t="s">
        <v>81</v>
      </c>
      <c r="I14936" s="2">
        <v>1</v>
      </c>
      <c r="J14936" s="2">
        <v>0</v>
      </c>
      <c r="K14936" s="2">
        <v>0</v>
      </c>
      <c r="L14936" t="s">
        <v>120</v>
      </c>
      <c r="M14936" t="s">
        <v>89</v>
      </c>
      <c r="N14936" t="s">
        <v>90</v>
      </c>
      <c r="O14936" t="s">
        <v>85</v>
      </c>
      <c r="P14936" t="s">
        <v>86</v>
      </c>
      <c r="Q14936">
        <v>16</v>
      </c>
      <c r="R14936">
        <v>17</v>
      </c>
      <c r="S14936">
        <v>17</v>
      </c>
      <c r="T14936">
        <v>18</v>
      </c>
      <c r="U14936">
        <v>18</v>
      </c>
      <c r="V14936">
        <v>19</v>
      </c>
      <c r="W14936">
        <v>19</v>
      </c>
      <c r="X14936">
        <v>20</v>
      </c>
      <c r="Y14936">
        <v>20</v>
      </c>
      <c r="Z14936">
        <v>21</v>
      </c>
      <c r="AA14936">
        <v>21</v>
      </c>
      <c r="AB14936">
        <v>22</v>
      </c>
      <c r="AC14936">
        <v>22</v>
      </c>
      <c r="AD14936">
        <v>23</v>
      </c>
      <c r="AE14936">
        <v>23</v>
      </c>
      <c r="AF14936">
        <v>24</v>
      </c>
      <c r="AG14936">
        <v>24</v>
      </c>
      <c r="AH14936">
        <v>24</v>
      </c>
      <c r="AI14936">
        <v>24</v>
      </c>
      <c r="AJ14936">
        <v>25</v>
      </c>
      <c r="AK14936">
        <v>25</v>
      </c>
      <c r="AL14936">
        <v>25</v>
      </c>
      <c r="AM14936">
        <v>25</v>
      </c>
      <c r="AN14936">
        <v>26</v>
      </c>
      <c r="AO14936">
        <v>26</v>
      </c>
      <c r="AP14936">
        <v>26</v>
      </c>
      <c r="AQ14936">
        <v>26</v>
      </c>
    </row>
    <row r="14937" spans="1:43">
      <c r="A14937" t="s">
        <v>9284</v>
      </c>
      <c r="B14937" t="s">
        <v>9285</v>
      </c>
      <c r="C14937" t="s">
        <v>9268</v>
      </c>
      <c r="D14937" t="s">
        <v>9269</v>
      </c>
      <c r="E14937" t="s">
        <v>9202</v>
      </c>
      <c r="F14937" t="s">
        <v>9203</v>
      </c>
      <c r="G14937" t="s">
        <v>80</v>
      </c>
      <c r="H14937" t="s">
        <v>81</v>
      </c>
      <c r="I14937" s="2">
        <v>1</v>
      </c>
      <c r="J14937" s="2">
        <v>0</v>
      </c>
      <c r="K14937" s="2">
        <v>0</v>
      </c>
      <c r="L14937" t="s">
        <v>120</v>
      </c>
      <c r="M14937" t="s">
        <v>83</v>
      </c>
      <c r="N14937" t="s">
        <v>91</v>
      </c>
      <c r="O14937" t="s">
        <v>85</v>
      </c>
      <c r="P14937" t="s">
        <v>86</v>
      </c>
      <c r="Q14937">
        <v>16</v>
      </c>
      <c r="R14937">
        <v>17</v>
      </c>
      <c r="S14937">
        <v>17</v>
      </c>
      <c r="T14937">
        <v>17</v>
      </c>
      <c r="U14937">
        <v>18</v>
      </c>
      <c r="V14937">
        <v>18</v>
      </c>
      <c r="W14937">
        <v>19</v>
      </c>
      <c r="X14937">
        <v>19</v>
      </c>
      <c r="Y14937">
        <v>19</v>
      </c>
      <c r="Z14937">
        <v>20</v>
      </c>
      <c r="AA14937">
        <v>20</v>
      </c>
      <c r="AB14937">
        <v>21</v>
      </c>
      <c r="AC14937">
        <v>21</v>
      </c>
      <c r="AD14937">
        <v>21</v>
      </c>
      <c r="AE14937">
        <v>22</v>
      </c>
      <c r="AF14937">
        <v>22</v>
      </c>
      <c r="AG14937">
        <v>23</v>
      </c>
      <c r="AH14937">
        <v>23</v>
      </c>
      <c r="AI14937">
        <v>24</v>
      </c>
      <c r="AJ14937">
        <v>24</v>
      </c>
      <c r="AK14937">
        <v>25</v>
      </c>
      <c r="AL14937">
        <v>25</v>
      </c>
      <c r="AM14937">
        <v>25</v>
      </c>
      <c r="AN14937">
        <v>25</v>
      </c>
      <c r="AO14937">
        <v>26</v>
      </c>
      <c r="AP14937">
        <v>26</v>
      </c>
      <c r="AQ14937">
        <v>26</v>
      </c>
    </row>
    <row r="14938" spans="1:43">
      <c r="A14938" t="s">
        <v>9286</v>
      </c>
      <c r="B14938" t="s">
        <v>9287</v>
      </c>
      <c r="C14938" t="s">
        <v>9276</v>
      </c>
      <c r="D14938" t="s">
        <v>9277</v>
      </c>
      <c r="E14938" t="s">
        <v>9202</v>
      </c>
      <c r="F14938" t="s">
        <v>9203</v>
      </c>
      <c r="G14938" t="s">
        <v>80</v>
      </c>
      <c r="H14938" t="s">
        <v>81</v>
      </c>
      <c r="I14938" s="2">
        <v>1</v>
      </c>
      <c r="J14938" s="2">
        <v>0</v>
      </c>
      <c r="K14938" s="2">
        <v>0</v>
      </c>
      <c r="L14938" t="s">
        <v>120</v>
      </c>
      <c r="M14938" t="s">
        <v>83</v>
      </c>
      <c r="N14938" t="s">
        <v>84</v>
      </c>
      <c r="O14938" t="s">
        <v>85</v>
      </c>
      <c r="P14938" t="s">
        <v>86</v>
      </c>
      <c r="Q14938">
        <v>13</v>
      </c>
      <c r="R14938">
        <v>14</v>
      </c>
      <c r="S14938">
        <v>14</v>
      </c>
      <c r="T14938">
        <v>14</v>
      </c>
      <c r="U14938">
        <v>15</v>
      </c>
      <c r="V14938">
        <v>15</v>
      </c>
      <c r="W14938">
        <v>15</v>
      </c>
      <c r="X14938">
        <v>16</v>
      </c>
      <c r="Y14938">
        <v>16</v>
      </c>
      <c r="Z14938">
        <v>16</v>
      </c>
      <c r="AA14938">
        <v>17</v>
      </c>
      <c r="AB14938">
        <v>17</v>
      </c>
      <c r="AC14938">
        <v>17</v>
      </c>
      <c r="AD14938">
        <v>18</v>
      </c>
      <c r="AE14938">
        <v>18</v>
      </c>
      <c r="AF14938">
        <v>19</v>
      </c>
      <c r="AG14938">
        <v>19</v>
      </c>
      <c r="AH14938">
        <v>19</v>
      </c>
      <c r="AI14938">
        <v>20</v>
      </c>
      <c r="AJ14938">
        <v>20</v>
      </c>
      <c r="AK14938">
        <v>20</v>
      </c>
      <c r="AL14938">
        <v>21</v>
      </c>
      <c r="AM14938">
        <v>21</v>
      </c>
      <c r="AN14938">
        <v>21</v>
      </c>
      <c r="AO14938">
        <v>21</v>
      </c>
      <c r="AP14938">
        <v>21</v>
      </c>
      <c r="AQ14938">
        <v>22</v>
      </c>
    </row>
    <row r="14939" spans="1:43">
      <c r="A14939" t="s">
        <v>9286</v>
      </c>
      <c r="B14939" t="s">
        <v>9287</v>
      </c>
      <c r="C14939" t="s">
        <v>9276</v>
      </c>
      <c r="D14939" t="s">
        <v>9277</v>
      </c>
      <c r="E14939" t="s">
        <v>9202</v>
      </c>
      <c r="F14939" t="s">
        <v>9203</v>
      </c>
      <c r="G14939" t="s">
        <v>80</v>
      </c>
      <c r="H14939" t="s">
        <v>81</v>
      </c>
      <c r="I14939" s="2">
        <v>1</v>
      </c>
      <c r="J14939" s="2">
        <v>0</v>
      </c>
      <c r="K14939" s="2">
        <v>0</v>
      </c>
      <c r="L14939" t="s">
        <v>120</v>
      </c>
      <c r="M14939" t="s">
        <v>87</v>
      </c>
      <c r="N14939" t="s">
        <v>88</v>
      </c>
      <c r="O14939" t="s">
        <v>85</v>
      </c>
      <c r="P14939" t="s">
        <v>86</v>
      </c>
      <c r="Q14939">
        <v>13</v>
      </c>
      <c r="R14939">
        <v>13</v>
      </c>
      <c r="S14939">
        <v>14</v>
      </c>
      <c r="T14939">
        <v>14</v>
      </c>
      <c r="U14939">
        <v>14</v>
      </c>
      <c r="V14939">
        <v>14</v>
      </c>
      <c r="W14939">
        <v>14</v>
      </c>
      <c r="X14939">
        <v>15</v>
      </c>
      <c r="Y14939">
        <v>15</v>
      </c>
      <c r="Z14939">
        <v>15</v>
      </c>
      <c r="AA14939">
        <v>15</v>
      </c>
      <c r="AB14939">
        <v>15</v>
      </c>
      <c r="AC14939">
        <v>16</v>
      </c>
      <c r="AD14939">
        <v>16</v>
      </c>
      <c r="AE14939">
        <v>16</v>
      </c>
      <c r="AF14939">
        <v>16</v>
      </c>
      <c r="AG14939">
        <v>17</v>
      </c>
      <c r="AH14939">
        <v>17</v>
      </c>
      <c r="AI14939">
        <v>17</v>
      </c>
      <c r="AJ14939">
        <v>17</v>
      </c>
      <c r="AK14939">
        <v>17</v>
      </c>
      <c r="AL14939">
        <v>18</v>
      </c>
      <c r="AM14939">
        <v>18</v>
      </c>
      <c r="AN14939">
        <v>18</v>
      </c>
      <c r="AO14939">
        <v>18</v>
      </c>
      <c r="AP14939">
        <v>19</v>
      </c>
      <c r="AQ14939">
        <v>19</v>
      </c>
    </row>
    <row r="14940" spans="1:43">
      <c r="A14940" t="s">
        <v>9286</v>
      </c>
      <c r="B14940" t="s">
        <v>9287</v>
      </c>
      <c r="C14940" t="s">
        <v>9276</v>
      </c>
      <c r="D14940" t="s">
        <v>9277</v>
      </c>
      <c r="E14940" t="s">
        <v>9202</v>
      </c>
      <c r="F14940" t="s">
        <v>9203</v>
      </c>
      <c r="G14940" t="s">
        <v>80</v>
      </c>
      <c r="H14940" t="s">
        <v>81</v>
      </c>
      <c r="I14940" s="2">
        <v>1</v>
      </c>
      <c r="J14940" s="2">
        <v>0</v>
      </c>
      <c r="K14940" s="2">
        <v>0</v>
      </c>
      <c r="L14940" t="s">
        <v>120</v>
      </c>
      <c r="M14940" t="s">
        <v>89</v>
      </c>
      <c r="N14940" t="s">
        <v>90</v>
      </c>
      <c r="O14940" t="s">
        <v>85</v>
      </c>
      <c r="P14940" t="s">
        <v>86</v>
      </c>
      <c r="Q14940">
        <v>13</v>
      </c>
      <c r="R14940">
        <v>13</v>
      </c>
      <c r="S14940">
        <v>13</v>
      </c>
      <c r="T14940">
        <v>14</v>
      </c>
      <c r="U14940">
        <v>14</v>
      </c>
      <c r="V14940">
        <v>15</v>
      </c>
      <c r="W14940">
        <v>15</v>
      </c>
      <c r="X14940">
        <v>16</v>
      </c>
      <c r="Y14940">
        <v>16</v>
      </c>
      <c r="Z14940">
        <v>16</v>
      </c>
      <c r="AA14940">
        <v>17</v>
      </c>
      <c r="AB14940">
        <v>17</v>
      </c>
      <c r="AC14940">
        <v>18</v>
      </c>
      <c r="AD14940">
        <v>18</v>
      </c>
      <c r="AE14940">
        <v>18</v>
      </c>
      <c r="AF14940">
        <v>19</v>
      </c>
      <c r="AG14940">
        <v>19</v>
      </c>
      <c r="AH14940">
        <v>19</v>
      </c>
      <c r="AI14940">
        <v>19</v>
      </c>
      <c r="AJ14940">
        <v>19</v>
      </c>
      <c r="AK14940">
        <v>20</v>
      </c>
      <c r="AL14940">
        <v>20</v>
      </c>
      <c r="AM14940">
        <v>20</v>
      </c>
      <c r="AN14940">
        <v>20</v>
      </c>
      <c r="AO14940">
        <v>20</v>
      </c>
      <c r="AP14940">
        <v>21</v>
      </c>
      <c r="AQ14940">
        <v>21</v>
      </c>
    </row>
    <row r="14941" spans="1:43">
      <c r="A14941" t="s">
        <v>9286</v>
      </c>
      <c r="B14941" t="s">
        <v>9287</v>
      </c>
      <c r="C14941" t="s">
        <v>9276</v>
      </c>
      <c r="D14941" t="s">
        <v>9277</v>
      </c>
      <c r="E14941" t="s">
        <v>9202</v>
      </c>
      <c r="F14941" t="s">
        <v>9203</v>
      </c>
      <c r="G14941" t="s">
        <v>80</v>
      </c>
      <c r="H14941" t="s">
        <v>81</v>
      </c>
      <c r="I14941" s="2">
        <v>1</v>
      </c>
      <c r="J14941" s="2">
        <v>0</v>
      </c>
      <c r="K14941" s="2">
        <v>0</v>
      </c>
      <c r="L14941" t="s">
        <v>120</v>
      </c>
      <c r="M14941" t="s">
        <v>83</v>
      </c>
      <c r="N14941" t="s">
        <v>91</v>
      </c>
      <c r="O14941" t="s">
        <v>85</v>
      </c>
      <c r="P14941" t="s">
        <v>86</v>
      </c>
      <c r="Q14941">
        <v>13</v>
      </c>
      <c r="R14941">
        <v>14</v>
      </c>
      <c r="S14941">
        <v>14</v>
      </c>
      <c r="T14941">
        <v>14</v>
      </c>
      <c r="U14941">
        <v>15</v>
      </c>
      <c r="V14941">
        <v>15</v>
      </c>
      <c r="W14941">
        <v>15</v>
      </c>
      <c r="X14941">
        <v>16</v>
      </c>
      <c r="Y14941">
        <v>16</v>
      </c>
      <c r="Z14941">
        <v>16</v>
      </c>
      <c r="AA14941">
        <v>17</v>
      </c>
      <c r="AB14941">
        <v>17</v>
      </c>
      <c r="AC14941">
        <v>17</v>
      </c>
      <c r="AD14941">
        <v>18</v>
      </c>
      <c r="AE14941">
        <v>18</v>
      </c>
      <c r="AF14941">
        <v>19</v>
      </c>
      <c r="AG14941">
        <v>19</v>
      </c>
      <c r="AH14941">
        <v>19</v>
      </c>
      <c r="AI14941">
        <v>20</v>
      </c>
      <c r="AJ14941">
        <v>20</v>
      </c>
      <c r="AK14941">
        <v>20</v>
      </c>
      <c r="AL14941">
        <v>21</v>
      </c>
      <c r="AM14941">
        <v>21</v>
      </c>
      <c r="AN14941">
        <v>21</v>
      </c>
      <c r="AO14941">
        <v>21</v>
      </c>
      <c r="AP14941">
        <v>21</v>
      </c>
      <c r="AQ14941">
        <v>22</v>
      </c>
    </row>
    <row r="14942" spans="1:43">
      <c r="A14942" t="s">
        <v>9288</v>
      </c>
      <c r="B14942" t="s">
        <v>9289</v>
      </c>
      <c r="C14942" t="s">
        <v>9290</v>
      </c>
      <c r="D14942" t="s">
        <v>9291</v>
      </c>
      <c r="E14942" t="s">
        <v>9202</v>
      </c>
      <c r="F14942" t="s">
        <v>9203</v>
      </c>
      <c r="G14942" t="s">
        <v>80</v>
      </c>
      <c r="H14942" t="s">
        <v>81</v>
      </c>
      <c r="I14942" s="2">
        <v>1</v>
      </c>
      <c r="J14942" s="2">
        <v>0</v>
      </c>
      <c r="K14942" s="2">
        <v>0</v>
      </c>
      <c r="L14942" t="s">
        <v>120</v>
      </c>
      <c r="M14942" t="s">
        <v>83</v>
      </c>
      <c r="N14942" t="s">
        <v>84</v>
      </c>
      <c r="O14942" t="s">
        <v>85</v>
      </c>
      <c r="P14942" t="s">
        <v>86</v>
      </c>
      <c r="Q14942">
        <v>15</v>
      </c>
      <c r="R14942">
        <v>15</v>
      </c>
      <c r="S14942">
        <v>15</v>
      </c>
      <c r="T14942">
        <v>16</v>
      </c>
      <c r="U14942">
        <v>16</v>
      </c>
      <c r="V14942">
        <v>16</v>
      </c>
      <c r="W14942">
        <v>17</v>
      </c>
      <c r="X14942">
        <v>17</v>
      </c>
      <c r="Y14942">
        <v>18</v>
      </c>
      <c r="Z14942">
        <v>18</v>
      </c>
      <c r="AA14942">
        <v>18</v>
      </c>
      <c r="AB14942">
        <v>19</v>
      </c>
      <c r="AC14942">
        <v>19</v>
      </c>
      <c r="AD14942">
        <v>19</v>
      </c>
      <c r="AE14942">
        <v>20</v>
      </c>
      <c r="AF14942">
        <v>20</v>
      </c>
      <c r="AG14942">
        <v>21</v>
      </c>
      <c r="AH14942">
        <v>21</v>
      </c>
      <c r="AI14942">
        <v>21</v>
      </c>
      <c r="AJ14942">
        <v>22</v>
      </c>
      <c r="AK14942">
        <v>22</v>
      </c>
      <c r="AL14942">
        <v>23</v>
      </c>
      <c r="AM14942">
        <v>23</v>
      </c>
      <c r="AN14942">
        <v>23</v>
      </c>
      <c r="AO14942">
        <v>23</v>
      </c>
      <c r="AP14942">
        <v>23</v>
      </c>
      <c r="AQ14942">
        <v>24</v>
      </c>
    </row>
    <row r="14943" spans="1:43">
      <c r="A14943" t="s">
        <v>9288</v>
      </c>
      <c r="B14943" t="s">
        <v>9289</v>
      </c>
      <c r="C14943" t="s">
        <v>9290</v>
      </c>
      <c r="D14943" t="s">
        <v>9291</v>
      </c>
      <c r="E14943" t="s">
        <v>9202</v>
      </c>
      <c r="F14943" t="s">
        <v>9203</v>
      </c>
      <c r="G14943" t="s">
        <v>80</v>
      </c>
      <c r="H14943" t="s">
        <v>81</v>
      </c>
      <c r="I14943" s="2">
        <v>1</v>
      </c>
      <c r="J14943" s="2">
        <v>0</v>
      </c>
      <c r="K14943" s="2">
        <v>0</v>
      </c>
      <c r="L14943" t="s">
        <v>120</v>
      </c>
      <c r="M14943" t="s">
        <v>87</v>
      </c>
      <c r="N14943" t="s">
        <v>88</v>
      </c>
      <c r="O14943" t="s">
        <v>85</v>
      </c>
      <c r="P14943" t="s">
        <v>86</v>
      </c>
      <c r="Q14943">
        <v>15</v>
      </c>
      <c r="R14943">
        <v>15</v>
      </c>
      <c r="S14943">
        <v>15</v>
      </c>
      <c r="T14943">
        <v>15</v>
      </c>
      <c r="U14943">
        <v>15</v>
      </c>
      <c r="V14943">
        <v>16</v>
      </c>
      <c r="W14943">
        <v>16</v>
      </c>
      <c r="X14943">
        <v>16</v>
      </c>
      <c r="Y14943">
        <v>16</v>
      </c>
      <c r="Z14943">
        <v>17</v>
      </c>
      <c r="AA14943">
        <v>17</v>
      </c>
      <c r="AB14943">
        <v>17</v>
      </c>
      <c r="AC14943">
        <v>17</v>
      </c>
      <c r="AD14943">
        <v>17</v>
      </c>
      <c r="AE14943">
        <v>18</v>
      </c>
      <c r="AF14943">
        <v>18</v>
      </c>
      <c r="AG14943">
        <v>18</v>
      </c>
      <c r="AH14943">
        <v>18</v>
      </c>
      <c r="AI14943">
        <v>19</v>
      </c>
      <c r="AJ14943">
        <v>19</v>
      </c>
      <c r="AK14943">
        <v>19</v>
      </c>
      <c r="AL14943">
        <v>19</v>
      </c>
      <c r="AM14943">
        <v>20</v>
      </c>
      <c r="AN14943">
        <v>20</v>
      </c>
      <c r="AO14943">
        <v>20</v>
      </c>
      <c r="AP14943">
        <v>20</v>
      </c>
      <c r="AQ14943">
        <v>21</v>
      </c>
    </row>
    <row r="14944" spans="1:43">
      <c r="A14944" t="s">
        <v>9288</v>
      </c>
      <c r="B14944" t="s">
        <v>9289</v>
      </c>
      <c r="C14944" t="s">
        <v>9290</v>
      </c>
      <c r="D14944" t="s">
        <v>9291</v>
      </c>
      <c r="E14944" t="s">
        <v>9202</v>
      </c>
      <c r="F14944" t="s">
        <v>9203</v>
      </c>
      <c r="G14944" t="s">
        <v>80</v>
      </c>
      <c r="H14944" t="s">
        <v>81</v>
      </c>
      <c r="I14944" s="2">
        <v>1</v>
      </c>
      <c r="J14944" s="2">
        <v>0</v>
      </c>
      <c r="K14944" s="2">
        <v>0</v>
      </c>
      <c r="L14944" t="s">
        <v>120</v>
      </c>
      <c r="M14944" t="s">
        <v>89</v>
      </c>
      <c r="N14944" t="s">
        <v>90</v>
      </c>
      <c r="O14944" t="s">
        <v>85</v>
      </c>
      <c r="P14944" t="s">
        <v>86</v>
      </c>
      <c r="Q14944">
        <v>15</v>
      </c>
      <c r="R14944">
        <v>15</v>
      </c>
      <c r="S14944">
        <v>16</v>
      </c>
      <c r="T14944">
        <v>16</v>
      </c>
      <c r="U14944">
        <v>17</v>
      </c>
      <c r="V14944">
        <v>17</v>
      </c>
      <c r="W14944">
        <v>18</v>
      </c>
      <c r="X14944">
        <v>18</v>
      </c>
      <c r="Y14944">
        <v>19</v>
      </c>
      <c r="Z14944">
        <v>19</v>
      </c>
      <c r="AA14944">
        <v>20</v>
      </c>
      <c r="AB14944">
        <v>20</v>
      </c>
      <c r="AC14944">
        <v>20</v>
      </c>
      <c r="AD14944">
        <v>21</v>
      </c>
      <c r="AE14944">
        <v>21</v>
      </c>
      <c r="AF14944">
        <v>22</v>
      </c>
      <c r="AG14944">
        <v>22</v>
      </c>
      <c r="AH14944">
        <v>22</v>
      </c>
      <c r="AI14944">
        <v>22</v>
      </c>
      <c r="AJ14944">
        <v>22</v>
      </c>
      <c r="AK14944">
        <v>23</v>
      </c>
      <c r="AL14944">
        <v>23</v>
      </c>
      <c r="AM14944">
        <v>23</v>
      </c>
      <c r="AN14944">
        <v>23</v>
      </c>
      <c r="AO14944">
        <v>23</v>
      </c>
      <c r="AP14944">
        <v>24</v>
      </c>
      <c r="AQ14944">
        <v>24</v>
      </c>
    </row>
    <row r="14945" spans="1:43">
      <c r="A14945" t="s">
        <v>9288</v>
      </c>
      <c r="B14945" t="s">
        <v>9289</v>
      </c>
      <c r="C14945" t="s">
        <v>9290</v>
      </c>
      <c r="D14945" t="s">
        <v>9291</v>
      </c>
      <c r="E14945" t="s">
        <v>9202</v>
      </c>
      <c r="F14945" t="s">
        <v>9203</v>
      </c>
      <c r="G14945" t="s">
        <v>80</v>
      </c>
      <c r="H14945" t="s">
        <v>81</v>
      </c>
      <c r="I14945" s="2">
        <v>1</v>
      </c>
      <c r="J14945" s="2">
        <v>0</v>
      </c>
      <c r="K14945" s="2">
        <v>0</v>
      </c>
      <c r="L14945" t="s">
        <v>120</v>
      </c>
      <c r="M14945" t="s">
        <v>83</v>
      </c>
      <c r="N14945" t="s">
        <v>91</v>
      </c>
      <c r="O14945" t="s">
        <v>85</v>
      </c>
      <c r="P14945" t="s">
        <v>86</v>
      </c>
      <c r="Q14945">
        <v>15</v>
      </c>
      <c r="R14945">
        <v>15</v>
      </c>
      <c r="S14945">
        <v>15</v>
      </c>
      <c r="T14945">
        <v>16</v>
      </c>
      <c r="U14945">
        <v>16</v>
      </c>
      <c r="V14945">
        <v>16</v>
      </c>
      <c r="W14945">
        <v>17</v>
      </c>
      <c r="X14945">
        <v>17</v>
      </c>
      <c r="Y14945">
        <v>18</v>
      </c>
      <c r="Z14945">
        <v>18</v>
      </c>
      <c r="AA14945">
        <v>18</v>
      </c>
      <c r="AB14945">
        <v>19</v>
      </c>
      <c r="AC14945">
        <v>19</v>
      </c>
      <c r="AD14945">
        <v>19</v>
      </c>
      <c r="AE14945">
        <v>20</v>
      </c>
      <c r="AF14945">
        <v>20</v>
      </c>
      <c r="AG14945">
        <v>21</v>
      </c>
      <c r="AH14945">
        <v>21</v>
      </c>
      <c r="AI14945">
        <v>21</v>
      </c>
      <c r="AJ14945">
        <v>22</v>
      </c>
      <c r="AK14945">
        <v>22</v>
      </c>
      <c r="AL14945">
        <v>23</v>
      </c>
      <c r="AM14945">
        <v>23</v>
      </c>
      <c r="AN14945">
        <v>23</v>
      </c>
      <c r="AO14945">
        <v>23</v>
      </c>
      <c r="AP14945">
        <v>23</v>
      </c>
      <c r="AQ14945">
        <v>24</v>
      </c>
    </row>
    <row r="14946" spans="1:43">
      <c r="A14946" t="s">
        <v>9292</v>
      </c>
      <c r="B14946" t="s">
        <v>9293</v>
      </c>
      <c r="C14946" t="s">
        <v>9294</v>
      </c>
      <c r="D14946" t="s">
        <v>9295</v>
      </c>
      <c r="E14946" t="s">
        <v>9202</v>
      </c>
      <c r="F14946" t="s">
        <v>9203</v>
      </c>
      <c r="G14946" t="s">
        <v>80</v>
      </c>
      <c r="H14946" t="s">
        <v>81</v>
      </c>
      <c r="I14946" s="2">
        <v>0</v>
      </c>
      <c r="J14946" s="2">
        <v>1</v>
      </c>
      <c r="K14946" s="2">
        <v>0</v>
      </c>
      <c r="L14946" t="s">
        <v>82</v>
      </c>
      <c r="M14946" t="s">
        <v>83</v>
      </c>
      <c r="N14946" t="s">
        <v>84</v>
      </c>
      <c r="O14946" t="s">
        <v>85</v>
      </c>
      <c r="P14946" t="s">
        <v>86</v>
      </c>
      <c r="Q14946">
        <v>17</v>
      </c>
      <c r="R14946">
        <v>17</v>
      </c>
      <c r="S14946">
        <v>18</v>
      </c>
      <c r="T14946">
        <v>18</v>
      </c>
      <c r="U14946">
        <v>19</v>
      </c>
      <c r="V14946">
        <v>19</v>
      </c>
      <c r="W14946">
        <v>19</v>
      </c>
      <c r="X14946">
        <v>20</v>
      </c>
      <c r="Y14946">
        <v>20</v>
      </c>
      <c r="Z14946">
        <v>21</v>
      </c>
      <c r="AA14946">
        <v>21</v>
      </c>
      <c r="AB14946">
        <v>22</v>
      </c>
      <c r="AC14946">
        <v>22</v>
      </c>
      <c r="AD14946">
        <v>22</v>
      </c>
      <c r="AE14946">
        <v>23</v>
      </c>
      <c r="AF14946">
        <v>23</v>
      </c>
      <c r="AG14946">
        <v>24</v>
      </c>
      <c r="AH14946">
        <v>24</v>
      </c>
      <c r="AI14946">
        <v>25</v>
      </c>
      <c r="AJ14946">
        <v>25</v>
      </c>
      <c r="AK14946">
        <v>26</v>
      </c>
      <c r="AL14946">
        <v>26</v>
      </c>
      <c r="AM14946">
        <v>26</v>
      </c>
      <c r="AN14946">
        <v>26</v>
      </c>
      <c r="AO14946">
        <v>27</v>
      </c>
      <c r="AP14946">
        <v>27</v>
      </c>
      <c r="AQ14946">
        <v>27</v>
      </c>
    </row>
    <row r="14947" spans="1:43">
      <c r="A14947" t="s">
        <v>9292</v>
      </c>
      <c r="B14947" t="s">
        <v>9293</v>
      </c>
      <c r="C14947" t="s">
        <v>9294</v>
      </c>
      <c r="D14947" t="s">
        <v>9295</v>
      </c>
      <c r="E14947" t="s">
        <v>9202</v>
      </c>
      <c r="F14947" t="s">
        <v>9203</v>
      </c>
      <c r="G14947" t="s">
        <v>80</v>
      </c>
      <c r="H14947" t="s">
        <v>81</v>
      </c>
      <c r="I14947" s="2">
        <v>0</v>
      </c>
      <c r="J14947" s="2">
        <v>1</v>
      </c>
      <c r="K14947" s="2">
        <v>0</v>
      </c>
      <c r="L14947" t="s">
        <v>82</v>
      </c>
      <c r="M14947" t="s">
        <v>87</v>
      </c>
      <c r="N14947" t="s">
        <v>88</v>
      </c>
      <c r="O14947" t="s">
        <v>85</v>
      </c>
      <c r="P14947" t="s">
        <v>86</v>
      </c>
      <c r="Q14947">
        <v>17</v>
      </c>
      <c r="R14947">
        <v>17</v>
      </c>
      <c r="S14947">
        <v>17</v>
      </c>
      <c r="T14947">
        <v>17</v>
      </c>
      <c r="U14947">
        <v>18</v>
      </c>
      <c r="V14947">
        <v>18</v>
      </c>
      <c r="W14947">
        <v>18</v>
      </c>
      <c r="X14947">
        <v>18</v>
      </c>
      <c r="Y14947">
        <v>19</v>
      </c>
      <c r="Z14947">
        <v>19</v>
      </c>
      <c r="AA14947">
        <v>19</v>
      </c>
      <c r="AB14947">
        <v>19</v>
      </c>
      <c r="AC14947">
        <v>20</v>
      </c>
      <c r="AD14947">
        <v>20</v>
      </c>
      <c r="AE14947">
        <v>20</v>
      </c>
      <c r="AF14947">
        <v>21</v>
      </c>
      <c r="AG14947">
        <v>21</v>
      </c>
      <c r="AH14947">
        <v>21</v>
      </c>
      <c r="AI14947">
        <v>21</v>
      </c>
      <c r="AJ14947">
        <v>22</v>
      </c>
      <c r="AK14947">
        <v>22</v>
      </c>
      <c r="AL14947">
        <v>22</v>
      </c>
      <c r="AM14947">
        <v>23</v>
      </c>
      <c r="AN14947">
        <v>23</v>
      </c>
      <c r="AO14947">
        <v>23</v>
      </c>
      <c r="AP14947">
        <v>23</v>
      </c>
      <c r="AQ14947">
        <v>24</v>
      </c>
    </row>
    <row r="14948" spans="1:43">
      <c r="A14948" t="s">
        <v>9292</v>
      </c>
      <c r="B14948" t="s">
        <v>9293</v>
      </c>
      <c r="C14948" t="s">
        <v>9294</v>
      </c>
      <c r="D14948" t="s">
        <v>9295</v>
      </c>
      <c r="E14948" t="s">
        <v>9202</v>
      </c>
      <c r="F14948" t="s">
        <v>9203</v>
      </c>
      <c r="G14948" t="s">
        <v>80</v>
      </c>
      <c r="H14948" t="s">
        <v>81</v>
      </c>
      <c r="I14948" s="2">
        <v>0</v>
      </c>
      <c r="J14948" s="2">
        <v>1</v>
      </c>
      <c r="K14948" s="2">
        <v>0</v>
      </c>
      <c r="L14948" t="s">
        <v>82</v>
      </c>
      <c r="M14948" t="s">
        <v>89</v>
      </c>
      <c r="N14948" t="s">
        <v>90</v>
      </c>
      <c r="O14948" t="s">
        <v>85</v>
      </c>
      <c r="P14948" t="s">
        <v>86</v>
      </c>
      <c r="Q14948">
        <v>17</v>
      </c>
      <c r="R14948">
        <v>18</v>
      </c>
      <c r="S14948">
        <v>18</v>
      </c>
      <c r="T14948">
        <v>19</v>
      </c>
      <c r="U14948">
        <v>19</v>
      </c>
      <c r="V14948">
        <v>20</v>
      </c>
      <c r="W14948">
        <v>20</v>
      </c>
      <c r="X14948">
        <v>21</v>
      </c>
      <c r="Y14948">
        <v>21</v>
      </c>
      <c r="Z14948">
        <v>22</v>
      </c>
      <c r="AA14948">
        <v>22</v>
      </c>
      <c r="AB14948">
        <v>23</v>
      </c>
      <c r="AC14948">
        <v>24</v>
      </c>
      <c r="AD14948">
        <v>24</v>
      </c>
      <c r="AE14948">
        <v>25</v>
      </c>
      <c r="AF14948">
        <v>25</v>
      </c>
      <c r="AG14948">
        <v>25</v>
      </c>
      <c r="AH14948">
        <v>25</v>
      </c>
      <c r="AI14948">
        <v>25</v>
      </c>
      <c r="AJ14948">
        <v>26</v>
      </c>
      <c r="AK14948">
        <v>26</v>
      </c>
      <c r="AL14948">
        <v>26</v>
      </c>
      <c r="AM14948">
        <v>26</v>
      </c>
      <c r="AN14948">
        <v>27</v>
      </c>
      <c r="AO14948">
        <v>27</v>
      </c>
      <c r="AP14948">
        <v>27</v>
      </c>
      <c r="AQ14948">
        <v>27</v>
      </c>
    </row>
    <row r="14949" spans="1:43">
      <c r="A14949" t="s">
        <v>9292</v>
      </c>
      <c r="B14949" t="s">
        <v>9293</v>
      </c>
      <c r="C14949" t="s">
        <v>9294</v>
      </c>
      <c r="D14949" t="s">
        <v>9295</v>
      </c>
      <c r="E14949" t="s">
        <v>9202</v>
      </c>
      <c r="F14949" t="s">
        <v>9203</v>
      </c>
      <c r="G14949" t="s">
        <v>80</v>
      </c>
      <c r="H14949" t="s">
        <v>81</v>
      </c>
      <c r="I14949" s="2">
        <v>0</v>
      </c>
      <c r="J14949" s="2">
        <v>1</v>
      </c>
      <c r="K14949" s="2">
        <v>0</v>
      </c>
      <c r="L14949" t="s">
        <v>82</v>
      </c>
      <c r="M14949" t="s">
        <v>83</v>
      </c>
      <c r="N14949" t="s">
        <v>91</v>
      </c>
      <c r="O14949" t="s">
        <v>85</v>
      </c>
      <c r="P14949" t="s">
        <v>86</v>
      </c>
      <c r="Q14949">
        <v>17</v>
      </c>
      <c r="R14949">
        <v>17</v>
      </c>
      <c r="S14949">
        <v>18</v>
      </c>
      <c r="T14949">
        <v>18</v>
      </c>
      <c r="U14949">
        <v>19</v>
      </c>
      <c r="V14949">
        <v>19</v>
      </c>
      <c r="W14949">
        <v>19</v>
      </c>
      <c r="X14949">
        <v>20</v>
      </c>
      <c r="Y14949">
        <v>20</v>
      </c>
      <c r="Z14949">
        <v>21</v>
      </c>
      <c r="AA14949">
        <v>21</v>
      </c>
      <c r="AB14949">
        <v>22</v>
      </c>
      <c r="AC14949">
        <v>22</v>
      </c>
      <c r="AD14949">
        <v>22</v>
      </c>
      <c r="AE14949">
        <v>23</v>
      </c>
      <c r="AF14949">
        <v>23</v>
      </c>
      <c r="AG14949">
        <v>24</v>
      </c>
      <c r="AH14949">
        <v>24</v>
      </c>
      <c r="AI14949">
        <v>25</v>
      </c>
      <c r="AJ14949">
        <v>25</v>
      </c>
      <c r="AK14949">
        <v>26</v>
      </c>
      <c r="AL14949">
        <v>26</v>
      </c>
      <c r="AM14949">
        <v>26</v>
      </c>
      <c r="AN14949">
        <v>26</v>
      </c>
      <c r="AO14949">
        <v>27</v>
      </c>
      <c r="AP14949">
        <v>27</v>
      </c>
      <c r="AQ14949">
        <v>27</v>
      </c>
    </row>
    <row r="14950" spans="1:43">
      <c r="A14950" t="s">
        <v>9296</v>
      </c>
      <c r="B14950" t="s">
        <v>9297</v>
      </c>
      <c r="C14950" t="s">
        <v>9298</v>
      </c>
      <c r="D14950" t="s">
        <v>9299</v>
      </c>
      <c r="E14950" t="s">
        <v>9202</v>
      </c>
      <c r="F14950" t="s">
        <v>9203</v>
      </c>
      <c r="G14950" t="s">
        <v>80</v>
      </c>
      <c r="H14950" t="s">
        <v>81</v>
      </c>
      <c r="I14950" s="2">
        <v>0</v>
      </c>
      <c r="J14950" s="2">
        <v>1</v>
      </c>
      <c r="K14950" s="2">
        <v>0</v>
      </c>
      <c r="L14950" t="s">
        <v>82</v>
      </c>
      <c r="M14950" t="s">
        <v>83</v>
      </c>
      <c r="N14950" t="s">
        <v>84</v>
      </c>
      <c r="O14950" t="s">
        <v>85</v>
      </c>
      <c r="P14950" t="s">
        <v>86</v>
      </c>
      <c r="Q14950">
        <v>26</v>
      </c>
      <c r="R14950">
        <v>27</v>
      </c>
      <c r="S14950">
        <v>27</v>
      </c>
      <c r="T14950">
        <v>28</v>
      </c>
      <c r="U14950">
        <v>28</v>
      </c>
      <c r="V14950">
        <v>29</v>
      </c>
      <c r="W14950">
        <v>30</v>
      </c>
      <c r="X14950">
        <v>30</v>
      </c>
      <c r="Y14950">
        <v>31</v>
      </c>
      <c r="Z14950">
        <v>32</v>
      </c>
      <c r="AA14950">
        <v>32</v>
      </c>
      <c r="AB14950">
        <v>33</v>
      </c>
      <c r="AC14950">
        <v>34</v>
      </c>
      <c r="AD14950">
        <v>34</v>
      </c>
      <c r="AE14950">
        <v>35</v>
      </c>
      <c r="AF14950">
        <v>36</v>
      </c>
      <c r="AG14950">
        <v>37</v>
      </c>
      <c r="AH14950">
        <v>37</v>
      </c>
      <c r="AI14950">
        <v>38</v>
      </c>
      <c r="AJ14950">
        <v>39</v>
      </c>
      <c r="AK14950">
        <v>40</v>
      </c>
      <c r="AL14950">
        <v>40</v>
      </c>
      <c r="AM14950">
        <v>40</v>
      </c>
      <c r="AN14950">
        <v>41</v>
      </c>
      <c r="AO14950">
        <v>41</v>
      </c>
      <c r="AP14950">
        <v>42</v>
      </c>
      <c r="AQ14950">
        <v>42</v>
      </c>
    </row>
    <row r="14951" spans="1:43">
      <c r="A14951" t="s">
        <v>9296</v>
      </c>
      <c r="B14951" t="s">
        <v>9297</v>
      </c>
      <c r="C14951" t="s">
        <v>9298</v>
      </c>
      <c r="D14951" t="s">
        <v>9299</v>
      </c>
      <c r="E14951" t="s">
        <v>9202</v>
      </c>
      <c r="F14951" t="s">
        <v>9203</v>
      </c>
      <c r="G14951" t="s">
        <v>80</v>
      </c>
      <c r="H14951" t="s">
        <v>81</v>
      </c>
      <c r="I14951" s="2">
        <v>0</v>
      </c>
      <c r="J14951" s="2">
        <v>1</v>
      </c>
      <c r="K14951" s="2">
        <v>0</v>
      </c>
      <c r="L14951" t="s">
        <v>82</v>
      </c>
      <c r="M14951" t="s">
        <v>87</v>
      </c>
      <c r="N14951" t="s">
        <v>88</v>
      </c>
      <c r="O14951" t="s">
        <v>85</v>
      </c>
      <c r="P14951" t="s">
        <v>86</v>
      </c>
      <c r="Q14951">
        <v>26</v>
      </c>
      <c r="R14951">
        <v>26</v>
      </c>
      <c r="S14951">
        <v>26</v>
      </c>
      <c r="T14951">
        <v>27</v>
      </c>
      <c r="U14951">
        <v>27</v>
      </c>
      <c r="V14951">
        <v>28</v>
      </c>
      <c r="W14951">
        <v>28</v>
      </c>
      <c r="X14951">
        <v>28</v>
      </c>
      <c r="Y14951">
        <v>29</v>
      </c>
      <c r="Z14951">
        <v>29</v>
      </c>
      <c r="AA14951">
        <v>30</v>
      </c>
      <c r="AB14951">
        <v>30</v>
      </c>
      <c r="AC14951">
        <v>30</v>
      </c>
      <c r="AD14951">
        <v>31</v>
      </c>
      <c r="AE14951">
        <v>31</v>
      </c>
      <c r="AF14951">
        <v>32</v>
      </c>
      <c r="AG14951">
        <v>32</v>
      </c>
      <c r="AH14951">
        <v>32</v>
      </c>
      <c r="AI14951">
        <v>33</v>
      </c>
      <c r="AJ14951">
        <v>33</v>
      </c>
      <c r="AK14951">
        <v>34</v>
      </c>
      <c r="AL14951">
        <v>34</v>
      </c>
      <c r="AM14951">
        <v>35</v>
      </c>
      <c r="AN14951">
        <v>35</v>
      </c>
      <c r="AO14951">
        <v>35</v>
      </c>
      <c r="AP14951">
        <v>36</v>
      </c>
      <c r="AQ14951">
        <v>36</v>
      </c>
    </row>
    <row r="14952" spans="1:43">
      <c r="A14952" t="s">
        <v>9296</v>
      </c>
      <c r="B14952" t="s">
        <v>9297</v>
      </c>
      <c r="C14952" t="s">
        <v>9298</v>
      </c>
      <c r="D14952" t="s">
        <v>9299</v>
      </c>
      <c r="E14952" t="s">
        <v>9202</v>
      </c>
      <c r="F14952" t="s">
        <v>9203</v>
      </c>
      <c r="G14952" t="s">
        <v>80</v>
      </c>
      <c r="H14952" t="s">
        <v>81</v>
      </c>
      <c r="I14952" s="2">
        <v>0</v>
      </c>
      <c r="J14952" s="2">
        <v>1</v>
      </c>
      <c r="K14952" s="2">
        <v>0</v>
      </c>
      <c r="L14952" t="s">
        <v>82</v>
      </c>
      <c r="M14952" t="s">
        <v>89</v>
      </c>
      <c r="N14952" t="s">
        <v>90</v>
      </c>
      <c r="O14952" t="s">
        <v>85</v>
      </c>
      <c r="P14952" t="s">
        <v>86</v>
      </c>
      <c r="Q14952">
        <v>26</v>
      </c>
      <c r="R14952">
        <v>27</v>
      </c>
      <c r="S14952">
        <v>28</v>
      </c>
      <c r="T14952">
        <v>29</v>
      </c>
      <c r="U14952">
        <v>30</v>
      </c>
      <c r="V14952">
        <v>30</v>
      </c>
      <c r="W14952">
        <v>31</v>
      </c>
      <c r="X14952">
        <v>32</v>
      </c>
      <c r="Y14952">
        <v>33</v>
      </c>
      <c r="Z14952">
        <v>34</v>
      </c>
      <c r="AA14952">
        <v>35</v>
      </c>
      <c r="AB14952">
        <v>35</v>
      </c>
      <c r="AC14952">
        <v>36</v>
      </c>
      <c r="AD14952">
        <v>37</v>
      </c>
      <c r="AE14952">
        <v>38</v>
      </c>
      <c r="AF14952">
        <v>38</v>
      </c>
      <c r="AG14952">
        <v>39</v>
      </c>
      <c r="AH14952">
        <v>39</v>
      </c>
      <c r="AI14952">
        <v>39</v>
      </c>
      <c r="AJ14952">
        <v>40</v>
      </c>
      <c r="AK14952">
        <v>40</v>
      </c>
      <c r="AL14952">
        <v>40</v>
      </c>
      <c r="AM14952">
        <v>41</v>
      </c>
      <c r="AN14952">
        <v>41</v>
      </c>
      <c r="AO14952">
        <v>42</v>
      </c>
      <c r="AP14952">
        <v>42</v>
      </c>
      <c r="AQ14952">
        <v>42</v>
      </c>
    </row>
    <row r="14953" spans="1:43">
      <c r="A14953" t="s">
        <v>9296</v>
      </c>
      <c r="B14953" t="s">
        <v>9297</v>
      </c>
      <c r="C14953" t="s">
        <v>9298</v>
      </c>
      <c r="D14953" t="s">
        <v>9299</v>
      </c>
      <c r="E14953" t="s">
        <v>9202</v>
      </c>
      <c r="F14953" t="s">
        <v>9203</v>
      </c>
      <c r="G14953" t="s">
        <v>80</v>
      </c>
      <c r="H14953" t="s">
        <v>81</v>
      </c>
      <c r="I14953" s="2">
        <v>0</v>
      </c>
      <c r="J14953" s="2">
        <v>1</v>
      </c>
      <c r="K14953" s="2">
        <v>0</v>
      </c>
      <c r="L14953" t="s">
        <v>82</v>
      </c>
      <c r="M14953" t="s">
        <v>83</v>
      </c>
      <c r="N14953" t="s">
        <v>91</v>
      </c>
      <c r="O14953" t="s">
        <v>85</v>
      </c>
      <c r="P14953" t="s">
        <v>86</v>
      </c>
      <c r="Q14953">
        <v>26</v>
      </c>
      <c r="R14953">
        <v>27</v>
      </c>
      <c r="S14953">
        <v>27</v>
      </c>
      <c r="T14953">
        <v>28</v>
      </c>
      <c r="U14953">
        <v>28</v>
      </c>
      <c r="V14953">
        <v>29</v>
      </c>
      <c r="W14953">
        <v>30</v>
      </c>
      <c r="X14953">
        <v>30</v>
      </c>
      <c r="Y14953">
        <v>31</v>
      </c>
      <c r="Z14953">
        <v>32</v>
      </c>
      <c r="AA14953">
        <v>32</v>
      </c>
      <c r="AB14953">
        <v>33</v>
      </c>
      <c r="AC14953">
        <v>34</v>
      </c>
      <c r="AD14953">
        <v>34</v>
      </c>
      <c r="AE14953">
        <v>35</v>
      </c>
      <c r="AF14953">
        <v>36</v>
      </c>
      <c r="AG14953">
        <v>37</v>
      </c>
      <c r="AH14953">
        <v>37</v>
      </c>
      <c r="AI14953">
        <v>38</v>
      </c>
      <c r="AJ14953">
        <v>39</v>
      </c>
      <c r="AK14953">
        <v>40</v>
      </c>
      <c r="AL14953">
        <v>40</v>
      </c>
      <c r="AM14953">
        <v>40</v>
      </c>
      <c r="AN14953">
        <v>41</v>
      </c>
      <c r="AO14953">
        <v>41</v>
      </c>
      <c r="AP14953">
        <v>42</v>
      </c>
      <c r="AQ14953">
        <v>42</v>
      </c>
    </row>
    <row r="14954" spans="1:43">
      <c r="A14954" t="s">
        <v>9300</v>
      </c>
      <c r="B14954" t="s">
        <v>9301</v>
      </c>
      <c r="C14954" t="s">
        <v>9298</v>
      </c>
      <c r="D14954" t="s">
        <v>9299</v>
      </c>
      <c r="E14954" t="s">
        <v>9202</v>
      </c>
      <c r="F14954" t="s">
        <v>9203</v>
      </c>
      <c r="G14954" t="s">
        <v>80</v>
      </c>
      <c r="H14954" t="s">
        <v>81</v>
      </c>
      <c r="I14954" s="2">
        <v>0</v>
      </c>
      <c r="J14954" s="2">
        <v>1</v>
      </c>
      <c r="K14954" s="2">
        <v>0</v>
      </c>
      <c r="L14954" t="s">
        <v>82</v>
      </c>
      <c r="M14954" t="s">
        <v>83</v>
      </c>
      <c r="N14954" t="s">
        <v>84</v>
      </c>
      <c r="O14954" t="s">
        <v>85</v>
      </c>
      <c r="P14954" t="s">
        <v>86</v>
      </c>
      <c r="Q14954">
        <v>50</v>
      </c>
      <c r="R14954">
        <v>51</v>
      </c>
      <c r="S14954">
        <v>52</v>
      </c>
      <c r="T14954">
        <v>54</v>
      </c>
      <c r="U14954">
        <v>55</v>
      </c>
      <c r="V14954">
        <v>56</v>
      </c>
      <c r="W14954">
        <v>57</v>
      </c>
      <c r="X14954">
        <v>59</v>
      </c>
      <c r="Y14954">
        <v>60</v>
      </c>
      <c r="Z14954">
        <v>61</v>
      </c>
      <c r="AA14954">
        <v>63</v>
      </c>
      <c r="AB14954">
        <v>64</v>
      </c>
      <c r="AC14954">
        <v>65</v>
      </c>
      <c r="AD14954">
        <v>67</v>
      </c>
      <c r="AE14954">
        <v>68</v>
      </c>
      <c r="AF14954">
        <v>69</v>
      </c>
      <c r="AG14954">
        <v>71</v>
      </c>
      <c r="AH14954">
        <v>72</v>
      </c>
      <c r="AI14954">
        <v>74</v>
      </c>
      <c r="AJ14954">
        <v>75</v>
      </c>
      <c r="AK14954">
        <v>76</v>
      </c>
      <c r="AL14954">
        <v>77</v>
      </c>
      <c r="AM14954">
        <v>78</v>
      </c>
      <c r="AN14954">
        <v>79</v>
      </c>
      <c r="AO14954">
        <v>80</v>
      </c>
      <c r="AP14954">
        <v>80</v>
      </c>
      <c r="AQ14954">
        <v>81</v>
      </c>
    </row>
    <row r="14955" spans="1:43">
      <c r="A14955" t="s">
        <v>9300</v>
      </c>
      <c r="B14955" t="s">
        <v>9301</v>
      </c>
      <c r="C14955" t="s">
        <v>9298</v>
      </c>
      <c r="D14955" t="s">
        <v>9299</v>
      </c>
      <c r="E14955" t="s">
        <v>9202</v>
      </c>
      <c r="F14955" t="s">
        <v>9203</v>
      </c>
      <c r="G14955" t="s">
        <v>80</v>
      </c>
      <c r="H14955" t="s">
        <v>81</v>
      </c>
      <c r="I14955" s="2">
        <v>0</v>
      </c>
      <c r="J14955" s="2">
        <v>1</v>
      </c>
      <c r="K14955" s="2">
        <v>0</v>
      </c>
      <c r="L14955" t="s">
        <v>82</v>
      </c>
      <c r="M14955" t="s">
        <v>87</v>
      </c>
      <c r="N14955" t="s">
        <v>88</v>
      </c>
      <c r="O14955" t="s">
        <v>85</v>
      </c>
      <c r="P14955" t="s">
        <v>86</v>
      </c>
      <c r="Q14955">
        <v>50</v>
      </c>
      <c r="R14955">
        <v>51</v>
      </c>
      <c r="S14955">
        <v>52</v>
      </c>
      <c r="T14955">
        <v>53</v>
      </c>
      <c r="U14955">
        <v>53</v>
      </c>
      <c r="V14955">
        <v>54</v>
      </c>
      <c r="W14955">
        <v>55</v>
      </c>
      <c r="X14955">
        <v>56</v>
      </c>
      <c r="Y14955">
        <v>56</v>
      </c>
      <c r="Z14955">
        <v>57</v>
      </c>
      <c r="AA14955">
        <v>58</v>
      </c>
      <c r="AB14955">
        <v>59</v>
      </c>
      <c r="AC14955">
        <v>59</v>
      </c>
      <c r="AD14955">
        <v>60</v>
      </c>
      <c r="AE14955">
        <v>61</v>
      </c>
      <c r="AF14955">
        <v>62</v>
      </c>
      <c r="AG14955">
        <v>63</v>
      </c>
      <c r="AH14955">
        <v>63</v>
      </c>
      <c r="AI14955">
        <v>64</v>
      </c>
      <c r="AJ14955">
        <v>65</v>
      </c>
      <c r="AK14955">
        <v>66</v>
      </c>
      <c r="AL14955">
        <v>67</v>
      </c>
      <c r="AM14955">
        <v>68</v>
      </c>
      <c r="AN14955">
        <v>69</v>
      </c>
      <c r="AO14955">
        <v>69</v>
      </c>
      <c r="AP14955">
        <v>70</v>
      </c>
      <c r="AQ14955">
        <v>71</v>
      </c>
    </row>
    <row r="14956" spans="1:43">
      <c r="A14956" t="s">
        <v>9300</v>
      </c>
      <c r="B14956" t="s">
        <v>9301</v>
      </c>
      <c r="C14956" t="s">
        <v>9298</v>
      </c>
      <c r="D14956" t="s">
        <v>9299</v>
      </c>
      <c r="E14956" t="s">
        <v>9202</v>
      </c>
      <c r="F14956" t="s">
        <v>9203</v>
      </c>
      <c r="G14956" t="s">
        <v>80</v>
      </c>
      <c r="H14956" t="s">
        <v>81</v>
      </c>
      <c r="I14956" s="2">
        <v>0</v>
      </c>
      <c r="J14956" s="2">
        <v>1</v>
      </c>
      <c r="K14956" s="2">
        <v>0</v>
      </c>
      <c r="L14956" t="s">
        <v>82</v>
      </c>
      <c r="M14956" t="s">
        <v>89</v>
      </c>
      <c r="N14956" t="s">
        <v>90</v>
      </c>
      <c r="O14956" t="s">
        <v>85</v>
      </c>
      <c r="P14956" t="s">
        <v>86</v>
      </c>
      <c r="Q14956">
        <v>50</v>
      </c>
      <c r="R14956">
        <v>52</v>
      </c>
      <c r="S14956">
        <v>54</v>
      </c>
      <c r="T14956">
        <v>55</v>
      </c>
      <c r="U14956">
        <v>57</v>
      </c>
      <c r="V14956">
        <v>59</v>
      </c>
      <c r="W14956">
        <v>60</v>
      </c>
      <c r="X14956">
        <v>62</v>
      </c>
      <c r="Y14956">
        <v>64</v>
      </c>
      <c r="Z14956">
        <v>65</v>
      </c>
      <c r="AA14956">
        <v>67</v>
      </c>
      <c r="AB14956">
        <v>68</v>
      </c>
      <c r="AC14956">
        <v>70</v>
      </c>
      <c r="AD14956">
        <v>72</v>
      </c>
      <c r="AE14956">
        <v>73</v>
      </c>
      <c r="AF14956">
        <v>74</v>
      </c>
      <c r="AG14956">
        <v>74</v>
      </c>
      <c r="AH14956">
        <v>75</v>
      </c>
      <c r="AI14956">
        <v>76</v>
      </c>
      <c r="AJ14956">
        <v>77</v>
      </c>
      <c r="AK14956">
        <v>77</v>
      </c>
      <c r="AL14956">
        <v>78</v>
      </c>
      <c r="AM14956">
        <v>79</v>
      </c>
      <c r="AN14956">
        <v>80</v>
      </c>
      <c r="AO14956">
        <v>80</v>
      </c>
      <c r="AP14956">
        <v>81</v>
      </c>
      <c r="AQ14956">
        <v>82</v>
      </c>
    </row>
    <row r="14957" spans="1:43">
      <c r="A14957" t="s">
        <v>9300</v>
      </c>
      <c r="B14957" t="s">
        <v>9301</v>
      </c>
      <c r="C14957" t="s">
        <v>9298</v>
      </c>
      <c r="D14957" t="s">
        <v>9299</v>
      </c>
      <c r="E14957" t="s">
        <v>9202</v>
      </c>
      <c r="F14957" t="s">
        <v>9203</v>
      </c>
      <c r="G14957" t="s">
        <v>80</v>
      </c>
      <c r="H14957" t="s">
        <v>81</v>
      </c>
      <c r="I14957" s="2">
        <v>0</v>
      </c>
      <c r="J14957" s="2">
        <v>1</v>
      </c>
      <c r="K14957" s="2">
        <v>0</v>
      </c>
      <c r="L14957" t="s">
        <v>82</v>
      </c>
      <c r="M14957" t="s">
        <v>83</v>
      </c>
      <c r="N14957" t="s">
        <v>91</v>
      </c>
      <c r="O14957" t="s">
        <v>85</v>
      </c>
      <c r="P14957" t="s">
        <v>86</v>
      </c>
      <c r="Q14957">
        <v>50</v>
      </c>
      <c r="R14957">
        <v>51</v>
      </c>
      <c r="S14957">
        <v>52</v>
      </c>
      <c r="T14957">
        <v>54</v>
      </c>
      <c r="U14957">
        <v>55</v>
      </c>
      <c r="V14957">
        <v>56</v>
      </c>
      <c r="W14957">
        <v>57</v>
      </c>
      <c r="X14957">
        <v>59</v>
      </c>
      <c r="Y14957">
        <v>60</v>
      </c>
      <c r="Z14957">
        <v>61</v>
      </c>
      <c r="AA14957">
        <v>63</v>
      </c>
      <c r="AB14957">
        <v>64</v>
      </c>
      <c r="AC14957">
        <v>65</v>
      </c>
      <c r="AD14957">
        <v>67</v>
      </c>
      <c r="AE14957">
        <v>68</v>
      </c>
      <c r="AF14957">
        <v>69</v>
      </c>
      <c r="AG14957">
        <v>71</v>
      </c>
      <c r="AH14957">
        <v>72</v>
      </c>
      <c r="AI14957">
        <v>74</v>
      </c>
      <c r="AJ14957">
        <v>75</v>
      </c>
      <c r="AK14957">
        <v>76</v>
      </c>
      <c r="AL14957">
        <v>77</v>
      </c>
      <c r="AM14957">
        <v>78</v>
      </c>
      <c r="AN14957">
        <v>79</v>
      </c>
      <c r="AO14957">
        <v>80</v>
      </c>
      <c r="AP14957">
        <v>80</v>
      </c>
      <c r="AQ14957">
        <v>81</v>
      </c>
    </row>
    <row r="14958" spans="1:43">
      <c r="A14958" t="s">
        <v>9302</v>
      </c>
      <c r="B14958" t="s">
        <v>9303</v>
      </c>
      <c r="C14958" t="s">
        <v>9304</v>
      </c>
      <c r="D14958" t="s">
        <v>9305</v>
      </c>
      <c r="E14958" t="s">
        <v>9202</v>
      </c>
      <c r="F14958" t="s">
        <v>9203</v>
      </c>
      <c r="G14958" t="s">
        <v>80</v>
      </c>
      <c r="H14958" t="s">
        <v>81</v>
      </c>
      <c r="I14958" s="2">
        <v>0</v>
      </c>
      <c r="J14958" s="2">
        <v>1</v>
      </c>
      <c r="K14958" s="2">
        <v>0</v>
      </c>
      <c r="L14958" t="s">
        <v>82</v>
      </c>
      <c r="M14958" t="s">
        <v>83</v>
      </c>
      <c r="N14958" t="s">
        <v>84</v>
      </c>
      <c r="O14958" t="s">
        <v>85</v>
      </c>
      <c r="P14958" t="s">
        <v>86</v>
      </c>
      <c r="Q14958">
        <v>86</v>
      </c>
      <c r="R14958">
        <v>88</v>
      </c>
      <c r="S14958">
        <v>90</v>
      </c>
      <c r="T14958">
        <v>92</v>
      </c>
      <c r="U14958">
        <v>95</v>
      </c>
      <c r="V14958">
        <v>97</v>
      </c>
      <c r="W14958">
        <v>99</v>
      </c>
      <c r="X14958">
        <v>101</v>
      </c>
      <c r="Y14958">
        <v>103</v>
      </c>
      <c r="Z14958">
        <v>106</v>
      </c>
      <c r="AA14958">
        <v>108</v>
      </c>
      <c r="AB14958">
        <v>110</v>
      </c>
      <c r="AC14958">
        <v>113</v>
      </c>
      <c r="AD14958">
        <v>115</v>
      </c>
      <c r="AE14958">
        <v>117</v>
      </c>
      <c r="AF14958">
        <v>120</v>
      </c>
      <c r="AG14958">
        <v>122</v>
      </c>
      <c r="AH14958">
        <v>124</v>
      </c>
      <c r="AI14958">
        <v>127</v>
      </c>
      <c r="AJ14958">
        <v>129</v>
      </c>
      <c r="AK14958">
        <v>132</v>
      </c>
      <c r="AL14958">
        <v>133</v>
      </c>
      <c r="AM14958">
        <v>135</v>
      </c>
      <c r="AN14958">
        <v>136</v>
      </c>
      <c r="AO14958">
        <v>137</v>
      </c>
      <c r="AP14958">
        <v>139</v>
      </c>
      <c r="AQ14958">
        <v>140</v>
      </c>
    </row>
    <row r="14959" spans="1:43">
      <c r="A14959" t="s">
        <v>9302</v>
      </c>
      <c r="B14959" t="s">
        <v>9303</v>
      </c>
      <c r="C14959" t="s">
        <v>9304</v>
      </c>
      <c r="D14959" t="s">
        <v>9305</v>
      </c>
      <c r="E14959" t="s">
        <v>9202</v>
      </c>
      <c r="F14959" t="s">
        <v>9203</v>
      </c>
      <c r="G14959" t="s">
        <v>80</v>
      </c>
      <c r="H14959" t="s">
        <v>81</v>
      </c>
      <c r="I14959" s="2">
        <v>0</v>
      </c>
      <c r="J14959" s="2">
        <v>1</v>
      </c>
      <c r="K14959" s="2">
        <v>0</v>
      </c>
      <c r="L14959" t="s">
        <v>82</v>
      </c>
      <c r="M14959" t="s">
        <v>87</v>
      </c>
      <c r="N14959" t="s">
        <v>88</v>
      </c>
      <c r="O14959" t="s">
        <v>85</v>
      </c>
      <c r="P14959" t="s">
        <v>86</v>
      </c>
      <c r="Q14959">
        <v>86</v>
      </c>
      <c r="R14959">
        <v>88</v>
      </c>
      <c r="S14959">
        <v>89</v>
      </c>
      <c r="T14959">
        <v>90</v>
      </c>
      <c r="U14959">
        <v>91</v>
      </c>
      <c r="V14959">
        <v>93</v>
      </c>
      <c r="W14959">
        <v>94</v>
      </c>
      <c r="X14959">
        <v>95</v>
      </c>
      <c r="Y14959">
        <v>97</v>
      </c>
      <c r="Z14959">
        <v>98</v>
      </c>
      <c r="AA14959">
        <v>99</v>
      </c>
      <c r="AB14959">
        <v>101</v>
      </c>
      <c r="AC14959">
        <v>102</v>
      </c>
      <c r="AD14959">
        <v>103</v>
      </c>
      <c r="AE14959">
        <v>105</v>
      </c>
      <c r="AF14959">
        <v>106</v>
      </c>
      <c r="AG14959">
        <v>107</v>
      </c>
      <c r="AH14959">
        <v>109</v>
      </c>
      <c r="AI14959">
        <v>110</v>
      </c>
      <c r="AJ14959">
        <v>112</v>
      </c>
      <c r="AK14959">
        <v>113</v>
      </c>
      <c r="AL14959">
        <v>115</v>
      </c>
      <c r="AM14959">
        <v>116</v>
      </c>
      <c r="AN14959">
        <v>118</v>
      </c>
      <c r="AO14959">
        <v>119</v>
      </c>
      <c r="AP14959">
        <v>121</v>
      </c>
      <c r="AQ14959">
        <v>122</v>
      </c>
    </row>
    <row r="14960" spans="1:43">
      <c r="A14960" t="s">
        <v>9302</v>
      </c>
      <c r="B14960" t="s">
        <v>9303</v>
      </c>
      <c r="C14960" t="s">
        <v>9304</v>
      </c>
      <c r="D14960" t="s">
        <v>9305</v>
      </c>
      <c r="E14960" t="s">
        <v>9202</v>
      </c>
      <c r="F14960" t="s">
        <v>9203</v>
      </c>
      <c r="G14960" t="s">
        <v>80</v>
      </c>
      <c r="H14960" t="s">
        <v>81</v>
      </c>
      <c r="I14960" s="2">
        <v>0</v>
      </c>
      <c r="J14960" s="2">
        <v>1</v>
      </c>
      <c r="K14960" s="2">
        <v>0</v>
      </c>
      <c r="L14960" t="s">
        <v>82</v>
      </c>
      <c r="M14960" t="s">
        <v>89</v>
      </c>
      <c r="N14960" t="s">
        <v>90</v>
      </c>
      <c r="O14960" t="s">
        <v>85</v>
      </c>
      <c r="P14960" t="s">
        <v>86</v>
      </c>
      <c r="Q14960">
        <v>86</v>
      </c>
      <c r="R14960">
        <v>89</v>
      </c>
      <c r="S14960">
        <v>92</v>
      </c>
      <c r="T14960">
        <v>95</v>
      </c>
      <c r="U14960">
        <v>97</v>
      </c>
      <c r="V14960">
        <v>100</v>
      </c>
      <c r="W14960">
        <v>103</v>
      </c>
      <c r="X14960">
        <v>106</v>
      </c>
      <c r="Y14960">
        <v>109</v>
      </c>
      <c r="Z14960">
        <v>111</v>
      </c>
      <c r="AA14960">
        <v>114</v>
      </c>
      <c r="AB14960">
        <v>117</v>
      </c>
      <c r="AC14960">
        <v>120</v>
      </c>
      <c r="AD14960">
        <v>123</v>
      </c>
      <c r="AE14960">
        <v>125</v>
      </c>
      <c r="AF14960">
        <v>126</v>
      </c>
      <c r="AG14960">
        <v>127</v>
      </c>
      <c r="AH14960">
        <v>129</v>
      </c>
      <c r="AI14960">
        <v>130</v>
      </c>
      <c r="AJ14960">
        <v>131</v>
      </c>
      <c r="AK14960">
        <v>132</v>
      </c>
      <c r="AL14960">
        <v>134</v>
      </c>
      <c r="AM14960">
        <v>135</v>
      </c>
      <c r="AN14960">
        <v>136</v>
      </c>
      <c r="AO14960">
        <v>138</v>
      </c>
      <c r="AP14960">
        <v>139</v>
      </c>
      <c r="AQ14960">
        <v>140</v>
      </c>
    </row>
    <row r="14961" spans="1:43">
      <c r="A14961" t="s">
        <v>9302</v>
      </c>
      <c r="B14961" t="s">
        <v>9303</v>
      </c>
      <c r="C14961" t="s">
        <v>9304</v>
      </c>
      <c r="D14961" t="s">
        <v>9305</v>
      </c>
      <c r="E14961" t="s">
        <v>9202</v>
      </c>
      <c r="F14961" t="s">
        <v>9203</v>
      </c>
      <c r="G14961" t="s">
        <v>80</v>
      </c>
      <c r="H14961" t="s">
        <v>81</v>
      </c>
      <c r="I14961" s="2">
        <v>0</v>
      </c>
      <c r="J14961" s="2">
        <v>1</v>
      </c>
      <c r="K14961" s="2">
        <v>0</v>
      </c>
      <c r="L14961" t="s">
        <v>82</v>
      </c>
      <c r="M14961" t="s">
        <v>83</v>
      </c>
      <c r="N14961" t="s">
        <v>91</v>
      </c>
      <c r="O14961" t="s">
        <v>85</v>
      </c>
      <c r="P14961" t="s">
        <v>86</v>
      </c>
      <c r="Q14961">
        <v>86</v>
      </c>
      <c r="R14961">
        <v>88</v>
      </c>
      <c r="S14961">
        <v>90</v>
      </c>
      <c r="T14961">
        <v>92</v>
      </c>
      <c r="U14961">
        <v>95</v>
      </c>
      <c r="V14961">
        <v>97</v>
      </c>
      <c r="W14961">
        <v>99</v>
      </c>
      <c r="X14961">
        <v>101</v>
      </c>
      <c r="Y14961">
        <v>103</v>
      </c>
      <c r="Z14961">
        <v>106</v>
      </c>
      <c r="AA14961">
        <v>108</v>
      </c>
      <c r="AB14961">
        <v>110</v>
      </c>
      <c r="AC14961">
        <v>113</v>
      </c>
      <c r="AD14961">
        <v>115</v>
      </c>
      <c r="AE14961">
        <v>117</v>
      </c>
      <c r="AF14961">
        <v>120</v>
      </c>
      <c r="AG14961">
        <v>122</v>
      </c>
      <c r="AH14961">
        <v>124</v>
      </c>
      <c r="AI14961">
        <v>127</v>
      </c>
      <c r="AJ14961">
        <v>129</v>
      </c>
      <c r="AK14961">
        <v>132</v>
      </c>
      <c r="AL14961">
        <v>133</v>
      </c>
      <c r="AM14961">
        <v>135</v>
      </c>
      <c r="AN14961">
        <v>136</v>
      </c>
      <c r="AO14961">
        <v>137</v>
      </c>
      <c r="AP14961">
        <v>139</v>
      </c>
      <c r="AQ14961">
        <v>140</v>
      </c>
    </row>
    <row r="14962" spans="1:43">
      <c r="A14962" t="s">
        <v>9306</v>
      </c>
      <c r="B14962" t="s">
        <v>9307</v>
      </c>
      <c r="C14962" t="s">
        <v>9298</v>
      </c>
      <c r="D14962" t="s">
        <v>9299</v>
      </c>
      <c r="E14962" t="s">
        <v>9202</v>
      </c>
      <c r="F14962" t="s">
        <v>9203</v>
      </c>
      <c r="G14962" t="s">
        <v>80</v>
      </c>
      <c r="H14962" t="s">
        <v>81</v>
      </c>
      <c r="I14962" s="2">
        <v>0</v>
      </c>
      <c r="J14962" s="2">
        <v>1</v>
      </c>
      <c r="K14962" s="2">
        <v>0</v>
      </c>
      <c r="L14962" t="s">
        <v>82</v>
      </c>
      <c r="M14962" t="s">
        <v>83</v>
      </c>
      <c r="N14962" t="s">
        <v>84</v>
      </c>
      <c r="O14962" t="s">
        <v>85</v>
      </c>
      <c r="P14962" t="s">
        <v>86</v>
      </c>
      <c r="Q14962">
        <v>17</v>
      </c>
      <c r="R14962">
        <v>17</v>
      </c>
      <c r="S14962">
        <v>18</v>
      </c>
      <c r="T14962">
        <v>18</v>
      </c>
      <c r="U14962">
        <v>18</v>
      </c>
      <c r="V14962">
        <v>19</v>
      </c>
      <c r="W14962">
        <v>19</v>
      </c>
      <c r="X14962">
        <v>20</v>
      </c>
      <c r="Y14962">
        <v>20</v>
      </c>
      <c r="Z14962">
        <v>20</v>
      </c>
      <c r="AA14962">
        <v>21</v>
      </c>
      <c r="AB14962">
        <v>21</v>
      </c>
      <c r="AC14962">
        <v>22</v>
      </c>
      <c r="AD14962">
        <v>22</v>
      </c>
      <c r="AE14962">
        <v>23</v>
      </c>
      <c r="AF14962">
        <v>23</v>
      </c>
      <c r="AG14962">
        <v>24</v>
      </c>
      <c r="AH14962">
        <v>24</v>
      </c>
      <c r="AI14962">
        <v>25</v>
      </c>
      <c r="AJ14962">
        <v>25</v>
      </c>
      <c r="AK14962">
        <v>26</v>
      </c>
      <c r="AL14962">
        <v>26</v>
      </c>
      <c r="AM14962">
        <v>26</v>
      </c>
      <c r="AN14962">
        <v>26</v>
      </c>
      <c r="AO14962">
        <v>27</v>
      </c>
      <c r="AP14962">
        <v>27</v>
      </c>
      <c r="AQ14962">
        <v>27</v>
      </c>
    </row>
    <row r="14963" spans="1:43">
      <c r="A14963" t="s">
        <v>9306</v>
      </c>
      <c r="B14963" t="s">
        <v>9307</v>
      </c>
      <c r="C14963" t="s">
        <v>9298</v>
      </c>
      <c r="D14963" t="s">
        <v>9299</v>
      </c>
      <c r="E14963" t="s">
        <v>9202</v>
      </c>
      <c r="F14963" t="s">
        <v>9203</v>
      </c>
      <c r="G14963" t="s">
        <v>80</v>
      </c>
      <c r="H14963" t="s">
        <v>81</v>
      </c>
      <c r="I14963" s="2">
        <v>0</v>
      </c>
      <c r="J14963" s="2">
        <v>1</v>
      </c>
      <c r="K14963" s="2">
        <v>0</v>
      </c>
      <c r="L14963" t="s">
        <v>82</v>
      </c>
      <c r="M14963" t="s">
        <v>87</v>
      </c>
      <c r="N14963" t="s">
        <v>88</v>
      </c>
      <c r="O14963" t="s">
        <v>85</v>
      </c>
      <c r="P14963" t="s">
        <v>86</v>
      </c>
      <c r="Q14963">
        <v>17</v>
      </c>
      <c r="R14963">
        <v>17</v>
      </c>
      <c r="S14963">
        <v>17</v>
      </c>
      <c r="T14963">
        <v>17</v>
      </c>
      <c r="U14963">
        <v>18</v>
      </c>
      <c r="V14963">
        <v>18</v>
      </c>
      <c r="W14963">
        <v>18</v>
      </c>
      <c r="X14963">
        <v>18</v>
      </c>
      <c r="Y14963">
        <v>19</v>
      </c>
      <c r="Z14963">
        <v>19</v>
      </c>
      <c r="AA14963">
        <v>19</v>
      </c>
      <c r="AB14963">
        <v>19</v>
      </c>
      <c r="AC14963">
        <v>20</v>
      </c>
      <c r="AD14963">
        <v>20</v>
      </c>
      <c r="AE14963">
        <v>20</v>
      </c>
      <c r="AF14963">
        <v>20</v>
      </c>
      <c r="AG14963">
        <v>21</v>
      </c>
      <c r="AH14963">
        <v>21</v>
      </c>
      <c r="AI14963">
        <v>21</v>
      </c>
      <c r="AJ14963">
        <v>21</v>
      </c>
      <c r="AK14963">
        <v>22</v>
      </c>
      <c r="AL14963">
        <v>22</v>
      </c>
      <c r="AM14963">
        <v>22</v>
      </c>
      <c r="AN14963">
        <v>23</v>
      </c>
      <c r="AO14963">
        <v>23</v>
      </c>
      <c r="AP14963">
        <v>23</v>
      </c>
      <c r="AQ14963">
        <v>23</v>
      </c>
    </row>
    <row r="14964" spans="1:43">
      <c r="A14964" t="s">
        <v>9306</v>
      </c>
      <c r="B14964" t="s">
        <v>9307</v>
      </c>
      <c r="C14964" t="s">
        <v>9298</v>
      </c>
      <c r="D14964" t="s">
        <v>9299</v>
      </c>
      <c r="E14964" t="s">
        <v>9202</v>
      </c>
      <c r="F14964" t="s">
        <v>9203</v>
      </c>
      <c r="G14964" t="s">
        <v>80</v>
      </c>
      <c r="H14964" t="s">
        <v>81</v>
      </c>
      <c r="I14964" s="2">
        <v>0</v>
      </c>
      <c r="J14964" s="2">
        <v>1</v>
      </c>
      <c r="K14964" s="2">
        <v>0</v>
      </c>
      <c r="L14964" t="s">
        <v>82</v>
      </c>
      <c r="M14964" t="s">
        <v>89</v>
      </c>
      <c r="N14964" t="s">
        <v>90</v>
      </c>
      <c r="O14964" t="s">
        <v>85</v>
      </c>
      <c r="P14964" t="s">
        <v>86</v>
      </c>
      <c r="Q14964">
        <v>17</v>
      </c>
      <c r="R14964">
        <v>17</v>
      </c>
      <c r="S14964">
        <v>18</v>
      </c>
      <c r="T14964">
        <v>19</v>
      </c>
      <c r="U14964">
        <v>19</v>
      </c>
      <c r="V14964">
        <v>20</v>
      </c>
      <c r="W14964">
        <v>20</v>
      </c>
      <c r="X14964">
        <v>21</v>
      </c>
      <c r="Y14964">
        <v>21</v>
      </c>
      <c r="Z14964">
        <v>22</v>
      </c>
      <c r="AA14964">
        <v>22</v>
      </c>
      <c r="AB14964">
        <v>23</v>
      </c>
      <c r="AC14964">
        <v>23</v>
      </c>
      <c r="AD14964">
        <v>24</v>
      </c>
      <c r="AE14964">
        <v>24</v>
      </c>
      <c r="AF14964">
        <v>25</v>
      </c>
      <c r="AG14964">
        <v>25</v>
      </c>
      <c r="AH14964">
        <v>25</v>
      </c>
      <c r="AI14964">
        <v>25</v>
      </c>
      <c r="AJ14964">
        <v>26</v>
      </c>
      <c r="AK14964">
        <v>26</v>
      </c>
      <c r="AL14964">
        <v>26</v>
      </c>
      <c r="AM14964">
        <v>26</v>
      </c>
      <c r="AN14964">
        <v>27</v>
      </c>
      <c r="AO14964">
        <v>27</v>
      </c>
      <c r="AP14964">
        <v>27</v>
      </c>
      <c r="AQ14964">
        <v>27</v>
      </c>
    </row>
    <row r="14965" spans="1:43">
      <c r="A14965" t="s">
        <v>9306</v>
      </c>
      <c r="B14965" t="s">
        <v>9307</v>
      </c>
      <c r="C14965" t="s">
        <v>9298</v>
      </c>
      <c r="D14965" t="s">
        <v>9299</v>
      </c>
      <c r="E14965" t="s">
        <v>9202</v>
      </c>
      <c r="F14965" t="s">
        <v>9203</v>
      </c>
      <c r="G14965" t="s">
        <v>80</v>
      </c>
      <c r="H14965" t="s">
        <v>81</v>
      </c>
      <c r="I14965" s="2">
        <v>0</v>
      </c>
      <c r="J14965" s="2">
        <v>1</v>
      </c>
      <c r="K14965" s="2">
        <v>0</v>
      </c>
      <c r="L14965" t="s">
        <v>82</v>
      </c>
      <c r="M14965" t="s">
        <v>83</v>
      </c>
      <c r="N14965" t="s">
        <v>91</v>
      </c>
      <c r="O14965" t="s">
        <v>85</v>
      </c>
      <c r="P14965" t="s">
        <v>86</v>
      </c>
      <c r="Q14965">
        <v>17</v>
      </c>
      <c r="R14965">
        <v>17</v>
      </c>
      <c r="S14965">
        <v>18</v>
      </c>
      <c r="T14965">
        <v>18</v>
      </c>
      <c r="U14965">
        <v>18</v>
      </c>
      <c r="V14965">
        <v>19</v>
      </c>
      <c r="W14965">
        <v>19</v>
      </c>
      <c r="X14965">
        <v>20</v>
      </c>
      <c r="Y14965">
        <v>20</v>
      </c>
      <c r="Z14965">
        <v>20</v>
      </c>
      <c r="AA14965">
        <v>21</v>
      </c>
      <c r="AB14965">
        <v>21</v>
      </c>
      <c r="AC14965">
        <v>22</v>
      </c>
      <c r="AD14965">
        <v>22</v>
      </c>
      <c r="AE14965">
        <v>23</v>
      </c>
      <c r="AF14965">
        <v>23</v>
      </c>
      <c r="AG14965">
        <v>24</v>
      </c>
      <c r="AH14965">
        <v>24</v>
      </c>
      <c r="AI14965">
        <v>25</v>
      </c>
      <c r="AJ14965">
        <v>25</v>
      </c>
      <c r="AK14965">
        <v>26</v>
      </c>
      <c r="AL14965">
        <v>26</v>
      </c>
      <c r="AM14965">
        <v>26</v>
      </c>
      <c r="AN14965">
        <v>26</v>
      </c>
      <c r="AO14965">
        <v>27</v>
      </c>
      <c r="AP14965">
        <v>27</v>
      </c>
      <c r="AQ14965">
        <v>27</v>
      </c>
    </row>
    <row r="14966" spans="1:43">
      <c r="A14966" t="s">
        <v>9308</v>
      </c>
      <c r="B14966" t="s">
        <v>9309</v>
      </c>
      <c r="C14966" t="s">
        <v>9298</v>
      </c>
      <c r="D14966" t="s">
        <v>9299</v>
      </c>
      <c r="E14966" t="s">
        <v>9202</v>
      </c>
      <c r="F14966" t="s">
        <v>9203</v>
      </c>
      <c r="G14966" t="s">
        <v>80</v>
      </c>
      <c r="H14966" t="s">
        <v>81</v>
      </c>
      <c r="I14966" s="2">
        <v>0</v>
      </c>
      <c r="J14966" s="2">
        <v>1</v>
      </c>
      <c r="K14966" s="2">
        <v>0</v>
      </c>
      <c r="L14966" t="s">
        <v>82</v>
      </c>
      <c r="M14966" t="s">
        <v>83</v>
      </c>
      <c r="N14966" t="s">
        <v>84</v>
      </c>
      <c r="O14966" t="s">
        <v>85</v>
      </c>
      <c r="P14966" t="s">
        <v>86</v>
      </c>
      <c r="Q14966">
        <v>39</v>
      </c>
      <c r="R14966">
        <v>40</v>
      </c>
      <c r="S14966">
        <v>41</v>
      </c>
      <c r="T14966">
        <v>42</v>
      </c>
      <c r="U14966">
        <v>43</v>
      </c>
      <c r="V14966">
        <v>44</v>
      </c>
      <c r="W14966">
        <v>45</v>
      </c>
      <c r="X14966">
        <v>46</v>
      </c>
      <c r="Y14966">
        <v>47</v>
      </c>
      <c r="Z14966">
        <v>48</v>
      </c>
      <c r="AA14966">
        <v>49</v>
      </c>
      <c r="AB14966">
        <v>50</v>
      </c>
      <c r="AC14966">
        <v>51</v>
      </c>
      <c r="AD14966">
        <v>52</v>
      </c>
      <c r="AE14966">
        <v>53</v>
      </c>
      <c r="AF14966">
        <v>54</v>
      </c>
      <c r="AG14966">
        <v>55</v>
      </c>
      <c r="AH14966">
        <v>56</v>
      </c>
      <c r="AI14966">
        <v>57</v>
      </c>
      <c r="AJ14966">
        <v>58</v>
      </c>
      <c r="AK14966">
        <v>59</v>
      </c>
      <c r="AL14966">
        <v>60</v>
      </c>
      <c r="AM14966">
        <v>61</v>
      </c>
      <c r="AN14966">
        <v>61</v>
      </c>
      <c r="AO14966">
        <v>62</v>
      </c>
      <c r="AP14966">
        <v>63</v>
      </c>
      <c r="AQ14966">
        <v>63</v>
      </c>
    </row>
    <row r="14967" spans="1:43">
      <c r="A14967" t="s">
        <v>9308</v>
      </c>
      <c r="B14967" t="s">
        <v>9309</v>
      </c>
      <c r="C14967" t="s">
        <v>9298</v>
      </c>
      <c r="D14967" t="s">
        <v>9299</v>
      </c>
      <c r="E14967" t="s">
        <v>9202</v>
      </c>
      <c r="F14967" t="s">
        <v>9203</v>
      </c>
      <c r="G14967" t="s">
        <v>80</v>
      </c>
      <c r="H14967" t="s">
        <v>81</v>
      </c>
      <c r="I14967" s="2">
        <v>0</v>
      </c>
      <c r="J14967" s="2">
        <v>1</v>
      </c>
      <c r="K14967" s="2">
        <v>0</v>
      </c>
      <c r="L14967" t="s">
        <v>82</v>
      </c>
      <c r="M14967" t="s">
        <v>87</v>
      </c>
      <c r="N14967" t="s">
        <v>88</v>
      </c>
      <c r="O14967" t="s">
        <v>85</v>
      </c>
      <c r="P14967" t="s">
        <v>86</v>
      </c>
      <c r="Q14967">
        <v>39</v>
      </c>
      <c r="R14967">
        <v>39</v>
      </c>
      <c r="S14967">
        <v>40</v>
      </c>
      <c r="T14967">
        <v>40</v>
      </c>
      <c r="U14967">
        <v>41</v>
      </c>
      <c r="V14967">
        <v>41</v>
      </c>
      <c r="W14967">
        <v>42</v>
      </c>
      <c r="X14967">
        <v>43</v>
      </c>
      <c r="Y14967">
        <v>43</v>
      </c>
      <c r="Z14967">
        <v>44</v>
      </c>
      <c r="AA14967">
        <v>44</v>
      </c>
      <c r="AB14967">
        <v>45</v>
      </c>
      <c r="AC14967">
        <v>46</v>
      </c>
      <c r="AD14967">
        <v>46</v>
      </c>
      <c r="AE14967">
        <v>47</v>
      </c>
      <c r="AF14967">
        <v>47</v>
      </c>
      <c r="AG14967">
        <v>48</v>
      </c>
      <c r="AH14967">
        <v>49</v>
      </c>
      <c r="AI14967">
        <v>49</v>
      </c>
      <c r="AJ14967">
        <v>50</v>
      </c>
      <c r="AK14967">
        <v>51</v>
      </c>
      <c r="AL14967">
        <v>51</v>
      </c>
      <c r="AM14967">
        <v>52</v>
      </c>
      <c r="AN14967">
        <v>53</v>
      </c>
      <c r="AO14967">
        <v>53</v>
      </c>
      <c r="AP14967">
        <v>54</v>
      </c>
      <c r="AQ14967">
        <v>55</v>
      </c>
    </row>
    <row r="14968" spans="1:43">
      <c r="A14968" t="s">
        <v>9308</v>
      </c>
      <c r="B14968" t="s">
        <v>9309</v>
      </c>
      <c r="C14968" t="s">
        <v>9298</v>
      </c>
      <c r="D14968" t="s">
        <v>9299</v>
      </c>
      <c r="E14968" t="s">
        <v>9202</v>
      </c>
      <c r="F14968" t="s">
        <v>9203</v>
      </c>
      <c r="G14968" t="s">
        <v>80</v>
      </c>
      <c r="H14968" t="s">
        <v>81</v>
      </c>
      <c r="I14968" s="2">
        <v>0</v>
      </c>
      <c r="J14968" s="2">
        <v>1</v>
      </c>
      <c r="K14968" s="2">
        <v>0</v>
      </c>
      <c r="L14968" t="s">
        <v>82</v>
      </c>
      <c r="M14968" t="s">
        <v>89</v>
      </c>
      <c r="N14968" t="s">
        <v>90</v>
      </c>
      <c r="O14968" t="s">
        <v>85</v>
      </c>
      <c r="P14968" t="s">
        <v>86</v>
      </c>
      <c r="Q14968">
        <v>39</v>
      </c>
      <c r="R14968">
        <v>41</v>
      </c>
      <c r="S14968">
        <v>42</v>
      </c>
      <c r="T14968">
        <v>43</v>
      </c>
      <c r="U14968">
        <v>44</v>
      </c>
      <c r="V14968">
        <v>46</v>
      </c>
      <c r="W14968">
        <v>47</v>
      </c>
      <c r="X14968">
        <v>48</v>
      </c>
      <c r="Y14968">
        <v>49</v>
      </c>
      <c r="Z14968">
        <v>51</v>
      </c>
      <c r="AA14968">
        <v>52</v>
      </c>
      <c r="AB14968">
        <v>53</v>
      </c>
      <c r="AC14968">
        <v>54</v>
      </c>
      <c r="AD14968">
        <v>56</v>
      </c>
      <c r="AE14968">
        <v>57</v>
      </c>
      <c r="AF14968">
        <v>57</v>
      </c>
      <c r="AG14968">
        <v>58</v>
      </c>
      <c r="AH14968">
        <v>59</v>
      </c>
      <c r="AI14968">
        <v>59</v>
      </c>
      <c r="AJ14968">
        <v>60</v>
      </c>
      <c r="AK14968">
        <v>60</v>
      </c>
      <c r="AL14968">
        <v>61</v>
      </c>
      <c r="AM14968">
        <v>61</v>
      </c>
      <c r="AN14968">
        <v>62</v>
      </c>
      <c r="AO14968">
        <v>63</v>
      </c>
      <c r="AP14968">
        <v>63</v>
      </c>
      <c r="AQ14968">
        <v>64</v>
      </c>
    </row>
    <row r="14969" spans="1:43">
      <c r="A14969" t="s">
        <v>9308</v>
      </c>
      <c r="B14969" t="s">
        <v>9309</v>
      </c>
      <c r="C14969" t="s">
        <v>9298</v>
      </c>
      <c r="D14969" t="s">
        <v>9299</v>
      </c>
      <c r="E14969" t="s">
        <v>9202</v>
      </c>
      <c r="F14969" t="s">
        <v>9203</v>
      </c>
      <c r="G14969" t="s">
        <v>80</v>
      </c>
      <c r="H14969" t="s">
        <v>81</v>
      </c>
      <c r="I14969" s="2">
        <v>0</v>
      </c>
      <c r="J14969" s="2">
        <v>1</v>
      </c>
      <c r="K14969" s="2">
        <v>0</v>
      </c>
      <c r="L14969" t="s">
        <v>82</v>
      </c>
      <c r="M14969" t="s">
        <v>83</v>
      </c>
      <c r="N14969" t="s">
        <v>91</v>
      </c>
      <c r="O14969" t="s">
        <v>85</v>
      </c>
      <c r="P14969" t="s">
        <v>86</v>
      </c>
      <c r="Q14969">
        <v>39</v>
      </c>
      <c r="R14969">
        <v>40</v>
      </c>
      <c r="S14969">
        <v>41</v>
      </c>
      <c r="T14969">
        <v>42</v>
      </c>
      <c r="U14969">
        <v>43</v>
      </c>
      <c r="V14969">
        <v>44</v>
      </c>
      <c r="W14969">
        <v>45</v>
      </c>
      <c r="X14969">
        <v>46</v>
      </c>
      <c r="Y14969">
        <v>47</v>
      </c>
      <c r="Z14969">
        <v>48</v>
      </c>
      <c r="AA14969">
        <v>49</v>
      </c>
      <c r="AB14969">
        <v>50</v>
      </c>
      <c r="AC14969">
        <v>51</v>
      </c>
      <c r="AD14969">
        <v>52</v>
      </c>
      <c r="AE14969">
        <v>53</v>
      </c>
      <c r="AF14969">
        <v>54</v>
      </c>
      <c r="AG14969">
        <v>55</v>
      </c>
      <c r="AH14969">
        <v>56</v>
      </c>
      <c r="AI14969">
        <v>57</v>
      </c>
      <c r="AJ14969">
        <v>58</v>
      </c>
      <c r="AK14969">
        <v>59</v>
      </c>
      <c r="AL14969">
        <v>60</v>
      </c>
      <c r="AM14969">
        <v>61</v>
      </c>
      <c r="AN14969">
        <v>61</v>
      </c>
      <c r="AO14969">
        <v>62</v>
      </c>
      <c r="AP14969">
        <v>63</v>
      </c>
      <c r="AQ14969">
        <v>63</v>
      </c>
    </row>
    <row r="14970" spans="1:43">
      <c r="A14970" t="s">
        <v>9310</v>
      </c>
      <c r="B14970" t="s">
        <v>9311</v>
      </c>
      <c r="C14970" t="s">
        <v>9298</v>
      </c>
      <c r="D14970" t="s">
        <v>9299</v>
      </c>
      <c r="E14970" t="s">
        <v>9202</v>
      </c>
      <c r="F14970" t="s">
        <v>9203</v>
      </c>
      <c r="G14970" t="s">
        <v>80</v>
      </c>
      <c r="H14970" t="s">
        <v>81</v>
      </c>
      <c r="I14970" s="2">
        <v>0</v>
      </c>
      <c r="J14970" s="2">
        <v>1</v>
      </c>
      <c r="K14970" s="2">
        <v>0</v>
      </c>
      <c r="L14970" t="s">
        <v>82</v>
      </c>
      <c r="M14970" t="s">
        <v>83</v>
      </c>
      <c r="N14970" t="s">
        <v>84</v>
      </c>
      <c r="O14970" t="s">
        <v>85</v>
      </c>
      <c r="P14970" t="s">
        <v>86</v>
      </c>
      <c r="Q14970">
        <v>26</v>
      </c>
      <c r="R14970">
        <v>26</v>
      </c>
      <c r="S14970">
        <v>27</v>
      </c>
      <c r="T14970">
        <v>27</v>
      </c>
      <c r="U14970">
        <v>27</v>
      </c>
      <c r="V14970">
        <v>28</v>
      </c>
      <c r="W14970">
        <v>28</v>
      </c>
      <c r="X14970">
        <v>29</v>
      </c>
      <c r="Y14970">
        <v>29</v>
      </c>
      <c r="Z14970">
        <v>29</v>
      </c>
      <c r="AA14970">
        <v>30</v>
      </c>
      <c r="AB14970">
        <v>30</v>
      </c>
      <c r="AC14970">
        <v>30</v>
      </c>
      <c r="AD14970">
        <v>31</v>
      </c>
      <c r="AE14970">
        <v>31</v>
      </c>
      <c r="AF14970">
        <v>31</v>
      </c>
      <c r="AG14970">
        <v>32</v>
      </c>
      <c r="AH14970">
        <v>32</v>
      </c>
      <c r="AI14970">
        <v>32</v>
      </c>
      <c r="AJ14970">
        <v>32</v>
      </c>
      <c r="AK14970">
        <v>33</v>
      </c>
      <c r="AL14970">
        <v>33</v>
      </c>
      <c r="AM14970">
        <v>33</v>
      </c>
      <c r="AN14970">
        <v>33</v>
      </c>
      <c r="AO14970">
        <v>33</v>
      </c>
      <c r="AP14970">
        <v>33</v>
      </c>
      <c r="AQ14970">
        <v>33</v>
      </c>
    </row>
    <row r="14971" spans="1:43">
      <c r="A14971" t="s">
        <v>9310</v>
      </c>
      <c r="B14971" t="s">
        <v>9311</v>
      </c>
      <c r="C14971" t="s">
        <v>9298</v>
      </c>
      <c r="D14971" t="s">
        <v>9299</v>
      </c>
      <c r="E14971" t="s">
        <v>9202</v>
      </c>
      <c r="F14971" t="s">
        <v>9203</v>
      </c>
      <c r="G14971" t="s">
        <v>80</v>
      </c>
      <c r="H14971" t="s">
        <v>81</v>
      </c>
      <c r="I14971" s="2">
        <v>0</v>
      </c>
      <c r="J14971" s="2">
        <v>1</v>
      </c>
      <c r="K14971" s="2">
        <v>0</v>
      </c>
      <c r="L14971" t="s">
        <v>82</v>
      </c>
      <c r="M14971" t="s">
        <v>87</v>
      </c>
      <c r="N14971" t="s">
        <v>88</v>
      </c>
      <c r="O14971" t="s">
        <v>85</v>
      </c>
      <c r="P14971" t="s">
        <v>86</v>
      </c>
      <c r="Q14971">
        <v>26</v>
      </c>
      <c r="R14971">
        <v>26</v>
      </c>
      <c r="S14971">
        <v>26</v>
      </c>
      <c r="T14971">
        <v>26</v>
      </c>
      <c r="U14971">
        <v>26</v>
      </c>
      <c r="V14971">
        <v>26</v>
      </c>
      <c r="W14971">
        <v>26</v>
      </c>
      <c r="X14971">
        <v>27</v>
      </c>
      <c r="Y14971">
        <v>27</v>
      </c>
      <c r="Z14971">
        <v>27</v>
      </c>
      <c r="AA14971">
        <v>27</v>
      </c>
      <c r="AB14971">
        <v>27</v>
      </c>
      <c r="AC14971">
        <v>27</v>
      </c>
      <c r="AD14971">
        <v>27</v>
      </c>
      <c r="AE14971">
        <v>27</v>
      </c>
      <c r="AF14971">
        <v>27</v>
      </c>
      <c r="AG14971">
        <v>28</v>
      </c>
      <c r="AH14971">
        <v>28</v>
      </c>
      <c r="AI14971">
        <v>28</v>
      </c>
      <c r="AJ14971">
        <v>28</v>
      </c>
      <c r="AK14971">
        <v>28</v>
      </c>
      <c r="AL14971">
        <v>28</v>
      </c>
      <c r="AM14971">
        <v>28</v>
      </c>
      <c r="AN14971">
        <v>28</v>
      </c>
      <c r="AO14971">
        <v>28</v>
      </c>
      <c r="AP14971">
        <v>29</v>
      </c>
      <c r="AQ14971">
        <v>29</v>
      </c>
    </row>
    <row r="14972" spans="1:43">
      <c r="A14972" t="s">
        <v>9310</v>
      </c>
      <c r="B14972" t="s">
        <v>9311</v>
      </c>
      <c r="C14972" t="s">
        <v>9298</v>
      </c>
      <c r="D14972" t="s">
        <v>9299</v>
      </c>
      <c r="E14972" t="s">
        <v>9202</v>
      </c>
      <c r="F14972" t="s">
        <v>9203</v>
      </c>
      <c r="G14972" t="s">
        <v>80</v>
      </c>
      <c r="H14972" t="s">
        <v>81</v>
      </c>
      <c r="I14972" s="2">
        <v>0</v>
      </c>
      <c r="J14972" s="2">
        <v>1</v>
      </c>
      <c r="K14972" s="2">
        <v>0</v>
      </c>
      <c r="L14972" t="s">
        <v>82</v>
      </c>
      <c r="M14972" t="s">
        <v>89</v>
      </c>
      <c r="N14972" t="s">
        <v>90</v>
      </c>
      <c r="O14972" t="s">
        <v>85</v>
      </c>
      <c r="P14972" t="s">
        <v>86</v>
      </c>
      <c r="Q14972">
        <v>26</v>
      </c>
      <c r="R14972">
        <v>27</v>
      </c>
      <c r="S14972">
        <v>27</v>
      </c>
      <c r="T14972">
        <v>28</v>
      </c>
      <c r="U14972">
        <v>29</v>
      </c>
      <c r="V14972">
        <v>29</v>
      </c>
      <c r="W14972">
        <v>30</v>
      </c>
      <c r="X14972">
        <v>30</v>
      </c>
      <c r="Y14972">
        <v>31</v>
      </c>
      <c r="Z14972">
        <v>31</v>
      </c>
      <c r="AA14972">
        <v>31</v>
      </c>
      <c r="AB14972">
        <v>32</v>
      </c>
      <c r="AC14972">
        <v>32</v>
      </c>
      <c r="AD14972">
        <v>33</v>
      </c>
      <c r="AE14972">
        <v>33</v>
      </c>
      <c r="AF14972">
        <v>33</v>
      </c>
      <c r="AG14972">
        <v>33</v>
      </c>
      <c r="AH14972">
        <v>33</v>
      </c>
      <c r="AI14972">
        <v>33</v>
      </c>
      <c r="AJ14972">
        <v>33</v>
      </c>
      <c r="AK14972">
        <v>33</v>
      </c>
      <c r="AL14972">
        <v>33</v>
      </c>
      <c r="AM14972">
        <v>33</v>
      </c>
      <c r="AN14972">
        <v>33</v>
      </c>
      <c r="AO14972">
        <v>33</v>
      </c>
      <c r="AP14972">
        <v>33</v>
      </c>
      <c r="AQ14972">
        <v>33</v>
      </c>
    </row>
    <row r="14973" spans="1:43">
      <c r="A14973" t="s">
        <v>9310</v>
      </c>
      <c r="B14973" t="s">
        <v>9311</v>
      </c>
      <c r="C14973" t="s">
        <v>9298</v>
      </c>
      <c r="D14973" t="s">
        <v>9299</v>
      </c>
      <c r="E14973" t="s">
        <v>9202</v>
      </c>
      <c r="F14973" t="s">
        <v>9203</v>
      </c>
      <c r="G14973" t="s">
        <v>80</v>
      </c>
      <c r="H14973" t="s">
        <v>81</v>
      </c>
      <c r="I14973" s="2">
        <v>0</v>
      </c>
      <c r="J14973" s="2">
        <v>1</v>
      </c>
      <c r="K14973" s="2">
        <v>0</v>
      </c>
      <c r="L14973" t="s">
        <v>82</v>
      </c>
      <c r="M14973" t="s">
        <v>83</v>
      </c>
      <c r="N14973" t="s">
        <v>91</v>
      </c>
      <c r="O14973" t="s">
        <v>85</v>
      </c>
      <c r="P14973" t="s">
        <v>86</v>
      </c>
      <c r="Q14973">
        <v>26</v>
      </c>
      <c r="R14973">
        <v>26</v>
      </c>
      <c r="S14973">
        <v>27</v>
      </c>
      <c r="T14973">
        <v>27</v>
      </c>
      <c r="U14973">
        <v>27</v>
      </c>
      <c r="V14973">
        <v>28</v>
      </c>
      <c r="W14973">
        <v>28</v>
      </c>
      <c r="X14973">
        <v>29</v>
      </c>
      <c r="Y14973">
        <v>29</v>
      </c>
      <c r="Z14973">
        <v>29</v>
      </c>
      <c r="AA14973">
        <v>30</v>
      </c>
      <c r="AB14973">
        <v>30</v>
      </c>
      <c r="AC14973">
        <v>30</v>
      </c>
      <c r="AD14973">
        <v>31</v>
      </c>
      <c r="AE14973">
        <v>31</v>
      </c>
      <c r="AF14973">
        <v>31</v>
      </c>
      <c r="AG14973">
        <v>32</v>
      </c>
      <c r="AH14973">
        <v>32</v>
      </c>
      <c r="AI14973">
        <v>32</v>
      </c>
      <c r="AJ14973">
        <v>32</v>
      </c>
      <c r="AK14973">
        <v>33</v>
      </c>
      <c r="AL14973">
        <v>33</v>
      </c>
      <c r="AM14973">
        <v>33</v>
      </c>
      <c r="AN14973">
        <v>33</v>
      </c>
      <c r="AO14973">
        <v>33</v>
      </c>
      <c r="AP14973">
        <v>33</v>
      </c>
      <c r="AQ14973">
        <v>33</v>
      </c>
    </row>
    <row r="14974" spans="1:43">
      <c r="A14974" t="s">
        <v>9312</v>
      </c>
      <c r="B14974" t="s">
        <v>9313</v>
      </c>
      <c r="C14974" t="s">
        <v>9314</v>
      </c>
      <c r="D14974" t="s">
        <v>9315</v>
      </c>
      <c r="E14974" t="s">
        <v>9202</v>
      </c>
      <c r="F14974" t="s">
        <v>9203</v>
      </c>
      <c r="G14974" t="s">
        <v>80</v>
      </c>
      <c r="H14974" t="s">
        <v>81</v>
      </c>
      <c r="I14974" s="2">
        <v>0</v>
      </c>
      <c r="J14974" s="2">
        <v>1</v>
      </c>
      <c r="K14974" s="2">
        <v>0</v>
      </c>
      <c r="L14974" t="s">
        <v>82</v>
      </c>
      <c r="M14974" t="s">
        <v>83</v>
      </c>
      <c r="N14974" t="s">
        <v>84</v>
      </c>
      <c r="O14974" t="s">
        <v>85</v>
      </c>
      <c r="P14974" t="s">
        <v>86</v>
      </c>
      <c r="Q14974">
        <v>21</v>
      </c>
      <c r="R14974">
        <v>21</v>
      </c>
      <c r="S14974">
        <v>22</v>
      </c>
      <c r="T14974">
        <v>22</v>
      </c>
      <c r="U14974">
        <v>23</v>
      </c>
      <c r="V14974">
        <v>23</v>
      </c>
      <c r="W14974">
        <v>24</v>
      </c>
      <c r="X14974">
        <v>24</v>
      </c>
      <c r="Y14974">
        <v>25</v>
      </c>
      <c r="Z14974">
        <v>26</v>
      </c>
      <c r="AA14974">
        <v>26</v>
      </c>
      <c r="AB14974">
        <v>27</v>
      </c>
      <c r="AC14974">
        <v>27</v>
      </c>
      <c r="AD14974">
        <v>28</v>
      </c>
      <c r="AE14974">
        <v>28</v>
      </c>
      <c r="AF14974">
        <v>29</v>
      </c>
      <c r="AG14974">
        <v>30</v>
      </c>
      <c r="AH14974">
        <v>30</v>
      </c>
      <c r="AI14974">
        <v>31</v>
      </c>
      <c r="AJ14974">
        <v>31</v>
      </c>
      <c r="AK14974">
        <v>32</v>
      </c>
      <c r="AL14974">
        <v>32</v>
      </c>
      <c r="AM14974">
        <v>33</v>
      </c>
      <c r="AN14974">
        <v>33</v>
      </c>
      <c r="AO14974">
        <v>33</v>
      </c>
      <c r="AP14974">
        <v>34</v>
      </c>
      <c r="AQ14974">
        <v>34</v>
      </c>
    </row>
    <row r="14975" spans="1:43">
      <c r="A14975" t="s">
        <v>9312</v>
      </c>
      <c r="B14975" t="s">
        <v>9313</v>
      </c>
      <c r="C14975" t="s">
        <v>9314</v>
      </c>
      <c r="D14975" t="s">
        <v>9315</v>
      </c>
      <c r="E14975" t="s">
        <v>9202</v>
      </c>
      <c r="F14975" t="s">
        <v>9203</v>
      </c>
      <c r="G14975" t="s">
        <v>80</v>
      </c>
      <c r="H14975" t="s">
        <v>81</v>
      </c>
      <c r="I14975" s="2">
        <v>0</v>
      </c>
      <c r="J14975" s="2">
        <v>1</v>
      </c>
      <c r="K14975" s="2">
        <v>0</v>
      </c>
      <c r="L14975" t="s">
        <v>82</v>
      </c>
      <c r="M14975" t="s">
        <v>87</v>
      </c>
      <c r="N14975" t="s">
        <v>88</v>
      </c>
      <c r="O14975" t="s">
        <v>85</v>
      </c>
      <c r="P14975" t="s">
        <v>86</v>
      </c>
      <c r="Q14975">
        <v>21</v>
      </c>
      <c r="R14975">
        <v>21</v>
      </c>
      <c r="S14975">
        <v>21</v>
      </c>
      <c r="T14975">
        <v>22</v>
      </c>
      <c r="U14975">
        <v>22</v>
      </c>
      <c r="V14975">
        <v>22</v>
      </c>
      <c r="W14975">
        <v>23</v>
      </c>
      <c r="X14975">
        <v>23</v>
      </c>
      <c r="Y14975">
        <v>23</v>
      </c>
      <c r="Z14975">
        <v>23</v>
      </c>
      <c r="AA14975">
        <v>24</v>
      </c>
      <c r="AB14975">
        <v>24</v>
      </c>
      <c r="AC14975">
        <v>24</v>
      </c>
      <c r="AD14975">
        <v>25</v>
      </c>
      <c r="AE14975">
        <v>25</v>
      </c>
      <c r="AF14975">
        <v>25</v>
      </c>
      <c r="AG14975">
        <v>26</v>
      </c>
      <c r="AH14975">
        <v>26</v>
      </c>
      <c r="AI14975">
        <v>26</v>
      </c>
      <c r="AJ14975">
        <v>27</v>
      </c>
      <c r="AK14975">
        <v>27</v>
      </c>
      <c r="AL14975">
        <v>27</v>
      </c>
      <c r="AM14975">
        <v>28</v>
      </c>
      <c r="AN14975">
        <v>28</v>
      </c>
      <c r="AO14975">
        <v>29</v>
      </c>
      <c r="AP14975">
        <v>29</v>
      </c>
      <c r="AQ14975">
        <v>29</v>
      </c>
    </row>
    <row r="14976" spans="1:43">
      <c r="A14976" t="s">
        <v>9312</v>
      </c>
      <c r="B14976" t="s">
        <v>9313</v>
      </c>
      <c r="C14976" t="s">
        <v>9314</v>
      </c>
      <c r="D14976" t="s">
        <v>9315</v>
      </c>
      <c r="E14976" t="s">
        <v>9202</v>
      </c>
      <c r="F14976" t="s">
        <v>9203</v>
      </c>
      <c r="G14976" t="s">
        <v>80</v>
      </c>
      <c r="H14976" t="s">
        <v>81</v>
      </c>
      <c r="I14976" s="2">
        <v>0</v>
      </c>
      <c r="J14976" s="2">
        <v>1</v>
      </c>
      <c r="K14976" s="2">
        <v>0</v>
      </c>
      <c r="L14976" t="s">
        <v>82</v>
      </c>
      <c r="M14976" t="s">
        <v>89</v>
      </c>
      <c r="N14976" t="s">
        <v>90</v>
      </c>
      <c r="O14976" t="s">
        <v>85</v>
      </c>
      <c r="P14976" t="s">
        <v>86</v>
      </c>
      <c r="Q14976">
        <v>21</v>
      </c>
      <c r="R14976">
        <v>22</v>
      </c>
      <c r="S14976">
        <v>22</v>
      </c>
      <c r="T14976">
        <v>23</v>
      </c>
      <c r="U14976">
        <v>24</v>
      </c>
      <c r="V14976">
        <v>24</v>
      </c>
      <c r="W14976">
        <v>25</v>
      </c>
      <c r="X14976">
        <v>26</v>
      </c>
      <c r="Y14976">
        <v>27</v>
      </c>
      <c r="Z14976">
        <v>27</v>
      </c>
      <c r="AA14976">
        <v>28</v>
      </c>
      <c r="AB14976">
        <v>29</v>
      </c>
      <c r="AC14976">
        <v>29</v>
      </c>
      <c r="AD14976">
        <v>30</v>
      </c>
      <c r="AE14976">
        <v>30</v>
      </c>
      <c r="AF14976">
        <v>31</v>
      </c>
      <c r="AG14976">
        <v>31</v>
      </c>
      <c r="AH14976">
        <v>31</v>
      </c>
      <c r="AI14976">
        <v>32</v>
      </c>
      <c r="AJ14976">
        <v>32</v>
      </c>
      <c r="AK14976">
        <v>32</v>
      </c>
      <c r="AL14976">
        <v>33</v>
      </c>
      <c r="AM14976">
        <v>33</v>
      </c>
      <c r="AN14976">
        <v>33</v>
      </c>
      <c r="AO14976">
        <v>34</v>
      </c>
      <c r="AP14976">
        <v>34</v>
      </c>
      <c r="AQ14976">
        <v>34</v>
      </c>
    </row>
    <row r="14977" spans="1:43">
      <c r="A14977" t="s">
        <v>9312</v>
      </c>
      <c r="B14977" t="s">
        <v>9313</v>
      </c>
      <c r="C14977" t="s">
        <v>9314</v>
      </c>
      <c r="D14977" t="s">
        <v>9315</v>
      </c>
      <c r="E14977" t="s">
        <v>9202</v>
      </c>
      <c r="F14977" t="s">
        <v>9203</v>
      </c>
      <c r="G14977" t="s">
        <v>80</v>
      </c>
      <c r="H14977" t="s">
        <v>81</v>
      </c>
      <c r="I14977" s="2">
        <v>0</v>
      </c>
      <c r="J14977" s="2">
        <v>1</v>
      </c>
      <c r="K14977" s="2">
        <v>0</v>
      </c>
      <c r="L14977" t="s">
        <v>82</v>
      </c>
      <c r="M14977" t="s">
        <v>83</v>
      </c>
      <c r="N14977" t="s">
        <v>91</v>
      </c>
      <c r="O14977" t="s">
        <v>85</v>
      </c>
      <c r="P14977" t="s">
        <v>86</v>
      </c>
      <c r="Q14977">
        <v>21</v>
      </c>
      <c r="R14977">
        <v>21</v>
      </c>
      <c r="S14977">
        <v>22</v>
      </c>
      <c r="T14977">
        <v>22</v>
      </c>
      <c r="U14977">
        <v>23</v>
      </c>
      <c r="V14977">
        <v>23</v>
      </c>
      <c r="W14977">
        <v>24</v>
      </c>
      <c r="X14977">
        <v>24</v>
      </c>
      <c r="Y14977">
        <v>25</v>
      </c>
      <c r="Z14977">
        <v>26</v>
      </c>
      <c r="AA14977">
        <v>26</v>
      </c>
      <c r="AB14977">
        <v>27</v>
      </c>
      <c r="AC14977">
        <v>27</v>
      </c>
      <c r="AD14977">
        <v>28</v>
      </c>
      <c r="AE14977">
        <v>28</v>
      </c>
      <c r="AF14977">
        <v>29</v>
      </c>
      <c r="AG14977">
        <v>30</v>
      </c>
      <c r="AH14977">
        <v>30</v>
      </c>
      <c r="AI14977">
        <v>31</v>
      </c>
      <c r="AJ14977">
        <v>31</v>
      </c>
      <c r="AK14977">
        <v>32</v>
      </c>
      <c r="AL14977">
        <v>32</v>
      </c>
      <c r="AM14977">
        <v>33</v>
      </c>
      <c r="AN14977">
        <v>33</v>
      </c>
      <c r="AO14977">
        <v>33</v>
      </c>
      <c r="AP14977">
        <v>34</v>
      </c>
      <c r="AQ14977">
        <v>34</v>
      </c>
    </row>
    <row r="14978" spans="1:43">
      <c r="A14978" t="s">
        <v>9316</v>
      </c>
      <c r="B14978" t="s">
        <v>9317</v>
      </c>
      <c r="C14978" t="s">
        <v>9314</v>
      </c>
      <c r="D14978" t="s">
        <v>9315</v>
      </c>
      <c r="E14978" t="s">
        <v>9202</v>
      </c>
      <c r="F14978" t="s">
        <v>9203</v>
      </c>
      <c r="G14978" t="s">
        <v>80</v>
      </c>
      <c r="H14978" t="s">
        <v>81</v>
      </c>
      <c r="I14978" s="2">
        <v>0</v>
      </c>
      <c r="J14978" s="2">
        <v>1</v>
      </c>
      <c r="K14978" s="2">
        <v>0</v>
      </c>
      <c r="L14978" t="s">
        <v>82</v>
      </c>
      <c r="M14978" t="s">
        <v>83</v>
      </c>
      <c r="N14978" t="s">
        <v>84</v>
      </c>
      <c r="O14978" t="s">
        <v>85</v>
      </c>
      <c r="P14978" t="s">
        <v>86</v>
      </c>
      <c r="Q14978">
        <v>74</v>
      </c>
      <c r="R14978">
        <v>75</v>
      </c>
      <c r="S14978">
        <v>77</v>
      </c>
      <c r="T14978">
        <v>79</v>
      </c>
      <c r="U14978">
        <v>81</v>
      </c>
      <c r="V14978">
        <v>83</v>
      </c>
      <c r="W14978">
        <v>85</v>
      </c>
      <c r="X14978">
        <v>86</v>
      </c>
      <c r="Y14978">
        <v>88</v>
      </c>
      <c r="Z14978">
        <v>90</v>
      </c>
      <c r="AA14978">
        <v>92</v>
      </c>
      <c r="AB14978">
        <v>94</v>
      </c>
      <c r="AC14978">
        <v>96</v>
      </c>
      <c r="AD14978">
        <v>98</v>
      </c>
      <c r="AE14978">
        <v>100</v>
      </c>
      <c r="AF14978">
        <v>102</v>
      </c>
      <c r="AG14978">
        <v>104</v>
      </c>
      <c r="AH14978">
        <v>106</v>
      </c>
      <c r="AI14978">
        <v>108</v>
      </c>
      <c r="AJ14978">
        <v>110</v>
      </c>
      <c r="AK14978">
        <v>113</v>
      </c>
      <c r="AL14978">
        <v>114</v>
      </c>
      <c r="AM14978">
        <v>115</v>
      </c>
      <c r="AN14978">
        <v>116</v>
      </c>
      <c r="AO14978">
        <v>117</v>
      </c>
      <c r="AP14978">
        <v>118</v>
      </c>
      <c r="AQ14978">
        <v>119</v>
      </c>
    </row>
    <row r="14979" spans="1:43">
      <c r="A14979" t="s">
        <v>9316</v>
      </c>
      <c r="B14979" t="s">
        <v>9317</v>
      </c>
      <c r="C14979" t="s">
        <v>9314</v>
      </c>
      <c r="D14979" t="s">
        <v>9315</v>
      </c>
      <c r="E14979" t="s">
        <v>9202</v>
      </c>
      <c r="F14979" t="s">
        <v>9203</v>
      </c>
      <c r="G14979" t="s">
        <v>80</v>
      </c>
      <c r="H14979" t="s">
        <v>81</v>
      </c>
      <c r="I14979" s="2">
        <v>0</v>
      </c>
      <c r="J14979" s="2">
        <v>1</v>
      </c>
      <c r="K14979" s="2">
        <v>0</v>
      </c>
      <c r="L14979" t="s">
        <v>82</v>
      </c>
      <c r="M14979" t="s">
        <v>87</v>
      </c>
      <c r="N14979" t="s">
        <v>88</v>
      </c>
      <c r="O14979" t="s">
        <v>85</v>
      </c>
      <c r="P14979" t="s">
        <v>86</v>
      </c>
      <c r="Q14979">
        <v>74</v>
      </c>
      <c r="R14979">
        <v>75</v>
      </c>
      <c r="S14979">
        <v>76</v>
      </c>
      <c r="T14979">
        <v>77</v>
      </c>
      <c r="U14979">
        <v>78</v>
      </c>
      <c r="V14979">
        <v>79</v>
      </c>
      <c r="W14979">
        <v>80</v>
      </c>
      <c r="X14979">
        <v>82</v>
      </c>
      <c r="Y14979">
        <v>83</v>
      </c>
      <c r="Z14979">
        <v>84</v>
      </c>
      <c r="AA14979">
        <v>85</v>
      </c>
      <c r="AB14979">
        <v>86</v>
      </c>
      <c r="AC14979">
        <v>87</v>
      </c>
      <c r="AD14979">
        <v>88</v>
      </c>
      <c r="AE14979">
        <v>90</v>
      </c>
      <c r="AF14979">
        <v>91</v>
      </c>
      <c r="AG14979">
        <v>92</v>
      </c>
      <c r="AH14979">
        <v>93</v>
      </c>
      <c r="AI14979">
        <v>94</v>
      </c>
      <c r="AJ14979">
        <v>96</v>
      </c>
      <c r="AK14979">
        <v>97</v>
      </c>
      <c r="AL14979">
        <v>98</v>
      </c>
      <c r="AM14979">
        <v>99</v>
      </c>
      <c r="AN14979">
        <v>101</v>
      </c>
      <c r="AO14979">
        <v>102</v>
      </c>
      <c r="AP14979">
        <v>103</v>
      </c>
      <c r="AQ14979">
        <v>104</v>
      </c>
    </row>
    <row r="14980" spans="1:43">
      <c r="A14980" t="s">
        <v>9316</v>
      </c>
      <c r="B14980" t="s">
        <v>9317</v>
      </c>
      <c r="C14980" t="s">
        <v>9314</v>
      </c>
      <c r="D14980" t="s">
        <v>9315</v>
      </c>
      <c r="E14980" t="s">
        <v>9202</v>
      </c>
      <c r="F14980" t="s">
        <v>9203</v>
      </c>
      <c r="G14980" t="s">
        <v>80</v>
      </c>
      <c r="H14980" t="s">
        <v>81</v>
      </c>
      <c r="I14980" s="2">
        <v>0</v>
      </c>
      <c r="J14980" s="2">
        <v>1</v>
      </c>
      <c r="K14980" s="2">
        <v>0</v>
      </c>
      <c r="L14980" t="s">
        <v>82</v>
      </c>
      <c r="M14980" t="s">
        <v>89</v>
      </c>
      <c r="N14980" t="s">
        <v>90</v>
      </c>
      <c r="O14980" t="s">
        <v>85</v>
      </c>
      <c r="P14980" t="s">
        <v>86</v>
      </c>
      <c r="Q14980">
        <v>74</v>
      </c>
      <c r="R14980">
        <v>77</v>
      </c>
      <c r="S14980">
        <v>79</v>
      </c>
      <c r="T14980">
        <v>82</v>
      </c>
      <c r="U14980">
        <v>84</v>
      </c>
      <c r="V14980">
        <v>86</v>
      </c>
      <c r="W14980">
        <v>89</v>
      </c>
      <c r="X14980">
        <v>91</v>
      </c>
      <c r="Y14980">
        <v>94</v>
      </c>
      <c r="Z14980">
        <v>96</v>
      </c>
      <c r="AA14980">
        <v>98</v>
      </c>
      <c r="AB14980">
        <v>101</v>
      </c>
      <c r="AC14980">
        <v>103</v>
      </c>
      <c r="AD14980">
        <v>106</v>
      </c>
      <c r="AE14980">
        <v>107</v>
      </c>
      <c r="AF14980">
        <v>109</v>
      </c>
      <c r="AG14980">
        <v>110</v>
      </c>
      <c r="AH14980">
        <v>111</v>
      </c>
      <c r="AI14980">
        <v>112</v>
      </c>
      <c r="AJ14980">
        <v>113</v>
      </c>
      <c r="AK14980">
        <v>114</v>
      </c>
      <c r="AL14980">
        <v>115</v>
      </c>
      <c r="AM14980">
        <v>116</v>
      </c>
      <c r="AN14980">
        <v>117</v>
      </c>
      <c r="AO14980">
        <v>118</v>
      </c>
      <c r="AP14980">
        <v>119</v>
      </c>
      <c r="AQ14980">
        <v>120</v>
      </c>
    </row>
    <row r="14981" spans="1:43">
      <c r="A14981" t="s">
        <v>9316</v>
      </c>
      <c r="B14981" t="s">
        <v>9317</v>
      </c>
      <c r="C14981" t="s">
        <v>9314</v>
      </c>
      <c r="D14981" t="s">
        <v>9315</v>
      </c>
      <c r="E14981" t="s">
        <v>9202</v>
      </c>
      <c r="F14981" t="s">
        <v>9203</v>
      </c>
      <c r="G14981" t="s">
        <v>80</v>
      </c>
      <c r="H14981" t="s">
        <v>81</v>
      </c>
      <c r="I14981" s="2">
        <v>0</v>
      </c>
      <c r="J14981" s="2">
        <v>1</v>
      </c>
      <c r="K14981" s="2">
        <v>0</v>
      </c>
      <c r="L14981" t="s">
        <v>82</v>
      </c>
      <c r="M14981" t="s">
        <v>83</v>
      </c>
      <c r="N14981" t="s">
        <v>91</v>
      </c>
      <c r="O14981" t="s">
        <v>85</v>
      </c>
      <c r="P14981" t="s">
        <v>86</v>
      </c>
      <c r="Q14981">
        <v>74</v>
      </c>
      <c r="R14981">
        <v>75</v>
      </c>
      <c r="S14981">
        <v>77</v>
      </c>
      <c r="T14981">
        <v>79</v>
      </c>
      <c r="U14981">
        <v>81</v>
      </c>
      <c r="V14981">
        <v>83</v>
      </c>
      <c r="W14981">
        <v>85</v>
      </c>
      <c r="X14981">
        <v>86</v>
      </c>
      <c r="Y14981">
        <v>88</v>
      </c>
      <c r="Z14981">
        <v>90</v>
      </c>
      <c r="AA14981">
        <v>92</v>
      </c>
      <c r="AB14981">
        <v>94</v>
      </c>
      <c r="AC14981">
        <v>96</v>
      </c>
      <c r="AD14981">
        <v>98</v>
      </c>
      <c r="AE14981">
        <v>100</v>
      </c>
      <c r="AF14981">
        <v>102</v>
      </c>
      <c r="AG14981">
        <v>104</v>
      </c>
      <c r="AH14981">
        <v>106</v>
      </c>
      <c r="AI14981">
        <v>108</v>
      </c>
      <c r="AJ14981">
        <v>110</v>
      </c>
      <c r="AK14981">
        <v>113</v>
      </c>
      <c r="AL14981">
        <v>114</v>
      </c>
      <c r="AM14981">
        <v>115</v>
      </c>
      <c r="AN14981">
        <v>116</v>
      </c>
      <c r="AO14981">
        <v>117</v>
      </c>
      <c r="AP14981">
        <v>118</v>
      </c>
      <c r="AQ14981">
        <v>119</v>
      </c>
    </row>
    <row r="14982" spans="1:43">
      <c r="A14982" t="s">
        <v>9318</v>
      </c>
      <c r="B14982" t="s">
        <v>9319</v>
      </c>
      <c r="C14982" t="s">
        <v>9320</v>
      </c>
      <c r="D14982" t="s">
        <v>9321</v>
      </c>
      <c r="E14982" t="s">
        <v>9202</v>
      </c>
      <c r="F14982" t="s">
        <v>9203</v>
      </c>
      <c r="G14982" t="s">
        <v>80</v>
      </c>
      <c r="H14982" t="s">
        <v>81</v>
      </c>
      <c r="I14982" s="2">
        <v>0</v>
      </c>
      <c r="J14982" s="2">
        <v>1</v>
      </c>
      <c r="K14982" s="2">
        <v>0</v>
      </c>
      <c r="L14982" t="s">
        <v>82</v>
      </c>
      <c r="M14982" t="s">
        <v>83</v>
      </c>
      <c r="N14982" t="s">
        <v>84</v>
      </c>
      <c r="O14982" t="s">
        <v>85</v>
      </c>
      <c r="P14982" t="s">
        <v>86</v>
      </c>
      <c r="Q14982">
        <v>0</v>
      </c>
      <c r="R14982">
        <v>0</v>
      </c>
      <c r="S14982">
        <v>0</v>
      </c>
      <c r="T14982">
        <v>0</v>
      </c>
      <c r="U14982">
        <v>0</v>
      </c>
      <c r="V14982">
        <v>0</v>
      </c>
      <c r="W14982">
        <v>0</v>
      </c>
      <c r="X14982">
        <v>0</v>
      </c>
      <c r="Y14982">
        <v>0</v>
      </c>
      <c r="Z14982">
        <v>0</v>
      </c>
      <c r="AA14982">
        <v>0</v>
      </c>
      <c r="AB14982">
        <v>0</v>
      </c>
      <c r="AC14982">
        <v>0</v>
      </c>
      <c r="AD14982">
        <v>0</v>
      </c>
      <c r="AE14982">
        <v>0</v>
      </c>
      <c r="AF14982">
        <v>0</v>
      </c>
      <c r="AG14982">
        <v>0</v>
      </c>
      <c r="AH14982">
        <v>0</v>
      </c>
      <c r="AI14982">
        <v>0</v>
      </c>
      <c r="AJ14982">
        <v>0</v>
      </c>
      <c r="AK14982">
        <v>0</v>
      </c>
      <c r="AL14982">
        <v>0</v>
      </c>
      <c r="AM14982">
        <v>0</v>
      </c>
      <c r="AN14982">
        <v>0</v>
      </c>
      <c r="AO14982">
        <v>0</v>
      </c>
      <c r="AP14982">
        <v>0</v>
      </c>
      <c r="AQ14982">
        <v>0</v>
      </c>
    </row>
    <row r="14983" spans="1:43">
      <c r="A14983" t="s">
        <v>9318</v>
      </c>
      <c r="B14983" t="s">
        <v>9319</v>
      </c>
      <c r="C14983" t="s">
        <v>9320</v>
      </c>
      <c r="D14983" t="s">
        <v>9321</v>
      </c>
      <c r="E14983" t="s">
        <v>9202</v>
      </c>
      <c r="F14983" t="s">
        <v>9203</v>
      </c>
      <c r="G14983" t="s">
        <v>80</v>
      </c>
      <c r="H14983" t="s">
        <v>81</v>
      </c>
      <c r="I14983" s="2">
        <v>0</v>
      </c>
      <c r="J14983" s="2">
        <v>1</v>
      </c>
      <c r="K14983" s="2">
        <v>0</v>
      </c>
      <c r="L14983" t="s">
        <v>82</v>
      </c>
      <c r="M14983" t="s">
        <v>87</v>
      </c>
      <c r="N14983" t="s">
        <v>88</v>
      </c>
      <c r="O14983" t="s">
        <v>85</v>
      </c>
      <c r="P14983" t="s">
        <v>86</v>
      </c>
      <c r="Q14983">
        <v>0</v>
      </c>
      <c r="R14983">
        <v>0</v>
      </c>
      <c r="S14983">
        <v>0</v>
      </c>
      <c r="T14983">
        <v>0</v>
      </c>
      <c r="U14983">
        <v>0</v>
      </c>
      <c r="V14983">
        <v>0</v>
      </c>
      <c r="W14983">
        <v>0</v>
      </c>
      <c r="X14983">
        <v>0</v>
      </c>
      <c r="Y14983">
        <v>0</v>
      </c>
      <c r="Z14983">
        <v>0</v>
      </c>
      <c r="AA14983">
        <v>0</v>
      </c>
      <c r="AB14983">
        <v>0</v>
      </c>
      <c r="AC14983">
        <v>0</v>
      </c>
      <c r="AD14983">
        <v>0</v>
      </c>
      <c r="AE14983">
        <v>0</v>
      </c>
      <c r="AF14983">
        <v>0</v>
      </c>
      <c r="AG14983">
        <v>0</v>
      </c>
      <c r="AH14983">
        <v>0</v>
      </c>
      <c r="AI14983">
        <v>0</v>
      </c>
      <c r="AJ14983">
        <v>0</v>
      </c>
      <c r="AK14983">
        <v>0</v>
      </c>
      <c r="AL14983">
        <v>0</v>
      </c>
      <c r="AM14983">
        <v>0</v>
      </c>
      <c r="AN14983">
        <v>0</v>
      </c>
      <c r="AO14983">
        <v>0</v>
      </c>
      <c r="AP14983">
        <v>0</v>
      </c>
      <c r="AQ14983">
        <v>0</v>
      </c>
    </row>
    <row r="14984" spans="1:43">
      <c r="A14984" t="s">
        <v>9318</v>
      </c>
      <c r="B14984" t="s">
        <v>9319</v>
      </c>
      <c r="C14984" t="s">
        <v>9320</v>
      </c>
      <c r="D14984" t="s">
        <v>9321</v>
      </c>
      <c r="E14984" t="s">
        <v>9202</v>
      </c>
      <c r="F14984" t="s">
        <v>9203</v>
      </c>
      <c r="G14984" t="s">
        <v>80</v>
      </c>
      <c r="H14984" t="s">
        <v>81</v>
      </c>
      <c r="I14984" s="2">
        <v>0</v>
      </c>
      <c r="J14984" s="2">
        <v>1</v>
      </c>
      <c r="K14984" s="2">
        <v>0</v>
      </c>
      <c r="L14984" t="s">
        <v>82</v>
      </c>
      <c r="M14984" t="s">
        <v>89</v>
      </c>
      <c r="N14984" t="s">
        <v>90</v>
      </c>
      <c r="O14984" t="s">
        <v>85</v>
      </c>
      <c r="P14984" t="s">
        <v>86</v>
      </c>
      <c r="Q14984">
        <v>0</v>
      </c>
      <c r="R14984">
        <v>0</v>
      </c>
      <c r="S14984">
        <v>0</v>
      </c>
      <c r="T14984">
        <v>0</v>
      </c>
      <c r="U14984">
        <v>0</v>
      </c>
      <c r="V14984">
        <v>0</v>
      </c>
      <c r="W14984">
        <v>0</v>
      </c>
      <c r="X14984">
        <v>0</v>
      </c>
      <c r="Y14984">
        <v>0</v>
      </c>
      <c r="Z14984">
        <v>0</v>
      </c>
      <c r="AA14984">
        <v>0</v>
      </c>
      <c r="AB14984">
        <v>0</v>
      </c>
      <c r="AC14984">
        <v>0</v>
      </c>
      <c r="AD14984">
        <v>0</v>
      </c>
      <c r="AE14984">
        <v>0</v>
      </c>
      <c r="AF14984">
        <v>0</v>
      </c>
      <c r="AG14984">
        <v>0</v>
      </c>
      <c r="AH14984">
        <v>0</v>
      </c>
      <c r="AI14984">
        <v>0</v>
      </c>
      <c r="AJ14984">
        <v>0</v>
      </c>
      <c r="AK14984">
        <v>0</v>
      </c>
      <c r="AL14984">
        <v>0</v>
      </c>
      <c r="AM14984">
        <v>0</v>
      </c>
      <c r="AN14984">
        <v>0</v>
      </c>
      <c r="AO14984">
        <v>0</v>
      </c>
      <c r="AP14984">
        <v>0</v>
      </c>
      <c r="AQ14984">
        <v>0</v>
      </c>
    </row>
    <row r="14985" spans="1:43">
      <c r="A14985" t="s">
        <v>9318</v>
      </c>
      <c r="B14985" t="s">
        <v>9319</v>
      </c>
      <c r="C14985" t="s">
        <v>9320</v>
      </c>
      <c r="D14985" t="s">
        <v>9321</v>
      </c>
      <c r="E14985" t="s">
        <v>9202</v>
      </c>
      <c r="F14985" t="s">
        <v>9203</v>
      </c>
      <c r="G14985" t="s">
        <v>80</v>
      </c>
      <c r="H14985" t="s">
        <v>81</v>
      </c>
      <c r="I14985" s="2">
        <v>0</v>
      </c>
      <c r="J14985" s="2">
        <v>1</v>
      </c>
      <c r="K14985" s="2">
        <v>0</v>
      </c>
      <c r="L14985" t="s">
        <v>82</v>
      </c>
      <c r="M14985" t="s">
        <v>83</v>
      </c>
      <c r="N14985" t="s">
        <v>91</v>
      </c>
      <c r="O14985" t="s">
        <v>85</v>
      </c>
      <c r="P14985" t="s">
        <v>86</v>
      </c>
      <c r="Q14985">
        <v>0</v>
      </c>
      <c r="R14985">
        <v>0</v>
      </c>
      <c r="S14985">
        <v>0</v>
      </c>
      <c r="T14985">
        <v>0</v>
      </c>
      <c r="U14985">
        <v>0</v>
      </c>
      <c r="V14985">
        <v>0</v>
      </c>
      <c r="W14985">
        <v>0</v>
      </c>
      <c r="X14985">
        <v>0</v>
      </c>
      <c r="Y14985">
        <v>0</v>
      </c>
      <c r="Z14985">
        <v>0</v>
      </c>
      <c r="AA14985">
        <v>0</v>
      </c>
      <c r="AB14985">
        <v>0</v>
      </c>
      <c r="AC14985">
        <v>0</v>
      </c>
      <c r="AD14985">
        <v>0</v>
      </c>
      <c r="AE14985">
        <v>0</v>
      </c>
      <c r="AF14985">
        <v>0</v>
      </c>
      <c r="AG14985">
        <v>0</v>
      </c>
      <c r="AH14985">
        <v>0</v>
      </c>
      <c r="AI14985">
        <v>0</v>
      </c>
      <c r="AJ14985">
        <v>0</v>
      </c>
      <c r="AK14985">
        <v>0</v>
      </c>
      <c r="AL14985">
        <v>0</v>
      </c>
      <c r="AM14985">
        <v>0</v>
      </c>
      <c r="AN14985">
        <v>0</v>
      </c>
      <c r="AO14985">
        <v>0</v>
      </c>
      <c r="AP14985">
        <v>0</v>
      </c>
      <c r="AQ14985">
        <v>0</v>
      </c>
    </row>
    <row r="14986" spans="1:43">
      <c r="A14986" t="s">
        <v>9322</v>
      </c>
      <c r="B14986" t="s">
        <v>9323</v>
      </c>
      <c r="C14986" t="s">
        <v>9314</v>
      </c>
      <c r="D14986" t="s">
        <v>9315</v>
      </c>
      <c r="E14986" t="s">
        <v>9202</v>
      </c>
      <c r="F14986" t="s">
        <v>9203</v>
      </c>
      <c r="G14986" t="s">
        <v>80</v>
      </c>
      <c r="H14986" t="s">
        <v>81</v>
      </c>
      <c r="I14986" s="2">
        <v>0</v>
      </c>
      <c r="J14986" s="2">
        <v>1</v>
      </c>
      <c r="K14986" s="2">
        <v>0</v>
      </c>
      <c r="L14986" t="s">
        <v>82</v>
      </c>
      <c r="M14986" t="s">
        <v>83</v>
      </c>
      <c r="N14986" t="s">
        <v>84</v>
      </c>
      <c r="O14986" t="s">
        <v>85</v>
      </c>
      <c r="P14986" t="s">
        <v>86</v>
      </c>
      <c r="Q14986">
        <v>8</v>
      </c>
      <c r="R14986">
        <v>8</v>
      </c>
      <c r="S14986">
        <v>8</v>
      </c>
      <c r="T14986">
        <v>8</v>
      </c>
      <c r="U14986">
        <v>8</v>
      </c>
      <c r="V14986">
        <v>9</v>
      </c>
      <c r="W14986">
        <v>9</v>
      </c>
      <c r="X14986">
        <v>9</v>
      </c>
      <c r="Y14986">
        <v>9</v>
      </c>
      <c r="Z14986">
        <v>9</v>
      </c>
      <c r="AA14986">
        <v>10</v>
      </c>
      <c r="AB14986">
        <v>10</v>
      </c>
      <c r="AC14986">
        <v>10</v>
      </c>
      <c r="AD14986">
        <v>10</v>
      </c>
      <c r="AE14986">
        <v>10</v>
      </c>
      <c r="AF14986">
        <v>11</v>
      </c>
      <c r="AG14986">
        <v>11</v>
      </c>
      <c r="AH14986">
        <v>11</v>
      </c>
      <c r="AI14986">
        <v>11</v>
      </c>
      <c r="AJ14986">
        <v>12</v>
      </c>
      <c r="AK14986">
        <v>12</v>
      </c>
      <c r="AL14986">
        <v>12</v>
      </c>
      <c r="AM14986">
        <v>12</v>
      </c>
      <c r="AN14986">
        <v>12</v>
      </c>
      <c r="AO14986">
        <v>12</v>
      </c>
      <c r="AP14986">
        <v>12</v>
      </c>
      <c r="AQ14986">
        <v>12</v>
      </c>
    </row>
    <row r="14987" spans="1:43">
      <c r="A14987" t="s">
        <v>9322</v>
      </c>
      <c r="B14987" t="s">
        <v>9323</v>
      </c>
      <c r="C14987" t="s">
        <v>9314</v>
      </c>
      <c r="D14987" t="s">
        <v>9315</v>
      </c>
      <c r="E14987" t="s">
        <v>9202</v>
      </c>
      <c r="F14987" t="s">
        <v>9203</v>
      </c>
      <c r="G14987" t="s">
        <v>80</v>
      </c>
      <c r="H14987" t="s">
        <v>81</v>
      </c>
      <c r="I14987" s="2">
        <v>0</v>
      </c>
      <c r="J14987" s="2">
        <v>1</v>
      </c>
      <c r="K14987" s="2">
        <v>0</v>
      </c>
      <c r="L14987" t="s">
        <v>82</v>
      </c>
      <c r="M14987" t="s">
        <v>87</v>
      </c>
      <c r="N14987" t="s">
        <v>88</v>
      </c>
      <c r="O14987" t="s">
        <v>85</v>
      </c>
      <c r="P14987" t="s">
        <v>86</v>
      </c>
      <c r="Q14987">
        <v>8</v>
      </c>
      <c r="R14987">
        <v>8</v>
      </c>
      <c r="S14987">
        <v>8</v>
      </c>
      <c r="T14987">
        <v>8</v>
      </c>
      <c r="U14987">
        <v>8</v>
      </c>
      <c r="V14987">
        <v>8</v>
      </c>
      <c r="W14987">
        <v>8</v>
      </c>
      <c r="X14987">
        <v>8</v>
      </c>
      <c r="Y14987">
        <v>9</v>
      </c>
      <c r="Z14987">
        <v>9</v>
      </c>
      <c r="AA14987">
        <v>9</v>
      </c>
      <c r="AB14987">
        <v>9</v>
      </c>
      <c r="AC14987">
        <v>9</v>
      </c>
      <c r="AD14987">
        <v>9</v>
      </c>
      <c r="AE14987">
        <v>9</v>
      </c>
      <c r="AF14987">
        <v>9</v>
      </c>
      <c r="AG14987">
        <v>9</v>
      </c>
      <c r="AH14987">
        <v>10</v>
      </c>
      <c r="AI14987">
        <v>10</v>
      </c>
      <c r="AJ14987">
        <v>10</v>
      </c>
      <c r="AK14987">
        <v>10</v>
      </c>
      <c r="AL14987">
        <v>10</v>
      </c>
      <c r="AM14987">
        <v>10</v>
      </c>
      <c r="AN14987">
        <v>10</v>
      </c>
      <c r="AO14987">
        <v>11</v>
      </c>
      <c r="AP14987">
        <v>11</v>
      </c>
      <c r="AQ14987">
        <v>11</v>
      </c>
    </row>
    <row r="14988" spans="1:43">
      <c r="A14988" t="s">
        <v>9322</v>
      </c>
      <c r="B14988" t="s">
        <v>9323</v>
      </c>
      <c r="C14988" t="s">
        <v>9314</v>
      </c>
      <c r="D14988" t="s">
        <v>9315</v>
      </c>
      <c r="E14988" t="s">
        <v>9202</v>
      </c>
      <c r="F14988" t="s">
        <v>9203</v>
      </c>
      <c r="G14988" t="s">
        <v>80</v>
      </c>
      <c r="H14988" t="s">
        <v>81</v>
      </c>
      <c r="I14988" s="2">
        <v>0</v>
      </c>
      <c r="J14988" s="2">
        <v>1</v>
      </c>
      <c r="K14988" s="2">
        <v>0</v>
      </c>
      <c r="L14988" t="s">
        <v>82</v>
      </c>
      <c r="M14988" t="s">
        <v>89</v>
      </c>
      <c r="N14988" t="s">
        <v>90</v>
      </c>
      <c r="O14988" t="s">
        <v>85</v>
      </c>
      <c r="P14988" t="s">
        <v>86</v>
      </c>
      <c r="Q14988">
        <v>8</v>
      </c>
      <c r="R14988">
        <v>8</v>
      </c>
      <c r="S14988">
        <v>8</v>
      </c>
      <c r="T14988">
        <v>9</v>
      </c>
      <c r="U14988">
        <v>9</v>
      </c>
      <c r="V14988">
        <v>9</v>
      </c>
      <c r="W14988">
        <v>9</v>
      </c>
      <c r="X14988">
        <v>10</v>
      </c>
      <c r="Y14988">
        <v>10</v>
      </c>
      <c r="Z14988">
        <v>10</v>
      </c>
      <c r="AA14988">
        <v>10</v>
      </c>
      <c r="AB14988">
        <v>10</v>
      </c>
      <c r="AC14988">
        <v>11</v>
      </c>
      <c r="AD14988">
        <v>11</v>
      </c>
      <c r="AE14988">
        <v>11</v>
      </c>
      <c r="AF14988">
        <v>11</v>
      </c>
      <c r="AG14988">
        <v>11</v>
      </c>
      <c r="AH14988">
        <v>12</v>
      </c>
      <c r="AI14988">
        <v>12</v>
      </c>
      <c r="AJ14988">
        <v>12</v>
      </c>
      <c r="AK14988">
        <v>12</v>
      </c>
      <c r="AL14988">
        <v>12</v>
      </c>
      <c r="AM14988">
        <v>12</v>
      </c>
      <c r="AN14988">
        <v>12</v>
      </c>
      <c r="AO14988">
        <v>12</v>
      </c>
      <c r="AP14988">
        <v>12</v>
      </c>
      <c r="AQ14988">
        <v>13</v>
      </c>
    </row>
    <row r="14989" spans="1:43">
      <c r="A14989" t="s">
        <v>9322</v>
      </c>
      <c r="B14989" t="s">
        <v>9323</v>
      </c>
      <c r="C14989" t="s">
        <v>9314</v>
      </c>
      <c r="D14989" t="s">
        <v>9315</v>
      </c>
      <c r="E14989" t="s">
        <v>9202</v>
      </c>
      <c r="F14989" t="s">
        <v>9203</v>
      </c>
      <c r="G14989" t="s">
        <v>80</v>
      </c>
      <c r="H14989" t="s">
        <v>81</v>
      </c>
      <c r="I14989" s="2">
        <v>0</v>
      </c>
      <c r="J14989" s="2">
        <v>1</v>
      </c>
      <c r="K14989" s="2">
        <v>0</v>
      </c>
      <c r="L14989" t="s">
        <v>82</v>
      </c>
      <c r="M14989" t="s">
        <v>83</v>
      </c>
      <c r="N14989" t="s">
        <v>91</v>
      </c>
      <c r="O14989" t="s">
        <v>85</v>
      </c>
      <c r="P14989" t="s">
        <v>86</v>
      </c>
      <c r="Q14989">
        <v>8</v>
      </c>
      <c r="R14989">
        <v>8</v>
      </c>
      <c r="S14989">
        <v>8</v>
      </c>
      <c r="T14989">
        <v>8</v>
      </c>
      <c r="U14989">
        <v>8</v>
      </c>
      <c r="V14989">
        <v>9</v>
      </c>
      <c r="W14989">
        <v>9</v>
      </c>
      <c r="X14989">
        <v>9</v>
      </c>
      <c r="Y14989">
        <v>9</v>
      </c>
      <c r="Z14989">
        <v>9</v>
      </c>
      <c r="AA14989">
        <v>10</v>
      </c>
      <c r="AB14989">
        <v>10</v>
      </c>
      <c r="AC14989">
        <v>10</v>
      </c>
      <c r="AD14989">
        <v>10</v>
      </c>
      <c r="AE14989">
        <v>10</v>
      </c>
      <c r="AF14989">
        <v>11</v>
      </c>
      <c r="AG14989">
        <v>11</v>
      </c>
      <c r="AH14989">
        <v>11</v>
      </c>
      <c r="AI14989">
        <v>11</v>
      </c>
      <c r="AJ14989">
        <v>12</v>
      </c>
      <c r="AK14989">
        <v>12</v>
      </c>
      <c r="AL14989">
        <v>12</v>
      </c>
      <c r="AM14989">
        <v>12</v>
      </c>
      <c r="AN14989">
        <v>12</v>
      </c>
      <c r="AO14989">
        <v>12</v>
      </c>
      <c r="AP14989">
        <v>12</v>
      </c>
      <c r="AQ14989">
        <v>12</v>
      </c>
    </row>
    <row r="14990" spans="1:43">
      <c r="A14990" t="s">
        <v>9324</v>
      </c>
      <c r="B14990" t="s">
        <v>9325</v>
      </c>
      <c r="C14990" t="s">
        <v>9320</v>
      </c>
      <c r="D14990" t="s">
        <v>9321</v>
      </c>
      <c r="E14990" t="s">
        <v>9202</v>
      </c>
      <c r="F14990" t="s">
        <v>9203</v>
      </c>
      <c r="G14990" t="s">
        <v>80</v>
      </c>
      <c r="H14990" t="s">
        <v>81</v>
      </c>
      <c r="I14990" s="2">
        <v>0</v>
      </c>
      <c r="J14990" s="2">
        <v>1</v>
      </c>
      <c r="K14990" s="2">
        <v>0</v>
      </c>
      <c r="L14990" t="s">
        <v>82</v>
      </c>
      <c r="M14990" t="s">
        <v>83</v>
      </c>
      <c r="N14990" t="s">
        <v>84</v>
      </c>
      <c r="O14990" t="s">
        <v>85</v>
      </c>
      <c r="P14990" t="s">
        <v>86</v>
      </c>
      <c r="Q14990">
        <v>10</v>
      </c>
      <c r="R14990">
        <v>10</v>
      </c>
      <c r="S14990">
        <v>11</v>
      </c>
      <c r="T14990">
        <v>11</v>
      </c>
      <c r="U14990">
        <v>11</v>
      </c>
      <c r="V14990">
        <v>11</v>
      </c>
      <c r="W14990">
        <v>12</v>
      </c>
      <c r="X14990">
        <v>12</v>
      </c>
      <c r="Y14990">
        <v>12</v>
      </c>
      <c r="Z14990">
        <v>12</v>
      </c>
      <c r="AA14990">
        <v>13</v>
      </c>
      <c r="AB14990">
        <v>13</v>
      </c>
      <c r="AC14990">
        <v>13</v>
      </c>
      <c r="AD14990">
        <v>14</v>
      </c>
      <c r="AE14990">
        <v>14</v>
      </c>
      <c r="AF14990">
        <v>14</v>
      </c>
      <c r="AG14990">
        <v>14</v>
      </c>
      <c r="AH14990">
        <v>15</v>
      </c>
      <c r="AI14990">
        <v>15</v>
      </c>
      <c r="AJ14990">
        <v>15</v>
      </c>
      <c r="AK14990">
        <v>16</v>
      </c>
      <c r="AL14990">
        <v>16</v>
      </c>
      <c r="AM14990">
        <v>16</v>
      </c>
      <c r="AN14990">
        <v>16</v>
      </c>
      <c r="AO14990">
        <v>16</v>
      </c>
      <c r="AP14990">
        <v>16</v>
      </c>
      <c r="AQ14990">
        <v>17</v>
      </c>
    </row>
    <row r="14991" spans="1:43">
      <c r="A14991" t="s">
        <v>9324</v>
      </c>
      <c r="B14991" t="s">
        <v>9325</v>
      </c>
      <c r="C14991" t="s">
        <v>9320</v>
      </c>
      <c r="D14991" t="s">
        <v>9321</v>
      </c>
      <c r="E14991" t="s">
        <v>9202</v>
      </c>
      <c r="F14991" t="s">
        <v>9203</v>
      </c>
      <c r="G14991" t="s">
        <v>80</v>
      </c>
      <c r="H14991" t="s">
        <v>81</v>
      </c>
      <c r="I14991" s="2">
        <v>0</v>
      </c>
      <c r="J14991" s="2">
        <v>1</v>
      </c>
      <c r="K14991" s="2">
        <v>0</v>
      </c>
      <c r="L14991" t="s">
        <v>82</v>
      </c>
      <c r="M14991" t="s">
        <v>87</v>
      </c>
      <c r="N14991" t="s">
        <v>88</v>
      </c>
      <c r="O14991" t="s">
        <v>85</v>
      </c>
      <c r="P14991" t="s">
        <v>86</v>
      </c>
      <c r="Q14991">
        <v>10</v>
      </c>
      <c r="R14991">
        <v>10</v>
      </c>
      <c r="S14991">
        <v>10</v>
      </c>
      <c r="T14991">
        <v>11</v>
      </c>
      <c r="U14991">
        <v>11</v>
      </c>
      <c r="V14991">
        <v>11</v>
      </c>
      <c r="W14991">
        <v>11</v>
      </c>
      <c r="X14991">
        <v>11</v>
      </c>
      <c r="Y14991">
        <v>11</v>
      </c>
      <c r="Z14991">
        <v>11</v>
      </c>
      <c r="AA14991">
        <v>12</v>
      </c>
      <c r="AB14991">
        <v>12</v>
      </c>
      <c r="AC14991">
        <v>12</v>
      </c>
      <c r="AD14991">
        <v>12</v>
      </c>
      <c r="AE14991">
        <v>12</v>
      </c>
      <c r="AF14991">
        <v>12</v>
      </c>
      <c r="AG14991">
        <v>13</v>
      </c>
      <c r="AH14991">
        <v>13</v>
      </c>
      <c r="AI14991">
        <v>13</v>
      </c>
      <c r="AJ14991">
        <v>13</v>
      </c>
      <c r="AK14991">
        <v>13</v>
      </c>
      <c r="AL14991">
        <v>13</v>
      </c>
      <c r="AM14991">
        <v>14</v>
      </c>
      <c r="AN14991">
        <v>14</v>
      </c>
      <c r="AO14991">
        <v>14</v>
      </c>
      <c r="AP14991">
        <v>14</v>
      </c>
      <c r="AQ14991">
        <v>14</v>
      </c>
    </row>
    <row r="14992" spans="1:43">
      <c r="A14992" t="s">
        <v>9324</v>
      </c>
      <c r="B14992" t="s">
        <v>9325</v>
      </c>
      <c r="C14992" t="s">
        <v>9320</v>
      </c>
      <c r="D14992" t="s">
        <v>9321</v>
      </c>
      <c r="E14992" t="s">
        <v>9202</v>
      </c>
      <c r="F14992" t="s">
        <v>9203</v>
      </c>
      <c r="G14992" t="s">
        <v>80</v>
      </c>
      <c r="H14992" t="s">
        <v>81</v>
      </c>
      <c r="I14992" s="2">
        <v>0</v>
      </c>
      <c r="J14992" s="2">
        <v>1</v>
      </c>
      <c r="K14992" s="2">
        <v>0</v>
      </c>
      <c r="L14992" t="s">
        <v>82</v>
      </c>
      <c r="M14992" t="s">
        <v>89</v>
      </c>
      <c r="N14992" t="s">
        <v>90</v>
      </c>
      <c r="O14992" t="s">
        <v>85</v>
      </c>
      <c r="P14992" t="s">
        <v>86</v>
      </c>
      <c r="Q14992">
        <v>10</v>
      </c>
      <c r="R14992">
        <v>11</v>
      </c>
      <c r="S14992">
        <v>11</v>
      </c>
      <c r="T14992">
        <v>11</v>
      </c>
      <c r="U14992">
        <v>12</v>
      </c>
      <c r="V14992">
        <v>12</v>
      </c>
      <c r="W14992">
        <v>12</v>
      </c>
      <c r="X14992">
        <v>13</v>
      </c>
      <c r="Y14992">
        <v>13</v>
      </c>
      <c r="Z14992">
        <v>13</v>
      </c>
      <c r="AA14992">
        <v>14</v>
      </c>
      <c r="AB14992">
        <v>14</v>
      </c>
      <c r="AC14992">
        <v>14</v>
      </c>
      <c r="AD14992">
        <v>15</v>
      </c>
      <c r="AE14992">
        <v>15</v>
      </c>
      <c r="AF14992">
        <v>15</v>
      </c>
      <c r="AG14992">
        <v>15</v>
      </c>
      <c r="AH14992">
        <v>15</v>
      </c>
      <c r="AI14992">
        <v>15</v>
      </c>
      <c r="AJ14992">
        <v>16</v>
      </c>
      <c r="AK14992">
        <v>16</v>
      </c>
      <c r="AL14992">
        <v>16</v>
      </c>
      <c r="AM14992">
        <v>16</v>
      </c>
      <c r="AN14992">
        <v>16</v>
      </c>
      <c r="AO14992">
        <v>16</v>
      </c>
      <c r="AP14992">
        <v>17</v>
      </c>
      <c r="AQ14992">
        <v>17</v>
      </c>
    </row>
    <row r="14993" spans="1:43">
      <c r="A14993" t="s">
        <v>9324</v>
      </c>
      <c r="B14993" t="s">
        <v>9325</v>
      </c>
      <c r="C14993" t="s">
        <v>9320</v>
      </c>
      <c r="D14993" t="s">
        <v>9321</v>
      </c>
      <c r="E14993" t="s">
        <v>9202</v>
      </c>
      <c r="F14993" t="s">
        <v>9203</v>
      </c>
      <c r="G14993" t="s">
        <v>80</v>
      </c>
      <c r="H14993" t="s">
        <v>81</v>
      </c>
      <c r="I14993" s="2">
        <v>0</v>
      </c>
      <c r="J14993" s="2">
        <v>1</v>
      </c>
      <c r="K14993" s="2">
        <v>0</v>
      </c>
      <c r="L14993" t="s">
        <v>82</v>
      </c>
      <c r="M14993" t="s">
        <v>83</v>
      </c>
      <c r="N14993" t="s">
        <v>91</v>
      </c>
      <c r="O14993" t="s">
        <v>85</v>
      </c>
      <c r="P14993" t="s">
        <v>86</v>
      </c>
      <c r="Q14993">
        <v>10</v>
      </c>
      <c r="R14993">
        <v>10</v>
      </c>
      <c r="S14993">
        <v>11</v>
      </c>
      <c r="T14993">
        <v>11</v>
      </c>
      <c r="U14993">
        <v>11</v>
      </c>
      <c r="V14993">
        <v>11</v>
      </c>
      <c r="W14993">
        <v>12</v>
      </c>
      <c r="X14993">
        <v>12</v>
      </c>
      <c r="Y14993">
        <v>12</v>
      </c>
      <c r="Z14993">
        <v>12</v>
      </c>
      <c r="AA14993">
        <v>13</v>
      </c>
      <c r="AB14993">
        <v>13</v>
      </c>
      <c r="AC14993">
        <v>13</v>
      </c>
      <c r="AD14993">
        <v>14</v>
      </c>
      <c r="AE14993">
        <v>14</v>
      </c>
      <c r="AF14993">
        <v>14</v>
      </c>
      <c r="AG14993">
        <v>14</v>
      </c>
      <c r="AH14993">
        <v>15</v>
      </c>
      <c r="AI14993">
        <v>15</v>
      </c>
      <c r="AJ14993">
        <v>15</v>
      </c>
      <c r="AK14993">
        <v>16</v>
      </c>
      <c r="AL14993">
        <v>16</v>
      </c>
      <c r="AM14993">
        <v>16</v>
      </c>
      <c r="AN14993">
        <v>16</v>
      </c>
      <c r="AO14993">
        <v>16</v>
      </c>
      <c r="AP14993">
        <v>16</v>
      </c>
      <c r="AQ14993">
        <v>17</v>
      </c>
    </row>
    <row r="14994" spans="1:43">
      <c r="A14994" t="s">
        <v>9326</v>
      </c>
      <c r="B14994" t="s">
        <v>9327</v>
      </c>
      <c r="C14994" t="s">
        <v>9320</v>
      </c>
      <c r="D14994" t="s">
        <v>9321</v>
      </c>
      <c r="E14994" t="s">
        <v>9202</v>
      </c>
      <c r="F14994" t="s">
        <v>9203</v>
      </c>
      <c r="G14994" t="s">
        <v>80</v>
      </c>
      <c r="H14994" t="s">
        <v>81</v>
      </c>
      <c r="I14994" s="2">
        <v>0</v>
      </c>
      <c r="J14994" s="2">
        <v>1</v>
      </c>
      <c r="K14994" s="2">
        <v>0</v>
      </c>
      <c r="L14994" t="s">
        <v>82</v>
      </c>
      <c r="M14994" t="s">
        <v>83</v>
      </c>
      <c r="N14994" t="s">
        <v>84</v>
      </c>
      <c r="O14994" t="s">
        <v>85</v>
      </c>
      <c r="P14994" t="s">
        <v>86</v>
      </c>
      <c r="Q14994">
        <v>6</v>
      </c>
      <c r="R14994">
        <v>7</v>
      </c>
      <c r="S14994">
        <v>7</v>
      </c>
      <c r="T14994">
        <v>7</v>
      </c>
      <c r="U14994">
        <v>7</v>
      </c>
      <c r="V14994">
        <v>7</v>
      </c>
      <c r="W14994">
        <v>7</v>
      </c>
      <c r="X14994">
        <v>8</v>
      </c>
      <c r="Y14994">
        <v>8</v>
      </c>
      <c r="Z14994">
        <v>8</v>
      </c>
      <c r="AA14994">
        <v>8</v>
      </c>
      <c r="AB14994">
        <v>8</v>
      </c>
      <c r="AC14994">
        <v>8</v>
      </c>
      <c r="AD14994">
        <v>9</v>
      </c>
      <c r="AE14994">
        <v>9</v>
      </c>
      <c r="AF14994">
        <v>9</v>
      </c>
      <c r="AG14994">
        <v>9</v>
      </c>
      <c r="AH14994">
        <v>9</v>
      </c>
      <c r="AI14994">
        <v>10</v>
      </c>
      <c r="AJ14994">
        <v>10</v>
      </c>
      <c r="AK14994">
        <v>10</v>
      </c>
      <c r="AL14994">
        <v>10</v>
      </c>
      <c r="AM14994">
        <v>10</v>
      </c>
      <c r="AN14994">
        <v>10</v>
      </c>
      <c r="AO14994">
        <v>10</v>
      </c>
      <c r="AP14994">
        <v>10</v>
      </c>
      <c r="AQ14994">
        <v>10</v>
      </c>
    </row>
    <row r="14995" spans="1:43">
      <c r="A14995" t="s">
        <v>9326</v>
      </c>
      <c r="B14995" t="s">
        <v>9327</v>
      </c>
      <c r="C14995" t="s">
        <v>9320</v>
      </c>
      <c r="D14995" t="s">
        <v>9321</v>
      </c>
      <c r="E14995" t="s">
        <v>9202</v>
      </c>
      <c r="F14995" t="s">
        <v>9203</v>
      </c>
      <c r="G14995" t="s">
        <v>80</v>
      </c>
      <c r="H14995" t="s">
        <v>81</v>
      </c>
      <c r="I14995" s="2">
        <v>0</v>
      </c>
      <c r="J14995" s="2">
        <v>1</v>
      </c>
      <c r="K14995" s="2">
        <v>0</v>
      </c>
      <c r="L14995" t="s">
        <v>82</v>
      </c>
      <c r="M14995" t="s">
        <v>87</v>
      </c>
      <c r="N14995" t="s">
        <v>88</v>
      </c>
      <c r="O14995" t="s">
        <v>85</v>
      </c>
      <c r="P14995" t="s">
        <v>86</v>
      </c>
      <c r="Q14995">
        <v>6</v>
      </c>
      <c r="R14995">
        <v>7</v>
      </c>
      <c r="S14995">
        <v>7</v>
      </c>
      <c r="T14995">
        <v>7</v>
      </c>
      <c r="U14995">
        <v>7</v>
      </c>
      <c r="V14995">
        <v>7</v>
      </c>
      <c r="W14995">
        <v>7</v>
      </c>
      <c r="X14995">
        <v>7</v>
      </c>
      <c r="Y14995">
        <v>7</v>
      </c>
      <c r="Z14995">
        <v>7</v>
      </c>
      <c r="AA14995">
        <v>7</v>
      </c>
      <c r="AB14995">
        <v>7</v>
      </c>
      <c r="AC14995">
        <v>8</v>
      </c>
      <c r="AD14995">
        <v>8</v>
      </c>
      <c r="AE14995">
        <v>8</v>
      </c>
      <c r="AF14995">
        <v>8</v>
      </c>
      <c r="AG14995">
        <v>8</v>
      </c>
      <c r="AH14995">
        <v>8</v>
      </c>
      <c r="AI14995">
        <v>8</v>
      </c>
      <c r="AJ14995">
        <v>8</v>
      </c>
      <c r="AK14995">
        <v>8</v>
      </c>
      <c r="AL14995">
        <v>9</v>
      </c>
      <c r="AM14995">
        <v>9</v>
      </c>
      <c r="AN14995">
        <v>9</v>
      </c>
      <c r="AO14995">
        <v>9</v>
      </c>
      <c r="AP14995">
        <v>9</v>
      </c>
      <c r="AQ14995">
        <v>9</v>
      </c>
    </row>
    <row r="14996" spans="1:43">
      <c r="A14996" t="s">
        <v>9326</v>
      </c>
      <c r="B14996" t="s">
        <v>9327</v>
      </c>
      <c r="C14996" t="s">
        <v>9320</v>
      </c>
      <c r="D14996" t="s">
        <v>9321</v>
      </c>
      <c r="E14996" t="s">
        <v>9202</v>
      </c>
      <c r="F14996" t="s">
        <v>9203</v>
      </c>
      <c r="G14996" t="s">
        <v>80</v>
      </c>
      <c r="H14996" t="s">
        <v>81</v>
      </c>
      <c r="I14996" s="2">
        <v>0</v>
      </c>
      <c r="J14996" s="2">
        <v>1</v>
      </c>
      <c r="K14996" s="2">
        <v>0</v>
      </c>
      <c r="L14996" t="s">
        <v>82</v>
      </c>
      <c r="M14996" t="s">
        <v>89</v>
      </c>
      <c r="N14996" t="s">
        <v>90</v>
      </c>
      <c r="O14996" t="s">
        <v>85</v>
      </c>
      <c r="P14996" t="s">
        <v>86</v>
      </c>
      <c r="Q14996">
        <v>6</v>
      </c>
      <c r="R14996">
        <v>6</v>
      </c>
      <c r="S14996">
        <v>6</v>
      </c>
      <c r="T14996">
        <v>6</v>
      </c>
      <c r="U14996">
        <v>6</v>
      </c>
      <c r="V14996">
        <v>7</v>
      </c>
      <c r="W14996">
        <v>7</v>
      </c>
      <c r="X14996">
        <v>7</v>
      </c>
      <c r="Y14996">
        <v>7</v>
      </c>
      <c r="Z14996">
        <v>7</v>
      </c>
      <c r="AA14996">
        <v>8</v>
      </c>
      <c r="AB14996">
        <v>8</v>
      </c>
      <c r="AC14996">
        <v>8</v>
      </c>
      <c r="AD14996">
        <v>8</v>
      </c>
      <c r="AE14996">
        <v>8</v>
      </c>
      <c r="AF14996">
        <v>9</v>
      </c>
      <c r="AG14996">
        <v>9</v>
      </c>
      <c r="AH14996">
        <v>9</v>
      </c>
      <c r="AI14996">
        <v>9</v>
      </c>
      <c r="AJ14996">
        <v>9</v>
      </c>
      <c r="AK14996">
        <v>9</v>
      </c>
      <c r="AL14996">
        <v>9</v>
      </c>
      <c r="AM14996">
        <v>9</v>
      </c>
      <c r="AN14996">
        <v>9</v>
      </c>
      <c r="AO14996">
        <v>9</v>
      </c>
      <c r="AP14996">
        <v>9</v>
      </c>
      <c r="AQ14996">
        <v>10</v>
      </c>
    </row>
    <row r="14997" spans="1:43">
      <c r="A14997" t="s">
        <v>9326</v>
      </c>
      <c r="B14997" t="s">
        <v>9327</v>
      </c>
      <c r="C14997" t="s">
        <v>9320</v>
      </c>
      <c r="D14997" t="s">
        <v>9321</v>
      </c>
      <c r="E14997" t="s">
        <v>9202</v>
      </c>
      <c r="F14997" t="s">
        <v>9203</v>
      </c>
      <c r="G14997" t="s">
        <v>80</v>
      </c>
      <c r="H14997" t="s">
        <v>81</v>
      </c>
      <c r="I14997" s="2">
        <v>0</v>
      </c>
      <c r="J14997" s="2">
        <v>1</v>
      </c>
      <c r="K14997" s="2">
        <v>0</v>
      </c>
      <c r="L14997" t="s">
        <v>82</v>
      </c>
      <c r="M14997" t="s">
        <v>83</v>
      </c>
      <c r="N14997" t="s">
        <v>91</v>
      </c>
      <c r="O14997" t="s">
        <v>85</v>
      </c>
      <c r="P14997" t="s">
        <v>86</v>
      </c>
      <c r="Q14997">
        <v>6</v>
      </c>
      <c r="R14997">
        <v>7</v>
      </c>
      <c r="S14997">
        <v>7</v>
      </c>
      <c r="T14997">
        <v>7</v>
      </c>
      <c r="U14997">
        <v>7</v>
      </c>
      <c r="V14997">
        <v>7</v>
      </c>
      <c r="W14997">
        <v>7</v>
      </c>
      <c r="X14997">
        <v>8</v>
      </c>
      <c r="Y14997">
        <v>8</v>
      </c>
      <c r="Z14997">
        <v>8</v>
      </c>
      <c r="AA14997">
        <v>8</v>
      </c>
      <c r="AB14997">
        <v>8</v>
      </c>
      <c r="AC14997">
        <v>8</v>
      </c>
      <c r="AD14997">
        <v>9</v>
      </c>
      <c r="AE14997">
        <v>9</v>
      </c>
      <c r="AF14997">
        <v>9</v>
      </c>
      <c r="AG14997">
        <v>9</v>
      </c>
      <c r="AH14997">
        <v>9</v>
      </c>
      <c r="AI14997">
        <v>10</v>
      </c>
      <c r="AJ14997">
        <v>10</v>
      </c>
      <c r="AK14997">
        <v>10</v>
      </c>
      <c r="AL14997">
        <v>10</v>
      </c>
      <c r="AM14997">
        <v>10</v>
      </c>
      <c r="AN14997">
        <v>10</v>
      </c>
      <c r="AO14997">
        <v>10</v>
      </c>
      <c r="AP14997">
        <v>10</v>
      </c>
      <c r="AQ14997">
        <v>10</v>
      </c>
    </row>
    <row r="14998" spans="1:43">
      <c r="A14998" t="s">
        <v>9328</v>
      </c>
      <c r="B14998" t="s">
        <v>9329</v>
      </c>
      <c r="C14998" t="s">
        <v>9320</v>
      </c>
      <c r="D14998" t="s">
        <v>9321</v>
      </c>
      <c r="E14998" t="s">
        <v>9202</v>
      </c>
      <c r="F14998" t="s">
        <v>9203</v>
      </c>
      <c r="G14998" t="s">
        <v>80</v>
      </c>
      <c r="H14998" t="s">
        <v>81</v>
      </c>
      <c r="I14998" s="2">
        <v>0</v>
      </c>
      <c r="J14998" s="2">
        <v>1</v>
      </c>
      <c r="K14998" s="2">
        <v>0</v>
      </c>
      <c r="L14998" t="s">
        <v>82</v>
      </c>
      <c r="M14998" t="s">
        <v>83</v>
      </c>
      <c r="N14998" t="s">
        <v>84</v>
      </c>
      <c r="O14998" t="s">
        <v>85</v>
      </c>
      <c r="P14998" t="s">
        <v>86</v>
      </c>
      <c r="Q14998">
        <v>33</v>
      </c>
      <c r="R14998">
        <v>33</v>
      </c>
      <c r="S14998">
        <v>34</v>
      </c>
      <c r="T14998">
        <v>35</v>
      </c>
      <c r="U14998">
        <v>36</v>
      </c>
      <c r="V14998">
        <v>37</v>
      </c>
      <c r="W14998">
        <v>37</v>
      </c>
      <c r="X14998">
        <v>38</v>
      </c>
      <c r="Y14998">
        <v>39</v>
      </c>
      <c r="Z14998">
        <v>40</v>
      </c>
      <c r="AA14998">
        <v>41</v>
      </c>
      <c r="AB14998">
        <v>42</v>
      </c>
      <c r="AC14998">
        <v>42</v>
      </c>
      <c r="AD14998">
        <v>43</v>
      </c>
      <c r="AE14998">
        <v>44</v>
      </c>
      <c r="AF14998">
        <v>45</v>
      </c>
      <c r="AG14998">
        <v>46</v>
      </c>
      <c r="AH14998">
        <v>47</v>
      </c>
      <c r="AI14998">
        <v>48</v>
      </c>
      <c r="AJ14998">
        <v>49</v>
      </c>
      <c r="AK14998">
        <v>50</v>
      </c>
      <c r="AL14998">
        <v>50</v>
      </c>
      <c r="AM14998">
        <v>51</v>
      </c>
      <c r="AN14998">
        <v>51</v>
      </c>
      <c r="AO14998">
        <v>52</v>
      </c>
      <c r="AP14998">
        <v>52</v>
      </c>
      <c r="AQ14998">
        <v>53</v>
      </c>
    </row>
    <row r="14999" spans="1:43">
      <c r="A14999" t="s">
        <v>9328</v>
      </c>
      <c r="B14999" t="s">
        <v>9329</v>
      </c>
      <c r="C14999" t="s">
        <v>9320</v>
      </c>
      <c r="D14999" t="s">
        <v>9321</v>
      </c>
      <c r="E14999" t="s">
        <v>9202</v>
      </c>
      <c r="F14999" t="s">
        <v>9203</v>
      </c>
      <c r="G14999" t="s">
        <v>80</v>
      </c>
      <c r="H14999" t="s">
        <v>81</v>
      </c>
      <c r="I14999" s="2">
        <v>0</v>
      </c>
      <c r="J14999" s="2">
        <v>1</v>
      </c>
      <c r="K14999" s="2">
        <v>0</v>
      </c>
      <c r="L14999" t="s">
        <v>82</v>
      </c>
      <c r="M14999" t="s">
        <v>87</v>
      </c>
      <c r="N14999" t="s">
        <v>88</v>
      </c>
      <c r="O14999" t="s">
        <v>85</v>
      </c>
      <c r="P14999" t="s">
        <v>86</v>
      </c>
      <c r="Q14999">
        <v>33</v>
      </c>
      <c r="R14999">
        <v>34</v>
      </c>
      <c r="S14999">
        <v>34</v>
      </c>
      <c r="T14999">
        <v>35</v>
      </c>
      <c r="U14999">
        <v>35</v>
      </c>
      <c r="V14999">
        <v>36</v>
      </c>
      <c r="W14999">
        <v>36</v>
      </c>
      <c r="X14999">
        <v>37</v>
      </c>
      <c r="Y14999">
        <v>37</v>
      </c>
      <c r="Z14999">
        <v>38</v>
      </c>
      <c r="AA14999">
        <v>38</v>
      </c>
      <c r="AB14999">
        <v>39</v>
      </c>
      <c r="AC14999">
        <v>39</v>
      </c>
      <c r="AD14999">
        <v>40</v>
      </c>
      <c r="AE14999">
        <v>40</v>
      </c>
      <c r="AF14999">
        <v>41</v>
      </c>
      <c r="AG14999">
        <v>41</v>
      </c>
      <c r="AH14999">
        <v>42</v>
      </c>
      <c r="AI14999">
        <v>42</v>
      </c>
      <c r="AJ14999">
        <v>43</v>
      </c>
      <c r="AK14999">
        <v>43</v>
      </c>
      <c r="AL14999">
        <v>44</v>
      </c>
      <c r="AM14999">
        <v>44</v>
      </c>
      <c r="AN14999">
        <v>45</v>
      </c>
      <c r="AO14999">
        <v>46</v>
      </c>
      <c r="AP14999">
        <v>46</v>
      </c>
      <c r="AQ14999">
        <v>47</v>
      </c>
    </row>
    <row r="15000" spans="1:43">
      <c r="A15000" t="s">
        <v>9328</v>
      </c>
      <c r="B15000" t="s">
        <v>9329</v>
      </c>
      <c r="C15000" t="s">
        <v>9320</v>
      </c>
      <c r="D15000" t="s">
        <v>9321</v>
      </c>
      <c r="E15000" t="s">
        <v>9202</v>
      </c>
      <c r="F15000" t="s">
        <v>9203</v>
      </c>
      <c r="G15000" t="s">
        <v>80</v>
      </c>
      <c r="H15000" t="s">
        <v>81</v>
      </c>
      <c r="I15000" s="2">
        <v>0</v>
      </c>
      <c r="J15000" s="2">
        <v>1</v>
      </c>
      <c r="K15000" s="2">
        <v>0</v>
      </c>
      <c r="L15000" t="s">
        <v>82</v>
      </c>
      <c r="M15000" t="s">
        <v>89</v>
      </c>
      <c r="N15000" t="s">
        <v>90</v>
      </c>
      <c r="O15000" t="s">
        <v>85</v>
      </c>
      <c r="P15000" t="s">
        <v>86</v>
      </c>
      <c r="Q15000">
        <v>33</v>
      </c>
      <c r="R15000">
        <v>34</v>
      </c>
      <c r="S15000">
        <v>35</v>
      </c>
      <c r="T15000">
        <v>36</v>
      </c>
      <c r="U15000">
        <v>37</v>
      </c>
      <c r="V15000">
        <v>38</v>
      </c>
      <c r="W15000">
        <v>39</v>
      </c>
      <c r="X15000">
        <v>40</v>
      </c>
      <c r="Y15000">
        <v>41</v>
      </c>
      <c r="Z15000">
        <v>42</v>
      </c>
      <c r="AA15000">
        <v>43</v>
      </c>
      <c r="AB15000">
        <v>44</v>
      </c>
      <c r="AC15000">
        <v>46</v>
      </c>
      <c r="AD15000">
        <v>47</v>
      </c>
      <c r="AE15000">
        <v>47</v>
      </c>
      <c r="AF15000">
        <v>48</v>
      </c>
      <c r="AG15000">
        <v>48</v>
      </c>
      <c r="AH15000">
        <v>49</v>
      </c>
      <c r="AI15000">
        <v>49</v>
      </c>
      <c r="AJ15000">
        <v>50</v>
      </c>
      <c r="AK15000">
        <v>50</v>
      </c>
      <c r="AL15000">
        <v>51</v>
      </c>
      <c r="AM15000">
        <v>51</v>
      </c>
      <c r="AN15000">
        <v>52</v>
      </c>
      <c r="AO15000">
        <v>52</v>
      </c>
      <c r="AP15000">
        <v>53</v>
      </c>
      <c r="AQ15000">
        <v>53</v>
      </c>
    </row>
    <row r="15001" spans="1:43">
      <c r="A15001" t="s">
        <v>9328</v>
      </c>
      <c r="B15001" t="s">
        <v>9329</v>
      </c>
      <c r="C15001" t="s">
        <v>9320</v>
      </c>
      <c r="D15001" t="s">
        <v>9321</v>
      </c>
      <c r="E15001" t="s">
        <v>9202</v>
      </c>
      <c r="F15001" t="s">
        <v>9203</v>
      </c>
      <c r="G15001" t="s">
        <v>80</v>
      </c>
      <c r="H15001" t="s">
        <v>81</v>
      </c>
      <c r="I15001" s="2">
        <v>0</v>
      </c>
      <c r="J15001" s="2">
        <v>1</v>
      </c>
      <c r="K15001" s="2">
        <v>0</v>
      </c>
      <c r="L15001" t="s">
        <v>82</v>
      </c>
      <c r="M15001" t="s">
        <v>83</v>
      </c>
      <c r="N15001" t="s">
        <v>91</v>
      </c>
      <c r="O15001" t="s">
        <v>85</v>
      </c>
      <c r="P15001" t="s">
        <v>86</v>
      </c>
      <c r="Q15001">
        <v>33</v>
      </c>
      <c r="R15001">
        <v>33</v>
      </c>
      <c r="S15001">
        <v>34</v>
      </c>
      <c r="T15001">
        <v>35</v>
      </c>
      <c r="U15001">
        <v>36</v>
      </c>
      <c r="V15001">
        <v>37</v>
      </c>
      <c r="W15001">
        <v>37</v>
      </c>
      <c r="X15001">
        <v>38</v>
      </c>
      <c r="Y15001">
        <v>39</v>
      </c>
      <c r="Z15001">
        <v>40</v>
      </c>
      <c r="AA15001">
        <v>41</v>
      </c>
      <c r="AB15001">
        <v>42</v>
      </c>
      <c r="AC15001">
        <v>42</v>
      </c>
      <c r="AD15001">
        <v>43</v>
      </c>
      <c r="AE15001">
        <v>44</v>
      </c>
      <c r="AF15001">
        <v>45</v>
      </c>
      <c r="AG15001">
        <v>46</v>
      </c>
      <c r="AH15001">
        <v>47</v>
      </c>
      <c r="AI15001">
        <v>48</v>
      </c>
      <c r="AJ15001">
        <v>49</v>
      </c>
      <c r="AK15001">
        <v>50</v>
      </c>
      <c r="AL15001">
        <v>50</v>
      </c>
      <c r="AM15001">
        <v>51</v>
      </c>
      <c r="AN15001">
        <v>51</v>
      </c>
      <c r="AO15001">
        <v>52</v>
      </c>
      <c r="AP15001">
        <v>52</v>
      </c>
      <c r="AQ15001">
        <v>53</v>
      </c>
    </row>
    <row r="15002" spans="1:43">
      <c r="A15002" t="s">
        <v>9330</v>
      </c>
      <c r="B15002" t="s">
        <v>9331</v>
      </c>
      <c r="C15002" t="s">
        <v>9320</v>
      </c>
      <c r="D15002" t="s">
        <v>9321</v>
      </c>
      <c r="E15002" t="s">
        <v>9202</v>
      </c>
      <c r="F15002" t="s">
        <v>9203</v>
      </c>
      <c r="G15002" t="s">
        <v>80</v>
      </c>
      <c r="H15002" t="s">
        <v>81</v>
      </c>
      <c r="I15002" s="2">
        <v>0</v>
      </c>
      <c r="J15002" s="2">
        <v>1</v>
      </c>
      <c r="K15002" s="2">
        <v>0</v>
      </c>
      <c r="L15002" t="s">
        <v>82</v>
      </c>
      <c r="M15002" t="s">
        <v>83</v>
      </c>
      <c r="N15002" t="s">
        <v>84</v>
      </c>
      <c r="O15002" t="s">
        <v>85</v>
      </c>
      <c r="P15002" t="s">
        <v>86</v>
      </c>
      <c r="Q15002">
        <v>22</v>
      </c>
      <c r="R15002">
        <v>22</v>
      </c>
      <c r="S15002">
        <v>23</v>
      </c>
      <c r="T15002">
        <v>23</v>
      </c>
      <c r="U15002">
        <v>24</v>
      </c>
      <c r="V15002">
        <v>25</v>
      </c>
      <c r="W15002">
        <v>25</v>
      </c>
      <c r="X15002">
        <v>26</v>
      </c>
      <c r="Y15002">
        <v>26</v>
      </c>
      <c r="Z15002">
        <v>27</v>
      </c>
      <c r="AA15002">
        <v>27</v>
      </c>
      <c r="AB15002">
        <v>28</v>
      </c>
      <c r="AC15002">
        <v>29</v>
      </c>
      <c r="AD15002">
        <v>29</v>
      </c>
      <c r="AE15002">
        <v>30</v>
      </c>
      <c r="AF15002">
        <v>30</v>
      </c>
      <c r="AG15002">
        <v>31</v>
      </c>
      <c r="AH15002">
        <v>31</v>
      </c>
      <c r="AI15002">
        <v>32</v>
      </c>
      <c r="AJ15002">
        <v>33</v>
      </c>
      <c r="AK15002">
        <v>33</v>
      </c>
      <c r="AL15002">
        <v>34</v>
      </c>
      <c r="AM15002">
        <v>34</v>
      </c>
      <c r="AN15002">
        <v>34</v>
      </c>
      <c r="AO15002">
        <v>35</v>
      </c>
      <c r="AP15002">
        <v>35</v>
      </c>
      <c r="AQ15002">
        <v>35</v>
      </c>
    </row>
    <row r="15003" spans="1:43">
      <c r="A15003" t="s">
        <v>9330</v>
      </c>
      <c r="B15003" t="s">
        <v>9331</v>
      </c>
      <c r="C15003" t="s">
        <v>9320</v>
      </c>
      <c r="D15003" t="s">
        <v>9321</v>
      </c>
      <c r="E15003" t="s">
        <v>9202</v>
      </c>
      <c r="F15003" t="s">
        <v>9203</v>
      </c>
      <c r="G15003" t="s">
        <v>80</v>
      </c>
      <c r="H15003" t="s">
        <v>81</v>
      </c>
      <c r="I15003" s="2">
        <v>0</v>
      </c>
      <c r="J15003" s="2">
        <v>1</v>
      </c>
      <c r="K15003" s="2">
        <v>0</v>
      </c>
      <c r="L15003" t="s">
        <v>82</v>
      </c>
      <c r="M15003" t="s">
        <v>87</v>
      </c>
      <c r="N15003" t="s">
        <v>88</v>
      </c>
      <c r="O15003" t="s">
        <v>85</v>
      </c>
      <c r="P15003" t="s">
        <v>86</v>
      </c>
      <c r="Q15003">
        <v>22</v>
      </c>
      <c r="R15003">
        <v>22</v>
      </c>
      <c r="S15003">
        <v>22</v>
      </c>
      <c r="T15003">
        <v>23</v>
      </c>
      <c r="U15003">
        <v>23</v>
      </c>
      <c r="V15003">
        <v>23</v>
      </c>
      <c r="W15003">
        <v>24</v>
      </c>
      <c r="X15003">
        <v>24</v>
      </c>
      <c r="Y15003">
        <v>24</v>
      </c>
      <c r="Z15003">
        <v>25</v>
      </c>
      <c r="AA15003">
        <v>25</v>
      </c>
      <c r="AB15003">
        <v>25</v>
      </c>
      <c r="AC15003">
        <v>26</v>
      </c>
      <c r="AD15003">
        <v>26</v>
      </c>
      <c r="AE15003">
        <v>26</v>
      </c>
      <c r="AF15003">
        <v>27</v>
      </c>
      <c r="AG15003">
        <v>27</v>
      </c>
      <c r="AH15003">
        <v>27</v>
      </c>
      <c r="AI15003">
        <v>28</v>
      </c>
      <c r="AJ15003">
        <v>28</v>
      </c>
      <c r="AK15003">
        <v>28</v>
      </c>
      <c r="AL15003">
        <v>29</v>
      </c>
      <c r="AM15003">
        <v>29</v>
      </c>
      <c r="AN15003">
        <v>29</v>
      </c>
      <c r="AO15003">
        <v>30</v>
      </c>
      <c r="AP15003">
        <v>30</v>
      </c>
      <c r="AQ15003">
        <v>31</v>
      </c>
    </row>
    <row r="15004" spans="1:43">
      <c r="A15004" t="s">
        <v>9330</v>
      </c>
      <c r="B15004" t="s">
        <v>9331</v>
      </c>
      <c r="C15004" t="s">
        <v>9320</v>
      </c>
      <c r="D15004" t="s">
        <v>9321</v>
      </c>
      <c r="E15004" t="s">
        <v>9202</v>
      </c>
      <c r="F15004" t="s">
        <v>9203</v>
      </c>
      <c r="G15004" t="s">
        <v>80</v>
      </c>
      <c r="H15004" t="s">
        <v>81</v>
      </c>
      <c r="I15004" s="2">
        <v>0</v>
      </c>
      <c r="J15004" s="2">
        <v>1</v>
      </c>
      <c r="K15004" s="2">
        <v>0</v>
      </c>
      <c r="L15004" t="s">
        <v>82</v>
      </c>
      <c r="M15004" t="s">
        <v>89</v>
      </c>
      <c r="N15004" t="s">
        <v>90</v>
      </c>
      <c r="O15004" t="s">
        <v>85</v>
      </c>
      <c r="P15004" t="s">
        <v>86</v>
      </c>
      <c r="Q15004">
        <v>22</v>
      </c>
      <c r="R15004">
        <v>23</v>
      </c>
      <c r="S15004">
        <v>24</v>
      </c>
      <c r="T15004">
        <v>24</v>
      </c>
      <c r="U15004">
        <v>25</v>
      </c>
      <c r="V15004">
        <v>26</v>
      </c>
      <c r="W15004">
        <v>26</v>
      </c>
      <c r="X15004">
        <v>27</v>
      </c>
      <c r="Y15004">
        <v>28</v>
      </c>
      <c r="Z15004">
        <v>28</v>
      </c>
      <c r="AA15004">
        <v>29</v>
      </c>
      <c r="AB15004">
        <v>30</v>
      </c>
      <c r="AC15004">
        <v>31</v>
      </c>
      <c r="AD15004">
        <v>31</v>
      </c>
      <c r="AE15004">
        <v>32</v>
      </c>
      <c r="AF15004">
        <v>32</v>
      </c>
      <c r="AG15004">
        <v>32</v>
      </c>
      <c r="AH15004">
        <v>33</v>
      </c>
      <c r="AI15004">
        <v>33</v>
      </c>
      <c r="AJ15004">
        <v>33</v>
      </c>
      <c r="AK15004">
        <v>34</v>
      </c>
      <c r="AL15004">
        <v>34</v>
      </c>
      <c r="AM15004">
        <v>34</v>
      </c>
      <c r="AN15004">
        <v>35</v>
      </c>
      <c r="AO15004">
        <v>35</v>
      </c>
      <c r="AP15004">
        <v>35</v>
      </c>
      <c r="AQ15004">
        <v>36</v>
      </c>
    </row>
    <row r="15005" spans="1:43">
      <c r="A15005" t="s">
        <v>9330</v>
      </c>
      <c r="B15005" t="s">
        <v>9331</v>
      </c>
      <c r="C15005" t="s">
        <v>9320</v>
      </c>
      <c r="D15005" t="s">
        <v>9321</v>
      </c>
      <c r="E15005" t="s">
        <v>9202</v>
      </c>
      <c r="F15005" t="s">
        <v>9203</v>
      </c>
      <c r="G15005" t="s">
        <v>80</v>
      </c>
      <c r="H15005" t="s">
        <v>81</v>
      </c>
      <c r="I15005" s="2">
        <v>0</v>
      </c>
      <c r="J15005" s="2">
        <v>1</v>
      </c>
      <c r="K15005" s="2">
        <v>0</v>
      </c>
      <c r="L15005" t="s">
        <v>82</v>
      </c>
      <c r="M15005" t="s">
        <v>83</v>
      </c>
      <c r="N15005" t="s">
        <v>91</v>
      </c>
      <c r="O15005" t="s">
        <v>85</v>
      </c>
      <c r="P15005" t="s">
        <v>86</v>
      </c>
      <c r="Q15005">
        <v>22</v>
      </c>
      <c r="R15005">
        <v>22</v>
      </c>
      <c r="S15005">
        <v>23</v>
      </c>
      <c r="T15005">
        <v>23</v>
      </c>
      <c r="U15005">
        <v>24</v>
      </c>
      <c r="V15005">
        <v>25</v>
      </c>
      <c r="W15005">
        <v>25</v>
      </c>
      <c r="X15005">
        <v>26</v>
      </c>
      <c r="Y15005">
        <v>26</v>
      </c>
      <c r="Z15005">
        <v>27</v>
      </c>
      <c r="AA15005">
        <v>27</v>
      </c>
      <c r="AB15005">
        <v>28</v>
      </c>
      <c r="AC15005">
        <v>29</v>
      </c>
      <c r="AD15005">
        <v>29</v>
      </c>
      <c r="AE15005">
        <v>30</v>
      </c>
      <c r="AF15005">
        <v>30</v>
      </c>
      <c r="AG15005">
        <v>31</v>
      </c>
      <c r="AH15005">
        <v>31</v>
      </c>
      <c r="AI15005">
        <v>32</v>
      </c>
      <c r="AJ15005">
        <v>33</v>
      </c>
      <c r="AK15005">
        <v>33</v>
      </c>
      <c r="AL15005">
        <v>34</v>
      </c>
      <c r="AM15005">
        <v>34</v>
      </c>
      <c r="AN15005">
        <v>34</v>
      </c>
      <c r="AO15005">
        <v>35</v>
      </c>
      <c r="AP15005">
        <v>35</v>
      </c>
      <c r="AQ15005">
        <v>35</v>
      </c>
    </row>
    <row r="15006" spans="1:43">
      <c r="A15006" t="s">
        <v>9332</v>
      </c>
      <c r="B15006" t="s">
        <v>9333</v>
      </c>
      <c r="C15006" t="s">
        <v>9250</v>
      </c>
      <c r="D15006" t="s">
        <v>9251</v>
      </c>
      <c r="E15006" t="s">
        <v>9202</v>
      </c>
      <c r="F15006" t="s">
        <v>9203</v>
      </c>
      <c r="G15006" t="s">
        <v>80</v>
      </c>
      <c r="H15006" t="s">
        <v>81</v>
      </c>
      <c r="I15006" s="2">
        <v>0</v>
      </c>
      <c r="J15006" s="2">
        <v>1</v>
      </c>
      <c r="K15006" s="2">
        <v>0</v>
      </c>
      <c r="L15006" t="s">
        <v>82</v>
      </c>
      <c r="M15006" t="s">
        <v>83</v>
      </c>
      <c r="N15006" t="s">
        <v>84</v>
      </c>
      <c r="O15006" t="s">
        <v>85</v>
      </c>
      <c r="P15006" t="s">
        <v>86</v>
      </c>
      <c r="Q15006">
        <v>12</v>
      </c>
      <c r="R15006">
        <v>13</v>
      </c>
      <c r="S15006">
        <v>13</v>
      </c>
      <c r="T15006">
        <v>13</v>
      </c>
      <c r="U15006">
        <v>13</v>
      </c>
      <c r="V15006">
        <v>14</v>
      </c>
      <c r="W15006">
        <v>14</v>
      </c>
      <c r="X15006">
        <v>14</v>
      </c>
      <c r="Y15006">
        <v>15</v>
      </c>
      <c r="Z15006">
        <v>15</v>
      </c>
      <c r="AA15006">
        <v>15</v>
      </c>
      <c r="AB15006">
        <v>16</v>
      </c>
      <c r="AC15006">
        <v>16</v>
      </c>
      <c r="AD15006">
        <v>16</v>
      </c>
      <c r="AE15006">
        <v>17</v>
      </c>
      <c r="AF15006">
        <v>17</v>
      </c>
      <c r="AG15006">
        <v>17</v>
      </c>
      <c r="AH15006">
        <v>18</v>
      </c>
      <c r="AI15006">
        <v>18</v>
      </c>
      <c r="AJ15006">
        <v>18</v>
      </c>
      <c r="AK15006">
        <v>19</v>
      </c>
      <c r="AL15006">
        <v>19</v>
      </c>
      <c r="AM15006">
        <v>19</v>
      </c>
      <c r="AN15006">
        <v>19</v>
      </c>
      <c r="AO15006">
        <v>19</v>
      </c>
      <c r="AP15006">
        <v>20</v>
      </c>
      <c r="AQ15006">
        <v>20</v>
      </c>
    </row>
    <row r="15007" spans="1:43">
      <c r="A15007" t="s">
        <v>9332</v>
      </c>
      <c r="B15007" t="s">
        <v>9333</v>
      </c>
      <c r="C15007" t="s">
        <v>9250</v>
      </c>
      <c r="D15007" t="s">
        <v>9251</v>
      </c>
      <c r="E15007" t="s">
        <v>9202</v>
      </c>
      <c r="F15007" t="s">
        <v>9203</v>
      </c>
      <c r="G15007" t="s">
        <v>80</v>
      </c>
      <c r="H15007" t="s">
        <v>81</v>
      </c>
      <c r="I15007" s="2">
        <v>0</v>
      </c>
      <c r="J15007" s="2">
        <v>1</v>
      </c>
      <c r="K15007" s="2">
        <v>0</v>
      </c>
      <c r="L15007" t="s">
        <v>82</v>
      </c>
      <c r="M15007" t="s">
        <v>87</v>
      </c>
      <c r="N15007" t="s">
        <v>88</v>
      </c>
      <c r="O15007" t="s">
        <v>85</v>
      </c>
      <c r="P15007" t="s">
        <v>86</v>
      </c>
      <c r="Q15007">
        <v>12</v>
      </c>
      <c r="R15007">
        <v>12</v>
      </c>
      <c r="S15007">
        <v>12</v>
      </c>
      <c r="T15007">
        <v>13</v>
      </c>
      <c r="U15007">
        <v>13</v>
      </c>
      <c r="V15007">
        <v>13</v>
      </c>
      <c r="W15007">
        <v>13</v>
      </c>
      <c r="X15007">
        <v>13</v>
      </c>
      <c r="Y15007">
        <v>14</v>
      </c>
      <c r="Z15007">
        <v>14</v>
      </c>
      <c r="AA15007">
        <v>14</v>
      </c>
      <c r="AB15007">
        <v>14</v>
      </c>
      <c r="AC15007">
        <v>14</v>
      </c>
      <c r="AD15007">
        <v>14</v>
      </c>
      <c r="AE15007">
        <v>15</v>
      </c>
      <c r="AF15007">
        <v>15</v>
      </c>
      <c r="AG15007">
        <v>15</v>
      </c>
      <c r="AH15007">
        <v>15</v>
      </c>
      <c r="AI15007">
        <v>15</v>
      </c>
      <c r="AJ15007">
        <v>16</v>
      </c>
      <c r="AK15007">
        <v>16</v>
      </c>
      <c r="AL15007">
        <v>16</v>
      </c>
      <c r="AM15007">
        <v>16</v>
      </c>
      <c r="AN15007">
        <v>17</v>
      </c>
      <c r="AO15007">
        <v>17</v>
      </c>
      <c r="AP15007">
        <v>17</v>
      </c>
      <c r="AQ15007">
        <v>17</v>
      </c>
    </row>
    <row r="15008" spans="1:43">
      <c r="A15008" t="s">
        <v>9332</v>
      </c>
      <c r="B15008" t="s">
        <v>9333</v>
      </c>
      <c r="C15008" t="s">
        <v>9250</v>
      </c>
      <c r="D15008" t="s">
        <v>9251</v>
      </c>
      <c r="E15008" t="s">
        <v>9202</v>
      </c>
      <c r="F15008" t="s">
        <v>9203</v>
      </c>
      <c r="G15008" t="s">
        <v>80</v>
      </c>
      <c r="H15008" t="s">
        <v>81</v>
      </c>
      <c r="I15008" s="2">
        <v>0</v>
      </c>
      <c r="J15008" s="2">
        <v>1</v>
      </c>
      <c r="K15008" s="2">
        <v>0</v>
      </c>
      <c r="L15008" t="s">
        <v>82</v>
      </c>
      <c r="M15008" t="s">
        <v>89</v>
      </c>
      <c r="N15008" t="s">
        <v>90</v>
      </c>
      <c r="O15008" t="s">
        <v>85</v>
      </c>
      <c r="P15008" t="s">
        <v>86</v>
      </c>
      <c r="Q15008">
        <v>12</v>
      </c>
      <c r="R15008">
        <v>13</v>
      </c>
      <c r="S15008">
        <v>13</v>
      </c>
      <c r="T15008">
        <v>14</v>
      </c>
      <c r="U15008">
        <v>14</v>
      </c>
      <c r="V15008">
        <v>14</v>
      </c>
      <c r="W15008">
        <v>15</v>
      </c>
      <c r="X15008">
        <v>15</v>
      </c>
      <c r="Y15008">
        <v>16</v>
      </c>
      <c r="Z15008">
        <v>16</v>
      </c>
      <c r="AA15008">
        <v>16</v>
      </c>
      <c r="AB15008">
        <v>17</v>
      </c>
      <c r="AC15008">
        <v>17</v>
      </c>
      <c r="AD15008">
        <v>17</v>
      </c>
      <c r="AE15008">
        <v>18</v>
      </c>
      <c r="AF15008">
        <v>18</v>
      </c>
      <c r="AG15008">
        <v>18</v>
      </c>
      <c r="AH15008">
        <v>18</v>
      </c>
      <c r="AI15008">
        <v>19</v>
      </c>
      <c r="AJ15008">
        <v>19</v>
      </c>
      <c r="AK15008">
        <v>19</v>
      </c>
      <c r="AL15008">
        <v>19</v>
      </c>
      <c r="AM15008">
        <v>19</v>
      </c>
      <c r="AN15008">
        <v>19</v>
      </c>
      <c r="AO15008">
        <v>20</v>
      </c>
      <c r="AP15008">
        <v>20</v>
      </c>
      <c r="AQ15008">
        <v>20</v>
      </c>
    </row>
    <row r="15009" spans="1:43">
      <c r="A15009" t="s">
        <v>9332</v>
      </c>
      <c r="B15009" t="s">
        <v>9333</v>
      </c>
      <c r="C15009" t="s">
        <v>9250</v>
      </c>
      <c r="D15009" t="s">
        <v>9251</v>
      </c>
      <c r="E15009" t="s">
        <v>9202</v>
      </c>
      <c r="F15009" t="s">
        <v>9203</v>
      </c>
      <c r="G15009" t="s">
        <v>80</v>
      </c>
      <c r="H15009" t="s">
        <v>81</v>
      </c>
      <c r="I15009" s="2">
        <v>0</v>
      </c>
      <c r="J15009" s="2">
        <v>1</v>
      </c>
      <c r="K15009" s="2">
        <v>0</v>
      </c>
      <c r="L15009" t="s">
        <v>82</v>
      </c>
      <c r="M15009" t="s">
        <v>83</v>
      </c>
      <c r="N15009" t="s">
        <v>91</v>
      </c>
      <c r="O15009" t="s">
        <v>85</v>
      </c>
      <c r="P15009" t="s">
        <v>86</v>
      </c>
      <c r="Q15009">
        <v>12</v>
      </c>
      <c r="R15009">
        <v>13</v>
      </c>
      <c r="S15009">
        <v>13</v>
      </c>
      <c r="T15009">
        <v>13</v>
      </c>
      <c r="U15009">
        <v>13</v>
      </c>
      <c r="V15009">
        <v>14</v>
      </c>
      <c r="W15009">
        <v>14</v>
      </c>
      <c r="X15009">
        <v>14</v>
      </c>
      <c r="Y15009">
        <v>15</v>
      </c>
      <c r="Z15009">
        <v>15</v>
      </c>
      <c r="AA15009">
        <v>15</v>
      </c>
      <c r="AB15009">
        <v>16</v>
      </c>
      <c r="AC15009">
        <v>16</v>
      </c>
      <c r="AD15009">
        <v>16</v>
      </c>
      <c r="AE15009">
        <v>17</v>
      </c>
      <c r="AF15009">
        <v>17</v>
      </c>
      <c r="AG15009">
        <v>17</v>
      </c>
      <c r="AH15009">
        <v>18</v>
      </c>
      <c r="AI15009">
        <v>18</v>
      </c>
      <c r="AJ15009">
        <v>18</v>
      </c>
      <c r="AK15009">
        <v>19</v>
      </c>
      <c r="AL15009">
        <v>19</v>
      </c>
      <c r="AM15009">
        <v>19</v>
      </c>
      <c r="AN15009">
        <v>19</v>
      </c>
      <c r="AO15009">
        <v>19</v>
      </c>
      <c r="AP15009">
        <v>20</v>
      </c>
      <c r="AQ15009">
        <v>20</v>
      </c>
    </row>
    <row r="15010" spans="1:43">
      <c r="A15010" t="s">
        <v>9334</v>
      </c>
      <c r="B15010" t="s">
        <v>9335</v>
      </c>
      <c r="C15010" t="s">
        <v>9250</v>
      </c>
      <c r="D15010" t="s">
        <v>9251</v>
      </c>
      <c r="E15010" t="s">
        <v>9202</v>
      </c>
      <c r="F15010" t="s">
        <v>9203</v>
      </c>
      <c r="G15010" t="s">
        <v>80</v>
      </c>
      <c r="H15010" t="s">
        <v>81</v>
      </c>
      <c r="I15010" s="2">
        <v>0</v>
      </c>
      <c r="J15010" s="2">
        <v>1</v>
      </c>
      <c r="K15010" s="2">
        <v>0</v>
      </c>
      <c r="L15010" t="s">
        <v>82</v>
      </c>
      <c r="M15010" t="s">
        <v>83</v>
      </c>
      <c r="N15010" t="s">
        <v>84</v>
      </c>
      <c r="O15010" t="s">
        <v>85</v>
      </c>
      <c r="P15010" t="s">
        <v>86</v>
      </c>
      <c r="Q15010">
        <v>17</v>
      </c>
      <c r="R15010">
        <v>17</v>
      </c>
      <c r="S15010">
        <v>18</v>
      </c>
      <c r="T15010">
        <v>18</v>
      </c>
      <c r="U15010">
        <v>19</v>
      </c>
      <c r="V15010">
        <v>19</v>
      </c>
      <c r="W15010">
        <v>19</v>
      </c>
      <c r="X15010">
        <v>20</v>
      </c>
      <c r="Y15010">
        <v>20</v>
      </c>
      <c r="Z15010">
        <v>21</v>
      </c>
      <c r="AA15010">
        <v>21</v>
      </c>
      <c r="AB15010">
        <v>22</v>
      </c>
      <c r="AC15010">
        <v>22</v>
      </c>
      <c r="AD15010">
        <v>22</v>
      </c>
      <c r="AE15010">
        <v>23</v>
      </c>
      <c r="AF15010">
        <v>23</v>
      </c>
      <c r="AG15010">
        <v>24</v>
      </c>
      <c r="AH15010">
        <v>24</v>
      </c>
      <c r="AI15010">
        <v>25</v>
      </c>
      <c r="AJ15010">
        <v>25</v>
      </c>
      <c r="AK15010">
        <v>26</v>
      </c>
      <c r="AL15010">
        <v>26</v>
      </c>
      <c r="AM15010">
        <v>26</v>
      </c>
      <c r="AN15010">
        <v>27</v>
      </c>
      <c r="AO15010">
        <v>27</v>
      </c>
      <c r="AP15010">
        <v>27</v>
      </c>
      <c r="AQ15010">
        <v>27</v>
      </c>
    </row>
    <row r="15011" spans="1:43">
      <c r="A15011" t="s">
        <v>9334</v>
      </c>
      <c r="B15011" t="s">
        <v>9335</v>
      </c>
      <c r="C15011" t="s">
        <v>9250</v>
      </c>
      <c r="D15011" t="s">
        <v>9251</v>
      </c>
      <c r="E15011" t="s">
        <v>9202</v>
      </c>
      <c r="F15011" t="s">
        <v>9203</v>
      </c>
      <c r="G15011" t="s">
        <v>80</v>
      </c>
      <c r="H15011" t="s">
        <v>81</v>
      </c>
      <c r="I15011" s="2">
        <v>0</v>
      </c>
      <c r="J15011" s="2">
        <v>1</v>
      </c>
      <c r="K15011" s="2">
        <v>0</v>
      </c>
      <c r="L15011" t="s">
        <v>82</v>
      </c>
      <c r="M15011" t="s">
        <v>87</v>
      </c>
      <c r="N15011" t="s">
        <v>88</v>
      </c>
      <c r="O15011" t="s">
        <v>85</v>
      </c>
      <c r="P15011" t="s">
        <v>86</v>
      </c>
      <c r="Q15011">
        <v>17</v>
      </c>
      <c r="R15011">
        <v>17</v>
      </c>
      <c r="S15011">
        <v>17</v>
      </c>
      <c r="T15011">
        <v>17</v>
      </c>
      <c r="U15011">
        <v>18</v>
      </c>
      <c r="V15011">
        <v>18</v>
      </c>
      <c r="W15011">
        <v>18</v>
      </c>
      <c r="X15011">
        <v>18</v>
      </c>
      <c r="Y15011">
        <v>19</v>
      </c>
      <c r="Z15011">
        <v>19</v>
      </c>
      <c r="AA15011">
        <v>19</v>
      </c>
      <c r="AB15011">
        <v>19</v>
      </c>
      <c r="AC15011">
        <v>20</v>
      </c>
      <c r="AD15011">
        <v>20</v>
      </c>
      <c r="AE15011">
        <v>20</v>
      </c>
      <c r="AF15011">
        <v>21</v>
      </c>
      <c r="AG15011">
        <v>21</v>
      </c>
      <c r="AH15011">
        <v>21</v>
      </c>
      <c r="AI15011">
        <v>21</v>
      </c>
      <c r="AJ15011">
        <v>22</v>
      </c>
      <c r="AK15011">
        <v>22</v>
      </c>
      <c r="AL15011">
        <v>22</v>
      </c>
      <c r="AM15011">
        <v>23</v>
      </c>
      <c r="AN15011">
        <v>23</v>
      </c>
      <c r="AO15011">
        <v>23</v>
      </c>
      <c r="AP15011">
        <v>23</v>
      </c>
      <c r="AQ15011">
        <v>24</v>
      </c>
    </row>
    <row r="15012" spans="1:43">
      <c r="A15012" t="s">
        <v>9334</v>
      </c>
      <c r="B15012" t="s">
        <v>9335</v>
      </c>
      <c r="C15012" t="s">
        <v>9250</v>
      </c>
      <c r="D15012" t="s">
        <v>9251</v>
      </c>
      <c r="E15012" t="s">
        <v>9202</v>
      </c>
      <c r="F15012" t="s">
        <v>9203</v>
      </c>
      <c r="G15012" t="s">
        <v>80</v>
      </c>
      <c r="H15012" t="s">
        <v>81</v>
      </c>
      <c r="I15012" s="2">
        <v>0</v>
      </c>
      <c r="J15012" s="2">
        <v>1</v>
      </c>
      <c r="K15012" s="2">
        <v>0</v>
      </c>
      <c r="L15012" t="s">
        <v>82</v>
      </c>
      <c r="M15012" t="s">
        <v>89</v>
      </c>
      <c r="N15012" t="s">
        <v>90</v>
      </c>
      <c r="O15012" t="s">
        <v>85</v>
      </c>
      <c r="P15012" t="s">
        <v>86</v>
      </c>
      <c r="Q15012">
        <v>17</v>
      </c>
      <c r="R15012">
        <v>18</v>
      </c>
      <c r="S15012">
        <v>18</v>
      </c>
      <c r="T15012">
        <v>19</v>
      </c>
      <c r="U15012">
        <v>19</v>
      </c>
      <c r="V15012">
        <v>20</v>
      </c>
      <c r="W15012">
        <v>20</v>
      </c>
      <c r="X15012">
        <v>21</v>
      </c>
      <c r="Y15012">
        <v>21</v>
      </c>
      <c r="Z15012">
        <v>22</v>
      </c>
      <c r="AA15012">
        <v>23</v>
      </c>
      <c r="AB15012">
        <v>23</v>
      </c>
      <c r="AC15012">
        <v>24</v>
      </c>
      <c r="AD15012">
        <v>24</v>
      </c>
      <c r="AE15012">
        <v>25</v>
      </c>
      <c r="AF15012">
        <v>25</v>
      </c>
      <c r="AG15012">
        <v>25</v>
      </c>
      <c r="AH15012">
        <v>25</v>
      </c>
      <c r="AI15012">
        <v>26</v>
      </c>
      <c r="AJ15012">
        <v>26</v>
      </c>
      <c r="AK15012">
        <v>26</v>
      </c>
      <c r="AL15012">
        <v>26</v>
      </c>
      <c r="AM15012">
        <v>27</v>
      </c>
      <c r="AN15012">
        <v>27</v>
      </c>
      <c r="AO15012">
        <v>27</v>
      </c>
      <c r="AP15012">
        <v>27</v>
      </c>
      <c r="AQ15012">
        <v>28</v>
      </c>
    </row>
    <row r="15013" spans="1:43">
      <c r="A15013" t="s">
        <v>9334</v>
      </c>
      <c r="B15013" t="s">
        <v>9335</v>
      </c>
      <c r="C15013" t="s">
        <v>9250</v>
      </c>
      <c r="D15013" t="s">
        <v>9251</v>
      </c>
      <c r="E15013" t="s">
        <v>9202</v>
      </c>
      <c r="F15013" t="s">
        <v>9203</v>
      </c>
      <c r="G15013" t="s">
        <v>80</v>
      </c>
      <c r="H15013" t="s">
        <v>81</v>
      </c>
      <c r="I15013" s="2">
        <v>0</v>
      </c>
      <c r="J15013" s="2">
        <v>1</v>
      </c>
      <c r="K15013" s="2">
        <v>0</v>
      </c>
      <c r="L15013" t="s">
        <v>82</v>
      </c>
      <c r="M15013" t="s">
        <v>83</v>
      </c>
      <c r="N15013" t="s">
        <v>91</v>
      </c>
      <c r="O15013" t="s">
        <v>85</v>
      </c>
      <c r="P15013" t="s">
        <v>86</v>
      </c>
      <c r="Q15013">
        <v>17</v>
      </c>
      <c r="R15013">
        <v>17</v>
      </c>
      <c r="S15013">
        <v>18</v>
      </c>
      <c r="T15013">
        <v>18</v>
      </c>
      <c r="U15013">
        <v>19</v>
      </c>
      <c r="V15013">
        <v>19</v>
      </c>
      <c r="W15013">
        <v>19</v>
      </c>
      <c r="X15013">
        <v>20</v>
      </c>
      <c r="Y15013">
        <v>20</v>
      </c>
      <c r="Z15013">
        <v>21</v>
      </c>
      <c r="AA15013">
        <v>21</v>
      </c>
      <c r="AB15013">
        <v>22</v>
      </c>
      <c r="AC15013">
        <v>22</v>
      </c>
      <c r="AD15013">
        <v>22</v>
      </c>
      <c r="AE15013">
        <v>23</v>
      </c>
      <c r="AF15013">
        <v>23</v>
      </c>
      <c r="AG15013">
        <v>24</v>
      </c>
      <c r="AH15013">
        <v>24</v>
      </c>
      <c r="AI15013">
        <v>25</v>
      </c>
      <c r="AJ15013">
        <v>25</v>
      </c>
      <c r="AK15013">
        <v>26</v>
      </c>
      <c r="AL15013">
        <v>26</v>
      </c>
      <c r="AM15013">
        <v>26</v>
      </c>
      <c r="AN15013">
        <v>27</v>
      </c>
      <c r="AO15013">
        <v>27</v>
      </c>
      <c r="AP15013">
        <v>27</v>
      </c>
      <c r="AQ15013">
        <v>27</v>
      </c>
    </row>
    <row r="15014" spans="1:43">
      <c r="A15014" t="s">
        <v>9336</v>
      </c>
      <c r="B15014" t="s">
        <v>9337</v>
      </c>
      <c r="C15014" t="s">
        <v>9338</v>
      </c>
      <c r="D15014" t="s">
        <v>9339</v>
      </c>
      <c r="E15014" t="s">
        <v>9202</v>
      </c>
      <c r="F15014" t="s">
        <v>9203</v>
      </c>
      <c r="G15014" t="s">
        <v>80</v>
      </c>
      <c r="H15014" t="s">
        <v>81</v>
      </c>
      <c r="I15014" s="2">
        <v>0</v>
      </c>
      <c r="J15014" s="2">
        <v>1</v>
      </c>
      <c r="K15014" s="2">
        <v>0</v>
      </c>
      <c r="L15014" t="s">
        <v>82</v>
      </c>
      <c r="M15014" t="s">
        <v>83</v>
      </c>
      <c r="N15014" t="s">
        <v>84</v>
      </c>
      <c r="O15014" t="s">
        <v>85</v>
      </c>
      <c r="P15014" t="s">
        <v>86</v>
      </c>
      <c r="Q15014">
        <v>52</v>
      </c>
      <c r="R15014">
        <v>53</v>
      </c>
      <c r="S15014">
        <v>54</v>
      </c>
      <c r="T15014">
        <v>55</v>
      </c>
      <c r="U15014">
        <v>57</v>
      </c>
      <c r="V15014">
        <v>58</v>
      </c>
      <c r="W15014">
        <v>59</v>
      </c>
      <c r="X15014">
        <v>61</v>
      </c>
      <c r="Y15014">
        <v>62</v>
      </c>
      <c r="Z15014">
        <v>63</v>
      </c>
      <c r="AA15014">
        <v>65</v>
      </c>
      <c r="AB15014">
        <v>66</v>
      </c>
      <c r="AC15014">
        <v>67</v>
      </c>
      <c r="AD15014">
        <v>69</v>
      </c>
      <c r="AE15014">
        <v>70</v>
      </c>
      <c r="AF15014">
        <v>71</v>
      </c>
      <c r="AG15014">
        <v>73</v>
      </c>
      <c r="AH15014">
        <v>74</v>
      </c>
      <c r="AI15014">
        <v>76</v>
      </c>
      <c r="AJ15014">
        <v>77</v>
      </c>
      <c r="AK15014">
        <v>79</v>
      </c>
      <c r="AL15014">
        <v>80</v>
      </c>
      <c r="AM15014">
        <v>81</v>
      </c>
      <c r="AN15014">
        <v>81</v>
      </c>
      <c r="AO15014">
        <v>82</v>
      </c>
      <c r="AP15014">
        <v>83</v>
      </c>
      <c r="AQ15014">
        <v>84</v>
      </c>
    </row>
    <row r="15015" spans="1:43">
      <c r="A15015" t="s">
        <v>9336</v>
      </c>
      <c r="B15015" t="s">
        <v>9337</v>
      </c>
      <c r="C15015" t="s">
        <v>9338</v>
      </c>
      <c r="D15015" t="s">
        <v>9339</v>
      </c>
      <c r="E15015" t="s">
        <v>9202</v>
      </c>
      <c r="F15015" t="s">
        <v>9203</v>
      </c>
      <c r="G15015" t="s">
        <v>80</v>
      </c>
      <c r="H15015" t="s">
        <v>81</v>
      </c>
      <c r="I15015" s="2">
        <v>0</v>
      </c>
      <c r="J15015" s="2">
        <v>1</v>
      </c>
      <c r="K15015" s="2">
        <v>0</v>
      </c>
      <c r="L15015" t="s">
        <v>82</v>
      </c>
      <c r="M15015" t="s">
        <v>87</v>
      </c>
      <c r="N15015" t="s">
        <v>88</v>
      </c>
      <c r="O15015" t="s">
        <v>85</v>
      </c>
      <c r="P15015" t="s">
        <v>86</v>
      </c>
      <c r="Q15015">
        <v>52</v>
      </c>
      <c r="R15015">
        <v>53</v>
      </c>
      <c r="S15015">
        <v>54</v>
      </c>
      <c r="T15015">
        <v>54</v>
      </c>
      <c r="U15015">
        <v>55</v>
      </c>
      <c r="V15015">
        <v>56</v>
      </c>
      <c r="W15015">
        <v>57</v>
      </c>
      <c r="X15015">
        <v>57</v>
      </c>
      <c r="Y15015">
        <v>58</v>
      </c>
      <c r="Z15015">
        <v>59</v>
      </c>
      <c r="AA15015">
        <v>60</v>
      </c>
      <c r="AB15015">
        <v>61</v>
      </c>
      <c r="AC15015">
        <v>61</v>
      </c>
      <c r="AD15015">
        <v>62</v>
      </c>
      <c r="AE15015">
        <v>63</v>
      </c>
      <c r="AF15015">
        <v>64</v>
      </c>
      <c r="AG15015">
        <v>65</v>
      </c>
      <c r="AH15015">
        <v>66</v>
      </c>
      <c r="AI15015">
        <v>66</v>
      </c>
      <c r="AJ15015">
        <v>67</v>
      </c>
      <c r="AK15015">
        <v>68</v>
      </c>
      <c r="AL15015">
        <v>69</v>
      </c>
      <c r="AM15015">
        <v>70</v>
      </c>
      <c r="AN15015">
        <v>71</v>
      </c>
      <c r="AO15015">
        <v>72</v>
      </c>
      <c r="AP15015">
        <v>73</v>
      </c>
      <c r="AQ15015">
        <v>73</v>
      </c>
    </row>
    <row r="15016" spans="1:43">
      <c r="A15016" t="s">
        <v>9336</v>
      </c>
      <c r="B15016" t="s">
        <v>9337</v>
      </c>
      <c r="C15016" t="s">
        <v>9338</v>
      </c>
      <c r="D15016" t="s">
        <v>9339</v>
      </c>
      <c r="E15016" t="s">
        <v>9202</v>
      </c>
      <c r="F15016" t="s">
        <v>9203</v>
      </c>
      <c r="G15016" t="s">
        <v>80</v>
      </c>
      <c r="H15016" t="s">
        <v>81</v>
      </c>
      <c r="I15016" s="2">
        <v>0</v>
      </c>
      <c r="J15016" s="2">
        <v>1</v>
      </c>
      <c r="K15016" s="2">
        <v>0</v>
      </c>
      <c r="L15016" t="s">
        <v>82</v>
      </c>
      <c r="M15016" t="s">
        <v>89</v>
      </c>
      <c r="N15016" t="s">
        <v>90</v>
      </c>
      <c r="O15016" t="s">
        <v>85</v>
      </c>
      <c r="P15016" t="s">
        <v>86</v>
      </c>
      <c r="Q15016">
        <v>52</v>
      </c>
      <c r="R15016">
        <v>54</v>
      </c>
      <c r="S15016">
        <v>55</v>
      </c>
      <c r="T15016">
        <v>57</v>
      </c>
      <c r="U15016">
        <v>59</v>
      </c>
      <c r="V15016">
        <v>61</v>
      </c>
      <c r="W15016">
        <v>62</v>
      </c>
      <c r="X15016">
        <v>64</v>
      </c>
      <c r="Y15016">
        <v>66</v>
      </c>
      <c r="Z15016">
        <v>67</v>
      </c>
      <c r="AA15016">
        <v>69</v>
      </c>
      <c r="AB15016">
        <v>70</v>
      </c>
      <c r="AC15016">
        <v>72</v>
      </c>
      <c r="AD15016">
        <v>74</v>
      </c>
      <c r="AE15016">
        <v>75</v>
      </c>
      <c r="AF15016">
        <v>76</v>
      </c>
      <c r="AG15016">
        <v>77</v>
      </c>
      <c r="AH15016">
        <v>77</v>
      </c>
      <c r="AI15016">
        <v>78</v>
      </c>
      <c r="AJ15016">
        <v>79</v>
      </c>
      <c r="AK15016">
        <v>80</v>
      </c>
      <c r="AL15016">
        <v>80</v>
      </c>
      <c r="AM15016">
        <v>81</v>
      </c>
      <c r="AN15016">
        <v>82</v>
      </c>
      <c r="AO15016">
        <v>83</v>
      </c>
      <c r="AP15016">
        <v>83</v>
      </c>
      <c r="AQ15016">
        <v>84</v>
      </c>
    </row>
    <row r="15017" spans="1:43">
      <c r="A15017" t="s">
        <v>9336</v>
      </c>
      <c r="B15017" t="s">
        <v>9337</v>
      </c>
      <c r="C15017" t="s">
        <v>9338</v>
      </c>
      <c r="D15017" t="s">
        <v>9339</v>
      </c>
      <c r="E15017" t="s">
        <v>9202</v>
      </c>
      <c r="F15017" t="s">
        <v>9203</v>
      </c>
      <c r="G15017" t="s">
        <v>80</v>
      </c>
      <c r="H15017" t="s">
        <v>81</v>
      </c>
      <c r="I15017" s="2">
        <v>0</v>
      </c>
      <c r="J15017" s="2">
        <v>1</v>
      </c>
      <c r="K15017" s="2">
        <v>0</v>
      </c>
      <c r="L15017" t="s">
        <v>82</v>
      </c>
      <c r="M15017" t="s">
        <v>83</v>
      </c>
      <c r="N15017" t="s">
        <v>91</v>
      </c>
      <c r="O15017" t="s">
        <v>85</v>
      </c>
      <c r="P15017" t="s">
        <v>86</v>
      </c>
      <c r="Q15017">
        <v>52</v>
      </c>
      <c r="R15017">
        <v>53</v>
      </c>
      <c r="S15017">
        <v>54</v>
      </c>
      <c r="T15017">
        <v>55</v>
      </c>
      <c r="U15017">
        <v>57</v>
      </c>
      <c r="V15017">
        <v>58</v>
      </c>
      <c r="W15017">
        <v>59</v>
      </c>
      <c r="X15017">
        <v>61</v>
      </c>
      <c r="Y15017">
        <v>62</v>
      </c>
      <c r="Z15017">
        <v>63</v>
      </c>
      <c r="AA15017">
        <v>65</v>
      </c>
      <c r="AB15017">
        <v>66</v>
      </c>
      <c r="AC15017">
        <v>67</v>
      </c>
      <c r="AD15017">
        <v>69</v>
      </c>
      <c r="AE15017">
        <v>70</v>
      </c>
      <c r="AF15017">
        <v>71</v>
      </c>
      <c r="AG15017">
        <v>73</v>
      </c>
      <c r="AH15017">
        <v>74</v>
      </c>
      <c r="AI15017">
        <v>76</v>
      </c>
      <c r="AJ15017">
        <v>77</v>
      </c>
      <c r="AK15017">
        <v>79</v>
      </c>
      <c r="AL15017">
        <v>80</v>
      </c>
      <c r="AM15017">
        <v>81</v>
      </c>
      <c r="AN15017">
        <v>81</v>
      </c>
      <c r="AO15017">
        <v>82</v>
      </c>
      <c r="AP15017">
        <v>83</v>
      </c>
      <c r="AQ15017">
        <v>84</v>
      </c>
    </row>
    <row r="15018" spans="1:43">
      <c r="A15018" t="s">
        <v>9340</v>
      </c>
      <c r="B15018" t="s">
        <v>9341</v>
      </c>
      <c r="C15018" t="s">
        <v>9338</v>
      </c>
      <c r="D15018" t="s">
        <v>9339</v>
      </c>
      <c r="E15018" t="s">
        <v>9202</v>
      </c>
      <c r="F15018" t="s">
        <v>9203</v>
      </c>
      <c r="G15018" t="s">
        <v>80</v>
      </c>
      <c r="H15018" t="s">
        <v>81</v>
      </c>
      <c r="I15018" s="2">
        <v>0</v>
      </c>
      <c r="J15018" s="2">
        <v>1</v>
      </c>
      <c r="K15018" s="2">
        <v>0</v>
      </c>
      <c r="L15018" t="s">
        <v>82</v>
      </c>
      <c r="M15018" t="s">
        <v>83</v>
      </c>
      <c r="N15018" t="s">
        <v>84</v>
      </c>
      <c r="O15018" t="s">
        <v>85</v>
      </c>
      <c r="P15018" t="s">
        <v>86</v>
      </c>
      <c r="Q15018">
        <v>16</v>
      </c>
      <c r="R15018">
        <v>17</v>
      </c>
      <c r="S15018">
        <v>17</v>
      </c>
      <c r="T15018">
        <v>18</v>
      </c>
      <c r="U15018">
        <v>18</v>
      </c>
      <c r="V15018">
        <v>18</v>
      </c>
      <c r="W15018">
        <v>19</v>
      </c>
      <c r="X15018">
        <v>19</v>
      </c>
      <c r="Y15018">
        <v>20</v>
      </c>
      <c r="Z15018">
        <v>20</v>
      </c>
      <c r="AA15018">
        <v>20</v>
      </c>
      <c r="AB15018">
        <v>21</v>
      </c>
      <c r="AC15018">
        <v>21</v>
      </c>
      <c r="AD15018">
        <v>22</v>
      </c>
      <c r="AE15018">
        <v>22</v>
      </c>
      <c r="AF15018">
        <v>23</v>
      </c>
      <c r="AG15018">
        <v>23</v>
      </c>
      <c r="AH15018">
        <v>24</v>
      </c>
      <c r="AI15018">
        <v>24</v>
      </c>
      <c r="AJ15018">
        <v>24</v>
      </c>
      <c r="AK15018">
        <v>25</v>
      </c>
      <c r="AL15018">
        <v>25</v>
      </c>
      <c r="AM15018">
        <v>25</v>
      </c>
      <c r="AN15018">
        <v>26</v>
      </c>
      <c r="AO15018">
        <v>26</v>
      </c>
      <c r="AP15018">
        <v>26</v>
      </c>
      <c r="AQ15018">
        <v>26</v>
      </c>
    </row>
    <row r="15019" spans="1:43">
      <c r="A15019" t="s">
        <v>9340</v>
      </c>
      <c r="B15019" t="s">
        <v>9341</v>
      </c>
      <c r="C15019" t="s">
        <v>9338</v>
      </c>
      <c r="D15019" t="s">
        <v>9339</v>
      </c>
      <c r="E15019" t="s">
        <v>9202</v>
      </c>
      <c r="F15019" t="s">
        <v>9203</v>
      </c>
      <c r="G15019" t="s">
        <v>80</v>
      </c>
      <c r="H15019" t="s">
        <v>81</v>
      </c>
      <c r="I15019" s="2">
        <v>0</v>
      </c>
      <c r="J15019" s="2">
        <v>1</v>
      </c>
      <c r="K15019" s="2">
        <v>0</v>
      </c>
      <c r="L15019" t="s">
        <v>82</v>
      </c>
      <c r="M15019" t="s">
        <v>87</v>
      </c>
      <c r="N15019" t="s">
        <v>88</v>
      </c>
      <c r="O15019" t="s">
        <v>85</v>
      </c>
      <c r="P15019" t="s">
        <v>86</v>
      </c>
      <c r="Q15019">
        <v>16</v>
      </c>
      <c r="R15019">
        <v>16</v>
      </c>
      <c r="S15019">
        <v>17</v>
      </c>
      <c r="T15019">
        <v>17</v>
      </c>
      <c r="U15019">
        <v>17</v>
      </c>
      <c r="V15019">
        <v>17</v>
      </c>
      <c r="W15019">
        <v>18</v>
      </c>
      <c r="X15019">
        <v>18</v>
      </c>
      <c r="Y15019">
        <v>18</v>
      </c>
      <c r="Z15019">
        <v>18</v>
      </c>
      <c r="AA15019">
        <v>19</v>
      </c>
      <c r="AB15019">
        <v>19</v>
      </c>
      <c r="AC15019">
        <v>19</v>
      </c>
      <c r="AD15019">
        <v>19</v>
      </c>
      <c r="AE15019">
        <v>20</v>
      </c>
      <c r="AF15019">
        <v>20</v>
      </c>
      <c r="AG15019">
        <v>20</v>
      </c>
      <c r="AH15019">
        <v>20</v>
      </c>
      <c r="AI15019">
        <v>21</v>
      </c>
      <c r="AJ15019">
        <v>21</v>
      </c>
      <c r="AK15019">
        <v>21</v>
      </c>
      <c r="AL15019">
        <v>22</v>
      </c>
      <c r="AM15019">
        <v>22</v>
      </c>
      <c r="AN15019">
        <v>22</v>
      </c>
      <c r="AO15019">
        <v>22</v>
      </c>
      <c r="AP15019">
        <v>23</v>
      </c>
      <c r="AQ15019">
        <v>23</v>
      </c>
    </row>
    <row r="15020" spans="1:43">
      <c r="A15020" t="s">
        <v>9340</v>
      </c>
      <c r="B15020" t="s">
        <v>9341</v>
      </c>
      <c r="C15020" t="s">
        <v>9338</v>
      </c>
      <c r="D15020" t="s">
        <v>9339</v>
      </c>
      <c r="E15020" t="s">
        <v>9202</v>
      </c>
      <c r="F15020" t="s">
        <v>9203</v>
      </c>
      <c r="G15020" t="s">
        <v>80</v>
      </c>
      <c r="H15020" t="s">
        <v>81</v>
      </c>
      <c r="I15020" s="2">
        <v>0</v>
      </c>
      <c r="J15020" s="2">
        <v>1</v>
      </c>
      <c r="K15020" s="2">
        <v>0</v>
      </c>
      <c r="L15020" t="s">
        <v>82</v>
      </c>
      <c r="M15020" t="s">
        <v>89</v>
      </c>
      <c r="N15020" t="s">
        <v>90</v>
      </c>
      <c r="O15020" t="s">
        <v>85</v>
      </c>
      <c r="P15020" t="s">
        <v>86</v>
      </c>
      <c r="Q15020">
        <v>16</v>
      </c>
      <c r="R15020">
        <v>17</v>
      </c>
      <c r="S15020">
        <v>18</v>
      </c>
      <c r="T15020">
        <v>18</v>
      </c>
      <c r="U15020">
        <v>19</v>
      </c>
      <c r="V15020">
        <v>19</v>
      </c>
      <c r="W15020">
        <v>20</v>
      </c>
      <c r="X15020">
        <v>20</v>
      </c>
      <c r="Y15020">
        <v>21</v>
      </c>
      <c r="Z15020">
        <v>21</v>
      </c>
      <c r="AA15020">
        <v>22</v>
      </c>
      <c r="AB15020">
        <v>22</v>
      </c>
      <c r="AC15020">
        <v>23</v>
      </c>
      <c r="AD15020">
        <v>23</v>
      </c>
      <c r="AE15020">
        <v>24</v>
      </c>
      <c r="AF15020">
        <v>24</v>
      </c>
      <c r="AG15020">
        <v>24</v>
      </c>
      <c r="AH15020">
        <v>24</v>
      </c>
      <c r="AI15020">
        <v>25</v>
      </c>
      <c r="AJ15020">
        <v>25</v>
      </c>
      <c r="AK15020">
        <v>25</v>
      </c>
      <c r="AL15020">
        <v>25</v>
      </c>
      <c r="AM15020">
        <v>26</v>
      </c>
      <c r="AN15020">
        <v>26</v>
      </c>
      <c r="AO15020">
        <v>26</v>
      </c>
      <c r="AP15020">
        <v>26</v>
      </c>
      <c r="AQ15020">
        <v>26</v>
      </c>
    </row>
    <row r="15021" spans="1:43">
      <c r="A15021" t="s">
        <v>9340</v>
      </c>
      <c r="B15021" t="s">
        <v>9341</v>
      </c>
      <c r="C15021" t="s">
        <v>9338</v>
      </c>
      <c r="D15021" t="s">
        <v>9339</v>
      </c>
      <c r="E15021" t="s">
        <v>9202</v>
      </c>
      <c r="F15021" t="s">
        <v>9203</v>
      </c>
      <c r="G15021" t="s">
        <v>80</v>
      </c>
      <c r="H15021" t="s">
        <v>81</v>
      </c>
      <c r="I15021" s="2">
        <v>0</v>
      </c>
      <c r="J15021" s="2">
        <v>1</v>
      </c>
      <c r="K15021" s="2">
        <v>0</v>
      </c>
      <c r="L15021" t="s">
        <v>82</v>
      </c>
      <c r="M15021" t="s">
        <v>83</v>
      </c>
      <c r="N15021" t="s">
        <v>91</v>
      </c>
      <c r="O15021" t="s">
        <v>85</v>
      </c>
      <c r="P15021" t="s">
        <v>86</v>
      </c>
      <c r="Q15021">
        <v>16</v>
      </c>
      <c r="R15021">
        <v>17</v>
      </c>
      <c r="S15021">
        <v>17</v>
      </c>
      <c r="T15021">
        <v>18</v>
      </c>
      <c r="U15021">
        <v>18</v>
      </c>
      <c r="V15021">
        <v>18</v>
      </c>
      <c r="W15021">
        <v>19</v>
      </c>
      <c r="X15021">
        <v>19</v>
      </c>
      <c r="Y15021">
        <v>20</v>
      </c>
      <c r="Z15021">
        <v>20</v>
      </c>
      <c r="AA15021">
        <v>20</v>
      </c>
      <c r="AB15021">
        <v>21</v>
      </c>
      <c r="AC15021">
        <v>21</v>
      </c>
      <c r="AD15021">
        <v>22</v>
      </c>
      <c r="AE15021">
        <v>22</v>
      </c>
      <c r="AF15021">
        <v>23</v>
      </c>
      <c r="AG15021">
        <v>23</v>
      </c>
      <c r="AH15021">
        <v>24</v>
      </c>
      <c r="AI15021">
        <v>24</v>
      </c>
      <c r="AJ15021">
        <v>24</v>
      </c>
      <c r="AK15021">
        <v>25</v>
      </c>
      <c r="AL15021">
        <v>25</v>
      </c>
      <c r="AM15021">
        <v>25</v>
      </c>
      <c r="AN15021">
        <v>26</v>
      </c>
      <c r="AO15021">
        <v>26</v>
      </c>
      <c r="AP15021">
        <v>26</v>
      </c>
      <c r="AQ15021">
        <v>26</v>
      </c>
    </row>
    <row r="15022" spans="1:43">
      <c r="A15022" t="s">
        <v>9342</v>
      </c>
      <c r="B15022" t="s">
        <v>9343</v>
      </c>
      <c r="C15022" t="s">
        <v>9338</v>
      </c>
      <c r="D15022" t="s">
        <v>9339</v>
      </c>
      <c r="E15022" t="s">
        <v>9202</v>
      </c>
      <c r="F15022" t="s">
        <v>9203</v>
      </c>
      <c r="G15022" t="s">
        <v>80</v>
      </c>
      <c r="H15022" t="s">
        <v>81</v>
      </c>
      <c r="I15022" s="2">
        <v>0</v>
      </c>
      <c r="J15022" s="2">
        <v>1</v>
      </c>
      <c r="K15022" s="2">
        <v>0</v>
      </c>
      <c r="L15022" t="s">
        <v>82</v>
      </c>
      <c r="M15022" t="s">
        <v>83</v>
      </c>
      <c r="N15022" t="s">
        <v>84</v>
      </c>
      <c r="O15022" t="s">
        <v>85</v>
      </c>
      <c r="P15022" t="s">
        <v>86</v>
      </c>
      <c r="Q15022">
        <v>41</v>
      </c>
      <c r="R15022">
        <v>42</v>
      </c>
      <c r="S15022">
        <v>43</v>
      </c>
      <c r="T15022">
        <v>44</v>
      </c>
      <c r="U15022">
        <v>45</v>
      </c>
      <c r="V15022">
        <v>47</v>
      </c>
      <c r="W15022">
        <v>48</v>
      </c>
      <c r="X15022">
        <v>49</v>
      </c>
      <c r="Y15022">
        <v>50</v>
      </c>
      <c r="Z15022">
        <v>51</v>
      </c>
      <c r="AA15022">
        <v>52</v>
      </c>
      <c r="AB15022">
        <v>53</v>
      </c>
      <c r="AC15022">
        <v>54</v>
      </c>
      <c r="AD15022">
        <v>55</v>
      </c>
      <c r="AE15022">
        <v>56</v>
      </c>
      <c r="AF15022">
        <v>57</v>
      </c>
      <c r="AG15022">
        <v>59</v>
      </c>
      <c r="AH15022">
        <v>60</v>
      </c>
      <c r="AI15022">
        <v>61</v>
      </c>
      <c r="AJ15022">
        <v>62</v>
      </c>
      <c r="AK15022">
        <v>63</v>
      </c>
      <c r="AL15022">
        <v>64</v>
      </c>
      <c r="AM15022">
        <v>65</v>
      </c>
      <c r="AN15022">
        <v>65</v>
      </c>
      <c r="AO15022">
        <v>66</v>
      </c>
      <c r="AP15022">
        <v>66</v>
      </c>
      <c r="AQ15022">
        <v>67</v>
      </c>
    </row>
    <row r="15023" spans="1:43">
      <c r="A15023" t="s">
        <v>9342</v>
      </c>
      <c r="B15023" t="s">
        <v>9343</v>
      </c>
      <c r="C15023" t="s">
        <v>9338</v>
      </c>
      <c r="D15023" t="s">
        <v>9339</v>
      </c>
      <c r="E15023" t="s">
        <v>9202</v>
      </c>
      <c r="F15023" t="s">
        <v>9203</v>
      </c>
      <c r="G15023" t="s">
        <v>80</v>
      </c>
      <c r="H15023" t="s">
        <v>81</v>
      </c>
      <c r="I15023" s="2">
        <v>0</v>
      </c>
      <c r="J15023" s="2">
        <v>1</v>
      </c>
      <c r="K15023" s="2">
        <v>0</v>
      </c>
      <c r="L15023" t="s">
        <v>82</v>
      </c>
      <c r="M15023" t="s">
        <v>87</v>
      </c>
      <c r="N15023" t="s">
        <v>88</v>
      </c>
      <c r="O15023" t="s">
        <v>85</v>
      </c>
      <c r="P15023" t="s">
        <v>86</v>
      </c>
      <c r="Q15023">
        <v>41</v>
      </c>
      <c r="R15023">
        <v>42</v>
      </c>
      <c r="S15023">
        <v>42</v>
      </c>
      <c r="T15023">
        <v>43</v>
      </c>
      <c r="U15023">
        <v>43</v>
      </c>
      <c r="V15023">
        <v>44</v>
      </c>
      <c r="W15023">
        <v>45</v>
      </c>
      <c r="X15023">
        <v>45</v>
      </c>
      <c r="Y15023">
        <v>46</v>
      </c>
      <c r="Z15023">
        <v>47</v>
      </c>
      <c r="AA15023">
        <v>47</v>
      </c>
      <c r="AB15023">
        <v>48</v>
      </c>
      <c r="AC15023">
        <v>49</v>
      </c>
      <c r="AD15023">
        <v>49</v>
      </c>
      <c r="AE15023">
        <v>50</v>
      </c>
      <c r="AF15023">
        <v>50</v>
      </c>
      <c r="AG15023">
        <v>51</v>
      </c>
      <c r="AH15023">
        <v>52</v>
      </c>
      <c r="AI15023">
        <v>53</v>
      </c>
      <c r="AJ15023">
        <v>53</v>
      </c>
      <c r="AK15023">
        <v>54</v>
      </c>
      <c r="AL15023">
        <v>55</v>
      </c>
      <c r="AM15023">
        <v>55</v>
      </c>
      <c r="AN15023">
        <v>56</v>
      </c>
      <c r="AO15023">
        <v>57</v>
      </c>
      <c r="AP15023">
        <v>57</v>
      </c>
      <c r="AQ15023">
        <v>58</v>
      </c>
    </row>
    <row r="15024" spans="1:43">
      <c r="A15024" t="s">
        <v>9342</v>
      </c>
      <c r="B15024" t="s">
        <v>9343</v>
      </c>
      <c r="C15024" t="s">
        <v>9338</v>
      </c>
      <c r="D15024" t="s">
        <v>9339</v>
      </c>
      <c r="E15024" t="s">
        <v>9202</v>
      </c>
      <c r="F15024" t="s">
        <v>9203</v>
      </c>
      <c r="G15024" t="s">
        <v>80</v>
      </c>
      <c r="H15024" t="s">
        <v>81</v>
      </c>
      <c r="I15024" s="2">
        <v>0</v>
      </c>
      <c r="J15024" s="2">
        <v>1</v>
      </c>
      <c r="K15024" s="2">
        <v>0</v>
      </c>
      <c r="L15024" t="s">
        <v>82</v>
      </c>
      <c r="M15024" t="s">
        <v>89</v>
      </c>
      <c r="N15024" t="s">
        <v>90</v>
      </c>
      <c r="O15024" t="s">
        <v>85</v>
      </c>
      <c r="P15024" t="s">
        <v>86</v>
      </c>
      <c r="Q15024">
        <v>41</v>
      </c>
      <c r="R15024">
        <v>42</v>
      </c>
      <c r="S15024">
        <v>44</v>
      </c>
      <c r="T15024">
        <v>45</v>
      </c>
      <c r="U15024">
        <v>46</v>
      </c>
      <c r="V15024">
        <v>48</v>
      </c>
      <c r="W15024">
        <v>49</v>
      </c>
      <c r="X15024">
        <v>50</v>
      </c>
      <c r="Y15024">
        <v>52</v>
      </c>
      <c r="Z15024">
        <v>53</v>
      </c>
      <c r="AA15024">
        <v>54</v>
      </c>
      <c r="AB15024">
        <v>56</v>
      </c>
      <c r="AC15024">
        <v>57</v>
      </c>
      <c r="AD15024">
        <v>58</v>
      </c>
      <c r="AE15024">
        <v>59</v>
      </c>
      <c r="AF15024">
        <v>60</v>
      </c>
      <c r="AG15024">
        <v>61</v>
      </c>
      <c r="AH15024">
        <v>61</v>
      </c>
      <c r="AI15024">
        <v>62</v>
      </c>
      <c r="AJ15024">
        <v>62</v>
      </c>
      <c r="AK15024">
        <v>63</v>
      </c>
      <c r="AL15024">
        <v>64</v>
      </c>
      <c r="AM15024">
        <v>64</v>
      </c>
      <c r="AN15024">
        <v>65</v>
      </c>
      <c r="AO15024">
        <v>65</v>
      </c>
      <c r="AP15024">
        <v>66</v>
      </c>
      <c r="AQ15024">
        <v>66</v>
      </c>
    </row>
    <row r="15025" spans="1:43">
      <c r="A15025" t="s">
        <v>9342</v>
      </c>
      <c r="B15025" t="s">
        <v>9343</v>
      </c>
      <c r="C15025" t="s">
        <v>9338</v>
      </c>
      <c r="D15025" t="s">
        <v>9339</v>
      </c>
      <c r="E15025" t="s">
        <v>9202</v>
      </c>
      <c r="F15025" t="s">
        <v>9203</v>
      </c>
      <c r="G15025" t="s">
        <v>80</v>
      </c>
      <c r="H15025" t="s">
        <v>81</v>
      </c>
      <c r="I15025" s="2">
        <v>0</v>
      </c>
      <c r="J15025" s="2">
        <v>1</v>
      </c>
      <c r="K15025" s="2">
        <v>0</v>
      </c>
      <c r="L15025" t="s">
        <v>82</v>
      </c>
      <c r="M15025" t="s">
        <v>83</v>
      </c>
      <c r="N15025" t="s">
        <v>91</v>
      </c>
      <c r="O15025" t="s">
        <v>85</v>
      </c>
      <c r="P15025" t="s">
        <v>86</v>
      </c>
      <c r="Q15025">
        <v>41</v>
      </c>
      <c r="R15025">
        <v>42</v>
      </c>
      <c r="S15025">
        <v>43</v>
      </c>
      <c r="T15025">
        <v>44</v>
      </c>
      <c r="U15025">
        <v>45</v>
      </c>
      <c r="V15025">
        <v>47</v>
      </c>
      <c r="W15025">
        <v>48</v>
      </c>
      <c r="X15025">
        <v>49</v>
      </c>
      <c r="Y15025">
        <v>50</v>
      </c>
      <c r="Z15025">
        <v>51</v>
      </c>
      <c r="AA15025">
        <v>52</v>
      </c>
      <c r="AB15025">
        <v>53</v>
      </c>
      <c r="AC15025">
        <v>54</v>
      </c>
      <c r="AD15025">
        <v>55</v>
      </c>
      <c r="AE15025">
        <v>56</v>
      </c>
      <c r="AF15025">
        <v>57</v>
      </c>
      <c r="AG15025">
        <v>59</v>
      </c>
      <c r="AH15025">
        <v>60</v>
      </c>
      <c r="AI15025">
        <v>61</v>
      </c>
      <c r="AJ15025">
        <v>62</v>
      </c>
      <c r="AK15025">
        <v>63</v>
      </c>
      <c r="AL15025">
        <v>64</v>
      </c>
      <c r="AM15025">
        <v>65</v>
      </c>
      <c r="AN15025">
        <v>65</v>
      </c>
      <c r="AO15025">
        <v>66</v>
      </c>
      <c r="AP15025">
        <v>66</v>
      </c>
      <c r="AQ15025">
        <v>67</v>
      </c>
    </row>
    <row r="15026" spans="1:43">
      <c r="A15026" t="s">
        <v>9344</v>
      </c>
      <c r="B15026" t="s">
        <v>9345</v>
      </c>
      <c r="C15026" t="s">
        <v>9244</v>
      </c>
      <c r="D15026" t="s">
        <v>9245</v>
      </c>
      <c r="E15026" t="s">
        <v>9202</v>
      </c>
      <c r="F15026" t="s">
        <v>9203</v>
      </c>
      <c r="G15026" t="s">
        <v>80</v>
      </c>
      <c r="H15026" t="s">
        <v>81</v>
      </c>
      <c r="I15026" s="2">
        <v>0</v>
      </c>
      <c r="J15026" s="2">
        <v>1</v>
      </c>
      <c r="K15026" s="2">
        <v>0</v>
      </c>
      <c r="L15026" t="s">
        <v>82</v>
      </c>
      <c r="M15026" t="s">
        <v>83</v>
      </c>
      <c r="N15026" t="s">
        <v>84</v>
      </c>
      <c r="O15026" t="s">
        <v>85</v>
      </c>
      <c r="P15026" t="s">
        <v>86</v>
      </c>
      <c r="Q15026">
        <v>12</v>
      </c>
      <c r="R15026">
        <v>13</v>
      </c>
      <c r="S15026">
        <v>13</v>
      </c>
      <c r="T15026">
        <v>13</v>
      </c>
      <c r="U15026">
        <v>13</v>
      </c>
      <c r="V15026">
        <v>14</v>
      </c>
      <c r="W15026">
        <v>14</v>
      </c>
      <c r="X15026">
        <v>14</v>
      </c>
      <c r="Y15026">
        <v>15</v>
      </c>
      <c r="Z15026">
        <v>15</v>
      </c>
      <c r="AA15026">
        <v>15</v>
      </c>
      <c r="AB15026">
        <v>16</v>
      </c>
      <c r="AC15026">
        <v>16</v>
      </c>
      <c r="AD15026">
        <v>16</v>
      </c>
      <c r="AE15026">
        <v>17</v>
      </c>
      <c r="AF15026">
        <v>17</v>
      </c>
      <c r="AG15026">
        <v>17</v>
      </c>
      <c r="AH15026">
        <v>18</v>
      </c>
      <c r="AI15026">
        <v>18</v>
      </c>
      <c r="AJ15026">
        <v>18</v>
      </c>
      <c r="AK15026">
        <v>19</v>
      </c>
      <c r="AL15026">
        <v>19</v>
      </c>
      <c r="AM15026">
        <v>19</v>
      </c>
      <c r="AN15026">
        <v>19</v>
      </c>
      <c r="AO15026">
        <v>19</v>
      </c>
      <c r="AP15026">
        <v>20</v>
      </c>
      <c r="AQ15026">
        <v>20</v>
      </c>
    </row>
    <row r="15027" spans="1:43">
      <c r="A15027" t="s">
        <v>9344</v>
      </c>
      <c r="B15027" t="s">
        <v>9345</v>
      </c>
      <c r="C15027" t="s">
        <v>9244</v>
      </c>
      <c r="D15027" t="s">
        <v>9245</v>
      </c>
      <c r="E15027" t="s">
        <v>9202</v>
      </c>
      <c r="F15027" t="s">
        <v>9203</v>
      </c>
      <c r="G15027" t="s">
        <v>80</v>
      </c>
      <c r="H15027" t="s">
        <v>81</v>
      </c>
      <c r="I15027" s="2">
        <v>0</v>
      </c>
      <c r="J15027" s="2">
        <v>1</v>
      </c>
      <c r="K15027" s="2">
        <v>0</v>
      </c>
      <c r="L15027" t="s">
        <v>82</v>
      </c>
      <c r="M15027" t="s">
        <v>87</v>
      </c>
      <c r="N15027" t="s">
        <v>88</v>
      </c>
      <c r="O15027" t="s">
        <v>85</v>
      </c>
      <c r="P15027" t="s">
        <v>86</v>
      </c>
      <c r="Q15027">
        <v>12</v>
      </c>
      <c r="R15027">
        <v>12</v>
      </c>
      <c r="S15027">
        <v>12</v>
      </c>
      <c r="T15027">
        <v>13</v>
      </c>
      <c r="U15027">
        <v>13</v>
      </c>
      <c r="V15027">
        <v>13</v>
      </c>
      <c r="W15027">
        <v>13</v>
      </c>
      <c r="X15027">
        <v>13</v>
      </c>
      <c r="Y15027">
        <v>14</v>
      </c>
      <c r="Z15027">
        <v>14</v>
      </c>
      <c r="AA15027">
        <v>14</v>
      </c>
      <c r="AB15027">
        <v>14</v>
      </c>
      <c r="AC15027">
        <v>14</v>
      </c>
      <c r="AD15027">
        <v>15</v>
      </c>
      <c r="AE15027">
        <v>15</v>
      </c>
      <c r="AF15027">
        <v>15</v>
      </c>
      <c r="AG15027">
        <v>15</v>
      </c>
      <c r="AH15027">
        <v>15</v>
      </c>
      <c r="AI15027">
        <v>16</v>
      </c>
      <c r="AJ15027">
        <v>16</v>
      </c>
      <c r="AK15027">
        <v>16</v>
      </c>
      <c r="AL15027">
        <v>16</v>
      </c>
      <c r="AM15027">
        <v>16</v>
      </c>
      <c r="AN15027">
        <v>17</v>
      </c>
      <c r="AO15027">
        <v>17</v>
      </c>
      <c r="AP15027">
        <v>17</v>
      </c>
      <c r="AQ15027">
        <v>17</v>
      </c>
    </row>
    <row r="15028" spans="1:43">
      <c r="A15028" t="s">
        <v>9344</v>
      </c>
      <c r="B15028" t="s">
        <v>9345</v>
      </c>
      <c r="C15028" t="s">
        <v>9244</v>
      </c>
      <c r="D15028" t="s">
        <v>9245</v>
      </c>
      <c r="E15028" t="s">
        <v>9202</v>
      </c>
      <c r="F15028" t="s">
        <v>9203</v>
      </c>
      <c r="G15028" t="s">
        <v>80</v>
      </c>
      <c r="H15028" t="s">
        <v>81</v>
      </c>
      <c r="I15028" s="2">
        <v>0</v>
      </c>
      <c r="J15028" s="2">
        <v>1</v>
      </c>
      <c r="K15028" s="2">
        <v>0</v>
      </c>
      <c r="L15028" t="s">
        <v>82</v>
      </c>
      <c r="M15028" t="s">
        <v>89</v>
      </c>
      <c r="N15028" t="s">
        <v>90</v>
      </c>
      <c r="O15028" t="s">
        <v>85</v>
      </c>
      <c r="P15028" t="s">
        <v>86</v>
      </c>
      <c r="Q15028">
        <v>12</v>
      </c>
      <c r="R15028">
        <v>13</v>
      </c>
      <c r="S15028">
        <v>13</v>
      </c>
      <c r="T15028">
        <v>14</v>
      </c>
      <c r="U15028">
        <v>14</v>
      </c>
      <c r="V15028">
        <v>14</v>
      </c>
      <c r="W15028">
        <v>15</v>
      </c>
      <c r="X15028">
        <v>15</v>
      </c>
      <c r="Y15028">
        <v>16</v>
      </c>
      <c r="Z15028">
        <v>16</v>
      </c>
      <c r="AA15028">
        <v>16</v>
      </c>
      <c r="AB15028">
        <v>17</v>
      </c>
      <c r="AC15028">
        <v>17</v>
      </c>
      <c r="AD15028">
        <v>18</v>
      </c>
      <c r="AE15028">
        <v>18</v>
      </c>
      <c r="AF15028">
        <v>18</v>
      </c>
      <c r="AG15028">
        <v>18</v>
      </c>
      <c r="AH15028">
        <v>18</v>
      </c>
      <c r="AI15028">
        <v>19</v>
      </c>
      <c r="AJ15028">
        <v>19</v>
      </c>
      <c r="AK15028">
        <v>19</v>
      </c>
      <c r="AL15028">
        <v>19</v>
      </c>
      <c r="AM15028">
        <v>19</v>
      </c>
      <c r="AN15028">
        <v>19</v>
      </c>
      <c r="AO15028">
        <v>20</v>
      </c>
      <c r="AP15028">
        <v>20</v>
      </c>
      <c r="AQ15028">
        <v>20</v>
      </c>
    </row>
    <row r="15029" spans="1:43">
      <c r="A15029" t="s">
        <v>9344</v>
      </c>
      <c r="B15029" t="s">
        <v>9345</v>
      </c>
      <c r="C15029" t="s">
        <v>9244</v>
      </c>
      <c r="D15029" t="s">
        <v>9245</v>
      </c>
      <c r="E15029" t="s">
        <v>9202</v>
      </c>
      <c r="F15029" t="s">
        <v>9203</v>
      </c>
      <c r="G15029" t="s">
        <v>80</v>
      </c>
      <c r="H15029" t="s">
        <v>81</v>
      </c>
      <c r="I15029" s="2">
        <v>0</v>
      </c>
      <c r="J15029" s="2">
        <v>1</v>
      </c>
      <c r="K15029" s="2">
        <v>0</v>
      </c>
      <c r="L15029" t="s">
        <v>82</v>
      </c>
      <c r="M15029" t="s">
        <v>83</v>
      </c>
      <c r="N15029" t="s">
        <v>91</v>
      </c>
      <c r="O15029" t="s">
        <v>85</v>
      </c>
      <c r="P15029" t="s">
        <v>86</v>
      </c>
      <c r="Q15029">
        <v>12</v>
      </c>
      <c r="R15029">
        <v>13</v>
      </c>
      <c r="S15029">
        <v>13</v>
      </c>
      <c r="T15029">
        <v>13</v>
      </c>
      <c r="U15029">
        <v>13</v>
      </c>
      <c r="V15029">
        <v>14</v>
      </c>
      <c r="W15029">
        <v>14</v>
      </c>
      <c r="X15029">
        <v>14</v>
      </c>
      <c r="Y15029">
        <v>15</v>
      </c>
      <c r="Z15029">
        <v>15</v>
      </c>
      <c r="AA15029">
        <v>15</v>
      </c>
      <c r="AB15029">
        <v>16</v>
      </c>
      <c r="AC15029">
        <v>16</v>
      </c>
      <c r="AD15029">
        <v>16</v>
      </c>
      <c r="AE15029">
        <v>17</v>
      </c>
      <c r="AF15029">
        <v>17</v>
      </c>
      <c r="AG15029">
        <v>17</v>
      </c>
      <c r="AH15029">
        <v>18</v>
      </c>
      <c r="AI15029">
        <v>18</v>
      </c>
      <c r="AJ15029">
        <v>18</v>
      </c>
      <c r="AK15029">
        <v>19</v>
      </c>
      <c r="AL15029">
        <v>19</v>
      </c>
      <c r="AM15029">
        <v>19</v>
      </c>
      <c r="AN15029">
        <v>19</v>
      </c>
      <c r="AO15029">
        <v>19</v>
      </c>
      <c r="AP15029">
        <v>20</v>
      </c>
      <c r="AQ15029">
        <v>20</v>
      </c>
    </row>
    <row r="15030" spans="1:43">
      <c r="A15030" t="s">
        <v>9346</v>
      </c>
      <c r="B15030" t="s">
        <v>9347</v>
      </c>
      <c r="C15030" t="s">
        <v>9338</v>
      </c>
      <c r="D15030" t="s">
        <v>9339</v>
      </c>
      <c r="E15030" t="s">
        <v>9202</v>
      </c>
      <c r="F15030" t="s">
        <v>9203</v>
      </c>
      <c r="G15030" t="s">
        <v>80</v>
      </c>
      <c r="H15030" t="s">
        <v>81</v>
      </c>
      <c r="I15030" s="2">
        <v>0</v>
      </c>
      <c r="J15030" s="2">
        <v>1</v>
      </c>
      <c r="K15030" s="2">
        <v>0</v>
      </c>
      <c r="L15030" t="s">
        <v>82</v>
      </c>
      <c r="M15030" t="s">
        <v>83</v>
      </c>
      <c r="N15030" t="s">
        <v>84</v>
      </c>
      <c r="O15030" t="s">
        <v>85</v>
      </c>
      <c r="P15030" t="s">
        <v>86</v>
      </c>
      <c r="Q15030">
        <v>34</v>
      </c>
      <c r="R15030">
        <v>35</v>
      </c>
      <c r="S15030">
        <v>36</v>
      </c>
      <c r="T15030">
        <v>37</v>
      </c>
      <c r="U15030">
        <v>38</v>
      </c>
      <c r="V15030">
        <v>39</v>
      </c>
      <c r="W15030">
        <v>40</v>
      </c>
      <c r="X15030">
        <v>40</v>
      </c>
      <c r="Y15030">
        <v>41</v>
      </c>
      <c r="Z15030">
        <v>42</v>
      </c>
      <c r="AA15030">
        <v>43</v>
      </c>
      <c r="AB15030">
        <v>44</v>
      </c>
      <c r="AC15030">
        <v>45</v>
      </c>
      <c r="AD15030">
        <v>46</v>
      </c>
      <c r="AE15030">
        <v>47</v>
      </c>
      <c r="AF15030">
        <v>48</v>
      </c>
      <c r="AG15030">
        <v>49</v>
      </c>
      <c r="AH15030">
        <v>50</v>
      </c>
      <c r="AI15030">
        <v>50</v>
      </c>
      <c r="AJ15030">
        <v>51</v>
      </c>
      <c r="AK15030">
        <v>52</v>
      </c>
      <c r="AL15030">
        <v>53</v>
      </c>
      <c r="AM15030">
        <v>54</v>
      </c>
      <c r="AN15030">
        <v>54</v>
      </c>
      <c r="AO15030">
        <v>54</v>
      </c>
      <c r="AP15030">
        <v>55</v>
      </c>
      <c r="AQ15030">
        <v>55</v>
      </c>
    </row>
    <row r="15031" spans="1:43">
      <c r="A15031" t="s">
        <v>9346</v>
      </c>
      <c r="B15031" t="s">
        <v>9347</v>
      </c>
      <c r="C15031" t="s">
        <v>9338</v>
      </c>
      <c r="D15031" t="s">
        <v>9339</v>
      </c>
      <c r="E15031" t="s">
        <v>9202</v>
      </c>
      <c r="F15031" t="s">
        <v>9203</v>
      </c>
      <c r="G15031" t="s">
        <v>80</v>
      </c>
      <c r="H15031" t="s">
        <v>81</v>
      </c>
      <c r="I15031" s="2">
        <v>0</v>
      </c>
      <c r="J15031" s="2">
        <v>1</v>
      </c>
      <c r="K15031" s="2">
        <v>0</v>
      </c>
      <c r="L15031" t="s">
        <v>82</v>
      </c>
      <c r="M15031" t="s">
        <v>87</v>
      </c>
      <c r="N15031" t="s">
        <v>88</v>
      </c>
      <c r="O15031" t="s">
        <v>85</v>
      </c>
      <c r="P15031" t="s">
        <v>86</v>
      </c>
      <c r="Q15031">
        <v>34</v>
      </c>
      <c r="R15031">
        <v>35</v>
      </c>
      <c r="S15031">
        <v>35</v>
      </c>
      <c r="T15031">
        <v>36</v>
      </c>
      <c r="U15031">
        <v>36</v>
      </c>
      <c r="V15031">
        <v>37</v>
      </c>
      <c r="W15031">
        <v>37</v>
      </c>
      <c r="X15031">
        <v>38</v>
      </c>
      <c r="Y15031">
        <v>38</v>
      </c>
      <c r="Z15031">
        <v>39</v>
      </c>
      <c r="AA15031">
        <v>39</v>
      </c>
      <c r="AB15031">
        <v>40</v>
      </c>
      <c r="AC15031">
        <v>40</v>
      </c>
      <c r="AD15031">
        <v>41</v>
      </c>
      <c r="AE15031">
        <v>41</v>
      </c>
      <c r="AF15031">
        <v>42</v>
      </c>
      <c r="AG15031">
        <v>43</v>
      </c>
      <c r="AH15031">
        <v>43</v>
      </c>
      <c r="AI15031">
        <v>44</v>
      </c>
      <c r="AJ15031">
        <v>44</v>
      </c>
      <c r="AK15031">
        <v>45</v>
      </c>
      <c r="AL15031">
        <v>45</v>
      </c>
      <c r="AM15031">
        <v>46</v>
      </c>
      <c r="AN15031">
        <v>47</v>
      </c>
      <c r="AO15031">
        <v>47</v>
      </c>
      <c r="AP15031">
        <v>48</v>
      </c>
      <c r="AQ15031">
        <v>48</v>
      </c>
    </row>
    <row r="15032" spans="1:43">
      <c r="A15032" t="s">
        <v>9346</v>
      </c>
      <c r="B15032" t="s">
        <v>9347</v>
      </c>
      <c r="C15032" t="s">
        <v>9338</v>
      </c>
      <c r="D15032" t="s">
        <v>9339</v>
      </c>
      <c r="E15032" t="s">
        <v>9202</v>
      </c>
      <c r="F15032" t="s">
        <v>9203</v>
      </c>
      <c r="G15032" t="s">
        <v>80</v>
      </c>
      <c r="H15032" t="s">
        <v>81</v>
      </c>
      <c r="I15032" s="2">
        <v>0</v>
      </c>
      <c r="J15032" s="2">
        <v>1</v>
      </c>
      <c r="K15032" s="2">
        <v>0</v>
      </c>
      <c r="L15032" t="s">
        <v>82</v>
      </c>
      <c r="M15032" t="s">
        <v>89</v>
      </c>
      <c r="N15032" t="s">
        <v>90</v>
      </c>
      <c r="O15032" t="s">
        <v>85</v>
      </c>
      <c r="P15032" t="s">
        <v>86</v>
      </c>
      <c r="Q15032">
        <v>34</v>
      </c>
      <c r="R15032">
        <v>35</v>
      </c>
      <c r="S15032">
        <v>36</v>
      </c>
      <c r="T15032">
        <v>37</v>
      </c>
      <c r="U15032">
        <v>38</v>
      </c>
      <c r="V15032">
        <v>39</v>
      </c>
      <c r="W15032">
        <v>41</v>
      </c>
      <c r="X15032">
        <v>42</v>
      </c>
      <c r="Y15032">
        <v>43</v>
      </c>
      <c r="Z15032">
        <v>44</v>
      </c>
      <c r="AA15032">
        <v>45</v>
      </c>
      <c r="AB15032">
        <v>46</v>
      </c>
      <c r="AC15032">
        <v>47</v>
      </c>
      <c r="AD15032">
        <v>48</v>
      </c>
      <c r="AE15032">
        <v>49</v>
      </c>
      <c r="AF15032">
        <v>49</v>
      </c>
      <c r="AG15032">
        <v>50</v>
      </c>
      <c r="AH15032">
        <v>50</v>
      </c>
      <c r="AI15032">
        <v>51</v>
      </c>
      <c r="AJ15032">
        <v>51</v>
      </c>
      <c r="AK15032">
        <v>52</v>
      </c>
      <c r="AL15032">
        <v>52</v>
      </c>
      <c r="AM15032">
        <v>53</v>
      </c>
      <c r="AN15032">
        <v>53</v>
      </c>
      <c r="AO15032">
        <v>54</v>
      </c>
      <c r="AP15032">
        <v>54</v>
      </c>
      <c r="AQ15032">
        <v>55</v>
      </c>
    </row>
    <row r="15033" spans="1:43">
      <c r="A15033" t="s">
        <v>9346</v>
      </c>
      <c r="B15033" t="s">
        <v>9347</v>
      </c>
      <c r="C15033" t="s">
        <v>9338</v>
      </c>
      <c r="D15033" t="s">
        <v>9339</v>
      </c>
      <c r="E15033" t="s">
        <v>9202</v>
      </c>
      <c r="F15033" t="s">
        <v>9203</v>
      </c>
      <c r="G15033" t="s">
        <v>80</v>
      </c>
      <c r="H15033" t="s">
        <v>81</v>
      </c>
      <c r="I15033" s="2">
        <v>0</v>
      </c>
      <c r="J15033" s="2">
        <v>1</v>
      </c>
      <c r="K15033" s="2">
        <v>0</v>
      </c>
      <c r="L15033" t="s">
        <v>82</v>
      </c>
      <c r="M15033" t="s">
        <v>83</v>
      </c>
      <c r="N15033" t="s">
        <v>91</v>
      </c>
      <c r="O15033" t="s">
        <v>85</v>
      </c>
      <c r="P15033" t="s">
        <v>86</v>
      </c>
      <c r="Q15033">
        <v>34</v>
      </c>
      <c r="R15033">
        <v>35</v>
      </c>
      <c r="S15033">
        <v>36</v>
      </c>
      <c r="T15033">
        <v>37</v>
      </c>
      <c r="U15033">
        <v>38</v>
      </c>
      <c r="V15033">
        <v>39</v>
      </c>
      <c r="W15033">
        <v>40</v>
      </c>
      <c r="X15033">
        <v>40</v>
      </c>
      <c r="Y15033">
        <v>41</v>
      </c>
      <c r="Z15033">
        <v>42</v>
      </c>
      <c r="AA15033">
        <v>43</v>
      </c>
      <c r="AB15033">
        <v>44</v>
      </c>
      <c r="AC15033">
        <v>45</v>
      </c>
      <c r="AD15033">
        <v>46</v>
      </c>
      <c r="AE15033">
        <v>47</v>
      </c>
      <c r="AF15033">
        <v>48</v>
      </c>
      <c r="AG15033">
        <v>49</v>
      </c>
      <c r="AH15033">
        <v>50</v>
      </c>
      <c r="AI15033">
        <v>50</v>
      </c>
      <c r="AJ15033">
        <v>51</v>
      </c>
      <c r="AK15033">
        <v>52</v>
      </c>
      <c r="AL15033">
        <v>53</v>
      </c>
      <c r="AM15033">
        <v>54</v>
      </c>
      <c r="AN15033">
        <v>54</v>
      </c>
      <c r="AO15033">
        <v>54</v>
      </c>
      <c r="AP15033">
        <v>55</v>
      </c>
      <c r="AQ15033">
        <v>55</v>
      </c>
    </row>
    <row r="15034" spans="1:43">
      <c r="A15034" t="s">
        <v>9348</v>
      </c>
      <c r="B15034" t="s">
        <v>9349</v>
      </c>
      <c r="C15034" t="s">
        <v>9350</v>
      </c>
      <c r="D15034" t="s">
        <v>9351</v>
      </c>
      <c r="E15034" t="s">
        <v>9202</v>
      </c>
      <c r="F15034" t="s">
        <v>9203</v>
      </c>
      <c r="G15034" t="s">
        <v>80</v>
      </c>
      <c r="H15034" t="s">
        <v>81</v>
      </c>
      <c r="I15034" s="2">
        <v>1</v>
      </c>
      <c r="J15034" s="2">
        <v>0</v>
      </c>
      <c r="K15034" s="2">
        <v>0</v>
      </c>
      <c r="L15034" t="s">
        <v>120</v>
      </c>
      <c r="M15034" t="s">
        <v>83</v>
      </c>
      <c r="N15034" t="s">
        <v>84</v>
      </c>
      <c r="O15034" t="s">
        <v>85</v>
      </c>
      <c r="P15034" t="s">
        <v>86</v>
      </c>
      <c r="Q15034">
        <v>24</v>
      </c>
      <c r="R15034">
        <v>25</v>
      </c>
      <c r="S15034">
        <v>26</v>
      </c>
      <c r="T15034">
        <v>26</v>
      </c>
      <c r="U15034">
        <v>27</v>
      </c>
      <c r="V15034">
        <v>27</v>
      </c>
      <c r="W15034">
        <v>28</v>
      </c>
      <c r="X15034">
        <v>29</v>
      </c>
      <c r="Y15034">
        <v>29</v>
      </c>
      <c r="Z15034">
        <v>30</v>
      </c>
      <c r="AA15034">
        <v>31</v>
      </c>
      <c r="AB15034">
        <v>31</v>
      </c>
      <c r="AC15034">
        <v>32</v>
      </c>
      <c r="AD15034">
        <v>32</v>
      </c>
      <c r="AE15034">
        <v>33</v>
      </c>
      <c r="AF15034">
        <v>34</v>
      </c>
      <c r="AG15034">
        <v>34</v>
      </c>
      <c r="AH15034">
        <v>35</v>
      </c>
      <c r="AI15034">
        <v>36</v>
      </c>
      <c r="AJ15034">
        <v>36</v>
      </c>
      <c r="AK15034">
        <v>37</v>
      </c>
      <c r="AL15034">
        <v>38</v>
      </c>
      <c r="AM15034">
        <v>38</v>
      </c>
      <c r="AN15034">
        <v>38</v>
      </c>
      <c r="AO15034">
        <v>39</v>
      </c>
      <c r="AP15034">
        <v>39</v>
      </c>
      <c r="AQ15034">
        <v>39</v>
      </c>
    </row>
    <row r="15035" spans="1:43">
      <c r="A15035" t="s">
        <v>9348</v>
      </c>
      <c r="B15035" t="s">
        <v>9349</v>
      </c>
      <c r="C15035" t="s">
        <v>9350</v>
      </c>
      <c r="D15035" t="s">
        <v>9351</v>
      </c>
      <c r="E15035" t="s">
        <v>9202</v>
      </c>
      <c r="F15035" t="s">
        <v>9203</v>
      </c>
      <c r="G15035" t="s">
        <v>80</v>
      </c>
      <c r="H15035" t="s">
        <v>81</v>
      </c>
      <c r="I15035" s="2">
        <v>1</v>
      </c>
      <c r="J15035" s="2">
        <v>0</v>
      </c>
      <c r="K15035" s="2">
        <v>0</v>
      </c>
      <c r="L15035" t="s">
        <v>120</v>
      </c>
      <c r="M15035" t="s">
        <v>87</v>
      </c>
      <c r="N15035" t="s">
        <v>88</v>
      </c>
      <c r="O15035" t="s">
        <v>85</v>
      </c>
      <c r="P15035" t="s">
        <v>86</v>
      </c>
      <c r="Q15035">
        <v>24</v>
      </c>
      <c r="R15035">
        <v>25</v>
      </c>
      <c r="S15035">
        <v>25</v>
      </c>
      <c r="T15035">
        <v>25</v>
      </c>
      <c r="U15035">
        <v>26</v>
      </c>
      <c r="V15035">
        <v>26</v>
      </c>
      <c r="W15035">
        <v>26</v>
      </c>
      <c r="X15035">
        <v>27</v>
      </c>
      <c r="Y15035">
        <v>27</v>
      </c>
      <c r="Z15035">
        <v>27</v>
      </c>
      <c r="AA15035">
        <v>28</v>
      </c>
      <c r="AB15035">
        <v>28</v>
      </c>
      <c r="AC15035">
        <v>29</v>
      </c>
      <c r="AD15035">
        <v>29</v>
      </c>
      <c r="AE15035">
        <v>29</v>
      </c>
      <c r="AF15035">
        <v>30</v>
      </c>
      <c r="AG15035">
        <v>30</v>
      </c>
      <c r="AH15035">
        <v>31</v>
      </c>
      <c r="AI15035">
        <v>31</v>
      </c>
      <c r="AJ15035">
        <v>31</v>
      </c>
      <c r="AK15035">
        <v>32</v>
      </c>
      <c r="AL15035">
        <v>32</v>
      </c>
      <c r="AM15035">
        <v>33</v>
      </c>
      <c r="AN15035">
        <v>33</v>
      </c>
      <c r="AO15035">
        <v>33</v>
      </c>
      <c r="AP15035">
        <v>34</v>
      </c>
      <c r="AQ15035">
        <v>34</v>
      </c>
    </row>
    <row r="15036" spans="1:43">
      <c r="A15036" t="s">
        <v>9348</v>
      </c>
      <c r="B15036" t="s">
        <v>9349</v>
      </c>
      <c r="C15036" t="s">
        <v>9350</v>
      </c>
      <c r="D15036" t="s">
        <v>9351</v>
      </c>
      <c r="E15036" t="s">
        <v>9202</v>
      </c>
      <c r="F15036" t="s">
        <v>9203</v>
      </c>
      <c r="G15036" t="s">
        <v>80</v>
      </c>
      <c r="H15036" t="s">
        <v>81</v>
      </c>
      <c r="I15036" s="2">
        <v>1</v>
      </c>
      <c r="J15036" s="2">
        <v>0</v>
      </c>
      <c r="K15036" s="2">
        <v>0</v>
      </c>
      <c r="L15036" t="s">
        <v>120</v>
      </c>
      <c r="M15036" t="s">
        <v>89</v>
      </c>
      <c r="N15036" t="s">
        <v>90</v>
      </c>
      <c r="O15036" t="s">
        <v>85</v>
      </c>
      <c r="P15036" t="s">
        <v>86</v>
      </c>
      <c r="Q15036">
        <v>24</v>
      </c>
      <c r="R15036">
        <v>24</v>
      </c>
      <c r="S15036">
        <v>25</v>
      </c>
      <c r="T15036">
        <v>26</v>
      </c>
      <c r="U15036">
        <v>27</v>
      </c>
      <c r="V15036">
        <v>28</v>
      </c>
      <c r="W15036">
        <v>28</v>
      </c>
      <c r="X15036">
        <v>29</v>
      </c>
      <c r="Y15036">
        <v>30</v>
      </c>
      <c r="Z15036">
        <v>31</v>
      </c>
      <c r="AA15036">
        <v>32</v>
      </c>
      <c r="AB15036">
        <v>32</v>
      </c>
      <c r="AC15036">
        <v>33</v>
      </c>
      <c r="AD15036">
        <v>34</v>
      </c>
      <c r="AE15036">
        <v>35</v>
      </c>
      <c r="AF15036">
        <v>35</v>
      </c>
      <c r="AG15036">
        <v>35</v>
      </c>
      <c r="AH15036">
        <v>36</v>
      </c>
      <c r="AI15036">
        <v>36</v>
      </c>
      <c r="AJ15036">
        <v>36</v>
      </c>
      <c r="AK15036">
        <v>37</v>
      </c>
      <c r="AL15036">
        <v>37</v>
      </c>
      <c r="AM15036">
        <v>37</v>
      </c>
      <c r="AN15036">
        <v>38</v>
      </c>
      <c r="AO15036">
        <v>38</v>
      </c>
      <c r="AP15036">
        <v>38</v>
      </c>
      <c r="AQ15036">
        <v>39</v>
      </c>
    </row>
    <row r="15037" spans="1:43">
      <c r="A15037" t="s">
        <v>9348</v>
      </c>
      <c r="B15037" t="s">
        <v>9349</v>
      </c>
      <c r="C15037" t="s">
        <v>9350</v>
      </c>
      <c r="D15037" t="s">
        <v>9351</v>
      </c>
      <c r="E15037" t="s">
        <v>9202</v>
      </c>
      <c r="F15037" t="s">
        <v>9203</v>
      </c>
      <c r="G15037" t="s">
        <v>80</v>
      </c>
      <c r="H15037" t="s">
        <v>81</v>
      </c>
      <c r="I15037" s="2">
        <v>1</v>
      </c>
      <c r="J15037" s="2">
        <v>0</v>
      </c>
      <c r="K15037" s="2">
        <v>0</v>
      </c>
      <c r="L15037" t="s">
        <v>120</v>
      </c>
      <c r="M15037" t="s">
        <v>83</v>
      </c>
      <c r="N15037" t="s">
        <v>91</v>
      </c>
      <c r="O15037" t="s">
        <v>85</v>
      </c>
      <c r="P15037" t="s">
        <v>86</v>
      </c>
      <c r="Q15037">
        <v>24</v>
      </c>
      <c r="R15037">
        <v>25</v>
      </c>
      <c r="S15037">
        <v>26</v>
      </c>
      <c r="T15037">
        <v>26</v>
      </c>
      <c r="U15037">
        <v>27</v>
      </c>
      <c r="V15037">
        <v>27</v>
      </c>
      <c r="W15037">
        <v>28</v>
      </c>
      <c r="X15037">
        <v>29</v>
      </c>
      <c r="Y15037">
        <v>29</v>
      </c>
      <c r="Z15037">
        <v>30</v>
      </c>
      <c r="AA15037">
        <v>31</v>
      </c>
      <c r="AB15037">
        <v>31</v>
      </c>
      <c r="AC15037">
        <v>32</v>
      </c>
      <c r="AD15037">
        <v>32</v>
      </c>
      <c r="AE15037">
        <v>33</v>
      </c>
      <c r="AF15037">
        <v>34</v>
      </c>
      <c r="AG15037">
        <v>34</v>
      </c>
      <c r="AH15037">
        <v>35</v>
      </c>
      <c r="AI15037">
        <v>36</v>
      </c>
      <c r="AJ15037">
        <v>36</v>
      </c>
      <c r="AK15037">
        <v>37</v>
      </c>
      <c r="AL15037">
        <v>38</v>
      </c>
      <c r="AM15037">
        <v>38</v>
      </c>
      <c r="AN15037">
        <v>38</v>
      </c>
      <c r="AO15037">
        <v>39</v>
      </c>
      <c r="AP15037">
        <v>39</v>
      </c>
      <c r="AQ15037">
        <v>39</v>
      </c>
    </row>
    <row r="15038" spans="1:43">
      <c r="A15038" t="s">
        <v>9352</v>
      </c>
      <c r="B15038" t="s">
        <v>9353</v>
      </c>
      <c r="C15038" t="s">
        <v>9350</v>
      </c>
      <c r="D15038" t="s">
        <v>9351</v>
      </c>
      <c r="E15038" t="s">
        <v>9202</v>
      </c>
      <c r="F15038" t="s">
        <v>9203</v>
      </c>
      <c r="G15038" t="s">
        <v>80</v>
      </c>
      <c r="H15038" t="s">
        <v>81</v>
      </c>
      <c r="I15038" s="2">
        <v>0</v>
      </c>
      <c r="J15038" s="2">
        <v>1</v>
      </c>
      <c r="K15038" s="2">
        <v>0</v>
      </c>
      <c r="L15038" t="s">
        <v>82</v>
      </c>
      <c r="M15038" t="s">
        <v>83</v>
      </c>
      <c r="N15038" t="s">
        <v>84</v>
      </c>
      <c r="O15038" t="s">
        <v>85</v>
      </c>
      <c r="P15038" t="s">
        <v>86</v>
      </c>
      <c r="Q15038">
        <v>22</v>
      </c>
      <c r="R15038">
        <v>23</v>
      </c>
      <c r="S15038">
        <v>23</v>
      </c>
      <c r="T15038">
        <v>24</v>
      </c>
      <c r="U15038">
        <v>24</v>
      </c>
      <c r="V15038">
        <v>25</v>
      </c>
      <c r="W15038">
        <v>26</v>
      </c>
      <c r="X15038">
        <v>26</v>
      </c>
      <c r="Y15038">
        <v>27</v>
      </c>
      <c r="Z15038">
        <v>27</v>
      </c>
      <c r="AA15038">
        <v>28</v>
      </c>
      <c r="AB15038">
        <v>28</v>
      </c>
      <c r="AC15038">
        <v>29</v>
      </c>
      <c r="AD15038">
        <v>30</v>
      </c>
      <c r="AE15038">
        <v>30</v>
      </c>
      <c r="AF15038">
        <v>31</v>
      </c>
      <c r="AG15038">
        <v>31</v>
      </c>
      <c r="AH15038">
        <v>32</v>
      </c>
      <c r="AI15038">
        <v>33</v>
      </c>
      <c r="AJ15038">
        <v>33</v>
      </c>
      <c r="AK15038">
        <v>34</v>
      </c>
      <c r="AL15038">
        <v>34</v>
      </c>
      <c r="AM15038">
        <v>34</v>
      </c>
      <c r="AN15038">
        <v>35</v>
      </c>
      <c r="AO15038">
        <v>35</v>
      </c>
      <c r="AP15038">
        <v>35</v>
      </c>
      <c r="AQ15038">
        <v>36</v>
      </c>
    </row>
    <row r="15039" spans="1:43">
      <c r="A15039" t="s">
        <v>9352</v>
      </c>
      <c r="B15039" t="s">
        <v>9353</v>
      </c>
      <c r="C15039" t="s">
        <v>9350</v>
      </c>
      <c r="D15039" t="s">
        <v>9351</v>
      </c>
      <c r="E15039" t="s">
        <v>9202</v>
      </c>
      <c r="F15039" t="s">
        <v>9203</v>
      </c>
      <c r="G15039" t="s">
        <v>80</v>
      </c>
      <c r="H15039" t="s">
        <v>81</v>
      </c>
      <c r="I15039" s="2">
        <v>0</v>
      </c>
      <c r="J15039" s="2">
        <v>1</v>
      </c>
      <c r="K15039" s="2">
        <v>0</v>
      </c>
      <c r="L15039" t="s">
        <v>82</v>
      </c>
      <c r="M15039" t="s">
        <v>87</v>
      </c>
      <c r="N15039" t="s">
        <v>88</v>
      </c>
      <c r="O15039" t="s">
        <v>85</v>
      </c>
      <c r="P15039" t="s">
        <v>86</v>
      </c>
      <c r="Q15039">
        <v>22</v>
      </c>
      <c r="R15039">
        <v>22</v>
      </c>
      <c r="S15039">
        <v>23</v>
      </c>
      <c r="T15039">
        <v>23</v>
      </c>
      <c r="U15039">
        <v>23</v>
      </c>
      <c r="V15039">
        <v>24</v>
      </c>
      <c r="W15039">
        <v>24</v>
      </c>
      <c r="X15039">
        <v>24</v>
      </c>
      <c r="Y15039">
        <v>25</v>
      </c>
      <c r="Z15039">
        <v>25</v>
      </c>
      <c r="AA15039">
        <v>25</v>
      </c>
      <c r="AB15039">
        <v>26</v>
      </c>
      <c r="AC15039">
        <v>26</v>
      </c>
      <c r="AD15039">
        <v>26</v>
      </c>
      <c r="AE15039">
        <v>27</v>
      </c>
      <c r="AF15039">
        <v>27</v>
      </c>
      <c r="AG15039">
        <v>27</v>
      </c>
      <c r="AH15039">
        <v>28</v>
      </c>
      <c r="AI15039">
        <v>28</v>
      </c>
      <c r="AJ15039">
        <v>29</v>
      </c>
      <c r="AK15039">
        <v>29</v>
      </c>
      <c r="AL15039">
        <v>29</v>
      </c>
      <c r="AM15039">
        <v>30</v>
      </c>
      <c r="AN15039">
        <v>30</v>
      </c>
      <c r="AO15039">
        <v>30</v>
      </c>
      <c r="AP15039">
        <v>31</v>
      </c>
      <c r="AQ15039">
        <v>31</v>
      </c>
    </row>
    <row r="15040" spans="1:43">
      <c r="A15040" t="s">
        <v>9352</v>
      </c>
      <c r="B15040" t="s">
        <v>9353</v>
      </c>
      <c r="C15040" t="s">
        <v>9350</v>
      </c>
      <c r="D15040" t="s">
        <v>9351</v>
      </c>
      <c r="E15040" t="s">
        <v>9202</v>
      </c>
      <c r="F15040" t="s">
        <v>9203</v>
      </c>
      <c r="G15040" t="s">
        <v>80</v>
      </c>
      <c r="H15040" t="s">
        <v>81</v>
      </c>
      <c r="I15040" s="2">
        <v>0</v>
      </c>
      <c r="J15040" s="2">
        <v>1</v>
      </c>
      <c r="K15040" s="2">
        <v>0</v>
      </c>
      <c r="L15040" t="s">
        <v>82</v>
      </c>
      <c r="M15040" t="s">
        <v>89</v>
      </c>
      <c r="N15040" t="s">
        <v>90</v>
      </c>
      <c r="O15040" t="s">
        <v>85</v>
      </c>
      <c r="P15040" t="s">
        <v>86</v>
      </c>
      <c r="Q15040">
        <v>22</v>
      </c>
      <c r="R15040">
        <v>23</v>
      </c>
      <c r="S15040">
        <v>24</v>
      </c>
      <c r="T15040">
        <v>25</v>
      </c>
      <c r="U15040">
        <v>25</v>
      </c>
      <c r="V15040">
        <v>26</v>
      </c>
      <c r="W15040">
        <v>27</v>
      </c>
      <c r="X15040">
        <v>28</v>
      </c>
      <c r="Y15040">
        <v>28</v>
      </c>
      <c r="Z15040">
        <v>29</v>
      </c>
      <c r="AA15040">
        <v>30</v>
      </c>
      <c r="AB15040">
        <v>30</v>
      </c>
      <c r="AC15040">
        <v>31</v>
      </c>
      <c r="AD15040">
        <v>32</v>
      </c>
      <c r="AE15040">
        <v>32</v>
      </c>
      <c r="AF15040">
        <v>33</v>
      </c>
      <c r="AG15040">
        <v>33</v>
      </c>
      <c r="AH15040">
        <v>33</v>
      </c>
      <c r="AI15040">
        <v>33</v>
      </c>
      <c r="AJ15040">
        <v>34</v>
      </c>
      <c r="AK15040">
        <v>34</v>
      </c>
      <c r="AL15040">
        <v>34</v>
      </c>
      <c r="AM15040">
        <v>35</v>
      </c>
      <c r="AN15040">
        <v>35</v>
      </c>
      <c r="AO15040">
        <v>35</v>
      </c>
      <c r="AP15040">
        <v>36</v>
      </c>
      <c r="AQ15040">
        <v>36</v>
      </c>
    </row>
    <row r="15041" spans="1:43">
      <c r="A15041" t="s">
        <v>9352</v>
      </c>
      <c r="B15041" t="s">
        <v>9353</v>
      </c>
      <c r="C15041" t="s">
        <v>9350</v>
      </c>
      <c r="D15041" t="s">
        <v>9351</v>
      </c>
      <c r="E15041" t="s">
        <v>9202</v>
      </c>
      <c r="F15041" t="s">
        <v>9203</v>
      </c>
      <c r="G15041" t="s">
        <v>80</v>
      </c>
      <c r="H15041" t="s">
        <v>81</v>
      </c>
      <c r="I15041" s="2">
        <v>0</v>
      </c>
      <c r="J15041" s="2">
        <v>1</v>
      </c>
      <c r="K15041" s="2">
        <v>0</v>
      </c>
      <c r="L15041" t="s">
        <v>82</v>
      </c>
      <c r="M15041" t="s">
        <v>83</v>
      </c>
      <c r="N15041" t="s">
        <v>91</v>
      </c>
      <c r="O15041" t="s">
        <v>85</v>
      </c>
      <c r="P15041" t="s">
        <v>86</v>
      </c>
      <c r="Q15041">
        <v>22</v>
      </c>
      <c r="R15041">
        <v>23</v>
      </c>
      <c r="S15041">
        <v>23</v>
      </c>
      <c r="T15041">
        <v>24</v>
      </c>
      <c r="U15041">
        <v>24</v>
      </c>
      <c r="V15041">
        <v>25</v>
      </c>
      <c r="W15041">
        <v>26</v>
      </c>
      <c r="X15041">
        <v>26</v>
      </c>
      <c r="Y15041">
        <v>27</v>
      </c>
      <c r="Z15041">
        <v>27</v>
      </c>
      <c r="AA15041">
        <v>28</v>
      </c>
      <c r="AB15041">
        <v>28</v>
      </c>
      <c r="AC15041">
        <v>29</v>
      </c>
      <c r="AD15041">
        <v>30</v>
      </c>
      <c r="AE15041">
        <v>30</v>
      </c>
      <c r="AF15041">
        <v>31</v>
      </c>
      <c r="AG15041">
        <v>31</v>
      </c>
      <c r="AH15041">
        <v>32</v>
      </c>
      <c r="AI15041">
        <v>33</v>
      </c>
      <c r="AJ15041">
        <v>33</v>
      </c>
      <c r="AK15041">
        <v>34</v>
      </c>
      <c r="AL15041">
        <v>34</v>
      </c>
      <c r="AM15041">
        <v>34</v>
      </c>
      <c r="AN15041">
        <v>35</v>
      </c>
      <c r="AO15041">
        <v>35</v>
      </c>
      <c r="AP15041">
        <v>35</v>
      </c>
      <c r="AQ15041">
        <v>36</v>
      </c>
    </row>
    <row r="15042" spans="1:43">
      <c r="A15042" t="s">
        <v>9354</v>
      </c>
      <c r="B15042" t="s">
        <v>9355</v>
      </c>
      <c r="C15042" t="s">
        <v>9350</v>
      </c>
      <c r="D15042" t="s">
        <v>9351</v>
      </c>
      <c r="E15042" t="s">
        <v>9202</v>
      </c>
      <c r="F15042" t="s">
        <v>9203</v>
      </c>
      <c r="G15042" t="s">
        <v>80</v>
      </c>
      <c r="H15042" t="s">
        <v>81</v>
      </c>
      <c r="I15042" s="2">
        <v>0</v>
      </c>
      <c r="J15042" s="2">
        <v>1</v>
      </c>
      <c r="K15042" s="2">
        <v>0</v>
      </c>
      <c r="L15042" t="s">
        <v>82</v>
      </c>
      <c r="M15042" t="s">
        <v>83</v>
      </c>
      <c r="N15042" t="s">
        <v>84</v>
      </c>
      <c r="O15042" t="s">
        <v>85</v>
      </c>
      <c r="P15042" t="s">
        <v>86</v>
      </c>
      <c r="Q15042">
        <v>6</v>
      </c>
      <c r="R15042">
        <v>6</v>
      </c>
      <c r="S15042">
        <v>6</v>
      </c>
      <c r="T15042">
        <v>7</v>
      </c>
      <c r="U15042">
        <v>7</v>
      </c>
      <c r="V15042">
        <v>7</v>
      </c>
      <c r="W15042">
        <v>7</v>
      </c>
      <c r="X15042">
        <v>7</v>
      </c>
      <c r="Y15042">
        <v>7</v>
      </c>
      <c r="Z15042">
        <v>8</v>
      </c>
      <c r="AA15042">
        <v>8</v>
      </c>
      <c r="AB15042">
        <v>8</v>
      </c>
      <c r="AC15042">
        <v>8</v>
      </c>
      <c r="AD15042">
        <v>8</v>
      </c>
      <c r="AE15042">
        <v>8</v>
      </c>
      <c r="AF15042">
        <v>9</v>
      </c>
      <c r="AG15042">
        <v>9</v>
      </c>
      <c r="AH15042">
        <v>9</v>
      </c>
      <c r="AI15042">
        <v>9</v>
      </c>
      <c r="AJ15042">
        <v>9</v>
      </c>
      <c r="AK15042">
        <v>9</v>
      </c>
      <c r="AL15042">
        <v>9</v>
      </c>
      <c r="AM15042">
        <v>10</v>
      </c>
      <c r="AN15042">
        <v>10</v>
      </c>
      <c r="AO15042">
        <v>10</v>
      </c>
      <c r="AP15042">
        <v>10</v>
      </c>
      <c r="AQ15042">
        <v>10</v>
      </c>
    </row>
    <row r="15043" spans="1:43">
      <c r="A15043" t="s">
        <v>9354</v>
      </c>
      <c r="B15043" t="s">
        <v>9355</v>
      </c>
      <c r="C15043" t="s">
        <v>9350</v>
      </c>
      <c r="D15043" t="s">
        <v>9351</v>
      </c>
      <c r="E15043" t="s">
        <v>9202</v>
      </c>
      <c r="F15043" t="s">
        <v>9203</v>
      </c>
      <c r="G15043" t="s">
        <v>80</v>
      </c>
      <c r="H15043" t="s">
        <v>81</v>
      </c>
      <c r="I15043" s="2">
        <v>0</v>
      </c>
      <c r="J15043" s="2">
        <v>1</v>
      </c>
      <c r="K15043" s="2">
        <v>0</v>
      </c>
      <c r="L15043" t="s">
        <v>82</v>
      </c>
      <c r="M15043" t="s">
        <v>87</v>
      </c>
      <c r="N15043" t="s">
        <v>88</v>
      </c>
      <c r="O15043" t="s">
        <v>85</v>
      </c>
      <c r="P15043" t="s">
        <v>86</v>
      </c>
      <c r="Q15043">
        <v>6</v>
      </c>
      <c r="R15043">
        <v>6</v>
      </c>
      <c r="S15043">
        <v>6</v>
      </c>
      <c r="T15043">
        <v>6</v>
      </c>
      <c r="U15043">
        <v>6</v>
      </c>
      <c r="V15043">
        <v>7</v>
      </c>
      <c r="W15043">
        <v>7</v>
      </c>
      <c r="X15043">
        <v>7</v>
      </c>
      <c r="Y15043">
        <v>7</v>
      </c>
      <c r="Z15043">
        <v>7</v>
      </c>
      <c r="AA15043">
        <v>7</v>
      </c>
      <c r="AB15043">
        <v>7</v>
      </c>
      <c r="AC15043">
        <v>7</v>
      </c>
      <c r="AD15043">
        <v>7</v>
      </c>
      <c r="AE15043">
        <v>7</v>
      </c>
      <c r="AF15043">
        <v>7</v>
      </c>
      <c r="AG15043">
        <v>8</v>
      </c>
      <c r="AH15043">
        <v>8</v>
      </c>
      <c r="AI15043">
        <v>8</v>
      </c>
      <c r="AJ15043">
        <v>8</v>
      </c>
      <c r="AK15043">
        <v>8</v>
      </c>
      <c r="AL15043">
        <v>8</v>
      </c>
      <c r="AM15043">
        <v>8</v>
      </c>
      <c r="AN15043">
        <v>8</v>
      </c>
      <c r="AO15043">
        <v>8</v>
      </c>
      <c r="AP15043">
        <v>9</v>
      </c>
      <c r="AQ15043">
        <v>9</v>
      </c>
    </row>
    <row r="15044" spans="1:43">
      <c r="A15044" t="s">
        <v>9354</v>
      </c>
      <c r="B15044" t="s">
        <v>9355</v>
      </c>
      <c r="C15044" t="s">
        <v>9350</v>
      </c>
      <c r="D15044" t="s">
        <v>9351</v>
      </c>
      <c r="E15044" t="s">
        <v>9202</v>
      </c>
      <c r="F15044" t="s">
        <v>9203</v>
      </c>
      <c r="G15044" t="s">
        <v>80</v>
      </c>
      <c r="H15044" t="s">
        <v>81</v>
      </c>
      <c r="I15044" s="2">
        <v>0</v>
      </c>
      <c r="J15044" s="2">
        <v>1</v>
      </c>
      <c r="K15044" s="2">
        <v>0</v>
      </c>
      <c r="L15044" t="s">
        <v>82</v>
      </c>
      <c r="M15044" t="s">
        <v>89</v>
      </c>
      <c r="N15044" t="s">
        <v>90</v>
      </c>
      <c r="O15044" t="s">
        <v>85</v>
      </c>
      <c r="P15044" t="s">
        <v>86</v>
      </c>
      <c r="Q15044">
        <v>6</v>
      </c>
      <c r="R15044">
        <v>6</v>
      </c>
      <c r="S15044">
        <v>7</v>
      </c>
      <c r="T15044">
        <v>7</v>
      </c>
      <c r="U15044">
        <v>7</v>
      </c>
      <c r="V15044">
        <v>7</v>
      </c>
      <c r="W15044">
        <v>7</v>
      </c>
      <c r="X15044">
        <v>8</v>
      </c>
      <c r="Y15044">
        <v>8</v>
      </c>
      <c r="Z15044">
        <v>8</v>
      </c>
      <c r="AA15044">
        <v>8</v>
      </c>
      <c r="AB15044">
        <v>8</v>
      </c>
      <c r="AC15044">
        <v>9</v>
      </c>
      <c r="AD15044">
        <v>9</v>
      </c>
      <c r="AE15044">
        <v>9</v>
      </c>
      <c r="AF15044">
        <v>9</v>
      </c>
      <c r="AG15044">
        <v>9</v>
      </c>
      <c r="AH15044">
        <v>9</v>
      </c>
      <c r="AI15044">
        <v>9</v>
      </c>
      <c r="AJ15044">
        <v>9</v>
      </c>
      <c r="AK15044">
        <v>9</v>
      </c>
      <c r="AL15044">
        <v>10</v>
      </c>
      <c r="AM15044">
        <v>10</v>
      </c>
      <c r="AN15044">
        <v>10</v>
      </c>
      <c r="AO15044">
        <v>10</v>
      </c>
      <c r="AP15044">
        <v>10</v>
      </c>
      <c r="AQ15044">
        <v>10</v>
      </c>
    </row>
    <row r="15045" spans="1:43">
      <c r="A15045" t="s">
        <v>9354</v>
      </c>
      <c r="B15045" t="s">
        <v>9355</v>
      </c>
      <c r="C15045" t="s">
        <v>9350</v>
      </c>
      <c r="D15045" t="s">
        <v>9351</v>
      </c>
      <c r="E15045" t="s">
        <v>9202</v>
      </c>
      <c r="F15045" t="s">
        <v>9203</v>
      </c>
      <c r="G15045" t="s">
        <v>80</v>
      </c>
      <c r="H15045" t="s">
        <v>81</v>
      </c>
      <c r="I15045" s="2">
        <v>0</v>
      </c>
      <c r="J15045" s="2">
        <v>1</v>
      </c>
      <c r="K15045" s="2">
        <v>0</v>
      </c>
      <c r="L15045" t="s">
        <v>82</v>
      </c>
      <c r="M15045" t="s">
        <v>83</v>
      </c>
      <c r="N15045" t="s">
        <v>91</v>
      </c>
      <c r="O15045" t="s">
        <v>85</v>
      </c>
      <c r="P15045" t="s">
        <v>86</v>
      </c>
      <c r="Q15045">
        <v>6</v>
      </c>
      <c r="R15045">
        <v>6</v>
      </c>
      <c r="S15045">
        <v>6</v>
      </c>
      <c r="T15045">
        <v>7</v>
      </c>
      <c r="U15045">
        <v>7</v>
      </c>
      <c r="V15045">
        <v>7</v>
      </c>
      <c r="W15045">
        <v>7</v>
      </c>
      <c r="X15045">
        <v>7</v>
      </c>
      <c r="Y15045">
        <v>7</v>
      </c>
      <c r="Z15045">
        <v>8</v>
      </c>
      <c r="AA15045">
        <v>8</v>
      </c>
      <c r="AB15045">
        <v>8</v>
      </c>
      <c r="AC15045">
        <v>8</v>
      </c>
      <c r="AD15045">
        <v>8</v>
      </c>
      <c r="AE15045">
        <v>8</v>
      </c>
      <c r="AF15045">
        <v>9</v>
      </c>
      <c r="AG15045">
        <v>9</v>
      </c>
      <c r="AH15045">
        <v>9</v>
      </c>
      <c r="AI15045">
        <v>9</v>
      </c>
      <c r="AJ15045">
        <v>9</v>
      </c>
      <c r="AK15045">
        <v>9</v>
      </c>
      <c r="AL15045">
        <v>9</v>
      </c>
      <c r="AM15045">
        <v>10</v>
      </c>
      <c r="AN15045">
        <v>10</v>
      </c>
      <c r="AO15045">
        <v>10</v>
      </c>
      <c r="AP15045">
        <v>10</v>
      </c>
      <c r="AQ15045">
        <v>10</v>
      </c>
    </row>
    <row r="15046" spans="1:43">
      <c r="A15046" t="s">
        <v>9356</v>
      </c>
      <c r="B15046" t="s">
        <v>9357</v>
      </c>
      <c r="C15046" t="s">
        <v>9338</v>
      </c>
      <c r="D15046" t="s">
        <v>9339</v>
      </c>
      <c r="E15046" t="s">
        <v>9202</v>
      </c>
      <c r="F15046" t="s">
        <v>9203</v>
      </c>
      <c r="G15046" t="s">
        <v>80</v>
      </c>
      <c r="H15046" t="s">
        <v>81</v>
      </c>
      <c r="I15046" s="2">
        <v>0</v>
      </c>
      <c r="J15046" s="2">
        <v>1</v>
      </c>
      <c r="K15046" s="2">
        <v>0</v>
      </c>
      <c r="L15046" t="s">
        <v>82</v>
      </c>
      <c r="M15046" t="s">
        <v>83</v>
      </c>
      <c r="N15046" t="s">
        <v>84</v>
      </c>
      <c r="O15046" t="s">
        <v>85</v>
      </c>
      <c r="P15046" t="s">
        <v>86</v>
      </c>
      <c r="Q15046">
        <v>11</v>
      </c>
      <c r="R15046">
        <v>11</v>
      </c>
      <c r="S15046">
        <v>12</v>
      </c>
      <c r="T15046">
        <v>12</v>
      </c>
      <c r="U15046">
        <v>12</v>
      </c>
      <c r="V15046">
        <v>12</v>
      </c>
      <c r="W15046">
        <v>12</v>
      </c>
      <c r="X15046">
        <v>12</v>
      </c>
      <c r="Y15046">
        <v>13</v>
      </c>
      <c r="Z15046">
        <v>13</v>
      </c>
      <c r="AA15046">
        <v>13</v>
      </c>
      <c r="AB15046">
        <v>13</v>
      </c>
      <c r="AC15046">
        <v>13</v>
      </c>
      <c r="AD15046">
        <v>13</v>
      </c>
      <c r="AE15046">
        <v>13</v>
      </c>
      <c r="AF15046">
        <v>14</v>
      </c>
      <c r="AG15046">
        <v>14</v>
      </c>
      <c r="AH15046">
        <v>14</v>
      </c>
      <c r="AI15046">
        <v>14</v>
      </c>
      <c r="AJ15046">
        <v>14</v>
      </c>
      <c r="AK15046">
        <v>14</v>
      </c>
      <c r="AL15046">
        <v>14</v>
      </c>
      <c r="AM15046">
        <v>14</v>
      </c>
      <c r="AN15046">
        <v>14</v>
      </c>
      <c r="AO15046">
        <v>14</v>
      </c>
      <c r="AP15046">
        <v>14</v>
      </c>
      <c r="AQ15046">
        <v>14</v>
      </c>
    </row>
    <row r="15047" spans="1:43">
      <c r="A15047" t="s">
        <v>9356</v>
      </c>
      <c r="B15047" t="s">
        <v>9357</v>
      </c>
      <c r="C15047" t="s">
        <v>9338</v>
      </c>
      <c r="D15047" t="s">
        <v>9339</v>
      </c>
      <c r="E15047" t="s">
        <v>9202</v>
      </c>
      <c r="F15047" t="s">
        <v>9203</v>
      </c>
      <c r="G15047" t="s">
        <v>80</v>
      </c>
      <c r="H15047" t="s">
        <v>81</v>
      </c>
      <c r="I15047" s="2">
        <v>0</v>
      </c>
      <c r="J15047" s="2">
        <v>1</v>
      </c>
      <c r="K15047" s="2">
        <v>0</v>
      </c>
      <c r="L15047" t="s">
        <v>82</v>
      </c>
      <c r="M15047" t="s">
        <v>87</v>
      </c>
      <c r="N15047" t="s">
        <v>88</v>
      </c>
      <c r="O15047" t="s">
        <v>85</v>
      </c>
      <c r="P15047" t="s">
        <v>86</v>
      </c>
      <c r="Q15047">
        <v>11</v>
      </c>
      <c r="R15047">
        <v>11</v>
      </c>
      <c r="S15047">
        <v>11</v>
      </c>
      <c r="T15047">
        <v>11</v>
      </c>
      <c r="U15047">
        <v>11</v>
      </c>
      <c r="V15047">
        <v>11</v>
      </c>
      <c r="W15047">
        <v>11</v>
      </c>
      <c r="X15047">
        <v>12</v>
      </c>
      <c r="Y15047">
        <v>12</v>
      </c>
      <c r="Z15047">
        <v>12</v>
      </c>
      <c r="AA15047">
        <v>12</v>
      </c>
      <c r="AB15047">
        <v>12</v>
      </c>
      <c r="AC15047">
        <v>12</v>
      </c>
      <c r="AD15047">
        <v>12</v>
      </c>
      <c r="AE15047">
        <v>12</v>
      </c>
      <c r="AF15047">
        <v>12</v>
      </c>
      <c r="AG15047">
        <v>12</v>
      </c>
      <c r="AH15047">
        <v>12</v>
      </c>
      <c r="AI15047">
        <v>12</v>
      </c>
      <c r="AJ15047">
        <v>12</v>
      </c>
      <c r="AK15047">
        <v>12</v>
      </c>
      <c r="AL15047">
        <v>12</v>
      </c>
      <c r="AM15047">
        <v>12</v>
      </c>
      <c r="AN15047">
        <v>12</v>
      </c>
      <c r="AO15047">
        <v>12</v>
      </c>
      <c r="AP15047">
        <v>12</v>
      </c>
      <c r="AQ15047">
        <v>12</v>
      </c>
    </row>
    <row r="15048" spans="1:43">
      <c r="A15048" t="s">
        <v>9356</v>
      </c>
      <c r="B15048" t="s">
        <v>9357</v>
      </c>
      <c r="C15048" t="s">
        <v>9338</v>
      </c>
      <c r="D15048" t="s">
        <v>9339</v>
      </c>
      <c r="E15048" t="s">
        <v>9202</v>
      </c>
      <c r="F15048" t="s">
        <v>9203</v>
      </c>
      <c r="G15048" t="s">
        <v>80</v>
      </c>
      <c r="H15048" t="s">
        <v>81</v>
      </c>
      <c r="I15048" s="2">
        <v>0</v>
      </c>
      <c r="J15048" s="2">
        <v>1</v>
      </c>
      <c r="K15048" s="2">
        <v>0</v>
      </c>
      <c r="L15048" t="s">
        <v>82</v>
      </c>
      <c r="M15048" t="s">
        <v>89</v>
      </c>
      <c r="N15048" t="s">
        <v>90</v>
      </c>
      <c r="O15048" t="s">
        <v>85</v>
      </c>
      <c r="P15048" t="s">
        <v>86</v>
      </c>
      <c r="Q15048">
        <v>11</v>
      </c>
      <c r="R15048">
        <v>12</v>
      </c>
      <c r="S15048">
        <v>12</v>
      </c>
      <c r="T15048">
        <v>12</v>
      </c>
      <c r="U15048">
        <v>12</v>
      </c>
      <c r="V15048">
        <v>13</v>
      </c>
      <c r="W15048">
        <v>13</v>
      </c>
      <c r="X15048">
        <v>13</v>
      </c>
      <c r="Y15048">
        <v>13</v>
      </c>
      <c r="Z15048">
        <v>13</v>
      </c>
      <c r="AA15048">
        <v>14</v>
      </c>
      <c r="AB15048">
        <v>14</v>
      </c>
      <c r="AC15048">
        <v>14</v>
      </c>
      <c r="AD15048">
        <v>14</v>
      </c>
      <c r="AE15048">
        <v>14</v>
      </c>
      <c r="AF15048">
        <v>14</v>
      </c>
      <c r="AG15048">
        <v>14</v>
      </c>
      <c r="AH15048">
        <v>14</v>
      </c>
      <c r="AI15048">
        <v>14</v>
      </c>
      <c r="AJ15048">
        <v>14</v>
      </c>
      <c r="AK15048">
        <v>14</v>
      </c>
      <c r="AL15048">
        <v>14</v>
      </c>
      <c r="AM15048">
        <v>14</v>
      </c>
      <c r="AN15048">
        <v>14</v>
      </c>
      <c r="AO15048">
        <v>14</v>
      </c>
      <c r="AP15048">
        <v>14</v>
      </c>
      <c r="AQ15048">
        <v>14</v>
      </c>
    </row>
    <row r="15049" spans="1:43">
      <c r="A15049" t="s">
        <v>9356</v>
      </c>
      <c r="B15049" t="s">
        <v>9357</v>
      </c>
      <c r="C15049" t="s">
        <v>9338</v>
      </c>
      <c r="D15049" t="s">
        <v>9339</v>
      </c>
      <c r="E15049" t="s">
        <v>9202</v>
      </c>
      <c r="F15049" t="s">
        <v>9203</v>
      </c>
      <c r="G15049" t="s">
        <v>80</v>
      </c>
      <c r="H15049" t="s">
        <v>81</v>
      </c>
      <c r="I15049" s="2">
        <v>0</v>
      </c>
      <c r="J15049" s="2">
        <v>1</v>
      </c>
      <c r="K15049" s="2">
        <v>0</v>
      </c>
      <c r="L15049" t="s">
        <v>82</v>
      </c>
      <c r="M15049" t="s">
        <v>83</v>
      </c>
      <c r="N15049" t="s">
        <v>91</v>
      </c>
      <c r="O15049" t="s">
        <v>85</v>
      </c>
      <c r="P15049" t="s">
        <v>86</v>
      </c>
      <c r="Q15049">
        <v>11</v>
      </c>
      <c r="R15049">
        <v>11</v>
      </c>
      <c r="S15049">
        <v>12</v>
      </c>
      <c r="T15049">
        <v>12</v>
      </c>
      <c r="U15049">
        <v>12</v>
      </c>
      <c r="V15049">
        <v>12</v>
      </c>
      <c r="W15049">
        <v>12</v>
      </c>
      <c r="X15049">
        <v>12</v>
      </c>
      <c r="Y15049">
        <v>13</v>
      </c>
      <c r="Z15049">
        <v>13</v>
      </c>
      <c r="AA15049">
        <v>13</v>
      </c>
      <c r="AB15049">
        <v>13</v>
      </c>
      <c r="AC15049">
        <v>13</v>
      </c>
      <c r="AD15049">
        <v>13</v>
      </c>
      <c r="AE15049">
        <v>13</v>
      </c>
      <c r="AF15049">
        <v>14</v>
      </c>
      <c r="AG15049">
        <v>14</v>
      </c>
      <c r="AH15049">
        <v>14</v>
      </c>
      <c r="AI15049">
        <v>14</v>
      </c>
      <c r="AJ15049">
        <v>14</v>
      </c>
      <c r="AK15049">
        <v>14</v>
      </c>
      <c r="AL15049">
        <v>14</v>
      </c>
      <c r="AM15049">
        <v>14</v>
      </c>
      <c r="AN15049">
        <v>14</v>
      </c>
      <c r="AO15049">
        <v>14</v>
      </c>
      <c r="AP15049">
        <v>14</v>
      </c>
      <c r="AQ15049">
        <v>14</v>
      </c>
    </row>
    <row r="15050" spans="1:43">
      <c r="A15050" t="s">
        <v>9358</v>
      </c>
      <c r="B15050" t="s">
        <v>9359</v>
      </c>
      <c r="C15050" t="s">
        <v>9338</v>
      </c>
      <c r="D15050" t="s">
        <v>9339</v>
      </c>
      <c r="E15050" t="s">
        <v>9202</v>
      </c>
      <c r="F15050" t="s">
        <v>9203</v>
      </c>
      <c r="G15050" t="s">
        <v>80</v>
      </c>
      <c r="H15050" t="s">
        <v>81</v>
      </c>
      <c r="I15050" s="2">
        <v>0</v>
      </c>
      <c r="J15050" s="2">
        <v>1</v>
      </c>
      <c r="K15050" s="2">
        <v>0</v>
      </c>
      <c r="L15050" t="s">
        <v>82</v>
      </c>
      <c r="M15050" t="s">
        <v>83</v>
      </c>
      <c r="N15050" t="s">
        <v>84</v>
      </c>
      <c r="O15050" t="s">
        <v>85</v>
      </c>
      <c r="P15050" t="s">
        <v>86</v>
      </c>
      <c r="Q15050">
        <v>35</v>
      </c>
      <c r="R15050">
        <v>36</v>
      </c>
      <c r="S15050">
        <v>37</v>
      </c>
      <c r="T15050">
        <v>38</v>
      </c>
      <c r="U15050">
        <v>38</v>
      </c>
      <c r="V15050">
        <v>39</v>
      </c>
      <c r="W15050">
        <v>40</v>
      </c>
      <c r="X15050">
        <v>41</v>
      </c>
      <c r="Y15050">
        <v>42</v>
      </c>
      <c r="Z15050">
        <v>43</v>
      </c>
      <c r="AA15050">
        <v>44</v>
      </c>
      <c r="AB15050">
        <v>45</v>
      </c>
      <c r="AC15050">
        <v>46</v>
      </c>
      <c r="AD15050">
        <v>47</v>
      </c>
      <c r="AE15050">
        <v>48</v>
      </c>
      <c r="AF15050">
        <v>48</v>
      </c>
      <c r="AG15050">
        <v>49</v>
      </c>
      <c r="AH15050">
        <v>50</v>
      </c>
      <c r="AI15050">
        <v>51</v>
      </c>
      <c r="AJ15050">
        <v>52</v>
      </c>
      <c r="AK15050">
        <v>53</v>
      </c>
      <c r="AL15050">
        <v>54</v>
      </c>
      <c r="AM15050">
        <v>55</v>
      </c>
      <c r="AN15050">
        <v>55</v>
      </c>
      <c r="AO15050">
        <v>56</v>
      </c>
      <c r="AP15050">
        <v>56</v>
      </c>
      <c r="AQ15050">
        <v>57</v>
      </c>
    </row>
    <row r="15051" spans="1:43">
      <c r="A15051" t="s">
        <v>9358</v>
      </c>
      <c r="B15051" t="s">
        <v>9359</v>
      </c>
      <c r="C15051" t="s">
        <v>9338</v>
      </c>
      <c r="D15051" t="s">
        <v>9339</v>
      </c>
      <c r="E15051" t="s">
        <v>9202</v>
      </c>
      <c r="F15051" t="s">
        <v>9203</v>
      </c>
      <c r="G15051" t="s">
        <v>80</v>
      </c>
      <c r="H15051" t="s">
        <v>81</v>
      </c>
      <c r="I15051" s="2">
        <v>0</v>
      </c>
      <c r="J15051" s="2">
        <v>1</v>
      </c>
      <c r="K15051" s="2">
        <v>0</v>
      </c>
      <c r="L15051" t="s">
        <v>82</v>
      </c>
      <c r="M15051" t="s">
        <v>87</v>
      </c>
      <c r="N15051" t="s">
        <v>88</v>
      </c>
      <c r="O15051" t="s">
        <v>85</v>
      </c>
      <c r="P15051" t="s">
        <v>86</v>
      </c>
      <c r="Q15051">
        <v>35</v>
      </c>
      <c r="R15051">
        <v>35</v>
      </c>
      <c r="S15051">
        <v>36</v>
      </c>
      <c r="T15051">
        <v>36</v>
      </c>
      <c r="U15051">
        <v>37</v>
      </c>
      <c r="V15051">
        <v>37</v>
      </c>
      <c r="W15051">
        <v>38</v>
      </c>
      <c r="X15051">
        <v>38</v>
      </c>
      <c r="Y15051">
        <v>39</v>
      </c>
      <c r="Z15051">
        <v>39</v>
      </c>
      <c r="AA15051">
        <v>40</v>
      </c>
      <c r="AB15051">
        <v>40</v>
      </c>
      <c r="AC15051">
        <v>41</v>
      </c>
      <c r="AD15051">
        <v>42</v>
      </c>
      <c r="AE15051">
        <v>42</v>
      </c>
      <c r="AF15051">
        <v>43</v>
      </c>
      <c r="AG15051">
        <v>43</v>
      </c>
      <c r="AH15051">
        <v>44</v>
      </c>
      <c r="AI15051">
        <v>44</v>
      </c>
      <c r="AJ15051">
        <v>45</v>
      </c>
      <c r="AK15051">
        <v>45</v>
      </c>
      <c r="AL15051">
        <v>46</v>
      </c>
      <c r="AM15051">
        <v>47</v>
      </c>
      <c r="AN15051">
        <v>47</v>
      </c>
      <c r="AO15051">
        <v>48</v>
      </c>
      <c r="AP15051">
        <v>49</v>
      </c>
      <c r="AQ15051">
        <v>49</v>
      </c>
    </row>
    <row r="15052" spans="1:43">
      <c r="A15052" t="s">
        <v>9358</v>
      </c>
      <c r="B15052" t="s">
        <v>9359</v>
      </c>
      <c r="C15052" t="s">
        <v>9338</v>
      </c>
      <c r="D15052" t="s">
        <v>9339</v>
      </c>
      <c r="E15052" t="s">
        <v>9202</v>
      </c>
      <c r="F15052" t="s">
        <v>9203</v>
      </c>
      <c r="G15052" t="s">
        <v>80</v>
      </c>
      <c r="H15052" t="s">
        <v>81</v>
      </c>
      <c r="I15052" s="2">
        <v>0</v>
      </c>
      <c r="J15052" s="2">
        <v>1</v>
      </c>
      <c r="K15052" s="2">
        <v>0</v>
      </c>
      <c r="L15052" t="s">
        <v>82</v>
      </c>
      <c r="M15052" t="s">
        <v>89</v>
      </c>
      <c r="N15052" t="s">
        <v>90</v>
      </c>
      <c r="O15052" t="s">
        <v>85</v>
      </c>
      <c r="P15052" t="s">
        <v>86</v>
      </c>
      <c r="Q15052">
        <v>35</v>
      </c>
      <c r="R15052">
        <v>36</v>
      </c>
      <c r="S15052">
        <v>38</v>
      </c>
      <c r="T15052">
        <v>39</v>
      </c>
      <c r="U15052">
        <v>40</v>
      </c>
      <c r="V15052">
        <v>41</v>
      </c>
      <c r="W15052">
        <v>42</v>
      </c>
      <c r="X15052">
        <v>43</v>
      </c>
      <c r="Y15052">
        <v>44</v>
      </c>
      <c r="Z15052">
        <v>46</v>
      </c>
      <c r="AA15052">
        <v>47</v>
      </c>
      <c r="AB15052">
        <v>48</v>
      </c>
      <c r="AC15052">
        <v>49</v>
      </c>
      <c r="AD15052">
        <v>50</v>
      </c>
      <c r="AE15052">
        <v>51</v>
      </c>
      <c r="AF15052">
        <v>52</v>
      </c>
      <c r="AG15052">
        <v>52</v>
      </c>
      <c r="AH15052">
        <v>53</v>
      </c>
      <c r="AI15052">
        <v>53</v>
      </c>
      <c r="AJ15052">
        <v>54</v>
      </c>
      <c r="AK15052">
        <v>54</v>
      </c>
      <c r="AL15052">
        <v>55</v>
      </c>
      <c r="AM15052">
        <v>55</v>
      </c>
      <c r="AN15052">
        <v>56</v>
      </c>
      <c r="AO15052">
        <v>56</v>
      </c>
      <c r="AP15052">
        <v>57</v>
      </c>
      <c r="AQ15052">
        <v>57</v>
      </c>
    </row>
    <row r="15053" spans="1:43">
      <c r="A15053" t="s">
        <v>9358</v>
      </c>
      <c r="B15053" t="s">
        <v>9359</v>
      </c>
      <c r="C15053" t="s">
        <v>9338</v>
      </c>
      <c r="D15053" t="s">
        <v>9339</v>
      </c>
      <c r="E15053" t="s">
        <v>9202</v>
      </c>
      <c r="F15053" t="s">
        <v>9203</v>
      </c>
      <c r="G15053" t="s">
        <v>80</v>
      </c>
      <c r="H15053" t="s">
        <v>81</v>
      </c>
      <c r="I15053" s="2">
        <v>0</v>
      </c>
      <c r="J15053" s="2">
        <v>1</v>
      </c>
      <c r="K15053" s="2">
        <v>0</v>
      </c>
      <c r="L15053" t="s">
        <v>82</v>
      </c>
      <c r="M15053" t="s">
        <v>83</v>
      </c>
      <c r="N15053" t="s">
        <v>91</v>
      </c>
      <c r="O15053" t="s">
        <v>85</v>
      </c>
      <c r="P15053" t="s">
        <v>86</v>
      </c>
      <c r="Q15053">
        <v>35</v>
      </c>
      <c r="R15053">
        <v>36</v>
      </c>
      <c r="S15053">
        <v>37</v>
      </c>
      <c r="T15053">
        <v>38</v>
      </c>
      <c r="U15053">
        <v>38</v>
      </c>
      <c r="V15053">
        <v>39</v>
      </c>
      <c r="W15053">
        <v>40</v>
      </c>
      <c r="X15053">
        <v>41</v>
      </c>
      <c r="Y15053">
        <v>42</v>
      </c>
      <c r="Z15053">
        <v>43</v>
      </c>
      <c r="AA15053">
        <v>44</v>
      </c>
      <c r="AB15053">
        <v>45</v>
      </c>
      <c r="AC15053">
        <v>46</v>
      </c>
      <c r="AD15053">
        <v>47</v>
      </c>
      <c r="AE15053">
        <v>48</v>
      </c>
      <c r="AF15053">
        <v>48</v>
      </c>
      <c r="AG15053">
        <v>49</v>
      </c>
      <c r="AH15053">
        <v>50</v>
      </c>
      <c r="AI15053">
        <v>51</v>
      </c>
      <c r="AJ15053">
        <v>52</v>
      </c>
      <c r="AK15053">
        <v>53</v>
      </c>
      <c r="AL15053">
        <v>54</v>
      </c>
      <c r="AM15053">
        <v>55</v>
      </c>
      <c r="AN15053">
        <v>55</v>
      </c>
      <c r="AO15053">
        <v>56</v>
      </c>
      <c r="AP15053">
        <v>56</v>
      </c>
      <c r="AQ15053">
        <v>57</v>
      </c>
    </row>
    <row r="15054" spans="1:43">
      <c r="A15054" t="s">
        <v>9360</v>
      </c>
      <c r="B15054" t="s">
        <v>9361</v>
      </c>
      <c r="C15054" t="s">
        <v>9350</v>
      </c>
      <c r="D15054" t="s">
        <v>9351</v>
      </c>
      <c r="E15054" t="s">
        <v>9202</v>
      </c>
      <c r="F15054" t="s">
        <v>9203</v>
      </c>
      <c r="G15054" t="s">
        <v>80</v>
      </c>
      <c r="H15054" t="s">
        <v>81</v>
      </c>
      <c r="I15054" s="2">
        <v>1</v>
      </c>
      <c r="J15054" s="2">
        <v>0</v>
      </c>
      <c r="K15054" s="2">
        <v>0</v>
      </c>
      <c r="L15054" t="s">
        <v>120</v>
      </c>
      <c r="M15054" t="s">
        <v>83</v>
      </c>
      <c r="N15054" t="s">
        <v>84</v>
      </c>
      <c r="O15054" t="s">
        <v>85</v>
      </c>
      <c r="P15054" t="s">
        <v>86</v>
      </c>
      <c r="Q15054">
        <v>17</v>
      </c>
      <c r="R15054">
        <v>18</v>
      </c>
      <c r="S15054">
        <v>18</v>
      </c>
      <c r="T15054">
        <v>19</v>
      </c>
      <c r="U15054">
        <v>19</v>
      </c>
      <c r="V15054">
        <v>20</v>
      </c>
      <c r="W15054">
        <v>20</v>
      </c>
      <c r="X15054">
        <v>20</v>
      </c>
      <c r="Y15054">
        <v>21</v>
      </c>
      <c r="Z15054">
        <v>21</v>
      </c>
      <c r="AA15054">
        <v>22</v>
      </c>
      <c r="AB15054">
        <v>22</v>
      </c>
      <c r="AC15054">
        <v>23</v>
      </c>
      <c r="AD15054">
        <v>23</v>
      </c>
      <c r="AE15054">
        <v>24</v>
      </c>
      <c r="AF15054">
        <v>24</v>
      </c>
      <c r="AG15054">
        <v>25</v>
      </c>
      <c r="AH15054">
        <v>25</v>
      </c>
      <c r="AI15054">
        <v>25</v>
      </c>
      <c r="AJ15054">
        <v>26</v>
      </c>
      <c r="AK15054">
        <v>26</v>
      </c>
      <c r="AL15054">
        <v>27</v>
      </c>
      <c r="AM15054">
        <v>27</v>
      </c>
      <c r="AN15054">
        <v>27</v>
      </c>
      <c r="AO15054">
        <v>28</v>
      </c>
      <c r="AP15054">
        <v>28</v>
      </c>
      <c r="AQ15054">
        <v>28</v>
      </c>
    </row>
    <row r="15055" spans="1:43">
      <c r="A15055" t="s">
        <v>9360</v>
      </c>
      <c r="B15055" t="s">
        <v>9361</v>
      </c>
      <c r="C15055" t="s">
        <v>9350</v>
      </c>
      <c r="D15055" t="s">
        <v>9351</v>
      </c>
      <c r="E15055" t="s">
        <v>9202</v>
      </c>
      <c r="F15055" t="s">
        <v>9203</v>
      </c>
      <c r="G15055" t="s">
        <v>80</v>
      </c>
      <c r="H15055" t="s">
        <v>81</v>
      </c>
      <c r="I15055" s="2">
        <v>1</v>
      </c>
      <c r="J15055" s="2">
        <v>0</v>
      </c>
      <c r="K15055" s="2">
        <v>0</v>
      </c>
      <c r="L15055" t="s">
        <v>120</v>
      </c>
      <c r="M15055" t="s">
        <v>87</v>
      </c>
      <c r="N15055" t="s">
        <v>88</v>
      </c>
      <c r="O15055" t="s">
        <v>85</v>
      </c>
      <c r="P15055" t="s">
        <v>86</v>
      </c>
      <c r="Q15055">
        <v>17</v>
      </c>
      <c r="R15055">
        <v>17</v>
      </c>
      <c r="S15055">
        <v>18</v>
      </c>
      <c r="T15055">
        <v>18</v>
      </c>
      <c r="U15055">
        <v>18</v>
      </c>
      <c r="V15055">
        <v>19</v>
      </c>
      <c r="W15055">
        <v>19</v>
      </c>
      <c r="X15055">
        <v>19</v>
      </c>
      <c r="Y15055">
        <v>19</v>
      </c>
      <c r="Z15055">
        <v>20</v>
      </c>
      <c r="AA15055">
        <v>20</v>
      </c>
      <c r="AB15055">
        <v>20</v>
      </c>
      <c r="AC15055">
        <v>20</v>
      </c>
      <c r="AD15055">
        <v>21</v>
      </c>
      <c r="AE15055">
        <v>21</v>
      </c>
      <c r="AF15055">
        <v>21</v>
      </c>
      <c r="AG15055">
        <v>21</v>
      </c>
      <c r="AH15055">
        <v>22</v>
      </c>
      <c r="AI15055">
        <v>22</v>
      </c>
      <c r="AJ15055">
        <v>22</v>
      </c>
      <c r="AK15055">
        <v>23</v>
      </c>
      <c r="AL15055">
        <v>23</v>
      </c>
      <c r="AM15055">
        <v>23</v>
      </c>
      <c r="AN15055">
        <v>23</v>
      </c>
      <c r="AO15055">
        <v>24</v>
      </c>
      <c r="AP15055">
        <v>24</v>
      </c>
      <c r="AQ15055">
        <v>24</v>
      </c>
    </row>
    <row r="15056" spans="1:43">
      <c r="A15056" t="s">
        <v>9360</v>
      </c>
      <c r="B15056" t="s">
        <v>9361</v>
      </c>
      <c r="C15056" t="s">
        <v>9350</v>
      </c>
      <c r="D15056" t="s">
        <v>9351</v>
      </c>
      <c r="E15056" t="s">
        <v>9202</v>
      </c>
      <c r="F15056" t="s">
        <v>9203</v>
      </c>
      <c r="G15056" t="s">
        <v>80</v>
      </c>
      <c r="H15056" t="s">
        <v>81</v>
      </c>
      <c r="I15056" s="2">
        <v>1</v>
      </c>
      <c r="J15056" s="2">
        <v>0</v>
      </c>
      <c r="K15056" s="2">
        <v>0</v>
      </c>
      <c r="L15056" t="s">
        <v>120</v>
      </c>
      <c r="M15056" t="s">
        <v>89</v>
      </c>
      <c r="N15056" t="s">
        <v>90</v>
      </c>
      <c r="O15056" t="s">
        <v>85</v>
      </c>
      <c r="P15056" t="s">
        <v>86</v>
      </c>
      <c r="Q15056">
        <v>17</v>
      </c>
      <c r="R15056">
        <v>17</v>
      </c>
      <c r="S15056">
        <v>18</v>
      </c>
      <c r="T15056">
        <v>18</v>
      </c>
      <c r="U15056">
        <v>19</v>
      </c>
      <c r="V15056">
        <v>19</v>
      </c>
      <c r="W15056">
        <v>20</v>
      </c>
      <c r="X15056">
        <v>20</v>
      </c>
      <c r="Y15056">
        <v>21</v>
      </c>
      <c r="Z15056">
        <v>22</v>
      </c>
      <c r="AA15056">
        <v>22</v>
      </c>
      <c r="AB15056">
        <v>23</v>
      </c>
      <c r="AC15056">
        <v>23</v>
      </c>
      <c r="AD15056">
        <v>24</v>
      </c>
      <c r="AE15056">
        <v>24</v>
      </c>
      <c r="AF15056">
        <v>25</v>
      </c>
      <c r="AG15056">
        <v>25</v>
      </c>
      <c r="AH15056">
        <v>25</v>
      </c>
      <c r="AI15056">
        <v>25</v>
      </c>
      <c r="AJ15056">
        <v>26</v>
      </c>
      <c r="AK15056">
        <v>26</v>
      </c>
      <c r="AL15056">
        <v>26</v>
      </c>
      <c r="AM15056">
        <v>26</v>
      </c>
      <c r="AN15056">
        <v>27</v>
      </c>
      <c r="AO15056">
        <v>27</v>
      </c>
      <c r="AP15056">
        <v>27</v>
      </c>
      <c r="AQ15056">
        <v>27</v>
      </c>
    </row>
    <row r="15057" spans="1:43">
      <c r="A15057" t="s">
        <v>9360</v>
      </c>
      <c r="B15057" t="s">
        <v>9361</v>
      </c>
      <c r="C15057" t="s">
        <v>9350</v>
      </c>
      <c r="D15057" t="s">
        <v>9351</v>
      </c>
      <c r="E15057" t="s">
        <v>9202</v>
      </c>
      <c r="F15057" t="s">
        <v>9203</v>
      </c>
      <c r="G15057" t="s">
        <v>80</v>
      </c>
      <c r="H15057" t="s">
        <v>81</v>
      </c>
      <c r="I15057" s="2">
        <v>1</v>
      </c>
      <c r="J15057" s="2">
        <v>0</v>
      </c>
      <c r="K15057" s="2">
        <v>0</v>
      </c>
      <c r="L15057" t="s">
        <v>120</v>
      </c>
      <c r="M15057" t="s">
        <v>83</v>
      </c>
      <c r="N15057" t="s">
        <v>91</v>
      </c>
      <c r="O15057" t="s">
        <v>85</v>
      </c>
      <c r="P15057" t="s">
        <v>86</v>
      </c>
      <c r="Q15057">
        <v>17</v>
      </c>
      <c r="R15057">
        <v>18</v>
      </c>
      <c r="S15057">
        <v>18</v>
      </c>
      <c r="T15057">
        <v>19</v>
      </c>
      <c r="U15057">
        <v>19</v>
      </c>
      <c r="V15057">
        <v>20</v>
      </c>
      <c r="W15057">
        <v>20</v>
      </c>
      <c r="X15057">
        <v>20</v>
      </c>
      <c r="Y15057">
        <v>21</v>
      </c>
      <c r="Z15057">
        <v>21</v>
      </c>
      <c r="AA15057">
        <v>22</v>
      </c>
      <c r="AB15057">
        <v>22</v>
      </c>
      <c r="AC15057">
        <v>23</v>
      </c>
      <c r="AD15057">
        <v>23</v>
      </c>
      <c r="AE15057">
        <v>24</v>
      </c>
      <c r="AF15057">
        <v>24</v>
      </c>
      <c r="AG15057">
        <v>25</v>
      </c>
      <c r="AH15057">
        <v>25</v>
      </c>
      <c r="AI15057">
        <v>25</v>
      </c>
      <c r="AJ15057">
        <v>26</v>
      </c>
      <c r="AK15057">
        <v>26</v>
      </c>
      <c r="AL15057">
        <v>27</v>
      </c>
      <c r="AM15057">
        <v>27</v>
      </c>
      <c r="AN15057">
        <v>27</v>
      </c>
      <c r="AO15057">
        <v>28</v>
      </c>
      <c r="AP15057">
        <v>28</v>
      </c>
      <c r="AQ15057">
        <v>28</v>
      </c>
    </row>
    <row r="15058" spans="1:43">
      <c r="A15058" t="s">
        <v>9362</v>
      </c>
      <c r="B15058" t="s">
        <v>9363</v>
      </c>
      <c r="C15058" t="s">
        <v>9350</v>
      </c>
      <c r="D15058" t="s">
        <v>9351</v>
      </c>
      <c r="E15058" t="s">
        <v>9202</v>
      </c>
      <c r="F15058" t="s">
        <v>9203</v>
      </c>
      <c r="G15058" t="s">
        <v>80</v>
      </c>
      <c r="H15058" t="s">
        <v>81</v>
      </c>
      <c r="I15058" s="2">
        <v>1</v>
      </c>
      <c r="J15058" s="2">
        <v>0</v>
      </c>
      <c r="K15058" s="2">
        <v>0</v>
      </c>
      <c r="L15058" t="s">
        <v>120</v>
      </c>
      <c r="M15058" t="s">
        <v>83</v>
      </c>
      <c r="N15058" t="s">
        <v>84</v>
      </c>
      <c r="O15058" t="s">
        <v>85</v>
      </c>
      <c r="P15058" t="s">
        <v>86</v>
      </c>
      <c r="Q15058">
        <v>19</v>
      </c>
      <c r="R15058">
        <v>20</v>
      </c>
      <c r="S15058">
        <v>20</v>
      </c>
      <c r="T15058">
        <v>21</v>
      </c>
      <c r="U15058">
        <v>21</v>
      </c>
      <c r="V15058">
        <v>22</v>
      </c>
      <c r="W15058">
        <v>22</v>
      </c>
      <c r="X15058">
        <v>23</v>
      </c>
      <c r="Y15058">
        <v>23</v>
      </c>
      <c r="Z15058">
        <v>24</v>
      </c>
      <c r="AA15058">
        <v>24</v>
      </c>
      <c r="AB15058">
        <v>25</v>
      </c>
      <c r="AC15058">
        <v>25</v>
      </c>
      <c r="AD15058">
        <v>26</v>
      </c>
      <c r="AE15058">
        <v>26</v>
      </c>
      <c r="AF15058">
        <v>27</v>
      </c>
      <c r="AG15058">
        <v>27</v>
      </c>
      <c r="AH15058">
        <v>28</v>
      </c>
      <c r="AI15058">
        <v>28</v>
      </c>
      <c r="AJ15058">
        <v>29</v>
      </c>
      <c r="AK15058">
        <v>29</v>
      </c>
      <c r="AL15058">
        <v>30</v>
      </c>
      <c r="AM15058">
        <v>30</v>
      </c>
      <c r="AN15058">
        <v>30</v>
      </c>
      <c r="AO15058">
        <v>31</v>
      </c>
      <c r="AP15058">
        <v>31</v>
      </c>
      <c r="AQ15058">
        <v>31</v>
      </c>
    </row>
    <row r="15059" spans="1:43">
      <c r="A15059" t="s">
        <v>9362</v>
      </c>
      <c r="B15059" t="s">
        <v>9363</v>
      </c>
      <c r="C15059" t="s">
        <v>9350</v>
      </c>
      <c r="D15059" t="s">
        <v>9351</v>
      </c>
      <c r="E15059" t="s">
        <v>9202</v>
      </c>
      <c r="F15059" t="s">
        <v>9203</v>
      </c>
      <c r="G15059" t="s">
        <v>80</v>
      </c>
      <c r="H15059" t="s">
        <v>81</v>
      </c>
      <c r="I15059" s="2">
        <v>1</v>
      </c>
      <c r="J15059" s="2">
        <v>0</v>
      </c>
      <c r="K15059" s="2">
        <v>0</v>
      </c>
      <c r="L15059" t="s">
        <v>120</v>
      </c>
      <c r="M15059" t="s">
        <v>87</v>
      </c>
      <c r="N15059" t="s">
        <v>88</v>
      </c>
      <c r="O15059" t="s">
        <v>85</v>
      </c>
      <c r="P15059" t="s">
        <v>86</v>
      </c>
      <c r="Q15059">
        <v>19</v>
      </c>
      <c r="R15059">
        <v>19</v>
      </c>
      <c r="S15059">
        <v>20</v>
      </c>
      <c r="T15059">
        <v>20</v>
      </c>
      <c r="U15059">
        <v>20</v>
      </c>
      <c r="V15059">
        <v>21</v>
      </c>
      <c r="W15059">
        <v>21</v>
      </c>
      <c r="X15059">
        <v>21</v>
      </c>
      <c r="Y15059">
        <v>21</v>
      </c>
      <c r="Z15059">
        <v>22</v>
      </c>
      <c r="AA15059">
        <v>22</v>
      </c>
      <c r="AB15059">
        <v>22</v>
      </c>
      <c r="AC15059">
        <v>23</v>
      </c>
      <c r="AD15059">
        <v>23</v>
      </c>
      <c r="AE15059">
        <v>23</v>
      </c>
      <c r="AF15059">
        <v>24</v>
      </c>
      <c r="AG15059">
        <v>24</v>
      </c>
      <c r="AH15059">
        <v>24</v>
      </c>
      <c r="AI15059">
        <v>25</v>
      </c>
      <c r="AJ15059">
        <v>25</v>
      </c>
      <c r="AK15059">
        <v>25</v>
      </c>
      <c r="AL15059">
        <v>25</v>
      </c>
      <c r="AM15059">
        <v>26</v>
      </c>
      <c r="AN15059">
        <v>26</v>
      </c>
      <c r="AO15059">
        <v>26</v>
      </c>
      <c r="AP15059">
        <v>27</v>
      </c>
      <c r="AQ15059">
        <v>27</v>
      </c>
    </row>
    <row r="15060" spans="1:43">
      <c r="A15060" t="s">
        <v>9362</v>
      </c>
      <c r="B15060" t="s">
        <v>9363</v>
      </c>
      <c r="C15060" t="s">
        <v>9350</v>
      </c>
      <c r="D15060" t="s">
        <v>9351</v>
      </c>
      <c r="E15060" t="s">
        <v>9202</v>
      </c>
      <c r="F15060" t="s">
        <v>9203</v>
      </c>
      <c r="G15060" t="s">
        <v>80</v>
      </c>
      <c r="H15060" t="s">
        <v>81</v>
      </c>
      <c r="I15060" s="2">
        <v>1</v>
      </c>
      <c r="J15060" s="2">
        <v>0</v>
      </c>
      <c r="K15060" s="2">
        <v>0</v>
      </c>
      <c r="L15060" t="s">
        <v>120</v>
      </c>
      <c r="M15060" t="s">
        <v>89</v>
      </c>
      <c r="N15060" t="s">
        <v>90</v>
      </c>
      <c r="O15060" t="s">
        <v>85</v>
      </c>
      <c r="P15060" t="s">
        <v>86</v>
      </c>
      <c r="Q15060">
        <v>19</v>
      </c>
      <c r="R15060">
        <v>19</v>
      </c>
      <c r="S15060">
        <v>20</v>
      </c>
      <c r="T15060">
        <v>20</v>
      </c>
      <c r="U15060">
        <v>21</v>
      </c>
      <c r="V15060">
        <v>22</v>
      </c>
      <c r="W15060">
        <v>22</v>
      </c>
      <c r="X15060">
        <v>23</v>
      </c>
      <c r="Y15060">
        <v>24</v>
      </c>
      <c r="Z15060">
        <v>24</v>
      </c>
      <c r="AA15060">
        <v>25</v>
      </c>
      <c r="AB15060">
        <v>25</v>
      </c>
      <c r="AC15060">
        <v>26</v>
      </c>
      <c r="AD15060">
        <v>27</v>
      </c>
      <c r="AE15060">
        <v>27</v>
      </c>
      <c r="AF15060">
        <v>27</v>
      </c>
      <c r="AG15060">
        <v>28</v>
      </c>
      <c r="AH15060">
        <v>28</v>
      </c>
      <c r="AI15060">
        <v>28</v>
      </c>
      <c r="AJ15060">
        <v>29</v>
      </c>
      <c r="AK15060">
        <v>29</v>
      </c>
      <c r="AL15060">
        <v>29</v>
      </c>
      <c r="AM15060">
        <v>29</v>
      </c>
      <c r="AN15060">
        <v>30</v>
      </c>
      <c r="AO15060">
        <v>30</v>
      </c>
      <c r="AP15060">
        <v>30</v>
      </c>
      <c r="AQ15060">
        <v>30</v>
      </c>
    </row>
    <row r="15061" spans="1:43">
      <c r="A15061" t="s">
        <v>9362</v>
      </c>
      <c r="B15061" t="s">
        <v>9363</v>
      </c>
      <c r="C15061" t="s">
        <v>9350</v>
      </c>
      <c r="D15061" t="s">
        <v>9351</v>
      </c>
      <c r="E15061" t="s">
        <v>9202</v>
      </c>
      <c r="F15061" t="s">
        <v>9203</v>
      </c>
      <c r="G15061" t="s">
        <v>80</v>
      </c>
      <c r="H15061" t="s">
        <v>81</v>
      </c>
      <c r="I15061" s="2">
        <v>1</v>
      </c>
      <c r="J15061" s="2">
        <v>0</v>
      </c>
      <c r="K15061" s="2">
        <v>0</v>
      </c>
      <c r="L15061" t="s">
        <v>120</v>
      </c>
      <c r="M15061" t="s">
        <v>83</v>
      </c>
      <c r="N15061" t="s">
        <v>91</v>
      </c>
      <c r="O15061" t="s">
        <v>85</v>
      </c>
      <c r="P15061" t="s">
        <v>86</v>
      </c>
      <c r="Q15061">
        <v>19</v>
      </c>
      <c r="R15061">
        <v>20</v>
      </c>
      <c r="S15061">
        <v>20</v>
      </c>
      <c r="T15061">
        <v>21</v>
      </c>
      <c r="U15061">
        <v>21</v>
      </c>
      <c r="V15061">
        <v>22</v>
      </c>
      <c r="W15061">
        <v>22</v>
      </c>
      <c r="X15061">
        <v>23</v>
      </c>
      <c r="Y15061">
        <v>23</v>
      </c>
      <c r="Z15061">
        <v>24</v>
      </c>
      <c r="AA15061">
        <v>24</v>
      </c>
      <c r="AB15061">
        <v>25</v>
      </c>
      <c r="AC15061">
        <v>25</v>
      </c>
      <c r="AD15061">
        <v>26</v>
      </c>
      <c r="AE15061">
        <v>26</v>
      </c>
      <c r="AF15061">
        <v>27</v>
      </c>
      <c r="AG15061">
        <v>27</v>
      </c>
      <c r="AH15061">
        <v>28</v>
      </c>
      <c r="AI15061">
        <v>28</v>
      </c>
      <c r="AJ15061">
        <v>29</v>
      </c>
      <c r="AK15061">
        <v>29</v>
      </c>
      <c r="AL15061">
        <v>30</v>
      </c>
      <c r="AM15061">
        <v>30</v>
      </c>
      <c r="AN15061">
        <v>30</v>
      </c>
      <c r="AO15061">
        <v>31</v>
      </c>
      <c r="AP15061">
        <v>31</v>
      </c>
      <c r="AQ15061">
        <v>31</v>
      </c>
    </row>
    <row r="15062" spans="1:43">
      <c r="A15062" t="s">
        <v>9364</v>
      </c>
      <c r="B15062" t="s">
        <v>9365</v>
      </c>
      <c r="C15062" t="s">
        <v>9366</v>
      </c>
      <c r="D15062" t="s">
        <v>9367</v>
      </c>
      <c r="E15062" t="s">
        <v>9202</v>
      </c>
      <c r="F15062" t="s">
        <v>9203</v>
      </c>
      <c r="G15062" t="s">
        <v>80</v>
      </c>
      <c r="H15062" t="s">
        <v>81</v>
      </c>
      <c r="I15062" s="2">
        <v>0</v>
      </c>
      <c r="J15062" s="2">
        <v>1</v>
      </c>
      <c r="K15062" s="2">
        <v>0</v>
      </c>
      <c r="L15062" t="s">
        <v>82</v>
      </c>
      <c r="M15062" t="s">
        <v>83</v>
      </c>
      <c r="N15062" t="s">
        <v>84</v>
      </c>
      <c r="O15062" t="s">
        <v>85</v>
      </c>
      <c r="P15062" t="s">
        <v>86</v>
      </c>
      <c r="Q15062">
        <v>18</v>
      </c>
      <c r="R15062">
        <v>19</v>
      </c>
      <c r="S15062">
        <v>19</v>
      </c>
      <c r="T15062">
        <v>20</v>
      </c>
      <c r="U15062">
        <v>20</v>
      </c>
      <c r="V15062">
        <v>21</v>
      </c>
      <c r="W15062">
        <v>21</v>
      </c>
      <c r="X15062">
        <v>22</v>
      </c>
      <c r="Y15062">
        <v>22</v>
      </c>
      <c r="Z15062">
        <v>23</v>
      </c>
      <c r="AA15062">
        <v>23</v>
      </c>
      <c r="AB15062">
        <v>24</v>
      </c>
      <c r="AC15062">
        <v>24</v>
      </c>
      <c r="AD15062">
        <v>25</v>
      </c>
      <c r="AE15062">
        <v>25</v>
      </c>
      <c r="AF15062">
        <v>26</v>
      </c>
      <c r="AG15062">
        <v>26</v>
      </c>
      <c r="AH15062">
        <v>27</v>
      </c>
      <c r="AI15062">
        <v>27</v>
      </c>
      <c r="AJ15062">
        <v>28</v>
      </c>
      <c r="AK15062">
        <v>28</v>
      </c>
      <c r="AL15062">
        <v>29</v>
      </c>
      <c r="AM15062">
        <v>29</v>
      </c>
      <c r="AN15062">
        <v>29</v>
      </c>
      <c r="AO15062">
        <v>30</v>
      </c>
      <c r="AP15062">
        <v>30</v>
      </c>
      <c r="AQ15062">
        <v>30</v>
      </c>
    </row>
    <row r="15063" spans="1:43">
      <c r="A15063" t="s">
        <v>9364</v>
      </c>
      <c r="B15063" t="s">
        <v>9365</v>
      </c>
      <c r="C15063" t="s">
        <v>9366</v>
      </c>
      <c r="D15063" t="s">
        <v>9367</v>
      </c>
      <c r="E15063" t="s">
        <v>9202</v>
      </c>
      <c r="F15063" t="s">
        <v>9203</v>
      </c>
      <c r="G15063" t="s">
        <v>80</v>
      </c>
      <c r="H15063" t="s">
        <v>81</v>
      </c>
      <c r="I15063" s="2">
        <v>0</v>
      </c>
      <c r="J15063" s="2">
        <v>1</v>
      </c>
      <c r="K15063" s="2">
        <v>0</v>
      </c>
      <c r="L15063" t="s">
        <v>82</v>
      </c>
      <c r="M15063" t="s">
        <v>87</v>
      </c>
      <c r="N15063" t="s">
        <v>88</v>
      </c>
      <c r="O15063" t="s">
        <v>85</v>
      </c>
      <c r="P15063" t="s">
        <v>86</v>
      </c>
      <c r="Q15063">
        <v>18</v>
      </c>
      <c r="R15063">
        <v>19</v>
      </c>
      <c r="S15063">
        <v>19</v>
      </c>
      <c r="T15063">
        <v>19</v>
      </c>
      <c r="U15063">
        <v>19</v>
      </c>
      <c r="V15063">
        <v>20</v>
      </c>
      <c r="W15063">
        <v>20</v>
      </c>
      <c r="X15063">
        <v>20</v>
      </c>
      <c r="Y15063">
        <v>21</v>
      </c>
      <c r="Z15063">
        <v>21</v>
      </c>
      <c r="AA15063">
        <v>21</v>
      </c>
      <c r="AB15063">
        <v>21</v>
      </c>
      <c r="AC15063">
        <v>22</v>
      </c>
      <c r="AD15063">
        <v>22</v>
      </c>
      <c r="AE15063">
        <v>22</v>
      </c>
      <c r="AF15063">
        <v>23</v>
      </c>
      <c r="AG15063">
        <v>23</v>
      </c>
      <c r="AH15063">
        <v>23</v>
      </c>
      <c r="AI15063">
        <v>23</v>
      </c>
      <c r="AJ15063">
        <v>24</v>
      </c>
      <c r="AK15063">
        <v>24</v>
      </c>
      <c r="AL15063">
        <v>24</v>
      </c>
      <c r="AM15063">
        <v>25</v>
      </c>
      <c r="AN15063">
        <v>25</v>
      </c>
      <c r="AO15063">
        <v>25</v>
      </c>
      <c r="AP15063">
        <v>26</v>
      </c>
      <c r="AQ15063">
        <v>26</v>
      </c>
    </row>
    <row r="15064" spans="1:43">
      <c r="A15064" t="s">
        <v>9364</v>
      </c>
      <c r="B15064" t="s">
        <v>9365</v>
      </c>
      <c r="C15064" t="s">
        <v>9366</v>
      </c>
      <c r="D15064" t="s">
        <v>9367</v>
      </c>
      <c r="E15064" t="s">
        <v>9202</v>
      </c>
      <c r="F15064" t="s">
        <v>9203</v>
      </c>
      <c r="G15064" t="s">
        <v>80</v>
      </c>
      <c r="H15064" t="s">
        <v>81</v>
      </c>
      <c r="I15064" s="2">
        <v>0</v>
      </c>
      <c r="J15064" s="2">
        <v>1</v>
      </c>
      <c r="K15064" s="2">
        <v>0</v>
      </c>
      <c r="L15064" t="s">
        <v>82</v>
      </c>
      <c r="M15064" t="s">
        <v>89</v>
      </c>
      <c r="N15064" t="s">
        <v>90</v>
      </c>
      <c r="O15064" t="s">
        <v>85</v>
      </c>
      <c r="P15064" t="s">
        <v>86</v>
      </c>
      <c r="Q15064">
        <v>18</v>
      </c>
      <c r="R15064">
        <v>18</v>
      </c>
      <c r="S15064">
        <v>19</v>
      </c>
      <c r="T15064">
        <v>19</v>
      </c>
      <c r="U15064">
        <v>20</v>
      </c>
      <c r="V15064">
        <v>21</v>
      </c>
      <c r="W15064">
        <v>21</v>
      </c>
      <c r="X15064">
        <v>22</v>
      </c>
      <c r="Y15064">
        <v>23</v>
      </c>
      <c r="Z15064">
        <v>23</v>
      </c>
      <c r="AA15064">
        <v>24</v>
      </c>
      <c r="AB15064">
        <v>24</v>
      </c>
      <c r="AC15064">
        <v>25</v>
      </c>
      <c r="AD15064">
        <v>26</v>
      </c>
      <c r="AE15064">
        <v>26</v>
      </c>
      <c r="AF15064">
        <v>26</v>
      </c>
      <c r="AG15064">
        <v>27</v>
      </c>
      <c r="AH15064">
        <v>27</v>
      </c>
      <c r="AI15064">
        <v>27</v>
      </c>
      <c r="AJ15064">
        <v>28</v>
      </c>
      <c r="AK15064">
        <v>28</v>
      </c>
      <c r="AL15064">
        <v>28</v>
      </c>
      <c r="AM15064">
        <v>28</v>
      </c>
      <c r="AN15064">
        <v>29</v>
      </c>
      <c r="AO15064">
        <v>29</v>
      </c>
      <c r="AP15064">
        <v>29</v>
      </c>
      <c r="AQ15064">
        <v>30</v>
      </c>
    </row>
    <row r="15065" spans="1:43">
      <c r="A15065" t="s">
        <v>9364</v>
      </c>
      <c r="B15065" t="s">
        <v>9365</v>
      </c>
      <c r="C15065" t="s">
        <v>9366</v>
      </c>
      <c r="D15065" t="s">
        <v>9367</v>
      </c>
      <c r="E15065" t="s">
        <v>9202</v>
      </c>
      <c r="F15065" t="s">
        <v>9203</v>
      </c>
      <c r="G15065" t="s">
        <v>80</v>
      </c>
      <c r="H15065" t="s">
        <v>81</v>
      </c>
      <c r="I15065" s="2">
        <v>0</v>
      </c>
      <c r="J15065" s="2">
        <v>1</v>
      </c>
      <c r="K15065" s="2">
        <v>0</v>
      </c>
      <c r="L15065" t="s">
        <v>82</v>
      </c>
      <c r="M15065" t="s">
        <v>83</v>
      </c>
      <c r="N15065" t="s">
        <v>91</v>
      </c>
      <c r="O15065" t="s">
        <v>85</v>
      </c>
      <c r="P15065" t="s">
        <v>86</v>
      </c>
      <c r="Q15065">
        <v>18</v>
      </c>
      <c r="R15065">
        <v>19</v>
      </c>
      <c r="S15065">
        <v>19</v>
      </c>
      <c r="T15065">
        <v>20</v>
      </c>
      <c r="U15065">
        <v>20</v>
      </c>
      <c r="V15065">
        <v>21</v>
      </c>
      <c r="W15065">
        <v>21</v>
      </c>
      <c r="X15065">
        <v>22</v>
      </c>
      <c r="Y15065">
        <v>22</v>
      </c>
      <c r="Z15065">
        <v>23</v>
      </c>
      <c r="AA15065">
        <v>23</v>
      </c>
      <c r="AB15065">
        <v>24</v>
      </c>
      <c r="AC15065">
        <v>24</v>
      </c>
      <c r="AD15065">
        <v>25</v>
      </c>
      <c r="AE15065">
        <v>25</v>
      </c>
      <c r="AF15065">
        <v>26</v>
      </c>
      <c r="AG15065">
        <v>26</v>
      </c>
      <c r="AH15065">
        <v>27</v>
      </c>
      <c r="AI15065">
        <v>27</v>
      </c>
      <c r="AJ15065">
        <v>28</v>
      </c>
      <c r="AK15065">
        <v>28</v>
      </c>
      <c r="AL15065">
        <v>29</v>
      </c>
      <c r="AM15065">
        <v>29</v>
      </c>
      <c r="AN15065">
        <v>29</v>
      </c>
      <c r="AO15065">
        <v>30</v>
      </c>
      <c r="AP15065">
        <v>30</v>
      </c>
      <c r="AQ15065">
        <v>30</v>
      </c>
    </row>
    <row r="15066" spans="1:43">
      <c r="A15066" t="s">
        <v>9368</v>
      </c>
      <c r="B15066" t="s">
        <v>9369</v>
      </c>
      <c r="C15066" t="s">
        <v>9370</v>
      </c>
      <c r="D15066" t="s">
        <v>9371</v>
      </c>
      <c r="E15066" t="s">
        <v>9202</v>
      </c>
      <c r="F15066" t="s">
        <v>9203</v>
      </c>
      <c r="G15066" t="s">
        <v>80</v>
      </c>
      <c r="H15066" t="s">
        <v>81</v>
      </c>
      <c r="I15066" s="2">
        <v>0</v>
      </c>
      <c r="J15066" s="2">
        <v>1</v>
      </c>
      <c r="K15066" s="2">
        <v>0</v>
      </c>
      <c r="L15066" t="s">
        <v>82</v>
      </c>
      <c r="M15066" t="s">
        <v>83</v>
      </c>
      <c r="N15066" t="s">
        <v>84</v>
      </c>
      <c r="O15066" t="s">
        <v>85</v>
      </c>
      <c r="P15066" t="s">
        <v>86</v>
      </c>
      <c r="Q15066">
        <v>88</v>
      </c>
      <c r="R15066">
        <v>90</v>
      </c>
      <c r="S15066">
        <v>92</v>
      </c>
      <c r="T15066">
        <v>95</v>
      </c>
      <c r="U15066">
        <v>97</v>
      </c>
      <c r="V15066">
        <v>99</v>
      </c>
      <c r="W15066">
        <v>101</v>
      </c>
      <c r="X15066">
        <v>103</v>
      </c>
      <c r="Y15066">
        <v>106</v>
      </c>
      <c r="Z15066">
        <v>108</v>
      </c>
      <c r="AA15066">
        <v>110</v>
      </c>
      <c r="AB15066">
        <v>113</v>
      </c>
      <c r="AC15066">
        <v>115</v>
      </c>
      <c r="AD15066">
        <v>118</v>
      </c>
      <c r="AE15066">
        <v>120</v>
      </c>
      <c r="AF15066">
        <v>122</v>
      </c>
      <c r="AG15066">
        <v>125</v>
      </c>
      <c r="AH15066">
        <v>127</v>
      </c>
      <c r="AI15066">
        <v>130</v>
      </c>
      <c r="AJ15066">
        <v>132</v>
      </c>
      <c r="AK15066">
        <v>135</v>
      </c>
      <c r="AL15066">
        <v>137</v>
      </c>
      <c r="AM15066">
        <v>138</v>
      </c>
      <c r="AN15066">
        <v>140</v>
      </c>
      <c r="AO15066">
        <v>141</v>
      </c>
      <c r="AP15066">
        <v>143</v>
      </c>
      <c r="AQ15066">
        <v>144</v>
      </c>
    </row>
    <row r="15067" spans="1:43">
      <c r="A15067" t="s">
        <v>9368</v>
      </c>
      <c r="B15067" t="s">
        <v>9369</v>
      </c>
      <c r="C15067" t="s">
        <v>9370</v>
      </c>
      <c r="D15067" t="s">
        <v>9371</v>
      </c>
      <c r="E15067" t="s">
        <v>9202</v>
      </c>
      <c r="F15067" t="s">
        <v>9203</v>
      </c>
      <c r="G15067" t="s">
        <v>80</v>
      </c>
      <c r="H15067" t="s">
        <v>81</v>
      </c>
      <c r="I15067" s="2">
        <v>0</v>
      </c>
      <c r="J15067" s="2">
        <v>1</v>
      </c>
      <c r="K15067" s="2">
        <v>0</v>
      </c>
      <c r="L15067" t="s">
        <v>82</v>
      </c>
      <c r="M15067" t="s">
        <v>87</v>
      </c>
      <c r="N15067" t="s">
        <v>88</v>
      </c>
      <c r="O15067" t="s">
        <v>85</v>
      </c>
      <c r="P15067" t="s">
        <v>86</v>
      </c>
      <c r="Q15067">
        <v>88</v>
      </c>
      <c r="R15067">
        <v>90</v>
      </c>
      <c r="S15067">
        <v>91</v>
      </c>
      <c r="T15067">
        <v>92</v>
      </c>
      <c r="U15067">
        <v>93</v>
      </c>
      <c r="V15067">
        <v>95</v>
      </c>
      <c r="W15067">
        <v>96</v>
      </c>
      <c r="X15067">
        <v>97</v>
      </c>
      <c r="Y15067">
        <v>99</v>
      </c>
      <c r="Z15067">
        <v>100</v>
      </c>
      <c r="AA15067">
        <v>102</v>
      </c>
      <c r="AB15067">
        <v>103</v>
      </c>
      <c r="AC15067">
        <v>104</v>
      </c>
      <c r="AD15067">
        <v>106</v>
      </c>
      <c r="AE15067">
        <v>107</v>
      </c>
      <c r="AF15067">
        <v>108</v>
      </c>
      <c r="AG15067">
        <v>110</v>
      </c>
      <c r="AH15067">
        <v>111</v>
      </c>
      <c r="AI15067">
        <v>113</v>
      </c>
      <c r="AJ15067">
        <v>114</v>
      </c>
      <c r="AK15067">
        <v>116</v>
      </c>
      <c r="AL15067">
        <v>117</v>
      </c>
      <c r="AM15067">
        <v>119</v>
      </c>
      <c r="AN15067">
        <v>120</v>
      </c>
      <c r="AO15067">
        <v>122</v>
      </c>
      <c r="AP15067">
        <v>123</v>
      </c>
      <c r="AQ15067">
        <v>125</v>
      </c>
    </row>
    <row r="15068" spans="1:43">
      <c r="A15068" t="s">
        <v>9368</v>
      </c>
      <c r="B15068" t="s">
        <v>9369</v>
      </c>
      <c r="C15068" t="s">
        <v>9370</v>
      </c>
      <c r="D15068" t="s">
        <v>9371</v>
      </c>
      <c r="E15068" t="s">
        <v>9202</v>
      </c>
      <c r="F15068" t="s">
        <v>9203</v>
      </c>
      <c r="G15068" t="s">
        <v>80</v>
      </c>
      <c r="H15068" t="s">
        <v>81</v>
      </c>
      <c r="I15068" s="2">
        <v>0</v>
      </c>
      <c r="J15068" s="2">
        <v>1</v>
      </c>
      <c r="K15068" s="2">
        <v>0</v>
      </c>
      <c r="L15068" t="s">
        <v>82</v>
      </c>
      <c r="M15068" t="s">
        <v>89</v>
      </c>
      <c r="N15068" t="s">
        <v>90</v>
      </c>
      <c r="O15068" t="s">
        <v>85</v>
      </c>
      <c r="P15068" t="s">
        <v>86</v>
      </c>
      <c r="Q15068">
        <v>88</v>
      </c>
      <c r="R15068">
        <v>91</v>
      </c>
      <c r="S15068">
        <v>94</v>
      </c>
      <c r="T15068">
        <v>97</v>
      </c>
      <c r="U15068">
        <v>100</v>
      </c>
      <c r="V15068">
        <v>102</v>
      </c>
      <c r="W15068">
        <v>105</v>
      </c>
      <c r="X15068">
        <v>108</v>
      </c>
      <c r="Y15068">
        <v>111</v>
      </c>
      <c r="Z15068">
        <v>114</v>
      </c>
      <c r="AA15068">
        <v>117</v>
      </c>
      <c r="AB15068">
        <v>120</v>
      </c>
      <c r="AC15068">
        <v>123</v>
      </c>
      <c r="AD15068">
        <v>126</v>
      </c>
      <c r="AE15068">
        <v>128</v>
      </c>
      <c r="AF15068">
        <v>129</v>
      </c>
      <c r="AG15068">
        <v>131</v>
      </c>
      <c r="AH15068">
        <v>132</v>
      </c>
      <c r="AI15068">
        <v>134</v>
      </c>
      <c r="AJ15068">
        <v>135</v>
      </c>
      <c r="AK15068">
        <v>137</v>
      </c>
      <c r="AL15068">
        <v>138</v>
      </c>
      <c r="AM15068">
        <v>139</v>
      </c>
      <c r="AN15068">
        <v>141</v>
      </c>
      <c r="AO15068">
        <v>142</v>
      </c>
      <c r="AP15068">
        <v>144</v>
      </c>
      <c r="AQ15068">
        <v>145</v>
      </c>
    </row>
    <row r="15069" spans="1:43">
      <c r="A15069" t="s">
        <v>9368</v>
      </c>
      <c r="B15069" t="s">
        <v>9369</v>
      </c>
      <c r="C15069" t="s">
        <v>9370</v>
      </c>
      <c r="D15069" t="s">
        <v>9371</v>
      </c>
      <c r="E15069" t="s">
        <v>9202</v>
      </c>
      <c r="F15069" t="s">
        <v>9203</v>
      </c>
      <c r="G15069" t="s">
        <v>80</v>
      </c>
      <c r="H15069" t="s">
        <v>81</v>
      </c>
      <c r="I15069" s="2">
        <v>0</v>
      </c>
      <c r="J15069" s="2">
        <v>1</v>
      </c>
      <c r="K15069" s="2">
        <v>0</v>
      </c>
      <c r="L15069" t="s">
        <v>82</v>
      </c>
      <c r="M15069" t="s">
        <v>83</v>
      </c>
      <c r="N15069" t="s">
        <v>91</v>
      </c>
      <c r="O15069" t="s">
        <v>85</v>
      </c>
      <c r="P15069" t="s">
        <v>86</v>
      </c>
      <c r="Q15069">
        <v>88</v>
      </c>
      <c r="R15069">
        <v>90</v>
      </c>
      <c r="S15069">
        <v>92</v>
      </c>
      <c r="T15069">
        <v>95</v>
      </c>
      <c r="U15069">
        <v>97</v>
      </c>
      <c r="V15069">
        <v>99</v>
      </c>
      <c r="W15069">
        <v>101</v>
      </c>
      <c r="X15069">
        <v>103</v>
      </c>
      <c r="Y15069">
        <v>106</v>
      </c>
      <c r="Z15069">
        <v>108</v>
      </c>
      <c r="AA15069">
        <v>110</v>
      </c>
      <c r="AB15069">
        <v>113</v>
      </c>
      <c r="AC15069">
        <v>115</v>
      </c>
      <c r="AD15069">
        <v>118</v>
      </c>
      <c r="AE15069">
        <v>120</v>
      </c>
      <c r="AF15069">
        <v>122</v>
      </c>
      <c r="AG15069">
        <v>125</v>
      </c>
      <c r="AH15069">
        <v>127</v>
      </c>
      <c r="AI15069">
        <v>130</v>
      </c>
      <c r="AJ15069">
        <v>132</v>
      </c>
      <c r="AK15069">
        <v>135</v>
      </c>
      <c r="AL15069">
        <v>137</v>
      </c>
      <c r="AM15069">
        <v>138</v>
      </c>
      <c r="AN15069">
        <v>140</v>
      </c>
      <c r="AO15069">
        <v>141</v>
      </c>
      <c r="AP15069">
        <v>143</v>
      </c>
      <c r="AQ15069">
        <v>144</v>
      </c>
    </row>
    <row r="15070" spans="1:43">
      <c r="A15070" t="s">
        <v>9372</v>
      </c>
      <c r="B15070" t="s">
        <v>9373</v>
      </c>
      <c r="C15070" t="s">
        <v>9366</v>
      </c>
      <c r="D15070" t="s">
        <v>9367</v>
      </c>
      <c r="E15070" t="s">
        <v>9202</v>
      </c>
      <c r="F15070" t="s">
        <v>9203</v>
      </c>
      <c r="G15070" t="s">
        <v>80</v>
      </c>
      <c r="H15070" t="s">
        <v>81</v>
      </c>
      <c r="I15070" s="2">
        <v>0</v>
      </c>
      <c r="J15070" s="2">
        <v>1</v>
      </c>
      <c r="K15070" s="2">
        <v>0</v>
      </c>
      <c r="L15070" t="s">
        <v>82</v>
      </c>
      <c r="M15070" t="s">
        <v>83</v>
      </c>
      <c r="N15070" t="s">
        <v>84</v>
      </c>
      <c r="O15070" t="s">
        <v>85</v>
      </c>
      <c r="P15070" t="s">
        <v>86</v>
      </c>
      <c r="Q15070">
        <v>26</v>
      </c>
      <c r="R15070">
        <v>27</v>
      </c>
      <c r="S15070">
        <v>28</v>
      </c>
      <c r="T15070">
        <v>28</v>
      </c>
      <c r="U15070">
        <v>29</v>
      </c>
      <c r="V15070">
        <v>30</v>
      </c>
      <c r="W15070">
        <v>30</v>
      </c>
      <c r="X15070">
        <v>31</v>
      </c>
      <c r="Y15070">
        <v>32</v>
      </c>
      <c r="Z15070">
        <v>32</v>
      </c>
      <c r="AA15070">
        <v>33</v>
      </c>
      <c r="AB15070">
        <v>34</v>
      </c>
      <c r="AC15070">
        <v>35</v>
      </c>
      <c r="AD15070">
        <v>35</v>
      </c>
      <c r="AE15070">
        <v>36</v>
      </c>
      <c r="AF15070">
        <v>37</v>
      </c>
      <c r="AG15070">
        <v>37</v>
      </c>
      <c r="AH15070">
        <v>38</v>
      </c>
      <c r="AI15070">
        <v>39</v>
      </c>
      <c r="AJ15070">
        <v>40</v>
      </c>
      <c r="AK15070">
        <v>40</v>
      </c>
      <c r="AL15070">
        <v>41</v>
      </c>
      <c r="AM15070">
        <v>41</v>
      </c>
      <c r="AN15070">
        <v>42</v>
      </c>
      <c r="AO15070">
        <v>42</v>
      </c>
      <c r="AP15070">
        <v>43</v>
      </c>
      <c r="AQ15070">
        <v>43</v>
      </c>
    </row>
    <row r="15071" spans="1:43">
      <c r="A15071" t="s">
        <v>9372</v>
      </c>
      <c r="B15071" t="s">
        <v>9373</v>
      </c>
      <c r="C15071" t="s">
        <v>9366</v>
      </c>
      <c r="D15071" t="s">
        <v>9367</v>
      </c>
      <c r="E15071" t="s">
        <v>9202</v>
      </c>
      <c r="F15071" t="s">
        <v>9203</v>
      </c>
      <c r="G15071" t="s">
        <v>80</v>
      </c>
      <c r="H15071" t="s">
        <v>81</v>
      </c>
      <c r="I15071" s="2">
        <v>0</v>
      </c>
      <c r="J15071" s="2">
        <v>1</v>
      </c>
      <c r="K15071" s="2">
        <v>0</v>
      </c>
      <c r="L15071" t="s">
        <v>82</v>
      </c>
      <c r="M15071" t="s">
        <v>87</v>
      </c>
      <c r="N15071" t="s">
        <v>88</v>
      </c>
      <c r="O15071" t="s">
        <v>85</v>
      </c>
      <c r="P15071" t="s">
        <v>86</v>
      </c>
      <c r="Q15071">
        <v>26</v>
      </c>
      <c r="R15071">
        <v>27</v>
      </c>
      <c r="S15071">
        <v>27</v>
      </c>
      <c r="T15071">
        <v>27</v>
      </c>
      <c r="U15071">
        <v>28</v>
      </c>
      <c r="V15071">
        <v>28</v>
      </c>
      <c r="W15071">
        <v>29</v>
      </c>
      <c r="X15071">
        <v>29</v>
      </c>
      <c r="Y15071">
        <v>29</v>
      </c>
      <c r="Z15071">
        <v>30</v>
      </c>
      <c r="AA15071">
        <v>30</v>
      </c>
      <c r="AB15071">
        <v>31</v>
      </c>
      <c r="AC15071">
        <v>31</v>
      </c>
      <c r="AD15071">
        <v>31</v>
      </c>
      <c r="AE15071">
        <v>32</v>
      </c>
      <c r="AF15071">
        <v>32</v>
      </c>
      <c r="AG15071">
        <v>33</v>
      </c>
      <c r="AH15071">
        <v>33</v>
      </c>
      <c r="AI15071">
        <v>34</v>
      </c>
      <c r="AJ15071">
        <v>34</v>
      </c>
      <c r="AK15071">
        <v>34</v>
      </c>
      <c r="AL15071">
        <v>35</v>
      </c>
      <c r="AM15071">
        <v>35</v>
      </c>
      <c r="AN15071">
        <v>36</v>
      </c>
      <c r="AO15071">
        <v>36</v>
      </c>
      <c r="AP15071">
        <v>37</v>
      </c>
      <c r="AQ15071">
        <v>37</v>
      </c>
    </row>
    <row r="15072" spans="1:43">
      <c r="A15072" t="s">
        <v>9372</v>
      </c>
      <c r="B15072" t="s">
        <v>9373</v>
      </c>
      <c r="C15072" t="s">
        <v>9366</v>
      </c>
      <c r="D15072" t="s">
        <v>9367</v>
      </c>
      <c r="E15072" t="s">
        <v>9202</v>
      </c>
      <c r="F15072" t="s">
        <v>9203</v>
      </c>
      <c r="G15072" t="s">
        <v>80</v>
      </c>
      <c r="H15072" t="s">
        <v>81</v>
      </c>
      <c r="I15072" s="2">
        <v>0</v>
      </c>
      <c r="J15072" s="2">
        <v>1</v>
      </c>
      <c r="K15072" s="2">
        <v>0</v>
      </c>
      <c r="L15072" t="s">
        <v>82</v>
      </c>
      <c r="M15072" t="s">
        <v>89</v>
      </c>
      <c r="N15072" t="s">
        <v>90</v>
      </c>
      <c r="O15072" t="s">
        <v>85</v>
      </c>
      <c r="P15072" t="s">
        <v>86</v>
      </c>
      <c r="Q15072">
        <v>26</v>
      </c>
      <c r="R15072">
        <v>27</v>
      </c>
      <c r="S15072">
        <v>27</v>
      </c>
      <c r="T15072">
        <v>28</v>
      </c>
      <c r="U15072">
        <v>29</v>
      </c>
      <c r="V15072">
        <v>30</v>
      </c>
      <c r="W15072">
        <v>31</v>
      </c>
      <c r="X15072">
        <v>32</v>
      </c>
      <c r="Y15072">
        <v>33</v>
      </c>
      <c r="Z15072">
        <v>33</v>
      </c>
      <c r="AA15072">
        <v>34</v>
      </c>
      <c r="AB15072">
        <v>35</v>
      </c>
      <c r="AC15072">
        <v>36</v>
      </c>
      <c r="AD15072">
        <v>37</v>
      </c>
      <c r="AE15072">
        <v>38</v>
      </c>
      <c r="AF15072">
        <v>38</v>
      </c>
      <c r="AG15072">
        <v>38</v>
      </c>
      <c r="AH15072">
        <v>39</v>
      </c>
      <c r="AI15072">
        <v>39</v>
      </c>
      <c r="AJ15072">
        <v>40</v>
      </c>
      <c r="AK15072">
        <v>40</v>
      </c>
      <c r="AL15072">
        <v>40</v>
      </c>
      <c r="AM15072">
        <v>41</v>
      </c>
      <c r="AN15072">
        <v>41</v>
      </c>
      <c r="AO15072">
        <v>42</v>
      </c>
      <c r="AP15072">
        <v>42</v>
      </c>
      <c r="AQ15072">
        <v>42</v>
      </c>
    </row>
    <row r="15073" spans="1:43">
      <c r="A15073" t="s">
        <v>9372</v>
      </c>
      <c r="B15073" t="s">
        <v>9373</v>
      </c>
      <c r="C15073" t="s">
        <v>9366</v>
      </c>
      <c r="D15073" t="s">
        <v>9367</v>
      </c>
      <c r="E15073" t="s">
        <v>9202</v>
      </c>
      <c r="F15073" t="s">
        <v>9203</v>
      </c>
      <c r="G15073" t="s">
        <v>80</v>
      </c>
      <c r="H15073" t="s">
        <v>81</v>
      </c>
      <c r="I15073" s="2">
        <v>0</v>
      </c>
      <c r="J15073" s="2">
        <v>1</v>
      </c>
      <c r="K15073" s="2">
        <v>0</v>
      </c>
      <c r="L15073" t="s">
        <v>82</v>
      </c>
      <c r="M15073" t="s">
        <v>83</v>
      </c>
      <c r="N15073" t="s">
        <v>91</v>
      </c>
      <c r="O15073" t="s">
        <v>85</v>
      </c>
      <c r="P15073" t="s">
        <v>86</v>
      </c>
      <c r="Q15073">
        <v>26</v>
      </c>
      <c r="R15073">
        <v>27</v>
      </c>
      <c r="S15073">
        <v>28</v>
      </c>
      <c r="T15073">
        <v>28</v>
      </c>
      <c r="U15073">
        <v>29</v>
      </c>
      <c r="V15073">
        <v>30</v>
      </c>
      <c r="W15073">
        <v>30</v>
      </c>
      <c r="X15073">
        <v>31</v>
      </c>
      <c r="Y15073">
        <v>32</v>
      </c>
      <c r="Z15073">
        <v>32</v>
      </c>
      <c r="AA15073">
        <v>33</v>
      </c>
      <c r="AB15073">
        <v>34</v>
      </c>
      <c r="AC15073">
        <v>35</v>
      </c>
      <c r="AD15073">
        <v>35</v>
      </c>
      <c r="AE15073">
        <v>36</v>
      </c>
      <c r="AF15073">
        <v>37</v>
      </c>
      <c r="AG15073">
        <v>37</v>
      </c>
      <c r="AH15073">
        <v>38</v>
      </c>
      <c r="AI15073">
        <v>39</v>
      </c>
      <c r="AJ15073">
        <v>40</v>
      </c>
      <c r="AK15073">
        <v>40</v>
      </c>
      <c r="AL15073">
        <v>41</v>
      </c>
      <c r="AM15073">
        <v>41</v>
      </c>
      <c r="AN15073">
        <v>42</v>
      </c>
      <c r="AO15073">
        <v>42</v>
      </c>
      <c r="AP15073">
        <v>43</v>
      </c>
      <c r="AQ15073">
        <v>43</v>
      </c>
    </row>
    <row r="15074" spans="1:43">
      <c r="A15074" t="s">
        <v>9374</v>
      </c>
      <c r="B15074" t="s">
        <v>9375</v>
      </c>
      <c r="C15074" t="s">
        <v>9370</v>
      </c>
      <c r="D15074" t="s">
        <v>9371</v>
      </c>
      <c r="E15074" t="s">
        <v>9202</v>
      </c>
      <c r="F15074" t="s">
        <v>9203</v>
      </c>
      <c r="G15074" t="s">
        <v>80</v>
      </c>
      <c r="H15074" t="s">
        <v>81</v>
      </c>
      <c r="I15074" s="2">
        <v>0</v>
      </c>
      <c r="J15074" s="2">
        <v>1</v>
      </c>
      <c r="K15074" s="2">
        <v>0</v>
      </c>
      <c r="L15074" t="s">
        <v>82</v>
      </c>
      <c r="M15074" t="s">
        <v>83</v>
      </c>
      <c r="N15074" t="s">
        <v>84</v>
      </c>
      <c r="O15074" t="s">
        <v>85</v>
      </c>
      <c r="P15074" t="s">
        <v>86</v>
      </c>
      <c r="Q15074">
        <v>45</v>
      </c>
      <c r="R15074">
        <v>46</v>
      </c>
      <c r="S15074">
        <v>47</v>
      </c>
      <c r="T15074">
        <v>48</v>
      </c>
      <c r="U15074">
        <v>49</v>
      </c>
      <c r="V15074">
        <v>50</v>
      </c>
      <c r="W15074">
        <v>51</v>
      </c>
      <c r="X15074">
        <v>52</v>
      </c>
      <c r="Y15074">
        <v>54</v>
      </c>
      <c r="Z15074">
        <v>55</v>
      </c>
      <c r="AA15074">
        <v>56</v>
      </c>
      <c r="AB15074">
        <v>57</v>
      </c>
      <c r="AC15074">
        <v>58</v>
      </c>
      <c r="AD15074">
        <v>60</v>
      </c>
      <c r="AE15074">
        <v>61</v>
      </c>
      <c r="AF15074">
        <v>62</v>
      </c>
      <c r="AG15074">
        <v>63</v>
      </c>
      <c r="AH15074">
        <v>64</v>
      </c>
      <c r="AI15074">
        <v>66</v>
      </c>
      <c r="AJ15074">
        <v>67</v>
      </c>
      <c r="AK15074">
        <v>68</v>
      </c>
      <c r="AL15074">
        <v>69</v>
      </c>
      <c r="AM15074">
        <v>70</v>
      </c>
      <c r="AN15074">
        <v>71</v>
      </c>
      <c r="AO15074">
        <v>72</v>
      </c>
      <c r="AP15074">
        <v>72</v>
      </c>
      <c r="AQ15074">
        <v>73</v>
      </c>
    </row>
    <row r="15075" spans="1:43">
      <c r="A15075" t="s">
        <v>9374</v>
      </c>
      <c r="B15075" t="s">
        <v>9375</v>
      </c>
      <c r="C15075" t="s">
        <v>9370</v>
      </c>
      <c r="D15075" t="s">
        <v>9371</v>
      </c>
      <c r="E15075" t="s">
        <v>9202</v>
      </c>
      <c r="F15075" t="s">
        <v>9203</v>
      </c>
      <c r="G15075" t="s">
        <v>80</v>
      </c>
      <c r="H15075" t="s">
        <v>81</v>
      </c>
      <c r="I15075" s="2">
        <v>0</v>
      </c>
      <c r="J15075" s="2">
        <v>1</v>
      </c>
      <c r="K15075" s="2">
        <v>0</v>
      </c>
      <c r="L15075" t="s">
        <v>82</v>
      </c>
      <c r="M15075" t="s">
        <v>87</v>
      </c>
      <c r="N15075" t="s">
        <v>88</v>
      </c>
      <c r="O15075" t="s">
        <v>85</v>
      </c>
      <c r="P15075" t="s">
        <v>86</v>
      </c>
      <c r="Q15075">
        <v>45</v>
      </c>
      <c r="R15075">
        <v>46</v>
      </c>
      <c r="S15075">
        <v>46</v>
      </c>
      <c r="T15075">
        <v>47</v>
      </c>
      <c r="U15075">
        <v>48</v>
      </c>
      <c r="V15075">
        <v>48</v>
      </c>
      <c r="W15075">
        <v>49</v>
      </c>
      <c r="X15075">
        <v>50</v>
      </c>
      <c r="Y15075">
        <v>51</v>
      </c>
      <c r="Z15075">
        <v>51</v>
      </c>
      <c r="AA15075">
        <v>52</v>
      </c>
      <c r="AB15075">
        <v>53</v>
      </c>
      <c r="AC15075">
        <v>53</v>
      </c>
      <c r="AD15075">
        <v>54</v>
      </c>
      <c r="AE15075">
        <v>55</v>
      </c>
      <c r="AF15075">
        <v>55</v>
      </c>
      <c r="AG15075">
        <v>56</v>
      </c>
      <c r="AH15075">
        <v>57</v>
      </c>
      <c r="AI15075">
        <v>58</v>
      </c>
      <c r="AJ15075">
        <v>58</v>
      </c>
      <c r="AK15075">
        <v>59</v>
      </c>
      <c r="AL15075">
        <v>60</v>
      </c>
      <c r="AM15075">
        <v>61</v>
      </c>
      <c r="AN15075">
        <v>61</v>
      </c>
      <c r="AO15075">
        <v>62</v>
      </c>
      <c r="AP15075">
        <v>63</v>
      </c>
      <c r="AQ15075">
        <v>64</v>
      </c>
    </row>
    <row r="15076" spans="1:43">
      <c r="A15076" t="s">
        <v>9374</v>
      </c>
      <c r="B15076" t="s">
        <v>9375</v>
      </c>
      <c r="C15076" t="s">
        <v>9370</v>
      </c>
      <c r="D15076" t="s">
        <v>9371</v>
      </c>
      <c r="E15076" t="s">
        <v>9202</v>
      </c>
      <c r="F15076" t="s">
        <v>9203</v>
      </c>
      <c r="G15076" t="s">
        <v>80</v>
      </c>
      <c r="H15076" t="s">
        <v>81</v>
      </c>
      <c r="I15076" s="2">
        <v>0</v>
      </c>
      <c r="J15076" s="2">
        <v>1</v>
      </c>
      <c r="K15076" s="2">
        <v>0</v>
      </c>
      <c r="L15076" t="s">
        <v>82</v>
      </c>
      <c r="M15076" t="s">
        <v>89</v>
      </c>
      <c r="N15076" t="s">
        <v>90</v>
      </c>
      <c r="O15076" t="s">
        <v>85</v>
      </c>
      <c r="P15076" t="s">
        <v>86</v>
      </c>
      <c r="Q15076">
        <v>45</v>
      </c>
      <c r="R15076">
        <v>46</v>
      </c>
      <c r="S15076">
        <v>48</v>
      </c>
      <c r="T15076">
        <v>49</v>
      </c>
      <c r="U15076">
        <v>51</v>
      </c>
      <c r="V15076">
        <v>52</v>
      </c>
      <c r="W15076">
        <v>54</v>
      </c>
      <c r="X15076">
        <v>55</v>
      </c>
      <c r="Y15076">
        <v>57</v>
      </c>
      <c r="Z15076">
        <v>58</v>
      </c>
      <c r="AA15076">
        <v>60</v>
      </c>
      <c r="AB15076">
        <v>61</v>
      </c>
      <c r="AC15076">
        <v>63</v>
      </c>
      <c r="AD15076">
        <v>64</v>
      </c>
      <c r="AE15076">
        <v>65</v>
      </c>
      <c r="AF15076">
        <v>66</v>
      </c>
      <c r="AG15076">
        <v>67</v>
      </c>
      <c r="AH15076">
        <v>68</v>
      </c>
      <c r="AI15076">
        <v>68</v>
      </c>
      <c r="AJ15076">
        <v>69</v>
      </c>
      <c r="AK15076">
        <v>70</v>
      </c>
      <c r="AL15076">
        <v>70</v>
      </c>
      <c r="AM15076">
        <v>71</v>
      </c>
      <c r="AN15076">
        <v>72</v>
      </c>
      <c r="AO15076">
        <v>73</v>
      </c>
      <c r="AP15076">
        <v>73</v>
      </c>
      <c r="AQ15076">
        <v>74</v>
      </c>
    </row>
    <row r="15077" spans="1:43">
      <c r="A15077" t="s">
        <v>9374</v>
      </c>
      <c r="B15077" t="s">
        <v>9375</v>
      </c>
      <c r="C15077" t="s">
        <v>9370</v>
      </c>
      <c r="D15077" t="s">
        <v>9371</v>
      </c>
      <c r="E15077" t="s">
        <v>9202</v>
      </c>
      <c r="F15077" t="s">
        <v>9203</v>
      </c>
      <c r="G15077" t="s">
        <v>80</v>
      </c>
      <c r="H15077" t="s">
        <v>81</v>
      </c>
      <c r="I15077" s="2">
        <v>0</v>
      </c>
      <c r="J15077" s="2">
        <v>1</v>
      </c>
      <c r="K15077" s="2">
        <v>0</v>
      </c>
      <c r="L15077" t="s">
        <v>82</v>
      </c>
      <c r="M15077" t="s">
        <v>83</v>
      </c>
      <c r="N15077" t="s">
        <v>91</v>
      </c>
      <c r="O15077" t="s">
        <v>85</v>
      </c>
      <c r="P15077" t="s">
        <v>86</v>
      </c>
      <c r="Q15077">
        <v>45</v>
      </c>
      <c r="R15077">
        <v>46</v>
      </c>
      <c r="S15077">
        <v>47</v>
      </c>
      <c r="T15077">
        <v>48</v>
      </c>
      <c r="U15077">
        <v>49</v>
      </c>
      <c r="V15077">
        <v>50</v>
      </c>
      <c r="W15077">
        <v>51</v>
      </c>
      <c r="X15077">
        <v>52</v>
      </c>
      <c r="Y15077">
        <v>54</v>
      </c>
      <c r="Z15077">
        <v>55</v>
      </c>
      <c r="AA15077">
        <v>56</v>
      </c>
      <c r="AB15077">
        <v>57</v>
      </c>
      <c r="AC15077">
        <v>58</v>
      </c>
      <c r="AD15077">
        <v>60</v>
      </c>
      <c r="AE15077">
        <v>61</v>
      </c>
      <c r="AF15077">
        <v>62</v>
      </c>
      <c r="AG15077">
        <v>63</v>
      </c>
      <c r="AH15077">
        <v>64</v>
      </c>
      <c r="AI15077">
        <v>66</v>
      </c>
      <c r="AJ15077">
        <v>67</v>
      </c>
      <c r="AK15077">
        <v>68</v>
      </c>
      <c r="AL15077">
        <v>69</v>
      </c>
      <c r="AM15077">
        <v>70</v>
      </c>
      <c r="AN15077">
        <v>71</v>
      </c>
      <c r="AO15077">
        <v>72</v>
      </c>
      <c r="AP15077">
        <v>72</v>
      </c>
      <c r="AQ15077">
        <v>73</v>
      </c>
    </row>
    <row r="15078" spans="1:43">
      <c r="A15078" t="s">
        <v>9376</v>
      </c>
      <c r="B15078" t="s">
        <v>9377</v>
      </c>
      <c r="C15078" t="s">
        <v>9378</v>
      </c>
      <c r="D15078" t="s">
        <v>9379</v>
      </c>
      <c r="E15078" t="s">
        <v>9202</v>
      </c>
      <c r="F15078" t="s">
        <v>9203</v>
      </c>
      <c r="G15078" t="s">
        <v>80</v>
      </c>
      <c r="H15078" t="s">
        <v>81</v>
      </c>
      <c r="I15078" s="2">
        <v>0</v>
      </c>
      <c r="J15078" s="2">
        <v>1</v>
      </c>
      <c r="K15078" s="2">
        <v>0</v>
      </c>
      <c r="L15078" t="s">
        <v>82</v>
      </c>
      <c r="M15078" t="s">
        <v>83</v>
      </c>
      <c r="N15078" t="s">
        <v>84</v>
      </c>
      <c r="O15078" t="s">
        <v>85</v>
      </c>
      <c r="P15078" t="s">
        <v>86</v>
      </c>
      <c r="Q15078">
        <v>0</v>
      </c>
      <c r="R15078">
        <v>0</v>
      </c>
      <c r="S15078">
        <v>0</v>
      </c>
      <c r="T15078">
        <v>0</v>
      </c>
      <c r="U15078">
        <v>0</v>
      </c>
      <c r="V15078">
        <v>0</v>
      </c>
      <c r="W15078">
        <v>0</v>
      </c>
      <c r="X15078">
        <v>0</v>
      </c>
      <c r="Y15078">
        <v>0</v>
      </c>
      <c r="Z15078">
        <v>0</v>
      </c>
      <c r="AA15078">
        <v>0</v>
      </c>
      <c r="AB15078">
        <v>0</v>
      </c>
      <c r="AC15078">
        <v>0</v>
      </c>
      <c r="AD15078">
        <v>0</v>
      </c>
      <c r="AE15078">
        <v>0</v>
      </c>
      <c r="AF15078">
        <v>0</v>
      </c>
      <c r="AG15078">
        <v>0</v>
      </c>
      <c r="AH15078">
        <v>0</v>
      </c>
      <c r="AI15078">
        <v>0</v>
      </c>
      <c r="AJ15078">
        <v>0</v>
      </c>
      <c r="AK15078">
        <v>0</v>
      </c>
      <c r="AL15078">
        <v>0</v>
      </c>
      <c r="AM15078">
        <v>0</v>
      </c>
      <c r="AN15078">
        <v>0</v>
      </c>
      <c r="AO15078">
        <v>0</v>
      </c>
      <c r="AP15078">
        <v>0</v>
      </c>
      <c r="AQ15078">
        <v>0</v>
      </c>
    </row>
    <row r="15079" spans="1:43">
      <c r="A15079" t="s">
        <v>9376</v>
      </c>
      <c r="B15079" t="s">
        <v>9377</v>
      </c>
      <c r="C15079" t="s">
        <v>9378</v>
      </c>
      <c r="D15079" t="s">
        <v>9379</v>
      </c>
      <c r="E15079" t="s">
        <v>9202</v>
      </c>
      <c r="F15079" t="s">
        <v>9203</v>
      </c>
      <c r="G15079" t="s">
        <v>80</v>
      </c>
      <c r="H15079" t="s">
        <v>81</v>
      </c>
      <c r="I15079" s="2">
        <v>0</v>
      </c>
      <c r="J15079" s="2">
        <v>1</v>
      </c>
      <c r="K15079" s="2">
        <v>0</v>
      </c>
      <c r="L15079" t="s">
        <v>82</v>
      </c>
      <c r="M15079" t="s">
        <v>87</v>
      </c>
      <c r="N15079" t="s">
        <v>88</v>
      </c>
      <c r="O15079" t="s">
        <v>85</v>
      </c>
      <c r="P15079" t="s">
        <v>86</v>
      </c>
      <c r="Q15079">
        <v>0</v>
      </c>
      <c r="R15079">
        <v>0</v>
      </c>
      <c r="S15079">
        <v>0</v>
      </c>
      <c r="T15079">
        <v>0</v>
      </c>
      <c r="U15079">
        <v>0</v>
      </c>
      <c r="V15079">
        <v>0</v>
      </c>
      <c r="W15079">
        <v>0</v>
      </c>
      <c r="X15079">
        <v>0</v>
      </c>
      <c r="Y15079">
        <v>0</v>
      </c>
      <c r="Z15079">
        <v>0</v>
      </c>
      <c r="AA15079">
        <v>0</v>
      </c>
      <c r="AB15079">
        <v>0</v>
      </c>
      <c r="AC15079">
        <v>0</v>
      </c>
      <c r="AD15079">
        <v>0</v>
      </c>
      <c r="AE15079">
        <v>0</v>
      </c>
      <c r="AF15079">
        <v>0</v>
      </c>
      <c r="AG15079">
        <v>0</v>
      </c>
      <c r="AH15079">
        <v>0</v>
      </c>
      <c r="AI15079">
        <v>0</v>
      </c>
      <c r="AJ15079">
        <v>0</v>
      </c>
      <c r="AK15079">
        <v>0</v>
      </c>
      <c r="AL15079">
        <v>0</v>
      </c>
      <c r="AM15079">
        <v>0</v>
      </c>
      <c r="AN15079">
        <v>0</v>
      </c>
      <c r="AO15079">
        <v>0</v>
      </c>
      <c r="AP15079">
        <v>0</v>
      </c>
      <c r="AQ15079">
        <v>0</v>
      </c>
    </row>
    <row r="15080" spans="1:43">
      <c r="A15080" t="s">
        <v>9376</v>
      </c>
      <c r="B15080" t="s">
        <v>9377</v>
      </c>
      <c r="C15080" t="s">
        <v>9378</v>
      </c>
      <c r="D15080" t="s">
        <v>9379</v>
      </c>
      <c r="E15080" t="s">
        <v>9202</v>
      </c>
      <c r="F15080" t="s">
        <v>9203</v>
      </c>
      <c r="G15080" t="s">
        <v>80</v>
      </c>
      <c r="H15080" t="s">
        <v>81</v>
      </c>
      <c r="I15080" s="2">
        <v>0</v>
      </c>
      <c r="J15080" s="2">
        <v>1</v>
      </c>
      <c r="K15080" s="2">
        <v>0</v>
      </c>
      <c r="L15080" t="s">
        <v>82</v>
      </c>
      <c r="M15080" t="s">
        <v>89</v>
      </c>
      <c r="N15080" t="s">
        <v>90</v>
      </c>
      <c r="O15080" t="s">
        <v>85</v>
      </c>
      <c r="P15080" t="s">
        <v>86</v>
      </c>
      <c r="Q15080">
        <v>0</v>
      </c>
      <c r="R15080">
        <v>0</v>
      </c>
      <c r="S15080">
        <v>0</v>
      </c>
      <c r="T15080">
        <v>0</v>
      </c>
      <c r="U15080">
        <v>0</v>
      </c>
      <c r="V15080">
        <v>0</v>
      </c>
      <c r="W15080">
        <v>0</v>
      </c>
      <c r="X15080">
        <v>0</v>
      </c>
      <c r="Y15080">
        <v>0</v>
      </c>
      <c r="Z15080">
        <v>0</v>
      </c>
      <c r="AA15080">
        <v>0</v>
      </c>
      <c r="AB15080">
        <v>0</v>
      </c>
      <c r="AC15080">
        <v>0</v>
      </c>
      <c r="AD15080">
        <v>0</v>
      </c>
      <c r="AE15080">
        <v>0</v>
      </c>
      <c r="AF15080">
        <v>0</v>
      </c>
      <c r="AG15080">
        <v>0</v>
      </c>
      <c r="AH15080">
        <v>0</v>
      </c>
      <c r="AI15080">
        <v>0</v>
      </c>
      <c r="AJ15080">
        <v>0</v>
      </c>
      <c r="AK15080">
        <v>0</v>
      </c>
      <c r="AL15080">
        <v>0</v>
      </c>
      <c r="AM15080">
        <v>0</v>
      </c>
      <c r="AN15080">
        <v>0</v>
      </c>
      <c r="AO15080">
        <v>0</v>
      </c>
      <c r="AP15080">
        <v>0</v>
      </c>
      <c r="AQ15080">
        <v>0</v>
      </c>
    </row>
    <row r="15081" spans="1:43">
      <c r="A15081" t="s">
        <v>9376</v>
      </c>
      <c r="B15081" t="s">
        <v>9377</v>
      </c>
      <c r="C15081" t="s">
        <v>9378</v>
      </c>
      <c r="D15081" t="s">
        <v>9379</v>
      </c>
      <c r="E15081" t="s">
        <v>9202</v>
      </c>
      <c r="F15081" t="s">
        <v>9203</v>
      </c>
      <c r="G15081" t="s">
        <v>80</v>
      </c>
      <c r="H15081" t="s">
        <v>81</v>
      </c>
      <c r="I15081" s="2">
        <v>0</v>
      </c>
      <c r="J15081" s="2">
        <v>1</v>
      </c>
      <c r="K15081" s="2">
        <v>0</v>
      </c>
      <c r="L15081" t="s">
        <v>82</v>
      </c>
      <c r="M15081" t="s">
        <v>83</v>
      </c>
      <c r="N15081" t="s">
        <v>91</v>
      </c>
      <c r="O15081" t="s">
        <v>85</v>
      </c>
      <c r="P15081" t="s">
        <v>86</v>
      </c>
      <c r="Q15081">
        <v>0</v>
      </c>
      <c r="R15081">
        <v>0</v>
      </c>
      <c r="S15081">
        <v>0</v>
      </c>
      <c r="T15081">
        <v>0</v>
      </c>
      <c r="U15081">
        <v>0</v>
      </c>
      <c r="V15081">
        <v>0</v>
      </c>
      <c r="W15081">
        <v>0</v>
      </c>
      <c r="X15081">
        <v>0</v>
      </c>
      <c r="Y15081">
        <v>0</v>
      </c>
      <c r="Z15081">
        <v>0</v>
      </c>
      <c r="AA15081">
        <v>0</v>
      </c>
      <c r="AB15081">
        <v>0</v>
      </c>
      <c r="AC15081">
        <v>0</v>
      </c>
      <c r="AD15081">
        <v>0</v>
      </c>
      <c r="AE15081">
        <v>0</v>
      </c>
      <c r="AF15081">
        <v>0</v>
      </c>
      <c r="AG15081">
        <v>0</v>
      </c>
      <c r="AH15081">
        <v>0</v>
      </c>
      <c r="AI15081">
        <v>0</v>
      </c>
      <c r="AJ15081">
        <v>0</v>
      </c>
      <c r="AK15081">
        <v>0</v>
      </c>
      <c r="AL15081">
        <v>0</v>
      </c>
      <c r="AM15081">
        <v>0</v>
      </c>
      <c r="AN15081">
        <v>0</v>
      </c>
      <c r="AO15081">
        <v>0</v>
      </c>
      <c r="AP15081">
        <v>0</v>
      </c>
      <c r="AQ15081">
        <v>0</v>
      </c>
    </row>
    <row r="15082" spans="1:43">
      <c r="A15082" t="s">
        <v>9380</v>
      </c>
      <c r="B15082" t="s">
        <v>9381</v>
      </c>
      <c r="C15082" t="s">
        <v>9382</v>
      </c>
      <c r="D15082" t="s">
        <v>9383</v>
      </c>
      <c r="E15082" t="s">
        <v>9202</v>
      </c>
      <c r="F15082" t="s">
        <v>9203</v>
      </c>
      <c r="G15082" t="s">
        <v>80</v>
      </c>
      <c r="H15082" t="s">
        <v>81</v>
      </c>
      <c r="I15082" s="2">
        <v>0</v>
      </c>
      <c r="J15082" s="2">
        <v>1</v>
      </c>
      <c r="K15082" s="2">
        <v>0</v>
      </c>
      <c r="L15082" t="s">
        <v>82</v>
      </c>
      <c r="M15082" t="s">
        <v>83</v>
      </c>
      <c r="N15082" t="s">
        <v>84</v>
      </c>
      <c r="O15082" t="s">
        <v>85</v>
      </c>
      <c r="P15082" t="s">
        <v>86</v>
      </c>
      <c r="Q15082">
        <v>3</v>
      </c>
      <c r="R15082">
        <v>3</v>
      </c>
      <c r="S15082">
        <v>3</v>
      </c>
      <c r="T15082">
        <v>3</v>
      </c>
      <c r="U15082">
        <v>4</v>
      </c>
      <c r="V15082">
        <v>4</v>
      </c>
      <c r="W15082">
        <v>4</v>
      </c>
      <c r="X15082">
        <v>4</v>
      </c>
      <c r="Y15082">
        <v>4</v>
      </c>
      <c r="Z15082">
        <v>4</v>
      </c>
      <c r="AA15082">
        <v>4</v>
      </c>
      <c r="AB15082">
        <v>4</v>
      </c>
      <c r="AC15082">
        <v>4</v>
      </c>
      <c r="AD15082">
        <v>4</v>
      </c>
      <c r="AE15082">
        <v>4</v>
      </c>
      <c r="AF15082">
        <v>5</v>
      </c>
      <c r="AG15082">
        <v>5</v>
      </c>
      <c r="AH15082">
        <v>5</v>
      </c>
      <c r="AI15082">
        <v>5</v>
      </c>
      <c r="AJ15082">
        <v>5</v>
      </c>
      <c r="AK15082">
        <v>5</v>
      </c>
      <c r="AL15082">
        <v>5</v>
      </c>
      <c r="AM15082">
        <v>5</v>
      </c>
      <c r="AN15082">
        <v>5</v>
      </c>
      <c r="AO15082">
        <v>5</v>
      </c>
      <c r="AP15082">
        <v>5</v>
      </c>
      <c r="AQ15082">
        <v>5</v>
      </c>
    </row>
    <row r="15083" spans="1:43">
      <c r="A15083" t="s">
        <v>9380</v>
      </c>
      <c r="B15083" t="s">
        <v>9381</v>
      </c>
      <c r="C15083" t="s">
        <v>9382</v>
      </c>
      <c r="D15083" t="s">
        <v>9383</v>
      </c>
      <c r="E15083" t="s">
        <v>9202</v>
      </c>
      <c r="F15083" t="s">
        <v>9203</v>
      </c>
      <c r="G15083" t="s">
        <v>80</v>
      </c>
      <c r="H15083" t="s">
        <v>81</v>
      </c>
      <c r="I15083" s="2">
        <v>0</v>
      </c>
      <c r="J15083" s="2">
        <v>1</v>
      </c>
      <c r="K15083" s="2">
        <v>0</v>
      </c>
      <c r="L15083" t="s">
        <v>82</v>
      </c>
      <c r="M15083" t="s">
        <v>87</v>
      </c>
      <c r="N15083" t="s">
        <v>88</v>
      </c>
      <c r="O15083" t="s">
        <v>85</v>
      </c>
      <c r="P15083" t="s">
        <v>86</v>
      </c>
      <c r="Q15083">
        <v>3</v>
      </c>
      <c r="R15083">
        <v>3</v>
      </c>
      <c r="S15083">
        <v>3</v>
      </c>
      <c r="T15083">
        <v>3</v>
      </c>
      <c r="U15083">
        <v>3</v>
      </c>
      <c r="V15083">
        <v>3</v>
      </c>
      <c r="W15083">
        <v>4</v>
      </c>
      <c r="X15083">
        <v>4</v>
      </c>
      <c r="Y15083">
        <v>4</v>
      </c>
      <c r="Z15083">
        <v>4</v>
      </c>
      <c r="AA15083">
        <v>4</v>
      </c>
      <c r="AB15083">
        <v>4</v>
      </c>
      <c r="AC15083">
        <v>4</v>
      </c>
      <c r="AD15083">
        <v>4</v>
      </c>
      <c r="AE15083">
        <v>4</v>
      </c>
      <c r="AF15083">
        <v>4</v>
      </c>
      <c r="AG15083">
        <v>4</v>
      </c>
      <c r="AH15083">
        <v>4</v>
      </c>
      <c r="AI15083">
        <v>4</v>
      </c>
      <c r="AJ15083">
        <v>4</v>
      </c>
      <c r="AK15083">
        <v>4</v>
      </c>
      <c r="AL15083">
        <v>4</v>
      </c>
      <c r="AM15083">
        <v>4</v>
      </c>
      <c r="AN15083">
        <v>4</v>
      </c>
      <c r="AO15083">
        <v>4</v>
      </c>
      <c r="AP15083">
        <v>5</v>
      </c>
      <c r="AQ15083">
        <v>5</v>
      </c>
    </row>
    <row r="15084" spans="1:43">
      <c r="A15084" t="s">
        <v>9380</v>
      </c>
      <c r="B15084" t="s">
        <v>9381</v>
      </c>
      <c r="C15084" t="s">
        <v>9382</v>
      </c>
      <c r="D15084" t="s">
        <v>9383</v>
      </c>
      <c r="E15084" t="s">
        <v>9202</v>
      </c>
      <c r="F15084" t="s">
        <v>9203</v>
      </c>
      <c r="G15084" t="s">
        <v>80</v>
      </c>
      <c r="H15084" t="s">
        <v>81</v>
      </c>
      <c r="I15084" s="2">
        <v>0</v>
      </c>
      <c r="J15084" s="2">
        <v>1</v>
      </c>
      <c r="K15084" s="2">
        <v>0</v>
      </c>
      <c r="L15084" t="s">
        <v>82</v>
      </c>
      <c r="M15084" t="s">
        <v>89</v>
      </c>
      <c r="N15084" t="s">
        <v>90</v>
      </c>
      <c r="O15084" t="s">
        <v>85</v>
      </c>
      <c r="P15084" t="s">
        <v>86</v>
      </c>
      <c r="Q15084">
        <v>3</v>
      </c>
      <c r="R15084">
        <v>3</v>
      </c>
      <c r="S15084">
        <v>3</v>
      </c>
      <c r="T15084">
        <v>4</v>
      </c>
      <c r="U15084">
        <v>4</v>
      </c>
      <c r="V15084">
        <v>4</v>
      </c>
      <c r="W15084">
        <v>4</v>
      </c>
      <c r="X15084">
        <v>4</v>
      </c>
      <c r="Y15084">
        <v>4</v>
      </c>
      <c r="Z15084">
        <v>4</v>
      </c>
      <c r="AA15084">
        <v>4</v>
      </c>
      <c r="AB15084">
        <v>4</v>
      </c>
      <c r="AC15084">
        <v>5</v>
      </c>
      <c r="AD15084">
        <v>5</v>
      </c>
      <c r="AE15084">
        <v>5</v>
      </c>
      <c r="AF15084">
        <v>5</v>
      </c>
      <c r="AG15084">
        <v>5</v>
      </c>
      <c r="AH15084">
        <v>5</v>
      </c>
      <c r="AI15084">
        <v>5</v>
      </c>
      <c r="AJ15084">
        <v>5</v>
      </c>
      <c r="AK15084">
        <v>5</v>
      </c>
      <c r="AL15084">
        <v>5</v>
      </c>
      <c r="AM15084">
        <v>5</v>
      </c>
      <c r="AN15084">
        <v>5</v>
      </c>
      <c r="AO15084">
        <v>5</v>
      </c>
      <c r="AP15084">
        <v>5</v>
      </c>
      <c r="AQ15084">
        <v>5</v>
      </c>
    </row>
    <row r="15085" spans="1:43">
      <c r="A15085" t="s">
        <v>9380</v>
      </c>
      <c r="B15085" t="s">
        <v>9381</v>
      </c>
      <c r="C15085" t="s">
        <v>9382</v>
      </c>
      <c r="D15085" t="s">
        <v>9383</v>
      </c>
      <c r="E15085" t="s">
        <v>9202</v>
      </c>
      <c r="F15085" t="s">
        <v>9203</v>
      </c>
      <c r="G15085" t="s">
        <v>80</v>
      </c>
      <c r="H15085" t="s">
        <v>81</v>
      </c>
      <c r="I15085" s="2">
        <v>0</v>
      </c>
      <c r="J15085" s="2">
        <v>1</v>
      </c>
      <c r="K15085" s="2">
        <v>0</v>
      </c>
      <c r="L15085" t="s">
        <v>82</v>
      </c>
      <c r="M15085" t="s">
        <v>83</v>
      </c>
      <c r="N15085" t="s">
        <v>91</v>
      </c>
      <c r="O15085" t="s">
        <v>85</v>
      </c>
      <c r="P15085" t="s">
        <v>86</v>
      </c>
      <c r="Q15085">
        <v>3</v>
      </c>
      <c r="R15085">
        <v>3</v>
      </c>
      <c r="S15085">
        <v>3</v>
      </c>
      <c r="T15085">
        <v>3</v>
      </c>
      <c r="U15085">
        <v>4</v>
      </c>
      <c r="V15085">
        <v>4</v>
      </c>
      <c r="W15085">
        <v>4</v>
      </c>
      <c r="X15085">
        <v>4</v>
      </c>
      <c r="Y15085">
        <v>4</v>
      </c>
      <c r="Z15085">
        <v>4</v>
      </c>
      <c r="AA15085">
        <v>4</v>
      </c>
      <c r="AB15085">
        <v>4</v>
      </c>
      <c r="AC15085">
        <v>4</v>
      </c>
      <c r="AD15085">
        <v>4</v>
      </c>
      <c r="AE15085">
        <v>4</v>
      </c>
      <c r="AF15085">
        <v>5</v>
      </c>
      <c r="AG15085">
        <v>5</v>
      </c>
      <c r="AH15085">
        <v>5</v>
      </c>
      <c r="AI15085">
        <v>5</v>
      </c>
      <c r="AJ15085">
        <v>5</v>
      </c>
      <c r="AK15085">
        <v>5</v>
      </c>
      <c r="AL15085">
        <v>5</v>
      </c>
      <c r="AM15085">
        <v>5</v>
      </c>
      <c r="AN15085">
        <v>5</v>
      </c>
      <c r="AO15085">
        <v>5</v>
      </c>
      <c r="AP15085">
        <v>5</v>
      </c>
      <c r="AQ15085">
        <v>5</v>
      </c>
    </row>
    <row r="15086" spans="1:43">
      <c r="A15086" t="s">
        <v>9384</v>
      </c>
      <c r="B15086" t="s">
        <v>9385</v>
      </c>
      <c r="C15086" t="s">
        <v>9370</v>
      </c>
      <c r="D15086" t="s">
        <v>9371</v>
      </c>
      <c r="E15086" t="s">
        <v>9202</v>
      </c>
      <c r="F15086" t="s">
        <v>9203</v>
      </c>
      <c r="G15086" t="s">
        <v>80</v>
      </c>
      <c r="H15086" t="s">
        <v>81</v>
      </c>
      <c r="I15086" s="2">
        <v>0</v>
      </c>
      <c r="J15086" s="2">
        <v>1</v>
      </c>
      <c r="K15086" s="2">
        <v>0</v>
      </c>
      <c r="L15086" t="s">
        <v>82</v>
      </c>
      <c r="M15086" t="s">
        <v>83</v>
      </c>
      <c r="N15086" t="s">
        <v>84</v>
      </c>
      <c r="O15086" t="s">
        <v>85</v>
      </c>
      <c r="P15086" t="s">
        <v>86</v>
      </c>
      <c r="Q15086">
        <v>182</v>
      </c>
      <c r="R15086">
        <v>186</v>
      </c>
      <c r="S15086">
        <v>191</v>
      </c>
      <c r="T15086">
        <v>195</v>
      </c>
      <c r="U15086">
        <v>200</v>
      </c>
      <c r="V15086">
        <v>205</v>
      </c>
      <c r="W15086">
        <v>209</v>
      </c>
      <c r="X15086">
        <v>214</v>
      </c>
      <c r="Y15086">
        <v>219</v>
      </c>
      <c r="Z15086">
        <v>223</v>
      </c>
      <c r="AA15086">
        <v>228</v>
      </c>
      <c r="AB15086">
        <v>233</v>
      </c>
      <c r="AC15086">
        <v>238</v>
      </c>
      <c r="AD15086">
        <v>243</v>
      </c>
      <c r="AE15086">
        <v>248</v>
      </c>
      <c r="AF15086">
        <v>253</v>
      </c>
      <c r="AG15086">
        <v>258</v>
      </c>
      <c r="AH15086">
        <v>263</v>
      </c>
      <c r="AI15086">
        <v>268</v>
      </c>
      <c r="AJ15086">
        <v>274</v>
      </c>
      <c r="AK15086">
        <v>279</v>
      </c>
      <c r="AL15086">
        <v>283</v>
      </c>
      <c r="AM15086">
        <v>286</v>
      </c>
      <c r="AN15086">
        <v>289</v>
      </c>
      <c r="AO15086">
        <v>292</v>
      </c>
      <c r="AP15086">
        <v>295</v>
      </c>
      <c r="AQ15086">
        <v>297</v>
      </c>
    </row>
    <row r="15087" spans="1:43">
      <c r="A15087" t="s">
        <v>9384</v>
      </c>
      <c r="B15087" t="s">
        <v>9385</v>
      </c>
      <c r="C15087" t="s">
        <v>9370</v>
      </c>
      <c r="D15087" t="s">
        <v>9371</v>
      </c>
      <c r="E15087" t="s">
        <v>9202</v>
      </c>
      <c r="F15087" t="s">
        <v>9203</v>
      </c>
      <c r="G15087" t="s">
        <v>80</v>
      </c>
      <c r="H15087" t="s">
        <v>81</v>
      </c>
      <c r="I15087" s="2">
        <v>0</v>
      </c>
      <c r="J15087" s="2">
        <v>1</v>
      </c>
      <c r="K15087" s="2">
        <v>0</v>
      </c>
      <c r="L15087" t="s">
        <v>82</v>
      </c>
      <c r="M15087" t="s">
        <v>87</v>
      </c>
      <c r="N15087" t="s">
        <v>88</v>
      </c>
      <c r="O15087" t="s">
        <v>85</v>
      </c>
      <c r="P15087" t="s">
        <v>86</v>
      </c>
      <c r="Q15087">
        <v>182</v>
      </c>
      <c r="R15087">
        <v>185</v>
      </c>
      <c r="S15087">
        <v>188</v>
      </c>
      <c r="T15087">
        <v>190</v>
      </c>
      <c r="U15087">
        <v>193</v>
      </c>
      <c r="V15087">
        <v>196</v>
      </c>
      <c r="W15087">
        <v>199</v>
      </c>
      <c r="X15087">
        <v>201</v>
      </c>
      <c r="Y15087">
        <v>204</v>
      </c>
      <c r="Z15087">
        <v>207</v>
      </c>
      <c r="AA15087">
        <v>210</v>
      </c>
      <c r="AB15087">
        <v>213</v>
      </c>
      <c r="AC15087">
        <v>216</v>
      </c>
      <c r="AD15087">
        <v>218</v>
      </c>
      <c r="AE15087">
        <v>221</v>
      </c>
      <c r="AF15087">
        <v>224</v>
      </c>
      <c r="AG15087">
        <v>227</v>
      </c>
      <c r="AH15087">
        <v>230</v>
      </c>
      <c r="AI15087">
        <v>233</v>
      </c>
      <c r="AJ15087">
        <v>236</v>
      </c>
      <c r="AK15087">
        <v>239</v>
      </c>
      <c r="AL15087">
        <v>242</v>
      </c>
      <c r="AM15087">
        <v>245</v>
      </c>
      <c r="AN15087">
        <v>248</v>
      </c>
      <c r="AO15087">
        <v>252</v>
      </c>
      <c r="AP15087">
        <v>255</v>
      </c>
      <c r="AQ15087">
        <v>258</v>
      </c>
    </row>
    <row r="15088" spans="1:43">
      <c r="A15088" t="s">
        <v>9384</v>
      </c>
      <c r="B15088" t="s">
        <v>9385</v>
      </c>
      <c r="C15088" t="s">
        <v>9370</v>
      </c>
      <c r="D15088" t="s">
        <v>9371</v>
      </c>
      <c r="E15088" t="s">
        <v>9202</v>
      </c>
      <c r="F15088" t="s">
        <v>9203</v>
      </c>
      <c r="G15088" t="s">
        <v>80</v>
      </c>
      <c r="H15088" t="s">
        <v>81</v>
      </c>
      <c r="I15088" s="2">
        <v>0</v>
      </c>
      <c r="J15088" s="2">
        <v>1</v>
      </c>
      <c r="K15088" s="2">
        <v>0</v>
      </c>
      <c r="L15088" t="s">
        <v>82</v>
      </c>
      <c r="M15088" t="s">
        <v>89</v>
      </c>
      <c r="N15088" t="s">
        <v>90</v>
      </c>
      <c r="O15088" t="s">
        <v>85</v>
      </c>
      <c r="P15088" t="s">
        <v>86</v>
      </c>
      <c r="Q15088">
        <v>182</v>
      </c>
      <c r="R15088">
        <v>188</v>
      </c>
      <c r="S15088">
        <v>194</v>
      </c>
      <c r="T15088">
        <v>200</v>
      </c>
      <c r="U15088">
        <v>206</v>
      </c>
      <c r="V15088">
        <v>212</v>
      </c>
      <c r="W15088">
        <v>218</v>
      </c>
      <c r="X15088">
        <v>224</v>
      </c>
      <c r="Y15088">
        <v>230</v>
      </c>
      <c r="Z15088">
        <v>236</v>
      </c>
      <c r="AA15088">
        <v>242</v>
      </c>
      <c r="AB15088">
        <v>247</v>
      </c>
      <c r="AC15088">
        <v>254</v>
      </c>
      <c r="AD15088">
        <v>260</v>
      </c>
      <c r="AE15088">
        <v>264</v>
      </c>
      <c r="AF15088">
        <v>267</v>
      </c>
      <c r="AG15088">
        <v>270</v>
      </c>
      <c r="AH15088">
        <v>273</v>
      </c>
      <c r="AI15088">
        <v>276</v>
      </c>
      <c r="AJ15088">
        <v>279</v>
      </c>
      <c r="AK15088">
        <v>282</v>
      </c>
      <c r="AL15088">
        <v>285</v>
      </c>
      <c r="AM15088">
        <v>288</v>
      </c>
      <c r="AN15088">
        <v>291</v>
      </c>
      <c r="AO15088">
        <v>293</v>
      </c>
      <c r="AP15088">
        <v>296</v>
      </c>
      <c r="AQ15088">
        <v>299</v>
      </c>
    </row>
    <row r="15089" spans="1:43">
      <c r="A15089" t="s">
        <v>9384</v>
      </c>
      <c r="B15089" t="s">
        <v>9385</v>
      </c>
      <c r="C15089" t="s">
        <v>9370</v>
      </c>
      <c r="D15089" t="s">
        <v>9371</v>
      </c>
      <c r="E15089" t="s">
        <v>9202</v>
      </c>
      <c r="F15089" t="s">
        <v>9203</v>
      </c>
      <c r="G15089" t="s">
        <v>80</v>
      </c>
      <c r="H15089" t="s">
        <v>81</v>
      </c>
      <c r="I15089" s="2">
        <v>0</v>
      </c>
      <c r="J15089" s="2">
        <v>1</v>
      </c>
      <c r="K15089" s="2">
        <v>0</v>
      </c>
      <c r="L15089" t="s">
        <v>82</v>
      </c>
      <c r="M15089" t="s">
        <v>83</v>
      </c>
      <c r="N15089" t="s">
        <v>91</v>
      </c>
      <c r="O15089" t="s">
        <v>85</v>
      </c>
      <c r="P15089" t="s">
        <v>86</v>
      </c>
      <c r="Q15089">
        <v>182</v>
      </c>
      <c r="R15089">
        <v>186</v>
      </c>
      <c r="S15089">
        <v>191</v>
      </c>
      <c r="T15089">
        <v>195</v>
      </c>
      <c r="U15089">
        <v>200</v>
      </c>
      <c r="V15089">
        <v>205</v>
      </c>
      <c r="W15089">
        <v>209</v>
      </c>
      <c r="X15089">
        <v>214</v>
      </c>
      <c r="Y15089">
        <v>219</v>
      </c>
      <c r="Z15089">
        <v>223</v>
      </c>
      <c r="AA15089">
        <v>228</v>
      </c>
      <c r="AB15089">
        <v>233</v>
      </c>
      <c r="AC15089">
        <v>238</v>
      </c>
      <c r="AD15089">
        <v>243</v>
      </c>
      <c r="AE15089">
        <v>248</v>
      </c>
      <c r="AF15089">
        <v>253</v>
      </c>
      <c r="AG15089">
        <v>258</v>
      </c>
      <c r="AH15089">
        <v>263</v>
      </c>
      <c r="AI15089">
        <v>268</v>
      </c>
      <c r="AJ15089">
        <v>274</v>
      </c>
      <c r="AK15089">
        <v>279</v>
      </c>
      <c r="AL15089">
        <v>283</v>
      </c>
      <c r="AM15089">
        <v>286</v>
      </c>
      <c r="AN15089">
        <v>289</v>
      </c>
      <c r="AO15089">
        <v>292</v>
      </c>
      <c r="AP15089">
        <v>295</v>
      </c>
      <c r="AQ15089">
        <v>297</v>
      </c>
    </row>
    <row r="15090" spans="1:43">
      <c r="A15090" t="s">
        <v>9386</v>
      </c>
      <c r="B15090" t="s">
        <v>9387</v>
      </c>
      <c r="C15090" t="s">
        <v>9388</v>
      </c>
      <c r="D15090" t="s">
        <v>9389</v>
      </c>
      <c r="E15090" t="s">
        <v>9202</v>
      </c>
      <c r="F15090" t="s">
        <v>9203</v>
      </c>
      <c r="G15090" t="s">
        <v>80</v>
      </c>
      <c r="H15090" t="s">
        <v>81</v>
      </c>
      <c r="I15090" s="2">
        <v>0</v>
      </c>
      <c r="J15090" s="2">
        <v>1</v>
      </c>
      <c r="K15090" s="2">
        <v>0</v>
      </c>
      <c r="L15090" t="s">
        <v>82</v>
      </c>
      <c r="M15090" t="s">
        <v>83</v>
      </c>
      <c r="N15090" t="s">
        <v>84</v>
      </c>
      <c r="O15090" t="s">
        <v>85</v>
      </c>
      <c r="P15090" t="s">
        <v>86</v>
      </c>
      <c r="Q15090">
        <v>22</v>
      </c>
      <c r="R15090">
        <v>23</v>
      </c>
      <c r="S15090">
        <v>23</v>
      </c>
      <c r="T15090">
        <v>24</v>
      </c>
      <c r="U15090">
        <v>24</v>
      </c>
      <c r="V15090">
        <v>25</v>
      </c>
      <c r="W15090">
        <v>25</v>
      </c>
      <c r="X15090">
        <v>26</v>
      </c>
      <c r="Y15090">
        <v>26</v>
      </c>
      <c r="Z15090">
        <v>27</v>
      </c>
      <c r="AA15090">
        <v>28</v>
      </c>
      <c r="AB15090">
        <v>28</v>
      </c>
      <c r="AC15090">
        <v>29</v>
      </c>
      <c r="AD15090">
        <v>29</v>
      </c>
      <c r="AE15090">
        <v>30</v>
      </c>
      <c r="AF15090">
        <v>30</v>
      </c>
      <c r="AG15090">
        <v>31</v>
      </c>
      <c r="AH15090">
        <v>32</v>
      </c>
      <c r="AI15090">
        <v>32</v>
      </c>
      <c r="AJ15090">
        <v>33</v>
      </c>
      <c r="AK15090">
        <v>34</v>
      </c>
      <c r="AL15090">
        <v>34</v>
      </c>
      <c r="AM15090">
        <v>34</v>
      </c>
      <c r="AN15090">
        <v>35</v>
      </c>
      <c r="AO15090">
        <v>35</v>
      </c>
      <c r="AP15090">
        <v>35</v>
      </c>
      <c r="AQ15090">
        <v>36</v>
      </c>
    </row>
    <row r="15091" spans="1:43">
      <c r="A15091" t="s">
        <v>9386</v>
      </c>
      <c r="B15091" t="s">
        <v>9387</v>
      </c>
      <c r="C15091" t="s">
        <v>9388</v>
      </c>
      <c r="D15091" t="s">
        <v>9389</v>
      </c>
      <c r="E15091" t="s">
        <v>9202</v>
      </c>
      <c r="F15091" t="s">
        <v>9203</v>
      </c>
      <c r="G15091" t="s">
        <v>80</v>
      </c>
      <c r="H15091" t="s">
        <v>81</v>
      </c>
      <c r="I15091" s="2">
        <v>0</v>
      </c>
      <c r="J15091" s="2">
        <v>1</v>
      </c>
      <c r="K15091" s="2">
        <v>0</v>
      </c>
      <c r="L15091" t="s">
        <v>82</v>
      </c>
      <c r="M15091" t="s">
        <v>87</v>
      </c>
      <c r="N15091" t="s">
        <v>88</v>
      </c>
      <c r="O15091" t="s">
        <v>85</v>
      </c>
      <c r="P15091" t="s">
        <v>86</v>
      </c>
      <c r="Q15091">
        <v>22</v>
      </c>
      <c r="R15091">
        <v>22</v>
      </c>
      <c r="S15091">
        <v>22</v>
      </c>
      <c r="T15091">
        <v>23</v>
      </c>
      <c r="U15091">
        <v>23</v>
      </c>
      <c r="V15091">
        <v>23</v>
      </c>
      <c r="W15091">
        <v>24</v>
      </c>
      <c r="X15091">
        <v>24</v>
      </c>
      <c r="Y15091">
        <v>24</v>
      </c>
      <c r="Z15091">
        <v>25</v>
      </c>
      <c r="AA15091">
        <v>25</v>
      </c>
      <c r="AB15091">
        <v>25</v>
      </c>
      <c r="AC15091">
        <v>26</v>
      </c>
      <c r="AD15091">
        <v>26</v>
      </c>
      <c r="AE15091">
        <v>26</v>
      </c>
      <c r="AF15091">
        <v>27</v>
      </c>
      <c r="AG15091">
        <v>27</v>
      </c>
      <c r="AH15091">
        <v>27</v>
      </c>
      <c r="AI15091">
        <v>28</v>
      </c>
      <c r="AJ15091">
        <v>28</v>
      </c>
      <c r="AK15091">
        <v>29</v>
      </c>
      <c r="AL15091">
        <v>29</v>
      </c>
      <c r="AM15091">
        <v>29</v>
      </c>
      <c r="AN15091">
        <v>30</v>
      </c>
      <c r="AO15091">
        <v>30</v>
      </c>
      <c r="AP15091">
        <v>30</v>
      </c>
      <c r="AQ15091">
        <v>31</v>
      </c>
    </row>
    <row r="15092" spans="1:43">
      <c r="A15092" t="s">
        <v>9386</v>
      </c>
      <c r="B15092" t="s">
        <v>9387</v>
      </c>
      <c r="C15092" t="s">
        <v>9388</v>
      </c>
      <c r="D15092" t="s">
        <v>9389</v>
      </c>
      <c r="E15092" t="s">
        <v>9202</v>
      </c>
      <c r="F15092" t="s">
        <v>9203</v>
      </c>
      <c r="G15092" t="s">
        <v>80</v>
      </c>
      <c r="H15092" t="s">
        <v>81</v>
      </c>
      <c r="I15092" s="2">
        <v>0</v>
      </c>
      <c r="J15092" s="2">
        <v>1</v>
      </c>
      <c r="K15092" s="2">
        <v>0</v>
      </c>
      <c r="L15092" t="s">
        <v>82</v>
      </c>
      <c r="M15092" t="s">
        <v>89</v>
      </c>
      <c r="N15092" t="s">
        <v>90</v>
      </c>
      <c r="O15092" t="s">
        <v>85</v>
      </c>
      <c r="P15092" t="s">
        <v>86</v>
      </c>
      <c r="Q15092">
        <v>22</v>
      </c>
      <c r="R15092">
        <v>23</v>
      </c>
      <c r="S15092">
        <v>24</v>
      </c>
      <c r="T15092">
        <v>24</v>
      </c>
      <c r="U15092">
        <v>25</v>
      </c>
      <c r="V15092">
        <v>26</v>
      </c>
      <c r="W15092">
        <v>27</v>
      </c>
      <c r="X15092">
        <v>27</v>
      </c>
      <c r="Y15092">
        <v>28</v>
      </c>
      <c r="Z15092">
        <v>29</v>
      </c>
      <c r="AA15092">
        <v>29</v>
      </c>
      <c r="AB15092">
        <v>30</v>
      </c>
      <c r="AC15092">
        <v>31</v>
      </c>
      <c r="AD15092">
        <v>31</v>
      </c>
      <c r="AE15092">
        <v>32</v>
      </c>
      <c r="AF15092">
        <v>32</v>
      </c>
      <c r="AG15092">
        <v>33</v>
      </c>
      <c r="AH15092">
        <v>33</v>
      </c>
      <c r="AI15092">
        <v>33</v>
      </c>
      <c r="AJ15092">
        <v>34</v>
      </c>
      <c r="AK15092">
        <v>34</v>
      </c>
      <c r="AL15092">
        <v>34</v>
      </c>
      <c r="AM15092">
        <v>35</v>
      </c>
      <c r="AN15092">
        <v>35</v>
      </c>
      <c r="AO15092">
        <v>35</v>
      </c>
      <c r="AP15092">
        <v>36</v>
      </c>
      <c r="AQ15092">
        <v>36</v>
      </c>
    </row>
    <row r="15093" spans="1:43">
      <c r="A15093" t="s">
        <v>9386</v>
      </c>
      <c r="B15093" t="s">
        <v>9387</v>
      </c>
      <c r="C15093" t="s">
        <v>9388</v>
      </c>
      <c r="D15093" t="s">
        <v>9389</v>
      </c>
      <c r="E15093" t="s">
        <v>9202</v>
      </c>
      <c r="F15093" t="s">
        <v>9203</v>
      </c>
      <c r="G15093" t="s">
        <v>80</v>
      </c>
      <c r="H15093" t="s">
        <v>81</v>
      </c>
      <c r="I15093" s="2">
        <v>0</v>
      </c>
      <c r="J15093" s="2">
        <v>1</v>
      </c>
      <c r="K15093" s="2">
        <v>0</v>
      </c>
      <c r="L15093" t="s">
        <v>82</v>
      </c>
      <c r="M15093" t="s">
        <v>83</v>
      </c>
      <c r="N15093" t="s">
        <v>91</v>
      </c>
      <c r="O15093" t="s">
        <v>85</v>
      </c>
      <c r="P15093" t="s">
        <v>86</v>
      </c>
      <c r="Q15093">
        <v>22</v>
      </c>
      <c r="R15093">
        <v>23</v>
      </c>
      <c r="S15093">
        <v>23</v>
      </c>
      <c r="T15093">
        <v>24</v>
      </c>
      <c r="U15093">
        <v>24</v>
      </c>
      <c r="V15093">
        <v>25</v>
      </c>
      <c r="W15093">
        <v>25</v>
      </c>
      <c r="X15093">
        <v>26</v>
      </c>
      <c r="Y15093">
        <v>26</v>
      </c>
      <c r="Z15093">
        <v>27</v>
      </c>
      <c r="AA15093">
        <v>28</v>
      </c>
      <c r="AB15093">
        <v>28</v>
      </c>
      <c r="AC15093">
        <v>29</v>
      </c>
      <c r="AD15093">
        <v>29</v>
      </c>
      <c r="AE15093">
        <v>30</v>
      </c>
      <c r="AF15093">
        <v>30</v>
      </c>
      <c r="AG15093">
        <v>31</v>
      </c>
      <c r="AH15093">
        <v>32</v>
      </c>
      <c r="AI15093">
        <v>32</v>
      </c>
      <c r="AJ15093">
        <v>33</v>
      </c>
      <c r="AK15093">
        <v>34</v>
      </c>
      <c r="AL15093">
        <v>34</v>
      </c>
      <c r="AM15093">
        <v>34</v>
      </c>
      <c r="AN15093">
        <v>35</v>
      </c>
      <c r="AO15093">
        <v>35</v>
      </c>
      <c r="AP15093">
        <v>35</v>
      </c>
      <c r="AQ15093">
        <v>36</v>
      </c>
    </row>
    <row r="15094" spans="1:43">
      <c r="A15094" t="s">
        <v>9390</v>
      </c>
      <c r="B15094" t="s">
        <v>9391</v>
      </c>
      <c r="C15094" t="s">
        <v>9388</v>
      </c>
      <c r="D15094" t="s">
        <v>9389</v>
      </c>
      <c r="E15094" t="s">
        <v>9202</v>
      </c>
      <c r="F15094" t="s">
        <v>9203</v>
      </c>
      <c r="G15094" t="s">
        <v>80</v>
      </c>
      <c r="H15094" t="s">
        <v>81</v>
      </c>
      <c r="I15094" s="2">
        <v>0</v>
      </c>
      <c r="J15094" s="2">
        <v>1</v>
      </c>
      <c r="K15094" s="2">
        <v>0</v>
      </c>
      <c r="L15094" t="s">
        <v>82</v>
      </c>
      <c r="M15094" t="s">
        <v>83</v>
      </c>
      <c r="N15094" t="s">
        <v>84</v>
      </c>
      <c r="O15094" t="s">
        <v>85</v>
      </c>
      <c r="P15094" t="s">
        <v>86</v>
      </c>
      <c r="Q15094">
        <v>5</v>
      </c>
      <c r="R15094">
        <v>5</v>
      </c>
      <c r="S15094">
        <v>5</v>
      </c>
      <c r="T15094">
        <v>5</v>
      </c>
      <c r="U15094">
        <v>6</v>
      </c>
      <c r="V15094">
        <v>6</v>
      </c>
      <c r="W15094">
        <v>6</v>
      </c>
      <c r="X15094">
        <v>6</v>
      </c>
      <c r="Y15094">
        <v>6</v>
      </c>
      <c r="Z15094">
        <v>6</v>
      </c>
      <c r="AA15094">
        <v>6</v>
      </c>
      <c r="AB15094">
        <v>6</v>
      </c>
      <c r="AC15094">
        <v>7</v>
      </c>
      <c r="AD15094">
        <v>7</v>
      </c>
      <c r="AE15094">
        <v>7</v>
      </c>
      <c r="AF15094">
        <v>7</v>
      </c>
      <c r="AG15094">
        <v>7</v>
      </c>
      <c r="AH15094">
        <v>7</v>
      </c>
      <c r="AI15094">
        <v>7</v>
      </c>
      <c r="AJ15094">
        <v>8</v>
      </c>
      <c r="AK15094">
        <v>8</v>
      </c>
      <c r="AL15094">
        <v>8</v>
      </c>
      <c r="AM15094">
        <v>8</v>
      </c>
      <c r="AN15094">
        <v>8</v>
      </c>
      <c r="AO15094">
        <v>8</v>
      </c>
      <c r="AP15094">
        <v>8</v>
      </c>
      <c r="AQ15094">
        <v>8</v>
      </c>
    </row>
    <row r="15095" spans="1:43">
      <c r="A15095" t="s">
        <v>9390</v>
      </c>
      <c r="B15095" t="s">
        <v>9391</v>
      </c>
      <c r="C15095" t="s">
        <v>9388</v>
      </c>
      <c r="D15095" t="s">
        <v>9389</v>
      </c>
      <c r="E15095" t="s">
        <v>9202</v>
      </c>
      <c r="F15095" t="s">
        <v>9203</v>
      </c>
      <c r="G15095" t="s">
        <v>80</v>
      </c>
      <c r="H15095" t="s">
        <v>81</v>
      </c>
      <c r="I15095" s="2">
        <v>0</v>
      </c>
      <c r="J15095" s="2">
        <v>1</v>
      </c>
      <c r="K15095" s="2">
        <v>0</v>
      </c>
      <c r="L15095" t="s">
        <v>82</v>
      </c>
      <c r="M15095" t="s">
        <v>87</v>
      </c>
      <c r="N15095" t="s">
        <v>88</v>
      </c>
      <c r="O15095" t="s">
        <v>85</v>
      </c>
      <c r="P15095" t="s">
        <v>86</v>
      </c>
      <c r="Q15095">
        <v>5</v>
      </c>
      <c r="R15095">
        <v>5</v>
      </c>
      <c r="S15095">
        <v>5</v>
      </c>
      <c r="T15095">
        <v>5</v>
      </c>
      <c r="U15095">
        <v>5</v>
      </c>
      <c r="V15095">
        <v>5</v>
      </c>
      <c r="W15095">
        <v>5</v>
      </c>
      <c r="X15095">
        <v>6</v>
      </c>
      <c r="Y15095">
        <v>6</v>
      </c>
      <c r="Z15095">
        <v>6</v>
      </c>
      <c r="AA15095">
        <v>6</v>
      </c>
      <c r="AB15095">
        <v>6</v>
      </c>
      <c r="AC15095">
        <v>6</v>
      </c>
      <c r="AD15095">
        <v>6</v>
      </c>
      <c r="AE15095">
        <v>6</v>
      </c>
      <c r="AF15095">
        <v>6</v>
      </c>
      <c r="AG15095">
        <v>6</v>
      </c>
      <c r="AH15095">
        <v>6</v>
      </c>
      <c r="AI15095">
        <v>6</v>
      </c>
      <c r="AJ15095">
        <v>7</v>
      </c>
      <c r="AK15095">
        <v>7</v>
      </c>
      <c r="AL15095">
        <v>7</v>
      </c>
      <c r="AM15095">
        <v>7</v>
      </c>
      <c r="AN15095">
        <v>7</v>
      </c>
      <c r="AO15095">
        <v>7</v>
      </c>
      <c r="AP15095">
        <v>7</v>
      </c>
      <c r="AQ15095">
        <v>7</v>
      </c>
    </row>
    <row r="15096" spans="1:43">
      <c r="A15096" t="s">
        <v>9390</v>
      </c>
      <c r="B15096" t="s">
        <v>9391</v>
      </c>
      <c r="C15096" t="s">
        <v>9388</v>
      </c>
      <c r="D15096" t="s">
        <v>9389</v>
      </c>
      <c r="E15096" t="s">
        <v>9202</v>
      </c>
      <c r="F15096" t="s">
        <v>9203</v>
      </c>
      <c r="G15096" t="s">
        <v>80</v>
      </c>
      <c r="H15096" t="s">
        <v>81</v>
      </c>
      <c r="I15096" s="2">
        <v>0</v>
      </c>
      <c r="J15096" s="2">
        <v>1</v>
      </c>
      <c r="K15096" s="2">
        <v>0</v>
      </c>
      <c r="L15096" t="s">
        <v>82</v>
      </c>
      <c r="M15096" t="s">
        <v>89</v>
      </c>
      <c r="N15096" t="s">
        <v>90</v>
      </c>
      <c r="O15096" t="s">
        <v>85</v>
      </c>
      <c r="P15096" t="s">
        <v>86</v>
      </c>
      <c r="Q15096">
        <v>5</v>
      </c>
      <c r="R15096">
        <v>5</v>
      </c>
      <c r="S15096">
        <v>5</v>
      </c>
      <c r="T15096">
        <v>6</v>
      </c>
      <c r="U15096">
        <v>6</v>
      </c>
      <c r="V15096">
        <v>6</v>
      </c>
      <c r="W15096">
        <v>6</v>
      </c>
      <c r="X15096">
        <v>6</v>
      </c>
      <c r="Y15096">
        <v>6</v>
      </c>
      <c r="Z15096">
        <v>7</v>
      </c>
      <c r="AA15096">
        <v>7</v>
      </c>
      <c r="AB15096">
        <v>7</v>
      </c>
      <c r="AC15096">
        <v>7</v>
      </c>
      <c r="AD15096">
        <v>7</v>
      </c>
      <c r="AE15096">
        <v>7</v>
      </c>
      <c r="AF15096">
        <v>7</v>
      </c>
      <c r="AG15096">
        <v>8</v>
      </c>
      <c r="AH15096">
        <v>8</v>
      </c>
      <c r="AI15096">
        <v>8</v>
      </c>
      <c r="AJ15096">
        <v>8</v>
      </c>
      <c r="AK15096">
        <v>8</v>
      </c>
      <c r="AL15096">
        <v>8</v>
      </c>
      <c r="AM15096">
        <v>8</v>
      </c>
      <c r="AN15096">
        <v>8</v>
      </c>
      <c r="AO15096">
        <v>8</v>
      </c>
      <c r="AP15096">
        <v>8</v>
      </c>
      <c r="AQ15096">
        <v>8</v>
      </c>
    </row>
    <row r="15097" spans="1:43">
      <c r="A15097" t="s">
        <v>9390</v>
      </c>
      <c r="B15097" t="s">
        <v>9391</v>
      </c>
      <c r="C15097" t="s">
        <v>9388</v>
      </c>
      <c r="D15097" t="s">
        <v>9389</v>
      </c>
      <c r="E15097" t="s">
        <v>9202</v>
      </c>
      <c r="F15097" t="s">
        <v>9203</v>
      </c>
      <c r="G15097" t="s">
        <v>80</v>
      </c>
      <c r="H15097" t="s">
        <v>81</v>
      </c>
      <c r="I15097" s="2">
        <v>0</v>
      </c>
      <c r="J15097" s="2">
        <v>1</v>
      </c>
      <c r="K15097" s="2">
        <v>0</v>
      </c>
      <c r="L15097" t="s">
        <v>82</v>
      </c>
      <c r="M15097" t="s">
        <v>83</v>
      </c>
      <c r="N15097" t="s">
        <v>91</v>
      </c>
      <c r="O15097" t="s">
        <v>85</v>
      </c>
      <c r="P15097" t="s">
        <v>86</v>
      </c>
      <c r="Q15097">
        <v>5</v>
      </c>
      <c r="R15097">
        <v>5</v>
      </c>
      <c r="S15097">
        <v>5</v>
      </c>
      <c r="T15097">
        <v>5</v>
      </c>
      <c r="U15097">
        <v>6</v>
      </c>
      <c r="V15097">
        <v>6</v>
      </c>
      <c r="W15097">
        <v>6</v>
      </c>
      <c r="X15097">
        <v>6</v>
      </c>
      <c r="Y15097">
        <v>6</v>
      </c>
      <c r="Z15097">
        <v>6</v>
      </c>
      <c r="AA15097">
        <v>6</v>
      </c>
      <c r="AB15097">
        <v>6</v>
      </c>
      <c r="AC15097">
        <v>7</v>
      </c>
      <c r="AD15097">
        <v>7</v>
      </c>
      <c r="AE15097">
        <v>7</v>
      </c>
      <c r="AF15097">
        <v>7</v>
      </c>
      <c r="AG15097">
        <v>7</v>
      </c>
      <c r="AH15097">
        <v>7</v>
      </c>
      <c r="AI15097">
        <v>7</v>
      </c>
      <c r="AJ15097">
        <v>8</v>
      </c>
      <c r="AK15097">
        <v>8</v>
      </c>
      <c r="AL15097">
        <v>8</v>
      </c>
      <c r="AM15097">
        <v>8</v>
      </c>
      <c r="AN15097">
        <v>8</v>
      </c>
      <c r="AO15097">
        <v>8</v>
      </c>
      <c r="AP15097">
        <v>8</v>
      </c>
      <c r="AQ15097">
        <v>8</v>
      </c>
    </row>
    <row r="15098" spans="1:43">
      <c r="A15098" t="s">
        <v>9392</v>
      </c>
      <c r="B15098" t="s">
        <v>9393</v>
      </c>
      <c r="C15098" t="s">
        <v>9388</v>
      </c>
      <c r="D15098" t="s">
        <v>9389</v>
      </c>
      <c r="E15098" t="s">
        <v>9202</v>
      </c>
      <c r="F15098" t="s">
        <v>9203</v>
      </c>
      <c r="G15098" t="s">
        <v>80</v>
      </c>
      <c r="H15098" t="s">
        <v>81</v>
      </c>
      <c r="I15098" s="2">
        <v>0</v>
      </c>
      <c r="J15098" s="2">
        <v>1</v>
      </c>
      <c r="K15098" s="2">
        <v>0</v>
      </c>
      <c r="L15098" t="s">
        <v>82</v>
      </c>
      <c r="M15098" t="s">
        <v>83</v>
      </c>
      <c r="N15098" t="s">
        <v>84</v>
      </c>
      <c r="O15098" t="s">
        <v>85</v>
      </c>
      <c r="P15098" t="s">
        <v>86</v>
      </c>
      <c r="Q15098">
        <v>41</v>
      </c>
      <c r="R15098">
        <v>42</v>
      </c>
      <c r="S15098">
        <v>43</v>
      </c>
      <c r="T15098">
        <v>44</v>
      </c>
      <c r="U15098">
        <v>45</v>
      </c>
      <c r="V15098">
        <v>46</v>
      </c>
      <c r="W15098">
        <v>47</v>
      </c>
      <c r="X15098">
        <v>48</v>
      </c>
      <c r="Y15098">
        <v>49</v>
      </c>
      <c r="Z15098">
        <v>50</v>
      </c>
      <c r="AA15098">
        <v>51</v>
      </c>
      <c r="AB15098">
        <v>52</v>
      </c>
      <c r="AC15098">
        <v>53</v>
      </c>
      <c r="AD15098">
        <v>54</v>
      </c>
      <c r="AE15098">
        <v>55</v>
      </c>
      <c r="AF15098">
        <v>56</v>
      </c>
      <c r="AG15098">
        <v>57</v>
      </c>
      <c r="AH15098">
        <v>59</v>
      </c>
      <c r="AI15098">
        <v>60</v>
      </c>
      <c r="AJ15098">
        <v>61</v>
      </c>
      <c r="AK15098">
        <v>62</v>
      </c>
      <c r="AL15098">
        <v>63</v>
      </c>
      <c r="AM15098">
        <v>63</v>
      </c>
      <c r="AN15098">
        <v>64</v>
      </c>
      <c r="AO15098">
        <v>65</v>
      </c>
      <c r="AP15098">
        <v>65</v>
      </c>
      <c r="AQ15098">
        <v>66</v>
      </c>
    </row>
    <row r="15099" spans="1:43">
      <c r="A15099" t="s">
        <v>9392</v>
      </c>
      <c r="B15099" t="s">
        <v>9393</v>
      </c>
      <c r="C15099" t="s">
        <v>9388</v>
      </c>
      <c r="D15099" t="s">
        <v>9389</v>
      </c>
      <c r="E15099" t="s">
        <v>9202</v>
      </c>
      <c r="F15099" t="s">
        <v>9203</v>
      </c>
      <c r="G15099" t="s">
        <v>80</v>
      </c>
      <c r="H15099" t="s">
        <v>81</v>
      </c>
      <c r="I15099" s="2">
        <v>0</v>
      </c>
      <c r="J15099" s="2">
        <v>1</v>
      </c>
      <c r="K15099" s="2">
        <v>0</v>
      </c>
      <c r="L15099" t="s">
        <v>82</v>
      </c>
      <c r="M15099" t="s">
        <v>87</v>
      </c>
      <c r="N15099" t="s">
        <v>88</v>
      </c>
      <c r="O15099" t="s">
        <v>85</v>
      </c>
      <c r="P15099" t="s">
        <v>86</v>
      </c>
      <c r="Q15099">
        <v>41</v>
      </c>
      <c r="R15099">
        <v>42</v>
      </c>
      <c r="S15099">
        <v>42</v>
      </c>
      <c r="T15099">
        <v>43</v>
      </c>
      <c r="U15099">
        <v>44</v>
      </c>
      <c r="V15099">
        <v>44</v>
      </c>
      <c r="W15099">
        <v>45</v>
      </c>
      <c r="X15099">
        <v>45</v>
      </c>
      <c r="Y15099">
        <v>46</v>
      </c>
      <c r="Z15099">
        <v>47</v>
      </c>
      <c r="AA15099">
        <v>47</v>
      </c>
      <c r="AB15099">
        <v>48</v>
      </c>
      <c r="AC15099">
        <v>49</v>
      </c>
      <c r="AD15099">
        <v>49</v>
      </c>
      <c r="AE15099">
        <v>50</v>
      </c>
      <c r="AF15099">
        <v>50</v>
      </c>
      <c r="AG15099">
        <v>51</v>
      </c>
      <c r="AH15099">
        <v>52</v>
      </c>
      <c r="AI15099">
        <v>52</v>
      </c>
      <c r="AJ15099">
        <v>53</v>
      </c>
      <c r="AK15099">
        <v>54</v>
      </c>
      <c r="AL15099">
        <v>54</v>
      </c>
      <c r="AM15099">
        <v>55</v>
      </c>
      <c r="AN15099">
        <v>56</v>
      </c>
      <c r="AO15099">
        <v>57</v>
      </c>
      <c r="AP15099">
        <v>57</v>
      </c>
      <c r="AQ15099">
        <v>58</v>
      </c>
    </row>
    <row r="15100" spans="1:43">
      <c r="A15100" t="s">
        <v>9392</v>
      </c>
      <c r="B15100" t="s">
        <v>9393</v>
      </c>
      <c r="C15100" t="s">
        <v>9388</v>
      </c>
      <c r="D15100" t="s">
        <v>9389</v>
      </c>
      <c r="E15100" t="s">
        <v>9202</v>
      </c>
      <c r="F15100" t="s">
        <v>9203</v>
      </c>
      <c r="G15100" t="s">
        <v>80</v>
      </c>
      <c r="H15100" t="s">
        <v>81</v>
      </c>
      <c r="I15100" s="2">
        <v>0</v>
      </c>
      <c r="J15100" s="2">
        <v>1</v>
      </c>
      <c r="K15100" s="2">
        <v>0</v>
      </c>
      <c r="L15100" t="s">
        <v>82</v>
      </c>
      <c r="M15100" t="s">
        <v>89</v>
      </c>
      <c r="N15100" t="s">
        <v>90</v>
      </c>
      <c r="O15100" t="s">
        <v>85</v>
      </c>
      <c r="P15100" t="s">
        <v>86</v>
      </c>
      <c r="Q15100">
        <v>41</v>
      </c>
      <c r="R15100">
        <v>42</v>
      </c>
      <c r="S15100">
        <v>44</v>
      </c>
      <c r="T15100">
        <v>45</v>
      </c>
      <c r="U15100">
        <v>46</v>
      </c>
      <c r="V15100">
        <v>48</v>
      </c>
      <c r="W15100">
        <v>49</v>
      </c>
      <c r="X15100">
        <v>50</v>
      </c>
      <c r="Y15100">
        <v>52</v>
      </c>
      <c r="Z15100">
        <v>53</v>
      </c>
      <c r="AA15100">
        <v>54</v>
      </c>
      <c r="AB15100">
        <v>55</v>
      </c>
      <c r="AC15100">
        <v>57</v>
      </c>
      <c r="AD15100">
        <v>58</v>
      </c>
      <c r="AE15100">
        <v>59</v>
      </c>
      <c r="AF15100">
        <v>60</v>
      </c>
      <c r="AG15100">
        <v>60</v>
      </c>
      <c r="AH15100">
        <v>61</v>
      </c>
      <c r="AI15100">
        <v>62</v>
      </c>
      <c r="AJ15100">
        <v>62</v>
      </c>
      <c r="AK15100">
        <v>63</v>
      </c>
      <c r="AL15100">
        <v>63</v>
      </c>
      <c r="AM15100">
        <v>64</v>
      </c>
      <c r="AN15100">
        <v>65</v>
      </c>
      <c r="AO15100">
        <v>65</v>
      </c>
      <c r="AP15100">
        <v>66</v>
      </c>
      <c r="AQ15100">
        <v>66</v>
      </c>
    </row>
    <row r="15101" spans="1:43">
      <c r="A15101" t="s">
        <v>9392</v>
      </c>
      <c r="B15101" t="s">
        <v>9393</v>
      </c>
      <c r="C15101" t="s">
        <v>9388</v>
      </c>
      <c r="D15101" t="s">
        <v>9389</v>
      </c>
      <c r="E15101" t="s">
        <v>9202</v>
      </c>
      <c r="F15101" t="s">
        <v>9203</v>
      </c>
      <c r="G15101" t="s">
        <v>80</v>
      </c>
      <c r="H15101" t="s">
        <v>81</v>
      </c>
      <c r="I15101" s="2">
        <v>0</v>
      </c>
      <c r="J15101" s="2">
        <v>1</v>
      </c>
      <c r="K15101" s="2">
        <v>0</v>
      </c>
      <c r="L15101" t="s">
        <v>82</v>
      </c>
      <c r="M15101" t="s">
        <v>83</v>
      </c>
      <c r="N15101" t="s">
        <v>91</v>
      </c>
      <c r="O15101" t="s">
        <v>85</v>
      </c>
      <c r="P15101" t="s">
        <v>86</v>
      </c>
      <c r="Q15101">
        <v>41</v>
      </c>
      <c r="R15101">
        <v>42</v>
      </c>
      <c r="S15101">
        <v>43</v>
      </c>
      <c r="T15101">
        <v>44</v>
      </c>
      <c r="U15101">
        <v>45</v>
      </c>
      <c r="V15101">
        <v>46</v>
      </c>
      <c r="W15101">
        <v>47</v>
      </c>
      <c r="X15101">
        <v>48</v>
      </c>
      <c r="Y15101">
        <v>49</v>
      </c>
      <c r="Z15101">
        <v>50</v>
      </c>
      <c r="AA15101">
        <v>51</v>
      </c>
      <c r="AB15101">
        <v>52</v>
      </c>
      <c r="AC15101">
        <v>53</v>
      </c>
      <c r="AD15101">
        <v>54</v>
      </c>
      <c r="AE15101">
        <v>55</v>
      </c>
      <c r="AF15101">
        <v>56</v>
      </c>
      <c r="AG15101">
        <v>57</v>
      </c>
      <c r="AH15101">
        <v>59</v>
      </c>
      <c r="AI15101">
        <v>60</v>
      </c>
      <c r="AJ15101">
        <v>61</v>
      </c>
      <c r="AK15101">
        <v>62</v>
      </c>
      <c r="AL15101">
        <v>63</v>
      </c>
      <c r="AM15101">
        <v>63</v>
      </c>
      <c r="AN15101">
        <v>64</v>
      </c>
      <c r="AO15101">
        <v>65</v>
      </c>
      <c r="AP15101">
        <v>65</v>
      </c>
      <c r="AQ15101">
        <v>66</v>
      </c>
    </row>
    <row r="15102" spans="1:43">
      <c r="A15102" t="s">
        <v>9394</v>
      </c>
      <c r="B15102" t="s">
        <v>9395</v>
      </c>
      <c r="C15102" t="s">
        <v>9366</v>
      </c>
      <c r="D15102" t="s">
        <v>9367</v>
      </c>
      <c r="E15102" t="s">
        <v>9202</v>
      </c>
      <c r="F15102" t="s">
        <v>9203</v>
      </c>
      <c r="G15102" t="s">
        <v>80</v>
      </c>
      <c r="H15102" t="s">
        <v>81</v>
      </c>
      <c r="I15102" s="2">
        <v>0</v>
      </c>
      <c r="J15102" s="2">
        <v>1</v>
      </c>
      <c r="K15102" s="2">
        <v>0</v>
      </c>
      <c r="L15102" t="s">
        <v>82</v>
      </c>
      <c r="M15102" t="s">
        <v>83</v>
      </c>
      <c r="N15102" t="s">
        <v>84</v>
      </c>
      <c r="O15102" t="s">
        <v>85</v>
      </c>
      <c r="P15102" t="s">
        <v>86</v>
      </c>
      <c r="Q15102">
        <v>153</v>
      </c>
      <c r="R15102">
        <v>157</v>
      </c>
      <c r="S15102">
        <v>160</v>
      </c>
      <c r="T15102">
        <v>164</v>
      </c>
      <c r="U15102">
        <v>168</v>
      </c>
      <c r="V15102">
        <v>172</v>
      </c>
      <c r="W15102">
        <v>176</v>
      </c>
      <c r="X15102">
        <v>179</v>
      </c>
      <c r="Y15102">
        <v>183</v>
      </c>
      <c r="Z15102">
        <v>187</v>
      </c>
      <c r="AA15102">
        <v>191</v>
      </c>
      <c r="AB15102">
        <v>195</v>
      </c>
      <c r="AC15102">
        <v>200</v>
      </c>
      <c r="AD15102">
        <v>204</v>
      </c>
      <c r="AE15102">
        <v>208</v>
      </c>
      <c r="AF15102">
        <v>212</v>
      </c>
      <c r="AG15102">
        <v>216</v>
      </c>
      <c r="AH15102">
        <v>221</v>
      </c>
      <c r="AI15102">
        <v>225</v>
      </c>
      <c r="AJ15102">
        <v>229</v>
      </c>
      <c r="AK15102">
        <v>234</v>
      </c>
      <c r="AL15102">
        <v>237</v>
      </c>
      <c r="AM15102">
        <v>239</v>
      </c>
      <c r="AN15102">
        <v>241</v>
      </c>
      <c r="AO15102">
        <v>244</v>
      </c>
      <c r="AP15102">
        <v>246</v>
      </c>
      <c r="AQ15102">
        <v>248</v>
      </c>
    </row>
    <row r="15103" spans="1:43">
      <c r="A15103" t="s">
        <v>9394</v>
      </c>
      <c r="B15103" t="s">
        <v>9395</v>
      </c>
      <c r="C15103" t="s">
        <v>9366</v>
      </c>
      <c r="D15103" t="s">
        <v>9367</v>
      </c>
      <c r="E15103" t="s">
        <v>9202</v>
      </c>
      <c r="F15103" t="s">
        <v>9203</v>
      </c>
      <c r="G15103" t="s">
        <v>80</v>
      </c>
      <c r="H15103" t="s">
        <v>81</v>
      </c>
      <c r="I15103" s="2">
        <v>0</v>
      </c>
      <c r="J15103" s="2">
        <v>1</v>
      </c>
      <c r="K15103" s="2">
        <v>0</v>
      </c>
      <c r="L15103" t="s">
        <v>82</v>
      </c>
      <c r="M15103" t="s">
        <v>87</v>
      </c>
      <c r="N15103" t="s">
        <v>88</v>
      </c>
      <c r="O15103" t="s">
        <v>85</v>
      </c>
      <c r="P15103" t="s">
        <v>86</v>
      </c>
      <c r="Q15103">
        <v>153</v>
      </c>
      <c r="R15103">
        <v>155</v>
      </c>
      <c r="S15103">
        <v>157</v>
      </c>
      <c r="T15103">
        <v>159</v>
      </c>
      <c r="U15103">
        <v>161</v>
      </c>
      <c r="V15103">
        <v>164</v>
      </c>
      <c r="W15103">
        <v>166</v>
      </c>
      <c r="X15103">
        <v>168</v>
      </c>
      <c r="Y15103">
        <v>171</v>
      </c>
      <c r="Z15103">
        <v>173</v>
      </c>
      <c r="AA15103">
        <v>175</v>
      </c>
      <c r="AB15103">
        <v>178</v>
      </c>
      <c r="AC15103">
        <v>180</v>
      </c>
      <c r="AD15103">
        <v>182</v>
      </c>
      <c r="AE15103">
        <v>185</v>
      </c>
      <c r="AF15103">
        <v>187</v>
      </c>
      <c r="AG15103">
        <v>190</v>
      </c>
      <c r="AH15103">
        <v>192</v>
      </c>
      <c r="AI15103">
        <v>195</v>
      </c>
      <c r="AJ15103">
        <v>197</v>
      </c>
      <c r="AK15103">
        <v>200</v>
      </c>
      <c r="AL15103">
        <v>202</v>
      </c>
      <c r="AM15103">
        <v>205</v>
      </c>
      <c r="AN15103">
        <v>208</v>
      </c>
      <c r="AO15103">
        <v>210</v>
      </c>
      <c r="AP15103">
        <v>213</v>
      </c>
      <c r="AQ15103">
        <v>216</v>
      </c>
    </row>
    <row r="15104" spans="1:43">
      <c r="A15104" t="s">
        <v>9394</v>
      </c>
      <c r="B15104" t="s">
        <v>9395</v>
      </c>
      <c r="C15104" t="s">
        <v>9366</v>
      </c>
      <c r="D15104" t="s">
        <v>9367</v>
      </c>
      <c r="E15104" t="s">
        <v>9202</v>
      </c>
      <c r="F15104" t="s">
        <v>9203</v>
      </c>
      <c r="G15104" t="s">
        <v>80</v>
      </c>
      <c r="H15104" t="s">
        <v>81</v>
      </c>
      <c r="I15104" s="2">
        <v>0</v>
      </c>
      <c r="J15104" s="2">
        <v>1</v>
      </c>
      <c r="K15104" s="2">
        <v>0</v>
      </c>
      <c r="L15104" t="s">
        <v>82</v>
      </c>
      <c r="M15104" t="s">
        <v>89</v>
      </c>
      <c r="N15104" t="s">
        <v>90</v>
      </c>
      <c r="O15104" t="s">
        <v>85</v>
      </c>
      <c r="P15104" t="s">
        <v>86</v>
      </c>
      <c r="Q15104">
        <v>153</v>
      </c>
      <c r="R15104">
        <v>158</v>
      </c>
      <c r="S15104">
        <v>163</v>
      </c>
      <c r="T15104">
        <v>168</v>
      </c>
      <c r="U15104">
        <v>174</v>
      </c>
      <c r="V15104">
        <v>179</v>
      </c>
      <c r="W15104">
        <v>184</v>
      </c>
      <c r="X15104">
        <v>189</v>
      </c>
      <c r="Y15104">
        <v>193</v>
      </c>
      <c r="Z15104">
        <v>198</v>
      </c>
      <c r="AA15104">
        <v>203</v>
      </c>
      <c r="AB15104">
        <v>208</v>
      </c>
      <c r="AC15104">
        <v>213</v>
      </c>
      <c r="AD15104">
        <v>218</v>
      </c>
      <c r="AE15104">
        <v>222</v>
      </c>
      <c r="AF15104">
        <v>224</v>
      </c>
      <c r="AG15104">
        <v>227</v>
      </c>
      <c r="AH15104">
        <v>229</v>
      </c>
      <c r="AI15104">
        <v>231</v>
      </c>
      <c r="AJ15104">
        <v>233</v>
      </c>
      <c r="AK15104">
        <v>235</v>
      </c>
      <c r="AL15104">
        <v>238</v>
      </c>
      <c r="AM15104">
        <v>240</v>
      </c>
      <c r="AN15104">
        <v>242</v>
      </c>
      <c r="AO15104">
        <v>244</v>
      </c>
      <c r="AP15104">
        <v>247</v>
      </c>
      <c r="AQ15104">
        <v>249</v>
      </c>
    </row>
    <row r="15105" spans="1:43">
      <c r="A15105" t="s">
        <v>9394</v>
      </c>
      <c r="B15105" t="s">
        <v>9395</v>
      </c>
      <c r="C15105" t="s">
        <v>9366</v>
      </c>
      <c r="D15105" t="s">
        <v>9367</v>
      </c>
      <c r="E15105" t="s">
        <v>9202</v>
      </c>
      <c r="F15105" t="s">
        <v>9203</v>
      </c>
      <c r="G15105" t="s">
        <v>80</v>
      </c>
      <c r="H15105" t="s">
        <v>81</v>
      </c>
      <c r="I15105" s="2">
        <v>0</v>
      </c>
      <c r="J15105" s="2">
        <v>1</v>
      </c>
      <c r="K15105" s="2">
        <v>0</v>
      </c>
      <c r="L15105" t="s">
        <v>82</v>
      </c>
      <c r="M15105" t="s">
        <v>83</v>
      </c>
      <c r="N15105" t="s">
        <v>91</v>
      </c>
      <c r="O15105" t="s">
        <v>85</v>
      </c>
      <c r="P15105" t="s">
        <v>86</v>
      </c>
      <c r="Q15105">
        <v>153</v>
      </c>
      <c r="R15105">
        <v>157</v>
      </c>
      <c r="S15105">
        <v>160</v>
      </c>
      <c r="T15105">
        <v>164</v>
      </c>
      <c r="U15105">
        <v>168</v>
      </c>
      <c r="V15105">
        <v>172</v>
      </c>
      <c r="W15105">
        <v>176</v>
      </c>
      <c r="X15105">
        <v>179</v>
      </c>
      <c r="Y15105">
        <v>183</v>
      </c>
      <c r="Z15105">
        <v>187</v>
      </c>
      <c r="AA15105">
        <v>191</v>
      </c>
      <c r="AB15105">
        <v>195</v>
      </c>
      <c r="AC15105">
        <v>200</v>
      </c>
      <c r="AD15105">
        <v>204</v>
      </c>
      <c r="AE15105">
        <v>208</v>
      </c>
      <c r="AF15105">
        <v>212</v>
      </c>
      <c r="AG15105">
        <v>216</v>
      </c>
      <c r="AH15105">
        <v>221</v>
      </c>
      <c r="AI15105">
        <v>225</v>
      </c>
      <c r="AJ15105">
        <v>229</v>
      </c>
      <c r="AK15105">
        <v>234</v>
      </c>
      <c r="AL15105">
        <v>237</v>
      </c>
      <c r="AM15105">
        <v>239</v>
      </c>
      <c r="AN15105">
        <v>241</v>
      </c>
      <c r="AO15105">
        <v>244</v>
      </c>
      <c r="AP15105">
        <v>246</v>
      </c>
      <c r="AQ15105">
        <v>248</v>
      </c>
    </row>
    <row r="15106" spans="1:43">
      <c r="A15106" t="s">
        <v>9396</v>
      </c>
      <c r="B15106" t="s">
        <v>9397</v>
      </c>
      <c r="C15106" t="s">
        <v>9388</v>
      </c>
      <c r="D15106" t="s">
        <v>9389</v>
      </c>
      <c r="E15106" t="s">
        <v>9202</v>
      </c>
      <c r="F15106" t="s">
        <v>9203</v>
      </c>
      <c r="G15106" t="s">
        <v>80</v>
      </c>
      <c r="H15106" t="s">
        <v>81</v>
      </c>
      <c r="I15106" s="2">
        <v>0</v>
      </c>
      <c r="J15106" s="2">
        <v>1</v>
      </c>
      <c r="K15106" s="2">
        <v>0</v>
      </c>
      <c r="L15106" t="s">
        <v>82</v>
      </c>
      <c r="M15106" t="s">
        <v>83</v>
      </c>
      <c r="N15106" t="s">
        <v>84</v>
      </c>
      <c r="O15106" t="s">
        <v>85</v>
      </c>
      <c r="P15106" t="s">
        <v>86</v>
      </c>
      <c r="Q15106">
        <v>0</v>
      </c>
      <c r="R15106">
        <v>0</v>
      </c>
      <c r="S15106">
        <v>0</v>
      </c>
      <c r="T15106">
        <v>0</v>
      </c>
      <c r="U15106">
        <v>0</v>
      </c>
      <c r="V15106">
        <v>0</v>
      </c>
      <c r="W15106">
        <v>0</v>
      </c>
      <c r="X15106">
        <v>0</v>
      </c>
      <c r="Y15106">
        <v>0</v>
      </c>
      <c r="Z15106">
        <v>0</v>
      </c>
      <c r="AA15106">
        <v>0</v>
      </c>
      <c r="AB15106">
        <v>0</v>
      </c>
      <c r="AC15106">
        <v>0</v>
      </c>
      <c r="AD15106">
        <v>0</v>
      </c>
      <c r="AE15106">
        <v>0</v>
      </c>
      <c r="AF15106">
        <v>0</v>
      </c>
      <c r="AG15106">
        <v>0</v>
      </c>
      <c r="AH15106">
        <v>0</v>
      </c>
      <c r="AI15106">
        <v>0</v>
      </c>
      <c r="AJ15106">
        <v>0</v>
      </c>
      <c r="AK15106">
        <v>0</v>
      </c>
      <c r="AL15106">
        <v>0</v>
      </c>
      <c r="AM15106">
        <v>0</v>
      </c>
      <c r="AN15106">
        <v>0</v>
      </c>
      <c r="AO15106">
        <v>0</v>
      </c>
      <c r="AP15106">
        <v>0</v>
      </c>
      <c r="AQ15106">
        <v>0</v>
      </c>
    </row>
    <row r="15107" spans="1:43">
      <c r="A15107" t="s">
        <v>9396</v>
      </c>
      <c r="B15107" t="s">
        <v>9397</v>
      </c>
      <c r="C15107" t="s">
        <v>9388</v>
      </c>
      <c r="D15107" t="s">
        <v>9389</v>
      </c>
      <c r="E15107" t="s">
        <v>9202</v>
      </c>
      <c r="F15107" t="s">
        <v>9203</v>
      </c>
      <c r="G15107" t="s">
        <v>80</v>
      </c>
      <c r="H15107" t="s">
        <v>81</v>
      </c>
      <c r="I15107" s="2">
        <v>0</v>
      </c>
      <c r="J15107" s="2">
        <v>1</v>
      </c>
      <c r="K15107" s="2">
        <v>0</v>
      </c>
      <c r="L15107" t="s">
        <v>82</v>
      </c>
      <c r="M15107" t="s">
        <v>87</v>
      </c>
      <c r="N15107" t="s">
        <v>88</v>
      </c>
      <c r="O15107" t="s">
        <v>85</v>
      </c>
      <c r="P15107" t="s">
        <v>86</v>
      </c>
      <c r="Q15107">
        <v>0</v>
      </c>
      <c r="R15107">
        <v>0</v>
      </c>
      <c r="S15107">
        <v>0</v>
      </c>
      <c r="T15107">
        <v>0</v>
      </c>
      <c r="U15107">
        <v>0</v>
      </c>
      <c r="V15107">
        <v>0</v>
      </c>
      <c r="W15107">
        <v>0</v>
      </c>
      <c r="X15107">
        <v>0</v>
      </c>
      <c r="Y15107">
        <v>0</v>
      </c>
      <c r="Z15107">
        <v>0</v>
      </c>
      <c r="AA15107">
        <v>0</v>
      </c>
      <c r="AB15107">
        <v>0</v>
      </c>
      <c r="AC15107">
        <v>0</v>
      </c>
      <c r="AD15107">
        <v>0</v>
      </c>
      <c r="AE15107">
        <v>0</v>
      </c>
      <c r="AF15107">
        <v>0</v>
      </c>
      <c r="AG15107">
        <v>0</v>
      </c>
      <c r="AH15107">
        <v>0</v>
      </c>
      <c r="AI15107">
        <v>0</v>
      </c>
      <c r="AJ15107">
        <v>0</v>
      </c>
      <c r="AK15107">
        <v>0</v>
      </c>
      <c r="AL15107">
        <v>0</v>
      </c>
      <c r="AM15107">
        <v>0</v>
      </c>
      <c r="AN15107">
        <v>0</v>
      </c>
      <c r="AO15107">
        <v>0</v>
      </c>
      <c r="AP15107">
        <v>0</v>
      </c>
      <c r="AQ15107">
        <v>0</v>
      </c>
    </row>
    <row r="15108" spans="1:43">
      <c r="A15108" t="s">
        <v>9396</v>
      </c>
      <c r="B15108" t="s">
        <v>9397</v>
      </c>
      <c r="C15108" t="s">
        <v>9388</v>
      </c>
      <c r="D15108" t="s">
        <v>9389</v>
      </c>
      <c r="E15108" t="s">
        <v>9202</v>
      </c>
      <c r="F15108" t="s">
        <v>9203</v>
      </c>
      <c r="G15108" t="s">
        <v>80</v>
      </c>
      <c r="H15108" t="s">
        <v>81</v>
      </c>
      <c r="I15108" s="2">
        <v>0</v>
      </c>
      <c r="J15108" s="2">
        <v>1</v>
      </c>
      <c r="K15108" s="2">
        <v>0</v>
      </c>
      <c r="L15108" t="s">
        <v>82</v>
      </c>
      <c r="M15108" t="s">
        <v>89</v>
      </c>
      <c r="N15108" t="s">
        <v>90</v>
      </c>
      <c r="O15108" t="s">
        <v>85</v>
      </c>
      <c r="P15108" t="s">
        <v>86</v>
      </c>
      <c r="Q15108">
        <v>0</v>
      </c>
      <c r="R15108">
        <v>0</v>
      </c>
      <c r="S15108">
        <v>0</v>
      </c>
      <c r="T15108">
        <v>0</v>
      </c>
      <c r="U15108">
        <v>0</v>
      </c>
      <c r="V15108">
        <v>0</v>
      </c>
      <c r="W15108">
        <v>0</v>
      </c>
      <c r="X15108">
        <v>0</v>
      </c>
      <c r="Y15108">
        <v>0</v>
      </c>
      <c r="Z15108">
        <v>0</v>
      </c>
      <c r="AA15108">
        <v>0</v>
      </c>
      <c r="AB15108">
        <v>0</v>
      </c>
      <c r="AC15108">
        <v>0</v>
      </c>
      <c r="AD15108">
        <v>0</v>
      </c>
      <c r="AE15108">
        <v>0</v>
      </c>
      <c r="AF15108">
        <v>0</v>
      </c>
      <c r="AG15108">
        <v>0</v>
      </c>
      <c r="AH15108">
        <v>0</v>
      </c>
      <c r="AI15108">
        <v>0</v>
      </c>
      <c r="AJ15108">
        <v>0</v>
      </c>
      <c r="AK15108">
        <v>0</v>
      </c>
      <c r="AL15108">
        <v>0</v>
      </c>
      <c r="AM15108">
        <v>0</v>
      </c>
      <c r="AN15108">
        <v>0</v>
      </c>
      <c r="AO15108">
        <v>0</v>
      </c>
      <c r="AP15108">
        <v>0</v>
      </c>
      <c r="AQ15108">
        <v>0</v>
      </c>
    </row>
    <row r="15109" spans="1:43">
      <c r="A15109" t="s">
        <v>9396</v>
      </c>
      <c r="B15109" t="s">
        <v>9397</v>
      </c>
      <c r="C15109" t="s">
        <v>9388</v>
      </c>
      <c r="D15109" t="s">
        <v>9389</v>
      </c>
      <c r="E15109" t="s">
        <v>9202</v>
      </c>
      <c r="F15109" t="s">
        <v>9203</v>
      </c>
      <c r="G15109" t="s">
        <v>80</v>
      </c>
      <c r="H15109" t="s">
        <v>81</v>
      </c>
      <c r="I15109" s="2">
        <v>0</v>
      </c>
      <c r="J15109" s="2">
        <v>1</v>
      </c>
      <c r="K15109" s="2">
        <v>0</v>
      </c>
      <c r="L15109" t="s">
        <v>82</v>
      </c>
      <c r="M15109" t="s">
        <v>83</v>
      </c>
      <c r="N15109" t="s">
        <v>91</v>
      </c>
      <c r="O15109" t="s">
        <v>85</v>
      </c>
      <c r="P15109" t="s">
        <v>86</v>
      </c>
      <c r="Q15109">
        <v>0</v>
      </c>
      <c r="R15109">
        <v>0</v>
      </c>
      <c r="S15109">
        <v>0</v>
      </c>
      <c r="T15109">
        <v>0</v>
      </c>
      <c r="U15109">
        <v>0</v>
      </c>
      <c r="V15109">
        <v>0</v>
      </c>
      <c r="W15109">
        <v>0</v>
      </c>
      <c r="X15109">
        <v>0</v>
      </c>
      <c r="Y15109">
        <v>0</v>
      </c>
      <c r="Z15109">
        <v>0</v>
      </c>
      <c r="AA15109">
        <v>0</v>
      </c>
      <c r="AB15109">
        <v>0</v>
      </c>
      <c r="AC15109">
        <v>0</v>
      </c>
      <c r="AD15109">
        <v>0</v>
      </c>
      <c r="AE15109">
        <v>0</v>
      </c>
      <c r="AF15109">
        <v>0</v>
      </c>
      <c r="AG15109">
        <v>0</v>
      </c>
      <c r="AH15109">
        <v>0</v>
      </c>
      <c r="AI15109">
        <v>0</v>
      </c>
      <c r="AJ15109">
        <v>0</v>
      </c>
      <c r="AK15109">
        <v>0</v>
      </c>
      <c r="AL15109">
        <v>0</v>
      </c>
      <c r="AM15109">
        <v>0</v>
      </c>
      <c r="AN15109">
        <v>0</v>
      </c>
      <c r="AO15109">
        <v>0</v>
      </c>
      <c r="AP15109">
        <v>0</v>
      </c>
      <c r="AQ15109">
        <v>0</v>
      </c>
    </row>
    <row r="15110" spans="1:43">
      <c r="A15110" t="s">
        <v>9398</v>
      </c>
      <c r="B15110" t="s">
        <v>9399</v>
      </c>
      <c r="C15110" t="s">
        <v>9388</v>
      </c>
      <c r="D15110" t="s">
        <v>9389</v>
      </c>
      <c r="E15110" t="s">
        <v>9202</v>
      </c>
      <c r="F15110" t="s">
        <v>9203</v>
      </c>
      <c r="G15110" t="s">
        <v>80</v>
      </c>
      <c r="H15110" t="s">
        <v>81</v>
      </c>
      <c r="I15110" s="2">
        <v>0</v>
      </c>
      <c r="J15110" s="2">
        <v>1</v>
      </c>
      <c r="K15110" s="2">
        <v>0</v>
      </c>
      <c r="L15110" t="s">
        <v>82</v>
      </c>
      <c r="M15110" t="s">
        <v>83</v>
      </c>
      <c r="N15110" t="s">
        <v>84</v>
      </c>
      <c r="O15110" t="s">
        <v>85</v>
      </c>
      <c r="P15110" t="s">
        <v>86</v>
      </c>
      <c r="Q15110">
        <v>40</v>
      </c>
      <c r="R15110">
        <v>41</v>
      </c>
      <c r="S15110">
        <v>42</v>
      </c>
      <c r="T15110">
        <v>43</v>
      </c>
      <c r="U15110">
        <v>44</v>
      </c>
      <c r="V15110">
        <v>45</v>
      </c>
      <c r="W15110">
        <v>46</v>
      </c>
      <c r="X15110">
        <v>47</v>
      </c>
      <c r="Y15110">
        <v>48</v>
      </c>
      <c r="Z15110">
        <v>49</v>
      </c>
      <c r="AA15110">
        <v>50</v>
      </c>
      <c r="AB15110">
        <v>52</v>
      </c>
      <c r="AC15110">
        <v>53</v>
      </c>
      <c r="AD15110">
        <v>54</v>
      </c>
      <c r="AE15110">
        <v>55</v>
      </c>
      <c r="AF15110">
        <v>56</v>
      </c>
      <c r="AG15110">
        <v>57</v>
      </c>
      <c r="AH15110">
        <v>58</v>
      </c>
      <c r="AI15110">
        <v>59</v>
      </c>
      <c r="AJ15110">
        <v>60</v>
      </c>
      <c r="AK15110">
        <v>62</v>
      </c>
      <c r="AL15110">
        <v>62</v>
      </c>
      <c r="AM15110">
        <v>63</v>
      </c>
      <c r="AN15110">
        <v>64</v>
      </c>
      <c r="AO15110">
        <v>64</v>
      </c>
      <c r="AP15110">
        <v>65</v>
      </c>
      <c r="AQ15110">
        <v>65</v>
      </c>
    </row>
    <row r="15111" spans="1:43">
      <c r="A15111" t="s">
        <v>9398</v>
      </c>
      <c r="B15111" t="s">
        <v>9399</v>
      </c>
      <c r="C15111" t="s">
        <v>9388</v>
      </c>
      <c r="D15111" t="s">
        <v>9389</v>
      </c>
      <c r="E15111" t="s">
        <v>9202</v>
      </c>
      <c r="F15111" t="s">
        <v>9203</v>
      </c>
      <c r="G15111" t="s">
        <v>80</v>
      </c>
      <c r="H15111" t="s">
        <v>81</v>
      </c>
      <c r="I15111" s="2">
        <v>0</v>
      </c>
      <c r="J15111" s="2">
        <v>1</v>
      </c>
      <c r="K15111" s="2">
        <v>0</v>
      </c>
      <c r="L15111" t="s">
        <v>82</v>
      </c>
      <c r="M15111" t="s">
        <v>87</v>
      </c>
      <c r="N15111" t="s">
        <v>88</v>
      </c>
      <c r="O15111" t="s">
        <v>85</v>
      </c>
      <c r="P15111" t="s">
        <v>86</v>
      </c>
      <c r="Q15111">
        <v>40</v>
      </c>
      <c r="R15111">
        <v>41</v>
      </c>
      <c r="S15111">
        <v>41</v>
      </c>
      <c r="T15111">
        <v>42</v>
      </c>
      <c r="U15111">
        <v>42</v>
      </c>
      <c r="V15111">
        <v>43</v>
      </c>
      <c r="W15111">
        <v>43</v>
      </c>
      <c r="X15111">
        <v>44</v>
      </c>
      <c r="Y15111">
        <v>45</v>
      </c>
      <c r="Z15111">
        <v>45</v>
      </c>
      <c r="AA15111">
        <v>46</v>
      </c>
      <c r="AB15111">
        <v>47</v>
      </c>
      <c r="AC15111">
        <v>47</v>
      </c>
      <c r="AD15111">
        <v>48</v>
      </c>
      <c r="AE15111">
        <v>48</v>
      </c>
      <c r="AF15111">
        <v>49</v>
      </c>
      <c r="AG15111">
        <v>50</v>
      </c>
      <c r="AH15111">
        <v>50</v>
      </c>
      <c r="AI15111">
        <v>51</v>
      </c>
      <c r="AJ15111">
        <v>52</v>
      </c>
      <c r="AK15111">
        <v>52</v>
      </c>
      <c r="AL15111">
        <v>53</v>
      </c>
      <c r="AM15111">
        <v>54</v>
      </c>
      <c r="AN15111">
        <v>54</v>
      </c>
      <c r="AO15111">
        <v>55</v>
      </c>
      <c r="AP15111">
        <v>56</v>
      </c>
      <c r="AQ15111">
        <v>57</v>
      </c>
    </row>
    <row r="15112" spans="1:43">
      <c r="A15112" t="s">
        <v>9398</v>
      </c>
      <c r="B15112" t="s">
        <v>9399</v>
      </c>
      <c r="C15112" t="s">
        <v>9388</v>
      </c>
      <c r="D15112" t="s">
        <v>9389</v>
      </c>
      <c r="E15112" t="s">
        <v>9202</v>
      </c>
      <c r="F15112" t="s">
        <v>9203</v>
      </c>
      <c r="G15112" t="s">
        <v>80</v>
      </c>
      <c r="H15112" t="s">
        <v>81</v>
      </c>
      <c r="I15112" s="2">
        <v>0</v>
      </c>
      <c r="J15112" s="2">
        <v>1</v>
      </c>
      <c r="K15112" s="2">
        <v>0</v>
      </c>
      <c r="L15112" t="s">
        <v>82</v>
      </c>
      <c r="M15112" t="s">
        <v>89</v>
      </c>
      <c r="N15112" t="s">
        <v>90</v>
      </c>
      <c r="O15112" t="s">
        <v>85</v>
      </c>
      <c r="P15112" t="s">
        <v>86</v>
      </c>
      <c r="Q15112">
        <v>40</v>
      </c>
      <c r="R15112">
        <v>41</v>
      </c>
      <c r="S15112">
        <v>42</v>
      </c>
      <c r="T15112">
        <v>44</v>
      </c>
      <c r="U15112">
        <v>45</v>
      </c>
      <c r="V15112">
        <v>46</v>
      </c>
      <c r="W15112">
        <v>48</v>
      </c>
      <c r="X15112">
        <v>49</v>
      </c>
      <c r="Y15112">
        <v>50</v>
      </c>
      <c r="Z15112">
        <v>52</v>
      </c>
      <c r="AA15112">
        <v>53</v>
      </c>
      <c r="AB15112">
        <v>54</v>
      </c>
      <c r="AC15112">
        <v>55</v>
      </c>
      <c r="AD15112">
        <v>57</v>
      </c>
      <c r="AE15112">
        <v>58</v>
      </c>
      <c r="AF15112">
        <v>58</v>
      </c>
      <c r="AG15112">
        <v>59</v>
      </c>
      <c r="AH15112">
        <v>60</v>
      </c>
      <c r="AI15112">
        <v>60</v>
      </c>
      <c r="AJ15112">
        <v>61</v>
      </c>
      <c r="AK15112">
        <v>61</v>
      </c>
      <c r="AL15112">
        <v>62</v>
      </c>
      <c r="AM15112">
        <v>62</v>
      </c>
      <c r="AN15112">
        <v>63</v>
      </c>
      <c r="AO15112">
        <v>64</v>
      </c>
      <c r="AP15112">
        <v>64</v>
      </c>
      <c r="AQ15112">
        <v>65</v>
      </c>
    </row>
    <row r="15113" spans="1:43">
      <c r="A15113" t="s">
        <v>9398</v>
      </c>
      <c r="B15113" t="s">
        <v>9399</v>
      </c>
      <c r="C15113" t="s">
        <v>9388</v>
      </c>
      <c r="D15113" t="s">
        <v>9389</v>
      </c>
      <c r="E15113" t="s">
        <v>9202</v>
      </c>
      <c r="F15113" t="s">
        <v>9203</v>
      </c>
      <c r="G15113" t="s">
        <v>80</v>
      </c>
      <c r="H15113" t="s">
        <v>81</v>
      </c>
      <c r="I15113" s="2">
        <v>0</v>
      </c>
      <c r="J15113" s="2">
        <v>1</v>
      </c>
      <c r="K15113" s="2">
        <v>0</v>
      </c>
      <c r="L15113" t="s">
        <v>82</v>
      </c>
      <c r="M15113" t="s">
        <v>83</v>
      </c>
      <c r="N15113" t="s">
        <v>91</v>
      </c>
      <c r="O15113" t="s">
        <v>85</v>
      </c>
      <c r="P15113" t="s">
        <v>86</v>
      </c>
      <c r="Q15113">
        <v>40</v>
      </c>
      <c r="R15113">
        <v>41</v>
      </c>
      <c r="S15113">
        <v>42</v>
      </c>
      <c r="T15113">
        <v>43</v>
      </c>
      <c r="U15113">
        <v>44</v>
      </c>
      <c r="V15113">
        <v>45</v>
      </c>
      <c r="W15113">
        <v>46</v>
      </c>
      <c r="X15113">
        <v>47</v>
      </c>
      <c r="Y15113">
        <v>48</v>
      </c>
      <c r="Z15113">
        <v>49</v>
      </c>
      <c r="AA15113">
        <v>50</v>
      </c>
      <c r="AB15113">
        <v>52</v>
      </c>
      <c r="AC15113">
        <v>53</v>
      </c>
      <c r="AD15113">
        <v>54</v>
      </c>
      <c r="AE15113">
        <v>55</v>
      </c>
      <c r="AF15113">
        <v>56</v>
      </c>
      <c r="AG15113">
        <v>57</v>
      </c>
      <c r="AH15113">
        <v>58</v>
      </c>
      <c r="AI15113">
        <v>59</v>
      </c>
      <c r="AJ15113">
        <v>60</v>
      </c>
      <c r="AK15113">
        <v>62</v>
      </c>
      <c r="AL15113">
        <v>62</v>
      </c>
      <c r="AM15113">
        <v>63</v>
      </c>
      <c r="AN15113">
        <v>64</v>
      </c>
      <c r="AO15113">
        <v>64</v>
      </c>
      <c r="AP15113">
        <v>65</v>
      </c>
      <c r="AQ15113">
        <v>65</v>
      </c>
    </row>
    <row r="15114" spans="1:43">
      <c r="A15114" t="s">
        <v>9400</v>
      </c>
      <c r="B15114" t="s">
        <v>9401</v>
      </c>
      <c r="C15114" t="s">
        <v>9366</v>
      </c>
      <c r="D15114" t="s">
        <v>9367</v>
      </c>
      <c r="E15114" t="s">
        <v>9202</v>
      </c>
      <c r="F15114" t="s">
        <v>9203</v>
      </c>
      <c r="G15114" t="s">
        <v>80</v>
      </c>
      <c r="H15114" t="s">
        <v>81</v>
      </c>
      <c r="I15114" s="2">
        <v>0</v>
      </c>
      <c r="J15114" s="2">
        <v>1</v>
      </c>
      <c r="K15114" s="2">
        <v>0</v>
      </c>
      <c r="L15114" t="s">
        <v>82</v>
      </c>
      <c r="M15114" t="s">
        <v>83</v>
      </c>
      <c r="N15114" t="s">
        <v>84</v>
      </c>
      <c r="O15114" t="s">
        <v>85</v>
      </c>
      <c r="P15114" t="s">
        <v>86</v>
      </c>
      <c r="Q15114">
        <v>41</v>
      </c>
      <c r="R15114">
        <v>42</v>
      </c>
      <c r="S15114">
        <v>43</v>
      </c>
      <c r="T15114">
        <v>45</v>
      </c>
      <c r="U15114">
        <v>46</v>
      </c>
      <c r="V15114">
        <v>47</v>
      </c>
      <c r="W15114">
        <v>48</v>
      </c>
      <c r="X15114">
        <v>49</v>
      </c>
      <c r="Y15114">
        <v>50</v>
      </c>
      <c r="Z15114">
        <v>51</v>
      </c>
      <c r="AA15114">
        <v>52</v>
      </c>
      <c r="AB15114">
        <v>53</v>
      </c>
      <c r="AC15114">
        <v>54</v>
      </c>
      <c r="AD15114">
        <v>55</v>
      </c>
      <c r="AE15114">
        <v>56</v>
      </c>
      <c r="AF15114">
        <v>58</v>
      </c>
      <c r="AG15114">
        <v>59</v>
      </c>
      <c r="AH15114">
        <v>60</v>
      </c>
      <c r="AI15114">
        <v>61</v>
      </c>
      <c r="AJ15114">
        <v>62</v>
      </c>
      <c r="AK15114">
        <v>63</v>
      </c>
      <c r="AL15114">
        <v>64</v>
      </c>
      <c r="AM15114">
        <v>65</v>
      </c>
      <c r="AN15114">
        <v>65</v>
      </c>
      <c r="AO15114">
        <v>66</v>
      </c>
      <c r="AP15114">
        <v>67</v>
      </c>
      <c r="AQ15114">
        <v>67</v>
      </c>
    </row>
    <row r="15115" spans="1:43">
      <c r="A15115" t="s">
        <v>9400</v>
      </c>
      <c r="B15115" t="s">
        <v>9401</v>
      </c>
      <c r="C15115" t="s">
        <v>9366</v>
      </c>
      <c r="D15115" t="s">
        <v>9367</v>
      </c>
      <c r="E15115" t="s">
        <v>9202</v>
      </c>
      <c r="F15115" t="s">
        <v>9203</v>
      </c>
      <c r="G15115" t="s">
        <v>80</v>
      </c>
      <c r="H15115" t="s">
        <v>81</v>
      </c>
      <c r="I15115" s="2">
        <v>0</v>
      </c>
      <c r="J15115" s="2">
        <v>1</v>
      </c>
      <c r="K15115" s="2">
        <v>0</v>
      </c>
      <c r="L15115" t="s">
        <v>82</v>
      </c>
      <c r="M15115" t="s">
        <v>87</v>
      </c>
      <c r="N15115" t="s">
        <v>88</v>
      </c>
      <c r="O15115" t="s">
        <v>85</v>
      </c>
      <c r="P15115" t="s">
        <v>86</v>
      </c>
      <c r="Q15115">
        <v>41</v>
      </c>
      <c r="R15115">
        <v>42</v>
      </c>
      <c r="S15115">
        <v>42</v>
      </c>
      <c r="T15115">
        <v>43</v>
      </c>
      <c r="U15115">
        <v>44</v>
      </c>
      <c r="V15115">
        <v>44</v>
      </c>
      <c r="W15115">
        <v>45</v>
      </c>
      <c r="X15115">
        <v>45</v>
      </c>
      <c r="Y15115">
        <v>46</v>
      </c>
      <c r="Z15115">
        <v>47</v>
      </c>
      <c r="AA15115">
        <v>47</v>
      </c>
      <c r="AB15115">
        <v>48</v>
      </c>
      <c r="AC15115">
        <v>49</v>
      </c>
      <c r="AD15115">
        <v>49</v>
      </c>
      <c r="AE15115">
        <v>50</v>
      </c>
      <c r="AF15115">
        <v>51</v>
      </c>
      <c r="AG15115">
        <v>51</v>
      </c>
      <c r="AH15115">
        <v>52</v>
      </c>
      <c r="AI15115">
        <v>53</v>
      </c>
      <c r="AJ15115">
        <v>53</v>
      </c>
      <c r="AK15115">
        <v>54</v>
      </c>
      <c r="AL15115">
        <v>55</v>
      </c>
      <c r="AM15115">
        <v>55</v>
      </c>
      <c r="AN15115">
        <v>56</v>
      </c>
      <c r="AO15115">
        <v>57</v>
      </c>
      <c r="AP15115">
        <v>58</v>
      </c>
      <c r="AQ15115">
        <v>58</v>
      </c>
    </row>
    <row r="15116" spans="1:43">
      <c r="A15116" t="s">
        <v>9400</v>
      </c>
      <c r="B15116" t="s">
        <v>9401</v>
      </c>
      <c r="C15116" t="s">
        <v>9366</v>
      </c>
      <c r="D15116" t="s">
        <v>9367</v>
      </c>
      <c r="E15116" t="s">
        <v>9202</v>
      </c>
      <c r="F15116" t="s">
        <v>9203</v>
      </c>
      <c r="G15116" t="s">
        <v>80</v>
      </c>
      <c r="H15116" t="s">
        <v>81</v>
      </c>
      <c r="I15116" s="2">
        <v>0</v>
      </c>
      <c r="J15116" s="2">
        <v>1</v>
      </c>
      <c r="K15116" s="2">
        <v>0</v>
      </c>
      <c r="L15116" t="s">
        <v>82</v>
      </c>
      <c r="M15116" t="s">
        <v>89</v>
      </c>
      <c r="N15116" t="s">
        <v>90</v>
      </c>
      <c r="O15116" t="s">
        <v>85</v>
      </c>
      <c r="P15116" t="s">
        <v>86</v>
      </c>
      <c r="Q15116">
        <v>41</v>
      </c>
      <c r="R15116">
        <v>42</v>
      </c>
      <c r="S15116">
        <v>44</v>
      </c>
      <c r="T15116">
        <v>45</v>
      </c>
      <c r="U15116">
        <v>46</v>
      </c>
      <c r="V15116">
        <v>48</v>
      </c>
      <c r="W15116">
        <v>49</v>
      </c>
      <c r="X15116">
        <v>50</v>
      </c>
      <c r="Y15116">
        <v>52</v>
      </c>
      <c r="Z15116">
        <v>53</v>
      </c>
      <c r="AA15116">
        <v>54</v>
      </c>
      <c r="AB15116">
        <v>56</v>
      </c>
      <c r="AC15116">
        <v>57</v>
      </c>
      <c r="AD15116">
        <v>58</v>
      </c>
      <c r="AE15116">
        <v>60</v>
      </c>
      <c r="AF15116">
        <v>60</v>
      </c>
      <c r="AG15116">
        <v>61</v>
      </c>
      <c r="AH15116">
        <v>61</v>
      </c>
      <c r="AI15116">
        <v>62</v>
      </c>
      <c r="AJ15116">
        <v>63</v>
      </c>
      <c r="AK15116">
        <v>63</v>
      </c>
      <c r="AL15116">
        <v>64</v>
      </c>
      <c r="AM15116">
        <v>64</v>
      </c>
      <c r="AN15116">
        <v>65</v>
      </c>
      <c r="AO15116">
        <v>66</v>
      </c>
      <c r="AP15116">
        <v>66</v>
      </c>
      <c r="AQ15116">
        <v>67</v>
      </c>
    </row>
    <row r="15117" spans="1:43">
      <c r="A15117" t="s">
        <v>9400</v>
      </c>
      <c r="B15117" t="s">
        <v>9401</v>
      </c>
      <c r="C15117" t="s">
        <v>9366</v>
      </c>
      <c r="D15117" t="s">
        <v>9367</v>
      </c>
      <c r="E15117" t="s">
        <v>9202</v>
      </c>
      <c r="F15117" t="s">
        <v>9203</v>
      </c>
      <c r="G15117" t="s">
        <v>80</v>
      </c>
      <c r="H15117" t="s">
        <v>81</v>
      </c>
      <c r="I15117" s="2">
        <v>0</v>
      </c>
      <c r="J15117" s="2">
        <v>1</v>
      </c>
      <c r="K15117" s="2">
        <v>0</v>
      </c>
      <c r="L15117" t="s">
        <v>82</v>
      </c>
      <c r="M15117" t="s">
        <v>83</v>
      </c>
      <c r="N15117" t="s">
        <v>91</v>
      </c>
      <c r="O15117" t="s">
        <v>85</v>
      </c>
      <c r="P15117" t="s">
        <v>86</v>
      </c>
      <c r="Q15117">
        <v>41</v>
      </c>
      <c r="R15117">
        <v>42</v>
      </c>
      <c r="S15117">
        <v>43</v>
      </c>
      <c r="T15117">
        <v>45</v>
      </c>
      <c r="U15117">
        <v>46</v>
      </c>
      <c r="V15117">
        <v>47</v>
      </c>
      <c r="W15117">
        <v>48</v>
      </c>
      <c r="X15117">
        <v>49</v>
      </c>
      <c r="Y15117">
        <v>50</v>
      </c>
      <c r="Z15117">
        <v>51</v>
      </c>
      <c r="AA15117">
        <v>52</v>
      </c>
      <c r="AB15117">
        <v>53</v>
      </c>
      <c r="AC15117">
        <v>54</v>
      </c>
      <c r="AD15117">
        <v>55</v>
      </c>
      <c r="AE15117">
        <v>56</v>
      </c>
      <c r="AF15117">
        <v>58</v>
      </c>
      <c r="AG15117">
        <v>59</v>
      </c>
      <c r="AH15117">
        <v>60</v>
      </c>
      <c r="AI15117">
        <v>61</v>
      </c>
      <c r="AJ15117">
        <v>62</v>
      </c>
      <c r="AK15117">
        <v>63</v>
      </c>
      <c r="AL15117">
        <v>64</v>
      </c>
      <c r="AM15117">
        <v>65</v>
      </c>
      <c r="AN15117">
        <v>65</v>
      </c>
      <c r="AO15117">
        <v>66</v>
      </c>
      <c r="AP15117">
        <v>67</v>
      </c>
      <c r="AQ15117">
        <v>67</v>
      </c>
    </row>
    <row r="15118" spans="1:43">
      <c r="A15118" t="s">
        <v>9402</v>
      </c>
      <c r="B15118" t="s">
        <v>9403</v>
      </c>
      <c r="C15118" t="s">
        <v>9304</v>
      </c>
      <c r="D15118" t="s">
        <v>9305</v>
      </c>
      <c r="E15118" t="s">
        <v>9202</v>
      </c>
      <c r="F15118" t="s">
        <v>9203</v>
      </c>
      <c r="G15118" t="s">
        <v>80</v>
      </c>
      <c r="H15118" t="s">
        <v>81</v>
      </c>
      <c r="I15118" s="2">
        <v>0</v>
      </c>
      <c r="J15118" s="2">
        <v>1</v>
      </c>
      <c r="K15118" s="2">
        <v>0</v>
      </c>
      <c r="L15118" t="s">
        <v>82</v>
      </c>
      <c r="M15118" t="s">
        <v>83</v>
      </c>
      <c r="N15118" t="s">
        <v>84</v>
      </c>
      <c r="O15118" t="s">
        <v>85</v>
      </c>
      <c r="P15118" t="s">
        <v>86</v>
      </c>
      <c r="Q15118">
        <v>18</v>
      </c>
      <c r="R15118">
        <v>18</v>
      </c>
      <c r="S15118">
        <v>18</v>
      </c>
      <c r="T15118">
        <v>19</v>
      </c>
      <c r="U15118">
        <v>19</v>
      </c>
      <c r="V15118">
        <v>20</v>
      </c>
      <c r="W15118">
        <v>20</v>
      </c>
      <c r="X15118">
        <v>21</v>
      </c>
      <c r="Y15118">
        <v>21</v>
      </c>
      <c r="Z15118">
        <v>21</v>
      </c>
      <c r="AA15118">
        <v>22</v>
      </c>
      <c r="AB15118">
        <v>22</v>
      </c>
      <c r="AC15118">
        <v>23</v>
      </c>
      <c r="AD15118">
        <v>23</v>
      </c>
      <c r="AE15118">
        <v>24</v>
      </c>
      <c r="AF15118">
        <v>24</v>
      </c>
      <c r="AG15118">
        <v>25</v>
      </c>
      <c r="AH15118">
        <v>25</v>
      </c>
      <c r="AI15118">
        <v>26</v>
      </c>
      <c r="AJ15118">
        <v>26</v>
      </c>
      <c r="AK15118">
        <v>27</v>
      </c>
      <c r="AL15118">
        <v>27</v>
      </c>
      <c r="AM15118">
        <v>27</v>
      </c>
      <c r="AN15118">
        <v>28</v>
      </c>
      <c r="AO15118">
        <v>28</v>
      </c>
      <c r="AP15118">
        <v>28</v>
      </c>
      <c r="AQ15118">
        <v>28</v>
      </c>
    </row>
    <row r="15119" spans="1:43">
      <c r="A15119" t="s">
        <v>9402</v>
      </c>
      <c r="B15119" t="s">
        <v>9403</v>
      </c>
      <c r="C15119" t="s">
        <v>9304</v>
      </c>
      <c r="D15119" t="s">
        <v>9305</v>
      </c>
      <c r="E15119" t="s">
        <v>9202</v>
      </c>
      <c r="F15119" t="s">
        <v>9203</v>
      </c>
      <c r="G15119" t="s">
        <v>80</v>
      </c>
      <c r="H15119" t="s">
        <v>81</v>
      </c>
      <c r="I15119" s="2">
        <v>0</v>
      </c>
      <c r="J15119" s="2">
        <v>1</v>
      </c>
      <c r="K15119" s="2">
        <v>0</v>
      </c>
      <c r="L15119" t="s">
        <v>82</v>
      </c>
      <c r="M15119" t="s">
        <v>87</v>
      </c>
      <c r="N15119" t="s">
        <v>88</v>
      </c>
      <c r="O15119" t="s">
        <v>85</v>
      </c>
      <c r="P15119" t="s">
        <v>86</v>
      </c>
      <c r="Q15119">
        <v>18</v>
      </c>
      <c r="R15119">
        <v>19</v>
      </c>
      <c r="S15119">
        <v>19</v>
      </c>
      <c r="T15119">
        <v>19</v>
      </c>
      <c r="U15119">
        <v>19</v>
      </c>
      <c r="V15119">
        <v>20</v>
      </c>
      <c r="W15119">
        <v>20</v>
      </c>
      <c r="X15119">
        <v>20</v>
      </c>
      <c r="Y15119">
        <v>20</v>
      </c>
      <c r="Z15119">
        <v>21</v>
      </c>
      <c r="AA15119">
        <v>21</v>
      </c>
      <c r="AB15119">
        <v>21</v>
      </c>
      <c r="AC15119">
        <v>22</v>
      </c>
      <c r="AD15119">
        <v>22</v>
      </c>
      <c r="AE15119">
        <v>22</v>
      </c>
      <c r="AF15119">
        <v>22</v>
      </c>
      <c r="AG15119">
        <v>23</v>
      </c>
      <c r="AH15119">
        <v>23</v>
      </c>
      <c r="AI15119">
        <v>23</v>
      </c>
      <c r="AJ15119">
        <v>24</v>
      </c>
      <c r="AK15119">
        <v>24</v>
      </c>
      <c r="AL15119">
        <v>24</v>
      </c>
      <c r="AM15119">
        <v>24</v>
      </c>
      <c r="AN15119">
        <v>25</v>
      </c>
      <c r="AO15119">
        <v>25</v>
      </c>
      <c r="AP15119">
        <v>25</v>
      </c>
      <c r="AQ15119">
        <v>26</v>
      </c>
    </row>
    <row r="15120" spans="1:43">
      <c r="A15120" t="s">
        <v>9402</v>
      </c>
      <c r="B15120" t="s">
        <v>9403</v>
      </c>
      <c r="C15120" t="s">
        <v>9304</v>
      </c>
      <c r="D15120" t="s">
        <v>9305</v>
      </c>
      <c r="E15120" t="s">
        <v>9202</v>
      </c>
      <c r="F15120" t="s">
        <v>9203</v>
      </c>
      <c r="G15120" t="s">
        <v>80</v>
      </c>
      <c r="H15120" t="s">
        <v>81</v>
      </c>
      <c r="I15120" s="2">
        <v>0</v>
      </c>
      <c r="J15120" s="2">
        <v>1</v>
      </c>
      <c r="K15120" s="2">
        <v>0</v>
      </c>
      <c r="L15120" t="s">
        <v>82</v>
      </c>
      <c r="M15120" t="s">
        <v>89</v>
      </c>
      <c r="N15120" t="s">
        <v>90</v>
      </c>
      <c r="O15120" t="s">
        <v>85</v>
      </c>
      <c r="P15120" t="s">
        <v>86</v>
      </c>
      <c r="Q15120">
        <v>18</v>
      </c>
      <c r="R15120">
        <v>18</v>
      </c>
      <c r="S15120">
        <v>19</v>
      </c>
      <c r="T15120">
        <v>19</v>
      </c>
      <c r="U15120">
        <v>20</v>
      </c>
      <c r="V15120">
        <v>21</v>
      </c>
      <c r="W15120">
        <v>21</v>
      </c>
      <c r="X15120">
        <v>22</v>
      </c>
      <c r="Y15120">
        <v>22</v>
      </c>
      <c r="Z15120">
        <v>23</v>
      </c>
      <c r="AA15120">
        <v>23</v>
      </c>
      <c r="AB15120">
        <v>24</v>
      </c>
      <c r="AC15120">
        <v>25</v>
      </c>
      <c r="AD15120">
        <v>25</v>
      </c>
      <c r="AE15120">
        <v>26</v>
      </c>
      <c r="AF15120">
        <v>26</v>
      </c>
      <c r="AG15120">
        <v>26</v>
      </c>
      <c r="AH15120">
        <v>26</v>
      </c>
      <c r="AI15120">
        <v>27</v>
      </c>
      <c r="AJ15120">
        <v>27</v>
      </c>
      <c r="AK15120">
        <v>27</v>
      </c>
      <c r="AL15120">
        <v>27</v>
      </c>
      <c r="AM15120">
        <v>28</v>
      </c>
      <c r="AN15120">
        <v>28</v>
      </c>
      <c r="AO15120">
        <v>28</v>
      </c>
      <c r="AP15120">
        <v>28</v>
      </c>
      <c r="AQ15120">
        <v>29</v>
      </c>
    </row>
    <row r="15121" spans="1:43">
      <c r="A15121" t="s">
        <v>9402</v>
      </c>
      <c r="B15121" t="s">
        <v>9403</v>
      </c>
      <c r="C15121" t="s">
        <v>9304</v>
      </c>
      <c r="D15121" t="s">
        <v>9305</v>
      </c>
      <c r="E15121" t="s">
        <v>9202</v>
      </c>
      <c r="F15121" t="s">
        <v>9203</v>
      </c>
      <c r="G15121" t="s">
        <v>80</v>
      </c>
      <c r="H15121" t="s">
        <v>81</v>
      </c>
      <c r="I15121" s="2">
        <v>0</v>
      </c>
      <c r="J15121" s="2">
        <v>1</v>
      </c>
      <c r="K15121" s="2">
        <v>0</v>
      </c>
      <c r="L15121" t="s">
        <v>82</v>
      </c>
      <c r="M15121" t="s">
        <v>83</v>
      </c>
      <c r="N15121" t="s">
        <v>91</v>
      </c>
      <c r="O15121" t="s">
        <v>85</v>
      </c>
      <c r="P15121" t="s">
        <v>86</v>
      </c>
      <c r="Q15121">
        <v>18</v>
      </c>
      <c r="R15121">
        <v>18</v>
      </c>
      <c r="S15121">
        <v>18</v>
      </c>
      <c r="T15121">
        <v>19</v>
      </c>
      <c r="U15121">
        <v>19</v>
      </c>
      <c r="V15121">
        <v>20</v>
      </c>
      <c r="W15121">
        <v>20</v>
      </c>
      <c r="X15121">
        <v>21</v>
      </c>
      <c r="Y15121">
        <v>21</v>
      </c>
      <c r="Z15121">
        <v>21</v>
      </c>
      <c r="AA15121">
        <v>22</v>
      </c>
      <c r="AB15121">
        <v>22</v>
      </c>
      <c r="AC15121">
        <v>23</v>
      </c>
      <c r="AD15121">
        <v>23</v>
      </c>
      <c r="AE15121">
        <v>24</v>
      </c>
      <c r="AF15121">
        <v>24</v>
      </c>
      <c r="AG15121">
        <v>25</v>
      </c>
      <c r="AH15121">
        <v>25</v>
      </c>
      <c r="AI15121">
        <v>26</v>
      </c>
      <c r="AJ15121">
        <v>26</v>
      </c>
      <c r="AK15121">
        <v>27</v>
      </c>
      <c r="AL15121">
        <v>27</v>
      </c>
      <c r="AM15121">
        <v>27</v>
      </c>
      <c r="AN15121">
        <v>28</v>
      </c>
      <c r="AO15121">
        <v>28</v>
      </c>
      <c r="AP15121">
        <v>28</v>
      </c>
      <c r="AQ15121">
        <v>28</v>
      </c>
    </row>
    <row r="15122" spans="1:43">
      <c r="A15122" t="s">
        <v>9404</v>
      </c>
      <c r="B15122" t="s">
        <v>9405</v>
      </c>
      <c r="C15122" t="s">
        <v>9406</v>
      </c>
      <c r="D15122" t="s">
        <v>9407</v>
      </c>
      <c r="E15122" t="s">
        <v>9202</v>
      </c>
      <c r="F15122" t="s">
        <v>9203</v>
      </c>
      <c r="G15122" t="s">
        <v>80</v>
      </c>
      <c r="H15122" t="s">
        <v>81</v>
      </c>
      <c r="I15122" s="2">
        <v>0</v>
      </c>
      <c r="J15122" s="2">
        <v>1</v>
      </c>
      <c r="K15122" s="2">
        <v>0</v>
      </c>
      <c r="L15122" t="s">
        <v>82</v>
      </c>
      <c r="M15122" t="s">
        <v>83</v>
      </c>
      <c r="N15122" t="s">
        <v>84</v>
      </c>
      <c r="O15122" t="s">
        <v>85</v>
      </c>
      <c r="P15122" t="s">
        <v>86</v>
      </c>
      <c r="Q15122">
        <v>52</v>
      </c>
      <c r="R15122">
        <v>53</v>
      </c>
      <c r="S15122">
        <v>54</v>
      </c>
      <c r="T15122">
        <v>55</v>
      </c>
      <c r="U15122">
        <v>56</v>
      </c>
      <c r="V15122">
        <v>58</v>
      </c>
      <c r="W15122">
        <v>59</v>
      </c>
      <c r="X15122">
        <v>60</v>
      </c>
      <c r="Y15122">
        <v>62</v>
      </c>
      <c r="Z15122">
        <v>63</v>
      </c>
      <c r="AA15122">
        <v>64</v>
      </c>
      <c r="AB15122">
        <v>66</v>
      </c>
      <c r="AC15122">
        <v>67</v>
      </c>
      <c r="AD15122">
        <v>68</v>
      </c>
      <c r="AE15122">
        <v>70</v>
      </c>
      <c r="AF15122">
        <v>71</v>
      </c>
      <c r="AG15122">
        <v>72</v>
      </c>
      <c r="AH15122">
        <v>74</v>
      </c>
      <c r="AI15122">
        <v>75</v>
      </c>
      <c r="AJ15122">
        <v>77</v>
      </c>
      <c r="AK15122">
        <v>78</v>
      </c>
      <c r="AL15122">
        <v>79</v>
      </c>
      <c r="AM15122">
        <v>80</v>
      </c>
      <c r="AN15122">
        <v>81</v>
      </c>
      <c r="AO15122">
        <v>81</v>
      </c>
      <c r="AP15122">
        <v>82</v>
      </c>
      <c r="AQ15122">
        <v>83</v>
      </c>
    </row>
    <row r="15123" spans="1:43">
      <c r="A15123" t="s">
        <v>9404</v>
      </c>
      <c r="B15123" t="s">
        <v>9405</v>
      </c>
      <c r="C15123" t="s">
        <v>9406</v>
      </c>
      <c r="D15123" t="s">
        <v>9407</v>
      </c>
      <c r="E15123" t="s">
        <v>9202</v>
      </c>
      <c r="F15123" t="s">
        <v>9203</v>
      </c>
      <c r="G15123" t="s">
        <v>80</v>
      </c>
      <c r="H15123" t="s">
        <v>81</v>
      </c>
      <c r="I15123" s="2">
        <v>0</v>
      </c>
      <c r="J15123" s="2">
        <v>1</v>
      </c>
      <c r="K15123" s="2">
        <v>0</v>
      </c>
      <c r="L15123" t="s">
        <v>82</v>
      </c>
      <c r="M15123" t="s">
        <v>87</v>
      </c>
      <c r="N15123" t="s">
        <v>88</v>
      </c>
      <c r="O15123" t="s">
        <v>85</v>
      </c>
      <c r="P15123" t="s">
        <v>86</v>
      </c>
      <c r="Q15123">
        <v>52</v>
      </c>
      <c r="R15123">
        <v>53</v>
      </c>
      <c r="S15123">
        <v>53</v>
      </c>
      <c r="T15123">
        <v>54</v>
      </c>
      <c r="U15123">
        <v>55</v>
      </c>
      <c r="V15123">
        <v>56</v>
      </c>
      <c r="W15123">
        <v>56</v>
      </c>
      <c r="X15123">
        <v>57</v>
      </c>
      <c r="Y15123">
        <v>58</v>
      </c>
      <c r="Z15123">
        <v>59</v>
      </c>
      <c r="AA15123">
        <v>59</v>
      </c>
      <c r="AB15123">
        <v>60</v>
      </c>
      <c r="AC15123">
        <v>61</v>
      </c>
      <c r="AD15123">
        <v>62</v>
      </c>
      <c r="AE15123">
        <v>63</v>
      </c>
      <c r="AF15123">
        <v>63</v>
      </c>
      <c r="AG15123">
        <v>64</v>
      </c>
      <c r="AH15123">
        <v>65</v>
      </c>
      <c r="AI15123">
        <v>66</v>
      </c>
      <c r="AJ15123">
        <v>67</v>
      </c>
      <c r="AK15123">
        <v>67</v>
      </c>
      <c r="AL15123">
        <v>68</v>
      </c>
      <c r="AM15123">
        <v>69</v>
      </c>
      <c r="AN15123">
        <v>70</v>
      </c>
      <c r="AO15123">
        <v>71</v>
      </c>
      <c r="AP15123">
        <v>72</v>
      </c>
      <c r="AQ15123">
        <v>73</v>
      </c>
    </row>
    <row r="15124" spans="1:43">
      <c r="A15124" t="s">
        <v>9404</v>
      </c>
      <c r="B15124" t="s">
        <v>9405</v>
      </c>
      <c r="C15124" t="s">
        <v>9406</v>
      </c>
      <c r="D15124" t="s">
        <v>9407</v>
      </c>
      <c r="E15124" t="s">
        <v>9202</v>
      </c>
      <c r="F15124" t="s">
        <v>9203</v>
      </c>
      <c r="G15124" t="s">
        <v>80</v>
      </c>
      <c r="H15124" t="s">
        <v>81</v>
      </c>
      <c r="I15124" s="2">
        <v>0</v>
      </c>
      <c r="J15124" s="2">
        <v>1</v>
      </c>
      <c r="K15124" s="2">
        <v>0</v>
      </c>
      <c r="L15124" t="s">
        <v>82</v>
      </c>
      <c r="M15124" t="s">
        <v>89</v>
      </c>
      <c r="N15124" t="s">
        <v>90</v>
      </c>
      <c r="O15124" t="s">
        <v>85</v>
      </c>
      <c r="P15124" t="s">
        <v>86</v>
      </c>
      <c r="Q15124">
        <v>52</v>
      </c>
      <c r="R15124">
        <v>54</v>
      </c>
      <c r="S15124">
        <v>55</v>
      </c>
      <c r="T15124">
        <v>57</v>
      </c>
      <c r="U15124">
        <v>59</v>
      </c>
      <c r="V15124">
        <v>60</v>
      </c>
      <c r="W15124">
        <v>62</v>
      </c>
      <c r="X15124">
        <v>64</v>
      </c>
      <c r="Y15124">
        <v>65</v>
      </c>
      <c r="Z15124">
        <v>67</v>
      </c>
      <c r="AA15124">
        <v>68</v>
      </c>
      <c r="AB15124">
        <v>70</v>
      </c>
      <c r="AC15124">
        <v>72</v>
      </c>
      <c r="AD15124">
        <v>73</v>
      </c>
      <c r="AE15124">
        <v>75</v>
      </c>
      <c r="AF15124">
        <v>75</v>
      </c>
      <c r="AG15124">
        <v>76</v>
      </c>
      <c r="AH15124">
        <v>77</v>
      </c>
      <c r="AI15124">
        <v>78</v>
      </c>
      <c r="AJ15124">
        <v>78</v>
      </c>
      <c r="AK15124">
        <v>79</v>
      </c>
      <c r="AL15124">
        <v>80</v>
      </c>
      <c r="AM15124">
        <v>80</v>
      </c>
      <c r="AN15124">
        <v>81</v>
      </c>
      <c r="AO15124">
        <v>82</v>
      </c>
      <c r="AP15124">
        <v>83</v>
      </c>
      <c r="AQ15124">
        <v>83</v>
      </c>
    </row>
    <row r="15125" spans="1:43">
      <c r="A15125" t="s">
        <v>9404</v>
      </c>
      <c r="B15125" t="s">
        <v>9405</v>
      </c>
      <c r="C15125" t="s">
        <v>9406</v>
      </c>
      <c r="D15125" t="s">
        <v>9407</v>
      </c>
      <c r="E15125" t="s">
        <v>9202</v>
      </c>
      <c r="F15125" t="s">
        <v>9203</v>
      </c>
      <c r="G15125" t="s">
        <v>80</v>
      </c>
      <c r="H15125" t="s">
        <v>81</v>
      </c>
      <c r="I15125" s="2">
        <v>0</v>
      </c>
      <c r="J15125" s="2">
        <v>1</v>
      </c>
      <c r="K15125" s="2">
        <v>0</v>
      </c>
      <c r="L15125" t="s">
        <v>82</v>
      </c>
      <c r="M15125" t="s">
        <v>83</v>
      </c>
      <c r="N15125" t="s">
        <v>91</v>
      </c>
      <c r="O15125" t="s">
        <v>85</v>
      </c>
      <c r="P15125" t="s">
        <v>86</v>
      </c>
      <c r="Q15125">
        <v>52</v>
      </c>
      <c r="R15125">
        <v>53</v>
      </c>
      <c r="S15125">
        <v>54</v>
      </c>
      <c r="T15125">
        <v>55</v>
      </c>
      <c r="U15125">
        <v>56</v>
      </c>
      <c r="V15125">
        <v>58</v>
      </c>
      <c r="W15125">
        <v>59</v>
      </c>
      <c r="X15125">
        <v>60</v>
      </c>
      <c r="Y15125">
        <v>62</v>
      </c>
      <c r="Z15125">
        <v>63</v>
      </c>
      <c r="AA15125">
        <v>64</v>
      </c>
      <c r="AB15125">
        <v>66</v>
      </c>
      <c r="AC15125">
        <v>67</v>
      </c>
      <c r="AD15125">
        <v>68</v>
      </c>
      <c r="AE15125">
        <v>70</v>
      </c>
      <c r="AF15125">
        <v>71</v>
      </c>
      <c r="AG15125">
        <v>72</v>
      </c>
      <c r="AH15125">
        <v>74</v>
      </c>
      <c r="AI15125">
        <v>75</v>
      </c>
      <c r="AJ15125">
        <v>77</v>
      </c>
      <c r="AK15125">
        <v>78</v>
      </c>
      <c r="AL15125">
        <v>79</v>
      </c>
      <c r="AM15125">
        <v>80</v>
      </c>
      <c r="AN15125">
        <v>81</v>
      </c>
      <c r="AO15125">
        <v>81</v>
      </c>
      <c r="AP15125">
        <v>82</v>
      </c>
      <c r="AQ15125">
        <v>83</v>
      </c>
    </row>
    <row r="15126" spans="1:43">
      <c r="A15126" t="s">
        <v>9408</v>
      </c>
      <c r="B15126" t="s">
        <v>9409</v>
      </c>
      <c r="C15126" t="s">
        <v>9410</v>
      </c>
      <c r="D15126" t="s">
        <v>9411</v>
      </c>
      <c r="E15126" t="s">
        <v>9202</v>
      </c>
      <c r="F15126" t="s">
        <v>9203</v>
      </c>
      <c r="G15126" t="s">
        <v>80</v>
      </c>
      <c r="H15126" t="s">
        <v>81</v>
      </c>
      <c r="I15126" s="2">
        <v>0</v>
      </c>
      <c r="J15126" s="2">
        <v>1</v>
      </c>
      <c r="K15126" s="2">
        <v>0</v>
      </c>
      <c r="L15126" t="s">
        <v>82</v>
      </c>
      <c r="M15126" t="s">
        <v>83</v>
      </c>
      <c r="N15126" t="s">
        <v>84</v>
      </c>
      <c r="O15126" t="s">
        <v>85</v>
      </c>
      <c r="P15126" t="s">
        <v>86</v>
      </c>
      <c r="Q15126">
        <v>17</v>
      </c>
      <c r="R15126">
        <v>17</v>
      </c>
      <c r="S15126">
        <v>18</v>
      </c>
      <c r="T15126">
        <v>18</v>
      </c>
      <c r="U15126">
        <v>18</v>
      </c>
      <c r="V15126">
        <v>19</v>
      </c>
      <c r="W15126">
        <v>19</v>
      </c>
      <c r="X15126">
        <v>20</v>
      </c>
      <c r="Y15126">
        <v>20</v>
      </c>
      <c r="Z15126">
        <v>21</v>
      </c>
      <c r="AA15126">
        <v>21</v>
      </c>
      <c r="AB15126">
        <v>22</v>
      </c>
      <c r="AC15126">
        <v>22</v>
      </c>
      <c r="AD15126">
        <v>22</v>
      </c>
      <c r="AE15126">
        <v>23</v>
      </c>
      <c r="AF15126">
        <v>23</v>
      </c>
      <c r="AG15126">
        <v>24</v>
      </c>
      <c r="AH15126">
        <v>24</v>
      </c>
      <c r="AI15126">
        <v>25</v>
      </c>
      <c r="AJ15126">
        <v>25</v>
      </c>
      <c r="AK15126">
        <v>26</v>
      </c>
      <c r="AL15126">
        <v>26</v>
      </c>
      <c r="AM15126">
        <v>26</v>
      </c>
      <c r="AN15126">
        <v>27</v>
      </c>
      <c r="AO15126">
        <v>27</v>
      </c>
      <c r="AP15126">
        <v>27</v>
      </c>
      <c r="AQ15126">
        <v>27</v>
      </c>
    </row>
    <row r="15127" spans="1:43">
      <c r="A15127" t="s">
        <v>9408</v>
      </c>
      <c r="B15127" t="s">
        <v>9409</v>
      </c>
      <c r="C15127" t="s">
        <v>9410</v>
      </c>
      <c r="D15127" t="s">
        <v>9411</v>
      </c>
      <c r="E15127" t="s">
        <v>9202</v>
      </c>
      <c r="F15127" t="s">
        <v>9203</v>
      </c>
      <c r="G15127" t="s">
        <v>80</v>
      </c>
      <c r="H15127" t="s">
        <v>81</v>
      </c>
      <c r="I15127" s="2">
        <v>0</v>
      </c>
      <c r="J15127" s="2">
        <v>1</v>
      </c>
      <c r="K15127" s="2">
        <v>0</v>
      </c>
      <c r="L15127" t="s">
        <v>82</v>
      </c>
      <c r="M15127" t="s">
        <v>87</v>
      </c>
      <c r="N15127" t="s">
        <v>88</v>
      </c>
      <c r="O15127" t="s">
        <v>85</v>
      </c>
      <c r="P15127" t="s">
        <v>86</v>
      </c>
      <c r="Q15127">
        <v>17</v>
      </c>
      <c r="R15127">
        <v>17</v>
      </c>
      <c r="S15127">
        <v>17</v>
      </c>
      <c r="T15127">
        <v>17</v>
      </c>
      <c r="U15127">
        <v>18</v>
      </c>
      <c r="V15127">
        <v>18</v>
      </c>
      <c r="W15127">
        <v>18</v>
      </c>
      <c r="X15127">
        <v>18</v>
      </c>
      <c r="Y15127">
        <v>19</v>
      </c>
      <c r="Z15127">
        <v>19</v>
      </c>
      <c r="AA15127">
        <v>19</v>
      </c>
      <c r="AB15127">
        <v>19</v>
      </c>
      <c r="AC15127">
        <v>20</v>
      </c>
      <c r="AD15127">
        <v>20</v>
      </c>
      <c r="AE15127">
        <v>20</v>
      </c>
      <c r="AF15127">
        <v>21</v>
      </c>
      <c r="AG15127">
        <v>21</v>
      </c>
      <c r="AH15127">
        <v>21</v>
      </c>
      <c r="AI15127">
        <v>21</v>
      </c>
      <c r="AJ15127">
        <v>22</v>
      </c>
      <c r="AK15127">
        <v>22</v>
      </c>
      <c r="AL15127">
        <v>22</v>
      </c>
      <c r="AM15127">
        <v>22</v>
      </c>
      <c r="AN15127">
        <v>23</v>
      </c>
      <c r="AO15127">
        <v>23</v>
      </c>
      <c r="AP15127">
        <v>23</v>
      </c>
      <c r="AQ15127">
        <v>24</v>
      </c>
    </row>
    <row r="15128" spans="1:43">
      <c r="A15128" t="s">
        <v>9408</v>
      </c>
      <c r="B15128" t="s">
        <v>9409</v>
      </c>
      <c r="C15128" t="s">
        <v>9410</v>
      </c>
      <c r="D15128" t="s">
        <v>9411</v>
      </c>
      <c r="E15128" t="s">
        <v>9202</v>
      </c>
      <c r="F15128" t="s">
        <v>9203</v>
      </c>
      <c r="G15128" t="s">
        <v>80</v>
      </c>
      <c r="H15128" t="s">
        <v>81</v>
      </c>
      <c r="I15128" s="2">
        <v>0</v>
      </c>
      <c r="J15128" s="2">
        <v>1</v>
      </c>
      <c r="K15128" s="2">
        <v>0</v>
      </c>
      <c r="L15128" t="s">
        <v>82</v>
      </c>
      <c r="M15128" t="s">
        <v>89</v>
      </c>
      <c r="N15128" t="s">
        <v>90</v>
      </c>
      <c r="O15128" t="s">
        <v>85</v>
      </c>
      <c r="P15128" t="s">
        <v>86</v>
      </c>
      <c r="Q15128">
        <v>17</v>
      </c>
      <c r="R15128">
        <v>18</v>
      </c>
      <c r="S15128">
        <v>18</v>
      </c>
      <c r="T15128">
        <v>19</v>
      </c>
      <c r="U15128">
        <v>19</v>
      </c>
      <c r="V15128">
        <v>20</v>
      </c>
      <c r="W15128">
        <v>20</v>
      </c>
      <c r="X15128">
        <v>21</v>
      </c>
      <c r="Y15128">
        <v>21</v>
      </c>
      <c r="Z15128">
        <v>22</v>
      </c>
      <c r="AA15128">
        <v>22</v>
      </c>
      <c r="AB15128">
        <v>23</v>
      </c>
      <c r="AC15128">
        <v>24</v>
      </c>
      <c r="AD15128">
        <v>24</v>
      </c>
      <c r="AE15128">
        <v>25</v>
      </c>
      <c r="AF15128">
        <v>25</v>
      </c>
      <c r="AG15128">
        <v>25</v>
      </c>
      <c r="AH15128">
        <v>25</v>
      </c>
      <c r="AI15128">
        <v>26</v>
      </c>
      <c r="AJ15128">
        <v>26</v>
      </c>
      <c r="AK15128">
        <v>26</v>
      </c>
      <c r="AL15128">
        <v>26</v>
      </c>
      <c r="AM15128">
        <v>27</v>
      </c>
      <c r="AN15128">
        <v>27</v>
      </c>
      <c r="AO15128">
        <v>27</v>
      </c>
      <c r="AP15128">
        <v>27</v>
      </c>
      <c r="AQ15128">
        <v>27</v>
      </c>
    </row>
    <row r="15129" spans="1:43">
      <c r="A15129" t="s">
        <v>9408</v>
      </c>
      <c r="B15129" t="s">
        <v>9409</v>
      </c>
      <c r="C15129" t="s">
        <v>9410</v>
      </c>
      <c r="D15129" t="s">
        <v>9411</v>
      </c>
      <c r="E15129" t="s">
        <v>9202</v>
      </c>
      <c r="F15129" t="s">
        <v>9203</v>
      </c>
      <c r="G15129" t="s">
        <v>80</v>
      </c>
      <c r="H15129" t="s">
        <v>81</v>
      </c>
      <c r="I15129" s="2">
        <v>0</v>
      </c>
      <c r="J15129" s="2">
        <v>1</v>
      </c>
      <c r="K15129" s="2">
        <v>0</v>
      </c>
      <c r="L15129" t="s">
        <v>82</v>
      </c>
      <c r="M15129" t="s">
        <v>83</v>
      </c>
      <c r="N15129" t="s">
        <v>91</v>
      </c>
      <c r="O15129" t="s">
        <v>85</v>
      </c>
      <c r="P15129" t="s">
        <v>86</v>
      </c>
      <c r="Q15129">
        <v>17</v>
      </c>
      <c r="R15129">
        <v>17</v>
      </c>
      <c r="S15129">
        <v>18</v>
      </c>
      <c r="T15129">
        <v>18</v>
      </c>
      <c r="U15129">
        <v>18</v>
      </c>
      <c r="V15129">
        <v>19</v>
      </c>
      <c r="W15129">
        <v>19</v>
      </c>
      <c r="X15129">
        <v>20</v>
      </c>
      <c r="Y15129">
        <v>20</v>
      </c>
      <c r="Z15129">
        <v>21</v>
      </c>
      <c r="AA15129">
        <v>21</v>
      </c>
      <c r="AB15129">
        <v>22</v>
      </c>
      <c r="AC15129">
        <v>22</v>
      </c>
      <c r="AD15129">
        <v>22</v>
      </c>
      <c r="AE15129">
        <v>23</v>
      </c>
      <c r="AF15129">
        <v>23</v>
      </c>
      <c r="AG15129">
        <v>24</v>
      </c>
      <c r="AH15129">
        <v>24</v>
      </c>
      <c r="AI15129">
        <v>25</v>
      </c>
      <c r="AJ15129">
        <v>25</v>
      </c>
      <c r="AK15129">
        <v>26</v>
      </c>
      <c r="AL15129">
        <v>26</v>
      </c>
      <c r="AM15129">
        <v>26</v>
      </c>
      <c r="AN15129">
        <v>27</v>
      </c>
      <c r="AO15129">
        <v>27</v>
      </c>
      <c r="AP15129">
        <v>27</v>
      </c>
      <c r="AQ15129">
        <v>27</v>
      </c>
    </row>
    <row r="15130" spans="1:43">
      <c r="A15130" t="s">
        <v>9412</v>
      </c>
      <c r="B15130" t="s">
        <v>9413</v>
      </c>
      <c r="C15130" t="s">
        <v>9406</v>
      </c>
      <c r="D15130" t="s">
        <v>9407</v>
      </c>
      <c r="E15130" t="s">
        <v>9202</v>
      </c>
      <c r="F15130" t="s">
        <v>9203</v>
      </c>
      <c r="G15130" t="s">
        <v>80</v>
      </c>
      <c r="H15130" t="s">
        <v>81</v>
      </c>
      <c r="I15130" s="2">
        <v>0</v>
      </c>
      <c r="J15130" s="2">
        <v>1</v>
      </c>
      <c r="K15130" s="2">
        <v>0</v>
      </c>
      <c r="L15130" t="s">
        <v>82</v>
      </c>
      <c r="M15130" t="s">
        <v>83</v>
      </c>
      <c r="N15130" t="s">
        <v>84</v>
      </c>
      <c r="O15130" t="s">
        <v>85</v>
      </c>
      <c r="P15130" t="s">
        <v>86</v>
      </c>
      <c r="Q15130">
        <v>17</v>
      </c>
      <c r="R15130">
        <v>17</v>
      </c>
      <c r="S15130">
        <v>18</v>
      </c>
      <c r="T15130">
        <v>18</v>
      </c>
      <c r="U15130">
        <v>19</v>
      </c>
      <c r="V15130">
        <v>19</v>
      </c>
      <c r="W15130">
        <v>19</v>
      </c>
      <c r="X15130">
        <v>20</v>
      </c>
      <c r="Y15130">
        <v>20</v>
      </c>
      <c r="Z15130">
        <v>21</v>
      </c>
      <c r="AA15130">
        <v>21</v>
      </c>
      <c r="AB15130">
        <v>22</v>
      </c>
      <c r="AC15130">
        <v>22</v>
      </c>
      <c r="AD15130">
        <v>22</v>
      </c>
      <c r="AE15130">
        <v>23</v>
      </c>
      <c r="AF15130">
        <v>23</v>
      </c>
      <c r="AG15130">
        <v>24</v>
      </c>
      <c r="AH15130">
        <v>24</v>
      </c>
      <c r="AI15130">
        <v>25</v>
      </c>
      <c r="AJ15130">
        <v>25</v>
      </c>
      <c r="AK15130">
        <v>26</v>
      </c>
      <c r="AL15130">
        <v>26</v>
      </c>
      <c r="AM15130">
        <v>26</v>
      </c>
      <c r="AN15130">
        <v>27</v>
      </c>
      <c r="AO15130">
        <v>27</v>
      </c>
      <c r="AP15130">
        <v>27</v>
      </c>
      <c r="AQ15130">
        <v>27</v>
      </c>
    </row>
    <row r="15131" spans="1:43">
      <c r="A15131" t="s">
        <v>9412</v>
      </c>
      <c r="B15131" t="s">
        <v>9413</v>
      </c>
      <c r="C15131" t="s">
        <v>9406</v>
      </c>
      <c r="D15131" t="s">
        <v>9407</v>
      </c>
      <c r="E15131" t="s">
        <v>9202</v>
      </c>
      <c r="F15131" t="s">
        <v>9203</v>
      </c>
      <c r="G15131" t="s">
        <v>80</v>
      </c>
      <c r="H15131" t="s">
        <v>81</v>
      </c>
      <c r="I15131" s="2">
        <v>0</v>
      </c>
      <c r="J15131" s="2">
        <v>1</v>
      </c>
      <c r="K15131" s="2">
        <v>0</v>
      </c>
      <c r="L15131" t="s">
        <v>82</v>
      </c>
      <c r="M15131" t="s">
        <v>87</v>
      </c>
      <c r="N15131" t="s">
        <v>88</v>
      </c>
      <c r="O15131" t="s">
        <v>85</v>
      </c>
      <c r="P15131" t="s">
        <v>86</v>
      </c>
      <c r="Q15131">
        <v>17</v>
      </c>
      <c r="R15131">
        <v>17</v>
      </c>
      <c r="S15131">
        <v>17</v>
      </c>
      <c r="T15131">
        <v>17</v>
      </c>
      <c r="U15131">
        <v>18</v>
      </c>
      <c r="V15131">
        <v>18</v>
      </c>
      <c r="W15131">
        <v>18</v>
      </c>
      <c r="X15131">
        <v>18</v>
      </c>
      <c r="Y15131">
        <v>19</v>
      </c>
      <c r="Z15131">
        <v>19</v>
      </c>
      <c r="AA15131">
        <v>19</v>
      </c>
      <c r="AB15131">
        <v>19</v>
      </c>
      <c r="AC15131">
        <v>20</v>
      </c>
      <c r="AD15131">
        <v>20</v>
      </c>
      <c r="AE15131">
        <v>20</v>
      </c>
      <c r="AF15131">
        <v>21</v>
      </c>
      <c r="AG15131">
        <v>21</v>
      </c>
      <c r="AH15131">
        <v>21</v>
      </c>
      <c r="AI15131">
        <v>21</v>
      </c>
      <c r="AJ15131">
        <v>22</v>
      </c>
      <c r="AK15131">
        <v>22</v>
      </c>
      <c r="AL15131">
        <v>22</v>
      </c>
      <c r="AM15131">
        <v>22</v>
      </c>
      <c r="AN15131">
        <v>23</v>
      </c>
      <c r="AO15131">
        <v>23</v>
      </c>
      <c r="AP15131">
        <v>23</v>
      </c>
      <c r="AQ15131">
        <v>24</v>
      </c>
    </row>
    <row r="15132" spans="1:43">
      <c r="A15132" t="s">
        <v>9412</v>
      </c>
      <c r="B15132" t="s">
        <v>9413</v>
      </c>
      <c r="C15132" t="s">
        <v>9406</v>
      </c>
      <c r="D15132" t="s">
        <v>9407</v>
      </c>
      <c r="E15132" t="s">
        <v>9202</v>
      </c>
      <c r="F15132" t="s">
        <v>9203</v>
      </c>
      <c r="G15132" t="s">
        <v>80</v>
      </c>
      <c r="H15132" t="s">
        <v>81</v>
      </c>
      <c r="I15132" s="2">
        <v>0</v>
      </c>
      <c r="J15132" s="2">
        <v>1</v>
      </c>
      <c r="K15132" s="2">
        <v>0</v>
      </c>
      <c r="L15132" t="s">
        <v>82</v>
      </c>
      <c r="M15132" t="s">
        <v>89</v>
      </c>
      <c r="N15132" t="s">
        <v>90</v>
      </c>
      <c r="O15132" t="s">
        <v>85</v>
      </c>
      <c r="P15132" t="s">
        <v>86</v>
      </c>
      <c r="Q15132">
        <v>17</v>
      </c>
      <c r="R15132">
        <v>18</v>
      </c>
      <c r="S15132">
        <v>18</v>
      </c>
      <c r="T15132">
        <v>19</v>
      </c>
      <c r="U15132">
        <v>19</v>
      </c>
      <c r="V15132">
        <v>20</v>
      </c>
      <c r="W15132">
        <v>20</v>
      </c>
      <c r="X15132">
        <v>21</v>
      </c>
      <c r="Y15132">
        <v>21</v>
      </c>
      <c r="Z15132">
        <v>22</v>
      </c>
      <c r="AA15132">
        <v>23</v>
      </c>
      <c r="AB15132">
        <v>23</v>
      </c>
      <c r="AC15132">
        <v>24</v>
      </c>
      <c r="AD15132">
        <v>24</v>
      </c>
      <c r="AE15132">
        <v>25</v>
      </c>
      <c r="AF15132">
        <v>25</v>
      </c>
      <c r="AG15132">
        <v>25</v>
      </c>
      <c r="AH15132">
        <v>25</v>
      </c>
      <c r="AI15132">
        <v>26</v>
      </c>
      <c r="AJ15132">
        <v>26</v>
      </c>
      <c r="AK15132">
        <v>26</v>
      </c>
      <c r="AL15132">
        <v>26</v>
      </c>
      <c r="AM15132">
        <v>27</v>
      </c>
      <c r="AN15132">
        <v>27</v>
      </c>
      <c r="AO15132">
        <v>27</v>
      </c>
      <c r="AP15132">
        <v>27</v>
      </c>
      <c r="AQ15132">
        <v>27</v>
      </c>
    </row>
    <row r="15133" spans="1:43">
      <c r="A15133" t="s">
        <v>9412</v>
      </c>
      <c r="B15133" t="s">
        <v>9413</v>
      </c>
      <c r="C15133" t="s">
        <v>9406</v>
      </c>
      <c r="D15133" t="s">
        <v>9407</v>
      </c>
      <c r="E15133" t="s">
        <v>9202</v>
      </c>
      <c r="F15133" t="s">
        <v>9203</v>
      </c>
      <c r="G15133" t="s">
        <v>80</v>
      </c>
      <c r="H15133" t="s">
        <v>81</v>
      </c>
      <c r="I15133" s="2">
        <v>0</v>
      </c>
      <c r="J15133" s="2">
        <v>1</v>
      </c>
      <c r="K15133" s="2">
        <v>0</v>
      </c>
      <c r="L15133" t="s">
        <v>82</v>
      </c>
      <c r="M15133" t="s">
        <v>83</v>
      </c>
      <c r="N15133" t="s">
        <v>91</v>
      </c>
      <c r="O15133" t="s">
        <v>85</v>
      </c>
      <c r="P15133" t="s">
        <v>86</v>
      </c>
      <c r="Q15133">
        <v>17</v>
      </c>
      <c r="R15133">
        <v>17</v>
      </c>
      <c r="S15133">
        <v>18</v>
      </c>
      <c r="T15133">
        <v>18</v>
      </c>
      <c r="U15133">
        <v>19</v>
      </c>
      <c r="V15133">
        <v>19</v>
      </c>
      <c r="W15133">
        <v>19</v>
      </c>
      <c r="X15133">
        <v>20</v>
      </c>
      <c r="Y15133">
        <v>20</v>
      </c>
      <c r="Z15133">
        <v>21</v>
      </c>
      <c r="AA15133">
        <v>21</v>
      </c>
      <c r="AB15133">
        <v>22</v>
      </c>
      <c r="AC15133">
        <v>22</v>
      </c>
      <c r="AD15133">
        <v>22</v>
      </c>
      <c r="AE15133">
        <v>23</v>
      </c>
      <c r="AF15133">
        <v>23</v>
      </c>
      <c r="AG15133">
        <v>24</v>
      </c>
      <c r="AH15133">
        <v>24</v>
      </c>
      <c r="AI15133">
        <v>25</v>
      </c>
      <c r="AJ15133">
        <v>25</v>
      </c>
      <c r="AK15133">
        <v>26</v>
      </c>
      <c r="AL15133">
        <v>26</v>
      </c>
      <c r="AM15133">
        <v>26</v>
      </c>
      <c r="AN15133">
        <v>27</v>
      </c>
      <c r="AO15133">
        <v>27</v>
      </c>
      <c r="AP15133">
        <v>27</v>
      </c>
      <c r="AQ15133">
        <v>27</v>
      </c>
    </row>
    <row r="15134" spans="1:43">
      <c r="A15134" t="s">
        <v>9414</v>
      </c>
      <c r="B15134" t="s">
        <v>9415</v>
      </c>
      <c r="C15134" t="s">
        <v>9406</v>
      </c>
      <c r="D15134" t="s">
        <v>9407</v>
      </c>
      <c r="E15134" t="s">
        <v>9202</v>
      </c>
      <c r="F15134" t="s">
        <v>9203</v>
      </c>
      <c r="G15134" t="s">
        <v>80</v>
      </c>
      <c r="H15134" t="s">
        <v>81</v>
      </c>
      <c r="I15134" s="2">
        <v>0</v>
      </c>
      <c r="J15134" s="2">
        <v>1</v>
      </c>
      <c r="K15134" s="2">
        <v>0</v>
      </c>
      <c r="L15134" t="s">
        <v>82</v>
      </c>
      <c r="M15134" t="s">
        <v>83</v>
      </c>
      <c r="N15134" t="s">
        <v>84</v>
      </c>
      <c r="O15134" t="s">
        <v>85</v>
      </c>
      <c r="P15134" t="s">
        <v>86</v>
      </c>
      <c r="Q15134">
        <v>50</v>
      </c>
      <c r="R15134">
        <v>51</v>
      </c>
      <c r="S15134">
        <v>52</v>
      </c>
      <c r="T15134">
        <v>53</v>
      </c>
      <c r="U15134">
        <v>54</v>
      </c>
      <c r="V15134">
        <v>55</v>
      </c>
      <c r="W15134">
        <v>57</v>
      </c>
      <c r="X15134">
        <v>58</v>
      </c>
      <c r="Y15134">
        <v>59</v>
      </c>
      <c r="Z15134">
        <v>60</v>
      </c>
      <c r="AA15134">
        <v>62</v>
      </c>
      <c r="AB15134">
        <v>63</v>
      </c>
      <c r="AC15134">
        <v>64</v>
      </c>
      <c r="AD15134">
        <v>66</v>
      </c>
      <c r="AE15134">
        <v>67</v>
      </c>
      <c r="AF15134">
        <v>68</v>
      </c>
      <c r="AG15134">
        <v>70</v>
      </c>
      <c r="AH15134">
        <v>71</v>
      </c>
      <c r="AI15134">
        <v>72</v>
      </c>
      <c r="AJ15134">
        <v>74</v>
      </c>
      <c r="AK15134">
        <v>75</v>
      </c>
      <c r="AL15134">
        <v>76</v>
      </c>
      <c r="AM15134">
        <v>77</v>
      </c>
      <c r="AN15134">
        <v>77</v>
      </c>
      <c r="AO15134">
        <v>78</v>
      </c>
      <c r="AP15134">
        <v>79</v>
      </c>
      <c r="AQ15134">
        <v>80</v>
      </c>
    </row>
    <row r="15135" spans="1:43">
      <c r="A15135" t="s">
        <v>9414</v>
      </c>
      <c r="B15135" t="s">
        <v>9415</v>
      </c>
      <c r="C15135" t="s">
        <v>9406</v>
      </c>
      <c r="D15135" t="s">
        <v>9407</v>
      </c>
      <c r="E15135" t="s">
        <v>9202</v>
      </c>
      <c r="F15135" t="s">
        <v>9203</v>
      </c>
      <c r="G15135" t="s">
        <v>80</v>
      </c>
      <c r="H15135" t="s">
        <v>81</v>
      </c>
      <c r="I15135" s="2">
        <v>0</v>
      </c>
      <c r="J15135" s="2">
        <v>1</v>
      </c>
      <c r="K15135" s="2">
        <v>0</v>
      </c>
      <c r="L15135" t="s">
        <v>82</v>
      </c>
      <c r="M15135" t="s">
        <v>87</v>
      </c>
      <c r="N15135" t="s">
        <v>88</v>
      </c>
      <c r="O15135" t="s">
        <v>85</v>
      </c>
      <c r="P15135" t="s">
        <v>86</v>
      </c>
      <c r="Q15135">
        <v>50</v>
      </c>
      <c r="R15135">
        <v>51</v>
      </c>
      <c r="S15135">
        <v>51</v>
      </c>
      <c r="T15135">
        <v>52</v>
      </c>
      <c r="U15135">
        <v>53</v>
      </c>
      <c r="V15135">
        <v>54</v>
      </c>
      <c r="W15135">
        <v>54</v>
      </c>
      <c r="X15135">
        <v>55</v>
      </c>
      <c r="Y15135">
        <v>56</v>
      </c>
      <c r="Z15135">
        <v>56</v>
      </c>
      <c r="AA15135">
        <v>57</v>
      </c>
      <c r="AB15135">
        <v>58</v>
      </c>
      <c r="AC15135">
        <v>59</v>
      </c>
      <c r="AD15135">
        <v>59</v>
      </c>
      <c r="AE15135">
        <v>60</v>
      </c>
      <c r="AF15135">
        <v>61</v>
      </c>
      <c r="AG15135">
        <v>62</v>
      </c>
      <c r="AH15135">
        <v>63</v>
      </c>
      <c r="AI15135">
        <v>63</v>
      </c>
      <c r="AJ15135">
        <v>64</v>
      </c>
      <c r="AK15135">
        <v>65</v>
      </c>
      <c r="AL15135">
        <v>66</v>
      </c>
      <c r="AM15135">
        <v>67</v>
      </c>
      <c r="AN15135">
        <v>67</v>
      </c>
      <c r="AO15135">
        <v>68</v>
      </c>
      <c r="AP15135">
        <v>69</v>
      </c>
      <c r="AQ15135">
        <v>70</v>
      </c>
    </row>
    <row r="15136" spans="1:43">
      <c r="A15136" t="s">
        <v>9414</v>
      </c>
      <c r="B15136" t="s">
        <v>9415</v>
      </c>
      <c r="C15136" t="s">
        <v>9406</v>
      </c>
      <c r="D15136" t="s">
        <v>9407</v>
      </c>
      <c r="E15136" t="s">
        <v>9202</v>
      </c>
      <c r="F15136" t="s">
        <v>9203</v>
      </c>
      <c r="G15136" t="s">
        <v>80</v>
      </c>
      <c r="H15136" t="s">
        <v>81</v>
      </c>
      <c r="I15136" s="2">
        <v>0</v>
      </c>
      <c r="J15136" s="2">
        <v>1</v>
      </c>
      <c r="K15136" s="2">
        <v>0</v>
      </c>
      <c r="L15136" t="s">
        <v>82</v>
      </c>
      <c r="M15136" t="s">
        <v>89</v>
      </c>
      <c r="N15136" t="s">
        <v>90</v>
      </c>
      <c r="O15136" t="s">
        <v>85</v>
      </c>
      <c r="P15136" t="s">
        <v>86</v>
      </c>
      <c r="Q15136">
        <v>50</v>
      </c>
      <c r="R15136">
        <v>52</v>
      </c>
      <c r="S15136">
        <v>53</v>
      </c>
      <c r="T15136">
        <v>55</v>
      </c>
      <c r="U15136">
        <v>56</v>
      </c>
      <c r="V15136">
        <v>58</v>
      </c>
      <c r="W15136">
        <v>60</v>
      </c>
      <c r="X15136">
        <v>61</v>
      </c>
      <c r="Y15136">
        <v>63</v>
      </c>
      <c r="Z15136">
        <v>64</v>
      </c>
      <c r="AA15136">
        <v>66</v>
      </c>
      <c r="AB15136">
        <v>67</v>
      </c>
      <c r="AC15136">
        <v>69</v>
      </c>
      <c r="AD15136">
        <v>71</v>
      </c>
      <c r="AE15136">
        <v>72</v>
      </c>
      <c r="AF15136">
        <v>73</v>
      </c>
      <c r="AG15136">
        <v>73</v>
      </c>
      <c r="AH15136">
        <v>74</v>
      </c>
      <c r="AI15136">
        <v>75</v>
      </c>
      <c r="AJ15136">
        <v>75</v>
      </c>
      <c r="AK15136">
        <v>76</v>
      </c>
      <c r="AL15136">
        <v>77</v>
      </c>
      <c r="AM15136">
        <v>77</v>
      </c>
      <c r="AN15136">
        <v>78</v>
      </c>
      <c r="AO15136">
        <v>79</v>
      </c>
      <c r="AP15136">
        <v>79</v>
      </c>
      <c r="AQ15136">
        <v>80</v>
      </c>
    </row>
    <row r="15137" spans="1:43">
      <c r="A15137" t="s">
        <v>9414</v>
      </c>
      <c r="B15137" t="s">
        <v>9415</v>
      </c>
      <c r="C15137" t="s">
        <v>9406</v>
      </c>
      <c r="D15137" t="s">
        <v>9407</v>
      </c>
      <c r="E15137" t="s">
        <v>9202</v>
      </c>
      <c r="F15137" t="s">
        <v>9203</v>
      </c>
      <c r="G15137" t="s">
        <v>80</v>
      </c>
      <c r="H15137" t="s">
        <v>81</v>
      </c>
      <c r="I15137" s="2">
        <v>0</v>
      </c>
      <c r="J15137" s="2">
        <v>1</v>
      </c>
      <c r="K15137" s="2">
        <v>0</v>
      </c>
      <c r="L15137" t="s">
        <v>82</v>
      </c>
      <c r="M15137" t="s">
        <v>83</v>
      </c>
      <c r="N15137" t="s">
        <v>91</v>
      </c>
      <c r="O15137" t="s">
        <v>85</v>
      </c>
      <c r="P15137" t="s">
        <v>86</v>
      </c>
      <c r="Q15137">
        <v>50</v>
      </c>
      <c r="R15137">
        <v>51</v>
      </c>
      <c r="S15137">
        <v>52</v>
      </c>
      <c r="T15137">
        <v>53</v>
      </c>
      <c r="U15137">
        <v>54</v>
      </c>
      <c r="V15137">
        <v>55</v>
      </c>
      <c r="W15137">
        <v>57</v>
      </c>
      <c r="X15137">
        <v>58</v>
      </c>
      <c r="Y15137">
        <v>59</v>
      </c>
      <c r="Z15137">
        <v>60</v>
      </c>
      <c r="AA15137">
        <v>62</v>
      </c>
      <c r="AB15137">
        <v>63</v>
      </c>
      <c r="AC15137">
        <v>64</v>
      </c>
      <c r="AD15137">
        <v>66</v>
      </c>
      <c r="AE15137">
        <v>67</v>
      </c>
      <c r="AF15137">
        <v>68</v>
      </c>
      <c r="AG15137">
        <v>70</v>
      </c>
      <c r="AH15137">
        <v>71</v>
      </c>
      <c r="AI15137">
        <v>72</v>
      </c>
      <c r="AJ15137">
        <v>74</v>
      </c>
      <c r="AK15137">
        <v>75</v>
      </c>
      <c r="AL15137">
        <v>76</v>
      </c>
      <c r="AM15137">
        <v>77</v>
      </c>
      <c r="AN15137">
        <v>77</v>
      </c>
      <c r="AO15137">
        <v>78</v>
      </c>
      <c r="AP15137">
        <v>79</v>
      </c>
      <c r="AQ15137">
        <v>80</v>
      </c>
    </row>
    <row r="15138" spans="1:43">
      <c r="A15138" t="s">
        <v>9416</v>
      </c>
      <c r="B15138" t="s">
        <v>9417</v>
      </c>
      <c r="C15138" t="s">
        <v>9410</v>
      </c>
      <c r="D15138" t="s">
        <v>9411</v>
      </c>
      <c r="E15138" t="s">
        <v>9202</v>
      </c>
      <c r="F15138" t="s">
        <v>9203</v>
      </c>
      <c r="G15138" t="s">
        <v>80</v>
      </c>
      <c r="H15138" t="s">
        <v>81</v>
      </c>
      <c r="I15138" s="2">
        <v>0</v>
      </c>
      <c r="J15138" s="2">
        <v>1</v>
      </c>
      <c r="K15138" s="2">
        <v>0</v>
      </c>
      <c r="L15138" t="s">
        <v>82</v>
      </c>
      <c r="M15138" t="s">
        <v>83</v>
      </c>
      <c r="N15138" t="s">
        <v>84</v>
      </c>
      <c r="O15138" t="s">
        <v>85</v>
      </c>
      <c r="P15138" t="s">
        <v>86</v>
      </c>
      <c r="Q15138">
        <v>48</v>
      </c>
      <c r="R15138">
        <v>49</v>
      </c>
      <c r="S15138">
        <v>50</v>
      </c>
      <c r="T15138">
        <v>51</v>
      </c>
      <c r="U15138">
        <v>52</v>
      </c>
      <c r="V15138">
        <v>53</v>
      </c>
      <c r="W15138">
        <v>55</v>
      </c>
      <c r="X15138">
        <v>56</v>
      </c>
      <c r="Y15138">
        <v>57</v>
      </c>
      <c r="Z15138">
        <v>58</v>
      </c>
      <c r="AA15138">
        <v>60</v>
      </c>
      <c r="AB15138">
        <v>61</v>
      </c>
      <c r="AC15138">
        <v>62</v>
      </c>
      <c r="AD15138">
        <v>63</v>
      </c>
      <c r="AE15138">
        <v>65</v>
      </c>
      <c r="AF15138">
        <v>66</v>
      </c>
      <c r="AG15138">
        <v>67</v>
      </c>
      <c r="AH15138">
        <v>69</v>
      </c>
      <c r="AI15138">
        <v>70</v>
      </c>
      <c r="AJ15138">
        <v>71</v>
      </c>
      <c r="AK15138">
        <v>73</v>
      </c>
      <c r="AL15138">
        <v>74</v>
      </c>
      <c r="AM15138">
        <v>74</v>
      </c>
      <c r="AN15138">
        <v>75</v>
      </c>
      <c r="AO15138">
        <v>76</v>
      </c>
      <c r="AP15138">
        <v>76</v>
      </c>
      <c r="AQ15138">
        <v>77</v>
      </c>
    </row>
    <row r="15139" spans="1:43">
      <c r="A15139" t="s">
        <v>9416</v>
      </c>
      <c r="B15139" t="s">
        <v>9417</v>
      </c>
      <c r="C15139" t="s">
        <v>9410</v>
      </c>
      <c r="D15139" t="s">
        <v>9411</v>
      </c>
      <c r="E15139" t="s">
        <v>9202</v>
      </c>
      <c r="F15139" t="s">
        <v>9203</v>
      </c>
      <c r="G15139" t="s">
        <v>80</v>
      </c>
      <c r="H15139" t="s">
        <v>81</v>
      </c>
      <c r="I15139" s="2">
        <v>0</v>
      </c>
      <c r="J15139" s="2">
        <v>1</v>
      </c>
      <c r="K15139" s="2">
        <v>0</v>
      </c>
      <c r="L15139" t="s">
        <v>82</v>
      </c>
      <c r="M15139" t="s">
        <v>87</v>
      </c>
      <c r="N15139" t="s">
        <v>88</v>
      </c>
      <c r="O15139" t="s">
        <v>85</v>
      </c>
      <c r="P15139" t="s">
        <v>86</v>
      </c>
      <c r="Q15139">
        <v>48</v>
      </c>
      <c r="R15139">
        <v>49</v>
      </c>
      <c r="S15139">
        <v>50</v>
      </c>
      <c r="T15139">
        <v>50</v>
      </c>
      <c r="U15139">
        <v>51</v>
      </c>
      <c r="V15139">
        <v>52</v>
      </c>
      <c r="W15139">
        <v>52</v>
      </c>
      <c r="X15139">
        <v>53</v>
      </c>
      <c r="Y15139">
        <v>54</v>
      </c>
      <c r="Z15139">
        <v>55</v>
      </c>
      <c r="AA15139">
        <v>55</v>
      </c>
      <c r="AB15139">
        <v>56</v>
      </c>
      <c r="AC15139">
        <v>57</v>
      </c>
      <c r="AD15139">
        <v>58</v>
      </c>
      <c r="AE15139">
        <v>58</v>
      </c>
      <c r="AF15139">
        <v>59</v>
      </c>
      <c r="AG15139">
        <v>60</v>
      </c>
      <c r="AH15139">
        <v>61</v>
      </c>
      <c r="AI15139">
        <v>61</v>
      </c>
      <c r="AJ15139">
        <v>62</v>
      </c>
      <c r="AK15139">
        <v>63</v>
      </c>
      <c r="AL15139">
        <v>64</v>
      </c>
      <c r="AM15139">
        <v>65</v>
      </c>
      <c r="AN15139">
        <v>65</v>
      </c>
      <c r="AO15139">
        <v>66</v>
      </c>
      <c r="AP15139">
        <v>67</v>
      </c>
      <c r="AQ15139">
        <v>68</v>
      </c>
    </row>
    <row r="15140" spans="1:43">
      <c r="A15140" t="s">
        <v>9416</v>
      </c>
      <c r="B15140" t="s">
        <v>9417</v>
      </c>
      <c r="C15140" t="s">
        <v>9410</v>
      </c>
      <c r="D15140" t="s">
        <v>9411</v>
      </c>
      <c r="E15140" t="s">
        <v>9202</v>
      </c>
      <c r="F15140" t="s">
        <v>9203</v>
      </c>
      <c r="G15140" t="s">
        <v>80</v>
      </c>
      <c r="H15140" t="s">
        <v>81</v>
      </c>
      <c r="I15140" s="2">
        <v>0</v>
      </c>
      <c r="J15140" s="2">
        <v>1</v>
      </c>
      <c r="K15140" s="2">
        <v>0</v>
      </c>
      <c r="L15140" t="s">
        <v>82</v>
      </c>
      <c r="M15140" t="s">
        <v>89</v>
      </c>
      <c r="N15140" t="s">
        <v>90</v>
      </c>
      <c r="O15140" t="s">
        <v>85</v>
      </c>
      <c r="P15140" t="s">
        <v>86</v>
      </c>
      <c r="Q15140">
        <v>48</v>
      </c>
      <c r="R15140">
        <v>50</v>
      </c>
      <c r="S15140">
        <v>51</v>
      </c>
      <c r="T15140">
        <v>53</v>
      </c>
      <c r="U15140">
        <v>54</v>
      </c>
      <c r="V15140">
        <v>56</v>
      </c>
      <c r="W15140">
        <v>58</v>
      </c>
      <c r="X15140">
        <v>59</v>
      </c>
      <c r="Y15140">
        <v>61</v>
      </c>
      <c r="Z15140">
        <v>62</v>
      </c>
      <c r="AA15140">
        <v>64</v>
      </c>
      <c r="AB15140">
        <v>65</v>
      </c>
      <c r="AC15140">
        <v>67</v>
      </c>
      <c r="AD15140">
        <v>68</v>
      </c>
      <c r="AE15140">
        <v>69</v>
      </c>
      <c r="AF15140">
        <v>70</v>
      </c>
      <c r="AG15140">
        <v>71</v>
      </c>
      <c r="AH15140">
        <v>71</v>
      </c>
      <c r="AI15140">
        <v>72</v>
      </c>
      <c r="AJ15140">
        <v>73</v>
      </c>
      <c r="AK15140">
        <v>73</v>
      </c>
      <c r="AL15140">
        <v>74</v>
      </c>
      <c r="AM15140">
        <v>75</v>
      </c>
      <c r="AN15140">
        <v>76</v>
      </c>
      <c r="AO15140">
        <v>76</v>
      </c>
      <c r="AP15140">
        <v>77</v>
      </c>
      <c r="AQ15140">
        <v>78</v>
      </c>
    </row>
    <row r="15141" spans="1:43">
      <c r="A15141" t="s">
        <v>9416</v>
      </c>
      <c r="B15141" t="s">
        <v>9417</v>
      </c>
      <c r="C15141" t="s">
        <v>9410</v>
      </c>
      <c r="D15141" t="s">
        <v>9411</v>
      </c>
      <c r="E15141" t="s">
        <v>9202</v>
      </c>
      <c r="F15141" t="s">
        <v>9203</v>
      </c>
      <c r="G15141" t="s">
        <v>80</v>
      </c>
      <c r="H15141" t="s">
        <v>81</v>
      </c>
      <c r="I15141" s="2">
        <v>0</v>
      </c>
      <c r="J15141" s="2">
        <v>1</v>
      </c>
      <c r="K15141" s="2">
        <v>0</v>
      </c>
      <c r="L15141" t="s">
        <v>82</v>
      </c>
      <c r="M15141" t="s">
        <v>83</v>
      </c>
      <c r="N15141" t="s">
        <v>91</v>
      </c>
      <c r="O15141" t="s">
        <v>85</v>
      </c>
      <c r="P15141" t="s">
        <v>86</v>
      </c>
      <c r="Q15141">
        <v>48</v>
      </c>
      <c r="R15141">
        <v>49</v>
      </c>
      <c r="S15141">
        <v>50</v>
      </c>
      <c r="T15141">
        <v>51</v>
      </c>
      <c r="U15141">
        <v>52</v>
      </c>
      <c r="V15141">
        <v>53</v>
      </c>
      <c r="W15141">
        <v>55</v>
      </c>
      <c r="X15141">
        <v>56</v>
      </c>
      <c r="Y15141">
        <v>57</v>
      </c>
      <c r="Z15141">
        <v>58</v>
      </c>
      <c r="AA15141">
        <v>60</v>
      </c>
      <c r="AB15141">
        <v>61</v>
      </c>
      <c r="AC15141">
        <v>62</v>
      </c>
      <c r="AD15141">
        <v>63</v>
      </c>
      <c r="AE15141">
        <v>65</v>
      </c>
      <c r="AF15141">
        <v>66</v>
      </c>
      <c r="AG15141">
        <v>67</v>
      </c>
      <c r="AH15141">
        <v>69</v>
      </c>
      <c r="AI15141">
        <v>70</v>
      </c>
      <c r="AJ15141">
        <v>71</v>
      </c>
      <c r="AK15141">
        <v>73</v>
      </c>
      <c r="AL15141">
        <v>74</v>
      </c>
      <c r="AM15141">
        <v>74</v>
      </c>
      <c r="AN15141">
        <v>75</v>
      </c>
      <c r="AO15141">
        <v>76</v>
      </c>
      <c r="AP15141">
        <v>76</v>
      </c>
      <c r="AQ15141">
        <v>77</v>
      </c>
    </row>
    <row r="15142" spans="1:43">
      <c r="A15142" t="s">
        <v>9418</v>
      </c>
      <c r="B15142" t="s">
        <v>9419</v>
      </c>
      <c r="C15142" t="s">
        <v>9406</v>
      </c>
      <c r="D15142" t="s">
        <v>9407</v>
      </c>
      <c r="E15142" t="s">
        <v>9202</v>
      </c>
      <c r="F15142" t="s">
        <v>9203</v>
      </c>
      <c r="G15142" t="s">
        <v>80</v>
      </c>
      <c r="H15142" t="s">
        <v>81</v>
      </c>
      <c r="I15142" s="2">
        <v>0</v>
      </c>
      <c r="J15142" s="2">
        <v>1</v>
      </c>
      <c r="K15142" s="2">
        <v>0</v>
      </c>
      <c r="L15142" t="s">
        <v>82</v>
      </c>
      <c r="M15142" t="s">
        <v>83</v>
      </c>
      <c r="N15142" t="s">
        <v>84</v>
      </c>
      <c r="O15142" t="s">
        <v>85</v>
      </c>
      <c r="P15142" t="s">
        <v>86</v>
      </c>
      <c r="Q15142">
        <v>13</v>
      </c>
      <c r="R15142">
        <v>13</v>
      </c>
      <c r="S15142">
        <v>14</v>
      </c>
      <c r="T15142">
        <v>14</v>
      </c>
      <c r="U15142">
        <v>14</v>
      </c>
      <c r="V15142">
        <v>15</v>
      </c>
      <c r="W15142">
        <v>15</v>
      </c>
      <c r="X15142">
        <v>15</v>
      </c>
      <c r="Y15142">
        <v>16</v>
      </c>
      <c r="Z15142">
        <v>16</v>
      </c>
      <c r="AA15142">
        <v>16</v>
      </c>
      <c r="AB15142">
        <v>17</v>
      </c>
      <c r="AC15142">
        <v>17</v>
      </c>
      <c r="AD15142">
        <v>17</v>
      </c>
      <c r="AE15142">
        <v>18</v>
      </c>
      <c r="AF15142">
        <v>18</v>
      </c>
      <c r="AG15142">
        <v>18</v>
      </c>
      <c r="AH15142">
        <v>19</v>
      </c>
      <c r="AI15142">
        <v>19</v>
      </c>
      <c r="AJ15142">
        <v>19</v>
      </c>
      <c r="AK15142">
        <v>20</v>
      </c>
      <c r="AL15142">
        <v>20</v>
      </c>
      <c r="AM15142">
        <v>20</v>
      </c>
      <c r="AN15142">
        <v>20</v>
      </c>
      <c r="AO15142">
        <v>21</v>
      </c>
      <c r="AP15142">
        <v>21</v>
      </c>
      <c r="AQ15142">
        <v>21</v>
      </c>
    </row>
    <row r="15143" spans="1:43">
      <c r="A15143" t="s">
        <v>9418</v>
      </c>
      <c r="B15143" t="s">
        <v>9419</v>
      </c>
      <c r="C15143" t="s">
        <v>9406</v>
      </c>
      <c r="D15143" t="s">
        <v>9407</v>
      </c>
      <c r="E15143" t="s">
        <v>9202</v>
      </c>
      <c r="F15143" t="s">
        <v>9203</v>
      </c>
      <c r="G15143" t="s">
        <v>80</v>
      </c>
      <c r="H15143" t="s">
        <v>81</v>
      </c>
      <c r="I15143" s="2">
        <v>0</v>
      </c>
      <c r="J15143" s="2">
        <v>1</v>
      </c>
      <c r="K15143" s="2">
        <v>0</v>
      </c>
      <c r="L15143" t="s">
        <v>82</v>
      </c>
      <c r="M15143" t="s">
        <v>87</v>
      </c>
      <c r="N15143" t="s">
        <v>88</v>
      </c>
      <c r="O15143" t="s">
        <v>85</v>
      </c>
      <c r="P15143" t="s">
        <v>86</v>
      </c>
      <c r="Q15143">
        <v>13</v>
      </c>
      <c r="R15143">
        <v>13</v>
      </c>
      <c r="S15143">
        <v>13</v>
      </c>
      <c r="T15143">
        <v>14</v>
      </c>
      <c r="U15143">
        <v>14</v>
      </c>
      <c r="V15143">
        <v>14</v>
      </c>
      <c r="W15143">
        <v>14</v>
      </c>
      <c r="X15143">
        <v>14</v>
      </c>
      <c r="Y15143">
        <v>14</v>
      </c>
      <c r="Z15143">
        <v>15</v>
      </c>
      <c r="AA15143">
        <v>15</v>
      </c>
      <c r="AB15143">
        <v>15</v>
      </c>
      <c r="AC15143">
        <v>15</v>
      </c>
      <c r="AD15143">
        <v>15</v>
      </c>
      <c r="AE15143">
        <v>16</v>
      </c>
      <c r="AF15143">
        <v>16</v>
      </c>
      <c r="AG15143">
        <v>16</v>
      </c>
      <c r="AH15143">
        <v>16</v>
      </c>
      <c r="AI15143">
        <v>16</v>
      </c>
      <c r="AJ15143">
        <v>17</v>
      </c>
      <c r="AK15143">
        <v>17</v>
      </c>
      <c r="AL15143">
        <v>17</v>
      </c>
      <c r="AM15143">
        <v>17</v>
      </c>
      <c r="AN15143">
        <v>18</v>
      </c>
      <c r="AO15143">
        <v>18</v>
      </c>
      <c r="AP15143">
        <v>18</v>
      </c>
      <c r="AQ15143">
        <v>18</v>
      </c>
    </row>
    <row r="15144" spans="1:43">
      <c r="A15144" t="s">
        <v>9418</v>
      </c>
      <c r="B15144" t="s">
        <v>9419</v>
      </c>
      <c r="C15144" t="s">
        <v>9406</v>
      </c>
      <c r="D15144" t="s">
        <v>9407</v>
      </c>
      <c r="E15144" t="s">
        <v>9202</v>
      </c>
      <c r="F15144" t="s">
        <v>9203</v>
      </c>
      <c r="G15144" t="s">
        <v>80</v>
      </c>
      <c r="H15144" t="s">
        <v>81</v>
      </c>
      <c r="I15144" s="2">
        <v>0</v>
      </c>
      <c r="J15144" s="2">
        <v>1</v>
      </c>
      <c r="K15144" s="2">
        <v>0</v>
      </c>
      <c r="L15144" t="s">
        <v>82</v>
      </c>
      <c r="M15144" t="s">
        <v>89</v>
      </c>
      <c r="N15144" t="s">
        <v>90</v>
      </c>
      <c r="O15144" t="s">
        <v>85</v>
      </c>
      <c r="P15144" t="s">
        <v>86</v>
      </c>
      <c r="Q15144">
        <v>13</v>
      </c>
      <c r="R15144">
        <v>14</v>
      </c>
      <c r="S15144">
        <v>14</v>
      </c>
      <c r="T15144">
        <v>15</v>
      </c>
      <c r="U15144">
        <v>15</v>
      </c>
      <c r="V15144">
        <v>15</v>
      </c>
      <c r="W15144">
        <v>16</v>
      </c>
      <c r="X15144">
        <v>16</v>
      </c>
      <c r="Y15144">
        <v>17</v>
      </c>
      <c r="Z15144">
        <v>17</v>
      </c>
      <c r="AA15144">
        <v>17</v>
      </c>
      <c r="AB15144">
        <v>18</v>
      </c>
      <c r="AC15144">
        <v>18</v>
      </c>
      <c r="AD15144">
        <v>19</v>
      </c>
      <c r="AE15144">
        <v>19</v>
      </c>
      <c r="AF15144">
        <v>19</v>
      </c>
      <c r="AG15144">
        <v>19</v>
      </c>
      <c r="AH15144">
        <v>19</v>
      </c>
      <c r="AI15144">
        <v>20</v>
      </c>
      <c r="AJ15144">
        <v>20</v>
      </c>
      <c r="AK15144">
        <v>20</v>
      </c>
      <c r="AL15144">
        <v>20</v>
      </c>
      <c r="AM15144">
        <v>20</v>
      </c>
      <c r="AN15144">
        <v>21</v>
      </c>
      <c r="AO15144">
        <v>21</v>
      </c>
      <c r="AP15144">
        <v>21</v>
      </c>
      <c r="AQ15144">
        <v>21</v>
      </c>
    </row>
    <row r="15145" spans="1:43">
      <c r="A15145" t="s">
        <v>9418</v>
      </c>
      <c r="B15145" t="s">
        <v>9419</v>
      </c>
      <c r="C15145" t="s">
        <v>9406</v>
      </c>
      <c r="D15145" t="s">
        <v>9407</v>
      </c>
      <c r="E15145" t="s">
        <v>9202</v>
      </c>
      <c r="F15145" t="s">
        <v>9203</v>
      </c>
      <c r="G15145" t="s">
        <v>80</v>
      </c>
      <c r="H15145" t="s">
        <v>81</v>
      </c>
      <c r="I15145" s="2">
        <v>0</v>
      </c>
      <c r="J15145" s="2">
        <v>1</v>
      </c>
      <c r="K15145" s="2">
        <v>0</v>
      </c>
      <c r="L15145" t="s">
        <v>82</v>
      </c>
      <c r="M15145" t="s">
        <v>83</v>
      </c>
      <c r="N15145" t="s">
        <v>91</v>
      </c>
      <c r="O15145" t="s">
        <v>85</v>
      </c>
      <c r="P15145" t="s">
        <v>86</v>
      </c>
      <c r="Q15145">
        <v>13</v>
      </c>
      <c r="R15145">
        <v>13</v>
      </c>
      <c r="S15145">
        <v>14</v>
      </c>
      <c r="T15145">
        <v>14</v>
      </c>
      <c r="U15145">
        <v>14</v>
      </c>
      <c r="V15145">
        <v>15</v>
      </c>
      <c r="W15145">
        <v>15</v>
      </c>
      <c r="X15145">
        <v>15</v>
      </c>
      <c r="Y15145">
        <v>16</v>
      </c>
      <c r="Z15145">
        <v>16</v>
      </c>
      <c r="AA15145">
        <v>16</v>
      </c>
      <c r="AB15145">
        <v>17</v>
      </c>
      <c r="AC15145">
        <v>17</v>
      </c>
      <c r="AD15145">
        <v>17</v>
      </c>
      <c r="AE15145">
        <v>18</v>
      </c>
      <c r="AF15145">
        <v>18</v>
      </c>
      <c r="AG15145">
        <v>18</v>
      </c>
      <c r="AH15145">
        <v>19</v>
      </c>
      <c r="AI15145">
        <v>19</v>
      </c>
      <c r="AJ15145">
        <v>19</v>
      </c>
      <c r="AK15145">
        <v>20</v>
      </c>
      <c r="AL15145">
        <v>20</v>
      </c>
      <c r="AM15145">
        <v>20</v>
      </c>
      <c r="AN15145">
        <v>20</v>
      </c>
      <c r="AO15145">
        <v>21</v>
      </c>
      <c r="AP15145">
        <v>21</v>
      </c>
      <c r="AQ15145">
        <v>21</v>
      </c>
    </row>
    <row r="15146" spans="1:43">
      <c r="A15146" t="s">
        <v>9420</v>
      </c>
      <c r="B15146" t="s">
        <v>9421</v>
      </c>
      <c r="C15146" t="s">
        <v>9422</v>
      </c>
      <c r="D15146" t="s">
        <v>9423</v>
      </c>
      <c r="E15146" t="s">
        <v>9202</v>
      </c>
      <c r="F15146" t="s">
        <v>9203</v>
      </c>
      <c r="G15146" t="s">
        <v>80</v>
      </c>
      <c r="H15146" t="s">
        <v>81</v>
      </c>
      <c r="I15146" s="2">
        <v>0</v>
      </c>
      <c r="J15146" s="2">
        <v>1</v>
      </c>
      <c r="K15146" s="2">
        <v>0</v>
      </c>
      <c r="L15146" t="s">
        <v>82</v>
      </c>
      <c r="M15146" t="s">
        <v>83</v>
      </c>
      <c r="N15146" t="s">
        <v>84</v>
      </c>
      <c r="O15146" t="s">
        <v>85</v>
      </c>
      <c r="P15146" t="s">
        <v>86</v>
      </c>
      <c r="Q15146">
        <v>25</v>
      </c>
      <c r="R15146">
        <v>25</v>
      </c>
      <c r="S15146">
        <v>26</v>
      </c>
      <c r="T15146">
        <v>27</v>
      </c>
      <c r="U15146">
        <v>27</v>
      </c>
      <c r="V15146">
        <v>28</v>
      </c>
      <c r="W15146">
        <v>28</v>
      </c>
      <c r="X15146">
        <v>29</v>
      </c>
      <c r="Y15146">
        <v>30</v>
      </c>
      <c r="Z15146">
        <v>30</v>
      </c>
      <c r="AA15146">
        <v>31</v>
      </c>
      <c r="AB15146">
        <v>32</v>
      </c>
      <c r="AC15146">
        <v>32</v>
      </c>
      <c r="AD15146">
        <v>33</v>
      </c>
      <c r="AE15146">
        <v>34</v>
      </c>
      <c r="AF15146">
        <v>34</v>
      </c>
      <c r="AG15146">
        <v>35</v>
      </c>
      <c r="AH15146">
        <v>36</v>
      </c>
      <c r="AI15146">
        <v>36</v>
      </c>
      <c r="AJ15146">
        <v>37</v>
      </c>
      <c r="AK15146">
        <v>38</v>
      </c>
      <c r="AL15146">
        <v>38</v>
      </c>
      <c r="AM15146">
        <v>39</v>
      </c>
      <c r="AN15146">
        <v>39</v>
      </c>
      <c r="AO15146">
        <v>39</v>
      </c>
      <c r="AP15146">
        <v>40</v>
      </c>
      <c r="AQ15146">
        <v>40</v>
      </c>
    </row>
    <row r="15147" spans="1:43">
      <c r="A15147" t="s">
        <v>9420</v>
      </c>
      <c r="B15147" t="s">
        <v>9421</v>
      </c>
      <c r="C15147" t="s">
        <v>9422</v>
      </c>
      <c r="D15147" t="s">
        <v>9423</v>
      </c>
      <c r="E15147" t="s">
        <v>9202</v>
      </c>
      <c r="F15147" t="s">
        <v>9203</v>
      </c>
      <c r="G15147" t="s">
        <v>80</v>
      </c>
      <c r="H15147" t="s">
        <v>81</v>
      </c>
      <c r="I15147" s="2">
        <v>0</v>
      </c>
      <c r="J15147" s="2">
        <v>1</v>
      </c>
      <c r="K15147" s="2">
        <v>0</v>
      </c>
      <c r="L15147" t="s">
        <v>82</v>
      </c>
      <c r="M15147" t="s">
        <v>87</v>
      </c>
      <c r="N15147" t="s">
        <v>88</v>
      </c>
      <c r="O15147" t="s">
        <v>85</v>
      </c>
      <c r="P15147" t="s">
        <v>86</v>
      </c>
      <c r="Q15147">
        <v>25</v>
      </c>
      <c r="R15147">
        <v>25</v>
      </c>
      <c r="S15147">
        <v>25</v>
      </c>
      <c r="T15147">
        <v>26</v>
      </c>
      <c r="U15147">
        <v>26</v>
      </c>
      <c r="V15147">
        <v>26</v>
      </c>
      <c r="W15147">
        <v>27</v>
      </c>
      <c r="X15147">
        <v>27</v>
      </c>
      <c r="Y15147">
        <v>28</v>
      </c>
      <c r="Z15147">
        <v>28</v>
      </c>
      <c r="AA15147">
        <v>28</v>
      </c>
      <c r="AB15147">
        <v>29</v>
      </c>
      <c r="AC15147">
        <v>29</v>
      </c>
      <c r="AD15147">
        <v>29</v>
      </c>
      <c r="AE15147">
        <v>30</v>
      </c>
      <c r="AF15147">
        <v>30</v>
      </c>
      <c r="AG15147">
        <v>31</v>
      </c>
      <c r="AH15147">
        <v>31</v>
      </c>
      <c r="AI15147">
        <v>31</v>
      </c>
      <c r="AJ15147">
        <v>32</v>
      </c>
      <c r="AK15147">
        <v>32</v>
      </c>
      <c r="AL15147">
        <v>33</v>
      </c>
      <c r="AM15147">
        <v>33</v>
      </c>
      <c r="AN15147">
        <v>34</v>
      </c>
      <c r="AO15147">
        <v>34</v>
      </c>
      <c r="AP15147">
        <v>34</v>
      </c>
      <c r="AQ15147">
        <v>35</v>
      </c>
    </row>
    <row r="15148" spans="1:43">
      <c r="A15148" t="s">
        <v>9420</v>
      </c>
      <c r="B15148" t="s">
        <v>9421</v>
      </c>
      <c r="C15148" t="s">
        <v>9422</v>
      </c>
      <c r="D15148" t="s">
        <v>9423</v>
      </c>
      <c r="E15148" t="s">
        <v>9202</v>
      </c>
      <c r="F15148" t="s">
        <v>9203</v>
      </c>
      <c r="G15148" t="s">
        <v>80</v>
      </c>
      <c r="H15148" t="s">
        <v>81</v>
      </c>
      <c r="I15148" s="2">
        <v>0</v>
      </c>
      <c r="J15148" s="2">
        <v>1</v>
      </c>
      <c r="K15148" s="2">
        <v>0</v>
      </c>
      <c r="L15148" t="s">
        <v>82</v>
      </c>
      <c r="M15148" t="s">
        <v>89</v>
      </c>
      <c r="N15148" t="s">
        <v>90</v>
      </c>
      <c r="O15148" t="s">
        <v>85</v>
      </c>
      <c r="P15148" t="s">
        <v>86</v>
      </c>
      <c r="Q15148">
        <v>25</v>
      </c>
      <c r="R15148">
        <v>26</v>
      </c>
      <c r="S15148">
        <v>27</v>
      </c>
      <c r="T15148">
        <v>27</v>
      </c>
      <c r="U15148">
        <v>28</v>
      </c>
      <c r="V15148">
        <v>29</v>
      </c>
      <c r="W15148">
        <v>30</v>
      </c>
      <c r="X15148">
        <v>31</v>
      </c>
      <c r="Y15148">
        <v>32</v>
      </c>
      <c r="Z15148">
        <v>32</v>
      </c>
      <c r="AA15148">
        <v>33</v>
      </c>
      <c r="AB15148">
        <v>34</v>
      </c>
      <c r="AC15148">
        <v>35</v>
      </c>
      <c r="AD15148">
        <v>36</v>
      </c>
      <c r="AE15148">
        <v>36</v>
      </c>
      <c r="AF15148">
        <v>36</v>
      </c>
      <c r="AG15148">
        <v>37</v>
      </c>
      <c r="AH15148">
        <v>37</v>
      </c>
      <c r="AI15148">
        <v>38</v>
      </c>
      <c r="AJ15148">
        <v>38</v>
      </c>
      <c r="AK15148">
        <v>38</v>
      </c>
      <c r="AL15148">
        <v>39</v>
      </c>
      <c r="AM15148">
        <v>39</v>
      </c>
      <c r="AN15148">
        <v>39</v>
      </c>
      <c r="AO15148">
        <v>40</v>
      </c>
      <c r="AP15148">
        <v>40</v>
      </c>
      <c r="AQ15148">
        <v>40</v>
      </c>
    </row>
    <row r="15149" spans="1:43">
      <c r="A15149" t="s">
        <v>9420</v>
      </c>
      <c r="B15149" t="s">
        <v>9421</v>
      </c>
      <c r="C15149" t="s">
        <v>9422</v>
      </c>
      <c r="D15149" t="s">
        <v>9423</v>
      </c>
      <c r="E15149" t="s">
        <v>9202</v>
      </c>
      <c r="F15149" t="s">
        <v>9203</v>
      </c>
      <c r="G15149" t="s">
        <v>80</v>
      </c>
      <c r="H15149" t="s">
        <v>81</v>
      </c>
      <c r="I15149" s="2">
        <v>0</v>
      </c>
      <c r="J15149" s="2">
        <v>1</v>
      </c>
      <c r="K15149" s="2">
        <v>0</v>
      </c>
      <c r="L15149" t="s">
        <v>82</v>
      </c>
      <c r="M15149" t="s">
        <v>83</v>
      </c>
      <c r="N15149" t="s">
        <v>91</v>
      </c>
      <c r="O15149" t="s">
        <v>85</v>
      </c>
      <c r="P15149" t="s">
        <v>86</v>
      </c>
      <c r="Q15149">
        <v>25</v>
      </c>
      <c r="R15149">
        <v>25</v>
      </c>
      <c r="S15149">
        <v>26</v>
      </c>
      <c r="T15149">
        <v>27</v>
      </c>
      <c r="U15149">
        <v>27</v>
      </c>
      <c r="V15149">
        <v>28</v>
      </c>
      <c r="W15149">
        <v>28</v>
      </c>
      <c r="X15149">
        <v>29</v>
      </c>
      <c r="Y15149">
        <v>30</v>
      </c>
      <c r="Z15149">
        <v>30</v>
      </c>
      <c r="AA15149">
        <v>31</v>
      </c>
      <c r="AB15149">
        <v>32</v>
      </c>
      <c r="AC15149">
        <v>32</v>
      </c>
      <c r="AD15149">
        <v>33</v>
      </c>
      <c r="AE15149">
        <v>34</v>
      </c>
      <c r="AF15149">
        <v>34</v>
      </c>
      <c r="AG15149">
        <v>35</v>
      </c>
      <c r="AH15149">
        <v>36</v>
      </c>
      <c r="AI15149">
        <v>36</v>
      </c>
      <c r="AJ15149">
        <v>37</v>
      </c>
      <c r="AK15149">
        <v>38</v>
      </c>
      <c r="AL15149">
        <v>38</v>
      </c>
      <c r="AM15149">
        <v>39</v>
      </c>
      <c r="AN15149">
        <v>39</v>
      </c>
      <c r="AO15149">
        <v>39</v>
      </c>
      <c r="AP15149">
        <v>40</v>
      </c>
      <c r="AQ15149">
        <v>40</v>
      </c>
    </row>
    <row r="15150" spans="1:43">
      <c r="A15150" t="s">
        <v>9424</v>
      </c>
      <c r="B15150" t="s">
        <v>9425</v>
      </c>
      <c r="C15150" t="s">
        <v>9276</v>
      </c>
      <c r="D15150" t="s">
        <v>9277</v>
      </c>
      <c r="E15150" t="s">
        <v>9202</v>
      </c>
      <c r="F15150" t="s">
        <v>9203</v>
      </c>
      <c r="G15150" t="s">
        <v>80</v>
      </c>
      <c r="H15150" t="s">
        <v>81</v>
      </c>
      <c r="I15150" s="2">
        <v>1</v>
      </c>
      <c r="J15150" s="2">
        <v>0</v>
      </c>
      <c r="K15150" s="2">
        <v>0</v>
      </c>
      <c r="L15150" t="s">
        <v>120</v>
      </c>
      <c r="M15150" t="s">
        <v>83</v>
      </c>
      <c r="N15150" t="s">
        <v>84</v>
      </c>
      <c r="O15150" t="s">
        <v>85</v>
      </c>
      <c r="P15150" t="s">
        <v>86</v>
      </c>
      <c r="Q15150">
        <v>18</v>
      </c>
      <c r="R15150">
        <v>19</v>
      </c>
      <c r="S15150">
        <v>19</v>
      </c>
      <c r="T15150">
        <v>20</v>
      </c>
      <c r="U15150">
        <v>20</v>
      </c>
      <c r="V15150">
        <v>21</v>
      </c>
      <c r="W15150">
        <v>21</v>
      </c>
      <c r="X15150">
        <v>22</v>
      </c>
      <c r="Y15150">
        <v>22</v>
      </c>
      <c r="Z15150">
        <v>23</v>
      </c>
      <c r="AA15150">
        <v>23</v>
      </c>
      <c r="AB15150">
        <v>23</v>
      </c>
      <c r="AC15150">
        <v>24</v>
      </c>
      <c r="AD15150">
        <v>24</v>
      </c>
      <c r="AE15150">
        <v>25</v>
      </c>
      <c r="AF15150">
        <v>25</v>
      </c>
      <c r="AG15150">
        <v>26</v>
      </c>
      <c r="AH15150">
        <v>26</v>
      </c>
      <c r="AI15150">
        <v>27</v>
      </c>
      <c r="AJ15150">
        <v>27</v>
      </c>
      <c r="AK15150">
        <v>28</v>
      </c>
      <c r="AL15150">
        <v>28</v>
      </c>
      <c r="AM15150">
        <v>29</v>
      </c>
      <c r="AN15150">
        <v>29</v>
      </c>
      <c r="AO15150">
        <v>29</v>
      </c>
      <c r="AP15150">
        <v>29</v>
      </c>
      <c r="AQ15150">
        <v>30</v>
      </c>
    </row>
    <row r="15151" spans="1:43">
      <c r="A15151" t="s">
        <v>9424</v>
      </c>
      <c r="B15151" t="s">
        <v>9425</v>
      </c>
      <c r="C15151" t="s">
        <v>9276</v>
      </c>
      <c r="D15151" t="s">
        <v>9277</v>
      </c>
      <c r="E15151" t="s">
        <v>9202</v>
      </c>
      <c r="F15151" t="s">
        <v>9203</v>
      </c>
      <c r="G15151" t="s">
        <v>80</v>
      </c>
      <c r="H15151" t="s">
        <v>81</v>
      </c>
      <c r="I15151" s="2">
        <v>1</v>
      </c>
      <c r="J15151" s="2">
        <v>0</v>
      </c>
      <c r="K15151" s="2">
        <v>0</v>
      </c>
      <c r="L15151" t="s">
        <v>120</v>
      </c>
      <c r="M15151" t="s">
        <v>87</v>
      </c>
      <c r="N15151" t="s">
        <v>88</v>
      </c>
      <c r="O15151" t="s">
        <v>85</v>
      </c>
      <c r="P15151" t="s">
        <v>86</v>
      </c>
      <c r="Q15151">
        <v>18</v>
      </c>
      <c r="R15151">
        <v>18</v>
      </c>
      <c r="S15151">
        <v>19</v>
      </c>
      <c r="T15151">
        <v>19</v>
      </c>
      <c r="U15151">
        <v>19</v>
      </c>
      <c r="V15151">
        <v>20</v>
      </c>
      <c r="W15151">
        <v>20</v>
      </c>
      <c r="X15151">
        <v>20</v>
      </c>
      <c r="Y15151">
        <v>20</v>
      </c>
      <c r="Z15151">
        <v>21</v>
      </c>
      <c r="AA15151">
        <v>21</v>
      </c>
      <c r="AB15151">
        <v>21</v>
      </c>
      <c r="AC15151">
        <v>22</v>
      </c>
      <c r="AD15151">
        <v>22</v>
      </c>
      <c r="AE15151">
        <v>22</v>
      </c>
      <c r="AF15151">
        <v>22</v>
      </c>
      <c r="AG15151">
        <v>23</v>
      </c>
      <c r="AH15151">
        <v>23</v>
      </c>
      <c r="AI15151">
        <v>23</v>
      </c>
      <c r="AJ15151">
        <v>24</v>
      </c>
      <c r="AK15151">
        <v>24</v>
      </c>
      <c r="AL15151">
        <v>24</v>
      </c>
      <c r="AM15151">
        <v>25</v>
      </c>
      <c r="AN15151">
        <v>25</v>
      </c>
      <c r="AO15151">
        <v>25</v>
      </c>
      <c r="AP15151">
        <v>25</v>
      </c>
      <c r="AQ15151">
        <v>26</v>
      </c>
    </row>
    <row r="15152" spans="1:43">
      <c r="A15152" t="s">
        <v>9424</v>
      </c>
      <c r="B15152" t="s">
        <v>9425</v>
      </c>
      <c r="C15152" t="s">
        <v>9276</v>
      </c>
      <c r="D15152" t="s">
        <v>9277</v>
      </c>
      <c r="E15152" t="s">
        <v>9202</v>
      </c>
      <c r="F15152" t="s">
        <v>9203</v>
      </c>
      <c r="G15152" t="s">
        <v>80</v>
      </c>
      <c r="H15152" t="s">
        <v>81</v>
      </c>
      <c r="I15152" s="2">
        <v>1</v>
      </c>
      <c r="J15152" s="2">
        <v>0</v>
      </c>
      <c r="K15152" s="2">
        <v>0</v>
      </c>
      <c r="L15152" t="s">
        <v>120</v>
      </c>
      <c r="M15152" t="s">
        <v>89</v>
      </c>
      <c r="N15152" t="s">
        <v>90</v>
      </c>
      <c r="O15152" t="s">
        <v>85</v>
      </c>
      <c r="P15152" t="s">
        <v>86</v>
      </c>
      <c r="Q15152">
        <v>18</v>
      </c>
      <c r="R15152">
        <v>18</v>
      </c>
      <c r="S15152">
        <v>19</v>
      </c>
      <c r="T15152">
        <v>19</v>
      </c>
      <c r="U15152">
        <v>20</v>
      </c>
      <c r="V15152">
        <v>21</v>
      </c>
      <c r="W15152">
        <v>21</v>
      </c>
      <c r="X15152">
        <v>22</v>
      </c>
      <c r="Y15152">
        <v>22</v>
      </c>
      <c r="Z15152">
        <v>23</v>
      </c>
      <c r="AA15152">
        <v>23</v>
      </c>
      <c r="AB15152">
        <v>24</v>
      </c>
      <c r="AC15152">
        <v>25</v>
      </c>
      <c r="AD15152">
        <v>25</v>
      </c>
      <c r="AE15152">
        <v>26</v>
      </c>
      <c r="AF15152">
        <v>26</v>
      </c>
      <c r="AG15152">
        <v>26</v>
      </c>
      <c r="AH15152">
        <v>27</v>
      </c>
      <c r="AI15152">
        <v>27</v>
      </c>
      <c r="AJ15152">
        <v>27</v>
      </c>
      <c r="AK15152">
        <v>27</v>
      </c>
      <c r="AL15152">
        <v>28</v>
      </c>
      <c r="AM15152">
        <v>28</v>
      </c>
      <c r="AN15152">
        <v>28</v>
      </c>
      <c r="AO15152">
        <v>28</v>
      </c>
      <c r="AP15152">
        <v>29</v>
      </c>
      <c r="AQ15152">
        <v>29</v>
      </c>
    </row>
    <row r="15153" spans="1:43">
      <c r="A15153" t="s">
        <v>9424</v>
      </c>
      <c r="B15153" t="s">
        <v>9425</v>
      </c>
      <c r="C15153" t="s">
        <v>9276</v>
      </c>
      <c r="D15153" t="s">
        <v>9277</v>
      </c>
      <c r="E15153" t="s">
        <v>9202</v>
      </c>
      <c r="F15153" t="s">
        <v>9203</v>
      </c>
      <c r="G15153" t="s">
        <v>80</v>
      </c>
      <c r="H15153" t="s">
        <v>81</v>
      </c>
      <c r="I15153" s="2">
        <v>1</v>
      </c>
      <c r="J15153" s="2">
        <v>0</v>
      </c>
      <c r="K15153" s="2">
        <v>0</v>
      </c>
      <c r="L15153" t="s">
        <v>120</v>
      </c>
      <c r="M15153" t="s">
        <v>83</v>
      </c>
      <c r="N15153" t="s">
        <v>91</v>
      </c>
      <c r="O15153" t="s">
        <v>85</v>
      </c>
      <c r="P15153" t="s">
        <v>86</v>
      </c>
      <c r="Q15153">
        <v>18</v>
      </c>
      <c r="R15153">
        <v>19</v>
      </c>
      <c r="S15153">
        <v>19</v>
      </c>
      <c r="T15153">
        <v>20</v>
      </c>
      <c r="U15153">
        <v>20</v>
      </c>
      <c r="V15153">
        <v>21</v>
      </c>
      <c r="W15153">
        <v>21</v>
      </c>
      <c r="X15153">
        <v>22</v>
      </c>
      <c r="Y15153">
        <v>22</v>
      </c>
      <c r="Z15153">
        <v>23</v>
      </c>
      <c r="AA15153">
        <v>23</v>
      </c>
      <c r="AB15153">
        <v>23</v>
      </c>
      <c r="AC15153">
        <v>24</v>
      </c>
      <c r="AD15153">
        <v>24</v>
      </c>
      <c r="AE15153">
        <v>25</v>
      </c>
      <c r="AF15153">
        <v>25</v>
      </c>
      <c r="AG15153">
        <v>26</v>
      </c>
      <c r="AH15153">
        <v>26</v>
      </c>
      <c r="AI15153">
        <v>27</v>
      </c>
      <c r="AJ15153">
        <v>27</v>
      </c>
      <c r="AK15153">
        <v>28</v>
      </c>
      <c r="AL15153">
        <v>28</v>
      </c>
      <c r="AM15153">
        <v>29</v>
      </c>
      <c r="AN15153">
        <v>29</v>
      </c>
      <c r="AO15153">
        <v>29</v>
      </c>
      <c r="AP15153">
        <v>29</v>
      </c>
      <c r="AQ15153">
        <v>30</v>
      </c>
    </row>
    <row r="15154" spans="1:43">
      <c r="A15154" t="s">
        <v>9426</v>
      </c>
      <c r="B15154" t="s">
        <v>9427</v>
      </c>
      <c r="C15154" t="s">
        <v>9290</v>
      </c>
      <c r="D15154" t="s">
        <v>9291</v>
      </c>
      <c r="E15154" t="s">
        <v>9202</v>
      </c>
      <c r="F15154" t="s">
        <v>9203</v>
      </c>
      <c r="G15154" t="s">
        <v>80</v>
      </c>
      <c r="H15154" t="s">
        <v>81</v>
      </c>
      <c r="I15154" s="2">
        <v>1</v>
      </c>
      <c r="J15154" s="2">
        <v>0</v>
      </c>
      <c r="K15154" s="2">
        <v>0</v>
      </c>
      <c r="L15154" t="s">
        <v>120</v>
      </c>
      <c r="M15154" t="s">
        <v>83</v>
      </c>
      <c r="N15154" t="s">
        <v>84</v>
      </c>
      <c r="O15154" t="s">
        <v>85</v>
      </c>
      <c r="P15154" t="s">
        <v>86</v>
      </c>
      <c r="Q15154">
        <v>43</v>
      </c>
      <c r="R15154">
        <v>44</v>
      </c>
      <c r="S15154">
        <v>45</v>
      </c>
      <c r="T15154">
        <v>46</v>
      </c>
      <c r="U15154">
        <v>47</v>
      </c>
      <c r="V15154">
        <v>48</v>
      </c>
      <c r="W15154">
        <v>49</v>
      </c>
      <c r="X15154">
        <v>50</v>
      </c>
      <c r="Y15154">
        <v>52</v>
      </c>
      <c r="Z15154">
        <v>53</v>
      </c>
      <c r="AA15154">
        <v>54</v>
      </c>
      <c r="AB15154">
        <v>55</v>
      </c>
      <c r="AC15154">
        <v>56</v>
      </c>
      <c r="AD15154">
        <v>57</v>
      </c>
      <c r="AE15154">
        <v>58</v>
      </c>
      <c r="AF15154">
        <v>59</v>
      </c>
      <c r="AG15154">
        <v>61</v>
      </c>
      <c r="AH15154">
        <v>62</v>
      </c>
      <c r="AI15154">
        <v>63</v>
      </c>
      <c r="AJ15154">
        <v>64</v>
      </c>
      <c r="AK15154">
        <v>65</v>
      </c>
      <c r="AL15154">
        <v>66</v>
      </c>
      <c r="AM15154">
        <v>67</v>
      </c>
      <c r="AN15154">
        <v>68</v>
      </c>
      <c r="AO15154">
        <v>68</v>
      </c>
      <c r="AP15154">
        <v>69</v>
      </c>
      <c r="AQ15154">
        <v>69</v>
      </c>
    </row>
    <row r="15155" spans="1:43">
      <c r="A15155" t="s">
        <v>9426</v>
      </c>
      <c r="B15155" t="s">
        <v>9427</v>
      </c>
      <c r="C15155" t="s">
        <v>9290</v>
      </c>
      <c r="D15155" t="s">
        <v>9291</v>
      </c>
      <c r="E15155" t="s">
        <v>9202</v>
      </c>
      <c r="F15155" t="s">
        <v>9203</v>
      </c>
      <c r="G15155" t="s">
        <v>80</v>
      </c>
      <c r="H15155" t="s">
        <v>81</v>
      </c>
      <c r="I15155" s="2">
        <v>1</v>
      </c>
      <c r="J15155" s="2">
        <v>0</v>
      </c>
      <c r="K15155" s="2">
        <v>0</v>
      </c>
      <c r="L15155" t="s">
        <v>120</v>
      </c>
      <c r="M15155" t="s">
        <v>87</v>
      </c>
      <c r="N15155" t="s">
        <v>88</v>
      </c>
      <c r="O15155" t="s">
        <v>85</v>
      </c>
      <c r="P15155" t="s">
        <v>86</v>
      </c>
      <c r="Q15155">
        <v>43</v>
      </c>
      <c r="R15155">
        <v>43</v>
      </c>
      <c r="S15155">
        <v>44</v>
      </c>
      <c r="T15155">
        <v>44</v>
      </c>
      <c r="U15155">
        <v>45</v>
      </c>
      <c r="V15155">
        <v>46</v>
      </c>
      <c r="W15155">
        <v>46</v>
      </c>
      <c r="X15155">
        <v>47</v>
      </c>
      <c r="Y15155">
        <v>48</v>
      </c>
      <c r="Z15155">
        <v>48</v>
      </c>
      <c r="AA15155">
        <v>49</v>
      </c>
      <c r="AB15155">
        <v>50</v>
      </c>
      <c r="AC15155">
        <v>50</v>
      </c>
      <c r="AD15155">
        <v>51</v>
      </c>
      <c r="AE15155">
        <v>52</v>
      </c>
      <c r="AF15155">
        <v>52</v>
      </c>
      <c r="AG15155">
        <v>53</v>
      </c>
      <c r="AH15155">
        <v>54</v>
      </c>
      <c r="AI15155">
        <v>54</v>
      </c>
      <c r="AJ15155">
        <v>55</v>
      </c>
      <c r="AK15155">
        <v>56</v>
      </c>
      <c r="AL15155">
        <v>57</v>
      </c>
      <c r="AM15155">
        <v>57</v>
      </c>
      <c r="AN15155">
        <v>58</v>
      </c>
      <c r="AO15155">
        <v>59</v>
      </c>
      <c r="AP15155">
        <v>59</v>
      </c>
      <c r="AQ15155">
        <v>60</v>
      </c>
    </row>
    <row r="15156" spans="1:43">
      <c r="A15156" t="s">
        <v>9426</v>
      </c>
      <c r="B15156" t="s">
        <v>9427</v>
      </c>
      <c r="C15156" t="s">
        <v>9290</v>
      </c>
      <c r="D15156" t="s">
        <v>9291</v>
      </c>
      <c r="E15156" t="s">
        <v>9202</v>
      </c>
      <c r="F15156" t="s">
        <v>9203</v>
      </c>
      <c r="G15156" t="s">
        <v>80</v>
      </c>
      <c r="H15156" t="s">
        <v>81</v>
      </c>
      <c r="I15156" s="2">
        <v>1</v>
      </c>
      <c r="J15156" s="2">
        <v>0</v>
      </c>
      <c r="K15156" s="2">
        <v>0</v>
      </c>
      <c r="L15156" t="s">
        <v>120</v>
      </c>
      <c r="M15156" t="s">
        <v>89</v>
      </c>
      <c r="N15156" t="s">
        <v>90</v>
      </c>
      <c r="O15156" t="s">
        <v>85</v>
      </c>
      <c r="P15156" t="s">
        <v>86</v>
      </c>
      <c r="Q15156">
        <v>43</v>
      </c>
      <c r="R15156">
        <v>45</v>
      </c>
      <c r="S15156">
        <v>46</v>
      </c>
      <c r="T15156">
        <v>48</v>
      </c>
      <c r="U15156">
        <v>49</v>
      </c>
      <c r="V15156">
        <v>50</v>
      </c>
      <c r="W15156">
        <v>52</v>
      </c>
      <c r="X15156">
        <v>53</v>
      </c>
      <c r="Y15156">
        <v>54</v>
      </c>
      <c r="Z15156">
        <v>56</v>
      </c>
      <c r="AA15156">
        <v>57</v>
      </c>
      <c r="AB15156">
        <v>59</v>
      </c>
      <c r="AC15156">
        <v>60</v>
      </c>
      <c r="AD15156">
        <v>61</v>
      </c>
      <c r="AE15156">
        <v>62</v>
      </c>
      <c r="AF15156">
        <v>63</v>
      </c>
      <c r="AG15156">
        <v>64</v>
      </c>
      <c r="AH15156">
        <v>64</v>
      </c>
      <c r="AI15156">
        <v>65</v>
      </c>
      <c r="AJ15156">
        <v>66</v>
      </c>
      <c r="AK15156">
        <v>66</v>
      </c>
      <c r="AL15156">
        <v>67</v>
      </c>
      <c r="AM15156">
        <v>67</v>
      </c>
      <c r="AN15156">
        <v>68</v>
      </c>
      <c r="AO15156">
        <v>69</v>
      </c>
      <c r="AP15156">
        <v>69</v>
      </c>
      <c r="AQ15156">
        <v>70</v>
      </c>
    </row>
    <row r="15157" spans="1:43">
      <c r="A15157" t="s">
        <v>9426</v>
      </c>
      <c r="B15157" t="s">
        <v>9427</v>
      </c>
      <c r="C15157" t="s">
        <v>9290</v>
      </c>
      <c r="D15157" t="s">
        <v>9291</v>
      </c>
      <c r="E15157" t="s">
        <v>9202</v>
      </c>
      <c r="F15157" t="s">
        <v>9203</v>
      </c>
      <c r="G15157" t="s">
        <v>80</v>
      </c>
      <c r="H15157" t="s">
        <v>81</v>
      </c>
      <c r="I15157" s="2">
        <v>1</v>
      </c>
      <c r="J15157" s="2">
        <v>0</v>
      </c>
      <c r="K15157" s="2">
        <v>0</v>
      </c>
      <c r="L15157" t="s">
        <v>120</v>
      </c>
      <c r="M15157" t="s">
        <v>83</v>
      </c>
      <c r="N15157" t="s">
        <v>91</v>
      </c>
      <c r="O15157" t="s">
        <v>85</v>
      </c>
      <c r="P15157" t="s">
        <v>86</v>
      </c>
      <c r="Q15157">
        <v>43</v>
      </c>
      <c r="R15157">
        <v>44</v>
      </c>
      <c r="S15157">
        <v>45</v>
      </c>
      <c r="T15157">
        <v>46</v>
      </c>
      <c r="U15157">
        <v>47</v>
      </c>
      <c r="V15157">
        <v>48</v>
      </c>
      <c r="W15157">
        <v>49</v>
      </c>
      <c r="X15157">
        <v>50</v>
      </c>
      <c r="Y15157">
        <v>52</v>
      </c>
      <c r="Z15157">
        <v>53</v>
      </c>
      <c r="AA15157">
        <v>54</v>
      </c>
      <c r="AB15157">
        <v>55</v>
      </c>
      <c r="AC15157">
        <v>56</v>
      </c>
      <c r="AD15157">
        <v>57</v>
      </c>
      <c r="AE15157">
        <v>58</v>
      </c>
      <c r="AF15157">
        <v>59</v>
      </c>
      <c r="AG15157">
        <v>61</v>
      </c>
      <c r="AH15157">
        <v>62</v>
      </c>
      <c r="AI15157">
        <v>63</v>
      </c>
      <c r="AJ15157">
        <v>64</v>
      </c>
      <c r="AK15157">
        <v>65</v>
      </c>
      <c r="AL15157">
        <v>66</v>
      </c>
      <c r="AM15157">
        <v>67</v>
      </c>
      <c r="AN15157">
        <v>68</v>
      </c>
      <c r="AO15157">
        <v>68</v>
      </c>
      <c r="AP15157">
        <v>69</v>
      </c>
      <c r="AQ15157">
        <v>69</v>
      </c>
    </row>
    <row r="15158" spans="1:43">
      <c r="A15158" t="s">
        <v>9428</v>
      </c>
      <c r="B15158" t="s">
        <v>9429</v>
      </c>
      <c r="C15158" t="s">
        <v>9276</v>
      </c>
      <c r="D15158" t="s">
        <v>9277</v>
      </c>
      <c r="E15158" t="s">
        <v>9202</v>
      </c>
      <c r="F15158" t="s">
        <v>9203</v>
      </c>
      <c r="G15158" t="s">
        <v>80</v>
      </c>
      <c r="H15158" t="s">
        <v>81</v>
      </c>
      <c r="I15158" s="2">
        <v>1</v>
      </c>
      <c r="J15158" s="2">
        <v>0</v>
      </c>
      <c r="K15158" s="2">
        <v>0</v>
      </c>
      <c r="L15158" t="s">
        <v>120</v>
      </c>
      <c r="M15158" t="s">
        <v>83</v>
      </c>
      <c r="N15158" t="s">
        <v>84</v>
      </c>
      <c r="O15158" t="s">
        <v>85</v>
      </c>
      <c r="P15158" t="s">
        <v>86</v>
      </c>
      <c r="Q15158">
        <v>8</v>
      </c>
      <c r="R15158">
        <v>8</v>
      </c>
      <c r="S15158">
        <v>8</v>
      </c>
      <c r="T15158">
        <v>8</v>
      </c>
      <c r="U15158">
        <v>9</v>
      </c>
      <c r="V15158">
        <v>9</v>
      </c>
      <c r="W15158">
        <v>9</v>
      </c>
      <c r="X15158">
        <v>9</v>
      </c>
      <c r="Y15158">
        <v>9</v>
      </c>
      <c r="Z15158">
        <v>10</v>
      </c>
      <c r="AA15158">
        <v>10</v>
      </c>
      <c r="AB15158">
        <v>10</v>
      </c>
      <c r="AC15158">
        <v>10</v>
      </c>
      <c r="AD15158">
        <v>10</v>
      </c>
      <c r="AE15158">
        <v>11</v>
      </c>
      <c r="AF15158">
        <v>11</v>
      </c>
      <c r="AG15158">
        <v>11</v>
      </c>
      <c r="AH15158">
        <v>11</v>
      </c>
      <c r="AI15158">
        <v>11</v>
      </c>
      <c r="AJ15158">
        <v>12</v>
      </c>
      <c r="AK15158">
        <v>12</v>
      </c>
      <c r="AL15158">
        <v>12</v>
      </c>
      <c r="AM15158">
        <v>12</v>
      </c>
      <c r="AN15158">
        <v>12</v>
      </c>
      <c r="AO15158">
        <v>12</v>
      </c>
      <c r="AP15158">
        <v>13</v>
      </c>
      <c r="AQ15158">
        <v>13</v>
      </c>
    </row>
    <row r="15159" spans="1:43">
      <c r="A15159" t="s">
        <v>9428</v>
      </c>
      <c r="B15159" t="s">
        <v>9429</v>
      </c>
      <c r="C15159" t="s">
        <v>9276</v>
      </c>
      <c r="D15159" t="s">
        <v>9277</v>
      </c>
      <c r="E15159" t="s">
        <v>9202</v>
      </c>
      <c r="F15159" t="s">
        <v>9203</v>
      </c>
      <c r="G15159" t="s">
        <v>80</v>
      </c>
      <c r="H15159" t="s">
        <v>81</v>
      </c>
      <c r="I15159" s="2">
        <v>1</v>
      </c>
      <c r="J15159" s="2">
        <v>0</v>
      </c>
      <c r="K15159" s="2">
        <v>0</v>
      </c>
      <c r="L15159" t="s">
        <v>120</v>
      </c>
      <c r="M15159" t="s">
        <v>87</v>
      </c>
      <c r="N15159" t="s">
        <v>88</v>
      </c>
      <c r="O15159" t="s">
        <v>85</v>
      </c>
      <c r="P15159" t="s">
        <v>86</v>
      </c>
      <c r="Q15159">
        <v>8</v>
      </c>
      <c r="R15159">
        <v>8</v>
      </c>
      <c r="S15159">
        <v>8</v>
      </c>
      <c r="T15159">
        <v>8</v>
      </c>
      <c r="U15159">
        <v>8</v>
      </c>
      <c r="V15159">
        <v>8</v>
      </c>
      <c r="W15159">
        <v>8</v>
      </c>
      <c r="X15159">
        <v>9</v>
      </c>
      <c r="Y15159">
        <v>9</v>
      </c>
      <c r="Z15159">
        <v>9</v>
      </c>
      <c r="AA15159">
        <v>9</v>
      </c>
      <c r="AB15159">
        <v>9</v>
      </c>
      <c r="AC15159">
        <v>9</v>
      </c>
      <c r="AD15159">
        <v>9</v>
      </c>
      <c r="AE15159">
        <v>9</v>
      </c>
      <c r="AF15159">
        <v>10</v>
      </c>
      <c r="AG15159">
        <v>10</v>
      </c>
      <c r="AH15159">
        <v>10</v>
      </c>
      <c r="AI15159">
        <v>10</v>
      </c>
      <c r="AJ15159">
        <v>10</v>
      </c>
      <c r="AK15159">
        <v>10</v>
      </c>
      <c r="AL15159">
        <v>10</v>
      </c>
      <c r="AM15159">
        <v>10</v>
      </c>
      <c r="AN15159">
        <v>11</v>
      </c>
      <c r="AO15159">
        <v>11</v>
      </c>
      <c r="AP15159">
        <v>11</v>
      </c>
      <c r="AQ15159">
        <v>11</v>
      </c>
    </row>
    <row r="15160" spans="1:43">
      <c r="A15160" t="s">
        <v>9428</v>
      </c>
      <c r="B15160" t="s">
        <v>9429</v>
      </c>
      <c r="C15160" t="s">
        <v>9276</v>
      </c>
      <c r="D15160" t="s">
        <v>9277</v>
      </c>
      <c r="E15160" t="s">
        <v>9202</v>
      </c>
      <c r="F15160" t="s">
        <v>9203</v>
      </c>
      <c r="G15160" t="s">
        <v>80</v>
      </c>
      <c r="H15160" t="s">
        <v>81</v>
      </c>
      <c r="I15160" s="2">
        <v>1</v>
      </c>
      <c r="J15160" s="2">
        <v>0</v>
      </c>
      <c r="K15160" s="2">
        <v>0</v>
      </c>
      <c r="L15160" t="s">
        <v>120</v>
      </c>
      <c r="M15160" t="s">
        <v>89</v>
      </c>
      <c r="N15160" t="s">
        <v>90</v>
      </c>
      <c r="O15160" t="s">
        <v>85</v>
      </c>
      <c r="P15160" t="s">
        <v>86</v>
      </c>
      <c r="Q15160">
        <v>8</v>
      </c>
      <c r="R15160">
        <v>8</v>
      </c>
      <c r="S15160">
        <v>8</v>
      </c>
      <c r="T15160">
        <v>9</v>
      </c>
      <c r="U15160">
        <v>9</v>
      </c>
      <c r="V15160">
        <v>9</v>
      </c>
      <c r="W15160">
        <v>9</v>
      </c>
      <c r="X15160">
        <v>10</v>
      </c>
      <c r="Y15160">
        <v>10</v>
      </c>
      <c r="Z15160">
        <v>10</v>
      </c>
      <c r="AA15160">
        <v>10</v>
      </c>
      <c r="AB15160">
        <v>11</v>
      </c>
      <c r="AC15160">
        <v>11</v>
      </c>
      <c r="AD15160">
        <v>11</v>
      </c>
      <c r="AE15160">
        <v>11</v>
      </c>
      <c r="AF15160">
        <v>12</v>
      </c>
      <c r="AG15160">
        <v>12</v>
      </c>
      <c r="AH15160">
        <v>12</v>
      </c>
      <c r="AI15160">
        <v>12</v>
      </c>
      <c r="AJ15160">
        <v>12</v>
      </c>
      <c r="AK15160">
        <v>12</v>
      </c>
      <c r="AL15160">
        <v>12</v>
      </c>
      <c r="AM15160">
        <v>12</v>
      </c>
      <c r="AN15160">
        <v>12</v>
      </c>
      <c r="AO15160">
        <v>12</v>
      </c>
      <c r="AP15160">
        <v>13</v>
      </c>
      <c r="AQ15160">
        <v>13</v>
      </c>
    </row>
    <row r="15161" spans="1:43">
      <c r="A15161" t="s">
        <v>9428</v>
      </c>
      <c r="B15161" t="s">
        <v>9429</v>
      </c>
      <c r="C15161" t="s">
        <v>9276</v>
      </c>
      <c r="D15161" t="s">
        <v>9277</v>
      </c>
      <c r="E15161" t="s">
        <v>9202</v>
      </c>
      <c r="F15161" t="s">
        <v>9203</v>
      </c>
      <c r="G15161" t="s">
        <v>80</v>
      </c>
      <c r="H15161" t="s">
        <v>81</v>
      </c>
      <c r="I15161" s="2">
        <v>1</v>
      </c>
      <c r="J15161" s="2">
        <v>0</v>
      </c>
      <c r="K15161" s="2">
        <v>0</v>
      </c>
      <c r="L15161" t="s">
        <v>120</v>
      </c>
      <c r="M15161" t="s">
        <v>83</v>
      </c>
      <c r="N15161" t="s">
        <v>91</v>
      </c>
      <c r="O15161" t="s">
        <v>85</v>
      </c>
      <c r="P15161" t="s">
        <v>86</v>
      </c>
      <c r="Q15161">
        <v>8</v>
      </c>
      <c r="R15161">
        <v>8</v>
      </c>
      <c r="S15161">
        <v>8</v>
      </c>
      <c r="T15161">
        <v>8</v>
      </c>
      <c r="U15161">
        <v>9</v>
      </c>
      <c r="V15161">
        <v>9</v>
      </c>
      <c r="W15161">
        <v>9</v>
      </c>
      <c r="X15161">
        <v>9</v>
      </c>
      <c r="Y15161">
        <v>9</v>
      </c>
      <c r="Z15161">
        <v>10</v>
      </c>
      <c r="AA15161">
        <v>10</v>
      </c>
      <c r="AB15161">
        <v>10</v>
      </c>
      <c r="AC15161">
        <v>10</v>
      </c>
      <c r="AD15161">
        <v>10</v>
      </c>
      <c r="AE15161">
        <v>11</v>
      </c>
      <c r="AF15161">
        <v>11</v>
      </c>
      <c r="AG15161">
        <v>11</v>
      </c>
      <c r="AH15161">
        <v>11</v>
      </c>
      <c r="AI15161">
        <v>11</v>
      </c>
      <c r="AJ15161">
        <v>12</v>
      </c>
      <c r="AK15161">
        <v>12</v>
      </c>
      <c r="AL15161">
        <v>12</v>
      </c>
      <c r="AM15161">
        <v>12</v>
      </c>
      <c r="AN15161">
        <v>12</v>
      </c>
      <c r="AO15161">
        <v>12</v>
      </c>
      <c r="AP15161">
        <v>13</v>
      </c>
      <c r="AQ15161">
        <v>13</v>
      </c>
    </row>
    <row r="15162" spans="1:43">
      <c r="A15162" t="s">
        <v>9430</v>
      </c>
      <c r="B15162" t="s">
        <v>9431</v>
      </c>
      <c r="C15162" t="s">
        <v>9276</v>
      </c>
      <c r="D15162" t="s">
        <v>9277</v>
      </c>
      <c r="E15162" t="s">
        <v>9202</v>
      </c>
      <c r="F15162" t="s">
        <v>9203</v>
      </c>
      <c r="G15162" t="s">
        <v>80</v>
      </c>
      <c r="H15162" t="s">
        <v>81</v>
      </c>
      <c r="I15162" s="2">
        <v>0.9</v>
      </c>
      <c r="J15162" s="2">
        <v>0.1</v>
      </c>
      <c r="K15162" s="2">
        <v>0</v>
      </c>
      <c r="L15162" t="s">
        <v>120</v>
      </c>
      <c r="M15162" t="s">
        <v>83</v>
      </c>
      <c r="N15162" t="s">
        <v>84</v>
      </c>
      <c r="O15162" t="s">
        <v>85</v>
      </c>
      <c r="P15162" t="s">
        <v>86</v>
      </c>
      <c r="Q15162">
        <v>14</v>
      </c>
      <c r="R15162">
        <v>14</v>
      </c>
      <c r="S15162">
        <v>15</v>
      </c>
      <c r="T15162">
        <v>15</v>
      </c>
      <c r="U15162">
        <v>15</v>
      </c>
      <c r="V15162">
        <v>16</v>
      </c>
      <c r="W15162">
        <v>16</v>
      </c>
      <c r="X15162">
        <v>16</v>
      </c>
      <c r="Y15162">
        <v>17</v>
      </c>
      <c r="Z15162">
        <v>17</v>
      </c>
      <c r="AA15162">
        <v>17</v>
      </c>
      <c r="AB15162">
        <v>18</v>
      </c>
      <c r="AC15162">
        <v>18</v>
      </c>
      <c r="AD15162">
        <v>19</v>
      </c>
      <c r="AE15162">
        <v>19</v>
      </c>
      <c r="AF15162">
        <v>19</v>
      </c>
      <c r="AG15162">
        <v>20</v>
      </c>
      <c r="AH15162">
        <v>20</v>
      </c>
      <c r="AI15162">
        <v>20</v>
      </c>
      <c r="AJ15162">
        <v>21</v>
      </c>
      <c r="AK15162">
        <v>21</v>
      </c>
      <c r="AL15162">
        <v>21</v>
      </c>
      <c r="AM15162">
        <v>22</v>
      </c>
      <c r="AN15162">
        <v>22</v>
      </c>
      <c r="AO15162">
        <v>22</v>
      </c>
      <c r="AP15162">
        <v>22</v>
      </c>
      <c r="AQ15162">
        <v>23</v>
      </c>
    </row>
    <row r="15163" spans="1:43">
      <c r="A15163" t="s">
        <v>9430</v>
      </c>
      <c r="B15163" t="s">
        <v>9431</v>
      </c>
      <c r="C15163" t="s">
        <v>9276</v>
      </c>
      <c r="D15163" t="s">
        <v>9277</v>
      </c>
      <c r="E15163" t="s">
        <v>9202</v>
      </c>
      <c r="F15163" t="s">
        <v>9203</v>
      </c>
      <c r="G15163" t="s">
        <v>80</v>
      </c>
      <c r="H15163" t="s">
        <v>81</v>
      </c>
      <c r="I15163" s="2">
        <v>0.9</v>
      </c>
      <c r="J15163" s="2">
        <v>0.1</v>
      </c>
      <c r="K15163" s="2">
        <v>0</v>
      </c>
      <c r="L15163" t="s">
        <v>120</v>
      </c>
      <c r="M15163" t="s">
        <v>87</v>
      </c>
      <c r="N15163" t="s">
        <v>88</v>
      </c>
      <c r="O15163" t="s">
        <v>85</v>
      </c>
      <c r="P15163" t="s">
        <v>86</v>
      </c>
      <c r="Q15163">
        <v>14</v>
      </c>
      <c r="R15163">
        <v>14</v>
      </c>
      <c r="S15163">
        <v>14</v>
      </c>
      <c r="T15163">
        <v>14</v>
      </c>
      <c r="U15163">
        <v>15</v>
      </c>
      <c r="V15163">
        <v>15</v>
      </c>
      <c r="W15163">
        <v>15</v>
      </c>
      <c r="X15163">
        <v>15</v>
      </c>
      <c r="Y15163">
        <v>15</v>
      </c>
      <c r="Z15163">
        <v>16</v>
      </c>
      <c r="AA15163">
        <v>16</v>
      </c>
      <c r="AB15163">
        <v>16</v>
      </c>
      <c r="AC15163">
        <v>16</v>
      </c>
      <c r="AD15163">
        <v>17</v>
      </c>
      <c r="AE15163">
        <v>17</v>
      </c>
      <c r="AF15163">
        <v>17</v>
      </c>
      <c r="AG15163">
        <v>17</v>
      </c>
      <c r="AH15163">
        <v>17</v>
      </c>
      <c r="AI15163">
        <v>18</v>
      </c>
      <c r="AJ15163">
        <v>18</v>
      </c>
      <c r="AK15163">
        <v>18</v>
      </c>
      <c r="AL15163">
        <v>18</v>
      </c>
      <c r="AM15163">
        <v>19</v>
      </c>
      <c r="AN15163">
        <v>19</v>
      </c>
      <c r="AO15163">
        <v>19</v>
      </c>
      <c r="AP15163">
        <v>19</v>
      </c>
      <c r="AQ15163">
        <v>20</v>
      </c>
    </row>
    <row r="15164" spans="1:43">
      <c r="A15164" t="s">
        <v>9430</v>
      </c>
      <c r="B15164" t="s">
        <v>9431</v>
      </c>
      <c r="C15164" t="s">
        <v>9276</v>
      </c>
      <c r="D15164" t="s">
        <v>9277</v>
      </c>
      <c r="E15164" t="s">
        <v>9202</v>
      </c>
      <c r="F15164" t="s">
        <v>9203</v>
      </c>
      <c r="G15164" t="s">
        <v>80</v>
      </c>
      <c r="H15164" t="s">
        <v>81</v>
      </c>
      <c r="I15164" s="2">
        <v>0.9</v>
      </c>
      <c r="J15164" s="2">
        <v>0.1</v>
      </c>
      <c r="K15164" s="2">
        <v>0</v>
      </c>
      <c r="L15164" t="s">
        <v>120</v>
      </c>
      <c r="M15164" t="s">
        <v>89</v>
      </c>
      <c r="N15164" t="s">
        <v>90</v>
      </c>
      <c r="O15164" t="s">
        <v>85</v>
      </c>
      <c r="P15164" t="s">
        <v>86</v>
      </c>
      <c r="Q15164">
        <v>14</v>
      </c>
      <c r="R15164">
        <v>15</v>
      </c>
      <c r="S15164">
        <v>15</v>
      </c>
      <c r="T15164">
        <v>15</v>
      </c>
      <c r="U15164">
        <v>16</v>
      </c>
      <c r="V15164">
        <v>16</v>
      </c>
      <c r="W15164">
        <v>17</v>
      </c>
      <c r="X15164">
        <v>17</v>
      </c>
      <c r="Y15164">
        <v>18</v>
      </c>
      <c r="Z15164">
        <v>18</v>
      </c>
      <c r="AA15164">
        <v>19</v>
      </c>
      <c r="AB15164">
        <v>19</v>
      </c>
      <c r="AC15164">
        <v>19</v>
      </c>
      <c r="AD15164">
        <v>20</v>
      </c>
      <c r="AE15164">
        <v>20</v>
      </c>
      <c r="AF15164">
        <v>20</v>
      </c>
      <c r="AG15164">
        <v>21</v>
      </c>
      <c r="AH15164">
        <v>21</v>
      </c>
      <c r="AI15164">
        <v>21</v>
      </c>
      <c r="AJ15164">
        <v>21</v>
      </c>
      <c r="AK15164">
        <v>21</v>
      </c>
      <c r="AL15164">
        <v>22</v>
      </c>
      <c r="AM15164">
        <v>22</v>
      </c>
      <c r="AN15164">
        <v>22</v>
      </c>
      <c r="AO15164">
        <v>22</v>
      </c>
      <c r="AP15164">
        <v>22</v>
      </c>
      <c r="AQ15164">
        <v>23</v>
      </c>
    </row>
    <row r="15165" spans="1:43">
      <c r="A15165" t="s">
        <v>9430</v>
      </c>
      <c r="B15165" t="s">
        <v>9431</v>
      </c>
      <c r="C15165" t="s">
        <v>9276</v>
      </c>
      <c r="D15165" t="s">
        <v>9277</v>
      </c>
      <c r="E15165" t="s">
        <v>9202</v>
      </c>
      <c r="F15165" t="s">
        <v>9203</v>
      </c>
      <c r="G15165" t="s">
        <v>80</v>
      </c>
      <c r="H15165" t="s">
        <v>81</v>
      </c>
      <c r="I15165" s="2">
        <v>0.9</v>
      </c>
      <c r="J15165" s="2">
        <v>0.1</v>
      </c>
      <c r="K15165" s="2">
        <v>0</v>
      </c>
      <c r="L15165" t="s">
        <v>120</v>
      </c>
      <c r="M15165" t="s">
        <v>83</v>
      </c>
      <c r="N15165" t="s">
        <v>91</v>
      </c>
      <c r="O15165" t="s">
        <v>85</v>
      </c>
      <c r="P15165" t="s">
        <v>86</v>
      </c>
      <c r="Q15165">
        <v>14</v>
      </c>
      <c r="R15165">
        <v>14</v>
      </c>
      <c r="S15165">
        <v>15</v>
      </c>
      <c r="T15165">
        <v>15</v>
      </c>
      <c r="U15165">
        <v>15</v>
      </c>
      <c r="V15165">
        <v>16</v>
      </c>
      <c r="W15165">
        <v>16</v>
      </c>
      <c r="X15165">
        <v>16</v>
      </c>
      <c r="Y15165">
        <v>17</v>
      </c>
      <c r="Z15165">
        <v>17</v>
      </c>
      <c r="AA15165">
        <v>17</v>
      </c>
      <c r="AB15165">
        <v>18</v>
      </c>
      <c r="AC15165">
        <v>18</v>
      </c>
      <c r="AD15165">
        <v>19</v>
      </c>
      <c r="AE15165">
        <v>19</v>
      </c>
      <c r="AF15165">
        <v>19</v>
      </c>
      <c r="AG15165">
        <v>20</v>
      </c>
      <c r="AH15165">
        <v>20</v>
      </c>
      <c r="AI15165">
        <v>20</v>
      </c>
      <c r="AJ15165">
        <v>21</v>
      </c>
      <c r="AK15165">
        <v>21</v>
      </c>
      <c r="AL15165">
        <v>21</v>
      </c>
      <c r="AM15165">
        <v>22</v>
      </c>
      <c r="AN15165">
        <v>22</v>
      </c>
      <c r="AO15165">
        <v>22</v>
      </c>
      <c r="AP15165">
        <v>22</v>
      </c>
      <c r="AQ15165">
        <v>23</v>
      </c>
    </row>
    <row r="15166" spans="1:43">
      <c r="A15166" t="s">
        <v>9432</v>
      </c>
      <c r="B15166" t="s">
        <v>9433</v>
      </c>
      <c r="C15166" t="s">
        <v>9290</v>
      </c>
      <c r="D15166" t="s">
        <v>9291</v>
      </c>
      <c r="E15166" t="s">
        <v>9202</v>
      </c>
      <c r="F15166" t="s">
        <v>9203</v>
      </c>
      <c r="G15166" t="s">
        <v>80</v>
      </c>
      <c r="H15166" t="s">
        <v>81</v>
      </c>
      <c r="I15166" s="2">
        <v>1</v>
      </c>
      <c r="J15166" s="2">
        <v>0</v>
      </c>
      <c r="K15166" s="2">
        <v>0</v>
      </c>
      <c r="L15166" t="s">
        <v>120</v>
      </c>
      <c r="M15166" t="s">
        <v>83</v>
      </c>
      <c r="N15166" t="s">
        <v>84</v>
      </c>
      <c r="O15166" t="s">
        <v>85</v>
      </c>
      <c r="P15166" t="s">
        <v>86</v>
      </c>
      <c r="Q15166">
        <v>27</v>
      </c>
      <c r="R15166">
        <v>28</v>
      </c>
      <c r="S15166">
        <v>29</v>
      </c>
      <c r="T15166">
        <v>29</v>
      </c>
      <c r="U15166">
        <v>30</v>
      </c>
      <c r="V15166">
        <v>31</v>
      </c>
      <c r="W15166">
        <v>31</v>
      </c>
      <c r="X15166">
        <v>32</v>
      </c>
      <c r="Y15166">
        <v>33</v>
      </c>
      <c r="Z15166">
        <v>34</v>
      </c>
      <c r="AA15166">
        <v>34</v>
      </c>
      <c r="AB15166">
        <v>35</v>
      </c>
      <c r="AC15166">
        <v>36</v>
      </c>
      <c r="AD15166">
        <v>36</v>
      </c>
      <c r="AE15166">
        <v>37</v>
      </c>
      <c r="AF15166">
        <v>38</v>
      </c>
      <c r="AG15166">
        <v>39</v>
      </c>
      <c r="AH15166">
        <v>39</v>
      </c>
      <c r="AI15166">
        <v>40</v>
      </c>
      <c r="AJ15166">
        <v>41</v>
      </c>
      <c r="AK15166">
        <v>42</v>
      </c>
      <c r="AL15166">
        <v>42</v>
      </c>
      <c r="AM15166">
        <v>43</v>
      </c>
      <c r="AN15166">
        <v>43</v>
      </c>
      <c r="AO15166">
        <v>43</v>
      </c>
      <c r="AP15166">
        <v>44</v>
      </c>
      <c r="AQ15166">
        <v>44</v>
      </c>
    </row>
    <row r="15167" spans="1:43">
      <c r="A15167" t="s">
        <v>9432</v>
      </c>
      <c r="B15167" t="s">
        <v>9433</v>
      </c>
      <c r="C15167" t="s">
        <v>9290</v>
      </c>
      <c r="D15167" t="s">
        <v>9291</v>
      </c>
      <c r="E15167" t="s">
        <v>9202</v>
      </c>
      <c r="F15167" t="s">
        <v>9203</v>
      </c>
      <c r="G15167" t="s">
        <v>80</v>
      </c>
      <c r="H15167" t="s">
        <v>81</v>
      </c>
      <c r="I15167" s="2">
        <v>1</v>
      </c>
      <c r="J15167" s="2">
        <v>0</v>
      </c>
      <c r="K15167" s="2">
        <v>0</v>
      </c>
      <c r="L15167" t="s">
        <v>120</v>
      </c>
      <c r="M15167" t="s">
        <v>87</v>
      </c>
      <c r="N15167" t="s">
        <v>88</v>
      </c>
      <c r="O15167" t="s">
        <v>85</v>
      </c>
      <c r="P15167" t="s">
        <v>86</v>
      </c>
      <c r="Q15167">
        <v>27</v>
      </c>
      <c r="R15167">
        <v>28</v>
      </c>
      <c r="S15167">
        <v>28</v>
      </c>
      <c r="T15167">
        <v>28</v>
      </c>
      <c r="U15167">
        <v>29</v>
      </c>
      <c r="V15167">
        <v>29</v>
      </c>
      <c r="W15167">
        <v>30</v>
      </c>
      <c r="X15167">
        <v>30</v>
      </c>
      <c r="Y15167">
        <v>30</v>
      </c>
      <c r="Z15167">
        <v>31</v>
      </c>
      <c r="AA15167">
        <v>31</v>
      </c>
      <c r="AB15167">
        <v>32</v>
      </c>
      <c r="AC15167">
        <v>32</v>
      </c>
      <c r="AD15167">
        <v>32</v>
      </c>
      <c r="AE15167">
        <v>33</v>
      </c>
      <c r="AF15167">
        <v>33</v>
      </c>
      <c r="AG15167">
        <v>34</v>
      </c>
      <c r="AH15167">
        <v>34</v>
      </c>
      <c r="AI15167">
        <v>35</v>
      </c>
      <c r="AJ15167">
        <v>35</v>
      </c>
      <c r="AK15167">
        <v>36</v>
      </c>
      <c r="AL15167">
        <v>36</v>
      </c>
      <c r="AM15167">
        <v>36</v>
      </c>
      <c r="AN15167">
        <v>37</v>
      </c>
      <c r="AO15167">
        <v>37</v>
      </c>
      <c r="AP15167">
        <v>38</v>
      </c>
      <c r="AQ15167">
        <v>38</v>
      </c>
    </row>
    <row r="15168" spans="1:43">
      <c r="A15168" t="s">
        <v>9432</v>
      </c>
      <c r="B15168" t="s">
        <v>9433</v>
      </c>
      <c r="C15168" t="s">
        <v>9290</v>
      </c>
      <c r="D15168" t="s">
        <v>9291</v>
      </c>
      <c r="E15168" t="s">
        <v>9202</v>
      </c>
      <c r="F15168" t="s">
        <v>9203</v>
      </c>
      <c r="G15168" t="s">
        <v>80</v>
      </c>
      <c r="H15168" t="s">
        <v>81</v>
      </c>
      <c r="I15168" s="2">
        <v>1</v>
      </c>
      <c r="J15168" s="2">
        <v>0</v>
      </c>
      <c r="K15168" s="2">
        <v>0</v>
      </c>
      <c r="L15168" t="s">
        <v>120</v>
      </c>
      <c r="M15168" t="s">
        <v>89</v>
      </c>
      <c r="N15168" t="s">
        <v>90</v>
      </c>
      <c r="O15168" t="s">
        <v>85</v>
      </c>
      <c r="P15168" t="s">
        <v>86</v>
      </c>
      <c r="Q15168">
        <v>27</v>
      </c>
      <c r="R15168">
        <v>28</v>
      </c>
      <c r="S15168">
        <v>28</v>
      </c>
      <c r="T15168">
        <v>29</v>
      </c>
      <c r="U15168">
        <v>30</v>
      </c>
      <c r="V15168">
        <v>31</v>
      </c>
      <c r="W15168">
        <v>32</v>
      </c>
      <c r="X15168">
        <v>33</v>
      </c>
      <c r="Y15168">
        <v>34</v>
      </c>
      <c r="Z15168">
        <v>35</v>
      </c>
      <c r="AA15168">
        <v>35</v>
      </c>
      <c r="AB15168">
        <v>36</v>
      </c>
      <c r="AC15168">
        <v>37</v>
      </c>
      <c r="AD15168">
        <v>38</v>
      </c>
      <c r="AE15168">
        <v>39</v>
      </c>
      <c r="AF15168">
        <v>39</v>
      </c>
      <c r="AG15168">
        <v>40</v>
      </c>
      <c r="AH15168">
        <v>40</v>
      </c>
      <c r="AI15168">
        <v>40</v>
      </c>
      <c r="AJ15168">
        <v>41</v>
      </c>
      <c r="AK15168">
        <v>41</v>
      </c>
      <c r="AL15168">
        <v>42</v>
      </c>
      <c r="AM15168">
        <v>42</v>
      </c>
      <c r="AN15168">
        <v>42</v>
      </c>
      <c r="AO15168">
        <v>43</v>
      </c>
      <c r="AP15168">
        <v>43</v>
      </c>
      <c r="AQ15168">
        <v>44</v>
      </c>
    </row>
    <row r="15169" spans="1:43">
      <c r="A15169" t="s">
        <v>9432</v>
      </c>
      <c r="B15169" t="s">
        <v>9433</v>
      </c>
      <c r="C15169" t="s">
        <v>9290</v>
      </c>
      <c r="D15169" t="s">
        <v>9291</v>
      </c>
      <c r="E15169" t="s">
        <v>9202</v>
      </c>
      <c r="F15169" t="s">
        <v>9203</v>
      </c>
      <c r="G15169" t="s">
        <v>80</v>
      </c>
      <c r="H15169" t="s">
        <v>81</v>
      </c>
      <c r="I15169" s="2">
        <v>1</v>
      </c>
      <c r="J15169" s="2">
        <v>0</v>
      </c>
      <c r="K15169" s="2">
        <v>0</v>
      </c>
      <c r="L15169" t="s">
        <v>120</v>
      </c>
      <c r="M15169" t="s">
        <v>83</v>
      </c>
      <c r="N15169" t="s">
        <v>91</v>
      </c>
      <c r="O15169" t="s">
        <v>85</v>
      </c>
      <c r="P15169" t="s">
        <v>86</v>
      </c>
      <c r="Q15169">
        <v>27</v>
      </c>
      <c r="R15169">
        <v>28</v>
      </c>
      <c r="S15169">
        <v>29</v>
      </c>
      <c r="T15169">
        <v>29</v>
      </c>
      <c r="U15169">
        <v>30</v>
      </c>
      <c r="V15169">
        <v>31</v>
      </c>
      <c r="W15169">
        <v>31</v>
      </c>
      <c r="X15169">
        <v>32</v>
      </c>
      <c r="Y15169">
        <v>33</v>
      </c>
      <c r="Z15169">
        <v>34</v>
      </c>
      <c r="AA15169">
        <v>34</v>
      </c>
      <c r="AB15169">
        <v>35</v>
      </c>
      <c r="AC15169">
        <v>36</v>
      </c>
      <c r="AD15169">
        <v>36</v>
      </c>
      <c r="AE15169">
        <v>37</v>
      </c>
      <c r="AF15169">
        <v>38</v>
      </c>
      <c r="AG15169">
        <v>39</v>
      </c>
      <c r="AH15169">
        <v>39</v>
      </c>
      <c r="AI15169">
        <v>40</v>
      </c>
      <c r="AJ15169">
        <v>41</v>
      </c>
      <c r="AK15169">
        <v>42</v>
      </c>
      <c r="AL15169">
        <v>42</v>
      </c>
      <c r="AM15169">
        <v>43</v>
      </c>
      <c r="AN15169">
        <v>43</v>
      </c>
      <c r="AO15169">
        <v>43</v>
      </c>
      <c r="AP15169">
        <v>44</v>
      </c>
      <c r="AQ15169">
        <v>44</v>
      </c>
    </row>
    <row r="15170" spans="1:43">
      <c r="A15170" t="s">
        <v>9434</v>
      </c>
      <c r="B15170" t="s">
        <v>9435</v>
      </c>
      <c r="C15170" t="s">
        <v>9244</v>
      </c>
      <c r="D15170" t="s">
        <v>9245</v>
      </c>
      <c r="E15170" t="s">
        <v>9202</v>
      </c>
      <c r="F15170" t="s">
        <v>9203</v>
      </c>
      <c r="G15170" t="s">
        <v>80</v>
      </c>
      <c r="H15170" t="s">
        <v>81</v>
      </c>
      <c r="I15170" s="2">
        <v>0.7</v>
      </c>
      <c r="J15170" s="2">
        <v>0.3</v>
      </c>
      <c r="K15170" s="2">
        <v>0</v>
      </c>
      <c r="L15170" t="s">
        <v>120</v>
      </c>
      <c r="M15170" t="s">
        <v>83</v>
      </c>
      <c r="N15170" t="s">
        <v>84</v>
      </c>
      <c r="O15170" t="s">
        <v>85</v>
      </c>
      <c r="P15170" t="s">
        <v>86</v>
      </c>
      <c r="Q15170">
        <v>67</v>
      </c>
      <c r="R15170">
        <v>69</v>
      </c>
      <c r="S15170">
        <v>71</v>
      </c>
      <c r="T15170">
        <v>72</v>
      </c>
      <c r="U15170">
        <v>74</v>
      </c>
      <c r="V15170">
        <v>76</v>
      </c>
      <c r="W15170">
        <v>77</v>
      </c>
      <c r="X15170">
        <v>79</v>
      </c>
      <c r="Y15170">
        <v>81</v>
      </c>
      <c r="Z15170">
        <v>82</v>
      </c>
      <c r="AA15170">
        <v>84</v>
      </c>
      <c r="AB15170">
        <v>86</v>
      </c>
      <c r="AC15170">
        <v>88</v>
      </c>
      <c r="AD15170">
        <v>89</v>
      </c>
      <c r="AE15170">
        <v>91</v>
      </c>
      <c r="AF15170">
        <v>93</v>
      </c>
      <c r="AG15170">
        <v>95</v>
      </c>
      <c r="AH15170">
        <v>97</v>
      </c>
      <c r="AI15170">
        <v>99</v>
      </c>
      <c r="AJ15170">
        <v>101</v>
      </c>
      <c r="AK15170">
        <v>102</v>
      </c>
      <c r="AL15170">
        <v>104</v>
      </c>
      <c r="AM15170">
        <v>105</v>
      </c>
      <c r="AN15170">
        <v>106</v>
      </c>
      <c r="AO15170">
        <v>107</v>
      </c>
      <c r="AP15170">
        <v>108</v>
      </c>
      <c r="AQ15170">
        <v>109</v>
      </c>
    </row>
    <row r="15171" spans="1:43">
      <c r="A15171" t="s">
        <v>9434</v>
      </c>
      <c r="B15171" t="s">
        <v>9435</v>
      </c>
      <c r="C15171" t="s">
        <v>9244</v>
      </c>
      <c r="D15171" t="s">
        <v>9245</v>
      </c>
      <c r="E15171" t="s">
        <v>9202</v>
      </c>
      <c r="F15171" t="s">
        <v>9203</v>
      </c>
      <c r="G15171" t="s">
        <v>80</v>
      </c>
      <c r="H15171" t="s">
        <v>81</v>
      </c>
      <c r="I15171" s="2">
        <v>0.7</v>
      </c>
      <c r="J15171" s="2">
        <v>0.3</v>
      </c>
      <c r="K15171" s="2">
        <v>0</v>
      </c>
      <c r="L15171" t="s">
        <v>120</v>
      </c>
      <c r="M15171" t="s">
        <v>87</v>
      </c>
      <c r="N15171" t="s">
        <v>88</v>
      </c>
      <c r="O15171" t="s">
        <v>85</v>
      </c>
      <c r="P15171" t="s">
        <v>86</v>
      </c>
      <c r="Q15171">
        <v>67</v>
      </c>
      <c r="R15171">
        <v>68</v>
      </c>
      <c r="S15171">
        <v>69</v>
      </c>
      <c r="T15171">
        <v>70</v>
      </c>
      <c r="U15171">
        <v>71</v>
      </c>
      <c r="V15171">
        <v>72</v>
      </c>
      <c r="W15171">
        <v>73</v>
      </c>
      <c r="X15171">
        <v>74</v>
      </c>
      <c r="Y15171">
        <v>75</v>
      </c>
      <c r="Z15171">
        <v>76</v>
      </c>
      <c r="AA15171">
        <v>77</v>
      </c>
      <c r="AB15171">
        <v>78</v>
      </c>
      <c r="AC15171">
        <v>79</v>
      </c>
      <c r="AD15171">
        <v>80</v>
      </c>
      <c r="AE15171">
        <v>81</v>
      </c>
      <c r="AF15171">
        <v>82</v>
      </c>
      <c r="AG15171">
        <v>83</v>
      </c>
      <c r="AH15171">
        <v>84</v>
      </c>
      <c r="AI15171">
        <v>85</v>
      </c>
      <c r="AJ15171">
        <v>86</v>
      </c>
      <c r="AK15171">
        <v>87</v>
      </c>
      <c r="AL15171">
        <v>88</v>
      </c>
      <c r="AM15171">
        <v>90</v>
      </c>
      <c r="AN15171">
        <v>91</v>
      </c>
      <c r="AO15171">
        <v>92</v>
      </c>
      <c r="AP15171">
        <v>93</v>
      </c>
      <c r="AQ15171">
        <v>94</v>
      </c>
    </row>
    <row r="15172" spans="1:43">
      <c r="A15172" t="s">
        <v>9434</v>
      </c>
      <c r="B15172" t="s">
        <v>9435</v>
      </c>
      <c r="C15172" t="s">
        <v>9244</v>
      </c>
      <c r="D15172" t="s">
        <v>9245</v>
      </c>
      <c r="E15172" t="s">
        <v>9202</v>
      </c>
      <c r="F15172" t="s">
        <v>9203</v>
      </c>
      <c r="G15172" t="s">
        <v>80</v>
      </c>
      <c r="H15172" t="s">
        <v>81</v>
      </c>
      <c r="I15172" s="2">
        <v>0.7</v>
      </c>
      <c r="J15172" s="2">
        <v>0.3</v>
      </c>
      <c r="K15172" s="2">
        <v>0</v>
      </c>
      <c r="L15172" t="s">
        <v>120</v>
      </c>
      <c r="M15172" t="s">
        <v>89</v>
      </c>
      <c r="N15172" t="s">
        <v>90</v>
      </c>
      <c r="O15172" t="s">
        <v>85</v>
      </c>
      <c r="P15172" t="s">
        <v>86</v>
      </c>
      <c r="Q15172">
        <v>67</v>
      </c>
      <c r="R15172">
        <v>69</v>
      </c>
      <c r="S15172">
        <v>71</v>
      </c>
      <c r="T15172">
        <v>74</v>
      </c>
      <c r="U15172">
        <v>76</v>
      </c>
      <c r="V15172">
        <v>78</v>
      </c>
      <c r="W15172">
        <v>80</v>
      </c>
      <c r="X15172">
        <v>82</v>
      </c>
      <c r="Y15172">
        <v>84</v>
      </c>
      <c r="Z15172">
        <v>86</v>
      </c>
      <c r="AA15172">
        <v>89</v>
      </c>
      <c r="AB15172">
        <v>91</v>
      </c>
      <c r="AC15172">
        <v>93</v>
      </c>
      <c r="AD15172">
        <v>95</v>
      </c>
      <c r="AE15172">
        <v>97</v>
      </c>
      <c r="AF15172">
        <v>98</v>
      </c>
      <c r="AG15172">
        <v>99</v>
      </c>
      <c r="AH15172">
        <v>100</v>
      </c>
      <c r="AI15172">
        <v>101</v>
      </c>
      <c r="AJ15172">
        <v>102</v>
      </c>
      <c r="AK15172">
        <v>103</v>
      </c>
      <c r="AL15172">
        <v>104</v>
      </c>
      <c r="AM15172">
        <v>105</v>
      </c>
      <c r="AN15172">
        <v>105</v>
      </c>
      <c r="AO15172">
        <v>106</v>
      </c>
      <c r="AP15172">
        <v>107</v>
      </c>
      <c r="AQ15172">
        <v>108</v>
      </c>
    </row>
    <row r="15173" spans="1:43">
      <c r="A15173" t="s">
        <v>9434</v>
      </c>
      <c r="B15173" t="s">
        <v>9435</v>
      </c>
      <c r="C15173" t="s">
        <v>9244</v>
      </c>
      <c r="D15173" t="s">
        <v>9245</v>
      </c>
      <c r="E15173" t="s">
        <v>9202</v>
      </c>
      <c r="F15173" t="s">
        <v>9203</v>
      </c>
      <c r="G15173" t="s">
        <v>80</v>
      </c>
      <c r="H15173" t="s">
        <v>81</v>
      </c>
      <c r="I15173" s="2">
        <v>0.7</v>
      </c>
      <c r="J15173" s="2">
        <v>0.3</v>
      </c>
      <c r="K15173" s="2">
        <v>0</v>
      </c>
      <c r="L15173" t="s">
        <v>120</v>
      </c>
      <c r="M15173" t="s">
        <v>83</v>
      </c>
      <c r="N15173" t="s">
        <v>91</v>
      </c>
      <c r="O15173" t="s">
        <v>85</v>
      </c>
      <c r="P15173" t="s">
        <v>86</v>
      </c>
      <c r="Q15173">
        <v>67</v>
      </c>
      <c r="R15173">
        <v>69</v>
      </c>
      <c r="S15173">
        <v>71</v>
      </c>
      <c r="T15173">
        <v>72</v>
      </c>
      <c r="U15173">
        <v>74</v>
      </c>
      <c r="V15173">
        <v>76</v>
      </c>
      <c r="W15173">
        <v>77</v>
      </c>
      <c r="X15173">
        <v>79</v>
      </c>
      <c r="Y15173">
        <v>81</v>
      </c>
      <c r="Z15173">
        <v>82</v>
      </c>
      <c r="AA15173">
        <v>84</v>
      </c>
      <c r="AB15173">
        <v>86</v>
      </c>
      <c r="AC15173">
        <v>88</v>
      </c>
      <c r="AD15173">
        <v>89</v>
      </c>
      <c r="AE15173">
        <v>91</v>
      </c>
      <c r="AF15173">
        <v>93</v>
      </c>
      <c r="AG15173">
        <v>95</v>
      </c>
      <c r="AH15173">
        <v>97</v>
      </c>
      <c r="AI15173">
        <v>99</v>
      </c>
      <c r="AJ15173">
        <v>101</v>
      </c>
      <c r="AK15173">
        <v>102</v>
      </c>
      <c r="AL15173">
        <v>104</v>
      </c>
      <c r="AM15173">
        <v>105</v>
      </c>
      <c r="AN15173">
        <v>106</v>
      </c>
      <c r="AO15173">
        <v>107</v>
      </c>
      <c r="AP15173">
        <v>108</v>
      </c>
      <c r="AQ15173">
        <v>109</v>
      </c>
    </row>
    <row r="15174" spans="1:43">
      <c r="A15174" t="s">
        <v>9436</v>
      </c>
      <c r="B15174" t="s">
        <v>9437</v>
      </c>
      <c r="C15174" t="s">
        <v>9244</v>
      </c>
      <c r="D15174" t="s">
        <v>9245</v>
      </c>
      <c r="E15174" t="s">
        <v>9202</v>
      </c>
      <c r="F15174" t="s">
        <v>9203</v>
      </c>
      <c r="G15174" t="s">
        <v>80</v>
      </c>
      <c r="H15174" t="s">
        <v>81</v>
      </c>
      <c r="I15174" s="2">
        <v>0</v>
      </c>
      <c r="J15174" s="2">
        <v>1</v>
      </c>
      <c r="K15174" s="2">
        <v>0</v>
      </c>
      <c r="L15174" t="s">
        <v>82</v>
      </c>
      <c r="M15174" t="s">
        <v>83</v>
      </c>
      <c r="N15174" t="s">
        <v>84</v>
      </c>
      <c r="O15174" t="s">
        <v>85</v>
      </c>
      <c r="P15174" t="s">
        <v>86</v>
      </c>
      <c r="Q15174">
        <v>20</v>
      </c>
      <c r="R15174">
        <v>20</v>
      </c>
      <c r="S15174">
        <v>21</v>
      </c>
      <c r="T15174">
        <v>21</v>
      </c>
      <c r="U15174">
        <v>21</v>
      </c>
      <c r="V15174">
        <v>22</v>
      </c>
      <c r="W15174">
        <v>22</v>
      </c>
      <c r="X15174">
        <v>23</v>
      </c>
      <c r="Y15174">
        <v>23</v>
      </c>
      <c r="Z15174">
        <v>24</v>
      </c>
      <c r="AA15174">
        <v>24</v>
      </c>
      <c r="AB15174">
        <v>25</v>
      </c>
      <c r="AC15174">
        <v>26</v>
      </c>
      <c r="AD15174">
        <v>26</v>
      </c>
      <c r="AE15174">
        <v>27</v>
      </c>
      <c r="AF15174">
        <v>27</v>
      </c>
      <c r="AG15174">
        <v>28</v>
      </c>
      <c r="AH15174">
        <v>28</v>
      </c>
      <c r="AI15174">
        <v>29</v>
      </c>
      <c r="AJ15174">
        <v>29</v>
      </c>
      <c r="AK15174">
        <v>30</v>
      </c>
      <c r="AL15174">
        <v>30</v>
      </c>
      <c r="AM15174">
        <v>31</v>
      </c>
      <c r="AN15174">
        <v>31</v>
      </c>
      <c r="AO15174">
        <v>31</v>
      </c>
      <c r="AP15174">
        <v>31</v>
      </c>
      <c r="AQ15174">
        <v>32</v>
      </c>
    </row>
    <row r="15175" spans="1:43">
      <c r="A15175" t="s">
        <v>9436</v>
      </c>
      <c r="B15175" t="s">
        <v>9437</v>
      </c>
      <c r="C15175" t="s">
        <v>9244</v>
      </c>
      <c r="D15175" t="s">
        <v>9245</v>
      </c>
      <c r="E15175" t="s">
        <v>9202</v>
      </c>
      <c r="F15175" t="s">
        <v>9203</v>
      </c>
      <c r="G15175" t="s">
        <v>80</v>
      </c>
      <c r="H15175" t="s">
        <v>81</v>
      </c>
      <c r="I15175" s="2">
        <v>0</v>
      </c>
      <c r="J15175" s="2">
        <v>1</v>
      </c>
      <c r="K15175" s="2">
        <v>0</v>
      </c>
      <c r="L15175" t="s">
        <v>82</v>
      </c>
      <c r="M15175" t="s">
        <v>87</v>
      </c>
      <c r="N15175" t="s">
        <v>88</v>
      </c>
      <c r="O15175" t="s">
        <v>85</v>
      </c>
      <c r="P15175" t="s">
        <v>86</v>
      </c>
      <c r="Q15175">
        <v>20</v>
      </c>
      <c r="R15175">
        <v>21</v>
      </c>
      <c r="S15175">
        <v>21</v>
      </c>
      <c r="T15175">
        <v>21</v>
      </c>
      <c r="U15175">
        <v>22</v>
      </c>
      <c r="V15175">
        <v>22</v>
      </c>
      <c r="W15175">
        <v>22</v>
      </c>
      <c r="X15175">
        <v>22</v>
      </c>
      <c r="Y15175">
        <v>23</v>
      </c>
      <c r="Z15175">
        <v>23</v>
      </c>
      <c r="AA15175">
        <v>23</v>
      </c>
      <c r="AB15175">
        <v>24</v>
      </c>
      <c r="AC15175">
        <v>24</v>
      </c>
      <c r="AD15175">
        <v>24</v>
      </c>
      <c r="AE15175">
        <v>25</v>
      </c>
      <c r="AF15175">
        <v>25</v>
      </c>
      <c r="AG15175">
        <v>25</v>
      </c>
      <c r="AH15175">
        <v>25</v>
      </c>
      <c r="AI15175">
        <v>26</v>
      </c>
      <c r="AJ15175">
        <v>26</v>
      </c>
      <c r="AK15175">
        <v>26</v>
      </c>
      <c r="AL15175">
        <v>27</v>
      </c>
      <c r="AM15175">
        <v>27</v>
      </c>
      <c r="AN15175">
        <v>27</v>
      </c>
      <c r="AO15175">
        <v>28</v>
      </c>
      <c r="AP15175">
        <v>28</v>
      </c>
      <c r="AQ15175">
        <v>28</v>
      </c>
    </row>
    <row r="15176" spans="1:43">
      <c r="A15176" t="s">
        <v>9436</v>
      </c>
      <c r="B15176" t="s">
        <v>9437</v>
      </c>
      <c r="C15176" t="s">
        <v>9244</v>
      </c>
      <c r="D15176" t="s">
        <v>9245</v>
      </c>
      <c r="E15176" t="s">
        <v>9202</v>
      </c>
      <c r="F15176" t="s">
        <v>9203</v>
      </c>
      <c r="G15176" t="s">
        <v>80</v>
      </c>
      <c r="H15176" t="s">
        <v>81</v>
      </c>
      <c r="I15176" s="2">
        <v>0</v>
      </c>
      <c r="J15176" s="2">
        <v>1</v>
      </c>
      <c r="K15176" s="2">
        <v>0</v>
      </c>
      <c r="L15176" t="s">
        <v>82</v>
      </c>
      <c r="M15176" t="s">
        <v>89</v>
      </c>
      <c r="N15176" t="s">
        <v>90</v>
      </c>
      <c r="O15176" t="s">
        <v>85</v>
      </c>
      <c r="P15176" t="s">
        <v>86</v>
      </c>
      <c r="Q15176">
        <v>20</v>
      </c>
      <c r="R15176">
        <v>20</v>
      </c>
      <c r="S15176">
        <v>21</v>
      </c>
      <c r="T15176">
        <v>22</v>
      </c>
      <c r="U15176">
        <v>22</v>
      </c>
      <c r="V15176">
        <v>23</v>
      </c>
      <c r="W15176">
        <v>24</v>
      </c>
      <c r="X15176">
        <v>24</v>
      </c>
      <c r="Y15176">
        <v>25</v>
      </c>
      <c r="Z15176">
        <v>25</v>
      </c>
      <c r="AA15176">
        <v>26</v>
      </c>
      <c r="AB15176">
        <v>27</v>
      </c>
      <c r="AC15176">
        <v>27</v>
      </c>
      <c r="AD15176">
        <v>28</v>
      </c>
      <c r="AE15176">
        <v>29</v>
      </c>
      <c r="AF15176">
        <v>29</v>
      </c>
      <c r="AG15176">
        <v>29</v>
      </c>
      <c r="AH15176">
        <v>29</v>
      </c>
      <c r="AI15176">
        <v>30</v>
      </c>
      <c r="AJ15176">
        <v>30</v>
      </c>
      <c r="AK15176">
        <v>30</v>
      </c>
      <c r="AL15176">
        <v>31</v>
      </c>
      <c r="AM15176">
        <v>31</v>
      </c>
      <c r="AN15176">
        <v>31</v>
      </c>
      <c r="AO15176">
        <v>31</v>
      </c>
      <c r="AP15176">
        <v>32</v>
      </c>
      <c r="AQ15176">
        <v>32</v>
      </c>
    </row>
    <row r="15177" spans="1:43">
      <c r="A15177" t="s">
        <v>9436</v>
      </c>
      <c r="B15177" t="s">
        <v>9437</v>
      </c>
      <c r="C15177" t="s">
        <v>9244</v>
      </c>
      <c r="D15177" t="s">
        <v>9245</v>
      </c>
      <c r="E15177" t="s">
        <v>9202</v>
      </c>
      <c r="F15177" t="s">
        <v>9203</v>
      </c>
      <c r="G15177" t="s">
        <v>80</v>
      </c>
      <c r="H15177" t="s">
        <v>81</v>
      </c>
      <c r="I15177" s="2">
        <v>0</v>
      </c>
      <c r="J15177" s="2">
        <v>1</v>
      </c>
      <c r="K15177" s="2">
        <v>0</v>
      </c>
      <c r="L15177" t="s">
        <v>82</v>
      </c>
      <c r="M15177" t="s">
        <v>83</v>
      </c>
      <c r="N15177" t="s">
        <v>91</v>
      </c>
      <c r="O15177" t="s">
        <v>85</v>
      </c>
      <c r="P15177" t="s">
        <v>86</v>
      </c>
      <c r="Q15177">
        <v>20</v>
      </c>
      <c r="R15177">
        <v>20</v>
      </c>
      <c r="S15177">
        <v>21</v>
      </c>
      <c r="T15177">
        <v>21</v>
      </c>
      <c r="U15177">
        <v>21</v>
      </c>
      <c r="V15177">
        <v>22</v>
      </c>
      <c r="W15177">
        <v>22</v>
      </c>
      <c r="X15177">
        <v>23</v>
      </c>
      <c r="Y15177">
        <v>23</v>
      </c>
      <c r="Z15177">
        <v>24</v>
      </c>
      <c r="AA15177">
        <v>24</v>
      </c>
      <c r="AB15177">
        <v>25</v>
      </c>
      <c r="AC15177">
        <v>26</v>
      </c>
      <c r="AD15177">
        <v>26</v>
      </c>
      <c r="AE15177">
        <v>27</v>
      </c>
      <c r="AF15177">
        <v>27</v>
      </c>
      <c r="AG15177">
        <v>28</v>
      </c>
      <c r="AH15177">
        <v>28</v>
      </c>
      <c r="AI15177">
        <v>29</v>
      </c>
      <c r="AJ15177">
        <v>29</v>
      </c>
      <c r="AK15177">
        <v>30</v>
      </c>
      <c r="AL15177">
        <v>30</v>
      </c>
      <c r="AM15177">
        <v>31</v>
      </c>
      <c r="AN15177">
        <v>31</v>
      </c>
      <c r="AO15177">
        <v>31</v>
      </c>
      <c r="AP15177">
        <v>31</v>
      </c>
      <c r="AQ15177">
        <v>32</v>
      </c>
    </row>
    <row r="15178" spans="1:43">
      <c r="A15178" t="s">
        <v>9438</v>
      </c>
      <c r="B15178" t="s">
        <v>9439</v>
      </c>
      <c r="C15178" t="s">
        <v>9304</v>
      </c>
      <c r="D15178" t="s">
        <v>9305</v>
      </c>
      <c r="E15178" t="s">
        <v>9202</v>
      </c>
      <c r="F15178" t="s">
        <v>9203</v>
      </c>
      <c r="G15178" t="s">
        <v>80</v>
      </c>
      <c r="H15178" t="s">
        <v>81</v>
      </c>
      <c r="I15178" s="2">
        <v>0</v>
      </c>
      <c r="J15178" s="2">
        <v>1</v>
      </c>
      <c r="K15178" s="2">
        <v>0</v>
      </c>
      <c r="L15178" t="s">
        <v>82</v>
      </c>
      <c r="M15178" t="s">
        <v>83</v>
      </c>
      <c r="N15178" t="s">
        <v>84</v>
      </c>
      <c r="O15178" t="s">
        <v>85</v>
      </c>
      <c r="P15178" t="s">
        <v>86</v>
      </c>
      <c r="Q15178">
        <v>62</v>
      </c>
      <c r="R15178">
        <v>64</v>
      </c>
      <c r="S15178">
        <v>65</v>
      </c>
      <c r="T15178">
        <v>67</v>
      </c>
      <c r="U15178">
        <v>69</v>
      </c>
      <c r="V15178">
        <v>70</v>
      </c>
      <c r="W15178">
        <v>72</v>
      </c>
      <c r="X15178">
        <v>73</v>
      </c>
      <c r="Y15178">
        <v>75</v>
      </c>
      <c r="Z15178">
        <v>77</v>
      </c>
      <c r="AA15178">
        <v>78</v>
      </c>
      <c r="AB15178">
        <v>80</v>
      </c>
      <c r="AC15178">
        <v>81</v>
      </c>
      <c r="AD15178">
        <v>83</v>
      </c>
      <c r="AE15178">
        <v>85</v>
      </c>
      <c r="AF15178">
        <v>87</v>
      </c>
      <c r="AG15178">
        <v>88</v>
      </c>
      <c r="AH15178">
        <v>90</v>
      </c>
      <c r="AI15178">
        <v>92</v>
      </c>
      <c r="AJ15178">
        <v>94</v>
      </c>
      <c r="AK15178">
        <v>95</v>
      </c>
      <c r="AL15178">
        <v>97</v>
      </c>
      <c r="AM15178">
        <v>98</v>
      </c>
      <c r="AN15178">
        <v>98</v>
      </c>
      <c r="AO15178">
        <v>99</v>
      </c>
      <c r="AP15178">
        <v>100</v>
      </c>
      <c r="AQ15178">
        <v>101</v>
      </c>
    </row>
    <row r="15179" spans="1:43">
      <c r="A15179" t="s">
        <v>9438</v>
      </c>
      <c r="B15179" t="s">
        <v>9439</v>
      </c>
      <c r="C15179" t="s">
        <v>9304</v>
      </c>
      <c r="D15179" t="s">
        <v>9305</v>
      </c>
      <c r="E15179" t="s">
        <v>9202</v>
      </c>
      <c r="F15179" t="s">
        <v>9203</v>
      </c>
      <c r="G15179" t="s">
        <v>80</v>
      </c>
      <c r="H15179" t="s">
        <v>81</v>
      </c>
      <c r="I15179" s="2">
        <v>0</v>
      </c>
      <c r="J15179" s="2">
        <v>1</v>
      </c>
      <c r="K15179" s="2">
        <v>0</v>
      </c>
      <c r="L15179" t="s">
        <v>82</v>
      </c>
      <c r="M15179" t="s">
        <v>87</v>
      </c>
      <c r="N15179" t="s">
        <v>88</v>
      </c>
      <c r="O15179" t="s">
        <v>85</v>
      </c>
      <c r="P15179" t="s">
        <v>86</v>
      </c>
      <c r="Q15179">
        <v>62</v>
      </c>
      <c r="R15179">
        <v>63</v>
      </c>
      <c r="S15179">
        <v>64</v>
      </c>
      <c r="T15179">
        <v>65</v>
      </c>
      <c r="U15179">
        <v>66</v>
      </c>
      <c r="V15179">
        <v>66</v>
      </c>
      <c r="W15179">
        <v>67</v>
      </c>
      <c r="X15179">
        <v>68</v>
      </c>
      <c r="Y15179">
        <v>69</v>
      </c>
      <c r="Z15179">
        <v>70</v>
      </c>
      <c r="AA15179">
        <v>71</v>
      </c>
      <c r="AB15179">
        <v>72</v>
      </c>
      <c r="AC15179">
        <v>73</v>
      </c>
      <c r="AD15179">
        <v>74</v>
      </c>
      <c r="AE15179">
        <v>75</v>
      </c>
      <c r="AF15179">
        <v>76</v>
      </c>
      <c r="AG15179">
        <v>77</v>
      </c>
      <c r="AH15179">
        <v>78</v>
      </c>
      <c r="AI15179">
        <v>79</v>
      </c>
      <c r="AJ15179">
        <v>80</v>
      </c>
      <c r="AK15179">
        <v>81</v>
      </c>
      <c r="AL15179">
        <v>82</v>
      </c>
      <c r="AM15179">
        <v>83</v>
      </c>
      <c r="AN15179">
        <v>84</v>
      </c>
      <c r="AO15179">
        <v>85</v>
      </c>
      <c r="AP15179">
        <v>86</v>
      </c>
      <c r="AQ15179">
        <v>88</v>
      </c>
    </row>
    <row r="15180" spans="1:43">
      <c r="A15180" t="s">
        <v>9438</v>
      </c>
      <c r="B15180" t="s">
        <v>9439</v>
      </c>
      <c r="C15180" t="s">
        <v>9304</v>
      </c>
      <c r="D15180" t="s">
        <v>9305</v>
      </c>
      <c r="E15180" t="s">
        <v>9202</v>
      </c>
      <c r="F15180" t="s">
        <v>9203</v>
      </c>
      <c r="G15180" t="s">
        <v>80</v>
      </c>
      <c r="H15180" t="s">
        <v>81</v>
      </c>
      <c r="I15180" s="2">
        <v>0</v>
      </c>
      <c r="J15180" s="2">
        <v>1</v>
      </c>
      <c r="K15180" s="2">
        <v>0</v>
      </c>
      <c r="L15180" t="s">
        <v>82</v>
      </c>
      <c r="M15180" t="s">
        <v>89</v>
      </c>
      <c r="N15180" t="s">
        <v>90</v>
      </c>
      <c r="O15180" t="s">
        <v>85</v>
      </c>
      <c r="P15180" t="s">
        <v>86</v>
      </c>
      <c r="Q15180">
        <v>62</v>
      </c>
      <c r="R15180">
        <v>64</v>
      </c>
      <c r="S15180">
        <v>66</v>
      </c>
      <c r="T15180">
        <v>68</v>
      </c>
      <c r="U15180">
        <v>70</v>
      </c>
      <c r="V15180">
        <v>72</v>
      </c>
      <c r="W15180">
        <v>74</v>
      </c>
      <c r="X15180">
        <v>76</v>
      </c>
      <c r="Y15180">
        <v>78</v>
      </c>
      <c r="Z15180">
        <v>80</v>
      </c>
      <c r="AA15180">
        <v>82</v>
      </c>
      <c r="AB15180">
        <v>84</v>
      </c>
      <c r="AC15180">
        <v>86</v>
      </c>
      <c r="AD15180">
        <v>88</v>
      </c>
      <c r="AE15180">
        <v>90</v>
      </c>
      <c r="AF15180">
        <v>91</v>
      </c>
      <c r="AG15180">
        <v>92</v>
      </c>
      <c r="AH15180">
        <v>93</v>
      </c>
      <c r="AI15180">
        <v>94</v>
      </c>
      <c r="AJ15180">
        <v>95</v>
      </c>
      <c r="AK15180">
        <v>96</v>
      </c>
      <c r="AL15180">
        <v>96</v>
      </c>
      <c r="AM15180">
        <v>97</v>
      </c>
      <c r="AN15180">
        <v>98</v>
      </c>
      <c r="AO15180">
        <v>99</v>
      </c>
      <c r="AP15180">
        <v>100</v>
      </c>
      <c r="AQ15180">
        <v>101</v>
      </c>
    </row>
    <row r="15181" spans="1:43">
      <c r="A15181" t="s">
        <v>9438</v>
      </c>
      <c r="B15181" t="s">
        <v>9439</v>
      </c>
      <c r="C15181" t="s">
        <v>9304</v>
      </c>
      <c r="D15181" t="s">
        <v>9305</v>
      </c>
      <c r="E15181" t="s">
        <v>9202</v>
      </c>
      <c r="F15181" t="s">
        <v>9203</v>
      </c>
      <c r="G15181" t="s">
        <v>80</v>
      </c>
      <c r="H15181" t="s">
        <v>81</v>
      </c>
      <c r="I15181" s="2">
        <v>0</v>
      </c>
      <c r="J15181" s="2">
        <v>1</v>
      </c>
      <c r="K15181" s="2">
        <v>0</v>
      </c>
      <c r="L15181" t="s">
        <v>82</v>
      </c>
      <c r="M15181" t="s">
        <v>83</v>
      </c>
      <c r="N15181" t="s">
        <v>91</v>
      </c>
      <c r="O15181" t="s">
        <v>85</v>
      </c>
      <c r="P15181" t="s">
        <v>86</v>
      </c>
      <c r="Q15181">
        <v>62</v>
      </c>
      <c r="R15181">
        <v>64</v>
      </c>
      <c r="S15181">
        <v>65</v>
      </c>
      <c r="T15181">
        <v>67</v>
      </c>
      <c r="U15181">
        <v>69</v>
      </c>
      <c r="V15181">
        <v>70</v>
      </c>
      <c r="W15181">
        <v>72</v>
      </c>
      <c r="X15181">
        <v>73</v>
      </c>
      <c r="Y15181">
        <v>75</v>
      </c>
      <c r="Z15181">
        <v>77</v>
      </c>
      <c r="AA15181">
        <v>78</v>
      </c>
      <c r="AB15181">
        <v>80</v>
      </c>
      <c r="AC15181">
        <v>81</v>
      </c>
      <c r="AD15181">
        <v>83</v>
      </c>
      <c r="AE15181">
        <v>85</v>
      </c>
      <c r="AF15181">
        <v>87</v>
      </c>
      <c r="AG15181">
        <v>88</v>
      </c>
      <c r="AH15181">
        <v>90</v>
      </c>
      <c r="AI15181">
        <v>92</v>
      </c>
      <c r="AJ15181">
        <v>94</v>
      </c>
      <c r="AK15181">
        <v>95</v>
      </c>
      <c r="AL15181">
        <v>97</v>
      </c>
      <c r="AM15181">
        <v>98</v>
      </c>
      <c r="AN15181">
        <v>98</v>
      </c>
      <c r="AO15181">
        <v>99</v>
      </c>
      <c r="AP15181">
        <v>100</v>
      </c>
      <c r="AQ15181">
        <v>101</v>
      </c>
    </row>
    <row r="15182" spans="1:43">
      <c r="A15182" t="s">
        <v>9440</v>
      </c>
      <c r="B15182" t="s">
        <v>9441</v>
      </c>
      <c r="C15182" t="s">
        <v>9378</v>
      </c>
      <c r="D15182" t="s">
        <v>9379</v>
      </c>
      <c r="E15182" t="s">
        <v>9202</v>
      </c>
      <c r="F15182" t="s">
        <v>9203</v>
      </c>
      <c r="G15182" t="s">
        <v>80</v>
      </c>
      <c r="H15182" t="s">
        <v>81</v>
      </c>
      <c r="I15182" s="2">
        <v>0</v>
      </c>
      <c r="J15182" s="2">
        <v>1</v>
      </c>
      <c r="K15182" s="2">
        <v>0</v>
      </c>
      <c r="L15182" t="s">
        <v>82</v>
      </c>
      <c r="M15182" t="s">
        <v>83</v>
      </c>
      <c r="N15182" t="s">
        <v>84</v>
      </c>
      <c r="O15182" t="s">
        <v>85</v>
      </c>
      <c r="P15182" t="s">
        <v>86</v>
      </c>
      <c r="Q15182">
        <v>0</v>
      </c>
      <c r="R15182">
        <v>0</v>
      </c>
      <c r="S15182">
        <v>0</v>
      </c>
      <c r="T15182">
        <v>0</v>
      </c>
      <c r="U15182">
        <v>0</v>
      </c>
      <c r="V15182">
        <v>0</v>
      </c>
      <c r="W15182">
        <v>0</v>
      </c>
      <c r="X15182">
        <v>0</v>
      </c>
      <c r="Y15182">
        <v>0</v>
      </c>
      <c r="Z15182">
        <v>0</v>
      </c>
      <c r="AA15182">
        <v>0</v>
      </c>
      <c r="AB15182">
        <v>0</v>
      </c>
      <c r="AC15182">
        <v>0</v>
      </c>
      <c r="AD15182">
        <v>0</v>
      </c>
      <c r="AE15182">
        <v>0</v>
      </c>
      <c r="AF15182">
        <v>0</v>
      </c>
      <c r="AG15182">
        <v>0</v>
      </c>
      <c r="AH15182">
        <v>0</v>
      </c>
      <c r="AI15182">
        <v>0</v>
      </c>
      <c r="AJ15182">
        <v>0</v>
      </c>
      <c r="AK15182">
        <v>0</v>
      </c>
      <c r="AL15182">
        <v>0</v>
      </c>
      <c r="AM15182">
        <v>0</v>
      </c>
      <c r="AN15182">
        <v>0</v>
      </c>
      <c r="AO15182">
        <v>0</v>
      </c>
      <c r="AP15182">
        <v>0</v>
      </c>
      <c r="AQ15182">
        <v>0</v>
      </c>
    </row>
    <row r="15183" spans="1:43">
      <c r="A15183" t="s">
        <v>9440</v>
      </c>
      <c r="B15183" t="s">
        <v>9441</v>
      </c>
      <c r="C15183" t="s">
        <v>9378</v>
      </c>
      <c r="D15183" t="s">
        <v>9379</v>
      </c>
      <c r="E15183" t="s">
        <v>9202</v>
      </c>
      <c r="F15183" t="s">
        <v>9203</v>
      </c>
      <c r="G15183" t="s">
        <v>80</v>
      </c>
      <c r="H15183" t="s">
        <v>81</v>
      </c>
      <c r="I15183" s="2">
        <v>0</v>
      </c>
      <c r="J15183" s="2">
        <v>1</v>
      </c>
      <c r="K15183" s="2">
        <v>0</v>
      </c>
      <c r="L15183" t="s">
        <v>82</v>
      </c>
      <c r="M15183" t="s">
        <v>87</v>
      </c>
      <c r="N15183" t="s">
        <v>88</v>
      </c>
      <c r="O15183" t="s">
        <v>85</v>
      </c>
      <c r="P15183" t="s">
        <v>86</v>
      </c>
      <c r="Q15183">
        <v>0</v>
      </c>
      <c r="R15183">
        <v>0</v>
      </c>
      <c r="S15183">
        <v>0</v>
      </c>
      <c r="T15183">
        <v>0</v>
      </c>
      <c r="U15183">
        <v>0</v>
      </c>
      <c r="V15183">
        <v>0</v>
      </c>
      <c r="W15183">
        <v>0</v>
      </c>
      <c r="X15183">
        <v>0</v>
      </c>
      <c r="Y15183">
        <v>0</v>
      </c>
      <c r="Z15183">
        <v>0</v>
      </c>
      <c r="AA15183">
        <v>0</v>
      </c>
      <c r="AB15183">
        <v>0</v>
      </c>
      <c r="AC15183">
        <v>0</v>
      </c>
      <c r="AD15183">
        <v>0</v>
      </c>
      <c r="AE15183">
        <v>0</v>
      </c>
      <c r="AF15183">
        <v>0</v>
      </c>
      <c r="AG15183">
        <v>0</v>
      </c>
      <c r="AH15183">
        <v>0</v>
      </c>
      <c r="AI15183">
        <v>0</v>
      </c>
      <c r="AJ15183">
        <v>0</v>
      </c>
      <c r="AK15183">
        <v>0</v>
      </c>
      <c r="AL15183">
        <v>0</v>
      </c>
      <c r="AM15183">
        <v>0</v>
      </c>
      <c r="AN15183">
        <v>0</v>
      </c>
      <c r="AO15183">
        <v>0</v>
      </c>
      <c r="AP15183">
        <v>0</v>
      </c>
      <c r="AQ15183">
        <v>0</v>
      </c>
    </row>
    <row r="15184" spans="1:43">
      <c r="A15184" t="s">
        <v>9440</v>
      </c>
      <c r="B15184" t="s">
        <v>9441</v>
      </c>
      <c r="C15184" t="s">
        <v>9378</v>
      </c>
      <c r="D15184" t="s">
        <v>9379</v>
      </c>
      <c r="E15184" t="s">
        <v>9202</v>
      </c>
      <c r="F15184" t="s">
        <v>9203</v>
      </c>
      <c r="G15184" t="s">
        <v>80</v>
      </c>
      <c r="H15184" t="s">
        <v>81</v>
      </c>
      <c r="I15184" s="2">
        <v>0</v>
      </c>
      <c r="J15184" s="2">
        <v>1</v>
      </c>
      <c r="K15184" s="2">
        <v>0</v>
      </c>
      <c r="L15184" t="s">
        <v>82</v>
      </c>
      <c r="M15184" t="s">
        <v>89</v>
      </c>
      <c r="N15184" t="s">
        <v>90</v>
      </c>
      <c r="O15184" t="s">
        <v>85</v>
      </c>
      <c r="P15184" t="s">
        <v>86</v>
      </c>
      <c r="Q15184">
        <v>0</v>
      </c>
      <c r="R15184">
        <v>0</v>
      </c>
      <c r="S15184">
        <v>0</v>
      </c>
      <c r="T15184">
        <v>0</v>
      </c>
      <c r="U15184">
        <v>0</v>
      </c>
      <c r="V15184">
        <v>0</v>
      </c>
      <c r="W15184">
        <v>0</v>
      </c>
      <c r="X15184">
        <v>0</v>
      </c>
      <c r="Y15184">
        <v>0</v>
      </c>
      <c r="Z15184">
        <v>0</v>
      </c>
      <c r="AA15184">
        <v>0</v>
      </c>
      <c r="AB15184">
        <v>0</v>
      </c>
      <c r="AC15184">
        <v>0</v>
      </c>
      <c r="AD15184">
        <v>0</v>
      </c>
      <c r="AE15184">
        <v>0</v>
      </c>
      <c r="AF15184">
        <v>0</v>
      </c>
      <c r="AG15184">
        <v>0</v>
      </c>
      <c r="AH15184">
        <v>0</v>
      </c>
      <c r="AI15184">
        <v>0</v>
      </c>
      <c r="AJ15184">
        <v>0</v>
      </c>
      <c r="AK15184">
        <v>0</v>
      </c>
      <c r="AL15184">
        <v>0</v>
      </c>
      <c r="AM15184">
        <v>0</v>
      </c>
      <c r="AN15184">
        <v>0</v>
      </c>
      <c r="AO15184">
        <v>0</v>
      </c>
      <c r="AP15184">
        <v>0</v>
      </c>
      <c r="AQ15184">
        <v>0</v>
      </c>
    </row>
    <row r="15185" spans="1:43">
      <c r="A15185" t="s">
        <v>9440</v>
      </c>
      <c r="B15185" t="s">
        <v>9441</v>
      </c>
      <c r="C15185" t="s">
        <v>9378</v>
      </c>
      <c r="D15185" t="s">
        <v>9379</v>
      </c>
      <c r="E15185" t="s">
        <v>9202</v>
      </c>
      <c r="F15185" t="s">
        <v>9203</v>
      </c>
      <c r="G15185" t="s">
        <v>80</v>
      </c>
      <c r="H15185" t="s">
        <v>81</v>
      </c>
      <c r="I15185" s="2">
        <v>0</v>
      </c>
      <c r="J15185" s="2">
        <v>1</v>
      </c>
      <c r="K15185" s="2">
        <v>0</v>
      </c>
      <c r="L15185" t="s">
        <v>82</v>
      </c>
      <c r="M15185" t="s">
        <v>83</v>
      </c>
      <c r="N15185" t="s">
        <v>91</v>
      </c>
      <c r="O15185" t="s">
        <v>85</v>
      </c>
      <c r="P15185" t="s">
        <v>86</v>
      </c>
      <c r="Q15185">
        <v>0</v>
      </c>
      <c r="R15185">
        <v>0</v>
      </c>
      <c r="S15185">
        <v>0</v>
      </c>
      <c r="T15185">
        <v>0</v>
      </c>
      <c r="U15185">
        <v>0</v>
      </c>
      <c r="V15185">
        <v>0</v>
      </c>
      <c r="W15185">
        <v>0</v>
      </c>
      <c r="X15185">
        <v>0</v>
      </c>
      <c r="Y15185">
        <v>0</v>
      </c>
      <c r="Z15185">
        <v>0</v>
      </c>
      <c r="AA15185">
        <v>0</v>
      </c>
      <c r="AB15185">
        <v>0</v>
      </c>
      <c r="AC15185">
        <v>0</v>
      </c>
      <c r="AD15185">
        <v>0</v>
      </c>
      <c r="AE15185">
        <v>0</v>
      </c>
      <c r="AF15185">
        <v>0</v>
      </c>
      <c r="AG15185">
        <v>0</v>
      </c>
      <c r="AH15185">
        <v>0</v>
      </c>
      <c r="AI15185">
        <v>0</v>
      </c>
      <c r="AJ15185">
        <v>0</v>
      </c>
      <c r="AK15185">
        <v>0</v>
      </c>
      <c r="AL15185">
        <v>0</v>
      </c>
      <c r="AM15185">
        <v>0</v>
      </c>
      <c r="AN15185">
        <v>0</v>
      </c>
      <c r="AO15185">
        <v>0</v>
      </c>
      <c r="AP15185">
        <v>0</v>
      </c>
      <c r="AQ15185">
        <v>0</v>
      </c>
    </row>
    <row r="15186" spans="1:43">
      <c r="A15186" t="s">
        <v>9442</v>
      </c>
      <c r="B15186" t="s">
        <v>9443</v>
      </c>
      <c r="C15186" t="s">
        <v>9444</v>
      </c>
      <c r="D15186" t="s">
        <v>9445</v>
      </c>
      <c r="E15186" t="s">
        <v>9202</v>
      </c>
      <c r="F15186" t="s">
        <v>9203</v>
      </c>
      <c r="G15186" t="s">
        <v>80</v>
      </c>
      <c r="H15186" t="s">
        <v>81</v>
      </c>
      <c r="I15186" s="2">
        <v>0</v>
      </c>
      <c r="J15186" s="2">
        <v>1</v>
      </c>
      <c r="K15186" s="2">
        <v>0</v>
      </c>
      <c r="L15186" t="s">
        <v>82</v>
      </c>
      <c r="M15186" t="s">
        <v>83</v>
      </c>
      <c r="N15186" t="s">
        <v>84</v>
      </c>
      <c r="O15186" t="s">
        <v>85</v>
      </c>
      <c r="P15186" t="s">
        <v>86</v>
      </c>
      <c r="Q15186">
        <v>162</v>
      </c>
      <c r="R15186">
        <v>165</v>
      </c>
      <c r="S15186">
        <v>169</v>
      </c>
      <c r="T15186">
        <v>173</v>
      </c>
      <c r="U15186">
        <v>177</v>
      </c>
      <c r="V15186">
        <v>181</v>
      </c>
      <c r="W15186">
        <v>185</v>
      </c>
      <c r="X15186">
        <v>189</v>
      </c>
      <c r="Y15186">
        <v>194</v>
      </c>
      <c r="Z15186">
        <v>198</v>
      </c>
      <c r="AA15186">
        <v>202</v>
      </c>
      <c r="AB15186">
        <v>206</v>
      </c>
      <c r="AC15186">
        <v>211</v>
      </c>
      <c r="AD15186">
        <v>215</v>
      </c>
      <c r="AE15186">
        <v>219</v>
      </c>
      <c r="AF15186">
        <v>224</v>
      </c>
      <c r="AG15186">
        <v>228</v>
      </c>
      <c r="AH15186">
        <v>233</v>
      </c>
      <c r="AI15186">
        <v>237</v>
      </c>
      <c r="AJ15186">
        <v>242</v>
      </c>
      <c r="AK15186">
        <v>247</v>
      </c>
      <c r="AL15186">
        <v>250</v>
      </c>
      <c r="AM15186">
        <v>252</v>
      </c>
      <c r="AN15186">
        <v>255</v>
      </c>
      <c r="AO15186">
        <v>257</v>
      </c>
      <c r="AP15186">
        <v>259</v>
      </c>
      <c r="AQ15186">
        <v>262</v>
      </c>
    </row>
    <row r="15187" spans="1:43">
      <c r="A15187" t="s">
        <v>9442</v>
      </c>
      <c r="B15187" t="s">
        <v>9443</v>
      </c>
      <c r="C15187" t="s">
        <v>9444</v>
      </c>
      <c r="D15187" t="s">
        <v>9445</v>
      </c>
      <c r="E15187" t="s">
        <v>9202</v>
      </c>
      <c r="F15187" t="s">
        <v>9203</v>
      </c>
      <c r="G15187" t="s">
        <v>80</v>
      </c>
      <c r="H15187" t="s">
        <v>81</v>
      </c>
      <c r="I15187" s="2">
        <v>0</v>
      </c>
      <c r="J15187" s="2">
        <v>1</v>
      </c>
      <c r="K15187" s="2">
        <v>0</v>
      </c>
      <c r="L15187" t="s">
        <v>82</v>
      </c>
      <c r="M15187" t="s">
        <v>87</v>
      </c>
      <c r="N15187" t="s">
        <v>88</v>
      </c>
      <c r="O15187" t="s">
        <v>85</v>
      </c>
      <c r="P15187" t="s">
        <v>86</v>
      </c>
      <c r="Q15187">
        <v>162</v>
      </c>
      <c r="R15187">
        <v>164</v>
      </c>
      <c r="S15187">
        <v>167</v>
      </c>
      <c r="T15187">
        <v>169</v>
      </c>
      <c r="U15187">
        <v>171</v>
      </c>
      <c r="V15187">
        <v>174</v>
      </c>
      <c r="W15187">
        <v>176</v>
      </c>
      <c r="X15187">
        <v>179</v>
      </c>
      <c r="Y15187">
        <v>181</v>
      </c>
      <c r="Z15187">
        <v>183</v>
      </c>
      <c r="AA15187">
        <v>186</v>
      </c>
      <c r="AB15187">
        <v>188</v>
      </c>
      <c r="AC15187">
        <v>191</v>
      </c>
      <c r="AD15187">
        <v>193</v>
      </c>
      <c r="AE15187">
        <v>196</v>
      </c>
      <c r="AF15187">
        <v>198</v>
      </c>
      <c r="AG15187">
        <v>201</v>
      </c>
      <c r="AH15187">
        <v>204</v>
      </c>
      <c r="AI15187">
        <v>206</v>
      </c>
      <c r="AJ15187">
        <v>209</v>
      </c>
      <c r="AK15187">
        <v>212</v>
      </c>
      <c r="AL15187">
        <v>214</v>
      </c>
      <c r="AM15187">
        <v>217</v>
      </c>
      <c r="AN15187">
        <v>220</v>
      </c>
      <c r="AO15187">
        <v>222</v>
      </c>
      <c r="AP15187">
        <v>225</v>
      </c>
      <c r="AQ15187">
        <v>228</v>
      </c>
    </row>
    <row r="15188" spans="1:43">
      <c r="A15188" t="s">
        <v>9442</v>
      </c>
      <c r="B15188" t="s">
        <v>9443</v>
      </c>
      <c r="C15188" t="s">
        <v>9444</v>
      </c>
      <c r="D15188" t="s">
        <v>9445</v>
      </c>
      <c r="E15188" t="s">
        <v>9202</v>
      </c>
      <c r="F15188" t="s">
        <v>9203</v>
      </c>
      <c r="G15188" t="s">
        <v>80</v>
      </c>
      <c r="H15188" t="s">
        <v>81</v>
      </c>
      <c r="I15188" s="2">
        <v>0</v>
      </c>
      <c r="J15188" s="2">
        <v>1</v>
      </c>
      <c r="K15188" s="2">
        <v>0</v>
      </c>
      <c r="L15188" t="s">
        <v>82</v>
      </c>
      <c r="M15188" t="s">
        <v>89</v>
      </c>
      <c r="N15188" t="s">
        <v>90</v>
      </c>
      <c r="O15188" t="s">
        <v>85</v>
      </c>
      <c r="P15188" t="s">
        <v>86</v>
      </c>
      <c r="Q15188">
        <v>162</v>
      </c>
      <c r="R15188">
        <v>167</v>
      </c>
      <c r="S15188">
        <v>173</v>
      </c>
      <c r="T15188">
        <v>178</v>
      </c>
      <c r="U15188">
        <v>183</v>
      </c>
      <c r="V15188">
        <v>189</v>
      </c>
      <c r="W15188">
        <v>194</v>
      </c>
      <c r="X15188">
        <v>199</v>
      </c>
      <c r="Y15188">
        <v>204</v>
      </c>
      <c r="Z15188">
        <v>209</v>
      </c>
      <c r="AA15188">
        <v>214</v>
      </c>
      <c r="AB15188">
        <v>220</v>
      </c>
      <c r="AC15188">
        <v>225</v>
      </c>
      <c r="AD15188">
        <v>230</v>
      </c>
      <c r="AE15188">
        <v>235</v>
      </c>
      <c r="AF15188">
        <v>237</v>
      </c>
      <c r="AG15188">
        <v>239</v>
      </c>
      <c r="AH15188">
        <v>242</v>
      </c>
      <c r="AI15188">
        <v>244</v>
      </c>
      <c r="AJ15188">
        <v>247</v>
      </c>
      <c r="AK15188">
        <v>249</v>
      </c>
      <c r="AL15188">
        <v>251</v>
      </c>
      <c r="AM15188">
        <v>254</v>
      </c>
      <c r="AN15188">
        <v>256</v>
      </c>
      <c r="AO15188">
        <v>259</v>
      </c>
      <c r="AP15188">
        <v>261</v>
      </c>
      <c r="AQ15188">
        <v>263</v>
      </c>
    </row>
    <row r="15189" spans="1:43">
      <c r="A15189" t="s">
        <v>9442</v>
      </c>
      <c r="B15189" t="s">
        <v>9443</v>
      </c>
      <c r="C15189" t="s">
        <v>9444</v>
      </c>
      <c r="D15189" t="s">
        <v>9445</v>
      </c>
      <c r="E15189" t="s">
        <v>9202</v>
      </c>
      <c r="F15189" t="s">
        <v>9203</v>
      </c>
      <c r="G15189" t="s">
        <v>80</v>
      </c>
      <c r="H15189" t="s">
        <v>81</v>
      </c>
      <c r="I15189" s="2">
        <v>0</v>
      </c>
      <c r="J15189" s="2">
        <v>1</v>
      </c>
      <c r="K15189" s="2">
        <v>0</v>
      </c>
      <c r="L15189" t="s">
        <v>82</v>
      </c>
      <c r="M15189" t="s">
        <v>83</v>
      </c>
      <c r="N15189" t="s">
        <v>91</v>
      </c>
      <c r="O15189" t="s">
        <v>85</v>
      </c>
      <c r="P15189" t="s">
        <v>86</v>
      </c>
      <c r="Q15189">
        <v>162</v>
      </c>
      <c r="R15189">
        <v>165</v>
      </c>
      <c r="S15189">
        <v>169</v>
      </c>
      <c r="T15189">
        <v>173</v>
      </c>
      <c r="U15189">
        <v>177</v>
      </c>
      <c r="V15189">
        <v>181</v>
      </c>
      <c r="W15189">
        <v>185</v>
      </c>
      <c r="X15189">
        <v>189</v>
      </c>
      <c r="Y15189">
        <v>194</v>
      </c>
      <c r="Z15189">
        <v>198</v>
      </c>
      <c r="AA15189">
        <v>202</v>
      </c>
      <c r="AB15189">
        <v>206</v>
      </c>
      <c r="AC15189">
        <v>211</v>
      </c>
      <c r="AD15189">
        <v>215</v>
      </c>
      <c r="AE15189">
        <v>219</v>
      </c>
      <c r="AF15189">
        <v>224</v>
      </c>
      <c r="AG15189">
        <v>228</v>
      </c>
      <c r="AH15189">
        <v>233</v>
      </c>
      <c r="AI15189">
        <v>237</v>
      </c>
      <c r="AJ15189">
        <v>242</v>
      </c>
      <c r="AK15189">
        <v>247</v>
      </c>
      <c r="AL15189">
        <v>250</v>
      </c>
      <c r="AM15189">
        <v>252</v>
      </c>
      <c r="AN15189">
        <v>255</v>
      </c>
      <c r="AO15189">
        <v>257</v>
      </c>
      <c r="AP15189">
        <v>259</v>
      </c>
      <c r="AQ15189">
        <v>262</v>
      </c>
    </row>
    <row r="15190" spans="1:43">
      <c r="A15190" t="s">
        <v>9446</v>
      </c>
      <c r="B15190" t="s">
        <v>9447</v>
      </c>
      <c r="C15190" t="s">
        <v>9304</v>
      </c>
      <c r="D15190" t="s">
        <v>9305</v>
      </c>
      <c r="E15190" t="s">
        <v>9202</v>
      </c>
      <c r="F15190" t="s">
        <v>9203</v>
      </c>
      <c r="G15190" t="s">
        <v>80</v>
      </c>
      <c r="H15190" t="s">
        <v>81</v>
      </c>
      <c r="I15190" s="2">
        <v>0</v>
      </c>
      <c r="J15190" s="2">
        <v>1</v>
      </c>
      <c r="K15190" s="2">
        <v>0</v>
      </c>
      <c r="L15190" t="s">
        <v>82</v>
      </c>
      <c r="M15190" t="s">
        <v>83</v>
      </c>
      <c r="N15190" t="s">
        <v>84</v>
      </c>
      <c r="O15190" t="s">
        <v>85</v>
      </c>
      <c r="P15190" t="s">
        <v>86</v>
      </c>
      <c r="Q15190">
        <v>29</v>
      </c>
      <c r="R15190">
        <v>30</v>
      </c>
      <c r="S15190">
        <v>31</v>
      </c>
      <c r="T15190">
        <v>31</v>
      </c>
      <c r="U15190">
        <v>32</v>
      </c>
      <c r="V15190">
        <v>33</v>
      </c>
      <c r="W15190">
        <v>33</v>
      </c>
      <c r="X15190">
        <v>34</v>
      </c>
      <c r="Y15190">
        <v>35</v>
      </c>
      <c r="Z15190">
        <v>36</v>
      </c>
      <c r="AA15190">
        <v>36</v>
      </c>
      <c r="AB15190">
        <v>37</v>
      </c>
      <c r="AC15190">
        <v>38</v>
      </c>
      <c r="AD15190">
        <v>39</v>
      </c>
      <c r="AE15190">
        <v>40</v>
      </c>
      <c r="AF15190">
        <v>40</v>
      </c>
      <c r="AG15190">
        <v>41</v>
      </c>
      <c r="AH15190">
        <v>42</v>
      </c>
      <c r="AI15190">
        <v>43</v>
      </c>
      <c r="AJ15190">
        <v>44</v>
      </c>
      <c r="AK15190">
        <v>45</v>
      </c>
      <c r="AL15190">
        <v>45</v>
      </c>
      <c r="AM15190">
        <v>46</v>
      </c>
      <c r="AN15190">
        <v>46</v>
      </c>
      <c r="AO15190">
        <v>46</v>
      </c>
      <c r="AP15190">
        <v>47</v>
      </c>
      <c r="AQ15190">
        <v>47</v>
      </c>
    </row>
    <row r="15191" spans="1:43">
      <c r="A15191" t="s">
        <v>9446</v>
      </c>
      <c r="B15191" t="s">
        <v>9447</v>
      </c>
      <c r="C15191" t="s">
        <v>9304</v>
      </c>
      <c r="D15191" t="s">
        <v>9305</v>
      </c>
      <c r="E15191" t="s">
        <v>9202</v>
      </c>
      <c r="F15191" t="s">
        <v>9203</v>
      </c>
      <c r="G15191" t="s">
        <v>80</v>
      </c>
      <c r="H15191" t="s">
        <v>81</v>
      </c>
      <c r="I15191" s="2">
        <v>0</v>
      </c>
      <c r="J15191" s="2">
        <v>1</v>
      </c>
      <c r="K15191" s="2">
        <v>0</v>
      </c>
      <c r="L15191" t="s">
        <v>82</v>
      </c>
      <c r="M15191" t="s">
        <v>87</v>
      </c>
      <c r="N15191" t="s">
        <v>88</v>
      </c>
      <c r="O15191" t="s">
        <v>85</v>
      </c>
      <c r="P15191" t="s">
        <v>86</v>
      </c>
      <c r="Q15191">
        <v>29</v>
      </c>
      <c r="R15191">
        <v>29</v>
      </c>
      <c r="S15191">
        <v>30</v>
      </c>
      <c r="T15191">
        <v>30</v>
      </c>
      <c r="U15191">
        <v>31</v>
      </c>
      <c r="V15191">
        <v>31</v>
      </c>
      <c r="W15191">
        <v>31</v>
      </c>
      <c r="X15191">
        <v>32</v>
      </c>
      <c r="Y15191">
        <v>32</v>
      </c>
      <c r="Z15191">
        <v>33</v>
      </c>
      <c r="AA15191">
        <v>33</v>
      </c>
      <c r="AB15191">
        <v>34</v>
      </c>
      <c r="AC15191">
        <v>34</v>
      </c>
      <c r="AD15191">
        <v>35</v>
      </c>
      <c r="AE15191">
        <v>35</v>
      </c>
      <c r="AF15191">
        <v>35</v>
      </c>
      <c r="AG15191">
        <v>36</v>
      </c>
      <c r="AH15191">
        <v>36</v>
      </c>
      <c r="AI15191">
        <v>37</v>
      </c>
      <c r="AJ15191">
        <v>37</v>
      </c>
      <c r="AK15191">
        <v>38</v>
      </c>
      <c r="AL15191">
        <v>38</v>
      </c>
      <c r="AM15191">
        <v>39</v>
      </c>
      <c r="AN15191">
        <v>39</v>
      </c>
      <c r="AO15191">
        <v>40</v>
      </c>
      <c r="AP15191">
        <v>40</v>
      </c>
      <c r="AQ15191">
        <v>41</v>
      </c>
    </row>
    <row r="15192" spans="1:43">
      <c r="A15192" t="s">
        <v>9446</v>
      </c>
      <c r="B15192" t="s">
        <v>9447</v>
      </c>
      <c r="C15192" t="s">
        <v>9304</v>
      </c>
      <c r="D15192" t="s">
        <v>9305</v>
      </c>
      <c r="E15192" t="s">
        <v>9202</v>
      </c>
      <c r="F15192" t="s">
        <v>9203</v>
      </c>
      <c r="G15192" t="s">
        <v>80</v>
      </c>
      <c r="H15192" t="s">
        <v>81</v>
      </c>
      <c r="I15192" s="2">
        <v>0</v>
      </c>
      <c r="J15192" s="2">
        <v>1</v>
      </c>
      <c r="K15192" s="2">
        <v>0</v>
      </c>
      <c r="L15192" t="s">
        <v>82</v>
      </c>
      <c r="M15192" t="s">
        <v>89</v>
      </c>
      <c r="N15192" t="s">
        <v>90</v>
      </c>
      <c r="O15192" t="s">
        <v>85</v>
      </c>
      <c r="P15192" t="s">
        <v>86</v>
      </c>
      <c r="Q15192">
        <v>29</v>
      </c>
      <c r="R15192">
        <v>30</v>
      </c>
      <c r="S15192">
        <v>31</v>
      </c>
      <c r="T15192">
        <v>32</v>
      </c>
      <c r="U15192">
        <v>33</v>
      </c>
      <c r="V15192">
        <v>34</v>
      </c>
      <c r="W15192">
        <v>35</v>
      </c>
      <c r="X15192">
        <v>36</v>
      </c>
      <c r="Y15192">
        <v>37</v>
      </c>
      <c r="Z15192">
        <v>38</v>
      </c>
      <c r="AA15192">
        <v>39</v>
      </c>
      <c r="AB15192">
        <v>40</v>
      </c>
      <c r="AC15192">
        <v>41</v>
      </c>
      <c r="AD15192">
        <v>42</v>
      </c>
      <c r="AE15192">
        <v>43</v>
      </c>
      <c r="AF15192">
        <v>43</v>
      </c>
      <c r="AG15192">
        <v>43</v>
      </c>
      <c r="AH15192">
        <v>44</v>
      </c>
      <c r="AI15192">
        <v>44</v>
      </c>
      <c r="AJ15192">
        <v>45</v>
      </c>
      <c r="AK15192">
        <v>45</v>
      </c>
      <c r="AL15192">
        <v>46</v>
      </c>
      <c r="AM15192">
        <v>46</v>
      </c>
      <c r="AN15192">
        <v>46</v>
      </c>
      <c r="AO15192">
        <v>47</v>
      </c>
      <c r="AP15192">
        <v>47</v>
      </c>
      <c r="AQ15192">
        <v>48</v>
      </c>
    </row>
    <row r="15193" spans="1:43">
      <c r="A15193" t="s">
        <v>9446</v>
      </c>
      <c r="B15193" t="s">
        <v>9447</v>
      </c>
      <c r="C15193" t="s">
        <v>9304</v>
      </c>
      <c r="D15193" t="s">
        <v>9305</v>
      </c>
      <c r="E15193" t="s">
        <v>9202</v>
      </c>
      <c r="F15193" t="s">
        <v>9203</v>
      </c>
      <c r="G15193" t="s">
        <v>80</v>
      </c>
      <c r="H15193" t="s">
        <v>81</v>
      </c>
      <c r="I15193" s="2">
        <v>0</v>
      </c>
      <c r="J15193" s="2">
        <v>1</v>
      </c>
      <c r="K15193" s="2">
        <v>0</v>
      </c>
      <c r="L15193" t="s">
        <v>82</v>
      </c>
      <c r="M15193" t="s">
        <v>83</v>
      </c>
      <c r="N15193" t="s">
        <v>91</v>
      </c>
      <c r="O15193" t="s">
        <v>85</v>
      </c>
      <c r="P15193" t="s">
        <v>86</v>
      </c>
      <c r="Q15193">
        <v>29</v>
      </c>
      <c r="R15193">
        <v>30</v>
      </c>
      <c r="S15193">
        <v>31</v>
      </c>
      <c r="T15193">
        <v>31</v>
      </c>
      <c r="U15193">
        <v>32</v>
      </c>
      <c r="V15193">
        <v>33</v>
      </c>
      <c r="W15193">
        <v>33</v>
      </c>
      <c r="X15193">
        <v>34</v>
      </c>
      <c r="Y15193">
        <v>35</v>
      </c>
      <c r="Z15193">
        <v>36</v>
      </c>
      <c r="AA15193">
        <v>36</v>
      </c>
      <c r="AB15193">
        <v>37</v>
      </c>
      <c r="AC15193">
        <v>38</v>
      </c>
      <c r="AD15193">
        <v>39</v>
      </c>
      <c r="AE15193">
        <v>40</v>
      </c>
      <c r="AF15193">
        <v>40</v>
      </c>
      <c r="AG15193">
        <v>41</v>
      </c>
      <c r="AH15193">
        <v>42</v>
      </c>
      <c r="AI15193">
        <v>43</v>
      </c>
      <c r="AJ15193">
        <v>44</v>
      </c>
      <c r="AK15193">
        <v>45</v>
      </c>
      <c r="AL15193">
        <v>45</v>
      </c>
      <c r="AM15193">
        <v>46</v>
      </c>
      <c r="AN15193">
        <v>46</v>
      </c>
      <c r="AO15193">
        <v>46</v>
      </c>
      <c r="AP15193">
        <v>47</v>
      </c>
      <c r="AQ15193">
        <v>47</v>
      </c>
    </row>
    <row r="15194" spans="1:43">
      <c r="A15194" t="s">
        <v>9448</v>
      </c>
      <c r="B15194" t="s">
        <v>9449</v>
      </c>
      <c r="C15194" t="s">
        <v>9444</v>
      </c>
      <c r="D15194" t="s">
        <v>9445</v>
      </c>
      <c r="E15194" t="s">
        <v>9202</v>
      </c>
      <c r="F15194" t="s">
        <v>9203</v>
      </c>
      <c r="G15194" t="s">
        <v>80</v>
      </c>
      <c r="H15194" t="s">
        <v>81</v>
      </c>
      <c r="I15194" s="2">
        <v>0</v>
      </c>
      <c r="J15194" s="2">
        <v>1</v>
      </c>
      <c r="K15194" s="2">
        <v>0</v>
      </c>
      <c r="L15194" t="s">
        <v>82</v>
      </c>
      <c r="M15194" t="s">
        <v>83</v>
      </c>
      <c r="N15194" t="s">
        <v>84</v>
      </c>
      <c r="O15194" t="s">
        <v>85</v>
      </c>
      <c r="P15194" t="s">
        <v>86</v>
      </c>
      <c r="Q15194">
        <v>65</v>
      </c>
      <c r="R15194">
        <v>67</v>
      </c>
      <c r="S15194">
        <v>68</v>
      </c>
      <c r="T15194">
        <v>70</v>
      </c>
      <c r="U15194">
        <v>71</v>
      </c>
      <c r="V15194">
        <v>73</v>
      </c>
      <c r="W15194">
        <v>75</v>
      </c>
      <c r="X15194">
        <v>76</v>
      </c>
      <c r="Y15194">
        <v>78</v>
      </c>
      <c r="Z15194">
        <v>80</v>
      </c>
      <c r="AA15194">
        <v>81</v>
      </c>
      <c r="AB15194">
        <v>83</v>
      </c>
      <c r="AC15194">
        <v>85</v>
      </c>
      <c r="AD15194">
        <v>86</v>
      </c>
      <c r="AE15194">
        <v>88</v>
      </c>
      <c r="AF15194">
        <v>90</v>
      </c>
      <c r="AG15194">
        <v>92</v>
      </c>
      <c r="AH15194">
        <v>94</v>
      </c>
      <c r="AI15194">
        <v>95</v>
      </c>
      <c r="AJ15194">
        <v>97</v>
      </c>
      <c r="AK15194">
        <v>99</v>
      </c>
      <c r="AL15194">
        <v>100</v>
      </c>
      <c r="AM15194">
        <v>101</v>
      </c>
      <c r="AN15194">
        <v>102</v>
      </c>
      <c r="AO15194">
        <v>103</v>
      </c>
      <c r="AP15194">
        <v>104</v>
      </c>
      <c r="AQ15194">
        <v>105</v>
      </c>
    </row>
    <row r="15195" spans="1:43">
      <c r="A15195" t="s">
        <v>9448</v>
      </c>
      <c r="B15195" t="s">
        <v>9449</v>
      </c>
      <c r="C15195" t="s">
        <v>9444</v>
      </c>
      <c r="D15195" t="s">
        <v>9445</v>
      </c>
      <c r="E15195" t="s">
        <v>9202</v>
      </c>
      <c r="F15195" t="s">
        <v>9203</v>
      </c>
      <c r="G15195" t="s">
        <v>80</v>
      </c>
      <c r="H15195" t="s">
        <v>81</v>
      </c>
      <c r="I15195" s="2">
        <v>0</v>
      </c>
      <c r="J15195" s="2">
        <v>1</v>
      </c>
      <c r="K15195" s="2">
        <v>0</v>
      </c>
      <c r="L15195" t="s">
        <v>82</v>
      </c>
      <c r="M15195" t="s">
        <v>87</v>
      </c>
      <c r="N15195" t="s">
        <v>88</v>
      </c>
      <c r="O15195" t="s">
        <v>85</v>
      </c>
      <c r="P15195" t="s">
        <v>86</v>
      </c>
      <c r="Q15195">
        <v>65</v>
      </c>
      <c r="R15195">
        <v>66</v>
      </c>
      <c r="S15195">
        <v>67</v>
      </c>
      <c r="T15195">
        <v>68</v>
      </c>
      <c r="U15195">
        <v>69</v>
      </c>
      <c r="V15195">
        <v>70</v>
      </c>
      <c r="W15195">
        <v>71</v>
      </c>
      <c r="X15195">
        <v>72</v>
      </c>
      <c r="Y15195">
        <v>73</v>
      </c>
      <c r="Z15195">
        <v>74</v>
      </c>
      <c r="AA15195">
        <v>75</v>
      </c>
      <c r="AB15195">
        <v>76</v>
      </c>
      <c r="AC15195">
        <v>77</v>
      </c>
      <c r="AD15195">
        <v>78</v>
      </c>
      <c r="AE15195">
        <v>79</v>
      </c>
      <c r="AF15195">
        <v>80</v>
      </c>
      <c r="AG15195">
        <v>81</v>
      </c>
      <c r="AH15195">
        <v>82</v>
      </c>
      <c r="AI15195">
        <v>83</v>
      </c>
      <c r="AJ15195">
        <v>84</v>
      </c>
      <c r="AK15195">
        <v>85</v>
      </c>
      <c r="AL15195">
        <v>86</v>
      </c>
      <c r="AM15195">
        <v>87</v>
      </c>
      <c r="AN15195">
        <v>89</v>
      </c>
      <c r="AO15195">
        <v>90</v>
      </c>
      <c r="AP15195">
        <v>91</v>
      </c>
      <c r="AQ15195">
        <v>92</v>
      </c>
    </row>
    <row r="15196" spans="1:43">
      <c r="A15196" t="s">
        <v>9448</v>
      </c>
      <c r="B15196" t="s">
        <v>9449</v>
      </c>
      <c r="C15196" t="s">
        <v>9444</v>
      </c>
      <c r="D15196" t="s">
        <v>9445</v>
      </c>
      <c r="E15196" t="s">
        <v>9202</v>
      </c>
      <c r="F15196" t="s">
        <v>9203</v>
      </c>
      <c r="G15196" t="s">
        <v>80</v>
      </c>
      <c r="H15196" t="s">
        <v>81</v>
      </c>
      <c r="I15196" s="2">
        <v>0</v>
      </c>
      <c r="J15196" s="2">
        <v>1</v>
      </c>
      <c r="K15196" s="2">
        <v>0</v>
      </c>
      <c r="L15196" t="s">
        <v>82</v>
      </c>
      <c r="M15196" t="s">
        <v>89</v>
      </c>
      <c r="N15196" t="s">
        <v>90</v>
      </c>
      <c r="O15196" t="s">
        <v>85</v>
      </c>
      <c r="P15196" t="s">
        <v>86</v>
      </c>
      <c r="Q15196">
        <v>65</v>
      </c>
      <c r="R15196">
        <v>67</v>
      </c>
      <c r="S15196">
        <v>69</v>
      </c>
      <c r="T15196">
        <v>71</v>
      </c>
      <c r="U15196">
        <v>73</v>
      </c>
      <c r="V15196">
        <v>75</v>
      </c>
      <c r="W15196">
        <v>77</v>
      </c>
      <c r="X15196">
        <v>79</v>
      </c>
      <c r="Y15196">
        <v>82</v>
      </c>
      <c r="Z15196">
        <v>84</v>
      </c>
      <c r="AA15196">
        <v>86</v>
      </c>
      <c r="AB15196">
        <v>88</v>
      </c>
      <c r="AC15196">
        <v>90</v>
      </c>
      <c r="AD15196">
        <v>92</v>
      </c>
      <c r="AE15196">
        <v>94</v>
      </c>
      <c r="AF15196">
        <v>95</v>
      </c>
      <c r="AG15196">
        <v>96</v>
      </c>
      <c r="AH15196">
        <v>97</v>
      </c>
      <c r="AI15196">
        <v>98</v>
      </c>
      <c r="AJ15196">
        <v>99</v>
      </c>
      <c r="AK15196">
        <v>99</v>
      </c>
      <c r="AL15196">
        <v>100</v>
      </c>
      <c r="AM15196">
        <v>101</v>
      </c>
      <c r="AN15196">
        <v>102</v>
      </c>
      <c r="AO15196">
        <v>103</v>
      </c>
      <c r="AP15196">
        <v>104</v>
      </c>
      <c r="AQ15196">
        <v>105</v>
      </c>
    </row>
    <row r="15197" spans="1:43">
      <c r="A15197" t="s">
        <v>9448</v>
      </c>
      <c r="B15197" t="s">
        <v>9449</v>
      </c>
      <c r="C15197" t="s">
        <v>9444</v>
      </c>
      <c r="D15197" t="s">
        <v>9445</v>
      </c>
      <c r="E15197" t="s">
        <v>9202</v>
      </c>
      <c r="F15197" t="s">
        <v>9203</v>
      </c>
      <c r="G15197" t="s">
        <v>80</v>
      </c>
      <c r="H15197" t="s">
        <v>81</v>
      </c>
      <c r="I15197" s="2">
        <v>0</v>
      </c>
      <c r="J15197" s="2">
        <v>1</v>
      </c>
      <c r="K15197" s="2">
        <v>0</v>
      </c>
      <c r="L15197" t="s">
        <v>82</v>
      </c>
      <c r="M15197" t="s">
        <v>83</v>
      </c>
      <c r="N15197" t="s">
        <v>91</v>
      </c>
      <c r="O15197" t="s">
        <v>85</v>
      </c>
      <c r="P15197" t="s">
        <v>86</v>
      </c>
      <c r="Q15197">
        <v>65</v>
      </c>
      <c r="R15197">
        <v>67</v>
      </c>
      <c r="S15197">
        <v>68</v>
      </c>
      <c r="T15197">
        <v>70</v>
      </c>
      <c r="U15197">
        <v>71</v>
      </c>
      <c r="V15197">
        <v>73</v>
      </c>
      <c r="W15197">
        <v>75</v>
      </c>
      <c r="X15197">
        <v>76</v>
      </c>
      <c r="Y15197">
        <v>78</v>
      </c>
      <c r="Z15197">
        <v>80</v>
      </c>
      <c r="AA15197">
        <v>81</v>
      </c>
      <c r="AB15197">
        <v>83</v>
      </c>
      <c r="AC15197">
        <v>85</v>
      </c>
      <c r="AD15197">
        <v>86</v>
      </c>
      <c r="AE15197">
        <v>88</v>
      </c>
      <c r="AF15197">
        <v>90</v>
      </c>
      <c r="AG15197">
        <v>92</v>
      </c>
      <c r="AH15197">
        <v>94</v>
      </c>
      <c r="AI15197">
        <v>95</v>
      </c>
      <c r="AJ15197">
        <v>97</v>
      </c>
      <c r="AK15197">
        <v>99</v>
      </c>
      <c r="AL15197">
        <v>100</v>
      </c>
      <c r="AM15197">
        <v>101</v>
      </c>
      <c r="AN15197">
        <v>102</v>
      </c>
      <c r="AO15197">
        <v>103</v>
      </c>
      <c r="AP15197">
        <v>104</v>
      </c>
      <c r="AQ15197">
        <v>105</v>
      </c>
    </row>
    <row r="15198" spans="1:43">
      <c r="A15198" t="s">
        <v>9450</v>
      </c>
      <c r="B15198" t="s">
        <v>9451</v>
      </c>
      <c r="C15198" t="s">
        <v>9444</v>
      </c>
      <c r="D15198" t="s">
        <v>9445</v>
      </c>
      <c r="E15198" t="s">
        <v>9202</v>
      </c>
      <c r="F15198" t="s">
        <v>9203</v>
      </c>
      <c r="G15198" t="s">
        <v>80</v>
      </c>
      <c r="H15198" t="s">
        <v>81</v>
      </c>
      <c r="I15198" s="2">
        <v>0</v>
      </c>
      <c r="J15198" s="2">
        <v>1</v>
      </c>
      <c r="K15198" s="2">
        <v>0</v>
      </c>
      <c r="L15198" t="s">
        <v>82</v>
      </c>
      <c r="M15198" t="s">
        <v>83</v>
      </c>
      <c r="N15198" t="s">
        <v>84</v>
      </c>
      <c r="O15198" t="s">
        <v>85</v>
      </c>
      <c r="P15198" t="s">
        <v>86</v>
      </c>
      <c r="Q15198">
        <v>36</v>
      </c>
      <c r="R15198">
        <v>37</v>
      </c>
      <c r="S15198">
        <v>38</v>
      </c>
      <c r="T15198">
        <v>39</v>
      </c>
      <c r="U15198">
        <v>40</v>
      </c>
      <c r="V15198">
        <v>41</v>
      </c>
      <c r="W15198">
        <v>42</v>
      </c>
      <c r="X15198">
        <v>42</v>
      </c>
      <c r="Y15198">
        <v>43</v>
      </c>
      <c r="Z15198">
        <v>44</v>
      </c>
      <c r="AA15198">
        <v>45</v>
      </c>
      <c r="AB15198">
        <v>46</v>
      </c>
      <c r="AC15198">
        <v>47</v>
      </c>
      <c r="AD15198">
        <v>48</v>
      </c>
      <c r="AE15198">
        <v>49</v>
      </c>
      <c r="AF15198">
        <v>50</v>
      </c>
      <c r="AG15198">
        <v>51</v>
      </c>
      <c r="AH15198">
        <v>52</v>
      </c>
      <c r="AI15198">
        <v>53</v>
      </c>
      <c r="AJ15198">
        <v>54</v>
      </c>
      <c r="AK15198">
        <v>55</v>
      </c>
      <c r="AL15198">
        <v>56</v>
      </c>
      <c r="AM15198">
        <v>57</v>
      </c>
      <c r="AN15198">
        <v>57</v>
      </c>
      <c r="AO15198">
        <v>58</v>
      </c>
      <c r="AP15198">
        <v>58</v>
      </c>
      <c r="AQ15198">
        <v>59</v>
      </c>
    </row>
    <row r="15199" spans="1:43">
      <c r="A15199" t="s">
        <v>9450</v>
      </c>
      <c r="B15199" t="s">
        <v>9451</v>
      </c>
      <c r="C15199" t="s">
        <v>9444</v>
      </c>
      <c r="D15199" t="s">
        <v>9445</v>
      </c>
      <c r="E15199" t="s">
        <v>9202</v>
      </c>
      <c r="F15199" t="s">
        <v>9203</v>
      </c>
      <c r="G15199" t="s">
        <v>80</v>
      </c>
      <c r="H15199" t="s">
        <v>81</v>
      </c>
      <c r="I15199" s="2">
        <v>0</v>
      </c>
      <c r="J15199" s="2">
        <v>1</v>
      </c>
      <c r="K15199" s="2">
        <v>0</v>
      </c>
      <c r="L15199" t="s">
        <v>82</v>
      </c>
      <c r="M15199" t="s">
        <v>87</v>
      </c>
      <c r="N15199" t="s">
        <v>88</v>
      </c>
      <c r="O15199" t="s">
        <v>85</v>
      </c>
      <c r="P15199" t="s">
        <v>86</v>
      </c>
      <c r="Q15199">
        <v>36</v>
      </c>
      <c r="R15199">
        <v>36</v>
      </c>
      <c r="S15199">
        <v>37</v>
      </c>
      <c r="T15199">
        <v>37</v>
      </c>
      <c r="U15199">
        <v>38</v>
      </c>
      <c r="V15199">
        <v>38</v>
      </c>
      <c r="W15199">
        <v>39</v>
      </c>
      <c r="X15199">
        <v>40</v>
      </c>
      <c r="Y15199">
        <v>40</v>
      </c>
      <c r="Z15199">
        <v>41</v>
      </c>
      <c r="AA15199">
        <v>41</v>
      </c>
      <c r="AB15199">
        <v>42</v>
      </c>
      <c r="AC15199">
        <v>42</v>
      </c>
      <c r="AD15199">
        <v>43</v>
      </c>
      <c r="AE15199">
        <v>43</v>
      </c>
      <c r="AF15199">
        <v>44</v>
      </c>
      <c r="AG15199">
        <v>45</v>
      </c>
      <c r="AH15199">
        <v>45</v>
      </c>
      <c r="AI15199">
        <v>46</v>
      </c>
      <c r="AJ15199">
        <v>46</v>
      </c>
      <c r="AK15199">
        <v>47</v>
      </c>
      <c r="AL15199">
        <v>48</v>
      </c>
      <c r="AM15199">
        <v>48</v>
      </c>
      <c r="AN15199">
        <v>49</v>
      </c>
      <c r="AO15199">
        <v>49</v>
      </c>
      <c r="AP15199">
        <v>50</v>
      </c>
      <c r="AQ15199">
        <v>51</v>
      </c>
    </row>
    <row r="15200" spans="1:43">
      <c r="A15200" t="s">
        <v>9450</v>
      </c>
      <c r="B15200" t="s">
        <v>9451</v>
      </c>
      <c r="C15200" t="s">
        <v>9444</v>
      </c>
      <c r="D15200" t="s">
        <v>9445</v>
      </c>
      <c r="E15200" t="s">
        <v>9202</v>
      </c>
      <c r="F15200" t="s">
        <v>9203</v>
      </c>
      <c r="G15200" t="s">
        <v>80</v>
      </c>
      <c r="H15200" t="s">
        <v>81</v>
      </c>
      <c r="I15200" s="2">
        <v>0</v>
      </c>
      <c r="J15200" s="2">
        <v>1</v>
      </c>
      <c r="K15200" s="2">
        <v>0</v>
      </c>
      <c r="L15200" t="s">
        <v>82</v>
      </c>
      <c r="M15200" t="s">
        <v>89</v>
      </c>
      <c r="N15200" t="s">
        <v>90</v>
      </c>
      <c r="O15200" t="s">
        <v>85</v>
      </c>
      <c r="P15200" t="s">
        <v>86</v>
      </c>
      <c r="Q15200">
        <v>36</v>
      </c>
      <c r="R15200">
        <v>37</v>
      </c>
      <c r="S15200">
        <v>38</v>
      </c>
      <c r="T15200">
        <v>39</v>
      </c>
      <c r="U15200">
        <v>40</v>
      </c>
      <c r="V15200">
        <v>41</v>
      </c>
      <c r="W15200">
        <v>43</v>
      </c>
      <c r="X15200">
        <v>44</v>
      </c>
      <c r="Y15200">
        <v>45</v>
      </c>
      <c r="Z15200">
        <v>46</v>
      </c>
      <c r="AA15200">
        <v>47</v>
      </c>
      <c r="AB15200">
        <v>48</v>
      </c>
      <c r="AC15200">
        <v>50</v>
      </c>
      <c r="AD15200">
        <v>51</v>
      </c>
      <c r="AE15200">
        <v>52</v>
      </c>
      <c r="AF15200">
        <v>52</v>
      </c>
      <c r="AG15200">
        <v>53</v>
      </c>
      <c r="AH15200">
        <v>53</v>
      </c>
      <c r="AI15200">
        <v>54</v>
      </c>
      <c r="AJ15200">
        <v>54</v>
      </c>
      <c r="AK15200">
        <v>55</v>
      </c>
      <c r="AL15200">
        <v>55</v>
      </c>
      <c r="AM15200">
        <v>56</v>
      </c>
      <c r="AN15200">
        <v>57</v>
      </c>
      <c r="AO15200">
        <v>57</v>
      </c>
      <c r="AP15200">
        <v>58</v>
      </c>
      <c r="AQ15200">
        <v>58</v>
      </c>
    </row>
    <row r="15201" spans="1:43">
      <c r="A15201" t="s">
        <v>9450</v>
      </c>
      <c r="B15201" t="s">
        <v>9451</v>
      </c>
      <c r="C15201" t="s">
        <v>9444</v>
      </c>
      <c r="D15201" t="s">
        <v>9445</v>
      </c>
      <c r="E15201" t="s">
        <v>9202</v>
      </c>
      <c r="F15201" t="s">
        <v>9203</v>
      </c>
      <c r="G15201" t="s">
        <v>80</v>
      </c>
      <c r="H15201" t="s">
        <v>81</v>
      </c>
      <c r="I15201" s="2">
        <v>0</v>
      </c>
      <c r="J15201" s="2">
        <v>1</v>
      </c>
      <c r="K15201" s="2">
        <v>0</v>
      </c>
      <c r="L15201" t="s">
        <v>82</v>
      </c>
      <c r="M15201" t="s">
        <v>83</v>
      </c>
      <c r="N15201" t="s">
        <v>91</v>
      </c>
      <c r="O15201" t="s">
        <v>85</v>
      </c>
      <c r="P15201" t="s">
        <v>86</v>
      </c>
      <c r="Q15201">
        <v>36</v>
      </c>
      <c r="R15201">
        <v>37</v>
      </c>
      <c r="S15201">
        <v>38</v>
      </c>
      <c r="T15201">
        <v>39</v>
      </c>
      <c r="U15201">
        <v>40</v>
      </c>
      <c r="V15201">
        <v>41</v>
      </c>
      <c r="W15201">
        <v>42</v>
      </c>
      <c r="X15201">
        <v>42</v>
      </c>
      <c r="Y15201">
        <v>43</v>
      </c>
      <c r="Z15201">
        <v>44</v>
      </c>
      <c r="AA15201">
        <v>45</v>
      </c>
      <c r="AB15201">
        <v>46</v>
      </c>
      <c r="AC15201">
        <v>47</v>
      </c>
      <c r="AD15201">
        <v>48</v>
      </c>
      <c r="AE15201">
        <v>49</v>
      </c>
      <c r="AF15201">
        <v>50</v>
      </c>
      <c r="AG15201">
        <v>51</v>
      </c>
      <c r="AH15201">
        <v>52</v>
      </c>
      <c r="AI15201">
        <v>53</v>
      </c>
      <c r="AJ15201">
        <v>54</v>
      </c>
      <c r="AK15201">
        <v>55</v>
      </c>
      <c r="AL15201">
        <v>56</v>
      </c>
      <c r="AM15201">
        <v>57</v>
      </c>
      <c r="AN15201">
        <v>57</v>
      </c>
      <c r="AO15201">
        <v>58</v>
      </c>
      <c r="AP15201">
        <v>58</v>
      </c>
      <c r="AQ15201">
        <v>59</v>
      </c>
    </row>
    <row r="15202" spans="1:43">
      <c r="A15202" t="s">
        <v>9452</v>
      </c>
      <c r="B15202" t="s">
        <v>9453</v>
      </c>
      <c r="C15202" t="s">
        <v>9444</v>
      </c>
      <c r="D15202" t="s">
        <v>9445</v>
      </c>
      <c r="E15202" t="s">
        <v>9202</v>
      </c>
      <c r="F15202" t="s">
        <v>9203</v>
      </c>
      <c r="G15202" t="s">
        <v>80</v>
      </c>
      <c r="H15202" t="s">
        <v>81</v>
      </c>
      <c r="I15202" s="2">
        <v>0</v>
      </c>
      <c r="J15202" s="2">
        <v>1</v>
      </c>
      <c r="K15202" s="2">
        <v>0</v>
      </c>
      <c r="L15202" t="s">
        <v>82</v>
      </c>
      <c r="M15202" t="s">
        <v>83</v>
      </c>
      <c r="N15202" t="s">
        <v>84</v>
      </c>
      <c r="O15202" t="s">
        <v>85</v>
      </c>
      <c r="P15202" t="s">
        <v>86</v>
      </c>
      <c r="Q15202">
        <v>7</v>
      </c>
      <c r="R15202">
        <v>7</v>
      </c>
      <c r="S15202">
        <v>8</v>
      </c>
      <c r="T15202">
        <v>8</v>
      </c>
      <c r="U15202">
        <v>8</v>
      </c>
      <c r="V15202">
        <v>8</v>
      </c>
      <c r="W15202">
        <v>8</v>
      </c>
      <c r="X15202">
        <v>9</v>
      </c>
      <c r="Y15202">
        <v>9</v>
      </c>
      <c r="Z15202">
        <v>9</v>
      </c>
      <c r="AA15202">
        <v>9</v>
      </c>
      <c r="AB15202">
        <v>9</v>
      </c>
      <c r="AC15202">
        <v>9</v>
      </c>
      <c r="AD15202">
        <v>10</v>
      </c>
      <c r="AE15202">
        <v>10</v>
      </c>
      <c r="AF15202">
        <v>10</v>
      </c>
      <c r="AG15202">
        <v>10</v>
      </c>
      <c r="AH15202">
        <v>10</v>
      </c>
      <c r="AI15202">
        <v>11</v>
      </c>
      <c r="AJ15202">
        <v>11</v>
      </c>
      <c r="AK15202">
        <v>11</v>
      </c>
      <c r="AL15202">
        <v>11</v>
      </c>
      <c r="AM15202">
        <v>11</v>
      </c>
      <c r="AN15202">
        <v>11</v>
      </c>
      <c r="AO15202">
        <v>12</v>
      </c>
      <c r="AP15202">
        <v>12</v>
      </c>
      <c r="AQ15202">
        <v>12</v>
      </c>
    </row>
    <row r="15203" spans="1:43">
      <c r="A15203" t="s">
        <v>9452</v>
      </c>
      <c r="B15203" t="s">
        <v>9453</v>
      </c>
      <c r="C15203" t="s">
        <v>9444</v>
      </c>
      <c r="D15203" t="s">
        <v>9445</v>
      </c>
      <c r="E15203" t="s">
        <v>9202</v>
      </c>
      <c r="F15203" t="s">
        <v>9203</v>
      </c>
      <c r="G15203" t="s">
        <v>80</v>
      </c>
      <c r="H15203" t="s">
        <v>81</v>
      </c>
      <c r="I15203" s="2">
        <v>0</v>
      </c>
      <c r="J15203" s="2">
        <v>1</v>
      </c>
      <c r="K15203" s="2">
        <v>0</v>
      </c>
      <c r="L15203" t="s">
        <v>82</v>
      </c>
      <c r="M15203" t="s">
        <v>87</v>
      </c>
      <c r="N15203" t="s">
        <v>88</v>
      </c>
      <c r="O15203" t="s">
        <v>85</v>
      </c>
      <c r="P15203" t="s">
        <v>86</v>
      </c>
      <c r="Q15203">
        <v>7</v>
      </c>
      <c r="R15203">
        <v>7</v>
      </c>
      <c r="S15203">
        <v>7</v>
      </c>
      <c r="T15203">
        <v>8</v>
      </c>
      <c r="U15203">
        <v>8</v>
      </c>
      <c r="V15203">
        <v>8</v>
      </c>
      <c r="W15203">
        <v>8</v>
      </c>
      <c r="X15203">
        <v>8</v>
      </c>
      <c r="Y15203">
        <v>8</v>
      </c>
      <c r="Z15203">
        <v>8</v>
      </c>
      <c r="AA15203">
        <v>8</v>
      </c>
      <c r="AB15203">
        <v>8</v>
      </c>
      <c r="AC15203">
        <v>9</v>
      </c>
      <c r="AD15203">
        <v>9</v>
      </c>
      <c r="AE15203">
        <v>9</v>
      </c>
      <c r="AF15203">
        <v>9</v>
      </c>
      <c r="AG15203">
        <v>9</v>
      </c>
      <c r="AH15203">
        <v>9</v>
      </c>
      <c r="AI15203">
        <v>9</v>
      </c>
      <c r="AJ15203">
        <v>9</v>
      </c>
      <c r="AK15203">
        <v>9</v>
      </c>
      <c r="AL15203">
        <v>10</v>
      </c>
      <c r="AM15203">
        <v>10</v>
      </c>
      <c r="AN15203">
        <v>10</v>
      </c>
      <c r="AO15203">
        <v>10</v>
      </c>
      <c r="AP15203">
        <v>10</v>
      </c>
      <c r="AQ15203">
        <v>10</v>
      </c>
    </row>
    <row r="15204" spans="1:43">
      <c r="A15204" t="s">
        <v>9452</v>
      </c>
      <c r="B15204" t="s">
        <v>9453</v>
      </c>
      <c r="C15204" t="s">
        <v>9444</v>
      </c>
      <c r="D15204" t="s">
        <v>9445</v>
      </c>
      <c r="E15204" t="s">
        <v>9202</v>
      </c>
      <c r="F15204" t="s">
        <v>9203</v>
      </c>
      <c r="G15204" t="s">
        <v>80</v>
      </c>
      <c r="H15204" t="s">
        <v>81</v>
      </c>
      <c r="I15204" s="2">
        <v>0</v>
      </c>
      <c r="J15204" s="2">
        <v>1</v>
      </c>
      <c r="K15204" s="2">
        <v>0</v>
      </c>
      <c r="L15204" t="s">
        <v>82</v>
      </c>
      <c r="M15204" t="s">
        <v>89</v>
      </c>
      <c r="N15204" t="s">
        <v>90</v>
      </c>
      <c r="O15204" t="s">
        <v>85</v>
      </c>
      <c r="P15204" t="s">
        <v>86</v>
      </c>
      <c r="Q15204">
        <v>7</v>
      </c>
      <c r="R15204">
        <v>8</v>
      </c>
      <c r="S15204">
        <v>8</v>
      </c>
      <c r="T15204">
        <v>8</v>
      </c>
      <c r="U15204">
        <v>8</v>
      </c>
      <c r="V15204">
        <v>9</v>
      </c>
      <c r="W15204">
        <v>9</v>
      </c>
      <c r="X15204">
        <v>9</v>
      </c>
      <c r="Y15204">
        <v>9</v>
      </c>
      <c r="Z15204">
        <v>9</v>
      </c>
      <c r="AA15204">
        <v>10</v>
      </c>
      <c r="AB15204">
        <v>10</v>
      </c>
      <c r="AC15204">
        <v>10</v>
      </c>
      <c r="AD15204">
        <v>10</v>
      </c>
      <c r="AE15204">
        <v>11</v>
      </c>
      <c r="AF15204">
        <v>11</v>
      </c>
      <c r="AG15204">
        <v>11</v>
      </c>
      <c r="AH15204">
        <v>11</v>
      </c>
      <c r="AI15204">
        <v>11</v>
      </c>
      <c r="AJ15204">
        <v>11</v>
      </c>
      <c r="AK15204">
        <v>11</v>
      </c>
      <c r="AL15204">
        <v>11</v>
      </c>
      <c r="AM15204">
        <v>11</v>
      </c>
      <c r="AN15204">
        <v>12</v>
      </c>
      <c r="AO15204">
        <v>12</v>
      </c>
      <c r="AP15204">
        <v>12</v>
      </c>
      <c r="AQ15204">
        <v>12</v>
      </c>
    </row>
    <row r="15205" spans="1:43">
      <c r="A15205" t="s">
        <v>9452</v>
      </c>
      <c r="B15205" t="s">
        <v>9453</v>
      </c>
      <c r="C15205" t="s">
        <v>9444</v>
      </c>
      <c r="D15205" t="s">
        <v>9445</v>
      </c>
      <c r="E15205" t="s">
        <v>9202</v>
      </c>
      <c r="F15205" t="s">
        <v>9203</v>
      </c>
      <c r="G15205" t="s">
        <v>80</v>
      </c>
      <c r="H15205" t="s">
        <v>81</v>
      </c>
      <c r="I15205" s="2">
        <v>0</v>
      </c>
      <c r="J15205" s="2">
        <v>1</v>
      </c>
      <c r="K15205" s="2">
        <v>0</v>
      </c>
      <c r="L15205" t="s">
        <v>82</v>
      </c>
      <c r="M15205" t="s">
        <v>83</v>
      </c>
      <c r="N15205" t="s">
        <v>91</v>
      </c>
      <c r="O15205" t="s">
        <v>85</v>
      </c>
      <c r="P15205" t="s">
        <v>86</v>
      </c>
      <c r="Q15205">
        <v>7</v>
      </c>
      <c r="R15205">
        <v>7</v>
      </c>
      <c r="S15205">
        <v>8</v>
      </c>
      <c r="T15205">
        <v>8</v>
      </c>
      <c r="U15205">
        <v>8</v>
      </c>
      <c r="V15205">
        <v>8</v>
      </c>
      <c r="W15205">
        <v>8</v>
      </c>
      <c r="X15205">
        <v>9</v>
      </c>
      <c r="Y15205">
        <v>9</v>
      </c>
      <c r="Z15205">
        <v>9</v>
      </c>
      <c r="AA15205">
        <v>9</v>
      </c>
      <c r="AB15205">
        <v>9</v>
      </c>
      <c r="AC15205">
        <v>9</v>
      </c>
      <c r="AD15205">
        <v>10</v>
      </c>
      <c r="AE15205">
        <v>10</v>
      </c>
      <c r="AF15205">
        <v>10</v>
      </c>
      <c r="AG15205">
        <v>10</v>
      </c>
      <c r="AH15205">
        <v>10</v>
      </c>
      <c r="AI15205">
        <v>11</v>
      </c>
      <c r="AJ15205">
        <v>11</v>
      </c>
      <c r="AK15205">
        <v>11</v>
      </c>
      <c r="AL15205">
        <v>11</v>
      </c>
      <c r="AM15205">
        <v>11</v>
      </c>
      <c r="AN15205">
        <v>11</v>
      </c>
      <c r="AO15205">
        <v>12</v>
      </c>
      <c r="AP15205">
        <v>12</v>
      </c>
      <c r="AQ15205">
        <v>12</v>
      </c>
    </row>
    <row r="15206" spans="1:43">
      <c r="A15206" t="s">
        <v>9454</v>
      </c>
      <c r="B15206" t="s">
        <v>9455</v>
      </c>
      <c r="C15206" t="s">
        <v>9444</v>
      </c>
      <c r="D15206" t="s">
        <v>9445</v>
      </c>
      <c r="E15206" t="s">
        <v>9202</v>
      </c>
      <c r="F15206" t="s">
        <v>9203</v>
      </c>
      <c r="G15206" t="s">
        <v>80</v>
      </c>
      <c r="H15206" t="s">
        <v>81</v>
      </c>
      <c r="I15206" s="2">
        <v>0</v>
      </c>
      <c r="J15206" s="2">
        <v>1</v>
      </c>
      <c r="K15206" s="2">
        <v>0</v>
      </c>
      <c r="L15206" t="s">
        <v>82</v>
      </c>
      <c r="M15206" t="s">
        <v>83</v>
      </c>
      <c r="N15206" t="s">
        <v>84</v>
      </c>
      <c r="O15206" t="s">
        <v>85</v>
      </c>
      <c r="P15206" t="s">
        <v>86</v>
      </c>
      <c r="Q15206">
        <v>47</v>
      </c>
      <c r="R15206">
        <v>48</v>
      </c>
      <c r="S15206">
        <v>49</v>
      </c>
      <c r="T15206">
        <v>50</v>
      </c>
      <c r="U15206">
        <v>51</v>
      </c>
      <c r="V15206">
        <v>52</v>
      </c>
      <c r="W15206">
        <v>53</v>
      </c>
      <c r="X15206">
        <v>55</v>
      </c>
      <c r="Y15206">
        <v>56</v>
      </c>
      <c r="Z15206">
        <v>57</v>
      </c>
      <c r="AA15206">
        <v>58</v>
      </c>
      <c r="AB15206">
        <v>59</v>
      </c>
      <c r="AC15206">
        <v>61</v>
      </c>
      <c r="AD15206">
        <v>62</v>
      </c>
      <c r="AE15206">
        <v>63</v>
      </c>
      <c r="AF15206">
        <v>64</v>
      </c>
      <c r="AG15206">
        <v>66</v>
      </c>
      <c r="AH15206">
        <v>67</v>
      </c>
      <c r="AI15206">
        <v>68</v>
      </c>
      <c r="AJ15206">
        <v>70</v>
      </c>
      <c r="AK15206">
        <v>71</v>
      </c>
      <c r="AL15206">
        <v>72</v>
      </c>
      <c r="AM15206">
        <v>73</v>
      </c>
      <c r="AN15206">
        <v>73</v>
      </c>
      <c r="AO15206">
        <v>74</v>
      </c>
      <c r="AP15206">
        <v>75</v>
      </c>
      <c r="AQ15206">
        <v>75</v>
      </c>
    </row>
    <row r="15207" spans="1:43">
      <c r="A15207" t="s">
        <v>9454</v>
      </c>
      <c r="B15207" t="s">
        <v>9455</v>
      </c>
      <c r="C15207" t="s">
        <v>9444</v>
      </c>
      <c r="D15207" t="s">
        <v>9445</v>
      </c>
      <c r="E15207" t="s">
        <v>9202</v>
      </c>
      <c r="F15207" t="s">
        <v>9203</v>
      </c>
      <c r="G15207" t="s">
        <v>80</v>
      </c>
      <c r="H15207" t="s">
        <v>81</v>
      </c>
      <c r="I15207" s="2">
        <v>0</v>
      </c>
      <c r="J15207" s="2">
        <v>1</v>
      </c>
      <c r="K15207" s="2">
        <v>0</v>
      </c>
      <c r="L15207" t="s">
        <v>82</v>
      </c>
      <c r="M15207" t="s">
        <v>87</v>
      </c>
      <c r="N15207" t="s">
        <v>88</v>
      </c>
      <c r="O15207" t="s">
        <v>85</v>
      </c>
      <c r="P15207" t="s">
        <v>86</v>
      </c>
      <c r="Q15207">
        <v>47</v>
      </c>
      <c r="R15207">
        <v>48</v>
      </c>
      <c r="S15207">
        <v>48</v>
      </c>
      <c r="T15207">
        <v>49</v>
      </c>
      <c r="U15207">
        <v>50</v>
      </c>
      <c r="V15207">
        <v>50</v>
      </c>
      <c r="W15207">
        <v>51</v>
      </c>
      <c r="X15207">
        <v>52</v>
      </c>
      <c r="Y15207">
        <v>53</v>
      </c>
      <c r="Z15207">
        <v>53</v>
      </c>
      <c r="AA15207">
        <v>54</v>
      </c>
      <c r="AB15207">
        <v>55</v>
      </c>
      <c r="AC15207">
        <v>55</v>
      </c>
      <c r="AD15207">
        <v>56</v>
      </c>
      <c r="AE15207">
        <v>57</v>
      </c>
      <c r="AF15207">
        <v>58</v>
      </c>
      <c r="AG15207">
        <v>58</v>
      </c>
      <c r="AH15207">
        <v>59</v>
      </c>
      <c r="AI15207">
        <v>60</v>
      </c>
      <c r="AJ15207">
        <v>61</v>
      </c>
      <c r="AK15207">
        <v>61</v>
      </c>
      <c r="AL15207">
        <v>62</v>
      </c>
      <c r="AM15207">
        <v>63</v>
      </c>
      <c r="AN15207">
        <v>64</v>
      </c>
      <c r="AO15207">
        <v>65</v>
      </c>
      <c r="AP15207">
        <v>65</v>
      </c>
      <c r="AQ15207">
        <v>66</v>
      </c>
    </row>
    <row r="15208" spans="1:43">
      <c r="A15208" t="s">
        <v>9454</v>
      </c>
      <c r="B15208" t="s">
        <v>9455</v>
      </c>
      <c r="C15208" t="s">
        <v>9444</v>
      </c>
      <c r="D15208" t="s">
        <v>9445</v>
      </c>
      <c r="E15208" t="s">
        <v>9202</v>
      </c>
      <c r="F15208" t="s">
        <v>9203</v>
      </c>
      <c r="G15208" t="s">
        <v>80</v>
      </c>
      <c r="H15208" t="s">
        <v>81</v>
      </c>
      <c r="I15208" s="2">
        <v>0</v>
      </c>
      <c r="J15208" s="2">
        <v>1</v>
      </c>
      <c r="K15208" s="2">
        <v>0</v>
      </c>
      <c r="L15208" t="s">
        <v>82</v>
      </c>
      <c r="M15208" t="s">
        <v>89</v>
      </c>
      <c r="N15208" t="s">
        <v>90</v>
      </c>
      <c r="O15208" t="s">
        <v>85</v>
      </c>
      <c r="P15208" t="s">
        <v>86</v>
      </c>
      <c r="Q15208">
        <v>47</v>
      </c>
      <c r="R15208">
        <v>49</v>
      </c>
      <c r="S15208">
        <v>50</v>
      </c>
      <c r="T15208">
        <v>52</v>
      </c>
      <c r="U15208">
        <v>53</v>
      </c>
      <c r="V15208">
        <v>55</v>
      </c>
      <c r="W15208">
        <v>56</v>
      </c>
      <c r="X15208">
        <v>58</v>
      </c>
      <c r="Y15208">
        <v>59</v>
      </c>
      <c r="Z15208">
        <v>61</v>
      </c>
      <c r="AA15208">
        <v>62</v>
      </c>
      <c r="AB15208">
        <v>64</v>
      </c>
      <c r="AC15208">
        <v>65</v>
      </c>
      <c r="AD15208">
        <v>67</v>
      </c>
      <c r="AE15208">
        <v>68</v>
      </c>
      <c r="AF15208">
        <v>69</v>
      </c>
      <c r="AG15208">
        <v>69</v>
      </c>
      <c r="AH15208">
        <v>70</v>
      </c>
      <c r="AI15208">
        <v>71</v>
      </c>
      <c r="AJ15208">
        <v>71</v>
      </c>
      <c r="AK15208">
        <v>72</v>
      </c>
      <c r="AL15208">
        <v>73</v>
      </c>
      <c r="AM15208">
        <v>73</v>
      </c>
      <c r="AN15208">
        <v>74</v>
      </c>
      <c r="AO15208">
        <v>75</v>
      </c>
      <c r="AP15208">
        <v>75</v>
      </c>
      <c r="AQ15208">
        <v>76</v>
      </c>
    </row>
    <row r="15209" spans="1:43">
      <c r="A15209" t="s">
        <v>9454</v>
      </c>
      <c r="B15209" t="s">
        <v>9455</v>
      </c>
      <c r="C15209" t="s">
        <v>9444</v>
      </c>
      <c r="D15209" t="s">
        <v>9445</v>
      </c>
      <c r="E15209" t="s">
        <v>9202</v>
      </c>
      <c r="F15209" t="s">
        <v>9203</v>
      </c>
      <c r="G15209" t="s">
        <v>80</v>
      </c>
      <c r="H15209" t="s">
        <v>81</v>
      </c>
      <c r="I15209" s="2">
        <v>0</v>
      </c>
      <c r="J15209" s="2">
        <v>1</v>
      </c>
      <c r="K15209" s="2">
        <v>0</v>
      </c>
      <c r="L15209" t="s">
        <v>82</v>
      </c>
      <c r="M15209" t="s">
        <v>83</v>
      </c>
      <c r="N15209" t="s">
        <v>91</v>
      </c>
      <c r="O15209" t="s">
        <v>85</v>
      </c>
      <c r="P15209" t="s">
        <v>86</v>
      </c>
      <c r="Q15209">
        <v>47</v>
      </c>
      <c r="R15209">
        <v>48</v>
      </c>
      <c r="S15209">
        <v>49</v>
      </c>
      <c r="T15209">
        <v>50</v>
      </c>
      <c r="U15209">
        <v>51</v>
      </c>
      <c r="V15209">
        <v>52</v>
      </c>
      <c r="W15209">
        <v>53</v>
      </c>
      <c r="X15209">
        <v>55</v>
      </c>
      <c r="Y15209">
        <v>56</v>
      </c>
      <c r="Z15209">
        <v>57</v>
      </c>
      <c r="AA15209">
        <v>58</v>
      </c>
      <c r="AB15209">
        <v>59</v>
      </c>
      <c r="AC15209">
        <v>61</v>
      </c>
      <c r="AD15209">
        <v>62</v>
      </c>
      <c r="AE15209">
        <v>63</v>
      </c>
      <c r="AF15209">
        <v>64</v>
      </c>
      <c r="AG15209">
        <v>66</v>
      </c>
      <c r="AH15209">
        <v>67</v>
      </c>
      <c r="AI15209">
        <v>68</v>
      </c>
      <c r="AJ15209">
        <v>70</v>
      </c>
      <c r="AK15209">
        <v>71</v>
      </c>
      <c r="AL15209">
        <v>72</v>
      </c>
      <c r="AM15209">
        <v>73</v>
      </c>
      <c r="AN15209">
        <v>73</v>
      </c>
      <c r="AO15209">
        <v>74</v>
      </c>
      <c r="AP15209">
        <v>75</v>
      </c>
      <c r="AQ15209">
        <v>75</v>
      </c>
    </row>
    <row r="15210" spans="1:43">
      <c r="A15210" t="s">
        <v>9456</v>
      </c>
      <c r="B15210" t="s">
        <v>9457</v>
      </c>
      <c r="C15210" t="s">
        <v>9226</v>
      </c>
      <c r="D15210" t="s">
        <v>9227</v>
      </c>
      <c r="E15210" t="s">
        <v>9202</v>
      </c>
      <c r="F15210" t="s">
        <v>9203</v>
      </c>
      <c r="G15210" t="s">
        <v>80</v>
      </c>
      <c r="H15210" t="s">
        <v>81</v>
      </c>
      <c r="I15210" s="2">
        <v>0</v>
      </c>
      <c r="J15210" s="2">
        <v>1</v>
      </c>
      <c r="K15210" s="2">
        <v>0</v>
      </c>
      <c r="L15210" t="s">
        <v>82</v>
      </c>
      <c r="M15210" t="s">
        <v>83</v>
      </c>
      <c r="N15210" t="s">
        <v>84</v>
      </c>
      <c r="O15210" t="s">
        <v>85</v>
      </c>
      <c r="P15210" t="s">
        <v>86</v>
      </c>
      <c r="Q15210">
        <v>49</v>
      </c>
      <c r="R15210">
        <v>50</v>
      </c>
      <c r="S15210">
        <v>51</v>
      </c>
      <c r="T15210">
        <v>52</v>
      </c>
      <c r="U15210">
        <v>53</v>
      </c>
      <c r="V15210">
        <v>55</v>
      </c>
      <c r="W15210">
        <v>56</v>
      </c>
      <c r="X15210">
        <v>57</v>
      </c>
      <c r="Y15210">
        <v>58</v>
      </c>
      <c r="Z15210">
        <v>59</v>
      </c>
      <c r="AA15210">
        <v>61</v>
      </c>
      <c r="AB15210">
        <v>62</v>
      </c>
      <c r="AC15210">
        <v>63</v>
      </c>
      <c r="AD15210">
        <v>65</v>
      </c>
      <c r="AE15210">
        <v>66</v>
      </c>
      <c r="AF15210">
        <v>67</v>
      </c>
      <c r="AG15210">
        <v>68</v>
      </c>
      <c r="AH15210">
        <v>70</v>
      </c>
      <c r="AI15210">
        <v>71</v>
      </c>
      <c r="AJ15210">
        <v>72</v>
      </c>
      <c r="AK15210">
        <v>74</v>
      </c>
      <c r="AL15210">
        <v>75</v>
      </c>
      <c r="AM15210">
        <v>75</v>
      </c>
      <c r="AN15210">
        <v>76</v>
      </c>
      <c r="AO15210">
        <v>77</v>
      </c>
      <c r="AP15210">
        <v>78</v>
      </c>
      <c r="AQ15210">
        <v>78</v>
      </c>
    </row>
    <row r="15211" spans="1:43">
      <c r="A15211" t="s">
        <v>9456</v>
      </c>
      <c r="B15211" t="s">
        <v>9457</v>
      </c>
      <c r="C15211" t="s">
        <v>9226</v>
      </c>
      <c r="D15211" t="s">
        <v>9227</v>
      </c>
      <c r="E15211" t="s">
        <v>9202</v>
      </c>
      <c r="F15211" t="s">
        <v>9203</v>
      </c>
      <c r="G15211" t="s">
        <v>80</v>
      </c>
      <c r="H15211" t="s">
        <v>81</v>
      </c>
      <c r="I15211" s="2">
        <v>0</v>
      </c>
      <c r="J15211" s="2">
        <v>1</v>
      </c>
      <c r="K15211" s="2">
        <v>0</v>
      </c>
      <c r="L15211" t="s">
        <v>82</v>
      </c>
      <c r="M15211" t="s">
        <v>87</v>
      </c>
      <c r="N15211" t="s">
        <v>88</v>
      </c>
      <c r="O15211" t="s">
        <v>85</v>
      </c>
      <c r="P15211" t="s">
        <v>86</v>
      </c>
      <c r="Q15211">
        <v>49</v>
      </c>
      <c r="R15211">
        <v>50</v>
      </c>
      <c r="S15211">
        <v>51</v>
      </c>
      <c r="T15211">
        <v>51</v>
      </c>
      <c r="U15211">
        <v>52</v>
      </c>
      <c r="V15211">
        <v>53</v>
      </c>
      <c r="W15211">
        <v>53</v>
      </c>
      <c r="X15211">
        <v>54</v>
      </c>
      <c r="Y15211">
        <v>55</v>
      </c>
      <c r="Z15211">
        <v>56</v>
      </c>
      <c r="AA15211">
        <v>56</v>
      </c>
      <c r="AB15211">
        <v>57</v>
      </c>
      <c r="AC15211">
        <v>58</v>
      </c>
      <c r="AD15211">
        <v>59</v>
      </c>
      <c r="AE15211">
        <v>59</v>
      </c>
      <c r="AF15211">
        <v>60</v>
      </c>
      <c r="AG15211">
        <v>61</v>
      </c>
      <c r="AH15211">
        <v>62</v>
      </c>
      <c r="AI15211">
        <v>62</v>
      </c>
      <c r="AJ15211">
        <v>63</v>
      </c>
      <c r="AK15211">
        <v>64</v>
      </c>
      <c r="AL15211">
        <v>65</v>
      </c>
      <c r="AM15211">
        <v>66</v>
      </c>
      <c r="AN15211">
        <v>66</v>
      </c>
      <c r="AO15211">
        <v>67</v>
      </c>
      <c r="AP15211">
        <v>68</v>
      </c>
      <c r="AQ15211">
        <v>69</v>
      </c>
    </row>
    <row r="15212" spans="1:43">
      <c r="A15212" t="s">
        <v>9456</v>
      </c>
      <c r="B15212" t="s">
        <v>9457</v>
      </c>
      <c r="C15212" t="s">
        <v>9226</v>
      </c>
      <c r="D15212" t="s">
        <v>9227</v>
      </c>
      <c r="E15212" t="s">
        <v>9202</v>
      </c>
      <c r="F15212" t="s">
        <v>9203</v>
      </c>
      <c r="G15212" t="s">
        <v>80</v>
      </c>
      <c r="H15212" t="s">
        <v>81</v>
      </c>
      <c r="I15212" s="2">
        <v>0</v>
      </c>
      <c r="J15212" s="2">
        <v>1</v>
      </c>
      <c r="K15212" s="2">
        <v>0</v>
      </c>
      <c r="L15212" t="s">
        <v>82</v>
      </c>
      <c r="M15212" t="s">
        <v>89</v>
      </c>
      <c r="N15212" t="s">
        <v>90</v>
      </c>
      <c r="O15212" t="s">
        <v>85</v>
      </c>
      <c r="P15212" t="s">
        <v>86</v>
      </c>
      <c r="Q15212">
        <v>49</v>
      </c>
      <c r="R15212">
        <v>51</v>
      </c>
      <c r="S15212">
        <v>52</v>
      </c>
      <c r="T15212">
        <v>54</v>
      </c>
      <c r="U15212">
        <v>55</v>
      </c>
      <c r="V15212">
        <v>57</v>
      </c>
      <c r="W15212">
        <v>59</v>
      </c>
      <c r="X15212">
        <v>60</v>
      </c>
      <c r="Y15212">
        <v>62</v>
      </c>
      <c r="Z15212">
        <v>63</v>
      </c>
      <c r="AA15212">
        <v>65</v>
      </c>
      <c r="AB15212">
        <v>66</v>
      </c>
      <c r="AC15212">
        <v>68</v>
      </c>
      <c r="AD15212">
        <v>69</v>
      </c>
      <c r="AE15212">
        <v>71</v>
      </c>
      <c r="AF15212">
        <v>71</v>
      </c>
      <c r="AG15212">
        <v>72</v>
      </c>
      <c r="AH15212">
        <v>73</v>
      </c>
      <c r="AI15212">
        <v>73</v>
      </c>
      <c r="AJ15212">
        <v>74</v>
      </c>
      <c r="AK15212">
        <v>75</v>
      </c>
      <c r="AL15212">
        <v>76</v>
      </c>
      <c r="AM15212">
        <v>76</v>
      </c>
      <c r="AN15212">
        <v>77</v>
      </c>
      <c r="AO15212">
        <v>78</v>
      </c>
      <c r="AP15212">
        <v>78</v>
      </c>
      <c r="AQ15212">
        <v>79</v>
      </c>
    </row>
    <row r="15213" spans="1:43">
      <c r="A15213" t="s">
        <v>9456</v>
      </c>
      <c r="B15213" t="s">
        <v>9457</v>
      </c>
      <c r="C15213" t="s">
        <v>9226</v>
      </c>
      <c r="D15213" t="s">
        <v>9227</v>
      </c>
      <c r="E15213" t="s">
        <v>9202</v>
      </c>
      <c r="F15213" t="s">
        <v>9203</v>
      </c>
      <c r="G15213" t="s">
        <v>80</v>
      </c>
      <c r="H15213" t="s">
        <v>81</v>
      </c>
      <c r="I15213" s="2">
        <v>0</v>
      </c>
      <c r="J15213" s="2">
        <v>1</v>
      </c>
      <c r="K15213" s="2">
        <v>0</v>
      </c>
      <c r="L15213" t="s">
        <v>82</v>
      </c>
      <c r="M15213" t="s">
        <v>83</v>
      </c>
      <c r="N15213" t="s">
        <v>91</v>
      </c>
      <c r="O15213" t="s">
        <v>85</v>
      </c>
      <c r="P15213" t="s">
        <v>86</v>
      </c>
      <c r="Q15213">
        <v>49</v>
      </c>
      <c r="R15213">
        <v>50</v>
      </c>
      <c r="S15213">
        <v>51</v>
      </c>
      <c r="T15213">
        <v>52</v>
      </c>
      <c r="U15213">
        <v>53</v>
      </c>
      <c r="V15213">
        <v>55</v>
      </c>
      <c r="W15213">
        <v>56</v>
      </c>
      <c r="X15213">
        <v>57</v>
      </c>
      <c r="Y15213">
        <v>58</v>
      </c>
      <c r="Z15213">
        <v>59</v>
      </c>
      <c r="AA15213">
        <v>61</v>
      </c>
      <c r="AB15213">
        <v>62</v>
      </c>
      <c r="AC15213">
        <v>63</v>
      </c>
      <c r="AD15213">
        <v>65</v>
      </c>
      <c r="AE15213">
        <v>66</v>
      </c>
      <c r="AF15213">
        <v>67</v>
      </c>
      <c r="AG15213">
        <v>68</v>
      </c>
      <c r="AH15213">
        <v>70</v>
      </c>
      <c r="AI15213">
        <v>71</v>
      </c>
      <c r="AJ15213">
        <v>72</v>
      </c>
      <c r="AK15213">
        <v>74</v>
      </c>
      <c r="AL15213">
        <v>75</v>
      </c>
      <c r="AM15213">
        <v>75</v>
      </c>
      <c r="AN15213">
        <v>76</v>
      </c>
      <c r="AO15213">
        <v>77</v>
      </c>
      <c r="AP15213">
        <v>78</v>
      </c>
      <c r="AQ15213">
        <v>78</v>
      </c>
    </row>
    <row r="15214" spans="1:43">
      <c r="A15214" t="s">
        <v>9458</v>
      </c>
      <c r="B15214" t="s">
        <v>9459</v>
      </c>
      <c r="C15214" t="s">
        <v>9226</v>
      </c>
      <c r="D15214" t="s">
        <v>9227</v>
      </c>
      <c r="E15214" t="s">
        <v>9202</v>
      </c>
      <c r="F15214" t="s">
        <v>9203</v>
      </c>
      <c r="G15214" t="s">
        <v>80</v>
      </c>
      <c r="H15214" t="s">
        <v>81</v>
      </c>
      <c r="I15214" s="2">
        <v>0</v>
      </c>
      <c r="J15214" s="2">
        <v>1</v>
      </c>
      <c r="K15214" s="2">
        <v>0</v>
      </c>
      <c r="L15214" t="s">
        <v>82</v>
      </c>
      <c r="M15214" t="s">
        <v>83</v>
      </c>
      <c r="N15214" t="s">
        <v>84</v>
      </c>
      <c r="O15214" t="s">
        <v>85</v>
      </c>
      <c r="P15214" t="s">
        <v>86</v>
      </c>
      <c r="Q15214">
        <v>7</v>
      </c>
      <c r="R15214">
        <v>8</v>
      </c>
      <c r="S15214">
        <v>8</v>
      </c>
      <c r="T15214">
        <v>8</v>
      </c>
      <c r="U15214">
        <v>8</v>
      </c>
      <c r="V15214">
        <v>8</v>
      </c>
      <c r="W15214">
        <v>8</v>
      </c>
      <c r="X15214">
        <v>9</v>
      </c>
      <c r="Y15214">
        <v>9</v>
      </c>
      <c r="Z15214">
        <v>9</v>
      </c>
      <c r="AA15214">
        <v>9</v>
      </c>
      <c r="AB15214">
        <v>9</v>
      </c>
      <c r="AC15214">
        <v>10</v>
      </c>
      <c r="AD15214">
        <v>10</v>
      </c>
      <c r="AE15214">
        <v>10</v>
      </c>
      <c r="AF15214">
        <v>10</v>
      </c>
      <c r="AG15214">
        <v>10</v>
      </c>
      <c r="AH15214">
        <v>11</v>
      </c>
      <c r="AI15214">
        <v>11</v>
      </c>
      <c r="AJ15214">
        <v>11</v>
      </c>
      <c r="AK15214">
        <v>11</v>
      </c>
      <c r="AL15214">
        <v>11</v>
      </c>
      <c r="AM15214">
        <v>11</v>
      </c>
      <c r="AN15214">
        <v>12</v>
      </c>
      <c r="AO15214">
        <v>12</v>
      </c>
      <c r="AP15214">
        <v>12</v>
      </c>
      <c r="AQ15214">
        <v>12</v>
      </c>
    </row>
    <row r="15215" spans="1:43">
      <c r="A15215" t="s">
        <v>9458</v>
      </c>
      <c r="B15215" t="s">
        <v>9459</v>
      </c>
      <c r="C15215" t="s">
        <v>9226</v>
      </c>
      <c r="D15215" t="s">
        <v>9227</v>
      </c>
      <c r="E15215" t="s">
        <v>9202</v>
      </c>
      <c r="F15215" t="s">
        <v>9203</v>
      </c>
      <c r="G15215" t="s">
        <v>80</v>
      </c>
      <c r="H15215" t="s">
        <v>81</v>
      </c>
      <c r="I15215" s="2">
        <v>0</v>
      </c>
      <c r="J15215" s="2">
        <v>1</v>
      </c>
      <c r="K15215" s="2">
        <v>0</v>
      </c>
      <c r="L15215" t="s">
        <v>82</v>
      </c>
      <c r="M15215" t="s">
        <v>87</v>
      </c>
      <c r="N15215" t="s">
        <v>88</v>
      </c>
      <c r="O15215" t="s">
        <v>85</v>
      </c>
      <c r="P15215" t="s">
        <v>86</v>
      </c>
      <c r="Q15215">
        <v>7</v>
      </c>
      <c r="R15215">
        <v>7</v>
      </c>
      <c r="S15215">
        <v>7</v>
      </c>
      <c r="T15215">
        <v>8</v>
      </c>
      <c r="U15215">
        <v>8</v>
      </c>
      <c r="V15215">
        <v>8</v>
      </c>
      <c r="W15215">
        <v>8</v>
      </c>
      <c r="X15215">
        <v>8</v>
      </c>
      <c r="Y15215">
        <v>8</v>
      </c>
      <c r="Z15215">
        <v>8</v>
      </c>
      <c r="AA15215">
        <v>8</v>
      </c>
      <c r="AB15215">
        <v>8</v>
      </c>
      <c r="AC15215">
        <v>9</v>
      </c>
      <c r="AD15215">
        <v>9</v>
      </c>
      <c r="AE15215">
        <v>9</v>
      </c>
      <c r="AF15215">
        <v>9</v>
      </c>
      <c r="AG15215">
        <v>9</v>
      </c>
      <c r="AH15215">
        <v>9</v>
      </c>
      <c r="AI15215">
        <v>9</v>
      </c>
      <c r="AJ15215">
        <v>9</v>
      </c>
      <c r="AK15215">
        <v>10</v>
      </c>
      <c r="AL15215">
        <v>10</v>
      </c>
      <c r="AM15215">
        <v>10</v>
      </c>
      <c r="AN15215">
        <v>10</v>
      </c>
      <c r="AO15215">
        <v>10</v>
      </c>
      <c r="AP15215">
        <v>10</v>
      </c>
      <c r="AQ15215">
        <v>10</v>
      </c>
    </row>
    <row r="15216" spans="1:43">
      <c r="A15216" t="s">
        <v>9458</v>
      </c>
      <c r="B15216" t="s">
        <v>9459</v>
      </c>
      <c r="C15216" t="s">
        <v>9226</v>
      </c>
      <c r="D15216" t="s">
        <v>9227</v>
      </c>
      <c r="E15216" t="s">
        <v>9202</v>
      </c>
      <c r="F15216" t="s">
        <v>9203</v>
      </c>
      <c r="G15216" t="s">
        <v>80</v>
      </c>
      <c r="H15216" t="s">
        <v>81</v>
      </c>
      <c r="I15216" s="2">
        <v>0</v>
      </c>
      <c r="J15216" s="2">
        <v>1</v>
      </c>
      <c r="K15216" s="2">
        <v>0</v>
      </c>
      <c r="L15216" t="s">
        <v>82</v>
      </c>
      <c r="M15216" t="s">
        <v>89</v>
      </c>
      <c r="N15216" t="s">
        <v>90</v>
      </c>
      <c r="O15216" t="s">
        <v>85</v>
      </c>
      <c r="P15216" t="s">
        <v>86</v>
      </c>
      <c r="Q15216">
        <v>7</v>
      </c>
      <c r="R15216">
        <v>8</v>
      </c>
      <c r="S15216">
        <v>8</v>
      </c>
      <c r="T15216">
        <v>8</v>
      </c>
      <c r="U15216">
        <v>8</v>
      </c>
      <c r="V15216">
        <v>9</v>
      </c>
      <c r="W15216">
        <v>9</v>
      </c>
      <c r="X15216">
        <v>9</v>
      </c>
      <c r="Y15216">
        <v>9</v>
      </c>
      <c r="Z15216">
        <v>10</v>
      </c>
      <c r="AA15216">
        <v>10</v>
      </c>
      <c r="AB15216">
        <v>10</v>
      </c>
      <c r="AC15216">
        <v>10</v>
      </c>
      <c r="AD15216">
        <v>10</v>
      </c>
      <c r="AE15216">
        <v>11</v>
      </c>
      <c r="AF15216">
        <v>11</v>
      </c>
      <c r="AG15216">
        <v>11</v>
      </c>
      <c r="AH15216">
        <v>11</v>
      </c>
      <c r="AI15216">
        <v>11</v>
      </c>
      <c r="AJ15216">
        <v>11</v>
      </c>
      <c r="AK15216">
        <v>11</v>
      </c>
      <c r="AL15216">
        <v>11</v>
      </c>
      <c r="AM15216">
        <v>12</v>
      </c>
      <c r="AN15216">
        <v>12</v>
      </c>
      <c r="AO15216">
        <v>12</v>
      </c>
      <c r="AP15216">
        <v>12</v>
      </c>
      <c r="AQ15216">
        <v>12</v>
      </c>
    </row>
    <row r="15217" spans="1:43">
      <c r="A15217" t="s">
        <v>9458</v>
      </c>
      <c r="B15217" t="s">
        <v>9459</v>
      </c>
      <c r="C15217" t="s">
        <v>9226</v>
      </c>
      <c r="D15217" t="s">
        <v>9227</v>
      </c>
      <c r="E15217" t="s">
        <v>9202</v>
      </c>
      <c r="F15217" t="s">
        <v>9203</v>
      </c>
      <c r="G15217" t="s">
        <v>80</v>
      </c>
      <c r="H15217" t="s">
        <v>81</v>
      </c>
      <c r="I15217" s="2">
        <v>0</v>
      </c>
      <c r="J15217" s="2">
        <v>1</v>
      </c>
      <c r="K15217" s="2">
        <v>0</v>
      </c>
      <c r="L15217" t="s">
        <v>82</v>
      </c>
      <c r="M15217" t="s">
        <v>83</v>
      </c>
      <c r="N15217" t="s">
        <v>91</v>
      </c>
      <c r="O15217" t="s">
        <v>85</v>
      </c>
      <c r="P15217" t="s">
        <v>86</v>
      </c>
      <c r="Q15217">
        <v>7</v>
      </c>
      <c r="R15217">
        <v>8</v>
      </c>
      <c r="S15217">
        <v>8</v>
      </c>
      <c r="T15217">
        <v>8</v>
      </c>
      <c r="U15217">
        <v>8</v>
      </c>
      <c r="V15217">
        <v>8</v>
      </c>
      <c r="W15217">
        <v>8</v>
      </c>
      <c r="X15217">
        <v>9</v>
      </c>
      <c r="Y15217">
        <v>9</v>
      </c>
      <c r="Z15217">
        <v>9</v>
      </c>
      <c r="AA15217">
        <v>9</v>
      </c>
      <c r="AB15217">
        <v>9</v>
      </c>
      <c r="AC15217">
        <v>10</v>
      </c>
      <c r="AD15217">
        <v>10</v>
      </c>
      <c r="AE15217">
        <v>10</v>
      </c>
      <c r="AF15217">
        <v>10</v>
      </c>
      <c r="AG15217">
        <v>10</v>
      </c>
      <c r="AH15217">
        <v>11</v>
      </c>
      <c r="AI15217">
        <v>11</v>
      </c>
      <c r="AJ15217">
        <v>11</v>
      </c>
      <c r="AK15217">
        <v>11</v>
      </c>
      <c r="AL15217">
        <v>11</v>
      </c>
      <c r="AM15217">
        <v>11</v>
      </c>
      <c r="AN15217">
        <v>12</v>
      </c>
      <c r="AO15217">
        <v>12</v>
      </c>
      <c r="AP15217">
        <v>12</v>
      </c>
      <c r="AQ15217">
        <v>12</v>
      </c>
    </row>
    <row r="15218" spans="1:43">
      <c r="A15218" t="s">
        <v>9460</v>
      </c>
      <c r="B15218" t="s">
        <v>9461</v>
      </c>
      <c r="C15218" t="s">
        <v>9226</v>
      </c>
      <c r="D15218" t="s">
        <v>9227</v>
      </c>
      <c r="E15218" t="s">
        <v>9202</v>
      </c>
      <c r="F15218" t="s">
        <v>9203</v>
      </c>
      <c r="G15218" t="s">
        <v>80</v>
      </c>
      <c r="H15218" t="s">
        <v>81</v>
      </c>
      <c r="I15218" s="2">
        <v>0</v>
      </c>
      <c r="J15218" s="2">
        <v>1</v>
      </c>
      <c r="K15218" s="2">
        <v>0</v>
      </c>
      <c r="L15218" t="s">
        <v>82</v>
      </c>
      <c r="M15218" t="s">
        <v>83</v>
      </c>
      <c r="N15218" t="s">
        <v>84</v>
      </c>
      <c r="O15218" t="s">
        <v>85</v>
      </c>
      <c r="P15218" t="s">
        <v>86</v>
      </c>
      <c r="Q15218">
        <v>62</v>
      </c>
      <c r="R15218">
        <v>64</v>
      </c>
      <c r="S15218">
        <v>65</v>
      </c>
      <c r="T15218">
        <v>67</v>
      </c>
      <c r="U15218">
        <v>68</v>
      </c>
      <c r="V15218">
        <v>70</v>
      </c>
      <c r="W15218">
        <v>71</v>
      </c>
      <c r="X15218">
        <v>73</v>
      </c>
      <c r="Y15218">
        <v>75</v>
      </c>
      <c r="Z15218">
        <v>76</v>
      </c>
      <c r="AA15218">
        <v>78</v>
      </c>
      <c r="AB15218">
        <v>79</v>
      </c>
      <c r="AC15218">
        <v>81</v>
      </c>
      <c r="AD15218">
        <v>83</v>
      </c>
      <c r="AE15218">
        <v>84</v>
      </c>
      <c r="AF15218">
        <v>86</v>
      </c>
      <c r="AG15218">
        <v>88</v>
      </c>
      <c r="AH15218">
        <v>89</v>
      </c>
      <c r="AI15218">
        <v>91</v>
      </c>
      <c r="AJ15218">
        <v>93</v>
      </c>
      <c r="AK15218">
        <v>95</v>
      </c>
      <c r="AL15218">
        <v>96</v>
      </c>
      <c r="AM15218">
        <v>97</v>
      </c>
      <c r="AN15218">
        <v>98</v>
      </c>
      <c r="AO15218">
        <v>98</v>
      </c>
      <c r="AP15218">
        <v>99</v>
      </c>
      <c r="AQ15218">
        <v>100</v>
      </c>
    </row>
    <row r="15219" spans="1:43">
      <c r="A15219" t="s">
        <v>9460</v>
      </c>
      <c r="B15219" t="s">
        <v>9461</v>
      </c>
      <c r="C15219" t="s">
        <v>9226</v>
      </c>
      <c r="D15219" t="s">
        <v>9227</v>
      </c>
      <c r="E15219" t="s">
        <v>9202</v>
      </c>
      <c r="F15219" t="s">
        <v>9203</v>
      </c>
      <c r="G15219" t="s">
        <v>80</v>
      </c>
      <c r="H15219" t="s">
        <v>81</v>
      </c>
      <c r="I15219" s="2">
        <v>0</v>
      </c>
      <c r="J15219" s="2">
        <v>1</v>
      </c>
      <c r="K15219" s="2">
        <v>0</v>
      </c>
      <c r="L15219" t="s">
        <v>82</v>
      </c>
      <c r="M15219" t="s">
        <v>87</v>
      </c>
      <c r="N15219" t="s">
        <v>88</v>
      </c>
      <c r="O15219" t="s">
        <v>85</v>
      </c>
      <c r="P15219" t="s">
        <v>86</v>
      </c>
      <c r="Q15219">
        <v>62</v>
      </c>
      <c r="R15219">
        <v>62</v>
      </c>
      <c r="S15219">
        <v>63</v>
      </c>
      <c r="T15219">
        <v>64</v>
      </c>
      <c r="U15219">
        <v>65</v>
      </c>
      <c r="V15219">
        <v>66</v>
      </c>
      <c r="W15219">
        <v>67</v>
      </c>
      <c r="X15219">
        <v>68</v>
      </c>
      <c r="Y15219">
        <v>69</v>
      </c>
      <c r="Z15219">
        <v>70</v>
      </c>
      <c r="AA15219">
        <v>71</v>
      </c>
      <c r="AB15219">
        <v>72</v>
      </c>
      <c r="AC15219">
        <v>73</v>
      </c>
      <c r="AD15219">
        <v>74</v>
      </c>
      <c r="AE15219">
        <v>75</v>
      </c>
      <c r="AF15219">
        <v>76</v>
      </c>
      <c r="AG15219">
        <v>77</v>
      </c>
      <c r="AH15219">
        <v>78</v>
      </c>
      <c r="AI15219">
        <v>79</v>
      </c>
      <c r="AJ15219">
        <v>80</v>
      </c>
      <c r="AK15219">
        <v>81</v>
      </c>
      <c r="AL15219">
        <v>82</v>
      </c>
      <c r="AM15219">
        <v>83</v>
      </c>
      <c r="AN15219">
        <v>84</v>
      </c>
      <c r="AO15219">
        <v>85</v>
      </c>
      <c r="AP15219">
        <v>86</v>
      </c>
      <c r="AQ15219">
        <v>87</v>
      </c>
    </row>
    <row r="15220" spans="1:43">
      <c r="A15220" t="s">
        <v>9460</v>
      </c>
      <c r="B15220" t="s">
        <v>9461</v>
      </c>
      <c r="C15220" t="s">
        <v>9226</v>
      </c>
      <c r="D15220" t="s">
        <v>9227</v>
      </c>
      <c r="E15220" t="s">
        <v>9202</v>
      </c>
      <c r="F15220" t="s">
        <v>9203</v>
      </c>
      <c r="G15220" t="s">
        <v>80</v>
      </c>
      <c r="H15220" t="s">
        <v>81</v>
      </c>
      <c r="I15220" s="2">
        <v>0</v>
      </c>
      <c r="J15220" s="2">
        <v>1</v>
      </c>
      <c r="K15220" s="2">
        <v>0</v>
      </c>
      <c r="L15220" t="s">
        <v>82</v>
      </c>
      <c r="M15220" t="s">
        <v>89</v>
      </c>
      <c r="N15220" t="s">
        <v>90</v>
      </c>
      <c r="O15220" t="s">
        <v>85</v>
      </c>
      <c r="P15220" t="s">
        <v>86</v>
      </c>
      <c r="Q15220">
        <v>62</v>
      </c>
      <c r="R15220">
        <v>64</v>
      </c>
      <c r="S15220">
        <v>66</v>
      </c>
      <c r="T15220">
        <v>68</v>
      </c>
      <c r="U15220">
        <v>70</v>
      </c>
      <c r="V15220">
        <v>72</v>
      </c>
      <c r="W15220">
        <v>74</v>
      </c>
      <c r="X15220">
        <v>76</v>
      </c>
      <c r="Y15220">
        <v>78</v>
      </c>
      <c r="Z15220">
        <v>80</v>
      </c>
      <c r="AA15220">
        <v>82</v>
      </c>
      <c r="AB15220">
        <v>84</v>
      </c>
      <c r="AC15220">
        <v>86</v>
      </c>
      <c r="AD15220">
        <v>88</v>
      </c>
      <c r="AE15220">
        <v>89</v>
      </c>
      <c r="AF15220">
        <v>90</v>
      </c>
      <c r="AG15220">
        <v>91</v>
      </c>
      <c r="AH15220">
        <v>92</v>
      </c>
      <c r="AI15220">
        <v>93</v>
      </c>
      <c r="AJ15220">
        <v>94</v>
      </c>
      <c r="AK15220">
        <v>95</v>
      </c>
      <c r="AL15220">
        <v>96</v>
      </c>
      <c r="AM15220">
        <v>97</v>
      </c>
      <c r="AN15220">
        <v>97</v>
      </c>
      <c r="AO15220">
        <v>98</v>
      </c>
      <c r="AP15220">
        <v>99</v>
      </c>
      <c r="AQ15220">
        <v>100</v>
      </c>
    </row>
    <row r="15221" spans="1:43">
      <c r="A15221" t="s">
        <v>9460</v>
      </c>
      <c r="B15221" t="s">
        <v>9461</v>
      </c>
      <c r="C15221" t="s">
        <v>9226</v>
      </c>
      <c r="D15221" t="s">
        <v>9227</v>
      </c>
      <c r="E15221" t="s">
        <v>9202</v>
      </c>
      <c r="F15221" t="s">
        <v>9203</v>
      </c>
      <c r="G15221" t="s">
        <v>80</v>
      </c>
      <c r="H15221" t="s">
        <v>81</v>
      </c>
      <c r="I15221" s="2">
        <v>0</v>
      </c>
      <c r="J15221" s="2">
        <v>1</v>
      </c>
      <c r="K15221" s="2">
        <v>0</v>
      </c>
      <c r="L15221" t="s">
        <v>82</v>
      </c>
      <c r="M15221" t="s">
        <v>83</v>
      </c>
      <c r="N15221" t="s">
        <v>91</v>
      </c>
      <c r="O15221" t="s">
        <v>85</v>
      </c>
      <c r="P15221" t="s">
        <v>86</v>
      </c>
      <c r="Q15221">
        <v>62</v>
      </c>
      <c r="R15221">
        <v>64</v>
      </c>
      <c r="S15221">
        <v>65</v>
      </c>
      <c r="T15221">
        <v>67</v>
      </c>
      <c r="U15221">
        <v>68</v>
      </c>
      <c r="V15221">
        <v>70</v>
      </c>
      <c r="W15221">
        <v>71</v>
      </c>
      <c r="X15221">
        <v>73</v>
      </c>
      <c r="Y15221">
        <v>75</v>
      </c>
      <c r="Z15221">
        <v>76</v>
      </c>
      <c r="AA15221">
        <v>78</v>
      </c>
      <c r="AB15221">
        <v>79</v>
      </c>
      <c r="AC15221">
        <v>81</v>
      </c>
      <c r="AD15221">
        <v>83</v>
      </c>
      <c r="AE15221">
        <v>84</v>
      </c>
      <c r="AF15221">
        <v>86</v>
      </c>
      <c r="AG15221">
        <v>88</v>
      </c>
      <c r="AH15221">
        <v>89</v>
      </c>
      <c r="AI15221">
        <v>91</v>
      </c>
      <c r="AJ15221">
        <v>93</v>
      </c>
      <c r="AK15221">
        <v>95</v>
      </c>
      <c r="AL15221">
        <v>96</v>
      </c>
      <c r="AM15221">
        <v>97</v>
      </c>
      <c r="AN15221">
        <v>98</v>
      </c>
      <c r="AO15221">
        <v>98</v>
      </c>
      <c r="AP15221">
        <v>99</v>
      </c>
      <c r="AQ15221">
        <v>100</v>
      </c>
    </row>
    <row r="15222" spans="1:43">
      <c r="A15222" t="s">
        <v>9462</v>
      </c>
      <c r="B15222" t="s">
        <v>9463</v>
      </c>
      <c r="C15222" t="s">
        <v>9314</v>
      </c>
      <c r="D15222" t="s">
        <v>9315</v>
      </c>
      <c r="E15222" t="s">
        <v>9202</v>
      </c>
      <c r="F15222" t="s">
        <v>9203</v>
      </c>
      <c r="G15222" t="s">
        <v>80</v>
      </c>
      <c r="H15222" t="s">
        <v>81</v>
      </c>
      <c r="I15222" s="2">
        <v>0</v>
      </c>
      <c r="J15222" s="2">
        <v>1</v>
      </c>
      <c r="K15222" s="2">
        <v>0</v>
      </c>
      <c r="L15222" t="s">
        <v>82</v>
      </c>
      <c r="M15222" t="s">
        <v>83</v>
      </c>
      <c r="N15222" t="s">
        <v>84</v>
      </c>
      <c r="O15222" t="s">
        <v>85</v>
      </c>
      <c r="P15222" t="s">
        <v>86</v>
      </c>
      <c r="Q15222">
        <v>16</v>
      </c>
      <c r="R15222">
        <v>16</v>
      </c>
      <c r="S15222">
        <v>17</v>
      </c>
      <c r="T15222">
        <v>17</v>
      </c>
      <c r="U15222">
        <v>17</v>
      </c>
      <c r="V15222">
        <v>18</v>
      </c>
      <c r="W15222">
        <v>18</v>
      </c>
      <c r="X15222">
        <v>19</v>
      </c>
      <c r="Y15222">
        <v>19</v>
      </c>
      <c r="Z15222">
        <v>19</v>
      </c>
      <c r="AA15222">
        <v>20</v>
      </c>
      <c r="AB15222">
        <v>20</v>
      </c>
      <c r="AC15222">
        <v>21</v>
      </c>
      <c r="AD15222">
        <v>21</v>
      </c>
      <c r="AE15222">
        <v>21</v>
      </c>
      <c r="AF15222">
        <v>22</v>
      </c>
      <c r="AG15222">
        <v>22</v>
      </c>
      <c r="AH15222">
        <v>23</v>
      </c>
      <c r="AI15222">
        <v>23</v>
      </c>
      <c r="AJ15222">
        <v>24</v>
      </c>
      <c r="AK15222">
        <v>24</v>
      </c>
      <c r="AL15222">
        <v>24</v>
      </c>
      <c r="AM15222">
        <v>25</v>
      </c>
      <c r="AN15222">
        <v>25</v>
      </c>
      <c r="AO15222">
        <v>25</v>
      </c>
      <c r="AP15222">
        <v>25</v>
      </c>
      <c r="AQ15222">
        <v>26</v>
      </c>
    </row>
    <row r="15223" spans="1:43">
      <c r="A15223" t="s">
        <v>9462</v>
      </c>
      <c r="B15223" t="s">
        <v>9463</v>
      </c>
      <c r="C15223" t="s">
        <v>9314</v>
      </c>
      <c r="D15223" t="s">
        <v>9315</v>
      </c>
      <c r="E15223" t="s">
        <v>9202</v>
      </c>
      <c r="F15223" t="s">
        <v>9203</v>
      </c>
      <c r="G15223" t="s">
        <v>80</v>
      </c>
      <c r="H15223" t="s">
        <v>81</v>
      </c>
      <c r="I15223" s="2">
        <v>0</v>
      </c>
      <c r="J15223" s="2">
        <v>1</v>
      </c>
      <c r="K15223" s="2">
        <v>0</v>
      </c>
      <c r="L15223" t="s">
        <v>82</v>
      </c>
      <c r="M15223" t="s">
        <v>87</v>
      </c>
      <c r="N15223" t="s">
        <v>88</v>
      </c>
      <c r="O15223" t="s">
        <v>85</v>
      </c>
      <c r="P15223" t="s">
        <v>86</v>
      </c>
      <c r="Q15223">
        <v>16</v>
      </c>
      <c r="R15223">
        <v>16</v>
      </c>
      <c r="S15223">
        <v>16</v>
      </c>
      <c r="T15223">
        <v>16</v>
      </c>
      <c r="U15223">
        <v>17</v>
      </c>
      <c r="V15223">
        <v>17</v>
      </c>
      <c r="W15223">
        <v>17</v>
      </c>
      <c r="X15223">
        <v>17</v>
      </c>
      <c r="Y15223">
        <v>17</v>
      </c>
      <c r="Z15223">
        <v>18</v>
      </c>
      <c r="AA15223">
        <v>18</v>
      </c>
      <c r="AB15223">
        <v>18</v>
      </c>
      <c r="AC15223">
        <v>18</v>
      </c>
      <c r="AD15223">
        <v>19</v>
      </c>
      <c r="AE15223">
        <v>19</v>
      </c>
      <c r="AF15223">
        <v>19</v>
      </c>
      <c r="AG15223">
        <v>19</v>
      </c>
      <c r="AH15223">
        <v>20</v>
      </c>
      <c r="AI15223">
        <v>20</v>
      </c>
      <c r="AJ15223">
        <v>20</v>
      </c>
      <c r="AK15223">
        <v>20</v>
      </c>
      <c r="AL15223">
        <v>21</v>
      </c>
      <c r="AM15223">
        <v>21</v>
      </c>
      <c r="AN15223">
        <v>21</v>
      </c>
      <c r="AO15223">
        <v>22</v>
      </c>
      <c r="AP15223">
        <v>22</v>
      </c>
      <c r="AQ15223">
        <v>22</v>
      </c>
    </row>
    <row r="15224" spans="1:43">
      <c r="A15224" t="s">
        <v>9462</v>
      </c>
      <c r="B15224" t="s">
        <v>9463</v>
      </c>
      <c r="C15224" t="s">
        <v>9314</v>
      </c>
      <c r="D15224" t="s">
        <v>9315</v>
      </c>
      <c r="E15224" t="s">
        <v>9202</v>
      </c>
      <c r="F15224" t="s">
        <v>9203</v>
      </c>
      <c r="G15224" t="s">
        <v>80</v>
      </c>
      <c r="H15224" t="s">
        <v>81</v>
      </c>
      <c r="I15224" s="2">
        <v>0</v>
      </c>
      <c r="J15224" s="2">
        <v>1</v>
      </c>
      <c r="K15224" s="2">
        <v>0</v>
      </c>
      <c r="L15224" t="s">
        <v>82</v>
      </c>
      <c r="M15224" t="s">
        <v>89</v>
      </c>
      <c r="N15224" t="s">
        <v>90</v>
      </c>
      <c r="O15224" t="s">
        <v>85</v>
      </c>
      <c r="P15224" t="s">
        <v>86</v>
      </c>
      <c r="Q15224">
        <v>16</v>
      </c>
      <c r="R15224">
        <v>16</v>
      </c>
      <c r="S15224">
        <v>17</v>
      </c>
      <c r="T15224">
        <v>17</v>
      </c>
      <c r="U15224">
        <v>18</v>
      </c>
      <c r="V15224">
        <v>19</v>
      </c>
      <c r="W15224">
        <v>19</v>
      </c>
      <c r="X15224">
        <v>20</v>
      </c>
      <c r="Y15224">
        <v>20</v>
      </c>
      <c r="Z15224">
        <v>21</v>
      </c>
      <c r="AA15224">
        <v>21</v>
      </c>
      <c r="AB15224">
        <v>22</v>
      </c>
      <c r="AC15224">
        <v>22</v>
      </c>
      <c r="AD15224">
        <v>23</v>
      </c>
      <c r="AE15224">
        <v>23</v>
      </c>
      <c r="AF15224">
        <v>23</v>
      </c>
      <c r="AG15224">
        <v>23</v>
      </c>
      <c r="AH15224">
        <v>24</v>
      </c>
      <c r="AI15224">
        <v>24</v>
      </c>
      <c r="AJ15224">
        <v>24</v>
      </c>
      <c r="AK15224">
        <v>24</v>
      </c>
      <c r="AL15224">
        <v>25</v>
      </c>
      <c r="AM15224">
        <v>25</v>
      </c>
      <c r="AN15224">
        <v>25</v>
      </c>
      <c r="AO15224">
        <v>25</v>
      </c>
      <c r="AP15224">
        <v>26</v>
      </c>
      <c r="AQ15224">
        <v>26</v>
      </c>
    </row>
    <row r="15225" spans="1:43">
      <c r="A15225" t="s">
        <v>9462</v>
      </c>
      <c r="B15225" t="s">
        <v>9463</v>
      </c>
      <c r="C15225" t="s">
        <v>9314</v>
      </c>
      <c r="D15225" t="s">
        <v>9315</v>
      </c>
      <c r="E15225" t="s">
        <v>9202</v>
      </c>
      <c r="F15225" t="s">
        <v>9203</v>
      </c>
      <c r="G15225" t="s">
        <v>80</v>
      </c>
      <c r="H15225" t="s">
        <v>81</v>
      </c>
      <c r="I15225" s="2">
        <v>0</v>
      </c>
      <c r="J15225" s="2">
        <v>1</v>
      </c>
      <c r="K15225" s="2">
        <v>0</v>
      </c>
      <c r="L15225" t="s">
        <v>82</v>
      </c>
      <c r="M15225" t="s">
        <v>83</v>
      </c>
      <c r="N15225" t="s">
        <v>91</v>
      </c>
      <c r="O15225" t="s">
        <v>85</v>
      </c>
      <c r="P15225" t="s">
        <v>86</v>
      </c>
      <c r="Q15225">
        <v>16</v>
      </c>
      <c r="R15225">
        <v>16</v>
      </c>
      <c r="S15225">
        <v>17</v>
      </c>
      <c r="T15225">
        <v>17</v>
      </c>
      <c r="U15225">
        <v>17</v>
      </c>
      <c r="V15225">
        <v>18</v>
      </c>
      <c r="W15225">
        <v>18</v>
      </c>
      <c r="X15225">
        <v>19</v>
      </c>
      <c r="Y15225">
        <v>19</v>
      </c>
      <c r="Z15225">
        <v>19</v>
      </c>
      <c r="AA15225">
        <v>20</v>
      </c>
      <c r="AB15225">
        <v>20</v>
      </c>
      <c r="AC15225">
        <v>21</v>
      </c>
      <c r="AD15225">
        <v>21</v>
      </c>
      <c r="AE15225">
        <v>21</v>
      </c>
      <c r="AF15225">
        <v>22</v>
      </c>
      <c r="AG15225">
        <v>22</v>
      </c>
      <c r="AH15225">
        <v>23</v>
      </c>
      <c r="AI15225">
        <v>23</v>
      </c>
      <c r="AJ15225">
        <v>24</v>
      </c>
      <c r="AK15225">
        <v>24</v>
      </c>
      <c r="AL15225">
        <v>24</v>
      </c>
      <c r="AM15225">
        <v>25</v>
      </c>
      <c r="AN15225">
        <v>25</v>
      </c>
      <c r="AO15225">
        <v>25</v>
      </c>
      <c r="AP15225">
        <v>25</v>
      </c>
      <c r="AQ15225">
        <v>26</v>
      </c>
    </row>
    <row r="15226" spans="1:43">
      <c r="A15226" t="s">
        <v>9464</v>
      </c>
      <c r="B15226" t="s">
        <v>9465</v>
      </c>
      <c r="C15226" t="s">
        <v>9226</v>
      </c>
      <c r="D15226" t="s">
        <v>9227</v>
      </c>
      <c r="E15226" t="s">
        <v>9202</v>
      </c>
      <c r="F15226" t="s">
        <v>9203</v>
      </c>
      <c r="G15226" t="s">
        <v>80</v>
      </c>
      <c r="H15226" t="s">
        <v>81</v>
      </c>
      <c r="I15226" s="2">
        <v>0</v>
      </c>
      <c r="J15226" s="2">
        <v>1</v>
      </c>
      <c r="K15226" s="2">
        <v>0</v>
      </c>
      <c r="L15226" t="s">
        <v>82</v>
      </c>
      <c r="M15226" t="s">
        <v>83</v>
      </c>
      <c r="N15226" t="s">
        <v>84</v>
      </c>
      <c r="O15226" t="s">
        <v>85</v>
      </c>
      <c r="P15226" t="s">
        <v>86</v>
      </c>
      <c r="Q15226">
        <v>33</v>
      </c>
      <c r="R15226">
        <v>34</v>
      </c>
      <c r="S15226">
        <v>35</v>
      </c>
      <c r="T15226">
        <v>35</v>
      </c>
      <c r="U15226">
        <v>36</v>
      </c>
      <c r="V15226">
        <v>37</v>
      </c>
      <c r="W15226">
        <v>38</v>
      </c>
      <c r="X15226">
        <v>39</v>
      </c>
      <c r="Y15226">
        <v>40</v>
      </c>
      <c r="Z15226">
        <v>40</v>
      </c>
      <c r="AA15226">
        <v>41</v>
      </c>
      <c r="AB15226">
        <v>42</v>
      </c>
      <c r="AC15226">
        <v>43</v>
      </c>
      <c r="AD15226">
        <v>44</v>
      </c>
      <c r="AE15226">
        <v>45</v>
      </c>
      <c r="AF15226">
        <v>46</v>
      </c>
      <c r="AG15226">
        <v>47</v>
      </c>
      <c r="AH15226">
        <v>48</v>
      </c>
      <c r="AI15226">
        <v>49</v>
      </c>
      <c r="AJ15226">
        <v>49</v>
      </c>
      <c r="AK15226">
        <v>50</v>
      </c>
      <c r="AL15226">
        <v>51</v>
      </c>
      <c r="AM15226">
        <v>52</v>
      </c>
      <c r="AN15226">
        <v>52</v>
      </c>
      <c r="AO15226">
        <v>53</v>
      </c>
      <c r="AP15226">
        <v>53</v>
      </c>
      <c r="AQ15226">
        <v>54</v>
      </c>
    </row>
    <row r="15227" spans="1:43">
      <c r="A15227" t="s">
        <v>9464</v>
      </c>
      <c r="B15227" t="s">
        <v>9465</v>
      </c>
      <c r="C15227" t="s">
        <v>9226</v>
      </c>
      <c r="D15227" t="s">
        <v>9227</v>
      </c>
      <c r="E15227" t="s">
        <v>9202</v>
      </c>
      <c r="F15227" t="s">
        <v>9203</v>
      </c>
      <c r="G15227" t="s">
        <v>80</v>
      </c>
      <c r="H15227" t="s">
        <v>81</v>
      </c>
      <c r="I15227" s="2">
        <v>0</v>
      </c>
      <c r="J15227" s="2">
        <v>1</v>
      </c>
      <c r="K15227" s="2">
        <v>0</v>
      </c>
      <c r="L15227" t="s">
        <v>82</v>
      </c>
      <c r="M15227" t="s">
        <v>87</v>
      </c>
      <c r="N15227" t="s">
        <v>88</v>
      </c>
      <c r="O15227" t="s">
        <v>85</v>
      </c>
      <c r="P15227" t="s">
        <v>86</v>
      </c>
      <c r="Q15227">
        <v>33</v>
      </c>
      <c r="R15227">
        <v>33</v>
      </c>
      <c r="S15227">
        <v>34</v>
      </c>
      <c r="T15227">
        <v>34</v>
      </c>
      <c r="U15227">
        <v>35</v>
      </c>
      <c r="V15227">
        <v>35</v>
      </c>
      <c r="W15227">
        <v>36</v>
      </c>
      <c r="X15227">
        <v>36</v>
      </c>
      <c r="Y15227">
        <v>37</v>
      </c>
      <c r="Z15227">
        <v>37</v>
      </c>
      <c r="AA15227">
        <v>38</v>
      </c>
      <c r="AB15227">
        <v>38</v>
      </c>
      <c r="AC15227">
        <v>39</v>
      </c>
      <c r="AD15227">
        <v>39</v>
      </c>
      <c r="AE15227">
        <v>40</v>
      </c>
      <c r="AF15227">
        <v>40</v>
      </c>
      <c r="AG15227">
        <v>41</v>
      </c>
      <c r="AH15227">
        <v>41</v>
      </c>
      <c r="AI15227">
        <v>42</v>
      </c>
      <c r="AJ15227">
        <v>42</v>
      </c>
      <c r="AK15227">
        <v>43</v>
      </c>
      <c r="AL15227">
        <v>43</v>
      </c>
      <c r="AM15227">
        <v>44</v>
      </c>
      <c r="AN15227">
        <v>45</v>
      </c>
      <c r="AO15227">
        <v>45</v>
      </c>
      <c r="AP15227">
        <v>46</v>
      </c>
      <c r="AQ15227">
        <v>46</v>
      </c>
    </row>
    <row r="15228" spans="1:43">
      <c r="A15228" t="s">
        <v>9464</v>
      </c>
      <c r="B15228" t="s">
        <v>9465</v>
      </c>
      <c r="C15228" t="s">
        <v>9226</v>
      </c>
      <c r="D15228" t="s">
        <v>9227</v>
      </c>
      <c r="E15228" t="s">
        <v>9202</v>
      </c>
      <c r="F15228" t="s">
        <v>9203</v>
      </c>
      <c r="G15228" t="s">
        <v>80</v>
      </c>
      <c r="H15228" t="s">
        <v>81</v>
      </c>
      <c r="I15228" s="2">
        <v>0</v>
      </c>
      <c r="J15228" s="2">
        <v>1</v>
      </c>
      <c r="K15228" s="2">
        <v>0</v>
      </c>
      <c r="L15228" t="s">
        <v>82</v>
      </c>
      <c r="M15228" t="s">
        <v>89</v>
      </c>
      <c r="N15228" t="s">
        <v>90</v>
      </c>
      <c r="O15228" t="s">
        <v>85</v>
      </c>
      <c r="P15228" t="s">
        <v>86</v>
      </c>
      <c r="Q15228">
        <v>33</v>
      </c>
      <c r="R15228">
        <v>34</v>
      </c>
      <c r="S15228">
        <v>36</v>
      </c>
      <c r="T15228">
        <v>37</v>
      </c>
      <c r="U15228">
        <v>38</v>
      </c>
      <c r="V15228">
        <v>39</v>
      </c>
      <c r="W15228">
        <v>40</v>
      </c>
      <c r="X15228">
        <v>41</v>
      </c>
      <c r="Y15228">
        <v>42</v>
      </c>
      <c r="Z15228">
        <v>43</v>
      </c>
      <c r="AA15228">
        <v>44</v>
      </c>
      <c r="AB15228">
        <v>45</v>
      </c>
      <c r="AC15228">
        <v>46</v>
      </c>
      <c r="AD15228">
        <v>47</v>
      </c>
      <c r="AE15228">
        <v>48</v>
      </c>
      <c r="AF15228">
        <v>49</v>
      </c>
      <c r="AG15228">
        <v>49</v>
      </c>
      <c r="AH15228">
        <v>50</v>
      </c>
      <c r="AI15228">
        <v>50</v>
      </c>
      <c r="AJ15228">
        <v>51</v>
      </c>
      <c r="AK15228">
        <v>51</v>
      </c>
      <c r="AL15228">
        <v>52</v>
      </c>
      <c r="AM15228">
        <v>52</v>
      </c>
      <c r="AN15228">
        <v>53</v>
      </c>
      <c r="AO15228">
        <v>53</v>
      </c>
      <c r="AP15228">
        <v>54</v>
      </c>
      <c r="AQ15228">
        <v>54</v>
      </c>
    </row>
    <row r="15229" spans="1:43">
      <c r="A15229" t="s">
        <v>9464</v>
      </c>
      <c r="B15229" t="s">
        <v>9465</v>
      </c>
      <c r="C15229" t="s">
        <v>9226</v>
      </c>
      <c r="D15229" t="s">
        <v>9227</v>
      </c>
      <c r="E15229" t="s">
        <v>9202</v>
      </c>
      <c r="F15229" t="s">
        <v>9203</v>
      </c>
      <c r="G15229" t="s">
        <v>80</v>
      </c>
      <c r="H15229" t="s">
        <v>81</v>
      </c>
      <c r="I15229" s="2">
        <v>0</v>
      </c>
      <c r="J15229" s="2">
        <v>1</v>
      </c>
      <c r="K15229" s="2">
        <v>0</v>
      </c>
      <c r="L15229" t="s">
        <v>82</v>
      </c>
      <c r="M15229" t="s">
        <v>83</v>
      </c>
      <c r="N15229" t="s">
        <v>91</v>
      </c>
      <c r="O15229" t="s">
        <v>85</v>
      </c>
      <c r="P15229" t="s">
        <v>86</v>
      </c>
      <c r="Q15229">
        <v>33</v>
      </c>
      <c r="R15229">
        <v>34</v>
      </c>
      <c r="S15229">
        <v>35</v>
      </c>
      <c r="T15229">
        <v>35</v>
      </c>
      <c r="U15229">
        <v>36</v>
      </c>
      <c r="V15229">
        <v>37</v>
      </c>
      <c r="W15229">
        <v>38</v>
      </c>
      <c r="X15229">
        <v>39</v>
      </c>
      <c r="Y15229">
        <v>40</v>
      </c>
      <c r="Z15229">
        <v>40</v>
      </c>
      <c r="AA15229">
        <v>41</v>
      </c>
      <c r="AB15229">
        <v>42</v>
      </c>
      <c r="AC15229">
        <v>43</v>
      </c>
      <c r="AD15229">
        <v>44</v>
      </c>
      <c r="AE15229">
        <v>45</v>
      </c>
      <c r="AF15229">
        <v>46</v>
      </c>
      <c r="AG15229">
        <v>47</v>
      </c>
      <c r="AH15229">
        <v>48</v>
      </c>
      <c r="AI15229">
        <v>49</v>
      </c>
      <c r="AJ15229">
        <v>49</v>
      </c>
      <c r="AK15229">
        <v>50</v>
      </c>
      <c r="AL15229">
        <v>51</v>
      </c>
      <c r="AM15229">
        <v>52</v>
      </c>
      <c r="AN15229">
        <v>52</v>
      </c>
      <c r="AO15229">
        <v>53</v>
      </c>
      <c r="AP15229">
        <v>53</v>
      </c>
      <c r="AQ15229">
        <v>54</v>
      </c>
    </row>
    <row r="15230" spans="1:43">
      <c r="A15230" t="s">
        <v>9466</v>
      </c>
      <c r="B15230" t="s">
        <v>9467</v>
      </c>
      <c r="C15230" t="s">
        <v>9314</v>
      </c>
      <c r="D15230" t="s">
        <v>9315</v>
      </c>
      <c r="E15230" t="s">
        <v>9202</v>
      </c>
      <c r="F15230" t="s">
        <v>9203</v>
      </c>
      <c r="G15230" t="s">
        <v>80</v>
      </c>
      <c r="H15230" t="s">
        <v>81</v>
      </c>
      <c r="I15230" s="2">
        <v>0</v>
      </c>
      <c r="J15230" s="2">
        <v>1</v>
      </c>
      <c r="K15230" s="2">
        <v>0</v>
      </c>
      <c r="L15230" t="s">
        <v>82</v>
      </c>
      <c r="M15230" t="s">
        <v>83</v>
      </c>
      <c r="N15230" t="s">
        <v>84</v>
      </c>
      <c r="O15230" t="s">
        <v>85</v>
      </c>
      <c r="P15230" t="s">
        <v>86</v>
      </c>
      <c r="Q15230">
        <v>56</v>
      </c>
      <c r="R15230">
        <v>57</v>
      </c>
      <c r="S15230">
        <v>58</v>
      </c>
      <c r="T15230">
        <v>60</v>
      </c>
      <c r="U15230">
        <v>61</v>
      </c>
      <c r="V15230">
        <v>62</v>
      </c>
      <c r="W15230">
        <v>64</v>
      </c>
      <c r="X15230">
        <v>65</v>
      </c>
      <c r="Y15230">
        <v>67</v>
      </c>
      <c r="Z15230">
        <v>68</v>
      </c>
      <c r="AA15230">
        <v>70</v>
      </c>
      <c r="AB15230">
        <v>71</v>
      </c>
      <c r="AC15230">
        <v>73</v>
      </c>
      <c r="AD15230">
        <v>74</v>
      </c>
      <c r="AE15230">
        <v>75</v>
      </c>
      <c r="AF15230">
        <v>77</v>
      </c>
      <c r="AG15230">
        <v>78</v>
      </c>
      <c r="AH15230">
        <v>80</v>
      </c>
      <c r="AI15230">
        <v>81</v>
      </c>
      <c r="AJ15230">
        <v>83</v>
      </c>
      <c r="AK15230">
        <v>85</v>
      </c>
      <c r="AL15230">
        <v>86</v>
      </c>
      <c r="AM15230">
        <v>87</v>
      </c>
      <c r="AN15230">
        <v>87</v>
      </c>
      <c r="AO15230">
        <v>88</v>
      </c>
      <c r="AP15230">
        <v>89</v>
      </c>
      <c r="AQ15230">
        <v>90</v>
      </c>
    </row>
    <row r="15231" spans="1:43">
      <c r="A15231" t="s">
        <v>9466</v>
      </c>
      <c r="B15231" t="s">
        <v>9467</v>
      </c>
      <c r="C15231" t="s">
        <v>9314</v>
      </c>
      <c r="D15231" t="s">
        <v>9315</v>
      </c>
      <c r="E15231" t="s">
        <v>9202</v>
      </c>
      <c r="F15231" t="s">
        <v>9203</v>
      </c>
      <c r="G15231" t="s">
        <v>80</v>
      </c>
      <c r="H15231" t="s">
        <v>81</v>
      </c>
      <c r="I15231" s="2">
        <v>0</v>
      </c>
      <c r="J15231" s="2">
        <v>1</v>
      </c>
      <c r="K15231" s="2">
        <v>0</v>
      </c>
      <c r="L15231" t="s">
        <v>82</v>
      </c>
      <c r="M15231" t="s">
        <v>87</v>
      </c>
      <c r="N15231" t="s">
        <v>88</v>
      </c>
      <c r="O15231" t="s">
        <v>85</v>
      </c>
      <c r="P15231" t="s">
        <v>86</v>
      </c>
      <c r="Q15231">
        <v>56</v>
      </c>
      <c r="R15231">
        <v>57</v>
      </c>
      <c r="S15231">
        <v>58</v>
      </c>
      <c r="T15231">
        <v>59</v>
      </c>
      <c r="U15231">
        <v>59</v>
      </c>
      <c r="V15231">
        <v>60</v>
      </c>
      <c r="W15231">
        <v>61</v>
      </c>
      <c r="X15231">
        <v>62</v>
      </c>
      <c r="Y15231">
        <v>63</v>
      </c>
      <c r="Z15231">
        <v>64</v>
      </c>
      <c r="AA15231">
        <v>64</v>
      </c>
      <c r="AB15231">
        <v>65</v>
      </c>
      <c r="AC15231">
        <v>66</v>
      </c>
      <c r="AD15231">
        <v>67</v>
      </c>
      <c r="AE15231">
        <v>68</v>
      </c>
      <c r="AF15231">
        <v>69</v>
      </c>
      <c r="AG15231">
        <v>70</v>
      </c>
      <c r="AH15231">
        <v>70</v>
      </c>
      <c r="AI15231">
        <v>71</v>
      </c>
      <c r="AJ15231">
        <v>72</v>
      </c>
      <c r="AK15231">
        <v>73</v>
      </c>
      <c r="AL15231">
        <v>74</v>
      </c>
      <c r="AM15231">
        <v>75</v>
      </c>
      <c r="AN15231">
        <v>76</v>
      </c>
      <c r="AO15231">
        <v>77</v>
      </c>
      <c r="AP15231">
        <v>78</v>
      </c>
      <c r="AQ15231">
        <v>79</v>
      </c>
    </row>
    <row r="15232" spans="1:43">
      <c r="A15232" t="s">
        <v>9466</v>
      </c>
      <c r="B15232" t="s">
        <v>9467</v>
      </c>
      <c r="C15232" t="s">
        <v>9314</v>
      </c>
      <c r="D15232" t="s">
        <v>9315</v>
      </c>
      <c r="E15232" t="s">
        <v>9202</v>
      </c>
      <c r="F15232" t="s">
        <v>9203</v>
      </c>
      <c r="G15232" t="s">
        <v>80</v>
      </c>
      <c r="H15232" t="s">
        <v>81</v>
      </c>
      <c r="I15232" s="2">
        <v>0</v>
      </c>
      <c r="J15232" s="2">
        <v>1</v>
      </c>
      <c r="K15232" s="2">
        <v>0</v>
      </c>
      <c r="L15232" t="s">
        <v>82</v>
      </c>
      <c r="M15232" t="s">
        <v>89</v>
      </c>
      <c r="N15232" t="s">
        <v>90</v>
      </c>
      <c r="O15232" t="s">
        <v>85</v>
      </c>
      <c r="P15232" t="s">
        <v>86</v>
      </c>
      <c r="Q15232">
        <v>56</v>
      </c>
      <c r="R15232">
        <v>58</v>
      </c>
      <c r="S15232">
        <v>60</v>
      </c>
      <c r="T15232">
        <v>62</v>
      </c>
      <c r="U15232">
        <v>63</v>
      </c>
      <c r="V15232">
        <v>65</v>
      </c>
      <c r="W15232">
        <v>67</v>
      </c>
      <c r="X15232">
        <v>69</v>
      </c>
      <c r="Y15232">
        <v>71</v>
      </c>
      <c r="Z15232">
        <v>72</v>
      </c>
      <c r="AA15232">
        <v>74</v>
      </c>
      <c r="AB15232">
        <v>76</v>
      </c>
      <c r="AC15232">
        <v>78</v>
      </c>
      <c r="AD15232">
        <v>79</v>
      </c>
      <c r="AE15232">
        <v>81</v>
      </c>
      <c r="AF15232">
        <v>82</v>
      </c>
      <c r="AG15232">
        <v>82</v>
      </c>
      <c r="AH15232">
        <v>83</v>
      </c>
      <c r="AI15232">
        <v>84</v>
      </c>
      <c r="AJ15232">
        <v>85</v>
      </c>
      <c r="AK15232">
        <v>86</v>
      </c>
      <c r="AL15232">
        <v>87</v>
      </c>
      <c r="AM15232">
        <v>87</v>
      </c>
      <c r="AN15232">
        <v>88</v>
      </c>
      <c r="AO15232">
        <v>89</v>
      </c>
      <c r="AP15232">
        <v>90</v>
      </c>
      <c r="AQ15232">
        <v>91</v>
      </c>
    </row>
    <row r="15233" spans="1:43">
      <c r="A15233" t="s">
        <v>9466</v>
      </c>
      <c r="B15233" t="s">
        <v>9467</v>
      </c>
      <c r="C15233" t="s">
        <v>9314</v>
      </c>
      <c r="D15233" t="s">
        <v>9315</v>
      </c>
      <c r="E15233" t="s">
        <v>9202</v>
      </c>
      <c r="F15233" t="s">
        <v>9203</v>
      </c>
      <c r="G15233" t="s">
        <v>80</v>
      </c>
      <c r="H15233" t="s">
        <v>81</v>
      </c>
      <c r="I15233" s="2">
        <v>0</v>
      </c>
      <c r="J15233" s="2">
        <v>1</v>
      </c>
      <c r="K15233" s="2">
        <v>0</v>
      </c>
      <c r="L15233" t="s">
        <v>82</v>
      </c>
      <c r="M15233" t="s">
        <v>83</v>
      </c>
      <c r="N15233" t="s">
        <v>91</v>
      </c>
      <c r="O15233" t="s">
        <v>85</v>
      </c>
      <c r="P15233" t="s">
        <v>86</v>
      </c>
      <c r="Q15233">
        <v>56</v>
      </c>
      <c r="R15233">
        <v>57</v>
      </c>
      <c r="S15233">
        <v>58</v>
      </c>
      <c r="T15233">
        <v>60</v>
      </c>
      <c r="U15233">
        <v>61</v>
      </c>
      <c r="V15233">
        <v>62</v>
      </c>
      <c r="W15233">
        <v>64</v>
      </c>
      <c r="X15233">
        <v>65</v>
      </c>
      <c r="Y15233">
        <v>67</v>
      </c>
      <c r="Z15233">
        <v>68</v>
      </c>
      <c r="AA15233">
        <v>70</v>
      </c>
      <c r="AB15233">
        <v>71</v>
      </c>
      <c r="AC15233">
        <v>73</v>
      </c>
      <c r="AD15233">
        <v>74</v>
      </c>
      <c r="AE15233">
        <v>75</v>
      </c>
      <c r="AF15233">
        <v>77</v>
      </c>
      <c r="AG15233">
        <v>78</v>
      </c>
      <c r="AH15233">
        <v>80</v>
      </c>
      <c r="AI15233">
        <v>81</v>
      </c>
      <c r="AJ15233">
        <v>83</v>
      </c>
      <c r="AK15233">
        <v>85</v>
      </c>
      <c r="AL15233">
        <v>86</v>
      </c>
      <c r="AM15233">
        <v>87</v>
      </c>
      <c r="AN15233">
        <v>87</v>
      </c>
      <c r="AO15233">
        <v>88</v>
      </c>
      <c r="AP15233">
        <v>89</v>
      </c>
      <c r="AQ15233">
        <v>90</v>
      </c>
    </row>
    <row r="15234" spans="1:43">
      <c r="A15234" t="s">
        <v>9468</v>
      </c>
      <c r="B15234" t="s">
        <v>9469</v>
      </c>
      <c r="C15234" t="s">
        <v>9294</v>
      </c>
      <c r="D15234" t="s">
        <v>9295</v>
      </c>
      <c r="E15234" t="s">
        <v>9202</v>
      </c>
      <c r="F15234" t="s">
        <v>9203</v>
      </c>
      <c r="G15234" t="s">
        <v>80</v>
      </c>
      <c r="H15234" t="s">
        <v>81</v>
      </c>
      <c r="I15234" s="2">
        <v>0</v>
      </c>
      <c r="J15234" s="2">
        <v>1</v>
      </c>
      <c r="K15234" s="2">
        <v>0</v>
      </c>
      <c r="L15234" t="s">
        <v>82</v>
      </c>
      <c r="M15234" t="s">
        <v>83</v>
      </c>
      <c r="N15234" t="s">
        <v>84</v>
      </c>
      <c r="O15234" t="s">
        <v>85</v>
      </c>
      <c r="P15234" t="s">
        <v>86</v>
      </c>
      <c r="Q15234">
        <v>18</v>
      </c>
      <c r="R15234">
        <v>18</v>
      </c>
      <c r="S15234">
        <v>19</v>
      </c>
      <c r="T15234">
        <v>19</v>
      </c>
      <c r="U15234">
        <v>20</v>
      </c>
      <c r="V15234">
        <v>20</v>
      </c>
      <c r="W15234">
        <v>21</v>
      </c>
      <c r="X15234">
        <v>21</v>
      </c>
      <c r="Y15234">
        <v>21</v>
      </c>
      <c r="Z15234">
        <v>22</v>
      </c>
      <c r="AA15234">
        <v>22</v>
      </c>
      <c r="AB15234">
        <v>23</v>
      </c>
      <c r="AC15234">
        <v>23</v>
      </c>
      <c r="AD15234">
        <v>24</v>
      </c>
      <c r="AE15234">
        <v>24</v>
      </c>
      <c r="AF15234">
        <v>25</v>
      </c>
      <c r="AG15234">
        <v>25</v>
      </c>
      <c r="AH15234">
        <v>26</v>
      </c>
      <c r="AI15234">
        <v>26</v>
      </c>
      <c r="AJ15234">
        <v>27</v>
      </c>
      <c r="AK15234">
        <v>27</v>
      </c>
      <c r="AL15234">
        <v>28</v>
      </c>
      <c r="AM15234">
        <v>28</v>
      </c>
      <c r="AN15234">
        <v>28</v>
      </c>
      <c r="AO15234">
        <v>28</v>
      </c>
      <c r="AP15234">
        <v>29</v>
      </c>
      <c r="AQ15234">
        <v>29</v>
      </c>
    </row>
    <row r="15235" spans="1:43">
      <c r="A15235" t="s">
        <v>9468</v>
      </c>
      <c r="B15235" t="s">
        <v>9469</v>
      </c>
      <c r="C15235" t="s">
        <v>9294</v>
      </c>
      <c r="D15235" t="s">
        <v>9295</v>
      </c>
      <c r="E15235" t="s">
        <v>9202</v>
      </c>
      <c r="F15235" t="s">
        <v>9203</v>
      </c>
      <c r="G15235" t="s">
        <v>80</v>
      </c>
      <c r="H15235" t="s">
        <v>81</v>
      </c>
      <c r="I15235" s="2">
        <v>0</v>
      </c>
      <c r="J15235" s="2">
        <v>1</v>
      </c>
      <c r="K15235" s="2">
        <v>0</v>
      </c>
      <c r="L15235" t="s">
        <v>82</v>
      </c>
      <c r="M15235" t="s">
        <v>87</v>
      </c>
      <c r="N15235" t="s">
        <v>88</v>
      </c>
      <c r="O15235" t="s">
        <v>85</v>
      </c>
      <c r="P15235" t="s">
        <v>86</v>
      </c>
      <c r="Q15235">
        <v>18</v>
      </c>
      <c r="R15235">
        <v>18</v>
      </c>
      <c r="S15235">
        <v>18</v>
      </c>
      <c r="T15235">
        <v>18</v>
      </c>
      <c r="U15235">
        <v>19</v>
      </c>
      <c r="V15235">
        <v>19</v>
      </c>
      <c r="W15235">
        <v>19</v>
      </c>
      <c r="X15235">
        <v>20</v>
      </c>
      <c r="Y15235">
        <v>20</v>
      </c>
      <c r="Z15235">
        <v>20</v>
      </c>
      <c r="AA15235">
        <v>20</v>
      </c>
      <c r="AB15235">
        <v>21</v>
      </c>
      <c r="AC15235">
        <v>21</v>
      </c>
      <c r="AD15235">
        <v>21</v>
      </c>
      <c r="AE15235">
        <v>21</v>
      </c>
      <c r="AF15235">
        <v>22</v>
      </c>
      <c r="AG15235">
        <v>22</v>
      </c>
      <c r="AH15235">
        <v>22</v>
      </c>
      <c r="AI15235">
        <v>23</v>
      </c>
      <c r="AJ15235">
        <v>23</v>
      </c>
      <c r="AK15235">
        <v>23</v>
      </c>
      <c r="AL15235">
        <v>24</v>
      </c>
      <c r="AM15235">
        <v>24</v>
      </c>
      <c r="AN15235">
        <v>24</v>
      </c>
      <c r="AO15235">
        <v>24</v>
      </c>
      <c r="AP15235">
        <v>25</v>
      </c>
      <c r="AQ15235">
        <v>25</v>
      </c>
    </row>
    <row r="15236" spans="1:43">
      <c r="A15236" t="s">
        <v>9468</v>
      </c>
      <c r="B15236" t="s">
        <v>9469</v>
      </c>
      <c r="C15236" t="s">
        <v>9294</v>
      </c>
      <c r="D15236" t="s">
        <v>9295</v>
      </c>
      <c r="E15236" t="s">
        <v>9202</v>
      </c>
      <c r="F15236" t="s">
        <v>9203</v>
      </c>
      <c r="G15236" t="s">
        <v>80</v>
      </c>
      <c r="H15236" t="s">
        <v>81</v>
      </c>
      <c r="I15236" s="2">
        <v>0</v>
      </c>
      <c r="J15236" s="2">
        <v>1</v>
      </c>
      <c r="K15236" s="2">
        <v>0</v>
      </c>
      <c r="L15236" t="s">
        <v>82</v>
      </c>
      <c r="M15236" t="s">
        <v>89</v>
      </c>
      <c r="N15236" t="s">
        <v>90</v>
      </c>
      <c r="O15236" t="s">
        <v>85</v>
      </c>
      <c r="P15236" t="s">
        <v>86</v>
      </c>
      <c r="Q15236">
        <v>18</v>
      </c>
      <c r="R15236">
        <v>19</v>
      </c>
      <c r="S15236">
        <v>19</v>
      </c>
      <c r="T15236">
        <v>20</v>
      </c>
      <c r="U15236">
        <v>20</v>
      </c>
      <c r="V15236">
        <v>21</v>
      </c>
      <c r="W15236">
        <v>22</v>
      </c>
      <c r="X15236">
        <v>22</v>
      </c>
      <c r="Y15236">
        <v>23</v>
      </c>
      <c r="Z15236">
        <v>23</v>
      </c>
      <c r="AA15236">
        <v>24</v>
      </c>
      <c r="AB15236">
        <v>24</v>
      </c>
      <c r="AC15236">
        <v>25</v>
      </c>
      <c r="AD15236">
        <v>26</v>
      </c>
      <c r="AE15236">
        <v>26</v>
      </c>
      <c r="AF15236">
        <v>26</v>
      </c>
      <c r="AG15236">
        <v>26</v>
      </c>
      <c r="AH15236">
        <v>27</v>
      </c>
      <c r="AI15236">
        <v>27</v>
      </c>
      <c r="AJ15236">
        <v>27</v>
      </c>
      <c r="AK15236">
        <v>27</v>
      </c>
      <c r="AL15236">
        <v>28</v>
      </c>
      <c r="AM15236">
        <v>28</v>
      </c>
      <c r="AN15236">
        <v>28</v>
      </c>
      <c r="AO15236">
        <v>28</v>
      </c>
      <c r="AP15236">
        <v>29</v>
      </c>
      <c r="AQ15236">
        <v>29</v>
      </c>
    </row>
    <row r="15237" spans="1:43">
      <c r="A15237" t="s">
        <v>9468</v>
      </c>
      <c r="B15237" t="s">
        <v>9469</v>
      </c>
      <c r="C15237" t="s">
        <v>9294</v>
      </c>
      <c r="D15237" t="s">
        <v>9295</v>
      </c>
      <c r="E15237" t="s">
        <v>9202</v>
      </c>
      <c r="F15237" t="s">
        <v>9203</v>
      </c>
      <c r="G15237" t="s">
        <v>80</v>
      </c>
      <c r="H15237" t="s">
        <v>81</v>
      </c>
      <c r="I15237" s="2">
        <v>0</v>
      </c>
      <c r="J15237" s="2">
        <v>1</v>
      </c>
      <c r="K15237" s="2">
        <v>0</v>
      </c>
      <c r="L15237" t="s">
        <v>82</v>
      </c>
      <c r="M15237" t="s">
        <v>83</v>
      </c>
      <c r="N15237" t="s">
        <v>91</v>
      </c>
      <c r="O15237" t="s">
        <v>85</v>
      </c>
      <c r="P15237" t="s">
        <v>86</v>
      </c>
      <c r="Q15237">
        <v>18</v>
      </c>
      <c r="R15237">
        <v>18</v>
      </c>
      <c r="S15237">
        <v>19</v>
      </c>
      <c r="T15237">
        <v>19</v>
      </c>
      <c r="U15237">
        <v>20</v>
      </c>
      <c r="V15237">
        <v>20</v>
      </c>
      <c r="W15237">
        <v>21</v>
      </c>
      <c r="X15237">
        <v>21</v>
      </c>
      <c r="Y15237">
        <v>21</v>
      </c>
      <c r="Z15237">
        <v>22</v>
      </c>
      <c r="AA15237">
        <v>22</v>
      </c>
      <c r="AB15237">
        <v>23</v>
      </c>
      <c r="AC15237">
        <v>23</v>
      </c>
      <c r="AD15237">
        <v>24</v>
      </c>
      <c r="AE15237">
        <v>24</v>
      </c>
      <c r="AF15237">
        <v>25</v>
      </c>
      <c r="AG15237">
        <v>25</v>
      </c>
      <c r="AH15237">
        <v>26</v>
      </c>
      <c r="AI15237">
        <v>26</v>
      </c>
      <c r="AJ15237">
        <v>27</v>
      </c>
      <c r="AK15237">
        <v>27</v>
      </c>
      <c r="AL15237">
        <v>28</v>
      </c>
      <c r="AM15237">
        <v>28</v>
      </c>
      <c r="AN15237">
        <v>28</v>
      </c>
      <c r="AO15237">
        <v>28</v>
      </c>
      <c r="AP15237">
        <v>29</v>
      </c>
      <c r="AQ15237">
        <v>29</v>
      </c>
    </row>
    <row r="15238" spans="1:43">
      <c r="A15238" t="s">
        <v>9470</v>
      </c>
      <c r="B15238" t="s">
        <v>9471</v>
      </c>
      <c r="C15238" t="s">
        <v>9294</v>
      </c>
      <c r="D15238" t="s">
        <v>9295</v>
      </c>
      <c r="E15238" t="s">
        <v>9202</v>
      </c>
      <c r="F15238" t="s">
        <v>9203</v>
      </c>
      <c r="G15238" t="s">
        <v>80</v>
      </c>
      <c r="H15238" t="s">
        <v>81</v>
      </c>
      <c r="I15238" s="2">
        <v>0</v>
      </c>
      <c r="J15238" s="2">
        <v>1</v>
      </c>
      <c r="K15238" s="2">
        <v>0</v>
      </c>
      <c r="L15238" t="s">
        <v>82</v>
      </c>
      <c r="M15238" t="s">
        <v>83</v>
      </c>
      <c r="N15238" t="s">
        <v>84</v>
      </c>
      <c r="O15238" t="s">
        <v>85</v>
      </c>
      <c r="P15238" t="s">
        <v>86</v>
      </c>
      <c r="Q15238">
        <v>55</v>
      </c>
      <c r="R15238">
        <v>56</v>
      </c>
      <c r="S15238">
        <v>58</v>
      </c>
      <c r="T15238">
        <v>59</v>
      </c>
      <c r="U15238">
        <v>60</v>
      </c>
      <c r="V15238">
        <v>62</v>
      </c>
      <c r="W15238">
        <v>63</v>
      </c>
      <c r="X15238">
        <v>64</v>
      </c>
      <c r="Y15238">
        <v>66</v>
      </c>
      <c r="Z15238">
        <v>67</v>
      </c>
      <c r="AA15238">
        <v>69</v>
      </c>
      <c r="AB15238">
        <v>70</v>
      </c>
      <c r="AC15238">
        <v>72</v>
      </c>
      <c r="AD15238">
        <v>73</v>
      </c>
      <c r="AE15238">
        <v>75</v>
      </c>
      <c r="AF15238">
        <v>76</v>
      </c>
      <c r="AG15238">
        <v>77</v>
      </c>
      <c r="AH15238">
        <v>79</v>
      </c>
      <c r="AI15238">
        <v>80</v>
      </c>
      <c r="AJ15238">
        <v>82</v>
      </c>
      <c r="AK15238">
        <v>84</v>
      </c>
      <c r="AL15238">
        <v>85</v>
      </c>
      <c r="AM15238">
        <v>85</v>
      </c>
      <c r="AN15238">
        <v>86</v>
      </c>
      <c r="AO15238">
        <v>87</v>
      </c>
      <c r="AP15238">
        <v>88</v>
      </c>
      <c r="AQ15238">
        <v>89</v>
      </c>
    </row>
    <row r="15239" spans="1:43">
      <c r="A15239" t="s">
        <v>9470</v>
      </c>
      <c r="B15239" t="s">
        <v>9471</v>
      </c>
      <c r="C15239" t="s">
        <v>9294</v>
      </c>
      <c r="D15239" t="s">
        <v>9295</v>
      </c>
      <c r="E15239" t="s">
        <v>9202</v>
      </c>
      <c r="F15239" t="s">
        <v>9203</v>
      </c>
      <c r="G15239" t="s">
        <v>80</v>
      </c>
      <c r="H15239" t="s">
        <v>81</v>
      </c>
      <c r="I15239" s="2">
        <v>0</v>
      </c>
      <c r="J15239" s="2">
        <v>1</v>
      </c>
      <c r="K15239" s="2">
        <v>0</v>
      </c>
      <c r="L15239" t="s">
        <v>82</v>
      </c>
      <c r="M15239" t="s">
        <v>87</v>
      </c>
      <c r="N15239" t="s">
        <v>88</v>
      </c>
      <c r="O15239" t="s">
        <v>85</v>
      </c>
      <c r="P15239" t="s">
        <v>86</v>
      </c>
      <c r="Q15239">
        <v>55</v>
      </c>
      <c r="R15239">
        <v>56</v>
      </c>
      <c r="S15239">
        <v>57</v>
      </c>
      <c r="T15239">
        <v>58</v>
      </c>
      <c r="U15239">
        <v>59</v>
      </c>
      <c r="V15239">
        <v>59</v>
      </c>
      <c r="W15239">
        <v>60</v>
      </c>
      <c r="X15239">
        <v>61</v>
      </c>
      <c r="Y15239">
        <v>62</v>
      </c>
      <c r="Z15239">
        <v>63</v>
      </c>
      <c r="AA15239">
        <v>64</v>
      </c>
      <c r="AB15239">
        <v>64</v>
      </c>
      <c r="AC15239">
        <v>65</v>
      </c>
      <c r="AD15239">
        <v>66</v>
      </c>
      <c r="AE15239">
        <v>67</v>
      </c>
      <c r="AF15239">
        <v>68</v>
      </c>
      <c r="AG15239">
        <v>69</v>
      </c>
      <c r="AH15239">
        <v>70</v>
      </c>
      <c r="AI15239">
        <v>71</v>
      </c>
      <c r="AJ15239">
        <v>71</v>
      </c>
      <c r="AK15239">
        <v>72</v>
      </c>
      <c r="AL15239">
        <v>73</v>
      </c>
      <c r="AM15239">
        <v>74</v>
      </c>
      <c r="AN15239">
        <v>75</v>
      </c>
      <c r="AO15239">
        <v>76</v>
      </c>
      <c r="AP15239">
        <v>77</v>
      </c>
      <c r="AQ15239">
        <v>78</v>
      </c>
    </row>
    <row r="15240" spans="1:43">
      <c r="A15240" t="s">
        <v>9470</v>
      </c>
      <c r="B15240" t="s">
        <v>9471</v>
      </c>
      <c r="C15240" t="s">
        <v>9294</v>
      </c>
      <c r="D15240" t="s">
        <v>9295</v>
      </c>
      <c r="E15240" t="s">
        <v>9202</v>
      </c>
      <c r="F15240" t="s">
        <v>9203</v>
      </c>
      <c r="G15240" t="s">
        <v>80</v>
      </c>
      <c r="H15240" t="s">
        <v>81</v>
      </c>
      <c r="I15240" s="2">
        <v>0</v>
      </c>
      <c r="J15240" s="2">
        <v>1</v>
      </c>
      <c r="K15240" s="2">
        <v>0</v>
      </c>
      <c r="L15240" t="s">
        <v>82</v>
      </c>
      <c r="M15240" t="s">
        <v>89</v>
      </c>
      <c r="N15240" t="s">
        <v>90</v>
      </c>
      <c r="O15240" t="s">
        <v>85</v>
      </c>
      <c r="P15240" t="s">
        <v>86</v>
      </c>
      <c r="Q15240">
        <v>55</v>
      </c>
      <c r="R15240">
        <v>57</v>
      </c>
      <c r="S15240">
        <v>59</v>
      </c>
      <c r="T15240">
        <v>61</v>
      </c>
      <c r="U15240">
        <v>63</v>
      </c>
      <c r="V15240">
        <v>64</v>
      </c>
      <c r="W15240">
        <v>66</v>
      </c>
      <c r="X15240">
        <v>68</v>
      </c>
      <c r="Y15240">
        <v>70</v>
      </c>
      <c r="Z15240">
        <v>71</v>
      </c>
      <c r="AA15240">
        <v>73</v>
      </c>
      <c r="AB15240">
        <v>75</v>
      </c>
      <c r="AC15240">
        <v>77</v>
      </c>
      <c r="AD15240">
        <v>78</v>
      </c>
      <c r="AE15240">
        <v>80</v>
      </c>
      <c r="AF15240">
        <v>81</v>
      </c>
      <c r="AG15240">
        <v>81</v>
      </c>
      <c r="AH15240">
        <v>82</v>
      </c>
      <c r="AI15240">
        <v>83</v>
      </c>
      <c r="AJ15240">
        <v>84</v>
      </c>
      <c r="AK15240">
        <v>84</v>
      </c>
      <c r="AL15240">
        <v>85</v>
      </c>
      <c r="AM15240">
        <v>86</v>
      </c>
      <c r="AN15240">
        <v>87</v>
      </c>
      <c r="AO15240">
        <v>87</v>
      </c>
      <c r="AP15240">
        <v>88</v>
      </c>
      <c r="AQ15240">
        <v>89</v>
      </c>
    </row>
    <row r="15241" spans="1:43">
      <c r="A15241" t="s">
        <v>9470</v>
      </c>
      <c r="B15241" t="s">
        <v>9471</v>
      </c>
      <c r="C15241" t="s">
        <v>9294</v>
      </c>
      <c r="D15241" t="s">
        <v>9295</v>
      </c>
      <c r="E15241" t="s">
        <v>9202</v>
      </c>
      <c r="F15241" t="s">
        <v>9203</v>
      </c>
      <c r="G15241" t="s">
        <v>80</v>
      </c>
      <c r="H15241" t="s">
        <v>81</v>
      </c>
      <c r="I15241" s="2">
        <v>0</v>
      </c>
      <c r="J15241" s="2">
        <v>1</v>
      </c>
      <c r="K15241" s="2">
        <v>0</v>
      </c>
      <c r="L15241" t="s">
        <v>82</v>
      </c>
      <c r="M15241" t="s">
        <v>83</v>
      </c>
      <c r="N15241" t="s">
        <v>91</v>
      </c>
      <c r="O15241" t="s">
        <v>85</v>
      </c>
      <c r="P15241" t="s">
        <v>86</v>
      </c>
      <c r="Q15241">
        <v>55</v>
      </c>
      <c r="R15241">
        <v>56</v>
      </c>
      <c r="S15241">
        <v>58</v>
      </c>
      <c r="T15241">
        <v>59</v>
      </c>
      <c r="U15241">
        <v>60</v>
      </c>
      <c r="V15241">
        <v>62</v>
      </c>
      <c r="W15241">
        <v>63</v>
      </c>
      <c r="X15241">
        <v>64</v>
      </c>
      <c r="Y15241">
        <v>66</v>
      </c>
      <c r="Z15241">
        <v>67</v>
      </c>
      <c r="AA15241">
        <v>69</v>
      </c>
      <c r="AB15241">
        <v>70</v>
      </c>
      <c r="AC15241">
        <v>72</v>
      </c>
      <c r="AD15241">
        <v>73</v>
      </c>
      <c r="AE15241">
        <v>75</v>
      </c>
      <c r="AF15241">
        <v>76</v>
      </c>
      <c r="AG15241">
        <v>77</v>
      </c>
      <c r="AH15241">
        <v>79</v>
      </c>
      <c r="AI15241">
        <v>80</v>
      </c>
      <c r="AJ15241">
        <v>82</v>
      </c>
      <c r="AK15241">
        <v>84</v>
      </c>
      <c r="AL15241">
        <v>85</v>
      </c>
      <c r="AM15241">
        <v>85</v>
      </c>
      <c r="AN15241">
        <v>86</v>
      </c>
      <c r="AO15241">
        <v>87</v>
      </c>
      <c r="AP15241">
        <v>88</v>
      </c>
      <c r="AQ15241">
        <v>89</v>
      </c>
    </row>
    <row r="15242" spans="1:43">
      <c r="A15242" t="s">
        <v>9472</v>
      </c>
      <c r="B15242" t="s">
        <v>9473</v>
      </c>
      <c r="C15242" t="s">
        <v>9216</v>
      </c>
      <c r="D15242" t="s">
        <v>9217</v>
      </c>
      <c r="E15242" t="s">
        <v>9202</v>
      </c>
      <c r="F15242" t="s">
        <v>9203</v>
      </c>
      <c r="G15242" t="s">
        <v>80</v>
      </c>
      <c r="H15242" t="s">
        <v>81</v>
      </c>
      <c r="I15242" s="2">
        <v>0</v>
      </c>
      <c r="J15242" s="2">
        <v>1</v>
      </c>
      <c r="K15242" s="2">
        <v>0</v>
      </c>
      <c r="L15242" t="s">
        <v>82</v>
      </c>
      <c r="M15242" t="s">
        <v>83</v>
      </c>
      <c r="N15242" t="s">
        <v>84</v>
      </c>
      <c r="O15242" t="s">
        <v>85</v>
      </c>
      <c r="P15242" t="s">
        <v>86</v>
      </c>
      <c r="Q15242">
        <v>114</v>
      </c>
      <c r="R15242">
        <v>117</v>
      </c>
      <c r="S15242">
        <v>119</v>
      </c>
      <c r="T15242">
        <v>122</v>
      </c>
      <c r="U15242">
        <v>125</v>
      </c>
      <c r="V15242">
        <v>128</v>
      </c>
      <c r="W15242">
        <v>131</v>
      </c>
      <c r="X15242">
        <v>134</v>
      </c>
      <c r="Y15242">
        <v>137</v>
      </c>
      <c r="Z15242">
        <v>140</v>
      </c>
      <c r="AA15242">
        <v>143</v>
      </c>
      <c r="AB15242">
        <v>146</v>
      </c>
      <c r="AC15242">
        <v>149</v>
      </c>
      <c r="AD15242">
        <v>152</v>
      </c>
      <c r="AE15242">
        <v>155</v>
      </c>
      <c r="AF15242">
        <v>158</v>
      </c>
      <c r="AG15242">
        <v>161</v>
      </c>
      <c r="AH15242">
        <v>164</v>
      </c>
      <c r="AI15242">
        <v>167</v>
      </c>
      <c r="AJ15242">
        <v>170</v>
      </c>
      <c r="AK15242">
        <v>174</v>
      </c>
      <c r="AL15242">
        <v>176</v>
      </c>
      <c r="AM15242">
        <v>177</v>
      </c>
      <c r="AN15242">
        <v>179</v>
      </c>
      <c r="AO15242">
        <v>181</v>
      </c>
      <c r="AP15242">
        <v>182</v>
      </c>
      <c r="AQ15242">
        <v>184</v>
      </c>
    </row>
    <row r="15243" spans="1:43">
      <c r="A15243" t="s">
        <v>9472</v>
      </c>
      <c r="B15243" t="s">
        <v>9473</v>
      </c>
      <c r="C15243" t="s">
        <v>9216</v>
      </c>
      <c r="D15243" t="s">
        <v>9217</v>
      </c>
      <c r="E15243" t="s">
        <v>9202</v>
      </c>
      <c r="F15243" t="s">
        <v>9203</v>
      </c>
      <c r="G15243" t="s">
        <v>80</v>
      </c>
      <c r="H15243" t="s">
        <v>81</v>
      </c>
      <c r="I15243" s="2">
        <v>0</v>
      </c>
      <c r="J15243" s="2">
        <v>1</v>
      </c>
      <c r="K15243" s="2">
        <v>0</v>
      </c>
      <c r="L15243" t="s">
        <v>82</v>
      </c>
      <c r="M15243" t="s">
        <v>87</v>
      </c>
      <c r="N15243" t="s">
        <v>88</v>
      </c>
      <c r="O15243" t="s">
        <v>85</v>
      </c>
      <c r="P15243" t="s">
        <v>86</v>
      </c>
      <c r="Q15243">
        <v>114</v>
      </c>
      <c r="R15243">
        <v>116</v>
      </c>
      <c r="S15243">
        <v>117</v>
      </c>
      <c r="T15243">
        <v>119</v>
      </c>
      <c r="U15243">
        <v>121</v>
      </c>
      <c r="V15243">
        <v>122</v>
      </c>
      <c r="W15243">
        <v>124</v>
      </c>
      <c r="X15243">
        <v>126</v>
      </c>
      <c r="Y15243">
        <v>127</v>
      </c>
      <c r="Z15243">
        <v>129</v>
      </c>
      <c r="AA15243">
        <v>131</v>
      </c>
      <c r="AB15243">
        <v>133</v>
      </c>
      <c r="AC15243">
        <v>134</v>
      </c>
      <c r="AD15243">
        <v>136</v>
      </c>
      <c r="AE15243">
        <v>138</v>
      </c>
      <c r="AF15243">
        <v>140</v>
      </c>
      <c r="AG15243">
        <v>142</v>
      </c>
      <c r="AH15243">
        <v>143</v>
      </c>
      <c r="AI15243">
        <v>145</v>
      </c>
      <c r="AJ15243">
        <v>147</v>
      </c>
      <c r="AK15243">
        <v>149</v>
      </c>
      <c r="AL15243">
        <v>151</v>
      </c>
      <c r="AM15243">
        <v>153</v>
      </c>
      <c r="AN15243">
        <v>155</v>
      </c>
      <c r="AO15243">
        <v>157</v>
      </c>
      <c r="AP15243">
        <v>159</v>
      </c>
      <c r="AQ15243">
        <v>161</v>
      </c>
    </row>
    <row r="15244" spans="1:43">
      <c r="A15244" t="s">
        <v>9472</v>
      </c>
      <c r="B15244" t="s">
        <v>9473</v>
      </c>
      <c r="C15244" t="s">
        <v>9216</v>
      </c>
      <c r="D15244" t="s">
        <v>9217</v>
      </c>
      <c r="E15244" t="s">
        <v>9202</v>
      </c>
      <c r="F15244" t="s">
        <v>9203</v>
      </c>
      <c r="G15244" t="s">
        <v>80</v>
      </c>
      <c r="H15244" t="s">
        <v>81</v>
      </c>
      <c r="I15244" s="2">
        <v>0</v>
      </c>
      <c r="J15244" s="2">
        <v>1</v>
      </c>
      <c r="K15244" s="2">
        <v>0</v>
      </c>
      <c r="L15244" t="s">
        <v>82</v>
      </c>
      <c r="M15244" t="s">
        <v>89</v>
      </c>
      <c r="N15244" t="s">
        <v>90</v>
      </c>
      <c r="O15244" t="s">
        <v>85</v>
      </c>
      <c r="P15244" t="s">
        <v>86</v>
      </c>
      <c r="Q15244">
        <v>114</v>
      </c>
      <c r="R15244">
        <v>118</v>
      </c>
      <c r="S15244">
        <v>121</v>
      </c>
      <c r="T15244">
        <v>125</v>
      </c>
      <c r="U15244">
        <v>129</v>
      </c>
      <c r="V15244">
        <v>133</v>
      </c>
      <c r="W15244">
        <v>137</v>
      </c>
      <c r="X15244">
        <v>140</v>
      </c>
      <c r="Y15244">
        <v>144</v>
      </c>
      <c r="Z15244">
        <v>147</v>
      </c>
      <c r="AA15244">
        <v>151</v>
      </c>
      <c r="AB15244">
        <v>154</v>
      </c>
      <c r="AC15244">
        <v>158</v>
      </c>
      <c r="AD15244">
        <v>162</v>
      </c>
      <c r="AE15244">
        <v>165</v>
      </c>
      <c r="AF15244">
        <v>166</v>
      </c>
      <c r="AG15244">
        <v>168</v>
      </c>
      <c r="AH15244">
        <v>170</v>
      </c>
      <c r="AI15244">
        <v>171</v>
      </c>
      <c r="AJ15244">
        <v>173</v>
      </c>
      <c r="AK15244">
        <v>174</v>
      </c>
      <c r="AL15244">
        <v>176</v>
      </c>
      <c r="AM15244">
        <v>178</v>
      </c>
      <c r="AN15244">
        <v>179</v>
      </c>
      <c r="AO15244">
        <v>181</v>
      </c>
      <c r="AP15244">
        <v>183</v>
      </c>
      <c r="AQ15244">
        <v>184</v>
      </c>
    </row>
    <row r="15245" spans="1:43">
      <c r="A15245" t="s">
        <v>9472</v>
      </c>
      <c r="B15245" t="s">
        <v>9473</v>
      </c>
      <c r="C15245" t="s">
        <v>9216</v>
      </c>
      <c r="D15245" t="s">
        <v>9217</v>
      </c>
      <c r="E15245" t="s">
        <v>9202</v>
      </c>
      <c r="F15245" t="s">
        <v>9203</v>
      </c>
      <c r="G15245" t="s">
        <v>80</v>
      </c>
      <c r="H15245" t="s">
        <v>81</v>
      </c>
      <c r="I15245" s="2">
        <v>0</v>
      </c>
      <c r="J15245" s="2">
        <v>1</v>
      </c>
      <c r="K15245" s="2">
        <v>0</v>
      </c>
      <c r="L15245" t="s">
        <v>82</v>
      </c>
      <c r="M15245" t="s">
        <v>83</v>
      </c>
      <c r="N15245" t="s">
        <v>91</v>
      </c>
      <c r="O15245" t="s">
        <v>85</v>
      </c>
      <c r="P15245" t="s">
        <v>86</v>
      </c>
      <c r="Q15245">
        <v>114</v>
      </c>
      <c r="R15245">
        <v>117</v>
      </c>
      <c r="S15245">
        <v>119</v>
      </c>
      <c r="T15245">
        <v>122</v>
      </c>
      <c r="U15245">
        <v>125</v>
      </c>
      <c r="V15245">
        <v>128</v>
      </c>
      <c r="W15245">
        <v>131</v>
      </c>
      <c r="X15245">
        <v>134</v>
      </c>
      <c r="Y15245">
        <v>137</v>
      </c>
      <c r="Z15245">
        <v>140</v>
      </c>
      <c r="AA15245">
        <v>143</v>
      </c>
      <c r="AB15245">
        <v>146</v>
      </c>
      <c r="AC15245">
        <v>149</v>
      </c>
      <c r="AD15245">
        <v>152</v>
      </c>
      <c r="AE15245">
        <v>155</v>
      </c>
      <c r="AF15245">
        <v>158</v>
      </c>
      <c r="AG15245">
        <v>161</v>
      </c>
      <c r="AH15245">
        <v>164</v>
      </c>
      <c r="AI15245">
        <v>167</v>
      </c>
      <c r="AJ15245">
        <v>170</v>
      </c>
      <c r="AK15245">
        <v>174</v>
      </c>
      <c r="AL15245">
        <v>176</v>
      </c>
      <c r="AM15245">
        <v>177</v>
      </c>
      <c r="AN15245">
        <v>179</v>
      </c>
      <c r="AO15245">
        <v>181</v>
      </c>
      <c r="AP15245">
        <v>182</v>
      </c>
      <c r="AQ15245">
        <v>184</v>
      </c>
    </row>
    <row r="15246" spans="1:43">
      <c r="A15246" t="s">
        <v>9474</v>
      </c>
      <c r="B15246" t="s">
        <v>9475</v>
      </c>
      <c r="C15246" t="s">
        <v>9294</v>
      </c>
      <c r="D15246" t="s">
        <v>9295</v>
      </c>
      <c r="E15246" t="s">
        <v>9202</v>
      </c>
      <c r="F15246" t="s">
        <v>9203</v>
      </c>
      <c r="G15246" t="s">
        <v>80</v>
      </c>
      <c r="H15246" t="s">
        <v>81</v>
      </c>
      <c r="I15246" s="2">
        <v>0</v>
      </c>
      <c r="J15246" s="2">
        <v>1</v>
      </c>
      <c r="K15246" s="2">
        <v>0</v>
      </c>
      <c r="L15246" t="s">
        <v>82</v>
      </c>
      <c r="M15246" t="s">
        <v>83</v>
      </c>
      <c r="N15246" t="s">
        <v>84</v>
      </c>
      <c r="O15246" t="s">
        <v>85</v>
      </c>
      <c r="P15246" t="s">
        <v>86</v>
      </c>
      <c r="Q15246">
        <v>40</v>
      </c>
      <c r="R15246">
        <v>41</v>
      </c>
      <c r="S15246">
        <v>42</v>
      </c>
      <c r="T15246">
        <v>43</v>
      </c>
      <c r="U15246">
        <v>44</v>
      </c>
      <c r="V15246">
        <v>45</v>
      </c>
      <c r="W15246">
        <v>46</v>
      </c>
      <c r="X15246">
        <v>47</v>
      </c>
      <c r="Y15246">
        <v>48</v>
      </c>
      <c r="Z15246">
        <v>50</v>
      </c>
      <c r="AA15246">
        <v>51</v>
      </c>
      <c r="AB15246">
        <v>52</v>
      </c>
      <c r="AC15246">
        <v>53</v>
      </c>
      <c r="AD15246">
        <v>54</v>
      </c>
      <c r="AE15246">
        <v>55</v>
      </c>
      <c r="AF15246">
        <v>56</v>
      </c>
      <c r="AG15246">
        <v>57</v>
      </c>
      <c r="AH15246">
        <v>58</v>
      </c>
      <c r="AI15246">
        <v>59</v>
      </c>
      <c r="AJ15246">
        <v>60</v>
      </c>
      <c r="AK15246">
        <v>62</v>
      </c>
      <c r="AL15246">
        <v>62</v>
      </c>
      <c r="AM15246">
        <v>63</v>
      </c>
      <c r="AN15246">
        <v>63</v>
      </c>
      <c r="AO15246">
        <v>64</v>
      </c>
      <c r="AP15246">
        <v>65</v>
      </c>
      <c r="AQ15246">
        <v>65</v>
      </c>
    </row>
    <row r="15247" spans="1:43">
      <c r="A15247" t="s">
        <v>9474</v>
      </c>
      <c r="B15247" t="s">
        <v>9475</v>
      </c>
      <c r="C15247" t="s">
        <v>9294</v>
      </c>
      <c r="D15247" t="s">
        <v>9295</v>
      </c>
      <c r="E15247" t="s">
        <v>9202</v>
      </c>
      <c r="F15247" t="s">
        <v>9203</v>
      </c>
      <c r="G15247" t="s">
        <v>80</v>
      </c>
      <c r="H15247" t="s">
        <v>81</v>
      </c>
      <c r="I15247" s="2">
        <v>0</v>
      </c>
      <c r="J15247" s="2">
        <v>1</v>
      </c>
      <c r="K15247" s="2">
        <v>0</v>
      </c>
      <c r="L15247" t="s">
        <v>82</v>
      </c>
      <c r="M15247" t="s">
        <v>87</v>
      </c>
      <c r="N15247" t="s">
        <v>88</v>
      </c>
      <c r="O15247" t="s">
        <v>85</v>
      </c>
      <c r="P15247" t="s">
        <v>86</v>
      </c>
      <c r="Q15247">
        <v>40</v>
      </c>
      <c r="R15247">
        <v>41</v>
      </c>
      <c r="S15247">
        <v>41</v>
      </c>
      <c r="T15247">
        <v>42</v>
      </c>
      <c r="U15247">
        <v>42</v>
      </c>
      <c r="V15247">
        <v>43</v>
      </c>
      <c r="W15247">
        <v>44</v>
      </c>
      <c r="X15247">
        <v>44</v>
      </c>
      <c r="Y15247">
        <v>45</v>
      </c>
      <c r="Z15247">
        <v>45</v>
      </c>
      <c r="AA15247">
        <v>46</v>
      </c>
      <c r="AB15247">
        <v>47</v>
      </c>
      <c r="AC15247">
        <v>47</v>
      </c>
      <c r="AD15247">
        <v>48</v>
      </c>
      <c r="AE15247">
        <v>49</v>
      </c>
      <c r="AF15247">
        <v>49</v>
      </c>
      <c r="AG15247">
        <v>50</v>
      </c>
      <c r="AH15247">
        <v>51</v>
      </c>
      <c r="AI15247">
        <v>51</v>
      </c>
      <c r="AJ15247">
        <v>52</v>
      </c>
      <c r="AK15247">
        <v>53</v>
      </c>
      <c r="AL15247">
        <v>53</v>
      </c>
      <c r="AM15247">
        <v>54</v>
      </c>
      <c r="AN15247">
        <v>55</v>
      </c>
      <c r="AO15247">
        <v>55</v>
      </c>
      <c r="AP15247">
        <v>56</v>
      </c>
      <c r="AQ15247">
        <v>57</v>
      </c>
    </row>
    <row r="15248" spans="1:43">
      <c r="A15248" t="s">
        <v>9474</v>
      </c>
      <c r="B15248" t="s">
        <v>9475</v>
      </c>
      <c r="C15248" t="s">
        <v>9294</v>
      </c>
      <c r="D15248" t="s">
        <v>9295</v>
      </c>
      <c r="E15248" t="s">
        <v>9202</v>
      </c>
      <c r="F15248" t="s">
        <v>9203</v>
      </c>
      <c r="G15248" t="s">
        <v>80</v>
      </c>
      <c r="H15248" t="s">
        <v>81</v>
      </c>
      <c r="I15248" s="2">
        <v>0</v>
      </c>
      <c r="J15248" s="2">
        <v>1</v>
      </c>
      <c r="K15248" s="2">
        <v>0</v>
      </c>
      <c r="L15248" t="s">
        <v>82</v>
      </c>
      <c r="M15248" t="s">
        <v>89</v>
      </c>
      <c r="N15248" t="s">
        <v>90</v>
      </c>
      <c r="O15248" t="s">
        <v>85</v>
      </c>
      <c r="P15248" t="s">
        <v>86</v>
      </c>
      <c r="Q15248">
        <v>40</v>
      </c>
      <c r="R15248">
        <v>41</v>
      </c>
      <c r="S15248">
        <v>42</v>
      </c>
      <c r="T15248">
        <v>44</v>
      </c>
      <c r="U15248">
        <v>45</v>
      </c>
      <c r="V15248">
        <v>46</v>
      </c>
      <c r="W15248">
        <v>48</v>
      </c>
      <c r="X15248">
        <v>49</v>
      </c>
      <c r="Y15248">
        <v>50</v>
      </c>
      <c r="Z15248">
        <v>52</v>
      </c>
      <c r="AA15248">
        <v>53</v>
      </c>
      <c r="AB15248">
        <v>54</v>
      </c>
      <c r="AC15248">
        <v>55</v>
      </c>
      <c r="AD15248">
        <v>57</v>
      </c>
      <c r="AE15248">
        <v>58</v>
      </c>
      <c r="AF15248">
        <v>58</v>
      </c>
      <c r="AG15248">
        <v>59</v>
      </c>
      <c r="AH15248">
        <v>59</v>
      </c>
      <c r="AI15248">
        <v>60</v>
      </c>
      <c r="AJ15248">
        <v>61</v>
      </c>
      <c r="AK15248">
        <v>61</v>
      </c>
      <c r="AL15248">
        <v>62</v>
      </c>
      <c r="AM15248">
        <v>62</v>
      </c>
      <c r="AN15248">
        <v>63</v>
      </c>
      <c r="AO15248">
        <v>63</v>
      </c>
      <c r="AP15248">
        <v>64</v>
      </c>
      <c r="AQ15248">
        <v>65</v>
      </c>
    </row>
    <row r="15249" spans="1:43">
      <c r="A15249" t="s">
        <v>9474</v>
      </c>
      <c r="B15249" t="s">
        <v>9475</v>
      </c>
      <c r="C15249" t="s">
        <v>9294</v>
      </c>
      <c r="D15249" t="s">
        <v>9295</v>
      </c>
      <c r="E15249" t="s">
        <v>9202</v>
      </c>
      <c r="F15249" t="s">
        <v>9203</v>
      </c>
      <c r="G15249" t="s">
        <v>80</v>
      </c>
      <c r="H15249" t="s">
        <v>81</v>
      </c>
      <c r="I15249" s="2">
        <v>0</v>
      </c>
      <c r="J15249" s="2">
        <v>1</v>
      </c>
      <c r="K15249" s="2">
        <v>0</v>
      </c>
      <c r="L15249" t="s">
        <v>82</v>
      </c>
      <c r="M15249" t="s">
        <v>83</v>
      </c>
      <c r="N15249" t="s">
        <v>91</v>
      </c>
      <c r="O15249" t="s">
        <v>85</v>
      </c>
      <c r="P15249" t="s">
        <v>86</v>
      </c>
      <c r="Q15249">
        <v>40</v>
      </c>
      <c r="R15249">
        <v>41</v>
      </c>
      <c r="S15249">
        <v>42</v>
      </c>
      <c r="T15249">
        <v>43</v>
      </c>
      <c r="U15249">
        <v>44</v>
      </c>
      <c r="V15249">
        <v>45</v>
      </c>
      <c r="W15249">
        <v>46</v>
      </c>
      <c r="X15249">
        <v>47</v>
      </c>
      <c r="Y15249">
        <v>48</v>
      </c>
      <c r="Z15249">
        <v>50</v>
      </c>
      <c r="AA15249">
        <v>51</v>
      </c>
      <c r="AB15249">
        <v>52</v>
      </c>
      <c r="AC15249">
        <v>53</v>
      </c>
      <c r="AD15249">
        <v>54</v>
      </c>
      <c r="AE15249">
        <v>55</v>
      </c>
      <c r="AF15249">
        <v>56</v>
      </c>
      <c r="AG15249">
        <v>57</v>
      </c>
      <c r="AH15249">
        <v>58</v>
      </c>
      <c r="AI15249">
        <v>59</v>
      </c>
      <c r="AJ15249">
        <v>60</v>
      </c>
      <c r="AK15249">
        <v>62</v>
      </c>
      <c r="AL15249">
        <v>62</v>
      </c>
      <c r="AM15249">
        <v>63</v>
      </c>
      <c r="AN15249">
        <v>63</v>
      </c>
      <c r="AO15249">
        <v>64</v>
      </c>
      <c r="AP15249">
        <v>65</v>
      </c>
      <c r="AQ15249">
        <v>65</v>
      </c>
    </row>
    <row r="15250" spans="1:43">
      <c r="A15250" t="s">
        <v>9476</v>
      </c>
      <c r="B15250" t="s">
        <v>9477</v>
      </c>
      <c r="C15250" t="s">
        <v>9216</v>
      </c>
      <c r="D15250" t="s">
        <v>9217</v>
      </c>
      <c r="E15250" t="s">
        <v>9202</v>
      </c>
      <c r="F15250" t="s">
        <v>9203</v>
      </c>
      <c r="G15250" t="s">
        <v>80</v>
      </c>
      <c r="H15250" t="s">
        <v>81</v>
      </c>
      <c r="I15250" s="2">
        <v>0</v>
      </c>
      <c r="J15250" s="2">
        <v>1</v>
      </c>
      <c r="K15250" s="2">
        <v>0</v>
      </c>
      <c r="L15250" t="s">
        <v>82</v>
      </c>
      <c r="M15250" t="s">
        <v>83</v>
      </c>
      <c r="N15250" t="s">
        <v>84</v>
      </c>
      <c r="O15250" t="s">
        <v>85</v>
      </c>
      <c r="P15250" t="s">
        <v>86</v>
      </c>
      <c r="Q15250">
        <v>59</v>
      </c>
      <c r="R15250">
        <v>60</v>
      </c>
      <c r="S15250">
        <v>62</v>
      </c>
      <c r="T15250">
        <v>63</v>
      </c>
      <c r="U15250">
        <v>65</v>
      </c>
      <c r="V15250">
        <v>66</v>
      </c>
      <c r="W15250">
        <v>68</v>
      </c>
      <c r="X15250">
        <v>69</v>
      </c>
      <c r="Y15250">
        <v>71</v>
      </c>
      <c r="Z15250">
        <v>72</v>
      </c>
      <c r="AA15250">
        <v>74</v>
      </c>
      <c r="AB15250">
        <v>75</v>
      </c>
      <c r="AC15250">
        <v>77</v>
      </c>
      <c r="AD15250">
        <v>79</v>
      </c>
      <c r="AE15250">
        <v>80</v>
      </c>
      <c r="AF15250">
        <v>82</v>
      </c>
      <c r="AG15250">
        <v>83</v>
      </c>
      <c r="AH15250">
        <v>85</v>
      </c>
      <c r="AI15250">
        <v>87</v>
      </c>
      <c r="AJ15250">
        <v>88</v>
      </c>
      <c r="AK15250">
        <v>90</v>
      </c>
      <c r="AL15250">
        <v>91</v>
      </c>
      <c r="AM15250">
        <v>92</v>
      </c>
      <c r="AN15250">
        <v>93</v>
      </c>
      <c r="AO15250">
        <v>94</v>
      </c>
      <c r="AP15250">
        <v>95</v>
      </c>
      <c r="AQ15250">
        <v>95</v>
      </c>
    </row>
    <row r="15251" spans="1:43">
      <c r="A15251" t="s">
        <v>9476</v>
      </c>
      <c r="B15251" t="s">
        <v>9477</v>
      </c>
      <c r="C15251" t="s">
        <v>9216</v>
      </c>
      <c r="D15251" t="s">
        <v>9217</v>
      </c>
      <c r="E15251" t="s">
        <v>9202</v>
      </c>
      <c r="F15251" t="s">
        <v>9203</v>
      </c>
      <c r="G15251" t="s">
        <v>80</v>
      </c>
      <c r="H15251" t="s">
        <v>81</v>
      </c>
      <c r="I15251" s="2">
        <v>0</v>
      </c>
      <c r="J15251" s="2">
        <v>1</v>
      </c>
      <c r="K15251" s="2">
        <v>0</v>
      </c>
      <c r="L15251" t="s">
        <v>82</v>
      </c>
      <c r="M15251" t="s">
        <v>87</v>
      </c>
      <c r="N15251" t="s">
        <v>88</v>
      </c>
      <c r="O15251" t="s">
        <v>85</v>
      </c>
      <c r="P15251" t="s">
        <v>86</v>
      </c>
      <c r="Q15251">
        <v>59</v>
      </c>
      <c r="R15251">
        <v>60</v>
      </c>
      <c r="S15251">
        <v>61</v>
      </c>
      <c r="T15251">
        <v>62</v>
      </c>
      <c r="U15251">
        <v>63</v>
      </c>
      <c r="V15251">
        <v>64</v>
      </c>
      <c r="W15251">
        <v>65</v>
      </c>
      <c r="X15251">
        <v>66</v>
      </c>
      <c r="Y15251">
        <v>66</v>
      </c>
      <c r="Z15251">
        <v>67</v>
      </c>
      <c r="AA15251">
        <v>68</v>
      </c>
      <c r="AB15251">
        <v>69</v>
      </c>
      <c r="AC15251">
        <v>70</v>
      </c>
      <c r="AD15251">
        <v>71</v>
      </c>
      <c r="AE15251">
        <v>72</v>
      </c>
      <c r="AF15251">
        <v>73</v>
      </c>
      <c r="AG15251">
        <v>74</v>
      </c>
      <c r="AH15251">
        <v>75</v>
      </c>
      <c r="AI15251">
        <v>76</v>
      </c>
      <c r="AJ15251">
        <v>77</v>
      </c>
      <c r="AK15251">
        <v>78</v>
      </c>
      <c r="AL15251">
        <v>79</v>
      </c>
      <c r="AM15251">
        <v>80</v>
      </c>
      <c r="AN15251">
        <v>81</v>
      </c>
      <c r="AO15251">
        <v>82</v>
      </c>
      <c r="AP15251">
        <v>83</v>
      </c>
      <c r="AQ15251">
        <v>84</v>
      </c>
    </row>
    <row r="15252" spans="1:43">
      <c r="A15252" t="s">
        <v>9476</v>
      </c>
      <c r="B15252" t="s">
        <v>9477</v>
      </c>
      <c r="C15252" t="s">
        <v>9216</v>
      </c>
      <c r="D15252" t="s">
        <v>9217</v>
      </c>
      <c r="E15252" t="s">
        <v>9202</v>
      </c>
      <c r="F15252" t="s">
        <v>9203</v>
      </c>
      <c r="G15252" t="s">
        <v>80</v>
      </c>
      <c r="H15252" t="s">
        <v>81</v>
      </c>
      <c r="I15252" s="2">
        <v>0</v>
      </c>
      <c r="J15252" s="2">
        <v>1</v>
      </c>
      <c r="K15252" s="2">
        <v>0</v>
      </c>
      <c r="L15252" t="s">
        <v>82</v>
      </c>
      <c r="M15252" t="s">
        <v>89</v>
      </c>
      <c r="N15252" t="s">
        <v>90</v>
      </c>
      <c r="O15252" t="s">
        <v>85</v>
      </c>
      <c r="P15252" t="s">
        <v>86</v>
      </c>
      <c r="Q15252">
        <v>59</v>
      </c>
      <c r="R15252">
        <v>60</v>
      </c>
      <c r="S15252">
        <v>62</v>
      </c>
      <c r="T15252">
        <v>64</v>
      </c>
      <c r="U15252">
        <v>66</v>
      </c>
      <c r="V15252">
        <v>68</v>
      </c>
      <c r="W15252">
        <v>70</v>
      </c>
      <c r="X15252">
        <v>72</v>
      </c>
      <c r="Y15252">
        <v>74</v>
      </c>
      <c r="Z15252">
        <v>76</v>
      </c>
      <c r="AA15252">
        <v>78</v>
      </c>
      <c r="AB15252">
        <v>79</v>
      </c>
      <c r="AC15252">
        <v>81</v>
      </c>
      <c r="AD15252">
        <v>83</v>
      </c>
      <c r="AE15252">
        <v>85</v>
      </c>
      <c r="AF15252">
        <v>86</v>
      </c>
      <c r="AG15252">
        <v>87</v>
      </c>
      <c r="AH15252">
        <v>87</v>
      </c>
      <c r="AI15252">
        <v>88</v>
      </c>
      <c r="AJ15252">
        <v>89</v>
      </c>
      <c r="AK15252">
        <v>90</v>
      </c>
      <c r="AL15252">
        <v>91</v>
      </c>
      <c r="AM15252">
        <v>92</v>
      </c>
      <c r="AN15252">
        <v>93</v>
      </c>
      <c r="AO15252">
        <v>93</v>
      </c>
      <c r="AP15252">
        <v>94</v>
      </c>
      <c r="AQ15252">
        <v>95</v>
      </c>
    </row>
    <row r="15253" spans="1:43">
      <c r="A15253" t="s">
        <v>9476</v>
      </c>
      <c r="B15253" t="s">
        <v>9477</v>
      </c>
      <c r="C15253" t="s">
        <v>9216</v>
      </c>
      <c r="D15253" t="s">
        <v>9217</v>
      </c>
      <c r="E15253" t="s">
        <v>9202</v>
      </c>
      <c r="F15253" t="s">
        <v>9203</v>
      </c>
      <c r="G15253" t="s">
        <v>80</v>
      </c>
      <c r="H15253" t="s">
        <v>81</v>
      </c>
      <c r="I15253" s="2">
        <v>0</v>
      </c>
      <c r="J15253" s="2">
        <v>1</v>
      </c>
      <c r="K15253" s="2">
        <v>0</v>
      </c>
      <c r="L15253" t="s">
        <v>82</v>
      </c>
      <c r="M15253" t="s">
        <v>83</v>
      </c>
      <c r="N15253" t="s">
        <v>91</v>
      </c>
      <c r="O15253" t="s">
        <v>85</v>
      </c>
      <c r="P15253" t="s">
        <v>86</v>
      </c>
      <c r="Q15253">
        <v>59</v>
      </c>
      <c r="R15253">
        <v>60</v>
      </c>
      <c r="S15253">
        <v>62</v>
      </c>
      <c r="T15253">
        <v>63</v>
      </c>
      <c r="U15253">
        <v>65</v>
      </c>
      <c r="V15253">
        <v>66</v>
      </c>
      <c r="W15253">
        <v>68</v>
      </c>
      <c r="X15253">
        <v>69</v>
      </c>
      <c r="Y15253">
        <v>71</v>
      </c>
      <c r="Z15253">
        <v>72</v>
      </c>
      <c r="AA15253">
        <v>74</v>
      </c>
      <c r="AB15253">
        <v>75</v>
      </c>
      <c r="AC15253">
        <v>77</v>
      </c>
      <c r="AD15253">
        <v>79</v>
      </c>
      <c r="AE15253">
        <v>80</v>
      </c>
      <c r="AF15253">
        <v>82</v>
      </c>
      <c r="AG15253">
        <v>83</v>
      </c>
      <c r="AH15253">
        <v>85</v>
      </c>
      <c r="AI15253">
        <v>87</v>
      </c>
      <c r="AJ15253">
        <v>88</v>
      </c>
      <c r="AK15253">
        <v>90</v>
      </c>
      <c r="AL15253">
        <v>91</v>
      </c>
      <c r="AM15253">
        <v>92</v>
      </c>
      <c r="AN15253">
        <v>93</v>
      </c>
      <c r="AO15253">
        <v>94</v>
      </c>
      <c r="AP15253">
        <v>95</v>
      </c>
      <c r="AQ15253">
        <v>95</v>
      </c>
    </row>
    <row r="15254" spans="1:43">
      <c r="A15254" t="s">
        <v>9478</v>
      </c>
      <c r="B15254" t="s">
        <v>9479</v>
      </c>
      <c r="C15254" t="s">
        <v>9216</v>
      </c>
      <c r="D15254" t="s">
        <v>9217</v>
      </c>
      <c r="E15254" t="s">
        <v>9202</v>
      </c>
      <c r="F15254" t="s">
        <v>9203</v>
      </c>
      <c r="G15254" t="s">
        <v>80</v>
      </c>
      <c r="H15254" t="s">
        <v>81</v>
      </c>
      <c r="I15254" s="2">
        <v>0</v>
      </c>
      <c r="J15254" s="2">
        <v>1</v>
      </c>
      <c r="K15254" s="2">
        <v>0</v>
      </c>
      <c r="L15254" t="s">
        <v>82</v>
      </c>
      <c r="M15254" t="s">
        <v>83</v>
      </c>
      <c r="N15254" t="s">
        <v>84</v>
      </c>
      <c r="O15254" t="s">
        <v>85</v>
      </c>
      <c r="P15254" t="s">
        <v>86</v>
      </c>
      <c r="Q15254">
        <v>15</v>
      </c>
      <c r="R15254">
        <v>15</v>
      </c>
      <c r="S15254">
        <v>16</v>
      </c>
      <c r="T15254">
        <v>16</v>
      </c>
      <c r="U15254">
        <v>16</v>
      </c>
      <c r="V15254">
        <v>17</v>
      </c>
      <c r="W15254">
        <v>17</v>
      </c>
      <c r="X15254">
        <v>18</v>
      </c>
      <c r="Y15254">
        <v>18</v>
      </c>
      <c r="Z15254">
        <v>18</v>
      </c>
      <c r="AA15254">
        <v>19</v>
      </c>
      <c r="AB15254">
        <v>19</v>
      </c>
      <c r="AC15254">
        <v>19</v>
      </c>
      <c r="AD15254">
        <v>20</v>
      </c>
      <c r="AE15254">
        <v>20</v>
      </c>
      <c r="AF15254">
        <v>21</v>
      </c>
      <c r="AG15254">
        <v>21</v>
      </c>
      <c r="AH15254">
        <v>22</v>
      </c>
      <c r="AI15254">
        <v>22</v>
      </c>
      <c r="AJ15254">
        <v>22</v>
      </c>
      <c r="AK15254">
        <v>23</v>
      </c>
      <c r="AL15254">
        <v>23</v>
      </c>
      <c r="AM15254">
        <v>23</v>
      </c>
      <c r="AN15254">
        <v>23</v>
      </c>
      <c r="AO15254">
        <v>24</v>
      </c>
      <c r="AP15254">
        <v>24</v>
      </c>
      <c r="AQ15254">
        <v>24</v>
      </c>
    </row>
    <row r="15255" spans="1:43">
      <c r="A15255" t="s">
        <v>9478</v>
      </c>
      <c r="B15255" t="s">
        <v>9479</v>
      </c>
      <c r="C15255" t="s">
        <v>9216</v>
      </c>
      <c r="D15255" t="s">
        <v>9217</v>
      </c>
      <c r="E15255" t="s">
        <v>9202</v>
      </c>
      <c r="F15255" t="s">
        <v>9203</v>
      </c>
      <c r="G15255" t="s">
        <v>80</v>
      </c>
      <c r="H15255" t="s">
        <v>81</v>
      </c>
      <c r="I15255" s="2">
        <v>0</v>
      </c>
      <c r="J15255" s="2">
        <v>1</v>
      </c>
      <c r="K15255" s="2">
        <v>0</v>
      </c>
      <c r="L15255" t="s">
        <v>82</v>
      </c>
      <c r="M15255" t="s">
        <v>87</v>
      </c>
      <c r="N15255" t="s">
        <v>88</v>
      </c>
      <c r="O15255" t="s">
        <v>85</v>
      </c>
      <c r="P15255" t="s">
        <v>86</v>
      </c>
      <c r="Q15255">
        <v>15</v>
      </c>
      <c r="R15255">
        <v>15</v>
      </c>
      <c r="S15255">
        <v>15</v>
      </c>
      <c r="T15255">
        <v>15</v>
      </c>
      <c r="U15255">
        <v>16</v>
      </c>
      <c r="V15255">
        <v>16</v>
      </c>
      <c r="W15255">
        <v>16</v>
      </c>
      <c r="X15255">
        <v>16</v>
      </c>
      <c r="Y15255">
        <v>17</v>
      </c>
      <c r="Z15255">
        <v>17</v>
      </c>
      <c r="AA15255">
        <v>17</v>
      </c>
      <c r="AB15255">
        <v>17</v>
      </c>
      <c r="AC15255">
        <v>17</v>
      </c>
      <c r="AD15255">
        <v>18</v>
      </c>
      <c r="AE15255">
        <v>18</v>
      </c>
      <c r="AF15255">
        <v>18</v>
      </c>
      <c r="AG15255">
        <v>18</v>
      </c>
      <c r="AH15255">
        <v>19</v>
      </c>
      <c r="AI15255">
        <v>19</v>
      </c>
      <c r="AJ15255">
        <v>19</v>
      </c>
      <c r="AK15255">
        <v>19</v>
      </c>
      <c r="AL15255">
        <v>20</v>
      </c>
      <c r="AM15255">
        <v>20</v>
      </c>
      <c r="AN15255">
        <v>20</v>
      </c>
      <c r="AO15255">
        <v>20</v>
      </c>
      <c r="AP15255">
        <v>21</v>
      </c>
      <c r="AQ15255">
        <v>21</v>
      </c>
    </row>
    <row r="15256" spans="1:43">
      <c r="A15256" t="s">
        <v>9478</v>
      </c>
      <c r="B15256" t="s">
        <v>9479</v>
      </c>
      <c r="C15256" t="s">
        <v>9216</v>
      </c>
      <c r="D15256" t="s">
        <v>9217</v>
      </c>
      <c r="E15256" t="s">
        <v>9202</v>
      </c>
      <c r="F15256" t="s">
        <v>9203</v>
      </c>
      <c r="G15256" t="s">
        <v>80</v>
      </c>
      <c r="H15256" t="s">
        <v>81</v>
      </c>
      <c r="I15256" s="2">
        <v>0</v>
      </c>
      <c r="J15256" s="2">
        <v>1</v>
      </c>
      <c r="K15256" s="2">
        <v>0</v>
      </c>
      <c r="L15256" t="s">
        <v>82</v>
      </c>
      <c r="M15256" t="s">
        <v>89</v>
      </c>
      <c r="N15256" t="s">
        <v>90</v>
      </c>
      <c r="O15256" t="s">
        <v>85</v>
      </c>
      <c r="P15256" t="s">
        <v>86</v>
      </c>
      <c r="Q15256">
        <v>15</v>
      </c>
      <c r="R15256">
        <v>16</v>
      </c>
      <c r="S15256">
        <v>16</v>
      </c>
      <c r="T15256">
        <v>17</v>
      </c>
      <c r="U15256">
        <v>17</v>
      </c>
      <c r="V15256">
        <v>18</v>
      </c>
      <c r="W15256">
        <v>18</v>
      </c>
      <c r="X15256">
        <v>19</v>
      </c>
      <c r="Y15256">
        <v>19</v>
      </c>
      <c r="Z15256">
        <v>19</v>
      </c>
      <c r="AA15256">
        <v>20</v>
      </c>
      <c r="AB15256">
        <v>20</v>
      </c>
      <c r="AC15256">
        <v>21</v>
      </c>
      <c r="AD15256">
        <v>21</v>
      </c>
      <c r="AE15256">
        <v>22</v>
      </c>
      <c r="AF15256">
        <v>22</v>
      </c>
      <c r="AG15256">
        <v>22</v>
      </c>
      <c r="AH15256">
        <v>22</v>
      </c>
      <c r="AI15256">
        <v>23</v>
      </c>
      <c r="AJ15256">
        <v>23</v>
      </c>
      <c r="AK15256">
        <v>23</v>
      </c>
      <c r="AL15256">
        <v>23</v>
      </c>
      <c r="AM15256">
        <v>23</v>
      </c>
      <c r="AN15256">
        <v>24</v>
      </c>
      <c r="AO15256">
        <v>24</v>
      </c>
      <c r="AP15256">
        <v>24</v>
      </c>
      <c r="AQ15256">
        <v>24</v>
      </c>
    </row>
    <row r="15257" spans="1:43">
      <c r="A15257" t="s">
        <v>9478</v>
      </c>
      <c r="B15257" t="s">
        <v>9479</v>
      </c>
      <c r="C15257" t="s">
        <v>9216</v>
      </c>
      <c r="D15257" t="s">
        <v>9217</v>
      </c>
      <c r="E15257" t="s">
        <v>9202</v>
      </c>
      <c r="F15257" t="s">
        <v>9203</v>
      </c>
      <c r="G15257" t="s">
        <v>80</v>
      </c>
      <c r="H15257" t="s">
        <v>81</v>
      </c>
      <c r="I15257" s="2">
        <v>0</v>
      </c>
      <c r="J15257" s="2">
        <v>1</v>
      </c>
      <c r="K15257" s="2">
        <v>0</v>
      </c>
      <c r="L15257" t="s">
        <v>82</v>
      </c>
      <c r="M15257" t="s">
        <v>83</v>
      </c>
      <c r="N15257" t="s">
        <v>91</v>
      </c>
      <c r="O15257" t="s">
        <v>85</v>
      </c>
      <c r="P15257" t="s">
        <v>86</v>
      </c>
      <c r="Q15257">
        <v>15</v>
      </c>
      <c r="R15257">
        <v>15</v>
      </c>
      <c r="S15257">
        <v>16</v>
      </c>
      <c r="T15257">
        <v>16</v>
      </c>
      <c r="U15257">
        <v>16</v>
      </c>
      <c r="V15257">
        <v>17</v>
      </c>
      <c r="W15257">
        <v>17</v>
      </c>
      <c r="X15257">
        <v>18</v>
      </c>
      <c r="Y15257">
        <v>18</v>
      </c>
      <c r="Z15257">
        <v>18</v>
      </c>
      <c r="AA15257">
        <v>19</v>
      </c>
      <c r="AB15257">
        <v>19</v>
      </c>
      <c r="AC15257">
        <v>19</v>
      </c>
      <c r="AD15257">
        <v>20</v>
      </c>
      <c r="AE15257">
        <v>20</v>
      </c>
      <c r="AF15257">
        <v>21</v>
      </c>
      <c r="AG15257">
        <v>21</v>
      </c>
      <c r="AH15257">
        <v>22</v>
      </c>
      <c r="AI15257">
        <v>22</v>
      </c>
      <c r="AJ15257">
        <v>22</v>
      </c>
      <c r="AK15257">
        <v>23</v>
      </c>
      <c r="AL15257">
        <v>23</v>
      </c>
      <c r="AM15257">
        <v>23</v>
      </c>
      <c r="AN15257">
        <v>23</v>
      </c>
      <c r="AO15257">
        <v>24</v>
      </c>
      <c r="AP15257">
        <v>24</v>
      </c>
      <c r="AQ15257">
        <v>24</v>
      </c>
    </row>
    <row r="15258" spans="1:43">
      <c r="A15258" t="s">
        <v>9480</v>
      </c>
      <c r="B15258" t="s">
        <v>9481</v>
      </c>
      <c r="C15258" t="s">
        <v>9294</v>
      </c>
      <c r="D15258" t="s">
        <v>9295</v>
      </c>
      <c r="E15258" t="s">
        <v>9202</v>
      </c>
      <c r="F15258" t="s">
        <v>9203</v>
      </c>
      <c r="G15258" t="s">
        <v>80</v>
      </c>
      <c r="H15258" t="s">
        <v>81</v>
      </c>
      <c r="I15258" s="2">
        <v>0</v>
      </c>
      <c r="J15258" s="2">
        <v>1</v>
      </c>
      <c r="K15258" s="2">
        <v>0</v>
      </c>
      <c r="L15258" t="s">
        <v>82</v>
      </c>
      <c r="M15258" t="s">
        <v>83</v>
      </c>
      <c r="N15258" t="s">
        <v>84</v>
      </c>
      <c r="O15258" t="s">
        <v>85</v>
      </c>
      <c r="P15258" t="s">
        <v>86</v>
      </c>
      <c r="Q15258">
        <v>23</v>
      </c>
      <c r="R15258">
        <v>23</v>
      </c>
      <c r="S15258">
        <v>24</v>
      </c>
      <c r="T15258">
        <v>24</v>
      </c>
      <c r="U15258">
        <v>25</v>
      </c>
      <c r="V15258">
        <v>25</v>
      </c>
      <c r="W15258">
        <v>26</v>
      </c>
      <c r="X15258">
        <v>26</v>
      </c>
      <c r="Y15258">
        <v>27</v>
      </c>
      <c r="Z15258">
        <v>28</v>
      </c>
      <c r="AA15258">
        <v>28</v>
      </c>
      <c r="AB15258">
        <v>29</v>
      </c>
      <c r="AC15258">
        <v>29</v>
      </c>
      <c r="AD15258">
        <v>30</v>
      </c>
      <c r="AE15258">
        <v>31</v>
      </c>
      <c r="AF15258">
        <v>31</v>
      </c>
      <c r="AG15258">
        <v>32</v>
      </c>
      <c r="AH15258">
        <v>32</v>
      </c>
      <c r="AI15258">
        <v>33</v>
      </c>
      <c r="AJ15258">
        <v>34</v>
      </c>
      <c r="AK15258">
        <v>34</v>
      </c>
      <c r="AL15258">
        <v>35</v>
      </c>
      <c r="AM15258">
        <v>35</v>
      </c>
      <c r="AN15258">
        <v>35</v>
      </c>
      <c r="AO15258">
        <v>36</v>
      </c>
      <c r="AP15258">
        <v>36</v>
      </c>
      <c r="AQ15258">
        <v>36</v>
      </c>
    </row>
    <row r="15259" spans="1:43">
      <c r="A15259" t="s">
        <v>9480</v>
      </c>
      <c r="B15259" t="s">
        <v>9481</v>
      </c>
      <c r="C15259" t="s">
        <v>9294</v>
      </c>
      <c r="D15259" t="s">
        <v>9295</v>
      </c>
      <c r="E15259" t="s">
        <v>9202</v>
      </c>
      <c r="F15259" t="s">
        <v>9203</v>
      </c>
      <c r="G15259" t="s">
        <v>80</v>
      </c>
      <c r="H15259" t="s">
        <v>81</v>
      </c>
      <c r="I15259" s="2">
        <v>0</v>
      </c>
      <c r="J15259" s="2">
        <v>1</v>
      </c>
      <c r="K15259" s="2">
        <v>0</v>
      </c>
      <c r="L15259" t="s">
        <v>82</v>
      </c>
      <c r="M15259" t="s">
        <v>87</v>
      </c>
      <c r="N15259" t="s">
        <v>88</v>
      </c>
      <c r="O15259" t="s">
        <v>85</v>
      </c>
      <c r="P15259" t="s">
        <v>86</v>
      </c>
      <c r="Q15259">
        <v>23</v>
      </c>
      <c r="R15259">
        <v>24</v>
      </c>
      <c r="S15259">
        <v>24</v>
      </c>
      <c r="T15259">
        <v>24</v>
      </c>
      <c r="U15259">
        <v>25</v>
      </c>
      <c r="V15259">
        <v>25</v>
      </c>
      <c r="W15259">
        <v>25</v>
      </c>
      <c r="X15259">
        <v>26</v>
      </c>
      <c r="Y15259">
        <v>26</v>
      </c>
      <c r="Z15259">
        <v>26</v>
      </c>
      <c r="AA15259">
        <v>27</v>
      </c>
      <c r="AB15259">
        <v>27</v>
      </c>
      <c r="AC15259">
        <v>27</v>
      </c>
      <c r="AD15259">
        <v>28</v>
      </c>
      <c r="AE15259">
        <v>28</v>
      </c>
      <c r="AF15259">
        <v>28</v>
      </c>
      <c r="AG15259">
        <v>29</v>
      </c>
      <c r="AH15259">
        <v>29</v>
      </c>
      <c r="AI15259">
        <v>30</v>
      </c>
      <c r="AJ15259">
        <v>30</v>
      </c>
      <c r="AK15259">
        <v>30</v>
      </c>
      <c r="AL15259">
        <v>31</v>
      </c>
      <c r="AM15259">
        <v>31</v>
      </c>
      <c r="AN15259">
        <v>31</v>
      </c>
      <c r="AO15259">
        <v>32</v>
      </c>
      <c r="AP15259">
        <v>32</v>
      </c>
      <c r="AQ15259">
        <v>33</v>
      </c>
    </row>
    <row r="15260" spans="1:43">
      <c r="A15260" t="s">
        <v>9480</v>
      </c>
      <c r="B15260" t="s">
        <v>9481</v>
      </c>
      <c r="C15260" t="s">
        <v>9294</v>
      </c>
      <c r="D15260" t="s">
        <v>9295</v>
      </c>
      <c r="E15260" t="s">
        <v>9202</v>
      </c>
      <c r="F15260" t="s">
        <v>9203</v>
      </c>
      <c r="G15260" t="s">
        <v>80</v>
      </c>
      <c r="H15260" t="s">
        <v>81</v>
      </c>
      <c r="I15260" s="2">
        <v>0</v>
      </c>
      <c r="J15260" s="2">
        <v>1</v>
      </c>
      <c r="K15260" s="2">
        <v>0</v>
      </c>
      <c r="L15260" t="s">
        <v>82</v>
      </c>
      <c r="M15260" t="s">
        <v>89</v>
      </c>
      <c r="N15260" t="s">
        <v>90</v>
      </c>
      <c r="O15260" t="s">
        <v>85</v>
      </c>
      <c r="P15260" t="s">
        <v>86</v>
      </c>
      <c r="Q15260">
        <v>23</v>
      </c>
      <c r="R15260">
        <v>23</v>
      </c>
      <c r="S15260">
        <v>24</v>
      </c>
      <c r="T15260">
        <v>25</v>
      </c>
      <c r="U15260">
        <v>26</v>
      </c>
      <c r="V15260">
        <v>26</v>
      </c>
      <c r="W15260">
        <v>27</v>
      </c>
      <c r="X15260">
        <v>28</v>
      </c>
      <c r="Y15260">
        <v>29</v>
      </c>
      <c r="Z15260">
        <v>29</v>
      </c>
      <c r="AA15260">
        <v>30</v>
      </c>
      <c r="AB15260">
        <v>31</v>
      </c>
      <c r="AC15260">
        <v>31</v>
      </c>
      <c r="AD15260">
        <v>32</v>
      </c>
      <c r="AE15260">
        <v>33</v>
      </c>
      <c r="AF15260">
        <v>33</v>
      </c>
      <c r="AG15260">
        <v>33</v>
      </c>
      <c r="AH15260">
        <v>34</v>
      </c>
      <c r="AI15260">
        <v>34</v>
      </c>
      <c r="AJ15260">
        <v>34</v>
      </c>
      <c r="AK15260">
        <v>35</v>
      </c>
      <c r="AL15260">
        <v>35</v>
      </c>
      <c r="AM15260">
        <v>35</v>
      </c>
      <c r="AN15260">
        <v>36</v>
      </c>
      <c r="AO15260">
        <v>36</v>
      </c>
      <c r="AP15260">
        <v>36</v>
      </c>
      <c r="AQ15260">
        <v>37</v>
      </c>
    </row>
    <row r="15261" spans="1:43">
      <c r="A15261" t="s">
        <v>9480</v>
      </c>
      <c r="B15261" t="s">
        <v>9481</v>
      </c>
      <c r="C15261" t="s">
        <v>9294</v>
      </c>
      <c r="D15261" t="s">
        <v>9295</v>
      </c>
      <c r="E15261" t="s">
        <v>9202</v>
      </c>
      <c r="F15261" t="s">
        <v>9203</v>
      </c>
      <c r="G15261" t="s">
        <v>80</v>
      </c>
      <c r="H15261" t="s">
        <v>81</v>
      </c>
      <c r="I15261" s="2">
        <v>0</v>
      </c>
      <c r="J15261" s="2">
        <v>1</v>
      </c>
      <c r="K15261" s="2">
        <v>0</v>
      </c>
      <c r="L15261" t="s">
        <v>82</v>
      </c>
      <c r="M15261" t="s">
        <v>83</v>
      </c>
      <c r="N15261" t="s">
        <v>91</v>
      </c>
      <c r="O15261" t="s">
        <v>85</v>
      </c>
      <c r="P15261" t="s">
        <v>86</v>
      </c>
      <c r="Q15261">
        <v>23</v>
      </c>
      <c r="R15261">
        <v>23</v>
      </c>
      <c r="S15261">
        <v>24</v>
      </c>
      <c r="T15261">
        <v>24</v>
      </c>
      <c r="U15261">
        <v>25</v>
      </c>
      <c r="V15261">
        <v>25</v>
      </c>
      <c r="W15261">
        <v>26</v>
      </c>
      <c r="X15261">
        <v>26</v>
      </c>
      <c r="Y15261">
        <v>27</v>
      </c>
      <c r="Z15261">
        <v>28</v>
      </c>
      <c r="AA15261">
        <v>28</v>
      </c>
      <c r="AB15261">
        <v>29</v>
      </c>
      <c r="AC15261">
        <v>29</v>
      </c>
      <c r="AD15261">
        <v>30</v>
      </c>
      <c r="AE15261">
        <v>31</v>
      </c>
      <c r="AF15261">
        <v>31</v>
      </c>
      <c r="AG15261">
        <v>32</v>
      </c>
      <c r="AH15261">
        <v>32</v>
      </c>
      <c r="AI15261">
        <v>33</v>
      </c>
      <c r="AJ15261">
        <v>34</v>
      </c>
      <c r="AK15261">
        <v>34</v>
      </c>
      <c r="AL15261">
        <v>35</v>
      </c>
      <c r="AM15261">
        <v>35</v>
      </c>
      <c r="AN15261">
        <v>35</v>
      </c>
      <c r="AO15261">
        <v>36</v>
      </c>
      <c r="AP15261">
        <v>36</v>
      </c>
      <c r="AQ15261">
        <v>36</v>
      </c>
    </row>
    <row r="15262" spans="1:43">
      <c r="A15262" t="s">
        <v>9482</v>
      </c>
      <c r="B15262" t="s">
        <v>9483</v>
      </c>
      <c r="C15262" t="s">
        <v>9406</v>
      </c>
      <c r="D15262" t="s">
        <v>9407</v>
      </c>
      <c r="E15262" t="s">
        <v>9202</v>
      </c>
      <c r="F15262" t="s">
        <v>9203</v>
      </c>
      <c r="G15262" t="s">
        <v>80</v>
      </c>
      <c r="H15262" t="s">
        <v>81</v>
      </c>
      <c r="I15262" s="2">
        <v>0</v>
      </c>
      <c r="J15262" s="2">
        <v>1</v>
      </c>
      <c r="K15262" s="2">
        <v>0</v>
      </c>
      <c r="L15262" t="s">
        <v>82</v>
      </c>
      <c r="M15262" t="s">
        <v>83</v>
      </c>
      <c r="N15262" t="s">
        <v>84</v>
      </c>
      <c r="O15262" t="s">
        <v>85</v>
      </c>
      <c r="P15262" t="s">
        <v>86</v>
      </c>
      <c r="Q15262">
        <v>78</v>
      </c>
      <c r="R15262">
        <v>80</v>
      </c>
      <c r="S15262">
        <v>82</v>
      </c>
      <c r="T15262">
        <v>84</v>
      </c>
      <c r="U15262">
        <v>85</v>
      </c>
      <c r="V15262">
        <v>87</v>
      </c>
      <c r="W15262">
        <v>89</v>
      </c>
      <c r="X15262">
        <v>91</v>
      </c>
      <c r="Y15262">
        <v>93</v>
      </c>
      <c r="Z15262">
        <v>95</v>
      </c>
      <c r="AA15262">
        <v>97</v>
      </c>
      <c r="AB15262">
        <v>99</v>
      </c>
      <c r="AC15262">
        <v>101</v>
      </c>
      <c r="AD15262">
        <v>104</v>
      </c>
      <c r="AE15262">
        <v>106</v>
      </c>
      <c r="AF15262">
        <v>108</v>
      </c>
      <c r="AG15262">
        <v>110</v>
      </c>
      <c r="AH15262">
        <v>112</v>
      </c>
      <c r="AI15262">
        <v>114</v>
      </c>
      <c r="AJ15262">
        <v>117</v>
      </c>
      <c r="AK15262">
        <v>119</v>
      </c>
      <c r="AL15262">
        <v>120</v>
      </c>
      <c r="AM15262">
        <v>122</v>
      </c>
      <c r="AN15262">
        <v>123</v>
      </c>
      <c r="AO15262">
        <v>124</v>
      </c>
      <c r="AP15262">
        <v>125</v>
      </c>
      <c r="AQ15262">
        <v>126</v>
      </c>
    </row>
    <row r="15263" spans="1:43">
      <c r="A15263" t="s">
        <v>9482</v>
      </c>
      <c r="B15263" t="s">
        <v>9483</v>
      </c>
      <c r="C15263" t="s">
        <v>9406</v>
      </c>
      <c r="D15263" t="s">
        <v>9407</v>
      </c>
      <c r="E15263" t="s">
        <v>9202</v>
      </c>
      <c r="F15263" t="s">
        <v>9203</v>
      </c>
      <c r="G15263" t="s">
        <v>80</v>
      </c>
      <c r="H15263" t="s">
        <v>81</v>
      </c>
      <c r="I15263" s="2">
        <v>0</v>
      </c>
      <c r="J15263" s="2">
        <v>1</v>
      </c>
      <c r="K15263" s="2">
        <v>0</v>
      </c>
      <c r="L15263" t="s">
        <v>82</v>
      </c>
      <c r="M15263" t="s">
        <v>87</v>
      </c>
      <c r="N15263" t="s">
        <v>88</v>
      </c>
      <c r="O15263" t="s">
        <v>85</v>
      </c>
      <c r="P15263" t="s">
        <v>86</v>
      </c>
      <c r="Q15263">
        <v>78</v>
      </c>
      <c r="R15263">
        <v>79</v>
      </c>
      <c r="S15263">
        <v>80</v>
      </c>
      <c r="T15263">
        <v>82</v>
      </c>
      <c r="U15263">
        <v>83</v>
      </c>
      <c r="V15263">
        <v>84</v>
      </c>
      <c r="W15263">
        <v>85</v>
      </c>
      <c r="X15263">
        <v>86</v>
      </c>
      <c r="Y15263">
        <v>87</v>
      </c>
      <c r="Z15263">
        <v>88</v>
      </c>
      <c r="AA15263">
        <v>90</v>
      </c>
      <c r="AB15263">
        <v>91</v>
      </c>
      <c r="AC15263">
        <v>92</v>
      </c>
      <c r="AD15263">
        <v>93</v>
      </c>
      <c r="AE15263">
        <v>94</v>
      </c>
      <c r="AF15263">
        <v>96</v>
      </c>
      <c r="AG15263">
        <v>97</v>
      </c>
      <c r="AH15263">
        <v>98</v>
      </c>
      <c r="AI15263">
        <v>99</v>
      </c>
      <c r="AJ15263">
        <v>101</v>
      </c>
      <c r="AK15263">
        <v>102</v>
      </c>
      <c r="AL15263">
        <v>103</v>
      </c>
      <c r="AM15263">
        <v>104</v>
      </c>
      <c r="AN15263">
        <v>106</v>
      </c>
      <c r="AO15263">
        <v>107</v>
      </c>
      <c r="AP15263">
        <v>108</v>
      </c>
      <c r="AQ15263">
        <v>110</v>
      </c>
    </row>
    <row r="15264" spans="1:43">
      <c r="A15264" t="s">
        <v>9482</v>
      </c>
      <c r="B15264" t="s">
        <v>9483</v>
      </c>
      <c r="C15264" t="s">
        <v>9406</v>
      </c>
      <c r="D15264" t="s">
        <v>9407</v>
      </c>
      <c r="E15264" t="s">
        <v>9202</v>
      </c>
      <c r="F15264" t="s">
        <v>9203</v>
      </c>
      <c r="G15264" t="s">
        <v>80</v>
      </c>
      <c r="H15264" t="s">
        <v>81</v>
      </c>
      <c r="I15264" s="2">
        <v>0</v>
      </c>
      <c r="J15264" s="2">
        <v>1</v>
      </c>
      <c r="K15264" s="2">
        <v>0</v>
      </c>
      <c r="L15264" t="s">
        <v>82</v>
      </c>
      <c r="M15264" t="s">
        <v>89</v>
      </c>
      <c r="N15264" t="s">
        <v>90</v>
      </c>
      <c r="O15264" t="s">
        <v>85</v>
      </c>
      <c r="P15264" t="s">
        <v>86</v>
      </c>
      <c r="Q15264">
        <v>78</v>
      </c>
      <c r="R15264">
        <v>80</v>
      </c>
      <c r="S15264">
        <v>83</v>
      </c>
      <c r="T15264">
        <v>85</v>
      </c>
      <c r="U15264">
        <v>88</v>
      </c>
      <c r="V15264">
        <v>90</v>
      </c>
      <c r="W15264">
        <v>93</v>
      </c>
      <c r="X15264">
        <v>95</v>
      </c>
      <c r="Y15264">
        <v>98</v>
      </c>
      <c r="Z15264">
        <v>100</v>
      </c>
      <c r="AA15264">
        <v>103</v>
      </c>
      <c r="AB15264">
        <v>105</v>
      </c>
      <c r="AC15264">
        <v>108</v>
      </c>
      <c r="AD15264">
        <v>111</v>
      </c>
      <c r="AE15264">
        <v>113</v>
      </c>
      <c r="AF15264">
        <v>114</v>
      </c>
      <c r="AG15264">
        <v>115</v>
      </c>
      <c r="AH15264">
        <v>116</v>
      </c>
      <c r="AI15264">
        <v>117</v>
      </c>
      <c r="AJ15264">
        <v>119</v>
      </c>
      <c r="AK15264">
        <v>120</v>
      </c>
      <c r="AL15264">
        <v>121</v>
      </c>
      <c r="AM15264">
        <v>122</v>
      </c>
      <c r="AN15264">
        <v>123</v>
      </c>
      <c r="AO15264">
        <v>125</v>
      </c>
      <c r="AP15264">
        <v>126</v>
      </c>
      <c r="AQ15264">
        <v>127</v>
      </c>
    </row>
    <row r="15265" spans="1:43">
      <c r="A15265" t="s">
        <v>9482</v>
      </c>
      <c r="B15265" t="s">
        <v>9483</v>
      </c>
      <c r="C15265" t="s">
        <v>9406</v>
      </c>
      <c r="D15265" t="s">
        <v>9407</v>
      </c>
      <c r="E15265" t="s">
        <v>9202</v>
      </c>
      <c r="F15265" t="s">
        <v>9203</v>
      </c>
      <c r="G15265" t="s">
        <v>80</v>
      </c>
      <c r="H15265" t="s">
        <v>81</v>
      </c>
      <c r="I15265" s="2">
        <v>0</v>
      </c>
      <c r="J15265" s="2">
        <v>1</v>
      </c>
      <c r="K15265" s="2">
        <v>0</v>
      </c>
      <c r="L15265" t="s">
        <v>82</v>
      </c>
      <c r="M15265" t="s">
        <v>83</v>
      </c>
      <c r="N15265" t="s">
        <v>91</v>
      </c>
      <c r="O15265" t="s">
        <v>85</v>
      </c>
      <c r="P15265" t="s">
        <v>86</v>
      </c>
      <c r="Q15265">
        <v>78</v>
      </c>
      <c r="R15265">
        <v>80</v>
      </c>
      <c r="S15265">
        <v>82</v>
      </c>
      <c r="T15265">
        <v>84</v>
      </c>
      <c r="U15265">
        <v>85</v>
      </c>
      <c r="V15265">
        <v>87</v>
      </c>
      <c r="W15265">
        <v>89</v>
      </c>
      <c r="X15265">
        <v>91</v>
      </c>
      <c r="Y15265">
        <v>93</v>
      </c>
      <c r="Z15265">
        <v>95</v>
      </c>
      <c r="AA15265">
        <v>97</v>
      </c>
      <c r="AB15265">
        <v>99</v>
      </c>
      <c r="AC15265">
        <v>101</v>
      </c>
      <c r="AD15265">
        <v>104</v>
      </c>
      <c r="AE15265">
        <v>106</v>
      </c>
      <c r="AF15265">
        <v>108</v>
      </c>
      <c r="AG15265">
        <v>110</v>
      </c>
      <c r="AH15265">
        <v>112</v>
      </c>
      <c r="AI15265">
        <v>114</v>
      </c>
      <c r="AJ15265">
        <v>117</v>
      </c>
      <c r="AK15265">
        <v>119</v>
      </c>
      <c r="AL15265">
        <v>120</v>
      </c>
      <c r="AM15265">
        <v>122</v>
      </c>
      <c r="AN15265">
        <v>123</v>
      </c>
      <c r="AO15265">
        <v>124</v>
      </c>
      <c r="AP15265">
        <v>125</v>
      </c>
      <c r="AQ15265">
        <v>126</v>
      </c>
    </row>
    <row r="15266" spans="1:43">
      <c r="A15266" t="s">
        <v>9484</v>
      </c>
      <c r="B15266" t="s">
        <v>9485</v>
      </c>
      <c r="C15266" t="s">
        <v>9370</v>
      </c>
      <c r="D15266" t="s">
        <v>9371</v>
      </c>
      <c r="E15266" t="s">
        <v>9202</v>
      </c>
      <c r="F15266" t="s">
        <v>9203</v>
      </c>
      <c r="G15266" t="s">
        <v>80</v>
      </c>
      <c r="H15266" t="s">
        <v>81</v>
      </c>
      <c r="I15266" s="2">
        <v>0</v>
      </c>
      <c r="J15266" s="2">
        <v>1</v>
      </c>
      <c r="K15266" s="2">
        <v>0</v>
      </c>
      <c r="L15266" t="s">
        <v>82</v>
      </c>
      <c r="M15266" t="s">
        <v>83</v>
      </c>
      <c r="N15266" t="s">
        <v>84</v>
      </c>
      <c r="O15266" t="s">
        <v>85</v>
      </c>
      <c r="P15266" t="s">
        <v>86</v>
      </c>
      <c r="Q15266">
        <v>40</v>
      </c>
      <c r="R15266">
        <v>41</v>
      </c>
      <c r="S15266">
        <v>42</v>
      </c>
      <c r="T15266">
        <v>43</v>
      </c>
      <c r="U15266">
        <v>44</v>
      </c>
      <c r="V15266">
        <v>45</v>
      </c>
      <c r="W15266">
        <v>46</v>
      </c>
      <c r="X15266">
        <v>47</v>
      </c>
      <c r="Y15266">
        <v>48</v>
      </c>
      <c r="Z15266">
        <v>49</v>
      </c>
      <c r="AA15266">
        <v>50</v>
      </c>
      <c r="AB15266">
        <v>51</v>
      </c>
      <c r="AC15266">
        <v>52</v>
      </c>
      <c r="AD15266">
        <v>53</v>
      </c>
      <c r="AE15266">
        <v>55</v>
      </c>
      <c r="AF15266">
        <v>56</v>
      </c>
      <c r="AG15266">
        <v>57</v>
      </c>
      <c r="AH15266">
        <v>58</v>
      </c>
      <c r="AI15266">
        <v>59</v>
      </c>
      <c r="AJ15266">
        <v>60</v>
      </c>
      <c r="AK15266">
        <v>61</v>
      </c>
      <c r="AL15266">
        <v>62</v>
      </c>
      <c r="AM15266">
        <v>63</v>
      </c>
      <c r="AN15266">
        <v>64</v>
      </c>
      <c r="AO15266">
        <v>64</v>
      </c>
      <c r="AP15266">
        <v>65</v>
      </c>
      <c r="AQ15266">
        <v>65</v>
      </c>
    </row>
    <row r="15267" spans="1:43">
      <c r="A15267" t="s">
        <v>9484</v>
      </c>
      <c r="B15267" t="s">
        <v>9485</v>
      </c>
      <c r="C15267" t="s">
        <v>9370</v>
      </c>
      <c r="D15267" t="s">
        <v>9371</v>
      </c>
      <c r="E15267" t="s">
        <v>9202</v>
      </c>
      <c r="F15267" t="s">
        <v>9203</v>
      </c>
      <c r="G15267" t="s">
        <v>80</v>
      </c>
      <c r="H15267" t="s">
        <v>81</v>
      </c>
      <c r="I15267" s="2">
        <v>0</v>
      </c>
      <c r="J15267" s="2">
        <v>1</v>
      </c>
      <c r="K15267" s="2">
        <v>0</v>
      </c>
      <c r="L15267" t="s">
        <v>82</v>
      </c>
      <c r="M15267" t="s">
        <v>87</v>
      </c>
      <c r="N15267" t="s">
        <v>88</v>
      </c>
      <c r="O15267" t="s">
        <v>85</v>
      </c>
      <c r="P15267" t="s">
        <v>86</v>
      </c>
      <c r="Q15267">
        <v>40</v>
      </c>
      <c r="R15267">
        <v>40</v>
      </c>
      <c r="S15267">
        <v>41</v>
      </c>
      <c r="T15267">
        <v>42</v>
      </c>
      <c r="U15267">
        <v>42</v>
      </c>
      <c r="V15267">
        <v>43</v>
      </c>
      <c r="W15267">
        <v>43</v>
      </c>
      <c r="X15267">
        <v>44</v>
      </c>
      <c r="Y15267">
        <v>45</v>
      </c>
      <c r="Z15267">
        <v>45</v>
      </c>
      <c r="AA15267">
        <v>46</v>
      </c>
      <c r="AB15267">
        <v>46</v>
      </c>
      <c r="AC15267">
        <v>47</v>
      </c>
      <c r="AD15267">
        <v>48</v>
      </c>
      <c r="AE15267">
        <v>48</v>
      </c>
      <c r="AF15267">
        <v>49</v>
      </c>
      <c r="AG15267">
        <v>50</v>
      </c>
      <c r="AH15267">
        <v>50</v>
      </c>
      <c r="AI15267">
        <v>51</v>
      </c>
      <c r="AJ15267">
        <v>52</v>
      </c>
      <c r="AK15267">
        <v>52</v>
      </c>
      <c r="AL15267">
        <v>53</v>
      </c>
      <c r="AM15267">
        <v>54</v>
      </c>
      <c r="AN15267">
        <v>54</v>
      </c>
      <c r="AO15267">
        <v>55</v>
      </c>
      <c r="AP15267">
        <v>56</v>
      </c>
      <c r="AQ15267">
        <v>56</v>
      </c>
    </row>
    <row r="15268" spans="1:43">
      <c r="A15268" t="s">
        <v>9484</v>
      </c>
      <c r="B15268" t="s">
        <v>9485</v>
      </c>
      <c r="C15268" t="s">
        <v>9370</v>
      </c>
      <c r="D15268" t="s">
        <v>9371</v>
      </c>
      <c r="E15268" t="s">
        <v>9202</v>
      </c>
      <c r="F15268" t="s">
        <v>9203</v>
      </c>
      <c r="G15268" t="s">
        <v>80</v>
      </c>
      <c r="H15268" t="s">
        <v>81</v>
      </c>
      <c r="I15268" s="2">
        <v>0</v>
      </c>
      <c r="J15268" s="2">
        <v>1</v>
      </c>
      <c r="K15268" s="2">
        <v>0</v>
      </c>
      <c r="L15268" t="s">
        <v>82</v>
      </c>
      <c r="M15268" t="s">
        <v>89</v>
      </c>
      <c r="N15268" t="s">
        <v>90</v>
      </c>
      <c r="O15268" t="s">
        <v>85</v>
      </c>
      <c r="P15268" t="s">
        <v>86</v>
      </c>
      <c r="Q15268">
        <v>40</v>
      </c>
      <c r="R15268">
        <v>42</v>
      </c>
      <c r="S15268">
        <v>43</v>
      </c>
      <c r="T15268">
        <v>44</v>
      </c>
      <c r="U15268">
        <v>46</v>
      </c>
      <c r="V15268">
        <v>47</v>
      </c>
      <c r="W15268">
        <v>48</v>
      </c>
      <c r="X15268">
        <v>50</v>
      </c>
      <c r="Y15268">
        <v>51</v>
      </c>
      <c r="Z15268">
        <v>52</v>
      </c>
      <c r="AA15268">
        <v>54</v>
      </c>
      <c r="AB15268">
        <v>55</v>
      </c>
      <c r="AC15268">
        <v>56</v>
      </c>
      <c r="AD15268">
        <v>58</v>
      </c>
      <c r="AE15268">
        <v>59</v>
      </c>
      <c r="AF15268">
        <v>59</v>
      </c>
      <c r="AG15268">
        <v>60</v>
      </c>
      <c r="AH15268">
        <v>61</v>
      </c>
      <c r="AI15268">
        <v>61</v>
      </c>
      <c r="AJ15268">
        <v>62</v>
      </c>
      <c r="AK15268">
        <v>62</v>
      </c>
      <c r="AL15268">
        <v>63</v>
      </c>
      <c r="AM15268">
        <v>64</v>
      </c>
      <c r="AN15268">
        <v>64</v>
      </c>
      <c r="AO15268">
        <v>65</v>
      </c>
      <c r="AP15268">
        <v>65</v>
      </c>
      <c r="AQ15268">
        <v>66</v>
      </c>
    </row>
    <row r="15269" spans="1:43">
      <c r="A15269" t="s">
        <v>9484</v>
      </c>
      <c r="B15269" t="s">
        <v>9485</v>
      </c>
      <c r="C15269" t="s">
        <v>9370</v>
      </c>
      <c r="D15269" t="s">
        <v>9371</v>
      </c>
      <c r="E15269" t="s">
        <v>9202</v>
      </c>
      <c r="F15269" t="s">
        <v>9203</v>
      </c>
      <c r="G15269" t="s">
        <v>80</v>
      </c>
      <c r="H15269" t="s">
        <v>81</v>
      </c>
      <c r="I15269" s="2">
        <v>0</v>
      </c>
      <c r="J15269" s="2">
        <v>1</v>
      </c>
      <c r="K15269" s="2">
        <v>0</v>
      </c>
      <c r="L15269" t="s">
        <v>82</v>
      </c>
      <c r="M15269" t="s">
        <v>83</v>
      </c>
      <c r="N15269" t="s">
        <v>91</v>
      </c>
      <c r="O15269" t="s">
        <v>85</v>
      </c>
      <c r="P15269" t="s">
        <v>86</v>
      </c>
      <c r="Q15269">
        <v>40</v>
      </c>
      <c r="R15269">
        <v>41</v>
      </c>
      <c r="S15269">
        <v>42</v>
      </c>
      <c r="T15269">
        <v>43</v>
      </c>
      <c r="U15269">
        <v>44</v>
      </c>
      <c r="V15269">
        <v>45</v>
      </c>
      <c r="W15269">
        <v>46</v>
      </c>
      <c r="X15269">
        <v>47</v>
      </c>
      <c r="Y15269">
        <v>48</v>
      </c>
      <c r="Z15269">
        <v>49</v>
      </c>
      <c r="AA15269">
        <v>50</v>
      </c>
      <c r="AB15269">
        <v>51</v>
      </c>
      <c r="AC15269">
        <v>52</v>
      </c>
      <c r="AD15269">
        <v>53</v>
      </c>
      <c r="AE15269">
        <v>55</v>
      </c>
      <c r="AF15269">
        <v>56</v>
      </c>
      <c r="AG15269">
        <v>57</v>
      </c>
      <c r="AH15269">
        <v>58</v>
      </c>
      <c r="AI15269">
        <v>59</v>
      </c>
      <c r="AJ15269">
        <v>60</v>
      </c>
      <c r="AK15269">
        <v>61</v>
      </c>
      <c r="AL15269">
        <v>62</v>
      </c>
      <c r="AM15269">
        <v>63</v>
      </c>
      <c r="AN15269">
        <v>64</v>
      </c>
      <c r="AO15269">
        <v>64</v>
      </c>
      <c r="AP15269">
        <v>65</v>
      </c>
      <c r="AQ15269">
        <v>65</v>
      </c>
    </row>
    <row r="15270" spans="1:43">
      <c r="A15270" t="s">
        <v>9486</v>
      </c>
      <c r="B15270" t="s">
        <v>9487</v>
      </c>
      <c r="C15270" t="s">
        <v>9378</v>
      </c>
      <c r="D15270" t="s">
        <v>9379</v>
      </c>
      <c r="E15270" t="s">
        <v>9202</v>
      </c>
      <c r="F15270" t="s">
        <v>9203</v>
      </c>
      <c r="G15270" t="s">
        <v>80</v>
      </c>
      <c r="H15270" t="s">
        <v>81</v>
      </c>
      <c r="I15270" s="2">
        <v>0</v>
      </c>
      <c r="J15270" s="2">
        <v>1</v>
      </c>
      <c r="K15270" s="2">
        <v>0</v>
      </c>
      <c r="L15270" t="s">
        <v>82</v>
      </c>
      <c r="M15270" t="s">
        <v>83</v>
      </c>
      <c r="N15270" t="s">
        <v>84</v>
      </c>
      <c r="O15270" t="s">
        <v>85</v>
      </c>
      <c r="P15270" t="s">
        <v>86</v>
      </c>
      <c r="Q15270">
        <v>10</v>
      </c>
      <c r="R15270">
        <v>11</v>
      </c>
      <c r="S15270">
        <v>11</v>
      </c>
      <c r="T15270">
        <v>11</v>
      </c>
      <c r="U15270">
        <v>11</v>
      </c>
      <c r="V15270">
        <v>12</v>
      </c>
      <c r="W15270">
        <v>12</v>
      </c>
      <c r="X15270">
        <v>12</v>
      </c>
      <c r="Y15270">
        <v>12</v>
      </c>
      <c r="Z15270">
        <v>13</v>
      </c>
      <c r="AA15270">
        <v>13</v>
      </c>
      <c r="AB15270">
        <v>13</v>
      </c>
      <c r="AC15270">
        <v>13</v>
      </c>
      <c r="AD15270">
        <v>14</v>
      </c>
      <c r="AE15270">
        <v>14</v>
      </c>
      <c r="AF15270">
        <v>14</v>
      </c>
      <c r="AG15270">
        <v>15</v>
      </c>
      <c r="AH15270">
        <v>15</v>
      </c>
      <c r="AI15270">
        <v>15</v>
      </c>
      <c r="AJ15270">
        <v>15</v>
      </c>
      <c r="AK15270">
        <v>16</v>
      </c>
      <c r="AL15270">
        <v>16</v>
      </c>
      <c r="AM15270">
        <v>16</v>
      </c>
      <c r="AN15270">
        <v>16</v>
      </c>
      <c r="AO15270">
        <v>16</v>
      </c>
      <c r="AP15270">
        <v>17</v>
      </c>
      <c r="AQ15270">
        <v>17</v>
      </c>
    </row>
    <row r="15271" spans="1:43">
      <c r="A15271" t="s">
        <v>9486</v>
      </c>
      <c r="B15271" t="s">
        <v>9487</v>
      </c>
      <c r="C15271" t="s">
        <v>9378</v>
      </c>
      <c r="D15271" t="s">
        <v>9379</v>
      </c>
      <c r="E15271" t="s">
        <v>9202</v>
      </c>
      <c r="F15271" t="s">
        <v>9203</v>
      </c>
      <c r="G15271" t="s">
        <v>80</v>
      </c>
      <c r="H15271" t="s">
        <v>81</v>
      </c>
      <c r="I15271" s="2">
        <v>0</v>
      </c>
      <c r="J15271" s="2">
        <v>1</v>
      </c>
      <c r="K15271" s="2">
        <v>0</v>
      </c>
      <c r="L15271" t="s">
        <v>82</v>
      </c>
      <c r="M15271" t="s">
        <v>87</v>
      </c>
      <c r="N15271" t="s">
        <v>88</v>
      </c>
      <c r="O15271" t="s">
        <v>85</v>
      </c>
      <c r="P15271" t="s">
        <v>86</v>
      </c>
      <c r="Q15271">
        <v>10</v>
      </c>
      <c r="R15271">
        <v>10</v>
      </c>
      <c r="S15271">
        <v>11</v>
      </c>
      <c r="T15271">
        <v>11</v>
      </c>
      <c r="U15271">
        <v>11</v>
      </c>
      <c r="V15271">
        <v>11</v>
      </c>
      <c r="W15271">
        <v>11</v>
      </c>
      <c r="X15271">
        <v>11</v>
      </c>
      <c r="Y15271">
        <v>11</v>
      </c>
      <c r="Z15271">
        <v>12</v>
      </c>
      <c r="AA15271">
        <v>12</v>
      </c>
      <c r="AB15271">
        <v>12</v>
      </c>
      <c r="AC15271">
        <v>12</v>
      </c>
      <c r="AD15271">
        <v>12</v>
      </c>
      <c r="AE15271">
        <v>12</v>
      </c>
      <c r="AF15271">
        <v>13</v>
      </c>
      <c r="AG15271">
        <v>13</v>
      </c>
      <c r="AH15271">
        <v>13</v>
      </c>
      <c r="AI15271">
        <v>13</v>
      </c>
      <c r="AJ15271">
        <v>13</v>
      </c>
      <c r="AK15271">
        <v>13</v>
      </c>
      <c r="AL15271">
        <v>14</v>
      </c>
      <c r="AM15271">
        <v>14</v>
      </c>
      <c r="AN15271">
        <v>14</v>
      </c>
      <c r="AO15271">
        <v>14</v>
      </c>
      <c r="AP15271">
        <v>14</v>
      </c>
      <c r="AQ15271">
        <v>14</v>
      </c>
    </row>
    <row r="15272" spans="1:43">
      <c r="A15272" t="s">
        <v>9486</v>
      </c>
      <c r="B15272" t="s">
        <v>9487</v>
      </c>
      <c r="C15272" t="s">
        <v>9378</v>
      </c>
      <c r="D15272" t="s">
        <v>9379</v>
      </c>
      <c r="E15272" t="s">
        <v>9202</v>
      </c>
      <c r="F15272" t="s">
        <v>9203</v>
      </c>
      <c r="G15272" t="s">
        <v>80</v>
      </c>
      <c r="H15272" t="s">
        <v>81</v>
      </c>
      <c r="I15272" s="2">
        <v>0</v>
      </c>
      <c r="J15272" s="2">
        <v>1</v>
      </c>
      <c r="K15272" s="2">
        <v>0</v>
      </c>
      <c r="L15272" t="s">
        <v>82</v>
      </c>
      <c r="M15272" t="s">
        <v>89</v>
      </c>
      <c r="N15272" t="s">
        <v>90</v>
      </c>
      <c r="O15272" t="s">
        <v>85</v>
      </c>
      <c r="P15272" t="s">
        <v>86</v>
      </c>
      <c r="Q15272">
        <v>10</v>
      </c>
      <c r="R15272">
        <v>11</v>
      </c>
      <c r="S15272">
        <v>11</v>
      </c>
      <c r="T15272">
        <v>11</v>
      </c>
      <c r="U15272">
        <v>12</v>
      </c>
      <c r="V15272">
        <v>12</v>
      </c>
      <c r="W15272">
        <v>12</v>
      </c>
      <c r="X15272">
        <v>13</v>
      </c>
      <c r="Y15272">
        <v>13</v>
      </c>
      <c r="Z15272">
        <v>13</v>
      </c>
      <c r="AA15272">
        <v>14</v>
      </c>
      <c r="AB15272">
        <v>14</v>
      </c>
      <c r="AC15272">
        <v>14</v>
      </c>
      <c r="AD15272">
        <v>15</v>
      </c>
      <c r="AE15272">
        <v>15</v>
      </c>
      <c r="AF15272">
        <v>15</v>
      </c>
      <c r="AG15272">
        <v>15</v>
      </c>
      <c r="AH15272">
        <v>16</v>
      </c>
      <c r="AI15272">
        <v>16</v>
      </c>
      <c r="AJ15272">
        <v>16</v>
      </c>
      <c r="AK15272">
        <v>16</v>
      </c>
      <c r="AL15272">
        <v>16</v>
      </c>
      <c r="AM15272">
        <v>16</v>
      </c>
      <c r="AN15272">
        <v>16</v>
      </c>
      <c r="AO15272">
        <v>17</v>
      </c>
      <c r="AP15272">
        <v>17</v>
      </c>
      <c r="AQ15272">
        <v>17</v>
      </c>
    </row>
    <row r="15273" spans="1:43">
      <c r="A15273" t="s">
        <v>9486</v>
      </c>
      <c r="B15273" t="s">
        <v>9487</v>
      </c>
      <c r="C15273" t="s">
        <v>9378</v>
      </c>
      <c r="D15273" t="s">
        <v>9379</v>
      </c>
      <c r="E15273" t="s">
        <v>9202</v>
      </c>
      <c r="F15273" t="s">
        <v>9203</v>
      </c>
      <c r="G15273" t="s">
        <v>80</v>
      </c>
      <c r="H15273" t="s">
        <v>81</v>
      </c>
      <c r="I15273" s="2">
        <v>0</v>
      </c>
      <c r="J15273" s="2">
        <v>1</v>
      </c>
      <c r="K15273" s="2">
        <v>0</v>
      </c>
      <c r="L15273" t="s">
        <v>82</v>
      </c>
      <c r="M15273" t="s">
        <v>83</v>
      </c>
      <c r="N15273" t="s">
        <v>91</v>
      </c>
      <c r="O15273" t="s">
        <v>85</v>
      </c>
      <c r="P15273" t="s">
        <v>86</v>
      </c>
      <c r="Q15273">
        <v>10</v>
      </c>
      <c r="R15273">
        <v>11</v>
      </c>
      <c r="S15273">
        <v>11</v>
      </c>
      <c r="T15273">
        <v>11</v>
      </c>
      <c r="U15273">
        <v>11</v>
      </c>
      <c r="V15273">
        <v>12</v>
      </c>
      <c r="W15273">
        <v>12</v>
      </c>
      <c r="X15273">
        <v>12</v>
      </c>
      <c r="Y15273">
        <v>12</v>
      </c>
      <c r="Z15273">
        <v>13</v>
      </c>
      <c r="AA15273">
        <v>13</v>
      </c>
      <c r="AB15273">
        <v>13</v>
      </c>
      <c r="AC15273">
        <v>13</v>
      </c>
      <c r="AD15273">
        <v>14</v>
      </c>
      <c r="AE15273">
        <v>14</v>
      </c>
      <c r="AF15273">
        <v>14</v>
      </c>
      <c r="AG15273">
        <v>15</v>
      </c>
      <c r="AH15273">
        <v>15</v>
      </c>
      <c r="AI15273">
        <v>15</v>
      </c>
      <c r="AJ15273">
        <v>15</v>
      </c>
      <c r="AK15273">
        <v>16</v>
      </c>
      <c r="AL15273">
        <v>16</v>
      </c>
      <c r="AM15273">
        <v>16</v>
      </c>
      <c r="AN15273">
        <v>16</v>
      </c>
      <c r="AO15273">
        <v>16</v>
      </c>
      <c r="AP15273">
        <v>17</v>
      </c>
      <c r="AQ15273">
        <v>17</v>
      </c>
    </row>
    <row r="15274" spans="1:43">
      <c r="A15274" t="s">
        <v>9488</v>
      </c>
      <c r="B15274" t="s">
        <v>9489</v>
      </c>
      <c r="C15274" t="s">
        <v>9370</v>
      </c>
      <c r="D15274" t="s">
        <v>9371</v>
      </c>
      <c r="E15274" t="s">
        <v>9202</v>
      </c>
      <c r="F15274" t="s">
        <v>9203</v>
      </c>
      <c r="G15274" t="s">
        <v>80</v>
      </c>
      <c r="H15274" t="s">
        <v>81</v>
      </c>
      <c r="I15274" s="2">
        <v>0</v>
      </c>
      <c r="J15274" s="2">
        <v>1</v>
      </c>
      <c r="K15274" s="2">
        <v>0</v>
      </c>
      <c r="L15274" t="s">
        <v>82</v>
      </c>
      <c r="M15274" t="s">
        <v>83</v>
      </c>
      <c r="N15274" t="s">
        <v>84</v>
      </c>
      <c r="O15274" t="s">
        <v>85</v>
      </c>
      <c r="P15274" t="s">
        <v>86</v>
      </c>
      <c r="Q15274">
        <v>24</v>
      </c>
      <c r="R15274">
        <v>24</v>
      </c>
      <c r="S15274">
        <v>25</v>
      </c>
      <c r="T15274">
        <v>25</v>
      </c>
      <c r="U15274">
        <v>26</v>
      </c>
      <c r="V15274">
        <v>27</v>
      </c>
      <c r="W15274">
        <v>27</v>
      </c>
      <c r="X15274">
        <v>28</v>
      </c>
      <c r="Y15274">
        <v>28</v>
      </c>
      <c r="Z15274">
        <v>29</v>
      </c>
      <c r="AA15274">
        <v>30</v>
      </c>
      <c r="AB15274">
        <v>30</v>
      </c>
      <c r="AC15274">
        <v>31</v>
      </c>
      <c r="AD15274">
        <v>32</v>
      </c>
      <c r="AE15274">
        <v>32</v>
      </c>
      <c r="AF15274">
        <v>33</v>
      </c>
      <c r="AG15274">
        <v>33</v>
      </c>
      <c r="AH15274">
        <v>34</v>
      </c>
      <c r="AI15274">
        <v>35</v>
      </c>
      <c r="AJ15274">
        <v>36</v>
      </c>
      <c r="AK15274">
        <v>36</v>
      </c>
      <c r="AL15274">
        <v>37</v>
      </c>
      <c r="AM15274">
        <v>37</v>
      </c>
      <c r="AN15274">
        <v>37</v>
      </c>
      <c r="AO15274">
        <v>38</v>
      </c>
      <c r="AP15274">
        <v>38</v>
      </c>
      <c r="AQ15274">
        <v>38</v>
      </c>
    </row>
    <row r="15275" spans="1:43">
      <c r="A15275" t="s">
        <v>9488</v>
      </c>
      <c r="B15275" t="s">
        <v>9489</v>
      </c>
      <c r="C15275" t="s">
        <v>9370</v>
      </c>
      <c r="D15275" t="s">
        <v>9371</v>
      </c>
      <c r="E15275" t="s">
        <v>9202</v>
      </c>
      <c r="F15275" t="s">
        <v>9203</v>
      </c>
      <c r="G15275" t="s">
        <v>80</v>
      </c>
      <c r="H15275" t="s">
        <v>81</v>
      </c>
      <c r="I15275" s="2">
        <v>0</v>
      </c>
      <c r="J15275" s="2">
        <v>1</v>
      </c>
      <c r="K15275" s="2">
        <v>0</v>
      </c>
      <c r="L15275" t="s">
        <v>82</v>
      </c>
      <c r="M15275" t="s">
        <v>87</v>
      </c>
      <c r="N15275" t="s">
        <v>88</v>
      </c>
      <c r="O15275" t="s">
        <v>85</v>
      </c>
      <c r="P15275" t="s">
        <v>86</v>
      </c>
      <c r="Q15275">
        <v>24</v>
      </c>
      <c r="R15275">
        <v>25</v>
      </c>
      <c r="S15275">
        <v>25</v>
      </c>
      <c r="T15275">
        <v>25</v>
      </c>
      <c r="U15275">
        <v>26</v>
      </c>
      <c r="V15275">
        <v>26</v>
      </c>
      <c r="W15275">
        <v>27</v>
      </c>
      <c r="X15275">
        <v>27</v>
      </c>
      <c r="Y15275">
        <v>27</v>
      </c>
      <c r="Z15275">
        <v>28</v>
      </c>
      <c r="AA15275">
        <v>28</v>
      </c>
      <c r="AB15275">
        <v>28</v>
      </c>
      <c r="AC15275">
        <v>29</v>
      </c>
      <c r="AD15275">
        <v>29</v>
      </c>
      <c r="AE15275">
        <v>29</v>
      </c>
      <c r="AF15275">
        <v>30</v>
      </c>
      <c r="AG15275">
        <v>30</v>
      </c>
      <c r="AH15275">
        <v>31</v>
      </c>
      <c r="AI15275">
        <v>31</v>
      </c>
      <c r="AJ15275">
        <v>31</v>
      </c>
      <c r="AK15275">
        <v>32</v>
      </c>
      <c r="AL15275">
        <v>32</v>
      </c>
      <c r="AM15275">
        <v>33</v>
      </c>
      <c r="AN15275">
        <v>33</v>
      </c>
      <c r="AO15275">
        <v>33</v>
      </c>
      <c r="AP15275">
        <v>34</v>
      </c>
      <c r="AQ15275">
        <v>34</v>
      </c>
    </row>
    <row r="15276" spans="1:43">
      <c r="A15276" t="s">
        <v>9488</v>
      </c>
      <c r="B15276" t="s">
        <v>9489</v>
      </c>
      <c r="C15276" t="s">
        <v>9370</v>
      </c>
      <c r="D15276" t="s">
        <v>9371</v>
      </c>
      <c r="E15276" t="s">
        <v>9202</v>
      </c>
      <c r="F15276" t="s">
        <v>9203</v>
      </c>
      <c r="G15276" t="s">
        <v>80</v>
      </c>
      <c r="H15276" t="s">
        <v>81</v>
      </c>
      <c r="I15276" s="2">
        <v>0</v>
      </c>
      <c r="J15276" s="2">
        <v>1</v>
      </c>
      <c r="K15276" s="2">
        <v>0</v>
      </c>
      <c r="L15276" t="s">
        <v>82</v>
      </c>
      <c r="M15276" t="s">
        <v>89</v>
      </c>
      <c r="N15276" t="s">
        <v>90</v>
      </c>
      <c r="O15276" t="s">
        <v>85</v>
      </c>
      <c r="P15276" t="s">
        <v>86</v>
      </c>
      <c r="Q15276">
        <v>24</v>
      </c>
      <c r="R15276">
        <v>25</v>
      </c>
      <c r="S15276">
        <v>25</v>
      </c>
      <c r="T15276">
        <v>26</v>
      </c>
      <c r="U15276">
        <v>27</v>
      </c>
      <c r="V15276">
        <v>28</v>
      </c>
      <c r="W15276">
        <v>29</v>
      </c>
      <c r="X15276">
        <v>29</v>
      </c>
      <c r="Y15276">
        <v>30</v>
      </c>
      <c r="Z15276">
        <v>31</v>
      </c>
      <c r="AA15276">
        <v>32</v>
      </c>
      <c r="AB15276">
        <v>32</v>
      </c>
      <c r="AC15276">
        <v>33</v>
      </c>
      <c r="AD15276">
        <v>34</v>
      </c>
      <c r="AE15276">
        <v>35</v>
      </c>
      <c r="AF15276">
        <v>35</v>
      </c>
      <c r="AG15276">
        <v>35</v>
      </c>
      <c r="AH15276">
        <v>36</v>
      </c>
      <c r="AI15276">
        <v>36</v>
      </c>
      <c r="AJ15276">
        <v>36</v>
      </c>
      <c r="AK15276">
        <v>37</v>
      </c>
      <c r="AL15276">
        <v>37</v>
      </c>
      <c r="AM15276">
        <v>37</v>
      </c>
      <c r="AN15276">
        <v>38</v>
      </c>
      <c r="AO15276">
        <v>38</v>
      </c>
      <c r="AP15276">
        <v>38</v>
      </c>
      <c r="AQ15276">
        <v>39</v>
      </c>
    </row>
    <row r="15277" spans="1:43">
      <c r="A15277" t="s">
        <v>9488</v>
      </c>
      <c r="B15277" t="s">
        <v>9489</v>
      </c>
      <c r="C15277" t="s">
        <v>9370</v>
      </c>
      <c r="D15277" t="s">
        <v>9371</v>
      </c>
      <c r="E15277" t="s">
        <v>9202</v>
      </c>
      <c r="F15277" t="s">
        <v>9203</v>
      </c>
      <c r="G15277" t="s">
        <v>80</v>
      </c>
      <c r="H15277" t="s">
        <v>81</v>
      </c>
      <c r="I15277" s="2">
        <v>0</v>
      </c>
      <c r="J15277" s="2">
        <v>1</v>
      </c>
      <c r="K15277" s="2">
        <v>0</v>
      </c>
      <c r="L15277" t="s">
        <v>82</v>
      </c>
      <c r="M15277" t="s">
        <v>83</v>
      </c>
      <c r="N15277" t="s">
        <v>91</v>
      </c>
      <c r="O15277" t="s">
        <v>85</v>
      </c>
      <c r="P15277" t="s">
        <v>86</v>
      </c>
      <c r="Q15277">
        <v>24</v>
      </c>
      <c r="R15277">
        <v>24</v>
      </c>
      <c r="S15277">
        <v>25</v>
      </c>
      <c r="T15277">
        <v>25</v>
      </c>
      <c r="U15277">
        <v>26</v>
      </c>
      <c r="V15277">
        <v>27</v>
      </c>
      <c r="W15277">
        <v>27</v>
      </c>
      <c r="X15277">
        <v>28</v>
      </c>
      <c r="Y15277">
        <v>28</v>
      </c>
      <c r="Z15277">
        <v>29</v>
      </c>
      <c r="AA15277">
        <v>30</v>
      </c>
      <c r="AB15277">
        <v>30</v>
      </c>
      <c r="AC15277">
        <v>31</v>
      </c>
      <c r="AD15277">
        <v>32</v>
      </c>
      <c r="AE15277">
        <v>32</v>
      </c>
      <c r="AF15277">
        <v>33</v>
      </c>
      <c r="AG15277">
        <v>33</v>
      </c>
      <c r="AH15277">
        <v>34</v>
      </c>
      <c r="AI15277">
        <v>35</v>
      </c>
      <c r="AJ15277">
        <v>36</v>
      </c>
      <c r="AK15277">
        <v>36</v>
      </c>
      <c r="AL15277">
        <v>37</v>
      </c>
      <c r="AM15277">
        <v>37</v>
      </c>
      <c r="AN15277">
        <v>37</v>
      </c>
      <c r="AO15277">
        <v>38</v>
      </c>
      <c r="AP15277">
        <v>38</v>
      </c>
      <c r="AQ15277">
        <v>38</v>
      </c>
    </row>
    <row r="15278" spans="1:43">
      <c r="A15278" t="s">
        <v>9490</v>
      </c>
      <c r="B15278" t="s">
        <v>9491</v>
      </c>
      <c r="C15278" t="s">
        <v>9406</v>
      </c>
      <c r="D15278" t="s">
        <v>9407</v>
      </c>
      <c r="E15278" t="s">
        <v>9202</v>
      </c>
      <c r="F15278" t="s">
        <v>9203</v>
      </c>
      <c r="G15278" t="s">
        <v>80</v>
      </c>
      <c r="H15278" t="s">
        <v>81</v>
      </c>
      <c r="I15278" s="2">
        <v>0</v>
      </c>
      <c r="J15278" s="2">
        <v>1</v>
      </c>
      <c r="K15278" s="2">
        <v>0</v>
      </c>
      <c r="L15278" t="s">
        <v>82</v>
      </c>
      <c r="M15278" t="s">
        <v>83</v>
      </c>
      <c r="N15278" t="s">
        <v>84</v>
      </c>
      <c r="O15278" t="s">
        <v>85</v>
      </c>
      <c r="P15278" t="s">
        <v>86</v>
      </c>
      <c r="Q15278">
        <v>25</v>
      </c>
      <c r="R15278">
        <v>25</v>
      </c>
      <c r="S15278">
        <v>26</v>
      </c>
      <c r="T15278">
        <v>26</v>
      </c>
      <c r="U15278">
        <v>27</v>
      </c>
      <c r="V15278">
        <v>28</v>
      </c>
      <c r="W15278">
        <v>28</v>
      </c>
      <c r="X15278">
        <v>29</v>
      </c>
      <c r="Y15278">
        <v>30</v>
      </c>
      <c r="Z15278">
        <v>30</v>
      </c>
      <c r="AA15278">
        <v>31</v>
      </c>
      <c r="AB15278">
        <v>31</v>
      </c>
      <c r="AC15278">
        <v>32</v>
      </c>
      <c r="AD15278">
        <v>33</v>
      </c>
      <c r="AE15278">
        <v>33</v>
      </c>
      <c r="AF15278">
        <v>34</v>
      </c>
      <c r="AG15278">
        <v>35</v>
      </c>
      <c r="AH15278">
        <v>35</v>
      </c>
      <c r="AI15278">
        <v>36</v>
      </c>
      <c r="AJ15278">
        <v>37</v>
      </c>
      <c r="AK15278">
        <v>38</v>
      </c>
      <c r="AL15278">
        <v>38</v>
      </c>
      <c r="AM15278">
        <v>38</v>
      </c>
      <c r="AN15278">
        <v>39</v>
      </c>
      <c r="AO15278">
        <v>39</v>
      </c>
      <c r="AP15278">
        <v>39</v>
      </c>
      <c r="AQ15278">
        <v>40</v>
      </c>
    </row>
    <row r="15279" spans="1:43">
      <c r="A15279" t="s">
        <v>9490</v>
      </c>
      <c r="B15279" t="s">
        <v>9491</v>
      </c>
      <c r="C15279" t="s">
        <v>9406</v>
      </c>
      <c r="D15279" t="s">
        <v>9407</v>
      </c>
      <c r="E15279" t="s">
        <v>9202</v>
      </c>
      <c r="F15279" t="s">
        <v>9203</v>
      </c>
      <c r="G15279" t="s">
        <v>80</v>
      </c>
      <c r="H15279" t="s">
        <v>81</v>
      </c>
      <c r="I15279" s="2">
        <v>0</v>
      </c>
      <c r="J15279" s="2">
        <v>1</v>
      </c>
      <c r="K15279" s="2">
        <v>0</v>
      </c>
      <c r="L15279" t="s">
        <v>82</v>
      </c>
      <c r="M15279" t="s">
        <v>87</v>
      </c>
      <c r="N15279" t="s">
        <v>88</v>
      </c>
      <c r="O15279" t="s">
        <v>85</v>
      </c>
      <c r="P15279" t="s">
        <v>86</v>
      </c>
      <c r="Q15279">
        <v>25</v>
      </c>
      <c r="R15279">
        <v>26</v>
      </c>
      <c r="S15279">
        <v>26</v>
      </c>
      <c r="T15279">
        <v>26</v>
      </c>
      <c r="U15279">
        <v>27</v>
      </c>
      <c r="V15279">
        <v>27</v>
      </c>
      <c r="W15279">
        <v>28</v>
      </c>
      <c r="X15279">
        <v>28</v>
      </c>
      <c r="Y15279">
        <v>28</v>
      </c>
      <c r="Z15279">
        <v>29</v>
      </c>
      <c r="AA15279">
        <v>29</v>
      </c>
      <c r="AB15279">
        <v>29</v>
      </c>
      <c r="AC15279">
        <v>30</v>
      </c>
      <c r="AD15279">
        <v>30</v>
      </c>
      <c r="AE15279">
        <v>31</v>
      </c>
      <c r="AF15279">
        <v>31</v>
      </c>
      <c r="AG15279">
        <v>31</v>
      </c>
      <c r="AH15279">
        <v>32</v>
      </c>
      <c r="AI15279">
        <v>32</v>
      </c>
      <c r="AJ15279">
        <v>32</v>
      </c>
      <c r="AK15279">
        <v>33</v>
      </c>
      <c r="AL15279">
        <v>33</v>
      </c>
      <c r="AM15279">
        <v>34</v>
      </c>
      <c r="AN15279">
        <v>34</v>
      </c>
      <c r="AO15279">
        <v>35</v>
      </c>
      <c r="AP15279">
        <v>35</v>
      </c>
      <c r="AQ15279">
        <v>35</v>
      </c>
    </row>
    <row r="15280" spans="1:43">
      <c r="A15280" t="s">
        <v>9490</v>
      </c>
      <c r="B15280" t="s">
        <v>9491</v>
      </c>
      <c r="C15280" t="s">
        <v>9406</v>
      </c>
      <c r="D15280" t="s">
        <v>9407</v>
      </c>
      <c r="E15280" t="s">
        <v>9202</v>
      </c>
      <c r="F15280" t="s">
        <v>9203</v>
      </c>
      <c r="G15280" t="s">
        <v>80</v>
      </c>
      <c r="H15280" t="s">
        <v>81</v>
      </c>
      <c r="I15280" s="2">
        <v>0</v>
      </c>
      <c r="J15280" s="2">
        <v>1</v>
      </c>
      <c r="K15280" s="2">
        <v>0</v>
      </c>
      <c r="L15280" t="s">
        <v>82</v>
      </c>
      <c r="M15280" t="s">
        <v>89</v>
      </c>
      <c r="N15280" t="s">
        <v>90</v>
      </c>
      <c r="O15280" t="s">
        <v>85</v>
      </c>
      <c r="P15280" t="s">
        <v>86</v>
      </c>
      <c r="Q15280">
        <v>25</v>
      </c>
      <c r="R15280">
        <v>26</v>
      </c>
      <c r="S15280">
        <v>27</v>
      </c>
      <c r="T15280">
        <v>27</v>
      </c>
      <c r="U15280">
        <v>28</v>
      </c>
      <c r="V15280">
        <v>29</v>
      </c>
      <c r="W15280">
        <v>30</v>
      </c>
      <c r="X15280">
        <v>30</v>
      </c>
      <c r="Y15280">
        <v>31</v>
      </c>
      <c r="Z15280">
        <v>32</v>
      </c>
      <c r="AA15280">
        <v>33</v>
      </c>
      <c r="AB15280">
        <v>34</v>
      </c>
      <c r="AC15280">
        <v>34</v>
      </c>
      <c r="AD15280">
        <v>35</v>
      </c>
      <c r="AE15280">
        <v>36</v>
      </c>
      <c r="AF15280">
        <v>36</v>
      </c>
      <c r="AG15280">
        <v>37</v>
      </c>
      <c r="AH15280">
        <v>37</v>
      </c>
      <c r="AI15280">
        <v>37</v>
      </c>
      <c r="AJ15280">
        <v>38</v>
      </c>
      <c r="AK15280">
        <v>38</v>
      </c>
      <c r="AL15280">
        <v>38</v>
      </c>
      <c r="AM15280">
        <v>39</v>
      </c>
      <c r="AN15280">
        <v>39</v>
      </c>
      <c r="AO15280">
        <v>39</v>
      </c>
      <c r="AP15280">
        <v>40</v>
      </c>
      <c r="AQ15280">
        <v>40</v>
      </c>
    </row>
    <row r="15281" spans="1:43">
      <c r="A15281" t="s">
        <v>9490</v>
      </c>
      <c r="B15281" t="s">
        <v>9491</v>
      </c>
      <c r="C15281" t="s">
        <v>9406</v>
      </c>
      <c r="D15281" t="s">
        <v>9407</v>
      </c>
      <c r="E15281" t="s">
        <v>9202</v>
      </c>
      <c r="F15281" t="s">
        <v>9203</v>
      </c>
      <c r="G15281" t="s">
        <v>80</v>
      </c>
      <c r="H15281" t="s">
        <v>81</v>
      </c>
      <c r="I15281" s="2">
        <v>0</v>
      </c>
      <c r="J15281" s="2">
        <v>1</v>
      </c>
      <c r="K15281" s="2">
        <v>0</v>
      </c>
      <c r="L15281" t="s">
        <v>82</v>
      </c>
      <c r="M15281" t="s">
        <v>83</v>
      </c>
      <c r="N15281" t="s">
        <v>91</v>
      </c>
      <c r="O15281" t="s">
        <v>85</v>
      </c>
      <c r="P15281" t="s">
        <v>86</v>
      </c>
      <c r="Q15281">
        <v>25</v>
      </c>
      <c r="R15281">
        <v>25</v>
      </c>
      <c r="S15281">
        <v>26</v>
      </c>
      <c r="T15281">
        <v>26</v>
      </c>
      <c r="U15281">
        <v>27</v>
      </c>
      <c r="V15281">
        <v>28</v>
      </c>
      <c r="W15281">
        <v>28</v>
      </c>
      <c r="X15281">
        <v>29</v>
      </c>
      <c r="Y15281">
        <v>30</v>
      </c>
      <c r="Z15281">
        <v>30</v>
      </c>
      <c r="AA15281">
        <v>31</v>
      </c>
      <c r="AB15281">
        <v>31</v>
      </c>
      <c r="AC15281">
        <v>32</v>
      </c>
      <c r="AD15281">
        <v>33</v>
      </c>
      <c r="AE15281">
        <v>33</v>
      </c>
      <c r="AF15281">
        <v>34</v>
      </c>
      <c r="AG15281">
        <v>35</v>
      </c>
      <c r="AH15281">
        <v>35</v>
      </c>
      <c r="AI15281">
        <v>36</v>
      </c>
      <c r="AJ15281">
        <v>37</v>
      </c>
      <c r="AK15281">
        <v>38</v>
      </c>
      <c r="AL15281">
        <v>38</v>
      </c>
      <c r="AM15281">
        <v>38</v>
      </c>
      <c r="AN15281">
        <v>39</v>
      </c>
      <c r="AO15281">
        <v>39</v>
      </c>
      <c r="AP15281">
        <v>39</v>
      </c>
      <c r="AQ15281">
        <v>40</v>
      </c>
    </row>
    <row r="15282" spans="1:43">
      <c r="A15282" t="s">
        <v>9492</v>
      </c>
      <c r="B15282" t="s">
        <v>9493</v>
      </c>
      <c r="C15282" t="s">
        <v>9378</v>
      </c>
      <c r="D15282" t="s">
        <v>9379</v>
      </c>
      <c r="E15282" t="s">
        <v>9202</v>
      </c>
      <c r="F15282" t="s">
        <v>9203</v>
      </c>
      <c r="G15282" t="s">
        <v>80</v>
      </c>
      <c r="H15282" t="s">
        <v>81</v>
      </c>
      <c r="I15282" s="2">
        <v>0</v>
      </c>
      <c r="J15282" s="2">
        <v>1</v>
      </c>
      <c r="K15282" s="2">
        <v>0</v>
      </c>
      <c r="L15282" t="s">
        <v>82</v>
      </c>
      <c r="M15282" t="s">
        <v>83</v>
      </c>
      <c r="N15282" t="s">
        <v>84</v>
      </c>
      <c r="O15282" t="s">
        <v>85</v>
      </c>
      <c r="P15282" t="s">
        <v>86</v>
      </c>
      <c r="Q15282">
        <v>46</v>
      </c>
      <c r="R15282">
        <v>47</v>
      </c>
      <c r="S15282">
        <v>48</v>
      </c>
      <c r="T15282">
        <v>50</v>
      </c>
      <c r="U15282">
        <v>51</v>
      </c>
      <c r="V15282">
        <v>52</v>
      </c>
      <c r="W15282">
        <v>53</v>
      </c>
      <c r="X15282">
        <v>54</v>
      </c>
      <c r="Y15282">
        <v>55</v>
      </c>
      <c r="Z15282">
        <v>57</v>
      </c>
      <c r="AA15282">
        <v>58</v>
      </c>
      <c r="AB15282">
        <v>59</v>
      </c>
      <c r="AC15282">
        <v>60</v>
      </c>
      <c r="AD15282">
        <v>61</v>
      </c>
      <c r="AE15282">
        <v>63</v>
      </c>
      <c r="AF15282">
        <v>64</v>
      </c>
      <c r="AG15282">
        <v>65</v>
      </c>
      <c r="AH15282">
        <v>67</v>
      </c>
      <c r="AI15282">
        <v>68</v>
      </c>
      <c r="AJ15282">
        <v>69</v>
      </c>
      <c r="AK15282">
        <v>71</v>
      </c>
      <c r="AL15282">
        <v>71</v>
      </c>
      <c r="AM15282">
        <v>72</v>
      </c>
      <c r="AN15282">
        <v>73</v>
      </c>
      <c r="AO15282">
        <v>74</v>
      </c>
      <c r="AP15282">
        <v>74</v>
      </c>
      <c r="AQ15282">
        <v>75</v>
      </c>
    </row>
    <row r="15283" spans="1:43">
      <c r="A15283" t="s">
        <v>9492</v>
      </c>
      <c r="B15283" t="s">
        <v>9493</v>
      </c>
      <c r="C15283" t="s">
        <v>9378</v>
      </c>
      <c r="D15283" t="s">
        <v>9379</v>
      </c>
      <c r="E15283" t="s">
        <v>9202</v>
      </c>
      <c r="F15283" t="s">
        <v>9203</v>
      </c>
      <c r="G15283" t="s">
        <v>80</v>
      </c>
      <c r="H15283" t="s">
        <v>81</v>
      </c>
      <c r="I15283" s="2">
        <v>0</v>
      </c>
      <c r="J15283" s="2">
        <v>1</v>
      </c>
      <c r="K15283" s="2">
        <v>0</v>
      </c>
      <c r="L15283" t="s">
        <v>82</v>
      </c>
      <c r="M15283" t="s">
        <v>87</v>
      </c>
      <c r="N15283" t="s">
        <v>88</v>
      </c>
      <c r="O15283" t="s">
        <v>85</v>
      </c>
      <c r="P15283" t="s">
        <v>86</v>
      </c>
      <c r="Q15283">
        <v>46</v>
      </c>
      <c r="R15283">
        <v>46</v>
      </c>
      <c r="S15283">
        <v>47</v>
      </c>
      <c r="T15283">
        <v>48</v>
      </c>
      <c r="U15283">
        <v>48</v>
      </c>
      <c r="V15283">
        <v>49</v>
      </c>
      <c r="W15283">
        <v>50</v>
      </c>
      <c r="X15283">
        <v>50</v>
      </c>
      <c r="Y15283">
        <v>51</v>
      </c>
      <c r="Z15283">
        <v>52</v>
      </c>
      <c r="AA15283">
        <v>53</v>
      </c>
      <c r="AB15283">
        <v>53</v>
      </c>
      <c r="AC15283">
        <v>54</v>
      </c>
      <c r="AD15283">
        <v>55</v>
      </c>
      <c r="AE15283">
        <v>55</v>
      </c>
      <c r="AF15283">
        <v>56</v>
      </c>
      <c r="AG15283">
        <v>57</v>
      </c>
      <c r="AH15283">
        <v>58</v>
      </c>
      <c r="AI15283">
        <v>58</v>
      </c>
      <c r="AJ15283">
        <v>59</v>
      </c>
      <c r="AK15283">
        <v>60</v>
      </c>
      <c r="AL15283">
        <v>61</v>
      </c>
      <c r="AM15283">
        <v>62</v>
      </c>
      <c r="AN15283">
        <v>62</v>
      </c>
      <c r="AO15283">
        <v>63</v>
      </c>
      <c r="AP15283">
        <v>64</v>
      </c>
      <c r="AQ15283">
        <v>65</v>
      </c>
    </row>
    <row r="15284" spans="1:43">
      <c r="A15284" t="s">
        <v>9492</v>
      </c>
      <c r="B15284" t="s">
        <v>9493</v>
      </c>
      <c r="C15284" t="s">
        <v>9378</v>
      </c>
      <c r="D15284" t="s">
        <v>9379</v>
      </c>
      <c r="E15284" t="s">
        <v>9202</v>
      </c>
      <c r="F15284" t="s">
        <v>9203</v>
      </c>
      <c r="G15284" t="s">
        <v>80</v>
      </c>
      <c r="H15284" t="s">
        <v>81</v>
      </c>
      <c r="I15284" s="2">
        <v>0</v>
      </c>
      <c r="J15284" s="2">
        <v>1</v>
      </c>
      <c r="K15284" s="2">
        <v>0</v>
      </c>
      <c r="L15284" t="s">
        <v>82</v>
      </c>
      <c r="M15284" t="s">
        <v>89</v>
      </c>
      <c r="N15284" t="s">
        <v>90</v>
      </c>
      <c r="O15284" t="s">
        <v>85</v>
      </c>
      <c r="P15284" t="s">
        <v>86</v>
      </c>
      <c r="Q15284">
        <v>46</v>
      </c>
      <c r="R15284">
        <v>47</v>
      </c>
      <c r="S15284">
        <v>49</v>
      </c>
      <c r="T15284">
        <v>50</v>
      </c>
      <c r="U15284">
        <v>52</v>
      </c>
      <c r="V15284">
        <v>53</v>
      </c>
      <c r="W15284">
        <v>55</v>
      </c>
      <c r="X15284">
        <v>56</v>
      </c>
      <c r="Y15284">
        <v>58</v>
      </c>
      <c r="Z15284">
        <v>59</v>
      </c>
      <c r="AA15284">
        <v>61</v>
      </c>
      <c r="AB15284">
        <v>62</v>
      </c>
      <c r="AC15284">
        <v>64</v>
      </c>
      <c r="AD15284">
        <v>65</v>
      </c>
      <c r="AE15284">
        <v>66</v>
      </c>
      <c r="AF15284">
        <v>67</v>
      </c>
      <c r="AG15284">
        <v>68</v>
      </c>
      <c r="AH15284">
        <v>68</v>
      </c>
      <c r="AI15284">
        <v>69</v>
      </c>
      <c r="AJ15284">
        <v>70</v>
      </c>
      <c r="AK15284">
        <v>70</v>
      </c>
      <c r="AL15284">
        <v>71</v>
      </c>
      <c r="AM15284">
        <v>72</v>
      </c>
      <c r="AN15284">
        <v>72</v>
      </c>
      <c r="AO15284">
        <v>73</v>
      </c>
      <c r="AP15284">
        <v>74</v>
      </c>
      <c r="AQ15284">
        <v>74</v>
      </c>
    </row>
    <row r="15285" spans="1:43">
      <c r="A15285" t="s">
        <v>9492</v>
      </c>
      <c r="B15285" t="s">
        <v>9493</v>
      </c>
      <c r="C15285" t="s">
        <v>9378</v>
      </c>
      <c r="D15285" t="s">
        <v>9379</v>
      </c>
      <c r="E15285" t="s">
        <v>9202</v>
      </c>
      <c r="F15285" t="s">
        <v>9203</v>
      </c>
      <c r="G15285" t="s">
        <v>80</v>
      </c>
      <c r="H15285" t="s">
        <v>81</v>
      </c>
      <c r="I15285" s="2">
        <v>0</v>
      </c>
      <c r="J15285" s="2">
        <v>1</v>
      </c>
      <c r="K15285" s="2">
        <v>0</v>
      </c>
      <c r="L15285" t="s">
        <v>82</v>
      </c>
      <c r="M15285" t="s">
        <v>83</v>
      </c>
      <c r="N15285" t="s">
        <v>91</v>
      </c>
      <c r="O15285" t="s">
        <v>85</v>
      </c>
      <c r="P15285" t="s">
        <v>86</v>
      </c>
      <c r="Q15285">
        <v>46</v>
      </c>
      <c r="R15285">
        <v>47</v>
      </c>
      <c r="S15285">
        <v>48</v>
      </c>
      <c r="T15285">
        <v>50</v>
      </c>
      <c r="U15285">
        <v>51</v>
      </c>
      <c r="V15285">
        <v>52</v>
      </c>
      <c r="W15285">
        <v>53</v>
      </c>
      <c r="X15285">
        <v>54</v>
      </c>
      <c r="Y15285">
        <v>55</v>
      </c>
      <c r="Z15285">
        <v>57</v>
      </c>
      <c r="AA15285">
        <v>58</v>
      </c>
      <c r="AB15285">
        <v>59</v>
      </c>
      <c r="AC15285">
        <v>60</v>
      </c>
      <c r="AD15285">
        <v>61</v>
      </c>
      <c r="AE15285">
        <v>63</v>
      </c>
      <c r="AF15285">
        <v>64</v>
      </c>
      <c r="AG15285">
        <v>65</v>
      </c>
      <c r="AH15285">
        <v>67</v>
      </c>
      <c r="AI15285">
        <v>68</v>
      </c>
      <c r="AJ15285">
        <v>69</v>
      </c>
      <c r="AK15285">
        <v>71</v>
      </c>
      <c r="AL15285">
        <v>71</v>
      </c>
      <c r="AM15285">
        <v>72</v>
      </c>
      <c r="AN15285">
        <v>73</v>
      </c>
      <c r="AO15285">
        <v>74</v>
      </c>
      <c r="AP15285">
        <v>74</v>
      </c>
      <c r="AQ15285">
        <v>75</v>
      </c>
    </row>
    <row r="15286" spans="1:43">
      <c r="A15286" t="s">
        <v>9494</v>
      </c>
      <c r="B15286" t="s">
        <v>9495</v>
      </c>
      <c r="C15286" t="s">
        <v>9378</v>
      </c>
      <c r="D15286" t="s">
        <v>9379</v>
      </c>
      <c r="E15286" t="s">
        <v>9202</v>
      </c>
      <c r="F15286" t="s">
        <v>9203</v>
      </c>
      <c r="G15286" t="s">
        <v>80</v>
      </c>
      <c r="H15286" t="s">
        <v>81</v>
      </c>
      <c r="I15286" s="2">
        <v>0</v>
      </c>
      <c r="J15286" s="2">
        <v>1</v>
      </c>
      <c r="K15286" s="2">
        <v>0</v>
      </c>
      <c r="L15286" t="s">
        <v>82</v>
      </c>
      <c r="M15286" t="s">
        <v>83</v>
      </c>
      <c r="N15286" t="s">
        <v>84</v>
      </c>
      <c r="O15286" t="s">
        <v>85</v>
      </c>
      <c r="P15286" t="s">
        <v>86</v>
      </c>
      <c r="Q15286">
        <v>30</v>
      </c>
      <c r="R15286">
        <v>30</v>
      </c>
      <c r="S15286">
        <v>31</v>
      </c>
      <c r="T15286">
        <v>32</v>
      </c>
      <c r="U15286">
        <v>33</v>
      </c>
      <c r="V15286">
        <v>33</v>
      </c>
      <c r="W15286">
        <v>34</v>
      </c>
      <c r="X15286">
        <v>35</v>
      </c>
      <c r="Y15286">
        <v>36</v>
      </c>
      <c r="Z15286">
        <v>36</v>
      </c>
      <c r="AA15286">
        <v>37</v>
      </c>
      <c r="AB15286">
        <v>38</v>
      </c>
      <c r="AC15286">
        <v>39</v>
      </c>
      <c r="AD15286">
        <v>39</v>
      </c>
      <c r="AE15286">
        <v>40</v>
      </c>
      <c r="AF15286">
        <v>41</v>
      </c>
      <c r="AG15286">
        <v>42</v>
      </c>
      <c r="AH15286">
        <v>43</v>
      </c>
      <c r="AI15286">
        <v>44</v>
      </c>
      <c r="AJ15286">
        <v>44</v>
      </c>
      <c r="AK15286">
        <v>45</v>
      </c>
      <c r="AL15286">
        <v>46</v>
      </c>
      <c r="AM15286">
        <v>46</v>
      </c>
      <c r="AN15286">
        <v>47</v>
      </c>
      <c r="AO15286">
        <v>47</v>
      </c>
      <c r="AP15286">
        <v>48</v>
      </c>
      <c r="AQ15286">
        <v>48</v>
      </c>
    </row>
    <row r="15287" spans="1:43">
      <c r="A15287" t="s">
        <v>9494</v>
      </c>
      <c r="B15287" t="s">
        <v>9495</v>
      </c>
      <c r="C15287" t="s">
        <v>9378</v>
      </c>
      <c r="D15287" t="s">
        <v>9379</v>
      </c>
      <c r="E15287" t="s">
        <v>9202</v>
      </c>
      <c r="F15287" t="s">
        <v>9203</v>
      </c>
      <c r="G15287" t="s">
        <v>80</v>
      </c>
      <c r="H15287" t="s">
        <v>81</v>
      </c>
      <c r="I15287" s="2">
        <v>0</v>
      </c>
      <c r="J15287" s="2">
        <v>1</v>
      </c>
      <c r="K15287" s="2">
        <v>0</v>
      </c>
      <c r="L15287" t="s">
        <v>82</v>
      </c>
      <c r="M15287" t="s">
        <v>87</v>
      </c>
      <c r="N15287" t="s">
        <v>88</v>
      </c>
      <c r="O15287" t="s">
        <v>85</v>
      </c>
      <c r="P15287" t="s">
        <v>86</v>
      </c>
      <c r="Q15287">
        <v>30</v>
      </c>
      <c r="R15287">
        <v>31</v>
      </c>
      <c r="S15287">
        <v>31</v>
      </c>
      <c r="T15287">
        <v>32</v>
      </c>
      <c r="U15287">
        <v>32</v>
      </c>
      <c r="V15287">
        <v>33</v>
      </c>
      <c r="W15287">
        <v>33</v>
      </c>
      <c r="X15287">
        <v>33</v>
      </c>
      <c r="Y15287">
        <v>34</v>
      </c>
      <c r="Z15287">
        <v>34</v>
      </c>
      <c r="AA15287">
        <v>35</v>
      </c>
      <c r="AB15287">
        <v>35</v>
      </c>
      <c r="AC15287">
        <v>36</v>
      </c>
      <c r="AD15287">
        <v>36</v>
      </c>
      <c r="AE15287">
        <v>37</v>
      </c>
      <c r="AF15287">
        <v>37</v>
      </c>
      <c r="AG15287">
        <v>38</v>
      </c>
      <c r="AH15287">
        <v>38</v>
      </c>
      <c r="AI15287">
        <v>39</v>
      </c>
      <c r="AJ15287">
        <v>39</v>
      </c>
      <c r="AK15287">
        <v>40</v>
      </c>
      <c r="AL15287">
        <v>40</v>
      </c>
      <c r="AM15287">
        <v>41</v>
      </c>
      <c r="AN15287">
        <v>41</v>
      </c>
      <c r="AO15287">
        <v>42</v>
      </c>
      <c r="AP15287">
        <v>42</v>
      </c>
      <c r="AQ15287">
        <v>43</v>
      </c>
    </row>
    <row r="15288" spans="1:43">
      <c r="A15288" t="s">
        <v>9494</v>
      </c>
      <c r="B15288" t="s">
        <v>9495</v>
      </c>
      <c r="C15288" t="s">
        <v>9378</v>
      </c>
      <c r="D15288" t="s">
        <v>9379</v>
      </c>
      <c r="E15288" t="s">
        <v>9202</v>
      </c>
      <c r="F15288" t="s">
        <v>9203</v>
      </c>
      <c r="G15288" t="s">
        <v>80</v>
      </c>
      <c r="H15288" t="s">
        <v>81</v>
      </c>
      <c r="I15288" s="2">
        <v>0</v>
      </c>
      <c r="J15288" s="2">
        <v>1</v>
      </c>
      <c r="K15288" s="2">
        <v>0</v>
      </c>
      <c r="L15288" t="s">
        <v>82</v>
      </c>
      <c r="M15288" t="s">
        <v>89</v>
      </c>
      <c r="N15288" t="s">
        <v>90</v>
      </c>
      <c r="O15288" t="s">
        <v>85</v>
      </c>
      <c r="P15288" t="s">
        <v>86</v>
      </c>
      <c r="Q15288">
        <v>30</v>
      </c>
      <c r="R15288">
        <v>31</v>
      </c>
      <c r="S15288">
        <v>32</v>
      </c>
      <c r="T15288">
        <v>33</v>
      </c>
      <c r="U15288">
        <v>34</v>
      </c>
      <c r="V15288">
        <v>35</v>
      </c>
      <c r="W15288">
        <v>36</v>
      </c>
      <c r="X15288">
        <v>37</v>
      </c>
      <c r="Y15288">
        <v>38</v>
      </c>
      <c r="Z15288">
        <v>39</v>
      </c>
      <c r="AA15288">
        <v>40</v>
      </c>
      <c r="AB15288">
        <v>40</v>
      </c>
      <c r="AC15288">
        <v>42</v>
      </c>
      <c r="AD15288">
        <v>42</v>
      </c>
      <c r="AE15288">
        <v>43</v>
      </c>
      <c r="AF15288">
        <v>44</v>
      </c>
      <c r="AG15288">
        <v>44</v>
      </c>
      <c r="AH15288">
        <v>45</v>
      </c>
      <c r="AI15288">
        <v>45</v>
      </c>
      <c r="AJ15288">
        <v>45</v>
      </c>
      <c r="AK15288">
        <v>46</v>
      </c>
      <c r="AL15288">
        <v>46</v>
      </c>
      <c r="AM15288">
        <v>47</v>
      </c>
      <c r="AN15288">
        <v>47</v>
      </c>
      <c r="AO15288">
        <v>48</v>
      </c>
      <c r="AP15288">
        <v>48</v>
      </c>
      <c r="AQ15288">
        <v>48</v>
      </c>
    </row>
    <row r="15289" spans="1:43">
      <c r="A15289" t="s">
        <v>9494</v>
      </c>
      <c r="B15289" t="s">
        <v>9495</v>
      </c>
      <c r="C15289" t="s">
        <v>9378</v>
      </c>
      <c r="D15289" t="s">
        <v>9379</v>
      </c>
      <c r="E15289" t="s">
        <v>9202</v>
      </c>
      <c r="F15289" t="s">
        <v>9203</v>
      </c>
      <c r="G15289" t="s">
        <v>80</v>
      </c>
      <c r="H15289" t="s">
        <v>81</v>
      </c>
      <c r="I15289" s="2">
        <v>0</v>
      </c>
      <c r="J15289" s="2">
        <v>1</v>
      </c>
      <c r="K15289" s="2">
        <v>0</v>
      </c>
      <c r="L15289" t="s">
        <v>82</v>
      </c>
      <c r="M15289" t="s">
        <v>83</v>
      </c>
      <c r="N15289" t="s">
        <v>91</v>
      </c>
      <c r="O15289" t="s">
        <v>85</v>
      </c>
      <c r="P15289" t="s">
        <v>86</v>
      </c>
      <c r="Q15289">
        <v>30</v>
      </c>
      <c r="R15289">
        <v>30</v>
      </c>
      <c r="S15289">
        <v>31</v>
      </c>
      <c r="T15289">
        <v>32</v>
      </c>
      <c r="U15289">
        <v>33</v>
      </c>
      <c r="V15289">
        <v>33</v>
      </c>
      <c r="W15289">
        <v>34</v>
      </c>
      <c r="X15289">
        <v>35</v>
      </c>
      <c r="Y15289">
        <v>36</v>
      </c>
      <c r="Z15289">
        <v>36</v>
      </c>
      <c r="AA15289">
        <v>37</v>
      </c>
      <c r="AB15289">
        <v>38</v>
      </c>
      <c r="AC15289">
        <v>39</v>
      </c>
      <c r="AD15289">
        <v>39</v>
      </c>
      <c r="AE15289">
        <v>40</v>
      </c>
      <c r="AF15289">
        <v>41</v>
      </c>
      <c r="AG15289">
        <v>42</v>
      </c>
      <c r="AH15289">
        <v>43</v>
      </c>
      <c r="AI15289">
        <v>44</v>
      </c>
      <c r="AJ15289">
        <v>44</v>
      </c>
      <c r="AK15289">
        <v>45</v>
      </c>
      <c r="AL15289">
        <v>46</v>
      </c>
      <c r="AM15289">
        <v>46</v>
      </c>
      <c r="AN15289">
        <v>47</v>
      </c>
      <c r="AO15289">
        <v>47</v>
      </c>
      <c r="AP15289">
        <v>48</v>
      </c>
      <c r="AQ15289">
        <v>48</v>
      </c>
    </row>
    <row r="15290" spans="1:43">
      <c r="A15290" t="s">
        <v>9496</v>
      </c>
      <c r="B15290" t="s">
        <v>9497</v>
      </c>
      <c r="C15290" t="s">
        <v>9498</v>
      </c>
      <c r="D15290" t="s">
        <v>9499</v>
      </c>
      <c r="E15290" t="s">
        <v>9202</v>
      </c>
      <c r="F15290" t="s">
        <v>9203</v>
      </c>
      <c r="G15290" t="s">
        <v>80</v>
      </c>
      <c r="H15290" t="s">
        <v>81</v>
      </c>
      <c r="I15290" s="2">
        <v>1</v>
      </c>
      <c r="J15290" s="2">
        <v>0</v>
      </c>
      <c r="K15290" s="2">
        <v>0</v>
      </c>
      <c r="L15290" t="s">
        <v>120</v>
      </c>
      <c r="M15290" t="s">
        <v>83</v>
      </c>
      <c r="N15290" t="s">
        <v>84</v>
      </c>
      <c r="O15290" t="s">
        <v>85</v>
      </c>
      <c r="P15290" t="s">
        <v>86</v>
      </c>
      <c r="Q15290">
        <v>14</v>
      </c>
      <c r="R15290">
        <v>14</v>
      </c>
      <c r="S15290">
        <v>15</v>
      </c>
      <c r="T15290">
        <v>15</v>
      </c>
      <c r="U15290">
        <v>15</v>
      </c>
      <c r="V15290">
        <v>16</v>
      </c>
      <c r="W15290">
        <v>16</v>
      </c>
      <c r="X15290">
        <v>16</v>
      </c>
      <c r="Y15290">
        <v>17</v>
      </c>
      <c r="Z15290">
        <v>17</v>
      </c>
      <c r="AA15290">
        <v>17</v>
      </c>
      <c r="AB15290">
        <v>18</v>
      </c>
      <c r="AC15290">
        <v>18</v>
      </c>
      <c r="AD15290">
        <v>18</v>
      </c>
      <c r="AE15290">
        <v>19</v>
      </c>
      <c r="AF15290">
        <v>19</v>
      </c>
      <c r="AG15290">
        <v>20</v>
      </c>
      <c r="AH15290">
        <v>20</v>
      </c>
      <c r="AI15290">
        <v>20</v>
      </c>
      <c r="AJ15290">
        <v>21</v>
      </c>
      <c r="AK15290">
        <v>21</v>
      </c>
      <c r="AL15290">
        <v>21</v>
      </c>
      <c r="AM15290">
        <v>22</v>
      </c>
      <c r="AN15290">
        <v>22</v>
      </c>
      <c r="AO15290">
        <v>22</v>
      </c>
      <c r="AP15290">
        <v>22</v>
      </c>
      <c r="AQ15290">
        <v>22</v>
      </c>
    </row>
    <row r="15291" spans="1:43">
      <c r="A15291" t="s">
        <v>9496</v>
      </c>
      <c r="B15291" t="s">
        <v>9497</v>
      </c>
      <c r="C15291" t="s">
        <v>9498</v>
      </c>
      <c r="D15291" t="s">
        <v>9499</v>
      </c>
      <c r="E15291" t="s">
        <v>9202</v>
      </c>
      <c r="F15291" t="s">
        <v>9203</v>
      </c>
      <c r="G15291" t="s">
        <v>80</v>
      </c>
      <c r="H15291" t="s">
        <v>81</v>
      </c>
      <c r="I15291" s="2">
        <v>1</v>
      </c>
      <c r="J15291" s="2">
        <v>0</v>
      </c>
      <c r="K15291" s="2">
        <v>0</v>
      </c>
      <c r="L15291" t="s">
        <v>120</v>
      </c>
      <c r="M15291" t="s">
        <v>87</v>
      </c>
      <c r="N15291" t="s">
        <v>88</v>
      </c>
      <c r="O15291" t="s">
        <v>85</v>
      </c>
      <c r="P15291" t="s">
        <v>86</v>
      </c>
      <c r="Q15291">
        <v>14</v>
      </c>
      <c r="R15291">
        <v>14</v>
      </c>
      <c r="S15291">
        <v>14</v>
      </c>
      <c r="T15291">
        <v>14</v>
      </c>
      <c r="U15291">
        <v>15</v>
      </c>
      <c r="V15291">
        <v>15</v>
      </c>
      <c r="W15291">
        <v>15</v>
      </c>
      <c r="X15291">
        <v>15</v>
      </c>
      <c r="Y15291">
        <v>15</v>
      </c>
      <c r="Z15291">
        <v>16</v>
      </c>
      <c r="AA15291">
        <v>16</v>
      </c>
      <c r="AB15291">
        <v>16</v>
      </c>
      <c r="AC15291">
        <v>16</v>
      </c>
      <c r="AD15291">
        <v>16</v>
      </c>
      <c r="AE15291">
        <v>17</v>
      </c>
      <c r="AF15291">
        <v>17</v>
      </c>
      <c r="AG15291">
        <v>17</v>
      </c>
      <c r="AH15291">
        <v>17</v>
      </c>
      <c r="AI15291">
        <v>18</v>
      </c>
      <c r="AJ15291">
        <v>18</v>
      </c>
      <c r="AK15291">
        <v>18</v>
      </c>
      <c r="AL15291">
        <v>18</v>
      </c>
      <c r="AM15291">
        <v>18</v>
      </c>
      <c r="AN15291">
        <v>19</v>
      </c>
      <c r="AO15291">
        <v>19</v>
      </c>
      <c r="AP15291">
        <v>19</v>
      </c>
      <c r="AQ15291">
        <v>19</v>
      </c>
    </row>
    <row r="15292" spans="1:43">
      <c r="A15292" t="s">
        <v>9496</v>
      </c>
      <c r="B15292" t="s">
        <v>9497</v>
      </c>
      <c r="C15292" t="s">
        <v>9498</v>
      </c>
      <c r="D15292" t="s">
        <v>9499</v>
      </c>
      <c r="E15292" t="s">
        <v>9202</v>
      </c>
      <c r="F15292" t="s">
        <v>9203</v>
      </c>
      <c r="G15292" t="s">
        <v>80</v>
      </c>
      <c r="H15292" t="s">
        <v>81</v>
      </c>
      <c r="I15292" s="2">
        <v>1</v>
      </c>
      <c r="J15292" s="2">
        <v>0</v>
      </c>
      <c r="K15292" s="2">
        <v>0</v>
      </c>
      <c r="L15292" t="s">
        <v>120</v>
      </c>
      <c r="M15292" t="s">
        <v>89</v>
      </c>
      <c r="N15292" t="s">
        <v>90</v>
      </c>
      <c r="O15292" t="s">
        <v>85</v>
      </c>
      <c r="P15292" t="s">
        <v>86</v>
      </c>
      <c r="Q15292">
        <v>14</v>
      </c>
      <c r="R15292">
        <v>14</v>
      </c>
      <c r="S15292">
        <v>15</v>
      </c>
      <c r="T15292">
        <v>15</v>
      </c>
      <c r="U15292">
        <v>16</v>
      </c>
      <c r="V15292">
        <v>16</v>
      </c>
      <c r="W15292">
        <v>17</v>
      </c>
      <c r="X15292">
        <v>17</v>
      </c>
      <c r="Y15292">
        <v>18</v>
      </c>
      <c r="Z15292">
        <v>18</v>
      </c>
      <c r="AA15292">
        <v>18</v>
      </c>
      <c r="AB15292">
        <v>19</v>
      </c>
      <c r="AC15292">
        <v>19</v>
      </c>
      <c r="AD15292">
        <v>20</v>
      </c>
      <c r="AE15292">
        <v>20</v>
      </c>
      <c r="AF15292">
        <v>20</v>
      </c>
      <c r="AG15292">
        <v>21</v>
      </c>
      <c r="AH15292">
        <v>21</v>
      </c>
      <c r="AI15292">
        <v>21</v>
      </c>
      <c r="AJ15292">
        <v>21</v>
      </c>
      <c r="AK15292">
        <v>21</v>
      </c>
      <c r="AL15292">
        <v>22</v>
      </c>
      <c r="AM15292">
        <v>22</v>
      </c>
      <c r="AN15292">
        <v>22</v>
      </c>
      <c r="AO15292">
        <v>22</v>
      </c>
      <c r="AP15292">
        <v>22</v>
      </c>
      <c r="AQ15292">
        <v>23</v>
      </c>
    </row>
    <row r="15293" spans="1:43">
      <c r="A15293" t="s">
        <v>9496</v>
      </c>
      <c r="B15293" t="s">
        <v>9497</v>
      </c>
      <c r="C15293" t="s">
        <v>9498</v>
      </c>
      <c r="D15293" t="s">
        <v>9499</v>
      </c>
      <c r="E15293" t="s">
        <v>9202</v>
      </c>
      <c r="F15293" t="s">
        <v>9203</v>
      </c>
      <c r="G15293" t="s">
        <v>80</v>
      </c>
      <c r="H15293" t="s">
        <v>81</v>
      </c>
      <c r="I15293" s="2">
        <v>1</v>
      </c>
      <c r="J15293" s="2">
        <v>0</v>
      </c>
      <c r="K15293" s="2">
        <v>0</v>
      </c>
      <c r="L15293" t="s">
        <v>120</v>
      </c>
      <c r="M15293" t="s">
        <v>83</v>
      </c>
      <c r="N15293" t="s">
        <v>91</v>
      </c>
      <c r="O15293" t="s">
        <v>85</v>
      </c>
      <c r="P15293" t="s">
        <v>86</v>
      </c>
      <c r="Q15293">
        <v>14</v>
      </c>
      <c r="R15293">
        <v>14</v>
      </c>
      <c r="S15293">
        <v>15</v>
      </c>
      <c r="T15293">
        <v>15</v>
      </c>
      <c r="U15293">
        <v>15</v>
      </c>
      <c r="V15293">
        <v>16</v>
      </c>
      <c r="W15293">
        <v>16</v>
      </c>
      <c r="X15293">
        <v>16</v>
      </c>
      <c r="Y15293">
        <v>17</v>
      </c>
      <c r="Z15293">
        <v>17</v>
      </c>
      <c r="AA15293">
        <v>17</v>
      </c>
      <c r="AB15293">
        <v>18</v>
      </c>
      <c r="AC15293">
        <v>18</v>
      </c>
      <c r="AD15293">
        <v>18</v>
      </c>
      <c r="AE15293">
        <v>19</v>
      </c>
      <c r="AF15293">
        <v>19</v>
      </c>
      <c r="AG15293">
        <v>20</v>
      </c>
      <c r="AH15293">
        <v>20</v>
      </c>
      <c r="AI15293">
        <v>20</v>
      </c>
      <c r="AJ15293">
        <v>21</v>
      </c>
      <c r="AK15293">
        <v>21</v>
      </c>
      <c r="AL15293">
        <v>21</v>
      </c>
      <c r="AM15293">
        <v>22</v>
      </c>
      <c r="AN15293">
        <v>22</v>
      </c>
      <c r="AO15293">
        <v>22</v>
      </c>
      <c r="AP15293">
        <v>22</v>
      </c>
      <c r="AQ15293">
        <v>22</v>
      </c>
    </row>
    <row r="15294" spans="1:43">
      <c r="A15294" t="s">
        <v>9500</v>
      </c>
      <c r="B15294" t="s">
        <v>9501</v>
      </c>
      <c r="C15294" t="s">
        <v>9290</v>
      </c>
      <c r="D15294" t="s">
        <v>9291</v>
      </c>
      <c r="E15294" t="s">
        <v>9202</v>
      </c>
      <c r="F15294" t="s">
        <v>9203</v>
      </c>
      <c r="G15294" t="s">
        <v>80</v>
      </c>
      <c r="H15294" t="s">
        <v>81</v>
      </c>
      <c r="I15294" s="2">
        <v>1</v>
      </c>
      <c r="J15294" s="2">
        <v>0</v>
      </c>
      <c r="K15294" s="2">
        <v>0</v>
      </c>
      <c r="L15294" t="s">
        <v>120</v>
      </c>
      <c r="M15294" t="s">
        <v>83</v>
      </c>
      <c r="N15294" t="s">
        <v>84</v>
      </c>
      <c r="O15294" t="s">
        <v>85</v>
      </c>
      <c r="P15294" t="s">
        <v>86</v>
      </c>
      <c r="Q15294">
        <v>28</v>
      </c>
      <c r="R15294">
        <v>28</v>
      </c>
      <c r="S15294">
        <v>29</v>
      </c>
      <c r="T15294">
        <v>30</v>
      </c>
      <c r="U15294">
        <v>31</v>
      </c>
      <c r="V15294">
        <v>31</v>
      </c>
      <c r="W15294">
        <v>32</v>
      </c>
      <c r="X15294">
        <v>33</v>
      </c>
      <c r="Y15294">
        <v>33</v>
      </c>
      <c r="Z15294">
        <v>34</v>
      </c>
      <c r="AA15294">
        <v>35</v>
      </c>
      <c r="AB15294">
        <v>35</v>
      </c>
      <c r="AC15294">
        <v>36</v>
      </c>
      <c r="AD15294">
        <v>37</v>
      </c>
      <c r="AE15294">
        <v>38</v>
      </c>
      <c r="AF15294">
        <v>38</v>
      </c>
      <c r="AG15294">
        <v>39</v>
      </c>
      <c r="AH15294">
        <v>40</v>
      </c>
      <c r="AI15294">
        <v>41</v>
      </c>
      <c r="AJ15294">
        <v>42</v>
      </c>
      <c r="AK15294">
        <v>42</v>
      </c>
      <c r="AL15294">
        <v>43</v>
      </c>
      <c r="AM15294">
        <v>43</v>
      </c>
      <c r="AN15294">
        <v>44</v>
      </c>
      <c r="AO15294">
        <v>44</v>
      </c>
      <c r="AP15294">
        <v>45</v>
      </c>
      <c r="AQ15294">
        <v>45</v>
      </c>
    </row>
    <row r="15295" spans="1:43">
      <c r="A15295" t="s">
        <v>9500</v>
      </c>
      <c r="B15295" t="s">
        <v>9501</v>
      </c>
      <c r="C15295" t="s">
        <v>9290</v>
      </c>
      <c r="D15295" t="s">
        <v>9291</v>
      </c>
      <c r="E15295" t="s">
        <v>9202</v>
      </c>
      <c r="F15295" t="s">
        <v>9203</v>
      </c>
      <c r="G15295" t="s">
        <v>80</v>
      </c>
      <c r="H15295" t="s">
        <v>81</v>
      </c>
      <c r="I15295" s="2">
        <v>1</v>
      </c>
      <c r="J15295" s="2">
        <v>0</v>
      </c>
      <c r="K15295" s="2">
        <v>0</v>
      </c>
      <c r="L15295" t="s">
        <v>120</v>
      </c>
      <c r="M15295" t="s">
        <v>87</v>
      </c>
      <c r="N15295" t="s">
        <v>88</v>
      </c>
      <c r="O15295" t="s">
        <v>85</v>
      </c>
      <c r="P15295" t="s">
        <v>86</v>
      </c>
      <c r="Q15295">
        <v>28</v>
      </c>
      <c r="R15295">
        <v>28</v>
      </c>
      <c r="S15295">
        <v>28</v>
      </c>
      <c r="T15295">
        <v>29</v>
      </c>
      <c r="U15295">
        <v>29</v>
      </c>
      <c r="V15295">
        <v>30</v>
      </c>
      <c r="W15295">
        <v>30</v>
      </c>
      <c r="X15295">
        <v>30</v>
      </c>
      <c r="Y15295">
        <v>31</v>
      </c>
      <c r="Z15295">
        <v>31</v>
      </c>
      <c r="AA15295">
        <v>32</v>
      </c>
      <c r="AB15295">
        <v>32</v>
      </c>
      <c r="AC15295">
        <v>33</v>
      </c>
      <c r="AD15295">
        <v>33</v>
      </c>
      <c r="AE15295">
        <v>33</v>
      </c>
      <c r="AF15295">
        <v>34</v>
      </c>
      <c r="AG15295">
        <v>34</v>
      </c>
      <c r="AH15295">
        <v>35</v>
      </c>
      <c r="AI15295">
        <v>35</v>
      </c>
      <c r="AJ15295">
        <v>36</v>
      </c>
      <c r="AK15295">
        <v>36</v>
      </c>
      <c r="AL15295">
        <v>37</v>
      </c>
      <c r="AM15295">
        <v>37</v>
      </c>
      <c r="AN15295">
        <v>37</v>
      </c>
      <c r="AO15295">
        <v>38</v>
      </c>
      <c r="AP15295">
        <v>38</v>
      </c>
      <c r="AQ15295">
        <v>39</v>
      </c>
    </row>
    <row r="15296" spans="1:43">
      <c r="A15296" t="s">
        <v>9500</v>
      </c>
      <c r="B15296" t="s">
        <v>9501</v>
      </c>
      <c r="C15296" t="s">
        <v>9290</v>
      </c>
      <c r="D15296" t="s">
        <v>9291</v>
      </c>
      <c r="E15296" t="s">
        <v>9202</v>
      </c>
      <c r="F15296" t="s">
        <v>9203</v>
      </c>
      <c r="G15296" t="s">
        <v>80</v>
      </c>
      <c r="H15296" t="s">
        <v>81</v>
      </c>
      <c r="I15296" s="2">
        <v>1</v>
      </c>
      <c r="J15296" s="2">
        <v>0</v>
      </c>
      <c r="K15296" s="2">
        <v>0</v>
      </c>
      <c r="L15296" t="s">
        <v>120</v>
      </c>
      <c r="M15296" t="s">
        <v>89</v>
      </c>
      <c r="N15296" t="s">
        <v>90</v>
      </c>
      <c r="O15296" t="s">
        <v>85</v>
      </c>
      <c r="P15296" t="s">
        <v>86</v>
      </c>
      <c r="Q15296">
        <v>28</v>
      </c>
      <c r="R15296">
        <v>29</v>
      </c>
      <c r="S15296">
        <v>30</v>
      </c>
      <c r="T15296">
        <v>31</v>
      </c>
      <c r="U15296">
        <v>32</v>
      </c>
      <c r="V15296">
        <v>33</v>
      </c>
      <c r="W15296">
        <v>34</v>
      </c>
      <c r="X15296">
        <v>34</v>
      </c>
      <c r="Y15296">
        <v>35</v>
      </c>
      <c r="Z15296">
        <v>36</v>
      </c>
      <c r="AA15296">
        <v>37</v>
      </c>
      <c r="AB15296">
        <v>38</v>
      </c>
      <c r="AC15296">
        <v>39</v>
      </c>
      <c r="AD15296">
        <v>40</v>
      </c>
      <c r="AE15296">
        <v>40</v>
      </c>
      <c r="AF15296">
        <v>41</v>
      </c>
      <c r="AG15296">
        <v>41</v>
      </c>
      <c r="AH15296">
        <v>42</v>
      </c>
      <c r="AI15296">
        <v>42</v>
      </c>
      <c r="AJ15296">
        <v>43</v>
      </c>
      <c r="AK15296">
        <v>43</v>
      </c>
      <c r="AL15296">
        <v>43</v>
      </c>
      <c r="AM15296">
        <v>44</v>
      </c>
      <c r="AN15296">
        <v>44</v>
      </c>
      <c r="AO15296">
        <v>45</v>
      </c>
      <c r="AP15296">
        <v>45</v>
      </c>
      <c r="AQ15296">
        <v>46</v>
      </c>
    </row>
    <row r="15297" spans="1:43">
      <c r="A15297" t="s">
        <v>9500</v>
      </c>
      <c r="B15297" t="s">
        <v>9501</v>
      </c>
      <c r="C15297" t="s">
        <v>9290</v>
      </c>
      <c r="D15297" t="s">
        <v>9291</v>
      </c>
      <c r="E15297" t="s">
        <v>9202</v>
      </c>
      <c r="F15297" t="s">
        <v>9203</v>
      </c>
      <c r="G15297" t="s">
        <v>80</v>
      </c>
      <c r="H15297" t="s">
        <v>81</v>
      </c>
      <c r="I15297" s="2">
        <v>1</v>
      </c>
      <c r="J15297" s="2">
        <v>0</v>
      </c>
      <c r="K15297" s="2">
        <v>0</v>
      </c>
      <c r="L15297" t="s">
        <v>120</v>
      </c>
      <c r="M15297" t="s">
        <v>83</v>
      </c>
      <c r="N15297" t="s">
        <v>91</v>
      </c>
      <c r="O15297" t="s">
        <v>85</v>
      </c>
      <c r="P15297" t="s">
        <v>86</v>
      </c>
      <c r="Q15297">
        <v>28</v>
      </c>
      <c r="R15297">
        <v>28</v>
      </c>
      <c r="S15297">
        <v>29</v>
      </c>
      <c r="T15297">
        <v>30</v>
      </c>
      <c r="U15297">
        <v>31</v>
      </c>
      <c r="V15297">
        <v>31</v>
      </c>
      <c r="W15297">
        <v>32</v>
      </c>
      <c r="X15297">
        <v>33</v>
      </c>
      <c r="Y15297">
        <v>33</v>
      </c>
      <c r="Z15297">
        <v>34</v>
      </c>
      <c r="AA15297">
        <v>35</v>
      </c>
      <c r="AB15297">
        <v>35</v>
      </c>
      <c r="AC15297">
        <v>36</v>
      </c>
      <c r="AD15297">
        <v>37</v>
      </c>
      <c r="AE15297">
        <v>38</v>
      </c>
      <c r="AF15297">
        <v>38</v>
      </c>
      <c r="AG15297">
        <v>39</v>
      </c>
      <c r="AH15297">
        <v>40</v>
      </c>
      <c r="AI15297">
        <v>41</v>
      </c>
      <c r="AJ15297">
        <v>42</v>
      </c>
      <c r="AK15297">
        <v>42</v>
      </c>
      <c r="AL15297">
        <v>43</v>
      </c>
      <c r="AM15297">
        <v>43</v>
      </c>
      <c r="AN15297">
        <v>44</v>
      </c>
      <c r="AO15297">
        <v>44</v>
      </c>
      <c r="AP15297">
        <v>45</v>
      </c>
      <c r="AQ15297">
        <v>45</v>
      </c>
    </row>
    <row r="15298" spans="1:43">
      <c r="A15298" t="s">
        <v>9502</v>
      </c>
      <c r="B15298" t="s">
        <v>9503</v>
      </c>
      <c r="C15298" t="s">
        <v>9290</v>
      </c>
      <c r="D15298" t="s">
        <v>9291</v>
      </c>
      <c r="E15298" t="s">
        <v>9202</v>
      </c>
      <c r="F15298" t="s">
        <v>9203</v>
      </c>
      <c r="G15298" t="s">
        <v>80</v>
      </c>
      <c r="H15298" t="s">
        <v>81</v>
      </c>
      <c r="I15298" s="2">
        <v>1</v>
      </c>
      <c r="J15298" s="2">
        <v>0</v>
      </c>
      <c r="K15298" s="2">
        <v>0</v>
      </c>
      <c r="L15298" t="s">
        <v>120</v>
      </c>
      <c r="M15298" t="s">
        <v>83</v>
      </c>
      <c r="N15298" t="s">
        <v>84</v>
      </c>
      <c r="O15298" t="s">
        <v>85</v>
      </c>
      <c r="P15298" t="s">
        <v>86</v>
      </c>
      <c r="Q15298">
        <v>46</v>
      </c>
      <c r="R15298">
        <v>47</v>
      </c>
      <c r="S15298">
        <v>48</v>
      </c>
      <c r="T15298">
        <v>49</v>
      </c>
      <c r="U15298">
        <v>50</v>
      </c>
      <c r="V15298">
        <v>52</v>
      </c>
      <c r="W15298">
        <v>53</v>
      </c>
      <c r="X15298">
        <v>54</v>
      </c>
      <c r="Y15298">
        <v>55</v>
      </c>
      <c r="Z15298">
        <v>56</v>
      </c>
      <c r="AA15298">
        <v>57</v>
      </c>
      <c r="AB15298">
        <v>59</v>
      </c>
      <c r="AC15298">
        <v>60</v>
      </c>
      <c r="AD15298">
        <v>61</v>
      </c>
      <c r="AE15298">
        <v>62</v>
      </c>
      <c r="AF15298">
        <v>63</v>
      </c>
      <c r="AG15298">
        <v>65</v>
      </c>
      <c r="AH15298">
        <v>66</v>
      </c>
      <c r="AI15298">
        <v>67</v>
      </c>
      <c r="AJ15298">
        <v>69</v>
      </c>
      <c r="AK15298">
        <v>70</v>
      </c>
      <c r="AL15298">
        <v>71</v>
      </c>
      <c r="AM15298">
        <v>72</v>
      </c>
      <c r="AN15298">
        <v>72</v>
      </c>
      <c r="AO15298">
        <v>73</v>
      </c>
      <c r="AP15298">
        <v>74</v>
      </c>
      <c r="AQ15298">
        <v>74</v>
      </c>
    </row>
    <row r="15299" spans="1:43">
      <c r="A15299" t="s">
        <v>9502</v>
      </c>
      <c r="B15299" t="s">
        <v>9503</v>
      </c>
      <c r="C15299" t="s">
        <v>9290</v>
      </c>
      <c r="D15299" t="s">
        <v>9291</v>
      </c>
      <c r="E15299" t="s">
        <v>9202</v>
      </c>
      <c r="F15299" t="s">
        <v>9203</v>
      </c>
      <c r="G15299" t="s">
        <v>80</v>
      </c>
      <c r="H15299" t="s">
        <v>81</v>
      </c>
      <c r="I15299" s="2">
        <v>1</v>
      </c>
      <c r="J15299" s="2">
        <v>0</v>
      </c>
      <c r="K15299" s="2">
        <v>0</v>
      </c>
      <c r="L15299" t="s">
        <v>120</v>
      </c>
      <c r="M15299" t="s">
        <v>87</v>
      </c>
      <c r="N15299" t="s">
        <v>88</v>
      </c>
      <c r="O15299" t="s">
        <v>85</v>
      </c>
      <c r="P15299" t="s">
        <v>86</v>
      </c>
      <c r="Q15299">
        <v>46</v>
      </c>
      <c r="R15299">
        <v>47</v>
      </c>
      <c r="S15299">
        <v>48</v>
      </c>
      <c r="T15299">
        <v>48</v>
      </c>
      <c r="U15299">
        <v>49</v>
      </c>
      <c r="V15299">
        <v>50</v>
      </c>
      <c r="W15299">
        <v>51</v>
      </c>
      <c r="X15299">
        <v>51</v>
      </c>
      <c r="Y15299">
        <v>52</v>
      </c>
      <c r="Z15299">
        <v>53</v>
      </c>
      <c r="AA15299">
        <v>53</v>
      </c>
      <c r="AB15299">
        <v>54</v>
      </c>
      <c r="AC15299">
        <v>55</v>
      </c>
      <c r="AD15299">
        <v>55</v>
      </c>
      <c r="AE15299">
        <v>56</v>
      </c>
      <c r="AF15299">
        <v>57</v>
      </c>
      <c r="AG15299">
        <v>58</v>
      </c>
      <c r="AH15299">
        <v>58</v>
      </c>
      <c r="AI15299">
        <v>59</v>
      </c>
      <c r="AJ15299">
        <v>60</v>
      </c>
      <c r="AK15299">
        <v>61</v>
      </c>
      <c r="AL15299">
        <v>61</v>
      </c>
      <c r="AM15299">
        <v>62</v>
      </c>
      <c r="AN15299">
        <v>63</v>
      </c>
      <c r="AO15299">
        <v>64</v>
      </c>
      <c r="AP15299">
        <v>64</v>
      </c>
      <c r="AQ15299">
        <v>65</v>
      </c>
    </row>
    <row r="15300" spans="1:43">
      <c r="A15300" t="s">
        <v>9502</v>
      </c>
      <c r="B15300" t="s">
        <v>9503</v>
      </c>
      <c r="C15300" t="s">
        <v>9290</v>
      </c>
      <c r="D15300" t="s">
        <v>9291</v>
      </c>
      <c r="E15300" t="s">
        <v>9202</v>
      </c>
      <c r="F15300" t="s">
        <v>9203</v>
      </c>
      <c r="G15300" t="s">
        <v>80</v>
      </c>
      <c r="H15300" t="s">
        <v>81</v>
      </c>
      <c r="I15300" s="2">
        <v>1</v>
      </c>
      <c r="J15300" s="2">
        <v>0</v>
      </c>
      <c r="K15300" s="2">
        <v>0</v>
      </c>
      <c r="L15300" t="s">
        <v>120</v>
      </c>
      <c r="M15300" t="s">
        <v>89</v>
      </c>
      <c r="N15300" t="s">
        <v>90</v>
      </c>
      <c r="O15300" t="s">
        <v>85</v>
      </c>
      <c r="P15300" t="s">
        <v>86</v>
      </c>
      <c r="Q15300">
        <v>46</v>
      </c>
      <c r="R15300">
        <v>48</v>
      </c>
      <c r="S15300">
        <v>49</v>
      </c>
      <c r="T15300">
        <v>51</v>
      </c>
      <c r="U15300">
        <v>52</v>
      </c>
      <c r="V15300">
        <v>54</v>
      </c>
      <c r="W15300">
        <v>55</v>
      </c>
      <c r="X15300">
        <v>57</v>
      </c>
      <c r="Y15300">
        <v>58</v>
      </c>
      <c r="Z15300">
        <v>60</v>
      </c>
      <c r="AA15300">
        <v>61</v>
      </c>
      <c r="AB15300">
        <v>63</v>
      </c>
      <c r="AC15300">
        <v>64</v>
      </c>
      <c r="AD15300">
        <v>66</v>
      </c>
      <c r="AE15300">
        <v>67</v>
      </c>
      <c r="AF15300">
        <v>68</v>
      </c>
      <c r="AG15300">
        <v>68</v>
      </c>
      <c r="AH15300">
        <v>69</v>
      </c>
      <c r="AI15300">
        <v>70</v>
      </c>
      <c r="AJ15300">
        <v>70</v>
      </c>
      <c r="AK15300">
        <v>71</v>
      </c>
      <c r="AL15300">
        <v>72</v>
      </c>
      <c r="AM15300">
        <v>72</v>
      </c>
      <c r="AN15300">
        <v>73</v>
      </c>
      <c r="AO15300">
        <v>74</v>
      </c>
      <c r="AP15300">
        <v>74</v>
      </c>
      <c r="AQ15300">
        <v>75</v>
      </c>
    </row>
    <row r="15301" spans="1:43">
      <c r="A15301" t="s">
        <v>9502</v>
      </c>
      <c r="B15301" t="s">
        <v>9503</v>
      </c>
      <c r="C15301" t="s">
        <v>9290</v>
      </c>
      <c r="D15301" t="s">
        <v>9291</v>
      </c>
      <c r="E15301" t="s">
        <v>9202</v>
      </c>
      <c r="F15301" t="s">
        <v>9203</v>
      </c>
      <c r="G15301" t="s">
        <v>80</v>
      </c>
      <c r="H15301" t="s">
        <v>81</v>
      </c>
      <c r="I15301" s="2">
        <v>1</v>
      </c>
      <c r="J15301" s="2">
        <v>0</v>
      </c>
      <c r="K15301" s="2">
        <v>0</v>
      </c>
      <c r="L15301" t="s">
        <v>120</v>
      </c>
      <c r="M15301" t="s">
        <v>83</v>
      </c>
      <c r="N15301" t="s">
        <v>91</v>
      </c>
      <c r="O15301" t="s">
        <v>85</v>
      </c>
      <c r="P15301" t="s">
        <v>86</v>
      </c>
      <c r="Q15301">
        <v>46</v>
      </c>
      <c r="R15301">
        <v>47</v>
      </c>
      <c r="S15301">
        <v>48</v>
      </c>
      <c r="T15301">
        <v>49</v>
      </c>
      <c r="U15301">
        <v>50</v>
      </c>
      <c r="V15301">
        <v>52</v>
      </c>
      <c r="W15301">
        <v>53</v>
      </c>
      <c r="X15301">
        <v>54</v>
      </c>
      <c r="Y15301">
        <v>55</v>
      </c>
      <c r="Z15301">
        <v>56</v>
      </c>
      <c r="AA15301">
        <v>57</v>
      </c>
      <c r="AB15301">
        <v>59</v>
      </c>
      <c r="AC15301">
        <v>60</v>
      </c>
      <c r="AD15301">
        <v>61</v>
      </c>
      <c r="AE15301">
        <v>62</v>
      </c>
      <c r="AF15301">
        <v>63</v>
      </c>
      <c r="AG15301">
        <v>65</v>
      </c>
      <c r="AH15301">
        <v>66</v>
      </c>
      <c r="AI15301">
        <v>67</v>
      </c>
      <c r="AJ15301">
        <v>69</v>
      </c>
      <c r="AK15301">
        <v>70</v>
      </c>
      <c r="AL15301">
        <v>71</v>
      </c>
      <c r="AM15301">
        <v>72</v>
      </c>
      <c r="AN15301">
        <v>72</v>
      </c>
      <c r="AO15301">
        <v>73</v>
      </c>
      <c r="AP15301">
        <v>74</v>
      </c>
      <c r="AQ15301">
        <v>74</v>
      </c>
    </row>
    <row r="15302" spans="1:43">
      <c r="A15302" t="s">
        <v>9504</v>
      </c>
      <c r="B15302" t="s">
        <v>9505</v>
      </c>
      <c r="C15302" t="s">
        <v>9498</v>
      </c>
      <c r="D15302" t="s">
        <v>9499</v>
      </c>
      <c r="E15302" t="s">
        <v>9202</v>
      </c>
      <c r="F15302" t="s">
        <v>9203</v>
      </c>
      <c r="G15302" t="s">
        <v>80</v>
      </c>
      <c r="H15302" t="s">
        <v>81</v>
      </c>
      <c r="I15302" s="2">
        <v>1</v>
      </c>
      <c r="J15302" s="2">
        <v>0</v>
      </c>
      <c r="K15302" s="2">
        <v>0</v>
      </c>
      <c r="L15302" t="s">
        <v>120</v>
      </c>
      <c r="M15302" t="s">
        <v>83</v>
      </c>
      <c r="N15302" t="s">
        <v>84</v>
      </c>
      <c r="O15302" t="s">
        <v>85</v>
      </c>
      <c r="P15302" t="s">
        <v>86</v>
      </c>
      <c r="Q15302">
        <v>37</v>
      </c>
      <c r="R15302">
        <v>38</v>
      </c>
      <c r="S15302">
        <v>38</v>
      </c>
      <c r="T15302">
        <v>39</v>
      </c>
      <c r="U15302">
        <v>40</v>
      </c>
      <c r="V15302">
        <v>41</v>
      </c>
      <c r="W15302">
        <v>42</v>
      </c>
      <c r="X15302">
        <v>43</v>
      </c>
      <c r="Y15302">
        <v>44</v>
      </c>
      <c r="Z15302">
        <v>45</v>
      </c>
      <c r="AA15302">
        <v>46</v>
      </c>
      <c r="AB15302">
        <v>47</v>
      </c>
      <c r="AC15302">
        <v>48</v>
      </c>
      <c r="AD15302">
        <v>49</v>
      </c>
      <c r="AE15302">
        <v>50</v>
      </c>
      <c r="AF15302">
        <v>51</v>
      </c>
      <c r="AG15302">
        <v>52</v>
      </c>
      <c r="AH15302">
        <v>53</v>
      </c>
      <c r="AI15302">
        <v>54</v>
      </c>
      <c r="AJ15302">
        <v>55</v>
      </c>
      <c r="AK15302">
        <v>56</v>
      </c>
      <c r="AL15302">
        <v>57</v>
      </c>
      <c r="AM15302">
        <v>57</v>
      </c>
      <c r="AN15302">
        <v>58</v>
      </c>
      <c r="AO15302">
        <v>58</v>
      </c>
      <c r="AP15302">
        <v>59</v>
      </c>
      <c r="AQ15302">
        <v>59</v>
      </c>
    </row>
    <row r="15303" spans="1:43">
      <c r="A15303" t="s">
        <v>9504</v>
      </c>
      <c r="B15303" t="s">
        <v>9505</v>
      </c>
      <c r="C15303" t="s">
        <v>9498</v>
      </c>
      <c r="D15303" t="s">
        <v>9499</v>
      </c>
      <c r="E15303" t="s">
        <v>9202</v>
      </c>
      <c r="F15303" t="s">
        <v>9203</v>
      </c>
      <c r="G15303" t="s">
        <v>80</v>
      </c>
      <c r="H15303" t="s">
        <v>81</v>
      </c>
      <c r="I15303" s="2">
        <v>1</v>
      </c>
      <c r="J15303" s="2">
        <v>0</v>
      </c>
      <c r="K15303" s="2">
        <v>0</v>
      </c>
      <c r="L15303" t="s">
        <v>120</v>
      </c>
      <c r="M15303" t="s">
        <v>87</v>
      </c>
      <c r="N15303" t="s">
        <v>88</v>
      </c>
      <c r="O15303" t="s">
        <v>85</v>
      </c>
      <c r="P15303" t="s">
        <v>86</v>
      </c>
      <c r="Q15303">
        <v>37</v>
      </c>
      <c r="R15303">
        <v>38</v>
      </c>
      <c r="S15303">
        <v>38</v>
      </c>
      <c r="T15303">
        <v>39</v>
      </c>
      <c r="U15303">
        <v>40</v>
      </c>
      <c r="V15303">
        <v>40</v>
      </c>
      <c r="W15303">
        <v>41</v>
      </c>
      <c r="X15303">
        <v>41</v>
      </c>
      <c r="Y15303">
        <v>42</v>
      </c>
      <c r="Z15303">
        <v>42</v>
      </c>
      <c r="AA15303">
        <v>43</v>
      </c>
      <c r="AB15303">
        <v>43</v>
      </c>
      <c r="AC15303">
        <v>44</v>
      </c>
      <c r="AD15303">
        <v>45</v>
      </c>
      <c r="AE15303">
        <v>45</v>
      </c>
      <c r="AF15303">
        <v>46</v>
      </c>
      <c r="AG15303">
        <v>46</v>
      </c>
      <c r="AH15303">
        <v>47</v>
      </c>
      <c r="AI15303">
        <v>47</v>
      </c>
      <c r="AJ15303">
        <v>48</v>
      </c>
      <c r="AK15303">
        <v>49</v>
      </c>
      <c r="AL15303">
        <v>49</v>
      </c>
      <c r="AM15303">
        <v>50</v>
      </c>
      <c r="AN15303">
        <v>50</v>
      </c>
      <c r="AO15303">
        <v>51</v>
      </c>
      <c r="AP15303">
        <v>52</v>
      </c>
      <c r="AQ15303">
        <v>52</v>
      </c>
    </row>
    <row r="15304" spans="1:43">
      <c r="A15304" t="s">
        <v>9504</v>
      </c>
      <c r="B15304" t="s">
        <v>9505</v>
      </c>
      <c r="C15304" t="s">
        <v>9498</v>
      </c>
      <c r="D15304" t="s">
        <v>9499</v>
      </c>
      <c r="E15304" t="s">
        <v>9202</v>
      </c>
      <c r="F15304" t="s">
        <v>9203</v>
      </c>
      <c r="G15304" t="s">
        <v>80</v>
      </c>
      <c r="H15304" t="s">
        <v>81</v>
      </c>
      <c r="I15304" s="2">
        <v>1</v>
      </c>
      <c r="J15304" s="2">
        <v>0</v>
      </c>
      <c r="K15304" s="2">
        <v>0</v>
      </c>
      <c r="L15304" t="s">
        <v>120</v>
      </c>
      <c r="M15304" t="s">
        <v>89</v>
      </c>
      <c r="N15304" t="s">
        <v>90</v>
      </c>
      <c r="O15304" t="s">
        <v>85</v>
      </c>
      <c r="P15304" t="s">
        <v>86</v>
      </c>
      <c r="Q15304">
        <v>37</v>
      </c>
      <c r="R15304">
        <v>38</v>
      </c>
      <c r="S15304">
        <v>39</v>
      </c>
      <c r="T15304">
        <v>41</v>
      </c>
      <c r="U15304">
        <v>42</v>
      </c>
      <c r="V15304">
        <v>43</v>
      </c>
      <c r="W15304">
        <v>44</v>
      </c>
      <c r="X15304">
        <v>45</v>
      </c>
      <c r="Y15304">
        <v>47</v>
      </c>
      <c r="Z15304">
        <v>48</v>
      </c>
      <c r="AA15304">
        <v>49</v>
      </c>
      <c r="AB15304">
        <v>50</v>
      </c>
      <c r="AC15304">
        <v>51</v>
      </c>
      <c r="AD15304">
        <v>52</v>
      </c>
      <c r="AE15304">
        <v>53</v>
      </c>
      <c r="AF15304">
        <v>54</v>
      </c>
      <c r="AG15304">
        <v>55</v>
      </c>
      <c r="AH15304">
        <v>55</v>
      </c>
      <c r="AI15304">
        <v>56</v>
      </c>
      <c r="AJ15304">
        <v>56</v>
      </c>
      <c r="AK15304">
        <v>57</v>
      </c>
      <c r="AL15304">
        <v>57</v>
      </c>
      <c r="AM15304">
        <v>58</v>
      </c>
      <c r="AN15304">
        <v>58</v>
      </c>
      <c r="AO15304">
        <v>59</v>
      </c>
      <c r="AP15304">
        <v>60</v>
      </c>
      <c r="AQ15304">
        <v>60</v>
      </c>
    </row>
    <row r="15305" spans="1:43">
      <c r="A15305" t="s">
        <v>9504</v>
      </c>
      <c r="B15305" t="s">
        <v>9505</v>
      </c>
      <c r="C15305" t="s">
        <v>9498</v>
      </c>
      <c r="D15305" t="s">
        <v>9499</v>
      </c>
      <c r="E15305" t="s">
        <v>9202</v>
      </c>
      <c r="F15305" t="s">
        <v>9203</v>
      </c>
      <c r="G15305" t="s">
        <v>80</v>
      </c>
      <c r="H15305" t="s">
        <v>81</v>
      </c>
      <c r="I15305" s="2">
        <v>1</v>
      </c>
      <c r="J15305" s="2">
        <v>0</v>
      </c>
      <c r="K15305" s="2">
        <v>0</v>
      </c>
      <c r="L15305" t="s">
        <v>120</v>
      </c>
      <c r="M15305" t="s">
        <v>83</v>
      </c>
      <c r="N15305" t="s">
        <v>91</v>
      </c>
      <c r="O15305" t="s">
        <v>85</v>
      </c>
      <c r="P15305" t="s">
        <v>86</v>
      </c>
      <c r="Q15305">
        <v>37</v>
      </c>
      <c r="R15305">
        <v>38</v>
      </c>
      <c r="S15305">
        <v>38</v>
      </c>
      <c r="T15305">
        <v>39</v>
      </c>
      <c r="U15305">
        <v>40</v>
      </c>
      <c r="V15305">
        <v>41</v>
      </c>
      <c r="W15305">
        <v>42</v>
      </c>
      <c r="X15305">
        <v>43</v>
      </c>
      <c r="Y15305">
        <v>44</v>
      </c>
      <c r="Z15305">
        <v>45</v>
      </c>
      <c r="AA15305">
        <v>46</v>
      </c>
      <c r="AB15305">
        <v>47</v>
      </c>
      <c r="AC15305">
        <v>48</v>
      </c>
      <c r="AD15305">
        <v>49</v>
      </c>
      <c r="AE15305">
        <v>50</v>
      </c>
      <c r="AF15305">
        <v>51</v>
      </c>
      <c r="AG15305">
        <v>52</v>
      </c>
      <c r="AH15305">
        <v>53</v>
      </c>
      <c r="AI15305">
        <v>54</v>
      </c>
      <c r="AJ15305">
        <v>55</v>
      </c>
      <c r="AK15305">
        <v>56</v>
      </c>
      <c r="AL15305">
        <v>57</v>
      </c>
      <c r="AM15305">
        <v>57</v>
      </c>
      <c r="AN15305">
        <v>58</v>
      </c>
      <c r="AO15305">
        <v>58</v>
      </c>
      <c r="AP15305">
        <v>59</v>
      </c>
      <c r="AQ15305">
        <v>59</v>
      </c>
    </row>
    <row r="15306" spans="1:43">
      <c r="A15306" t="s">
        <v>9506</v>
      </c>
      <c r="B15306" t="s">
        <v>9507</v>
      </c>
      <c r="C15306" t="s">
        <v>9498</v>
      </c>
      <c r="D15306" t="s">
        <v>9499</v>
      </c>
      <c r="E15306" t="s">
        <v>9202</v>
      </c>
      <c r="F15306" t="s">
        <v>9203</v>
      </c>
      <c r="G15306" t="s">
        <v>80</v>
      </c>
      <c r="H15306" t="s">
        <v>81</v>
      </c>
      <c r="I15306" s="2">
        <v>1</v>
      </c>
      <c r="J15306" s="2">
        <v>0</v>
      </c>
      <c r="K15306" s="2">
        <v>0</v>
      </c>
      <c r="L15306" t="s">
        <v>120</v>
      </c>
      <c r="M15306" t="s">
        <v>83</v>
      </c>
      <c r="N15306" t="s">
        <v>84</v>
      </c>
      <c r="O15306" t="s">
        <v>85</v>
      </c>
      <c r="P15306" t="s">
        <v>86</v>
      </c>
      <c r="Q15306">
        <v>36</v>
      </c>
      <c r="R15306">
        <v>36</v>
      </c>
      <c r="S15306">
        <v>37</v>
      </c>
      <c r="T15306">
        <v>38</v>
      </c>
      <c r="U15306">
        <v>39</v>
      </c>
      <c r="V15306">
        <v>40</v>
      </c>
      <c r="W15306">
        <v>41</v>
      </c>
      <c r="X15306">
        <v>42</v>
      </c>
      <c r="Y15306">
        <v>43</v>
      </c>
      <c r="Z15306">
        <v>44</v>
      </c>
      <c r="AA15306">
        <v>44</v>
      </c>
      <c r="AB15306">
        <v>45</v>
      </c>
      <c r="AC15306">
        <v>46</v>
      </c>
      <c r="AD15306">
        <v>47</v>
      </c>
      <c r="AE15306">
        <v>48</v>
      </c>
      <c r="AF15306">
        <v>49</v>
      </c>
      <c r="AG15306">
        <v>50</v>
      </c>
      <c r="AH15306">
        <v>51</v>
      </c>
      <c r="AI15306">
        <v>52</v>
      </c>
      <c r="AJ15306">
        <v>53</v>
      </c>
      <c r="AK15306">
        <v>54</v>
      </c>
      <c r="AL15306">
        <v>55</v>
      </c>
      <c r="AM15306">
        <v>55</v>
      </c>
      <c r="AN15306">
        <v>56</v>
      </c>
      <c r="AO15306">
        <v>57</v>
      </c>
      <c r="AP15306">
        <v>57</v>
      </c>
      <c r="AQ15306">
        <v>58</v>
      </c>
    </row>
    <row r="15307" spans="1:43">
      <c r="A15307" t="s">
        <v>9506</v>
      </c>
      <c r="B15307" t="s">
        <v>9507</v>
      </c>
      <c r="C15307" t="s">
        <v>9498</v>
      </c>
      <c r="D15307" t="s">
        <v>9499</v>
      </c>
      <c r="E15307" t="s">
        <v>9202</v>
      </c>
      <c r="F15307" t="s">
        <v>9203</v>
      </c>
      <c r="G15307" t="s">
        <v>80</v>
      </c>
      <c r="H15307" t="s">
        <v>81</v>
      </c>
      <c r="I15307" s="2">
        <v>1</v>
      </c>
      <c r="J15307" s="2">
        <v>0</v>
      </c>
      <c r="K15307" s="2">
        <v>0</v>
      </c>
      <c r="L15307" t="s">
        <v>120</v>
      </c>
      <c r="M15307" t="s">
        <v>87</v>
      </c>
      <c r="N15307" t="s">
        <v>88</v>
      </c>
      <c r="O15307" t="s">
        <v>85</v>
      </c>
      <c r="P15307" t="s">
        <v>86</v>
      </c>
      <c r="Q15307">
        <v>36</v>
      </c>
      <c r="R15307">
        <v>37</v>
      </c>
      <c r="S15307">
        <v>37</v>
      </c>
      <c r="T15307">
        <v>38</v>
      </c>
      <c r="U15307">
        <v>38</v>
      </c>
      <c r="V15307">
        <v>39</v>
      </c>
      <c r="W15307">
        <v>39</v>
      </c>
      <c r="X15307">
        <v>40</v>
      </c>
      <c r="Y15307">
        <v>40</v>
      </c>
      <c r="Z15307">
        <v>41</v>
      </c>
      <c r="AA15307">
        <v>42</v>
      </c>
      <c r="AB15307">
        <v>42</v>
      </c>
      <c r="AC15307">
        <v>43</v>
      </c>
      <c r="AD15307">
        <v>43</v>
      </c>
      <c r="AE15307">
        <v>44</v>
      </c>
      <c r="AF15307">
        <v>44</v>
      </c>
      <c r="AG15307">
        <v>45</v>
      </c>
      <c r="AH15307">
        <v>45</v>
      </c>
      <c r="AI15307">
        <v>46</v>
      </c>
      <c r="AJ15307">
        <v>47</v>
      </c>
      <c r="AK15307">
        <v>47</v>
      </c>
      <c r="AL15307">
        <v>48</v>
      </c>
      <c r="AM15307">
        <v>48</v>
      </c>
      <c r="AN15307">
        <v>49</v>
      </c>
      <c r="AO15307">
        <v>50</v>
      </c>
      <c r="AP15307">
        <v>50</v>
      </c>
      <c r="AQ15307">
        <v>51</v>
      </c>
    </row>
    <row r="15308" spans="1:43">
      <c r="A15308" t="s">
        <v>9506</v>
      </c>
      <c r="B15308" t="s">
        <v>9507</v>
      </c>
      <c r="C15308" t="s">
        <v>9498</v>
      </c>
      <c r="D15308" t="s">
        <v>9499</v>
      </c>
      <c r="E15308" t="s">
        <v>9202</v>
      </c>
      <c r="F15308" t="s">
        <v>9203</v>
      </c>
      <c r="G15308" t="s">
        <v>80</v>
      </c>
      <c r="H15308" t="s">
        <v>81</v>
      </c>
      <c r="I15308" s="2">
        <v>1</v>
      </c>
      <c r="J15308" s="2">
        <v>0</v>
      </c>
      <c r="K15308" s="2">
        <v>0</v>
      </c>
      <c r="L15308" t="s">
        <v>120</v>
      </c>
      <c r="M15308" t="s">
        <v>89</v>
      </c>
      <c r="N15308" t="s">
        <v>90</v>
      </c>
      <c r="O15308" t="s">
        <v>85</v>
      </c>
      <c r="P15308" t="s">
        <v>86</v>
      </c>
      <c r="Q15308">
        <v>36</v>
      </c>
      <c r="R15308">
        <v>37</v>
      </c>
      <c r="S15308">
        <v>38</v>
      </c>
      <c r="T15308">
        <v>39</v>
      </c>
      <c r="U15308">
        <v>41</v>
      </c>
      <c r="V15308">
        <v>42</v>
      </c>
      <c r="W15308">
        <v>43</v>
      </c>
      <c r="X15308">
        <v>44</v>
      </c>
      <c r="Y15308">
        <v>45</v>
      </c>
      <c r="Z15308">
        <v>46</v>
      </c>
      <c r="AA15308">
        <v>47</v>
      </c>
      <c r="AB15308">
        <v>49</v>
      </c>
      <c r="AC15308">
        <v>50</v>
      </c>
      <c r="AD15308">
        <v>51</v>
      </c>
      <c r="AE15308">
        <v>52</v>
      </c>
      <c r="AF15308">
        <v>52</v>
      </c>
      <c r="AG15308">
        <v>53</v>
      </c>
      <c r="AH15308">
        <v>53</v>
      </c>
      <c r="AI15308">
        <v>54</v>
      </c>
      <c r="AJ15308">
        <v>54</v>
      </c>
      <c r="AK15308">
        <v>55</v>
      </c>
      <c r="AL15308">
        <v>56</v>
      </c>
      <c r="AM15308">
        <v>56</v>
      </c>
      <c r="AN15308">
        <v>57</v>
      </c>
      <c r="AO15308">
        <v>57</v>
      </c>
      <c r="AP15308">
        <v>58</v>
      </c>
      <c r="AQ15308">
        <v>58</v>
      </c>
    </row>
    <row r="15309" spans="1:43">
      <c r="A15309" t="s">
        <v>9506</v>
      </c>
      <c r="B15309" t="s">
        <v>9507</v>
      </c>
      <c r="C15309" t="s">
        <v>9498</v>
      </c>
      <c r="D15309" t="s">
        <v>9499</v>
      </c>
      <c r="E15309" t="s">
        <v>9202</v>
      </c>
      <c r="F15309" t="s">
        <v>9203</v>
      </c>
      <c r="G15309" t="s">
        <v>80</v>
      </c>
      <c r="H15309" t="s">
        <v>81</v>
      </c>
      <c r="I15309" s="2">
        <v>1</v>
      </c>
      <c r="J15309" s="2">
        <v>0</v>
      </c>
      <c r="K15309" s="2">
        <v>0</v>
      </c>
      <c r="L15309" t="s">
        <v>120</v>
      </c>
      <c r="M15309" t="s">
        <v>83</v>
      </c>
      <c r="N15309" t="s">
        <v>91</v>
      </c>
      <c r="O15309" t="s">
        <v>85</v>
      </c>
      <c r="P15309" t="s">
        <v>86</v>
      </c>
      <c r="Q15309">
        <v>36</v>
      </c>
      <c r="R15309">
        <v>36</v>
      </c>
      <c r="S15309">
        <v>37</v>
      </c>
      <c r="T15309">
        <v>38</v>
      </c>
      <c r="U15309">
        <v>39</v>
      </c>
      <c r="V15309">
        <v>40</v>
      </c>
      <c r="W15309">
        <v>41</v>
      </c>
      <c r="X15309">
        <v>42</v>
      </c>
      <c r="Y15309">
        <v>43</v>
      </c>
      <c r="Z15309">
        <v>44</v>
      </c>
      <c r="AA15309">
        <v>44</v>
      </c>
      <c r="AB15309">
        <v>45</v>
      </c>
      <c r="AC15309">
        <v>46</v>
      </c>
      <c r="AD15309">
        <v>47</v>
      </c>
      <c r="AE15309">
        <v>48</v>
      </c>
      <c r="AF15309">
        <v>49</v>
      </c>
      <c r="AG15309">
        <v>50</v>
      </c>
      <c r="AH15309">
        <v>51</v>
      </c>
      <c r="AI15309">
        <v>52</v>
      </c>
      <c r="AJ15309">
        <v>53</v>
      </c>
      <c r="AK15309">
        <v>54</v>
      </c>
      <c r="AL15309">
        <v>55</v>
      </c>
      <c r="AM15309">
        <v>55</v>
      </c>
      <c r="AN15309">
        <v>56</v>
      </c>
      <c r="AO15309">
        <v>57</v>
      </c>
      <c r="AP15309">
        <v>57</v>
      </c>
      <c r="AQ15309">
        <v>58</v>
      </c>
    </row>
    <row r="15310" spans="1:43">
      <c r="A15310" t="s">
        <v>9508</v>
      </c>
      <c r="B15310" t="s">
        <v>9509</v>
      </c>
      <c r="C15310" t="s">
        <v>9498</v>
      </c>
      <c r="D15310" t="s">
        <v>9499</v>
      </c>
      <c r="E15310" t="s">
        <v>9202</v>
      </c>
      <c r="F15310" t="s">
        <v>9203</v>
      </c>
      <c r="G15310" t="s">
        <v>80</v>
      </c>
      <c r="H15310" t="s">
        <v>81</v>
      </c>
      <c r="I15310" s="2">
        <v>0.57999999999999996</v>
      </c>
      <c r="J15310" s="2">
        <v>0.42</v>
      </c>
      <c r="K15310" s="2">
        <v>0</v>
      </c>
      <c r="L15310" t="s">
        <v>120</v>
      </c>
      <c r="M15310" t="s">
        <v>83</v>
      </c>
      <c r="N15310" t="s">
        <v>84</v>
      </c>
      <c r="O15310" t="s">
        <v>85</v>
      </c>
      <c r="P15310" t="s">
        <v>86</v>
      </c>
      <c r="Q15310">
        <v>23</v>
      </c>
      <c r="R15310">
        <v>24</v>
      </c>
      <c r="S15310">
        <v>24</v>
      </c>
      <c r="T15310">
        <v>25</v>
      </c>
      <c r="U15310">
        <v>25</v>
      </c>
      <c r="V15310">
        <v>26</v>
      </c>
      <c r="W15310">
        <v>27</v>
      </c>
      <c r="X15310">
        <v>27</v>
      </c>
      <c r="Y15310">
        <v>28</v>
      </c>
      <c r="Z15310">
        <v>28</v>
      </c>
      <c r="AA15310">
        <v>29</v>
      </c>
      <c r="AB15310">
        <v>30</v>
      </c>
      <c r="AC15310">
        <v>30</v>
      </c>
      <c r="AD15310">
        <v>31</v>
      </c>
      <c r="AE15310">
        <v>31</v>
      </c>
      <c r="AF15310">
        <v>32</v>
      </c>
      <c r="AG15310">
        <v>33</v>
      </c>
      <c r="AH15310">
        <v>33</v>
      </c>
      <c r="AI15310">
        <v>34</v>
      </c>
      <c r="AJ15310">
        <v>35</v>
      </c>
      <c r="AK15310">
        <v>35</v>
      </c>
      <c r="AL15310">
        <v>36</v>
      </c>
      <c r="AM15310">
        <v>36</v>
      </c>
      <c r="AN15310">
        <v>36</v>
      </c>
      <c r="AO15310">
        <v>37</v>
      </c>
      <c r="AP15310">
        <v>37</v>
      </c>
      <c r="AQ15310">
        <v>38</v>
      </c>
    </row>
    <row r="15311" spans="1:43">
      <c r="A15311" t="s">
        <v>9508</v>
      </c>
      <c r="B15311" t="s">
        <v>9509</v>
      </c>
      <c r="C15311" t="s">
        <v>9498</v>
      </c>
      <c r="D15311" t="s">
        <v>9499</v>
      </c>
      <c r="E15311" t="s">
        <v>9202</v>
      </c>
      <c r="F15311" t="s">
        <v>9203</v>
      </c>
      <c r="G15311" t="s">
        <v>80</v>
      </c>
      <c r="H15311" t="s">
        <v>81</v>
      </c>
      <c r="I15311" s="2">
        <v>0.57999999999999996</v>
      </c>
      <c r="J15311" s="2">
        <v>0.42</v>
      </c>
      <c r="K15311" s="2">
        <v>0</v>
      </c>
      <c r="L15311" t="s">
        <v>120</v>
      </c>
      <c r="M15311" t="s">
        <v>87</v>
      </c>
      <c r="N15311" t="s">
        <v>88</v>
      </c>
      <c r="O15311" t="s">
        <v>85</v>
      </c>
      <c r="P15311" t="s">
        <v>86</v>
      </c>
      <c r="Q15311">
        <v>23</v>
      </c>
      <c r="R15311">
        <v>23</v>
      </c>
      <c r="S15311">
        <v>24</v>
      </c>
      <c r="T15311">
        <v>24</v>
      </c>
      <c r="U15311">
        <v>24</v>
      </c>
      <c r="V15311">
        <v>25</v>
      </c>
      <c r="W15311">
        <v>25</v>
      </c>
      <c r="X15311">
        <v>25</v>
      </c>
      <c r="Y15311">
        <v>26</v>
      </c>
      <c r="Z15311">
        <v>26</v>
      </c>
      <c r="AA15311">
        <v>26</v>
      </c>
      <c r="AB15311">
        <v>27</v>
      </c>
      <c r="AC15311">
        <v>27</v>
      </c>
      <c r="AD15311">
        <v>27</v>
      </c>
      <c r="AE15311">
        <v>28</v>
      </c>
      <c r="AF15311">
        <v>28</v>
      </c>
      <c r="AG15311">
        <v>29</v>
      </c>
      <c r="AH15311">
        <v>29</v>
      </c>
      <c r="AI15311">
        <v>29</v>
      </c>
      <c r="AJ15311">
        <v>30</v>
      </c>
      <c r="AK15311">
        <v>30</v>
      </c>
      <c r="AL15311">
        <v>30</v>
      </c>
      <c r="AM15311">
        <v>31</v>
      </c>
      <c r="AN15311">
        <v>31</v>
      </c>
      <c r="AO15311">
        <v>32</v>
      </c>
      <c r="AP15311">
        <v>32</v>
      </c>
      <c r="AQ15311">
        <v>32</v>
      </c>
    </row>
    <row r="15312" spans="1:43">
      <c r="A15312" t="s">
        <v>9508</v>
      </c>
      <c r="B15312" t="s">
        <v>9509</v>
      </c>
      <c r="C15312" t="s">
        <v>9498</v>
      </c>
      <c r="D15312" t="s">
        <v>9499</v>
      </c>
      <c r="E15312" t="s">
        <v>9202</v>
      </c>
      <c r="F15312" t="s">
        <v>9203</v>
      </c>
      <c r="G15312" t="s">
        <v>80</v>
      </c>
      <c r="H15312" t="s">
        <v>81</v>
      </c>
      <c r="I15312" s="2">
        <v>0.57999999999999996</v>
      </c>
      <c r="J15312" s="2">
        <v>0.42</v>
      </c>
      <c r="K15312" s="2">
        <v>0</v>
      </c>
      <c r="L15312" t="s">
        <v>120</v>
      </c>
      <c r="M15312" t="s">
        <v>89</v>
      </c>
      <c r="N15312" t="s">
        <v>90</v>
      </c>
      <c r="O15312" t="s">
        <v>85</v>
      </c>
      <c r="P15312" t="s">
        <v>86</v>
      </c>
      <c r="Q15312">
        <v>23</v>
      </c>
      <c r="R15312">
        <v>24</v>
      </c>
      <c r="S15312">
        <v>25</v>
      </c>
      <c r="T15312">
        <v>26</v>
      </c>
      <c r="U15312">
        <v>26</v>
      </c>
      <c r="V15312">
        <v>27</v>
      </c>
      <c r="W15312">
        <v>28</v>
      </c>
      <c r="X15312">
        <v>29</v>
      </c>
      <c r="Y15312">
        <v>29</v>
      </c>
      <c r="Z15312">
        <v>30</v>
      </c>
      <c r="AA15312">
        <v>31</v>
      </c>
      <c r="AB15312">
        <v>32</v>
      </c>
      <c r="AC15312">
        <v>32</v>
      </c>
      <c r="AD15312">
        <v>33</v>
      </c>
      <c r="AE15312">
        <v>34</v>
      </c>
      <c r="AF15312">
        <v>34</v>
      </c>
      <c r="AG15312">
        <v>34</v>
      </c>
      <c r="AH15312">
        <v>35</v>
      </c>
      <c r="AI15312">
        <v>35</v>
      </c>
      <c r="AJ15312">
        <v>35</v>
      </c>
      <c r="AK15312">
        <v>36</v>
      </c>
      <c r="AL15312">
        <v>36</v>
      </c>
      <c r="AM15312">
        <v>37</v>
      </c>
      <c r="AN15312">
        <v>37</v>
      </c>
      <c r="AO15312">
        <v>37</v>
      </c>
      <c r="AP15312">
        <v>38</v>
      </c>
      <c r="AQ15312">
        <v>38</v>
      </c>
    </row>
    <row r="15313" spans="1:43">
      <c r="A15313" t="s">
        <v>9508</v>
      </c>
      <c r="B15313" t="s">
        <v>9509</v>
      </c>
      <c r="C15313" t="s">
        <v>9498</v>
      </c>
      <c r="D15313" t="s">
        <v>9499</v>
      </c>
      <c r="E15313" t="s">
        <v>9202</v>
      </c>
      <c r="F15313" t="s">
        <v>9203</v>
      </c>
      <c r="G15313" t="s">
        <v>80</v>
      </c>
      <c r="H15313" t="s">
        <v>81</v>
      </c>
      <c r="I15313" s="2">
        <v>0.57999999999999996</v>
      </c>
      <c r="J15313" s="2">
        <v>0.42</v>
      </c>
      <c r="K15313" s="2">
        <v>0</v>
      </c>
      <c r="L15313" t="s">
        <v>120</v>
      </c>
      <c r="M15313" t="s">
        <v>83</v>
      </c>
      <c r="N15313" t="s">
        <v>91</v>
      </c>
      <c r="O15313" t="s">
        <v>85</v>
      </c>
      <c r="P15313" t="s">
        <v>86</v>
      </c>
      <c r="Q15313">
        <v>23</v>
      </c>
      <c r="R15313">
        <v>24</v>
      </c>
      <c r="S15313">
        <v>24</v>
      </c>
      <c r="T15313">
        <v>25</v>
      </c>
      <c r="U15313">
        <v>25</v>
      </c>
      <c r="V15313">
        <v>26</v>
      </c>
      <c r="W15313">
        <v>27</v>
      </c>
      <c r="X15313">
        <v>27</v>
      </c>
      <c r="Y15313">
        <v>28</v>
      </c>
      <c r="Z15313">
        <v>28</v>
      </c>
      <c r="AA15313">
        <v>29</v>
      </c>
      <c r="AB15313">
        <v>30</v>
      </c>
      <c r="AC15313">
        <v>30</v>
      </c>
      <c r="AD15313">
        <v>31</v>
      </c>
      <c r="AE15313">
        <v>31</v>
      </c>
      <c r="AF15313">
        <v>32</v>
      </c>
      <c r="AG15313">
        <v>33</v>
      </c>
      <c r="AH15313">
        <v>33</v>
      </c>
      <c r="AI15313">
        <v>34</v>
      </c>
      <c r="AJ15313">
        <v>35</v>
      </c>
      <c r="AK15313">
        <v>35</v>
      </c>
      <c r="AL15313">
        <v>36</v>
      </c>
      <c r="AM15313">
        <v>36</v>
      </c>
      <c r="AN15313">
        <v>36</v>
      </c>
      <c r="AO15313">
        <v>37</v>
      </c>
      <c r="AP15313">
        <v>37</v>
      </c>
      <c r="AQ15313">
        <v>38</v>
      </c>
    </row>
    <row r="15314" spans="1:43">
      <c r="A15314" t="s">
        <v>9510</v>
      </c>
      <c r="B15314" t="s">
        <v>9511</v>
      </c>
      <c r="C15314" t="s">
        <v>9498</v>
      </c>
      <c r="D15314" t="s">
        <v>9499</v>
      </c>
      <c r="E15314" t="s">
        <v>9202</v>
      </c>
      <c r="F15314" t="s">
        <v>9203</v>
      </c>
      <c r="G15314" t="s">
        <v>80</v>
      </c>
      <c r="H15314" t="s">
        <v>81</v>
      </c>
      <c r="I15314" s="2">
        <v>0.73</v>
      </c>
      <c r="J15314" s="2">
        <v>0.27</v>
      </c>
      <c r="K15314" s="2">
        <v>0</v>
      </c>
      <c r="L15314" t="s">
        <v>120</v>
      </c>
      <c r="M15314" t="s">
        <v>83</v>
      </c>
      <c r="N15314" t="s">
        <v>84</v>
      </c>
      <c r="O15314" t="s">
        <v>85</v>
      </c>
      <c r="P15314" t="s">
        <v>86</v>
      </c>
      <c r="Q15314">
        <v>18</v>
      </c>
      <c r="R15314">
        <v>19</v>
      </c>
      <c r="S15314">
        <v>19</v>
      </c>
      <c r="T15314">
        <v>20</v>
      </c>
      <c r="U15314">
        <v>20</v>
      </c>
      <c r="V15314">
        <v>20</v>
      </c>
      <c r="W15314">
        <v>21</v>
      </c>
      <c r="X15314">
        <v>21</v>
      </c>
      <c r="Y15314">
        <v>22</v>
      </c>
      <c r="Z15314">
        <v>22</v>
      </c>
      <c r="AA15314">
        <v>23</v>
      </c>
      <c r="AB15314">
        <v>23</v>
      </c>
      <c r="AC15314">
        <v>24</v>
      </c>
      <c r="AD15314">
        <v>24</v>
      </c>
      <c r="AE15314">
        <v>25</v>
      </c>
      <c r="AF15314">
        <v>25</v>
      </c>
      <c r="AG15314">
        <v>26</v>
      </c>
      <c r="AH15314">
        <v>26</v>
      </c>
      <c r="AI15314">
        <v>27</v>
      </c>
      <c r="AJ15314">
        <v>27</v>
      </c>
      <c r="AK15314">
        <v>28</v>
      </c>
      <c r="AL15314">
        <v>28</v>
      </c>
      <c r="AM15314">
        <v>28</v>
      </c>
      <c r="AN15314">
        <v>29</v>
      </c>
      <c r="AO15314">
        <v>29</v>
      </c>
      <c r="AP15314">
        <v>29</v>
      </c>
      <c r="AQ15314">
        <v>29</v>
      </c>
    </row>
    <row r="15315" spans="1:43">
      <c r="A15315" t="s">
        <v>9510</v>
      </c>
      <c r="B15315" t="s">
        <v>9511</v>
      </c>
      <c r="C15315" t="s">
        <v>9498</v>
      </c>
      <c r="D15315" t="s">
        <v>9499</v>
      </c>
      <c r="E15315" t="s">
        <v>9202</v>
      </c>
      <c r="F15315" t="s">
        <v>9203</v>
      </c>
      <c r="G15315" t="s">
        <v>80</v>
      </c>
      <c r="H15315" t="s">
        <v>81</v>
      </c>
      <c r="I15315" s="2">
        <v>0.73</v>
      </c>
      <c r="J15315" s="2">
        <v>0.27</v>
      </c>
      <c r="K15315" s="2">
        <v>0</v>
      </c>
      <c r="L15315" t="s">
        <v>120</v>
      </c>
      <c r="M15315" t="s">
        <v>87</v>
      </c>
      <c r="N15315" t="s">
        <v>88</v>
      </c>
      <c r="O15315" t="s">
        <v>85</v>
      </c>
      <c r="P15315" t="s">
        <v>86</v>
      </c>
      <c r="Q15315">
        <v>18</v>
      </c>
      <c r="R15315">
        <v>18</v>
      </c>
      <c r="S15315">
        <v>19</v>
      </c>
      <c r="T15315">
        <v>19</v>
      </c>
      <c r="U15315">
        <v>19</v>
      </c>
      <c r="V15315">
        <v>19</v>
      </c>
      <c r="W15315">
        <v>20</v>
      </c>
      <c r="X15315">
        <v>20</v>
      </c>
      <c r="Y15315">
        <v>20</v>
      </c>
      <c r="Z15315">
        <v>20</v>
      </c>
      <c r="AA15315">
        <v>21</v>
      </c>
      <c r="AB15315">
        <v>21</v>
      </c>
      <c r="AC15315">
        <v>21</v>
      </c>
      <c r="AD15315">
        <v>22</v>
      </c>
      <c r="AE15315">
        <v>22</v>
      </c>
      <c r="AF15315">
        <v>22</v>
      </c>
      <c r="AG15315">
        <v>22</v>
      </c>
      <c r="AH15315">
        <v>23</v>
      </c>
      <c r="AI15315">
        <v>23</v>
      </c>
      <c r="AJ15315">
        <v>23</v>
      </c>
      <c r="AK15315">
        <v>24</v>
      </c>
      <c r="AL15315">
        <v>24</v>
      </c>
      <c r="AM15315">
        <v>24</v>
      </c>
      <c r="AN15315">
        <v>25</v>
      </c>
      <c r="AO15315">
        <v>25</v>
      </c>
      <c r="AP15315">
        <v>25</v>
      </c>
      <c r="AQ15315">
        <v>25</v>
      </c>
    </row>
    <row r="15316" spans="1:43">
      <c r="A15316" t="s">
        <v>9510</v>
      </c>
      <c r="B15316" t="s">
        <v>9511</v>
      </c>
      <c r="C15316" t="s">
        <v>9498</v>
      </c>
      <c r="D15316" t="s">
        <v>9499</v>
      </c>
      <c r="E15316" t="s">
        <v>9202</v>
      </c>
      <c r="F15316" t="s">
        <v>9203</v>
      </c>
      <c r="G15316" t="s">
        <v>80</v>
      </c>
      <c r="H15316" t="s">
        <v>81</v>
      </c>
      <c r="I15316" s="2">
        <v>0.73</v>
      </c>
      <c r="J15316" s="2">
        <v>0.27</v>
      </c>
      <c r="K15316" s="2">
        <v>0</v>
      </c>
      <c r="L15316" t="s">
        <v>120</v>
      </c>
      <c r="M15316" t="s">
        <v>89</v>
      </c>
      <c r="N15316" t="s">
        <v>90</v>
      </c>
      <c r="O15316" t="s">
        <v>85</v>
      </c>
      <c r="P15316" t="s">
        <v>86</v>
      </c>
      <c r="Q15316">
        <v>18</v>
      </c>
      <c r="R15316">
        <v>19</v>
      </c>
      <c r="S15316">
        <v>20</v>
      </c>
      <c r="T15316">
        <v>20</v>
      </c>
      <c r="U15316">
        <v>21</v>
      </c>
      <c r="V15316">
        <v>21</v>
      </c>
      <c r="W15316">
        <v>22</v>
      </c>
      <c r="X15316">
        <v>22</v>
      </c>
      <c r="Y15316">
        <v>23</v>
      </c>
      <c r="Z15316">
        <v>24</v>
      </c>
      <c r="AA15316">
        <v>24</v>
      </c>
      <c r="AB15316">
        <v>25</v>
      </c>
      <c r="AC15316">
        <v>25</v>
      </c>
      <c r="AD15316">
        <v>26</v>
      </c>
      <c r="AE15316">
        <v>26</v>
      </c>
      <c r="AF15316">
        <v>27</v>
      </c>
      <c r="AG15316">
        <v>27</v>
      </c>
      <c r="AH15316">
        <v>27</v>
      </c>
      <c r="AI15316">
        <v>28</v>
      </c>
      <c r="AJ15316">
        <v>28</v>
      </c>
      <c r="AK15316">
        <v>28</v>
      </c>
      <c r="AL15316">
        <v>28</v>
      </c>
      <c r="AM15316">
        <v>29</v>
      </c>
      <c r="AN15316">
        <v>29</v>
      </c>
      <c r="AO15316">
        <v>29</v>
      </c>
      <c r="AP15316">
        <v>29</v>
      </c>
      <c r="AQ15316">
        <v>30</v>
      </c>
    </row>
    <row r="15317" spans="1:43">
      <c r="A15317" t="s">
        <v>9510</v>
      </c>
      <c r="B15317" t="s">
        <v>9511</v>
      </c>
      <c r="C15317" t="s">
        <v>9498</v>
      </c>
      <c r="D15317" t="s">
        <v>9499</v>
      </c>
      <c r="E15317" t="s">
        <v>9202</v>
      </c>
      <c r="F15317" t="s">
        <v>9203</v>
      </c>
      <c r="G15317" t="s">
        <v>80</v>
      </c>
      <c r="H15317" t="s">
        <v>81</v>
      </c>
      <c r="I15317" s="2">
        <v>0.73</v>
      </c>
      <c r="J15317" s="2">
        <v>0.27</v>
      </c>
      <c r="K15317" s="2">
        <v>0</v>
      </c>
      <c r="L15317" t="s">
        <v>120</v>
      </c>
      <c r="M15317" t="s">
        <v>83</v>
      </c>
      <c r="N15317" t="s">
        <v>91</v>
      </c>
      <c r="O15317" t="s">
        <v>85</v>
      </c>
      <c r="P15317" t="s">
        <v>86</v>
      </c>
      <c r="Q15317">
        <v>18</v>
      </c>
      <c r="R15317">
        <v>19</v>
      </c>
      <c r="S15317">
        <v>19</v>
      </c>
      <c r="T15317">
        <v>20</v>
      </c>
      <c r="U15317">
        <v>20</v>
      </c>
      <c r="V15317">
        <v>20</v>
      </c>
      <c r="W15317">
        <v>21</v>
      </c>
      <c r="X15317">
        <v>21</v>
      </c>
      <c r="Y15317">
        <v>22</v>
      </c>
      <c r="Z15317">
        <v>22</v>
      </c>
      <c r="AA15317">
        <v>23</v>
      </c>
      <c r="AB15317">
        <v>23</v>
      </c>
      <c r="AC15317">
        <v>24</v>
      </c>
      <c r="AD15317">
        <v>24</v>
      </c>
      <c r="AE15317">
        <v>25</v>
      </c>
      <c r="AF15317">
        <v>25</v>
      </c>
      <c r="AG15317">
        <v>26</v>
      </c>
      <c r="AH15317">
        <v>26</v>
      </c>
      <c r="AI15317">
        <v>27</v>
      </c>
      <c r="AJ15317">
        <v>27</v>
      </c>
      <c r="AK15317">
        <v>28</v>
      </c>
      <c r="AL15317">
        <v>28</v>
      </c>
      <c r="AM15317">
        <v>28</v>
      </c>
      <c r="AN15317">
        <v>29</v>
      </c>
      <c r="AO15317">
        <v>29</v>
      </c>
      <c r="AP15317">
        <v>29</v>
      </c>
      <c r="AQ15317">
        <v>29</v>
      </c>
    </row>
    <row r="15318" spans="1:43">
      <c r="A15318" t="s">
        <v>9512</v>
      </c>
      <c r="B15318" t="s">
        <v>9513</v>
      </c>
      <c r="C15318" t="s">
        <v>9382</v>
      </c>
      <c r="D15318" t="s">
        <v>9383</v>
      </c>
      <c r="E15318" t="s">
        <v>9202</v>
      </c>
      <c r="F15318" t="s">
        <v>9203</v>
      </c>
      <c r="G15318" t="s">
        <v>80</v>
      </c>
      <c r="H15318" t="s">
        <v>81</v>
      </c>
      <c r="I15318" s="2">
        <v>0</v>
      </c>
      <c r="J15318" s="2">
        <v>1</v>
      </c>
      <c r="K15318" s="2">
        <v>0</v>
      </c>
      <c r="L15318" t="s">
        <v>82</v>
      </c>
      <c r="M15318" t="s">
        <v>83</v>
      </c>
      <c r="N15318" t="s">
        <v>84</v>
      </c>
      <c r="O15318" t="s">
        <v>85</v>
      </c>
      <c r="P15318" t="s">
        <v>86</v>
      </c>
      <c r="Q15318">
        <v>9</v>
      </c>
      <c r="R15318">
        <v>9</v>
      </c>
      <c r="S15318">
        <v>9</v>
      </c>
      <c r="T15318">
        <v>9</v>
      </c>
      <c r="U15318">
        <v>10</v>
      </c>
      <c r="V15318">
        <v>10</v>
      </c>
      <c r="W15318">
        <v>10</v>
      </c>
      <c r="X15318">
        <v>10</v>
      </c>
      <c r="Y15318">
        <v>11</v>
      </c>
      <c r="Z15318">
        <v>11</v>
      </c>
      <c r="AA15318">
        <v>11</v>
      </c>
      <c r="AB15318">
        <v>11</v>
      </c>
      <c r="AC15318">
        <v>12</v>
      </c>
      <c r="AD15318">
        <v>12</v>
      </c>
      <c r="AE15318">
        <v>12</v>
      </c>
      <c r="AF15318">
        <v>12</v>
      </c>
      <c r="AG15318">
        <v>13</v>
      </c>
      <c r="AH15318">
        <v>13</v>
      </c>
      <c r="AI15318">
        <v>13</v>
      </c>
      <c r="AJ15318">
        <v>13</v>
      </c>
      <c r="AK15318">
        <v>14</v>
      </c>
      <c r="AL15318">
        <v>14</v>
      </c>
      <c r="AM15318">
        <v>14</v>
      </c>
      <c r="AN15318">
        <v>14</v>
      </c>
      <c r="AO15318">
        <v>14</v>
      </c>
      <c r="AP15318">
        <v>14</v>
      </c>
      <c r="AQ15318">
        <v>14</v>
      </c>
    </row>
    <row r="15319" spans="1:43">
      <c r="A15319" t="s">
        <v>9512</v>
      </c>
      <c r="B15319" t="s">
        <v>9513</v>
      </c>
      <c r="C15319" t="s">
        <v>9382</v>
      </c>
      <c r="D15319" t="s">
        <v>9383</v>
      </c>
      <c r="E15319" t="s">
        <v>9202</v>
      </c>
      <c r="F15319" t="s">
        <v>9203</v>
      </c>
      <c r="G15319" t="s">
        <v>80</v>
      </c>
      <c r="H15319" t="s">
        <v>81</v>
      </c>
      <c r="I15319" s="2">
        <v>0</v>
      </c>
      <c r="J15319" s="2">
        <v>1</v>
      </c>
      <c r="K15319" s="2">
        <v>0</v>
      </c>
      <c r="L15319" t="s">
        <v>82</v>
      </c>
      <c r="M15319" t="s">
        <v>87</v>
      </c>
      <c r="N15319" t="s">
        <v>88</v>
      </c>
      <c r="O15319" t="s">
        <v>85</v>
      </c>
      <c r="P15319" t="s">
        <v>86</v>
      </c>
      <c r="Q15319">
        <v>9</v>
      </c>
      <c r="R15319">
        <v>9</v>
      </c>
      <c r="S15319">
        <v>9</v>
      </c>
      <c r="T15319">
        <v>9</v>
      </c>
      <c r="U15319">
        <v>9</v>
      </c>
      <c r="V15319">
        <v>9</v>
      </c>
      <c r="W15319">
        <v>10</v>
      </c>
      <c r="X15319">
        <v>10</v>
      </c>
      <c r="Y15319">
        <v>10</v>
      </c>
      <c r="Z15319">
        <v>10</v>
      </c>
      <c r="AA15319">
        <v>10</v>
      </c>
      <c r="AB15319">
        <v>10</v>
      </c>
      <c r="AC15319">
        <v>10</v>
      </c>
      <c r="AD15319">
        <v>10</v>
      </c>
      <c r="AE15319">
        <v>11</v>
      </c>
      <c r="AF15319">
        <v>11</v>
      </c>
      <c r="AG15319">
        <v>11</v>
      </c>
      <c r="AH15319">
        <v>11</v>
      </c>
      <c r="AI15319">
        <v>11</v>
      </c>
      <c r="AJ15319">
        <v>11</v>
      </c>
      <c r="AK15319">
        <v>12</v>
      </c>
      <c r="AL15319">
        <v>12</v>
      </c>
      <c r="AM15319">
        <v>12</v>
      </c>
      <c r="AN15319">
        <v>12</v>
      </c>
      <c r="AO15319">
        <v>12</v>
      </c>
      <c r="AP15319">
        <v>12</v>
      </c>
      <c r="AQ15319">
        <v>12</v>
      </c>
    </row>
    <row r="15320" spans="1:43">
      <c r="A15320" t="s">
        <v>9512</v>
      </c>
      <c r="B15320" t="s">
        <v>9513</v>
      </c>
      <c r="C15320" t="s">
        <v>9382</v>
      </c>
      <c r="D15320" t="s">
        <v>9383</v>
      </c>
      <c r="E15320" t="s">
        <v>9202</v>
      </c>
      <c r="F15320" t="s">
        <v>9203</v>
      </c>
      <c r="G15320" t="s">
        <v>80</v>
      </c>
      <c r="H15320" t="s">
        <v>81</v>
      </c>
      <c r="I15320" s="2">
        <v>0</v>
      </c>
      <c r="J15320" s="2">
        <v>1</v>
      </c>
      <c r="K15320" s="2">
        <v>0</v>
      </c>
      <c r="L15320" t="s">
        <v>82</v>
      </c>
      <c r="M15320" t="s">
        <v>89</v>
      </c>
      <c r="N15320" t="s">
        <v>90</v>
      </c>
      <c r="O15320" t="s">
        <v>85</v>
      </c>
      <c r="P15320" t="s">
        <v>86</v>
      </c>
      <c r="Q15320">
        <v>9</v>
      </c>
      <c r="R15320">
        <v>9</v>
      </c>
      <c r="S15320">
        <v>10</v>
      </c>
      <c r="T15320">
        <v>10</v>
      </c>
      <c r="U15320">
        <v>10</v>
      </c>
      <c r="V15320">
        <v>10</v>
      </c>
      <c r="W15320">
        <v>11</v>
      </c>
      <c r="X15320">
        <v>11</v>
      </c>
      <c r="Y15320">
        <v>11</v>
      </c>
      <c r="Z15320">
        <v>12</v>
      </c>
      <c r="AA15320">
        <v>12</v>
      </c>
      <c r="AB15320">
        <v>12</v>
      </c>
      <c r="AC15320">
        <v>12</v>
      </c>
      <c r="AD15320">
        <v>13</v>
      </c>
      <c r="AE15320">
        <v>13</v>
      </c>
      <c r="AF15320">
        <v>13</v>
      </c>
      <c r="AG15320">
        <v>13</v>
      </c>
      <c r="AH15320">
        <v>13</v>
      </c>
      <c r="AI15320">
        <v>13</v>
      </c>
      <c r="AJ15320">
        <v>14</v>
      </c>
      <c r="AK15320">
        <v>14</v>
      </c>
      <c r="AL15320">
        <v>14</v>
      </c>
      <c r="AM15320">
        <v>14</v>
      </c>
      <c r="AN15320">
        <v>14</v>
      </c>
      <c r="AO15320">
        <v>14</v>
      </c>
      <c r="AP15320">
        <v>14</v>
      </c>
      <c r="AQ15320">
        <v>14</v>
      </c>
    </row>
    <row r="15321" spans="1:43">
      <c r="A15321" t="s">
        <v>9512</v>
      </c>
      <c r="B15321" t="s">
        <v>9513</v>
      </c>
      <c r="C15321" t="s">
        <v>9382</v>
      </c>
      <c r="D15321" t="s">
        <v>9383</v>
      </c>
      <c r="E15321" t="s">
        <v>9202</v>
      </c>
      <c r="F15321" t="s">
        <v>9203</v>
      </c>
      <c r="G15321" t="s">
        <v>80</v>
      </c>
      <c r="H15321" t="s">
        <v>81</v>
      </c>
      <c r="I15321" s="2">
        <v>0</v>
      </c>
      <c r="J15321" s="2">
        <v>1</v>
      </c>
      <c r="K15321" s="2">
        <v>0</v>
      </c>
      <c r="L15321" t="s">
        <v>82</v>
      </c>
      <c r="M15321" t="s">
        <v>83</v>
      </c>
      <c r="N15321" t="s">
        <v>91</v>
      </c>
      <c r="O15321" t="s">
        <v>85</v>
      </c>
      <c r="P15321" t="s">
        <v>86</v>
      </c>
      <c r="Q15321">
        <v>9</v>
      </c>
      <c r="R15321">
        <v>9</v>
      </c>
      <c r="S15321">
        <v>9</v>
      </c>
      <c r="T15321">
        <v>9</v>
      </c>
      <c r="U15321">
        <v>10</v>
      </c>
      <c r="V15321">
        <v>10</v>
      </c>
      <c r="W15321">
        <v>10</v>
      </c>
      <c r="X15321">
        <v>10</v>
      </c>
      <c r="Y15321">
        <v>11</v>
      </c>
      <c r="Z15321">
        <v>11</v>
      </c>
      <c r="AA15321">
        <v>11</v>
      </c>
      <c r="AB15321">
        <v>11</v>
      </c>
      <c r="AC15321">
        <v>12</v>
      </c>
      <c r="AD15321">
        <v>12</v>
      </c>
      <c r="AE15321">
        <v>12</v>
      </c>
      <c r="AF15321">
        <v>12</v>
      </c>
      <c r="AG15321">
        <v>13</v>
      </c>
      <c r="AH15321">
        <v>13</v>
      </c>
      <c r="AI15321">
        <v>13</v>
      </c>
      <c r="AJ15321">
        <v>13</v>
      </c>
      <c r="AK15321">
        <v>14</v>
      </c>
      <c r="AL15321">
        <v>14</v>
      </c>
      <c r="AM15321">
        <v>14</v>
      </c>
      <c r="AN15321">
        <v>14</v>
      </c>
      <c r="AO15321">
        <v>14</v>
      </c>
      <c r="AP15321">
        <v>14</v>
      </c>
      <c r="AQ15321">
        <v>14</v>
      </c>
    </row>
    <row r="15322" spans="1:43">
      <c r="A15322" t="s">
        <v>9514</v>
      </c>
      <c r="B15322" t="s">
        <v>9515</v>
      </c>
      <c r="C15322" t="s">
        <v>9382</v>
      </c>
      <c r="D15322" t="s">
        <v>9383</v>
      </c>
      <c r="E15322" t="s">
        <v>9202</v>
      </c>
      <c r="F15322" t="s">
        <v>9203</v>
      </c>
      <c r="G15322" t="s">
        <v>80</v>
      </c>
      <c r="H15322" t="s">
        <v>81</v>
      </c>
      <c r="I15322" s="2">
        <v>0</v>
      </c>
      <c r="J15322" s="2">
        <v>1</v>
      </c>
      <c r="K15322" s="2">
        <v>0</v>
      </c>
      <c r="L15322" t="s">
        <v>82</v>
      </c>
      <c r="M15322" t="s">
        <v>83</v>
      </c>
      <c r="N15322" t="s">
        <v>84</v>
      </c>
      <c r="O15322" t="s">
        <v>85</v>
      </c>
      <c r="P15322" t="s">
        <v>86</v>
      </c>
      <c r="Q15322">
        <v>53</v>
      </c>
      <c r="R15322">
        <v>54</v>
      </c>
      <c r="S15322">
        <v>55</v>
      </c>
      <c r="T15322">
        <v>56</v>
      </c>
      <c r="U15322">
        <v>58</v>
      </c>
      <c r="V15322">
        <v>59</v>
      </c>
      <c r="W15322">
        <v>60</v>
      </c>
      <c r="X15322">
        <v>62</v>
      </c>
      <c r="Y15322">
        <v>63</v>
      </c>
      <c r="Z15322">
        <v>65</v>
      </c>
      <c r="AA15322">
        <v>66</v>
      </c>
      <c r="AB15322">
        <v>67</v>
      </c>
      <c r="AC15322">
        <v>69</v>
      </c>
      <c r="AD15322">
        <v>70</v>
      </c>
      <c r="AE15322">
        <v>72</v>
      </c>
      <c r="AF15322">
        <v>73</v>
      </c>
      <c r="AG15322">
        <v>74</v>
      </c>
      <c r="AH15322">
        <v>76</v>
      </c>
      <c r="AI15322">
        <v>77</v>
      </c>
      <c r="AJ15322">
        <v>79</v>
      </c>
      <c r="AK15322">
        <v>80</v>
      </c>
      <c r="AL15322">
        <v>82</v>
      </c>
      <c r="AM15322">
        <v>82</v>
      </c>
      <c r="AN15322">
        <v>83</v>
      </c>
      <c r="AO15322">
        <v>84</v>
      </c>
      <c r="AP15322">
        <v>85</v>
      </c>
      <c r="AQ15322">
        <v>85</v>
      </c>
    </row>
    <row r="15323" spans="1:43">
      <c r="A15323" t="s">
        <v>9514</v>
      </c>
      <c r="B15323" t="s">
        <v>9515</v>
      </c>
      <c r="C15323" t="s">
        <v>9382</v>
      </c>
      <c r="D15323" t="s">
        <v>9383</v>
      </c>
      <c r="E15323" t="s">
        <v>9202</v>
      </c>
      <c r="F15323" t="s">
        <v>9203</v>
      </c>
      <c r="G15323" t="s">
        <v>80</v>
      </c>
      <c r="H15323" t="s">
        <v>81</v>
      </c>
      <c r="I15323" s="2">
        <v>0</v>
      </c>
      <c r="J15323" s="2">
        <v>1</v>
      </c>
      <c r="K15323" s="2">
        <v>0</v>
      </c>
      <c r="L15323" t="s">
        <v>82</v>
      </c>
      <c r="M15323" t="s">
        <v>87</v>
      </c>
      <c r="N15323" t="s">
        <v>88</v>
      </c>
      <c r="O15323" t="s">
        <v>85</v>
      </c>
      <c r="P15323" t="s">
        <v>86</v>
      </c>
      <c r="Q15323">
        <v>53</v>
      </c>
      <c r="R15323">
        <v>54</v>
      </c>
      <c r="S15323">
        <v>55</v>
      </c>
      <c r="T15323">
        <v>55</v>
      </c>
      <c r="U15323">
        <v>56</v>
      </c>
      <c r="V15323">
        <v>57</v>
      </c>
      <c r="W15323">
        <v>58</v>
      </c>
      <c r="X15323">
        <v>59</v>
      </c>
      <c r="Y15323">
        <v>59</v>
      </c>
      <c r="Z15323">
        <v>60</v>
      </c>
      <c r="AA15323">
        <v>61</v>
      </c>
      <c r="AB15323">
        <v>62</v>
      </c>
      <c r="AC15323">
        <v>63</v>
      </c>
      <c r="AD15323">
        <v>63</v>
      </c>
      <c r="AE15323">
        <v>64</v>
      </c>
      <c r="AF15323">
        <v>65</v>
      </c>
      <c r="AG15323">
        <v>66</v>
      </c>
      <c r="AH15323">
        <v>67</v>
      </c>
      <c r="AI15323">
        <v>68</v>
      </c>
      <c r="AJ15323">
        <v>69</v>
      </c>
      <c r="AK15323">
        <v>69</v>
      </c>
      <c r="AL15323">
        <v>70</v>
      </c>
      <c r="AM15323">
        <v>71</v>
      </c>
      <c r="AN15323">
        <v>72</v>
      </c>
      <c r="AO15323">
        <v>73</v>
      </c>
      <c r="AP15323">
        <v>74</v>
      </c>
      <c r="AQ15323">
        <v>75</v>
      </c>
    </row>
    <row r="15324" spans="1:43">
      <c r="A15324" t="s">
        <v>9514</v>
      </c>
      <c r="B15324" t="s">
        <v>9515</v>
      </c>
      <c r="C15324" t="s">
        <v>9382</v>
      </c>
      <c r="D15324" t="s">
        <v>9383</v>
      </c>
      <c r="E15324" t="s">
        <v>9202</v>
      </c>
      <c r="F15324" t="s">
        <v>9203</v>
      </c>
      <c r="G15324" t="s">
        <v>80</v>
      </c>
      <c r="H15324" t="s">
        <v>81</v>
      </c>
      <c r="I15324" s="2">
        <v>0</v>
      </c>
      <c r="J15324" s="2">
        <v>1</v>
      </c>
      <c r="K15324" s="2">
        <v>0</v>
      </c>
      <c r="L15324" t="s">
        <v>82</v>
      </c>
      <c r="M15324" t="s">
        <v>89</v>
      </c>
      <c r="N15324" t="s">
        <v>90</v>
      </c>
      <c r="O15324" t="s">
        <v>85</v>
      </c>
      <c r="P15324" t="s">
        <v>86</v>
      </c>
      <c r="Q15324">
        <v>53</v>
      </c>
      <c r="R15324">
        <v>55</v>
      </c>
      <c r="S15324">
        <v>57</v>
      </c>
      <c r="T15324">
        <v>58</v>
      </c>
      <c r="U15324">
        <v>60</v>
      </c>
      <c r="V15324">
        <v>62</v>
      </c>
      <c r="W15324">
        <v>64</v>
      </c>
      <c r="X15324">
        <v>65</v>
      </c>
      <c r="Y15324">
        <v>67</v>
      </c>
      <c r="Z15324">
        <v>69</v>
      </c>
      <c r="AA15324">
        <v>70</v>
      </c>
      <c r="AB15324">
        <v>72</v>
      </c>
      <c r="AC15324">
        <v>74</v>
      </c>
      <c r="AD15324">
        <v>75</v>
      </c>
      <c r="AE15324">
        <v>77</v>
      </c>
      <c r="AF15324">
        <v>78</v>
      </c>
      <c r="AG15324">
        <v>78</v>
      </c>
      <c r="AH15324">
        <v>79</v>
      </c>
      <c r="AI15324">
        <v>80</v>
      </c>
      <c r="AJ15324">
        <v>81</v>
      </c>
      <c r="AK15324">
        <v>81</v>
      </c>
      <c r="AL15324">
        <v>82</v>
      </c>
      <c r="AM15324">
        <v>83</v>
      </c>
      <c r="AN15324">
        <v>84</v>
      </c>
      <c r="AO15324">
        <v>84</v>
      </c>
      <c r="AP15324">
        <v>85</v>
      </c>
      <c r="AQ15324">
        <v>86</v>
      </c>
    </row>
    <row r="15325" spans="1:43">
      <c r="A15325" t="s">
        <v>9514</v>
      </c>
      <c r="B15325" t="s">
        <v>9515</v>
      </c>
      <c r="C15325" t="s">
        <v>9382</v>
      </c>
      <c r="D15325" t="s">
        <v>9383</v>
      </c>
      <c r="E15325" t="s">
        <v>9202</v>
      </c>
      <c r="F15325" t="s">
        <v>9203</v>
      </c>
      <c r="G15325" t="s">
        <v>80</v>
      </c>
      <c r="H15325" t="s">
        <v>81</v>
      </c>
      <c r="I15325" s="2">
        <v>0</v>
      </c>
      <c r="J15325" s="2">
        <v>1</v>
      </c>
      <c r="K15325" s="2">
        <v>0</v>
      </c>
      <c r="L15325" t="s">
        <v>82</v>
      </c>
      <c r="M15325" t="s">
        <v>83</v>
      </c>
      <c r="N15325" t="s">
        <v>91</v>
      </c>
      <c r="O15325" t="s">
        <v>85</v>
      </c>
      <c r="P15325" t="s">
        <v>86</v>
      </c>
      <c r="Q15325">
        <v>53</v>
      </c>
      <c r="R15325">
        <v>54</v>
      </c>
      <c r="S15325">
        <v>55</v>
      </c>
      <c r="T15325">
        <v>56</v>
      </c>
      <c r="U15325">
        <v>58</v>
      </c>
      <c r="V15325">
        <v>59</v>
      </c>
      <c r="W15325">
        <v>60</v>
      </c>
      <c r="X15325">
        <v>62</v>
      </c>
      <c r="Y15325">
        <v>63</v>
      </c>
      <c r="Z15325">
        <v>65</v>
      </c>
      <c r="AA15325">
        <v>66</v>
      </c>
      <c r="AB15325">
        <v>67</v>
      </c>
      <c r="AC15325">
        <v>69</v>
      </c>
      <c r="AD15325">
        <v>70</v>
      </c>
      <c r="AE15325">
        <v>72</v>
      </c>
      <c r="AF15325">
        <v>73</v>
      </c>
      <c r="AG15325">
        <v>74</v>
      </c>
      <c r="AH15325">
        <v>76</v>
      </c>
      <c r="AI15325">
        <v>77</v>
      </c>
      <c r="AJ15325">
        <v>79</v>
      </c>
      <c r="AK15325">
        <v>80</v>
      </c>
      <c r="AL15325">
        <v>82</v>
      </c>
      <c r="AM15325">
        <v>82</v>
      </c>
      <c r="AN15325">
        <v>83</v>
      </c>
      <c r="AO15325">
        <v>84</v>
      </c>
      <c r="AP15325">
        <v>85</v>
      </c>
      <c r="AQ15325">
        <v>85</v>
      </c>
    </row>
    <row r="15326" spans="1:43">
      <c r="A15326" t="s">
        <v>9516</v>
      </c>
      <c r="B15326" t="s">
        <v>9517</v>
      </c>
      <c r="C15326" t="s">
        <v>9382</v>
      </c>
      <c r="D15326" t="s">
        <v>9383</v>
      </c>
      <c r="E15326" t="s">
        <v>9202</v>
      </c>
      <c r="F15326" t="s">
        <v>9203</v>
      </c>
      <c r="G15326" t="s">
        <v>80</v>
      </c>
      <c r="H15326" t="s">
        <v>81</v>
      </c>
      <c r="I15326" s="2">
        <v>0</v>
      </c>
      <c r="J15326" s="2">
        <v>1</v>
      </c>
      <c r="K15326" s="2">
        <v>0</v>
      </c>
      <c r="L15326" t="s">
        <v>82</v>
      </c>
      <c r="M15326" t="s">
        <v>83</v>
      </c>
      <c r="N15326" t="s">
        <v>84</v>
      </c>
      <c r="O15326" t="s">
        <v>85</v>
      </c>
      <c r="P15326" t="s">
        <v>86</v>
      </c>
      <c r="Q15326">
        <v>16</v>
      </c>
      <c r="R15326">
        <v>17</v>
      </c>
      <c r="S15326">
        <v>17</v>
      </c>
      <c r="T15326">
        <v>17</v>
      </c>
      <c r="U15326">
        <v>18</v>
      </c>
      <c r="V15326">
        <v>18</v>
      </c>
      <c r="W15326">
        <v>19</v>
      </c>
      <c r="X15326">
        <v>19</v>
      </c>
      <c r="Y15326">
        <v>19</v>
      </c>
      <c r="Z15326">
        <v>20</v>
      </c>
      <c r="AA15326">
        <v>20</v>
      </c>
      <c r="AB15326">
        <v>21</v>
      </c>
      <c r="AC15326">
        <v>21</v>
      </c>
      <c r="AD15326">
        <v>21</v>
      </c>
      <c r="AE15326">
        <v>22</v>
      </c>
      <c r="AF15326">
        <v>22</v>
      </c>
      <c r="AG15326">
        <v>23</v>
      </c>
      <c r="AH15326">
        <v>23</v>
      </c>
      <c r="AI15326">
        <v>24</v>
      </c>
      <c r="AJ15326">
        <v>24</v>
      </c>
      <c r="AK15326">
        <v>24</v>
      </c>
      <c r="AL15326">
        <v>25</v>
      </c>
      <c r="AM15326">
        <v>25</v>
      </c>
      <c r="AN15326">
        <v>25</v>
      </c>
      <c r="AO15326">
        <v>25</v>
      </c>
      <c r="AP15326">
        <v>26</v>
      </c>
      <c r="AQ15326">
        <v>26</v>
      </c>
    </row>
    <row r="15327" spans="1:43">
      <c r="A15327" t="s">
        <v>9516</v>
      </c>
      <c r="B15327" t="s">
        <v>9517</v>
      </c>
      <c r="C15327" t="s">
        <v>9382</v>
      </c>
      <c r="D15327" t="s">
        <v>9383</v>
      </c>
      <c r="E15327" t="s">
        <v>9202</v>
      </c>
      <c r="F15327" t="s">
        <v>9203</v>
      </c>
      <c r="G15327" t="s">
        <v>80</v>
      </c>
      <c r="H15327" t="s">
        <v>81</v>
      </c>
      <c r="I15327" s="2">
        <v>0</v>
      </c>
      <c r="J15327" s="2">
        <v>1</v>
      </c>
      <c r="K15327" s="2">
        <v>0</v>
      </c>
      <c r="L15327" t="s">
        <v>82</v>
      </c>
      <c r="M15327" t="s">
        <v>87</v>
      </c>
      <c r="N15327" t="s">
        <v>88</v>
      </c>
      <c r="O15327" t="s">
        <v>85</v>
      </c>
      <c r="P15327" t="s">
        <v>86</v>
      </c>
      <c r="Q15327">
        <v>16</v>
      </c>
      <c r="R15327">
        <v>16</v>
      </c>
      <c r="S15327">
        <v>17</v>
      </c>
      <c r="T15327">
        <v>17</v>
      </c>
      <c r="U15327">
        <v>17</v>
      </c>
      <c r="V15327">
        <v>17</v>
      </c>
      <c r="W15327">
        <v>17</v>
      </c>
      <c r="X15327">
        <v>18</v>
      </c>
      <c r="Y15327">
        <v>18</v>
      </c>
      <c r="Z15327">
        <v>18</v>
      </c>
      <c r="AA15327">
        <v>18</v>
      </c>
      <c r="AB15327">
        <v>19</v>
      </c>
      <c r="AC15327">
        <v>19</v>
      </c>
      <c r="AD15327">
        <v>19</v>
      </c>
      <c r="AE15327">
        <v>19</v>
      </c>
      <c r="AF15327">
        <v>20</v>
      </c>
      <c r="AG15327">
        <v>20</v>
      </c>
      <c r="AH15327">
        <v>20</v>
      </c>
      <c r="AI15327">
        <v>20</v>
      </c>
      <c r="AJ15327">
        <v>21</v>
      </c>
      <c r="AK15327">
        <v>21</v>
      </c>
      <c r="AL15327">
        <v>21</v>
      </c>
      <c r="AM15327">
        <v>21</v>
      </c>
      <c r="AN15327">
        <v>22</v>
      </c>
      <c r="AO15327">
        <v>22</v>
      </c>
      <c r="AP15327">
        <v>22</v>
      </c>
      <c r="AQ15327">
        <v>22</v>
      </c>
    </row>
    <row r="15328" spans="1:43">
      <c r="A15328" t="s">
        <v>9516</v>
      </c>
      <c r="B15328" t="s">
        <v>9517</v>
      </c>
      <c r="C15328" t="s">
        <v>9382</v>
      </c>
      <c r="D15328" t="s">
        <v>9383</v>
      </c>
      <c r="E15328" t="s">
        <v>9202</v>
      </c>
      <c r="F15328" t="s">
        <v>9203</v>
      </c>
      <c r="G15328" t="s">
        <v>80</v>
      </c>
      <c r="H15328" t="s">
        <v>81</v>
      </c>
      <c r="I15328" s="2">
        <v>0</v>
      </c>
      <c r="J15328" s="2">
        <v>1</v>
      </c>
      <c r="K15328" s="2">
        <v>0</v>
      </c>
      <c r="L15328" t="s">
        <v>82</v>
      </c>
      <c r="M15328" t="s">
        <v>89</v>
      </c>
      <c r="N15328" t="s">
        <v>90</v>
      </c>
      <c r="O15328" t="s">
        <v>85</v>
      </c>
      <c r="P15328" t="s">
        <v>86</v>
      </c>
      <c r="Q15328">
        <v>16</v>
      </c>
      <c r="R15328">
        <v>17</v>
      </c>
      <c r="S15328">
        <v>18</v>
      </c>
      <c r="T15328">
        <v>18</v>
      </c>
      <c r="U15328">
        <v>19</v>
      </c>
      <c r="V15328">
        <v>19</v>
      </c>
      <c r="W15328">
        <v>20</v>
      </c>
      <c r="X15328">
        <v>20</v>
      </c>
      <c r="Y15328">
        <v>21</v>
      </c>
      <c r="Z15328">
        <v>21</v>
      </c>
      <c r="AA15328">
        <v>22</v>
      </c>
      <c r="AB15328">
        <v>22</v>
      </c>
      <c r="AC15328">
        <v>23</v>
      </c>
      <c r="AD15328">
        <v>23</v>
      </c>
      <c r="AE15328">
        <v>23</v>
      </c>
      <c r="AF15328">
        <v>24</v>
      </c>
      <c r="AG15328">
        <v>24</v>
      </c>
      <c r="AH15328">
        <v>24</v>
      </c>
      <c r="AI15328">
        <v>24</v>
      </c>
      <c r="AJ15328">
        <v>24</v>
      </c>
      <c r="AK15328">
        <v>25</v>
      </c>
      <c r="AL15328">
        <v>25</v>
      </c>
      <c r="AM15328">
        <v>25</v>
      </c>
      <c r="AN15328">
        <v>25</v>
      </c>
      <c r="AO15328">
        <v>25</v>
      </c>
      <c r="AP15328">
        <v>26</v>
      </c>
      <c r="AQ15328">
        <v>26</v>
      </c>
    </row>
    <row r="15329" spans="1:43">
      <c r="A15329" t="s">
        <v>9516</v>
      </c>
      <c r="B15329" t="s">
        <v>9517</v>
      </c>
      <c r="C15329" t="s">
        <v>9382</v>
      </c>
      <c r="D15329" t="s">
        <v>9383</v>
      </c>
      <c r="E15329" t="s">
        <v>9202</v>
      </c>
      <c r="F15329" t="s">
        <v>9203</v>
      </c>
      <c r="G15329" t="s">
        <v>80</v>
      </c>
      <c r="H15329" t="s">
        <v>81</v>
      </c>
      <c r="I15329" s="2">
        <v>0</v>
      </c>
      <c r="J15329" s="2">
        <v>1</v>
      </c>
      <c r="K15329" s="2">
        <v>0</v>
      </c>
      <c r="L15329" t="s">
        <v>82</v>
      </c>
      <c r="M15329" t="s">
        <v>83</v>
      </c>
      <c r="N15329" t="s">
        <v>91</v>
      </c>
      <c r="O15329" t="s">
        <v>85</v>
      </c>
      <c r="P15329" t="s">
        <v>86</v>
      </c>
      <c r="Q15329">
        <v>16</v>
      </c>
      <c r="R15329">
        <v>17</v>
      </c>
      <c r="S15329">
        <v>17</v>
      </c>
      <c r="T15329">
        <v>17</v>
      </c>
      <c r="U15329">
        <v>18</v>
      </c>
      <c r="V15329">
        <v>18</v>
      </c>
      <c r="W15329">
        <v>19</v>
      </c>
      <c r="X15329">
        <v>19</v>
      </c>
      <c r="Y15329">
        <v>19</v>
      </c>
      <c r="Z15329">
        <v>20</v>
      </c>
      <c r="AA15329">
        <v>20</v>
      </c>
      <c r="AB15329">
        <v>21</v>
      </c>
      <c r="AC15329">
        <v>21</v>
      </c>
      <c r="AD15329">
        <v>21</v>
      </c>
      <c r="AE15329">
        <v>22</v>
      </c>
      <c r="AF15329">
        <v>22</v>
      </c>
      <c r="AG15329">
        <v>23</v>
      </c>
      <c r="AH15329">
        <v>23</v>
      </c>
      <c r="AI15329">
        <v>24</v>
      </c>
      <c r="AJ15329">
        <v>24</v>
      </c>
      <c r="AK15329">
        <v>24</v>
      </c>
      <c r="AL15329">
        <v>25</v>
      </c>
      <c r="AM15329">
        <v>25</v>
      </c>
      <c r="AN15329">
        <v>25</v>
      </c>
      <c r="AO15329">
        <v>25</v>
      </c>
      <c r="AP15329">
        <v>26</v>
      </c>
      <c r="AQ15329">
        <v>26</v>
      </c>
    </row>
    <row r="15330" spans="1:43">
      <c r="A15330" t="s">
        <v>9518</v>
      </c>
      <c r="B15330" t="s">
        <v>9519</v>
      </c>
      <c r="C15330" t="s">
        <v>9240</v>
      </c>
      <c r="D15330" t="s">
        <v>9241</v>
      </c>
      <c r="E15330" t="s">
        <v>9202</v>
      </c>
      <c r="F15330" t="s">
        <v>9203</v>
      </c>
      <c r="G15330" t="s">
        <v>80</v>
      </c>
      <c r="H15330" t="s">
        <v>81</v>
      </c>
      <c r="I15330" s="2">
        <v>0</v>
      </c>
      <c r="J15330" s="2">
        <v>1</v>
      </c>
      <c r="K15330" s="2">
        <v>0</v>
      </c>
      <c r="L15330" t="s">
        <v>82</v>
      </c>
      <c r="M15330" t="s">
        <v>83</v>
      </c>
      <c r="N15330" t="s">
        <v>84</v>
      </c>
      <c r="O15330" t="s">
        <v>85</v>
      </c>
      <c r="P15330" t="s">
        <v>86</v>
      </c>
      <c r="Q15330">
        <v>50</v>
      </c>
      <c r="R15330">
        <v>52</v>
      </c>
      <c r="S15330">
        <v>53</v>
      </c>
      <c r="T15330">
        <v>54</v>
      </c>
      <c r="U15330">
        <v>55</v>
      </c>
      <c r="V15330">
        <v>57</v>
      </c>
      <c r="W15330">
        <v>58</v>
      </c>
      <c r="X15330">
        <v>59</v>
      </c>
      <c r="Y15330">
        <v>60</v>
      </c>
      <c r="Z15330">
        <v>62</v>
      </c>
      <c r="AA15330">
        <v>63</v>
      </c>
      <c r="AB15330">
        <v>64</v>
      </c>
      <c r="AC15330">
        <v>66</v>
      </c>
      <c r="AD15330">
        <v>67</v>
      </c>
      <c r="AE15330">
        <v>68</v>
      </c>
      <c r="AF15330">
        <v>70</v>
      </c>
      <c r="AG15330">
        <v>71</v>
      </c>
      <c r="AH15330">
        <v>73</v>
      </c>
      <c r="AI15330">
        <v>74</v>
      </c>
      <c r="AJ15330">
        <v>76</v>
      </c>
      <c r="AK15330">
        <v>77</v>
      </c>
      <c r="AL15330">
        <v>78</v>
      </c>
      <c r="AM15330">
        <v>79</v>
      </c>
      <c r="AN15330">
        <v>80</v>
      </c>
      <c r="AO15330">
        <v>80</v>
      </c>
      <c r="AP15330">
        <v>81</v>
      </c>
      <c r="AQ15330">
        <v>82</v>
      </c>
    </row>
    <row r="15331" spans="1:43">
      <c r="A15331" t="s">
        <v>9518</v>
      </c>
      <c r="B15331" t="s">
        <v>9519</v>
      </c>
      <c r="C15331" t="s">
        <v>9240</v>
      </c>
      <c r="D15331" t="s">
        <v>9241</v>
      </c>
      <c r="E15331" t="s">
        <v>9202</v>
      </c>
      <c r="F15331" t="s">
        <v>9203</v>
      </c>
      <c r="G15331" t="s">
        <v>80</v>
      </c>
      <c r="H15331" t="s">
        <v>81</v>
      </c>
      <c r="I15331" s="2">
        <v>0</v>
      </c>
      <c r="J15331" s="2">
        <v>1</v>
      </c>
      <c r="K15331" s="2">
        <v>0</v>
      </c>
      <c r="L15331" t="s">
        <v>82</v>
      </c>
      <c r="M15331" t="s">
        <v>87</v>
      </c>
      <c r="N15331" t="s">
        <v>88</v>
      </c>
      <c r="O15331" t="s">
        <v>85</v>
      </c>
      <c r="P15331" t="s">
        <v>86</v>
      </c>
      <c r="Q15331">
        <v>50</v>
      </c>
      <c r="R15331">
        <v>51</v>
      </c>
      <c r="S15331">
        <v>51</v>
      </c>
      <c r="T15331">
        <v>52</v>
      </c>
      <c r="U15331">
        <v>53</v>
      </c>
      <c r="V15331">
        <v>54</v>
      </c>
      <c r="W15331">
        <v>54</v>
      </c>
      <c r="X15331">
        <v>55</v>
      </c>
      <c r="Y15331">
        <v>56</v>
      </c>
      <c r="Z15331">
        <v>57</v>
      </c>
      <c r="AA15331">
        <v>57</v>
      </c>
      <c r="AB15331">
        <v>58</v>
      </c>
      <c r="AC15331">
        <v>59</v>
      </c>
      <c r="AD15331">
        <v>60</v>
      </c>
      <c r="AE15331">
        <v>61</v>
      </c>
      <c r="AF15331">
        <v>61</v>
      </c>
      <c r="AG15331">
        <v>62</v>
      </c>
      <c r="AH15331">
        <v>63</v>
      </c>
      <c r="AI15331">
        <v>64</v>
      </c>
      <c r="AJ15331">
        <v>65</v>
      </c>
      <c r="AK15331">
        <v>66</v>
      </c>
      <c r="AL15331">
        <v>66</v>
      </c>
      <c r="AM15331">
        <v>67</v>
      </c>
      <c r="AN15331">
        <v>68</v>
      </c>
      <c r="AO15331">
        <v>69</v>
      </c>
      <c r="AP15331">
        <v>70</v>
      </c>
      <c r="AQ15331">
        <v>71</v>
      </c>
    </row>
    <row r="15332" spans="1:43">
      <c r="A15332" t="s">
        <v>9518</v>
      </c>
      <c r="B15332" t="s">
        <v>9519</v>
      </c>
      <c r="C15332" t="s">
        <v>9240</v>
      </c>
      <c r="D15332" t="s">
        <v>9241</v>
      </c>
      <c r="E15332" t="s">
        <v>9202</v>
      </c>
      <c r="F15332" t="s">
        <v>9203</v>
      </c>
      <c r="G15332" t="s">
        <v>80</v>
      </c>
      <c r="H15332" t="s">
        <v>81</v>
      </c>
      <c r="I15332" s="2">
        <v>0</v>
      </c>
      <c r="J15332" s="2">
        <v>1</v>
      </c>
      <c r="K15332" s="2">
        <v>0</v>
      </c>
      <c r="L15332" t="s">
        <v>82</v>
      </c>
      <c r="M15332" t="s">
        <v>89</v>
      </c>
      <c r="N15332" t="s">
        <v>90</v>
      </c>
      <c r="O15332" t="s">
        <v>85</v>
      </c>
      <c r="P15332" t="s">
        <v>86</v>
      </c>
      <c r="Q15332">
        <v>50</v>
      </c>
      <c r="R15332">
        <v>51</v>
      </c>
      <c r="S15332">
        <v>53</v>
      </c>
      <c r="T15332">
        <v>55</v>
      </c>
      <c r="U15332">
        <v>56</v>
      </c>
      <c r="V15332">
        <v>58</v>
      </c>
      <c r="W15332">
        <v>60</v>
      </c>
      <c r="X15332">
        <v>61</v>
      </c>
      <c r="Y15332">
        <v>63</v>
      </c>
      <c r="Z15332">
        <v>65</v>
      </c>
      <c r="AA15332">
        <v>66</v>
      </c>
      <c r="AB15332">
        <v>68</v>
      </c>
      <c r="AC15332">
        <v>70</v>
      </c>
      <c r="AD15332">
        <v>71</v>
      </c>
      <c r="AE15332">
        <v>73</v>
      </c>
      <c r="AF15332">
        <v>73</v>
      </c>
      <c r="AG15332">
        <v>74</v>
      </c>
      <c r="AH15332">
        <v>75</v>
      </c>
      <c r="AI15332">
        <v>75</v>
      </c>
      <c r="AJ15332">
        <v>76</v>
      </c>
      <c r="AK15332">
        <v>77</v>
      </c>
      <c r="AL15332">
        <v>78</v>
      </c>
      <c r="AM15332">
        <v>78</v>
      </c>
      <c r="AN15332">
        <v>79</v>
      </c>
      <c r="AO15332">
        <v>80</v>
      </c>
      <c r="AP15332">
        <v>81</v>
      </c>
      <c r="AQ15332">
        <v>81</v>
      </c>
    </row>
    <row r="15333" spans="1:43">
      <c r="A15333" t="s">
        <v>9518</v>
      </c>
      <c r="B15333" t="s">
        <v>9519</v>
      </c>
      <c r="C15333" t="s">
        <v>9240</v>
      </c>
      <c r="D15333" t="s">
        <v>9241</v>
      </c>
      <c r="E15333" t="s">
        <v>9202</v>
      </c>
      <c r="F15333" t="s">
        <v>9203</v>
      </c>
      <c r="G15333" t="s">
        <v>80</v>
      </c>
      <c r="H15333" t="s">
        <v>81</v>
      </c>
      <c r="I15333" s="2">
        <v>0</v>
      </c>
      <c r="J15333" s="2">
        <v>1</v>
      </c>
      <c r="K15333" s="2">
        <v>0</v>
      </c>
      <c r="L15333" t="s">
        <v>82</v>
      </c>
      <c r="M15333" t="s">
        <v>83</v>
      </c>
      <c r="N15333" t="s">
        <v>91</v>
      </c>
      <c r="O15333" t="s">
        <v>85</v>
      </c>
      <c r="P15333" t="s">
        <v>86</v>
      </c>
      <c r="Q15333">
        <v>50</v>
      </c>
      <c r="R15333">
        <v>52</v>
      </c>
      <c r="S15333">
        <v>53</v>
      </c>
      <c r="T15333">
        <v>54</v>
      </c>
      <c r="U15333">
        <v>55</v>
      </c>
      <c r="V15333">
        <v>57</v>
      </c>
      <c r="W15333">
        <v>58</v>
      </c>
      <c r="X15333">
        <v>59</v>
      </c>
      <c r="Y15333">
        <v>60</v>
      </c>
      <c r="Z15333">
        <v>62</v>
      </c>
      <c r="AA15333">
        <v>63</v>
      </c>
      <c r="AB15333">
        <v>64</v>
      </c>
      <c r="AC15333">
        <v>66</v>
      </c>
      <c r="AD15333">
        <v>67</v>
      </c>
      <c r="AE15333">
        <v>68</v>
      </c>
      <c r="AF15333">
        <v>70</v>
      </c>
      <c r="AG15333">
        <v>71</v>
      </c>
      <c r="AH15333">
        <v>73</v>
      </c>
      <c r="AI15333">
        <v>74</v>
      </c>
      <c r="AJ15333">
        <v>76</v>
      </c>
      <c r="AK15333">
        <v>77</v>
      </c>
      <c r="AL15333">
        <v>78</v>
      </c>
      <c r="AM15333">
        <v>79</v>
      </c>
      <c r="AN15333">
        <v>80</v>
      </c>
      <c r="AO15333">
        <v>80</v>
      </c>
      <c r="AP15333">
        <v>81</v>
      </c>
      <c r="AQ15333">
        <v>82</v>
      </c>
    </row>
    <row r="15334" spans="1:43">
      <c r="A15334" t="s">
        <v>9520</v>
      </c>
      <c r="B15334" t="s">
        <v>9521</v>
      </c>
      <c r="C15334" t="s">
        <v>9240</v>
      </c>
      <c r="D15334" t="s">
        <v>9241</v>
      </c>
      <c r="E15334" t="s">
        <v>9202</v>
      </c>
      <c r="F15334" t="s">
        <v>9203</v>
      </c>
      <c r="G15334" t="s">
        <v>80</v>
      </c>
      <c r="H15334" t="s">
        <v>81</v>
      </c>
      <c r="I15334" s="2">
        <v>0</v>
      </c>
      <c r="J15334" s="2">
        <v>1</v>
      </c>
      <c r="K15334" s="2">
        <v>0</v>
      </c>
      <c r="L15334" t="s">
        <v>82</v>
      </c>
      <c r="M15334" t="s">
        <v>83</v>
      </c>
      <c r="N15334" t="s">
        <v>84</v>
      </c>
      <c r="O15334" t="s">
        <v>85</v>
      </c>
      <c r="P15334" t="s">
        <v>86</v>
      </c>
      <c r="Q15334">
        <v>42</v>
      </c>
      <c r="R15334">
        <v>43</v>
      </c>
      <c r="S15334">
        <v>44</v>
      </c>
      <c r="T15334">
        <v>45</v>
      </c>
      <c r="U15334">
        <v>46</v>
      </c>
      <c r="V15334">
        <v>47</v>
      </c>
      <c r="W15334">
        <v>48</v>
      </c>
      <c r="X15334">
        <v>49</v>
      </c>
      <c r="Y15334">
        <v>51</v>
      </c>
      <c r="Z15334">
        <v>52</v>
      </c>
      <c r="AA15334">
        <v>53</v>
      </c>
      <c r="AB15334">
        <v>54</v>
      </c>
      <c r="AC15334">
        <v>55</v>
      </c>
      <c r="AD15334">
        <v>56</v>
      </c>
      <c r="AE15334">
        <v>57</v>
      </c>
      <c r="AF15334">
        <v>58</v>
      </c>
      <c r="AG15334">
        <v>60</v>
      </c>
      <c r="AH15334">
        <v>61</v>
      </c>
      <c r="AI15334">
        <v>62</v>
      </c>
      <c r="AJ15334">
        <v>63</v>
      </c>
      <c r="AK15334">
        <v>64</v>
      </c>
      <c r="AL15334">
        <v>65</v>
      </c>
      <c r="AM15334">
        <v>66</v>
      </c>
      <c r="AN15334">
        <v>67</v>
      </c>
      <c r="AO15334">
        <v>67</v>
      </c>
      <c r="AP15334">
        <v>68</v>
      </c>
      <c r="AQ15334">
        <v>68</v>
      </c>
    </row>
    <row r="15335" spans="1:43">
      <c r="A15335" t="s">
        <v>9520</v>
      </c>
      <c r="B15335" t="s">
        <v>9521</v>
      </c>
      <c r="C15335" t="s">
        <v>9240</v>
      </c>
      <c r="D15335" t="s">
        <v>9241</v>
      </c>
      <c r="E15335" t="s">
        <v>9202</v>
      </c>
      <c r="F15335" t="s">
        <v>9203</v>
      </c>
      <c r="G15335" t="s">
        <v>80</v>
      </c>
      <c r="H15335" t="s">
        <v>81</v>
      </c>
      <c r="I15335" s="2">
        <v>0</v>
      </c>
      <c r="J15335" s="2">
        <v>1</v>
      </c>
      <c r="K15335" s="2">
        <v>0</v>
      </c>
      <c r="L15335" t="s">
        <v>82</v>
      </c>
      <c r="M15335" t="s">
        <v>87</v>
      </c>
      <c r="N15335" t="s">
        <v>88</v>
      </c>
      <c r="O15335" t="s">
        <v>85</v>
      </c>
      <c r="P15335" t="s">
        <v>86</v>
      </c>
      <c r="Q15335">
        <v>42</v>
      </c>
      <c r="R15335">
        <v>42</v>
      </c>
      <c r="S15335">
        <v>43</v>
      </c>
      <c r="T15335">
        <v>44</v>
      </c>
      <c r="U15335">
        <v>44</v>
      </c>
      <c r="V15335">
        <v>45</v>
      </c>
      <c r="W15335">
        <v>45</v>
      </c>
      <c r="X15335">
        <v>46</v>
      </c>
      <c r="Y15335">
        <v>47</v>
      </c>
      <c r="Z15335">
        <v>47</v>
      </c>
      <c r="AA15335">
        <v>48</v>
      </c>
      <c r="AB15335">
        <v>49</v>
      </c>
      <c r="AC15335">
        <v>49</v>
      </c>
      <c r="AD15335">
        <v>50</v>
      </c>
      <c r="AE15335">
        <v>51</v>
      </c>
      <c r="AF15335">
        <v>51</v>
      </c>
      <c r="AG15335">
        <v>52</v>
      </c>
      <c r="AH15335">
        <v>53</v>
      </c>
      <c r="AI15335">
        <v>53</v>
      </c>
      <c r="AJ15335">
        <v>54</v>
      </c>
      <c r="AK15335">
        <v>55</v>
      </c>
      <c r="AL15335">
        <v>56</v>
      </c>
      <c r="AM15335">
        <v>56</v>
      </c>
      <c r="AN15335">
        <v>57</v>
      </c>
      <c r="AO15335">
        <v>58</v>
      </c>
      <c r="AP15335">
        <v>58</v>
      </c>
      <c r="AQ15335">
        <v>59</v>
      </c>
    </row>
    <row r="15336" spans="1:43">
      <c r="A15336" t="s">
        <v>9520</v>
      </c>
      <c r="B15336" t="s">
        <v>9521</v>
      </c>
      <c r="C15336" t="s">
        <v>9240</v>
      </c>
      <c r="D15336" t="s">
        <v>9241</v>
      </c>
      <c r="E15336" t="s">
        <v>9202</v>
      </c>
      <c r="F15336" t="s">
        <v>9203</v>
      </c>
      <c r="G15336" t="s">
        <v>80</v>
      </c>
      <c r="H15336" t="s">
        <v>81</v>
      </c>
      <c r="I15336" s="2">
        <v>0</v>
      </c>
      <c r="J15336" s="2">
        <v>1</v>
      </c>
      <c r="K15336" s="2">
        <v>0</v>
      </c>
      <c r="L15336" t="s">
        <v>82</v>
      </c>
      <c r="M15336" t="s">
        <v>89</v>
      </c>
      <c r="N15336" t="s">
        <v>90</v>
      </c>
      <c r="O15336" t="s">
        <v>85</v>
      </c>
      <c r="P15336" t="s">
        <v>86</v>
      </c>
      <c r="Q15336">
        <v>42</v>
      </c>
      <c r="R15336">
        <v>43</v>
      </c>
      <c r="S15336">
        <v>44</v>
      </c>
      <c r="T15336">
        <v>46</v>
      </c>
      <c r="U15336">
        <v>47</v>
      </c>
      <c r="V15336">
        <v>49</v>
      </c>
      <c r="W15336">
        <v>50</v>
      </c>
      <c r="X15336">
        <v>51</v>
      </c>
      <c r="Y15336">
        <v>53</v>
      </c>
      <c r="Z15336">
        <v>54</v>
      </c>
      <c r="AA15336">
        <v>55</v>
      </c>
      <c r="AB15336">
        <v>57</v>
      </c>
      <c r="AC15336">
        <v>58</v>
      </c>
      <c r="AD15336">
        <v>59</v>
      </c>
      <c r="AE15336">
        <v>61</v>
      </c>
      <c r="AF15336">
        <v>61</v>
      </c>
      <c r="AG15336">
        <v>62</v>
      </c>
      <c r="AH15336">
        <v>62</v>
      </c>
      <c r="AI15336">
        <v>63</v>
      </c>
      <c r="AJ15336">
        <v>64</v>
      </c>
      <c r="AK15336">
        <v>64</v>
      </c>
      <c r="AL15336">
        <v>65</v>
      </c>
      <c r="AM15336">
        <v>65</v>
      </c>
      <c r="AN15336">
        <v>66</v>
      </c>
      <c r="AO15336">
        <v>67</v>
      </c>
      <c r="AP15336">
        <v>67</v>
      </c>
      <c r="AQ15336">
        <v>68</v>
      </c>
    </row>
    <row r="15337" spans="1:43">
      <c r="A15337" t="s">
        <v>9520</v>
      </c>
      <c r="B15337" t="s">
        <v>9521</v>
      </c>
      <c r="C15337" t="s">
        <v>9240</v>
      </c>
      <c r="D15337" t="s">
        <v>9241</v>
      </c>
      <c r="E15337" t="s">
        <v>9202</v>
      </c>
      <c r="F15337" t="s">
        <v>9203</v>
      </c>
      <c r="G15337" t="s">
        <v>80</v>
      </c>
      <c r="H15337" t="s">
        <v>81</v>
      </c>
      <c r="I15337" s="2">
        <v>0</v>
      </c>
      <c r="J15337" s="2">
        <v>1</v>
      </c>
      <c r="K15337" s="2">
        <v>0</v>
      </c>
      <c r="L15337" t="s">
        <v>82</v>
      </c>
      <c r="M15337" t="s">
        <v>83</v>
      </c>
      <c r="N15337" t="s">
        <v>91</v>
      </c>
      <c r="O15337" t="s">
        <v>85</v>
      </c>
      <c r="P15337" t="s">
        <v>86</v>
      </c>
      <c r="Q15337">
        <v>42</v>
      </c>
      <c r="R15337">
        <v>43</v>
      </c>
      <c r="S15337">
        <v>44</v>
      </c>
      <c r="T15337">
        <v>45</v>
      </c>
      <c r="U15337">
        <v>46</v>
      </c>
      <c r="V15337">
        <v>47</v>
      </c>
      <c r="W15337">
        <v>48</v>
      </c>
      <c r="X15337">
        <v>49</v>
      </c>
      <c r="Y15337">
        <v>51</v>
      </c>
      <c r="Z15337">
        <v>52</v>
      </c>
      <c r="AA15337">
        <v>53</v>
      </c>
      <c r="AB15337">
        <v>54</v>
      </c>
      <c r="AC15337">
        <v>55</v>
      </c>
      <c r="AD15337">
        <v>56</v>
      </c>
      <c r="AE15337">
        <v>57</v>
      </c>
      <c r="AF15337">
        <v>58</v>
      </c>
      <c r="AG15337">
        <v>60</v>
      </c>
      <c r="AH15337">
        <v>61</v>
      </c>
      <c r="AI15337">
        <v>62</v>
      </c>
      <c r="AJ15337">
        <v>63</v>
      </c>
      <c r="AK15337">
        <v>64</v>
      </c>
      <c r="AL15337">
        <v>65</v>
      </c>
      <c r="AM15337">
        <v>66</v>
      </c>
      <c r="AN15337">
        <v>67</v>
      </c>
      <c r="AO15337">
        <v>67</v>
      </c>
      <c r="AP15337">
        <v>68</v>
      </c>
      <c r="AQ15337">
        <v>68</v>
      </c>
    </row>
    <row r="15338" spans="1:43">
      <c r="A15338" t="s">
        <v>9522</v>
      </c>
      <c r="B15338" t="s">
        <v>9523</v>
      </c>
      <c r="C15338" t="s">
        <v>9382</v>
      </c>
      <c r="D15338" t="s">
        <v>9383</v>
      </c>
      <c r="E15338" t="s">
        <v>9202</v>
      </c>
      <c r="F15338" t="s">
        <v>9203</v>
      </c>
      <c r="G15338" t="s">
        <v>80</v>
      </c>
      <c r="H15338" t="s">
        <v>81</v>
      </c>
      <c r="I15338" s="2">
        <v>0</v>
      </c>
      <c r="J15338" s="2">
        <v>1</v>
      </c>
      <c r="K15338" s="2">
        <v>0</v>
      </c>
      <c r="L15338" t="s">
        <v>82</v>
      </c>
      <c r="M15338" t="s">
        <v>83</v>
      </c>
      <c r="N15338" t="s">
        <v>84</v>
      </c>
      <c r="O15338" t="s">
        <v>85</v>
      </c>
      <c r="P15338" t="s">
        <v>86</v>
      </c>
      <c r="Q15338">
        <v>9</v>
      </c>
      <c r="R15338">
        <v>9</v>
      </c>
      <c r="S15338">
        <v>9</v>
      </c>
      <c r="T15338">
        <v>10</v>
      </c>
      <c r="U15338">
        <v>10</v>
      </c>
      <c r="V15338">
        <v>10</v>
      </c>
      <c r="W15338">
        <v>10</v>
      </c>
      <c r="X15338">
        <v>10</v>
      </c>
      <c r="Y15338">
        <v>11</v>
      </c>
      <c r="Z15338">
        <v>11</v>
      </c>
      <c r="AA15338">
        <v>11</v>
      </c>
      <c r="AB15338">
        <v>11</v>
      </c>
      <c r="AC15338">
        <v>12</v>
      </c>
      <c r="AD15338">
        <v>12</v>
      </c>
      <c r="AE15338">
        <v>12</v>
      </c>
      <c r="AF15338">
        <v>12</v>
      </c>
      <c r="AG15338">
        <v>13</v>
      </c>
      <c r="AH15338">
        <v>13</v>
      </c>
      <c r="AI15338">
        <v>13</v>
      </c>
      <c r="AJ15338">
        <v>13</v>
      </c>
      <c r="AK15338">
        <v>14</v>
      </c>
      <c r="AL15338">
        <v>14</v>
      </c>
      <c r="AM15338">
        <v>14</v>
      </c>
      <c r="AN15338">
        <v>14</v>
      </c>
      <c r="AO15338">
        <v>14</v>
      </c>
      <c r="AP15338">
        <v>14</v>
      </c>
      <c r="AQ15338">
        <v>15</v>
      </c>
    </row>
    <row r="15339" spans="1:43">
      <c r="A15339" t="s">
        <v>9522</v>
      </c>
      <c r="B15339" t="s">
        <v>9523</v>
      </c>
      <c r="C15339" t="s">
        <v>9382</v>
      </c>
      <c r="D15339" t="s">
        <v>9383</v>
      </c>
      <c r="E15339" t="s">
        <v>9202</v>
      </c>
      <c r="F15339" t="s">
        <v>9203</v>
      </c>
      <c r="G15339" t="s">
        <v>80</v>
      </c>
      <c r="H15339" t="s">
        <v>81</v>
      </c>
      <c r="I15339" s="2">
        <v>0</v>
      </c>
      <c r="J15339" s="2">
        <v>1</v>
      </c>
      <c r="K15339" s="2">
        <v>0</v>
      </c>
      <c r="L15339" t="s">
        <v>82</v>
      </c>
      <c r="M15339" t="s">
        <v>87</v>
      </c>
      <c r="N15339" t="s">
        <v>88</v>
      </c>
      <c r="O15339" t="s">
        <v>85</v>
      </c>
      <c r="P15339" t="s">
        <v>86</v>
      </c>
      <c r="Q15339">
        <v>9</v>
      </c>
      <c r="R15339">
        <v>9</v>
      </c>
      <c r="S15339">
        <v>9</v>
      </c>
      <c r="T15339">
        <v>9</v>
      </c>
      <c r="U15339">
        <v>9</v>
      </c>
      <c r="V15339">
        <v>10</v>
      </c>
      <c r="W15339">
        <v>10</v>
      </c>
      <c r="X15339">
        <v>10</v>
      </c>
      <c r="Y15339">
        <v>10</v>
      </c>
      <c r="Z15339">
        <v>10</v>
      </c>
      <c r="AA15339">
        <v>10</v>
      </c>
      <c r="AB15339">
        <v>10</v>
      </c>
      <c r="AC15339">
        <v>10</v>
      </c>
      <c r="AD15339">
        <v>11</v>
      </c>
      <c r="AE15339">
        <v>11</v>
      </c>
      <c r="AF15339">
        <v>11</v>
      </c>
      <c r="AG15339">
        <v>11</v>
      </c>
      <c r="AH15339">
        <v>11</v>
      </c>
      <c r="AI15339">
        <v>11</v>
      </c>
      <c r="AJ15339">
        <v>11</v>
      </c>
      <c r="AK15339">
        <v>12</v>
      </c>
      <c r="AL15339">
        <v>12</v>
      </c>
      <c r="AM15339">
        <v>12</v>
      </c>
      <c r="AN15339">
        <v>12</v>
      </c>
      <c r="AO15339">
        <v>12</v>
      </c>
      <c r="AP15339">
        <v>12</v>
      </c>
      <c r="AQ15339">
        <v>13</v>
      </c>
    </row>
    <row r="15340" spans="1:43">
      <c r="A15340" t="s">
        <v>9522</v>
      </c>
      <c r="B15340" t="s">
        <v>9523</v>
      </c>
      <c r="C15340" t="s">
        <v>9382</v>
      </c>
      <c r="D15340" t="s">
        <v>9383</v>
      </c>
      <c r="E15340" t="s">
        <v>9202</v>
      </c>
      <c r="F15340" t="s">
        <v>9203</v>
      </c>
      <c r="G15340" t="s">
        <v>80</v>
      </c>
      <c r="H15340" t="s">
        <v>81</v>
      </c>
      <c r="I15340" s="2">
        <v>0</v>
      </c>
      <c r="J15340" s="2">
        <v>1</v>
      </c>
      <c r="K15340" s="2">
        <v>0</v>
      </c>
      <c r="L15340" t="s">
        <v>82</v>
      </c>
      <c r="M15340" t="s">
        <v>89</v>
      </c>
      <c r="N15340" t="s">
        <v>90</v>
      </c>
      <c r="O15340" t="s">
        <v>85</v>
      </c>
      <c r="P15340" t="s">
        <v>86</v>
      </c>
      <c r="Q15340">
        <v>9</v>
      </c>
      <c r="R15340">
        <v>9</v>
      </c>
      <c r="S15340">
        <v>10</v>
      </c>
      <c r="T15340">
        <v>10</v>
      </c>
      <c r="U15340">
        <v>10</v>
      </c>
      <c r="V15340">
        <v>11</v>
      </c>
      <c r="W15340">
        <v>11</v>
      </c>
      <c r="X15340">
        <v>11</v>
      </c>
      <c r="Y15340">
        <v>11</v>
      </c>
      <c r="Z15340">
        <v>12</v>
      </c>
      <c r="AA15340">
        <v>12</v>
      </c>
      <c r="AB15340">
        <v>12</v>
      </c>
      <c r="AC15340">
        <v>13</v>
      </c>
      <c r="AD15340">
        <v>13</v>
      </c>
      <c r="AE15340">
        <v>13</v>
      </c>
      <c r="AF15340">
        <v>13</v>
      </c>
      <c r="AG15340">
        <v>13</v>
      </c>
      <c r="AH15340">
        <v>13</v>
      </c>
      <c r="AI15340">
        <v>14</v>
      </c>
      <c r="AJ15340">
        <v>14</v>
      </c>
      <c r="AK15340">
        <v>14</v>
      </c>
      <c r="AL15340">
        <v>14</v>
      </c>
      <c r="AM15340">
        <v>14</v>
      </c>
      <c r="AN15340">
        <v>14</v>
      </c>
      <c r="AO15340">
        <v>14</v>
      </c>
      <c r="AP15340">
        <v>14</v>
      </c>
      <c r="AQ15340">
        <v>15</v>
      </c>
    </row>
    <row r="15341" spans="1:43">
      <c r="A15341" t="s">
        <v>9522</v>
      </c>
      <c r="B15341" t="s">
        <v>9523</v>
      </c>
      <c r="C15341" t="s">
        <v>9382</v>
      </c>
      <c r="D15341" t="s">
        <v>9383</v>
      </c>
      <c r="E15341" t="s">
        <v>9202</v>
      </c>
      <c r="F15341" t="s">
        <v>9203</v>
      </c>
      <c r="G15341" t="s">
        <v>80</v>
      </c>
      <c r="H15341" t="s">
        <v>81</v>
      </c>
      <c r="I15341" s="2">
        <v>0</v>
      </c>
      <c r="J15341" s="2">
        <v>1</v>
      </c>
      <c r="K15341" s="2">
        <v>0</v>
      </c>
      <c r="L15341" t="s">
        <v>82</v>
      </c>
      <c r="M15341" t="s">
        <v>83</v>
      </c>
      <c r="N15341" t="s">
        <v>91</v>
      </c>
      <c r="O15341" t="s">
        <v>85</v>
      </c>
      <c r="P15341" t="s">
        <v>86</v>
      </c>
      <c r="Q15341">
        <v>9</v>
      </c>
      <c r="R15341">
        <v>9</v>
      </c>
      <c r="S15341">
        <v>9</v>
      </c>
      <c r="T15341">
        <v>10</v>
      </c>
      <c r="U15341">
        <v>10</v>
      </c>
      <c r="V15341">
        <v>10</v>
      </c>
      <c r="W15341">
        <v>10</v>
      </c>
      <c r="X15341">
        <v>10</v>
      </c>
      <c r="Y15341">
        <v>11</v>
      </c>
      <c r="Z15341">
        <v>11</v>
      </c>
      <c r="AA15341">
        <v>11</v>
      </c>
      <c r="AB15341">
        <v>11</v>
      </c>
      <c r="AC15341">
        <v>12</v>
      </c>
      <c r="AD15341">
        <v>12</v>
      </c>
      <c r="AE15341">
        <v>12</v>
      </c>
      <c r="AF15341">
        <v>12</v>
      </c>
      <c r="AG15341">
        <v>13</v>
      </c>
      <c r="AH15341">
        <v>13</v>
      </c>
      <c r="AI15341">
        <v>13</v>
      </c>
      <c r="AJ15341">
        <v>13</v>
      </c>
      <c r="AK15341">
        <v>14</v>
      </c>
      <c r="AL15341">
        <v>14</v>
      </c>
      <c r="AM15341">
        <v>14</v>
      </c>
      <c r="AN15341">
        <v>14</v>
      </c>
      <c r="AO15341">
        <v>14</v>
      </c>
      <c r="AP15341">
        <v>14</v>
      </c>
      <c r="AQ15341">
        <v>15</v>
      </c>
    </row>
    <row r="15342" spans="1:43">
      <c r="A15342" t="s">
        <v>9524</v>
      </c>
      <c r="B15342" t="s">
        <v>9525</v>
      </c>
      <c r="C15342" t="s">
        <v>9410</v>
      </c>
      <c r="D15342" t="s">
        <v>9411</v>
      </c>
      <c r="E15342" t="s">
        <v>9202</v>
      </c>
      <c r="F15342" t="s">
        <v>9203</v>
      </c>
      <c r="G15342" t="s">
        <v>80</v>
      </c>
      <c r="H15342" t="s">
        <v>81</v>
      </c>
      <c r="I15342" s="2">
        <v>0</v>
      </c>
      <c r="J15342" s="2">
        <v>1</v>
      </c>
      <c r="K15342" s="2">
        <v>0</v>
      </c>
      <c r="L15342" t="s">
        <v>82</v>
      </c>
      <c r="M15342" t="s">
        <v>83</v>
      </c>
      <c r="N15342" t="s">
        <v>84</v>
      </c>
      <c r="O15342" t="s">
        <v>85</v>
      </c>
      <c r="P15342" t="s">
        <v>86</v>
      </c>
      <c r="Q15342">
        <v>43</v>
      </c>
      <c r="R15342">
        <v>44</v>
      </c>
      <c r="S15342">
        <v>45</v>
      </c>
      <c r="T15342">
        <v>46</v>
      </c>
      <c r="U15342">
        <v>47</v>
      </c>
      <c r="V15342">
        <v>48</v>
      </c>
      <c r="W15342">
        <v>49</v>
      </c>
      <c r="X15342">
        <v>50</v>
      </c>
      <c r="Y15342">
        <v>51</v>
      </c>
      <c r="Z15342">
        <v>52</v>
      </c>
      <c r="AA15342">
        <v>53</v>
      </c>
      <c r="AB15342">
        <v>54</v>
      </c>
      <c r="AC15342">
        <v>56</v>
      </c>
      <c r="AD15342">
        <v>57</v>
      </c>
      <c r="AE15342">
        <v>58</v>
      </c>
      <c r="AF15342">
        <v>59</v>
      </c>
      <c r="AG15342">
        <v>60</v>
      </c>
      <c r="AH15342">
        <v>61</v>
      </c>
      <c r="AI15342">
        <v>63</v>
      </c>
      <c r="AJ15342">
        <v>64</v>
      </c>
      <c r="AK15342">
        <v>65</v>
      </c>
      <c r="AL15342">
        <v>66</v>
      </c>
      <c r="AM15342">
        <v>66</v>
      </c>
      <c r="AN15342">
        <v>67</v>
      </c>
      <c r="AO15342">
        <v>68</v>
      </c>
      <c r="AP15342">
        <v>68</v>
      </c>
      <c r="AQ15342">
        <v>69</v>
      </c>
    </row>
    <row r="15343" spans="1:43">
      <c r="A15343" t="s">
        <v>9524</v>
      </c>
      <c r="B15343" t="s">
        <v>9525</v>
      </c>
      <c r="C15343" t="s">
        <v>9410</v>
      </c>
      <c r="D15343" t="s">
        <v>9411</v>
      </c>
      <c r="E15343" t="s">
        <v>9202</v>
      </c>
      <c r="F15343" t="s">
        <v>9203</v>
      </c>
      <c r="G15343" t="s">
        <v>80</v>
      </c>
      <c r="H15343" t="s">
        <v>81</v>
      </c>
      <c r="I15343" s="2">
        <v>0</v>
      </c>
      <c r="J15343" s="2">
        <v>1</v>
      </c>
      <c r="K15343" s="2">
        <v>0</v>
      </c>
      <c r="L15343" t="s">
        <v>82</v>
      </c>
      <c r="M15343" t="s">
        <v>87</v>
      </c>
      <c r="N15343" t="s">
        <v>88</v>
      </c>
      <c r="O15343" t="s">
        <v>85</v>
      </c>
      <c r="P15343" t="s">
        <v>86</v>
      </c>
      <c r="Q15343">
        <v>43</v>
      </c>
      <c r="R15343">
        <v>44</v>
      </c>
      <c r="S15343">
        <v>44</v>
      </c>
      <c r="T15343">
        <v>45</v>
      </c>
      <c r="U15343">
        <v>46</v>
      </c>
      <c r="V15343">
        <v>46</v>
      </c>
      <c r="W15343">
        <v>47</v>
      </c>
      <c r="X15343">
        <v>48</v>
      </c>
      <c r="Y15343">
        <v>48</v>
      </c>
      <c r="Z15343">
        <v>49</v>
      </c>
      <c r="AA15343">
        <v>50</v>
      </c>
      <c r="AB15343">
        <v>50</v>
      </c>
      <c r="AC15343">
        <v>51</v>
      </c>
      <c r="AD15343">
        <v>52</v>
      </c>
      <c r="AE15343">
        <v>52</v>
      </c>
      <c r="AF15343">
        <v>53</v>
      </c>
      <c r="AG15343">
        <v>54</v>
      </c>
      <c r="AH15343">
        <v>54</v>
      </c>
      <c r="AI15343">
        <v>55</v>
      </c>
      <c r="AJ15343">
        <v>56</v>
      </c>
      <c r="AK15343">
        <v>56</v>
      </c>
      <c r="AL15343">
        <v>57</v>
      </c>
      <c r="AM15343">
        <v>58</v>
      </c>
      <c r="AN15343">
        <v>59</v>
      </c>
      <c r="AO15343">
        <v>59</v>
      </c>
      <c r="AP15343">
        <v>60</v>
      </c>
      <c r="AQ15343">
        <v>61</v>
      </c>
    </row>
    <row r="15344" spans="1:43">
      <c r="A15344" t="s">
        <v>9524</v>
      </c>
      <c r="B15344" t="s">
        <v>9525</v>
      </c>
      <c r="C15344" t="s">
        <v>9410</v>
      </c>
      <c r="D15344" t="s">
        <v>9411</v>
      </c>
      <c r="E15344" t="s">
        <v>9202</v>
      </c>
      <c r="F15344" t="s">
        <v>9203</v>
      </c>
      <c r="G15344" t="s">
        <v>80</v>
      </c>
      <c r="H15344" t="s">
        <v>81</v>
      </c>
      <c r="I15344" s="2">
        <v>0</v>
      </c>
      <c r="J15344" s="2">
        <v>1</v>
      </c>
      <c r="K15344" s="2">
        <v>0</v>
      </c>
      <c r="L15344" t="s">
        <v>82</v>
      </c>
      <c r="M15344" t="s">
        <v>89</v>
      </c>
      <c r="N15344" t="s">
        <v>90</v>
      </c>
      <c r="O15344" t="s">
        <v>85</v>
      </c>
      <c r="P15344" t="s">
        <v>86</v>
      </c>
      <c r="Q15344">
        <v>43</v>
      </c>
      <c r="R15344">
        <v>44</v>
      </c>
      <c r="S15344">
        <v>46</v>
      </c>
      <c r="T15344">
        <v>47</v>
      </c>
      <c r="U15344">
        <v>49</v>
      </c>
      <c r="V15344">
        <v>50</v>
      </c>
      <c r="W15344">
        <v>51</v>
      </c>
      <c r="X15344">
        <v>53</v>
      </c>
      <c r="Y15344">
        <v>54</v>
      </c>
      <c r="Z15344">
        <v>55</v>
      </c>
      <c r="AA15344">
        <v>57</v>
      </c>
      <c r="AB15344">
        <v>58</v>
      </c>
      <c r="AC15344">
        <v>60</v>
      </c>
      <c r="AD15344">
        <v>61</v>
      </c>
      <c r="AE15344">
        <v>62</v>
      </c>
      <c r="AF15344">
        <v>63</v>
      </c>
      <c r="AG15344">
        <v>63</v>
      </c>
      <c r="AH15344">
        <v>64</v>
      </c>
      <c r="AI15344">
        <v>65</v>
      </c>
      <c r="AJ15344">
        <v>65</v>
      </c>
      <c r="AK15344">
        <v>66</v>
      </c>
      <c r="AL15344">
        <v>66</v>
      </c>
      <c r="AM15344">
        <v>67</v>
      </c>
      <c r="AN15344">
        <v>68</v>
      </c>
      <c r="AO15344">
        <v>68</v>
      </c>
      <c r="AP15344">
        <v>69</v>
      </c>
      <c r="AQ15344">
        <v>70</v>
      </c>
    </row>
    <row r="15345" spans="1:43">
      <c r="A15345" t="s">
        <v>9524</v>
      </c>
      <c r="B15345" t="s">
        <v>9525</v>
      </c>
      <c r="C15345" t="s">
        <v>9410</v>
      </c>
      <c r="D15345" t="s">
        <v>9411</v>
      </c>
      <c r="E15345" t="s">
        <v>9202</v>
      </c>
      <c r="F15345" t="s">
        <v>9203</v>
      </c>
      <c r="G15345" t="s">
        <v>80</v>
      </c>
      <c r="H15345" t="s">
        <v>81</v>
      </c>
      <c r="I15345" s="2">
        <v>0</v>
      </c>
      <c r="J15345" s="2">
        <v>1</v>
      </c>
      <c r="K15345" s="2">
        <v>0</v>
      </c>
      <c r="L15345" t="s">
        <v>82</v>
      </c>
      <c r="M15345" t="s">
        <v>83</v>
      </c>
      <c r="N15345" t="s">
        <v>91</v>
      </c>
      <c r="O15345" t="s">
        <v>85</v>
      </c>
      <c r="P15345" t="s">
        <v>86</v>
      </c>
      <c r="Q15345">
        <v>43</v>
      </c>
      <c r="R15345">
        <v>44</v>
      </c>
      <c r="S15345">
        <v>45</v>
      </c>
      <c r="T15345">
        <v>46</v>
      </c>
      <c r="U15345">
        <v>47</v>
      </c>
      <c r="V15345">
        <v>48</v>
      </c>
      <c r="W15345">
        <v>49</v>
      </c>
      <c r="X15345">
        <v>50</v>
      </c>
      <c r="Y15345">
        <v>51</v>
      </c>
      <c r="Z15345">
        <v>52</v>
      </c>
      <c r="AA15345">
        <v>53</v>
      </c>
      <c r="AB15345">
        <v>54</v>
      </c>
      <c r="AC15345">
        <v>56</v>
      </c>
      <c r="AD15345">
        <v>57</v>
      </c>
      <c r="AE15345">
        <v>58</v>
      </c>
      <c r="AF15345">
        <v>59</v>
      </c>
      <c r="AG15345">
        <v>60</v>
      </c>
      <c r="AH15345">
        <v>61</v>
      </c>
      <c r="AI15345">
        <v>63</v>
      </c>
      <c r="AJ15345">
        <v>64</v>
      </c>
      <c r="AK15345">
        <v>65</v>
      </c>
      <c r="AL15345">
        <v>66</v>
      </c>
      <c r="AM15345">
        <v>66</v>
      </c>
      <c r="AN15345">
        <v>67</v>
      </c>
      <c r="AO15345">
        <v>68</v>
      </c>
      <c r="AP15345">
        <v>68</v>
      </c>
      <c r="AQ15345">
        <v>69</v>
      </c>
    </row>
    <row r="15346" spans="1:43">
      <c r="A15346" t="s">
        <v>9526</v>
      </c>
      <c r="B15346" t="s">
        <v>9527</v>
      </c>
      <c r="C15346" t="s">
        <v>9422</v>
      </c>
      <c r="D15346" t="s">
        <v>9423</v>
      </c>
      <c r="E15346" t="s">
        <v>9202</v>
      </c>
      <c r="F15346" t="s">
        <v>9203</v>
      </c>
      <c r="G15346" t="s">
        <v>80</v>
      </c>
      <c r="H15346" t="s">
        <v>81</v>
      </c>
      <c r="I15346" s="2">
        <v>0</v>
      </c>
      <c r="J15346" s="2">
        <v>1</v>
      </c>
      <c r="K15346" s="2">
        <v>0</v>
      </c>
      <c r="L15346" t="s">
        <v>82</v>
      </c>
      <c r="M15346" t="s">
        <v>83</v>
      </c>
      <c r="N15346" t="s">
        <v>84</v>
      </c>
      <c r="O15346" t="s">
        <v>85</v>
      </c>
      <c r="P15346" t="s">
        <v>86</v>
      </c>
      <c r="Q15346">
        <v>16</v>
      </c>
      <c r="R15346">
        <v>16</v>
      </c>
      <c r="S15346">
        <v>17</v>
      </c>
      <c r="T15346">
        <v>17</v>
      </c>
      <c r="U15346">
        <v>17</v>
      </c>
      <c r="V15346">
        <v>18</v>
      </c>
      <c r="W15346">
        <v>18</v>
      </c>
      <c r="X15346">
        <v>19</v>
      </c>
      <c r="Y15346">
        <v>19</v>
      </c>
      <c r="Z15346">
        <v>20</v>
      </c>
      <c r="AA15346">
        <v>20</v>
      </c>
      <c r="AB15346">
        <v>20</v>
      </c>
      <c r="AC15346">
        <v>21</v>
      </c>
      <c r="AD15346">
        <v>21</v>
      </c>
      <c r="AE15346">
        <v>22</v>
      </c>
      <c r="AF15346">
        <v>22</v>
      </c>
      <c r="AG15346">
        <v>22</v>
      </c>
      <c r="AH15346">
        <v>23</v>
      </c>
      <c r="AI15346">
        <v>23</v>
      </c>
      <c r="AJ15346">
        <v>24</v>
      </c>
      <c r="AK15346">
        <v>24</v>
      </c>
      <c r="AL15346">
        <v>25</v>
      </c>
      <c r="AM15346">
        <v>25</v>
      </c>
      <c r="AN15346">
        <v>25</v>
      </c>
      <c r="AO15346">
        <v>25</v>
      </c>
      <c r="AP15346">
        <v>26</v>
      </c>
      <c r="AQ15346">
        <v>26</v>
      </c>
    </row>
    <row r="15347" spans="1:43">
      <c r="A15347" t="s">
        <v>9526</v>
      </c>
      <c r="B15347" t="s">
        <v>9527</v>
      </c>
      <c r="C15347" t="s">
        <v>9422</v>
      </c>
      <c r="D15347" t="s">
        <v>9423</v>
      </c>
      <c r="E15347" t="s">
        <v>9202</v>
      </c>
      <c r="F15347" t="s">
        <v>9203</v>
      </c>
      <c r="G15347" t="s">
        <v>80</v>
      </c>
      <c r="H15347" t="s">
        <v>81</v>
      </c>
      <c r="I15347" s="2">
        <v>0</v>
      </c>
      <c r="J15347" s="2">
        <v>1</v>
      </c>
      <c r="K15347" s="2">
        <v>0</v>
      </c>
      <c r="L15347" t="s">
        <v>82</v>
      </c>
      <c r="M15347" t="s">
        <v>87</v>
      </c>
      <c r="N15347" t="s">
        <v>88</v>
      </c>
      <c r="O15347" t="s">
        <v>85</v>
      </c>
      <c r="P15347" t="s">
        <v>86</v>
      </c>
      <c r="Q15347">
        <v>16</v>
      </c>
      <c r="R15347">
        <v>16</v>
      </c>
      <c r="S15347">
        <v>16</v>
      </c>
      <c r="T15347">
        <v>16</v>
      </c>
      <c r="U15347">
        <v>17</v>
      </c>
      <c r="V15347">
        <v>17</v>
      </c>
      <c r="W15347">
        <v>17</v>
      </c>
      <c r="X15347">
        <v>17</v>
      </c>
      <c r="Y15347">
        <v>18</v>
      </c>
      <c r="Z15347">
        <v>18</v>
      </c>
      <c r="AA15347">
        <v>18</v>
      </c>
      <c r="AB15347">
        <v>18</v>
      </c>
      <c r="AC15347">
        <v>19</v>
      </c>
      <c r="AD15347">
        <v>19</v>
      </c>
      <c r="AE15347">
        <v>19</v>
      </c>
      <c r="AF15347">
        <v>19</v>
      </c>
      <c r="AG15347">
        <v>20</v>
      </c>
      <c r="AH15347">
        <v>20</v>
      </c>
      <c r="AI15347">
        <v>20</v>
      </c>
      <c r="AJ15347">
        <v>20</v>
      </c>
      <c r="AK15347">
        <v>21</v>
      </c>
      <c r="AL15347">
        <v>21</v>
      </c>
      <c r="AM15347">
        <v>21</v>
      </c>
      <c r="AN15347">
        <v>22</v>
      </c>
      <c r="AO15347">
        <v>22</v>
      </c>
      <c r="AP15347">
        <v>22</v>
      </c>
      <c r="AQ15347">
        <v>22</v>
      </c>
    </row>
    <row r="15348" spans="1:43">
      <c r="A15348" t="s">
        <v>9526</v>
      </c>
      <c r="B15348" t="s">
        <v>9527</v>
      </c>
      <c r="C15348" t="s">
        <v>9422</v>
      </c>
      <c r="D15348" t="s">
        <v>9423</v>
      </c>
      <c r="E15348" t="s">
        <v>9202</v>
      </c>
      <c r="F15348" t="s">
        <v>9203</v>
      </c>
      <c r="G15348" t="s">
        <v>80</v>
      </c>
      <c r="H15348" t="s">
        <v>81</v>
      </c>
      <c r="I15348" s="2">
        <v>0</v>
      </c>
      <c r="J15348" s="2">
        <v>1</v>
      </c>
      <c r="K15348" s="2">
        <v>0</v>
      </c>
      <c r="L15348" t="s">
        <v>82</v>
      </c>
      <c r="M15348" t="s">
        <v>89</v>
      </c>
      <c r="N15348" t="s">
        <v>90</v>
      </c>
      <c r="O15348" t="s">
        <v>85</v>
      </c>
      <c r="P15348" t="s">
        <v>86</v>
      </c>
      <c r="Q15348">
        <v>16</v>
      </c>
      <c r="R15348">
        <v>17</v>
      </c>
      <c r="S15348">
        <v>17</v>
      </c>
      <c r="T15348">
        <v>18</v>
      </c>
      <c r="U15348">
        <v>18</v>
      </c>
      <c r="V15348">
        <v>19</v>
      </c>
      <c r="W15348">
        <v>19</v>
      </c>
      <c r="X15348">
        <v>20</v>
      </c>
      <c r="Y15348">
        <v>20</v>
      </c>
      <c r="Z15348">
        <v>21</v>
      </c>
      <c r="AA15348">
        <v>21</v>
      </c>
      <c r="AB15348">
        <v>22</v>
      </c>
      <c r="AC15348">
        <v>22</v>
      </c>
      <c r="AD15348">
        <v>23</v>
      </c>
      <c r="AE15348">
        <v>23</v>
      </c>
      <c r="AF15348">
        <v>23</v>
      </c>
      <c r="AG15348">
        <v>24</v>
      </c>
      <c r="AH15348">
        <v>24</v>
      </c>
      <c r="AI15348">
        <v>24</v>
      </c>
      <c r="AJ15348">
        <v>24</v>
      </c>
      <c r="AK15348">
        <v>25</v>
      </c>
      <c r="AL15348">
        <v>25</v>
      </c>
      <c r="AM15348">
        <v>25</v>
      </c>
      <c r="AN15348">
        <v>25</v>
      </c>
      <c r="AO15348">
        <v>25</v>
      </c>
      <c r="AP15348">
        <v>26</v>
      </c>
      <c r="AQ15348">
        <v>26</v>
      </c>
    </row>
    <row r="15349" spans="1:43">
      <c r="A15349" t="s">
        <v>9526</v>
      </c>
      <c r="B15349" t="s">
        <v>9527</v>
      </c>
      <c r="C15349" t="s">
        <v>9422</v>
      </c>
      <c r="D15349" t="s">
        <v>9423</v>
      </c>
      <c r="E15349" t="s">
        <v>9202</v>
      </c>
      <c r="F15349" t="s">
        <v>9203</v>
      </c>
      <c r="G15349" t="s">
        <v>80</v>
      </c>
      <c r="H15349" t="s">
        <v>81</v>
      </c>
      <c r="I15349" s="2">
        <v>0</v>
      </c>
      <c r="J15349" s="2">
        <v>1</v>
      </c>
      <c r="K15349" s="2">
        <v>0</v>
      </c>
      <c r="L15349" t="s">
        <v>82</v>
      </c>
      <c r="M15349" t="s">
        <v>83</v>
      </c>
      <c r="N15349" t="s">
        <v>91</v>
      </c>
      <c r="O15349" t="s">
        <v>85</v>
      </c>
      <c r="P15349" t="s">
        <v>86</v>
      </c>
      <c r="Q15349">
        <v>16</v>
      </c>
      <c r="R15349">
        <v>16</v>
      </c>
      <c r="S15349">
        <v>17</v>
      </c>
      <c r="T15349">
        <v>17</v>
      </c>
      <c r="U15349">
        <v>17</v>
      </c>
      <c r="V15349">
        <v>18</v>
      </c>
      <c r="W15349">
        <v>18</v>
      </c>
      <c r="X15349">
        <v>19</v>
      </c>
      <c r="Y15349">
        <v>19</v>
      </c>
      <c r="Z15349">
        <v>20</v>
      </c>
      <c r="AA15349">
        <v>20</v>
      </c>
      <c r="AB15349">
        <v>20</v>
      </c>
      <c r="AC15349">
        <v>21</v>
      </c>
      <c r="AD15349">
        <v>21</v>
      </c>
      <c r="AE15349">
        <v>22</v>
      </c>
      <c r="AF15349">
        <v>22</v>
      </c>
      <c r="AG15349">
        <v>22</v>
      </c>
      <c r="AH15349">
        <v>23</v>
      </c>
      <c r="AI15349">
        <v>23</v>
      </c>
      <c r="AJ15349">
        <v>24</v>
      </c>
      <c r="AK15349">
        <v>24</v>
      </c>
      <c r="AL15349">
        <v>25</v>
      </c>
      <c r="AM15349">
        <v>25</v>
      </c>
      <c r="AN15349">
        <v>25</v>
      </c>
      <c r="AO15349">
        <v>25</v>
      </c>
      <c r="AP15349">
        <v>26</v>
      </c>
      <c r="AQ15349">
        <v>26</v>
      </c>
    </row>
    <row r="15350" spans="1:43">
      <c r="A15350" t="s">
        <v>9528</v>
      </c>
      <c r="B15350" t="s">
        <v>9529</v>
      </c>
      <c r="C15350" t="s">
        <v>9422</v>
      </c>
      <c r="D15350" t="s">
        <v>9423</v>
      </c>
      <c r="E15350" t="s">
        <v>9202</v>
      </c>
      <c r="F15350" t="s">
        <v>9203</v>
      </c>
      <c r="G15350" t="s">
        <v>80</v>
      </c>
      <c r="H15350" t="s">
        <v>81</v>
      </c>
      <c r="I15350" s="2">
        <v>0</v>
      </c>
      <c r="J15350" s="2">
        <v>1</v>
      </c>
      <c r="K15350" s="2">
        <v>0</v>
      </c>
      <c r="L15350" t="s">
        <v>82</v>
      </c>
      <c r="M15350" t="s">
        <v>83</v>
      </c>
      <c r="N15350" t="s">
        <v>84</v>
      </c>
      <c r="O15350" t="s">
        <v>85</v>
      </c>
      <c r="P15350" t="s">
        <v>86</v>
      </c>
      <c r="Q15350">
        <v>48</v>
      </c>
      <c r="R15350">
        <v>50</v>
      </c>
      <c r="S15350">
        <v>51</v>
      </c>
      <c r="T15350">
        <v>52</v>
      </c>
      <c r="U15350">
        <v>53</v>
      </c>
      <c r="V15350">
        <v>54</v>
      </c>
      <c r="W15350">
        <v>56</v>
      </c>
      <c r="X15350">
        <v>57</v>
      </c>
      <c r="Y15350">
        <v>58</v>
      </c>
      <c r="Z15350">
        <v>59</v>
      </c>
      <c r="AA15350">
        <v>61</v>
      </c>
      <c r="AB15350">
        <v>62</v>
      </c>
      <c r="AC15350">
        <v>63</v>
      </c>
      <c r="AD15350">
        <v>64</v>
      </c>
      <c r="AE15350">
        <v>66</v>
      </c>
      <c r="AF15350">
        <v>67</v>
      </c>
      <c r="AG15350">
        <v>68</v>
      </c>
      <c r="AH15350">
        <v>70</v>
      </c>
      <c r="AI15350">
        <v>71</v>
      </c>
      <c r="AJ15350">
        <v>72</v>
      </c>
      <c r="AK15350">
        <v>74</v>
      </c>
      <c r="AL15350">
        <v>75</v>
      </c>
      <c r="AM15350">
        <v>75</v>
      </c>
      <c r="AN15350">
        <v>76</v>
      </c>
      <c r="AO15350">
        <v>77</v>
      </c>
      <c r="AP15350">
        <v>78</v>
      </c>
      <c r="AQ15350">
        <v>78</v>
      </c>
    </row>
    <row r="15351" spans="1:43">
      <c r="A15351" t="s">
        <v>9528</v>
      </c>
      <c r="B15351" t="s">
        <v>9529</v>
      </c>
      <c r="C15351" t="s">
        <v>9422</v>
      </c>
      <c r="D15351" t="s">
        <v>9423</v>
      </c>
      <c r="E15351" t="s">
        <v>9202</v>
      </c>
      <c r="F15351" t="s">
        <v>9203</v>
      </c>
      <c r="G15351" t="s">
        <v>80</v>
      </c>
      <c r="H15351" t="s">
        <v>81</v>
      </c>
      <c r="I15351" s="2">
        <v>0</v>
      </c>
      <c r="J15351" s="2">
        <v>1</v>
      </c>
      <c r="K15351" s="2">
        <v>0</v>
      </c>
      <c r="L15351" t="s">
        <v>82</v>
      </c>
      <c r="M15351" t="s">
        <v>87</v>
      </c>
      <c r="N15351" t="s">
        <v>88</v>
      </c>
      <c r="O15351" t="s">
        <v>85</v>
      </c>
      <c r="P15351" t="s">
        <v>86</v>
      </c>
      <c r="Q15351">
        <v>48</v>
      </c>
      <c r="R15351">
        <v>49</v>
      </c>
      <c r="S15351">
        <v>49</v>
      </c>
      <c r="T15351">
        <v>50</v>
      </c>
      <c r="U15351">
        <v>51</v>
      </c>
      <c r="V15351">
        <v>51</v>
      </c>
      <c r="W15351">
        <v>52</v>
      </c>
      <c r="X15351">
        <v>53</v>
      </c>
      <c r="Y15351">
        <v>54</v>
      </c>
      <c r="Z15351">
        <v>54</v>
      </c>
      <c r="AA15351">
        <v>55</v>
      </c>
      <c r="AB15351">
        <v>56</v>
      </c>
      <c r="AC15351">
        <v>57</v>
      </c>
      <c r="AD15351">
        <v>57</v>
      </c>
      <c r="AE15351">
        <v>58</v>
      </c>
      <c r="AF15351">
        <v>59</v>
      </c>
      <c r="AG15351">
        <v>60</v>
      </c>
      <c r="AH15351">
        <v>61</v>
      </c>
      <c r="AI15351">
        <v>61</v>
      </c>
      <c r="AJ15351">
        <v>62</v>
      </c>
      <c r="AK15351">
        <v>63</v>
      </c>
      <c r="AL15351">
        <v>64</v>
      </c>
      <c r="AM15351">
        <v>65</v>
      </c>
      <c r="AN15351">
        <v>65</v>
      </c>
      <c r="AO15351">
        <v>66</v>
      </c>
      <c r="AP15351">
        <v>67</v>
      </c>
      <c r="AQ15351">
        <v>68</v>
      </c>
    </row>
    <row r="15352" spans="1:43">
      <c r="A15352" t="s">
        <v>9528</v>
      </c>
      <c r="B15352" t="s">
        <v>9529</v>
      </c>
      <c r="C15352" t="s">
        <v>9422</v>
      </c>
      <c r="D15352" t="s">
        <v>9423</v>
      </c>
      <c r="E15352" t="s">
        <v>9202</v>
      </c>
      <c r="F15352" t="s">
        <v>9203</v>
      </c>
      <c r="G15352" t="s">
        <v>80</v>
      </c>
      <c r="H15352" t="s">
        <v>81</v>
      </c>
      <c r="I15352" s="2">
        <v>0</v>
      </c>
      <c r="J15352" s="2">
        <v>1</v>
      </c>
      <c r="K15352" s="2">
        <v>0</v>
      </c>
      <c r="L15352" t="s">
        <v>82</v>
      </c>
      <c r="M15352" t="s">
        <v>89</v>
      </c>
      <c r="N15352" t="s">
        <v>90</v>
      </c>
      <c r="O15352" t="s">
        <v>85</v>
      </c>
      <c r="P15352" t="s">
        <v>86</v>
      </c>
      <c r="Q15352">
        <v>48</v>
      </c>
      <c r="R15352">
        <v>49</v>
      </c>
      <c r="S15352">
        <v>51</v>
      </c>
      <c r="T15352">
        <v>53</v>
      </c>
      <c r="U15352">
        <v>54</v>
      </c>
      <c r="V15352">
        <v>56</v>
      </c>
      <c r="W15352">
        <v>57</v>
      </c>
      <c r="X15352">
        <v>59</v>
      </c>
      <c r="Y15352">
        <v>61</v>
      </c>
      <c r="Z15352">
        <v>62</v>
      </c>
      <c r="AA15352">
        <v>64</v>
      </c>
      <c r="AB15352">
        <v>65</v>
      </c>
      <c r="AC15352">
        <v>67</v>
      </c>
      <c r="AD15352">
        <v>68</v>
      </c>
      <c r="AE15352">
        <v>69</v>
      </c>
      <c r="AF15352">
        <v>70</v>
      </c>
      <c r="AG15352">
        <v>71</v>
      </c>
      <c r="AH15352">
        <v>72</v>
      </c>
      <c r="AI15352">
        <v>72</v>
      </c>
      <c r="AJ15352">
        <v>73</v>
      </c>
      <c r="AK15352">
        <v>74</v>
      </c>
      <c r="AL15352">
        <v>74</v>
      </c>
      <c r="AM15352">
        <v>75</v>
      </c>
      <c r="AN15352">
        <v>76</v>
      </c>
      <c r="AO15352">
        <v>76</v>
      </c>
      <c r="AP15352">
        <v>77</v>
      </c>
      <c r="AQ15352">
        <v>78</v>
      </c>
    </row>
    <row r="15353" spans="1:43">
      <c r="A15353" t="s">
        <v>9528</v>
      </c>
      <c r="B15353" t="s">
        <v>9529</v>
      </c>
      <c r="C15353" t="s">
        <v>9422</v>
      </c>
      <c r="D15353" t="s">
        <v>9423</v>
      </c>
      <c r="E15353" t="s">
        <v>9202</v>
      </c>
      <c r="F15353" t="s">
        <v>9203</v>
      </c>
      <c r="G15353" t="s">
        <v>80</v>
      </c>
      <c r="H15353" t="s">
        <v>81</v>
      </c>
      <c r="I15353" s="2">
        <v>0</v>
      </c>
      <c r="J15353" s="2">
        <v>1</v>
      </c>
      <c r="K15353" s="2">
        <v>0</v>
      </c>
      <c r="L15353" t="s">
        <v>82</v>
      </c>
      <c r="M15353" t="s">
        <v>83</v>
      </c>
      <c r="N15353" t="s">
        <v>91</v>
      </c>
      <c r="O15353" t="s">
        <v>85</v>
      </c>
      <c r="P15353" t="s">
        <v>86</v>
      </c>
      <c r="Q15353">
        <v>48</v>
      </c>
      <c r="R15353">
        <v>50</v>
      </c>
      <c r="S15353">
        <v>51</v>
      </c>
      <c r="T15353">
        <v>52</v>
      </c>
      <c r="U15353">
        <v>53</v>
      </c>
      <c r="V15353">
        <v>54</v>
      </c>
      <c r="W15353">
        <v>56</v>
      </c>
      <c r="X15353">
        <v>57</v>
      </c>
      <c r="Y15353">
        <v>58</v>
      </c>
      <c r="Z15353">
        <v>59</v>
      </c>
      <c r="AA15353">
        <v>61</v>
      </c>
      <c r="AB15353">
        <v>62</v>
      </c>
      <c r="AC15353">
        <v>63</v>
      </c>
      <c r="AD15353">
        <v>64</v>
      </c>
      <c r="AE15353">
        <v>66</v>
      </c>
      <c r="AF15353">
        <v>67</v>
      </c>
      <c r="AG15353">
        <v>68</v>
      </c>
      <c r="AH15353">
        <v>70</v>
      </c>
      <c r="AI15353">
        <v>71</v>
      </c>
      <c r="AJ15353">
        <v>72</v>
      </c>
      <c r="AK15353">
        <v>74</v>
      </c>
      <c r="AL15353">
        <v>75</v>
      </c>
      <c r="AM15353">
        <v>75</v>
      </c>
      <c r="AN15353">
        <v>76</v>
      </c>
      <c r="AO15353">
        <v>77</v>
      </c>
      <c r="AP15353">
        <v>78</v>
      </c>
      <c r="AQ15353">
        <v>78</v>
      </c>
    </row>
    <row r="15354" spans="1:43">
      <c r="A15354" t="s">
        <v>9530</v>
      </c>
      <c r="B15354" t="s">
        <v>9531</v>
      </c>
      <c r="C15354" t="s">
        <v>9422</v>
      </c>
      <c r="D15354" t="s">
        <v>9423</v>
      </c>
      <c r="E15354" t="s">
        <v>9202</v>
      </c>
      <c r="F15354" t="s">
        <v>9203</v>
      </c>
      <c r="G15354" t="s">
        <v>80</v>
      </c>
      <c r="H15354" t="s">
        <v>81</v>
      </c>
      <c r="I15354" s="2">
        <v>0</v>
      </c>
      <c r="J15354" s="2">
        <v>1</v>
      </c>
      <c r="K15354" s="2">
        <v>0</v>
      </c>
      <c r="L15354" t="s">
        <v>82</v>
      </c>
      <c r="M15354" t="s">
        <v>83</v>
      </c>
      <c r="N15354" t="s">
        <v>84</v>
      </c>
      <c r="O15354" t="s">
        <v>85</v>
      </c>
      <c r="P15354" t="s">
        <v>86</v>
      </c>
      <c r="Q15354">
        <v>72</v>
      </c>
      <c r="R15354">
        <v>74</v>
      </c>
      <c r="S15354">
        <v>75</v>
      </c>
      <c r="T15354">
        <v>77</v>
      </c>
      <c r="U15354">
        <v>79</v>
      </c>
      <c r="V15354">
        <v>81</v>
      </c>
      <c r="W15354">
        <v>83</v>
      </c>
      <c r="X15354">
        <v>84</v>
      </c>
      <c r="Y15354">
        <v>86</v>
      </c>
      <c r="Z15354">
        <v>88</v>
      </c>
      <c r="AA15354">
        <v>90</v>
      </c>
      <c r="AB15354">
        <v>92</v>
      </c>
      <c r="AC15354">
        <v>94</v>
      </c>
      <c r="AD15354">
        <v>96</v>
      </c>
      <c r="AE15354">
        <v>98</v>
      </c>
      <c r="AF15354">
        <v>100</v>
      </c>
      <c r="AG15354">
        <v>102</v>
      </c>
      <c r="AH15354">
        <v>104</v>
      </c>
      <c r="AI15354">
        <v>106</v>
      </c>
      <c r="AJ15354">
        <v>108</v>
      </c>
      <c r="AK15354">
        <v>110</v>
      </c>
      <c r="AL15354">
        <v>111</v>
      </c>
      <c r="AM15354">
        <v>112</v>
      </c>
      <c r="AN15354">
        <v>113</v>
      </c>
      <c r="AO15354">
        <v>114</v>
      </c>
      <c r="AP15354">
        <v>115</v>
      </c>
      <c r="AQ15354">
        <v>116</v>
      </c>
    </row>
    <row r="15355" spans="1:43">
      <c r="A15355" t="s">
        <v>9530</v>
      </c>
      <c r="B15355" t="s">
        <v>9531</v>
      </c>
      <c r="C15355" t="s">
        <v>9422</v>
      </c>
      <c r="D15355" t="s">
        <v>9423</v>
      </c>
      <c r="E15355" t="s">
        <v>9202</v>
      </c>
      <c r="F15355" t="s">
        <v>9203</v>
      </c>
      <c r="G15355" t="s">
        <v>80</v>
      </c>
      <c r="H15355" t="s">
        <v>81</v>
      </c>
      <c r="I15355" s="2">
        <v>0</v>
      </c>
      <c r="J15355" s="2">
        <v>1</v>
      </c>
      <c r="K15355" s="2">
        <v>0</v>
      </c>
      <c r="L15355" t="s">
        <v>82</v>
      </c>
      <c r="M15355" t="s">
        <v>87</v>
      </c>
      <c r="N15355" t="s">
        <v>88</v>
      </c>
      <c r="O15355" t="s">
        <v>85</v>
      </c>
      <c r="P15355" t="s">
        <v>86</v>
      </c>
      <c r="Q15355">
        <v>72</v>
      </c>
      <c r="R15355">
        <v>73</v>
      </c>
      <c r="S15355">
        <v>74</v>
      </c>
      <c r="T15355">
        <v>75</v>
      </c>
      <c r="U15355">
        <v>76</v>
      </c>
      <c r="V15355">
        <v>78</v>
      </c>
      <c r="W15355">
        <v>79</v>
      </c>
      <c r="X15355">
        <v>80</v>
      </c>
      <c r="Y15355">
        <v>81</v>
      </c>
      <c r="Z15355">
        <v>82</v>
      </c>
      <c r="AA15355">
        <v>83</v>
      </c>
      <c r="AB15355">
        <v>84</v>
      </c>
      <c r="AC15355">
        <v>85</v>
      </c>
      <c r="AD15355">
        <v>86</v>
      </c>
      <c r="AE15355">
        <v>88</v>
      </c>
      <c r="AF15355">
        <v>89</v>
      </c>
      <c r="AG15355">
        <v>90</v>
      </c>
      <c r="AH15355">
        <v>91</v>
      </c>
      <c r="AI15355">
        <v>92</v>
      </c>
      <c r="AJ15355">
        <v>93</v>
      </c>
      <c r="AK15355">
        <v>95</v>
      </c>
      <c r="AL15355">
        <v>96</v>
      </c>
      <c r="AM15355">
        <v>97</v>
      </c>
      <c r="AN15355">
        <v>98</v>
      </c>
      <c r="AO15355">
        <v>99</v>
      </c>
      <c r="AP15355">
        <v>101</v>
      </c>
      <c r="AQ15355">
        <v>102</v>
      </c>
    </row>
    <row r="15356" spans="1:43">
      <c r="A15356" t="s">
        <v>9530</v>
      </c>
      <c r="B15356" t="s">
        <v>9531</v>
      </c>
      <c r="C15356" t="s">
        <v>9422</v>
      </c>
      <c r="D15356" t="s">
        <v>9423</v>
      </c>
      <c r="E15356" t="s">
        <v>9202</v>
      </c>
      <c r="F15356" t="s">
        <v>9203</v>
      </c>
      <c r="G15356" t="s">
        <v>80</v>
      </c>
      <c r="H15356" t="s">
        <v>81</v>
      </c>
      <c r="I15356" s="2">
        <v>0</v>
      </c>
      <c r="J15356" s="2">
        <v>1</v>
      </c>
      <c r="K15356" s="2">
        <v>0</v>
      </c>
      <c r="L15356" t="s">
        <v>82</v>
      </c>
      <c r="M15356" t="s">
        <v>89</v>
      </c>
      <c r="N15356" t="s">
        <v>90</v>
      </c>
      <c r="O15356" t="s">
        <v>85</v>
      </c>
      <c r="P15356" t="s">
        <v>86</v>
      </c>
      <c r="Q15356">
        <v>72</v>
      </c>
      <c r="R15356">
        <v>74</v>
      </c>
      <c r="S15356">
        <v>76</v>
      </c>
      <c r="T15356">
        <v>79</v>
      </c>
      <c r="U15356">
        <v>81</v>
      </c>
      <c r="V15356">
        <v>83</v>
      </c>
      <c r="W15356">
        <v>86</v>
      </c>
      <c r="X15356">
        <v>88</v>
      </c>
      <c r="Y15356">
        <v>90</v>
      </c>
      <c r="Z15356">
        <v>93</v>
      </c>
      <c r="AA15356">
        <v>95</v>
      </c>
      <c r="AB15356">
        <v>97</v>
      </c>
      <c r="AC15356">
        <v>100</v>
      </c>
      <c r="AD15356">
        <v>102</v>
      </c>
      <c r="AE15356">
        <v>104</v>
      </c>
      <c r="AF15356">
        <v>105</v>
      </c>
      <c r="AG15356">
        <v>106</v>
      </c>
      <c r="AH15356">
        <v>107</v>
      </c>
      <c r="AI15356">
        <v>108</v>
      </c>
      <c r="AJ15356">
        <v>109</v>
      </c>
      <c r="AK15356">
        <v>110</v>
      </c>
      <c r="AL15356">
        <v>111</v>
      </c>
      <c r="AM15356">
        <v>112</v>
      </c>
      <c r="AN15356">
        <v>113</v>
      </c>
      <c r="AO15356">
        <v>114</v>
      </c>
      <c r="AP15356">
        <v>115</v>
      </c>
      <c r="AQ15356">
        <v>116</v>
      </c>
    </row>
    <row r="15357" spans="1:43">
      <c r="A15357" t="s">
        <v>9530</v>
      </c>
      <c r="B15357" t="s">
        <v>9531</v>
      </c>
      <c r="C15357" t="s">
        <v>9422</v>
      </c>
      <c r="D15357" t="s">
        <v>9423</v>
      </c>
      <c r="E15357" t="s">
        <v>9202</v>
      </c>
      <c r="F15357" t="s">
        <v>9203</v>
      </c>
      <c r="G15357" t="s">
        <v>80</v>
      </c>
      <c r="H15357" t="s">
        <v>81</v>
      </c>
      <c r="I15357" s="2">
        <v>0</v>
      </c>
      <c r="J15357" s="2">
        <v>1</v>
      </c>
      <c r="K15357" s="2">
        <v>0</v>
      </c>
      <c r="L15357" t="s">
        <v>82</v>
      </c>
      <c r="M15357" t="s">
        <v>83</v>
      </c>
      <c r="N15357" t="s">
        <v>91</v>
      </c>
      <c r="O15357" t="s">
        <v>85</v>
      </c>
      <c r="P15357" t="s">
        <v>86</v>
      </c>
      <c r="Q15357">
        <v>72</v>
      </c>
      <c r="R15357">
        <v>74</v>
      </c>
      <c r="S15357">
        <v>75</v>
      </c>
      <c r="T15357">
        <v>77</v>
      </c>
      <c r="U15357">
        <v>79</v>
      </c>
      <c r="V15357">
        <v>81</v>
      </c>
      <c r="W15357">
        <v>83</v>
      </c>
      <c r="X15357">
        <v>84</v>
      </c>
      <c r="Y15357">
        <v>86</v>
      </c>
      <c r="Z15357">
        <v>88</v>
      </c>
      <c r="AA15357">
        <v>90</v>
      </c>
      <c r="AB15357">
        <v>92</v>
      </c>
      <c r="AC15357">
        <v>94</v>
      </c>
      <c r="AD15357">
        <v>96</v>
      </c>
      <c r="AE15357">
        <v>98</v>
      </c>
      <c r="AF15357">
        <v>100</v>
      </c>
      <c r="AG15357">
        <v>102</v>
      </c>
      <c r="AH15357">
        <v>104</v>
      </c>
      <c r="AI15357">
        <v>106</v>
      </c>
      <c r="AJ15357">
        <v>108</v>
      </c>
      <c r="AK15357">
        <v>110</v>
      </c>
      <c r="AL15357">
        <v>111</v>
      </c>
      <c r="AM15357">
        <v>112</v>
      </c>
      <c r="AN15357">
        <v>113</v>
      </c>
      <c r="AO15357">
        <v>114</v>
      </c>
      <c r="AP15357">
        <v>115</v>
      </c>
      <c r="AQ15357">
        <v>116</v>
      </c>
    </row>
    <row r="15358" spans="1:43">
      <c r="A15358" t="s">
        <v>9532</v>
      </c>
      <c r="B15358" t="s">
        <v>9533</v>
      </c>
      <c r="C15358" t="s">
        <v>9422</v>
      </c>
      <c r="D15358" t="s">
        <v>9423</v>
      </c>
      <c r="E15358" t="s">
        <v>9202</v>
      </c>
      <c r="F15358" t="s">
        <v>9203</v>
      </c>
      <c r="G15358" t="s">
        <v>80</v>
      </c>
      <c r="H15358" t="s">
        <v>81</v>
      </c>
      <c r="I15358" s="2">
        <v>0</v>
      </c>
      <c r="J15358" s="2">
        <v>1</v>
      </c>
      <c r="K15358" s="2">
        <v>0</v>
      </c>
      <c r="L15358" t="s">
        <v>82</v>
      </c>
      <c r="M15358" t="s">
        <v>83</v>
      </c>
      <c r="N15358" t="s">
        <v>84</v>
      </c>
      <c r="O15358" t="s">
        <v>85</v>
      </c>
      <c r="P15358" t="s">
        <v>86</v>
      </c>
      <c r="Q15358">
        <v>30</v>
      </c>
      <c r="R15358">
        <v>31</v>
      </c>
      <c r="S15358">
        <v>32</v>
      </c>
      <c r="T15358">
        <v>32</v>
      </c>
      <c r="U15358">
        <v>33</v>
      </c>
      <c r="V15358">
        <v>34</v>
      </c>
      <c r="W15358">
        <v>35</v>
      </c>
      <c r="X15358">
        <v>36</v>
      </c>
      <c r="Y15358">
        <v>36</v>
      </c>
      <c r="Z15358">
        <v>37</v>
      </c>
      <c r="AA15358">
        <v>38</v>
      </c>
      <c r="AB15358">
        <v>39</v>
      </c>
      <c r="AC15358">
        <v>39</v>
      </c>
      <c r="AD15358">
        <v>40</v>
      </c>
      <c r="AE15358">
        <v>41</v>
      </c>
      <c r="AF15358">
        <v>42</v>
      </c>
      <c r="AG15358">
        <v>43</v>
      </c>
      <c r="AH15358">
        <v>44</v>
      </c>
      <c r="AI15358">
        <v>44</v>
      </c>
      <c r="AJ15358">
        <v>45</v>
      </c>
      <c r="AK15358">
        <v>46</v>
      </c>
      <c r="AL15358">
        <v>47</v>
      </c>
      <c r="AM15358">
        <v>47</v>
      </c>
      <c r="AN15358">
        <v>48</v>
      </c>
      <c r="AO15358">
        <v>48</v>
      </c>
      <c r="AP15358">
        <v>49</v>
      </c>
      <c r="AQ15358">
        <v>49</v>
      </c>
    </row>
    <row r="15359" spans="1:43">
      <c r="A15359" t="s">
        <v>9532</v>
      </c>
      <c r="B15359" t="s">
        <v>9533</v>
      </c>
      <c r="C15359" t="s">
        <v>9422</v>
      </c>
      <c r="D15359" t="s">
        <v>9423</v>
      </c>
      <c r="E15359" t="s">
        <v>9202</v>
      </c>
      <c r="F15359" t="s">
        <v>9203</v>
      </c>
      <c r="G15359" t="s">
        <v>80</v>
      </c>
      <c r="H15359" t="s">
        <v>81</v>
      </c>
      <c r="I15359" s="2">
        <v>0</v>
      </c>
      <c r="J15359" s="2">
        <v>1</v>
      </c>
      <c r="K15359" s="2">
        <v>0</v>
      </c>
      <c r="L15359" t="s">
        <v>82</v>
      </c>
      <c r="M15359" t="s">
        <v>87</v>
      </c>
      <c r="N15359" t="s">
        <v>88</v>
      </c>
      <c r="O15359" t="s">
        <v>85</v>
      </c>
      <c r="P15359" t="s">
        <v>86</v>
      </c>
      <c r="Q15359">
        <v>30</v>
      </c>
      <c r="R15359">
        <v>30</v>
      </c>
      <c r="S15359">
        <v>31</v>
      </c>
      <c r="T15359">
        <v>31</v>
      </c>
      <c r="U15359">
        <v>32</v>
      </c>
      <c r="V15359">
        <v>32</v>
      </c>
      <c r="W15359">
        <v>33</v>
      </c>
      <c r="X15359">
        <v>33</v>
      </c>
      <c r="Y15359">
        <v>34</v>
      </c>
      <c r="Z15359">
        <v>34</v>
      </c>
      <c r="AA15359">
        <v>35</v>
      </c>
      <c r="AB15359">
        <v>35</v>
      </c>
      <c r="AC15359">
        <v>35</v>
      </c>
      <c r="AD15359">
        <v>36</v>
      </c>
      <c r="AE15359">
        <v>36</v>
      </c>
      <c r="AF15359">
        <v>37</v>
      </c>
      <c r="AG15359">
        <v>37</v>
      </c>
      <c r="AH15359">
        <v>38</v>
      </c>
      <c r="AI15359">
        <v>38</v>
      </c>
      <c r="AJ15359">
        <v>39</v>
      </c>
      <c r="AK15359">
        <v>39</v>
      </c>
      <c r="AL15359">
        <v>40</v>
      </c>
      <c r="AM15359">
        <v>40</v>
      </c>
      <c r="AN15359">
        <v>41</v>
      </c>
      <c r="AO15359">
        <v>41</v>
      </c>
      <c r="AP15359">
        <v>42</v>
      </c>
      <c r="AQ15359">
        <v>42</v>
      </c>
    </row>
    <row r="15360" spans="1:43">
      <c r="A15360" t="s">
        <v>9532</v>
      </c>
      <c r="B15360" t="s">
        <v>9533</v>
      </c>
      <c r="C15360" t="s">
        <v>9422</v>
      </c>
      <c r="D15360" t="s">
        <v>9423</v>
      </c>
      <c r="E15360" t="s">
        <v>9202</v>
      </c>
      <c r="F15360" t="s">
        <v>9203</v>
      </c>
      <c r="G15360" t="s">
        <v>80</v>
      </c>
      <c r="H15360" t="s">
        <v>81</v>
      </c>
      <c r="I15360" s="2">
        <v>0</v>
      </c>
      <c r="J15360" s="2">
        <v>1</v>
      </c>
      <c r="K15360" s="2">
        <v>0</v>
      </c>
      <c r="L15360" t="s">
        <v>82</v>
      </c>
      <c r="M15360" t="s">
        <v>89</v>
      </c>
      <c r="N15360" t="s">
        <v>90</v>
      </c>
      <c r="O15360" t="s">
        <v>85</v>
      </c>
      <c r="P15360" t="s">
        <v>86</v>
      </c>
      <c r="Q15360">
        <v>30</v>
      </c>
      <c r="R15360">
        <v>31</v>
      </c>
      <c r="S15360">
        <v>32</v>
      </c>
      <c r="T15360">
        <v>33</v>
      </c>
      <c r="U15360">
        <v>34</v>
      </c>
      <c r="V15360">
        <v>35</v>
      </c>
      <c r="W15360">
        <v>36</v>
      </c>
      <c r="X15360">
        <v>37</v>
      </c>
      <c r="Y15360">
        <v>37</v>
      </c>
      <c r="Z15360">
        <v>38</v>
      </c>
      <c r="AA15360">
        <v>39</v>
      </c>
      <c r="AB15360">
        <v>40</v>
      </c>
      <c r="AC15360">
        <v>41</v>
      </c>
      <c r="AD15360">
        <v>42</v>
      </c>
      <c r="AE15360">
        <v>43</v>
      </c>
      <c r="AF15360">
        <v>43</v>
      </c>
      <c r="AG15360">
        <v>44</v>
      </c>
      <c r="AH15360">
        <v>44</v>
      </c>
      <c r="AI15360">
        <v>45</v>
      </c>
      <c r="AJ15360">
        <v>45</v>
      </c>
      <c r="AK15360">
        <v>46</v>
      </c>
      <c r="AL15360">
        <v>46</v>
      </c>
      <c r="AM15360">
        <v>47</v>
      </c>
      <c r="AN15360">
        <v>47</v>
      </c>
      <c r="AO15360">
        <v>47</v>
      </c>
      <c r="AP15360">
        <v>48</v>
      </c>
      <c r="AQ15360">
        <v>48</v>
      </c>
    </row>
    <row r="15361" spans="1:43">
      <c r="A15361" t="s">
        <v>9532</v>
      </c>
      <c r="B15361" t="s">
        <v>9533</v>
      </c>
      <c r="C15361" t="s">
        <v>9422</v>
      </c>
      <c r="D15361" t="s">
        <v>9423</v>
      </c>
      <c r="E15361" t="s">
        <v>9202</v>
      </c>
      <c r="F15361" t="s">
        <v>9203</v>
      </c>
      <c r="G15361" t="s">
        <v>80</v>
      </c>
      <c r="H15361" t="s">
        <v>81</v>
      </c>
      <c r="I15361" s="2">
        <v>0</v>
      </c>
      <c r="J15361" s="2">
        <v>1</v>
      </c>
      <c r="K15361" s="2">
        <v>0</v>
      </c>
      <c r="L15361" t="s">
        <v>82</v>
      </c>
      <c r="M15361" t="s">
        <v>83</v>
      </c>
      <c r="N15361" t="s">
        <v>91</v>
      </c>
      <c r="O15361" t="s">
        <v>85</v>
      </c>
      <c r="P15361" t="s">
        <v>86</v>
      </c>
      <c r="Q15361">
        <v>30</v>
      </c>
      <c r="R15361">
        <v>31</v>
      </c>
      <c r="S15361">
        <v>32</v>
      </c>
      <c r="T15361">
        <v>32</v>
      </c>
      <c r="U15361">
        <v>33</v>
      </c>
      <c r="V15361">
        <v>34</v>
      </c>
      <c r="W15361">
        <v>35</v>
      </c>
      <c r="X15361">
        <v>36</v>
      </c>
      <c r="Y15361">
        <v>36</v>
      </c>
      <c r="Z15361">
        <v>37</v>
      </c>
      <c r="AA15361">
        <v>38</v>
      </c>
      <c r="AB15361">
        <v>39</v>
      </c>
      <c r="AC15361">
        <v>39</v>
      </c>
      <c r="AD15361">
        <v>40</v>
      </c>
      <c r="AE15361">
        <v>41</v>
      </c>
      <c r="AF15361">
        <v>42</v>
      </c>
      <c r="AG15361">
        <v>43</v>
      </c>
      <c r="AH15361">
        <v>44</v>
      </c>
      <c r="AI15361">
        <v>44</v>
      </c>
      <c r="AJ15361">
        <v>45</v>
      </c>
      <c r="AK15361">
        <v>46</v>
      </c>
      <c r="AL15361">
        <v>47</v>
      </c>
      <c r="AM15361">
        <v>47</v>
      </c>
      <c r="AN15361">
        <v>48</v>
      </c>
      <c r="AO15361">
        <v>48</v>
      </c>
      <c r="AP15361">
        <v>49</v>
      </c>
      <c r="AQ15361">
        <v>49</v>
      </c>
    </row>
    <row r="15362" spans="1:43">
      <c r="A15362" t="s">
        <v>9534</v>
      </c>
      <c r="B15362" t="s">
        <v>9535</v>
      </c>
      <c r="C15362" t="s">
        <v>9410</v>
      </c>
      <c r="D15362" t="s">
        <v>9411</v>
      </c>
      <c r="E15362" t="s">
        <v>9202</v>
      </c>
      <c r="F15362" t="s">
        <v>9203</v>
      </c>
      <c r="G15362" t="s">
        <v>80</v>
      </c>
      <c r="H15362" t="s">
        <v>81</v>
      </c>
      <c r="I15362" s="2">
        <v>0</v>
      </c>
      <c r="J15362" s="2">
        <v>1</v>
      </c>
      <c r="K15362" s="2">
        <v>0</v>
      </c>
      <c r="L15362" t="s">
        <v>82</v>
      </c>
      <c r="M15362" t="s">
        <v>83</v>
      </c>
      <c r="N15362" t="s">
        <v>84</v>
      </c>
      <c r="O15362" t="s">
        <v>85</v>
      </c>
      <c r="P15362" t="s">
        <v>86</v>
      </c>
      <c r="Q15362">
        <v>17</v>
      </c>
      <c r="R15362">
        <v>17</v>
      </c>
      <c r="S15362">
        <v>18</v>
      </c>
      <c r="T15362">
        <v>18</v>
      </c>
      <c r="U15362">
        <v>19</v>
      </c>
      <c r="V15362">
        <v>19</v>
      </c>
      <c r="W15362">
        <v>20</v>
      </c>
      <c r="X15362">
        <v>20</v>
      </c>
      <c r="Y15362">
        <v>20</v>
      </c>
      <c r="Z15362">
        <v>21</v>
      </c>
      <c r="AA15362">
        <v>21</v>
      </c>
      <c r="AB15362">
        <v>22</v>
      </c>
      <c r="AC15362">
        <v>22</v>
      </c>
      <c r="AD15362">
        <v>23</v>
      </c>
      <c r="AE15362">
        <v>23</v>
      </c>
      <c r="AF15362">
        <v>24</v>
      </c>
      <c r="AG15362">
        <v>24</v>
      </c>
      <c r="AH15362">
        <v>25</v>
      </c>
      <c r="AI15362">
        <v>25</v>
      </c>
      <c r="AJ15362">
        <v>26</v>
      </c>
      <c r="AK15362">
        <v>26</v>
      </c>
      <c r="AL15362">
        <v>26</v>
      </c>
      <c r="AM15362">
        <v>27</v>
      </c>
      <c r="AN15362">
        <v>27</v>
      </c>
      <c r="AO15362">
        <v>27</v>
      </c>
      <c r="AP15362">
        <v>27</v>
      </c>
      <c r="AQ15362">
        <v>28</v>
      </c>
    </row>
    <row r="15363" spans="1:43">
      <c r="A15363" t="s">
        <v>9534</v>
      </c>
      <c r="B15363" t="s">
        <v>9535</v>
      </c>
      <c r="C15363" t="s">
        <v>9410</v>
      </c>
      <c r="D15363" t="s">
        <v>9411</v>
      </c>
      <c r="E15363" t="s">
        <v>9202</v>
      </c>
      <c r="F15363" t="s">
        <v>9203</v>
      </c>
      <c r="G15363" t="s">
        <v>80</v>
      </c>
      <c r="H15363" t="s">
        <v>81</v>
      </c>
      <c r="I15363" s="2">
        <v>0</v>
      </c>
      <c r="J15363" s="2">
        <v>1</v>
      </c>
      <c r="K15363" s="2">
        <v>0</v>
      </c>
      <c r="L15363" t="s">
        <v>82</v>
      </c>
      <c r="M15363" t="s">
        <v>87</v>
      </c>
      <c r="N15363" t="s">
        <v>88</v>
      </c>
      <c r="O15363" t="s">
        <v>85</v>
      </c>
      <c r="P15363" t="s">
        <v>86</v>
      </c>
      <c r="Q15363">
        <v>17</v>
      </c>
      <c r="R15363">
        <v>17</v>
      </c>
      <c r="S15363">
        <v>17</v>
      </c>
      <c r="T15363">
        <v>18</v>
      </c>
      <c r="U15363">
        <v>18</v>
      </c>
      <c r="V15363">
        <v>18</v>
      </c>
      <c r="W15363">
        <v>18</v>
      </c>
      <c r="X15363">
        <v>19</v>
      </c>
      <c r="Y15363">
        <v>19</v>
      </c>
      <c r="Z15363">
        <v>19</v>
      </c>
      <c r="AA15363">
        <v>19</v>
      </c>
      <c r="AB15363">
        <v>20</v>
      </c>
      <c r="AC15363">
        <v>20</v>
      </c>
      <c r="AD15363">
        <v>20</v>
      </c>
      <c r="AE15363">
        <v>21</v>
      </c>
      <c r="AF15363">
        <v>21</v>
      </c>
      <c r="AG15363">
        <v>21</v>
      </c>
      <c r="AH15363">
        <v>21</v>
      </c>
      <c r="AI15363">
        <v>22</v>
      </c>
      <c r="AJ15363">
        <v>22</v>
      </c>
      <c r="AK15363">
        <v>22</v>
      </c>
      <c r="AL15363">
        <v>22</v>
      </c>
      <c r="AM15363">
        <v>23</v>
      </c>
      <c r="AN15363">
        <v>23</v>
      </c>
      <c r="AO15363">
        <v>23</v>
      </c>
      <c r="AP15363">
        <v>24</v>
      </c>
      <c r="AQ15363">
        <v>24</v>
      </c>
    </row>
    <row r="15364" spans="1:43">
      <c r="A15364" t="s">
        <v>9534</v>
      </c>
      <c r="B15364" t="s">
        <v>9535</v>
      </c>
      <c r="C15364" t="s">
        <v>9410</v>
      </c>
      <c r="D15364" t="s">
        <v>9411</v>
      </c>
      <c r="E15364" t="s">
        <v>9202</v>
      </c>
      <c r="F15364" t="s">
        <v>9203</v>
      </c>
      <c r="G15364" t="s">
        <v>80</v>
      </c>
      <c r="H15364" t="s">
        <v>81</v>
      </c>
      <c r="I15364" s="2">
        <v>0</v>
      </c>
      <c r="J15364" s="2">
        <v>1</v>
      </c>
      <c r="K15364" s="2">
        <v>0</v>
      </c>
      <c r="L15364" t="s">
        <v>82</v>
      </c>
      <c r="M15364" t="s">
        <v>89</v>
      </c>
      <c r="N15364" t="s">
        <v>90</v>
      </c>
      <c r="O15364" t="s">
        <v>85</v>
      </c>
      <c r="P15364" t="s">
        <v>86</v>
      </c>
      <c r="Q15364">
        <v>17</v>
      </c>
      <c r="R15364">
        <v>18</v>
      </c>
      <c r="S15364">
        <v>18</v>
      </c>
      <c r="T15364">
        <v>19</v>
      </c>
      <c r="U15364">
        <v>19</v>
      </c>
      <c r="V15364">
        <v>20</v>
      </c>
      <c r="W15364">
        <v>21</v>
      </c>
      <c r="X15364">
        <v>21</v>
      </c>
      <c r="Y15364">
        <v>22</v>
      </c>
      <c r="Z15364">
        <v>22</v>
      </c>
      <c r="AA15364">
        <v>23</v>
      </c>
      <c r="AB15364">
        <v>23</v>
      </c>
      <c r="AC15364">
        <v>24</v>
      </c>
      <c r="AD15364">
        <v>24</v>
      </c>
      <c r="AE15364">
        <v>25</v>
      </c>
      <c r="AF15364">
        <v>25</v>
      </c>
      <c r="AG15364">
        <v>25</v>
      </c>
      <c r="AH15364">
        <v>26</v>
      </c>
      <c r="AI15364">
        <v>26</v>
      </c>
      <c r="AJ15364">
        <v>26</v>
      </c>
      <c r="AK15364">
        <v>26</v>
      </c>
      <c r="AL15364">
        <v>27</v>
      </c>
      <c r="AM15364">
        <v>27</v>
      </c>
      <c r="AN15364">
        <v>27</v>
      </c>
      <c r="AO15364">
        <v>27</v>
      </c>
      <c r="AP15364">
        <v>28</v>
      </c>
      <c r="AQ15364">
        <v>28</v>
      </c>
    </row>
    <row r="15365" spans="1:43">
      <c r="A15365" t="s">
        <v>9534</v>
      </c>
      <c r="B15365" t="s">
        <v>9535</v>
      </c>
      <c r="C15365" t="s">
        <v>9410</v>
      </c>
      <c r="D15365" t="s">
        <v>9411</v>
      </c>
      <c r="E15365" t="s">
        <v>9202</v>
      </c>
      <c r="F15365" t="s">
        <v>9203</v>
      </c>
      <c r="G15365" t="s">
        <v>80</v>
      </c>
      <c r="H15365" t="s">
        <v>81</v>
      </c>
      <c r="I15365" s="2">
        <v>0</v>
      </c>
      <c r="J15365" s="2">
        <v>1</v>
      </c>
      <c r="K15365" s="2">
        <v>0</v>
      </c>
      <c r="L15365" t="s">
        <v>82</v>
      </c>
      <c r="M15365" t="s">
        <v>83</v>
      </c>
      <c r="N15365" t="s">
        <v>91</v>
      </c>
      <c r="O15365" t="s">
        <v>85</v>
      </c>
      <c r="P15365" t="s">
        <v>86</v>
      </c>
      <c r="Q15365">
        <v>17</v>
      </c>
      <c r="R15365">
        <v>17</v>
      </c>
      <c r="S15365">
        <v>18</v>
      </c>
      <c r="T15365">
        <v>18</v>
      </c>
      <c r="U15365">
        <v>19</v>
      </c>
      <c r="V15365">
        <v>19</v>
      </c>
      <c r="W15365">
        <v>20</v>
      </c>
      <c r="X15365">
        <v>20</v>
      </c>
      <c r="Y15365">
        <v>20</v>
      </c>
      <c r="Z15365">
        <v>21</v>
      </c>
      <c r="AA15365">
        <v>21</v>
      </c>
      <c r="AB15365">
        <v>22</v>
      </c>
      <c r="AC15365">
        <v>22</v>
      </c>
      <c r="AD15365">
        <v>23</v>
      </c>
      <c r="AE15365">
        <v>23</v>
      </c>
      <c r="AF15365">
        <v>24</v>
      </c>
      <c r="AG15365">
        <v>24</v>
      </c>
      <c r="AH15365">
        <v>25</v>
      </c>
      <c r="AI15365">
        <v>25</v>
      </c>
      <c r="AJ15365">
        <v>26</v>
      </c>
      <c r="AK15365">
        <v>26</v>
      </c>
      <c r="AL15365">
        <v>26</v>
      </c>
      <c r="AM15365">
        <v>27</v>
      </c>
      <c r="AN15365">
        <v>27</v>
      </c>
      <c r="AO15365">
        <v>27</v>
      </c>
      <c r="AP15365">
        <v>27</v>
      </c>
      <c r="AQ15365">
        <v>28</v>
      </c>
    </row>
    <row r="15366" spans="1:43">
      <c r="A15366" t="s">
        <v>9536</v>
      </c>
      <c r="B15366" t="s">
        <v>9537</v>
      </c>
      <c r="C15366" t="s">
        <v>9410</v>
      </c>
      <c r="D15366" t="s">
        <v>9411</v>
      </c>
      <c r="E15366" t="s">
        <v>9202</v>
      </c>
      <c r="F15366" t="s">
        <v>9203</v>
      </c>
      <c r="G15366" t="s">
        <v>80</v>
      </c>
      <c r="H15366" t="s">
        <v>81</v>
      </c>
      <c r="I15366" s="2">
        <v>0</v>
      </c>
      <c r="J15366" s="2">
        <v>1</v>
      </c>
      <c r="K15366" s="2">
        <v>0</v>
      </c>
      <c r="L15366" t="s">
        <v>82</v>
      </c>
      <c r="M15366" t="s">
        <v>83</v>
      </c>
      <c r="N15366" t="s">
        <v>84</v>
      </c>
      <c r="O15366" t="s">
        <v>85</v>
      </c>
      <c r="P15366" t="s">
        <v>86</v>
      </c>
      <c r="Q15366">
        <v>121</v>
      </c>
      <c r="R15366">
        <v>124</v>
      </c>
      <c r="S15366">
        <v>127</v>
      </c>
      <c r="T15366">
        <v>130</v>
      </c>
      <c r="U15366">
        <v>133</v>
      </c>
      <c r="V15366">
        <v>136</v>
      </c>
      <c r="W15366">
        <v>139</v>
      </c>
      <c r="X15366">
        <v>142</v>
      </c>
      <c r="Y15366">
        <v>145</v>
      </c>
      <c r="Z15366">
        <v>149</v>
      </c>
      <c r="AA15366">
        <v>152</v>
      </c>
      <c r="AB15366">
        <v>155</v>
      </c>
      <c r="AC15366">
        <v>158</v>
      </c>
      <c r="AD15366">
        <v>161</v>
      </c>
      <c r="AE15366">
        <v>165</v>
      </c>
      <c r="AF15366">
        <v>168</v>
      </c>
      <c r="AG15366">
        <v>171</v>
      </c>
      <c r="AH15366">
        <v>175</v>
      </c>
      <c r="AI15366">
        <v>178</v>
      </c>
      <c r="AJ15366">
        <v>182</v>
      </c>
      <c r="AK15366">
        <v>185</v>
      </c>
      <c r="AL15366">
        <v>187</v>
      </c>
      <c r="AM15366">
        <v>189</v>
      </c>
      <c r="AN15366">
        <v>191</v>
      </c>
      <c r="AO15366">
        <v>193</v>
      </c>
      <c r="AP15366">
        <v>195</v>
      </c>
      <c r="AQ15366">
        <v>196</v>
      </c>
    </row>
    <row r="15367" spans="1:43">
      <c r="A15367" t="s">
        <v>9536</v>
      </c>
      <c r="B15367" t="s">
        <v>9537</v>
      </c>
      <c r="C15367" t="s">
        <v>9410</v>
      </c>
      <c r="D15367" t="s">
        <v>9411</v>
      </c>
      <c r="E15367" t="s">
        <v>9202</v>
      </c>
      <c r="F15367" t="s">
        <v>9203</v>
      </c>
      <c r="G15367" t="s">
        <v>80</v>
      </c>
      <c r="H15367" t="s">
        <v>81</v>
      </c>
      <c r="I15367" s="2">
        <v>0</v>
      </c>
      <c r="J15367" s="2">
        <v>1</v>
      </c>
      <c r="K15367" s="2">
        <v>0</v>
      </c>
      <c r="L15367" t="s">
        <v>82</v>
      </c>
      <c r="M15367" t="s">
        <v>87</v>
      </c>
      <c r="N15367" t="s">
        <v>88</v>
      </c>
      <c r="O15367" t="s">
        <v>85</v>
      </c>
      <c r="P15367" t="s">
        <v>86</v>
      </c>
      <c r="Q15367">
        <v>121</v>
      </c>
      <c r="R15367">
        <v>123</v>
      </c>
      <c r="S15367">
        <v>125</v>
      </c>
      <c r="T15367">
        <v>126</v>
      </c>
      <c r="U15367">
        <v>128</v>
      </c>
      <c r="V15367">
        <v>130</v>
      </c>
      <c r="W15367">
        <v>132</v>
      </c>
      <c r="X15367">
        <v>134</v>
      </c>
      <c r="Y15367">
        <v>136</v>
      </c>
      <c r="Z15367">
        <v>137</v>
      </c>
      <c r="AA15367">
        <v>139</v>
      </c>
      <c r="AB15367">
        <v>141</v>
      </c>
      <c r="AC15367">
        <v>143</v>
      </c>
      <c r="AD15367">
        <v>145</v>
      </c>
      <c r="AE15367">
        <v>147</v>
      </c>
      <c r="AF15367">
        <v>149</v>
      </c>
      <c r="AG15367">
        <v>151</v>
      </c>
      <c r="AH15367">
        <v>153</v>
      </c>
      <c r="AI15367">
        <v>155</v>
      </c>
      <c r="AJ15367">
        <v>157</v>
      </c>
      <c r="AK15367">
        <v>159</v>
      </c>
      <c r="AL15367">
        <v>161</v>
      </c>
      <c r="AM15367">
        <v>163</v>
      </c>
      <c r="AN15367">
        <v>165</v>
      </c>
      <c r="AO15367">
        <v>167</v>
      </c>
      <c r="AP15367">
        <v>169</v>
      </c>
      <c r="AQ15367">
        <v>171</v>
      </c>
    </row>
    <row r="15368" spans="1:43">
      <c r="A15368" t="s">
        <v>9536</v>
      </c>
      <c r="B15368" t="s">
        <v>9537</v>
      </c>
      <c r="C15368" t="s">
        <v>9410</v>
      </c>
      <c r="D15368" t="s">
        <v>9411</v>
      </c>
      <c r="E15368" t="s">
        <v>9202</v>
      </c>
      <c r="F15368" t="s">
        <v>9203</v>
      </c>
      <c r="G15368" t="s">
        <v>80</v>
      </c>
      <c r="H15368" t="s">
        <v>81</v>
      </c>
      <c r="I15368" s="2">
        <v>0</v>
      </c>
      <c r="J15368" s="2">
        <v>1</v>
      </c>
      <c r="K15368" s="2">
        <v>0</v>
      </c>
      <c r="L15368" t="s">
        <v>82</v>
      </c>
      <c r="M15368" t="s">
        <v>89</v>
      </c>
      <c r="N15368" t="s">
        <v>90</v>
      </c>
      <c r="O15368" t="s">
        <v>85</v>
      </c>
      <c r="P15368" t="s">
        <v>86</v>
      </c>
      <c r="Q15368">
        <v>121</v>
      </c>
      <c r="R15368">
        <v>125</v>
      </c>
      <c r="S15368">
        <v>129</v>
      </c>
      <c r="T15368">
        <v>133</v>
      </c>
      <c r="U15368">
        <v>137</v>
      </c>
      <c r="V15368">
        <v>141</v>
      </c>
      <c r="W15368">
        <v>145</v>
      </c>
      <c r="X15368">
        <v>149</v>
      </c>
      <c r="Y15368">
        <v>153</v>
      </c>
      <c r="Z15368">
        <v>157</v>
      </c>
      <c r="AA15368">
        <v>161</v>
      </c>
      <c r="AB15368">
        <v>165</v>
      </c>
      <c r="AC15368">
        <v>169</v>
      </c>
      <c r="AD15368">
        <v>173</v>
      </c>
      <c r="AE15368">
        <v>176</v>
      </c>
      <c r="AF15368">
        <v>177</v>
      </c>
      <c r="AG15368">
        <v>179</v>
      </c>
      <c r="AH15368">
        <v>181</v>
      </c>
      <c r="AI15368">
        <v>183</v>
      </c>
      <c r="AJ15368">
        <v>185</v>
      </c>
      <c r="AK15368">
        <v>186</v>
      </c>
      <c r="AL15368">
        <v>188</v>
      </c>
      <c r="AM15368">
        <v>190</v>
      </c>
      <c r="AN15368">
        <v>192</v>
      </c>
      <c r="AO15368">
        <v>193</v>
      </c>
      <c r="AP15368">
        <v>195</v>
      </c>
      <c r="AQ15368">
        <v>197</v>
      </c>
    </row>
    <row r="15369" spans="1:43">
      <c r="A15369" t="s">
        <v>9536</v>
      </c>
      <c r="B15369" t="s">
        <v>9537</v>
      </c>
      <c r="C15369" t="s">
        <v>9410</v>
      </c>
      <c r="D15369" t="s">
        <v>9411</v>
      </c>
      <c r="E15369" t="s">
        <v>9202</v>
      </c>
      <c r="F15369" t="s">
        <v>9203</v>
      </c>
      <c r="G15369" t="s">
        <v>80</v>
      </c>
      <c r="H15369" t="s">
        <v>81</v>
      </c>
      <c r="I15369" s="2">
        <v>0</v>
      </c>
      <c r="J15369" s="2">
        <v>1</v>
      </c>
      <c r="K15369" s="2">
        <v>0</v>
      </c>
      <c r="L15369" t="s">
        <v>82</v>
      </c>
      <c r="M15369" t="s">
        <v>83</v>
      </c>
      <c r="N15369" t="s">
        <v>91</v>
      </c>
      <c r="O15369" t="s">
        <v>85</v>
      </c>
      <c r="P15369" t="s">
        <v>86</v>
      </c>
      <c r="Q15369">
        <v>121</v>
      </c>
      <c r="R15369">
        <v>124</v>
      </c>
      <c r="S15369">
        <v>127</v>
      </c>
      <c r="T15369">
        <v>130</v>
      </c>
      <c r="U15369">
        <v>133</v>
      </c>
      <c r="V15369">
        <v>136</v>
      </c>
      <c r="W15369">
        <v>139</v>
      </c>
      <c r="X15369">
        <v>142</v>
      </c>
      <c r="Y15369">
        <v>145</v>
      </c>
      <c r="Z15369">
        <v>149</v>
      </c>
      <c r="AA15369">
        <v>152</v>
      </c>
      <c r="AB15369">
        <v>155</v>
      </c>
      <c r="AC15369">
        <v>158</v>
      </c>
      <c r="AD15369">
        <v>161</v>
      </c>
      <c r="AE15369">
        <v>165</v>
      </c>
      <c r="AF15369">
        <v>168</v>
      </c>
      <c r="AG15369">
        <v>171</v>
      </c>
      <c r="AH15369">
        <v>175</v>
      </c>
      <c r="AI15369">
        <v>178</v>
      </c>
      <c r="AJ15369">
        <v>182</v>
      </c>
      <c r="AK15369">
        <v>185</v>
      </c>
      <c r="AL15369">
        <v>187</v>
      </c>
      <c r="AM15369">
        <v>189</v>
      </c>
      <c r="AN15369">
        <v>191</v>
      </c>
      <c r="AO15369">
        <v>193</v>
      </c>
      <c r="AP15369">
        <v>195</v>
      </c>
      <c r="AQ15369">
        <v>196</v>
      </c>
    </row>
    <row r="15370" spans="1:43">
      <c r="A15370" t="s">
        <v>9538</v>
      </c>
      <c r="B15370" t="s">
        <v>9539</v>
      </c>
      <c r="C15370" t="s">
        <v>9410</v>
      </c>
      <c r="D15370" t="s">
        <v>9411</v>
      </c>
      <c r="E15370" t="s">
        <v>9202</v>
      </c>
      <c r="F15370" t="s">
        <v>9203</v>
      </c>
      <c r="G15370" t="s">
        <v>80</v>
      </c>
      <c r="H15370" t="s">
        <v>81</v>
      </c>
      <c r="I15370" s="2">
        <v>0</v>
      </c>
      <c r="J15370" s="2">
        <v>1</v>
      </c>
      <c r="K15370" s="2">
        <v>0</v>
      </c>
      <c r="L15370" t="s">
        <v>82</v>
      </c>
      <c r="M15370" t="s">
        <v>83</v>
      </c>
      <c r="N15370" t="s">
        <v>84</v>
      </c>
      <c r="O15370" t="s">
        <v>85</v>
      </c>
      <c r="P15370" t="s">
        <v>86</v>
      </c>
      <c r="Q15370">
        <v>30</v>
      </c>
      <c r="R15370">
        <v>31</v>
      </c>
      <c r="S15370">
        <v>31</v>
      </c>
      <c r="T15370">
        <v>32</v>
      </c>
      <c r="U15370">
        <v>33</v>
      </c>
      <c r="V15370">
        <v>34</v>
      </c>
      <c r="W15370">
        <v>34</v>
      </c>
      <c r="X15370">
        <v>35</v>
      </c>
      <c r="Y15370">
        <v>36</v>
      </c>
      <c r="Z15370">
        <v>37</v>
      </c>
      <c r="AA15370">
        <v>37</v>
      </c>
      <c r="AB15370">
        <v>38</v>
      </c>
      <c r="AC15370">
        <v>39</v>
      </c>
      <c r="AD15370">
        <v>40</v>
      </c>
      <c r="AE15370">
        <v>41</v>
      </c>
      <c r="AF15370">
        <v>41</v>
      </c>
      <c r="AG15370">
        <v>42</v>
      </c>
      <c r="AH15370">
        <v>43</v>
      </c>
      <c r="AI15370">
        <v>44</v>
      </c>
      <c r="AJ15370">
        <v>45</v>
      </c>
      <c r="AK15370">
        <v>46</v>
      </c>
      <c r="AL15370">
        <v>46</v>
      </c>
      <c r="AM15370">
        <v>47</v>
      </c>
      <c r="AN15370">
        <v>47</v>
      </c>
      <c r="AO15370">
        <v>48</v>
      </c>
      <c r="AP15370">
        <v>48</v>
      </c>
      <c r="AQ15370">
        <v>48</v>
      </c>
    </row>
    <row r="15371" spans="1:43">
      <c r="A15371" t="s">
        <v>9538</v>
      </c>
      <c r="B15371" t="s">
        <v>9539</v>
      </c>
      <c r="C15371" t="s">
        <v>9410</v>
      </c>
      <c r="D15371" t="s">
        <v>9411</v>
      </c>
      <c r="E15371" t="s">
        <v>9202</v>
      </c>
      <c r="F15371" t="s">
        <v>9203</v>
      </c>
      <c r="G15371" t="s">
        <v>80</v>
      </c>
      <c r="H15371" t="s">
        <v>81</v>
      </c>
      <c r="I15371" s="2">
        <v>0</v>
      </c>
      <c r="J15371" s="2">
        <v>1</v>
      </c>
      <c r="K15371" s="2">
        <v>0</v>
      </c>
      <c r="L15371" t="s">
        <v>82</v>
      </c>
      <c r="M15371" t="s">
        <v>87</v>
      </c>
      <c r="N15371" t="s">
        <v>88</v>
      </c>
      <c r="O15371" t="s">
        <v>85</v>
      </c>
      <c r="P15371" t="s">
        <v>86</v>
      </c>
      <c r="Q15371">
        <v>30</v>
      </c>
      <c r="R15371">
        <v>30</v>
      </c>
      <c r="S15371">
        <v>30</v>
      </c>
      <c r="T15371">
        <v>31</v>
      </c>
      <c r="U15371">
        <v>31</v>
      </c>
      <c r="V15371">
        <v>32</v>
      </c>
      <c r="W15371">
        <v>32</v>
      </c>
      <c r="X15371">
        <v>33</v>
      </c>
      <c r="Y15371">
        <v>33</v>
      </c>
      <c r="Z15371">
        <v>34</v>
      </c>
      <c r="AA15371">
        <v>34</v>
      </c>
      <c r="AB15371">
        <v>35</v>
      </c>
      <c r="AC15371">
        <v>35</v>
      </c>
      <c r="AD15371">
        <v>35</v>
      </c>
      <c r="AE15371">
        <v>36</v>
      </c>
      <c r="AF15371">
        <v>36</v>
      </c>
      <c r="AG15371">
        <v>37</v>
      </c>
      <c r="AH15371">
        <v>37</v>
      </c>
      <c r="AI15371">
        <v>38</v>
      </c>
      <c r="AJ15371">
        <v>38</v>
      </c>
      <c r="AK15371">
        <v>39</v>
      </c>
      <c r="AL15371">
        <v>39</v>
      </c>
      <c r="AM15371">
        <v>40</v>
      </c>
      <c r="AN15371">
        <v>40</v>
      </c>
      <c r="AO15371">
        <v>41</v>
      </c>
      <c r="AP15371">
        <v>41</v>
      </c>
      <c r="AQ15371">
        <v>42</v>
      </c>
    </row>
    <row r="15372" spans="1:43">
      <c r="A15372" t="s">
        <v>9538</v>
      </c>
      <c r="B15372" t="s">
        <v>9539</v>
      </c>
      <c r="C15372" t="s">
        <v>9410</v>
      </c>
      <c r="D15372" t="s">
        <v>9411</v>
      </c>
      <c r="E15372" t="s">
        <v>9202</v>
      </c>
      <c r="F15372" t="s">
        <v>9203</v>
      </c>
      <c r="G15372" t="s">
        <v>80</v>
      </c>
      <c r="H15372" t="s">
        <v>81</v>
      </c>
      <c r="I15372" s="2">
        <v>0</v>
      </c>
      <c r="J15372" s="2">
        <v>1</v>
      </c>
      <c r="K15372" s="2">
        <v>0</v>
      </c>
      <c r="L15372" t="s">
        <v>82</v>
      </c>
      <c r="M15372" t="s">
        <v>89</v>
      </c>
      <c r="N15372" t="s">
        <v>90</v>
      </c>
      <c r="O15372" t="s">
        <v>85</v>
      </c>
      <c r="P15372" t="s">
        <v>86</v>
      </c>
      <c r="Q15372">
        <v>30</v>
      </c>
      <c r="R15372">
        <v>31</v>
      </c>
      <c r="S15372">
        <v>32</v>
      </c>
      <c r="T15372">
        <v>33</v>
      </c>
      <c r="U15372">
        <v>34</v>
      </c>
      <c r="V15372">
        <v>35</v>
      </c>
      <c r="W15372">
        <v>36</v>
      </c>
      <c r="X15372">
        <v>37</v>
      </c>
      <c r="Y15372">
        <v>38</v>
      </c>
      <c r="Z15372">
        <v>39</v>
      </c>
      <c r="AA15372">
        <v>40</v>
      </c>
      <c r="AB15372">
        <v>41</v>
      </c>
      <c r="AC15372">
        <v>42</v>
      </c>
      <c r="AD15372">
        <v>43</v>
      </c>
      <c r="AE15372">
        <v>44</v>
      </c>
      <c r="AF15372">
        <v>44</v>
      </c>
      <c r="AG15372">
        <v>44</v>
      </c>
      <c r="AH15372">
        <v>45</v>
      </c>
      <c r="AI15372">
        <v>45</v>
      </c>
      <c r="AJ15372">
        <v>46</v>
      </c>
      <c r="AK15372">
        <v>46</v>
      </c>
      <c r="AL15372">
        <v>47</v>
      </c>
      <c r="AM15372">
        <v>47</v>
      </c>
      <c r="AN15372">
        <v>48</v>
      </c>
      <c r="AO15372">
        <v>48</v>
      </c>
      <c r="AP15372">
        <v>48</v>
      </c>
      <c r="AQ15372">
        <v>49</v>
      </c>
    </row>
    <row r="15373" spans="1:43">
      <c r="A15373" t="s">
        <v>9538</v>
      </c>
      <c r="B15373" t="s">
        <v>9539</v>
      </c>
      <c r="C15373" t="s">
        <v>9410</v>
      </c>
      <c r="D15373" t="s">
        <v>9411</v>
      </c>
      <c r="E15373" t="s">
        <v>9202</v>
      </c>
      <c r="F15373" t="s">
        <v>9203</v>
      </c>
      <c r="G15373" t="s">
        <v>80</v>
      </c>
      <c r="H15373" t="s">
        <v>81</v>
      </c>
      <c r="I15373" s="2">
        <v>0</v>
      </c>
      <c r="J15373" s="2">
        <v>1</v>
      </c>
      <c r="K15373" s="2">
        <v>0</v>
      </c>
      <c r="L15373" t="s">
        <v>82</v>
      </c>
      <c r="M15373" t="s">
        <v>83</v>
      </c>
      <c r="N15373" t="s">
        <v>91</v>
      </c>
      <c r="O15373" t="s">
        <v>85</v>
      </c>
      <c r="P15373" t="s">
        <v>86</v>
      </c>
      <c r="Q15373">
        <v>30</v>
      </c>
      <c r="R15373">
        <v>31</v>
      </c>
      <c r="S15373">
        <v>31</v>
      </c>
      <c r="T15373">
        <v>32</v>
      </c>
      <c r="U15373">
        <v>33</v>
      </c>
      <c r="V15373">
        <v>34</v>
      </c>
      <c r="W15373">
        <v>34</v>
      </c>
      <c r="X15373">
        <v>35</v>
      </c>
      <c r="Y15373">
        <v>36</v>
      </c>
      <c r="Z15373">
        <v>37</v>
      </c>
      <c r="AA15373">
        <v>37</v>
      </c>
      <c r="AB15373">
        <v>38</v>
      </c>
      <c r="AC15373">
        <v>39</v>
      </c>
      <c r="AD15373">
        <v>40</v>
      </c>
      <c r="AE15373">
        <v>41</v>
      </c>
      <c r="AF15373">
        <v>41</v>
      </c>
      <c r="AG15373">
        <v>42</v>
      </c>
      <c r="AH15373">
        <v>43</v>
      </c>
      <c r="AI15373">
        <v>44</v>
      </c>
      <c r="AJ15373">
        <v>45</v>
      </c>
      <c r="AK15373">
        <v>46</v>
      </c>
      <c r="AL15373">
        <v>46</v>
      </c>
      <c r="AM15373">
        <v>47</v>
      </c>
      <c r="AN15373">
        <v>47</v>
      </c>
      <c r="AO15373">
        <v>48</v>
      </c>
      <c r="AP15373">
        <v>48</v>
      </c>
      <c r="AQ15373">
        <v>48</v>
      </c>
    </row>
    <row r="15374" spans="1:43">
      <c r="A15374" t="s">
        <v>9540</v>
      </c>
      <c r="B15374" t="s">
        <v>9541</v>
      </c>
      <c r="C15374" t="s">
        <v>9542</v>
      </c>
      <c r="D15374" t="s">
        <v>9543</v>
      </c>
      <c r="E15374" t="s">
        <v>9544</v>
      </c>
      <c r="F15374" t="s">
        <v>9545</v>
      </c>
      <c r="G15374" t="s">
        <v>80</v>
      </c>
      <c r="H15374" t="s">
        <v>81</v>
      </c>
      <c r="I15374" s="2">
        <v>0</v>
      </c>
      <c r="J15374" s="2">
        <v>1</v>
      </c>
      <c r="K15374" s="2">
        <v>0</v>
      </c>
      <c r="L15374" t="s">
        <v>82</v>
      </c>
      <c r="M15374" t="s">
        <v>83</v>
      </c>
      <c r="N15374" t="s">
        <v>84</v>
      </c>
      <c r="O15374" t="s">
        <v>85</v>
      </c>
      <c r="P15374" t="s">
        <v>86</v>
      </c>
      <c r="Q15374">
        <v>64</v>
      </c>
      <c r="R15374">
        <v>64</v>
      </c>
      <c r="S15374">
        <v>65</v>
      </c>
      <c r="T15374">
        <v>65</v>
      </c>
      <c r="U15374">
        <v>65</v>
      </c>
      <c r="V15374">
        <v>66</v>
      </c>
      <c r="W15374">
        <v>66</v>
      </c>
      <c r="X15374">
        <v>66</v>
      </c>
      <c r="Y15374">
        <v>67</v>
      </c>
      <c r="Z15374">
        <v>67</v>
      </c>
      <c r="AA15374">
        <v>67</v>
      </c>
      <c r="AB15374">
        <v>67</v>
      </c>
      <c r="AC15374">
        <v>68</v>
      </c>
      <c r="AD15374">
        <v>68</v>
      </c>
      <c r="AE15374">
        <v>68</v>
      </c>
      <c r="AF15374">
        <v>68</v>
      </c>
      <c r="AG15374">
        <v>68</v>
      </c>
      <c r="AH15374">
        <v>68</v>
      </c>
      <c r="AI15374">
        <v>68</v>
      </c>
      <c r="AJ15374">
        <v>69</v>
      </c>
      <c r="AK15374">
        <v>69</v>
      </c>
      <c r="AL15374">
        <v>68</v>
      </c>
      <c r="AM15374">
        <v>68</v>
      </c>
      <c r="AN15374">
        <v>67</v>
      </c>
      <c r="AO15374">
        <v>67</v>
      </c>
      <c r="AP15374">
        <v>66</v>
      </c>
      <c r="AQ15374">
        <v>66</v>
      </c>
    </row>
    <row r="15375" spans="1:43">
      <c r="A15375" t="s">
        <v>9540</v>
      </c>
      <c r="B15375" t="s">
        <v>9541</v>
      </c>
      <c r="C15375" t="s">
        <v>9542</v>
      </c>
      <c r="D15375" t="s">
        <v>9543</v>
      </c>
      <c r="E15375" t="s">
        <v>9544</v>
      </c>
      <c r="F15375" t="s">
        <v>9545</v>
      </c>
      <c r="G15375" t="s">
        <v>80</v>
      </c>
      <c r="H15375" t="s">
        <v>81</v>
      </c>
      <c r="I15375" s="2">
        <v>0</v>
      </c>
      <c r="J15375" s="2">
        <v>1</v>
      </c>
      <c r="K15375" s="2">
        <v>0</v>
      </c>
      <c r="L15375" t="s">
        <v>82</v>
      </c>
      <c r="M15375" t="s">
        <v>87</v>
      </c>
      <c r="N15375" t="s">
        <v>88</v>
      </c>
      <c r="O15375" t="s">
        <v>85</v>
      </c>
      <c r="P15375" t="s">
        <v>86</v>
      </c>
      <c r="Q15375">
        <v>64</v>
      </c>
      <c r="R15375">
        <v>64</v>
      </c>
      <c r="S15375">
        <v>64</v>
      </c>
      <c r="T15375">
        <v>64</v>
      </c>
      <c r="U15375">
        <v>63</v>
      </c>
      <c r="V15375">
        <v>63</v>
      </c>
      <c r="W15375">
        <v>63</v>
      </c>
      <c r="X15375">
        <v>63</v>
      </c>
      <c r="Y15375">
        <v>63</v>
      </c>
      <c r="Z15375">
        <v>62</v>
      </c>
      <c r="AA15375">
        <v>62</v>
      </c>
      <c r="AB15375">
        <v>62</v>
      </c>
      <c r="AC15375">
        <v>62</v>
      </c>
      <c r="AD15375">
        <v>61</v>
      </c>
      <c r="AE15375">
        <v>61</v>
      </c>
      <c r="AF15375">
        <v>61</v>
      </c>
      <c r="AG15375">
        <v>61</v>
      </c>
      <c r="AH15375">
        <v>60</v>
      </c>
      <c r="AI15375">
        <v>60</v>
      </c>
      <c r="AJ15375">
        <v>60</v>
      </c>
      <c r="AK15375">
        <v>60</v>
      </c>
      <c r="AL15375">
        <v>59</v>
      </c>
      <c r="AM15375">
        <v>59</v>
      </c>
      <c r="AN15375">
        <v>59</v>
      </c>
      <c r="AO15375">
        <v>59</v>
      </c>
      <c r="AP15375">
        <v>58</v>
      </c>
      <c r="AQ15375">
        <v>58</v>
      </c>
    </row>
    <row r="15376" spans="1:43">
      <c r="A15376" t="s">
        <v>9540</v>
      </c>
      <c r="B15376" t="s">
        <v>9541</v>
      </c>
      <c r="C15376" t="s">
        <v>9542</v>
      </c>
      <c r="D15376" t="s">
        <v>9543</v>
      </c>
      <c r="E15376" t="s">
        <v>9544</v>
      </c>
      <c r="F15376" t="s">
        <v>9545</v>
      </c>
      <c r="G15376" t="s">
        <v>80</v>
      </c>
      <c r="H15376" t="s">
        <v>81</v>
      </c>
      <c r="I15376" s="2">
        <v>0</v>
      </c>
      <c r="J15376" s="2">
        <v>1</v>
      </c>
      <c r="K15376" s="2">
        <v>0</v>
      </c>
      <c r="L15376" t="s">
        <v>82</v>
      </c>
      <c r="M15376" t="s">
        <v>89</v>
      </c>
      <c r="N15376" t="s">
        <v>90</v>
      </c>
      <c r="O15376" t="s">
        <v>85</v>
      </c>
      <c r="P15376" t="s">
        <v>86</v>
      </c>
      <c r="Q15376">
        <v>64</v>
      </c>
      <c r="R15376">
        <v>65</v>
      </c>
      <c r="S15376">
        <v>66</v>
      </c>
      <c r="T15376">
        <v>67</v>
      </c>
      <c r="U15376">
        <v>68</v>
      </c>
      <c r="V15376">
        <v>69</v>
      </c>
      <c r="W15376">
        <v>69</v>
      </c>
      <c r="X15376">
        <v>70</v>
      </c>
      <c r="Y15376">
        <v>71</v>
      </c>
      <c r="Z15376">
        <v>71</v>
      </c>
      <c r="AA15376">
        <v>72</v>
      </c>
      <c r="AB15376">
        <v>72</v>
      </c>
      <c r="AC15376">
        <v>72</v>
      </c>
      <c r="AD15376">
        <v>73</v>
      </c>
      <c r="AE15376">
        <v>73</v>
      </c>
      <c r="AF15376">
        <v>72</v>
      </c>
      <c r="AG15376">
        <v>72</v>
      </c>
      <c r="AH15376">
        <v>71</v>
      </c>
      <c r="AI15376">
        <v>71</v>
      </c>
      <c r="AJ15376">
        <v>70</v>
      </c>
      <c r="AK15376">
        <v>69</v>
      </c>
      <c r="AL15376">
        <v>69</v>
      </c>
      <c r="AM15376">
        <v>68</v>
      </c>
      <c r="AN15376">
        <v>68</v>
      </c>
      <c r="AO15376">
        <v>67</v>
      </c>
      <c r="AP15376">
        <v>67</v>
      </c>
      <c r="AQ15376">
        <v>66</v>
      </c>
    </row>
    <row r="15377" spans="1:43">
      <c r="A15377" t="s">
        <v>9540</v>
      </c>
      <c r="B15377" t="s">
        <v>9541</v>
      </c>
      <c r="C15377" t="s">
        <v>9542</v>
      </c>
      <c r="D15377" t="s">
        <v>9543</v>
      </c>
      <c r="E15377" t="s">
        <v>9544</v>
      </c>
      <c r="F15377" t="s">
        <v>9545</v>
      </c>
      <c r="G15377" t="s">
        <v>80</v>
      </c>
      <c r="H15377" t="s">
        <v>81</v>
      </c>
      <c r="I15377" s="2">
        <v>0</v>
      </c>
      <c r="J15377" s="2">
        <v>1</v>
      </c>
      <c r="K15377" s="2">
        <v>0</v>
      </c>
      <c r="L15377" t="s">
        <v>82</v>
      </c>
      <c r="M15377" t="s">
        <v>83</v>
      </c>
      <c r="N15377" t="s">
        <v>91</v>
      </c>
      <c r="O15377" t="s">
        <v>85</v>
      </c>
      <c r="P15377" t="s">
        <v>86</v>
      </c>
      <c r="Q15377">
        <v>64</v>
      </c>
      <c r="R15377">
        <v>64</v>
      </c>
      <c r="S15377">
        <v>65</v>
      </c>
      <c r="T15377">
        <v>65</v>
      </c>
      <c r="U15377">
        <v>65</v>
      </c>
      <c r="V15377">
        <v>66</v>
      </c>
      <c r="W15377">
        <v>66</v>
      </c>
      <c r="X15377">
        <v>66</v>
      </c>
      <c r="Y15377">
        <v>67</v>
      </c>
      <c r="Z15377">
        <v>67</v>
      </c>
      <c r="AA15377">
        <v>67</v>
      </c>
      <c r="AB15377">
        <v>67</v>
      </c>
      <c r="AC15377">
        <v>68</v>
      </c>
      <c r="AD15377">
        <v>68</v>
      </c>
      <c r="AE15377">
        <v>68</v>
      </c>
      <c r="AF15377">
        <v>68</v>
      </c>
      <c r="AG15377">
        <v>68</v>
      </c>
      <c r="AH15377">
        <v>68</v>
      </c>
      <c r="AI15377">
        <v>68</v>
      </c>
      <c r="AJ15377">
        <v>69</v>
      </c>
      <c r="AK15377">
        <v>69</v>
      </c>
      <c r="AL15377">
        <v>68</v>
      </c>
      <c r="AM15377">
        <v>68</v>
      </c>
      <c r="AN15377">
        <v>67</v>
      </c>
      <c r="AO15377">
        <v>67</v>
      </c>
      <c r="AP15377">
        <v>66</v>
      </c>
      <c r="AQ15377">
        <v>66</v>
      </c>
    </row>
    <row r="15378" spans="1:43">
      <c r="A15378" t="s">
        <v>9546</v>
      </c>
      <c r="B15378" t="s">
        <v>9547</v>
      </c>
      <c r="C15378" t="s">
        <v>9548</v>
      </c>
      <c r="D15378" t="s">
        <v>9549</v>
      </c>
      <c r="E15378" t="s">
        <v>9544</v>
      </c>
      <c r="F15378" t="s">
        <v>9545</v>
      </c>
      <c r="G15378" t="s">
        <v>80</v>
      </c>
      <c r="H15378" t="s">
        <v>81</v>
      </c>
      <c r="I15378" s="2">
        <v>0</v>
      </c>
      <c r="J15378" s="2">
        <v>1</v>
      </c>
      <c r="K15378" s="2">
        <v>0</v>
      </c>
      <c r="L15378" t="s">
        <v>82</v>
      </c>
      <c r="M15378" t="s">
        <v>83</v>
      </c>
      <c r="N15378" t="s">
        <v>84</v>
      </c>
      <c r="O15378" t="s">
        <v>85</v>
      </c>
      <c r="P15378" t="s">
        <v>86</v>
      </c>
      <c r="Q15378">
        <v>66</v>
      </c>
      <c r="R15378">
        <v>66</v>
      </c>
      <c r="S15378">
        <v>67</v>
      </c>
      <c r="T15378">
        <v>67</v>
      </c>
      <c r="U15378">
        <v>68</v>
      </c>
      <c r="V15378">
        <v>68</v>
      </c>
      <c r="W15378">
        <v>69</v>
      </c>
      <c r="X15378">
        <v>69</v>
      </c>
      <c r="Y15378">
        <v>69</v>
      </c>
      <c r="Z15378">
        <v>70</v>
      </c>
      <c r="AA15378">
        <v>70</v>
      </c>
      <c r="AB15378">
        <v>71</v>
      </c>
      <c r="AC15378">
        <v>71</v>
      </c>
      <c r="AD15378">
        <v>71</v>
      </c>
      <c r="AE15378">
        <v>72</v>
      </c>
      <c r="AF15378">
        <v>72</v>
      </c>
      <c r="AG15378">
        <v>72</v>
      </c>
      <c r="AH15378">
        <v>73</v>
      </c>
      <c r="AI15378">
        <v>73</v>
      </c>
      <c r="AJ15378">
        <v>73</v>
      </c>
      <c r="AK15378">
        <v>73</v>
      </c>
      <c r="AL15378">
        <v>73</v>
      </c>
      <c r="AM15378">
        <v>73</v>
      </c>
      <c r="AN15378">
        <v>72</v>
      </c>
      <c r="AO15378">
        <v>72</v>
      </c>
      <c r="AP15378">
        <v>72</v>
      </c>
      <c r="AQ15378">
        <v>71</v>
      </c>
    </row>
    <row r="15379" spans="1:43">
      <c r="A15379" t="s">
        <v>9546</v>
      </c>
      <c r="B15379" t="s">
        <v>9547</v>
      </c>
      <c r="C15379" t="s">
        <v>9548</v>
      </c>
      <c r="D15379" t="s">
        <v>9549</v>
      </c>
      <c r="E15379" t="s">
        <v>9544</v>
      </c>
      <c r="F15379" t="s">
        <v>9545</v>
      </c>
      <c r="G15379" t="s">
        <v>80</v>
      </c>
      <c r="H15379" t="s">
        <v>81</v>
      </c>
      <c r="I15379" s="2">
        <v>0</v>
      </c>
      <c r="J15379" s="2">
        <v>1</v>
      </c>
      <c r="K15379" s="2">
        <v>0</v>
      </c>
      <c r="L15379" t="s">
        <v>82</v>
      </c>
      <c r="M15379" t="s">
        <v>87</v>
      </c>
      <c r="N15379" t="s">
        <v>88</v>
      </c>
      <c r="O15379" t="s">
        <v>85</v>
      </c>
      <c r="P15379" t="s">
        <v>86</v>
      </c>
      <c r="Q15379">
        <v>66</v>
      </c>
      <c r="R15379">
        <v>66</v>
      </c>
      <c r="S15379">
        <v>66</v>
      </c>
      <c r="T15379">
        <v>66</v>
      </c>
      <c r="U15379">
        <v>66</v>
      </c>
      <c r="V15379">
        <v>65</v>
      </c>
      <c r="W15379">
        <v>65</v>
      </c>
      <c r="X15379">
        <v>65</v>
      </c>
      <c r="Y15379">
        <v>65</v>
      </c>
      <c r="Z15379">
        <v>65</v>
      </c>
      <c r="AA15379">
        <v>65</v>
      </c>
      <c r="AB15379">
        <v>65</v>
      </c>
      <c r="AC15379">
        <v>65</v>
      </c>
      <c r="AD15379">
        <v>65</v>
      </c>
      <c r="AE15379">
        <v>64</v>
      </c>
      <c r="AF15379">
        <v>64</v>
      </c>
      <c r="AG15379">
        <v>64</v>
      </c>
      <c r="AH15379">
        <v>64</v>
      </c>
      <c r="AI15379">
        <v>64</v>
      </c>
      <c r="AJ15379">
        <v>64</v>
      </c>
      <c r="AK15379">
        <v>64</v>
      </c>
      <c r="AL15379">
        <v>63</v>
      </c>
      <c r="AM15379">
        <v>63</v>
      </c>
      <c r="AN15379">
        <v>63</v>
      </c>
      <c r="AO15379">
        <v>63</v>
      </c>
      <c r="AP15379">
        <v>63</v>
      </c>
      <c r="AQ15379">
        <v>63</v>
      </c>
    </row>
    <row r="15380" spans="1:43">
      <c r="A15380" t="s">
        <v>9546</v>
      </c>
      <c r="B15380" t="s">
        <v>9547</v>
      </c>
      <c r="C15380" t="s">
        <v>9548</v>
      </c>
      <c r="D15380" t="s">
        <v>9549</v>
      </c>
      <c r="E15380" t="s">
        <v>9544</v>
      </c>
      <c r="F15380" t="s">
        <v>9545</v>
      </c>
      <c r="G15380" t="s">
        <v>80</v>
      </c>
      <c r="H15380" t="s">
        <v>81</v>
      </c>
      <c r="I15380" s="2">
        <v>0</v>
      </c>
      <c r="J15380" s="2">
        <v>1</v>
      </c>
      <c r="K15380" s="2">
        <v>0</v>
      </c>
      <c r="L15380" t="s">
        <v>82</v>
      </c>
      <c r="M15380" t="s">
        <v>89</v>
      </c>
      <c r="N15380" t="s">
        <v>90</v>
      </c>
      <c r="O15380" t="s">
        <v>85</v>
      </c>
      <c r="P15380" t="s">
        <v>86</v>
      </c>
      <c r="Q15380">
        <v>66</v>
      </c>
      <c r="R15380">
        <v>67</v>
      </c>
      <c r="S15380">
        <v>68</v>
      </c>
      <c r="T15380">
        <v>69</v>
      </c>
      <c r="U15380">
        <v>70</v>
      </c>
      <c r="V15380">
        <v>71</v>
      </c>
      <c r="W15380">
        <v>72</v>
      </c>
      <c r="X15380">
        <v>73</v>
      </c>
      <c r="Y15380">
        <v>74</v>
      </c>
      <c r="Z15380">
        <v>74</v>
      </c>
      <c r="AA15380">
        <v>75</v>
      </c>
      <c r="AB15380">
        <v>75</v>
      </c>
      <c r="AC15380">
        <v>76</v>
      </c>
      <c r="AD15380">
        <v>77</v>
      </c>
      <c r="AE15380">
        <v>77</v>
      </c>
      <c r="AF15380">
        <v>76</v>
      </c>
      <c r="AG15380">
        <v>76</v>
      </c>
      <c r="AH15380">
        <v>76</v>
      </c>
      <c r="AI15380">
        <v>75</v>
      </c>
      <c r="AJ15380">
        <v>75</v>
      </c>
      <c r="AK15380">
        <v>75</v>
      </c>
      <c r="AL15380">
        <v>74</v>
      </c>
      <c r="AM15380">
        <v>74</v>
      </c>
      <c r="AN15380">
        <v>74</v>
      </c>
      <c r="AO15380">
        <v>73</v>
      </c>
      <c r="AP15380">
        <v>73</v>
      </c>
      <c r="AQ15380">
        <v>72</v>
      </c>
    </row>
    <row r="15381" spans="1:43">
      <c r="A15381" t="s">
        <v>9546</v>
      </c>
      <c r="B15381" t="s">
        <v>9547</v>
      </c>
      <c r="C15381" t="s">
        <v>9548</v>
      </c>
      <c r="D15381" t="s">
        <v>9549</v>
      </c>
      <c r="E15381" t="s">
        <v>9544</v>
      </c>
      <c r="F15381" t="s">
        <v>9545</v>
      </c>
      <c r="G15381" t="s">
        <v>80</v>
      </c>
      <c r="H15381" t="s">
        <v>81</v>
      </c>
      <c r="I15381" s="2">
        <v>0</v>
      </c>
      <c r="J15381" s="2">
        <v>1</v>
      </c>
      <c r="K15381" s="2">
        <v>0</v>
      </c>
      <c r="L15381" t="s">
        <v>82</v>
      </c>
      <c r="M15381" t="s">
        <v>83</v>
      </c>
      <c r="N15381" t="s">
        <v>91</v>
      </c>
      <c r="O15381" t="s">
        <v>85</v>
      </c>
      <c r="P15381" t="s">
        <v>86</v>
      </c>
      <c r="Q15381">
        <v>66</v>
      </c>
      <c r="R15381">
        <v>66</v>
      </c>
      <c r="S15381">
        <v>67</v>
      </c>
      <c r="T15381">
        <v>67</v>
      </c>
      <c r="U15381">
        <v>68</v>
      </c>
      <c r="V15381">
        <v>68</v>
      </c>
      <c r="W15381">
        <v>69</v>
      </c>
      <c r="X15381">
        <v>69</v>
      </c>
      <c r="Y15381">
        <v>69</v>
      </c>
      <c r="Z15381">
        <v>70</v>
      </c>
      <c r="AA15381">
        <v>70</v>
      </c>
      <c r="AB15381">
        <v>71</v>
      </c>
      <c r="AC15381">
        <v>71</v>
      </c>
      <c r="AD15381">
        <v>71</v>
      </c>
      <c r="AE15381">
        <v>72</v>
      </c>
      <c r="AF15381">
        <v>72</v>
      </c>
      <c r="AG15381">
        <v>72</v>
      </c>
      <c r="AH15381">
        <v>73</v>
      </c>
      <c r="AI15381">
        <v>73</v>
      </c>
      <c r="AJ15381">
        <v>73</v>
      </c>
      <c r="AK15381">
        <v>73</v>
      </c>
      <c r="AL15381">
        <v>73</v>
      </c>
      <c r="AM15381">
        <v>73</v>
      </c>
      <c r="AN15381">
        <v>72</v>
      </c>
      <c r="AO15381">
        <v>72</v>
      </c>
      <c r="AP15381">
        <v>72</v>
      </c>
      <c r="AQ15381">
        <v>71</v>
      </c>
    </row>
    <row r="15382" spans="1:43">
      <c r="A15382" t="s">
        <v>9550</v>
      </c>
      <c r="B15382" t="s">
        <v>9551</v>
      </c>
      <c r="C15382" t="s">
        <v>9542</v>
      </c>
      <c r="D15382" t="s">
        <v>9543</v>
      </c>
      <c r="E15382" t="s">
        <v>9544</v>
      </c>
      <c r="F15382" t="s">
        <v>9545</v>
      </c>
      <c r="G15382" t="s">
        <v>80</v>
      </c>
      <c r="H15382" t="s">
        <v>81</v>
      </c>
      <c r="I15382" s="2">
        <v>0</v>
      </c>
      <c r="J15382" s="2">
        <v>1</v>
      </c>
      <c r="K15382" s="2">
        <v>0</v>
      </c>
      <c r="L15382" t="s">
        <v>82</v>
      </c>
      <c r="M15382" t="s">
        <v>83</v>
      </c>
      <c r="N15382" t="s">
        <v>84</v>
      </c>
      <c r="O15382" t="s">
        <v>85</v>
      </c>
      <c r="P15382" t="s">
        <v>86</v>
      </c>
      <c r="Q15382">
        <v>93</v>
      </c>
      <c r="R15382">
        <v>94</v>
      </c>
      <c r="S15382">
        <v>94</v>
      </c>
      <c r="T15382">
        <v>95</v>
      </c>
      <c r="U15382">
        <v>96</v>
      </c>
      <c r="V15382">
        <v>96</v>
      </c>
      <c r="W15382">
        <v>97</v>
      </c>
      <c r="X15382">
        <v>98</v>
      </c>
      <c r="Y15382">
        <v>98</v>
      </c>
      <c r="Z15382">
        <v>99</v>
      </c>
      <c r="AA15382">
        <v>99</v>
      </c>
      <c r="AB15382">
        <v>100</v>
      </c>
      <c r="AC15382">
        <v>100</v>
      </c>
      <c r="AD15382">
        <v>101</v>
      </c>
      <c r="AE15382">
        <v>101</v>
      </c>
      <c r="AF15382">
        <v>102</v>
      </c>
      <c r="AG15382">
        <v>102</v>
      </c>
      <c r="AH15382">
        <v>102</v>
      </c>
      <c r="AI15382">
        <v>103</v>
      </c>
      <c r="AJ15382">
        <v>103</v>
      </c>
      <c r="AK15382">
        <v>103</v>
      </c>
      <c r="AL15382">
        <v>103</v>
      </c>
      <c r="AM15382">
        <v>103</v>
      </c>
      <c r="AN15382">
        <v>102</v>
      </c>
      <c r="AO15382">
        <v>101</v>
      </c>
      <c r="AP15382">
        <v>101</v>
      </c>
      <c r="AQ15382">
        <v>100</v>
      </c>
    </row>
    <row r="15383" spans="1:43">
      <c r="A15383" t="s">
        <v>9550</v>
      </c>
      <c r="B15383" t="s">
        <v>9551</v>
      </c>
      <c r="C15383" t="s">
        <v>9542</v>
      </c>
      <c r="D15383" t="s">
        <v>9543</v>
      </c>
      <c r="E15383" t="s">
        <v>9544</v>
      </c>
      <c r="F15383" t="s">
        <v>9545</v>
      </c>
      <c r="G15383" t="s">
        <v>80</v>
      </c>
      <c r="H15383" t="s">
        <v>81</v>
      </c>
      <c r="I15383" s="2">
        <v>0</v>
      </c>
      <c r="J15383" s="2">
        <v>1</v>
      </c>
      <c r="K15383" s="2">
        <v>0</v>
      </c>
      <c r="L15383" t="s">
        <v>82</v>
      </c>
      <c r="M15383" t="s">
        <v>87</v>
      </c>
      <c r="N15383" t="s">
        <v>88</v>
      </c>
      <c r="O15383" t="s">
        <v>85</v>
      </c>
      <c r="P15383" t="s">
        <v>86</v>
      </c>
      <c r="Q15383">
        <v>93</v>
      </c>
      <c r="R15383">
        <v>93</v>
      </c>
      <c r="S15383">
        <v>93</v>
      </c>
      <c r="T15383">
        <v>93</v>
      </c>
      <c r="U15383">
        <v>93</v>
      </c>
      <c r="V15383">
        <v>92</v>
      </c>
      <c r="W15383">
        <v>92</v>
      </c>
      <c r="X15383">
        <v>92</v>
      </c>
      <c r="Y15383">
        <v>92</v>
      </c>
      <c r="Z15383">
        <v>92</v>
      </c>
      <c r="AA15383">
        <v>91</v>
      </c>
      <c r="AB15383">
        <v>91</v>
      </c>
      <c r="AC15383">
        <v>91</v>
      </c>
      <c r="AD15383">
        <v>91</v>
      </c>
      <c r="AE15383">
        <v>91</v>
      </c>
      <c r="AF15383">
        <v>90</v>
      </c>
      <c r="AG15383">
        <v>90</v>
      </c>
      <c r="AH15383">
        <v>90</v>
      </c>
      <c r="AI15383">
        <v>90</v>
      </c>
      <c r="AJ15383">
        <v>89</v>
      </c>
      <c r="AK15383">
        <v>89</v>
      </c>
      <c r="AL15383">
        <v>89</v>
      </c>
      <c r="AM15383">
        <v>89</v>
      </c>
      <c r="AN15383">
        <v>89</v>
      </c>
      <c r="AO15383">
        <v>88</v>
      </c>
      <c r="AP15383">
        <v>88</v>
      </c>
      <c r="AQ15383">
        <v>88</v>
      </c>
    </row>
    <row r="15384" spans="1:43">
      <c r="A15384" t="s">
        <v>9550</v>
      </c>
      <c r="B15384" t="s">
        <v>9551</v>
      </c>
      <c r="C15384" t="s">
        <v>9542</v>
      </c>
      <c r="D15384" t="s">
        <v>9543</v>
      </c>
      <c r="E15384" t="s">
        <v>9544</v>
      </c>
      <c r="F15384" t="s">
        <v>9545</v>
      </c>
      <c r="G15384" t="s">
        <v>80</v>
      </c>
      <c r="H15384" t="s">
        <v>81</v>
      </c>
      <c r="I15384" s="2">
        <v>0</v>
      </c>
      <c r="J15384" s="2">
        <v>1</v>
      </c>
      <c r="K15384" s="2">
        <v>0</v>
      </c>
      <c r="L15384" t="s">
        <v>82</v>
      </c>
      <c r="M15384" t="s">
        <v>89</v>
      </c>
      <c r="N15384" t="s">
        <v>90</v>
      </c>
      <c r="O15384" t="s">
        <v>85</v>
      </c>
      <c r="P15384" t="s">
        <v>86</v>
      </c>
      <c r="Q15384">
        <v>93</v>
      </c>
      <c r="R15384">
        <v>94</v>
      </c>
      <c r="S15384">
        <v>96</v>
      </c>
      <c r="T15384">
        <v>97</v>
      </c>
      <c r="U15384">
        <v>99</v>
      </c>
      <c r="V15384">
        <v>100</v>
      </c>
      <c r="W15384">
        <v>101</v>
      </c>
      <c r="X15384">
        <v>102</v>
      </c>
      <c r="Y15384">
        <v>103</v>
      </c>
      <c r="Z15384">
        <v>104</v>
      </c>
      <c r="AA15384">
        <v>105</v>
      </c>
      <c r="AB15384">
        <v>106</v>
      </c>
      <c r="AC15384">
        <v>106</v>
      </c>
      <c r="AD15384">
        <v>107</v>
      </c>
      <c r="AE15384">
        <v>107</v>
      </c>
      <c r="AF15384">
        <v>107</v>
      </c>
      <c r="AG15384">
        <v>106</v>
      </c>
      <c r="AH15384">
        <v>106</v>
      </c>
      <c r="AI15384">
        <v>105</v>
      </c>
      <c r="AJ15384">
        <v>105</v>
      </c>
      <c r="AK15384">
        <v>104</v>
      </c>
      <c r="AL15384">
        <v>104</v>
      </c>
      <c r="AM15384">
        <v>103</v>
      </c>
      <c r="AN15384">
        <v>102</v>
      </c>
      <c r="AO15384">
        <v>102</v>
      </c>
      <c r="AP15384">
        <v>101</v>
      </c>
      <c r="AQ15384">
        <v>101</v>
      </c>
    </row>
    <row r="15385" spans="1:43">
      <c r="A15385" t="s">
        <v>9550</v>
      </c>
      <c r="B15385" t="s">
        <v>9551</v>
      </c>
      <c r="C15385" t="s">
        <v>9542</v>
      </c>
      <c r="D15385" t="s">
        <v>9543</v>
      </c>
      <c r="E15385" t="s">
        <v>9544</v>
      </c>
      <c r="F15385" t="s">
        <v>9545</v>
      </c>
      <c r="G15385" t="s">
        <v>80</v>
      </c>
      <c r="H15385" t="s">
        <v>81</v>
      </c>
      <c r="I15385" s="2">
        <v>0</v>
      </c>
      <c r="J15385" s="2">
        <v>1</v>
      </c>
      <c r="K15385" s="2">
        <v>0</v>
      </c>
      <c r="L15385" t="s">
        <v>82</v>
      </c>
      <c r="M15385" t="s">
        <v>83</v>
      </c>
      <c r="N15385" t="s">
        <v>91</v>
      </c>
      <c r="O15385" t="s">
        <v>85</v>
      </c>
      <c r="P15385" t="s">
        <v>86</v>
      </c>
      <c r="Q15385">
        <v>93</v>
      </c>
      <c r="R15385">
        <v>94</v>
      </c>
      <c r="S15385">
        <v>94</v>
      </c>
      <c r="T15385">
        <v>95</v>
      </c>
      <c r="U15385">
        <v>96</v>
      </c>
      <c r="V15385">
        <v>96</v>
      </c>
      <c r="W15385">
        <v>97</v>
      </c>
      <c r="X15385">
        <v>98</v>
      </c>
      <c r="Y15385">
        <v>98</v>
      </c>
      <c r="Z15385">
        <v>99</v>
      </c>
      <c r="AA15385">
        <v>99</v>
      </c>
      <c r="AB15385">
        <v>100</v>
      </c>
      <c r="AC15385">
        <v>100</v>
      </c>
      <c r="AD15385">
        <v>101</v>
      </c>
      <c r="AE15385">
        <v>101</v>
      </c>
      <c r="AF15385">
        <v>102</v>
      </c>
      <c r="AG15385">
        <v>102</v>
      </c>
      <c r="AH15385">
        <v>102</v>
      </c>
      <c r="AI15385">
        <v>103</v>
      </c>
      <c r="AJ15385">
        <v>103</v>
      </c>
      <c r="AK15385">
        <v>103</v>
      </c>
      <c r="AL15385">
        <v>103</v>
      </c>
      <c r="AM15385">
        <v>103</v>
      </c>
      <c r="AN15385">
        <v>102</v>
      </c>
      <c r="AO15385">
        <v>101</v>
      </c>
      <c r="AP15385">
        <v>101</v>
      </c>
      <c r="AQ15385">
        <v>100</v>
      </c>
    </row>
    <row r="15386" spans="1:43">
      <c r="A15386" t="s">
        <v>9552</v>
      </c>
      <c r="B15386" t="s">
        <v>9553</v>
      </c>
      <c r="C15386" t="s">
        <v>9548</v>
      </c>
      <c r="D15386" t="s">
        <v>9549</v>
      </c>
      <c r="E15386" t="s">
        <v>9544</v>
      </c>
      <c r="F15386" t="s">
        <v>9545</v>
      </c>
      <c r="G15386" t="s">
        <v>80</v>
      </c>
      <c r="H15386" t="s">
        <v>81</v>
      </c>
      <c r="I15386" s="2">
        <v>0</v>
      </c>
      <c r="J15386" s="2">
        <v>1</v>
      </c>
      <c r="K15386" s="2">
        <v>0</v>
      </c>
      <c r="L15386" t="s">
        <v>82</v>
      </c>
      <c r="M15386" t="s">
        <v>83</v>
      </c>
      <c r="N15386" t="s">
        <v>84</v>
      </c>
      <c r="O15386" t="s">
        <v>85</v>
      </c>
      <c r="P15386" t="s">
        <v>86</v>
      </c>
      <c r="Q15386">
        <v>42</v>
      </c>
      <c r="R15386">
        <v>42</v>
      </c>
      <c r="S15386">
        <v>42</v>
      </c>
      <c r="T15386">
        <v>43</v>
      </c>
      <c r="U15386">
        <v>43</v>
      </c>
      <c r="V15386">
        <v>43</v>
      </c>
      <c r="W15386">
        <v>44</v>
      </c>
      <c r="X15386">
        <v>44</v>
      </c>
      <c r="Y15386">
        <v>44</v>
      </c>
      <c r="Z15386">
        <v>44</v>
      </c>
      <c r="AA15386">
        <v>45</v>
      </c>
      <c r="AB15386">
        <v>45</v>
      </c>
      <c r="AC15386">
        <v>45</v>
      </c>
      <c r="AD15386">
        <v>45</v>
      </c>
      <c r="AE15386">
        <v>46</v>
      </c>
      <c r="AF15386">
        <v>46</v>
      </c>
      <c r="AG15386">
        <v>46</v>
      </c>
      <c r="AH15386">
        <v>46</v>
      </c>
      <c r="AI15386">
        <v>46</v>
      </c>
      <c r="AJ15386">
        <v>46</v>
      </c>
      <c r="AK15386">
        <v>47</v>
      </c>
      <c r="AL15386">
        <v>47</v>
      </c>
      <c r="AM15386">
        <v>46</v>
      </c>
      <c r="AN15386">
        <v>46</v>
      </c>
      <c r="AO15386">
        <v>46</v>
      </c>
      <c r="AP15386">
        <v>46</v>
      </c>
      <c r="AQ15386">
        <v>45</v>
      </c>
    </row>
    <row r="15387" spans="1:43">
      <c r="A15387" t="s">
        <v>9552</v>
      </c>
      <c r="B15387" t="s">
        <v>9553</v>
      </c>
      <c r="C15387" t="s">
        <v>9548</v>
      </c>
      <c r="D15387" t="s">
        <v>9549</v>
      </c>
      <c r="E15387" t="s">
        <v>9544</v>
      </c>
      <c r="F15387" t="s">
        <v>9545</v>
      </c>
      <c r="G15387" t="s">
        <v>80</v>
      </c>
      <c r="H15387" t="s">
        <v>81</v>
      </c>
      <c r="I15387" s="2">
        <v>0</v>
      </c>
      <c r="J15387" s="2">
        <v>1</v>
      </c>
      <c r="K15387" s="2">
        <v>0</v>
      </c>
      <c r="L15387" t="s">
        <v>82</v>
      </c>
      <c r="M15387" t="s">
        <v>87</v>
      </c>
      <c r="N15387" t="s">
        <v>88</v>
      </c>
      <c r="O15387" t="s">
        <v>85</v>
      </c>
      <c r="P15387" t="s">
        <v>86</v>
      </c>
      <c r="Q15387">
        <v>42</v>
      </c>
      <c r="R15387">
        <v>42</v>
      </c>
      <c r="S15387">
        <v>42</v>
      </c>
      <c r="T15387">
        <v>42</v>
      </c>
      <c r="U15387">
        <v>42</v>
      </c>
      <c r="V15387">
        <v>42</v>
      </c>
      <c r="W15387">
        <v>42</v>
      </c>
      <c r="X15387">
        <v>42</v>
      </c>
      <c r="Y15387">
        <v>42</v>
      </c>
      <c r="Z15387">
        <v>42</v>
      </c>
      <c r="AA15387">
        <v>42</v>
      </c>
      <c r="AB15387">
        <v>42</v>
      </c>
      <c r="AC15387">
        <v>41</v>
      </c>
      <c r="AD15387">
        <v>41</v>
      </c>
      <c r="AE15387">
        <v>41</v>
      </c>
      <c r="AF15387">
        <v>41</v>
      </c>
      <c r="AG15387">
        <v>41</v>
      </c>
      <c r="AH15387">
        <v>41</v>
      </c>
      <c r="AI15387">
        <v>41</v>
      </c>
      <c r="AJ15387">
        <v>41</v>
      </c>
      <c r="AK15387">
        <v>41</v>
      </c>
      <c r="AL15387">
        <v>41</v>
      </c>
      <c r="AM15387">
        <v>41</v>
      </c>
      <c r="AN15387">
        <v>40</v>
      </c>
      <c r="AO15387">
        <v>40</v>
      </c>
      <c r="AP15387">
        <v>40</v>
      </c>
      <c r="AQ15387">
        <v>40</v>
      </c>
    </row>
    <row r="15388" spans="1:43">
      <c r="A15388" t="s">
        <v>9552</v>
      </c>
      <c r="B15388" t="s">
        <v>9553</v>
      </c>
      <c r="C15388" t="s">
        <v>9548</v>
      </c>
      <c r="D15388" t="s">
        <v>9549</v>
      </c>
      <c r="E15388" t="s">
        <v>9544</v>
      </c>
      <c r="F15388" t="s">
        <v>9545</v>
      </c>
      <c r="G15388" t="s">
        <v>80</v>
      </c>
      <c r="H15388" t="s">
        <v>81</v>
      </c>
      <c r="I15388" s="2">
        <v>0</v>
      </c>
      <c r="J15388" s="2">
        <v>1</v>
      </c>
      <c r="K15388" s="2">
        <v>0</v>
      </c>
      <c r="L15388" t="s">
        <v>82</v>
      </c>
      <c r="M15388" t="s">
        <v>89</v>
      </c>
      <c r="N15388" t="s">
        <v>90</v>
      </c>
      <c r="O15388" t="s">
        <v>85</v>
      </c>
      <c r="P15388" t="s">
        <v>86</v>
      </c>
      <c r="Q15388">
        <v>42</v>
      </c>
      <c r="R15388">
        <v>43</v>
      </c>
      <c r="S15388">
        <v>43</v>
      </c>
      <c r="T15388">
        <v>44</v>
      </c>
      <c r="U15388">
        <v>45</v>
      </c>
      <c r="V15388">
        <v>45</v>
      </c>
      <c r="W15388">
        <v>46</v>
      </c>
      <c r="X15388">
        <v>46</v>
      </c>
      <c r="Y15388">
        <v>47</v>
      </c>
      <c r="Z15388">
        <v>47</v>
      </c>
      <c r="AA15388">
        <v>48</v>
      </c>
      <c r="AB15388">
        <v>48</v>
      </c>
      <c r="AC15388">
        <v>48</v>
      </c>
      <c r="AD15388">
        <v>49</v>
      </c>
      <c r="AE15388">
        <v>49</v>
      </c>
      <c r="AF15388">
        <v>49</v>
      </c>
      <c r="AG15388">
        <v>48</v>
      </c>
      <c r="AH15388">
        <v>48</v>
      </c>
      <c r="AI15388">
        <v>48</v>
      </c>
      <c r="AJ15388">
        <v>48</v>
      </c>
      <c r="AK15388">
        <v>47</v>
      </c>
      <c r="AL15388">
        <v>47</v>
      </c>
      <c r="AM15388">
        <v>47</v>
      </c>
      <c r="AN15388">
        <v>47</v>
      </c>
      <c r="AO15388">
        <v>47</v>
      </c>
      <c r="AP15388">
        <v>46</v>
      </c>
      <c r="AQ15388">
        <v>46</v>
      </c>
    </row>
    <row r="15389" spans="1:43">
      <c r="A15389" t="s">
        <v>9552</v>
      </c>
      <c r="B15389" t="s">
        <v>9553</v>
      </c>
      <c r="C15389" t="s">
        <v>9548</v>
      </c>
      <c r="D15389" t="s">
        <v>9549</v>
      </c>
      <c r="E15389" t="s">
        <v>9544</v>
      </c>
      <c r="F15389" t="s">
        <v>9545</v>
      </c>
      <c r="G15389" t="s">
        <v>80</v>
      </c>
      <c r="H15389" t="s">
        <v>81</v>
      </c>
      <c r="I15389" s="2">
        <v>0</v>
      </c>
      <c r="J15389" s="2">
        <v>1</v>
      </c>
      <c r="K15389" s="2">
        <v>0</v>
      </c>
      <c r="L15389" t="s">
        <v>82</v>
      </c>
      <c r="M15389" t="s">
        <v>83</v>
      </c>
      <c r="N15389" t="s">
        <v>91</v>
      </c>
      <c r="O15389" t="s">
        <v>85</v>
      </c>
      <c r="P15389" t="s">
        <v>86</v>
      </c>
      <c r="Q15389">
        <v>42</v>
      </c>
      <c r="R15389">
        <v>42</v>
      </c>
      <c r="S15389">
        <v>42</v>
      </c>
      <c r="T15389">
        <v>43</v>
      </c>
      <c r="U15389">
        <v>43</v>
      </c>
      <c r="V15389">
        <v>43</v>
      </c>
      <c r="W15389">
        <v>44</v>
      </c>
      <c r="X15389">
        <v>44</v>
      </c>
      <c r="Y15389">
        <v>44</v>
      </c>
      <c r="Z15389">
        <v>44</v>
      </c>
      <c r="AA15389">
        <v>45</v>
      </c>
      <c r="AB15389">
        <v>45</v>
      </c>
      <c r="AC15389">
        <v>45</v>
      </c>
      <c r="AD15389">
        <v>45</v>
      </c>
      <c r="AE15389">
        <v>46</v>
      </c>
      <c r="AF15389">
        <v>46</v>
      </c>
      <c r="AG15389">
        <v>46</v>
      </c>
      <c r="AH15389">
        <v>46</v>
      </c>
      <c r="AI15389">
        <v>46</v>
      </c>
      <c r="AJ15389">
        <v>46</v>
      </c>
      <c r="AK15389">
        <v>47</v>
      </c>
      <c r="AL15389">
        <v>47</v>
      </c>
      <c r="AM15389">
        <v>46</v>
      </c>
      <c r="AN15389">
        <v>46</v>
      </c>
      <c r="AO15389">
        <v>46</v>
      </c>
      <c r="AP15389">
        <v>46</v>
      </c>
      <c r="AQ15389">
        <v>45</v>
      </c>
    </row>
    <row r="15390" spans="1:43">
      <c r="A15390" t="s">
        <v>9554</v>
      </c>
      <c r="B15390" t="s">
        <v>9555</v>
      </c>
      <c r="C15390" t="s">
        <v>9542</v>
      </c>
      <c r="D15390" t="s">
        <v>9543</v>
      </c>
      <c r="E15390" t="s">
        <v>9544</v>
      </c>
      <c r="F15390" t="s">
        <v>9545</v>
      </c>
      <c r="G15390" t="s">
        <v>80</v>
      </c>
      <c r="H15390" t="s">
        <v>81</v>
      </c>
      <c r="I15390" s="2">
        <v>0</v>
      </c>
      <c r="J15390" s="2">
        <v>1</v>
      </c>
      <c r="K15390" s="2">
        <v>0</v>
      </c>
      <c r="L15390" t="s">
        <v>82</v>
      </c>
      <c r="M15390" t="s">
        <v>83</v>
      </c>
      <c r="N15390" t="s">
        <v>84</v>
      </c>
      <c r="O15390" t="s">
        <v>85</v>
      </c>
      <c r="P15390" t="s">
        <v>86</v>
      </c>
      <c r="Q15390">
        <v>100</v>
      </c>
      <c r="R15390">
        <v>101</v>
      </c>
      <c r="S15390">
        <v>101</v>
      </c>
      <c r="T15390">
        <v>102</v>
      </c>
      <c r="U15390">
        <v>103</v>
      </c>
      <c r="V15390">
        <v>103</v>
      </c>
      <c r="W15390">
        <v>104</v>
      </c>
      <c r="X15390">
        <v>105</v>
      </c>
      <c r="Y15390">
        <v>105</v>
      </c>
      <c r="Z15390">
        <v>106</v>
      </c>
      <c r="AA15390">
        <v>106</v>
      </c>
      <c r="AB15390">
        <v>107</v>
      </c>
      <c r="AC15390">
        <v>107</v>
      </c>
      <c r="AD15390">
        <v>108</v>
      </c>
      <c r="AE15390">
        <v>108</v>
      </c>
      <c r="AF15390">
        <v>109</v>
      </c>
      <c r="AG15390">
        <v>109</v>
      </c>
      <c r="AH15390">
        <v>109</v>
      </c>
      <c r="AI15390">
        <v>110</v>
      </c>
      <c r="AJ15390">
        <v>110</v>
      </c>
      <c r="AK15390">
        <v>110</v>
      </c>
      <c r="AL15390">
        <v>110</v>
      </c>
      <c r="AM15390">
        <v>109</v>
      </c>
      <c r="AN15390">
        <v>109</v>
      </c>
      <c r="AO15390">
        <v>108</v>
      </c>
      <c r="AP15390">
        <v>108</v>
      </c>
      <c r="AQ15390">
        <v>107</v>
      </c>
    </row>
    <row r="15391" spans="1:43">
      <c r="A15391" t="s">
        <v>9554</v>
      </c>
      <c r="B15391" t="s">
        <v>9555</v>
      </c>
      <c r="C15391" t="s">
        <v>9542</v>
      </c>
      <c r="D15391" t="s">
        <v>9543</v>
      </c>
      <c r="E15391" t="s">
        <v>9544</v>
      </c>
      <c r="F15391" t="s">
        <v>9545</v>
      </c>
      <c r="G15391" t="s">
        <v>80</v>
      </c>
      <c r="H15391" t="s">
        <v>81</v>
      </c>
      <c r="I15391" s="2">
        <v>0</v>
      </c>
      <c r="J15391" s="2">
        <v>1</v>
      </c>
      <c r="K15391" s="2">
        <v>0</v>
      </c>
      <c r="L15391" t="s">
        <v>82</v>
      </c>
      <c r="M15391" t="s">
        <v>87</v>
      </c>
      <c r="N15391" t="s">
        <v>88</v>
      </c>
      <c r="O15391" t="s">
        <v>85</v>
      </c>
      <c r="P15391" t="s">
        <v>86</v>
      </c>
      <c r="Q15391">
        <v>100</v>
      </c>
      <c r="R15391">
        <v>100</v>
      </c>
      <c r="S15391">
        <v>100</v>
      </c>
      <c r="T15391">
        <v>99</v>
      </c>
      <c r="U15391">
        <v>99</v>
      </c>
      <c r="V15391">
        <v>99</v>
      </c>
      <c r="W15391">
        <v>99</v>
      </c>
      <c r="X15391">
        <v>98</v>
      </c>
      <c r="Y15391">
        <v>98</v>
      </c>
      <c r="Z15391">
        <v>98</v>
      </c>
      <c r="AA15391">
        <v>98</v>
      </c>
      <c r="AB15391">
        <v>98</v>
      </c>
      <c r="AC15391">
        <v>97</v>
      </c>
      <c r="AD15391">
        <v>97</v>
      </c>
      <c r="AE15391">
        <v>97</v>
      </c>
      <c r="AF15391">
        <v>97</v>
      </c>
      <c r="AG15391">
        <v>96</v>
      </c>
      <c r="AH15391">
        <v>96</v>
      </c>
      <c r="AI15391">
        <v>96</v>
      </c>
      <c r="AJ15391">
        <v>95</v>
      </c>
      <c r="AK15391">
        <v>95</v>
      </c>
      <c r="AL15391">
        <v>95</v>
      </c>
      <c r="AM15391">
        <v>95</v>
      </c>
      <c r="AN15391">
        <v>94</v>
      </c>
      <c r="AO15391">
        <v>94</v>
      </c>
      <c r="AP15391">
        <v>94</v>
      </c>
      <c r="AQ15391">
        <v>93</v>
      </c>
    </row>
    <row r="15392" spans="1:43">
      <c r="A15392" t="s">
        <v>9554</v>
      </c>
      <c r="B15392" t="s">
        <v>9555</v>
      </c>
      <c r="C15392" t="s">
        <v>9542</v>
      </c>
      <c r="D15392" t="s">
        <v>9543</v>
      </c>
      <c r="E15392" t="s">
        <v>9544</v>
      </c>
      <c r="F15392" t="s">
        <v>9545</v>
      </c>
      <c r="G15392" t="s">
        <v>80</v>
      </c>
      <c r="H15392" t="s">
        <v>81</v>
      </c>
      <c r="I15392" s="2">
        <v>0</v>
      </c>
      <c r="J15392" s="2">
        <v>1</v>
      </c>
      <c r="K15392" s="2">
        <v>0</v>
      </c>
      <c r="L15392" t="s">
        <v>82</v>
      </c>
      <c r="M15392" t="s">
        <v>89</v>
      </c>
      <c r="N15392" t="s">
        <v>90</v>
      </c>
      <c r="O15392" t="s">
        <v>85</v>
      </c>
      <c r="P15392" t="s">
        <v>86</v>
      </c>
      <c r="Q15392">
        <v>100</v>
      </c>
      <c r="R15392">
        <v>101</v>
      </c>
      <c r="S15392">
        <v>103</v>
      </c>
      <c r="T15392">
        <v>104</v>
      </c>
      <c r="U15392">
        <v>106</v>
      </c>
      <c r="V15392">
        <v>107</v>
      </c>
      <c r="W15392">
        <v>108</v>
      </c>
      <c r="X15392">
        <v>109</v>
      </c>
      <c r="Y15392">
        <v>110</v>
      </c>
      <c r="Z15392">
        <v>111</v>
      </c>
      <c r="AA15392">
        <v>112</v>
      </c>
      <c r="AB15392">
        <v>113</v>
      </c>
      <c r="AC15392">
        <v>114</v>
      </c>
      <c r="AD15392">
        <v>115</v>
      </c>
      <c r="AE15392">
        <v>115</v>
      </c>
      <c r="AF15392">
        <v>114</v>
      </c>
      <c r="AG15392">
        <v>114</v>
      </c>
      <c r="AH15392">
        <v>113</v>
      </c>
      <c r="AI15392">
        <v>112</v>
      </c>
      <c r="AJ15392">
        <v>112</v>
      </c>
      <c r="AK15392">
        <v>111</v>
      </c>
      <c r="AL15392">
        <v>110</v>
      </c>
      <c r="AM15392">
        <v>110</v>
      </c>
      <c r="AN15392">
        <v>109</v>
      </c>
      <c r="AO15392">
        <v>109</v>
      </c>
      <c r="AP15392">
        <v>108</v>
      </c>
      <c r="AQ15392">
        <v>107</v>
      </c>
    </row>
    <row r="15393" spans="1:43">
      <c r="A15393" t="s">
        <v>9554</v>
      </c>
      <c r="B15393" t="s">
        <v>9555</v>
      </c>
      <c r="C15393" t="s">
        <v>9542</v>
      </c>
      <c r="D15393" t="s">
        <v>9543</v>
      </c>
      <c r="E15393" t="s">
        <v>9544</v>
      </c>
      <c r="F15393" t="s">
        <v>9545</v>
      </c>
      <c r="G15393" t="s">
        <v>80</v>
      </c>
      <c r="H15393" t="s">
        <v>81</v>
      </c>
      <c r="I15393" s="2">
        <v>0</v>
      </c>
      <c r="J15393" s="2">
        <v>1</v>
      </c>
      <c r="K15393" s="2">
        <v>0</v>
      </c>
      <c r="L15393" t="s">
        <v>82</v>
      </c>
      <c r="M15393" t="s">
        <v>83</v>
      </c>
      <c r="N15393" t="s">
        <v>91</v>
      </c>
      <c r="O15393" t="s">
        <v>85</v>
      </c>
      <c r="P15393" t="s">
        <v>86</v>
      </c>
      <c r="Q15393">
        <v>100</v>
      </c>
      <c r="R15393">
        <v>101</v>
      </c>
      <c r="S15393">
        <v>101</v>
      </c>
      <c r="T15393">
        <v>102</v>
      </c>
      <c r="U15393">
        <v>103</v>
      </c>
      <c r="V15393">
        <v>103</v>
      </c>
      <c r="W15393">
        <v>104</v>
      </c>
      <c r="X15393">
        <v>105</v>
      </c>
      <c r="Y15393">
        <v>105</v>
      </c>
      <c r="Z15393">
        <v>106</v>
      </c>
      <c r="AA15393">
        <v>106</v>
      </c>
      <c r="AB15393">
        <v>107</v>
      </c>
      <c r="AC15393">
        <v>107</v>
      </c>
      <c r="AD15393">
        <v>108</v>
      </c>
      <c r="AE15393">
        <v>108</v>
      </c>
      <c r="AF15393">
        <v>109</v>
      </c>
      <c r="AG15393">
        <v>109</v>
      </c>
      <c r="AH15393">
        <v>109</v>
      </c>
      <c r="AI15393">
        <v>110</v>
      </c>
      <c r="AJ15393">
        <v>110</v>
      </c>
      <c r="AK15393">
        <v>110</v>
      </c>
      <c r="AL15393">
        <v>110</v>
      </c>
      <c r="AM15393">
        <v>109</v>
      </c>
      <c r="AN15393">
        <v>109</v>
      </c>
      <c r="AO15393">
        <v>108</v>
      </c>
      <c r="AP15393">
        <v>108</v>
      </c>
      <c r="AQ15393">
        <v>107</v>
      </c>
    </row>
    <row r="15394" spans="1:43">
      <c r="A15394" t="s">
        <v>9556</v>
      </c>
      <c r="B15394" t="s">
        <v>9557</v>
      </c>
      <c r="C15394" t="s">
        <v>9558</v>
      </c>
      <c r="D15394" t="s">
        <v>9559</v>
      </c>
      <c r="E15394" t="s">
        <v>9544</v>
      </c>
      <c r="F15394" t="s">
        <v>9545</v>
      </c>
      <c r="G15394" t="s">
        <v>80</v>
      </c>
      <c r="H15394" t="s">
        <v>81</v>
      </c>
      <c r="I15394" s="2">
        <v>0</v>
      </c>
      <c r="J15394" s="2">
        <v>1</v>
      </c>
      <c r="K15394" s="2">
        <v>0</v>
      </c>
      <c r="L15394" t="s">
        <v>82</v>
      </c>
      <c r="M15394" t="s">
        <v>83</v>
      </c>
      <c r="N15394" t="s">
        <v>84</v>
      </c>
      <c r="O15394" t="s">
        <v>85</v>
      </c>
      <c r="P15394" t="s">
        <v>86</v>
      </c>
      <c r="Q15394">
        <v>17</v>
      </c>
      <c r="R15394">
        <v>17</v>
      </c>
      <c r="S15394">
        <v>17</v>
      </c>
      <c r="T15394">
        <v>17</v>
      </c>
      <c r="U15394">
        <v>17</v>
      </c>
      <c r="V15394">
        <v>17</v>
      </c>
      <c r="W15394">
        <v>17</v>
      </c>
      <c r="X15394">
        <v>17</v>
      </c>
      <c r="Y15394">
        <v>17</v>
      </c>
      <c r="Z15394">
        <v>17</v>
      </c>
      <c r="AA15394">
        <v>18</v>
      </c>
      <c r="AB15394">
        <v>18</v>
      </c>
      <c r="AC15394">
        <v>18</v>
      </c>
      <c r="AD15394">
        <v>18</v>
      </c>
      <c r="AE15394">
        <v>18</v>
      </c>
      <c r="AF15394">
        <v>18</v>
      </c>
      <c r="AG15394">
        <v>18</v>
      </c>
      <c r="AH15394">
        <v>18</v>
      </c>
      <c r="AI15394">
        <v>18</v>
      </c>
      <c r="AJ15394">
        <v>18</v>
      </c>
      <c r="AK15394">
        <v>18</v>
      </c>
      <c r="AL15394">
        <v>18</v>
      </c>
      <c r="AM15394">
        <v>18</v>
      </c>
      <c r="AN15394">
        <v>18</v>
      </c>
      <c r="AO15394">
        <v>17</v>
      </c>
      <c r="AP15394">
        <v>17</v>
      </c>
      <c r="AQ15394">
        <v>17</v>
      </c>
    </row>
    <row r="15395" spans="1:43">
      <c r="A15395" t="s">
        <v>9556</v>
      </c>
      <c r="B15395" t="s">
        <v>9557</v>
      </c>
      <c r="C15395" t="s">
        <v>9558</v>
      </c>
      <c r="D15395" t="s">
        <v>9559</v>
      </c>
      <c r="E15395" t="s">
        <v>9544</v>
      </c>
      <c r="F15395" t="s">
        <v>9545</v>
      </c>
      <c r="G15395" t="s">
        <v>80</v>
      </c>
      <c r="H15395" t="s">
        <v>81</v>
      </c>
      <c r="I15395" s="2">
        <v>0</v>
      </c>
      <c r="J15395" s="2">
        <v>1</v>
      </c>
      <c r="K15395" s="2">
        <v>0</v>
      </c>
      <c r="L15395" t="s">
        <v>82</v>
      </c>
      <c r="M15395" t="s">
        <v>87</v>
      </c>
      <c r="N15395" t="s">
        <v>88</v>
      </c>
      <c r="O15395" t="s">
        <v>85</v>
      </c>
      <c r="P15395" t="s">
        <v>86</v>
      </c>
      <c r="Q15395">
        <v>17</v>
      </c>
      <c r="R15395">
        <v>17</v>
      </c>
      <c r="S15395">
        <v>17</v>
      </c>
      <c r="T15395">
        <v>17</v>
      </c>
      <c r="U15395">
        <v>17</v>
      </c>
      <c r="V15395">
        <v>17</v>
      </c>
      <c r="W15395">
        <v>17</v>
      </c>
      <c r="X15395">
        <v>17</v>
      </c>
      <c r="Y15395">
        <v>17</v>
      </c>
      <c r="Z15395">
        <v>17</v>
      </c>
      <c r="AA15395">
        <v>17</v>
      </c>
      <c r="AB15395">
        <v>17</v>
      </c>
      <c r="AC15395">
        <v>17</v>
      </c>
      <c r="AD15395">
        <v>17</v>
      </c>
      <c r="AE15395">
        <v>17</v>
      </c>
      <c r="AF15395">
        <v>17</v>
      </c>
      <c r="AG15395">
        <v>17</v>
      </c>
      <c r="AH15395">
        <v>17</v>
      </c>
      <c r="AI15395">
        <v>16</v>
      </c>
      <c r="AJ15395">
        <v>16</v>
      </c>
      <c r="AK15395">
        <v>16</v>
      </c>
      <c r="AL15395">
        <v>16</v>
      </c>
      <c r="AM15395">
        <v>16</v>
      </c>
      <c r="AN15395">
        <v>16</v>
      </c>
      <c r="AO15395">
        <v>16</v>
      </c>
      <c r="AP15395">
        <v>16</v>
      </c>
      <c r="AQ15395">
        <v>16</v>
      </c>
    </row>
    <row r="15396" spans="1:43">
      <c r="A15396" t="s">
        <v>9556</v>
      </c>
      <c r="B15396" t="s">
        <v>9557</v>
      </c>
      <c r="C15396" t="s">
        <v>9558</v>
      </c>
      <c r="D15396" t="s">
        <v>9559</v>
      </c>
      <c r="E15396" t="s">
        <v>9544</v>
      </c>
      <c r="F15396" t="s">
        <v>9545</v>
      </c>
      <c r="G15396" t="s">
        <v>80</v>
      </c>
      <c r="H15396" t="s">
        <v>81</v>
      </c>
      <c r="I15396" s="2">
        <v>0</v>
      </c>
      <c r="J15396" s="2">
        <v>1</v>
      </c>
      <c r="K15396" s="2">
        <v>0</v>
      </c>
      <c r="L15396" t="s">
        <v>82</v>
      </c>
      <c r="M15396" t="s">
        <v>89</v>
      </c>
      <c r="N15396" t="s">
        <v>90</v>
      </c>
      <c r="O15396" t="s">
        <v>85</v>
      </c>
      <c r="P15396" t="s">
        <v>86</v>
      </c>
      <c r="Q15396">
        <v>17</v>
      </c>
      <c r="R15396">
        <v>17</v>
      </c>
      <c r="S15396">
        <v>17</v>
      </c>
      <c r="T15396">
        <v>17</v>
      </c>
      <c r="U15396">
        <v>18</v>
      </c>
      <c r="V15396">
        <v>18</v>
      </c>
      <c r="W15396">
        <v>18</v>
      </c>
      <c r="X15396">
        <v>18</v>
      </c>
      <c r="Y15396">
        <v>18</v>
      </c>
      <c r="Z15396">
        <v>19</v>
      </c>
      <c r="AA15396">
        <v>19</v>
      </c>
      <c r="AB15396">
        <v>19</v>
      </c>
      <c r="AC15396">
        <v>19</v>
      </c>
      <c r="AD15396">
        <v>19</v>
      </c>
      <c r="AE15396">
        <v>19</v>
      </c>
      <c r="AF15396">
        <v>19</v>
      </c>
      <c r="AG15396">
        <v>19</v>
      </c>
      <c r="AH15396">
        <v>19</v>
      </c>
      <c r="AI15396">
        <v>18</v>
      </c>
      <c r="AJ15396">
        <v>18</v>
      </c>
      <c r="AK15396">
        <v>18</v>
      </c>
      <c r="AL15396">
        <v>18</v>
      </c>
      <c r="AM15396">
        <v>18</v>
      </c>
      <c r="AN15396">
        <v>18</v>
      </c>
      <c r="AO15396">
        <v>18</v>
      </c>
      <c r="AP15396">
        <v>17</v>
      </c>
      <c r="AQ15396">
        <v>17</v>
      </c>
    </row>
    <row r="15397" spans="1:43">
      <c r="A15397" t="s">
        <v>9556</v>
      </c>
      <c r="B15397" t="s">
        <v>9557</v>
      </c>
      <c r="C15397" t="s">
        <v>9558</v>
      </c>
      <c r="D15397" t="s">
        <v>9559</v>
      </c>
      <c r="E15397" t="s">
        <v>9544</v>
      </c>
      <c r="F15397" t="s">
        <v>9545</v>
      </c>
      <c r="G15397" t="s">
        <v>80</v>
      </c>
      <c r="H15397" t="s">
        <v>81</v>
      </c>
      <c r="I15397" s="2">
        <v>0</v>
      </c>
      <c r="J15397" s="2">
        <v>1</v>
      </c>
      <c r="K15397" s="2">
        <v>0</v>
      </c>
      <c r="L15397" t="s">
        <v>82</v>
      </c>
      <c r="M15397" t="s">
        <v>83</v>
      </c>
      <c r="N15397" t="s">
        <v>91</v>
      </c>
      <c r="O15397" t="s">
        <v>85</v>
      </c>
      <c r="P15397" t="s">
        <v>86</v>
      </c>
      <c r="Q15397">
        <v>17</v>
      </c>
      <c r="R15397">
        <v>17</v>
      </c>
      <c r="S15397">
        <v>17</v>
      </c>
      <c r="T15397">
        <v>17</v>
      </c>
      <c r="U15397">
        <v>17</v>
      </c>
      <c r="V15397">
        <v>17</v>
      </c>
      <c r="W15397">
        <v>17</v>
      </c>
      <c r="X15397">
        <v>17</v>
      </c>
      <c r="Y15397">
        <v>17</v>
      </c>
      <c r="Z15397">
        <v>17</v>
      </c>
      <c r="AA15397">
        <v>18</v>
      </c>
      <c r="AB15397">
        <v>18</v>
      </c>
      <c r="AC15397">
        <v>18</v>
      </c>
      <c r="AD15397">
        <v>18</v>
      </c>
      <c r="AE15397">
        <v>18</v>
      </c>
      <c r="AF15397">
        <v>18</v>
      </c>
      <c r="AG15397">
        <v>18</v>
      </c>
      <c r="AH15397">
        <v>18</v>
      </c>
      <c r="AI15397">
        <v>18</v>
      </c>
      <c r="AJ15397">
        <v>18</v>
      </c>
      <c r="AK15397">
        <v>18</v>
      </c>
      <c r="AL15397">
        <v>18</v>
      </c>
      <c r="AM15397">
        <v>18</v>
      </c>
      <c r="AN15397">
        <v>18</v>
      </c>
      <c r="AO15397">
        <v>17</v>
      </c>
      <c r="AP15397">
        <v>17</v>
      </c>
      <c r="AQ15397">
        <v>17</v>
      </c>
    </row>
    <row r="15398" spans="1:43">
      <c r="A15398" t="s">
        <v>9560</v>
      </c>
      <c r="B15398" t="s">
        <v>9561</v>
      </c>
      <c r="C15398" t="s">
        <v>9558</v>
      </c>
      <c r="D15398" t="s">
        <v>9559</v>
      </c>
      <c r="E15398" t="s">
        <v>9544</v>
      </c>
      <c r="F15398" t="s">
        <v>9545</v>
      </c>
      <c r="G15398" t="s">
        <v>80</v>
      </c>
      <c r="H15398" t="s">
        <v>81</v>
      </c>
      <c r="I15398" s="2">
        <v>0</v>
      </c>
      <c r="J15398" s="2">
        <v>1</v>
      </c>
      <c r="K15398" s="2">
        <v>0</v>
      </c>
      <c r="L15398" t="s">
        <v>82</v>
      </c>
      <c r="M15398" t="s">
        <v>83</v>
      </c>
      <c r="N15398" t="s">
        <v>84</v>
      </c>
      <c r="O15398" t="s">
        <v>85</v>
      </c>
      <c r="P15398" t="s">
        <v>86</v>
      </c>
      <c r="Q15398">
        <v>21</v>
      </c>
      <c r="R15398">
        <v>21</v>
      </c>
      <c r="S15398">
        <v>21</v>
      </c>
      <c r="T15398">
        <v>21</v>
      </c>
      <c r="U15398">
        <v>22</v>
      </c>
      <c r="V15398">
        <v>22</v>
      </c>
      <c r="W15398">
        <v>22</v>
      </c>
      <c r="X15398">
        <v>22</v>
      </c>
      <c r="Y15398">
        <v>22</v>
      </c>
      <c r="Z15398">
        <v>22</v>
      </c>
      <c r="AA15398">
        <v>22</v>
      </c>
      <c r="AB15398">
        <v>22</v>
      </c>
      <c r="AC15398">
        <v>22</v>
      </c>
      <c r="AD15398">
        <v>22</v>
      </c>
      <c r="AE15398">
        <v>22</v>
      </c>
      <c r="AF15398">
        <v>23</v>
      </c>
      <c r="AG15398">
        <v>23</v>
      </c>
      <c r="AH15398">
        <v>23</v>
      </c>
      <c r="AI15398">
        <v>23</v>
      </c>
      <c r="AJ15398">
        <v>23</v>
      </c>
      <c r="AK15398">
        <v>23</v>
      </c>
      <c r="AL15398">
        <v>23</v>
      </c>
      <c r="AM15398">
        <v>22</v>
      </c>
      <c r="AN15398">
        <v>22</v>
      </c>
      <c r="AO15398">
        <v>22</v>
      </c>
      <c r="AP15398">
        <v>22</v>
      </c>
      <c r="AQ15398">
        <v>22</v>
      </c>
    </row>
    <row r="15399" spans="1:43">
      <c r="A15399" t="s">
        <v>9560</v>
      </c>
      <c r="B15399" t="s">
        <v>9561</v>
      </c>
      <c r="C15399" t="s">
        <v>9558</v>
      </c>
      <c r="D15399" t="s">
        <v>9559</v>
      </c>
      <c r="E15399" t="s">
        <v>9544</v>
      </c>
      <c r="F15399" t="s">
        <v>9545</v>
      </c>
      <c r="G15399" t="s">
        <v>80</v>
      </c>
      <c r="H15399" t="s">
        <v>81</v>
      </c>
      <c r="I15399" s="2">
        <v>0</v>
      </c>
      <c r="J15399" s="2">
        <v>1</v>
      </c>
      <c r="K15399" s="2">
        <v>0</v>
      </c>
      <c r="L15399" t="s">
        <v>82</v>
      </c>
      <c r="M15399" t="s">
        <v>87</v>
      </c>
      <c r="N15399" t="s">
        <v>88</v>
      </c>
      <c r="O15399" t="s">
        <v>85</v>
      </c>
      <c r="P15399" t="s">
        <v>86</v>
      </c>
      <c r="Q15399">
        <v>21</v>
      </c>
      <c r="R15399">
        <v>21</v>
      </c>
      <c r="S15399">
        <v>21</v>
      </c>
      <c r="T15399">
        <v>21</v>
      </c>
      <c r="U15399">
        <v>21</v>
      </c>
      <c r="V15399">
        <v>21</v>
      </c>
      <c r="W15399">
        <v>20</v>
      </c>
      <c r="X15399">
        <v>20</v>
      </c>
      <c r="Y15399">
        <v>20</v>
      </c>
      <c r="Z15399">
        <v>20</v>
      </c>
      <c r="AA15399">
        <v>20</v>
      </c>
      <c r="AB15399">
        <v>20</v>
      </c>
      <c r="AC15399">
        <v>20</v>
      </c>
      <c r="AD15399">
        <v>20</v>
      </c>
      <c r="AE15399">
        <v>20</v>
      </c>
      <c r="AF15399">
        <v>20</v>
      </c>
      <c r="AG15399">
        <v>20</v>
      </c>
      <c r="AH15399">
        <v>20</v>
      </c>
      <c r="AI15399">
        <v>20</v>
      </c>
      <c r="AJ15399">
        <v>19</v>
      </c>
      <c r="AK15399">
        <v>19</v>
      </c>
      <c r="AL15399">
        <v>19</v>
      </c>
      <c r="AM15399">
        <v>19</v>
      </c>
      <c r="AN15399">
        <v>19</v>
      </c>
      <c r="AO15399">
        <v>19</v>
      </c>
      <c r="AP15399">
        <v>19</v>
      </c>
      <c r="AQ15399">
        <v>19</v>
      </c>
    </row>
    <row r="15400" spans="1:43">
      <c r="A15400" t="s">
        <v>9560</v>
      </c>
      <c r="B15400" t="s">
        <v>9561</v>
      </c>
      <c r="C15400" t="s">
        <v>9558</v>
      </c>
      <c r="D15400" t="s">
        <v>9559</v>
      </c>
      <c r="E15400" t="s">
        <v>9544</v>
      </c>
      <c r="F15400" t="s">
        <v>9545</v>
      </c>
      <c r="G15400" t="s">
        <v>80</v>
      </c>
      <c r="H15400" t="s">
        <v>81</v>
      </c>
      <c r="I15400" s="2">
        <v>0</v>
      </c>
      <c r="J15400" s="2">
        <v>1</v>
      </c>
      <c r="K15400" s="2">
        <v>0</v>
      </c>
      <c r="L15400" t="s">
        <v>82</v>
      </c>
      <c r="M15400" t="s">
        <v>89</v>
      </c>
      <c r="N15400" t="s">
        <v>90</v>
      </c>
      <c r="O15400" t="s">
        <v>85</v>
      </c>
      <c r="P15400" t="s">
        <v>86</v>
      </c>
      <c r="Q15400">
        <v>21</v>
      </c>
      <c r="R15400">
        <v>22</v>
      </c>
      <c r="S15400">
        <v>22</v>
      </c>
      <c r="T15400">
        <v>22</v>
      </c>
      <c r="U15400">
        <v>22</v>
      </c>
      <c r="V15400">
        <v>23</v>
      </c>
      <c r="W15400">
        <v>23</v>
      </c>
      <c r="X15400">
        <v>23</v>
      </c>
      <c r="Y15400">
        <v>23</v>
      </c>
      <c r="Z15400">
        <v>23</v>
      </c>
      <c r="AA15400">
        <v>24</v>
      </c>
      <c r="AB15400">
        <v>24</v>
      </c>
      <c r="AC15400">
        <v>24</v>
      </c>
      <c r="AD15400">
        <v>24</v>
      </c>
      <c r="AE15400">
        <v>24</v>
      </c>
      <c r="AF15400">
        <v>24</v>
      </c>
      <c r="AG15400">
        <v>24</v>
      </c>
      <c r="AH15400">
        <v>24</v>
      </c>
      <c r="AI15400">
        <v>23</v>
      </c>
      <c r="AJ15400">
        <v>23</v>
      </c>
      <c r="AK15400">
        <v>23</v>
      </c>
      <c r="AL15400">
        <v>23</v>
      </c>
      <c r="AM15400">
        <v>23</v>
      </c>
      <c r="AN15400">
        <v>23</v>
      </c>
      <c r="AO15400">
        <v>22</v>
      </c>
      <c r="AP15400">
        <v>22</v>
      </c>
      <c r="AQ15400">
        <v>22</v>
      </c>
    </row>
    <row r="15401" spans="1:43">
      <c r="A15401" t="s">
        <v>9560</v>
      </c>
      <c r="B15401" t="s">
        <v>9561</v>
      </c>
      <c r="C15401" t="s">
        <v>9558</v>
      </c>
      <c r="D15401" t="s">
        <v>9559</v>
      </c>
      <c r="E15401" t="s">
        <v>9544</v>
      </c>
      <c r="F15401" t="s">
        <v>9545</v>
      </c>
      <c r="G15401" t="s">
        <v>80</v>
      </c>
      <c r="H15401" t="s">
        <v>81</v>
      </c>
      <c r="I15401" s="2">
        <v>0</v>
      </c>
      <c r="J15401" s="2">
        <v>1</v>
      </c>
      <c r="K15401" s="2">
        <v>0</v>
      </c>
      <c r="L15401" t="s">
        <v>82</v>
      </c>
      <c r="M15401" t="s">
        <v>83</v>
      </c>
      <c r="N15401" t="s">
        <v>91</v>
      </c>
      <c r="O15401" t="s">
        <v>85</v>
      </c>
      <c r="P15401" t="s">
        <v>86</v>
      </c>
      <c r="Q15401">
        <v>21</v>
      </c>
      <c r="R15401">
        <v>21</v>
      </c>
      <c r="S15401">
        <v>21</v>
      </c>
      <c r="T15401">
        <v>21</v>
      </c>
      <c r="U15401">
        <v>22</v>
      </c>
      <c r="V15401">
        <v>22</v>
      </c>
      <c r="W15401">
        <v>22</v>
      </c>
      <c r="X15401">
        <v>22</v>
      </c>
      <c r="Y15401">
        <v>22</v>
      </c>
      <c r="Z15401">
        <v>22</v>
      </c>
      <c r="AA15401">
        <v>22</v>
      </c>
      <c r="AB15401">
        <v>22</v>
      </c>
      <c r="AC15401">
        <v>22</v>
      </c>
      <c r="AD15401">
        <v>22</v>
      </c>
      <c r="AE15401">
        <v>22</v>
      </c>
      <c r="AF15401">
        <v>23</v>
      </c>
      <c r="AG15401">
        <v>23</v>
      </c>
      <c r="AH15401">
        <v>23</v>
      </c>
      <c r="AI15401">
        <v>23</v>
      </c>
      <c r="AJ15401">
        <v>23</v>
      </c>
      <c r="AK15401">
        <v>23</v>
      </c>
      <c r="AL15401">
        <v>23</v>
      </c>
      <c r="AM15401">
        <v>22</v>
      </c>
      <c r="AN15401">
        <v>22</v>
      </c>
      <c r="AO15401">
        <v>22</v>
      </c>
      <c r="AP15401">
        <v>22</v>
      </c>
      <c r="AQ15401">
        <v>22</v>
      </c>
    </row>
    <row r="15402" spans="1:43">
      <c r="A15402" t="s">
        <v>9562</v>
      </c>
      <c r="B15402" t="s">
        <v>9563</v>
      </c>
      <c r="C15402" t="s">
        <v>9558</v>
      </c>
      <c r="D15402" t="s">
        <v>9559</v>
      </c>
      <c r="E15402" t="s">
        <v>9544</v>
      </c>
      <c r="F15402" t="s">
        <v>9545</v>
      </c>
      <c r="G15402" t="s">
        <v>80</v>
      </c>
      <c r="H15402" t="s">
        <v>81</v>
      </c>
      <c r="I15402" s="2">
        <v>0</v>
      </c>
      <c r="J15402" s="2">
        <v>1</v>
      </c>
      <c r="K15402" s="2">
        <v>0</v>
      </c>
      <c r="L15402" t="s">
        <v>82</v>
      </c>
      <c r="M15402" t="s">
        <v>83</v>
      </c>
      <c r="N15402" t="s">
        <v>84</v>
      </c>
      <c r="O15402" t="s">
        <v>85</v>
      </c>
      <c r="P15402" t="s">
        <v>86</v>
      </c>
      <c r="Q15402">
        <v>29</v>
      </c>
      <c r="R15402">
        <v>30</v>
      </c>
      <c r="S15402">
        <v>30</v>
      </c>
      <c r="T15402">
        <v>30</v>
      </c>
      <c r="U15402">
        <v>30</v>
      </c>
      <c r="V15402">
        <v>30</v>
      </c>
      <c r="W15402">
        <v>30</v>
      </c>
      <c r="X15402">
        <v>31</v>
      </c>
      <c r="Y15402">
        <v>31</v>
      </c>
      <c r="Z15402">
        <v>31</v>
      </c>
      <c r="AA15402">
        <v>31</v>
      </c>
      <c r="AB15402">
        <v>31</v>
      </c>
      <c r="AC15402">
        <v>31</v>
      </c>
      <c r="AD15402">
        <v>31</v>
      </c>
      <c r="AE15402">
        <v>31</v>
      </c>
      <c r="AF15402">
        <v>31</v>
      </c>
      <c r="AG15402">
        <v>31</v>
      </c>
      <c r="AH15402">
        <v>31</v>
      </c>
      <c r="AI15402">
        <v>32</v>
      </c>
      <c r="AJ15402">
        <v>32</v>
      </c>
      <c r="AK15402">
        <v>32</v>
      </c>
      <c r="AL15402">
        <v>31</v>
      </c>
      <c r="AM15402">
        <v>31</v>
      </c>
      <c r="AN15402">
        <v>31</v>
      </c>
      <c r="AO15402">
        <v>31</v>
      </c>
      <c r="AP15402">
        <v>30</v>
      </c>
      <c r="AQ15402">
        <v>30</v>
      </c>
    </row>
    <row r="15403" spans="1:43">
      <c r="A15403" t="s">
        <v>9562</v>
      </c>
      <c r="B15403" t="s">
        <v>9563</v>
      </c>
      <c r="C15403" t="s">
        <v>9558</v>
      </c>
      <c r="D15403" t="s">
        <v>9559</v>
      </c>
      <c r="E15403" t="s">
        <v>9544</v>
      </c>
      <c r="F15403" t="s">
        <v>9545</v>
      </c>
      <c r="G15403" t="s">
        <v>80</v>
      </c>
      <c r="H15403" t="s">
        <v>81</v>
      </c>
      <c r="I15403" s="2">
        <v>0</v>
      </c>
      <c r="J15403" s="2">
        <v>1</v>
      </c>
      <c r="K15403" s="2">
        <v>0</v>
      </c>
      <c r="L15403" t="s">
        <v>82</v>
      </c>
      <c r="M15403" t="s">
        <v>87</v>
      </c>
      <c r="N15403" t="s">
        <v>88</v>
      </c>
      <c r="O15403" t="s">
        <v>85</v>
      </c>
      <c r="P15403" t="s">
        <v>86</v>
      </c>
      <c r="Q15403">
        <v>29</v>
      </c>
      <c r="R15403">
        <v>29</v>
      </c>
      <c r="S15403">
        <v>29</v>
      </c>
      <c r="T15403">
        <v>29</v>
      </c>
      <c r="U15403">
        <v>29</v>
      </c>
      <c r="V15403">
        <v>29</v>
      </c>
      <c r="W15403">
        <v>29</v>
      </c>
      <c r="X15403">
        <v>28</v>
      </c>
      <c r="Y15403">
        <v>28</v>
      </c>
      <c r="Z15403">
        <v>28</v>
      </c>
      <c r="AA15403">
        <v>28</v>
      </c>
      <c r="AB15403">
        <v>28</v>
      </c>
      <c r="AC15403">
        <v>28</v>
      </c>
      <c r="AD15403">
        <v>28</v>
      </c>
      <c r="AE15403">
        <v>28</v>
      </c>
      <c r="AF15403">
        <v>28</v>
      </c>
      <c r="AG15403">
        <v>27</v>
      </c>
      <c r="AH15403">
        <v>27</v>
      </c>
      <c r="AI15403">
        <v>27</v>
      </c>
      <c r="AJ15403">
        <v>27</v>
      </c>
      <c r="AK15403">
        <v>27</v>
      </c>
      <c r="AL15403">
        <v>27</v>
      </c>
      <c r="AM15403">
        <v>27</v>
      </c>
      <c r="AN15403">
        <v>27</v>
      </c>
      <c r="AO15403">
        <v>27</v>
      </c>
      <c r="AP15403">
        <v>26</v>
      </c>
      <c r="AQ15403">
        <v>26</v>
      </c>
    </row>
    <row r="15404" spans="1:43">
      <c r="A15404" t="s">
        <v>9562</v>
      </c>
      <c r="B15404" t="s">
        <v>9563</v>
      </c>
      <c r="C15404" t="s">
        <v>9558</v>
      </c>
      <c r="D15404" t="s">
        <v>9559</v>
      </c>
      <c r="E15404" t="s">
        <v>9544</v>
      </c>
      <c r="F15404" t="s">
        <v>9545</v>
      </c>
      <c r="G15404" t="s">
        <v>80</v>
      </c>
      <c r="H15404" t="s">
        <v>81</v>
      </c>
      <c r="I15404" s="2">
        <v>0</v>
      </c>
      <c r="J15404" s="2">
        <v>1</v>
      </c>
      <c r="K15404" s="2">
        <v>0</v>
      </c>
      <c r="L15404" t="s">
        <v>82</v>
      </c>
      <c r="M15404" t="s">
        <v>89</v>
      </c>
      <c r="N15404" t="s">
        <v>90</v>
      </c>
      <c r="O15404" t="s">
        <v>85</v>
      </c>
      <c r="P15404" t="s">
        <v>86</v>
      </c>
      <c r="Q15404">
        <v>29</v>
      </c>
      <c r="R15404">
        <v>29</v>
      </c>
      <c r="S15404">
        <v>30</v>
      </c>
      <c r="T15404">
        <v>30</v>
      </c>
      <c r="U15404">
        <v>30</v>
      </c>
      <c r="V15404">
        <v>31</v>
      </c>
      <c r="W15404">
        <v>31</v>
      </c>
      <c r="X15404">
        <v>31</v>
      </c>
      <c r="Y15404">
        <v>32</v>
      </c>
      <c r="Z15404">
        <v>32</v>
      </c>
      <c r="AA15404">
        <v>32</v>
      </c>
      <c r="AB15404">
        <v>32</v>
      </c>
      <c r="AC15404">
        <v>32</v>
      </c>
      <c r="AD15404">
        <v>33</v>
      </c>
      <c r="AE15404">
        <v>33</v>
      </c>
      <c r="AF15404">
        <v>32</v>
      </c>
      <c r="AG15404">
        <v>32</v>
      </c>
      <c r="AH15404">
        <v>32</v>
      </c>
      <c r="AI15404">
        <v>32</v>
      </c>
      <c r="AJ15404">
        <v>31</v>
      </c>
      <c r="AK15404">
        <v>31</v>
      </c>
      <c r="AL15404">
        <v>31</v>
      </c>
      <c r="AM15404">
        <v>30</v>
      </c>
      <c r="AN15404">
        <v>30</v>
      </c>
      <c r="AO15404">
        <v>30</v>
      </c>
      <c r="AP15404">
        <v>30</v>
      </c>
      <c r="AQ15404">
        <v>29</v>
      </c>
    </row>
    <row r="15405" spans="1:43">
      <c r="A15405" t="s">
        <v>9562</v>
      </c>
      <c r="B15405" t="s">
        <v>9563</v>
      </c>
      <c r="C15405" t="s">
        <v>9558</v>
      </c>
      <c r="D15405" t="s">
        <v>9559</v>
      </c>
      <c r="E15405" t="s">
        <v>9544</v>
      </c>
      <c r="F15405" t="s">
        <v>9545</v>
      </c>
      <c r="G15405" t="s">
        <v>80</v>
      </c>
      <c r="H15405" t="s">
        <v>81</v>
      </c>
      <c r="I15405" s="2">
        <v>0</v>
      </c>
      <c r="J15405" s="2">
        <v>1</v>
      </c>
      <c r="K15405" s="2">
        <v>0</v>
      </c>
      <c r="L15405" t="s">
        <v>82</v>
      </c>
      <c r="M15405" t="s">
        <v>83</v>
      </c>
      <c r="N15405" t="s">
        <v>91</v>
      </c>
      <c r="O15405" t="s">
        <v>85</v>
      </c>
      <c r="P15405" t="s">
        <v>86</v>
      </c>
      <c r="Q15405">
        <v>29</v>
      </c>
      <c r="R15405">
        <v>30</v>
      </c>
      <c r="S15405">
        <v>30</v>
      </c>
      <c r="T15405">
        <v>30</v>
      </c>
      <c r="U15405">
        <v>30</v>
      </c>
      <c r="V15405">
        <v>30</v>
      </c>
      <c r="W15405">
        <v>30</v>
      </c>
      <c r="X15405">
        <v>31</v>
      </c>
      <c r="Y15405">
        <v>31</v>
      </c>
      <c r="Z15405">
        <v>31</v>
      </c>
      <c r="AA15405">
        <v>31</v>
      </c>
      <c r="AB15405">
        <v>31</v>
      </c>
      <c r="AC15405">
        <v>31</v>
      </c>
      <c r="AD15405">
        <v>31</v>
      </c>
      <c r="AE15405">
        <v>31</v>
      </c>
      <c r="AF15405">
        <v>31</v>
      </c>
      <c r="AG15405">
        <v>31</v>
      </c>
      <c r="AH15405">
        <v>31</v>
      </c>
      <c r="AI15405">
        <v>32</v>
      </c>
      <c r="AJ15405">
        <v>32</v>
      </c>
      <c r="AK15405">
        <v>32</v>
      </c>
      <c r="AL15405">
        <v>31</v>
      </c>
      <c r="AM15405">
        <v>31</v>
      </c>
      <c r="AN15405">
        <v>31</v>
      </c>
      <c r="AO15405">
        <v>31</v>
      </c>
      <c r="AP15405">
        <v>30</v>
      </c>
      <c r="AQ15405">
        <v>30</v>
      </c>
    </row>
    <row r="15406" spans="1:43">
      <c r="A15406" t="s">
        <v>9564</v>
      </c>
      <c r="B15406" t="s">
        <v>9565</v>
      </c>
      <c r="C15406" t="s">
        <v>9548</v>
      </c>
      <c r="D15406" t="s">
        <v>9549</v>
      </c>
      <c r="E15406" t="s">
        <v>9544</v>
      </c>
      <c r="F15406" t="s">
        <v>9545</v>
      </c>
      <c r="G15406" t="s">
        <v>80</v>
      </c>
      <c r="H15406" t="s">
        <v>81</v>
      </c>
      <c r="I15406" s="2">
        <v>0</v>
      </c>
      <c r="J15406" s="2">
        <v>1</v>
      </c>
      <c r="K15406" s="2">
        <v>0</v>
      </c>
      <c r="L15406" t="s">
        <v>82</v>
      </c>
      <c r="M15406" t="s">
        <v>83</v>
      </c>
      <c r="N15406" t="s">
        <v>84</v>
      </c>
      <c r="O15406" t="s">
        <v>85</v>
      </c>
      <c r="P15406" t="s">
        <v>86</v>
      </c>
      <c r="Q15406">
        <v>0</v>
      </c>
      <c r="R15406">
        <v>0</v>
      </c>
      <c r="S15406">
        <v>0</v>
      </c>
      <c r="T15406">
        <v>0</v>
      </c>
      <c r="U15406">
        <v>0</v>
      </c>
      <c r="V15406">
        <v>0</v>
      </c>
      <c r="W15406">
        <v>0</v>
      </c>
      <c r="X15406">
        <v>0</v>
      </c>
      <c r="Y15406">
        <v>0</v>
      </c>
      <c r="Z15406">
        <v>0</v>
      </c>
      <c r="AA15406">
        <v>0</v>
      </c>
      <c r="AB15406">
        <v>0</v>
      </c>
      <c r="AC15406">
        <v>0</v>
      </c>
      <c r="AD15406">
        <v>0</v>
      </c>
      <c r="AE15406">
        <v>0</v>
      </c>
      <c r="AF15406">
        <v>0</v>
      </c>
      <c r="AG15406">
        <v>0</v>
      </c>
      <c r="AH15406">
        <v>0</v>
      </c>
      <c r="AI15406">
        <v>0</v>
      </c>
      <c r="AJ15406">
        <v>0</v>
      </c>
      <c r="AK15406">
        <v>0</v>
      </c>
      <c r="AL15406">
        <v>0</v>
      </c>
      <c r="AM15406">
        <v>0</v>
      </c>
      <c r="AN15406">
        <v>0</v>
      </c>
      <c r="AO15406">
        <v>0</v>
      </c>
      <c r="AP15406">
        <v>0</v>
      </c>
      <c r="AQ15406">
        <v>0</v>
      </c>
    </row>
    <row r="15407" spans="1:43">
      <c r="A15407" t="s">
        <v>9564</v>
      </c>
      <c r="B15407" t="s">
        <v>9565</v>
      </c>
      <c r="C15407" t="s">
        <v>9548</v>
      </c>
      <c r="D15407" t="s">
        <v>9549</v>
      </c>
      <c r="E15407" t="s">
        <v>9544</v>
      </c>
      <c r="F15407" t="s">
        <v>9545</v>
      </c>
      <c r="G15407" t="s">
        <v>80</v>
      </c>
      <c r="H15407" t="s">
        <v>81</v>
      </c>
      <c r="I15407" s="2">
        <v>0</v>
      </c>
      <c r="J15407" s="2">
        <v>1</v>
      </c>
      <c r="K15407" s="2">
        <v>0</v>
      </c>
      <c r="L15407" t="s">
        <v>82</v>
      </c>
      <c r="M15407" t="s">
        <v>87</v>
      </c>
      <c r="N15407" t="s">
        <v>88</v>
      </c>
      <c r="O15407" t="s">
        <v>85</v>
      </c>
      <c r="P15407" t="s">
        <v>86</v>
      </c>
      <c r="Q15407">
        <v>0</v>
      </c>
      <c r="R15407">
        <v>0</v>
      </c>
      <c r="S15407">
        <v>0</v>
      </c>
      <c r="T15407">
        <v>0</v>
      </c>
      <c r="U15407">
        <v>0</v>
      </c>
      <c r="V15407">
        <v>0</v>
      </c>
      <c r="W15407">
        <v>0</v>
      </c>
      <c r="X15407">
        <v>0</v>
      </c>
      <c r="Y15407">
        <v>0</v>
      </c>
      <c r="Z15407">
        <v>0</v>
      </c>
      <c r="AA15407">
        <v>0</v>
      </c>
      <c r="AB15407">
        <v>0</v>
      </c>
      <c r="AC15407">
        <v>0</v>
      </c>
      <c r="AD15407">
        <v>0</v>
      </c>
      <c r="AE15407">
        <v>0</v>
      </c>
      <c r="AF15407">
        <v>0</v>
      </c>
      <c r="AG15407">
        <v>0</v>
      </c>
      <c r="AH15407">
        <v>0</v>
      </c>
      <c r="AI15407">
        <v>0</v>
      </c>
      <c r="AJ15407">
        <v>0</v>
      </c>
      <c r="AK15407">
        <v>0</v>
      </c>
      <c r="AL15407">
        <v>0</v>
      </c>
      <c r="AM15407">
        <v>0</v>
      </c>
      <c r="AN15407">
        <v>0</v>
      </c>
      <c r="AO15407">
        <v>0</v>
      </c>
      <c r="AP15407">
        <v>0</v>
      </c>
      <c r="AQ15407">
        <v>0</v>
      </c>
    </row>
    <row r="15408" spans="1:43">
      <c r="A15408" t="s">
        <v>9564</v>
      </c>
      <c r="B15408" t="s">
        <v>9565</v>
      </c>
      <c r="C15408" t="s">
        <v>9548</v>
      </c>
      <c r="D15408" t="s">
        <v>9549</v>
      </c>
      <c r="E15408" t="s">
        <v>9544</v>
      </c>
      <c r="F15408" t="s">
        <v>9545</v>
      </c>
      <c r="G15408" t="s">
        <v>80</v>
      </c>
      <c r="H15408" t="s">
        <v>81</v>
      </c>
      <c r="I15408" s="2">
        <v>0</v>
      </c>
      <c r="J15408" s="2">
        <v>1</v>
      </c>
      <c r="K15408" s="2">
        <v>0</v>
      </c>
      <c r="L15408" t="s">
        <v>82</v>
      </c>
      <c r="M15408" t="s">
        <v>89</v>
      </c>
      <c r="N15408" t="s">
        <v>90</v>
      </c>
      <c r="O15408" t="s">
        <v>85</v>
      </c>
      <c r="P15408" t="s">
        <v>86</v>
      </c>
      <c r="Q15408">
        <v>0</v>
      </c>
      <c r="R15408">
        <v>0</v>
      </c>
      <c r="S15408">
        <v>0</v>
      </c>
      <c r="T15408">
        <v>0</v>
      </c>
      <c r="U15408">
        <v>0</v>
      </c>
      <c r="V15408">
        <v>0</v>
      </c>
      <c r="W15408">
        <v>0</v>
      </c>
      <c r="X15408">
        <v>0</v>
      </c>
      <c r="Y15408">
        <v>0</v>
      </c>
      <c r="Z15408">
        <v>0</v>
      </c>
      <c r="AA15408">
        <v>0</v>
      </c>
      <c r="AB15408">
        <v>0</v>
      </c>
      <c r="AC15408">
        <v>0</v>
      </c>
      <c r="AD15408">
        <v>0</v>
      </c>
      <c r="AE15408">
        <v>0</v>
      </c>
      <c r="AF15408">
        <v>0</v>
      </c>
      <c r="AG15408">
        <v>0</v>
      </c>
      <c r="AH15408">
        <v>0</v>
      </c>
      <c r="AI15408">
        <v>0</v>
      </c>
      <c r="AJ15408">
        <v>0</v>
      </c>
      <c r="AK15408">
        <v>0</v>
      </c>
      <c r="AL15408">
        <v>0</v>
      </c>
      <c r="AM15408">
        <v>0</v>
      </c>
      <c r="AN15408">
        <v>0</v>
      </c>
      <c r="AO15408">
        <v>0</v>
      </c>
      <c r="AP15408">
        <v>0</v>
      </c>
      <c r="AQ15408">
        <v>0</v>
      </c>
    </row>
    <row r="15409" spans="1:43">
      <c r="A15409" t="s">
        <v>9564</v>
      </c>
      <c r="B15409" t="s">
        <v>9565</v>
      </c>
      <c r="C15409" t="s">
        <v>9548</v>
      </c>
      <c r="D15409" t="s">
        <v>9549</v>
      </c>
      <c r="E15409" t="s">
        <v>9544</v>
      </c>
      <c r="F15409" t="s">
        <v>9545</v>
      </c>
      <c r="G15409" t="s">
        <v>80</v>
      </c>
      <c r="H15409" t="s">
        <v>81</v>
      </c>
      <c r="I15409" s="2">
        <v>0</v>
      </c>
      <c r="J15409" s="2">
        <v>1</v>
      </c>
      <c r="K15409" s="2">
        <v>0</v>
      </c>
      <c r="L15409" t="s">
        <v>82</v>
      </c>
      <c r="M15409" t="s">
        <v>83</v>
      </c>
      <c r="N15409" t="s">
        <v>91</v>
      </c>
      <c r="O15409" t="s">
        <v>85</v>
      </c>
      <c r="P15409" t="s">
        <v>86</v>
      </c>
      <c r="Q15409">
        <v>0</v>
      </c>
      <c r="R15409">
        <v>0</v>
      </c>
      <c r="S15409">
        <v>0</v>
      </c>
      <c r="T15409">
        <v>0</v>
      </c>
      <c r="U15409">
        <v>0</v>
      </c>
      <c r="V15409">
        <v>0</v>
      </c>
      <c r="W15409">
        <v>0</v>
      </c>
      <c r="X15409">
        <v>0</v>
      </c>
      <c r="Y15409">
        <v>0</v>
      </c>
      <c r="Z15409">
        <v>0</v>
      </c>
      <c r="AA15409">
        <v>0</v>
      </c>
      <c r="AB15409">
        <v>0</v>
      </c>
      <c r="AC15409">
        <v>0</v>
      </c>
      <c r="AD15409">
        <v>0</v>
      </c>
      <c r="AE15409">
        <v>0</v>
      </c>
      <c r="AF15409">
        <v>0</v>
      </c>
      <c r="AG15409">
        <v>0</v>
      </c>
      <c r="AH15409">
        <v>0</v>
      </c>
      <c r="AI15409">
        <v>0</v>
      </c>
      <c r="AJ15409">
        <v>0</v>
      </c>
      <c r="AK15409">
        <v>0</v>
      </c>
      <c r="AL15409">
        <v>0</v>
      </c>
      <c r="AM15409">
        <v>0</v>
      </c>
      <c r="AN15409">
        <v>0</v>
      </c>
      <c r="AO15409">
        <v>0</v>
      </c>
      <c r="AP15409">
        <v>0</v>
      </c>
      <c r="AQ15409">
        <v>0</v>
      </c>
    </row>
    <row r="15410" spans="1:43">
      <c r="A15410" t="s">
        <v>9566</v>
      </c>
      <c r="B15410" t="s">
        <v>9567</v>
      </c>
      <c r="C15410" t="s">
        <v>9568</v>
      </c>
      <c r="D15410" t="s">
        <v>9569</v>
      </c>
      <c r="E15410" t="s">
        <v>9544</v>
      </c>
      <c r="F15410" t="s">
        <v>9545</v>
      </c>
      <c r="G15410" t="s">
        <v>80</v>
      </c>
      <c r="H15410" t="s">
        <v>81</v>
      </c>
      <c r="I15410" s="2">
        <v>0</v>
      </c>
      <c r="J15410" s="2">
        <v>1</v>
      </c>
      <c r="K15410" s="2">
        <v>0</v>
      </c>
      <c r="L15410" t="s">
        <v>82</v>
      </c>
      <c r="M15410" t="s">
        <v>83</v>
      </c>
      <c r="N15410" t="s">
        <v>84</v>
      </c>
      <c r="O15410" t="s">
        <v>85</v>
      </c>
      <c r="P15410" t="s">
        <v>86</v>
      </c>
      <c r="Q15410">
        <v>65</v>
      </c>
      <c r="R15410">
        <v>66</v>
      </c>
      <c r="S15410">
        <v>66</v>
      </c>
      <c r="T15410">
        <v>66</v>
      </c>
      <c r="U15410">
        <v>67</v>
      </c>
      <c r="V15410">
        <v>67</v>
      </c>
      <c r="W15410">
        <v>68</v>
      </c>
      <c r="X15410">
        <v>68</v>
      </c>
      <c r="Y15410">
        <v>68</v>
      </c>
      <c r="Z15410">
        <v>69</v>
      </c>
      <c r="AA15410">
        <v>69</v>
      </c>
      <c r="AB15410">
        <v>69</v>
      </c>
      <c r="AC15410">
        <v>69</v>
      </c>
      <c r="AD15410">
        <v>70</v>
      </c>
      <c r="AE15410">
        <v>70</v>
      </c>
      <c r="AF15410">
        <v>70</v>
      </c>
      <c r="AG15410">
        <v>70</v>
      </c>
      <c r="AH15410">
        <v>70</v>
      </c>
      <c r="AI15410">
        <v>71</v>
      </c>
      <c r="AJ15410">
        <v>71</v>
      </c>
      <c r="AK15410">
        <v>71</v>
      </c>
      <c r="AL15410">
        <v>71</v>
      </c>
      <c r="AM15410">
        <v>70</v>
      </c>
      <c r="AN15410">
        <v>70</v>
      </c>
      <c r="AO15410">
        <v>69</v>
      </c>
      <c r="AP15410">
        <v>69</v>
      </c>
      <c r="AQ15410">
        <v>68</v>
      </c>
    </row>
    <row r="15411" spans="1:43">
      <c r="A15411" t="s">
        <v>9566</v>
      </c>
      <c r="B15411" t="s">
        <v>9567</v>
      </c>
      <c r="C15411" t="s">
        <v>9568</v>
      </c>
      <c r="D15411" t="s">
        <v>9569</v>
      </c>
      <c r="E15411" t="s">
        <v>9544</v>
      </c>
      <c r="F15411" t="s">
        <v>9545</v>
      </c>
      <c r="G15411" t="s">
        <v>80</v>
      </c>
      <c r="H15411" t="s">
        <v>81</v>
      </c>
      <c r="I15411" s="2">
        <v>0</v>
      </c>
      <c r="J15411" s="2">
        <v>1</v>
      </c>
      <c r="K15411" s="2">
        <v>0</v>
      </c>
      <c r="L15411" t="s">
        <v>82</v>
      </c>
      <c r="M15411" t="s">
        <v>87</v>
      </c>
      <c r="N15411" t="s">
        <v>88</v>
      </c>
      <c r="O15411" t="s">
        <v>85</v>
      </c>
      <c r="P15411" t="s">
        <v>86</v>
      </c>
      <c r="Q15411">
        <v>65</v>
      </c>
      <c r="R15411">
        <v>64</v>
      </c>
      <c r="S15411">
        <v>64</v>
      </c>
      <c r="T15411">
        <v>64</v>
      </c>
      <c r="U15411">
        <v>64</v>
      </c>
      <c r="V15411">
        <v>64</v>
      </c>
      <c r="W15411">
        <v>63</v>
      </c>
      <c r="X15411">
        <v>63</v>
      </c>
      <c r="Y15411">
        <v>63</v>
      </c>
      <c r="Z15411">
        <v>63</v>
      </c>
      <c r="AA15411">
        <v>63</v>
      </c>
      <c r="AB15411">
        <v>63</v>
      </c>
      <c r="AC15411">
        <v>62</v>
      </c>
      <c r="AD15411">
        <v>62</v>
      </c>
      <c r="AE15411">
        <v>62</v>
      </c>
      <c r="AF15411">
        <v>62</v>
      </c>
      <c r="AG15411">
        <v>61</v>
      </c>
      <c r="AH15411">
        <v>61</v>
      </c>
      <c r="AI15411">
        <v>61</v>
      </c>
      <c r="AJ15411">
        <v>61</v>
      </c>
      <c r="AK15411">
        <v>61</v>
      </c>
      <c r="AL15411">
        <v>60</v>
      </c>
      <c r="AM15411">
        <v>60</v>
      </c>
      <c r="AN15411">
        <v>60</v>
      </c>
      <c r="AO15411">
        <v>60</v>
      </c>
      <c r="AP15411">
        <v>59</v>
      </c>
      <c r="AQ15411">
        <v>59</v>
      </c>
    </row>
    <row r="15412" spans="1:43">
      <c r="A15412" t="s">
        <v>9566</v>
      </c>
      <c r="B15412" t="s">
        <v>9567</v>
      </c>
      <c r="C15412" t="s">
        <v>9568</v>
      </c>
      <c r="D15412" t="s">
        <v>9569</v>
      </c>
      <c r="E15412" t="s">
        <v>9544</v>
      </c>
      <c r="F15412" t="s">
        <v>9545</v>
      </c>
      <c r="G15412" t="s">
        <v>80</v>
      </c>
      <c r="H15412" t="s">
        <v>81</v>
      </c>
      <c r="I15412" s="2">
        <v>0</v>
      </c>
      <c r="J15412" s="2">
        <v>1</v>
      </c>
      <c r="K15412" s="2">
        <v>0</v>
      </c>
      <c r="L15412" t="s">
        <v>82</v>
      </c>
      <c r="M15412" t="s">
        <v>89</v>
      </c>
      <c r="N15412" t="s">
        <v>90</v>
      </c>
      <c r="O15412" t="s">
        <v>85</v>
      </c>
      <c r="P15412" t="s">
        <v>86</v>
      </c>
      <c r="Q15412">
        <v>65</v>
      </c>
      <c r="R15412">
        <v>66</v>
      </c>
      <c r="S15412">
        <v>67</v>
      </c>
      <c r="T15412">
        <v>68</v>
      </c>
      <c r="U15412">
        <v>68</v>
      </c>
      <c r="V15412">
        <v>69</v>
      </c>
      <c r="W15412">
        <v>70</v>
      </c>
      <c r="X15412">
        <v>71</v>
      </c>
      <c r="Y15412">
        <v>71</v>
      </c>
      <c r="Z15412">
        <v>72</v>
      </c>
      <c r="AA15412">
        <v>72</v>
      </c>
      <c r="AB15412">
        <v>73</v>
      </c>
      <c r="AC15412">
        <v>73</v>
      </c>
      <c r="AD15412">
        <v>74</v>
      </c>
      <c r="AE15412">
        <v>74</v>
      </c>
      <c r="AF15412">
        <v>73</v>
      </c>
      <c r="AG15412">
        <v>73</v>
      </c>
      <c r="AH15412">
        <v>72</v>
      </c>
      <c r="AI15412">
        <v>72</v>
      </c>
      <c r="AJ15412">
        <v>71</v>
      </c>
      <c r="AK15412">
        <v>71</v>
      </c>
      <c r="AL15412">
        <v>70</v>
      </c>
      <c r="AM15412">
        <v>70</v>
      </c>
      <c r="AN15412">
        <v>69</v>
      </c>
      <c r="AO15412">
        <v>69</v>
      </c>
      <c r="AP15412">
        <v>68</v>
      </c>
      <c r="AQ15412">
        <v>68</v>
      </c>
    </row>
    <row r="15413" spans="1:43">
      <c r="A15413" t="s">
        <v>9566</v>
      </c>
      <c r="B15413" t="s">
        <v>9567</v>
      </c>
      <c r="C15413" t="s">
        <v>9568</v>
      </c>
      <c r="D15413" t="s">
        <v>9569</v>
      </c>
      <c r="E15413" t="s">
        <v>9544</v>
      </c>
      <c r="F15413" t="s">
        <v>9545</v>
      </c>
      <c r="G15413" t="s">
        <v>80</v>
      </c>
      <c r="H15413" t="s">
        <v>81</v>
      </c>
      <c r="I15413" s="2">
        <v>0</v>
      </c>
      <c r="J15413" s="2">
        <v>1</v>
      </c>
      <c r="K15413" s="2">
        <v>0</v>
      </c>
      <c r="L15413" t="s">
        <v>82</v>
      </c>
      <c r="M15413" t="s">
        <v>83</v>
      </c>
      <c r="N15413" t="s">
        <v>91</v>
      </c>
      <c r="O15413" t="s">
        <v>85</v>
      </c>
      <c r="P15413" t="s">
        <v>86</v>
      </c>
      <c r="Q15413">
        <v>65</v>
      </c>
      <c r="R15413">
        <v>66</v>
      </c>
      <c r="S15413">
        <v>66</v>
      </c>
      <c r="T15413">
        <v>66</v>
      </c>
      <c r="U15413">
        <v>67</v>
      </c>
      <c r="V15413">
        <v>67</v>
      </c>
      <c r="W15413">
        <v>68</v>
      </c>
      <c r="X15413">
        <v>68</v>
      </c>
      <c r="Y15413">
        <v>68</v>
      </c>
      <c r="Z15413">
        <v>69</v>
      </c>
      <c r="AA15413">
        <v>69</v>
      </c>
      <c r="AB15413">
        <v>69</v>
      </c>
      <c r="AC15413">
        <v>69</v>
      </c>
      <c r="AD15413">
        <v>70</v>
      </c>
      <c r="AE15413">
        <v>70</v>
      </c>
      <c r="AF15413">
        <v>70</v>
      </c>
      <c r="AG15413">
        <v>70</v>
      </c>
      <c r="AH15413">
        <v>70</v>
      </c>
      <c r="AI15413">
        <v>71</v>
      </c>
      <c r="AJ15413">
        <v>71</v>
      </c>
      <c r="AK15413">
        <v>71</v>
      </c>
      <c r="AL15413">
        <v>71</v>
      </c>
      <c r="AM15413">
        <v>70</v>
      </c>
      <c r="AN15413">
        <v>70</v>
      </c>
      <c r="AO15413">
        <v>69</v>
      </c>
      <c r="AP15413">
        <v>69</v>
      </c>
      <c r="AQ15413">
        <v>68</v>
      </c>
    </row>
    <row r="15414" spans="1:43">
      <c r="A15414" t="s">
        <v>9570</v>
      </c>
      <c r="B15414" t="s">
        <v>9571</v>
      </c>
      <c r="C15414" t="s">
        <v>9572</v>
      </c>
      <c r="D15414" t="s">
        <v>9573</v>
      </c>
      <c r="E15414" t="s">
        <v>9544</v>
      </c>
      <c r="F15414" t="s">
        <v>9545</v>
      </c>
      <c r="G15414" t="s">
        <v>80</v>
      </c>
      <c r="H15414" t="s">
        <v>81</v>
      </c>
      <c r="I15414" s="2">
        <v>0</v>
      </c>
      <c r="J15414" s="2">
        <v>1</v>
      </c>
      <c r="K15414" s="2">
        <v>0</v>
      </c>
      <c r="L15414" t="s">
        <v>82</v>
      </c>
      <c r="M15414" t="s">
        <v>83</v>
      </c>
      <c r="N15414" t="s">
        <v>84</v>
      </c>
      <c r="O15414" t="s">
        <v>85</v>
      </c>
      <c r="P15414" t="s">
        <v>86</v>
      </c>
      <c r="Q15414">
        <v>45</v>
      </c>
      <c r="R15414">
        <v>45</v>
      </c>
      <c r="S15414">
        <v>45</v>
      </c>
      <c r="T15414">
        <v>45</v>
      </c>
      <c r="U15414">
        <v>46</v>
      </c>
      <c r="V15414">
        <v>46</v>
      </c>
      <c r="W15414">
        <v>46</v>
      </c>
      <c r="X15414">
        <v>46</v>
      </c>
      <c r="Y15414">
        <v>46</v>
      </c>
      <c r="Z15414">
        <v>47</v>
      </c>
      <c r="AA15414">
        <v>47</v>
      </c>
      <c r="AB15414">
        <v>47</v>
      </c>
      <c r="AC15414">
        <v>47</v>
      </c>
      <c r="AD15414">
        <v>47</v>
      </c>
      <c r="AE15414">
        <v>47</v>
      </c>
      <c r="AF15414">
        <v>48</v>
      </c>
      <c r="AG15414">
        <v>48</v>
      </c>
      <c r="AH15414">
        <v>48</v>
      </c>
      <c r="AI15414">
        <v>48</v>
      </c>
      <c r="AJ15414">
        <v>48</v>
      </c>
      <c r="AK15414">
        <v>48</v>
      </c>
      <c r="AL15414">
        <v>48</v>
      </c>
      <c r="AM15414">
        <v>47</v>
      </c>
      <c r="AN15414">
        <v>47</v>
      </c>
      <c r="AO15414">
        <v>47</v>
      </c>
      <c r="AP15414">
        <v>46</v>
      </c>
      <c r="AQ15414">
        <v>46</v>
      </c>
    </row>
    <row r="15415" spans="1:43">
      <c r="A15415" t="s">
        <v>9570</v>
      </c>
      <c r="B15415" t="s">
        <v>9571</v>
      </c>
      <c r="C15415" t="s">
        <v>9572</v>
      </c>
      <c r="D15415" t="s">
        <v>9573</v>
      </c>
      <c r="E15415" t="s">
        <v>9544</v>
      </c>
      <c r="F15415" t="s">
        <v>9545</v>
      </c>
      <c r="G15415" t="s">
        <v>80</v>
      </c>
      <c r="H15415" t="s">
        <v>81</v>
      </c>
      <c r="I15415" s="2">
        <v>0</v>
      </c>
      <c r="J15415" s="2">
        <v>1</v>
      </c>
      <c r="K15415" s="2">
        <v>0</v>
      </c>
      <c r="L15415" t="s">
        <v>82</v>
      </c>
      <c r="M15415" t="s">
        <v>87</v>
      </c>
      <c r="N15415" t="s">
        <v>88</v>
      </c>
      <c r="O15415" t="s">
        <v>85</v>
      </c>
      <c r="P15415" t="s">
        <v>86</v>
      </c>
      <c r="Q15415">
        <v>45</v>
      </c>
      <c r="R15415">
        <v>45</v>
      </c>
      <c r="S15415">
        <v>45</v>
      </c>
      <c r="T15415">
        <v>45</v>
      </c>
      <c r="U15415">
        <v>45</v>
      </c>
      <c r="V15415">
        <v>44</v>
      </c>
      <c r="W15415">
        <v>44</v>
      </c>
      <c r="X15415">
        <v>44</v>
      </c>
      <c r="Y15415">
        <v>44</v>
      </c>
      <c r="Z15415">
        <v>44</v>
      </c>
      <c r="AA15415">
        <v>44</v>
      </c>
      <c r="AB15415">
        <v>43</v>
      </c>
      <c r="AC15415">
        <v>43</v>
      </c>
      <c r="AD15415">
        <v>43</v>
      </c>
      <c r="AE15415">
        <v>43</v>
      </c>
      <c r="AF15415">
        <v>43</v>
      </c>
      <c r="AG15415">
        <v>43</v>
      </c>
      <c r="AH15415">
        <v>42</v>
      </c>
      <c r="AI15415">
        <v>42</v>
      </c>
      <c r="AJ15415">
        <v>42</v>
      </c>
      <c r="AK15415">
        <v>42</v>
      </c>
      <c r="AL15415">
        <v>42</v>
      </c>
      <c r="AM15415">
        <v>42</v>
      </c>
      <c r="AN15415">
        <v>41</v>
      </c>
      <c r="AO15415">
        <v>41</v>
      </c>
      <c r="AP15415">
        <v>41</v>
      </c>
      <c r="AQ15415">
        <v>41</v>
      </c>
    </row>
    <row r="15416" spans="1:43">
      <c r="A15416" t="s">
        <v>9570</v>
      </c>
      <c r="B15416" t="s">
        <v>9571</v>
      </c>
      <c r="C15416" t="s">
        <v>9572</v>
      </c>
      <c r="D15416" t="s">
        <v>9573</v>
      </c>
      <c r="E15416" t="s">
        <v>9544</v>
      </c>
      <c r="F15416" t="s">
        <v>9545</v>
      </c>
      <c r="G15416" t="s">
        <v>80</v>
      </c>
      <c r="H15416" t="s">
        <v>81</v>
      </c>
      <c r="I15416" s="2">
        <v>0</v>
      </c>
      <c r="J15416" s="2">
        <v>1</v>
      </c>
      <c r="K15416" s="2">
        <v>0</v>
      </c>
      <c r="L15416" t="s">
        <v>82</v>
      </c>
      <c r="M15416" t="s">
        <v>89</v>
      </c>
      <c r="N15416" t="s">
        <v>90</v>
      </c>
      <c r="O15416" t="s">
        <v>85</v>
      </c>
      <c r="P15416" t="s">
        <v>86</v>
      </c>
      <c r="Q15416">
        <v>45</v>
      </c>
      <c r="R15416">
        <v>46</v>
      </c>
      <c r="S15416">
        <v>46</v>
      </c>
      <c r="T15416">
        <v>47</v>
      </c>
      <c r="U15416">
        <v>47</v>
      </c>
      <c r="V15416">
        <v>48</v>
      </c>
      <c r="W15416">
        <v>48</v>
      </c>
      <c r="X15416">
        <v>49</v>
      </c>
      <c r="Y15416">
        <v>49</v>
      </c>
      <c r="Z15416">
        <v>50</v>
      </c>
      <c r="AA15416">
        <v>50</v>
      </c>
      <c r="AB15416">
        <v>50</v>
      </c>
      <c r="AC15416">
        <v>51</v>
      </c>
      <c r="AD15416">
        <v>51</v>
      </c>
      <c r="AE15416">
        <v>51</v>
      </c>
      <c r="AF15416">
        <v>50</v>
      </c>
      <c r="AG15416">
        <v>50</v>
      </c>
      <c r="AH15416">
        <v>50</v>
      </c>
      <c r="AI15416">
        <v>49</v>
      </c>
      <c r="AJ15416">
        <v>49</v>
      </c>
      <c r="AK15416">
        <v>48</v>
      </c>
      <c r="AL15416">
        <v>48</v>
      </c>
      <c r="AM15416">
        <v>48</v>
      </c>
      <c r="AN15416">
        <v>47</v>
      </c>
      <c r="AO15416">
        <v>47</v>
      </c>
      <c r="AP15416">
        <v>46</v>
      </c>
      <c r="AQ15416">
        <v>46</v>
      </c>
    </row>
    <row r="15417" spans="1:43">
      <c r="A15417" t="s">
        <v>9570</v>
      </c>
      <c r="B15417" t="s">
        <v>9571</v>
      </c>
      <c r="C15417" t="s">
        <v>9572</v>
      </c>
      <c r="D15417" t="s">
        <v>9573</v>
      </c>
      <c r="E15417" t="s">
        <v>9544</v>
      </c>
      <c r="F15417" t="s">
        <v>9545</v>
      </c>
      <c r="G15417" t="s">
        <v>80</v>
      </c>
      <c r="H15417" t="s">
        <v>81</v>
      </c>
      <c r="I15417" s="2">
        <v>0</v>
      </c>
      <c r="J15417" s="2">
        <v>1</v>
      </c>
      <c r="K15417" s="2">
        <v>0</v>
      </c>
      <c r="L15417" t="s">
        <v>82</v>
      </c>
      <c r="M15417" t="s">
        <v>83</v>
      </c>
      <c r="N15417" t="s">
        <v>91</v>
      </c>
      <c r="O15417" t="s">
        <v>85</v>
      </c>
      <c r="P15417" t="s">
        <v>86</v>
      </c>
      <c r="Q15417">
        <v>45</v>
      </c>
      <c r="R15417">
        <v>45</v>
      </c>
      <c r="S15417">
        <v>45</v>
      </c>
      <c r="T15417">
        <v>45</v>
      </c>
      <c r="U15417">
        <v>46</v>
      </c>
      <c r="V15417">
        <v>46</v>
      </c>
      <c r="W15417">
        <v>46</v>
      </c>
      <c r="X15417">
        <v>46</v>
      </c>
      <c r="Y15417">
        <v>46</v>
      </c>
      <c r="Z15417">
        <v>47</v>
      </c>
      <c r="AA15417">
        <v>47</v>
      </c>
      <c r="AB15417">
        <v>47</v>
      </c>
      <c r="AC15417">
        <v>47</v>
      </c>
      <c r="AD15417">
        <v>47</v>
      </c>
      <c r="AE15417">
        <v>47</v>
      </c>
      <c r="AF15417">
        <v>48</v>
      </c>
      <c r="AG15417">
        <v>48</v>
      </c>
      <c r="AH15417">
        <v>48</v>
      </c>
      <c r="AI15417">
        <v>48</v>
      </c>
      <c r="AJ15417">
        <v>48</v>
      </c>
      <c r="AK15417">
        <v>48</v>
      </c>
      <c r="AL15417">
        <v>48</v>
      </c>
      <c r="AM15417">
        <v>47</v>
      </c>
      <c r="AN15417">
        <v>47</v>
      </c>
      <c r="AO15417">
        <v>47</v>
      </c>
      <c r="AP15417">
        <v>46</v>
      </c>
      <c r="AQ15417">
        <v>46</v>
      </c>
    </row>
    <row r="15418" spans="1:43">
      <c r="A15418" t="s">
        <v>9574</v>
      </c>
      <c r="B15418" t="s">
        <v>9575</v>
      </c>
      <c r="C15418" t="s">
        <v>9548</v>
      </c>
      <c r="D15418" t="s">
        <v>9549</v>
      </c>
      <c r="E15418" t="s">
        <v>9544</v>
      </c>
      <c r="F15418" t="s">
        <v>9545</v>
      </c>
      <c r="G15418" t="s">
        <v>80</v>
      </c>
      <c r="H15418" t="s">
        <v>81</v>
      </c>
      <c r="I15418" s="2">
        <v>0</v>
      </c>
      <c r="J15418" s="2">
        <v>1</v>
      </c>
      <c r="K15418" s="2">
        <v>0</v>
      </c>
      <c r="L15418" t="s">
        <v>82</v>
      </c>
      <c r="M15418" t="s">
        <v>83</v>
      </c>
      <c r="N15418" t="s">
        <v>84</v>
      </c>
      <c r="O15418" t="s">
        <v>85</v>
      </c>
      <c r="P15418" t="s">
        <v>86</v>
      </c>
      <c r="Q15418">
        <v>62</v>
      </c>
      <c r="R15418">
        <v>62</v>
      </c>
      <c r="S15418">
        <v>62</v>
      </c>
      <c r="T15418">
        <v>63</v>
      </c>
      <c r="U15418">
        <v>63</v>
      </c>
      <c r="V15418">
        <v>63</v>
      </c>
      <c r="W15418">
        <v>64</v>
      </c>
      <c r="X15418">
        <v>64</v>
      </c>
      <c r="Y15418">
        <v>64</v>
      </c>
      <c r="Z15418">
        <v>64</v>
      </c>
      <c r="AA15418">
        <v>65</v>
      </c>
      <c r="AB15418">
        <v>65</v>
      </c>
      <c r="AC15418">
        <v>65</v>
      </c>
      <c r="AD15418">
        <v>65</v>
      </c>
      <c r="AE15418">
        <v>65</v>
      </c>
      <c r="AF15418">
        <v>65</v>
      </c>
      <c r="AG15418">
        <v>65</v>
      </c>
      <c r="AH15418">
        <v>65</v>
      </c>
      <c r="AI15418">
        <v>65</v>
      </c>
      <c r="AJ15418">
        <v>65</v>
      </c>
      <c r="AK15418">
        <v>65</v>
      </c>
      <c r="AL15418">
        <v>64</v>
      </c>
      <c r="AM15418">
        <v>64</v>
      </c>
      <c r="AN15418">
        <v>63</v>
      </c>
      <c r="AO15418">
        <v>62</v>
      </c>
      <c r="AP15418">
        <v>62</v>
      </c>
      <c r="AQ15418">
        <v>61</v>
      </c>
    </row>
    <row r="15419" spans="1:43">
      <c r="A15419" t="s">
        <v>9574</v>
      </c>
      <c r="B15419" t="s">
        <v>9575</v>
      </c>
      <c r="C15419" t="s">
        <v>9548</v>
      </c>
      <c r="D15419" t="s">
        <v>9549</v>
      </c>
      <c r="E15419" t="s">
        <v>9544</v>
      </c>
      <c r="F15419" t="s">
        <v>9545</v>
      </c>
      <c r="G15419" t="s">
        <v>80</v>
      </c>
      <c r="H15419" t="s">
        <v>81</v>
      </c>
      <c r="I15419" s="2">
        <v>0</v>
      </c>
      <c r="J15419" s="2">
        <v>1</v>
      </c>
      <c r="K15419" s="2">
        <v>0</v>
      </c>
      <c r="L15419" t="s">
        <v>82</v>
      </c>
      <c r="M15419" t="s">
        <v>87</v>
      </c>
      <c r="N15419" t="s">
        <v>88</v>
      </c>
      <c r="O15419" t="s">
        <v>85</v>
      </c>
      <c r="P15419" t="s">
        <v>86</v>
      </c>
      <c r="Q15419">
        <v>62</v>
      </c>
      <c r="R15419">
        <v>62</v>
      </c>
      <c r="S15419">
        <v>62</v>
      </c>
      <c r="T15419">
        <v>61</v>
      </c>
      <c r="U15419">
        <v>61</v>
      </c>
      <c r="V15419">
        <v>61</v>
      </c>
      <c r="W15419">
        <v>61</v>
      </c>
      <c r="X15419">
        <v>61</v>
      </c>
      <c r="Y15419">
        <v>60</v>
      </c>
      <c r="Z15419">
        <v>60</v>
      </c>
      <c r="AA15419">
        <v>60</v>
      </c>
      <c r="AB15419">
        <v>59</v>
      </c>
      <c r="AC15419">
        <v>59</v>
      </c>
      <c r="AD15419">
        <v>59</v>
      </c>
      <c r="AE15419">
        <v>59</v>
      </c>
      <c r="AF15419">
        <v>58</v>
      </c>
      <c r="AG15419">
        <v>58</v>
      </c>
      <c r="AH15419">
        <v>58</v>
      </c>
      <c r="AI15419">
        <v>57</v>
      </c>
      <c r="AJ15419">
        <v>57</v>
      </c>
      <c r="AK15419">
        <v>57</v>
      </c>
      <c r="AL15419">
        <v>56</v>
      </c>
      <c r="AM15419">
        <v>56</v>
      </c>
      <c r="AN15419">
        <v>56</v>
      </c>
      <c r="AO15419">
        <v>55</v>
      </c>
      <c r="AP15419">
        <v>55</v>
      </c>
      <c r="AQ15419">
        <v>55</v>
      </c>
    </row>
    <row r="15420" spans="1:43">
      <c r="A15420" t="s">
        <v>9574</v>
      </c>
      <c r="B15420" t="s">
        <v>9575</v>
      </c>
      <c r="C15420" t="s">
        <v>9548</v>
      </c>
      <c r="D15420" t="s">
        <v>9549</v>
      </c>
      <c r="E15420" t="s">
        <v>9544</v>
      </c>
      <c r="F15420" t="s">
        <v>9545</v>
      </c>
      <c r="G15420" t="s">
        <v>80</v>
      </c>
      <c r="H15420" t="s">
        <v>81</v>
      </c>
      <c r="I15420" s="2">
        <v>0</v>
      </c>
      <c r="J15420" s="2">
        <v>1</v>
      </c>
      <c r="K15420" s="2">
        <v>0</v>
      </c>
      <c r="L15420" t="s">
        <v>82</v>
      </c>
      <c r="M15420" t="s">
        <v>89</v>
      </c>
      <c r="N15420" t="s">
        <v>90</v>
      </c>
      <c r="O15420" t="s">
        <v>85</v>
      </c>
      <c r="P15420" t="s">
        <v>86</v>
      </c>
      <c r="Q15420">
        <v>62</v>
      </c>
      <c r="R15420">
        <v>63</v>
      </c>
      <c r="S15420">
        <v>64</v>
      </c>
      <c r="T15420">
        <v>65</v>
      </c>
      <c r="U15420">
        <v>66</v>
      </c>
      <c r="V15420">
        <v>66</v>
      </c>
      <c r="W15420">
        <v>67</v>
      </c>
      <c r="X15420">
        <v>67</v>
      </c>
      <c r="Y15420">
        <v>68</v>
      </c>
      <c r="Z15420">
        <v>68</v>
      </c>
      <c r="AA15420">
        <v>68</v>
      </c>
      <c r="AB15420">
        <v>69</v>
      </c>
      <c r="AC15420">
        <v>69</v>
      </c>
      <c r="AD15420">
        <v>69</v>
      </c>
      <c r="AE15420">
        <v>69</v>
      </c>
      <c r="AF15420">
        <v>69</v>
      </c>
      <c r="AG15420">
        <v>68</v>
      </c>
      <c r="AH15420">
        <v>67</v>
      </c>
      <c r="AI15420">
        <v>67</v>
      </c>
      <c r="AJ15420">
        <v>66</v>
      </c>
      <c r="AK15420">
        <v>65</v>
      </c>
      <c r="AL15420">
        <v>65</v>
      </c>
      <c r="AM15420">
        <v>64</v>
      </c>
      <c r="AN15420">
        <v>63</v>
      </c>
      <c r="AO15420">
        <v>63</v>
      </c>
      <c r="AP15420">
        <v>62</v>
      </c>
      <c r="AQ15420">
        <v>61</v>
      </c>
    </row>
    <row r="15421" spans="1:43">
      <c r="A15421" t="s">
        <v>9574</v>
      </c>
      <c r="B15421" t="s">
        <v>9575</v>
      </c>
      <c r="C15421" t="s">
        <v>9548</v>
      </c>
      <c r="D15421" t="s">
        <v>9549</v>
      </c>
      <c r="E15421" t="s">
        <v>9544</v>
      </c>
      <c r="F15421" t="s">
        <v>9545</v>
      </c>
      <c r="G15421" t="s">
        <v>80</v>
      </c>
      <c r="H15421" t="s">
        <v>81</v>
      </c>
      <c r="I15421" s="2">
        <v>0</v>
      </c>
      <c r="J15421" s="2">
        <v>1</v>
      </c>
      <c r="K15421" s="2">
        <v>0</v>
      </c>
      <c r="L15421" t="s">
        <v>82</v>
      </c>
      <c r="M15421" t="s">
        <v>83</v>
      </c>
      <c r="N15421" t="s">
        <v>91</v>
      </c>
      <c r="O15421" t="s">
        <v>85</v>
      </c>
      <c r="P15421" t="s">
        <v>86</v>
      </c>
      <c r="Q15421">
        <v>62</v>
      </c>
      <c r="R15421">
        <v>62</v>
      </c>
      <c r="S15421">
        <v>62</v>
      </c>
      <c r="T15421">
        <v>63</v>
      </c>
      <c r="U15421">
        <v>63</v>
      </c>
      <c r="V15421">
        <v>63</v>
      </c>
      <c r="W15421">
        <v>64</v>
      </c>
      <c r="X15421">
        <v>64</v>
      </c>
      <c r="Y15421">
        <v>64</v>
      </c>
      <c r="Z15421">
        <v>64</v>
      </c>
      <c r="AA15421">
        <v>65</v>
      </c>
      <c r="AB15421">
        <v>65</v>
      </c>
      <c r="AC15421">
        <v>65</v>
      </c>
      <c r="AD15421">
        <v>65</v>
      </c>
      <c r="AE15421">
        <v>65</v>
      </c>
      <c r="AF15421">
        <v>65</v>
      </c>
      <c r="AG15421">
        <v>65</v>
      </c>
      <c r="AH15421">
        <v>65</v>
      </c>
      <c r="AI15421">
        <v>65</v>
      </c>
      <c r="AJ15421">
        <v>65</v>
      </c>
      <c r="AK15421">
        <v>65</v>
      </c>
      <c r="AL15421">
        <v>64</v>
      </c>
      <c r="AM15421">
        <v>64</v>
      </c>
      <c r="AN15421">
        <v>63</v>
      </c>
      <c r="AO15421">
        <v>62</v>
      </c>
      <c r="AP15421">
        <v>62</v>
      </c>
      <c r="AQ15421">
        <v>61</v>
      </c>
    </row>
    <row r="15422" spans="1:43">
      <c r="A15422" t="s">
        <v>9576</v>
      </c>
      <c r="B15422" t="s">
        <v>9577</v>
      </c>
      <c r="C15422" t="s">
        <v>9548</v>
      </c>
      <c r="D15422" t="s">
        <v>9549</v>
      </c>
      <c r="E15422" t="s">
        <v>9544</v>
      </c>
      <c r="F15422" t="s">
        <v>9545</v>
      </c>
      <c r="G15422" t="s">
        <v>80</v>
      </c>
      <c r="H15422" t="s">
        <v>81</v>
      </c>
      <c r="I15422" s="2">
        <v>0</v>
      </c>
      <c r="J15422" s="2">
        <v>1</v>
      </c>
      <c r="K15422" s="2">
        <v>0</v>
      </c>
      <c r="L15422" t="s">
        <v>82</v>
      </c>
      <c r="M15422" t="s">
        <v>83</v>
      </c>
      <c r="N15422" t="s">
        <v>84</v>
      </c>
      <c r="O15422" t="s">
        <v>85</v>
      </c>
      <c r="P15422" t="s">
        <v>86</v>
      </c>
      <c r="Q15422">
        <v>50</v>
      </c>
      <c r="R15422">
        <v>51</v>
      </c>
      <c r="S15422">
        <v>51</v>
      </c>
      <c r="T15422">
        <v>51</v>
      </c>
      <c r="U15422">
        <v>52</v>
      </c>
      <c r="V15422">
        <v>52</v>
      </c>
      <c r="W15422">
        <v>53</v>
      </c>
      <c r="X15422">
        <v>53</v>
      </c>
      <c r="Y15422">
        <v>53</v>
      </c>
      <c r="Z15422">
        <v>54</v>
      </c>
      <c r="AA15422">
        <v>54</v>
      </c>
      <c r="AB15422">
        <v>54</v>
      </c>
      <c r="AC15422">
        <v>54</v>
      </c>
      <c r="AD15422">
        <v>55</v>
      </c>
      <c r="AE15422">
        <v>55</v>
      </c>
      <c r="AF15422">
        <v>55</v>
      </c>
      <c r="AG15422">
        <v>55</v>
      </c>
      <c r="AH15422">
        <v>56</v>
      </c>
      <c r="AI15422">
        <v>56</v>
      </c>
      <c r="AJ15422">
        <v>56</v>
      </c>
      <c r="AK15422">
        <v>56</v>
      </c>
      <c r="AL15422">
        <v>56</v>
      </c>
      <c r="AM15422">
        <v>56</v>
      </c>
      <c r="AN15422">
        <v>56</v>
      </c>
      <c r="AO15422">
        <v>56</v>
      </c>
      <c r="AP15422">
        <v>55</v>
      </c>
      <c r="AQ15422">
        <v>55</v>
      </c>
    </row>
    <row r="15423" spans="1:43">
      <c r="A15423" t="s">
        <v>9576</v>
      </c>
      <c r="B15423" t="s">
        <v>9577</v>
      </c>
      <c r="C15423" t="s">
        <v>9548</v>
      </c>
      <c r="D15423" t="s">
        <v>9549</v>
      </c>
      <c r="E15423" t="s">
        <v>9544</v>
      </c>
      <c r="F15423" t="s">
        <v>9545</v>
      </c>
      <c r="G15423" t="s">
        <v>80</v>
      </c>
      <c r="H15423" t="s">
        <v>81</v>
      </c>
      <c r="I15423" s="2">
        <v>0</v>
      </c>
      <c r="J15423" s="2">
        <v>1</v>
      </c>
      <c r="K15423" s="2">
        <v>0</v>
      </c>
      <c r="L15423" t="s">
        <v>82</v>
      </c>
      <c r="M15423" t="s">
        <v>87</v>
      </c>
      <c r="N15423" t="s">
        <v>88</v>
      </c>
      <c r="O15423" t="s">
        <v>85</v>
      </c>
      <c r="P15423" t="s">
        <v>86</v>
      </c>
      <c r="Q15423">
        <v>50</v>
      </c>
      <c r="R15423">
        <v>50</v>
      </c>
      <c r="S15423">
        <v>50</v>
      </c>
      <c r="T15423">
        <v>50</v>
      </c>
      <c r="U15423">
        <v>50</v>
      </c>
      <c r="V15423">
        <v>49</v>
      </c>
      <c r="W15423">
        <v>49</v>
      </c>
      <c r="X15423">
        <v>49</v>
      </c>
      <c r="Y15423">
        <v>49</v>
      </c>
      <c r="Z15423">
        <v>49</v>
      </c>
      <c r="AA15423">
        <v>49</v>
      </c>
      <c r="AB15423">
        <v>49</v>
      </c>
      <c r="AC15423">
        <v>49</v>
      </c>
      <c r="AD15423">
        <v>49</v>
      </c>
      <c r="AE15423">
        <v>49</v>
      </c>
      <c r="AF15423">
        <v>49</v>
      </c>
      <c r="AG15423">
        <v>49</v>
      </c>
      <c r="AH15423">
        <v>48</v>
      </c>
      <c r="AI15423">
        <v>48</v>
      </c>
      <c r="AJ15423">
        <v>48</v>
      </c>
      <c r="AK15423">
        <v>48</v>
      </c>
      <c r="AL15423">
        <v>48</v>
      </c>
      <c r="AM15423">
        <v>48</v>
      </c>
      <c r="AN15423">
        <v>48</v>
      </c>
      <c r="AO15423">
        <v>48</v>
      </c>
      <c r="AP15423">
        <v>48</v>
      </c>
      <c r="AQ15423">
        <v>47</v>
      </c>
    </row>
    <row r="15424" spans="1:43">
      <c r="A15424" t="s">
        <v>9576</v>
      </c>
      <c r="B15424" t="s">
        <v>9577</v>
      </c>
      <c r="C15424" t="s">
        <v>9548</v>
      </c>
      <c r="D15424" t="s">
        <v>9549</v>
      </c>
      <c r="E15424" t="s">
        <v>9544</v>
      </c>
      <c r="F15424" t="s">
        <v>9545</v>
      </c>
      <c r="G15424" t="s">
        <v>80</v>
      </c>
      <c r="H15424" t="s">
        <v>81</v>
      </c>
      <c r="I15424" s="2">
        <v>0</v>
      </c>
      <c r="J15424" s="2">
        <v>1</v>
      </c>
      <c r="K15424" s="2">
        <v>0</v>
      </c>
      <c r="L15424" t="s">
        <v>82</v>
      </c>
      <c r="M15424" t="s">
        <v>89</v>
      </c>
      <c r="N15424" t="s">
        <v>90</v>
      </c>
      <c r="O15424" t="s">
        <v>85</v>
      </c>
      <c r="P15424" t="s">
        <v>86</v>
      </c>
      <c r="Q15424">
        <v>50</v>
      </c>
      <c r="R15424">
        <v>51</v>
      </c>
      <c r="S15424">
        <v>51</v>
      </c>
      <c r="T15424">
        <v>52</v>
      </c>
      <c r="U15424">
        <v>53</v>
      </c>
      <c r="V15424">
        <v>54</v>
      </c>
      <c r="W15424">
        <v>54</v>
      </c>
      <c r="X15424">
        <v>55</v>
      </c>
      <c r="Y15424">
        <v>55</v>
      </c>
      <c r="Z15424">
        <v>56</v>
      </c>
      <c r="AA15424">
        <v>56</v>
      </c>
      <c r="AB15424">
        <v>57</v>
      </c>
      <c r="AC15424">
        <v>57</v>
      </c>
      <c r="AD15424">
        <v>58</v>
      </c>
      <c r="AE15424">
        <v>58</v>
      </c>
      <c r="AF15424">
        <v>58</v>
      </c>
      <c r="AG15424">
        <v>57</v>
      </c>
      <c r="AH15424">
        <v>57</v>
      </c>
      <c r="AI15424">
        <v>57</v>
      </c>
      <c r="AJ15424">
        <v>57</v>
      </c>
      <c r="AK15424">
        <v>56</v>
      </c>
      <c r="AL15424">
        <v>56</v>
      </c>
      <c r="AM15424">
        <v>56</v>
      </c>
      <c r="AN15424">
        <v>56</v>
      </c>
      <c r="AO15424">
        <v>55</v>
      </c>
      <c r="AP15424">
        <v>55</v>
      </c>
      <c r="AQ15424">
        <v>55</v>
      </c>
    </row>
    <row r="15425" spans="1:43">
      <c r="A15425" t="s">
        <v>9576</v>
      </c>
      <c r="B15425" t="s">
        <v>9577</v>
      </c>
      <c r="C15425" t="s">
        <v>9548</v>
      </c>
      <c r="D15425" t="s">
        <v>9549</v>
      </c>
      <c r="E15425" t="s">
        <v>9544</v>
      </c>
      <c r="F15425" t="s">
        <v>9545</v>
      </c>
      <c r="G15425" t="s">
        <v>80</v>
      </c>
      <c r="H15425" t="s">
        <v>81</v>
      </c>
      <c r="I15425" s="2">
        <v>0</v>
      </c>
      <c r="J15425" s="2">
        <v>1</v>
      </c>
      <c r="K15425" s="2">
        <v>0</v>
      </c>
      <c r="L15425" t="s">
        <v>82</v>
      </c>
      <c r="M15425" t="s">
        <v>83</v>
      </c>
      <c r="N15425" t="s">
        <v>91</v>
      </c>
      <c r="O15425" t="s">
        <v>85</v>
      </c>
      <c r="P15425" t="s">
        <v>86</v>
      </c>
      <c r="Q15425">
        <v>50</v>
      </c>
      <c r="R15425">
        <v>51</v>
      </c>
      <c r="S15425">
        <v>51</v>
      </c>
      <c r="T15425">
        <v>51</v>
      </c>
      <c r="U15425">
        <v>52</v>
      </c>
      <c r="V15425">
        <v>52</v>
      </c>
      <c r="W15425">
        <v>53</v>
      </c>
      <c r="X15425">
        <v>53</v>
      </c>
      <c r="Y15425">
        <v>53</v>
      </c>
      <c r="Z15425">
        <v>54</v>
      </c>
      <c r="AA15425">
        <v>54</v>
      </c>
      <c r="AB15425">
        <v>54</v>
      </c>
      <c r="AC15425">
        <v>54</v>
      </c>
      <c r="AD15425">
        <v>55</v>
      </c>
      <c r="AE15425">
        <v>55</v>
      </c>
      <c r="AF15425">
        <v>55</v>
      </c>
      <c r="AG15425">
        <v>55</v>
      </c>
      <c r="AH15425">
        <v>56</v>
      </c>
      <c r="AI15425">
        <v>56</v>
      </c>
      <c r="AJ15425">
        <v>56</v>
      </c>
      <c r="AK15425">
        <v>56</v>
      </c>
      <c r="AL15425">
        <v>56</v>
      </c>
      <c r="AM15425">
        <v>56</v>
      </c>
      <c r="AN15425">
        <v>56</v>
      </c>
      <c r="AO15425">
        <v>56</v>
      </c>
      <c r="AP15425">
        <v>55</v>
      </c>
      <c r="AQ15425">
        <v>55</v>
      </c>
    </row>
    <row r="15426" spans="1:43">
      <c r="A15426" t="s">
        <v>9578</v>
      </c>
      <c r="B15426" t="s">
        <v>9579</v>
      </c>
      <c r="C15426" t="s">
        <v>9572</v>
      </c>
      <c r="D15426" t="s">
        <v>9573</v>
      </c>
      <c r="E15426" t="s">
        <v>9544</v>
      </c>
      <c r="F15426" t="s">
        <v>9545</v>
      </c>
      <c r="G15426" t="s">
        <v>80</v>
      </c>
      <c r="H15426" t="s">
        <v>81</v>
      </c>
      <c r="I15426" s="2">
        <v>0</v>
      </c>
      <c r="J15426" s="2">
        <v>1</v>
      </c>
      <c r="K15426" s="2">
        <v>0</v>
      </c>
      <c r="L15426" t="s">
        <v>82</v>
      </c>
      <c r="M15426" t="s">
        <v>83</v>
      </c>
      <c r="N15426" t="s">
        <v>84</v>
      </c>
      <c r="O15426" t="s">
        <v>85</v>
      </c>
      <c r="P15426" t="s">
        <v>86</v>
      </c>
      <c r="Q15426">
        <v>73</v>
      </c>
      <c r="R15426">
        <v>74</v>
      </c>
      <c r="S15426">
        <v>74</v>
      </c>
      <c r="T15426">
        <v>75</v>
      </c>
      <c r="U15426">
        <v>75</v>
      </c>
      <c r="V15426">
        <v>76</v>
      </c>
      <c r="W15426">
        <v>76</v>
      </c>
      <c r="X15426">
        <v>77</v>
      </c>
      <c r="Y15426">
        <v>77</v>
      </c>
      <c r="Z15426">
        <v>78</v>
      </c>
      <c r="AA15426">
        <v>78</v>
      </c>
      <c r="AB15426">
        <v>78</v>
      </c>
      <c r="AC15426">
        <v>79</v>
      </c>
      <c r="AD15426">
        <v>79</v>
      </c>
      <c r="AE15426">
        <v>79</v>
      </c>
      <c r="AF15426">
        <v>79</v>
      </c>
      <c r="AG15426">
        <v>80</v>
      </c>
      <c r="AH15426">
        <v>80</v>
      </c>
      <c r="AI15426">
        <v>80</v>
      </c>
      <c r="AJ15426">
        <v>80</v>
      </c>
      <c r="AK15426">
        <v>80</v>
      </c>
      <c r="AL15426">
        <v>80</v>
      </c>
      <c r="AM15426">
        <v>80</v>
      </c>
      <c r="AN15426">
        <v>79</v>
      </c>
      <c r="AO15426">
        <v>79</v>
      </c>
      <c r="AP15426">
        <v>78</v>
      </c>
      <c r="AQ15426">
        <v>78</v>
      </c>
    </row>
    <row r="15427" spans="1:43">
      <c r="A15427" t="s">
        <v>9578</v>
      </c>
      <c r="B15427" t="s">
        <v>9579</v>
      </c>
      <c r="C15427" t="s">
        <v>9572</v>
      </c>
      <c r="D15427" t="s">
        <v>9573</v>
      </c>
      <c r="E15427" t="s">
        <v>9544</v>
      </c>
      <c r="F15427" t="s">
        <v>9545</v>
      </c>
      <c r="G15427" t="s">
        <v>80</v>
      </c>
      <c r="H15427" t="s">
        <v>81</v>
      </c>
      <c r="I15427" s="2">
        <v>0</v>
      </c>
      <c r="J15427" s="2">
        <v>1</v>
      </c>
      <c r="K15427" s="2">
        <v>0</v>
      </c>
      <c r="L15427" t="s">
        <v>82</v>
      </c>
      <c r="M15427" t="s">
        <v>87</v>
      </c>
      <c r="N15427" t="s">
        <v>88</v>
      </c>
      <c r="O15427" t="s">
        <v>85</v>
      </c>
      <c r="P15427" t="s">
        <v>86</v>
      </c>
      <c r="Q15427">
        <v>73</v>
      </c>
      <c r="R15427">
        <v>73</v>
      </c>
      <c r="S15427">
        <v>72</v>
      </c>
      <c r="T15427">
        <v>72</v>
      </c>
      <c r="U15427">
        <v>72</v>
      </c>
      <c r="V15427">
        <v>72</v>
      </c>
      <c r="W15427">
        <v>72</v>
      </c>
      <c r="X15427">
        <v>72</v>
      </c>
      <c r="Y15427">
        <v>71</v>
      </c>
      <c r="Z15427">
        <v>71</v>
      </c>
      <c r="AA15427">
        <v>71</v>
      </c>
      <c r="AB15427">
        <v>71</v>
      </c>
      <c r="AC15427">
        <v>70</v>
      </c>
      <c r="AD15427">
        <v>70</v>
      </c>
      <c r="AE15427">
        <v>70</v>
      </c>
      <c r="AF15427">
        <v>70</v>
      </c>
      <c r="AG15427">
        <v>70</v>
      </c>
      <c r="AH15427">
        <v>69</v>
      </c>
      <c r="AI15427">
        <v>69</v>
      </c>
      <c r="AJ15427">
        <v>69</v>
      </c>
      <c r="AK15427">
        <v>69</v>
      </c>
      <c r="AL15427">
        <v>68</v>
      </c>
      <c r="AM15427">
        <v>68</v>
      </c>
      <c r="AN15427">
        <v>68</v>
      </c>
      <c r="AO15427">
        <v>68</v>
      </c>
      <c r="AP15427">
        <v>67</v>
      </c>
      <c r="AQ15427">
        <v>67</v>
      </c>
    </row>
    <row r="15428" spans="1:43">
      <c r="A15428" t="s">
        <v>9578</v>
      </c>
      <c r="B15428" t="s">
        <v>9579</v>
      </c>
      <c r="C15428" t="s">
        <v>9572</v>
      </c>
      <c r="D15428" t="s">
        <v>9573</v>
      </c>
      <c r="E15428" t="s">
        <v>9544</v>
      </c>
      <c r="F15428" t="s">
        <v>9545</v>
      </c>
      <c r="G15428" t="s">
        <v>80</v>
      </c>
      <c r="H15428" t="s">
        <v>81</v>
      </c>
      <c r="I15428" s="2">
        <v>0</v>
      </c>
      <c r="J15428" s="2">
        <v>1</v>
      </c>
      <c r="K15428" s="2">
        <v>0</v>
      </c>
      <c r="L15428" t="s">
        <v>82</v>
      </c>
      <c r="M15428" t="s">
        <v>89</v>
      </c>
      <c r="N15428" t="s">
        <v>90</v>
      </c>
      <c r="O15428" t="s">
        <v>85</v>
      </c>
      <c r="P15428" t="s">
        <v>86</v>
      </c>
      <c r="Q15428">
        <v>73</v>
      </c>
      <c r="R15428">
        <v>74</v>
      </c>
      <c r="S15428">
        <v>75</v>
      </c>
      <c r="T15428">
        <v>76</v>
      </c>
      <c r="U15428">
        <v>77</v>
      </c>
      <c r="V15428">
        <v>78</v>
      </c>
      <c r="W15428">
        <v>79</v>
      </c>
      <c r="X15428">
        <v>80</v>
      </c>
      <c r="Y15428">
        <v>81</v>
      </c>
      <c r="Z15428">
        <v>81</v>
      </c>
      <c r="AA15428">
        <v>82</v>
      </c>
      <c r="AB15428">
        <v>82</v>
      </c>
      <c r="AC15428">
        <v>83</v>
      </c>
      <c r="AD15428">
        <v>84</v>
      </c>
      <c r="AE15428">
        <v>84</v>
      </c>
      <c r="AF15428">
        <v>83</v>
      </c>
      <c r="AG15428">
        <v>83</v>
      </c>
      <c r="AH15428">
        <v>82</v>
      </c>
      <c r="AI15428">
        <v>82</v>
      </c>
      <c r="AJ15428">
        <v>81</v>
      </c>
      <c r="AK15428">
        <v>81</v>
      </c>
      <c r="AL15428">
        <v>80</v>
      </c>
      <c r="AM15428">
        <v>79</v>
      </c>
      <c r="AN15428">
        <v>79</v>
      </c>
      <c r="AO15428">
        <v>78</v>
      </c>
      <c r="AP15428">
        <v>78</v>
      </c>
      <c r="AQ15428">
        <v>77</v>
      </c>
    </row>
    <row r="15429" spans="1:43">
      <c r="A15429" t="s">
        <v>9578</v>
      </c>
      <c r="B15429" t="s">
        <v>9579</v>
      </c>
      <c r="C15429" t="s">
        <v>9572</v>
      </c>
      <c r="D15429" t="s">
        <v>9573</v>
      </c>
      <c r="E15429" t="s">
        <v>9544</v>
      </c>
      <c r="F15429" t="s">
        <v>9545</v>
      </c>
      <c r="G15429" t="s">
        <v>80</v>
      </c>
      <c r="H15429" t="s">
        <v>81</v>
      </c>
      <c r="I15429" s="2">
        <v>0</v>
      </c>
      <c r="J15429" s="2">
        <v>1</v>
      </c>
      <c r="K15429" s="2">
        <v>0</v>
      </c>
      <c r="L15429" t="s">
        <v>82</v>
      </c>
      <c r="M15429" t="s">
        <v>83</v>
      </c>
      <c r="N15429" t="s">
        <v>91</v>
      </c>
      <c r="O15429" t="s">
        <v>85</v>
      </c>
      <c r="P15429" t="s">
        <v>86</v>
      </c>
      <c r="Q15429">
        <v>73</v>
      </c>
      <c r="R15429">
        <v>74</v>
      </c>
      <c r="S15429">
        <v>74</v>
      </c>
      <c r="T15429">
        <v>75</v>
      </c>
      <c r="U15429">
        <v>75</v>
      </c>
      <c r="V15429">
        <v>76</v>
      </c>
      <c r="W15429">
        <v>76</v>
      </c>
      <c r="X15429">
        <v>77</v>
      </c>
      <c r="Y15429">
        <v>77</v>
      </c>
      <c r="Z15429">
        <v>78</v>
      </c>
      <c r="AA15429">
        <v>78</v>
      </c>
      <c r="AB15429">
        <v>78</v>
      </c>
      <c r="AC15429">
        <v>79</v>
      </c>
      <c r="AD15429">
        <v>79</v>
      </c>
      <c r="AE15429">
        <v>79</v>
      </c>
      <c r="AF15429">
        <v>79</v>
      </c>
      <c r="AG15429">
        <v>80</v>
      </c>
      <c r="AH15429">
        <v>80</v>
      </c>
      <c r="AI15429">
        <v>80</v>
      </c>
      <c r="AJ15429">
        <v>80</v>
      </c>
      <c r="AK15429">
        <v>80</v>
      </c>
      <c r="AL15429">
        <v>80</v>
      </c>
      <c r="AM15429">
        <v>80</v>
      </c>
      <c r="AN15429">
        <v>79</v>
      </c>
      <c r="AO15429">
        <v>79</v>
      </c>
      <c r="AP15429">
        <v>78</v>
      </c>
      <c r="AQ15429">
        <v>78</v>
      </c>
    </row>
    <row r="15430" spans="1:43">
      <c r="A15430" t="s">
        <v>9580</v>
      </c>
      <c r="B15430" t="s">
        <v>9581</v>
      </c>
      <c r="C15430" t="s">
        <v>9548</v>
      </c>
      <c r="D15430" t="s">
        <v>9549</v>
      </c>
      <c r="E15430" t="s">
        <v>9544</v>
      </c>
      <c r="F15430" t="s">
        <v>9545</v>
      </c>
      <c r="G15430" t="s">
        <v>80</v>
      </c>
      <c r="H15430" t="s">
        <v>81</v>
      </c>
      <c r="I15430" s="2">
        <v>0</v>
      </c>
      <c r="J15430" s="2">
        <v>1</v>
      </c>
      <c r="K15430" s="2">
        <v>0</v>
      </c>
      <c r="L15430" t="s">
        <v>82</v>
      </c>
      <c r="M15430" t="s">
        <v>83</v>
      </c>
      <c r="N15430" t="s">
        <v>84</v>
      </c>
      <c r="O15430" t="s">
        <v>85</v>
      </c>
      <c r="P15430" t="s">
        <v>86</v>
      </c>
      <c r="Q15430">
        <v>74</v>
      </c>
      <c r="R15430">
        <v>74</v>
      </c>
      <c r="S15430">
        <v>75</v>
      </c>
      <c r="T15430">
        <v>75</v>
      </c>
      <c r="U15430">
        <v>76</v>
      </c>
      <c r="V15430">
        <v>76</v>
      </c>
      <c r="W15430">
        <v>77</v>
      </c>
      <c r="X15430">
        <v>77</v>
      </c>
      <c r="Y15430">
        <v>78</v>
      </c>
      <c r="Z15430">
        <v>78</v>
      </c>
      <c r="AA15430">
        <v>79</v>
      </c>
      <c r="AB15430">
        <v>79</v>
      </c>
      <c r="AC15430">
        <v>79</v>
      </c>
      <c r="AD15430">
        <v>80</v>
      </c>
      <c r="AE15430">
        <v>80</v>
      </c>
      <c r="AF15430">
        <v>80</v>
      </c>
      <c r="AG15430">
        <v>80</v>
      </c>
      <c r="AH15430">
        <v>81</v>
      </c>
      <c r="AI15430">
        <v>81</v>
      </c>
      <c r="AJ15430">
        <v>81</v>
      </c>
      <c r="AK15430">
        <v>81</v>
      </c>
      <c r="AL15430">
        <v>81</v>
      </c>
      <c r="AM15430">
        <v>81</v>
      </c>
      <c r="AN15430">
        <v>80</v>
      </c>
      <c r="AO15430">
        <v>80</v>
      </c>
      <c r="AP15430">
        <v>79</v>
      </c>
      <c r="AQ15430">
        <v>79</v>
      </c>
    </row>
    <row r="15431" spans="1:43">
      <c r="A15431" t="s">
        <v>9580</v>
      </c>
      <c r="B15431" t="s">
        <v>9581</v>
      </c>
      <c r="C15431" t="s">
        <v>9548</v>
      </c>
      <c r="D15431" t="s">
        <v>9549</v>
      </c>
      <c r="E15431" t="s">
        <v>9544</v>
      </c>
      <c r="F15431" t="s">
        <v>9545</v>
      </c>
      <c r="G15431" t="s">
        <v>80</v>
      </c>
      <c r="H15431" t="s">
        <v>81</v>
      </c>
      <c r="I15431" s="2">
        <v>0</v>
      </c>
      <c r="J15431" s="2">
        <v>1</v>
      </c>
      <c r="K15431" s="2">
        <v>0</v>
      </c>
      <c r="L15431" t="s">
        <v>82</v>
      </c>
      <c r="M15431" t="s">
        <v>87</v>
      </c>
      <c r="N15431" t="s">
        <v>88</v>
      </c>
      <c r="O15431" t="s">
        <v>85</v>
      </c>
      <c r="P15431" t="s">
        <v>86</v>
      </c>
      <c r="Q15431">
        <v>74</v>
      </c>
      <c r="R15431">
        <v>74</v>
      </c>
      <c r="S15431">
        <v>74</v>
      </c>
      <c r="T15431">
        <v>74</v>
      </c>
      <c r="U15431">
        <v>73</v>
      </c>
      <c r="V15431">
        <v>73</v>
      </c>
      <c r="W15431">
        <v>73</v>
      </c>
      <c r="X15431">
        <v>73</v>
      </c>
      <c r="Y15431">
        <v>73</v>
      </c>
      <c r="Z15431">
        <v>73</v>
      </c>
      <c r="AA15431">
        <v>72</v>
      </c>
      <c r="AB15431">
        <v>72</v>
      </c>
      <c r="AC15431">
        <v>72</v>
      </c>
      <c r="AD15431">
        <v>72</v>
      </c>
      <c r="AE15431">
        <v>72</v>
      </c>
      <c r="AF15431">
        <v>72</v>
      </c>
      <c r="AG15431">
        <v>71</v>
      </c>
      <c r="AH15431">
        <v>71</v>
      </c>
      <c r="AI15431">
        <v>71</v>
      </c>
      <c r="AJ15431">
        <v>71</v>
      </c>
      <c r="AK15431">
        <v>70</v>
      </c>
      <c r="AL15431">
        <v>70</v>
      </c>
      <c r="AM15431">
        <v>70</v>
      </c>
      <c r="AN15431">
        <v>70</v>
      </c>
      <c r="AO15431">
        <v>70</v>
      </c>
      <c r="AP15431">
        <v>69</v>
      </c>
      <c r="AQ15431">
        <v>69</v>
      </c>
    </row>
    <row r="15432" spans="1:43">
      <c r="A15432" t="s">
        <v>9580</v>
      </c>
      <c r="B15432" t="s">
        <v>9581</v>
      </c>
      <c r="C15432" t="s">
        <v>9548</v>
      </c>
      <c r="D15432" t="s">
        <v>9549</v>
      </c>
      <c r="E15432" t="s">
        <v>9544</v>
      </c>
      <c r="F15432" t="s">
        <v>9545</v>
      </c>
      <c r="G15432" t="s">
        <v>80</v>
      </c>
      <c r="H15432" t="s">
        <v>81</v>
      </c>
      <c r="I15432" s="2">
        <v>0</v>
      </c>
      <c r="J15432" s="2">
        <v>1</v>
      </c>
      <c r="K15432" s="2">
        <v>0</v>
      </c>
      <c r="L15432" t="s">
        <v>82</v>
      </c>
      <c r="M15432" t="s">
        <v>89</v>
      </c>
      <c r="N15432" t="s">
        <v>90</v>
      </c>
      <c r="O15432" t="s">
        <v>85</v>
      </c>
      <c r="P15432" t="s">
        <v>86</v>
      </c>
      <c r="Q15432">
        <v>74</v>
      </c>
      <c r="R15432">
        <v>76</v>
      </c>
      <c r="S15432">
        <v>77</v>
      </c>
      <c r="T15432">
        <v>78</v>
      </c>
      <c r="U15432">
        <v>79</v>
      </c>
      <c r="V15432">
        <v>80</v>
      </c>
      <c r="W15432">
        <v>81</v>
      </c>
      <c r="X15432">
        <v>82</v>
      </c>
      <c r="Y15432">
        <v>82</v>
      </c>
      <c r="Z15432">
        <v>83</v>
      </c>
      <c r="AA15432">
        <v>84</v>
      </c>
      <c r="AB15432">
        <v>84</v>
      </c>
      <c r="AC15432">
        <v>85</v>
      </c>
      <c r="AD15432">
        <v>85</v>
      </c>
      <c r="AE15432">
        <v>86</v>
      </c>
      <c r="AF15432">
        <v>85</v>
      </c>
      <c r="AG15432">
        <v>85</v>
      </c>
      <c r="AH15432">
        <v>84</v>
      </c>
      <c r="AI15432">
        <v>84</v>
      </c>
      <c r="AJ15432">
        <v>83</v>
      </c>
      <c r="AK15432">
        <v>83</v>
      </c>
      <c r="AL15432">
        <v>82</v>
      </c>
      <c r="AM15432">
        <v>82</v>
      </c>
      <c r="AN15432">
        <v>81</v>
      </c>
      <c r="AO15432">
        <v>81</v>
      </c>
      <c r="AP15432">
        <v>80</v>
      </c>
      <c r="AQ15432">
        <v>80</v>
      </c>
    </row>
    <row r="15433" spans="1:43">
      <c r="A15433" t="s">
        <v>9580</v>
      </c>
      <c r="B15433" t="s">
        <v>9581</v>
      </c>
      <c r="C15433" t="s">
        <v>9548</v>
      </c>
      <c r="D15433" t="s">
        <v>9549</v>
      </c>
      <c r="E15433" t="s">
        <v>9544</v>
      </c>
      <c r="F15433" t="s">
        <v>9545</v>
      </c>
      <c r="G15433" t="s">
        <v>80</v>
      </c>
      <c r="H15433" t="s">
        <v>81</v>
      </c>
      <c r="I15433" s="2">
        <v>0</v>
      </c>
      <c r="J15433" s="2">
        <v>1</v>
      </c>
      <c r="K15433" s="2">
        <v>0</v>
      </c>
      <c r="L15433" t="s">
        <v>82</v>
      </c>
      <c r="M15433" t="s">
        <v>83</v>
      </c>
      <c r="N15433" t="s">
        <v>91</v>
      </c>
      <c r="O15433" t="s">
        <v>85</v>
      </c>
      <c r="P15433" t="s">
        <v>86</v>
      </c>
      <c r="Q15433">
        <v>74</v>
      </c>
      <c r="R15433">
        <v>74</v>
      </c>
      <c r="S15433">
        <v>75</v>
      </c>
      <c r="T15433">
        <v>75</v>
      </c>
      <c r="U15433">
        <v>76</v>
      </c>
      <c r="V15433">
        <v>76</v>
      </c>
      <c r="W15433">
        <v>77</v>
      </c>
      <c r="X15433">
        <v>77</v>
      </c>
      <c r="Y15433">
        <v>78</v>
      </c>
      <c r="Z15433">
        <v>78</v>
      </c>
      <c r="AA15433">
        <v>79</v>
      </c>
      <c r="AB15433">
        <v>79</v>
      </c>
      <c r="AC15433">
        <v>79</v>
      </c>
      <c r="AD15433">
        <v>80</v>
      </c>
      <c r="AE15433">
        <v>80</v>
      </c>
      <c r="AF15433">
        <v>80</v>
      </c>
      <c r="AG15433">
        <v>80</v>
      </c>
      <c r="AH15433">
        <v>81</v>
      </c>
      <c r="AI15433">
        <v>81</v>
      </c>
      <c r="AJ15433">
        <v>81</v>
      </c>
      <c r="AK15433">
        <v>81</v>
      </c>
      <c r="AL15433">
        <v>81</v>
      </c>
      <c r="AM15433">
        <v>81</v>
      </c>
      <c r="AN15433">
        <v>80</v>
      </c>
      <c r="AO15433">
        <v>80</v>
      </c>
      <c r="AP15433">
        <v>79</v>
      </c>
      <c r="AQ15433">
        <v>79</v>
      </c>
    </row>
    <row r="15434" spans="1:43">
      <c r="A15434" t="s">
        <v>9582</v>
      </c>
      <c r="B15434" t="s">
        <v>9583</v>
      </c>
      <c r="C15434" t="s">
        <v>9572</v>
      </c>
      <c r="D15434" t="s">
        <v>9573</v>
      </c>
      <c r="E15434" t="s">
        <v>9544</v>
      </c>
      <c r="F15434" t="s">
        <v>9545</v>
      </c>
      <c r="G15434" t="s">
        <v>80</v>
      </c>
      <c r="H15434" t="s">
        <v>81</v>
      </c>
      <c r="I15434" s="2">
        <v>0</v>
      </c>
      <c r="J15434" s="2">
        <v>1</v>
      </c>
      <c r="K15434" s="2">
        <v>0</v>
      </c>
      <c r="L15434" t="s">
        <v>82</v>
      </c>
      <c r="M15434" t="s">
        <v>83</v>
      </c>
      <c r="N15434" t="s">
        <v>84</v>
      </c>
      <c r="O15434" t="s">
        <v>85</v>
      </c>
      <c r="P15434" t="s">
        <v>86</v>
      </c>
      <c r="Q15434">
        <v>18</v>
      </c>
      <c r="R15434">
        <v>19</v>
      </c>
      <c r="S15434">
        <v>19</v>
      </c>
      <c r="T15434">
        <v>19</v>
      </c>
      <c r="U15434">
        <v>19</v>
      </c>
      <c r="V15434">
        <v>19</v>
      </c>
      <c r="W15434">
        <v>19</v>
      </c>
      <c r="X15434">
        <v>19</v>
      </c>
      <c r="Y15434">
        <v>19</v>
      </c>
      <c r="Z15434">
        <v>19</v>
      </c>
      <c r="AA15434">
        <v>20</v>
      </c>
      <c r="AB15434">
        <v>20</v>
      </c>
      <c r="AC15434">
        <v>20</v>
      </c>
      <c r="AD15434">
        <v>20</v>
      </c>
      <c r="AE15434">
        <v>20</v>
      </c>
      <c r="AF15434">
        <v>20</v>
      </c>
      <c r="AG15434">
        <v>20</v>
      </c>
      <c r="AH15434">
        <v>20</v>
      </c>
      <c r="AI15434">
        <v>20</v>
      </c>
      <c r="AJ15434">
        <v>20</v>
      </c>
      <c r="AK15434">
        <v>20</v>
      </c>
      <c r="AL15434">
        <v>20</v>
      </c>
      <c r="AM15434">
        <v>20</v>
      </c>
      <c r="AN15434">
        <v>20</v>
      </c>
      <c r="AO15434">
        <v>19</v>
      </c>
      <c r="AP15434">
        <v>19</v>
      </c>
      <c r="AQ15434">
        <v>19</v>
      </c>
    </row>
    <row r="15435" spans="1:43">
      <c r="A15435" t="s">
        <v>9582</v>
      </c>
      <c r="B15435" t="s">
        <v>9583</v>
      </c>
      <c r="C15435" t="s">
        <v>9572</v>
      </c>
      <c r="D15435" t="s">
        <v>9573</v>
      </c>
      <c r="E15435" t="s">
        <v>9544</v>
      </c>
      <c r="F15435" t="s">
        <v>9545</v>
      </c>
      <c r="G15435" t="s">
        <v>80</v>
      </c>
      <c r="H15435" t="s">
        <v>81</v>
      </c>
      <c r="I15435" s="2">
        <v>0</v>
      </c>
      <c r="J15435" s="2">
        <v>1</v>
      </c>
      <c r="K15435" s="2">
        <v>0</v>
      </c>
      <c r="L15435" t="s">
        <v>82</v>
      </c>
      <c r="M15435" t="s">
        <v>87</v>
      </c>
      <c r="N15435" t="s">
        <v>88</v>
      </c>
      <c r="O15435" t="s">
        <v>85</v>
      </c>
      <c r="P15435" t="s">
        <v>86</v>
      </c>
      <c r="Q15435">
        <v>18</v>
      </c>
      <c r="R15435">
        <v>18</v>
      </c>
      <c r="S15435">
        <v>18</v>
      </c>
      <c r="T15435">
        <v>18</v>
      </c>
      <c r="U15435">
        <v>18</v>
      </c>
      <c r="V15435">
        <v>18</v>
      </c>
      <c r="W15435">
        <v>18</v>
      </c>
      <c r="X15435">
        <v>18</v>
      </c>
      <c r="Y15435">
        <v>18</v>
      </c>
      <c r="Z15435">
        <v>18</v>
      </c>
      <c r="AA15435">
        <v>18</v>
      </c>
      <c r="AB15435">
        <v>18</v>
      </c>
      <c r="AC15435">
        <v>18</v>
      </c>
      <c r="AD15435">
        <v>18</v>
      </c>
      <c r="AE15435">
        <v>17</v>
      </c>
      <c r="AF15435">
        <v>17</v>
      </c>
      <c r="AG15435">
        <v>17</v>
      </c>
      <c r="AH15435">
        <v>17</v>
      </c>
      <c r="AI15435">
        <v>17</v>
      </c>
      <c r="AJ15435">
        <v>17</v>
      </c>
      <c r="AK15435">
        <v>17</v>
      </c>
      <c r="AL15435">
        <v>17</v>
      </c>
      <c r="AM15435">
        <v>17</v>
      </c>
      <c r="AN15435">
        <v>17</v>
      </c>
      <c r="AO15435">
        <v>17</v>
      </c>
      <c r="AP15435">
        <v>17</v>
      </c>
      <c r="AQ15435">
        <v>17</v>
      </c>
    </row>
    <row r="15436" spans="1:43">
      <c r="A15436" t="s">
        <v>9582</v>
      </c>
      <c r="B15436" t="s">
        <v>9583</v>
      </c>
      <c r="C15436" t="s">
        <v>9572</v>
      </c>
      <c r="D15436" t="s">
        <v>9573</v>
      </c>
      <c r="E15436" t="s">
        <v>9544</v>
      </c>
      <c r="F15436" t="s">
        <v>9545</v>
      </c>
      <c r="G15436" t="s">
        <v>80</v>
      </c>
      <c r="H15436" t="s">
        <v>81</v>
      </c>
      <c r="I15436" s="2">
        <v>0</v>
      </c>
      <c r="J15436" s="2">
        <v>1</v>
      </c>
      <c r="K15436" s="2">
        <v>0</v>
      </c>
      <c r="L15436" t="s">
        <v>82</v>
      </c>
      <c r="M15436" t="s">
        <v>89</v>
      </c>
      <c r="N15436" t="s">
        <v>90</v>
      </c>
      <c r="O15436" t="s">
        <v>85</v>
      </c>
      <c r="P15436" t="s">
        <v>86</v>
      </c>
      <c r="Q15436">
        <v>18</v>
      </c>
      <c r="R15436">
        <v>18</v>
      </c>
      <c r="S15436">
        <v>18</v>
      </c>
      <c r="T15436">
        <v>18</v>
      </c>
      <c r="U15436">
        <v>19</v>
      </c>
      <c r="V15436">
        <v>19</v>
      </c>
      <c r="W15436">
        <v>19</v>
      </c>
      <c r="X15436">
        <v>19</v>
      </c>
      <c r="Y15436">
        <v>19</v>
      </c>
      <c r="Z15436">
        <v>20</v>
      </c>
      <c r="AA15436">
        <v>20</v>
      </c>
      <c r="AB15436">
        <v>20</v>
      </c>
      <c r="AC15436">
        <v>20</v>
      </c>
      <c r="AD15436">
        <v>20</v>
      </c>
      <c r="AE15436">
        <v>20</v>
      </c>
      <c r="AF15436">
        <v>20</v>
      </c>
      <c r="AG15436">
        <v>20</v>
      </c>
      <c r="AH15436">
        <v>20</v>
      </c>
      <c r="AI15436">
        <v>20</v>
      </c>
      <c r="AJ15436">
        <v>19</v>
      </c>
      <c r="AK15436">
        <v>19</v>
      </c>
      <c r="AL15436">
        <v>19</v>
      </c>
      <c r="AM15436">
        <v>19</v>
      </c>
      <c r="AN15436">
        <v>19</v>
      </c>
      <c r="AO15436">
        <v>19</v>
      </c>
      <c r="AP15436">
        <v>18</v>
      </c>
      <c r="AQ15436">
        <v>18</v>
      </c>
    </row>
    <row r="15437" spans="1:43">
      <c r="A15437" t="s">
        <v>9582</v>
      </c>
      <c r="B15437" t="s">
        <v>9583</v>
      </c>
      <c r="C15437" t="s">
        <v>9572</v>
      </c>
      <c r="D15437" t="s">
        <v>9573</v>
      </c>
      <c r="E15437" t="s">
        <v>9544</v>
      </c>
      <c r="F15437" t="s">
        <v>9545</v>
      </c>
      <c r="G15437" t="s">
        <v>80</v>
      </c>
      <c r="H15437" t="s">
        <v>81</v>
      </c>
      <c r="I15437" s="2">
        <v>0</v>
      </c>
      <c r="J15437" s="2">
        <v>1</v>
      </c>
      <c r="K15437" s="2">
        <v>0</v>
      </c>
      <c r="L15437" t="s">
        <v>82</v>
      </c>
      <c r="M15437" t="s">
        <v>83</v>
      </c>
      <c r="N15437" t="s">
        <v>91</v>
      </c>
      <c r="O15437" t="s">
        <v>85</v>
      </c>
      <c r="P15437" t="s">
        <v>86</v>
      </c>
      <c r="Q15437">
        <v>18</v>
      </c>
      <c r="R15437">
        <v>19</v>
      </c>
      <c r="S15437">
        <v>19</v>
      </c>
      <c r="T15437">
        <v>19</v>
      </c>
      <c r="U15437">
        <v>19</v>
      </c>
      <c r="V15437">
        <v>19</v>
      </c>
      <c r="W15437">
        <v>19</v>
      </c>
      <c r="X15437">
        <v>19</v>
      </c>
      <c r="Y15437">
        <v>19</v>
      </c>
      <c r="Z15437">
        <v>19</v>
      </c>
      <c r="AA15437">
        <v>20</v>
      </c>
      <c r="AB15437">
        <v>20</v>
      </c>
      <c r="AC15437">
        <v>20</v>
      </c>
      <c r="AD15437">
        <v>20</v>
      </c>
      <c r="AE15437">
        <v>20</v>
      </c>
      <c r="AF15437">
        <v>20</v>
      </c>
      <c r="AG15437">
        <v>20</v>
      </c>
      <c r="AH15437">
        <v>20</v>
      </c>
      <c r="AI15437">
        <v>20</v>
      </c>
      <c r="AJ15437">
        <v>20</v>
      </c>
      <c r="AK15437">
        <v>20</v>
      </c>
      <c r="AL15437">
        <v>20</v>
      </c>
      <c r="AM15437">
        <v>20</v>
      </c>
      <c r="AN15437">
        <v>20</v>
      </c>
      <c r="AO15437">
        <v>19</v>
      </c>
      <c r="AP15437">
        <v>19</v>
      </c>
      <c r="AQ15437">
        <v>19</v>
      </c>
    </row>
    <row r="15438" spans="1:43">
      <c r="A15438" t="s">
        <v>9584</v>
      </c>
      <c r="B15438" t="s">
        <v>9585</v>
      </c>
      <c r="C15438" t="s">
        <v>9568</v>
      </c>
      <c r="D15438" t="s">
        <v>9569</v>
      </c>
      <c r="E15438" t="s">
        <v>9544</v>
      </c>
      <c r="F15438" t="s">
        <v>9545</v>
      </c>
      <c r="G15438" t="s">
        <v>80</v>
      </c>
      <c r="H15438" t="s">
        <v>81</v>
      </c>
      <c r="I15438" s="2">
        <v>0</v>
      </c>
      <c r="J15438" s="2">
        <v>1</v>
      </c>
      <c r="K15438" s="2">
        <v>0</v>
      </c>
      <c r="L15438" t="s">
        <v>82</v>
      </c>
      <c r="M15438" t="s">
        <v>83</v>
      </c>
      <c r="N15438" t="s">
        <v>84</v>
      </c>
      <c r="O15438" t="s">
        <v>85</v>
      </c>
      <c r="P15438" t="s">
        <v>86</v>
      </c>
      <c r="Q15438">
        <v>54</v>
      </c>
      <c r="R15438">
        <v>54</v>
      </c>
      <c r="S15438">
        <v>54</v>
      </c>
      <c r="T15438">
        <v>55</v>
      </c>
      <c r="U15438">
        <v>55</v>
      </c>
      <c r="V15438">
        <v>55</v>
      </c>
      <c r="W15438">
        <v>55</v>
      </c>
      <c r="X15438">
        <v>56</v>
      </c>
      <c r="Y15438">
        <v>56</v>
      </c>
      <c r="Z15438">
        <v>56</v>
      </c>
      <c r="AA15438">
        <v>57</v>
      </c>
      <c r="AB15438">
        <v>57</v>
      </c>
      <c r="AC15438">
        <v>57</v>
      </c>
      <c r="AD15438">
        <v>57</v>
      </c>
      <c r="AE15438">
        <v>57</v>
      </c>
      <c r="AF15438">
        <v>57</v>
      </c>
      <c r="AG15438">
        <v>58</v>
      </c>
      <c r="AH15438">
        <v>58</v>
      </c>
      <c r="AI15438">
        <v>58</v>
      </c>
      <c r="AJ15438">
        <v>58</v>
      </c>
      <c r="AK15438">
        <v>58</v>
      </c>
      <c r="AL15438">
        <v>58</v>
      </c>
      <c r="AM15438">
        <v>57</v>
      </c>
      <c r="AN15438">
        <v>57</v>
      </c>
      <c r="AO15438">
        <v>57</v>
      </c>
      <c r="AP15438">
        <v>56</v>
      </c>
      <c r="AQ15438">
        <v>56</v>
      </c>
    </row>
    <row r="15439" spans="1:43">
      <c r="A15439" t="s">
        <v>9584</v>
      </c>
      <c r="B15439" t="s">
        <v>9585</v>
      </c>
      <c r="C15439" t="s">
        <v>9568</v>
      </c>
      <c r="D15439" t="s">
        <v>9569</v>
      </c>
      <c r="E15439" t="s">
        <v>9544</v>
      </c>
      <c r="F15439" t="s">
        <v>9545</v>
      </c>
      <c r="G15439" t="s">
        <v>80</v>
      </c>
      <c r="H15439" t="s">
        <v>81</v>
      </c>
      <c r="I15439" s="2">
        <v>0</v>
      </c>
      <c r="J15439" s="2">
        <v>1</v>
      </c>
      <c r="K15439" s="2">
        <v>0</v>
      </c>
      <c r="L15439" t="s">
        <v>82</v>
      </c>
      <c r="M15439" t="s">
        <v>87</v>
      </c>
      <c r="N15439" t="s">
        <v>88</v>
      </c>
      <c r="O15439" t="s">
        <v>85</v>
      </c>
      <c r="P15439" t="s">
        <v>86</v>
      </c>
      <c r="Q15439">
        <v>54</v>
      </c>
      <c r="R15439">
        <v>54</v>
      </c>
      <c r="S15439">
        <v>54</v>
      </c>
      <c r="T15439">
        <v>54</v>
      </c>
      <c r="U15439">
        <v>53</v>
      </c>
      <c r="V15439">
        <v>53</v>
      </c>
      <c r="W15439">
        <v>53</v>
      </c>
      <c r="X15439">
        <v>53</v>
      </c>
      <c r="Y15439">
        <v>53</v>
      </c>
      <c r="Z15439">
        <v>53</v>
      </c>
      <c r="AA15439">
        <v>52</v>
      </c>
      <c r="AB15439">
        <v>52</v>
      </c>
      <c r="AC15439">
        <v>52</v>
      </c>
      <c r="AD15439">
        <v>52</v>
      </c>
      <c r="AE15439">
        <v>52</v>
      </c>
      <c r="AF15439">
        <v>52</v>
      </c>
      <c r="AG15439">
        <v>51</v>
      </c>
      <c r="AH15439">
        <v>51</v>
      </c>
      <c r="AI15439">
        <v>51</v>
      </c>
      <c r="AJ15439">
        <v>51</v>
      </c>
      <c r="AK15439">
        <v>51</v>
      </c>
      <c r="AL15439">
        <v>50</v>
      </c>
      <c r="AM15439">
        <v>50</v>
      </c>
      <c r="AN15439">
        <v>50</v>
      </c>
      <c r="AO15439">
        <v>50</v>
      </c>
      <c r="AP15439">
        <v>49</v>
      </c>
      <c r="AQ15439">
        <v>49</v>
      </c>
    </row>
    <row r="15440" spans="1:43">
      <c r="A15440" t="s">
        <v>9584</v>
      </c>
      <c r="B15440" t="s">
        <v>9585</v>
      </c>
      <c r="C15440" t="s">
        <v>9568</v>
      </c>
      <c r="D15440" t="s">
        <v>9569</v>
      </c>
      <c r="E15440" t="s">
        <v>9544</v>
      </c>
      <c r="F15440" t="s">
        <v>9545</v>
      </c>
      <c r="G15440" t="s">
        <v>80</v>
      </c>
      <c r="H15440" t="s">
        <v>81</v>
      </c>
      <c r="I15440" s="2">
        <v>0</v>
      </c>
      <c r="J15440" s="2">
        <v>1</v>
      </c>
      <c r="K15440" s="2">
        <v>0</v>
      </c>
      <c r="L15440" t="s">
        <v>82</v>
      </c>
      <c r="M15440" t="s">
        <v>89</v>
      </c>
      <c r="N15440" t="s">
        <v>90</v>
      </c>
      <c r="O15440" t="s">
        <v>85</v>
      </c>
      <c r="P15440" t="s">
        <v>86</v>
      </c>
      <c r="Q15440">
        <v>54</v>
      </c>
      <c r="R15440">
        <v>55</v>
      </c>
      <c r="S15440">
        <v>56</v>
      </c>
      <c r="T15440">
        <v>56</v>
      </c>
      <c r="U15440">
        <v>57</v>
      </c>
      <c r="V15440">
        <v>58</v>
      </c>
      <c r="W15440">
        <v>58</v>
      </c>
      <c r="X15440">
        <v>59</v>
      </c>
      <c r="Y15440">
        <v>59</v>
      </c>
      <c r="Z15440">
        <v>60</v>
      </c>
      <c r="AA15440">
        <v>60</v>
      </c>
      <c r="AB15440">
        <v>61</v>
      </c>
      <c r="AC15440">
        <v>61</v>
      </c>
      <c r="AD15440">
        <v>61</v>
      </c>
      <c r="AE15440">
        <v>61</v>
      </c>
      <c r="AF15440">
        <v>61</v>
      </c>
      <c r="AG15440">
        <v>60</v>
      </c>
      <c r="AH15440">
        <v>60</v>
      </c>
      <c r="AI15440">
        <v>60</v>
      </c>
      <c r="AJ15440">
        <v>59</v>
      </c>
      <c r="AK15440">
        <v>59</v>
      </c>
      <c r="AL15440">
        <v>58</v>
      </c>
      <c r="AM15440">
        <v>58</v>
      </c>
      <c r="AN15440">
        <v>57</v>
      </c>
      <c r="AO15440">
        <v>57</v>
      </c>
      <c r="AP15440">
        <v>57</v>
      </c>
      <c r="AQ15440">
        <v>56</v>
      </c>
    </row>
    <row r="15441" spans="1:43">
      <c r="A15441" t="s">
        <v>9584</v>
      </c>
      <c r="B15441" t="s">
        <v>9585</v>
      </c>
      <c r="C15441" t="s">
        <v>9568</v>
      </c>
      <c r="D15441" t="s">
        <v>9569</v>
      </c>
      <c r="E15441" t="s">
        <v>9544</v>
      </c>
      <c r="F15441" t="s">
        <v>9545</v>
      </c>
      <c r="G15441" t="s">
        <v>80</v>
      </c>
      <c r="H15441" t="s">
        <v>81</v>
      </c>
      <c r="I15441" s="2">
        <v>0</v>
      </c>
      <c r="J15441" s="2">
        <v>1</v>
      </c>
      <c r="K15441" s="2">
        <v>0</v>
      </c>
      <c r="L15441" t="s">
        <v>82</v>
      </c>
      <c r="M15441" t="s">
        <v>83</v>
      </c>
      <c r="N15441" t="s">
        <v>91</v>
      </c>
      <c r="O15441" t="s">
        <v>85</v>
      </c>
      <c r="P15441" t="s">
        <v>86</v>
      </c>
      <c r="Q15441">
        <v>54</v>
      </c>
      <c r="R15441">
        <v>54</v>
      </c>
      <c r="S15441">
        <v>54</v>
      </c>
      <c r="T15441">
        <v>55</v>
      </c>
      <c r="U15441">
        <v>55</v>
      </c>
      <c r="V15441">
        <v>55</v>
      </c>
      <c r="W15441">
        <v>55</v>
      </c>
      <c r="X15441">
        <v>56</v>
      </c>
      <c r="Y15441">
        <v>56</v>
      </c>
      <c r="Z15441">
        <v>56</v>
      </c>
      <c r="AA15441">
        <v>57</v>
      </c>
      <c r="AB15441">
        <v>57</v>
      </c>
      <c r="AC15441">
        <v>57</v>
      </c>
      <c r="AD15441">
        <v>57</v>
      </c>
      <c r="AE15441">
        <v>57</v>
      </c>
      <c r="AF15441">
        <v>57</v>
      </c>
      <c r="AG15441">
        <v>58</v>
      </c>
      <c r="AH15441">
        <v>58</v>
      </c>
      <c r="AI15441">
        <v>58</v>
      </c>
      <c r="AJ15441">
        <v>58</v>
      </c>
      <c r="AK15441">
        <v>58</v>
      </c>
      <c r="AL15441">
        <v>58</v>
      </c>
      <c r="AM15441">
        <v>57</v>
      </c>
      <c r="AN15441">
        <v>57</v>
      </c>
      <c r="AO15441">
        <v>57</v>
      </c>
      <c r="AP15441">
        <v>56</v>
      </c>
      <c r="AQ15441">
        <v>56</v>
      </c>
    </row>
    <row r="15442" spans="1:43">
      <c r="A15442" t="s">
        <v>9586</v>
      </c>
      <c r="B15442" t="s">
        <v>9587</v>
      </c>
      <c r="C15442" t="s">
        <v>9572</v>
      </c>
      <c r="D15442" t="s">
        <v>9573</v>
      </c>
      <c r="E15442" t="s">
        <v>9544</v>
      </c>
      <c r="F15442" t="s">
        <v>9545</v>
      </c>
      <c r="G15442" t="s">
        <v>80</v>
      </c>
      <c r="H15442" t="s">
        <v>81</v>
      </c>
      <c r="I15442" s="2">
        <v>0</v>
      </c>
      <c r="J15442" s="2">
        <v>1</v>
      </c>
      <c r="K15442" s="2">
        <v>0</v>
      </c>
      <c r="L15442" t="s">
        <v>82</v>
      </c>
      <c r="M15442" t="s">
        <v>83</v>
      </c>
      <c r="N15442" t="s">
        <v>84</v>
      </c>
      <c r="O15442" t="s">
        <v>85</v>
      </c>
      <c r="P15442" t="s">
        <v>86</v>
      </c>
      <c r="Q15442">
        <v>47</v>
      </c>
      <c r="R15442">
        <v>48</v>
      </c>
      <c r="S15442">
        <v>48</v>
      </c>
      <c r="T15442">
        <v>48</v>
      </c>
      <c r="U15442">
        <v>48</v>
      </c>
      <c r="V15442">
        <v>49</v>
      </c>
      <c r="W15442">
        <v>49</v>
      </c>
      <c r="X15442">
        <v>49</v>
      </c>
      <c r="Y15442">
        <v>49</v>
      </c>
      <c r="Z15442">
        <v>50</v>
      </c>
      <c r="AA15442">
        <v>50</v>
      </c>
      <c r="AB15442">
        <v>50</v>
      </c>
      <c r="AC15442">
        <v>50</v>
      </c>
      <c r="AD15442">
        <v>50</v>
      </c>
      <c r="AE15442">
        <v>50</v>
      </c>
      <c r="AF15442">
        <v>51</v>
      </c>
      <c r="AG15442">
        <v>51</v>
      </c>
      <c r="AH15442">
        <v>51</v>
      </c>
      <c r="AI15442">
        <v>51</v>
      </c>
      <c r="AJ15442">
        <v>51</v>
      </c>
      <c r="AK15442">
        <v>51</v>
      </c>
      <c r="AL15442">
        <v>51</v>
      </c>
      <c r="AM15442">
        <v>50</v>
      </c>
      <c r="AN15442">
        <v>50</v>
      </c>
      <c r="AO15442">
        <v>50</v>
      </c>
      <c r="AP15442">
        <v>49</v>
      </c>
      <c r="AQ15442">
        <v>49</v>
      </c>
    </row>
    <row r="15443" spans="1:43">
      <c r="A15443" t="s">
        <v>9586</v>
      </c>
      <c r="B15443" t="s">
        <v>9587</v>
      </c>
      <c r="C15443" t="s">
        <v>9572</v>
      </c>
      <c r="D15443" t="s">
        <v>9573</v>
      </c>
      <c r="E15443" t="s">
        <v>9544</v>
      </c>
      <c r="F15443" t="s">
        <v>9545</v>
      </c>
      <c r="G15443" t="s">
        <v>80</v>
      </c>
      <c r="H15443" t="s">
        <v>81</v>
      </c>
      <c r="I15443" s="2">
        <v>0</v>
      </c>
      <c r="J15443" s="2">
        <v>1</v>
      </c>
      <c r="K15443" s="2">
        <v>0</v>
      </c>
      <c r="L15443" t="s">
        <v>82</v>
      </c>
      <c r="M15443" t="s">
        <v>87</v>
      </c>
      <c r="N15443" t="s">
        <v>88</v>
      </c>
      <c r="O15443" t="s">
        <v>85</v>
      </c>
      <c r="P15443" t="s">
        <v>86</v>
      </c>
      <c r="Q15443">
        <v>47</v>
      </c>
      <c r="R15443">
        <v>47</v>
      </c>
      <c r="S15443">
        <v>47</v>
      </c>
      <c r="T15443">
        <v>46</v>
      </c>
      <c r="U15443">
        <v>46</v>
      </c>
      <c r="V15443">
        <v>46</v>
      </c>
      <c r="W15443">
        <v>46</v>
      </c>
      <c r="X15443">
        <v>46</v>
      </c>
      <c r="Y15443">
        <v>46</v>
      </c>
      <c r="Z15443">
        <v>46</v>
      </c>
      <c r="AA15443">
        <v>45</v>
      </c>
      <c r="AB15443">
        <v>45</v>
      </c>
      <c r="AC15443">
        <v>45</v>
      </c>
      <c r="AD15443">
        <v>45</v>
      </c>
      <c r="AE15443">
        <v>45</v>
      </c>
      <c r="AF15443">
        <v>44</v>
      </c>
      <c r="AG15443">
        <v>44</v>
      </c>
      <c r="AH15443">
        <v>44</v>
      </c>
      <c r="AI15443">
        <v>44</v>
      </c>
      <c r="AJ15443">
        <v>44</v>
      </c>
      <c r="AK15443">
        <v>44</v>
      </c>
      <c r="AL15443">
        <v>43</v>
      </c>
      <c r="AM15443">
        <v>43</v>
      </c>
      <c r="AN15443">
        <v>43</v>
      </c>
      <c r="AO15443">
        <v>43</v>
      </c>
      <c r="AP15443">
        <v>43</v>
      </c>
      <c r="AQ15443">
        <v>42</v>
      </c>
    </row>
    <row r="15444" spans="1:43">
      <c r="A15444" t="s">
        <v>9586</v>
      </c>
      <c r="B15444" t="s">
        <v>9587</v>
      </c>
      <c r="C15444" t="s">
        <v>9572</v>
      </c>
      <c r="D15444" t="s">
        <v>9573</v>
      </c>
      <c r="E15444" t="s">
        <v>9544</v>
      </c>
      <c r="F15444" t="s">
        <v>9545</v>
      </c>
      <c r="G15444" t="s">
        <v>80</v>
      </c>
      <c r="H15444" t="s">
        <v>81</v>
      </c>
      <c r="I15444" s="2">
        <v>0</v>
      </c>
      <c r="J15444" s="2">
        <v>1</v>
      </c>
      <c r="K15444" s="2">
        <v>0</v>
      </c>
      <c r="L15444" t="s">
        <v>82</v>
      </c>
      <c r="M15444" t="s">
        <v>89</v>
      </c>
      <c r="N15444" t="s">
        <v>90</v>
      </c>
      <c r="O15444" t="s">
        <v>85</v>
      </c>
      <c r="P15444" t="s">
        <v>86</v>
      </c>
      <c r="Q15444">
        <v>47</v>
      </c>
      <c r="R15444">
        <v>47</v>
      </c>
      <c r="S15444">
        <v>48</v>
      </c>
      <c r="T15444">
        <v>49</v>
      </c>
      <c r="U15444">
        <v>49</v>
      </c>
      <c r="V15444">
        <v>50</v>
      </c>
      <c r="W15444">
        <v>50</v>
      </c>
      <c r="X15444">
        <v>51</v>
      </c>
      <c r="Y15444">
        <v>51</v>
      </c>
      <c r="Z15444">
        <v>52</v>
      </c>
      <c r="AA15444">
        <v>52</v>
      </c>
      <c r="AB15444">
        <v>52</v>
      </c>
      <c r="AC15444">
        <v>53</v>
      </c>
      <c r="AD15444">
        <v>53</v>
      </c>
      <c r="AE15444">
        <v>53</v>
      </c>
      <c r="AF15444">
        <v>53</v>
      </c>
      <c r="AG15444">
        <v>52</v>
      </c>
      <c r="AH15444">
        <v>52</v>
      </c>
      <c r="AI15444">
        <v>51</v>
      </c>
      <c r="AJ15444">
        <v>51</v>
      </c>
      <c r="AK15444">
        <v>51</v>
      </c>
      <c r="AL15444">
        <v>50</v>
      </c>
      <c r="AM15444">
        <v>50</v>
      </c>
      <c r="AN15444">
        <v>49</v>
      </c>
      <c r="AO15444">
        <v>49</v>
      </c>
      <c r="AP15444">
        <v>49</v>
      </c>
      <c r="AQ15444">
        <v>48</v>
      </c>
    </row>
    <row r="15445" spans="1:43">
      <c r="A15445" t="s">
        <v>9586</v>
      </c>
      <c r="B15445" t="s">
        <v>9587</v>
      </c>
      <c r="C15445" t="s">
        <v>9572</v>
      </c>
      <c r="D15445" t="s">
        <v>9573</v>
      </c>
      <c r="E15445" t="s">
        <v>9544</v>
      </c>
      <c r="F15445" t="s">
        <v>9545</v>
      </c>
      <c r="G15445" t="s">
        <v>80</v>
      </c>
      <c r="H15445" t="s">
        <v>81</v>
      </c>
      <c r="I15445" s="2">
        <v>0</v>
      </c>
      <c r="J15445" s="2">
        <v>1</v>
      </c>
      <c r="K15445" s="2">
        <v>0</v>
      </c>
      <c r="L15445" t="s">
        <v>82</v>
      </c>
      <c r="M15445" t="s">
        <v>83</v>
      </c>
      <c r="N15445" t="s">
        <v>91</v>
      </c>
      <c r="O15445" t="s">
        <v>85</v>
      </c>
      <c r="P15445" t="s">
        <v>86</v>
      </c>
      <c r="Q15445">
        <v>47</v>
      </c>
      <c r="R15445">
        <v>48</v>
      </c>
      <c r="S15445">
        <v>48</v>
      </c>
      <c r="T15445">
        <v>48</v>
      </c>
      <c r="U15445">
        <v>48</v>
      </c>
      <c r="V15445">
        <v>49</v>
      </c>
      <c r="W15445">
        <v>49</v>
      </c>
      <c r="X15445">
        <v>49</v>
      </c>
      <c r="Y15445">
        <v>49</v>
      </c>
      <c r="Z15445">
        <v>50</v>
      </c>
      <c r="AA15445">
        <v>50</v>
      </c>
      <c r="AB15445">
        <v>50</v>
      </c>
      <c r="AC15445">
        <v>50</v>
      </c>
      <c r="AD15445">
        <v>50</v>
      </c>
      <c r="AE15445">
        <v>50</v>
      </c>
      <c r="AF15445">
        <v>51</v>
      </c>
      <c r="AG15445">
        <v>51</v>
      </c>
      <c r="AH15445">
        <v>51</v>
      </c>
      <c r="AI15445">
        <v>51</v>
      </c>
      <c r="AJ15445">
        <v>51</v>
      </c>
      <c r="AK15445">
        <v>51</v>
      </c>
      <c r="AL15445">
        <v>51</v>
      </c>
      <c r="AM15445">
        <v>50</v>
      </c>
      <c r="AN15445">
        <v>50</v>
      </c>
      <c r="AO15445">
        <v>50</v>
      </c>
      <c r="AP15445">
        <v>49</v>
      </c>
      <c r="AQ15445">
        <v>49</v>
      </c>
    </row>
    <row r="15446" spans="1:43">
      <c r="A15446" t="s">
        <v>9588</v>
      </c>
      <c r="B15446" t="s">
        <v>9589</v>
      </c>
      <c r="C15446" t="s">
        <v>9590</v>
      </c>
      <c r="D15446" t="s">
        <v>9591</v>
      </c>
      <c r="E15446" t="s">
        <v>9544</v>
      </c>
      <c r="F15446" t="s">
        <v>9545</v>
      </c>
      <c r="G15446" t="s">
        <v>80</v>
      </c>
      <c r="H15446" t="s">
        <v>81</v>
      </c>
      <c r="I15446" s="2">
        <v>0</v>
      </c>
      <c r="J15446" s="2">
        <v>1</v>
      </c>
      <c r="K15446" s="2">
        <v>0</v>
      </c>
      <c r="L15446" t="s">
        <v>82</v>
      </c>
      <c r="M15446" t="s">
        <v>83</v>
      </c>
      <c r="N15446" t="s">
        <v>84</v>
      </c>
      <c r="O15446" t="s">
        <v>85</v>
      </c>
      <c r="P15446" t="s">
        <v>86</v>
      </c>
      <c r="Q15446">
        <v>22</v>
      </c>
      <c r="R15446">
        <v>22</v>
      </c>
      <c r="S15446">
        <v>23</v>
      </c>
      <c r="T15446">
        <v>23</v>
      </c>
      <c r="U15446">
        <v>23</v>
      </c>
      <c r="V15446">
        <v>23</v>
      </c>
      <c r="W15446">
        <v>23</v>
      </c>
      <c r="X15446">
        <v>23</v>
      </c>
      <c r="Y15446">
        <v>23</v>
      </c>
      <c r="Z15446">
        <v>23</v>
      </c>
      <c r="AA15446">
        <v>24</v>
      </c>
      <c r="AB15446">
        <v>24</v>
      </c>
      <c r="AC15446">
        <v>24</v>
      </c>
      <c r="AD15446">
        <v>24</v>
      </c>
      <c r="AE15446">
        <v>24</v>
      </c>
      <c r="AF15446">
        <v>24</v>
      </c>
      <c r="AG15446">
        <v>24</v>
      </c>
      <c r="AH15446">
        <v>24</v>
      </c>
      <c r="AI15446">
        <v>24</v>
      </c>
      <c r="AJ15446">
        <v>24</v>
      </c>
      <c r="AK15446">
        <v>24</v>
      </c>
      <c r="AL15446">
        <v>24</v>
      </c>
      <c r="AM15446">
        <v>24</v>
      </c>
      <c r="AN15446">
        <v>24</v>
      </c>
      <c r="AO15446">
        <v>24</v>
      </c>
      <c r="AP15446">
        <v>24</v>
      </c>
      <c r="AQ15446">
        <v>24</v>
      </c>
    </row>
    <row r="15447" spans="1:43">
      <c r="A15447" t="s">
        <v>9588</v>
      </c>
      <c r="B15447" t="s">
        <v>9589</v>
      </c>
      <c r="C15447" t="s">
        <v>9590</v>
      </c>
      <c r="D15447" t="s">
        <v>9591</v>
      </c>
      <c r="E15447" t="s">
        <v>9544</v>
      </c>
      <c r="F15447" t="s">
        <v>9545</v>
      </c>
      <c r="G15447" t="s">
        <v>80</v>
      </c>
      <c r="H15447" t="s">
        <v>81</v>
      </c>
      <c r="I15447" s="2">
        <v>0</v>
      </c>
      <c r="J15447" s="2">
        <v>1</v>
      </c>
      <c r="K15447" s="2">
        <v>0</v>
      </c>
      <c r="L15447" t="s">
        <v>82</v>
      </c>
      <c r="M15447" t="s">
        <v>87</v>
      </c>
      <c r="N15447" t="s">
        <v>88</v>
      </c>
      <c r="O15447" t="s">
        <v>85</v>
      </c>
      <c r="P15447" t="s">
        <v>86</v>
      </c>
      <c r="Q15447">
        <v>22</v>
      </c>
      <c r="R15447">
        <v>22</v>
      </c>
      <c r="S15447">
        <v>22</v>
      </c>
      <c r="T15447">
        <v>22</v>
      </c>
      <c r="U15447">
        <v>22</v>
      </c>
      <c r="V15447">
        <v>22</v>
      </c>
      <c r="W15447">
        <v>22</v>
      </c>
      <c r="X15447">
        <v>22</v>
      </c>
      <c r="Y15447">
        <v>22</v>
      </c>
      <c r="Z15447">
        <v>22</v>
      </c>
      <c r="AA15447">
        <v>21</v>
      </c>
      <c r="AB15447">
        <v>21</v>
      </c>
      <c r="AC15447">
        <v>21</v>
      </c>
      <c r="AD15447">
        <v>21</v>
      </c>
      <c r="AE15447">
        <v>21</v>
      </c>
      <c r="AF15447">
        <v>21</v>
      </c>
      <c r="AG15447">
        <v>21</v>
      </c>
      <c r="AH15447">
        <v>21</v>
      </c>
      <c r="AI15447">
        <v>21</v>
      </c>
      <c r="AJ15447">
        <v>21</v>
      </c>
      <c r="AK15447">
        <v>21</v>
      </c>
      <c r="AL15447">
        <v>21</v>
      </c>
      <c r="AM15447">
        <v>21</v>
      </c>
      <c r="AN15447">
        <v>21</v>
      </c>
      <c r="AO15447">
        <v>21</v>
      </c>
      <c r="AP15447">
        <v>20</v>
      </c>
      <c r="AQ15447">
        <v>20</v>
      </c>
    </row>
    <row r="15448" spans="1:43">
      <c r="A15448" t="s">
        <v>9588</v>
      </c>
      <c r="B15448" t="s">
        <v>9589</v>
      </c>
      <c r="C15448" t="s">
        <v>9590</v>
      </c>
      <c r="D15448" t="s">
        <v>9591</v>
      </c>
      <c r="E15448" t="s">
        <v>9544</v>
      </c>
      <c r="F15448" t="s">
        <v>9545</v>
      </c>
      <c r="G15448" t="s">
        <v>80</v>
      </c>
      <c r="H15448" t="s">
        <v>81</v>
      </c>
      <c r="I15448" s="2">
        <v>0</v>
      </c>
      <c r="J15448" s="2">
        <v>1</v>
      </c>
      <c r="K15448" s="2">
        <v>0</v>
      </c>
      <c r="L15448" t="s">
        <v>82</v>
      </c>
      <c r="M15448" t="s">
        <v>89</v>
      </c>
      <c r="N15448" t="s">
        <v>90</v>
      </c>
      <c r="O15448" t="s">
        <v>85</v>
      </c>
      <c r="P15448" t="s">
        <v>86</v>
      </c>
      <c r="Q15448">
        <v>22</v>
      </c>
      <c r="R15448">
        <v>23</v>
      </c>
      <c r="S15448">
        <v>23</v>
      </c>
      <c r="T15448">
        <v>23</v>
      </c>
      <c r="U15448">
        <v>24</v>
      </c>
      <c r="V15448">
        <v>24</v>
      </c>
      <c r="W15448">
        <v>24</v>
      </c>
      <c r="X15448">
        <v>25</v>
      </c>
      <c r="Y15448">
        <v>25</v>
      </c>
      <c r="Z15448">
        <v>25</v>
      </c>
      <c r="AA15448">
        <v>25</v>
      </c>
      <c r="AB15448">
        <v>25</v>
      </c>
      <c r="AC15448">
        <v>26</v>
      </c>
      <c r="AD15448">
        <v>26</v>
      </c>
      <c r="AE15448">
        <v>26</v>
      </c>
      <c r="AF15448">
        <v>26</v>
      </c>
      <c r="AG15448">
        <v>25</v>
      </c>
      <c r="AH15448">
        <v>25</v>
      </c>
      <c r="AI15448">
        <v>25</v>
      </c>
      <c r="AJ15448">
        <v>25</v>
      </c>
      <c r="AK15448">
        <v>25</v>
      </c>
      <c r="AL15448">
        <v>25</v>
      </c>
      <c r="AM15448">
        <v>24</v>
      </c>
      <c r="AN15448">
        <v>24</v>
      </c>
      <c r="AO15448">
        <v>24</v>
      </c>
      <c r="AP15448">
        <v>24</v>
      </c>
      <c r="AQ15448">
        <v>24</v>
      </c>
    </row>
    <row r="15449" spans="1:43">
      <c r="A15449" t="s">
        <v>9588</v>
      </c>
      <c r="B15449" t="s">
        <v>9589</v>
      </c>
      <c r="C15449" t="s">
        <v>9590</v>
      </c>
      <c r="D15449" t="s">
        <v>9591</v>
      </c>
      <c r="E15449" t="s">
        <v>9544</v>
      </c>
      <c r="F15449" t="s">
        <v>9545</v>
      </c>
      <c r="G15449" t="s">
        <v>80</v>
      </c>
      <c r="H15449" t="s">
        <v>81</v>
      </c>
      <c r="I15449" s="2">
        <v>0</v>
      </c>
      <c r="J15449" s="2">
        <v>1</v>
      </c>
      <c r="K15449" s="2">
        <v>0</v>
      </c>
      <c r="L15449" t="s">
        <v>82</v>
      </c>
      <c r="M15449" t="s">
        <v>83</v>
      </c>
      <c r="N15449" t="s">
        <v>91</v>
      </c>
      <c r="O15449" t="s">
        <v>85</v>
      </c>
      <c r="P15449" t="s">
        <v>86</v>
      </c>
      <c r="Q15449">
        <v>22</v>
      </c>
      <c r="R15449">
        <v>22</v>
      </c>
      <c r="S15449">
        <v>23</v>
      </c>
      <c r="T15449">
        <v>23</v>
      </c>
      <c r="U15449">
        <v>23</v>
      </c>
      <c r="V15449">
        <v>23</v>
      </c>
      <c r="W15449">
        <v>23</v>
      </c>
      <c r="X15449">
        <v>23</v>
      </c>
      <c r="Y15449">
        <v>23</v>
      </c>
      <c r="Z15449">
        <v>23</v>
      </c>
      <c r="AA15449">
        <v>24</v>
      </c>
      <c r="AB15449">
        <v>24</v>
      </c>
      <c r="AC15449">
        <v>24</v>
      </c>
      <c r="AD15449">
        <v>24</v>
      </c>
      <c r="AE15449">
        <v>24</v>
      </c>
      <c r="AF15449">
        <v>24</v>
      </c>
      <c r="AG15449">
        <v>24</v>
      </c>
      <c r="AH15449">
        <v>24</v>
      </c>
      <c r="AI15449">
        <v>24</v>
      </c>
      <c r="AJ15449">
        <v>24</v>
      </c>
      <c r="AK15449">
        <v>24</v>
      </c>
      <c r="AL15449">
        <v>24</v>
      </c>
      <c r="AM15449">
        <v>24</v>
      </c>
      <c r="AN15449">
        <v>24</v>
      </c>
      <c r="AO15449">
        <v>24</v>
      </c>
      <c r="AP15449">
        <v>24</v>
      </c>
      <c r="AQ15449">
        <v>24</v>
      </c>
    </row>
    <row r="15450" spans="1:43">
      <c r="A15450" t="s">
        <v>9592</v>
      </c>
      <c r="B15450" t="s">
        <v>9593</v>
      </c>
      <c r="C15450" t="s">
        <v>9590</v>
      </c>
      <c r="D15450" t="s">
        <v>9591</v>
      </c>
      <c r="E15450" t="s">
        <v>9544</v>
      </c>
      <c r="F15450" t="s">
        <v>9545</v>
      </c>
      <c r="G15450" t="s">
        <v>80</v>
      </c>
      <c r="H15450" t="s">
        <v>81</v>
      </c>
      <c r="I15450" s="2">
        <v>0</v>
      </c>
      <c r="J15450" s="2">
        <v>1</v>
      </c>
      <c r="K15450" s="2">
        <v>0</v>
      </c>
      <c r="L15450" t="s">
        <v>82</v>
      </c>
      <c r="M15450" t="s">
        <v>83</v>
      </c>
      <c r="N15450" t="s">
        <v>84</v>
      </c>
      <c r="O15450" t="s">
        <v>85</v>
      </c>
      <c r="P15450" t="s">
        <v>86</v>
      </c>
      <c r="Q15450">
        <v>17</v>
      </c>
      <c r="R15450">
        <v>17</v>
      </c>
      <c r="S15450">
        <v>17</v>
      </c>
      <c r="T15450">
        <v>17</v>
      </c>
      <c r="U15450">
        <v>17</v>
      </c>
      <c r="V15450">
        <v>18</v>
      </c>
      <c r="W15450">
        <v>18</v>
      </c>
      <c r="X15450">
        <v>18</v>
      </c>
      <c r="Y15450">
        <v>18</v>
      </c>
      <c r="Z15450">
        <v>18</v>
      </c>
      <c r="AA15450">
        <v>18</v>
      </c>
      <c r="AB15450">
        <v>18</v>
      </c>
      <c r="AC15450">
        <v>18</v>
      </c>
      <c r="AD15450">
        <v>19</v>
      </c>
      <c r="AE15450">
        <v>19</v>
      </c>
      <c r="AF15450">
        <v>19</v>
      </c>
      <c r="AG15450">
        <v>19</v>
      </c>
      <c r="AH15450">
        <v>19</v>
      </c>
      <c r="AI15450">
        <v>19</v>
      </c>
      <c r="AJ15450">
        <v>19</v>
      </c>
      <c r="AK15450">
        <v>19</v>
      </c>
      <c r="AL15450">
        <v>19</v>
      </c>
      <c r="AM15450">
        <v>19</v>
      </c>
      <c r="AN15450">
        <v>19</v>
      </c>
      <c r="AO15450">
        <v>19</v>
      </c>
      <c r="AP15450">
        <v>19</v>
      </c>
      <c r="AQ15450">
        <v>19</v>
      </c>
    </row>
    <row r="15451" spans="1:43">
      <c r="A15451" t="s">
        <v>9592</v>
      </c>
      <c r="B15451" t="s">
        <v>9593</v>
      </c>
      <c r="C15451" t="s">
        <v>9590</v>
      </c>
      <c r="D15451" t="s">
        <v>9591</v>
      </c>
      <c r="E15451" t="s">
        <v>9544</v>
      </c>
      <c r="F15451" t="s">
        <v>9545</v>
      </c>
      <c r="G15451" t="s">
        <v>80</v>
      </c>
      <c r="H15451" t="s">
        <v>81</v>
      </c>
      <c r="I15451" s="2">
        <v>0</v>
      </c>
      <c r="J15451" s="2">
        <v>1</v>
      </c>
      <c r="K15451" s="2">
        <v>0</v>
      </c>
      <c r="L15451" t="s">
        <v>82</v>
      </c>
      <c r="M15451" t="s">
        <v>87</v>
      </c>
      <c r="N15451" t="s">
        <v>88</v>
      </c>
      <c r="O15451" t="s">
        <v>85</v>
      </c>
      <c r="P15451" t="s">
        <v>86</v>
      </c>
      <c r="Q15451">
        <v>17</v>
      </c>
      <c r="R15451">
        <v>17</v>
      </c>
      <c r="S15451">
        <v>17</v>
      </c>
      <c r="T15451">
        <v>17</v>
      </c>
      <c r="U15451">
        <v>17</v>
      </c>
      <c r="V15451">
        <v>17</v>
      </c>
      <c r="W15451">
        <v>17</v>
      </c>
      <c r="X15451">
        <v>17</v>
      </c>
      <c r="Y15451">
        <v>17</v>
      </c>
      <c r="Z15451">
        <v>17</v>
      </c>
      <c r="AA15451">
        <v>17</v>
      </c>
      <c r="AB15451">
        <v>17</v>
      </c>
      <c r="AC15451">
        <v>17</v>
      </c>
      <c r="AD15451">
        <v>17</v>
      </c>
      <c r="AE15451">
        <v>16</v>
      </c>
      <c r="AF15451">
        <v>16</v>
      </c>
      <c r="AG15451">
        <v>16</v>
      </c>
      <c r="AH15451">
        <v>16</v>
      </c>
      <c r="AI15451">
        <v>16</v>
      </c>
      <c r="AJ15451">
        <v>16</v>
      </c>
      <c r="AK15451">
        <v>16</v>
      </c>
      <c r="AL15451">
        <v>16</v>
      </c>
      <c r="AM15451">
        <v>16</v>
      </c>
      <c r="AN15451">
        <v>16</v>
      </c>
      <c r="AO15451">
        <v>16</v>
      </c>
      <c r="AP15451">
        <v>16</v>
      </c>
      <c r="AQ15451">
        <v>16</v>
      </c>
    </row>
    <row r="15452" spans="1:43">
      <c r="A15452" t="s">
        <v>9592</v>
      </c>
      <c r="B15452" t="s">
        <v>9593</v>
      </c>
      <c r="C15452" t="s">
        <v>9590</v>
      </c>
      <c r="D15452" t="s">
        <v>9591</v>
      </c>
      <c r="E15452" t="s">
        <v>9544</v>
      </c>
      <c r="F15452" t="s">
        <v>9545</v>
      </c>
      <c r="G15452" t="s">
        <v>80</v>
      </c>
      <c r="H15452" t="s">
        <v>81</v>
      </c>
      <c r="I15452" s="2">
        <v>0</v>
      </c>
      <c r="J15452" s="2">
        <v>1</v>
      </c>
      <c r="K15452" s="2">
        <v>0</v>
      </c>
      <c r="L15452" t="s">
        <v>82</v>
      </c>
      <c r="M15452" t="s">
        <v>89</v>
      </c>
      <c r="N15452" t="s">
        <v>90</v>
      </c>
      <c r="O15452" t="s">
        <v>85</v>
      </c>
      <c r="P15452" t="s">
        <v>86</v>
      </c>
      <c r="Q15452">
        <v>17</v>
      </c>
      <c r="R15452">
        <v>17</v>
      </c>
      <c r="S15452">
        <v>18</v>
      </c>
      <c r="T15452">
        <v>18</v>
      </c>
      <c r="U15452">
        <v>18</v>
      </c>
      <c r="V15452">
        <v>18</v>
      </c>
      <c r="W15452">
        <v>19</v>
      </c>
      <c r="X15452">
        <v>19</v>
      </c>
      <c r="Y15452">
        <v>19</v>
      </c>
      <c r="Z15452">
        <v>19</v>
      </c>
      <c r="AA15452">
        <v>19</v>
      </c>
      <c r="AB15452">
        <v>20</v>
      </c>
      <c r="AC15452">
        <v>20</v>
      </c>
      <c r="AD15452">
        <v>20</v>
      </c>
      <c r="AE15452">
        <v>20</v>
      </c>
      <c r="AF15452">
        <v>20</v>
      </c>
      <c r="AG15452">
        <v>20</v>
      </c>
      <c r="AH15452">
        <v>20</v>
      </c>
      <c r="AI15452">
        <v>20</v>
      </c>
      <c r="AJ15452">
        <v>20</v>
      </c>
      <c r="AK15452">
        <v>19</v>
      </c>
      <c r="AL15452">
        <v>19</v>
      </c>
      <c r="AM15452">
        <v>19</v>
      </c>
      <c r="AN15452">
        <v>19</v>
      </c>
      <c r="AO15452">
        <v>19</v>
      </c>
      <c r="AP15452">
        <v>19</v>
      </c>
      <c r="AQ15452">
        <v>19</v>
      </c>
    </row>
    <row r="15453" spans="1:43">
      <c r="A15453" t="s">
        <v>9592</v>
      </c>
      <c r="B15453" t="s">
        <v>9593</v>
      </c>
      <c r="C15453" t="s">
        <v>9590</v>
      </c>
      <c r="D15453" t="s">
        <v>9591</v>
      </c>
      <c r="E15453" t="s">
        <v>9544</v>
      </c>
      <c r="F15453" t="s">
        <v>9545</v>
      </c>
      <c r="G15453" t="s">
        <v>80</v>
      </c>
      <c r="H15453" t="s">
        <v>81</v>
      </c>
      <c r="I15453" s="2">
        <v>0</v>
      </c>
      <c r="J15453" s="2">
        <v>1</v>
      </c>
      <c r="K15453" s="2">
        <v>0</v>
      </c>
      <c r="L15453" t="s">
        <v>82</v>
      </c>
      <c r="M15453" t="s">
        <v>83</v>
      </c>
      <c r="N15453" t="s">
        <v>91</v>
      </c>
      <c r="O15453" t="s">
        <v>85</v>
      </c>
      <c r="P15453" t="s">
        <v>86</v>
      </c>
      <c r="Q15453">
        <v>17</v>
      </c>
      <c r="R15453">
        <v>17</v>
      </c>
      <c r="S15453">
        <v>17</v>
      </c>
      <c r="T15453">
        <v>17</v>
      </c>
      <c r="U15453">
        <v>17</v>
      </c>
      <c r="V15453">
        <v>18</v>
      </c>
      <c r="W15453">
        <v>18</v>
      </c>
      <c r="X15453">
        <v>18</v>
      </c>
      <c r="Y15453">
        <v>18</v>
      </c>
      <c r="Z15453">
        <v>18</v>
      </c>
      <c r="AA15453">
        <v>18</v>
      </c>
      <c r="AB15453">
        <v>18</v>
      </c>
      <c r="AC15453">
        <v>18</v>
      </c>
      <c r="AD15453">
        <v>19</v>
      </c>
      <c r="AE15453">
        <v>19</v>
      </c>
      <c r="AF15453">
        <v>19</v>
      </c>
      <c r="AG15453">
        <v>19</v>
      </c>
      <c r="AH15453">
        <v>19</v>
      </c>
      <c r="AI15453">
        <v>19</v>
      </c>
      <c r="AJ15453">
        <v>19</v>
      </c>
      <c r="AK15453">
        <v>19</v>
      </c>
      <c r="AL15453">
        <v>19</v>
      </c>
      <c r="AM15453">
        <v>19</v>
      </c>
      <c r="AN15453">
        <v>19</v>
      </c>
      <c r="AO15453">
        <v>19</v>
      </c>
      <c r="AP15453">
        <v>19</v>
      </c>
      <c r="AQ15453">
        <v>19</v>
      </c>
    </row>
    <row r="15454" spans="1:43">
      <c r="A15454" t="s">
        <v>9594</v>
      </c>
      <c r="B15454" t="s">
        <v>9595</v>
      </c>
      <c r="C15454" t="s">
        <v>9590</v>
      </c>
      <c r="D15454" t="s">
        <v>9591</v>
      </c>
      <c r="E15454" t="s">
        <v>9544</v>
      </c>
      <c r="F15454" t="s">
        <v>9545</v>
      </c>
      <c r="G15454" t="s">
        <v>80</v>
      </c>
      <c r="H15454" t="s">
        <v>81</v>
      </c>
      <c r="I15454" s="2">
        <v>0</v>
      </c>
      <c r="J15454" s="2">
        <v>1</v>
      </c>
      <c r="K15454" s="2">
        <v>0</v>
      </c>
      <c r="L15454" t="s">
        <v>82</v>
      </c>
      <c r="M15454" t="s">
        <v>83</v>
      </c>
      <c r="N15454" t="s">
        <v>84</v>
      </c>
      <c r="O15454" t="s">
        <v>85</v>
      </c>
      <c r="P15454" t="s">
        <v>86</v>
      </c>
      <c r="Q15454">
        <v>132</v>
      </c>
      <c r="R15454">
        <v>133</v>
      </c>
      <c r="S15454">
        <v>134</v>
      </c>
      <c r="T15454">
        <v>135</v>
      </c>
      <c r="U15454">
        <v>136</v>
      </c>
      <c r="V15454">
        <v>137</v>
      </c>
      <c r="W15454">
        <v>138</v>
      </c>
      <c r="X15454">
        <v>139</v>
      </c>
      <c r="Y15454">
        <v>140</v>
      </c>
      <c r="Z15454">
        <v>141</v>
      </c>
      <c r="AA15454">
        <v>142</v>
      </c>
      <c r="AB15454">
        <v>143</v>
      </c>
      <c r="AC15454">
        <v>144</v>
      </c>
      <c r="AD15454">
        <v>144</v>
      </c>
      <c r="AE15454">
        <v>145</v>
      </c>
      <c r="AF15454">
        <v>146</v>
      </c>
      <c r="AG15454">
        <v>146</v>
      </c>
      <c r="AH15454">
        <v>147</v>
      </c>
      <c r="AI15454">
        <v>148</v>
      </c>
      <c r="AJ15454">
        <v>148</v>
      </c>
      <c r="AK15454">
        <v>149</v>
      </c>
      <c r="AL15454">
        <v>149</v>
      </c>
      <c r="AM15454">
        <v>148</v>
      </c>
      <c r="AN15454">
        <v>147</v>
      </c>
      <c r="AO15454">
        <v>147</v>
      </c>
      <c r="AP15454">
        <v>146</v>
      </c>
      <c r="AQ15454">
        <v>146</v>
      </c>
    </row>
    <row r="15455" spans="1:43">
      <c r="A15455" t="s">
        <v>9594</v>
      </c>
      <c r="B15455" t="s">
        <v>9595</v>
      </c>
      <c r="C15455" t="s">
        <v>9590</v>
      </c>
      <c r="D15455" t="s">
        <v>9591</v>
      </c>
      <c r="E15455" t="s">
        <v>9544</v>
      </c>
      <c r="F15455" t="s">
        <v>9545</v>
      </c>
      <c r="G15455" t="s">
        <v>80</v>
      </c>
      <c r="H15455" t="s">
        <v>81</v>
      </c>
      <c r="I15455" s="2">
        <v>0</v>
      </c>
      <c r="J15455" s="2">
        <v>1</v>
      </c>
      <c r="K15455" s="2">
        <v>0</v>
      </c>
      <c r="L15455" t="s">
        <v>82</v>
      </c>
      <c r="M15455" t="s">
        <v>87</v>
      </c>
      <c r="N15455" t="s">
        <v>88</v>
      </c>
      <c r="O15455" t="s">
        <v>85</v>
      </c>
      <c r="P15455" t="s">
        <v>86</v>
      </c>
      <c r="Q15455">
        <v>132</v>
      </c>
      <c r="R15455">
        <v>132</v>
      </c>
      <c r="S15455">
        <v>132</v>
      </c>
      <c r="T15455">
        <v>131</v>
      </c>
      <c r="U15455">
        <v>131</v>
      </c>
      <c r="V15455">
        <v>131</v>
      </c>
      <c r="W15455">
        <v>131</v>
      </c>
      <c r="X15455">
        <v>131</v>
      </c>
      <c r="Y15455">
        <v>131</v>
      </c>
      <c r="Z15455">
        <v>131</v>
      </c>
      <c r="AA15455">
        <v>130</v>
      </c>
      <c r="AB15455">
        <v>130</v>
      </c>
      <c r="AC15455">
        <v>130</v>
      </c>
      <c r="AD15455">
        <v>130</v>
      </c>
      <c r="AE15455">
        <v>130</v>
      </c>
      <c r="AF15455">
        <v>129</v>
      </c>
      <c r="AG15455">
        <v>129</v>
      </c>
      <c r="AH15455">
        <v>129</v>
      </c>
      <c r="AI15455">
        <v>129</v>
      </c>
      <c r="AJ15455">
        <v>128</v>
      </c>
      <c r="AK15455">
        <v>128</v>
      </c>
      <c r="AL15455">
        <v>128</v>
      </c>
      <c r="AM15455">
        <v>128</v>
      </c>
      <c r="AN15455">
        <v>127</v>
      </c>
      <c r="AO15455">
        <v>127</v>
      </c>
      <c r="AP15455">
        <v>127</v>
      </c>
      <c r="AQ15455">
        <v>127</v>
      </c>
    </row>
    <row r="15456" spans="1:43">
      <c r="A15456" t="s">
        <v>9594</v>
      </c>
      <c r="B15456" t="s">
        <v>9595</v>
      </c>
      <c r="C15456" t="s">
        <v>9590</v>
      </c>
      <c r="D15456" t="s">
        <v>9591</v>
      </c>
      <c r="E15456" t="s">
        <v>9544</v>
      </c>
      <c r="F15456" t="s">
        <v>9545</v>
      </c>
      <c r="G15456" t="s">
        <v>80</v>
      </c>
      <c r="H15456" t="s">
        <v>81</v>
      </c>
      <c r="I15456" s="2">
        <v>0</v>
      </c>
      <c r="J15456" s="2">
        <v>1</v>
      </c>
      <c r="K15456" s="2">
        <v>0</v>
      </c>
      <c r="L15456" t="s">
        <v>82</v>
      </c>
      <c r="M15456" t="s">
        <v>89</v>
      </c>
      <c r="N15456" t="s">
        <v>90</v>
      </c>
      <c r="O15456" t="s">
        <v>85</v>
      </c>
      <c r="P15456" t="s">
        <v>86</v>
      </c>
      <c r="Q15456">
        <v>132</v>
      </c>
      <c r="R15456">
        <v>135</v>
      </c>
      <c r="S15456">
        <v>137</v>
      </c>
      <c r="T15456">
        <v>139</v>
      </c>
      <c r="U15456">
        <v>141</v>
      </c>
      <c r="V15456">
        <v>143</v>
      </c>
      <c r="W15456">
        <v>145</v>
      </c>
      <c r="X15456">
        <v>146</v>
      </c>
      <c r="Y15456">
        <v>148</v>
      </c>
      <c r="Z15456">
        <v>149</v>
      </c>
      <c r="AA15456">
        <v>150</v>
      </c>
      <c r="AB15456">
        <v>151</v>
      </c>
      <c r="AC15456">
        <v>153</v>
      </c>
      <c r="AD15456">
        <v>154</v>
      </c>
      <c r="AE15456">
        <v>154</v>
      </c>
      <c r="AF15456">
        <v>154</v>
      </c>
      <c r="AG15456">
        <v>153</v>
      </c>
      <c r="AH15456">
        <v>153</v>
      </c>
      <c r="AI15456">
        <v>152</v>
      </c>
      <c r="AJ15456">
        <v>151</v>
      </c>
      <c r="AK15456">
        <v>151</v>
      </c>
      <c r="AL15456">
        <v>150</v>
      </c>
      <c r="AM15456">
        <v>149</v>
      </c>
      <c r="AN15456">
        <v>149</v>
      </c>
      <c r="AO15456">
        <v>148</v>
      </c>
      <c r="AP15456">
        <v>148</v>
      </c>
      <c r="AQ15456">
        <v>147</v>
      </c>
    </row>
    <row r="15457" spans="1:43">
      <c r="A15457" t="s">
        <v>9594</v>
      </c>
      <c r="B15457" t="s">
        <v>9595</v>
      </c>
      <c r="C15457" t="s">
        <v>9590</v>
      </c>
      <c r="D15457" t="s">
        <v>9591</v>
      </c>
      <c r="E15457" t="s">
        <v>9544</v>
      </c>
      <c r="F15457" t="s">
        <v>9545</v>
      </c>
      <c r="G15457" t="s">
        <v>80</v>
      </c>
      <c r="H15457" t="s">
        <v>81</v>
      </c>
      <c r="I15457" s="2">
        <v>0</v>
      </c>
      <c r="J15457" s="2">
        <v>1</v>
      </c>
      <c r="K15457" s="2">
        <v>0</v>
      </c>
      <c r="L15457" t="s">
        <v>82</v>
      </c>
      <c r="M15457" t="s">
        <v>83</v>
      </c>
      <c r="N15457" t="s">
        <v>91</v>
      </c>
      <c r="O15457" t="s">
        <v>85</v>
      </c>
      <c r="P15457" t="s">
        <v>86</v>
      </c>
      <c r="Q15457">
        <v>132</v>
      </c>
      <c r="R15457">
        <v>133</v>
      </c>
      <c r="S15457">
        <v>134</v>
      </c>
      <c r="T15457">
        <v>135</v>
      </c>
      <c r="U15457">
        <v>136</v>
      </c>
      <c r="V15457">
        <v>137</v>
      </c>
      <c r="W15457">
        <v>138</v>
      </c>
      <c r="X15457">
        <v>139</v>
      </c>
      <c r="Y15457">
        <v>140</v>
      </c>
      <c r="Z15457">
        <v>141</v>
      </c>
      <c r="AA15457">
        <v>142</v>
      </c>
      <c r="AB15457">
        <v>143</v>
      </c>
      <c r="AC15457">
        <v>144</v>
      </c>
      <c r="AD15457">
        <v>144</v>
      </c>
      <c r="AE15457">
        <v>145</v>
      </c>
      <c r="AF15457">
        <v>146</v>
      </c>
      <c r="AG15457">
        <v>146</v>
      </c>
      <c r="AH15457">
        <v>147</v>
      </c>
      <c r="AI15457">
        <v>148</v>
      </c>
      <c r="AJ15457">
        <v>148</v>
      </c>
      <c r="AK15457">
        <v>149</v>
      </c>
      <c r="AL15457">
        <v>149</v>
      </c>
      <c r="AM15457">
        <v>148</v>
      </c>
      <c r="AN15457">
        <v>147</v>
      </c>
      <c r="AO15457">
        <v>147</v>
      </c>
      <c r="AP15457">
        <v>146</v>
      </c>
      <c r="AQ15457">
        <v>146</v>
      </c>
    </row>
    <row r="15458" spans="1:43">
      <c r="A15458" t="s">
        <v>9596</v>
      </c>
      <c r="B15458" t="s">
        <v>9597</v>
      </c>
      <c r="C15458" t="s">
        <v>9598</v>
      </c>
      <c r="D15458" t="s">
        <v>9599</v>
      </c>
      <c r="E15458" t="s">
        <v>9544</v>
      </c>
      <c r="F15458" t="s">
        <v>9545</v>
      </c>
      <c r="G15458" t="s">
        <v>80</v>
      </c>
      <c r="H15458" t="s">
        <v>81</v>
      </c>
      <c r="I15458" s="2">
        <v>0</v>
      </c>
      <c r="J15458" s="2">
        <v>1</v>
      </c>
      <c r="K15458" s="2">
        <v>0</v>
      </c>
      <c r="L15458" t="s">
        <v>82</v>
      </c>
      <c r="M15458" t="s">
        <v>83</v>
      </c>
      <c r="N15458" t="s">
        <v>84</v>
      </c>
      <c r="O15458" t="s">
        <v>85</v>
      </c>
      <c r="P15458" t="s">
        <v>86</v>
      </c>
      <c r="Q15458">
        <v>43</v>
      </c>
      <c r="R15458">
        <v>44</v>
      </c>
      <c r="S15458">
        <v>44</v>
      </c>
      <c r="T15458">
        <v>44</v>
      </c>
      <c r="U15458">
        <v>44</v>
      </c>
      <c r="V15458">
        <v>45</v>
      </c>
      <c r="W15458">
        <v>45</v>
      </c>
      <c r="X15458">
        <v>45</v>
      </c>
      <c r="Y15458">
        <v>45</v>
      </c>
      <c r="Z15458">
        <v>46</v>
      </c>
      <c r="AA15458">
        <v>46</v>
      </c>
      <c r="AB15458">
        <v>46</v>
      </c>
      <c r="AC15458">
        <v>46</v>
      </c>
      <c r="AD15458">
        <v>46</v>
      </c>
      <c r="AE15458">
        <v>47</v>
      </c>
      <c r="AF15458">
        <v>47</v>
      </c>
      <c r="AG15458">
        <v>47</v>
      </c>
      <c r="AH15458">
        <v>47</v>
      </c>
      <c r="AI15458">
        <v>47</v>
      </c>
      <c r="AJ15458">
        <v>47</v>
      </c>
      <c r="AK15458">
        <v>47</v>
      </c>
      <c r="AL15458">
        <v>47</v>
      </c>
      <c r="AM15458">
        <v>47</v>
      </c>
      <c r="AN15458">
        <v>46</v>
      </c>
      <c r="AO15458">
        <v>46</v>
      </c>
      <c r="AP15458">
        <v>46</v>
      </c>
      <c r="AQ15458">
        <v>46</v>
      </c>
    </row>
    <row r="15459" spans="1:43">
      <c r="A15459" t="s">
        <v>9596</v>
      </c>
      <c r="B15459" t="s">
        <v>9597</v>
      </c>
      <c r="C15459" t="s">
        <v>9598</v>
      </c>
      <c r="D15459" t="s">
        <v>9599</v>
      </c>
      <c r="E15459" t="s">
        <v>9544</v>
      </c>
      <c r="F15459" t="s">
        <v>9545</v>
      </c>
      <c r="G15459" t="s">
        <v>80</v>
      </c>
      <c r="H15459" t="s">
        <v>81</v>
      </c>
      <c r="I15459" s="2">
        <v>0</v>
      </c>
      <c r="J15459" s="2">
        <v>1</v>
      </c>
      <c r="K15459" s="2">
        <v>0</v>
      </c>
      <c r="L15459" t="s">
        <v>82</v>
      </c>
      <c r="M15459" t="s">
        <v>87</v>
      </c>
      <c r="N15459" t="s">
        <v>88</v>
      </c>
      <c r="O15459" t="s">
        <v>85</v>
      </c>
      <c r="P15459" t="s">
        <v>86</v>
      </c>
      <c r="Q15459">
        <v>43</v>
      </c>
      <c r="R15459">
        <v>43</v>
      </c>
      <c r="S15459">
        <v>43</v>
      </c>
      <c r="T15459">
        <v>43</v>
      </c>
      <c r="U15459">
        <v>42</v>
      </c>
      <c r="V15459">
        <v>42</v>
      </c>
      <c r="W15459">
        <v>42</v>
      </c>
      <c r="X15459">
        <v>42</v>
      </c>
      <c r="Y15459">
        <v>42</v>
      </c>
      <c r="Z15459">
        <v>42</v>
      </c>
      <c r="AA15459">
        <v>42</v>
      </c>
      <c r="AB15459">
        <v>42</v>
      </c>
      <c r="AC15459">
        <v>41</v>
      </c>
      <c r="AD15459">
        <v>41</v>
      </c>
      <c r="AE15459">
        <v>41</v>
      </c>
      <c r="AF15459">
        <v>41</v>
      </c>
      <c r="AG15459">
        <v>41</v>
      </c>
      <c r="AH15459">
        <v>41</v>
      </c>
      <c r="AI15459">
        <v>41</v>
      </c>
      <c r="AJ15459">
        <v>40</v>
      </c>
      <c r="AK15459">
        <v>40</v>
      </c>
      <c r="AL15459">
        <v>40</v>
      </c>
      <c r="AM15459">
        <v>40</v>
      </c>
      <c r="AN15459">
        <v>40</v>
      </c>
      <c r="AO15459">
        <v>40</v>
      </c>
      <c r="AP15459">
        <v>40</v>
      </c>
      <c r="AQ15459">
        <v>39</v>
      </c>
    </row>
    <row r="15460" spans="1:43">
      <c r="A15460" t="s">
        <v>9596</v>
      </c>
      <c r="B15460" t="s">
        <v>9597</v>
      </c>
      <c r="C15460" t="s">
        <v>9598</v>
      </c>
      <c r="D15460" t="s">
        <v>9599</v>
      </c>
      <c r="E15460" t="s">
        <v>9544</v>
      </c>
      <c r="F15460" t="s">
        <v>9545</v>
      </c>
      <c r="G15460" t="s">
        <v>80</v>
      </c>
      <c r="H15460" t="s">
        <v>81</v>
      </c>
      <c r="I15460" s="2">
        <v>0</v>
      </c>
      <c r="J15460" s="2">
        <v>1</v>
      </c>
      <c r="K15460" s="2">
        <v>0</v>
      </c>
      <c r="L15460" t="s">
        <v>82</v>
      </c>
      <c r="M15460" t="s">
        <v>89</v>
      </c>
      <c r="N15460" t="s">
        <v>90</v>
      </c>
      <c r="O15460" t="s">
        <v>85</v>
      </c>
      <c r="P15460" t="s">
        <v>86</v>
      </c>
      <c r="Q15460">
        <v>43</v>
      </c>
      <c r="R15460">
        <v>43</v>
      </c>
      <c r="S15460">
        <v>44</v>
      </c>
      <c r="T15460">
        <v>45</v>
      </c>
      <c r="U15460">
        <v>45</v>
      </c>
      <c r="V15460">
        <v>46</v>
      </c>
      <c r="W15460">
        <v>46</v>
      </c>
      <c r="X15460">
        <v>47</v>
      </c>
      <c r="Y15460">
        <v>47</v>
      </c>
      <c r="Z15460">
        <v>47</v>
      </c>
      <c r="AA15460">
        <v>48</v>
      </c>
      <c r="AB15460">
        <v>48</v>
      </c>
      <c r="AC15460">
        <v>49</v>
      </c>
      <c r="AD15460">
        <v>49</v>
      </c>
      <c r="AE15460">
        <v>49</v>
      </c>
      <c r="AF15460">
        <v>49</v>
      </c>
      <c r="AG15460">
        <v>48</v>
      </c>
      <c r="AH15460">
        <v>48</v>
      </c>
      <c r="AI15460">
        <v>48</v>
      </c>
      <c r="AJ15460">
        <v>47</v>
      </c>
      <c r="AK15460">
        <v>47</v>
      </c>
      <c r="AL15460">
        <v>47</v>
      </c>
      <c r="AM15460">
        <v>46</v>
      </c>
      <c r="AN15460">
        <v>46</v>
      </c>
      <c r="AO15460">
        <v>46</v>
      </c>
      <c r="AP15460">
        <v>45</v>
      </c>
      <c r="AQ15460">
        <v>45</v>
      </c>
    </row>
    <row r="15461" spans="1:43">
      <c r="A15461" t="s">
        <v>9596</v>
      </c>
      <c r="B15461" t="s">
        <v>9597</v>
      </c>
      <c r="C15461" t="s">
        <v>9598</v>
      </c>
      <c r="D15461" t="s">
        <v>9599</v>
      </c>
      <c r="E15461" t="s">
        <v>9544</v>
      </c>
      <c r="F15461" t="s">
        <v>9545</v>
      </c>
      <c r="G15461" t="s">
        <v>80</v>
      </c>
      <c r="H15461" t="s">
        <v>81</v>
      </c>
      <c r="I15461" s="2">
        <v>0</v>
      </c>
      <c r="J15461" s="2">
        <v>1</v>
      </c>
      <c r="K15461" s="2">
        <v>0</v>
      </c>
      <c r="L15461" t="s">
        <v>82</v>
      </c>
      <c r="M15461" t="s">
        <v>83</v>
      </c>
      <c r="N15461" t="s">
        <v>91</v>
      </c>
      <c r="O15461" t="s">
        <v>85</v>
      </c>
      <c r="P15461" t="s">
        <v>86</v>
      </c>
      <c r="Q15461">
        <v>43</v>
      </c>
      <c r="R15461">
        <v>44</v>
      </c>
      <c r="S15461">
        <v>44</v>
      </c>
      <c r="T15461">
        <v>44</v>
      </c>
      <c r="U15461">
        <v>44</v>
      </c>
      <c r="V15461">
        <v>45</v>
      </c>
      <c r="W15461">
        <v>45</v>
      </c>
      <c r="X15461">
        <v>45</v>
      </c>
      <c r="Y15461">
        <v>45</v>
      </c>
      <c r="Z15461">
        <v>46</v>
      </c>
      <c r="AA15461">
        <v>46</v>
      </c>
      <c r="AB15461">
        <v>46</v>
      </c>
      <c r="AC15461">
        <v>46</v>
      </c>
      <c r="AD15461">
        <v>46</v>
      </c>
      <c r="AE15461">
        <v>47</v>
      </c>
      <c r="AF15461">
        <v>47</v>
      </c>
      <c r="AG15461">
        <v>47</v>
      </c>
      <c r="AH15461">
        <v>47</v>
      </c>
      <c r="AI15461">
        <v>47</v>
      </c>
      <c r="AJ15461">
        <v>47</v>
      </c>
      <c r="AK15461">
        <v>47</v>
      </c>
      <c r="AL15461">
        <v>47</v>
      </c>
      <c r="AM15461">
        <v>47</v>
      </c>
      <c r="AN15461">
        <v>46</v>
      </c>
      <c r="AO15461">
        <v>46</v>
      </c>
      <c r="AP15461">
        <v>46</v>
      </c>
      <c r="AQ15461">
        <v>46</v>
      </c>
    </row>
    <row r="15462" spans="1:43">
      <c r="A15462" t="s">
        <v>9600</v>
      </c>
      <c r="B15462" t="s">
        <v>9601</v>
      </c>
      <c r="C15462" t="s">
        <v>9602</v>
      </c>
      <c r="D15462" t="s">
        <v>9603</v>
      </c>
      <c r="E15462" t="s">
        <v>9544</v>
      </c>
      <c r="F15462" t="s">
        <v>9545</v>
      </c>
      <c r="G15462" t="s">
        <v>80</v>
      </c>
      <c r="H15462" t="s">
        <v>81</v>
      </c>
      <c r="I15462" s="2">
        <v>0</v>
      </c>
      <c r="J15462" s="2">
        <v>1</v>
      </c>
      <c r="K15462" s="2">
        <v>0</v>
      </c>
      <c r="L15462" t="s">
        <v>82</v>
      </c>
      <c r="M15462" t="s">
        <v>83</v>
      </c>
      <c r="N15462" t="s">
        <v>84</v>
      </c>
      <c r="O15462" t="s">
        <v>85</v>
      </c>
      <c r="P15462" t="s">
        <v>86</v>
      </c>
      <c r="Q15462">
        <v>70</v>
      </c>
      <c r="R15462">
        <v>70</v>
      </c>
      <c r="S15462">
        <v>71</v>
      </c>
      <c r="T15462">
        <v>71</v>
      </c>
      <c r="U15462">
        <v>72</v>
      </c>
      <c r="V15462">
        <v>72</v>
      </c>
      <c r="W15462">
        <v>72</v>
      </c>
      <c r="X15462">
        <v>73</v>
      </c>
      <c r="Y15462">
        <v>73</v>
      </c>
      <c r="Z15462">
        <v>74</v>
      </c>
      <c r="AA15462">
        <v>74</v>
      </c>
      <c r="AB15462">
        <v>74</v>
      </c>
      <c r="AC15462">
        <v>75</v>
      </c>
      <c r="AD15462">
        <v>75</v>
      </c>
      <c r="AE15462">
        <v>75</v>
      </c>
      <c r="AF15462">
        <v>76</v>
      </c>
      <c r="AG15462">
        <v>76</v>
      </c>
      <c r="AH15462">
        <v>76</v>
      </c>
      <c r="AI15462">
        <v>77</v>
      </c>
      <c r="AJ15462">
        <v>77</v>
      </c>
      <c r="AK15462">
        <v>77</v>
      </c>
      <c r="AL15462">
        <v>77</v>
      </c>
      <c r="AM15462">
        <v>76</v>
      </c>
      <c r="AN15462">
        <v>76</v>
      </c>
      <c r="AO15462">
        <v>76</v>
      </c>
      <c r="AP15462">
        <v>75</v>
      </c>
      <c r="AQ15462">
        <v>75</v>
      </c>
    </row>
    <row r="15463" spans="1:43">
      <c r="A15463" t="s">
        <v>9600</v>
      </c>
      <c r="B15463" t="s">
        <v>9601</v>
      </c>
      <c r="C15463" t="s">
        <v>9602</v>
      </c>
      <c r="D15463" t="s">
        <v>9603</v>
      </c>
      <c r="E15463" t="s">
        <v>9544</v>
      </c>
      <c r="F15463" t="s">
        <v>9545</v>
      </c>
      <c r="G15463" t="s">
        <v>80</v>
      </c>
      <c r="H15463" t="s">
        <v>81</v>
      </c>
      <c r="I15463" s="2">
        <v>0</v>
      </c>
      <c r="J15463" s="2">
        <v>1</v>
      </c>
      <c r="K15463" s="2">
        <v>0</v>
      </c>
      <c r="L15463" t="s">
        <v>82</v>
      </c>
      <c r="M15463" t="s">
        <v>87</v>
      </c>
      <c r="N15463" t="s">
        <v>88</v>
      </c>
      <c r="O15463" t="s">
        <v>85</v>
      </c>
      <c r="P15463" t="s">
        <v>86</v>
      </c>
      <c r="Q15463">
        <v>70</v>
      </c>
      <c r="R15463">
        <v>70</v>
      </c>
      <c r="S15463">
        <v>70</v>
      </c>
      <c r="T15463">
        <v>70</v>
      </c>
      <c r="U15463">
        <v>69</v>
      </c>
      <c r="V15463">
        <v>69</v>
      </c>
      <c r="W15463">
        <v>69</v>
      </c>
      <c r="X15463">
        <v>69</v>
      </c>
      <c r="Y15463">
        <v>69</v>
      </c>
      <c r="Z15463">
        <v>69</v>
      </c>
      <c r="AA15463">
        <v>68</v>
      </c>
      <c r="AB15463">
        <v>68</v>
      </c>
      <c r="AC15463">
        <v>68</v>
      </c>
      <c r="AD15463">
        <v>68</v>
      </c>
      <c r="AE15463">
        <v>68</v>
      </c>
      <c r="AF15463">
        <v>68</v>
      </c>
      <c r="AG15463">
        <v>67</v>
      </c>
      <c r="AH15463">
        <v>67</v>
      </c>
      <c r="AI15463">
        <v>67</v>
      </c>
      <c r="AJ15463">
        <v>67</v>
      </c>
      <c r="AK15463">
        <v>67</v>
      </c>
      <c r="AL15463">
        <v>66</v>
      </c>
      <c r="AM15463">
        <v>66</v>
      </c>
      <c r="AN15463">
        <v>66</v>
      </c>
      <c r="AO15463">
        <v>66</v>
      </c>
      <c r="AP15463">
        <v>66</v>
      </c>
      <c r="AQ15463">
        <v>65</v>
      </c>
    </row>
    <row r="15464" spans="1:43">
      <c r="A15464" t="s">
        <v>9600</v>
      </c>
      <c r="B15464" t="s">
        <v>9601</v>
      </c>
      <c r="C15464" t="s">
        <v>9602</v>
      </c>
      <c r="D15464" t="s">
        <v>9603</v>
      </c>
      <c r="E15464" t="s">
        <v>9544</v>
      </c>
      <c r="F15464" t="s">
        <v>9545</v>
      </c>
      <c r="G15464" t="s">
        <v>80</v>
      </c>
      <c r="H15464" t="s">
        <v>81</v>
      </c>
      <c r="I15464" s="2">
        <v>0</v>
      </c>
      <c r="J15464" s="2">
        <v>1</v>
      </c>
      <c r="K15464" s="2">
        <v>0</v>
      </c>
      <c r="L15464" t="s">
        <v>82</v>
      </c>
      <c r="M15464" t="s">
        <v>89</v>
      </c>
      <c r="N15464" t="s">
        <v>90</v>
      </c>
      <c r="O15464" t="s">
        <v>85</v>
      </c>
      <c r="P15464" t="s">
        <v>86</v>
      </c>
      <c r="Q15464">
        <v>70</v>
      </c>
      <c r="R15464">
        <v>71</v>
      </c>
      <c r="S15464">
        <v>72</v>
      </c>
      <c r="T15464">
        <v>73</v>
      </c>
      <c r="U15464">
        <v>74</v>
      </c>
      <c r="V15464">
        <v>75</v>
      </c>
      <c r="W15464">
        <v>76</v>
      </c>
      <c r="X15464">
        <v>77</v>
      </c>
      <c r="Y15464">
        <v>78</v>
      </c>
      <c r="Z15464">
        <v>78</v>
      </c>
      <c r="AA15464">
        <v>79</v>
      </c>
      <c r="AB15464">
        <v>80</v>
      </c>
      <c r="AC15464">
        <v>80</v>
      </c>
      <c r="AD15464">
        <v>81</v>
      </c>
      <c r="AE15464">
        <v>81</v>
      </c>
      <c r="AF15464">
        <v>81</v>
      </c>
      <c r="AG15464">
        <v>80</v>
      </c>
      <c r="AH15464">
        <v>80</v>
      </c>
      <c r="AI15464">
        <v>79</v>
      </c>
      <c r="AJ15464">
        <v>79</v>
      </c>
      <c r="AK15464">
        <v>78</v>
      </c>
      <c r="AL15464">
        <v>78</v>
      </c>
      <c r="AM15464">
        <v>77</v>
      </c>
      <c r="AN15464">
        <v>77</v>
      </c>
      <c r="AO15464">
        <v>77</v>
      </c>
      <c r="AP15464">
        <v>76</v>
      </c>
      <c r="AQ15464">
        <v>76</v>
      </c>
    </row>
    <row r="15465" spans="1:43">
      <c r="A15465" t="s">
        <v>9600</v>
      </c>
      <c r="B15465" t="s">
        <v>9601</v>
      </c>
      <c r="C15465" t="s">
        <v>9602</v>
      </c>
      <c r="D15465" t="s">
        <v>9603</v>
      </c>
      <c r="E15465" t="s">
        <v>9544</v>
      </c>
      <c r="F15465" t="s">
        <v>9545</v>
      </c>
      <c r="G15465" t="s">
        <v>80</v>
      </c>
      <c r="H15465" t="s">
        <v>81</v>
      </c>
      <c r="I15465" s="2">
        <v>0</v>
      </c>
      <c r="J15465" s="2">
        <v>1</v>
      </c>
      <c r="K15465" s="2">
        <v>0</v>
      </c>
      <c r="L15465" t="s">
        <v>82</v>
      </c>
      <c r="M15465" t="s">
        <v>83</v>
      </c>
      <c r="N15465" t="s">
        <v>91</v>
      </c>
      <c r="O15465" t="s">
        <v>85</v>
      </c>
      <c r="P15465" t="s">
        <v>86</v>
      </c>
      <c r="Q15465">
        <v>70</v>
      </c>
      <c r="R15465">
        <v>70</v>
      </c>
      <c r="S15465">
        <v>71</v>
      </c>
      <c r="T15465">
        <v>71</v>
      </c>
      <c r="U15465">
        <v>72</v>
      </c>
      <c r="V15465">
        <v>72</v>
      </c>
      <c r="W15465">
        <v>72</v>
      </c>
      <c r="X15465">
        <v>73</v>
      </c>
      <c r="Y15465">
        <v>73</v>
      </c>
      <c r="Z15465">
        <v>74</v>
      </c>
      <c r="AA15465">
        <v>74</v>
      </c>
      <c r="AB15465">
        <v>74</v>
      </c>
      <c r="AC15465">
        <v>75</v>
      </c>
      <c r="AD15465">
        <v>75</v>
      </c>
      <c r="AE15465">
        <v>75</v>
      </c>
      <c r="AF15465">
        <v>76</v>
      </c>
      <c r="AG15465">
        <v>76</v>
      </c>
      <c r="AH15465">
        <v>76</v>
      </c>
      <c r="AI15465">
        <v>77</v>
      </c>
      <c r="AJ15465">
        <v>77</v>
      </c>
      <c r="AK15465">
        <v>77</v>
      </c>
      <c r="AL15465">
        <v>77</v>
      </c>
      <c r="AM15465">
        <v>76</v>
      </c>
      <c r="AN15465">
        <v>76</v>
      </c>
      <c r="AO15465">
        <v>76</v>
      </c>
      <c r="AP15465">
        <v>75</v>
      </c>
      <c r="AQ15465">
        <v>75</v>
      </c>
    </row>
    <row r="15466" spans="1:43">
      <c r="A15466" t="s">
        <v>9604</v>
      </c>
      <c r="B15466" t="s">
        <v>9605</v>
      </c>
      <c r="C15466" t="s">
        <v>9606</v>
      </c>
      <c r="D15466" t="s">
        <v>9607</v>
      </c>
      <c r="E15466" t="s">
        <v>9544</v>
      </c>
      <c r="F15466" t="s">
        <v>9545</v>
      </c>
      <c r="G15466" t="s">
        <v>80</v>
      </c>
      <c r="H15466" t="s">
        <v>81</v>
      </c>
      <c r="I15466" s="2">
        <v>0</v>
      </c>
      <c r="J15466" s="2">
        <v>1</v>
      </c>
      <c r="K15466" s="2">
        <v>0</v>
      </c>
      <c r="L15466" t="s">
        <v>82</v>
      </c>
      <c r="M15466" t="s">
        <v>83</v>
      </c>
      <c r="N15466" t="s">
        <v>84</v>
      </c>
      <c r="O15466" t="s">
        <v>85</v>
      </c>
      <c r="P15466" t="s">
        <v>86</v>
      </c>
      <c r="Q15466">
        <v>53</v>
      </c>
      <c r="R15466">
        <v>53</v>
      </c>
      <c r="S15466">
        <v>54</v>
      </c>
      <c r="T15466">
        <v>54</v>
      </c>
      <c r="U15466">
        <v>54</v>
      </c>
      <c r="V15466">
        <v>55</v>
      </c>
      <c r="W15466">
        <v>55</v>
      </c>
      <c r="X15466">
        <v>55</v>
      </c>
      <c r="Y15466">
        <v>56</v>
      </c>
      <c r="Z15466">
        <v>56</v>
      </c>
      <c r="AA15466">
        <v>57</v>
      </c>
      <c r="AB15466">
        <v>57</v>
      </c>
      <c r="AC15466">
        <v>57</v>
      </c>
      <c r="AD15466">
        <v>57</v>
      </c>
      <c r="AE15466">
        <v>58</v>
      </c>
      <c r="AF15466">
        <v>58</v>
      </c>
      <c r="AG15466">
        <v>58</v>
      </c>
      <c r="AH15466">
        <v>58</v>
      </c>
      <c r="AI15466">
        <v>59</v>
      </c>
      <c r="AJ15466">
        <v>59</v>
      </c>
      <c r="AK15466">
        <v>59</v>
      </c>
      <c r="AL15466">
        <v>59</v>
      </c>
      <c r="AM15466">
        <v>59</v>
      </c>
      <c r="AN15466">
        <v>59</v>
      </c>
      <c r="AO15466">
        <v>58</v>
      </c>
      <c r="AP15466">
        <v>58</v>
      </c>
      <c r="AQ15466">
        <v>58</v>
      </c>
    </row>
    <row r="15467" spans="1:43">
      <c r="A15467" t="s">
        <v>9604</v>
      </c>
      <c r="B15467" t="s">
        <v>9605</v>
      </c>
      <c r="C15467" t="s">
        <v>9606</v>
      </c>
      <c r="D15467" t="s">
        <v>9607</v>
      </c>
      <c r="E15467" t="s">
        <v>9544</v>
      </c>
      <c r="F15467" t="s">
        <v>9545</v>
      </c>
      <c r="G15467" t="s">
        <v>80</v>
      </c>
      <c r="H15467" t="s">
        <v>81</v>
      </c>
      <c r="I15467" s="2">
        <v>0</v>
      </c>
      <c r="J15467" s="2">
        <v>1</v>
      </c>
      <c r="K15467" s="2">
        <v>0</v>
      </c>
      <c r="L15467" t="s">
        <v>82</v>
      </c>
      <c r="M15467" t="s">
        <v>87</v>
      </c>
      <c r="N15467" t="s">
        <v>88</v>
      </c>
      <c r="O15467" t="s">
        <v>85</v>
      </c>
      <c r="P15467" t="s">
        <v>86</v>
      </c>
      <c r="Q15467">
        <v>53</v>
      </c>
      <c r="R15467">
        <v>53</v>
      </c>
      <c r="S15467">
        <v>53</v>
      </c>
      <c r="T15467">
        <v>53</v>
      </c>
      <c r="U15467">
        <v>53</v>
      </c>
      <c r="V15467">
        <v>53</v>
      </c>
      <c r="W15467">
        <v>53</v>
      </c>
      <c r="X15467">
        <v>53</v>
      </c>
      <c r="Y15467">
        <v>53</v>
      </c>
      <c r="Z15467">
        <v>53</v>
      </c>
      <c r="AA15467">
        <v>52</v>
      </c>
      <c r="AB15467">
        <v>52</v>
      </c>
      <c r="AC15467">
        <v>52</v>
      </c>
      <c r="AD15467">
        <v>52</v>
      </c>
      <c r="AE15467">
        <v>52</v>
      </c>
      <c r="AF15467">
        <v>52</v>
      </c>
      <c r="AG15467">
        <v>52</v>
      </c>
      <c r="AH15467">
        <v>52</v>
      </c>
      <c r="AI15467">
        <v>52</v>
      </c>
      <c r="AJ15467">
        <v>52</v>
      </c>
      <c r="AK15467">
        <v>51</v>
      </c>
      <c r="AL15467">
        <v>51</v>
      </c>
      <c r="AM15467">
        <v>51</v>
      </c>
      <c r="AN15467">
        <v>51</v>
      </c>
      <c r="AO15467">
        <v>51</v>
      </c>
      <c r="AP15467">
        <v>51</v>
      </c>
      <c r="AQ15467">
        <v>51</v>
      </c>
    </row>
    <row r="15468" spans="1:43">
      <c r="A15468" t="s">
        <v>9604</v>
      </c>
      <c r="B15468" t="s">
        <v>9605</v>
      </c>
      <c r="C15468" t="s">
        <v>9606</v>
      </c>
      <c r="D15468" t="s">
        <v>9607</v>
      </c>
      <c r="E15468" t="s">
        <v>9544</v>
      </c>
      <c r="F15468" t="s">
        <v>9545</v>
      </c>
      <c r="G15468" t="s">
        <v>80</v>
      </c>
      <c r="H15468" t="s">
        <v>81</v>
      </c>
      <c r="I15468" s="2">
        <v>0</v>
      </c>
      <c r="J15468" s="2">
        <v>1</v>
      </c>
      <c r="K15468" s="2">
        <v>0</v>
      </c>
      <c r="L15468" t="s">
        <v>82</v>
      </c>
      <c r="M15468" t="s">
        <v>89</v>
      </c>
      <c r="N15468" t="s">
        <v>90</v>
      </c>
      <c r="O15468" t="s">
        <v>85</v>
      </c>
      <c r="P15468" t="s">
        <v>86</v>
      </c>
      <c r="Q15468">
        <v>53</v>
      </c>
      <c r="R15468">
        <v>54</v>
      </c>
      <c r="S15468">
        <v>55</v>
      </c>
      <c r="T15468">
        <v>56</v>
      </c>
      <c r="U15468">
        <v>57</v>
      </c>
      <c r="V15468">
        <v>57</v>
      </c>
      <c r="W15468">
        <v>58</v>
      </c>
      <c r="X15468">
        <v>59</v>
      </c>
      <c r="Y15468">
        <v>59</v>
      </c>
      <c r="Z15468">
        <v>60</v>
      </c>
      <c r="AA15468">
        <v>60</v>
      </c>
      <c r="AB15468">
        <v>61</v>
      </c>
      <c r="AC15468">
        <v>61</v>
      </c>
      <c r="AD15468">
        <v>62</v>
      </c>
      <c r="AE15468">
        <v>62</v>
      </c>
      <c r="AF15468">
        <v>62</v>
      </c>
      <c r="AG15468">
        <v>61</v>
      </c>
      <c r="AH15468">
        <v>61</v>
      </c>
      <c r="AI15468">
        <v>61</v>
      </c>
      <c r="AJ15468">
        <v>61</v>
      </c>
      <c r="AK15468">
        <v>60</v>
      </c>
      <c r="AL15468">
        <v>60</v>
      </c>
      <c r="AM15468">
        <v>60</v>
      </c>
      <c r="AN15468">
        <v>59</v>
      </c>
      <c r="AO15468">
        <v>59</v>
      </c>
      <c r="AP15468">
        <v>59</v>
      </c>
      <c r="AQ15468">
        <v>59</v>
      </c>
    </row>
    <row r="15469" spans="1:43">
      <c r="A15469" t="s">
        <v>9604</v>
      </c>
      <c r="B15469" t="s">
        <v>9605</v>
      </c>
      <c r="C15469" t="s">
        <v>9606</v>
      </c>
      <c r="D15469" t="s">
        <v>9607</v>
      </c>
      <c r="E15469" t="s">
        <v>9544</v>
      </c>
      <c r="F15469" t="s">
        <v>9545</v>
      </c>
      <c r="G15469" t="s">
        <v>80</v>
      </c>
      <c r="H15469" t="s">
        <v>81</v>
      </c>
      <c r="I15469" s="2">
        <v>0</v>
      </c>
      <c r="J15469" s="2">
        <v>1</v>
      </c>
      <c r="K15469" s="2">
        <v>0</v>
      </c>
      <c r="L15469" t="s">
        <v>82</v>
      </c>
      <c r="M15469" t="s">
        <v>83</v>
      </c>
      <c r="N15469" t="s">
        <v>91</v>
      </c>
      <c r="O15469" t="s">
        <v>85</v>
      </c>
      <c r="P15469" t="s">
        <v>86</v>
      </c>
      <c r="Q15469">
        <v>53</v>
      </c>
      <c r="R15469">
        <v>53</v>
      </c>
      <c r="S15469">
        <v>54</v>
      </c>
      <c r="T15469">
        <v>54</v>
      </c>
      <c r="U15469">
        <v>54</v>
      </c>
      <c r="V15469">
        <v>55</v>
      </c>
      <c r="W15469">
        <v>55</v>
      </c>
      <c r="X15469">
        <v>55</v>
      </c>
      <c r="Y15469">
        <v>56</v>
      </c>
      <c r="Z15469">
        <v>56</v>
      </c>
      <c r="AA15469">
        <v>57</v>
      </c>
      <c r="AB15469">
        <v>57</v>
      </c>
      <c r="AC15469">
        <v>57</v>
      </c>
      <c r="AD15469">
        <v>57</v>
      </c>
      <c r="AE15469">
        <v>58</v>
      </c>
      <c r="AF15469">
        <v>58</v>
      </c>
      <c r="AG15469">
        <v>58</v>
      </c>
      <c r="AH15469">
        <v>58</v>
      </c>
      <c r="AI15469">
        <v>59</v>
      </c>
      <c r="AJ15469">
        <v>59</v>
      </c>
      <c r="AK15469">
        <v>59</v>
      </c>
      <c r="AL15469">
        <v>59</v>
      </c>
      <c r="AM15469">
        <v>59</v>
      </c>
      <c r="AN15469">
        <v>59</v>
      </c>
      <c r="AO15469">
        <v>58</v>
      </c>
      <c r="AP15469">
        <v>58</v>
      </c>
      <c r="AQ15469">
        <v>58</v>
      </c>
    </row>
    <row r="15470" spans="1:43">
      <c r="A15470" t="s">
        <v>9608</v>
      </c>
      <c r="B15470" t="s">
        <v>9609</v>
      </c>
      <c r="C15470" t="s">
        <v>9606</v>
      </c>
      <c r="D15470" t="s">
        <v>9607</v>
      </c>
      <c r="E15470" t="s">
        <v>9544</v>
      </c>
      <c r="F15470" t="s">
        <v>9545</v>
      </c>
      <c r="G15470" t="s">
        <v>80</v>
      </c>
      <c r="H15470" t="s">
        <v>81</v>
      </c>
      <c r="I15470" s="2">
        <v>0</v>
      </c>
      <c r="J15470" s="2">
        <v>1</v>
      </c>
      <c r="K15470" s="2">
        <v>0</v>
      </c>
      <c r="L15470" t="s">
        <v>82</v>
      </c>
      <c r="M15470" t="s">
        <v>83</v>
      </c>
      <c r="N15470" t="s">
        <v>84</v>
      </c>
      <c r="O15470" t="s">
        <v>85</v>
      </c>
      <c r="P15470" t="s">
        <v>86</v>
      </c>
      <c r="Q15470">
        <v>109</v>
      </c>
      <c r="R15470">
        <v>109</v>
      </c>
      <c r="S15470">
        <v>110</v>
      </c>
      <c r="T15470">
        <v>111</v>
      </c>
      <c r="U15470">
        <v>112</v>
      </c>
      <c r="V15470">
        <v>112</v>
      </c>
      <c r="W15470">
        <v>113</v>
      </c>
      <c r="X15470">
        <v>114</v>
      </c>
      <c r="Y15470">
        <v>114</v>
      </c>
      <c r="Z15470">
        <v>115</v>
      </c>
      <c r="AA15470">
        <v>115</v>
      </c>
      <c r="AB15470">
        <v>116</v>
      </c>
      <c r="AC15470">
        <v>117</v>
      </c>
      <c r="AD15470">
        <v>117</v>
      </c>
      <c r="AE15470">
        <v>117</v>
      </c>
      <c r="AF15470">
        <v>118</v>
      </c>
      <c r="AG15470">
        <v>118</v>
      </c>
      <c r="AH15470">
        <v>119</v>
      </c>
      <c r="AI15470">
        <v>119</v>
      </c>
      <c r="AJ15470">
        <v>119</v>
      </c>
      <c r="AK15470">
        <v>120</v>
      </c>
      <c r="AL15470">
        <v>119</v>
      </c>
      <c r="AM15470">
        <v>119</v>
      </c>
      <c r="AN15470">
        <v>118</v>
      </c>
      <c r="AO15470">
        <v>117</v>
      </c>
      <c r="AP15470">
        <v>117</v>
      </c>
      <c r="AQ15470">
        <v>116</v>
      </c>
    </row>
    <row r="15471" spans="1:43">
      <c r="A15471" t="s">
        <v>9608</v>
      </c>
      <c r="B15471" t="s">
        <v>9609</v>
      </c>
      <c r="C15471" t="s">
        <v>9606</v>
      </c>
      <c r="D15471" t="s">
        <v>9607</v>
      </c>
      <c r="E15471" t="s">
        <v>9544</v>
      </c>
      <c r="F15471" t="s">
        <v>9545</v>
      </c>
      <c r="G15471" t="s">
        <v>80</v>
      </c>
      <c r="H15471" t="s">
        <v>81</v>
      </c>
      <c r="I15471" s="2">
        <v>0</v>
      </c>
      <c r="J15471" s="2">
        <v>1</v>
      </c>
      <c r="K15471" s="2">
        <v>0</v>
      </c>
      <c r="L15471" t="s">
        <v>82</v>
      </c>
      <c r="M15471" t="s">
        <v>87</v>
      </c>
      <c r="N15471" t="s">
        <v>88</v>
      </c>
      <c r="O15471" t="s">
        <v>85</v>
      </c>
      <c r="P15471" t="s">
        <v>86</v>
      </c>
      <c r="Q15471">
        <v>109</v>
      </c>
      <c r="R15471">
        <v>108</v>
      </c>
      <c r="S15471">
        <v>108</v>
      </c>
      <c r="T15471">
        <v>108</v>
      </c>
      <c r="U15471">
        <v>108</v>
      </c>
      <c r="V15471">
        <v>107</v>
      </c>
      <c r="W15471">
        <v>107</v>
      </c>
      <c r="X15471">
        <v>107</v>
      </c>
      <c r="Y15471">
        <v>107</v>
      </c>
      <c r="Z15471">
        <v>106</v>
      </c>
      <c r="AA15471">
        <v>106</v>
      </c>
      <c r="AB15471">
        <v>106</v>
      </c>
      <c r="AC15471">
        <v>106</v>
      </c>
      <c r="AD15471">
        <v>105</v>
      </c>
      <c r="AE15471">
        <v>105</v>
      </c>
      <c r="AF15471">
        <v>105</v>
      </c>
      <c r="AG15471">
        <v>104</v>
      </c>
      <c r="AH15471">
        <v>104</v>
      </c>
      <c r="AI15471">
        <v>104</v>
      </c>
      <c r="AJ15471">
        <v>103</v>
      </c>
      <c r="AK15471">
        <v>103</v>
      </c>
      <c r="AL15471">
        <v>103</v>
      </c>
      <c r="AM15471">
        <v>102</v>
      </c>
      <c r="AN15471">
        <v>102</v>
      </c>
      <c r="AO15471">
        <v>102</v>
      </c>
      <c r="AP15471">
        <v>101</v>
      </c>
      <c r="AQ15471">
        <v>101</v>
      </c>
    </row>
    <row r="15472" spans="1:43">
      <c r="A15472" t="s">
        <v>9608</v>
      </c>
      <c r="B15472" t="s">
        <v>9609</v>
      </c>
      <c r="C15472" t="s">
        <v>9606</v>
      </c>
      <c r="D15472" t="s">
        <v>9607</v>
      </c>
      <c r="E15472" t="s">
        <v>9544</v>
      </c>
      <c r="F15472" t="s">
        <v>9545</v>
      </c>
      <c r="G15472" t="s">
        <v>80</v>
      </c>
      <c r="H15472" t="s">
        <v>81</v>
      </c>
      <c r="I15472" s="2">
        <v>0</v>
      </c>
      <c r="J15472" s="2">
        <v>1</v>
      </c>
      <c r="K15472" s="2">
        <v>0</v>
      </c>
      <c r="L15472" t="s">
        <v>82</v>
      </c>
      <c r="M15472" t="s">
        <v>89</v>
      </c>
      <c r="N15472" t="s">
        <v>90</v>
      </c>
      <c r="O15472" t="s">
        <v>85</v>
      </c>
      <c r="P15472" t="s">
        <v>86</v>
      </c>
      <c r="Q15472">
        <v>109</v>
      </c>
      <c r="R15472">
        <v>110</v>
      </c>
      <c r="S15472">
        <v>112</v>
      </c>
      <c r="T15472">
        <v>113</v>
      </c>
      <c r="U15472">
        <v>115</v>
      </c>
      <c r="V15472">
        <v>116</v>
      </c>
      <c r="W15472">
        <v>118</v>
      </c>
      <c r="X15472">
        <v>119</v>
      </c>
      <c r="Y15472">
        <v>120</v>
      </c>
      <c r="Z15472">
        <v>121</v>
      </c>
      <c r="AA15472">
        <v>122</v>
      </c>
      <c r="AB15472">
        <v>123</v>
      </c>
      <c r="AC15472">
        <v>124</v>
      </c>
      <c r="AD15472">
        <v>125</v>
      </c>
      <c r="AE15472">
        <v>125</v>
      </c>
      <c r="AF15472">
        <v>124</v>
      </c>
      <c r="AG15472">
        <v>124</v>
      </c>
      <c r="AH15472">
        <v>123</v>
      </c>
      <c r="AI15472">
        <v>122</v>
      </c>
      <c r="AJ15472">
        <v>121</v>
      </c>
      <c r="AK15472">
        <v>121</v>
      </c>
      <c r="AL15472">
        <v>120</v>
      </c>
      <c r="AM15472">
        <v>119</v>
      </c>
      <c r="AN15472">
        <v>119</v>
      </c>
      <c r="AO15472">
        <v>118</v>
      </c>
      <c r="AP15472">
        <v>117</v>
      </c>
      <c r="AQ15472">
        <v>116</v>
      </c>
    </row>
    <row r="15473" spans="1:43">
      <c r="A15473" t="s">
        <v>9608</v>
      </c>
      <c r="B15473" t="s">
        <v>9609</v>
      </c>
      <c r="C15473" t="s">
        <v>9606</v>
      </c>
      <c r="D15473" t="s">
        <v>9607</v>
      </c>
      <c r="E15473" t="s">
        <v>9544</v>
      </c>
      <c r="F15473" t="s">
        <v>9545</v>
      </c>
      <c r="G15473" t="s">
        <v>80</v>
      </c>
      <c r="H15473" t="s">
        <v>81</v>
      </c>
      <c r="I15473" s="2">
        <v>0</v>
      </c>
      <c r="J15473" s="2">
        <v>1</v>
      </c>
      <c r="K15473" s="2">
        <v>0</v>
      </c>
      <c r="L15473" t="s">
        <v>82</v>
      </c>
      <c r="M15473" t="s">
        <v>83</v>
      </c>
      <c r="N15473" t="s">
        <v>91</v>
      </c>
      <c r="O15473" t="s">
        <v>85</v>
      </c>
      <c r="P15473" t="s">
        <v>86</v>
      </c>
      <c r="Q15473">
        <v>109</v>
      </c>
      <c r="R15473">
        <v>109</v>
      </c>
      <c r="S15473">
        <v>110</v>
      </c>
      <c r="T15473">
        <v>111</v>
      </c>
      <c r="U15473">
        <v>112</v>
      </c>
      <c r="V15473">
        <v>112</v>
      </c>
      <c r="W15473">
        <v>113</v>
      </c>
      <c r="X15473">
        <v>114</v>
      </c>
      <c r="Y15473">
        <v>114</v>
      </c>
      <c r="Z15473">
        <v>115</v>
      </c>
      <c r="AA15473">
        <v>115</v>
      </c>
      <c r="AB15473">
        <v>116</v>
      </c>
      <c r="AC15473">
        <v>117</v>
      </c>
      <c r="AD15473">
        <v>117</v>
      </c>
      <c r="AE15473">
        <v>117</v>
      </c>
      <c r="AF15473">
        <v>118</v>
      </c>
      <c r="AG15473">
        <v>118</v>
      </c>
      <c r="AH15473">
        <v>119</v>
      </c>
      <c r="AI15473">
        <v>119</v>
      </c>
      <c r="AJ15473">
        <v>119</v>
      </c>
      <c r="AK15473">
        <v>120</v>
      </c>
      <c r="AL15473">
        <v>119</v>
      </c>
      <c r="AM15473">
        <v>119</v>
      </c>
      <c r="AN15473">
        <v>118</v>
      </c>
      <c r="AO15473">
        <v>117</v>
      </c>
      <c r="AP15473">
        <v>117</v>
      </c>
      <c r="AQ15473">
        <v>116</v>
      </c>
    </row>
    <row r="15474" spans="1:43">
      <c r="A15474" t="s">
        <v>9610</v>
      </c>
      <c r="B15474" t="s">
        <v>9611</v>
      </c>
      <c r="C15474" t="s">
        <v>9606</v>
      </c>
      <c r="D15474" t="s">
        <v>9607</v>
      </c>
      <c r="E15474" t="s">
        <v>9544</v>
      </c>
      <c r="F15474" t="s">
        <v>9545</v>
      </c>
      <c r="G15474" t="s">
        <v>80</v>
      </c>
      <c r="H15474" t="s">
        <v>81</v>
      </c>
      <c r="I15474" s="2">
        <v>0</v>
      </c>
      <c r="J15474" s="2">
        <v>1</v>
      </c>
      <c r="K15474" s="2">
        <v>0</v>
      </c>
      <c r="L15474" t="s">
        <v>82</v>
      </c>
      <c r="M15474" t="s">
        <v>83</v>
      </c>
      <c r="N15474" t="s">
        <v>84</v>
      </c>
      <c r="O15474" t="s">
        <v>85</v>
      </c>
      <c r="P15474" t="s">
        <v>86</v>
      </c>
      <c r="Q15474">
        <v>13</v>
      </c>
      <c r="R15474">
        <v>13</v>
      </c>
      <c r="S15474">
        <v>13</v>
      </c>
      <c r="T15474">
        <v>13</v>
      </c>
      <c r="U15474">
        <v>13</v>
      </c>
      <c r="V15474">
        <v>13</v>
      </c>
      <c r="W15474">
        <v>13</v>
      </c>
      <c r="X15474">
        <v>13</v>
      </c>
      <c r="Y15474">
        <v>13</v>
      </c>
      <c r="Z15474">
        <v>13</v>
      </c>
      <c r="AA15474">
        <v>13</v>
      </c>
      <c r="AB15474">
        <v>13</v>
      </c>
      <c r="AC15474">
        <v>13</v>
      </c>
      <c r="AD15474">
        <v>13</v>
      </c>
      <c r="AE15474">
        <v>13</v>
      </c>
      <c r="AF15474">
        <v>13</v>
      </c>
      <c r="AG15474">
        <v>13</v>
      </c>
      <c r="AH15474">
        <v>13</v>
      </c>
      <c r="AI15474">
        <v>13</v>
      </c>
      <c r="AJ15474">
        <v>13</v>
      </c>
      <c r="AK15474">
        <v>13</v>
      </c>
      <c r="AL15474">
        <v>13</v>
      </c>
      <c r="AM15474">
        <v>13</v>
      </c>
      <c r="AN15474">
        <v>13</v>
      </c>
      <c r="AO15474">
        <v>13</v>
      </c>
      <c r="AP15474">
        <v>13</v>
      </c>
      <c r="AQ15474">
        <v>13</v>
      </c>
    </row>
    <row r="15475" spans="1:43">
      <c r="A15475" t="s">
        <v>9610</v>
      </c>
      <c r="B15475" t="s">
        <v>9611</v>
      </c>
      <c r="C15475" t="s">
        <v>9606</v>
      </c>
      <c r="D15475" t="s">
        <v>9607</v>
      </c>
      <c r="E15475" t="s">
        <v>9544</v>
      </c>
      <c r="F15475" t="s">
        <v>9545</v>
      </c>
      <c r="G15475" t="s">
        <v>80</v>
      </c>
      <c r="H15475" t="s">
        <v>81</v>
      </c>
      <c r="I15475" s="2">
        <v>0</v>
      </c>
      <c r="J15475" s="2">
        <v>1</v>
      </c>
      <c r="K15475" s="2">
        <v>0</v>
      </c>
      <c r="L15475" t="s">
        <v>82</v>
      </c>
      <c r="M15475" t="s">
        <v>87</v>
      </c>
      <c r="N15475" t="s">
        <v>88</v>
      </c>
      <c r="O15475" t="s">
        <v>85</v>
      </c>
      <c r="P15475" t="s">
        <v>86</v>
      </c>
      <c r="Q15475">
        <v>13</v>
      </c>
      <c r="R15475">
        <v>12</v>
      </c>
      <c r="S15475">
        <v>12</v>
      </c>
      <c r="T15475">
        <v>12</v>
      </c>
      <c r="U15475">
        <v>12</v>
      </c>
      <c r="V15475">
        <v>12</v>
      </c>
      <c r="W15475">
        <v>12</v>
      </c>
      <c r="X15475">
        <v>12</v>
      </c>
      <c r="Y15475">
        <v>12</v>
      </c>
      <c r="Z15475">
        <v>12</v>
      </c>
      <c r="AA15475">
        <v>12</v>
      </c>
      <c r="AB15475">
        <v>12</v>
      </c>
      <c r="AC15475">
        <v>12</v>
      </c>
      <c r="AD15475">
        <v>12</v>
      </c>
      <c r="AE15475">
        <v>12</v>
      </c>
      <c r="AF15475">
        <v>12</v>
      </c>
      <c r="AG15475">
        <v>12</v>
      </c>
      <c r="AH15475">
        <v>12</v>
      </c>
      <c r="AI15475">
        <v>12</v>
      </c>
      <c r="AJ15475">
        <v>11</v>
      </c>
      <c r="AK15475">
        <v>11</v>
      </c>
      <c r="AL15475">
        <v>11</v>
      </c>
      <c r="AM15475">
        <v>11</v>
      </c>
      <c r="AN15475">
        <v>11</v>
      </c>
      <c r="AO15475">
        <v>11</v>
      </c>
      <c r="AP15475">
        <v>11</v>
      </c>
      <c r="AQ15475">
        <v>11</v>
      </c>
    </row>
    <row r="15476" spans="1:43">
      <c r="A15476" t="s">
        <v>9610</v>
      </c>
      <c r="B15476" t="s">
        <v>9611</v>
      </c>
      <c r="C15476" t="s">
        <v>9606</v>
      </c>
      <c r="D15476" t="s">
        <v>9607</v>
      </c>
      <c r="E15476" t="s">
        <v>9544</v>
      </c>
      <c r="F15476" t="s">
        <v>9545</v>
      </c>
      <c r="G15476" t="s">
        <v>80</v>
      </c>
      <c r="H15476" t="s">
        <v>81</v>
      </c>
      <c r="I15476" s="2">
        <v>0</v>
      </c>
      <c r="J15476" s="2">
        <v>1</v>
      </c>
      <c r="K15476" s="2">
        <v>0</v>
      </c>
      <c r="L15476" t="s">
        <v>82</v>
      </c>
      <c r="M15476" t="s">
        <v>89</v>
      </c>
      <c r="N15476" t="s">
        <v>90</v>
      </c>
      <c r="O15476" t="s">
        <v>85</v>
      </c>
      <c r="P15476" t="s">
        <v>86</v>
      </c>
      <c r="Q15476">
        <v>13</v>
      </c>
      <c r="R15476">
        <v>13</v>
      </c>
      <c r="S15476">
        <v>13</v>
      </c>
      <c r="T15476">
        <v>13</v>
      </c>
      <c r="U15476">
        <v>13</v>
      </c>
      <c r="V15476">
        <v>14</v>
      </c>
      <c r="W15476">
        <v>14</v>
      </c>
      <c r="X15476">
        <v>14</v>
      </c>
      <c r="Y15476">
        <v>14</v>
      </c>
      <c r="Z15476">
        <v>14</v>
      </c>
      <c r="AA15476">
        <v>14</v>
      </c>
      <c r="AB15476">
        <v>14</v>
      </c>
      <c r="AC15476">
        <v>14</v>
      </c>
      <c r="AD15476">
        <v>14</v>
      </c>
      <c r="AE15476">
        <v>14</v>
      </c>
      <c r="AF15476">
        <v>14</v>
      </c>
      <c r="AG15476">
        <v>14</v>
      </c>
      <c r="AH15476">
        <v>14</v>
      </c>
      <c r="AI15476">
        <v>14</v>
      </c>
      <c r="AJ15476">
        <v>14</v>
      </c>
      <c r="AK15476">
        <v>14</v>
      </c>
      <c r="AL15476">
        <v>13</v>
      </c>
      <c r="AM15476">
        <v>13</v>
      </c>
      <c r="AN15476">
        <v>13</v>
      </c>
      <c r="AO15476">
        <v>13</v>
      </c>
      <c r="AP15476">
        <v>13</v>
      </c>
      <c r="AQ15476">
        <v>13</v>
      </c>
    </row>
    <row r="15477" spans="1:43">
      <c r="A15477" t="s">
        <v>9610</v>
      </c>
      <c r="B15477" t="s">
        <v>9611</v>
      </c>
      <c r="C15477" t="s">
        <v>9606</v>
      </c>
      <c r="D15477" t="s">
        <v>9607</v>
      </c>
      <c r="E15477" t="s">
        <v>9544</v>
      </c>
      <c r="F15477" t="s">
        <v>9545</v>
      </c>
      <c r="G15477" t="s">
        <v>80</v>
      </c>
      <c r="H15477" t="s">
        <v>81</v>
      </c>
      <c r="I15477" s="2">
        <v>0</v>
      </c>
      <c r="J15477" s="2">
        <v>1</v>
      </c>
      <c r="K15477" s="2">
        <v>0</v>
      </c>
      <c r="L15477" t="s">
        <v>82</v>
      </c>
      <c r="M15477" t="s">
        <v>83</v>
      </c>
      <c r="N15477" t="s">
        <v>91</v>
      </c>
      <c r="O15477" t="s">
        <v>85</v>
      </c>
      <c r="P15477" t="s">
        <v>86</v>
      </c>
      <c r="Q15477">
        <v>13</v>
      </c>
      <c r="R15477">
        <v>13</v>
      </c>
      <c r="S15477">
        <v>13</v>
      </c>
      <c r="T15477">
        <v>13</v>
      </c>
      <c r="U15477">
        <v>13</v>
      </c>
      <c r="V15477">
        <v>13</v>
      </c>
      <c r="W15477">
        <v>13</v>
      </c>
      <c r="X15477">
        <v>13</v>
      </c>
      <c r="Y15477">
        <v>13</v>
      </c>
      <c r="Z15477">
        <v>13</v>
      </c>
      <c r="AA15477">
        <v>13</v>
      </c>
      <c r="AB15477">
        <v>13</v>
      </c>
      <c r="AC15477">
        <v>13</v>
      </c>
      <c r="AD15477">
        <v>13</v>
      </c>
      <c r="AE15477">
        <v>13</v>
      </c>
      <c r="AF15477">
        <v>13</v>
      </c>
      <c r="AG15477">
        <v>13</v>
      </c>
      <c r="AH15477">
        <v>13</v>
      </c>
      <c r="AI15477">
        <v>13</v>
      </c>
      <c r="AJ15477">
        <v>13</v>
      </c>
      <c r="AK15477">
        <v>13</v>
      </c>
      <c r="AL15477">
        <v>13</v>
      </c>
      <c r="AM15477">
        <v>13</v>
      </c>
      <c r="AN15477">
        <v>13</v>
      </c>
      <c r="AO15477">
        <v>13</v>
      </c>
      <c r="AP15477">
        <v>13</v>
      </c>
      <c r="AQ15477">
        <v>13</v>
      </c>
    </row>
    <row r="15478" spans="1:43">
      <c r="A15478" t="s">
        <v>9612</v>
      </c>
      <c r="B15478" t="s">
        <v>9613</v>
      </c>
      <c r="C15478" t="s">
        <v>9590</v>
      </c>
      <c r="D15478" t="s">
        <v>9591</v>
      </c>
      <c r="E15478" t="s">
        <v>9544</v>
      </c>
      <c r="F15478" t="s">
        <v>9545</v>
      </c>
      <c r="G15478" t="s">
        <v>80</v>
      </c>
      <c r="H15478" t="s">
        <v>81</v>
      </c>
      <c r="I15478" s="2">
        <v>0</v>
      </c>
      <c r="J15478" s="2">
        <v>1</v>
      </c>
      <c r="K15478" s="2">
        <v>0</v>
      </c>
      <c r="L15478" t="s">
        <v>82</v>
      </c>
      <c r="M15478" t="s">
        <v>83</v>
      </c>
      <c r="N15478" t="s">
        <v>84</v>
      </c>
      <c r="O15478" t="s">
        <v>85</v>
      </c>
      <c r="P15478" t="s">
        <v>86</v>
      </c>
      <c r="Q15478">
        <v>28</v>
      </c>
      <c r="R15478">
        <v>28</v>
      </c>
      <c r="S15478">
        <v>28</v>
      </c>
      <c r="T15478">
        <v>28</v>
      </c>
      <c r="U15478">
        <v>28</v>
      </c>
      <c r="V15478">
        <v>28</v>
      </c>
      <c r="W15478">
        <v>29</v>
      </c>
      <c r="X15478">
        <v>29</v>
      </c>
      <c r="Y15478">
        <v>29</v>
      </c>
      <c r="Z15478">
        <v>29</v>
      </c>
      <c r="AA15478">
        <v>29</v>
      </c>
      <c r="AB15478">
        <v>29</v>
      </c>
      <c r="AC15478">
        <v>29</v>
      </c>
      <c r="AD15478">
        <v>30</v>
      </c>
      <c r="AE15478">
        <v>30</v>
      </c>
      <c r="AF15478">
        <v>30</v>
      </c>
      <c r="AG15478">
        <v>30</v>
      </c>
      <c r="AH15478">
        <v>30</v>
      </c>
      <c r="AI15478">
        <v>30</v>
      </c>
      <c r="AJ15478">
        <v>30</v>
      </c>
      <c r="AK15478">
        <v>30</v>
      </c>
      <c r="AL15478">
        <v>30</v>
      </c>
      <c r="AM15478">
        <v>30</v>
      </c>
      <c r="AN15478">
        <v>30</v>
      </c>
      <c r="AO15478">
        <v>29</v>
      </c>
      <c r="AP15478">
        <v>29</v>
      </c>
      <c r="AQ15478">
        <v>29</v>
      </c>
    </row>
    <row r="15479" spans="1:43">
      <c r="A15479" t="s">
        <v>9612</v>
      </c>
      <c r="B15479" t="s">
        <v>9613</v>
      </c>
      <c r="C15479" t="s">
        <v>9590</v>
      </c>
      <c r="D15479" t="s">
        <v>9591</v>
      </c>
      <c r="E15479" t="s">
        <v>9544</v>
      </c>
      <c r="F15479" t="s">
        <v>9545</v>
      </c>
      <c r="G15479" t="s">
        <v>80</v>
      </c>
      <c r="H15479" t="s">
        <v>81</v>
      </c>
      <c r="I15479" s="2">
        <v>0</v>
      </c>
      <c r="J15479" s="2">
        <v>1</v>
      </c>
      <c r="K15479" s="2">
        <v>0</v>
      </c>
      <c r="L15479" t="s">
        <v>82</v>
      </c>
      <c r="M15479" t="s">
        <v>87</v>
      </c>
      <c r="N15479" t="s">
        <v>88</v>
      </c>
      <c r="O15479" t="s">
        <v>85</v>
      </c>
      <c r="P15479" t="s">
        <v>86</v>
      </c>
      <c r="Q15479">
        <v>28</v>
      </c>
      <c r="R15479">
        <v>28</v>
      </c>
      <c r="S15479">
        <v>28</v>
      </c>
      <c r="T15479">
        <v>28</v>
      </c>
      <c r="U15479">
        <v>28</v>
      </c>
      <c r="V15479">
        <v>28</v>
      </c>
      <c r="W15479">
        <v>28</v>
      </c>
      <c r="X15479">
        <v>28</v>
      </c>
      <c r="Y15479">
        <v>28</v>
      </c>
      <c r="Z15479">
        <v>28</v>
      </c>
      <c r="AA15479">
        <v>28</v>
      </c>
      <c r="AB15479">
        <v>27</v>
      </c>
      <c r="AC15479">
        <v>27</v>
      </c>
      <c r="AD15479">
        <v>27</v>
      </c>
      <c r="AE15479">
        <v>27</v>
      </c>
      <c r="AF15479">
        <v>27</v>
      </c>
      <c r="AG15479">
        <v>27</v>
      </c>
      <c r="AH15479">
        <v>27</v>
      </c>
      <c r="AI15479">
        <v>27</v>
      </c>
      <c r="AJ15479">
        <v>27</v>
      </c>
      <c r="AK15479">
        <v>27</v>
      </c>
      <c r="AL15479">
        <v>27</v>
      </c>
      <c r="AM15479">
        <v>27</v>
      </c>
      <c r="AN15479">
        <v>26</v>
      </c>
      <c r="AO15479">
        <v>26</v>
      </c>
      <c r="AP15479">
        <v>26</v>
      </c>
      <c r="AQ15479">
        <v>26</v>
      </c>
    </row>
    <row r="15480" spans="1:43">
      <c r="A15480" t="s">
        <v>9612</v>
      </c>
      <c r="B15480" t="s">
        <v>9613</v>
      </c>
      <c r="C15480" t="s">
        <v>9590</v>
      </c>
      <c r="D15480" t="s">
        <v>9591</v>
      </c>
      <c r="E15480" t="s">
        <v>9544</v>
      </c>
      <c r="F15480" t="s">
        <v>9545</v>
      </c>
      <c r="G15480" t="s">
        <v>80</v>
      </c>
      <c r="H15480" t="s">
        <v>81</v>
      </c>
      <c r="I15480" s="2">
        <v>0</v>
      </c>
      <c r="J15480" s="2">
        <v>1</v>
      </c>
      <c r="K15480" s="2">
        <v>0</v>
      </c>
      <c r="L15480" t="s">
        <v>82</v>
      </c>
      <c r="M15480" t="s">
        <v>89</v>
      </c>
      <c r="N15480" t="s">
        <v>90</v>
      </c>
      <c r="O15480" t="s">
        <v>85</v>
      </c>
      <c r="P15480" t="s">
        <v>86</v>
      </c>
      <c r="Q15480">
        <v>28</v>
      </c>
      <c r="R15480">
        <v>28</v>
      </c>
      <c r="S15480">
        <v>29</v>
      </c>
      <c r="T15480">
        <v>29</v>
      </c>
      <c r="U15480">
        <v>29</v>
      </c>
      <c r="V15480">
        <v>30</v>
      </c>
      <c r="W15480">
        <v>30</v>
      </c>
      <c r="X15480">
        <v>30</v>
      </c>
      <c r="Y15480">
        <v>31</v>
      </c>
      <c r="Z15480">
        <v>31</v>
      </c>
      <c r="AA15480">
        <v>31</v>
      </c>
      <c r="AB15480">
        <v>31</v>
      </c>
      <c r="AC15480">
        <v>32</v>
      </c>
      <c r="AD15480">
        <v>32</v>
      </c>
      <c r="AE15480">
        <v>32</v>
      </c>
      <c r="AF15480">
        <v>32</v>
      </c>
      <c r="AG15480">
        <v>31</v>
      </c>
      <c r="AH15480">
        <v>31</v>
      </c>
      <c r="AI15480">
        <v>31</v>
      </c>
      <c r="AJ15480">
        <v>31</v>
      </c>
      <c r="AK15480">
        <v>31</v>
      </c>
      <c r="AL15480">
        <v>30</v>
      </c>
      <c r="AM15480">
        <v>30</v>
      </c>
      <c r="AN15480">
        <v>30</v>
      </c>
      <c r="AO15480">
        <v>30</v>
      </c>
      <c r="AP15480">
        <v>30</v>
      </c>
      <c r="AQ15480">
        <v>29</v>
      </c>
    </row>
    <row r="15481" spans="1:43">
      <c r="A15481" t="s">
        <v>9612</v>
      </c>
      <c r="B15481" t="s">
        <v>9613</v>
      </c>
      <c r="C15481" t="s">
        <v>9590</v>
      </c>
      <c r="D15481" t="s">
        <v>9591</v>
      </c>
      <c r="E15481" t="s">
        <v>9544</v>
      </c>
      <c r="F15481" t="s">
        <v>9545</v>
      </c>
      <c r="G15481" t="s">
        <v>80</v>
      </c>
      <c r="H15481" t="s">
        <v>81</v>
      </c>
      <c r="I15481" s="2">
        <v>0</v>
      </c>
      <c r="J15481" s="2">
        <v>1</v>
      </c>
      <c r="K15481" s="2">
        <v>0</v>
      </c>
      <c r="L15481" t="s">
        <v>82</v>
      </c>
      <c r="M15481" t="s">
        <v>83</v>
      </c>
      <c r="N15481" t="s">
        <v>91</v>
      </c>
      <c r="O15481" t="s">
        <v>85</v>
      </c>
      <c r="P15481" t="s">
        <v>86</v>
      </c>
      <c r="Q15481">
        <v>28</v>
      </c>
      <c r="R15481">
        <v>28</v>
      </c>
      <c r="S15481">
        <v>28</v>
      </c>
      <c r="T15481">
        <v>28</v>
      </c>
      <c r="U15481">
        <v>28</v>
      </c>
      <c r="V15481">
        <v>28</v>
      </c>
      <c r="W15481">
        <v>29</v>
      </c>
      <c r="X15481">
        <v>29</v>
      </c>
      <c r="Y15481">
        <v>29</v>
      </c>
      <c r="Z15481">
        <v>29</v>
      </c>
      <c r="AA15481">
        <v>29</v>
      </c>
      <c r="AB15481">
        <v>29</v>
      </c>
      <c r="AC15481">
        <v>29</v>
      </c>
      <c r="AD15481">
        <v>30</v>
      </c>
      <c r="AE15481">
        <v>30</v>
      </c>
      <c r="AF15481">
        <v>30</v>
      </c>
      <c r="AG15481">
        <v>30</v>
      </c>
      <c r="AH15481">
        <v>30</v>
      </c>
      <c r="AI15481">
        <v>30</v>
      </c>
      <c r="AJ15481">
        <v>30</v>
      </c>
      <c r="AK15481">
        <v>30</v>
      </c>
      <c r="AL15481">
        <v>30</v>
      </c>
      <c r="AM15481">
        <v>30</v>
      </c>
      <c r="AN15481">
        <v>30</v>
      </c>
      <c r="AO15481">
        <v>29</v>
      </c>
      <c r="AP15481">
        <v>29</v>
      </c>
      <c r="AQ15481">
        <v>29</v>
      </c>
    </row>
    <row r="15482" spans="1:43">
      <c r="A15482" t="s">
        <v>9614</v>
      </c>
      <c r="B15482" t="s">
        <v>9615</v>
      </c>
      <c r="C15482" t="s">
        <v>9616</v>
      </c>
      <c r="D15482" t="s">
        <v>9617</v>
      </c>
      <c r="E15482" t="s">
        <v>9544</v>
      </c>
      <c r="F15482" t="s">
        <v>9545</v>
      </c>
      <c r="G15482" t="s">
        <v>80</v>
      </c>
      <c r="H15482" t="s">
        <v>81</v>
      </c>
      <c r="I15482" s="2">
        <v>0</v>
      </c>
      <c r="J15482" s="2">
        <v>1</v>
      </c>
      <c r="K15482" s="2">
        <v>0</v>
      </c>
      <c r="L15482" t="s">
        <v>82</v>
      </c>
      <c r="M15482" t="s">
        <v>83</v>
      </c>
      <c r="N15482" t="s">
        <v>84</v>
      </c>
      <c r="O15482" t="s">
        <v>85</v>
      </c>
      <c r="P15482" t="s">
        <v>86</v>
      </c>
      <c r="Q15482">
        <v>29</v>
      </c>
      <c r="R15482">
        <v>29</v>
      </c>
      <c r="S15482">
        <v>29</v>
      </c>
      <c r="T15482">
        <v>29</v>
      </c>
      <c r="U15482">
        <v>30</v>
      </c>
      <c r="V15482">
        <v>30</v>
      </c>
      <c r="W15482">
        <v>30</v>
      </c>
      <c r="X15482">
        <v>30</v>
      </c>
      <c r="Y15482">
        <v>30</v>
      </c>
      <c r="Z15482">
        <v>30</v>
      </c>
      <c r="AA15482">
        <v>30</v>
      </c>
      <c r="AB15482">
        <v>31</v>
      </c>
      <c r="AC15482">
        <v>31</v>
      </c>
      <c r="AD15482">
        <v>31</v>
      </c>
      <c r="AE15482">
        <v>31</v>
      </c>
      <c r="AF15482">
        <v>31</v>
      </c>
      <c r="AG15482">
        <v>31</v>
      </c>
      <c r="AH15482">
        <v>31</v>
      </c>
      <c r="AI15482">
        <v>31</v>
      </c>
      <c r="AJ15482">
        <v>31</v>
      </c>
      <c r="AK15482">
        <v>31</v>
      </c>
      <c r="AL15482">
        <v>31</v>
      </c>
      <c r="AM15482">
        <v>31</v>
      </c>
      <c r="AN15482">
        <v>31</v>
      </c>
      <c r="AO15482">
        <v>30</v>
      </c>
      <c r="AP15482">
        <v>30</v>
      </c>
      <c r="AQ15482">
        <v>30</v>
      </c>
    </row>
    <row r="15483" spans="1:43">
      <c r="A15483" t="s">
        <v>9614</v>
      </c>
      <c r="B15483" t="s">
        <v>9615</v>
      </c>
      <c r="C15483" t="s">
        <v>9616</v>
      </c>
      <c r="D15483" t="s">
        <v>9617</v>
      </c>
      <c r="E15483" t="s">
        <v>9544</v>
      </c>
      <c r="F15483" t="s">
        <v>9545</v>
      </c>
      <c r="G15483" t="s">
        <v>80</v>
      </c>
      <c r="H15483" t="s">
        <v>81</v>
      </c>
      <c r="I15483" s="2">
        <v>0</v>
      </c>
      <c r="J15483" s="2">
        <v>1</v>
      </c>
      <c r="K15483" s="2">
        <v>0</v>
      </c>
      <c r="L15483" t="s">
        <v>82</v>
      </c>
      <c r="M15483" t="s">
        <v>87</v>
      </c>
      <c r="N15483" t="s">
        <v>88</v>
      </c>
      <c r="O15483" t="s">
        <v>85</v>
      </c>
      <c r="P15483" t="s">
        <v>86</v>
      </c>
      <c r="Q15483">
        <v>29</v>
      </c>
      <c r="R15483">
        <v>29</v>
      </c>
      <c r="S15483">
        <v>28</v>
      </c>
      <c r="T15483">
        <v>28</v>
      </c>
      <c r="U15483">
        <v>28</v>
      </c>
      <c r="V15483">
        <v>28</v>
      </c>
      <c r="W15483">
        <v>28</v>
      </c>
      <c r="X15483">
        <v>28</v>
      </c>
      <c r="Y15483">
        <v>28</v>
      </c>
      <c r="Z15483">
        <v>28</v>
      </c>
      <c r="AA15483">
        <v>28</v>
      </c>
      <c r="AB15483">
        <v>28</v>
      </c>
      <c r="AC15483">
        <v>27</v>
      </c>
      <c r="AD15483">
        <v>27</v>
      </c>
      <c r="AE15483">
        <v>27</v>
      </c>
      <c r="AF15483">
        <v>27</v>
      </c>
      <c r="AG15483">
        <v>27</v>
      </c>
      <c r="AH15483">
        <v>27</v>
      </c>
      <c r="AI15483">
        <v>27</v>
      </c>
      <c r="AJ15483">
        <v>27</v>
      </c>
      <c r="AK15483">
        <v>27</v>
      </c>
      <c r="AL15483">
        <v>26</v>
      </c>
      <c r="AM15483">
        <v>26</v>
      </c>
      <c r="AN15483">
        <v>26</v>
      </c>
      <c r="AO15483">
        <v>26</v>
      </c>
      <c r="AP15483">
        <v>26</v>
      </c>
      <c r="AQ15483">
        <v>26</v>
      </c>
    </row>
    <row r="15484" spans="1:43">
      <c r="A15484" t="s">
        <v>9614</v>
      </c>
      <c r="B15484" t="s">
        <v>9615</v>
      </c>
      <c r="C15484" t="s">
        <v>9616</v>
      </c>
      <c r="D15484" t="s">
        <v>9617</v>
      </c>
      <c r="E15484" t="s">
        <v>9544</v>
      </c>
      <c r="F15484" t="s">
        <v>9545</v>
      </c>
      <c r="G15484" t="s">
        <v>80</v>
      </c>
      <c r="H15484" t="s">
        <v>81</v>
      </c>
      <c r="I15484" s="2">
        <v>0</v>
      </c>
      <c r="J15484" s="2">
        <v>1</v>
      </c>
      <c r="K15484" s="2">
        <v>0</v>
      </c>
      <c r="L15484" t="s">
        <v>82</v>
      </c>
      <c r="M15484" t="s">
        <v>89</v>
      </c>
      <c r="N15484" t="s">
        <v>90</v>
      </c>
      <c r="O15484" t="s">
        <v>85</v>
      </c>
      <c r="P15484" t="s">
        <v>86</v>
      </c>
      <c r="Q15484">
        <v>29</v>
      </c>
      <c r="R15484">
        <v>30</v>
      </c>
      <c r="S15484">
        <v>30</v>
      </c>
      <c r="T15484">
        <v>30</v>
      </c>
      <c r="U15484">
        <v>31</v>
      </c>
      <c r="V15484">
        <v>31</v>
      </c>
      <c r="W15484">
        <v>31</v>
      </c>
      <c r="X15484">
        <v>32</v>
      </c>
      <c r="Y15484">
        <v>32</v>
      </c>
      <c r="Z15484">
        <v>32</v>
      </c>
      <c r="AA15484">
        <v>32</v>
      </c>
      <c r="AB15484">
        <v>33</v>
      </c>
      <c r="AC15484">
        <v>33</v>
      </c>
      <c r="AD15484">
        <v>33</v>
      </c>
      <c r="AE15484">
        <v>33</v>
      </c>
      <c r="AF15484">
        <v>33</v>
      </c>
      <c r="AG15484">
        <v>33</v>
      </c>
      <c r="AH15484">
        <v>32</v>
      </c>
      <c r="AI15484">
        <v>32</v>
      </c>
      <c r="AJ15484">
        <v>32</v>
      </c>
      <c r="AK15484">
        <v>32</v>
      </c>
      <c r="AL15484">
        <v>31</v>
      </c>
      <c r="AM15484">
        <v>31</v>
      </c>
      <c r="AN15484">
        <v>31</v>
      </c>
      <c r="AO15484">
        <v>31</v>
      </c>
      <c r="AP15484">
        <v>30</v>
      </c>
      <c r="AQ15484">
        <v>30</v>
      </c>
    </row>
    <row r="15485" spans="1:43">
      <c r="A15485" t="s">
        <v>9614</v>
      </c>
      <c r="B15485" t="s">
        <v>9615</v>
      </c>
      <c r="C15485" t="s">
        <v>9616</v>
      </c>
      <c r="D15485" t="s">
        <v>9617</v>
      </c>
      <c r="E15485" t="s">
        <v>9544</v>
      </c>
      <c r="F15485" t="s">
        <v>9545</v>
      </c>
      <c r="G15485" t="s">
        <v>80</v>
      </c>
      <c r="H15485" t="s">
        <v>81</v>
      </c>
      <c r="I15485" s="2">
        <v>0</v>
      </c>
      <c r="J15485" s="2">
        <v>1</v>
      </c>
      <c r="K15485" s="2">
        <v>0</v>
      </c>
      <c r="L15485" t="s">
        <v>82</v>
      </c>
      <c r="M15485" t="s">
        <v>83</v>
      </c>
      <c r="N15485" t="s">
        <v>91</v>
      </c>
      <c r="O15485" t="s">
        <v>85</v>
      </c>
      <c r="P15485" t="s">
        <v>86</v>
      </c>
      <c r="Q15485">
        <v>29</v>
      </c>
      <c r="R15485">
        <v>29</v>
      </c>
      <c r="S15485">
        <v>29</v>
      </c>
      <c r="T15485">
        <v>29</v>
      </c>
      <c r="U15485">
        <v>30</v>
      </c>
      <c r="V15485">
        <v>30</v>
      </c>
      <c r="W15485">
        <v>30</v>
      </c>
      <c r="X15485">
        <v>30</v>
      </c>
      <c r="Y15485">
        <v>30</v>
      </c>
      <c r="Z15485">
        <v>30</v>
      </c>
      <c r="AA15485">
        <v>30</v>
      </c>
      <c r="AB15485">
        <v>31</v>
      </c>
      <c r="AC15485">
        <v>31</v>
      </c>
      <c r="AD15485">
        <v>31</v>
      </c>
      <c r="AE15485">
        <v>31</v>
      </c>
      <c r="AF15485">
        <v>31</v>
      </c>
      <c r="AG15485">
        <v>31</v>
      </c>
      <c r="AH15485">
        <v>31</v>
      </c>
      <c r="AI15485">
        <v>31</v>
      </c>
      <c r="AJ15485">
        <v>31</v>
      </c>
      <c r="AK15485">
        <v>31</v>
      </c>
      <c r="AL15485">
        <v>31</v>
      </c>
      <c r="AM15485">
        <v>31</v>
      </c>
      <c r="AN15485">
        <v>31</v>
      </c>
      <c r="AO15485">
        <v>30</v>
      </c>
      <c r="AP15485">
        <v>30</v>
      </c>
      <c r="AQ15485">
        <v>30</v>
      </c>
    </row>
    <row r="15486" spans="1:43">
      <c r="A15486" t="s">
        <v>9618</v>
      </c>
      <c r="B15486" t="s">
        <v>9619</v>
      </c>
      <c r="C15486" t="s">
        <v>9620</v>
      </c>
      <c r="D15486" t="s">
        <v>9621</v>
      </c>
      <c r="E15486" t="s">
        <v>9544</v>
      </c>
      <c r="F15486" t="s">
        <v>9545</v>
      </c>
      <c r="G15486" t="s">
        <v>80</v>
      </c>
      <c r="H15486" t="s">
        <v>81</v>
      </c>
      <c r="I15486" s="2">
        <v>0</v>
      </c>
      <c r="J15486" s="2">
        <v>1</v>
      </c>
      <c r="K15486" s="2">
        <v>0</v>
      </c>
      <c r="L15486" t="s">
        <v>82</v>
      </c>
      <c r="M15486" t="s">
        <v>83</v>
      </c>
      <c r="N15486" t="s">
        <v>84</v>
      </c>
      <c r="O15486" t="s">
        <v>85</v>
      </c>
      <c r="P15486" t="s">
        <v>86</v>
      </c>
      <c r="Q15486">
        <v>92</v>
      </c>
      <c r="R15486">
        <v>93</v>
      </c>
      <c r="S15486">
        <v>94</v>
      </c>
      <c r="T15486">
        <v>94</v>
      </c>
      <c r="U15486">
        <v>95</v>
      </c>
      <c r="V15486">
        <v>95</v>
      </c>
      <c r="W15486">
        <v>96</v>
      </c>
      <c r="X15486">
        <v>96</v>
      </c>
      <c r="Y15486">
        <v>97</v>
      </c>
      <c r="Z15486">
        <v>97</v>
      </c>
      <c r="AA15486">
        <v>98</v>
      </c>
      <c r="AB15486">
        <v>98</v>
      </c>
      <c r="AC15486">
        <v>98</v>
      </c>
      <c r="AD15486">
        <v>99</v>
      </c>
      <c r="AE15486">
        <v>99</v>
      </c>
      <c r="AF15486">
        <v>99</v>
      </c>
      <c r="AG15486">
        <v>99</v>
      </c>
      <c r="AH15486">
        <v>100</v>
      </c>
      <c r="AI15486">
        <v>100</v>
      </c>
      <c r="AJ15486">
        <v>100</v>
      </c>
      <c r="AK15486">
        <v>100</v>
      </c>
      <c r="AL15486">
        <v>100</v>
      </c>
      <c r="AM15486">
        <v>99</v>
      </c>
      <c r="AN15486">
        <v>98</v>
      </c>
      <c r="AO15486">
        <v>97</v>
      </c>
      <c r="AP15486">
        <v>97</v>
      </c>
      <c r="AQ15486">
        <v>96</v>
      </c>
    </row>
    <row r="15487" spans="1:43">
      <c r="A15487" t="s">
        <v>9618</v>
      </c>
      <c r="B15487" t="s">
        <v>9619</v>
      </c>
      <c r="C15487" t="s">
        <v>9620</v>
      </c>
      <c r="D15487" t="s">
        <v>9621</v>
      </c>
      <c r="E15487" t="s">
        <v>9544</v>
      </c>
      <c r="F15487" t="s">
        <v>9545</v>
      </c>
      <c r="G15487" t="s">
        <v>80</v>
      </c>
      <c r="H15487" t="s">
        <v>81</v>
      </c>
      <c r="I15487" s="2">
        <v>0</v>
      </c>
      <c r="J15487" s="2">
        <v>1</v>
      </c>
      <c r="K15487" s="2">
        <v>0</v>
      </c>
      <c r="L15487" t="s">
        <v>82</v>
      </c>
      <c r="M15487" t="s">
        <v>87</v>
      </c>
      <c r="N15487" t="s">
        <v>88</v>
      </c>
      <c r="O15487" t="s">
        <v>85</v>
      </c>
      <c r="P15487" t="s">
        <v>86</v>
      </c>
      <c r="Q15487">
        <v>92</v>
      </c>
      <c r="R15487">
        <v>91</v>
      </c>
      <c r="S15487">
        <v>91</v>
      </c>
      <c r="T15487">
        <v>91</v>
      </c>
      <c r="U15487">
        <v>91</v>
      </c>
      <c r="V15487">
        <v>90</v>
      </c>
      <c r="W15487">
        <v>90</v>
      </c>
      <c r="X15487">
        <v>90</v>
      </c>
      <c r="Y15487">
        <v>89</v>
      </c>
      <c r="Z15487">
        <v>89</v>
      </c>
      <c r="AA15487">
        <v>89</v>
      </c>
      <c r="AB15487">
        <v>89</v>
      </c>
      <c r="AC15487">
        <v>88</v>
      </c>
      <c r="AD15487">
        <v>88</v>
      </c>
      <c r="AE15487">
        <v>88</v>
      </c>
      <c r="AF15487">
        <v>87</v>
      </c>
      <c r="AG15487">
        <v>87</v>
      </c>
      <c r="AH15487">
        <v>87</v>
      </c>
      <c r="AI15487">
        <v>86</v>
      </c>
      <c r="AJ15487">
        <v>86</v>
      </c>
      <c r="AK15487">
        <v>86</v>
      </c>
      <c r="AL15487">
        <v>85</v>
      </c>
      <c r="AM15487">
        <v>85</v>
      </c>
      <c r="AN15487">
        <v>84</v>
      </c>
      <c r="AO15487">
        <v>84</v>
      </c>
      <c r="AP15487">
        <v>84</v>
      </c>
      <c r="AQ15487">
        <v>83</v>
      </c>
    </row>
    <row r="15488" spans="1:43">
      <c r="A15488" t="s">
        <v>9618</v>
      </c>
      <c r="B15488" t="s">
        <v>9619</v>
      </c>
      <c r="C15488" t="s">
        <v>9620</v>
      </c>
      <c r="D15488" t="s">
        <v>9621</v>
      </c>
      <c r="E15488" t="s">
        <v>9544</v>
      </c>
      <c r="F15488" t="s">
        <v>9545</v>
      </c>
      <c r="G15488" t="s">
        <v>80</v>
      </c>
      <c r="H15488" t="s">
        <v>81</v>
      </c>
      <c r="I15488" s="2">
        <v>0</v>
      </c>
      <c r="J15488" s="2">
        <v>1</v>
      </c>
      <c r="K15488" s="2">
        <v>0</v>
      </c>
      <c r="L15488" t="s">
        <v>82</v>
      </c>
      <c r="M15488" t="s">
        <v>89</v>
      </c>
      <c r="N15488" t="s">
        <v>90</v>
      </c>
      <c r="O15488" t="s">
        <v>85</v>
      </c>
      <c r="P15488" t="s">
        <v>86</v>
      </c>
      <c r="Q15488">
        <v>92</v>
      </c>
      <c r="R15488">
        <v>94</v>
      </c>
      <c r="S15488">
        <v>95</v>
      </c>
      <c r="T15488">
        <v>96</v>
      </c>
      <c r="U15488">
        <v>97</v>
      </c>
      <c r="V15488">
        <v>99</v>
      </c>
      <c r="W15488">
        <v>100</v>
      </c>
      <c r="X15488">
        <v>101</v>
      </c>
      <c r="Y15488">
        <v>101</v>
      </c>
      <c r="Z15488">
        <v>102</v>
      </c>
      <c r="AA15488">
        <v>103</v>
      </c>
      <c r="AB15488">
        <v>104</v>
      </c>
      <c r="AC15488">
        <v>104</v>
      </c>
      <c r="AD15488">
        <v>105</v>
      </c>
      <c r="AE15488">
        <v>105</v>
      </c>
      <c r="AF15488">
        <v>104</v>
      </c>
      <c r="AG15488">
        <v>103</v>
      </c>
      <c r="AH15488">
        <v>103</v>
      </c>
      <c r="AI15488">
        <v>102</v>
      </c>
      <c r="AJ15488">
        <v>101</v>
      </c>
      <c r="AK15488">
        <v>100</v>
      </c>
      <c r="AL15488">
        <v>100</v>
      </c>
      <c r="AM15488">
        <v>99</v>
      </c>
      <c r="AN15488">
        <v>98</v>
      </c>
      <c r="AO15488">
        <v>97</v>
      </c>
      <c r="AP15488">
        <v>97</v>
      </c>
      <c r="AQ15488">
        <v>96</v>
      </c>
    </row>
    <row r="15489" spans="1:43">
      <c r="A15489" t="s">
        <v>9618</v>
      </c>
      <c r="B15489" t="s">
        <v>9619</v>
      </c>
      <c r="C15489" t="s">
        <v>9620</v>
      </c>
      <c r="D15489" t="s">
        <v>9621</v>
      </c>
      <c r="E15489" t="s">
        <v>9544</v>
      </c>
      <c r="F15489" t="s">
        <v>9545</v>
      </c>
      <c r="G15489" t="s">
        <v>80</v>
      </c>
      <c r="H15489" t="s">
        <v>81</v>
      </c>
      <c r="I15489" s="2">
        <v>0</v>
      </c>
      <c r="J15489" s="2">
        <v>1</v>
      </c>
      <c r="K15489" s="2">
        <v>0</v>
      </c>
      <c r="L15489" t="s">
        <v>82</v>
      </c>
      <c r="M15489" t="s">
        <v>83</v>
      </c>
      <c r="N15489" t="s">
        <v>91</v>
      </c>
      <c r="O15489" t="s">
        <v>85</v>
      </c>
      <c r="P15489" t="s">
        <v>86</v>
      </c>
      <c r="Q15489">
        <v>92</v>
      </c>
      <c r="R15489">
        <v>93</v>
      </c>
      <c r="S15489">
        <v>94</v>
      </c>
      <c r="T15489">
        <v>94</v>
      </c>
      <c r="U15489">
        <v>95</v>
      </c>
      <c r="V15489">
        <v>95</v>
      </c>
      <c r="W15489">
        <v>96</v>
      </c>
      <c r="X15489">
        <v>96</v>
      </c>
      <c r="Y15489">
        <v>97</v>
      </c>
      <c r="Z15489">
        <v>97</v>
      </c>
      <c r="AA15489">
        <v>98</v>
      </c>
      <c r="AB15489">
        <v>98</v>
      </c>
      <c r="AC15489">
        <v>98</v>
      </c>
      <c r="AD15489">
        <v>99</v>
      </c>
      <c r="AE15489">
        <v>99</v>
      </c>
      <c r="AF15489">
        <v>99</v>
      </c>
      <c r="AG15489">
        <v>99</v>
      </c>
      <c r="AH15489">
        <v>100</v>
      </c>
      <c r="AI15489">
        <v>100</v>
      </c>
      <c r="AJ15489">
        <v>100</v>
      </c>
      <c r="AK15489">
        <v>100</v>
      </c>
      <c r="AL15489">
        <v>100</v>
      </c>
      <c r="AM15489">
        <v>99</v>
      </c>
      <c r="AN15489">
        <v>98</v>
      </c>
      <c r="AO15489">
        <v>97</v>
      </c>
      <c r="AP15489">
        <v>97</v>
      </c>
      <c r="AQ15489">
        <v>96</v>
      </c>
    </row>
    <row r="15490" spans="1:43">
      <c r="A15490" t="s">
        <v>9622</v>
      </c>
      <c r="B15490" t="s">
        <v>9623</v>
      </c>
      <c r="C15490" t="s">
        <v>9620</v>
      </c>
      <c r="D15490" t="s">
        <v>9621</v>
      </c>
      <c r="E15490" t="s">
        <v>9544</v>
      </c>
      <c r="F15490" t="s">
        <v>9545</v>
      </c>
      <c r="G15490" t="s">
        <v>80</v>
      </c>
      <c r="H15490" t="s">
        <v>81</v>
      </c>
      <c r="I15490" s="2">
        <v>0</v>
      </c>
      <c r="J15490" s="2">
        <v>1</v>
      </c>
      <c r="K15490" s="2">
        <v>0</v>
      </c>
      <c r="L15490" t="s">
        <v>82</v>
      </c>
      <c r="M15490" t="s">
        <v>83</v>
      </c>
      <c r="N15490" t="s">
        <v>84</v>
      </c>
      <c r="O15490" t="s">
        <v>85</v>
      </c>
      <c r="P15490" t="s">
        <v>86</v>
      </c>
      <c r="Q15490">
        <v>47</v>
      </c>
      <c r="R15490">
        <v>47</v>
      </c>
      <c r="S15490">
        <v>47</v>
      </c>
      <c r="T15490">
        <v>48</v>
      </c>
      <c r="U15490">
        <v>48</v>
      </c>
      <c r="V15490">
        <v>48</v>
      </c>
      <c r="W15490">
        <v>48</v>
      </c>
      <c r="X15490">
        <v>49</v>
      </c>
      <c r="Y15490">
        <v>49</v>
      </c>
      <c r="Z15490">
        <v>49</v>
      </c>
      <c r="AA15490">
        <v>49</v>
      </c>
      <c r="AB15490">
        <v>49</v>
      </c>
      <c r="AC15490">
        <v>50</v>
      </c>
      <c r="AD15490">
        <v>50</v>
      </c>
      <c r="AE15490">
        <v>50</v>
      </c>
      <c r="AF15490">
        <v>50</v>
      </c>
      <c r="AG15490">
        <v>50</v>
      </c>
      <c r="AH15490">
        <v>50</v>
      </c>
      <c r="AI15490">
        <v>50</v>
      </c>
      <c r="AJ15490">
        <v>50</v>
      </c>
      <c r="AK15490">
        <v>51</v>
      </c>
      <c r="AL15490">
        <v>50</v>
      </c>
      <c r="AM15490">
        <v>50</v>
      </c>
      <c r="AN15490">
        <v>50</v>
      </c>
      <c r="AO15490">
        <v>49</v>
      </c>
      <c r="AP15490">
        <v>49</v>
      </c>
      <c r="AQ15490">
        <v>48</v>
      </c>
    </row>
    <row r="15491" spans="1:43">
      <c r="A15491" t="s">
        <v>9622</v>
      </c>
      <c r="B15491" t="s">
        <v>9623</v>
      </c>
      <c r="C15491" t="s">
        <v>9620</v>
      </c>
      <c r="D15491" t="s">
        <v>9621</v>
      </c>
      <c r="E15491" t="s">
        <v>9544</v>
      </c>
      <c r="F15491" t="s">
        <v>9545</v>
      </c>
      <c r="G15491" t="s">
        <v>80</v>
      </c>
      <c r="H15491" t="s">
        <v>81</v>
      </c>
      <c r="I15491" s="2">
        <v>0</v>
      </c>
      <c r="J15491" s="2">
        <v>1</v>
      </c>
      <c r="K15491" s="2">
        <v>0</v>
      </c>
      <c r="L15491" t="s">
        <v>82</v>
      </c>
      <c r="M15491" t="s">
        <v>87</v>
      </c>
      <c r="N15491" t="s">
        <v>88</v>
      </c>
      <c r="O15491" t="s">
        <v>85</v>
      </c>
      <c r="P15491" t="s">
        <v>86</v>
      </c>
      <c r="Q15491">
        <v>47</v>
      </c>
      <c r="R15491">
        <v>47</v>
      </c>
      <c r="S15491">
        <v>47</v>
      </c>
      <c r="T15491">
        <v>47</v>
      </c>
      <c r="U15491">
        <v>47</v>
      </c>
      <c r="V15491">
        <v>47</v>
      </c>
      <c r="W15491">
        <v>46</v>
      </c>
      <c r="X15491">
        <v>46</v>
      </c>
      <c r="Y15491">
        <v>46</v>
      </c>
      <c r="Z15491">
        <v>46</v>
      </c>
      <c r="AA15491">
        <v>46</v>
      </c>
      <c r="AB15491">
        <v>46</v>
      </c>
      <c r="AC15491">
        <v>46</v>
      </c>
      <c r="AD15491">
        <v>45</v>
      </c>
      <c r="AE15491">
        <v>45</v>
      </c>
      <c r="AF15491">
        <v>45</v>
      </c>
      <c r="AG15491">
        <v>45</v>
      </c>
      <c r="AH15491">
        <v>45</v>
      </c>
      <c r="AI15491">
        <v>45</v>
      </c>
      <c r="AJ15491">
        <v>44</v>
      </c>
      <c r="AK15491">
        <v>44</v>
      </c>
      <c r="AL15491">
        <v>44</v>
      </c>
      <c r="AM15491">
        <v>44</v>
      </c>
      <c r="AN15491">
        <v>44</v>
      </c>
      <c r="AO15491">
        <v>43</v>
      </c>
      <c r="AP15491">
        <v>43</v>
      </c>
      <c r="AQ15491">
        <v>43</v>
      </c>
    </row>
    <row r="15492" spans="1:43">
      <c r="A15492" t="s">
        <v>9622</v>
      </c>
      <c r="B15492" t="s">
        <v>9623</v>
      </c>
      <c r="C15492" t="s">
        <v>9620</v>
      </c>
      <c r="D15492" t="s">
        <v>9621</v>
      </c>
      <c r="E15492" t="s">
        <v>9544</v>
      </c>
      <c r="F15492" t="s">
        <v>9545</v>
      </c>
      <c r="G15492" t="s">
        <v>80</v>
      </c>
      <c r="H15492" t="s">
        <v>81</v>
      </c>
      <c r="I15492" s="2">
        <v>0</v>
      </c>
      <c r="J15492" s="2">
        <v>1</v>
      </c>
      <c r="K15492" s="2">
        <v>0</v>
      </c>
      <c r="L15492" t="s">
        <v>82</v>
      </c>
      <c r="M15492" t="s">
        <v>89</v>
      </c>
      <c r="N15492" t="s">
        <v>90</v>
      </c>
      <c r="O15492" t="s">
        <v>85</v>
      </c>
      <c r="P15492" t="s">
        <v>86</v>
      </c>
      <c r="Q15492">
        <v>47</v>
      </c>
      <c r="R15492">
        <v>48</v>
      </c>
      <c r="S15492">
        <v>48</v>
      </c>
      <c r="T15492">
        <v>49</v>
      </c>
      <c r="U15492">
        <v>50</v>
      </c>
      <c r="V15492">
        <v>50</v>
      </c>
      <c r="W15492">
        <v>51</v>
      </c>
      <c r="X15492">
        <v>51</v>
      </c>
      <c r="Y15492">
        <v>52</v>
      </c>
      <c r="Z15492">
        <v>52</v>
      </c>
      <c r="AA15492">
        <v>52</v>
      </c>
      <c r="AB15492">
        <v>53</v>
      </c>
      <c r="AC15492">
        <v>53</v>
      </c>
      <c r="AD15492">
        <v>53</v>
      </c>
      <c r="AE15492">
        <v>53</v>
      </c>
      <c r="AF15492">
        <v>53</v>
      </c>
      <c r="AG15492">
        <v>53</v>
      </c>
      <c r="AH15492">
        <v>52</v>
      </c>
      <c r="AI15492">
        <v>52</v>
      </c>
      <c r="AJ15492">
        <v>52</v>
      </c>
      <c r="AK15492">
        <v>51</v>
      </c>
      <c r="AL15492">
        <v>51</v>
      </c>
      <c r="AM15492">
        <v>50</v>
      </c>
      <c r="AN15492">
        <v>50</v>
      </c>
      <c r="AO15492">
        <v>50</v>
      </c>
      <c r="AP15492">
        <v>49</v>
      </c>
      <c r="AQ15492">
        <v>49</v>
      </c>
    </row>
    <row r="15493" spans="1:43">
      <c r="A15493" t="s">
        <v>9622</v>
      </c>
      <c r="B15493" t="s">
        <v>9623</v>
      </c>
      <c r="C15493" t="s">
        <v>9620</v>
      </c>
      <c r="D15493" t="s">
        <v>9621</v>
      </c>
      <c r="E15493" t="s">
        <v>9544</v>
      </c>
      <c r="F15493" t="s">
        <v>9545</v>
      </c>
      <c r="G15493" t="s">
        <v>80</v>
      </c>
      <c r="H15493" t="s">
        <v>81</v>
      </c>
      <c r="I15493" s="2">
        <v>0</v>
      </c>
      <c r="J15493" s="2">
        <v>1</v>
      </c>
      <c r="K15493" s="2">
        <v>0</v>
      </c>
      <c r="L15493" t="s">
        <v>82</v>
      </c>
      <c r="M15493" t="s">
        <v>83</v>
      </c>
      <c r="N15493" t="s">
        <v>91</v>
      </c>
      <c r="O15493" t="s">
        <v>85</v>
      </c>
      <c r="P15493" t="s">
        <v>86</v>
      </c>
      <c r="Q15493">
        <v>47</v>
      </c>
      <c r="R15493">
        <v>47</v>
      </c>
      <c r="S15493">
        <v>47</v>
      </c>
      <c r="T15493">
        <v>48</v>
      </c>
      <c r="U15493">
        <v>48</v>
      </c>
      <c r="V15493">
        <v>48</v>
      </c>
      <c r="W15493">
        <v>48</v>
      </c>
      <c r="X15493">
        <v>49</v>
      </c>
      <c r="Y15493">
        <v>49</v>
      </c>
      <c r="Z15493">
        <v>49</v>
      </c>
      <c r="AA15493">
        <v>49</v>
      </c>
      <c r="AB15493">
        <v>49</v>
      </c>
      <c r="AC15493">
        <v>50</v>
      </c>
      <c r="AD15493">
        <v>50</v>
      </c>
      <c r="AE15493">
        <v>50</v>
      </c>
      <c r="AF15493">
        <v>50</v>
      </c>
      <c r="AG15493">
        <v>50</v>
      </c>
      <c r="AH15493">
        <v>50</v>
      </c>
      <c r="AI15493">
        <v>50</v>
      </c>
      <c r="AJ15493">
        <v>50</v>
      </c>
      <c r="AK15493">
        <v>51</v>
      </c>
      <c r="AL15493">
        <v>50</v>
      </c>
      <c r="AM15493">
        <v>50</v>
      </c>
      <c r="AN15493">
        <v>50</v>
      </c>
      <c r="AO15493">
        <v>49</v>
      </c>
      <c r="AP15493">
        <v>49</v>
      </c>
      <c r="AQ15493">
        <v>48</v>
      </c>
    </row>
    <row r="15494" spans="1:43">
      <c r="A15494" t="s">
        <v>9624</v>
      </c>
      <c r="B15494" t="s">
        <v>9625</v>
      </c>
      <c r="C15494" t="s">
        <v>9616</v>
      </c>
      <c r="D15494" t="s">
        <v>9617</v>
      </c>
      <c r="E15494" t="s">
        <v>9544</v>
      </c>
      <c r="F15494" t="s">
        <v>9545</v>
      </c>
      <c r="G15494" t="s">
        <v>80</v>
      </c>
      <c r="H15494" t="s">
        <v>81</v>
      </c>
      <c r="I15494" s="2">
        <v>0</v>
      </c>
      <c r="J15494" s="2">
        <v>1</v>
      </c>
      <c r="K15494" s="2">
        <v>0</v>
      </c>
      <c r="L15494" t="s">
        <v>82</v>
      </c>
      <c r="M15494" t="s">
        <v>83</v>
      </c>
      <c r="N15494" t="s">
        <v>84</v>
      </c>
      <c r="O15494" t="s">
        <v>85</v>
      </c>
      <c r="P15494" t="s">
        <v>86</v>
      </c>
      <c r="Q15494">
        <v>5</v>
      </c>
      <c r="R15494">
        <v>5</v>
      </c>
      <c r="S15494">
        <v>5</v>
      </c>
      <c r="T15494">
        <v>5</v>
      </c>
      <c r="U15494">
        <v>5</v>
      </c>
      <c r="V15494">
        <v>5</v>
      </c>
      <c r="W15494">
        <v>5</v>
      </c>
      <c r="X15494">
        <v>5</v>
      </c>
      <c r="Y15494">
        <v>5</v>
      </c>
      <c r="Z15494">
        <v>5</v>
      </c>
      <c r="AA15494">
        <v>5</v>
      </c>
      <c r="AB15494">
        <v>5</v>
      </c>
      <c r="AC15494">
        <v>5</v>
      </c>
      <c r="AD15494">
        <v>5</v>
      </c>
      <c r="AE15494">
        <v>5</v>
      </c>
      <c r="AF15494">
        <v>5</v>
      </c>
      <c r="AG15494">
        <v>5</v>
      </c>
      <c r="AH15494">
        <v>5</v>
      </c>
      <c r="AI15494">
        <v>5</v>
      </c>
      <c r="AJ15494">
        <v>5</v>
      </c>
      <c r="AK15494">
        <v>5</v>
      </c>
      <c r="AL15494">
        <v>5</v>
      </c>
      <c r="AM15494">
        <v>5</v>
      </c>
      <c r="AN15494">
        <v>5</v>
      </c>
      <c r="AO15494">
        <v>5</v>
      </c>
      <c r="AP15494">
        <v>5</v>
      </c>
      <c r="AQ15494">
        <v>5</v>
      </c>
    </row>
    <row r="15495" spans="1:43">
      <c r="A15495" t="s">
        <v>9624</v>
      </c>
      <c r="B15495" t="s">
        <v>9625</v>
      </c>
      <c r="C15495" t="s">
        <v>9616</v>
      </c>
      <c r="D15495" t="s">
        <v>9617</v>
      </c>
      <c r="E15495" t="s">
        <v>9544</v>
      </c>
      <c r="F15495" t="s">
        <v>9545</v>
      </c>
      <c r="G15495" t="s">
        <v>80</v>
      </c>
      <c r="H15495" t="s">
        <v>81</v>
      </c>
      <c r="I15495" s="2">
        <v>0</v>
      </c>
      <c r="J15495" s="2">
        <v>1</v>
      </c>
      <c r="K15495" s="2">
        <v>0</v>
      </c>
      <c r="L15495" t="s">
        <v>82</v>
      </c>
      <c r="M15495" t="s">
        <v>87</v>
      </c>
      <c r="N15495" t="s">
        <v>88</v>
      </c>
      <c r="O15495" t="s">
        <v>85</v>
      </c>
      <c r="P15495" t="s">
        <v>86</v>
      </c>
      <c r="Q15495">
        <v>5</v>
      </c>
      <c r="R15495">
        <v>5</v>
      </c>
      <c r="S15495">
        <v>5</v>
      </c>
      <c r="T15495">
        <v>5</v>
      </c>
      <c r="U15495">
        <v>5</v>
      </c>
      <c r="V15495">
        <v>5</v>
      </c>
      <c r="W15495">
        <v>5</v>
      </c>
      <c r="X15495">
        <v>5</v>
      </c>
      <c r="Y15495">
        <v>4</v>
      </c>
      <c r="Z15495">
        <v>4</v>
      </c>
      <c r="AA15495">
        <v>4</v>
      </c>
      <c r="AB15495">
        <v>4</v>
      </c>
      <c r="AC15495">
        <v>4</v>
      </c>
      <c r="AD15495">
        <v>4</v>
      </c>
      <c r="AE15495">
        <v>4</v>
      </c>
      <c r="AF15495">
        <v>4</v>
      </c>
      <c r="AG15495">
        <v>4</v>
      </c>
      <c r="AH15495">
        <v>4</v>
      </c>
      <c r="AI15495">
        <v>4</v>
      </c>
      <c r="AJ15495">
        <v>4</v>
      </c>
      <c r="AK15495">
        <v>4</v>
      </c>
      <c r="AL15495">
        <v>4</v>
      </c>
      <c r="AM15495">
        <v>4</v>
      </c>
      <c r="AN15495">
        <v>4</v>
      </c>
      <c r="AO15495">
        <v>4</v>
      </c>
      <c r="AP15495">
        <v>4</v>
      </c>
      <c r="AQ15495">
        <v>4</v>
      </c>
    </row>
    <row r="15496" spans="1:43">
      <c r="A15496" t="s">
        <v>9624</v>
      </c>
      <c r="B15496" t="s">
        <v>9625</v>
      </c>
      <c r="C15496" t="s">
        <v>9616</v>
      </c>
      <c r="D15496" t="s">
        <v>9617</v>
      </c>
      <c r="E15496" t="s">
        <v>9544</v>
      </c>
      <c r="F15496" t="s">
        <v>9545</v>
      </c>
      <c r="G15496" t="s">
        <v>80</v>
      </c>
      <c r="H15496" t="s">
        <v>81</v>
      </c>
      <c r="I15496" s="2">
        <v>0</v>
      </c>
      <c r="J15496" s="2">
        <v>1</v>
      </c>
      <c r="K15496" s="2">
        <v>0</v>
      </c>
      <c r="L15496" t="s">
        <v>82</v>
      </c>
      <c r="M15496" t="s">
        <v>89</v>
      </c>
      <c r="N15496" t="s">
        <v>90</v>
      </c>
      <c r="O15496" t="s">
        <v>85</v>
      </c>
      <c r="P15496" t="s">
        <v>86</v>
      </c>
      <c r="Q15496">
        <v>5</v>
      </c>
      <c r="R15496">
        <v>5</v>
      </c>
      <c r="S15496">
        <v>5</v>
      </c>
      <c r="T15496">
        <v>5</v>
      </c>
      <c r="U15496">
        <v>5</v>
      </c>
      <c r="V15496">
        <v>5</v>
      </c>
      <c r="W15496">
        <v>5</v>
      </c>
      <c r="X15496">
        <v>5</v>
      </c>
      <c r="Y15496">
        <v>5</v>
      </c>
      <c r="Z15496">
        <v>5</v>
      </c>
      <c r="AA15496">
        <v>5</v>
      </c>
      <c r="AB15496">
        <v>5</v>
      </c>
      <c r="AC15496">
        <v>5</v>
      </c>
      <c r="AD15496">
        <v>5</v>
      </c>
      <c r="AE15496">
        <v>5</v>
      </c>
      <c r="AF15496">
        <v>5</v>
      </c>
      <c r="AG15496">
        <v>5</v>
      </c>
      <c r="AH15496">
        <v>5</v>
      </c>
      <c r="AI15496">
        <v>5</v>
      </c>
      <c r="AJ15496">
        <v>5</v>
      </c>
      <c r="AK15496">
        <v>5</v>
      </c>
      <c r="AL15496">
        <v>5</v>
      </c>
      <c r="AM15496">
        <v>5</v>
      </c>
      <c r="AN15496">
        <v>5</v>
      </c>
      <c r="AO15496">
        <v>5</v>
      </c>
      <c r="AP15496">
        <v>5</v>
      </c>
      <c r="AQ15496">
        <v>5</v>
      </c>
    </row>
    <row r="15497" spans="1:43">
      <c r="A15497" t="s">
        <v>9624</v>
      </c>
      <c r="B15497" t="s">
        <v>9625</v>
      </c>
      <c r="C15497" t="s">
        <v>9616</v>
      </c>
      <c r="D15497" t="s">
        <v>9617</v>
      </c>
      <c r="E15497" t="s">
        <v>9544</v>
      </c>
      <c r="F15497" t="s">
        <v>9545</v>
      </c>
      <c r="G15497" t="s">
        <v>80</v>
      </c>
      <c r="H15497" t="s">
        <v>81</v>
      </c>
      <c r="I15497" s="2">
        <v>0</v>
      </c>
      <c r="J15497" s="2">
        <v>1</v>
      </c>
      <c r="K15497" s="2">
        <v>0</v>
      </c>
      <c r="L15497" t="s">
        <v>82</v>
      </c>
      <c r="M15497" t="s">
        <v>83</v>
      </c>
      <c r="N15497" t="s">
        <v>91</v>
      </c>
      <c r="O15497" t="s">
        <v>85</v>
      </c>
      <c r="P15497" t="s">
        <v>86</v>
      </c>
      <c r="Q15497">
        <v>5</v>
      </c>
      <c r="R15497">
        <v>5</v>
      </c>
      <c r="S15497">
        <v>5</v>
      </c>
      <c r="T15497">
        <v>5</v>
      </c>
      <c r="U15497">
        <v>5</v>
      </c>
      <c r="V15497">
        <v>5</v>
      </c>
      <c r="W15497">
        <v>5</v>
      </c>
      <c r="X15497">
        <v>5</v>
      </c>
      <c r="Y15497">
        <v>5</v>
      </c>
      <c r="Z15497">
        <v>5</v>
      </c>
      <c r="AA15497">
        <v>5</v>
      </c>
      <c r="AB15497">
        <v>5</v>
      </c>
      <c r="AC15497">
        <v>5</v>
      </c>
      <c r="AD15497">
        <v>5</v>
      </c>
      <c r="AE15497">
        <v>5</v>
      </c>
      <c r="AF15497">
        <v>5</v>
      </c>
      <c r="AG15497">
        <v>5</v>
      </c>
      <c r="AH15497">
        <v>5</v>
      </c>
      <c r="AI15497">
        <v>5</v>
      </c>
      <c r="AJ15497">
        <v>5</v>
      </c>
      <c r="AK15497">
        <v>5</v>
      </c>
      <c r="AL15497">
        <v>5</v>
      </c>
      <c r="AM15497">
        <v>5</v>
      </c>
      <c r="AN15497">
        <v>5</v>
      </c>
      <c r="AO15497">
        <v>5</v>
      </c>
      <c r="AP15497">
        <v>5</v>
      </c>
      <c r="AQ15497">
        <v>5</v>
      </c>
    </row>
    <row r="15498" spans="1:43">
      <c r="A15498" t="s">
        <v>9626</v>
      </c>
      <c r="B15498" t="s">
        <v>9627</v>
      </c>
      <c r="C15498" t="s">
        <v>9620</v>
      </c>
      <c r="D15498" t="s">
        <v>9621</v>
      </c>
      <c r="E15498" t="s">
        <v>9544</v>
      </c>
      <c r="F15498" t="s">
        <v>9545</v>
      </c>
      <c r="G15498" t="s">
        <v>80</v>
      </c>
      <c r="H15498" t="s">
        <v>81</v>
      </c>
      <c r="I15498" s="2">
        <v>0</v>
      </c>
      <c r="J15498" s="2">
        <v>1</v>
      </c>
      <c r="K15498" s="2">
        <v>0</v>
      </c>
      <c r="L15498" t="s">
        <v>82</v>
      </c>
      <c r="M15498" t="s">
        <v>83</v>
      </c>
      <c r="N15498" t="s">
        <v>84</v>
      </c>
      <c r="O15498" t="s">
        <v>85</v>
      </c>
      <c r="P15498" t="s">
        <v>86</v>
      </c>
      <c r="Q15498">
        <v>25</v>
      </c>
      <c r="R15498">
        <v>25</v>
      </c>
      <c r="S15498">
        <v>25</v>
      </c>
      <c r="T15498">
        <v>25</v>
      </c>
      <c r="U15498">
        <v>25</v>
      </c>
      <c r="V15498">
        <v>26</v>
      </c>
      <c r="W15498">
        <v>26</v>
      </c>
      <c r="X15498">
        <v>26</v>
      </c>
      <c r="Y15498">
        <v>26</v>
      </c>
      <c r="Z15498">
        <v>26</v>
      </c>
      <c r="AA15498">
        <v>26</v>
      </c>
      <c r="AB15498">
        <v>26</v>
      </c>
      <c r="AC15498">
        <v>26</v>
      </c>
      <c r="AD15498">
        <v>26</v>
      </c>
      <c r="AE15498">
        <v>27</v>
      </c>
      <c r="AF15498">
        <v>27</v>
      </c>
      <c r="AG15498">
        <v>27</v>
      </c>
      <c r="AH15498">
        <v>27</v>
      </c>
      <c r="AI15498">
        <v>27</v>
      </c>
      <c r="AJ15498">
        <v>27</v>
      </c>
      <c r="AK15498">
        <v>27</v>
      </c>
      <c r="AL15498">
        <v>27</v>
      </c>
      <c r="AM15498">
        <v>27</v>
      </c>
      <c r="AN15498">
        <v>26</v>
      </c>
      <c r="AO15498">
        <v>26</v>
      </c>
      <c r="AP15498">
        <v>26</v>
      </c>
      <c r="AQ15498">
        <v>26</v>
      </c>
    </row>
    <row r="15499" spans="1:43">
      <c r="A15499" t="s">
        <v>9626</v>
      </c>
      <c r="B15499" t="s">
        <v>9627</v>
      </c>
      <c r="C15499" t="s">
        <v>9620</v>
      </c>
      <c r="D15499" t="s">
        <v>9621</v>
      </c>
      <c r="E15499" t="s">
        <v>9544</v>
      </c>
      <c r="F15499" t="s">
        <v>9545</v>
      </c>
      <c r="G15499" t="s">
        <v>80</v>
      </c>
      <c r="H15499" t="s">
        <v>81</v>
      </c>
      <c r="I15499" s="2">
        <v>0</v>
      </c>
      <c r="J15499" s="2">
        <v>1</v>
      </c>
      <c r="K15499" s="2">
        <v>0</v>
      </c>
      <c r="L15499" t="s">
        <v>82</v>
      </c>
      <c r="M15499" t="s">
        <v>87</v>
      </c>
      <c r="N15499" t="s">
        <v>88</v>
      </c>
      <c r="O15499" t="s">
        <v>85</v>
      </c>
      <c r="P15499" t="s">
        <v>86</v>
      </c>
      <c r="Q15499">
        <v>25</v>
      </c>
      <c r="R15499">
        <v>25</v>
      </c>
      <c r="S15499">
        <v>24</v>
      </c>
      <c r="T15499">
        <v>24</v>
      </c>
      <c r="U15499">
        <v>24</v>
      </c>
      <c r="V15499">
        <v>24</v>
      </c>
      <c r="W15499">
        <v>24</v>
      </c>
      <c r="X15499">
        <v>24</v>
      </c>
      <c r="Y15499">
        <v>24</v>
      </c>
      <c r="Z15499">
        <v>24</v>
      </c>
      <c r="AA15499">
        <v>24</v>
      </c>
      <c r="AB15499">
        <v>24</v>
      </c>
      <c r="AC15499">
        <v>24</v>
      </c>
      <c r="AD15499">
        <v>24</v>
      </c>
      <c r="AE15499">
        <v>23</v>
      </c>
      <c r="AF15499">
        <v>23</v>
      </c>
      <c r="AG15499">
        <v>23</v>
      </c>
      <c r="AH15499">
        <v>23</v>
      </c>
      <c r="AI15499">
        <v>23</v>
      </c>
      <c r="AJ15499">
        <v>23</v>
      </c>
      <c r="AK15499">
        <v>23</v>
      </c>
      <c r="AL15499">
        <v>23</v>
      </c>
      <c r="AM15499">
        <v>23</v>
      </c>
      <c r="AN15499">
        <v>23</v>
      </c>
      <c r="AO15499">
        <v>23</v>
      </c>
      <c r="AP15499">
        <v>22</v>
      </c>
      <c r="AQ15499">
        <v>22</v>
      </c>
    </row>
    <row r="15500" spans="1:43">
      <c r="A15500" t="s">
        <v>9626</v>
      </c>
      <c r="B15500" t="s">
        <v>9627</v>
      </c>
      <c r="C15500" t="s">
        <v>9620</v>
      </c>
      <c r="D15500" t="s">
        <v>9621</v>
      </c>
      <c r="E15500" t="s">
        <v>9544</v>
      </c>
      <c r="F15500" t="s">
        <v>9545</v>
      </c>
      <c r="G15500" t="s">
        <v>80</v>
      </c>
      <c r="H15500" t="s">
        <v>81</v>
      </c>
      <c r="I15500" s="2">
        <v>0</v>
      </c>
      <c r="J15500" s="2">
        <v>1</v>
      </c>
      <c r="K15500" s="2">
        <v>0</v>
      </c>
      <c r="L15500" t="s">
        <v>82</v>
      </c>
      <c r="M15500" t="s">
        <v>89</v>
      </c>
      <c r="N15500" t="s">
        <v>90</v>
      </c>
      <c r="O15500" t="s">
        <v>85</v>
      </c>
      <c r="P15500" t="s">
        <v>86</v>
      </c>
      <c r="Q15500">
        <v>25</v>
      </c>
      <c r="R15500">
        <v>25</v>
      </c>
      <c r="S15500">
        <v>26</v>
      </c>
      <c r="T15500">
        <v>26</v>
      </c>
      <c r="U15500">
        <v>26</v>
      </c>
      <c r="V15500">
        <v>27</v>
      </c>
      <c r="W15500">
        <v>27</v>
      </c>
      <c r="X15500">
        <v>27</v>
      </c>
      <c r="Y15500">
        <v>27</v>
      </c>
      <c r="Z15500">
        <v>28</v>
      </c>
      <c r="AA15500">
        <v>28</v>
      </c>
      <c r="AB15500">
        <v>28</v>
      </c>
      <c r="AC15500">
        <v>28</v>
      </c>
      <c r="AD15500">
        <v>28</v>
      </c>
      <c r="AE15500">
        <v>28</v>
      </c>
      <c r="AF15500">
        <v>28</v>
      </c>
      <c r="AG15500">
        <v>28</v>
      </c>
      <c r="AH15500">
        <v>28</v>
      </c>
      <c r="AI15500">
        <v>28</v>
      </c>
      <c r="AJ15500">
        <v>27</v>
      </c>
      <c r="AK15500">
        <v>27</v>
      </c>
      <c r="AL15500">
        <v>27</v>
      </c>
      <c r="AM15500">
        <v>27</v>
      </c>
      <c r="AN15500">
        <v>27</v>
      </c>
      <c r="AO15500">
        <v>26</v>
      </c>
      <c r="AP15500">
        <v>26</v>
      </c>
      <c r="AQ15500">
        <v>26</v>
      </c>
    </row>
    <row r="15501" spans="1:43">
      <c r="A15501" t="s">
        <v>9626</v>
      </c>
      <c r="B15501" t="s">
        <v>9627</v>
      </c>
      <c r="C15501" t="s">
        <v>9620</v>
      </c>
      <c r="D15501" t="s">
        <v>9621</v>
      </c>
      <c r="E15501" t="s">
        <v>9544</v>
      </c>
      <c r="F15501" t="s">
        <v>9545</v>
      </c>
      <c r="G15501" t="s">
        <v>80</v>
      </c>
      <c r="H15501" t="s">
        <v>81</v>
      </c>
      <c r="I15501" s="2">
        <v>0</v>
      </c>
      <c r="J15501" s="2">
        <v>1</v>
      </c>
      <c r="K15501" s="2">
        <v>0</v>
      </c>
      <c r="L15501" t="s">
        <v>82</v>
      </c>
      <c r="M15501" t="s">
        <v>83</v>
      </c>
      <c r="N15501" t="s">
        <v>91</v>
      </c>
      <c r="O15501" t="s">
        <v>85</v>
      </c>
      <c r="P15501" t="s">
        <v>86</v>
      </c>
      <c r="Q15501">
        <v>25</v>
      </c>
      <c r="R15501">
        <v>25</v>
      </c>
      <c r="S15501">
        <v>25</v>
      </c>
      <c r="T15501">
        <v>25</v>
      </c>
      <c r="U15501">
        <v>25</v>
      </c>
      <c r="V15501">
        <v>26</v>
      </c>
      <c r="W15501">
        <v>26</v>
      </c>
      <c r="X15501">
        <v>26</v>
      </c>
      <c r="Y15501">
        <v>26</v>
      </c>
      <c r="Z15501">
        <v>26</v>
      </c>
      <c r="AA15501">
        <v>26</v>
      </c>
      <c r="AB15501">
        <v>26</v>
      </c>
      <c r="AC15501">
        <v>26</v>
      </c>
      <c r="AD15501">
        <v>26</v>
      </c>
      <c r="AE15501">
        <v>27</v>
      </c>
      <c r="AF15501">
        <v>27</v>
      </c>
      <c r="AG15501">
        <v>27</v>
      </c>
      <c r="AH15501">
        <v>27</v>
      </c>
      <c r="AI15501">
        <v>27</v>
      </c>
      <c r="AJ15501">
        <v>27</v>
      </c>
      <c r="AK15501">
        <v>27</v>
      </c>
      <c r="AL15501">
        <v>27</v>
      </c>
      <c r="AM15501">
        <v>27</v>
      </c>
      <c r="AN15501">
        <v>26</v>
      </c>
      <c r="AO15501">
        <v>26</v>
      </c>
      <c r="AP15501">
        <v>26</v>
      </c>
      <c r="AQ15501">
        <v>26</v>
      </c>
    </row>
    <row r="15502" spans="1:43">
      <c r="A15502" t="s">
        <v>9628</v>
      </c>
      <c r="B15502" t="s">
        <v>9629</v>
      </c>
      <c r="C15502" t="s">
        <v>9616</v>
      </c>
      <c r="D15502" t="s">
        <v>9617</v>
      </c>
      <c r="E15502" t="s">
        <v>9544</v>
      </c>
      <c r="F15502" t="s">
        <v>9545</v>
      </c>
      <c r="G15502" t="s">
        <v>80</v>
      </c>
      <c r="H15502" t="s">
        <v>81</v>
      </c>
      <c r="I15502" s="2">
        <v>0</v>
      </c>
      <c r="J15502" s="2">
        <v>1</v>
      </c>
      <c r="K15502" s="2">
        <v>0</v>
      </c>
      <c r="L15502" t="s">
        <v>82</v>
      </c>
      <c r="M15502" t="s">
        <v>83</v>
      </c>
      <c r="N15502" t="s">
        <v>84</v>
      </c>
      <c r="O15502" t="s">
        <v>85</v>
      </c>
      <c r="P15502" t="s">
        <v>86</v>
      </c>
      <c r="Q15502">
        <v>22</v>
      </c>
      <c r="R15502">
        <v>22</v>
      </c>
      <c r="S15502">
        <v>22</v>
      </c>
      <c r="T15502">
        <v>22</v>
      </c>
      <c r="U15502">
        <v>22</v>
      </c>
      <c r="V15502">
        <v>22</v>
      </c>
      <c r="W15502">
        <v>22</v>
      </c>
      <c r="X15502">
        <v>23</v>
      </c>
      <c r="Y15502">
        <v>23</v>
      </c>
      <c r="Z15502">
        <v>23</v>
      </c>
      <c r="AA15502">
        <v>23</v>
      </c>
      <c r="AB15502">
        <v>23</v>
      </c>
      <c r="AC15502">
        <v>23</v>
      </c>
      <c r="AD15502">
        <v>23</v>
      </c>
      <c r="AE15502">
        <v>23</v>
      </c>
      <c r="AF15502">
        <v>23</v>
      </c>
      <c r="AG15502">
        <v>23</v>
      </c>
      <c r="AH15502">
        <v>23</v>
      </c>
      <c r="AI15502">
        <v>23</v>
      </c>
      <c r="AJ15502">
        <v>23</v>
      </c>
      <c r="AK15502">
        <v>23</v>
      </c>
      <c r="AL15502">
        <v>23</v>
      </c>
      <c r="AM15502">
        <v>23</v>
      </c>
      <c r="AN15502">
        <v>23</v>
      </c>
      <c r="AO15502">
        <v>23</v>
      </c>
      <c r="AP15502">
        <v>23</v>
      </c>
      <c r="AQ15502">
        <v>22</v>
      </c>
    </row>
    <row r="15503" spans="1:43">
      <c r="A15503" t="s">
        <v>9628</v>
      </c>
      <c r="B15503" t="s">
        <v>9629</v>
      </c>
      <c r="C15503" t="s">
        <v>9616</v>
      </c>
      <c r="D15503" t="s">
        <v>9617</v>
      </c>
      <c r="E15503" t="s">
        <v>9544</v>
      </c>
      <c r="F15503" t="s">
        <v>9545</v>
      </c>
      <c r="G15503" t="s">
        <v>80</v>
      </c>
      <c r="H15503" t="s">
        <v>81</v>
      </c>
      <c r="I15503" s="2">
        <v>0</v>
      </c>
      <c r="J15503" s="2">
        <v>1</v>
      </c>
      <c r="K15503" s="2">
        <v>0</v>
      </c>
      <c r="L15503" t="s">
        <v>82</v>
      </c>
      <c r="M15503" t="s">
        <v>87</v>
      </c>
      <c r="N15503" t="s">
        <v>88</v>
      </c>
      <c r="O15503" t="s">
        <v>85</v>
      </c>
      <c r="P15503" t="s">
        <v>86</v>
      </c>
      <c r="Q15503">
        <v>22</v>
      </c>
      <c r="R15503">
        <v>22</v>
      </c>
      <c r="S15503">
        <v>22</v>
      </c>
      <c r="T15503">
        <v>22</v>
      </c>
      <c r="U15503">
        <v>22</v>
      </c>
      <c r="V15503">
        <v>22</v>
      </c>
      <c r="W15503">
        <v>22</v>
      </c>
      <c r="X15503">
        <v>22</v>
      </c>
      <c r="Y15503">
        <v>22</v>
      </c>
      <c r="Z15503">
        <v>22</v>
      </c>
      <c r="AA15503">
        <v>22</v>
      </c>
      <c r="AB15503">
        <v>22</v>
      </c>
      <c r="AC15503">
        <v>22</v>
      </c>
      <c r="AD15503">
        <v>22</v>
      </c>
      <c r="AE15503">
        <v>21</v>
      </c>
      <c r="AF15503">
        <v>21</v>
      </c>
      <c r="AG15503">
        <v>21</v>
      </c>
      <c r="AH15503">
        <v>21</v>
      </c>
      <c r="AI15503">
        <v>21</v>
      </c>
      <c r="AJ15503">
        <v>21</v>
      </c>
      <c r="AK15503">
        <v>21</v>
      </c>
      <c r="AL15503">
        <v>21</v>
      </c>
      <c r="AM15503">
        <v>21</v>
      </c>
      <c r="AN15503">
        <v>21</v>
      </c>
      <c r="AO15503">
        <v>21</v>
      </c>
      <c r="AP15503">
        <v>20</v>
      </c>
      <c r="AQ15503">
        <v>20</v>
      </c>
    </row>
    <row r="15504" spans="1:43">
      <c r="A15504" t="s">
        <v>9628</v>
      </c>
      <c r="B15504" t="s">
        <v>9629</v>
      </c>
      <c r="C15504" t="s">
        <v>9616</v>
      </c>
      <c r="D15504" t="s">
        <v>9617</v>
      </c>
      <c r="E15504" t="s">
        <v>9544</v>
      </c>
      <c r="F15504" t="s">
        <v>9545</v>
      </c>
      <c r="G15504" t="s">
        <v>80</v>
      </c>
      <c r="H15504" t="s">
        <v>81</v>
      </c>
      <c r="I15504" s="2">
        <v>0</v>
      </c>
      <c r="J15504" s="2">
        <v>1</v>
      </c>
      <c r="K15504" s="2">
        <v>0</v>
      </c>
      <c r="L15504" t="s">
        <v>82</v>
      </c>
      <c r="M15504" t="s">
        <v>89</v>
      </c>
      <c r="N15504" t="s">
        <v>90</v>
      </c>
      <c r="O15504" t="s">
        <v>85</v>
      </c>
      <c r="P15504" t="s">
        <v>86</v>
      </c>
      <c r="Q15504">
        <v>22</v>
      </c>
      <c r="R15504">
        <v>22</v>
      </c>
      <c r="S15504">
        <v>22</v>
      </c>
      <c r="T15504">
        <v>23</v>
      </c>
      <c r="U15504">
        <v>23</v>
      </c>
      <c r="V15504">
        <v>23</v>
      </c>
      <c r="W15504">
        <v>24</v>
      </c>
      <c r="X15504">
        <v>24</v>
      </c>
      <c r="Y15504">
        <v>24</v>
      </c>
      <c r="Z15504">
        <v>24</v>
      </c>
      <c r="AA15504">
        <v>24</v>
      </c>
      <c r="AB15504">
        <v>24</v>
      </c>
      <c r="AC15504">
        <v>25</v>
      </c>
      <c r="AD15504">
        <v>25</v>
      </c>
      <c r="AE15504">
        <v>25</v>
      </c>
      <c r="AF15504">
        <v>25</v>
      </c>
      <c r="AG15504">
        <v>24</v>
      </c>
      <c r="AH15504">
        <v>24</v>
      </c>
      <c r="AI15504">
        <v>24</v>
      </c>
      <c r="AJ15504">
        <v>24</v>
      </c>
      <c r="AK15504">
        <v>24</v>
      </c>
      <c r="AL15504">
        <v>24</v>
      </c>
      <c r="AM15504">
        <v>23</v>
      </c>
      <c r="AN15504">
        <v>23</v>
      </c>
      <c r="AO15504">
        <v>23</v>
      </c>
      <c r="AP15504">
        <v>23</v>
      </c>
      <c r="AQ15504">
        <v>23</v>
      </c>
    </row>
    <row r="15505" spans="1:43">
      <c r="A15505" t="s">
        <v>9628</v>
      </c>
      <c r="B15505" t="s">
        <v>9629</v>
      </c>
      <c r="C15505" t="s">
        <v>9616</v>
      </c>
      <c r="D15505" t="s">
        <v>9617</v>
      </c>
      <c r="E15505" t="s">
        <v>9544</v>
      </c>
      <c r="F15505" t="s">
        <v>9545</v>
      </c>
      <c r="G15505" t="s">
        <v>80</v>
      </c>
      <c r="H15505" t="s">
        <v>81</v>
      </c>
      <c r="I15505" s="2">
        <v>0</v>
      </c>
      <c r="J15505" s="2">
        <v>1</v>
      </c>
      <c r="K15505" s="2">
        <v>0</v>
      </c>
      <c r="L15505" t="s">
        <v>82</v>
      </c>
      <c r="M15505" t="s">
        <v>83</v>
      </c>
      <c r="N15505" t="s">
        <v>91</v>
      </c>
      <c r="O15505" t="s">
        <v>85</v>
      </c>
      <c r="P15505" t="s">
        <v>86</v>
      </c>
      <c r="Q15505">
        <v>22</v>
      </c>
      <c r="R15505">
        <v>22</v>
      </c>
      <c r="S15505">
        <v>22</v>
      </c>
      <c r="T15505">
        <v>22</v>
      </c>
      <c r="U15505">
        <v>22</v>
      </c>
      <c r="V15505">
        <v>22</v>
      </c>
      <c r="W15505">
        <v>22</v>
      </c>
      <c r="X15505">
        <v>23</v>
      </c>
      <c r="Y15505">
        <v>23</v>
      </c>
      <c r="Z15505">
        <v>23</v>
      </c>
      <c r="AA15505">
        <v>23</v>
      </c>
      <c r="AB15505">
        <v>23</v>
      </c>
      <c r="AC15505">
        <v>23</v>
      </c>
      <c r="AD15505">
        <v>23</v>
      </c>
      <c r="AE15505">
        <v>23</v>
      </c>
      <c r="AF15505">
        <v>23</v>
      </c>
      <c r="AG15505">
        <v>23</v>
      </c>
      <c r="AH15505">
        <v>23</v>
      </c>
      <c r="AI15505">
        <v>23</v>
      </c>
      <c r="AJ15505">
        <v>23</v>
      </c>
      <c r="AK15505">
        <v>23</v>
      </c>
      <c r="AL15505">
        <v>23</v>
      </c>
      <c r="AM15505">
        <v>23</v>
      </c>
      <c r="AN15505">
        <v>23</v>
      </c>
      <c r="AO15505">
        <v>23</v>
      </c>
      <c r="AP15505">
        <v>23</v>
      </c>
      <c r="AQ15505">
        <v>22</v>
      </c>
    </row>
    <row r="15506" spans="1:43">
      <c r="A15506" t="s">
        <v>9630</v>
      </c>
      <c r="B15506" t="s">
        <v>9631</v>
      </c>
      <c r="C15506" t="s">
        <v>9620</v>
      </c>
      <c r="D15506" t="s">
        <v>9621</v>
      </c>
      <c r="E15506" t="s">
        <v>9544</v>
      </c>
      <c r="F15506" t="s">
        <v>9545</v>
      </c>
      <c r="G15506" t="s">
        <v>80</v>
      </c>
      <c r="H15506" t="s">
        <v>81</v>
      </c>
      <c r="I15506" s="2">
        <v>0</v>
      </c>
      <c r="J15506" s="2">
        <v>1</v>
      </c>
      <c r="K15506" s="2">
        <v>0</v>
      </c>
      <c r="L15506" t="s">
        <v>82</v>
      </c>
      <c r="M15506" t="s">
        <v>83</v>
      </c>
      <c r="N15506" t="s">
        <v>84</v>
      </c>
      <c r="O15506" t="s">
        <v>85</v>
      </c>
      <c r="P15506" t="s">
        <v>86</v>
      </c>
      <c r="Q15506">
        <v>58</v>
      </c>
      <c r="R15506">
        <v>58</v>
      </c>
      <c r="S15506">
        <v>59</v>
      </c>
      <c r="T15506">
        <v>59</v>
      </c>
      <c r="U15506">
        <v>59</v>
      </c>
      <c r="V15506">
        <v>60</v>
      </c>
      <c r="W15506">
        <v>60</v>
      </c>
      <c r="X15506">
        <v>60</v>
      </c>
      <c r="Y15506">
        <v>61</v>
      </c>
      <c r="Z15506">
        <v>61</v>
      </c>
      <c r="AA15506">
        <v>61</v>
      </c>
      <c r="AB15506">
        <v>62</v>
      </c>
      <c r="AC15506">
        <v>62</v>
      </c>
      <c r="AD15506">
        <v>62</v>
      </c>
      <c r="AE15506">
        <v>62</v>
      </c>
      <c r="AF15506">
        <v>62</v>
      </c>
      <c r="AG15506">
        <v>63</v>
      </c>
      <c r="AH15506">
        <v>63</v>
      </c>
      <c r="AI15506">
        <v>63</v>
      </c>
      <c r="AJ15506">
        <v>63</v>
      </c>
      <c r="AK15506">
        <v>63</v>
      </c>
      <c r="AL15506">
        <v>63</v>
      </c>
      <c r="AM15506">
        <v>63</v>
      </c>
      <c r="AN15506">
        <v>62</v>
      </c>
      <c r="AO15506">
        <v>62</v>
      </c>
      <c r="AP15506">
        <v>61</v>
      </c>
      <c r="AQ15506">
        <v>61</v>
      </c>
    </row>
    <row r="15507" spans="1:43">
      <c r="A15507" t="s">
        <v>9630</v>
      </c>
      <c r="B15507" t="s">
        <v>9631</v>
      </c>
      <c r="C15507" t="s">
        <v>9620</v>
      </c>
      <c r="D15507" t="s">
        <v>9621</v>
      </c>
      <c r="E15507" t="s">
        <v>9544</v>
      </c>
      <c r="F15507" t="s">
        <v>9545</v>
      </c>
      <c r="G15507" t="s">
        <v>80</v>
      </c>
      <c r="H15507" t="s">
        <v>81</v>
      </c>
      <c r="I15507" s="2">
        <v>0</v>
      </c>
      <c r="J15507" s="2">
        <v>1</v>
      </c>
      <c r="K15507" s="2">
        <v>0</v>
      </c>
      <c r="L15507" t="s">
        <v>82</v>
      </c>
      <c r="M15507" t="s">
        <v>87</v>
      </c>
      <c r="N15507" t="s">
        <v>88</v>
      </c>
      <c r="O15507" t="s">
        <v>85</v>
      </c>
      <c r="P15507" t="s">
        <v>86</v>
      </c>
      <c r="Q15507">
        <v>58</v>
      </c>
      <c r="R15507">
        <v>58</v>
      </c>
      <c r="S15507">
        <v>58</v>
      </c>
      <c r="T15507">
        <v>58</v>
      </c>
      <c r="U15507">
        <v>58</v>
      </c>
      <c r="V15507">
        <v>58</v>
      </c>
      <c r="W15507">
        <v>57</v>
      </c>
      <c r="X15507">
        <v>57</v>
      </c>
      <c r="Y15507">
        <v>57</v>
      </c>
      <c r="Z15507">
        <v>57</v>
      </c>
      <c r="AA15507">
        <v>57</v>
      </c>
      <c r="AB15507">
        <v>57</v>
      </c>
      <c r="AC15507">
        <v>57</v>
      </c>
      <c r="AD15507">
        <v>56</v>
      </c>
      <c r="AE15507">
        <v>56</v>
      </c>
      <c r="AF15507">
        <v>56</v>
      </c>
      <c r="AG15507">
        <v>56</v>
      </c>
      <c r="AH15507">
        <v>56</v>
      </c>
      <c r="AI15507">
        <v>56</v>
      </c>
      <c r="AJ15507">
        <v>55</v>
      </c>
      <c r="AK15507">
        <v>55</v>
      </c>
      <c r="AL15507">
        <v>55</v>
      </c>
      <c r="AM15507">
        <v>55</v>
      </c>
      <c r="AN15507">
        <v>55</v>
      </c>
      <c r="AO15507">
        <v>54</v>
      </c>
      <c r="AP15507">
        <v>54</v>
      </c>
      <c r="AQ15507">
        <v>54</v>
      </c>
    </row>
    <row r="15508" spans="1:43">
      <c r="A15508" t="s">
        <v>9630</v>
      </c>
      <c r="B15508" t="s">
        <v>9631</v>
      </c>
      <c r="C15508" t="s">
        <v>9620</v>
      </c>
      <c r="D15508" t="s">
        <v>9621</v>
      </c>
      <c r="E15508" t="s">
        <v>9544</v>
      </c>
      <c r="F15508" t="s">
        <v>9545</v>
      </c>
      <c r="G15508" t="s">
        <v>80</v>
      </c>
      <c r="H15508" t="s">
        <v>81</v>
      </c>
      <c r="I15508" s="2">
        <v>0</v>
      </c>
      <c r="J15508" s="2">
        <v>1</v>
      </c>
      <c r="K15508" s="2">
        <v>0</v>
      </c>
      <c r="L15508" t="s">
        <v>82</v>
      </c>
      <c r="M15508" t="s">
        <v>89</v>
      </c>
      <c r="N15508" t="s">
        <v>90</v>
      </c>
      <c r="O15508" t="s">
        <v>85</v>
      </c>
      <c r="P15508" t="s">
        <v>86</v>
      </c>
      <c r="Q15508">
        <v>58</v>
      </c>
      <c r="R15508">
        <v>59</v>
      </c>
      <c r="S15508">
        <v>60</v>
      </c>
      <c r="T15508">
        <v>61</v>
      </c>
      <c r="U15508">
        <v>62</v>
      </c>
      <c r="V15508">
        <v>62</v>
      </c>
      <c r="W15508">
        <v>63</v>
      </c>
      <c r="X15508">
        <v>64</v>
      </c>
      <c r="Y15508">
        <v>64</v>
      </c>
      <c r="Z15508">
        <v>65</v>
      </c>
      <c r="AA15508">
        <v>65</v>
      </c>
      <c r="AB15508">
        <v>66</v>
      </c>
      <c r="AC15508">
        <v>66</v>
      </c>
      <c r="AD15508">
        <v>67</v>
      </c>
      <c r="AE15508">
        <v>67</v>
      </c>
      <c r="AF15508">
        <v>66</v>
      </c>
      <c r="AG15508">
        <v>66</v>
      </c>
      <c r="AH15508">
        <v>65</v>
      </c>
      <c r="AI15508">
        <v>65</v>
      </c>
      <c r="AJ15508">
        <v>64</v>
      </c>
      <c r="AK15508">
        <v>64</v>
      </c>
      <c r="AL15508">
        <v>64</v>
      </c>
      <c r="AM15508">
        <v>63</v>
      </c>
      <c r="AN15508">
        <v>63</v>
      </c>
      <c r="AO15508">
        <v>62</v>
      </c>
      <c r="AP15508">
        <v>62</v>
      </c>
      <c r="AQ15508">
        <v>61</v>
      </c>
    </row>
    <row r="15509" spans="1:43">
      <c r="A15509" t="s">
        <v>9630</v>
      </c>
      <c r="B15509" t="s">
        <v>9631</v>
      </c>
      <c r="C15509" t="s">
        <v>9620</v>
      </c>
      <c r="D15509" t="s">
        <v>9621</v>
      </c>
      <c r="E15509" t="s">
        <v>9544</v>
      </c>
      <c r="F15509" t="s">
        <v>9545</v>
      </c>
      <c r="G15509" t="s">
        <v>80</v>
      </c>
      <c r="H15509" t="s">
        <v>81</v>
      </c>
      <c r="I15509" s="2">
        <v>0</v>
      </c>
      <c r="J15509" s="2">
        <v>1</v>
      </c>
      <c r="K15509" s="2">
        <v>0</v>
      </c>
      <c r="L15509" t="s">
        <v>82</v>
      </c>
      <c r="M15509" t="s">
        <v>83</v>
      </c>
      <c r="N15509" t="s">
        <v>91</v>
      </c>
      <c r="O15509" t="s">
        <v>85</v>
      </c>
      <c r="P15509" t="s">
        <v>86</v>
      </c>
      <c r="Q15509">
        <v>58</v>
      </c>
      <c r="R15509">
        <v>58</v>
      </c>
      <c r="S15509">
        <v>59</v>
      </c>
      <c r="T15509">
        <v>59</v>
      </c>
      <c r="U15509">
        <v>59</v>
      </c>
      <c r="V15509">
        <v>60</v>
      </c>
      <c r="W15509">
        <v>60</v>
      </c>
      <c r="X15509">
        <v>60</v>
      </c>
      <c r="Y15509">
        <v>61</v>
      </c>
      <c r="Z15509">
        <v>61</v>
      </c>
      <c r="AA15509">
        <v>61</v>
      </c>
      <c r="AB15509">
        <v>62</v>
      </c>
      <c r="AC15509">
        <v>62</v>
      </c>
      <c r="AD15509">
        <v>62</v>
      </c>
      <c r="AE15509">
        <v>62</v>
      </c>
      <c r="AF15509">
        <v>62</v>
      </c>
      <c r="AG15509">
        <v>63</v>
      </c>
      <c r="AH15509">
        <v>63</v>
      </c>
      <c r="AI15509">
        <v>63</v>
      </c>
      <c r="AJ15509">
        <v>63</v>
      </c>
      <c r="AK15509">
        <v>63</v>
      </c>
      <c r="AL15509">
        <v>63</v>
      </c>
      <c r="AM15509">
        <v>63</v>
      </c>
      <c r="AN15509">
        <v>62</v>
      </c>
      <c r="AO15509">
        <v>62</v>
      </c>
      <c r="AP15509">
        <v>61</v>
      </c>
      <c r="AQ15509">
        <v>61</v>
      </c>
    </row>
    <row r="15510" spans="1:43">
      <c r="A15510" t="s">
        <v>9632</v>
      </c>
      <c r="B15510" t="s">
        <v>9633</v>
      </c>
      <c r="C15510" t="s">
        <v>9634</v>
      </c>
      <c r="D15510" t="s">
        <v>9635</v>
      </c>
      <c r="E15510" t="s">
        <v>9544</v>
      </c>
      <c r="F15510" t="s">
        <v>9545</v>
      </c>
      <c r="G15510" t="s">
        <v>80</v>
      </c>
      <c r="H15510" t="s">
        <v>81</v>
      </c>
      <c r="I15510" s="2">
        <v>0</v>
      </c>
      <c r="J15510" s="2">
        <v>1</v>
      </c>
      <c r="K15510" s="2">
        <v>0</v>
      </c>
      <c r="L15510" t="s">
        <v>82</v>
      </c>
      <c r="M15510" t="s">
        <v>83</v>
      </c>
      <c r="N15510" t="s">
        <v>84</v>
      </c>
      <c r="O15510" t="s">
        <v>85</v>
      </c>
      <c r="P15510" t="s">
        <v>86</v>
      </c>
      <c r="Q15510">
        <v>171</v>
      </c>
      <c r="R15510">
        <v>172</v>
      </c>
      <c r="S15510">
        <v>173</v>
      </c>
      <c r="T15510">
        <v>174</v>
      </c>
      <c r="U15510">
        <v>175</v>
      </c>
      <c r="V15510">
        <v>176</v>
      </c>
      <c r="W15510">
        <v>177</v>
      </c>
      <c r="X15510">
        <v>178</v>
      </c>
      <c r="Y15510">
        <v>179</v>
      </c>
      <c r="Z15510">
        <v>180</v>
      </c>
      <c r="AA15510">
        <v>181</v>
      </c>
      <c r="AB15510">
        <v>181</v>
      </c>
      <c r="AC15510">
        <v>182</v>
      </c>
      <c r="AD15510">
        <v>182</v>
      </c>
      <c r="AE15510">
        <v>183</v>
      </c>
      <c r="AF15510">
        <v>183</v>
      </c>
      <c r="AG15510">
        <v>184</v>
      </c>
      <c r="AH15510">
        <v>184</v>
      </c>
      <c r="AI15510">
        <v>185</v>
      </c>
      <c r="AJ15510">
        <v>185</v>
      </c>
      <c r="AK15510">
        <v>185</v>
      </c>
      <c r="AL15510">
        <v>184</v>
      </c>
      <c r="AM15510">
        <v>183</v>
      </c>
      <c r="AN15510">
        <v>182</v>
      </c>
      <c r="AO15510">
        <v>180</v>
      </c>
      <c r="AP15510">
        <v>179</v>
      </c>
      <c r="AQ15510">
        <v>177</v>
      </c>
    </row>
    <row r="15511" spans="1:43">
      <c r="A15511" t="s">
        <v>9632</v>
      </c>
      <c r="B15511" t="s">
        <v>9633</v>
      </c>
      <c r="C15511" t="s">
        <v>9634</v>
      </c>
      <c r="D15511" t="s">
        <v>9635</v>
      </c>
      <c r="E15511" t="s">
        <v>9544</v>
      </c>
      <c r="F15511" t="s">
        <v>9545</v>
      </c>
      <c r="G15511" t="s">
        <v>80</v>
      </c>
      <c r="H15511" t="s">
        <v>81</v>
      </c>
      <c r="I15511" s="2">
        <v>0</v>
      </c>
      <c r="J15511" s="2">
        <v>1</v>
      </c>
      <c r="K15511" s="2">
        <v>0</v>
      </c>
      <c r="L15511" t="s">
        <v>82</v>
      </c>
      <c r="M15511" t="s">
        <v>87</v>
      </c>
      <c r="N15511" t="s">
        <v>88</v>
      </c>
      <c r="O15511" t="s">
        <v>85</v>
      </c>
      <c r="P15511" t="s">
        <v>86</v>
      </c>
      <c r="Q15511">
        <v>171</v>
      </c>
      <c r="R15511">
        <v>170</v>
      </c>
      <c r="S15511">
        <v>170</v>
      </c>
      <c r="T15511">
        <v>169</v>
      </c>
      <c r="U15511">
        <v>169</v>
      </c>
      <c r="V15511">
        <v>168</v>
      </c>
      <c r="W15511">
        <v>168</v>
      </c>
      <c r="X15511">
        <v>167</v>
      </c>
      <c r="Y15511">
        <v>166</v>
      </c>
      <c r="Z15511">
        <v>166</v>
      </c>
      <c r="AA15511">
        <v>165</v>
      </c>
      <c r="AB15511">
        <v>165</v>
      </c>
      <c r="AC15511">
        <v>164</v>
      </c>
      <c r="AD15511">
        <v>164</v>
      </c>
      <c r="AE15511">
        <v>163</v>
      </c>
      <c r="AF15511">
        <v>162</v>
      </c>
      <c r="AG15511">
        <v>162</v>
      </c>
      <c r="AH15511">
        <v>161</v>
      </c>
      <c r="AI15511">
        <v>160</v>
      </c>
      <c r="AJ15511">
        <v>160</v>
      </c>
      <c r="AK15511">
        <v>159</v>
      </c>
      <c r="AL15511">
        <v>158</v>
      </c>
      <c r="AM15511">
        <v>158</v>
      </c>
      <c r="AN15511">
        <v>157</v>
      </c>
      <c r="AO15511">
        <v>156</v>
      </c>
      <c r="AP15511">
        <v>156</v>
      </c>
      <c r="AQ15511">
        <v>155</v>
      </c>
    </row>
    <row r="15512" spans="1:43">
      <c r="A15512" t="s">
        <v>9632</v>
      </c>
      <c r="B15512" t="s">
        <v>9633</v>
      </c>
      <c r="C15512" t="s">
        <v>9634</v>
      </c>
      <c r="D15512" t="s">
        <v>9635</v>
      </c>
      <c r="E15512" t="s">
        <v>9544</v>
      </c>
      <c r="F15512" t="s">
        <v>9545</v>
      </c>
      <c r="G15512" t="s">
        <v>80</v>
      </c>
      <c r="H15512" t="s">
        <v>81</v>
      </c>
      <c r="I15512" s="2">
        <v>0</v>
      </c>
      <c r="J15512" s="2">
        <v>1</v>
      </c>
      <c r="K15512" s="2">
        <v>0</v>
      </c>
      <c r="L15512" t="s">
        <v>82</v>
      </c>
      <c r="M15512" t="s">
        <v>89</v>
      </c>
      <c r="N15512" t="s">
        <v>90</v>
      </c>
      <c r="O15512" t="s">
        <v>85</v>
      </c>
      <c r="P15512" t="s">
        <v>86</v>
      </c>
      <c r="Q15512">
        <v>171</v>
      </c>
      <c r="R15512">
        <v>173</v>
      </c>
      <c r="S15512">
        <v>176</v>
      </c>
      <c r="T15512">
        <v>178</v>
      </c>
      <c r="U15512">
        <v>180</v>
      </c>
      <c r="V15512">
        <v>182</v>
      </c>
      <c r="W15512">
        <v>184</v>
      </c>
      <c r="X15512">
        <v>186</v>
      </c>
      <c r="Y15512">
        <v>188</v>
      </c>
      <c r="Z15512">
        <v>189</v>
      </c>
      <c r="AA15512">
        <v>190</v>
      </c>
      <c r="AB15512">
        <v>191</v>
      </c>
      <c r="AC15512">
        <v>193</v>
      </c>
      <c r="AD15512">
        <v>194</v>
      </c>
      <c r="AE15512">
        <v>194</v>
      </c>
      <c r="AF15512">
        <v>193</v>
      </c>
      <c r="AG15512">
        <v>191</v>
      </c>
      <c r="AH15512">
        <v>190</v>
      </c>
      <c r="AI15512">
        <v>188</v>
      </c>
      <c r="AJ15512">
        <v>187</v>
      </c>
      <c r="AK15512">
        <v>185</v>
      </c>
      <c r="AL15512">
        <v>184</v>
      </c>
      <c r="AM15512">
        <v>183</v>
      </c>
      <c r="AN15512">
        <v>181</v>
      </c>
      <c r="AO15512">
        <v>180</v>
      </c>
      <c r="AP15512">
        <v>178</v>
      </c>
      <c r="AQ15512">
        <v>177</v>
      </c>
    </row>
    <row r="15513" spans="1:43">
      <c r="A15513" t="s">
        <v>9632</v>
      </c>
      <c r="B15513" t="s">
        <v>9633</v>
      </c>
      <c r="C15513" t="s">
        <v>9634</v>
      </c>
      <c r="D15513" t="s">
        <v>9635</v>
      </c>
      <c r="E15513" t="s">
        <v>9544</v>
      </c>
      <c r="F15513" t="s">
        <v>9545</v>
      </c>
      <c r="G15513" t="s">
        <v>80</v>
      </c>
      <c r="H15513" t="s">
        <v>81</v>
      </c>
      <c r="I15513" s="2">
        <v>0</v>
      </c>
      <c r="J15513" s="2">
        <v>1</v>
      </c>
      <c r="K15513" s="2">
        <v>0</v>
      </c>
      <c r="L15513" t="s">
        <v>82</v>
      </c>
      <c r="M15513" t="s">
        <v>83</v>
      </c>
      <c r="N15513" t="s">
        <v>91</v>
      </c>
      <c r="O15513" t="s">
        <v>85</v>
      </c>
      <c r="P15513" t="s">
        <v>86</v>
      </c>
      <c r="Q15513">
        <v>171</v>
      </c>
      <c r="R15513">
        <v>172</v>
      </c>
      <c r="S15513">
        <v>173</v>
      </c>
      <c r="T15513">
        <v>174</v>
      </c>
      <c r="U15513">
        <v>175</v>
      </c>
      <c r="V15513">
        <v>176</v>
      </c>
      <c r="W15513">
        <v>177</v>
      </c>
      <c r="X15513">
        <v>178</v>
      </c>
      <c r="Y15513">
        <v>179</v>
      </c>
      <c r="Z15513">
        <v>180</v>
      </c>
      <c r="AA15513">
        <v>181</v>
      </c>
      <c r="AB15513">
        <v>181</v>
      </c>
      <c r="AC15513">
        <v>182</v>
      </c>
      <c r="AD15513">
        <v>182</v>
      </c>
      <c r="AE15513">
        <v>183</v>
      </c>
      <c r="AF15513">
        <v>183</v>
      </c>
      <c r="AG15513">
        <v>184</v>
      </c>
      <c r="AH15513">
        <v>184</v>
      </c>
      <c r="AI15513">
        <v>185</v>
      </c>
      <c r="AJ15513">
        <v>185</v>
      </c>
      <c r="AK15513">
        <v>185</v>
      </c>
      <c r="AL15513">
        <v>184</v>
      </c>
      <c r="AM15513">
        <v>183</v>
      </c>
      <c r="AN15513">
        <v>182</v>
      </c>
      <c r="AO15513">
        <v>180</v>
      </c>
      <c r="AP15513">
        <v>179</v>
      </c>
      <c r="AQ15513">
        <v>177</v>
      </c>
    </row>
    <row r="15514" spans="1:43">
      <c r="A15514" t="s">
        <v>9636</v>
      </c>
      <c r="B15514" t="s">
        <v>9637</v>
      </c>
      <c r="C15514" t="s">
        <v>9620</v>
      </c>
      <c r="D15514" t="s">
        <v>9621</v>
      </c>
      <c r="E15514" t="s">
        <v>9544</v>
      </c>
      <c r="F15514" t="s">
        <v>9545</v>
      </c>
      <c r="G15514" t="s">
        <v>80</v>
      </c>
      <c r="H15514" t="s">
        <v>81</v>
      </c>
      <c r="I15514" s="2">
        <v>0</v>
      </c>
      <c r="J15514" s="2">
        <v>1</v>
      </c>
      <c r="K15514" s="2">
        <v>0</v>
      </c>
      <c r="L15514" t="s">
        <v>82</v>
      </c>
      <c r="M15514" t="s">
        <v>83</v>
      </c>
      <c r="N15514" t="s">
        <v>84</v>
      </c>
      <c r="O15514" t="s">
        <v>85</v>
      </c>
      <c r="P15514" t="s">
        <v>86</v>
      </c>
      <c r="Q15514">
        <v>144</v>
      </c>
      <c r="R15514">
        <v>145</v>
      </c>
      <c r="S15514">
        <v>145</v>
      </c>
      <c r="T15514">
        <v>146</v>
      </c>
      <c r="U15514">
        <v>147</v>
      </c>
      <c r="V15514">
        <v>148</v>
      </c>
      <c r="W15514">
        <v>149</v>
      </c>
      <c r="X15514">
        <v>149</v>
      </c>
      <c r="Y15514">
        <v>150</v>
      </c>
      <c r="Z15514">
        <v>151</v>
      </c>
      <c r="AA15514">
        <v>151</v>
      </c>
      <c r="AB15514">
        <v>152</v>
      </c>
      <c r="AC15514">
        <v>152</v>
      </c>
      <c r="AD15514">
        <v>153</v>
      </c>
      <c r="AE15514">
        <v>153</v>
      </c>
      <c r="AF15514">
        <v>154</v>
      </c>
      <c r="AG15514">
        <v>154</v>
      </c>
      <c r="AH15514">
        <v>154</v>
      </c>
      <c r="AI15514">
        <v>155</v>
      </c>
      <c r="AJ15514">
        <v>155</v>
      </c>
      <c r="AK15514">
        <v>155</v>
      </c>
      <c r="AL15514">
        <v>154</v>
      </c>
      <c r="AM15514">
        <v>153</v>
      </c>
      <c r="AN15514">
        <v>152</v>
      </c>
      <c r="AO15514">
        <v>151</v>
      </c>
      <c r="AP15514">
        <v>150</v>
      </c>
      <c r="AQ15514">
        <v>148</v>
      </c>
    </row>
    <row r="15515" spans="1:43">
      <c r="A15515" t="s">
        <v>9636</v>
      </c>
      <c r="B15515" t="s">
        <v>9637</v>
      </c>
      <c r="C15515" t="s">
        <v>9620</v>
      </c>
      <c r="D15515" t="s">
        <v>9621</v>
      </c>
      <c r="E15515" t="s">
        <v>9544</v>
      </c>
      <c r="F15515" t="s">
        <v>9545</v>
      </c>
      <c r="G15515" t="s">
        <v>80</v>
      </c>
      <c r="H15515" t="s">
        <v>81</v>
      </c>
      <c r="I15515" s="2">
        <v>0</v>
      </c>
      <c r="J15515" s="2">
        <v>1</v>
      </c>
      <c r="K15515" s="2">
        <v>0</v>
      </c>
      <c r="L15515" t="s">
        <v>82</v>
      </c>
      <c r="M15515" t="s">
        <v>87</v>
      </c>
      <c r="N15515" t="s">
        <v>88</v>
      </c>
      <c r="O15515" t="s">
        <v>85</v>
      </c>
      <c r="P15515" t="s">
        <v>86</v>
      </c>
      <c r="Q15515">
        <v>144</v>
      </c>
      <c r="R15515">
        <v>144</v>
      </c>
      <c r="S15515">
        <v>144</v>
      </c>
      <c r="T15515">
        <v>143</v>
      </c>
      <c r="U15515">
        <v>143</v>
      </c>
      <c r="V15515">
        <v>142</v>
      </c>
      <c r="W15515">
        <v>142</v>
      </c>
      <c r="X15515">
        <v>141</v>
      </c>
      <c r="Y15515">
        <v>141</v>
      </c>
      <c r="Z15515">
        <v>140</v>
      </c>
      <c r="AA15515">
        <v>140</v>
      </c>
      <c r="AB15515">
        <v>139</v>
      </c>
      <c r="AC15515">
        <v>139</v>
      </c>
      <c r="AD15515">
        <v>138</v>
      </c>
      <c r="AE15515">
        <v>138</v>
      </c>
      <c r="AF15515">
        <v>137</v>
      </c>
      <c r="AG15515">
        <v>136</v>
      </c>
      <c r="AH15515">
        <v>136</v>
      </c>
      <c r="AI15515">
        <v>135</v>
      </c>
      <c r="AJ15515">
        <v>135</v>
      </c>
      <c r="AK15515">
        <v>134</v>
      </c>
      <c r="AL15515">
        <v>133</v>
      </c>
      <c r="AM15515">
        <v>133</v>
      </c>
      <c r="AN15515">
        <v>132</v>
      </c>
      <c r="AO15515">
        <v>132</v>
      </c>
      <c r="AP15515">
        <v>131</v>
      </c>
      <c r="AQ15515">
        <v>130</v>
      </c>
    </row>
    <row r="15516" spans="1:43">
      <c r="A15516" t="s">
        <v>9636</v>
      </c>
      <c r="B15516" t="s">
        <v>9637</v>
      </c>
      <c r="C15516" t="s">
        <v>9620</v>
      </c>
      <c r="D15516" t="s">
        <v>9621</v>
      </c>
      <c r="E15516" t="s">
        <v>9544</v>
      </c>
      <c r="F15516" t="s">
        <v>9545</v>
      </c>
      <c r="G15516" t="s">
        <v>80</v>
      </c>
      <c r="H15516" t="s">
        <v>81</v>
      </c>
      <c r="I15516" s="2">
        <v>0</v>
      </c>
      <c r="J15516" s="2">
        <v>1</v>
      </c>
      <c r="K15516" s="2">
        <v>0</v>
      </c>
      <c r="L15516" t="s">
        <v>82</v>
      </c>
      <c r="M15516" t="s">
        <v>89</v>
      </c>
      <c r="N15516" t="s">
        <v>90</v>
      </c>
      <c r="O15516" t="s">
        <v>85</v>
      </c>
      <c r="P15516" t="s">
        <v>86</v>
      </c>
      <c r="Q15516">
        <v>144</v>
      </c>
      <c r="R15516">
        <v>146</v>
      </c>
      <c r="S15516">
        <v>148</v>
      </c>
      <c r="T15516">
        <v>150</v>
      </c>
      <c r="U15516">
        <v>152</v>
      </c>
      <c r="V15516">
        <v>154</v>
      </c>
      <c r="W15516">
        <v>155</v>
      </c>
      <c r="X15516">
        <v>157</v>
      </c>
      <c r="Y15516">
        <v>158</v>
      </c>
      <c r="Z15516">
        <v>159</v>
      </c>
      <c r="AA15516">
        <v>160</v>
      </c>
      <c r="AB15516">
        <v>161</v>
      </c>
      <c r="AC15516">
        <v>162</v>
      </c>
      <c r="AD15516">
        <v>163</v>
      </c>
      <c r="AE15516">
        <v>163</v>
      </c>
      <c r="AF15516">
        <v>162</v>
      </c>
      <c r="AG15516">
        <v>161</v>
      </c>
      <c r="AH15516">
        <v>160</v>
      </c>
      <c r="AI15516">
        <v>158</v>
      </c>
      <c r="AJ15516">
        <v>157</v>
      </c>
      <c r="AK15516">
        <v>156</v>
      </c>
      <c r="AL15516">
        <v>155</v>
      </c>
      <c r="AM15516">
        <v>154</v>
      </c>
      <c r="AN15516">
        <v>152</v>
      </c>
      <c r="AO15516">
        <v>151</v>
      </c>
      <c r="AP15516">
        <v>150</v>
      </c>
      <c r="AQ15516">
        <v>149</v>
      </c>
    </row>
    <row r="15517" spans="1:43">
      <c r="A15517" t="s">
        <v>9636</v>
      </c>
      <c r="B15517" t="s">
        <v>9637</v>
      </c>
      <c r="C15517" t="s">
        <v>9620</v>
      </c>
      <c r="D15517" t="s">
        <v>9621</v>
      </c>
      <c r="E15517" t="s">
        <v>9544</v>
      </c>
      <c r="F15517" t="s">
        <v>9545</v>
      </c>
      <c r="G15517" t="s">
        <v>80</v>
      </c>
      <c r="H15517" t="s">
        <v>81</v>
      </c>
      <c r="I15517" s="2">
        <v>0</v>
      </c>
      <c r="J15517" s="2">
        <v>1</v>
      </c>
      <c r="K15517" s="2">
        <v>0</v>
      </c>
      <c r="L15517" t="s">
        <v>82</v>
      </c>
      <c r="M15517" t="s">
        <v>83</v>
      </c>
      <c r="N15517" t="s">
        <v>91</v>
      </c>
      <c r="O15517" t="s">
        <v>85</v>
      </c>
      <c r="P15517" t="s">
        <v>86</v>
      </c>
      <c r="Q15517">
        <v>144</v>
      </c>
      <c r="R15517">
        <v>145</v>
      </c>
      <c r="S15517">
        <v>145</v>
      </c>
      <c r="T15517">
        <v>146</v>
      </c>
      <c r="U15517">
        <v>147</v>
      </c>
      <c r="V15517">
        <v>148</v>
      </c>
      <c r="W15517">
        <v>149</v>
      </c>
      <c r="X15517">
        <v>149</v>
      </c>
      <c r="Y15517">
        <v>150</v>
      </c>
      <c r="Z15517">
        <v>151</v>
      </c>
      <c r="AA15517">
        <v>151</v>
      </c>
      <c r="AB15517">
        <v>152</v>
      </c>
      <c r="AC15517">
        <v>152</v>
      </c>
      <c r="AD15517">
        <v>153</v>
      </c>
      <c r="AE15517">
        <v>153</v>
      </c>
      <c r="AF15517">
        <v>154</v>
      </c>
      <c r="AG15517">
        <v>154</v>
      </c>
      <c r="AH15517">
        <v>154</v>
      </c>
      <c r="AI15517">
        <v>155</v>
      </c>
      <c r="AJ15517">
        <v>155</v>
      </c>
      <c r="AK15517">
        <v>155</v>
      </c>
      <c r="AL15517">
        <v>154</v>
      </c>
      <c r="AM15517">
        <v>153</v>
      </c>
      <c r="AN15517">
        <v>152</v>
      </c>
      <c r="AO15517">
        <v>151</v>
      </c>
      <c r="AP15517">
        <v>150</v>
      </c>
      <c r="AQ15517">
        <v>148</v>
      </c>
    </row>
    <row r="15518" spans="1:43">
      <c r="A15518" t="s">
        <v>9638</v>
      </c>
      <c r="B15518" t="s">
        <v>9639</v>
      </c>
      <c r="C15518" t="s">
        <v>9640</v>
      </c>
      <c r="D15518" t="s">
        <v>9641</v>
      </c>
      <c r="E15518" t="s">
        <v>9544</v>
      </c>
      <c r="F15518" t="s">
        <v>9545</v>
      </c>
      <c r="G15518" t="s">
        <v>80</v>
      </c>
      <c r="H15518" t="s">
        <v>81</v>
      </c>
      <c r="I15518" s="2">
        <v>0</v>
      </c>
      <c r="J15518" s="2">
        <v>1</v>
      </c>
      <c r="K15518" s="2">
        <v>0</v>
      </c>
      <c r="L15518" t="s">
        <v>82</v>
      </c>
      <c r="M15518" t="s">
        <v>83</v>
      </c>
      <c r="N15518" t="s">
        <v>84</v>
      </c>
      <c r="O15518" t="s">
        <v>85</v>
      </c>
      <c r="P15518" t="s">
        <v>86</v>
      </c>
      <c r="Q15518">
        <v>31</v>
      </c>
      <c r="R15518">
        <v>31</v>
      </c>
      <c r="S15518">
        <v>31</v>
      </c>
      <c r="T15518">
        <v>32</v>
      </c>
      <c r="U15518">
        <v>32</v>
      </c>
      <c r="V15518">
        <v>32</v>
      </c>
      <c r="W15518">
        <v>32</v>
      </c>
      <c r="X15518">
        <v>33</v>
      </c>
      <c r="Y15518">
        <v>33</v>
      </c>
      <c r="Z15518">
        <v>33</v>
      </c>
      <c r="AA15518">
        <v>33</v>
      </c>
      <c r="AB15518">
        <v>33</v>
      </c>
      <c r="AC15518">
        <v>34</v>
      </c>
      <c r="AD15518">
        <v>34</v>
      </c>
      <c r="AE15518">
        <v>34</v>
      </c>
      <c r="AF15518">
        <v>34</v>
      </c>
      <c r="AG15518">
        <v>34</v>
      </c>
      <c r="AH15518">
        <v>34</v>
      </c>
      <c r="AI15518">
        <v>34</v>
      </c>
      <c r="AJ15518">
        <v>35</v>
      </c>
      <c r="AK15518">
        <v>35</v>
      </c>
      <c r="AL15518">
        <v>35</v>
      </c>
      <c r="AM15518">
        <v>34</v>
      </c>
      <c r="AN15518">
        <v>34</v>
      </c>
      <c r="AO15518">
        <v>34</v>
      </c>
      <c r="AP15518">
        <v>34</v>
      </c>
      <c r="AQ15518">
        <v>34</v>
      </c>
    </row>
    <row r="15519" spans="1:43">
      <c r="A15519" t="s">
        <v>9638</v>
      </c>
      <c r="B15519" t="s">
        <v>9639</v>
      </c>
      <c r="C15519" t="s">
        <v>9640</v>
      </c>
      <c r="D15519" t="s">
        <v>9641</v>
      </c>
      <c r="E15519" t="s">
        <v>9544</v>
      </c>
      <c r="F15519" t="s">
        <v>9545</v>
      </c>
      <c r="G15519" t="s">
        <v>80</v>
      </c>
      <c r="H15519" t="s">
        <v>81</v>
      </c>
      <c r="I15519" s="2">
        <v>0</v>
      </c>
      <c r="J15519" s="2">
        <v>1</v>
      </c>
      <c r="K15519" s="2">
        <v>0</v>
      </c>
      <c r="L15519" t="s">
        <v>82</v>
      </c>
      <c r="M15519" t="s">
        <v>87</v>
      </c>
      <c r="N15519" t="s">
        <v>88</v>
      </c>
      <c r="O15519" t="s">
        <v>85</v>
      </c>
      <c r="P15519" t="s">
        <v>86</v>
      </c>
      <c r="Q15519">
        <v>31</v>
      </c>
      <c r="R15519">
        <v>31</v>
      </c>
      <c r="S15519">
        <v>31</v>
      </c>
      <c r="T15519">
        <v>31</v>
      </c>
      <c r="U15519">
        <v>30</v>
      </c>
      <c r="V15519">
        <v>30</v>
      </c>
      <c r="W15519">
        <v>30</v>
      </c>
      <c r="X15519">
        <v>30</v>
      </c>
      <c r="Y15519">
        <v>30</v>
      </c>
      <c r="Z15519">
        <v>30</v>
      </c>
      <c r="AA15519">
        <v>30</v>
      </c>
      <c r="AB15519">
        <v>30</v>
      </c>
      <c r="AC15519">
        <v>30</v>
      </c>
      <c r="AD15519">
        <v>30</v>
      </c>
      <c r="AE15519">
        <v>30</v>
      </c>
      <c r="AF15519">
        <v>30</v>
      </c>
      <c r="AG15519">
        <v>30</v>
      </c>
      <c r="AH15519">
        <v>30</v>
      </c>
      <c r="AI15519">
        <v>30</v>
      </c>
      <c r="AJ15519">
        <v>30</v>
      </c>
      <c r="AK15519">
        <v>30</v>
      </c>
      <c r="AL15519">
        <v>30</v>
      </c>
      <c r="AM15519">
        <v>29</v>
      </c>
      <c r="AN15519">
        <v>29</v>
      </c>
      <c r="AO15519">
        <v>29</v>
      </c>
      <c r="AP15519">
        <v>29</v>
      </c>
      <c r="AQ15519">
        <v>29</v>
      </c>
    </row>
    <row r="15520" spans="1:43">
      <c r="A15520" t="s">
        <v>9638</v>
      </c>
      <c r="B15520" t="s">
        <v>9639</v>
      </c>
      <c r="C15520" t="s">
        <v>9640</v>
      </c>
      <c r="D15520" t="s">
        <v>9641</v>
      </c>
      <c r="E15520" t="s">
        <v>9544</v>
      </c>
      <c r="F15520" t="s">
        <v>9545</v>
      </c>
      <c r="G15520" t="s">
        <v>80</v>
      </c>
      <c r="H15520" t="s">
        <v>81</v>
      </c>
      <c r="I15520" s="2">
        <v>0</v>
      </c>
      <c r="J15520" s="2">
        <v>1</v>
      </c>
      <c r="K15520" s="2">
        <v>0</v>
      </c>
      <c r="L15520" t="s">
        <v>82</v>
      </c>
      <c r="M15520" t="s">
        <v>89</v>
      </c>
      <c r="N15520" t="s">
        <v>90</v>
      </c>
      <c r="O15520" t="s">
        <v>85</v>
      </c>
      <c r="P15520" t="s">
        <v>86</v>
      </c>
      <c r="Q15520">
        <v>31</v>
      </c>
      <c r="R15520">
        <v>32</v>
      </c>
      <c r="S15520">
        <v>32</v>
      </c>
      <c r="T15520">
        <v>33</v>
      </c>
      <c r="U15520">
        <v>33</v>
      </c>
      <c r="V15520">
        <v>34</v>
      </c>
      <c r="W15520">
        <v>34</v>
      </c>
      <c r="X15520">
        <v>34</v>
      </c>
      <c r="Y15520">
        <v>35</v>
      </c>
      <c r="Z15520">
        <v>35</v>
      </c>
      <c r="AA15520">
        <v>35</v>
      </c>
      <c r="AB15520">
        <v>36</v>
      </c>
      <c r="AC15520">
        <v>36</v>
      </c>
      <c r="AD15520">
        <v>36</v>
      </c>
      <c r="AE15520">
        <v>36</v>
      </c>
      <c r="AF15520">
        <v>36</v>
      </c>
      <c r="AG15520">
        <v>36</v>
      </c>
      <c r="AH15520">
        <v>36</v>
      </c>
      <c r="AI15520">
        <v>36</v>
      </c>
      <c r="AJ15520">
        <v>35</v>
      </c>
      <c r="AK15520">
        <v>35</v>
      </c>
      <c r="AL15520">
        <v>35</v>
      </c>
      <c r="AM15520">
        <v>35</v>
      </c>
      <c r="AN15520">
        <v>35</v>
      </c>
      <c r="AO15520">
        <v>35</v>
      </c>
      <c r="AP15520">
        <v>34</v>
      </c>
      <c r="AQ15520">
        <v>34</v>
      </c>
    </row>
    <row r="15521" spans="1:43">
      <c r="A15521" t="s">
        <v>9638</v>
      </c>
      <c r="B15521" t="s">
        <v>9639</v>
      </c>
      <c r="C15521" t="s">
        <v>9640</v>
      </c>
      <c r="D15521" t="s">
        <v>9641</v>
      </c>
      <c r="E15521" t="s">
        <v>9544</v>
      </c>
      <c r="F15521" t="s">
        <v>9545</v>
      </c>
      <c r="G15521" t="s">
        <v>80</v>
      </c>
      <c r="H15521" t="s">
        <v>81</v>
      </c>
      <c r="I15521" s="2">
        <v>0</v>
      </c>
      <c r="J15521" s="2">
        <v>1</v>
      </c>
      <c r="K15521" s="2">
        <v>0</v>
      </c>
      <c r="L15521" t="s">
        <v>82</v>
      </c>
      <c r="M15521" t="s">
        <v>83</v>
      </c>
      <c r="N15521" t="s">
        <v>91</v>
      </c>
      <c r="O15521" t="s">
        <v>85</v>
      </c>
      <c r="P15521" t="s">
        <v>86</v>
      </c>
      <c r="Q15521">
        <v>31</v>
      </c>
      <c r="R15521">
        <v>31</v>
      </c>
      <c r="S15521">
        <v>31</v>
      </c>
      <c r="T15521">
        <v>32</v>
      </c>
      <c r="U15521">
        <v>32</v>
      </c>
      <c r="V15521">
        <v>32</v>
      </c>
      <c r="W15521">
        <v>32</v>
      </c>
      <c r="X15521">
        <v>33</v>
      </c>
      <c r="Y15521">
        <v>33</v>
      </c>
      <c r="Z15521">
        <v>33</v>
      </c>
      <c r="AA15521">
        <v>33</v>
      </c>
      <c r="AB15521">
        <v>33</v>
      </c>
      <c r="AC15521">
        <v>34</v>
      </c>
      <c r="AD15521">
        <v>34</v>
      </c>
      <c r="AE15521">
        <v>34</v>
      </c>
      <c r="AF15521">
        <v>34</v>
      </c>
      <c r="AG15521">
        <v>34</v>
      </c>
      <c r="AH15521">
        <v>34</v>
      </c>
      <c r="AI15521">
        <v>34</v>
      </c>
      <c r="AJ15521">
        <v>35</v>
      </c>
      <c r="AK15521">
        <v>35</v>
      </c>
      <c r="AL15521">
        <v>35</v>
      </c>
      <c r="AM15521">
        <v>34</v>
      </c>
      <c r="AN15521">
        <v>34</v>
      </c>
      <c r="AO15521">
        <v>34</v>
      </c>
      <c r="AP15521">
        <v>34</v>
      </c>
      <c r="AQ15521">
        <v>34</v>
      </c>
    </row>
    <row r="15522" spans="1:43">
      <c r="A15522" t="s">
        <v>9642</v>
      </c>
      <c r="B15522" t="s">
        <v>9643</v>
      </c>
      <c r="C15522" t="s">
        <v>9640</v>
      </c>
      <c r="D15522" t="s">
        <v>9641</v>
      </c>
      <c r="E15522" t="s">
        <v>9544</v>
      </c>
      <c r="F15522" t="s">
        <v>9545</v>
      </c>
      <c r="G15522" t="s">
        <v>80</v>
      </c>
      <c r="H15522" t="s">
        <v>81</v>
      </c>
      <c r="I15522" s="2">
        <v>0</v>
      </c>
      <c r="J15522" s="2">
        <v>1</v>
      </c>
      <c r="K15522" s="2">
        <v>0</v>
      </c>
      <c r="L15522" t="s">
        <v>82</v>
      </c>
      <c r="M15522" t="s">
        <v>83</v>
      </c>
      <c r="N15522" t="s">
        <v>84</v>
      </c>
      <c r="O15522" t="s">
        <v>85</v>
      </c>
      <c r="P15522" t="s">
        <v>86</v>
      </c>
      <c r="Q15522">
        <v>75</v>
      </c>
      <c r="R15522">
        <v>76</v>
      </c>
      <c r="S15522">
        <v>76</v>
      </c>
      <c r="T15522">
        <v>76</v>
      </c>
      <c r="U15522">
        <v>77</v>
      </c>
      <c r="V15522">
        <v>77</v>
      </c>
      <c r="W15522">
        <v>77</v>
      </c>
      <c r="X15522">
        <v>78</v>
      </c>
      <c r="Y15522">
        <v>78</v>
      </c>
      <c r="Z15522">
        <v>78</v>
      </c>
      <c r="AA15522">
        <v>79</v>
      </c>
      <c r="AB15522">
        <v>79</v>
      </c>
      <c r="AC15522">
        <v>79</v>
      </c>
      <c r="AD15522">
        <v>79</v>
      </c>
      <c r="AE15522">
        <v>80</v>
      </c>
      <c r="AF15522">
        <v>80</v>
      </c>
      <c r="AG15522">
        <v>80</v>
      </c>
      <c r="AH15522">
        <v>80</v>
      </c>
      <c r="AI15522">
        <v>80</v>
      </c>
      <c r="AJ15522">
        <v>80</v>
      </c>
      <c r="AK15522">
        <v>80</v>
      </c>
      <c r="AL15522">
        <v>80</v>
      </c>
      <c r="AM15522">
        <v>79</v>
      </c>
      <c r="AN15522">
        <v>79</v>
      </c>
      <c r="AO15522">
        <v>78</v>
      </c>
      <c r="AP15522">
        <v>77</v>
      </c>
      <c r="AQ15522">
        <v>77</v>
      </c>
    </row>
    <row r="15523" spans="1:43">
      <c r="A15523" t="s">
        <v>9642</v>
      </c>
      <c r="B15523" t="s">
        <v>9643</v>
      </c>
      <c r="C15523" t="s">
        <v>9640</v>
      </c>
      <c r="D15523" t="s">
        <v>9641</v>
      </c>
      <c r="E15523" t="s">
        <v>9544</v>
      </c>
      <c r="F15523" t="s">
        <v>9545</v>
      </c>
      <c r="G15523" t="s">
        <v>80</v>
      </c>
      <c r="H15523" t="s">
        <v>81</v>
      </c>
      <c r="I15523" s="2">
        <v>0</v>
      </c>
      <c r="J15523" s="2">
        <v>1</v>
      </c>
      <c r="K15523" s="2">
        <v>0</v>
      </c>
      <c r="L15523" t="s">
        <v>82</v>
      </c>
      <c r="M15523" t="s">
        <v>87</v>
      </c>
      <c r="N15523" t="s">
        <v>88</v>
      </c>
      <c r="O15523" t="s">
        <v>85</v>
      </c>
      <c r="P15523" t="s">
        <v>86</v>
      </c>
      <c r="Q15523">
        <v>75</v>
      </c>
      <c r="R15523">
        <v>75</v>
      </c>
      <c r="S15523">
        <v>75</v>
      </c>
      <c r="T15523">
        <v>75</v>
      </c>
      <c r="U15523">
        <v>74</v>
      </c>
      <c r="V15523">
        <v>74</v>
      </c>
      <c r="W15523">
        <v>74</v>
      </c>
      <c r="X15523">
        <v>73</v>
      </c>
      <c r="Y15523">
        <v>73</v>
      </c>
      <c r="Z15523">
        <v>73</v>
      </c>
      <c r="AA15523">
        <v>73</v>
      </c>
      <c r="AB15523">
        <v>72</v>
      </c>
      <c r="AC15523">
        <v>72</v>
      </c>
      <c r="AD15523">
        <v>72</v>
      </c>
      <c r="AE15523">
        <v>71</v>
      </c>
      <c r="AF15523">
        <v>71</v>
      </c>
      <c r="AG15523">
        <v>71</v>
      </c>
      <c r="AH15523">
        <v>70</v>
      </c>
      <c r="AI15523">
        <v>70</v>
      </c>
      <c r="AJ15523">
        <v>70</v>
      </c>
      <c r="AK15523">
        <v>69</v>
      </c>
      <c r="AL15523">
        <v>69</v>
      </c>
      <c r="AM15523">
        <v>69</v>
      </c>
      <c r="AN15523">
        <v>68</v>
      </c>
      <c r="AO15523">
        <v>68</v>
      </c>
      <c r="AP15523">
        <v>68</v>
      </c>
      <c r="AQ15523">
        <v>67</v>
      </c>
    </row>
    <row r="15524" spans="1:43">
      <c r="A15524" t="s">
        <v>9642</v>
      </c>
      <c r="B15524" t="s">
        <v>9643</v>
      </c>
      <c r="C15524" t="s">
        <v>9640</v>
      </c>
      <c r="D15524" t="s">
        <v>9641</v>
      </c>
      <c r="E15524" t="s">
        <v>9544</v>
      </c>
      <c r="F15524" t="s">
        <v>9545</v>
      </c>
      <c r="G15524" t="s">
        <v>80</v>
      </c>
      <c r="H15524" t="s">
        <v>81</v>
      </c>
      <c r="I15524" s="2">
        <v>0</v>
      </c>
      <c r="J15524" s="2">
        <v>1</v>
      </c>
      <c r="K15524" s="2">
        <v>0</v>
      </c>
      <c r="L15524" t="s">
        <v>82</v>
      </c>
      <c r="M15524" t="s">
        <v>89</v>
      </c>
      <c r="N15524" t="s">
        <v>90</v>
      </c>
      <c r="O15524" t="s">
        <v>85</v>
      </c>
      <c r="P15524" t="s">
        <v>86</v>
      </c>
      <c r="Q15524">
        <v>75</v>
      </c>
      <c r="R15524">
        <v>76</v>
      </c>
      <c r="S15524">
        <v>77</v>
      </c>
      <c r="T15524">
        <v>78</v>
      </c>
      <c r="U15524">
        <v>79</v>
      </c>
      <c r="V15524">
        <v>80</v>
      </c>
      <c r="W15524">
        <v>80</v>
      </c>
      <c r="X15524">
        <v>81</v>
      </c>
      <c r="Y15524">
        <v>82</v>
      </c>
      <c r="Z15524">
        <v>82</v>
      </c>
      <c r="AA15524">
        <v>83</v>
      </c>
      <c r="AB15524">
        <v>83</v>
      </c>
      <c r="AC15524">
        <v>84</v>
      </c>
      <c r="AD15524">
        <v>85</v>
      </c>
      <c r="AE15524">
        <v>85</v>
      </c>
      <c r="AF15524">
        <v>84</v>
      </c>
      <c r="AG15524">
        <v>83</v>
      </c>
      <c r="AH15524">
        <v>82</v>
      </c>
      <c r="AI15524">
        <v>82</v>
      </c>
      <c r="AJ15524">
        <v>81</v>
      </c>
      <c r="AK15524">
        <v>80</v>
      </c>
      <c r="AL15524">
        <v>80</v>
      </c>
      <c r="AM15524">
        <v>79</v>
      </c>
      <c r="AN15524">
        <v>78</v>
      </c>
      <c r="AO15524">
        <v>78</v>
      </c>
      <c r="AP15524">
        <v>77</v>
      </c>
      <c r="AQ15524">
        <v>76</v>
      </c>
    </row>
    <row r="15525" spans="1:43">
      <c r="A15525" t="s">
        <v>9642</v>
      </c>
      <c r="B15525" t="s">
        <v>9643</v>
      </c>
      <c r="C15525" t="s">
        <v>9640</v>
      </c>
      <c r="D15525" t="s">
        <v>9641</v>
      </c>
      <c r="E15525" t="s">
        <v>9544</v>
      </c>
      <c r="F15525" t="s">
        <v>9545</v>
      </c>
      <c r="G15525" t="s">
        <v>80</v>
      </c>
      <c r="H15525" t="s">
        <v>81</v>
      </c>
      <c r="I15525" s="2">
        <v>0</v>
      </c>
      <c r="J15525" s="2">
        <v>1</v>
      </c>
      <c r="K15525" s="2">
        <v>0</v>
      </c>
      <c r="L15525" t="s">
        <v>82</v>
      </c>
      <c r="M15525" t="s">
        <v>83</v>
      </c>
      <c r="N15525" t="s">
        <v>91</v>
      </c>
      <c r="O15525" t="s">
        <v>85</v>
      </c>
      <c r="P15525" t="s">
        <v>86</v>
      </c>
      <c r="Q15525">
        <v>75</v>
      </c>
      <c r="R15525">
        <v>76</v>
      </c>
      <c r="S15525">
        <v>76</v>
      </c>
      <c r="T15525">
        <v>76</v>
      </c>
      <c r="U15525">
        <v>77</v>
      </c>
      <c r="V15525">
        <v>77</v>
      </c>
      <c r="W15525">
        <v>77</v>
      </c>
      <c r="X15525">
        <v>78</v>
      </c>
      <c r="Y15525">
        <v>78</v>
      </c>
      <c r="Z15525">
        <v>78</v>
      </c>
      <c r="AA15525">
        <v>79</v>
      </c>
      <c r="AB15525">
        <v>79</v>
      </c>
      <c r="AC15525">
        <v>79</v>
      </c>
      <c r="AD15525">
        <v>79</v>
      </c>
      <c r="AE15525">
        <v>80</v>
      </c>
      <c r="AF15525">
        <v>80</v>
      </c>
      <c r="AG15525">
        <v>80</v>
      </c>
      <c r="AH15525">
        <v>80</v>
      </c>
      <c r="AI15525">
        <v>80</v>
      </c>
      <c r="AJ15525">
        <v>80</v>
      </c>
      <c r="AK15525">
        <v>80</v>
      </c>
      <c r="AL15525">
        <v>80</v>
      </c>
      <c r="AM15525">
        <v>79</v>
      </c>
      <c r="AN15525">
        <v>79</v>
      </c>
      <c r="AO15525">
        <v>78</v>
      </c>
      <c r="AP15525">
        <v>77</v>
      </c>
      <c r="AQ15525">
        <v>77</v>
      </c>
    </row>
    <row r="15526" spans="1:43">
      <c r="A15526" t="s">
        <v>9644</v>
      </c>
      <c r="B15526" t="s">
        <v>9645</v>
      </c>
      <c r="C15526" t="s">
        <v>9646</v>
      </c>
      <c r="D15526" t="s">
        <v>9647</v>
      </c>
      <c r="E15526" t="s">
        <v>9544</v>
      </c>
      <c r="F15526" t="s">
        <v>9545</v>
      </c>
      <c r="G15526" t="s">
        <v>80</v>
      </c>
      <c r="H15526" t="s">
        <v>81</v>
      </c>
      <c r="I15526" s="2">
        <v>0</v>
      </c>
      <c r="J15526" s="2">
        <v>1</v>
      </c>
      <c r="K15526" s="2">
        <v>0</v>
      </c>
      <c r="L15526" t="s">
        <v>82</v>
      </c>
      <c r="M15526" t="s">
        <v>83</v>
      </c>
      <c r="N15526" t="s">
        <v>84</v>
      </c>
      <c r="O15526" t="s">
        <v>85</v>
      </c>
      <c r="P15526" t="s">
        <v>86</v>
      </c>
      <c r="Q15526">
        <v>44</v>
      </c>
      <c r="R15526">
        <v>44</v>
      </c>
      <c r="S15526">
        <v>44</v>
      </c>
      <c r="T15526">
        <v>45</v>
      </c>
      <c r="U15526">
        <v>45</v>
      </c>
      <c r="V15526">
        <v>45</v>
      </c>
      <c r="W15526">
        <v>45</v>
      </c>
      <c r="X15526">
        <v>46</v>
      </c>
      <c r="Y15526">
        <v>46</v>
      </c>
      <c r="Z15526">
        <v>46</v>
      </c>
      <c r="AA15526">
        <v>46</v>
      </c>
      <c r="AB15526">
        <v>46</v>
      </c>
      <c r="AC15526">
        <v>46</v>
      </c>
      <c r="AD15526">
        <v>47</v>
      </c>
      <c r="AE15526">
        <v>47</v>
      </c>
      <c r="AF15526">
        <v>47</v>
      </c>
      <c r="AG15526">
        <v>47</v>
      </c>
      <c r="AH15526">
        <v>47</v>
      </c>
      <c r="AI15526">
        <v>47</v>
      </c>
      <c r="AJ15526">
        <v>47</v>
      </c>
      <c r="AK15526">
        <v>47</v>
      </c>
      <c r="AL15526">
        <v>47</v>
      </c>
      <c r="AM15526">
        <v>47</v>
      </c>
      <c r="AN15526">
        <v>46</v>
      </c>
      <c r="AO15526">
        <v>46</v>
      </c>
      <c r="AP15526">
        <v>46</v>
      </c>
      <c r="AQ15526">
        <v>45</v>
      </c>
    </row>
    <row r="15527" spans="1:43">
      <c r="A15527" t="s">
        <v>9644</v>
      </c>
      <c r="B15527" t="s">
        <v>9645</v>
      </c>
      <c r="C15527" t="s">
        <v>9646</v>
      </c>
      <c r="D15527" t="s">
        <v>9647</v>
      </c>
      <c r="E15527" t="s">
        <v>9544</v>
      </c>
      <c r="F15527" t="s">
        <v>9545</v>
      </c>
      <c r="G15527" t="s">
        <v>80</v>
      </c>
      <c r="H15527" t="s">
        <v>81</v>
      </c>
      <c r="I15527" s="2">
        <v>0</v>
      </c>
      <c r="J15527" s="2">
        <v>1</v>
      </c>
      <c r="K15527" s="2">
        <v>0</v>
      </c>
      <c r="L15527" t="s">
        <v>82</v>
      </c>
      <c r="M15527" t="s">
        <v>87</v>
      </c>
      <c r="N15527" t="s">
        <v>88</v>
      </c>
      <c r="O15527" t="s">
        <v>85</v>
      </c>
      <c r="P15527" t="s">
        <v>86</v>
      </c>
      <c r="Q15527">
        <v>44</v>
      </c>
      <c r="R15527">
        <v>43</v>
      </c>
      <c r="S15527">
        <v>43</v>
      </c>
      <c r="T15527">
        <v>43</v>
      </c>
      <c r="U15527">
        <v>43</v>
      </c>
      <c r="V15527">
        <v>43</v>
      </c>
      <c r="W15527">
        <v>43</v>
      </c>
      <c r="X15527">
        <v>43</v>
      </c>
      <c r="Y15527">
        <v>42</v>
      </c>
      <c r="Z15527">
        <v>42</v>
      </c>
      <c r="AA15527">
        <v>42</v>
      </c>
      <c r="AB15527">
        <v>42</v>
      </c>
      <c r="AC15527">
        <v>42</v>
      </c>
      <c r="AD15527">
        <v>42</v>
      </c>
      <c r="AE15527">
        <v>41</v>
      </c>
      <c r="AF15527">
        <v>41</v>
      </c>
      <c r="AG15527">
        <v>41</v>
      </c>
      <c r="AH15527">
        <v>41</v>
      </c>
      <c r="AI15527">
        <v>41</v>
      </c>
      <c r="AJ15527">
        <v>40</v>
      </c>
      <c r="AK15527">
        <v>40</v>
      </c>
      <c r="AL15527">
        <v>40</v>
      </c>
      <c r="AM15527">
        <v>40</v>
      </c>
      <c r="AN15527">
        <v>40</v>
      </c>
      <c r="AO15527">
        <v>40</v>
      </c>
      <c r="AP15527">
        <v>39</v>
      </c>
      <c r="AQ15527">
        <v>39</v>
      </c>
    </row>
    <row r="15528" spans="1:43">
      <c r="A15528" t="s">
        <v>9644</v>
      </c>
      <c r="B15528" t="s">
        <v>9645</v>
      </c>
      <c r="C15528" t="s">
        <v>9646</v>
      </c>
      <c r="D15528" t="s">
        <v>9647</v>
      </c>
      <c r="E15528" t="s">
        <v>9544</v>
      </c>
      <c r="F15528" t="s">
        <v>9545</v>
      </c>
      <c r="G15528" t="s">
        <v>80</v>
      </c>
      <c r="H15528" t="s">
        <v>81</v>
      </c>
      <c r="I15528" s="2">
        <v>0</v>
      </c>
      <c r="J15528" s="2">
        <v>1</v>
      </c>
      <c r="K15528" s="2">
        <v>0</v>
      </c>
      <c r="L15528" t="s">
        <v>82</v>
      </c>
      <c r="M15528" t="s">
        <v>89</v>
      </c>
      <c r="N15528" t="s">
        <v>90</v>
      </c>
      <c r="O15528" t="s">
        <v>85</v>
      </c>
      <c r="P15528" t="s">
        <v>86</v>
      </c>
      <c r="Q15528">
        <v>44</v>
      </c>
      <c r="R15528">
        <v>45</v>
      </c>
      <c r="S15528">
        <v>46</v>
      </c>
      <c r="T15528">
        <v>46</v>
      </c>
      <c r="U15528">
        <v>47</v>
      </c>
      <c r="V15528">
        <v>47</v>
      </c>
      <c r="W15528">
        <v>48</v>
      </c>
      <c r="X15528">
        <v>48</v>
      </c>
      <c r="Y15528">
        <v>49</v>
      </c>
      <c r="Z15528">
        <v>49</v>
      </c>
      <c r="AA15528">
        <v>49</v>
      </c>
      <c r="AB15528">
        <v>50</v>
      </c>
      <c r="AC15528">
        <v>50</v>
      </c>
      <c r="AD15528">
        <v>50</v>
      </c>
      <c r="AE15528">
        <v>50</v>
      </c>
      <c r="AF15528">
        <v>50</v>
      </c>
      <c r="AG15528">
        <v>49</v>
      </c>
      <c r="AH15528">
        <v>49</v>
      </c>
      <c r="AI15528">
        <v>49</v>
      </c>
      <c r="AJ15528">
        <v>48</v>
      </c>
      <c r="AK15528">
        <v>48</v>
      </c>
      <c r="AL15528">
        <v>47</v>
      </c>
      <c r="AM15528">
        <v>47</v>
      </c>
      <c r="AN15528">
        <v>47</v>
      </c>
      <c r="AO15528">
        <v>46</v>
      </c>
      <c r="AP15528">
        <v>46</v>
      </c>
      <c r="AQ15528">
        <v>46</v>
      </c>
    </row>
    <row r="15529" spans="1:43">
      <c r="A15529" t="s">
        <v>9644</v>
      </c>
      <c r="B15529" t="s">
        <v>9645</v>
      </c>
      <c r="C15529" t="s">
        <v>9646</v>
      </c>
      <c r="D15529" t="s">
        <v>9647</v>
      </c>
      <c r="E15529" t="s">
        <v>9544</v>
      </c>
      <c r="F15529" t="s">
        <v>9545</v>
      </c>
      <c r="G15529" t="s">
        <v>80</v>
      </c>
      <c r="H15529" t="s">
        <v>81</v>
      </c>
      <c r="I15529" s="2">
        <v>0</v>
      </c>
      <c r="J15529" s="2">
        <v>1</v>
      </c>
      <c r="K15529" s="2">
        <v>0</v>
      </c>
      <c r="L15529" t="s">
        <v>82</v>
      </c>
      <c r="M15529" t="s">
        <v>83</v>
      </c>
      <c r="N15529" t="s">
        <v>91</v>
      </c>
      <c r="O15529" t="s">
        <v>85</v>
      </c>
      <c r="P15529" t="s">
        <v>86</v>
      </c>
      <c r="Q15529">
        <v>44</v>
      </c>
      <c r="R15529">
        <v>44</v>
      </c>
      <c r="S15529">
        <v>44</v>
      </c>
      <c r="T15529">
        <v>45</v>
      </c>
      <c r="U15529">
        <v>45</v>
      </c>
      <c r="V15529">
        <v>45</v>
      </c>
      <c r="W15529">
        <v>45</v>
      </c>
      <c r="X15529">
        <v>46</v>
      </c>
      <c r="Y15529">
        <v>46</v>
      </c>
      <c r="Z15529">
        <v>46</v>
      </c>
      <c r="AA15529">
        <v>46</v>
      </c>
      <c r="AB15529">
        <v>46</v>
      </c>
      <c r="AC15529">
        <v>46</v>
      </c>
      <c r="AD15529">
        <v>47</v>
      </c>
      <c r="AE15529">
        <v>47</v>
      </c>
      <c r="AF15529">
        <v>47</v>
      </c>
      <c r="AG15529">
        <v>47</v>
      </c>
      <c r="AH15529">
        <v>47</v>
      </c>
      <c r="AI15529">
        <v>47</v>
      </c>
      <c r="AJ15529">
        <v>47</v>
      </c>
      <c r="AK15529">
        <v>47</v>
      </c>
      <c r="AL15529">
        <v>47</v>
      </c>
      <c r="AM15529">
        <v>47</v>
      </c>
      <c r="AN15529">
        <v>46</v>
      </c>
      <c r="AO15529">
        <v>46</v>
      </c>
      <c r="AP15529">
        <v>46</v>
      </c>
      <c r="AQ15529">
        <v>45</v>
      </c>
    </row>
    <row r="15530" spans="1:43">
      <c r="A15530" t="s">
        <v>9648</v>
      </c>
      <c r="B15530" t="s">
        <v>9649</v>
      </c>
      <c r="C15530" t="s">
        <v>9598</v>
      </c>
      <c r="D15530" t="s">
        <v>9599</v>
      </c>
      <c r="E15530" t="s">
        <v>9544</v>
      </c>
      <c r="F15530" t="s">
        <v>9545</v>
      </c>
      <c r="G15530" t="s">
        <v>80</v>
      </c>
      <c r="H15530" t="s">
        <v>81</v>
      </c>
      <c r="I15530" s="2">
        <v>0</v>
      </c>
      <c r="J15530" s="2">
        <v>1</v>
      </c>
      <c r="K15530" s="2">
        <v>0</v>
      </c>
      <c r="L15530" t="s">
        <v>82</v>
      </c>
      <c r="M15530" t="s">
        <v>83</v>
      </c>
      <c r="N15530" t="s">
        <v>84</v>
      </c>
      <c r="O15530" t="s">
        <v>85</v>
      </c>
      <c r="P15530" t="s">
        <v>86</v>
      </c>
      <c r="Q15530">
        <v>37</v>
      </c>
      <c r="R15530">
        <v>37</v>
      </c>
      <c r="S15530">
        <v>38</v>
      </c>
      <c r="T15530">
        <v>38</v>
      </c>
      <c r="U15530">
        <v>38</v>
      </c>
      <c r="V15530">
        <v>38</v>
      </c>
      <c r="W15530">
        <v>38</v>
      </c>
      <c r="X15530">
        <v>39</v>
      </c>
      <c r="Y15530">
        <v>39</v>
      </c>
      <c r="Z15530">
        <v>39</v>
      </c>
      <c r="AA15530">
        <v>39</v>
      </c>
      <c r="AB15530">
        <v>39</v>
      </c>
      <c r="AC15530">
        <v>39</v>
      </c>
      <c r="AD15530">
        <v>39</v>
      </c>
      <c r="AE15530">
        <v>39</v>
      </c>
      <c r="AF15530">
        <v>39</v>
      </c>
      <c r="AG15530">
        <v>40</v>
      </c>
      <c r="AH15530">
        <v>40</v>
      </c>
      <c r="AI15530">
        <v>40</v>
      </c>
      <c r="AJ15530">
        <v>40</v>
      </c>
      <c r="AK15530">
        <v>40</v>
      </c>
      <c r="AL15530">
        <v>40</v>
      </c>
      <c r="AM15530">
        <v>39</v>
      </c>
      <c r="AN15530">
        <v>39</v>
      </c>
      <c r="AO15530">
        <v>39</v>
      </c>
      <c r="AP15530">
        <v>38</v>
      </c>
      <c r="AQ15530">
        <v>38</v>
      </c>
    </row>
    <row r="15531" spans="1:43">
      <c r="A15531" t="s">
        <v>9648</v>
      </c>
      <c r="B15531" t="s">
        <v>9649</v>
      </c>
      <c r="C15531" t="s">
        <v>9598</v>
      </c>
      <c r="D15531" t="s">
        <v>9599</v>
      </c>
      <c r="E15531" t="s">
        <v>9544</v>
      </c>
      <c r="F15531" t="s">
        <v>9545</v>
      </c>
      <c r="G15531" t="s">
        <v>80</v>
      </c>
      <c r="H15531" t="s">
        <v>81</v>
      </c>
      <c r="I15531" s="2">
        <v>0</v>
      </c>
      <c r="J15531" s="2">
        <v>1</v>
      </c>
      <c r="K15531" s="2">
        <v>0</v>
      </c>
      <c r="L15531" t="s">
        <v>82</v>
      </c>
      <c r="M15531" t="s">
        <v>87</v>
      </c>
      <c r="N15531" t="s">
        <v>88</v>
      </c>
      <c r="O15531" t="s">
        <v>85</v>
      </c>
      <c r="P15531" t="s">
        <v>86</v>
      </c>
      <c r="Q15531">
        <v>37</v>
      </c>
      <c r="R15531">
        <v>37</v>
      </c>
      <c r="S15531">
        <v>37</v>
      </c>
      <c r="T15531">
        <v>36</v>
      </c>
      <c r="U15531">
        <v>36</v>
      </c>
      <c r="V15531">
        <v>36</v>
      </c>
      <c r="W15531">
        <v>36</v>
      </c>
      <c r="X15531">
        <v>36</v>
      </c>
      <c r="Y15531">
        <v>36</v>
      </c>
      <c r="Z15531">
        <v>36</v>
      </c>
      <c r="AA15531">
        <v>35</v>
      </c>
      <c r="AB15531">
        <v>35</v>
      </c>
      <c r="AC15531">
        <v>35</v>
      </c>
      <c r="AD15531">
        <v>35</v>
      </c>
      <c r="AE15531">
        <v>35</v>
      </c>
      <c r="AF15531">
        <v>35</v>
      </c>
      <c r="AG15531">
        <v>35</v>
      </c>
      <c r="AH15531">
        <v>34</v>
      </c>
      <c r="AI15531">
        <v>34</v>
      </c>
      <c r="AJ15531">
        <v>34</v>
      </c>
      <c r="AK15531">
        <v>34</v>
      </c>
      <c r="AL15531">
        <v>34</v>
      </c>
      <c r="AM15531">
        <v>33</v>
      </c>
      <c r="AN15531">
        <v>33</v>
      </c>
      <c r="AO15531">
        <v>33</v>
      </c>
      <c r="AP15531">
        <v>33</v>
      </c>
      <c r="AQ15531">
        <v>33</v>
      </c>
    </row>
    <row r="15532" spans="1:43">
      <c r="A15532" t="s">
        <v>9648</v>
      </c>
      <c r="B15532" t="s">
        <v>9649</v>
      </c>
      <c r="C15532" t="s">
        <v>9598</v>
      </c>
      <c r="D15532" t="s">
        <v>9599</v>
      </c>
      <c r="E15532" t="s">
        <v>9544</v>
      </c>
      <c r="F15532" t="s">
        <v>9545</v>
      </c>
      <c r="G15532" t="s">
        <v>80</v>
      </c>
      <c r="H15532" t="s">
        <v>81</v>
      </c>
      <c r="I15532" s="2">
        <v>0</v>
      </c>
      <c r="J15532" s="2">
        <v>1</v>
      </c>
      <c r="K15532" s="2">
        <v>0</v>
      </c>
      <c r="L15532" t="s">
        <v>82</v>
      </c>
      <c r="M15532" t="s">
        <v>89</v>
      </c>
      <c r="N15532" t="s">
        <v>90</v>
      </c>
      <c r="O15532" t="s">
        <v>85</v>
      </c>
      <c r="P15532" t="s">
        <v>86</v>
      </c>
      <c r="Q15532">
        <v>37</v>
      </c>
      <c r="R15532">
        <v>37</v>
      </c>
      <c r="S15532">
        <v>38</v>
      </c>
      <c r="T15532">
        <v>38</v>
      </c>
      <c r="U15532">
        <v>39</v>
      </c>
      <c r="V15532">
        <v>39</v>
      </c>
      <c r="W15532">
        <v>39</v>
      </c>
      <c r="X15532">
        <v>40</v>
      </c>
      <c r="Y15532">
        <v>40</v>
      </c>
      <c r="Z15532">
        <v>40</v>
      </c>
      <c r="AA15532">
        <v>41</v>
      </c>
      <c r="AB15532">
        <v>41</v>
      </c>
      <c r="AC15532">
        <v>41</v>
      </c>
      <c r="AD15532">
        <v>41</v>
      </c>
      <c r="AE15532">
        <v>41</v>
      </c>
      <c r="AF15532">
        <v>41</v>
      </c>
      <c r="AG15532">
        <v>41</v>
      </c>
      <c r="AH15532">
        <v>40</v>
      </c>
      <c r="AI15532">
        <v>40</v>
      </c>
      <c r="AJ15532">
        <v>40</v>
      </c>
      <c r="AK15532">
        <v>39</v>
      </c>
      <c r="AL15532">
        <v>39</v>
      </c>
      <c r="AM15532">
        <v>39</v>
      </c>
      <c r="AN15532">
        <v>38</v>
      </c>
      <c r="AO15532">
        <v>38</v>
      </c>
      <c r="AP15532">
        <v>38</v>
      </c>
      <c r="AQ15532">
        <v>37</v>
      </c>
    </row>
    <row r="15533" spans="1:43">
      <c r="A15533" t="s">
        <v>9648</v>
      </c>
      <c r="B15533" t="s">
        <v>9649</v>
      </c>
      <c r="C15533" t="s">
        <v>9598</v>
      </c>
      <c r="D15533" t="s">
        <v>9599</v>
      </c>
      <c r="E15533" t="s">
        <v>9544</v>
      </c>
      <c r="F15533" t="s">
        <v>9545</v>
      </c>
      <c r="G15533" t="s">
        <v>80</v>
      </c>
      <c r="H15533" t="s">
        <v>81</v>
      </c>
      <c r="I15533" s="2">
        <v>0</v>
      </c>
      <c r="J15533" s="2">
        <v>1</v>
      </c>
      <c r="K15533" s="2">
        <v>0</v>
      </c>
      <c r="L15533" t="s">
        <v>82</v>
      </c>
      <c r="M15533" t="s">
        <v>83</v>
      </c>
      <c r="N15533" t="s">
        <v>91</v>
      </c>
      <c r="O15533" t="s">
        <v>85</v>
      </c>
      <c r="P15533" t="s">
        <v>86</v>
      </c>
      <c r="Q15533">
        <v>37</v>
      </c>
      <c r="R15533">
        <v>37</v>
      </c>
      <c r="S15533">
        <v>38</v>
      </c>
      <c r="T15533">
        <v>38</v>
      </c>
      <c r="U15533">
        <v>38</v>
      </c>
      <c r="V15533">
        <v>38</v>
      </c>
      <c r="W15533">
        <v>38</v>
      </c>
      <c r="X15533">
        <v>39</v>
      </c>
      <c r="Y15533">
        <v>39</v>
      </c>
      <c r="Z15533">
        <v>39</v>
      </c>
      <c r="AA15533">
        <v>39</v>
      </c>
      <c r="AB15533">
        <v>39</v>
      </c>
      <c r="AC15533">
        <v>39</v>
      </c>
      <c r="AD15533">
        <v>39</v>
      </c>
      <c r="AE15533">
        <v>39</v>
      </c>
      <c r="AF15533">
        <v>39</v>
      </c>
      <c r="AG15533">
        <v>40</v>
      </c>
      <c r="AH15533">
        <v>40</v>
      </c>
      <c r="AI15533">
        <v>40</v>
      </c>
      <c r="AJ15533">
        <v>40</v>
      </c>
      <c r="AK15533">
        <v>40</v>
      </c>
      <c r="AL15533">
        <v>40</v>
      </c>
      <c r="AM15533">
        <v>39</v>
      </c>
      <c r="AN15533">
        <v>39</v>
      </c>
      <c r="AO15533">
        <v>39</v>
      </c>
      <c r="AP15533">
        <v>38</v>
      </c>
      <c r="AQ15533">
        <v>38</v>
      </c>
    </row>
    <row r="15534" spans="1:43">
      <c r="A15534" t="s">
        <v>9650</v>
      </c>
      <c r="B15534" t="s">
        <v>9651</v>
      </c>
      <c r="C15534" t="s">
        <v>9602</v>
      </c>
      <c r="D15534" t="s">
        <v>9603</v>
      </c>
      <c r="E15534" t="s">
        <v>9544</v>
      </c>
      <c r="F15534" t="s">
        <v>9545</v>
      </c>
      <c r="G15534" t="s">
        <v>80</v>
      </c>
      <c r="H15534" t="s">
        <v>81</v>
      </c>
      <c r="I15534" s="2">
        <v>0</v>
      </c>
      <c r="J15534" s="2">
        <v>1</v>
      </c>
      <c r="K15534" s="2">
        <v>0</v>
      </c>
      <c r="L15534" t="s">
        <v>82</v>
      </c>
      <c r="M15534" t="s">
        <v>83</v>
      </c>
      <c r="N15534" t="s">
        <v>84</v>
      </c>
      <c r="O15534" t="s">
        <v>85</v>
      </c>
      <c r="P15534" t="s">
        <v>86</v>
      </c>
      <c r="Q15534">
        <v>77</v>
      </c>
      <c r="R15534">
        <v>78</v>
      </c>
      <c r="S15534">
        <v>78</v>
      </c>
      <c r="T15534">
        <v>79</v>
      </c>
      <c r="U15534">
        <v>79</v>
      </c>
      <c r="V15534">
        <v>80</v>
      </c>
      <c r="W15534">
        <v>80</v>
      </c>
      <c r="X15534">
        <v>80</v>
      </c>
      <c r="Y15534">
        <v>81</v>
      </c>
      <c r="Z15534">
        <v>81</v>
      </c>
      <c r="AA15534">
        <v>81</v>
      </c>
      <c r="AB15534">
        <v>81</v>
      </c>
      <c r="AC15534">
        <v>82</v>
      </c>
      <c r="AD15534">
        <v>82</v>
      </c>
      <c r="AE15534">
        <v>82</v>
      </c>
      <c r="AF15534">
        <v>82</v>
      </c>
      <c r="AG15534">
        <v>83</v>
      </c>
      <c r="AH15534">
        <v>83</v>
      </c>
      <c r="AI15534">
        <v>83</v>
      </c>
      <c r="AJ15534">
        <v>83</v>
      </c>
      <c r="AK15534">
        <v>83</v>
      </c>
      <c r="AL15534">
        <v>83</v>
      </c>
      <c r="AM15534">
        <v>82</v>
      </c>
      <c r="AN15534">
        <v>82</v>
      </c>
      <c r="AO15534">
        <v>81</v>
      </c>
      <c r="AP15534">
        <v>80</v>
      </c>
      <c r="AQ15534">
        <v>80</v>
      </c>
    </row>
    <row r="15535" spans="1:43">
      <c r="A15535" t="s">
        <v>9650</v>
      </c>
      <c r="B15535" t="s">
        <v>9651</v>
      </c>
      <c r="C15535" t="s">
        <v>9602</v>
      </c>
      <c r="D15535" t="s">
        <v>9603</v>
      </c>
      <c r="E15535" t="s">
        <v>9544</v>
      </c>
      <c r="F15535" t="s">
        <v>9545</v>
      </c>
      <c r="G15535" t="s">
        <v>80</v>
      </c>
      <c r="H15535" t="s">
        <v>81</v>
      </c>
      <c r="I15535" s="2">
        <v>0</v>
      </c>
      <c r="J15535" s="2">
        <v>1</v>
      </c>
      <c r="K15535" s="2">
        <v>0</v>
      </c>
      <c r="L15535" t="s">
        <v>82</v>
      </c>
      <c r="M15535" t="s">
        <v>87</v>
      </c>
      <c r="N15535" t="s">
        <v>88</v>
      </c>
      <c r="O15535" t="s">
        <v>85</v>
      </c>
      <c r="P15535" t="s">
        <v>86</v>
      </c>
      <c r="Q15535">
        <v>77</v>
      </c>
      <c r="R15535">
        <v>76</v>
      </c>
      <c r="S15535">
        <v>76</v>
      </c>
      <c r="T15535">
        <v>76</v>
      </c>
      <c r="U15535">
        <v>76</v>
      </c>
      <c r="V15535">
        <v>75</v>
      </c>
      <c r="W15535">
        <v>75</v>
      </c>
      <c r="X15535">
        <v>75</v>
      </c>
      <c r="Y15535">
        <v>74</v>
      </c>
      <c r="Z15535">
        <v>74</v>
      </c>
      <c r="AA15535">
        <v>74</v>
      </c>
      <c r="AB15535">
        <v>74</v>
      </c>
      <c r="AC15535">
        <v>73</v>
      </c>
      <c r="AD15535">
        <v>73</v>
      </c>
      <c r="AE15535">
        <v>73</v>
      </c>
      <c r="AF15535">
        <v>72</v>
      </c>
      <c r="AG15535">
        <v>72</v>
      </c>
      <c r="AH15535">
        <v>72</v>
      </c>
      <c r="AI15535">
        <v>71</v>
      </c>
      <c r="AJ15535">
        <v>71</v>
      </c>
      <c r="AK15535">
        <v>71</v>
      </c>
      <c r="AL15535">
        <v>70</v>
      </c>
      <c r="AM15535">
        <v>70</v>
      </c>
      <c r="AN15535">
        <v>70</v>
      </c>
      <c r="AO15535">
        <v>69</v>
      </c>
      <c r="AP15535">
        <v>69</v>
      </c>
      <c r="AQ15535">
        <v>69</v>
      </c>
    </row>
    <row r="15536" spans="1:43">
      <c r="A15536" t="s">
        <v>9650</v>
      </c>
      <c r="B15536" t="s">
        <v>9651</v>
      </c>
      <c r="C15536" t="s">
        <v>9602</v>
      </c>
      <c r="D15536" t="s">
        <v>9603</v>
      </c>
      <c r="E15536" t="s">
        <v>9544</v>
      </c>
      <c r="F15536" t="s">
        <v>9545</v>
      </c>
      <c r="G15536" t="s">
        <v>80</v>
      </c>
      <c r="H15536" t="s">
        <v>81</v>
      </c>
      <c r="I15536" s="2">
        <v>0</v>
      </c>
      <c r="J15536" s="2">
        <v>1</v>
      </c>
      <c r="K15536" s="2">
        <v>0</v>
      </c>
      <c r="L15536" t="s">
        <v>82</v>
      </c>
      <c r="M15536" t="s">
        <v>89</v>
      </c>
      <c r="N15536" t="s">
        <v>90</v>
      </c>
      <c r="O15536" t="s">
        <v>85</v>
      </c>
      <c r="P15536" t="s">
        <v>86</v>
      </c>
      <c r="Q15536">
        <v>77</v>
      </c>
      <c r="R15536">
        <v>78</v>
      </c>
      <c r="S15536">
        <v>79</v>
      </c>
      <c r="T15536">
        <v>80</v>
      </c>
      <c r="U15536">
        <v>81</v>
      </c>
      <c r="V15536">
        <v>82</v>
      </c>
      <c r="W15536">
        <v>83</v>
      </c>
      <c r="X15536">
        <v>84</v>
      </c>
      <c r="Y15536">
        <v>84</v>
      </c>
      <c r="Z15536">
        <v>85</v>
      </c>
      <c r="AA15536">
        <v>86</v>
      </c>
      <c r="AB15536">
        <v>86</v>
      </c>
      <c r="AC15536">
        <v>87</v>
      </c>
      <c r="AD15536">
        <v>87</v>
      </c>
      <c r="AE15536">
        <v>87</v>
      </c>
      <c r="AF15536">
        <v>87</v>
      </c>
      <c r="AG15536">
        <v>86</v>
      </c>
      <c r="AH15536">
        <v>85</v>
      </c>
      <c r="AI15536">
        <v>85</v>
      </c>
      <c r="AJ15536">
        <v>84</v>
      </c>
      <c r="AK15536">
        <v>83</v>
      </c>
      <c r="AL15536">
        <v>83</v>
      </c>
      <c r="AM15536">
        <v>82</v>
      </c>
      <c r="AN15536">
        <v>81</v>
      </c>
      <c r="AO15536">
        <v>81</v>
      </c>
      <c r="AP15536">
        <v>80</v>
      </c>
      <c r="AQ15536">
        <v>79</v>
      </c>
    </row>
    <row r="15537" spans="1:43">
      <c r="A15537" t="s">
        <v>9650</v>
      </c>
      <c r="B15537" t="s">
        <v>9651</v>
      </c>
      <c r="C15537" t="s">
        <v>9602</v>
      </c>
      <c r="D15537" t="s">
        <v>9603</v>
      </c>
      <c r="E15537" t="s">
        <v>9544</v>
      </c>
      <c r="F15537" t="s">
        <v>9545</v>
      </c>
      <c r="G15537" t="s">
        <v>80</v>
      </c>
      <c r="H15537" t="s">
        <v>81</v>
      </c>
      <c r="I15537" s="2">
        <v>0</v>
      </c>
      <c r="J15537" s="2">
        <v>1</v>
      </c>
      <c r="K15537" s="2">
        <v>0</v>
      </c>
      <c r="L15537" t="s">
        <v>82</v>
      </c>
      <c r="M15537" t="s">
        <v>83</v>
      </c>
      <c r="N15537" t="s">
        <v>91</v>
      </c>
      <c r="O15537" t="s">
        <v>85</v>
      </c>
      <c r="P15537" t="s">
        <v>86</v>
      </c>
      <c r="Q15537">
        <v>77</v>
      </c>
      <c r="R15537">
        <v>78</v>
      </c>
      <c r="S15537">
        <v>78</v>
      </c>
      <c r="T15537">
        <v>79</v>
      </c>
      <c r="U15537">
        <v>79</v>
      </c>
      <c r="V15537">
        <v>80</v>
      </c>
      <c r="W15537">
        <v>80</v>
      </c>
      <c r="X15537">
        <v>80</v>
      </c>
      <c r="Y15537">
        <v>81</v>
      </c>
      <c r="Z15537">
        <v>81</v>
      </c>
      <c r="AA15537">
        <v>81</v>
      </c>
      <c r="AB15537">
        <v>81</v>
      </c>
      <c r="AC15537">
        <v>82</v>
      </c>
      <c r="AD15537">
        <v>82</v>
      </c>
      <c r="AE15537">
        <v>82</v>
      </c>
      <c r="AF15537">
        <v>82</v>
      </c>
      <c r="AG15537">
        <v>83</v>
      </c>
      <c r="AH15537">
        <v>83</v>
      </c>
      <c r="AI15537">
        <v>83</v>
      </c>
      <c r="AJ15537">
        <v>83</v>
      </c>
      <c r="AK15537">
        <v>83</v>
      </c>
      <c r="AL15537">
        <v>83</v>
      </c>
      <c r="AM15537">
        <v>82</v>
      </c>
      <c r="AN15537">
        <v>82</v>
      </c>
      <c r="AO15537">
        <v>81</v>
      </c>
      <c r="AP15537">
        <v>80</v>
      </c>
      <c r="AQ15537">
        <v>80</v>
      </c>
    </row>
    <row r="15538" spans="1:43">
      <c r="A15538" t="s">
        <v>9652</v>
      </c>
      <c r="B15538" t="s">
        <v>9653</v>
      </c>
      <c r="C15538" t="s">
        <v>9640</v>
      </c>
      <c r="D15538" t="s">
        <v>9641</v>
      </c>
      <c r="E15538" t="s">
        <v>9544</v>
      </c>
      <c r="F15538" t="s">
        <v>9545</v>
      </c>
      <c r="G15538" t="s">
        <v>80</v>
      </c>
      <c r="H15538" t="s">
        <v>81</v>
      </c>
      <c r="I15538" s="2">
        <v>0</v>
      </c>
      <c r="J15538" s="2">
        <v>1</v>
      </c>
      <c r="K15538" s="2">
        <v>0</v>
      </c>
      <c r="L15538" t="s">
        <v>82</v>
      </c>
      <c r="M15538" t="s">
        <v>83</v>
      </c>
      <c r="N15538" t="s">
        <v>84</v>
      </c>
      <c r="O15538" t="s">
        <v>85</v>
      </c>
      <c r="P15538" t="s">
        <v>86</v>
      </c>
      <c r="Q15538">
        <v>39</v>
      </c>
      <c r="R15538">
        <v>39</v>
      </c>
      <c r="S15538">
        <v>39</v>
      </c>
      <c r="T15538">
        <v>39</v>
      </c>
      <c r="U15538">
        <v>40</v>
      </c>
      <c r="V15538">
        <v>40</v>
      </c>
      <c r="W15538">
        <v>40</v>
      </c>
      <c r="X15538">
        <v>40</v>
      </c>
      <c r="Y15538">
        <v>40</v>
      </c>
      <c r="Z15538">
        <v>40</v>
      </c>
      <c r="AA15538">
        <v>41</v>
      </c>
      <c r="AB15538">
        <v>41</v>
      </c>
      <c r="AC15538">
        <v>41</v>
      </c>
      <c r="AD15538">
        <v>41</v>
      </c>
      <c r="AE15538">
        <v>41</v>
      </c>
      <c r="AF15538">
        <v>41</v>
      </c>
      <c r="AG15538">
        <v>41</v>
      </c>
      <c r="AH15538">
        <v>41</v>
      </c>
      <c r="AI15538">
        <v>41</v>
      </c>
      <c r="AJ15538">
        <v>41</v>
      </c>
      <c r="AK15538">
        <v>41</v>
      </c>
      <c r="AL15538">
        <v>41</v>
      </c>
      <c r="AM15538">
        <v>41</v>
      </c>
      <c r="AN15538">
        <v>41</v>
      </c>
      <c r="AO15538">
        <v>40</v>
      </c>
      <c r="AP15538">
        <v>40</v>
      </c>
      <c r="AQ15538">
        <v>40</v>
      </c>
    </row>
    <row r="15539" spans="1:43">
      <c r="A15539" t="s">
        <v>9652</v>
      </c>
      <c r="B15539" t="s">
        <v>9653</v>
      </c>
      <c r="C15539" t="s">
        <v>9640</v>
      </c>
      <c r="D15539" t="s">
        <v>9641</v>
      </c>
      <c r="E15539" t="s">
        <v>9544</v>
      </c>
      <c r="F15539" t="s">
        <v>9545</v>
      </c>
      <c r="G15539" t="s">
        <v>80</v>
      </c>
      <c r="H15539" t="s">
        <v>81</v>
      </c>
      <c r="I15539" s="2">
        <v>0</v>
      </c>
      <c r="J15539" s="2">
        <v>1</v>
      </c>
      <c r="K15539" s="2">
        <v>0</v>
      </c>
      <c r="L15539" t="s">
        <v>82</v>
      </c>
      <c r="M15539" t="s">
        <v>87</v>
      </c>
      <c r="N15539" t="s">
        <v>88</v>
      </c>
      <c r="O15539" t="s">
        <v>85</v>
      </c>
      <c r="P15539" t="s">
        <v>86</v>
      </c>
      <c r="Q15539">
        <v>39</v>
      </c>
      <c r="R15539">
        <v>39</v>
      </c>
      <c r="S15539">
        <v>39</v>
      </c>
      <c r="T15539">
        <v>39</v>
      </c>
      <c r="U15539">
        <v>39</v>
      </c>
      <c r="V15539">
        <v>39</v>
      </c>
      <c r="W15539">
        <v>38</v>
      </c>
      <c r="X15539">
        <v>38</v>
      </c>
      <c r="Y15539">
        <v>38</v>
      </c>
      <c r="Z15539">
        <v>38</v>
      </c>
      <c r="AA15539">
        <v>38</v>
      </c>
      <c r="AB15539">
        <v>38</v>
      </c>
      <c r="AC15539">
        <v>38</v>
      </c>
      <c r="AD15539">
        <v>37</v>
      </c>
      <c r="AE15539">
        <v>37</v>
      </c>
      <c r="AF15539">
        <v>37</v>
      </c>
      <c r="AG15539">
        <v>37</v>
      </c>
      <c r="AH15539">
        <v>37</v>
      </c>
      <c r="AI15539">
        <v>37</v>
      </c>
      <c r="AJ15539">
        <v>36</v>
      </c>
      <c r="AK15539">
        <v>36</v>
      </c>
      <c r="AL15539">
        <v>36</v>
      </c>
      <c r="AM15539">
        <v>36</v>
      </c>
      <c r="AN15539">
        <v>36</v>
      </c>
      <c r="AO15539">
        <v>36</v>
      </c>
      <c r="AP15539">
        <v>35</v>
      </c>
      <c r="AQ15539">
        <v>35</v>
      </c>
    </row>
    <row r="15540" spans="1:43">
      <c r="A15540" t="s">
        <v>9652</v>
      </c>
      <c r="B15540" t="s">
        <v>9653</v>
      </c>
      <c r="C15540" t="s">
        <v>9640</v>
      </c>
      <c r="D15540" t="s">
        <v>9641</v>
      </c>
      <c r="E15540" t="s">
        <v>9544</v>
      </c>
      <c r="F15540" t="s">
        <v>9545</v>
      </c>
      <c r="G15540" t="s">
        <v>80</v>
      </c>
      <c r="H15540" t="s">
        <v>81</v>
      </c>
      <c r="I15540" s="2">
        <v>0</v>
      </c>
      <c r="J15540" s="2">
        <v>1</v>
      </c>
      <c r="K15540" s="2">
        <v>0</v>
      </c>
      <c r="L15540" t="s">
        <v>82</v>
      </c>
      <c r="M15540" t="s">
        <v>89</v>
      </c>
      <c r="N15540" t="s">
        <v>90</v>
      </c>
      <c r="O15540" t="s">
        <v>85</v>
      </c>
      <c r="P15540" t="s">
        <v>86</v>
      </c>
      <c r="Q15540">
        <v>39</v>
      </c>
      <c r="R15540">
        <v>40</v>
      </c>
      <c r="S15540">
        <v>40</v>
      </c>
      <c r="T15540">
        <v>41</v>
      </c>
      <c r="U15540">
        <v>41</v>
      </c>
      <c r="V15540">
        <v>42</v>
      </c>
      <c r="W15540">
        <v>42</v>
      </c>
      <c r="X15540">
        <v>42</v>
      </c>
      <c r="Y15540">
        <v>43</v>
      </c>
      <c r="Z15540">
        <v>43</v>
      </c>
      <c r="AA15540">
        <v>43</v>
      </c>
      <c r="AB15540">
        <v>43</v>
      </c>
      <c r="AC15540">
        <v>44</v>
      </c>
      <c r="AD15540">
        <v>44</v>
      </c>
      <c r="AE15540">
        <v>44</v>
      </c>
      <c r="AF15540">
        <v>44</v>
      </c>
      <c r="AG15540">
        <v>43</v>
      </c>
      <c r="AH15540">
        <v>43</v>
      </c>
      <c r="AI15540">
        <v>43</v>
      </c>
      <c r="AJ15540">
        <v>42</v>
      </c>
      <c r="AK15540">
        <v>42</v>
      </c>
      <c r="AL15540">
        <v>42</v>
      </c>
      <c r="AM15540">
        <v>41</v>
      </c>
      <c r="AN15540">
        <v>41</v>
      </c>
      <c r="AO15540">
        <v>41</v>
      </c>
      <c r="AP15540">
        <v>40</v>
      </c>
      <c r="AQ15540">
        <v>40</v>
      </c>
    </row>
    <row r="15541" spans="1:43">
      <c r="A15541" t="s">
        <v>9652</v>
      </c>
      <c r="B15541" t="s">
        <v>9653</v>
      </c>
      <c r="C15541" t="s">
        <v>9640</v>
      </c>
      <c r="D15541" t="s">
        <v>9641</v>
      </c>
      <c r="E15541" t="s">
        <v>9544</v>
      </c>
      <c r="F15541" t="s">
        <v>9545</v>
      </c>
      <c r="G15541" t="s">
        <v>80</v>
      </c>
      <c r="H15541" t="s">
        <v>81</v>
      </c>
      <c r="I15541" s="2">
        <v>0</v>
      </c>
      <c r="J15541" s="2">
        <v>1</v>
      </c>
      <c r="K15541" s="2">
        <v>0</v>
      </c>
      <c r="L15541" t="s">
        <v>82</v>
      </c>
      <c r="M15541" t="s">
        <v>83</v>
      </c>
      <c r="N15541" t="s">
        <v>91</v>
      </c>
      <c r="O15541" t="s">
        <v>85</v>
      </c>
      <c r="P15541" t="s">
        <v>86</v>
      </c>
      <c r="Q15541">
        <v>39</v>
      </c>
      <c r="R15541">
        <v>39</v>
      </c>
      <c r="S15541">
        <v>39</v>
      </c>
      <c r="T15541">
        <v>39</v>
      </c>
      <c r="U15541">
        <v>40</v>
      </c>
      <c r="V15541">
        <v>40</v>
      </c>
      <c r="W15541">
        <v>40</v>
      </c>
      <c r="X15541">
        <v>40</v>
      </c>
      <c r="Y15541">
        <v>40</v>
      </c>
      <c r="Z15541">
        <v>40</v>
      </c>
      <c r="AA15541">
        <v>41</v>
      </c>
      <c r="AB15541">
        <v>41</v>
      </c>
      <c r="AC15541">
        <v>41</v>
      </c>
      <c r="AD15541">
        <v>41</v>
      </c>
      <c r="AE15541">
        <v>41</v>
      </c>
      <c r="AF15541">
        <v>41</v>
      </c>
      <c r="AG15541">
        <v>41</v>
      </c>
      <c r="AH15541">
        <v>41</v>
      </c>
      <c r="AI15541">
        <v>41</v>
      </c>
      <c r="AJ15541">
        <v>41</v>
      </c>
      <c r="AK15541">
        <v>41</v>
      </c>
      <c r="AL15541">
        <v>41</v>
      </c>
      <c r="AM15541">
        <v>41</v>
      </c>
      <c r="AN15541">
        <v>41</v>
      </c>
      <c r="AO15541">
        <v>40</v>
      </c>
      <c r="AP15541">
        <v>40</v>
      </c>
      <c r="AQ15541">
        <v>40</v>
      </c>
    </row>
    <row r="15542" spans="1:43">
      <c r="A15542" t="s">
        <v>9654</v>
      </c>
      <c r="B15542" t="s">
        <v>9655</v>
      </c>
      <c r="C15542" t="s">
        <v>9640</v>
      </c>
      <c r="D15542" t="s">
        <v>9641</v>
      </c>
      <c r="E15542" t="s">
        <v>9544</v>
      </c>
      <c r="F15542" t="s">
        <v>9545</v>
      </c>
      <c r="G15542" t="s">
        <v>80</v>
      </c>
      <c r="H15542" t="s">
        <v>81</v>
      </c>
      <c r="I15542" s="2">
        <v>0</v>
      </c>
      <c r="J15542" s="2">
        <v>1</v>
      </c>
      <c r="K15542" s="2">
        <v>0</v>
      </c>
      <c r="L15542" t="s">
        <v>82</v>
      </c>
      <c r="M15542" t="s">
        <v>83</v>
      </c>
      <c r="N15542" t="s">
        <v>84</v>
      </c>
      <c r="O15542" t="s">
        <v>85</v>
      </c>
      <c r="P15542" t="s">
        <v>86</v>
      </c>
      <c r="Q15542">
        <v>46</v>
      </c>
      <c r="R15542">
        <v>47</v>
      </c>
      <c r="S15542">
        <v>47</v>
      </c>
      <c r="T15542">
        <v>47</v>
      </c>
      <c r="U15542">
        <v>47</v>
      </c>
      <c r="V15542">
        <v>48</v>
      </c>
      <c r="W15542">
        <v>48</v>
      </c>
      <c r="X15542">
        <v>48</v>
      </c>
      <c r="Y15542">
        <v>49</v>
      </c>
      <c r="Z15542">
        <v>49</v>
      </c>
      <c r="AA15542">
        <v>49</v>
      </c>
      <c r="AB15542">
        <v>49</v>
      </c>
      <c r="AC15542">
        <v>49</v>
      </c>
      <c r="AD15542">
        <v>50</v>
      </c>
      <c r="AE15542">
        <v>50</v>
      </c>
      <c r="AF15542">
        <v>50</v>
      </c>
      <c r="AG15542">
        <v>50</v>
      </c>
      <c r="AH15542">
        <v>50</v>
      </c>
      <c r="AI15542">
        <v>50</v>
      </c>
      <c r="AJ15542">
        <v>51</v>
      </c>
      <c r="AK15542">
        <v>51</v>
      </c>
      <c r="AL15542">
        <v>50</v>
      </c>
      <c r="AM15542">
        <v>50</v>
      </c>
      <c r="AN15542">
        <v>50</v>
      </c>
      <c r="AO15542">
        <v>49</v>
      </c>
      <c r="AP15542">
        <v>49</v>
      </c>
      <c r="AQ15542">
        <v>49</v>
      </c>
    </row>
    <row r="15543" spans="1:43">
      <c r="A15543" t="s">
        <v>9654</v>
      </c>
      <c r="B15543" t="s">
        <v>9655</v>
      </c>
      <c r="C15543" t="s">
        <v>9640</v>
      </c>
      <c r="D15543" t="s">
        <v>9641</v>
      </c>
      <c r="E15543" t="s">
        <v>9544</v>
      </c>
      <c r="F15543" t="s">
        <v>9545</v>
      </c>
      <c r="G15543" t="s">
        <v>80</v>
      </c>
      <c r="H15543" t="s">
        <v>81</v>
      </c>
      <c r="I15543" s="2">
        <v>0</v>
      </c>
      <c r="J15543" s="2">
        <v>1</v>
      </c>
      <c r="K15543" s="2">
        <v>0</v>
      </c>
      <c r="L15543" t="s">
        <v>82</v>
      </c>
      <c r="M15543" t="s">
        <v>87</v>
      </c>
      <c r="N15543" t="s">
        <v>88</v>
      </c>
      <c r="O15543" t="s">
        <v>85</v>
      </c>
      <c r="P15543" t="s">
        <v>86</v>
      </c>
      <c r="Q15543">
        <v>46</v>
      </c>
      <c r="R15543">
        <v>46</v>
      </c>
      <c r="S15543">
        <v>46</v>
      </c>
      <c r="T15543">
        <v>46</v>
      </c>
      <c r="U15543">
        <v>45</v>
      </c>
      <c r="V15543">
        <v>45</v>
      </c>
      <c r="W15543">
        <v>45</v>
      </c>
      <c r="X15543">
        <v>45</v>
      </c>
      <c r="Y15543">
        <v>45</v>
      </c>
      <c r="Z15543">
        <v>45</v>
      </c>
      <c r="AA15543">
        <v>45</v>
      </c>
      <c r="AB15543">
        <v>45</v>
      </c>
      <c r="AC15543">
        <v>44</v>
      </c>
      <c r="AD15543">
        <v>44</v>
      </c>
      <c r="AE15543">
        <v>44</v>
      </c>
      <c r="AF15543">
        <v>44</v>
      </c>
      <c r="AG15543">
        <v>44</v>
      </c>
      <c r="AH15543">
        <v>44</v>
      </c>
      <c r="AI15543">
        <v>44</v>
      </c>
      <c r="AJ15543">
        <v>43</v>
      </c>
      <c r="AK15543">
        <v>43</v>
      </c>
      <c r="AL15543">
        <v>43</v>
      </c>
      <c r="AM15543">
        <v>43</v>
      </c>
      <c r="AN15543">
        <v>43</v>
      </c>
      <c r="AO15543">
        <v>43</v>
      </c>
      <c r="AP15543">
        <v>42</v>
      </c>
      <c r="AQ15543">
        <v>42</v>
      </c>
    </row>
    <row r="15544" spans="1:43">
      <c r="A15544" t="s">
        <v>9654</v>
      </c>
      <c r="B15544" t="s">
        <v>9655</v>
      </c>
      <c r="C15544" t="s">
        <v>9640</v>
      </c>
      <c r="D15544" t="s">
        <v>9641</v>
      </c>
      <c r="E15544" t="s">
        <v>9544</v>
      </c>
      <c r="F15544" t="s">
        <v>9545</v>
      </c>
      <c r="G15544" t="s">
        <v>80</v>
      </c>
      <c r="H15544" t="s">
        <v>81</v>
      </c>
      <c r="I15544" s="2">
        <v>0</v>
      </c>
      <c r="J15544" s="2">
        <v>1</v>
      </c>
      <c r="K15544" s="2">
        <v>0</v>
      </c>
      <c r="L15544" t="s">
        <v>82</v>
      </c>
      <c r="M15544" t="s">
        <v>89</v>
      </c>
      <c r="N15544" t="s">
        <v>90</v>
      </c>
      <c r="O15544" t="s">
        <v>85</v>
      </c>
      <c r="P15544" t="s">
        <v>86</v>
      </c>
      <c r="Q15544">
        <v>46</v>
      </c>
      <c r="R15544">
        <v>46</v>
      </c>
      <c r="S15544">
        <v>47</v>
      </c>
      <c r="T15544">
        <v>48</v>
      </c>
      <c r="U15544">
        <v>48</v>
      </c>
      <c r="V15544">
        <v>49</v>
      </c>
      <c r="W15544">
        <v>50</v>
      </c>
      <c r="X15544">
        <v>50</v>
      </c>
      <c r="Y15544">
        <v>50</v>
      </c>
      <c r="Z15544">
        <v>51</v>
      </c>
      <c r="AA15544">
        <v>51</v>
      </c>
      <c r="AB15544">
        <v>52</v>
      </c>
      <c r="AC15544">
        <v>52</v>
      </c>
      <c r="AD15544">
        <v>52</v>
      </c>
      <c r="AE15544">
        <v>52</v>
      </c>
      <c r="AF15544">
        <v>52</v>
      </c>
      <c r="AG15544">
        <v>52</v>
      </c>
      <c r="AH15544">
        <v>51</v>
      </c>
      <c r="AI15544">
        <v>51</v>
      </c>
      <c r="AJ15544">
        <v>51</v>
      </c>
      <c r="AK15544">
        <v>50</v>
      </c>
      <c r="AL15544">
        <v>50</v>
      </c>
      <c r="AM15544">
        <v>50</v>
      </c>
      <c r="AN15544">
        <v>49</v>
      </c>
      <c r="AO15544">
        <v>49</v>
      </c>
      <c r="AP15544">
        <v>49</v>
      </c>
      <c r="AQ15544">
        <v>48</v>
      </c>
    </row>
    <row r="15545" spans="1:43">
      <c r="A15545" t="s">
        <v>9654</v>
      </c>
      <c r="B15545" t="s">
        <v>9655</v>
      </c>
      <c r="C15545" t="s">
        <v>9640</v>
      </c>
      <c r="D15545" t="s">
        <v>9641</v>
      </c>
      <c r="E15545" t="s">
        <v>9544</v>
      </c>
      <c r="F15545" t="s">
        <v>9545</v>
      </c>
      <c r="G15545" t="s">
        <v>80</v>
      </c>
      <c r="H15545" t="s">
        <v>81</v>
      </c>
      <c r="I15545" s="2">
        <v>0</v>
      </c>
      <c r="J15545" s="2">
        <v>1</v>
      </c>
      <c r="K15545" s="2">
        <v>0</v>
      </c>
      <c r="L15545" t="s">
        <v>82</v>
      </c>
      <c r="M15545" t="s">
        <v>83</v>
      </c>
      <c r="N15545" t="s">
        <v>91</v>
      </c>
      <c r="O15545" t="s">
        <v>85</v>
      </c>
      <c r="P15545" t="s">
        <v>86</v>
      </c>
      <c r="Q15545">
        <v>46</v>
      </c>
      <c r="R15545">
        <v>47</v>
      </c>
      <c r="S15545">
        <v>47</v>
      </c>
      <c r="T15545">
        <v>47</v>
      </c>
      <c r="U15545">
        <v>47</v>
      </c>
      <c r="V15545">
        <v>48</v>
      </c>
      <c r="W15545">
        <v>48</v>
      </c>
      <c r="X15545">
        <v>48</v>
      </c>
      <c r="Y15545">
        <v>49</v>
      </c>
      <c r="Z15545">
        <v>49</v>
      </c>
      <c r="AA15545">
        <v>49</v>
      </c>
      <c r="AB15545">
        <v>49</v>
      </c>
      <c r="AC15545">
        <v>49</v>
      </c>
      <c r="AD15545">
        <v>50</v>
      </c>
      <c r="AE15545">
        <v>50</v>
      </c>
      <c r="AF15545">
        <v>50</v>
      </c>
      <c r="AG15545">
        <v>50</v>
      </c>
      <c r="AH15545">
        <v>50</v>
      </c>
      <c r="AI15545">
        <v>50</v>
      </c>
      <c r="AJ15545">
        <v>51</v>
      </c>
      <c r="AK15545">
        <v>51</v>
      </c>
      <c r="AL15545">
        <v>50</v>
      </c>
      <c r="AM15545">
        <v>50</v>
      </c>
      <c r="AN15545">
        <v>50</v>
      </c>
      <c r="AO15545">
        <v>49</v>
      </c>
      <c r="AP15545">
        <v>49</v>
      </c>
      <c r="AQ15545">
        <v>49</v>
      </c>
    </row>
    <row r="15546" spans="1:43">
      <c r="A15546" t="s">
        <v>9656</v>
      </c>
      <c r="B15546" t="s">
        <v>9657</v>
      </c>
      <c r="C15546" t="s">
        <v>9658</v>
      </c>
      <c r="D15546" t="s">
        <v>9659</v>
      </c>
      <c r="E15546" t="s">
        <v>9544</v>
      </c>
      <c r="F15546" t="s">
        <v>9545</v>
      </c>
      <c r="G15546" t="s">
        <v>80</v>
      </c>
      <c r="H15546" t="s">
        <v>81</v>
      </c>
      <c r="I15546" s="2">
        <v>0</v>
      </c>
      <c r="J15546" s="2">
        <v>1</v>
      </c>
      <c r="K15546" s="2">
        <v>0</v>
      </c>
      <c r="L15546" t="s">
        <v>82</v>
      </c>
      <c r="M15546" t="s">
        <v>83</v>
      </c>
      <c r="N15546" t="s">
        <v>84</v>
      </c>
      <c r="O15546" t="s">
        <v>85</v>
      </c>
      <c r="P15546" t="s">
        <v>86</v>
      </c>
      <c r="Q15546">
        <v>31</v>
      </c>
      <c r="R15546">
        <v>32</v>
      </c>
      <c r="S15546">
        <v>32</v>
      </c>
      <c r="T15546">
        <v>32</v>
      </c>
      <c r="U15546">
        <v>32</v>
      </c>
      <c r="V15546">
        <v>32</v>
      </c>
      <c r="W15546">
        <v>33</v>
      </c>
      <c r="X15546">
        <v>33</v>
      </c>
      <c r="Y15546">
        <v>33</v>
      </c>
      <c r="Z15546">
        <v>33</v>
      </c>
      <c r="AA15546">
        <v>33</v>
      </c>
      <c r="AB15546">
        <v>34</v>
      </c>
      <c r="AC15546">
        <v>34</v>
      </c>
      <c r="AD15546">
        <v>34</v>
      </c>
      <c r="AE15546">
        <v>34</v>
      </c>
      <c r="AF15546">
        <v>34</v>
      </c>
      <c r="AG15546">
        <v>34</v>
      </c>
      <c r="AH15546">
        <v>34</v>
      </c>
      <c r="AI15546">
        <v>35</v>
      </c>
      <c r="AJ15546">
        <v>35</v>
      </c>
      <c r="AK15546">
        <v>35</v>
      </c>
      <c r="AL15546">
        <v>35</v>
      </c>
      <c r="AM15546">
        <v>35</v>
      </c>
      <c r="AN15546">
        <v>34</v>
      </c>
      <c r="AO15546">
        <v>34</v>
      </c>
      <c r="AP15546">
        <v>34</v>
      </c>
      <c r="AQ15546">
        <v>34</v>
      </c>
    </row>
    <row r="15547" spans="1:43">
      <c r="A15547" t="s">
        <v>9656</v>
      </c>
      <c r="B15547" t="s">
        <v>9657</v>
      </c>
      <c r="C15547" t="s">
        <v>9658</v>
      </c>
      <c r="D15547" t="s">
        <v>9659</v>
      </c>
      <c r="E15547" t="s">
        <v>9544</v>
      </c>
      <c r="F15547" t="s">
        <v>9545</v>
      </c>
      <c r="G15547" t="s">
        <v>80</v>
      </c>
      <c r="H15547" t="s">
        <v>81</v>
      </c>
      <c r="I15547" s="2">
        <v>0</v>
      </c>
      <c r="J15547" s="2">
        <v>1</v>
      </c>
      <c r="K15547" s="2">
        <v>0</v>
      </c>
      <c r="L15547" t="s">
        <v>82</v>
      </c>
      <c r="M15547" t="s">
        <v>87</v>
      </c>
      <c r="N15547" t="s">
        <v>88</v>
      </c>
      <c r="O15547" t="s">
        <v>85</v>
      </c>
      <c r="P15547" t="s">
        <v>86</v>
      </c>
      <c r="Q15547">
        <v>31</v>
      </c>
      <c r="R15547">
        <v>31</v>
      </c>
      <c r="S15547">
        <v>31</v>
      </c>
      <c r="T15547">
        <v>31</v>
      </c>
      <c r="U15547">
        <v>31</v>
      </c>
      <c r="V15547">
        <v>31</v>
      </c>
      <c r="W15547">
        <v>31</v>
      </c>
      <c r="X15547">
        <v>31</v>
      </c>
      <c r="Y15547">
        <v>31</v>
      </c>
      <c r="Z15547">
        <v>31</v>
      </c>
      <c r="AA15547">
        <v>30</v>
      </c>
      <c r="AB15547">
        <v>30</v>
      </c>
      <c r="AC15547">
        <v>30</v>
      </c>
      <c r="AD15547">
        <v>30</v>
      </c>
      <c r="AE15547">
        <v>30</v>
      </c>
      <c r="AF15547">
        <v>30</v>
      </c>
      <c r="AG15547">
        <v>30</v>
      </c>
      <c r="AH15547">
        <v>30</v>
      </c>
      <c r="AI15547">
        <v>30</v>
      </c>
      <c r="AJ15547">
        <v>30</v>
      </c>
      <c r="AK15547">
        <v>30</v>
      </c>
      <c r="AL15547">
        <v>30</v>
      </c>
      <c r="AM15547">
        <v>30</v>
      </c>
      <c r="AN15547">
        <v>29</v>
      </c>
      <c r="AO15547">
        <v>29</v>
      </c>
      <c r="AP15547">
        <v>29</v>
      </c>
      <c r="AQ15547">
        <v>29</v>
      </c>
    </row>
    <row r="15548" spans="1:43">
      <c r="A15548" t="s">
        <v>9656</v>
      </c>
      <c r="B15548" t="s">
        <v>9657</v>
      </c>
      <c r="C15548" t="s">
        <v>9658</v>
      </c>
      <c r="D15548" t="s">
        <v>9659</v>
      </c>
      <c r="E15548" t="s">
        <v>9544</v>
      </c>
      <c r="F15548" t="s">
        <v>9545</v>
      </c>
      <c r="G15548" t="s">
        <v>80</v>
      </c>
      <c r="H15548" t="s">
        <v>81</v>
      </c>
      <c r="I15548" s="2">
        <v>0</v>
      </c>
      <c r="J15548" s="2">
        <v>1</v>
      </c>
      <c r="K15548" s="2">
        <v>0</v>
      </c>
      <c r="L15548" t="s">
        <v>82</v>
      </c>
      <c r="M15548" t="s">
        <v>89</v>
      </c>
      <c r="N15548" t="s">
        <v>90</v>
      </c>
      <c r="O15548" t="s">
        <v>85</v>
      </c>
      <c r="P15548" t="s">
        <v>86</v>
      </c>
      <c r="Q15548">
        <v>31</v>
      </c>
      <c r="R15548">
        <v>31</v>
      </c>
      <c r="S15548">
        <v>32</v>
      </c>
      <c r="T15548">
        <v>32</v>
      </c>
      <c r="U15548">
        <v>33</v>
      </c>
      <c r="V15548">
        <v>33</v>
      </c>
      <c r="W15548">
        <v>33</v>
      </c>
      <c r="X15548">
        <v>34</v>
      </c>
      <c r="Y15548">
        <v>34</v>
      </c>
      <c r="Z15548">
        <v>34</v>
      </c>
      <c r="AA15548">
        <v>35</v>
      </c>
      <c r="AB15548">
        <v>35</v>
      </c>
      <c r="AC15548">
        <v>35</v>
      </c>
      <c r="AD15548">
        <v>35</v>
      </c>
      <c r="AE15548">
        <v>36</v>
      </c>
      <c r="AF15548">
        <v>35</v>
      </c>
      <c r="AG15548">
        <v>35</v>
      </c>
      <c r="AH15548">
        <v>35</v>
      </c>
      <c r="AI15548">
        <v>35</v>
      </c>
      <c r="AJ15548">
        <v>35</v>
      </c>
      <c r="AK15548">
        <v>34</v>
      </c>
      <c r="AL15548">
        <v>34</v>
      </c>
      <c r="AM15548">
        <v>34</v>
      </c>
      <c r="AN15548">
        <v>34</v>
      </c>
      <c r="AO15548">
        <v>34</v>
      </c>
      <c r="AP15548">
        <v>34</v>
      </c>
      <c r="AQ15548">
        <v>33</v>
      </c>
    </row>
    <row r="15549" spans="1:43">
      <c r="A15549" t="s">
        <v>9656</v>
      </c>
      <c r="B15549" t="s">
        <v>9657</v>
      </c>
      <c r="C15549" t="s">
        <v>9658</v>
      </c>
      <c r="D15549" t="s">
        <v>9659</v>
      </c>
      <c r="E15549" t="s">
        <v>9544</v>
      </c>
      <c r="F15549" t="s">
        <v>9545</v>
      </c>
      <c r="G15549" t="s">
        <v>80</v>
      </c>
      <c r="H15549" t="s">
        <v>81</v>
      </c>
      <c r="I15549" s="2">
        <v>0</v>
      </c>
      <c r="J15549" s="2">
        <v>1</v>
      </c>
      <c r="K15549" s="2">
        <v>0</v>
      </c>
      <c r="L15549" t="s">
        <v>82</v>
      </c>
      <c r="M15549" t="s">
        <v>83</v>
      </c>
      <c r="N15549" t="s">
        <v>91</v>
      </c>
      <c r="O15549" t="s">
        <v>85</v>
      </c>
      <c r="P15549" t="s">
        <v>86</v>
      </c>
      <c r="Q15549">
        <v>31</v>
      </c>
      <c r="R15549">
        <v>32</v>
      </c>
      <c r="S15549">
        <v>32</v>
      </c>
      <c r="T15549">
        <v>32</v>
      </c>
      <c r="U15549">
        <v>32</v>
      </c>
      <c r="V15549">
        <v>32</v>
      </c>
      <c r="W15549">
        <v>33</v>
      </c>
      <c r="X15549">
        <v>33</v>
      </c>
      <c r="Y15549">
        <v>33</v>
      </c>
      <c r="Z15549">
        <v>33</v>
      </c>
      <c r="AA15549">
        <v>33</v>
      </c>
      <c r="AB15549">
        <v>34</v>
      </c>
      <c r="AC15549">
        <v>34</v>
      </c>
      <c r="AD15549">
        <v>34</v>
      </c>
      <c r="AE15549">
        <v>34</v>
      </c>
      <c r="AF15549">
        <v>34</v>
      </c>
      <c r="AG15549">
        <v>34</v>
      </c>
      <c r="AH15549">
        <v>34</v>
      </c>
      <c r="AI15549">
        <v>35</v>
      </c>
      <c r="AJ15549">
        <v>35</v>
      </c>
      <c r="AK15549">
        <v>35</v>
      </c>
      <c r="AL15549">
        <v>35</v>
      </c>
      <c r="AM15549">
        <v>35</v>
      </c>
      <c r="AN15549">
        <v>34</v>
      </c>
      <c r="AO15549">
        <v>34</v>
      </c>
      <c r="AP15549">
        <v>34</v>
      </c>
      <c r="AQ15549">
        <v>34</v>
      </c>
    </row>
    <row r="15550" spans="1:43">
      <c r="A15550" t="s">
        <v>9660</v>
      </c>
      <c r="B15550" t="s">
        <v>9661</v>
      </c>
      <c r="C15550" t="s">
        <v>9662</v>
      </c>
      <c r="D15550" t="s">
        <v>9663</v>
      </c>
      <c r="E15550" t="s">
        <v>9544</v>
      </c>
      <c r="F15550" t="s">
        <v>9545</v>
      </c>
      <c r="G15550" t="s">
        <v>80</v>
      </c>
      <c r="H15550" t="s">
        <v>81</v>
      </c>
      <c r="I15550" s="2">
        <v>0</v>
      </c>
      <c r="J15550" s="2">
        <v>1</v>
      </c>
      <c r="K15550" s="2">
        <v>0</v>
      </c>
      <c r="L15550" t="s">
        <v>82</v>
      </c>
      <c r="M15550" t="s">
        <v>83</v>
      </c>
      <c r="N15550" t="s">
        <v>84</v>
      </c>
      <c r="O15550" t="s">
        <v>85</v>
      </c>
      <c r="P15550" t="s">
        <v>86</v>
      </c>
      <c r="Q15550">
        <v>59</v>
      </c>
      <c r="R15550">
        <v>60</v>
      </c>
      <c r="S15550">
        <v>60</v>
      </c>
      <c r="T15550">
        <v>61</v>
      </c>
      <c r="U15550">
        <v>61</v>
      </c>
      <c r="V15550">
        <v>62</v>
      </c>
      <c r="W15550">
        <v>62</v>
      </c>
      <c r="X15550">
        <v>62</v>
      </c>
      <c r="Y15550">
        <v>63</v>
      </c>
      <c r="Z15550">
        <v>63</v>
      </c>
      <c r="AA15550">
        <v>63</v>
      </c>
      <c r="AB15550">
        <v>64</v>
      </c>
      <c r="AC15550">
        <v>64</v>
      </c>
      <c r="AD15550">
        <v>64</v>
      </c>
      <c r="AE15550">
        <v>65</v>
      </c>
      <c r="AF15550">
        <v>65</v>
      </c>
      <c r="AG15550">
        <v>65</v>
      </c>
      <c r="AH15550">
        <v>65</v>
      </c>
      <c r="AI15550">
        <v>66</v>
      </c>
      <c r="AJ15550">
        <v>66</v>
      </c>
      <c r="AK15550">
        <v>66</v>
      </c>
      <c r="AL15550">
        <v>66</v>
      </c>
      <c r="AM15550">
        <v>66</v>
      </c>
      <c r="AN15550">
        <v>65</v>
      </c>
      <c r="AO15550">
        <v>65</v>
      </c>
      <c r="AP15550">
        <v>65</v>
      </c>
      <c r="AQ15550">
        <v>64</v>
      </c>
    </row>
    <row r="15551" spans="1:43">
      <c r="A15551" t="s">
        <v>9660</v>
      </c>
      <c r="B15551" t="s">
        <v>9661</v>
      </c>
      <c r="C15551" t="s">
        <v>9662</v>
      </c>
      <c r="D15551" t="s">
        <v>9663</v>
      </c>
      <c r="E15551" t="s">
        <v>9544</v>
      </c>
      <c r="F15551" t="s">
        <v>9545</v>
      </c>
      <c r="G15551" t="s">
        <v>80</v>
      </c>
      <c r="H15551" t="s">
        <v>81</v>
      </c>
      <c r="I15551" s="2">
        <v>0</v>
      </c>
      <c r="J15551" s="2">
        <v>1</v>
      </c>
      <c r="K15551" s="2">
        <v>0</v>
      </c>
      <c r="L15551" t="s">
        <v>82</v>
      </c>
      <c r="M15551" t="s">
        <v>87</v>
      </c>
      <c r="N15551" t="s">
        <v>88</v>
      </c>
      <c r="O15551" t="s">
        <v>85</v>
      </c>
      <c r="P15551" t="s">
        <v>86</v>
      </c>
      <c r="Q15551">
        <v>59</v>
      </c>
      <c r="R15551">
        <v>59</v>
      </c>
      <c r="S15551">
        <v>59</v>
      </c>
      <c r="T15551">
        <v>59</v>
      </c>
      <c r="U15551">
        <v>59</v>
      </c>
      <c r="V15551">
        <v>58</v>
      </c>
      <c r="W15551">
        <v>58</v>
      </c>
      <c r="X15551">
        <v>58</v>
      </c>
      <c r="Y15551">
        <v>58</v>
      </c>
      <c r="Z15551">
        <v>58</v>
      </c>
      <c r="AA15551">
        <v>58</v>
      </c>
      <c r="AB15551">
        <v>58</v>
      </c>
      <c r="AC15551">
        <v>58</v>
      </c>
      <c r="AD15551">
        <v>57</v>
      </c>
      <c r="AE15551">
        <v>57</v>
      </c>
      <c r="AF15551">
        <v>57</v>
      </c>
      <c r="AG15551">
        <v>57</v>
      </c>
      <c r="AH15551">
        <v>57</v>
      </c>
      <c r="AI15551">
        <v>57</v>
      </c>
      <c r="AJ15551">
        <v>57</v>
      </c>
      <c r="AK15551">
        <v>56</v>
      </c>
      <c r="AL15551">
        <v>56</v>
      </c>
      <c r="AM15551">
        <v>56</v>
      </c>
      <c r="AN15551">
        <v>56</v>
      </c>
      <c r="AO15551">
        <v>56</v>
      </c>
      <c r="AP15551">
        <v>56</v>
      </c>
      <c r="AQ15551">
        <v>55</v>
      </c>
    </row>
    <row r="15552" spans="1:43">
      <c r="A15552" t="s">
        <v>9660</v>
      </c>
      <c r="B15552" t="s">
        <v>9661</v>
      </c>
      <c r="C15552" t="s">
        <v>9662</v>
      </c>
      <c r="D15552" t="s">
        <v>9663</v>
      </c>
      <c r="E15552" t="s">
        <v>9544</v>
      </c>
      <c r="F15552" t="s">
        <v>9545</v>
      </c>
      <c r="G15552" t="s">
        <v>80</v>
      </c>
      <c r="H15552" t="s">
        <v>81</v>
      </c>
      <c r="I15552" s="2">
        <v>0</v>
      </c>
      <c r="J15552" s="2">
        <v>1</v>
      </c>
      <c r="K15552" s="2">
        <v>0</v>
      </c>
      <c r="L15552" t="s">
        <v>82</v>
      </c>
      <c r="M15552" t="s">
        <v>89</v>
      </c>
      <c r="N15552" t="s">
        <v>90</v>
      </c>
      <c r="O15552" t="s">
        <v>85</v>
      </c>
      <c r="P15552" t="s">
        <v>86</v>
      </c>
      <c r="Q15552">
        <v>59</v>
      </c>
      <c r="R15552">
        <v>60</v>
      </c>
      <c r="S15552">
        <v>61</v>
      </c>
      <c r="T15552">
        <v>62</v>
      </c>
      <c r="U15552">
        <v>63</v>
      </c>
      <c r="V15552">
        <v>63</v>
      </c>
      <c r="W15552">
        <v>64</v>
      </c>
      <c r="X15552">
        <v>65</v>
      </c>
      <c r="Y15552">
        <v>66</v>
      </c>
      <c r="Z15552">
        <v>66</v>
      </c>
      <c r="AA15552">
        <v>67</v>
      </c>
      <c r="AB15552">
        <v>67</v>
      </c>
      <c r="AC15552">
        <v>68</v>
      </c>
      <c r="AD15552">
        <v>68</v>
      </c>
      <c r="AE15552">
        <v>68</v>
      </c>
      <c r="AF15552">
        <v>68</v>
      </c>
      <c r="AG15552">
        <v>68</v>
      </c>
      <c r="AH15552">
        <v>67</v>
      </c>
      <c r="AI15552">
        <v>67</v>
      </c>
      <c r="AJ15552">
        <v>67</v>
      </c>
      <c r="AK15552">
        <v>66</v>
      </c>
      <c r="AL15552">
        <v>66</v>
      </c>
      <c r="AM15552">
        <v>66</v>
      </c>
      <c r="AN15552">
        <v>65</v>
      </c>
      <c r="AO15552">
        <v>65</v>
      </c>
      <c r="AP15552">
        <v>64</v>
      </c>
      <c r="AQ15552">
        <v>64</v>
      </c>
    </row>
    <row r="15553" spans="1:43">
      <c r="A15553" t="s">
        <v>9660</v>
      </c>
      <c r="B15553" t="s">
        <v>9661</v>
      </c>
      <c r="C15553" t="s">
        <v>9662</v>
      </c>
      <c r="D15553" t="s">
        <v>9663</v>
      </c>
      <c r="E15553" t="s">
        <v>9544</v>
      </c>
      <c r="F15553" t="s">
        <v>9545</v>
      </c>
      <c r="G15553" t="s">
        <v>80</v>
      </c>
      <c r="H15553" t="s">
        <v>81</v>
      </c>
      <c r="I15553" s="2">
        <v>0</v>
      </c>
      <c r="J15553" s="2">
        <v>1</v>
      </c>
      <c r="K15553" s="2">
        <v>0</v>
      </c>
      <c r="L15553" t="s">
        <v>82</v>
      </c>
      <c r="M15553" t="s">
        <v>83</v>
      </c>
      <c r="N15553" t="s">
        <v>91</v>
      </c>
      <c r="O15553" t="s">
        <v>85</v>
      </c>
      <c r="P15553" t="s">
        <v>86</v>
      </c>
      <c r="Q15553">
        <v>59</v>
      </c>
      <c r="R15553">
        <v>60</v>
      </c>
      <c r="S15553">
        <v>60</v>
      </c>
      <c r="T15553">
        <v>61</v>
      </c>
      <c r="U15553">
        <v>61</v>
      </c>
      <c r="V15553">
        <v>62</v>
      </c>
      <c r="W15553">
        <v>62</v>
      </c>
      <c r="X15553">
        <v>62</v>
      </c>
      <c r="Y15553">
        <v>63</v>
      </c>
      <c r="Z15553">
        <v>63</v>
      </c>
      <c r="AA15553">
        <v>63</v>
      </c>
      <c r="AB15553">
        <v>64</v>
      </c>
      <c r="AC15553">
        <v>64</v>
      </c>
      <c r="AD15553">
        <v>64</v>
      </c>
      <c r="AE15553">
        <v>65</v>
      </c>
      <c r="AF15553">
        <v>65</v>
      </c>
      <c r="AG15553">
        <v>65</v>
      </c>
      <c r="AH15553">
        <v>65</v>
      </c>
      <c r="AI15553">
        <v>66</v>
      </c>
      <c r="AJ15553">
        <v>66</v>
      </c>
      <c r="AK15553">
        <v>66</v>
      </c>
      <c r="AL15553">
        <v>66</v>
      </c>
      <c r="AM15553">
        <v>66</v>
      </c>
      <c r="AN15553">
        <v>65</v>
      </c>
      <c r="AO15553">
        <v>65</v>
      </c>
      <c r="AP15553">
        <v>65</v>
      </c>
      <c r="AQ15553">
        <v>64</v>
      </c>
    </row>
    <row r="15554" spans="1:43">
      <c r="A15554" t="s">
        <v>9664</v>
      </c>
      <c r="B15554" t="s">
        <v>9665</v>
      </c>
      <c r="C15554" t="s">
        <v>9658</v>
      </c>
      <c r="D15554" t="s">
        <v>9659</v>
      </c>
      <c r="E15554" t="s">
        <v>9544</v>
      </c>
      <c r="F15554" t="s">
        <v>9545</v>
      </c>
      <c r="G15554" t="s">
        <v>80</v>
      </c>
      <c r="H15554" t="s">
        <v>81</v>
      </c>
      <c r="I15554" s="2">
        <v>0</v>
      </c>
      <c r="J15554" s="2">
        <v>1</v>
      </c>
      <c r="K15554" s="2">
        <v>0</v>
      </c>
      <c r="L15554" t="s">
        <v>82</v>
      </c>
      <c r="M15554" t="s">
        <v>83</v>
      </c>
      <c r="N15554" t="s">
        <v>84</v>
      </c>
      <c r="O15554" t="s">
        <v>85</v>
      </c>
      <c r="P15554" t="s">
        <v>86</v>
      </c>
      <c r="Q15554">
        <v>22</v>
      </c>
      <c r="R15554">
        <v>22</v>
      </c>
      <c r="S15554">
        <v>23</v>
      </c>
      <c r="T15554">
        <v>23</v>
      </c>
      <c r="U15554">
        <v>23</v>
      </c>
      <c r="V15554">
        <v>23</v>
      </c>
      <c r="W15554">
        <v>23</v>
      </c>
      <c r="X15554">
        <v>23</v>
      </c>
      <c r="Y15554">
        <v>23</v>
      </c>
      <c r="Z15554">
        <v>24</v>
      </c>
      <c r="AA15554">
        <v>24</v>
      </c>
      <c r="AB15554">
        <v>24</v>
      </c>
      <c r="AC15554">
        <v>24</v>
      </c>
      <c r="AD15554">
        <v>24</v>
      </c>
      <c r="AE15554">
        <v>24</v>
      </c>
      <c r="AF15554">
        <v>24</v>
      </c>
      <c r="AG15554">
        <v>24</v>
      </c>
      <c r="AH15554">
        <v>24</v>
      </c>
      <c r="AI15554">
        <v>25</v>
      </c>
      <c r="AJ15554">
        <v>25</v>
      </c>
      <c r="AK15554">
        <v>25</v>
      </c>
      <c r="AL15554">
        <v>25</v>
      </c>
      <c r="AM15554">
        <v>24</v>
      </c>
      <c r="AN15554">
        <v>24</v>
      </c>
      <c r="AO15554">
        <v>24</v>
      </c>
      <c r="AP15554">
        <v>24</v>
      </c>
      <c r="AQ15554">
        <v>24</v>
      </c>
    </row>
    <row r="15555" spans="1:43">
      <c r="A15555" t="s">
        <v>9664</v>
      </c>
      <c r="B15555" t="s">
        <v>9665</v>
      </c>
      <c r="C15555" t="s">
        <v>9658</v>
      </c>
      <c r="D15555" t="s">
        <v>9659</v>
      </c>
      <c r="E15555" t="s">
        <v>9544</v>
      </c>
      <c r="F15555" t="s">
        <v>9545</v>
      </c>
      <c r="G15555" t="s">
        <v>80</v>
      </c>
      <c r="H15555" t="s">
        <v>81</v>
      </c>
      <c r="I15555" s="2">
        <v>0</v>
      </c>
      <c r="J15555" s="2">
        <v>1</v>
      </c>
      <c r="K15555" s="2">
        <v>0</v>
      </c>
      <c r="L15555" t="s">
        <v>82</v>
      </c>
      <c r="M15555" t="s">
        <v>87</v>
      </c>
      <c r="N15555" t="s">
        <v>88</v>
      </c>
      <c r="O15555" t="s">
        <v>85</v>
      </c>
      <c r="P15555" t="s">
        <v>86</v>
      </c>
      <c r="Q15555">
        <v>22</v>
      </c>
      <c r="R15555">
        <v>22</v>
      </c>
      <c r="S15555">
        <v>22</v>
      </c>
      <c r="T15555">
        <v>22</v>
      </c>
      <c r="U15555">
        <v>22</v>
      </c>
      <c r="V15555">
        <v>22</v>
      </c>
      <c r="W15555">
        <v>22</v>
      </c>
      <c r="X15555">
        <v>22</v>
      </c>
      <c r="Y15555">
        <v>22</v>
      </c>
      <c r="Z15555">
        <v>22</v>
      </c>
      <c r="AA15555">
        <v>22</v>
      </c>
      <c r="AB15555">
        <v>22</v>
      </c>
      <c r="AC15555">
        <v>21</v>
      </c>
      <c r="AD15555">
        <v>21</v>
      </c>
      <c r="AE15555">
        <v>21</v>
      </c>
      <c r="AF15555">
        <v>21</v>
      </c>
      <c r="AG15555">
        <v>21</v>
      </c>
      <c r="AH15555">
        <v>21</v>
      </c>
      <c r="AI15555">
        <v>21</v>
      </c>
      <c r="AJ15555">
        <v>21</v>
      </c>
      <c r="AK15555">
        <v>21</v>
      </c>
      <c r="AL15555">
        <v>21</v>
      </c>
      <c r="AM15555">
        <v>21</v>
      </c>
      <c r="AN15555">
        <v>21</v>
      </c>
      <c r="AO15555">
        <v>21</v>
      </c>
      <c r="AP15555">
        <v>21</v>
      </c>
      <c r="AQ15555">
        <v>21</v>
      </c>
    </row>
    <row r="15556" spans="1:43">
      <c r="A15556" t="s">
        <v>9664</v>
      </c>
      <c r="B15556" t="s">
        <v>9665</v>
      </c>
      <c r="C15556" t="s">
        <v>9658</v>
      </c>
      <c r="D15556" t="s">
        <v>9659</v>
      </c>
      <c r="E15556" t="s">
        <v>9544</v>
      </c>
      <c r="F15556" t="s">
        <v>9545</v>
      </c>
      <c r="G15556" t="s">
        <v>80</v>
      </c>
      <c r="H15556" t="s">
        <v>81</v>
      </c>
      <c r="I15556" s="2">
        <v>0</v>
      </c>
      <c r="J15556" s="2">
        <v>1</v>
      </c>
      <c r="K15556" s="2">
        <v>0</v>
      </c>
      <c r="L15556" t="s">
        <v>82</v>
      </c>
      <c r="M15556" t="s">
        <v>89</v>
      </c>
      <c r="N15556" t="s">
        <v>90</v>
      </c>
      <c r="O15556" t="s">
        <v>85</v>
      </c>
      <c r="P15556" t="s">
        <v>86</v>
      </c>
      <c r="Q15556">
        <v>22</v>
      </c>
      <c r="R15556">
        <v>23</v>
      </c>
      <c r="S15556">
        <v>23</v>
      </c>
      <c r="T15556">
        <v>23</v>
      </c>
      <c r="U15556">
        <v>24</v>
      </c>
      <c r="V15556">
        <v>24</v>
      </c>
      <c r="W15556">
        <v>24</v>
      </c>
      <c r="X15556">
        <v>25</v>
      </c>
      <c r="Y15556">
        <v>25</v>
      </c>
      <c r="Z15556">
        <v>25</v>
      </c>
      <c r="AA15556">
        <v>25</v>
      </c>
      <c r="AB15556">
        <v>25</v>
      </c>
      <c r="AC15556">
        <v>26</v>
      </c>
      <c r="AD15556">
        <v>26</v>
      </c>
      <c r="AE15556">
        <v>26</v>
      </c>
      <c r="AF15556">
        <v>26</v>
      </c>
      <c r="AG15556">
        <v>26</v>
      </c>
      <c r="AH15556">
        <v>26</v>
      </c>
      <c r="AI15556">
        <v>25</v>
      </c>
      <c r="AJ15556">
        <v>25</v>
      </c>
      <c r="AK15556">
        <v>25</v>
      </c>
      <c r="AL15556">
        <v>25</v>
      </c>
      <c r="AM15556">
        <v>25</v>
      </c>
      <c r="AN15556">
        <v>25</v>
      </c>
      <c r="AO15556">
        <v>25</v>
      </c>
      <c r="AP15556">
        <v>24</v>
      </c>
      <c r="AQ15556">
        <v>24</v>
      </c>
    </row>
    <row r="15557" spans="1:43">
      <c r="A15557" t="s">
        <v>9664</v>
      </c>
      <c r="B15557" t="s">
        <v>9665</v>
      </c>
      <c r="C15557" t="s">
        <v>9658</v>
      </c>
      <c r="D15557" t="s">
        <v>9659</v>
      </c>
      <c r="E15557" t="s">
        <v>9544</v>
      </c>
      <c r="F15557" t="s">
        <v>9545</v>
      </c>
      <c r="G15557" t="s">
        <v>80</v>
      </c>
      <c r="H15557" t="s">
        <v>81</v>
      </c>
      <c r="I15557" s="2">
        <v>0</v>
      </c>
      <c r="J15557" s="2">
        <v>1</v>
      </c>
      <c r="K15557" s="2">
        <v>0</v>
      </c>
      <c r="L15557" t="s">
        <v>82</v>
      </c>
      <c r="M15557" t="s">
        <v>83</v>
      </c>
      <c r="N15557" t="s">
        <v>91</v>
      </c>
      <c r="O15557" t="s">
        <v>85</v>
      </c>
      <c r="P15557" t="s">
        <v>86</v>
      </c>
      <c r="Q15557">
        <v>22</v>
      </c>
      <c r="R15557">
        <v>22</v>
      </c>
      <c r="S15557">
        <v>23</v>
      </c>
      <c r="T15557">
        <v>23</v>
      </c>
      <c r="U15557">
        <v>23</v>
      </c>
      <c r="V15557">
        <v>23</v>
      </c>
      <c r="W15557">
        <v>23</v>
      </c>
      <c r="X15557">
        <v>23</v>
      </c>
      <c r="Y15557">
        <v>23</v>
      </c>
      <c r="Z15557">
        <v>24</v>
      </c>
      <c r="AA15557">
        <v>24</v>
      </c>
      <c r="AB15557">
        <v>24</v>
      </c>
      <c r="AC15557">
        <v>24</v>
      </c>
      <c r="AD15557">
        <v>24</v>
      </c>
      <c r="AE15557">
        <v>24</v>
      </c>
      <c r="AF15557">
        <v>24</v>
      </c>
      <c r="AG15557">
        <v>24</v>
      </c>
      <c r="AH15557">
        <v>24</v>
      </c>
      <c r="AI15557">
        <v>25</v>
      </c>
      <c r="AJ15557">
        <v>25</v>
      </c>
      <c r="AK15557">
        <v>25</v>
      </c>
      <c r="AL15557">
        <v>25</v>
      </c>
      <c r="AM15557">
        <v>24</v>
      </c>
      <c r="AN15557">
        <v>24</v>
      </c>
      <c r="AO15557">
        <v>24</v>
      </c>
      <c r="AP15557">
        <v>24</v>
      </c>
      <c r="AQ15557">
        <v>24</v>
      </c>
    </row>
    <row r="15558" spans="1:43">
      <c r="A15558" t="s">
        <v>9666</v>
      </c>
      <c r="B15558" t="s">
        <v>9667</v>
      </c>
      <c r="C15558" t="s">
        <v>9658</v>
      </c>
      <c r="D15558" t="s">
        <v>9659</v>
      </c>
      <c r="E15558" t="s">
        <v>9544</v>
      </c>
      <c r="F15558" t="s">
        <v>9545</v>
      </c>
      <c r="G15558" t="s">
        <v>80</v>
      </c>
      <c r="H15558" t="s">
        <v>81</v>
      </c>
      <c r="I15558" s="2">
        <v>0</v>
      </c>
      <c r="J15558" s="2">
        <v>1</v>
      </c>
      <c r="K15558" s="2">
        <v>0</v>
      </c>
      <c r="L15558" t="s">
        <v>82</v>
      </c>
      <c r="M15558" t="s">
        <v>83</v>
      </c>
      <c r="N15558" t="s">
        <v>84</v>
      </c>
      <c r="O15558" t="s">
        <v>85</v>
      </c>
      <c r="P15558" t="s">
        <v>86</v>
      </c>
      <c r="Q15558">
        <v>17</v>
      </c>
      <c r="R15558">
        <v>17</v>
      </c>
      <c r="S15558">
        <v>17</v>
      </c>
      <c r="T15558">
        <v>17</v>
      </c>
      <c r="U15558">
        <v>17</v>
      </c>
      <c r="V15558">
        <v>17</v>
      </c>
      <c r="W15558">
        <v>17</v>
      </c>
      <c r="X15558">
        <v>17</v>
      </c>
      <c r="Y15558">
        <v>18</v>
      </c>
      <c r="Z15558">
        <v>18</v>
      </c>
      <c r="AA15558">
        <v>18</v>
      </c>
      <c r="AB15558">
        <v>18</v>
      </c>
      <c r="AC15558">
        <v>18</v>
      </c>
      <c r="AD15558">
        <v>18</v>
      </c>
      <c r="AE15558">
        <v>18</v>
      </c>
      <c r="AF15558">
        <v>18</v>
      </c>
      <c r="AG15558">
        <v>18</v>
      </c>
      <c r="AH15558">
        <v>18</v>
      </c>
      <c r="AI15558">
        <v>18</v>
      </c>
      <c r="AJ15558">
        <v>18</v>
      </c>
      <c r="AK15558">
        <v>18</v>
      </c>
      <c r="AL15558">
        <v>18</v>
      </c>
      <c r="AM15558">
        <v>18</v>
      </c>
      <c r="AN15558">
        <v>18</v>
      </c>
      <c r="AO15558">
        <v>18</v>
      </c>
      <c r="AP15558">
        <v>18</v>
      </c>
      <c r="AQ15558">
        <v>18</v>
      </c>
    </row>
    <row r="15559" spans="1:43">
      <c r="A15559" t="s">
        <v>9666</v>
      </c>
      <c r="B15559" t="s">
        <v>9667</v>
      </c>
      <c r="C15559" t="s">
        <v>9658</v>
      </c>
      <c r="D15559" t="s">
        <v>9659</v>
      </c>
      <c r="E15559" t="s">
        <v>9544</v>
      </c>
      <c r="F15559" t="s">
        <v>9545</v>
      </c>
      <c r="G15559" t="s">
        <v>80</v>
      </c>
      <c r="H15559" t="s">
        <v>81</v>
      </c>
      <c r="I15559" s="2">
        <v>0</v>
      </c>
      <c r="J15559" s="2">
        <v>1</v>
      </c>
      <c r="K15559" s="2">
        <v>0</v>
      </c>
      <c r="L15559" t="s">
        <v>82</v>
      </c>
      <c r="M15559" t="s">
        <v>87</v>
      </c>
      <c r="N15559" t="s">
        <v>88</v>
      </c>
      <c r="O15559" t="s">
        <v>85</v>
      </c>
      <c r="P15559" t="s">
        <v>86</v>
      </c>
      <c r="Q15559">
        <v>17</v>
      </c>
      <c r="R15559">
        <v>17</v>
      </c>
      <c r="S15559">
        <v>17</v>
      </c>
      <c r="T15559">
        <v>17</v>
      </c>
      <c r="U15559">
        <v>17</v>
      </c>
      <c r="V15559">
        <v>17</v>
      </c>
      <c r="W15559">
        <v>17</v>
      </c>
      <c r="X15559">
        <v>17</v>
      </c>
      <c r="Y15559">
        <v>17</v>
      </c>
      <c r="Z15559">
        <v>17</v>
      </c>
      <c r="AA15559">
        <v>17</v>
      </c>
      <c r="AB15559">
        <v>17</v>
      </c>
      <c r="AC15559">
        <v>17</v>
      </c>
      <c r="AD15559">
        <v>17</v>
      </c>
      <c r="AE15559">
        <v>17</v>
      </c>
      <c r="AF15559">
        <v>17</v>
      </c>
      <c r="AG15559">
        <v>17</v>
      </c>
      <c r="AH15559">
        <v>17</v>
      </c>
      <c r="AI15559">
        <v>17</v>
      </c>
      <c r="AJ15559">
        <v>17</v>
      </c>
      <c r="AK15559">
        <v>17</v>
      </c>
      <c r="AL15559">
        <v>17</v>
      </c>
      <c r="AM15559">
        <v>17</v>
      </c>
      <c r="AN15559">
        <v>17</v>
      </c>
      <c r="AO15559">
        <v>17</v>
      </c>
      <c r="AP15559">
        <v>17</v>
      </c>
      <c r="AQ15559">
        <v>17</v>
      </c>
    </row>
    <row r="15560" spans="1:43">
      <c r="A15560" t="s">
        <v>9666</v>
      </c>
      <c r="B15560" t="s">
        <v>9667</v>
      </c>
      <c r="C15560" t="s">
        <v>9658</v>
      </c>
      <c r="D15560" t="s">
        <v>9659</v>
      </c>
      <c r="E15560" t="s">
        <v>9544</v>
      </c>
      <c r="F15560" t="s">
        <v>9545</v>
      </c>
      <c r="G15560" t="s">
        <v>80</v>
      </c>
      <c r="H15560" t="s">
        <v>81</v>
      </c>
      <c r="I15560" s="2">
        <v>0</v>
      </c>
      <c r="J15560" s="2">
        <v>1</v>
      </c>
      <c r="K15560" s="2">
        <v>0</v>
      </c>
      <c r="L15560" t="s">
        <v>82</v>
      </c>
      <c r="M15560" t="s">
        <v>89</v>
      </c>
      <c r="N15560" t="s">
        <v>90</v>
      </c>
      <c r="O15560" t="s">
        <v>85</v>
      </c>
      <c r="P15560" t="s">
        <v>86</v>
      </c>
      <c r="Q15560">
        <v>17</v>
      </c>
      <c r="R15560">
        <v>17</v>
      </c>
      <c r="S15560">
        <v>17</v>
      </c>
      <c r="T15560">
        <v>18</v>
      </c>
      <c r="U15560">
        <v>18</v>
      </c>
      <c r="V15560">
        <v>18</v>
      </c>
      <c r="W15560">
        <v>18</v>
      </c>
      <c r="X15560">
        <v>18</v>
      </c>
      <c r="Y15560">
        <v>19</v>
      </c>
      <c r="Z15560">
        <v>19</v>
      </c>
      <c r="AA15560">
        <v>19</v>
      </c>
      <c r="AB15560">
        <v>19</v>
      </c>
      <c r="AC15560">
        <v>19</v>
      </c>
      <c r="AD15560">
        <v>19</v>
      </c>
      <c r="AE15560">
        <v>19</v>
      </c>
      <c r="AF15560">
        <v>19</v>
      </c>
      <c r="AG15560">
        <v>19</v>
      </c>
      <c r="AH15560">
        <v>19</v>
      </c>
      <c r="AI15560">
        <v>19</v>
      </c>
      <c r="AJ15560">
        <v>19</v>
      </c>
      <c r="AK15560">
        <v>19</v>
      </c>
      <c r="AL15560">
        <v>19</v>
      </c>
      <c r="AM15560">
        <v>19</v>
      </c>
      <c r="AN15560">
        <v>19</v>
      </c>
      <c r="AO15560">
        <v>18</v>
      </c>
      <c r="AP15560">
        <v>18</v>
      </c>
      <c r="AQ15560">
        <v>18</v>
      </c>
    </row>
    <row r="15561" spans="1:43">
      <c r="A15561" t="s">
        <v>9666</v>
      </c>
      <c r="B15561" t="s">
        <v>9667</v>
      </c>
      <c r="C15561" t="s">
        <v>9658</v>
      </c>
      <c r="D15561" t="s">
        <v>9659</v>
      </c>
      <c r="E15561" t="s">
        <v>9544</v>
      </c>
      <c r="F15561" t="s">
        <v>9545</v>
      </c>
      <c r="G15561" t="s">
        <v>80</v>
      </c>
      <c r="H15561" t="s">
        <v>81</v>
      </c>
      <c r="I15561" s="2">
        <v>0</v>
      </c>
      <c r="J15561" s="2">
        <v>1</v>
      </c>
      <c r="K15561" s="2">
        <v>0</v>
      </c>
      <c r="L15561" t="s">
        <v>82</v>
      </c>
      <c r="M15561" t="s">
        <v>83</v>
      </c>
      <c r="N15561" t="s">
        <v>91</v>
      </c>
      <c r="O15561" t="s">
        <v>85</v>
      </c>
      <c r="P15561" t="s">
        <v>86</v>
      </c>
      <c r="Q15561">
        <v>17</v>
      </c>
      <c r="R15561">
        <v>17</v>
      </c>
      <c r="S15561">
        <v>17</v>
      </c>
      <c r="T15561">
        <v>17</v>
      </c>
      <c r="U15561">
        <v>17</v>
      </c>
      <c r="V15561">
        <v>17</v>
      </c>
      <c r="W15561">
        <v>17</v>
      </c>
      <c r="X15561">
        <v>17</v>
      </c>
      <c r="Y15561">
        <v>18</v>
      </c>
      <c r="Z15561">
        <v>18</v>
      </c>
      <c r="AA15561">
        <v>18</v>
      </c>
      <c r="AB15561">
        <v>18</v>
      </c>
      <c r="AC15561">
        <v>18</v>
      </c>
      <c r="AD15561">
        <v>18</v>
      </c>
      <c r="AE15561">
        <v>18</v>
      </c>
      <c r="AF15561">
        <v>18</v>
      </c>
      <c r="AG15561">
        <v>18</v>
      </c>
      <c r="AH15561">
        <v>18</v>
      </c>
      <c r="AI15561">
        <v>18</v>
      </c>
      <c r="AJ15561">
        <v>18</v>
      </c>
      <c r="AK15561">
        <v>18</v>
      </c>
      <c r="AL15561">
        <v>18</v>
      </c>
      <c r="AM15561">
        <v>18</v>
      </c>
      <c r="AN15561">
        <v>18</v>
      </c>
      <c r="AO15561">
        <v>18</v>
      </c>
      <c r="AP15561">
        <v>18</v>
      </c>
      <c r="AQ15561">
        <v>18</v>
      </c>
    </row>
    <row r="15562" spans="1:43">
      <c r="A15562" t="s">
        <v>9668</v>
      </c>
      <c r="B15562" t="s">
        <v>9669</v>
      </c>
      <c r="C15562" t="s">
        <v>9658</v>
      </c>
      <c r="D15562" t="s">
        <v>9659</v>
      </c>
      <c r="E15562" t="s">
        <v>9544</v>
      </c>
      <c r="F15562" t="s">
        <v>9545</v>
      </c>
      <c r="G15562" t="s">
        <v>80</v>
      </c>
      <c r="H15562" t="s">
        <v>81</v>
      </c>
      <c r="I15562" s="2">
        <v>0</v>
      </c>
      <c r="J15562" s="2">
        <v>1</v>
      </c>
      <c r="K15562" s="2">
        <v>0</v>
      </c>
      <c r="L15562" t="s">
        <v>82</v>
      </c>
      <c r="M15562" t="s">
        <v>83</v>
      </c>
      <c r="N15562" t="s">
        <v>84</v>
      </c>
      <c r="O15562" t="s">
        <v>85</v>
      </c>
      <c r="P15562" t="s">
        <v>86</v>
      </c>
      <c r="Q15562">
        <v>4</v>
      </c>
      <c r="R15562">
        <v>4</v>
      </c>
      <c r="S15562">
        <v>4</v>
      </c>
      <c r="T15562">
        <v>4</v>
      </c>
      <c r="U15562">
        <v>4</v>
      </c>
      <c r="V15562">
        <v>4</v>
      </c>
      <c r="W15562">
        <v>4</v>
      </c>
      <c r="X15562">
        <v>4</v>
      </c>
      <c r="Y15562">
        <v>4</v>
      </c>
      <c r="Z15562">
        <v>4</v>
      </c>
      <c r="AA15562">
        <v>4</v>
      </c>
      <c r="AB15562">
        <v>4</v>
      </c>
      <c r="AC15562">
        <v>4</v>
      </c>
      <c r="AD15562">
        <v>4</v>
      </c>
      <c r="AE15562">
        <v>4</v>
      </c>
      <c r="AF15562">
        <v>4</v>
      </c>
      <c r="AG15562">
        <v>5</v>
      </c>
      <c r="AH15562">
        <v>5</v>
      </c>
      <c r="AI15562">
        <v>5</v>
      </c>
      <c r="AJ15562">
        <v>5</v>
      </c>
      <c r="AK15562">
        <v>5</v>
      </c>
      <c r="AL15562">
        <v>5</v>
      </c>
      <c r="AM15562">
        <v>5</v>
      </c>
      <c r="AN15562">
        <v>5</v>
      </c>
      <c r="AO15562">
        <v>4</v>
      </c>
      <c r="AP15562">
        <v>4</v>
      </c>
      <c r="AQ15562">
        <v>4</v>
      </c>
    </row>
    <row r="15563" spans="1:43">
      <c r="A15563" t="s">
        <v>9668</v>
      </c>
      <c r="B15563" t="s">
        <v>9669</v>
      </c>
      <c r="C15563" t="s">
        <v>9658</v>
      </c>
      <c r="D15563" t="s">
        <v>9659</v>
      </c>
      <c r="E15563" t="s">
        <v>9544</v>
      </c>
      <c r="F15563" t="s">
        <v>9545</v>
      </c>
      <c r="G15563" t="s">
        <v>80</v>
      </c>
      <c r="H15563" t="s">
        <v>81</v>
      </c>
      <c r="I15563" s="2">
        <v>0</v>
      </c>
      <c r="J15563" s="2">
        <v>1</v>
      </c>
      <c r="K15563" s="2">
        <v>0</v>
      </c>
      <c r="L15563" t="s">
        <v>82</v>
      </c>
      <c r="M15563" t="s">
        <v>87</v>
      </c>
      <c r="N15563" t="s">
        <v>88</v>
      </c>
      <c r="O15563" t="s">
        <v>85</v>
      </c>
      <c r="P15563" t="s">
        <v>86</v>
      </c>
      <c r="Q15563">
        <v>4</v>
      </c>
      <c r="R15563">
        <v>4</v>
      </c>
      <c r="S15563">
        <v>4</v>
      </c>
      <c r="T15563">
        <v>4</v>
      </c>
      <c r="U15563">
        <v>4</v>
      </c>
      <c r="V15563">
        <v>4</v>
      </c>
      <c r="W15563">
        <v>4</v>
      </c>
      <c r="X15563">
        <v>4</v>
      </c>
      <c r="Y15563">
        <v>4</v>
      </c>
      <c r="Z15563">
        <v>4</v>
      </c>
      <c r="AA15563">
        <v>4</v>
      </c>
      <c r="AB15563">
        <v>4</v>
      </c>
      <c r="AC15563">
        <v>4</v>
      </c>
      <c r="AD15563">
        <v>4</v>
      </c>
      <c r="AE15563">
        <v>4</v>
      </c>
      <c r="AF15563">
        <v>4</v>
      </c>
      <c r="AG15563">
        <v>4</v>
      </c>
      <c r="AH15563">
        <v>4</v>
      </c>
      <c r="AI15563">
        <v>4</v>
      </c>
      <c r="AJ15563">
        <v>4</v>
      </c>
      <c r="AK15563">
        <v>4</v>
      </c>
      <c r="AL15563">
        <v>4</v>
      </c>
      <c r="AM15563">
        <v>4</v>
      </c>
      <c r="AN15563">
        <v>4</v>
      </c>
      <c r="AO15563">
        <v>4</v>
      </c>
      <c r="AP15563">
        <v>4</v>
      </c>
      <c r="AQ15563">
        <v>4</v>
      </c>
    </row>
    <row r="15564" spans="1:43">
      <c r="A15564" t="s">
        <v>9668</v>
      </c>
      <c r="B15564" t="s">
        <v>9669</v>
      </c>
      <c r="C15564" t="s">
        <v>9658</v>
      </c>
      <c r="D15564" t="s">
        <v>9659</v>
      </c>
      <c r="E15564" t="s">
        <v>9544</v>
      </c>
      <c r="F15564" t="s">
        <v>9545</v>
      </c>
      <c r="G15564" t="s">
        <v>80</v>
      </c>
      <c r="H15564" t="s">
        <v>81</v>
      </c>
      <c r="I15564" s="2">
        <v>0</v>
      </c>
      <c r="J15564" s="2">
        <v>1</v>
      </c>
      <c r="K15564" s="2">
        <v>0</v>
      </c>
      <c r="L15564" t="s">
        <v>82</v>
      </c>
      <c r="M15564" t="s">
        <v>89</v>
      </c>
      <c r="N15564" t="s">
        <v>90</v>
      </c>
      <c r="O15564" t="s">
        <v>85</v>
      </c>
      <c r="P15564" t="s">
        <v>86</v>
      </c>
      <c r="Q15564">
        <v>4</v>
      </c>
      <c r="R15564">
        <v>4</v>
      </c>
      <c r="S15564">
        <v>4</v>
      </c>
      <c r="T15564">
        <v>4</v>
      </c>
      <c r="U15564">
        <v>4</v>
      </c>
      <c r="V15564">
        <v>4</v>
      </c>
      <c r="W15564">
        <v>5</v>
      </c>
      <c r="X15564">
        <v>5</v>
      </c>
      <c r="Y15564">
        <v>5</v>
      </c>
      <c r="Z15564">
        <v>5</v>
      </c>
      <c r="AA15564">
        <v>5</v>
      </c>
      <c r="AB15564">
        <v>5</v>
      </c>
      <c r="AC15564">
        <v>5</v>
      </c>
      <c r="AD15564">
        <v>5</v>
      </c>
      <c r="AE15564">
        <v>5</v>
      </c>
      <c r="AF15564">
        <v>5</v>
      </c>
      <c r="AG15564">
        <v>5</v>
      </c>
      <c r="AH15564">
        <v>5</v>
      </c>
      <c r="AI15564">
        <v>5</v>
      </c>
      <c r="AJ15564">
        <v>5</v>
      </c>
      <c r="AK15564">
        <v>5</v>
      </c>
      <c r="AL15564">
        <v>5</v>
      </c>
      <c r="AM15564">
        <v>5</v>
      </c>
      <c r="AN15564">
        <v>5</v>
      </c>
      <c r="AO15564">
        <v>5</v>
      </c>
      <c r="AP15564">
        <v>5</v>
      </c>
      <c r="AQ15564">
        <v>5</v>
      </c>
    </row>
    <row r="15565" spans="1:43">
      <c r="A15565" t="s">
        <v>9668</v>
      </c>
      <c r="B15565" t="s">
        <v>9669</v>
      </c>
      <c r="C15565" t="s">
        <v>9658</v>
      </c>
      <c r="D15565" t="s">
        <v>9659</v>
      </c>
      <c r="E15565" t="s">
        <v>9544</v>
      </c>
      <c r="F15565" t="s">
        <v>9545</v>
      </c>
      <c r="G15565" t="s">
        <v>80</v>
      </c>
      <c r="H15565" t="s">
        <v>81</v>
      </c>
      <c r="I15565" s="2">
        <v>0</v>
      </c>
      <c r="J15565" s="2">
        <v>1</v>
      </c>
      <c r="K15565" s="2">
        <v>0</v>
      </c>
      <c r="L15565" t="s">
        <v>82</v>
      </c>
      <c r="M15565" t="s">
        <v>83</v>
      </c>
      <c r="N15565" t="s">
        <v>91</v>
      </c>
      <c r="O15565" t="s">
        <v>85</v>
      </c>
      <c r="P15565" t="s">
        <v>86</v>
      </c>
      <c r="Q15565">
        <v>4</v>
      </c>
      <c r="R15565">
        <v>4</v>
      </c>
      <c r="S15565">
        <v>4</v>
      </c>
      <c r="T15565">
        <v>4</v>
      </c>
      <c r="U15565">
        <v>4</v>
      </c>
      <c r="V15565">
        <v>4</v>
      </c>
      <c r="W15565">
        <v>4</v>
      </c>
      <c r="X15565">
        <v>4</v>
      </c>
      <c r="Y15565">
        <v>4</v>
      </c>
      <c r="Z15565">
        <v>4</v>
      </c>
      <c r="AA15565">
        <v>4</v>
      </c>
      <c r="AB15565">
        <v>4</v>
      </c>
      <c r="AC15565">
        <v>4</v>
      </c>
      <c r="AD15565">
        <v>4</v>
      </c>
      <c r="AE15565">
        <v>4</v>
      </c>
      <c r="AF15565">
        <v>4</v>
      </c>
      <c r="AG15565">
        <v>5</v>
      </c>
      <c r="AH15565">
        <v>5</v>
      </c>
      <c r="AI15565">
        <v>5</v>
      </c>
      <c r="AJ15565">
        <v>5</v>
      </c>
      <c r="AK15565">
        <v>5</v>
      </c>
      <c r="AL15565">
        <v>5</v>
      </c>
      <c r="AM15565">
        <v>5</v>
      </c>
      <c r="AN15565">
        <v>5</v>
      </c>
      <c r="AO15565">
        <v>4</v>
      </c>
      <c r="AP15565">
        <v>4</v>
      </c>
      <c r="AQ15565">
        <v>4</v>
      </c>
    </row>
    <row r="15566" spans="1:43">
      <c r="A15566" t="s">
        <v>9670</v>
      </c>
      <c r="B15566" t="s">
        <v>9671</v>
      </c>
      <c r="C15566" t="s">
        <v>9662</v>
      </c>
      <c r="D15566" t="s">
        <v>9663</v>
      </c>
      <c r="E15566" t="s">
        <v>9544</v>
      </c>
      <c r="F15566" t="s">
        <v>9545</v>
      </c>
      <c r="G15566" t="s">
        <v>80</v>
      </c>
      <c r="H15566" t="s">
        <v>81</v>
      </c>
      <c r="I15566" s="2">
        <v>0</v>
      </c>
      <c r="J15566" s="2">
        <v>1</v>
      </c>
      <c r="K15566" s="2">
        <v>0</v>
      </c>
      <c r="L15566" t="s">
        <v>82</v>
      </c>
      <c r="M15566" t="s">
        <v>83</v>
      </c>
      <c r="N15566" t="s">
        <v>84</v>
      </c>
      <c r="O15566" t="s">
        <v>85</v>
      </c>
      <c r="P15566" t="s">
        <v>86</v>
      </c>
      <c r="Q15566">
        <v>25</v>
      </c>
      <c r="R15566">
        <v>25</v>
      </c>
      <c r="S15566">
        <v>25</v>
      </c>
      <c r="T15566">
        <v>25</v>
      </c>
      <c r="U15566">
        <v>25</v>
      </c>
      <c r="V15566">
        <v>25</v>
      </c>
      <c r="W15566">
        <v>26</v>
      </c>
      <c r="X15566">
        <v>26</v>
      </c>
      <c r="Y15566">
        <v>26</v>
      </c>
      <c r="Z15566">
        <v>26</v>
      </c>
      <c r="AA15566">
        <v>26</v>
      </c>
      <c r="AB15566">
        <v>26</v>
      </c>
      <c r="AC15566">
        <v>26</v>
      </c>
      <c r="AD15566">
        <v>27</v>
      </c>
      <c r="AE15566">
        <v>27</v>
      </c>
      <c r="AF15566">
        <v>27</v>
      </c>
      <c r="AG15566">
        <v>27</v>
      </c>
      <c r="AH15566">
        <v>27</v>
      </c>
      <c r="AI15566">
        <v>27</v>
      </c>
      <c r="AJ15566">
        <v>27</v>
      </c>
      <c r="AK15566">
        <v>27</v>
      </c>
      <c r="AL15566">
        <v>27</v>
      </c>
      <c r="AM15566">
        <v>27</v>
      </c>
      <c r="AN15566">
        <v>27</v>
      </c>
      <c r="AO15566">
        <v>27</v>
      </c>
      <c r="AP15566">
        <v>27</v>
      </c>
      <c r="AQ15566">
        <v>26</v>
      </c>
    </row>
    <row r="15567" spans="1:43">
      <c r="A15567" t="s">
        <v>9670</v>
      </c>
      <c r="B15567" t="s">
        <v>9671</v>
      </c>
      <c r="C15567" t="s">
        <v>9662</v>
      </c>
      <c r="D15567" t="s">
        <v>9663</v>
      </c>
      <c r="E15567" t="s">
        <v>9544</v>
      </c>
      <c r="F15567" t="s">
        <v>9545</v>
      </c>
      <c r="G15567" t="s">
        <v>80</v>
      </c>
      <c r="H15567" t="s">
        <v>81</v>
      </c>
      <c r="I15567" s="2">
        <v>0</v>
      </c>
      <c r="J15567" s="2">
        <v>1</v>
      </c>
      <c r="K15567" s="2">
        <v>0</v>
      </c>
      <c r="L15567" t="s">
        <v>82</v>
      </c>
      <c r="M15567" t="s">
        <v>87</v>
      </c>
      <c r="N15567" t="s">
        <v>88</v>
      </c>
      <c r="O15567" t="s">
        <v>85</v>
      </c>
      <c r="P15567" t="s">
        <v>86</v>
      </c>
      <c r="Q15567">
        <v>25</v>
      </c>
      <c r="R15567">
        <v>25</v>
      </c>
      <c r="S15567">
        <v>25</v>
      </c>
      <c r="T15567">
        <v>25</v>
      </c>
      <c r="U15567">
        <v>25</v>
      </c>
      <c r="V15567">
        <v>25</v>
      </c>
      <c r="W15567">
        <v>25</v>
      </c>
      <c r="X15567">
        <v>25</v>
      </c>
      <c r="Y15567">
        <v>25</v>
      </c>
      <c r="Z15567">
        <v>25</v>
      </c>
      <c r="AA15567">
        <v>25</v>
      </c>
      <c r="AB15567">
        <v>25</v>
      </c>
      <c r="AC15567">
        <v>25</v>
      </c>
      <c r="AD15567">
        <v>25</v>
      </c>
      <c r="AE15567">
        <v>25</v>
      </c>
      <c r="AF15567">
        <v>25</v>
      </c>
      <c r="AG15567">
        <v>25</v>
      </c>
      <c r="AH15567">
        <v>24</v>
      </c>
      <c r="AI15567">
        <v>24</v>
      </c>
      <c r="AJ15567">
        <v>24</v>
      </c>
      <c r="AK15567">
        <v>24</v>
      </c>
      <c r="AL15567">
        <v>24</v>
      </c>
      <c r="AM15567">
        <v>24</v>
      </c>
      <c r="AN15567">
        <v>24</v>
      </c>
      <c r="AO15567">
        <v>24</v>
      </c>
      <c r="AP15567">
        <v>24</v>
      </c>
      <c r="AQ15567">
        <v>24</v>
      </c>
    </row>
    <row r="15568" spans="1:43">
      <c r="A15568" t="s">
        <v>9670</v>
      </c>
      <c r="B15568" t="s">
        <v>9671</v>
      </c>
      <c r="C15568" t="s">
        <v>9662</v>
      </c>
      <c r="D15568" t="s">
        <v>9663</v>
      </c>
      <c r="E15568" t="s">
        <v>9544</v>
      </c>
      <c r="F15568" t="s">
        <v>9545</v>
      </c>
      <c r="G15568" t="s">
        <v>80</v>
      </c>
      <c r="H15568" t="s">
        <v>81</v>
      </c>
      <c r="I15568" s="2">
        <v>0</v>
      </c>
      <c r="J15568" s="2">
        <v>1</v>
      </c>
      <c r="K15568" s="2">
        <v>0</v>
      </c>
      <c r="L15568" t="s">
        <v>82</v>
      </c>
      <c r="M15568" t="s">
        <v>89</v>
      </c>
      <c r="N15568" t="s">
        <v>90</v>
      </c>
      <c r="O15568" t="s">
        <v>85</v>
      </c>
      <c r="P15568" t="s">
        <v>86</v>
      </c>
      <c r="Q15568">
        <v>25</v>
      </c>
      <c r="R15568">
        <v>25</v>
      </c>
      <c r="S15568">
        <v>26</v>
      </c>
      <c r="T15568">
        <v>26</v>
      </c>
      <c r="U15568">
        <v>26</v>
      </c>
      <c r="V15568">
        <v>27</v>
      </c>
      <c r="W15568">
        <v>27</v>
      </c>
      <c r="X15568">
        <v>27</v>
      </c>
      <c r="Y15568">
        <v>27</v>
      </c>
      <c r="Z15568">
        <v>28</v>
      </c>
      <c r="AA15568">
        <v>28</v>
      </c>
      <c r="AB15568">
        <v>28</v>
      </c>
      <c r="AC15568">
        <v>28</v>
      </c>
      <c r="AD15568">
        <v>29</v>
      </c>
      <c r="AE15568">
        <v>29</v>
      </c>
      <c r="AF15568">
        <v>28</v>
      </c>
      <c r="AG15568">
        <v>28</v>
      </c>
      <c r="AH15568">
        <v>28</v>
      </c>
      <c r="AI15568">
        <v>28</v>
      </c>
      <c r="AJ15568">
        <v>28</v>
      </c>
      <c r="AK15568">
        <v>28</v>
      </c>
      <c r="AL15568">
        <v>28</v>
      </c>
      <c r="AM15568">
        <v>27</v>
      </c>
      <c r="AN15568">
        <v>27</v>
      </c>
      <c r="AO15568">
        <v>27</v>
      </c>
      <c r="AP15568">
        <v>27</v>
      </c>
      <c r="AQ15568">
        <v>27</v>
      </c>
    </row>
    <row r="15569" spans="1:43">
      <c r="A15569" t="s">
        <v>9670</v>
      </c>
      <c r="B15569" t="s">
        <v>9671</v>
      </c>
      <c r="C15569" t="s">
        <v>9662</v>
      </c>
      <c r="D15569" t="s">
        <v>9663</v>
      </c>
      <c r="E15569" t="s">
        <v>9544</v>
      </c>
      <c r="F15569" t="s">
        <v>9545</v>
      </c>
      <c r="G15569" t="s">
        <v>80</v>
      </c>
      <c r="H15569" t="s">
        <v>81</v>
      </c>
      <c r="I15569" s="2">
        <v>0</v>
      </c>
      <c r="J15569" s="2">
        <v>1</v>
      </c>
      <c r="K15569" s="2">
        <v>0</v>
      </c>
      <c r="L15569" t="s">
        <v>82</v>
      </c>
      <c r="M15569" t="s">
        <v>83</v>
      </c>
      <c r="N15569" t="s">
        <v>91</v>
      </c>
      <c r="O15569" t="s">
        <v>85</v>
      </c>
      <c r="P15569" t="s">
        <v>86</v>
      </c>
      <c r="Q15569">
        <v>25</v>
      </c>
      <c r="R15569">
        <v>25</v>
      </c>
      <c r="S15569">
        <v>25</v>
      </c>
      <c r="T15569">
        <v>25</v>
      </c>
      <c r="U15569">
        <v>25</v>
      </c>
      <c r="V15569">
        <v>25</v>
      </c>
      <c r="W15569">
        <v>26</v>
      </c>
      <c r="X15569">
        <v>26</v>
      </c>
      <c r="Y15569">
        <v>26</v>
      </c>
      <c r="Z15569">
        <v>26</v>
      </c>
      <c r="AA15569">
        <v>26</v>
      </c>
      <c r="AB15569">
        <v>26</v>
      </c>
      <c r="AC15569">
        <v>26</v>
      </c>
      <c r="AD15569">
        <v>27</v>
      </c>
      <c r="AE15569">
        <v>27</v>
      </c>
      <c r="AF15569">
        <v>27</v>
      </c>
      <c r="AG15569">
        <v>27</v>
      </c>
      <c r="AH15569">
        <v>27</v>
      </c>
      <c r="AI15569">
        <v>27</v>
      </c>
      <c r="AJ15569">
        <v>27</v>
      </c>
      <c r="AK15569">
        <v>27</v>
      </c>
      <c r="AL15569">
        <v>27</v>
      </c>
      <c r="AM15569">
        <v>27</v>
      </c>
      <c r="AN15569">
        <v>27</v>
      </c>
      <c r="AO15569">
        <v>27</v>
      </c>
      <c r="AP15569">
        <v>27</v>
      </c>
      <c r="AQ15569">
        <v>26</v>
      </c>
    </row>
    <row r="15570" spans="1:43">
      <c r="A15570" t="s">
        <v>9672</v>
      </c>
      <c r="B15570" t="s">
        <v>9673</v>
      </c>
      <c r="C15570" t="s">
        <v>9662</v>
      </c>
      <c r="D15570" t="s">
        <v>9663</v>
      </c>
      <c r="E15570" t="s">
        <v>9544</v>
      </c>
      <c r="F15570" t="s">
        <v>9545</v>
      </c>
      <c r="G15570" t="s">
        <v>80</v>
      </c>
      <c r="H15570" t="s">
        <v>81</v>
      </c>
      <c r="I15570" s="2">
        <v>0</v>
      </c>
      <c r="J15570" s="2">
        <v>1</v>
      </c>
      <c r="K15570" s="2">
        <v>0</v>
      </c>
      <c r="L15570" t="s">
        <v>82</v>
      </c>
      <c r="M15570" t="s">
        <v>83</v>
      </c>
      <c r="N15570" t="s">
        <v>84</v>
      </c>
      <c r="O15570" t="s">
        <v>85</v>
      </c>
      <c r="P15570" t="s">
        <v>86</v>
      </c>
      <c r="Q15570">
        <v>17</v>
      </c>
      <c r="R15570">
        <v>17</v>
      </c>
      <c r="S15570">
        <v>17</v>
      </c>
      <c r="T15570">
        <v>17</v>
      </c>
      <c r="U15570">
        <v>17</v>
      </c>
      <c r="V15570">
        <v>17</v>
      </c>
      <c r="W15570">
        <v>17</v>
      </c>
      <c r="X15570">
        <v>18</v>
      </c>
      <c r="Y15570">
        <v>18</v>
      </c>
      <c r="Z15570">
        <v>18</v>
      </c>
      <c r="AA15570">
        <v>18</v>
      </c>
      <c r="AB15570">
        <v>18</v>
      </c>
      <c r="AC15570">
        <v>18</v>
      </c>
      <c r="AD15570">
        <v>18</v>
      </c>
      <c r="AE15570">
        <v>18</v>
      </c>
      <c r="AF15570">
        <v>18</v>
      </c>
      <c r="AG15570">
        <v>18</v>
      </c>
      <c r="AH15570">
        <v>18</v>
      </c>
      <c r="AI15570">
        <v>18</v>
      </c>
      <c r="AJ15570">
        <v>19</v>
      </c>
      <c r="AK15570">
        <v>19</v>
      </c>
      <c r="AL15570">
        <v>19</v>
      </c>
      <c r="AM15570">
        <v>18</v>
      </c>
      <c r="AN15570">
        <v>18</v>
      </c>
      <c r="AO15570">
        <v>18</v>
      </c>
      <c r="AP15570">
        <v>18</v>
      </c>
      <c r="AQ15570">
        <v>18</v>
      </c>
    </row>
    <row r="15571" spans="1:43">
      <c r="A15571" t="s">
        <v>9672</v>
      </c>
      <c r="B15571" t="s">
        <v>9673</v>
      </c>
      <c r="C15571" t="s">
        <v>9662</v>
      </c>
      <c r="D15571" t="s">
        <v>9663</v>
      </c>
      <c r="E15571" t="s">
        <v>9544</v>
      </c>
      <c r="F15571" t="s">
        <v>9545</v>
      </c>
      <c r="G15571" t="s">
        <v>80</v>
      </c>
      <c r="H15571" t="s">
        <v>81</v>
      </c>
      <c r="I15571" s="2">
        <v>0</v>
      </c>
      <c r="J15571" s="2">
        <v>1</v>
      </c>
      <c r="K15571" s="2">
        <v>0</v>
      </c>
      <c r="L15571" t="s">
        <v>82</v>
      </c>
      <c r="M15571" t="s">
        <v>87</v>
      </c>
      <c r="N15571" t="s">
        <v>88</v>
      </c>
      <c r="O15571" t="s">
        <v>85</v>
      </c>
      <c r="P15571" t="s">
        <v>86</v>
      </c>
      <c r="Q15571">
        <v>17</v>
      </c>
      <c r="R15571">
        <v>17</v>
      </c>
      <c r="S15571">
        <v>17</v>
      </c>
      <c r="T15571">
        <v>17</v>
      </c>
      <c r="U15571">
        <v>16</v>
      </c>
      <c r="V15571">
        <v>16</v>
      </c>
      <c r="W15571">
        <v>16</v>
      </c>
      <c r="X15571">
        <v>16</v>
      </c>
      <c r="Y15571">
        <v>16</v>
      </c>
      <c r="Z15571">
        <v>16</v>
      </c>
      <c r="AA15571">
        <v>16</v>
      </c>
      <c r="AB15571">
        <v>16</v>
      </c>
      <c r="AC15571">
        <v>16</v>
      </c>
      <c r="AD15571">
        <v>16</v>
      </c>
      <c r="AE15571">
        <v>16</v>
      </c>
      <c r="AF15571">
        <v>16</v>
      </c>
      <c r="AG15571">
        <v>16</v>
      </c>
      <c r="AH15571">
        <v>16</v>
      </c>
      <c r="AI15571">
        <v>16</v>
      </c>
      <c r="AJ15571">
        <v>16</v>
      </c>
      <c r="AK15571">
        <v>16</v>
      </c>
      <c r="AL15571">
        <v>16</v>
      </c>
      <c r="AM15571">
        <v>16</v>
      </c>
      <c r="AN15571">
        <v>16</v>
      </c>
      <c r="AO15571">
        <v>16</v>
      </c>
      <c r="AP15571">
        <v>16</v>
      </c>
      <c r="AQ15571">
        <v>16</v>
      </c>
    </row>
    <row r="15572" spans="1:43">
      <c r="A15572" t="s">
        <v>9672</v>
      </c>
      <c r="B15572" t="s">
        <v>9673</v>
      </c>
      <c r="C15572" t="s">
        <v>9662</v>
      </c>
      <c r="D15572" t="s">
        <v>9663</v>
      </c>
      <c r="E15572" t="s">
        <v>9544</v>
      </c>
      <c r="F15572" t="s">
        <v>9545</v>
      </c>
      <c r="G15572" t="s">
        <v>80</v>
      </c>
      <c r="H15572" t="s">
        <v>81</v>
      </c>
      <c r="I15572" s="2">
        <v>0</v>
      </c>
      <c r="J15572" s="2">
        <v>1</v>
      </c>
      <c r="K15572" s="2">
        <v>0</v>
      </c>
      <c r="L15572" t="s">
        <v>82</v>
      </c>
      <c r="M15572" t="s">
        <v>89</v>
      </c>
      <c r="N15572" t="s">
        <v>90</v>
      </c>
      <c r="O15572" t="s">
        <v>85</v>
      </c>
      <c r="P15572" t="s">
        <v>86</v>
      </c>
      <c r="Q15572">
        <v>17</v>
      </c>
      <c r="R15572">
        <v>17</v>
      </c>
      <c r="S15572">
        <v>17</v>
      </c>
      <c r="T15572">
        <v>18</v>
      </c>
      <c r="U15572">
        <v>18</v>
      </c>
      <c r="V15572">
        <v>18</v>
      </c>
      <c r="W15572">
        <v>18</v>
      </c>
      <c r="X15572">
        <v>19</v>
      </c>
      <c r="Y15572">
        <v>19</v>
      </c>
      <c r="Z15572">
        <v>19</v>
      </c>
      <c r="AA15572">
        <v>19</v>
      </c>
      <c r="AB15572">
        <v>19</v>
      </c>
      <c r="AC15572">
        <v>19</v>
      </c>
      <c r="AD15572">
        <v>19</v>
      </c>
      <c r="AE15572">
        <v>20</v>
      </c>
      <c r="AF15572">
        <v>19</v>
      </c>
      <c r="AG15572">
        <v>19</v>
      </c>
      <c r="AH15572">
        <v>19</v>
      </c>
      <c r="AI15572">
        <v>19</v>
      </c>
      <c r="AJ15572">
        <v>19</v>
      </c>
      <c r="AK15572">
        <v>19</v>
      </c>
      <c r="AL15572">
        <v>19</v>
      </c>
      <c r="AM15572">
        <v>19</v>
      </c>
      <c r="AN15572">
        <v>19</v>
      </c>
      <c r="AO15572">
        <v>19</v>
      </c>
      <c r="AP15572">
        <v>18</v>
      </c>
      <c r="AQ15572">
        <v>18</v>
      </c>
    </row>
    <row r="15573" spans="1:43">
      <c r="A15573" t="s">
        <v>9672</v>
      </c>
      <c r="B15573" t="s">
        <v>9673</v>
      </c>
      <c r="C15573" t="s">
        <v>9662</v>
      </c>
      <c r="D15573" t="s">
        <v>9663</v>
      </c>
      <c r="E15573" t="s">
        <v>9544</v>
      </c>
      <c r="F15573" t="s">
        <v>9545</v>
      </c>
      <c r="G15573" t="s">
        <v>80</v>
      </c>
      <c r="H15573" t="s">
        <v>81</v>
      </c>
      <c r="I15573" s="2">
        <v>0</v>
      </c>
      <c r="J15573" s="2">
        <v>1</v>
      </c>
      <c r="K15573" s="2">
        <v>0</v>
      </c>
      <c r="L15573" t="s">
        <v>82</v>
      </c>
      <c r="M15573" t="s">
        <v>83</v>
      </c>
      <c r="N15573" t="s">
        <v>91</v>
      </c>
      <c r="O15573" t="s">
        <v>85</v>
      </c>
      <c r="P15573" t="s">
        <v>86</v>
      </c>
      <c r="Q15573">
        <v>17</v>
      </c>
      <c r="R15573">
        <v>17</v>
      </c>
      <c r="S15573">
        <v>17</v>
      </c>
      <c r="T15573">
        <v>17</v>
      </c>
      <c r="U15573">
        <v>17</v>
      </c>
      <c r="V15573">
        <v>17</v>
      </c>
      <c r="W15573">
        <v>17</v>
      </c>
      <c r="X15573">
        <v>18</v>
      </c>
      <c r="Y15573">
        <v>18</v>
      </c>
      <c r="Z15573">
        <v>18</v>
      </c>
      <c r="AA15573">
        <v>18</v>
      </c>
      <c r="AB15573">
        <v>18</v>
      </c>
      <c r="AC15573">
        <v>18</v>
      </c>
      <c r="AD15573">
        <v>18</v>
      </c>
      <c r="AE15573">
        <v>18</v>
      </c>
      <c r="AF15573">
        <v>18</v>
      </c>
      <c r="AG15573">
        <v>18</v>
      </c>
      <c r="AH15573">
        <v>18</v>
      </c>
      <c r="AI15573">
        <v>18</v>
      </c>
      <c r="AJ15573">
        <v>19</v>
      </c>
      <c r="AK15573">
        <v>19</v>
      </c>
      <c r="AL15573">
        <v>19</v>
      </c>
      <c r="AM15573">
        <v>18</v>
      </c>
      <c r="AN15573">
        <v>18</v>
      </c>
      <c r="AO15573">
        <v>18</v>
      </c>
      <c r="AP15573">
        <v>18</v>
      </c>
      <c r="AQ15573">
        <v>18</v>
      </c>
    </row>
    <row r="15574" spans="1:43">
      <c r="A15574" t="s">
        <v>9674</v>
      </c>
      <c r="B15574" t="s">
        <v>9675</v>
      </c>
      <c r="C15574" t="s">
        <v>9658</v>
      </c>
      <c r="D15574" t="s">
        <v>9659</v>
      </c>
      <c r="E15574" t="s">
        <v>9544</v>
      </c>
      <c r="F15574" t="s">
        <v>9545</v>
      </c>
      <c r="G15574" t="s">
        <v>80</v>
      </c>
      <c r="H15574" t="s">
        <v>81</v>
      </c>
      <c r="I15574" s="2">
        <v>0</v>
      </c>
      <c r="J15574" s="2">
        <v>1</v>
      </c>
      <c r="K15574" s="2">
        <v>0</v>
      </c>
      <c r="L15574" t="s">
        <v>82</v>
      </c>
      <c r="M15574" t="s">
        <v>83</v>
      </c>
      <c r="N15574" t="s">
        <v>84</v>
      </c>
      <c r="O15574" t="s">
        <v>85</v>
      </c>
      <c r="P15574" t="s">
        <v>86</v>
      </c>
      <c r="Q15574">
        <v>11</v>
      </c>
      <c r="R15574">
        <v>11</v>
      </c>
      <c r="S15574">
        <v>11</v>
      </c>
      <c r="T15574">
        <v>11</v>
      </c>
      <c r="U15574">
        <v>11</v>
      </c>
      <c r="V15574">
        <v>11</v>
      </c>
      <c r="W15574">
        <v>11</v>
      </c>
      <c r="X15574">
        <v>11</v>
      </c>
      <c r="Y15574">
        <v>11</v>
      </c>
      <c r="Z15574">
        <v>11</v>
      </c>
      <c r="AA15574">
        <v>11</v>
      </c>
      <c r="AB15574">
        <v>11</v>
      </c>
      <c r="AC15574">
        <v>11</v>
      </c>
      <c r="AD15574">
        <v>11</v>
      </c>
      <c r="AE15574">
        <v>12</v>
      </c>
      <c r="AF15574">
        <v>12</v>
      </c>
      <c r="AG15574">
        <v>12</v>
      </c>
      <c r="AH15574">
        <v>12</v>
      </c>
      <c r="AI15574">
        <v>12</v>
      </c>
      <c r="AJ15574">
        <v>12</v>
      </c>
      <c r="AK15574">
        <v>12</v>
      </c>
      <c r="AL15574">
        <v>12</v>
      </c>
      <c r="AM15574">
        <v>12</v>
      </c>
      <c r="AN15574">
        <v>12</v>
      </c>
      <c r="AO15574">
        <v>12</v>
      </c>
      <c r="AP15574">
        <v>12</v>
      </c>
      <c r="AQ15574">
        <v>12</v>
      </c>
    </row>
    <row r="15575" spans="1:43">
      <c r="A15575" t="s">
        <v>9674</v>
      </c>
      <c r="B15575" t="s">
        <v>9675</v>
      </c>
      <c r="C15575" t="s">
        <v>9658</v>
      </c>
      <c r="D15575" t="s">
        <v>9659</v>
      </c>
      <c r="E15575" t="s">
        <v>9544</v>
      </c>
      <c r="F15575" t="s">
        <v>9545</v>
      </c>
      <c r="G15575" t="s">
        <v>80</v>
      </c>
      <c r="H15575" t="s">
        <v>81</v>
      </c>
      <c r="I15575" s="2">
        <v>0</v>
      </c>
      <c r="J15575" s="2">
        <v>1</v>
      </c>
      <c r="K15575" s="2">
        <v>0</v>
      </c>
      <c r="L15575" t="s">
        <v>82</v>
      </c>
      <c r="M15575" t="s">
        <v>87</v>
      </c>
      <c r="N15575" t="s">
        <v>88</v>
      </c>
      <c r="O15575" t="s">
        <v>85</v>
      </c>
      <c r="P15575" t="s">
        <v>86</v>
      </c>
      <c r="Q15575">
        <v>11</v>
      </c>
      <c r="R15575">
        <v>11</v>
      </c>
      <c r="S15575">
        <v>11</v>
      </c>
      <c r="T15575">
        <v>11</v>
      </c>
      <c r="U15575">
        <v>11</v>
      </c>
      <c r="V15575">
        <v>11</v>
      </c>
      <c r="W15575">
        <v>11</v>
      </c>
      <c r="X15575">
        <v>11</v>
      </c>
      <c r="Y15575">
        <v>11</v>
      </c>
      <c r="Z15575">
        <v>11</v>
      </c>
      <c r="AA15575">
        <v>11</v>
      </c>
      <c r="AB15575">
        <v>11</v>
      </c>
      <c r="AC15575">
        <v>11</v>
      </c>
      <c r="AD15575">
        <v>11</v>
      </c>
      <c r="AE15575">
        <v>11</v>
      </c>
      <c r="AF15575">
        <v>11</v>
      </c>
      <c r="AG15575">
        <v>11</v>
      </c>
      <c r="AH15575">
        <v>11</v>
      </c>
      <c r="AI15575">
        <v>11</v>
      </c>
      <c r="AJ15575">
        <v>11</v>
      </c>
      <c r="AK15575">
        <v>11</v>
      </c>
      <c r="AL15575">
        <v>11</v>
      </c>
      <c r="AM15575">
        <v>11</v>
      </c>
      <c r="AN15575">
        <v>11</v>
      </c>
      <c r="AO15575">
        <v>11</v>
      </c>
      <c r="AP15575">
        <v>11</v>
      </c>
      <c r="AQ15575">
        <v>11</v>
      </c>
    </row>
    <row r="15576" spans="1:43">
      <c r="A15576" t="s">
        <v>9674</v>
      </c>
      <c r="B15576" t="s">
        <v>9675</v>
      </c>
      <c r="C15576" t="s">
        <v>9658</v>
      </c>
      <c r="D15576" t="s">
        <v>9659</v>
      </c>
      <c r="E15576" t="s">
        <v>9544</v>
      </c>
      <c r="F15576" t="s">
        <v>9545</v>
      </c>
      <c r="G15576" t="s">
        <v>80</v>
      </c>
      <c r="H15576" t="s">
        <v>81</v>
      </c>
      <c r="I15576" s="2">
        <v>0</v>
      </c>
      <c r="J15576" s="2">
        <v>1</v>
      </c>
      <c r="K15576" s="2">
        <v>0</v>
      </c>
      <c r="L15576" t="s">
        <v>82</v>
      </c>
      <c r="M15576" t="s">
        <v>89</v>
      </c>
      <c r="N15576" t="s">
        <v>90</v>
      </c>
      <c r="O15576" t="s">
        <v>85</v>
      </c>
      <c r="P15576" t="s">
        <v>86</v>
      </c>
      <c r="Q15576">
        <v>11</v>
      </c>
      <c r="R15576">
        <v>11</v>
      </c>
      <c r="S15576">
        <v>11</v>
      </c>
      <c r="T15576">
        <v>11</v>
      </c>
      <c r="U15576">
        <v>11</v>
      </c>
      <c r="V15576">
        <v>11</v>
      </c>
      <c r="W15576">
        <v>12</v>
      </c>
      <c r="X15576">
        <v>12</v>
      </c>
      <c r="Y15576">
        <v>12</v>
      </c>
      <c r="Z15576">
        <v>12</v>
      </c>
      <c r="AA15576">
        <v>12</v>
      </c>
      <c r="AB15576">
        <v>12</v>
      </c>
      <c r="AC15576">
        <v>12</v>
      </c>
      <c r="AD15576">
        <v>12</v>
      </c>
      <c r="AE15576">
        <v>12</v>
      </c>
      <c r="AF15576">
        <v>12</v>
      </c>
      <c r="AG15576">
        <v>12</v>
      </c>
      <c r="AH15576">
        <v>12</v>
      </c>
      <c r="AI15576">
        <v>12</v>
      </c>
      <c r="AJ15576">
        <v>12</v>
      </c>
      <c r="AK15576">
        <v>12</v>
      </c>
      <c r="AL15576">
        <v>12</v>
      </c>
      <c r="AM15576">
        <v>12</v>
      </c>
      <c r="AN15576">
        <v>12</v>
      </c>
      <c r="AO15576">
        <v>12</v>
      </c>
      <c r="AP15576">
        <v>12</v>
      </c>
      <c r="AQ15576">
        <v>12</v>
      </c>
    </row>
    <row r="15577" spans="1:43">
      <c r="A15577" t="s">
        <v>9674</v>
      </c>
      <c r="B15577" t="s">
        <v>9675</v>
      </c>
      <c r="C15577" t="s">
        <v>9658</v>
      </c>
      <c r="D15577" t="s">
        <v>9659</v>
      </c>
      <c r="E15577" t="s">
        <v>9544</v>
      </c>
      <c r="F15577" t="s">
        <v>9545</v>
      </c>
      <c r="G15577" t="s">
        <v>80</v>
      </c>
      <c r="H15577" t="s">
        <v>81</v>
      </c>
      <c r="I15577" s="2">
        <v>0</v>
      </c>
      <c r="J15577" s="2">
        <v>1</v>
      </c>
      <c r="K15577" s="2">
        <v>0</v>
      </c>
      <c r="L15577" t="s">
        <v>82</v>
      </c>
      <c r="M15577" t="s">
        <v>83</v>
      </c>
      <c r="N15577" t="s">
        <v>91</v>
      </c>
      <c r="O15577" t="s">
        <v>85</v>
      </c>
      <c r="P15577" t="s">
        <v>86</v>
      </c>
      <c r="Q15577">
        <v>11</v>
      </c>
      <c r="R15577">
        <v>11</v>
      </c>
      <c r="S15577">
        <v>11</v>
      </c>
      <c r="T15577">
        <v>11</v>
      </c>
      <c r="U15577">
        <v>11</v>
      </c>
      <c r="V15577">
        <v>11</v>
      </c>
      <c r="W15577">
        <v>11</v>
      </c>
      <c r="X15577">
        <v>11</v>
      </c>
      <c r="Y15577">
        <v>11</v>
      </c>
      <c r="Z15577">
        <v>11</v>
      </c>
      <c r="AA15577">
        <v>11</v>
      </c>
      <c r="AB15577">
        <v>11</v>
      </c>
      <c r="AC15577">
        <v>11</v>
      </c>
      <c r="AD15577">
        <v>11</v>
      </c>
      <c r="AE15577">
        <v>12</v>
      </c>
      <c r="AF15577">
        <v>12</v>
      </c>
      <c r="AG15577">
        <v>12</v>
      </c>
      <c r="AH15577">
        <v>12</v>
      </c>
      <c r="AI15577">
        <v>12</v>
      </c>
      <c r="AJ15577">
        <v>12</v>
      </c>
      <c r="AK15577">
        <v>12</v>
      </c>
      <c r="AL15577">
        <v>12</v>
      </c>
      <c r="AM15577">
        <v>12</v>
      </c>
      <c r="AN15577">
        <v>12</v>
      </c>
      <c r="AO15577">
        <v>12</v>
      </c>
      <c r="AP15577">
        <v>12</v>
      </c>
      <c r="AQ15577">
        <v>12</v>
      </c>
    </row>
    <row r="15578" spans="1:43">
      <c r="A15578" t="s">
        <v>9676</v>
      </c>
      <c r="B15578" t="s">
        <v>9677</v>
      </c>
      <c r="C15578" t="s">
        <v>9662</v>
      </c>
      <c r="D15578" t="s">
        <v>9663</v>
      </c>
      <c r="E15578" t="s">
        <v>9544</v>
      </c>
      <c r="F15578" t="s">
        <v>9545</v>
      </c>
      <c r="G15578" t="s">
        <v>80</v>
      </c>
      <c r="H15578" t="s">
        <v>81</v>
      </c>
      <c r="I15578" s="2">
        <v>0</v>
      </c>
      <c r="J15578" s="2">
        <v>1</v>
      </c>
      <c r="K15578" s="2">
        <v>0</v>
      </c>
      <c r="L15578" t="s">
        <v>82</v>
      </c>
      <c r="M15578" t="s">
        <v>83</v>
      </c>
      <c r="N15578" t="s">
        <v>84</v>
      </c>
      <c r="O15578" t="s">
        <v>85</v>
      </c>
      <c r="P15578" t="s">
        <v>86</v>
      </c>
      <c r="Q15578">
        <v>63</v>
      </c>
      <c r="R15578">
        <v>63</v>
      </c>
      <c r="S15578">
        <v>64</v>
      </c>
      <c r="T15578">
        <v>65</v>
      </c>
      <c r="U15578">
        <v>65</v>
      </c>
      <c r="V15578">
        <v>65</v>
      </c>
      <c r="W15578">
        <v>66</v>
      </c>
      <c r="X15578">
        <v>66</v>
      </c>
      <c r="Y15578">
        <v>67</v>
      </c>
      <c r="Z15578">
        <v>67</v>
      </c>
      <c r="AA15578">
        <v>68</v>
      </c>
      <c r="AB15578">
        <v>68</v>
      </c>
      <c r="AC15578">
        <v>69</v>
      </c>
      <c r="AD15578">
        <v>69</v>
      </c>
      <c r="AE15578">
        <v>69</v>
      </c>
      <c r="AF15578">
        <v>70</v>
      </c>
      <c r="AG15578">
        <v>70</v>
      </c>
      <c r="AH15578">
        <v>70</v>
      </c>
      <c r="AI15578">
        <v>70</v>
      </c>
      <c r="AJ15578">
        <v>71</v>
      </c>
      <c r="AK15578">
        <v>71</v>
      </c>
      <c r="AL15578">
        <v>71</v>
      </c>
      <c r="AM15578">
        <v>71</v>
      </c>
      <c r="AN15578">
        <v>70</v>
      </c>
      <c r="AO15578">
        <v>70</v>
      </c>
      <c r="AP15578">
        <v>70</v>
      </c>
      <c r="AQ15578">
        <v>70</v>
      </c>
    </row>
    <row r="15579" spans="1:43">
      <c r="A15579" t="s">
        <v>9676</v>
      </c>
      <c r="B15579" t="s">
        <v>9677</v>
      </c>
      <c r="C15579" t="s">
        <v>9662</v>
      </c>
      <c r="D15579" t="s">
        <v>9663</v>
      </c>
      <c r="E15579" t="s">
        <v>9544</v>
      </c>
      <c r="F15579" t="s">
        <v>9545</v>
      </c>
      <c r="G15579" t="s">
        <v>80</v>
      </c>
      <c r="H15579" t="s">
        <v>81</v>
      </c>
      <c r="I15579" s="2">
        <v>0</v>
      </c>
      <c r="J15579" s="2">
        <v>1</v>
      </c>
      <c r="K15579" s="2">
        <v>0</v>
      </c>
      <c r="L15579" t="s">
        <v>82</v>
      </c>
      <c r="M15579" t="s">
        <v>87</v>
      </c>
      <c r="N15579" t="s">
        <v>88</v>
      </c>
      <c r="O15579" t="s">
        <v>85</v>
      </c>
      <c r="P15579" t="s">
        <v>86</v>
      </c>
      <c r="Q15579">
        <v>63</v>
      </c>
      <c r="R15579">
        <v>63</v>
      </c>
      <c r="S15579">
        <v>63</v>
      </c>
      <c r="T15579">
        <v>63</v>
      </c>
      <c r="U15579">
        <v>63</v>
      </c>
      <c r="V15579">
        <v>63</v>
      </c>
      <c r="W15579">
        <v>63</v>
      </c>
      <c r="X15579">
        <v>63</v>
      </c>
      <c r="Y15579">
        <v>63</v>
      </c>
      <c r="Z15579">
        <v>63</v>
      </c>
      <c r="AA15579">
        <v>63</v>
      </c>
      <c r="AB15579">
        <v>63</v>
      </c>
      <c r="AC15579">
        <v>63</v>
      </c>
      <c r="AD15579">
        <v>62</v>
      </c>
      <c r="AE15579">
        <v>62</v>
      </c>
      <c r="AF15579">
        <v>62</v>
      </c>
      <c r="AG15579">
        <v>62</v>
      </c>
      <c r="AH15579">
        <v>62</v>
      </c>
      <c r="AI15579">
        <v>62</v>
      </c>
      <c r="AJ15579">
        <v>62</v>
      </c>
      <c r="AK15579">
        <v>62</v>
      </c>
      <c r="AL15579">
        <v>62</v>
      </c>
      <c r="AM15579">
        <v>61</v>
      </c>
      <c r="AN15579">
        <v>61</v>
      </c>
      <c r="AO15579">
        <v>61</v>
      </c>
      <c r="AP15579">
        <v>61</v>
      </c>
      <c r="AQ15579">
        <v>61</v>
      </c>
    </row>
    <row r="15580" spans="1:43">
      <c r="A15580" t="s">
        <v>9676</v>
      </c>
      <c r="B15580" t="s">
        <v>9677</v>
      </c>
      <c r="C15580" t="s">
        <v>9662</v>
      </c>
      <c r="D15580" t="s">
        <v>9663</v>
      </c>
      <c r="E15580" t="s">
        <v>9544</v>
      </c>
      <c r="F15580" t="s">
        <v>9545</v>
      </c>
      <c r="G15580" t="s">
        <v>80</v>
      </c>
      <c r="H15580" t="s">
        <v>81</v>
      </c>
      <c r="I15580" s="2">
        <v>0</v>
      </c>
      <c r="J15580" s="2">
        <v>1</v>
      </c>
      <c r="K15580" s="2">
        <v>0</v>
      </c>
      <c r="L15580" t="s">
        <v>82</v>
      </c>
      <c r="M15580" t="s">
        <v>89</v>
      </c>
      <c r="N15580" t="s">
        <v>90</v>
      </c>
      <c r="O15580" t="s">
        <v>85</v>
      </c>
      <c r="P15580" t="s">
        <v>86</v>
      </c>
      <c r="Q15580">
        <v>63</v>
      </c>
      <c r="R15580">
        <v>64</v>
      </c>
      <c r="S15580">
        <v>65</v>
      </c>
      <c r="T15580">
        <v>66</v>
      </c>
      <c r="U15580">
        <v>67</v>
      </c>
      <c r="V15580">
        <v>67</v>
      </c>
      <c r="W15580">
        <v>68</v>
      </c>
      <c r="X15580">
        <v>69</v>
      </c>
      <c r="Y15580">
        <v>70</v>
      </c>
      <c r="Z15580">
        <v>70</v>
      </c>
      <c r="AA15580">
        <v>71</v>
      </c>
      <c r="AB15580">
        <v>72</v>
      </c>
      <c r="AC15580">
        <v>72</v>
      </c>
      <c r="AD15580">
        <v>73</v>
      </c>
      <c r="AE15580">
        <v>73</v>
      </c>
      <c r="AF15580">
        <v>73</v>
      </c>
      <c r="AG15580">
        <v>73</v>
      </c>
      <c r="AH15580">
        <v>72</v>
      </c>
      <c r="AI15580">
        <v>72</v>
      </c>
      <c r="AJ15580">
        <v>72</v>
      </c>
      <c r="AK15580">
        <v>71</v>
      </c>
      <c r="AL15580">
        <v>71</v>
      </c>
      <c r="AM15580">
        <v>71</v>
      </c>
      <c r="AN15580">
        <v>70</v>
      </c>
      <c r="AO15580">
        <v>70</v>
      </c>
      <c r="AP15580">
        <v>70</v>
      </c>
      <c r="AQ15580">
        <v>70</v>
      </c>
    </row>
    <row r="15581" spans="1:43">
      <c r="A15581" t="s">
        <v>9676</v>
      </c>
      <c r="B15581" t="s">
        <v>9677</v>
      </c>
      <c r="C15581" t="s">
        <v>9662</v>
      </c>
      <c r="D15581" t="s">
        <v>9663</v>
      </c>
      <c r="E15581" t="s">
        <v>9544</v>
      </c>
      <c r="F15581" t="s">
        <v>9545</v>
      </c>
      <c r="G15581" t="s">
        <v>80</v>
      </c>
      <c r="H15581" t="s">
        <v>81</v>
      </c>
      <c r="I15581" s="2">
        <v>0</v>
      </c>
      <c r="J15581" s="2">
        <v>1</v>
      </c>
      <c r="K15581" s="2">
        <v>0</v>
      </c>
      <c r="L15581" t="s">
        <v>82</v>
      </c>
      <c r="M15581" t="s">
        <v>83</v>
      </c>
      <c r="N15581" t="s">
        <v>91</v>
      </c>
      <c r="O15581" t="s">
        <v>85</v>
      </c>
      <c r="P15581" t="s">
        <v>86</v>
      </c>
      <c r="Q15581">
        <v>63</v>
      </c>
      <c r="R15581">
        <v>63</v>
      </c>
      <c r="S15581">
        <v>64</v>
      </c>
      <c r="T15581">
        <v>65</v>
      </c>
      <c r="U15581">
        <v>65</v>
      </c>
      <c r="V15581">
        <v>65</v>
      </c>
      <c r="W15581">
        <v>66</v>
      </c>
      <c r="X15581">
        <v>66</v>
      </c>
      <c r="Y15581">
        <v>67</v>
      </c>
      <c r="Z15581">
        <v>67</v>
      </c>
      <c r="AA15581">
        <v>68</v>
      </c>
      <c r="AB15581">
        <v>68</v>
      </c>
      <c r="AC15581">
        <v>69</v>
      </c>
      <c r="AD15581">
        <v>69</v>
      </c>
      <c r="AE15581">
        <v>69</v>
      </c>
      <c r="AF15581">
        <v>70</v>
      </c>
      <c r="AG15581">
        <v>70</v>
      </c>
      <c r="AH15581">
        <v>70</v>
      </c>
      <c r="AI15581">
        <v>70</v>
      </c>
      <c r="AJ15581">
        <v>71</v>
      </c>
      <c r="AK15581">
        <v>71</v>
      </c>
      <c r="AL15581">
        <v>71</v>
      </c>
      <c r="AM15581">
        <v>71</v>
      </c>
      <c r="AN15581">
        <v>70</v>
      </c>
      <c r="AO15581">
        <v>70</v>
      </c>
      <c r="AP15581">
        <v>70</v>
      </c>
      <c r="AQ15581">
        <v>70</v>
      </c>
    </row>
    <row r="15582" spans="1:43">
      <c r="A15582" t="s">
        <v>9678</v>
      </c>
      <c r="B15582" t="s">
        <v>9679</v>
      </c>
      <c r="C15582" t="s">
        <v>9680</v>
      </c>
      <c r="D15582" t="s">
        <v>9681</v>
      </c>
      <c r="E15582" t="s">
        <v>9544</v>
      </c>
      <c r="F15582" t="s">
        <v>9545</v>
      </c>
      <c r="G15582" t="s">
        <v>80</v>
      </c>
      <c r="H15582" t="s">
        <v>81</v>
      </c>
      <c r="I15582" s="2">
        <v>0</v>
      </c>
      <c r="J15582" s="2">
        <v>1</v>
      </c>
      <c r="K15582" s="2">
        <v>0</v>
      </c>
      <c r="L15582" t="s">
        <v>82</v>
      </c>
      <c r="M15582" t="s">
        <v>83</v>
      </c>
      <c r="N15582" t="s">
        <v>84</v>
      </c>
      <c r="O15582" t="s">
        <v>85</v>
      </c>
      <c r="P15582" t="s">
        <v>86</v>
      </c>
      <c r="Q15582">
        <v>111</v>
      </c>
      <c r="R15582">
        <v>112</v>
      </c>
      <c r="S15582">
        <v>113</v>
      </c>
      <c r="T15582">
        <v>114</v>
      </c>
      <c r="U15582">
        <v>114</v>
      </c>
      <c r="V15582">
        <v>115</v>
      </c>
      <c r="W15582">
        <v>116</v>
      </c>
      <c r="X15582">
        <v>117</v>
      </c>
      <c r="Y15582">
        <v>117</v>
      </c>
      <c r="Z15582">
        <v>118</v>
      </c>
      <c r="AA15582">
        <v>119</v>
      </c>
      <c r="AB15582">
        <v>119</v>
      </c>
      <c r="AC15582">
        <v>120</v>
      </c>
      <c r="AD15582">
        <v>120</v>
      </c>
      <c r="AE15582">
        <v>121</v>
      </c>
      <c r="AF15582">
        <v>121</v>
      </c>
      <c r="AG15582">
        <v>122</v>
      </c>
      <c r="AH15582">
        <v>122</v>
      </c>
      <c r="AI15582">
        <v>122</v>
      </c>
      <c r="AJ15582">
        <v>123</v>
      </c>
      <c r="AK15582">
        <v>123</v>
      </c>
      <c r="AL15582">
        <v>123</v>
      </c>
      <c r="AM15582">
        <v>122</v>
      </c>
      <c r="AN15582">
        <v>121</v>
      </c>
      <c r="AO15582">
        <v>121</v>
      </c>
      <c r="AP15582">
        <v>120</v>
      </c>
      <c r="AQ15582">
        <v>120</v>
      </c>
    </row>
    <row r="15583" spans="1:43">
      <c r="A15583" t="s">
        <v>9678</v>
      </c>
      <c r="B15583" t="s">
        <v>9679</v>
      </c>
      <c r="C15583" t="s">
        <v>9680</v>
      </c>
      <c r="D15583" t="s">
        <v>9681</v>
      </c>
      <c r="E15583" t="s">
        <v>9544</v>
      </c>
      <c r="F15583" t="s">
        <v>9545</v>
      </c>
      <c r="G15583" t="s">
        <v>80</v>
      </c>
      <c r="H15583" t="s">
        <v>81</v>
      </c>
      <c r="I15583" s="2">
        <v>0</v>
      </c>
      <c r="J15583" s="2">
        <v>1</v>
      </c>
      <c r="K15583" s="2">
        <v>0</v>
      </c>
      <c r="L15583" t="s">
        <v>82</v>
      </c>
      <c r="M15583" t="s">
        <v>87</v>
      </c>
      <c r="N15583" t="s">
        <v>88</v>
      </c>
      <c r="O15583" t="s">
        <v>85</v>
      </c>
      <c r="P15583" t="s">
        <v>86</v>
      </c>
      <c r="Q15583">
        <v>111</v>
      </c>
      <c r="R15583">
        <v>111</v>
      </c>
      <c r="S15583">
        <v>111</v>
      </c>
      <c r="T15583">
        <v>111</v>
      </c>
      <c r="U15583">
        <v>110</v>
      </c>
      <c r="V15583">
        <v>110</v>
      </c>
      <c r="W15583">
        <v>110</v>
      </c>
      <c r="X15583">
        <v>110</v>
      </c>
      <c r="Y15583">
        <v>109</v>
      </c>
      <c r="Z15583">
        <v>109</v>
      </c>
      <c r="AA15583">
        <v>109</v>
      </c>
      <c r="AB15583">
        <v>109</v>
      </c>
      <c r="AC15583">
        <v>108</v>
      </c>
      <c r="AD15583">
        <v>108</v>
      </c>
      <c r="AE15583">
        <v>108</v>
      </c>
      <c r="AF15583">
        <v>108</v>
      </c>
      <c r="AG15583">
        <v>107</v>
      </c>
      <c r="AH15583">
        <v>107</v>
      </c>
      <c r="AI15583">
        <v>107</v>
      </c>
      <c r="AJ15583">
        <v>106</v>
      </c>
      <c r="AK15583">
        <v>106</v>
      </c>
      <c r="AL15583">
        <v>106</v>
      </c>
      <c r="AM15583">
        <v>106</v>
      </c>
      <c r="AN15583">
        <v>105</v>
      </c>
      <c r="AO15583">
        <v>105</v>
      </c>
      <c r="AP15583">
        <v>105</v>
      </c>
      <c r="AQ15583">
        <v>104</v>
      </c>
    </row>
    <row r="15584" spans="1:43">
      <c r="A15584" t="s">
        <v>9678</v>
      </c>
      <c r="B15584" t="s">
        <v>9679</v>
      </c>
      <c r="C15584" t="s">
        <v>9680</v>
      </c>
      <c r="D15584" t="s">
        <v>9681</v>
      </c>
      <c r="E15584" t="s">
        <v>9544</v>
      </c>
      <c r="F15584" t="s">
        <v>9545</v>
      </c>
      <c r="G15584" t="s">
        <v>80</v>
      </c>
      <c r="H15584" t="s">
        <v>81</v>
      </c>
      <c r="I15584" s="2">
        <v>0</v>
      </c>
      <c r="J15584" s="2">
        <v>1</v>
      </c>
      <c r="K15584" s="2">
        <v>0</v>
      </c>
      <c r="L15584" t="s">
        <v>82</v>
      </c>
      <c r="M15584" t="s">
        <v>89</v>
      </c>
      <c r="N15584" t="s">
        <v>90</v>
      </c>
      <c r="O15584" t="s">
        <v>85</v>
      </c>
      <c r="P15584" t="s">
        <v>86</v>
      </c>
      <c r="Q15584">
        <v>111</v>
      </c>
      <c r="R15584">
        <v>113</v>
      </c>
      <c r="S15584">
        <v>115</v>
      </c>
      <c r="T15584">
        <v>116</v>
      </c>
      <c r="U15584">
        <v>118</v>
      </c>
      <c r="V15584">
        <v>119</v>
      </c>
      <c r="W15584">
        <v>121</v>
      </c>
      <c r="X15584">
        <v>122</v>
      </c>
      <c r="Y15584">
        <v>123</v>
      </c>
      <c r="Z15584">
        <v>124</v>
      </c>
      <c r="AA15584">
        <v>125</v>
      </c>
      <c r="AB15584">
        <v>126</v>
      </c>
      <c r="AC15584">
        <v>127</v>
      </c>
      <c r="AD15584">
        <v>128</v>
      </c>
      <c r="AE15584">
        <v>128</v>
      </c>
      <c r="AF15584">
        <v>128</v>
      </c>
      <c r="AG15584">
        <v>127</v>
      </c>
      <c r="AH15584">
        <v>126</v>
      </c>
      <c r="AI15584">
        <v>126</v>
      </c>
      <c r="AJ15584">
        <v>125</v>
      </c>
      <c r="AK15584">
        <v>124</v>
      </c>
      <c r="AL15584">
        <v>123</v>
      </c>
      <c r="AM15584">
        <v>123</v>
      </c>
      <c r="AN15584">
        <v>122</v>
      </c>
      <c r="AO15584">
        <v>121</v>
      </c>
      <c r="AP15584">
        <v>121</v>
      </c>
      <c r="AQ15584">
        <v>120</v>
      </c>
    </row>
    <row r="15585" spans="1:43">
      <c r="A15585" t="s">
        <v>9678</v>
      </c>
      <c r="B15585" t="s">
        <v>9679</v>
      </c>
      <c r="C15585" t="s">
        <v>9680</v>
      </c>
      <c r="D15585" t="s">
        <v>9681</v>
      </c>
      <c r="E15585" t="s">
        <v>9544</v>
      </c>
      <c r="F15585" t="s">
        <v>9545</v>
      </c>
      <c r="G15585" t="s">
        <v>80</v>
      </c>
      <c r="H15585" t="s">
        <v>81</v>
      </c>
      <c r="I15585" s="2">
        <v>0</v>
      </c>
      <c r="J15585" s="2">
        <v>1</v>
      </c>
      <c r="K15585" s="2">
        <v>0</v>
      </c>
      <c r="L15585" t="s">
        <v>82</v>
      </c>
      <c r="M15585" t="s">
        <v>83</v>
      </c>
      <c r="N15585" t="s">
        <v>91</v>
      </c>
      <c r="O15585" t="s">
        <v>85</v>
      </c>
      <c r="P15585" t="s">
        <v>86</v>
      </c>
      <c r="Q15585">
        <v>111</v>
      </c>
      <c r="R15585">
        <v>112</v>
      </c>
      <c r="S15585">
        <v>113</v>
      </c>
      <c r="T15585">
        <v>114</v>
      </c>
      <c r="U15585">
        <v>114</v>
      </c>
      <c r="V15585">
        <v>115</v>
      </c>
      <c r="W15585">
        <v>116</v>
      </c>
      <c r="X15585">
        <v>117</v>
      </c>
      <c r="Y15585">
        <v>117</v>
      </c>
      <c r="Z15585">
        <v>118</v>
      </c>
      <c r="AA15585">
        <v>119</v>
      </c>
      <c r="AB15585">
        <v>119</v>
      </c>
      <c r="AC15585">
        <v>120</v>
      </c>
      <c r="AD15585">
        <v>120</v>
      </c>
      <c r="AE15585">
        <v>121</v>
      </c>
      <c r="AF15585">
        <v>121</v>
      </c>
      <c r="AG15585">
        <v>122</v>
      </c>
      <c r="AH15585">
        <v>122</v>
      </c>
      <c r="AI15585">
        <v>122</v>
      </c>
      <c r="AJ15585">
        <v>123</v>
      </c>
      <c r="AK15585">
        <v>123</v>
      </c>
      <c r="AL15585">
        <v>123</v>
      </c>
      <c r="AM15585">
        <v>122</v>
      </c>
      <c r="AN15585">
        <v>121</v>
      </c>
      <c r="AO15585">
        <v>121</v>
      </c>
      <c r="AP15585">
        <v>120</v>
      </c>
      <c r="AQ15585">
        <v>120</v>
      </c>
    </row>
    <row r="15586" spans="1:43">
      <c r="A15586" t="s">
        <v>9682</v>
      </c>
      <c r="B15586" t="s">
        <v>9683</v>
      </c>
      <c r="C15586" t="s">
        <v>9680</v>
      </c>
      <c r="D15586" t="s">
        <v>9681</v>
      </c>
      <c r="E15586" t="s">
        <v>9544</v>
      </c>
      <c r="F15586" t="s">
        <v>9545</v>
      </c>
      <c r="G15586" t="s">
        <v>80</v>
      </c>
      <c r="H15586" t="s">
        <v>81</v>
      </c>
      <c r="I15586" s="2">
        <v>0</v>
      </c>
      <c r="J15586" s="2">
        <v>1</v>
      </c>
      <c r="K15586" s="2">
        <v>0</v>
      </c>
      <c r="L15586" t="s">
        <v>82</v>
      </c>
      <c r="M15586" t="s">
        <v>83</v>
      </c>
      <c r="N15586" t="s">
        <v>84</v>
      </c>
      <c r="O15586" t="s">
        <v>85</v>
      </c>
      <c r="P15586" t="s">
        <v>86</v>
      </c>
      <c r="Q15586">
        <v>27</v>
      </c>
      <c r="R15586">
        <v>28</v>
      </c>
      <c r="S15586">
        <v>28</v>
      </c>
      <c r="T15586">
        <v>28</v>
      </c>
      <c r="U15586">
        <v>28</v>
      </c>
      <c r="V15586">
        <v>28</v>
      </c>
      <c r="W15586">
        <v>29</v>
      </c>
      <c r="X15586">
        <v>29</v>
      </c>
      <c r="Y15586">
        <v>29</v>
      </c>
      <c r="Z15586">
        <v>29</v>
      </c>
      <c r="AA15586">
        <v>29</v>
      </c>
      <c r="AB15586">
        <v>29</v>
      </c>
      <c r="AC15586">
        <v>30</v>
      </c>
      <c r="AD15586">
        <v>30</v>
      </c>
      <c r="AE15586">
        <v>30</v>
      </c>
      <c r="AF15586">
        <v>30</v>
      </c>
      <c r="AG15586">
        <v>30</v>
      </c>
      <c r="AH15586">
        <v>30</v>
      </c>
      <c r="AI15586">
        <v>30</v>
      </c>
      <c r="AJ15586">
        <v>30</v>
      </c>
      <c r="AK15586">
        <v>31</v>
      </c>
      <c r="AL15586">
        <v>31</v>
      </c>
      <c r="AM15586">
        <v>30</v>
      </c>
      <c r="AN15586">
        <v>30</v>
      </c>
      <c r="AO15586">
        <v>30</v>
      </c>
      <c r="AP15586">
        <v>30</v>
      </c>
      <c r="AQ15586">
        <v>30</v>
      </c>
    </row>
    <row r="15587" spans="1:43">
      <c r="A15587" t="s">
        <v>9682</v>
      </c>
      <c r="B15587" t="s">
        <v>9683</v>
      </c>
      <c r="C15587" t="s">
        <v>9680</v>
      </c>
      <c r="D15587" t="s">
        <v>9681</v>
      </c>
      <c r="E15587" t="s">
        <v>9544</v>
      </c>
      <c r="F15587" t="s">
        <v>9545</v>
      </c>
      <c r="G15587" t="s">
        <v>80</v>
      </c>
      <c r="H15587" t="s">
        <v>81</v>
      </c>
      <c r="I15587" s="2">
        <v>0</v>
      </c>
      <c r="J15587" s="2">
        <v>1</v>
      </c>
      <c r="K15587" s="2">
        <v>0</v>
      </c>
      <c r="L15587" t="s">
        <v>82</v>
      </c>
      <c r="M15587" t="s">
        <v>87</v>
      </c>
      <c r="N15587" t="s">
        <v>88</v>
      </c>
      <c r="O15587" t="s">
        <v>85</v>
      </c>
      <c r="P15587" t="s">
        <v>86</v>
      </c>
      <c r="Q15587">
        <v>27</v>
      </c>
      <c r="R15587">
        <v>27</v>
      </c>
      <c r="S15587">
        <v>27</v>
      </c>
      <c r="T15587">
        <v>27</v>
      </c>
      <c r="U15587">
        <v>27</v>
      </c>
      <c r="V15587">
        <v>27</v>
      </c>
      <c r="W15587">
        <v>27</v>
      </c>
      <c r="X15587">
        <v>27</v>
      </c>
      <c r="Y15587">
        <v>27</v>
      </c>
      <c r="Z15587">
        <v>27</v>
      </c>
      <c r="AA15587">
        <v>27</v>
      </c>
      <c r="AB15587">
        <v>27</v>
      </c>
      <c r="AC15587">
        <v>27</v>
      </c>
      <c r="AD15587">
        <v>26</v>
      </c>
      <c r="AE15587">
        <v>26</v>
      </c>
      <c r="AF15587">
        <v>26</v>
      </c>
      <c r="AG15587">
        <v>26</v>
      </c>
      <c r="AH15587">
        <v>26</v>
      </c>
      <c r="AI15587">
        <v>26</v>
      </c>
      <c r="AJ15587">
        <v>26</v>
      </c>
      <c r="AK15587">
        <v>26</v>
      </c>
      <c r="AL15587">
        <v>26</v>
      </c>
      <c r="AM15587">
        <v>26</v>
      </c>
      <c r="AN15587">
        <v>26</v>
      </c>
      <c r="AO15587">
        <v>26</v>
      </c>
      <c r="AP15587">
        <v>26</v>
      </c>
      <c r="AQ15587">
        <v>26</v>
      </c>
    </row>
    <row r="15588" spans="1:43">
      <c r="A15588" t="s">
        <v>9682</v>
      </c>
      <c r="B15588" t="s">
        <v>9683</v>
      </c>
      <c r="C15588" t="s">
        <v>9680</v>
      </c>
      <c r="D15588" t="s">
        <v>9681</v>
      </c>
      <c r="E15588" t="s">
        <v>9544</v>
      </c>
      <c r="F15588" t="s">
        <v>9545</v>
      </c>
      <c r="G15588" t="s">
        <v>80</v>
      </c>
      <c r="H15588" t="s">
        <v>81</v>
      </c>
      <c r="I15588" s="2">
        <v>0</v>
      </c>
      <c r="J15588" s="2">
        <v>1</v>
      </c>
      <c r="K15588" s="2">
        <v>0</v>
      </c>
      <c r="L15588" t="s">
        <v>82</v>
      </c>
      <c r="M15588" t="s">
        <v>89</v>
      </c>
      <c r="N15588" t="s">
        <v>90</v>
      </c>
      <c r="O15588" t="s">
        <v>85</v>
      </c>
      <c r="P15588" t="s">
        <v>86</v>
      </c>
      <c r="Q15588">
        <v>27</v>
      </c>
      <c r="R15588">
        <v>27</v>
      </c>
      <c r="S15588">
        <v>27</v>
      </c>
      <c r="T15588">
        <v>28</v>
      </c>
      <c r="U15588">
        <v>28</v>
      </c>
      <c r="V15588">
        <v>29</v>
      </c>
      <c r="W15588">
        <v>29</v>
      </c>
      <c r="X15588">
        <v>29</v>
      </c>
      <c r="Y15588">
        <v>30</v>
      </c>
      <c r="Z15588">
        <v>30</v>
      </c>
      <c r="AA15588">
        <v>30</v>
      </c>
      <c r="AB15588">
        <v>30</v>
      </c>
      <c r="AC15588">
        <v>31</v>
      </c>
      <c r="AD15588">
        <v>31</v>
      </c>
      <c r="AE15588">
        <v>31</v>
      </c>
      <c r="AF15588">
        <v>31</v>
      </c>
      <c r="AG15588">
        <v>31</v>
      </c>
      <c r="AH15588">
        <v>31</v>
      </c>
      <c r="AI15588">
        <v>30</v>
      </c>
      <c r="AJ15588">
        <v>30</v>
      </c>
      <c r="AK15588">
        <v>30</v>
      </c>
      <c r="AL15588">
        <v>30</v>
      </c>
      <c r="AM15588">
        <v>30</v>
      </c>
      <c r="AN15588">
        <v>30</v>
      </c>
      <c r="AO15588">
        <v>30</v>
      </c>
      <c r="AP15588">
        <v>29</v>
      </c>
      <c r="AQ15588">
        <v>29</v>
      </c>
    </row>
    <row r="15589" spans="1:43">
      <c r="A15589" t="s">
        <v>9682</v>
      </c>
      <c r="B15589" t="s">
        <v>9683</v>
      </c>
      <c r="C15589" t="s">
        <v>9680</v>
      </c>
      <c r="D15589" t="s">
        <v>9681</v>
      </c>
      <c r="E15589" t="s">
        <v>9544</v>
      </c>
      <c r="F15589" t="s">
        <v>9545</v>
      </c>
      <c r="G15589" t="s">
        <v>80</v>
      </c>
      <c r="H15589" t="s">
        <v>81</v>
      </c>
      <c r="I15589" s="2">
        <v>0</v>
      </c>
      <c r="J15589" s="2">
        <v>1</v>
      </c>
      <c r="K15589" s="2">
        <v>0</v>
      </c>
      <c r="L15589" t="s">
        <v>82</v>
      </c>
      <c r="M15589" t="s">
        <v>83</v>
      </c>
      <c r="N15589" t="s">
        <v>91</v>
      </c>
      <c r="O15589" t="s">
        <v>85</v>
      </c>
      <c r="P15589" t="s">
        <v>86</v>
      </c>
      <c r="Q15589">
        <v>27</v>
      </c>
      <c r="R15589">
        <v>28</v>
      </c>
      <c r="S15589">
        <v>28</v>
      </c>
      <c r="T15589">
        <v>28</v>
      </c>
      <c r="U15589">
        <v>28</v>
      </c>
      <c r="V15589">
        <v>28</v>
      </c>
      <c r="W15589">
        <v>29</v>
      </c>
      <c r="X15589">
        <v>29</v>
      </c>
      <c r="Y15589">
        <v>29</v>
      </c>
      <c r="Z15589">
        <v>29</v>
      </c>
      <c r="AA15589">
        <v>29</v>
      </c>
      <c r="AB15589">
        <v>29</v>
      </c>
      <c r="AC15589">
        <v>30</v>
      </c>
      <c r="AD15589">
        <v>30</v>
      </c>
      <c r="AE15589">
        <v>30</v>
      </c>
      <c r="AF15589">
        <v>30</v>
      </c>
      <c r="AG15589">
        <v>30</v>
      </c>
      <c r="AH15589">
        <v>30</v>
      </c>
      <c r="AI15589">
        <v>30</v>
      </c>
      <c r="AJ15589">
        <v>30</v>
      </c>
      <c r="AK15589">
        <v>31</v>
      </c>
      <c r="AL15589">
        <v>31</v>
      </c>
      <c r="AM15589">
        <v>30</v>
      </c>
      <c r="AN15589">
        <v>30</v>
      </c>
      <c r="AO15589">
        <v>30</v>
      </c>
      <c r="AP15589">
        <v>30</v>
      </c>
      <c r="AQ15589">
        <v>30</v>
      </c>
    </row>
    <row r="15590" spans="1:43">
      <c r="A15590" t="s">
        <v>9684</v>
      </c>
      <c r="B15590" t="s">
        <v>9685</v>
      </c>
      <c r="C15590" t="s">
        <v>9680</v>
      </c>
      <c r="D15590" t="s">
        <v>9681</v>
      </c>
      <c r="E15590" t="s">
        <v>9544</v>
      </c>
      <c r="F15590" t="s">
        <v>9545</v>
      </c>
      <c r="G15590" t="s">
        <v>80</v>
      </c>
      <c r="H15590" t="s">
        <v>81</v>
      </c>
      <c r="I15590" s="2">
        <v>0</v>
      </c>
      <c r="J15590" s="2">
        <v>1</v>
      </c>
      <c r="K15590" s="2">
        <v>0</v>
      </c>
      <c r="L15590" t="s">
        <v>82</v>
      </c>
      <c r="M15590" t="s">
        <v>83</v>
      </c>
      <c r="N15590" t="s">
        <v>84</v>
      </c>
      <c r="O15590" t="s">
        <v>85</v>
      </c>
      <c r="P15590" t="s">
        <v>86</v>
      </c>
      <c r="Q15590">
        <v>81</v>
      </c>
      <c r="R15590">
        <v>82</v>
      </c>
      <c r="S15590">
        <v>82</v>
      </c>
      <c r="T15590">
        <v>83</v>
      </c>
      <c r="U15590">
        <v>83</v>
      </c>
      <c r="V15590">
        <v>84</v>
      </c>
      <c r="W15590">
        <v>84</v>
      </c>
      <c r="X15590">
        <v>85</v>
      </c>
      <c r="Y15590">
        <v>85</v>
      </c>
      <c r="Z15590">
        <v>85</v>
      </c>
      <c r="AA15590">
        <v>86</v>
      </c>
      <c r="AB15590">
        <v>86</v>
      </c>
      <c r="AC15590">
        <v>86</v>
      </c>
      <c r="AD15590">
        <v>87</v>
      </c>
      <c r="AE15590">
        <v>87</v>
      </c>
      <c r="AF15590">
        <v>87</v>
      </c>
      <c r="AG15590">
        <v>87</v>
      </c>
      <c r="AH15590">
        <v>87</v>
      </c>
      <c r="AI15590">
        <v>88</v>
      </c>
      <c r="AJ15590">
        <v>88</v>
      </c>
      <c r="AK15590">
        <v>88</v>
      </c>
      <c r="AL15590">
        <v>87</v>
      </c>
      <c r="AM15590">
        <v>87</v>
      </c>
      <c r="AN15590">
        <v>86</v>
      </c>
      <c r="AO15590">
        <v>85</v>
      </c>
      <c r="AP15590">
        <v>85</v>
      </c>
      <c r="AQ15590">
        <v>84</v>
      </c>
    </row>
    <row r="15591" spans="1:43">
      <c r="A15591" t="s">
        <v>9684</v>
      </c>
      <c r="B15591" t="s">
        <v>9685</v>
      </c>
      <c r="C15591" t="s">
        <v>9680</v>
      </c>
      <c r="D15591" t="s">
        <v>9681</v>
      </c>
      <c r="E15591" t="s">
        <v>9544</v>
      </c>
      <c r="F15591" t="s">
        <v>9545</v>
      </c>
      <c r="G15591" t="s">
        <v>80</v>
      </c>
      <c r="H15591" t="s">
        <v>81</v>
      </c>
      <c r="I15591" s="2">
        <v>0</v>
      </c>
      <c r="J15591" s="2">
        <v>1</v>
      </c>
      <c r="K15591" s="2">
        <v>0</v>
      </c>
      <c r="L15591" t="s">
        <v>82</v>
      </c>
      <c r="M15591" t="s">
        <v>87</v>
      </c>
      <c r="N15591" t="s">
        <v>88</v>
      </c>
      <c r="O15591" t="s">
        <v>85</v>
      </c>
      <c r="P15591" t="s">
        <v>86</v>
      </c>
      <c r="Q15591">
        <v>81</v>
      </c>
      <c r="R15591">
        <v>80</v>
      </c>
      <c r="S15591">
        <v>80</v>
      </c>
      <c r="T15591">
        <v>80</v>
      </c>
      <c r="U15591">
        <v>80</v>
      </c>
      <c r="V15591">
        <v>79</v>
      </c>
      <c r="W15591">
        <v>79</v>
      </c>
      <c r="X15591">
        <v>79</v>
      </c>
      <c r="Y15591">
        <v>79</v>
      </c>
      <c r="Z15591">
        <v>78</v>
      </c>
      <c r="AA15591">
        <v>78</v>
      </c>
      <c r="AB15591">
        <v>78</v>
      </c>
      <c r="AC15591">
        <v>78</v>
      </c>
      <c r="AD15591">
        <v>77</v>
      </c>
      <c r="AE15591">
        <v>77</v>
      </c>
      <c r="AF15591">
        <v>77</v>
      </c>
      <c r="AG15591">
        <v>76</v>
      </c>
      <c r="AH15591">
        <v>76</v>
      </c>
      <c r="AI15591">
        <v>76</v>
      </c>
      <c r="AJ15591">
        <v>75</v>
      </c>
      <c r="AK15591">
        <v>75</v>
      </c>
      <c r="AL15591">
        <v>75</v>
      </c>
      <c r="AM15591">
        <v>74</v>
      </c>
      <c r="AN15591">
        <v>74</v>
      </c>
      <c r="AO15591">
        <v>74</v>
      </c>
      <c r="AP15591">
        <v>73</v>
      </c>
      <c r="AQ15591">
        <v>73</v>
      </c>
    </row>
    <row r="15592" spans="1:43">
      <c r="A15592" t="s">
        <v>9684</v>
      </c>
      <c r="B15592" t="s">
        <v>9685</v>
      </c>
      <c r="C15592" t="s">
        <v>9680</v>
      </c>
      <c r="D15592" t="s">
        <v>9681</v>
      </c>
      <c r="E15592" t="s">
        <v>9544</v>
      </c>
      <c r="F15592" t="s">
        <v>9545</v>
      </c>
      <c r="G15592" t="s">
        <v>80</v>
      </c>
      <c r="H15592" t="s">
        <v>81</v>
      </c>
      <c r="I15592" s="2">
        <v>0</v>
      </c>
      <c r="J15592" s="2">
        <v>1</v>
      </c>
      <c r="K15592" s="2">
        <v>0</v>
      </c>
      <c r="L15592" t="s">
        <v>82</v>
      </c>
      <c r="M15592" t="s">
        <v>89</v>
      </c>
      <c r="N15592" t="s">
        <v>90</v>
      </c>
      <c r="O15592" t="s">
        <v>85</v>
      </c>
      <c r="P15592" t="s">
        <v>86</v>
      </c>
      <c r="Q15592">
        <v>81</v>
      </c>
      <c r="R15592">
        <v>82</v>
      </c>
      <c r="S15592">
        <v>84</v>
      </c>
      <c r="T15592">
        <v>85</v>
      </c>
      <c r="U15592">
        <v>86</v>
      </c>
      <c r="V15592">
        <v>87</v>
      </c>
      <c r="W15592">
        <v>88</v>
      </c>
      <c r="X15592">
        <v>88</v>
      </c>
      <c r="Y15592">
        <v>89</v>
      </c>
      <c r="Z15592">
        <v>90</v>
      </c>
      <c r="AA15592">
        <v>90</v>
      </c>
      <c r="AB15592">
        <v>91</v>
      </c>
      <c r="AC15592">
        <v>92</v>
      </c>
      <c r="AD15592">
        <v>92</v>
      </c>
      <c r="AE15592">
        <v>92</v>
      </c>
      <c r="AF15592">
        <v>91</v>
      </c>
      <c r="AG15592">
        <v>91</v>
      </c>
      <c r="AH15592">
        <v>90</v>
      </c>
      <c r="AI15592">
        <v>89</v>
      </c>
      <c r="AJ15592">
        <v>89</v>
      </c>
      <c r="AK15592">
        <v>88</v>
      </c>
      <c r="AL15592">
        <v>87</v>
      </c>
      <c r="AM15592">
        <v>87</v>
      </c>
      <c r="AN15592">
        <v>86</v>
      </c>
      <c r="AO15592">
        <v>85</v>
      </c>
      <c r="AP15592">
        <v>85</v>
      </c>
      <c r="AQ15592">
        <v>84</v>
      </c>
    </row>
    <row r="15593" spans="1:43">
      <c r="A15593" t="s">
        <v>9684</v>
      </c>
      <c r="B15593" t="s">
        <v>9685</v>
      </c>
      <c r="C15593" t="s">
        <v>9680</v>
      </c>
      <c r="D15593" t="s">
        <v>9681</v>
      </c>
      <c r="E15593" t="s">
        <v>9544</v>
      </c>
      <c r="F15593" t="s">
        <v>9545</v>
      </c>
      <c r="G15593" t="s">
        <v>80</v>
      </c>
      <c r="H15593" t="s">
        <v>81</v>
      </c>
      <c r="I15593" s="2">
        <v>0</v>
      </c>
      <c r="J15593" s="2">
        <v>1</v>
      </c>
      <c r="K15593" s="2">
        <v>0</v>
      </c>
      <c r="L15593" t="s">
        <v>82</v>
      </c>
      <c r="M15593" t="s">
        <v>83</v>
      </c>
      <c r="N15593" t="s">
        <v>91</v>
      </c>
      <c r="O15593" t="s">
        <v>85</v>
      </c>
      <c r="P15593" t="s">
        <v>86</v>
      </c>
      <c r="Q15593">
        <v>81</v>
      </c>
      <c r="R15593">
        <v>82</v>
      </c>
      <c r="S15593">
        <v>82</v>
      </c>
      <c r="T15593">
        <v>83</v>
      </c>
      <c r="U15593">
        <v>83</v>
      </c>
      <c r="V15593">
        <v>84</v>
      </c>
      <c r="W15593">
        <v>84</v>
      </c>
      <c r="X15593">
        <v>85</v>
      </c>
      <c r="Y15593">
        <v>85</v>
      </c>
      <c r="Z15593">
        <v>85</v>
      </c>
      <c r="AA15593">
        <v>86</v>
      </c>
      <c r="AB15593">
        <v>86</v>
      </c>
      <c r="AC15593">
        <v>86</v>
      </c>
      <c r="AD15593">
        <v>87</v>
      </c>
      <c r="AE15593">
        <v>87</v>
      </c>
      <c r="AF15593">
        <v>87</v>
      </c>
      <c r="AG15593">
        <v>87</v>
      </c>
      <c r="AH15593">
        <v>87</v>
      </c>
      <c r="AI15593">
        <v>88</v>
      </c>
      <c r="AJ15593">
        <v>88</v>
      </c>
      <c r="AK15593">
        <v>88</v>
      </c>
      <c r="AL15593">
        <v>87</v>
      </c>
      <c r="AM15593">
        <v>87</v>
      </c>
      <c r="AN15593">
        <v>86</v>
      </c>
      <c r="AO15593">
        <v>85</v>
      </c>
      <c r="AP15593">
        <v>85</v>
      </c>
      <c r="AQ15593">
        <v>84</v>
      </c>
    </row>
    <row r="15594" spans="1:43">
      <c r="A15594" t="s">
        <v>9686</v>
      </c>
      <c r="B15594" t="s">
        <v>9687</v>
      </c>
      <c r="C15594" t="s">
        <v>9680</v>
      </c>
      <c r="D15594" t="s">
        <v>9681</v>
      </c>
      <c r="E15594" t="s">
        <v>9544</v>
      </c>
      <c r="F15594" t="s">
        <v>9545</v>
      </c>
      <c r="G15594" t="s">
        <v>80</v>
      </c>
      <c r="H15594" t="s">
        <v>81</v>
      </c>
      <c r="I15594" s="2">
        <v>0</v>
      </c>
      <c r="J15594" s="2">
        <v>1</v>
      </c>
      <c r="K15594" s="2">
        <v>0</v>
      </c>
      <c r="L15594" t="s">
        <v>82</v>
      </c>
      <c r="M15594" t="s">
        <v>83</v>
      </c>
      <c r="N15594" t="s">
        <v>84</v>
      </c>
      <c r="O15594" t="s">
        <v>85</v>
      </c>
      <c r="P15594" t="s">
        <v>86</v>
      </c>
      <c r="Q15594">
        <v>77</v>
      </c>
      <c r="R15594">
        <v>77</v>
      </c>
      <c r="S15594">
        <v>78</v>
      </c>
      <c r="T15594">
        <v>78</v>
      </c>
      <c r="U15594">
        <v>79</v>
      </c>
      <c r="V15594">
        <v>80</v>
      </c>
      <c r="W15594">
        <v>80</v>
      </c>
      <c r="X15594">
        <v>81</v>
      </c>
      <c r="Y15594">
        <v>81</v>
      </c>
      <c r="Z15594">
        <v>82</v>
      </c>
      <c r="AA15594">
        <v>82</v>
      </c>
      <c r="AB15594">
        <v>82</v>
      </c>
      <c r="AC15594">
        <v>83</v>
      </c>
      <c r="AD15594">
        <v>83</v>
      </c>
      <c r="AE15594">
        <v>83</v>
      </c>
      <c r="AF15594">
        <v>84</v>
      </c>
      <c r="AG15594">
        <v>84</v>
      </c>
      <c r="AH15594">
        <v>84</v>
      </c>
      <c r="AI15594">
        <v>85</v>
      </c>
      <c r="AJ15594">
        <v>85</v>
      </c>
      <c r="AK15594">
        <v>85</v>
      </c>
      <c r="AL15594">
        <v>85</v>
      </c>
      <c r="AM15594">
        <v>85</v>
      </c>
      <c r="AN15594">
        <v>84</v>
      </c>
      <c r="AO15594">
        <v>84</v>
      </c>
      <c r="AP15594">
        <v>83</v>
      </c>
      <c r="AQ15594">
        <v>83</v>
      </c>
    </row>
    <row r="15595" spans="1:43">
      <c r="A15595" t="s">
        <v>9686</v>
      </c>
      <c r="B15595" t="s">
        <v>9687</v>
      </c>
      <c r="C15595" t="s">
        <v>9680</v>
      </c>
      <c r="D15595" t="s">
        <v>9681</v>
      </c>
      <c r="E15595" t="s">
        <v>9544</v>
      </c>
      <c r="F15595" t="s">
        <v>9545</v>
      </c>
      <c r="G15595" t="s">
        <v>80</v>
      </c>
      <c r="H15595" t="s">
        <v>81</v>
      </c>
      <c r="I15595" s="2">
        <v>0</v>
      </c>
      <c r="J15595" s="2">
        <v>1</v>
      </c>
      <c r="K15595" s="2">
        <v>0</v>
      </c>
      <c r="L15595" t="s">
        <v>82</v>
      </c>
      <c r="M15595" t="s">
        <v>87</v>
      </c>
      <c r="N15595" t="s">
        <v>88</v>
      </c>
      <c r="O15595" t="s">
        <v>85</v>
      </c>
      <c r="P15595" t="s">
        <v>86</v>
      </c>
      <c r="Q15595">
        <v>77</v>
      </c>
      <c r="R15595">
        <v>77</v>
      </c>
      <c r="S15595">
        <v>77</v>
      </c>
      <c r="T15595">
        <v>77</v>
      </c>
      <c r="U15595">
        <v>76</v>
      </c>
      <c r="V15595">
        <v>76</v>
      </c>
      <c r="W15595">
        <v>76</v>
      </c>
      <c r="X15595">
        <v>76</v>
      </c>
      <c r="Y15595">
        <v>76</v>
      </c>
      <c r="Z15595">
        <v>76</v>
      </c>
      <c r="AA15595">
        <v>76</v>
      </c>
      <c r="AB15595">
        <v>75</v>
      </c>
      <c r="AC15595">
        <v>75</v>
      </c>
      <c r="AD15595">
        <v>75</v>
      </c>
      <c r="AE15595">
        <v>75</v>
      </c>
      <c r="AF15595">
        <v>75</v>
      </c>
      <c r="AG15595">
        <v>75</v>
      </c>
      <c r="AH15595">
        <v>74</v>
      </c>
      <c r="AI15595">
        <v>74</v>
      </c>
      <c r="AJ15595">
        <v>74</v>
      </c>
      <c r="AK15595">
        <v>74</v>
      </c>
      <c r="AL15595">
        <v>74</v>
      </c>
      <c r="AM15595">
        <v>73</v>
      </c>
      <c r="AN15595">
        <v>73</v>
      </c>
      <c r="AO15595">
        <v>73</v>
      </c>
      <c r="AP15595">
        <v>73</v>
      </c>
      <c r="AQ15595">
        <v>73</v>
      </c>
    </row>
    <row r="15596" spans="1:43">
      <c r="A15596" t="s">
        <v>9686</v>
      </c>
      <c r="B15596" t="s">
        <v>9687</v>
      </c>
      <c r="C15596" t="s">
        <v>9680</v>
      </c>
      <c r="D15596" t="s">
        <v>9681</v>
      </c>
      <c r="E15596" t="s">
        <v>9544</v>
      </c>
      <c r="F15596" t="s">
        <v>9545</v>
      </c>
      <c r="G15596" t="s">
        <v>80</v>
      </c>
      <c r="H15596" t="s">
        <v>81</v>
      </c>
      <c r="I15596" s="2">
        <v>0</v>
      </c>
      <c r="J15596" s="2">
        <v>1</v>
      </c>
      <c r="K15596" s="2">
        <v>0</v>
      </c>
      <c r="L15596" t="s">
        <v>82</v>
      </c>
      <c r="M15596" t="s">
        <v>89</v>
      </c>
      <c r="N15596" t="s">
        <v>90</v>
      </c>
      <c r="O15596" t="s">
        <v>85</v>
      </c>
      <c r="P15596" t="s">
        <v>86</v>
      </c>
      <c r="Q15596">
        <v>77</v>
      </c>
      <c r="R15596">
        <v>79</v>
      </c>
      <c r="S15596">
        <v>80</v>
      </c>
      <c r="T15596">
        <v>81</v>
      </c>
      <c r="U15596">
        <v>82</v>
      </c>
      <c r="V15596">
        <v>83</v>
      </c>
      <c r="W15596">
        <v>84</v>
      </c>
      <c r="X15596">
        <v>85</v>
      </c>
      <c r="Y15596">
        <v>86</v>
      </c>
      <c r="Z15596">
        <v>87</v>
      </c>
      <c r="AA15596">
        <v>87</v>
      </c>
      <c r="AB15596">
        <v>88</v>
      </c>
      <c r="AC15596">
        <v>89</v>
      </c>
      <c r="AD15596">
        <v>89</v>
      </c>
      <c r="AE15596">
        <v>90</v>
      </c>
      <c r="AF15596">
        <v>89</v>
      </c>
      <c r="AG15596">
        <v>89</v>
      </c>
      <c r="AH15596">
        <v>88</v>
      </c>
      <c r="AI15596">
        <v>88</v>
      </c>
      <c r="AJ15596">
        <v>87</v>
      </c>
      <c r="AK15596">
        <v>87</v>
      </c>
      <c r="AL15596">
        <v>86</v>
      </c>
      <c r="AM15596">
        <v>86</v>
      </c>
      <c r="AN15596">
        <v>85</v>
      </c>
      <c r="AO15596">
        <v>85</v>
      </c>
      <c r="AP15596">
        <v>85</v>
      </c>
      <c r="AQ15596">
        <v>84</v>
      </c>
    </row>
    <row r="15597" spans="1:43">
      <c r="A15597" t="s">
        <v>9686</v>
      </c>
      <c r="B15597" t="s">
        <v>9687</v>
      </c>
      <c r="C15597" t="s">
        <v>9680</v>
      </c>
      <c r="D15597" t="s">
        <v>9681</v>
      </c>
      <c r="E15597" t="s">
        <v>9544</v>
      </c>
      <c r="F15597" t="s">
        <v>9545</v>
      </c>
      <c r="G15597" t="s">
        <v>80</v>
      </c>
      <c r="H15597" t="s">
        <v>81</v>
      </c>
      <c r="I15597" s="2">
        <v>0</v>
      </c>
      <c r="J15597" s="2">
        <v>1</v>
      </c>
      <c r="K15597" s="2">
        <v>0</v>
      </c>
      <c r="L15597" t="s">
        <v>82</v>
      </c>
      <c r="M15597" t="s">
        <v>83</v>
      </c>
      <c r="N15597" t="s">
        <v>91</v>
      </c>
      <c r="O15597" t="s">
        <v>85</v>
      </c>
      <c r="P15597" t="s">
        <v>86</v>
      </c>
      <c r="Q15597">
        <v>77</v>
      </c>
      <c r="R15597">
        <v>77</v>
      </c>
      <c r="S15597">
        <v>78</v>
      </c>
      <c r="T15597">
        <v>78</v>
      </c>
      <c r="U15597">
        <v>79</v>
      </c>
      <c r="V15597">
        <v>80</v>
      </c>
      <c r="W15597">
        <v>80</v>
      </c>
      <c r="X15597">
        <v>81</v>
      </c>
      <c r="Y15597">
        <v>81</v>
      </c>
      <c r="Z15597">
        <v>82</v>
      </c>
      <c r="AA15597">
        <v>82</v>
      </c>
      <c r="AB15597">
        <v>82</v>
      </c>
      <c r="AC15597">
        <v>83</v>
      </c>
      <c r="AD15597">
        <v>83</v>
      </c>
      <c r="AE15597">
        <v>83</v>
      </c>
      <c r="AF15597">
        <v>84</v>
      </c>
      <c r="AG15597">
        <v>84</v>
      </c>
      <c r="AH15597">
        <v>84</v>
      </c>
      <c r="AI15597">
        <v>85</v>
      </c>
      <c r="AJ15597">
        <v>85</v>
      </c>
      <c r="AK15597">
        <v>85</v>
      </c>
      <c r="AL15597">
        <v>85</v>
      </c>
      <c r="AM15597">
        <v>85</v>
      </c>
      <c r="AN15597">
        <v>84</v>
      </c>
      <c r="AO15597">
        <v>84</v>
      </c>
      <c r="AP15597">
        <v>83</v>
      </c>
      <c r="AQ15597">
        <v>83</v>
      </c>
    </row>
    <row r="15598" spans="1:43">
      <c r="A15598" t="s">
        <v>9688</v>
      </c>
      <c r="B15598" t="s">
        <v>9689</v>
      </c>
      <c r="C15598" t="s">
        <v>9680</v>
      </c>
      <c r="D15598" t="s">
        <v>9681</v>
      </c>
      <c r="E15598" t="s">
        <v>9544</v>
      </c>
      <c r="F15598" t="s">
        <v>9545</v>
      </c>
      <c r="G15598" t="s">
        <v>80</v>
      </c>
      <c r="H15598" t="s">
        <v>81</v>
      </c>
      <c r="I15598" s="2">
        <v>0</v>
      </c>
      <c r="J15598" s="2">
        <v>1</v>
      </c>
      <c r="K15598" s="2">
        <v>0</v>
      </c>
      <c r="L15598" t="s">
        <v>82</v>
      </c>
      <c r="M15598" t="s">
        <v>83</v>
      </c>
      <c r="N15598" t="s">
        <v>84</v>
      </c>
      <c r="O15598" t="s">
        <v>85</v>
      </c>
      <c r="P15598" t="s">
        <v>86</v>
      </c>
      <c r="Q15598">
        <v>8</v>
      </c>
      <c r="R15598">
        <v>8</v>
      </c>
      <c r="S15598">
        <v>8</v>
      </c>
      <c r="T15598">
        <v>8</v>
      </c>
      <c r="U15598">
        <v>8</v>
      </c>
      <c r="V15598">
        <v>8</v>
      </c>
      <c r="W15598">
        <v>8</v>
      </c>
      <c r="X15598">
        <v>8</v>
      </c>
      <c r="Y15598">
        <v>8</v>
      </c>
      <c r="Z15598">
        <v>8</v>
      </c>
      <c r="AA15598">
        <v>8</v>
      </c>
      <c r="AB15598">
        <v>8</v>
      </c>
      <c r="AC15598">
        <v>9</v>
      </c>
      <c r="AD15598">
        <v>9</v>
      </c>
      <c r="AE15598">
        <v>9</v>
      </c>
      <c r="AF15598">
        <v>9</v>
      </c>
      <c r="AG15598">
        <v>9</v>
      </c>
      <c r="AH15598">
        <v>9</v>
      </c>
      <c r="AI15598">
        <v>9</v>
      </c>
      <c r="AJ15598">
        <v>9</v>
      </c>
      <c r="AK15598">
        <v>9</v>
      </c>
      <c r="AL15598">
        <v>9</v>
      </c>
      <c r="AM15598">
        <v>9</v>
      </c>
      <c r="AN15598">
        <v>9</v>
      </c>
      <c r="AO15598">
        <v>9</v>
      </c>
      <c r="AP15598">
        <v>9</v>
      </c>
      <c r="AQ15598">
        <v>9</v>
      </c>
    </row>
    <row r="15599" spans="1:43">
      <c r="A15599" t="s">
        <v>9688</v>
      </c>
      <c r="B15599" t="s">
        <v>9689</v>
      </c>
      <c r="C15599" t="s">
        <v>9680</v>
      </c>
      <c r="D15599" t="s">
        <v>9681</v>
      </c>
      <c r="E15599" t="s">
        <v>9544</v>
      </c>
      <c r="F15599" t="s">
        <v>9545</v>
      </c>
      <c r="G15599" t="s">
        <v>80</v>
      </c>
      <c r="H15599" t="s">
        <v>81</v>
      </c>
      <c r="I15599" s="2">
        <v>0</v>
      </c>
      <c r="J15599" s="2">
        <v>1</v>
      </c>
      <c r="K15599" s="2">
        <v>0</v>
      </c>
      <c r="L15599" t="s">
        <v>82</v>
      </c>
      <c r="M15599" t="s">
        <v>87</v>
      </c>
      <c r="N15599" t="s">
        <v>88</v>
      </c>
      <c r="O15599" t="s">
        <v>85</v>
      </c>
      <c r="P15599" t="s">
        <v>86</v>
      </c>
      <c r="Q15599">
        <v>8</v>
      </c>
      <c r="R15599">
        <v>8</v>
      </c>
      <c r="S15599">
        <v>8</v>
      </c>
      <c r="T15599">
        <v>8</v>
      </c>
      <c r="U15599">
        <v>8</v>
      </c>
      <c r="V15599">
        <v>8</v>
      </c>
      <c r="W15599">
        <v>8</v>
      </c>
      <c r="X15599">
        <v>8</v>
      </c>
      <c r="Y15599">
        <v>8</v>
      </c>
      <c r="Z15599">
        <v>8</v>
      </c>
      <c r="AA15599">
        <v>8</v>
      </c>
      <c r="AB15599">
        <v>8</v>
      </c>
      <c r="AC15599">
        <v>8</v>
      </c>
      <c r="AD15599">
        <v>8</v>
      </c>
      <c r="AE15599">
        <v>8</v>
      </c>
      <c r="AF15599">
        <v>8</v>
      </c>
      <c r="AG15599">
        <v>8</v>
      </c>
      <c r="AH15599">
        <v>8</v>
      </c>
      <c r="AI15599">
        <v>8</v>
      </c>
      <c r="AJ15599">
        <v>8</v>
      </c>
      <c r="AK15599">
        <v>8</v>
      </c>
      <c r="AL15599">
        <v>8</v>
      </c>
      <c r="AM15599">
        <v>7</v>
      </c>
      <c r="AN15599">
        <v>7</v>
      </c>
      <c r="AO15599">
        <v>7</v>
      </c>
      <c r="AP15599">
        <v>7</v>
      </c>
      <c r="AQ15599">
        <v>7</v>
      </c>
    </row>
    <row r="15600" spans="1:43">
      <c r="A15600" t="s">
        <v>9688</v>
      </c>
      <c r="B15600" t="s">
        <v>9689</v>
      </c>
      <c r="C15600" t="s">
        <v>9680</v>
      </c>
      <c r="D15600" t="s">
        <v>9681</v>
      </c>
      <c r="E15600" t="s">
        <v>9544</v>
      </c>
      <c r="F15600" t="s">
        <v>9545</v>
      </c>
      <c r="G15600" t="s">
        <v>80</v>
      </c>
      <c r="H15600" t="s">
        <v>81</v>
      </c>
      <c r="I15600" s="2">
        <v>0</v>
      </c>
      <c r="J15600" s="2">
        <v>1</v>
      </c>
      <c r="K15600" s="2">
        <v>0</v>
      </c>
      <c r="L15600" t="s">
        <v>82</v>
      </c>
      <c r="M15600" t="s">
        <v>89</v>
      </c>
      <c r="N15600" t="s">
        <v>90</v>
      </c>
      <c r="O15600" t="s">
        <v>85</v>
      </c>
      <c r="P15600" t="s">
        <v>86</v>
      </c>
      <c r="Q15600">
        <v>8</v>
      </c>
      <c r="R15600">
        <v>8</v>
      </c>
      <c r="S15600">
        <v>8</v>
      </c>
      <c r="T15600">
        <v>8</v>
      </c>
      <c r="U15600">
        <v>8</v>
      </c>
      <c r="V15600">
        <v>9</v>
      </c>
      <c r="W15600">
        <v>9</v>
      </c>
      <c r="X15600">
        <v>9</v>
      </c>
      <c r="Y15600">
        <v>9</v>
      </c>
      <c r="Z15600">
        <v>9</v>
      </c>
      <c r="AA15600">
        <v>9</v>
      </c>
      <c r="AB15600">
        <v>9</v>
      </c>
      <c r="AC15600">
        <v>9</v>
      </c>
      <c r="AD15600">
        <v>9</v>
      </c>
      <c r="AE15600">
        <v>9</v>
      </c>
      <c r="AF15600">
        <v>9</v>
      </c>
      <c r="AG15600">
        <v>9</v>
      </c>
      <c r="AH15600">
        <v>9</v>
      </c>
      <c r="AI15600">
        <v>9</v>
      </c>
      <c r="AJ15600">
        <v>9</v>
      </c>
      <c r="AK15600">
        <v>9</v>
      </c>
      <c r="AL15600">
        <v>9</v>
      </c>
      <c r="AM15600">
        <v>9</v>
      </c>
      <c r="AN15600">
        <v>9</v>
      </c>
      <c r="AO15600">
        <v>9</v>
      </c>
      <c r="AP15600">
        <v>9</v>
      </c>
      <c r="AQ15600">
        <v>9</v>
      </c>
    </row>
    <row r="15601" spans="1:43">
      <c r="A15601" t="s">
        <v>9688</v>
      </c>
      <c r="B15601" t="s">
        <v>9689</v>
      </c>
      <c r="C15601" t="s">
        <v>9680</v>
      </c>
      <c r="D15601" t="s">
        <v>9681</v>
      </c>
      <c r="E15601" t="s">
        <v>9544</v>
      </c>
      <c r="F15601" t="s">
        <v>9545</v>
      </c>
      <c r="G15601" t="s">
        <v>80</v>
      </c>
      <c r="H15601" t="s">
        <v>81</v>
      </c>
      <c r="I15601" s="2">
        <v>0</v>
      </c>
      <c r="J15601" s="2">
        <v>1</v>
      </c>
      <c r="K15601" s="2">
        <v>0</v>
      </c>
      <c r="L15601" t="s">
        <v>82</v>
      </c>
      <c r="M15601" t="s">
        <v>83</v>
      </c>
      <c r="N15601" t="s">
        <v>91</v>
      </c>
      <c r="O15601" t="s">
        <v>85</v>
      </c>
      <c r="P15601" t="s">
        <v>86</v>
      </c>
      <c r="Q15601">
        <v>8</v>
      </c>
      <c r="R15601">
        <v>8</v>
      </c>
      <c r="S15601">
        <v>8</v>
      </c>
      <c r="T15601">
        <v>8</v>
      </c>
      <c r="U15601">
        <v>8</v>
      </c>
      <c r="V15601">
        <v>8</v>
      </c>
      <c r="W15601">
        <v>8</v>
      </c>
      <c r="X15601">
        <v>8</v>
      </c>
      <c r="Y15601">
        <v>8</v>
      </c>
      <c r="Z15601">
        <v>8</v>
      </c>
      <c r="AA15601">
        <v>8</v>
      </c>
      <c r="AB15601">
        <v>8</v>
      </c>
      <c r="AC15601">
        <v>9</v>
      </c>
      <c r="AD15601">
        <v>9</v>
      </c>
      <c r="AE15601">
        <v>9</v>
      </c>
      <c r="AF15601">
        <v>9</v>
      </c>
      <c r="AG15601">
        <v>9</v>
      </c>
      <c r="AH15601">
        <v>9</v>
      </c>
      <c r="AI15601">
        <v>9</v>
      </c>
      <c r="AJ15601">
        <v>9</v>
      </c>
      <c r="AK15601">
        <v>9</v>
      </c>
      <c r="AL15601">
        <v>9</v>
      </c>
      <c r="AM15601">
        <v>9</v>
      </c>
      <c r="AN15601">
        <v>9</v>
      </c>
      <c r="AO15601">
        <v>9</v>
      </c>
      <c r="AP15601">
        <v>9</v>
      </c>
      <c r="AQ15601">
        <v>9</v>
      </c>
    </row>
    <row r="15602" spans="1:43">
      <c r="A15602" t="s">
        <v>9690</v>
      </c>
      <c r="B15602" t="s">
        <v>9691</v>
      </c>
      <c r="C15602" t="s">
        <v>9680</v>
      </c>
      <c r="D15602" t="s">
        <v>9681</v>
      </c>
      <c r="E15602" t="s">
        <v>9544</v>
      </c>
      <c r="F15602" t="s">
        <v>9545</v>
      </c>
      <c r="G15602" t="s">
        <v>80</v>
      </c>
      <c r="H15602" t="s">
        <v>81</v>
      </c>
      <c r="I15602" s="2">
        <v>0</v>
      </c>
      <c r="J15602" s="2">
        <v>1</v>
      </c>
      <c r="K15602" s="2">
        <v>0</v>
      </c>
      <c r="L15602" t="s">
        <v>82</v>
      </c>
      <c r="M15602" t="s">
        <v>83</v>
      </c>
      <c r="N15602" t="s">
        <v>84</v>
      </c>
      <c r="O15602" t="s">
        <v>85</v>
      </c>
      <c r="P15602" t="s">
        <v>86</v>
      </c>
      <c r="Q15602">
        <v>40</v>
      </c>
      <c r="R15602">
        <v>41</v>
      </c>
      <c r="S15602">
        <v>41</v>
      </c>
      <c r="T15602">
        <v>41</v>
      </c>
      <c r="U15602">
        <v>42</v>
      </c>
      <c r="V15602">
        <v>42</v>
      </c>
      <c r="W15602">
        <v>42</v>
      </c>
      <c r="X15602">
        <v>42</v>
      </c>
      <c r="Y15602">
        <v>43</v>
      </c>
      <c r="Z15602">
        <v>43</v>
      </c>
      <c r="AA15602">
        <v>43</v>
      </c>
      <c r="AB15602">
        <v>43</v>
      </c>
      <c r="AC15602">
        <v>44</v>
      </c>
      <c r="AD15602">
        <v>44</v>
      </c>
      <c r="AE15602">
        <v>44</v>
      </c>
      <c r="AF15602">
        <v>44</v>
      </c>
      <c r="AG15602">
        <v>44</v>
      </c>
      <c r="AH15602">
        <v>45</v>
      </c>
      <c r="AI15602">
        <v>45</v>
      </c>
      <c r="AJ15602">
        <v>45</v>
      </c>
      <c r="AK15602">
        <v>45</v>
      </c>
      <c r="AL15602">
        <v>45</v>
      </c>
      <c r="AM15602">
        <v>45</v>
      </c>
      <c r="AN15602">
        <v>45</v>
      </c>
      <c r="AO15602">
        <v>44</v>
      </c>
      <c r="AP15602">
        <v>44</v>
      </c>
      <c r="AQ15602">
        <v>44</v>
      </c>
    </row>
    <row r="15603" spans="1:43">
      <c r="A15603" t="s">
        <v>9690</v>
      </c>
      <c r="B15603" t="s">
        <v>9691</v>
      </c>
      <c r="C15603" t="s">
        <v>9680</v>
      </c>
      <c r="D15603" t="s">
        <v>9681</v>
      </c>
      <c r="E15603" t="s">
        <v>9544</v>
      </c>
      <c r="F15603" t="s">
        <v>9545</v>
      </c>
      <c r="G15603" t="s">
        <v>80</v>
      </c>
      <c r="H15603" t="s">
        <v>81</v>
      </c>
      <c r="I15603" s="2">
        <v>0</v>
      </c>
      <c r="J15603" s="2">
        <v>1</v>
      </c>
      <c r="K15603" s="2">
        <v>0</v>
      </c>
      <c r="L15603" t="s">
        <v>82</v>
      </c>
      <c r="M15603" t="s">
        <v>87</v>
      </c>
      <c r="N15603" t="s">
        <v>88</v>
      </c>
      <c r="O15603" t="s">
        <v>85</v>
      </c>
      <c r="P15603" t="s">
        <v>86</v>
      </c>
      <c r="Q15603">
        <v>40</v>
      </c>
      <c r="R15603">
        <v>40</v>
      </c>
      <c r="S15603">
        <v>40</v>
      </c>
      <c r="T15603">
        <v>40</v>
      </c>
      <c r="U15603">
        <v>40</v>
      </c>
      <c r="V15603">
        <v>40</v>
      </c>
      <c r="W15603">
        <v>40</v>
      </c>
      <c r="X15603">
        <v>40</v>
      </c>
      <c r="Y15603">
        <v>40</v>
      </c>
      <c r="Z15603">
        <v>39</v>
      </c>
      <c r="AA15603">
        <v>39</v>
      </c>
      <c r="AB15603">
        <v>39</v>
      </c>
      <c r="AC15603">
        <v>39</v>
      </c>
      <c r="AD15603">
        <v>39</v>
      </c>
      <c r="AE15603">
        <v>39</v>
      </c>
      <c r="AF15603">
        <v>39</v>
      </c>
      <c r="AG15603">
        <v>39</v>
      </c>
      <c r="AH15603">
        <v>39</v>
      </c>
      <c r="AI15603">
        <v>39</v>
      </c>
      <c r="AJ15603">
        <v>39</v>
      </c>
      <c r="AK15603">
        <v>39</v>
      </c>
      <c r="AL15603">
        <v>38</v>
      </c>
      <c r="AM15603">
        <v>38</v>
      </c>
      <c r="AN15603">
        <v>38</v>
      </c>
      <c r="AO15603">
        <v>38</v>
      </c>
      <c r="AP15603">
        <v>38</v>
      </c>
      <c r="AQ15603">
        <v>38</v>
      </c>
    </row>
    <row r="15604" spans="1:43">
      <c r="A15604" t="s">
        <v>9690</v>
      </c>
      <c r="B15604" t="s">
        <v>9691</v>
      </c>
      <c r="C15604" t="s">
        <v>9680</v>
      </c>
      <c r="D15604" t="s">
        <v>9681</v>
      </c>
      <c r="E15604" t="s">
        <v>9544</v>
      </c>
      <c r="F15604" t="s">
        <v>9545</v>
      </c>
      <c r="G15604" t="s">
        <v>80</v>
      </c>
      <c r="H15604" t="s">
        <v>81</v>
      </c>
      <c r="I15604" s="2">
        <v>0</v>
      </c>
      <c r="J15604" s="2">
        <v>1</v>
      </c>
      <c r="K15604" s="2">
        <v>0</v>
      </c>
      <c r="L15604" t="s">
        <v>82</v>
      </c>
      <c r="M15604" t="s">
        <v>89</v>
      </c>
      <c r="N15604" t="s">
        <v>90</v>
      </c>
      <c r="O15604" t="s">
        <v>85</v>
      </c>
      <c r="P15604" t="s">
        <v>86</v>
      </c>
      <c r="Q15604">
        <v>40</v>
      </c>
      <c r="R15604">
        <v>40</v>
      </c>
      <c r="S15604">
        <v>41</v>
      </c>
      <c r="T15604">
        <v>42</v>
      </c>
      <c r="U15604">
        <v>42</v>
      </c>
      <c r="V15604">
        <v>43</v>
      </c>
      <c r="W15604">
        <v>43</v>
      </c>
      <c r="X15604">
        <v>44</v>
      </c>
      <c r="Y15604">
        <v>44</v>
      </c>
      <c r="Z15604">
        <v>45</v>
      </c>
      <c r="AA15604">
        <v>45</v>
      </c>
      <c r="AB15604">
        <v>45</v>
      </c>
      <c r="AC15604">
        <v>46</v>
      </c>
      <c r="AD15604">
        <v>46</v>
      </c>
      <c r="AE15604">
        <v>46</v>
      </c>
      <c r="AF15604">
        <v>46</v>
      </c>
      <c r="AG15604">
        <v>46</v>
      </c>
      <c r="AH15604">
        <v>46</v>
      </c>
      <c r="AI15604">
        <v>45</v>
      </c>
      <c r="AJ15604">
        <v>45</v>
      </c>
      <c r="AK15604">
        <v>45</v>
      </c>
      <c r="AL15604">
        <v>45</v>
      </c>
      <c r="AM15604">
        <v>44</v>
      </c>
      <c r="AN15604">
        <v>44</v>
      </c>
      <c r="AO15604">
        <v>44</v>
      </c>
      <c r="AP15604">
        <v>44</v>
      </c>
      <c r="AQ15604">
        <v>44</v>
      </c>
    </row>
    <row r="15605" spans="1:43">
      <c r="A15605" t="s">
        <v>9690</v>
      </c>
      <c r="B15605" t="s">
        <v>9691</v>
      </c>
      <c r="C15605" t="s">
        <v>9680</v>
      </c>
      <c r="D15605" t="s">
        <v>9681</v>
      </c>
      <c r="E15605" t="s">
        <v>9544</v>
      </c>
      <c r="F15605" t="s">
        <v>9545</v>
      </c>
      <c r="G15605" t="s">
        <v>80</v>
      </c>
      <c r="H15605" t="s">
        <v>81</v>
      </c>
      <c r="I15605" s="2">
        <v>0</v>
      </c>
      <c r="J15605" s="2">
        <v>1</v>
      </c>
      <c r="K15605" s="2">
        <v>0</v>
      </c>
      <c r="L15605" t="s">
        <v>82</v>
      </c>
      <c r="M15605" t="s">
        <v>83</v>
      </c>
      <c r="N15605" t="s">
        <v>91</v>
      </c>
      <c r="O15605" t="s">
        <v>85</v>
      </c>
      <c r="P15605" t="s">
        <v>86</v>
      </c>
      <c r="Q15605">
        <v>40</v>
      </c>
      <c r="R15605">
        <v>41</v>
      </c>
      <c r="S15605">
        <v>41</v>
      </c>
      <c r="T15605">
        <v>41</v>
      </c>
      <c r="U15605">
        <v>42</v>
      </c>
      <c r="V15605">
        <v>42</v>
      </c>
      <c r="W15605">
        <v>42</v>
      </c>
      <c r="X15605">
        <v>42</v>
      </c>
      <c r="Y15605">
        <v>43</v>
      </c>
      <c r="Z15605">
        <v>43</v>
      </c>
      <c r="AA15605">
        <v>43</v>
      </c>
      <c r="AB15605">
        <v>43</v>
      </c>
      <c r="AC15605">
        <v>44</v>
      </c>
      <c r="AD15605">
        <v>44</v>
      </c>
      <c r="AE15605">
        <v>44</v>
      </c>
      <c r="AF15605">
        <v>44</v>
      </c>
      <c r="AG15605">
        <v>44</v>
      </c>
      <c r="AH15605">
        <v>45</v>
      </c>
      <c r="AI15605">
        <v>45</v>
      </c>
      <c r="AJ15605">
        <v>45</v>
      </c>
      <c r="AK15605">
        <v>45</v>
      </c>
      <c r="AL15605">
        <v>45</v>
      </c>
      <c r="AM15605">
        <v>45</v>
      </c>
      <c r="AN15605">
        <v>45</v>
      </c>
      <c r="AO15605">
        <v>44</v>
      </c>
      <c r="AP15605">
        <v>44</v>
      </c>
      <c r="AQ15605">
        <v>44</v>
      </c>
    </row>
    <row r="15606" spans="1:43">
      <c r="A15606" t="s">
        <v>9692</v>
      </c>
      <c r="B15606" t="s">
        <v>9693</v>
      </c>
      <c r="C15606" t="s">
        <v>9694</v>
      </c>
      <c r="D15606" t="s">
        <v>9695</v>
      </c>
      <c r="E15606" t="s">
        <v>9544</v>
      </c>
      <c r="F15606" t="s">
        <v>9545</v>
      </c>
      <c r="G15606" t="s">
        <v>80</v>
      </c>
      <c r="H15606" t="s">
        <v>81</v>
      </c>
      <c r="I15606" s="2">
        <v>0</v>
      </c>
      <c r="J15606" s="2">
        <v>1</v>
      </c>
      <c r="K15606" s="2">
        <v>0</v>
      </c>
      <c r="L15606" t="s">
        <v>82</v>
      </c>
      <c r="M15606" t="s">
        <v>83</v>
      </c>
      <c r="N15606" t="s">
        <v>84</v>
      </c>
      <c r="O15606" t="s">
        <v>85</v>
      </c>
      <c r="P15606" t="s">
        <v>86</v>
      </c>
      <c r="Q15606">
        <v>0</v>
      </c>
      <c r="R15606">
        <v>0</v>
      </c>
      <c r="S15606">
        <v>0</v>
      </c>
      <c r="T15606">
        <v>0</v>
      </c>
      <c r="U15606">
        <v>0</v>
      </c>
      <c r="V15606">
        <v>0</v>
      </c>
      <c r="W15606">
        <v>0</v>
      </c>
      <c r="X15606">
        <v>0</v>
      </c>
      <c r="Y15606">
        <v>0</v>
      </c>
      <c r="Z15606">
        <v>0</v>
      </c>
      <c r="AA15606">
        <v>0</v>
      </c>
      <c r="AB15606">
        <v>0</v>
      </c>
      <c r="AC15606">
        <v>0</v>
      </c>
      <c r="AD15606">
        <v>0</v>
      </c>
      <c r="AE15606">
        <v>0</v>
      </c>
      <c r="AF15606">
        <v>0</v>
      </c>
      <c r="AG15606">
        <v>0</v>
      </c>
      <c r="AH15606">
        <v>0</v>
      </c>
      <c r="AI15606">
        <v>0</v>
      </c>
      <c r="AJ15606">
        <v>0</v>
      </c>
      <c r="AK15606">
        <v>0</v>
      </c>
      <c r="AL15606">
        <v>0</v>
      </c>
      <c r="AM15606">
        <v>0</v>
      </c>
      <c r="AN15606">
        <v>0</v>
      </c>
      <c r="AO15606">
        <v>0</v>
      </c>
      <c r="AP15606">
        <v>0</v>
      </c>
      <c r="AQ15606">
        <v>0</v>
      </c>
    </row>
    <row r="15607" spans="1:43">
      <c r="A15607" t="s">
        <v>9692</v>
      </c>
      <c r="B15607" t="s">
        <v>9693</v>
      </c>
      <c r="C15607" t="s">
        <v>9694</v>
      </c>
      <c r="D15607" t="s">
        <v>9695</v>
      </c>
      <c r="E15607" t="s">
        <v>9544</v>
      </c>
      <c r="F15607" t="s">
        <v>9545</v>
      </c>
      <c r="G15607" t="s">
        <v>80</v>
      </c>
      <c r="H15607" t="s">
        <v>81</v>
      </c>
      <c r="I15607" s="2">
        <v>0</v>
      </c>
      <c r="J15607" s="2">
        <v>1</v>
      </c>
      <c r="K15607" s="2">
        <v>0</v>
      </c>
      <c r="L15607" t="s">
        <v>82</v>
      </c>
      <c r="M15607" t="s">
        <v>87</v>
      </c>
      <c r="N15607" t="s">
        <v>88</v>
      </c>
      <c r="O15607" t="s">
        <v>85</v>
      </c>
      <c r="P15607" t="s">
        <v>86</v>
      </c>
      <c r="Q15607">
        <v>0</v>
      </c>
      <c r="R15607">
        <v>0</v>
      </c>
      <c r="S15607">
        <v>0</v>
      </c>
      <c r="T15607">
        <v>0</v>
      </c>
      <c r="U15607">
        <v>0</v>
      </c>
      <c r="V15607">
        <v>0</v>
      </c>
      <c r="W15607">
        <v>0</v>
      </c>
      <c r="X15607">
        <v>0</v>
      </c>
      <c r="Y15607">
        <v>0</v>
      </c>
      <c r="Z15607">
        <v>0</v>
      </c>
      <c r="AA15607">
        <v>0</v>
      </c>
      <c r="AB15607">
        <v>0</v>
      </c>
      <c r="AC15607">
        <v>0</v>
      </c>
      <c r="AD15607">
        <v>0</v>
      </c>
      <c r="AE15607">
        <v>0</v>
      </c>
      <c r="AF15607">
        <v>0</v>
      </c>
      <c r="AG15607">
        <v>0</v>
      </c>
      <c r="AH15607">
        <v>0</v>
      </c>
      <c r="AI15607">
        <v>0</v>
      </c>
      <c r="AJ15607">
        <v>0</v>
      </c>
      <c r="AK15607">
        <v>0</v>
      </c>
      <c r="AL15607">
        <v>0</v>
      </c>
      <c r="AM15607">
        <v>0</v>
      </c>
      <c r="AN15607">
        <v>0</v>
      </c>
      <c r="AO15607">
        <v>0</v>
      </c>
      <c r="AP15607">
        <v>0</v>
      </c>
      <c r="AQ15607">
        <v>0</v>
      </c>
    </row>
    <row r="15608" spans="1:43">
      <c r="A15608" t="s">
        <v>9692</v>
      </c>
      <c r="B15608" t="s">
        <v>9693</v>
      </c>
      <c r="C15608" t="s">
        <v>9694</v>
      </c>
      <c r="D15608" t="s">
        <v>9695</v>
      </c>
      <c r="E15608" t="s">
        <v>9544</v>
      </c>
      <c r="F15608" t="s">
        <v>9545</v>
      </c>
      <c r="G15608" t="s">
        <v>80</v>
      </c>
      <c r="H15608" t="s">
        <v>81</v>
      </c>
      <c r="I15608" s="2">
        <v>0</v>
      </c>
      <c r="J15608" s="2">
        <v>1</v>
      </c>
      <c r="K15608" s="2">
        <v>0</v>
      </c>
      <c r="L15608" t="s">
        <v>82</v>
      </c>
      <c r="M15608" t="s">
        <v>89</v>
      </c>
      <c r="N15608" t="s">
        <v>90</v>
      </c>
      <c r="O15608" t="s">
        <v>85</v>
      </c>
      <c r="P15608" t="s">
        <v>86</v>
      </c>
      <c r="Q15608">
        <v>0</v>
      </c>
      <c r="R15608">
        <v>0</v>
      </c>
      <c r="S15608">
        <v>0</v>
      </c>
      <c r="T15608">
        <v>0</v>
      </c>
      <c r="U15608">
        <v>0</v>
      </c>
      <c r="V15608">
        <v>0</v>
      </c>
      <c r="W15608">
        <v>0</v>
      </c>
      <c r="X15608">
        <v>0</v>
      </c>
      <c r="Y15608">
        <v>0</v>
      </c>
      <c r="Z15608">
        <v>0</v>
      </c>
      <c r="AA15608">
        <v>0</v>
      </c>
      <c r="AB15608">
        <v>0</v>
      </c>
      <c r="AC15608">
        <v>0</v>
      </c>
      <c r="AD15608">
        <v>0</v>
      </c>
      <c r="AE15608">
        <v>0</v>
      </c>
      <c r="AF15608">
        <v>0</v>
      </c>
      <c r="AG15608">
        <v>0</v>
      </c>
      <c r="AH15608">
        <v>0</v>
      </c>
      <c r="AI15608">
        <v>0</v>
      </c>
      <c r="AJ15608">
        <v>0</v>
      </c>
      <c r="AK15608">
        <v>0</v>
      </c>
      <c r="AL15608">
        <v>0</v>
      </c>
      <c r="AM15608">
        <v>0</v>
      </c>
      <c r="AN15608">
        <v>0</v>
      </c>
      <c r="AO15608">
        <v>0</v>
      </c>
      <c r="AP15608">
        <v>0</v>
      </c>
      <c r="AQ15608">
        <v>0</v>
      </c>
    </row>
    <row r="15609" spans="1:43">
      <c r="A15609" t="s">
        <v>9692</v>
      </c>
      <c r="B15609" t="s">
        <v>9693</v>
      </c>
      <c r="C15609" t="s">
        <v>9694</v>
      </c>
      <c r="D15609" t="s">
        <v>9695</v>
      </c>
      <c r="E15609" t="s">
        <v>9544</v>
      </c>
      <c r="F15609" t="s">
        <v>9545</v>
      </c>
      <c r="G15609" t="s">
        <v>80</v>
      </c>
      <c r="H15609" t="s">
        <v>81</v>
      </c>
      <c r="I15609" s="2">
        <v>0</v>
      </c>
      <c r="J15609" s="2">
        <v>1</v>
      </c>
      <c r="K15609" s="2">
        <v>0</v>
      </c>
      <c r="L15609" t="s">
        <v>82</v>
      </c>
      <c r="M15609" t="s">
        <v>83</v>
      </c>
      <c r="N15609" t="s">
        <v>91</v>
      </c>
      <c r="O15609" t="s">
        <v>85</v>
      </c>
      <c r="P15609" t="s">
        <v>86</v>
      </c>
      <c r="Q15609">
        <v>0</v>
      </c>
      <c r="R15609">
        <v>0</v>
      </c>
      <c r="S15609">
        <v>0</v>
      </c>
      <c r="T15609">
        <v>0</v>
      </c>
      <c r="U15609">
        <v>0</v>
      </c>
      <c r="V15609">
        <v>0</v>
      </c>
      <c r="W15609">
        <v>0</v>
      </c>
      <c r="X15609">
        <v>0</v>
      </c>
      <c r="Y15609">
        <v>0</v>
      </c>
      <c r="Z15609">
        <v>0</v>
      </c>
      <c r="AA15609">
        <v>0</v>
      </c>
      <c r="AB15609">
        <v>0</v>
      </c>
      <c r="AC15609">
        <v>0</v>
      </c>
      <c r="AD15609">
        <v>0</v>
      </c>
      <c r="AE15609">
        <v>0</v>
      </c>
      <c r="AF15609">
        <v>0</v>
      </c>
      <c r="AG15609">
        <v>0</v>
      </c>
      <c r="AH15609">
        <v>0</v>
      </c>
      <c r="AI15609">
        <v>0</v>
      </c>
      <c r="AJ15609">
        <v>0</v>
      </c>
      <c r="AK15609">
        <v>0</v>
      </c>
      <c r="AL15609">
        <v>0</v>
      </c>
      <c r="AM15609">
        <v>0</v>
      </c>
      <c r="AN15609">
        <v>0</v>
      </c>
      <c r="AO15609">
        <v>0</v>
      </c>
      <c r="AP15609">
        <v>0</v>
      </c>
      <c r="AQ15609">
        <v>0</v>
      </c>
    </row>
    <row r="15610" spans="1:43">
      <c r="A15610" t="s">
        <v>9696</v>
      </c>
      <c r="B15610" t="s">
        <v>9697</v>
      </c>
      <c r="C15610" t="s">
        <v>9698</v>
      </c>
      <c r="D15610" t="s">
        <v>9699</v>
      </c>
      <c r="E15610" t="s">
        <v>9544</v>
      </c>
      <c r="F15610" t="s">
        <v>9545</v>
      </c>
      <c r="G15610" t="s">
        <v>80</v>
      </c>
      <c r="H15610" t="s">
        <v>81</v>
      </c>
      <c r="I15610" s="2">
        <v>0</v>
      </c>
      <c r="J15610" s="2">
        <v>1</v>
      </c>
      <c r="K15610" s="2">
        <v>0</v>
      </c>
      <c r="L15610" t="s">
        <v>82</v>
      </c>
      <c r="M15610" t="s">
        <v>83</v>
      </c>
      <c r="N15610" t="s">
        <v>84</v>
      </c>
      <c r="O15610" t="s">
        <v>85</v>
      </c>
      <c r="P15610" t="s">
        <v>86</v>
      </c>
      <c r="Q15610">
        <v>0</v>
      </c>
      <c r="R15610">
        <v>0</v>
      </c>
      <c r="S15610">
        <v>0</v>
      </c>
      <c r="T15610">
        <v>0</v>
      </c>
      <c r="U15610">
        <v>0</v>
      </c>
      <c r="V15610">
        <v>0</v>
      </c>
      <c r="W15610">
        <v>0</v>
      </c>
      <c r="X15610">
        <v>0</v>
      </c>
      <c r="Y15610">
        <v>0</v>
      </c>
      <c r="Z15610">
        <v>0</v>
      </c>
      <c r="AA15610">
        <v>0</v>
      </c>
      <c r="AB15610">
        <v>0</v>
      </c>
      <c r="AC15610">
        <v>0</v>
      </c>
      <c r="AD15610">
        <v>0</v>
      </c>
      <c r="AE15610">
        <v>0</v>
      </c>
      <c r="AF15610">
        <v>0</v>
      </c>
      <c r="AG15610">
        <v>0</v>
      </c>
      <c r="AH15610">
        <v>0</v>
      </c>
      <c r="AI15610">
        <v>0</v>
      </c>
      <c r="AJ15610">
        <v>0</v>
      </c>
      <c r="AK15610">
        <v>0</v>
      </c>
      <c r="AL15610">
        <v>0</v>
      </c>
      <c r="AM15610">
        <v>0</v>
      </c>
      <c r="AN15610">
        <v>0</v>
      </c>
      <c r="AO15610">
        <v>0</v>
      </c>
      <c r="AP15610">
        <v>0</v>
      </c>
      <c r="AQ15610">
        <v>0</v>
      </c>
    </row>
    <row r="15611" spans="1:43">
      <c r="A15611" t="s">
        <v>9696</v>
      </c>
      <c r="B15611" t="s">
        <v>9697</v>
      </c>
      <c r="C15611" t="s">
        <v>9698</v>
      </c>
      <c r="D15611" t="s">
        <v>9699</v>
      </c>
      <c r="E15611" t="s">
        <v>9544</v>
      </c>
      <c r="F15611" t="s">
        <v>9545</v>
      </c>
      <c r="G15611" t="s">
        <v>80</v>
      </c>
      <c r="H15611" t="s">
        <v>81</v>
      </c>
      <c r="I15611" s="2">
        <v>0</v>
      </c>
      <c r="J15611" s="2">
        <v>1</v>
      </c>
      <c r="K15611" s="2">
        <v>0</v>
      </c>
      <c r="L15611" t="s">
        <v>82</v>
      </c>
      <c r="M15611" t="s">
        <v>87</v>
      </c>
      <c r="N15611" t="s">
        <v>88</v>
      </c>
      <c r="O15611" t="s">
        <v>85</v>
      </c>
      <c r="P15611" t="s">
        <v>86</v>
      </c>
      <c r="Q15611">
        <v>0</v>
      </c>
      <c r="R15611">
        <v>0</v>
      </c>
      <c r="S15611">
        <v>0</v>
      </c>
      <c r="T15611">
        <v>0</v>
      </c>
      <c r="U15611">
        <v>0</v>
      </c>
      <c r="V15611">
        <v>0</v>
      </c>
      <c r="W15611">
        <v>0</v>
      </c>
      <c r="X15611">
        <v>0</v>
      </c>
      <c r="Y15611">
        <v>0</v>
      </c>
      <c r="Z15611">
        <v>0</v>
      </c>
      <c r="AA15611">
        <v>0</v>
      </c>
      <c r="AB15611">
        <v>0</v>
      </c>
      <c r="AC15611">
        <v>0</v>
      </c>
      <c r="AD15611">
        <v>0</v>
      </c>
      <c r="AE15611">
        <v>0</v>
      </c>
      <c r="AF15611">
        <v>0</v>
      </c>
      <c r="AG15611">
        <v>0</v>
      </c>
      <c r="AH15611">
        <v>0</v>
      </c>
      <c r="AI15611">
        <v>0</v>
      </c>
      <c r="AJ15611">
        <v>0</v>
      </c>
      <c r="AK15611">
        <v>0</v>
      </c>
      <c r="AL15611">
        <v>0</v>
      </c>
      <c r="AM15611">
        <v>0</v>
      </c>
      <c r="AN15611">
        <v>0</v>
      </c>
      <c r="AO15611">
        <v>0</v>
      </c>
      <c r="AP15611">
        <v>0</v>
      </c>
      <c r="AQ15611">
        <v>0</v>
      </c>
    </row>
    <row r="15612" spans="1:43">
      <c r="A15612" t="s">
        <v>9696</v>
      </c>
      <c r="B15612" t="s">
        <v>9697</v>
      </c>
      <c r="C15612" t="s">
        <v>9698</v>
      </c>
      <c r="D15612" t="s">
        <v>9699</v>
      </c>
      <c r="E15612" t="s">
        <v>9544</v>
      </c>
      <c r="F15612" t="s">
        <v>9545</v>
      </c>
      <c r="G15612" t="s">
        <v>80</v>
      </c>
      <c r="H15612" t="s">
        <v>81</v>
      </c>
      <c r="I15612" s="2">
        <v>0</v>
      </c>
      <c r="J15612" s="2">
        <v>1</v>
      </c>
      <c r="K15612" s="2">
        <v>0</v>
      </c>
      <c r="L15612" t="s">
        <v>82</v>
      </c>
      <c r="M15612" t="s">
        <v>89</v>
      </c>
      <c r="N15612" t="s">
        <v>90</v>
      </c>
      <c r="O15612" t="s">
        <v>85</v>
      </c>
      <c r="P15612" t="s">
        <v>86</v>
      </c>
      <c r="Q15612">
        <v>0</v>
      </c>
      <c r="R15612">
        <v>0</v>
      </c>
      <c r="S15612">
        <v>0</v>
      </c>
      <c r="T15612">
        <v>0</v>
      </c>
      <c r="U15612">
        <v>0</v>
      </c>
      <c r="V15612">
        <v>0</v>
      </c>
      <c r="W15612">
        <v>0</v>
      </c>
      <c r="X15612">
        <v>0</v>
      </c>
      <c r="Y15612">
        <v>0</v>
      </c>
      <c r="Z15612">
        <v>0</v>
      </c>
      <c r="AA15612">
        <v>0</v>
      </c>
      <c r="AB15612">
        <v>0</v>
      </c>
      <c r="AC15612">
        <v>0</v>
      </c>
      <c r="AD15612">
        <v>0</v>
      </c>
      <c r="AE15612">
        <v>0</v>
      </c>
      <c r="AF15612">
        <v>0</v>
      </c>
      <c r="AG15612">
        <v>0</v>
      </c>
      <c r="AH15612">
        <v>0</v>
      </c>
      <c r="AI15612">
        <v>0</v>
      </c>
      <c r="AJ15612">
        <v>0</v>
      </c>
      <c r="AK15612">
        <v>0</v>
      </c>
      <c r="AL15612">
        <v>0</v>
      </c>
      <c r="AM15612">
        <v>0</v>
      </c>
      <c r="AN15612">
        <v>0</v>
      </c>
      <c r="AO15612">
        <v>0</v>
      </c>
      <c r="AP15612">
        <v>0</v>
      </c>
      <c r="AQ15612">
        <v>0</v>
      </c>
    </row>
    <row r="15613" spans="1:43">
      <c r="A15613" t="s">
        <v>9696</v>
      </c>
      <c r="B15613" t="s">
        <v>9697</v>
      </c>
      <c r="C15613" t="s">
        <v>9698</v>
      </c>
      <c r="D15613" t="s">
        <v>9699</v>
      </c>
      <c r="E15613" t="s">
        <v>9544</v>
      </c>
      <c r="F15613" t="s">
        <v>9545</v>
      </c>
      <c r="G15613" t="s">
        <v>80</v>
      </c>
      <c r="H15613" t="s">
        <v>81</v>
      </c>
      <c r="I15613" s="2">
        <v>0</v>
      </c>
      <c r="J15613" s="2">
        <v>1</v>
      </c>
      <c r="K15613" s="2">
        <v>0</v>
      </c>
      <c r="L15613" t="s">
        <v>82</v>
      </c>
      <c r="M15613" t="s">
        <v>83</v>
      </c>
      <c r="N15613" t="s">
        <v>91</v>
      </c>
      <c r="O15613" t="s">
        <v>85</v>
      </c>
      <c r="P15613" t="s">
        <v>86</v>
      </c>
      <c r="Q15613">
        <v>0</v>
      </c>
      <c r="R15613">
        <v>0</v>
      </c>
      <c r="S15613">
        <v>0</v>
      </c>
      <c r="T15613">
        <v>0</v>
      </c>
      <c r="U15613">
        <v>0</v>
      </c>
      <c r="V15613">
        <v>0</v>
      </c>
      <c r="W15613">
        <v>0</v>
      </c>
      <c r="X15613">
        <v>0</v>
      </c>
      <c r="Y15613">
        <v>0</v>
      </c>
      <c r="Z15613">
        <v>0</v>
      </c>
      <c r="AA15613">
        <v>0</v>
      </c>
      <c r="AB15613">
        <v>0</v>
      </c>
      <c r="AC15613">
        <v>0</v>
      </c>
      <c r="AD15613">
        <v>0</v>
      </c>
      <c r="AE15613">
        <v>0</v>
      </c>
      <c r="AF15613">
        <v>0</v>
      </c>
      <c r="AG15613">
        <v>0</v>
      </c>
      <c r="AH15613">
        <v>0</v>
      </c>
      <c r="AI15613">
        <v>0</v>
      </c>
      <c r="AJ15613">
        <v>0</v>
      </c>
      <c r="AK15613">
        <v>0</v>
      </c>
      <c r="AL15613">
        <v>0</v>
      </c>
      <c r="AM15613">
        <v>0</v>
      </c>
      <c r="AN15613">
        <v>0</v>
      </c>
      <c r="AO15613">
        <v>0</v>
      </c>
      <c r="AP15613">
        <v>0</v>
      </c>
      <c r="AQ15613">
        <v>0</v>
      </c>
    </row>
    <row r="15614" spans="1:43">
      <c r="A15614" t="s">
        <v>9700</v>
      </c>
      <c r="B15614" t="s">
        <v>9701</v>
      </c>
      <c r="C15614" t="s">
        <v>9694</v>
      </c>
      <c r="D15614" t="s">
        <v>9695</v>
      </c>
      <c r="E15614" t="s">
        <v>9544</v>
      </c>
      <c r="F15614" t="s">
        <v>9545</v>
      </c>
      <c r="G15614" t="s">
        <v>80</v>
      </c>
      <c r="H15614" t="s">
        <v>81</v>
      </c>
      <c r="I15614" s="2">
        <v>0</v>
      </c>
      <c r="J15614" s="2">
        <v>1</v>
      </c>
      <c r="K15614" s="2">
        <v>0</v>
      </c>
      <c r="L15614" t="s">
        <v>82</v>
      </c>
      <c r="M15614" t="s">
        <v>83</v>
      </c>
      <c r="N15614" t="s">
        <v>84</v>
      </c>
      <c r="O15614" t="s">
        <v>85</v>
      </c>
      <c r="P15614" t="s">
        <v>86</v>
      </c>
      <c r="Q15614">
        <v>15</v>
      </c>
      <c r="R15614">
        <v>15</v>
      </c>
      <c r="S15614">
        <v>15</v>
      </c>
      <c r="T15614">
        <v>15</v>
      </c>
      <c r="U15614">
        <v>15</v>
      </c>
      <c r="V15614">
        <v>16</v>
      </c>
      <c r="W15614">
        <v>16</v>
      </c>
      <c r="X15614">
        <v>16</v>
      </c>
      <c r="Y15614">
        <v>16</v>
      </c>
      <c r="Z15614">
        <v>16</v>
      </c>
      <c r="AA15614">
        <v>16</v>
      </c>
      <c r="AB15614">
        <v>16</v>
      </c>
      <c r="AC15614">
        <v>16</v>
      </c>
      <c r="AD15614">
        <v>16</v>
      </c>
      <c r="AE15614">
        <v>16</v>
      </c>
      <c r="AF15614">
        <v>16</v>
      </c>
      <c r="AG15614">
        <v>16</v>
      </c>
      <c r="AH15614">
        <v>16</v>
      </c>
      <c r="AI15614">
        <v>16</v>
      </c>
      <c r="AJ15614">
        <v>16</v>
      </c>
      <c r="AK15614">
        <v>16</v>
      </c>
      <c r="AL15614">
        <v>16</v>
      </c>
      <c r="AM15614">
        <v>16</v>
      </c>
      <c r="AN15614">
        <v>16</v>
      </c>
      <c r="AO15614">
        <v>16</v>
      </c>
      <c r="AP15614">
        <v>16</v>
      </c>
      <c r="AQ15614">
        <v>16</v>
      </c>
    </row>
    <row r="15615" spans="1:43">
      <c r="A15615" t="s">
        <v>9700</v>
      </c>
      <c r="B15615" t="s">
        <v>9701</v>
      </c>
      <c r="C15615" t="s">
        <v>9694</v>
      </c>
      <c r="D15615" t="s">
        <v>9695</v>
      </c>
      <c r="E15615" t="s">
        <v>9544</v>
      </c>
      <c r="F15615" t="s">
        <v>9545</v>
      </c>
      <c r="G15615" t="s">
        <v>80</v>
      </c>
      <c r="H15615" t="s">
        <v>81</v>
      </c>
      <c r="I15615" s="2">
        <v>0</v>
      </c>
      <c r="J15615" s="2">
        <v>1</v>
      </c>
      <c r="K15615" s="2">
        <v>0</v>
      </c>
      <c r="L15615" t="s">
        <v>82</v>
      </c>
      <c r="M15615" t="s">
        <v>87</v>
      </c>
      <c r="N15615" t="s">
        <v>88</v>
      </c>
      <c r="O15615" t="s">
        <v>85</v>
      </c>
      <c r="P15615" t="s">
        <v>86</v>
      </c>
      <c r="Q15615">
        <v>15</v>
      </c>
      <c r="R15615">
        <v>15</v>
      </c>
      <c r="S15615">
        <v>15</v>
      </c>
      <c r="T15615">
        <v>15</v>
      </c>
      <c r="U15615">
        <v>15</v>
      </c>
      <c r="V15615">
        <v>15</v>
      </c>
      <c r="W15615">
        <v>15</v>
      </c>
      <c r="X15615">
        <v>15</v>
      </c>
      <c r="Y15615">
        <v>15</v>
      </c>
      <c r="Z15615">
        <v>15</v>
      </c>
      <c r="AA15615">
        <v>15</v>
      </c>
      <c r="AB15615">
        <v>14</v>
      </c>
      <c r="AC15615">
        <v>14</v>
      </c>
      <c r="AD15615">
        <v>14</v>
      </c>
      <c r="AE15615">
        <v>14</v>
      </c>
      <c r="AF15615">
        <v>14</v>
      </c>
      <c r="AG15615">
        <v>14</v>
      </c>
      <c r="AH15615">
        <v>14</v>
      </c>
      <c r="AI15615">
        <v>14</v>
      </c>
      <c r="AJ15615">
        <v>14</v>
      </c>
      <c r="AK15615">
        <v>14</v>
      </c>
      <c r="AL15615">
        <v>14</v>
      </c>
      <c r="AM15615">
        <v>14</v>
      </c>
      <c r="AN15615">
        <v>14</v>
      </c>
      <c r="AO15615">
        <v>14</v>
      </c>
      <c r="AP15615">
        <v>14</v>
      </c>
      <c r="AQ15615">
        <v>14</v>
      </c>
    </row>
    <row r="15616" spans="1:43">
      <c r="A15616" t="s">
        <v>9700</v>
      </c>
      <c r="B15616" t="s">
        <v>9701</v>
      </c>
      <c r="C15616" t="s">
        <v>9694</v>
      </c>
      <c r="D15616" t="s">
        <v>9695</v>
      </c>
      <c r="E15616" t="s">
        <v>9544</v>
      </c>
      <c r="F15616" t="s">
        <v>9545</v>
      </c>
      <c r="G15616" t="s">
        <v>80</v>
      </c>
      <c r="H15616" t="s">
        <v>81</v>
      </c>
      <c r="I15616" s="2">
        <v>0</v>
      </c>
      <c r="J15616" s="2">
        <v>1</v>
      </c>
      <c r="K15616" s="2">
        <v>0</v>
      </c>
      <c r="L15616" t="s">
        <v>82</v>
      </c>
      <c r="M15616" t="s">
        <v>89</v>
      </c>
      <c r="N15616" t="s">
        <v>90</v>
      </c>
      <c r="O15616" t="s">
        <v>85</v>
      </c>
      <c r="P15616" t="s">
        <v>86</v>
      </c>
      <c r="Q15616">
        <v>15</v>
      </c>
      <c r="R15616">
        <v>15</v>
      </c>
      <c r="S15616">
        <v>16</v>
      </c>
      <c r="T15616">
        <v>16</v>
      </c>
      <c r="U15616">
        <v>16</v>
      </c>
      <c r="V15616">
        <v>16</v>
      </c>
      <c r="W15616">
        <v>16</v>
      </c>
      <c r="X15616">
        <v>17</v>
      </c>
      <c r="Y15616">
        <v>17</v>
      </c>
      <c r="Z15616">
        <v>17</v>
      </c>
      <c r="AA15616">
        <v>17</v>
      </c>
      <c r="AB15616">
        <v>17</v>
      </c>
      <c r="AC15616">
        <v>17</v>
      </c>
      <c r="AD15616">
        <v>17</v>
      </c>
      <c r="AE15616">
        <v>17</v>
      </c>
      <c r="AF15616">
        <v>17</v>
      </c>
      <c r="AG15616">
        <v>17</v>
      </c>
      <c r="AH15616">
        <v>17</v>
      </c>
      <c r="AI15616">
        <v>17</v>
      </c>
      <c r="AJ15616">
        <v>17</v>
      </c>
      <c r="AK15616">
        <v>17</v>
      </c>
      <c r="AL15616">
        <v>16</v>
      </c>
      <c r="AM15616">
        <v>16</v>
      </c>
      <c r="AN15616">
        <v>16</v>
      </c>
      <c r="AO15616">
        <v>16</v>
      </c>
      <c r="AP15616">
        <v>16</v>
      </c>
      <c r="AQ15616">
        <v>16</v>
      </c>
    </row>
    <row r="15617" spans="1:43">
      <c r="A15617" t="s">
        <v>9700</v>
      </c>
      <c r="B15617" t="s">
        <v>9701</v>
      </c>
      <c r="C15617" t="s">
        <v>9694</v>
      </c>
      <c r="D15617" t="s">
        <v>9695</v>
      </c>
      <c r="E15617" t="s">
        <v>9544</v>
      </c>
      <c r="F15617" t="s">
        <v>9545</v>
      </c>
      <c r="G15617" t="s">
        <v>80</v>
      </c>
      <c r="H15617" t="s">
        <v>81</v>
      </c>
      <c r="I15617" s="2">
        <v>0</v>
      </c>
      <c r="J15617" s="2">
        <v>1</v>
      </c>
      <c r="K15617" s="2">
        <v>0</v>
      </c>
      <c r="L15617" t="s">
        <v>82</v>
      </c>
      <c r="M15617" t="s">
        <v>83</v>
      </c>
      <c r="N15617" t="s">
        <v>91</v>
      </c>
      <c r="O15617" t="s">
        <v>85</v>
      </c>
      <c r="P15617" t="s">
        <v>86</v>
      </c>
      <c r="Q15617">
        <v>15</v>
      </c>
      <c r="R15617">
        <v>15</v>
      </c>
      <c r="S15617">
        <v>15</v>
      </c>
      <c r="T15617">
        <v>15</v>
      </c>
      <c r="U15617">
        <v>15</v>
      </c>
      <c r="V15617">
        <v>16</v>
      </c>
      <c r="W15617">
        <v>16</v>
      </c>
      <c r="X15617">
        <v>16</v>
      </c>
      <c r="Y15617">
        <v>16</v>
      </c>
      <c r="Z15617">
        <v>16</v>
      </c>
      <c r="AA15617">
        <v>16</v>
      </c>
      <c r="AB15617">
        <v>16</v>
      </c>
      <c r="AC15617">
        <v>16</v>
      </c>
      <c r="AD15617">
        <v>16</v>
      </c>
      <c r="AE15617">
        <v>16</v>
      </c>
      <c r="AF15617">
        <v>16</v>
      </c>
      <c r="AG15617">
        <v>16</v>
      </c>
      <c r="AH15617">
        <v>16</v>
      </c>
      <c r="AI15617">
        <v>16</v>
      </c>
      <c r="AJ15617">
        <v>16</v>
      </c>
      <c r="AK15617">
        <v>16</v>
      </c>
      <c r="AL15617">
        <v>16</v>
      </c>
      <c r="AM15617">
        <v>16</v>
      </c>
      <c r="AN15617">
        <v>16</v>
      </c>
      <c r="AO15617">
        <v>16</v>
      </c>
      <c r="AP15617">
        <v>16</v>
      </c>
      <c r="AQ15617">
        <v>16</v>
      </c>
    </row>
    <row r="15618" spans="1:43">
      <c r="A15618" t="s">
        <v>9702</v>
      </c>
      <c r="B15618" t="s">
        <v>9703</v>
      </c>
      <c r="C15618" t="s">
        <v>9704</v>
      </c>
      <c r="D15618" t="s">
        <v>9705</v>
      </c>
      <c r="E15618" t="s">
        <v>9544</v>
      </c>
      <c r="F15618" t="s">
        <v>9545</v>
      </c>
      <c r="G15618" t="s">
        <v>80</v>
      </c>
      <c r="H15618" t="s">
        <v>81</v>
      </c>
      <c r="I15618" s="2">
        <v>0</v>
      </c>
      <c r="J15618" s="2">
        <v>1</v>
      </c>
      <c r="K15618" s="2">
        <v>0</v>
      </c>
      <c r="L15618" t="s">
        <v>82</v>
      </c>
      <c r="M15618" t="s">
        <v>83</v>
      </c>
      <c r="N15618" t="s">
        <v>84</v>
      </c>
      <c r="O15618" t="s">
        <v>85</v>
      </c>
      <c r="P15618" t="s">
        <v>86</v>
      </c>
      <c r="Q15618">
        <v>55</v>
      </c>
      <c r="R15618">
        <v>56</v>
      </c>
      <c r="S15618">
        <v>56</v>
      </c>
      <c r="T15618">
        <v>57</v>
      </c>
      <c r="U15618">
        <v>57</v>
      </c>
      <c r="V15618">
        <v>57</v>
      </c>
      <c r="W15618">
        <v>58</v>
      </c>
      <c r="X15618">
        <v>58</v>
      </c>
      <c r="Y15618">
        <v>58</v>
      </c>
      <c r="Z15618">
        <v>58</v>
      </c>
      <c r="AA15618">
        <v>59</v>
      </c>
      <c r="AB15618">
        <v>59</v>
      </c>
      <c r="AC15618">
        <v>59</v>
      </c>
      <c r="AD15618">
        <v>59</v>
      </c>
      <c r="AE15618">
        <v>60</v>
      </c>
      <c r="AF15618">
        <v>60</v>
      </c>
      <c r="AG15618">
        <v>60</v>
      </c>
      <c r="AH15618">
        <v>60</v>
      </c>
      <c r="AI15618">
        <v>60</v>
      </c>
      <c r="AJ15618">
        <v>60</v>
      </c>
      <c r="AK15618">
        <v>60</v>
      </c>
      <c r="AL15618">
        <v>60</v>
      </c>
      <c r="AM15618">
        <v>60</v>
      </c>
      <c r="AN15618">
        <v>59</v>
      </c>
      <c r="AO15618">
        <v>59</v>
      </c>
      <c r="AP15618">
        <v>59</v>
      </c>
      <c r="AQ15618">
        <v>58</v>
      </c>
    </row>
    <row r="15619" spans="1:43">
      <c r="A15619" t="s">
        <v>9702</v>
      </c>
      <c r="B15619" t="s">
        <v>9703</v>
      </c>
      <c r="C15619" t="s">
        <v>9704</v>
      </c>
      <c r="D15619" t="s">
        <v>9705</v>
      </c>
      <c r="E15619" t="s">
        <v>9544</v>
      </c>
      <c r="F15619" t="s">
        <v>9545</v>
      </c>
      <c r="G15619" t="s">
        <v>80</v>
      </c>
      <c r="H15619" t="s">
        <v>81</v>
      </c>
      <c r="I15619" s="2">
        <v>0</v>
      </c>
      <c r="J15619" s="2">
        <v>1</v>
      </c>
      <c r="K15619" s="2">
        <v>0</v>
      </c>
      <c r="L15619" t="s">
        <v>82</v>
      </c>
      <c r="M15619" t="s">
        <v>87</v>
      </c>
      <c r="N15619" t="s">
        <v>88</v>
      </c>
      <c r="O15619" t="s">
        <v>85</v>
      </c>
      <c r="P15619" t="s">
        <v>86</v>
      </c>
      <c r="Q15619">
        <v>55</v>
      </c>
      <c r="R15619">
        <v>55</v>
      </c>
      <c r="S15619">
        <v>55</v>
      </c>
      <c r="T15619">
        <v>55</v>
      </c>
      <c r="U15619">
        <v>54</v>
      </c>
      <c r="V15619">
        <v>54</v>
      </c>
      <c r="W15619">
        <v>54</v>
      </c>
      <c r="X15619">
        <v>54</v>
      </c>
      <c r="Y15619">
        <v>54</v>
      </c>
      <c r="Z15619">
        <v>54</v>
      </c>
      <c r="AA15619">
        <v>53</v>
      </c>
      <c r="AB15619">
        <v>53</v>
      </c>
      <c r="AC15619">
        <v>53</v>
      </c>
      <c r="AD15619">
        <v>53</v>
      </c>
      <c r="AE15619">
        <v>53</v>
      </c>
      <c r="AF15619">
        <v>53</v>
      </c>
      <c r="AG15619">
        <v>52</v>
      </c>
      <c r="AH15619">
        <v>52</v>
      </c>
      <c r="AI15619">
        <v>52</v>
      </c>
      <c r="AJ15619">
        <v>52</v>
      </c>
      <c r="AK15619">
        <v>52</v>
      </c>
      <c r="AL15619">
        <v>51</v>
      </c>
      <c r="AM15619">
        <v>51</v>
      </c>
      <c r="AN15619">
        <v>51</v>
      </c>
      <c r="AO15619">
        <v>51</v>
      </c>
      <c r="AP15619">
        <v>51</v>
      </c>
      <c r="AQ15619">
        <v>50</v>
      </c>
    </row>
    <row r="15620" spans="1:43">
      <c r="A15620" t="s">
        <v>9702</v>
      </c>
      <c r="B15620" t="s">
        <v>9703</v>
      </c>
      <c r="C15620" t="s">
        <v>9704</v>
      </c>
      <c r="D15620" t="s">
        <v>9705</v>
      </c>
      <c r="E15620" t="s">
        <v>9544</v>
      </c>
      <c r="F15620" t="s">
        <v>9545</v>
      </c>
      <c r="G15620" t="s">
        <v>80</v>
      </c>
      <c r="H15620" t="s">
        <v>81</v>
      </c>
      <c r="I15620" s="2">
        <v>0</v>
      </c>
      <c r="J15620" s="2">
        <v>1</v>
      </c>
      <c r="K15620" s="2">
        <v>0</v>
      </c>
      <c r="L15620" t="s">
        <v>82</v>
      </c>
      <c r="M15620" t="s">
        <v>89</v>
      </c>
      <c r="N15620" t="s">
        <v>90</v>
      </c>
      <c r="O15620" t="s">
        <v>85</v>
      </c>
      <c r="P15620" t="s">
        <v>86</v>
      </c>
      <c r="Q15620">
        <v>55</v>
      </c>
      <c r="R15620">
        <v>56</v>
      </c>
      <c r="S15620">
        <v>57</v>
      </c>
      <c r="T15620">
        <v>57</v>
      </c>
      <c r="U15620">
        <v>58</v>
      </c>
      <c r="V15620">
        <v>59</v>
      </c>
      <c r="W15620">
        <v>60</v>
      </c>
      <c r="X15620">
        <v>60</v>
      </c>
      <c r="Y15620">
        <v>61</v>
      </c>
      <c r="Z15620">
        <v>61</v>
      </c>
      <c r="AA15620">
        <v>61</v>
      </c>
      <c r="AB15620">
        <v>62</v>
      </c>
      <c r="AC15620">
        <v>62</v>
      </c>
      <c r="AD15620">
        <v>63</v>
      </c>
      <c r="AE15620">
        <v>63</v>
      </c>
      <c r="AF15620">
        <v>62</v>
      </c>
      <c r="AG15620">
        <v>62</v>
      </c>
      <c r="AH15620">
        <v>62</v>
      </c>
      <c r="AI15620">
        <v>61</v>
      </c>
      <c r="AJ15620">
        <v>61</v>
      </c>
      <c r="AK15620">
        <v>60</v>
      </c>
      <c r="AL15620">
        <v>60</v>
      </c>
      <c r="AM15620">
        <v>59</v>
      </c>
      <c r="AN15620">
        <v>59</v>
      </c>
      <c r="AO15620">
        <v>59</v>
      </c>
      <c r="AP15620">
        <v>58</v>
      </c>
      <c r="AQ15620">
        <v>58</v>
      </c>
    </row>
    <row r="15621" spans="1:43">
      <c r="A15621" t="s">
        <v>9702</v>
      </c>
      <c r="B15621" t="s">
        <v>9703</v>
      </c>
      <c r="C15621" t="s">
        <v>9704</v>
      </c>
      <c r="D15621" t="s">
        <v>9705</v>
      </c>
      <c r="E15621" t="s">
        <v>9544</v>
      </c>
      <c r="F15621" t="s">
        <v>9545</v>
      </c>
      <c r="G15621" t="s">
        <v>80</v>
      </c>
      <c r="H15621" t="s">
        <v>81</v>
      </c>
      <c r="I15621" s="2">
        <v>0</v>
      </c>
      <c r="J15621" s="2">
        <v>1</v>
      </c>
      <c r="K15621" s="2">
        <v>0</v>
      </c>
      <c r="L15621" t="s">
        <v>82</v>
      </c>
      <c r="M15621" t="s">
        <v>83</v>
      </c>
      <c r="N15621" t="s">
        <v>91</v>
      </c>
      <c r="O15621" t="s">
        <v>85</v>
      </c>
      <c r="P15621" t="s">
        <v>86</v>
      </c>
      <c r="Q15621">
        <v>55</v>
      </c>
      <c r="R15621">
        <v>56</v>
      </c>
      <c r="S15621">
        <v>56</v>
      </c>
      <c r="T15621">
        <v>57</v>
      </c>
      <c r="U15621">
        <v>57</v>
      </c>
      <c r="V15621">
        <v>57</v>
      </c>
      <c r="W15621">
        <v>58</v>
      </c>
      <c r="X15621">
        <v>58</v>
      </c>
      <c r="Y15621">
        <v>58</v>
      </c>
      <c r="Z15621">
        <v>58</v>
      </c>
      <c r="AA15621">
        <v>59</v>
      </c>
      <c r="AB15621">
        <v>59</v>
      </c>
      <c r="AC15621">
        <v>59</v>
      </c>
      <c r="AD15621">
        <v>59</v>
      </c>
      <c r="AE15621">
        <v>60</v>
      </c>
      <c r="AF15621">
        <v>60</v>
      </c>
      <c r="AG15621">
        <v>60</v>
      </c>
      <c r="AH15621">
        <v>60</v>
      </c>
      <c r="AI15621">
        <v>60</v>
      </c>
      <c r="AJ15621">
        <v>60</v>
      </c>
      <c r="AK15621">
        <v>60</v>
      </c>
      <c r="AL15621">
        <v>60</v>
      </c>
      <c r="AM15621">
        <v>60</v>
      </c>
      <c r="AN15621">
        <v>59</v>
      </c>
      <c r="AO15621">
        <v>59</v>
      </c>
      <c r="AP15621">
        <v>59</v>
      </c>
      <c r="AQ15621">
        <v>58</v>
      </c>
    </row>
    <row r="15622" spans="1:43">
      <c r="A15622" t="s">
        <v>9706</v>
      </c>
      <c r="B15622" t="s">
        <v>9707</v>
      </c>
      <c r="C15622" t="s">
        <v>9708</v>
      </c>
      <c r="D15622" t="s">
        <v>9709</v>
      </c>
      <c r="E15622" t="s">
        <v>9544</v>
      </c>
      <c r="F15622" t="s">
        <v>9545</v>
      </c>
      <c r="G15622" t="s">
        <v>80</v>
      </c>
      <c r="H15622" t="s">
        <v>81</v>
      </c>
      <c r="I15622" s="2">
        <v>0</v>
      </c>
      <c r="J15622" s="2">
        <v>1</v>
      </c>
      <c r="K15622" s="2">
        <v>0</v>
      </c>
      <c r="L15622" t="s">
        <v>82</v>
      </c>
      <c r="M15622" t="s">
        <v>83</v>
      </c>
      <c r="N15622" t="s">
        <v>84</v>
      </c>
      <c r="O15622" t="s">
        <v>85</v>
      </c>
      <c r="P15622" t="s">
        <v>86</v>
      </c>
      <c r="Q15622">
        <v>28</v>
      </c>
      <c r="R15622">
        <v>28</v>
      </c>
      <c r="S15622">
        <v>28</v>
      </c>
      <c r="T15622">
        <v>29</v>
      </c>
      <c r="U15622">
        <v>29</v>
      </c>
      <c r="V15622">
        <v>29</v>
      </c>
      <c r="W15622">
        <v>29</v>
      </c>
      <c r="X15622">
        <v>29</v>
      </c>
      <c r="Y15622">
        <v>29</v>
      </c>
      <c r="Z15622">
        <v>30</v>
      </c>
      <c r="AA15622">
        <v>30</v>
      </c>
      <c r="AB15622">
        <v>30</v>
      </c>
      <c r="AC15622">
        <v>30</v>
      </c>
      <c r="AD15622">
        <v>30</v>
      </c>
      <c r="AE15622">
        <v>30</v>
      </c>
      <c r="AF15622">
        <v>30</v>
      </c>
      <c r="AG15622">
        <v>30</v>
      </c>
      <c r="AH15622">
        <v>30</v>
      </c>
      <c r="AI15622">
        <v>30</v>
      </c>
      <c r="AJ15622">
        <v>30</v>
      </c>
      <c r="AK15622">
        <v>31</v>
      </c>
      <c r="AL15622">
        <v>30</v>
      </c>
      <c r="AM15622">
        <v>30</v>
      </c>
      <c r="AN15622">
        <v>30</v>
      </c>
      <c r="AO15622">
        <v>30</v>
      </c>
      <c r="AP15622">
        <v>30</v>
      </c>
      <c r="AQ15622">
        <v>29</v>
      </c>
    </row>
    <row r="15623" spans="1:43">
      <c r="A15623" t="s">
        <v>9706</v>
      </c>
      <c r="B15623" t="s">
        <v>9707</v>
      </c>
      <c r="C15623" t="s">
        <v>9708</v>
      </c>
      <c r="D15623" t="s">
        <v>9709</v>
      </c>
      <c r="E15623" t="s">
        <v>9544</v>
      </c>
      <c r="F15623" t="s">
        <v>9545</v>
      </c>
      <c r="G15623" t="s">
        <v>80</v>
      </c>
      <c r="H15623" t="s">
        <v>81</v>
      </c>
      <c r="I15623" s="2">
        <v>0</v>
      </c>
      <c r="J15623" s="2">
        <v>1</v>
      </c>
      <c r="K15623" s="2">
        <v>0</v>
      </c>
      <c r="L15623" t="s">
        <v>82</v>
      </c>
      <c r="M15623" t="s">
        <v>87</v>
      </c>
      <c r="N15623" t="s">
        <v>88</v>
      </c>
      <c r="O15623" t="s">
        <v>85</v>
      </c>
      <c r="P15623" t="s">
        <v>86</v>
      </c>
      <c r="Q15623">
        <v>28</v>
      </c>
      <c r="R15623">
        <v>28</v>
      </c>
      <c r="S15623">
        <v>28</v>
      </c>
      <c r="T15623">
        <v>28</v>
      </c>
      <c r="U15623">
        <v>28</v>
      </c>
      <c r="V15623">
        <v>27</v>
      </c>
      <c r="W15623">
        <v>27</v>
      </c>
      <c r="X15623">
        <v>27</v>
      </c>
      <c r="Y15623">
        <v>27</v>
      </c>
      <c r="Z15623">
        <v>27</v>
      </c>
      <c r="AA15623">
        <v>27</v>
      </c>
      <c r="AB15623">
        <v>27</v>
      </c>
      <c r="AC15623">
        <v>27</v>
      </c>
      <c r="AD15623">
        <v>27</v>
      </c>
      <c r="AE15623">
        <v>27</v>
      </c>
      <c r="AF15623">
        <v>27</v>
      </c>
      <c r="AG15623">
        <v>27</v>
      </c>
      <c r="AH15623">
        <v>26</v>
      </c>
      <c r="AI15623">
        <v>26</v>
      </c>
      <c r="AJ15623">
        <v>26</v>
      </c>
      <c r="AK15623">
        <v>26</v>
      </c>
      <c r="AL15623">
        <v>26</v>
      </c>
      <c r="AM15623">
        <v>26</v>
      </c>
      <c r="AN15623">
        <v>26</v>
      </c>
      <c r="AO15623">
        <v>26</v>
      </c>
      <c r="AP15623">
        <v>26</v>
      </c>
      <c r="AQ15623">
        <v>25</v>
      </c>
    </row>
    <row r="15624" spans="1:43">
      <c r="A15624" t="s">
        <v>9706</v>
      </c>
      <c r="B15624" t="s">
        <v>9707</v>
      </c>
      <c r="C15624" t="s">
        <v>9708</v>
      </c>
      <c r="D15624" t="s">
        <v>9709</v>
      </c>
      <c r="E15624" t="s">
        <v>9544</v>
      </c>
      <c r="F15624" t="s">
        <v>9545</v>
      </c>
      <c r="G15624" t="s">
        <v>80</v>
      </c>
      <c r="H15624" t="s">
        <v>81</v>
      </c>
      <c r="I15624" s="2">
        <v>0</v>
      </c>
      <c r="J15624" s="2">
        <v>1</v>
      </c>
      <c r="K15624" s="2">
        <v>0</v>
      </c>
      <c r="L15624" t="s">
        <v>82</v>
      </c>
      <c r="M15624" t="s">
        <v>89</v>
      </c>
      <c r="N15624" t="s">
        <v>90</v>
      </c>
      <c r="O15624" t="s">
        <v>85</v>
      </c>
      <c r="P15624" t="s">
        <v>86</v>
      </c>
      <c r="Q15624">
        <v>28</v>
      </c>
      <c r="R15624">
        <v>29</v>
      </c>
      <c r="S15624">
        <v>29</v>
      </c>
      <c r="T15624">
        <v>30</v>
      </c>
      <c r="U15624">
        <v>30</v>
      </c>
      <c r="V15624">
        <v>30</v>
      </c>
      <c r="W15624">
        <v>31</v>
      </c>
      <c r="X15624">
        <v>31</v>
      </c>
      <c r="Y15624">
        <v>31</v>
      </c>
      <c r="Z15624">
        <v>31</v>
      </c>
      <c r="AA15624">
        <v>32</v>
      </c>
      <c r="AB15624">
        <v>32</v>
      </c>
      <c r="AC15624">
        <v>32</v>
      </c>
      <c r="AD15624">
        <v>32</v>
      </c>
      <c r="AE15624">
        <v>32</v>
      </c>
      <c r="AF15624">
        <v>32</v>
      </c>
      <c r="AG15624">
        <v>32</v>
      </c>
      <c r="AH15624">
        <v>32</v>
      </c>
      <c r="AI15624">
        <v>31</v>
      </c>
      <c r="AJ15624">
        <v>31</v>
      </c>
      <c r="AK15624">
        <v>31</v>
      </c>
      <c r="AL15624">
        <v>31</v>
      </c>
      <c r="AM15624">
        <v>31</v>
      </c>
      <c r="AN15624">
        <v>30</v>
      </c>
      <c r="AO15624">
        <v>30</v>
      </c>
      <c r="AP15624">
        <v>30</v>
      </c>
      <c r="AQ15624">
        <v>30</v>
      </c>
    </row>
    <row r="15625" spans="1:43">
      <c r="A15625" t="s">
        <v>9706</v>
      </c>
      <c r="B15625" t="s">
        <v>9707</v>
      </c>
      <c r="C15625" t="s">
        <v>9708</v>
      </c>
      <c r="D15625" t="s">
        <v>9709</v>
      </c>
      <c r="E15625" t="s">
        <v>9544</v>
      </c>
      <c r="F15625" t="s">
        <v>9545</v>
      </c>
      <c r="G15625" t="s">
        <v>80</v>
      </c>
      <c r="H15625" t="s">
        <v>81</v>
      </c>
      <c r="I15625" s="2">
        <v>0</v>
      </c>
      <c r="J15625" s="2">
        <v>1</v>
      </c>
      <c r="K15625" s="2">
        <v>0</v>
      </c>
      <c r="L15625" t="s">
        <v>82</v>
      </c>
      <c r="M15625" t="s">
        <v>83</v>
      </c>
      <c r="N15625" t="s">
        <v>91</v>
      </c>
      <c r="O15625" t="s">
        <v>85</v>
      </c>
      <c r="P15625" t="s">
        <v>86</v>
      </c>
      <c r="Q15625">
        <v>28</v>
      </c>
      <c r="R15625">
        <v>28</v>
      </c>
      <c r="S15625">
        <v>28</v>
      </c>
      <c r="T15625">
        <v>29</v>
      </c>
      <c r="U15625">
        <v>29</v>
      </c>
      <c r="V15625">
        <v>29</v>
      </c>
      <c r="W15625">
        <v>29</v>
      </c>
      <c r="X15625">
        <v>29</v>
      </c>
      <c r="Y15625">
        <v>29</v>
      </c>
      <c r="Z15625">
        <v>30</v>
      </c>
      <c r="AA15625">
        <v>30</v>
      </c>
      <c r="AB15625">
        <v>30</v>
      </c>
      <c r="AC15625">
        <v>30</v>
      </c>
      <c r="AD15625">
        <v>30</v>
      </c>
      <c r="AE15625">
        <v>30</v>
      </c>
      <c r="AF15625">
        <v>30</v>
      </c>
      <c r="AG15625">
        <v>30</v>
      </c>
      <c r="AH15625">
        <v>30</v>
      </c>
      <c r="AI15625">
        <v>30</v>
      </c>
      <c r="AJ15625">
        <v>30</v>
      </c>
      <c r="AK15625">
        <v>31</v>
      </c>
      <c r="AL15625">
        <v>30</v>
      </c>
      <c r="AM15625">
        <v>30</v>
      </c>
      <c r="AN15625">
        <v>30</v>
      </c>
      <c r="AO15625">
        <v>30</v>
      </c>
      <c r="AP15625">
        <v>30</v>
      </c>
      <c r="AQ15625">
        <v>29</v>
      </c>
    </row>
    <row r="15626" spans="1:43">
      <c r="A15626" t="s">
        <v>9710</v>
      </c>
      <c r="B15626" t="s">
        <v>9711</v>
      </c>
      <c r="C15626" t="s">
        <v>9704</v>
      </c>
      <c r="D15626" t="s">
        <v>9705</v>
      </c>
      <c r="E15626" t="s">
        <v>9544</v>
      </c>
      <c r="F15626" t="s">
        <v>9545</v>
      </c>
      <c r="G15626" t="s">
        <v>80</v>
      </c>
      <c r="H15626" t="s">
        <v>81</v>
      </c>
      <c r="I15626" s="2">
        <v>0</v>
      </c>
      <c r="J15626" s="2">
        <v>1</v>
      </c>
      <c r="K15626" s="2">
        <v>0</v>
      </c>
      <c r="L15626" t="s">
        <v>82</v>
      </c>
      <c r="M15626" t="s">
        <v>83</v>
      </c>
      <c r="N15626" t="s">
        <v>84</v>
      </c>
      <c r="O15626" t="s">
        <v>85</v>
      </c>
      <c r="P15626" t="s">
        <v>86</v>
      </c>
      <c r="Q15626">
        <v>42</v>
      </c>
      <c r="R15626">
        <v>42</v>
      </c>
      <c r="S15626">
        <v>43</v>
      </c>
      <c r="T15626">
        <v>43</v>
      </c>
      <c r="U15626">
        <v>43</v>
      </c>
      <c r="V15626">
        <v>43</v>
      </c>
      <c r="W15626">
        <v>44</v>
      </c>
      <c r="X15626">
        <v>44</v>
      </c>
      <c r="Y15626">
        <v>44</v>
      </c>
      <c r="Z15626">
        <v>44</v>
      </c>
      <c r="AA15626">
        <v>45</v>
      </c>
      <c r="AB15626">
        <v>45</v>
      </c>
      <c r="AC15626">
        <v>45</v>
      </c>
      <c r="AD15626">
        <v>45</v>
      </c>
      <c r="AE15626">
        <v>45</v>
      </c>
      <c r="AF15626">
        <v>45</v>
      </c>
      <c r="AG15626">
        <v>45</v>
      </c>
      <c r="AH15626">
        <v>46</v>
      </c>
      <c r="AI15626">
        <v>46</v>
      </c>
      <c r="AJ15626">
        <v>46</v>
      </c>
      <c r="AK15626">
        <v>46</v>
      </c>
      <c r="AL15626">
        <v>46</v>
      </c>
      <c r="AM15626">
        <v>45</v>
      </c>
      <c r="AN15626">
        <v>45</v>
      </c>
      <c r="AO15626">
        <v>45</v>
      </c>
      <c r="AP15626">
        <v>44</v>
      </c>
      <c r="AQ15626">
        <v>44</v>
      </c>
    </row>
    <row r="15627" spans="1:43">
      <c r="A15627" t="s">
        <v>9710</v>
      </c>
      <c r="B15627" t="s">
        <v>9711</v>
      </c>
      <c r="C15627" t="s">
        <v>9704</v>
      </c>
      <c r="D15627" t="s">
        <v>9705</v>
      </c>
      <c r="E15627" t="s">
        <v>9544</v>
      </c>
      <c r="F15627" t="s">
        <v>9545</v>
      </c>
      <c r="G15627" t="s">
        <v>80</v>
      </c>
      <c r="H15627" t="s">
        <v>81</v>
      </c>
      <c r="I15627" s="2">
        <v>0</v>
      </c>
      <c r="J15627" s="2">
        <v>1</v>
      </c>
      <c r="K15627" s="2">
        <v>0</v>
      </c>
      <c r="L15627" t="s">
        <v>82</v>
      </c>
      <c r="M15627" t="s">
        <v>87</v>
      </c>
      <c r="N15627" t="s">
        <v>88</v>
      </c>
      <c r="O15627" t="s">
        <v>85</v>
      </c>
      <c r="P15627" t="s">
        <v>86</v>
      </c>
      <c r="Q15627">
        <v>42</v>
      </c>
      <c r="R15627">
        <v>42</v>
      </c>
      <c r="S15627">
        <v>41</v>
      </c>
      <c r="T15627">
        <v>41</v>
      </c>
      <c r="U15627">
        <v>41</v>
      </c>
      <c r="V15627">
        <v>41</v>
      </c>
      <c r="W15627">
        <v>41</v>
      </c>
      <c r="X15627">
        <v>41</v>
      </c>
      <c r="Y15627">
        <v>41</v>
      </c>
      <c r="Z15627">
        <v>41</v>
      </c>
      <c r="AA15627">
        <v>41</v>
      </c>
      <c r="AB15627">
        <v>40</v>
      </c>
      <c r="AC15627">
        <v>40</v>
      </c>
      <c r="AD15627">
        <v>40</v>
      </c>
      <c r="AE15627">
        <v>40</v>
      </c>
      <c r="AF15627">
        <v>40</v>
      </c>
      <c r="AG15627">
        <v>40</v>
      </c>
      <c r="AH15627">
        <v>40</v>
      </c>
      <c r="AI15627">
        <v>39</v>
      </c>
      <c r="AJ15627">
        <v>39</v>
      </c>
      <c r="AK15627">
        <v>39</v>
      </c>
      <c r="AL15627">
        <v>39</v>
      </c>
      <c r="AM15627">
        <v>39</v>
      </c>
      <c r="AN15627">
        <v>39</v>
      </c>
      <c r="AO15627">
        <v>39</v>
      </c>
      <c r="AP15627">
        <v>38</v>
      </c>
      <c r="AQ15627">
        <v>38</v>
      </c>
    </row>
    <row r="15628" spans="1:43">
      <c r="A15628" t="s">
        <v>9710</v>
      </c>
      <c r="B15628" t="s">
        <v>9711</v>
      </c>
      <c r="C15628" t="s">
        <v>9704</v>
      </c>
      <c r="D15628" t="s">
        <v>9705</v>
      </c>
      <c r="E15628" t="s">
        <v>9544</v>
      </c>
      <c r="F15628" t="s">
        <v>9545</v>
      </c>
      <c r="G15628" t="s">
        <v>80</v>
      </c>
      <c r="H15628" t="s">
        <v>81</v>
      </c>
      <c r="I15628" s="2">
        <v>0</v>
      </c>
      <c r="J15628" s="2">
        <v>1</v>
      </c>
      <c r="K15628" s="2">
        <v>0</v>
      </c>
      <c r="L15628" t="s">
        <v>82</v>
      </c>
      <c r="M15628" t="s">
        <v>89</v>
      </c>
      <c r="N15628" t="s">
        <v>90</v>
      </c>
      <c r="O15628" t="s">
        <v>85</v>
      </c>
      <c r="P15628" t="s">
        <v>86</v>
      </c>
      <c r="Q15628">
        <v>42</v>
      </c>
      <c r="R15628">
        <v>43</v>
      </c>
      <c r="S15628">
        <v>44</v>
      </c>
      <c r="T15628">
        <v>44</v>
      </c>
      <c r="U15628">
        <v>45</v>
      </c>
      <c r="V15628">
        <v>45</v>
      </c>
      <c r="W15628">
        <v>46</v>
      </c>
      <c r="X15628">
        <v>46</v>
      </c>
      <c r="Y15628">
        <v>47</v>
      </c>
      <c r="Z15628">
        <v>47</v>
      </c>
      <c r="AA15628">
        <v>47</v>
      </c>
      <c r="AB15628">
        <v>48</v>
      </c>
      <c r="AC15628">
        <v>48</v>
      </c>
      <c r="AD15628">
        <v>48</v>
      </c>
      <c r="AE15628">
        <v>48</v>
      </c>
      <c r="AF15628">
        <v>48</v>
      </c>
      <c r="AG15628">
        <v>48</v>
      </c>
      <c r="AH15628">
        <v>47</v>
      </c>
      <c r="AI15628">
        <v>47</v>
      </c>
      <c r="AJ15628">
        <v>47</v>
      </c>
      <c r="AK15628">
        <v>46</v>
      </c>
      <c r="AL15628">
        <v>46</v>
      </c>
      <c r="AM15628">
        <v>46</v>
      </c>
      <c r="AN15628">
        <v>45</v>
      </c>
      <c r="AO15628">
        <v>45</v>
      </c>
      <c r="AP15628">
        <v>45</v>
      </c>
      <c r="AQ15628">
        <v>44</v>
      </c>
    </row>
    <row r="15629" spans="1:43">
      <c r="A15629" t="s">
        <v>9710</v>
      </c>
      <c r="B15629" t="s">
        <v>9711</v>
      </c>
      <c r="C15629" t="s">
        <v>9704</v>
      </c>
      <c r="D15629" t="s">
        <v>9705</v>
      </c>
      <c r="E15629" t="s">
        <v>9544</v>
      </c>
      <c r="F15629" t="s">
        <v>9545</v>
      </c>
      <c r="G15629" t="s">
        <v>80</v>
      </c>
      <c r="H15629" t="s">
        <v>81</v>
      </c>
      <c r="I15629" s="2">
        <v>0</v>
      </c>
      <c r="J15629" s="2">
        <v>1</v>
      </c>
      <c r="K15629" s="2">
        <v>0</v>
      </c>
      <c r="L15629" t="s">
        <v>82</v>
      </c>
      <c r="M15629" t="s">
        <v>83</v>
      </c>
      <c r="N15629" t="s">
        <v>91</v>
      </c>
      <c r="O15629" t="s">
        <v>85</v>
      </c>
      <c r="P15629" t="s">
        <v>86</v>
      </c>
      <c r="Q15629">
        <v>42</v>
      </c>
      <c r="R15629">
        <v>42</v>
      </c>
      <c r="S15629">
        <v>43</v>
      </c>
      <c r="T15629">
        <v>43</v>
      </c>
      <c r="U15629">
        <v>43</v>
      </c>
      <c r="V15629">
        <v>43</v>
      </c>
      <c r="W15629">
        <v>44</v>
      </c>
      <c r="X15629">
        <v>44</v>
      </c>
      <c r="Y15629">
        <v>44</v>
      </c>
      <c r="Z15629">
        <v>44</v>
      </c>
      <c r="AA15629">
        <v>45</v>
      </c>
      <c r="AB15629">
        <v>45</v>
      </c>
      <c r="AC15629">
        <v>45</v>
      </c>
      <c r="AD15629">
        <v>45</v>
      </c>
      <c r="AE15629">
        <v>45</v>
      </c>
      <c r="AF15629">
        <v>45</v>
      </c>
      <c r="AG15629">
        <v>45</v>
      </c>
      <c r="AH15629">
        <v>46</v>
      </c>
      <c r="AI15629">
        <v>46</v>
      </c>
      <c r="AJ15629">
        <v>46</v>
      </c>
      <c r="AK15629">
        <v>46</v>
      </c>
      <c r="AL15629">
        <v>46</v>
      </c>
      <c r="AM15629">
        <v>45</v>
      </c>
      <c r="AN15629">
        <v>45</v>
      </c>
      <c r="AO15629">
        <v>45</v>
      </c>
      <c r="AP15629">
        <v>44</v>
      </c>
      <c r="AQ15629">
        <v>44</v>
      </c>
    </row>
    <row r="15630" spans="1:43">
      <c r="A15630" t="s">
        <v>9712</v>
      </c>
      <c r="B15630" t="s">
        <v>9713</v>
      </c>
      <c r="C15630" t="s">
        <v>9708</v>
      </c>
      <c r="D15630" t="s">
        <v>9709</v>
      </c>
      <c r="E15630" t="s">
        <v>9544</v>
      </c>
      <c r="F15630" t="s">
        <v>9545</v>
      </c>
      <c r="G15630" t="s">
        <v>80</v>
      </c>
      <c r="H15630" t="s">
        <v>81</v>
      </c>
      <c r="I15630" s="2">
        <v>0</v>
      </c>
      <c r="J15630" s="2">
        <v>1</v>
      </c>
      <c r="K15630" s="2">
        <v>0</v>
      </c>
      <c r="L15630" t="s">
        <v>82</v>
      </c>
      <c r="M15630" t="s">
        <v>83</v>
      </c>
      <c r="N15630" t="s">
        <v>84</v>
      </c>
      <c r="O15630" t="s">
        <v>85</v>
      </c>
      <c r="P15630" t="s">
        <v>86</v>
      </c>
      <c r="Q15630">
        <v>44</v>
      </c>
      <c r="R15630">
        <v>45</v>
      </c>
      <c r="S15630">
        <v>45</v>
      </c>
      <c r="T15630">
        <v>45</v>
      </c>
      <c r="U15630">
        <v>46</v>
      </c>
      <c r="V15630">
        <v>46</v>
      </c>
      <c r="W15630">
        <v>46</v>
      </c>
      <c r="X15630">
        <v>46</v>
      </c>
      <c r="Y15630">
        <v>47</v>
      </c>
      <c r="Z15630">
        <v>47</v>
      </c>
      <c r="AA15630">
        <v>47</v>
      </c>
      <c r="AB15630">
        <v>47</v>
      </c>
      <c r="AC15630">
        <v>47</v>
      </c>
      <c r="AD15630">
        <v>48</v>
      </c>
      <c r="AE15630">
        <v>48</v>
      </c>
      <c r="AF15630">
        <v>48</v>
      </c>
      <c r="AG15630">
        <v>48</v>
      </c>
      <c r="AH15630">
        <v>48</v>
      </c>
      <c r="AI15630">
        <v>48</v>
      </c>
      <c r="AJ15630">
        <v>48</v>
      </c>
      <c r="AK15630">
        <v>48</v>
      </c>
      <c r="AL15630">
        <v>48</v>
      </c>
      <c r="AM15630">
        <v>48</v>
      </c>
      <c r="AN15630">
        <v>47</v>
      </c>
      <c r="AO15630">
        <v>47</v>
      </c>
      <c r="AP15630">
        <v>47</v>
      </c>
      <c r="AQ15630">
        <v>47</v>
      </c>
    </row>
    <row r="15631" spans="1:43">
      <c r="A15631" t="s">
        <v>9712</v>
      </c>
      <c r="B15631" t="s">
        <v>9713</v>
      </c>
      <c r="C15631" t="s">
        <v>9708</v>
      </c>
      <c r="D15631" t="s">
        <v>9709</v>
      </c>
      <c r="E15631" t="s">
        <v>9544</v>
      </c>
      <c r="F15631" t="s">
        <v>9545</v>
      </c>
      <c r="G15631" t="s">
        <v>80</v>
      </c>
      <c r="H15631" t="s">
        <v>81</v>
      </c>
      <c r="I15631" s="2">
        <v>0</v>
      </c>
      <c r="J15631" s="2">
        <v>1</v>
      </c>
      <c r="K15631" s="2">
        <v>0</v>
      </c>
      <c r="L15631" t="s">
        <v>82</v>
      </c>
      <c r="M15631" t="s">
        <v>87</v>
      </c>
      <c r="N15631" t="s">
        <v>88</v>
      </c>
      <c r="O15631" t="s">
        <v>85</v>
      </c>
      <c r="P15631" t="s">
        <v>86</v>
      </c>
      <c r="Q15631">
        <v>44</v>
      </c>
      <c r="R15631">
        <v>44</v>
      </c>
      <c r="S15631">
        <v>44</v>
      </c>
      <c r="T15631">
        <v>44</v>
      </c>
      <c r="U15631">
        <v>44</v>
      </c>
      <c r="V15631">
        <v>43</v>
      </c>
      <c r="W15631">
        <v>43</v>
      </c>
      <c r="X15631">
        <v>43</v>
      </c>
      <c r="Y15631">
        <v>43</v>
      </c>
      <c r="Z15631">
        <v>43</v>
      </c>
      <c r="AA15631">
        <v>43</v>
      </c>
      <c r="AB15631">
        <v>43</v>
      </c>
      <c r="AC15631">
        <v>43</v>
      </c>
      <c r="AD15631">
        <v>42</v>
      </c>
      <c r="AE15631">
        <v>42</v>
      </c>
      <c r="AF15631">
        <v>42</v>
      </c>
      <c r="AG15631">
        <v>42</v>
      </c>
      <c r="AH15631">
        <v>42</v>
      </c>
      <c r="AI15631">
        <v>42</v>
      </c>
      <c r="AJ15631">
        <v>41</v>
      </c>
      <c r="AK15631">
        <v>41</v>
      </c>
      <c r="AL15631">
        <v>41</v>
      </c>
      <c r="AM15631">
        <v>41</v>
      </c>
      <c r="AN15631">
        <v>41</v>
      </c>
      <c r="AO15631">
        <v>41</v>
      </c>
      <c r="AP15631">
        <v>41</v>
      </c>
      <c r="AQ15631">
        <v>40</v>
      </c>
    </row>
    <row r="15632" spans="1:43">
      <c r="A15632" t="s">
        <v>9712</v>
      </c>
      <c r="B15632" t="s">
        <v>9713</v>
      </c>
      <c r="C15632" t="s">
        <v>9708</v>
      </c>
      <c r="D15632" t="s">
        <v>9709</v>
      </c>
      <c r="E15632" t="s">
        <v>9544</v>
      </c>
      <c r="F15632" t="s">
        <v>9545</v>
      </c>
      <c r="G15632" t="s">
        <v>80</v>
      </c>
      <c r="H15632" t="s">
        <v>81</v>
      </c>
      <c r="I15632" s="2">
        <v>0</v>
      </c>
      <c r="J15632" s="2">
        <v>1</v>
      </c>
      <c r="K15632" s="2">
        <v>0</v>
      </c>
      <c r="L15632" t="s">
        <v>82</v>
      </c>
      <c r="M15632" t="s">
        <v>89</v>
      </c>
      <c r="N15632" t="s">
        <v>90</v>
      </c>
      <c r="O15632" t="s">
        <v>85</v>
      </c>
      <c r="P15632" t="s">
        <v>86</v>
      </c>
      <c r="Q15632">
        <v>44</v>
      </c>
      <c r="R15632">
        <v>44</v>
      </c>
      <c r="S15632">
        <v>45</v>
      </c>
      <c r="T15632">
        <v>46</v>
      </c>
      <c r="U15632">
        <v>46</v>
      </c>
      <c r="V15632">
        <v>47</v>
      </c>
      <c r="W15632">
        <v>47</v>
      </c>
      <c r="X15632">
        <v>48</v>
      </c>
      <c r="Y15632">
        <v>48</v>
      </c>
      <c r="Z15632">
        <v>49</v>
      </c>
      <c r="AA15632">
        <v>49</v>
      </c>
      <c r="AB15632">
        <v>49</v>
      </c>
      <c r="AC15632">
        <v>50</v>
      </c>
      <c r="AD15632">
        <v>50</v>
      </c>
      <c r="AE15632">
        <v>50</v>
      </c>
      <c r="AF15632">
        <v>50</v>
      </c>
      <c r="AG15632">
        <v>49</v>
      </c>
      <c r="AH15632">
        <v>49</v>
      </c>
      <c r="AI15632">
        <v>49</v>
      </c>
      <c r="AJ15632">
        <v>48</v>
      </c>
      <c r="AK15632">
        <v>48</v>
      </c>
      <c r="AL15632">
        <v>48</v>
      </c>
      <c r="AM15632">
        <v>47</v>
      </c>
      <c r="AN15632">
        <v>47</v>
      </c>
      <c r="AO15632">
        <v>47</v>
      </c>
      <c r="AP15632">
        <v>46</v>
      </c>
      <c r="AQ15632">
        <v>46</v>
      </c>
    </row>
    <row r="15633" spans="1:43">
      <c r="A15633" t="s">
        <v>9712</v>
      </c>
      <c r="B15633" t="s">
        <v>9713</v>
      </c>
      <c r="C15633" t="s">
        <v>9708</v>
      </c>
      <c r="D15633" t="s">
        <v>9709</v>
      </c>
      <c r="E15633" t="s">
        <v>9544</v>
      </c>
      <c r="F15633" t="s">
        <v>9545</v>
      </c>
      <c r="G15633" t="s">
        <v>80</v>
      </c>
      <c r="H15633" t="s">
        <v>81</v>
      </c>
      <c r="I15633" s="2">
        <v>0</v>
      </c>
      <c r="J15633" s="2">
        <v>1</v>
      </c>
      <c r="K15633" s="2">
        <v>0</v>
      </c>
      <c r="L15633" t="s">
        <v>82</v>
      </c>
      <c r="M15633" t="s">
        <v>83</v>
      </c>
      <c r="N15633" t="s">
        <v>91</v>
      </c>
      <c r="O15633" t="s">
        <v>85</v>
      </c>
      <c r="P15633" t="s">
        <v>86</v>
      </c>
      <c r="Q15633">
        <v>44</v>
      </c>
      <c r="R15633">
        <v>45</v>
      </c>
      <c r="S15633">
        <v>45</v>
      </c>
      <c r="T15633">
        <v>45</v>
      </c>
      <c r="U15633">
        <v>46</v>
      </c>
      <c r="V15633">
        <v>46</v>
      </c>
      <c r="W15633">
        <v>46</v>
      </c>
      <c r="X15633">
        <v>46</v>
      </c>
      <c r="Y15633">
        <v>47</v>
      </c>
      <c r="Z15633">
        <v>47</v>
      </c>
      <c r="AA15633">
        <v>47</v>
      </c>
      <c r="AB15633">
        <v>47</v>
      </c>
      <c r="AC15633">
        <v>47</v>
      </c>
      <c r="AD15633">
        <v>48</v>
      </c>
      <c r="AE15633">
        <v>48</v>
      </c>
      <c r="AF15633">
        <v>48</v>
      </c>
      <c r="AG15633">
        <v>48</v>
      </c>
      <c r="AH15633">
        <v>48</v>
      </c>
      <c r="AI15633">
        <v>48</v>
      </c>
      <c r="AJ15633">
        <v>48</v>
      </c>
      <c r="AK15633">
        <v>48</v>
      </c>
      <c r="AL15633">
        <v>48</v>
      </c>
      <c r="AM15633">
        <v>48</v>
      </c>
      <c r="AN15633">
        <v>47</v>
      </c>
      <c r="AO15633">
        <v>47</v>
      </c>
      <c r="AP15633">
        <v>47</v>
      </c>
      <c r="AQ15633">
        <v>47</v>
      </c>
    </row>
    <row r="15634" spans="1:43">
      <c r="A15634" t="s">
        <v>9714</v>
      </c>
      <c r="B15634" t="s">
        <v>9715</v>
      </c>
      <c r="C15634" t="s">
        <v>9708</v>
      </c>
      <c r="D15634" t="s">
        <v>9709</v>
      </c>
      <c r="E15634" t="s">
        <v>9544</v>
      </c>
      <c r="F15634" t="s">
        <v>9545</v>
      </c>
      <c r="G15634" t="s">
        <v>80</v>
      </c>
      <c r="H15634" t="s">
        <v>81</v>
      </c>
      <c r="I15634" s="2">
        <v>0</v>
      </c>
      <c r="J15634" s="2">
        <v>1</v>
      </c>
      <c r="K15634" s="2">
        <v>0</v>
      </c>
      <c r="L15634" t="s">
        <v>82</v>
      </c>
      <c r="M15634" t="s">
        <v>83</v>
      </c>
      <c r="N15634" t="s">
        <v>84</v>
      </c>
      <c r="O15634" t="s">
        <v>85</v>
      </c>
      <c r="P15634" t="s">
        <v>86</v>
      </c>
      <c r="Q15634">
        <v>22</v>
      </c>
      <c r="R15634">
        <v>22</v>
      </c>
      <c r="S15634">
        <v>22</v>
      </c>
      <c r="T15634">
        <v>22</v>
      </c>
      <c r="U15634">
        <v>22</v>
      </c>
      <c r="V15634">
        <v>22</v>
      </c>
      <c r="W15634">
        <v>22</v>
      </c>
      <c r="X15634">
        <v>23</v>
      </c>
      <c r="Y15634">
        <v>23</v>
      </c>
      <c r="Z15634">
        <v>23</v>
      </c>
      <c r="AA15634">
        <v>23</v>
      </c>
      <c r="AB15634">
        <v>23</v>
      </c>
      <c r="AC15634">
        <v>23</v>
      </c>
      <c r="AD15634">
        <v>23</v>
      </c>
      <c r="AE15634">
        <v>23</v>
      </c>
      <c r="AF15634">
        <v>23</v>
      </c>
      <c r="AG15634">
        <v>23</v>
      </c>
      <c r="AH15634">
        <v>23</v>
      </c>
      <c r="AI15634">
        <v>24</v>
      </c>
      <c r="AJ15634">
        <v>24</v>
      </c>
      <c r="AK15634">
        <v>24</v>
      </c>
      <c r="AL15634">
        <v>24</v>
      </c>
      <c r="AM15634">
        <v>23</v>
      </c>
      <c r="AN15634">
        <v>23</v>
      </c>
      <c r="AO15634">
        <v>23</v>
      </c>
      <c r="AP15634">
        <v>23</v>
      </c>
      <c r="AQ15634">
        <v>23</v>
      </c>
    </row>
    <row r="15635" spans="1:43">
      <c r="A15635" t="s">
        <v>9714</v>
      </c>
      <c r="B15635" t="s">
        <v>9715</v>
      </c>
      <c r="C15635" t="s">
        <v>9708</v>
      </c>
      <c r="D15635" t="s">
        <v>9709</v>
      </c>
      <c r="E15635" t="s">
        <v>9544</v>
      </c>
      <c r="F15635" t="s">
        <v>9545</v>
      </c>
      <c r="G15635" t="s">
        <v>80</v>
      </c>
      <c r="H15635" t="s">
        <v>81</v>
      </c>
      <c r="I15635" s="2">
        <v>0</v>
      </c>
      <c r="J15635" s="2">
        <v>1</v>
      </c>
      <c r="K15635" s="2">
        <v>0</v>
      </c>
      <c r="L15635" t="s">
        <v>82</v>
      </c>
      <c r="M15635" t="s">
        <v>87</v>
      </c>
      <c r="N15635" t="s">
        <v>88</v>
      </c>
      <c r="O15635" t="s">
        <v>85</v>
      </c>
      <c r="P15635" t="s">
        <v>86</v>
      </c>
      <c r="Q15635">
        <v>22</v>
      </c>
      <c r="R15635">
        <v>22</v>
      </c>
      <c r="S15635">
        <v>22</v>
      </c>
      <c r="T15635">
        <v>22</v>
      </c>
      <c r="U15635">
        <v>22</v>
      </c>
      <c r="V15635">
        <v>22</v>
      </c>
      <c r="W15635">
        <v>22</v>
      </c>
      <c r="X15635">
        <v>22</v>
      </c>
      <c r="Y15635">
        <v>22</v>
      </c>
      <c r="Z15635">
        <v>22</v>
      </c>
      <c r="AA15635">
        <v>22</v>
      </c>
      <c r="AB15635">
        <v>22</v>
      </c>
      <c r="AC15635">
        <v>22</v>
      </c>
      <c r="AD15635">
        <v>22</v>
      </c>
      <c r="AE15635">
        <v>22</v>
      </c>
      <c r="AF15635">
        <v>22</v>
      </c>
      <c r="AG15635">
        <v>21</v>
      </c>
      <c r="AH15635">
        <v>21</v>
      </c>
      <c r="AI15635">
        <v>21</v>
      </c>
      <c r="AJ15635">
        <v>21</v>
      </c>
      <c r="AK15635">
        <v>21</v>
      </c>
      <c r="AL15635">
        <v>21</v>
      </c>
      <c r="AM15635">
        <v>21</v>
      </c>
      <c r="AN15635">
        <v>21</v>
      </c>
      <c r="AO15635">
        <v>21</v>
      </c>
      <c r="AP15635">
        <v>21</v>
      </c>
      <c r="AQ15635">
        <v>21</v>
      </c>
    </row>
    <row r="15636" spans="1:43">
      <c r="A15636" t="s">
        <v>9714</v>
      </c>
      <c r="B15636" t="s">
        <v>9715</v>
      </c>
      <c r="C15636" t="s">
        <v>9708</v>
      </c>
      <c r="D15636" t="s">
        <v>9709</v>
      </c>
      <c r="E15636" t="s">
        <v>9544</v>
      </c>
      <c r="F15636" t="s">
        <v>9545</v>
      </c>
      <c r="G15636" t="s">
        <v>80</v>
      </c>
      <c r="H15636" t="s">
        <v>81</v>
      </c>
      <c r="I15636" s="2">
        <v>0</v>
      </c>
      <c r="J15636" s="2">
        <v>1</v>
      </c>
      <c r="K15636" s="2">
        <v>0</v>
      </c>
      <c r="L15636" t="s">
        <v>82</v>
      </c>
      <c r="M15636" t="s">
        <v>89</v>
      </c>
      <c r="N15636" t="s">
        <v>90</v>
      </c>
      <c r="O15636" t="s">
        <v>85</v>
      </c>
      <c r="P15636" t="s">
        <v>86</v>
      </c>
      <c r="Q15636">
        <v>22</v>
      </c>
      <c r="R15636">
        <v>22</v>
      </c>
      <c r="S15636">
        <v>23</v>
      </c>
      <c r="T15636">
        <v>23</v>
      </c>
      <c r="U15636">
        <v>23</v>
      </c>
      <c r="V15636">
        <v>23</v>
      </c>
      <c r="W15636">
        <v>24</v>
      </c>
      <c r="X15636">
        <v>24</v>
      </c>
      <c r="Y15636">
        <v>24</v>
      </c>
      <c r="Z15636">
        <v>24</v>
      </c>
      <c r="AA15636">
        <v>24</v>
      </c>
      <c r="AB15636">
        <v>25</v>
      </c>
      <c r="AC15636">
        <v>25</v>
      </c>
      <c r="AD15636">
        <v>25</v>
      </c>
      <c r="AE15636">
        <v>25</v>
      </c>
      <c r="AF15636">
        <v>25</v>
      </c>
      <c r="AG15636">
        <v>25</v>
      </c>
      <c r="AH15636">
        <v>24</v>
      </c>
      <c r="AI15636">
        <v>24</v>
      </c>
      <c r="AJ15636">
        <v>24</v>
      </c>
      <c r="AK15636">
        <v>24</v>
      </c>
      <c r="AL15636">
        <v>24</v>
      </c>
      <c r="AM15636">
        <v>24</v>
      </c>
      <c r="AN15636">
        <v>23</v>
      </c>
      <c r="AO15636">
        <v>23</v>
      </c>
      <c r="AP15636">
        <v>23</v>
      </c>
      <c r="AQ15636">
        <v>23</v>
      </c>
    </row>
    <row r="15637" spans="1:43">
      <c r="A15637" t="s">
        <v>9714</v>
      </c>
      <c r="B15637" t="s">
        <v>9715</v>
      </c>
      <c r="C15637" t="s">
        <v>9708</v>
      </c>
      <c r="D15637" t="s">
        <v>9709</v>
      </c>
      <c r="E15637" t="s">
        <v>9544</v>
      </c>
      <c r="F15637" t="s">
        <v>9545</v>
      </c>
      <c r="G15637" t="s">
        <v>80</v>
      </c>
      <c r="H15637" t="s">
        <v>81</v>
      </c>
      <c r="I15637" s="2">
        <v>0</v>
      </c>
      <c r="J15637" s="2">
        <v>1</v>
      </c>
      <c r="K15637" s="2">
        <v>0</v>
      </c>
      <c r="L15637" t="s">
        <v>82</v>
      </c>
      <c r="M15637" t="s">
        <v>83</v>
      </c>
      <c r="N15637" t="s">
        <v>91</v>
      </c>
      <c r="O15637" t="s">
        <v>85</v>
      </c>
      <c r="P15637" t="s">
        <v>86</v>
      </c>
      <c r="Q15637">
        <v>22</v>
      </c>
      <c r="R15637">
        <v>22</v>
      </c>
      <c r="S15637">
        <v>22</v>
      </c>
      <c r="T15637">
        <v>22</v>
      </c>
      <c r="U15637">
        <v>22</v>
      </c>
      <c r="V15637">
        <v>22</v>
      </c>
      <c r="W15637">
        <v>22</v>
      </c>
      <c r="X15637">
        <v>23</v>
      </c>
      <c r="Y15637">
        <v>23</v>
      </c>
      <c r="Z15637">
        <v>23</v>
      </c>
      <c r="AA15637">
        <v>23</v>
      </c>
      <c r="AB15637">
        <v>23</v>
      </c>
      <c r="AC15637">
        <v>23</v>
      </c>
      <c r="AD15637">
        <v>23</v>
      </c>
      <c r="AE15637">
        <v>23</v>
      </c>
      <c r="AF15637">
        <v>23</v>
      </c>
      <c r="AG15637">
        <v>23</v>
      </c>
      <c r="AH15637">
        <v>23</v>
      </c>
      <c r="AI15637">
        <v>24</v>
      </c>
      <c r="AJ15637">
        <v>24</v>
      </c>
      <c r="AK15637">
        <v>24</v>
      </c>
      <c r="AL15637">
        <v>24</v>
      </c>
      <c r="AM15637">
        <v>23</v>
      </c>
      <c r="AN15637">
        <v>23</v>
      </c>
      <c r="AO15637">
        <v>23</v>
      </c>
      <c r="AP15637">
        <v>23</v>
      </c>
      <c r="AQ15637">
        <v>23</v>
      </c>
    </row>
    <row r="15638" spans="1:43">
      <c r="A15638" t="s">
        <v>9716</v>
      </c>
      <c r="B15638" t="s">
        <v>9717</v>
      </c>
      <c r="C15638" t="s">
        <v>9718</v>
      </c>
      <c r="D15638" t="s">
        <v>9719</v>
      </c>
      <c r="E15638" t="s">
        <v>9544</v>
      </c>
      <c r="F15638" t="s">
        <v>9545</v>
      </c>
      <c r="G15638" t="s">
        <v>80</v>
      </c>
      <c r="H15638" t="s">
        <v>81</v>
      </c>
      <c r="I15638" s="2">
        <v>0</v>
      </c>
      <c r="J15638" s="2">
        <v>1</v>
      </c>
      <c r="K15638" s="2">
        <v>0</v>
      </c>
      <c r="L15638" t="s">
        <v>82</v>
      </c>
      <c r="M15638" t="s">
        <v>83</v>
      </c>
      <c r="N15638" t="s">
        <v>84</v>
      </c>
      <c r="O15638" t="s">
        <v>85</v>
      </c>
      <c r="P15638" t="s">
        <v>86</v>
      </c>
      <c r="Q15638">
        <v>41</v>
      </c>
      <c r="R15638">
        <v>41</v>
      </c>
      <c r="S15638">
        <v>41</v>
      </c>
      <c r="T15638">
        <v>41</v>
      </c>
      <c r="U15638">
        <v>42</v>
      </c>
      <c r="V15638">
        <v>42</v>
      </c>
      <c r="W15638">
        <v>42</v>
      </c>
      <c r="X15638">
        <v>42</v>
      </c>
      <c r="Y15638">
        <v>42</v>
      </c>
      <c r="Z15638">
        <v>43</v>
      </c>
      <c r="AA15638">
        <v>43</v>
      </c>
      <c r="AB15638">
        <v>43</v>
      </c>
      <c r="AC15638">
        <v>43</v>
      </c>
      <c r="AD15638">
        <v>43</v>
      </c>
      <c r="AE15638">
        <v>43</v>
      </c>
      <c r="AF15638">
        <v>44</v>
      </c>
      <c r="AG15638">
        <v>44</v>
      </c>
      <c r="AH15638">
        <v>44</v>
      </c>
      <c r="AI15638">
        <v>44</v>
      </c>
      <c r="AJ15638">
        <v>44</v>
      </c>
      <c r="AK15638">
        <v>44</v>
      </c>
      <c r="AL15638">
        <v>44</v>
      </c>
      <c r="AM15638">
        <v>44</v>
      </c>
      <c r="AN15638">
        <v>43</v>
      </c>
      <c r="AO15638">
        <v>43</v>
      </c>
      <c r="AP15638">
        <v>43</v>
      </c>
      <c r="AQ15638">
        <v>43</v>
      </c>
    </row>
    <row r="15639" spans="1:43">
      <c r="A15639" t="s">
        <v>9716</v>
      </c>
      <c r="B15639" t="s">
        <v>9717</v>
      </c>
      <c r="C15639" t="s">
        <v>9718</v>
      </c>
      <c r="D15639" t="s">
        <v>9719</v>
      </c>
      <c r="E15639" t="s">
        <v>9544</v>
      </c>
      <c r="F15639" t="s">
        <v>9545</v>
      </c>
      <c r="G15639" t="s">
        <v>80</v>
      </c>
      <c r="H15639" t="s">
        <v>81</v>
      </c>
      <c r="I15639" s="2">
        <v>0</v>
      </c>
      <c r="J15639" s="2">
        <v>1</v>
      </c>
      <c r="K15639" s="2">
        <v>0</v>
      </c>
      <c r="L15639" t="s">
        <v>82</v>
      </c>
      <c r="M15639" t="s">
        <v>87</v>
      </c>
      <c r="N15639" t="s">
        <v>88</v>
      </c>
      <c r="O15639" t="s">
        <v>85</v>
      </c>
      <c r="P15639" t="s">
        <v>86</v>
      </c>
      <c r="Q15639">
        <v>41</v>
      </c>
      <c r="R15639">
        <v>41</v>
      </c>
      <c r="S15639">
        <v>41</v>
      </c>
      <c r="T15639">
        <v>41</v>
      </c>
      <c r="U15639">
        <v>41</v>
      </c>
      <c r="V15639">
        <v>41</v>
      </c>
      <c r="W15639">
        <v>40</v>
      </c>
      <c r="X15639">
        <v>40</v>
      </c>
      <c r="Y15639">
        <v>40</v>
      </c>
      <c r="Z15639">
        <v>40</v>
      </c>
      <c r="AA15639">
        <v>40</v>
      </c>
      <c r="AB15639">
        <v>40</v>
      </c>
      <c r="AC15639">
        <v>40</v>
      </c>
      <c r="AD15639">
        <v>40</v>
      </c>
      <c r="AE15639">
        <v>39</v>
      </c>
      <c r="AF15639">
        <v>39</v>
      </c>
      <c r="AG15639">
        <v>39</v>
      </c>
      <c r="AH15639">
        <v>39</v>
      </c>
      <c r="AI15639">
        <v>39</v>
      </c>
      <c r="AJ15639">
        <v>39</v>
      </c>
      <c r="AK15639">
        <v>39</v>
      </c>
      <c r="AL15639">
        <v>38</v>
      </c>
      <c r="AM15639">
        <v>38</v>
      </c>
      <c r="AN15639">
        <v>38</v>
      </c>
      <c r="AO15639">
        <v>38</v>
      </c>
      <c r="AP15639">
        <v>38</v>
      </c>
      <c r="AQ15639">
        <v>38</v>
      </c>
    </row>
    <row r="15640" spans="1:43">
      <c r="A15640" t="s">
        <v>9716</v>
      </c>
      <c r="B15640" t="s">
        <v>9717</v>
      </c>
      <c r="C15640" t="s">
        <v>9718</v>
      </c>
      <c r="D15640" t="s">
        <v>9719</v>
      </c>
      <c r="E15640" t="s">
        <v>9544</v>
      </c>
      <c r="F15640" t="s">
        <v>9545</v>
      </c>
      <c r="G15640" t="s">
        <v>80</v>
      </c>
      <c r="H15640" t="s">
        <v>81</v>
      </c>
      <c r="I15640" s="2">
        <v>0</v>
      </c>
      <c r="J15640" s="2">
        <v>1</v>
      </c>
      <c r="K15640" s="2">
        <v>0</v>
      </c>
      <c r="L15640" t="s">
        <v>82</v>
      </c>
      <c r="M15640" t="s">
        <v>89</v>
      </c>
      <c r="N15640" t="s">
        <v>90</v>
      </c>
      <c r="O15640" t="s">
        <v>85</v>
      </c>
      <c r="P15640" t="s">
        <v>86</v>
      </c>
      <c r="Q15640">
        <v>41</v>
      </c>
      <c r="R15640">
        <v>41</v>
      </c>
      <c r="S15640">
        <v>42</v>
      </c>
      <c r="T15640">
        <v>43</v>
      </c>
      <c r="U15640">
        <v>43</v>
      </c>
      <c r="V15640">
        <v>44</v>
      </c>
      <c r="W15640">
        <v>44</v>
      </c>
      <c r="X15640">
        <v>45</v>
      </c>
      <c r="Y15640">
        <v>45</v>
      </c>
      <c r="Z15640">
        <v>45</v>
      </c>
      <c r="AA15640">
        <v>46</v>
      </c>
      <c r="AB15640">
        <v>46</v>
      </c>
      <c r="AC15640">
        <v>46</v>
      </c>
      <c r="AD15640">
        <v>47</v>
      </c>
      <c r="AE15640">
        <v>47</v>
      </c>
      <c r="AF15640">
        <v>46</v>
      </c>
      <c r="AG15640">
        <v>46</v>
      </c>
      <c r="AH15640">
        <v>46</v>
      </c>
      <c r="AI15640">
        <v>45</v>
      </c>
      <c r="AJ15640">
        <v>45</v>
      </c>
      <c r="AK15640">
        <v>45</v>
      </c>
      <c r="AL15640">
        <v>45</v>
      </c>
      <c r="AM15640">
        <v>44</v>
      </c>
      <c r="AN15640">
        <v>44</v>
      </c>
      <c r="AO15640">
        <v>44</v>
      </c>
      <c r="AP15640">
        <v>43</v>
      </c>
      <c r="AQ15640">
        <v>43</v>
      </c>
    </row>
    <row r="15641" spans="1:43">
      <c r="A15641" t="s">
        <v>9716</v>
      </c>
      <c r="B15641" t="s">
        <v>9717</v>
      </c>
      <c r="C15641" t="s">
        <v>9718</v>
      </c>
      <c r="D15641" t="s">
        <v>9719</v>
      </c>
      <c r="E15641" t="s">
        <v>9544</v>
      </c>
      <c r="F15641" t="s">
        <v>9545</v>
      </c>
      <c r="G15641" t="s">
        <v>80</v>
      </c>
      <c r="H15641" t="s">
        <v>81</v>
      </c>
      <c r="I15641" s="2">
        <v>0</v>
      </c>
      <c r="J15641" s="2">
        <v>1</v>
      </c>
      <c r="K15641" s="2">
        <v>0</v>
      </c>
      <c r="L15641" t="s">
        <v>82</v>
      </c>
      <c r="M15641" t="s">
        <v>83</v>
      </c>
      <c r="N15641" t="s">
        <v>91</v>
      </c>
      <c r="O15641" t="s">
        <v>85</v>
      </c>
      <c r="P15641" t="s">
        <v>86</v>
      </c>
      <c r="Q15641">
        <v>41</v>
      </c>
      <c r="R15641">
        <v>41</v>
      </c>
      <c r="S15641">
        <v>41</v>
      </c>
      <c r="T15641">
        <v>41</v>
      </c>
      <c r="U15641">
        <v>42</v>
      </c>
      <c r="V15641">
        <v>42</v>
      </c>
      <c r="W15641">
        <v>42</v>
      </c>
      <c r="X15641">
        <v>42</v>
      </c>
      <c r="Y15641">
        <v>42</v>
      </c>
      <c r="Z15641">
        <v>43</v>
      </c>
      <c r="AA15641">
        <v>43</v>
      </c>
      <c r="AB15641">
        <v>43</v>
      </c>
      <c r="AC15641">
        <v>43</v>
      </c>
      <c r="AD15641">
        <v>43</v>
      </c>
      <c r="AE15641">
        <v>43</v>
      </c>
      <c r="AF15641">
        <v>44</v>
      </c>
      <c r="AG15641">
        <v>44</v>
      </c>
      <c r="AH15641">
        <v>44</v>
      </c>
      <c r="AI15641">
        <v>44</v>
      </c>
      <c r="AJ15641">
        <v>44</v>
      </c>
      <c r="AK15641">
        <v>44</v>
      </c>
      <c r="AL15641">
        <v>44</v>
      </c>
      <c r="AM15641">
        <v>44</v>
      </c>
      <c r="AN15641">
        <v>43</v>
      </c>
      <c r="AO15641">
        <v>43</v>
      </c>
      <c r="AP15641">
        <v>43</v>
      </c>
      <c r="AQ15641">
        <v>43</v>
      </c>
    </row>
    <row r="15642" spans="1:43">
      <c r="A15642" t="s">
        <v>9720</v>
      </c>
      <c r="B15642" t="s">
        <v>9721</v>
      </c>
      <c r="C15642" t="s">
        <v>9718</v>
      </c>
      <c r="D15642" t="s">
        <v>9719</v>
      </c>
      <c r="E15642" t="s">
        <v>9544</v>
      </c>
      <c r="F15642" t="s">
        <v>9545</v>
      </c>
      <c r="G15642" t="s">
        <v>80</v>
      </c>
      <c r="H15642" t="s">
        <v>81</v>
      </c>
      <c r="I15642" s="2">
        <v>0</v>
      </c>
      <c r="J15642" s="2">
        <v>1</v>
      </c>
      <c r="K15642" s="2">
        <v>0</v>
      </c>
      <c r="L15642" t="s">
        <v>82</v>
      </c>
      <c r="M15642" t="s">
        <v>83</v>
      </c>
      <c r="N15642" t="s">
        <v>84</v>
      </c>
      <c r="O15642" t="s">
        <v>85</v>
      </c>
      <c r="P15642" t="s">
        <v>86</v>
      </c>
      <c r="Q15642">
        <v>73</v>
      </c>
      <c r="R15642">
        <v>73</v>
      </c>
      <c r="S15642">
        <v>74</v>
      </c>
      <c r="T15642">
        <v>74</v>
      </c>
      <c r="U15642">
        <v>74</v>
      </c>
      <c r="V15642">
        <v>75</v>
      </c>
      <c r="W15642">
        <v>75</v>
      </c>
      <c r="X15642">
        <v>76</v>
      </c>
      <c r="Y15642">
        <v>76</v>
      </c>
      <c r="Z15642">
        <v>76</v>
      </c>
      <c r="AA15642">
        <v>77</v>
      </c>
      <c r="AB15642">
        <v>77</v>
      </c>
      <c r="AC15642">
        <v>77</v>
      </c>
      <c r="AD15642">
        <v>78</v>
      </c>
      <c r="AE15642">
        <v>78</v>
      </c>
      <c r="AF15642">
        <v>78</v>
      </c>
      <c r="AG15642">
        <v>78</v>
      </c>
      <c r="AH15642">
        <v>79</v>
      </c>
      <c r="AI15642">
        <v>79</v>
      </c>
      <c r="AJ15642">
        <v>79</v>
      </c>
      <c r="AK15642">
        <v>79</v>
      </c>
      <c r="AL15642">
        <v>79</v>
      </c>
      <c r="AM15642">
        <v>78</v>
      </c>
      <c r="AN15642">
        <v>78</v>
      </c>
      <c r="AO15642">
        <v>77</v>
      </c>
      <c r="AP15642">
        <v>77</v>
      </c>
      <c r="AQ15642">
        <v>76</v>
      </c>
    </row>
    <row r="15643" spans="1:43">
      <c r="A15643" t="s">
        <v>9720</v>
      </c>
      <c r="B15643" t="s">
        <v>9721</v>
      </c>
      <c r="C15643" t="s">
        <v>9718</v>
      </c>
      <c r="D15643" t="s">
        <v>9719</v>
      </c>
      <c r="E15643" t="s">
        <v>9544</v>
      </c>
      <c r="F15643" t="s">
        <v>9545</v>
      </c>
      <c r="G15643" t="s">
        <v>80</v>
      </c>
      <c r="H15643" t="s">
        <v>81</v>
      </c>
      <c r="I15643" s="2">
        <v>0</v>
      </c>
      <c r="J15643" s="2">
        <v>1</v>
      </c>
      <c r="K15643" s="2">
        <v>0</v>
      </c>
      <c r="L15643" t="s">
        <v>82</v>
      </c>
      <c r="M15643" t="s">
        <v>87</v>
      </c>
      <c r="N15643" t="s">
        <v>88</v>
      </c>
      <c r="O15643" t="s">
        <v>85</v>
      </c>
      <c r="P15643" t="s">
        <v>86</v>
      </c>
      <c r="Q15643">
        <v>73</v>
      </c>
      <c r="R15643">
        <v>73</v>
      </c>
      <c r="S15643">
        <v>73</v>
      </c>
      <c r="T15643">
        <v>72</v>
      </c>
      <c r="U15643">
        <v>72</v>
      </c>
      <c r="V15643">
        <v>72</v>
      </c>
      <c r="W15643">
        <v>72</v>
      </c>
      <c r="X15643">
        <v>72</v>
      </c>
      <c r="Y15643">
        <v>71</v>
      </c>
      <c r="Z15643">
        <v>71</v>
      </c>
      <c r="AA15643">
        <v>71</v>
      </c>
      <c r="AB15643">
        <v>71</v>
      </c>
      <c r="AC15643">
        <v>70</v>
      </c>
      <c r="AD15643">
        <v>70</v>
      </c>
      <c r="AE15643">
        <v>70</v>
      </c>
      <c r="AF15643">
        <v>70</v>
      </c>
      <c r="AG15643">
        <v>70</v>
      </c>
      <c r="AH15643">
        <v>69</v>
      </c>
      <c r="AI15643">
        <v>69</v>
      </c>
      <c r="AJ15643">
        <v>69</v>
      </c>
      <c r="AK15643">
        <v>69</v>
      </c>
      <c r="AL15643">
        <v>68</v>
      </c>
      <c r="AM15643">
        <v>68</v>
      </c>
      <c r="AN15643">
        <v>68</v>
      </c>
      <c r="AO15643">
        <v>68</v>
      </c>
      <c r="AP15643">
        <v>67</v>
      </c>
      <c r="AQ15643">
        <v>67</v>
      </c>
    </row>
    <row r="15644" spans="1:43">
      <c r="A15644" t="s">
        <v>9720</v>
      </c>
      <c r="B15644" t="s">
        <v>9721</v>
      </c>
      <c r="C15644" t="s">
        <v>9718</v>
      </c>
      <c r="D15644" t="s">
        <v>9719</v>
      </c>
      <c r="E15644" t="s">
        <v>9544</v>
      </c>
      <c r="F15644" t="s">
        <v>9545</v>
      </c>
      <c r="G15644" t="s">
        <v>80</v>
      </c>
      <c r="H15644" t="s">
        <v>81</v>
      </c>
      <c r="I15644" s="2">
        <v>0</v>
      </c>
      <c r="J15644" s="2">
        <v>1</v>
      </c>
      <c r="K15644" s="2">
        <v>0</v>
      </c>
      <c r="L15644" t="s">
        <v>82</v>
      </c>
      <c r="M15644" t="s">
        <v>89</v>
      </c>
      <c r="N15644" t="s">
        <v>90</v>
      </c>
      <c r="O15644" t="s">
        <v>85</v>
      </c>
      <c r="P15644" t="s">
        <v>86</v>
      </c>
      <c r="Q15644">
        <v>73</v>
      </c>
      <c r="R15644">
        <v>74</v>
      </c>
      <c r="S15644">
        <v>75</v>
      </c>
      <c r="T15644">
        <v>76</v>
      </c>
      <c r="U15644">
        <v>77</v>
      </c>
      <c r="V15644">
        <v>78</v>
      </c>
      <c r="W15644">
        <v>79</v>
      </c>
      <c r="X15644">
        <v>80</v>
      </c>
      <c r="Y15644">
        <v>81</v>
      </c>
      <c r="Z15644">
        <v>81</v>
      </c>
      <c r="AA15644">
        <v>82</v>
      </c>
      <c r="AB15644">
        <v>82</v>
      </c>
      <c r="AC15644">
        <v>83</v>
      </c>
      <c r="AD15644">
        <v>84</v>
      </c>
      <c r="AE15644">
        <v>84</v>
      </c>
      <c r="AF15644">
        <v>83</v>
      </c>
      <c r="AG15644">
        <v>83</v>
      </c>
      <c r="AH15644">
        <v>82</v>
      </c>
      <c r="AI15644">
        <v>82</v>
      </c>
      <c r="AJ15644">
        <v>81</v>
      </c>
      <c r="AK15644">
        <v>80</v>
      </c>
      <c r="AL15644">
        <v>80</v>
      </c>
      <c r="AM15644">
        <v>79</v>
      </c>
      <c r="AN15644">
        <v>79</v>
      </c>
      <c r="AO15644">
        <v>78</v>
      </c>
      <c r="AP15644">
        <v>78</v>
      </c>
      <c r="AQ15644">
        <v>77</v>
      </c>
    </row>
    <row r="15645" spans="1:43">
      <c r="A15645" t="s">
        <v>9720</v>
      </c>
      <c r="B15645" t="s">
        <v>9721</v>
      </c>
      <c r="C15645" t="s">
        <v>9718</v>
      </c>
      <c r="D15645" t="s">
        <v>9719</v>
      </c>
      <c r="E15645" t="s">
        <v>9544</v>
      </c>
      <c r="F15645" t="s">
        <v>9545</v>
      </c>
      <c r="G15645" t="s">
        <v>80</v>
      </c>
      <c r="H15645" t="s">
        <v>81</v>
      </c>
      <c r="I15645" s="2">
        <v>0</v>
      </c>
      <c r="J15645" s="2">
        <v>1</v>
      </c>
      <c r="K15645" s="2">
        <v>0</v>
      </c>
      <c r="L15645" t="s">
        <v>82</v>
      </c>
      <c r="M15645" t="s">
        <v>83</v>
      </c>
      <c r="N15645" t="s">
        <v>91</v>
      </c>
      <c r="O15645" t="s">
        <v>85</v>
      </c>
      <c r="P15645" t="s">
        <v>86</v>
      </c>
      <c r="Q15645">
        <v>73</v>
      </c>
      <c r="R15645">
        <v>73</v>
      </c>
      <c r="S15645">
        <v>74</v>
      </c>
      <c r="T15645">
        <v>74</v>
      </c>
      <c r="U15645">
        <v>74</v>
      </c>
      <c r="V15645">
        <v>75</v>
      </c>
      <c r="W15645">
        <v>75</v>
      </c>
      <c r="X15645">
        <v>76</v>
      </c>
      <c r="Y15645">
        <v>76</v>
      </c>
      <c r="Z15645">
        <v>76</v>
      </c>
      <c r="AA15645">
        <v>77</v>
      </c>
      <c r="AB15645">
        <v>77</v>
      </c>
      <c r="AC15645">
        <v>77</v>
      </c>
      <c r="AD15645">
        <v>78</v>
      </c>
      <c r="AE15645">
        <v>78</v>
      </c>
      <c r="AF15645">
        <v>78</v>
      </c>
      <c r="AG15645">
        <v>78</v>
      </c>
      <c r="AH15645">
        <v>79</v>
      </c>
      <c r="AI15645">
        <v>79</v>
      </c>
      <c r="AJ15645">
        <v>79</v>
      </c>
      <c r="AK15645">
        <v>79</v>
      </c>
      <c r="AL15645">
        <v>79</v>
      </c>
      <c r="AM15645">
        <v>78</v>
      </c>
      <c r="AN15645">
        <v>78</v>
      </c>
      <c r="AO15645">
        <v>77</v>
      </c>
      <c r="AP15645">
        <v>77</v>
      </c>
      <c r="AQ15645">
        <v>76</v>
      </c>
    </row>
    <row r="15646" spans="1:43">
      <c r="A15646" t="s">
        <v>9722</v>
      </c>
      <c r="B15646" t="s">
        <v>9723</v>
      </c>
      <c r="C15646" t="s">
        <v>9708</v>
      </c>
      <c r="D15646" t="s">
        <v>9709</v>
      </c>
      <c r="E15646" t="s">
        <v>9544</v>
      </c>
      <c r="F15646" t="s">
        <v>9545</v>
      </c>
      <c r="G15646" t="s">
        <v>80</v>
      </c>
      <c r="H15646" t="s">
        <v>81</v>
      </c>
      <c r="I15646" s="2">
        <v>0</v>
      </c>
      <c r="J15646" s="2">
        <v>1</v>
      </c>
      <c r="K15646" s="2">
        <v>0</v>
      </c>
      <c r="L15646" t="s">
        <v>82</v>
      </c>
      <c r="M15646" t="s">
        <v>83</v>
      </c>
      <c r="N15646" t="s">
        <v>84</v>
      </c>
      <c r="O15646" t="s">
        <v>85</v>
      </c>
      <c r="P15646" t="s">
        <v>86</v>
      </c>
      <c r="Q15646">
        <v>32</v>
      </c>
      <c r="R15646">
        <v>32</v>
      </c>
      <c r="S15646">
        <v>32</v>
      </c>
      <c r="T15646">
        <v>32</v>
      </c>
      <c r="U15646">
        <v>32</v>
      </c>
      <c r="V15646">
        <v>33</v>
      </c>
      <c r="W15646">
        <v>33</v>
      </c>
      <c r="X15646">
        <v>33</v>
      </c>
      <c r="Y15646">
        <v>33</v>
      </c>
      <c r="Z15646">
        <v>33</v>
      </c>
      <c r="AA15646">
        <v>33</v>
      </c>
      <c r="AB15646">
        <v>34</v>
      </c>
      <c r="AC15646">
        <v>34</v>
      </c>
      <c r="AD15646">
        <v>34</v>
      </c>
      <c r="AE15646">
        <v>34</v>
      </c>
      <c r="AF15646">
        <v>34</v>
      </c>
      <c r="AG15646">
        <v>34</v>
      </c>
      <c r="AH15646">
        <v>34</v>
      </c>
      <c r="AI15646">
        <v>34</v>
      </c>
      <c r="AJ15646">
        <v>34</v>
      </c>
      <c r="AK15646">
        <v>34</v>
      </c>
      <c r="AL15646">
        <v>34</v>
      </c>
      <c r="AM15646">
        <v>34</v>
      </c>
      <c r="AN15646">
        <v>34</v>
      </c>
      <c r="AO15646">
        <v>34</v>
      </c>
      <c r="AP15646">
        <v>33</v>
      </c>
      <c r="AQ15646">
        <v>33</v>
      </c>
    </row>
    <row r="15647" spans="1:43">
      <c r="A15647" t="s">
        <v>9722</v>
      </c>
      <c r="B15647" t="s">
        <v>9723</v>
      </c>
      <c r="C15647" t="s">
        <v>9708</v>
      </c>
      <c r="D15647" t="s">
        <v>9709</v>
      </c>
      <c r="E15647" t="s">
        <v>9544</v>
      </c>
      <c r="F15647" t="s">
        <v>9545</v>
      </c>
      <c r="G15647" t="s">
        <v>80</v>
      </c>
      <c r="H15647" t="s">
        <v>81</v>
      </c>
      <c r="I15647" s="2">
        <v>0</v>
      </c>
      <c r="J15647" s="2">
        <v>1</v>
      </c>
      <c r="K15647" s="2">
        <v>0</v>
      </c>
      <c r="L15647" t="s">
        <v>82</v>
      </c>
      <c r="M15647" t="s">
        <v>87</v>
      </c>
      <c r="N15647" t="s">
        <v>88</v>
      </c>
      <c r="O15647" t="s">
        <v>85</v>
      </c>
      <c r="P15647" t="s">
        <v>86</v>
      </c>
      <c r="Q15647">
        <v>32</v>
      </c>
      <c r="R15647">
        <v>32</v>
      </c>
      <c r="S15647">
        <v>32</v>
      </c>
      <c r="T15647">
        <v>32</v>
      </c>
      <c r="U15647">
        <v>32</v>
      </c>
      <c r="V15647">
        <v>32</v>
      </c>
      <c r="W15647">
        <v>32</v>
      </c>
      <c r="X15647">
        <v>32</v>
      </c>
      <c r="Y15647">
        <v>32</v>
      </c>
      <c r="Z15647">
        <v>31</v>
      </c>
      <c r="AA15647">
        <v>31</v>
      </c>
      <c r="AB15647">
        <v>31</v>
      </c>
      <c r="AC15647">
        <v>31</v>
      </c>
      <c r="AD15647">
        <v>31</v>
      </c>
      <c r="AE15647">
        <v>31</v>
      </c>
      <c r="AF15647">
        <v>31</v>
      </c>
      <c r="AG15647">
        <v>31</v>
      </c>
      <c r="AH15647">
        <v>31</v>
      </c>
      <c r="AI15647">
        <v>31</v>
      </c>
      <c r="AJ15647">
        <v>30</v>
      </c>
      <c r="AK15647">
        <v>30</v>
      </c>
      <c r="AL15647">
        <v>30</v>
      </c>
      <c r="AM15647">
        <v>30</v>
      </c>
      <c r="AN15647">
        <v>30</v>
      </c>
      <c r="AO15647">
        <v>30</v>
      </c>
      <c r="AP15647">
        <v>30</v>
      </c>
      <c r="AQ15647">
        <v>30</v>
      </c>
    </row>
    <row r="15648" spans="1:43">
      <c r="A15648" t="s">
        <v>9722</v>
      </c>
      <c r="B15648" t="s">
        <v>9723</v>
      </c>
      <c r="C15648" t="s">
        <v>9708</v>
      </c>
      <c r="D15648" t="s">
        <v>9709</v>
      </c>
      <c r="E15648" t="s">
        <v>9544</v>
      </c>
      <c r="F15648" t="s">
        <v>9545</v>
      </c>
      <c r="G15648" t="s">
        <v>80</v>
      </c>
      <c r="H15648" t="s">
        <v>81</v>
      </c>
      <c r="I15648" s="2">
        <v>0</v>
      </c>
      <c r="J15648" s="2">
        <v>1</v>
      </c>
      <c r="K15648" s="2">
        <v>0</v>
      </c>
      <c r="L15648" t="s">
        <v>82</v>
      </c>
      <c r="M15648" t="s">
        <v>89</v>
      </c>
      <c r="N15648" t="s">
        <v>90</v>
      </c>
      <c r="O15648" t="s">
        <v>85</v>
      </c>
      <c r="P15648" t="s">
        <v>86</v>
      </c>
      <c r="Q15648">
        <v>32</v>
      </c>
      <c r="R15648">
        <v>32</v>
      </c>
      <c r="S15648">
        <v>33</v>
      </c>
      <c r="T15648">
        <v>33</v>
      </c>
      <c r="U15648">
        <v>34</v>
      </c>
      <c r="V15648">
        <v>34</v>
      </c>
      <c r="W15648">
        <v>34</v>
      </c>
      <c r="X15648">
        <v>35</v>
      </c>
      <c r="Y15648">
        <v>35</v>
      </c>
      <c r="Z15648">
        <v>35</v>
      </c>
      <c r="AA15648">
        <v>36</v>
      </c>
      <c r="AB15648">
        <v>36</v>
      </c>
      <c r="AC15648">
        <v>36</v>
      </c>
      <c r="AD15648">
        <v>36</v>
      </c>
      <c r="AE15648">
        <v>36</v>
      </c>
      <c r="AF15648">
        <v>36</v>
      </c>
      <c r="AG15648">
        <v>36</v>
      </c>
      <c r="AH15648">
        <v>36</v>
      </c>
      <c r="AI15648">
        <v>35</v>
      </c>
      <c r="AJ15648">
        <v>35</v>
      </c>
      <c r="AK15648">
        <v>35</v>
      </c>
      <c r="AL15648">
        <v>35</v>
      </c>
      <c r="AM15648">
        <v>34</v>
      </c>
      <c r="AN15648">
        <v>34</v>
      </c>
      <c r="AO15648">
        <v>34</v>
      </c>
      <c r="AP15648">
        <v>34</v>
      </c>
      <c r="AQ15648">
        <v>33</v>
      </c>
    </row>
    <row r="15649" spans="1:43">
      <c r="A15649" t="s">
        <v>9722</v>
      </c>
      <c r="B15649" t="s">
        <v>9723</v>
      </c>
      <c r="C15649" t="s">
        <v>9708</v>
      </c>
      <c r="D15649" t="s">
        <v>9709</v>
      </c>
      <c r="E15649" t="s">
        <v>9544</v>
      </c>
      <c r="F15649" t="s">
        <v>9545</v>
      </c>
      <c r="G15649" t="s">
        <v>80</v>
      </c>
      <c r="H15649" t="s">
        <v>81</v>
      </c>
      <c r="I15649" s="2">
        <v>0</v>
      </c>
      <c r="J15649" s="2">
        <v>1</v>
      </c>
      <c r="K15649" s="2">
        <v>0</v>
      </c>
      <c r="L15649" t="s">
        <v>82</v>
      </c>
      <c r="M15649" t="s">
        <v>83</v>
      </c>
      <c r="N15649" t="s">
        <v>91</v>
      </c>
      <c r="O15649" t="s">
        <v>85</v>
      </c>
      <c r="P15649" t="s">
        <v>86</v>
      </c>
      <c r="Q15649">
        <v>32</v>
      </c>
      <c r="R15649">
        <v>32</v>
      </c>
      <c r="S15649">
        <v>32</v>
      </c>
      <c r="T15649">
        <v>32</v>
      </c>
      <c r="U15649">
        <v>32</v>
      </c>
      <c r="V15649">
        <v>33</v>
      </c>
      <c r="W15649">
        <v>33</v>
      </c>
      <c r="X15649">
        <v>33</v>
      </c>
      <c r="Y15649">
        <v>33</v>
      </c>
      <c r="Z15649">
        <v>33</v>
      </c>
      <c r="AA15649">
        <v>33</v>
      </c>
      <c r="AB15649">
        <v>34</v>
      </c>
      <c r="AC15649">
        <v>34</v>
      </c>
      <c r="AD15649">
        <v>34</v>
      </c>
      <c r="AE15649">
        <v>34</v>
      </c>
      <c r="AF15649">
        <v>34</v>
      </c>
      <c r="AG15649">
        <v>34</v>
      </c>
      <c r="AH15649">
        <v>34</v>
      </c>
      <c r="AI15649">
        <v>34</v>
      </c>
      <c r="AJ15649">
        <v>34</v>
      </c>
      <c r="AK15649">
        <v>34</v>
      </c>
      <c r="AL15649">
        <v>34</v>
      </c>
      <c r="AM15649">
        <v>34</v>
      </c>
      <c r="AN15649">
        <v>34</v>
      </c>
      <c r="AO15649">
        <v>34</v>
      </c>
      <c r="AP15649">
        <v>33</v>
      </c>
      <c r="AQ15649">
        <v>33</v>
      </c>
    </row>
    <row r="15650" spans="1:43">
      <c r="A15650" t="s">
        <v>9724</v>
      </c>
      <c r="B15650" t="s">
        <v>9725</v>
      </c>
      <c r="C15650" t="s">
        <v>9542</v>
      </c>
      <c r="D15650" t="s">
        <v>9543</v>
      </c>
      <c r="E15650" t="s">
        <v>9544</v>
      </c>
      <c r="F15650" t="s">
        <v>9545</v>
      </c>
      <c r="G15650" t="s">
        <v>80</v>
      </c>
      <c r="H15650" t="s">
        <v>81</v>
      </c>
      <c r="I15650" s="2">
        <v>0</v>
      </c>
      <c r="J15650" s="2">
        <v>1</v>
      </c>
      <c r="K15650" s="2">
        <v>0</v>
      </c>
      <c r="L15650" t="s">
        <v>82</v>
      </c>
      <c r="M15650" t="s">
        <v>83</v>
      </c>
      <c r="N15650" t="s">
        <v>84</v>
      </c>
      <c r="O15650" t="s">
        <v>85</v>
      </c>
      <c r="P15650" t="s">
        <v>86</v>
      </c>
      <c r="Q15650">
        <v>43</v>
      </c>
      <c r="R15650">
        <v>43</v>
      </c>
      <c r="S15650">
        <v>44</v>
      </c>
      <c r="T15650">
        <v>44</v>
      </c>
      <c r="U15650">
        <v>44</v>
      </c>
      <c r="V15650">
        <v>44</v>
      </c>
      <c r="W15650">
        <v>45</v>
      </c>
      <c r="X15650">
        <v>45</v>
      </c>
      <c r="Y15650">
        <v>45</v>
      </c>
      <c r="Z15650">
        <v>45</v>
      </c>
      <c r="AA15650">
        <v>45</v>
      </c>
      <c r="AB15650">
        <v>46</v>
      </c>
      <c r="AC15650">
        <v>46</v>
      </c>
      <c r="AD15650">
        <v>46</v>
      </c>
      <c r="AE15650">
        <v>46</v>
      </c>
      <c r="AF15650">
        <v>46</v>
      </c>
      <c r="AG15650">
        <v>46</v>
      </c>
      <c r="AH15650">
        <v>46</v>
      </c>
      <c r="AI15650">
        <v>46</v>
      </c>
      <c r="AJ15650">
        <v>46</v>
      </c>
      <c r="AK15650">
        <v>46</v>
      </c>
      <c r="AL15650">
        <v>46</v>
      </c>
      <c r="AM15650">
        <v>46</v>
      </c>
      <c r="AN15650">
        <v>45</v>
      </c>
      <c r="AO15650">
        <v>45</v>
      </c>
      <c r="AP15650">
        <v>45</v>
      </c>
      <c r="AQ15650">
        <v>44</v>
      </c>
    </row>
    <row r="15651" spans="1:43">
      <c r="A15651" t="s">
        <v>9724</v>
      </c>
      <c r="B15651" t="s">
        <v>9725</v>
      </c>
      <c r="C15651" t="s">
        <v>9542</v>
      </c>
      <c r="D15651" t="s">
        <v>9543</v>
      </c>
      <c r="E15651" t="s">
        <v>9544</v>
      </c>
      <c r="F15651" t="s">
        <v>9545</v>
      </c>
      <c r="G15651" t="s">
        <v>80</v>
      </c>
      <c r="H15651" t="s">
        <v>81</v>
      </c>
      <c r="I15651" s="2">
        <v>0</v>
      </c>
      <c r="J15651" s="2">
        <v>1</v>
      </c>
      <c r="K15651" s="2">
        <v>0</v>
      </c>
      <c r="L15651" t="s">
        <v>82</v>
      </c>
      <c r="M15651" t="s">
        <v>87</v>
      </c>
      <c r="N15651" t="s">
        <v>88</v>
      </c>
      <c r="O15651" t="s">
        <v>85</v>
      </c>
      <c r="P15651" t="s">
        <v>86</v>
      </c>
      <c r="Q15651">
        <v>43</v>
      </c>
      <c r="R15651">
        <v>43</v>
      </c>
      <c r="S15651">
        <v>43</v>
      </c>
      <c r="T15651">
        <v>42</v>
      </c>
      <c r="U15651">
        <v>42</v>
      </c>
      <c r="V15651">
        <v>42</v>
      </c>
      <c r="W15651">
        <v>42</v>
      </c>
      <c r="X15651">
        <v>42</v>
      </c>
      <c r="Y15651">
        <v>42</v>
      </c>
      <c r="Z15651">
        <v>42</v>
      </c>
      <c r="AA15651">
        <v>41</v>
      </c>
      <c r="AB15651">
        <v>41</v>
      </c>
      <c r="AC15651">
        <v>41</v>
      </c>
      <c r="AD15651">
        <v>41</v>
      </c>
      <c r="AE15651">
        <v>41</v>
      </c>
      <c r="AF15651">
        <v>41</v>
      </c>
      <c r="AG15651">
        <v>40</v>
      </c>
      <c r="AH15651">
        <v>40</v>
      </c>
      <c r="AI15651">
        <v>40</v>
      </c>
      <c r="AJ15651">
        <v>40</v>
      </c>
      <c r="AK15651">
        <v>40</v>
      </c>
      <c r="AL15651">
        <v>39</v>
      </c>
      <c r="AM15651">
        <v>39</v>
      </c>
      <c r="AN15651">
        <v>39</v>
      </c>
      <c r="AO15651">
        <v>39</v>
      </c>
      <c r="AP15651">
        <v>39</v>
      </c>
      <c r="AQ15651">
        <v>39</v>
      </c>
    </row>
    <row r="15652" spans="1:43">
      <c r="A15652" t="s">
        <v>9724</v>
      </c>
      <c r="B15652" t="s">
        <v>9725</v>
      </c>
      <c r="C15652" t="s">
        <v>9542</v>
      </c>
      <c r="D15652" t="s">
        <v>9543</v>
      </c>
      <c r="E15652" t="s">
        <v>9544</v>
      </c>
      <c r="F15652" t="s">
        <v>9545</v>
      </c>
      <c r="G15652" t="s">
        <v>80</v>
      </c>
      <c r="H15652" t="s">
        <v>81</v>
      </c>
      <c r="I15652" s="2">
        <v>0</v>
      </c>
      <c r="J15652" s="2">
        <v>1</v>
      </c>
      <c r="K15652" s="2">
        <v>0</v>
      </c>
      <c r="L15652" t="s">
        <v>82</v>
      </c>
      <c r="M15652" t="s">
        <v>89</v>
      </c>
      <c r="N15652" t="s">
        <v>90</v>
      </c>
      <c r="O15652" t="s">
        <v>85</v>
      </c>
      <c r="P15652" t="s">
        <v>86</v>
      </c>
      <c r="Q15652">
        <v>43</v>
      </c>
      <c r="R15652">
        <v>43</v>
      </c>
      <c r="S15652">
        <v>44</v>
      </c>
      <c r="T15652">
        <v>44</v>
      </c>
      <c r="U15652">
        <v>45</v>
      </c>
      <c r="V15652">
        <v>45</v>
      </c>
      <c r="W15652">
        <v>46</v>
      </c>
      <c r="X15652">
        <v>46</v>
      </c>
      <c r="Y15652">
        <v>47</v>
      </c>
      <c r="Z15652">
        <v>47</v>
      </c>
      <c r="AA15652">
        <v>47</v>
      </c>
      <c r="AB15652">
        <v>48</v>
      </c>
      <c r="AC15652">
        <v>48</v>
      </c>
      <c r="AD15652">
        <v>48</v>
      </c>
      <c r="AE15652">
        <v>48</v>
      </c>
      <c r="AF15652">
        <v>48</v>
      </c>
      <c r="AG15652">
        <v>47</v>
      </c>
      <c r="AH15652">
        <v>47</v>
      </c>
      <c r="AI15652">
        <v>47</v>
      </c>
      <c r="AJ15652">
        <v>46</v>
      </c>
      <c r="AK15652">
        <v>46</v>
      </c>
      <c r="AL15652">
        <v>46</v>
      </c>
      <c r="AM15652">
        <v>45</v>
      </c>
      <c r="AN15652">
        <v>45</v>
      </c>
      <c r="AO15652">
        <v>44</v>
      </c>
      <c r="AP15652">
        <v>44</v>
      </c>
      <c r="AQ15652">
        <v>44</v>
      </c>
    </row>
    <row r="15653" spans="1:43">
      <c r="A15653" t="s">
        <v>9724</v>
      </c>
      <c r="B15653" t="s">
        <v>9725</v>
      </c>
      <c r="C15653" t="s">
        <v>9542</v>
      </c>
      <c r="D15653" t="s">
        <v>9543</v>
      </c>
      <c r="E15653" t="s">
        <v>9544</v>
      </c>
      <c r="F15653" t="s">
        <v>9545</v>
      </c>
      <c r="G15653" t="s">
        <v>80</v>
      </c>
      <c r="H15653" t="s">
        <v>81</v>
      </c>
      <c r="I15653" s="2">
        <v>0</v>
      </c>
      <c r="J15653" s="2">
        <v>1</v>
      </c>
      <c r="K15653" s="2">
        <v>0</v>
      </c>
      <c r="L15653" t="s">
        <v>82</v>
      </c>
      <c r="M15653" t="s">
        <v>83</v>
      </c>
      <c r="N15653" t="s">
        <v>91</v>
      </c>
      <c r="O15653" t="s">
        <v>85</v>
      </c>
      <c r="P15653" t="s">
        <v>86</v>
      </c>
      <c r="Q15653">
        <v>43</v>
      </c>
      <c r="R15653">
        <v>43</v>
      </c>
      <c r="S15653">
        <v>44</v>
      </c>
      <c r="T15653">
        <v>44</v>
      </c>
      <c r="U15653">
        <v>44</v>
      </c>
      <c r="V15653">
        <v>44</v>
      </c>
      <c r="W15653">
        <v>45</v>
      </c>
      <c r="X15653">
        <v>45</v>
      </c>
      <c r="Y15653">
        <v>45</v>
      </c>
      <c r="Z15653">
        <v>45</v>
      </c>
      <c r="AA15653">
        <v>45</v>
      </c>
      <c r="AB15653">
        <v>46</v>
      </c>
      <c r="AC15653">
        <v>46</v>
      </c>
      <c r="AD15653">
        <v>46</v>
      </c>
      <c r="AE15653">
        <v>46</v>
      </c>
      <c r="AF15653">
        <v>46</v>
      </c>
      <c r="AG15653">
        <v>46</v>
      </c>
      <c r="AH15653">
        <v>46</v>
      </c>
      <c r="AI15653">
        <v>46</v>
      </c>
      <c r="AJ15653">
        <v>46</v>
      </c>
      <c r="AK15653">
        <v>46</v>
      </c>
      <c r="AL15653">
        <v>46</v>
      </c>
      <c r="AM15653">
        <v>46</v>
      </c>
      <c r="AN15653">
        <v>45</v>
      </c>
      <c r="AO15653">
        <v>45</v>
      </c>
      <c r="AP15653">
        <v>45</v>
      </c>
      <c r="AQ15653">
        <v>44</v>
      </c>
    </row>
    <row r="15654" spans="1:43">
      <c r="A15654" t="s">
        <v>9726</v>
      </c>
      <c r="B15654" t="s">
        <v>9727</v>
      </c>
      <c r="C15654" t="s">
        <v>9728</v>
      </c>
      <c r="D15654" t="s">
        <v>9729</v>
      </c>
      <c r="E15654" t="s">
        <v>9544</v>
      </c>
      <c r="F15654" t="s">
        <v>9545</v>
      </c>
      <c r="G15654" t="s">
        <v>80</v>
      </c>
      <c r="H15654" t="s">
        <v>81</v>
      </c>
      <c r="I15654" s="2">
        <v>0</v>
      </c>
      <c r="J15654" s="2">
        <v>1</v>
      </c>
      <c r="K15654" s="2">
        <v>0</v>
      </c>
      <c r="L15654" t="s">
        <v>82</v>
      </c>
      <c r="M15654" t="s">
        <v>83</v>
      </c>
      <c r="N15654" t="s">
        <v>84</v>
      </c>
      <c r="O15654" t="s">
        <v>85</v>
      </c>
      <c r="P15654" t="s">
        <v>86</v>
      </c>
      <c r="Q15654">
        <v>41</v>
      </c>
      <c r="R15654">
        <v>42</v>
      </c>
      <c r="S15654">
        <v>42</v>
      </c>
      <c r="T15654">
        <v>42</v>
      </c>
      <c r="U15654">
        <v>43</v>
      </c>
      <c r="V15654">
        <v>43</v>
      </c>
      <c r="W15654">
        <v>43</v>
      </c>
      <c r="X15654">
        <v>43</v>
      </c>
      <c r="Y15654">
        <v>44</v>
      </c>
      <c r="Z15654">
        <v>44</v>
      </c>
      <c r="AA15654">
        <v>44</v>
      </c>
      <c r="AB15654">
        <v>44</v>
      </c>
      <c r="AC15654">
        <v>45</v>
      </c>
      <c r="AD15654">
        <v>45</v>
      </c>
      <c r="AE15654">
        <v>45</v>
      </c>
      <c r="AF15654">
        <v>45</v>
      </c>
      <c r="AG15654">
        <v>45</v>
      </c>
      <c r="AH15654">
        <v>45</v>
      </c>
      <c r="AI15654">
        <v>46</v>
      </c>
      <c r="AJ15654">
        <v>46</v>
      </c>
      <c r="AK15654">
        <v>46</v>
      </c>
      <c r="AL15654">
        <v>46</v>
      </c>
      <c r="AM15654">
        <v>45</v>
      </c>
      <c r="AN15654">
        <v>45</v>
      </c>
      <c r="AO15654">
        <v>45</v>
      </c>
      <c r="AP15654">
        <v>45</v>
      </c>
      <c r="AQ15654">
        <v>44</v>
      </c>
    </row>
    <row r="15655" spans="1:43">
      <c r="A15655" t="s">
        <v>9726</v>
      </c>
      <c r="B15655" t="s">
        <v>9727</v>
      </c>
      <c r="C15655" t="s">
        <v>9728</v>
      </c>
      <c r="D15655" t="s">
        <v>9729</v>
      </c>
      <c r="E15655" t="s">
        <v>9544</v>
      </c>
      <c r="F15655" t="s">
        <v>9545</v>
      </c>
      <c r="G15655" t="s">
        <v>80</v>
      </c>
      <c r="H15655" t="s">
        <v>81</v>
      </c>
      <c r="I15655" s="2">
        <v>0</v>
      </c>
      <c r="J15655" s="2">
        <v>1</v>
      </c>
      <c r="K15655" s="2">
        <v>0</v>
      </c>
      <c r="L15655" t="s">
        <v>82</v>
      </c>
      <c r="M15655" t="s">
        <v>87</v>
      </c>
      <c r="N15655" t="s">
        <v>88</v>
      </c>
      <c r="O15655" t="s">
        <v>85</v>
      </c>
      <c r="P15655" t="s">
        <v>86</v>
      </c>
      <c r="Q15655">
        <v>41</v>
      </c>
      <c r="R15655">
        <v>41</v>
      </c>
      <c r="S15655">
        <v>41</v>
      </c>
      <c r="T15655">
        <v>41</v>
      </c>
      <c r="U15655">
        <v>41</v>
      </c>
      <c r="V15655">
        <v>41</v>
      </c>
      <c r="W15655">
        <v>41</v>
      </c>
      <c r="X15655">
        <v>41</v>
      </c>
      <c r="Y15655">
        <v>40</v>
      </c>
      <c r="Z15655">
        <v>40</v>
      </c>
      <c r="AA15655">
        <v>40</v>
      </c>
      <c r="AB15655">
        <v>40</v>
      </c>
      <c r="AC15655">
        <v>40</v>
      </c>
      <c r="AD15655">
        <v>40</v>
      </c>
      <c r="AE15655">
        <v>40</v>
      </c>
      <c r="AF15655">
        <v>40</v>
      </c>
      <c r="AG15655">
        <v>40</v>
      </c>
      <c r="AH15655">
        <v>40</v>
      </c>
      <c r="AI15655">
        <v>39</v>
      </c>
      <c r="AJ15655">
        <v>39</v>
      </c>
      <c r="AK15655">
        <v>39</v>
      </c>
      <c r="AL15655">
        <v>39</v>
      </c>
      <c r="AM15655">
        <v>39</v>
      </c>
      <c r="AN15655">
        <v>39</v>
      </c>
      <c r="AO15655">
        <v>39</v>
      </c>
      <c r="AP15655">
        <v>39</v>
      </c>
      <c r="AQ15655">
        <v>38</v>
      </c>
    </row>
    <row r="15656" spans="1:43">
      <c r="A15656" t="s">
        <v>9726</v>
      </c>
      <c r="B15656" t="s">
        <v>9727</v>
      </c>
      <c r="C15656" t="s">
        <v>9728</v>
      </c>
      <c r="D15656" t="s">
        <v>9729</v>
      </c>
      <c r="E15656" t="s">
        <v>9544</v>
      </c>
      <c r="F15656" t="s">
        <v>9545</v>
      </c>
      <c r="G15656" t="s">
        <v>80</v>
      </c>
      <c r="H15656" t="s">
        <v>81</v>
      </c>
      <c r="I15656" s="2">
        <v>0</v>
      </c>
      <c r="J15656" s="2">
        <v>1</v>
      </c>
      <c r="K15656" s="2">
        <v>0</v>
      </c>
      <c r="L15656" t="s">
        <v>82</v>
      </c>
      <c r="M15656" t="s">
        <v>89</v>
      </c>
      <c r="N15656" t="s">
        <v>90</v>
      </c>
      <c r="O15656" t="s">
        <v>85</v>
      </c>
      <c r="P15656" t="s">
        <v>86</v>
      </c>
      <c r="Q15656">
        <v>41</v>
      </c>
      <c r="R15656">
        <v>42</v>
      </c>
      <c r="S15656">
        <v>42</v>
      </c>
      <c r="T15656">
        <v>43</v>
      </c>
      <c r="U15656">
        <v>43</v>
      </c>
      <c r="V15656">
        <v>44</v>
      </c>
      <c r="W15656">
        <v>44</v>
      </c>
      <c r="X15656">
        <v>45</v>
      </c>
      <c r="Y15656">
        <v>45</v>
      </c>
      <c r="Z15656">
        <v>46</v>
      </c>
      <c r="AA15656">
        <v>46</v>
      </c>
      <c r="AB15656">
        <v>46</v>
      </c>
      <c r="AC15656">
        <v>47</v>
      </c>
      <c r="AD15656">
        <v>47</v>
      </c>
      <c r="AE15656">
        <v>47</v>
      </c>
      <c r="AF15656">
        <v>47</v>
      </c>
      <c r="AG15656">
        <v>47</v>
      </c>
      <c r="AH15656">
        <v>46</v>
      </c>
      <c r="AI15656">
        <v>46</v>
      </c>
      <c r="AJ15656">
        <v>46</v>
      </c>
      <c r="AK15656">
        <v>46</v>
      </c>
      <c r="AL15656">
        <v>45</v>
      </c>
      <c r="AM15656">
        <v>45</v>
      </c>
      <c r="AN15656">
        <v>45</v>
      </c>
      <c r="AO15656">
        <v>45</v>
      </c>
      <c r="AP15656">
        <v>44</v>
      </c>
      <c r="AQ15656">
        <v>44</v>
      </c>
    </row>
    <row r="15657" spans="1:43">
      <c r="A15657" t="s">
        <v>9726</v>
      </c>
      <c r="B15657" t="s">
        <v>9727</v>
      </c>
      <c r="C15657" t="s">
        <v>9728</v>
      </c>
      <c r="D15657" t="s">
        <v>9729</v>
      </c>
      <c r="E15657" t="s">
        <v>9544</v>
      </c>
      <c r="F15657" t="s">
        <v>9545</v>
      </c>
      <c r="G15657" t="s">
        <v>80</v>
      </c>
      <c r="H15657" t="s">
        <v>81</v>
      </c>
      <c r="I15657" s="2">
        <v>0</v>
      </c>
      <c r="J15657" s="2">
        <v>1</v>
      </c>
      <c r="K15657" s="2">
        <v>0</v>
      </c>
      <c r="L15657" t="s">
        <v>82</v>
      </c>
      <c r="M15657" t="s">
        <v>83</v>
      </c>
      <c r="N15657" t="s">
        <v>91</v>
      </c>
      <c r="O15657" t="s">
        <v>85</v>
      </c>
      <c r="P15657" t="s">
        <v>86</v>
      </c>
      <c r="Q15657">
        <v>41</v>
      </c>
      <c r="R15657">
        <v>42</v>
      </c>
      <c r="S15657">
        <v>42</v>
      </c>
      <c r="T15657">
        <v>42</v>
      </c>
      <c r="U15657">
        <v>43</v>
      </c>
      <c r="V15657">
        <v>43</v>
      </c>
      <c r="W15657">
        <v>43</v>
      </c>
      <c r="X15657">
        <v>43</v>
      </c>
      <c r="Y15657">
        <v>44</v>
      </c>
      <c r="Z15657">
        <v>44</v>
      </c>
      <c r="AA15657">
        <v>44</v>
      </c>
      <c r="AB15657">
        <v>44</v>
      </c>
      <c r="AC15657">
        <v>45</v>
      </c>
      <c r="AD15657">
        <v>45</v>
      </c>
      <c r="AE15657">
        <v>45</v>
      </c>
      <c r="AF15657">
        <v>45</v>
      </c>
      <c r="AG15657">
        <v>45</v>
      </c>
      <c r="AH15657">
        <v>45</v>
      </c>
      <c r="AI15657">
        <v>46</v>
      </c>
      <c r="AJ15657">
        <v>46</v>
      </c>
      <c r="AK15657">
        <v>46</v>
      </c>
      <c r="AL15657">
        <v>46</v>
      </c>
      <c r="AM15657">
        <v>45</v>
      </c>
      <c r="AN15657">
        <v>45</v>
      </c>
      <c r="AO15657">
        <v>45</v>
      </c>
      <c r="AP15657">
        <v>45</v>
      </c>
      <c r="AQ15657">
        <v>44</v>
      </c>
    </row>
    <row r="15658" spans="1:43">
      <c r="A15658" t="s">
        <v>9730</v>
      </c>
      <c r="B15658" t="s">
        <v>9731</v>
      </c>
      <c r="C15658" t="s">
        <v>9542</v>
      </c>
      <c r="D15658" t="s">
        <v>9543</v>
      </c>
      <c r="E15658" t="s">
        <v>9544</v>
      </c>
      <c r="F15658" t="s">
        <v>9545</v>
      </c>
      <c r="G15658" t="s">
        <v>80</v>
      </c>
      <c r="H15658" t="s">
        <v>81</v>
      </c>
      <c r="I15658" s="2">
        <v>0</v>
      </c>
      <c r="J15658" s="2">
        <v>1</v>
      </c>
      <c r="K15658" s="2">
        <v>0</v>
      </c>
      <c r="L15658" t="s">
        <v>82</v>
      </c>
      <c r="M15658" t="s">
        <v>83</v>
      </c>
      <c r="N15658" t="s">
        <v>84</v>
      </c>
      <c r="O15658" t="s">
        <v>85</v>
      </c>
      <c r="P15658" t="s">
        <v>86</v>
      </c>
      <c r="Q15658">
        <v>0</v>
      </c>
      <c r="R15658">
        <v>0</v>
      </c>
      <c r="S15658">
        <v>0</v>
      </c>
      <c r="T15658">
        <v>0</v>
      </c>
      <c r="U15658">
        <v>0</v>
      </c>
      <c r="V15658">
        <v>0</v>
      </c>
      <c r="W15658">
        <v>0</v>
      </c>
      <c r="X15658">
        <v>0</v>
      </c>
      <c r="Y15658">
        <v>0</v>
      </c>
      <c r="Z15658">
        <v>0</v>
      </c>
      <c r="AA15658">
        <v>0</v>
      </c>
      <c r="AB15658">
        <v>0</v>
      </c>
      <c r="AC15658">
        <v>0</v>
      </c>
      <c r="AD15658">
        <v>0</v>
      </c>
      <c r="AE15658">
        <v>0</v>
      </c>
      <c r="AF15658">
        <v>0</v>
      </c>
      <c r="AG15658">
        <v>0</v>
      </c>
      <c r="AH15658">
        <v>0</v>
      </c>
      <c r="AI15658">
        <v>0</v>
      </c>
      <c r="AJ15658">
        <v>0</v>
      </c>
      <c r="AK15658">
        <v>0</v>
      </c>
      <c r="AL15658">
        <v>0</v>
      </c>
      <c r="AM15658">
        <v>0</v>
      </c>
      <c r="AN15658">
        <v>0</v>
      </c>
      <c r="AO15658">
        <v>0</v>
      </c>
      <c r="AP15658">
        <v>0</v>
      </c>
      <c r="AQ15658">
        <v>0</v>
      </c>
    </row>
    <row r="15659" spans="1:43">
      <c r="A15659" t="s">
        <v>9730</v>
      </c>
      <c r="B15659" t="s">
        <v>9731</v>
      </c>
      <c r="C15659" t="s">
        <v>9542</v>
      </c>
      <c r="D15659" t="s">
        <v>9543</v>
      </c>
      <c r="E15659" t="s">
        <v>9544</v>
      </c>
      <c r="F15659" t="s">
        <v>9545</v>
      </c>
      <c r="G15659" t="s">
        <v>80</v>
      </c>
      <c r="H15659" t="s">
        <v>81</v>
      </c>
      <c r="I15659" s="2">
        <v>0</v>
      </c>
      <c r="J15659" s="2">
        <v>1</v>
      </c>
      <c r="K15659" s="2">
        <v>0</v>
      </c>
      <c r="L15659" t="s">
        <v>82</v>
      </c>
      <c r="M15659" t="s">
        <v>87</v>
      </c>
      <c r="N15659" t="s">
        <v>88</v>
      </c>
      <c r="O15659" t="s">
        <v>85</v>
      </c>
      <c r="P15659" t="s">
        <v>86</v>
      </c>
      <c r="Q15659">
        <v>0</v>
      </c>
      <c r="R15659">
        <v>0</v>
      </c>
      <c r="S15659">
        <v>0</v>
      </c>
      <c r="T15659">
        <v>0</v>
      </c>
      <c r="U15659">
        <v>0</v>
      </c>
      <c r="V15659">
        <v>0</v>
      </c>
      <c r="W15659">
        <v>0</v>
      </c>
      <c r="X15659">
        <v>0</v>
      </c>
      <c r="Y15659">
        <v>0</v>
      </c>
      <c r="Z15659">
        <v>0</v>
      </c>
      <c r="AA15659">
        <v>0</v>
      </c>
      <c r="AB15659">
        <v>0</v>
      </c>
      <c r="AC15659">
        <v>0</v>
      </c>
      <c r="AD15659">
        <v>0</v>
      </c>
      <c r="AE15659">
        <v>0</v>
      </c>
      <c r="AF15659">
        <v>0</v>
      </c>
      <c r="AG15659">
        <v>0</v>
      </c>
      <c r="AH15659">
        <v>0</v>
      </c>
      <c r="AI15659">
        <v>0</v>
      </c>
      <c r="AJ15659">
        <v>0</v>
      </c>
      <c r="AK15659">
        <v>0</v>
      </c>
      <c r="AL15659">
        <v>0</v>
      </c>
      <c r="AM15659">
        <v>0</v>
      </c>
      <c r="AN15659">
        <v>0</v>
      </c>
      <c r="AO15659">
        <v>0</v>
      </c>
      <c r="AP15659">
        <v>0</v>
      </c>
      <c r="AQ15659">
        <v>0</v>
      </c>
    </row>
    <row r="15660" spans="1:43">
      <c r="A15660" t="s">
        <v>9730</v>
      </c>
      <c r="B15660" t="s">
        <v>9731</v>
      </c>
      <c r="C15660" t="s">
        <v>9542</v>
      </c>
      <c r="D15660" t="s">
        <v>9543</v>
      </c>
      <c r="E15660" t="s">
        <v>9544</v>
      </c>
      <c r="F15660" t="s">
        <v>9545</v>
      </c>
      <c r="G15660" t="s">
        <v>80</v>
      </c>
      <c r="H15660" t="s">
        <v>81</v>
      </c>
      <c r="I15660" s="2">
        <v>0</v>
      </c>
      <c r="J15660" s="2">
        <v>1</v>
      </c>
      <c r="K15660" s="2">
        <v>0</v>
      </c>
      <c r="L15660" t="s">
        <v>82</v>
      </c>
      <c r="M15660" t="s">
        <v>89</v>
      </c>
      <c r="N15660" t="s">
        <v>90</v>
      </c>
      <c r="O15660" t="s">
        <v>85</v>
      </c>
      <c r="P15660" t="s">
        <v>86</v>
      </c>
      <c r="Q15660">
        <v>0</v>
      </c>
      <c r="R15660">
        <v>0</v>
      </c>
      <c r="S15660">
        <v>0</v>
      </c>
      <c r="T15660">
        <v>0</v>
      </c>
      <c r="U15660">
        <v>0</v>
      </c>
      <c r="V15660">
        <v>0</v>
      </c>
      <c r="W15660">
        <v>0</v>
      </c>
      <c r="X15660">
        <v>0</v>
      </c>
      <c r="Y15660">
        <v>0</v>
      </c>
      <c r="Z15660">
        <v>0</v>
      </c>
      <c r="AA15660">
        <v>0</v>
      </c>
      <c r="AB15660">
        <v>0</v>
      </c>
      <c r="AC15660">
        <v>0</v>
      </c>
      <c r="AD15660">
        <v>0</v>
      </c>
      <c r="AE15660">
        <v>0</v>
      </c>
      <c r="AF15660">
        <v>0</v>
      </c>
      <c r="AG15660">
        <v>0</v>
      </c>
      <c r="AH15660">
        <v>0</v>
      </c>
      <c r="AI15660">
        <v>0</v>
      </c>
      <c r="AJ15660">
        <v>0</v>
      </c>
      <c r="AK15660">
        <v>0</v>
      </c>
      <c r="AL15660">
        <v>0</v>
      </c>
      <c r="AM15660">
        <v>0</v>
      </c>
      <c r="AN15660">
        <v>0</v>
      </c>
      <c r="AO15660">
        <v>0</v>
      </c>
      <c r="AP15660">
        <v>0</v>
      </c>
      <c r="AQ15660">
        <v>0</v>
      </c>
    </row>
    <row r="15661" spans="1:43">
      <c r="A15661" t="s">
        <v>9730</v>
      </c>
      <c r="B15661" t="s">
        <v>9731</v>
      </c>
      <c r="C15661" t="s">
        <v>9542</v>
      </c>
      <c r="D15661" t="s">
        <v>9543</v>
      </c>
      <c r="E15661" t="s">
        <v>9544</v>
      </c>
      <c r="F15661" t="s">
        <v>9545</v>
      </c>
      <c r="G15661" t="s">
        <v>80</v>
      </c>
      <c r="H15661" t="s">
        <v>81</v>
      </c>
      <c r="I15661" s="2">
        <v>0</v>
      </c>
      <c r="J15661" s="2">
        <v>1</v>
      </c>
      <c r="K15661" s="2">
        <v>0</v>
      </c>
      <c r="L15661" t="s">
        <v>82</v>
      </c>
      <c r="M15661" t="s">
        <v>83</v>
      </c>
      <c r="N15661" t="s">
        <v>91</v>
      </c>
      <c r="O15661" t="s">
        <v>85</v>
      </c>
      <c r="P15661" t="s">
        <v>86</v>
      </c>
      <c r="Q15661">
        <v>0</v>
      </c>
      <c r="R15661">
        <v>0</v>
      </c>
      <c r="S15661">
        <v>0</v>
      </c>
      <c r="T15661">
        <v>0</v>
      </c>
      <c r="U15661">
        <v>0</v>
      </c>
      <c r="V15661">
        <v>0</v>
      </c>
      <c r="W15661">
        <v>0</v>
      </c>
      <c r="X15661">
        <v>0</v>
      </c>
      <c r="Y15661">
        <v>0</v>
      </c>
      <c r="Z15661">
        <v>0</v>
      </c>
      <c r="AA15661">
        <v>0</v>
      </c>
      <c r="AB15661">
        <v>0</v>
      </c>
      <c r="AC15661">
        <v>0</v>
      </c>
      <c r="AD15661">
        <v>0</v>
      </c>
      <c r="AE15661">
        <v>0</v>
      </c>
      <c r="AF15661">
        <v>0</v>
      </c>
      <c r="AG15661">
        <v>0</v>
      </c>
      <c r="AH15661">
        <v>0</v>
      </c>
      <c r="AI15661">
        <v>0</v>
      </c>
      <c r="AJ15661">
        <v>0</v>
      </c>
      <c r="AK15661">
        <v>0</v>
      </c>
      <c r="AL15661">
        <v>0</v>
      </c>
      <c r="AM15661">
        <v>0</v>
      </c>
      <c r="AN15661">
        <v>0</v>
      </c>
      <c r="AO15661">
        <v>0</v>
      </c>
      <c r="AP15661">
        <v>0</v>
      </c>
      <c r="AQ15661">
        <v>0</v>
      </c>
    </row>
    <row r="15662" spans="1:43">
      <c r="A15662" t="s">
        <v>9732</v>
      </c>
      <c r="B15662" t="s">
        <v>9733</v>
      </c>
      <c r="C15662" t="s">
        <v>9728</v>
      </c>
      <c r="D15662" t="s">
        <v>9729</v>
      </c>
      <c r="E15662" t="s">
        <v>9544</v>
      </c>
      <c r="F15662" t="s">
        <v>9545</v>
      </c>
      <c r="G15662" t="s">
        <v>80</v>
      </c>
      <c r="H15662" t="s">
        <v>81</v>
      </c>
      <c r="I15662" s="2">
        <v>0</v>
      </c>
      <c r="J15662" s="2">
        <v>1</v>
      </c>
      <c r="K15662" s="2">
        <v>0</v>
      </c>
      <c r="L15662" t="s">
        <v>82</v>
      </c>
      <c r="M15662" t="s">
        <v>83</v>
      </c>
      <c r="N15662" t="s">
        <v>84</v>
      </c>
      <c r="O15662" t="s">
        <v>85</v>
      </c>
      <c r="P15662" t="s">
        <v>86</v>
      </c>
      <c r="Q15662">
        <v>96</v>
      </c>
      <c r="R15662">
        <v>97</v>
      </c>
      <c r="S15662">
        <v>98</v>
      </c>
      <c r="T15662">
        <v>98</v>
      </c>
      <c r="U15662">
        <v>99</v>
      </c>
      <c r="V15662">
        <v>100</v>
      </c>
      <c r="W15662">
        <v>100</v>
      </c>
      <c r="X15662">
        <v>101</v>
      </c>
      <c r="Y15662">
        <v>102</v>
      </c>
      <c r="Z15662">
        <v>102</v>
      </c>
      <c r="AA15662">
        <v>103</v>
      </c>
      <c r="AB15662">
        <v>103</v>
      </c>
      <c r="AC15662">
        <v>104</v>
      </c>
      <c r="AD15662">
        <v>104</v>
      </c>
      <c r="AE15662">
        <v>105</v>
      </c>
      <c r="AF15662">
        <v>105</v>
      </c>
      <c r="AG15662">
        <v>105</v>
      </c>
      <c r="AH15662">
        <v>106</v>
      </c>
      <c r="AI15662">
        <v>106</v>
      </c>
      <c r="AJ15662">
        <v>106</v>
      </c>
      <c r="AK15662">
        <v>107</v>
      </c>
      <c r="AL15662">
        <v>106</v>
      </c>
      <c r="AM15662">
        <v>106</v>
      </c>
      <c r="AN15662">
        <v>105</v>
      </c>
      <c r="AO15662">
        <v>105</v>
      </c>
      <c r="AP15662">
        <v>104</v>
      </c>
      <c r="AQ15662">
        <v>104</v>
      </c>
    </row>
    <row r="15663" spans="1:43">
      <c r="A15663" t="s">
        <v>9732</v>
      </c>
      <c r="B15663" t="s">
        <v>9733</v>
      </c>
      <c r="C15663" t="s">
        <v>9728</v>
      </c>
      <c r="D15663" t="s">
        <v>9729</v>
      </c>
      <c r="E15663" t="s">
        <v>9544</v>
      </c>
      <c r="F15663" t="s">
        <v>9545</v>
      </c>
      <c r="G15663" t="s">
        <v>80</v>
      </c>
      <c r="H15663" t="s">
        <v>81</v>
      </c>
      <c r="I15663" s="2">
        <v>0</v>
      </c>
      <c r="J15663" s="2">
        <v>1</v>
      </c>
      <c r="K15663" s="2">
        <v>0</v>
      </c>
      <c r="L15663" t="s">
        <v>82</v>
      </c>
      <c r="M15663" t="s">
        <v>87</v>
      </c>
      <c r="N15663" t="s">
        <v>88</v>
      </c>
      <c r="O15663" t="s">
        <v>85</v>
      </c>
      <c r="P15663" t="s">
        <v>86</v>
      </c>
      <c r="Q15663">
        <v>96</v>
      </c>
      <c r="R15663">
        <v>96</v>
      </c>
      <c r="S15663">
        <v>96</v>
      </c>
      <c r="T15663">
        <v>96</v>
      </c>
      <c r="U15663">
        <v>96</v>
      </c>
      <c r="V15663">
        <v>96</v>
      </c>
      <c r="W15663">
        <v>95</v>
      </c>
      <c r="X15663">
        <v>95</v>
      </c>
      <c r="Y15663">
        <v>95</v>
      </c>
      <c r="Z15663">
        <v>95</v>
      </c>
      <c r="AA15663">
        <v>95</v>
      </c>
      <c r="AB15663">
        <v>94</v>
      </c>
      <c r="AC15663">
        <v>94</v>
      </c>
      <c r="AD15663">
        <v>94</v>
      </c>
      <c r="AE15663">
        <v>94</v>
      </c>
      <c r="AF15663">
        <v>93</v>
      </c>
      <c r="AG15663">
        <v>93</v>
      </c>
      <c r="AH15663">
        <v>93</v>
      </c>
      <c r="AI15663">
        <v>93</v>
      </c>
      <c r="AJ15663">
        <v>92</v>
      </c>
      <c r="AK15663">
        <v>92</v>
      </c>
      <c r="AL15663">
        <v>92</v>
      </c>
      <c r="AM15663">
        <v>92</v>
      </c>
      <c r="AN15663">
        <v>91</v>
      </c>
      <c r="AO15663">
        <v>91</v>
      </c>
      <c r="AP15663">
        <v>91</v>
      </c>
      <c r="AQ15663">
        <v>90</v>
      </c>
    </row>
    <row r="15664" spans="1:43">
      <c r="A15664" t="s">
        <v>9732</v>
      </c>
      <c r="B15664" t="s">
        <v>9733</v>
      </c>
      <c r="C15664" t="s">
        <v>9728</v>
      </c>
      <c r="D15664" t="s">
        <v>9729</v>
      </c>
      <c r="E15664" t="s">
        <v>9544</v>
      </c>
      <c r="F15664" t="s">
        <v>9545</v>
      </c>
      <c r="G15664" t="s">
        <v>80</v>
      </c>
      <c r="H15664" t="s">
        <v>81</v>
      </c>
      <c r="I15664" s="2">
        <v>0</v>
      </c>
      <c r="J15664" s="2">
        <v>1</v>
      </c>
      <c r="K15664" s="2">
        <v>0</v>
      </c>
      <c r="L15664" t="s">
        <v>82</v>
      </c>
      <c r="M15664" t="s">
        <v>89</v>
      </c>
      <c r="N15664" t="s">
        <v>90</v>
      </c>
      <c r="O15664" t="s">
        <v>85</v>
      </c>
      <c r="P15664" t="s">
        <v>86</v>
      </c>
      <c r="Q15664">
        <v>96</v>
      </c>
      <c r="R15664">
        <v>98</v>
      </c>
      <c r="S15664">
        <v>99</v>
      </c>
      <c r="T15664">
        <v>101</v>
      </c>
      <c r="U15664">
        <v>102</v>
      </c>
      <c r="V15664">
        <v>103</v>
      </c>
      <c r="W15664">
        <v>105</v>
      </c>
      <c r="X15664">
        <v>106</v>
      </c>
      <c r="Y15664">
        <v>107</v>
      </c>
      <c r="Z15664">
        <v>108</v>
      </c>
      <c r="AA15664">
        <v>108</v>
      </c>
      <c r="AB15664">
        <v>109</v>
      </c>
      <c r="AC15664">
        <v>110</v>
      </c>
      <c r="AD15664">
        <v>111</v>
      </c>
      <c r="AE15664">
        <v>111</v>
      </c>
      <c r="AF15664">
        <v>110</v>
      </c>
      <c r="AG15664">
        <v>110</v>
      </c>
      <c r="AH15664">
        <v>109</v>
      </c>
      <c r="AI15664">
        <v>109</v>
      </c>
      <c r="AJ15664">
        <v>108</v>
      </c>
      <c r="AK15664">
        <v>107</v>
      </c>
      <c r="AL15664">
        <v>107</v>
      </c>
      <c r="AM15664">
        <v>106</v>
      </c>
      <c r="AN15664">
        <v>106</v>
      </c>
      <c r="AO15664">
        <v>105</v>
      </c>
      <c r="AP15664">
        <v>104</v>
      </c>
      <c r="AQ15664">
        <v>104</v>
      </c>
    </row>
    <row r="15665" spans="1:43">
      <c r="A15665" t="s">
        <v>9732</v>
      </c>
      <c r="B15665" t="s">
        <v>9733</v>
      </c>
      <c r="C15665" t="s">
        <v>9728</v>
      </c>
      <c r="D15665" t="s">
        <v>9729</v>
      </c>
      <c r="E15665" t="s">
        <v>9544</v>
      </c>
      <c r="F15665" t="s">
        <v>9545</v>
      </c>
      <c r="G15665" t="s">
        <v>80</v>
      </c>
      <c r="H15665" t="s">
        <v>81</v>
      </c>
      <c r="I15665" s="2">
        <v>0</v>
      </c>
      <c r="J15665" s="2">
        <v>1</v>
      </c>
      <c r="K15665" s="2">
        <v>0</v>
      </c>
      <c r="L15665" t="s">
        <v>82</v>
      </c>
      <c r="M15665" t="s">
        <v>83</v>
      </c>
      <c r="N15665" t="s">
        <v>91</v>
      </c>
      <c r="O15665" t="s">
        <v>85</v>
      </c>
      <c r="P15665" t="s">
        <v>86</v>
      </c>
      <c r="Q15665">
        <v>96</v>
      </c>
      <c r="R15665">
        <v>97</v>
      </c>
      <c r="S15665">
        <v>98</v>
      </c>
      <c r="T15665">
        <v>98</v>
      </c>
      <c r="U15665">
        <v>99</v>
      </c>
      <c r="V15665">
        <v>100</v>
      </c>
      <c r="W15665">
        <v>100</v>
      </c>
      <c r="X15665">
        <v>101</v>
      </c>
      <c r="Y15665">
        <v>102</v>
      </c>
      <c r="Z15665">
        <v>102</v>
      </c>
      <c r="AA15665">
        <v>103</v>
      </c>
      <c r="AB15665">
        <v>103</v>
      </c>
      <c r="AC15665">
        <v>104</v>
      </c>
      <c r="AD15665">
        <v>104</v>
      </c>
      <c r="AE15665">
        <v>105</v>
      </c>
      <c r="AF15665">
        <v>105</v>
      </c>
      <c r="AG15665">
        <v>105</v>
      </c>
      <c r="AH15665">
        <v>106</v>
      </c>
      <c r="AI15665">
        <v>106</v>
      </c>
      <c r="AJ15665">
        <v>106</v>
      </c>
      <c r="AK15665">
        <v>107</v>
      </c>
      <c r="AL15665">
        <v>106</v>
      </c>
      <c r="AM15665">
        <v>106</v>
      </c>
      <c r="AN15665">
        <v>105</v>
      </c>
      <c r="AO15665">
        <v>105</v>
      </c>
      <c r="AP15665">
        <v>104</v>
      </c>
      <c r="AQ15665">
        <v>104</v>
      </c>
    </row>
    <row r="15666" spans="1:43">
      <c r="A15666" t="s">
        <v>9734</v>
      </c>
      <c r="B15666" t="s">
        <v>9735</v>
      </c>
      <c r="C15666" t="s">
        <v>9728</v>
      </c>
      <c r="D15666" t="s">
        <v>9729</v>
      </c>
      <c r="E15666" t="s">
        <v>9544</v>
      </c>
      <c r="F15666" t="s">
        <v>9545</v>
      </c>
      <c r="G15666" t="s">
        <v>80</v>
      </c>
      <c r="H15666" t="s">
        <v>81</v>
      </c>
      <c r="I15666" s="2">
        <v>0</v>
      </c>
      <c r="J15666" s="2">
        <v>1</v>
      </c>
      <c r="K15666" s="2">
        <v>0</v>
      </c>
      <c r="L15666" t="s">
        <v>82</v>
      </c>
      <c r="M15666" t="s">
        <v>83</v>
      </c>
      <c r="N15666" t="s">
        <v>84</v>
      </c>
      <c r="O15666" t="s">
        <v>85</v>
      </c>
      <c r="P15666" t="s">
        <v>86</v>
      </c>
      <c r="Q15666">
        <v>20</v>
      </c>
      <c r="R15666">
        <v>20</v>
      </c>
      <c r="S15666">
        <v>20</v>
      </c>
      <c r="T15666">
        <v>20</v>
      </c>
      <c r="U15666">
        <v>20</v>
      </c>
      <c r="V15666">
        <v>20</v>
      </c>
      <c r="W15666">
        <v>21</v>
      </c>
      <c r="X15666">
        <v>21</v>
      </c>
      <c r="Y15666">
        <v>21</v>
      </c>
      <c r="Z15666">
        <v>21</v>
      </c>
      <c r="AA15666">
        <v>21</v>
      </c>
      <c r="AB15666">
        <v>21</v>
      </c>
      <c r="AC15666">
        <v>21</v>
      </c>
      <c r="AD15666">
        <v>21</v>
      </c>
      <c r="AE15666">
        <v>21</v>
      </c>
      <c r="AF15666">
        <v>21</v>
      </c>
      <c r="AG15666">
        <v>22</v>
      </c>
      <c r="AH15666">
        <v>22</v>
      </c>
      <c r="AI15666">
        <v>22</v>
      </c>
      <c r="AJ15666">
        <v>22</v>
      </c>
      <c r="AK15666">
        <v>22</v>
      </c>
      <c r="AL15666">
        <v>22</v>
      </c>
      <c r="AM15666">
        <v>22</v>
      </c>
      <c r="AN15666">
        <v>21</v>
      </c>
      <c r="AO15666">
        <v>21</v>
      </c>
      <c r="AP15666">
        <v>21</v>
      </c>
      <c r="AQ15666">
        <v>21</v>
      </c>
    </row>
    <row r="15667" spans="1:43">
      <c r="A15667" t="s">
        <v>9734</v>
      </c>
      <c r="B15667" t="s">
        <v>9735</v>
      </c>
      <c r="C15667" t="s">
        <v>9728</v>
      </c>
      <c r="D15667" t="s">
        <v>9729</v>
      </c>
      <c r="E15667" t="s">
        <v>9544</v>
      </c>
      <c r="F15667" t="s">
        <v>9545</v>
      </c>
      <c r="G15667" t="s">
        <v>80</v>
      </c>
      <c r="H15667" t="s">
        <v>81</v>
      </c>
      <c r="I15667" s="2">
        <v>0</v>
      </c>
      <c r="J15667" s="2">
        <v>1</v>
      </c>
      <c r="K15667" s="2">
        <v>0</v>
      </c>
      <c r="L15667" t="s">
        <v>82</v>
      </c>
      <c r="M15667" t="s">
        <v>87</v>
      </c>
      <c r="N15667" t="s">
        <v>88</v>
      </c>
      <c r="O15667" t="s">
        <v>85</v>
      </c>
      <c r="P15667" t="s">
        <v>86</v>
      </c>
      <c r="Q15667">
        <v>20</v>
      </c>
      <c r="R15667">
        <v>20</v>
      </c>
      <c r="S15667">
        <v>20</v>
      </c>
      <c r="T15667">
        <v>19</v>
      </c>
      <c r="U15667">
        <v>19</v>
      </c>
      <c r="V15667">
        <v>19</v>
      </c>
      <c r="W15667">
        <v>19</v>
      </c>
      <c r="X15667">
        <v>19</v>
      </c>
      <c r="Y15667">
        <v>19</v>
      </c>
      <c r="Z15667">
        <v>19</v>
      </c>
      <c r="AA15667">
        <v>19</v>
      </c>
      <c r="AB15667">
        <v>19</v>
      </c>
      <c r="AC15667">
        <v>19</v>
      </c>
      <c r="AD15667">
        <v>19</v>
      </c>
      <c r="AE15667">
        <v>19</v>
      </c>
      <c r="AF15667">
        <v>19</v>
      </c>
      <c r="AG15667">
        <v>19</v>
      </c>
      <c r="AH15667">
        <v>19</v>
      </c>
      <c r="AI15667">
        <v>19</v>
      </c>
      <c r="AJ15667">
        <v>19</v>
      </c>
      <c r="AK15667">
        <v>19</v>
      </c>
      <c r="AL15667">
        <v>19</v>
      </c>
      <c r="AM15667">
        <v>19</v>
      </c>
      <c r="AN15667">
        <v>18</v>
      </c>
      <c r="AO15667">
        <v>18</v>
      </c>
      <c r="AP15667">
        <v>18</v>
      </c>
      <c r="AQ15667">
        <v>18</v>
      </c>
    </row>
    <row r="15668" spans="1:43">
      <c r="A15668" t="s">
        <v>9734</v>
      </c>
      <c r="B15668" t="s">
        <v>9735</v>
      </c>
      <c r="C15668" t="s">
        <v>9728</v>
      </c>
      <c r="D15668" t="s">
        <v>9729</v>
      </c>
      <c r="E15668" t="s">
        <v>9544</v>
      </c>
      <c r="F15668" t="s">
        <v>9545</v>
      </c>
      <c r="G15668" t="s">
        <v>80</v>
      </c>
      <c r="H15668" t="s">
        <v>81</v>
      </c>
      <c r="I15668" s="2">
        <v>0</v>
      </c>
      <c r="J15668" s="2">
        <v>1</v>
      </c>
      <c r="K15668" s="2">
        <v>0</v>
      </c>
      <c r="L15668" t="s">
        <v>82</v>
      </c>
      <c r="M15668" t="s">
        <v>89</v>
      </c>
      <c r="N15668" t="s">
        <v>90</v>
      </c>
      <c r="O15668" t="s">
        <v>85</v>
      </c>
      <c r="P15668" t="s">
        <v>86</v>
      </c>
      <c r="Q15668">
        <v>20</v>
      </c>
      <c r="R15668">
        <v>20</v>
      </c>
      <c r="S15668">
        <v>21</v>
      </c>
      <c r="T15668">
        <v>21</v>
      </c>
      <c r="U15668">
        <v>21</v>
      </c>
      <c r="V15668">
        <v>21</v>
      </c>
      <c r="W15668">
        <v>22</v>
      </c>
      <c r="X15668">
        <v>22</v>
      </c>
      <c r="Y15668">
        <v>22</v>
      </c>
      <c r="Z15668">
        <v>22</v>
      </c>
      <c r="AA15668">
        <v>22</v>
      </c>
      <c r="AB15668">
        <v>23</v>
      </c>
      <c r="AC15668">
        <v>23</v>
      </c>
      <c r="AD15668">
        <v>23</v>
      </c>
      <c r="AE15668">
        <v>23</v>
      </c>
      <c r="AF15668">
        <v>23</v>
      </c>
      <c r="AG15668">
        <v>23</v>
      </c>
      <c r="AH15668">
        <v>23</v>
      </c>
      <c r="AI15668">
        <v>22</v>
      </c>
      <c r="AJ15668">
        <v>22</v>
      </c>
      <c r="AK15668">
        <v>22</v>
      </c>
      <c r="AL15668">
        <v>22</v>
      </c>
      <c r="AM15668">
        <v>22</v>
      </c>
      <c r="AN15668">
        <v>22</v>
      </c>
      <c r="AO15668">
        <v>22</v>
      </c>
      <c r="AP15668">
        <v>22</v>
      </c>
      <c r="AQ15668">
        <v>21</v>
      </c>
    </row>
    <row r="15669" spans="1:43">
      <c r="A15669" t="s">
        <v>9734</v>
      </c>
      <c r="B15669" t="s">
        <v>9735</v>
      </c>
      <c r="C15669" t="s">
        <v>9728</v>
      </c>
      <c r="D15669" t="s">
        <v>9729</v>
      </c>
      <c r="E15669" t="s">
        <v>9544</v>
      </c>
      <c r="F15669" t="s">
        <v>9545</v>
      </c>
      <c r="G15669" t="s">
        <v>80</v>
      </c>
      <c r="H15669" t="s">
        <v>81</v>
      </c>
      <c r="I15669" s="2">
        <v>0</v>
      </c>
      <c r="J15669" s="2">
        <v>1</v>
      </c>
      <c r="K15669" s="2">
        <v>0</v>
      </c>
      <c r="L15669" t="s">
        <v>82</v>
      </c>
      <c r="M15669" t="s">
        <v>83</v>
      </c>
      <c r="N15669" t="s">
        <v>91</v>
      </c>
      <c r="O15669" t="s">
        <v>85</v>
      </c>
      <c r="P15669" t="s">
        <v>86</v>
      </c>
      <c r="Q15669">
        <v>20</v>
      </c>
      <c r="R15669">
        <v>20</v>
      </c>
      <c r="S15669">
        <v>20</v>
      </c>
      <c r="T15669">
        <v>20</v>
      </c>
      <c r="U15669">
        <v>20</v>
      </c>
      <c r="V15669">
        <v>20</v>
      </c>
      <c r="W15669">
        <v>21</v>
      </c>
      <c r="X15669">
        <v>21</v>
      </c>
      <c r="Y15669">
        <v>21</v>
      </c>
      <c r="Z15669">
        <v>21</v>
      </c>
      <c r="AA15669">
        <v>21</v>
      </c>
      <c r="AB15669">
        <v>21</v>
      </c>
      <c r="AC15669">
        <v>21</v>
      </c>
      <c r="AD15669">
        <v>21</v>
      </c>
      <c r="AE15669">
        <v>21</v>
      </c>
      <c r="AF15669">
        <v>21</v>
      </c>
      <c r="AG15669">
        <v>22</v>
      </c>
      <c r="AH15669">
        <v>22</v>
      </c>
      <c r="AI15669">
        <v>22</v>
      </c>
      <c r="AJ15669">
        <v>22</v>
      </c>
      <c r="AK15669">
        <v>22</v>
      </c>
      <c r="AL15669">
        <v>22</v>
      </c>
      <c r="AM15669">
        <v>22</v>
      </c>
      <c r="AN15669">
        <v>21</v>
      </c>
      <c r="AO15669">
        <v>21</v>
      </c>
      <c r="AP15669">
        <v>21</v>
      </c>
      <c r="AQ15669">
        <v>21</v>
      </c>
    </row>
    <row r="15670" spans="1:43">
      <c r="A15670" t="s">
        <v>9736</v>
      </c>
      <c r="B15670" t="s">
        <v>9737</v>
      </c>
      <c r="C15670" t="s">
        <v>9568</v>
      </c>
      <c r="D15670" t="s">
        <v>9569</v>
      </c>
      <c r="E15670" t="s">
        <v>9544</v>
      </c>
      <c r="F15670" t="s">
        <v>9545</v>
      </c>
      <c r="G15670" t="s">
        <v>80</v>
      </c>
      <c r="H15670" t="s">
        <v>81</v>
      </c>
      <c r="I15670" s="2">
        <v>0</v>
      </c>
      <c r="J15670" s="2">
        <v>1</v>
      </c>
      <c r="K15670" s="2">
        <v>0</v>
      </c>
      <c r="L15670" t="s">
        <v>82</v>
      </c>
      <c r="M15670" t="s">
        <v>83</v>
      </c>
      <c r="N15670" t="s">
        <v>84</v>
      </c>
      <c r="O15670" t="s">
        <v>85</v>
      </c>
      <c r="P15670" t="s">
        <v>86</v>
      </c>
      <c r="Q15670">
        <v>27</v>
      </c>
      <c r="R15670">
        <v>27</v>
      </c>
      <c r="S15670">
        <v>27</v>
      </c>
      <c r="T15670">
        <v>28</v>
      </c>
      <c r="U15670">
        <v>28</v>
      </c>
      <c r="V15670">
        <v>28</v>
      </c>
      <c r="W15670">
        <v>28</v>
      </c>
      <c r="X15670">
        <v>28</v>
      </c>
      <c r="Y15670">
        <v>28</v>
      </c>
      <c r="Z15670">
        <v>29</v>
      </c>
      <c r="AA15670">
        <v>29</v>
      </c>
      <c r="AB15670">
        <v>29</v>
      </c>
      <c r="AC15670">
        <v>29</v>
      </c>
      <c r="AD15670">
        <v>29</v>
      </c>
      <c r="AE15670">
        <v>29</v>
      </c>
      <c r="AF15670">
        <v>29</v>
      </c>
      <c r="AG15670">
        <v>29</v>
      </c>
      <c r="AH15670">
        <v>30</v>
      </c>
      <c r="AI15670">
        <v>30</v>
      </c>
      <c r="AJ15670">
        <v>30</v>
      </c>
      <c r="AK15670">
        <v>30</v>
      </c>
      <c r="AL15670">
        <v>30</v>
      </c>
      <c r="AM15670">
        <v>30</v>
      </c>
      <c r="AN15670">
        <v>29</v>
      </c>
      <c r="AO15670">
        <v>29</v>
      </c>
      <c r="AP15670">
        <v>29</v>
      </c>
      <c r="AQ15670">
        <v>29</v>
      </c>
    </row>
    <row r="15671" spans="1:43">
      <c r="A15671" t="s">
        <v>9736</v>
      </c>
      <c r="B15671" t="s">
        <v>9737</v>
      </c>
      <c r="C15671" t="s">
        <v>9568</v>
      </c>
      <c r="D15671" t="s">
        <v>9569</v>
      </c>
      <c r="E15671" t="s">
        <v>9544</v>
      </c>
      <c r="F15671" t="s">
        <v>9545</v>
      </c>
      <c r="G15671" t="s">
        <v>80</v>
      </c>
      <c r="H15671" t="s">
        <v>81</v>
      </c>
      <c r="I15671" s="2">
        <v>0</v>
      </c>
      <c r="J15671" s="2">
        <v>1</v>
      </c>
      <c r="K15671" s="2">
        <v>0</v>
      </c>
      <c r="L15671" t="s">
        <v>82</v>
      </c>
      <c r="M15671" t="s">
        <v>87</v>
      </c>
      <c r="N15671" t="s">
        <v>88</v>
      </c>
      <c r="O15671" t="s">
        <v>85</v>
      </c>
      <c r="P15671" t="s">
        <v>86</v>
      </c>
      <c r="Q15671">
        <v>27</v>
      </c>
      <c r="R15671">
        <v>27</v>
      </c>
      <c r="S15671">
        <v>27</v>
      </c>
      <c r="T15671">
        <v>27</v>
      </c>
      <c r="U15671">
        <v>26</v>
      </c>
      <c r="V15671">
        <v>26</v>
      </c>
      <c r="W15671">
        <v>26</v>
      </c>
      <c r="X15671">
        <v>26</v>
      </c>
      <c r="Y15671">
        <v>26</v>
      </c>
      <c r="Z15671">
        <v>26</v>
      </c>
      <c r="AA15671">
        <v>26</v>
      </c>
      <c r="AB15671">
        <v>26</v>
      </c>
      <c r="AC15671">
        <v>26</v>
      </c>
      <c r="AD15671">
        <v>26</v>
      </c>
      <c r="AE15671">
        <v>26</v>
      </c>
      <c r="AF15671">
        <v>26</v>
      </c>
      <c r="AG15671">
        <v>26</v>
      </c>
      <c r="AH15671">
        <v>26</v>
      </c>
      <c r="AI15671">
        <v>26</v>
      </c>
      <c r="AJ15671">
        <v>26</v>
      </c>
      <c r="AK15671">
        <v>25</v>
      </c>
      <c r="AL15671">
        <v>25</v>
      </c>
      <c r="AM15671">
        <v>25</v>
      </c>
      <c r="AN15671">
        <v>25</v>
      </c>
      <c r="AO15671">
        <v>25</v>
      </c>
      <c r="AP15671">
        <v>25</v>
      </c>
      <c r="AQ15671">
        <v>25</v>
      </c>
    </row>
    <row r="15672" spans="1:43">
      <c r="A15672" t="s">
        <v>9736</v>
      </c>
      <c r="B15672" t="s">
        <v>9737</v>
      </c>
      <c r="C15672" t="s">
        <v>9568</v>
      </c>
      <c r="D15672" t="s">
        <v>9569</v>
      </c>
      <c r="E15672" t="s">
        <v>9544</v>
      </c>
      <c r="F15672" t="s">
        <v>9545</v>
      </c>
      <c r="G15672" t="s">
        <v>80</v>
      </c>
      <c r="H15672" t="s">
        <v>81</v>
      </c>
      <c r="I15672" s="2">
        <v>0</v>
      </c>
      <c r="J15672" s="2">
        <v>1</v>
      </c>
      <c r="K15672" s="2">
        <v>0</v>
      </c>
      <c r="L15672" t="s">
        <v>82</v>
      </c>
      <c r="M15672" t="s">
        <v>89</v>
      </c>
      <c r="N15672" t="s">
        <v>90</v>
      </c>
      <c r="O15672" t="s">
        <v>85</v>
      </c>
      <c r="P15672" t="s">
        <v>86</v>
      </c>
      <c r="Q15672">
        <v>27</v>
      </c>
      <c r="R15672">
        <v>28</v>
      </c>
      <c r="S15672">
        <v>28</v>
      </c>
      <c r="T15672">
        <v>28</v>
      </c>
      <c r="U15672">
        <v>29</v>
      </c>
      <c r="V15672">
        <v>29</v>
      </c>
      <c r="W15672">
        <v>30</v>
      </c>
      <c r="X15672">
        <v>30</v>
      </c>
      <c r="Y15672">
        <v>30</v>
      </c>
      <c r="Z15672">
        <v>30</v>
      </c>
      <c r="AA15672">
        <v>31</v>
      </c>
      <c r="AB15672">
        <v>31</v>
      </c>
      <c r="AC15672">
        <v>31</v>
      </c>
      <c r="AD15672">
        <v>31</v>
      </c>
      <c r="AE15672">
        <v>31</v>
      </c>
      <c r="AF15672">
        <v>31</v>
      </c>
      <c r="AG15672">
        <v>31</v>
      </c>
      <c r="AH15672">
        <v>31</v>
      </c>
      <c r="AI15672">
        <v>31</v>
      </c>
      <c r="AJ15672">
        <v>30</v>
      </c>
      <c r="AK15672">
        <v>30</v>
      </c>
      <c r="AL15672">
        <v>30</v>
      </c>
      <c r="AM15672">
        <v>30</v>
      </c>
      <c r="AN15672">
        <v>30</v>
      </c>
      <c r="AO15672">
        <v>30</v>
      </c>
      <c r="AP15672">
        <v>29</v>
      </c>
      <c r="AQ15672">
        <v>29</v>
      </c>
    </row>
    <row r="15673" spans="1:43">
      <c r="A15673" t="s">
        <v>9736</v>
      </c>
      <c r="B15673" t="s">
        <v>9737</v>
      </c>
      <c r="C15673" t="s">
        <v>9568</v>
      </c>
      <c r="D15673" t="s">
        <v>9569</v>
      </c>
      <c r="E15673" t="s">
        <v>9544</v>
      </c>
      <c r="F15673" t="s">
        <v>9545</v>
      </c>
      <c r="G15673" t="s">
        <v>80</v>
      </c>
      <c r="H15673" t="s">
        <v>81</v>
      </c>
      <c r="I15673" s="2">
        <v>0</v>
      </c>
      <c r="J15673" s="2">
        <v>1</v>
      </c>
      <c r="K15673" s="2">
        <v>0</v>
      </c>
      <c r="L15673" t="s">
        <v>82</v>
      </c>
      <c r="M15673" t="s">
        <v>83</v>
      </c>
      <c r="N15673" t="s">
        <v>91</v>
      </c>
      <c r="O15673" t="s">
        <v>85</v>
      </c>
      <c r="P15673" t="s">
        <v>86</v>
      </c>
      <c r="Q15673">
        <v>27</v>
      </c>
      <c r="R15673">
        <v>27</v>
      </c>
      <c r="S15673">
        <v>27</v>
      </c>
      <c r="T15673">
        <v>28</v>
      </c>
      <c r="U15673">
        <v>28</v>
      </c>
      <c r="V15673">
        <v>28</v>
      </c>
      <c r="W15673">
        <v>28</v>
      </c>
      <c r="X15673">
        <v>28</v>
      </c>
      <c r="Y15673">
        <v>28</v>
      </c>
      <c r="Z15673">
        <v>29</v>
      </c>
      <c r="AA15673">
        <v>29</v>
      </c>
      <c r="AB15673">
        <v>29</v>
      </c>
      <c r="AC15673">
        <v>29</v>
      </c>
      <c r="AD15673">
        <v>29</v>
      </c>
      <c r="AE15673">
        <v>29</v>
      </c>
      <c r="AF15673">
        <v>29</v>
      </c>
      <c r="AG15673">
        <v>29</v>
      </c>
      <c r="AH15673">
        <v>30</v>
      </c>
      <c r="AI15673">
        <v>30</v>
      </c>
      <c r="AJ15673">
        <v>30</v>
      </c>
      <c r="AK15673">
        <v>30</v>
      </c>
      <c r="AL15673">
        <v>30</v>
      </c>
      <c r="AM15673">
        <v>30</v>
      </c>
      <c r="AN15673">
        <v>29</v>
      </c>
      <c r="AO15673">
        <v>29</v>
      </c>
      <c r="AP15673">
        <v>29</v>
      </c>
      <c r="AQ15673">
        <v>29</v>
      </c>
    </row>
    <row r="15674" spans="1:43">
      <c r="A15674" t="s">
        <v>9738</v>
      </c>
      <c r="B15674" t="s">
        <v>9739</v>
      </c>
      <c r="C15674" t="s">
        <v>9568</v>
      </c>
      <c r="D15674" t="s">
        <v>9569</v>
      </c>
      <c r="E15674" t="s">
        <v>9544</v>
      </c>
      <c r="F15674" t="s">
        <v>9545</v>
      </c>
      <c r="G15674" t="s">
        <v>80</v>
      </c>
      <c r="H15674" t="s">
        <v>81</v>
      </c>
      <c r="I15674" s="2">
        <v>0</v>
      </c>
      <c r="J15674" s="2">
        <v>1</v>
      </c>
      <c r="K15674" s="2">
        <v>0</v>
      </c>
      <c r="L15674" t="s">
        <v>82</v>
      </c>
      <c r="M15674" t="s">
        <v>83</v>
      </c>
      <c r="N15674" t="s">
        <v>84</v>
      </c>
      <c r="O15674" t="s">
        <v>85</v>
      </c>
      <c r="P15674" t="s">
        <v>86</v>
      </c>
      <c r="Q15674">
        <v>107</v>
      </c>
      <c r="R15674">
        <v>108</v>
      </c>
      <c r="S15674">
        <v>109</v>
      </c>
      <c r="T15674">
        <v>110</v>
      </c>
      <c r="U15674">
        <v>111</v>
      </c>
      <c r="V15674">
        <v>112</v>
      </c>
      <c r="W15674">
        <v>112</v>
      </c>
      <c r="X15674">
        <v>113</v>
      </c>
      <c r="Y15674">
        <v>114</v>
      </c>
      <c r="Z15674">
        <v>115</v>
      </c>
      <c r="AA15674">
        <v>115</v>
      </c>
      <c r="AB15674">
        <v>116</v>
      </c>
      <c r="AC15674">
        <v>117</v>
      </c>
      <c r="AD15674">
        <v>117</v>
      </c>
      <c r="AE15674">
        <v>118</v>
      </c>
      <c r="AF15674">
        <v>118</v>
      </c>
      <c r="AG15674">
        <v>119</v>
      </c>
      <c r="AH15674">
        <v>119</v>
      </c>
      <c r="AI15674">
        <v>120</v>
      </c>
      <c r="AJ15674">
        <v>120</v>
      </c>
      <c r="AK15674">
        <v>121</v>
      </c>
      <c r="AL15674">
        <v>121</v>
      </c>
      <c r="AM15674">
        <v>120</v>
      </c>
      <c r="AN15674">
        <v>120</v>
      </c>
      <c r="AO15674">
        <v>119</v>
      </c>
      <c r="AP15674">
        <v>119</v>
      </c>
      <c r="AQ15674">
        <v>118</v>
      </c>
    </row>
    <row r="15675" spans="1:43">
      <c r="A15675" t="s">
        <v>9738</v>
      </c>
      <c r="B15675" t="s">
        <v>9739</v>
      </c>
      <c r="C15675" t="s">
        <v>9568</v>
      </c>
      <c r="D15675" t="s">
        <v>9569</v>
      </c>
      <c r="E15675" t="s">
        <v>9544</v>
      </c>
      <c r="F15675" t="s">
        <v>9545</v>
      </c>
      <c r="G15675" t="s">
        <v>80</v>
      </c>
      <c r="H15675" t="s">
        <v>81</v>
      </c>
      <c r="I15675" s="2">
        <v>0</v>
      </c>
      <c r="J15675" s="2">
        <v>1</v>
      </c>
      <c r="K15675" s="2">
        <v>0</v>
      </c>
      <c r="L15675" t="s">
        <v>82</v>
      </c>
      <c r="M15675" t="s">
        <v>87</v>
      </c>
      <c r="N15675" t="s">
        <v>88</v>
      </c>
      <c r="O15675" t="s">
        <v>85</v>
      </c>
      <c r="P15675" t="s">
        <v>86</v>
      </c>
      <c r="Q15675">
        <v>107</v>
      </c>
      <c r="R15675">
        <v>107</v>
      </c>
      <c r="S15675">
        <v>107</v>
      </c>
      <c r="T15675">
        <v>107</v>
      </c>
      <c r="U15675">
        <v>107</v>
      </c>
      <c r="V15675">
        <v>107</v>
      </c>
      <c r="W15675">
        <v>107</v>
      </c>
      <c r="X15675">
        <v>106</v>
      </c>
      <c r="Y15675">
        <v>106</v>
      </c>
      <c r="Z15675">
        <v>106</v>
      </c>
      <c r="AA15675">
        <v>106</v>
      </c>
      <c r="AB15675">
        <v>106</v>
      </c>
      <c r="AC15675">
        <v>106</v>
      </c>
      <c r="AD15675">
        <v>105</v>
      </c>
      <c r="AE15675">
        <v>105</v>
      </c>
      <c r="AF15675">
        <v>105</v>
      </c>
      <c r="AG15675">
        <v>105</v>
      </c>
      <c r="AH15675">
        <v>105</v>
      </c>
      <c r="AI15675">
        <v>105</v>
      </c>
      <c r="AJ15675">
        <v>104</v>
      </c>
      <c r="AK15675">
        <v>104</v>
      </c>
      <c r="AL15675">
        <v>104</v>
      </c>
      <c r="AM15675">
        <v>104</v>
      </c>
      <c r="AN15675">
        <v>104</v>
      </c>
      <c r="AO15675">
        <v>103</v>
      </c>
      <c r="AP15675">
        <v>103</v>
      </c>
      <c r="AQ15675">
        <v>103</v>
      </c>
    </row>
    <row r="15676" spans="1:43">
      <c r="A15676" t="s">
        <v>9738</v>
      </c>
      <c r="B15676" t="s">
        <v>9739</v>
      </c>
      <c r="C15676" t="s">
        <v>9568</v>
      </c>
      <c r="D15676" t="s">
        <v>9569</v>
      </c>
      <c r="E15676" t="s">
        <v>9544</v>
      </c>
      <c r="F15676" t="s">
        <v>9545</v>
      </c>
      <c r="G15676" t="s">
        <v>80</v>
      </c>
      <c r="H15676" t="s">
        <v>81</v>
      </c>
      <c r="I15676" s="2">
        <v>0</v>
      </c>
      <c r="J15676" s="2">
        <v>1</v>
      </c>
      <c r="K15676" s="2">
        <v>0</v>
      </c>
      <c r="L15676" t="s">
        <v>82</v>
      </c>
      <c r="M15676" t="s">
        <v>89</v>
      </c>
      <c r="N15676" t="s">
        <v>90</v>
      </c>
      <c r="O15676" t="s">
        <v>85</v>
      </c>
      <c r="P15676" t="s">
        <v>86</v>
      </c>
      <c r="Q15676">
        <v>107</v>
      </c>
      <c r="R15676">
        <v>109</v>
      </c>
      <c r="S15676">
        <v>111</v>
      </c>
      <c r="T15676">
        <v>113</v>
      </c>
      <c r="U15676">
        <v>114</v>
      </c>
      <c r="V15676">
        <v>116</v>
      </c>
      <c r="W15676">
        <v>117</v>
      </c>
      <c r="X15676">
        <v>118</v>
      </c>
      <c r="Y15676">
        <v>120</v>
      </c>
      <c r="Z15676">
        <v>121</v>
      </c>
      <c r="AA15676">
        <v>122</v>
      </c>
      <c r="AB15676">
        <v>123</v>
      </c>
      <c r="AC15676">
        <v>124</v>
      </c>
      <c r="AD15676">
        <v>125</v>
      </c>
      <c r="AE15676">
        <v>125</v>
      </c>
      <c r="AF15676">
        <v>125</v>
      </c>
      <c r="AG15676">
        <v>124</v>
      </c>
      <c r="AH15676">
        <v>124</v>
      </c>
      <c r="AI15676">
        <v>123</v>
      </c>
      <c r="AJ15676">
        <v>123</v>
      </c>
      <c r="AK15676">
        <v>122</v>
      </c>
      <c r="AL15676">
        <v>121</v>
      </c>
      <c r="AM15676">
        <v>121</v>
      </c>
      <c r="AN15676">
        <v>120</v>
      </c>
      <c r="AO15676">
        <v>120</v>
      </c>
      <c r="AP15676">
        <v>119</v>
      </c>
      <c r="AQ15676">
        <v>119</v>
      </c>
    </row>
    <row r="15677" spans="1:43">
      <c r="A15677" t="s">
        <v>9738</v>
      </c>
      <c r="B15677" t="s">
        <v>9739</v>
      </c>
      <c r="C15677" t="s">
        <v>9568</v>
      </c>
      <c r="D15677" t="s">
        <v>9569</v>
      </c>
      <c r="E15677" t="s">
        <v>9544</v>
      </c>
      <c r="F15677" t="s">
        <v>9545</v>
      </c>
      <c r="G15677" t="s">
        <v>80</v>
      </c>
      <c r="H15677" t="s">
        <v>81</v>
      </c>
      <c r="I15677" s="2">
        <v>0</v>
      </c>
      <c r="J15677" s="2">
        <v>1</v>
      </c>
      <c r="K15677" s="2">
        <v>0</v>
      </c>
      <c r="L15677" t="s">
        <v>82</v>
      </c>
      <c r="M15677" t="s">
        <v>83</v>
      </c>
      <c r="N15677" t="s">
        <v>91</v>
      </c>
      <c r="O15677" t="s">
        <v>85</v>
      </c>
      <c r="P15677" t="s">
        <v>86</v>
      </c>
      <c r="Q15677">
        <v>107</v>
      </c>
      <c r="R15677">
        <v>108</v>
      </c>
      <c r="S15677">
        <v>109</v>
      </c>
      <c r="T15677">
        <v>110</v>
      </c>
      <c r="U15677">
        <v>111</v>
      </c>
      <c r="V15677">
        <v>112</v>
      </c>
      <c r="W15677">
        <v>112</v>
      </c>
      <c r="X15677">
        <v>113</v>
      </c>
      <c r="Y15677">
        <v>114</v>
      </c>
      <c r="Z15677">
        <v>115</v>
      </c>
      <c r="AA15677">
        <v>115</v>
      </c>
      <c r="AB15677">
        <v>116</v>
      </c>
      <c r="AC15677">
        <v>117</v>
      </c>
      <c r="AD15677">
        <v>117</v>
      </c>
      <c r="AE15677">
        <v>118</v>
      </c>
      <c r="AF15677">
        <v>118</v>
      </c>
      <c r="AG15677">
        <v>119</v>
      </c>
      <c r="AH15677">
        <v>119</v>
      </c>
      <c r="AI15677">
        <v>120</v>
      </c>
      <c r="AJ15677">
        <v>120</v>
      </c>
      <c r="AK15677">
        <v>121</v>
      </c>
      <c r="AL15677">
        <v>121</v>
      </c>
      <c r="AM15677">
        <v>120</v>
      </c>
      <c r="AN15677">
        <v>120</v>
      </c>
      <c r="AO15677">
        <v>119</v>
      </c>
      <c r="AP15677">
        <v>119</v>
      </c>
      <c r="AQ15677">
        <v>118</v>
      </c>
    </row>
    <row r="15678" spans="1:43">
      <c r="A15678" t="s">
        <v>9740</v>
      </c>
      <c r="B15678" t="s">
        <v>9741</v>
      </c>
      <c r="C15678" t="s">
        <v>9728</v>
      </c>
      <c r="D15678" t="s">
        <v>9729</v>
      </c>
      <c r="E15678" t="s">
        <v>9544</v>
      </c>
      <c r="F15678" t="s">
        <v>9545</v>
      </c>
      <c r="G15678" t="s">
        <v>80</v>
      </c>
      <c r="H15678" t="s">
        <v>81</v>
      </c>
      <c r="I15678" s="2">
        <v>0</v>
      </c>
      <c r="J15678" s="2">
        <v>1</v>
      </c>
      <c r="K15678" s="2">
        <v>0</v>
      </c>
      <c r="L15678" t="s">
        <v>82</v>
      </c>
      <c r="M15678" t="s">
        <v>83</v>
      </c>
      <c r="N15678" t="s">
        <v>84</v>
      </c>
      <c r="O15678" t="s">
        <v>85</v>
      </c>
      <c r="P15678" t="s">
        <v>86</v>
      </c>
      <c r="Q15678">
        <v>30</v>
      </c>
      <c r="R15678">
        <v>30</v>
      </c>
      <c r="S15678">
        <v>31</v>
      </c>
      <c r="T15678">
        <v>31</v>
      </c>
      <c r="U15678">
        <v>31</v>
      </c>
      <c r="V15678">
        <v>31</v>
      </c>
      <c r="W15678">
        <v>32</v>
      </c>
      <c r="X15678">
        <v>32</v>
      </c>
      <c r="Y15678">
        <v>32</v>
      </c>
      <c r="Z15678">
        <v>32</v>
      </c>
      <c r="AA15678">
        <v>32</v>
      </c>
      <c r="AB15678">
        <v>33</v>
      </c>
      <c r="AC15678">
        <v>33</v>
      </c>
      <c r="AD15678">
        <v>33</v>
      </c>
      <c r="AE15678">
        <v>33</v>
      </c>
      <c r="AF15678">
        <v>33</v>
      </c>
      <c r="AG15678">
        <v>33</v>
      </c>
      <c r="AH15678">
        <v>34</v>
      </c>
      <c r="AI15678">
        <v>34</v>
      </c>
      <c r="AJ15678">
        <v>34</v>
      </c>
      <c r="AK15678">
        <v>34</v>
      </c>
      <c r="AL15678">
        <v>34</v>
      </c>
      <c r="AM15678">
        <v>34</v>
      </c>
      <c r="AN15678">
        <v>34</v>
      </c>
      <c r="AO15678">
        <v>34</v>
      </c>
      <c r="AP15678">
        <v>33</v>
      </c>
      <c r="AQ15678">
        <v>33</v>
      </c>
    </row>
    <row r="15679" spans="1:43">
      <c r="A15679" t="s">
        <v>9740</v>
      </c>
      <c r="B15679" t="s">
        <v>9741</v>
      </c>
      <c r="C15679" t="s">
        <v>9728</v>
      </c>
      <c r="D15679" t="s">
        <v>9729</v>
      </c>
      <c r="E15679" t="s">
        <v>9544</v>
      </c>
      <c r="F15679" t="s">
        <v>9545</v>
      </c>
      <c r="G15679" t="s">
        <v>80</v>
      </c>
      <c r="H15679" t="s">
        <v>81</v>
      </c>
      <c r="I15679" s="2">
        <v>0</v>
      </c>
      <c r="J15679" s="2">
        <v>1</v>
      </c>
      <c r="K15679" s="2">
        <v>0</v>
      </c>
      <c r="L15679" t="s">
        <v>82</v>
      </c>
      <c r="M15679" t="s">
        <v>87</v>
      </c>
      <c r="N15679" t="s">
        <v>88</v>
      </c>
      <c r="O15679" t="s">
        <v>85</v>
      </c>
      <c r="P15679" t="s">
        <v>86</v>
      </c>
      <c r="Q15679">
        <v>30</v>
      </c>
      <c r="R15679">
        <v>30</v>
      </c>
      <c r="S15679">
        <v>30</v>
      </c>
      <c r="T15679">
        <v>30</v>
      </c>
      <c r="U15679">
        <v>30</v>
      </c>
      <c r="V15679">
        <v>30</v>
      </c>
      <c r="W15679">
        <v>30</v>
      </c>
      <c r="X15679">
        <v>30</v>
      </c>
      <c r="Y15679">
        <v>30</v>
      </c>
      <c r="Z15679">
        <v>30</v>
      </c>
      <c r="AA15679">
        <v>30</v>
      </c>
      <c r="AB15679">
        <v>30</v>
      </c>
      <c r="AC15679">
        <v>29</v>
      </c>
      <c r="AD15679">
        <v>29</v>
      </c>
      <c r="AE15679">
        <v>29</v>
      </c>
      <c r="AF15679">
        <v>29</v>
      </c>
      <c r="AG15679">
        <v>29</v>
      </c>
      <c r="AH15679">
        <v>29</v>
      </c>
      <c r="AI15679">
        <v>29</v>
      </c>
      <c r="AJ15679">
        <v>29</v>
      </c>
      <c r="AK15679">
        <v>29</v>
      </c>
      <c r="AL15679">
        <v>29</v>
      </c>
      <c r="AM15679">
        <v>29</v>
      </c>
      <c r="AN15679">
        <v>29</v>
      </c>
      <c r="AO15679">
        <v>29</v>
      </c>
      <c r="AP15679">
        <v>29</v>
      </c>
      <c r="AQ15679">
        <v>29</v>
      </c>
    </row>
    <row r="15680" spans="1:43">
      <c r="A15680" t="s">
        <v>9740</v>
      </c>
      <c r="B15680" t="s">
        <v>9741</v>
      </c>
      <c r="C15680" t="s">
        <v>9728</v>
      </c>
      <c r="D15680" t="s">
        <v>9729</v>
      </c>
      <c r="E15680" t="s">
        <v>9544</v>
      </c>
      <c r="F15680" t="s">
        <v>9545</v>
      </c>
      <c r="G15680" t="s">
        <v>80</v>
      </c>
      <c r="H15680" t="s">
        <v>81</v>
      </c>
      <c r="I15680" s="2">
        <v>0</v>
      </c>
      <c r="J15680" s="2">
        <v>1</v>
      </c>
      <c r="K15680" s="2">
        <v>0</v>
      </c>
      <c r="L15680" t="s">
        <v>82</v>
      </c>
      <c r="M15680" t="s">
        <v>89</v>
      </c>
      <c r="N15680" t="s">
        <v>90</v>
      </c>
      <c r="O15680" t="s">
        <v>85</v>
      </c>
      <c r="P15680" t="s">
        <v>86</v>
      </c>
      <c r="Q15680">
        <v>30</v>
      </c>
      <c r="R15680">
        <v>31</v>
      </c>
      <c r="S15680">
        <v>31</v>
      </c>
      <c r="T15680">
        <v>32</v>
      </c>
      <c r="U15680">
        <v>32</v>
      </c>
      <c r="V15680">
        <v>33</v>
      </c>
      <c r="W15680">
        <v>33</v>
      </c>
      <c r="X15680">
        <v>34</v>
      </c>
      <c r="Y15680">
        <v>34</v>
      </c>
      <c r="Z15680">
        <v>34</v>
      </c>
      <c r="AA15680">
        <v>35</v>
      </c>
      <c r="AB15680">
        <v>35</v>
      </c>
      <c r="AC15680">
        <v>35</v>
      </c>
      <c r="AD15680">
        <v>35</v>
      </c>
      <c r="AE15680">
        <v>36</v>
      </c>
      <c r="AF15680">
        <v>35</v>
      </c>
      <c r="AG15680">
        <v>35</v>
      </c>
      <c r="AH15680">
        <v>35</v>
      </c>
      <c r="AI15680">
        <v>35</v>
      </c>
      <c r="AJ15680">
        <v>35</v>
      </c>
      <c r="AK15680">
        <v>35</v>
      </c>
      <c r="AL15680">
        <v>35</v>
      </c>
      <c r="AM15680">
        <v>34</v>
      </c>
      <c r="AN15680">
        <v>34</v>
      </c>
      <c r="AO15680">
        <v>34</v>
      </c>
      <c r="AP15680">
        <v>34</v>
      </c>
      <c r="AQ15680">
        <v>34</v>
      </c>
    </row>
    <row r="15681" spans="1:43">
      <c r="A15681" t="s">
        <v>9740</v>
      </c>
      <c r="B15681" t="s">
        <v>9741</v>
      </c>
      <c r="C15681" t="s">
        <v>9728</v>
      </c>
      <c r="D15681" t="s">
        <v>9729</v>
      </c>
      <c r="E15681" t="s">
        <v>9544</v>
      </c>
      <c r="F15681" t="s">
        <v>9545</v>
      </c>
      <c r="G15681" t="s">
        <v>80</v>
      </c>
      <c r="H15681" t="s">
        <v>81</v>
      </c>
      <c r="I15681" s="2">
        <v>0</v>
      </c>
      <c r="J15681" s="2">
        <v>1</v>
      </c>
      <c r="K15681" s="2">
        <v>0</v>
      </c>
      <c r="L15681" t="s">
        <v>82</v>
      </c>
      <c r="M15681" t="s">
        <v>83</v>
      </c>
      <c r="N15681" t="s">
        <v>91</v>
      </c>
      <c r="O15681" t="s">
        <v>85</v>
      </c>
      <c r="P15681" t="s">
        <v>86</v>
      </c>
      <c r="Q15681">
        <v>30</v>
      </c>
      <c r="R15681">
        <v>30</v>
      </c>
      <c r="S15681">
        <v>31</v>
      </c>
      <c r="T15681">
        <v>31</v>
      </c>
      <c r="U15681">
        <v>31</v>
      </c>
      <c r="V15681">
        <v>31</v>
      </c>
      <c r="W15681">
        <v>32</v>
      </c>
      <c r="X15681">
        <v>32</v>
      </c>
      <c r="Y15681">
        <v>32</v>
      </c>
      <c r="Z15681">
        <v>32</v>
      </c>
      <c r="AA15681">
        <v>32</v>
      </c>
      <c r="AB15681">
        <v>33</v>
      </c>
      <c r="AC15681">
        <v>33</v>
      </c>
      <c r="AD15681">
        <v>33</v>
      </c>
      <c r="AE15681">
        <v>33</v>
      </c>
      <c r="AF15681">
        <v>33</v>
      </c>
      <c r="AG15681">
        <v>33</v>
      </c>
      <c r="AH15681">
        <v>34</v>
      </c>
      <c r="AI15681">
        <v>34</v>
      </c>
      <c r="AJ15681">
        <v>34</v>
      </c>
      <c r="AK15681">
        <v>34</v>
      </c>
      <c r="AL15681">
        <v>34</v>
      </c>
      <c r="AM15681">
        <v>34</v>
      </c>
      <c r="AN15681">
        <v>34</v>
      </c>
      <c r="AO15681">
        <v>34</v>
      </c>
      <c r="AP15681">
        <v>33</v>
      </c>
      <c r="AQ15681">
        <v>33</v>
      </c>
    </row>
    <row r="15682" spans="1:43">
      <c r="A15682" t="s">
        <v>9742</v>
      </c>
      <c r="B15682" t="s">
        <v>9743</v>
      </c>
      <c r="C15682" t="s">
        <v>9558</v>
      </c>
      <c r="D15682" t="s">
        <v>9559</v>
      </c>
      <c r="E15682" t="s">
        <v>9544</v>
      </c>
      <c r="F15682" t="s">
        <v>9545</v>
      </c>
      <c r="G15682" t="s">
        <v>80</v>
      </c>
      <c r="H15682" t="s">
        <v>81</v>
      </c>
      <c r="I15682" s="2">
        <v>0</v>
      </c>
      <c r="J15682" s="2">
        <v>1</v>
      </c>
      <c r="K15682" s="2">
        <v>0</v>
      </c>
      <c r="L15682" t="s">
        <v>82</v>
      </c>
      <c r="M15682" t="s">
        <v>83</v>
      </c>
      <c r="N15682" t="s">
        <v>84</v>
      </c>
      <c r="O15682" t="s">
        <v>85</v>
      </c>
      <c r="P15682" t="s">
        <v>86</v>
      </c>
      <c r="Q15682">
        <v>25</v>
      </c>
      <c r="R15682">
        <v>25</v>
      </c>
      <c r="S15682">
        <v>25</v>
      </c>
      <c r="T15682">
        <v>25</v>
      </c>
      <c r="U15682">
        <v>26</v>
      </c>
      <c r="V15682">
        <v>26</v>
      </c>
      <c r="W15682">
        <v>26</v>
      </c>
      <c r="X15682">
        <v>26</v>
      </c>
      <c r="Y15682">
        <v>26</v>
      </c>
      <c r="Z15682">
        <v>26</v>
      </c>
      <c r="AA15682">
        <v>26</v>
      </c>
      <c r="AB15682">
        <v>26</v>
      </c>
      <c r="AC15682">
        <v>26</v>
      </c>
      <c r="AD15682">
        <v>27</v>
      </c>
      <c r="AE15682">
        <v>27</v>
      </c>
      <c r="AF15682">
        <v>27</v>
      </c>
      <c r="AG15682">
        <v>27</v>
      </c>
      <c r="AH15682">
        <v>27</v>
      </c>
      <c r="AI15682">
        <v>27</v>
      </c>
      <c r="AJ15682">
        <v>27</v>
      </c>
      <c r="AK15682">
        <v>27</v>
      </c>
      <c r="AL15682">
        <v>27</v>
      </c>
      <c r="AM15682">
        <v>27</v>
      </c>
      <c r="AN15682">
        <v>26</v>
      </c>
      <c r="AO15682">
        <v>26</v>
      </c>
      <c r="AP15682">
        <v>26</v>
      </c>
      <c r="AQ15682">
        <v>26</v>
      </c>
    </row>
    <row r="15683" spans="1:43">
      <c r="A15683" t="s">
        <v>9742</v>
      </c>
      <c r="B15683" t="s">
        <v>9743</v>
      </c>
      <c r="C15683" t="s">
        <v>9558</v>
      </c>
      <c r="D15683" t="s">
        <v>9559</v>
      </c>
      <c r="E15683" t="s">
        <v>9544</v>
      </c>
      <c r="F15683" t="s">
        <v>9545</v>
      </c>
      <c r="G15683" t="s">
        <v>80</v>
      </c>
      <c r="H15683" t="s">
        <v>81</v>
      </c>
      <c r="I15683" s="2">
        <v>0</v>
      </c>
      <c r="J15683" s="2">
        <v>1</v>
      </c>
      <c r="K15683" s="2">
        <v>0</v>
      </c>
      <c r="L15683" t="s">
        <v>82</v>
      </c>
      <c r="M15683" t="s">
        <v>87</v>
      </c>
      <c r="N15683" t="s">
        <v>88</v>
      </c>
      <c r="O15683" t="s">
        <v>85</v>
      </c>
      <c r="P15683" t="s">
        <v>86</v>
      </c>
      <c r="Q15683">
        <v>25</v>
      </c>
      <c r="R15683">
        <v>25</v>
      </c>
      <c r="S15683">
        <v>25</v>
      </c>
      <c r="T15683">
        <v>25</v>
      </c>
      <c r="U15683">
        <v>24</v>
      </c>
      <c r="V15683">
        <v>24</v>
      </c>
      <c r="W15683">
        <v>24</v>
      </c>
      <c r="X15683">
        <v>24</v>
      </c>
      <c r="Y15683">
        <v>24</v>
      </c>
      <c r="Z15683">
        <v>24</v>
      </c>
      <c r="AA15683">
        <v>24</v>
      </c>
      <c r="AB15683">
        <v>24</v>
      </c>
      <c r="AC15683">
        <v>24</v>
      </c>
      <c r="AD15683">
        <v>24</v>
      </c>
      <c r="AE15683">
        <v>24</v>
      </c>
      <c r="AF15683">
        <v>23</v>
      </c>
      <c r="AG15683">
        <v>23</v>
      </c>
      <c r="AH15683">
        <v>23</v>
      </c>
      <c r="AI15683">
        <v>23</v>
      </c>
      <c r="AJ15683">
        <v>23</v>
      </c>
      <c r="AK15683">
        <v>23</v>
      </c>
      <c r="AL15683">
        <v>23</v>
      </c>
      <c r="AM15683">
        <v>23</v>
      </c>
      <c r="AN15683">
        <v>23</v>
      </c>
      <c r="AO15683">
        <v>23</v>
      </c>
      <c r="AP15683">
        <v>22</v>
      </c>
      <c r="AQ15683">
        <v>22</v>
      </c>
    </row>
    <row r="15684" spans="1:43">
      <c r="A15684" t="s">
        <v>9742</v>
      </c>
      <c r="B15684" t="s">
        <v>9743</v>
      </c>
      <c r="C15684" t="s">
        <v>9558</v>
      </c>
      <c r="D15684" t="s">
        <v>9559</v>
      </c>
      <c r="E15684" t="s">
        <v>9544</v>
      </c>
      <c r="F15684" t="s">
        <v>9545</v>
      </c>
      <c r="G15684" t="s">
        <v>80</v>
      </c>
      <c r="H15684" t="s">
        <v>81</v>
      </c>
      <c r="I15684" s="2">
        <v>0</v>
      </c>
      <c r="J15684" s="2">
        <v>1</v>
      </c>
      <c r="K15684" s="2">
        <v>0</v>
      </c>
      <c r="L15684" t="s">
        <v>82</v>
      </c>
      <c r="M15684" t="s">
        <v>89</v>
      </c>
      <c r="N15684" t="s">
        <v>90</v>
      </c>
      <c r="O15684" t="s">
        <v>85</v>
      </c>
      <c r="P15684" t="s">
        <v>86</v>
      </c>
      <c r="Q15684">
        <v>25</v>
      </c>
      <c r="R15684">
        <v>26</v>
      </c>
      <c r="S15684">
        <v>26</v>
      </c>
      <c r="T15684">
        <v>26</v>
      </c>
      <c r="U15684">
        <v>27</v>
      </c>
      <c r="V15684">
        <v>27</v>
      </c>
      <c r="W15684">
        <v>27</v>
      </c>
      <c r="X15684">
        <v>27</v>
      </c>
      <c r="Y15684">
        <v>28</v>
      </c>
      <c r="Z15684">
        <v>28</v>
      </c>
      <c r="AA15684">
        <v>28</v>
      </c>
      <c r="AB15684">
        <v>28</v>
      </c>
      <c r="AC15684">
        <v>28</v>
      </c>
      <c r="AD15684">
        <v>28</v>
      </c>
      <c r="AE15684">
        <v>28</v>
      </c>
      <c r="AF15684">
        <v>28</v>
      </c>
      <c r="AG15684">
        <v>28</v>
      </c>
      <c r="AH15684">
        <v>28</v>
      </c>
      <c r="AI15684">
        <v>28</v>
      </c>
      <c r="AJ15684">
        <v>27</v>
      </c>
      <c r="AK15684">
        <v>27</v>
      </c>
      <c r="AL15684">
        <v>27</v>
      </c>
      <c r="AM15684">
        <v>27</v>
      </c>
      <c r="AN15684">
        <v>26</v>
      </c>
      <c r="AO15684">
        <v>26</v>
      </c>
      <c r="AP15684">
        <v>26</v>
      </c>
      <c r="AQ15684">
        <v>26</v>
      </c>
    </row>
    <row r="15685" spans="1:43">
      <c r="A15685" t="s">
        <v>9742</v>
      </c>
      <c r="B15685" t="s">
        <v>9743</v>
      </c>
      <c r="C15685" t="s">
        <v>9558</v>
      </c>
      <c r="D15685" t="s">
        <v>9559</v>
      </c>
      <c r="E15685" t="s">
        <v>9544</v>
      </c>
      <c r="F15685" t="s">
        <v>9545</v>
      </c>
      <c r="G15685" t="s">
        <v>80</v>
      </c>
      <c r="H15685" t="s">
        <v>81</v>
      </c>
      <c r="I15685" s="2">
        <v>0</v>
      </c>
      <c r="J15685" s="2">
        <v>1</v>
      </c>
      <c r="K15685" s="2">
        <v>0</v>
      </c>
      <c r="L15685" t="s">
        <v>82</v>
      </c>
      <c r="M15685" t="s">
        <v>83</v>
      </c>
      <c r="N15685" t="s">
        <v>91</v>
      </c>
      <c r="O15685" t="s">
        <v>85</v>
      </c>
      <c r="P15685" t="s">
        <v>86</v>
      </c>
      <c r="Q15685">
        <v>25</v>
      </c>
      <c r="R15685">
        <v>25</v>
      </c>
      <c r="S15685">
        <v>25</v>
      </c>
      <c r="T15685">
        <v>25</v>
      </c>
      <c r="U15685">
        <v>26</v>
      </c>
      <c r="V15685">
        <v>26</v>
      </c>
      <c r="W15685">
        <v>26</v>
      </c>
      <c r="X15685">
        <v>26</v>
      </c>
      <c r="Y15685">
        <v>26</v>
      </c>
      <c r="Z15685">
        <v>26</v>
      </c>
      <c r="AA15685">
        <v>26</v>
      </c>
      <c r="AB15685">
        <v>26</v>
      </c>
      <c r="AC15685">
        <v>26</v>
      </c>
      <c r="AD15685">
        <v>27</v>
      </c>
      <c r="AE15685">
        <v>27</v>
      </c>
      <c r="AF15685">
        <v>27</v>
      </c>
      <c r="AG15685">
        <v>27</v>
      </c>
      <c r="AH15685">
        <v>27</v>
      </c>
      <c r="AI15685">
        <v>27</v>
      </c>
      <c r="AJ15685">
        <v>27</v>
      </c>
      <c r="AK15685">
        <v>27</v>
      </c>
      <c r="AL15685">
        <v>27</v>
      </c>
      <c r="AM15685">
        <v>27</v>
      </c>
      <c r="AN15685">
        <v>26</v>
      </c>
      <c r="AO15685">
        <v>26</v>
      </c>
      <c r="AP15685">
        <v>26</v>
      </c>
      <c r="AQ15685">
        <v>26</v>
      </c>
    </row>
    <row r="15686" spans="1:43">
      <c r="A15686" t="s">
        <v>9744</v>
      </c>
      <c r="B15686" t="s">
        <v>9745</v>
      </c>
      <c r="C15686" t="s">
        <v>9640</v>
      </c>
      <c r="D15686" t="s">
        <v>9641</v>
      </c>
      <c r="E15686" t="s">
        <v>9544</v>
      </c>
      <c r="F15686" t="s">
        <v>9545</v>
      </c>
      <c r="G15686" t="s">
        <v>80</v>
      </c>
      <c r="H15686" t="s">
        <v>81</v>
      </c>
      <c r="I15686" s="2">
        <v>0</v>
      </c>
      <c r="J15686" s="2">
        <v>1</v>
      </c>
      <c r="K15686" s="2">
        <v>0</v>
      </c>
      <c r="L15686" t="s">
        <v>82</v>
      </c>
      <c r="M15686" t="s">
        <v>83</v>
      </c>
      <c r="N15686" t="s">
        <v>84</v>
      </c>
      <c r="O15686" t="s">
        <v>85</v>
      </c>
      <c r="P15686" t="s">
        <v>86</v>
      </c>
      <c r="Q15686">
        <v>176</v>
      </c>
      <c r="R15686">
        <v>178</v>
      </c>
      <c r="S15686">
        <v>179</v>
      </c>
      <c r="T15686">
        <v>181</v>
      </c>
      <c r="U15686">
        <v>182</v>
      </c>
      <c r="V15686">
        <v>183</v>
      </c>
      <c r="W15686">
        <v>185</v>
      </c>
      <c r="X15686">
        <v>186</v>
      </c>
      <c r="Y15686">
        <v>188</v>
      </c>
      <c r="Z15686">
        <v>189</v>
      </c>
      <c r="AA15686">
        <v>190</v>
      </c>
      <c r="AB15686">
        <v>191</v>
      </c>
      <c r="AC15686">
        <v>192</v>
      </c>
      <c r="AD15686">
        <v>193</v>
      </c>
      <c r="AE15686">
        <v>194</v>
      </c>
      <c r="AF15686">
        <v>195</v>
      </c>
      <c r="AG15686">
        <v>196</v>
      </c>
      <c r="AH15686">
        <v>197</v>
      </c>
      <c r="AI15686">
        <v>198</v>
      </c>
      <c r="AJ15686">
        <v>199</v>
      </c>
      <c r="AK15686">
        <v>200</v>
      </c>
      <c r="AL15686">
        <v>200</v>
      </c>
      <c r="AM15686">
        <v>199</v>
      </c>
      <c r="AN15686">
        <v>199</v>
      </c>
      <c r="AO15686">
        <v>198</v>
      </c>
      <c r="AP15686">
        <v>197</v>
      </c>
      <c r="AQ15686">
        <v>197</v>
      </c>
    </row>
    <row r="15687" spans="1:43">
      <c r="A15687" t="s">
        <v>9744</v>
      </c>
      <c r="B15687" t="s">
        <v>9745</v>
      </c>
      <c r="C15687" t="s">
        <v>9640</v>
      </c>
      <c r="D15687" t="s">
        <v>9641</v>
      </c>
      <c r="E15687" t="s">
        <v>9544</v>
      </c>
      <c r="F15687" t="s">
        <v>9545</v>
      </c>
      <c r="G15687" t="s">
        <v>80</v>
      </c>
      <c r="H15687" t="s">
        <v>81</v>
      </c>
      <c r="I15687" s="2">
        <v>0</v>
      </c>
      <c r="J15687" s="2">
        <v>1</v>
      </c>
      <c r="K15687" s="2">
        <v>0</v>
      </c>
      <c r="L15687" t="s">
        <v>82</v>
      </c>
      <c r="M15687" t="s">
        <v>87</v>
      </c>
      <c r="N15687" t="s">
        <v>88</v>
      </c>
      <c r="O15687" t="s">
        <v>85</v>
      </c>
      <c r="P15687" t="s">
        <v>86</v>
      </c>
      <c r="Q15687">
        <v>176</v>
      </c>
      <c r="R15687">
        <v>176</v>
      </c>
      <c r="S15687">
        <v>176</v>
      </c>
      <c r="T15687">
        <v>176</v>
      </c>
      <c r="U15687">
        <v>176</v>
      </c>
      <c r="V15687">
        <v>176</v>
      </c>
      <c r="W15687">
        <v>176</v>
      </c>
      <c r="X15687">
        <v>176</v>
      </c>
      <c r="Y15687">
        <v>175</v>
      </c>
      <c r="Z15687">
        <v>175</v>
      </c>
      <c r="AA15687">
        <v>175</v>
      </c>
      <c r="AB15687">
        <v>175</v>
      </c>
      <c r="AC15687">
        <v>175</v>
      </c>
      <c r="AD15687">
        <v>175</v>
      </c>
      <c r="AE15687">
        <v>174</v>
      </c>
      <c r="AF15687">
        <v>174</v>
      </c>
      <c r="AG15687">
        <v>174</v>
      </c>
      <c r="AH15687">
        <v>174</v>
      </c>
      <c r="AI15687">
        <v>173</v>
      </c>
      <c r="AJ15687">
        <v>173</v>
      </c>
      <c r="AK15687">
        <v>173</v>
      </c>
      <c r="AL15687">
        <v>173</v>
      </c>
      <c r="AM15687">
        <v>172</v>
      </c>
      <c r="AN15687">
        <v>172</v>
      </c>
      <c r="AO15687">
        <v>172</v>
      </c>
      <c r="AP15687">
        <v>172</v>
      </c>
      <c r="AQ15687">
        <v>171</v>
      </c>
    </row>
    <row r="15688" spans="1:43">
      <c r="A15688" t="s">
        <v>9744</v>
      </c>
      <c r="B15688" t="s">
        <v>9745</v>
      </c>
      <c r="C15688" t="s">
        <v>9640</v>
      </c>
      <c r="D15688" t="s">
        <v>9641</v>
      </c>
      <c r="E15688" t="s">
        <v>9544</v>
      </c>
      <c r="F15688" t="s">
        <v>9545</v>
      </c>
      <c r="G15688" t="s">
        <v>80</v>
      </c>
      <c r="H15688" t="s">
        <v>81</v>
      </c>
      <c r="I15688" s="2">
        <v>0</v>
      </c>
      <c r="J15688" s="2">
        <v>1</v>
      </c>
      <c r="K15688" s="2">
        <v>0</v>
      </c>
      <c r="L15688" t="s">
        <v>82</v>
      </c>
      <c r="M15688" t="s">
        <v>89</v>
      </c>
      <c r="N15688" t="s">
        <v>90</v>
      </c>
      <c r="O15688" t="s">
        <v>85</v>
      </c>
      <c r="P15688" t="s">
        <v>86</v>
      </c>
      <c r="Q15688">
        <v>176</v>
      </c>
      <c r="R15688">
        <v>179</v>
      </c>
      <c r="S15688">
        <v>182</v>
      </c>
      <c r="T15688">
        <v>184</v>
      </c>
      <c r="U15688">
        <v>187</v>
      </c>
      <c r="V15688">
        <v>190</v>
      </c>
      <c r="W15688">
        <v>192</v>
      </c>
      <c r="X15688">
        <v>195</v>
      </c>
      <c r="Y15688">
        <v>197</v>
      </c>
      <c r="Z15688">
        <v>199</v>
      </c>
      <c r="AA15688">
        <v>200</v>
      </c>
      <c r="AB15688">
        <v>202</v>
      </c>
      <c r="AC15688">
        <v>204</v>
      </c>
      <c r="AD15688">
        <v>206</v>
      </c>
      <c r="AE15688">
        <v>206</v>
      </c>
      <c r="AF15688">
        <v>206</v>
      </c>
      <c r="AG15688">
        <v>205</v>
      </c>
      <c r="AH15688">
        <v>204</v>
      </c>
      <c r="AI15688">
        <v>204</v>
      </c>
      <c r="AJ15688">
        <v>203</v>
      </c>
      <c r="AK15688">
        <v>202</v>
      </c>
      <c r="AL15688">
        <v>201</v>
      </c>
      <c r="AM15688">
        <v>201</v>
      </c>
      <c r="AN15688">
        <v>200</v>
      </c>
      <c r="AO15688">
        <v>199</v>
      </c>
      <c r="AP15688">
        <v>199</v>
      </c>
      <c r="AQ15688">
        <v>198</v>
      </c>
    </row>
    <row r="15689" spans="1:43">
      <c r="A15689" t="s">
        <v>9744</v>
      </c>
      <c r="B15689" t="s">
        <v>9745</v>
      </c>
      <c r="C15689" t="s">
        <v>9640</v>
      </c>
      <c r="D15689" t="s">
        <v>9641</v>
      </c>
      <c r="E15689" t="s">
        <v>9544</v>
      </c>
      <c r="F15689" t="s">
        <v>9545</v>
      </c>
      <c r="G15689" t="s">
        <v>80</v>
      </c>
      <c r="H15689" t="s">
        <v>81</v>
      </c>
      <c r="I15689" s="2">
        <v>0</v>
      </c>
      <c r="J15689" s="2">
        <v>1</v>
      </c>
      <c r="K15689" s="2">
        <v>0</v>
      </c>
      <c r="L15689" t="s">
        <v>82</v>
      </c>
      <c r="M15689" t="s">
        <v>83</v>
      </c>
      <c r="N15689" t="s">
        <v>91</v>
      </c>
      <c r="O15689" t="s">
        <v>85</v>
      </c>
      <c r="P15689" t="s">
        <v>86</v>
      </c>
      <c r="Q15689">
        <v>176</v>
      </c>
      <c r="R15689">
        <v>178</v>
      </c>
      <c r="S15689">
        <v>179</v>
      </c>
      <c r="T15689">
        <v>181</v>
      </c>
      <c r="U15689">
        <v>182</v>
      </c>
      <c r="V15689">
        <v>183</v>
      </c>
      <c r="W15689">
        <v>185</v>
      </c>
      <c r="X15689">
        <v>186</v>
      </c>
      <c r="Y15689">
        <v>188</v>
      </c>
      <c r="Z15689">
        <v>189</v>
      </c>
      <c r="AA15689">
        <v>190</v>
      </c>
      <c r="AB15689">
        <v>191</v>
      </c>
      <c r="AC15689">
        <v>192</v>
      </c>
      <c r="AD15689">
        <v>193</v>
      </c>
      <c r="AE15689">
        <v>194</v>
      </c>
      <c r="AF15689">
        <v>195</v>
      </c>
      <c r="AG15689">
        <v>196</v>
      </c>
      <c r="AH15689">
        <v>197</v>
      </c>
      <c r="AI15689">
        <v>198</v>
      </c>
      <c r="AJ15689">
        <v>199</v>
      </c>
      <c r="AK15689">
        <v>200</v>
      </c>
      <c r="AL15689">
        <v>200</v>
      </c>
      <c r="AM15689">
        <v>199</v>
      </c>
      <c r="AN15689">
        <v>199</v>
      </c>
      <c r="AO15689">
        <v>198</v>
      </c>
      <c r="AP15689">
        <v>197</v>
      </c>
      <c r="AQ15689">
        <v>197</v>
      </c>
    </row>
    <row r="15690" spans="1:43">
      <c r="A15690" t="s">
        <v>9746</v>
      </c>
      <c r="B15690" t="s">
        <v>9747</v>
      </c>
      <c r="C15690" t="s">
        <v>9704</v>
      </c>
      <c r="D15690" t="s">
        <v>9705</v>
      </c>
      <c r="E15690" t="s">
        <v>9544</v>
      </c>
      <c r="F15690" t="s">
        <v>9545</v>
      </c>
      <c r="G15690" t="s">
        <v>80</v>
      </c>
      <c r="H15690" t="s">
        <v>81</v>
      </c>
      <c r="I15690" s="2">
        <v>0</v>
      </c>
      <c r="J15690" s="2">
        <v>1</v>
      </c>
      <c r="K15690" s="2">
        <v>0</v>
      </c>
      <c r="L15690" t="s">
        <v>82</v>
      </c>
      <c r="M15690" t="s">
        <v>83</v>
      </c>
      <c r="N15690" t="s">
        <v>84</v>
      </c>
      <c r="O15690" t="s">
        <v>85</v>
      </c>
      <c r="P15690" t="s">
        <v>86</v>
      </c>
      <c r="Q15690">
        <v>81</v>
      </c>
      <c r="R15690">
        <v>82</v>
      </c>
      <c r="S15690">
        <v>82</v>
      </c>
      <c r="T15690">
        <v>83</v>
      </c>
      <c r="U15690">
        <v>84</v>
      </c>
      <c r="V15690">
        <v>84</v>
      </c>
      <c r="W15690">
        <v>85</v>
      </c>
      <c r="X15690">
        <v>86</v>
      </c>
      <c r="Y15690">
        <v>86</v>
      </c>
      <c r="Z15690">
        <v>87</v>
      </c>
      <c r="AA15690">
        <v>87</v>
      </c>
      <c r="AB15690">
        <v>88</v>
      </c>
      <c r="AC15690">
        <v>88</v>
      </c>
      <c r="AD15690">
        <v>89</v>
      </c>
      <c r="AE15690">
        <v>89</v>
      </c>
      <c r="AF15690">
        <v>90</v>
      </c>
      <c r="AG15690">
        <v>90</v>
      </c>
      <c r="AH15690">
        <v>91</v>
      </c>
      <c r="AI15690">
        <v>91</v>
      </c>
      <c r="AJ15690">
        <v>92</v>
      </c>
      <c r="AK15690">
        <v>92</v>
      </c>
      <c r="AL15690">
        <v>92</v>
      </c>
      <c r="AM15690">
        <v>92</v>
      </c>
      <c r="AN15690">
        <v>91</v>
      </c>
      <c r="AO15690">
        <v>91</v>
      </c>
      <c r="AP15690">
        <v>91</v>
      </c>
      <c r="AQ15690">
        <v>90</v>
      </c>
    </row>
    <row r="15691" spans="1:43">
      <c r="A15691" t="s">
        <v>9746</v>
      </c>
      <c r="B15691" t="s">
        <v>9747</v>
      </c>
      <c r="C15691" t="s">
        <v>9704</v>
      </c>
      <c r="D15691" t="s">
        <v>9705</v>
      </c>
      <c r="E15691" t="s">
        <v>9544</v>
      </c>
      <c r="F15691" t="s">
        <v>9545</v>
      </c>
      <c r="G15691" t="s">
        <v>80</v>
      </c>
      <c r="H15691" t="s">
        <v>81</v>
      </c>
      <c r="I15691" s="2">
        <v>0</v>
      </c>
      <c r="J15691" s="2">
        <v>1</v>
      </c>
      <c r="K15691" s="2">
        <v>0</v>
      </c>
      <c r="L15691" t="s">
        <v>82</v>
      </c>
      <c r="M15691" t="s">
        <v>87</v>
      </c>
      <c r="N15691" t="s">
        <v>88</v>
      </c>
      <c r="O15691" t="s">
        <v>85</v>
      </c>
      <c r="P15691" t="s">
        <v>86</v>
      </c>
      <c r="Q15691">
        <v>81</v>
      </c>
      <c r="R15691">
        <v>81</v>
      </c>
      <c r="S15691">
        <v>81</v>
      </c>
      <c r="T15691">
        <v>81</v>
      </c>
      <c r="U15691">
        <v>81</v>
      </c>
      <c r="V15691">
        <v>81</v>
      </c>
      <c r="W15691">
        <v>81</v>
      </c>
      <c r="X15691">
        <v>81</v>
      </c>
      <c r="Y15691">
        <v>81</v>
      </c>
      <c r="Z15691">
        <v>81</v>
      </c>
      <c r="AA15691">
        <v>80</v>
      </c>
      <c r="AB15691">
        <v>80</v>
      </c>
      <c r="AC15691">
        <v>80</v>
      </c>
      <c r="AD15691">
        <v>80</v>
      </c>
      <c r="AE15691">
        <v>80</v>
      </c>
      <c r="AF15691">
        <v>80</v>
      </c>
      <c r="AG15691">
        <v>80</v>
      </c>
      <c r="AH15691">
        <v>80</v>
      </c>
      <c r="AI15691">
        <v>80</v>
      </c>
      <c r="AJ15691">
        <v>80</v>
      </c>
      <c r="AK15691">
        <v>80</v>
      </c>
      <c r="AL15691">
        <v>79</v>
      </c>
      <c r="AM15691">
        <v>79</v>
      </c>
      <c r="AN15691">
        <v>79</v>
      </c>
      <c r="AO15691">
        <v>79</v>
      </c>
      <c r="AP15691">
        <v>79</v>
      </c>
      <c r="AQ15691">
        <v>79</v>
      </c>
    </row>
    <row r="15692" spans="1:43">
      <c r="A15692" t="s">
        <v>9746</v>
      </c>
      <c r="B15692" t="s">
        <v>9747</v>
      </c>
      <c r="C15692" t="s">
        <v>9704</v>
      </c>
      <c r="D15692" t="s">
        <v>9705</v>
      </c>
      <c r="E15692" t="s">
        <v>9544</v>
      </c>
      <c r="F15692" t="s">
        <v>9545</v>
      </c>
      <c r="G15692" t="s">
        <v>80</v>
      </c>
      <c r="H15692" t="s">
        <v>81</v>
      </c>
      <c r="I15692" s="2">
        <v>0</v>
      </c>
      <c r="J15692" s="2">
        <v>1</v>
      </c>
      <c r="K15692" s="2">
        <v>0</v>
      </c>
      <c r="L15692" t="s">
        <v>82</v>
      </c>
      <c r="M15692" t="s">
        <v>89</v>
      </c>
      <c r="N15692" t="s">
        <v>90</v>
      </c>
      <c r="O15692" t="s">
        <v>85</v>
      </c>
      <c r="P15692" t="s">
        <v>86</v>
      </c>
      <c r="Q15692">
        <v>81</v>
      </c>
      <c r="R15692">
        <v>82</v>
      </c>
      <c r="S15692">
        <v>83</v>
      </c>
      <c r="T15692">
        <v>85</v>
      </c>
      <c r="U15692">
        <v>86</v>
      </c>
      <c r="V15692">
        <v>87</v>
      </c>
      <c r="W15692">
        <v>88</v>
      </c>
      <c r="X15692">
        <v>89</v>
      </c>
      <c r="Y15692">
        <v>90</v>
      </c>
      <c r="Z15692">
        <v>91</v>
      </c>
      <c r="AA15692">
        <v>92</v>
      </c>
      <c r="AB15692">
        <v>93</v>
      </c>
      <c r="AC15692">
        <v>94</v>
      </c>
      <c r="AD15692">
        <v>94</v>
      </c>
      <c r="AE15692">
        <v>95</v>
      </c>
      <c r="AF15692">
        <v>94</v>
      </c>
      <c r="AG15692">
        <v>94</v>
      </c>
      <c r="AH15692">
        <v>94</v>
      </c>
      <c r="AI15692">
        <v>93</v>
      </c>
      <c r="AJ15692">
        <v>93</v>
      </c>
      <c r="AK15692">
        <v>93</v>
      </c>
      <c r="AL15692">
        <v>93</v>
      </c>
      <c r="AM15692">
        <v>92</v>
      </c>
      <c r="AN15692">
        <v>92</v>
      </c>
      <c r="AO15692">
        <v>92</v>
      </c>
      <c r="AP15692">
        <v>91</v>
      </c>
      <c r="AQ15692">
        <v>91</v>
      </c>
    </row>
    <row r="15693" spans="1:43">
      <c r="A15693" t="s">
        <v>9746</v>
      </c>
      <c r="B15693" t="s">
        <v>9747</v>
      </c>
      <c r="C15693" t="s">
        <v>9704</v>
      </c>
      <c r="D15693" t="s">
        <v>9705</v>
      </c>
      <c r="E15693" t="s">
        <v>9544</v>
      </c>
      <c r="F15693" t="s">
        <v>9545</v>
      </c>
      <c r="G15693" t="s">
        <v>80</v>
      </c>
      <c r="H15693" t="s">
        <v>81</v>
      </c>
      <c r="I15693" s="2">
        <v>0</v>
      </c>
      <c r="J15693" s="2">
        <v>1</v>
      </c>
      <c r="K15693" s="2">
        <v>0</v>
      </c>
      <c r="L15693" t="s">
        <v>82</v>
      </c>
      <c r="M15693" t="s">
        <v>83</v>
      </c>
      <c r="N15693" t="s">
        <v>91</v>
      </c>
      <c r="O15693" t="s">
        <v>85</v>
      </c>
      <c r="P15693" t="s">
        <v>86</v>
      </c>
      <c r="Q15693">
        <v>81</v>
      </c>
      <c r="R15693">
        <v>82</v>
      </c>
      <c r="S15693">
        <v>82</v>
      </c>
      <c r="T15693">
        <v>83</v>
      </c>
      <c r="U15693">
        <v>84</v>
      </c>
      <c r="V15693">
        <v>84</v>
      </c>
      <c r="W15693">
        <v>85</v>
      </c>
      <c r="X15693">
        <v>86</v>
      </c>
      <c r="Y15693">
        <v>86</v>
      </c>
      <c r="Z15693">
        <v>87</v>
      </c>
      <c r="AA15693">
        <v>87</v>
      </c>
      <c r="AB15693">
        <v>88</v>
      </c>
      <c r="AC15693">
        <v>88</v>
      </c>
      <c r="AD15693">
        <v>89</v>
      </c>
      <c r="AE15693">
        <v>89</v>
      </c>
      <c r="AF15693">
        <v>90</v>
      </c>
      <c r="AG15693">
        <v>90</v>
      </c>
      <c r="AH15693">
        <v>91</v>
      </c>
      <c r="AI15693">
        <v>91</v>
      </c>
      <c r="AJ15693">
        <v>92</v>
      </c>
      <c r="AK15693">
        <v>92</v>
      </c>
      <c r="AL15693">
        <v>92</v>
      </c>
      <c r="AM15693">
        <v>92</v>
      </c>
      <c r="AN15693">
        <v>91</v>
      </c>
      <c r="AO15693">
        <v>91</v>
      </c>
      <c r="AP15693">
        <v>91</v>
      </c>
      <c r="AQ15693">
        <v>90</v>
      </c>
    </row>
    <row r="15694" spans="1:43">
      <c r="A15694" t="s">
        <v>9748</v>
      </c>
      <c r="B15694" t="s">
        <v>9749</v>
      </c>
      <c r="C15694" t="s">
        <v>9750</v>
      </c>
      <c r="D15694" t="s">
        <v>9751</v>
      </c>
      <c r="E15694" t="s">
        <v>9544</v>
      </c>
      <c r="F15694" t="s">
        <v>9545</v>
      </c>
      <c r="G15694" t="s">
        <v>80</v>
      </c>
      <c r="H15694" t="s">
        <v>81</v>
      </c>
      <c r="I15694" s="2">
        <v>0</v>
      </c>
      <c r="J15694" s="2">
        <v>1</v>
      </c>
      <c r="K15694" s="2">
        <v>0</v>
      </c>
      <c r="L15694" t="s">
        <v>82</v>
      </c>
      <c r="M15694" t="s">
        <v>83</v>
      </c>
      <c r="N15694" t="s">
        <v>84</v>
      </c>
      <c r="O15694" t="s">
        <v>85</v>
      </c>
      <c r="P15694" t="s">
        <v>86</v>
      </c>
      <c r="Q15694">
        <v>25</v>
      </c>
      <c r="R15694">
        <v>25</v>
      </c>
      <c r="S15694">
        <v>26</v>
      </c>
      <c r="T15694">
        <v>26</v>
      </c>
      <c r="U15694">
        <v>26</v>
      </c>
      <c r="V15694">
        <v>26</v>
      </c>
      <c r="W15694">
        <v>26</v>
      </c>
      <c r="X15694">
        <v>27</v>
      </c>
      <c r="Y15694">
        <v>27</v>
      </c>
      <c r="Z15694">
        <v>27</v>
      </c>
      <c r="AA15694">
        <v>27</v>
      </c>
      <c r="AB15694">
        <v>27</v>
      </c>
      <c r="AC15694">
        <v>27</v>
      </c>
      <c r="AD15694">
        <v>28</v>
      </c>
      <c r="AE15694">
        <v>28</v>
      </c>
      <c r="AF15694">
        <v>28</v>
      </c>
      <c r="AG15694">
        <v>28</v>
      </c>
      <c r="AH15694">
        <v>28</v>
      </c>
      <c r="AI15694">
        <v>28</v>
      </c>
      <c r="AJ15694">
        <v>28</v>
      </c>
      <c r="AK15694">
        <v>29</v>
      </c>
      <c r="AL15694">
        <v>29</v>
      </c>
      <c r="AM15694">
        <v>28</v>
      </c>
      <c r="AN15694">
        <v>28</v>
      </c>
      <c r="AO15694">
        <v>28</v>
      </c>
      <c r="AP15694">
        <v>28</v>
      </c>
      <c r="AQ15694">
        <v>28</v>
      </c>
    </row>
    <row r="15695" spans="1:43">
      <c r="A15695" t="s">
        <v>9748</v>
      </c>
      <c r="B15695" t="s">
        <v>9749</v>
      </c>
      <c r="C15695" t="s">
        <v>9750</v>
      </c>
      <c r="D15695" t="s">
        <v>9751</v>
      </c>
      <c r="E15695" t="s">
        <v>9544</v>
      </c>
      <c r="F15695" t="s">
        <v>9545</v>
      </c>
      <c r="G15695" t="s">
        <v>80</v>
      </c>
      <c r="H15695" t="s">
        <v>81</v>
      </c>
      <c r="I15695" s="2">
        <v>0</v>
      </c>
      <c r="J15695" s="2">
        <v>1</v>
      </c>
      <c r="K15695" s="2">
        <v>0</v>
      </c>
      <c r="L15695" t="s">
        <v>82</v>
      </c>
      <c r="M15695" t="s">
        <v>87</v>
      </c>
      <c r="N15695" t="s">
        <v>88</v>
      </c>
      <c r="O15695" t="s">
        <v>85</v>
      </c>
      <c r="P15695" t="s">
        <v>86</v>
      </c>
      <c r="Q15695">
        <v>25</v>
      </c>
      <c r="R15695">
        <v>25</v>
      </c>
      <c r="S15695">
        <v>25</v>
      </c>
      <c r="T15695">
        <v>25</v>
      </c>
      <c r="U15695">
        <v>25</v>
      </c>
      <c r="V15695">
        <v>25</v>
      </c>
      <c r="W15695">
        <v>25</v>
      </c>
      <c r="X15695">
        <v>25</v>
      </c>
      <c r="Y15695">
        <v>25</v>
      </c>
      <c r="Z15695">
        <v>25</v>
      </c>
      <c r="AA15695">
        <v>25</v>
      </c>
      <c r="AB15695">
        <v>25</v>
      </c>
      <c r="AC15695">
        <v>25</v>
      </c>
      <c r="AD15695">
        <v>25</v>
      </c>
      <c r="AE15695">
        <v>25</v>
      </c>
      <c r="AF15695">
        <v>25</v>
      </c>
      <c r="AG15695">
        <v>25</v>
      </c>
      <c r="AH15695">
        <v>25</v>
      </c>
      <c r="AI15695">
        <v>24</v>
      </c>
      <c r="AJ15695">
        <v>24</v>
      </c>
      <c r="AK15695">
        <v>24</v>
      </c>
      <c r="AL15695">
        <v>24</v>
      </c>
      <c r="AM15695">
        <v>24</v>
      </c>
      <c r="AN15695">
        <v>24</v>
      </c>
      <c r="AO15695">
        <v>24</v>
      </c>
      <c r="AP15695">
        <v>24</v>
      </c>
      <c r="AQ15695">
        <v>24</v>
      </c>
    </row>
    <row r="15696" spans="1:43">
      <c r="A15696" t="s">
        <v>9748</v>
      </c>
      <c r="B15696" t="s">
        <v>9749</v>
      </c>
      <c r="C15696" t="s">
        <v>9750</v>
      </c>
      <c r="D15696" t="s">
        <v>9751</v>
      </c>
      <c r="E15696" t="s">
        <v>9544</v>
      </c>
      <c r="F15696" t="s">
        <v>9545</v>
      </c>
      <c r="G15696" t="s">
        <v>80</v>
      </c>
      <c r="H15696" t="s">
        <v>81</v>
      </c>
      <c r="I15696" s="2">
        <v>0</v>
      </c>
      <c r="J15696" s="2">
        <v>1</v>
      </c>
      <c r="K15696" s="2">
        <v>0</v>
      </c>
      <c r="L15696" t="s">
        <v>82</v>
      </c>
      <c r="M15696" t="s">
        <v>89</v>
      </c>
      <c r="N15696" t="s">
        <v>90</v>
      </c>
      <c r="O15696" t="s">
        <v>85</v>
      </c>
      <c r="P15696" t="s">
        <v>86</v>
      </c>
      <c r="Q15696">
        <v>25</v>
      </c>
      <c r="R15696">
        <v>26</v>
      </c>
      <c r="S15696">
        <v>26</v>
      </c>
      <c r="T15696">
        <v>27</v>
      </c>
      <c r="U15696">
        <v>27</v>
      </c>
      <c r="V15696">
        <v>27</v>
      </c>
      <c r="W15696">
        <v>28</v>
      </c>
      <c r="X15696">
        <v>28</v>
      </c>
      <c r="Y15696">
        <v>28</v>
      </c>
      <c r="Z15696">
        <v>29</v>
      </c>
      <c r="AA15696">
        <v>29</v>
      </c>
      <c r="AB15696">
        <v>29</v>
      </c>
      <c r="AC15696">
        <v>29</v>
      </c>
      <c r="AD15696">
        <v>30</v>
      </c>
      <c r="AE15696">
        <v>30</v>
      </c>
      <c r="AF15696">
        <v>30</v>
      </c>
      <c r="AG15696">
        <v>30</v>
      </c>
      <c r="AH15696">
        <v>29</v>
      </c>
      <c r="AI15696">
        <v>29</v>
      </c>
      <c r="AJ15696">
        <v>29</v>
      </c>
      <c r="AK15696">
        <v>29</v>
      </c>
      <c r="AL15696">
        <v>29</v>
      </c>
      <c r="AM15696">
        <v>29</v>
      </c>
      <c r="AN15696">
        <v>29</v>
      </c>
      <c r="AO15696">
        <v>29</v>
      </c>
      <c r="AP15696">
        <v>29</v>
      </c>
      <c r="AQ15696">
        <v>28</v>
      </c>
    </row>
    <row r="15697" spans="1:43">
      <c r="A15697" t="s">
        <v>9748</v>
      </c>
      <c r="B15697" t="s">
        <v>9749</v>
      </c>
      <c r="C15697" t="s">
        <v>9750</v>
      </c>
      <c r="D15697" t="s">
        <v>9751</v>
      </c>
      <c r="E15697" t="s">
        <v>9544</v>
      </c>
      <c r="F15697" t="s">
        <v>9545</v>
      </c>
      <c r="G15697" t="s">
        <v>80</v>
      </c>
      <c r="H15697" t="s">
        <v>81</v>
      </c>
      <c r="I15697" s="2">
        <v>0</v>
      </c>
      <c r="J15697" s="2">
        <v>1</v>
      </c>
      <c r="K15697" s="2">
        <v>0</v>
      </c>
      <c r="L15697" t="s">
        <v>82</v>
      </c>
      <c r="M15697" t="s">
        <v>83</v>
      </c>
      <c r="N15697" t="s">
        <v>91</v>
      </c>
      <c r="O15697" t="s">
        <v>85</v>
      </c>
      <c r="P15697" t="s">
        <v>86</v>
      </c>
      <c r="Q15697">
        <v>25</v>
      </c>
      <c r="R15697">
        <v>25</v>
      </c>
      <c r="S15697">
        <v>26</v>
      </c>
      <c r="T15697">
        <v>26</v>
      </c>
      <c r="U15697">
        <v>26</v>
      </c>
      <c r="V15697">
        <v>26</v>
      </c>
      <c r="W15697">
        <v>26</v>
      </c>
      <c r="X15697">
        <v>27</v>
      </c>
      <c r="Y15697">
        <v>27</v>
      </c>
      <c r="Z15697">
        <v>27</v>
      </c>
      <c r="AA15697">
        <v>27</v>
      </c>
      <c r="AB15697">
        <v>27</v>
      </c>
      <c r="AC15697">
        <v>27</v>
      </c>
      <c r="AD15697">
        <v>28</v>
      </c>
      <c r="AE15697">
        <v>28</v>
      </c>
      <c r="AF15697">
        <v>28</v>
      </c>
      <c r="AG15697">
        <v>28</v>
      </c>
      <c r="AH15697">
        <v>28</v>
      </c>
      <c r="AI15697">
        <v>28</v>
      </c>
      <c r="AJ15697">
        <v>28</v>
      </c>
      <c r="AK15697">
        <v>29</v>
      </c>
      <c r="AL15697">
        <v>29</v>
      </c>
      <c r="AM15697">
        <v>28</v>
      </c>
      <c r="AN15697">
        <v>28</v>
      </c>
      <c r="AO15697">
        <v>28</v>
      </c>
      <c r="AP15697">
        <v>28</v>
      </c>
      <c r="AQ15697">
        <v>28</v>
      </c>
    </row>
    <row r="15698" spans="1:43">
      <c r="A15698" t="s">
        <v>9752</v>
      </c>
      <c r="B15698" t="s">
        <v>9753</v>
      </c>
      <c r="C15698" t="s">
        <v>9754</v>
      </c>
      <c r="D15698" t="s">
        <v>9755</v>
      </c>
      <c r="E15698" t="s">
        <v>9544</v>
      </c>
      <c r="F15698" t="s">
        <v>9545</v>
      </c>
      <c r="G15698" t="s">
        <v>80</v>
      </c>
      <c r="H15698" t="s">
        <v>81</v>
      </c>
      <c r="I15698" s="2">
        <v>0</v>
      </c>
      <c r="J15698" s="2">
        <v>1</v>
      </c>
      <c r="K15698" s="2">
        <v>0</v>
      </c>
      <c r="L15698" t="s">
        <v>82</v>
      </c>
      <c r="M15698" t="s">
        <v>83</v>
      </c>
      <c r="N15698" t="s">
        <v>84</v>
      </c>
      <c r="O15698" t="s">
        <v>85</v>
      </c>
      <c r="P15698" t="s">
        <v>86</v>
      </c>
      <c r="Q15698">
        <v>49</v>
      </c>
      <c r="R15698">
        <v>50</v>
      </c>
      <c r="S15698">
        <v>50</v>
      </c>
      <c r="T15698">
        <v>50</v>
      </c>
      <c r="U15698">
        <v>51</v>
      </c>
      <c r="V15698">
        <v>51</v>
      </c>
      <c r="W15698">
        <v>52</v>
      </c>
      <c r="X15698">
        <v>52</v>
      </c>
      <c r="Y15698">
        <v>52</v>
      </c>
      <c r="Z15698">
        <v>53</v>
      </c>
      <c r="AA15698">
        <v>53</v>
      </c>
      <c r="AB15698">
        <v>53</v>
      </c>
      <c r="AC15698">
        <v>53</v>
      </c>
      <c r="AD15698">
        <v>54</v>
      </c>
      <c r="AE15698">
        <v>54</v>
      </c>
      <c r="AF15698">
        <v>54</v>
      </c>
      <c r="AG15698">
        <v>54</v>
      </c>
      <c r="AH15698">
        <v>55</v>
      </c>
      <c r="AI15698">
        <v>55</v>
      </c>
      <c r="AJ15698">
        <v>55</v>
      </c>
      <c r="AK15698">
        <v>55</v>
      </c>
      <c r="AL15698">
        <v>55</v>
      </c>
      <c r="AM15698">
        <v>55</v>
      </c>
      <c r="AN15698">
        <v>55</v>
      </c>
      <c r="AO15698">
        <v>54</v>
      </c>
      <c r="AP15698">
        <v>54</v>
      </c>
      <c r="AQ15698">
        <v>54</v>
      </c>
    </row>
    <row r="15699" spans="1:43">
      <c r="A15699" t="s">
        <v>9752</v>
      </c>
      <c r="B15699" t="s">
        <v>9753</v>
      </c>
      <c r="C15699" t="s">
        <v>9754</v>
      </c>
      <c r="D15699" t="s">
        <v>9755</v>
      </c>
      <c r="E15699" t="s">
        <v>9544</v>
      </c>
      <c r="F15699" t="s">
        <v>9545</v>
      </c>
      <c r="G15699" t="s">
        <v>80</v>
      </c>
      <c r="H15699" t="s">
        <v>81</v>
      </c>
      <c r="I15699" s="2">
        <v>0</v>
      </c>
      <c r="J15699" s="2">
        <v>1</v>
      </c>
      <c r="K15699" s="2">
        <v>0</v>
      </c>
      <c r="L15699" t="s">
        <v>82</v>
      </c>
      <c r="M15699" t="s">
        <v>87</v>
      </c>
      <c r="N15699" t="s">
        <v>88</v>
      </c>
      <c r="O15699" t="s">
        <v>85</v>
      </c>
      <c r="P15699" t="s">
        <v>86</v>
      </c>
      <c r="Q15699">
        <v>49</v>
      </c>
      <c r="R15699">
        <v>49</v>
      </c>
      <c r="S15699">
        <v>49</v>
      </c>
      <c r="T15699">
        <v>49</v>
      </c>
      <c r="U15699">
        <v>49</v>
      </c>
      <c r="V15699">
        <v>48</v>
      </c>
      <c r="W15699">
        <v>48</v>
      </c>
      <c r="X15699">
        <v>48</v>
      </c>
      <c r="Y15699">
        <v>48</v>
      </c>
      <c r="Z15699">
        <v>48</v>
      </c>
      <c r="AA15699">
        <v>48</v>
      </c>
      <c r="AB15699">
        <v>48</v>
      </c>
      <c r="AC15699">
        <v>48</v>
      </c>
      <c r="AD15699">
        <v>48</v>
      </c>
      <c r="AE15699">
        <v>48</v>
      </c>
      <c r="AF15699">
        <v>48</v>
      </c>
      <c r="AG15699">
        <v>48</v>
      </c>
      <c r="AH15699">
        <v>47</v>
      </c>
      <c r="AI15699">
        <v>47</v>
      </c>
      <c r="AJ15699">
        <v>47</v>
      </c>
      <c r="AK15699">
        <v>47</v>
      </c>
      <c r="AL15699">
        <v>47</v>
      </c>
      <c r="AM15699">
        <v>47</v>
      </c>
      <c r="AN15699">
        <v>47</v>
      </c>
      <c r="AO15699">
        <v>47</v>
      </c>
      <c r="AP15699">
        <v>47</v>
      </c>
      <c r="AQ15699">
        <v>47</v>
      </c>
    </row>
    <row r="15700" spans="1:43">
      <c r="A15700" t="s">
        <v>9752</v>
      </c>
      <c r="B15700" t="s">
        <v>9753</v>
      </c>
      <c r="C15700" t="s">
        <v>9754</v>
      </c>
      <c r="D15700" t="s">
        <v>9755</v>
      </c>
      <c r="E15700" t="s">
        <v>9544</v>
      </c>
      <c r="F15700" t="s">
        <v>9545</v>
      </c>
      <c r="G15700" t="s">
        <v>80</v>
      </c>
      <c r="H15700" t="s">
        <v>81</v>
      </c>
      <c r="I15700" s="2">
        <v>0</v>
      </c>
      <c r="J15700" s="2">
        <v>1</v>
      </c>
      <c r="K15700" s="2">
        <v>0</v>
      </c>
      <c r="L15700" t="s">
        <v>82</v>
      </c>
      <c r="M15700" t="s">
        <v>89</v>
      </c>
      <c r="N15700" t="s">
        <v>90</v>
      </c>
      <c r="O15700" t="s">
        <v>85</v>
      </c>
      <c r="P15700" t="s">
        <v>86</v>
      </c>
      <c r="Q15700">
        <v>49</v>
      </c>
      <c r="R15700">
        <v>50</v>
      </c>
      <c r="S15700">
        <v>50</v>
      </c>
      <c r="T15700">
        <v>51</v>
      </c>
      <c r="U15700">
        <v>52</v>
      </c>
      <c r="V15700">
        <v>53</v>
      </c>
      <c r="W15700">
        <v>53</v>
      </c>
      <c r="X15700">
        <v>54</v>
      </c>
      <c r="Y15700">
        <v>54</v>
      </c>
      <c r="Z15700">
        <v>55</v>
      </c>
      <c r="AA15700">
        <v>55</v>
      </c>
      <c r="AB15700">
        <v>56</v>
      </c>
      <c r="AC15700">
        <v>56</v>
      </c>
      <c r="AD15700">
        <v>57</v>
      </c>
      <c r="AE15700">
        <v>57</v>
      </c>
      <c r="AF15700">
        <v>57</v>
      </c>
      <c r="AG15700">
        <v>56</v>
      </c>
      <c r="AH15700">
        <v>56</v>
      </c>
      <c r="AI15700">
        <v>56</v>
      </c>
      <c r="AJ15700">
        <v>56</v>
      </c>
      <c r="AK15700">
        <v>55</v>
      </c>
      <c r="AL15700">
        <v>55</v>
      </c>
      <c r="AM15700">
        <v>55</v>
      </c>
      <c r="AN15700">
        <v>55</v>
      </c>
      <c r="AO15700">
        <v>54</v>
      </c>
      <c r="AP15700">
        <v>54</v>
      </c>
      <c r="AQ15700">
        <v>54</v>
      </c>
    </row>
    <row r="15701" spans="1:43">
      <c r="A15701" t="s">
        <v>9752</v>
      </c>
      <c r="B15701" t="s">
        <v>9753</v>
      </c>
      <c r="C15701" t="s">
        <v>9754</v>
      </c>
      <c r="D15701" t="s">
        <v>9755</v>
      </c>
      <c r="E15701" t="s">
        <v>9544</v>
      </c>
      <c r="F15701" t="s">
        <v>9545</v>
      </c>
      <c r="G15701" t="s">
        <v>80</v>
      </c>
      <c r="H15701" t="s">
        <v>81</v>
      </c>
      <c r="I15701" s="2">
        <v>0</v>
      </c>
      <c r="J15701" s="2">
        <v>1</v>
      </c>
      <c r="K15701" s="2">
        <v>0</v>
      </c>
      <c r="L15701" t="s">
        <v>82</v>
      </c>
      <c r="M15701" t="s">
        <v>83</v>
      </c>
      <c r="N15701" t="s">
        <v>91</v>
      </c>
      <c r="O15701" t="s">
        <v>85</v>
      </c>
      <c r="P15701" t="s">
        <v>86</v>
      </c>
      <c r="Q15701">
        <v>49</v>
      </c>
      <c r="R15701">
        <v>50</v>
      </c>
      <c r="S15701">
        <v>50</v>
      </c>
      <c r="T15701">
        <v>50</v>
      </c>
      <c r="U15701">
        <v>51</v>
      </c>
      <c r="V15701">
        <v>51</v>
      </c>
      <c r="W15701">
        <v>52</v>
      </c>
      <c r="X15701">
        <v>52</v>
      </c>
      <c r="Y15701">
        <v>52</v>
      </c>
      <c r="Z15701">
        <v>53</v>
      </c>
      <c r="AA15701">
        <v>53</v>
      </c>
      <c r="AB15701">
        <v>53</v>
      </c>
      <c r="AC15701">
        <v>53</v>
      </c>
      <c r="AD15701">
        <v>54</v>
      </c>
      <c r="AE15701">
        <v>54</v>
      </c>
      <c r="AF15701">
        <v>54</v>
      </c>
      <c r="AG15701">
        <v>54</v>
      </c>
      <c r="AH15701">
        <v>55</v>
      </c>
      <c r="AI15701">
        <v>55</v>
      </c>
      <c r="AJ15701">
        <v>55</v>
      </c>
      <c r="AK15701">
        <v>55</v>
      </c>
      <c r="AL15701">
        <v>55</v>
      </c>
      <c r="AM15701">
        <v>55</v>
      </c>
      <c r="AN15701">
        <v>55</v>
      </c>
      <c r="AO15701">
        <v>54</v>
      </c>
      <c r="AP15701">
        <v>54</v>
      </c>
      <c r="AQ15701">
        <v>54</v>
      </c>
    </row>
    <row r="15702" spans="1:43">
      <c r="A15702" t="s">
        <v>9756</v>
      </c>
      <c r="B15702" t="s">
        <v>9757</v>
      </c>
      <c r="C15702" t="s">
        <v>9558</v>
      </c>
      <c r="D15702" t="s">
        <v>9559</v>
      </c>
      <c r="E15702" t="s">
        <v>9544</v>
      </c>
      <c r="F15702" t="s">
        <v>9545</v>
      </c>
      <c r="G15702" t="s">
        <v>80</v>
      </c>
      <c r="H15702" t="s">
        <v>81</v>
      </c>
      <c r="I15702" s="2">
        <v>0</v>
      </c>
      <c r="J15702" s="2">
        <v>1</v>
      </c>
      <c r="K15702" s="2">
        <v>0</v>
      </c>
      <c r="L15702" t="s">
        <v>82</v>
      </c>
      <c r="M15702" t="s">
        <v>83</v>
      </c>
      <c r="N15702" t="s">
        <v>84</v>
      </c>
      <c r="O15702" t="s">
        <v>85</v>
      </c>
      <c r="P15702" t="s">
        <v>86</v>
      </c>
      <c r="Q15702">
        <v>31</v>
      </c>
      <c r="R15702">
        <v>31</v>
      </c>
      <c r="S15702">
        <v>31</v>
      </c>
      <c r="T15702">
        <v>31</v>
      </c>
      <c r="U15702">
        <v>32</v>
      </c>
      <c r="V15702">
        <v>32</v>
      </c>
      <c r="W15702">
        <v>32</v>
      </c>
      <c r="X15702">
        <v>32</v>
      </c>
      <c r="Y15702">
        <v>32</v>
      </c>
      <c r="Z15702">
        <v>32</v>
      </c>
      <c r="AA15702">
        <v>33</v>
      </c>
      <c r="AB15702">
        <v>33</v>
      </c>
      <c r="AC15702">
        <v>33</v>
      </c>
      <c r="AD15702">
        <v>33</v>
      </c>
      <c r="AE15702">
        <v>33</v>
      </c>
      <c r="AF15702">
        <v>33</v>
      </c>
      <c r="AG15702">
        <v>33</v>
      </c>
      <c r="AH15702">
        <v>33</v>
      </c>
      <c r="AI15702">
        <v>33</v>
      </c>
      <c r="AJ15702">
        <v>33</v>
      </c>
      <c r="AK15702">
        <v>33</v>
      </c>
      <c r="AL15702">
        <v>33</v>
      </c>
      <c r="AM15702">
        <v>33</v>
      </c>
      <c r="AN15702">
        <v>33</v>
      </c>
      <c r="AO15702">
        <v>33</v>
      </c>
      <c r="AP15702">
        <v>32</v>
      </c>
      <c r="AQ15702">
        <v>32</v>
      </c>
    </row>
    <row r="15703" spans="1:43">
      <c r="A15703" t="s">
        <v>9756</v>
      </c>
      <c r="B15703" t="s">
        <v>9757</v>
      </c>
      <c r="C15703" t="s">
        <v>9558</v>
      </c>
      <c r="D15703" t="s">
        <v>9559</v>
      </c>
      <c r="E15703" t="s">
        <v>9544</v>
      </c>
      <c r="F15703" t="s">
        <v>9545</v>
      </c>
      <c r="G15703" t="s">
        <v>80</v>
      </c>
      <c r="H15703" t="s">
        <v>81</v>
      </c>
      <c r="I15703" s="2">
        <v>0</v>
      </c>
      <c r="J15703" s="2">
        <v>1</v>
      </c>
      <c r="K15703" s="2">
        <v>0</v>
      </c>
      <c r="L15703" t="s">
        <v>82</v>
      </c>
      <c r="M15703" t="s">
        <v>87</v>
      </c>
      <c r="N15703" t="s">
        <v>88</v>
      </c>
      <c r="O15703" t="s">
        <v>85</v>
      </c>
      <c r="P15703" t="s">
        <v>86</v>
      </c>
      <c r="Q15703">
        <v>31</v>
      </c>
      <c r="R15703">
        <v>31</v>
      </c>
      <c r="S15703">
        <v>30</v>
      </c>
      <c r="T15703">
        <v>30</v>
      </c>
      <c r="U15703">
        <v>30</v>
      </c>
      <c r="V15703">
        <v>30</v>
      </c>
      <c r="W15703">
        <v>30</v>
      </c>
      <c r="X15703">
        <v>30</v>
      </c>
      <c r="Y15703">
        <v>30</v>
      </c>
      <c r="Z15703">
        <v>30</v>
      </c>
      <c r="AA15703">
        <v>30</v>
      </c>
      <c r="AB15703">
        <v>30</v>
      </c>
      <c r="AC15703">
        <v>29</v>
      </c>
      <c r="AD15703">
        <v>29</v>
      </c>
      <c r="AE15703">
        <v>29</v>
      </c>
      <c r="AF15703">
        <v>29</v>
      </c>
      <c r="AG15703">
        <v>29</v>
      </c>
      <c r="AH15703">
        <v>29</v>
      </c>
      <c r="AI15703">
        <v>29</v>
      </c>
      <c r="AJ15703">
        <v>29</v>
      </c>
      <c r="AK15703">
        <v>29</v>
      </c>
      <c r="AL15703">
        <v>28</v>
      </c>
      <c r="AM15703">
        <v>28</v>
      </c>
      <c r="AN15703">
        <v>28</v>
      </c>
      <c r="AO15703">
        <v>28</v>
      </c>
      <c r="AP15703">
        <v>28</v>
      </c>
      <c r="AQ15703">
        <v>28</v>
      </c>
    </row>
    <row r="15704" spans="1:43">
      <c r="A15704" t="s">
        <v>9756</v>
      </c>
      <c r="B15704" t="s">
        <v>9757</v>
      </c>
      <c r="C15704" t="s">
        <v>9558</v>
      </c>
      <c r="D15704" t="s">
        <v>9559</v>
      </c>
      <c r="E15704" t="s">
        <v>9544</v>
      </c>
      <c r="F15704" t="s">
        <v>9545</v>
      </c>
      <c r="G15704" t="s">
        <v>80</v>
      </c>
      <c r="H15704" t="s">
        <v>81</v>
      </c>
      <c r="I15704" s="2">
        <v>0</v>
      </c>
      <c r="J15704" s="2">
        <v>1</v>
      </c>
      <c r="K15704" s="2">
        <v>0</v>
      </c>
      <c r="L15704" t="s">
        <v>82</v>
      </c>
      <c r="M15704" t="s">
        <v>89</v>
      </c>
      <c r="N15704" t="s">
        <v>90</v>
      </c>
      <c r="O15704" t="s">
        <v>85</v>
      </c>
      <c r="P15704" t="s">
        <v>86</v>
      </c>
      <c r="Q15704">
        <v>31</v>
      </c>
      <c r="R15704">
        <v>32</v>
      </c>
      <c r="S15704">
        <v>32</v>
      </c>
      <c r="T15704">
        <v>33</v>
      </c>
      <c r="U15704">
        <v>33</v>
      </c>
      <c r="V15704">
        <v>33</v>
      </c>
      <c r="W15704">
        <v>34</v>
      </c>
      <c r="X15704">
        <v>34</v>
      </c>
      <c r="Y15704">
        <v>34</v>
      </c>
      <c r="Z15704">
        <v>34</v>
      </c>
      <c r="AA15704">
        <v>35</v>
      </c>
      <c r="AB15704">
        <v>35</v>
      </c>
      <c r="AC15704">
        <v>35</v>
      </c>
      <c r="AD15704">
        <v>35</v>
      </c>
      <c r="AE15704">
        <v>35</v>
      </c>
      <c r="AF15704">
        <v>35</v>
      </c>
      <c r="AG15704">
        <v>35</v>
      </c>
      <c r="AH15704">
        <v>35</v>
      </c>
      <c r="AI15704">
        <v>34</v>
      </c>
      <c r="AJ15704">
        <v>34</v>
      </c>
      <c r="AK15704">
        <v>34</v>
      </c>
      <c r="AL15704">
        <v>34</v>
      </c>
      <c r="AM15704">
        <v>33</v>
      </c>
      <c r="AN15704">
        <v>33</v>
      </c>
      <c r="AO15704">
        <v>33</v>
      </c>
      <c r="AP15704">
        <v>33</v>
      </c>
      <c r="AQ15704">
        <v>32</v>
      </c>
    </row>
    <row r="15705" spans="1:43">
      <c r="A15705" t="s">
        <v>9756</v>
      </c>
      <c r="B15705" t="s">
        <v>9757</v>
      </c>
      <c r="C15705" t="s">
        <v>9558</v>
      </c>
      <c r="D15705" t="s">
        <v>9559</v>
      </c>
      <c r="E15705" t="s">
        <v>9544</v>
      </c>
      <c r="F15705" t="s">
        <v>9545</v>
      </c>
      <c r="G15705" t="s">
        <v>80</v>
      </c>
      <c r="H15705" t="s">
        <v>81</v>
      </c>
      <c r="I15705" s="2">
        <v>0</v>
      </c>
      <c r="J15705" s="2">
        <v>1</v>
      </c>
      <c r="K15705" s="2">
        <v>0</v>
      </c>
      <c r="L15705" t="s">
        <v>82</v>
      </c>
      <c r="M15705" t="s">
        <v>83</v>
      </c>
      <c r="N15705" t="s">
        <v>91</v>
      </c>
      <c r="O15705" t="s">
        <v>85</v>
      </c>
      <c r="P15705" t="s">
        <v>86</v>
      </c>
      <c r="Q15705">
        <v>31</v>
      </c>
      <c r="R15705">
        <v>31</v>
      </c>
      <c r="S15705">
        <v>31</v>
      </c>
      <c r="T15705">
        <v>31</v>
      </c>
      <c r="U15705">
        <v>32</v>
      </c>
      <c r="V15705">
        <v>32</v>
      </c>
      <c r="W15705">
        <v>32</v>
      </c>
      <c r="X15705">
        <v>32</v>
      </c>
      <c r="Y15705">
        <v>32</v>
      </c>
      <c r="Z15705">
        <v>32</v>
      </c>
      <c r="AA15705">
        <v>33</v>
      </c>
      <c r="AB15705">
        <v>33</v>
      </c>
      <c r="AC15705">
        <v>33</v>
      </c>
      <c r="AD15705">
        <v>33</v>
      </c>
      <c r="AE15705">
        <v>33</v>
      </c>
      <c r="AF15705">
        <v>33</v>
      </c>
      <c r="AG15705">
        <v>33</v>
      </c>
      <c r="AH15705">
        <v>33</v>
      </c>
      <c r="AI15705">
        <v>33</v>
      </c>
      <c r="AJ15705">
        <v>33</v>
      </c>
      <c r="AK15705">
        <v>33</v>
      </c>
      <c r="AL15705">
        <v>33</v>
      </c>
      <c r="AM15705">
        <v>33</v>
      </c>
      <c r="AN15705">
        <v>33</v>
      </c>
      <c r="AO15705">
        <v>33</v>
      </c>
      <c r="AP15705">
        <v>32</v>
      </c>
      <c r="AQ15705">
        <v>32</v>
      </c>
    </row>
    <row r="15706" spans="1:43">
      <c r="A15706" t="s">
        <v>9758</v>
      </c>
      <c r="B15706" t="s">
        <v>9759</v>
      </c>
      <c r="C15706" t="s">
        <v>9754</v>
      </c>
      <c r="D15706" t="s">
        <v>9755</v>
      </c>
      <c r="E15706" t="s">
        <v>9544</v>
      </c>
      <c r="F15706" t="s">
        <v>9545</v>
      </c>
      <c r="G15706" t="s">
        <v>80</v>
      </c>
      <c r="H15706" t="s">
        <v>81</v>
      </c>
      <c r="I15706" s="2">
        <v>0</v>
      </c>
      <c r="J15706" s="2">
        <v>1</v>
      </c>
      <c r="K15706" s="2">
        <v>0</v>
      </c>
      <c r="L15706" t="s">
        <v>82</v>
      </c>
      <c r="M15706" t="s">
        <v>83</v>
      </c>
      <c r="N15706" t="s">
        <v>84</v>
      </c>
      <c r="O15706" t="s">
        <v>85</v>
      </c>
      <c r="P15706" t="s">
        <v>86</v>
      </c>
      <c r="Q15706">
        <v>62</v>
      </c>
      <c r="R15706">
        <v>62</v>
      </c>
      <c r="S15706">
        <v>63</v>
      </c>
      <c r="T15706">
        <v>63</v>
      </c>
      <c r="U15706">
        <v>63</v>
      </c>
      <c r="V15706">
        <v>64</v>
      </c>
      <c r="W15706">
        <v>64</v>
      </c>
      <c r="X15706">
        <v>65</v>
      </c>
      <c r="Y15706">
        <v>65</v>
      </c>
      <c r="Z15706">
        <v>65</v>
      </c>
      <c r="AA15706">
        <v>65</v>
      </c>
      <c r="AB15706">
        <v>66</v>
      </c>
      <c r="AC15706">
        <v>66</v>
      </c>
      <c r="AD15706">
        <v>66</v>
      </c>
      <c r="AE15706">
        <v>66</v>
      </c>
      <c r="AF15706">
        <v>67</v>
      </c>
      <c r="AG15706">
        <v>67</v>
      </c>
      <c r="AH15706">
        <v>67</v>
      </c>
      <c r="AI15706">
        <v>67</v>
      </c>
      <c r="AJ15706">
        <v>67</v>
      </c>
      <c r="AK15706">
        <v>67</v>
      </c>
      <c r="AL15706">
        <v>67</v>
      </c>
      <c r="AM15706">
        <v>67</v>
      </c>
      <c r="AN15706">
        <v>66</v>
      </c>
      <c r="AO15706">
        <v>66</v>
      </c>
      <c r="AP15706">
        <v>65</v>
      </c>
      <c r="AQ15706">
        <v>65</v>
      </c>
    </row>
    <row r="15707" spans="1:43">
      <c r="A15707" t="s">
        <v>9758</v>
      </c>
      <c r="B15707" t="s">
        <v>9759</v>
      </c>
      <c r="C15707" t="s">
        <v>9754</v>
      </c>
      <c r="D15707" t="s">
        <v>9755</v>
      </c>
      <c r="E15707" t="s">
        <v>9544</v>
      </c>
      <c r="F15707" t="s">
        <v>9545</v>
      </c>
      <c r="G15707" t="s">
        <v>80</v>
      </c>
      <c r="H15707" t="s">
        <v>81</v>
      </c>
      <c r="I15707" s="2">
        <v>0</v>
      </c>
      <c r="J15707" s="2">
        <v>1</v>
      </c>
      <c r="K15707" s="2">
        <v>0</v>
      </c>
      <c r="L15707" t="s">
        <v>82</v>
      </c>
      <c r="M15707" t="s">
        <v>87</v>
      </c>
      <c r="N15707" t="s">
        <v>88</v>
      </c>
      <c r="O15707" t="s">
        <v>85</v>
      </c>
      <c r="P15707" t="s">
        <v>86</v>
      </c>
      <c r="Q15707">
        <v>62</v>
      </c>
      <c r="R15707">
        <v>62</v>
      </c>
      <c r="S15707">
        <v>62</v>
      </c>
      <c r="T15707">
        <v>62</v>
      </c>
      <c r="U15707">
        <v>62</v>
      </c>
      <c r="V15707">
        <v>61</v>
      </c>
      <c r="W15707">
        <v>61</v>
      </c>
      <c r="X15707">
        <v>61</v>
      </c>
      <c r="Y15707">
        <v>61</v>
      </c>
      <c r="Z15707">
        <v>61</v>
      </c>
      <c r="AA15707">
        <v>61</v>
      </c>
      <c r="AB15707">
        <v>60</v>
      </c>
      <c r="AC15707">
        <v>60</v>
      </c>
      <c r="AD15707">
        <v>60</v>
      </c>
      <c r="AE15707">
        <v>60</v>
      </c>
      <c r="AF15707">
        <v>60</v>
      </c>
      <c r="AG15707">
        <v>59</v>
      </c>
      <c r="AH15707">
        <v>59</v>
      </c>
      <c r="AI15707">
        <v>59</v>
      </c>
      <c r="AJ15707">
        <v>59</v>
      </c>
      <c r="AK15707">
        <v>58</v>
      </c>
      <c r="AL15707">
        <v>58</v>
      </c>
      <c r="AM15707">
        <v>58</v>
      </c>
      <c r="AN15707">
        <v>58</v>
      </c>
      <c r="AO15707">
        <v>57</v>
      </c>
      <c r="AP15707">
        <v>57</v>
      </c>
      <c r="AQ15707">
        <v>57</v>
      </c>
    </row>
    <row r="15708" spans="1:43">
      <c r="A15708" t="s">
        <v>9758</v>
      </c>
      <c r="B15708" t="s">
        <v>9759</v>
      </c>
      <c r="C15708" t="s">
        <v>9754</v>
      </c>
      <c r="D15708" t="s">
        <v>9755</v>
      </c>
      <c r="E15708" t="s">
        <v>9544</v>
      </c>
      <c r="F15708" t="s">
        <v>9545</v>
      </c>
      <c r="G15708" t="s">
        <v>80</v>
      </c>
      <c r="H15708" t="s">
        <v>81</v>
      </c>
      <c r="I15708" s="2">
        <v>0</v>
      </c>
      <c r="J15708" s="2">
        <v>1</v>
      </c>
      <c r="K15708" s="2">
        <v>0</v>
      </c>
      <c r="L15708" t="s">
        <v>82</v>
      </c>
      <c r="M15708" t="s">
        <v>89</v>
      </c>
      <c r="N15708" t="s">
        <v>90</v>
      </c>
      <c r="O15708" t="s">
        <v>85</v>
      </c>
      <c r="P15708" t="s">
        <v>86</v>
      </c>
      <c r="Q15708">
        <v>62</v>
      </c>
      <c r="R15708">
        <v>63</v>
      </c>
      <c r="S15708">
        <v>64</v>
      </c>
      <c r="T15708">
        <v>65</v>
      </c>
      <c r="U15708">
        <v>66</v>
      </c>
      <c r="V15708">
        <v>67</v>
      </c>
      <c r="W15708">
        <v>67</v>
      </c>
      <c r="X15708">
        <v>68</v>
      </c>
      <c r="Y15708">
        <v>69</v>
      </c>
      <c r="Z15708">
        <v>69</v>
      </c>
      <c r="AA15708">
        <v>70</v>
      </c>
      <c r="AB15708">
        <v>70</v>
      </c>
      <c r="AC15708">
        <v>71</v>
      </c>
      <c r="AD15708">
        <v>71</v>
      </c>
      <c r="AE15708">
        <v>71</v>
      </c>
      <c r="AF15708">
        <v>71</v>
      </c>
      <c r="AG15708">
        <v>70</v>
      </c>
      <c r="AH15708">
        <v>70</v>
      </c>
      <c r="AI15708">
        <v>69</v>
      </c>
      <c r="AJ15708">
        <v>69</v>
      </c>
      <c r="AK15708">
        <v>68</v>
      </c>
      <c r="AL15708">
        <v>68</v>
      </c>
      <c r="AM15708">
        <v>67</v>
      </c>
      <c r="AN15708">
        <v>67</v>
      </c>
      <c r="AO15708">
        <v>66</v>
      </c>
      <c r="AP15708">
        <v>66</v>
      </c>
      <c r="AQ15708">
        <v>65</v>
      </c>
    </row>
    <row r="15709" spans="1:43">
      <c r="A15709" t="s">
        <v>9758</v>
      </c>
      <c r="B15709" t="s">
        <v>9759</v>
      </c>
      <c r="C15709" t="s">
        <v>9754</v>
      </c>
      <c r="D15709" t="s">
        <v>9755</v>
      </c>
      <c r="E15709" t="s">
        <v>9544</v>
      </c>
      <c r="F15709" t="s">
        <v>9545</v>
      </c>
      <c r="G15709" t="s">
        <v>80</v>
      </c>
      <c r="H15709" t="s">
        <v>81</v>
      </c>
      <c r="I15709" s="2">
        <v>0</v>
      </c>
      <c r="J15709" s="2">
        <v>1</v>
      </c>
      <c r="K15709" s="2">
        <v>0</v>
      </c>
      <c r="L15709" t="s">
        <v>82</v>
      </c>
      <c r="M15709" t="s">
        <v>83</v>
      </c>
      <c r="N15709" t="s">
        <v>91</v>
      </c>
      <c r="O15709" t="s">
        <v>85</v>
      </c>
      <c r="P15709" t="s">
        <v>86</v>
      </c>
      <c r="Q15709">
        <v>62</v>
      </c>
      <c r="R15709">
        <v>62</v>
      </c>
      <c r="S15709">
        <v>63</v>
      </c>
      <c r="T15709">
        <v>63</v>
      </c>
      <c r="U15709">
        <v>63</v>
      </c>
      <c r="V15709">
        <v>64</v>
      </c>
      <c r="W15709">
        <v>64</v>
      </c>
      <c r="X15709">
        <v>65</v>
      </c>
      <c r="Y15709">
        <v>65</v>
      </c>
      <c r="Z15709">
        <v>65</v>
      </c>
      <c r="AA15709">
        <v>65</v>
      </c>
      <c r="AB15709">
        <v>66</v>
      </c>
      <c r="AC15709">
        <v>66</v>
      </c>
      <c r="AD15709">
        <v>66</v>
      </c>
      <c r="AE15709">
        <v>66</v>
      </c>
      <c r="AF15709">
        <v>67</v>
      </c>
      <c r="AG15709">
        <v>67</v>
      </c>
      <c r="AH15709">
        <v>67</v>
      </c>
      <c r="AI15709">
        <v>67</v>
      </c>
      <c r="AJ15709">
        <v>67</v>
      </c>
      <c r="AK15709">
        <v>67</v>
      </c>
      <c r="AL15709">
        <v>67</v>
      </c>
      <c r="AM15709">
        <v>67</v>
      </c>
      <c r="AN15709">
        <v>66</v>
      </c>
      <c r="AO15709">
        <v>66</v>
      </c>
      <c r="AP15709">
        <v>65</v>
      </c>
      <c r="AQ15709">
        <v>65</v>
      </c>
    </row>
    <row r="15710" spans="1:43">
      <c r="A15710" t="s">
        <v>9760</v>
      </c>
      <c r="B15710" t="s">
        <v>9761</v>
      </c>
      <c r="C15710" t="s">
        <v>9750</v>
      </c>
      <c r="D15710" t="s">
        <v>9751</v>
      </c>
      <c r="E15710" t="s">
        <v>9544</v>
      </c>
      <c r="F15710" t="s">
        <v>9545</v>
      </c>
      <c r="G15710" t="s">
        <v>80</v>
      </c>
      <c r="H15710" t="s">
        <v>81</v>
      </c>
      <c r="I15710" s="2">
        <v>0</v>
      </c>
      <c r="J15710" s="2">
        <v>1</v>
      </c>
      <c r="K15710" s="2">
        <v>0</v>
      </c>
      <c r="L15710" t="s">
        <v>82</v>
      </c>
      <c r="M15710" t="s">
        <v>83</v>
      </c>
      <c r="N15710" t="s">
        <v>84</v>
      </c>
      <c r="O15710" t="s">
        <v>85</v>
      </c>
      <c r="P15710" t="s">
        <v>86</v>
      </c>
      <c r="Q15710">
        <v>44</v>
      </c>
      <c r="R15710">
        <v>44</v>
      </c>
      <c r="S15710">
        <v>44</v>
      </c>
      <c r="T15710">
        <v>45</v>
      </c>
      <c r="U15710">
        <v>45</v>
      </c>
      <c r="V15710">
        <v>45</v>
      </c>
      <c r="W15710">
        <v>45</v>
      </c>
      <c r="X15710">
        <v>46</v>
      </c>
      <c r="Y15710">
        <v>46</v>
      </c>
      <c r="Z15710">
        <v>46</v>
      </c>
      <c r="AA15710">
        <v>46</v>
      </c>
      <c r="AB15710">
        <v>46</v>
      </c>
      <c r="AC15710">
        <v>46</v>
      </c>
      <c r="AD15710">
        <v>47</v>
      </c>
      <c r="AE15710">
        <v>47</v>
      </c>
      <c r="AF15710">
        <v>47</v>
      </c>
      <c r="AG15710">
        <v>47</v>
      </c>
      <c r="AH15710">
        <v>47</v>
      </c>
      <c r="AI15710">
        <v>47</v>
      </c>
      <c r="AJ15710">
        <v>47</v>
      </c>
      <c r="AK15710">
        <v>47</v>
      </c>
      <c r="AL15710">
        <v>47</v>
      </c>
      <c r="AM15710">
        <v>47</v>
      </c>
      <c r="AN15710">
        <v>46</v>
      </c>
      <c r="AO15710">
        <v>46</v>
      </c>
      <c r="AP15710">
        <v>46</v>
      </c>
      <c r="AQ15710">
        <v>45</v>
      </c>
    </row>
    <row r="15711" spans="1:43">
      <c r="A15711" t="s">
        <v>9760</v>
      </c>
      <c r="B15711" t="s">
        <v>9761</v>
      </c>
      <c r="C15711" t="s">
        <v>9750</v>
      </c>
      <c r="D15711" t="s">
        <v>9751</v>
      </c>
      <c r="E15711" t="s">
        <v>9544</v>
      </c>
      <c r="F15711" t="s">
        <v>9545</v>
      </c>
      <c r="G15711" t="s">
        <v>80</v>
      </c>
      <c r="H15711" t="s">
        <v>81</v>
      </c>
      <c r="I15711" s="2">
        <v>0</v>
      </c>
      <c r="J15711" s="2">
        <v>1</v>
      </c>
      <c r="K15711" s="2">
        <v>0</v>
      </c>
      <c r="L15711" t="s">
        <v>82</v>
      </c>
      <c r="M15711" t="s">
        <v>87</v>
      </c>
      <c r="N15711" t="s">
        <v>88</v>
      </c>
      <c r="O15711" t="s">
        <v>85</v>
      </c>
      <c r="P15711" t="s">
        <v>86</v>
      </c>
      <c r="Q15711">
        <v>44</v>
      </c>
      <c r="R15711">
        <v>44</v>
      </c>
      <c r="S15711">
        <v>44</v>
      </c>
      <c r="T15711">
        <v>44</v>
      </c>
      <c r="U15711">
        <v>44</v>
      </c>
      <c r="V15711">
        <v>44</v>
      </c>
      <c r="W15711">
        <v>44</v>
      </c>
      <c r="X15711">
        <v>43</v>
      </c>
      <c r="Y15711">
        <v>43</v>
      </c>
      <c r="Z15711">
        <v>43</v>
      </c>
      <c r="AA15711">
        <v>43</v>
      </c>
      <c r="AB15711">
        <v>43</v>
      </c>
      <c r="AC15711">
        <v>43</v>
      </c>
      <c r="AD15711">
        <v>43</v>
      </c>
      <c r="AE15711">
        <v>42</v>
      </c>
      <c r="AF15711">
        <v>42</v>
      </c>
      <c r="AG15711">
        <v>42</v>
      </c>
      <c r="AH15711">
        <v>42</v>
      </c>
      <c r="AI15711">
        <v>42</v>
      </c>
      <c r="AJ15711">
        <v>42</v>
      </c>
      <c r="AK15711">
        <v>41</v>
      </c>
      <c r="AL15711">
        <v>41</v>
      </c>
      <c r="AM15711">
        <v>41</v>
      </c>
      <c r="AN15711">
        <v>41</v>
      </c>
      <c r="AO15711">
        <v>41</v>
      </c>
      <c r="AP15711">
        <v>40</v>
      </c>
      <c r="AQ15711">
        <v>40</v>
      </c>
    </row>
    <row r="15712" spans="1:43">
      <c r="A15712" t="s">
        <v>9760</v>
      </c>
      <c r="B15712" t="s">
        <v>9761</v>
      </c>
      <c r="C15712" t="s">
        <v>9750</v>
      </c>
      <c r="D15712" t="s">
        <v>9751</v>
      </c>
      <c r="E15712" t="s">
        <v>9544</v>
      </c>
      <c r="F15712" t="s">
        <v>9545</v>
      </c>
      <c r="G15712" t="s">
        <v>80</v>
      </c>
      <c r="H15712" t="s">
        <v>81</v>
      </c>
      <c r="I15712" s="2">
        <v>0</v>
      </c>
      <c r="J15712" s="2">
        <v>1</v>
      </c>
      <c r="K15712" s="2">
        <v>0</v>
      </c>
      <c r="L15712" t="s">
        <v>82</v>
      </c>
      <c r="M15712" t="s">
        <v>89</v>
      </c>
      <c r="N15712" t="s">
        <v>90</v>
      </c>
      <c r="O15712" t="s">
        <v>85</v>
      </c>
      <c r="P15712" t="s">
        <v>86</v>
      </c>
      <c r="Q15712">
        <v>44</v>
      </c>
      <c r="R15712">
        <v>45</v>
      </c>
      <c r="S15712">
        <v>45</v>
      </c>
      <c r="T15712">
        <v>46</v>
      </c>
      <c r="U15712">
        <v>47</v>
      </c>
      <c r="V15712">
        <v>47</v>
      </c>
      <c r="W15712">
        <v>48</v>
      </c>
      <c r="X15712">
        <v>48</v>
      </c>
      <c r="Y15712">
        <v>48</v>
      </c>
      <c r="Z15712">
        <v>49</v>
      </c>
      <c r="AA15712">
        <v>49</v>
      </c>
      <c r="AB15712">
        <v>49</v>
      </c>
      <c r="AC15712">
        <v>50</v>
      </c>
      <c r="AD15712">
        <v>50</v>
      </c>
      <c r="AE15712">
        <v>50</v>
      </c>
      <c r="AF15712">
        <v>50</v>
      </c>
      <c r="AG15712">
        <v>49</v>
      </c>
      <c r="AH15712">
        <v>49</v>
      </c>
      <c r="AI15712">
        <v>49</v>
      </c>
      <c r="AJ15712">
        <v>48</v>
      </c>
      <c r="AK15712">
        <v>48</v>
      </c>
      <c r="AL15712">
        <v>48</v>
      </c>
      <c r="AM15712">
        <v>47</v>
      </c>
      <c r="AN15712">
        <v>47</v>
      </c>
      <c r="AO15712">
        <v>47</v>
      </c>
      <c r="AP15712">
        <v>46</v>
      </c>
      <c r="AQ15712">
        <v>46</v>
      </c>
    </row>
    <row r="15713" spans="1:43">
      <c r="A15713" t="s">
        <v>9760</v>
      </c>
      <c r="B15713" t="s">
        <v>9761</v>
      </c>
      <c r="C15713" t="s">
        <v>9750</v>
      </c>
      <c r="D15713" t="s">
        <v>9751</v>
      </c>
      <c r="E15713" t="s">
        <v>9544</v>
      </c>
      <c r="F15713" t="s">
        <v>9545</v>
      </c>
      <c r="G15713" t="s">
        <v>80</v>
      </c>
      <c r="H15713" t="s">
        <v>81</v>
      </c>
      <c r="I15713" s="2">
        <v>0</v>
      </c>
      <c r="J15713" s="2">
        <v>1</v>
      </c>
      <c r="K15713" s="2">
        <v>0</v>
      </c>
      <c r="L15713" t="s">
        <v>82</v>
      </c>
      <c r="M15713" t="s">
        <v>83</v>
      </c>
      <c r="N15713" t="s">
        <v>91</v>
      </c>
      <c r="O15713" t="s">
        <v>85</v>
      </c>
      <c r="P15713" t="s">
        <v>86</v>
      </c>
      <c r="Q15713">
        <v>44</v>
      </c>
      <c r="R15713">
        <v>44</v>
      </c>
      <c r="S15713">
        <v>44</v>
      </c>
      <c r="T15713">
        <v>45</v>
      </c>
      <c r="U15713">
        <v>45</v>
      </c>
      <c r="V15713">
        <v>45</v>
      </c>
      <c r="W15713">
        <v>45</v>
      </c>
      <c r="X15713">
        <v>46</v>
      </c>
      <c r="Y15713">
        <v>46</v>
      </c>
      <c r="Z15713">
        <v>46</v>
      </c>
      <c r="AA15713">
        <v>46</v>
      </c>
      <c r="AB15713">
        <v>46</v>
      </c>
      <c r="AC15713">
        <v>46</v>
      </c>
      <c r="AD15713">
        <v>47</v>
      </c>
      <c r="AE15713">
        <v>47</v>
      </c>
      <c r="AF15713">
        <v>47</v>
      </c>
      <c r="AG15713">
        <v>47</v>
      </c>
      <c r="AH15713">
        <v>47</v>
      </c>
      <c r="AI15713">
        <v>47</v>
      </c>
      <c r="AJ15713">
        <v>47</v>
      </c>
      <c r="AK15713">
        <v>47</v>
      </c>
      <c r="AL15713">
        <v>47</v>
      </c>
      <c r="AM15713">
        <v>47</v>
      </c>
      <c r="AN15713">
        <v>46</v>
      </c>
      <c r="AO15713">
        <v>46</v>
      </c>
      <c r="AP15713">
        <v>46</v>
      </c>
      <c r="AQ15713">
        <v>45</v>
      </c>
    </row>
    <row r="15714" spans="1:43">
      <c r="A15714" t="s">
        <v>9762</v>
      </c>
      <c r="B15714" t="s">
        <v>9763</v>
      </c>
      <c r="C15714" t="s">
        <v>9750</v>
      </c>
      <c r="D15714" t="s">
        <v>9751</v>
      </c>
      <c r="E15714" t="s">
        <v>9544</v>
      </c>
      <c r="F15714" t="s">
        <v>9545</v>
      </c>
      <c r="G15714" t="s">
        <v>80</v>
      </c>
      <c r="H15714" t="s">
        <v>81</v>
      </c>
      <c r="I15714" s="2">
        <v>0</v>
      </c>
      <c r="J15714" s="2">
        <v>1</v>
      </c>
      <c r="K15714" s="2">
        <v>0</v>
      </c>
      <c r="L15714" t="s">
        <v>82</v>
      </c>
      <c r="M15714" t="s">
        <v>83</v>
      </c>
      <c r="N15714" t="s">
        <v>84</v>
      </c>
      <c r="O15714" t="s">
        <v>85</v>
      </c>
      <c r="P15714" t="s">
        <v>86</v>
      </c>
      <c r="Q15714">
        <v>43</v>
      </c>
      <c r="R15714">
        <v>43</v>
      </c>
      <c r="S15714">
        <v>43</v>
      </c>
      <c r="T15714">
        <v>43</v>
      </c>
      <c r="U15714">
        <v>44</v>
      </c>
      <c r="V15714">
        <v>44</v>
      </c>
      <c r="W15714">
        <v>44</v>
      </c>
      <c r="X15714">
        <v>44</v>
      </c>
      <c r="Y15714">
        <v>44</v>
      </c>
      <c r="Z15714">
        <v>45</v>
      </c>
      <c r="AA15714">
        <v>45</v>
      </c>
      <c r="AB15714">
        <v>45</v>
      </c>
      <c r="AC15714">
        <v>45</v>
      </c>
      <c r="AD15714">
        <v>45</v>
      </c>
      <c r="AE15714">
        <v>45</v>
      </c>
      <c r="AF15714">
        <v>46</v>
      </c>
      <c r="AG15714">
        <v>46</v>
      </c>
      <c r="AH15714">
        <v>46</v>
      </c>
      <c r="AI15714">
        <v>46</v>
      </c>
      <c r="AJ15714">
        <v>46</v>
      </c>
      <c r="AK15714">
        <v>46</v>
      </c>
      <c r="AL15714">
        <v>46</v>
      </c>
      <c r="AM15714">
        <v>46</v>
      </c>
      <c r="AN15714">
        <v>45</v>
      </c>
      <c r="AO15714">
        <v>45</v>
      </c>
      <c r="AP15714">
        <v>45</v>
      </c>
      <c r="AQ15714">
        <v>44</v>
      </c>
    </row>
    <row r="15715" spans="1:43">
      <c r="A15715" t="s">
        <v>9762</v>
      </c>
      <c r="B15715" t="s">
        <v>9763</v>
      </c>
      <c r="C15715" t="s">
        <v>9750</v>
      </c>
      <c r="D15715" t="s">
        <v>9751</v>
      </c>
      <c r="E15715" t="s">
        <v>9544</v>
      </c>
      <c r="F15715" t="s">
        <v>9545</v>
      </c>
      <c r="G15715" t="s">
        <v>80</v>
      </c>
      <c r="H15715" t="s">
        <v>81</v>
      </c>
      <c r="I15715" s="2">
        <v>0</v>
      </c>
      <c r="J15715" s="2">
        <v>1</v>
      </c>
      <c r="K15715" s="2">
        <v>0</v>
      </c>
      <c r="L15715" t="s">
        <v>82</v>
      </c>
      <c r="M15715" t="s">
        <v>87</v>
      </c>
      <c r="N15715" t="s">
        <v>88</v>
      </c>
      <c r="O15715" t="s">
        <v>85</v>
      </c>
      <c r="P15715" t="s">
        <v>86</v>
      </c>
      <c r="Q15715">
        <v>43</v>
      </c>
      <c r="R15715">
        <v>43</v>
      </c>
      <c r="S15715">
        <v>43</v>
      </c>
      <c r="T15715">
        <v>43</v>
      </c>
      <c r="U15715">
        <v>43</v>
      </c>
      <c r="V15715">
        <v>43</v>
      </c>
      <c r="W15715">
        <v>42</v>
      </c>
      <c r="X15715">
        <v>42</v>
      </c>
      <c r="Y15715">
        <v>42</v>
      </c>
      <c r="Z15715">
        <v>42</v>
      </c>
      <c r="AA15715">
        <v>42</v>
      </c>
      <c r="AB15715">
        <v>42</v>
      </c>
      <c r="AC15715">
        <v>42</v>
      </c>
      <c r="AD15715">
        <v>41</v>
      </c>
      <c r="AE15715">
        <v>41</v>
      </c>
      <c r="AF15715">
        <v>41</v>
      </c>
      <c r="AG15715">
        <v>41</v>
      </c>
      <c r="AH15715">
        <v>41</v>
      </c>
      <c r="AI15715">
        <v>41</v>
      </c>
      <c r="AJ15715">
        <v>40</v>
      </c>
      <c r="AK15715">
        <v>40</v>
      </c>
      <c r="AL15715">
        <v>40</v>
      </c>
      <c r="AM15715">
        <v>40</v>
      </c>
      <c r="AN15715">
        <v>40</v>
      </c>
      <c r="AO15715">
        <v>40</v>
      </c>
      <c r="AP15715">
        <v>39</v>
      </c>
      <c r="AQ15715">
        <v>39</v>
      </c>
    </row>
    <row r="15716" spans="1:43">
      <c r="A15716" t="s">
        <v>9762</v>
      </c>
      <c r="B15716" t="s">
        <v>9763</v>
      </c>
      <c r="C15716" t="s">
        <v>9750</v>
      </c>
      <c r="D15716" t="s">
        <v>9751</v>
      </c>
      <c r="E15716" t="s">
        <v>9544</v>
      </c>
      <c r="F15716" t="s">
        <v>9545</v>
      </c>
      <c r="G15716" t="s">
        <v>80</v>
      </c>
      <c r="H15716" t="s">
        <v>81</v>
      </c>
      <c r="I15716" s="2">
        <v>0</v>
      </c>
      <c r="J15716" s="2">
        <v>1</v>
      </c>
      <c r="K15716" s="2">
        <v>0</v>
      </c>
      <c r="L15716" t="s">
        <v>82</v>
      </c>
      <c r="M15716" t="s">
        <v>89</v>
      </c>
      <c r="N15716" t="s">
        <v>90</v>
      </c>
      <c r="O15716" t="s">
        <v>85</v>
      </c>
      <c r="P15716" t="s">
        <v>86</v>
      </c>
      <c r="Q15716">
        <v>43</v>
      </c>
      <c r="R15716">
        <v>44</v>
      </c>
      <c r="S15716">
        <v>44</v>
      </c>
      <c r="T15716">
        <v>45</v>
      </c>
      <c r="U15716">
        <v>45</v>
      </c>
      <c r="V15716">
        <v>46</v>
      </c>
      <c r="W15716">
        <v>46</v>
      </c>
      <c r="X15716">
        <v>47</v>
      </c>
      <c r="Y15716">
        <v>47</v>
      </c>
      <c r="Z15716">
        <v>47</v>
      </c>
      <c r="AA15716">
        <v>48</v>
      </c>
      <c r="AB15716">
        <v>48</v>
      </c>
      <c r="AC15716">
        <v>48</v>
      </c>
      <c r="AD15716">
        <v>49</v>
      </c>
      <c r="AE15716">
        <v>49</v>
      </c>
      <c r="AF15716">
        <v>48</v>
      </c>
      <c r="AG15716">
        <v>48</v>
      </c>
      <c r="AH15716">
        <v>48</v>
      </c>
      <c r="AI15716">
        <v>47</v>
      </c>
      <c r="AJ15716">
        <v>47</v>
      </c>
      <c r="AK15716">
        <v>47</v>
      </c>
      <c r="AL15716">
        <v>46</v>
      </c>
      <c r="AM15716">
        <v>46</v>
      </c>
      <c r="AN15716">
        <v>46</v>
      </c>
      <c r="AO15716">
        <v>45</v>
      </c>
      <c r="AP15716">
        <v>45</v>
      </c>
      <c r="AQ15716">
        <v>45</v>
      </c>
    </row>
    <row r="15717" spans="1:43">
      <c r="A15717" t="s">
        <v>9762</v>
      </c>
      <c r="B15717" t="s">
        <v>9763</v>
      </c>
      <c r="C15717" t="s">
        <v>9750</v>
      </c>
      <c r="D15717" t="s">
        <v>9751</v>
      </c>
      <c r="E15717" t="s">
        <v>9544</v>
      </c>
      <c r="F15717" t="s">
        <v>9545</v>
      </c>
      <c r="G15717" t="s">
        <v>80</v>
      </c>
      <c r="H15717" t="s">
        <v>81</v>
      </c>
      <c r="I15717" s="2">
        <v>0</v>
      </c>
      <c r="J15717" s="2">
        <v>1</v>
      </c>
      <c r="K15717" s="2">
        <v>0</v>
      </c>
      <c r="L15717" t="s">
        <v>82</v>
      </c>
      <c r="M15717" t="s">
        <v>83</v>
      </c>
      <c r="N15717" t="s">
        <v>91</v>
      </c>
      <c r="O15717" t="s">
        <v>85</v>
      </c>
      <c r="P15717" t="s">
        <v>86</v>
      </c>
      <c r="Q15717">
        <v>43</v>
      </c>
      <c r="R15717">
        <v>43</v>
      </c>
      <c r="S15717">
        <v>43</v>
      </c>
      <c r="T15717">
        <v>43</v>
      </c>
      <c r="U15717">
        <v>44</v>
      </c>
      <c r="V15717">
        <v>44</v>
      </c>
      <c r="W15717">
        <v>44</v>
      </c>
      <c r="X15717">
        <v>44</v>
      </c>
      <c r="Y15717">
        <v>44</v>
      </c>
      <c r="Z15717">
        <v>45</v>
      </c>
      <c r="AA15717">
        <v>45</v>
      </c>
      <c r="AB15717">
        <v>45</v>
      </c>
      <c r="AC15717">
        <v>45</v>
      </c>
      <c r="AD15717">
        <v>45</v>
      </c>
      <c r="AE15717">
        <v>45</v>
      </c>
      <c r="AF15717">
        <v>46</v>
      </c>
      <c r="AG15717">
        <v>46</v>
      </c>
      <c r="AH15717">
        <v>46</v>
      </c>
      <c r="AI15717">
        <v>46</v>
      </c>
      <c r="AJ15717">
        <v>46</v>
      </c>
      <c r="AK15717">
        <v>46</v>
      </c>
      <c r="AL15717">
        <v>46</v>
      </c>
      <c r="AM15717">
        <v>46</v>
      </c>
      <c r="AN15717">
        <v>45</v>
      </c>
      <c r="AO15717">
        <v>45</v>
      </c>
      <c r="AP15717">
        <v>45</v>
      </c>
      <c r="AQ15717">
        <v>44</v>
      </c>
    </row>
    <row r="15718" spans="1:43">
      <c r="A15718" t="s">
        <v>9764</v>
      </c>
      <c r="B15718" t="s">
        <v>9765</v>
      </c>
      <c r="C15718" t="s">
        <v>9750</v>
      </c>
      <c r="D15718" t="s">
        <v>9751</v>
      </c>
      <c r="E15718" t="s">
        <v>9544</v>
      </c>
      <c r="F15718" t="s">
        <v>9545</v>
      </c>
      <c r="G15718" t="s">
        <v>80</v>
      </c>
      <c r="H15718" t="s">
        <v>81</v>
      </c>
      <c r="I15718" s="2">
        <v>0</v>
      </c>
      <c r="J15718" s="2">
        <v>1</v>
      </c>
      <c r="K15718" s="2">
        <v>0</v>
      </c>
      <c r="L15718" t="s">
        <v>82</v>
      </c>
      <c r="M15718" t="s">
        <v>83</v>
      </c>
      <c r="N15718" t="s">
        <v>84</v>
      </c>
      <c r="O15718" t="s">
        <v>85</v>
      </c>
      <c r="P15718" t="s">
        <v>86</v>
      </c>
      <c r="Q15718">
        <v>19</v>
      </c>
      <c r="R15718">
        <v>19</v>
      </c>
      <c r="S15718">
        <v>19</v>
      </c>
      <c r="T15718">
        <v>20</v>
      </c>
      <c r="U15718">
        <v>20</v>
      </c>
      <c r="V15718">
        <v>20</v>
      </c>
      <c r="W15718">
        <v>20</v>
      </c>
      <c r="X15718">
        <v>20</v>
      </c>
      <c r="Y15718">
        <v>20</v>
      </c>
      <c r="Z15718">
        <v>20</v>
      </c>
      <c r="AA15718">
        <v>20</v>
      </c>
      <c r="AB15718">
        <v>20</v>
      </c>
      <c r="AC15718">
        <v>20</v>
      </c>
      <c r="AD15718">
        <v>20</v>
      </c>
      <c r="AE15718">
        <v>20</v>
      </c>
      <c r="AF15718">
        <v>21</v>
      </c>
      <c r="AG15718">
        <v>21</v>
      </c>
      <c r="AH15718">
        <v>21</v>
      </c>
      <c r="AI15718">
        <v>21</v>
      </c>
      <c r="AJ15718">
        <v>21</v>
      </c>
      <c r="AK15718">
        <v>21</v>
      </c>
      <c r="AL15718">
        <v>21</v>
      </c>
      <c r="AM15718">
        <v>20</v>
      </c>
      <c r="AN15718">
        <v>20</v>
      </c>
      <c r="AO15718">
        <v>20</v>
      </c>
      <c r="AP15718">
        <v>20</v>
      </c>
      <c r="AQ15718">
        <v>20</v>
      </c>
    </row>
    <row r="15719" spans="1:43">
      <c r="A15719" t="s">
        <v>9764</v>
      </c>
      <c r="B15719" t="s">
        <v>9765</v>
      </c>
      <c r="C15719" t="s">
        <v>9750</v>
      </c>
      <c r="D15719" t="s">
        <v>9751</v>
      </c>
      <c r="E15719" t="s">
        <v>9544</v>
      </c>
      <c r="F15719" t="s">
        <v>9545</v>
      </c>
      <c r="G15719" t="s">
        <v>80</v>
      </c>
      <c r="H15719" t="s">
        <v>81</v>
      </c>
      <c r="I15719" s="2">
        <v>0</v>
      </c>
      <c r="J15719" s="2">
        <v>1</v>
      </c>
      <c r="K15719" s="2">
        <v>0</v>
      </c>
      <c r="L15719" t="s">
        <v>82</v>
      </c>
      <c r="M15719" t="s">
        <v>87</v>
      </c>
      <c r="N15719" t="s">
        <v>88</v>
      </c>
      <c r="O15719" t="s">
        <v>85</v>
      </c>
      <c r="P15719" t="s">
        <v>86</v>
      </c>
      <c r="Q15719">
        <v>19</v>
      </c>
      <c r="R15719">
        <v>19</v>
      </c>
      <c r="S15719">
        <v>19</v>
      </c>
      <c r="T15719">
        <v>19</v>
      </c>
      <c r="U15719">
        <v>19</v>
      </c>
      <c r="V15719">
        <v>19</v>
      </c>
      <c r="W15719">
        <v>19</v>
      </c>
      <c r="X15719">
        <v>19</v>
      </c>
      <c r="Y15719">
        <v>19</v>
      </c>
      <c r="Z15719">
        <v>18</v>
      </c>
      <c r="AA15719">
        <v>18</v>
      </c>
      <c r="AB15719">
        <v>18</v>
      </c>
      <c r="AC15719">
        <v>18</v>
      </c>
      <c r="AD15719">
        <v>18</v>
      </c>
      <c r="AE15719">
        <v>18</v>
      </c>
      <c r="AF15719">
        <v>18</v>
      </c>
      <c r="AG15719">
        <v>18</v>
      </c>
      <c r="AH15719">
        <v>18</v>
      </c>
      <c r="AI15719">
        <v>18</v>
      </c>
      <c r="AJ15719">
        <v>18</v>
      </c>
      <c r="AK15719">
        <v>18</v>
      </c>
      <c r="AL15719">
        <v>18</v>
      </c>
      <c r="AM15719">
        <v>17</v>
      </c>
      <c r="AN15719">
        <v>17</v>
      </c>
      <c r="AO15719">
        <v>17</v>
      </c>
      <c r="AP15719">
        <v>17</v>
      </c>
      <c r="AQ15719">
        <v>17</v>
      </c>
    </row>
    <row r="15720" spans="1:43">
      <c r="A15720" t="s">
        <v>9764</v>
      </c>
      <c r="B15720" t="s">
        <v>9765</v>
      </c>
      <c r="C15720" t="s">
        <v>9750</v>
      </c>
      <c r="D15720" t="s">
        <v>9751</v>
      </c>
      <c r="E15720" t="s">
        <v>9544</v>
      </c>
      <c r="F15720" t="s">
        <v>9545</v>
      </c>
      <c r="G15720" t="s">
        <v>80</v>
      </c>
      <c r="H15720" t="s">
        <v>81</v>
      </c>
      <c r="I15720" s="2">
        <v>0</v>
      </c>
      <c r="J15720" s="2">
        <v>1</v>
      </c>
      <c r="K15720" s="2">
        <v>0</v>
      </c>
      <c r="L15720" t="s">
        <v>82</v>
      </c>
      <c r="M15720" t="s">
        <v>89</v>
      </c>
      <c r="N15720" t="s">
        <v>90</v>
      </c>
      <c r="O15720" t="s">
        <v>85</v>
      </c>
      <c r="P15720" t="s">
        <v>86</v>
      </c>
      <c r="Q15720">
        <v>19</v>
      </c>
      <c r="R15720">
        <v>20</v>
      </c>
      <c r="S15720">
        <v>20</v>
      </c>
      <c r="T15720">
        <v>20</v>
      </c>
      <c r="U15720">
        <v>20</v>
      </c>
      <c r="V15720">
        <v>21</v>
      </c>
      <c r="W15720">
        <v>21</v>
      </c>
      <c r="X15720">
        <v>21</v>
      </c>
      <c r="Y15720">
        <v>21</v>
      </c>
      <c r="Z15720">
        <v>21</v>
      </c>
      <c r="AA15720">
        <v>22</v>
      </c>
      <c r="AB15720">
        <v>22</v>
      </c>
      <c r="AC15720">
        <v>22</v>
      </c>
      <c r="AD15720">
        <v>22</v>
      </c>
      <c r="AE15720">
        <v>22</v>
      </c>
      <c r="AF15720">
        <v>22</v>
      </c>
      <c r="AG15720">
        <v>22</v>
      </c>
      <c r="AH15720">
        <v>21</v>
      </c>
      <c r="AI15720">
        <v>21</v>
      </c>
      <c r="AJ15720">
        <v>21</v>
      </c>
      <c r="AK15720">
        <v>21</v>
      </c>
      <c r="AL15720">
        <v>21</v>
      </c>
      <c r="AM15720">
        <v>21</v>
      </c>
      <c r="AN15720">
        <v>21</v>
      </c>
      <c r="AO15720">
        <v>20</v>
      </c>
      <c r="AP15720">
        <v>20</v>
      </c>
      <c r="AQ15720">
        <v>20</v>
      </c>
    </row>
    <row r="15721" spans="1:43">
      <c r="A15721" t="s">
        <v>9764</v>
      </c>
      <c r="B15721" t="s">
        <v>9765</v>
      </c>
      <c r="C15721" t="s">
        <v>9750</v>
      </c>
      <c r="D15721" t="s">
        <v>9751</v>
      </c>
      <c r="E15721" t="s">
        <v>9544</v>
      </c>
      <c r="F15721" t="s">
        <v>9545</v>
      </c>
      <c r="G15721" t="s">
        <v>80</v>
      </c>
      <c r="H15721" t="s">
        <v>81</v>
      </c>
      <c r="I15721" s="2">
        <v>0</v>
      </c>
      <c r="J15721" s="2">
        <v>1</v>
      </c>
      <c r="K15721" s="2">
        <v>0</v>
      </c>
      <c r="L15721" t="s">
        <v>82</v>
      </c>
      <c r="M15721" t="s">
        <v>83</v>
      </c>
      <c r="N15721" t="s">
        <v>91</v>
      </c>
      <c r="O15721" t="s">
        <v>85</v>
      </c>
      <c r="P15721" t="s">
        <v>86</v>
      </c>
      <c r="Q15721">
        <v>19</v>
      </c>
      <c r="R15721">
        <v>19</v>
      </c>
      <c r="S15721">
        <v>19</v>
      </c>
      <c r="T15721">
        <v>20</v>
      </c>
      <c r="U15721">
        <v>20</v>
      </c>
      <c r="V15721">
        <v>20</v>
      </c>
      <c r="W15721">
        <v>20</v>
      </c>
      <c r="X15721">
        <v>20</v>
      </c>
      <c r="Y15721">
        <v>20</v>
      </c>
      <c r="Z15721">
        <v>20</v>
      </c>
      <c r="AA15721">
        <v>20</v>
      </c>
      <c r="AB15721">
        <v>20</v>
      </c>
      <c r="AC15721">
        <v>20</v>
      </c>
      <c r="AD15721">
        <v>20</v>
      </c>
      <c r="AE15721">
        <v>20</v>
      </c>
      <c r="AF15721">
        <v>21</v>
      </c>
      <c r="AG15721">
        <v>21</v>
      </c>
      <c r="AH15721">
        <v>21</v>
      </c>
      <c r="AI15721">
        <v>21</v>
      </c>
      <c r="AJ15721">
        <v>21</v>
      </c>
      <c r="AK15721">
        <v>21</v>
      </c>
      <c r="AL15721">
        <v>21</v>
      </c>
      <c r="AM15721">
        <v>20</v>
      </c>
      <c r="AN15721">
        <v>20</v>
      </c>
      <c r="AO15721">
        <v>20</v>
      </c>
      <c r="AP15721">
        <v>20</v>
      </c>
      <c r="AQ15721">
        <v>20</v>
      </c>
    </row>
    <row r="15722" spans="1:43">
      <c r="A15722" t="s">
        <v>9766</v>
      </c>
      <c r="B15722" t="s">
        <v>9767</v>
      </c>
      <c r="C15722" t="s">
        <v>9768</v>
      </c>
      <c r="D15722" t="s">
        <v>9769</v>
      </c>
      <c r="E15722" t="s">
        <v>9544</v>
      </c>
      <c r="F15722" t="s">
        <v>9545</v>
      </c>
      <c r="G15722" t="s">
        <v>80</v>
      </c>
      <c r="H15722" t="s">
        <v>81</v>
      </c>
      <c r="I15722" s="2">
        <v>0</v>
      </c>
      <c r="J15722" s="2">
        <v>1</v>
      </c>
      <c r="K15722" s="2">
        <v>0</v>
      </c>
      <c r="L15722" t="s">
        <v>82</v>
      </c>
      <c r="M15722" t="s">
        <v>83</v>
      </c>
      <c r="N15722" t="s">
        <v>84</v>
      </c>
      <c r="O15722" t="s">
        <v>85</v>
      </c>
      <c r="P15722" t="s">
        <v>86</v>
      </c>
      <c r="Q15722">
        <v>87</v>
      </c>
      <c r="R15722">
        <v>88</v>
      </c>
      <c r="S15722">
        <v>88</v>
      </c>
      <c r="T15722">
        <v>89</v>
      </c>
      <c r="U15722">
        <v>89</v>
      </c>
      <c r="V15722">
        <v>90</v>
      </c>
      <c r="W15722">
        <v>90</v>
      </c>
      <c r="X15722">
        <v>91</v>
      </c>
      <c r="Y15722">
        <v>91</v>
      </c>
      <c r="Z15722">
        <v>92</v>
      </c>
      <c r="AA15722">
        <v>92</v>
      </c>
      <c r="AB15722">
        <v>93</v>
      </c>
      <c r="AC15722">
        <v>93</v>
      </c>
      <c r="AD15722">
        <v>93</v>
      </c>
      <c r="AE15722">
        <v>94</v>
      </c>
      <c r="AF15722">
        <v>94</v>
      </c>
      <c r="AG15722">
        <v>94</v>
      </c>
      <c r="AH15722">
        <v>94</v>
      </c>
      <c r="AI15722">
        <v>95</v>
      </c>
      <c r="AJ15722">
        <v>95</v>
      </c>
      <c r="AK15722">
        <v>95</v>
      </c>
      <c r="AL15722">
        <v>95</v>
      </c>
      <c r="AM15722">
        <v>94</v>
      </c>
      <c r="AN15722">
        <v>93</v>
      </c>
      <c r="AO15722">
        <v>93</v>
      </c>
      <c r="AP15722">
        <v>92</v>
      </c>
      <c r="AQ15722">
        <v>92</v>
      </c>
    </row>
    <row r="15723" spans="1:43">
      <c r="A15723" t="s">
        <v>9766</v>
      </c>
      <c r="B15723" t="s">
        <v>9767</v>
      </c>
      <c r="C15723" t="s">
        <v>9768</v>
      </c>
      <c r="D15723" t="s">
        <v>9769</v>
      </c>
      <c r="E15723" t="s">
        <v>9544</v>
      </c>
      <c r="F15723" t="s">
        <v>9545</v>
      </c>
      <c r="G15723" t="s">
        <v>80</v>
      </c>
      <c r="H15723" t="s">
        <v>81</v>
      </c>
      <c r="I15723" s="2">
        <v>0</v>
      </c>
      <c r="J15723" s="2">
        <v>1</v>
      </c>
      <c r="K15723" s="2">
        <v>0</v>
      </c>
      <c r="L15723" t="s">
        <v>82</v>
      </c>
      <c r="M15723" t="s">
        <v>87</v>
      </c>
      <c r="N15723" t="s">
        <v>88</v>
      </c>
      <c r="O15723" t="s">
        <v>85</v>
      </c>
      <c r="P15723" t="s">
        <v>86</v>
      </c>
      <c r="Q15723">
        <v>87</v>
      </c>
      <c r="R15723">
        <v>87</v>
      </c>
      <c r="S15723">
        <v>87</v>
      </c>
      <c r="T15723">
        <v>87</v>
      </c>
      <c r="U15723">
        <v>86</v>
      </c>
      <c r="V15723">
        <v>86</v>
      </c>
      <c r="W15723">
        <v>86</v>
      </c>
      <c r="X15723">
        <v>86</v>
      </c>
      <c r="Y15723">
        <v>85</v>
      </c>
      <c r="Z15723">
        <v>85</v>
      </c>
      <c r="AA15723">
        <v>85</v>
      </c>
      <c r="AB15723">
        <v>85</v>
      </c>
      <c r="AC15723">
        <v>84</v>
      </c>
      <c r="AD15723">
        <v>84</v>
      </c>
      <c r="AE15723">
        <v>84</v>
      </c>
      <c r="AF15723">
        <v>84</v>
      </c>
      <c r="AG15723">
        <v>83</v>
      </c>
      <c r="AH15723">
        <v>83</v>
      </c>
      <c r="AI15723">
        <v>83</v>
      </c>
      <c r="AJ15723">
        <v>82</v>
      </c>
      <c r="AK15723">
        <v>82</v>
      </c>
      <c r="AL15723">
        <v>82</v>
      </c>
      <c r="AM15723">
        <v>81</v>
      </c>
      <c r="AN15723">
        <v>81</v>
      </c>
      <c r="AO15723">
        <v>81</v>
      </c>
      <c r="AP15723">
        <v>80</v>
      </c>
      <c r="AQ15723">
        <v>80</v>
      </c>
    </row>
    <row r="15724" spans="1:43">
      <c r="A15724" t="s">
        <v>9766</v>
      </c>
      <c r="B15724" t="s">
        <v>9767</v>
      </c>
      <c r="C15724" t="s">
        <v>9768</v>
      </c>
      <c r="D15724" t="s">
        <v>9769</v>
      </c>
      <c r="E15724" t="s">
        <v>9544</v>
      </c>
      <c r="F15724" t="s">
        <v>9545</v>
      </c>
      <c r="G15724" t="s">
        <v>80</v>
      </c>
      <c r="H15724" t="s">
        <v>81</v>
      </c>
      <c r="I15724" s="2">
        <v>0</v>
      </c>
      <c r="J15724" s="2">
        <v>1</v>
      </c>
      <c r="K15724" s="2">
        <v>0</v>
      </c>
      <c r="L15724" t="s">
        <v>82</v>
      </c>
      <c r="M15724" t="s">
        <v>89</v>
      </c>
      <c r="N15724" t="s">
        <v>90</v>
      </c>
      <c r="O15724" t="s">
        <v>85</v>
      </c>
      <c r="P15724" t="s">
        <v>86</v>
      </c>
      <c r="Q15724">
        <v>87</v>
      </c>
      <c r="R15724">
        <v>88</v>
      </c>
      <c r="S15724">
        <v>90</v>
      </c>
      <c r="T15724">
        <v>91</v>
      </c>
      <c r="U15724">
        <v>92</v>
      </c>
      <c r="V15724">
        <v>93</v>
      </c>
      <c r="W15724">
        <v>94</v>
      </c>
      <c r="X15724">
        <v>95</v>
      </c>
      <c r="Y15724">
        <v>96</v>
      </c>
      <c r="Z15724">
        <v>97</v>
      </c>
      <c r="AA15724">
        <v>97</v>
      </c>
      <c r="AB15724">
        <v>98</v>
      </c>
      <c r="AC15724">
        <v>99</v>
      </c>
      <c r="AD15724">
        <v>99</v>
      </c>
      <c r="AE15724">
        <v>99</v>
      </c>
      <c r="AF15724">
        <v>99</v>
      </c>
      <c r="AG15724">
        <v>98</v>
      </c>
      <c r="AH15724">
        <v>97</v>
      </c>
      <c r="AI15724">
        <v>97</v>
      </c>
      <c r="AJ15724">
        <v>96</v>
      </c>
      <c r="AK15724">
        <v>95</v>
      </c>
      <c r="AL15724">
        <v>95</v>
      </c>
      <c r="AM15724">
        <v>94</v>
      </c>
      <c r="AN15724">
        <v>94</v>
      </c>
      <c r="AO15724">
        <v>93</v>
      </c>
      <c r="AP15724">
        <v>92</v>
      </c>
      <c r="AQ15724">
        <v>92</v>
      </c>
    </row>
    <row r="15725" spans="1:43">
      <c r="A15725" t="s">
        <v>9766</v>
      </c>
      <c r="B15725" t="s">
        <v>9767</v>
      </c>
      <c r="C15725" t="s">
        <v>9768</v>
      </c>
      <c r="D15725" t="s">
        <v>9769</v>
      </c>
      <c r="E15725" t="s">
        <v>9544</v>
      </c>
      <c r="F15725" t="s">
        <v>9545</v>
      </c>
      <c r="G15725" t="s">
        <v>80</v>
      </c>
      <c r="H15725" t="s">
        <v>81</v>
      </c>
      <c r="I15725" s="2">
        <v>0</v>
      </c>
      <c r="J15725" s="2">
        <v>1</v>
      </c>
      <c r="K15725" s="2">
        <v>0</v>
      </c>
      <c r="L15725" t="s">
        <v>82</v>
      </c>
      <c r="M15725" t="s">
        <v>83</v>
      </c>
      <c r="N15725" t="s">
        <v>91</v>
      </c>
      <c r="O15725" t="s">
        <v>85</v>
      </c>
      <c r="P15725" t="s">
        <v>86</v>
      </c>
      <c r="Q15725">
        <v>87</v>
      </c>
      <c r="R15725">
        <v>88</v>
      </c>
      <c r="S15725">
        <v>88</v>
      </c>
      <c r="T15725">
        <v>89</v>
      </c>
      <c r="U15725">
        <v>89</v>
      </c>
      <c r="V15725">
        <v>90</v>
      </c>
      <c r="W15725">
        <v>90</v>
      </c>
      <c r="X15725">
        <v>91</v>
      </c>
      <c r="Y15725">
        <v>91</v>
      </c>
      <c r="Z15725">
        <v>92</v>
      </c>
      <c r="AA15725">
        <v>92</v>
      </c>
      <c r="AB15725">
        <v>93</v>
      </c>
      <c r="AC15725">
        <v>93</v>
      </c>
      <c r="AD15725">
        <v>93</v>
      </c>
      <c r="AE15725">
        <v>94</v>
      </c>
      <c r="AF15725">
        <v>94</v>
      </c>
      <c r="AG15725">
        <v>94</v>
      </c>
      <c r="AH15725">
        <v>94</v>
      </c>
      <c r="AI15725">
        <v>95</v>
      </c>
      <c r="AJ15725">
        <v>95</v>
      </c>
      <c r="AK15725">
        <v>95</v>
      </c>
      <c r="AL15725">
        <v>95</v>
      </c>
      <c r="AM15725">
        <v>94</v>
      </c>
      <c r="AN15725">
        <v>93</v>
      </c>
      <c r="AO15725">
        <v>93</v>
      </c>
      <c r="AP15725">
        <v>92</v>
      </c>
      <c r="AQ15725">
        <v>92</v>
      </c>
    </row>
    <row r="15726" spans="1:43">
      <c r="A15726" t="s">
        <v>9770</v>
      </c>
      <c r="B15726" t="s">
        <v>9771</v>
      </c>
      <c r="C15726" t="s">
        <v>9772</v>
      </c>
      <c r="D15726" t="s">
        <v>9773</v>
      </c>
      <c r="E15726" t="s">
        <v>9544</v>
      </c>
      <c r="F15726" t="s">
        <v>9545</v>
      </c>
      <c r="G15726" t="s">
        <v>80</v>
      </c>
      <c r="H15726" t="s">
        <v>81</v>
      </c>
      <c r="I15726" s="2">
        <v>0</v>
      </c>
      <c r="J15726" s="2">
        <v>1</v>
      </c>
      <c r="K15726" s="2">
        <v>0</v>
      </c>
      <c r="L15726" t="s">
        <v>82</v>
      </c>
      <c r="M15726" t="s">
        <v>83</v>
      </c>
      <c r="N15726" t="s">
        <v>84</v>
      </c>
      <c r="O15726" t="s">
        <v>85</v>
      </c>
      <c r="P15726" t="s">
        <v>86</v>
      </c>
      <c r="Q15726">
        <v>88</v>
      </c>
      <c r="R15726">
        <v>89</v>
      </c>
      <c r="S15726">
        <v>89</v>
      </c>
      <c r="T15726">
        <v>90</v>
      </c>
      <c r="U15726">
        <v>90</v>
      </c>
      <c r="V15726">
        <v>91</v>
      </c>
      <c r="W15726">
        <v>91</v>
      </c>
      <c r="X15726">
        <v>92</v>
      </c>
      <c r="Y15726">
        <v>92</v>
      </c>
      <c r="Z15726">
        <v>93</v>
      </c>
      <c r="AA15726">
        <v>93</v>
      </c>
      <c r="AB15726">
        <v>94</v>
      </c>
      <c r="AC15726">
        <v>94</v>
      </c>
      <c r="AD15726">
        <v>94</v>
      </c>
      <c r="AE15726">
        <v>95</v>
      </c>
      <c r="AF15726">
        <v>95</v>
      </c>
      <c r="AG15726">
        <v>95</v>
      </c>
      <c r="AH15726">
        <v>96</v>
      </c>
      <c r="AI15726">
        <v>96</v>
      </c>
      <c r="AJ15726">
        <v>96</v>
      </c>
      <c r="AK15726">
        <v>96</v>
      </c>
      <c r="AL15726">
        <v>96</v>
      </c>
      <c r="AM15726">
        <v>95</v>
      </c>
      <c r="AN15726">
        <v>95</v>
      </c>
      <c r="AO15726">
        <v>94</v>
      </c>
      <c r="AP15726">
        <v>94</v>
      </c>
      <c r="AQ15726">
        <v>93</v>
      </c>
    </row>
    <row r="15727" spans="1:43">
      <c r="A15727" t="s">
        <v>9770</v>
      </c>
      <c r="B15727" t="s">
        <v>9771</v>
      </c>
      <c r="C15727" t="s">
        <v>9772</v>
      </c>
      <c r="D15727" t="s">
        <v>9773</v>
      </c>
      <c r="E15727" t="s">
        <v>9544</v>
      </c>
      <c r="F15727" t="s">
        <v>9545</v>
      </c>
      <c r="G15727" t="s">
        <v>80</v>
      </c>
      <c r="H15727" t="s">
        <v>81</v>
      </c>
      <c r="I15727" s="2">
        <v>0</v>
      </c>
      <c r="J15727" s="2">
        <v>1</v>
      </c>
      <c r="K15727" s="2">
        <v>0</v>
      </c>
      <c r="L15727" t="s">
        <v>82</v>
      </c>
      <c r="M15727" t="s">
        <v>87</v>
      </c>
      <c r="N15727" t="s">
        <v>88</v>
      </c>
      <c r="O15727" t="s">
        <v>85</v>
      </c>
      <c r="P15727" t="s">
        <v>86</v>
      </c>
      <c r="Q15727">
        <v>88</v>
      </c>
      <c r="R15727">
        <v>88</v>
      </c>
      <c r="S15727">
        <v>88</v>
      </c>
      <c r="T15727">
        <v>88</v>
      </c>
      <c r="U15727">
        <v>87</v>
      </c>
      <c r="V15727">
        <v>87</v>
      </c>
      <c r="W15727">
        <v>87</v>
      </c>
      <c r="X15727">
        <v>87</v>
      </c>
      <c r="Y15727">
        <v>86</v>
      </c>
      <c r="Z15727">
        <v>86</v>
      </c>
      <c r="AA15727">
        <v>86</v>
      </c>
      <c r="AB15727">
        <v>86</v>
      </c>
      <c r="AC15727">
        <v>85</v>
      </c>
      <c r="AD15727">
        <v>85</v>
      </c>
      <c r="AE15727">
        <v>85</v>
      </c>
      <c r="AF15727">
        <v>84</v>
      </c>
      <c r="AG15727">
        <v>84</v>
      </c>
      <c r="AH15727">
        <v>84</v>
      </c>
      <c r="AI15727">
        <v>84</v>
      </c>
      <c r="AJ15727">
        <v>83</v>
      </c>
      <c r="AK15727">
        <v>83</v>
      </c>
      <c r="AL15727">
        <v>83</v>
      </c>
      <c r="AM15727">
        <v>82</v>
      </c>
      <c r="AN15727">
        <v>82</v>
      </c>
      <c r="AO15727">
        <v>82</v>
      </c>
      <c r="AP15727">
        <v>82</v>
      </c>
      <c r="AQ15727">
        <v>81</v>
      </c>
    </row>
    <row r="15728" spans="1:43">
      <c r="A15728" t="s">
        <v>9770</v>
      </c>
      <c r="B15728" t="s">
        <v>9771</v>
      </c>
      <c r="C15728" t="s">
        <v>9772</v>
      </c>
      <c r="D15728" t="s">
        <v>9773</v>
      </c>
      <c r="E15728" t="s">
        <v>9544</v>
      </c>
      <c r="F15728" t="s">
        <v>9545</v>
      </c>
      <c r="G15728" t="s">
        <v>80</v>
      </c>
      <c r="H15728" t="s">
        <v>81</v>
      </c>
      <c r="I15728" s="2">
        <v>0</v>
      </c>
      <c r="J15728" s="2">
        <v>1</v>
      </c>
      <c r="K15728" s="2">
        <v>0</v>
      </c>
      <c r="L15728" t="s">
        <v>82</v>
      </c>
      <c r="M15728" t="s">
        <v>89</v>
      </c>
      <c r="N15728" t="s">
        <v>90</v>
      </c>
      <c r="O15728" t="s">
        <v>85</v>
      </c>
      <c r="P15728" t="s">
        <v>86</v>
      </c>
      <c r="Q15728">
        <v>88</v>
      </c>
      <c r="R15728">
        <v>89</v>
      </c>
      <c r="S15728">
        <v>91</v>
      </c>
      <c r="T15728">
        <v>92</v>
      </c>
      <c r="U15728">
        <v>93</v>
      </c>
      <c r="V15728">
        <v>94</v>
      </c>
      <c r="W15728">
        <v>95</v>
      </c>
      <c r="X15728">
        <v>96</v>
      </c>
      <c r="Y15728">
        <v>97</v>
      </c>
      <c r="Z15728">
        <v>98</v>
      </c>
      <c r="AA15728">
        <v>98</v>
      </c>
      <c r="AB15728">
        <v>99</v>
      </c>
      <c r="AC15728">
        <v>100</v>
      </c>
      <c r="AD15728">
        <v>101</v>
      </c>
      <c r="AE15728">
        <v>101</v>
      </c>
      <c r="AF15728">
        <v>100</v>
      </c>
      <c r="AG15728">
        <v>99</v>
      </c>
      <c r="AH15728">
        <v>99</v>
      </c>
      <c r="AI15728">
        <v>98</v>
      </c>
      <c r="AJ15728">
        <v>98</v>
      </c>
      <c r="AK15728">
        <v>97</v>
      </c>
      <c r="AL15728">
        <v>96</v>
      </c>
      <c r="AM15728">
        <v>96</v>
      </c>
      <c r="AN15728">
        <v>95</v>
      </c>
      <c r="AO15728">
        <v>94</v>
      </c>
      <c r="AP15728">
        <v>94</v>
      </c>
      <c r="AQ15728">
        <v>93</v>
      </c>
    </row>
    <row r="15729" spans="1:43">
      <c r="A15729" t="s">
        <v>9770</v>
      </c>
      <c r="B15729" t="s">
        <v>9771</v>
      </c>
      <c r="C15729" t="s">
        <v>9772</v>
      </c>
      <c r="D15729" t="s">
        <v>9773</v>
      </c>
      <c r="E15729" t="s">
        <v>9544</v>
      </c>
      <c r="F15729" t="s">
        <v>9545</v>
      </c>
      <c r="G15729" t="s">
        <v>80</v>
      </c>
      <c r="H15729" t="s">
        <v>81</v>
      </c>
      <c r="I15729" s="2">
        <v>0</v>
      </c>
      <c r="J15729" s="2">
        <v>1</v>
      </c>
      <c r="K15729" s="2">
        <v>0</v>
      </c>
      <c r="L15729" t="s">
        <v>82</v>
      </c>
      <c r="M15729" t="s">
        <v>83</v>
      </c>
      <c r="N15729" t="s">
        <v>91</v>
      </c>
      <c r="O15729" t="s">
        <v>85</v>
      </c>
      <c r="P15729" t="s">
        <v>86</v>
      </c>
      <c r="Q15729">
        <v>88</v>
      </c>
      <c r="R15729">
        <v>89</v>
      </c>
      <c r="S15729">
        <v>89</v>
      </c>
      <c r="T15729">
        <v>90</v>
      </c>
      <c r="U15729">
        <v>90</v>
      </c>
      <c r="V15729">
        <v>91</v>
      </c>
      <c r="W15729">
        <v>91</v>
      </c>
      <c r="X15729">
        <v>92</v>
      </c>
      <c r="Y15729">
        <v>92</v>
      </c>
      <c r="Z15729">
        <v>93</v>
      </c>
      <c r="AA15729">
        <v>93</v>
      </c>
      <c r="AB15729">
        <v>94</v>
      </c>
      <c r="AC15729">
        <v>94</v>
      </c>
      <c r="AD15729">
        <v>94</v>
      </c>
      <c r="AE15729">
        <v>95</v>
      </c>
      <c r="AF15729">
        <v>95</v>
      </c>
      <c r="AG15729">
        <v>95</v>
      </c>
      <c r="AH15729">
        <v>96</v>
      </c>
      <c r="AI15729">
        <v>96</v>
      </c>
      <c r="AJ15729">
        <v>96</v>
      </c>
      <c r="AK15729">
        <v>96</v>
      </c>
      <c r="AL15729">
        <v>96</v>
      </c>
      <c r="AM15729">
        <v>95</v>
      </c>
      <c r="AN15729">
        <v>95</v>
      </c>
      <c r="AO15729">
        <v>94</v>
      </c>
      <c r="AP15729">
        <v>94</v>
      </c>
      <c r="AQ15729">
        <v>93</v>
      </c>
    </row>
    <row r="15730" spans="1:43">
      <c r="A15730" t="s">
        <v>9774</v>
      </c>
      <c r="B15730" t="s">
        <v>9775</v>
      </c>
      <c r="C15730" t="s">
        <v>9772</v>
      </c>
      <c r="D15730" t="s">
        <v>9773</v>
      </c>
      <c r="E15730" t="s">
        <v>9544</v>
      </c>
      <c r="F15730" t="s">
        <v>9545</v>
      </c>
      <c r="G15730" t="s">
        <v>80</v>
      </c>
      <c r="H15730" t="s">
        <v>81</v>
      </c>
      <c r="I15730" s="2">
        <v>0</v>
      </c>
      <c r="J15730" s="2">
        <v>1</v>
      </c>
      <c r="K15730" s="2">
        <v>0</v>
      </c>
      <c r="L15730" t="s">
        <v>82</v>
      </c>
      <c r="M15730" t="s">
        <v>83</v>
      </c>
      <c r="N15730" t="s">
        <v>84</v>
      </c>
      <c r="O15730" t="s">
        <v>85</v>
      </c>
      <c r="P15730" t="s">
        <v>86</v>
      </c>
      <c r="Q15730">
        <v>148</v>
      </c>
      <c r="R15730">
        <v>149</v>
      </c>
      <c r="S15730">
        <v>150</v>
      </c>
      <c r="T15730">
        <v>151</v>
      </c>
      <c r="U15730">
        <v>152</v>
      </c>
      <c r="V15730">
        <v>153</v>
      </c>
      <c r="W15730">
        <v>154</v>
      </c>
      <c r="X15730">
        <v>155</v>
      </c>
      <c r="Y15730">
        <v>155</v>
      </c>
      <c r="Z15730">
        <v>156</v>
      </c>
      <c r="AA15730">
        <v>157</v>
      </c>
      <c r="AB15730">
        <v>158</v>
      </c>
      <c r="AC15730">
        <v>159</v>
      </c>
      <c r="AD15730">
        <v>159</v>
      </c>
      <c r="AE15730">
        <v>160</v>
      </c>
      <c r="AF15730">
        <v>160</v>
      </c>
      <c r="AG15730">
        <v>161</v>
      </c>
      <c r="AH15730">
        <v>162</v>
      </c>
      <c r="AI15730">
        <v>162</v>
      </c>
      <c r="AJ15730">
        <v>163</v>
      </c>
      <c r="AK15730">
        <v>163</v>
      </c>
      <c r="AL15730">
        <v>163</v>
      </c>
      <c r="AM15730">
        <v>162</v>
      </c>
      <c r="AN15730">
        <v>161</v>
      </c>
      <c r="AO15730">
        <v>160</v>
      </c>
      <c r="AP15730">
        <v>159</v>
      </c>
      <c r="AQ15730">
        <v>158</v>
      </c>
    </row>
    <row r="15731" spans="1:43">
      <c r="A15731" t="s">
        <v>9774</v>
      </c>
      <c r="B15731" t="s">
        <v>9775</v>
      </c>
      <c r="C15731" t="s">
        <v>9772</v>
      </c>
      <c r="D15731" t="s">
        <v>9773</v>
      </c>
      <c r="E15731" t="s">
        <v>9544</v>
      </c>
      <c r="F15731" t="s">
        <v>9545</v>
      </c>
      <c r="G15731" t="s">
        <v>80</v>
      </c>
      <c r="H15731" t="s">
        <v>81</v>
      </c>
      <c r="I15731" s="2">
        <v>0</v>
      </c>
      <c r="J15731" s="2">
        <v>1</v>
      </c>
      <c r="K15731" s="2">
        <v>0</v>
      </c>
      <c r="L15731" t="s">
        <v>82</v>
      </c>
      <c r="M15731" t="s">
        <v>87</v>
      </c>
      <c r="N15731" t="s">
        <v>88</v>
      </c>
      <c r="O15731" t="s">
        <v>85</v>
      </c>
      <c r="P15731" t="s">
        <v>86</v>
      </c>
      <c r="Q15731">
        <v>148</v>
      </c>
      <c r="R15731">
        <v>148</v>
      </c>
      <c r="S15731">
        <v>148</v>
      </c>
      <c r="T15731">
        <v>147</v>
      </c>
      <c r="U15731">
        <v>147</v>
      </c>
      <c r="V15731">
        <v>147</v>
      </c>
      <c r="W15731">
        <v>146</v>
      </c>
      <c r="X15731">
        <v>146</v>
      </c>
      <c r="Y15731">
        <v>146</v>
      </c>
      <c r="Z15731">
        <v>145</v>
      </c>
      <c r="AA15731">
        <v>145</v>
      </c>
      <c r="AB15731">
        <v>145</v>
      </c>
      <c r="AC15731">
        <v>144</v>
      </c>
      <c r="AD15731">
        <v>144</v>
      </c>
      <c r="AE15731">
        <v>143</v>
      </c>
      <c r="AF15731">
        <v>143</v>
      </c>
      <c r="AG15731">
        <v>143</v>
      </c>
      <c r="AH15731">
        <v>142</v>
      </c>
      <c r="AI15731">
        <v>142</v>
      </c>
      <c r="AJ15731">
        <v>141</v>
      </c>
      <c r="AK15731">
        <v>141</v>
      </c>
      <c r="AL15731">
        <v>140</v>
      </c>
      <c r="AM15731">
        <v>140</v>
      </c>
      <c r="AN15731">
        <v>140</v>
      </c>
      <c r="AO15731">
        <v>139</v>
      </c>
      <c r="AP15731">
        <v>139</v>
      </c>
      <c r="AQ15731">
        <v>138</v>
      </c>
    </row>
    <row r="15732" spans="1:43">
      <c r="A15732" t="s">
        <v>9774</v>
      </c>
      <c r="B15732" t="s">
        <v>9775</v>
      </c>
      <c r="C15732" t="s">
        <v>9772</v>
      </c>
      <c r="D15732" t="s">
        <v>9773</v>
      </c>
      <c r="E15732" t="s">
        <v>9544</v>
      </c>
      <c r="F15732" t="s">
        <v>9545</v>
      </c>
      <c r="G15732" t="s">
        <v>80</v>
      </c>
      <c r="H15732" t="s">
        <v>81</v>
      </c>
      <c r="I15732" s="2">
        <v>0</v>
      </c>
      <c r="J15732" s="2">
        <v>1</v>
      </c>
      <c r="K15732" s="2">
        <v>0</v>
      </c>
      <c r="L15732" t="s">
        <v>82</v>
      </c>
      <c r="M15732" t="s">
        <v>89</v>
      </c>
      <c r="N15732" t="s">
        <v>90</v>
      </c>
      <c r="O15732" t="s">
        <v>85</v>
      </c>
      <c r="P15732" t="s">
        <v>86</v>
      </c>
      <c r="Q15732">
        <v>148</v>
      </c>
      <c r="R15732">
        <v>150</v>
      </c>
      <c r="S15732">
        <v>153</v>
      </c>
      <c r="T15732">
        <v>155</v>
      </c>
      <c r="U15732">
        <v>157</v>
      </c>
      <c r="V15732">
        <v>159</v>
      </c>
      <c r="W15732">
        <v>161</v>
      </c>
      <c r="X15732">
        <v>162</v>
      </c>
      <c r="Y15732">
        <v>164</v>
      </c>
      <c r="Z15732">
        <v>165</v>
      </c>
      <c r="AA15732">
        <v>166</v>
      </c>
      <c r="AB15732">
        <v>168</v>
      </c>
      <c r="AC15732">
        <v>169</v>
      </c>
      <c r="AD15732">
        <v>170</v>
      </c>
      <c r="AE15732">
        <v>171</v>
      </c>
      <c r="AF15732">
        <v>170</v>
      </c>
      <c r="AG15732">
        <v>169</v>
      </c>
      <c r="AH15732">
        <v>168</v>
      </c>
      <c r="AI15732">
        <v>167</v>
      </c>
      <c r="AJ15732">
        <v>166</v>
      </c>
      <c r="AK15732">
        <v>165</v>
      </c>
      <c r="AL15732">
        <v>164</v>
      </c>
      <c r="AM15732">
        <v>163</v>
      </c>
      <c r="AN15732">
        <v>162</v>
      </c>
      <c r="AO15732">
        <v>161</v>
      </c>
      <c r="AP15732">
        <v>160</v>
      </c>
      <c r="AQ15732">
        <v>159</v>
      </c>
    </row>
    <row r="15733" spans="1:43">
      <c r="A15733" t="s">
        <v>9774</v>
      </c>
      <c r="B15733" t="s">
        <v>9775</v>
      </c>
      <c r="C15733" t="s">
        <v>9772</v>
      </c>
      <c r="D15733" t="s">
        <v>9773</v>
      </c>
      <c r="E15733" t="s">
        <v>9544</v>
      </c>
      <c r="F15733" t="s">
        <v>9545</v>
      </c>
      <c r="G15733" t="s">
        <v>80</v>
      </c>
      <c r="H15733" t="s">
        <v>81</v>
      </c>
      <c r="I15733" s="2">
        <v>0</v>
      </c>
      <c r="J15733" s="2">
        <v>1</v>
      </c>
      <c r="K15733" s="2">
        <v>0</v>
      </c>
      <c r="L15733" t="s">
        <v>82</v>
      </c>
      <c r="M15733" t="s">
        <v>83</v>
      </c>
      <c r="N15733" t="s">
        <v>91</v>
      </c>
      <c r="O15733" t="s">
        <v>85</v>
      </c>
      <c r="P15733" t="s">
        <v>86</v>
      </c>
      <c r="Q15733">
        <v>148</v>
      </c>
      <c r="R15733">
        <v>149</v>
      </c>
      <c r="S15733">
        <v>150</v>
      </c>
      <c r="T15733">
        <v>151</v>
      </c>
      <c r="U15733">
        <v>152</v>
      </c>
      <c r="V15733">
        <v>153</v>
      </c>
      <c r="W15733">
        <v>154</v>
      </c>
      <c r="X15733">
        <v>155</v>
      </c>
      <c r="Y15733">
        <v>155</v>
      </c>
      <c r="Z15733">
        <v>156</v>
      </c>
      <c r="AA15733">
        <v>157</v>
      </c>
      <c r="AB15733">
        <v>158</v>
      </c>
      <c r="AC15733">
        <v>159</v>
      </c>
      <c r="AD15733">
        <v>159</v>
      </c>
      <c r="AE15733">
        <v>160</v>
      </c>
      <c r="AF15733">
        <v>160</v>
      </c>
      <c r="AG15733">
        <v>161</v>
      </c>
      <c r="AH15733">
        <v>162</v>
      </c>
      <c r="AI15733">
        <v>162</v>
      </c>
      <c r="AJ15733">
        <v>163</v>
      </c>
      <c r="AK15733">
        <v>163</v>
      </c>
      <c r="AL15733">
        <v>163</v>
      </c>
      <c r="AM15733">
        <v>162</v>
      </c>
      <c r="AN15733">
        <v>161</v>
      </c>
      <c r="AO15733">
        <v>160</v>
      </c>
      <c r="AP15733">
        <v>159</v>
      </c>
      <c r="AQ15733">
        <v>158</v>
      </c>
    </row>
    <row r="15734" spans="1:43">
      <c r="A15734" t="s">
        <v>9776</v>
      </c>
      <c r="B15734" t="s">
        <v>9777</v>
      </c>
      <c r="C15734" t="s">
        <v>9778</v>
      </c>
      <c r="D15734" t="s">
        <v>9779</v>
      </c>
      <c r="E15734" t="s">
        <v>9544</v>
      </c>
      <c r="F15734" t="s">
        <v>9545</v>
      </c>
      <c r="G15734" t="s">
        <v>80</v>
      </c>
      <c r="H15734" t="s">
        <v>81</v>
      </c>
      <c r="I15734" s="2">
        <v>0</v>
      </c>
      <c r="J15734" s="2">
        <v>1</v>
      </c>
      <c r="K15734" s="2">
        <v>0</v>
      </c>
      <c r="L15734" t="s">
        <v>82</v>
      </c>
      <c r="M15734" t="s">
        <v>83</v>
      </c>
      <c r="N15734" t="s">
        <v>84</v>
      </c>
      <c r="O15734" t="s">
        <v>85</v>
      </c>
      <c r="P15734" t="s">
        <v>86</v>
      </c>
      <c r="Q15734">
        <v>21</v>
      </c>
      <c r="R15734">
        <v>22</v>
      </c>
      <c r="S15734">
        <v>22</v>
      </c>
      <c r="T15734">
        <v>22</v>
      </c>
      <c r="U15734">
        <v>22</v>
      </c>
      <c r="V15734">
        <v>22</v>
      </c>
      <c r="W15734">
        <v>22</v>
      </c>
      <c r="X15734">
        <v>22</v>
      </c>
      <c r="Y15734">
        <v>23</v>
      </c>
      <c r="Z15734">
        <v>23</v>
      </c>
      <c r="AA15734">
        <v>23</v>
      </c>
      <c r="AB15734">
        <v>23</v>
      </c>
      <c r="AC15734">
        <v>23</v>
      </c>
      <c r="AD15734">
        <v>23</v>
      </c>
      <c r="AE15734">
        <v>23</v>
      </c>
      <c r="AF15734">
        <v>23</v>
      </c>
      <c r="AG15734">
        <v>23</v>
      </c>
      <c r="AH15734">
        <v>23</v>
      </c>
      <c r="AI15734">
        <v>24</v>
      </c>
      <c r="AJ15734">
        <v>24</v>
      </c>
      <c r="AK15734">
        <v>24</v>
      </c>
      <c r="AL15734">
        <v>24</v>
      </c>
      <c r="AM15734">
        <v>24</v>
      </c>
      <c r="AN15734">
        <v>23</v>
      </c>
      <c r="AO15734">
        <v>23</v>
      </c>
      <c r="AP15734">
        <v>23</v>
      </c>
      <c r="AQ15734">
        <v>23</v>
      </c>
    </row>
    <row r="15735" spans="1:43">
      <c r="A15735" t="s">
        <v>9776</v>
      </c>
      <c r="B15735" t="s">
        <v>9777</v>
      </c>
      <c r="C15735" t="s">
        <v>9778</v>
      </c>
      <c r="D15735" t="s">
        <v>9779</v>
      </c>
      <c r="E15735" t="s">
        <v>9544</v>
      </c>
      <c r="F15735" t="s">
        <v>9545</v>
      </c>
      <c r="G15735" t="s">
        <v>80</v>
      </c>
      <c r="H15735" t="s">
        <v>81</v>
      </c>
      <c r="I15735" s="2">
        <v>0</v>
      </c>
      <c r="J15735" s="2">
        <v>1</v>
      </c>
      <c r="K15735" s="2">
        <v>0</v>
      </c>
      <c r="L15735" t="s">
        <v>82</v>
      </c>
      <c r="M15735" t="s">
        <v>87</v>
      </c>
      <c r="N15735" t="s">
        <v>88</v>
      </c>
      <c r="O15735" t="s">
        <v>85</v>
      </c>
      <c r="P15735" t="s">
        <v>86</v>
      </c>
      <c r="Q15735">
        <v>21</v>
      </c>
      <c r="R15735">
        <v>21</v>
      </c>
      <c r="S15735">
        <v>21</v>
      </c>
      <c r="T15735">
        <v>21</v>
      </c>
      <c r="U15735">
        <v>21</v>
      </c>
      <c r="V15735">
        <v>21</v>
      </c>
      <c r="W15735">
        <v>21</v>
      </c>
      <c r="X15735">
        <v>21</v>
      </c>
      <c r="Y15735">
        <v>21</v>
      </c>
      <c r="Z15735">
        <v>21</v>
      </c>
      <c r="AA15735">
        <v>21</v>
      </c>
      <c r="AB15735">
        <v>21</v>
      </c>
      <c r="AC15735">
        <v>21</v>
      </c>
      <c r="AD15735">
        <v>21</v>
      </c>
      <c r="AE15735">
        <v>21</v>
      </c>
      <c r="AF15735">
        <v>20</v>
      </c>
      <c r="AG15735">
        <v>20</v>
      </c>
      <c r="AH15735">
        <v>20</v>
      </c>
      <c r="AI15735">
        <v>20</v>
      </c>
      <c r="AJ15735">
        <v>20</v>
      </c>
      <c r="AK15735">
        <v>20</v>
      </c>
      <c r="AL15735">
        <v>20</v>
      </c>
      <c r="AM15735">
        <v>20</v>
      </c>
      <c r="AN15735">
        <v>20</v>
      </c>
      <c r="AO15735">
        <v>20</v>
      </c>
      <c r="AP15735">
        <v>20</v>
      </c>
      <c r="AQ15735">
        <v>20</v>
      </c>
    </row>
    <row r="15736" spans="1:43">
      <c r="A15736" t="s">
        <v>9776</v>
      </c>
      <c r="B15736" t="s">
        <v>9777</v>
      </c>
      <c r="C15736" t="s">
        <v>9778</v>
      </c>
      <c r="D15736" t="s">
        <v>9779</v>
      </c>
      <c r="E15736" t="s">
        <v>9544</v>
      </c>
      <c r="F15736" t="s">
        <v>9545</v>
      </c>
      <c r="G15736" t="s">
        <v>80</v>
      </c>
      <c r="H15736" t="s">
        <v>81</v>
      </c>
      <c r="I15736" s="2">
        <v>0</v>
      </c>
      <c r="J15736" s="2">
        <v>1</v>
      </c>
      <c r="K15736" s="2">
        <v>0</v>
      </c>
      <c r="L15736" t="s">
        <v>82</v>
      </c>
      <c r="M15736" t="s">
        <v>89</v>
      </c>
      <c r="N15736" t="s">
        <v>90</v>
      </c>
      <c r="O15736" t="s">
        <v>85</v>
      </c>
      <c r="P15736" t="s">
        <v>86</v>
      </c>
      <c r="Q15736">
        <v>21</v>
      </c>
      <c r="R15736">
        <v>21</v>
      </c>
      <c r="S15736">
        <v>21</v>
      </c>
      <c r="T15736">
        <v>22</v>
      </c>
      <c r="U15736">
        <v>22</v>
      </c>
      <c r="V15736">
        <v>22</v>
      </c>
      <c r="W15736">
        <v>22</v>
      </c>
      <c r="X15736">
        <v>23</v>
      </c>
      <c r="Y15736">
        <v>23</v>
      </c>
      <c r="Z15736">
        <v>23</v>
      </c>
      <c r="AA15736">
        <v>23</v>
      </c>
      <c r="AB15736">
        <v>23</v>
      </c>
      <c r="AC15736">
        <v>24</v>
      </c>
      <c r="AD15736">
        <v>24</v>
      </c>
      <c r="AE15736">
        <v>24</v>
      </c>
      <c r="AF15736">
        <v>24</v>
      </c>
      <c r="AG15736">
        <v>24</v>
      </c>
      <c r="AH15736">
        <v>24</v>
      </c>
      <c r="AI15736">
        <v>23</v>
      </c>
      <c r="AJ15736">
        <v>23</v>
      </c>
      <c r="AK15736">
        <v>23</v>
      </c>
      <c r="AL15736">
        <v>23</v>
      </c>
      <c r="AM15736">
        <v>23</v>
      </c>
      <c r="AN15736">
        <v>23</v>
      </c>
      <c r="AO15736">
        <v>23</v>
      </c>
      <c r="AP15736">
        <v>22</v>
      </c>
      <c r="AQ15736">
        <v>22</v>
      </c>
    </row>
    <row r="15737" spans="1:43">
      <c r="A15737" t="s">
        <v>9776</v>
      </c>
      <c r="B15737" t="s">
        <v>9777</v>
      </c>
      <c r="C15737" t="s">
        <v>9778</v>
      </c>
      <c r="D15737" t="s">
        <v>9779</v>
      </c>
      <c r="E15737" t="s">
        <v>9544</v>
      </c>
      <c r="F15737" t="s">
        <v>9545</v>
      </c>
      <c r="G15737" t="s">
        <v>80</v>
      </c>
      <c r="H15737" t="s">
        <v>81</v>
      </c>
      <c r="I15737" s="2">
        <v>0</v>
      </c>
      <c r="J15737" s="2">
        <v>1</v>
      </c>
      <c r="K15737" s="2">
        <v>0</v>
      </c>
      <c r="L15737" t="s">
        <v>82</v>
      </c>
      <c r="M15737" t="s">
        <v>83</v>
      </c>
      <c r="N15737" t="s">
        <v>91</v>
      </c>
      <c r="O15737" t="s">
        <v>85</v>
      </c>
      <c r="P15737" t="s">
        <v>86</v>
      </c>
      <c r="Q15737">
        <v>21</v>
      </c>
      <c r="R15737">
        <v>22</v>
      </c>
      <c r="S15737">
        <v>22</v>
      </c>
      <c r="T15737">
        <v>22</v>
      </c>
      <c r="U15737">
        <v>22</v>
      </c>
      <c r="V15737">
        <v>22</v>
      </c>
      <c r="W15737">
        <v>22</v>
      </c>
      <c r="X15737">
        <v>22</v>
      </c>
      <c r="Y15737">
        <v>23</v>
      </c>
      <c r="Z15737">
        <v>23</v>
      </c>
      <c r="AA15737">
        <v>23</v>
      </c>
      <c r="AB15737">
        <v>23</v>
      </c>
      <c r="AC15737">
        <v>23</v>
      </c>
      <c r="AD15737">
        <v>23</v>
      </c>
      <c r="AE15737">
        <v>23</v>
      </c>
      <c r="AF15737">
        <v>23</v>
      </c>
      <c r="AG15737">
        <v>23</v>
      </c>
      <c r="AH15737">
        <v>23</v>
      </c>
      <c r="AI15737">
        <v>24</v>
      </c>
      <c r="AJ15737">
        <v>24</v>
      </c>
      <c r="AK15737">
        <v>24</v>
      </c>
      <c r="AL15737">
        <v>24</v>
      </c>
      <c r="AM15737">
        <v>24</v>
      </c>
      <c r="AN15737">
        <v>23</v>
      </c>
      <c r="AO15737">
        <v>23</v>
      </c>
      <c r="AP15737">
        <v>23</v>
      </c>
      <c r="AQ15737">
        <v>23</v>
      </c>
    </row>
    <row r="15738" spans="1:43">
      <c r="A15738" t="s">
        <v>9780</v>
      </c>
      <c r="B15738" t="s">
        <v>9781</v>
      </c>
      <c r="C15738" t="s">
        <v>9768</v>
      </c>
      <c r="D15738" t="s">
        <v>9769</v>
      </c>
      <c r="E15738" t="s">
        <v>9544</v>
      </c>
      <c r="F15738" t="s">
        <v>9545</v>
      </c>
      <c r="G15738" t="s">
        <v>80</v>
      </c>
      <c r="H15738" t="s">
        <v>81</v>
      </c>
      <c r="I15738" s="2">
        <v>0</v>
      </c>
      <c r="J15738" s="2">
        <v>1</v>
      </c>
      <c r="K15738" s="2">
        <v>0</v>
      </c>
      <c r="L15738" t="s">
        <v>82</v>
      </c>
      <c r="M15738" t="s">
        <v>83</v>
      </c>
      <c r="N15738" t="s">
        <v>84</v>
      </c>
      <c r="O15738" t="s">
        <v>85</v>
      </c>
      <c r="P15738" t="s">
        <v>86</v>
      </c>
      <c r="Q15738">
        <v>62</v>
      </c>
      <c r="R15738">
        <v>62</v>
      </c>
      <c r="S15738">
        <v>63</v>
      </c>
      <c r="T15738">
        <v>63</v>
      </c>
      <c r="U15738">
        <v>63</v>
      </c>
      <c r="V15738">
        <v>64</v>
      </c>
      <c r="W15738">
        <v>64</v>
      </c>
      <c r="X15738">
        <v>64</v>
      </c>
      <c r="Y15738">
        <v>65</v>
      </c>
      <c r="Z15738">
        <v>65</v>
      </c>
      <c r="AA15738">
        <v>65</v>
      </c>
      <c r="AB15738">
        <v>66</v>
      </c>
      <c r="AC15738">
        <v>66</v>
      </c>
      <c r="AD15738">
        <v>66</v>
      </c>
      <c r="AE15738">
        <v>66</v>
      </c>
      <c r="AF15738">
        <v>67</v>
      </c>
      <c r="AG15738">
        <v>67</v>
      </c>
      <c r="AH15738">
        <v>67</v>
      </c>
      <c r="AI15738">
        <v>67</v>
      </c>
      <c r="AJ15738">
        <v>67</v>
      </c>
      <c r="AK15738">
        <v>67</v>
      </c>
      <c r="AL15738">
        <v>67</v>
      </c>
      <c r="AM15738">
        <v>67</v>
      </c>
      <c r="AN15738">
        <v>66</v>
      </c>
      <c r="AO15738">
        <v>66</v>
      </c>
      <c r="AP15738">
        <v>65</v>
      </c>
      <c r="AQ15738">
        <v>65</v>
      </c>
    </row>
    <row r="15739" spans="1:43">
      <c r="A15739" t="s">
        <v>9780</v>
      </c>
      <c r="B15739" t="s">
        <v>9781</v>
      </c>
      <c r="C15739" t="s">
        <v>9768</v>
      </c>
      <c r="D15739" t="s">
        <v>9769</v>
      </c>
      <c r="E15739" t="s">
        <v>9544</v>
      </c>
      <c r="F15739" t="s">
        <v>9545</v>
      </c>
      <c r="G15739" t="s">
        <v>80</v>
      </c>
      <c r="H15739" t="s">
        <v>81</v>
      </c>
      <c r="I15739" s="2">
        <v>0</v>
      </c>
      <c r="J15739" s="2">
        <v>1</v>
      </c>
      <c r="K15739" s="2">
        <v>0</v>
      </c>
      <c r="L15739" t="s">
        <v>82</v>
      </c>
      <c r="M15739" t="s">
        <v>87</v>
      </c>
      <c r="N15739" t="s">
        <v>88</v>
      </c>
      <c r="O15739" t="s">
        <v>85</v>
      </c>
      <c r="P15739" t="s">
        <v>86</v>
      </c>
      <c r="Q15739">
        <v>62</v>
      </c>
      <c r="R15739">
        <v>62</v>
      </c>
      <c r="S15739">
        <v>62</v>
      </c>
      <c r="T15739">
        <v>62</v>
      </c>
      <c r="U15739">
        <v>62</v>
      </c>
      <c r="V15739">
        <v>61</v>
      </c>
      <c r="W15739">
        <v>61</v>
      </c>
      <c r="X15739">
        <v>61</v>
      </c>
      <c r="Y15739">
        <v>61</v>
      </c>
      <c r="Z15739">
        <v>61</v>
      </c>
      <c r="AA15739">
        <v>60</v>
      </c>
      <c r="AB15739">
        <v>60</v>
      </c>
      <c r="AC15739">
        <v>60</v>
      </c>
      <c r="AD15739">
        <v>60</v>
      </c>
      <c r="AE15739">
        <v>60</v>
      </c>
      <c r="AF15739">
        <v>59</v>
      </c>
      <c r="AG15739">
        <v>59</v>
      </c>
      <c r="AH15739">
        <v>59</v>
      </c>
      <c r="AI15739">
        <v>59</v>
      </c>
      <c r="AJ15739">
        <v>59</v>
      </c>
      <c r="AK15739">
        <v>58</v>
      </c>
      <c r="AL15739">
        <v>58</v>
      </c>
      <c r="AM15739">
        <v>58</v>
      </c>
      <c r="AN15739">
        <v>58</v>
      </c>
      <c r="AO15739">
        <v>58</v>
      </c>
      <c r="AP15739">
        <v>57</v>
      </c>
      <c r="AQ15739">
        <v>57</v>
      </c>
    </row>
    <row r="15740" spans="1:43">
      <c r="A15740" t="s">
        <v>9780</v>
      </c>
      <c r="B15740" t="s">
        <v>9781</v>
      </c>
      <c r="C15740" t="s">
        <v>9768</v>
      </c>
      <c r="D15740" t="s">
        <v>9769</v>
      </c>
      <c r="E15740" t="s">
        <v>9544</v>
      </c>
      <c r="F15740" t="s">
        <v>9545</v>
      </c>
      <c r="G15740" t="s">
        <v>80</v>
      </c>
      <c r="H15740" t="s">
        <v>81</v>
      </c>
      <c r="I15740" s="2">
        <v>0</v>
      </c>
      <c r="J15740" s="2">
        <v>1</v>
      </c>
      <c r="K15740" s="2">
        <v>0</v>
      </c>
      <c r="L15740" t="s">
        <v>82</v>
      </c>
      <c r="M15740" t="s">
        <v>89</v>
      </c>
      <c r="N15740" t="s">
        <v>90</v>
      </c>
      <c r="O15740" t="s">
        <v>85</v>
      </c>
      <c r="P15740" t="s">
        <v>86</v>
      </c>
      <c r="Q15740">
        <v>62</v>
      </c>
      <c r="R15740">
        <v>63</v>
      </c>
      <c r="S15740">
        <v>64</v>
      </c>
      <c r="T15740">
        <v>65</v>
      </c>
      <c r="U15740">
        <v>66</v>
      </c>
      <c r="V15740">
        <v>67</v>
      </c>
      <c r="W15740">
        <v>67</v>
      </c>
      <c r="X15740">
        <v>68</v>
      </c>
      <c r="Y15740">
        <v>69</v>
      </c>
      <c r="Z15740">
        <v>69</v>
      </c>
      <c r="AA15740">
        <v>70</v>
      </c>
      <c r="AB15740">
        <v>70</v>
      </c>
      <c r="AC15740">
        <v>71</v>
      </c>
      <c r="AD15740">
        <v>71</v>
      </c>
      <c r="AE15740">
        <v>71</v>
      </c>
      <c r="AF15740">
        <v>71</v>
      </c>
      <c r="AG15740">
        <v>70</v>
      </c>
      <c r="AH15740">
        <v>70</v>
      </c>
      <c r="AI15740">
        <v>69</v>
      </c>
      <c r="AJ15740">
        <v>69</v>
      </c>
      <c r="AK15740">
        <v>68</v>
      </c>
      <c r="AL15740">
        <v>68</v>
      </c>
      <c r="AM15740">
        <v>67</v>
      </c>
      <c r="AN15740">
        <v>67</v>
      </c>
      <c r="AO15740">
        <v>67</v>
      </c>
      <c r="AP15740">
        <v>66</v>
      </c>
      <c r="AQ15740">
        <v>66</v>
      </c>
    </row>
    <row r="15741" spans="1:43">
      <c r="A15741" t="s">
        <v>9780</v>
      </c>
      <c r="B15741" t="s">
        <v>9781</v>
      </c>
      <c r="C15741" t="s">
        <v>9768</v>
      </c>
      <c r="D15741" t="s">
        <v>9769</v>
      </c>
      <c r="E15741" t="s">
        <v>9544</v>
      </c>
      <c r="F15741" t="s">
        <v>9545</v>
      </c>
      <c r="G15741" t="s">
        <v>80</v>
      </c>
      <c r="H15741" t="s">
        <v>81</v>
      </c>
      <c r="I15741" s="2">
        <v>0</v>
      </c>
      <c r="J15741" s="2">
        <v>1</v>
      </c>
      <c r="K15741" s="2">
        <v>0</v>
      </c>
      <c r="L15741" t="s">
        <v>82</v>
      </c>
      <c r="M15741" t="s">
        <v>83</v>
      </c>
      <c r="N15741" t="s">
        <v>91</v>
      </c>
      <c r="O15741" t="s">
        <v>85</v>
      </c>
      <c r="P15741" t="s">
        <v>86</v>
      </c>
      <c r="Q15741">
        <v>62</v>
      </c>
      <c r="R15741">
        <v>62</v>
      </c>
      <c r="S15741">
        <v>63</v>
      </c>
      <c r="T15741">
        <v>63</v>
      </c>
      <c r="U15741">
        <v>63</v>
      </c>
      <c r="V15741">
        <v>64</v>
      </c>
      <c r="W15741">
        <v>64</v>
      </c>
      <c r="X15741">
        <v>64</v>
      </c>
      <c r="Y15741">
        <v>65</v>
      </c>
      <c r="Z15741">
        <v>65</v>
      </c>
      <c r="AA15741">
        <v>65</v>
      </c>
      <c r="AB15741">
        <v>66</v>
      </c>
      <c r="AC15741">
        <v>66</v>
      </c>
      <c r="AD15741">
        <v>66</v>
      </c>
      <c r="AE15741">
        <v>66</v>
      </c>
      <c r="AF15741">
        <v>67</v>
      </c>
      <c r="AG15741">
        <v>67</v>
      </c>
      <c r="AH15741">
        <v>67</v>
      </c>
      <c r="AI15741">
        <v>67</v>
      </c>
      <c r="AJ15741">
        <v>67</v>
      </c>
      <c r="AK15741">
        <v>67</v>
      </c>
      <c r="AL15741">
        <v>67</v>
      </c>
      <c r="AM15741">
        <v>67</v>
      </c>
      <c r="AN15741">
        <v>66</v>
      </c>
      <c r="AO15741">
        <v>66</v>
      </c>
      <c r="AP15741">
        <v>65</v>
      </c>
      <c r="AQ15741">
        <v>65</v>
      </c>
    </row>
    <row r="15742" spans="1:43">
      <c r="A15742" t="s">
        <v>9782</v>
      </c>
      <c r="B15742" t="s">
        <v>9783</v>
      </c>
      <c r="C15742" t="s">
        <v>9772</v>
      </c>
      <c r="D15742" t="s">
        <v>9773</v>
      </c>
      <c r="E15742" t="s">
        <v>9544</v>
      </c>
      <c r="F15742" t="s">
        <v>9545</v>
      </c>
      <c r="G15742" t="s">
        <v>80</v>
      </c>
      <c r="H15742" t="s">
        <v>81</v>
      </c>
      <c r="I15742" s="2">
        <v>0</v>
      </c>
      <c r="J15742" s="2">
        <v>1</v>
      </c>
      <c r="K15742" s="2">
        <v>0</v>
      </c>
      <c r="L15742" t="s">
        <v>82</v>
      </c>
      <c r="M15742" t="s">
        <v>83</v>
      </c>
      <c r="N15742" t="s">
        <v>84</v>
      </c>
      <c r="O15742" t="s">
        <v>85</v>
      </c>
      <c r="P15742" t="s">
        <v>86</v>
      </c>
      <c r="Q15742">
        <v>43</v>
      </c>
      <c r="R15742">
        <v>44</v>
      </c>
      <c r="S15742">
        <v>44</v>
      </c>
      <c r="T15742">
        <v>44</v>
      </c>
      <c r="U15742">
        <v>44</v>
      </c>
      <c r="V15742">
        <v>45</v>
      </c>
      <c r="W15742">
        <v>45</v>
      </c>
      <c r="X15742">
        <v>45</v>
      </c>
      <c r="Y15742">
        <v>45</v>
      </c>
      <c r="Z15742">
        <v>46</v>
      </c>
      <c r="AA15742">
        <v>46</v>
      </c>
      <c r="AB15742">
        <v>46</v>
      </c>
      <c r="AC15742">
        <v>46</v>
      </c>
      <c r="AD15742">
        <v>47</v>
      </c>
      <c r="AE15742">
        <v>47</v>
      </c>
      <c r="AF15742">
        <v>47</v>
      </c>
      <c r="AG15742">
        <v>47</v>
      </c>
      <c r="AH15742">
        <v>47</v>
      </c>
      <c r="AI15742">
        <v>47</v>
      </c>
      <c r="AJ15742">
        <v>48</v>
      </c>
      <c r="AK15742">
        <v>48</v>
      </c>
      <c r="AL15742">
        <v>48</v>
      </c>
      <c r="AM15742">
        <v>47</v>
      </c>
      <c r="AN15742">
        <v>47</v>
      </c>
      <c r="AO15742">
        <v>47</v>
      </c>
      <c r="AP15742">
        <v>46</v>
      </c>
      <c r="AQ15742">
        <v>46</v>
      </c>
    </row>
    <row r="15743" spans="1:43">
      <c r="A15743" t="s">
        <v>9782</v>
      </c>
      <c r="B15743" t="s">
        <v>9783</v>
      </c>
      <c r="C15743" t="s">
        <v>9772</v>
      </c>
      <c r="D15743" t="s">
        <v>9773</v>
      </c>
      <c r="E15743" t="s">
        <v>9544</v>
      </c>
      <c r="F15743" t="s">
        <v>9545</v>
      </c>
      <c r="G15743" t="s">
        <v>80</v>
      </c>
      <c r="H15743" t="s">
        <v>81</v>
      </c>
      <c r="I15743" s="2">
        <v>0</v>
      </c>
      <c r="J15743" s="2">
        <v>1</v>
      </c>
      <c r="K15743" s="2">
        <v>0</v>
      </c>
      <c r="L15743" t="s">
        <v>82</v>
      </c>
      <c r="M15743" t="s">
        <v>87</v>
      </c>
      <c r="N15743" t="s">
        <v>88</v>
      </c>
      <c r="O15743" t="s">
        <v>85</v>
      </c>
      <c r="P15743" t="s">
        <v>86</v>
      </c>
      <c r="Q15743">
        <v>43</v>
      </c>
      <c r="R15743">
        <v>43</v>
      </c>
      <c r="S15743">
        <v>43</v>
      </c>
      <c r="T15743">
        <v>43</v>
      </c>
      <c r="U15743">
        <v>42</v>
      </c>
      <c r="V15743">
        <v>42</v>
      </c>
      <c r="W15743">
        <v>42</v>
      </c>
      <c r="X15743">
        <v>42</v>
      </c>
      <c r="Y15743">
        <v>42</v>
      </c>
      <c r="Z15743">
        <v>42</v>
      </c>
      <c r="AA15743">
        <v>42</v>
      </c>
      <c r="AB15743">
        <v>42</v>
      </c>
      <c r="AC15743">
        <v>42</v>
      </c>
      <c r="AD15743">
        <v>41</v>
      </c>
      <c r="AE15743">
        <v>41</v>
      </c>
      <c r="AF15743">
        <v>41</v>
      </c>
      <c r="AG15743">
        <v>41</v>
      </c>
      <c r="AH15743">
        <v>41</v>
      </c>
      <c r="AI15743">
        <v>41</v>
      </c>
      <c r="AJ15743">
        <v>41</v>
      </c>
      <c r="AK15743">
        <v>41</v>
      </c>
      <c r="AL15743">
        <v>40</v>
      </c>
      <c r="AM15743">
        <v>40</v>
      </c>
      <c r="AN15743">
        <v>40</v>
      </c>
      <c r="AO15743">
        <v>40</v>
      </c>
      <c r="AP15743">
        <v>40</v>
      </c>
      <c r="AQ15743">
        <v>40</v>
      </c>
    </row>
    <row r="15744" spans="1:43">
      <c r="A15744" t="s">
        <v>9782</v>
      </c>
      <c r="B15744" t="s">
        <v>9783</v>
      </c>
      <c r="C15744" t="s">
        <v>9772</v>
      </c>
      <c r="D15744" t="s">
        <v>9773</v>
      </c>
      <c r="E15744" t="s">
        <v>9544</v>
      </c>
      <c r="F15744" t="s">
        <v>9545</v>
      </c>
      <c r="G15744" t="s">
        <v>80</v>
      </c>
      <c r="H15744" t="s">
        <v>81</v>
      </c>
      <c r="I15744" s="2">
        <v>0</v>
      </c>
      <c r="J15744" s="2">
        <v>1</v>
      </c>
      <c r="K15744" s="2">
        <v>0</v>
      </c>
      <c r="L15744" t="s">
        <v>82</v>
      </c>
      <c r="M15744" t="s">
        <v>89</v>
      </c>
      <c r="N15744" t="s">
        <v>90</v>
      </c>
      <c r="O15744" t="s">
        <v>85</v>
      </c>
      <c r="P15744" t="s">
        <v>86</v>
      </c>
      <c r="Q15744">
        <v>43</v>
      </c>
      <c r="R15744">
        <v>43</v>
      </c>
      <c r="S15744">
        <v>44</v>
      </c>
      <c r="T15744">
        <v>45</v>
      </c>
      <c r="U15744">
        <v>45</v>
      </c>
      <c r="V15744">
        <v>46</v>
      </c>
      <c r="W15744">
        <v>46</v>
      </c>
      <c r="X15744">
        <v>47</v>
      </c>
      <c r="Y15744">
        <v>47</v>
      </c>
      <c r="Z15744">
        <v>48</v>
      </c>
      <c r="AA15744">
        <v>48</v>
      </c>
      <c r="AB15744">
        <v>48</v>
      </c>
      <c r="AC15744">
        <v>49</v>
      </c>
      <c r="AD15744">
        <v>49</v>
      </c>
      <c r="AE15744">
        <v>49</v>
      </c>
      <c r="AF15744">
        <v>49</v>
      </c>
      <c r="AG15744">
        <v>49</v>
      </c>
      <c r="AH15744">
        <v>48</v>
      </c>
      <c r="AI15744">
        <v>48</v>
      </c>
      <c r="AJ15744">
        <v>48</v>
      </c>
      <c r="AK15744">
        <v>47</v>
      </c>
      <c r="AL15744">
        <v>47</v>
      </c>
      <c r="AM15744">
        <v>47</v>
      </c>
      <c r="AN15744">
        <v>47</v>
      </c>
      <c r="AO15744">
        <v>46</v>
      </c>
      <c r="AP15744">
        <v>46</v>
      </c>
      <c r="AQ15744">
        <v>46</v>
      </c>
    </row>
    <row r="15745" spans="1:43">
      <c r="A15745" t="s">
        <v>9782</v>
      </c>
      <c r="B15745" t="s">
        <v>9783</v>
      </c>
      <c r="C15745" t="s">
        <v>9772</v>
      </c>
      <c r="D15745" t="s">
        <v>9773</v>
      </c>
      <c r="E15745" t="s">
        <v>9544</v>
      </c>
      <c r="F15745" t="s">
        <v>9545</v>
      </c>
      <c r="G15745" t="s">
        <v>80</v>
      </c>
      <c r="H15745" t="s">
        <v>81</v>
      </c>
      <c r="I15745" s="2">
        <v>0</v>
      </c>
      <c r="J15745" s="2">
        <v>1</v>
      </c>
      <c r="K15745" s="2">
        <v>0</v>
      </c>
      <c r="L15745" t="s">
        <v>82</v>
      </c>
      <c r="M15745" t="s">
        <v>83</v>
      </c>
      <c r="N15745" t="s">
        <v>91</v>
      </c>
      <c r="O15745" t="s">
        <v>85</v>
      </c>
      <c r="P15745" t="s">
        <v>86</v>
      </c>
      <c r="Q15745">
        <v>43</v>
      </c>
      <c r="R15745">
        <v>44</v>
      </c>
      <c r="S15745">
        <v>44</v>
      </c>
      <c r="T15745">
        <v>44</v>
      </c>
      <c r="U15745">
        <v>44</v>
      </c>
      <c r="V15745">
        <v>45</v>
      </c>
      <c r="W15745">
        <v>45</v>
      </c>
      <c r="X15745">
        <v>45</v>
      </c>
      <c r="Y15745">
        <v>45</v>
      </c>
      <c r="Z15745">
        <v>46</v>
      </c>
      <c r="AA15745">
        <v>46</v>
      </c>
      <c r="AB15745">
        <v>46</v>
      </c>
      <c r="AC15745">
        <v>46</v>
      </c>
      <c r="AD15745">
        <v>47</v>
      </c>
      <c r="AE15745">
        <v>47</v>
      </c>
      <c r="AF15745">
        <v>47</v>
      </c>
      <c r="AG15745">
        <v>47</v>
      </c>
      <c r="AH15745">
        <v>47</v>
      </c>
      <c r="AI15745">
        <v>47</v>
      </c>
      <c r="AJ15745">
        <v>48</v>
      </c>
      <c r="AK15745">
        <v>48</v>
      </c>
      <c r="AL15745">
        <v>48</v>
      </c>
      <c r="AM15745">
        <v>47</v>
      </c>
      <c r="AN15745">
        <v>47</v>
      </c>
      <c r="AO15745">
        <v>47</v>
      </c>
      <c r="AP15745">
        <v>46</v>
      </c>
      <c r="AQ15745">
        <v>46</v>
      </c>
    </row>
    <row r="15746" spans="1:43">
      <c r="A15746" t="s">
        <v>9784</v>
      </c>
      <c r="B15746" t="s">
        <v>9785</v>
      </c>
      <c r="C15746" t="s">
        <v>9786</v>
      </c>
      <c r="D15746" t="s">
        <v>9787</v>
      </c>
      <c r="E15746" t="s">
        <v>9544</v>
      </c>
      <c r="F15746" t="s">
        <v>9545</v>
      </c>
      <c r="G15746" t="s">
        <v>80</v>
      </c>
      <c r="H15746" t="s">
        <v>81</v>
      </c>
      <c r="I15746" s="2">
        <v>0</v>
      </c>
      <c r="J15746" s="2">
        <v>1</v>
      </c>
      <c r="K15746" s="2">
        <v>0</v>
      </c>
      <c r="L15746" t="s">
        <v>82</v>
      </c>
      <c r="M15746" t="s">
        <v>83</v>
      </c>
      <c r="N15746" t="s">
        <v>84</v>
      </c>
      <c r="O15746" t="s">
        <v>85</v>
      </c>
      <c r="P15746" t="s">
        <v>86</v>
      </c>
      <c r="Q15746">
        <v>22</v>
      </c>
      <c r="R15746">
        <v>22</v>
      </c>
      <c r="S15746">
        <v>23</v>
      </c>
      <c r="T15746">
        <v>23</v>
      </c>
      <c r="U15746">
        <v>23</v>
      </c>
      <c r="V15746">
        <v>23</v>
      </c>
      <c r="W15746">
        <v>24</v>
      </c>
      <c r="X15746">
        <v>24</v>
      </c>
      <c r="Y15746">
        <v>24</v>
      </c>
      <c r="Z15746">
        <v>24</v>
      </c>
      <c r="AA15746">
        <v>24</v>
      </c>
      <c r="AB15746">
        <v>24</v>
      </c>
      <c r="AC15746">
        <v>25</v>
      </c>
      <c r="AD15746">
        <v>25</v>
      </c>
      <c r="AE15746">
        <v>25</v>
      </c>
      <c r="AF15746">
        <v>25</v>
      </c>
      <c r="AG15746">
        <v>25</v>
      </c>
      <c r="AH15746">
        <v>25</v>
      </c>
      <c r="AI15746">
        <v>25</v>
      </c>
      <c r="AJ15746">
        <v>26</v>
      </c>
      <c r="AK15746">
        <v>26</v>
      </c>
      <c r="AL15746">
        <v>26</v>
      </c>
      <c r="AM15746">
        <v>26</v>
      </c>
      <c r="AN15746">
        <v>26</v>
      </c>
      <c r="AO15746">
        <v>25</v>
      </c>
      <c r="AP15746">
        <v>25</v>
      </c>
      <c r="AQ15746">
        <v>25</v>
      </c>
    </row>
    <row r="15747" spans="1:43">
      <c r="A15747" t="s">
        <v>9784</v>
      </c>
      <c r="B15747" t="s">
        <v>9785</v>
      </c>
      <c r="C15747" t="s">
        <v>9786</v>
      </c>
      <c r="D15747" t="s">
        <v>9787</v>
      </c>
      <c r="E15747" t="s">
        <v>9544</v>
      </c>
      <c r="F15747" t="s">
        <v>9545</v>
      </c>
      <c r="G15747" t="s">
        <v>80</v>
      </c>
      <c r="H15747" t="s">
        <v>81</v>
      </c>
      <c r="I15747" s="2">
        <v>0</v>
      </c>
      <c r="J15747" s="2">
        <v>1</v>
      </c>
      <c r="K15747" s="2">
        <v>0</v>
      </c>
      <c r="L15747" t="s">
        <v>82</v>
      </c>
      <c r="M15747" t="s">
        <v>87</v>
      </c>
      <c r="N15747" t="s">
        <v>88</v>
      </c>
      <c r="O15747" t="s">
        <v>85</v>
      </c>
      <c r="P15747" t="s">
        <v>86</v>
      </c>
      <c r="Q15747">
        <v>22</v>
      </c>
      <c r="R15747">
        <v>22</v>
      </c>
      <c r="S15747">
        <v>22</v>
      </c>
      <c r="T15747">
        <v>22</v>
      </c>
      <c r="U15747">
        <v>22</v>
      </c>
      <c r="V15747">
        <v>22</v>
      </c>
      <c r="W15747">
        <v>22</v>
      </c>
      <c r="X15747">
        <v>22</v>
      </c>
      <c r="Y15747">
        <v>22</v>
      </c>
      <c r="Z15747">
        <v>22</v>
      </c>
      <c r="AA15747">
        <v>22</v>
      </c>
      <c r="AB15747">
        <v>22</v>
      </c>
      <c r="AC15747">
        <v>22</v>
      </c>
      <c r="AD15747">
        <v>22</v>
      </c>
      <c r="AE15747">
        <v>22</v>
      </c>
      <c r="AF15747">
        <v>22</v>
      </c>
      <c r="AG15747">
        <v>22</v>
      </c>
      <c r="AH15747">
        <v>22</v>
      </c>
      <c r="AI15747">
        <v>22</v>
      </c>
      <c r="AJ15747">
        <v>22</v>
      </c>
      <c r="AK15747">
        <v>22</v>
      </c>
      <c r="AL15747">
        <v>22</v>
      </c>
      <c r="AM15747">
        <v>22</v>
      </c>
      <c r="AN15747">
        <v>22</v>
      </c>
      <c r="AO15747">
        <v>22</v>
      </c>
      <c r="AP15747">
        <v>22</v>
      </c>
      <c r="AQ15747">
        <v>22</v>
      </c>
    </row>
    <row r="15748" spans="1:43">
      <c r="A15748" t="s">
        <v>9784</v>
      </c>
      <c r="B15748" t="s">
        <v>9785</v>
      </c>
      <c r="C15748" t="s">
        <v>9786</v>
      </c>
      <c r="D15748" t="s">
        <v>9787</v>
      </c>
      <c r="E15748" t="s">
        <v>9544</v>
      </c>
      <c r="F15748" t="s">
        <v>9545</v>
      </c>
      <c r="G15748" t="s">
        <v>80</v>
      </c>
      <c r="H15748" t="s">
        <v>81</v>
      </c>
      <c r="I15748" s="2">
        <v>0</v>
      </c>
      <c r="J15748" s="2">
        <v>1</v>
      </c>
      <c r="K15748" s="2">
        <v>0</v>
      </c>
      <c r="L15748" t="s">
        <v>82</v>
      </c>
      <c r="M15748" t="s">
        <v>89</v>
      </c>
      <c r="N15748" t="s">
        <v>90</v>
      </c>
      <c r="O15748" t="s">
        <v>85</v>
      </c>
      <c r="P15748" t="s">
        <v>86</v>
      </c>
      <c r="Q15748">
        <v>22</v>
      </c>
      <c r="R15748">
        <v>23</v>
      </c>
      <c r="S15748">
        <v>23</v>
      </c>
      <c r="T15748">
        <v>24</v>
      </c>
      <c r="U15748">
        <v>24</v>
      </c>
      <c r="V15748">
        <v>24</v>
      </c>
      <c r="W15748">
        <v>25</v>
      </c>
      <c r="X15748">
        <v>25</v>
      </c>
      <c r="Y15748">
        <v>25</v>
      </c>
      <c r="Z15748">
        <v>26</v>
      </c>
      <c r="AA15748">
        <v>26</v>
      </c>
      <c r="AB15748">
        <v>26</v>
      </c>
      <c r="AC15748">
        <v>26</v>
      </c>
      <c r="AD15748">
        <v>26</v>
      </c>
      <c r="AE15748">
        <v>27</v>
      </c>
      <c r="AF15748">
        <v>26</v>
      </c>
      <c r="AG15748">
        <v>26</v>
      </c>
      <c r="AH15748">
        <v>26</v>
      </c>
      <c r="AI15748">
        <v>26</v>
      </c>
      <c r="AJ15748">
        <v>26</v>
      </c>
      <c r="AK15748">
        <v>26</v>
      </c>
      <c r="AL15748">
        <v>26</v>
      </c>
      <c r="AM15748">
        <v>26</v>
      </c>
      <c r="AN15748">
        <v>26</v>
      </c>
      <c r="AO15748">
        <v>26</v>
      </c>
      <c r="AP15748">
        <v>26</v>
      </c>
      <c r="AQ15748">
        <v>26</v>
      </c>
    </row>
    <row r="15749" spans="1:43">
      <c r="A15749" t="s">
        <v>9784</v>
      </c>
      <c r="B15749" t="s">
        <v>9785</v>
      </c>
      <c r="C15749" t="s">
        <v>9786</v>
      </c>
      <c r="D15749" t="s">
        <v>9787</v>
      </c>
      <c r="E15749" t="s">
        <v>9544</v>
      </c>
      <c r="F15749" t="s">
        <v>9545</v>
      </c>
      <c r="G15749" t="s">
        <v>80</v>
      </c>
      <c r="H15749" t="s">
        <v>81</v>
      </c>
      <c r="I15749" s="2">
        <v>0</v>
      </c>
      <c r="J15749" s="2">
        <v>1</v>
      </c>
      <c r="K15749" s="2">
        <v>0</v>
      </c>
      <c r="L15749" t="s">
        <v>82</v>
      </c>
      <c r="M15749" t="s">
        <v>83</v>
      </c>
      <c r="N15749" t="s">
        <v>91</v>
      </c>
      <c r="O15749" t="s">
        <v>85</v>
      </c>
      <c r="P15749" t="s">
        <v>86</v>
      </c>
      <c r="Q15749">
        <v>22</v>
      </c>
      <c r="R15749">
        <v>22</v>
      </c>
      <c r="S15749">
        <v>23</v>
      </c>
      <c r="T15749">
        <v>23</v>
      </c>
      <c r="U15749">
        <v>23</v>
      </c>
      <c r="V15749">
        <v>23</v>
      </c>
      <c r="W15749">
        <v>24</v>
      </c>
      <c r="X15749">
        <v>24</v>
      </c>
      <c r="Y15749">
        <v>24</v>
      </c>
      <c r="Z15749">
        <v>24</v>
      </c>
      <c r="AA15749">
        <v>24</v>
      </c>
      <c r="AB15749">
        <v>24</v>
      </c>
      <c r="AC15749">
        <v>25</v>
      </c>
      <c r="AD15749">
        <v>25</v>
      </c>
      <c r="AE15749">
        <v>25</v>
      </c>
      <c r="AF15749">
        <v>25</v>
      </c>
      <c r="AG15749">
        <v>25</v>
      </c>
      <c r="AH15749">
        <v>25</v>
      </c>
      <c r="AI15749">
        <v>25</v>
      </c>
      <c r="AJ15749">
        <v>26</v>
      </c>
      <c r="AK15749">
        <v>26</v>
      </c>
      <c r="AL15749">
        <v>26</v>
      </c>
      <c r="AM15749">
        <v>26</v>
      </c>
      <c r="AN15749">
        <v>26</v>
      </c>
      <c r="AO15749">
        <v>25</v>
      </c>
      <c r="AP15749">
        <v>25</v>
      </c>
      <c r="AQ15749">
        <v>25</v>
      </c>
    </row>
    <row r="15750" spans="1:43">
      <c r="A15750" t="s">
        <v>9788</v>
      </c>
      <c r="B15750" t="s">
        <v>9789</v>
      </c>
      <c r="C15750" t="s">
        <v>9790</v>
      </c>
      <c r="D15750" t="s">
        <v>9791</v>
      </c>
      <c r="E15750" t="s">
        <v>9544</v>
      </c>
      <c r="F15750" t="s">
        <v>9545</v>
      </c>
      <c r="G15750" t="s">
        <v>80</v>
      </c>
      <c r="H15750" t="s">
        <v>81</v>
      </c>
      <c r="I15750" s="2">
        <v>0</v>
      </c>
      <c r="J15750" s="2">
        <v>1</v>
      </c>
      <c r="K15750" s="2">
        <v>0</v>
      </c>
      <c r="L15750" t="s">
        <v>82</v>
      </c>
      <c r="M15750" t="s">
        <v>83</v>
      </c>
      <c r="N15750" t="s">
        <v>84</v>
      </c>
      <c r="O15750" t="s">
        <v>85</v>
      </c>
      <c r="P15750" t="s">
        <v>86</v>
      </c>
      <c r="Q15750">
        <v>21</v>
      </c>
      <c r="R15750">
        <v>21</v>
      </c>
      <c r="S15750">
        <v>21</v>
      </c>
      <c r="T15750">
        <v>21</v>
      </c>
      <c r="U15750">
        <v>22</v>
      </c>
      <c r="V15750">
        <v>22</v>
      </c>
      <c r="W15750">
        <v>22</v>
      </c>
      <c r="X15750">
        <v>22</v>
      </c>
      <c r="Y15750">
        <v>22</v>
      </c>
      <c r="Z15750">
        <v>22</v>
      </c>
      <c r="AA15750">
        <v>23</v>
      </c>
      <c r="AB15750">
        <v>23</v>
      </c>
      <c r="AC15750">
        <v>23</v>
      </c>
      <c r="AD15750">
        <v>23</v>
      </c>
      <c r="AE15750">
        <v>23</v>
      </c>
      <c r="AF15750">
        <v>23</v>
      </c>
      <c r="AG15750">
        <v>23</v>
      </c>
      <c r="AH15750">
        <v>23</v>
      </c>
      <c r="AI15750">
        <v>24</v>
      </c>
      <c r="AJ15750">
        <v>24</v>
      </c>
      <c r="AK15750">
        <v>24</v>
      </c>
      <c r="AL15750">
        <v>24</v>
      </c>
      <c r="AM15750">
        <v>24</v>
      </c>
      <c r="AN15750">
        <v>24</v>
      </c>
      <c r="AO15750">
        <v>24</v>
      </c>
      <c r="AP15750">
        <v>23</v>
      </c>
      <c r="AQ15750">
        <v>23</v>
      </c>
    </row>
    <row r="15751" spans="1:43">
      <c r="A15751" t="s">
        <v>9788</v>
      </c>
      <c r="B15751" t="s">
        <v>9789</v>
      </c>
      <c r="C15751" t="s">
        <v>9790</v>
      </c>
      <c r="D15751" t="s">
        <v>9791</v>
      </c>
      <c r="E15751" t="s">
        <v>9544</v>
      </c>
      <c r="F15751" t="s">
        <v>9545</v>
      </c>
      <c r="G15751" t="s">
        <v>80</v>
      </c>
      <c r="H15751" t="s">
        <v>81</v>
      </c>
      <c r="I15751" s="2">
        <v>0</v>
      </c>
      <c r="J15751" s="2">
        <v>1</v>
      </c>
      <c r="K15751" s="2">
        <v>0</v>
      </c>
      <c r="L15751" t="s">
        <v>82</v>
      </c>
      <c r="M15751" t="s">
        <v>87</v>
      </c>
      <c r="N15751" t="s">
        <v>88</v>
      </c>
      <c r="O15751" t="s">
        <v>85</v>
      </c>
      <c r="P15751" t="s">
        <v>86</v>
      </c>
      <c r="Q15751">
        <v>21</v>
      </c>
      <c r="R15751">
        <v>21</v>
      </c>
      <c r="S15751">
        <v>21</v>
      </c>
      <c r="T15751">
        <v>21</v>
      </c>
      <c r="U15751">
        <v>21</v>
      </c>
      <c r="V15751">
        <v>21</v>
      </c>
      <c r="W15751">
        <v>21</v>
      </c>
      <c r="X15751">
        <v>21</v>
      </c>
      <c r="Y15751">
        <v>21</v>
      </c>
      <c r="Z15751">
        <v>21</v>
      </c>
      <c r="AA15751">
        <v>21</v>
      </c>
      <c r="AB15751">
        <v>21</v>
      </c>
      <c r="AC15751">
        <v>21</v>
      </c>
      <c r="AD15751">
        <v>21</v>
      </c>
      <c r="AE15751">
        <v>21</v>
      </c>
      <c r="AF15751">
        <v>21</v>
      </c>
      <c r="AG15751">
        <v>21</v>
      </c>
      <c r="AH15751">
        <v>20</v>
      </c>
      <c r="AI15751">
        <v>20</v>
      </c>
      <c r="AJ15751">
        <v>20</v>
      </c>
      <c r="AK15751">
        <v>20</v>
      </c>
      <c r="AL15751">
        <v>20</v>
      </c>
      <c r="AM15751">
        <v>20</v>
      </c>
      <c r="AN15751">
        <v>20</v>
      </c>
      <c r="AO15751">
        <v>20</v>
      </c>
      <c r="AP15751">
        <v>20</v>
      </c>
      <c r="AQ15751">
        <v>20</v>
      </c>
    </row>
    <row r="15752" spans="1:43">
      <c r="A15752" t="s">
        <v>9788</v>
      </c>
      <c r="B15752" t="s">
        <v>9789</v>
      </c>
      <c r="C15752" t="s">
        <v>9790</v>
      </c>
      <c r="D15752" t="s">
        <v>9791</v>
      </c>
      <c r="E15752" t="s">
        <v>9544</v>
      </c>
      <c r="F15752" t="s">
        <v>9545</v>
      </c>
      <c r="G15752" t="s">
        <v>80</v>
      </c>
      <c r="H15752" t="s">
        <v>81</v>
      </c>
      <c r="I15752" s="2">
        <v>0</v>
      </c>
      <c r="J15752" s="2">
        <v>1</v>
      </c>
      <c r="K15752" s="2">
        <v>0</v>
      </c>
      <c r="L15752" t="s">
        <v>82</v>
      </c>
      <c r="M15752" t="s">
        <v>89</v>
      </c>
      <c r="N15752" t="s">
        <v>90</v>
      </c>
      <c r="O15752" t="s">
        <v>85</v>
      </c>
      <c r="P15752" t="s">
        <v>86</v>
      </c>
      <c r="Q15752">
        <v>21</v>
      </c>
      <c r="R15752">
        <v>21</v>
      </c>
      <c r="S15752">
        <v>22</v>
      </c>
      <c r="T15752">
        <v>22</v>
      </c>
      <c r="U15752">
        <v>22</v>
      </c>
      <c r="V15752">
        <v>23</v>
      </c>
      <c r="W15752">
        <v>23</v>
      </c>
      <c r="X15752">
        <v>23</v>
      </c>
      <c r="Y15752">
        <v>24</v>
      </c>
      <c r="Z15752">
        <v>24</v>
      </c>
      <c r="AA15752">
        <v>24</v>
      </c>
      <c r="AB15752">
        <v>24</v>
      </c>
      <c r="AC15752">
        <v>24</v>
      </c>
      <c r="AD15752">
        <v>25</v>
      </c>
      <c r="AE15752">
        <v>25</v>
      </c>
      <c r="AF15752">
        <v>25</v>
      </c>
      <c r="AG15752">
        <v>25</v>
      </c>
      <c r="AH15752">
        <v>24</v>
      </c>
      <c r="AI15752">
        <v>24</v>
      </c>
      <c r="AJ15752">
        <v>24</v>
      </c>
      <c r="AK15752">
        <v>24</v>
      </c>
      <c r="AL15752">
        <v>24</v>
      </c>
      <c r="AM15752">
        <v>24</v>
      </c>
      <c r="AN15752">
        <v>24</v>
      </c>
      <c r="AO15752">
        <v>24</v>
      </c>
      <c r="AP15752">
        <v>24</v>
      </c>
      <c r="AQ15752">
        <v>24</v>
      </c>
    </row>
    <row r="15753" spans="1:43">
      <c r="A15753" t="s">
        <v>9788</v>
      </c>
      <c r="B15753" t="s">
        <v>9789</v>
      </c>
      <c r="C15753" t="s">
        <v>9790</v>
      </c>
      <c r="D15753" t="s">
        <v>9791</v>
      </c>
      <c r="E15753" t="s">
        <v>9544</v>
      </c>
      <c r="F15753" t="s">
        <v>9545</v>
      </c>
      <c r="G15753" t="s">
        <v>80</v>
      </c>
      <c r="H15753" t="s">
        <v>81</v>
      </c>
      <c r="I15753" s="2">
        <v>0</v>
      </c>
      <c r="J15753" s="2">
        <v>1</v>
      </c>
      <c r="K15753" s="2">
        <v>0</v>
      </c>
      <c r="L15753" t="s">
        <v>82</v>
      </c>
      <c r="M15753" t="s">
        <v>83</v>
      </c>
      <c r="N15753" t="s">
        <v>91</v>
      </c>
      <c r="O15753" t="s">
        <v>85</v>
      </c>
      <c r="P15753" t="s">
        <v>86</v>
      </c>
      <c r="Q15753">
        <v>21</v>
      </c>
      <c r="R15753">
        <v>21</v>
      </c>
      <c r="S15753">
        <v>21</v>
      </c>
      <c r="T15753">
        <v>21</v>
      </c>
      <c r="U15753">
        <v>22</v>
      </c>
      <c r="V15753">
        <v>22</v>
      </c>
      <c r="W15753">
        <v>22</v>
      </c>
      <c r="X15753">
        <v>22</v>
      </c>
      <c r="Y15753">
        <v>22</v>
      </c>
      <c r="Z15753">
        <v>22</v>
      </c>
      <c r="AA15753">
        <v>23</v>
      </c>
      <c r="AB15753">
        <v>23</v>
      </c>
      <c r="AC15753">
        <v>23</v>
      </c>
      <c r="AD15753">
        <v>23</v>
      </c>
      <c r="AE15753">
        <v>23</v>
      </c>
      <c r="AF15753">
        <v>23</v>
      </c>
      <c r="AG15753">
        <v>23</v>
      </c>
      <c r="AH15753">
        <v>23</v>
      </c>
      <c r="AI15753">
        <v>24</v>
      </c>
      <c r="AJ15753">
        <v>24</v>
      </c>
      <c r="AK15753">
        <v>24</v>
      </c>
      <c r="AL15753">
        <v>24</v>
      </c>
      <c r="AM15753">
        <v>24</v>
      </c>
      <c r="AN15753">
        <v>24</v>
      </c>
      <c r="AO15753">
        <v>24</v>
      </c>
      <c r="AP15753">
        <v>23</v>
      </c>
      <c r="AQ15753">
        <v>23</v>
      </c>
    </row>
    <row r="15754" spans="1:43">
      <c r="A15754" t="s">
        <v>9792</v>
      </c>
      <c r="B15754" t="s">
        <v>9793</v>
      </c>
      <c r="C15754" t="s">
        <v>9790</v>
      </c>
      <c r="D15754" t="s">
        <v>9791</v>
      </c>
      <c r="E15754" t="s">
        <v>9544</v>
      </c>
      <c r="F15754" t="s">
        <v>9545</v>
      </c>
      <c r="G15754" t="s">
        <v>80</v>
      </c>
      <c r="H15754" t="s">
        <v>81</v>
      </c>
      <c r="I15754" s="2">
        <v>0</v>
      </c>
      <c r="J15754" s="2">
        <v>1</v>
      </c>
      <c r="K15754" s="2">
        <v>0</v>
      </c>
      <c r="L15754" t="s">
        <v>82</v>
      </c>
      <c r="M15754" t="s">
        <v>83</v>
      </c>
      <c r="N15754" t="s">
        <v>84</v>
      </c>
      <c r="O15754" t="s">
        <v>85</v>
      </c>
      <c r="P15754" t="s">
        <v>86</v>
      </c>
      <c r="Q15754">
        <v>28</v>
      </c>
      <c r="R15754">
        <v>29</v>
      </c>
      <c r="S15754">
        <v>29</v>
      </c>
      <c r="T15754">
        <v>29</v>
      </c>
      <c r="U15754">
        <v>29</v>
      </c>
      <c r="V15754">
        <v>30</v>
      </c>
      <c r="W15754">
        <v>30</v>
      </c>
      <c r="X15754">
        <v>30</v>
      </c>
      <c r="Y15754">
        <v>30</v>
      </c>
      <c r="Z15754">
        <v>31</v>
      </c>
      <c r="AA15754">
        <v>31</v>
      </c>
      <c r="AB15754">
        <v>31</v>
      </c>
      <c r="AC15754">
        <v>31</v>
      </c>
      <c r="AD15754">
        <v>32</v>
      </c>
      <c r="AE15754">
        <v>32</v>
      </c>
      <c r="AF15754">
        <v>32</v>
      </c>
      <c r="AG15754">
        <v>32</v>
      </c>
      <c r="AH15754">
        <v>32</v>
      </c>
      <c r="AI15754">
        <v>32</v>
      </c>
      <c r="AJ15754">
        <v>32</v>
      </c>
      <c r="AK15754">
        <v>33</v>
      </c>
      <c r="AL15754">
        <v>33</v>
      </c>
      <c r="AM15754">
        <v>33</v>
      </c>
      <c r="AN15754">
        <v>32</v>
      </c>
      <c r="AO15754">
        <v>32</v>
      </c>
      <c r="AP15754">
        <v>32</v>
      </c>
      <c r="AQ15754">
        <v>32</v>
      </c>
    </row>
    <row r="15755" spans="1:43">
      <c r="A15755" t="s">
        <v>9792</v>
      </c>
      <c r="B15755" t="s">
        <v>9793</v>
      </c>
      <c r="C15755" t="s">
        <v>9790</v>
      </c>
      <c r="D15755" t="s">
        <v>9791</v>
      </c>
      <c r="E15755" t="s">
        <v>9544</v>
      </c>
      <c r="F15755" t="s">
        <v>9545</v>
      </c>
      <c r="G15755" t="s">
        <v>80</v>
      </c>
      <c r="H15755" t="s">
        <v>81</v>
      </c>
      <c r="I15755" s="2">
        <v>0</v>
      </c>
      <c r="J15755" s="2">
        <v>1</v>
      </c>
      <c r="K15755" s="2">
        <v>0</v>
      </c>
      <c r="L15755" t="s">
        <v>82</v>
      </c>
      <c r="M15755" t="s">
        <v>87</v>
      </c>
      <c r="N15755" t="s">
        <v>88</v>
      </c>
      <c r="O15755" t="s">
        <v>85</v>
      </c>
      <c r="P15755" t="s">
        <v>86</v>
      </c>
      <c r="Q15755">
        <v>28</v>
      </c>
      <c r="R15755">
        <v>28</v>
      </c>
      <c r="S15755">
        <v>28</v>
      </c>
      <c r="T15755">
        <v>28</v>
      </c>
      <c r="U15755">
        <v>28</v>
      </c>
      <c r="V15755">
        <v>28</v>
      </c>
      <c r="W15755">
        <v>28</v>
      </c>
      <c r="X15755">
        <v>28</v>
      </c>
      <c r="Y15755">
        <v>28</v>
      </c>
      <c r="Z15755">
        <v>28</v>
      </c>
      <c r="AA15755">
        <v>28</v>
      </c>
      <c r="AB15755">
        <v>28</v>
      </c>
      <c r="AC15755">
        <v>28</v>
      </c>
      <c r="AD15755">
        <v>28</v>
      </c>
      <c r="AE15755">
        <v>28</v>
      </c>
      <c r="AF15755">
        <v>28</v>
      </c>
      <c r="AG15755">
        <v>28</v>
      </c>
      <c r="AH15755">
        <v>28</v>
      </c>
      <c r="AI15755">
        <v>28</v>
      </c>
      <c r="AJ15755">
        <v>28</v>
      </c>
      <c r="AK15755">
        <v>28</v>
      </c>
      <c r="AL15755">
        <v>28</v>
      </c>
      <c r="AM15755">
        <v>28</v>
      </c>
      <c r="AN15755">
        <v>28</v>
      </c>
      <c r="AO15755">
        <v>28</v>
      </c>
      <c r="AP15755">
        <v>28</v>
      </c>
      <c r="AQ15755">
        <v>28</v>
      </c>
    </row>
    <row r="15756" spans="1:43">
      <c r="A15756" t="s">
        <v>9792</v>
      </c>
      <c r="B15756" t="s">
        <v>9793</v>
      </c>
      <c r="C15756" t="s">
        <v>9790</v>
      </c>
      <c r="D15756" t="s">
        <v>9791</v>
      </c>
      <c r="E15756" t="s">
        <v>9544</v>
      </c>
      <c r="F15756" t="s">
        <v>9545</v>
      </c>
      <c r="G15756" t="s">
        <v>80</v>
      </c>
      <c r="H15756" t="s">
        <v>81</v>
      </c>
      <c r="I15756" s="2">
        <v>0</v>
      </c>
      <c r="J15756" s="2">
        <v>1</v>
      </c>
      <c r="K15756" s="2">
        <v>0</v>
      </c>
      <c r="L15756" t="s">
        <v>82</v>
      </c>
      <c r="M15756" t="s">
        <v>89</v>
      </c>
      <c r="N15756" t="s">
        <v>90</v>
      </c>
      <c r="O15756" t="s">
        <v>85</v>
      </c>
      <c r="P15756" t="s">
        <v>86</v>
      </c>
      <c r="Q15756">
        <v>28</v>
      </c>
      <c r="R15756">
        <v>28</v>
      </c>
      <c r="S15756">
        <v>29</v>
      </c>
      <c r="T15756">
        <v>29</v>
      </c>
      <c r="U15756">
        <v>30</v>
      </c>
      <c r="V15756">
        <v>30</v>
      </c>
      <c r="W15756">
        <v>30</v>
      </c>
      <c r="X15756">
        <v>31</v>
      </c>
      <c r="Y15756">
        <v>31</v>
      </c>
      <c r="Z15756">
        <v>31</v>
      </c>
      <c r="AA15756">
        <v>32</v>
      </c>
      <c r="AB15756">
        <v>32</v>
      </c>
      <c r="AC15756">
        <v>32</v>
      </c>
      <c r="AD15756">
        <v>33</v>
      </c>
      <c r="AE15756">
        <v>33</v>
      </c>
      <c r="AF15756">
        <v>33</v>
      </c>
      <c r="AG15756">
        <v>33</v>
      </c>
      <c r="AH15756">
        <v>33</v>
      </c>
      <c r="AI15756">
        <v>32</v>
      </c>
      <c r="AJ15756">
        <v>32</v>
      </c>
      <c r="AK15756">
        <v>32</v>
      </c>
      <c r="AL15756">
        <v>32</v>
      </c>
      <c r="AM15756">
        <v>32</v>
      </c>
      <c r="AN15756">
        <v>32</v>
      </c>
      <c r="AO15756">
        <v>32</v>
      </c>
      <c r="AP15756">
        <v>32</v>
      </c>
      <c r="AQ15756">
        <v>32</v>
      </c>
    </row>
    <row r="15757" spans="1:43">
      <c r="A15757" t="s">
        <v>9792</v>
      </c>
      <c r="B15757" t="s">
        <v>9793</v>
      </c>
      <c r="C15757" t="s">
        <v>9790</v>
      </c>
      <c r="D15757" t="s">
        <v>9791</v>
      </c>
      <c r="E15757" t="s">
        <v>9544</v>
      </c>
      <c r="F15757" t="s">
        <v>9545</v>
      </c>
      <c r="G15757" t="s">
        <v>80</v>
      </c>
      <c r="H15757" t="s">
        <v>81</v>
      </c>
      <c r="I15757" s="2">
        <v>0</v>
      </c>
      <c r="J15757" s="2">
        <v>1</v>
      </c>
      <c r="K15757" s="2">
        <v>0</v>
      </c>
      <c r="L15757" t="s">
        <v>82</v>
      </c>
      <c r="M15757" t="s">
        <v>83</v>
      </c>
      <c r="N15757" t="s">
        <v>91</v>
      </c>
      <c r="O15757" t="s">
        <v>85</v>
      </c>
      <c r="P15757" t="s">
        <v>86</v>
      </c>
      <c r="Q15757">
        <v>28</v>
      </c>
      <c r="R15757">
        <v>29</v>
      </c>
      <c r="S15757">
        <v>29</v>
      </c>
      <c r="T15757">
        <v>29</v>
      </c>
      <c r="U15757">
        <v>29</v>
      </c>
      <c r="V15757">
        <v>30</v>
      </c>
      <c r="W15757">
        <v>30</v>
      </c>
      <c r="X15757">
        <v>30</v>
      </c>
      <c r="Y15757">
        <v>30</v>
      </c>
      <c r="Z15757">
        <v>31</v>
      </c>
      <c r="AA15757">
        <v>31</v>
      </c>
      <c r="AB15757">
        <v>31</v>
      </c>
      <c r="AC15757">
        <v>31</v>
      </c>
      <c r="AD15757">
        <v>32</v>
      </c>
      <c r="AE15757">
        <v>32</v>
      </c>
      <c r="AF15757">
        <v>32</v>
      </c>
      <c r="AG15757">
        <v>32</v>
      </c>
      <c r="AH15757">
        <v>32</v>
      </c>
      <c r="AI15757">
        <v>32</v>
      </c>
      <c r="AJ15757">
        <v>32</v>
      </c>
      <c r="AK15757">
        <v>33</v>
      </c>
      <c r="AL15757">
        <v>33</v>
      </c>
      <c r="AM15757">
        <v>33</v>
      </c>
      <c r="AN15757">
        <v>32</v>
      </c>
      <c r="AO15757">
        <v>32</v>
      </c>
      <c r="AP15757">
        <v>32</v>
      </c>
      <c r="AQ15757">
        <v>32</v>
      </c>
    </row>
    <row r="15758" spans="1:43">
      <c r="A15758" t="s">
        <v>9794</v>
      </c>
      <c r="B15758" t="s">
        <v>9795</v>
      </c>
      <c r="C15758" t="s">
        <v>9790</v>
      </c>
      <c r="D15758" t="s">
        <v>9791</v>
      </c>
      <c r="E15758" t="s">
        <v>9544</v>
      </c>
      <c r="F15758" t="s">
        <v>9545</v>
      </c>
      <c r="G15758" t="s">
        <v>80</v>
      </c>
      <c r="H15758" t="s">
        <v>81</v>
      </c>
      <c r="I15758" s="2">
        <v>0</v>
      </c>
      <c r="J15758" s="2">
        <v>1</v>
      </c>
      <c r="K15758" s="2">
        <v>0</v>
      </c>
      <c r="L15758" t="s">
        <v>82</v>
      </c>
      <c r="M15758" t="s">
        <v>83</v>
      </c>
      <c r="N15758" t="s">
        <v>84</v>
      </c>
      <c r="O15758" t="s">
        <v>85</v>
      </c>
      <c r="P15758" t="s">
        <v>86</v>
      </c>
      <c r="Q15758">
        <v>26</v>
      </c>
      <c r="R15758">
        <v>27</v>
      </c>
      <c r="S15758">
        <v>27</v>
      </c>
      <c r="T15758">
        <v>27</v>
      </c>
      <c r="U15758">
        <v>27</v>
      </c>
      <c r="V15758">
        <v>28</v>
      </c>
      <c r="W15758">
        <v>28</v>
      </c>
      <c r="X15758">
        <v>28</v>
      </c>
      <c r="Y15758">
        <v>28</v>
      </c>
      <c r="Z15758">
        <v>28</v>
      </c>
      <c r="AA15758">
        <v>29</v>
      </c>
      <c r="AB15758">
        <v>29</v>
      </c>
      <c r="AC15758">
        <v>29</v>
      </c>
      <c r="AD15758">
        <v>29</v>
      </c>
      <c r="AE15758">
        <v>29</v>
      </c>
      <c r="AF15758">
        <v>30</v>
      </c>
      <c r="AG15758">
        <v>30</v>
      </c>
      <c r="AH15758">
        <v>30</v>
      </c>
      <c r="AI15758">
        <v>30</v>
      </c>
      <c r="AJ15758">
        <v>30</v>
      </c>
      <c r="AK15758">
        <v>30</v>
      </c>
      <c r="AL15758">
        <v>30</v>
      </c>
      <c r="AM15758">
        <v>30</v>
      </c>
      <c r="AN15758">
        <v>30</v>
      </c>
      <c r="AO15758">
        <v>30</v>
      </c>
      <c r="AP15758">
        <v>30</v>
      </c>
      <c r="AQ15758">
        <v>30</v>
      </c>
    </row>
    <row r="15759" spans="1:43">
      <c r="A15759" t="s">
        <v>9794</v>
      </c>
      <c r="B15759" t="s">
        <v>9795</v>
      </c>
      <c r="C15759" t="s">
        <v>9790</v>
      </c>
      <c r="D15759" t="s">
        <v>9791</v>
      </c>
      <c r="E15759" t="s">
        <v>9544</v>
      </c>
      <c r="F15759" t="s">
        <v>9545</v>
      </c>
      <c r="G15759" t="s">
        <v>80</v>
      </c>
      <c r="H15759" t="s">
        <v>81</v>
      </c>
      <c r="I15759" s="2">
        <v>0</v>
      </c>
      <c r="J15759" s="2">
        <v>1</v>
      </c>
      <c r="K15759" s="2">
        <v>0</v>
      </c>
      <c r="L15759" t="s">
        <v>82</v>
      </c>
      <c r="M15759" t="s">
        <v>87</v>
      </c>
      <c r="N15759" t="s">
        <v>88</v>
      </c>
      <c r="O15759" t="s">
        <v>85</v>
      </c>
      <c r="P15759" t="s">
        <v>86</v>
      </c>
      <c r="Q15759">
        <v>26</v>
      </c>
      <c r="R15759">
        <v>26</v>
      </c>
      <c r="S15759">
        <v>26</v>
      </c>
      <c r="T15759">
        <v>26</v>
      </c>
      <c r="U15759">
        <v>26</v>
      </c>
      <c r="V15759">
        <v>26</v>
      </c>
      <c r="W15759">
        <v>26</v>
      </c>
      <c r="X15759">
        <v>26</v>
      </c>
      <c r="Y15759">
        <v>26</v>
      </c>
      <c r="Z15759">
        <v>26</v>
      </c>
      <c r="AA15759">
        <v>26</v>
      </c>
      <c r="AB15759">
        <v>26</v>
      </c>
      <c r="AC15759">
        <v>26</v>
      </c>
      <c r="AD15759">
        <v>26</v>
      </c>
      <c r="AE15759">
        <v>26</v>
      </c>
      <c r="AF15759">
        <v>26</v>
      </c>
      <c r="AG15759">
        <v>26</v>
      </c>
      <c r="AH15759">
        <v>26</v>
      </c>
      <c r="AI15759">
        <v>26</v>
      </c>
      <c r="AJ15759">
        <v>26</v>
      </c>
      <c r="AK15759">
        <v>26</v>
      </c>
      <c r="AL15759">
        <v>26</v>
      </c>
      <c r="AM15759">
        <v>26</v>
      </c>
      <c r="AN15759">
        <v>26</v>
      </c>
      <c r="AO15759">
        <v>26</v>
      </c>
      <c r="AP15759">
        <v>26</v>
      </c>
      <c r="AQ15759">
        <v>26</v>
      </c>
    </row>
    <row r="15760" spans="1:43">
      <c r="A15760" t="s">
        <v>9794</v>
      </c>
      <c r="B15760" t="s">
        <v>9795</v>
      </c>
      <c r="C15760" t="s">
        <v>9790</v>
      </c>
      <c r="D15760" t="s">
        <v>9791</v>
      </c>
      <c r="E15760" t="s">
        <v>9544</v>
      </c>
      <c r="F15760" t="s">
        <v>9545</v>
      </c>
      <c r="G15760" t="s">
        <v>80</v>
      </c>
      <c r="H15760" t="s">
        <v>81</v>
      </c>
      <c r="I15760" s="2">
        <v>0</v>
      </c>
      <c r="J15760" s="2">
        <v>1</v>
      </c>
      <c r="K15760" s="2">
        <v>0</v>
      </c>
      <c r="L15760" t="s">
        <v>82</v>
      </c>
      <c r="M15760" t="s">
        <v>89</v>
      </c>
      <c r="N15760" t="s">
        <v>90</v>
      </c>
      <c r="O15760" t="s">
        <v>85</v>
      </c>
      <c r="P15760" t="s">
        <v>86</v>
      </c>
      <c r="Q15760">
        <v>26</v>
      </c>
      <c r="R15760">
        <v>26</v>
      </c>
      <c r="S15760">
        <v>26</v>
      </c>
      <c r="T15760">
        <v>27</v>
      </c>
      <c r="U15760">
        <v>27</v>
      </c>
      <c r="V15760">
        <v>28</v>
      </c>
      <c r="W15760">
        <v>28</v>
      </c>
      <c r="X15760">
        <v>29</v>
      </c>
      <c r="Y15760">
        <v>29</v>
      </c>
      <c r="Z15760">
        <v>29</v>
      </c>
      <c r="AA15760">
        <v>29</v>
      </c>
      <c r="AB15760">
        <v>30</v>
      </c>
      <c r="AC15760">
        <v>30</v>
      </c>
      <c r="AD15760">
        <v>30</v>
      </c>
      <c r="AE15760">
        <v>30</v>
      </c>
      <c r="AF15760">
        <v>30</v>
      </c>
      <c r="AG15760">
        <v>30</v>
      </c>
      <c r="AH15760">
        <v>30</v>
      </c>
      <c r="AI15760">
        <v>30</v>
      </c>
      <c r="AJ15760">
        <v>30</v>
      </c>
      <c r="AK15760">
        <v>30</v>
      </c>
      <c r="AL15760">
        <v>30</v>
      </c>
      <c r="AM15760">
        <v>30</v>
      </c>
      <c r="AN15760">
        <v>30</v>
      </c>
      <c r="AO15760">
        <v>30</v>
      </c>
      <c r="AP15760">
        <v>30</v>
      </c>
      <c r="AQ15760">
        <v>29</v>
      </c>
    </row>
    <row r="15761" spans="1:43">
      <c r="A15761" t="s">
        <v>9794</v>
      </c>
      <c r="B15761" t="s">
        <v>9795</v>
      </c>
      <c r="C15761" t="s">
        <v>9790</v>
      </c>
      <c r="D15761" t="s">
        <v>9791</v>
      </c>
      <c r="E15761" t="s">
        <v>9544</v>
      </c>
      <c r="F15761" t="s">
        <v>9545</v>
      </c>
      <c r="G15761" t="s">
        <v>80</v>
      </c>
      <c r="H15761" t="s">
        <v>81</v>
      </c>
      <c r="I15761" s="2">
        <v>0</v>
      </c>
      <c r="J15761" s="2">
        <v>1</v>
      </c>
      <c r="K15761" s="2">
        <v>0</v>
      </c>
      <c r="L15761" t="s">
        <v>82</v>
      </c>
      <c r="M15761" t="s">
        <v>83</v>
      </c>
      <c r="N15761" t="s">
        <v>91</v>
      </c>
      <c r="O15761" t="s">
        <v>85</v>
      </c>
      <c r="P15761" t="s">
        <v>86</v>
      </c>
      <c r="Q15761">
        <v>26</v>
      </c>
      <c r="R15761">
        <v>27</v>
      </c>
      <c r="S15761">
        <v>27</v>
      </c>
      <c r="T15761">
        <v>27</v>
      </c>
      <c r="U15761">
        <v>27</v>
      </c>
      <c r="V15761">
        <v>28</v>
      </c>
      <c r="W15761">
        <v>28</v>
      </c>
      <c r="X15761">
        <v>28</v>
      </c>
      <c r="Y15761">
        <v>28</v>
      </c>
      <c r="Z15761">
        <v>28</v>
      </c>
      <c r="AA15761">
        <v>29</v>
      </c>
      <c r="AB15761">
        <v>29</v>
      </c>
      <c r="AC15761">
        <v>29</v>
      </c>
      <c r="AD15761">
        <v>29</v>
      </c>
      <c r="AE15761">
        <v>29</v>
      </c>
      <c r="AF15761">
        <v>30</v>
      </c>
      <c r="AG15761">
        <v>30</v>
      </c>
      <c r="AH15761">
        <v>30</v>
      </c>
      <c r="AI15761">
        <v>30</v>
      </c>
      <c r="AJ15761">
        <v>30</v>
      </c>
      <c r="AK15761">
        <v>30</v>
      </c>
      <c r="AL15761">
        <v>30</v>
      </c>
      <c r="AM15761">
        <v>30</v>
      </c>
      <c r="AN15761">
        <v>30</v>
      </c>
      <c r="AO15761">
        <v>30</v>
      </c>
      <c r="AP15761">
        <v>30</v>
      </c>
      <c r="AQ15761">
        <v>30</v>
      </c>
    </row>
    <row r="15762" spans="1:43">
      <c r="A15762" t="s">
        <v>9796</v>
      </c>
      <c r="B15762" t="s">
        <v>9797</v>
      </c>
      <c r="C15762" t="s">
        <v>9798</v>
      </c>
      <c r="D15762" t="s">
        <v>9799</v>
      </c>
      <c r="E15762" t="s">
        <v>9544</v>
      </c>
      <c r="F15762" t="s">
        <v>9545</v>
      </c>
      <c r="G15762" t="s">
        <v>80</v>
      </c>
      <c r="H15762" t="s">
        <v>81</v>
      </c>
      <c r="I15762" s="2">
        <v>0</v>
      </c>
      <c r="J15762" s="2">
        <v>1</v>
      </c>
      <c r="K15762" s="2">
        <v>0</v>
      </c>
      <c r="L15762" t="s">
        <v>82</v>
      </c>
      <c r="M15762" t="s">
        <v>83</v>
      </c>
      <c r="N15762" t="s">
        <v>84</v>
      </c>
      <c r="O15762" t="s">
        <v>85</v>
      </c>
      <c r="P15762" t="s">
        <v>86</v>
      </c>
      <c r="Q15762">
        <v>47</v>
      </c>
      <c r="R15762">
        <v>48</v>
      </c>
      <c r="S15762">
        <v>48</v>
      </c>
      <c r="T15762">
        <v>48</v>
      </c>
      <c r="U15762">
        <v>49</v>
      </c>
      <c r="V15762">
        <v>49</v>
      </c>
      <c r="W15762">
        <v>49</v>
      </c>
      <c r="X15762">
        <v>50</v>
      </c>
      <c r="Y15762">
        <v>50</v>
      </c>
      <c r="Z15762">
        <v>50</v>
      </c>
      <c r="AA15762">
        <v>51</v>
      </c>
      <c r="AB15762">
        <v>51</v>
      </c>
      <c r="AC15762">
        <v>51</v>
      </c>
      <c r="AD15762">
        <v>51</v>
      </c>
      <c r="AE15762">
        <v>52</v>
      </c>
      <c r="AF15762">
        <v>52</v>
      </c>
      <c r="AG15762">
        <v>52</v>
      </c>
      <c r="AH15762">
        <v>52</v>
      </c>
      <c r="AI15762">
        <v>52</v>
      </c>
      <c r="AJ15762">
        <v>52</v>
      </c>
      <c r="AK15762">
        <v>53</v>
      </c>
      <c r="AL15762">
        <v>52</v>
      </c>
      <c r="AM15762">
        <v>52</v>
      </c>
      <c r="AN15762">
        <v>52</v>
      </c>
      <c r="AO15762">
        <v>51</v>
      </c>
      <c r="AP15762">
        <v>51</v>
      </c>
      <c r="AQ15762">
        <v>51</v>
      </c>
    </row>
    <row r="15763" spans="1:43">
      <c r="A15763" t="s">
        <v>9796</v>
      </c>
      <c r="B15763" t="s">
        <v>9797</v>
      </c>
      <c r="C15763" t="s">
        <v>9798</v>
      </c>
      <c r="D15763" t="s">
        <v>9799</v>
      </c>
      <c r="E15763" t="s">
        <v>9544</v>
      </c>
      <c r="F15763" t="s">
        <v>9545</v>
      </c>
      <c r="G15763" t="s">
        <v>80</v>
      </c>
      <c r="H15763" t="s">
        <v>81</v>
      </c>
      <c r="I15763" s="2">
        <v>0</v>
      </c>
      <c r="J15763" s="2">
        <v>1</v>
      </c>
      <c r="K15763" s="2">
        <v>0</v>
      </c>
      <c r="L15763" t="s">
        <v>82</v>
      </c>
      <c r="M15763" t="s">
        <v>87</v>
      </c>
      <c r="N15763" t="s">
        <v>88</v>
      </c>
      <c r="O15763" t="s">
        <v>85</v>
      </c>
      <c r="P15763" t="s">
        <v>86</v>
      </c>
      <c r="Q15763">
        <v>47</v>
      </c>
      <c r="R15763">
        <v>47</v>
      </c>
      <c r="S15763">
        <v>47</v>
      </c>
      <c r="T15763">
        <v>47</v>
      </c>
      <c r="U15763">
        <v>47</v>
      </c>
      <c r="V15763">
        <v>47</v>
      </c>
      <c r="W15763">
        <v>46</v>
      </c>
      <c r="X15763">
        <v>46</v>
      </c>
      <c r="Y15763">
        <v>46</v>
      </c>
      <c r="Z15763">
        <v>46</v>
      </c>
      <c r="AA15763">
        <v>46</v>
      </c>
      <c r="AB15763">
        <v>46</v>
      </c>
      <c r="AC15763">
        <v>46</v>
      </c>
      <c r="AD15763">
        <v>46</v>
      </c>
      <c r="AE15763">
        <v>46</v>
      </c>
      <c r="AF15763">
        <v>46</v>
      </c>
      <c r="AG15763">
        <v>46</v>
      </c>
      <c r="AH15763">
        <v>45</v>
      </c>
      <c r="AI15763">
        <v>45</v>
      </c>
      <c r="AJ15763">
        <v>45</v>
      </c>
      <c r="AK15763">
        <v>45</v>
      </c>
      <c r="AL15763">
        <v>45</v>
      </c>
      <c r="AM15763">
        <v>45</v>
      </c>
      <c r="AN15763">
        <v>45</v>
      </c>
      <c r="AO15763">
        <v>45</v>
      </c>
      <c r="AP15763">
        <v>44</v>
      </c>
      <c r="AQ15763">
        <v>44</v>
      </c>
    </row>
    <row r="15764" spans="1:43">
      <c r="A15764" t="s">
        <v>9796</v>
      </c>
      <c r="B15764" t="s">
        <v>9797</v>
      </c>
      <c r="C15764" t="s">
        <v>9798</v>
      </c>
      <c r="D15764" t="s">
        <v>9799</v>
      </c>
      <c r="E15764" t="s">
        <v>9544</v>
      </c>
      <c r="F15764" t="s">
        <v>9545</v>
      </c>
      <c r="G15764" t="s">
        <v>80</v>
      </c>
      <c r="H15764" t="s">
        <v>81</v>
      </c>
      <c r="I15764" s="2">
        <v>0</v>
      </c>
      <c r="J15764" s="2">
        <v>1</v>
      </c>
      <c r="K15764" s="2">
        <v>0</v>
      </c>
      <c r="L15764" t="s">
        <v>82</v>
      </c>
      <c r="M15764" t="s">
        <v>89</v>
      </c>
      <c r="N15764" t="s">
        <v>90</v>
      </c>
      <c r="O15764" t="s">
        <v>85</v>
      </c>
      <c r="P15764" t="s">
        <v>86</v>
      </c>
      <c r="Q15764">
        <v>47</v>
      </c>
      <c r="R15764">
        <v>48</v>
      </c>
      <c r="S15764">
        <v>48</v>
      </c>
      <c r="T15764">
        <v>49</v>
      </c>
      <c r="U15764">
        <v>50</v>
      </c>
      <c r="V15764">
        <v>50</v>
      </c>
      <c r="W15764">
        <v>51</v>
      </c>
      <c r="X15764">
        <v>52</v>
      </c>
      <c r="Y15764">
        <v>52</v>
      </c>
      <c r="Z15764">
        <v>52</v>
      </c>
      <c r="AA15764">
        <v>53</v>
      </c>
      <c r="AB15764">
        <v>53</v>
      </c>
      <c r="AC15764">
        <v>54</v>
      </c>
      <c r="AD15764">
        <v>54</v>
      </c>
      <c r="AE15764">
        <v>54</v>
      </c>
      <c r="AF15764">
        <v>54</v>
      </c>
      <c r="AG15764">
        <v>53</v>
      </c>
      <c r="AH15764">
        <v>53</v>
      </c>
      <c r="AI15764">
        <v>53</v>
      </c>
      <c r="AJ15764">
        <v>53</v>
      </c>
      <c r="AK15764">
        <v>52</v>
      </c>
      <c r="AL15764">
        <v>52</v>
      </c>
      <c r="AM15764">
        <v>52</v>
      </c>
      <c r="AN15764">
        <v>51</v>
      </c>
      <c r="AO15764">
        <v>51</v>
      </c>
      <c r="AP15764">
        <v>51</v>
      </c>
      <c r="AQ15764">
        <v>51</v>
      </c>
    </row>
    <row r="15765" spans="1:43">
      <c r="A15765" t="s">
        <v>9796</v>
      </c>
      <c r="B15765" t="s">
        <v>9797</v>
      </c>
      <c r="C15765" t="s">
        <v>9798</v>
      </c>
      <c r="D15765" t="s">
        <v>9799</v>
      </c>
      <c r="E15765" t="s">
        <v>9544</v>
      </c>
      <c r="F15765" t="s">
        <v>9545</v>
      </c>
      <c r="G15765" t="s">
        <v>80</v>
      </c>
      <c r="H15765" t="s">
        <v>81</v>
      </c>
      <c r="I15765" s="2">
        <v>0</v>
      </c>
      <c r="J15765" s="2">
        <v>1</v>
      </c>
      <c r="K15765" s="2">
        <v>0</v>
      </c>
      <c r="L15765" t="s">
        <v>82</v>
      </c>
      <c r="M15765" t="s">
        <v>83</v>
      </c>
      <c r="N15765" t="s">
        <v>91</v>
      </c>
      <c r="O15765" t="s">
        <v>85</v>
      </c>
      <c r="P15765" t="s">
        <v>86</v>
      </c>
      <c r="Q15765">
        <v>47</v>
      </c>
      <c r="R15765">
        <v>48</v>
      </c>
      <c r="S15765">
        <v>48</v>
      </c>
      <c r="T15765">
        <v>48</v>
      </c>
      <c r="U15765">
        <v>49</v>
      </c>
      <c r="V15765">
        <v>49</v>
      </c>
      <c r="W15765">
        <v>49</v>
      </c>
      <c r="X15765">
        <v>50</v>
      </c>
      <c r="Y15765">
        <v>50</v>
      </c>
      <c r="Z15765">
        <v>50</v>
      </c>
      <c r="AA15765">
        <v>51</v>
      </c>
      <c r="AB15765">
        <v>51</v>
      </c>
      <c r="AC15765">
        <v>51</v>
      </c>
      <c r="AD15765">
        <v>51</v>
      </c>
      <c r="AE15765">
        <v>52</v>
      </c>
      <c r="AF15765">
        <v>52</v>
      </c>
      <c r="AG15765">
        <v>52</v>
      </c>
      <c r="AH15765">
        <v>52</v>
      </c>
      <c r="AI15765">
        <v>52</v>
      </c>
      <c r="AJ15765">
        <v>52</v>
      </c>
      <c r="AK15765">
        <v>53</v>
      </c>
      <c r="AL15765">
        <v>52</v>
      </c>
      <c r="AM15765">
        <v>52</v>
      </c>
      <c r="AN15765">
        <v>52</v>
      </c>
      <c r="AO15765">
        <v>51</v>
      </c>
      <c r="AP15765">
        <v>51</v>
      </c>
      <c r="AQ15765">
        <v>51</v>
      </c>
    </row>
    <row r="15766" spans="1:43">
      <c r="A15766" t="s">
        <v>9800</v>
      </c>
      <c r="B15766" t="s">
        <v>9801</v>
      </c>
      <c r="C15766" t="s">
        <v>9790</v>
      </c>
      <c r="D15766" t="s">
        <v>9791</v>
      </c>
      <c r="E15766" t="s">
        <v>9544</v>
      </c>
      <c r="F15766" t="s">
        <v>9545</v>
      </c>
      <c r="G15766" t="s">
        <v>80</v>
      </c>
      <c r="H15766" t="s">
        <v>81</v>
      </c>
      <c r="I15766" s="2">
        <v>0</v>
      </c>
      <c r="J15766" s="2">
        <v>1</v>
      </c>
      <c r="K15766" s="2">
        <v>0</v>
      </c>
      <c r="L15766" t="s">
        <v>82</v>
      </c>
      <c r="M15766" t="s">
        <v>83</v>
      </c>
      <c r="N15766" t="s">
        <v>84</v>
      </c>
      <c r="O15766" t="s">
        <v>85</v>
      </c>
      <c r="P15766" t="s">
        <v>86</v>
      </c>
      <c r="Q15766">
        <v>40</v>
      </c>
      <c r="R15766">
        <v>41</v>
      </c>
      <c r="S15766">
        <v>41</v>
      </c>
      <c r="T15766">
        <v>41</v>
      </c>
      <c r="U15766">
        <v>42</v>
      </c>
      <c r="V15766">
        <v>42</v>
      </c>
      <c r="W15766">
        <v>42</v>
      </c>
      <c r="X15766">
        <v>43</v>
      </c>
      <c r="Y15766">
        <v>43</v>
      </c>
      <c r="Z15766">
        <v>43</v>
      </c>
      <c r="AA15766">
        <v>43</v>
      </c>
      <c r="AB15766">
        <v>44</v>
      </c>
      <c r="AC15766">
        <v>44</v>
      </c>
      <c r="AD15766">
        <v>44</v>
      </c>
      <c r="AE15766">
        <v>44</v>
      </c>
      <c r="AF15766">
        <v>44</v>
      </c>
      <c r="AG15766">
        <v>44</v>
      </c>
      <c r="AH15766">
        <v>44</v>
      </c>
      <c r="AI15766">
        <v>45</v>
      </c>
      <c r="AJ15766">
        <v>45</v>
      </c>
      <c r="AK15766">
        <v>45</v>
      </c>
      <c r="AL15766">
        <v>45</v>
      </c>
      <c r="AM15766">
        <v>44</v>
      </c>
      <c r="AN15766">
        <v>44</v>
      </c>
      <c r="AO15766">
        <v>44</v>
      </c>
      <c r="AP15766">
        <v>44</v>
      </c>
      <c r="AQ15766">
        <v>43</v>
      </c>
    </row>
    <row r="15767" spans="1:43">
      <c r="A15767" t="s">
        <v>9800</v>
      </c>
      <c r="B15767" t="s">
        <v>9801</v>
      </c>
      <c r="C15767" t="s">
        <v>9790</v>
      </c>
      <c r="D15767" t="s">
        <v>9791</v>
      </c>
      <c r="E15767" t="s">
        <v>9544</v>
      </c>
      <c r="F15767" t="s">
        <v>9545</v>
      </c>
      <c r="G15767" t="s">
        <v>80</v>
      </c>
      <c r="H15767" t="s">
        <v>81</v>
      </c>
      <c r="I15767" s="2">
        <v>0</v>
      </c>
      <c r="J15767" s="2">
        <v>1</v>
      </c>
      <c r="K15767" s="2">
        <v>0</v>
      </c>
      <c r="L15767" t="s">
        <v>82</v>
      </c>
      <c r="M15767" t="s">
        <v>87</v>
      </c>
      <c r="N15767" t="s">
        <v>88</v>
      </c>
      <c r="O15767" t="s">
        <v>85</v>
      </c>
      <c r="P15767" t="s">
        <v>86</v>
      </c>
      <c r="Q15767">
        <v>40</v>
      </c>
      <c r="R15767">
        <v>40</v>
      </c>
      <c r="S15767">
        <v>40</v>
      </c>
      <c r="T15767">
        <v>40</v>
      </c>
      <c r="U15767">
        <v>40</v>
      </c>
      <c r="V15767">
        <v>40</v>
      </c>
      <c r="W15767">
        <v>40</v>
      </c>
      <c r="X15767">
        <v>40</v>
      </c>
      <c r="Y15767">
        <v>40</v>
      </c>
      <c r="Z15767">
        <v>40</v>
      </c>
      <c r="AA15767">
        <v>39</v>
      </c>
      <c r="AB15767">
        <v>39</v>
      </c>
      <c r="AC15767">
        <v>39</v>
      </c>
      <c r="AD15767">
        <v>39</v>
      </c>
      <c r="AE15767">
        <v>39</v>
      </c>
      <c r="AF15767">
        <v>39</v>
      </c>
      <c r="AG15767">
        <v>39</v>
      </c>
      <c r="AH15767">
        <v>39</v>
      </c>
      <c r="AI15767">
        <v>39</v>
      </c>
      <c r="AJ15767">
        <v>39</v>
      </c>
      <c r="AK15767">
        <v>38</v>
      </c>
      <c r="AL15767">
        <v>38</v>
      </c>
      <c r="AM15767">
        <v>38</v>
      </c>
      <c r="AN15767">
        <v>38</v>
      </c>
      <c r="AO15767">
        <v>38</v>
      </c>
      <c r="AP15767">
        <v>38</v>
      </c>
      <c r="AQ15767">
        <v>38</v>
      </c>
    </row>
    <row r="15768" spans="1:43">
      <c r="A15768" t="s">
        <v>9800</v>
      </c>
      <c r="B15768" t="s">
        <v>9801</v>
      </c>
      <c r="C15768" t="s">
        <v>9790</v>
      </c>
      <c r="D15768" t="s">
        <v>9791</v>
      </c>
      <c r="E15768" t="s">
        <v>9544</v>
      </c>
      <c r="F15768" t="s">
        <v>9545</v>
      </c>
      <c r="G15768" t="s">
        <v>80</v>
      </c>
      <c r="H15768" t="s">
        <v>81</v>
      </c>
      <c r="I15768" s="2">
        <v>0</v>
      </c>
      <c r="J15768" s="2">
        <v>1</v>
      </c>
      <c r="K15768" s="2">
        <v>0</v>
      </c>
      <c r="L15768" t="s">
        <v>82</v>
      </c>
      <c r="M15768" t="s">
        <v>89</v>
      </c>
      <c r="N15768" t="s">
        <v>90</v>
      </c>
      <c r="O15768" t="s">
        <v>85</v>
      </c>
      <c r="P15768" t="s">
        <v>86</v>
      </c>
      <c r="Q15768">
        <v>40</v>
      </c>
      <c r="R15768">
        <v>41</v>
      </c>
      <c r="S15768">
        <v>41</v>
      </c>
      <c r="T15768">
        <v>42</v>
      </c>
      <c r="U15768">
        <v>42</v>
      </c>
      <c r="V15768">
        <v>43</v>
      </c>
      <c r="W15768">
        <v>43</v>
      </c>
      <c r="X15768">
        <v>44</v>
      </c>
      <c r="Y15768">
        <v>44</v>
      </c>
      <c r="Z15768">
        <v>45</v>
      </c>
      <c r="AA15768">
        <v>45</v>
      </c>
      <c r="AB15768">
        <v>45</v>
      </c>
      <c r="AC15768">
        <v>46</v>
      </c>
      <c r="AD15768">
        <v>46</v>
      </c>
      <c r="AE15768">
        <v>46</v>
      </c>
      <c r="AF15768">
        <v>46</v>
      </c>
      <c r="AG15768">
        <v>46</v>
      </c>
      <c r="AH15768">
        <v>45</v>
      </c>
      <c r="AI15768">
        <v>45</v>
      </c>
      <c r="AJ15768">
        <v>45</v>
      </c>
      <c r="AK15768">
        <v>45</v>
      </c>
      <c r="AL15768">
        <v>44</v>
      </c>
      <c r="AM15768">
        <v>44</v>
      </c>
      <c r="AN15768">
        <v>44</v>
      </c>
      <c r="AO15768">
        <v>44</v>
      </c>
      <c r="AP15768">
        <v>43</v>
      </c>
      <c r="AQ15768">
        <v>43</v>
      </c>
    </row>
    <row r="15769" spans="1:43">
      <c r="A15769" t="s">
        <v>9800</v>
      </c>
      <c r="B15769" t="s">
        <v>9801</v>
      </c>
      <c r="C15769" t="s">
        <v>9790</v>
      </c>
      <c r="D15769" t="s">
        <v>9791</v>
      </c>
      <c r="E15769" t="s">
        <v>9544</v>
      </c>
      <c r="F15769" t="s">
        <v>9545</v>
      </c>
      <c r="G15769" t="s">
        <v>80</v>
      </c>
      <c r="H15769" t="s">
        <v>81</v>
      </c>
      <c r="I15769" s="2">
        <v>0</v>
      </c>
      <c r="J15769" s="2">
        <v>1</v>
      </c>
      <c r="K15769" s="2">
        <v>0</v>
      </c>
      <c r="L15769" t="s">
        <v>82</v>
      </c>
      <c r="M15769" t="s">
        <v>83</v>
      </c>
      <c r="N15769" t="s">
        <v>91</v>
      </c>
      <c r="O15769" t="s">
        <v>85</v>
      </c>
      <c r="P15769" t="s">
        <v>86</v>
      </c>
      <c r="Q15769">
        <v>40</v>
      </c>
      <c r="R15769">
        <v>41</v>
      </c>
      <c r="S15769">
        <v>41</v>
      </c>
      <c r="T15769">
        <v>41</v>
      </c>
      <c r="U15769">
        <v>42</v>
      </c>
      <c r="V15769">
        <v>42</v>
      </c>
      <c r="W15769">
        <v>42</v>
      </c>
      <c r="X15769">
        <v>43</v>
      </c>
      <c r="Y15769">
        <v>43</v>
      </c>
      <c r="Z15769">
        <v>43</v>
      </c>
      <c r="AA15769">
        <v>43</v>
      </c>
      <c r="AB15769">
        <v>44</v>
      </c>
      <c r="AC15769">
        <v>44</v>
      </c>
      <c r="AD15769">
        <v>44</v>
      </c>
      <c r="AE15769">
        <v>44</v>
      </c>
      <c r="AF15769">
        <v>44</v>
      </c>
      <c r="AG15769">
        <v>44</v>
      </c>
      <c r="AH15769">
        <v>44</v>
      </c>
      <c r="AI15769">
        <v>45</v>
      </c>
      <c r="AJ15769">
        <v>45</v>
      </c>
      <c r="AK15769">
        <v>45</v>
      </c>
      <c r="AL15769">
        <v>45</v>
      </c>
      <c r="AM15769">
        <v>44</v>
      </c>
      <c r="AN15769">
        <v>44</v>
      </c>
      <c r="AO15769">
        <v>44</v>
      </c>
      <c r="AP15769">
        <v>44</v>
      </c>
      <c r="AQ15769">
        <v>43</v>
      </c>
    </row>
    <row r="15770" spans="1:43">
      <c r="A15770" t="s">
        <v>9802</v>
      </c>
      <c r="B15770" t="s">
        <v>9803</v>
      </c>
      <c r="C15770" t="s">
        <v>9786</v>
      </c>
      <c r="D15770" t="s">
        <v>9787</v>
      </c>
      <c r="E15770" t="s">
        <v>9544</v>
      </c>
      <c r="F15770" t="s">
        <v>9545</v>
      </c>
      <c r="G15770" t="s">
        <v>80</v>
      </c>
      <c r="H15770" t="s">
        <v>81</v>
      </c>
      <c r="I15770" s="2">
        <v>0</v>
      </c>
      <c r="J15770" s="2">
        <v>1</v>
      </c>
      <c r="K15770" s="2">
        <v>0</v>
      </c>
      <c r="L15770" t="s">
        <v>82</v>
      </c>
      <c r="M15770" t="s">
        <v>83</v>
      </c>
      <c r="N15770" t="s">
        <v>84</v>
      </c>
      <c r="O15770" t="s">
        <v>85</v>
      </c>
      <c r="P15770" t="s">
        <v>86</v>
      </c>
      <c r="Q15770">
        <v>24</v>
      </c>
      <c r="R15770">
        <v>24</v>
      </c>
      <c r="S15770">
        <v>25</v>
      </c>
      <c r="T15770">
        <v>25</v>
      </c>
      <c r="U15770">
        <v>25</v>
      </c>
      <c r="V15770">
        <v>25</v>
      </c>
      <c r="W15770">
        <v>25</v>
      </c>
      <c r="X15770">
        <v>26</v>
      </c>
      <c r="Y15770">
        <v>26</v>
      </c>
      <c r="Z15770">
        <v>26</v>
      </c>
      <c r="AA15770">
        <v>26</v>
      </c>
      <c r="AB15770">
        <v>26</v>
      </c>
      <c r="AC15770">
        <v>26</v>
      </c>
      <c r="AD15770">
        <v>27</v>
      </c>
      <c r="AE15770">
        <v>27</v>
      </c>
      <c r="AF15770">
        <v>27</v>
      </c>
      <c r="AG15770">
        <v>27</v>
      </c>
      <c r="AH15770">
        <v>27</v>
      </c>
      <c r="AI15770">
        <v>27</v>
      </c>
      <c r="AJ15770">
        <v>27</v>
      </c>
      <c r="AK15770">
        <v>27</v>
      </c>
      <c r="AL15770">
        <v>27</v>
      </c>
      <c r="AM15770">
        <v>27</v>
      </c>
      <c r="AN15770">
        <v>27</v>
      </c>
      <c r="AO15770">
        <v>27</v>
      </c>
      <c r="AP15770">
        <v>27</v>
      </c>
      <c r="AQ15770">
        <v>27</v>
      </c>
    </row>
    <row r="15771" spans="1:43">
      <c r="A15771" t="s">
        <v>9802</v>
      </c>
      <c r="B15771" t="s">
        <v>9803</v>
      </c>
      <c r="C15771" t="s">
        <v>9786</v>
      </c>
      <c r="D15771" t="s">
        <v>9787</v>
      </c>
      <c r="E15771" t="s">
        <v>9544</v>
      </c>
      <c r="F15771" t="s">
        <v>9545</v>
      </c>
      <c r="G15771" t="s">
        <v>80</v>
      </c>
      <c r="H15771" t="s">
        <v>81</v>
      </c>
      <c r="I15771" s="2">
        <v>0</v>
      </c>
      <c r="J15771" s="2">
        <v>1</v>
      </c>
      <c r="K15771" s="2">
        <v>0</v>
      </c>
      <c r="L15771" t="s">
        <v>82</v>
      </c>
      <c r="M15771" t="s">
        <v>87</v>
      </c>
      <c r="N15771" t="s">
        <v>88</v>
      </c>
      <c r="O15771" t="s">
        <v>85</v>
      </c>
      <c r="P15771" t="s">
        <v>86</v>
      </c>
      <c r="Q15771">
        <v>24</v>
      </c>
      <c r="R15771">
        <v>24</v>
      </c>
      <c r="S15771">
        <v>24</v>
      </c>
      <c r="T15771">
        <v>24</v>
      </c>
      <c r="U15771">
        <v>24</v>
      </c>
      <c r="V15771">
        <v>24</v>
      </c>
      <c r="W15771">
        <v>24</v>
      </c>
      <c r="X15771">
        <v>24</v>
      </c>
      <c r="Y15771">
        <v>24</v>
      </c>
      <c r="Z15771">
        <v>24</v>
      </c>
      <c r="AA15771">
        <v>24</v>
      </c>
      <c r="AB15771">
        <v>24</v>
      </c>
      <c r="AC15771">
        <v>24</v>
      </c>
      <c r="AD15771">
        <v>24</v>
      </c>
      <c r="AE15771">
        <v>24</v>
      </c>
      <c r="AF15771">
        <v>24</v>
      </c>
      <c r="AG15771">
        <v>24</v>
      </c>
      <c r="AH15771">
        <v>24</v>
      </c>
      <c r="AI15771">
        <v>24</v>
      </c>
      <c r="AJ15771">
        <v>24</v>
      </c>
      <c r="AK15771">
        <v>24</v>
      </c>
      <c r="AL15771">
        <v>24</v>
      </c>
      <c r="AM15771">
        <v>24</v>
      </c>
      <c r="AN15771">
        <v>23</v>
      </c>
      <c r="AO15771">
        <v>23</v>
      </c>
      <c r="AP15771">
        <v>23</v>
      </c>
      <c r="AQ15771">
        <v>23</v>
      </c>
    </row>
    <row r="15772" spans="1:43">
      <c r="A15772" t="s">
        <v>9802</v>
      </c>
      <c r="B15772" t="s">
        <v>9803</v>
      </c>
      <c r="C15772" t="s">
        <v>9786</v>
      </c>
      <c r="D15772" t="s">
        <v>9787</v>
      </c>
      <c r="E15772" t="s">
        <v>9544</v>
      </c>
      <c r="F15772" t="s">
        <v>9545</v>
      </c>
      <c r="G15772" t="s">
        <v>80</v>
      </c>
      <c r="H15772" t="s">
        <v>81</v>
      </c>
      <c r="I15772" s="2">
        <v>0</v>
      </c>
      <c r="J15772" s="2">
        <v>1</v>
      </c>
      <c r="K15772" s="2">
        <v>0</v>
      </c>
      <c r="L15772" t="s">
        <v>82</v>
      </c>
      <c r="M15772" t="s">
        <v>89</v>
      </c>
      <c r="N15772" t="s">
        <v>90</v>
      </c>
      <c r="O15772" t="s">
        <v>85</v>
      </c>
      <c r="P15772" t="s">
        <v>86</v>
      </c>
      <c r="Q15772">
        <v>24</v>
      </c>
      <c r="R15772">
        <v>25</v>
      </c>
      <c r="S15772">
        <v>25</v>
      </c>
      <c r="T15772">
        <v>26</v>
      </c>
      <c r="U15772">
        <v>26</v>
      </c>
      <c r="V15772">
        <v>26</v>
      </c>
      <c r="W15772">
        <v>27</v>
      </c>
      <c r="X15772">
        <v>27</v>
      </c>
      <c r="Y15772">
        <v>27</v>
      </c>
      <c r="Z15772">
        <v>28</v>
      </c>
      <c r="AA15772">
        <v>28</v>
      </c>
      <c r="AB15772">
        <v>28</v>
      </c>
      <c r="AC15772">
        <v>28</v>
      </c>
      <c r="AD15772">
        <v>28</v>
      </c>
      <c r="AE15772">
        <v>29</v>
      </c>
      <c r="AF15772">
        <v>28</v>
      </c>
      <c r="AG15772">
        <v>28</v>
      </c>
      <c r="AH15772">
        <v>28</v>
      </c>
      <c r="AI15772">
        <v>28</v>
      </c>
      <c r="AJ15772">
        <v>28</v>
      </c>
      <c r="AK15772">
        <v>28</v>
      </c>
      <c r="AL15772">
        <v>28</v>
      </c>
      <c r="AM15772">
        <v>28</v>
      </c>
      <c r="AN15772">
        <v>28</v>
      </c>
      <c r="AO15772">
        <v>28</v>
      </c>
      <c r="AP15772">
        <v>27</v>
      </c>
      <c r="AQ15772">
        <v>27</v>
      </c>
    </row>
    <row r="15773" spans="1:43">
      <c r="A15773" t="s">
        <v>9802</v>
      </c>
      <c r="B15773" t="s">
        <v>9803</v>
      </c>
      <c r="C15773" t="s">
        <v>9786</v>
      </c>
      <c r="D15773" t="s">
        <v>9787</v>
      </c>
      <c r="E15773" t="s">
        <v>9544</v>
      </c>
      <c r="F15773" t="s">
        <v>9545</v>
      </c>
      <c r="G15773" t="s">
        <v>80</v>
      </c>
      <c r="H15773" t="s">
        <v>81</v>
      </c>
      <c r="I15773" s="2">
        <v>0</v>
      </c>
      <c r="J15773" s="2">
        <v>1</v>
      </c>
      <c r="K15773" s="2">
        <v>0</v>
      </c>
      <c r="L15773" t="s">
        <v>82</v>
      </c>
      <c r="M15773" t="s">
        <v>83</v>
      </c>
      <c r="N15773" t="s">
        <v>91</v>
      </c>
      <c r="O15773" t="s">
        <v>85</v>
      </c>
      <c r="P15773" t="s">
        <v>86</v>
      </c>
      <c r="Q15773">
        <v>24</v>
      </c>
      <c r="R15773">
        <v>24</v>
      </c>
      <c r="S15773">
        <v>25</v>
      </c>
      <c r="T15773">
        <v>25</v>
      </c>
      <c r="U15773">
        <v>25</v>
      </c>
      <c r="V15773">
        <v>25</v>
      </c>
      <c r="W15773">
        <v>25</v>
      </c>
      <c r="X15773">
        <v>26</v>
      </c>
      <c r="Y15773">
        <v>26</v>
      </c>
      <c r="Z15773">
        <v>26</v>
      </c>
      <c r="AA15773">
        <v>26</v>
      </c>
      <c r="AB15773">
        <v>26</v>
      </c>
      <c r="AC15773">
        <v>26</v>
      </c>
      <c r="AD15773">
        <v>27</v>
      </c>
      <c r="AE15773">
        <v>27</v>
      </c>
      <c r="AF15773">
        <v>27</v>
      </c>
      <c r="AG15773">
        <v>27</v>
      </c>
      <c r="AH15773">
        <v>27</v>
      </c>
      <c r="AI15773">
        <v>27</v>
      </c>
      <c r="AJ15773">
        <v>27</v>
      </c>
      <c r="AK15773">
        <v>27</v>
      </c>
      <c r="AL15773">
        <v>27</v>
      </c>
      <c r="AM15773">
        <v>27</v>
      </c>
      <c r="AN15773">
        <v>27</v>
      </c>
      <c r="AO15773">
        <v>27</v>
      </c>
      <c r="AP15773">
        <v>27</v>
      </c>
      <c r="AQ15773">
        <v>27</v>
      </c>
    </row>
    <row r="15774" spans="1:43">
      <c r="A15774" t="s">
        <v>9804</v>
      </c>
      <c r="B15774" t="s">
        <v>9805</v>
      </c>
      <c r="C15774" t="s">
        <v>9786</v>
      </c>
      <c r="D15774" t="s">
        <v>9787</v>
      </c>
      <c r="E15774" t="s">
        <v>9544</v>
      </c>
      <c r="F15774" t="s">
        <v>9545</v>
      </c>
      <c r="G15774" t="s">
        <v>80</v>
      </c>
      <c r="H15774" t="s">
        <v>81</v>
      </c>
      <c r="I15774" s="2">
        <v>0</v>
      </c>
      <c r="J15774" s="2">
        <v>1</v>
      </c>
      <c r="K15774" s="2">
        <v>0</v>
      </c>
      <c r="L15774" t="s">
        <v>82</v>
      </c>
      <c r="M15774" t="s">
        <v>83</v>
      </c>
      <c r="N15774" t="s">
        <v>84</v>
      </c>
      <c r="O15774" t="s">
        <v>85</v>
      </c>
      <c r="P15774" t="s">
        <v>86</v>
      </c>
      <c r="Q15774">
        <v>24</v>
      </c>
      <c r="R15774">
        <v>25</v>
      </c>
      <c r="S15774">
        <v>25</v>
      </c>
      <c r="T15774">
        <v>25</v>
      </c>
      <c r="U15774">
        <v>25</v>
      </c>
      <c r="V15774">
        <v>25</v>
      </c>
      <c r="W15774">
        <v>25</v>
      </c>
      <c r="X15774">
        <v>25</v>
      </c>
      <c r="Y15774">
        <v>26</v>
      </c>
      <c r="Z15774">
        <v>26</v>
      </c>
      <c r="AA15774">
        <v>26</v>
      </c>
      <c r="AB15774">
        <v>26</v>
      </c>
      <c r="AC15774">
        <v>26</v>
      </c>
      <c r="AD15774">
        <v>26</v>
      </c>
      <c r="AE15774">
        <v>26</v>
      </c>
      <c r="AF15774">
        <v>26</v>
      </c>
      <c r="AG15774">
        <v>26</v>
      </c>
      <c r="AH15774">
        <v>26</v>
      </c>
      <c r="AI15774">
        <v>26</v>
      </c>
      <c r="AJ15774">
        <v>26</v>
      </c>
      <c r="AK15774">
        <v>26</v>
      </c>
      <c r="AL15774">
        <v>26</v>
      </c>
      <c r="AM15774">
        <v>26</v>
      </c>
      <c r="AN15774">
        <v>26</v>
      </c>
      <c r="AO15774">
        <v>26</v>
      </c>
      <c r="AP15774">
        <v>25</v>
      </c>
      <c r="AQ15774">
        <v>25</v>
      </c>
    </row>
    <row r="15775" spans="1:43">
      <c r="A15775" t="s">
        <v>9804</v>
      </c>
      <c r="B15775" t="s">
        <v>9805</v>
      </c>
      <c r="C15775" t="s">
        <v>9786</v>
      </c>
      <c r="D15775" t="s">
        <v>9787</v>
      </c>
      <c r="E15775" t="s">
        <v>9544</v>
      </c>
      <c r="F15775" t="s">
        <v>9545</v>
      </c>
      <c r="G15775" t="s">
        <v>80</v>
      </c>
      <c r="H15775" t="s">
        <v>81</v>
      </c>
      <c r="I15775" s="2">
        <v>0</v>
      </c>
      <c r="J15775" s="2">
        <v>1</v>
      </c>
      <c r="K15775" s="2">
        <v>0</v>
      </c>
      <c r="L15775" t="s">
        <v>82</v>
      </c>
      <c r="M15775" t="s">
        <v>87</v>
      </c>
      <c r="N15775" t="s">
        <v>88</v>
      </c>
      <c r="O15775" t="s">
        <v>85</v>
      </c>
      <c r="P15775" t="s">
        <v>86</v>
      </c>
      <c r="Q15775">
        <v>24</v>
      </c>
      <c r="R15775">
        <v>24</v>
      </c>
      <c r="S15775">
        <v>24</v>
      </c>
      <c r="T15775">
        <v>24</v>
      </c>
      <c r="U15775">
        <v>24</v>
      </c>
      <c r="V15775">
        <v>24</v>
      </c>
      <c r="W15775">
        <v>24</v>
      </c>
      <c r="X15775">
        <v>24</v>
      </c>
      <c r="Y15775">
        <v>24</v>
      </c>
      <c r="Z15775">
        <v>24</v>
      </c>
      <c r="AA15775">
        <v>23</v>
      </c>
      <c r="AB15775">
        <v>23</v>
      </c>
      <c r="AC15775">
        <v>23</v>
      </c>
      <c r="AD15775">
        <v>23</v>
      </c>
      <c r="AE15775">
        <v>23</v>
      </c>
      <c r="AF15775">
        <v>23</v>
      </c>
      <c r="AG15775">
        <v>23</v>
      </c>
      <c r="AH15775">
        <v>23</v>
      </c>
      <c r="AI15775">
        <v>23</v>
      </c>
      <c r="AJ15775">
        <v>23</v>
      </c>
      <c r="AK15775">
        <v>23</v>
      </c>
      <c r="AL15775">
        <v>22</v>
      </c>
      <c r="AM15775">
        <v>22</v>
      </c>
      <c r="AN15775">
        <v>22</v>
      </c>
      <c r="AO15775">
        <v>22</v>
      </c>
      <c r="AP15775">
        <v>22</v>
      </c>
      <c r="AQ15775">
        <v>22</v>
      </c>
    </row>
    <row r="15776" spans="1:43">
      <c r="A15776" t="s">
        <v>9804</v>
      </c>
      <c r="B15776" t="s">
        <v>9805</v>
      </c>
      <c r="C15776" t="s">
        <v>9786</v>
      </c>
      <c r="D15776" t="s">
        <v>9787</v>
      </c>
      <c r="E15776" t="s">
        <v>9544</v>
      </c>
      <c r="F15776" t="s">
        <v>9545</v>
      </c>
      <c r="G15776" t="s">
        <v>80</v>
      </c>
      <c r="H15776" t="s">
        <v>81</v>
      </c>
      <c r="I15776" s="2">
        <v>0</v>
      </c>
      <c r="J15776" s="2">
        <v>1</v>
      </c>
      <c r="K15776" s="2">
        <v>0</v>
      </c>
      <c r="L15776" t="s">
        <v>82</v>
      </c>
      <c r="M15776" t="s">
        <v>89</v>
      </c>
      <c r="N15776" t="s">
        <v>90</v>
      </c>
      <c r="O15776" t="s">
        <v>85</v>
      </c>
      <c r="P15776" t="s">
        <v>86</v>
      </c>
      <c r="Q15776">
        <v>24</v>
      </c>
      <c r="R15776">
        <v>24</v>
      </c>
      <c r="S15776">
        <v>24</v>
      </c>
      <c r="T15776">
        <v>25</v>
      </c>
      <c r="U15776">
        <v>25</v>
      </c>
      <c r="V15776">
        <v>25</v>
      </c>
      <c r="W15776">
        <v>26</v>
      </c>
      <c r="X15776">
        <v>26</v>
      </c>
      <c r="Y15776">
        <v>26</v>
      </c>
      <c r="Z15776">
        <v>26</v>
      </c>
      <c r="AA15776">
        <v>26</v>
      </c>
      <c r="AB15776">
        <v>27</v>
      </c>
      <c r="AC15776">
        <v>27</v>
      </c>
      <c r="AD15776">
        <v>27</v>
      </c>
      <c r="AE15776">
        <v>27</v>
      </c>
      <c r="AF15776">
        <v>27</v>
      </c>
      <c r="AG15776">
        <v>27</v>
      </c>
      <c r="AH15776">
        <v>26</v>
      </c>
      <c r="AI15776">
        <v>26</v>
      </c>
      <c r="AJ15776">
        <v>26</v>
      </c>
      <c r="AK15776">
        <v>26</v>
      </c>
      <c r="AL15776">
        <v>26</v>
      </c>
      <c r="AM15776">
        <v>25</v>
      </c>
      <c r="AN15776">
        <v>25</v>
      </c>
      <c r="AO15776">
        <v>25</v>
      </c>
      <c r="AP15776">
        <v>25</v>
      </c>
      <c r="AQ15776">
        <v>24</v>
      </c>
    </row>
    <row r="15777" spans="1:43">
      <c r="A15777" t="s">
        <v>9804</v>
      </c>
      <c r="B15777" t="s">
        <v>9805</v>
      </c>
      <c r="C15777" t="s">
        <v>9786</v>
      </c>
      <c r="D15777" t="s">
        <v>9787</v>
      </c>
      <c r="E15777" t="s">
        <v>9544</v>
      </c>
      <c r="F15777" t="s">
        <v>9545</v>
      </c>
      <c r="G15777" t="s">
        <v>80</v>
      </c>
      <c r="H15777" t="s">
        <v>81</v>
      </c>
      <c r="I15777" s="2">
        <v>0</v>
      </c>
      <c r="J15777" s="2">
        <v>1</v>
      </c>
      <c r="K15777" s="2">
        <v>0</v>
      </c>
      <c r="L15777" t="s">
        <v>82</v>
      </c>
      <c r="M15777" t="s">
        <v>83</v>
      </c>
      <c r="N15777" t="s">
        <v>91</v>
      </c>
      <c r="O15777" t="s">
        <v>85</v>
      </c>
      <c r="P15777" t="s">
        <v>86</v>
      </c>
      <c r="Q15777">
        <v>24</v>
      </c>
      <c r="R15777">
        <v>25</v>
      </c>
      <c r="S15777">
        <v>25</v>
      </c>
      <c r="T15777">
        <v>25</v>
      </c>
      <c r="U15777">
        <v>25</v>
      </c>
      <c r="V15777">
        <v>25</v>
      </c>
      <c r="W15777">
        <v>25</v>
      </c>
      <c r="X15777">
        <v>25</v>
      </c>
      <c r="Y15777">
        <v>26</v>
      </c>
      <c r="Z15777">
        <v>26</v>
      </c>
      <c r="AA15777">
        <v>26</v>
      </c>
      <c r="AB15777">
        <v>26</v>
      </c>
      <c r="AC15777">
        <v>26</v>
      </c>
      <c r="AD15777">
        <v>26</v>
      </c>
      <c r="AE15777">
        <v>26</v>
      </c>
      <c r="AF15777">
        <v>26</v>
      </c>
      <c r="AG15777">
        <v>26</v>
      </c>
      <c r="AH15777">
        <v>26</v>
      </c>
      <c r="AI15777">
        <v>26</v>
      </c>
      <c r="AJ15777">
        <v>26</v>
      </c>
      <c r="AK15777">
        <v>26</v>
      </c>
      <c r="AL15777">
        <v>26</v>
      </c>
      <c r="AM15777">
        <v>26</v>
      </c>
      <c r="AN15777">
        <v>26</v>
      </c>
      <c r="AO15777">
        <v>26</v>
      </c>
      <c r="AP15777">
        <v>25</v>
      </c>
      <c r="AQ15777">
        <v>25</v>
      </c>
    </row>
    <row r="15778" spans="1:43">
      <c r="A15778" t="s">
        <v>9806</v>
      </c>
      <c r="B15778" t="s">
        <v>9807</v>
      </c>
      <c r="C15778" t="s">
        <v>9786</v>
      </c>
      <c r="D15778" t="s">
        <v>9787</v>
      </c>
      <c r="E15778" t="s">
        <v>9544</v>
      </c>
      <c r="F15778" t="s">
        <v>9545</v>
      </c>
      <c r="G15778" t="s">
        <v>80</v>
      </c>
      <c r="H15778" t="s">
        <v>81</v>
      </c>
      <c r="I15778" s="2">
        <v>0</v>
      </c>
      <c r="J15778" s="2">
        <v>1</v>
      </c>
      <c r="K15778" s="2">
        <v>0</v>
      </c>
      <c r="L15778" t="s">
        <v>82</v>
      </c>
      <c r="M15778" t="s">
        <v>83</v>
      </c>
      <c r="N15778" t="s">
        <v>84</v>
      </c>
      <c r="O15778" t="s">
        <v>85</v>
      </c>
      <c r="P15778" t="s">
        <v>86</v>
      </c>
      <c r="Q15778">
        <v>19</v>
      </c>
      <c r="R15778">
        <v>19</v>
      </c>
      <c r="S15778">
        <v>19</v>
      </c>
      <c r="T15778">
        <v>19</v>
      </c>
      <c r="U15778">
        <v>19</v>
      </c>
      <c r="V15778">
        <v>20</v>
      </c>
      <c r="W15778">
        <v>20</v>
      </c>
      <c r="X15778">
        <v>20</v>
      </c>
      <c r="Y15778">
        <v>20</v>
      </c>
      <c r="Z15778">
        <v>20</v>
      </c>
      <c r="AA15778">
        <v>20</v>
      </c>
      <c r="AB15778">
        <v>20</v>
      </c>
      <c r="AC15778">
        <v>20</v>
      </c>
      <c r="AD15778">
        <v>20</v>
      </c>
      <c r="AE15778">
        <v>20</v>
      </c>
      <c r="AF15778">
        <v>20</v>
      </c>
      <c r="AG15778">
        <v>21</v>
      </c>
      <c r="AH15778">
        <v>21</v>
      </c>
      <c r="AI15778">
        <v>21</v>
      </c>
      <c r="AJ15778">
        <v>21</v>
      </c>
      <c r="AK15778">
        <v>21</v>
      </c>
      <c r="AL15778">
        <v>21</v>
      </c>
      <c r="AM15778">
        <v>21</v>
      </c>
      <c r="AN15778">
        <v>20</v>
      </c>
      <c r="AO15778">
        <v>20</v>
      </c>
      <c r="AP15778">
        <v>20</v>
      </c>
      <c r="AQ15778">
        <v>20</v>
      </c>
    </row>
    <row r="15779" spans="1:43">
      <c r="A15779" t="s">
        <v>9806</v>
      </c>
      <c r="B15779" t="s">
        <v>9807</v>
      </c>
      <c r="C15779" t="s">
        <v>9786</v>
      </c>
      <c r="D15779" t="s">
        <v>9787</v>
      </c>
      <c r="E15779" t="s">
        <v>9544</v>
      </c>
      <c r="F15779" t="s">
        <v>9545</v>
      </c>
      <c r="G15779" t="s">
        <v>80</v>
      </c>
      <c r="H15779" t="s">
        <v>81</v>
      </c>
      <c r="I15779" s="2">
        <v>0</v>
      </c>
      <c r="J15779" s="2">
        <v>1</v>
      </c>
      <c r="K15779" s="2">
        <v>0</v>
      </c>
      <c r="L15779" t="s">
        <v>82</v>
      </c>
      <c r="M15779" t="s">
        <v>87</v>
      </c>
      <c r="N15779" t="s">
        <v>88</v>
      </c>
      <c r="O15779" t="s">
        <v>85</v>
      </c>
      <c r="P15779" t="s">
        <v>86</v>
      </c>
      <c r="Q15779">
        <v>19</v>
      </c>
      <c r="R15779">
        <v>19</v>
      </c>
      <c r="S15779">
        <v>19</v>
      </c>
      <c r="T15779">
        <v>19</v>
      </c>
      <c r="U15779">
        <v>19</v>
      </c>
      <c r="V15779">
        <v>19</v>
      </c>
      <c r="W15779">
        <v>18</v>
      </c>
      <c r="X15779">
        <v>18</v>
      </c>
      <c r="Y15779">
        <v>18</v>
      </c>
      <c r="Z15779">
        <v>18</v>
      </c>
      <c r="AA15779">
        <v>18</v>
      </c>
      <c r="AB15779">
        <v>18</v>
      </c>
      <c r="AC15779">
        <v>18</v>
      </c>
      <c r="AD15779">
        <v>18</v>
      </c>
      <c r="AE15779">
        <v>18</v>
      </c>
      <c r="AF15779">
        <v>18</v>
      </c>
      <c r="AG15779">
        <v>18</v>
      </c>
      <c r="AH15779">
        <v>18</v>
      </c>
      <c r="AI15779">
        <v>18</v>
      </c>
      <c r="AJ15779">
        <v>18</v>
      </c>
      <c r="AK15779">
        <v>18</v>
      </c>
      <c r="AL15779">
        <v>18</v>
      </c>
      <c r="AM15779">
        <v>18</v>
      </c>
      <c r="AN15779">
        <v>18</v>
      </c>
      <c r="AO15779">
        <v>18</v>
      </c>
      <c r="AP15779">
        <v>17</v>
      </c>
      <c r="AQ15779">
        <v>17</v>
      </c>
    </row>
    <row r="15780" spans="1:43">
      <c r="A15780" t="s">
        <v>9806</v>
      </c>
      <c r="B15780" t="s">
        <v>9807</v>
      </c>
      <c r="C15780" t="s">
        <v>9786</v>
      </c>
      <c r="D15780" t="s">
        <v>9787</v>
      </c>
      <c r="E15780" t="s">
        <v>9544</v>
      </c>
      <c r="F15780" t="s">
        <v>9545</v>
      </c>
      <c r="G15780" t="s">
        <v>80</v>
      </c>
      <c r="H15780" t="s">
        <v>81</v>
      </c>
      <c r="I15780" s="2">
        <v>0</v>
      </c>
      <c r="J15780" s="2">
        <v>1</v>
      </c>
      <c r="K15780" s="2">
        <v>0</v>
      </c>
      <c r="L15780" t="s">
        <v>82</v>
      </c>
      <c r="M15780" t="s">
        <v>89</v>
      </c>
      <c r="N15780" t="s">
        <v>90</v>
      </c>
      <c r="O15780" t="s">
        <v>85</v>
      </c>
      <c r="P15780" t="s">
        <v>86</v>
      </c>
      <c r="Q15780">
        <v>19</v>
      </c>
      <c r="R15780">
        <v>19</v>
      </c>
      <c r="S15780">
        <v>20</v>
      </c>
      <c r="T15780">
        <v>20</v>
      </c>
      <c r="U15780">
        <v>20</v>
      </c>
      <c r="V15780">
        <v>20</v>
      </c>
      <c r="W15780">
        <v>21</v>
      </c>
      <c r="X15780">
        <v>21</v>
      </c>
      <c r="Y15780">
        <v>21</v>
      </c>
      <c r="Z15780">
        <v>21</v>
      </c>
      <c r="AA15780">
        <v>21</v>
      </c>
      <c r="AB15780">
        <v>22</v>
      </c>
      <c r="AC15780">
        <v>22</v>
      </c>
      <c r="AD15780">
        <v>22</v>
      </c>
      <c r="AE15780">
        <v>22</v>
      </c>
      <c r="AF15780">
        <v>22</v>
      </c>
      <c r="AG15780">
        <v>22</v>
      </c>
      <c r="AH15780">
        <v>21</v>
      </c>
      <c r="AI15780">
        <v>21</v>
      </c>
      <c r="AJ15780">
        <v>21</v>
      </c>
      <c r="AK15780">
        <v>21</v>
      </c>
      <c r="AL15780">
        <v>21</v>
      </c>
      <c r="AM15780">
        <v>21</v>
      </c>
      <c r="AN15780">
        <v>21</v>
      </c>
      <c r="AO15780">
        <v>21</v>
      </c>
      <c r="AP15780">
        <v>20</v>
      </c>
      <c r="AQ15780">
        <v>20</v>
      </c>
    </row>
    <row r="15781" spans="1:43">
      <c r="A15781" t="s">
        <v>9806</v>
      </c>
      <c r="B15781" t="s">
        <v>9807</v>
      </c>
      <c r="C15781" t="s">
        <v>9786</v>
      </c>
      <c r="D15781" t="s">
        <v>9787</v>
      </c>
      <c r="E15781" t="s">
        <v>9544</v>
      </c>
      <c r="F15781" t="s">
        <v>9545</v>
      </c>
      <c r="G15781" t="s">
        <v>80</v>
      </c>
      <c r="H15781" t="s">
        <v>81</v>
      </c>
      <c r="I15781" s="2">
        <v>0</v>
      </c>
      <c r="J15781" s="2">
        <v>1</v>
      </c>
      <c r="K15781" s="2">
        <v>0</v>
      </c>
      <c r="L15781" t="s">
        <v>82</v>
      </c>
      <c r="M15781" t="s">
        <v>83</v>
      </c>
      <c r="N15781" t="s">
        <v>91</v>
      </c>
      <c r="O15781" t="s">
        <v>85</v>
      </c>
      <c r="P15781" t="s">
        <v>86</v>
      </c>
      <c r="Q15781">
        <v>19</v>
      </c>
      <c r="R15781">
        <v>19</v>
      </c>
      <c r="S15781">
        <v>19</v>
      </c>
      <c r="T15781">
        <v>19</v>
      </c>
      <c r="U15781">
        <v>19</v>
      </c>
      <c r="V15781">
        <v>20</v>
      </c>
      <c r="W15781">
        <v>20</v>
      </c>
      <c r="X15781">
        <v>20</v>
      </c>
      <c r="Y15781">
        <v>20</v>
      </c>
      <c r="Z15781">
        <v>20</v>
      </c>
      <c r="AA15781">
        <v>20</v>
      </c>
      <c r="AB15781">
        <v>20</v>
      </c>
      <c r="AC15781">
        <v>20</v>
      </c>
      <c r="AD15781">
        <v>20</v>
      </c>
      <c r="AE15781">
        <v>20</v>
      </c>
      <c r="AF15781">
        <v>20</v>
      </c>
      <c r="AG15781">
        <v>21</v>
      </c>
      <c r="AH15781">
        <v>21</v>
      </c>
      <c r="AI15781">
        <v>21</v>
      </c>
      <c r="AJ15781">
        <v>21</v>
      </c>
      <c r="AK15781">
        <v>21</v>
      </c>
      <c r="AL15781">
        <v>21</v>
      </c>
      <c r="AM15781">
        <v>21</v>
      </c>
      <c r="AN15781">
        <v>20</v>
      </c>
      <c r="AO15781">
        <v>20</v>
      </c>
      <c r="AP15781">
        <v>20</v>
      </c>
      <c r="AQ15781">
        <v>20</v>
      </c>
    </row>
    <row r="15782" spans="1:43">
      <c r="A15782" t="s">
        <v>9808</v>
      </c>
      <c r="B15782" t="s">
        <v>9809</v>
      </c>
      <c r="C15782" t="s">
        <v>9718</v>
      </c>
      <c r="D15782" t="s">
        <v>9719</v>
      </c>
      <c r="E15782" t="s">
        <v>9544</v>
      </c>
      <c r="F15782" t="s">
        <v>9545</v>
      </c>
      <c r="G15782" t="s">
        <v>80</v>
      </c>
      <c r="H15782" t="s">
        <v>81</v>
      </c>
      <c r="I15782" s="2">
        <v>0</v>
      </c>
      <c r="J15782" s="2">
        <v>1</v>
      </c>
      <c r="K15782" s="2">
        <v>0</v>
      </c>
      <c r="L15782" t="s">
        <v>82</v>
      </c>
      <c r="M15782" t="s">
        <v>83</v>
      </c>
      <c r="N15782" t="s">
        <v>84</v>
      </c>
      <c r="O15782" t="s">
        <v>85</v>
      </c>
      <c r="P15782" t="s">
        <v>86</v>
      </c>
      <c r="Q15782">
        <v>30</v>
      </c>
      <c r="R15782">
        <v>30</v>
      </c>
      <c r="S15782">
        <v>31</v>
      </c>
      <c r="T15782">
        <v>31</v>
      </c>
      <c r="U15782">
        <v>31</v>
      </c>
      <c r="V15782">
        <v>31</v>
      </c>
      <c r="W15782">
        <v>31</v>
      </c>
      <c r="X15782">
        <v>31</v>
      </c>
      <c r="Y15782">
        <v>32</v>
      </c>
      <c r="Z15782">
        <v>32</v>
      </c>
      <c r="AA15782">
        <v>32</v>
      </c>
      <c r="AB15782">
        <v>32</v>
      </c>
      <c r="AC15782">
        <v>32</v>
      </c>
      <c r="AD15782">
        <v>32</v>
      </c>
      <c r="AE15782">
        <v>32</v>
      </c>
      <c r="AF15782">
        <v>32</v>
      </c>
      <c r="AG15782">
        <v>33</v>
      </c>
      <c r="AH15782">
        <v>33</v>
      </c>
      <c r="AI15782">
        <v>33</v>
      </c>
      <c r="AJ15782">
        <v>33</v>
      </c>
      <c r="AK15782">
        <v>33</v>
      </c>
      <c r="AL15782">
        <v>33</v>
      </c>
      <c r="AM15782">
        <v>33</v>
      </c>
      <c r="AN15782">
        <v>32</v>
      </c>
      <c r="AO15782">
        <v>32</v>
      </c>
      <c r="AP15782">
        <v>32</v>
      </c>
      <c r="AQ15782">
        <v>32</v>
      </c>
    </row>
    <row r="15783" spans="1:43">
      <c r="A15783" t="s">
        <v>9808</v>
      </c>
      <c r="B15783" t="s">
        <v>9809</v>
      </c>
      <c r="C15783" t="s">
        <v>9718</v>
      </c>
      <c r="D15783" t="s">
        <v>9719</v>
      </c>
      <c r="E15783" t="s">
        <v>9544</v>
      </c>
      <c r="F15783" t="s">
        <v>9545</v>
      </c>
      <c r="G15783" t="s">
        <v>80</v>
      </c>
      <c r="H15783" t="s">
        <v>81</v>
      </c>
      <c r="I15783" s="2">
        <v>0</v>
      </c>
      <c r="J15783" s="2">
        <v>1</v>
      </c>
      <c r="K15783" s="2">
        <v>0</v>
      </c>
      <c r="L15783" t="s">
        <v>82</v>
      </c>
      <c r="M15783" t="s">
        <v>87</v>
      </c>
      <c r="N15783" t="s">
        <v>88</v>
      </c>
      <c r="O15783" t="s">
        <v>85</v>
      </c>
      <c r="P15783" t="s">
        <v>86</v>
      </c>
      <c r="Q15783">
        <v>30</v>
      </c>
      <c r="R15783">
        <v>30</v>
      </c>
      <c r="S15783">
        <v>30</v>
      </c>
      <c r="T15783">
        <v>30</v>
      </c>
      <c r="U15783">
        <v>30</v>
      </c>
      <c r="V15783">
        <v>29</v>
      </c>
      <c r="W15783">
        <v>29</v>
      </c>
      <c r="X15783">
        <v>29</v>
      </c>
      <c r="Y15783">
        <v>29</v>
      </c>
      <c r="Z15783">
        <v>29</v>
      </c>
      <c r="AA15783">
        <v>29</v>
      </c>
      <c r="AB15783">
        <v>29</v>
      </c>
      <c r="AC15783">
        <v>29</v>
      </c>
      <c r="AD15783">
        <v>29</v>
      </c>
      <c r="AE15783">
        <v>29</v>
      </c>
      <c r="AF15783">
        <v>29</v>
      </c>
      <c r="AG15783">
        <v>28</v>
      </c>
      <c r="AH15783">
        <v>28</v>
      </c>
      <c r="AI15783">
        <v>28</v>
      </c>
      <c r="AJ15783">
        <v>28</v>
      </c>
      <c r="AK15783">
        <v>28</v>
      </c>
      <c r="AL15783">
        <v>28</v>
      </c>
      <c r="AM15783">
        <v>28</v>
      </c>
      <c r="AN15783">
        <v>28</v>
      </c>
      <c r="AO15783">
        <v>28</v>
      </c>
      <c r="AP15783">
        <v>28</v>
      </c>
      <c r="AQ15783">
        <v>27</v>
      </c>
    </row>
    <row r="15784" spans="1:43">
      <c r="A15784" t="s">
        <v>9808</v>
      </c>
      <c r="B15784" t="s">
        <v>9809</v>
      </c>
      <c r="C15784" t="s">
        <v>9718</v>
      </c>
      <c r="D15784" t="s">
        <v>9719</v>
      </c>
      <c r="E15784" t="s">
        <v>9544</v>
      </c>
      <c r="F15784" t="s">
        <v>9545</v>
      </c>
      <c r="G15784" t="s">
        <v>80</v>
      </c>
      <c r="H15784" t="s">
        <v>81</v>
      </c>
      <c r="I15784" s="2">
        <v>0</v>
      </c>
      <c r="J15784" s="2">
        <v>1</v>
      </c>
      <c r="K15784" s="2">
        <v>0</v>
      </c>
      <c r="L15784" t="s">
        <v>82</v>
      </c>
      <c r="M15784" t="s">
        <v>89</v>
      </c>
      <c r="N15784" t="s">
        <v>90</v>
      </c>
      <c r="O15784" t="s">
        <v>85</v>
      </c>
      <c r="P15784" t="s">
        <v>86</v>
      </c>
      <c r="Q15784">
        <v>30</v>
      </c>
      <c r="R15784">
        <v>31</v>
      </c>
      <c r="S15784">
        <v>31</v>
      </c>
      <c r="T15784">
        <v>32</v>
      </c>
      <c r="U15784">
        <v>32</v>
      </c>
      <c r="V15784">
        <v>33</v>
      </c>
      <c r="W15784">
        <v>33</v>
      </c>
      <c r="X15784">
        <v>33</v>
      </c>
      <c r="Y15784">
        <v>33</v>
      </c>
      <c r="Z15784">
        <v>34</v>
      </c>
      <c r="AA15784">
        <v>34</v>
      </c>
      <c r="AB15784">
        <v>34</v>
      </c>
      <c r="AC15784">
        <v>34</v>
      </c>
      <c r="AD15784">
        <v>35</v>
      </c>
      <c r="AE15784">
        <v>35</v>
      </c>
      <c r="AF15784">
        <v>35</v>
      </c>
      <c r="AG15784">
        <v>34</v>
      </c>
      <c r="AH15784">
        <v>34</v>
      </c>
      <c r="AI15784">
        <v>34</v>
      </c>
      <c r="AJ15784">
        <v>34</v>
      </c>
      <c r="AK15784">
        <v>33</v>
      </c>
      <c r="AL15784">
        <v>33</v>
      </c>
      <c r="AM15784">
        <v>33</v>
      </c>
      <c r="AN15784">
        <v>33</v>
      </c>
      <c r="AO15784">
        <v>33</v>
      </c>
      <c r="AP15784">
        <v>32</v>
      </c>
      <c r="AQ15784">
        <v>32</v>
      </c>
    </row>
    <row r="15785" spans="1:43">
      <c r="A15785" t="s">
        <v>9808</v>
      </c>
      <c r="B15785" t="s">
        <v>9809</v>
      </c>
      <c r="C15785" t="s">
        <v>9718</v>
      </c>
      <c r="D15785" t="s">
        <v>9719</v>
      </c>
      <c r="E15785" t="s">
        <v>9544</v>
      </c>
      <c r="F15785" t="s">
        <v>9545</v>
      </c>
      <c r="G15785" t="s">
        <v>80</v>
      </c>
      <c r="H15785" t="s">
        <v>81</v>
      </c>
      <c r="I15785" s="2">
        <v>0</v>
      </c>
      <c r="J15785" s="2">
        <v>1</v>
      </c>
      <c r="K15785" s="2">
        <v>0</v>
      </c>
      <c r="L15785" t="s">
        <v>82</v>
      </c>
      <c r="M15785" t="s">
        <v>83</v>
      </c>
      <c r="N15785" t="s">
        <v>91</v>
      </c>
      <c r="O15785" t="s">
        <v>85</v>
      </c>
      <c r="P15785" t="s">
        <v>86</v>
      </c>
      <c r="Q15785">
        <v>30</v>
      </c>
      <c r="R15785">
        <v>30</v>
      </c>
      <c r="S15785">
        <v>31</v>
      </c>
      <c r="T15785">
        <v>31</v>
      </c>
      <c r="U15785">
        <v>31</v>
      </c>
      <c r="V15785">
        <v>31</v>
      </c>
      <c r="W15785">
        <v>31</v>
      </c>
      <c r="X15785">
        <v>31</v>
      </c>
      <c r="Y15785">
        <v>32</v>
      </c>
      <c r="Z15785">
        <v>32</v>
      </c>
      <c r="AA15785">
        <v>32</v>
      </c>
      <c r="AB15785">
        <v>32</v>
      </c>
      <c r="AC15785">
        <v>32</v>
      </c>
      <c r="AD15785">
        <v>32</v>
      </c>
      <c r="AE15785">
        <v>32</v>
      </c>
      <c r="AF15785">
        <v>32</v>
      </c>
      <c r="AG15785">
        <v>33</v>
      </c>
      <c r="AH15785">
        <v>33</v>
      </c>
      <c r="AI15785">
        <v>33</v>
      </c>
      <c r="AJ15785">
        <v>33</v>
      </c>
      <c r="AK15785">
        <v>33</v>
      </c>
      <c r="AL15785">
        <v>33</v>
      </c>
      <c r="AM15785">
        <v>33</v>
      </c>
      <c r="AN15785">
        <v>32</v>
      </c>
      <c r="AO15785">
        <v>32</v>
      </c>
      <c r="AP15785">
        <v>32</v>
      </c>
      <c r="AQ15785">
        <v>32</v>
      </c>
    </row>
    <row r="15786" spans="1:43">
      <c r="A15786" t="s">
        <v>9810</v>
      </c>
      <c r="B15786" t="s">
        <v>9811</v>
      </c>
      <c r="C15786" t="s">
        <v>9812</v>
      </c>
      <c r="D15786" t="s">
        <v>9813</v>
      </c>
      <c r="E15786" t="s">
        <v>9544</v>
      </c>
      <c r="F15786" t="s">
        <v>9545</v>
      </c>
      <c r="G15786" t="s">
        <v>80</v>
      </c>
      <c r="H15786" t="s">
        <v>81</v>
      </c>
      <c r="I15786" s="2">
        <v>0</v>
      </c>
      <c r="J15786" s="2">
        <v>1</v>
      </c>
      <c r="K15786" s="2">
        <v>0</v>
      </c>
      <c r="L15786" t="s">
        <v>82</v>
      </c>
      <c r="M15786" t="s">
        <v>83</v>
      </c>
      <c r="N15786" t="s">
        <v>84</v>
      </c>
      <c r="O15786" t="s">
        <v>85</v>
      </c>
      <c r="P15786" t="s">
        <v>86</v>
      </c>
      <c r="Q15786">
        <v>40</v>
      </c>
      <c r="R15786">
        <v>40</v>
      </c>
      <c r="S15786">
        <v>41</v>
      </c>
      <c r="T15786">
        <v>41</v>
      </c>
      <c r="U15786">
        <v>41</v>
      </c>
      <c r="V15786">
        <v>41</v>
      </c>
      <c r="W15786">
        <v>42</v>
      </c>
      <c r="X15786">
        <v>42</v>
      </c>
      <c r="Y15786">
        <v>42</v>
      </c>
      <c r="Z15786">
        <v>42</v>
      </c>
      <c r="AA15786">
        <v>42</v>
      </c>
      <c r="AB15786">
        <v>43</v>
      </c>
      <c r="AC15786">
        <v>43</v>
      </c>
      <c r="AD15786">
        <v>43</v>
      </c>
      <c r="AE15786">
        <v>43</v>
      </c>
      <c r="AF15786">
        <v>43</v>
      </c>
      <c r="AG15786">
        <v>43</v>
      </c>
      <c r="AH15786">
        <v>44</v>
      </c>
      <c r="AI15786">
        <v>44</v>
      </c>
      <c r="AJ15786">
        <v>44</v>
      </c>
      <c r="AK15786">
        <v>44</v>
      </c>
      <c r="AL15786">
        <v>44</v>
      </c>
      <c r="AM15786">
        <v>44</v>
      </c>
      <c r="AN15786">
        <v>43</v>
      </c>
      <c r="AO15786">
        <v>43</v>
      </c>
      <c r="AP15786">
        <v>43</v>
      </c>
      <c r="AQ15786">
        <v>42</v>
      </c>
    </row>
    <row r="15787" spans="1:43">
      <c r="A15787" t="s">
        <v>9810</v>
      </c>
      <c r="B15787" t="s">
        <v>9811</v>
      </c>
      <c r="C15787" t="s">
        <v>9812</v>
      </c>
      <c r="D15787" t="s">
        <v>9813</v>
      </c>
      <c r="E15787" t="s">
        <v>9544</v>
      </c>
      <c r="F15787" t="s">
        <v>9545</v>
      </c>
      <c r="G15787" t="s">
        <v>80</v>
      </c>
      <c r="H15787" t="s">
        <v>81</v>
      </c>
      <c r="I15787" s="2">
        <v>0</v>
      </c>
      <c r="J15787" s="2">
        <v>1</v>
      </c>
      <c r="K15787" s="2">
        <v>0</v>
      </c>
      <c r="L15787" t="s">
        <v>82</v>
      </c>
      <c r="M15787" t="s">
        <v>87</v>
      </c>
      <c r="N15787" t="s">
        <v>88</v>
      </c>
      <c r="O15787" t="s">
        <v>85</v>
      </c>
      <c r="P15787" t="s">
        <v>86</v>
      </c>
      <c r="Q15787">
        <v>40</v>
      </c>
      <c r="R15787">
        <v>40</v>
      </c>
      <c r="S15787">
        <v>39</v>
      </c>
      <c r="T15787">
        <v>39</v>
      </c>
      <c r="U15787">
        <v>39</v>
      </c>
      <c r="V15787">
        <v>39</v>
      </c>
      <c r="W15787">
        <v>39</v>
      </c>
      <c r="X15787">
        <v>39</v>
      </c>
      <c r="Y15787">
        <v>39</v>
      </c>
      <c r="Z15787">
        <v>39</v>
      </c>
      <c r="AA15787">
        <v>39</v>
      </c>
      <c r="AB15787">
        <v>38</v>
      </c>
      <c r="AC15787">
        <v>38</v>
      </c>
      <c r="AD15787">
        <v>38</v>
      </c>
      <c r="AE15787">
        <v>38</v>
      </c>
      <c r="AF15787">
        <v>38</v>
      </c>
      <c r="AG15787">
        <v>38</v>
      </c>
      <c r="AH15787">
        <v>38</v>
      </c>
      <c r="AI15787">
        <v>38</v>
      </c>
      <c r="AJ15787">
        <v>38</v>
      </c>
      <c r="AK15787">
        <v>37</v>
      </c>
      <c r="AL15787">
        <v>37</v>
      </c>
      <c r="AM15787">
        <v>37</v>
      </c>
      <c r="AN15787">
        <v>37</v>
      </c>
      <c r="AO15787">
        <v>37</v>
      </c>
      <c r="AP15787">
        <v>37</v>
      </c>
      <c r="AQ15787">
        <v>37</v>
      </c>
    </row>
    <row r="15788" spans="1:43">
      <c r="A15788" t="s">
        <v>9810</v>
      </c>
      <c r="B15788" t="s">
        <v>9811</v>
      </c>
      <c r="C15788" t="s">
        <v>9812</v>
      </c>
      <c r="D15788" t="s">
        <v>9813</v>
      </c>
      <c r="E15788" t="s">
        <v>9544</v>
      </c>
      <c r="F15788" t="s">
        <v>9545</v>
      </c>
      <c r="G15788" t="s">
        <v>80</v>
      </c>
      <c r="H15788" t="s">
        <v>81</v>
      </c>
      <c r="I15788" s="2">
        <v>0</v>
      </c>
      <c r="J15788" s="2">
        <v>1</v>
      </c>
      <c r="K15788" s="2">
        <v>0</v>
      </c>
      <c r="L15788" t="s">
        <v>82</v>
      </c>
      <c r="M15788" t="s">
        <v>89</v>
      </c>
      <c r="N15788" t="s">
        <v>90</v>
      </c>
      <c r="O15788" t="s">
        <v>85</v>
      </c>
      <c r="P15788" t="s">
        <v>86</v>
      </c>
      <c r="Q15788">
        <v>40</v>
      </c>
      <c r="R15788">
        <v>41</v>
      </c>
      <c r="S15788">
        <v>42</v>
      </c>
      <c r="T15788">
        <v>42</v>
      </c>
      <c r="U15788">
        <v>43</v>
      </c>
      <c r="V15788">
        <v>43</v>
      </c>
      <c r="W15788">
        <v>44</v>
      </c>
      <c r="X15788">
        <v>44</v>
      </c>
      <c r="Y15788">
        <v>45</v>
      </c>
      <c r="Z15788">
        <v>45</v>
      </c>
      <c r="AA15788">
        <v>45</v>
      </c>
      <c r="AB15788">
        <v>46</v>
      </c>
      <c r="AC15788">
        <v>46</v>
      </c>
      <c r="AD15788">
        <v>46</v>
      </c>
      <c r="AE15788">
        <v>46</v>
      </c>
      <c r="AF15788">
        <v>46</v>
      </c>
      <c r="AG15788">
        <v>46</v>
      </c>
      <c r="AH15788">
        <v>45</v>
      </c>
      <c r="AI15788">
        <v>45</v>
      </c>
      <c r="AJ15788">
        <v>45</v>
      </c>
      <c r="AK15788">
        <v>45</v>
      </c>
      <c r="AL15788">
        <v>44</v>
      </c>
      <c r="AM15788">
        <v>44</v>
      </c>
      <c r="AN15788">
        <v>44</v>
      </c>
      <c r="AO15788">
        <v>44</v>
      </c>
      <c r="AP15788">
        <v>43</v>
      </c>
      <c r="AQ15788">
        <v>43</v>
      </c>
    </row>
    <row r="15789" spans="1:43">
      <c r="A15789" t="s">
        <v>9810</v>
      </c>
      <c r="B15789" t="s">
        <v>9811</v>
      </c>
      <c r="C15789" t="s">
        <v>9812</v>
      </c>
      <c r="D15789" t="s">
        <v>9813</v>
      </c>
      <c r="E15789" t="s">
        <v>9544</v>
      </c>
      <c r="F15789" t="s">
        <v>9545</v>
      </c>
      <c r="G15789" t="s">
        <v>80</v>
      </c>
      <c r="H15789" t="s">
        <v>81</v>
      </c>
      <c r="I15789" s="2">
        <v>0</v>
      </c>
      <c r="J15789" s="2">
        <v>1</v>
      </c>
      <c r="K15789" s="2">
        <v>0</v>
      </c>
      <c r="L15789" t="s">
        <v>82</v>
      </c>
      <c r="M15789" t="s">
        <v>83</v>
      </c>
      <c r="N15789" t="s">
        <v>91</v>
      </c>
      <c r="O15789" t="s">
        <v>85</v>
      </c>
      <c r="P15789" t="s">
        <v>86</v>
      </c>
      <c r="Q15789">
        <v>40</v>
      </c>
      <c r="R15789">
        <v>40</v>
      </c>
      <c r="S15789">
        <v>41</v>
      </c>
      <c r="T15789">
        <v>41</v>
      </c>
      <c r="U15789">
        <v>41</v>
      </c>
      <c r="V15789">
        <v>41</v>
      </c>
      <c r="W15789">
        <v>42</v>
      </c>
      <c r="X15789">
        <v>42</v>
      </c>
      <c r="Y15789">
        <v>42</v>
      </c>
      <c r="Z15789">
        <v>42</v>
      </c>
      <c r="AA15789">
        <v>42</v>
      </c>
      <c r="AB15789">
        <v>43</v>
      </c>
      <c r="AC15789">
        <v>43</v>
      </c>
      <c r="AD15789">
        <v>43</v>
      </c>
      <c r="AE15789">
        <v>43</v>
      </c>
      <c r="AF15789">
        <v>43</v>
      </c>
      <c r="AG15789">
        <v>43</v>
      </c>
      <c r="AH15789">
        <v>44</v>
      </c>
      <c r="AI15789">
        <v>44</v>
      </c>
      <c r="AJ15789">
        <v>44</v>
      </c>
      <c r="AK15789">
        <v>44</v>
      </c>
      <c r="AL15789">
        <v>44</v>
      </c>
      <c r="AM15789">
        <v>44</v>
      </c>
      <c r="AN15789">
        <v>43</v>
      </c>
      <c r="AO15789">
        <v>43</v>
      </c>
      <c r="AP15789">
        <v>43</v>
      </c>
      <c r="AQ15789">
        <v>42</v>
      </c>
    </row>
    <row r="15790" spans="1:43">
      <c r="A15790" t="s">
        <v>9814</v>
      </c>
      <c r="B15790" t="s">
        <v>9815</v>
      </c>
      <c r="C15790" t="s">
        <v>9812</v>
      </c>
      <c r="D15790" t="s">
        <v>9813</v>
      </c>
      <c r="E15790" t="s">
        <v>9544</v>
      </c>
      <c r="F15790" t="s">
        <v>9545</v>
      </c>
      <c r="G15790" t="s">
        <v>80</v>
      </c>
      <c r="H15790" t="s">
        <v>81</v>
      </c>
      <c r="I15790" s="2">
        <v>0</v>
      </c>
      <c r="J15790" s="2">
        <v>1</v>
      </c>
      <c r="K15790" s="2">
        <v>0</v>
      </c>
      <c r="L15790" t="s">
        <v>82</v>
      </c>
      <c r="M15790" t="s">
        <v>83</v>
      </c>
      <c r="N15790" t="s">
        <v>84</v>
      </c>
      <c r="O15790" t="s">
        <v>85</v>
      </c>
      <c r="P15790" t="s">
        <v>86</v>
      </c>
      <c r="Q15790">
        <v>117</v>
      </c>
      <c r="R15790">
        <v>118</v>
      </c>
      <c r="S15790">
        <v>119</v>
      </c>
      <c r="T15790">
        <v>119</v>
      </c>
      <c r="U15790">
        <v>120</v>
      </c>
      <c r="V15790">
        <v>121</v>
      </c>
      <c r="W15790">
        <v>121</v>
      </c>
      <c r="X15790">
        <v>122</v>
      </c>
      <c r="Y15790">
        <v>123</v>
      </c>
      <c r="Z15790">
        <v>123</v>
      </c>
      <c r="AA15790">
        <v>124</v>
      </c>
      <c r="AB15790">
        <v>125</v>
      </c>
      <c r="AC15790">
        <v>125</v>
      </c>
      <c r="AD15790">
        <v>126</v>
      </c>
      <c r="AE15790">
        <v>126</v>
      </c>
      <c r="AF15790">
        <v>127</v>
      </c>
      <c r="AG15790">
        <v>127</v>
      </c>
      <c r="AH15790">
        <v>127</v>
      </c>
      <c r="AI15790">
        <v>128</v>
      </c>
      <c r="AJ15790">
        <v>128</v>
      </c>
      <c r="AK15790">
        <v>128</v>
      </c>
      <c r="AL15790">
        <v>128</v>
      </c>
      <c r="AM15790">
        <v>127</v>
      </c>
      <c r="AN15790">
        <v>126</v>
      </c>
      <c r="AO15790">
        <v>126</v>
      </c>
      <c r="AP15790">
        <v>125</v>
      </c>
      <c r="AQ15790">
        <v>124</v>
      </c>
    </row>
    <row r="15791" spans="1:43">
      <c r="A15791" t="s">
        <v>9814</v>
      </c>
      <c r="B15791" t="s">
        <v>9815</v>
      </c>
      <c r="C15791" t="s">
        <v>9812</v>
      </c>
      <c r="D15791" t="s">
        <v>9813</v>
      </c>
      <c r="E15791" t="s">
        <v>9544</v>
      </c>
      <c r="F15791" t="s">
        <v>9545</v>
      </c>
      <c r="G15791" t="s">
        <v>80</v>
      </c>
      <c r="H15791" t="s">
        <v>81</v>
      </c>
      <c r="I15791" s="2">
        <v>0</v>
      </c>
      <c r="J15791" s="2">
        <v>1</v>
      </c>
      <c r="K15791" s="2">
        <v>0</v>
      </c>
      <c r="L15791" t="s">
        <v>82</v>
      </c>
      <c r="M15791" t="s">
        <v>87</v>
      </c>
      <c r="N15791" t="s">
        <v>88</v>
      </c>
      <c r="O15791" t="s">
        <v>85</v>
      </c>
      <c r="P15791" t="s">
        <v>86</v>
      </c>
      <c r="Q15791">
        <v>117</v>
      </c>
      <c r="R15791">
        <v>117</v>
      </c>
      <c r="S15791">
        <v>116</v>
      </c>
      <c r="T15791">
        <v>116</v>
      </c>
      <c r="U15791">
        <v>116</v>
      </c>
      <c r="V15791">
        <v>115</v>
      </c>
      <c r="W15791">
        <v>115</v>
      </c>
      <c r="X15791">
        <v>115</v>
      </c>
      <c r="Y15791">
        <v>115</v>
      </c>
      <c r="Z15791">
        <v>114</v>
      </c>
      <c r="AA15791">
        <v>114</v>
      </c>
      <c r="AB15791">
        <v>114</v>
      </c>
      <c r="AC15791">
        <v>113</v>
      </c>
      <c r="AD15791">
        <v>113</v>
      </c>
      <c r="AE15791">
        <v>113</v>
      </c>
      <c r="AF15791">
        <v>112</v>
      </c>
      <c r="AG15791">
        <v>112</v>
      </c>
      <c r="AH15791">
        <v>111</v>
      </c>
      <c r="AI15791">
        <v>111</v>
      </c>
      <c r="AJ15791">
        <v>111</v>
      </c>
      <c r="AK15791">
        <v>110</v>
      </c>
      <c r="AL15791">
        <v>110</v>
      </c>
      <c r="AM15791">
        <v>110</v>
      </c>
      <c r="AN15791">
        <v>109</v>
      </c>
      <c r="AO15791">
        <v>109</v>
      </c>
      <c r="AP15791">
        <v>108</v>
      </c>
      <c r="AQ15791">
        <v>108</v>
      </c>
    </row>
    <row r="15792" spans="1:43">
      <c r="A15792" t="s">
        <v>9814</v>
      </c>
      <c r="B15792" t="s">
        <v>9815</v>
      </c>
      <c r="C15792" t="s">
        <v>9812</v>
      </c>
      <c r="D15792" t="s">
        <v>9813</v>
      </c>
      <c r="E15792" t="s">
        <v>9544</v>
      </c>
      <c r="F15792" t="s">
        <v>9545</v>
      </c>
      <c r="G15792" t="s">
        <v>80</v>
      </c>
      <c r="H15792" t="s">
        <v>81</v>
      </c>
      <c r="I15792" s="2">
        <v>0</v>
      </c>
      <c r="J15792" s="2">
        <v>1</v>
      </c>
      <c r="K15792" s="2">
        <v>0</v>
      </c>
      <c r="L15792" t="s">
        <v>82</v>
      </c>
      <c r="M15792" t="s">
        <v>89</v>
      </c>
      <c r="N15792" t="s">
        <v>90</v>
      </c>
      <c r="O15792" t="s">
        <v>85</v>
      </c>
      <c r="P15792" t="s">
        <v>86</v>
      </c>
      <c r="Q15792">
        <v>117</v>
      </c>
      <c r="R15792">
        <v>119</v>
      </c>
      <c r="S15792">
        <v>121</v>
      </c>
      <c r="T15792">
        <v>122</v>
      </c>
      <c r="U15792">
        <v>124</v>
      </c>
      <c r="V15792">
        <v>125</v>
      </c>
      <c r="W15792">
        <v>127</v>
      </c>
      <c r="X15792">
        <v>128</v>
      </c>
      <c r="Y15792">
        <v>129</v>
      </c>
      <c r="Z15792">
        <v>130</v>
      </c>
      <c r="AA15792">
        <v>131</v>
      </c>
      <c r="AB15792">
        <v>132</v>
      </c>
      <c r="AC15792">
        <v>133</v>
      </c>
      <c r="AD15792">
        <v>134</v>
      </c>
      <c r="AE15792">
        <v>134</v>
      </c>
      <c r="AF15792">
        <v>134</v>
      </c>
      <c r="AG15792">
        <v>133</v>
      </c>
      <c r="AH15792">
        <v>132</v>
      </c>
      <c r="AI15792">
        <v>131</v>
      </c>
      <c r="AJ15792">
        <v>130</v>
      </c>
      <c r="AK15792">
        <v>129</v>
      </c>
      <c r="AL15792">
        <v>129</v>
      </c>
      <c r="AM15792">
        <v>128</v>
      </c>
      <c r="AN15792">
        <v>127</v>
      </c>
      <c r="AO15792">
        <v>126</v>
      </c>
      <c r="AP15792">
        <v>125</v>
      </c>
      <c r="AQ15792">
        <v>125</v>
      </c>
    </row>
    <row r="15793" spans="1:43">
      <c r="A15793" t="s">
        <v>9814</v>
      </c>
      <c r="B15793" t="s">
        <v>9815</v>
      </c>
      <c r="C15793" t="s">
        <v>9812</v>
      </c>
      <c r="D15793" t="s">
        <v>9813</v>
      </c>
      <c r="E15793" t="s">
        <v>9544</v>
      </c>
      <c r="F15793" t="s">
        <v>9545</v>
      </c>
      <c r="G15793" t="s">
        <v>80</v>
      </c>
      <c r="H15793" t="s">
        <v>81</v>
      </c>
      <c r="I15793" s="2">
        <v>0</v>
      </c>
      <c r="J15793" s="2">
        <v>1</v>
      </c>
      <c r="K15793" s="2">
        <v>0</v>
      </c>
      <c r="L15793" t="s">
        <v>82</v>
      </c>
      <c r="M15793" t="s">
        <v>83</v>
      </c>
      <c r="N15793" t="s">
        <v>91</v>
      </c>
      <c r="O15793" t="s">
        <v>85</v>
      </c>
      <c r="P15793" t="s">
        <v>86</v>
      </c>
      <c r="Q15793">
        <v>117</v>
      </c>
      <c r="R15793">
        <v>118</v>
      </c>
      <c r="S15793">
        <v>119</v>
      </c>
      <c r="T15793">
        <v>119</v>
      </c>
      <c r="U15793">
        <v>120</v>
      </c>
      <c r="V15793">
        <v>121</v>
      </c>
      <c r="W15793">
        <v>121</v>
      </c>
      <c r="X15793">
        <v>122</v>
      </c>
      <c r="Y15793">
        <v>123</v>
      </c>
      <c r="Z15793">
        <v>123</v>
      </c>
      <c r="AA15793">
        <v>124</v>
      </c>
      <c r="AB15793">
        <v>125</v>
      </c>
      <c r="AC15793">
        <v>125</v>
      </c>
      <c r="AD15793">
        <v>126</v>
      </c>
      <c r="AE15793">
        <v>126</v>
      </c>
      <c r="AF15793">
        <v>127</v>
      </c>
      <c r="AG15793">
        <v>127</v>
      </c>
      <c r="AH15793">
        <v>127</v>
      </c>
      <c r="AI15793">
        <v>128</v>
      </c>
      <c r="AJ15793">
        <v>128</v>
      </c>
      <c r="AK15793">
        <v>128</v>
      </c>
      <c r="AL15793">
        <v>128</v>
      </c>
      <c r="AM15793">
        <v>127</v>
      </c>
      <c r="AN15793">
        <v>126</v>
      </c>
      <c r="AO15793">
        <v>126</v>
      </c>
      <c r="AP15793">
        <v>125</v>
      </c>
      <c r="AQ15793">
        <v>124</v>
      </c>
    </row>
    <row r="15794" spans="1:43">
      <c r="A15794" t="s">
        <v>9816</v>
      </c>
      <c r="B15794" t="s">
        <v>9817</v>
      </c>
      <c r="C15794" t="s">
        <v>9812</v>
      </c>
      <c r="D15794" t="s">
        <v>9813</v>
      </c>
      <c r="E15794" t="s">
        <v>9544</v>
      </c>
      <c r="F15794" t="s">
        <v>9545</v>
      </c>
      <c r="G15794" t="s">
        <v>80</v>
      </c>
      <c r="H15794" t="s">
        <v>81</v>
      </c>
      <c r="I15794" s="2">
        <v>0</v>
      </c>
      <c r="J15794" s="2">
        <v>1</v>
      </c>
      <c r="K15794" s="2">
        <v>0</v>
      </c>
      <c r="L15794" t="s">
        <v>82</v>
      </c>
      <c r="M15794" t="s">
        <v>83</v>
      </c>
      <c r="N15794" t="s">
        <v>84</v>
      </c>
      <c r="O15794" t="s">
        <v>85</v>
      </c>
      <c r="P15794" t="s">
        <v>86</v>
      </c>
      <c r="Q15794">
        <v>31</v>
      </c>
      <c r="R15794">
        <v>31</v>
      </c>
      <c r="S15794">
        <v>31</v>
      </c>
      <c r="T15794">
        <v>31</v>
      </c>
      <c r="U15794">
        <v>32</v>
      </c>
      <c r="V15794">
        <v>32</v>
      </c>
      <c r="W15794">
        <v>32</v>
      </c>
      <c r="X15794">
        <v>32</v>
      </c>
      <c r="Y15794">
        <v>32</v>
      </c>
      <c r="Z15794">
        <v>32</v>
      </c>
      <c r="AA15794">
        <v>33</v>
      </c>
      <c r="AB15794">
        <v>33</v>
      </c>
      <c r="AC15794">
        <v>33</v>
      </c>
      <c r="AD15794">
        <v>33</v>
      </c>
      <c r="AE15794">
        <v>33</v>
      </c>
      <c r="AF15794">
        <v>33</v>
      </c>
      <c r="AG15794">
        <v>33</v>
      </c>
      <c r="AH15794">
        <v>34</v>
      </c>
      <c r="AI15794">
        <v>34</v>
      </c>
      <c r="AJ15794">
        <v>34</v>
      </c>
      <c r="AK15794">
        <v>34</v>
      </c>
      <c r="AL15794">
        <v>34</v>
      </c>
      <c r="AM15794">
        <v>33</v>
      </c>
      <c r="AN15794">
        <v>33</v>
      </c>
      <c r="AO15794">
        <v>33</v>
      </c>
      <c r="AP15794">
        <v>33</v>
      </c>
      <c r="AQ15794">
        <v>33</v>
      </c>
    </row>
    <row r="15795" spans="1:43">
      <c r="A15795" t="s">
        <v>9816</v>
      </c>
      <c r="B15795" t="s">
        <v>9817</v>
      </c>
      <c r="C15795" t="s">
        <v>9812</v>
      </c>
      <c r="D15795" t="s">
        <v>9813</v>
      </c>
      <c r="E15795" t="s">
        <v>9544</v>
      </c>
      <c r="F15795" t="s">
        <v>9545</v>
      </c>
      <c r="G15795" t="s">
        <v>80</v>
      </c>
      <c r="H15795" t="s">
        <v>81</v>
      </c>
      <c r="I15795" s="2">
        <v>0</v>
      </c>
      <c r="J15795" s="2">
        <v>1</v>
      </c>
      <c r="K15795" s="2">
        <v>0</v>
      </c>
      <c r="L15795" t="s">
        <v>82</v>
      </c>
      <c r="M15795" t="s">
        <v>87</v>
      </c>
      <c r="N15795" t="s">
        <v>88</v>
      </c>
      <c r="O15795" t="s">
        <v>85</v>
      </c>
      <c r="P15795" t="s">
        <v>86</v>
      </c>
      <c r="Q15795">
        <v>31</v>
      </c>
      <c r="R15795">
        <v>31</v>
      </c>
      <c r="S15795">
        <v>31</v>
      </c>
      <c r="T15795">
        <v>31</v>
      </c>
      <c r="U15795">
        <v>31</v>
      </c>
      <c r="V15795">
        <v>31</v>
      </c>
      <c r="W15795">
        <v>31</v>
      </c>
      <c r="X15795">
        <v>31</v>
      </c>
      <c r="Y15795">
        <v>31</v>
      </c>
      <c r="Z15795">
        <v>31</v>
      </c>
      <c r="AA15795">
        <v>31</v>
      </c>
      <c r="AB15795">
        <v>31</v>
      </c>
      <c r="AC15795">
        <v>31</v>
      </c>
      <c r="AD15795">
        <v>30</v>
      </c>
      <c r="AE15795">
        <v>30</v>
      </c>
      <c r="AF15795">
        <v>30</v>
      </c>
      <c r="AG15795">
        <v>30</v>
      </c>
      <c r="AH15795">
        <v>30</v>
      </c>
      <c r="AI15795">
        <v>30</v>
      </c>
      <c r="AJ15795">
        <v>30</v>
      </c>
      <c r="AK15795">
        <v>30</v>
      </c>
      <c r="AL15795">
        <v>30</v>
      </c>
      <c r="AM15795">
        <v>30</v>
      </c>
      <c r="AN15795">
        <v>29</v>
      </c>
      <c r="AO15795">
        <v>29</v>
      </c>
      <c r="AP15795">
        <v>29</v>
      </c>
      <c r="AQ15795">
        <v>29</v>
      </c>
    </row>
    <row r="15796" spans="1:43">
      <c r="A15796" t="s">
        <v>9816</v>
      </c>
      <c r="B15796" t="s">
        <v>9817</v>
      </c>
      <c r="C15796" t="s">
        <v>9812</v>
      </c>
      <c r="D15796" t="s">
        <v>9813</v>
      </c>
      <c r="E15796" t="s">
        <v>9544</v>
      </c>
      <c r="F15796" t="s">
        <v>9545</v>
      </c>
      <c r="G15796" t="s">
        <v>80</v>
      </c>
      <c r="H15796" t="s">
        <v>81</v>
      </c>
      <c r="I15796" s="2">
        <v>0</v>
      </c>
      <c r="J15796" s="2">
        <v>1</v>
      </c>
      <c r="K15796" s="2">
        <v>0</v>
      </c>
      <c r="L15796" t="s">
        <v>82</v>
      </c>
      <c r="M15796" t="s">
        <v>89</v>
      </c>
      <c r="N15796" t="s">
        <v>90</v>
      </c>
      <c r="O15796" t="s">
        <v>85</v>
      </c>
      <c r="P15796" t="s">
        <v>86</v>
      </c>
      <c r="Q15796">
        <v>31</v>
      </c>
      <c r="R15796">
        <v>32</v>
      </c>
      <c r="S15796">
        <v>32</v>
      </c>
      <c r="T15796">
        <v>32</v>
      </c>
      <c r="U15796">
        <v>33</v>
      </c>
      <c r="V15796">
        <v>33</v>
      </c>
      <c r="W15796">
        <v>34</v>
      </c>
      <c r="X15796">
        <v>34</v>
      </c>
      <c r="Y15796">
        <v>34</v>
      </c>
      <c r="Z15796">
        <v>35</v>
      </c>
      <c r="AA15796">
        <v>35</v>
      </c>
      <c r="AB15796">
        <v>35</v>
      </c>
      <c r="AC15796">
        <v>35</v>
      </c>
      <c r="AD15796">
        <v>36</v>
      </c>
      <c r="AE15796">
        <v>36</v>
      </c>
      <c r="AF15796">
        <v>35</v>
      </c>
      <c r="AG15796">
        <v>35</v>
      </c>
      <c r="AH15796">
        <v>35</v>
      </c>
      <c r="AI15796">
        <v>35</v>
      </c>
      <c r="AJ15796">
        <v>35</v>
      </c>
      <c r="AK15796">
        <v>34</v>
      </c>
      <c r="AL15796">
        <v>34</v>
      </c>
      <c r="AM15796">
        <v>34</v>
      </c>
      <c r="AN15796">
        <v>34</v>
      </c>
      <c r="AO15796">
        <v>33</v>
      </c>
      <c r="AP15796">
        <v>33</v>
      </c>
      <c r="AQ15796">
        <v>33</v>
      </c>
    </row>
    <row r="15797" spans="1:43">
      <c r="A15797" t="s">
        <v>9816</v>
      </c>
      <c r="B15797" t="s">
        <v>9817</v>
      </c>
      <c r="C15797" t="s">
        <v>9812</v>
      </c>
      <c r="D15797" t="s">
        <v>9813</v>
      </c>
      <c r="E15797" t="s">
        <v>9544</v>
      </c>
      <c r="F15797" t="s">
        <v>9545</v>
      </c>
      <c r="G15797" t="s">
        <v>80</v>
      </c>
      <c r="H15797" t="s">
        <v>81</v>
      </c>
      <c r="I15797" s="2">
        <v>0</v>
      </c>
      <c r="J15797" s="2">
        <v>1</v>
      </c>
      <c r="K15797" s="2">
        <v>0</v>
      </c>
      <c r="L15797" t="s">
        <v>82</v>
      </c>
      <c r="M15797" t="s">
        <v>83</v>
      </c>
      <c r="N15797" t="s">
        <v>91</v>
      </c>
      <c r="O15797" t="s">
        <v>85</v>
      </c>
      <c r="P15797" t="s">
        <v>86</v>
      </c>
      <c r="Q15797">
        <v>31</v>
      </c>
      <c r="R15797">
        <v>31</v>
      </c>
      <c r="S15797">
        <v>31</v>
      </c>
      <c r="T15797">
        <v>31</v>
      </c>
      <c r="U15797">
        <v>32</v>
      </c>
      <c r="V15797">
        <v>32</v>
      </c>
      <c r="W15797">
        <v>32</v>
      </c>
      <c r="X15797">
        <v>32</v>
      </c>
      <c r="Y15797">
        <v>32</v>
      </c>
      <c r="Z15797">
        <v>32</v>
      </c>
      <c r="AA15797">
        <v>33</v>
      </c>
      <c r="AB15797">
        <v>33</v>
      </c>
      <c r="AC15797">
        <v>33</v>
      </c>
      <c r="AD15797">
        <v>33</v>
      </c>
      <c r="AE15797">
        <v>33</v>
      </c>
      <c r="AF15797">
        <v>33</v>
      </c>
      <c r="AG15797">
        <v>33</v>
      </c>
      <c r="AH15797">
        <v>34</v>
      </c>
      <c r="AI15797">
        <v>34</v>
      </c>
      <c r="AJ15797">
        <v>34</v>
      </c>
      <c r="AK15797">
        <v>34</v>
      </c>
      <c r="AL15797">
        <v>34</v>
      </c>
      <c r="AM15797">
        <v>33</v>
      </c>
      <c r="AN15797">
        <v>33</v>
      </c>
      <c r="AO15797">
        <v>33</v>
      </c>
      <c r="AP15797">
        <v>33</v>
      </c>
      <c r="AQ15797">
        <v>33</v>
      </c>
    </row>
    <row r="15798" spans="1:43">
      <c r="A15798" t="s">
        <v>9818</v>
      </c>
      <c r="B15798" t="s">
        <v>9819</v>
      </c>
      <c r="C15798" t="s">
        <v>9768</v>
      </c>
      <c r="D15798" t="s">
        <v>9769</v>
      </c>
      <c r="E15798" t="s">
        <v>9544</v>
      </c>
      <c r="F15798" t="s">
        <v>9545</v>
      </c>
      <c r="G15798" t="s">
        <v>80</v>
      </c>
      <c r="H15798" t="s">
        <v>81</v>
      </c>
      <c r="I15798" s="2">
        <v>0</v>
      </c>
      <c r="J15798" s="2">
        <v>1</v>
      </c>
      <c r="K15798" s="2">
        <v>0</v>
      </c>
      <c r="L15798" t="s">
        <v>82</v>
      </c>
      <c r="M15798" t="s">
        <v>83</v>
      </c>
      <c r="N15798" t="s">
        <v>84</v>
      </c>
      <c r="O15798" t="s">
        <v>85</v>
      </c>
      <c r="P15798" t="s">
        <v>86</v>
      </c>
      <c r="Q15798">
        <v>81</v>
      </c>
      <c r="R15798">
        <v>81</v>
      </c>
      <c r="S15798">
        <v>82</v>
      </c>
      <c r="T15798">
        <v>82</v>
      </c>
      <c r="U15798">
        <v>83</v>
      </c>
      <c r="V15798">
        <v>83</v>
      </c>
      <c r="W15798">
        <v>84</v>
      </c>
      <c r="X15798">
        <v>84</v>
      </c>
      <c r="Y15798">
        <v>85</v>
      </c>
      <c r="Z15798">
        <v>85</v>
      </c>
      <c r="AA15798">
        <v>85</v>
      </c>
      <c r="AB15798">
        <v>86</v>
      </c>
      <c r="AC15798">
        <v>86</v>
      </c>
      <c r="AD15798">
        <v>86</v>
      </c>
      <c r="AE15798">
        <v>87</v>
      </c>
      <c r="AF15798">
        <v>87</v>
      </c>
      <c r="AG15798">
        <v>87</v>
      </c>
      <c r="AH15798">
        <v>87</v>
      </c>
      <c r="AI15798">
        <v>88</v>
      </c>
      <c r="AJ15798">
        <v>88</v>
      </c>
      <c r="AK15798">
        <v>88</v>
      </c>
      <c r="AL15798">
        <v>88</v>
      </c>
      <c r="AM15798">
        <v>87</v>
      </c>
      <c r="AN15798">
        <v>86</v>
      </c>
      <c r="AO15798">
        <v>86</v>
      </c>
      <c r="AP15798">
        <v>85</v>
      </c>
      <c r="AQ15798">
        <v>85</v>
      </c>
    </row>
    <row r="15799" spans="1:43">
      <c r="A15799" t="s">
        <v>9818</v>
      </c>
      <c r="B15799" t="s">
        <v>9819</v>
      </c>
      <c r="C15799" t="s">
        <v>9768</v>
      </c>
      <c r="D15799" t="s">
        <v>9769</v>
      </c>
      <c r="E15799" t="s">
        <v>9544</v>
      </c>
      <c r="F15799" t="s">
        <v>9545</v>
      </c>
      <c r="G15799" t="s">
        <v>80</v>
      </c>
      <c r="H15799" t="s">
        <v>81</v>
      </c>
      <c r="I15799" s="2">
        <v>0</v>
      </c>
      <c r="J15799" s="2">
        <v>1</v>
      </c>
      <c r="K15799" s="2">
        <v>0</v>
      </c>
      <c r="L15799" t="s">
        <v>82</v>
      </c>
      <c r="M15799" t="s">
        <v>87</v>
      </c>
      <c r="N15799" t="s">
        <v>88</v>
      </c>
      <c r="O15799" t="s">
        <v>85</v>
      </c>
      <c r="P15799" t="s">
        <v>86</v>
      </c>
      <c r="Q15799">
        <v>81</v>
      </c>
      <c r="R15799">
        <v>81</v>
      </c>
      <c r="S15799">
        <v>80</v>
      </c>
      <c r="T15799">
        <v>80</v>
      </c>
      <c r="U15799">
        <v>80</v>
      </c>
      <c r="V15799">
        <v>80</v>
      </c>
      <c r="W15799">
        <v>80</v>
      </c>
      <c r="X15799">
        <v>79</v>
      </c>
      <c r="Y15799">
        <v>79</v>
      </c>
      <c r="Z15799">
        <v>79</v>
      </c>
      <c r="AA15799">
        <v>79</v>
      </c>
      <c r="AB15799">
        <v>78</v>
      </c>
      <c r="AC15799">
        <v>78</v>
      </c>
      <c r="AD15799">
        <v>78</v>
      </c>
      <c r="AE15799">
        <v>78</v>
      </c>
      <c r="AF15799">
        <v>77</v>
      </c>
      <c r="AG15799">
        <v>77</v>
      </c>
      <c r="AH15799">
        <v>77</v>
      </c>
      <c r="AI15799">
        <v>77</v>
      </c>
      <c r="AJ15799">
        <v>76</v>
      </c>
      <c r="AK15799">
        <v>76</v>
      </c>
      <c r="AL15799">
        <v>76</v>
      </c>
      <c r="AM15799">
        <v>75</v>
      </c>
      <c r="AN15799">
        <v>75</v>
      </c>
      <c r="AO15799">
        <v>75</v>
      </c>
      <c r="AP15799">
        <v>75</v>
      </c>
      <c r="AQ15799">
        <v>74</v>
      </c>
    </row>
    <row r="15800" spans="1:43">
      <c r="A15800" t="s">
        <v>9818</v>
      </c>
      <c r="B15800" t="s">
        <v>9819</v>
      </c>
      <c r="C15800" t="s">
        <v>9768</v>
      </c>
      <c r="D15800" t="s">
        <v>9769</v>
      </c>
      <c r="E15800" t="s">
        <v>9544</v>
      </c>
      <c r="F15800" t="s">
        <v>9545</v>
      </c>
      <c r="G15800" t="s">
        <v>80</v>
      </c>
      <c r="H15800" t="s">
        <v>81</v>
      </c>
      <c r="I15800" s="2">
        <v>0</v>
      </c>
      <c r="J15800" s="2">
        <v>1</v>
      </c>
      <c r="K15800" s="2">
        <v>0</v>
      </c>
      <c r="L15800" t="s">
        <v>82</v>
      </c>
      <c r="M15800" t="s">
        <v>89</v>
      </c>
      <c r="N15800" t="s">
        <v>90</v>
      </c>
      <c r="O15800" t="s">
        <v>85</v>
      </c>
      <c r="P15800" t="s">
        <v>86</v>
      </c>
      <c r="Q15800">
        <v>81</v>
      </c>
      <c r="R15800">
        <v>83</v>
      </c>
      <c r="S15800">
        <v>84</v>
      </c>
      <c r="T15800">
        <v>85</v>
      </c>
      <c r="U15800">
        <v>86</v>
      </c>
      <c r="V15800">
        <v>87</v>
      </c>
      <c r="W15800">
        <v>88</v>
      </c>
      <c r="X15800">
        <v>89</v>
      </c>
      <c r="Y15800">
        <v>90</v>
      </c>
      <c r="Z15800">
        <v>90</v>
      </c>
      <c r="AA15800">
        <v>91</v>
      </c>
      <c r="AB15800">
        <v>91</v>
      </c>
      <c r="AC15800">
        <v>92</v>
      </c>
      <c r="AD15800">
        <v>93</v>
      </c>
      <c r="AE15800">
        <v>93</v>
      </c>
      <c r="AF15800">
        <v>92</v>
      </c>
      <c r="AG15800">
        <v>92</v>
      </c>
      <c r="AH15800">
        <v>91</v>
      </c>
      <c r="AI15800">
        <v>90</v>
      </c>
      <c r="AJ15800">
        <v>90</v>
      </c>
      <c r="AK15800">
        <v>89</v>
      </c>
      <c r="AL15800">
        <v>89</v>
      </c>
      <c r="AM15800">
        <v>88</v>
      </c>
      <c r="AN15800">
        <v>87</v>
      </c>
      <c r="AO15800">
        <v>87</v>
      </c>
      <c r="AP15800">
        <v>86</v>
      </c>
      <c r="AQ15800">
        <v>86</v>
      </c>
    </row>
    <row r="15801" spans="1:43">
      <c r="A15801" t="s">
        <v>9818</v>
      </c>
      <c r="B15801" t="s">
        <v>9819</v>
      </c>
      <c r="C15801" t="s">
        <v>9768</v>
      </c>
      <c r="D15801" t="s">
        <v>9769</v>
      </c>
      <c r="E15801" t="s">
        <v>9544</v>
      </c>
      <c r="F15801" t="s">
        <v>9545</v>
      </c>
      <c r="G15801" t="s">
        <v>80</v>
      </c>
      <c r="H15801" t="s">
        <v>81</v>
      </c>
      <c r="I15801" s="2">
        <v>0</v>
      </c>
      <c r="J15801" s="2">
        <v>1</v>
      </c>
      <c r="K15801" s="2">
        <v>0</v>
      </c>
      <c r="L15801" t="s">
        <v>82</v>
      </c>
      <c r="M15801" t="s">
        <v>83</v>
      </c>
      <c r="N15801" t="s">
        <v>91</v>
      </c>
      <c r="O15801" t="s">
        <v>85</v>
      </c>
      <c r="P15801" t="s">
        <v>86</v>
      </c>
      <c r="Q15801">
        <v>81</v>
      </c>
      <c r="R15801">
        <v>81</v>
      </c>
      <c r="S15801">
        <v>82</v>
      </c>
      <c r="T15801">
        <v>82</v>
      </c>
      <c r="U15801">
        <v>83</v>
      </c>
      <c r="V15801">
        <v>83</v>
      </c>
      <c r="W15801">
        <v>84</v>
      </c>
      <c r="X15801">
        <v>84</v>
      </c>
      <c r="Y15801">
        <v>85</v>
      </c>
      <c r="Z15801">
        <v>85</v>
      </c>
      <c r="AA15801">
        <v>85</v>
      </c>
      <c r="AB15801">
        <v>86</v>
      </c>
      <c r="AC15801">
        <v>86</v>
      </c>
      <c r="AD15801">
        <v>86</v>
      </c>
      <c r="AE15801">
        <v>87</v>
      </c>
      <c r="AF15801">
        <v>87</v>
      </c>
      <c r="AG15801">
        <v>87</v>
      </c>
      <c r="AH15801">
        <v>87</v>
      </c>
      <c r="AI15801">
        <v>88</v>
      </c>
      <c r="AJ15801">
        <v>88</v>
      </c>
      <c r="AK15801">
        <v>88</v>
      </c>
      <c r="AL15801">
        <v>88</v>
      </c>
      <c r="AM15801">
        <v>87</v>
      </c>
      <c r="AN15801">
        <v>86</v>
      </c>
      <c r="AO15801">
        <v>86</v>
      </c>
      <c r="AP15801">
        <v>85</v>
      </c>
      <c r="AQ15801">
        <v>85</v>
      </c>
    </row>
    <row r="15802" spans="1:43">
      <c r="A15802" t="s">
        <v>9820</v>
      </c>
      <c r="B15802" t="s">
        <v>9821</v>
      </c>
      <c r="C15802" t="s">
        <v>9768</v>
      </c>
      <c r="D15802" t="s">
        <v>9769</v>
      </c>
      <c r="E15802" t="s">
        <v>9544</v>
      </c>
      <c r="F15802" t="s">
        <v>9545</v>
      </c>
      <c r="G15802" t="s">
        <v>80</v>
      </c>
      <c r="H15802" t="s">
        <v>81</v>
      </c>
      <c r="I15802" s="2">
        <v>0</v>
      </c>
      <c r="J15802" s="2">
        <v>1</v>
      </c>
      <c r="K15802" s="2">
        <v>0</v>
      </c>
      <c r="L15802" t="s">
        <v>82</v>
      </c>
      <c r="M15802" t="s">
        <v>83</v>
      </c>
      <c r="N15802" t="s">
        <v>84</v>
      </c>
      <c r="O15802" t="s">
        <v>85</v>
      </c>
      <c r="P15802" t="s">
        <v>86</v>
      </c>
      <c r="Q15802">
        <v>45</v>
      </c>
      <c r="R15802">
        <v>45</v>
      </c>
      <c r="S15802">
        <v>45</v>
      </c>
      <c r="T15802">
        <v>45</v>
      </c>
      <c r="U15802">
        <v>46</v>
      </c>
      <c r="V15802">
        <v>46</v>
      </c>
      <c r="W15802">
        <v>46</v>
      </c>
      <c r="X15802">
        <v>47</v>
      </c>
      <c r="Y15802">
        <v>47</v>
      </c>
      <c r="Z15802">
        <v>47</v>
      </c>
      <c r="AA15802">
        <v>47</v>
      </c>
      <c r="AB15802">
        <v>47</v>
      </c>
      <c r="AC15802">
        <v>48</v>
      </c>
      <c r="AD15802">
        <v>48</v>
      </c>
      <c r="AE15802">
        <v>48</v>
      </c>
      <c r="AF15802">
        <v>48</v>
      </c>
      <c r="AG15802">
        <v>48</v>
      </c>
      <c r="AH15802">
        <v>48</v>
      </c>
      <c r="AI15802">
        <v>49</v>
      </c>
      <c r="AJ15802">
        <v>49</v>
      </c>
      <c r="AK15802">
        <v>49</v>
      </c>
      <c r="AL15802">
        <v>49</v>
      </c>
      <c r="AM15802">
        <v>48</v>
      </c>
      <c r="AN15802">
        <v>48</v>
      </c>
      <c r="AO15802">
        <v>48</v>
      </c>
      <c r="AP15802">
        <v>48</v>
      </c>
      <c r="AQ15802">
        <v>47</v>
      </c>
    </row>
    <row r="15803" spans="1:43">
      <c r="A15803" t="s">
        <v>9820</v>
      </c>
      <c r="B15803" t="s">
        <v>9821</v>
      </c>
      <c r="C15803" t="s">
        <v>9768</v>
      </c>
      <c r="D15803" t="s">
        <v>9769</v>
      </c>
      <c r="E15803" t="s">
        <v>9544</v>
      </c>
      <c r="F15803" t="s">
        <v>9545</v>
      </c>
      <c r="G15803" t="s">
        <v>80</v>
      </c>
      <c r="H15803" t="s">
        <v>81</v>
      </c>
      <c r="I15803" s="2">
        <v>0</v>
      </c>
      <c r="J15803" s="2">
        <v>1</v>
      </c>
      <c r="K15803" s="2">
        <v>0</v>
      </c>
      <c r="L15803" t="s">
        <v>82</v>
      </c>
      <c r="M15803" t="s">
        <v>87</v>
      </c>
      <c r="N15803" t="s">
        <v>88</v>
      </c>
      <c r="O15803" t="s">
        <v>85</v>
      </c>
      <c r="P15803" t="s">
        <v>86</v>
      </c>
      <c r="Q15803">
        <v>45</v>
      </c>
      <c r="R15803">
        <v>45</v>
      </c>
      <c r="S15803">
        <v>45</v>
      </c>
      <c r="T15803">
        <v>45</v>
      </c>
      <c r="U15803">
        <v>45</v>
      </c>
      <c r="V15803">
        <v>45</v>
      </c>
      <c r="W15803">
        <v>45</v>
      </c>
      <c r="X15803">
        <v>44</v>
      </c>
      <c r="Y15803">
        <v>44</v>
      </c>
      <c r="Z15803">
        <v>44</v>
      </c>
      <c r="AA15803">
        <v>44</v>
      </c>
      <c r="AB15803">
        <v>44</v>
      </c>
      <c r="AC15803">
        <v>44</v>
      </c>
      <c r="AD15803">
        <v>44</v>
      </c>
      <c r="AE15803">
        <v>43</v>
      </c>
      <c r="AF15803">
        <v>43</v>
      </c>
      <c r="AG15803">
        <v>43</v>
      </c>
      <c r="AH15803">
        <v>43</v>
      </c>
      <c r="AI15803">
        <v>43</v>
      </c>
      <c r="AJ15803">
        <v>43</v>
      </c>
      <c r="AK15803">
        <v>43</v>
      </c>
      <c r="AL15803">
        <v>42</v>
      </c>
      <c r="AM15803">
        <v>42</v>
      </c>
      <c r="AN15803">
        <v>42</v>
      </c>
      <c r="AO15803">
        <v>42</v>
      </c>
      <c r="AP15803">
        <v>42</v>
      </c>
      <c r="AQ15803">
        <v>42</v>
      </c>
    </row>
    <row r="15804" spans="1:43">
      <c r="A15804" t="s">
        <v>9820</v>
      </c>
      <c r="B15804" t="s">
        <v>9821</v>
      </c>
      <c r="C15804" t="s">
        <v>9768</v>
      </c>
      <c r="D15804" t="s">
        <v>9769</v>
      </c>
      <c r="E15804" t="s">
        <v>9544</v>
      </c>
      <c r="F15804" t="s">
        <v>9545</v>
      </c>
      <c r="G15804" t="s">
        <v>80</v>
      </c>
      <c r="H15804" t="s">
        <v>81</v>
      </c>
      <c r="I15804" s="2">
        <v>0</v>
      </c>
      <c r="J15804" s="2">
        <v>1</v>
      </c>
      <c r="K15804" s="2">
        <v>0</v>
      </c>
      <c r="L15804" t="s">
        <v>82</v>
      </c>
      <c r="M15804" t="s">
        <v>89</v>
      </c>
      <c r="N15804" t="s">
        <v>90</v>
      </c>
      <c r="O15804" t="s">
        <v>85</v>
      </c>
      <c r="P15804" t="s">
        <v>86</v>
      </c>
      <c r="Q15804">
        <v>45</v>
      </c>
      <c r="R15804">
        <v>46</v>
      </c>
      <c r="S15804">
        <v>46</v>
      </c>
      <c r="T15804">
        <v>47</v>
      </c>
      <c r="U15804">
        <v>48</v>
      </c>
      <c r="V15804">
        <v>48</v>
      </c>
      <c r="W15804">
        <v>49</v>
      </c>
      <c r="X15804">
        <v>49</v>
      </c>
      <c r="Y15804">
        <v>50</v>
      </c>
      <c r="Z15804">
        <v>50</v>
      </c>
      <c r="AA15804">
        <v>50</v>
      </c>
      <c r="AB15804">
        <v>51</v>
      </c>
      <c r="AC15804">
        <v>51</v>
      </c>
      <c r="AD15804">
        <v>51</v>
      </c>
      <c r="AE15804">
        <v>52</v>
      </c>
      <c r="AF15804">
        <v>51</v>
      </c>
      <c r="AG15804">
        <v>51</v>
      </c>
      <c r="AH15804">
        <v>51</v>
      </c>
      <c r="AI15804">
        <v>50</v>
      </c>
      <c r="AJ15804">
        <v>50</v>
      </c>
      <c r="AK15804">
        <v>50</v>
      </c>
      <c r="AL15804">
        <v>49</v>
      </c>
      <c r="AM15804">
        <v>49</v>
      </c>
      <c r="AN15804">
        <v>49</v>
      </c>
      <c r="AO15804">
        <v>48</v>
      </c>
      <c r="AP15804">
        <v>48</v>
      </c>
      <c r="AQ15804">
        <v>48</v>
      </c>
    </row>
    <row r="15805" spans="1:43">
      <c r="A15805" t="s">
        <v>9820</v>
      </c>
      <c r="B15805" t="s">
        <v>9821</v>
      </c>
      <c r="C15805" t="s">
        <v>9768</v>
      </c>
      <c r="D15805" t="s">
        <v>9769</v>
      </c>
      <c r="E15805" t="s">
        <v>9544</v>
      </c>
      <c r="F15805" t="s">
        <v>9545</v>
      </c>
      <c r="G15805" t="s">
        <v>80</v>
      </c>
      <c r="H15805" t="s">
        <v>81</v>
      </c>
      <c r="I15805" s="2">
        <v>0</v>
      </c>
      <c r="J15805" s="2">
        <v>1</v>
      </c>
      <c r="K15805" s="2">
        <v>0</v>
      </c>
      <c r="L15805" t="s">
        <v>82</v>
      </c>
      <c r="M15805" t="s">
        <v>83</v>
      </c>
      <c r="N15805" t="s">
        <v>91</v>
      </c>
      <c r="O15805" t="s">
        <v>85</v>
      </c>
      <c r="P15805" t="s">
        <v>86</v>
      </c>
      <c r="Q15805">
        <v>45</v>
      </c>
      <c r="R15805">
        <v>45</v>
      </c>
      <c r="S15805">
        <v>45</v>
      </c>
      <c r="T15805">
        <v>45</v>
      </c>
      <c r="U15805">
        <v>46</v>
      </c>
      <c r="V15805">
        <v>46</v>
      </c>
      <c r="W15805">
        <v>46</v>
      </c>
      <c r="X15805">
        <v>47</v>
      </c>
      <c r="Y15805">
        <v>47</v>
      </c>
      <c r="Z15805">
        <v>47</v>
      </c>
      <c r="AA15805">
        <v>47</v>
      </c>
      <c r="AB15805">
        <v>47</v>
      </c>
      <c r="AC15805">
        <v>48</v>
      </c>
      <c r="AD15805">
        <v>48</v>
      </c>
      <c r="AE15805">
        <v>48</v>
      </c>
      <c r="AF15805">
        <v>48</v>
      </c>
      <c r="AG15805">
        <v>48</v>
      </c>
      <c r="AH15805">
        <v>48</v>
      </c>
      <c r="AI15805">
        <v>49</v>
      </c>
      <c r="AJ15805">
        <v>49</v>
      </c>
      <c r="AK15805">
        <v>49</v>
      </c>
      <c r="AL15805">
        <v>49</v>
      </c>
      <c r="AM15805">
        <v>48</v>
      </c>
      <c r="AN15805">
        <v>48</v>
      </c>
      <c r="AO15805">
        <v>48</v>
      </c>
      <c r="AP15805">
        <v>48</v>
      </c>
      <c r="AQ15805">
        <v>47</v>
      </c>
    </row>
    <row r="15806" spans="1:43">
      <c r="A15806" t="s">
        <v>9822</v>
      </c>
      <c r="B15806" t="s">
        <v>9823</v>
      </c>
      <c r="C15806" t="s">
        <v>9718</v>
      </c>
      <c r="D15806" t="s">
        <v>9719</v>
      </c>
      <c r="E15806" t="s">
        <v>9544</v>
      </c>
      <c r="F15806" t="s">
        <v>9545</v>
      </c>
      <c r="G15806" t="s">
        <v>80</v>
      </c>
      <c r="H15806" t="s">
        <v>81</v>
      </c>
      <c r="I15806" s="2">
        <v>0</v>
      </c>
      <c r="J15806" s="2">
        <v>1</v>
      </c>
      <c r="K15806" s="2">
        <v>0</v>
      </c>
      <c r="L15806" t="s">
        <v>82</v>
      </c>
      <c r="M15806" t="s">
        <v>83</v>
      </c>
      <c r="N15806" t="s">
        <v>84</v>
      </c>
      <c r="O15806" t="s">
        <v>85</v>
      </c>
      <c r="P15806" t="s">
        <v>86</v>
      </c>
      <c r="Q15806">
        <v>18</v>
      </c>
      <c r="R15806">
        <v>18</v>
      </c>
      <c r="S15806">
        <v>18</v>
      </c>
      <c r="T15806">
        <v>18</v>
      </c>
      <c r="U15806">
        <v>18</v>
      </c>
      <c r="V15806">
        <v>19</v>
      </c>
      <c r="W15806">
        <v>19</v>
      </c>
      <c r="X15806">
        <v>19</v>
      </c>
      <c r="Y15806">
        <v>19</v>
      </c>
      <c r="Z15806">
        <v>19</v>
      </c>
      <c r="AA15806">
        <v>19</v>
      </c>
      <c r="AB15806">
        <v>19</v>
      </c>
      <c r="AC15806">
        <v>19</v>
      </c>
      <c r="AD15806">
        <v>19</v>
      </c>
      <c r="AE15806">
        <v>19</v>
      </c>
      <c r="AF15806">
        <v>19</v>
      </c>
      <c r="AG15806">
        <v>20</v>
      </c>
      <c r="AH15806">
        <v>20</v>
      </c>
      <c r="AI15806">
        <v>20</v>
      </c>
      <c r="AJ15806">
        <v>20</v>
      </c>
      <c r="AK15806">
        <v>20</v>
      </c>
      <c r="AL15806">
        <v>20</v>
      </c>
      <c r="AM15806">
        <v>20</v>
      </c>
      <c r="AN15806">
        <v>19</v>
      </c>
      <c r="AO15806">
        <v>19</v>
      </c>
      <c r="AP15806">
        <v>19</v>
      </c>
      <c r="AQ15806">
        <v>19</v>
      </c>
    </row>
    <row r="15807" spans="1:43">
      <c r="A15807" t="s">
        <v>9822</v>
      </c>
      <c r="B15807" t="s">
        <v>9823</v>
      </c>
      <c r="C15807" t="s">
        <v>9718</v>
      </c>
      <c r="D15807" t="s">
        <v>9719</v>
      </c>
      <c r="E15807" t="s">
        <v>9544</v>
      </c>
      <c r="F15807" t="s">
        <v>9545</v>
      </c>
      <c r="G15807" t="s">
        <v>80</v>
      </c>
      <c r="H15807" t="s">
        <v>81</v>
      </c>
      <c r="I15807" s="2">
        <v>0</v>
      </c>
      <c r="J15807" s="2">
        <v>1</v>
      </c>
      <c r="K15807" s="2">
        <v>0</v>
      </c>
      <c r="L15807" t="s">
        <v>82</v>
      </c>
      <c r="M15807" t="s">
        <v>87</v>
      </c>
      <c r="N15807" t="s">
        <v>88</v>
      </c>
      <c r="O15807" t="s">
        <v>85</v>
      </c>
      <c r="P15807" t="s">
        <v>86</v>
      </c>
      <c r="Q15807">
        <v>18</v>
      </c>
      <c r="R15807">
        <v>18</v>
      </c>
      <c r="S15807">
        <v>18</v>
      </c>
      <c r="T15807">
        <v>18</v>
      </c>
      <c r="U15807">
        <v>18</v>
      </c>
      <c r="V15807">
        <v>18</v>
      </c>
      <c r="W15807">
        <v>18</v>
      </c>
      <c r="X15807">
        <v>18</v>
      </c>
      <c r="Y15807">
        <v>17</v>
      </c>
      <c r="Z15807">
        <v>17</v>
      </c>
      <c r="AA15807">
        <v>17</v>
      </c>
      <c r="AB15807">
        <v>17</v>
      </c>
      <c r="AC15807">
        <v>17</v>
      </c>
      <c r="AD15807">
        <v>17</v>
      </c>
      <c r="AE15807">
        <v>17</v>
      </c>
      <c r="AF15807">
        <v>17</v>
      </c>
      <c r="AG15807">
        <v>17</v>
      </c>
      <c r="AH15807">
        <v>17</v>
      </c>
      <c r="AI15807">
        <v>17</v>
      </c>
      <c r="AJ15807">
        <v>17</v>
      </c>
      <c r="AK15807">
        <v>17</v>
      </c>
      <c r="AL15807">
        <v>17</v>
      </c>
      <c r="AM15807">
        <v>17</v>
      </c>
      <c r="AN15807">
        <v>17</v>
      </c>
      <c r="AO15807">
        <v>17</v>
      </c>
      <c r="AP15807">
        <v>17</v>
      </c>
      <c r="AQ15807">
        <v>16</v>
      </c>
    </row>
    <row r="15808" spans="1:43">
      <c r="A15808" t="s">
        <v>9822</v>
      </c>
      <c r="B15808" t="s">
        <v>9823</v>
      </c>
      <c r="C15808" t="s">
        <v>9718</v>
      </c>
      <c r="D15808" t="s">
        <v>9719</v>
      </c>
      <c r="E15808" t="s">
        <v>9544</v>
      </c>
      <c r="F15808" t="s">
        <v>9545</v>
      </c>
      <c r="G15808" t="s">
        <v>80</v>
      </c>
      <c r="H15808" t="s">
        <v>81</v>
      </c>
      <c r="I15808" s="2">
        <v>0</v>
      </c>
      <c r="J15808" s="2">
        <v>1</v>
      </c>
      <c r="K15808" s="2">
        <v>0</v>
      </c>
      <c r="L15808" t="s">
        <v>82</v>
      </c>
      <c r="M15808" t="s">
        <v>89</v>
      </c>
      <c r="N15808" t="s">
        <v>90</v>
      </c>
      <c r="O15808" t="s">
        <v>85</v>
      </c>
      <c r="P15808" t="s">
        <v>86</v>
      </c>
      <c r="Q15808">
        <v>18</v>
      </c>
      <c r="R15808">
        <v>18</v>
      </c>
      <c r="S15808">
        <v>19</v>
      </c>
      <c r="T15808">
        <v>19</v>
      </c>
      <c r="U15808">
        <v>19</v>
      </c>
      <c r="V15808">
        <v>19</v>
      </c>
      <c r="W15808">
        <v>20</v>
      </c>
      <c r="X15808">
        <v>20</v>
      </c>
      <c r="Y15808">
        <v>20</v>
      </c>
      <c r="Z15808">
        <v>20</v>
      </c>
      <c r="AA15808">
        <v>20</v>
      </c>
      <c r="AB15808">
        <v>20</v>
      </c>
      <c r="AC15808">
        <v>21</v>
      </c>
      <c r="AD15808">
        <v>21</v>
      </c>
      <c r="AE15808">
        <v>21</v>
      </c>
      <c r="AF15808">
        <v>21</v>
      </c>
      <c r="AG15808">
        <v>21</v>
      </c>
      <c r="AH15808">
        <v>20</v>
      </c>
      <c r="AI15808">
        <v>20</v>
      </c>
      <c r="AJ15808">
        <v>20</v>
      </c>
      <c r="AK15808">
        <v>20</v>
      </c>
      <c r="AL15808">
        <v>20</v>
      </c>
      <c r="AM15808">
        <v>20</v>
      </c>
      <c r="AN15808">
        <v>20</v>
      </c>
      <c r="AO15808">
        <v>20</v>
      </c>
      <c r="AP15808">
        <v>19</v>
      </c>
      <c r="AQ15808">
        <v>19</v>
      </c>
    </row>
    <row r="15809" spans="1:43">
      <c r="A15809" t="s">
        <v>9822</v>
      </c>
      <c r="B15809" t="s">
        <v>9823</v>
      </c>
      <c r="C15809" t="s">
        <v>9718</v>
      </c>
      <c r="D15809" t="s">
        <v>9719</v>
      </c>
      <c r="E15809" t="s">
        <v>9544</v>
      </c>
      <c r="F15809" t="s">
        <v>9545</v>
      </c>
      <c r="G15809" t="s">
        <v>80</v>
      </c>
      <c r="H15809" t="s">
        <v>81</v>
      </c>
      <c r="I15809" s="2">
        <v>0</v>
      </c>
      <c r="J15809" s="2">
        <v>1</v>
      </c>
      <c r="K15809" s="2">
        <v>0</v>
      </c>
      <c r="L15809" t="s">
        <v>82</v>
      </c>
      <c r="M15809" t="s">
        <v>83</v>
      </c>
      <c r="N15809" t="s">
        <v>91</v>
      </c>
      <c r="O15809" t="s">
        <v>85</v>
      </c>
      <c r="P15809" t="s">
        <v>86</v>
      </c>
      <c r="Q15809">
        <v>18</v>
      </c>
      <c r="R15809">
        <v>18</v>
      </c>
      <c r="S15809">
        <v>18</v>
      </c>
      <c r="T15809">
        <v>18</v>
      </c>
      <c r="U15809">
        <v>18</v>
      </c>
      <c r="V15809">
        <v>19</v>
      </c>
      <c r="W15809">
        <v>19</v>
      </c>
      <c r="X15809">
        <v>19</v>
      </c>
      <c r="Y15809">
        <v>19</v>
      </c>
      <c r="Z15809">
        <v>19</v>
      </c>
      <c r="AA15809">
        <v>19</v>
      </c>
      <c r="AB15809">
        <v>19</v>
      </c>
      <c r="AC15809">
        <v>19</v>
      </c>
      <c r="AD15809">
        <v>19</v>
      </c>
      <c r="AE15809">
        <v>19</v>
      </c>
      <c r="AF15809">
        <v>19</v>
      </c>
      <c r="AG15809">
        <v>20</v>
      </c>
      <c r="AH15809">
        <v>20</v>
      </c>
      <c r="AI15809">
        <v>20</v>
      </c>
      <c r="AJ15809">
        <v>20</v>
      </c>
      <c r="AK15809">
        <v>20</v>
      </c>
      <c r="AL15809">
        <v>20</v>
      </c>
      <c r="AM15809">
        <v>20</v>
      </c>
      <c r="AN15809">
        <v>19</v>
      </c>
      <c r="AO15809">
        <v>19</v>
      </c>
      <c r="AP15809">
        <v>19</v>
      </c>
      <c r="AQ15809">
        <v>19</v>
      </c>
    </row>
    <row r="15810" spans="1:43">
      <c r="A15810" t="s">
        <v>9824</v>
      </c>
      <c r="B15810" t="s">
        <v>9825</v>
      </c>
      <c r="C15810" t="s">
        <v>9704</v>
      </c>
      <c r="D15810" t="s">
        <v>9705</v>
      </c>
      <c r="E15810" t="s">
        <v>9544</v>
      </c>
      <c r="F15810" t="s">
        <v>9545</v>
      </c>
      <c r="G15810" t="s">
        <v>80</v>
      </c>
      <c r="H15810" t="s">
        <v>81</v>
      </c>
      <c r="I15810" s="2">
        <v>0</v>
      </c>
      <c r="J15810" s="2">
        <v>1</v>
      </c>
      <c r="K15810" s="2">
        <v>0</v>
      </c>
      <c r="L15810" t="s">
        <v>82</v>
      </c>
      <c r="M15810" t="s">
        <v>83</v>
      </c>
      <c r="N15810" t="s">
        <v>84</v>
      </c>
      <c r="O15810" t="s">
        <v>85</v>
      </c>
      <c r="P15810" t="s">
        <v>86</v>
      </c>
      <c r="Q15810">
        <v>45</v>
      </c>
      <c r="R15810">
        <v>45</v>
      </c>
      <c r="S15810">
        <v>45</v>
      </c>
      <c r="T15810">
        <v>46</v>
      </c>
      <c r="U15810">
        <v>46</v>
      </c>
      <c r="V15810">
        <v>46</v>
      </c>
      <c r="W15810">
        <v>47</v>
      </c>
      <c r="X15810">
        <v>47</v>
      </c>
      <c r="Y15810">
        <v>47</v>
      </c>
      <c r="Z15810">
        <v>47</v>
      </c>
      <c r="AA15810">
        <v>48</v>
      </c>
      <c r="AB15810">
        <v>48</v>
      </c>
      <c r="AC15810">
        <v>48</v>
      </c>
      <c r="AD15810">
        <v>48</v>
      </c>
      <c r="AE15810">
        <v>48</v>
      </c>
      <c r="AF15810">
        <v>48</v>
      </c>
      <c r="AG15810">
        <v>49</v>
      </c>
      <c r="AH15810">
        <v>49</v>
      </c>
      <c r="AI15810">
        <v>49</v>
      </c>
      <c r="AJ15810">
        <v>49</v>
      </c>
      <c r="AK15810">
        <v>49</v>
      </c>
      <c r="AL15810">
        <v>49</v>
      </c>
      <c r="AM15810">
        <v>48</v>
      </c>
      <c r="AN15810">
        <v>48</v>
      </c>
      <c r="AO15810">
        <v>48</v>
      </c>
      <c r="AP15810">
        <v>48</v>
      </c>
      <c r="AQ15810">
        <v>47</v>
      </c>
    </row>
    <row r="15811" spans="1:43">
      <c r="A15811" t="s">
        <v>9824</v>
      </c>
      <c r="B15811" t="s">
        <v>9825</v>
      </c>
      <c r="C15811" t="s">
        <v>9704</v>
      </c>
      <c r="D15811" t="s">
        <v>9705</v>
      </c>
      <c r="E15811" t="s">
        <v>9544</v>
      </c>
      <c r="F15811" t="s">
        <v>9545</v>
      </c>
      <c r="G15811" t="s">
        <v>80</v>
      </c>
      <c r="H15811" t="s">
        <v>81</v>
      </c>
      <c r="I15811" s="2">
        <v>0</v>
      </c>
      <c r="J15811" s="2">
        <v>1</v>
      </c>
      <c r="K15811" s="2">
        <v>0</v>
      </c>
      <c r="L15811" t="s">
        <v>82</v>
      </c>
      <c r="M15811" t="s">
        <v>87</v>
      </c>
      <c r="N15811" t="s">
        <v>88</v>
      </c>
      <c r="O15811" t="s">
        <v>85</v>
      </c>
      <c r="P15811" t="s">
        <v>86</v>
      </c>
      <c r="Q15811">
        <v>45</v>
      </c>
      <c r="R15811">
        <v>45</v>
      </c>
      <c r="S15811">
        <v>45</v>
      </c>
      <c r="T15811">
        <v>45</v>
      </c>
      <c r="U15811">
        <v>45</v>
      </c>
      <c r="V15811">
        <v>45</v>
      </c>
      <c r="W15811">
        <v>45</v>
      </c>
      <c r="X15811">
        <v>45</v>
      </c>
      <c r="Y15811">
        <v>45</v>
      </c>
      <c r="Z15811">
        <v>44</v>
      </c>
      <c r="AA15811">
        <v>44</v>
      </c>
      <c r="AB15811">
        <v>44</v>
      </c>
      <c r="AC15811">
        <v>44</v>
      </c>
      <c r="AD15811">
        <v>44</v>
      </c>
      <c r="AE15811">
        <v>44</v>
      </c>
      <c r="AF15811">
        <v>44</v>
      </c>
      <c r="AG15811">
        <v>43</v>
      </c>
      <c r="AH15811">
        <v>43</v>
      </c>
      <c r="AI15811">
        <v>43</v>
      </c>
      <c r="AJ15811">
        <v>43</v>
      </c>
      <c r="AK15811">
        <v>43</v>
      </c>
      <c r="AL15811">
        <v>43</v>
      </c>
      <c r="AM15811">
        <v>42</v>
      </c>
      <c r="AN15811">
        <v>42</v>
      </c>
      <c r="AO15811">
        <v>42</v>
      </c>
      <c r="AP15811">
        <v>42</v>
      </c>
      <c r="AQ15811">
        <v>42</v>
      </c>
    </row>
    <row r="15812" spans="1:43">
      <c r="A15812" t="s">
        <v>9824</v>
      </c>
      <c r="B15812" t="s">
        <v>9825</v>
      </c>
      <c r="C15812" t="s">
        <v>9704</v>
      </c>
      <c r="D15812" t="s">
        <v>9705</v>
      </c>
      <c r="E15812" t="s">
        <v>9544</v>
      </c>
      <c r="F15812" t="s">
        <v>9545</v>
      </c>
      <c r="G15812" t="s">
        <v>80</v>
      </c>
      <c r="H15812" t="s">
        <v>81</v>
      </c>
      <c r="I15812" s="2">
        <v>0</v>
      </c>
      <c r="J15812" s="2">
        <v>1</v>
      </c>
      <c r="K15812" s="2">
        <v>0</v>
      </c>
      <c r="L15812" t="s">
        <v>82</v>
      </c>
      <c r="M15812" t="s">
        <v>89</v>
      </c>
      <c r="N15812" t="s">
        <v>90</v>
      </c>
      <c r="O15812" t="s">
        <v>85</v>
      </c>
      <c r="P15812" t="s">
        <v>86</v>
      </c>
      <c r="Q15812">
        <v>45</v>
      </c>
      <c r="R15812">
        <v>46</v>
      </c>
      <c r="S15812">
        <v>47</v>
      </c>
      <c r="T15812">
        <v>47</v>
      </c>
      <c r="U15812">
        <v>48</v>
      </c>
      <c r="V15812">
        <v>48</v>
      </c>
      <c r="W15812">
        <v>49</v>
      </c>
      <c r="X15812">
        <v>49</v>
      </c>
      <c r="Y15812">
        <v>50</v>
      </c>
      <c r="Z15812">
        <v>50</v>
      </c>
      <c r="AA15812">
        <v>51</v>
      </c>
      <c r="AB15812">
        <v>51</v>
      </c>
      <c r="AC15812">
        <v>51</v>
      </c>
      <c r="AD15812">
        <v>52</v>
      </c>
      <c r="AE15812">
        <v>52</v>
      </c>
      <c r="AF15812">
        <v>51</v>
      </c>
      <c r="AG15812">
        <v>51</v>
      </c>
      <c r="AH15812">
        <v>51</v>
      </c>
      <c r="AI15812">
        <v>50</v>
      </c>
      <c r="AJ15812">
        <v>50</v>
      </c>
      <c r="AK15812">
        <v>50</v>
      </c>
      <c r="AL15812">
        <v>49</v>
      </c>
      <c r="AM15812">
        <v>49</v>
      </c>
      <c r="AN15812">
        <v>49</v>
      </c>
      <c r="AO15812">
        <v>48</v>
      </c>
      <c r="AP15812">
        <v>48</v>
      </c>
      <c r="AQ15812">
        <v>48</v>
      </c>
    </row>
    <row r="15813" spans="1:43">
      <c r="A15813" t="s">
        <v>9824</v>
      </c>
      <c r="B15813" t="s">
        <v>9825</v>
      </c>
      <c r="C15813" t="s">
        <v>9704</v>
      </c>
      <c r="D15813" t="s">
        <v>9705</v>
      </c>
      <c r="E15813" t="s">
        <v>9544</v>
      </c>
      <c r="F15813" t="s">
        <v>9545</v>
      </c>
      <c r="G15813" t="s">
        <v>80</v>
      </c>
      <c r="H15813" t="s">
        <v>81</v>
      </c>
      <c r="I15813" s="2">
        <v>0</v>
      </c>
      <c r="J15813" s="2">
        <v>1</v>
      </c>
      <c r="K15813" s="2">
        <v>0</v>
      </c>
      <c r="L15813" t="s">
        <v>82</v>
      </c>
      <c r="M15813" t="s">
        <v>83</v>
      </c>
      <c r="N15813" t="s">
        <v>91</v>
      </c>
      <c r="O15813" t="s">
        <v>85</v>
      </c>
      <c r="P15813" t="s">
        <v>86</v>
      </c>
      <c r="Q15813">
        <v>45</v>
      </c>
      <c r="R15813">
        <v>45</v>
      </c>
      <c r="S15813">
        <v>45</v>
      </c>
      <c r="T15813">
        <v>46</v>
      </c>
      <c r="U15813">
        <v>46</v>
      </c>
      <c r="V15813">
        <v>46</v>
      </c>
      <c r="W15813">
        <v>47</v>
      </c>
      <c r="X15813">
        <v>47</v>
      </c>
      <c r="Y15813">
        <v>47</v>
      </c>
      <c r="Z15813">
        <v>47</v>
      </c>
      <c r="AA15813">
        <v>48</v>
      </c>
      <c r="AB15813">
        <v>48</v>
      </c>
      <c r="AC15813">
        <v>48</v>
      </c>
      <c r="AD15813">
        <v>48</v>
      </c>
      <c r="AE15813">
        <v>48</v>
      </c>
      <c r="AF15813">
        <v>48</v>
      </c>
      <c r="AG15813">
        <v>49</v>
      </c>
      <c r="AH15813">
        <v>49</v>
      </c>
      <c r="AI15813">
        <v>49</v>
      </c>
      <c r="AJ15813">
        <v>49</v>
      </c>
      <c r="AK15813">
        <v>49</v>
      </c>
      <c r="AL15813">
        <v>49</v>
      </c>
      <c r="AM15813">
        <v>48</v>
      </c>
      <c r="AN15813">
        <v>48</v>
      </c>
      <c r="AO15813">
        <v>48</v>
      </c>
      <c r="AP15813">
        <v>48</v>
      </c>
      <c r="AQ15813">
        <v>47</v>
      </c>
    </row>
    <row r="15814" spans="1:43">
      <c r="A15814" t="s">
        <v>9826</v>
      </c>
      <c r="B15814" t="s">
        <v>9827</v>
      </c>
      <c r="C15814" t="s">
        <v>9754</v>
      </c>
      <c r="D15814" t="s">
        <v>9755</v>
      </c>
      <c r="E15814" t="s">
        <v>9544</v>
      </c>
      <c r="F15814" t="s">
        <v>9545</v>
      </c>
      <c r="G15814" t="s">
        <v>80</v>
      </c>
      <c r="H15814" t="s">
        <v>81</v>
      </c>
      <c r="I15814" s="2">
        <v>0</v>
      </c>
      <c r="J15814" s="2">
        <v>1</v>
      </c>
      <c r="K15814" s="2">
        <v>0</v>
      </c>
      <c r="L15814" t="s">
        <v>82</v>
      </c>
      <c r="M15814" t="s">
        <v>83</v>
      </c>
      <c r="N15814" t="s">
        <v>84</v>
      </c>
      <c r="O15814" t="s">
        <v>85</v>
      </c>
      <c r="P15814" t="s">
        <v>86</v>
      </c>
      <c r="Q15814">
        <v>57</v>
      </c>
      <c r="R15814">
        <v>57</v>
      </c>
      <c r="S15814">
        <v>58</v>
      </c>
      <c r="T15814">
        <v>58</v>
      </c>
      <c r="U15814">
        <v>59</v>
      </c>
      <c r="V15814">
        <v>59</v>
      </c>
      <c r="W15814">
        <v>59</v>
      </c>
      <c r="X15814">
        <v>60</v>
      </c>
      <c r="Y15814">
        <v>60</v>
      </c>
      <c r="Z15814">
        <v>60</v>
      </c>
      <c r="AA15814">
        <v>61</v>
      </c>
      <c r="AB15814">
        <v>61</v>
      </c>
      <c r="AC15814">
        <v>61</v>
      </c>
      <c r="AD15814">
        <v>61</v>
      </c>
      <c r="AE15814">
        <v>62</v>
      </c>
      <c r="AF15814">
        <v>62</v>
      </c>
      <c r="AG15814">
        <v>62</v>
      </c>
      <c r="AH15814">
        <v>62</v>
      </c>
      <c r="AI15814">
        <v>62</v>
      </c>
      <c r="AJ15814">
        <v>63</v>
      </c>
      <c r="AK15814">
        <v>63</v>
      </c>
      <c r="AL15814">
        <v>63</v>
      </c>
      <c r="AM15814">
        <v>62</v>
      </c>
      <c r="AN15814">
        <v>62</v>
      </c>
      <c r="AO15814">
        <v>61</v>
      </c>
      <c r="AP15814">
        <v>61</v>
      </c>
      <c r="AQ15814">
        <v>61</v>
      </c>
    </row>
    <row r="15815" spans="1:43">
      <c r="A15815" t="s">
        <v>9826</v>
      </c>
      <c r="B15815" t="s">
        <v>9827</v>
      </c>
      <c r="C15815" t="s">
        <v>9754</v>
      </c>
      <c r="D15815" t="s">
        <v>9755</v>
      </c>
      <c r="E15815" t="s">
        <v>9544</v>
      </c>
      <c r="F15815" t="s">
        <v>9545</v>
      </c>
      <c r="G15815" t="s">
        <v>80</v>
      </c>
      <c r="H15815" t="s">
        <v>81</v>
      </c>
      <c r="I15815" s="2">
        <v>0</v>
      </c>
      <c r="J15815" s="2">
        <v>1</v>
      </c>
      <c r="K15815" s="2">
        <v>0</v>
      </c>
      <c r="L15815" t="s">
        <v>82</v>
      </c>
      <c r="M15815" t="s">
        <v>87</v>
      </c>
      <c r="N15815" t="s">
        <v>88</v>
      </c>
      <c r="O15815" t="s">
        <v>85</v>
      </c>
      <c r="P15815" t="s">
        <v>86</v>
      </c>
      <c r="Q15815">
        <v>57</v>
      </c>
      <c r="R15815">
        <v>56</v>
      </c>
      <c r="S15815">
        <v>56</v>
      </c>
      <c r="T15815">
        <v>56</v>
      </c>
      <c r="U15815">
        <v>56</v>
      </c>
      <c r="V15815">
        <v>56</v>
      </c>
      <c r="W15815">
        <v>56</v>
      </c>
      <c r="X15815">
        <v>56</v>
      </c>
      <c r="Y15815">
        <v>55</v>
      </c>
      <c r="Z15815">
        <v>55</v>
      </c>
      <c r="AA15815">
        <v>55</v>
      </c>
      <c r="AB15815">
        <v>55</v>
      </c>
      <c r="AC15815">
        <v>55</v>
      </c>
      <c r="AD15815">
        <v>55</v>
      </c>
      <c r="AE15815">
        <v>54</v>
      </c>
      <c r="AF15815">
        <v>54</v>
      </c>
      <c r="AG15815">
        <v>54</v>
      </c>
      <c r="AH15815">
        <v>54</v>
      </c>
      <c r="AI15815">
        <v>54</v>
      </c>
      <c r="AJ15815">
        <v>54</v>
      </c>
      <c r="AK15815">
        <v>53</v>
      </c>
      <c r="AL15815">
        <v>53</v>
      </c>
      <c r="AM15815">
        <v>53</v>
      </c>
      <c r="AN15815">
        <v>53</v>
      </c>
      <c r="AO15815">
        <v>53</v>
      </c>
      <c r="AP15815">
        <v>53</v>
      </c>
      <c r="AQ15815">
        <v>52</v>
      </c>
    </row>
    <row r="15816" spans="1:43">
      <c r="A15816" t="s">
        <v>9826</v>
      </c>
      <c r="B15816" t="s">
        <v>9827</v>
      </c>
      <c r="C15816" t="s">
        <v>9754</v>
      </c>
      <c r="D15816" t="s">
        <v>9755</v>
      </c>
      <c r="E15816" t="s">
        <v>9544</v>
      </c>
      <c r="F15816" t="s">
        <v>9545</v>
      </c>
      <c r="G15816" t="s">
        <v>80</v>
      </c>
      <c r="H15816" t="s">
        <v>81</v>
      </c>
      <c r="I15816" s="2">
        <v>0</v>
      </c>
      <c r="J15816" s="2">
        <v>1</v>
      </c>
      <c r="K15816" s="2">
        <v>0</v>
      </c>
      <c r="L15816" t="s">
        <v>82</v>
      </c>
      <c r="M15816" t="s">
        <v>89</v>
      </c>
      <c r="N15816" t="s">
        <v>90</v>
      </c>
      <c r="O15816" t="s">
        <v>85</v>
      </c>
      <c r="P15816" t="s">
        <v>86</v>
      </c>
      <c r="Q15816">
        <v>57</v>
      </c>
      <c r="R15816">
        <v>57</v>
      </c>
      <c r="S15816">
        <v>58</v>
      </c>
      <c r="T15816">
        <v>59</v>
      </c>
      <c r="U15816">
        <v>60</v>
      </c>
      <c r="V15816">
        <v>61</v>
      </c>
      <c r="W15816">
        <v>61</v>
      </c>
      <c r="X15816">
        <v>62</v>
      </c>
      <c r="Y15816">
        <v>63</v>
      </c>
      <c r="Z15816">
        <v>63</v>
      </c>
      <c r="AA15816">
        <v>64</v>
      </c>
      <c r="AB15816">
        <v>64</v>
      </c>
      <c r="AC15816">
        <v>65</v>
      </c>
      <c r="AD15816">
        <v>65</v>
      </c>
      <c r="AE15816">
        <v>65</v>
      </c>
      <c r="AF15816">
        <v>65</v>
      </c>
      <c r="AG15816">
        <v>64</v>
      </c>
      <c r="AH15816">
        <v>64</v>
      </c>
      <c r="AI15816">
        <v>64</v>
      </c>
      <c r="AJ15816">
        <v>63</v>
      </c>
      <c r="AK15816">
        <v>63</v>
      </c>
      <c r="AL15816">
        <v>62</v>
      </c>
      <c r="AM15816">
        <v>62</v>
      </c>
      <c r="AN15816">
        <v>62</v>
      </c>
      <c r="AO15816">
        <v>61</v>
      </c>
      <c r="AP15816">
        <v>61</v>
      </c>
      <c r="AQ15816">
        <v>60</v>
      </c>
    </row>
    <row r="15817" spans="1:43">
      <c r="A15817" t="s">
        <v>9826</v>
      </c>
      <c r="B15817" t="s">
        <v>9827</v>
      </c>
      <c r="C15817" t="s">
        <v>9754</v>
      </c>
      <c r="D15817" t="s">
        <v>9755</v>
      </c>
      <c r="E15817" t="s">
        <v>9544</v>
      </c>
      <c r="F15817" t="s">
        <v>9545</v>
      </c>
      <c r="G15817" t="s">
        <v>80</v>
      </c>
      <c r="H15817" t="s">
        <v>81</v>
      </c>
      <c r="I15817" s="2">
        <v>0</v>
      </c>
      <c r="J15817" s="2">
        <v>1</v>
      </c>
      <c r="K15817" s="2">
        <v>0</v>
      </c>
      <c r="L15817" t="s">
        <v>82</v>
      </c>
      <c r="M15817" t="s">
        <v>83</v>
      </c>
      <c r="N15817" t="s">
        <v>91</v>
      </c>
      <c r="O15817" t="s">
        <v>85</v>
      </c>
      <c r="P15817" t="s">
        <v>86</v>
      </c>
      <c r="Q15817">
        <v>57</v>
      </c>
      <c r="R15817">
        <v>57</v>
      </c>
      <c r="S15817">
        <v>58</v>
      </c>
      <c r="T15817">
        <v>58</v>
      </c>
      <c r="U15817">
        <v>59</v>
      </c>
      <c r="V15817">
        <v>59</v>
      </c>
      <c r="W15817">
        <v>59</v>
      </c>
      <c r="X15817">
        <v>60</v>
      </c>
      <c r="Y15817">
        <v>60</v>
      </c>
      <c r="Z15817">
        <v>60</v>
      </c>
      <c r="AA15817">
        <v>61</v>
      </c>
      <c r="AB15817">
        <v>61</v>
      </c>
      <c r="AC15817">
        <v>61</v>
      </c>
      <c r="AD15817">
        <v>61</v>
      </c>
      <c r="AE15817">
        <v>62</v>
      </c>
      <c r="AF15817">
        <v>62</v>
      </c>
      <c r="AG15817">
        <v>62</v>
      </c>
      <c r="AH15817">
        <v>62</v>
      </c>
      <c r="AI15817">
        <v>62</v>
      </c>
      <c r="AJ15817">
        <v>63</v>
      </c>
      <c r="AK15817">
        <v>63</v>
      </c>
      <c r="AL15817">
        <v>63</v>
      </c>
      <c r="AM15817">
        <v>62</v>
      </c>
      <c r="AN15817">
        <v>62</v>
      </c>
      <c r="AO15817">
        <v>61</v>
      </c>
      <c r="AP15817">
        <v>61</v>
      </c>
      <c r="AQ15817">
        <v>61</v>
      </c>
    </row>
    <row r="15818" spans="1:43">
      <c r="A15818" t="s">
        <v>9828</v>
      </c>
      <c r="B15818" t="s">
        <v>9829</v>
      </c>
      <c r="C15818" t="s">
        <v>9754</v>
      </c>
      <c r="D15818" t="s">
        <v>9755</v>
      </c>
      <c r="E15818" t="s">
        <v>9544</v>
      </c>
      <c r="F15818" t="s">
        <v>9545</v>
      </c>
      <c r="G15818" t="s">
        <v>80</v>
      </c>
      <c r="H15818" t="s">
        <v>81</v>
      </c>
      <c r="I15818" s="2">
        <v>0</v>
      </c>
      <c r="J15818" s="2">
        <v>1</v>
      </c>
      <c r="K15818" s="2">
        <v>0</v>
      </c>
      <c r="L15818" t="s">
        <v>82</v>
      </c>
      <c r="M15818" t="s">
        <v>83</v>
      </c>
      <c r="N15818" t="s">
        <v>84</v>
      </c>
      <c r="O15818" t="s">
        <v>85</v>
      </c>
      <c r="P15818" t="s">
        <v>86</v>
      </c>
      <c r="Q15818">
        <v>15</v>
      </c>
      <c r="R15818">
        <v>15</v>
      </c>
      <c r="S15818">
        <v>15</v>
      </c>
      <c r="T15818">
        <v>15</v>
      </c>
      <c r="U15818">
        <v>15</v>
      </c>
      <c r="V15818">
        <v>15</v>
      </c>
      <c r="W15818">
        <v>15</v>
      </c>
      <c r="X15818">
        <v>16</v>
      </c>
      <c r="Y15818">
        <v>16</v>
      </c>
      <c r="Z15818">
        <v>16</v>
      </c>
      <c r="AA15818">
        <v>16</v>
      </c>
      <c r="AB15818">
        <v>16</v>
      </c>
      <c r="AC15818">
        <v>16</v>
      </c>
      <c r="AD15818">
        <v>16</v>
      </c>
      <c r="AE15818">
        <v>16</v>
      </c>
      <c r="AF15818">
        <v>16</v>
      </c>
      <c r="AG15818">
        <v>16</v>
      </c>
      <c r="AH15818">
        <v>16</v>
      </c>
      <c r="AI15818">
        <v>16</v>
      </c>
      <c r="AJ15818">
        <v>16</v>
      </c>
      <c r="AK15818">
        <v>16</v>
      </c>
      <c r="AL15818">
        <v>16</v>
      </c>
      <c r="AM15818">
        <v>16</v>
      </c>
      <c r="AN15818">
        <v>16</v>
      </c>
      <c r="AO15818">
        <v>16</v>
      </c>
      <c r="AP15818">
        <v>16</v>
      </c>
      <c r="AQ15818">
        <v>16</v>
      </c>
    </row>
    <row r="15819" spans="1:43">
      <c r="A15819" t="s">
        <v>9828</v>
      </c>
      <c r="B15819" t="s">
        <v>9829</v>
      </c>
      <c r="C15819" t="s">
        <v>9754</v>
      </c>
      <c r="D15819" t="s">
        <v>9755</v>
      </c>
      <c r="E15819" t="s">
        <v>9544</v>
      </c>
      <c r="F15819" t="s">
        <v>9545</v>
      </c>
      <c r="G15819" t="s">
        <v>80</v>
      </c>
      <c r="H15819" t="s">
        <v>81</v>
      </c>
      <c r="I15819" s="2">
        <v>0</v>
      </c>
      <c r="J15819" s="2">
        <v>1</v>
      </c>
      <c r="K15819" s="2">
        <v>0</v>
      </c>
      <c r="L15819" t="s">
        <v>82</v>
      </c>
      <c r="M15819" t="s">
        <v>87</v>
      </c>
      <c r="N15819" t="s">
        <v>88</v>
      </c>
      <c r="O15819" t="s">
        <v>85</v>
      </c>
      <c r="P15819" t="s">
        <v>86</v>
      </c>
      <c r="Q15819">
        <v>15</v>
      </c>
      <c r="R15819">
        <v>15</v>
      </c>
      <c r="S15819">
        <v>15</v>
      </c>
      <c r="T15819">
        <v>15</v>
      </c>
      <c r="U15819">
        <v>15</v>
      </c>
      <c r="V15819">
        <v>15</v>
      </c>
      <c r="W15819">
        <v>15</v>
      </c>
      <c r="X15819">
        <v>15</v>
      </c>
      <c r="Y15819">
        <v>14</v>
      </c>
      <c r="Z15819">
        <v>14</v>
      </c>
      <c r="AA15819">
        <v>14</v>
      </c>
      <c r="AB15819">
        <v>14</v>
      </c>
      <c r="AC15819">
        <v>14</v>
      </c>
      <c r="AD15819">
        <v>14</v>
      </c>
      <c r="AE15819">
        <v>14</v>
      </c>
      <c r="AF15819">
        <v>14</v>
      </c>
      <c r="AG15819">
        <v>14</v>
      </c>
      <c r="AH15819">
        <v>14</v>
      </c>
      <c r="AI15819">
        <v>14</v>
      </c>
      <c r="AJ15819">
        <v>14</v>
      </c>
      <c r="AK15819">
        <v>14</v>
      </c>
      <c r="AL15819">
        <v>14</v>
      </c>
      <c r="AM15819">
        <v>14</v>
      </c>
      <c r="AN15819">
        <v>14</v>
      </c>
      <c r="AO15819">
        <v>14</v>
      </c>
      <c r="AP15819">
        <v>14</v>
      </c>
      <c r="AQ15819">
        <v>14</v>
      </c>
    </row>
    <row r="15820" spans="1:43">
      <c r="A15820" t="s">
        <v>9828</v>
      </c>
      <c r="B15820" t="s">
        <v>9829</v>
      </c>
      <c r="C15820" t="s">
        <v>9754</v>
      </c>
      <c r="D15820" t="s">
        <v>9755</v>
      </c>
      <c r="E15820" t="s">
        <v>9544</v>
      </c>
      <c r="F15820" t="s">
        <v>9545</v>
      </c>
      <c r="G15820" t="s">
        <v>80</v>
      </c>
      <c r="H15820" t="s">
        <v>81</v>
      </c>
      <c r="I15820" s="2">
        <v>0</v>
      </c>
      <c r="J15820" s="2">
        <v>1</v>
      </c>
      <c r="K15820" s="2">
        <v>0</v>
      </c>
      <c r="L15820" t="s">
        <v>82</v>
      </c>
      <c r="M15820" t="s">
        <v>89</v>
      </c>
      <c r="N15820" t="s">
        <v>90</v>
      </c>
      <c r="O15820" t="s">
        <v>85</v>
      </c>
      <c r="P15820" t="s">
        <v>86</v>
      </c>
      <c r="Q15820">
        <v>15</v>
      </c>
      <c r="R15820">
        <v>15</v>
      </c>
      <c r="S15820">
        <v>16</v>
      </c>
      <c r="T15820">
        <v>16</v>
      </c>
      <c r="U15820">
        <v>16</v>
      </c>
      <c r="V15820">
        <v>16</v>
      </c>
      <c r="W15820">
        <v>16</v>
      </c>
      <c r="X15820">
        <v>16</v>
      </c>
      <c r="Y15820">
        <v>17</v>
      </c>
      <c r="Z15820">
        <v>17</v>
      </c>
      <c r="AA15820">
        <v>17</v>
      </c>
      <c r="AB15820">
        <v>17</v>
      </c>
      <c r="AC15820">
        <v>17</v>
      </c>
      <c r="AD15820">
        <v>17</v>
      </c>
      <c r="AE15820">
        <v>17</v>
      </c>
      <c r="AF15820">
        <v>17</v>
      </c>
      <c r="AG15820">
        <v>17</v>
      </c>
      <c r="AH15820">
        <v>17</v>
      </c>
      <c r="AI15820">
        <v>17</v>
      </c>
      <c r="AJ15820">
        <v>17</v>
      </c>
      <c r="AK15820">
        <v>17</v>
      </c>
      <c r="AL15820">
        <v>16</v>
      </c>
      <c r="AM15820">
        <v>16</v>
      </c>
      <c r="AN15820">
        <v>16</v>
      </c>
      <c r="AO15820">
        <v>16</v>
      </c>
      <c r="AP15820">
        <v>16</v>
      </c>
      <c r="AQ15820">
        <v>16</v>
      </c>
    </row>
    <row r="15821" spans="1:43">
      <c r="A15821" t="s">
        <v>9828</v>
      </c>
      <c r="B15821" t="s">
        <v>9829</v>
      </c>
      <c r="C15821" t="s">
        <v>9754</v>
      </c>
      <c r="D15821" t="s">
        <v>9755</v>
      </c>
      <c r="E15821" t="s">
        <v>9544</v>
      </c>
      <c r="F15821" t="s">
        <v>9545</v>
      </c>
      <c r="G15821" t="s">
        <v>80</v>
      </c>
      <c r="H15821" t="s">
        <v>81</v>
      </c>
      <c r="I15821" s="2">
        <v>0</v>
      </c>
      <c r="J15821" s="2">
        <v>1</v>
      </c>
      <c r="K15821" s="2">
        <v>0</v>
      </c>
      <c r="L15821" t="s">
        <v>82</v>
      </c>
      <c r="M15821" t="s">
        <v>83</v>
      </c>
      <c r="N15821" t="s">
        <v>91</v>
      </c>
      <c r="O15821" t="s">
        <v>85</v>
      </c>
      <c r="P15821" t="s">
        <v>86</v>
      </c>
      <c r="Q15821">
        <v>15</v>
      </c>
      <c r="R15821">
        <v>15</v>
      </c>
      <c r="S15821">
        <v>15</v>
      </c>
      <c r="T15821">
        <v>15</v>
      </c>
      <c r="U15821">
        <v>15</v>
      </c>
      <c r="V15821">
        <v>15</v>
      </c>
      <c r="W15821">
        <v>15</v>
      </c>
      <c r="X15821">
        <v>16</v>
      </c>
      <c r="Y15821">
        <v>16</v>
      </c>
      <c r="Z15821">
        <v>16</v>
      </c>
      <c r="AA15821">
        <v>16</v>
      </c>
      <c r="AB15821">
        <v>16</v>
      </c>
      <c r="AC15821">
        <v>16</v>
      </c>
      <c r="AD15821">
        <v>16</v>
      </c>
      <c r="AE15821">
        <v>16</v>
      </c>
      <c r="AF15821">
        <v>16</v>
      </c>
      <c r="AG15821">
        <v>16</v>
      </c>
      <c r="AH15821">
        <v>16</v>
      </c>
      <c r="AI15821">
        <v>16</v>
      </c>
      <c r="AJ15821">
        <v>16</v>
      </c>
      <c r="AK15821">
        <v>16</v>
      </c>
      <c r="AL15821">
        <v>16</v>
      </c>
      <c r="AM15821">
        <v>16</v>
      </c>
      <c r="AN15821">
        <v>16</v>
      </c>
      <c r="AO15821">
        <v>16</v>
      </c>
      <c r="AP15821">
        <v>16</v>
      </c>
      <c r="AQ15821">
        <v>16</v>
      </c>
    </row>
    <row r="15822" spans="1:43">
      <c r="A15822" t="s">
        <v>9830</v>
      </c>
      <c r="B15822" t="s">
        <v>9831</v>
      </c>
      <c r="C15822" t="s">
        <v>9704</v>
      </c>
      <c r="D15822" t="s">
        <v>9705</v>
      </c>
      <c r="E15822" t="s">
        <v>9544</v>
      </c>
      <c r="F15822" t="s">
        <v>9545</v>
      </c>
      <c r="G15822" t="s">
        <v>80</v>
      </c>
      <c r="H15822" t="s">
        <v>81</v>
      </c>
      <c r="I15822" s="2">
        <v>0</v>
      </c>
      <c r="J15822" s="2">
        <v>1</v>
      </c>
      <c r="K15822" s="2">
        <v>0</v>
      </c>
      <c r="L15822" t="s">
        <v>82</v>
      </c>
      <c r="M15822" t="s">
        <v>83</v>
      </c>
      <c r="N15822" t="s">
        <v>84</v>
      </c>
      <c r="O15822" t="s">
        <v>85</v>
      </c>
      <c r="P15822" t="s">
        <v>86</v>
      </c>
      <c r="Q15822">
        <v>117</v>
      </c>
      <c r="R15822">
        <v>118</v>
      </c>
      <c r="S15822">
        <v>119</v>
      </c>
      <c r="T15822">
        <v>120</v>
      </c>
      <c r="U15822">
        <v>121</v>
      </c>
      <c r="V15822">
        <v>122</v>
      </c>
      <c r="W15822">
        <v>123</v>
      </c>
      <c r="X15822">
        <v>124</v>
      </c>
      <c r="Y15822">
        <v>125</v>
      </c>
      <c r="Z15822">
        <v>126</v>
      </c>
      <c r="AA15822">
        <v>127</v>
      </c>
      <c r="AB15822">
        <v>127</v>
      </c>
      <c r="AC15822">
        <v>128</v>
      </c>
      <c r="AD15822">
        <v>129</v>
      </c>
      <c r="AE15822">
        <v>129</v>
      </c>
      <c r="AF15822">
        <v>130</v>
      </c>
      <c r="AG15822">
        <v>131</v>
      </c>
      <c r="AH15822">
        <v>131</v>
      </c>
      <c r="AI15822">
        <v>132</v>
      </c>
      <c r="AJ15822">
        <v>132</v>
      </c>
      <c r="AK15822">
        <v>133</v>
      </c>
      <c r="AL15822">
        <v>133</v>
      </c>
      <c r="AM15822">
        <v>132</v>
      </c>
      <c r="AN15822">
        <v>132</v>
      </c>
      <c r="AO15822">
        <v>131</v>
      </c>
      <c r="AP15822">
        <v>131</v>
      </c>
      <c r="AQ15822">
        <v>130</v>
      </c>
    </row>
    <row r="15823" spans="1:43">
      <c r="A15823" t="s">
        <v>9830</v>
      </c>
      <c r="B15823" t="s">
        <v>9831</v>
      </c>
      <c r="C15823" t="s">
        <v>9704</v>
      </c>
      <c r="D15823" t="s">
        <v>9705</v>
      </c>
      <c r="E15823" t="s">
        <v>9544</v>
      </c>
      <c r="F15823" t="s">
        <v>9545</v>
      </c>
      <c r="G15823" t="s">
        <v>80</v>
      </c>
      <c r="H15823" t="s">
        <v>81</v>
      </c>
      <c r="I15823" s="2">
        <v>0</v>
      </c>
      <c r="J15823" s="2">
        <v>1</v>
      </c>
      <c r="K15823" s="2">
        <v>0</v>
      </c>
      <c r="L15823" t="s">
        <v>82</v>
      </c>
      <c r="M15823" t="s">
        <v>87</v>
      </c>
      <c r="N15823" t="s">
        <v>88</v>
      </c>
      <c r="O15823" t="s">
        <v>85</v>
      </c>
      <c r="P15823" t="s">
        <v>86</v>
      </c>
      <c r="Q15823">
        <v>117</v>
      </c>
      <c r="R15823">
        <v>117</v>
      </c>
      <c r="S15823">
        <v>117</v>
      </c>
      <c r="T15823">
        <v>117</v>
      </c>
      <c r="U15823">
        <v>117</v>
      </c>
      <c r="V15823">
        <v>117</v>
      </c>
      <c r="W15823">
        <v>117</v>
      </c>
      <c r="X15823">
        <v>117</v>
      </c>
      <c r="Y15823">
        <v>116</v>
      </c>
      <c r="Z15823">
        <v>116</v>
      </c>
      <c r="AA15823">
        <v>116</v>
      </c>
      <c r="AB15823">
        <v>116</v>
      </c>
      <c r="AC15823">
        <v>116</v>
      </c>
      <c r="AD15823">
        <v>116</v>
      </c>
      <c r="AE15823">
        <v>116</v>
      </c>
      <c r="AF15823">
        <v>115</v>
      </c>
      <c r="AG15823">
        <v>115</v>
      </c>
      <c r="AH15823">
        <v>115</v>
      </c>
      <c r="AI15823">
        <v>115</v>
      </c>
      <c r="AJ15823">
        <v>115</v>
      </c>
      <c r="AK15823">
        <v>114</v>
      </c>
      <c r="AL15823">
        <v>114</v>
      </c>
      <c r="AM15823">
        <v>114</v>
      </c>
      <c r="AN15823">
        <v>114</v>
      </c>
      <c r="AO15823">
        <v>114</v>
      </c>
      <c r="AP15823">
        <v>113</v>
      </c>
      <c r="AQ15823">
        <v>113</v>
      </c>
    </row>
    <row r="15824" spans="1:43">
      <c r="A15824" t="s">
        <v>9830</v>
      </c>
      <c r="B15824" t="s">
        <v>9831</v>
      </c>
      <c r="C15824" t="s">
        <v>9704</v>
      </c>
      <c r="D15824" t="s">
        <v>9705</v>
      </c>
      <c r="E15824" t="s">
        <v>9544</v>
      </c>
      <c r="F15824" t="s">
        <v>9545</v>
      </c>
      <c r="G15824" t="s">
        <v>80</v>
      </c>
      <c r="H15824" t="s">
        <v>81</v>
      </c>
      <c r="I15824" s="2">
        <v>0</v>
      </c>
      <c r="J15824" s="2">
        <v>1</v>
      </c>
      <c r="K15824" s="2">
        <v>0</v>
      </c>
      <c r="L15824" t="s">
        <v>82</v>
      </c>
      <c r="M15824" t="s">
        <v>89</v>
      </c>
      <c r="N15824" t="s">
        <v>90</v>
      </c>
      <c r="O15824" t="s">
        <v>85</v>
      </c>
      <c r="P15824" t="s">
        <v>86</v>
      </c>
      <c r="Q15824">
        <v>117</v>
      </c>
      <c r="R15824">
        <v>119</v>
      </c>
      <c r="S15824">
        <v>120</v>
      </c>
      <c r="T15824">
        <v>122</v>
      </c>
      <c r="U15824">
        <v>124</v>
      </c>
      <c r="V15824">
        <v>126</v>
      </c>
      <c r="W15824">
        <v>128</v>
      </c>
      <c r="X15824">
        <v>129</v>
      </c>
      <c r="Y15824">
        <v>130</v>
      </c>
      <c r="Z15824">
        <v>132</v>
      </c>
      <c r="AA15824">
        <v>133</v>
      </c>
      <c r="AB15824">
        <v>134</v>
      </c>
      <c r="AC15824">
        <v>135</v>
      </c>
      <c r="AD15824">
        <v>136</v>
      </c>
      <c r="AE15824">
        <v>137</v>
      </c>
      <c r="AF15824">
        <v>136</v>
      </c>
      <c r="AG15824">
        <v>135</v>
      </c>
      <c r="AH15824">
        <v>135</v>
      </c>
      <c r="AI15824">
        <v>134</v>
      </c>
      <c r="AJ15824">
        <v>134</v>
      </c>
      <c r="AK15824">
        <v>133</v>
      </c>
      <c r="AL15824">
        <v>133</v>
      </c>
      <c r="AM15824">
        <v>132</v>
      </c>
      <c r="AN15824">
        <v>132</v>
      </c>
      <c r="AO15824">
        <v>131</v>
      </c>
      <c r="AP15824">
        <v>131</v>
      </c>
      <c r="AQ15824">
        <v>130</v>
      </c>
    </row>
    <row r="15825" spans="1:43">
      <c r="A15825" t="s">
        <v>9830</v>
      </c>
      <c r="B15825" t="s">
        <v>9831</v>
      </c>
      <c r="C15825" t="s">
        <v>9704</v>
      </c>
      <c r="D15825" t="s">
        <v>9705</v>
      </c>
      <c r="E15825" t="s">
        <v>9544</v>
      </c>
      <c r="F15825" t="s">
        <v>9545</v>
      </c>
      <c r="G15825" t="s">
        <v>80</v>
      </c>
      <c r="H15825" t="s">
        <v>81</v>
      </c>
      <c r="I15825" s="2">
        <v>0</v>
      </c>
      <c r="J15825" s="2">
        <v>1</v>
      </c>
      <c r="K15825" s="2">
        <v>0</v>
      </c>
      <c r="L15825" t="s">
        <v>82</v>
      </c>
      <c r="M15825" t="s">
        <v>83</v>
      </c>
      <c r="N15825" t="s">
        <v>91</v>
      </c>
      <c r="O15825" t="s">
        <v>85</v>
      </c>
      <c r="P15825" t="s">
        <v>86</v>
      </c>
      <c r="Q15825">
        <v>117</v>
      </c>
      <c r="R15825">
        <v>118</v>
      </c>
      <c r="S15825">
        <v>119</v>
      </c>
      <c r="T15825">
        <v>120</v>
      </c>
      <c r="U15825">
        <v>121</v>
      </c>
      <c r="V15825">
        <v>122</v>
      </c>
      <c r="W15825">
        <v>123</v>
      </c>
      <c r="X15825">
        <v>124</v>
      </c>
      <c r="Y15825">
        <v>125</v>
      </c>
      <c r="Z15825">
        <v>126</v>
      </c>
      <c r="AA15825">
        <v>127</v>
      </c>
      <c r="AB15825">
        <v>127</v>
      </c>
      <c r="AC15825">
        <v>128</v>
      </c>
      <c r="AD15825">
        <v>129</v>
      </c>
      <c r="AE15825">
        <v>129</v>
      </c>
      <c r="AF15825">
        <v>130</v>
      </c>
      <c r="AG15825">
        <v>131</v>
      </c>
      <c r="AH15825">
        <v>131</v>
      </c>
      <c r="AI15825">
        <v>132</v>
      </c>
      <c r="AJ15825">
        <v>132</v>
      </c>
      <c r="AK15825">
        <v>133</v>
      </c>
      <c r="AL15825">
        <v>133</v>
      </c>
      <c r="AM15825">
        <v>132</v>
      </c>
      <c r="AN15825">
        <v>132</v>
      </c>
      <c r="AO15825">
        <v>131</v>
      </c>
      <c r="AP15825">
        <v>131</v>
      </c>
      <c r="AQ15825">
        <v>130</v>
      </c>
    </row>
    <row r="15826" spans="1:43">
      <c r="A15826" t="s">
        <v>9832</v>
      </c>
      <c r="B15826" t="s">
        <v>9833</v>
      </c>
      <c r="C15826" t="s">
        <v>9754</v>
      </c>
      <c r="D15826" t="s">
        <v>9755</v>
      </c>
      <c r="E15826" t="s">
        <v>9544</v>
      </c>
      <c r="F15826" t="s">
        <v>9545</v>
      </c>
      <c r="G15826" t="s">
        <v>80</v>
      </c>
      <c r="H15826" t="s">
        <v>81</v>
      </c>
      <c r="I15826" s="2">
        <v>0</v>
      </c>
      <c r="J15826" s="2">
        <v>1</v>
      </c>
      <c r="K15826" s="2">
        <v>0</v>
      </c>
      <c r="L15826" t="s">
        <v>82</v>
      </c>
      <c r="M15826" t="s">
        <v>83</v>
      </c>
      <c r="N15826" t="s">
        <v>84</v>
      </c>
      <c r="O15826" t="s">
        <v>85</v>
      </c>
      <c r="P15826" t="s">
        <v>86</v>
      </c>
      <c r="Q15826">
        <v>21</v>
      </c>
      <c r="R15826">
        <v>21</v>
      </c>
      <c r="S15826">
        <v>21</v>
      </c>
      <c r="T15826">
        <v>21</v>
      </c>
      <c r="U15826">
        <v>21</v>
      </c>
      <c r="V15826">
        <v>22</v>
      </c>
      <c r="W15826">
        <v>22</v>
      </c>
      <c r="X15826">
        <v>22</v>
      </c>
      <c r="Y15826">
        <v>22</v>
      </c>
      <c r="Z15826">
        <v>22</v>
      </c>
      <c r="AA15826">
        <v>22</v>
      </c>
      <c r="AB15826">
        <v>22</v>
      </c>
      <c r="AC15826">
        <v>22</v>
      </c>
      <c r="AD15826">
        <v>22</v>
      </c>
      <c r="AE15826">
        <v>22</v>
      </c>
      <c r="AF15826">
        <v>23</v>
      </c>
      <c r="AG15826">
        <v>23</v>
      </c>
      <c r="AH15826">
        <v>23</v>
      </c>
      <c r="AI15826">
        <v>23</v>
      </c>
      <c r="AJ15826">
        <v>23</v>
      </c>
      <c r="AK15826">
        <v>23</v>
      </c>
      <c r="AL15826">
        <v>23</v>
      </c>
      <c r="AM15826">
        <v>23</v>
      </c>
      <c r="AN15826">
        <v>22</v>
      </c>
      <c r="AO15826">
        <v>22</v>
      </c>
      <c r="AP15826">
        <v>22</v>
      </c>
      <c r="AQ15826">
        <v>22</v>
      </c>
    </row>
    <row r="15827" spans="1:43">
      <c r="A15827" t="s">
        <v>9832</v>
      </c>
      <c r="B15827" t="s">
        <v>9833</v>
      </c>
      <c r="C15827" t="s">
        <v>9754</v>
      </c>
      <c r="D15827" t="s">
        <v>9755</v>
      </c>
      <c r="E15827" t="s">
        <v>9544</v>
      </c>
      <c r="F15827" t="s">
        <v>9545</v>
      </c>
      <c r="G15827" t="s">
        <v>80</v>
      </c>
      <c r="H15827" t="s">
        <v>81</v>
      </c>
      <c r="I15827" s="2">
        <v>0</v>
      </c>
      <c r="J15827" s="2">
        <v>1</v>
      </c>
      <c r="K15827" s="2">
        <v>0</v>
      </c>
      <c r="L15827" t="s">
        <v>82</v>
      </c>
      <c r="M15827" t="s">
        <v>87</v>
      </c>
      <c r="N15827" t="s">
        <v>88</v>
      </c>
      <c r="O15827" t="s">
        <v>85</v>
      </c>
      <c r="P15827" t="s">
        <v>86</v>
      </c>
      <c r="Q15827">
        <v>21</v>
      </c>
      <c r="R15827">
        <v>21</v>
      </c>
      <c r="S15827">
        <v>21</v>
      </c>
      <c r="T15827">
        <v>21</v>
      </c>
      <c r="U15827">
        <v>20</v>
      </c>
      <c r="V15827">
        <v>20</v>
      </c>
      <c r="W15827">
        <v>20</v>
      </c>
      <c r="X15827">
        <v>20</v>
      </c>
      <c r="Y15827">
        <v>20</v>
      </c>
      <c r="Z15827">
        <v>20</v>
      </c>
      <c r="AA15827">
        <v>20</v>
      </c>
      <c r="AB15827">
        <v>20</v>
      </c>
      <c r="AC15827">
        <v>20</v>
      </c>
      <c r="AD15827">
        <v>20</v>
      </c>
      <c r="AE15827">
        <v>20</v>
      </c>
      <c r="AF15827">
        <v>20</v>
      </c>
      <c r="AG15827">
        <v>20</v>
      </c>
      <c r="AH15827">
        <v>20</v>
      </c>
      <c r="AI15827">
        <v>20</v>
      </c>
      <c r="AJ15827">
        <v>19</v>
      </c>
      <c r="AK15827">
        <v>19</v>
      </c>
      <c r="AL15827">
        <v>19</v>
      </c>
      <c r="AM15827">
        <v>19</v>
      </c>
      <c r="AN15827">
        <v>19</v>
      </c>
      <c r="AO15827">
        <v>19</v>
      </c>
      <c r="AP15827">
        <v>19</v>
      </c>
      <c r="AQ15827">
        <v>19</v>
      </c>
    </row>
    <row r="15828" spans="1:43">
      <c r="A15828" t="s">
        <v>9832</v>
      </c>
      <c r="B15828" t="s">
        <v>9833</v>
      </c>
      <c r="C15828" t="s">
        <v>9754</v>
      </c>
      <c r="D15828" t="s">
        <v>9755</v>
      </c>
      <c r="E15828" t="s">
        <v>9544</v>
      </c>
      <c r="F15828" t="s">
        <v>9545</v>
      </c>
      <c r="G15828" t="s">
        <v>80</v>
      </c>
      <c r="H15828" t="s">
        <v>81</v>
      </c>
      <c r="I15828" s="2">
        <v>0</v>
      </c>
      <c r="J15828" s="2">
        <v>1</v>
      </c>
      <c r="K15828" s="2">
        <v>0</v>
      </c>
      <c r="L15828" t="s">
        <v>82</v>
      </c>
      <c r="M15828" t="s">
        <v>89</v>
      </c>
      <c r="N15828" t="s">
        <v>90</v>
      </c>
      <c r="O15828" t="s">
        <v>85</v>
      </c>
      <c r="P15828" t="s">
        <v>86</v>
      </c>
      <c r="Q15828">
        <v>21</v>
      </c>
      <c r="R15828">
        <v>21</v>
      </c>
      <c r="S15828">
        <v>22</v>
      </c>
      <c r="T15828">
        <v>22</v>
      </c>
      <c r="U15828">
        <v>22</v>
      </c>
      <c r="V15828">
        <v>23</v>
      </c>
      <c r="W15828">
        <v>23</v>
      </c>
      <c r="X15828">
        <v>23</v>
      </c>
      <c r="Y15828">
        <v>23</v>
      </c>
      <c r="Z15828">
        <v>23</v>
      </c>
      <c r="AA15828">
        <v>24</v>
      </c>
      <c r="AB15828">
        <v>24</v>
      </c>
      <c r="AC15828">
        <v>24</v>
      </c>
      <c r="AD15828">
        <v>24</v>
      </c>
      <c r="AE15828">
        <v>24</v>
      </c>
      <c r="AF15828">
        <v>24</v>
      </c>
      <c r="AG15828">
        <v>24</v>
      </c>
      <c r="AH15828">
        <v>24</v>
      </c>
      <c r="AI15828">
        <v>23</v>
      </c>
      <c r="AJ15828">
        <v>23</v>
      </c>
      <c r="AK15828">
        <v>23</v>
      </c>
      <c r="AL15828">
        <v>23</v>
      </c>
      <c r="AM15828">
        <v>23</v>
      </c>
      <c r="AN15828">
        <v>23</v>
      </c>
      <c r="AO15828">
        <v>23</v>
      </c>
      <c r="AP15828">
        <v>22</v>
      </c>
      <c r="AQ15828">
        <v>22</v>
      </c>
    </row>
    <row r="15829" spans="1:43">
      <c r="A15829" t="s">
        <v>9832</v>
      </c>
      <c r="B15829" t="s">
        <v>9833</v>
      </c>
      <c r="C15829" t="s">
        <v>9754</v>
      </c>
      <c r="D15829" t="s">
        <v>9755</v>
      </c>
      <c r="E15829" t="s">
        <v>9544</v>
      </c>
      <c r="F15829" t="s">
        <v>9545</v>
      </c>
      <c r="G15829" t="s">
        <v>80</v>
      </c>
      <c r="H15829" t="s">
        <v>81</v>
      </c>
      <c r="I15829" s="2">
        <v>0</v>
      </c>
      <c r="J15829" s="2">
        <v>1</v>
      </c>
      <c r="K15829" s="2">
        <v>0</v>
      </c>
      <c r="L15829" t="s">
        <v>82</v>
      </c>
      <c r="M15829" t="s">
        <v>83</v>
      </c>
      <c r="N15829" t="s">
        <v>91</v>
      </c>
      <c r="O15829" t="s">
        <v>85</v>
      </c>
      <c r="P15829" t="s">
        <v>86</v>
      </c>
      <c r="Q15829">
        <v>21</v>
      </c>
      <c r="R15829">
        <v>21</v>
      </c>
      <c r="S15829">
        <v>21</v>
      </c>
      <c r="T15829">
        <v>21</v>
      </c>
      <c r="U15829">
        <v>21</v>
      </c>
      <c r="V15829">
        <v>22</v>
      </c>
      <c r="W15829">
        <v>22</v>
      </c>
      <c r="X15829">
        <v>22</v>
      </c>
      <c r="Y15829">
        <v>22</v>
      </c>
      <c r="Z15829">
        <v>22</v>
      </c>
      <c r="AA15829">
        <v>22</v>
      </c>
      <c r="AB15829">
        <v>22</v>
      </c>
      <c r="AC15829">
        <v>22</v>
      </c>
      <c r="AD15829">
        <v>22</v>
      </c>
      <c r="AE15829">
        <v>22</v>
      </c>
      <c r="AF15829">
        <v>23</v>
      </c>
      <c r="AG15829">
        <v>23</v>
      </c>
      <c r="AH15829">
        <v>23</v>
      </c>
      <c r="AI15829">
        <v>23</v>
      </c>
      <c r="AJ15829">
        <v>23</v>
      </c>
      <c r="AK15829">
        <v>23</v>
      </c>
      <c r="AL15829">
        <v>23</v>
      </c>
      <c r="AM15829">
        <v>23</v>
      </c>
      <c r="AN15829">
        <v>22</v>
      </c>
      <c r="AO15829">
        <v>22</v>
      </c>
      <c r="AP15829">
        <v>22</v>
      </c>
      <c r="AQ15829">
        <v>22</v>
      </c>
    </row>
    <row r="15830" spans="1:43">
      <c r="A15830" t="s">
        <v>9834</v>
      </c>
      <c r="B15830" t="s">
        <v>9835</v>
      </c>
      <c r="C15830" t="s">
        <v>9778</v>
      </c>
      <c r="D15830" t="s">
        <v>9779</v>
      </c>
      <c r="E15830" t="s">
        <v>9544</v>
      </c>
      <c r="F15830" t="s">
        <v>9545</v>
      </c>
      <c r="G15830" t="s">
        <v>80</v>
      </c>
      <c r="H15830" t="s">
        <v>81</v>
      </c>
      <c r="I15830" s="2">
        <v>0</v>
      </c>
      <c r="J15830" s="2">
        <v>1</v>
      </c>
      <c r="K15830" s="2">
        <v>0</v>
      </c>
      <c r="L15830" t="s">
        <v>82</v>
      </c>
      <c r="M15830" t="s">
        <v>83</v>
      </c>
      <c r="N15830" t="s">
        <v>84</v>
      </c>
      <c r="O15830" t="s">
        <v>85</v>
      </c>
      <c r="P15830" t="s">
        <v>86</v>
      </c>
      <c r="Q15830">
        <v>13</v>
      </c>
      <c r="R15830">
        <v>13</v>
      </c>
      <c r="S15830">
        <v>13</v>
      </c>
      <c r="T15830">
        <v>13</v>
      </c>
      <c r="U15830">
        <v>13</v>
      </c>
      <c r="V15830">
        <v>13</v>
      </c>
      <c r="W15830">
        <v>13</v>
      </c>
      <c r="X15830">
        <v>13</v>
      </c>
      <c r="Y15830">
        <v>13</v>
      </c>
      <c r="Z15830">
        <v>13</v>
      </c>
      <c r="AA15830">
        <v>14</v>
      </c>
      <c r="AB15830">
        <v>14</v>
      </c>
      <c r="AC15830">
        <v>14</v>
      </c>
      <c r="AD15830">
        <v>14</v>
      </c>
      <c r="AE15830">
        <v>14</v>
      </c>
      <c r="AF15830">
        <v>14</v>
      </c>
      <c r="AG15830">
        <v>14</v>
      </c>
      <c r="AH15830">
        <v>14</v>
      </c>
      <c r="AI15830">
        <v>14</v>
      </c>
      <c r="AJ15830">
        <v>14</v>
      </c>
      <c r="AK15830">
        <v>14</v>
      </c>
      <c r="AL15830">
        <v>14</v>
      </c>
      <c r="AM15830">
        <v>14</v>
      </c>
      <c r="AN15830">
        <v>14</v>
      </c>
      <c r="AO15830">
        <v>14</v>
      </c>
      <c r="AP15830">
        <v>14</v>
      </c>
      <c r="AQ15830">
        <v>13</v>
      </c>
    </row>
    <row r="15831" spans="1:43">
      <c r="A15831" t="s">
        <v>9834</v>
      </c>
      <c r="B15831" t="s">
        <v>9835</v>
      </c>
      <c r="C15831" t="s">
        <v>9778</v>
      </c>
      <c r="D15831" t="s">
        <v>9779</v>
      </c>
      <c r="E15831" t="s">
        <v>9544</v>
      </c>
      <c r="F15831" t="s">
        <v>9545</v>
      </c>
      <c r="G15831" t="s">
        <v>80</v>
      </c>
      <c r="H15831" t="s">
        <v>81</v>
      </c>
      <c r="I15831" s="2">
        <v>0</v>
      </c>
      <c r="J15831" s="2">
        <v>1</v>
      </c>
      <c r="K15831" s="2">
        <v>0</v>
      </c>
      <c r="L15831" t="s">
        <v>82</v>
      </c>
      <c r="M15831" t="s">
        <v>87</v>
      </c>
      <c r="N15831" t="s">
        <v>88</v>
      </c>
      <c r="O15831" t="s">
        <v>85</v>
      </c>
      <c r="P15831" t="s">
        <v>86</v>
      </c>
      <c r="Q15831">
        <v>13</v>
      </c>
      <c r="R15831">
        <v>13</v>
      </c>
      <c r="S15831">
        <v>13</v>
      </c>
      <c r="T15831">
        <v>13</v>
      </c>
      <c r="U15831">
        <v>13</v>
      </c>
      <c r="V15831">
        <v>13</v>
      </c>
      <c r="W15831">
        <v>12</v>
      </c>
      <c r="X15831">
        <v>12</v>
      </c>
      <c r="Y15831">
        <v>12</v>
      </c>
      <c r="Z15831">
        <v>12</v>
      </c>
      <c r="AA15831">
        <v>12</v>
      </c>
      <c r="AB15831">
        <v>12</v>
      </c>
      <c r="AC15831">
        <v>12</v>
      </c>
      <c r="AD15831">
        <v>12</v>
      </c>
      <c r="AE15831">
        <v>12</v>
      </c>
      <c r="AF15831">
        <v>12</v>
      </c>
      <c r="AG15831">
        <v>12</v>
      </c>
      <c r="AH15831">
        <v>12</v>
      </c>
      <c r="AI15831">
        <v>12</v>
      </c>
      <c r="AJ15831">
        <v>12</v>
      </c>
      <c r="AK15831">
        <v>12</v>
      </c>
      <c r="AL15831">
        <v>12</v>
      </c>
      <c r="AM15831">
        <v>12</v>
      </c>
      <c r="AN15831">
        <v>12</v>
      </c>
      <c r="AO15831">
        <v>12</v>
      </c>
      <c r="AP15831">
        <v>12</v>
      </c>
      <c r="AQ15831">
        <v>12</v>
      </c>
    </row>
    <row r="15832" spans="1:43">
      <c r="A15832" t="s">
        <v>9834</v>
      </c>
      <c r="B15832" t="s">
        <v>9835</v>
      </c>
      <c r="C15832" t="s">
        <v>9778</v>
      </c>
      <c r="D15832" t="s">
        <v>9779</v>
      </c>
      <c r="E15832" t="s">
        <v>9544</v>
      </c>
      <c r="F15832" t="s">
        <v>9545</v>
      </c>
      <c r="G15832" t="s">
        <v>80</v>
      </c>
      <c r="H15832" t="s">
        <v>81</v>
      </c>
      <c r="I15832" s="2">
        <v>0</v>
      </c>
      <c r="J15832" s="2">
        <v>1</v>
      </c>
      <c r="K15832" s="2">
        <v>0</v>
      </c>
      <c r="L15832" t="s">
        <v>82</v>
      </c>
      <c r="M15832" t="s">
        <v>89</v>
      </c>
      <c r="N15832" t="s">
        <v>90</v>
      </c>
      <c r="O15832" t="s">
        <v>85</v>
      </c>
      <c r="P15832" t="s">
        <v>86</v>
      </c>
      <c r="Q15832">
        <v>13</v>
      </c>
      <c r="R15832">
        <v>13</v>
      </c>
      <c r="S15832">
        <v>13</v>
      </c>
      <c r="T15832">
        <v>13</v>
      </c>
      <c r="U15832">
        <v>14</v>
      </c>
      <c r="V15832">
        <v>14</v>
      </c>
      <c r="W15832">
        <v>14</v>
      </c>
      <c r="X15832">
        <v>14</v>
      </c>
      <c r="Y15832">
        <v>14</v>
      </c>
      <c r="Z15832">
        <v>14</v>
      </c>
      <c r="AA15832">
        <v>14</v>
      </c>
      <c r="AB15832">
        <v>15</v>
      </c>
      <c r="AC15832">
        <v>15</v>
      </c>
      <c r="AD15832">
        <v>15</v>
      </c>
      <c r="AE15832">
        <v>15</v>
      </c>
      <c r="AF15832">
        <v>15</v>
      </c>
      <c r="AG15832">
        <v>15</v>
      </c>
      <c r="AH15832">
        <v>14</v>
      </c>
      <c r="AI15832">
        <v>14</v>
      </c>
      <c r="AJ15832">
        <v>14</v>
      </c>
      <c r="AK15832">
        <v>14</v>
      </c>
      <c r="AL15832">
        <v>14</v>
      </c>
      <c r="AM15832">
        <v>14</v>
      </c>
      <c r="AN15832">
        <v>14</v>
      </c>
      <c r="AO15832">
        <v>14</v>
      </c>
      <c r="AP15832">
        <v>14</v>
      </c>
      <c r="AQ15832">
        <v>14</v>
      </c>
    </row>
    <row r="15833" spans="1:43">
      <c r="A15833" t="s">
        <v>9834</v>
      </c>
      <c r="B15833" t="s">
        <v>9835</v>
      </c>
      <c r="C15833" t="s">
        <v>9778</v>
      </c>
      <c r="D15833" t="s">
        <v>9779</v>
      </c>
      <c r="E15833" t="s">
        <v>9544</v>
      </c>
      <c r="F15833" t="s">
        <v>9545</v>
      </c>
      <c r="G15833" t="s">
        <v>80</v>
      </c>
      <c r="H15833" t="s">
        <v>81</v>
      </c>
      <c r="I15833" s="2">
        <v>0</v>
      </c>
      <c r="J15833" s="2">
        <v>1</v>
      </c>
      <c r="K15833" s="2">
        <v>0</v>
      </c>
      <c r="L15833" t="s">
        <v>82</v>
      </c>
      <c r="M15833" t="s">
        <v>83</v>
      </c>
      <c r="N15833" t="s">
        <v>91</v>
      </c>
      <c r="O15833" t="s">
        <v>85</v>
      </c>
      <c r="P15833" t="s">
        <v>86</v>
      </c>
      <c r="Q15833">
        <v>13</v>
      </c>
      <c r="R15833">
        <v>13</v>
      </c>
      <c r="S15833">
        <v>13</v>
      </c>
      <c r="T15833">
        <v>13</v>
      </c>
      <c r="U15833">
        <v>13</v>
      </c>
      <c r="V15833">
        <v>13</v>
      </c>
      <c r="W15833">
        <v>13</v>
      </c>
      <c r="X15833">
        <v>13</v>
      </c>
      <c r="Y15833">
        <v>13</v>
      </c>
      <c r="Z15833">
        <v>13</v>
      </c>
      <c r="AA15833">
        <v>14</v>
      </c>
      <c r="AB15833">
        <v>14</v>
      </c>
      <c r="AC15833">
        <v>14</v>
      </c>
      <c r="AD15833">
        <v>14</v>
      </c>
      <c r="AE15833">
        <v>14</v>
      </c>
      <c r="AF15833">
        <v>14</v>
      </c>
      <c r="AG15833">
        <v>14</v>
      </c>
      <c r="AH15833">
        <v>14</v>
      </c>
      <c r="AI15833">
        <v>14</v>
      </c>
      <c r="AJ15833">
        <v>14</v>
      </c>
      <c r="AK15833">
        <v>14</v>
      </c>
      <c r="AL15833">
        <v>14</v>
      </c>
      <c r="AM15833">
        <v>14</v>
      </c>
      <c r="AN15833">
        <v>14</v>
      </c>
      <c r="AO15833">
        <v>14</v>
      </c>
      <c r="AP15833">
        <v>14</v>
      </c>
      <c r="AQ15833">
        <v>13</v>
      </c>
    </row>
    <row r="15834" spans="1:43">
      <c r="A15834" t="s">
        <v>9836</v>
      </c>
      <c r="B15834" t="s">
        <v>9837</v>
      </c>
      <c r="C15834" t="s">
        <v>9778</v>
      </c>
      <c r="D15834" t="s">
        <v>9779</v>
      </c>
      <c r="E15834" t="s">
        <v>9544</v>
      </c>
      <c r="F15834" t="s">
        <v>9545</v>
      </c>
      <c r="G15834" t="s">
        <v>80</v>
      </c>
      <c r="H15834" t="s">
        <v>81</v>
      </c>
      <c r="I15834" s="2">
        <v>0</v>
      </c>
      <c r="J15834" s="2">
        <v>1</v>
      </c>
      <c r="K15834" s="2">
        <v>0</v>
      </c>
      <c r="L15834" t="s">
        <v>82</v>
      </c>
      <c r="M15834" t="s">
        <v>83</v>
      </c>
      <c r="N15834" t="s">
        <v>84</v>
      </c>
      <c r="O15834" t="s">
        <v>85</v>
      </c>
      <c r="P15834" t="s">
        <v>86</v>
      </c>
      <c r="Q15834">
        <v>169</v>
      </c>
      <c r="R15834">
        <v>171</v>
      </c>
      <c r="S15834">
        <v>172</v>
      </c>
      <c r="T15834">
        <v>173</v>
      </c>
      <c r="U15834">
        <v>174</v>
      </c>
      <c r="V15834">
        <v>175</v>
      </c>
      <c r="W15834">
        <v>176</v>
      </c>
      <c r="X15834">
        <v>177</v>
      </c>
      <c r="Y15834">
        <v>177</v>
      </c>
      <c r="Z15834">
        <v>178</v>
      </c>
      <c r="AA15834">
        <v>179</v>
      </c>
      <c r="AB15834">
        <v>180</v>
      </c>
      <c r="AC15834">
        <v>181</v>
      </c>
      <c r="AD15834">
        <v>181</v>
      </c>
      <c r="AE15834">
        <v>182</v>
      </c>
      <c r="AF15834">
        <v>182</v>
      </c>
      <c r="AG15834">
        <v>183</v>
      </c>
      <c r="AH15834">
        <v>183</v>
      </c>
      <c r="AI15834">
        <v>184</v>
      </c>
      <c r="AJ15834">
        <v>184</v>
      </c>
      <c r="AK15834">
        <v>185</v>
      </c>
      <c r="AL15834">
        <v>184</v>
      </c>
      <c r="AM15834">
        <v>183</v>
      </c>
      <c r="AN15834">
        <v>182</v>
      </c>
      <c r="AO15834">
        <v>181</v>
      </c>
      <c r="AP15834">
        <v>179</v>
      </c>
      <c r="AQ15834">
        <v>178</v>
      </c>
    </row>
    <row r="15835" spans="1:43">
      <c r="A15835" t="s">
        <v>9836</v>
      </c>
      <c r="B15835" t="s">
        <v>9837</v>
      </c>
      <c r="C15835" t="s">
        <v>9778</v>
      </c>
      <c r="D15835" t="s">
        <v>9779</v>
      </c>
      <c r="E15835" t="s">
        <v>9544</v>
      </c>
      <c r="F15835" t="s">
        <v>9545</v>
      </c>
      <c r="G15835" t="s">
        <v>80</v>
      </c>
      <c r="H15835" t="s">
        <v>81</v>
      </c>
      <c r="I15835" s="2">
        <v>0</v>
      </c>
      <c r="J15835" s="2">
        <v>1</v>
      </c>
      <c r="K15835" s="2">
        <v>0</v>
      </c>
      <c r="L15835" t="s">
        <v>82</v>
      </c>
      <c r="M15835" t="s">
        <v>87</v>
      </c>
      <c r="N15835" t="s">
        <v>88</v>
      </c>
      <c r="O15835" t="s">
        <v>85</v>
      </c>
      <c r="P15835" t="s">
        <v>86</v>
      </c>
      <c r="Q15835">
        <v>169</v>
      </c>
      <c r="R15835">
        <v>168</v>
      </c>
      <c r="S15835">
        <v>168</v>
      </c>
      <c r="T15835">
        <v>167</v>
      </c>
      <c r="U15835">
        <v>167</v>
      </c>
      <c r="V15835">
        <v>167</v>
      </c>
      <c r="W15835">
        <v>166</v>
      </c>
      <c r="X15835">
        <v>166</v>
      </c>
      <c r="Y15835">
        <v>165</v>
      </c>
      <c r="Z15835">
        <v>164</v>
      </c>
      <c r="AA15835">
        <v>164</v>
      </c>
      <c r="AB15835">
        <v>163</v>
      </c>
      <c r="AC15835">
        <v>163</v>
      </c>
      <c r="AD15835">
        <v>162</v>
      </c>
      <c r="AE15835">
        <v>162</v>
      </c>
      <c r="AF15835">
        <v>161</v>
      </c>
      <c r="AG15835">
        <v>161</v>
      </c>
      <c r="AH15835">
        <v>160</v>
      </c>
      <c r="AI15835">
        <v>159</v>
      </c>
      <c r="AJ15835">
        <v>159</v>
      </c>
      <c r="AK15835">
        <v>158</v>
      </c>
      <c r="AL15835">
        <v>158</v>
      </c>
      <c r="AM15835">
        <v>157</v>
      </c>
      <c r="AN15835">
        <v>156</v>
      </c>
      <c r="AO15835">
        <v>156</v>
      </c>
      <c r="AP15835">
        <v>155</v>
      </c>
      <c r="AQ15835">
        <v>155</v>
      </c>
    </row>
    <row r="15836" spans="1:43">
      <c r="A15836" t="s">
        <v>9836</v>
      </c>
      <c r="B15836" t="s">
        <v>9837</v>
      </c>
      <c r="C15836" t="s">
        <v>9778</v>
      </c>
      <c r="D15836" t="s">
        <v>9779</v>
      </c>
      <c r="E15836" t="s">
        <v>9544</v>
      </c>
      <c r="F15836" t="s">
        <v>9545</v>
      </c>
      <c r="G15836" t="s">
        <v>80</v>
      </c>
      <c r="H15836" t="s">
        <v>81</v>
      </c>
      <c r="I15836" s="2">
        <v>0</v>
      </c>
      <c r="J15836" s="2">
        <v>1</v>
      </c>
      <c r="K15836" s="2">
        <v>0</v>
      </c>
      <c r="L15836" t="s">
        <v>82</v>
      </c>
      <c r="M15836" t="s">
        <v>89</v>
      </c>
      <c r="N15836" t="s">
        <v>90</v>
      </c>
      <c r="O15836" t="s">
        <v>85</v>
      </c>
      <c r="P15836" t="s">
        <v>86</v>
      </c>
      <c r="Q15836">
        <v>169</v>
      </c>
      <c r="R15836">
        <v>172</v>
      </c>
      <c r="S15836">
        <v>174</v>
      </c>
      <c r="T15836">
        <v>176</v>
      </c>
      <c r="U15836">
        <v>179</v>
      </c>
      <c r="V15836">
        <v>181</v>
      </c>
      <c r="W15836">
        <v>183</v>
      </c>
      <c r="X15836">
        <v>184</v>
      </c>
      <c r="Y15836">
        <v>186</v>
      </c>
      <c r="Z15836">
        <v>188</v>
      </c>
      <c r="AA15836">
        <v>189</v>
      </c>
      <c r="AB15836">
        <v>190</v>
      </c>
      <c r="AC15836">
        <v>192</v>
      </c>
      <c r="AD15836">
        <v>193</v>
      </c>
      <c r="AE15836">
        <v>193</v>
      </c>
      <c r="AF15836">
        <v>192</v>
      </c>
      <c r="AG15836">
        <v>191</v>
      </c>
      <c r="AH15836">
        <v>189</v>
      </c>
      <c r="AI15836">
        <v>188</v>
      </c>
      <c r="AJ15836">
        <v>187</v>
      </c>
      <c r="AK15836">
        <v>186</v>
      </c>
      <c r="AL15836">
        <v>184</v>
      </c>
      <c r="AM15836">
        <v>183</v>
      </c>
      <c r="AN15836">
        <v>182</v>
      </c>
      <c r="AO15836">
        <v>181</v>
      </c>
      <c r="AP15836">
        <v>179</v>
      </c>
      <c r="AQ15836">
        <v>178</v>
      </c>
    </row>
    <row r="15837" spans="1:43">
      <c r="A15837" t="s">
        <v>9836</v>
      </c>
      <c r="B15837" t="s">
        <v>9837</v>
      </c>
      <c r="C15837" t="s">
        <v>9778</v>
      </c>
      <c r="D15837" t="s">
        <v>9779</v>
      </c>
      <c r="E15837" t="s">
        <v>9544</v>
      </c>
      <c r="F15837" t="s">
        <v>9545</v>
      </c>
      <c r="G15837" t="s">
        <v>80</v>
      </c>
      <c r="H15837" t="s">
        <v>81</v>
      </c>
      <c r="I15837" s="2">
        <v>0</v>
      </c>
      <c r="J15837" s="2">
        <v>1</v>
      </c>
      <c r="K15837" s="2">
        <v>0</v>
      </c>
      <c r="L15837" t="s">
        <v>82</v>
      </c>
      <c r="M15837" t="s">
        <v>83</v>
      </c>
      <c r="N15837" t="s">
        <v>91</v>
      </c>
      <c r="O15837" t="s">
        <v>85</v>
      </c>
      <c r="P15837" t="s">
        <v>86</v>
      </c>
      <c r="Q15837">
        <v>169</v>
      </c>
      <c r="R15837">
        <v>171</v>
      </c>
      <c r="S15837">
        <v>172</v>
      </c>
      <c r="T15837">
        <v>173</v>
      </c>
      <c r="U15837">
        <v>174</v>
      </c>
      <c r="V15837">
        <v>175</v>
      </c>
      <c r="W15837">
        <v>176</v>
      </c>
      <c r="X15837">
        <v>177</v>
      </c>
      <c r="Y15837">
        <v>177</v>
      </c>
      <c r="Z15837">
        <v>178</v>
      </c>
      <c r="AA15837">
        <v>179</v>
      </c>
      <c r="AB15837">
        <v>180</v>
      </c>
      <c r="AC15837">
        <v>181</v>
      </c>
      <c r="AD15837">
        <v>181</v>
      </c>
      <c r="AE15837">
        <v>182</v>
      </c>
      <c r="AF15837">
        <v>182</v>
      </c>
      <c r="AG15837">
        <v>183</v>
      </c>
      <c r="AH15837">
        <v>183</v>
      </c>
      <c r="AI15837">
        <v>184</v>
      </c>
      <c r="AJ15837">
        <v>184</v>
      </c>
      <c r="AK15837">
        <v>185</v>
      </c>
      <c r="AL15837">
        <v>184</v>
      </c>
      <c r="AM15837">
        <v>183</v>
      </c>
      <c r="AN15837">
        <v>182</v>
      </c>
      <c r="AO15837">
        <v>181</v>
      </c>
      <c r="AP15837">
        <v>179</v>
      </c>
      <c r="AQ15837">
        <v>178</v>
      </c>
    </row>
    <row r="15838" spans="1:43">
      <c r="A15838" t="s">
        <v>9838</v>
      </c>
      <c r="B15838" t="s">
        <v>9839</v>
      </c>
      <c r="C15838" t="s">
        <v>9778</v>
      </c>
      <c r="D15838" t="s">
        <v>9779</v>
      </c>
      <c r="E15838" t="s">
        <v>9544</v>
      </c>
      <c r="F15838" t="s">
        <v>9545</v>
      </c>
      <c r="G15838" t="s">
        <v>80</v>
      </c>
      <c r="H15838" t="s">
        <v>81</v>
      </c>
      <c r="I15838" s="2">
        <v>0</v>
      </c>
      <c r="J15838" s="2">
        <v>1</v>
      </c>
      <c r="K15838" s="2">
        <v>0</v>
      </c>
      <c r="L15838" t="s">
        <v>82</v>
      </c>
      <c r="M15838" t="s">
        <v>83</v>
      </c>
      <c r="N15838" t="s">
        <v>84</v>
      </c>
      <c r="O15838" t="s">
        <v>85</v>
      </c>
      <c r="P15838" t="s">
        <v>86</v>
      </c>
      <c r="Q15838">
        <v>25</v>
      </c>
      <c r="R15838">
        <v>25</v>
      </c>
      <c r="S15838">
        <v>25</v>
      </c>
      <c r="T15838">
        <v>25</v>
      </c>
      <c r="U15838">
        <v>25</v>
      </c>
      <c r="V15838">
        <v>25</v>
      </c>
      <c r="W15838">
        <v>26</v>
      </c>
      <c r="X15838">
        <v>26</v>
      </c>
      <c r="Y15838">
        <v>26</v>
      </c>
      <c r="Z15838">
        <v>26</v>
      </c>
      <c r="AA15838">
        <v>26</v>
      </c>
      <c r="AB15838">
        <v>26</v>
      </c>
      <c r="AC15838">
        <v>26</v>
      </c>
      <c r="AD15838">
        <v>26</v>
      </c>
      <c r="AE15838">
        <v>27</v>
      </c>
      <c r="AF15838">
        <v>27</v>
      </c>
      <c r="AG15838">
        <v>27</v>
      </c>
      <c r="AH15838">
        <v>27</v>
      </c>
      <c r="AI15838">
        <v>27</v>
      </c>
      <c r="AJ15838">
        <v>27</v>
      </c>
      <c r="AK15838">
        <v>27</v>
      </c>
      <c r="AL15838">
        <v>27</v>
      </c>
      <c r="AM15838">
        <v>27</v>
      </c>
      <c r="AN15838">
        <v>27</v>
      </c>
      <c r="AO15838">
        <v>26</v>
      </c>
      <c r="AP15838">
        <v>26</v>
      </c>
      <c r="AQ15838">
        <v>26</v>
      </c>
    </row>
    <row r="15839" spans="1:43">
      <c r="A15839" t="s">
        <v>9838</v>
      </c>
      <c r="B15839" t="s">
        <v>9839</v>
      </c>
      <c r="C15839" t="s">
        <v>9778</v>
      </c>
      <c r="D15839" t="s">
        <v>9779</v>
      </c>
      <c r="E15839" t="s">
        <v>9544</v>
      </c>
      <c r="F15839" t="s">
        <v>9545</v>
      </c>
      <c r="G15839" t="s">
        <v>80</v>
      </c>
      <c r="H15839" t="s">
        <v>81</v>
      </c>
      <c r="I15839" s="2">
        <v>0</v>
      </c>
      <c r="J15839" s="2">
        <v>1</v>
      </c>
      <c r="K15839" s="2">
        <v>0</v>
      </c>
      <c r="L15839" t="s">
        <v>82</v>
      </c>
      <c r="M15839" t="s">
        <v>87</v>
      </c>
      <c r="N15839" t="s">
        <v>88</v>
      </c>
      <c r="O15839" t="s">
        <v>85</v>
      </c>
      <c r="P15839" t="s">
        <v>86</v>
      </c>
      <c r="Q15839">
        <v>25</v>
      </c>
      <c r="R15839">
        <v>25</v>
      </c>
      <c r="S15839">
        <v>25</v>
      </c>
      <c r="T15839">
        <v>25</v>
      </c>
      <c r="U15839">
        <v>25</v>
      </c>
      <c r="V15839">
        <v>25</v>
      </c>
      <c r="W15839">
        <v>25</v>
      </c>
      <c r="X15839">
        <v>25</v>
      </c>
      <c r="Y15839">
        <v>25</v>
      </c>
      <c r="Z15839">
        <v>25</v>
      </c>
      <c r="AA15839">
        <v>25</v>
      </c>
      <c r="AB15839">
        <v>25</v>
      </c>
      <c r="AC15839">
        <v>25</v>
      </c>
      <c r="AD15839">
        <v>25</v>
      </c>
      <c r="AE15839">
        <v>24</v>
      </c>
      <c r="AF15839">
        <v>24</v>
      </c>
      <c r="AG15839">
        <v>24</v>
      </c>
      <c r="AH15839">
        <v>24</v>
      </c>
      <c r="AI15839">
        <v>24</v>
      </c>
      <c r="AJ15839">
        <v>24</v>
      </c>
      <c r="AK15839">
        <v>24</v>
      </c>
      <c r="AL15839">
        <v>24</v>
      </c>
      <c r="AM15839">
        <v>24</v>
      </c>
      <c r="AN15839">
        <v>24</v>
      </c>
      <c r="AO15839">
        <v>24</v>
      </c>
      <c r="AP15839">
        <v>24</v>
      </c>
      <c r="AQ15839">
        <v>23</v>
      </c>
    </row>
    <row r="15840" spans="1:43">
      <c r="A15840" t="s">
        <v>9838</v>
      </c>
      <c r="B15840" t="s">
        <v>9839</v>
      </c>
      <c r="C15840" t="s">
        <v>9778</v>
      </c>
      <c r="D15840" t="s">
        <v>9779</v>
      </c>
      <c r="E15840" t="s">
        <v>9544</v>
      </c>
      <c r="F15840" t="s">
        <v>9545</v>
      </c>
      <c r="G15840" t="s">
        <v>80</v>
      </c>
      <c r="H15840" t="s">
        <v>81</v>
      </c>
      <c r="I15840" s="2">
        <v>0</v>
      </c>
      <c r="J15840" s="2">
        <v>1</v>
      </c>
      <c r="K15840" s="2">
        <v>0</v>
      </c>
      <c r="L15840" t="s">
        <v>82</v>
      </c>
      <c r="M15840" t="s">
        <v>89</v>
      </c>
      <c r="N15840" t="s">
        <v>90</v>
      </c>
      <c r="O15840" t="s">
        <v>85</v>
      </c>
      <c r="P15840" t="s">
        <v>86</v>
      </c>
      <c r="Q15840">
        <v>25</v>
      </c>
      <c r="R15840">
        <v>25</v>
      </c>
      <c r="S15840">
        <v>26</v>
      </c>
      <c r="T15840">
        <v>26</v>
      </c>
      <c r="U15840">
        <v>26</v>
      </c>
      <c r="V15840">
        <v>27</v>
      </c>
      <c r="W15840">
        <v>27</v>
      </c>
      <c r="X15840">
        <v>27</v>
      </c>
      <c r="Y15840">
        <v>27</v>
      </c>
      <c r="Z15840">
        <v>28</v>
      </c>
      <c r="AA15840">
        <v>28</v>
      </c>
      <c r="AB15840">
        <v>28</v>
      </c>
      <c r="AC15840">
        <v>28</v>
      </c>
      <c r="AD15840">
        <v>28</v>
      </c>
      <c r="AE15840">
        <v>29</v>
      </c>
      <c r="AF15840">
        <v>28</v>
      </c>
      <c r="AG15840">
        <v>28</v>
      </c>
      <c r="AH15840">
        <v>28</v>
      </c>
      <c r="AI15840">
        <v>28</v>
      </c>
      <c r="AJ15840">
        <v>28</v>
      </c>
      <c r="AK15840">
        <v>27</v>
      </c>
      <c r="AL15840">
        <v>27</v>
      </c>
      <c r="AM15840">
        <v>27</v>
      </c>
      <c r="AN15840">
        <v>27</v>
      </c>
      <c r="AO15840">
        <v>27</v>
      </c>
      <c r="AP15840">
        <v>26</v>
      </c>
      <c r="AQ15840">
        <v>26</v>
      </c>
    </row>
    <row r="15841" spans="1:43">
      <c r="A15841" t="s">
        <v>9838</v>
      </c>
      <c r="B15841" t="s">
        <v>9839</v>
      </c>
      <c r="C15841" t="s">
        <v>9778</v>
      </c>
      <c r="D15841" t="s">
        <v>9779</v>
      </c>
      <c r="E15841" t="s">
        <v>9544</v>
      </c>
      <c r="F15841" t="s">
        <v>9545</v>
      </c>
      <c r="G15841" t="s">
        <v>80</v>
      </c>
      <c r="H15841" t="s">
        <v>81</v>
      </c>
      <c r="I15841" s="2">
        <v>0</v>
      </c>
      <c r="J15841" s="2">
        <v>1</v>
      </c>
      <c r="K15841" s="2">
        <v>0</v>
      </c>
      <c r="L15841" t="s">
        <v>82</v>
      </c>
      <c r="M15841" t="s">
        <v>83</v>
      </c>
      <c r="N15841" t="s">
        <v>91</v>
      </c>
      <c r="O15841" t="s">
        <v>85</v>
      </c>
      <c r="P15841" t="s">
        <v>86</v>
      </c>
      <c r="Q15841">
        <v>25</v>
      </c>
      <c r="R15841">
        <v>25</v>
      </c>
      <c r="S15841">
        <v>25</v>
      </c>
      <c r="T15841">
        <v>25</v>
      </c>
      <c r="U15841">
        <v>25</v>
      </c>
      <c r="V15841">
        <v>25</v>
      </c>
      <c r="W15841">
        <v>26</v>
      </c>
      <c r="X15841">
        <v>26</v>
      </c>
      <c r="Y15841">
        <v>26</v>
      </c>
      <c r="Z15841">
        <v>26</v>
      </c>
      <c r="AA15841">
        <v>26</v>
      </c>
      <c r="AB15841">
        <v>26</v>
      </c>
      <c r="AC15841">
        <v>26</v>
      </c>
      <c r="AD15841">
        <v>26</v>
      </c>
      <c r="AE15841">
        <v>27</v>
      </c>
      <c r="AF15841">
        <v>27</v>
      </c>
      <c r="AG15841">
        <v>27</v>
      </c>
      <c r="AH15841">
        <v>27</v>
      </c>
      <c r="AI15841">
        <v>27</v>
      </c>
      <c r="AJ15841">
        <v>27</v>
      </c>
      <c r="AK15841">
        <v>27</v>
      </c>
      <c r="AL15841">
        <v>27</v>
      </c>
      <c r="AM15841">
        <v>27</v>
      </c>
      <c r="AN15841">
        <v>27</v>
      </c>
      <c r="AO15841">
        <v>26</v>
      </c>
      <c r="AP15841">
        <v>26</v>
      </c>
      <c r="AQ15841">
        <v>26</v>
      </c>
    </row>
    <row r="15842" spans="1:43">
      <c r="A15842" t="s">
        <v>9840</v>
      </c>
      <c r="B15842" t="s">
        <v>9841</v>
      </c>
      <c r="C15842" t="s">
        <v>9842</v>
      </c>
      <c r="D15842" t="s">
        <v>9843</v>
      </c>
      <c r="E15842" t="s">
        <v>9544</v>
      </c>
      <c r="F15842" t="s">
        <v>9545</v>
      </c>
      <c r="G15842" t="s">
        <v>80</v>
      </c>
      <c r="H15842" t="s">
        <v>81</v>
      </c>
      <c r="I15842" s="2">
        <v>0</v>
      </c>
      <c r="J15842" s="2">
        <v>1</v>
      </c>
      <c r="K15842" s="2">
        <v>0</v>
      </c>
      <c r="L15842" t="s">
        <v>82</v>
      </c>
      <c r="M15842" t="s">
        <v>83</v>
      </c>
      <c r="N15842" t="s">
        <v>84</v>
      </c>
      <c r="O15842" t="s">
        <v>85</v>
      </c>
      <c r="P15842" t="s">
        <v>86</v>
      </c>
      <c r="Q15842">
        <v>126</v>
      </c>
      <c r="R15842">
        <v>127</v>
      </c>
      <c r="S15842">
        <v>128</v>
      </c>
      <c r="T15842">
        <v>129</v>
      </c>
      <c r="U15842">
        <v>129</v>
      </c>
      <c r="V15842">
        <v>130</v>
      </c>
      <c r="W15842">
        <v>131</v>
      </c>
      <c r="X15842">
        <v>132</v>
      </c>
      <c r="Y15842">
        <v>133</v>
      </c>
      <c r="Z15842">
        <v>133</v>
      </c>
      <c r="AA15842">
        <v>134</v>
      </c>
      <c r="AB15842">
        <v>135</v>
      </c>
      <c r="AC15842">
        <v>135</v>
      </c>
      <c r="AD15842">
        <v>136</v>
      </c>
      <c r="AE15842">
        <v>137</v>
      </c>
      <c r="AF15842">
        <v>137</v>
      </c>
      <c r="AG15842">
        <v>138</v>
      </c>
      <c r="AH15842">
        <v>138</v>
      </c>
      <c r="AI15842">
        <v>139</v>
      </c>
      <c r="AJ15842">
        <v>139</v>
      </c>
      <c r="AK15842">
        <v>140</v>
      </c>
      <c r="AL15842">
        <v>139</v>
      </c>
      <c r="AM15842">
        <v>138</v>
      </c>
      <c r="AN15842">
        <v>138</v>
      </c>
      <c r="AO15842">
        <v>137</v>
      </c>
      <c r="AP15842">
        <v>136</v>
      </c>
      <c r="AQ15842">
        <v>136</v>
      </c>
    </row>
    <row r="15843" spans="1:43">
      <c r="A15843" t="s">
        <v>9840</v>
      </c>
      <c r="B15843" t="s">
        <v>9841</v>
      </c>
      <c r="C15843" t="s">
        <v>9842</v>
      </c>
      <c r="D15843" t="s">
        <v>9843</v>
      </c>
      <c r="E15843" t="s">
        <v>9544</v>
      </c>
      <c r="F15843" t="s">
        <v>9545</v>
      </c>
      <c r="G15843" t="s">
        <v>80</v>
      </c>
      <c r="H15843" t="s">
        <v>81</v>
      </c>
      <c r="I15843" s="2">
        <v>0</v>
      </c>
      <c r="J15843" s="2">
        <v>1</v>
      </c>
      <c r="K15843" s="2">
        <v>0</v>
      </c>
      <c r="L15843" t="s">
        <v>82</v>
      </c>
      <c r="M15843" t="s">
        <v>87</v>
      </c>
      <c r="N15843" t="s">
        <v>88</v>
      </c>
      <c r="O15843" t="s">
        <v>85</v>
      </c>
      <c r="P15843" t="s">
        <v>86</v>
      </c>
      <c r="Q15843">
        <v>126</v>
      </c>
      <c r="R15843">
        <v>125</v>
      </c>
      <c r="S15843">
        <v>125</v>
      </c>
      <c r="T15843">
        <v>125</v>
      </c>
      <c r="U15843">
        <v>125</v>
      </c>
      <c r="V15843">
        <v>124</v>
      </c>
      <c r="W15843">
        <v>124</v>
      </c>
      <c r="X15843">
        <v>124</v>
      </c>
      <c r="Y15843">
        <v>124</v>
      </c>
      <c r="Z15843">
        <v>123</v>
      </c>
      <c r="AA15843">
        <v>123</v>
      </c>
      <c r="AB15843">
        <v>123</v>
      </c>
      <c r="AC15843">
        <v>122</v>
      </c>
      <c r="AD15843">
        <v>122</v>
      </c>
      <c r="AE15843">
        <v>122</v>
      </c>
      <c r="AF15843">
        <v>122</v>
      </c>
      <c r="AG15843">
        <v>121</v>
      </c>
      <c r="AH15843">
        <v>121</v>
      </c>
      <c r="AI15843">
        <v>121</v>
      </c>
      <c r="AJ15843">
        <v>120</v>
      </c>
      <c r="AK15843">
        <v>120</v>
      </c>
      <c r="AL15843">
        <v>120</v>
      </c>
      <c r="AM15843">
        <v>119</v>
      </c>
      <c r="AN15843">
        <v>119</v>
      </c>
      <c r="AO15843">
        <v>119</v>
      </c>
      <c r="AP15843">
        <v>118</v>
      </c>
      <c r="AQ15843">
        <v>118</v>
      </c>
    </row>
    <row r="15844" spans="1:43">
      <c r="A15844" t="s">
        <v>9840</v>
      </c>
      <c r="B15844" t="s">
        <v>9841</v>
      </c>
      <c r="C15844" t="s">
        <v>9842</v>
      </c>
      <c r="D15844" t="s">
        <v>9843</v>
      </c>
      <c r="E15844" t="s">
        <v>9544</v>
      </c>
      <c r="F15844" t="s">
        <v>9545</v>
      </c>
      <c r="G15844" t="s">
        <v>80</v>
      </c>
      <c r="H15844" t="s">
        <v>81</v>
      </c>
      <c r="I15844" s="2">
        <v>0</v>
      </c>
      <c r="J15844" s="2">
        <v>1</v>
      </c>
      <c r="K15844" s="2">
        <v>0</v>
      </c>
      <c r="L15844" t="s">
        <v>82</v>
      </c>
      <c r="M15844" t="s">
        <v>89</v>
      </c>
      <c r="N15844" t="s">
        <v>90</v>
      </c>
      <c r="O15844" t="s">
        <v>85</v>
      </c>
      <c r="P15844" t="s">
        <v>86</v>
      </c>
      <c r="Q15844">
        <v>126</v>
      </c>
      <c r="R15844">
        <v>128</v>
      </c>
      <c r="S15844">
        <v>130</v>
      </c>
      <c r="T15844">
        <v>132</v>
      </c>
      <c r="U15844">
        <v>134</v>
      </c>
      <c r="V15844">
        <v>135</v>
      </c>
      <c r="W15844">
        <v>137</v>
      </c>
      <c r="X15844">
        <v>138</v>
      </c>
      <c r="Y15844">
        <v>140</v>
      </c>
      <c r="Z15844">
        <v>141</v>
      </c>
      <c r="AA15844">
        <v>142</v>
      </c>
      <c r="AB15844">
        <v>143</v>
      </c>
      <c r="AC15844">
        <v>144</v>
      </c>
      <c r="AD15844">
        <v>145</v>
      </c>
      <c r="AE15844">
        <v>145</v>
      </c>
      <c r="AF15844">
        <v>145</v>
      </c>
      <c r="AG15844">
        <v>144</v>
      </c>
      <c r="AH15844">
        <v>143</v>
      </c>
      <c r="AI15844">
        <v>142</v>
      </c>
      <c r="AJ15844">
        <v>142</v>
      </c>
      <c r="AK15844">
        <v>141</v>
      </c>
      <c r="AL15844">
        <v>140</v>
      </c>
      <c r="AM15844">
        <v>139</v>
      </c>
      <c r="AN15844">
        <v>139</v>
      </c>
      <c r="AO15844">
        <v>138</v>
      </c>
      <c r="AP15844">
        <v>137</v>
      </c>
      <c r="AQ15844">
        <v>136</v>
      </c>
    </row>
    <row r="15845" spans="1:43">
      <c r="A15845" t="s">
        <v>9840</v>
      </c>
      <c r="B15845" t="s">
        <v>9841</v>
      </c>
      <c r="C15845" t="s">
        <v>9842</v>
      </c>
      <c r="D15845" t="s">
        <v>9843</v>
      </c>
      <c r="E15845" t="s">
        <v>9544</v>
      </c>
      <c r="F15845" t="s">
        <v>9545</v>
      </c>
      <c r="G15845" t="s">
        <v>80</v>
      </c>
      <c r="H15845" t="s">
        <v>81</v>
      </c>
      <c r="I15845" s="2">
        <v>0</v>
      </c>
      <c r="J15845" s="2">
        <v>1</v>
      </c>
      <c r="K15845" s="2">
        <v>0</v>
      </c>
      <c r="L15845" t="s">
        <v>82</v>
      </c>
      <c r="M15845" t="s">
        <v>83</v>
      </c>
      <c r="N15845" t="s">
        <v>91</v>
      </c>
      <c r="O15845" t="s">
        <v>85</v>
      </c>
      <c r="P15845" t="s">
        <v>86</v>
      </c>
      <c r="Q15845">
        <v>126</v>
      </c>
      <c r="R15845">
        <v>127</v>
      </c>
      <c r="S15845">
        <v>128</v>
      </c>
      <c r="T15845">
        <v>129</v>
      </c>
      <c r="U15845">
        <v>129</v>
      </c>
      <c r="V15845">
        <v>130</v>
      </c>
      <c r="W15845">
        <v>131</v>
      </c>
      <c r="X15845">
        <v>132</v>
      </c>
      <c r="Y15845">
        <v>133</v>
      </c>
      <c r="Z15845">
        <v>133</v>
      </c>
      <c r="AA15845">
        <v>134</v>
      </c>
      <c r="AB15845">
        <v>135</v>
      </c>
      <c r="AC15845">
        <v>135</v>
      </c>
      <c r="AD15845">
        <v>136</v>
      </c>
      <c r="AE15845">
        <v>137</v>
      </c>
      <c r="AF15845">
        <v>137</v>
      </c>
      <c r="AG15845">
        <v>138</v>
      </c>
      <c r="AH15845">
        <v>138</v>
      </c>
      <c r="AI15845">
        <v>139</v>
      </c>
      <c r="AJ15845">
        <v>139</v>
      </c>
      <c r="AK15845">
        <v>140</v>
      </c>
      <c r="AL15845">
        <v>139</v>
      </c>
      <c r="AM15845">
        <v>138</v>
      </c>
      <c r="AN15845">
        <v>138</v>
      </c>
      <c r="AO15845">
        <v>137</v>
      </c>
      <c r="AP15845">
        <v>136</v>
      </c>
      <c r="AQ15845">
        <v>136</v>
      </c>
    </row>
    <row r="15846" spans="1:43">
      <c r="A15846" t="s">
        <v>9844</v>
      </c>
      <c r="B15846" t="s">
        <v>9845</v>
      </c>
      <c r="C15846" t="s">
        <v>9616</v>
      </c>
      <c r="D15846" t="s">
        <v>9617</v>
      </c>
      <c r="E15846" t="s">
        <v>9544</v>
      </c>
      <c r="F15846" t="s">
        <v>9545</v>
      </c>
      <c r="G15846" t="s">
        <v>80</v>
      </c>
      <c r="H15846" t="s">
        <v>81</v>
      </c>
      <c r="I15846" s="2">
        <v>0</v>
      </c>
      <c r="J15846" s="2">
        <v>1</v>
      </c>
      <c r="K15846" s="2">
        <v>0</v>
      </c>
      <c r="L15846" t="s">
        <v>82</v>
      </c>
      <c r="M15846" t="s">
        <v>83</v>
      </c>
      <c r="N15846" t="s">
        <v>84</v>
      </c>
      <c r="O15846" t="s">
        <v>85</v>
      </c>
      <c r="P15846" t="s">
        <v>86</v>
      </c>
      <c r="Q15846">
        <v>15</v>
      </c>
      <c r="R15846">
        <v>15</v>
      </c>
      <c r="S15846">
        <v>15</v>
      </c>
      <c r="T15846">
        <v>15</v>
      </c>
      <c r="U15846">
        <v>15</v>
      </c>
      <c r="V15846">
        <v>15</v>
      </c>
      <c r="W15846">
        <v>15</v>
      </c>
      <c r="X15846">
        <v>16</v>
      </c>
      <c r="Y15846">
        <v>16</v>
      </c>
      <c r="Z15846">
        <v>16</v>
      </c>
      <c r="AA15846">
        <v>16</v>
      </c>
      <c r="AB15846">
        <v>16</v>
      </c>
      <c r="AC15846">
        <v>16</v>
      </c>
      <c r="AD15846">
        <v>16</v>
      </c>
      <c r="AE15846">
        <v>16</v>
      </c>
      <c r="AF15846">
        <v>16</v>
      </c>
      <c r="AG15846">
        <v>16</v>
      </c>
      <c r="AH15846">
        <v>16</v>
      </c>
      <c r="AI15846">
        <v>16</v>
      </c>
      <c r="AJ15846">
        <v>16</v>
      </c>
      <c r="AK15846">
        <v>16</v>
      </c>
      <c r="AL15846">
        <v>16</v>
      </c>
      <c r="AM15846">
        <v>16</v>
      </c>
      <c r="AN15846">
        <v>16</v>
      </c>
      <c r="AO15846">
        <v>16</v>
      </c>
      <c r="AP15846">
        <v>16</v>
      </c>
      <c r="AQ15846">
        <v>16</v>
      </c>
    </row>
    <row r="15847" spans="1:43">
      <c r="A15847" t="s">
        <v>9844</v>
      </c>
      <c r="B15847" t="s">
        <v>9845</v>
      </c>
      <c r="C15847" t="s">
        <v>9616</v>
      </c>
      <c r="D15847" t="s">
        <v>9617</v>
      </c>
      <c r="E15847" t="s">
        <v>9544</v>
      </c>
      <c r="F15847" t="s">
        <v>9545</v>
      </c>
      <c r="G15847" t="s">
        <v>80</v>
      </c>
      <c r="H15847" t="s">
        <v>81</v>
      </c>
      <c r="I15847" s="2">
        <v>0</v>
      </c>
      <c r="J15847" s="2">
        <v>1</v>
      </c>
      <c r="K15847" s="2">
        <v>0</v>
      </c>
      <c r="L15847" t="s">
        <v>82</v>
      </c>
      <c r="M15847" t="s">
        <v>87</v>
      </c>
      <c r="N15847" t="s">
        <v>88</v>
      </c>
      <c r="O15847" t="s">
        <v>85</v>
      </c>
      <c r="P15847" t="s">
        <v>86</v>
      </c>
      <c r="Q15847">
        <v>15</v>
      </c>
      <c r="R15847">
        <v>15</v>
      </c>
      <c r="S15847">
        <v>15</v>
      </c>
      <c r="T15847">
        <v>15</v>
      </c>
      <c r="U15847">
        <v>15</v>
      </c>
      <c r="V15847">
        <v>15</v>
      </c>
      <c r="W15847">
        <v>15</v>
      </c>
      <c r="X15847">
        <v>15</v>
      </c>
      <c r="Y15847">
        <v>14</v>
      </c>
      <c r="Z15847">
        <v>14</v>
      </c>
      <c r="AA15847">
        <v>14</v>
      </c>
      <c r="AB15847">
        <v>14</v>
      </c>
      <c r="AC15847">
        <v>14</v>
      </c>
      <c r="AD15847">
        <v>14</v>
      </c>
      <c r="AE15847">
        <v>14</v>
      </c>
      <c r="AF15847">
        <v>14</v>
      </c>
      <c r="AG15847">
        <v>14</v>
      </c>
      <c r="AH15847">
        <v>14</v>
      </c>
      <c r="AI15847">
        <v>14</v>
      </c>
      <c r="AJ15847">
        <v>14</v>
      </c>
      <c r="AK15847">
        <v>14</v>
      </c>
      <c r="AL15847">
        <v>14</v>
      </c>
      <c r="AM15847">
        <v>14</v>
      </c>
      <c r="AN15847">
        <v>14</v>
      </c>
      <c r="AO15847">
        <v>14</v>
      </c>
      <c r="AP15847">
        <v>14</v>
      </c>
      <c r="AQ15847">
        <v>14</v>
      </c>
    </row>
    <row r="15848" spans="1:43">
      <c r="A15848" t="s">
        <v>9844</v>
      </c>
      <c r="B15848" t="s">
        <v>9845</v>
      </c>
      <c r="C15848" t="s">
        <v>9616</v>
      </c>
      <c r="D15848" t="s">
        <v>9617</v>
      </c>
      <c r="E15848" t="s">
        <v>9544</v>
      </c>
      <c r="F15848" t="s">
        <v>9545</v>
      </c>
      <c r="G15848" t="s">
        <v>80</v>
      </c>
      <c r="H15848" t="s">
        <v>81</v>
      </c>
      <c r="I15848" s="2">
        <v>0</v>
      </c>
      <c r="J15848" s="2">
        <v>1</v>
      </c>
      <c r="K15848" s="2">
        <v>0</v>
      </c>
      <c r="L15848" t="s">
        <v>82</v>
      </c>
      <c r="M15848" t="s">
        <v>89</v>
      </c>
      <c r="N15848" t="s">
        <v>90</v>
      </c>
      <c r="O15848" t="s">
        <v>85</v>
      </c>
      <c r="P15848" t="s">
        <v>86</v>
      </c>
      <c r="Q15848">
        <v>15</v>
      </c>
      <c r="R15848">
        <v>15</v>
      </c>
      <c r="S15848">
        <v>16</v>
      </c>
      <c r="T15848">
        <v>16</v>
      </c>
      <c r="U15848">
        <v>16</v>
      </c>
      <c r="V15848">
        <v>16</v>
      </c>
      <c r="W15848">
        <v>16</v>
      </c>
      <c r="X15848">
        <v>16</v>
      </c>
      <c r="Y15848">
        <v>17</v>
      </c>
      <c r="Z15848">
        <v>17</v>
      </c>
      <c r="AA15848">
        <v>17</v>
      </c>
      <c r="AB15848">
        <v>17</v>
      </c>
      <c r="AC15848">
        <v>17</v>
      </c>
      <c r="AD15848">
        <v>17</v>
      </c>
      <c r="AE15848">
        <v>17</v>
      </c>
      <c r="AF15848">
        <v>17</v>
      </c>
      <c r="AG15848">
        <v>17</v>
      </c>
      <c r="AH15848">
        <v>17</v>
      </c>
      <c r="AI15848">
        <v>17</v>
      </c>
      <c r="AJ15848">
        <v>17</v>
      </c>
      <c r="AK15848">
        <v>17</v>
      </c>
      <c r="AL15848">
        <v>16</v>
      </c>
      <c r="AM15848">
        <v>16</v>
      </c>
      <c r="AN15848">
        <v>16</v>
      </c>
      <c r="AO15848">
        <v>16</v>
      </c>
      <c r="AP15848">
        <v>16</v>
      </c>
      <c r="AQ15848">
        <v>16</v>
      </c>
    </row>
    <row r="15849" spans="1:43">
      <c r="A15849" t="s">
        <v>9844</v>
      </c>
      <c r="B15849" t="s">
        <v>9845</v>
      </c>
      <c r="C15849" t="s">
        <v>9616</v>
      </c>
      <c r="D15849" t="s">
        <v>9617</v>
      </c>
      <c r="E15849" t="s">
        <v>9544</v>
      </c>
      <c r="F15849" t="s">
        <v>9545</v>
      </c>
      <c r="G15849" t="s">
        <v>80</v>
      </c>
      <c r="H15849" t="s">
        <v>81</v>
      </c>
      <c r="I15849" s="2">
        <v>0</v>
      </c>
      <c r="J15849" s="2">
        <v>1</v>
      </c>
      <c r="K15849" s="2">
        <v>0</v>
      </c>
      <c r="L15849" t="s">
        <v>82</v>
      </c>
      <c r="M15849" t="s">
        <v>83</v>
      </c>
      <c r="N15849" t="s">
        <v>91</v>
      </c>
      <c r="O15849" t="s">
        <v>85</v>
      </c>
      <c r="P15849" t="s">
        <v>86</v>
      </c>
      <c r="Q15849">
        <v>15</v>
      </c>
      <c r="R15849">
        <v>15</v>
      </c>
      <c r="S15849">
        <v>15</v>
      </c>
      <c r="T15849">
        <v>15</v>
      </c>
      <c r="U15849">
        <v>15</v>
      </c>
      <c r="V15849">
        <v>15</v>
      </c>
      <c r="W15849">
        <v>15</v>
      </c>
      <c r="X15849">
        <v>16</v>
      </c>
      <c r="Y15849">
        <v>16</v>
      </c>
      <c r="Z15849">
        <v>16</v>
      </c>
      <c r="AA15849">
        <v>16</v>
      </c>
      <c r="AB15849">
        <v>16</v>
      </c>
      <c r="AC15849">
        <v>16</v>
      </c>
      <c r="AD15849">
        <v>16</v>
      </c>
      <c r="AE15849">
        <v>16</v>
      </c>
      <c r="AF15849">
        <v>16</v>
      </c>
      <c r="AG15849">
        <v>16</v>
      </c>
      <c r="AH15849">
        <v>16</v>
      </c>
      <c r="AI15849">
        <v>16</v>
      </c>
      <c r="AJ15849">
        <v>16</v>
      </c>
      <c r="AK15849">
        <v>16</v>
      </c>
      <c r="AL15849">
        <v>16</v>
      </c>
      <c r="AM15849">
        <v>16</v>
      </c>
      <c r="AN15849">
        <v>16</v>
      </c>
      <c r="AO15849">
        <v>16</v>
      </c>
      <c r="AP15849">
        <v>16</v>
      </c>
      <c r="AQ15849">
        <v>16</v>
      </c>
    </row>
    <row r="15850" spans="1:43">
      <c r="A15850" t="s">
        <v>9846</v>
      </c>
      <c r="B15850" t="s">
        <v>9847</v>
      </c>
      <c r="C15850" t="s">
        <v>9842</v>
      </c>
      <c r="D15850" t="s">
        <v>9843</v>
      </c>
      <c r="E15850" t="s">
        <v>9544</v>
      </c>
      <c r="F15850" t="s">
        <v>9545</v>
      </c>
      <c r="G15850" t="s">
        <v>80</v>
      </c>
      <c r="H15850" t="s">
        <v>81</v>
      </c>
      <c r="I15850" s="2">
        <v>0</v>
      </c>
      <c r="J15850" s="2">
        <v>1</v>
      </c>
      <c r="K15850" s="2">
        <v>0</v>
      </c>
      <c r="L15850" t="s">
        <v>82</v>
      </c>
      <c r="M15850" t="s">
        <v>83</v>
      </c>
      <c r="N15850" t="s">
        <v>84</v>
      </c>
      <c r="O15850" t="s">
        <v>85</v>
      </c>
      <c r="P15850" t="s">
        <v>86</v>
      </c>
      <c r="Q15850">
        <v>17</v>
      </c>
      <c r="R15850">
        <v>17</v>
      </c>
      <c r="S15850">
        <v>17</v>
      </c>
      <c r="T15850">
        <v>17</v>
      </c>
      <c r="U15850">
        <v>17</v>
      </c>
      <c r="V15850">
        <v>17</v>
      </c>
      <c r="W15850">
        <v>17</v>
      </c>
      <c r="X15850">
        <v>17</v>
      </c>
      <c r="Y15850">
        <v>17</v>
      </c>
      <c r="Z15850">
        <v>17</v>
      </c>
      <c r="AA15850">
        <v>17</v>
      </c>
      <c r="AB15850">
        <v>18</v>
      </c>
      <c r="AC15850">
        <v>18</v>
      </c>
      <c r="AD15850">
        <v>18</v>
      </c>
      <c r="AE15850">
        <v>18</v>
      </c>
      <c r="AF15850">
        <v>18</v>
      </c>
      <c r="AG15850">
        <v>18</v>
      </c>
      <c r="AH15850">
        <v>18</v>
      </c>
      <c r="AI15850">
        <v>18</v>
      </c>
      <c r="AJ15850">
        <v>18</v>
      </c>
      <c r="AK15850">
        <v>18</v>
      </c>
      <c r="AL15850">
        <v>18</v>
      </c>
      <c r="AM15850">
        <v>18</v>
      </c>
      <c r="AN15850">
        <v>18</v>
      </c>
      <c r="AO15850">
        <v>18</v>
      </c>
      <c r="AP15850">
        <v>18</v>
      </c>
      <c r="AQ15850">
        <v>17</v>
      </c>
    </row>
    <row r="15851" spans="1:43">
      <c r="A15851" t="s">
        <v>9846</v>
      </c>
      <c r="B15851" t="s">
        <v>9847</v>
      </c>
      <c r="C15851" t="s">
        <v>9842</v>
      </c>
      <c r="D15851" t="s">
        <v>9843</v>
      </c>
      <c r="E15851" t="s">
        <v>9544</v>
      </c>
      <c r="F15851" t="s">
        <v>9545</v>
      </c>
      <c r="G15851" t="s">
        <v>80</v>
      </c>
      <c r="H15851" t="s">
        <v>81</v>
      </c>
      <c r="I15851" s="2">
        <v>0</v>
      </c>
      <c r="J15851" s="2">
        <v>1</v>
      </c>
      <c r="K15851" s="2">
        <v>0</v>
      </c>
      <c r="L15851" t="s">
        <v>82</v>
      </c>
      <c r="M15851" t="s">
        <v>87</v>
      </c>
      <c r="N15851" t="s">
        <v>88</v>
      </c>
      <c r="O15851" t="s">
        <v>85</v>
      </c>
      <c r="P15851" t="s">
        <v>86</v>
      </c>
      <c r="Q15851">
        <v>17</v>
      </c>
      <c r="R15851">
        <v>17</v>
      </c>
      <c r="S15851">
        <v>17</v>
      </c>
      <c r="T15851">
        <v>17</v>
      </c>
      <c r="U15851">
        <v>17</v>
      </c>
      <c r="V15851">
        <v>17</v>
      </c>
      <c r="W15851">
        <v>17</v>
      </c>
      <c r="X15851">
        <v>17</v>
      </c>
      <c r="Y15851">
        <v>17</v>
      </c>
      <c r="Z15851">
        <v>17</v>
      </c>
      <c r="AA15851">
        <v>17</v>
      </c>
      <c r="AB15851">
        <v>17</v>
      </c>
      <c r="AC15851">
        <v>17</v>
      </c>
      <c r="AD15851">
        <v>17</v>
      </c>
      <c r="AE15851">
        <v>17</v>
      </c>
      <c r="AF15851">
        <v>17</v>
      </c>
      <c r="AG15851">
        <v>17</v>
      </c>
      <c r="AH15851">
        <v>17</v>
      </c>
      <c r="AI15851">
        <v>17</v>
      </c>
      <c r="AJ15851">
        <v>16</v>
      </c>
      <c r="AK15851">
        <v>16</v>
      </c>
      <c r="AL15851">
        <v>16</v>
      </c>
      <c r="AM15851">
        <v>16</v>
      </c>
      <c r="AN15851">
        <v>16</v>
      </c>
      <c r="AO15851">
        <v>16</v>
      </c>
      <c r="AP15851">
        <v>16</v>
      </c>
      <c r="AQ15851">
        <v>16</v>
      </c>
    </row>
    <row r="15852" spans="1:43">
      <c r="A15852" t="s">
        <v>9846</v>
      </c>
      <c r="B15852" t="s">
        <v>9847</v>
      </c>
      <c r="C15852" t="s">
        <v>9842</v>
      </c>
      <c r="D15852" t="s">
        <v>9843</v>
      </c>
      <c r="E15852" t="s">
        <v>9544</v>
      </c>
      <c r="F15852" t="s">
        <v>9545</v>
      </c>
      <c r="G15852" t="s">
        <v>80</v>
      </c>
      <c r="H15852" t="s">
        <v>81</v>
      </c>
      <c r="I15852" s="2">
        <v>0</v>
      </c>
      <c r="J15852" s="2">
        <v>1</v>
      </c>
      <c r="K15852" s="2">
        <v>0</v>
      </c>
      <c r="L15852" t="s">
        <v>82</v>
      </c>
      <c r="M15852" t="s">
        <v>89</v>
      </c>
      <c r="N15852" t="s">
        <v>90</v>
      </c>
      <c r="O15852" t="s">
        <v>85</v>
      </c>
      <c r="P15852" t="s">
        <v>86</v>
      </c>
      <c r="Q15852">
        <v>17</v>
      </c>
      <c r="R15852">
        <v>17</v>
      </c>
      <c r="S15852">
        <v>17</v>
      </c>
      <c r="T15852">
        <v>17</v>
      </c>
      <c r="U15852">
        <v>18</v>
      </c>
      <c r="V15852">
        <v>18</v>
      </c>
      <c r="W15852">
        <v>18</v>
      </c>
      <c r="X15852">
        <v>18</v>
      </c>
      <c r="Y15852">
        <v>18</v>
      </c>
      <c r="Z15852">
        <v>19</v>
      </c>
      <c r="AA15852">
        <v>19</v>
      </c>
      <c r="AB15852">
        <v>19</v>
      </c>
      <c r="AC15852">
        <v>19</v>
      </c>
      <c r="AD15852">
        <v>19</v>
      </c>
      <c r="AE15852">
        <v>19</v>
      </c>
      <c r="AF15852">
        <v>19</v>
      </c>
      <c r="AG15852">
        <v>19</v>
      </c>
      <c r="AH15852">
        <v>19</v>
      </c>
      <c r="AI15852">
        <v>19</v>
      </c>
      <c r="AJ15852">
        <v>18</v>
      </c>
      <c r="AK15852">
        <v>18</v>
      </c>
      <c r="AL15852">
        <v>18</v>
      </c>
      <c r="AM15852">
        <v>18</v>
      </c>
      <c r="AN15852">
        <v>18</v>
      </c>
      <c r="AO15852">
        <v>18</v>
      </c>
      <c r="AP15852">
        <v>18</v>
      </c>
      <c r="AQ15852">
        <v>18</v>
      </c>
    </row>
    <row r="15853" spans="1:43">
      <c r="A15853" t="s">
        <v>9846</v>
      </c>
      <c r="B15853" t="s">
        <v>9847</v>
      </c>
      <c r="C15853" t="s">
        <v>9842</v>
      </c>
      <c r="D15853" t="s">
        <v>9843</v>
      </c>
      <c r="E15853" t="s">
        <v>9544</v>
      </c>
      <c r="F15853" t="s">
        <v>9545</v>
      </c>
      <c r="G15853" t="s">
        <v>80</v>
      </c>
      <c r="H15853" t="s">
        <v>81</v>
      </c>
      <c r="I15853" s="2">
        <v>0</v>
      </c>
      <c r="J15853" s="2">
        <v>1</v>
      </c>
      <c r="K15853" s="2">
        <v>0</v>
      </c>
      <c r="L15853" t="s">
        <v>82</v>
      </c>
      <c r="M15853" t="s">
        <v>83</v>
      </c>
      <c r="N15853" t="s">
        <v>91</v>
      </c>
      <c r="O15853" t="s">
        <v>85</v>
      </c>
      <c r="P15853" t="s">
        <v>86</v>
      </c>
      <c r="Q15853">
        <v>17</v>
      </c>
      <c r="R15853">
        <v>17</v>
      </c>
      <c r="S15853">
        <v>17</v>
      </c>
      <c r="T15853">
        <v>17</v>
      </c>
      <c r="U15853">
        <v>17</v>
      </c>
      <c r="V15853">
        <v>17</v>
      </c>
      <c r="W15853">
        <v>17</v>
      </c>
      <c r="X15853">
        <v>17</v>
      </c>
      <c r="Y15853">
        <v>17</v>
      </c>
      <c r="Z15853">
        <v>17</v>
      </c>
      <c r="AA15853">
        <v>17</v>
      </c>
      <c r="AB15853">
        <v>18</v>
      </c>
      <c r="AC15853">
        <v>18</v>
      </c>
      <c r="AD15853">
        <v>18</v>
      </c>
      <c r="AE15853">
        <v>18</v>
      </c>
      <c r="AF15853">
        <v>18</v>
      </c>
      <c r="AG15853">
        <v>18</v>
      </c>
      <c r="AH15853">
        <v>18</v>
      </c>
      <c r="AI15853">
        <v>18</v>
      </c>
      <c r="AJ15853">
        <v>18</v>
      </c>
      <c r="AK15853">
        <v>18</v>
      </c>
      <c r="AL15853">
        <v>18</v>
      </c>
      <c r="AM15853">
        <v>18</v>
      </c>
      <c r="AN15853">
        <v>18</v>
      </c>
      <c r="AO15853">
        <v>18</v>
      </c>
      <c r="AP15853">
        <v>18</v>
      </c>
      <c r="AQ15853">
        <v>17</v>
      </c>
    </row>
    <row r="15854" spans="1:43">
      <c r="A15854" t="s">
        <v>9848</v>
      </c>
      <c r="B15854" t="s">
        <v>9849</v>
      </c>
      <c r="C15854" t="s">
        <v>9616</v>
      </c>
      <c r="D15854" t="s">
        <v>9617</v>
      </c>
      <c r="E15854" t="s">
        <v>9544</v>
      </c>
      <c r="F15854" t="s">
        <v>9545</v>
      </c>
      <c r="G15854" t="s">
        <v>80</v>
      </c>
      <c r="H15854" t="s">
        <v>81</v>
      </c>
      <c r="I15854" s="2">
        <v>0</v>
      </c>
      <c r="J15854" s="2">
        <v>1</v>
      </c>
      <c r="K15854" s="2">
        <v>0</v>
      </c>
      <c r="L15854" t="s">
        <v>82</v>
      </c>
      <c r="M15854" t="s">
        <v>83</v>
      </c>
      <c r="N15854" t="s">
        <v>84</v>
      </c>
      <c r="O15854" t="s">
        <v>85</v>
      </c>
      <c r="P15854" t="s">
        <v>86</v>
      </c>
      <c r="Q15854">
        <v>54</v>
      </c>
      <c r="R15854">
        <v>54</v>
      </c>
      <c r="S15854">
        <v>55</v>
      </c>
      <c r="T15854">
        <v>55</v>
      </c>
      <c r="U15854">
        <v>55</v>
      </c>
      <c r="V15854">
        <v>56</v>
      </c>
      <c r="W15854">
        <v>56</v>
      </c>
      <c r="X15854">
        <v>56</v>
      </c>
      <c r="Y15854">
        <v>56</v>
      </c>
      <c r="Z15854">
        <v>57</v>
      </c>
      <c r="AA15854">
        <v>57</v>
      </c>
      <c r="AB15854">
        <v>57</v>
      </c>
      <c r="AC15854">
        <v>57</v>
      </c>
      <c r="AD15854">
        <v>58</v>
      </c>
      <c r="AE15854">
        <v>58</v>
      </c>
      <c r="AF15854">
        <v>58</v>
      </c>
      <c r="AG15854">
        <v>58</v>
      </c>
      <c r="AH15854">
        <v>58</v>
      </c>
      <c r="AI15854">
        <v>58</v>
      </c>
      <c r="AJ15854">
        <v>59</v>
      </c>
      <c r="AK15854">
        <v>59</v>
      </c>
      <c r="AL15854">
        <v>59</v>
      </c>
      <c r="AM15854">
        <v>58</v>
      </c>
      <c r="AN15854">
        <v>58</v>
      </c>
      <c r="AO15854">
        <v>57</v>
      </c>
      <c r="AP15854">
        <v>57</v>
      </c>
      <c r="AQ15854">
        <v>57</v>
      </c>
    </row>
    <row r="15855" spans="1:43">
      <c r="A15855" t="s">
        <v>9848</v>
      </c>
      <c r="B15855" t="s">
        <v>9849</v>
      </c>
      <c r="C15855" t="s">
        <v>9616</v>
      </c>
      <c r="D15855" t="s">
        <v>9617</v>
      </c>
      <c r="E15855" t="s">
        <v>9544</v>
      </c>
      <c r="F15855" t="s">
        <v>9545</v>
      </c>
      <c r="G15855" t="s">
        <v>80</v>
      </c>
      <c r="H15855" t="s">
        <v>81</v>
      </c>
      <c r="I15855" s="2">
        <v>0</v>
      </c>
      <c r="J15855" s="2">
        <v>1</v>
      </c>
      <c r="K15855" s="2">
        <v>0</v>
      </c>
      <c r="L15855" t="s">
        <v>82</v>
      </c>
      <c r="M15855" t="s">
        <v>87</v>
      </c>
      <c r="N15855" t="s">
        <v>88</v>
      </c>
      <c r="O15855" t="s">
        <v>85</v>
      </c>
      <c r="P15855" t="s">
        <v>86</v>
      </c>
      <c r="Q15855">
        <v>54</v>
      </c>
      <c r="R15855">
        <v>54</v>
      </c>
      <c r="S15855">
        <v>54</v>
      </c>
      <c r="T15855">
        <v>54</v>
      </c>
      <c r="U15855">
        <v>54</v>
      </c>
      <c r="V15855">
        <v>54</v>
      </c>
      <c r="W15855">
        <v>54</v>
      </c>
      <c r="X15855">
        <v>53</v>
      </c>
      <c r="Y15855">
        <v>53</v>
      </c>
      <c r="Z15855">
        <v>53</v>
      </c>
      <c r="AA15855">
        <v>53</v>
      </c>
      <c r="AB15855">
        <v>53</v>
      </c>
      <c r="AC15855">
        <v>53</v>
      </c>
      <c r="AD15855">
        <v>52</v>
      </c>
      <c r="AE15855">
        <v>52</v>
      </c>
      <c r="AF15855">
        <v>52</v>
      </c>
      <c r="AG15855">
        <v>52</v>
      </c>
      <c r="AH15855">
        <v>52</v>
      </c>
      <c r="AI15855">
        <v>51</v>
      </c>
      <c r="AJ15855">
        <v>51</v>
      </c>
      <c r="AK15855">
        <v>51</v>
      </c>
      <c r="AL15855">
        <v>51</v>
      </c>
      <c r="AM15855">
        <v>51</v>
      </c>
      <c r="AN15855">
        <v>50</v>
      </c>
      <c r="AO15855">
        <v>50</v>
      </c>
      <c r="AP15855">
        <v>50</v>
      </c>
      <c r="AQ15855">
        <v>50</v>
      </c>
    </row>
    <row r="15856" spans="1:43">
      <c r="A15856" t="s">
        <v>9848</v>
      </c>
      <c r="B15856" t="s">
        <v>9849</v>
      </c>
      <c r="C15856" t="s">
        <v>9616</v>
      </c>
      <c r="D15856" t="s">
        <v>9617</v>
      </c>
      <c r="E15856" t="s">
        <v>9544</v>
      </c>
      <c r="F15856" t="s">
        <v>9545</v>
      </c>
      <c r="G15856" t="s">
        <v>80</v>
      </c>
      <c r="H15856" t="s">
        <v>81</v>
      </c>
      <c r="I15856" s="2">
        <v>0</v>
      </c>
      <c r="J15856" s="2">
        <v>1</v>
      </c>
      <c r="K15856" s="2">
        <v>0</v>
      </c>
      <c r="L15856" t="s">
        <v>82</v>
      </c>
      <c r="M15856" t="s">
        <v>89</v>
      </c>
      <c r="N15856" t="s">
        <v>90</v>
      </c>
      <c r="O15856" t="s">
        <v>85</v>
      </c>
      <c r="P15856" t="s">
        <v>86</v>
      </c>
      <c r="Q15856">
        <v>54</v>
      </c>
      <c r="R15856">
        <v>55</v>
      </c>
      <c r="S15856">
        <v>56</v>
      </c>
      <c r="T15856">
        <v>57</v>
      </c>
      <c r="U15856">
        <v>57</v>
      </c>
      <c r="V15856">
        <v>58</v>
      </c>
      <c r="W15856">
        <v>59</v>
      </c>
      <c r="X15856">
        <v>59</v>
      </c>
      <c r="Y15856">
        <v>60</v>
      </c>
      <c r="Z15856">
        <v>60</v>
      </c>
      <c r="AA15856">
        <v>61</v>
      </c>
      <c r="AB15856">
        <v>61</v>
      </c>
      <c r="AC15856">
        <v>62</v>
      </c>
      <c r="AD15856">
        <v>62</v>
      </c>
      <c r="AE15856">
        <v>62</v>
      </c>
      <c r="AF15856">
        <v>62</v>
      </c>
      <c r="AG15856">
        <v>61</v>
      </c>
      <c r="AH15856">
        <v>61</v>
      </c>
      <c r="AI15856">
        <v>60</v>
      </c>
      <c r="AJ15856">
        <v>60</v>
      </c>
      <c r="AK15856">
        <v>60</v>
      </c>
      <c r="AL15856">
        <v>59</v>
      </c>
      <c r="AM15856">
        <v>59</v>
      </c>
      <c r="AN15856">
        <v>58</v>
      </c>
      <c r="AO15856">
        <v>58</v>
      </c>
      <c r="AP15856">
        <v>58</v>
      </c>
      <c r="AQ15856">
        <v>57</v>
      </c>
    </row>
    <row r="15857" spans="1:43">
      <c r="A15857" t="s">
        <v>9848</v>
      </c>
      <c r="B15857" t="s">
        <v>9849</v>
      </c>
      <c r="C15857" t="s">
        <v>9616</v>
      </c>
      <c r="D15857" t="s">
        <v>9617</v>
      </c>
      <c r="E15857" t="s">
        <v>9544</v>
      </c>
      <c r="F15857" t="s">
        <v>9545</v>
      </c>
      <c r="G15857" t="s">
        <v>80</v>
      </c>
      <c r="H15857" t="s">
        <v>81</v>
      </c>
      <c r="I15857" s="2">
        <v>0</v>
      </c>
      <c r="J15857" s="2">
        <v>1</v>
      </c>
      <c r="K15857" s="2">
        <v>0</v>
      </c>
      <c r="L15857" t="s">
        <v>82</v>
      </c>
      <c r="M15857" t="s">
        <v>83</v>
      </c>
      <c r="N15857" t="s">
        <v>91</v>
      </c>
      <c r="O15857" t="s">
        <v>85</v>
      </c>
      <c r="P15857" t="s">
        <v>86</v>
      </c>
      <c r="Q15857">
        <v>54</v>
      </c>
      <c r="R15857">
        <v>54</v>
      </c>
      <c r="S15857">
        <v>55</v>
      </c>
      <c r="T15857">
        <v>55</v>
      </c>
      <c r="U15857">
        <v>55</v>
      </c>
      <c r="V15857">
        <v>56</v>
      </c>
      <c r="W15857">
        <v>56</v>
      </c>
      <c r="X15857">
        <v>56</v>
      </c>
      <c r="Y15857">
        <v>56</v>
      </c>
      <c r="Z15857">
        <v>57</v>
      </c>
      <c r="AA15857">
        <v>57</v>
      </c>
      <c r="AB15857">
        <v>57</v>
      </c>
      <c r="AC15857">
        <v>57</v>
      </c>
      <c r="AD15857">
        <v>58</v>
      </c>
      <c r="AE15857">
        <v>58</v>
      </c>
      <c r="AF15857">
        <v>58</v>
      </c>
      <c r="AG15857">
        <v>58</v>
      </c>
      <c r="AH15857">
        <v>58</v>
      </c>
      <c r="AI15857">
        <v>58</v>
      </c>
      <c r="AJ15857">
        <v>59</v>
      </c>
      <c r="AK15857">
        <v>59</v>
      </c>
      <c r="AL15857">
        <v>59</v>
      </c>
      <c r="AM15857">
        <v>58</v>
      </c>
      <c r="AN15857">
        <v>58</v>
      </c>
      <c r="AO15857">
        <v>57</v>
      </c>
      <c r="AP15857">
        <v>57</v>
      </c>
      <c r="AQ15857">
        <v>57</v>
      </c>
    </row>
    <row r="15858" spans="1:43">
      <c r="A15858" t="s">
        <v>9850</v>
      </c>
      <c r="B15858" t="s">
        <v>9851</v>
      </c>
      <c r="C15858" t="s">
        <v>9842</v>
      </c>
      <c r="D15858" t="s">
        <v>9843</v>
      </c>
      <c r="E15858" t="s">
        <v>9544</v>
      </c>
      <c r="F15858" t="s">
        <v>9545</v>
      </c>
      <c r="G15858" t="s">
        <v>80</v>
      </c>
      <c r="H15858" t="s">
        <v>81</v>
      </c>
      <c r="I15858" s="2">
        <v>0</v>
      </c>
      <c r="J15858" s="2">
        <v>1</v>
      </c>
      <c r="K15858" s="2">
        <v>0</v>
      </c>
      <c r="L15858" t="s">
        <v>82</v>
      </c>
      <c r="M15858" t="s">
        <v>83</v>
      </c>
      <c r="N15858" t="s">
        <v>84</v>
      </c>
      <c r="O15858" t="s">
        <v>85</v>
      </c>
      <c r="P15858" t="s">
        <v>86</v>
      </c>
      <c r="Q15858">
        <v>32</v>
      </c>
      <c r="R15858">
        <v>32</v>
      </c>
      <c r="S15858">
        <v>32</v>
      </c>
      <c r="T15858">
        <v>32</v>
      </c>
      <c r="U15858">
        <v>33</v>
      </c>
      <c r="V15858">
        <v>33</v>
      </c>
      <c r="W15858">
        <v>33</v>
      </c>
      <c r="X15858">
        <v>33</v>
      </c>
      <c r="Y15858">
        <v>33</v>
      </c>
      <c r="Z15858">
        <v>34</v>
      </c>
      <c r="AA15858">
        <v>34</v>
      </c>
      <c r="AB15858">
        <v>34</v>
      </c>
      <c r="AC15858">
        <v>34</v>
      </c>
      <c r="AD15858">
        <v>34</v>
      </c>
      <c r="AE15858">
        <v>34</v>
      </c>
      <c r="AF15858">
        <v>34</v>
      </c>
      <c r="AG15858">
        <v>35</v>
      </c>
      <c r="AH15858">
        <v>35</v>
      </c>
      <c r="AI15858">
        <v>35</v>
      </c>
      <c r="AJ15858">
        <v>35</v>
      </c>
      <c r="AK15858">
        <v>35</v>
      </c>
      <c r="AL15858">
        <v>35</v>
      </c>
      <c r="AM15858">
        <v>35</v>
      </c>
      <c r="AN15858">
        <v>34</v>
      </c>
      <c r="AO15858">
        <v>34</v>
      </c>
      <c r="AP15858">
        <v>34</v>
      </c>
      <c r="AQ15858">
        <v>34</v>
      </c>
    </row>
    <row r="15859" spans="1:43">
      <c r="A15859" t="s">
        <v>9850</v>
      </c>
      <c r="B15859" t="s">
        <v>9851</v>
      </c>
      <c r="C15859" t="s">
        <v>9842</v>
      </c>
      <c r="D15859" t="s">
        <v>9843</v>
      </c>
      <c r="E15859" t="s">
        <v>9544</v>
      </c>
      <c r="F15859" t="s">
        <v>9545</v>
      </c>
      <c r="G15859" t="s">
        <v>80</v>
      </c>
      <c r="H15859" t="s">
        <v>81</v>
      </c>
      <c r="I15859" s="2">
        <v>0</v>
      </c>
      <c r="J15859" s="2">
        <v>1</v>
      </c>
      <c r="K15859" s="2">
        <v>0</v>
      </c>
      <c r="L15859" t="s">
        <v>82</v>
      </c>
      <c r="M15859" t="s">
        <v>87</v>
      </c>
      <c r="N15859" t="s">
        <v>88</v>
      </c>
      <c r="O15859" t="s">
        <v>85</v>
      </c>
      <c r="P15859" t="s">
        <v>86</v>
      </c>
      <c r="Q15859">
        <v>32</v>
      </c>
      <c r="R15859">
        <v>32</v>
      </c>
      <c r="S15859">
        <v>32</v>
      </c>
      <c r="T15859">
        <v>32</v>
      </c>
      <c r="U15859">
        <v>32</v>
      </c>
      <c r="V15859">
        <v>32</v>
      </c>
      <c r="W15859">
        <v>32</v>
      </c>
      <c r="X15859">
        <v>32</v>
      </c>
      <c r="Y15859">
        <v>32</v>
      </c>
      <c r="Z15859">
        <v>32</v>
      </c>
      <c r="AA15859">
        <v>32</v>
      </c>
      <c r="AB15859">
        <v>32</v>
      </c>
      <c r="AC15859">
        <v>31</v>
      </c>
      <c r="AD15859">
        <v>31</v>
      </c>
      <c r="AE15859">
        <v>31</v>
      </c>
      <c r="AF15859">
        <v>31</v>
      </c>
      <c r="AG15859">
        <v>31</v>
      </c>
      <c r="AH15859">
        <v>31</v>
      </c>
      <c r="AI15859">
        <v>31</v>
      </c>
      <c r="AJ15859">
        <v>31</v>
      </c>
      <c r="AK15859">
        <v>31</v>
      </c>
      <c r="AL15859">
        <v>31</v>
      </c>
      <c r="AM15859">
        <v>31</v>
      </c>
      <c r="AN15859">
        <v>30</v>
      </c>
      <c r="AO15859">
        <v>30</v>
      </c>
      <c r="AP15859">
        <v>30</v>
      </c>
      <c r="AQ15859">
        <v>30</v>
      </c>
    </row>
    <row r="15860" spans="1:43">
      <c r="A15860" t="s">
        <v>9850</v>
      </c>
      <c r="B15860" t="s">
        <v>9851</v>
      </c>
      <c r="C15860" t="s">
        <v>9842</v>
      </c>
      <c r="D15860" t="s">
        <v>9843</v>
      </c>
      <c r="E15860" t="s">
        <v>9544</v>
      </c>
      <c r="F15860" t="s">
        <v>9545</v>
      </c>
      <c r="G15860" t="s">
        <v>80</v>
      </c>
      <c r="H15860" t="s">
        <v>81</v>
      </c>
      <c r="I15860" s="2">
        <v>0</v>
      </c>
      <c r="J15860" s="2">
        <v>1</v>
      </c>
      <c r="K15860" s="2">
        <v>0</v>
      </c>
      <c r="L15860" t="s">
        <v>82</v>
      </c>
      <c r="M15860" t="s">
        <v>89</v>
      </c>
      <c r="N15860" t="s">
        <v>90</v>
      </c>
      <c r="O15860" t="s">
        <v>85</v>
      </c>
      <c r="P15860" t="s">
        <v>86</v>
      </c>
      <c r="Q15860">
        <v>32</v>
      </c>
      <c r="R15860">
        <v>32</v>
      </c>
      <c r="S15860">
        <v>33</v>
      </c>
      <c r="T15860">
        <v>33</v>
      </c>
      <c r="U15860">
        <v>34</v>
      </c>
      <c r="V15860">
        <v>34</v>
      </c>
      <c r="W15860">
        <v>35</v>
      </c>
      <c r="X15860">
        <v>35</v>
      </c>
      <c r="Y15860">
        <v>35</v>
      </c>
      <c r="Z15860">
        <v>36</v>
      </c>
      <c r="AA15860">
        <v>36</v>
      </c>
      <c r="AB15860">
        <v>36</v>
      </c>
      <c r="AC15860">
        <v>36</v>
      </c>
      <c r="AD15860">
        <v>37</v>
      </c>
      <c r="AE15860">
        <v>37</v>
      </c>
      <c r="AF15860">
        <v>37</v>
      </c>
      <c r="AG15860">
        <v>36</v>
      </c>
      <c r="AH15860">
        <v>36</v>
      </c>
      <c r="AI15860">
        <v>36</v>
      </c>
      <c r="AJ15860">
        <v>36</v>
      </c>
      <c r="AK15860">
        <v>35</v>
      </c>
      <c r="AL15860">
        <v>35</v>
      </c>
      <c r="AM15860">
        <v>35</v>
      </c>
      <c r="AN15860">
        <v>35</v>
      </c>
      <c r="AO15860">
        <v>35</v>
      </c>
      <c r="AP15860">
        <v>34</v>
      </c>
      <c r="AQ15860">
        <v>34</v>
      </c>
    </row>
    <row r="15861" spans="1:43">
      <c r="A15861" t="s">
        <v>9850</v>
      </c>
      <c r="B15861" t="s">
        <v>9851</v>
      </c>
      <c r="C15861" t="s">
        <v>9842</v>
      </c>
      <c r="D15861" t="s">
        <v>9843</v>
      </c>
      <c r="E15861" t="s">
        <v>9544</v>
      </c>
      <c r="F15861" t="s">
        <v>9545</v>
      </c>
      <c r="G15861" t="s">
        <v>80</v>
      </c>
      <c r="H15861" t="s">
        <v>81</v>
      </c>
      <c r="I15861" s="2">
        <v>0</v>
      </c>
      <c r="J15861" s="2">
        <v>1</v>
      </c>
      <c r="K15861" s="2">
        <v>0</v>
      </c>
      <c r="L15861" t="s">
        <v>82</v>
      </c>
      <c r="M15861" t="s">
        <v>83</v>
      </c>
      <c r="N15861" t="s">
        <v>91</v>
      </c>
      <c r="O15861" t="s">
        <v>85</v>
      </c>
      <c r="P15861" t="s">
        <v>86</v>
      </c>
      <c r="Q15861">
        <v>32</v>
      </c>
      <c r="R15861">
        <v>32</v>
      </c>
      <c r="S15861">
        <v>32</v>
      </c>
      <c r="T15861">
        <v>32</v>
      </c>
      <c r="U15861">
        <v>33</v>
      </c>
      <c r="V15861">
        <v>33</v>
      </c>
      <c r="W15861">
        <v>33</v>
      </c>
      <c r="X15861">
        <v>33</v>
      </c>
      <c r="Y15861">
        <v>33</v>
      </c>
      <c r="Z15861">
        <v>34</v>
      </c>
      <c r="AA15861">
        <v>34</v>
      </c>
      <c r="AB15861">
        <v>34</v>
      </c>
      <c r="AC15861">
        <v>34</v>
      </c>
      <c r="AD15861">
        <v>34</v>
      </c>
      <c r="AE15861">
        <v>34</v>
      </c>
      <c r="AF15861">
        <v>34</v>
      </c>
      <c r="AG15861">
        <v>35</v>
      </c>
      <c r="AH15861">
        <v>35</v>
      </c>
      <c r="AI15861">
        <v>35</v>
      </c>
      <c r="AJ15861">
        <v>35</v>
      </c>
      <c r="AK15861">
        <v>35</v>
      </c>
      <c r="AL15861">
        <v>35</v>
      </c>
      <c r="AM15861">
        <v>35</v>
      </c>
      <c r="AN15861">
        <v>34</v>
      </c>
      <c r="AO15861">
        <v>34</v>
      </c>
      <c r="AP15861">
        <v>34</v>
      </c>
      <c r="AQ15861">
        <v>34</v>
      </c>
    </row>
    <row r="15862" spans="1:43">
      <c r="A15862" t="s">
        <v>9852</v>
      </c>
      <c r="B15862" t="s">
        <v>9853</v>
      </c>
      <c r="C15862" t="s">
        <v>9842</v>
      </c>
      <c r="D15862" t="s">
        <v>9843</v>
      </c>
      <c r="E15862" t="s">
        <v>9544</v>
      </c>
      <c r="F15862" t="s">
        <v>9545</v>
      </c>
      <c r="G15862" t="s">
        <v>80</v>
      </c>
      <c r="H15862" t="s">
        <v>81</v>
      </c>
      <c r="I15862" s="2">
        <v>0</v>
      </c>
      <c r="J15862" s="2">
        <v>1</v>
      </c>
      <c r="K15862" s="2">
        <v>0</v>
      </c>
      <c r="L15862" t="s">
        <v>82</v>
      </c>
      <c r="M15862" t="s">
        <v>83</v>
      </c>
      <c r="N15862" t="s">
        <v>84</v>
      </c>
      <c r="O15862" t="s">
        <v>85</v>
      </c>
      <c r="P15862" t="s">
        <v>86</v>
      </c>
      <c r="Q15862">
        <v>15</v>
      </c>
      <c r="R15862">
        <v>16</v>
      </c>
      <c r="S15862">
        <v>16</v>
      </c>
      <c r="T15862">
        <v>16</v>
      </c>
      <c r="U15862">
        <v>16</v>
      </c>
      <c r="V15862">
        <v>16</v>
      </c>
      <c r="W15862">
        <v>16</v>
      </c>
      <c r="X15862">
        <v>16</v>
      </c>
      <c r="Y15862">
        <v>16</v>
      </c>
      <c r="Z15862">
        <v>16</v>
      </c>
      <c r="AA15862">
        <v>16</v>
      </c>
      <c r="AB15862">
        <v>17</v>
      </c>
      <c r="AC15862">
        <v>17</v>
      </c>
      <c r="AD15862">
        <v>17</v>
      </c>
      <c r="AE15862">
        <v>17</v>
      </c>
      <c r="AF15862">
        <v>17</v>
      </c>
      <c r="AG15862">
        <v>17</v>
      </c>
      <c r="AH15862">
        <v>17</v>
      </c>
      <c r="AI15862">
        <v>17</v>
      </c>
      <c r="AJ15862">
        <v>17</v>
      </c>
      <c r="AK15862">
        <v>17</v>
      </c>
      <c r="AL15862">
        <v>17</v>
      </c>
      <c r="AM15862">
        <v>17</v>
      </c>
      <c r="AN15862">
        <v>17</v>
      </c>
      <c r="AO15862">
        <v>17</v>
      </c>
      <c r="AP15862">
        <v>17</v>
      </c>
      <c r="AQ15862">
        <v>17</v>
      </c>
    </row>
    <row r="15863" spans="1:43">
      <c r="A15863" t="s">
        <v>9852</v>
      </c>
      <c r="B15863" t="s">
        <v>9853</v>
      </c>
      <c r="C15863" t="s">
        <v>9842</v>
      </c>
      <c r="D15863" t="s">
        <v>9843</v>
      </c>
      <c r="E15863" t="s">
        <v>9544</v>
      </c>
      <c r="F15863" t="s">
        <v>9545</v>
      </c>
      <c r="G15863" t="s">
        <v>80</v>
      </c>
      <c r="H15863" t="s">
        <v>81</v>
      </c>
      <c r="I15863" s="2">
        <v>0</v>
      </c>
      <c r="J15863" s="2">
        <v>1</v>
      </c>
      <c r="K15863" s="2">
        <v>0</v>
      </c>
      <c r="L15863" t="s">
        <v>82</v>
      </c>
      <c r="M15863" t="s">
        <v>87</v>
      </c>
      <c r="N15863" t="s">
        <v>88</v>
      </c>
      <c r="O15863" t="s">
        <v>85</v>
      </c>
      <c r="P15863" t="s">
        <v>86</v>
      </c>
      <c r="Q15863">
        <v>15</v>
      </c>
      <c r="R15863">
        <v>15</v>
      </c>
      <c r="S15863">
        <v>15</v>
      </c>
      <c r="T15863">
        <v>15</v>
      </c>
      <c r="U15863">
        <v>15</v>
      </c>
      <c r="V15863">
        <v>15</v>
      </c>
      <c r="W15863">
        <v>15</v>
      </c>
      <c r="X15863">
        <v>15</v>
      </c>
      <c r="Y15863">
        <v>15</v>
      </c>
      <c r="Z15863">
        <v>15</v>
      </c>
      <c r="AA15863">
        <v>15</v>
      </c>
      <c r="AB15863">
        <v>15</v>
      </c>
      <c r="AC15863">
        <v>15</v>
      </c>
      <c r="AD15863">
        <v>15</v>
      </c>
      <c r="AE15863">
        <v>15</v>
      </c>
      <c r="AF15863">
        <v>15</v>
      </c>
      <c r="AG15863">
        <v>15</v>
      </c>
      <c r="AH15863">
        <v>15</v>
      </c>
      <c r="AI15863">
        <v>15</v>
      </c>
      <c r="AJ15863">
        <v>15</v>
      </c>
      <c r="AK15863">
        <v>15</v>
      </c>
      <c r="AL15863">
        <v>15</v>
      </c>
      <c r="AM15863">
        <v>15</v>
      </c>
      <c r="AN15863">
        <v>15</v>
      </c>
      <c r="AO15863">
        <v>15</v>
      </c>
      <c r="AP15863">
        <v>15</v>
      </c>
      <c r="AQ15863">
        <v>14</v>
      </c>
    </row>
    <row r="15864" spans="1:43">
      <c r="A15864" t="s">
        <v>9852</v>
      </c>
      <c r="B15864" t="s">
        <v>9853</v>
      </c>
      <c r="C15864" t="s">
        <v>9842</v>
      </c>
      <c r="D15864" t="s">
        <v>9843</v>
      </c>
      <c r="E15864" t="s">
        <v>9544</v>
      </c>
      <c r="F15864" t="s">
        <v>9545</v>
      </c>
      <c r="G15864" t="s">
        <v>80</v>
      </c>
      <c r="H15864" t="s">
        <v>81</v>
      </c>
      <c r="I15864" s="2">
        <v>0</v>
      </c>
      <c r="J15864" s="2">
        <v>1</v>
      </c>
      <c r="K15864" s="2">
        <v>0</v>
      </c>
      <c r="L15864" t="s">
        <v>82</v>
      </c>
      <c r="M15864" t="s">
        <v>89</v>
      </c>
      <c r="N15864" t="s">
        <v>90</v>
      </c>
      <c r="O15864" t="s">
        <v>85</v>
      </c>
      <c r="P15864" t="s">
        <v>86</v>
      </c>
      <c r="Q15864">
        <v>15</v>
      </c>
      <c r="R15864">
        <v>15</v>
      </c>
      <c r="S15864">
        <v>15</v>
      </c>
      <c r="T15864">
        <v>15</v>
      </c>
      <c r="U15864">
        <v>15</v>
      </c>
      <c r="V15864">
        <v>16</v>
      </c>
      <c r="W15864">
        <v>16</v>
      </c>
      <c r="X15864">
        <v>16</v>
      </c>
      <c r="Y15864">
        <v>16</v>
      </c>
      <c r="Z15864">
        <v>16</v>
      </c>
      <c r="AA15864">
        <v>17</v>
      </c>
      <c r="AB15864">
        <v>17</v>
      </c>
      <c r="AC15864">
        <v>17</v>
      </c>
      <c r="AD15864">
        <v>17</v>
      </c>
      <c r="AE15864">
        <v>17</v>
      </c>
      <c r="AF15864">
        <v>17</v>
      </c>
      <c r="AG15864">
        <v>17</v>
      </c>
      <c r="AH15864">
        <v>17</v>
      </c>
      <c r="AI15864">
        <v>17</v>
      </c>
      <c r="AJ15864">
        <v>17</v>
      </c>
      <c r="AK15864">
        <v>17</v>
      </c>
      <c r="AL15864">
        <v>16</v>
      </c>
      <c r="AM15864">
        <v>16</v>
      </c>
      <c r="AN15864">
        <v>16</v>
      </c>
      <c r="AO15864">
        <v>16</v>
      </c>
      <c r="AP15864">
        <v>16</v>
      </c>
      <c r="AQ15864">
        <v>16</v>
      </c>
    </row>
    <row r="15865" spans="1:43">
      <c r="A15865" t="s">
        <v>9852</v>
      </c>
      <c r="B15865" t="s">
        <v>9853</v>
      </c>
      <c r="C15865" t="s">
        <v>9842</v>
      </c>
      <c r="D15865" t="s">
        <v>9843</v>
      </c>
      <c r="E15865" t="s">
        <v>9544</v>
      </c>
      <c r="F15865" t="s">
        <v>9545</v>
      </c>
      <c r="G15865" t="s">
        <v>80</v>
      </c>
      <c r="H15865" t="s">
        <v>81</v>
      </c>
      <c r="I15865" s="2">
        <v>0</v>
      </c>
      <c r="J15865" s="2">
        <v>1</v>
      </c>
      <c r="K15865" s="2">
        <v>0</v>
      </c>
      <c r="L15865" t="s">
        <v>82</v>
      </c>
      <c r="M15865" t="s">
        <v>83</v>
      </c>
      <c r="N15865" t="s">
        <v>91</v>
      </c>
      <c r="O15865" t="s">
        <v>85</v>
      </c>
      <c r="P15865" t="s">
        <v>86</v>
      </c>
      <c r="Q15865">
        <v>15</v>
      </c>
      <c r="R15865">
        <v>16</v>
      </c>
      <c r="S15865">
        <v>16</v>
      </c>
      <c r="T15865">
        <v>16</v>
      </c>
      <c r="U15865">
        <v>16</v>
      </c>
      <c r="V15865">
        <v>16</v>
      </c>
      <c r="W15865">
        <v>16</v>
      </c>
      <c r="X15865">
        <v>16</v>
      </c>
      <c r="Y15865">
        <v>16</v>
      </c>
      <c r="Z15865">
        <v>16</v>
      </c>
      <c r="AA15865">
        <v>16</v>
      </c>
      <c r="AB15865">
        <v>17</v>
      </c>
      <c r="AC15865">
        <v>17</v>
      </c>
      <c r="AD15865">
        <v>17</v>
      </c>
      <c r="AE15865">
        <v>17</v>
      </c>
      <c r="AF15865">
        <v>17</v>
      </c>
      <c r="AG15865">
        <v>17</v>
      </c>
      <c r="AH15865">
        <v>17</v>
      </c>
      <c r="AI15865">
        <v>17</v>
      </c>
      <c r="AJ15865">
        <v>17</v>
      </c>
      <c r="AK15865">
        <v>17</v>
      </c>
      <c r="AL15865">
        <v>17</v>
      </c>
      <c r="AM15865">
        <v>17</v>
      </c>
      <c r="AN15865">
        <v>17</v>
      </c>
      <c r="AO15865">
        <v>17</v>
      </c>
      <c r="AP15865">
        <v>17</v>
      </c>
      <c r="AQ15865">
        <v>17</v>
      </c>
    </row>
    <row r="15866" spans="1:43">
      <c r="A15866" t="s">
        <v>9854</v>
      </c>
      <c r="B15866" t="s">
        <v>9855</v>
      </c>
      <c r="C15866" t="s">
        <v>9842</v>
      </c>
      <c r="D15866" t="s">
        <v>9843</v>
      </c>
      <c r="E15866" t="s">
        <v>9544</v>
      </c>
      <c r="F15866" t="s">
        <v>9545</v>
      </c>
      <c r="G15866" t="s">
        <v>80</v>
      </c>
      <c r="H15866" t="s">
        <v>81</v>
      </c>
      <c r="I15866" s="2">
        <v>0</v>
      </c>
      <c r="J15866" s="2">
        <v>1</v>
      </c>
      <c r="K15866" s="2">
        <v>0</v>
      </c>
      <c r="L15866" t="s">
        <v>82</v>
      </c>
      <c r="M15866" t="s">
        <v>83</v>
      </c>
      <c r="N15866" t="s">
        <v>84</v>
      </c>
      <c r="O15866" t="s">
        <v>85</v>
      </c>
      <c r="P15866" t="s">
        <v>86</v>
      </c>
      <c r="Q15866">
        <v>10</v>
      </c>
      <c r="R15866">
        <v>10</v>
      </c>
      <c r="S15866">
        <v>10</v>
      </c>
      <c r="T15866">
        <v>10</v>
      </c>
      <c r="U15866">
        <v>10</v>
      </c>
      <c r="V15866">
        <v>10</v>
      </c>
      <c r="W15866">
        <v>10</v>
      </c>
      <c r="X15866">
        <v>10</v>
      </c>
      <c r="Y15866">
        <v>10</v>
      </c>
      <c r="Z15866">
        <v>10</v>
      </c>
      <c r="AA15866">
        <v>10</v>
      </c>
      <c r="AB15866">
        <v>10</v>
      </c>
      <c r="AC15866">
        <v>10</v>
      </c>
      <c r="AD15866">
        <v>10</v>
      </c>
      <c r="AE15866">
        <v>10</v>
      </c>
      <c r="AF15866">
        <v>10</v>
      </c>
      <c r="AG15866">
        <v>10</v>
      </c>
      <c r="AH15866">
        <v>10</v>
      </c>
      <c r="AI15866">
        <v>10</v>
      </c>
      <c r="AJ15866">
        <v>10</v>
      </c>
      <c r="AK15866">
        <v>10</v>
      </c>
      <c r="AL15866">
        <v>10</v>
      </c>
      <c r="AM15866">
        <v>10</v>
      </c>
      <c r="AN15866">
        <v>10</v>
      </c>
      <c r="AO15866">
        <v>10</v>
      </c>
      <c r="AP15866">
        <v>10</v>
      </c>
      <c r="AQ15866">
        <v>10</v>
      </c>
    </row>
    <row r="15867" spans="1:43">
      <c r="A15867" t="s">
        <v>9854</v>
      </c>
      <c r="B15867" t="s">
        <v>9855</v>
      </c>
      <c r="C15867" t="s">
        <v>9842</v>
      </c>
      <c r="D15867" t="s">
        <v>9843</v>
      </c>
      <c r="E15867" t="s">
        <v>9544</v>
      </c>
      <c r="F15867" t="s">
        <v>9545</v>
      </c>
      <c r="G15867" t="s">
        <v>80</v>
      </c>
      <c r="H15867" t="s">
        <v>81</v>
      </c>
      <c r="I15867" s="2">
        <v>0</v>
      </c>
      <c r="J15867" s="2">
        <v>1</v>
      </c>
      <c r="K15867" s="2">
        <v>0</v>
      </c>
      <c r="L15867" t="s">
        <v>82</v>
      </c>
      <c r="M15867" t="s">
        <v>87</v>
      </c>
      <c r="N15867" t="s">
        <v>88</v>
      </c>
      <c r="O15867" t="s">
        <v>85</v>
      </c>
      <c r="P15867" t="s">
        <v>86</v>
      </c>
      <c r="Q15867">
        <v>10</v>
      </c>
      <c r="R15867">
        <v>10</v>
      </c>
      <c r="S15867">
        <v>10</v>
      </c>
      <c r="T15867">
        <v>10</v>
      </c>
      <c r="U15867">
        <v>10</v>
      </c>
      <c r="V15867">
        <v>10</v>
      </c>
      <c r="W15867">
        <v>10</v>
      </c>
      <c r="X15867">
        <v>10</v>
      </c>
      <c r="Y15867">
        <v>10</v>
      </c>
      <c r="Z15867">
        <v>10</v>
      </c>
      <c r="AA15867">
        <v>10</v>
      </c>
      <c r="AB15867">
        <v>10</v>
      </c>
      <c r="AC15867">
        <v>10</v>
      </c>
      <c r="AD15867">
        <v>10</v>
      </c>
      <c r="AE15867">
        <v>10</v>
      </c>
      <c r="AF15867">
        <v>10</v>
      </c>
      <c r="AG15867">
        <v>10</v>
      </c>
      <c r="AH15867">
        <v>10</v>
      </c>
      <c r="AI15867">
        <v>10</v>
      </c>
      <c r="AJ15867">
        <v>10</v>
      </c>
      <c r="AK15867">
        <v>10</v>
      </c>
      <c r="AL15867">
        <v>10</v>
      </c>
      <c r="AM15867">
        <v>10</v>
      </c>
      <c r="AN15867">
        <v>10</v>
      </c>
      <c r="AO15867">
        <v>10</v>
      </c>
      <c r="AP15867">
        <v>10</v>
      </c>
      <c r="AQ15867">
        <v>10</v>
      </c>
    </row>
    <row r="15868" spans="1:43">
      <c r="A15868" t="s">
        <v>9854</v>
      </c>
      <c r="B15868" t="s">
        <v>9855</v>
      </c>
      <c r="C15868" t="s">
        <v>9842</v>
      </c>
      <c r="D15868" t="s">
        <v>9843</v>
      </c>
      <c r="E15868" t="s">
        <v>9544</v>
      </c>
      <c r="F15868" t="s">
        <v>9545</v>
      </c>
      <c r="G15868" t="s">
        <v>80</v>
      </c>
      <c r="H15868" t="s">
        <v>81</v>
      </c>
      <c r="I15868" s="2">
        <v>0</v>
      </c>
      <c r="J15868" s="2">
        <v>1</v>
      </c>
      <c r="K15868" s="2">
        <v>0</v>
      </c>
      <c r="L15868" t="s">
        <v>82</v>
      </c>
      <c r="M15868" t="s">
        <v>89</v>
      </c>
      <c r="N15868" t="s">
        <v>90</v>
      </c>
      <c r="O15868" t="s">
        <v>85</v>
      </c>
      <c r="P15868" t="s">
        <v>86</v>
      </c>
      <c r="Q15868">
        <v>10</v>
      </c>
      <c r="R15868">
        <v>10</v>
      </c>
      <c r="S15868">
        <v>10</v>
      </c>
      <c r="T15868">
        <v>10</v>
      </c>
      <c r="U15868">
        <v>10</v>
      </c>
      <c r="V15868">
        <v>10</v>
      </c>
      <c r="W15868">
        <v>10</v>
      </c>
      <c r="X15868">
        <v>11</v>
      </c>
      <c r="Y15868">
        <v>11</v>
      </c>
      <c r="Z15868">
        <v>11</v>
      </c>
      <c r="AA15868">
        <v>11</v>
      </c>
      <c r="AB15868">
        <v>11</v>
      </c>
      <c r="AC15868">
        <v>11</v>
      </c>
      <c r="AD15868">
        <v>11</v>
      </c>
      <c r="AE15868">
        <v>11</v>
      </c>
      <c r="AF15868">
        <v>11</v>
      </c>
      <c r="AG15868">
        <v>11</v>
      </c>
      <c r="AH15868">
        <v>11</v>
      </c>
      <c r="AI15868">
        <v>11</v>
      </c>
      <c r="AJ15868">
        <v>11</v>
      </c>
      <c r="AK15868">
        <v>11</v>
      </c>
      <c r="AL15868">
        <v>10</v>
      </c>
      <c r="AM15868">
        <v>10</v>
      </c>
      <c r="AN15868">
        <v>10</v>
      </c>
      <c r="AO15868">
        <v>10</v>
      </c>
      <c r="AP15868">
        <v>10</v>
      </c>
      <c r="AQ15868">
        <v>10</v>
      </c>
    </row>
    <row r="15869" spans="1:43">
      <c r="A15869" t="s">
        <v>9854</v>
      </c>
      <c r="B15869" t="s">
        <v>9855</v>
      </c>
      <c r="C15869" t="s">
        <v>9842</v>
      </c>
      <c r="D15869" t="s">
        <v>9843</v>
      </c>
      <c r="E15869" t="s">
        <v>9544</v>
      </c>
      <c r="F15869" t="s">
        <v>9545</v>
      </c>
      <c r="G15869" t="s">
        <v>80</v>
      </c>
      <c r="H15869" t="s">
        <v>81</v>
      </c>
      <c r="I15869" s="2">
        <v>0</v>
      </c>
      <c r="J15869" s="2">
        <v>1</v>
      </c>
      <c r="K15869" s="2">
        <v>0</v>
      </c>
      <c r="L15869" t="s">
        <v>82</v>
      </c>
      <c r="M15869" t="s">
        <v>83</v>
      </c>
      <c r="N15869" t="s">
        <v>91</v>
      </c>
      <c r="O15869" t="s">
        <v>85</v>
      </c>
      <c r="P15869" t="s">
        <v>86</v>
      </c>
      <c r="Q15869">
        <v>10</v>
      </c>
      <c r="R15869">
        <v>10</v>
      </c>
      <c r="S15869">
        <v>10</v>
      </c>
      <c r="T15869">
        <v>10</v>
      </c>
      <c r="U15869">
        <v>10</v>
      </c>
      <c r="V15869">
        <v>10</v>
      </c>
      <c r="W15869">
        <v>10</v>
      </c>
      <c r="X15869">
        <v>10</v>
      </c>
      <c r="Y15869">
        <v>10</v>
      </c>
      <c r="Z15869">
        <v>10</v>
      </c>
      <c r="AA15869">
        <v>10</v>
      </c>
      <c r="AB15869">
        <v>10</v>
      </c>
      <c r="AC15869">
        <v>10</v>
      </c>
      <c r="AD15869">
        <v>10</v>
      </c>
      <c r="AE15869">
        <v>10</v>
      </c>
      <c r="AF15869">
        <v>10</v>
      </c>
      <c r="AG15869">
        <v>10</v>
      </c>
      <c r="AH15869">
        <v>10</v>
      </c>
      <c r="AI15869">
        <v>10</v>
      </c>
      <c r="AJ15869">
        <v>10</v>
      </c>
      <c r="AK15869">
        <v>10</v>
      </c>
      <c r="AL15869">
        <v>10</v>
      </c>
      <c r="AM15869">
        <v>10</v>
      </c>
      <c r="AN15869">
        <v>10</v>
      </c>
      <c r="AO15869">
        <v>10</v>
      </c>
      <c r="AP15869">
        <v>10</v>
      </c>
      <c r="AQ15869">
        <v>10</v>
      </c>
    </row>
    <row r="15870" spans="1:43">
      <c r="A15870" t="s">
        <v>9856</v>
      </c>
      <c r="B15870" t="s">
        <v>9857</v>
      </c>
      <c r="C15870" t="s">
        <v>9602</v>
      </c>
      <c r="D15870" t="s">
        <v>9603</v>
      </c>
      <c r="E15870" t="s">
        <v>9544</v>
      </c>
      <c r="F15870" t="s">
        <v>9545</v>
      </c>
      <c r="G15870" t="s">
        <v>80</v>
      </c>
      <c r="H15870" t="s">
        <v>81</v>
      </c>
      <c r="I15870" s="2">
        <v>0</v>
      </c>
      <c r="J15870" s="2">
        <v>1</v>
      </c>
      <c r="K15870" s="2">
        <v>0</v>
      </c>
      <c r="L15870" t="s">
        <v>82</v>
      </c>
      <c r="M15870" t="s">
        <v>83</v>
      </c>
      <c r="N15870" t="s">
        <v>84</v>
      </c>
      <c r="O15870" t="s">
        <v>85</v>
      </c>
      <c r="P15870" t="s">
        <v>86</v>
      </c>
      <c r="Q15870">
        <v>179</v>
      </c>
      <c r="R15870">
        <v>180</v>
      </c>
      <c r="S15870">
        <v>181</v>
      </c>
      <c r="T15870">
        <v>182</v>
      </c>
      <c r="U15870">
        <v>183</v>
      </c>
      <c r="V15870">
        <v>185</v>
      </c>
      <c r="W15870">
        <v>186</v>
      </c>
      <c r="X15870">
        <v>187</v>
      </c>
      <c r="Y15870">
        <v>188</v>
      </c>
      <c r="Z15870">
        <v>189</v>
      </c>
      <c r="AA15870">
        <v>190</v>
      </c>
      <c r="AB15870">
        <v>191</v>
      </c>
      <c r="AC15870">
        <v>192</v>
      </c>
      <c r="AD15870">
        <v>192</v>
      </c>
      <c r="AE15870">
        <v>193</v>
      </c>
      <c r="AF15870">
        <v>194</v>
      </c>
      <c r="AG15870">
        <v>194</v>
      </c>
      <c r="AH15870">
        <v>195</v>
      </c>
      <c r="AI15870">
        <v>196</v>
      </c>
      <c r="AJ15870">
        <v>196</v>
      </c>
      <c r="AK15870">
        <v>197</v>
      </c>
      <c r="AL15870">
        <v>196</v>
      </c>
      <c r="AM15870">
        <v>195</v>
      </c>
      <c r="AN15870">
        <v>194</v>
      </c>
      <c r="AO15870">
        <v>193</v>
      </c>
      <c r="AP15870">
        <v>192</v>
      </c>
      <c r="AQ15870">
        <v>191</v>
      </c>
    </row>
    <row r="15871" spans="1:43">
      <c r="A15871" t="s">
        <v>9856</v>
      </c>
      <c r="B15871" t="s">
        <v>9857</v>
      </c>
      <c r="C15871" t="s">
        <v>9602</v>
      </c>
      <c r="D15871" t="s">
        <v>9603</v>
      </c>
      <c r="E15871" t="s">
        <v>9544</v>
      </c>
      <c r="F15871" t="s">
        <v>9545</v>
      </c>
      <c r="G15871" t="s">
        <v>80</v>
      </c>
      <c r="H15871" t="s">
        <v>81</v>
      </c>
      <c r="I15871" s="2">
        <v>0</v>
      </c>
      <c r="J15871" s="2">
        <v>1</v>
      </c>
      <c r="K15871" s="2">
        <v>0</v>
      </c>
      <c r="L15871" t="s">
        <v>82</v>
      </c>
      <c r="M15871" t="s">
        <v>87</v>
      </c>
      <c r="N15871" t="s">
        <v>88</v>
      </c>
      <c r="O15871" t="s">
        <v>85</v>
      </c>
      <c r="P15871" t="s">
        <v>86</v>
      </c>
      <c r="Q15871">
        <v>179</v>
      </c>
      <c r="R15871">
        <v>179</v>
      </c>
      <c r="S15871">
        <v>178</v>
      </c>
      <c r="T15871">
        <v>178</v>
      </c>
      <c r="U15871">
        <v>177</v>
      </c>
      <c r="V15871">
        <v>177</v>
      </c>
      <c r="W15871">
        <v>177</v>
      </c>
      <c r="X15871">
        <v>176</v>
      </c>
      <c r="Y15871">
        <v>176</v>
      </c>
      <c r="Z15871">
        <v>175</v>
      </c>
      <c r="AA15871">
        <v>175</v>
      </c>
      <c r="AB15871">
        <v>174</v>
      </c>
      <c r="AC15871">
        <v>174</v>
      </c>
      <c r="AD15871">
        <v>173</v>
      </c>
      <c r="AE15871">
        <v>173</v>
      </c>
      <c r="AF15871">
        <v>172</v>
      </c>
      <c r="AG15871">
        <v>172</v>
      </c>
      <c r="AH15871">
        <v>171</v>
      </c>
      <c r="AI15871">
        <v>171</v>
      </c>
      <c r="AJ15871">
        <v>170</v>
      </c>
      <c r="AK15871">
        <v>170</v>
      </c>
      <c r="AL15871">
        <v>169</v>
      </c>
      <c r="AM15871">
        <v>169</v>
      </c>
      <c r="AN15871">
        <v>168</v>
      </c>
      <c r="AO15871">
        <v>168</v>
      </c>
      <c r="AP15871">
        <v>167</v>
      </c>
      <c r="AQ15871">
        <v>166</v>
      </c>
    </row>
    <row r="15872" spans="1:43">
      <c r="A15872" t="s">
        <v>9856</v>
      </c>
      <c r="B15872" t="s">
        <v>9857</v>
      </c>
      <c r="C15872" t="s">
        <v>9602</v>
      </c>
      <c r="D15872" t="s">
        <v>9603</v>
      </c>
      <c r="E15872" t="s">
        <v>9544</v>
      </c>
      <c r="F15872" t="s">
        <v>9545</v>
      </c>
      <c r="G15872" t="s">
        <v>80</v>
      </c>
      <c r="H15872" t="s">
        <v>81</v>
      </c>
      <c r="I15872" s="2">
        <v>0</v>
      </c>
      <c r="J15872" s="2">
        <v>1</v>
      </c>
      <c r="K15872" s="2">
        <v>0</v>
      </c>
      <c r="L15872" t="s">
        <v>82</v>
      </c>
      <c r="M15872" t="s">
        <v>89</v>
      </c>
      <c r="N15872" t="s">
        <v>90</v>
      </c>
      <c r="O15872" t="s">
        <v>85</v>
      </c>
      <c r="P15872" t="s">
        <v>86</v>
      </c>
      <c r="Q15872">
        <v>179</v>
      </c>
      <c r="R15872">
        <v>182</v>
      </c>
      <c r="S15872">
        <v>185</v>
      </c>
      <c r="T15872">
        <v>187</v>
      </c>
      <c r="U15872">
        <v>190</v>
      </c>
      <c r="V15872">
        <v>192</v>
      </c>
      <c r="W15872">
        <v>194</v>
      </c>
      <c r="X15872">
        <v>196</v>
      </c>
      <c r="Y15872">
        <v>198</v>
      </c>
      <c r="Z15872">
        <v>200</v>
      </c>
      <c r="AA15872">
        <v>201</v>
      </c>
      <c r="AB15872">
        <v>203</v>
      </c>
      <c r="AC15872">
        <v>204</v>
      </c>
      <c r="AD15872">
        <v>206</v>
      </c>
      <c r="AE15872">
        <v>206</v>
      </c>
      <c r="AF15872">
        <v>205</v>
      </c>
      <c r="AG15872">
        <v>204</v>
      </c>
      <c r="AH15872">
        <v>203</v>
      </c>
      <c r="AI15872">
        <v>201</v>
      </c>
      <c r="AJ15872">
        <v>200</v>
      </c>
      <c r="AK15872">
        <v>199</v>
      </c>
      <c r="AL15872">
        <v>198</v>
      </c>
      <c r="AM15872">
        <v>197</v>
      </c>
      <c r="AN15872">
        <v>195</v>
      </c>
      <c r="AO15872">
        <v>194</v>
      </c>
      <c r="AP15872">
        <v>193</v>
      </c>
      <c r="AQ15872">
        <v>192</v>
      </c>
    </row>
    <row r="15873" spans="1:43">
      <c r="A15873" t="s">
        <v>9856</v>
      </c>
      <c r="B15873" t="s">
        <v>9857</v>
      </c>
      <c r="C15873" t="s">
        <v>9602</v>
      </c>
      <c r="D15873" t="s">
        <v>9603</v>
      </c>
      <c r="E15873" t="s">
        <v>9544</v>
      </c>
      <c r="F15873" t="s">
        <v>9545</v>
      </c>
      <c r="G15873" t="s">
        <v>80</v>
      </c>
      <c r="H15873" t="s">
        <v>81</v>
      </c>
      <c r="I15873" s="2">
        <v>0</v>
      </c>
      <c r="J15873" s="2">
        <v>1</v>
      </c>
      <c r="K15873" s="2">
        <v>0</v>
      </c>
      <c r="L15873" t="s">
        <v>82</v>
      </c>
      <c r="M15873" t="s">
        <v>83</v>
      </c>
      <c r="N15873" t="s">
        <v>91</v>
      </c>
      <c r="O15873" t="s">
        <v>85</v>
      </c>
      <c r="P15873" t="s">
        <v>86</v>
      </c>
      <c r="Q15873">
        <v>179</v>
      </c>
      <c r="R15873">
        <v>180</v>
      </c>
      <c r="S15873">
        <v>181</v>
      </c>
      <c r="T15873">
        <v>182</v>
      </c>
      <c r="U15873">
        <v>183</v>
      </c>
      <c r="V15873">
        <v>185</v>
      </c>
      <c r="W15873">
        <v>186</v>
      </c>
      <c r="X15873">
        <v>187</v>
      </c>
      <c r="Y15873">
        <v>188</v>
      </c>
      <c r="Z15873">
        <v>189</v>
      </c>
      <c r="AA15873">
        <v>190</v>
      </c>
      <c r="AB15873">
        <v>191</v>
      </c>
      <c r="AC15873">
        <v>192</v>
      </c>
      <c r="AD15873">
        <v>192</v>
      </c>
      <c r="AE15873">
        <v>193</v>
      </c>
      <c r="AF15873">
        <v>194</v>
      </c>
      <c r="AG15873">
        <v>194</v>
      </c>
      <c r="AH15873">
        <v>195</v>
      </c>
      <c r="AI15873">
        <v>196</v>
      </c>
      <c r="AJ15873">
        <v>196</v>
      </c>
      <c r="AK15873">
        <v>197</v>
      </c>
      <c r="AL15873">
        <v>196</v>
      </c>
      <c r="AM15873">
        <v>195</v>
      </c>
      <c r="AN15873">
        <v>194</v>
      </c>
      <c r="AO15873">
        <v>193</v>
      </c>
      <c r="AP15873">
        <v>192</v>
      </c>
      <c r="AQ15873">
        <v>191</v>
      </c>
    </row>
    <row r="15874" spans="1:43">
      <c r="A15874" t="s">
        <v>9858</v>
      </c>
      <c r="B15874" t="s">
        <v>9859</v>
      </c>
      <c r="C15874" t="s">
        <v>9646</v>
      </c>
      <c r="D15874" t="s">
        <v>9647</v>
      </c>
      <c r="E15874" t="s">
        <v>9544</v>
      </c>
      <c r="F15874" t="s">
        <v>9545</v>
      </c>
      <c r="G15874" t="s">
        <v>80</v>
      </c>
      <c r="H15874" t="s">
        <v>81</v>
      </c>
      <c r="I15874" s="2">
        <v>0</v>
      </c>
      <c r="J15874" s="2">
        <v>1</v>
      </c>
      <c r="K15874" s="2">
        <v>0</v>
      </c>
      <c r="L15874" t="s">
        <v>82</v>
      </c>
      <c r="M15874" t="s">
        <v>83</v>
      </c>
      <c r="N15874" t="s">
        <v>84</v>
      </c>
      <c r="O15874" t="s">
        <v>85</v>
      </c>
      <c r="P15874" t="s">
        <v>86</v>
      </c>
      <c r="Q15874">
        <v>36</v>
      </c>
      <c r="R15874">
        <v>36</v>
      </c>
      <c r="S15874">
        <v>36</v>
      </c>
      <c r="T15874">
        <v>36</v>
      </c>
      <c r="U15874">
        <v>36</v>
      </c>
      <c r="V15874">
        <v>37</v>
      </c>
      <c r="W15874">
        <v>37</v>
      </c>
      <c r="X15874">
        <v>37</v>
      </c>
      <c r="Y15874">
        <v>37</v>
      </c>
      <c r="Z15874">
        <v>37</v>
      </c>
      <c r="AA15874">
        <v>37</v>
      </c>
      <c r="AB15874">
        <v>37</v>
      </c>
      <c r="AC15874">
        <v>38</v>
      </c>
      <c r="AD15874">
        <v>38</v>
      </c>
      <c r="AE15874">
        <v>38</v>
      </c>
      <c r="AF15874">
        <v>38</v>
      </c>
      <c r="AG15874">
        <v>38</v>
      </c>
      <c r="AH15874">
        <v>38</v>
      </c>
      <c r="AI15874">
        <v>38</v>
      </c>
      <c r="AJ15874">
        <v>38</v>
      </c>
      <c r="AK15874">
        <v>38</v>
      </c>
      <c r="AL15874">
        <v>38</v>
      </c>
      <c r="AM15874">
        <v>38</v>
      </c>
      <c r="AN15874">
        <v>38</v>
      </c>
      <c r="AO15874">
        <v>37</v>
      </c>
      <c r="AP15874">
        <v>37</v>
      </c>
      <c r="AQ15874">
        <v>37</v>
      </c>
    </row>
    <row r="15875" spans="1:43">
      <c r="A15875" t="s">
        <v>9858</v>
      </c>
      <c r="B15875" t="s">
        <v>9859</v>
      </c>
      <c r="C15875" t="s">
        <v>9646</v>
      </c>
      <c r="D15875" t="s">
        <v>9647</v>
      </c>
      <c r="E15875" t="s">
        <v>9544</v>
      </c>
      <c r="F15875" t="s">
        <v>9545</v>
      </c>
      <c r="G15875" t="s">
        <v>80</v>
      </c>
      <c r="H15875" t="s">
        <v>81</v>
      </c>
      <c r="I15875" s="2">
        <v>0</v>
      </c>
      <c r="J15875" s="2">
        <v>1</v>
      </c>
      <c r="K15875" s="2">
        <v>0</v>
      </c>
      <c r="L15875" t="s">
        <v>82</v>
      </c>
      <c r="M15875" t="s">
        <v>87</v>
      </c>
      <c r="N15875" t="s">
        <v>88</v>
      </c>
      <c r="O15875" t="s">
        <v>85</v>
      </c>
      <c r="P15875" t="s">
        <v>86</v>
      </c>
      <c r="Q15875">
        <v>36</v>
      </c>
      <c r="R15875">
        <v>36</v>
      </c>
      <c r="S15875">
        <v>36</v>
      </c>
      <c r="T15875">
        <v>36</v>
      </c>
      <c r="U15875">
        <v>36</v>
      </c>
      <c r="V15875">
        <v>36</v>
      </c>
      <c r="W15875">
        <v>35</v>
      </c>
      <c r="X15875">
        <v>35</v>
      </c>
      <c r="Y15875">
        <v>35</v>
      </c>
      <c r="Z15875">
        <v>35</v>
      </c>
      <c r="AA15875">
        <v>35</v>
      </c>
      <c r="AB15875">
        <v>35</v>
      </c>
      <c r="AC15875">
        <v>35</v>
      </c>
      <c r="AD15875">
        <v>35</v>
      </c>
      <c r="AE15875">
        <v>34</v>
      </c>
      <c r="AF15875">
        <v>34</v>
      </c>
      <c r="AG15875">
        <v>34</v>
      </c>
      <c r="AH15875">
        <v>34</v>
      </c>
      <c r="AI15875">
        <v>34</v>
      </c>
      <c r="AJ15875">
        <v>34</v>
      </c>
      <c r="AK15875">
        <v>34</v>
      </c>
      <c r="AL15875">
        <v>33</v>
      </c>
      <c r="AM15875">
        <v>33</v>
      </c>
      <c r="AN15875">
        <v>33</v>
      </c>
      <c r="AO15875">
        <v>33</v>
      </c>
      <c r="AP15875">
        <v>33</v>
      </c>
      <c r="AQ15875">
        <v>33</v>
      </c>
    </row>
    <row r="15876" spans="1:43">
      <c r="A15876" t="s">
        <v>9858</v>
      </c>
      <c r="B15876" t="s">
        <v>9859</v>
      </c>
      <c r="C15876" t="s">
        <v>9646</v>
      </c>
      <c r="D15876" t="s">
        <v>9647</v>
      </c>
      <c r="E15876" t="s">
        <v>9544</v>
      </c>
      <c r="F15876" t="s">
        <v>9545</v>
      </c>
      <c r="G15876" t="s">
        <v>80</v>
      </c>
      <c r="H15876" t="s">
        <v>81</v>
      </c>
      <c r="I15876" s="2">
        <v>0</v>
      </c>
      <c r="J15876" s="2">
        <v>1</v>
      </c>
      <c r="K15876" s="2">
        <v>0</v>
      </c>
      <c r="L15876" t="s">
        <v>82</v>
      </c>
      <c r="M15876" t="s">
        <v>89</v>
      </c>
      <c r="N15876" t="s">
        <v>90</v>
      </c>
      <c r="O15876" t="s">
        <v>85</v>
      </c>
      <c r="P15876" t="s">
        <v>86</v>
      </c>
      <c r="Q15876">
        <v>36</v>
      </c>
      <c r="R15876">
        <v>36</v>
      </c>
      <c r="S15876">
        <v>37</v>
      </c>
      <c r="T15876">
        <v>37</v>
      </c>
      <c r="U15876">
        <v>38</v>
      </c>
      <c r="V15876">
        <v>38</v>
      </c>
      <c r="W15876">
        <v>39</v>
      </c>
      <c r="X15876">
        <v>39</v>
      </c>
      <c r="Y15876">
        <v>39</v>
      </c>
      <c r="Z15876">
        <v>40</v>
      </c>
      <c r="AA15876">
        <v>40</v>
      </c>
      <c r="AB15876">
        <v>40</v>
      </c>
      <c r="AC15876">
        <v>40</v>
      </c>
      <c r="AD15876">
        <v>41</v>
      </c>
      <c r="AE15876">
        <v>41</v>
      </c>
      <c r="AF15876">
        <v>40</v>
      </c>
      <c r="AG15876">
        <v>40</v>
      </c>
      <c r="AH15876">
        <v>40</v>
      </c>
      <c r="AI15876">
        <v>39</v>
      </c>
      <c r="AJ15876">
        <v>39</v>
      </c>
      <c r="AK15876">
        <v>39</v>
      </c>
      <c r="AL15876">
        <v>38</v>
      </c>
      <c r="AM15876">
        <v>38</v>
      </c>
      <c r="AN15876">
        <v>38</v>
      </c>
      <c r="AO15876">
        <v>38</v>
      </c>
      <c r="AP15876">
        <v>37</v>
      </c>
      <c r="AQ15876">
        <v>37</v>
      </c>
    </row>
    <row r="15877" spans="1:43">
      <c r="A15877" t="s">
        <v>9858</v>
      </c>
      <c r="B15877" t="s">
        <v>9859</v>
      </c>
      <c r="C15877" t="s">
        <v>9646</v>
      </c>
      <c r="D15877" t="s">
        <v>9647</v>
      </c>
      <c r="E15877" t="s">
        <v>9544</v>
      </c>
      <c r="F15877" t="s">
        <v>9545</v>
      </c>
      <c r="G15877" t="s">
        <v>80</v>
      </c>
      <c r="H15877" t="s">
        <v>81</v>
      </c>
      <c r="I15877" s="2">
        <v>0</v>
      </c>
      <c r="J15877" s="2">
        <v>1</v>
      </c>
      <c r="K15877" s="2">
        <v>0</v>
      </c>
      <c r="L15877" t="s">
        <v>82</v>
      </c>
      <c r="M15877" t="s">
        <v>83</v>
      </c>
      <c r="N15877" t="s">
        <v>91</v>
      </c>
      <c r="O15877" t="s">
        <v>85</v>
      </c>
      <c r="P15877" t="s">
        <v>86</v>
      </c>
      <c r="Q15877">
        <v>36</v>
      </c>
      <c r="R15877">
        <v>36</v>
      </c>
      <c r="S15877">
        <v>36</v>
      </c>
      <c r="T15877">
        <v>36</v>
      </c>
      <c r="U15877">
        <v>36</v>
      </c>
      <c r="V15877">
        <v>37</v>
      </c>
      <c r="W15877">
        <v>37</v>
      </c>
      <c r="X15877">
        <v>37</v>
      </c>
      <c r="Y15877">
        <v>37</v>
      </c>
      <c r="Z15877">
        <v>37</v>
      </c>
      <c r="AA15877">
        <v>37</v>
      </c>
      <c r="AB15877">
        <v>37</v>
      </c>
      <c r="AC15877">
        <v>38</v>
      </c>
      <c r="AD15877">
        <v>38</v>
      </c>
      <c r="AE15877">
        <v>38</v>
      </c>
      <c r="AF15877">
        <v>38</v>
      </c>
      <c r="AG15877">
        <v>38</v>
      </c>
      <c r="AH15877">
        <v>38</v>
      </c>
      <c r="AI15877">
        <v>38</v>
      </c>
      <c r="AJ15877">
        <v>38</v>
      </c>
      <c r="AK15877">
        <v>38</v>
      </c>
      <c r="AL15877">
        <v>38</v>
      </c>
      <c r="AM15877">
        <v>38</v>
      </c>
      <c r="AN15877">
        <v>38</v>
      </c>
      <c r="AO15877">
        <v>37</v>
      </c>
      <c r="AP15877">
        <v>37</v>
      </c>
      <c r="AQ15877">
        <v>37</v>
      </c>
    </row>
    <row r="15878" spans="1:43">
      <c r="A15878" t="s">
        <v>9860</v>
      </c>
      <c r="B15878" t="s">
        <v>9861</v>
      </c>
      <c r="C15878" t="s">
        <v>9862</v>
      </c>
      <c r="D15878" t="s">
        <v>9863</v>
      </c>
      <c r="E15878" t="s">
        <v>9544</v>
      </c>
      <c r="F15878" t="s">
        <v>9545</v>
      </c>
      <c r="G15878" t="s">
        <v>80</v>
      </c>
      <c r="H15878" t="s">
        <v>81</v>
      </c>
      <c r="I15878" s="2">
        <v>0</v>
      </c>
      <c r="J15878" s="2">
        <v>1</v>
      </c>
      <c r="K15878" s="2">
        <v>0</v>
      </c>
      <c r="L15878" t="s">
        <v>82</v>
      </c>
      <c r="M15878" t="s">
        <v>83</v>
      </c>
      <c r="N15878" t="s">
        <v>84</v>
      </c>
      <c r="O15878" t="s">
        <v>85</v>
      </c>
      <c r="P15878" t="s">
        <v>86</v>
      </c>
      <c r="Q15878">
        <v>8</v>
      </c>
      <c r="R15878">
        <v>8</v>
      </c>
      <c r="S15878">
        <v>8</v>
      </c>
      <c r="T15878">
        <v>8</v>
      </c>
      <c r="U15878">
        <v>8</v>
      </c>
      <c r="V15878">
        <v>8</v>
      </c>
      <c r="W15878">
        <v>8</v>
      </c>
      <c r="X15878">
        <v>8</v>
      </c>
      <c r="Y15878">
        <v>9</v>
      </c>
      <c r="Z15878">
        <v>9</v>
      </c>
      <c r="AA15878">
        <v>9</v>
      </c>
      <c r="AB15878">
        <v>9</v>
      </c>
      <c r="AC15878">
        <v>9</v>
      </c>
      <c r="AD15878">
        <v>9</v>
      </c>
      <c r="AE15878">
        <v>9</v>
      </c>
      <c r="AF15878">
        <v>9</v>
      </c>
      <c r="AG15878">
        <v>9</v>
      </c>
      <c r="AH15878">
        <v>9</v>
      </c>
      <c r="AI15878">
        <v>9</v>
      </c>
      <c r="AJ15878">
        <v>9</v>
      </c>
      <c r="AK15878">
        <v>9</v>
      </c>
      <c r="AL15878">
        <v>9</v>
      </c>
      <c r="AM15878">
        <v>9</v>
      </c>
      <c r="AN15878">
        <v>9</v>
      </c>
      <c r="AO15878">
        <v>9</v>
      </c>
      <c r="AP15878">
        <v>9</v>
      </c>
      <c r="AQ15878">
        <v>9</v>
      </c>
    </row>
    <row r="15879" spans="1:43">
      <c r="A15879" t="s">
        <v>9860</v>
      </c>
      <c r="B15879" t="s">
        <v>9861</v>
      </c>
      <c r="C15879" t="s">
        <v>9862</v>
      </c>
      <c r="D15879" t="s">
        <v>9863</v>
      </c>
      <c r="E15879" t="s">
        <v>9544</v>
      </c>
      <c r="F15879" t="s">
        <v>9545</v>
      </c>
      <c r="G15879" t="s">
        <v>80</v>
      </c>
      <c r="H15879" t="s">
        <v>81</v>
      </c>
      <c r="I15879" s="2">
        <v>0</v>
      </c>
      <c r="J15879" s="2">
        <v>1</v>
      </c>
      <c r="K15879" s="2">
        <v>0</v>
      </c>
      <c r="L15879" t="s">
        <v>82</v>
      </c>
      <c r="M15879" t="s">
        <v>87</v>
      </c>
      <c r="N15879" t="s">
        <v>88</v>
      </c>
      <c r="O15879" t="s">
        <v>85</v>
      </c>
      <c r="P15879" t="s">
        <v>86</v>
      </c>
      <c r="Q15879">
        <v>8</v>
      </c>
      <c r="R15879">
        <v>8</v>
      </c>
      <c r="S15879">
        <v>8</v>
      </c>
      <c r="T15879">
        <v>8</v>
      </c>
      <c r="U15879">
        <v>8</v>
      </c>
      <c r="V15879">
        <v>8</v>
      </c>
      <c r="W15879">
        <v>8</v>
      </c>
      <c r="X15879">
        <v>8</v>
      </c>
      <c r="Y15879">
        <v>8</v>
      </c>
      <c r="Z15879">
        <v>8</v>
      </c>
      <c r="AA15879">
        <v>8</v>
      </c>
      <c r="AB15879">
        <v>8</v>
      </c>
      <c r="AC15879">
        <v>8</v>
      </c>
      <c r="AD15879">
        <v>8</v>
      </c>
      <c r="AE15879">
        <v>8</v>
      </c>
      <c r="AF15879">
        <v>8</v>
      </c>
      <c r="AG15879">
        <v>8</v>
      </c>
      <c r="AH15879">
        <v>8</v>
      </c>
      <c r="AI15879">
        <v>8</v>
      </c>
      <c r="AJ15879">
        <v>8</v>
      </c>
      <c r="AK15879">
        <v>8</v>
      </c>
      <c r="AL15879">
        <v>8</v>
      </c>
      <c r="AM15879">
        <v>8</v>
      </c>
      <c r="AN15879">
        <v>8</v>
      </c>
      <c r="AO15879">
        <v>8</v>
      </c>
      <c r="AP15879">
        <v>8</v>
      </c>
      <c r="AQ15879">
        <v>8</v>
      </c>
    </row>
    <row r="15880" spans="1:43">
      <c r="A15880" t="s">
        <v>9860</v>
      </c>
      <c r="B15880" t="s">
        <v>9861</v>
      </c>
      <c r="C15880" t="s">
        <v>9862</v>
      </c>
      <c r="D15880" t="s">
        <v>9863</v>
      </c>
      <c r="E15880" t="s">
        <v>9544</v>
      </c>
      <c r="F15880" t="s">
        <v>9545</v>
      </c>
      <c r="G15880" t="s">
        <v>80</v>
      </c>
      <c r="H15880" t="s">
        <v>81</v>
      </c>
      <c r="I15880" s="2">
        <v>0</v>
      </c>
      <c r="J15880" s="2">
        <v>1</v>
      </c>
      <c r="K15880" s="2">
        <v>0</v>
      </c>
      <c r="L15880" t="s">
        <v>82</v>
      </c>
      <c r="M15880" t="s">
        <v>89</v>
      </c>
      <c r="N15880" t="s">
        <v>90</v>
      </c>
      <c r="O15880" t="s">
        <v>85</v>
      </c>
      <c r="P15880" t="s">
        <v>86</v>
      </c>
      <c r="Q15880">
        <v>8</v>
      </c>
      <c r="R15880">
        <v>8</v>
      </c>
      <c r="S15880">
        <v>8</v>
      </c>
      <c r="T15880">
        <v>9</v>
      </c>
      <c r="U15880">
        <v>9</v>
      </c>
      <c r="V15880">
        <v>9</v>
      </c>
      <c r="W15880">
        <v>9</v>
      </c>
      <c r="X15880">
        <v>9</v>
      </c>
      <c r="Y15880">
        <v>9</v>
      </c>
      <c r="Z15880">
        <v>9</v>
      </c>
      <c r="AA15880">
        <v>9</v>
      </c>
      <c r="AB15880">
        <v>9</v>
      </c>
      <c r="AC15880">
        <v>9</v>
      </c>
      <c r="AD15880">
        <v>9</v>
      </c>
      <c r="AE15880">
        <v>9</v>
      </c>
      <c r="AF15880">
        <v>9</v>
      </c>
      <c r="AG15880">
        <v>9</v>
      </c>
      <c r="AH15880">
        <v>9</v>
      </c>
      <c r="AI15880">
        <v>9</v>
      </c>
      <c r="AJ15880">
        <v>9</v>
      </c>
      <c r="AK15880">
        <v>9</v>
      </c>
      <c r="AL15880">
        <v>9</v>
      </c>
      <c r="AM15880">
        <v>9</v>
      </c>
      <c r="AN15880">
        <v>9</v>
      </c>
      <c r="AO15880">
        <v>9</v>
      </c>
      <c r="AP15880">
        <v>9</v>
      </c>
      <c r="AQ15880">
        <v>9</v>
      </c>
    </row>
    <row r="15881" spans="1:43">
      <c r="A15881" t="s">
        <v>9860</v>
      </c>
      <c r="B15881" t="s">
        <v>9861</v>
      </c>
      <c r="C15881" t="s">
        <v>9862</v>
      </c>
      <c r="D15881" t="s">
        <v>9863</v>
      </c>
      <c r="E15881" t="s">
        <v>9544</v>
      </c>
      <c r="F15881" t="s">
        <v>9545</v>
      </c>
      <c r="G15881" t="s">
        <v>80</v>
      </c>
      <c r="H15881" t="s">
        <v>81</v>
      </c>
      <c r="I15881" s="2">
        <v>0</v>
      </c>
      <c r="J15881" s="2">
        <v>1</v>
      </c>
      <c r="K15881" s="2">
        <v>0</v>
      </c>
      <c r="L15881" t="s">
        <v>82</v>
      </c>
      <c r="M15881" t="s">
        <v>83</v>
      </c>
      <c r="N15881" t="s">
        <v>91</v>
      </c>
      <c r="O15881" t="s">
        <v>85</v>
      </c>
      <c r="P15881" t="s">
        <v>86</v>
      </c>
      <c r="Q15881">
        <v>8</v>
      </c>
      <c r="R15881">
        <v>8</v>
      </c>
      <c r="S15881">
        <v>8</v>
      </c>
      <c r="T15881">
        <v>8</v>
      </c>
      <c r="U15881">
        <v>8</v>
      </c>
      <c r="V15881">
        <v>8</v>
      </c>
      <c r="W15881">
        <v>8</v>
      </c>
      <c r="X15881">
        <v>8</v>
      </c>
      <c r="Y15881">
        <v>9</v>
      </c>
      <c r="Z15881">
        <v>9</v>
      </c>
      <c r="AA15881">
        <v>9</v>
      </c>
      <c r="AB15881">
        <v>9</v>
      </c>
      <c r="AC15881">
        <v>9</v>
      </c>
      <c r="AD15881">
        <v>9</v>
      </c>
      <c r="AE15881">
        <v>9</v>
      </c>
      <c r="AF15881">
        <v>9</v>
      </c>
      <c r="AG15881">
        <v>9</v>
      </c>
      <c r="AH15881">
        <v>9</v>
      </c>
      <c r="AI15881">
        <v>9</v>
      </c>
      <c r="AJ15881">
        <v>9</v>
      </c>
      <c r="AK15881">
        <v>9</v>
      </c>
      <c r="AL15881">
        <v>9</v>
      </c>
      <c r="AM15881">
        <v>9</v>
      </c>
      <c r="AN15881">
        <v>9</v>
      </c>
      <c r="AO15881">
        <v>9</v>
      </c>
      <c r="AP15881">
        <v>9</v>
      </c>
      <c r="AQ15881">
        <v>9</v>
      </c>
    </row>
    <row r="15882" spans="1:43">
      <c r="A15882" t="s">
        <v>9864</v>
      </c>
      <c r="B15882" t="s">
        <v>9865</v>
      </c>
      <c r="C15882" t="s">
        <v>9862</v>
      </c>
      <c r="D15882" t="s">
        <v>9863</v>
      </c>
      <c r="E15882" t="s">
        <v>9544</v>
      </c>
      <c r="F15882" t="s">
        <v>9545</v>
      </c>
      <c r="G15882" t="s">
        <v>80</v>
      </c>
      <c r="H15882" t="s">
        <v>81</v>
      </c>
      <c r="I15882" s="2">
        <v>0</v>
      </c>
      <c r="J15882" s="2">
        <v>1</v>
      </c>
      <c r="K15882" s="2">
        <v>0</v>
      </c>
      <c r="L15882" t="s">
        <v>82</v>
      </c>
      <c r="M15882" t="s">
        <v>83</v>
      </c>
      <c r="N15882" t="s">
        <v>84</v>
      </c>
      <c r="O15882" t="s">
        <v>85</v>
      </c>
      <c r="P15882" t="s">
        <v>86</v>
      </c>
      <c r="Q15882">
        <v>50</v>
      </c>
      <c r="R15882">
        <v>51</v>
      </c>
      <c r="S15882">
        <v>51</v>
      </c>
      <c r="T15882">
        <v>51</v>
      </c>
      <c r="U15882">
        <v>52</v>
      </c>
      <c r="V15882">
        <v>52</v>
      </c>
      <c r="W15882">
        <v>53</v>
      </c>
      <c r="X15882">
        <v>53</v>
      </c>
      <c r="Y15882">
        <v>53</v>
      </c>
      <c r="Z15882">
        <v>54</v>
      </c>
      <c r="AA15882">
        <v>54</v>
      </c>
      <c r="AB15882">
        <v>54</v>
      </c>
      <c r="AC15882">
        <v>55</v>
      </c>
      <c r="AD15882">
        <v>55</v>
      </c>
      <c r="AE15882">
        <v>55</v>
      </c>
      <c r="AF15882">
        <v>55</v>
      </c>
      <c r="AG15882">
        <v>56</v>
      </c>
      <c r="AH15882">
        <v>56</v>
      </c>
      <c r="AI15882">
        <v>56</v>
      </c>
      <c r="AJ15882">
        <v>57</v>
      </c>
      <c r="AK15882">
        <v>57</v>
      </c>
      <c r="AL15882">
        <v>57</v>
      </c>
      <c r="AM15882">
        <v>56</v>
      </c>
      <c r="AN15882">
        <v>56</v>
      </c>
      <c r="AO15882">
        <v>56</v>
      </c>
      <c r="AP15882">
        <v>56</v>
      </c>
      <c r="AQ15882">
        <v>56</v>
      </c>
    </row>
    <row r="15883" spans="1:43">
      <c r="A15883" t="s">
        <v>9864</v>
      </c>
      <c r="B15883" t="s">
        <v>9865</v>
      </c>
      <c r="C15883" t="s">
        <v>9862</v>
      </c>
      <c r="D15883" t="s">
        <v>9863</v>
      </c>
      <c r="E15883" t="s">
        <v>9544</v>
      </c>
      <c r="F15883" t="s">
        <v>9545</v>
      </c>
      <c r="G15883" t="s">
        <v>80</v>
      </c>
      <c r="H15883" t="s">
        <v>81</v>
      </c>
      <c r="I15883" s="2">
        <v>0</v>
      </c>
      <c r="J15883" s="2">
        <v>1</v>
      </c>
      <c r="K15883" s="2">
        <v>0</v>
      </c>
      <c r="L15883" t="s">
        <v>82</v>
      </c>
      <c r="M15883" t="s">
        <v>87</v>
      </c>
      <c r="N15883" t="s">
        <v>88</v>
      </c>
      <c r="O15883" t="s">
        <v>85</v>
      </c>
      <c r="P15883" t="s">
        <v>86</v>
      </c>
      <c r="Q15883">
        <v>50</v>
      </c>
      <c r="R15883">
        <v>50</v>
      </c>
      <c r="S15883">
        <v>50</v>
      </c>
      <c r="T15883">
        <v>50</v>
      </c>
      <c r="U15883">
        <v>50</v>
      </c>
      <c r="V15883">
        <v>50</v>
      </c>
      <c r="W15883">
        <v>49</v>
      </c>
      <c r="X15883">
        <v>49</v>
      </c>
      <c r="Y15883">
        <v>49</v>
      </c>
      <c r="Z15883">
        <v>49</v>
      </c>
      <c r="AA15883">
        <v>49</v>
      </c>
      <c r="AB15883">
        <v>49</v>
      </c>
      <c r="AC15883">
        <v>49</v>
      </c>
      <c r="AD15883">
        <v>49</v>
      </c>
      <c r="AE15883">
        <v>49</v>
      </c>
      <c r="AF15883">
        <v>49</v>
      </c>
      <c r="AG15883">
        <v>49</v>
      </c>
      <c r="AH15883">
        <v>49</v>
      </c>
      <c r="AI15883">
        <v>49</v>
      </c>
      <c r="AJ15883">
        <v>48</v>
      </c>
      <c r="AK15883">
        <v>48</v>
      </c>
      <c r="AL15883">
        <v>48</v>
      </c>
      <c r="AM15883">
        <v>48</v>
      </c>
      <c r="AN15883">
        <v>48</v>
      </c>
      <c r="AO15883">
        <v>48</v>
      </c>
      <c r="AP15883">
        <v>48</v>
      </c>
      <c r="AQ15883">
        <v>48</v>
      </c>
    </row>
    <row r="15884" spans="1:43">
      <c r="A15884" t="s">
        <v>9864</v>
      </c>
      <c r="B15884" t="s">
        <v>9865</v>
      </c>
      <c r="C15884" t="s">
        <v>9862</v>
      </c>
      <c r="D15884" t="s">
        <v>9863</v>
      </c>
      <c r="E15884" t="s">
        <v>9544</v>
      </c>
      <c r="F15884" t="s">
        <v>9545</v>
      </c>
      <c r="G15884" t="s">
        <v>80</v>
      </c>
      <c r="H15884" t="s">
        <v>81</v>
      </c>
      <c r="I15884" s="2">
        <v>0</v>
      </c>
      <c r="J15884" s="2">
        <v>1</v>
      </c>
      <c r="K15884" s="2">
        <v>0</v>
      </c>
      <c r="L15884" t="s">
        <v>82</v>
      </c>
      <c r="M15884" t="s">
        <v>89</v>
      </c>
      <c r="N15884" t="s">
        <v>90</v>
      </c>
      <c r="O15884" t="s">
        <v>85</v>
      </c>
      <c r="P15884" t="s">
        <v>86</v>
      </c>
      <c r="Q15884">
        <v>50</v>
      </c>
      <c r="R15884">
        <v>51</v>
      </c>
      <c r="S15884">
        <v>51</v>
      </c>
      <c r="T15884">
        <v>52</v>
      </c>
      <c r="U15884">
        <v>53</v>
      </c>
      <c r="V15884">
        <v>54</v>
      </c>
      <c r="W15884">
        <v>54</v>
      </c>
      <c r="X15884">
        <v>55</v>
      </c>
      <c r="Y15884">
        <v>56</v>
      </c>
      <c r="Z15884">
        <v>56</v>
      </c>
      <c r="AA15884">
        <v>57</v>
      </c>
      <c r="AB15884">
        <v>57</v>
      </c>
      <c r="AC15884">
        <v>58</v>
      </c>
      <c r="AD15884">
        <v>58</v>
      </c>
      <c r="AE15884">
        <v>58</v>
      </c>
      <c r="AF15884">
        <v>58</v>
      </c>
      <c r="AG15884">
        <v>58</v>
      </c>
      <c r="AH15884">
        <v>58</v>
      </c>
      <c r="AI15884">
        <v>57</v>
      </c>
      <c r="AJ15884">
        <v>57</v>
      </c>
      <c r="AK15884">
        <v>57</v>
      </c>
      <c r="AL15884">
        <v>57</v>
      </c>
      <c r="AM15884">
        <v>56</v>
      </c>
      <c r="AN15884">
        <v>56</v>
      </c>
      <c r="AO15884">
        <v>56</v>
      </c>
      <c r="AP15884">
        <v>56</v>
      </c>
      <c r="AQ15884">
        <v>55</v>
      </c>
    </row>
    <row r="15885" spans="1:43">
      <c r="A15885" t="s">
        <v>9864</v>
      </c>
      <c r="B15885" t="s">
        <v>9865</v>
      </c>
      <c r="C15885" t="s">
        <v>9862</v>
      </c>
      <c r="D15885" t="s">
        <v>9863</v>
      </c>
      <c r="E15885" t="s">
        <v>9544</v>
      </c>
      <c r="F15885" t="s">
        <v>9545</v>
      </c>
      <c r="G15885" t="s">
        <v>80</v>
      </c>
      <c r="H15885" t="s">
        <v>81</v>
      </c>
      <c r="I15885" s="2">
        <v>0</v>
      </c>
      <c r="J15885" s="2">
        <v>1</v>
      </c>
      <c r="K15885" s="2">
        <v>0</v>
      </c>
      <c r="L15885" t="s">
        <v>82</v>
      </c>
      <c r="M15885" t="s">
        <v>83</v>
      </c>
      <c r="N15885" t="s">
        <v>91</v>
      </c>
      <c r="O15885" t="s">
        <v>85</v>
      </c>
      <c r="P15885" t="s">
        <v>86</v>
      </c>
      <c r="Q15885">
        <v>50</v>
      </c>
      <c r="R15885">
        <v>51</v>
      </c>
      <c r="S15885">
        <v>51</v>
      </c>
      <c r="T15885">
        <v>51</v>
      </c>
      <c r="U15885">
        <v>52</v>
      </c>
      <c r="V15885">
        <v>52</v>
      </c>
      <c r="W15885">
        <v>53</v>
      </c>
      <c r="X15885">
        <v>53</v>
      </c>
      <c r="Y15885">
        <v>53</v>
      </c>
      <c r="Z15885">
        <v>54</v>
      </c>
      <c r="AA15885">
        <v>54</v>
      </c>
      <c r="AB15885">
        <v>54</v>
      </c>
      <c r="AC15885">
        <v>55</v>
      </c>
      <c r="AD15885">
        <v>55</v>
      </c>
      <c r="AE15885">
        <v>55</v>
      </c>
      <c r="AF15885">
        <v>55</v>
      </c>
      <c r="AG15885">
        <v>56</v>
      </c>
      <c r="AH15885">
        <v>56</v>
      </c>
      <c r="AI15885">
        <v>56</v>
      </c>
      <c r="AJ15885">
        <v>57</v>
      </c>
      <c r="AK15885">
        <v>57</v>
      </c>
      <c r="AL15885">
        <v>57</v>
      </c>
      <c r="AM15885">
        <v>56</v>
      </c>
      <c r="AN15885">
        <v>56</v>
      </c>
      <c r="AO15885">
        <v>56</v>
      </c>
      <c r="AP15885">
        <v>56</v>
      </c>
      <c r="AQ15885">
        <v>56</v>
      </c>
    </row>
    <row r="15886" spans="1:43">
      <c r="A15886" t="s">
        <v>9866</v>
      </c>
      <c r="B15886" t="s">
        <v>9867</v>
      </c>
      <c r="C15886" t="s">
        <v>9862</v>
      </c>
      <c r="D15886" t="s">
        <v>9863</v>
      </c>
      <c r="E15886" t="s">
        <v>9544</v>
      </c>
      <c r="F15886" t="s">
        <v>9545</v>
      </c>
      <c r="G15886" t="s">
        <v>80</v>
      </c>
      <c r="H15886" t="s">
        <v>81</v>
      </c>
      <c r="I15886" s="2">
        <v>0</v>
      </c>
      <c r="J15886" s="2">
        <v>1</v>
      </c>
      <c r="K15886" s="2">
        <v>0</v>
      </c>
      <c r="L15886" t="s">
        <v>82</v>
      </c>
      <c r="M15886" t="s">
        <v>83</v>
      </c>
      <c r="N15886" t="s">
        <v>84</v>
      </c>
      <c r="O15886" t="s">
        <v>85</v>
      </c>
      <c r="P15886" t="s">
        <v>86</v>
      </c>
      <c r="Q15886">
        <v>55</v>
      </c>
      <c r="R15886">
        <v>56</v>
      </c>
      <c r="S15886">
        <v>56</v>
      </c>
      <c r="T15886">
        <v>56</v>
      </c>
      <c r="U15886">
        <v>57</v>
      </c>
      <c r="V15886">
        <v>57</v>
      </c>
      <c r="W15886">
        <v>58</v>
      </c>
      <c r="X15886">
        <v>58</v>
      </c>
      <c r="Y15886">
        <v>59</v>
      </c>
      <c r="Z15886">
        <v>59</v>
      </c>
      <c r="AA15886">
        <v>59</v>
      </c>
      <c r="AB15886">
        <v>60</v>
      </c>
      <c r="AC15886">
        <v>60</v>
      </c>
      <c r="AD15886">
        <v>60</v>
      </c>
      <c r="AE15886">
        <v>61</v>
      </c>
      <c r="AF15886">
        <v>61</v>
      </c>
      <c r="AG15886">
        <v>61</v>
      </c>
      <c r="AH15886">
        <v>61</v>
      </c>
      <c r="AI15886">
        <v>62</v>
      </c>
      <c r="AJ15886">
        <v>62</v>
      </c>
      <c r="AK15886">
        <v>62</v>
      </c>
      <c r="AL15886">
        <v>62</v>
      </c>
      <c r="AM15886">
        <v>62</v>
      </c>
      <c r="AN15886">
        <v>62</v>
      </c>
      <c r="AO15886">
        <v>61</v>
      </c>
      <c r="AP15886">
        <v>61</v>
      </c>
      <c r="AQ15886">
        <v>61</v>
      </c>
    </row>
    <row r="15887" spans="1:43">
      <c r="A15887" t="s">
        <v>9866</v>
      </c>
      <c r="B15887" t="s">
        <v>9867</v>
      </c>
      <c r="C15887" t="s">
        <v>9862</v>
      </c>
      <c r="D15887" t="s">
        <v>9863</v>
      </c>
      <c r="E15887" t="s">
        <v>9544</v>
      </c>
      <c r="F15887" t="s">
        <v>9545</v>
      </c>
      <c r="G15887" t="s">
        <v>80</v>
      </c>
      <c r="H15887" t="s">
        <v>81</v>
      </c>
      <c r="I15887" s="2">
        <v>0</v>
      </c>
      <c r="J15887" s="2">
        <v>1</v>
      </c>
      <c r="K15887" s="2">
        <v>0</v>
      </c>
      <c r="L15887" t="s">
        <v>82</v>
      </c>
      <c r="M15887" t="s">
        <v>87</v>
      </c>
      <c r="N15887" t="s">
        <v>88</v>
      </c>
      <c r="O15887" t="s">
        <v>85</v>
      </c>
      <c r="P15887" t="s">
        <v>86</v>
      </c>
      <c r="Q15887">
        <v>55</v>
      </c>
      <c r="R15887">
        <v>55</v>
      </c>
      <c r="S15887">
        <v>55</v>
      </c>
      <c r="T15887">
        <v>54</v>
      </c>
      <c r="U15887">
        <v>54</v>
      </c>
      <c r="V15887">
        <v>54</v>
      </c>
      <c r="W15887">
        <v>54</v>
      </c>
      <c r="X15887">
        <v>54</v>
      </c>
      <c r="Y15887">
        <v>54</v>
      </c>
      <c r="Z15887">
        <v>54</v>
      </c>
      <c r="AA15887">
        <v>54</v>
      </c>
      <c r="AB15887">
        <v>54</v>
      </c>
      <c r="AC15887">
        <v>54</v>
      </c>
      <c r="AD15887">
        <v>54</v>
      </c>
      <c r="AE15887">
        <v>54</v>
      </c>
      <c r="AF15887">
        <v>54</v>
      </c>
      <c r="AG15887">
        <v>53</v>
      </c>
      <c r="AH15887">
        <v>53</v>
      </c>
      <c r="AI15887">
        <v>53</v>
      </c>
      <c r="AJ15887">
        <v>53</v>
      </c>
      <c r="AK15887">
        <v>53</v>
      </c>
      <c r="AL15887">
        <v>53</v>
      </c>
      <c r="AM15887">
        <v>53</v>
      </c>
      <c r="AN15887">
        <v>53</v>
      </c>
      <c r="AO15887">
        <v>53</v>
      </c>
      <c r="AP15887">
        <v>53</v>
      </c>
      <c r="AQ15887">
        <v>52</v>
      </c>
    </row>
    <row r="15888" spans="1:43">
      <c r="A15888" t="s">
        <v>9866</v>
      </c>
      <c r="B15888" t="s">
        <v>9867</v>
      </c>
      <c r="C15888" t="s">
        <v>9862</v>
      </c>
      <c r="D15888" t="s">
        <v>9863</v>
      </c>
      <c r="E15888" t="s">
        <v>9544</v>
      </c>
      <c r="F15888" t="s">
        <v>9545</v>
      </c>
      <c r="G15888" t="s">
        <v>80</v>
      </c>
      <c r="H15888" t="s">
        <v>81</v>
      </c>
      <c r="I15888" s="2">
        <v>0</v>
      </c>
      <c r="J15888" s="2">
        <v>1</v>
      </c>
      <c r="K15888" s="2">
        <v>0</v>
      </c>
      <c r="L15888" t="s">
        <v>82</v>
      </c>
      <c r="M15888" t="s">
        <v>89</v>
      </c>
      <c r="N15888" t="s">
        <v>90</v>
      </c>
      <c r="O15888" t="s">
        <v>85</v>
      </c>
      <c r="P15888" t="s">
        <v>86</v>
      </c>
      <c r="Q15888">
        <v>55</v>
      </c>
      <c r="R15888">
        <v>56</v>
      </c>
      <c r="S15888">
        <v>56</v>
      </c>
      <c r="T15888">
        <v>57</v>
      </c>
      <c r="U15888">
        <v>58</v>
      </c>
      <c r="V15888">
        <v>59</v>
      </c>
      <c r="W15888">
        <v>60</v>
      </c>
      <c r="X15888">
        <v>60</v>
      </c>
      <c r="Y15888">
        <v>61</v>
      </c>
      <c r="Z15888">
        <v>62</v>
      </c>
      <c r="AA15888">
        <v>62</v>
      </c>
      <c r="AB15888">
        <v>63</v>
      </c>
      <c r="AC15888">
        <v>63</v>
      </c>
      <c r="AD15888">
        <v>64</v>
      </c>
      <c r="AE15888">
        <v>64</v>
      </c>
      <c r="AF15888">
        <v>64</v>
      </c>
      <c r="AG15888">
        <v>64</v>
      </c>
      <c r="AH15888">
        <v>63</v>
      </c>
      <c r="AI15888">
        <v>63</v>
      </c>
      <c r="AJ15888">
        <v>63</v>
      </c>
      <c r="AK15888">
        <v>63</v>
      </c>
      <c r="AL15888">
        <v>62</v>
      </c>
      <c r="AM15888">
        <v>62</v>
      </c>
      <c r="AN15888">
        <v>62</v>
      </c>
      <c r="AO15888">
        <v>61</v>
      </c>
      <c r="AP15888">
        <v>61</v>
      </c>
      <c r="AQ15888">
        <v>61</v>
      </c>
    </row>
    <row r="15889" spans="1:43">
      <c r="A15889" t="s">
        <v>9866</v>
      </c>
      <c r="B15889" t="s">
        <v>9867</v>
      </c>
      <c r="C15889" t="s">
        <v>9862</v>
      </c>
      <c r="D15889" t="s">
        <v>9863</v>
      </c>
      <c r="E15889" t="s">
        <v>9544</v>
      </c>
      <c r="F15889" t="s">
        <v>9545</v>
      </c>
      <c r="G15889" t="s">
        <v>80</v>
      </c>
      <c r="H15889" t="s">
        <v>81</v>
      </c>
      <c r="I15889" s="2">
        <v>0</v>
      </c>
      <c r="J15889" s="2">
        <v>1</v>
      </c>
      <c r="K15889" s="2">
        <v>0</v>
      </c>
      <c r="L15889" t="s">
        <v>82</v>
      </c>
      <c r="M15889" t="s">
        <v>83</v>
      </c>
      <c r="N15889" t="s">
        <v>91</v>
      </c>
      <c r="O15889" t="s">
        <v>85</v>
      </c>
      <c r="P15889" t="s">
        <v>86</v>
      </c>
      <c r="Q15889">
        <v>55</v>
      </c>
      <c r="R15889">
        <v>56</v>
      </c>
      <c r="S15889">
        <v>56</v>
      </c>
      <c r="T15889">
        <v>56</v>
      </c>
      <c r="U15889">
        <v>57</v>
      </c>
      <c r="V15889">
        <v>57</v>
      </c>
      <c r="W15889">
        <v>58</v>
      </c>
      <c r="X15889">
        <v>58</v>
      </c>
      <c r="Y15889">
        <v>59</v>
      </c>
      <c r="Z15889">
        <v>59</v>
      </c>
      <c r="AA15889">
        <v>59</v>
      </c>
      <c r="AB15889">
        <v>60</v>
      </c>
      <c r="AC15889">
        <v>60</v>
      </c>
      <c r="AD15889">
        <v>60</v>
      </c>
      <c r="AE15889">
        <v>61</v>
      </c>
      <c r="AF15889">
        <v>61</v>
      </c>
      <c r="AG15889">
        <v>61</v>
      </c>
      <c r="AH15889">
        <v>61</v>
      </c>
      <c r="AI15889">
        <v>62</v>
      </c>
      <c r="AJ15889">
        <v>62</v>
      </c>
      <c r="AK15889">
        <v>62</v>
      </c>
      <c r="AL15889">
        <v>62</v>
      </c>
      <c r="AM15889">
        <v>62</v>
      </c>
      <c r="AN15889">
        <v>62</v>
      </c>
      <c r="AO15889">
        <v>61</v>
      </c>
      <c r="AP15889">
        <v>61</v>
      </c>
      <c r="AQ15889">
        <v>61</v>
      </c>
    </row>
    <row r="15890" spans="1:43">
      <c r="A15890" t="s">
        <v>9868</v>
      </c>
      <c r="B15890" t="s">
        <v>9869</v>
      </c>
      <c r="C15890" t="s">
        <v>9862</v>
      </c>
      <c r="D15890" t="s">
        <v>9863</v>
      </c>
      <c r="E15890" t="s">
        <v>9544</v>
      </c>
      <c r="F15890" t="s">
        <v>9545</v>
      </c>
      <c r="G15890" t="s">
        <v>80</v>
      </c>
      <c r="H15890" t="s">
        <v>81</v>
      </c>
      <c r="I15890" s="2">
        <v>0</v>
      </c>
      <c r="J15890" s="2">
        <v>1</v>
      </c>
      <c r="K15890" s="2">
        <v>0</v>
      </c>
      <c r="L15890" t="s">
        <v>82</v>
      </c>
      <c r="M15890" t="s">
        <v>83</v>
      </c>
      <c r="N15890" t="s">
        <v>84</v>
      </c>
      <c r="O15890" t="s">
        <v>85</v>
      </c>
      <c r="P15890" t="s">
        <v>86</v>
      </c>
      <c r="Q15890">
        <v>25</v>
      </c>
      <c r="R15890">
        <v>25</v>
      </c>
      <c r="S15890">
        <v>26</v>
      </c>
      <c r="T15890">
        <v>26</v>
      </c>
      <c r="U15890">
        <v>26</v>
      </c>
      <c r="V15890">
        <v>26</v>
      </c>
      <c r="W15890">
        <v>26</v>
      </c>
      <c r="X15890">
        <v>26</v>
      </c>
      <c r="Y15890">
        <v>27</v>
      </c>
      <c r="Z15890">
        <v>27</v>
      </c>
      <c r="AA15890">
        <v>27</v>
      </c>
      <c r="AB15890">
        <v>27</v>
      </c>
      <c r="AC15890">
        <v>27</v>
      </c>
      <c r="AD15890">
        <v>27</v>
      </c>
      <c r="AE15890">
        <v>27</v>
      </c>
      <c r="AF15890">
        <v>28</v>
      </c>
      <c r="AG15890">
        <v>28</v>
      </c>
      <c r="AH15890">
        <v>28</v>
      </c>
      <c r="AI15890">
        <v>28</v>
      </c>
      <c r="AJ15890">
        <v>28</v>
      </c>
      <c r="AK15890">
        <v>28</v>
      </c>
      <c r="AL15890">
        <v>28</v>
      </c>
      <c r="AM15890">
        <v>28</v>
      </c>
      <c r="AN15890">
        <v>28</v>
      </c>
      <c r="AO15890">
        <v>28</v>
      </c>
      <c r="AP15890">
        <v>27</v>
      </c>
      <c r="AQ15890">
        <v>27</v>
      </c>
    </row>
    <row r="15891" spans="1:43">
      <c r="A15891" t="s">
        <v>9868</v>
      </c>
      <c r="B15891" t="s">
        <v>9869</v>
      </c>
      <c r="C15891" t="s">
        <v>9862</v>
      </c>
      <c r="D15891" t="s">
        <v>9863</v>
      </c>
      <c r="E15891" t="s">
        <v>9544</v>
      </c>
      <c r="F15891" t="s">
        <v>9545</v>
      </c>
      <c r="G15891" t="s">
        <v>80</v>
      </c>
      <c r="H15891" t="s">
        <v>81</v>
      </c>
      <c r="I15891" s="2">
        <v>0</v>
      </c>
      <c r="J15891" s="2">
        <v>1</v>
      </c>
      <c r="K15891" s="2">
        <v>0</v>
      </c>
      <c r="L15891" t="s">
        <v>82</v>
      </c>
      <c r="M15891" t="s">
        <v>87</v>
      </c>
      <c r="N15891" t="s">
        <v>88</v>
      </c>
      <c r="O15891" t="s">
        <v>85</v>
      </c>
      <c r="P15891" t="s">
        <v>86</v>
      </c>
      <c r="Q15891">
        <v>25</v>
      </c>
      <c r="R15891">
        <v>25</v>
      </c>
      <c r="S15891">
        <v>25</v>
      </c>
      <c r="T15891">
        <v>25</v>
      </c>
      <c r="U15891">
        <v>25</v>
      </c>
      <c r="V15891">
        <v>25</v>
      </c>
      <c r="W15891">
        <v>25</v>
      </c>
      <c r="X15891">
        <v>25</v>
      </c>
      <c r="Y15891">
        <v>25</v>
      </c>
      <c r="Z15891">
        <v>25</v>
      </c>
      <c r="AA15891">
        <v>24</v>
      </c>
      <c r="AB15891">
        <v>24</v>
      </c>
      <c r="AC15891">
        <v>24</v>
      </c>
      <c r="AD15891">
        <v>24</v>
      </c>
      <c r="AE15891">
        <v>24</v>
      </c>
      <c r="AF15891">
        <v>24</v>
      </c>
      <c r="AG15891">
        <v>24</v>
      </c>
      <c r="AH15891">
        <v>24</v>
      </c>
      <c r="AI15891">
        <v>24</v>
      </c>
      <c r="AJ15891">
        <v>24</v>
      </c>
      <c r="AK15891">
        <v>24</v>
      </c>
      <c r="AL15891">
        <v>24</v>
      </c>
      <c r="AM15891">
        <v>24</v>
      </c>
      <c r="AN15891">
        <v>24</v>
      </c>
      <c r="AO15891">
        <v>24</v>
      </c>
      <c r="AP15891">
        <v>24</v>
      </c>
      <c r="AQ15891">
        <v>24</v>
      </c>
    </row>
    <row r="15892" spans="1:43">
      <c r="A15892" t="s">
        <v>9868</v>
      </c>
      <c r="B15892" t="s">
        <v>9869</v>
      </c>
      <c r="C15892" t="s">
        <v>9862</v>
      </c>
      <c r="D15892" t="s">
        <v>9863</v>
      </c>
      <c r="E15892" t="s">
        <v>9544</v>
      </c>
      <c r="F15892" t="s">
        <v>9545</v>
      </c>
      <c r="G15892" t="s">
        <v>80</v>
      </c>
      <c r="H15892" t="s">
        <v>81</v>
      </c>
      <c r="I15892" s="2">
        <v>0</v>
      </c>
      <c r="J15892" s="2">
        <v>1</v>
      </c>
      <c r="K15892" s="2">
        <v>0</v>
      </c>
      <c r="L15892" t="s">
        <v>82</v>
      </c>
      <c r="M15892" t="s">
        <v>89</v>
      </c>
      <c r="N15892" t="s">
        <v>90</v>
      </c>
      <c r="O15892" t="s">
        <v>85</v>
      </c>
      <c r="P15892" t="s">
        <v>86</v>
      </c>
      <c r="Q15892">
        <v>25</v>
      </c>
      <c r="R15892">
        <v>26</v>
      </c>
      <c r="S15892">
        <v>26</v>
      </c>
      <c r="T15892">
        <v>27</v>
      </c>
      <c r="U15892">
        <v>27</v>
      </c>
      <c r="V15892">
        <v>27</v>
      </c>
      <c r="W15892">
        <v>28</v>
      </c>
      <c r="X15892">
        <v>28</v>
      </c>
      <c r="Y15892">
        <v>28</v>
      </c>
      <c r="Z15892">
        <v>28</v>
      </c>
      <c r="AA15892">
        <v>29</v>
      </c>
      <c r="AB15892">
        <v>29</v>
      </c>
      <c r="AC15892">
        <v>29</v>
      </c>
      <c r="AD15892">
        <v>29</v>
      </c>
      <c r="AE15892">
        <v>29</v>
      </c>
      <c r="AF15892">
        <v>29</v>
      </c>
      <c r="AG15892">
        <v>29</v>
      </c>
      <c r="AH15892">
        <v>29</v>
      </c>
      <c r="AI15892">
        <v>29</v>
      </c>
      <c r="AJ15892">
        <v>29</v>
      </c>
      <c r="AK15892">
        <v>29</v>
      </c>
      <c r="AL15892">
        <v>28</v>
      </c>
      <c r="AM15892">
        <v>28</v>
      </c>
      <c r="AN15892">
        <v>28</v>
      </c>
      <c r="AO15892">
        <v>28</v>
      </c>
      <c r="AP15892">
        <v>28</v>
      </c>
      <c r="AQ15892">
        <v>28</v>
      </c>
    </row>
    <row r="15893" spans="1:43">
      <c r="A15893" t="s">
        <v>9868</v>
      </c>
      <c r="B15893" t="s">
        <v>9869</v>
      </c>
      <c r="C15893" t="s">
        <v>9862</v>
      </c>
      <c r="D15893" t="s">
        <v>9863</v>
      </c>
      <c r="E15893" t="s">
        <v>9544</v>
      </c>
      <c r="F15893" t="s">
        <v>9545</v>
      </c>
      <c r="G15893" t="s">
        <v>80</v>
      </c>
      <c r="H15893" t="s">
        <v>81</v>
      </c>
      <c r="I15893" s="2">
        <v>0</v>
      </c>
      <c r="J15893" s="2">
        <v>1</v>
      </c>
      <c r="K15893" s="2">
        <v>0</v>
      </c>
      <c r="L15893" t="s">
        <v>82</v>
      </c>
      <c r="M15893" t="s">
        <v>83</v>
      </c>
      <c r="N15893" t="s">
        <v>91</v>
      </c>
      <c r="O15893" t="s">
        <v>85</v>
      </c>
      <c r="P15893" t="s">
        <v>86</v>
      </c>
      <c r="Q15893">
        <v>25</v>
      </c>
      <c r="R15893">
        <v>25</v>
      </c>
      <c r="S15893">
        <v>26</v>
      </c>
      <c r="T15893">
        <v>26</v>
      </c>
      <c r="U15893">
        <v>26</v>
      </c>
      <c r="V15893">
        <v>26</v>
      </c>
      <c r="W15893">
        <v>26</v>
      </c>
      <c r="X15893">
        <v>26</v>
      </c>
      <c r="Y15893">
        <v>27</v>
      </c>
      <c r="Z15893">
        <v>27</v>
      </c>
      <c r="AA15893">
        <v>27</v>
      </c>
      <c r="AB15893">
        <v>27</v>
      </c>
      <c r="AC15893">
        <v>27</v>
      </c>
      <c r="AD15893">
        <v>27</v>
      </c>
      <c r="AE15893">
        <v>27</v>
      </c>
      <c r="AF15893">
        <v>28</v>
      </c>
      <c r="AG15893">
        <v>28</v>
      </c>
      <c r="AH15893">
        <v>28</v>
      </c>
      <c r="AI15893">
        <v>28</v>
      </c>
      <c r="AJ15893">
        <v>28</v>
      </c>
      <c r="AK15893">
        <v>28</v>
      </c>
      <c r="AL15893">
        <v>28</v>
      </c>
      <c r="AM15893">
        <v>28</v>
      </c>
      <c r="AN15893">
        <v>28</v>
      </c>
      <c r="AO15893">
        <v>28</v>
      </c>
      <c r="AP15893">
        <v>27</v>
      </c>
      <c r="AQ15893">
        <v>27</v>
      </c>
    </row>
    <row r="15894" spans="1:43">
      <c r="A15894" t="s">
        <v>9870</v>
      </c>
      <c r="B15894" t="s">
        <v>9871</v>
      </c>
      <c r="C15894" t="s">
        <v>9862</v>
      </c>
      <c r="D15894" t="s">
        <v>9863</v>
      </c>
      <c r="E15894" t="s">
        <v>9544</v>
      </c>
      <c r="F15894" t="s">
        <v>9545</v>
      </c>
      <c r="G15894" t="s">
        <v>80</v>
      </c>
      <c r="H15894" t="s">
        <v>81</v>
      </c>
      <c r="I15894" s="2">
        <v>0</v>
      </c>
      <c r="J15894" s="2">
        <v>1</v>
      </c>
      <c r="K15894" s="2">
        <v>0</v>
      </c>
      <c r="L15894" t="s">
        <v>82</v>
      </c>
      <c r="M15894" t="s">
        <v>83</v>
      </c>
      <c r="N15894" t="s">
        <v>84</v>
      </c>
      <c r="O15894" t="s">
        <v>85</v>
      </c>
      <c r="P15894" t="s">
        <v>86</v>
      </c>
      <c r="Q15894">
        <v>76</v>
      </c>
      <c r="R15894">
        <v>77</v>
      </c>
      <c r="S15894">
        <v>78</v>
      </c>
      <c r="T15894">
        <v>78</v>
      </c>
      <c r="U15894">
        <v>79</v>
      </c>
      <c r="V15894">
        <v>79</v>
      </c>
      <c r="W15894">
        <v>80</v>
      </c>
      <c r="X15894">
        <v>81</v>
      </c>
      <c r="Y15894">
        <v>81</v>
      </c>
      <c r="Z15894">
        <v>82</v>
      </c>
      <c r="AA15894">
        <v>82</v>
      </c>
      <c r="AB15894">
        <v>83</v>
      </c>
      <c r="AC15894">
        <v>83</v>
      </c>
      <c r="AD15894">
        <v>83</v>
      </c>
      <c r="AE15894">
        <v>84</v>
      </c>
      <c r="AF15894">
        <v>84</v>
      </c>
      <c r="AG15894">
        <v>85</v>
      </c>
      <c r="AH15894">
        <v>85</v>
      </c>
      <c r="AI15894">
        <v>86</v>
      </c>
      <c r="AJ15894">
        <v>86</v>
      </c>
      <c r="AK15894">
        <v>86</v>
      </c>
      <c r="AL15894">
        <v>86</v>
      </c>
      <c r="AM15894">
        <v>86</v>
      </c>
      <c r="AN15894">
        <v>85</v>
      </c>
      <c r="AO15894">
        <v>85</v>
      </c>
      <c r="AP15894">
        <v>85</v>
      </c>
      <c r="AQ15894">
        <v>85</v>
      </c>
    </row>
    <row r="15895" spans="1:43">
      <c r="A15895" t="s">
        <v>9870</v>
      </c>
      <c r="B15895" t="s">
        <v>9871</v>
      </c>
      <c r="C15895" t="s">
        <v>9862</v>
      </c>
      <c r="D15895" t="s">
        <v>9863</v>
      </c>
      <c r="E15895" t="s">
        <v>9544</v>
      </c>
      <c r="F15895" t="s">
        <v>9545</v>
      </c>
      <c r="G15895" t="s">
        <v>80</v>
      </c>
      <c r="H15895" t="s">
        <v>81</v>
      </c>
      <c r="I15895" s="2">
        <v>0</v>
      </c>
      <c r="J15895" s="2">
        <v>1</v>
      </c>
      <c r="K15895" s="2">
        <v>0</v>
      </c>
      <c r="L15895" t="s">
        <v>82</v>
      </c>
      <c r="M15895" t="s">
        <v>87</v>
      </c>
      <c r="N15895" t="s">
        <v>88</v>
      </c>
      <c r="O15895" t="s">
        <v>85</v>
      </c>
      <c r="P15895" t="s">
        <v>86</v>
      </c>
      <c r="Q15895">
        <v>76</v>
      </c>
      <c r="R15895">
        <v>76</v>
      </c>
      <c r="S15895">
        <v>76</v>
      </c>
      <c r="T15895">
        <v>75</v>
      </c>
      <c r="U15895">
        <v>75</v>
      </c>
      <c r="V15895">
        <v>75</v>
      </c>
      <c r="W15895">
        <v>75</v>
      </c>
      <c r="X15895">
        <v>75</v>
      </c>
      <c r="Y15895">
        <v>75</v>
      </c>
      <c r="Z15895">
        <v>75</v>
      </c>
      <c r="AA15895">
        <v>75</v>
      </c>
      <c r="AB15895">
        <v>75</v>
      </c>
      <c r="AC15895">
        <v>75</v>
      </c>
      <c r="AD15895">
        <v>74</v>
      </c>
      <c r="AE15895">
        <v>74</v>
      </c>
      <c r="AF15895">
        <v>74</v>
      </c>
      <c r="AG15895">
        <v>74</v>
      </c>
      <c r="AH15895">
        <v>74</v>
      </c>
      <c r="AI15895">
        <v>74</v>
      </c>
      <c r="AJ15895">
        <v>74</v>
      </c>
      <c r="AK15895">
        <v>73</v>
      </c>
      <c r="AL15895">
        <v>73</v>
      </c>
      <c r="AM15895">
        <v>73</v>
      </c>
      <c r="AN15895">
        <v>73</v>
      </c>
      <c r="AO15895">
        <v>73</v>
      </c>
      <c r="AP15895">
        <v>73</v>
      </c>
      <c r="AQ15895">
        <v>73</v>
      </c>
    </row>
    <row r="15896" spans="1:43">
      <c r="A15896" t="s">
        <v>9870</v>
      </c>
      <c r="B15896" t="s">
        <v>9871</v>
      </c>
      <c r="C15896" t="s">
        <v>9862</v>
      </c>
      <c r="D15896" t="s">
        <v>9863</v>
      </c>
      <c r="E15896" t="s">
        <v>9544</v>
      </c>
      <c r="F15896" t="s">
        <v>9545</v>
      </c>
      <c r="G15896" t="s">
        <v>80</v>
      </c>
      <c r="H15896" t="s">
        <v>81</v>
      </c>
      <c r="I15896" s="2">
        <v>0</v>
      </c>
      <c r="J15896" s="2">
        <v>1</v>
      </c>
      <c r="K15896" s="2">
        <v>0</v>
      </c>
      <c r="L15896" t="s">
        <v>82</v>
      </c>
      <c r="M15896" t="s">
        <v>89</v>
      </c>
      <c r="N15896" t="s">
        <v>90</v>
      </c>
      <c r="O15896" t="s">
        <v>85</v>
      </c>
      <c r="P15896" t="s">
        <v>86</v>
      </c>
      <c r="Q15896">
        <v>76</v>
      </c>
      <c r="R15896">
        <v>77</v>
      </c>
      <c r="S15896">
        <v>79</v>
      </c>
      <c r="T15896">
        <v>80</v>
      </c>
      <c r="U15896">
        <v>81</v>
      </c>
      <c r="V15896">
        <v>82</v>
      </c>
      <c r="W15896">
        <v>83</v>
      </c>
      <c r="X15896">
        <v>84</v>
      </c>
      <c r="Y15896">
        <v>85</v>
      </c>
      <c r="Z15896">
        <v>86</v>
      </c>
      <c r="AA15896">
        <v>87</v>
      </c>
      <c r="AB15896">
        <v>87</v>
      </c>
      <c r="AC15896">
        <v>88</v>
      </c>
      <c r="AD15896">
        <v>89</v>
      </c>
      <c r="AE15896">
        <v>89</v>
      </c>
      <c r="AF15896">
        <v>89</v>
      </c>
      <c r="AG15896">
        <v>88</v>
      </c>
      <c r="AH15896">
        <v>88</v>
      </c>
      <c r="AI15896">
        <v>88</v>
      </c>
      <c r="AJ15896">
        <v>87</v>
      </c>
      <c r="AK15896">
        <v>87</v>
      </c>
      <c r="AL15896">
        <v>87</v>
      </c>
      <c r="AM15896">
        <v>86</v>
      </c>
      <c r="AN15896">
        <v>86</v>
      </c>
      <c r="AO15896">
        <v>86</v>
      </c>
      <c r="AP15896">
        <v>85</v>
      </c>
      <c r="AQ15896">
        <v>85</v>
      </c>
    </row>
    <row r="15897" spans="1:43">
      <c r="A15897" t="s">
        <v>9870</v>
      </c>
      <c r="B15897" t="s">
        <v>9871</v>
      </c>
      <c r="C15897" t="s">
        <v>9862</v>
      </c>
      <c r="D15897" t="s">
        <v>9863</v>
      </c>
      <c r="E15897" t="s">
        <v>9544</v>
      </c>
      <c r="F15897" t="s">
        <v>9545</v>
      </c>
      <c r="G15897" t="s">
        <v>80</v>
      </c>
      <c r="H15897" t="s">
        <v>81</v>
      </c>
      <c r="I15897" s="2">
        <v>0</v>
      </c>
      <c r="J15897" s="2">
        <v>1</v>
      </c>
      <c r="K15897" s="2">
        <v>0</v>
      </c>
      <c r="L15897" t="s">
        <v>82</v>
      </c>
      <c r="M15897" t="s">
        <v>83</v>
      </c>
      <c r="N15897" t="s">
        <v>91</v>
      </c>
      <c r="O15897" t="s">
        <v>85</v>
      </c>
      <c r="P15897" t="s">
        <v>86</v>
      </c>
      <c r="Q15897">
        <v>76</v>
      </c>
      <c r="R15897">
        <v>77</v>
      </c>
      <c r="S15897">
        <v>78</v>
      </c>
      <c r="T15897">
        <v>78</v>
      </c>
      <c r="U15897">
        <v>79</v>
      </c>
      <c r="V15897">
        <v>79</v>
      </c>
      <c r="W15897">
        <v>80</v>
      </c>
      <c r="X15897">
        <v>81</v>
      </c>
      <c r="Y15897">
        <v>81</v>
      </c>
      <c r="Z15897">
        <v>82</v>
      </c>
      <c r="AA15897">
        <v>82</v>
      </c>
      <c r="AB15897">
        <v>83</v>
      </c>
      <c r="AC15897">
        <v>83</v>
      </c>
      <c r="AD15897">
        <v>83</v>
      </c>
      <c r="AE15897">
        <v>84</v>
      </c>
      <c r="AF15897">
        <v>84</v>
      </c>
      <c r="AG15897">
        <v>85</v>
      </c>
      <c r="AH15897">
        <v>85</v>
      </c>
      <c r="AI15897">
        <v>86</v>
      </c>
      <c r="AJ15897">
        <v>86</v>
      </c>
      <c r="AK15897">
        <v>86</v>
      </c>
      <c r="AL15897">
        <v>86</v>
      </c>
      <c r="AM15897">
        <v>86</v>
      </c>
      <c r="AN15897">
        <v>85</v>
      </c>
      <c r="AO15897">
        <v>85</v>
      </c>
      <c r="AP15897">
        <v>85</v>
      </c>
      <c r="AQ15897">
        <v>85</v>
      </c>
    </row>
    <row r="15898" spans="1:43">
      <c r="A15898" t="s">
        <v>9872</v>
      </c>
      <c r="B15898" t="s">
        <v>9873</v>
      </c>
      <c r="C15898" t="s">
        <v>9646</v>
      </c>
      <c r="D15898" t="s">
        <v>9647</v>
      </c>
      <c r="E15898" t="s">
        <v>9544</v>
      </c>
      <c r="F15898" t="s">
        <v>9545</v>
      </c>
      <c r="G15898" t="s">
        <v>80</v>
      </c>
      <c r="H15898" t="s">
        <v>81</v>
      </c>
      <c r="I15898" s="2">
        <v>0</v>
      </c>
      <c r="J15898" s="2">
        <v>1</v>
      </c>
      <c r="K15898" s="2">
        <v>0</v>
      </c>
      <c r="L15898" t="s">
        <v>82</v>
      </c>
      <c r="M15898" t="s">
        <v>83</v>
      </c>
      <c r="N15898" t="s">
        <v>84</v>
      </c>
      <c r="O15898" t="s">
        <v>85</v>
      </c>
      <c r="P15898" t="s">
        <v>86</v>
      </c>
      <c r="Q15898">
        <v>163</v>
      </c>
      <c r="R15898">
        <v>164</v>
      </c>
      <c r="S15898">
        <v>165</v>
      </c>
      <c r="T15898">
        <v>166</v>
      </c>
      <c r="U15898">
        <v>167</v>
      </c>
      <c r="V15898">
        <v>169</v>
      </c>
      <c r="W15898">
        <v>170</v>
      </c>
      <c r="X15898">
        <v>171</v>
      </c>
      <c r="Y15898">
        <v>172</v>
      </c>
      <c r="Z15898">
        <v>173</v>
      </c>
      <c r="AA15898">
        <v>173</v>
      </c>
      <c r="AB15898">
        <v>174</v>
      </c>
      <c r="AC15898">
        <v>175</v>
      </c>
      <c r="AD15898">
        <v>176</v>
      </c>
      <c r="AE15898">
        <v>177</v>
      </c>
      <c r="AF15898">
        <v>177</v>
      </c>
      <c r="AG15898">
        <v>178</v>
      </c>
      <c r="AH15898">
        <v>178</v>
      </c>
      <c r="AI15898">
        <v>179</v>
      </c>
      <c r="AJ15898">
        <v>180</v>
      </c>
      <c r="AK15898">
        <v>180</v>
      </c>
      <c r="AL15898">
        <v>180</v>
      </c>
      <c r="AM15898">
        <v>179</v>
      </c>
      <c r="AN15898">
        <v>178</v>
      </c>
      <c r="AO15898">
        <v>177</v>
      </c>
      <c r="AP15898">
        <v>176</v>
      </c>
      <c r="AQ15898">
        <v>175</v>
      </c>
    </row>
    <row r="15899" spans="1:43">
      <c r="A15899" t="s">
        <v>9872</v>
      </c>
      <c r="B15899" t="s">
        <v>9873</v>
      </c>
      <c r="C15899" t="s">
        <v>9646</v>
      </c>
      <c r="D15899" t="s">
        <v>9647</v>
      </c>
      <c r="E15899" t="s">
        <v>9544</v>
      </c>
      <c r="F15899" t="s">
        <v>9545</v>
      </c>
      <c r="G15899" t="s">
        <v>80</v>
      </c>
      <c r="H15899" t="s">
        <v>81</v>
      </c>
      <c r="I15899" s="2">
        <v>0</v>
      </c>
      <c r="J15899" s="2">
        <v>1</v>
      </c>
      <c r="K15899" s="2">
        <v>0</v>
      </c>
      <c r="L15899" t="s">
        <v>82</v>
      </c>
      <c r="M15899" t="s">
        <v>87</v>
      </c>
      <c r="N15899" t="s">
        <v>88</v>
      </c>
      <c r="O15899" t="s">
        <v>85</v>
      </c>
      <c r="P15899" t="s">
        <v>86</v>
      </c>
      <c r="Q15899">
        <v>163</v>
      </c>
      <c r="R15899">
        <v>163</v>
      </c>
      <c r="S15899">
        <v>163</v>
      </c>
      <c r="T15899">
        <v>162</v>
      </c>
      <c r="U15899">
        <v>162</v>
      </c>
      <c r="V15899">
        <v>162</v>
      </c>
      <c r="W15899">
        <v>161</v>
      </c>
      <c r="X15899">
        <v>161</v>
      </c>
      <c r="Y15899">
        <v>161</v>
      </c>
      <c r="Z15899">
        <v>160</v>
      </c>
      <c r="AA15899">
        <v>160</v>
      </c>
      <c r="AB15899">
        <v>159</v>
      </c>
      <c r="AC15899">
        <v>159</v>
      </c>
      <c r="AD15899">
        <v>159</v>
      </c>
      <c r="AE15899">
        <v>158</v>
      </c>
      <c r="AF15899">
        <v>158</v>
      </c>
      <c r="AG15899">
        <v>157</v>
      </c>
      <c r="AH15899">
        <v>157</v>
      </c>
      <c r="AI15899">
        <v>156</v>
      </c>
      <c r="AJ15899">
        <v>156</v>
      </c>
      <c r="AK15899">
        <v>156</v>
      </c>
      <c r="AL15899">
        <v>155</v>
      </c>
      <c r="AM15899">
        <v>155</v>
      </c>
      <c r="AN15899">
        <v>154</v>
      </c>
      <c r="AO15899">
        <v>154</v>
      </c>
      <c r="AP15899">
        <v>153</v>
      </c>
      <c r="AQ15899">
        <v>153</v>
      </c>
    </row>
    <row r="15900" spans="1:43">
      <c r="A15900" t="s">
        <v>9872</v>
      </c>
      <c r="B15900" t="s">
        <v>9873</v>
      </c>
      <c r="C15900" t="s">
        <v>9646</v>
      </c>
      <c r="D15900" t="s">
        <v>9647</v>
      </c>
      <c r="E15900" t="s">
        <v>9544</v>
      </c>
      <c r="F15900" t="s">
        <v>9545</v>
      </c>
      <c r="G15900" t="s">
        <v>80</v>
      </c>
      <c r="H15900" t="s">
        <v>81</v>
      </c>
      <c r="I15900" s="2">
        <v>0</v>
      </c>
      <c r="J15900" s="2">
        <v>1</v>
      </c>
      <c r="K15900" s="2">
        <v>0</v>
      </c>
      <c r="L15900" t="s">
        <v>82</v>
      </c>
      <c r="M15900" t="s">
        <v>89</v>
      </c>
      <c r="N15900" t="s">
        <v>90</v>
      </c>
      <c r="O15900" t="s">
        <v>85</v>
      </c>
      <c r="P15900" t="s">
        <v>86</v>
      </c>
      <c r="Q15900">
        <v>163</v>
      </c>
      <c r="R15900">
        <v>166</v>
      </c>
      <c r="S15900">
        <v>168</v>
      </c>
      <c r="T15900">
        <v>171</v>
      </c>
      <c r="U15900">
        <v>173</v>
      </c>
      <c r="V15900">
        <v>175</v>
      </c>
      <c r="W15900">
        <v>177</v>
      </c>
      <c r="X15900">
        <v>179</v>
      </c>
      <c r="Y15900">
        <v>181</v>
      </c>
      <c r="Z15900">
        <v>182</v>
      </c>
      <c r="AA15900">
        <v>184</v>
      </c>
      <c r="AB15900">
        <v>185</v>
      </c>
      <c r="AC15900">
        <v>187</v>
      </c>
      <c r="AD15900">
        <v>188</v>
      </c>
      <c r="AE15900">
        <v>188</v>
      </c>
      <c r="AF15900">
        <v>187</v>
      </c>
      <c r="AG15900">
        <v>186</v>
      </c>
      <c r="AH15900">
        <v>185</v>
      </c>
      <c r="AI15900">
        <v>184</v>
      </c>
      <c r="AJ15900">
        <v>183</v>
      </c>
      <c r="AK15900">
        <v>182</v>
      </c>
      <c r="AL15900">
        <v>181</v>
      </c>
      <c r="AM15900">
        <v>180</v>
      </c>
      <c r="AN15900">
        <v>179</v>
      </c>
      <c r="AO15900">
        <v>178</v>
      </c>
      <c r="AP15900">
        <v>177</v>
      </c>
      <c r="AQ15900">
        <v>176</v>
      </c>
    </row>
    <row r="15901" spans="1:43">
      <c r="A15901" t="s">
        <v>9872</v>
      </c>
      <c r="B15901" t="s">
        <v>9873</v>
      </c>
      <c r="C15901" t="s">
        <v>9646</v>
      </c>
      <c r="D15901" t="s">
        <v>9647</v>
      </c>
      <c r="E15901" t="s">
        <v>9544</v>
      </c>
      <c r="F15901" t="s">
        <v>9545</v>
      </c>
      <c r="G15901" t="s">
        <v>80</v>
      </c>
      <c r="H15901" t="s">
        <v>81</v>
      </c>
      <c r="I15901" s="2">
        <v>0</v>
      </c>
      <c r="J15901" s="2">
        <v>1</v>
      </c>
      <c r="K15901" s="2">
        <v>0</v>
      </c>
      <c r="L15901" t="s">
        <v>82</v>
      </c>
      <c r="M15901" t="s">
        <v>83</v>
      </c>
      <c r="N15901" t="s">
        <v>91</v>
      </c>
      <c r="O15901" t="s">
        <v>85</v>
      </c>
      <c r="P15901" t="s">
        <v>86</v>
      </c>
      <c r="Q15901">
        <v>163</v>
      </c>
      <c r="R15901">
        <v>164</v>
      </c>
      <c r="S15901">
        <v>165</v>
      </c>
      <c r="T15901">
        <v>166</v>
      </c>
      <c r="U15901">
        <v>167</v>
      </c>
      <c r="V15901">
        <v>169</v>
      </c>
      <c r="W15901">
        <v>170</v>
      </c>
      <c r="X15901">
        <v>171</v>
      </c>
      <c r="Y15901">
        <v>172</v>
      </c>
      <c r="Z15901">
        <v>173</v>
      </c>
      <c r="AA15901">
        <v>173</v>
      </c>
      <c r="AB15901">
        <v>174</v>
      </c>
      <c r="AC15901">
        <v>175</v>
      </c>
      <c r="AD15901">
        <v>176</v>
      </c>
      <c r="AE15901">
        <v>177</v>
      </c>
      <c r="AF15901">
        <v>177</v>
      </c>
      <c r="AG15901">
        <v>178</v>
      </c>
      <c r="AH15901">
        <v>178</v>
      </c>
      <c r="AI15901">
        <v>179</v>
      </c>
      <c r="AJ15901">
        <v>180</v>
      </c>
      <c r="AK15901">
        <v>180</v>
      </c>
      <c r="AL15901">
        <v>180</v>
      </c>
      <c r="AM15901">
        <v>179</v>
      </c>
      <c r="AN15901">
        <v>178</v>
      </c>
      <c r="AO15901">
        <v>177</v>
      </c>
      <c r="AP15901">
        <v>176</v>
      </c>
      <c r="AQ15901">
        <v>175</v>
      </c>
    </row>
    <row r="15902" spans="1:43">
      <c r="A15902" t="s">
        <v>9874</v>
      </c>
      <c r="B15902" t="s">
        <v>9875</v>
      </c>
      <c r="C15902" t="s">
        <v>9694</v>
      </c>
      <c r="D15902" t="s">
        <v>9695</v>
      </c>
      <c r="E15902" t="s">
        <v>9544</v>
      </c>
      <c r="F15902" t="s">
        <v>9545</v>
      </c>
      <c r="G15902" t="s">
        <v>80</v>
      </c>
      <c r="H15902" t="s">
        <v>81</v>
      </c>
      <c r="I15902" s="2">
        <v>0</v>
      </c>
      <c r="J15902" s="2">
        <v>1</v>
      </c>
      <c r="K15902" s="2">
        <v>0</v>
      </c>
      <c r="L15902" t="s">
        <v>82</v>
      </c>
      <c r="M15902" t="s">
        <v>83</v>
      </c>
      <c r="N15902" t="s">
        <v>84</v>
      </c>
      <c r="O15902" t="s">
        <v>85</v>
      </c>
      <c r="P15902" t="s">
        <v>86</v>
      </c>
      <c r="Q15902">
        <v>43</v>
      </c>
      <c r="R15902">
        <v>43</v>
      </c>
      <c r="S15902">
        <v>44</v>
      </c>
      <c r="T15902">
        <v>44</v>
      </c>
      <c r="U15902">
        <v>44</v>
      </c>
      <c r="V15902">
        <v>45</v>
      </c>
      <c r="W15902">
        <v>45</v>
      </c>
      <c r="X15902">
        <v>45</v>
      </c>
      <c r="Y15902">
        <v>46</v>
      </c>
      <c r="Z15902">
        <v>46</v>
      </c>
      <c r="AA15902">
        <v>46</v>
      </c>
      <c r="AB15902">
        <v>46</v>
      </c>
      <c r="AC15902">
        <v>47</v>
      </c>
      <c r="AD15902">
        <v>47</v>
      </c>
      <c r="AE15902">
        <v>47</v>
      </c>
      <c r="AF15902">
        <v>47</v>
      </c>
      <c r="AG15902">
        <v>48</v>
      </c>
      <c r="AH15902">
        <v>48</v>
      </c>
      <c r="AI15902">
        <v>48</v>
      </c>
      <c r="AJ15902">
        <v>48</v>
      </c>
      <c r="AK15902">
        <v>48</v>
      </c>
      <c r="AL15902">
        <v>48</v>
      </c>
      <c r="AM15902">
        <v>48</v>
      </c>
      <c r="AN15902">
        <v>48</v>
      </c>
      <c r="AO15902">
        <v>48</v>
      </c>
      <c r="AP15902">
        <v>48</v>
      </c>
      <c r="AQ15902">
        <v>47</v>
      </c>
    </row>
    <row r="15903" spans="1:43">
      <c r="A15903" t="s">
        <v>9874</v>
      </c>
      <c r="B15903" t="s">
        <v>9875</v>
      </c>
      <c r="C15903" t="s">
        <v>9694</v>
      </c>
      <c r="D15903" t="s">
        <v>9695</v>
      </c>
      <c r="E15903" t="s">
        <v>9544</v>
      </c>
      <c r="F15903" t="s">
        <v>9545</v>
      </c>
      <c r="G15903" t="s">
        <v>80</v>
      </c>
      <c r="H15903" t="s">
        <v>81</v>
      </c>
      <c r="I15903" s="2">
        <v>0</v>
      </c>
      <c r="J15903" s="2">
        <v>1</v>
      </c>
      <c r="K15903" s="2">
        <v>0</v>
      </c>
      <c r="L15903" t="s">
        <v>82</v>
      </c>
      <c r="M15903" t="s">
        <v>87</v>
      </c>
      <c r="N15903" t="s">
        <v>88</v>
      </c>
      <c r="O15903" t="s">
        <v>85</v>
      </c>
      <c r="P15903" t="s">
        <v>86</v>
      </c>
      <c r="Q15903">
        <v>43</v>
      </c>
      <c r="R15903">
        <v>43</v>
      </c>
      <c r="S15903">
        <v>42</v>
      </c>
      <c r="T15903">
        <v>42</v>
      </c>
      <c r="U15903">
        <v>42</v>
      </c>
      <c r="V15903">
        <v>42</v>
      </c>
      <c r="W15903">
        <v>42</v>
      </c>
      <c r="X15903">
        <v>42</v>
      </c>
      <c r="Y15903">
        <v>42</v>
      </c>
      <c r="Z15903">
        <v>42</v>
      </c>
      <c r="AA15903">
        <v>42</v>
      </c>
      <c r="AB15903">
        <v>42</v>
      </c>
      <c r="AC15903">
        <v>42</v>
      </c>
      <c r="AD15903">
        <v>42</v>
      </c>
      <c r="AE15903">
        <v>42</v>
      </c>
      <c r="AF15903">
        <v>42</v>
      </c>
      <c r="AG15903">
        <v>42</v>
      </c>
      <c r="AH15903">
        <v>42</v>
      </c>
      <c r="AI15903">
        <v>42</v>
      </c>
      <c r="AJ15903">
        <v>41</v>
      </c>
      <c r="AK15903">
        <v>41</v>
      </c>
      <c r="AL15903">
        <v>41</v>
      </c>
      <c r="AM15903">
        <v>41</v>
      </c>
      <c r="AN15903">
        <v>41</v>
      </c>
      <c r="AO15903">
        <v>41</v>
      </c>
      <c r="AP15903">
        <v>41</v>
      </c>
      <c r="AQ15903">
        <v>41</v>
      </c>
    </row>
    <row r="15904" spans="1:43">
      <c r="A15904" t="s">
        <v>9874</v>
      </c>
      <c r="B15904" t="s">
        <v>9875</v>
      </c>
      <c r="C15904" t="s">
        <v>9694</v>
      </c>
      <c r="D15904" t="s">
        <v>9695</v>
      </c>
      <c r="E15904" t="s">
        <v>9544</v>
      </c>
      <c r="F15904" t="s">
        <v>9545</v>
      </c>
      <c r="G15904" t="s">
        <v>80</v>
      </c>
      <c r="H15904" t="s">
        <v>81</v>
      </c>
      <c r="I15904" s="2">
        <v>0</v>
      </c>
      <c r="J15904" s="2">
        <v>1</v>
      </c>
      <c r="K15904" s="2">
        <v>0</v>
      </c>
      <c r="L15904" t="s">
        <v>82</v>
      </c>
      <c r="M15904" t="s">
        <v>89</v>
      </c>
      <c r="N15904" t="s">
        <v>90</v>
      </c>
      <c r="O15904" t="s">
        <v>85</v>
      </c>
      <c r="P15904" t="s">
        <v>86</v>
      </c>
      <c r="Q15904">
        <v>43</v>
      </c>
      <c r="R15904">
        <v>44</v>
      </c>
      <c r="S15904">
        <v>45</v>
      </c>
      <c r="T15904">
        <v>45</v>
      </c>
      <c r="U15904">
        <v>46</v>
      </c>
      <c r="V15904">
        <v>47</v>
      </c>
      <c r="W15904">
        <v>47</v>
      </c>
      <c r="X15904">
        <v>48</v>
      </c>
      <c r="Y15904">
        <v>48</v>
      </c>
      <c r="Z15904">
        <v>49</v>
      </c>
      <c r="AA15904">
        <v>49</v>
      </c>
      <c r="AB15904">
        <v>50</v>
      </c>
      <c r="AC15904">
        <v>50</v>
      </c>
      <c r="AD15904">
        <v>50</v>
      </c>
      <c r="AE15904">
        <v>51</v>
      </c>
      <c r="AF15904">
        <v>50</v>
      </c>
      <c r="AG15904">
        <v>50</v>
      </c>
      <c r="AH15904">
        <v>50</v>
      </c>
      <c r="AI15904">
        <v>50</v>
      </c>
      <c r="AJ15904">
        <v>50</v>
      </c>
      <c r="AK15904">
        <v>49</v>
      </c>
      <c r="AL15904">
        <v>49</v>
      </c>
      <c r="AM15904">
        <v>49</v>
      </c>
      <c r="AN15904">
        <v>49</v>
      </c>
      <c r="AO15904">
        <v>49</v>
      </c>
      <c r="AP15904">
        <v>48</v>
      </c>
      <c r="AQ15904">
        <v>48</v>
      </c>
    </row>
    <row r="15905" spans="1:43">
      <c r="A15905" t="s">
        <v>9874</v>
      </c>
      <c r="B15905" t="s">
        <v>9875</v>
      </c>
      <c r="C15905" t="s">
        <v>9694</v>
      </c>
      <c r="D15905" t="s">
        <v>9695</v>
      </c>
      <c r="E15905" t="s">
        <v>9544</v>
      </c>
      <c r="F15905" t="s">
        <v>9545</v>
      </c>
      <c r="G15905" t="s">
        <v>80</v>
      </c>
      <c r="H15905" t="s">
        <v>81</v>
      </c>
      <c r="I15905" s="2">
        <v>0</v>
      </c>
      <c r="J15905" s="2">
        <v>1</v>
      </c>
      <c r="K15905" s="2">
        <v>0</v>
      </c>
      <c r="L15905" t="s">
        <v>82</v>
      </c>
      <c r="M15905" t="s">
        <v>83</v>
      </c>
      <c r="N15905" t="s">
        <v>91</v>
      </c>
      <c r="O15905" t="s">
        <v>85</v>
      </c>
      <c r="P15905" t="s">
        <v>86</v>
      </c>
      <c r="Q15905">
        <v>43</v>
      </c>
      <c r="R15905">
        <v>43</v>
      </c>
      <c r="S15905">
        <v>44</v>
      </c>
      <c r="T15905">
        <v>44</v>
      </c>
      <c r="U15905">
        <v>44</v>
      </c>
      <c r="V15905">
        <v>45</v>
      </c>
      <c r="W15905">
        <v>45</v>
      </c>
      <c r="X15905">
        <v>45</v>
      </c>
      <c r="Y15905">
        <v>46</v>
      </c>
      <c r="Z15905">
        <v>46</v>
      </c>
      <c r="AA15905">
        <v>46</v>
      </c>
      <c r="AB15905">
        <v>46</v>
      </c>
      <c r="AC15905">
        <v>47</v>
      </c>
      <c r="AD15905">
        <v>47</v>
      </c>
      <c r="AE15905">
        <v>47</v>
      </c>
      <c r="AF15905">
        <v>47</v>
      </c>
      <c r="AG15905">
        <v>48</v>
      </c>
      <c r="AH15905">
        <v>48</v>
      </c>
      <c r="AI15905">
        <v>48</v>
      </c>
      <c r="AJ15905">
        <v>48</v>
      </c>
      <c r="AK15905">
        <v>48</v>
      </c>
      <c r="AL15905">
        <v>48</v>
      </c>
      <c r="AM15905">
        <v>48</v>
      </c>
      <c r="AN15905">
        <v>48</v>
      </c>
      <c r="AO15905">
        <v>48</v>
      </c>
      <c r="AP15905">
        <v>48</v>
      </c>
      <c r="AQ15905">
        <v>47</v>
      </c>
    </row>
    <row r="15906" spans="1:43">
      <c r="A15906" t="s">
        <v>9876</v>
      </c>
      <c r="B15906" t="s">
        <v>9877</v>
      </c>
      <c r="C15906" t="s">
        <v>9698</v>
      </c>
      <c r="D15906" t="s">
        <v>9699</v>
      </c>
      <c r="E15906" t="s">
        <v>9544</v>
      </c>
      <c r="F15906" t="s">
        <v>9545</v>
      </c>
      <c r="G15906" t="s">
        <v>80</v>
      </c>
      <c r="H15906" t="s">
        <v>81</v>
      </c>
      <c r="I15906" s="2">
        <v>0</v>
      </c>
      <c r="J15906" s="2">
        <v>1</v>
      </c>
      <c r="K15906" s="2">
        <v>0</v>
      </c>
      <c r="L15906" t="s">
        <v>82</v>
      </c>
      <c r="M15906" t="s">
        <v>83</v>
      </c>
      <c r="N15906" t="s">
        <v>84</v>
      </c>
      <c r="O15906" t="s">
        <v>85</v>
      </c>
      <c r="P15906" t="s">
        <v>86</v>
      </c>
      <c r="Q15906">
        <v>12</v>
      </c>
      <c r="R15906">
        <v>13</v>
      </c>
      <c r="S15906">
        <v>13</v>
      </c>
      <c r="T15906">
        <v>13</v>
      </c>
      <c r="U15906">
        <v>13</v>
      </c>
      <c r="V15906">
        <v>13</v>
      </c>
      <c r="W15906">
        <v>13</v>
      </c>
      <c r="X15906">
        <v>13</v>
      </c>
      <c r="Y15906">
        <v>13</v>
      </c>
      <c r="Z15906">
        <v>13</v>
      </c>
      <c r="AA15906">
        <v>13</v>
      </c>
      <c r="AB15906">
        <v>13</v>
      </c>
      <c r="AC15906">
        <v>13</v>
      </c>
      <c r="AD15906">
        <v>13</v>
      </c>
      <c r="AE15906">
        <v>13</v>
      </c>
      <c r="AF15906">
        <v>13</v>
      </c>
      <c r="AG15906">
        <v>14</v>
      </c>
      <c r="AH15906">
        <v>14</v>
      </c>
      <c r="AI15906">
        <v>14</v>
      </c>
      <c r="AJ15906">
        <v>14</v>
      </c>
      <c r="AK15906">
        <v>14</v>
      </c>
      <c r="AL15906">
        <v>14</v>
      </c>
      <c r="AM15906">
        <v>14</v>
      </c>
      <c r="AN15906">
        <v>13</v>
      </c>
      <c r="AO15906">
        <v>13</v>
      </c>
      <c r="AP15906">
        <v>13</v>
      </c>
      <c r="AQ15906">
        <v>13</v>
      </c>
    </row>
    <row r="15907" spans="1:43">
      <c r="A15907" t="s">
        <v>9876</v>
      </c>
      <c r="B15907" t="s">
        <v>9877</v>
      </c>
      <c r="C15907" t="s">
        <v>9698</v>
      </c>
      <c r="D15907" t="s">
        <v>9699</v>
      </c>
      <c r="E15907" t="s">
        <v>9544</v>
      </c>
      <c r="F15907" t="s">
        <v>9545</v>
      </c>
      <c r="G15907" t="s">
        <v>80</v>
      </c>
      <c r="H15907" t="s">
        <v>81</v>
      </c>
      <c r="I15907" s="2">
        <v>0</v>
      </c>
      <c r="J15907" s="2">
        <v>1</v>
      </c>
      <c r="K15907" s="2">
        <v>0</v>
      </c>
      <c r="L15907" t="s">
        <v>82</v>
      </c>
      <c r="M15907" t="s">
        <v>87</v>
      </c>
      <c r="N15907" t="s">
        <v>88</v>
      </c>
      <c r="O15907" t="s">
        <v>85</v>
      </c>
      <c r="P15907" t="s">
        <v>86</v>
      </c>
      <c r="Q15907">
        <v>12</v>
      </c>
      <c r="R15907">
        <v>12</v>
      </c>
      <c r="S15907">
        <v>12</v>
      </c>
      <c r="T15907">
        <v>12</v>
      </c>
      <c r="U15907">
        <v>12</v>
      </c>
      <c r="V15907">
        <v>12</v>
      </c>
      <c r="W15907">
        <v>12</v>
      </c>
      <c r="X15907">
        <v>12</v>
      </c>
      <c r="Y15907">
        <v>12</v>
      </c>
      <c r="Z15907">
        <v>12</v>
      </c>
      <c r="AA15907">
        <v>12</v>
      </c>
      <c r="AB15907">
        <v>12</v>
      </c>
      <c r="AC15907">
        <v>12</v>
      </c>
      <c r="AD15907">
        <v>12</v>
      </c>
      <c r="AE15907">
        <v>12</v>
      </c>
      <c r="AF15907">
        <v>12</v>
      </c>
      <c r="AG15907">
        <v>12</v>
      </c>
      <c r="AH15907">
        <v>12</v>
      </c>
      <c r="AI15907">
        <v>12</v>
      </c>
      <c r="AJ15907">
        <v>12</v>
      </c>
      <c r="AK15907">
        <v>12</v>
      </c>
      <c r="AL15907">
        <v>12</v>
      </c>
      <c r="AM15907">
        <v>12</v>
      </c>
      <c r="AN15907">
        <v>12</v>
      </c>
      <c r="AO15907">
        <v>11</v>
      </c>
      <c r="AP15907">
        <v>11</v>
      </c>
      <c r="AQ15907">
        <v>11</v>
      </c>
    </row>
    <row r="15908" spans="1:43">
      <c r="A15908" t="s">
        <v>9876</v>
      </c>
      <c r="B15908" t="s">
        <v>9877</v>
      </c>
      <c r="C15908" t="s">
        <v>9698</v>
      </c>
      <c r="D15908" t="s">
        <v>9699</v>
      </c>
      <c r="E15908" t="s">
        <v>9544</v>
      </c>
      <c r="F15908" t="s">
        <v>9545</v>
      </c>
      <c r="G15908" t="s">
        <v>80</v>
      </c>
      <c r="H15908" t="s">
        <v>81</v>
      </c>
      <c r="I15908" s="2">
        <v>0</v>
      </c>
      <c r="J15908" s="2">
        <v>1</v>
      </c>
      <c r="K15908" s="2">
        <v>0</v>
      </c>
      <c r="L15908" t="s">
        <v>82</v>
      </c>
      <c r="M15908" t="s">
        <v>89</v>
      </c>
      <c r="N15908" t="s">
        <v>90</v>
      </c>
      <c r="O15908" t="s">
        <v>85</v>
      </c>
      <c r="P15908" t="s">
        <v>86</v>
      </c>
      <c r="Q15908">
        <v>12</v>
      </c>
      <c r="R15908">
        <v>12</v>
      </c>
      <c r="S15908">
        <v>12</v>
      </c>
      <c r="T15908">
        <v>12</v>
      </c>
      <c r="U15908">
        <v>12</v>
      </c>
      <c r="V15908">
        <v>12</v>
      </c>
      <c r="W15908">
        <v>13</v>
      </c>
      <c r="X15908">
        <v>13</v>
      </c>
      <c r="Y15908">
        <v>13</v>
      </c>
      <c r="Z15908">
        <v>13</v>
      </c>
      <c r="AA15908">
        <v>13</v>
      </c>
      <c r="AB15908">
        <v>13</v>
      </c>
      <c r="AC15908">
        <v>13</v>
      </c>
      <c r="AD15908">
        <v>13</v>
      </c>
      <c r="AE15908">
        <v>13</v>
      </c>
      <c r="AF15908">
        <v>13</v>
      </c>
      <c r="AG15908">
        <v>13</v>
      </c>
      <c r="AH15908">
        <v>13</v>
      </c>
      <c r="AI15908">
        <v>13</v>
      </c>
      <c r="AJ15908">
        <v>13</v>
      </c>
      <c r="AK15908">
        <v>13</v>
      </c>
      <c r="AL15908">
        <v>13</v>
      </c>
      <c r="AM15908">
        <v>13</v>
      </c>
      <c r="AN15908">
        <v>13</v>
      </c>
      <c r="AO15908">
        <v>13</v>
      </c>
      <c r="AP15908">
        <v>12</v>
      </c>
      <c r="AQ15908">
        <v>12</v>
      </c>
    </row>
    <row r="15909" spans="1:43">
      <c r="A15909" t="s">
        <v>9876</v>
      </c>
      <c r="B15909" t="s">
        <v>9877</v>
      </c>
      <c r="C15909" t="s">
        <v>9698</v>
      </c>
      <c r="D15909" t="s">
        <v>9699</v>
      </c>
      <c r="E15909" t="s">
        <v>9544</v>
      </c>
      <c r="F15909" t="s">
        <v>9545</v>
      </c>
      <c r="G15909" t="s">
        <v>80</v>
      </c>
      <c r="H15909" t="s">
        <v>81</v>
      </c>
      <c r="I15909" s="2">
        <v>0</v>
      </c>
      <c r="J15909" s="2">
        <v>1</v>
      </c>
      <c r="K15909" s="2">
        <v>0</v>
      </c>
      <c r="L15909" t="s">
        <v>82</v>
      </c>
      <c r="M15909" t="s">
        <v>83</v>
      </c>
      <c r="N15909" t="s">
        <v>91</v>
      </c>
      <c r="O15909" t="s">
        <v>85</v>
      </c>
      <c r="P15909" t="s">
        <v>86</v>
      </c>
      <c r="Q15909">
        <v>12</v>
      </c>
      <c r="R15909">
        <v>13</v>
      </c>
      <c r="S15909">
        <v>13</v>
      </c>
      <c r="T15909">
        <v>13</v>
      </c>
      <c r="U15909">
        <v>13</v>
      </c>
      <c r="V15909">
        <v>13</v>
      </c>
      <c r="W15909">
        <v>13</v>
      </c>
      <c r="X15909">
        <v>13</v>
      </c>
      <c r="Y15909">
        <v>13</v>
      </c>
      <c r="Z15909">
        <v>13</v>
      </c>
      <c r="AA15909">
        <v>13</v>
      </c>
      <c r="AB15909">
        <v>13</v>
      </c>
      <c r="AC15909">
        <v>13</v>
      </c>
      <c r="AD15909">
        <v>13</v>
      </c>
      <c r="AE15909">
        <v>13</v>
      </c>
      <c r="AF15909">
        <v>13</v>
      </c>
      <c r="AG15909">
        <v>14</v>
      </c>
      <c r="AH15909">
        <v>14</v>
      </c>
      <c r="AI15909">
        <v>14</v>
      </c>
      <c r="AJ15909">
        <v>14</v>
      </c>
      <c r="AK15909">
        <v>14</v>
      </c>
      <c r="AL15909">
        <v>14</v>
      </c>
      <c r="AM15909">
        <v>14</v>
      </c>
      <c r="AN15909">
        <v>13</v>
      </c>
      <c r="AO15909">
        <v>13</v>
      </c>
      <c r="AP15909">
        <v>13</v>
      </c>
      <c r="AQ15909">
        <v>13</v>
      </c>
    </row>
    <row r="15910" spans="1:43">
      <c r="A15910" t="s">
        <v>9878</v>
      </c>
      <c r="B15910" t="s">
        <v>9879</v>
      </c>
      <c r="C15910" t="s">
        <v>9698</v>
      </c>
      <c r="D15910" t="s">
        <v>9699</v>
      </c>
      <c r="E15910" t="s">
        <v>9544</v>
      </c>
      <c r="F15910" t="s">
        <v>9545</v>
      </c>
      <c r="G15910" t="s">
        <v>80</v>
      </c>
      <c r="H15910" t="s">
        <v>81</v>
      </c>
      <c r="I15910" s="2">
        <v>0</v>
      </c>
      <c r="J15910" s="2">
        <v>1</v>
      </c>
      <c r="K15910" s="2">
        <v>0</v>
      </c>
      <c r="L15910" t="s">
        <v>82</v>
      </c>
      <c r="M15910" t="s">
        <v>83</v>
      </c>
      <c r="N15910" t="s">
        <v>84</v>
      </c>
      <c r="O15910" t="s">
        <v>85</v>
      </c>
      <c r="P15910" t="s">
        <v>86</v>
      </c>
      <c r="Q15910">
        <v>30</v>
      </c>
      <c r="R15910">
        <v>30</v>
      </c>
      <c r="S15910">
        <v>30</v>
      </c>
      <c r="T15910">
        <v>30</v>
      </c>
      <c r="U15910">
        <v>31</v>
      </c>
      <c r="V15910">
        <v>31</v>
      </c>
      <c r="W15910">
        <v>31</v>
      </c>
      <c r="X15910">
        <v>31</v>
      </c>
      <c r="Y15910">
        <v>31</v>
      </c>
      <c r="Z15910">
        <v>32</v>
      </c>
      <c r="AA15910">
        <v>32</v>
      </c>
      <c r="AB15910">
        <v>32</v>
      </c>
      <c r="AC15910">
        <v>32</v>
      </c>
      <c r="AD15910">
        <v>32</v>
      </c>
      <c r="AE15910">
        <v>33</v>
      </c>
      <c r="AF15910">
        <v>33</v>
      </c>
      <c r="AG15910">
        <v>33</v>
      </c>
      <c r="AH15910">
        <v>33</v>
      </c>
      <c r="AI15910">
        <v>33</v>
      </c>
      <c r="AJ15910">
        <v>33</v>
      </c>
      <c r="AK15910">
        <v>33</v>
      </c>
      <c r="AL15910">
        <v>33</v>
      </c>
      <c r="AM15910">
        <v>33</v>
      </c>
      <c r="AN15910">
        <v>33</v>
      </c>
      <c r="AO15910">
        <v>33</v>
      </c>
      <c r="AP15910">
        <v>33</v>
      </c>
      <c r="AQ15910">
        <v>33</v>
      </c>
    </row>
    <row r="15911" spans="1:43">
      <c r="A15911" t="s">
        <v>9878</v>
      </c>
      <c r="B15911" t="s">
        <v>9879</v>
      </c>
      <c r="C15911" t="s">
        <v>9698</v>
      </c>
      <c r="D15911" t="s">
        <v>9699</v>
      </c>
      <c r="E15911" t="s">
        <v>9544</v>
      </c>
      <c r="F15911" t="s">
        <v>9545</v>
      </c>
      <c r="G15911" t="s">
        <v>80</v>
      </c>
      <c r="H15911" t="s">
        <v>81</v>
      </c>
      <c r="I15911" s="2">
        <v>0</v>
      </c>
      <c r="J15911" s="2">
        <v>1</v>
      </c>
      <c r="K15911" s="2">
        <v>0</v>
      </c>
      <c r="L15911" t="s">
        <v>82</v>
      </c>
      <c r="M15911" t="s">
        <v>87</v>
      </c>
      <c r="N15911" t="s">
        <v>88</v>
      </c>
      <c r="O15911" t="s">
        <v>85</v>
      </c>
      <c r="P15911" t="s">
        <v>86</v>
      </c>
      <c r="Q15911">
        <v>30</v>
      </c>
      <c r="R15911">
        <v>30</v>
      </c>
      <c r="S15911">
        <v>30</v>
      </c>
      <c r="T15911">
        <v>30</v>
      </c>
      <c r="U15911">
        <v>30</v>
      </c>
      <c r="V15911">
        <v>30</v>
      </c>
      <c r="W15911">
        <v>30</v>
      </c>
      <c r="X15911">
        <v>30</v>
      </c>
      <c r="Y15911">
        <v>30</v>
      </c>
      <c r="Z15911">
        <v>30</v>
      </c>
      <c r="AA15911">
        <v>30</v>
      </c>
      <c r="AB15911">
        <v>30</v>
      </c>
      <c r="AC15911">
        <v>30</v>
      </c>
      <c r="AD15911">
        <v>30</v>
      </c>
      <c r="AE15911">
        <v>30</v>
      </c>
      <c r="AF15911">
        <v>30</v>
      </c>
      <c r="AG15911">
        <v>30</v>
      </c>
      <c r="AH15911">
        <v>30</v>
      </c>
      <c r="AI15911">
        <v>30</v>
      </c>
      <c r="AJ15911">
        <v>30</v>
      </c>
      <c r="AK15911">
        <v>30</v>
      </c>
      <c r="AL15911">
        <v>29</v>
      </c>
      <c r="AM15911">
        <v>29</v>
      </c>
      <c r="AN15911">
        <v>29</v>
      </c>
      <c r="AO15911">
        <v>29</v>
      </c>
      <c r="AP15911">
        <v>29</v>
      </c>
      <c r="AQ15911">
        <v>29</v>
      </c>
    </row>
    <row r="15912" spans="1:43">
      <c r="A15912" t="s">
        <v>9878</v>
      </c>
      <c r="B15912" t="s">
        <v>9879</v>
      </c>
      <c r="C15912" t="s">
        <v>9698</v>
      </c>
      <c r="D15912" t="s">
        <v>9699</v>
      </c>
      <c r="E15912" t="s">
        <v>9544</v>
      </c>
      <c r="F15912" t="s">
        <v>9545</v>
      </c>
      <c r="G15912" t="s">
        <v>80</v>
      </c>
      <c r="H15912" t="s">
        <v>81</v>
      </c>
      <c r="I15912" s="2">
        <v>0</v>
      </c>
      <c r="J15912" s="2">
        <v>1</v>
      </c>
      <c r="K15912" s="2">
        <v>0</v>
      </c>
      <c r="L15912" t="s">
        <v>82</v>
      </c>
      <c r="M15912" t="s">
        <v>89</v>
      </c>
      <c r="N15912" t="s">
        <v>90</v>
      </c>
      <c r="O15912" t="s">
        <v>85</v>
      </c>
      <c r="P15912" t="s">
        <v>86</v>
      </c>
      <c r="Q15912">
        <v>30</v>
      </c>
      <c r="R15912">
        <v>30</v>
      </c>
      <c r="S15912">
        <v>31</v>
      </c>
      <c r="T15912">
        <v>31</v>
      </c>
      <c r="U15912">
        <v>32</v>
      </c>
      <c r="V15912">
        <v>32</v>
      </c>
      <c r="W15912">
        <v>33</v>
      </c>
      <c r="X15912">
        <v>33</v>
      </c>
      <c r="Y15912">
        <v>33</v>
      </c>
      <c r="Z15912">
        <v>34</v>
      </c>
      <c r="AA15912">
        <v>34</v>
      </c>
      <c r="AB15912">
        <v>34</v>
      </c>
      <c r="AC15912">
        <v>34</v>
      </c>
      <c r="AD15912">
        <v>35</v>
      </c>
      <c r="AE15912">
        <v>35</v>
      </c>
      <c r="AF15912">
        <v>35</v>
      </c>
      <c r="AG15912">
        <v>35</v>
      </c>
      <c r="AH15912">
        <v>34</v>
      </c>
      <c r="AI15912">
        <v>34</v>
      </c>
      <c r="AJ15912">
        <v>34</v>
      </c>
      <c r="AK15912">
        <v>34</v>
      </c>
      <c r="AL15912">
        <v>34</v>
      </c>
      <c r="AM15912">
        <v>34</v>
      </c>
      <c r="AN15912">
        <v>34</v>
      </c>
      <c r="AO15912">
        <v>33</v>
      </c>
      <c r="AP15912">
        <v>33</v>
      </c>
      <c r="AQ15912">
        <v>33</v>
      </c>
    </row>
    <row r="15913" spans="1:43">
      <c r="A15913" t="s">
        <v>9878</v>
      </c>
      <c r="B15913" t="s">
        <v>9879</v>
      </c>
      <c r="C15913" t="s">
        <v>9698</v>
      </c>
      <c r="D15913" t="s">
        <v>9699</v>
      </c>
      <c r="E15913" t="s">
        <v>9544</v>
      </c>
      <c r="F15913" t="s">
        <v>9545</v>
      </c>
      <c r="G15913" t="s">
        <v>80</v>
      </c>
      <c r="H15913" t="s">
        <v>81</v>
      </c>
      <c r="I15913" s="2">
        <v>0</v>
      </c>
      <c r="J15913" s="2">
        <v>1</v>
      </c>
      <c r="K15913" s="2">
        <v>0</v>
      </c>
      <c r="L15913" t="s">
        <v>82</v>
      </c>
      <c r="M15913" t="s">
        <v>83</v>
      </c>
      <c r="N15913" t="s">
        <v>91</v>
      </c>
      <c r="O15913" t="s">
        <v>85</v>
      </c>
      <c r="P15913" t="s">
        <v>86</v>
      </c>
      <c r="Q15913">
        <v>30</v>
      </c>
      <c r="R15913">
        <v>30</v>
      </c>
      <c r="S15913">
        <v>30</v>
      </c>
      <c r="T15913">
        <v>30</v>
      </c>
      <c r="U15913">
        <v>31</v>
      </c>
      <c r="V15913">
        <v>31</v>
      </c>
      <c r="W15913">
        <v>31</v>
      </c>
      <c r="X15913">
        <v>31</v>
      </c>
      <c r="Y15913">
        <v>31</v>
      </c>
      <c r="Z15913">
        <v>32</v>
      </c>
      <c r="AA15913">
        <v>32</v>
      </c>
      <c r="AB15913">
        <v>32</v>
      </c>
      <c r="AC15913">
        <v>32</v>
      </c>
      <c r="AD15913">
        <v>32</v>
      </c>
      <c r="AE15913">
        <v>33</v>
      </c>
      <c r="AF15913">
        <v>33</v>
      </c>
      <c r="AG15913">
        <v>33</v>
      </c>
      <c r="AH15913">
        <v>33</v>
      </c>
      <c r="AI15913">
        <v>33</v>
      </c>
      <c r="AJ15913">
        <v>33</v>
      </c>
      <c r="AK15913">
        <v>33</v>
      </c>
      <c r="AL15913">
        <v>33</v>
      </c>
      <c r="AM15913">
        <v>33</v>
      </c>
      <c r="AN15913">
        <v>33</v>
      </c>
      <c r="AO15913">
        <v>33</v>
      </c>
      <c r="AP15913">
        <v>33</v>
      </c>
      <c r="AQ15913">
        <v>33</v>
      </c>
    </row>
    <row r="15914" spans="1:43">
      <c r="A15914" t="s">
        <v>9880</v>
      </c>
      <c r="B15914" t="s">
        <v>9881</v>
      </c>
      <c r="C15914" t="s">
        <v>9694</v>
      </c>
      <c r="D15914" t="s">
        <v>9695</v>
      </c>
      <c r="E15914" t="s">
        <v>9544</v>
      </c>
      <c r="F15914" t="s">
        <v>9545</v>
      </c>
      <c r="G15914" t="s">
        <v>80</v>
      </c>
      <c r="H15914" t="s">
        <v>81</v>
      </c>
      <c r="I15914" s="2">
        <v>0</v>
      </c>
      <c r="J15914" s="2">
        <v>1</v>
      </c>
      <c r="K15914" s="2">
        <v>0</v>
      </c>
      <c r="L15914" t="s">
        <v>82</v>
      </c>
      <c r="M15914" t="s">
        <v>83</v>
      </c>
      <c r="N15914" t="s">
        <v>84</v>
      </c>
      <c r="O15914" t="s">
        <v>85</v>
      </c>
      <c r="P15914" t="s">
        <v>86</v>
      </c>
      <c r="Q15914">
        <v>96</v>
      </c>
      <c r="R15914">
        <v>97</v>
      </c>
      <c r="S15914">
        <v>97</v>
      </c>
      <c r="T15914">
        <v>98</v>
      </c>
      <c r="U15914">
        <v>99</v>
      </c>
      <c r="V15914">
        <v>99</v>
      </c>
      <c r="W15914">
        <v>100</v>
      </c>
      <c r="X15914">
        <v>100</v>
      </c>
      <c r="Y15914">
        <v>101</v>
      </c>
      <c r="Z15914">
        <v>102</v>
      </c>
      <c r="AA15914">
        <v>102</v>
      </c>
      <c r="AB15914">
        <v>103</v>
      </c>
      <c r="AC15914">
        <v>103</v>
      </c>
      <c r="AD15914">
        <v>103</v>
      </c>
      <c r="AE15914">
        <v>104</v>
      </c>
      <c r="AF15914">
        <v>104</v>
      </c>
      <c r="AG15914">
        <v>104</v>
      </c>
      <c r="AH15914">
        <v>105</v>
      </c>
      <c r="AI15914">
        <v>105</v>
      </c>
      <c r="AJ15914">
        <v>105</v>
      </c>
      <c r="AK15914">
        <v>106</v>
      </c>
      <c r="AL15914">
        <v>105</v>
      </c>
      <c r="AM15914">
        <v>105</v>
      </c>
      <c r="AN15914">
        <v>104</v>
      </c>
      <c r="AO15914">
        <v>103</v>
      </c>
      <c r="AP15914">
        <v>103</v>
      </c>
      <c r="AQ15914">
        <v>102</v>
      </c>
    </row>
    <row r="15915" spans="1:43">
      <c r="A15915" t="s">
        <v>9880</v>
      </c>
      <c r="B15915" t="s">
        <v>9881</v>
      </c>
      <c r="C15915" t="s">
        <v>9694</v>
      </c>
      <c r="D15915" t="s">
        <v>9695</v>
      </c>
      <c r="E15915" t="s">
        <v>9544</v>
      </c>
      <c r="F15915" t="s">
        <v>9545</v>
      </c>
      <c r="G15915" t="s">
        <v>80</v>
      </c>
      <c r="H15915" t="s">
        <v>81</v>
      </c>
      <c r="I15915" s="2">
        <v>0</v>
      </c>
      <c r="J15915" s="2">
        <v>1</v>
      </c>
      <c r="K15915" s="2">
        <v>0</v>
      </c>
      <c r="L15915" t="s">
        <v>82</v>
      </c>
      <c r="M15915" t="s">
        <v>87</v>
      </c>
      <c r="N15915" t="s">
        <v>88</v>
      </c>
      <c r="O15915" t="s">
        <v>85</v>
      </c>
      <c r="P15915" t="s">
        <v>86</v>
      </c>
      <c r="Q15915">
        <v>96</v>
      </c>
      <c r="R15915">
        <v>96</v>
      </c>
      <c r="S15915">
        <v>96</v>
      </c>
      <c r="T15915">
        <v>96</v>
      </c>
      <c r="U15915">
        <v>95</v>
      </c>
      <c r="V15915">
        <v>95</v>
      </c>
      <c r="W15915">
        <v>95</v>
      </c>
      <c r="X15915">
        <v>95</v>
      </c>
      <c r="Y15915">
        <v>94</v>
      </c>
      <c r="Z15915">
        <v>94</v>
      </c>
      <c r="AA15915">
        <v>94</v>
      </c>
      <c r="AB15915">
        <v>94</v>
      </c>
      <c r="AC15915">
        <v>93</v>
      </c>
      <c r="AD15915">
        <v>93</v>
      </c>
      <c r="AE15915">
        <v>93</v>
      </c>
      <c r="AF15915">
        <v>93</v>
      </c>
      <c r="AG15915">
        <v>92</v>
      </c>
      <c r="AH15915">
        <v>92</v>
      </c>
      <c r="AI15915">
        <v>92</v>
      </c>
      <c r="AJ15915">
        <v>91</v>
      </c>
      <c r="AK15915">
        <v>91</v>
      </c>
      <c r="AL15915">
        <v>91</v>
      </c>
      <c r="AM15915">
        <v>91</v>
      </c>
      <c r="AN15915">
        <v>90</v>
      </c>
      <c r="AO15915">
        <v>90</v>
      </c>
      <c r="AP15915">
        <v>90</v>
      </c>
      <c r="AQ15915">
        <v>89</v>
      </c>
    </row>
    <row r="15916" spans="1:43">
      <c r="A15916" t="s">
        <v>9880</v>
      </c>
      <c r="B15916" t="s">
        <v>9881</v>
      </c>
      <c r="C15916" t="s">
        <v>9694</v>
      </c>
      <c r="D15916" t="s">
        <v>9695</v>
      </c>
      <c r="E15916" t="s">
        <v>9544</v>
      </c>
      <c r="F15916" t="s">
        <v>9545</v>
      </c>
      <c r="G15916" t="s">
        <v>80</v>
      </c>
      <c r="H15916" t="s">
        <v>81</v>
      </c>
      <c r="I15916" s="2">
        <v>0</v>
      </c>
      <c r="J15916" s="2">
        <v>1</v>
      </c>
      <c r="K15916" s="2">
        <v>0</v>
      </c>
      <c r="L15916" t="s">
        <v>82</v>
      </c>
      <c r="M15916" t="s">
        <v>89</v>
      </c>
      <c r="N15916" t="s">
        <v>90</v>
      </c>
      <c r="O15916" t="s">
        <v>85</v>
      </c>
      <c r="P15916" t="s">
        <v>86</v>
      </c>
      <c r="Q15916">
        <v>96</v>
      </c>
      <c r="R15916">
        <v>97</v>
      </c>
      <c r="S15916">
        <v>99</v>
      </c>
      <c r="T15916">
        <v>100</v>
      </c>
      <c r="U15916">
        <v>102</v>
      </c>
      <c r="V15916">
        <v>103</v>
      </c>
      <c r="W15916">
        <v>104</v>
      </c>
      <c r="X15916">
        <v>105</v>
      </c>
      <c r="Y15916">
        <v>106</v>
      </c>
      <c r="Z15916">
        <v>107</v>
      </c>
      <c r="AA15916">
        <v>108</v>
      </c>
      <c r="AB15916">
        <v>108</v>
      </c>
      <c r="AC15916">
        <v>109</v>
      </c>
      <c r="AD15916">
        <v>110</v>
      </c>
      <c r="AE15916">
        <v>110</v>
      </c>
      <c r="AF15916">
        <v>110</v>
      </c>
      <c r="AG15916">
        <v>109</v>
      </c>
      <c r="AH15916">
        <v>108</v>
      </c>
      <c r="AI15916">
        <v>108</v>
      </c>
      <c r="AJ15916">
        <v>107</v>
      </c>
      <c r="AK15916">
        <v>106</v>
      </c>
      <c r="AL15916">
        <v>106</v>
      </c>
      <c r="AM15916">
        <v>105</v>
      </c>
      <c r="AN15916">
        <v>104</v>
      </c>
      <c r="AO15916">
        <v>104</v>
      </c>
      <c r="AP15916">
        <v>103</v>
      </c>
      <c r="AQ15916">
        <v>102</v>
      </c>
    </row>
    <row r="15917" spans="1:43">
      <c r="A15917" t="s">
        <v>9880</v>
      </c>
      <c r="B15917" t="s">
        <v>9881</v>
      </c>
      <c r="C15917" t="s">
        <v>9694</v>
      </c>
      <c r="D15917" t="s">
        <v>9695</v>
      </c>
      <c r="E15917" t="s">
        <v>9544</v>
      </c>
      <c r="F15917" t="s">
        <v>9545</v>
      </c>
      <c r="G15917" t="s">
        <v>80</v>
      </c>
      <c r="H15917" t="s">
        <v>81</v>
      </c>
      <c r="I15917" s="2">
        <v>0</v>
      </c>
      <c r="J15917" s="2">
        <v>1</v>
      </c>
      <c r="K15917" s="2">
        <v>0</v>
      </c>
      <c r="L15917" t="s">
        <v>82</v>
      </c>
      <c r="M15917" t="s">
        <v>83</v>
      </c>
      <c r="N15917" t="s">
        <v>91</v>
      </c>
      <c r="O15917" t="s">
        <v>85</v>
      </c>
      <c r="P15917" t="s">
        <v>86</v>
      </c>
      <c r="Q15917">
        <v>96</v>
      </c>
      <c r="R15917">
        <v>97</v>
      </c>
      <c r="S15917">
        <v>97</v>
      </c>
      <c r="T15917">
        <v>98</v>
      </c>
      <c r="U15917">
        <v>99</v>
      </c>
      <c r="V15917">
        <v>99</v>
      </c>
      <c r="W15917">
        <v>100</v>
      </c>
      <c r="X15917">
        <v>100</v>
      </c>
      <c r="Y15917">
        <v>101</v>
      </c>
      <c r="Z15917">
        <v>102</v>
      </c>
      <c r="AA15917">
        <v>102</v>
      </c>
      <c r="AB15917">
        <v>103</v>
      </c>
      <c r="AC15917">
        <v>103</v>
      </c>
      <c r="AD15917">
        <v>103</v>
      </c>
      <c r="AE15917">
        <v>104</v>
      </c>
      <c r="AF15917">
        <v>104</v>
      </c>
      <c r="AG15917">
        <v>104</v>
      </c>
      <c r="AH15917">
        <v>105</v>
      </c>
      <c r="AI15917">
        <v>105</v>
      </c>
      <c r="AJ15917">
        <v>105</v>
      </c>
      <c r="AK15917">
        <v>106</v>
      </c>
      <c r="AL15917">
        <v>105</v>
      </c>
      <c r="AM15917">
        <v>105</v>
      </c>
      <c r="AN15917">
        <v>104</v>
      </c>
      <c r="AO15917">
        <v>103</v>
      </c>
      <c r="AP15917">
        <v>103</v>
      </c>
      <c r="AQ15917">
        <v>102</v>
      </c>
    </row>
    <row r="15918" spans="1:43">
      <c r="A15918" t="s">
        <v>9882</v>
      </c>
      <c r="B15918" t="s">
        <v>9883</v>
      </c>
      <c r="C15918" t="s">
        <v>9884</v>
      </c>
      <c r="D15918" t="s">
        <v>9885</v>
      </c>
      <c r="E15918" t="s">
        <v>9544</v>
      </c>
      <c r="F15918" t="s">
        <v>9545</v>
      </c>
      <c r="G15918" t="s">
        <v>80</v>
      </c>
      <c r="H15918" t="s">
        <v>81</v>
      </c>
      <c r="I15918" s="2">
        <v>0</v>
      </c>
      <c r="J15918" s="2">
        <v>1</v>
      </c>
      <c r="K15918" s="2">
        <v>0</v>
      </c>
      <c r="L15918" t="s">
        <v>82</v>
      </c>
      <c r="M15918" t="s">
        <v>83</v>
      </c>
      <c r="N15918" t="s">
        <v>84</v>
      </c>
      <c r="O15918" t="s">
        <v>85</v>
      </c>
      <c r="P15918" t="s">
        <v>86</v>
      </c>
      <c r="Q15918">
        <v>15</v>
      </c>
      <c r="R15918">
        <v>15</v>
      </c>
      <c r="S15918">
        <v>15</v>
      </c>
      <c r="T15918">
        <v>15</v>
      </c>
      <c r="U15918">
        <v>16</v>
      </c>
      <c r="V15918">
        <v>16</v>
      </c>
      <c r="W15918">
        <v>16</v>
      </c>
      <c r="X15918">
        <v>16</v>
      </c>
      <c r="Y15918">
        <v>16</v>
      </c>
      <c r="Z15918">
        <v>16</v>
      </c>
      <c r="AA15918">
        <v>16</v>
      </c>
      <c r="AB15918">
        <v>16</v>
      </c>
      <c r="AC15918">
        <v>16</v>
      </c>
      <c r="AD15918">
        <v>16</v>
      </c>
      <c r="AE15918">
        <v>17</v>
      </c>
      <c r="AF15918">
        <v>17</v>
      </c>
      <c r="AG15918">
        <v>17</v>
      </c>
      <c r="AH15918">
        <v>17</v>
      </c>
      <c r="AI15918">
        <v>17</v>
      </c>
      <c r="AJ15918">
        <v>17</v>
      </c>
      <c r="AK15918">
        <v>17</v>
      </c>
      <c r="AL15918">
        <v>17</v>
      </c>
      <c r="AM15918">
        <v>17</v>
      </c>
      <c r="AN15918">
        <v>17</v>
      </c>
      <c r="AO15918">
        <v>17</v>
      </c>
      <c r="AP15918">
        <v>17</v>
      </c>
      <c r="AQ15918">
        <v>17</v>
      </c>
    </row>
    <row r="15919" spans="1:43">
      <c r="A15919" t="s">
        <v>9882</v>
      </c>
      <c r="B15919" t="s">
        <v>9883</v>
      </c>
      <c r="C15919" t="s">
        <v>9884</v>
      </c>
      <c r="D15919" t="s">
        <v>9885</v>
      </c>
      <c r="E15919" t="s">
        <v>9544</v>
      </c>
      <c r="F15919" t="s">
        <v>9545</v>
      </c>
      <c r="G15919" t="s">
        <v>80</v>
      </c>
      <c r="H15919" t="s">
        <v>81</v>
      </c>
      <c r="I15919" s="2">
        <v>0</v>
      </c>
      <c r="J15919" s="2">
        <v>1</v>
      </c>
      <c r="K15919" s="2">
        <v>0</v>
      </c>
      <c r="L15919" t="s">
        <v>82</v>
      </c>
      <c r="M15919" t="s">
        <v>87</v>
      </c>
      <c r="N15919" t="s">
        <v>88</v>
      </c>
      <c r="O15919" t="s">
        <v>85</v>
      </c>
      <c r="P15919" t="s">
        <v>86</v>
      </c>
      <c r="Q15919">
        <v>15</v>
      </c>
      <c r="R15919">
        <v>15</v>
      </c>
      <c r="S15919">
        <v>15</v>
      </c>
      <c r="T15919">
        <v>15</v>
      </c>
      <c r="U15919">
        <v>15</v>
      </c>
      <c r="V15919">
        <v>15</v>
      </c>
      <c r="W15919">
        <v>15</v>
      </c>
      <c r="X15919">
        <v>15</v>
      </c>
      <c r="Y15919">
        <v>15</v>
      </c>
      <c r="Z15919">
        <v>15</v>
      </c>
      <c r="AA15919">
        <v>15</v>
      </c>
      <c r="AB15919">
        <v>15</v>
      </c>
      <c r="AC15919">
        <v>15</v>
      </c>
      <c r="AD15919">
        <v>15</v>
      </c>
      <c r="AE15919">
        <v>15</v>
      </c>
      <c r="AF15919">
        <v>15</v>
      </c>
      <c r="AG15919">
        <v>15</v>
      </c>
      <c r="AH15919">
        <v>15</v>
      </c>
      <c r="AI15919">
        <v>15</v>
      </c>
      <c r="AJ15919">
        <v>15</v>
      </c>
      <c r="AK15919">
        <v>15</v>
      </c>
      <c r="AL15919">
        <v>14</v>
      </c>
      <c r="AM15919">
        <v>14</v>
      </c>
      <c r="AN15919">
        <v>14</v>
      </c>
      <c r="AO15919">
        <v>14</v>
      </c>
      <c r="AP15919">
        <v>14</v>
      </c>
      <c r="AQ15919">
        <v>14</v>
      </c>
    </row>
    <row r="15920" spans="1:43">
      <c r="A15920" t="s">
        <v>9882</v>
      </c>
      <c r="B15920" t="s">
        <v>9883</v>
      </c>
      <c r="C15920" t="s">
        <v>9884</v>
      </c>
      <c r="D15920" t="s">
        <v>9885</v>
      </c>
      <c r="E15920" t="s">
        <v>9544</v>
      </c>
      <c r="F15920" t="s">
        <v>9545</v>
      </c>
      <c r="G15920" t="s">
        <v>80</v>
      </c>
      <c r="H15920" t="s">
        <v>81</v>
      </c>
      <c r="I15920" s="2">
        <v>0</v>
      </c>
      <c r="J15920" s="2">
        <v>1</v>
      </c>
      <c r="K15920" s="2">
        <v>0</v>
      </c>
      <c r="L15920" t="s">
        <v>82</v>
      </c>
      <c r="M15920" t="s">
        <v>89</v>
      </c>
      <c r="N15920" t="s">
        <v>90</v>
      </c>
      <c r="O15920" t="s">
        <v>85</v>
      </c>
      <c r="P15920" t="s">
        <v>86</v>
      </c>
      <c r="Q15920">
        <v>15</v>
      </c>
      <c r="R15920">
        <v>15</v>
      </c>
      <c r="S15920">
        <v>16</v>
      </c>
      <c r="T15920">
        <v>16</v>
      </c>
      <c r="U15920">
        <v>16</v>
      </c>
      <c r="V15920">
        <v>16</v>
      </c>
      <c r="W15920">
        <v>17</v>
      </c>
      <c r="X15920">
        <v>17</v>
      </c>
      <c r="Y15920">
        <v>17</v>
      </c>
      <c r="Z15920">
        <v>17</v>
      </c>
      <c r="AA15920">
        <v>17</v>
      </c>
      <c r="AB15920">
        <v>17</v>
      </c>
      <c r="AC15920">
        <v>18</v>
      </c>
      <c r="AD15920">
        <v>18</v>
      </c>
      <c r="AE15920">
        <v>18</v>
      </c>
      <c r="AF15920">
        <v>18</v>
      </c>
      <c r="AG15920">
        <v>18</v>
      </c>
      <c r="AH15920">
        <v>18</v>
      </c>
      <c r="AI15920">
        <v>17</v>
      </c>
      <c r="AJ15920">
        <v>17</v>
      </c>
      <c r="AK15920">
        <v>17</v>
      </c>
      <c r="AL15920">
        <v>17</v>
      </c>
      <c r="AM15920">
        <v>17</v>
      </c>
      <c r="AN15920">
        <v>17</v>
      </c>
      <c r="AO15920">
        <v>17</v>
      </c>
      <c r="AP15920">
        <v>17</v>
      </c>
      <c r="AQ15920">
        <v>17</v>
      </c>
    </row>
    <row r="15921" spans="1:43">
      <c r="A15921" t="s">
        <v>9882</v>
      </c>
      <c r="B15921" t="s">
        <v>9883</v>
      </c>
      <c r="C15921" t="s">
        <v>9884</v>
      </c>
      <c r="D15921" t="s">
        <v>9885</v>
      </c>
      <c r="E15921" t="s">
        <v>9544</v>
      </c>
      <c r="F15921" t="s">
        <v>9545</v>
      </c>
      <c r="G15921" t="s">
        <v>80</v>
      </c>
      <c r="H15921" t="s">
        <v>81</v>
      </c>
      <c r="I15921" s="2">
        <v>0</v>
      </c>
      <c r="J15921" s="2">
        <v>1</v>
      </c>
      <c r="K15921" s="2">
        <v>0</v>
      </c>
      <c r="L15921" t="s">
        <v>82</v>
      </c>
      <c r="M15921" t="s">
        <v>83</v>
      </c>
      <c r="N15921" t="s">
        <v>91</v>
      </c>
      <c r="O15921" t="s">
        <v>85</v>
      </c>
      <c r="P15921" t="s">
        <v>86</v>
      </c>
      <c r="Q15921">
        <v>15</v>
      </c>
      <c r="R15921">
        <v>15</v>
      </c>
      <c r="S15921">
        <v>15</v>
      </c>
      <c r="T15921">
        <v>15</v>
      </c>
      <c r="U15921">
        <v>16</v>
      </c>
      <c r="V15921">
        <v>16</v>
      </c>
      <c r="W15921">
        <v>16</v>
      </c>
      <c r="X15921">
        <v>16</v>
      </c>
      <c r="Y15921">
        <v>16</v>
      </c>
      <c r="Z15921">
        <v>16</v>
      </c>
      <c r="AA15921">
        <v>16</v>
      </c>
      <c r="AB15921">
        <v>16</v>
      </c>
      <c r="AC15921">
        <v>16</v>
      </c>
      <c r="AD15921">
        <v>16</v>
      </c>
      <c r="AE15921">
        <v>17</v>
      </c>
      <c r="AF15921">
        <v>17</v>
      </c>
      <c r="AG15921">
        <v>17</v>
      </c>
      <c r="AH15921">
        <v>17</v>
      </c>
      <c r="AI15921">
        <v>17</v>
      </c>
      <c r="AJ15921">
        <v>17</v>
      </c>
      <c r="AK15921">
        <v>17</v>
      </c>
      <c r="AL15921">
        <v>17</v>
      </c>
      <c r="AM15921">
        <v>17</v>
      </c>
      <c r="AN15921">
        <v>17</v>
      </c>
      <c r="AO15921">
        <v>17</v>
      </c>
      <c r="AP15921">
        <v>17</v>
      </c>
      <c r="AQ15921">
        <v>17</v>
      </c>
    </row>
    <row r="15922" spans="1:43">
      <c r="A15922" t="s">
        <v>9886</v>
      </c>
      <c r="B15922" t="s">
        <v>9887</v>
      </c>
      <c r="C15922" t="s">
        <v>9884</v>
      </c>
      <c r="D15922" t="s">
        <v>9885</v>
      </c>
      <c r="E15922" t="s">
        <v>9544</v>
      </c>
      <c r="F15922" t="s">
        <v>9545</v>
      </c>
      <c r="G15922" t="s">
        <v>80</v>
      </c>
      <c r="H15922" t="s">
        <v>81</v>
      </c>
      <c r="I15922" s="2">
        <v>0</v>
      </c>
      <c r="J15922" s="2">
        <v>1</v>
      </c>
      <c r="K15922" s="2">
        <v>0</v>
      </c>
      <c r="L15922" t="s">
        <v>82</v>
      </c>
      <c r="M15922" t="s">
        <v>83</v>
      </c>
      <c r="N15922" t="s">
        <v>84</v>
      </c>
      <c r="O15922" t="s">
        <v>85</v>
      </c>
      <c r="P15922" t="s">
        <v>86</v>
      </c>
      <c r="Q15922">
        <v>43</v>
      </c>
      <c r="R15922">
        <v>44</v>
      </c>
      <c r="S15922">
        <v>44</v>
      </c>
      <c r="T15922">
        <v>44</v>
      </c>
      <c r="U15922">
        <v>45</v>
      </c>
      <c r="V15922">
        <v>45</v>
      </c>
      <c r="W15922">
        <v>45</v>
      </c>
      <c r="X15922">
        <v>46</v>
      </c>
      <c r="Y15922">
        <v>46</v>
      </c>
      <c r="Z15922">
        <v>46</v>
      </c>
      <c r="AA15922">
        <v>47</v>
      </c>
      <c r="AB15922">
        <v>47</v>
      </c>
      <c r="AC15922">
        <v>47</v>
      </c>
      <c r="AD15922">
        <v>47</v>
      </c>
      <c r="AE15922">
        <v>48</v>
      </c>
      <c r="AF15922">
        <v>48</v>
      </c>
      <c r="AG15922">
        <v>48</v>
      </c>
      <c r="AH15922">
        <v>48</v>
      </c>
      <c r="AI15922">
        <v>48</v>
      </c>
      <c r="AJ15922">
        <v>49</v>
      </c>
      <c r="AK15922">
        <v>49</v>
      </c>
      <c r="AL15922">
        <v>49</v>
      </c>
      <c r="AM15922">
        <v>49</v>
      </c>
      <c r="AN15922">
        <v>48</v>
      </c>
      <c r="AO15922">
        <v>48</v>
      </c>
      <c r="AP15922">
        <v>48</v>
      </c>
      <c r="AQ15922">
        <v>48</v>
      </c>
    </row>
    <row r="15923" spans="1:43">
      <c r="A15923" t="s">
        <v>9886</v>
      </c>
      <c r="B15923" t="s">
        <v>9887</v>
      </c>
      <c r="C15923" t="s">
        <v>9884</v>
      </c>
      <c r="D15923" t="s">
        <v>9885</v>
      </c>
      <c r="E15923" t="s">
        <v>9544</v>
      </c>
      <c r="F15923" t="s">
        <v>9545</v>
      </c>
      <c r="G15923" t="s">
        <v>80</v>
      </c>
      <c r="H15923" t="s">
        <v>81</v>
      </c>
      <c r="I15923" s="2">
        <v>0</v>
      </c>
      <c r="J15923" s="2">
        <v>1</v>
      </c>
      <c r="K15923" s="2">
        <v>0</v>
      </c>
      <c r="L15923" t="s">
        <v>82</v>
      </c>
      <c r="M15923" t="s">
        <v>87</v>
      </c>
      <c r="N15923" t="s">
        <v>88</v>
      </c>
      <c r="O15923" t="s">
        <v>85</v>
      </c>
      <c r="P15923" t="s">
        <v>86</v>
      </c>
      <c r="Q15923">
        <v>43</v>
      </c>
      <c r="R15923">
        <v>43</v>
      </c>
      <c r="S15923">
        <v>43</v>
      </c>
      <c r="T15923">
        <v>43</v>
      </c>
      <c r="U15923">
        <v>43</v>
      </c>
      <c r="V15923">
        <v>43</v>
      </c>
      <c r="W15923">
        <v>43</v>
      </c>
      <c r="X15923">
        <v>43</v>
      </c>
      <c r="Y15923">
        <v>42</v>
      </c>
      <c r="Z15923">
        <v>42</v>
      </c>
      <c r="AA15923">
        <v>42</v>
      </c>
      <c r="AB15923">
        <v>42</v>
      </c>
      <c r="AC15923">
        <v>42</v>
      </c>
      <c r="AD15923">
        <v>42</v>
      </c>
      <c r="AE15923">
        <v>42</v>
      </c>
      <c r="AF15923">
        <v>42</v>
      </c>
      <c r="AG15923">
        <v>42</v>
      </c>
      <c r="AH15923">
        <v>42</v>
      </c>
      <c r="AI15923">
        <v>42</v>
      </c>
      <c r="AJ15923">
        <v>42</v>
      </c>
      <c r="AK15923">
        <v>42</v>
      </c>
      <c r="AL15923">
        <v>42</v>
      </c>
      <c r="AM15923">
        <v>42</v>
      </c>
      <c r="AN15923">
        <v>41</v>
      </c>
      <c r="AO15923">
        <v>41</v>
      </c>
      <c r="AP15923">
        <v>41</v>
      </c>
      <c r="AQ15923">
        <v>41</v>
      </c>
    </row>
    <row r="15924" spans="1:43">
      <c r="A15924" t="s">
        <v>9886</v>
      </c>
      <c r="B15924" t="s">
        <v>9887</v>
      </c>
      <c r="C15924" t="s">
        <v>9884</v>
      </c>
      <c r="D15924" t="s">
        <v>9885</v>
      </c>
      <c r="E15924" t="s">
        <v>9544</v>
      </c>
      <c r="F15924" t="s">
        <v>9545</v>
      </c>
      <c r="G15924" t="s">
        <v>80</v>
      </c>
      <c r="H15924" t="s">
        <v>81</v>
      </c>
      <c r="I15924" s="2">
        <v>0</v>
      </c>
      <c r="J15924" s="2">
        <v>1</v>
      </c>
      <c r="K15924" s="2">
        <v>0</v>
      </c>
      <c r="L15924" t="s">
        <v>82</v>
      </c>
      <c r="M15924" t="s">
        <v>89</v>
      </c>
      <c r="N15924" t="s">
        <v>90</v>
      </c>
      <c r="O15924" t="s">
        <v>85</v>
      </c>
      <c r="P15924" t="s">
        <v>86</v>
      </c>
      <c r="Q15924">
        <v>43</v>
      </c>
      <c r="R15924">
        <v>43</v>
      </c>
      <c r="S15924">
        <v>44</v>
      </c>
      <c r="T15924">
        <v>45</v>
      </c>
      <c r="U15924">
        <v>45</v>
      </c>
      <c r="V15924">
        <v>46</v>
      </c>
      <c r="W15924">
        <v>47</v>
      </c>
      <c r="X15924">
        <v>47</v>
      </c>
      <c r="Y15924">
        <v>48</v>
      </c>
      <c r="Z15924">
        <v>48</v>
      </c>
      <c r="AA15924">
        <v>49</v>
      </c>
      <c r="AB15924">
        <v>49</v>
      </c>
      <c r="AC15924">
        <v>49</v>
      </c>
      <c r="AD15924">
        <v>50</v>
      </c>
      <c r="AE15924">
        <v>50</v>
      </c>
      <c r="AF15924">
        <v>50</v>
      </c>
      <c r="AG15924">
        <v>50</v>
      </c>
      <c r="AH15924">
        <v>49</v>
      </c>
      <c r="AI15924">
        <v>49</v>
      </c>
      <c r="AJ15924">
        <v>49</v>
      </c>
      <c r="AK15924">
        <v>49</v>
      </c>
      <c r="AL15924">
        <v>49</v>
      </c>
      <c r="AM15924">
        <v>48</v>
      </c>
      <c r="AN15924">
        <v>48</v>
      </c>
      <c r="AO15924">
        <v>48</v>
      </c>
      <c r="AP15924">
        <v>48</v>
      </c>
      <c r="AQ15924">
        <v>48</v>
      </c>
    </row>
    <row r="15925" spans="1:43">
      <c r="A15925" t="s">
        <v>9886</v>
      </c>
      <c r="B15925" t="s">
        <v>9887</v>
      </c>
      <c r="C15925" t="s">
        <v>9884</v>
      </c>
      <c r="D15925" t="s">
        <v>9885</v>
      </c>
      <c r="E15925" t="s">
        <v>9544</v>
      </c>
      <c r="F15925" t="s">
        <v>9545</v>
      </c>
      <c r="G15925" t="s">
        <v>80</v>
      </c>
      <c r="H15925" t="s">
        <v>81</v>
      </c>
      <c r="I15925" s="2">
        <v>0</v>
      </c>
      <c r="J15925" s="2">
        <v>1</v>
      </c>
      <c r="K15925" s="2">
        <v>0</v>
      </c>
      <c r="L15925" t="s">
        <v>82</v>
      </c>
      <c r="M15925" t="s">
        <v>83</v>
      </c>
      <c r="N15925" t="s">
        <v>91</v>
      </c>
      <c r="O15925" t="s">
        <v>85</v>
      </c>
      <c r="P15925" t="s">
        <v>86</v>
      </c>
      <c r="Q15925">
        <v>43</v>
      </c>
      <c r="R15925">
        <v>44</v>
      </c>
      <c r="S15925">
        <v>44</v>
      </c>
      <c r="T15925">
        <v>44</v>
      </c>
      <c r="U15925">
        <v>45</v>
      </c>
      <c r="V15925">
        <v>45</v>
      </c>
      <c r="W15925">
        <v>45</v>
      </c>
      <c r="X15925">
        <v>46</v>
      </c>
      <c r="Y15925">
        <v>46</v>
      </c>
      <c r="Z15925">
        <v>46</v>
      </c>
      <c r="AA15925">
        <v>47</v>
      </c>
      <c r="AB15925">
        <v>47</v>
      </c>
      <c r="AC15925">
        <v>47</v>
      </c>
      <c r="AD15925">
        <v>47</v>
      </c>
      <c r="AE15925">
        <v>48</v>
      </c>
      <c r="AF15925">
        <v>48</v>
      </c>
      <c r="AG15925">
        <v>48</v>
      </c>
      <c r="AH15925">
        <v>48</v>
      </c>
      <c r="AI15925">
        <v>48</v>
      </c>
      <c r="AJ15925">
        <v>49</v>
      </c>
      <c r="AK15925">
        <v>49</v>
      </c>
      <c r="AL15925">
        <v>49</v>
      </c>
      <c r="AM15925">
        <v>49</v>
      </c>
      <c r="AN15925">
        <v>48</v>
      </c>
      <c r="AO15925">
        <v>48</v>
      </c>
      <c r="AP15925">
        <v>48</v>
      </c>
      <c r="AQ15925">
        <v>48</v>
      </c>
    </row>
    <row r="15926" spans="1:43">
      <c r="A15926" t="s">
        <v>9888</v>
      </c>
      <c r="B15926" t="s">
        <v>9889</v>
      </c>
      <c r="C15926" t="s">
        <v>9884</v>
      </c>
      <c r="D15926" t="s">
        <v>9885</v>
      </c>
      <c r="E15926" t="s">
        <v>9544</v>
      </c>
      <c r="F15926" t="s">
        <v>9545</v>
      </c>
      <c r="G15926" t="s">
        <v>80</v>
      </c>
      <c r="H15926" t="s">
        <v>81</v>
      </c>
      <c r="I15926" s="2">
        <v>0</v>
      </c>
      <c r="J15926" s="2">
        <v>1</v>
      </c>
      <c r="K15926" s="2">
        <v>0</v>
      </c>
      <c r="L15926" t="s">
        <v>82</v>
      </c>
      <c r="M15926" t="s">
        <v>83</v>
      </c>
      <c r="N15926" t="s">
        <v>84</v>
      </c>
      <c r="O15926" t="s">
        <v>85</v>
      </c>
      <c r="P15926" t="s">
        <v>86</v>
      </c>
      <c r="Q15926">
        <v>61</v>
      </c>
      <c r="R15926">
        <v>62</v>
      </c>
      <c r="S15926">
        <v>62</v>
      </c>
      <c r="T15926">
        <v>63</v>
      </c>
      <c r="U15926">
        <v>63</v>
      </c>
      <c r="V15926">
        <v>64</v>
      </c>
      <c r="W15926">
        <v>64</v>
      </c>
      <c r="X15926">
        <v>65</v>
      </c>
      <c r="Y15926">
        <v>65</v>
      </c>
      <c r="Z15926">
        <v>66</v>
      </c>
      <c r="AA15926">
        <v>66</v>
      </c>
      <c r="AB15926">
        <v>66</v>
      </c>
      <c r="AC15926">
        <v>67</v>
      </c>
      <c r="AD15926">
        <v>67</v>
      </c>
      <c r="AE15926">
        <v>67</v>
      </c>
      <c r="AF15926">
        <v>68</v>
      </c>
      <c r="AG15926">
        <v>68</v>
      </c>
      <c r="AH15926">
        <v>68</v>
      </c>
      <c r="AI15926">
        <v>69</v>
      </c>
      <c r="AJ15926">
        <v>69</v>
      </c>
      <c r="AK15926">
        <v>69</v>
      </c>
      <c r="AL15926">
        <v>69</v>
      </c>
      <c r="AM15926">
        <v>69</v>
      </c>
      <c r="AN15926">
        <v>68</v>
      </c>
      <c r="AO15926">
        <v>68</v>
      </c>
      <c r="AP15926">
        <v>68</v>
      </c>
      <c r="AQ15926">
        <v>68</v>
      </c>
    </row>
    <row r="15927" spans="1:43">
      <c r="A15927" t="s">
        <v>9888</v>
      </c>
      <c r="B15927" t="s">
        <v>9889</v>
      </c>
      <c r="C15927" t="s">
        <v>9884</v>
      </c>
      <c r="D15927" t="s">
        <v>9885</v>
      </c>
      <c r="E15927" t="s">
        <v>9544</v>
      </c>
      <c r="F15927" t="s">
        <v>9545</v>
      </c>
      <c r="G15927" t="s">
        <v>80</v>
      </c>
      <c r="H15927" t="s">
        <v>81</v>
      </c>
      <c r="I15927" s="2">
        <v>0</v>
      </c>
      <c r="J15927" s="2">
        <v>1</v>
      </c>
      <c r="K15927" s="2">
        <v>0</v>
      </c>
      <c r="L15927" t="s">
        <v>82</v>
      </c>
      <c r="M15927" t="s">
        <v>87</v>
      </c>
      <c r="N15927" t="s">
        <v>88</v>
      </c>
      <c r="O15927" t="s">
        <v>85</v>
      </c>
      <c r="P15927" t="s">
        <v>86</v>
      </c>
      <c r="Q15927">
        <v>61</v>
      </c>
      <c r="R15927">
        <v>61</v>
      </c>
      <c r="S15927">
        <v>61</v>
      </c>
      <c r="T15927">
        <v>61</v>
      </c>
      <c r="U15927">
        <v>61</v>
      </c>
      <c r="V15927">
        <v>60</v>
      </c>
      <c r="W15927">
        <v>60</v>
      </c>
      <c r="X15927">
        <v>60</v>
      </c>
      <c r="Y15927">
        <v>60</v>
      </c>
      <c r="Z15927">
        <v>60</v>
      </c>
      <c r="AA15927">
        <v>60</v>
      </c>
      <c r="AB15927">
        <v>60</v>
      </c>
      <c r="AC15927">
        <v>60</v>
      </c>
      <c r="AD15927">
        <v>60</v>
      </c>
      <c r="AE15927">
        <v>60</v>
      </c>
      <c r="AF15927">
        <v>60</v>
      </c>
      <c r="AG15927">
        <v>59</v>
      </c>
      <c r="AH15927">
        <v>59</v>
      </c>
      <c r="AI15927">
        <v>59</v>
      </c>
      <c r="AJ15927">
        <v>59</v>
      </c>
      <c r="AK15927">
        <v>59</v>
      </c>
      <c r="AL15927">
        <v>59</v>
      </c>
      <c r="AM15927">
        <v>59</v>
      </c>
      <c r="AN15927">
        <v>59</v>
      </c>
      <c r="AO15927">
        <v>59</v>
      </c>
      <c r="AP15927">
        <v>58</v>
      </c>
      <c r="AQ15927">
        <v>58</v>
      </c>
    </row>
    <row r="15928" spans="1:43">
      <c r="A15928" t="s">
        <v>9888</v>
      </c>
      <c r="B15928" t="s">
        <v>9889</v>
      </c>
      <c r="C15928" t="s">
        <v>9884</v>
      </c>
      <c r="D15928" t="s">
        <v>9885</v>
      </c>
      <c r="E15928" t="s">
        <v>9544</v>
      </c>
      <c r="F15928" t="s">
        <v>9545</v>
      </c>
      <c r="G15928" t="s">
        <v>80</v>
      </c>
      <c r="H15928" t="s">
        <v>81</v>
      </c>
      <c r="I15928" s="2">
        <v>0</v>
      </c>
      <c r="J15928" s="2">
        <v>1</v>
      </c>
      <c r="K15928" s="2">
        <v>0</v>
      </c>
      <c r="L15928" t="s">
        <v>82</v>
      </c>
      <c r="M15928" t="s">
        <v>89</v>
      </c>
      <c r="N15928" t="s">
        <v>90</v>
      </c>
      <c r="O15928" t="s">
        <v>85</v>
      </c>
      <c r="P15928" t="s">
        <v>86</v>
      </c>
      <c r="Q15928">
        <v>61</v>
      </c>
      <c r="R15928">
        <v>62</v>
      </c>
      <c r="S15928">
        <v>63</v>
      </c>
      <c r="T15928">
        <v>64</v>
      </c>
      <c r="U15928">
        <v>65</v>
      </c>
      <c r="V15928">
        <v>66</v>
      </c>
      <c r="W15928">
        <v>67</v>
      </c>
      <c r="X15928">
        <v>67</v>
      </c>
      <c r="Y15928">
        <v>68</v>
      </c>
      <c r="Z15928">
        <v>69</v>
      </c>
      <c r="AA15928">
        <v>69</v>
      </c>
      <c r="AB15928">
        <v>70</v>
      </c>
      <c r="AC15928">
        <v>70</v>
      </c>
      <c r="AD15928">
        <v>71</v>
      </c>
      <c r="AE15928">
        <v>71</v>
      </c>
      <c r="AF15928">
        <v>71</v>
      </c>
      <c r="AG15928">
        <v>71</v>
      </c>
      <c r="AH15928">
        <v>70</v>
      </c>
      <c r="AI15928">
        <v>70</v>
      </c>
      <c r="AJ15928">
        <v>70</v>
      </c>
      <c r="AK15928">
        <v>69</v>
      </c>
      <c r="AL15928">
        <v>69</v>
      </c>
      <c r="AM15928">
        <v>69</v>
      </c>
      <c r="AN15928">
        <v>69</v>
      </c>
      <c r="AO15928">
        <v>68</v>
      </c>
      <c r="AP15928">
        <v>68</v>
      </c>
      <c r="AQ15928">
        <v>68</v>
      </c>
    </row>
    <row r="15929" spans="1:43">
      <c r="A15929" t="s">
        <v>9888</v>
      </c>
      <c r="B15929" t="s">
        <v>9889</v>
      </c>
      <c r="C15929" t="s">
        <v>9884</v>
      </c>
      <c r="D15929" t="s">
        <v>9885</v>
      </c>
      <c r="E15929" t="s">
        <v>9544</v>
      </c>
      <c r="F15929" t="s">
        <v>9545</v>
      </c>
      <c r="G15929" t="s">
        <v>80</v>
      </c>
      <c r="H15929" t="s">
        <v>81</v>
      </c>
      <c r="I15929" s="2">
        <v>0</v>
      </c>
      <c r="J15929" s="2">
        <v>1</v>
      </c>
      <c r="K15929" s="2">
        <v>0</v>
      </c>
      <c r="L15929" t="s">
        <v>82</v>
      </c>
      <c r="M15929" t="s">
        <v>83</v>
      </c>
      <c r="N15929" t="s">
        <v>91</v>
      </c>
      <c r="O15929" t="s">
        <v>85</v>
      </c>
      <c r="P15929" t="s">
        <v>86</v>
      </c>
      <c r="Q15929">
        <v>61</v>
      </c>
      <c r="R15929">
        <v>62</v>
      </c>
      <c r="S15929">
        <v>62</v>
      </c>
      <c r="T15929">
        <v>63</v>
      </c>
      <c r="U15929">
        <v>63</v>
      </c>
      <c r="V15929">
        <v>64</v>
      </c>
      <c r="W15929">
        <v>64</v>
      </c>
      <c r="X15929">
        <v>65</v>
      </c>
      <c r="Y15929">
        <v>65</v>
      </c>
      <c r="Z15929">
        <v>66</v>
      </c>
      <c r="AA15929">
        <v>66</v>
      </c>
      <c r="AB15929">
        <v>66</v>
      </c>
      <c r="AC15929">
        <v>67</v>
      </c>
      <c r="AD15929">
        <v>67</v>
      </c>
      <c r="AE15929">
        <v>67</v>
      </c>
      <c r="AF15929">
        <v>68</v>
      </c>
      <c r="AG15929">
        <v>68</v>
      </c>
      <c r="AH15929">
        <v>68</v>
      </c>
      <c r="AI15929">
        <v>69</v>
      </c>
      <c r="AJ15929">
        <v>69</v>
      </c>
      <c r="AK15929">
        <v>69</v>
      </c>
      <c r="AL15929">
        <v>69</v>
      </c>
      <c r="AM15929">
        <v>69</v>
      </c>
      <c r="AN15929">
        <v>68</v>
      </c>
      <c r="AO15929">
        <v>68</v>
      </c>
      <c r="AP15929">
        <v>68</v>
      </c>
      <c r="AQ15929">
        <v>68</v>
      </c>
    </row>
    <row r="15930" spans="1:43">
      <c r="A15930" t="s">
        <v>9890</v>
      </c>
      <c r="B15930" t="s">
        <v>9891</v>
      </c>
      <c r="C15930" t="s">
        <v>9884</v>
      </c>
      <c r="D15930" t="s">
        <v>9885</v>
      </c>
      <c r="E15930" t="s">
        <v>9544</v>
      </c>
      <c r="F15930" t="s">
        <v>9545</v>
      </c>
      <c r="G15930" t="s">
        <v>80</v>
      </c>
      <c r="H15930" t="s">
        <v>81</v>
      </c>
      <c r="I15930" s="2">
        <v>0</v>
      </c>
      <c r="J15930" s="2">
        <v>1</v>
      </c>
      <c r="K15930" s="2">
        <v>0</v>
      </c>
      <c r="L15930" t="s">
        <v>82</v>
      </c>
      <c r="M15930" t="s">
        <v>83</v>
      </c>
      <c r="N15930" t="s">
        <v>84</v>
      </c>
      <c r="O15930" t="s">
        <v>85</v>
      </c>
      <c r="P15930" t="s">
        <v>86</v>
      </c>
      <c r="Q15930">
        <v>62</v>
      </c>
      <c r="R15930">
        <v>63</v>
      </c>
      <c r="S15930">
        <v>63</v>
      </c>
      <c r="T15930">
        <v>64</v>
      </c>
      <c r="U15930">
        <v>64</v>
      </c>
      <c r="V15930">
        <v>65</v>
      </c>
      <c r="W15930">
        <v>65</v>
      </c>
      <c r="X15930">
        <v>66</v>
      </c>
      <c r="Y15930">
        <v>66</v>
      </c>
      <c r="Z15930">
        <v>67</v>
      </c>
      <c r="AA15930">
        <v>67</v>
      </c>
      <c r="AB15930">
        <v>67</v>
      </c>
      <c r="AC15930">
        <v>68</v>
      </c>
      <c r="AD15930">
        <v>68</v>
      </c>
      <c r="AE15930">
        <v>68</v>
      </c>
      <c r="AF15930">
        <v>69</v>
      </c>
      <c r="AG15930">
        <v>69</v>
      </c>
      <c r="AH15930">
        <v>69</v>
      </c>
      <c r="AI15930">
        <v>70</v>
      </c>
      <c r="AJ15930">
        <v>70</v>
      </c>
      <c r="AK15930">
        <v>70</v>
      </c>
      <c r="AL15930">
        <v>70</v>
      </c>
      <c r="AM15930">
        <v>70</v>
      </c>
      <c r="AN15930">
        <v>70</v>
      </c>
      <c r="AO15930">
        <v>69</v>
      </c>
      <c r="AP15930">
        <v>69</v>
      </c>
      <c r="AQ15930">
        <v>69</v>
      </c>
    </row>
    <row r="15931" spans="1:43">
      <c r="A15931" t="s">
        <v>9890</v>
      </c>
      <c r="B15931" t="s">
        <v>9891</v>
      </c>
      <c r="C15931" t="s">
        <v>9884</v>
      </c>
      <c r="D15931" t="s">
        <v>9885</v>
      </c>
      <c r="E15931" t="s">
        <v>9544</v>
      </c>
      <c r="F15931" t="s">
        <v>9545</v>
      </c>
      <c r="G15931" t="s">
        <v>80</v>
      </c>
      <c r="H15931" t="s">
        <v>81</v>
      </c>
      <c r="I15931" s="2">
        <v>0</v>
      </c>
      <c r="J15931" s="2">
        <v>1</v>
      </c>
      <c r="K15931" s="2">
        <v>0</v>
      </c>
      <c r="L15931" t="s">
        <v>82</v>
      </c>
      <c r="M15931" t="s">
        <v>87</v>
      </c>
      <c r="N15931" t="s">
        <v>88</v>
      </c>
      <c r="O15931" t="s">
        <v>85</v>
      </c>
      <c r="P15931" t="s">
        <v>86</v>
      </c>
      <c r="Q15931">
        <v>62</v>
      </c>
      <c r="R15931">
        <v>62</v>
      </c>
      <c r="S15931">
        <v>62</v>
      </c>
      <c r="T15931">
        <v>61</v>
      </c>
      <c r="U15931">
        <v>61</v>
      </c>
      <c r="V15931">
        <v>61</v>
      </c>
      <c r="W15931">
        <v>61</v>
      </c>
      <c r="X15931">
        <v>61</v>
      </c>
      <c r="Y15931">
        <v>61</v>
      </c>
      <c r="Z15931">
        <v>61</v>
      </c>
      <c r="AA15931">
        <v>61</v>
      </c>
      <c r="AB15931">
        <v>61</v>
      </c>
      <c r="AC15931">
        <v>61</v>
      </c>
      <c r="AD15931">
        <v>61</v>
      </c>
      <c r="AE15931">
        <v>61</v>
      </c>
      <c r="AF15931">
        <v>60</v>
      </c>
      <c r="AG15931">
        <v>60</v>
      </c>
      <c r="AH15931">
        <v>60</v>
      </c>
      <c r="AI15931">
        <v>60</v>
      </c>
      <c r="AJ15931">
        <v>60</v>
      </c>
      <c r="AK15931">
        <v>60</v>
      </c>
      <c r="AL15931">
        <v>60</v>
      </c>
      <c r="AM15931">
        <v>60</v>
      </c>
      <c r="AN15931">
        <v>60</v>
      </c>
      <c r="AO15931">
        <v>59</v>
      </c>
      <c r="AP15931">
        <v>59</v>
      </c>
      <c r="AQ15931">
        <v>59</v>
      </c>
    </row>
    <row r="15932" spans="1:43">
      <c r="A15932" t="s">
        <v>9890</v>
      </c>
      <c r="B15932" t="s">
        <v>9891</v>
      </c>
      <c r="C15932" t="s">
        <v>9884</v>
      </c>
      <c r="D15932" t="s">
        <v>9885</v>
      </c>
      <c r="E15932" t="s">
        <v>9544</v>
      </c>
      <c r="F15932" t="s">
        <v>9545</v>
      </c>
      <c r="G15932" t="s">
        <v>80</v>
      </c>
      <c r="H15932" t="s">
        <v>81</v>
      </c>
      <c r="I15932" s="2">
        <v>0</v>
      </c>
      <c r="J15932" s="2">
        <v>1</v>
      </c>
      <c r="K15932" s="2">
        <v>0</v>
      </c>
      <c r="L15932" t="s">
        <v>82</v>
      </c>
      <c r="M15932" t="s">
        <v>89</v>
      </c>
      <c r="N15932" t="s">
        <v>90</v>
      </c>
      <c r="O15932" t="s">
        <v>85</v>
      </c>
      <c r="P15932" t="s">
        <v>86</v>
      </c>
      <c r="Q15932">
        <v>62</v>
      </c>
      <c r="R15932">
        <v>63</v>
      </c>
      <c r="S15932">
        <v>64</v>
      </c>
      <c r="T15932">
        <v>65</v>
      </c>
      <c r="U15932">
        <v>66</v>
      </c>
      <c r="V15932">
        <v>67</v>
      </c>
      <c r="W15932">
        <v>68</v>
      </c>
      <c r="X15932">
        <v>68</v>
      </c>
      <c r="Y15932">
        <v>69</v>
      </c>
      <c r="Z15932">
        <v>70</v>
      </c>
      <c r="AA15932">
        <v>70</v>
      </c>
      <c r="AB15932">
        <v>71</v>
      </c>
      <c r="AC15932">
        <v>71</v>
      </c>
      <c r="AD15932">
        <v>72</v>
      </c>
      <c r="AE15932">
        <v>72</v>
      </c>
      <c r="AF15932">
        <v>72</v>
      </c>
      <c r="AG15932">
        <v>72</v>
      </c>
      <c r="AH15932">
        <v>71</v>
      </c>
      <c r="AI15932">
        <v>71</v>
      </c>
      <c r="AJ15932">
        <v>71</v>
      </c>
      <c r="AK15932">
        <v>71</v>
      </c>
      <c r="AL15932">
        <v>70</v>
      </c>
      <c r="AM15932">
        <v>70</v>
      </c>
      <c r="AN15932">
        <v>70</v>
      </c>
      <c r="AO15932">
        <v>69</v>
      </c>
      <c r="AP15932">
        <v>69</v>
      </c>
      <c r="AQ15932">
        <v>69</v>
      </c>
    </row>
    <row r="15933" spans="1:43">
      <c r="A15933" t="s">
        <v>9890</v>
      </c>
      <c r="B15933" t="s">
        <v>9891</v>
      </c>
      <c r="C15933" t="s">
        <v>9884</v>
      </c>
      <c r="D15933" t="s">
        <v>9885</v>
      </c>
      <c r="E15933" t="s">
        <v>9544</v>
      </c>
      <c r="F15933" t="s">
        <v>9545</v>
      </c>
      <c r="G15933" t="s">
        <v>80</v>
      </c>
      <c r="H15933" t="s">
        <v>81</v>
      </c>
      <c r="I15933" s="2">
        <v>0</v>
      </c>
      <c r="J15933" s="2">
        <v>1</v>
      </c>
      <c r="K15933" s="2">
        <v>0</v>
      </c>
      <c r="L15933" t="s">
        <v>82</v>
      </c>
      <c r="M15933" t="s">
        <v>83</v>
      </c>
      <c r="N15933" t="s">
        <v>91</v>
      </c>
      <c r="O15933" t="s">
        <v>85</v>
      </c>
      <c r="P15933" t="s">
        <v>86</v>
      </c>
      <c r="Q15933">
        <v>62</v>
      </c>
      <c r="R15933">
        <v>63</v>
      </c>
      <c r="S15933">
        <v>63</v>
      </c>
      <c r="T15933">
        <v>64</v>
      </c>
      <c r="U15933">
        <v>64</v>
      </c>
      <c r="V15933">
        <v>65</v>
      </c>
      <c r="W15933">
        <v>65</v>
      </c>
      <c r="X15933">
        <v>66</v>
      </c>
      <c r="Y15933">
        <v>66</v>
      </c>
      <c r="Z15933">
        <v>67</v>
      </c>
      <c r="AA15933">
        <v>67</v>
      </c>
      <c r="AB15933">
        <v>67</v>
      </c>
      <c r="AC15933">
        <v>68</v>
      </c>
      <c r="AD15933">
        <v>68</v>
      </c>
      <c r="AE15933">
        <v>68</v>
      </c>
      <c r="AF15933">
        <v>69</v>
      </c>
      <c r="AG15933">
        <v>69</v>
      </c>
      <c r="AH15933">
        <v>69</v>
      </c>
      <c r="AI15933">
        <v>70</v>
      </c>
      <c r="AJ15933">
        <v>70</v>
      </c>
      <c r="AK15933">
        <v>70</v>
      </c>
      <c r="AL15933">
        <v>70</v>
      </c>
      <c r="AM15933">
        <v>70</v>
      </c>
      <c r="AN15933">
        <v>70</v>
      </c>
      <c r="AO15933">
        <v>69</v>
      </c>
      <c r="AP15933">
        <v>69</v>
      </c>
      <c r="AQ15933">
        <v>69</v>
      </c>
    </row>
    <row r="15934" spans="1:43">
      <c r="A15934" t="s">
        <v>9892</v>
      </c>
      <c r="B15934" t="s">
        <v>9893</v>
      </c>
      <c r="C15934" t="s">
        <v>9698</v>
      </c>
      <c r="D15934" t="s">
        <v>9699</v>
      </c>
      <c r="E15934" t="s">
        <v>9544</v>
      </c>
      <c r="F15934" t="s">
        <v>9545</v>
      </c>
      <c r="G15934" t="s">
        <v>80</v>
      </c>
      <c r="H15934" t="s">
        <v>81</v>
      </c>
      <c r="I15934" s="2">
        <v>0</v>
      </c>
      <c r="J15934" s="2">
        <v>1</v>
      </c>
      <c r="K15934" s="2">
        <v>0</v>
      </c>
      <c r="L15934" t="s">
        <v>82</v>
      </c>
      <c r="M15934" t="s">
        <v>83</v>
      </c>
      <c r="N15934" t="s">
        <v>84</v>
      </c>
      <c r="O15934" t="s">
        <v>85</v>
      </c>
      <c r="P15934" t="s">
        <v>86</v>
      </c>
      <c r="Q15934">
        <v>13</v>
      </c>
      <c r="R15934">
        <v>13</v>
      </c>
      <c r="S15934">
        <v>13</v>
      </c>
      <c r="T15934">
        <v>14</v>
      </c>
      <c r="U15934">
        <v>14</v>
      </c>
      <c r="V15934">
        <v>14</v>
      </c>
      <c r="W15934">
        <v>14</v>
      </c>
      <c r="X15934">
        <v>14</v>
      </c>
      <c r="Y15934">
        <v>14</v>
      </c>
      <c r="Z15934">
        <v>14</v>
      </c>
      <c r="AA15934">
        <v>14</v>
      </c>
      <c r="AB15934">
        <v>14</v>
      </c>
      <c r="AC15934">
        <v>14</v>
      </c>
      <c r="AD15934">
        <v>15</v>
      </c>
      <c r="AE15934">
        <v>15</v>
      </c>
      <c r="AF15934">
        <v>15</v>
      </c>
      <c r="AG15934">
        <v>15</v>
      </c>
      <c r="AH15934">
        <v>15</v>
      </c>
      <c r="AI15934">
        <v>15</v>
      </c>
      <c r="AJ15934">
        <v>15</v>
      </c>
      <c r="AK15934">
        <v>15</v>
      </c>
      <c r="AL15934">
        <v>15</v>
      </c>
      <c r="AM15934">
        <v>15</v>
      </c>
      <c r="AN15934">
        <v>15</v>
      </c>
      <c r="AO15934">
        <v>15</v>
      </c>
      <c r="AP15934">
        <v>15</v>
      </c>
      <c r="AQ15934">
        <v>15</v>
      </c>
    </row>
    <row r="15935" spans="1:43">
      <c r="A15935" t="s">
        <v>9892</v>
      </c>
      <c r="B15935" t="s">
        <v>9893</v>
      </c>
      <c r="C15935" t="s">
        <v>9698</v>
      </c>
      <c r="D15935" t="s">
        <v>9699</v>
      </c>
      <c r="E15935" t="s">
        <v>9544</v>
      </c>
      <c r="F15935" t="s">
        <v>9545</v>
      </c>
      <c r="G15935" t="s">
        <v>80</v>
      </c>
      <c r="H15935" t="s">
        <v>81</v>
      </c>
      <c r="I15935" s="2">
        <v>0</v>
      </c>
      <c r="J15935" s="2">
        <v>1</v>
      </c>
      <c r="K15935" s="2">
        <v>0</v>
      </c>
      <c r="L15935" t="s">
        <v>82</v>
      </c>
      <c r="M15935" t="s">
        <v>87</v>
      </c>
      <c r="N15935" t="s">
        <v>88</v>
      </c>
      <c r="O15935" t="s">
        <v>85</v>
      </c>
      <c r="P15935" t="s">
        <v>86</v>
      </c>
      <c r="Q15935">
        <v>13</v>
      </c>
      <c r="R15935">
        <v>13</v>
      </c>
      <c r="S15935">
        <v>13</v>
      </c>
      <c r="T15935">
        <v>13</v>
      </c>
      <c r="U15935">
        <v>13</v>
      </c>
      <c r="V15935">
        <v>13</v>
      </c>
      <c r="W15935">
        <v>13</v>
      </c>
      <c r="X15935">
        <v>13</v>
      </c>
      <c r="Y15935">
        <v>13</v>
      </c>
      <c r="Z15935">
        <v>13</v>
      </c>
      <c r="AA15935">
        <v>13</v>
      </c>
      <c r="AB15935">
        <v>13</v>
      </c>
      <c r="AC15935">
        <v>13</v>
      </c>
      <c r="AD15935">
        <v>13</v>
      </c>
      <c r="AE15935">
        <v>13</v>
      </c>
      <c r="AF15935">
        <v>13</v>
      </c>
      <c r="AG15935">
        <v>13</v>
      </c>
      <c r="AH15935">
        <v>13</v>
      </c>
      <c r="AI15935">
        <v>13</v>
      </c>
      <c r="AJ15935">
        <v>13</v>
      </c>
      <c r="AK15935">
        <v>13</v>
      </c>
      <c r="AL15935">
        <v>13</v>
      </c>
      <c r="AM15935">
        <v>13</v>
      </c>
      <c r="AN15935">
        <v>13</v>
      </c>
      <c r="AO15935">
        <v>13</v>
      </c>
      <c r="AP15935">
        <v>13</v>
      </c>
      <c r="AQ15935">
        <v>13</v>
      </c>
    </row>
    <row r="15936" spans="1:43">
      <c r="A15936" t="s">
        <v>9892</v>
      </c>
      <c r="B15936" t="s">
        <v>9893</v>
      </c>
      <c r="C15936" t="s">
        <v>9698</v>
      </c>
      <c r="D15936" t="s">
        <v>9699</v>
      </c>
      <c r="E15936" t="s">
        <v>9544</v>
      </c>
      <c r="F15936" t="s">
        <v>9545</v>
      </c>
      <c r="G15936" t="s">
        <v>80</v>
      </c>
      <c r="H15936" t="s">
        <v>81</v>
      </c>
      <c r="I15936" s="2">
        <v>0</v>
      </c>
      <c r="J15936" s="2">
        <v>1</v>
      </c>
      <c r="K15936" s="2">
        <v>0</v>
      </c>
      <c r="L15936" t="s">
        <v>82</v>
      </c>
      <c r="M15936" t="s">
        <v>89</v>
      </c>
      <c r="N15936" t="s">
        <v>90</v>
      </c>
      <c r="O15936" t="s">
        <v>85</v>
      </c>
      <c r="P15936" t="s">
        <v>86</v>
      </c>
      <c r="Q15936">
        <v>13</v>
      </c>
      <c r="R15936">
        <v>14</v>
      </c>
      <c r="S15936">
        <v>14</v>
      </c>
      <c r="T15936">
        <v>14</v>
      </c>
      <c r="U15936">
        <v>14</v>
      </c>
      <c r="V15936">
        <v>14</v>
      </c>
      <c r="W15936">
        <v>15</v>
      </c>
      <c r="X15936">
        <v>15</v>
      </c>
      <c r="Y15936">
        <v>15</v>
      </c>
      <c r="Z15936">
        <v>15</v>
      </c>
      <c r="AA15936">
        <v>15</v>
      </c>
      <c r="AB15936">
        <v>15</v>
      </c>
      <c r="AC15936">
        <v>15</v>
      </c>
      <c r="AD15936">
        <v>16</v>
      </c>
      <c r="AE15936">
        <v>16</v>
      </c>
      <c r="AF15936">
        <v>16</v>
      </c>
      <c r="AG15936">
        <v>15</v>
      </c>
      <c r="AH15936">
        <v>15</v>
      </c>
      <c r="AI15936">
        <v>15</v>
      </c>
      <c r="AJ15936">
        <v>15</v>
      </c>
      <c r="AK15936">
        <v>15</v>
      </c>
      <c r="AL15936">
        <v>15</v>
      </c>
      <c r="AM15936">
        <v>15</v>
      </c>
      <c r="AN15936">
        <v>15</v>
      </c>
      <c r="AO15936">
        <v>15</v>
      </c>
      <c r="AP15936">
        <v>15</v>
      </c>
      <c r="AQ15936">
        <v>15</v>
      </c>
    </row>
    <row r="15937" spans="1:43">
      <c r="A15937" t="s">
        <v>9892</v>
      </c>
      <c r="B15937" t="s">
        <v>9893</v>
      </c>
      <c r="C15937" t="s">
        <v>9698</v>
      </c>
      <c r="D15937" t="s">
        <v>9699</v>
      </c>
      <c r="E15937" t="s">
        <v>9544</v>
      </c>
      <c r="F15937" t="s">
        <v>9545</v>
      </c>
      <c r="G15937" t="s">
        <v>80</v>
      </c>
      <c r="H15937" t="s">
        <v>81</v>
      </c>
      <c r="I15937" s="2">
        <v>0</v>
      </c>
      <c r="J15937" s="2">
        <v>1</v>
      </c>
      <c r="K15937" s="2">
        <v>0</v>
      </c>
      <c r="L15937" t="s">
        <v>82</v>
      </c>
      <c r="M15937" t="s">
        <v>83</v>
      </c>
      <c r="N15937" t="s">
        <v>91</v>
      </c>
      <c r="O15937" t="s">
        <v>85</v>
      </c>
      <c r="P15937" t="s">
        <v>86</v>
      </c>
      <c r="Q15937">
        <v>13</v>
      </c>
      <c r="R15937">
        <v>13</v>
      </c>
      <c r="S15937">
        <v>13</v>
      </c>
      <c r="T15937">
        <v>14</v>
      </c>
      <c r="U15937">
        <v>14</v>
      </c>
      <c r="V15937">
        <v>14</v>
      </c>
      <c r="W15937">
        <v>14</v>
      </c>
      <c r="X15937">
        <v>14</v>
      </c>
      <c r="Y15937">
        <v>14</v>
      </c>
      <c r="Z15937">
        <v>14</v>
      </c>
      <c r="AA15937">
        <v>14</v>
      </c>
      <c r="AB15937">
        <v>14</v>
      </c>
      <c r="AC15937">
        <v>14</v>
      </c>
      <c r="AD15937">
        <v>15</v>
      </c>
      <c r="AE15937">
        <v>15</v>
      </c>
      <c r="AF15937">
        <v>15</v>
      </c>
      <c r="AG15937">
        <v>15</v>
      </c>
      <c r="AH15937">
        <v>15</v>
      </c>
      <c r="AI15937">
        <v>15</v>
      </c>
      <c r="AJ15937">
        <v>15</v>
      </c>
      <c r="AK15937">
        <v>15</v>
      </c>
      <c r="AL15937">
        <v>15</v>
      </c>
      <c r="AM15937">
        <v>15</v>
      </c>
      <c r="AN15937">
        <v>15</v>
      </c>
      <c r="AO15937">
        <v>15</v>
      </c>
      <c r="AP15937">
        <v>15</v>
      </c>
      <c r="AQ15937">
        <v>15</v>
      </c>
    </row>
    <row r="15938" spans="1:43">
      <c r="A15938" t="s">
        <v>9894</v>
      </c>
      <c r="B15938" t="s">
        <v>9895</v>
      </c>
      <c r="C15938" t="s">
        <v>9750</v>
      </c>
      <c r="D15938" t="s">
        <v>9751</v>
      </c>
      <c r="E15938" t="s">
        <v>9544</v>
      </c>
      <c r="F15938" t="s">
        <v>9545</v>
      </c>
      <c r="G15938" t="s">
        <v>80</v>
      </c>
      <c r="H15938" t="s">
        <v>81</v>
      </c>
      <c r="I15938" s="2">
        <v>0</v>
      </c>
      <c r="J15938" s="2">
        <v>1</v>
      </c>
      <c r="K15938" s="2">
        <v>0</v>
      </c>
      <c r="L15938" t="s">
        <v>82</v>
      </c>
      <c r="M15938" t="s">
        <v>83</v>
      </c>
      <c r="N15938" t="s">
        <v>84</v>
      </c>
      <c r="O15938" t="s">
        <v>85</v>
      </c>
      <c r="P15938" t="s">
        <v>86</v>
      </c>
      <c r="Q15938">
        <v>38</v>
      </c>
      <c r="R15938">
        <v>38</v>
      </c>
      <c r="S15938">
        <v>39</v>
      </c>
      <c r="T15938">
        <v>39</v>
      </c>
      <c r="U15938">
        <v>39</v>
      </c>
      <c r="V15938">
        <v>39</v>
      </c>
      <c r="W15938">
        <v>39</v>
      </c>
      <c r="X15938">
        <v>39</v>
      </c>
      <c r="Y15938">
        <v>40</v>
      </c>
      <c r="Z15938">
        <v>40</v>
      </c>
      <c r="AA15938">
        <v>40</v>
      </c>
      <c r="AB15938">
        <v>40</v>
      </c>
      <c r="AC15938">
        <v>40</v>
      </c>
      <c r="AD15938">
        <v>40</v>
      </c>
      <c r="AE15938">
        <v>40</v>
      </c>
      <c r="AF15938">
        <v>40</v>
      </c>
      <c r="AG15938">
        <v>40</v>
      </c>
      <c r="AH15938">
        <v>40</v>
      </c>
      <c r="AI15938">
        <v>40</v>
      </c>
      <c r="AJ15938">
        <v>40</v>
      </c>
      <c r="AK15938">
        <v>41</v>
      </c>
      <c r="AL15938">
        <v>40</v>
      </c>
      <c r="AM15938">
        <v>40</v>
      </c>
      <c r="AN15938">
        <v>40</v>
      </c>
      <c r="AO15938">
        <v>39</v>
      </c>
      <c r="AP15938">
        <v>39</v>
      </c>
      <c r="AQ15938">
        <v>38</v>
      </c>
    </row>
    <row r="15939" spans="1:43">
      <c r="A15939" t="s">
        <v>9894</v>
      </c>
      <c r="B15939" t="s">
        <v>9895</v>
      </c>
      <c r="C15939" t="s">
        <v>9750</v>
      </c>
      <c r="D15939" t="s">
        <v>9751</v>
      </c>
      <c r="E15939" t="s">
        <v>9544</v>
      </c>
      <c r="F15939" t="s">
        <v>9545</v>
      </c>
      <c r="G15939" t="s">
        <v>80</v>
      </c>
      <c r="H15939" t="s">
        <v>81</v>
      </c>
      <c r="I15939" s="2">
        <v>0</v>
      </c>
      <c r="J15939" s="2">
        <v>1</v>
      </c>
      <c r="K15939" s="2">
        <v>0</v>
      </c>
      <c r="L15939" t="s">
        <v>82</v>
      </c>
      <c r="M15939" t="s">
        <v>87</v>
      </c>
      <c r="N15939" t="s">
        <v>88</v>
      </c>
      <c r="O15939" t="s">
        <v>85</v>
      </c>
      <c r="P15939" t="s">
        <v>86</v>
      </c>
      <c r="Q15939">
        <v>38</v>
      </c>
      <c r="R15939">
        <v>38</v>
      </c>
      <c r="S15939">
        <v>38</v>
      </c>
      <c r="T15939">
        <v>37</v>
      </c>
      <c r="U15939">
        <v>37</v>
      </c>
      <c r="V15939">
        <v>37</v>
      </c>
      <c r="W15939">
        <v>37</v>
      </c>
      <c r="X15939">
        <v>37</v>
      </c>
      <c r="Y15939">
        <v>37</v>
      </c>
      <c r="Z15939">
        <v>36</v>
      </c>
      <c r="AA15939">
        <v>36</v>
      </c>
      <c r="AB15939">
        <v>36</v>
      </c>
      <c r="AC15939">
        <v>36</v>
      </c>
      <c r="AD15939">
        <v>36</v>
      </c>
      <c r="AE15939">
        <v>36</v>
      </c>
      <c r="AF15939">
        <v>35</v>
      </c>
      <c r="AG15939">
        <v>35</v>
      </c>
      <c r="AH15939">
        <v>35</v>
      </c>
      <c r="AI15939">
        <v>35</v>
      </c>
      <c r="AJ15939">
        <v>35</v>
      </c>
      <c r="AK15939">
        <v>34</v>
      </c>
      <c r="AL15939">
        <v>34</v>
      </c>
      <c r="AM15939">
        <v>34</v>
      </c>
      <c r="AN15939">
        <v>34</v>
      </c>
      <c r="AO15939">
        <v>34</v>
      </c>
      <c r="AP15939">
        <v>34</v>
      </c>
      <c r="AQ15939">
        <v>33</v>
      </c>
    </row>
    <row r="15940" spans="1:43">
      <c r="A15940" t="s">
        <v>9894</v>
      </c>
      <c r="B15940" t="s">
        <v>9895</v>
      </c>
      <c r="C15940" t="s">
        <v>9750</v>
      </c>
      <c r="D15940" t="s">
        <v>9751</v>
      </c>
      <c r="E15940" t="s">
        <v>9544</v>
      </c>
      <c r="F15940" t="s">
        <v>9545</v>
      </c>
      <c r="G15940" t="s">
        <v>80</v>
      </c>
      <c r="H15940" t="s">
        <v>81</v>
      </c>
      <c r="I15940" s="2">
        <v>0</v>
      </c>
      <c r="J15940" s="2">
        <v>1</v>
      </c>
      <c r="K15940" s="2">
        <v>0</v>
      </c>
      <c r="L15940" t="s">
        <v>82</v>
      </c>
      <c r="M15940" t="s">
        <v>89</v>
      </c>
      <c r="N15940" t="s">
        <v>90</v>
      </c>
      <c r="O15940" t="s">
        <v>85</v>
      </c>
      <c r="P15940" t="s">
        <v>86</v>
      </c>
      <c r="Q15940">
        <v>38</v>
      </c>
      <c r="R15940">
        <v>38</v>
      </c>
      <c r="S15940">
        <v>39</v>
      </c>
      <c r="T15940">
        <v>39</v>
      </c>
      <c r="U15940">
        <v>40</v>
      </c>
      <c r="V15940">
        <v>40</v>
      </c>
      <c r="W15940">
        <v>40</v>
      </c>
      <c r="X15940">
        <v>41</v>
      </c>
      <c r="Y15940">
        <v>41</v>
      </c>
      <c r="Z15940">
        <v>41</v>
      </c>
      <c r="AA15940">
        <v>42</v>
      </c>
      <c r="AB15940">
        <v>42</v>
      </c>
      <c r="AC15940">
        <v>42</v>
      </c>
      <c r="AD15940">
        <v>42</v>
      </c>
      <c r="AE15940">
        <v>42</v>
      </c>
      <c r="AF15940">
        <v>42</v>
      </c>
      <c r="AG15940">
        <v>41</v>
      </c>
      <c r="AH15940">
        <v>41</v>
      </c>
      <c r="AI15940">
        <v>41</v>
      </c>
      <c r="AJ15940">
        <v>40</v>
      </c>
      <c r="AK15940">
        <v>40</v>
      </c>
      <c r="AL15940">
        <v>40</v>
      </c>
      <c r="AM15940">
        <v>39</v>
      </c>
      <c r="AN15940">
        <v>39</v>
      </c>
      <c r="AO15940">
        <v>38</v>
      </c>
      <c r="AP15940">
        <v>38</v>
      </c>
      <c r="AQ15940">
        <v>38</v>
      </c>
    </row>
    <row r="15941" spans="1:43">
      <c r="A15941" t="s">
        <v>9894</v>
      </c>
      <c r="B15941" t="s">
        <v>9895</v>
      </c>
      <c r="C15941" t="s">
        <v>9750</v>
      </c>
      <c r="D15941" t="s">
        <v>9751</v>
      </c>
      <c r="E15941" t="s">
        <v>9544</v>
      </c>
      <c r="F15941" t="s">
        <v>9545</v>
      </c>
      <c r="G15941" t="s">
        <v>80</v>
      </c>
      <c r="H15941" t="s">
        <v>81</v>
      </c>
      <c r="I15941" s="2">
        <v>0</v>
      </c>
      <c r="J15941" s="2">
        <v>1</v>
      </c>
      <c r="K15941" s="2">
        <v>0</v>
      </c>
      <c r="L15941" t="s">
        <v>82</v>
      </c>
      <c r="M15941" t="s">
        <v>83</v>
      </c>
      <c r="N15941" t="s">
        <v>91</v>
      </c>
      <c r="O15941" t="s">
        <v>85</v>
      </c>
      <c r="P15941" t="s">
        <v>86</v>
      </c>
      <c r="Q15941">
        <v>38</v>
      </c>
      <c r="R15941">
        <v>38</v>
      </c>
      <c r="S15941">
        <v>39</v>
      </c>
      <c r="T15941">
        <v>39</v>
      </c>
      <c r="U15941">
        <v>39</v>
      </c>
      <c r="V15941">
        <v>39</v>
      </c>
      <c r="W15941">
        <v>39</v>
      </c>
      <c r="X15941">
        <v>39</v>
      </c>
      <c r="Y15941">
        <v>40</v>
      </c>
      <c r="Z15941">
        <v>40</v>
      </c>
      <c r="AA15941">
        <v>40</v>
      </c>
      <c r="AB15941">
        <v>40</v>
      </c>
      <c r="AC15941">
        <v>40</v>
      </c>
      <c r="AD15941">
        <v>40</v>
      </c>
      <c r="AE15941">
        <v>40</v>
      </c>
      <c r="AF15941">
        <v>40</v>
      </c>
      <c r="AG15941">
        <v>40</v>
      </c>
      <c r="AH15941">
        <v>40</v>
      </c>
      <c r="AI15941">
        <v>40</v>
      </c>
      <c r="AJ15941">
        <v>40</v>
      </c>
      <c r="AK15941">
        <v>41</v>
      </c>
      <c r="AL15941">
        <v>40</v>
      </c>
      <c r="AM15941">
        <v>40</v>
      </c>
      <c r="AN15941">
        <v>40</v>
      </c>
      <c r="AO15941">
        <v>39</v>
      </c>
      <c r="AP15941">
        <v>39</v>
      </c>
      <c r="AQ15941">
        <v>38</v>
      </c>
    </row>
    <row r="15942" spans="1:43">
      <c r="A15942" t="s">
        <v>9896</v>
      </c>
      <c r="B15942" t="s">
        <v>9897</v>
      </c>
      <c r="C15942" t="s">
        <v>9598</v>
      </c>
      <c r="D15942" t="s">
        <v>9599</v>
      </c>
      <c r="E15942" t="s">
        <v>9544</v>
      </c>
      <c r="F15942" t="s">
        <v>9545</v>
      </c>
      <c r="G15942" t="s">
        <v>80</v>
      </c>
      <c r="H15942" t="s">
        <v>81</v>
      </c>
      <c r="I15942" s="2">
        <v>0</v>
      </c>
      <c r="J15942" s="2">
        <v>1</v>
      </c>
      <c r="K15942" s="2">
        <v>0</v>
      </c>
      <c r="L15942" t="s">
        <v>82</v>
      </c>
      <c r="M15942" t="s">
        <v>83</v>
      </c>
      <c r="N15942" t="s">
        <v>84</v>
      </c>
      <c r="O15942" t="s">
        <v>85</v>
      </c>
      <c r="P15942" t="s">
        <v>86</v>
      </c>
      <c r="Q15942">
        <v>20</v>
      </c>
      <c r="R15942">
        <v>20</v>
      </c>
      <c r="S15942">
        <v>20</v>
      </c>
      <c r="T15942">
        <v>20</v>
      </c>
      <c r="U15942">
        <v>20</v>
      </c>
      <c r="V15942">
        <v>20</v>
      </c>
      <c r="W15942">
        <v>20</v>
      </c>
      <c r="X15942">
        <v>20</v>
      </c>
      <c r="Y15942">
        <v>20</v>
      </c>
      <c r="Z15942">
        <v>20</v>
      </c>
      <c r="AA15942">
        <v>20</v>
      </c>
      <c r="AB15942">
        <v>21</v>
      </c>
      <c r="AC15942">
        <v>21</v>
      </c>
      <c r="AD15942">
        <v>21</v>
      </c>
      <c r="AE15942">
        <v>21</v>
      </c>
      <c r="AF15942">
        <v>21</v>
      </c>
      <c r="AG15942">
        <v>21</v>
      </c>
      <c r="AH15942">
        <v>21</v>
      </c>
      <c r="AI15942">
        <v>21</v>
      </c>
      <c r="AJ15942">
        <v>21</v>
      </c>
      <c r="AK15942">
        <v>21</v>
      </c>
      <c r="AL15942">
        <v>21</v>
      </c>
      <c r="AM15942">
        <v>21</v>
      </c>
      <c r="AN15942">
        <v>20</v>
      </c>
      <c r="AO15942">
        <v>20</v>
      </c>
      <c r="AP15942">
        <v>20</v>
      </c>
      <c r="AQ15942">
        <v>20</v>
      </c>
    </row>
    <row r="15943" spans="1:43">
      <c r="A15943" t="s">
        <v>9896</v>
      </c>
      <c r="B15943" t="s">
        <v>9897</v>
      </c>
      <c r="C15943" t="s">
        <v>9598</v>
      </c>
      <c r="D15943" t="s">
        <v>9599</v>
      </c>
      <c r="E15943" t="s">
        <v>9544</v>
      </c>
      <c r="F15943" t="s">
        <v>9545</v>
      </c>
      <c r="G15943" t="s">
        <v>80</v>
      </c>
      <c r="H15943" t="s">
        <v>81</v>
      </c>
      <c r="I15943" s="2">
        <v>0</v>
      </c>
      <c r="J15943" s="2">
        <v>1</v>
      </c>
      <c r="K15943" s="2">
        <v>0</v>
      </c>
      <c r="L15943" t="s">
        <v>82</v>
      </c>
      <c r="M15943" t="s">
        <v>87</v>
      </c>
      <c r="N15943" t="s">
        <v>88</v>
      </c>
      <c r="O15943" t="s">
        <v>85</v>
      </c>
      <c r="P15943" t="s">
        <v>86</v>
      </c>
      <c r="Q15943">
        <v>20</v>
      </c>
      <c r="R15943">
        <v>20</v>
      </c>
      <c r="S15943">
        <v>20</v>
      </c>
      <c r="T15943">
        <v>20</v>
      </c>
      <c r="U15943">
        <v>20</v>
      </c>
      <c r="V15943">
        <v>20</v>
      </c>
      <c r="W15943">
        <v>20</v>
      </c>
      <c r="X15943">
        <v>20</v>
      </c>
      <c r="Y15943">
        <v>20</v>
      </c>
      <c r="Z15943">
        <v>20</v>
      </c>
      <c r="AA15943">
        <v>20</v>
      </c>
      <c r="AB15943">
        <v>20</v>
      </c>
      <c r="AC15943">
        <v>19</v>
      </c>
      <c r="AD15943">
        <v>19</v>
      </c>
      <c r="AE15943">
        <v>19</v>
      </c>
      <c r="AF15943">
        <v>19</v>
      </c>
      <c r="AG15943">
        <v>19</v>
      </c>
      <c r="AH15943">
        <v>19</v>
      </c>
      <c r="AI15943">
        <v>19</v>
      </c>
      <c r="AJ15943">
        <v>19</v>
      </c>
      <c r="AK15943">
        <v>19</v>
      </c>
      <c r="AL15943">
        <v>19</v>
      </c>
      <c r="AM15943">
        <v>19</v>
      </c>
      <c r="AN15943">
        <v>19</v>
      </c>
      <c r="AO15943">
        <v>18</v>
      </c>
      <c r="AP15943">
        <v>18</v>
      </c>
      <c r="AQ15943">
        <v>18</v>
      </c>
    </row>
    <row r="15944" spans="1:43">
      <c r="A15944" t="s">
        <v>9896</v>
      </c>
      <c r="B15944" t="s">
        <v>9897</v>
      </c>
      <c r="C15944" t="s">
        <v>9598</v>
      </c>
      <c r="D15944" t="s">
        <v>9599</v>
      </c>
      <c r="E15944" t="s">
        <v>9544</v>
      </c>
      <c r="F15944" t="s">
        <v>9545</v>
      </c>
      <c r="G15944" t="s">
        <v>80</v>
      </c>
      <c r="H15944" t="s">
        <v>81</v>
      </c>
      <c r="I15944" s="2">
        <v>0</v>
      </c>
      <c r="J15944" s="2">
        <v>1</v>
      </c>
      <c r="K15944" s="2">
        <v>0</v>
      </c>
      <c r="L15944" t="s">
        <v>82</v>
      </c>
      <c r="M15944" t="s">
        <v>89</v>
      </c>
      <c r="N15944" t="s">
        <v>90</v>
      </c>
      <c r="O15944" t="s">
        <v>85</v>
      </c>
      <c r="P15944" t="s">
        <v>86</v>
      </c>
      <c r="Q15944">
        <v>20</v>
      </c>
      <c r="R15944">
        <v>20</v>
      </c>
      <c r="S15944">
        <v>20</v>
      </c>
      <c r="T15944">
        <v>21</v>
      </c>
      <c r="U15944">
        <v>21</v>
      </c>
      <c r="V15944">
        <v>21</v>
      </c>
      <c r="W15944">
        <v>21</v>
      </c>
      <c r="X15944">
        <v>21</v>
      </c>
      <c r="Y15944">
        <v>22</v>
      </c>
      <c r="Z15944">
        <v>22</v>
      </c>
      <c r="AA15944">
        <v>22</v>
      </c>
      <c r="AB15944">
        <v>22</v>
      </c>
      <c r="AC15944">
        <v>22</v>
      </c>
      <c r="AD15944">
        <v>22</v>
      </c>
      <c r="AE15944">
        <v>22</v>
      </c>
      <c r="AF15944">
        <v>22</v>
      </c>
      <c r="AG15944">
        <v>22</v>
      </c>
      <c r="AH15944">
        <v>22</v>
      </c>
      <c r="AI15944">
        <v>22</v>
      </c>
      <c r="AJ15944">
        <v>21</v>
      </c>
      <c r="AK15944">
        <v>21</v>
      </c>
      <c r="AL15944">
        <v>21</v>
      </c>
      <c r="AM15944">
        <v>21</v>
      </c>
      <c r="AN15944">
        <v>21</v>
      </c>
      <c r="AO15944">
        <v>20</v>
      </c>
      <c r="AP15944">
        <v>20</v>
      </c>
      <c r="AQ15944">
        <v>20</v>
      </c>
    </row>
    <row r="15945" spans="1:43">
      <c r="A15945" t="s">
        <v>9896</v>
      </c>
      <c r="B15945" t="s">
        <v>9897</v>
      </c>
      <c r="C15945" t="s">
        <v>9598</v>
      </c>
      <c r="D15945" t="s">
        <v>9599</v>
      </c>
      <c r="E15945" t="s">
        <v>9544</v>
      </c>
      <c r="F15945" t="s">
        <v>9545</v>
      </c>
      <c r="G15945" t="s">
        <v>80</v>
      </c>
      <c r="H15945" t="s">
        <v>81</v>
      </c>
      <c r="I15945" s="2">
        <v>0</v>
      </c>
      <c r="J15945" s="2">
        <v>1</v>
      </c>
      <c r="K15945" s="2">
        <v>0</v>
      </c>
      <c r="L15945" t="s">
        <v>82</v>
      </c>
      <c r="M15945" t="s">
        <v>83</v>
      </c>
      <c r="N15945" t="s">
        <v>91</v>
      </c>
      <c r="O15945" t="s">
        <v>85</v>
      </c>
      <c r="P15945" t="s">
        <v>86</v>
      </c>
      <c r="Q15945">
        <v>20</v>
      </c>
      <c r="R15945">
        <v>20</v>
      </c>
      <c r="S15945">
        <v>20</v>
      </c>
      <c r="T15945">
        <v>20</v>
      </c>
      <c r="U15945">
        <v>20</v>
      </c>
      <c r="V15945">
        <v>20</v>
      </c>
      <c r="W15945">
        <v>20</v>
      </c>
      <c r="X15945">
        <v>20</v>
      </c>
      <c r="Y15945">
        <v>20</v>
      </c>
      <c r="Z15945">
        <v>20</v>
      </c>
      <c r="AA15945">
        <v>20</v>
      </c>
      <c r="AB15945">
        <v>21</v>
      </c>
      <c r="AC15945">
        <v>21</v>
      </c>
      <c r="AD15945">
        <v>21</v>
      </c>
      <c r="AE15945">
        <v>21</v>
      </c>
      <c r="AF15945">
        <v>21</v>
      </c>
      <c r="AG15945">
        <v>21</v>
      </c>
      <c r="AH15945">
        <v>21</v>
      </c>
      <c r="AI15945">
        <v>21</v>
      </c>
      <c r="AJ15945">
        <v>21</v>
      </c>
      <c r="AK15945">
        <v>21</v>
      </c>
      <c r="AL15945">
        <v>21</v>
      </c>
      <c r="AM15945">
        <v>21</v>
      </c>
      <c r="AN15945">
        <v>20</v>
      </c>
      <c r="AO15945">
        <v>20</v>
      </c>
      <c r="AP15945">
        <v>20</v>
      </c>
      <c r="AQ15945">
        <v>20</v>
      </c>
    </row>
    <row r="15946" spans="1:43">
      <c r="A15946" t="s">
        <v>9898</v>
      </c>
      <c r="B15946" t="s">
        <v>9899</v>
      </c>
      <c r="C15946" t="s">
        <v>9598</v>
      </c>
      <c r="D15946" t="s">
        <v>9599</v>
      </c>
      <c r="E15946" t="s">
        <v>9544</v>
      </c>
      <c r="F15946" t="s">
        <v>9545</v>
      </c>
      <c r="G15946" t="s">
        <v>80</v>
      </c>
      <c r="H15946" t="s">
        <v>81</v>
      </c>
      <c r="I15946" s="2">
        <v>0</v>
      </c>
      <c r="J15946" s="2">
        <v>1</v>
      </c>
      <c r="K15946" s="2">
        <v>0</v>
      </c>
      <c r="L15946" t="s">
        <v>82</v>
      </c>
      <c r="M15946" t="s">
        <v>83</v>
      </c>
      <c r="N15946" t="s">
        <v>84</v>
      </c>
      <c r="O15946" t="s">
        <v>85</v>
      </c>
      <c r="P15946" t="s">
        <v>86</v>
      </c>
      <c r="Q15946">
        <v>45</v>
      </c>
      <c r="R15946">
        <v>45</v>
      </c>
      <c r="S15946">
        <v>46</v>
      </c>
      <c r="T15946">
        <v>46</v>
      </c>
      <c r="U15946">
        <v>46</v>
      </c>
      <c r="V15946">
        <v>46</v>
      </c>
      <c r="W15946">
        <v>46</v>
      </c>
      <c r="X15946">
        <v>47</v>
      </c>
      <c r="Y15946">
        <v>47</v>
      </c>
      <c r="Z15946">
        <v>47</v>
      </c>
      <c r="AA15946">
        <v>47</v>
      </c>
      <c r="AB15946">
        <v>47</v>
      </c>
      <c r="AC15946">
        <v>47</v>
      </c>
      <c r="AD15946">
        <v>48</v>
      </c>
      <c r="AE15946">
        <v>48</v>
      </c>
      <c r="AF15946">
        <v>48</v>
      </c>
      <c r="AG15946">
        <v>48</v>
      </c>
      <c r="AH15946">
        <v>48</v>
      </c>
      <c r="AI15946">
        <v>48</v>
      </c>
      <c r="AJ15946">
        <v>48</v>
      </c>
      <c r="AK15946">
        <v>48</v>
      </c>
      <c r="AL15946">
        <v>48</v>
      </c>
      <c r="AM15946">
        <v>47</v>
      </c>
      <c r="AN15946">
        <v>47</v>
      </c>
      <c r="AO15946">
        <v>46</v>
      </c>
      <c r="AP15946">
        <v>46</v>
      </c>
      <c r="AQ15946">
        <v>46</v>
      </c>
    </row>
    <row r="15947" spans="1:43">
      <c r="A15947" t="s">
        <v>9898</v>
      </c>
      <c r="B15947" t="s">
        <v>9899</v>
      </c>
      <c r="C15947" t="s">
        <v>9598</v>
      </c>
      <c r="D15947" t="s">
        <v>9599</v>
      </c>
      <c r="E15947" t="s">
        <v>9544</v>
      </c>
      <c r="F15947" t="s">
        <v>9545</v>
      </c>
      <c r="G15947" t="s">
        <v>80</v>
      </c>
      <c r="H15947" t="s">
        <v>81</v>
      </c>
      <c r="I15947" s="2">
        <v>0</v>
      </c>
      <c r="J15947" s="2">
        <v>1</v>
      </c>
      <c r="K15947" s="2">
        <v>0</v>
      </c>
      <c r="L15947" t="s">
        <v>82</v>
      </c>
      <c r="M15947" t="s">
        <v>87</v>
      </c>
      <c r="N15947" t="s">
        <v>88</v>
      </c>
      <c r="O15947" t="s">
        <v>85</v>
      </c>
      <c r="P15947" t="s">
        <v>86</v>
      </c>
      <c r="Q15947">
        <v>45</v>
      </c>
      <c r="R15947">
        <v>45</v>
      </c>
      <c r="S15947">
        <v>44</v>
      </c>
      <c r="T15947">
        <v>44</v>
      </c>
      <c r="U15947">
        <v>44</v>
      </c>
      <c r="V15947">
        <v>44</v>
      </c>
      <c r="W15947">
        <v>44</v>
      </c>
      <c r="X15947">
        <v>43</v>
      </c>
      <c r="Y15947">
        <v>43</v>
      </c>
      <c r="Z15947">
        <v>43</v>
      </c>
      <c r="AA15947">
        <v>43</v>
      </c>
      <c r="AB15947">
        <v>43</v>
      </c>
      <c r="AC15947">
        <v>43</v>
      </c>
      <c r="AD15947">
        <v>42</v>
      </c>
      <c r="AE15947">
        <v>42</v>
      </c>
      <c r="AF15947">
        <v>42</v>
      </c>
      <c r="AG15947">
        <v>42</v>
      </c>
      <c r="AH15947">
        <v>41</v>
      </c>
      <c r="AI15947">
        <v>41</v>
      </c>
      <c r="AJ15947">
        <v>41</v>
      </c>
      <c r="AK15947">
        <v>41</v>
      </c>
      <c r="AL15947">
        <v>41</v>
      </c>
      <c r="AM15947">
        <v>40</v>
      </c>
      <c r="AN15947">
        <v>40</v>
      </c>
      <c r="AO15947">
        <v>40</v>
      </c>
      <c r="AP15947">
        <v>40</v>
      </c>
      <c r="AQ15947">
        <v>39</v>
      </c>
    </row>
    <row r="15948" spans="1:43">
      <c r="A15948" t="s">
        <v>9898</v>
      </c>
      <c r="B15948" t="s">
        <v>9899</v>
      </c>
      <c r="C15948" t="s">
        <v>9598</v>
      </c>
      <c r="D15948" t="s">
        <v>9599</v>
      </c>
      <c r="E15948" t="s">
        <v>9544</v>
      </c>
      <c r="F15948" t="s">
        <v>9545</v>
      </c>
      <c r="G15948" t="s">
        <v>80</v>
      </c>
      <c r="H15948" t="s">
        <v>81</v>
      </c>
      <c r="I15948" s="2">
        <v>0</v>
      </c>
      <c r="J15948" s="2">
        <v>1</v>
      </c>
      <c r="K15948" s="2">
        <v>0</v>
      </c>
      <c r="L15948" t="s">
        <v>82</v>
      </c>
      <c r="M15948" t="s">
        <v>89</v>
      </c>
      <c r="N15948" t="s">
        <v>90</v>
      </c>
      <c r="O15948" t="s">
        <v>85</v>
      </c>
      <c r="P15948" t="s">
        <v>86</v>
      </c>
      <c r="Q15948">
        <v>45</v>
      </c>
      <c r="R15948">
        <v>45</v>
      </c>
      <c r="S15948">
        <v>46</v>
      </c>
      <c r="T15948">
        <v>46</v>
      </c>
      <c r="U15948">
        <v>47</v>
      </c>
      <c r="V15948">
        <v>47</v>
      </c>
      <c r="W15948">
        <v>48</v>
      </c>
      <c r="X15948">
        <v>48</v>
      </c>
      <c r="Y15948">
        <v>49</v>
      </c>
      <c r="Z15948">
        <v>49</v>
      </c>
      <c r="AA15948">
        <v>49</v>
      </c>
      <c r="AB15948">
        <v>50</v>
      </c>
      <c r="AC15948">
        <v>50</v>
      </c>
      <c r="AD15948">
        <v>50</v>
      </c>
      <c r="AE15948">
        <v>50</v>
      </c>
      <c r="AF15948">
        <v>50</v>
      </c>
      <c r="AG15948">
        <v>49</v>
      </c>
      <c r="AH15948">
        <v>49</v>
      </c>
      <c r="AI15948">
        <v>48</v>
      </c>
      <c r="AJ15948">
        <v>48</v>
      </c>
      <c r="AK15948">
        <v>47</v>
      </c>
      <c r="AL15948">
        <v>47</v>
      </c>
      <c r="AM15948">
        <v>47</v>
      </c>
      <c r="AN15948">
        <v>46</v>
      </c>
      <c r="AO15948">
        <v>46</v>
      </c>
      <c r="AP15948">
        <v>45</v>
      </c>
      <c r="AQ15948">
        <v>45</v>
      </c>
    </row>
    <row r="15949" spans="1:43">
      <c r="A15949" t="s">
        <v>9898</v>
      </c>
      <c r="B15949" t="s">
        <v>9899</v>
      </c>
      <c r="C15949" t="s">
        <v>9598</v>
      </c>
      <c r="D15949" t="s">
        <v>9599</v>
      </c>
      <c r="E15949" t="s">
        <v>9544</v>
      </c>
      <c r="F15949" t="s">
        <v>9545</v>
      </c>
      <c r="G15949" t="s">
        <v>80</v>
      </c>
      <c r="H15949" t="s">
        <v>81</v>
      </c>
      <c r="I15949" s="2">
        <v>0</v>
      </c>
      <c r="J15949" s="2">
        <v>1</v>
      </c>
      <c r="K15949" s="2">
        <v>0</v>
      </c>
      <c r="L15949" t="s">
        <v>82</v>
      </c>
      <c r="M15949" t="s">
        <v>83</v>
      </c>
      <c r="N15949" t="s">
        <v>91</v>
      </c>
      <c r="O15949" t="s">
        <v>85</v>
      </c>
      <c r="P15949" t="s">
        <v>86</v>
      </c>
      <c r="Q15949">
        <v>45</v>
      </c>
      <c r="R15949">
        <v>45</v>
      </c>
      <c r="S15949">
        <v>46</v>
      </c>
      <c r="T15949">
        <v>46</v>
      </c>
      <c r="U15949">
        <v>46</v>
      </c>
      <c r="V15949">
        <v>46</v>
      </c>
      <c r="W15949">
        <v>46</v>
      </c>
      <c r="X15949">
        <v>47</v>
      </c>
      <c r="Y15949">
        <v>47</v>
      </c>
      <c r="Z15949">
        <v>47</v>
      </c>
      <c r="AA15949">
        <v>47</v>
      </c>
      <c r="AB15949">
        <v>47</v>
      </c>
      <c r="AC15949">
        <v>47</v>
      </c>
      <c r="AD15949">
        <v>48</v>
      </c>
      <c r="AE15949">
        <v>48</v>
      </c>
      <c r="AF15949">
        <v>48</v>
      </c>
      <c r="AG15949">
        <v>48</v>
      </c>
      <c r="AH15949">
        <v>48</v>
      </c>
      <c r="AI15949">
        <v>48</v>
      </c>
      <c r="AJ15949">
        <v>48</v>
      </c>
      <c r="AK15949">
        <v>48</v>
      </c>
      <c r="AL15949">
        <v>48</v>
      </c>
      <c r="AM15949">
        <v>47</v>
      </c>
      <c r="AN15949">
        <v>47</v>
      </c>
      <c r="AO15949">
        <v>46</v>
      </c>
      <c r="AP15949">
        <v>46</v>
      </c>
      <c r="AQ15949">
        <v>46</v>
      </c>
    </row>
    <row r="15950" spans="1:43">
      <c r="A15950" t="s">
        <v>9900</v>
      </c>
      <c r="B15950" t="s">
        <v>9901</v>
      </c>
      <c r="C15950" t="s">
        <v>9606</v>
      </c>
      <c r="D15950" t="s">
        <v>9607</v>
      </c>
      <c r="E15950" t="s">
        <v>9544</v>
      </c>
      <c r="F15950" t="s">
        <v>9545</v>
      </c>
      <c r="G15950" t="s">
        <v>80</v>
      </c>
      <c r="H15950" t="s">
        <v>81</v>
      </c>
      <c r="I15950" s="2">
        <v>0</v>
      </c>
      <c r="J15950" s="2">
        <v>1</v>
      </c>
      <c r="K15950" s="2">
        <v>0</v>
      </c>
      <c r="L15950" t="s">
        <v>82</v>
      </c>
      <c r="M15950" t="s">
        <v>83</v>
      </c>
      <c r="N15950" t="s">
        <v>84</v>
      </c>
      <c r="O15950" t="s">
        <v>85</v>
      </c>
      <c r="P15950" t="s">
        <v>86</v>
      </c>
      <c r="Q15950">
        <v>50</v>
      </c>
      <c r="R15950">
        <v>51</v>
      </c>
      <c r="S15950">
        <v>51</v>
      </c>
      <c r="T15950">
        <v>51</v>
      </c>
      <c r="U15950">
        <v>51</v>
      </c>
      <c r="V15950">
        <v>52</v>
      </c>
      <c r="W15950">
        <v>52</v>
      </c>
      <c r="X15950">
        <v>52</v>
      </c>
      <c r="Y15950">
        <v>52</v>
      </c>
      <c r="Z15950">
        <v>52</v>
      </c>
      <c r="AA15950">
        <v>52</v>
      </c>
      <c r="AB15950">
        <v>53</v>
      </c>
      <c r="AC15950">
        <v>53</v>
      </c>
      <c r="AD15950">
        <v>53</v>
      </c>
      <c r="AE15950">
        <v>53</v>
      </c>
      <c r="AF15950">
        <v>53</v>
      </c>
      <c r="AG15950">
        <v>53</v>
      </c>
      <c r="AH15950">
        <v>53</v>
      </c>
      <c r="AI15950">
        <v>53</v>
      </c>
      <c r="AJ15950">
        <v>53</v>
      </c>
      <c r="AK15950">
        <v>53</v>
      </c>
      <c r="AL15950">
        <v>53</v>
      </c>
      <c r="AM15950">
        <v>52</v>
      </c>
      <c r="AN15950">
        <v>52</v>
      </c>
      <c r="AO15950">
        <v>51</v>
      </c>
      <c r="AP15950">
        <v>51</v>
      </c>
      <c r="AQ15950">
        <v>50</v>
      </c>
    </row>
    <row r="15951" spans="1:43">
      <c r="A15951" t="s">
        <v>9900</v>
      </c>
      <c r="B15951" t="s">
        <v>9901</v>
      </c>
      <c r="C15951" t="s">
        <v>9606</v>
      </c>
      <c r="D15951" t="s">
        <v>9607</v>
      </c>
      <c r="E15951" t="s">
        <v>9544</v>
      </c>
      <c r="F15951" t="s">
        <v>9545</v>
      </c>
      <c r="G15951" t="s">
        <v>80</v>
      </c>
      <c r="H15951" t="s">
        <v>81</v>
      </c>
      <c r="I15951" s="2">
        <v>0</v>
      </c>
      <c r="J15951" s="2">
        <v>1</v>
      </c>
      <c r="K15951" s="2">
        <v>0</v>
      </c>
      <c r="L15951" t="s">
        <v>82</v>
      </c>
      <c r="M15951" t="s">
        <v>87</v>
      </c>
      <c r="N15951" t="s">
        <v>88</v>
      </c>
      <c r="O15951" t="s">
        <v>85</v>
      </c>
      <c r="P15951" t="s">
        <v>86</v>
      </c>
      <c r="Q15951">
        <v>50</v>
      </c>
      <c r="R15951">
        <v>50</v>
      </c>
      <c r="S15951">
        <v>49</v>
      </c>
      <c r="T15951">
        <v>49</v>
      </c>
      <c r="U15951">
        <v>49</v>
      </c>
      <c r="V15951">
        <v>49</v>
      </c>
      <c r="W15951">
        <v>49</v>
      </c>
      <c r="X15951">
        <v>48</v>
      </c>
      <c r="Y15951">
        <v>48</v>
      </c>
      <c r="Z15951">
        <v>48</v>
      </c>
      <c r="AA15951">
        <v>48</v>
      </c>
      <c r="AB15951">
        <v>48</v>
      </c>
      <c r="AC15951">
        <v>47</v>
      </c>
      <c r="AD15951">
        <v>47</v>
      </c>
      <c r="AE15951">
        <v>47</v>
      </c>
      <c r="AF15951">
        <v>47</v>
      </c>
      <c r="AG15951">
        <v>46</v>
      </c>
      <c r="AH15951">
        <v>46</v>
      </c>
      <c r="AI15951">
        <v>46</v>
      </c>
      <c r="AJ15951">
        <v>46</v>
      </c>
      <c r="AK15951">
        <v>45</v>
      </c>
      <c r="AL15951">
        <v>45</v>
      </c>
      <c r="AM15951">
        <v>45</v>
      </c>
      <c r="AN15951">
        <v>45</v>
      </c>
      <c r="AO15951">
        <v>44</v>
      </c>
      <c r="AP15951">
        <v>44</v>
      </c>
      <c r="AQ15951">
        <v>44</v>
      </c>
    </row>
    <row r="15952" spans="1:43">
      <c r="A15952" t="s">
        <v>9900</v>
      </c>
      <c r="B15952" t="s">
        <v>9901</v>
      </c>
      <c r="C15952" t="s">
        <v>9606</v>
      </c>
      <c r="D15952" t="s">
        <v>9607</v>
      </c>
      <c r="E15952" t="s">
        <v>9544</v>
      </c>
      <c r="F15952" t="s">
        <v>9545</v>
      </c>
      <c r="G15952" t="s">
        <v>80</v>
      </c>
      <c r="H15952" t="s">
        <v>81</v>
      </c>
      <c r="I15952" s="2">
        <v>0</v>
      </c>
      <c r="J15952" s="2">
        <v>1</v>
      </c>
      <c r="K15952" s="2">
        <v>0</v>
      </c>
      <c r="L15952" t="s">
        <v>82</v>
      </c>
      <c r="M15952" t="s">
        <v>89</v>
      </c>
      <c r="N15952" t="s">
        <v>90</v>
      </c>
      <c r="O15952" t="s">
        <v>85</v>
      </c>
      <c r="P15952" t="s">
        <v>86</v>
      </c>
      <c r="Q15952">
        <v>50</v>
      </c>
      <c r="R15952">
        <v>50</v>
      </c>
      <c r="S15952">
        <v>51</v>
      </c>
      <c r="T15952">
        <v>52</v>
      </c>
      <c r="U15952">
        <v>52</v>
      </c>
      <c r="V15952">
        <v>53</v>
      </c>
      <c r="W15952">
        <v>53</v>
      </c>
      <c r="X15952">
        <v>54</v>
      </c>
      <c r="Y15952">
        <v>54</v>
      </c>
      <c r="Z15952">
        <v>55</v>
      </c>
      <c r="AA15952">
        <v>55</v>
      </c>
      <c r="AB15952">
        <v>55</v>
      </c>
      <c r="AC15952">
        <v>56</v>
      </c>
      <c r="AD15952">
        <v>56</v>
      </c>
      <c r="AE15952">
        <v>56</v>
      </c>
      <c r="AF15952">
        <v>55</v>
      </c>
      <c r="AG15952">
        <v>55</v>
      </c>
      <c r="AH15952">
        <v>54</v>
      </c>
      <c r="AI15952">
        <v>54</v>
      </c>
      <c r="AJ15952">
        <v>53</v>
      </c>
      <c r="AK15952">
        <v>53</v>
      </c>
      <c r="AL15952">
        <v>52</v>
      </c>
      <c r="AM15952">
        <v>52</v>
      </c>
      <c r="AN15952">
        <v>51</v>
      </c>
      <c r="AO15952">
        <v>51</v>
      </c>
      <c r="AP15952">
        <v>50</v>
      </c>
      <c r="AQ15952">
        <v>50</v>
      </c>
    </row>
    <row r="15953" spans="1:43">
      <c r="A15953" t="s">
        <v>9900</v>
      </c>
      <c r="B15953" t="s">
        <v>9901</v>
      </c>
      <c r="C15953" t="s">
        <v>9606</v>
      </c>
      <c r="D15953" t="s">
        <v>9607</v>
      </c>
      <c r="E15953" t="s">
        <v>9544</v>
      </c>
      <c r="F15953" t="s">
        <v>9545</v>
      </c>
      <c r="G15953" t="s">
        <v>80</v>
      </c>
      <c r="H15953" t="s">
        <v>81</v>
      </c>
      <c r="I15953" s="2">
        <v>0</v>
      </c>
      <c r="J15953" s="2">
        <v>1</v>
      </c>
      <c r="K15953" s="2">
        <v>0</v>
      </c>
      <c r="L15953" t="s">
        <v>82</v>
      </c>
      <c r="M15953" t="s">
        <v>83</v>
      </c>
      <c r="N15953" t="s">
        <v>91</v>
      </c>
      <c r="O15953" t="s">
        <v>85</v>
      </c>
      <c r="P15953" t="s">
        <v>86</v>
      </c>
      <c r="Q15953">
        <v>50</v>
      </c>
      <c r="R15953">
        <v>51</v>
      </c>
      <c r="S15953">
        <v>51</v>
      </c>
      <c r="T15953">
        <v>51</v>
      </c>
      <c r="U15953">
        <v>51</v>
      </c>
      <c r="V15953">
        <v>52</v>
      </c>
      <c r="W15953">
        <v>52</v>
      </c>
      <c r="X15953">
        <v>52</v>
      </c>
      <c r="Y15953">
        <v>52</v>
      </c>
      <c r="Z15953">
        <v>52</v>
      </c>
      <c r="AA15953">
        <v>52</v>
      </c>
      <c r="AB15953">
        <v>53</v>
      </c>
      <c r="AC15953">
        <v>53</v>
      </c>
      <c r="AD15953">
        <v>53</v>
      </c>
      <c r="AE15953">
        <v>53</v>
      </c>
      <c r="AF15953">
        <v>53</v>
      </c>
      <c r="AG15953">
        <v>53</v>
      </c>
      <c r="AH15953">
        <v>53</v>
      </c>
      <c r="AI15953">
        <v>53</v>
      </c>
      <c r="AJ15953">
        <v>53</v>
      </c>
      <c r="AK15953">
        <v>53</v>
      </c>
      <c r="AL15953">
        <v>53</v>
      </c>
      <c r="AM15953">
        <v>52</v>
      </c>
      <c r="AN15953">
        <v>52</v>
      </c>
      <c r="AO15953">
        <v>51</v>
      </c>
      <c r="AP15953">
        <v>51</v>
      </c>
      <c r="AQ15953">
        <v>50</v>
      </c>
    </row>
    <row r="15954" spans="1:43">
      <c r="A15954" t="s">
        <v>9902</v>
      </c>
      <c r="B15954" t="s">
        <v>9903</v>
      </c>
      <c r="C15954" t="s">
        <v>9598</v>
      </c>
      <c r="D15954" t="s">
        <v>9599</v>
      </c>
      <c r="E15954" t="s">
        <v>9544</v>
      </c>
      <c r="F15954" t="s">
        <v>9545</v>
      </c>
      <c r="G15954" t="s">
        <v>80</v>
      </c>
      <c r="H15954" t="s">
        <v>81</v>
      </c>
      <c r="I15954" s="2">
        <v>0</v>
      </c>
      <c r="J15954" s="2">
        <v>1</v>
      </c>
      <c r="K15954" s="2">
        <v>0</v>
      </c>
      <c r="L15954" t="s">
        <v>82</v>
      </c>
      <c r="M15954" t="s">
        <v>83</v>
      </c>
      <c r="N15954" t="s">
        <v>84</v>
      </c>
      <c r="O15954" t="s">
        <v>85</v>
      </c>
      <c r="P15954" t="s">
        <v>86</v>
      </c>
      <c r="Q15954">
        <v>24</v>
      </c>
      <c r="R15954">
        <v>24</v>
      </c>
      <c r="S15954">
        <v>24</v>
      </c>
      <c r="T15954">
        <v>24</v>
      </c>
      <c r="U15954">
        <v>24</v>
      </c>
      <c r="V15954">
        <v>25</v>
      </c>
      <c r="W15954">
        <v>25</v>
      </c>
      <c r="X15954">
        <v>25</v>
      </c>
      <c r="Y15954">
        <v>25</v>
      </c>
      <c r="Z15954">
        <v>25</v>
      </c>
      <c r="AA15954">
        <v>25</v>
      </c>
      <c r="AB15954">
        <v>25</v>
      </c>
      <c r="AC15954">
        <v>25</v>
      </c>
      <c r="AD15954">
        <v>25</v>
      </c>
      <c r="AE15954">
        <v>25</v>
      </c>
      <c r="AF15954">
        <v>25</v>
      </c>
      <c r="AG15954">
        <v>25</v>
      </c>
      <c r="AH15954">
        <v>25</v>
      </c>
      <c r="AI15954">
        <v>25</v>
      </c>
      <c r="AJ15954">
        <v>25</v>
      </c>
      <c r="AK15954">
        <v>25</v>
      </c>
      <c r="AL15954">
        <v>25</v>
      </c>
      <c r="AM15954">
        <v>25</v>
      </c>
      <c r="AN15954">
        <v>25</v>
      </c>
      <c r="AO15954">
        <v>25</v>
      </c>
      <c r="AP15954">
        <v>24</v>
      </c>
      <c r="AQ15954">
        <v>24</v>
      </c>
    </row>
    <row r="15955" spans="1:43">
      <c r="A15955" t="s">
        <v>9902</v>
      </c>
      <c r="B15955" t="s">
        <v>9903</v>
      </c>
      <c r="C15955" t="s">
        <v>9598</v>
      </c>
      <c r="D15955" t="s">
        <v>9599</v>
      </c>
      <c r="E15955" t="s">
        <v>9544</v>
      </c>
      <c r="F15955" t="s">
        <v>9545</v>
      </c>
      <c r="G15955" t="s">
        <v>80</v>
      </c>
      <c r="H15955" t="s">
        <v>81</v>
      </c>
      <c r="I15955" s="2">
        <v>0</v>
      </c>
      <c r="J15955" s="2">
        <v>1</v>
      </c>
      <c r="K15955" s="2">
        <v>0</v>
      </c>
      <c r="L15955" t="s">
        <v>82</v>
      </c>
      <c r="M15955" t="s">
        <v>87</v>
      </c>
      <c r="N15955" t="s">
        <v>88</v>
      </c>
      <c r="O15955" t="s">
        <v>85</v>
      </c>
      <c r="P15955" t="s">
        <v>86</v>
      </c>
      <c r="Q15955">
        <v>24</v>
      </c>
      <c r="R15955">
        <v>24</v>
      </c>
      <c r="S15955">
        <v>24</v>
      </c>
      <c r="T15955">
        <v>23</v>
      </c>
      <c r="U15955">
        <v>23</v>
      </c>
      <c r="V15955">
        <v>23</v>
      </c>
      <c r="W15955">
        <v>23</v>
      </c>
      <c r="X15955">
        <v>23</v>
      </c>
      <c r="Y15955">
        <v>23</v>
      </c>
      <c r="Z15955">
        <v>23</v>
      </c>
      <c r="AA15955">
        <v>23</v>
      </c>
      <c r="AB15955">
        <v>23</v>
      </c>
      <c r="AC15955">
        <v>23</v>
      </c>
      <c r="AD15955">
        <v>22</v>
      </c>
      <c r="AE15955">
        <v>22</v>
      </c>
      <c r="AF15955">
        <v>22</v>
      </c>
      <c r="AG15955">
        <v>22</v>
      </c>
      <c r="AH15955">
        <v>22</v>
      </c>
      <c r="AI15955">
        <v>22</v>
      </c>
      <c r="AJ15955">
        <v>22</v>
      </c>
      <c r="AK15955">
        <v>22</v>
      </c>
      <c r="AL15955">
        <v>21</v>
      </c>
      <c r="AM15955">
        <v>21</v>
      </c>
      <c r="AN15955">
        <v>21</v>
      </c>
      <c r="AO15955">
        <v>21</v>
      </c>
      <c r="AP15955">
        <v>21</v>
      </c>
      <c r="AQ15955">
        <v>21</v>
      </c>
    </row>
    <row r="15956" spans="1:43">
      <c r="A15956" t="s">
        <v>9902</v>
      </c>
      <c r="B15956" t="s">
        <v>9903</v>
      </c>
      <c r="C15956" t="s">
        <v>9598</v>
      </c>
      <c r="D15956" t="s">
        <v>9599</v>
      </c>
      <c r="E15956" t="s">
        <v>9544</v>
      </c>
      <c r="F15956" t="s">
        <v>9545</v>
      </c>
      <c r="G15956" t="s">
        <v>80</v>
      </c>
      <c r="H15956" t="s">
        <v>81</v>
      </c>
      <c r="I15956" s="2">
        <v>0</v>
      </c>
      <c r="J15956" s="2">
        <v>1</v>
      </c>
      <c r="K15956" s="2">
        <v>0</v>
      </c>
      <c r="L15956" t="s">
        <v>82</v>
      </c>
      <c r="M15956" t="s">
        <v>89</v>
      </c>
      <c r="N15956" t="s">
        <v>90</v>
      </c>
      <c r="O15956" t="s">
        <v>85</v>
      </c>
      <c r="P15956" t="s">
        <v>86</v>
      </c>
      <c r="Q15956">
        <v>24</v>
      </c>
      <c r="R15956">
        <v>25</v>
      </c>
      <c r="S15956">
        <v>25</v>
      </c>
      <c r="T15956">
        <v>25</v>
      </c>
      <c r="U15956">
        <v>25</v>
      </c>
      <c r="V15956">
        <v>26</v>
      </c>
      <c r="W15956">
        <v>26</v>
      </c>
      <c r="X15956">
        <v>26</v>
      </c>
      <c r="Y15956">
        <v>26</v>
      </c>
      <c r="Z15956">
        <v>26</v>
      </c>
      <c r="AA15956">
        <v>27</v>
      </c>
      <c r="AB15956">
        <v>27</v>
      </c>
      <c r="AC15956">
        <v>27</v>
      </c>
      <c r="AD15956">
        <v>27</v>
      </c>
      <c r="AE15956">
        <v>27</v>
      </c>
      <c r="AF15956">
        <v>27</v>
      </c>
      <c r="AG15956">
        <v>27</v>
      </c>
      <c r="AH15956">
        <v>26</v>
      </c>
      <c r="AI15956">
        <v>26</v>
      </c>
      <c r="AJ15956">
        <v>26</v>
      </c>
      <c r="AK15956">
        <v>26</v>
      </c>
      <c r="AL15956">
        <v>25</v>
      </c>
      <c r="AM15956">
        <v>25</v>
      </c>
      <c r="AN15956">
        <v>25</v>
      </c>
      <c r="AO15956">
        <v>25</v>
      </c>
      <c r="AP15956">
        <v>24</v>
      </c>
      <c r="AQ15956">
        <v>24</v>
      </c>
    </row>
    <row r="15957" spans="1:43">
      <c r="A15957" t="s">
        <v>9902</v>
      </c>
      <c r="B15957" t="s">
        <v>9903</v>
      </c>
      <c r="C15957" t="s">
        <v>9598</v>
      </c>
      <c r="D15957" t="s">
        <v>9599</v>
      </c>
      <c r="E15957" t="s">
        <v>9544</v>
      </c>
      <c r="F15957" t="s">
        <v>9545</v>
      </c>
      <c r="G15957" t="s">
        <v>80</v>
      </c>
      <c r="H15957" t="s">
        <v>81</v>
      </c>
      <c r="I15957" s="2">
        <v>0</v>
      </c>
      <c r="J15957" s="2">
        <v>1</v>
      </c>
      <c r="K15957" s="2">
        <v>0</v>
      </c>
      <c r="L15957" t="s">
        <v>82</v>
      </c>
      <c r="M15957" t="s">
        <v>83</v>
      </c>
      <c r="N15957" t="s">
        <v>91</v>
      </c>
      <c r="O15957" t="s">
        <v>85</v>
      </c>
      <c r="P15957" t="s">
        <v>86</v>
      </c>
      <c r="Q15957">
        <v>24</v>
      </c>
      <c r="R15957">
        <v>24</v>
      </c>
      <c r="S15957">
        <v>24</v>
      </c>
      <c r="T15957">
        <v>24</v>
      </c>
      <c r="U15957">
        <v>24</v>
      </c>
      <c r="V15957">
        <v>25</v>
      </c>
      <c r="W15957">
        <v>25</v>
      </c>
      <c r="X15957">
        <v>25</v>
      </c>
      <c r="Y15957">
        <v>25</v>
      </c>
      <c r="Z15957">
        <v>25</v>
      </c>
      <c r="AA15957">
        <v>25</v>
      </c>
      <c r="AB15957">
        <v>25</v>
      </c>
      <c r="AC15957">
        <v>25</v>
      </c>
      <c r="AD15957">
        <v>25</v>
      </c>
      <c r="AE15957">
        <v>25</v>
      </c>
      <c r="AF15957">
        <v>25</v>
      </c>
      <c r="AG15957">
        <v>25</v>
      </c>
      <c r="AH15957">
        <v>25</v>
      </c>
      <c r="AI15957">
        <v>25</v>
      </c>
      <c r="AJ15957">
        <v>25</v>
      </c>
      <c r="AK15957">
        <v>25</v>
      </c>
      <c r="AL15957">
        <v>25</v>
      </c>
      <c r="AM15957">
        <v>25</v>
      </c>
      <c r="AN15957">
        <v>25</v>
      </c>
      <c r="AO15957">
        <v>25</v>
      </c>
      <c r="AP15957">
        <v>24</v>
      </c>
      <c r="AQ15957">
        <v>24</v>
      </c>
    </row>
    <row r="15958" spans="1:43">
      <c r="A15958" t="s">
        <v>9904</v>
      </c>
      <c r="B15958" t="s">
        <v>9905</v>
      </c>
      <c r="C15958" t="s">
        <v>9606</v>
      </c>
      <c r="D15958" t="s">
        <v>9607</v>
      </c>
      <c r="E15958" t="s">
        <v>9544</v>
      </c>
      <c r="F15958" t="s">
        <v>9545</v>
      </c>
      <c r="G15958" t="s">
        <v>80</v>
      </c>
      <c r="H15958" t="s">
        <v>81</v>
      </c>
      <c r="I15958" s="2">
        <v>0</v>
      </c>
      <c r="J15958" s="2">
        <v>1</v>
      </c>
      <c r="K15958" s="2">
        <v>0</v>
      </c>
      <c r="L15958" t="s">
        <v>82</v>
      </c>
      <c r="M15958" t="s">
        <v>83</v>
      </c>
      <c r="N15958" t="s">
        <v>84</v>
      </c>
      <c r="O15958" t="s">
        <v>85</v>
      </c>
      <c r="P15958" t="s">
        <v>86</v>
      </c>
      <c r="Q15958">
        <v>22</v>
      </c>
      <c r="R15958">
        <v>22</v>
      </c>
      <c r="S15958">
        <v>22</v>
      </c>
      <c r="T15958">
        <v>22</v>
      </c>
      <c r="U15958">
        <v>22</v>
      </c>
      <c r="V15958">
        <v>22</v>
      </c>
      <c r="W15958">
        <v>22</v>
      </c>
      <c r="X15958">
        <v>23</v>
      </c>
      <c r="Y15958">
        <v>23</v>
      </c>
      <c r="Z15958">
        <v>23</v>
      </c>
      <c r="AA15958">
        <v>23</v>
      </c>
      <c r="AB15958">
        <v>23</v>
      </c>
      <c r="AC15958">
        <v>23</v>
      </c>
      <c r="AD15958">
        <v>23</v>
      </c>
      <c r="AE15958">
        <v>23</v>
      </c>
      <c r="AF15958">
        <v>23</v>
      </c>
      <c r="AG15958">
        <v>23</v>
      </c>
      <c r="AH15958">
        <v>23</v>
      </c>
      <c r="AI15958">
        <v>23</v>
      </c>
      <c r="AJ15958">
        <v>23</v>
      </c>
      <c r="AK15958">
        <v>23</v>
      </c>
      <c r="AL15958">
        <v>23</v>
      </c>
      <c r="AM15958">
        <v>23</v>
      </c>
      <c r="AN15958">
        <v>23</v>
      </c>
      <c r="AO15958">
        <v>22</v>
      </c>
      <c r="AP15958">
        <v>22</v>
      </c>
      <c r="AQ15958">
        <v>22</v>
      </c>
    </row>
    <row r="15959" spans="1:43">
      <c r="A15959" t="s">
        <v>9904</v>
      </c>
      <c r="B15959" t="s">
        <v>9905</v>
      </c>
      <c r="C15959" t="s">
        <v>9606</v>
      </c>
      <c r="D15959" t="s">
        <v>9607</v>
      </c>
      <c r="E15959" t="s">
        <v>9544</v>
      </c>
      <c r="F15959" t="s">
        <v>9545</v>
      </c>
      <c r="G15959" t="s">
        <v>80</v>
      </c>
      <c r="H15959" t="s">
        <v>81</v>
      </c>
      <c r="I15959" s="2">
        <v>0</v>
      </c>
      <c r="J15959" s="2">
        <v>1</v>
      </c>
      <c r="K15959" s="2">
        <v>0</v>
      </c>
      <c r="L15959" t="s">
        <v>82</v>
      </c>
      <c r="M15959" t="s">
        <v>87</v>
      </c>
      <c r="N15959" t="s">
        <v>88</v>
      </c>
      <c r="O15959" t="s">
        <v>85</v>
      </c>
      <c r="P15959" t="s">
        <v>86</v>
      </c>
      <c r="Q15959">
        <v>22</v>
      </c>
      <c r="R15959">
        <v>22</v>
      </c>
      <c r="S15959">
        <v>21</v>
      </c>
      <c r="T15959">
        <v>21</v>
      </c>
      <c r="U15959">
        <v>21</v>
      </c>
      <c r="V15959">
        <v>21</v>
      </c>
      <c r="W15959">
        <v>21</v>
      </c>
      <c r="X15959">
        <v>21</v>
      </c>
      <c r="Y15959">
        <v>21</v>
      </c>
      <c r="Z15959">
        <v>21</v>
      </c>
      <c r="AA15959">
        <v>21</v>
      </c>
      <c r="AB15959">
        <v>21</v>
      </c>
      <c r="AC15959">
        <v>21</v>
      </c>
      <c r="AD15959">
        <v>20</v>
      </c>
      <c r="AE15959">
        <v>20</v>
      </c>
      <c r="AF15959">
        <v>20</v>
      </c>
      <c r="AG15959">
        <v>20</v>
      </c>
      <c r="AH15959">
        <v>20</v>
      </c>
      <c r="AI15959">
        <v>20</v>
      </c>
      <c r="AJ15959">
        <v>20</v>
      </c>
      <c r="AK15959">
        <v>20</v>
      </c>
      <c r="AL15959">
        <v>20</v>
      </c>
      <c r="AM15959">
        <v>19</v>
      </c>
      <c r="AN15959">
        <v>19</v>
      </c>
      <c r="AO15959">
        <v>19</v>
      </c>
      <c r="AP15959">
        <v>19</v>
      </c>
      <c r="AQ15959">
        <v>19</v>
      </c>
    </row>
    <row r="15960" spans="1:43">
      <c r="A15960" t="s">
        <v>9904</v>
      </c>
      <c r="B15960" t="s">
        <v>9905</v>
      </c>
      <c r="C15960" t="s">
        <v>9606</v>
      </c>
      <c r="D15960" t="s">
        <v>9607</v>
      </c>
      <c r="E15960" t="s">
        <v>9544</v>
      </c>
      <c r="F15960" t="s">
        <v>9545</v>
      </c>
      <c r="G15960" t="s">
        <v>80</v>
      </c>
      <c r="H15960" t="s">
        <v>81</v>
      </c>
      <c r="I15960" s="2">
        <v>0</v>
      </c>
      <c r="J15960" s="2">
        <v>1</v>
      </c>
      <c r="K15960" s="2">
        <v>0</v>
      </c>
      <c r="L15960" t="s">
        <v>82</v>
      </c>
      <c r="M15960" t="s">
        <v>89</v>
      </c>
      <c r="N15960" t="s">
        <v>90</v>
      </c>
      <c r="O15960" t="s">
        <v>85</v>
      </c>
      <c r="P15960" t="s">
        <v>86</v>
      </c>
      <c r="Q15960">
        <v>22</v>
      </c>
      <c r="R15960">
        <v>22</v>
      </c>
      <c r="S15960">
        <v>23</v>
      </c>
      <c r="T15960">
        <v>23</v>
      </c>
      <c r="U15960">
        <v>23</v>
      </c>
      <c r="V15960">
        <v>23</v>
      </c>
      <c r="W15960">
        <v>24</v>
      </c>
      <c r="X15960">
        <v>24</v>
      </c>
      <c r="Y15960">
        <v>24</v>
      </c>
      <c r="Z15960">
        <v>24</v>
      </c>
      <c r="AA15960">
        <v>24</v>
      </c>
      <c r="AB15960">
        <v>24</v>
      </c>
      <c r="AC15960">
        <v>25</v>
      </c>
      <c r="AD15960">
        <v>25</v>
      </c>
      <c r="AE15960">
        <v>25</v>
      </c>
      <c r="AF15960">
        <v>24</v>
      </c>
      <c r="AG15960">
        <v>24</v>
      </c>
      <c r="AH15960">
        <v>24</v>
      </c>
      <c r="AI15960">
        <v>24</v>
      </c>
      <c r="AJ15960">
        <v>24</v>
      </c>
      <c r="AK15960">
        <v>23</v>
      </c>
      <c r="AL15960">
        <v>23</v>
      </c>
      <c r="AM15960">
        <v>23</v>
      </c>
      <c r="AN15960">
        <v>23</v>
      </c>
      <c r="AO15960">
        <v>22</v>
      </c>
      <c r="AP15960">
        <v>22</v>
      </c>
      <c r="AQ15960">
        <v>22</v>
      </c>
    </row>
    <row r="15961" spans="1:43">
      <c r="A15961" t="s">
        <v>9904</v>
      </c>
      <c r="B15961" t="s">
        <v>9905</v>
      </c>
      <c r="C15961" t="s">
        <v>9606</v>
      </c>
      <c r="D15961" t="s">
        <v>9607</v>
      </c>
      <c r="E15961" t="s">
        <v>9544</v>
      </c>
      <c r="F15961" t="s">
        <v>9545</v>
      </c>
      <c r="G15961" t="s">
        <v>80</v>
      </c>
      <c r="H15961" t="s">
        <v>81</v>
      </c>
      <c r="I15961" s="2">
        <v>0</v>
      </c>
      <c r="J15961" s="2">
        <v>1</v>
      </c>
      <c r="K15961" s="2">
        <v>0</v>
      </c>
      <c r="L15961" t="s">
        <v>82</v>
      </c>
      <c r="M15961" t="s">
        <v>83</v>
      </c>
      <c r="N15961" t="s">
        <v>91</v>
      </c>
      <c r="O15961" t="s">
        <v>85</v>
      </c>
      <c r="P15961" t="s">
        <v>86</v>
      </c>
      <c r="Q15961">
        <v>22</v>
      </c>
      <c r="R15961">
        <v>22</v>
      </c>
      <c r="S15961">
        <v>22</v>
      </c>
      <c r="T15961">
        <v>22</v>
      </c>
      <c r="U15961">
        <v>22</v>
      </c>
      <c r="V15961">
        <v>22</v>
      </c>
      <c r="W15961">
        <v>22</v>
      </c>
      <c r="X15961">
        <v>23</v>
      </c>
      <c r="Y15961">
        <v>23</v>
      </c>
      <c r="Z15961">
        <v>23</v>
      </c>
      <c r="AA15961">
        <v>23</v>
      </c>
      <c r="AB15961">
        <v>23</v>
      </c>
      <c r="AC15961">
        <v>23</v>
      </c>
      <c r="AD15961">
        <v>23</v>
      </c>
      <c r="AE15961">
        <v>23</v>
      </c>
      <c r="AF15961">
        <v>23</v>
      </c>
      <c r="AG15961">
        <v>23</v>
      </c>
      <c r="AH15961">
        <v>23</v>
      </c>
      <c r="AI15961">
        <v>23</v>
      </c>
      <c r="AJ15961">
        <v>23</v>
      </c>
      <c r="AK15961">
        <v>23</v>
      </c>
      <c r="AL15961">
        <v>23</v>
      </c>
      <c r="AM15961">
        <v>23</v>
      </c>
      <c r="AN15961">
        <v>23</v>
      </c>
      <c r="AO15961">
        <v>22</v>
      </c>
      <c r="AP15961">
        <v>22</v>
      </c>
      <c r="AQ15961">
        <v>22</v>
      </c>
    </row>
    <row r="15962" spans="1:43">
      <c r="A15962" t="s">
        <v>9906</v>
      </c>
      <c r="B15962" t="s">
        <v>9907</v>
      </c>
      <c r="C15962" t="s">
        <v>9728</v>
      </c>
      <c r="D15962" t="s">
        <v>9729</v>
      </c>
      <c r="E15962" t="s">
        <v>9544</v>
      </c>
      <c r="F15962" t="s">
        <v>9545</v>
      </c>
      <c r="G15962" t="s">
        <v>80</v>
      </c>
      <c r="H15962" t="s">
        <v>81</v>
      </c>
      <c r="I15962" s="2">
        <v>0</v>
      </c>
      <c r="J15962" s="2">
        <v>1</v>
      </c>
      <c r="K15962" s="2">
        <v>0</v>
      </c>
      <c r="L15962" t="s">
        <v>82</v>
      </c>
      <c r="M15962" t="s">
        <v>83</v>
      </c>
      <c r="N15962" t="s">
        <v>84</v>
      </c>
      <c r="O15962" t="s">
        <v>85</v>
      </c>
      <c r="P15962" t="s">
        <v>86</v>
      </c>
      <c r="Q15962">
        <v>4</v>
      </c>
      <c r="R15962">
        <v>4</v>
      </c>
      <c r="S15962">
        <v>4</v>
      </c>
      <c r="T15962">
        <v>4</v>
      </c>
      <c r="U15962">
        <v>4</v>
      </c>
      <c r="V15962">
        <v>4</v>
      </c>
      <c r="W15962">
        <v>4</v>
      </c>
      <c r="X15962">
        <v>4</v>
      </c>
      <c r="Y15962">
        <v>4</v>
      </c>
      <c r="Z15962">
        <v>4</v>
      </c>
      <c r="AA15962">
        <v>4</v>
      </c>
      <c r="AB15962">
        <v>4</v>
      </c>
      <c r="AC15962">
        <v>4</v>
      </c>
      <c r="AD15962">
        <v>4</v>
      </c>
      <c r="AE15962">
        <v>4</v>
      </c>
      <c r="AF15962">
        <v>4</v>
      </c>
      <c r="AG15962">
        <v>4</v>
      </c>
      <c r="AH15962">
        <v>4</v>
      </c>
      <c r="AI15962">
        <v>4</v>
      </c>
      <c r="AJ15962">
        <v>4</v>
      </c>
      <c r="AK15962">
        <v>4</v>
      </c>
      <c r="AL15962">
        <v>4</v>
      </c>
      <c r="AM15962">
        <v>4</v>
      </c>
      <c r="AN15962">
        <v>4</v>
      </c>
      <c r="AO15962">
        <v>4</v>
      </c>
      <c r="AP15962">
        <v>4</v>
      </c>
      <c r="AQ15962">
        <v>4</v>
      </c>
    </row>
    <row r="15963" spans="1:43">
      <c r="A15963" t="s">
        <v>9906</v>
      </c>
      <c r="B15963" t="s">
        <v>9907</v>
      </c>
      <c r="C15963" t="s">
        <v>9728</v>
      </c>
      <c r="D15963" t="s">
        <v>9729</v>
      </c>
      <c r="E15963" t="s">
        <v>9544</v>
      </c>
      <c r="F15963" t="s">
        <v>9545</v>
      </c>
      <c r="G15963" t="s">
        <v>80</v>
      </c>
      <c r="H15963" t="s">
        <v>81</v>
      </c>
      <c r="I15963" s="2">
        <v>0</v>
      </c>
      <c r="J15963" s="2">
        <v>1</v>
      </c>
      <c r="K15963" s="2">
        <v>0</v>
      </c>
      <c r="L15963" t="s">
        <v>82</v>
      </c>
      <c r="M15963" t="s">
        <v>87</v>
      </c>
      <c r="N15963" t="s">
        <v>88</v>
      </c>
      <c r="O15963" t="s">
        <v>85</v>
      </c>
      <c r="P15963" t="s">
        <v>86</v>
      </c>
      <c r="Q15963">
        <v>4</v>
      </c>
      <c r="R15963">
        <v>4</v>
      </c>
      <c r="S15963">
        <v>4</v>
      </c>
      <c r="T15963">
        <v>4</v>
      </c>
      <c r="U15963">
        <v>4</v>
      </c>
      <c r="V15963">
        <v>4</v>
      </c>
      <c r="W15963">
        <v>4</v>
      </c>
      <c r="X15963">
        <v>4</v>
      </c>
      <c r="Y15963">
        <v>4</v>
      </c>
      <c r="Z15963">
        <v>4</v>
      </c>
      <c r="AA15963">
        <v>4</v>
      </c>
      <c r="AB15963">
        <v>4</v>
      </c>
      <c r="AC15963">
        <v>3</v>
      </c>
      <c r="AD15963">
        <v>3</v>
      </c>
      <c r="AE15963">
        <v>3</v>
      </c>
      <c r="AF15963">
        <v>3</v>
      </c>
      <c r="AG15963">
        <v>3</v>
      </c>
      <c r="AH15963">
        <v>3</v>
      </c>
      <c r="AI15963">
        <v>3</v>
      </c>
      <c r="AJ15963">
        <v>3</v>
      </c>
      <c r="AK15963">
        <v>3</v>
      </c>
      <c r="AL15963">
        <v>3</v>
      </c>
      <c r="AM15963">
        <v>3</v>
      </c>
      <c r="AN15963">
        <v>3</v>
      </c>
      <c r="AO15963">
        <v>3</v>
      </c>
      <c r="AP15963">
        <v>3</v>
      </c>
      <c r="AQ15963">
        <v>3</v>
      </c>
    </row>
    <row r="15964" spans="1:43">
      <c r="A15964" t="s">
        <v>9906</v>
      </c>
      <c r="B15964" t="s">
        <v>9907</v>
      </c>
      <c r="C15964" t="s">
        <v>9728</v>
      </c>
      <c r="D15964" t="s">
        <v>9729</v>
      </c>
      <c r="E15964" t="s">
        <v>9544</v>
      </c>
      <c r="F15964" t="s">
        <v>9545</v>
      </c>
      <c r="G15964" t="s">
        <v>80</v>
      </c>
      <c r="H15964" t="s">
        <v>81</v>
      </c>
      <c r="I15964" s="2">
        <v>0</v>
      </c>
      <c r="J15964" s="2">
        <v>1</v>
      </c>
      <c r="K15964" s="2">
        <v>0</v>
      </c>
      <c r="L15964" t="s">
        <v>82</v>
      </c>
      <c r="M15964" t="s">
        <v>89</v>
      </c>
      <c r="N15964" t="s">
        <v>90</v>
      </c>
      <c r="O15964" t="s">
        <v>85</v>
      </c>
      <c r="P15964" t="s">
        <v>86</v>
      </c>
      <c r="Q15964">
        <v>4</v>
      </c>
      <c r="R15964">
        <v>4</v>
      </c>
      <c r="S15964">
        <v>4</v>
      </c>
      <c r="T15964">
        <v>4</v>
      </c>
      <c r="U15964">
        <v>4</v>
      </c>
      <c r="V15964">
        <v>4</v>
      </c>
      <c r="W15964">
        <v>4</v>
      </c>
      <c r="X15964">
        <v>4</v>
      </c>
      <c r="Y15964">
        <v>4</v>
      </c>
      <c r="Z15964">
        <v>4</v>
      </c>
      <c r="AA15964">
        <v>4</v>
      </c>
      <c r="AB15964">
        <v>4</v>
      </c>
      <c r="AC15964">
        <v>4</v>
      </c>
      <c r="AD15964">
        <v>4</v>
      </c>
      <c r="AE15964">
        <v>4</v>
      </c>
      <c r="AF15964">
        <v>4</v>
      </c>
      <c r="AG15964">
        <v>4</v>
      </c>
      <c r="AH15964">
        <v>4</v>
      </c>
      <c r="AI15964">
        <v>4</v>
      </c>
      <c r="AJ15964">
        <v>4</v>
      </c>
      <c r="AK15964">
        <v>4</v>
      </c>
      <c r="AL15964">
        <v>4</v>
      </c>
      <c r="AM15964">
        <v>4</v>
      </c>
      <c r="AN15964">
        <v>4</v>
      </c>
      <c r="AO15964">
        <v>4</v>
      </c>
      <c r="AP15964">
        <v>4</v>
      </c>
      <c r="AQ15964">
        <v>4</v>
      </c>
    </row>
    <row r="15965" spans="1:43">
      <c r="A15965" t="s">
        <v>9906</v>
      </c>
      <c r="B15965" t="s">
        <v>9907</v>
      </c>
      <c r="C15965" t="s">
        <v>9728</v>
      </c>
      <c r="D15965" t="s">
        <v>9729</v>
      </c>
      <c r="E15965" t="s">
        <v>9544</v>
      </c>
      <c r="F15965" t="s">
        <v>9545</v>
      </c>
      <c r="G15965" t="s">
        <v>80</v>
      </c>
      <c r="H15965" t="s">
        <v>81</v>
      </c>
      <c r="I15965" s="2">
        <v>0</v>
      </c>
      <c r="J15965" s="2">
        <v>1</v>
      </c>
      <c r="K15965" s="2">
        <v>0</v>
      </c>
      <c r="L15965" t="s">
        <v>82</v>
      </c>
      <c r="M15965" t="s">
        <v>83</v>
      </c>
      <c r="N15965" t="s">
        <v>91</v>
      </c>
      <c r="O15965" t="s">
        <v>85</v>
      </c>
      <c r="P15965" t="s">
        <v>86</v>
      </c>
      <c r="Q15965">
        <v>4</v>
      </c>
      <c r="R15965">
        <v>4</v>
      </c>
      <c r="S15965">
        <v>4</v>
      </c>
      <c r="T15965">
        <v>4</v>
      </c>
      <c r="U15965">
        <v>4</v>
      </c>
      <c r="V15965">
        <v>4</v>
      </c>
      <c r="W15965">
        <v>4</v>
      </c>
      <c r="X15965">
        <v>4</v>
      </c>
      <c r="Y15965">
        <v>4</v>
      </c>
      <c r="Z15965">
        <v>4</v>
      </c>
      <c r="AA15965">
        <v>4</v>
      </c>
      <c r="AB15965">
        <v>4</v>
      </c>
      <c r="AC15965">
        <v>4</v>
      </c>
      <c r="AD15965">
        <v>4</v>
      </c>
      <c r="AE15965">
        <v>4</v>
      </c>
      <c r="AF15965">
        <v>4</v>
      </c>
      <c r="AG15965">
        <v>4</v>
      </c>
      <c r="AH15965">
        <v>4</v>
      </c>
      <c r="AI15965">
        <v>4</v>
      </c>
      <c r="AJ15965">
        <v>4</v>
      </c>
      <c r="AK15965">
        <v>4</v>
      </c>
      <c r="AL15965">
        <v>4</v>
      </c>
      <c r="AM15965">
        <v>4</v>
      </c>
      <c r="AN15965">
        <v>4</v>
      </c>
      <c r="AO15965">
        <v>4</v>
      </c>
      <c r="AP15965">
        <v>4</v>
      </c>
      <c r="AQ15965">
        <v>4</v>
      </c>
    </row>
    <row r="15966" spans="1:43">
      <c r="A15966" t="s">
        <v>9908</v>
      </c>
      <c r="B15966" t="s">
        <v>9909</v>
      </c>
      <c r="C15966" t="s">
        <v>9728</v>
      </c>
      <c r="D15966" t="s">
        <v>9729</v>
      </c>
      <c r="E15966" t="s">
        <v>9544</v>
      </c>
      <c r="F15966" t="s">
        <v>9545</v>
      </c>
      <c r="G15966" t="s">
        <v>80</v>
      </c>
      <c r="H15966" t="s">
        <v>81</v>
      </c>
      <c r="I15966" s="2">
        <v>0</v>
      </c>
      <c r="J15966" s="2">
        <v>1</v>
      </c>
      <c r="K15966" s="2">
        <v>0</v>
      </c>
      <c r="L15966" t="s">
        <v>82</v>
      </c>
      <c r="M15966" t="s">
        <v>83</v>
      </c>
      <c r="N15966" t="s">
        <v>84</v>
      </c>
      <c r="O15966" t="s">
        <v>85</v>
      </c>
      <c r="P15966" t="s">
        <v>86</v>
      </c>
      <c r="Q15966">
        <v>58</v>
      </c>
      <c r="R15966">
        <v>58</v>
      </c>
      <c r="S15966">
        <v>59</v>
      </c>
      <c r="T15966">
        <v>59</v>
      </c>
      <c r="U15966">
        <v>60</v>
      </c>
      <c r="V15966">
        <v>60</v>
      </c>
      <c r="W15966">
        <v>61</v>
      </c>
      <c r="X15966">
        <v>61</v>
      </c>
      <c r="Y15966">
        <v>61</v>
      </c>
      <c r="Z15966">
        <v>62</v>
      </c>
      <c r="AA15966">
        <v>62</v>
      </c>
      <c r="AB15966">
        <v>63</v>
      </c>
      <c r="AC15966">
        <v>63</v>
      </c>
      <c r="AD15966">
        <v>63</v>
      </c>
      <c r="AE15966">
        <v>63</v>
      </c>
      <c r="AF15966">
        <v>64</v>
      </c>
      <c r="AG15966">
        <v>64</v>
      </c>
      <c r="AH15966">
        <v>64</v>
      </c>
      <c r="AI15966">
        <v>65</v>
      </c>
      <c r="AJ15966">
        <v>65</v>
      </c>
      <c r="AK15966">
        <v>65</v>
      </c>
      <c r="AL15966">
        <v>65</v>
      </c>
      <c r="AM15966">
        <v>65</v>
      </c>
      <c r="AN15966">
        <v>64</v>
      </c>
      <c r="AO15966">
        <v>64</v>
      </c>
      <c r="AP15966">
        <v>64</v>
      </c>
      <c r="AQ15966">
        <v>64</v>
      </c>
    </row>
    <row r="15967" spans="1:43">
      <c r="A15967" t="s">
        <v>9908</v>
      </c>
      <c r="B15967" t="s">
        <v>9909</v>
      </c>
      <c r="C15967" t="s">
        <v>9728</v>
      </c>
      <c r="D15967" t="s">
        <v>9729</v>
      </c>
      <c r="E15967" t="s">
        <v>9544</v>
      </c>
      <c r="F15967" t="s">
        <v>9545</v>
      </c>
      <c r="G15967" t="s">
        <v>80</v>
      </c>
      <c r="H15967" t="s">
        <v>81</v>
      </c>
      <c r="I15967" s="2">
        <v>0</v>
      </c>
      <c r="J15967" s="2">
        <v>1</v>
      </c>
      <c r="K15967" s="2">
        <v>0</v>
      </c>
      <c r="L15967" t="s">
        <v>82</v>
      </c>
      <c r="M15967" t="s">
        <v>87</v>
      </c>
      <c r="N15967" t="s">
        <v>88</v>
      </c>
      <c r="O15967" t="s">
        <v>85</v>
      </c>
      <c r="P15967" t="s">
        <v>86</v>
      </c>
      <c r="Q15967">
        <v>58</v>
      </c>
      <c r="R15967">
        <v>58</v>
      </c>
      <c r="S15967">
        <v>58</v>
      </c>
      <c r="T15967">
        <v>58</v>
      </c>
      <c r="U15967">
        <v>58</v>
      </c>
      <c r="V15967">
        <v>58</v>
      </c>
      <c r="W15967">
        <v>58</v>
      </c>
      <c r="X15967">
        <v>58</v>
      </c>
      <c r="Y15967">
        <v>58</v>
      </c>
      <c r="Z15967">
        <v>58</v>
      </c>
      <c r="AA15967">
        <v>58</v>
      </c>
      <c r="AB15967">
        <v>57</v>
      </c>
      <c r="AC15967">
        <v>57</v>
      </c>
      <c r="AD15967">
        <v>57</v>
      </c>
      <c r="AE15967">
        <v>57</v>
      </c>
      <c r="AF15967">
        <v>57</v>
      </c>
      <c r="AG15967">
        <v>57</v>
      </c>
      <c r="AH15967">
        <v>57</v>
      </c>
      <c r="AI15967">
        <v>57</v>
      </c>
      <c r="AJ15967">
        <v>57</v>
      </c>
      <c r="AK15967">
        <v>57</v>
      </c>
      <c r="AL15967">
        <v>56</v>
      </c>
      <c r="AM15967">
        <v>56</v>
      </c>
      <c r="AN15967">
        <v>56</v>
      </c>
      <c r="AO15967">
        <v>56</v>
      </c>
      <c r="AP15967">
        <v>56</v>
      </c>
      <c r="AQ15967">
        <v>56</v>
      </c>
    </row>
    <row r="15968" spans="1:43">
      <c r="A15968" t="s">
        <v>9908</v>
      </c>
      <c r="B15968" t="s">
        <v>9909</v>
      </c>
      <c r="C15968" t="s">
        <v>9728</v>
      </c>
      <c r="D15968" t="s">
        <v>9729</v>
      </c>
      <c r="E15968" t="s">
        <v>9544</v>
      </c>
      <c r="F15968" t="s">
        <v>9545</v>
      </c>
      <c r="G15968" t="s">
        <v>80</v>
      </c>
      <c r="H15968" t="s">
        <v>81</v>
      </c>
      <c r="I15968" s="2">
        <v>0</v>
      </c>
      <c r="J15968" s="2">
        <v>1</v>
      </c>
      <c r="K15968" s="2">
        <v>0</v>
      </c>
      <c r="L15968" t="s">
        <v>82</v>
      </c>
      <c r="M15968" t="s">
        <v>89</v>
      </c>
      <c r="N15968" t="s">
        <v>90</v>
      </c>
      <c r="O15968" t="s">
        <v>85</v>
      </c>
      <c r="P15968" t="s">
        <v>86</v>
      </c>
      <c r="Q15968">
        <v>58</v>
      </c>
      <c r="R15968">
        <v>59</v>
      </c>
      <c r="S15968">
        <v>60</v>
      </c>
      <c r="T15968">
        <v>61</v>
      </c>
      <c r="U15968">
        <v>62</v>
      </c>
      <c r="V15968">
        <v>63</v>
      </c>
      <c r="W15968">
        <v>64</v>
      </c>
      <c r="X15968">
        <v>64</v>
      </c>
      <c r="Y15968">
        <v>65</v>
      </c>
      <c r="Z15968">
        <v>66</v>
      </c>
      <c r="AA15968">
        <v>66</v>
      </c>
      <c r="AB15968">
        <v>67</v>
      </c>
      <c r="AC15968">
        <v>67</v>
      </c>
      <c r="AD15968">
        <v>68</v>
      </c>
      <c r="AE15968">
        <v>68</v>
      </c>
      <c r="AF15968">
        <v>68</v>
      </c>
      <c r="AG15968">
        <v>67</v>
      </c>
      <c r="AH15968">
        <v>67</v>
      </c>
      <c r="AI15968">
        <v>67</v>
      </c>
      <c r="AJ15968">
        <v>67</v>
      </c>
      <c r="AK15968">
        <v>66</v>
      </c>
      <c r="AL15968">
        <v>66</v>
      </c>
      <c r="AM15968">
        <v>66</v>
      </c>
      <c r="AN15968">
        <v>65</v>
      </c>
      <c r="AO15968">
        <v>65</v>
      </c>
      <c r="AP15968">
        <v>65</v>
      </c>
      <c r="AQ15968">
        <v>65</v>
      </c>
    </row>
    <row r="15969" spans="1:43">
      <c r="A15969" t="s">
        <v>9908</v>
      </c>
      <c r="B15969" t="s">
        <v>9909</v>
      </c>
      <c r="C15969" t="s">
        <v>9728</v>
      </c>
      <c r="D15969" t="s">
        <v>9729</v>
      </c>
      <c r="E15969" t="s">
        <v>9544</v>
      </c>
      <c r="F15969" t="s">
        <v>9545</v>
      </c>
      <c r="G15969" t="s">
        <v>80</v>
      </c>
      <c r="H15969" t="s">
        <v>81</v>
      </c>
      <c r="I15969" s="2">
        <v>0</v>
      </c>
      <c r="J15969" s="2">
        <v>1</v>
      </c>
      <c r="K15969" s="2">
        <v>0</v>
      </c>
      <c r="L15969" t="s">
        <v>82</v>
      </c>
      <c r="M15969" t="s">
        <v>83</v>
      </c>
      <c r="N15969" t="s">
        <v>91</v>
      </c>
      <c r="O15969" t="s">
        <v>85</v>
      </c>
      <c r="P15969" t="s">
        <v>86</v>
      </c>
      <c r="Q15969">
        <v>58</v>
      </c>
      <c r="R15969">
        <v>58</v>
      </c>
      <c r="S15969">
        <v>59</v>
      </c>
      <c r="T15969">
        <v>59</v>
      </c>
      <c r="U15969">
        <v>60</v>
      </c>
      <c r="V15969">
        <v>60</v>
      </c>
      <c r="W15969">
        <v>61</v>
      </c>
      <c r="X15969">
        <v>61</v>
      </c>
      <c r="Y15969">
        <v>61</v>
      </c>
      <c r="Z15969">
        <v>62</v>
      </c>
      <c r="AA15969">
        <v>62</v>
      </c>
      <c r="AB15969">
        <v>63</v>
      </c>
      <c r="AC15969">
        <v>63</v>
      </c>
      <c r="AD15969">
        <v>63</v>
      </c>
      <c r="AE15969">
        <v>63</v>
      </c>
      <c r="AF15969">
        <v>64</v>
      </c>
      <c r="AG15969">
        <v>64</v>
      </c>
      <c r="AH15969">
        <v>64</v>
      </c>
      <c r="AI15969">
        <v>65</v>
      </c>
      <c r="AJ15969">
        <v>65</v>
      </c>
      <c r="AK15969">
        <v>65</v>
      </c>
      <c r="AL15969">
        <v>65</v>
      </c>
      <c r="AM15969">
        <v>65</v>
      </c>
      <c r="AN15969">
        <v>64</v>
      </c>
      <c r="AO15969">
        <v>64</v>
      </c>
      <c r="AP15969">
        <v>64</v>
      </c>
      <c r="AQ15969">
        <v>64</v>
      </c>
    </row>
    <row r="15970" spans="1:43">
      <c r="A15970" t="s">
        <v>9910</v>
      </c>
      <c r="B15970" t="s">
        <v>9911</v>
      </c>
      <c r="C15970" t="s">
        <v>9598</v>
      </c>
      <c r="D15970" t="s">
        <v>9599</v>
      </c>
      <c r="E15970" t="s">
        <v>9544</v>
      </c>
      <c r="F15970" t="s">
        <v>9545</v>
      </c>
      <c r="G15970" t="s">
        <v>80</v>
      </c>
      <c r="H15970" t="s">
        <v>81</v>
      </c>
      <c r="I15970" s="2">
        <v>0</v>
      </c>
      <c r="J15970" s="2">
        <v>1</v>
      </c>
      <c r="K15970" s="2">
        <v>0</v>
      </c>
      <c r="L15970" t="s">
        <v>82</v>
      </c>
      <c r="M15970" t="s">
        <v>83</v>
      </c>
      <c r="N15970" t="s">
        <v>84</v>
      </c>
      <c r="O15970" t="s">
        <v>85</v>
      </c>
      <c r="P15970" t="s">
        <v>86</v>
      </c>
      <c r="Q15970">
        <v>33</v>
      </c>
      <c r="R15970">
        <v>33</v>
      </c>
      <c r="S15970">
        <v>33</v>
      </c>
      <c r="T15970">
        <v>34</v>
      </c>
      <c r="U15970">
        <v>34</v>
      </c>
      <c r="V15970">
        <v>34</v>
      </c>
      <c r="W15970">
        <v>34</v>
      </c>
      <c r="X15970">
        <v>34</v>
      </c>
      <c r="Y15970">
        <v>34</v>
      </c>
      <c r="Z15970">
        <v>35</v>
      </c>
      <c r="AA15970">
        <v>35</v>
      </c>
      <c r="AB15970">
        <v>35</v>
      </c>
      <c r="AC15970">
        <v>35</v>
      </c>
      <c r="AD15970">
        <v>35</v>
      </c>
      <c r="AE15970">
        <v>35</v>
      </c>
      <c r="AF15970">
        <v>35</v>
      </c>
      <c r="AG15970">
        <v>35</v>
      </c>
      <c r="AH15970">
        <v>35</v>
      </c>
      <c r="AI15970">
        <v>35</v>
      </c>
      <c r="AJ15970">
        <v>35</v>
      </c>
      <c r="AK15970">
        <v>35</v>
      </c>
      <c r="AL15970">
        <v>35</v>
      </c>
      <c r="AM15970">
        <v>35</v>
      </c>
      <c r="AN15970">
        <v>35</v>
      </c>
      <c r="AO15970">
        <v>34</v>
      </c>
      <c r="AP15970">
        <v>34</v>
      </c>
      <c r="AQ15970">
        <v>34</v>
      </c>
    </row>
    <row r="15971" spans="1:43">
      <c r="A15971" t="s">
        <v>9910</v>
      </c>
      <c r="B15971" t="s">
        <v>9911</v>
      </c>
      <c r="C15971" t="s">
        <v>9598</v>
      </c>
      <c r="D15971" t="s">
        <v>9599</v>
      </c>
      <c r="E15971" t="s">
        <v>9544</v>
      </c>
      <c r="F15971" t="s">
        <v>9545</v>
      </c>
      <c r="G15971" t="s">
        <v>80</v>
      </c>
      <c r="H15971" t="s">
        <v>81</v>
      </c>
      <c r="I15971" s="2">
        <v>0</v>
      </c>
      <c r="J15971" s="2">
        <v>1</v>
      </c>
      <c r="K15971" s="2">
        <v>0</v>
      </c>
      <c r="L15971" t="s">
        <v>82</v>
      </c>
      <c r="M15971" t="s">
        <v>87</v>
      </c>
      <c r="N15971" t="s">
        <v>88</v>
      </c>
      <c r="O15971" t="s">
        <v>85</v>
      </c>
      <c r="P15971" t="s">
        <v>86</v>
      </c>
      <c r="Q15971">
        <v>33</v>
      </c>
      <c r="R15971">
        <v>33</v>
      </c>
      <c r="S15971">
        <v>33</v>
      </c>
      <c r="T15971">
        <v>32</v>
      </c>
      <c r="U15971">
        <v>32</v>
      </c>
      <c r="V15971">
        <v>32</v>
      </c>
      <c r="W15971">
        <v>32</v>
      </c>
      <c r="X15971">
        <v>32</v>
      </c>
      <c r="Y15971">
        <v>32</v>
      </c>
      <c r="Z15971">
        <v>32</v>
      </c>
      <c r="AA15971">
        <v>32</v>
      </c>
      <c r="AB15971">
        <v>31</v>
      </c>
      <c r="AC15971">
        <v>31</v>
      </c>
      <c r="AD15971">
        <v>31</v>
      </c>
      <c r="AE15971">
        <v>31</v>
      </c>
      <c r="AF15971">
        <v>31</v>
      </c>
      <c r="AG15971">
        <v>31</v>
      </c>
      <c r="AH15971">
        <v>31</v>
      </c>
      <c r="AI15971">
        <v>30</v>
      </c>
      <c r="AJ15971">
        <v>30</v>
      </c>
      <c r="AK15971">
        <v>30</v>
      </c>
      <c r="AL15971">
        <v>30</v>
      </c>
      <c r="AM15971">
        <v>30</v>
      </c>
      <c r="AN15971">
        <v>30</v>
      </c>
      <c r="AO15971">
        <v>29</v>
      </c>
      <c r="AP15971">
        <v>29</v>
      </c>
      <c r="AQ15971">
        <v>29</v>
      </c>
    </row>
    <row r="15972" spans="1:43">
      <c r="A15972" t="s">
        <v>9910</v>
      </c>
      <c r="B15972" t="s">
        <v>9911</v>
      </c>
      <c r="C15972" t="s">
        <v>9598</v>
      </c>
      <c r="D15972" t="s">
        <v>9599</v>
      </c>
      <c r="E15972" t="s">
        <v>9544</v>
      </c>
      <c r="F15972" t="s">
        <v>9545</v>
      </c>
      <c r="G15972" t="s">
        <v>80</v>
      </c>
      <c r="H15972" t="s">
        <v>81</v>
      </c>
      <c r="I15972" s="2">
        <v>0</v>
      </c>
      <c r="J15972" s="2">
        <v>1</v>
      </c>
      <c r="K15972" s="2">
        <v>0</v>
      </c>
      <c r="L15972" t="s">
        <v>82</v>
      </c>
      <c r="M15972" t="s">
        <v>89</v>
      </c>
      <c r="N15972" t="s">
        <v>90</v>
      </c>
      <c r="O15972" t="s">
        <v>85</v>
      </c>
      <c r="P15972" t="s">
        <v>86</v>
      </c>
      <c r="Q15972">
        <v>33</v>
      </c>
      <c r="R15972">
        <v>34</v>
      </c>
      <c r="S15972">
        <v>34</v>
      </c>
      <c r="T15972">
        <v>35</v>
      </c>
      <c r="U15972">
        <v>35</v>
      </c>
      <c r="V15972">
        <v>36</v>
      </c>
      <c r="W15972">
        <v>36</v>
      </c>
      <c r="X15972">
        <v>36</v>
      </c>
      <c r="Y15972">
        <v>36</v>
      </c>
      <c r="Z15972">
        <v>37</v>
      </c>
      <c r="AA15972">
        <v>37</v>
      </c>
      <c r="AB15972">
        <v>37</v>
      </c>
      <c r="AC15972">
        <v>37</v>
      </c>
      <c r="AD15972">
        <v>38</v>
      </c>
      <c r="AE15972">
        <v>38</v>
      </c>
      <c r="AF15972">
        <v>37</v>
      </c>
      <c r="AG15972">
        <v>37</v>
      </c>
      <c r="AH15972">
        <v>37</v>
      </c>
      <c r="AI15972">
        <v>36</v>
      </c>
      <c r="AJ15972">
        <v>36</v>
      </c>
      <c r="AK15972">
        <v>36</v>
      </c>
      <c r="AL15972">
        <v>36</v>
      </c>
      <c r="AM15972">
        <v>35</v>
      </c>
      <c r="AN15972">
        <v>35</v>
      </c>
      <c r="AO15972">
        <v>35</v>
      </c>
      <c r="AP15972">
        <v>34</v>
      </c>
      <c r="AQ15972">
        <v>34</v>
      </c>
    </row>
    <row r="15973" spans="1:43">
      <c r="A15973" t="s">
        <v>9910</v>
      </c>
      <c r="B15973" t="s">
        <v>9911</v>
      </c>
      <c r="C15973" t="s">
        <v>9598</v>
      </c>
      <c r="D15973" t="s">
        <v>9599</v>
      </c>
      <c r="E15973" t="s">
        <v>9544</v>
      </c>
      <c r="F15973" t="s">
        <v>9545</v>
      </c>
      <c r="G15973" t="s">
        <v>80</v>
      </c>
      <c r="H15973" t="s">
        <v>81</v>
      </c>
      <c r="I15973" s="2">
        <v>0</v>
      </c>
      <c r="J15973" s="2">
        <v>1</v>
      </c>
      <c r="K15973" s="2">
        <v>0</v>
      </c>
      <c r="L15973" t="s">
        <v>82</v>
      </c>
      <c r="M15973" t="s">
        <v>83</v>
      </c>
      <c r="N15973" t="s">
        <v>91</v>
      </c>
      <c r="O15973" t="s">
        <v>85</v>
      </c>
      <c r="P15973" t="s">
        <v>86</v>
      </c>
      <c r="Q15973">
        <v>33</v>
      </c>
      <c r="R15973">
        <v>33</v>
      </c>
      <c r="S15973">
        <v>33</v>
      </c>
      <c r="T15973">
        <v>34</v>
      </c>
      <c r="U15973">
        <v>34</v>
      </c>
      <c r="V15973">
        <v>34</v>
      </c>
      <c r="W15973">
        <v>34</v>
      </c>
      <c r="X15973">
        <v>34</v>
      </c>
      <c r="Y15973">
        <v>34</v>
      </c>
      <c r="Z15973">
        <v>35</v>
      </c>
      <c r="AA15973">
        <v>35</v>
      </c>
      <c r="AB15973">
        <v>35</v>
      </c>
      <c r="AC15973">
        <v>35</v>
      </c>
      <c r="AD15973">
        <v>35</v>
      </c>
      <c r="AE15973">
        <v>35</v>
      </c>
      <c r="AF15973">
        <v>35</v>
      </c>
      <c r="AG15973">
        <v>35</v>
      </c>
      <c r="AH15973">
        <v>35</v>
      </c>
      <c r="AI15973">
        <v>35</v>
      </c>
      <c r="AJ15973">
        <v>35</v>
      </c>
      <c r="AK15973">
        <v>35</v>
      </c>
      <c r="AL15973">
        <v>35</v>
      </c>
      <c r="AM15973">
        <v>35</v>
      </c>
      <c r="AN15973">
        <v>35</v>
      </c>
      <c r="AO15973">
        <v>34</v>
      </c>
      <c r="AP15973">
        <v>34</v>
      </c>
      <c r="AQ15973">
        <v>34</v>
      </c>
    </row>
    <row r="15974" spans="1:43">
      <c r="A15974" t="s">
        <v>9912</v>
      </c>
      <c r="B15974" t="s">
        <v>9913</v>
      </c>
      <c r="C15974" t="s">
        <v>9914</v>
      </c>
      <c r="D15974" t="s">
        <v>9915</v>
      </c>
      <c r="E15974" t="s">
        <v>9544</v>
      </c>
      <c r="F15974" t="s">
        <v>9545</v>
      </c>
      <c r="G15974" t="s">
        <v>80</v>
      </c>
      <c r="H15974" t="s">
        <v>81</v>
      </c>
      <c r="I15974" s="2">
        <v>0</v>
      </c>
      <c r="J15974" s="2">
        <v>1</v>
      </c>
      <c r="K15974" s="2">
        <v>0</v>
      </c>
      <c r="L15974" t="s">
        <v>82</v>
      </c>
      <c r="M15974" t="s">
        <v>83</v>
      </c>
      <c r="N15974" t="s">
        <v>84</v>
      </c>
      <c r="O15974" t="s">
        <v>85</v>
      </c>
      <c r="P15974" t="s">
        <v>86</v>
      </c>
      <c r="Q15974">
        <v>18</v>
      </c>
      <c r="R15974">
        <v>18</v>
      </c>
      <c r="S15974">
        <v>18</v>
      </c>
      <c r="T15974">
        <v>18</v>
      </c>
      <c r="U15974">
        <v>18</v>
      </c>
      <c r="V15974">
        <v>18</v>
      </c>
      <c r="W15974">
        <v>18</v>
      </c>
      <c r="X15974">
        <v>18</v>
      </c>
      <c r="Y15974">
        <v>19</v>
      </c>
      <c r="Z15974">
        <v>19</v>
      </c>
      <c r="AA15974">
        <v>19</v>
      </c>
      <c r="AB15974">
        <v>19</v>
      </c>
      <c r="AC15974">
        <v>19</v>
      </c>
      <c r="AD15974">
        <v>19</v>
      </c>
      <c r="AE15974">
        <v>19</v>
      </c>
      <c r="AF15974">
        <v>19</v>
      </c>
      <c r="AG15974">
        <v>19</v>
      </c>
      <c r="AH15974">
        <v>19</v>
      </c>
      <c r="AI15974">
        <v>19</v>
      </c>
      <c r="AJ15974">
        <v>19</v>
      </c>
      <c r="AK15974">
        <v>19</v>
      </c>
      <c r="AL15974">
        <v>19</v>
      </c>
      <c r="AM15974">
        <v>19</v>
      </c>
      <c r="AN15974">
        <v>19</v>
      </c>
      <c r="AO15974">
        <v>19</v>
      </c>
      <c r="AP15974">
        <v>19</v>
      </c>
      <c r="AQ15974">
        <v>19</v>
      </c>
    </row>
    <row r="15975" spans="1:43">
      <c r="A15975" t="s">
        <v>9912</v>
      </c>
      <c r="B15975" t="s">
        <v>9913</v>
      </c>
      <c r="C15975" t="s">
        <v>9914</v>
      </c>
      <c r="D15975" t="s">
        <v>9915</v>
      </c>
      <c r="E15975" t="s">
        <v>9544</v>
      </c>
      <c r="F15975" t="s">
        <v>9545</v>
      </c>
      <c r="G15975" t="s">
        <v>80</v>
      </c>
      <c r="H15975" t="s">
        <v>81</v>
      </c>
      <c r="I15975" s="2">
        <v>0</v>
      </c>
      <c r="J15975" s="2">
        <v>1</v>
      </c>
      <c r="K15975" s="2">
        <v>0</v>
      </c>
      <c r="L15975" t="s">
        <v>82</v>
      </c>
      <c r="M15975" t="s">
        <v>87</v>
      </c>
      <c r="N15975" t="s">
        <v>88</v>
      </c>
      <c r="O15975" t="s">
        <v>85</v>
      </c>
      <c r="P15975" t="s">
        <v>86</v>
      </c>
      <c r="Q15975">
        <v>18</v>
      </c>
      <c r="R15975">
        <v>18</v>
      </c>
      <c r="S15975">
        <v>18</v>
      </c>
      <c r="T15975">
        <v>18</v>
      </c>
      <c r="U15975">
        <v>18</v>
      </c>
      <c r="V15975">
        <v>18</v>
      </c>
      <c r="W15975">
        <v>18</v>
      </c>
      <c r="X15975">
        <v>18</v>
      </c>
      <c r="Y15975">
        <v>18</v>
      </c>
      <c r="Z15975">
        <v>18</v>
      </c>
      <c r="AA15975">
        <v>18</v>
      </c>
      <c r="AB15975">
        <v>18</v>
      </c>
      <c r="AC15975">
        <v>18</v>
      </c>
      <c r="AD15975">
        <v>18</v>
      </c>
      <c r="AE15975">
        <v>18</v>
      </c>
      <c r="AF15975">
        <v>18</v>
      </c>
      <c r="AG15975">
        <v>18</v>
      </c>
      <c r="AH15975">
        <v>18</v>
      </c>
      <c r="AI15975">
        <v>18</v>
      </c>
      <c r="AJ15975">
        <v>18</v>
      </c>
      <c r="AK15975">
        <v>17</v>
      </c>
      <c r="AL15975">
        <v>17</v>
      </c>
      <c r="AM15975">
        <v>17</v>
      </c>
      <c r="AN15975">
        <v>17</v>
      </c>
      <c r="AO15975">
        <v>17</v>
      </c>
      <c r="AP15975">
        <v>17</v>
      </c>
      <c r="AQ15975">
        <v>17</v>
      </c>
    </row>
    <row r="15976" spans="1:43">
      <c r="A15976" t="s">
        <v>9912</v>
      </c>
      <c r="B15976" t="s">
        <v>9913</v>
      </c>
      <c r="C15976" t="s">
        <v>9914</v>
      </c>
      <c r="D15976" t="s">
        <v>9915</v>
      </c>
      <c r="E15976" t="s">
        <v>9544</v>
      </c>
      <c r="F15976" t="s">
        <v>9545</v>
      </c>
      <c r="G15976" t="s">
        <v>80</v>
      </c>
      <c r="H15976" t="s">
        <v>81</v>
      </c>
      <c r="I15976" s="2">
        <v>0</v>
      </c>
      <c r="J15976" s="2">
        <v>1</v>
      </c>
      <c r="K15976" s="2">
        <v>0</v>
      </c>
      <c r="L15976" t="s">
        <v>82</v>
      </c>
      <c r="M15976" t="s">
        <v>89</v>
      </c>
      <c r="N15976" t="s">
        <v>90</v>
      </c>
      <c r="O15976" t="s">
        <v>85</v>
      </c>
      <c r="P15976" t="s">
        <v>86</v>
      </c>
      <c r="Q15976">
        <v>18</v>
      </c>
      <c r="R15976">
        <v>18</v>
      </c>
      <c r="S15976">
        <v>18</v>
      </c>
      <c r="T15976">
        <v>19</v>
      </c>
      <c r="U15976">
        <v>19</v>
      </c>
      <c r="V15976">
        <v>19</v>
      </c>
      <c r="W15976">
        <v>19</v>
      </c>
      <c r="X15976">
        <v>19</v>
      </c>
      <c r="Y15976">
        <v>20</v>
      </c>
      <c r="Z15976">
        <v>20</v>
      </c>
      <c r="AA15976">
        <v>20</v>
      </c>
      <c r="AB15976">
        <v>20</v>
      </c>
      <c r="AC15976">
        <v>20</v>
      </c>
      <c r="AD15976">
        <v>20</v>
      </c>
      <c r="AE15976">
        <v>20</v>
      </c>
      <c r="AF15976">
        <v>20</v>
      </c>
      <c r="AG15976">
        <v>20</v>
      </c>
      <c r="AH15976">
        <v>20</v>
      </c>
      <c r="AI15976">
        <v>20</v>
      </c>
      <c r="AJ15976">
        <v>20</v>
      </c>
      <c r="AK15976">
        <v>20</v>
      </c>
      <c r="AL15976">
        <v>19</v>
      </c>
      <c r="AM15976">
        <v>19</v>
      </c>
      <c r="AN15976">
        <v>19</v>
      </c>
      <c r="AO15976">
        <v>19</v>
      </c>
      <c r="AP15976">
        <v>19</v>
      </c>
      <c r="AQ15976">
        <v>19</v>
      </c>
    </row>
    <row r="15977" spans="1:43">
      <c r="A15977" t="s">
        <v>9912</v>
      </c>
      <c r="B15977" t="s">
        <v>9913</v>
      </c>
      <c r="C15977" t="s">
        <v>9914</v>
      </c>
      <c r="D15977" t="s">
        <v>9915</v>
      </c>
      <c r="E15977" t="s">
        <v>9544</v>
      </c>
      <c r="F15977" t="s">
        <v>9545</v>
      </c>
      <c r="G15977" t="s">
        <v>80</v>
      </c>
      <c r="H15977" t="s">
        <v>81</v>
      </c>
      <c r="I15977" s="2">
        <v>0</v>
      </c>
      <c r="J15977" s="2">
        <v>1</v>
      </c>
      <c r="K15977" s="2">
        <v>0</v>
      </c>
      <c r="L15977" t="s">
        <v>82</v>
      </c>
      <c r="M15977" t="s">
        <v>83</v>
      </c>
      <c r="N15977" t="s">
        <v>91</v>
      </c>
      <c r="O15977" t="s">
        <v>85</v>
      </c>
      <c r="P15977" t="s">
        <v>86</v>
      </c>
      <c r="Q15977">
        <v>18</v>
      </c>
      <c r="R15977">
        <v>18</v>
      </c>
      <c r="S15977">
        <v>18</v>
      </c>
      <c r="T15977">
        <v>18</v>
      </c>
      <c r="U15977">
        <v>18</v>
      </c>
      <c r="V15977">
        <v>18</v>
      </c>
      <c r="W15977">
        <v>18</v>
      </c>
      <c r="X15977">
        <v>18</v>
      </c>
      <c r="Y15977">
        <v>19</v>
      </c>
      <c r="Z15977">
        <v>19</v>
      </c>
      <c r="AA15977">
        <v>19</v>
      </c>
      <c r="AB15977">
        <v>19</v>
      </c>
      <c r="AC15977">
        <v>19</v>
      </c>
      <c r="AD15977">
        <v>19</v>
      </c>
      <c r="AE15977">
        <v>19</v>
      </c>
      <c r="AF15977">
        <v>19</v>
      </c>
      <c r="AG15977">
        <v>19</v>
      </c>
      <c r="AH15977">
        <v>19</v>
      </c>
      <c r="AI15977">
        <v>19</v>
      </c>
      <c r="AJ15977">
        <v>19</v>
      </c>
      <c r="AK15977">
        <v>19</v>
      </c>
      <c r="AL15977">
        <v>19</v>
      </c>
      <c r="AM15977">
        <v>19</v>
      </c>
      <c r="AN15977">
        <v>19</v>
      </c>
      <c r="AO15977">
        <v>19</v>
      </c>
      <c r="AP15977">
        <v>19</v>
      </c>
      <c r="AQ15977">
        <v>19</v>
      </c>
    </row>
    <row r="15978" spans="1:43">
      <c r="A15978" t="s">
        <v>9916</v>
      </c>
      <c r="B15978" t="s">
        <v>9917</v>
      </c>
      <c r="C15978" t="s">
        <v>9616</v>
      </c>
      <c r="D15978" t="s">
        <v>9617</v>
      </c>
      <c r="E15978" t="s">
        <v>9544</v>
      </c>
      <c r="F15978" t="s">
        <v>9545</v>
      </c>
      <c r="G15978" t="s">
        <v>80</v>
      </c>
      <c r="H15978" t="s">
        <v>81</v>
      </c>
      <c r="I15978" s="2">
        <v>0</v>
      </c>
      <c r="J15978" s="2">
        <v>1</v>
      </c>
      <c r="K15978" s="2">
        <v>0</v>
      </c>
      <c r="L15978" t="s">
        <v>82</v>
      </c>
      <c r="M15978" t="s">
        <v>83</v>
      </c>
      <c r="N15978" t="s">
        <v>84</v>
      </c>
      <c r="O15978" t="s">
        <v>85</v>
      </c>
      <c r="P15978" t="s">
        <v>86</v>
      </c>
      <c r="Q15978">
        <v>7</v>
      </c>
      <c r="R15978">
        <v>7</v>
      </c>
      <c r="S15978">
        <v>7</v>
      </c>
      <c r="T15978">
        <v>7</v>
      </c>
      <c r="U15978">
        <v>7</v>
      </c>
      <c r="V15978">
        <v>8</v>
      </c>
      <c r="W15978">
        <v>8</v>
      </c>
      <c r="X15978">
        <v>8</v>
      </c>
      <c r="Y15978">
        <v>8</v>
      </c>
      <c r="Z15978">
        <v>8</v>
      </c>
      <c r="AA15978">
        <v>8</v>
      </c>
      <c r="AB15978">
        <v>8</v>
      </c>
      <c r="AC15978">
        <v>8</v>
      </c>
      <c r="AD15978">
        <v>8</v>
      </c>
      <c r="AE15978">
        <v>8</v>
      </c>
      <c r="AF15978">
        <v>8</v>
      </c>
      <c r="AG15978">
        <v>8</v>
      </c>
      <c r="AH15978">
        <v>8</v>
      </c>
      <c r="AI15978">
        <v>8</v>
      </c>
      <c r="AJ15978">
        <v>8</v>
      </c>
      <c r="AK15978">
        <v>8</v>
      </c>
      <c r="AL15978">
        <v>8</v>
      </c>
      <c r="AM15978">
        <v>8</v>
      </c>
      <c r="AN15978">
        <v>8</v>
      </c>
      <c r="AO15978">
        <v>8</v>
      </c>
      <c r="AP15978">
        <v>8</v>
      </c>
      <c r="AQ15978">
        <v>8</v>
      </c>
    </row>
    <row r="15979" spans="1:43">
      <c r="A15979" t="s">
        <v>9916</v>
      </c>
      <c r="B15979" t="s">
        <v>9917</v>
      </c>
      <c r="C15979" t="s">
        <v>9616</v>
      </c>
      <c r="D15979" t="s">
        <v>9617</v>
      </c>
      <c r="E15979" t="s">
        <v>9544</v>
      </c>
      <c r="F15979" t="s">
        <v>9545</v>
      </c>
      <c r="G15979" t="s">
        <v>80</v>
      </c>
      <c r="H15979" t="s">
        <v>81</v>
      </c>
      <c r="I15979" s="2">
        <v>0</v>
      </c>
      <c r="J15979" s="2">
        <v>1</v>
      </c>
      <c r="K15979" s="2">
        <v>0</v>
      </c>
      <c r="L15979" t="s">
        <v>82</v>
      </c>
      <c r="M15979" t="s">
        <v>87</v>
      </c>
      <c r="N15979" t="s">
        <v>88</v>
      </c>
      <c r="O15979" t="s">
        <v>85</v>
      </c>
      <c r="P15979" t="s">
        <v>86</v>
      </c>
      <c r="Q15979">
        <v>7</v>
      </c>
      <c r="R15979">
        <v>7</v>
      </c>
      <c r="S15979">
        <v>7</v>
      </c>
      <c r="T15979">
        <v>7</v>
      </c>
      <c r="U15979">
        <v>7</v>
      </c>
      <c r="V15979">
        <v>7</v>
      </c>
      <c r="W15979">
        <v>7</v>
      </c>
      <c r="X15979">
        <v>7</v>
      </c>
      <c r="Y15979">
        <v>7</v>
      </c>
      <c r="Z15979">
        <v>7</v>
      </c>
      <c r="AA15979">
        <v>7</v>
      </c>
      <c r="AB15979">
        <v>7</v>
      </c>
      <c r="AC15979">
        <v>7</v>
      </c>
      <c r="AD15979">
        <v>7</v>
      </c>
      <c r="AE15979">
        <v>7</v>
      </c>
      <c r="AF15979">
        <v>7</v>
      </c>
      <c r="AG15979">
        <v>7</v>
      </c>
      <c r="AH15979">
        <v>7</v>
      </c>
      <c r="AI15979">
        <v>7</v>
      </c>
      <c r="AJ15979">
        <v>7</v>
      </c>
      <c r="AK15979">
        <v>7</v>
      </c>
      <c r="AL15979">
        <v>7</v>
      </c>
      <c r="AM15979">
        <v>7</v>
      </c>
      <c r="AN15979">
        <v>7</v>
      </c>
      <c r="AO15979">
        <v>7</v>
      </c>
      <c r="AP15979">
        <v>7</v>
      </c>
      <c r="AQ15979">
        <v>7</v>
      </c>
    </row>
    <row r="15980" spans="1:43">
      <c r="A15980" t="s">
        <v>9916</v>
      </c>
      <c r="B15980" t="s">
        <v>9917</v>
      </c>
      <c r="C15980" t="s">
        <v>9616</v>
      </c>
      <c r="D15980" t="s">
        <v>9617</v>
      </c>
      <c r="E15980" t="s">
        <v>9544</v>
      </c>
      <c r="F15980" t="s">
        <v>9545</v>
      </c>
      <c r="G15980" t="s">
        <v>80</v>
      </c>
      <c r="H15980" t="s">
        <v>81</v>
      </c>
      <c r="I15980" s="2">
        <v>0</v>
      </c>
      <c r="J15980" s="2">
        <v>1</v>
      </c>
      <c r="K15980" s="2">
        <v>0</v>
      </c>
      <c r="L15980" t="s">
        <v>82</v>
      </c>
      <c r="M15980" t="s">
        <v>89</v>
      </c>
      <c r="N15980" t="s">
        <v>90</v>
      </c>
      <c r="O15980" t="s">
        <v>85</v>
      </c>
      <c r="P15980" t="s">
        <v>86</v>
      </c>
      <c r="Q15980">
        <v>7</v>
      </c>
      <c r="R15980">
        <v>7</v>
      </c>
      <c r="S15980">
        <v>8</v>
      </c>
      <c r="T15980">
        <v>8</v>
      </c>
      <c r="U15980">
        <v>8</v>
      </c>
      <c r="V15980">
        <v>8</v>
      </c>
      <c r="W15980">
        <v>8</v>
      </c>
      <c r="X15980">
        <v>8</v>
      </c>
      <c r="Y15980">
        <v>8</v>
      </c>
      <c r="Z15980">
        <v>8</v>
      </c>
      <c r="AA15980">
        <v>8</v>
      </c>
      <c r="AB15980">
        <v>8</v>
      </c>
      <c r="AC15980">
        <v>8</v>
      </c>
      <c r="AD15980">
        <v>8</v>
      </c>
      <c r="AE15980">
        <v>8</v>
      </c>
      <c r="AF15980">
        <v>8</v>
      </c>
      <c r="AG15980">
        <v>8</v>
      </c>
      <c r="AH15980">
        <v>8</v>
      </c>
      <c r="AI15980">
        <v>8</v>
      </c>
      <c r="AJ15980">
        <v>8</v>
      </c>
      <c r="AK15980">
        <v>8</v>
      </c>
      <c r="AL15980">
        <v>8</v>
      </c>
      <c r="AM15980">
        <v>8</v>
      </c>
      <c r="AN15980">
        <v>8</v>
      </c>
      <c r="AO15980">
        <v>8</v>
      </c>
      <c r="AP15980">
        <v>8</v>
      </c>
      <c r="AQ15980">
        <v>8</v>
      </c>
    </row>
    <row r="15981" spans="1:43">
      <c r="A15981" t="s">
        <v>9916</v>
      </c>
      <c r="B15981" t="s">
        <v>9917</v>
      </c>
      <c r="C15981" t="s">
        <v>9616</v>
      </c>
      <c r="D15981" t="s">
        <v>9617</v>
      </c>
      <c r="E15981" t="s">
        <v>9544</v>
      </c>
      <c r="F15981" t="s">
        <v>9545</v>
      </c>
      <c r="G15981" t="s">
        <v>80</v>
      </c>
      <c r="H15981" t="s">
        <v>81</v>
      </c>
      <c r="I15981" s="2">
        <v>0</v>
      </c>
      <c r="J15981" s="2">
        <v>1</v>
      </c>
      <c r="K15981" s="2">
        <v>0</v>
      </c>
      <c r="L15981" t="s">
        <v>82</v>
      </c>
      <c r="M15981" t="s">
        <v>83</v>
      </c>
      <c r="N15981" t="s">
        <v>91</v>
      </c>
      <c r="O15981" t="s">
        <v>85</v>
      </c>
      <c r="P15981" t="s">
        <v>86</v>
      </c>
      <c r="Q15981">
        <v>7</v>
      </c>
      <c r="R15981">
        <v>7</v>
      </c>
      <c r="S15981">
        <v>7</v>
      </c>
      <c r="T15981">
        <v>7</v>
      </c>
      <c r="U15981">
        <v>7</v>
      </c>
      <c r="V15981">
        <v>8</v>
      </c>
      <c r="W15981">
        <v>8</v>
      </c>
      <c r="X15981">
        <v>8</v>
      </c>
      <c r="Y15981">
        <v>8</v>
      </c>
      <c r="Z15981">
        <v>8</v>
      </c>
      <c r="AA15981">
        <v>8</v>
      </c>
      <c r="AB15981">
        <v>8</v>
      </c>
      <c r="AC15981">
        <v>8</v>
      </c>
      <c r="AD15981">
        <v>8</v>
      </c>
      <c r="AE15981">
        <v>8</v>
      </c>
      <c r="AF15981">
        <v>8</v>
      </c>
      <c r="AG15981">
        <v>8</v>
      </c>
      <c r="AH15981">
        <v>8</v>
      </c>
      <c r="AI15981">
        <v>8</v>
      </c>
      <c r="AJ15981">
        <v>8</v>
      </c>
      <c r="AK15981">
        <v>8</v>
      </c>
      <c r="AL15981">
        <v>8</v>
      </c>
      <c r="AM15981">
        <v>8</v>
      </c>
      <c r="AN15981">
        <v>8</v>
      </c>
      <c r="AO15981">
        <v>8</v>
      </c>
      <c r="AP15981">
        <v>8</v>
      </c>
      <c r="AQ15981">
        <v>8</v>
      </c>
    </row>
    <row r="15982" spans="1:43">
      <c r="A15982" t="s">
        <v>9918</v>
      </c>
      <c r="B15982" t="s">
        <v>9919</v>
      </c>
      <c r="C15982" t="s">
        <v>9914</v>
      </c>
      <c r="D15982" t="s">
        <v>9915</v>
      </c>
      <c r="E15982" t="s">
        <v>9544</v>
      </c>
      <c r="F15982" t="s">
        <v>9545</v>
      </c>
      <c r="G15982" t="s">
        <v>80</v>
      </c>
      <c r="H15982" t="s">
        <v>81</v>
      </c>
      <c r="I15982" s="2">
        <v>0</v>
      </c>
      <c r="J15982" s="2">
        <v>1</v>
      </c>
      <c r="K15982" s="2">
        <v>0</v>
      </c>
      <c r="L15982" t="s">
        <v>82</v>
      </c>
      <c r="M15982" t="s">
        <v>83</v>
      </c>
      <c r="N15982" t="s">
        <v>84</v>
      </c>
      <c r="O15982" t="s">
        <v>85</v>
      </c>
      <c r="P15982" t="s">
        <v>86</v>
      </c>
      <c r="Q15982">
        <v>16</v>
      </c>
      <c r="R15982">
        <v>16</v>
      </c>
      <c r="S15982">
        <v>16</v>
      </c>
      <c r="T15982">
        <v>16</v>
      </c>
      <c r="U15982">
        <v>16</v>
      </c>
      <c r="V15982">
        <v>16</v>
      </c>
      <c r="W15982">
        <v>16</v>
      </c>
      <c r="X15982">
        <v>16</v>
      </c>
      <c r="Y15982">
        <v>17</v>
      </c>
      <c r="Z15982">
        <v>17</v>
      </c>
      <c r="AA15982">
        <v>17</v>
      </c>
      <c r="AB15982">
        <v>17</v>
      </c>
      <c r="AC15982">
        <v>17</v>
      </c>
      <c r="AD15982">
        <v>17</v>
      </c>
      <c r="AE15982">
        <v>17</v>
      </c>
      <c r="AF15982">
        <v>17</v>
      </c>
      <c r="AG15982">
        <v>17</v>
      </c>
      <c r="AH15982">
        <v>17</v>
      </c>
      <c r="AI15982">
        <v>17</v>
      </c>
      <c r="AJ15982">
        <v>17</v>
      </c>
      <c r="AK15982">
        <v>17</v>
      </c>
      <c r="AL15982">
        <v>17</v>
      </c>
      <c r="AM15982">
        <v>17</v>
      </c>
      <c r="AN15982">
        <v>17</v>
      </c>
      <c r="AO15982">
        <v>17</v>
      </c>
      <c r="AP15982">
        <v>16</v>
      </c>
      <c r="AQ15982">
        <v>16</v>
      </c>
    </row>
    <row r="15983" spans="1:43">
      <c r="A15983" t="s">
        <v>9918</v>
      </c>
      <c r="B15983" t="s">
        <v>9919</v>
      </c>
      <c r="C15983" t="s">
        <v>9914</v>
      </c>
      <c r="D15983" t="s">
        <v>9915</v>
      </c>
      <c r="E15983" t="s">
        <v>9544</v>
      </c>
      <c r="F15983" t="s">
        <v>9545</v>
      </c>
      <c r="G15983" t="s">
        <v>80</v>
      </c>
      <c r="H15983" t="s">
        <v>81</v>
      </c>
      <c r="I15983" s="2">
        <v>0</v>
      </c>
      <c r="J15983" s="2">
        <v>1</v>
      </c>
      <c r="K15983" s="2">
        <v>0</v>
      </c>
      <c r="L15983" t="s">
        <v>82</v>
      </c>
      <c r="M15983" t="s">
        <v>87</v>
      </c>
      <c r="N15983" t="s">
        <v>88</v>
      </c>
      <c r="O15983" t="s">
        <v>85</v>
      </c>
      <c r="P15983" t="s">
        <v>86</v>
      </c>
      <c r="Q15983">
        <v>16</v>
      </c>
      <c r="R15983">
        <v>16</v>
      </c>
      <c r="S15983">
        <v>16</v>
      </c>
      <c r="T15983">
        <v>16</v>
      </c>
      <c r="U15983">
        <v>15</v>
      </c>
      <c r="V15983">
        <v>15</v>
      </c>
      <c r="W15983">
        <v>15</v>
      </c>
      <c r="X15983">
        <v>15</v>
      </c>
      <c r="Y15983">
        <v>15</v>
      </c>
      <c r="Z15983">
        <v>15</v>
      </c>
      <c r="AA15983">
        <v>15</v>
      </c>
      <c r="AB15983">
        <v>15</v>
      </c>
      <c r="AC15983">
        <v>15</v>
      </c>
      <c r="AD15983">
        <v>15</v>
      </c>
      <c r="AE15983">
        <v>15</v>
      </c>
      <c r="AF15983">
        <v>15</v>
      </c>
      <c r="AG15983">
        <v>15</v>
      </c>
      <c r="AH15983">
        <v>15</v>
      </c>
      <c r="AI15983">
        <v>15</v>
      </c>
      <c r="AJ15983">
        <v>15</v>
      </c>
      <c r="AK15983">
        <v>15</v>
      </c>
      <c r="AL15983">
        <v>15</v>
      </c>
      <c r="AM15983">
        <v>14</v>
      </c>
      <c r="AN15983">
        <v>14</v>
      </c>
      <c r="AO15983">
        <v>14</v>
      </c>
      <c r="AP15983">
        <v>14</v>
      </c>
      <c r="AQ15983">
        <v>14</v>
      </c>
    </row>
    <row r="15984" spans="1:43">
      <c r="A15984" t="s">
        <v>9918</v>
      </c>
      <c r="B15984" t="s">
        <v>9919</v>
      </c>
      <c r="C15984" t="s">
        <v>9914</v>
      </c>
      <c r="D15984" t="s">
        <v>9915</v>
      </c>
      <c r="E15984" t="s">
        <v>9544</v>
      </c>
      <c r="F15984" t="s">
        <v>9545</v>
      </c>
      <c r="G15984" t="s">
        <v>80</v>
      </c>
      <c r="H15984" t="s">
        <v>81</v>
      </c>
      <c r="I15984" s="2">
        <v>0</v>
      </c>
      <c r="J15984" s="2">
        <v>1</v>
      </c>
      <c r="K15984" s="2">
        <v>0</v>
      </c>
      <c r="L15984" t="s">
        <v>82</v>
      </c>
      <c r="M15984" t="s">
        <v>89</v>
      </c>
      <c r="N15984" t="s">
        <v>90</v>
      </c>
      <c r="O15984" t="s">
        <v>85</v>
      </c>
      <c r="P15984" t="s">
        <v>86</v>
      </c>
      <c r="Q15984">
        <v>16</v>
      </c>
      <c r="R15984">
        <v>16</v>
      </c>
      <c r="S15984">
        <v>16</v>
      </c>
      <c r="T15984">
        <v>17</v>
      </c>
      <c r="U15984">
        <v>17</v>
      </c>
      <c r="V15984">
        <v>17</v>
      </c>
      <c r="W15984">
        <v>17</v>
      </c>
      <c r="X15984">
        <v>17</v>
      </c>
      <c r="Y15984">
        <v>18</v>
      </c>
      <c r="Z15984">
        <v>18</v>
      </c>
      <c r="AA15984">
        <v>18</v>
      </c>
      <c r="AB15984">
        <v>18</v>
      </c>
      <c r="AC15984">
        <v>18</v>
      </c>
      <c r="AD15984">
        <v>18</v>
      </c>
      <c r="AE15984">
        <v>18</v>
      </c>
      <c r="AF15984">
        <v>18</v>
      </c>
      <c r="AG15984">
        <v>18</v>
      </c>
      <c r="AH15984">
        <v>18</v>
      </c>
      <c r="AI15984">
        <v>18</v>
      </c>
      <c r="AJ15984">
        <v>17</v>
      </c>
      <c r="AK15984">
        <v>17</v>
      </c>
      <c r="AL15984">
        <v>17</v>
      </c>
      <c r="AM15984">
        <v>17</v>
      </c>
      <c r="AN15984">
        <v>17</v>
      </c>
      <c r="AO15984">
        <v>17</v>
      </c>
      <c r="AP15984">
        <v>17</v>
      </c>
      <c r="AQ15984">
        <v>16</v>
      </c>
    </row>
    <row r="15985" spans="1:43">
      <c r="A15985" t="s">
        <v>9918</v>
      </c>
      <c r="B15985" t="s">
        <v>9919</v>
      </c>
      <c r="C15985" t="s">
        <v>9914</v>
      </c>
      <c r="D15985" t="s">
        <v>9915</v>
      </c>
      <c r="E15985" t="s">
        <v>9544</v>
      </c>
      <c r="F15985" t="s">
        <v>9545</v>
      </c>
      <c r="G15985" t="s">
        <v>80</v>
      </c>
      <c r="H15985" t="s">
        <v>81</v>
      </c>
      <c r="I15985" s="2">
        <v>0</v>
      </c>
      <c r="J15985" s="2">
        <v>1</v>
      </c>
      <c r="K15985" s="2">
        <v>0</v>
      </c>
      <c r="L15985" t="s">
        <v>82</v>
      </c>
      <c r="M15985" t="s">
        <v>83</v>
      </c>
      <c r="N15985" t="s">
        <v>91</v>
      </c>
      <c r="O15985" t="s">
        <v>85</v>
      </c>
      <c r="P15985" t="s">
        <v>86</v>
      </c>
      <c r="Q15985">
        <v>16</v>
      </c>
      <c r="R15985">
        <v>16</v>
      </c>
      <c r="S15985">
        <v>16</v>
      </c>
      <c r="T15985">
        <v>16</v>
      </c>
      <c r="U15985">
        <v>16</v>
      </c>
      <c r="V15985">
        <v>16</v>
      </c>
      <c r="W15985">
        <v>16</v>
      </c>
      <c r="X15985">
        <v>16</v>
      </c>
      <c r="Y15985">
        <v>17</v>
      </c>
      <c r="Z15985">
        <v>17</v>
      </c>
      <c r="AA15985">
        <v>17</v>
      </c>
      <c r="AB15985">
        <v>17</v>
      </c>
      <c r="AC15985">
        <v>17</v>
      </c>
      <c r="AD15985">
        <v>17</v>
      </c>
      <c r="AE15985">
        <v>17</v>
      </c>
      <c r="AF15985">
        <v>17</v>
      </c>
      <c r="AG15985">
        <v>17</v>
      </c>
      <c r="AH15985">
        <v>17</v>
      </c>
      <c r="AI15985">
        <v>17</v>
      </c>
      <c r="AJ15985">
        <v>17</v>
      </c>
      <c r="AK15985">
        <v>17</v>
      </c>
      <c r="AL15985">
        <v>17</v>
      </c>
      <c r="AM15985">
        <v>17</v>
      </c>
      <c r="AN15985">
        <v>17</v>
      </c>
      <c r="AO15985">
        <v>17</v>
      </c>
      <c r="AP15985">
        <v>16</v>
      </c>
      <c r="AQ15985">
        <v>16</v>
      </c>
    </row>
    <row r="15986" spans="1:43">
      <c r="A15986" t="s">
        <v>9920</v>
      </c>
      <c r="B15986" t="s">
        <v>9921</v>
      </c>
      <c r="C15986" t="s">
        <v>9914</v>
      </c>
      <c r="D15986" t="s">
        <v>9915</v>
      </c>
      <c r="E15986" t="s">
        <v>9544</v>
      </c>
      <c r="F15986" t="s">
        <v>9545</v>
      </c>
      <c r="G15986" t="s">
        <v>80</v>
      </c>
      <c r="H15986" t="s">
        <v>81</v>
      </c>
      <c r="I15986" s="2">
        <v>0</v>
      </c>
      <c r="J15986" s="2">
        <v>1</v>
      </c>
      <c r="K15986" s="2">
        <v>0</v>
      </c>
      <c r="L15986" t="s">
        <v>82</v>
      </c>
      <c r="M15986" t="s">
        <v>83</v>
      </c>
      <c r="N15986" t="s">
        <v>84</v>
      </c>
      <c r="O15986" t="s">
        <v>85</v>
      </c>
      <c r="P15986" t="s">
        <v>86</v>
      </c>
      <c r="Q15986">
        <v>47</v>
      </c>
      <c r="R15986">
        <v>48</v>
      </c>
      <c r="S15986">
        <v>48</v>
      </c>
      <c r="T15986">
        <v>48</v>
      </c>
      <c r="U15986">
        <v>49</v>
      </c>
      <c r="V15986">
        <v>49</v>
      </c>
      <c r="W15986">
        <v>49</v>
      </c>
      <c r="X15986">
        <v>49</v>
      </c>
      <c r="Y15986">
        <v>50</v>
      </c>
      <c r="Z15986">
        <v>50</v>
      </c>
      <c r="AA15986">
        <v>50</v>
      </c>
      <c r="AB15986">
        <v>50</v>
      </c>
      <c r="AC15986">
        <v>50</v>
      </c>
      <c r="AD15986">
        <v>51</v>
      </c>
      <c r="AE15986">
        <v>51</v>
      </c>
      <c r="AF15986">
        <v>51</v>
      </c>
      <c r="AG15986">
        <v>51</v>
      </c>
      <c r="AH15986">
        <v>51</v>
      </c>
      <c r="AI15986">
        <v>51</v>
      </c>
      <c r="AJ15986">
        <v>51</v>
      </c>
      <c r="AK15986">
        <v>51</v>
      </c>
      <c r="AL15986">
        <v>51</v>
      </c>
      <c r="AM15986">
        <v>51</v>
      </c>
      <c r="AN15986">
        <v>50</v>
      </c>
      <c r="AO15986">
        <v>50</v>
      </c>
      <c r="AP15986">
        <v>49</v>
      </c>
      <c r="AQ15986">
        <v>49</v>
      </c>
    </row>
    <row r="15987" spans="1:43">
      <c r="A15987" t="s">
        <v>9920</v>
      </c>
      <c r="B15987" t="s">
        <v>9921</v>
      </c>
      <c r="C15987" t="s">
        <v>9914</v>
      </c>
      <c r="D15987" t="s">
        <v>9915</v>
      </c>
      <c r="E15987" t="s">
        <v>9544</v>
      </c>
      <c r="F15987" t="s">
        <v>9545</v>
      </c>
      <c r="G15987" t="s">
        <v>80</v>
      </c>
      <c r="H15987" t="s">
        <v>81</v>
      </c>
      <c r="I15987" s="2">
        <v>0</v>
      </c>
      <c r="J15987" s="2">
        <v>1</v>
      </c>
      <c r="K15987" s="2">
        <v>0</v>
      </c>
      <c r="L15987" t="s">
        <v>82</v>
      </c>
      <c r="M15987" t="s">
        <v>87</v>
      </c>
      <c r="N15987" t="s">
        <v>88</v>
      </c>
      <c r="O15987" t="s">
        <v>85</v>
      </c>
      <c r="P15987" t="s">
        <v>86</v>
      </c>
      <c r="Q15987">
        <v>47</v>
      </c>
      <c r="R15987">
        <v>47</v>
      </c>
      <c r="S15987">
        <v>47</v>
      </c>
      <c r="T15987">
        <v>47</v>
      </c>
      <c r="U15987">
        <v>47</v>
      </c>
      <c r="V15987">
        <v>46</v>
      </c>
      <c r="W15987">
        <v>46</v>
      </c>
      <c r="X15987">
        <v>46</v>
      </c>
      <c r="Y15987">
        <v>46</v>
      </c>
      <c r="Z15987">
        <v>46</v>
      </c>
      <c r="AA15987">
        <v>46</v>
      </c>
      <c r="AB15987">
        <v>45</v>
      </c>
      <c r="AC15987">
        <v>45</v>
      </c>
      <c r="AD15987">
        <v>45</v>
      </c>
      <c r="AE15987">
        <v>45</v>
      </c>
      <c r="AF15987">
        <v>45</v>
      </c>
      <c r="AG15987">
        <v>45</v>
      </c>
      <c r="AH15987">
        <v>44</v>
      </c>
      <c r="AI15987">
        <v>44</v>
      </c>
      <c r="AJ15987">
        <v>44</v>
      </c>
      <c r="AK15987">
        <v>44</v>
      </c>
      <c r="AL15987">
        <v>44</v>
      </c>
      <c r="AM15987">
        <v>44</v>
      </c>
      <c r="AN15987">
        <v>43</v>
      </c>
      <c r="AO15987">
        <v>43</v>
      </c>
      <c r="AP15987">
        <v>43</v>
      </c>
      <c r="AQ15987">
        <v>43</v>
      </c>
    </row>
    <row r="15988" spans="1:43">
      <c r="A15988" t="s">
        <v>9920</v>
      </c>
      <c r="B15988" t="s">
        <v>9921</v>
      </c>
      <c r="C15988" t="s">
        <v>9914</v>
      </c>
      <c r="D15988" t="s">
        <v>9915</v>
      </c>
      <c r="E15988" t="s">
        <v>9544</v>
      </c>
      <c r="F15988" t="s">
        <v>9545</v>
      </c>
      <c r="G15988" t="s">
        <v>80</v>
      </c>
      <c r="H15988" t="s">
        <v>81</v>
      </c>
      <c r="I15988" s="2">
        <v>0</v>
      </c>
      <c r="J15988" s="2">
        <v>1</v>
      </c>
      <c r="K15988" s="2">
        <v>0</v>
      </c>
      <c r="L15988" t="s">
        <v>82</v>
      </c>
      <c r="M15988" t="s">
        <v>89</v>
      </c>
      <c r="N15988" t="s">
        <v>90</v>
      </c>
      <c r="O15988" t="s">
        <v>85</v>
      </c>
      <c r="P15988" t="s">
        <v>86</v>
      </c>
      <c r="Q15988">
        <v>47</v>
      </c>
      <c r="R15988">
        <v>48</v>
      </c>
      <c r="S15988">
        <v>48</v>
      </c>
      <c r="T15988">
        <v>49</v>
      </c>
      <c r="U15988">
        <v>50</v>
      </c>
      <c r="V15988">
        <v>50</v>
      </c>
      <c r="W15988">
        <v>51</v>
      </c>
      <c r="X15988">
        <v>51</v>
      </c>
      <c r="Y15988">
        <v>52</v>
      </c>
      <c r="Z15988">
        <v>52</v>
      </c>
      <c r="AA15988">
        <v>52</v>
      </c>
      <c r="AB15988">
        <v>53</v>
      </c>
      <c r="AC15988">
        <v>53</v>
      </c>
      <c r="AD15988">
        <v>53</v>
      </c>
      <c r="AE15988">
        <v>53</v>
      </c>
      <c r="AF15988">
        <v>53</v>
      </c>
      <c r="AG15988">
        <v>53</v>
      </c>
      <c r="AH15988">
        <v>52</v>
      </c>
      <c r="AI15988">
        <v>52</v>
      </c>
      <c r="AJ15988">
        <v>51</v>
      </c>
      <c r="AK15988">
        <v>51</v>
      </c>
      <c r="AL15988">
        <v>51</v>
      </c>
      <c r="AM15988">
        <v>50</v>
      </c>
      <c r="AN15988">
        <v>50</v>
      </c>
      <c r="AO15988">
        <v>49</v>
      </c>
      <c r="AP15988">
        <v>49</v>
      </c>
      <c r="AQ15988">
        <v>49</v>
      </c>
    </row>
    <row r="15989" spans="1:43">
      <c r="A15989" t="s">
        <v>9920</v>
      </c>
      <c r="B15989" t="s">
        <v>9921</v>
      </c>
      <c r="C15989" t="s">
        <v>9914</v>
      </c>
      <c r="D15989" t="s">
        <v>9915</v>
      </c>
      <c r="E15989" t="s">
        <v>9544</v>
      </c>
      <c r="F15989" t="s">
        <v>9545</v>
      </c>
      <c r="G15989" t="s">
        <v>80</v>
      </c>
      <c r="H15989" t="s">
        <v>81</v>
      </c>
      <c r="I15989" s="2">
        <v>0</v>
      </c>
      <c r="J15989" s="2">
        <v>1</v>
      </c>
      <c r="K15989" s="2">
        <v>0</v>
      </c>
      <c r="L15989" t="s">
        <v>82</v>
      </c>
      <c r="M15989" t="s">
        <v>83</v>
      </c>
      <c r="N15989" t="s">
        <v>91</v>
      </c>
      <c r="O15989" t="s">
        <v>85</v>
      </c>
      <c r="P15989" t="s">
        <v>86</v>
      </c>
      <c r="Q15989">
        <v>47</v>
      </c>
      <c r="R15989">
        <v>48</v>
      </c>
      <c r="S15989">
        <v>48</v>
      </c>
      <c r="T15989">
        <v>48</v>
      </c>
      <c r="U15989">
        <v>49</v>
      </c>
      <c r="V15989">
        <v>49</v>
      </c>
      <c r="W15989">
        <v>49</v>
      </c>
      <c r="X15989">
        <v>49</v>
      </c>
      <c r="Y15989">
        <v>50</v>
      </c>
      <c r="Z15989">
        <v>50</v>
      </c>
      <c r="AA15989">
        <v>50</v>
      </c>
      <c r="AB15989">
        <v>50</v>
      </c>
      <c r="AC15989">
        <v>50</v>
      </c>
      <c r="AD15989">
        <v>51</v>
      </c>
      <c r="AE15989">
        <v>51</v>
      </c>
      <c r="AF15989">
        <v>51</v>
      </c>
      <c r="AG15989">
        <v>51</v>
      </c>
      <c r="AH15989">
        <v>51</v>
      </c>
      <c r="AI15989">
        <v>51</v>
      </c>
      <c r="AJ15989">
        <v>51</v>
      </c>
      <c r="AK15989">
        <v>51</v>
      </c>
      <c r="AL15989">
        <v>51</v>
      </c>
      <c r="AM15989">
        <v>51</v>
      </c>
      <c r="AN15989">
        <v>50</v>
      </c>
      <c r="AO15989">
        <v>50</v>
      </c>
      <c r="AP15989">
        <v>49</v>
      </c>
      <c r="AQ15989">
        <v>49</v>
      </c>
    </row>
    <row r="15990" spans="1:43">
      <c r="A15990" t="s">
        <v>9922</v>
      </c>
      <c r="B15990" t="s">
        <v>9923</v>
      </c>
      <c r="C15990" t="s">
        <v>9924</v>
      </c>
      <c r="D15990" t="s">
        <v>9925</v>
      </c>
      <c r="E15990" t="s">
        <v>9544</v>
      </c>
      <c r="F15990" t="s">
        <v>9545</v>
      </c>
      <c r="G15990" t="s">
        <v>80</v>
      </c>
      <c r="H15990" t="s">
        <v>81</v>
      </c>
      <c r="I15990" s="2">
        <v>0</v>
      </c>
      <c r="J15990" s="2">
        <v>1</v>
      </c>
      <c r="K15990" s="2">
        <v>0</v>
      </c>
      <c r="L15990" t="s">
        <v>82</v>
      </c>
      <c r="M15990" t="s">
        <v>83</v>
      </c>
      <c r="N15990" t="s">
        <v>84</v>
      </c>
      <c r="O15990" t="s">
        <v>85</v>
      </c>
      <c r="P15990" t="s">
        <v>86</v>
      </c>
      <c r="Q15990">
        <v>21</v>
      </c>
      <c r="R15990">
        <v>21</v>
      </c>
      <c r="S15990">
        <v>22</v>
      </c>
      <c r="T15990">
        <v>22</v>
      </c>
      <c r="U15990">
        <v>22</v>
      </c>
      <c r="V15990">
        <v>22</v>
      </c>
      <c r="W15990">
        <v>22</v>
      </c>
      <c r="X15990">
        <v>22</v>
      </c>
      <c r="Y15990">
        <v>22</v>
      </c>
      <c r="Z15990">
        <v>22</v>
      </c>
      <c r="AA15990">
        <v>23</v>
      </c>
      <c r="AB15990">
        <v>23</v>
      </c>
      <c r="AC15990">
        <v>23</v>
      </c>
      <c r="AD15990">
        <v>23</v>
      </c>
      <c r="AE15990">
        <v>23</v>
      </c>
      <c r="AF15990">
        <v>23</v>
      </c>
      <c r="AG15990">
        <v>23</v>
      </c>
      <c r="AH15990">
        <v>23</v>
      </c>
      <c r="AI15990">
        <v>23</v>
      </c>
      <c r="AJ15990">
        <v>23</v>
      </c>
      <c r="AK15990">
        <v>23</v>
      </c>
      <c r="AL15990">
        <v>23</v>
      </c>
      <c r="AM15990">
        <v>23</v>
      </c>
      <c r="AN15990">
        <v>23</v>
      </c>
      <c r="AO15990">
        <v>22</v>
      </c>
      <c r="AP15990">
        <v>22</v>
      </c>
      <c r="AQ15990">
        <v>22</v>
      </c>
    </row>
    <row r="15991" spans="1:43">
      <c r="A15991" t="s">
        <v>9922</v>
      </c>
      <c r="B15991" t="s">
        <v>9923</v>
      </c>
      <c r="C15991" t="s">
        <v>9924</v>
      </c>
      <c r="D15991" t="s">
        <v>9925</v>
      </c>
      <c r="E15991" t="s">
        <v>9544</v>
      </c>
      <c r="F15991" t="s">
        <v>9545</v>
      </c>
      <c r="G15991" t="s">
        <v>80</v>
      </c>
      <c r="H15991" t="s">
        <v>81</v>
      </c>
      <c r="I15991" s="2">
        <v>0</v>
      </c>
      <c r="J15991" s="2">
        <v>1</v>
      </c>
      <c r="K15991" s="2">
        <v>0</v>
      </c>
      <c r="L15991" t="s">
        <v>82</v>
      </c>
      <c r="M15991" t="s">
        <v>87</v>
      </c>
      <c r="N15991" t="s">
        <v>88</v>
      </c>
      <c r="O15991" t="s">
        <v>85</v>
      </c>
      <c r="P15991" t="s">
        <v>86</v>
      </c>
      <c r="Q15991">
        <v>21</v>
      </c>
      <c r="R15991">
        <v>21</v>
      </c>
      <c r="S15991">
        <v>21</v>
      </c>
      <c r="T15991">
        <v>21</v>
      </c>
      <c r="U15991">
        <v>21</v>
      </c>
      <c r="V15991">
        <v>21</v>
      </c>
      <c r="W15991">
        <v>21</v>
      </c>
      <c r="X15991">
        <v>21</v>
      </c>
      <c r="Y15991">
        <v>21</v>
      </c>
      <c r="Z15991">
        <v>21</v>
      </c>
      <c r="AA15991">
        <v>20</v>
      </c>
      <c r="AB15991">
        <v>20</v>
      </c>
      <c r="AC15991">
        <v>20</v>
      </c>
      <c r="AD15991">
        <v>20</v>
      </c>
      <c r="AE15991">
        <v>20</v>
      </c>
      <c r="AF15991">
        <v>20</v>
      </c>
      <c r="AG15991">
        <v>20</v>
      </c>
      <c r="AH15991">
        <v>20</v>
      </c>
      <c r="AI15991">
        <v>20</v>
      </c>
      <c r="AJ15991">
        <v>20</v>
      </c>
      <c r="AK15991">
        <v>20</v>
      </c>
      <c r="AL15991">
        <v>20</v>
      </c>
      <c r="AM15991">
        <v>20</v>
      </c>
      <c r="AN15991">
        <v>19</v>
      </c>
      <c r="AO15991">
        <v>19</v>
      </c>
      <c r="AP15991">
        <v>19</v>
      </c>
      <c r="AQ15991">
        <v>19</v>
      </c>
    </row>
    <row r="15992" spans="1:43">
      <c r="A15992" t="s">
        <v>9922</v>
      </c>
      <c r="B15992" t="s">
        <v>9923</v>
      </c>
      <c r="C15992" t="s">
        <v>9924</v>
      </c>
      <c r="D15992" t="s">
        <v>9925</v>
      </c>
      <c r="E15992" t="s">
        <v>9544</v>
      </c>
      <c r="F15992" t="s">
        <v>9545</v>
      </c>
      <c r="G15992" t="s">
        <v>80</v>
      </c>
      <c r="H15992" t="s">
        <v>81</v>
      </c>
      <c r="I15992" s="2">
        <v>0</v>
      </c>
      <c r="J15992" s="2">
        <v>1</v>
      </c>
      <c r="K15992" s="2">
        <v>0</v>
      </c>
      <c r="L15992" t="s">
        <v>82</v>
      </c>
      <c r="M15992" t="s">
        <v>89</v>
      </c>
      <c r="N15992" t="s">
        <v>90</v>
      </c>
      <c r="O15992" t="s">
        <v>85</v>
      </c>
      <c r="P15992" t="s">
        <v>86</v>
      </c>
      <c r="Q15992">
        <v>21</v>
      </c>
      <c r="R15992">
        <v>21</v>
      </c>
      <c r="S15992">
        <v>21</v>
      </c>
      <c r="T15992">
        <v>21</v>
      </c>
      <c r="U15992">
        <v>22</v>
      </c>
      <c r="V15992">
        <v>22</v>
      </c>
      <c r="W15992">
        <v>22</v>
      </c>
      <c r="X15992">
        <v>22</v>
      </c>
      <c r="Y15992">
        <v>23</v>
      </c>
      <c r="Z15992">
        <v>23</v>
      </c>
      <c r="AA15992">
        <v>23</v>
      </c>
      <c r="AB15992">
        <v>23</v>
      </c>
      <c r="AC15992">
        <v>23</v>
      </c>
      <c r="AD15992">
        <v>23</v>
      </c>
      <c r="AE15992">
        <v>23</v>
      </c>
      <c r="AF15992">
        <v>23</v>
      </c>
      <c r="AG15992">
        <v>23</v>
      </c>
      <c r="AH15992">
        <v>23</v>
      </c>
      <c r="AI15992">
        <v>23</v>
      </c>
      <c r="AJ15992">
        <v>22</v>
      </c>
      <c r="AK15992">
        <v>22</v>
      </c>
      <c r="AL15992">
        <v>22</v>
      </c>
      <c r="AM15992">
        <v>22</v>
      </c>
      <c r="AN15992">
        <v>22</v>
      </c>
      <c r="AO15992">
        <v>22</v>
      </c>
      <c r="AP15992">
        <v>21</v>
      </c>
      <c r="AQ15992">
        <v>21</v>
      </c>
    </row>
    <row r="15993" spans="1:43">
      <c r="A15993" t="s">
        <v>9922</v>
      </c>
      <c r="B15993" t="s">
        <v>9923</v>
      </c>
      <c r="C15993" t="s">
        <v>9924</v>
      </c>
      <c r="D15993" t="s">
        <v>9925</v>
      </c>
      <c r="E15993" t="s">
        <v>9544</v>
      </c>
      <c r="F15993" t="s">
        <v>9545</v>
      </c>
      <c r="G15993" t="s">
        <v>80</v>
      </c>
      <c r="H15993" t="s">
        <v>81</v>
      </c>
      <c r="I15993" s="2">
        <v>0</v>
      </c>
      <c r="J15993" s="2">
        <v>1</v>
      </c>
      <c r="K15993" s="2">
        <v>0</v>
      </c>
      <c r="L15993" t="s">
        <v>82</v>
      </c>
      <c r="M15993" t="s">
        <v>83</v>
      </c>
      <c r="N15993" t="s">
        <v>91</v>
      </c>
      <c r="O15993" t="s">
        <v>85</v>
      </c>
      <c r="P15993" t="s">
        <v>86</v>
      </c>
      <c r="Q15993">
        <v>21</v>
      </c>
      <c r="R15993">
        <v>21</v>
      </c>
      <c r="S15993">
        <v>22</v>
      </c>
      <c r="T15993">
        <v>22</v>
      </c>
      <c r="U15993">
        <v>22</v>
      </c>
      <c r="V15993">
        <v>22</v>
      </c>
      <c r="W15993">
        <v>22</v>
      </c>
      <c r="X15993">
        <v>22</v>
      </c>
      <c r="Y15993">
        <v>22</v>
      </c>
      <c r="Z15993">
        <v>22</v>
      </c>
      <c r="AA15993">
        <v>23</v>
      </c>
      <c r="AB15993">
        <v>23</v>
      </c>
      <c r="AC15993">
        <v>23</v>
      </c>
      <c r="AD15993">
        <v>23</v>
      </c>
      <c r="AE15993">
        <v>23</v>
      </c>
      <c r="AF15993">
        <v>23</v>
      </c>
      <c r="AG15993">
        <v>23</v>
      </c>
      <c r="AH15993">
        <v>23</v>
      </c>
      <c r="AI15993">
        <v>23</v>
      </c>
      <c r="AJ15993">
        <v>23</v>
      </c>
      <c r="AK15993">
        <v>23</v>
      </c>
      <c r="AL15993">
        <v>23</v>
      </c>
      <c r="AM15993">
        <v>23</v>
      </c>
      <c r="AN15993">
        <v>23</v>
      </c>
      <c r="AO15993">
        <v>22</v>
      </c>
      <c r="AP15993">
        <v>22</v>
      </c>
      <c r="AQ15993">
        <v>22</v>
      </c>
    </row>
    <row r="15994" spans="1:43">
      <c r="A15994" t="s">
        <v>9926</v>
      </c>
      <c r="B15994" t="s">
        <v>9927</v>
      </c>
      <c r="C15994" t="s">
        <v>9914</v>
      </c>
      <c r="D15994" t="s">
        <v>9915</v>
      </c>
      <c r="E15994" t="s">
        <v>9544</v>
      </c>
      <c r="F15994" t="s">
        <v>9545</v>
      </c>
      <c r="G15994" t="s">
        <v>80</v>
      </c>
      <c r="H15994" t="s">
        <v>81</v>
      </c>
      <c r="I15994" s="2">
        <v>0</v>
      </c>
      <c r="J15994" s="2">
        <v>1</v>
      </c>
      <c r="K15994" s="2">
        <v>0</v>
      </c>
      <c r="L15994" t="s">
        <v>82</v>
      </c>
      <c r="M15994" t="s">
        <v>83</v>
      </c>
      <c r="N15994" t="s">
        <v>84</v>
      </c>
      <c r="O15994" t="s">
        <v>85</v>
      </c>
      <c r="P15994" t="s">
        <v>86</v>
      </c>
      <c r="Q15994">
        <v>14</v>
      </c>
      <c r="R15994">
        <v>14</v>
      </c>
      <c r="S15994">
        <v>14</v>
      </c>
      <c r="T15994">
        <v>14</v>
      </c>
      <c r="U15994">
        <v>14</v>
      </c>
      <c r="V15994">
        <v>14</v>
      </c>
      <c r="W15994">
        <v>14</v>
      </c>
      <c r="X15994">
        <v>14</v>
      </c>
      <c r="Y15994">
        <v>14</v>
      </c>
      <c r="Z15994">
        <v>14</v>
      </c>
      <c r="AA15994">
        <v>14</v>
      </c>
      <c r="AB15994">
        <v>14</v>
      </c>
      <c r="AC15994">
        <v>14</v>
      </c>
      <c r="AD15994">
        <v>15</v>
      </c>
      <c r="AE15994">
        <v>15</v>
      </c>
      <c r="AF15994">
        <v>15</v>
      </c>
      <c r="AG15994">
        <v>15</v>
      </c>
      <c r="AH15994">
        <v>15</v>
      </c>
      <c r="AI15994">
        <v>15</v>
      </c>
      <c r="AJ15994">
        <v>15</v>
      </c>
      <c r="AK15994">
        <v>15</v>
      </c>
      <c r="AL15994">
        <v>15</v>
      </c>
      <c r="AM15994">
        <v>15</v>
      </c>
      <c r="AN15994">
        <v>14</v>
      </c>
      <c r="AO15994">
        <v>14</v>
      </c>
      <c r="AP15994">
        <v>14</v>
      </c>
      <c r="AQ15994">
        <v>14</v>
      </c>
    </row>
    <row r="15995" spans="1:43">
      <c r="A15995" t="s">
        <v>9926</v>
      </c>
      <c r="B15995" t="s">
        <v>9927</v>
      </c>
      <c r="C15995" t="s">
        <v>9914</v>
      </c>
      <c r="D15995" t="s">
        <v>9915</v>
      </c>
      <c r="E15995" t="s">
        <v>9544</v>
      </c>
      <c r="F15995" t="s">
        <v>9545</v>
      </c>
      <c r="G15995" t="s">
        <v>80</v>
      </c>
      <c r="H15995" t="s">
        <v>81</v>
      </c>
      <c r="I15995" s="2">
        <v>0</v>
      </c>
      <c r="J15995" s="2">
        <v>1</v>
      </c>
      <c r="K15995" s="2">
        <v>0</v>
      </c>
      <c r="L15995" t="s">
        <v>82</v>
      </c>
      <c r="M15995" t="s">
        <v>87</v>
      </c>
      <c r="N15995" t="s">
        <v>88</v>
      </c>
      <c r="O15995" t="s">
        <v>85</v>
      </c>
      <c r="P15995" t="s">
        <v>86</v>
      </c>
      <c r="Q15995">
        <v>14</v>
      </c>
      <c r="R15995">
        <v>13</v>
      </c>
      <c r="S15995">
        <v>13</v>
      </c>
      <c r="T15995">
        <v>13</v>
      </c>
      <c r="U15995">
        <v>13</v>
      </c>
      <c r="V15995">
        <v>13</v>
      </c>
      <c r="W15995">
        <v>13</v>
      </c>
      <c r="X15995">
        <v>13</v>
      </c>
      <c r="Y15995">
        <v>13</v>
      </c>
      <c r="Z15995">
        <v>13</v>
      </c>
      <c r="AA15995">
        <v>13</v>
      </c>
      <c r="AB15995">
        <v>13</v>
      </c>
      <c r="AC15995">
        <v>13</v>
      </c>
      <c r="AD15995">
        <v>13</v>
      </c>
      <c r="AE15995">
        <v>13</v>
      </c>
      <c r="AF15995">
        <v>13</v>
      </c>
      <c r="AG15995">
        <v>13</v>
      </c>
      <c r="AH15995">
        <v>13</v>
      </c>
      <c r="AI15995">
        <v>13</v>
      </c>
      <c r="AJ15995">
        <v>13</v>
      </c>
      <c r="AK15995">
        <v>13</v>
      </c>
      <c r="AL15995">
        <v>13</v>
      </c>
      <c r="AM15995">
        <v>12</v>
      </c>
      <c r="AN15995">
        <v>12</v>
      </c>
      <c r="AO15995">
        <v>12</v>
      </c>
      <c r="AP15995">
        <v>12</v>
      </c>
      <c r="AQ15995">
        <v>12</v>
      </c>
    </row>
    <row r="15996" spans="1:43">
      <c r="A15996" t="s">
        <v>9926</v>
      </c>
      <c r="B15996" t="s">
        <v>9927</v>
      </c>
      <c r="C15996" t="s">
        <v>9914</v>
      </c>
      <c r="D15996" t="s">
        <v>9915</v>
      </c>
      <c r="E15996" t="s">
        <v>9544</v>
      </c>
      <c r="F15996" t="s">
        <v>9545</v>
      </c>
      <c r="G15996" t="s">
        <v>80</v>
      </c>
      <c r="H15996" t="s">
        <v>81</v>
      </c>
      <c r="I15996" s="2">
        <v>0</v>
      </c>
      <c r="J15996" s="2">
        <v>1</v>
      </c>
      <c r="K15996" s="2">
        <v>0</v>
      </c>
      <c r="L15996" t="s">
        <v>82</v>
      </c>
      <c r="M15996" t="s">
        <v>89</v>
      </c>
      <c r="N15996" t="s">
        <v>90</v>
      </c>
      <c r="O15996" t="s">
        <v>85</v>
      </c>
      <c r="P15996" t="s">
        <v>86</v>
      </c>
      <c r="Q15996">
        <v>14</v>
      </c>
      <c r="R15996">
        <v>14</v>
      </c>
      <c r="S15996">
        <v>14</v>
      </c>
      <c r="T15996">
        <v>14</v>
      </c>
      <c r="U15996">
        <v>15</v>
      </c>
      <c r="V15996">
        <v>15</v>
      </c>
      <c r="W15996">
        <v>15</v>
      </c>
      <c r="X15996">
        <v>15</v>
      </c>
      <c r="Y15996">
        <v>15</v>
      </c>
      <c r="Z15996">
        <v>15</v>
      </c>
      <c r="AA15996">
        <v>15</v>
      </c>
      <c r="AB15996">
        <v>15</v>
      </c>
      <c r="AC15996">
        <v>15</v>
      </c>
      <c r="AD15996">
        <v>16</v>
      </c>
      <c r="AE15996">
        <v>16</v>
      </c>
      <c r="AF15996">
        <v>15</v>
      </c>
      <c r="AG15996">
        <v>15</v>
      </c>
      <c r="AH15996">
        <v>15</v>
      </c>
      <c r="AI15996">
        <v>15</v>
      </c>
      <c r="AJ15996">
        <v>15</v>
      </c>
      <c r="AK15996">
        <v>15</v>
      </c>
      <c r="AL15996">
        <v>15</v>
      </c>
      <c r="AM15996">
        <v>15</v>
      </c>
      <c r="AN15996">
        <v>15</v>
      </c>
      <c r="AO15996">
        <v>14</v>
      </c>
      <c r="AP15996">
        <v>14</v>
      </c>
      <c r="AQ15996">
        <v>14</v>
      </c>
    </row>
    <row r="15997" spans="1:43">
      <c r="A15997" t="s">
        <v>9926</v>
      </c>
      <c r="B15997" t="s">
        <v>9927</v>
      </c>
      <c r="C15997" t="s">
        <v>9914</v>
      </c>
      <c r="D15997" t="s">
        <v>9915</v>
      </c>
      <c r="E15997" t="s">
        <v>9544</v>
      </c>
      <c r="F15997" t="s">
        <v>9545</v>
      </c>
      <c r="G15997" t="s">
        <v>80</v>
      </c>
      <c r="H15997" t="s">
        <v>81</v>
      </c>
      <c r="I15997" s="2">
        <v>0</v>
      </c>
      <c r="J15997" s="2">
        <v>1</v>
      </c>
      <c r="K15997" s="2">
        <v>0</v>
      </c>
      <c r="L15997" t="s">
        <v>82</v>
      </c>
      <c r="M15997" t="s">
        <v>83</v>
      </c>
      <c r="N15997" t="s">
        <v>91</v>
      </c>
      <c r="O15997" t="s">
        <v>85</v>
      </c>
      <c r="P15997" t="s">
        <v>86</v>
      </c>
      <c r="Q15997">
        <v>14</v>
      </c>
      <c r="R15997">
        <v>14</v>
      </c>
      <c r="S15997">
        <v>14</v>
      </c>
      <c r="T15997">
        <v>14</v>
      </c>
      <c r="U15997">
        <v>14</v>
      </c>
      <c r="V15997">
        <v>14</v>
      </c>
      <c r="W15997">
        <v>14</v>
      </c>
      <c r="X15997">
        <v>14</v>
      </c>
      <c r="Y15997">
        <v>14</v>
      </c>
      <c r="Z15997">
        <v>14</v>
      </c>
      <c r="AA15997">
        <v>14</v>
      </c>
      <c r="AB15997">
        <v>14</v>
      </c>
      <c r="AC15997">
        <v>14</v>
      </c>
      <c r="AD15997">
        <v>15</v>
      </c>
      <c r="AE15997">
        <v>15</v>
      </c>
      <c r="AF15997">
        <v>15</v>
      </c>
      <c r="AG15997">
        <v>15</v>
      </c>
      <c r="AH15997">
        <v>15</v>
      </c>
      <c r="AI15997">
        <v>15</v>
      </c>
      <c r="AJ15997">
        <v>15</v>
      </c>
      <c r="AK15997">
        <v>15</v>
      </c>
      <c r="AL15997">
        <v>15</v>
      </c>
      <c r="AM15997">
        <v>15</v>
      </c>
      <c r="AN15997">
        <v>14</v>
      </c>
      <c r="AO15997">
        <v>14</v>
      </c>
      <c r="AP15997">
        <v>14</v>
      </c>
      <c r="AQ15997">
        <v>14</v>
      </c>
    </row>
    <row r="15998" spans="1:43">
      <c r="A15998" t="s">
        <v>9928</v>
      </c>
      <c r="B15998" t="s">
        <v>9929</v>
      </c>
      <c r="C15998" t="s">
        <v>9924</v>
      </c>
      <c r="D15998" t="s">
        <v>9925</v>
      </c>
      <c r="E15998" t="s">
        <v>9544</v>
      </c>
      <c r="F15998" t="s">
        <v>9545</v>
      </c>
      <c r="G15998" t="s">
        <v>80</v>
      </c>
      <c r="H15998" t="s">
        <v>81</v>
      </c>
      <c r="I15998" s="2">
        <v>0</v>
      </c>
      <c r="J15998" s="2">
        <v>1</v>
      </c>
      <c r="K15998" s="2">
        <v>0</v>
      </c>
      <c r="L15998" t="s">
        <v>82</v>
      </c>
      <c r="M15998" t="s">
        <v>83</v>
      </c>
      <c r="N15998" t="s">
        <v>84</v>
      </c>
      <c r="O15998" t="s">
        <v>85</v>
      </c>
      <c r="P15998" t="s">
        <v>86</v>
      </c>
      <c r="Q15998">
        <v>40</v>
      </c>
      <c r="R15998">
        <v>40</v>
      </c>
      <c r="S15998">
        <v>40</v>
      </c>
      <c r="T15998">
        <v>41</v>
      </c>
      <c r="U15998">
        <v>41</v>
      </c>
      <c r="V15998">
        <v>41</v>
      </c>
      <c r="W15998">
        <v>41</v>
      </c>
      <c r="X15998">
        <v>42</v>
      </c>
      <c r="Y15998">
        <v>42</v>
      </c>
      <c r="Z15998">
        <v>42</v>
      </c>
      <c r="AA15998">
        <v>42</v>
      </c>
      <c r="AB15998">
        <v>42</v>
      </c>
      <c r="AC15998">
        <v>43</v>
      </c>
      <c r="AD15998">
        <v>43</v>
      </c>
      <c r="AE15998">
        <v>43</v>
      </c>
      <c r="AF15998">
        <v>43</v>
      </c>
      <c r="AG15998">
        <v>43</v>
      </c>
      <c r="AH15998">
        <v>43</v>
      </c>
      <c r="AI15998">
        <v>43</v>
      </c>
      <c r="AJ15998">
        <v>43</v>
      </c>
      <c r="AK15998">
        <v>43</v>
      </c>
      <c r="AL15998">
        <v>43</v>
      </c>
      <c r="AM15998">
        <v>43</v>
      </c>
      <c r="AN15998">
        <v>43</v>
      </c>
      <c r="AO15998">
        <v>42</v>
      </c>
      <c r="AP15998">
        <v>42</v>
      </c>
      <c r="AQ15998">
        <v>42</v>
      </c>
    </row>
    <row r="15999" spans="1:43">
      <c r="A15999" t="s">
        <v>9928</v>
      </c>
      <c r="B15999" t="s">
        <v>9929</v>
      </c>
      <c r="C15999" t="s">
        <v>9924</v>
      </c>
      <c r="D15999" t="s">
        <v>9925</v>
      </c>
      <c r="E15999" t="s">
        <v>9544</v>
      </c>
      <c r="F15999" t="s">
        <v>9545</v>
      </c>
      <c r="G15999" t="s">
        <v>80</v>
      </c>
      <c r="H15999" t="s">
        <v>81</v>
      </c>
      <c r="I15999" s="2">
        <v>0</v>
      </c>
      <c r="J15999" s="2">
        <v>1</v>
      </c>
      <c r="K15999" s="2">
        <v>0</v>
      </c>
      <c r="L15999" t="s">
        <v>82</v>
      </c>
      <c r="M15999" t="s">
        <v>87</v>
      </c>
      <c r="N15999" t="s">
        <v>88</v>
      </c>
      <c r="O15999" t="s">
        <v>85</v>
      </c>
      <c r="P15999" t="s">
        <v>86</v>
      </c>
      <c r="Q15999">
        <v>40</v>
      </c>
      <c r="R15999">
        <v>39</v>
      </c>
      <c r="S15999">
        <v>39</v>
      </c>
      <c r="T15999">
        <v>39</v>
      </c>
      <c r="U15999">
        <v>39</v>
      </c>
      <c r="V15999">
        <v>39</v>
      </c>
      <c r="W15999">
        <v>39</v>
      </c>
      <c r="X15999">
        <v>39</v>
      </c>
      <c r="Y15999">
        <v>39</v>
      </c>
      <c r="Z15999">
        <v>39</v>
      </c>
      <c r="AA15999">
        <v>38</v>
      </c>
      <c r="AB15999">
        <v>38</v>
      </c>
      <c r="AC15999">
        <v>38</v>
      </c>
      <c r="AD15999">
        <v>38</v>
      </c>
      <c r="AE15999">
        <v>38</v>
      </c>
      <c r="AF15999">
        <v>38</v>
      </c>
      <c r="AG15999">
        <v>38</v>
      </c>
      <c r="AH15999">
        <v>38</v>
      </c>
      <c r="AI15999">
        <v>37</v>
      </c>
      <c r="AJ15999">
        <v>37</v>
      </c>
      <c r="AK15999">
        <v>37</v>
      </c>
      <c r="AL15999">
        <v>37</v>
      </c>
      <c r="AM15999">
        <v>37</v>
      </c>
      <c r="AN15999">
        <v>37</v>
      </c>
      <c r="AO15999">
        <v>37</v>
      </c>
      <c r="AP15999">
        <v>36</v>
      </c>
      <c r="AQ15999">
        <v>36</v>
      </c>
    </row>
    <row r="16000" spans="1:43">
      <c r="A16000" t="s">
        <v>9928</v>
      </c>
      <c r="B16000" t="s">
        <v>9929</v>
      </c>
      <c r="C16000" t="s">
        <v>9924</v>
      </c>
      <c r="D16000" t="s">
        <v>9925</v>
      </c>
      <c r="E16000" t="s">
        <v>9544</v>
      </c>
      <c r="F16000" t="s">
        <v>9545</v>
      </c>
      <c r="G16000" t="s">
        <v>80</v>
      </c>
      <c r="H16000" t="s">
        <v>81</v>
      </c>
      <c r="I16000" s="2">
        <v>0</v>
      </c>
      <c r="J16000" s="2">
        <v>1</v>
      </c>
      <c r="K16000" s="2">
        <v>0</v>
      </c>
      <c r="L16000" t="s">
        <v>82</v>
      </c>
      <c r="M16000" t="s">
        <v>89</v>
      </c>
      <c r="N16000" t="s">
        <v>90</v>
      </c>
      <c r="O16000" t="s">
        <v>85</v>
      </c>
      <c r="P16000" t="s">
        <v>86</v>
      </c>
      <c r="Q16000">
        <v>40</v>
      </c>
      <c r="R16000">
        <v>41</v>
      </c>
      <c r="S16000">
        <v>41</v>
      </c>
      <c r="T16000">
        <v>42</v>
      </c>
      <c r="U16000">
        <v>43</v>
      </c>
      <c r="V16000">
        <v>43</v>
      </c>
      <c r="W16000">
        <v>44</v>
      </c>
      <c r="X16000">
        <v>44</v>
      </c>
      <c r="Y16000">
        <v>44</v>
      </c>
      <c r="Z16000">
        <v>45</v>
      </c>
      <c r="AA16000">
        <v>45</v>
      </c>
      <c r="AB16000">
        <v>45</v>
      </c>
      <c r="AC16000">
        <v>46</v>
      </c>
      <c r="AD16000">
        <v>46</v>
      </c>
      <c r="AE16000">
        <v>46</v>
      </c>
      <c r="AF16000">
        <v>46</v>
      </c>
      <c r="AG16000">
        <v>45</v>
      </c>
      <c r="AH16000">
        <v>45</v>
      </c>
      <c r="AI16000">
        <v>45</v>
      </c>
      <c r="AJ16000">
        <v>44</v>
      </c>
      <c r="AK16000">
        <v>44</v>
      </c>
      <c r="AL16000">
        <v>44</v>
      </c>
      <c r="AM16000">
        <v>43</v>
      </c>
      <c r="AN16000">
        <v>43</v>
      </c>
      <c r="AO16000">
        <v>43</v>
      </c>
      <c r="AP16000">
        <v>42</v>
      </c>
      <c r="AQ16000">
        <v>42</v>
      </c>
    </row>
    <row r="16001" spans="1:43">
      <c r="A16001" t="s">
        <v>9928</v>
      </c>
      <c r="B16001" t="s">
        <v>9929</v>
      </c>
      <c r="C16001" t="s">
        <v>9924</v>
      </c>
      <c r="D16001" t="s">
        <v>9925</v>
      </c>
      <c r="E16001" t="s">
        <v>9544</v>
      </c>
      <c r="F16001" t="s">
        <v>9545</v>
      </c>
      <c r="G16001" t="s">
        <v>80</v>
      </c>
      <c r="H16001" t="s">
        <v>81</v>
      </c>
      <c r="I16001" s="2">
        <v>0</v>
      </c>
      <c r="J16001" s="2">
        <v>1</v>
      </c>
      <c r="K16001" s="2">
        <v>0</v>
      </c>
      <c r="L16001" t="s">
        <v>82</v>
      </c>
      <c r="M16001" t="s">
        <v>83</v>
      </c>
      <c r="N16001" t="s">
        <v>91</v>
      </c>
      <c r="O16001" t="s">
        <v>85</v>
      </c>
      <c r="P16001" t="s">
        <v>86</v>
      </c>
      <c r="Q16001">
        <v>40</v>
      </c>
      <c r="R16001">
        <v>40</v>
      </c>
      <c r="S16001">
        <v>40</v>
      </c>
      <c r="T16001">
        <v>41</v>
      </c>
      <c r="U16001">
        <v>41</v>
      </c>
      <c r="V16001">
        <v>41</v>
      </c>
      <c r="W16001">
        <v>41</v>
      </c>
      <c r="X16001">
        <v>42</v>
      </c>
      <c r="Y16001">
        <v>42</v>
      </c>
      <c r="Z16001">
        <v>42</v>
      </c>
      <c r="AA16001">
        <v>42</v>
      </c>
      <c r="AB16001">
        <v>42</v>
      </c>
      <c r="AC16001">
        <v>43</v>
      </c>
      <c r="AD16001">
        <v>43</v>
      </c>
      <c r="AE16001">
        <v>43</v>
      </c>
      <c r="AF16001">
        <v>43</v>
      </c>
      <c r="AG16001">
        <v>43</v>
      </c>
      <c r="AH16001">
        <v>43</v>
      </c>
      <c r="AI16001">
        <v>43</v>
      </c>
      <c r="AJ16001">
        <v>43</v>
      </c>
      <c r="AK16001">
        <v>43</v>
      </c>
      <c r="AL16001">
        <v>43</v>
      </c>
      <c r="AM16001">
        <v>43</v>
      </c>
      <c r="AN16001">
        <v>43</v>
      </c>
      <c r="AO16001">
        <v>42</v>
      </c>
      <c r="AP16001">
        <v>42</v>
      </c>
      <c r="AQ16001">
        <v>42</v>
      </c>
    </row>
    <row r="16002" spans="1:43">
      <c r="A16002" t="s">
        <v>9930</v>
      </c>
      <c r="B16002" t="s">
        <v>9931</v>
      </c>
      <c r="C16002" t="s">
        <v>9924</v>
      </c>
      <c r="D16002" t="s">
        <v>9925</v>
      </c>
      <c r="E16002" t="s">
        <v>9544</v>
      </c>
      <c r="F16002" t="s">
        <v>9545</v>
      </c>
      <c r="G16002" t="s">
        <v>80</v>
      </c>
      <c r="H16002" t="s">
        <v>81</v>
      </c>
      <c r="I16002" s="2">
        <v>0</v>
      </c>
      <c r="J16002" s="2">
        <v>1</v>
      </c>
      <c r="K16002" s="2">
        <v>0</v>
      </c>
      <c r="L16002" t="s">
        <v>82</v>
      </c>
      <c r="M16002" t="s">
        <v>83</v>
      </c>
      <c r="N16002" t="s">
        <v>84</v>
      </c>
      <c r="O16002" t="s">
        <v>85</v>
      </c>
      <c r="P16002" t="s">
        <v>86</v>
      </c>
      <c r="Q16002">
        <v>20</v>
      </c>
      <c r="R16002">
        <v>20</v>
      </c>
      <c r="S16002">
        <v>20</v>
      </c>
      <c r="T16002">
        <v>20</v>
      </c>
      <c r="U16002">
        <v>20</v>
      </c>
      <c r="V16002">
        <v>20</v>
      </c>
      <c r="W16002">
        <v>20</v>
      </c>
      <c r="X16002">
        <v>20</v>
      </c>
      <c r="Y16002">
        <v>20</v>
      </c>
      <c r="Z16002">
        <v>21</v>
      </c>
      <c r="AA16002">
        <v>21</v>
      </c>
      <c r="AB16002">
        <v>21</v>
      </c>
      <c r="AC16002">
        <v>21</v>
      </c>
      <c r="AD16002">
        <v>21</v>
      </c>
      <c r="AE16002">
        <v>21</v>
      </c>
      <c r="AF16002">
        <v>21</v>
      </c>
      <c r="AG16002">
        <v>21</v>
      </c>
      <c r="AH16002">
        <v>21</v>
      </c>
      <c r="AI16002">
        <v>21</v>
      </c>
      <c r="AJ16002">
        <v>21</v>
      </c>
      <c r="AK16002">
        <v>21</v>
      </c>
      <c r="AL16002">
        <v>21</v>
      </c>
      <c r="AM16002">
        <v>21</v>
      </c>
      <c r="AN16002">
        <v>21</v>
      </c>
      <c r="AO16002">
        <v>21</v>
      </c>
      <c r="AP16002">
        <v>20</v>
      </c>
      <c r="AQ16002">
        <v>20</v>
      </c>
    </row>
    <row r="16003" spans="1:43">
      <c r="A16003" t="s">
        <v>9930</v>
      </c>
      <c r="B16003" t="s">
        <v>9931</v>
      </c>
      <c r="C16003" t="s">
        <v>9924</v>
      </c>
      <c r="D16003" t="s">
        <v>9925</v>
      </c>
      <c r="E16003" t="s">
        <v>9544</v>
      </c>
      <c r="F16003" t="s">
        <v>9545</v>
      </c>
      <c r="G16003" t="s">
        <v>80</v>
      </c>
      <c r="H16003" t="s">
        <v>81</v>
      </c>
      <c r="I16003" s="2">
        <v>0</v>
      </c>
      <c r="J16003" s="2">
        <v>1</v>
      </c>
      <c r="K16003" s="2">
        <v>0</v>
      </c>
      <c r="L16003" t="s">
        <v>82</v>
      </c>
      <c r="M16003" t="s">
        <v>87</v>
      </c>
      <c r="N16003" t="s">
        <v>88</v>
      </c>
      <c r="O16003" t="s">
        <v>85</v>
      </c>
      <c r="P16003" t="s">
        <v>86</v>
      </c>
      <c r="Q16003">
        <v>20</v>
      </c>
      <c r="R16003">
        <v>20</v>
      </c>
      <c r="S16003">
        <v>20</v>
      </c>
      <c r="T16003">
        <v>20</v>
      </c>
      <c r="U16003">
        <v>20</v>
      </c>
      <c r="V16003">
        <v>20</v>
      </c>
      <c r="W16003">
        <v>20</v>
      </c>
      <c r="X16003">
        <v>20</v>
      </c>
      <c r="Y16003">
        <v>20</v>
      </c>
      <c r="Z16003">
        <v>20</v>
      </c>
      <c r="AA16003">
        <v>20</v>
      </c>
      <c r="AB16003">
        <v>20</v>
      </c>
      <c r="AC16003">
        <v>20</v>
      </c>
      <c r="AD16003">
        <v>20</v>
      </c>
      <c r="AE16003">
        <v>20</v>
      </c>
      <c r="AF16003">
        <v>19</v>
      </c>
      <c r="AG16003">
        <v>19</v>
      </c>
      <c r="AH16003">
        <v>19</v>
      </c>
      <c r="AI16003">
        <v>19</v>
      </c>
      <c r="AJ16003">
        <v>19</v>
      </c>
      <c r="AK16003">
        <v>19</v>
      </c>
      <c r="AL16003">
        <v>19</v>
      </c>
      <c r="AM16003">
        <v>19</v>
      </c>
      <c r="AN16003">
        <v>19</v>
      </c>
      <c r="AO16003">
        <v>19</v>
      </c>
      <c r="AP16003">
        <v>19</v>
      </c>
      <c r="AQ16003">
        <v>19</v>
      </c>
    </row>
    <row r="16004" spans="1:43">
      <c r="A16004" t="s">
        <v>9930</v>
      </c>
      <c r="B16004" t="s">
        <v>9931</v>
      </c>
      <c r="C16004" t="s">
        <v>9924</v>
      </c>
      <c r="D16004" t="s">
        <v>9925</v>
      </c>
      <c r="E16004" t="s">
        <v>9544</v>
      </c>
      <c r="F16004" t="s">
        <v>9545</v>
      </c>
      <c r="G16004" t="s">
        <v>80</v>
      </c>
      <c r="H16004" t="s">
        <v>81</v>
      </c>
      <c r="I16004" s="2">
        <v>0</v>
      </c>
      <c r="J16004" s="2">
        <v>1</v>
      </c>
      <c r="K16004" s="2">
        <v>0</v>
      </c>
      <c r="L16004" t="s">
        <v>82</v>
      </c>
      <c r="M16004" t="s">
        <v>89</v>
      </c>
      <c r="N16004" t="s">
        <v>90</v>
      </c>
      <c r="O16004" t="s">
        <v>85</v>
      </c>
      <c r="P16004" t="s">
        <v>86</v>
      </c>
      <c r="Q16004">
        <v>20</v>
      </c>
      <c r="R16004">
        <v>20</v>
      </c>
      <c r="S16004">
        <v>20</v>
      </c>
      <c r="T16004">
        <v>21</v>
      </c>
      <c r="U16004">
        <v>21</v>
      </c>
      <c r="V16004">
        <v>21</v>
      </c>
      <c r="W16004">
        <v>21</v>
      </c>
      <c r="X16004">
        <v>22</v>
      </c>
      <c r="Y16004">
        <v>22</v>
      </c>
      <c r="Z16004">
        <v>22</v>
      </c>
      <c r="AA16004">
        <v>22</v>
      </c>
      <c r="AB16004">
        <v>22</v>
      </c>
      <c r="AC16004">
        <v>22</v>
      </c>
      <c r="AD16004">
        <v>22</v>
      </c>
      <c r="AE16004">
        <v>22</v>
      </c>
      <c r="AF16004">
        <v>22</v>
      </c>
      <c r="AG16004">
        <v>22</v>
      </c>
      <c r="AH16004">
        <v>22</v>
      </c>
      <c r="AI16004">
        <v>22</v>
      </c>
      <c r="AJ16004">
        <v>22</v>
      </c>
      <c r="AK16004">
        <v>21</v>
      </c>
      <c r="AL16004">
        <v>21</v>
      </c>
      <c r="AM16004">
        <v>21</v>
      </c>
      <c r="AN16004">
        <v>21</v>
      </c>
      <c r="AO16004">
        <v>21</v>
      </c>
      <c r="AP16004">
        <v>21</v>
      </c>
      <c r="AQ16004">
        <v>20</v>
      </c>
    </row>
    <row r="16005" spans="1:43">
      <c r="A16005" t="s">
        <v>9930</v>
      </c>
      <c r="B16005" t="s">
        <v>9931</v>
      </c>
      <c r="C16005" t="s">
        <v>9924</v>
      </c>
      <c r="D16005" t="s">
        <v>9925</v>
      </c>
      <c r="E16005" t="s">
        <v>9544</v>
      </c>
      <c r="F16005" t="s">
        <v>9545</v>
      </c>
      <c r="G16005" t="s">
        <v>80</v>
      </c>
      <c r="H16005" t="s">
        <v>81</v>
      </c>
      <c r="I16005" s="2">
        <v>0</v>
      </c>
      <c r="J16005" s="2">
        <v>1</v>
      </c>
      <c r="K16005" s="2">
        <v>0</v>
      </c>
      <c r="L16005" t="s">
        <v>82</v>
      </c>
      <c r="M16005" t="s">
        <v>83</v>
      </c>
      <c r="N16005" t="s">
        <v>91</v>
      </c>
      <c r="O16005" t="s">
        <v>85</v>
      </c>
      <c r="P16005" t="s">
        <v>86</v>
      </c>
      <c r="Q16005">
        <v>20</v>
      </c>
      <c r="R16005">
        <v>20</v>
      </c>
      <c r="S16005">
        <v>20</v>
      </c>
      <c r="T16005">
        <v>20</v>
      </c>
      <c r="U16005">
        <v>20</v>
      </c>
      <c r="V16005">
        <v>20</v>
      </c>
      <c r="W16005">
        <v>20</v>
      </c>
      <c r="X16005">
        <v>20</v>
      </c>
      <c r="Y16005">
        <v>20</v>
      </c>
      <c r="Z16005">
        <v>21</v>
      </c>
      <c r="AA16005">
        <v>21</v>
      </c>
      <c r="AB16005">
        <v>21</v>
      </c>
      <c r="AC16005">
        <v>21</v>
      </c>
      <c r="AD16005">
        <v>21</v>
      </c>
      <c r="AE16005">
        <v>21</v>
      </c>
      <c r="AF16005">
        <v>21</v>
      </c>
      <c r="AG16005">
        <v>21</v>
      </c>
      <c r="AH16005">
        <v>21</v>
      </c>
      <c r="AI16005">
        <v>21</v>
      </c>
      <c r="AJ16005">
        <v>21</v>
      </c>
      <c r="AK16005">
        <v>21</v>
      </c>
      <c r="AL16005">
        <v>21</v>
      </c>
      <c r="AM16005">
        <v>21</v>
      </c>
      <c r="AN16005">
        <v>21</v>
      </c>
      <c r="AO16005">
        <v>21</v>
      </c>
      <c r="AP16005">
        <v>20</v>
      </c>
      <c r="AQ16005">
        <v>20</v>
      </c>
    </row>
    <row r="16006" spans="1:43">
      <c r="A16006" t="s">
        <v>9932</v>
      </c>
      <c r="B16006" t="s">
        <v>9933</v>
      </c>
      <c r="C16006" t="s">
        <v>9924</v>
      </c>
      <c r="D16006" t="s">
        <v>9925</v>
      </c>
      <c r="E16006" t="s">
        <v>9544</v>
      </c>
      <c r="F16006" t="s">
        <v>9545</v>
      </c>
      <c r="G16006" t="s">
        <v>80</v>
      </c>
      <c r="H16006" t="s">
        <v>81</v>
      </c>
      <c r="I16006" s="2">
        <v>0</v>
      </c>
      <c r="J16006" s="2">
        <v>1</v>
      </c>
      <c r="K16006" s="2">
        <v>0</v>
      </c>
      <c r="L16006" t="s">
        <v>82</v>
      </c>
      <c r="M16006" t="s">
        <v>83</v>
      </c>
      <c r="N16006" t="s">
        <v>84</v>
      </c>
      <c r="O16006" t="s">
        <v>85</v>
      </c>
      <c r="P16006" t="s">
        <v>86</v>
      </c>
      <c r="Q16006">
        <v>25</v>
      </c>
      <c r="R16006">
        <v>25</v>
      </c>
      <c r="S16006">
        <v>25</v>
      </c>
      <c r="T16006">
        <v>25</v>
      </c>
      <c r="U16006">
        <v>26</v>
      </c>
      <c r="V16006">
        <v>26</v>
      </c>
      <c r="W16006">
        <v>26</v>
      </c>
      <c r="X16006">
        <v>26</v>
      </c>
      <c r="Y16006">
        <v>26</v>
      </c>
      <c r="Z16006">
        <v>26</v>
      </c>
      <c r="AA16006">
        <v>26</v>
      </c>
      <c r="AB16006">
        <v>27</v>
      </c>
      <c r="AC16006">
        <v>27</v>
      </c>
      <c r="AD16006">
        <v>27</v>
      </c>
      <c r="AE16006">
        <v>27</v>
      </c>
      <c r="AF16006">
        <v>27</v>
      </c>
      <c r="AG16006">
        <v>27</v>
      </c>
      <c r="AH16006">
        <v>27</v>
      </c>
      <c r="AI16006">
        <v>27</v>
      </c>
      <c r="AJ16006">
        <v>27</v>
      </c>
      <c r="AK16006">
        <v>27</v>
      </c>
      <c r="AL16006">
        <v>27</v>
      </c>
      <c r="AM16006">
        <v>27</v>
      </c>
      <c r="AN16006">
        <v>27</v>
      </c>
      <c r="AO16006">
        <v>26</v>
      </c>
      <c r="AP16006">
        <v>26</v>
      </c>
      <c r="AQ16006">
        <v>26</v>
      </c>
    </row>
    <row r="16007" spans="1:43">
      <c r="A16007" t="s">
        <v>9932</v>
      </c>
      <c r="B16007" t="s">
        <v>9933</v>
      </c>
      <c r="C16007" t="s">
        <v>9924</v>
      </c>
      <c r="D16007" t="s">
        <v>9925</v>
      </c>
      <c r="E16007" t="s">
        <v>9544</v>
      </c>
      <c r="F16007" t="s">
        <v>9545</v>
      </c>
      <c r="G16007" t="s">
        <v>80</v>
      </c>
      <c r="H16007" t="s">
        <v>81</v>
      </c>
      <c r="I16007" s="2">
        <v>0</v>
      </c>
      <c r="J16007" s="2">
        <v>1</v>
      </c>
      <c r="K16007" s="2">
        <v>0</v>
      </c>
      <c r="L16007" t="s">
        <v>82</v>
      </c>
      <c r="M16007" t="s">
        <v>87</v>
      </c>
      <c r="N16007" t="s">
        <v>88</v>
      </c>
      <c r="O16007" t="s">
        <v>85</v>
      </c>
      <c r="P16007" t="s">
        <v>86</v>
      </c>
      <c r="Q16007">
        <v>25</v>
      </c>
      <c r="R16007">
        <v>25</v>
      </c>
      <c r="S16007">
        <v>25</v>
      </c>
      <c r="T16007">
        <v>25</v>
      </c>
      <c r="U16007">
        <v>24</v>
      </c>
      <c r="V16007">
        <v>24</v>
      </c>
      <c r="W16007">
        <v>24</v>
      </c>
      <c r="X16007">
        <v>24</v>
      </c>
      <c r="Y16007">
        <v>24</v>
      </c>
      <c r="Z16007">
        <v>24</v>
      </c>
      <c r="AA16007">
        <v>24</v>
      </c>
      <c r="AB16007">
        <v>24</v>
      </c>
      <c r="AC16007">
        <v>24</v>
      </c>
      <c r="AD16007">
        <v>24</v>
      </c>
      <c r="AE16007">
        <v>24</v>
      </c>
      <c r="AF16007">
        <v>24</v>
      </c>
      <c r="AG16007">
        <v>24</v>
      </c>
      <c r="AH16007">
        <v>23</v>
      </c>
      <c r="AI16007">
        <v>23</v>
      </c>
      <c r="AJ16007">
        <v>23</v>
      </c>
      <c r="AK16007">
        <v>23</v>
      </c>
      <c r="AL16007">
        <v>23</v>
      </c>
      <c r="AM16007">
        <v>23</v>
      </c>
      <c r="AN16007">
        <v>23</v>
      </c>
      <c r="AO16007">
        <v>23</v>
      </c>
      <c r="AP16007">
        <v>23</v>
      </c>
      <c r="AQ16007">
        <v>23</v>
      </c>
    </row>
    <row r="16008" spans="1:43">
      <c r="A16008" t="s">
        <v>9932</v>
      </c>
      <c r="B16008" t="s">
        <v>9933</v>
      </c>
      <c r="C16008" t="s">
        <v>9924</v>
      </c>
      <c r="D16008" t="s">
        <v>9925</v>
      </c>
      <c r="E16008" t="s">
        <v>9544</v>
      </c>
      <c r="F16008" t="s">
        <v>9545</v>
      </c>
      <c r="G16008" t="s">
        <v>80</v>
      </c>
      <c r="H16008" t="s">
        <v>81</v>
      </c>
      <c r="I16008" s="2">
        <v>0</v>
      </c>
      <c r="J16008" s="2">
        <v>1</v>
      </c>
      <c r="K16008" s="2">
        <v>0</v>
      </c>
      <c r="L16008" t="s">
        <v>82</v>
      </c>
      <c r="M16008" t="s">
        <v>89</v>
      </c>
      <c r="N16008" t="s">
        <v>90</v>
      </c>
      <c r="O16008" t="s">
        <v>85</v>
      </c>
      <c r="P16008" t="s">
        <v>86</v>
      </c>
      <c r="Q16008">
        <v>25</v>
      </c>
      <c r="R16008">
        <v>26</v>
      </c>
      <c r="S16008">
        <v>26</v>
      </c>
      <c r="T16008">
        <v>26</v>
      </c>
      <c r="U16008">
        <v>27</v>
      </c>
      <c r="V16008">
        <v>27</v>
      </c>
      <c r="W16008">
        <v>27</v>
      </c>
      <c r="X16008">
        <v>27</v>
      </c>
      <c r="Y16008">
        <v>28</v>
      </c>
      <c r="Z16008">
        <v>28</v>
      </c>
      <c r="AA16008">
        <v>28</v>
      </c>
      <c r="AB16008">
        <v>28</v>
      </c>
      <c r="AC16008">
        <v>28</v>
      </c>
      <c r="AD16008">
        <v>29</v>
      </c>
      <c r="AE16008">
        <v>29</v>
      </c>
      <c r="AF16008">
        <v>28</v>
      </c>
      <c r="AG16008">
        <v>28</v>
      </c>
      <c r="AH16008">
        <v>28</v>
      </c>
      <c r="AI16008">
        <v>28</v>
      </c>
      <c r="AJ16008">
        <v>28</v>
      </c>
      <c r="AK16008">
        <v>28</v>
      </c>
      <c r="AL16008">
        <v>27</v>
      </c>
      <c r="AM16008">
        <v>27</v>
      </c>
      <c r="AN16008">
        <v>27</v>
      </c>
      <c r="AO16008">
        <v>27</v>
      </c>
      <c r="AP16008">
        <v>27</v>
      </c>
      <c r="AQ16008">
        <v>26</v>
      </c>
    </row>
    <row r="16009" spans="1:43">
      <c r="A16009" t="s">
        <v>9932</v>
      </c>
      <c r="B16009" t="s">
        <v>9933</v>
      </c>
      <c r="C16009" t="s">
        <v>9924</v>
      </c>
      <c r="D16009" t="s">
        <v>9925</v>
      </c>
      <c r="E16009" t="s">
        <v>9544</v>
      </c>
      <c r="F16009" t="s">
        <v>9545</v>
      </c>
      <c r="G16009" t="s">
        <v>80</v>
      </c>
      <c r="H16009" t="s">
        <v>81</v>
      </c>
      <c r="I16009" s="2">
        <v>0</v>
      </c>
      <c r="J16009" s="2">
        <v>1</v>
      </c>
      <c r="K16009" s="2">
        <v>0</v>
      </c>
      <c r="L16009" t="s">
        <v>82</v>
      </c>
      <c r="M16009" t="s">
        <v>83</v>
      </c>
      <c r="N16009" t="s">
        <v>91</v>
      </c>
      <c r="O16009" t="s">
        <v>85</v>
      </c>
      <c r="P16009" t="s">
        <v>86</v>
      </c>
      <c r="Q16009">
        <v>25</v>
      </c>
      <c r="R16009">
        <v>25</v>
      </c>
      <c r="S16009">
        <v>25</v>
      </c>
      <c r="T16009">
        <v>25</v>
      </c>
      <c r="U16009">
        <v>26</v>
      </c>
      <c r="V16009">
        <v>26</v>
      </c>
      <c r="W16009">
        <v>26</v>
      </c>
      <c r="X16009">
        <v>26</v>
      </c>
      <c r="Y16009">
        <v>26</v>
      </c>
      <c r="Z16009">
        <v>26</v>
      </c>
      <c r="AA16009">
        <v>26</v>
      </c>
      <c r="AB16009">
        <v>27</v>
      </c>
      <c r="AC16009">
        <v>27</v>
      </c>
      <c r="AD16009">
        <v>27</v>
      </c>
      <c r="AE16009">
        <v>27</v>
      </c>
      <c r="AF16009">
        <v>27</v>
      </c>
      <c r="AG16009">
        <v>27</v>
      </c>
      <c r="AH16009">
        <v>27</v>
      </c>
      <c r="AI16009">
        <v>27</v>
      </c>
      <c r="AJ16009">
        <v>27</v>
      </c>
      <c r="AK16009">
        <v>27</v>
      </c>
      <c r="AL16009">
        <v>27</v>
      </c>
      <c r="AM16009">
        <v>27</v>
      </c>
      <c r="AN16009">
        <v>27</v>
      </c>
      <c r="AO16009">
        <v>26</v>
      </c>
      <c r="AP16009">
        <v>26</v>
      </c>
      <c r="AQ16009">
        <v>26</v>
      </c>
    </row>
    <row r="16010" spans="1:43">
      <c r="A16010" t="s">
        <v>9934</v>
      </c>
      <c r="B16010" t="s">
        <v>9935</v>
      </c>
      <c r="C16010" t="s">
        <v>9924</v>
      </c>
      <c r="D16010" t="s">
        <v>9925</v>
      </c>
      <c r="E16010" t="s">
        <v>9544</v>
      </c>
      <c r="F16010" t="s">
        <v>9545</v>
      </c>
      <c r="G16010" t="s">
        <v>80</v>
      </c>
      <c r="H16010" t="s">
        <v>81</v>
      </c>
      <c r="I16010" s="2">
        <v>0</v>
      </c>
      <c r="J16010" s="2">
        <v>1</v>
      </c>
      <c r="K16010" s="2">
        <v>0</v>
      </c>
      <c r="L16010" t="s">
        <v>82</v>
      </c>
      <c r="M16010" t="s">
        <v>83</v>
      </c>
      <c r="N16010" t="s">
        <v>84</v>
      </c>
      <c r="O16010" t="s">
        <v>85</v>
      </c>
      <c r="P16010" t="s">
        <v>86</v>
      </c>
      <c r="Q16010">
        <v>23</v>
      </c>
      <c r="R16010">
        <v>23</v>
      </c>
      <c r="S16010">
        <v>23</v>
      </c>
      <c r="T16010">
        <v>23</v>
      </c>
      <c r="U16010">
        <v>23</v>
      </c>
      <c r="V16010">
        <v>23</v>
      </c>
      <c r="W16010">
        <v>23</v>
      </c>
      <c r="X16010">
        <v>24</v>
      </c>
      <c r="Y16010">
        <v>24</v>
      </c>
      <c r="Z16010">
        <v>24</v>
      </c>
      <c r="AA16010">
        <v>24</v>
      </c>
      <c r="AB16010">
        <v>24</v>
      </c>
      <c r="AC16010">
        <v>24</v>
      </c>
      <c r="AD16010">
        <v>24</v>
      </c>
      <c r="AE16010">
        <v>24</v>
      </c>
      <c r="AF16010">
        <v>24</v>
      </c>
      <c r="AG16010">
        <v>24</v>
      </c>
      <c r="AH16010">
        <v>24</v>
      </c>
      <c r="AI16010">
        <v>24</v>
      </c>
      <c r="AJ16010">
        <v>24</v>
      </c>
      <c r="AK16010">
        <v>25</v>
      </c>
      <c r="AL16010">
        <v>24</v>
      </c>
      <c r="AM16010">
        <v>24</v>
      </c>
      <c r="AN16010">
        <v>24</v>
      </c>
      <c r="AO16010">
        <v>24</v>
      </c>
      <c r="AP16010">
        <v>24</v>
      </c>
      <c r="AQ16010">
        <v>24</v>
      </c>
    </row>
    <row r="16011" spans="1:43">
      <c r="A16011" t="s">
        <v>9934</v>
      </c>
      <c r="B16011" t="s">
        <v>9935</v>
      </c>
      <c r="C16011" t="s">
        <v>9924</v>
      </c>
      <c r="D16011" t="s">
        <v>9925</v>
      </c>
      <c r="E16011" t="s">
        <v>9544</v>
      </c>
      <c r="F16011" t="s">
        <v>9545</v>
      </c>
      <c r="G16011" t="s">
        <v>80</v>
      </c>
      <c r="H16011" t="s">
        <v>81</v>
      </c>
      <c r="I16011" s="2">
        <v>0</v>
      </c>
      <c r="J16011" s="2">
        <v>1</v>
      </c>
      <c r="K16011" s="2">
        <v>0</v>
      </c>
      <c r="L16011" t="s">
        <v>82</v>
      </c>
      <c r="M16011" t="s">
        <v>87</v>
      </c>
      <c r="N16011" t="s">
        <v>88</v>
      </c>
      <c r="O16011" t="s">
        <v>85</v>
      </c>
      <c r="P16011" t="s">
        <v>86</v>
      </c>
      <c r="Q16011">
        <v>23</v>
      </c>
      <c r="R16011">
        <v>23</v>
      </c>
      <c r="S16011">
        <v>23</v>
      </c>
      <c r="T16011">
        <v>23</v>
      </c>
      <c r="U16011">
        <v>23</v>
      </c>
      <c r="V16011">
        <v>23</v>
      </c>
      <c r="W16011">
        <v>23</v>
      </c>
      <c r="X16011">
        <v>23</v>
      </c>
      <c r="Y16011">
        <v>23</v>
      </c>
      <c r="Z16011">
        <v>23</v>
      </c>
      <c r="AA16011">
        <v>23</v>
      </c>
      <c r="AB16011">
        <v>23</v>
      </c>
      <c r="AC16011">
        <v>23</v>
      </c>
      <c r="AD16011">
        <v>23</v>
      </c>
      <c r="AE16011">
        <v>22</v>
      </c>
      <c r="AF16011">
        <v>22</v>
      </c>
      <c r="AG16011">
        <v>22</v>
      </c>
      <c r="AH16011">
        <v>22</v>
      </c>
      <c r="AI16011">
        <v>22</v>
      </c>
      <c r="AJ16011">
        <v>22</v>
      </c>
      <c r="AK16011">
        <v>22</v>
      </c>
      <c r="AL16011">
        <v>22</v>
      </c>
      <c r="AM16011">
        <v>22</v>
      </c>
      <c r="AN16011">
        <v>22</v>
      </c>
      <c r="AO16011">
        <v>22</v>
      </c>
      <c r="AP16011">
        <v>22</v>
      </c>
      <c r="AQ16011">
        <v>21</v>
      </c>
    </row>
    <row r="16012" spans="1:43">
      <c r="A16012" t="s">
        <v>9934</v>
      </c>
      <c r="B16012" t="s">
        <v>9935</v>
      </c>
      <c r="C16012" t="s">
        <v>9924</v>
      </c>
      <c r="D16012" t="s">
        <v>9925</v>
      </c>
      <c r="E16012" t="s">
        <v>9544</v>
      </c>
      <c r="F16012" t="s">
        <v>9545</v>
      </c>
      <c r="G16012" t="s">
        <v>80</v>
      </c>
      <c r="H16012" t="s">
        <v>81</v>
      </c>
      <c r="I16012" s="2">
        <v>0</v>
      </c>
      <c r="J16012" s="2">
        <v>1</v>
      </c>
      <c r="K16012" s="2">
        <v>0</v>
      </c>
      <c r="L16012" t="s">
        <v>82</v>
      </c>
      <c r="M16012" t="s">
        <v>89</v>
      </c>
      <c r="N16012" t="s">
        <v>90</v>
      </c>
      <c r="O16012" t="s">
        <v>85</v>
      </c>
      <c r="P16012" t="s">
        <v>86</v>
      </c>
      <c r="Q16012">
        <v>23</v>
      </c>
      <c r="R16012">
        <v>23</v>
      </c>
      <c r="S16012">
        <v>23</v>
      </c>
      <c r="T16012">
        <v>24</v>
      </c>
      <c r="U16012">
        <v>24</v>
      </c>
      <c r="V16012">
        <v>24</v>
      </c>
      <c r="W16012">
        <v>25</v>
      </c>
      <c r="X16012">
        <v>25</v>
      </c>
      <c r="Y16012">
        <v>25</v>
      </c>
      <c r="Z16012">
        <v>25</v>
      </c>
      <c r="AA16012">
        <v>25</v>
      </c>
      <c r="AB16012">
        <v>26</v>
      </c>
      <c r="AC16012">
        <v>26</v>
      </c>
      <c r="AD16012">
        <v>26</v>
      </c>
      <c r="AE16012">
        <v>26</v>
      </c>
      <c r="AF16012">
        <v>26</v>
      </c>
      <c r="AG16012">
        <v>26</v>
      </c>
      <c r="AH16012">
        <v>25</v>
      </c>
      <c r="AI16012">
        <v>25</v>
      </c>
      <c r="AJ16012">
        <v>25</v>
      </c>
      <c r="AK16012">
        <v>25</v>
      </c>
      <c r="AL16012">
        <v>25</v>
      </c>
      <c r="AM16012">
        <v>24</v>
      </c>
      <c r="AN16012">
        <v>24</v>
      </c>
      <c r="AO16012">
        <v>24</v>
      </c>
      <c r="AP16012">
        <v>24</v>
      </c>
      <c r="AQ16012">
        <v>24</v>
      </c>
    </row>
    <row r="16013" spans="1:43">
      <c r="A16013" t="s">
        <v>9934</v>
      </c>
      <c r="B16013" t="s">
        <v>9935</v>
      </c>
      <c r="C16013" t="s">
        <v>9924</v>
      </c>
      <c r="D16013" t="s">
        <v>9925</v>
      </c>
      <c r="E16013" t="s">
        <v>9544</v>
      </c>
      <c r="F16013" t="s">
        <v>9545</v>
      </c>
      <c r="G16013" t="s">
        <v>80</v>
      </c>
      <c r="H16013" t="s">
        <v>81</v>
      </c>
      <c r="I16013" s="2">
        <v>0</v>
      </c>
      <c r="J16013" s="2">
        <v>1</v>
      </c>
      <c r="K16013" s="2">
        <v>0</v>
      </c>
      <c r="L16013" t="s">
        <v>82</v>
      </c>
      <c r="M16013" t="s">
        <v>83</v>
      </c>
      <c r="N16013" t="s">
        <v>91</v>
      </c>
      <c r="O16013" t="s">
        <v>85</v>
      </c>
      <c r="P16013" t="s">
        <v>86</v>
      </c>
      <c r="Q16013">
        <v>23</v>
      </c>
      <c r="R16013">
        <v>23</v>
      </c>
      <c r="S16013">
        <v>23</v>
      </c>
      <c r="T16013">
        <v>23</v>
      </c>
      <c r="U16013">
        <v>23</v>
      </c>
      <c r="V16013">
        <v>23</v>
      </c>
      <c r="W16013">
        <v>23</v>
      </c>
      <c r="X16013">
        <v>24</v>
      </c>
      <c r="Y16013">
        <v>24</v>
      </c>
      <c r="Z16013">
        <v>24</v>
      </c>
      <c r="AA16013">
        <v>24</v>
      </c>
      <c r="AB16013">
        <v>24</v>
      </c>
      <c r="AC16013">
        <v>24</v>
      </c>
      <c r="AD16013">
        <v>24</v>
      </c>
      <c r="AE16013">
        <v>24</v>
      </c>
      <c r="AF16013">
        <v>24</v>
      </c>
      <c r="AG16013">
        <v>24</v>
      </c>
      <c r="AH16013">
        <v>24</v>
      </c>
      <c r="AI16013">
        <v>24</v>
      </c>
      <c r="AJ16013">
        <v>24</v>
      </c>
      <c r="AK16013">
        <v>25</v>
      </c>
      <c r="AL16013">
        <v>24</v>
      </c>
      <c r="AM16013">
        <v>24</v>
      </c>
      <c r="AN16013">
        <v>24</v>
      </c>
      <c r="AO16013">
        <v>24</v>
      </c>
      <c r="AP16013">
        <v>24</v>
      </c>
      <c r="AQ16013">
        <v>24</v>
      </c>
    </row>
    <row r="16014" spans="1:43">
      <c r="A16014" t="s">
        <v>9936</v>
      </c>
      <c r="B16014" t="s">
        <v>9937</v>
      </c>
      <c r="C16014" t="s">
        <v>9634</v>
      </c>
      <c r="D16014" t="s">
        <v>9635</v>
      </c>
      <c r="E16014" t="s">
        <v>9544</v>
      </c>
      <c r="F16014" t="s">
        <v>9545</v>
      </c>
      <c r="G16014" t="s">
        <v>80</v>
      </c>
      <c r="H16014" t="s">
        <v>81</v>
      </c>
      <c r="I16014" s="2">
        <v>0</v>
      </c>
      <c r="J16014" s="2">
        <v>1</v>
      </c>
      <c r="K16014" s="2">
        <v>0</v>
      </c>
      <c r="L16014" t="s">
        <v>82</v>
      </c>
      <c r="M16014" t="s">
        <v>83</v>
      </c>
      <c r="N16014" t="s">
        <v>84</v>
      </c>
      <c r="O16014" t="s">
        <v>85</v>
      </c>
      <c r="P16014" t="s">
        <v>86</v>
      </c>
      <c r="Q16014">
        <v>22</v>
      </c>
      <c r="R16014">
        <v>22</v>
      </c>
      <c r="S16014">
        <v>22</v>
      </c>
      <c r="T16014">
        <v>22</v>
      </c>
      <c r="U16014">
        <v>22</v>
      </c>
      <c r="V16014">
        <v>22</v>
      </c>
      <c r="W16014">
        <v>23</v>
      </c>
      <c r="X16014">
        <v>23</v>
      </c>
      <c r="Y16014">
        <v>23</v>
      </c>
      <c r="Z16014">
        <v>23</v>
      </c>
      <c r="AA16014">
        <v>23</v>
      </c>
      <c r="AB16014">
        <v>23</v>
      </c>
      <c r="AC16014">
        <v>23</v>
      </c>
      <c r="AD16014">
        <v>23</v>
      </c>
      <c r="AE16014">
        <v>23</v>
      </c>
      <c r="AF16014">
        <v>23</v>
      </c>
      <c r="AG16014">
        <v>23</v>
      </c>
      <c r="AH16014">
        <v>23</v>
      </c>
      <c r="AI16014">
        <v>24</v>
      </c>
      <c r="AJ16014">
        <v>24</v>
      </c>
      <c r="AK16014">
        <v>24</v>
      </c>
      <c r="AL16014">
        <v>23</v>
      </c>
      <c r="AM16014">
        <v>23</v>
      </c>
      <c r="AN16014">
        <v>23</v>
      </c>
      <c r="AO16014">
        <v>23</v>
      </c>
      <c r="AP16014">
        <v>23</v>
      </c>
      <c r="AQ16014">
        <v>23</v>
      </c>
    </row>
    <row r="16015" spans="1:43">
      <c r="A16015" t="s">
        <v>9936</v>
      </c>
      <c r="B16015" t="s">
        <v>9937</v>
      </c>
      <c r="C16015" t="s">
        <v>9634</v>
      </c>
      <c r="D16015" t="s">
        <v>9635</v>
      </c>
      <c r="E16015" t="s">
        <v>9544</v>
      </c>
      <c r="F16015" t="s">
        <v>9545</v>
      </c>
      <c r="G16015" t="s">
        <v>80</v>
      </c>
      <c r="H16015" t="s">
        <v>81</v>
      </c>
      <c r="I16015" s="2">
        <v>0</v>
      </c>
      <c r="J16015" s="2">
        <v>1</v>
      </c>
      <c r="K16015" s="2">
        <v>0</v>
      </c>
      <c r="L16015" t="s">
        <v>82</v>
      </c>
      <c r="M16015" t="s">
        <v>87</v>
      </c>
      <c r="N16015" t="s">
        <v>88</v>
      </c>
      <c r="O16015" t="s">
        <v>85</v>
      </c>
      <c r="P16015" t="s">
        <v>86</v>
      </c>
      <c r="Q16015">
        <v>22</v>
      </c>
      <c r="R16015">
        <v>22</v>
      </c>
      <c r="S16015">
        <v>21</v>
      </c>
      <c r="T16015">
        <v>21</v>
      </c>
      <c r="U16015">
        <v>21</v>
      </c>
      <c r="V16015">
        <v>21</v>
      </c>
      <c r="W16015">
        <v>21</v>
      </c>
      <c r="X16015">
        <v>21</v>
      </c>
      <c r="Y16015">
        <v>21</v>
      </c>
      <c r="Z16015">
        <v>21</v>
      </c>
      <c r="AA16015">
        <v>21</v>
      </c>
      <c r="AB16015">
        <v>21</v>
      </c>
      <c r="AC16015">
        <v>21</v>
      </c>
      <c r="AD16015">
        <v>21</v>
      </c>
      <c r="AE16015">
        <v>21</v>
      </c>
      <c r="AF16015">
        <v>21</v>
      </c>
      <c r="AG16015">
        <v>20</v>
      </c>
      <c r="AH16015">
        <v>20</v>
      </c>
      <c r="AI16015">
        <v>20</v>
      </c>
      <c r="AJ16015">
        <v>20</v>
      </c>
      <c r="AK16015">
        <v>20</v>
      </c>
      <c r="AL16015">
        <v>20</v>
      </c>
      <c r="AM16015">
        <v>20</v>
      </c>
      <c r="AN16015">
        <v>20</v>
      </c>
      <c r="AO16015">
        <v>20</v>
      </c>
      <c r="AP16015">
        <v>20</v>
      </c>
      <c r="AQ16015">
        <v>20</v>
      </c>
    </row>
    <row r="16016" spans="1:43">
      <c r="A16016" t="s">
        <v>9936</v>
      </c>
      <c r="B16016" t="s">
        <v>9937</v>
      </c>
      <c r="C16016" t="s">
        <v>9634</v>
      </c>
      <c r="D16016" t="s">
        <v>9635</v>
      </c>
      <c r="E16016" t="s">
        <v>9544</v>
      </c>
      <c r="F16016" t="s">
        <v>9545</v>
      </c>
      <c r="G16016" t="s">
        <v>80</v>
      </c>
      <c r="H16016" t="s">
        <v>81</v>
      </c>
      <c r="I16016" s="2">
        <v>0</v>
      </c>
      <c r="J16016" s="2">
        <v>1</v>
      </c>
      <c r="K16016" s="2">
        <v>0</v>
      </c>
      <c r="L16016" t="s">
        <v>82</v>
      </c>
      <c r="M16016" t="s">
        <v>89</v>
      </c>
      <c r="N16016" t="s">
        <v>90</v>
      </c>
      <c r="O16016" t="s">
        <v>85</v>
      </c>
      <c r="P16016" t="s">
        <v>86</v>
      </c>
      <c r="Q16016">
        <v>22</v>
      </c>
      <c r="R16016">
        <v>22</v>
      </c>
      <c r="S16016">
        <v>23</v>
      </c>
      <c r="T16016">
        <v>23</v>
      </c>
      <c r="U16016">
        <v>23</v>
      </c>
      <c r="V16016">
        <v>23</v>
      </c>
      <c r="W16016">
        <v>24</v>
      </c>
      <c r="X16016">
        <v>24</v>
      </c>
      <c r="Y16016">
        <v>24</v>
      </c>
      <c r="Z16016">
        <v>24</v>
      </c>
      <c r="AA16016">
        <v>24</v>
      </c>
      <c r="AB16016">
        <v>25</v>
      </c>
      <c r="AC16016">
        <v>25</v>
      </c>
      <c r="AD16016">
        <v>25</v>
      </c>
      <c r="AE16016">
        <v>25</v>
      </c>
      <c r="AF16016">
        <v>25</v>
      </c>
      <c r="AG16016">
        <v>25</v>
      </c>
      <c r="AH16016">
        <v>24</v>
      </c>
      <c r="AI16016">
        <v>24</v>
      </c>
      <c r="AJ16016">
        <v>24</v>
      </c>
      <c r="AK16016">
        <v>24</v>
      </c>
      <c r="AL16016">
        <v>24</v>
      </c>
      <c r="AM16016">
        <v>24</v>
      </c>
      <c r="AN16016">
        <v>23</v>
      </c>
      <c r="AO16016">
        <v>23</v>
      </c>
      <c r="AP16016">
        <v>23</v>
      </c>
      <c r="AQ16016">
        <v>23</v>
      </c>
    </row>
    <row r="16017" spans="1:43">
      <c r="A16017" t="s">
        <v>9936</v>
      </c>
      <c r="B16017" t="s">
        <v>9937</v>
      </c>
      <c r="C16017" t="s">
        <v>9634</v>
      </c>
      <c r="D16017" t="s">
        <v>9635</v>
      </c>
      <c r="E16017" t="s">
        <v>9544</v>
      </c>
      <c r="F16017" t="s">
        <v>9545</v>
      </c>
      <c r="G16017" t="s">
        <v>80</v>
      </c>
      <c r="H16017" t="s">
        <v>81</v>
      </c>
      <c r="I16017" s="2">
        <v>0</v>
      </c>
      <c r="J16017" s="2">
        <v>1</v>
      </c>
      <c r="K16017" s="2">
        <v>0</v>
      </c>
      <c r="L16017" t="s">
        <v>82</v>
      </c>
      <c r="M16017" t="s">
        <v>83</v>
      </c>
      <c r="N16017" t="s">
        <v>91</v>
      </c>
      <c r="O16017" t="s">
        <v>85</v>
      </c>
      <c r="P16017" t="s">
        <v>86</v>
      </c>
      <c r="Q16017">
        <v>22</v>
      </c>
      <c r="R16017">
        <v>22</v>
      </c>
      <c r="S16017">
        <v>22</v>
      </c>
      <c r="T16017">
        <v>22</v>
      </c>
      <c r="U16017">
        <v>22</v>
      </c>
      <c r="V16017">
        <v>22</v>
      </c>
      <c r="W16017">
        <v>23</v>
      </c>
      <c r="X16017">
        <v>23</v>
      </c>
      <c r="Y16017">
        <v>23</v>
      </c>
      <c r="Z16017">
        <v>23</v>
      </c>
      <c r="AA16017">
        <v>23</v>
      </c>
      <c r="AB16017">
        <v>23</v>
      </c>
      <c r="AC16017">
        <v>23</v>
      </c>
      <c r="AD16017">
        <v>23</v>
      </c>
      <c r="AE16017">
        <v>23</v>
      </c>
      <c r="AF16017">
        <v>23</v>
      </c>
      <c r="AG16017">
        <v>23</v>
      </c>
      <c r="AH16017">
        <v>23</v>
      </c>
      <c r="AI16017">
        <v>24</v>
      </c>
      <c r="AJ16017">
        <v>24</v>
      </c>
      <c r="AK16017">
        <v>24</v>
      </c>
      <c r="AL16017">
        <v>23</v>
      </c>
      <c r="AM16017">
        <v>23</v>
      </c>
      <c r="AN16017">
        <v>23</v>
      </c>
      <c r="AO16017">
        <v>23</v>
      </c>
      <c r="AP16017">
        <v>23</v>
      </c>
      <c r="AQ16017">
        <v>23</v>
      </c>
    </row>
    <row r="16018" spans="1:43">
      <c r="A16018" t="s">
        <v>9938</v>
      </c>
      <c r="B16018" t="s">
        <v>9939</v>
      </c>
      <c r="C16018" t="s">
        <v>9634</v>
      </c>
      <c r="D16018" t="s">
        <v>9635</v>
      </c>
      <c r="E16018" t="s">
        <v>9544</v>
      </c>
      <c r="F16018" t="s">
        <v>9545</v>
      </c>
      <c r="G16018" t="s">
        <v>80</v>
      </c>
      <c r="H16018" t="s">
        <v>81</v>
      </c>
      <c r="I16018" s="2">
        <v>0</v>
      </c>
      <c r="J16018" s="2">
        <v>1</v>
      </c>
      <c r="K16018" s="2">
        <v>0</v>
      </c>
      <c r="L16018" t="s">
        <v>82</v>
      </c>
      <c r="M16018" t="s">
        <v>83</v>
      </c>
      <c r="N16018" t="s">
        <v>84</v>
      </c>
      <c r="O16018" t="s">
        <v>85</v>
      </c>
      <c r="P16018" t="s">
        <v>86</v>
      </c>
      <c r="Q16018">
        <v>40</v>
      </c>
      <c r="R16018">
        <v>41</v>
      </c>
      <c r="S16018">
        <v>41</v>
      </c>
      <c r="T16018">
        <v>41</v>
      </c>
      <c r="U16018">
        <v>41</v>
      </c>
      <c r="V16018">
        <v>42</v>
      </c>
      <c r="W16018">
        <v>42</v>
      </c>
      <c r="X16018">
        <v>42</v>
      </c>
      <c r="Y16018">
        <v>42</v>
      </c>
      <c r="Z16018">
        <v>42</v>
      </c>
      <c r="AA16018">
        <v>43</v>
      </c>
      <c r="AB16018">
        <v>43</v>
      </c>
      <c r="AC16018">
        <v>43</v>
      </c>
      <c r="AD16018">
        <v>43</v>
      </c>
      <c r="AE16018">
        <v>43</v>
      </c>
      <c r="AF16018">
        <v>43</v>
      </c>
      <c r="AG16018">
        <v>43</v>
      </c>
      <c r="AH16018">
        <v>43</v>
      </c>
      <c r="AI16018">
        <v>43</v>
      </c>
      <c r="AJ16018">
        <v>44</v>
      </c>
      <c r="AK16018">
        <v>44</v>
      </c>
      <c r="AL16018">
        <v>43</v>
      </c>
      <c r="AM16018">
        <v>43</v>
      </c>
      <c r="AN16018">
        <v>43</v>
      </c>
      <c r="AO16018">
        <v>42</v>
      </c>
      <c r="AP16018">
        <v>42</v>
      </c>
      <c r="AQ16018">
        <v>42</v>
      </c>
    </row>
    <row r="16019" spans="1:43">
      <c r="A16019" t="s">
        <v>9938</v>
      </c>
      <c r="B16019" t="s">
        <v>9939</v>
      </c>
      <c r="C16019" t="s">
        <v>9634</v>
      </c>
      <c r="D16019" t="s">
        <v>9635</v>
      </c>
      <c r="E16019" t="s">
        <v>9544</v>
      </c>
      <c r="F16019" t="s">
        <v>9545</v>
      </c>
      <c r="G16019" t="s">
        <v>80</v>
      </c>
      <c r="H16019" t="s">
        <v>81</v>
      </c>
      <c r="I16019" s="2">
        <v>0</v>
      </c>
      <c r="J16019" s="2">
        <v>1</v>
      </c>
      <c r="K16019" s="2">
        <v>0</v>
      </c>
      <c r="L16019" t="s">
        <v>82</v>
      </c>
      <c r="M16019" t="s">
        <v>87</v>
      </c>
      <c r="N16019" t="s">
        <v>88</v>
      </c>
      <c r="O16019" t="s">
        <v>85</v>
      </c>
      <c r="P16019" t="s">
        <v>86</v>
      </c>
      <c r="Q16019">
        <v>40</v>
      </c>
      <c r="R16019">
        <v>40</v>
      </c>
      <c r="S16019">
        <v>40</v>
      </c>
      <c r="T16019">
        <v>40</v>
      </c>
      <c r="U16019">
        <v>39</v>
      </c>
      <c r="V16019">
        <v>39</v>
      </c>
      <c r="W16019">
        <v>39</v>
      </c>
      <c r="X16019">
        <v>39</v>
      </c>
      <c r="Y16019">
        <v>39</v>
      </c>
      <c r="Z16019">
        <v>39</v>
      </c>
      <c r="AA16019">
        <v>39</v>
      </c>
      <c r="AB16019">
        <v>39</v>
      </c>
      <c r="AC16019">
        <v>38</v>
      </c>
      <c r="AD16019">
        <v>38</v>
      </c>
      <c r="AE16019">
        <v>38</v>
      </c>
      <c r="AF16019">
        <v>38</v>
      </c>
      <c r="AG16019">
        <v>38</v>
      </c>
      <c r="AH16019">
        <v>38</v>
      </c>
      <c r="AI16019">
        <v>38</v>
      </c>
      <c r="AJ16019">
        <v>37</v>
      </c>
      <c r="AK16019">
        <v>37</v>
      </c>
      <c r="AL16019">
        <v>37</v>
      </c>
      <c r="AM16019">
        <v>37</v>
      </c>
      <c r="AN16019">
        <v>37</v>
      </c>
      <c r="AO16019">
        <v>37</v>
      </c>
      <c r="AP16019">
        <v>36</v>
      </c>
      <c r="AQ16019">
        <v>36</v>
      </c>
    </row>
    <row r="16020" spans="1:43">
      <c r="A16020" t="s">
        <v>9938</v>
      </c>
      <c r="B16020" t="s">
        <v>9939</v>
      </c>
      <c r="C16020" t="s">
        <v>9634</v>
      </c>
      <c r="D16020" t="s">
        <v>9635</v>
      </c>
      <c r="E16020" t="s">
        <v>9544</v>
      </c>
      <c r="F16020" t="s">
        <v>9545</v>
      </c>
      <c r="G16020" t="s">
        <v>80</v>
      </c>
      <c r="H16020" t="s">
        <v>81</v>
      </c>
      <c r="I16020" s="2">
        <v>0</v>
      </c>
      <c r="J16020" s="2">
        <v>1</v>
      </c>
      <c r="K16020" s="2">
        <v>0</v>
      </c>
      <c r="L16020" t="s">
        <v>82</v>
      </c>
      <c r="M16020" t="s">
        <v>89</v>
      </c>
      <c r="N16020" t="s">
        <v>90</v>
      </c>
      <c r="O16020" t="s">
        <v>85</v>
      </c>
      <c r="P16020" t="s">
        <v>86</v>
      </c>
      <c r="Q16020">
        <v>40</v>
      </c>
      <c r="R16020">
        <v>40</v>
      </c>
      <c r="S16020">
        <v>41</v>
      </c>
      <c r="T16020">
        <v>41</v>
      </c>
      <c r="U16020">
        <v>42</v>
      </c>
      <c r="V16020">
        <v>42</v>
      </c>
      <c r="W16020">
        <v>43</v>
      </c>
      <c r="X16020">
        <v>43</v>
      </c>
      <c r="Y16020">
        <v>44</v>
      </c>
      <c r="Z16020">
        <v>44</v>
      </c>
      <c r="AA16020">
        <v>44</v>
      </c>
      <c r="AB16020">
        <v>45</v>
      </c>
      <c r="AC16020">
        <v>45</v>
      </c>
      <c r="AD16020">
        <v>45</v>
      </c>
      <c r="AE16020">
        <v>45</v>
      </c>
      <c r="AF16020">
        <v>45</v>
      </c>
      <c r="AG16020">
        <v>44</v>
      </c>
      <c r="AH16020">
        <v>44</v>
      </c>
      <c r="AI16020">
        <v>44</v>
      </c>
      <c r="AJ16020">
        <v>43</v>
      </c>
      <c r="AK16020">
        <v>43</v>
      </c>
      <c r="AL16020">
        <v>43</v>
      </c>
      <c r="AM16020">
        <v>42</v>
      </c>
      <c r="AN16020">
        <v>42</v>
      </c>
      <c r="AO16020">
        <v>42</v>
      </c>
      <c r="AP16020">
        <v>42</v>
      </c>
      <c r="AQ16020">
        <v>41</v>
      </c>
    </row>
    <row r="16021" spans="1:43">
      <c r="A16021" t="s">
        <v>9938</v>
      </c>
      <c r="B16021" t="s">
        <v>9939</v>
      </c>
      <c r="C16021" t="s">
        <v>9634</v>
      </c>
      <c r="D16021" t="s">
        <v>9635</v>
      </c>
      <c r="E16021" t="s">
        <v>9544</v>
      </c>
      <c r="F16021" t="s">
        <v>9545</v>
      </c>
      <c r="G16021" t="s">
        <v>80</v>
      </c>
      <c r="H16021" t="s">
        <v>81</v>
      </c>
      <c r="I16021" s="2">
        <v>0</v>
      </c>
      <c r="J16021" s="2">
        <v>1</v>
      </c>
      <c r="K16021" s="2">
        <v>0</v>
      </c>
      <c r="L16021" t="s">
        <v>82</v>
      </c>
      <c r="M16021" t="s">
        <v>83</v>
      </c>
      <c r="N16021" t="s">
        <v>91</v>
      </c>
      <c r="O16021" t="s">
        <v>85</v>
      </c>
      <c r="P16021" t="s">
        <v>86</v>
      </c>
      <c r="Q16021">
        <v>40</v>
      </c>
      <c r="R16021">
        <v>41</v>
      </c>
      <c r="S16021">
        <v>41</v>
      </c>
      <c r="T16021">
        <v>41</v>
      </c>
      <c r="U16021">
        <v>41</v>
      </c>
      <c r="V16021">
        <v>42</v>
      </c>
      <c r="W16021">
        <v>42</v>
      </c>
      <c r="X16021">
        <v>42</v>
      </c>
      <c r="Y16021">
        <v>42</v>
      </c>
      <c r="Z16021">
        <v>42</v>
      </c>
      <c r="AA16021">
        <v>43</v>
      </c>
      <c r="AB16021">
        <v>43</v>
      </c>
      <c r="AC16021">
        <v>43</v>
      </c>
      <c r="AD16021">
        <v>43</v>
      </c>
      <c r="AE16021">
        <v>43</v>
      </c>
      <c r="AF16021">
        <v>43</v>
      </c>
      <c r="AG16021">
        <v>43</v>
      </c>
      <c r="AH16021">
        <v>43</v>
      </c>
      <c r="AI16021">
        <v>43</v>
      </c>
      <c r="AJ16021">
        <v>44</v>
      </c>
      <c r="AK16021">
        <v>44</v>
      </c>
      <c r="AL16021">
        <v>43</v>
      </c>
      <c r="AM16021">
        <v>43</v>
      </c>
      <c r="AN16021">
        <v>43</v>
      </c>
      <c r="AO16021">
        <v>42</v>
      </c>
      <c r="AP16021">
        <v>42</v>
      </c>
      <c r="AQ16021">
        <v>42</v>
      </c>
    </row>
    <row r="16022" spans="1:43">
      <c r="A16022" t="s">
        <v>9940</v>
      </c>
      <c r="B16022" t="s">
        <v>9941</v>
      </c>
      <c r="C16022" t="s">
        <v>9634</v>
      </c>
      <c r="D16022" t="s">
        <v>9635</v>
      </c>
      <c r="E16022" t="s">
        <v>9544</v>
      </c>
      <c r="F16022" t="s">
        <v>9545</v>
      </c>
      <c r="G16022" t="s">
        <v>80</v>
      </c>
      <c r="H16022" t="s">
        <v>81</v>
      </c>
      <c r="I16022" s="2">
        <v>0</v>
      </c>
      <c r="J16022" s="2">
        <v>1</v>
      </c>
      <c r="K16022" s="2">
        <v>0</v>
      </c>
      <c r="L16022" t="s">
        <v>82</v>
      </c>
      <c r="M16022" t="s">
        <v>83</v>
      </c>
      <c r="N16022" t="s">
        <v>84</v>
      </c>
      <c r="O16022" t="s">
        <v>85</v>
      </c>
      <c r="P16022" t="s">
        <v>86</v>
      </c>
      <c r="Q16022">
        <v>33</v>
      </c>
      <c r="R16022">
        <v>33</v>
      </c>
      <c r="S16022">
        <v>33</v>
      </c>
      <c r="T16022">
        <v>34</v>
      </c>
      <c r="U16022">
        <v>34</v>
      </c>
      <c r="V16022">
        <v>34</v>
      </c>
      <c r="W16022">
        <v>34</v>
      </c>
      <c r="X16022">
        <v>34</v>
      </c>
      <c r="Y16022">
        <v>35</v>
      </c>
      <c r="Z16022">
        <v>35</v>
      </c>
      <c r="AA16022">
        <v>35</v>
      </c>
      <c r="AB16022">
        <v>35</v>
      </c>
      <c r="AC16022">
        <v>35</v>
      </c>
      <c r="AD16022">
        <v>35</v>
      </c>
      <c r="AE16022">
        <v>35</v>
      </c>
      <c r="AF16022">
        <v>35</v>
      </c>
      <c r="AG16022">
        <v>35</v>
      </c>
      <c r="AH16022">
        <v>36</v>
      </c>
      <c r="AI16022">
        <v>36</v>
      </c>
      <c r="AJ16022">
        <v>36</v>
      </c>
      <c r="AK16022">
        <v>36</v>
      </c>
      <c r="AL16022">
        <v>36</v>
      </c>
      <c r="AM16022">
        <v>35</v>
      </c>
      <c r="AN16022">
        <v>35</v>
      </c>
      <c r="AO16022">
        <v>35</v>
      </c>
      <c r="AP16022">
        <v>35</v>
      </c>
      <c r="AQ16022">
        <v>34</v>
      </c>
    </row>
    <row r="16023" spans="1:43">
      <c r="A16023" t="s">
        <v>9940</v>
      </c>
      <c r="B16023" t="s">
        <v>9941</v>
      </c>
      <c r="C16023" t="s">
        <v>9634</v>
      </c>
      <c r="D16023" t="s">
        <v>9635</v>
      </c>
      <c r="E16023" t="s">
        <v>9544</v>
      </c>
      <c r="F16023" t="s">
        <v>9545</v>
      </c>
      <c r="G16023" t="s">
        <v>80</v>
      </c>
      <c r="H16023" t="s">
        <v>81</v>
      </c>
      <c r="I16023" s="2">
        <v>0</v>
      </c>
      <c r="J16023" s="2">
        <v>1</v>
      </c>
      <c r="K16023" s="2">
        <v>0</v>
      </c>
      <c r="L16023" t="s">
        <v>82</v>
      </c>
      <c r="M16023" t="s">
        <v>87</v>
      </c>
      <c r="N16023" t="s">
        <v>88</v>
      </c>
      <c r="O16023" t="s">
        <v>85</v>
      </c>
      <c r="P16023" t="s">
        <v>86</v>
      </c>
      <c r="Q16023">
        <v>33</v>
      </c>
      <c r="R16023">
        <v>33</v>
      </c>
      <c r="S16023">
        <v>33</v>
      </c>
      <c r="T16023">
        <v>32</v>
      </c>
      <c r="U16023">
        <v>32</v>
      </c>
      <c r="V16023">
        <v>32</v>
      </c>
      <c r="W16023">
        <v>32</v>
      </c>
      <c r="X16023">
        <v>32</v>
      </c>
      <c r="Y16023">
        <v>32</v>
      </c>
      <c r="Z16023">
        <v>32</v>
      </c>
      <c r="AA16023">
        <v>32</v>
      </c>
      <c r="AB16023">
        <v>32</v>
      </c>
      <c r="AC16023">
        <v>32</v>
      </c>
      <c r="AD16023">
        <v>31</v>
      </c>
      <c r="AE16023">
        <v>31</v>
      </c>
      <c r="AF16023">
        <v>31</v>
      </c>
      <c r="AG16023">
        <v>31</v>
      </c>
      <c r="AH16023">
        <v>31</v>
      </c>
      <c r="AI16023">
        <v>31</v>
      </c>
      <c r="AJ16023">
        <v>31</v>
      </c>
      <c r="AK16023">
        <v>31</v>
      </c>
      <c r="AL16023">
        <v>30</v>
      </c>
      <c r="AM16023">
        <v>30</v>
      </c>
      <c r="AN16023">
        <v>30</v>
      </c>
      <c r="AO16023">
        <v>30</v>
      </c>
      <c r="AP16023">
        <v>30</v>
      </c>
      <c r="AQ16023">
        <v>30</v>
      </c>
    </row>
    <row r="16024" spans="1:43">
      <c r="A16024" t="s">
        <v>9940</v>
      </c>
      <c r="B16024" t="s">
        <v>9941</v>
      </c>
      <c r="C16024" t="s">
        <v>9634</v>
      </c>
      <c r="D16024" t="s">
        <v>9635</v>
      </c>
      <c r="E16024" t="s">
        <v>9544</v>
      </c>
      <c r="F16024" t="s">
        <v>9545</v>
      </c>
      <c r="G16024" t="s">
        <v>80</v>
      </c>
      <c r="H16024" t="s">
        <v>81</v>
      </c>
      <c r="I16024" s="2">
        <v>0</v>
      </c>
      <c r="J16024" s="2">
        <v>1</v>
      </c>
      <c r="K16024" s="2">
        <v>0</v>
      </c>
      <c r="L16024" t="s">
        <v>82</v>
      </c>
      <c r="M16024" t="s">
        <v>89</v>
      </c>
      <c r="N16024" t="s">
        <v>90</v>
      </c>
      <c r="O16024" t="s">
        <v>85</v>
      </c>
      <c r="P16024" t="s">
        <v>86</v>
      </c>
      <c r="Q16024">
        <v>33</v>
      </c>
      <c r="R16024">
        <v>34</v>
      </c>
      <c r="S16024">
        <v>34</v>
      </c>
      <c r="T16024">
        <v>35</v>
      </c>
      <c r="U16024">
        <v>35</v>
      </c>
      <c r="V16024">
        <v>36</v>
      </c>
      <c r="W16024">
        <v>36</v>
      </c>
      <c r="X16024">
        <v>36</v>
      </c>
      <c r="Y16024">
        <v>37</v>
      </c>
      <c r="Z16024">
        <v>37</v>
      </c>
      <c r="AA16024">
        <v>37</v>
      </c>
      <c r="AB16024">
        <v>37</v>
      </c>
      <c r="AC16024">
        <v>38</v>
      </c>
      <c r="AD16024">
        <v>38</v>
      </c>
      <c r="AE16024">
        <v>38</v>
      </c>
      <c r="AF16024">
        <v>38</v>
      </c>
      <c r="AG16024">
        <v>37</v>
      </c>
      <c r="AH16024">
        <v>37</v>
      </c>
      <c r="AI16024">
        <v>37</v>
      </c>
      <c r="AJ16024">
        <v>36</v>
      </c>
      <c r="AK16024">
        <v>36</v>
      </c>
      <c r="AL16024">
        <v>36</v>
      </c>
      <c r="AM16024">
        <v>36</v>
      </c>
      <c r="AN16024">
        <v>35</v>
      </c>
      <c r="AO16024">
        <v>35</v>
      </c>
      <c r="AP16024">
        <v>35</v>
      </c>
      <c r="AQ16024">
        <v>35</v>
      </c>
    </row>
    <row r="16025" spans="1:43">
      <c r="A16025" t="s">
        <v>9940</v>
      </c>
      <c r="B16025" t="s">
        <v>9941</v>
      </c>
      <c r="C16025" t="s">
        <v>9634</v>
      </c>
      <c r="D16025" t="s">
        <v>9635</v>
      </c>
      <c r="E16025" t="s">
        <v>9544</v>
      </c>
      <c r="F16025" t="s">
        <v>9545</v>
      </c>
      <c r="G16025" t="s">
        <v>80</v>
      </c>
      <c r="H16025" t="s">
        <v>81</v>
      </c>
      <c r="I16025" s="2">
        <v>0</v>
      </c>
      <c r="J16025" s="2">
        <v>1</v>
      </c>
      <c r="K16025" s="2">
        <v>0</v>
      </c>
      <c r="L16025" t="s">
        <v>82</v>
      </c>
      <c r="M16025" t="s">
        <v>83</v>
      </c>
      <c r="N16025" t="s">
        <v>91</v>
      </c>
      <c r="O16025" t="s">
        <v>85</v>
      </c>
      <c r="P16025" t="s">
        <v>86</v>
      </c>
      <c r="Q16025">
        <v>33</v>
      </c>
      <c r="R16025">
        <v>33</v>
      </c>
      <c r="S16025">
        <v>33</v>
      </c>
      <c r="T16025">
        <v>34</v>
      </c>
      <c r="U16025">
        <v>34</v>
      </c>
      <c r="V16025">
        <v>34</v>
      </c>
      <c r="W16025">
        <v>34</v>
      </c>
      <c r="X16025">
        <v>34</v>
      </c>
      <c r="Y16025">
        <v>35</v>
      </c>
      <c r="Z16025">
        <v>35</v>
      </c>
      <c r="AA16025">
        <v>35</v>
      </c>
      <c r="AB16025">
        <v>35</v>
      </c>
      <c r="AC16025">
        <v>35</v>
      </c>
      <c r="AD16025">
        <v>35</v>
      </c>
      <c r="AE16025">
        <v>35</v>
      </c>
      <c r="AF16025">
        <v>35</v>
      </c>
      <c r="AG16025">
        <v>35</v>
      </c>
      <c r="AH16025">
        <v>36</v>
      </c>
      <c r="AI16025">
        <v>36</v>
      </c>
      <c r="AJ16025">
        <v>36</v>
      </c>
      <c r="AK16025">
        <v>36</v>
      </c>
      <c r="AL16025">
        <v>36</v>
      </c>
      <c r="AM16025">
        <v>35</v>
      </c>
      <c r="AN16025">
        <v>35</v>
      </c>
      <c r="AO16025">
        <v>35</v>
      </c>
      <c r="AP16025">
        <v>35</v>
      </c>
      <c r="AQ16025">
        <v>34</v>
      </c>
    </row>
    <row r="16026" spans="1:43">
      <c r="A16026" t="s">
        <v>9942</v>
      </c>
      <c r="B16026" t="s">
        <v>9943</v>
      </c>
      <c r="C16026" t="s">
        <v>9634</v>
      </c>
      <c r="D16026" t="s">
        <v>9635</v>
      </c>
      <c r="E16026" t="s">
        <v>9544</v>
      </c>
      <c r="F16026" t="s">
        <v>9545</v>
      </c>
      <c r="G16026" t="s">
        <v>80</v>
      </c>
      <c r="H16026" t="s">
        <v>81</v>
      </c>
      <c r="I16026" s="2">
        <v>0</v>
      </c>
      <c r="J16026" s="2">
        <v>1</v>
      </c>
      <c r="K16026" s="2">
        <v>0</v>
      </c>
      <c r="L16026" t="s">
        <v>82</v>
      </c>
      <c r="M16026" t="s">
        <v>83</v>
      </c>
      <c r="N16026" t="s">
        <v>84</v>
      </c>
      <c r="O16026" t="s">
        <v>85</v>
      </c>
      <c r="P16026" t="s">
        <v>86</v>
      </c>
      <c r="Q16026">
        <v>51</v>
      </c>
      <c r="R16026">
        <v>52</v>
      </c>
      <c r="S16026">
        <v>52</v>
      </c>
      <c r="T16026">
        <v>52</v>
      </c>
      <c r="U16026">
        <v>53</v>
      </c>
      <c r="V16026">
        <v>53</v>
      </c>
      <c r="W16026">
        <v>53</v>
      </c>
      <c r="X16026">
        <v>53</v>
      </c>
      <c r="Y16026">
        <v>54</v>
      </c>
      <c r="Z16026">
        <v>54</v>
      </c>
      <c r="AA16026">
        <v>54</v>
      </c>
      <c r="AB16026">
        <v>54</v>
      </c>
      <c r="AC16026">
        <v>55</v>
      </c>
      <c r="AD16026">
        <v>55</v>
      </c>
      <c r="AE16026">
        <v>55</v>
      </c>
      <c r="AF16026">
        <v>55</v>
      </c>
      <c r="AG16026">
        <v>55</v>
      </c>
      <c r="AH16026">
        <v>55</v>
      </c>
      <c r="AI16026">
        <v>55</v>
      </c>
      <c r="AJ16026">
        <v>55</v>
      </c>
      <c r="AK16026">
        <v>56</v>
      </c>
      <c r="AL16026">
        <v>55</v>
      </c>
      <c r="AM16026">
        <v>55</v>
      </c>
      <c r="AN16026">
        <v>54</v>
      </c>
      <c r="AO16026">
        <v>54</v>
      </c>
      <c r="AP16026">
        <v>54</v>
      </c>
      <c r="AQ16026">
        <v>53</v>
      </c>
    </row>
    <row r="16027" spans="1:43">
      <c r="A16027" t="s">
        <v>9942</v>
      </c>
      <c r="B16027" t="s">
        <v>9943</v>
      </c>
      <c r="C16027" t="s">
        <v>9634</v>
      </c>
      <c r="D16027" t="s">
        <v>9635</v>
      </c>
      <c r="E16027" t="s">
        <v>9544</v>
      </c>
      <c r="F16027" t="s">
        <v>9545</v>
      </c>
      <c r="G16027" t="s">
        <v>80</v>
      </c>
      <c r="H16027" t="s">
        <v>81</v>
      </c>
      <c r="I16027" s="2">
        <v>0</v>
      </c>
      <c r="J16027" s="2">
        <v>1</v>
      </c>
      <c r="K16027" s="2">
        <v>0</v>
      </c>
      <c r="L16027" t="s">
        <v>82</v>
      </c>
      <c r="M16027" t="s">
        <v>87</v>
      </c>
      <c r="N16027" t="s">
        <v>88</v>
      </c>
      <c r="O16027" t="s">
        <v>85</v>
      </c>
      <c r="P16027" t="s">
        <v>86</v>
      </c>
      <c r="Q16027">
        <v>51</v>
      </c>
      <c r="R16027">
        <v>51</v>
      </c>
      <c r="S16027">
        <v>51</v>
      </c>
      <c r="T16027">
        <v>51</v>
      </c>
      <c r="U16027">
        <v>50</v>
      </c>
      <c r="V16027">
        <v>50</v>
      </c>
      <c r="W16027">
        <v>50</v>
      </c>
      <c r="X16027">
        <v>50</v>
      </c>
      <c r="Y16027">
        <v>50</v>
      </c>
      <c r="Z16027">
        <v>50</v>
      </c>
      <c r="AA16027">
        <v>49</v>
      </c>
      <c r="AB16027">
        <v>49</v>
      </c>
      <c r="AC16027">
        <v>49</v>
      </c>
      <c r="AD16027">
        <v>49</v>
      </c>
      <c r="AE16027">
        <v>49</v>
      </c>
      <c r="AF16027">
        <v>48</v>
      </c>
      <c r="AG16027">
        <v>48</v>
      </c>
      <c r="AH16027">
        <v>48</v>
      </c>
      <c r="AI16027">
        <v>48</v>
      </c>
      <c r="AJ16027">
        <v>48</v>
      </c>
      <c r="AK16027">
        <v>47</v>
      </c>
      <c r="AL16027">
        <v>47</v>
      </c>
      <c r="AM16027">
        <v>47</v>
      </c>
      <c r="AN16027">
        <v>47</v>
      </c>
      <c r="AO16027">
        <v>47</v>
      </c>
      <c r="AP16027">
        <v>46</v>
      </c>
      <c r="AQ16027">
        <v>46</v>
      </c>
    </row>
    <row r="16028" spans="1:43">
      <c r="A16028" t="s">
        <v>9942</v>
      </c>
      <c r="B16028" t="s">
        <v>9943</v>
      </c>
      <c r="C16028" t="s">
        <v>9634</v>
      </c>
      <c r="D16028" t="s">
        <v>9635</v>
      </c>
      <c r="E16028" t="s">
        <v>9544</v>
      </c>
      <c r="F16028" t="s">
        <v>9545</v>
      </c>
      <c r="G16028" t="s">
        <v>80</v>
      </c>
      <c r="H16028" t="s">
        <v>81</v>
      </c>
      <c r="I16028" s="2">
        <v>0</v>
      </c>
      <c r="J16028" s="2">
        <v>1</v>
      </c>
      <c r="K16028" s="2">
        <v>0</v>
      </c>
      <c r="L16028" t="s">
        <v>82</v>
      </c>
      <c r="M16028" t="s">
        <v>89</v>
      </c>
      <c r="N16028" t="s">
        <v>90</v>
      </c>
      <c r="O16028" t="s">
        <v>85</v>
      </c>
      <c r="P16028" t="s">
        <v>86</v>
      </c>
      <c r="Q16028">
        <v>51</v>
      </c>
      <c r="R16028">
        <v>52</v>
      </c>
      <c r="S16028">
        <v>52</v>
      </c>
      <c r="T16028">
        <v>53</v>
      </c>
      <c r="U16028">
        <v>54</v>
      </c>
      <c r="V16028">
        <v>54</v>
      </c>
      <c r="W16028">
        <v>55</v>
      </c>
      <c r="X16028">
        <v>55</v>
      </c>
      <c r="Y16028">
        <v>56</v>
      </c>
      <c r="Z16028">
        <v>56</v>
      </c>
      <c r="AA16028">
        <v>57</v>
      </c>
      <c r="AB16028">
        <v>57</v>
      </c>
      <c r="AC16028">
        <v>57</v>
      </c>
      <c r="AD16028">
        <v>58</v>
      </c>
      <c r="AE16028">
        <v>58</v>
      </c>
      <c r="AF16028">
        <v>57</v>
      </c>
      <c r="AG16028">
        <v>57</v>
      </c>
      <c r="AH16028">
        <v>57</v>
      </c>
      <c r="AI16028">
        <v>56</v>
      </c>
      <c r="AJ16028">
        <v>56</v>
      </c>
      <c r="AK16028">
        <v>55</v>
      </c>
      <c r="AL16028">
        <v>55</v>
      </c>
      <c r="AM16028">
        <v>54</v>
      </c>
      <c r="AN16028">
        <v>54</v>
      </c>
      <c r="AO16028">
        <v>53</v>
      </c>
      <c r="AP16028">
        <v>53</v>
      </c>
      <c r="AQ16028">
        <v>53</v>
      </c>
    </row>
    <row r="16029" spans="1:43">
      <c r="A16029" t="s">
        <v>9942</v>
      </c>
      <c r="B16029" t="s">
        <v>9943</v>
      </c>
      <c r="C16029" t="s">
        <v>9634</v>
      </c>
      <c r="D16029" t="s">
        <v>9635</v>
      </c>
      <c r="E16029" t="s">
        <v>9544</v>
      </c>
      <c r="F16029" t="s">
        <v>9545</v>
      </c>
      <c r="G16029" t="s">
        <v>80</v>
      </c>
      <c r="H16029" t="s">
        <v>81</v>
      </c>
      <c r="I16029" s="2">
        <v>0</v>
      </c>
      <c r="J16029" s="2">
        <v>1</v>
      </c>
      <c r="K16029" s="2">
        <v>0</v>
      </c>
      <c r="L16029" t="s">
        <v>82</v>
      </c>
      <c r="M16029" t="s">
        <v>83</v>
      </c>
      <c r="N16029" t="s">
        <v>91</v>
      </c>
      <c r="O16029" t="s">
        <v>85</v>
      </c>
      <c r="P16029" t="s">
        <v>86</v>
      </c>
      <c r="Q16029">
        <v>51</v>
      </c>
      <c r="R16029">
        <v>52</v>
      </c>
      <c r="S16029">
        <v>52</v>
      </c>
      <c r="T16029">
        <v>52</v>
      </c>
      <c r="U16029">
        <v>53</v>
      </c>
      <c r="V16029">
        <v>53</v>
      </c>
      <c r="W16029">
        <v>53</v>
      </c>
      <c r="X16029">
        <v>53</v>
      </c>
      <c r="Y16029">
        <v>54</v>
      </c>
      <c r="Z16029">
        <v>54</v>
      </c>
      <c r="AA16029">
        <v>54</v>
      </c>
      <c r="AB16029">
        <v>54</v>
      </c>
      <c r="AC16029">
        <v>55</v>
      </c>
      <c r="AD16029">
        <v>55</v>
      </c>
      <c r="AE16029">
        <v>55</v>
      </c>
      <c r="AF16029">
        <v>55</v>
      </c>
      <c r="AG16029">
        <v>55</v>
      </c>
      <c r="AH16029">
        <v>55</v>
      </c>
      <c r="AI16029">
        <v>55</v>
      </c>
      <c r="AJ16029">
        <v>55</v>
      </c>
      <c r="AK16029">
        <v>56</v>
      </c>
      <c r="AL16029">
        <v>55</v>
      </c>
      <c r="AM16029">
        <v>55</v>
      </c>
      <c r="AN16029">
        <v>54</v>
      </c>
      <c r="AO16029">
        <v>54</v>
      </c>
      <c r="AP16029">
        <v>54</v>
      </c>
      <c r="AQ16029">
        <v>53</v>
      </c>
    </row>
    <row r="16030" spans="1:43">
      <c r="A16030" t="s">
        <v>9944</v>
      </c>
      <c r="B16030" t="s">
        <v>9945</v>
      </c>
      <c r="C16030" t="s">
        <v>9798</v>
      </c>
      <c r="D16030" t="s">
        <v>9799</v>
      </c>
      <c r="E16030" t="s">
        <v>9544</v>
      </c>
      <c r="F16030" t="s">
        <v>9545</v>
      </c>
      <c r="G16030" t="s">
        <v>80</v>
      </c>
      <c r="H16030" t="s">
        <v>81</v>
      </c>
      <c r="I16030" s="2">
        <v>0</v>
      </c>
      <c r="J16030" s="2">
        <v>1</v>
      </c>
      <c r="K16030" s="2">
        <v>0</v>
      </c>
      <c r="L16030" t="s">
        <v>82</v>
      </c>
      <c r="M16030" t="s">
        <v>83</v>
      </c>
      <c r="N16030" t="s">
        <v>84</v>
      </c>
      <c r="O16030" t="s">
        <v>85</v>
      </c>
      <c r="P16030" t="s">
        <v>86</v>
      </c>
      <c r="Q16030">
        <v>20</v>
      </c>
      <c r="R16030">
        <v>20</v>
      </c>
      <c r="S16030">
        <v>21</v>
      </c>
      <c r="T16030">
        <v>21</v>
      </c>
      <c r="U16030">
        <v>21</v>
      </c>
      <c r="V16030">
        <v>21</v>
      </c>
      <c r="W16030">
        <v>21</v>
      </c>
      <c r="X16030">
        <v>21</v>
      </c>
      <c r="Y16030">
        <v>21</v>
      </c>
      <c r="Z16030">
        <v>21</v>
      </c>
      <c r="AA16030">
        <v>21</v>
      </c>
      <c r="AB16030">
        <v>21</v>
      </c>
      <c r="AC16030">
        <v>22</v>
      </c>
      <c r="AD16030">
        <v>22</v>
      </c>
      <c r="AE16030">
        <v>22</v>
      </c>
      <c r="AF16030">
        <v>22</v>
      </c>
      <c r="AG16030">
        <v>22</v>
      </c>
      <c r="AH16030">
        <v>22</v>
      </c>
      <c r="AI16030">
        <v>22</v>
      </c>
      <c r="AJ16030">
        <v>22</v>
      </c>
      <c r="AK16030">
        <v>22</v>
      </c>
      <c r="AL16030">
        <v>22</v>
      </c>
      <c r="AM16030">
        <v>22</v>
      </c>
      <c r="AN16030">
        <v>21</v>
      </c>
      <c r="AO16030">
        <v>21</v>
      </c>
      <c r="AP16030">
        <v>21</v>
      </c>
      <c r="AQ16030">
        <v>21</v>
      </c>
    </row>
    <row r="16031" spans="1:43">
      <c r="A16031" t="s">
        <v>9944</v>
      </c>
      <c r="B16031" t="s">
        <v>9945</v>
      </c>
      <c r="C16031" t="s">
        <v>9798</v>
      </c>
      <c r="D16031" t="s">
        <v>9799</v>
      </c>
      <c r="E16031" t="s">
        <v>9544</v>
      </c>
      <c r="F16031" t="s">
        <v>9545</v>
      </c>
      <c r="G16031" t="s">
        <v>80</v>
      </c>
      <c r="H16031" t="s">
        <v>81</v>
      </c>
      <c r="I16031" s="2">
        <v>0</v>
      </c>
      <c r="J16031" s="2">
        <v>1</v>
      </c>
      <c r="K16031" s="2">
        <v>0</v>
      </c>
      <c r="L16031" t="s">
        <v>82</v>
      </c>
      <c r="M16031" t="s">
        <v>87</v>
      </c>
      <c r="N16031" t="s">
        <v>88</v>
      </c>
      <c r="O16031" t="s">
        <v>85</v>
      </c>
      <c r="P16031" t="s">
        <v>86</v>
      </c>
      <c r="Q16031">
        <v>20</v>
      </c>
      <c r="R16031">
        <v>20</v>
      </c>
      <c r="S16031">
        <v>20</v>
      </c>
      <c r="T16031">
        <v>20</v>
      </c>
      <c r="U16031">
        <v>20</v>
      </c>
      <c r="V16031">
        <v>20</v>
      </c>
      <c r="W16031">
        <v>20</v>
      </c>
      <c r="X16031">
        <v>20</v>
      </c>
      <c r="Y16031">
        <v>20</v>
      </c>
      <c r="Z16031">
        <v>20</v>
      </c>
      <c r="AA16031">
        <v>19</v>
      </c>
      <c r="AB16031">
        <v>19</v>
      </c>
      <c r="AC16031">
        <v>19</v>
      </c>
      <c r="AD16031">
        <v>19</v>
      </c>
      <c r="AE16031">
        <v>19</v>
      </c>
      <c r="AF16031">
        <v>19</v>
      </c>
      <c r="AG16031">
        <v>19</v>
      </c>
      <c r="AH16031">
        <v>19</v>
      </c>
      <c r="AI16031">
        <v>19</v>
      </c>
      <c r="AJ16031">
        <v>19</v>
      </c>
      <c r="AK16031">
        <v>19</v>
      </c>
      <c r="AL16031">
        <v>19</v>
      </c>
      <c r="AM16031">
        <v>19</v>
      </c>
      <c r="AN16031">
        <v>18</v>
      </c>
      <c r="AO16031">
        <v>18</v>
      </c>
      <c r="AP16031">
        <v>18</v>
      </c>
      <c r="AQ16031">
        <v>18</v>
      </c>
    </row>
    <row r="16032" spans="1:43">
      <c r="A16032" t="s">
        <v>9944</v>
      </c>
      <c r="B16032" t="s">
        <v>9945</v>
      </c>
      <c r="C16032" t="s">
        <v>9798</v>
      </c>
      <c r="D16032" t="s">
        <v>9799</v>
      </c>
      <c r="E16032" t="s">
        <v>9544</v>
      </c>
      <c r="F16032" t="s">
        <v>9545</v>
      </c>
      <c r="G16032" t="s">
        <v>80</v>
      </c>
      <c r="H16032" t="s">
        <v>81</v>
      </c>
      <c r="I16032" s="2">
        <v>0</v>
      </c>
      <c r="J16032" s="2">
        <v>1</v>
      </c>
      <c r="K16032" s="2">
        <v>0</v>
      </c>
      <c r="L16032" t="s">
        <v>82</v>
      </c>
      <c r="M16032" t="s">
        <v>89</v>
      </c>
      <c r="N16032" t="s">
        <v>90</v>
      </c>
      <c r="O16032" t="s">
        <v>85</v>
      </c>
      <c r="P16032" t="s">
        <v>86</v>
      </c>
      <c r="Q16032">
        <v>20</v>
      </c>
      <c r="R16032">
        <v>21</v>
      </c>
      <c r="S16032">
        <v>21</v>
      </c>
      <c r="T16032">
        <v>21</v>
      </c>
      <c r="U16032">
        <v>22</v>
      </c>
      <c r="V16032">
        <v>22</v>
      </c>
      <c r="W16032">
        <v>22</v>
      </c>
      <c r="X16032">
        <v>22</v>
      </c>
      <c r="Y16032">
        <v>22</v>
      </c>
      <c r="Z16032">
        <v>23</v>
      </c>
      <c r="AA16032">
        <v>23</v>
      </c>
      <c r="AB16032">
        <v>23</v>
      </c>
      <c r="AC16032">
        <v>23</v>
      </c>
      <c r="AD16032">
        <v>23</v>
      </c>
      <c r="AE16032">
        <v>23</v>
      </c>
      <c r="AF16032">
        <v>23</v>
      </c>
      <c r="AG16032">
        <v>23</v>
      </c>
      <c r="AH16032">
        <v>23</v>
      </c>
      <c r="AI16032">
        <v>23</v>
      </c>
      <c r="AJ16032">
        <v>22</v>
      </c>
      <c r="AK16032">
        <v>22</v>
      </c>
      <c r="AL16032">
        <v>22</v>
      </c>
      <c r="AM16032">
        <v>22</v>
      </c>
      <c r="AN16032">
        <v>22</v>
      </c>
      <c r="AO16032">
        <v>21</v>
      </c>
      <c r="AP16032">
        <v>21</v>
      </c>
      <c r="AQ16032">
        <v>21</v>
      </c>
    </row>
    <row r="16033" spans="1:43">
      <c r="A16033" t="s">
        <v>9944</v>
      </c>
      <c r="B16033" t="s">
        <v>9945</v>
      </c>
      <c r="C16033" t="s">
        <v>9798</v>
      </c>
      <c r="D16033" t="s">
        <v>9799</v>
      </c>
      <c r="E16033" t="s">
        <v>9544</v>
      </c>
      <c r="F16033" t="s">
        <v>9545</v>
      </c>
      <c r="G16033" t="s">
        <v>80</v>
      </c>
      <c r="H16033" t="s">
        <v>81</v>
      </c>
      <c r="I16033" s="2">
        <v>0</v>
      </c>
      <c r="J16033" s="2">
        <v>1</v>
      </c>
      <c r="K16033" s="2">
        <v>0</v>
      </c>
      <c r="L16033" t="s">
        <v>82</v>
      </c>
      <c r="M16033" t="s">
        <v>83</v>
      </c>
      <c r="N16033" t="s">
        <v>91</v>
      </c>
      <c r="O16033" t="s">
        <v>85</v>
      </c>
      <c r="P16033" t="s">
        <v>86</v>
      </c>
      <c r="Q16033">
        <v>20</v>
      </c>
      <c r="R16033">
        <v>20</v>
      </c>
      <c r="S16033">
        <v>21</v>
      </c>
      <c r="T16033">
        <v>21</v>
      </c>
      <c r="U16033">
        <v>21</v>
      </c>
      <c r="V16033">
        <v>21</v>
      </c>
      <c r="W16033">
        <v>21</v>
      </c>
      <c r="X16033">
        <v>21</v>
      </c>
      <c r="Y16033">
        <v>21</v>
      </c>
      <c r="Z16033">
        <v>21</v>
      </c>
      <c r="AA16033">
        <v>21</v>
      </c>
      <c r="AB16033">
        <v>21</v>
      </c>
      <c r="AC16033">
        <v>22</v>
      </c>
      <c r="AD16033">
        <v>22</v>
      </c>
      <c r="AE16033">
        <v>22</v>
      </c>
      <c r="AF16033">
        <v>22</v>
      </c>
      <c r="AG16033">
        <v>22</v>
      </c>
      <c r="AH16033">
        <v>22</v>
      </c>
      <c r="AI16033">
        <v>22</v>
      </c>
      <c r="AJ16033">
        <v>22</v>
      </c>
      <c r="AK16033">
        <v>22</v>
      </c>
      <c r="AL16033">
        <v>22</v>
      </c>
      <c r="AM16033">
        <v>22</v>
      </c>
      <c r="AN16033">
        <v>21</v>
      </c>
      <c r="AO16033">
        <v>21</v>
      </c>
      <c r="AP16033">
        <v>21</v>
      </c>
      <c r="AQ16033">
        <v>21</v>
      </c>
    </row>
    <row r="16034" spans="1:43">
      <c r="A16034" t="s">
        <v>9946</v>
      </c>
      <c r="B16034" t="s">
        <v>9947</v>
      </c>
      <c r="C16034" t="s">
        <v>9798</v>
      </c>
      <c r="D16034" t="s">
        <v>9799</v>
      </c>
      <c r="E16034" t="s">
        <v>9544</v>
      </c>
      <c r="F16034" t="s">
        <v>9545</v>
      </c>
      <c r="G16034" t="s">
        <v>80</v>
      </c>
      <c r="H16034" t="s">
        <v>81</v>
      </c>
      <c r="I16034" s="2">
        <v>0</v>
      </c>
      <c r="J16034" s="2">
        <v>1</v>
      </c>
      <c r="K16034" s="2">
        <v>0</v>
      </c>
      <c r="L16034" t="s">
        <v>82</v>
      </c>
      <c r="M16034" t="s">
        <v>83</v>
      </c>
      <c r="N16034" t="s">
        <v>84</v>
      </c>
      <c r="O16034" t="s">
        <v>85</v>
      </c>
      <c r="P16034" t="s">
        <v>86</v>
      </c>
      <c r="Q16034">
        <v>13</v>
      </c>
      <c r="R16034">
        <v>13</v>
      </c>
      <c r="S16034">
        <v>13</v>
      </c>
      <c r="T16034">
        <v>14</v>
      </c>
      <c r="U16034">
        <v>14</v>
      </c>
      <c r="V16034">
        <v>14</v>
      </c>
      <c r="W16034">
        <v>14</v>
      </c>
      <c r="X16034">
        <v>14</v>
      </c>
      <c r="Y16034">
        <v>14</v>
      </c>
      <c r="Z16034">
        <v>14</v>
      </c>
      <c r="AA16034">
        <v>14</v>
      </c>
      <c r="AB16034">
        <v>14</v>
      </c>
      <c r="AC16034">
        <v>14</v>
      </c>
      <c r="AD16034">
        <v>14</v>
      </c>
      <c r="AE16034">
        <v>14</v>
      </c>
      <c r="AF16034">
        <v>14</v>
      </c>
      <c r="AG16034">
        <v>14</v>
      </c>
      <c r="AH16034">
        <v>14</v>
      </c>
      <c r="AI16034">
        <v>14</v>
      </c>
      <c r="AJ16034">
        <v>14</v>
      </c>
      <c r="AK16034">
        <v>15</v>
      </c>
      <c r="AL16034">
        <v>14</v>
      </c>
      <c r="AM16034">
        <v>14</v>
      </c>
      <c r="AN16034">
        <v>14</v>
      </c>
      <c r="AO16034">
        <v>14</v>
      </c>
      <c r="AP16034">
        <v>14</v>
      </c>
      <c r="AQ16034">
        <v>14</v>
      </c>
    </row>
    <row r="16035" spans="1:43">
      <c r="A16035" t="s">
        <v>9946</v>
      </c>
      <c r="B16035" t="s">
        <v>9947</v>
      </c>
      <c r="C16035" t="s">
        <v>9798</v>
      </c>
      <c r="D16035" t="s">
        <v>9799</v>
      </c>
      <c r="E16035" t="s">
        <v>9544</v>
      </c>
      <c r="F16035" t="s">
        <v>9545</v>
      </c>
      <c r="G16035" t="s">
        <v>80</v>
      </c>
      <c r="H16035" t="s">
        <v>81</v>
      </c>
      <c r="I16035" s="2">
        <v>0</v>
      </c>
      <c r="J16035" s="2">
        <v>1</v>
      </c>
      <c r="K16035" s="2">
        <v>0</v>
      </c>
      <c r="L16035" t="s">
        <v>82</v>
      </c>
      <c r="M16035" t="s">
        <v>87</v>
      </c>
      <c r="N16035" t="s">
        <v>88</v>
      </c>
      <c r="O16035" t="s">
        <v>85</v>
      </c>
      <c r="P16035" t="s">
        <v>86</v>
      </c>
      <c r="Q16035">
        <v>13</v>
      </c>
      <c r="R16035">
        <v>13</v>
      </c>
      <c r="S16035">
        <v>13</v>
      </c>
      <c r="T16035">
        <v>13</v>
      </c>
      <c r="U16035">
        <v>13</v>
      </c>
      <c r="V16035">
        <v>13</v>
      </c>
      <c r="W16035">
        <v>13</v>
      </c>
      <c r="X16035">
        <v>13</v>
      </c>
      <c r="Y16035">
        <v>13</v>
      </c>
      <c r="Z16035">
        <v>13</v>
      </c>
      <c r="AA16035">
        <v>13</v>
      </c>
      <c r="AB16035">
        <v>13</v>
      </c>
      <c r="AC16035">
        <v>13</v>
      </c>
      <c r="AD16035">
        <v>13</v>
      </c>
      <c r="AE16035">
        <v>13</v>
      </c>
      <c r="AF16035">
        <v>13</v>
      </c>
      <c r="AG16035">
        <v>13</v>
      </c>
      <c r="AH16035">
        <v>13</v>
      </c>
      <c r="AI16035">
        <v>13</v>
      </c>
      <c r="AJ16035">
        <v>12</v>
      </c>
      <c r="AK16035">
        <v>12</v>
      </c>
      <c r="AL16035">
        <v>12</v>
      </c>
      <c r="AM16035">
        <v>12</v>
      </c>
      <c r="AN16035">
        <v>12</v>
      </c>
      <c r="AO16035">
        <v>12</v>
      </c>
      <c r="AP16035">
        <v>12</v>
      </c>
      <c r="AQ16035">
        <v>12</v>
      </c>
    </row>
    <row r="16036" spans="1:43">
      <c r="A16036" t="s">
        <v>9946</v>
      </c>
      <c r="B16036" t="s">
        <v>9947</v>
      </c>
      <c r="C16036" t="s">
        <v>9798</v>
      </c>
      <c r="D16036" t="s">
        <v>9799</v>
      </c>
      <c r="E16036" t="s">
        <v>9544</v>
      </c>
      <c r="F16036" t="s">
        <v>9545</v>
      </c>
      <c r="G16036" t="s">
        <v>80</v>
      </c>
      <c r="H16036" t="s">
        <v>81</v>
      </c>
      <c r="I16036" s="2">
        <v>0</v>
      </c>
      <c r="J16036" s="2">
        <v>1</v>
      </c>
      <c r="K16036" s="2">
        <v>0</v>
      </c>
      <c r="L16036" t="s">
        <v>82</v>
      </c>
      <c r="M16036" t="s">
        <v>89</v>
      </c>
      <c r="N16036" t="s">
        <v>90</v>
      </c>
      <c r="O16036" t="s">
        <v>85</v>
      </c>
      <c r="P16036" t="s">
        <v>86</v>
      </c>
      <c r="Q16036">
        <v>13</v>
      </c>
      <c r="R16036">
        <v>14</v>
      </c>
      <c r="S16036">
        <v>14</v>
      </c>
      <c r="T16036">
        <v>14</v>
      </c>
      <c r="U16036">
        <v>14</v>
      </c>
      <c r="V16036">
        <v>14</v>
      </c>
      <c r="W16036">
        <v>15</v>
      </c>
      <c r="X16036">
        <v>15</v>
      </c>
      <c r="Y16036">
        <v>15</v>
      </c>
      <c r="Z16036">
        <v>15</v>
      </c>
      <c r="AA16036">
        <v>15</v>
      </c>
      <c r="AB16036">
        <v>15</v>
      </c>
      <c r="AC16036">
        <v>15</v>
      </c>
      <c r="AD16036">
        <v>15</v>
      </c>
      <c r="AE16036">
        <v>15</v>
      </c>
      <c r="AF16036">
        <v>15</v>
      </c>
      <c r="AG16036">
        <v>15</v>
      </c>
      <c r="AH16036">
        <v>15</v>
      </c>
      <c r="AI16036">
        <v>15</v>
      </c>
      <c r="AJ16036">
        <v>15</v>
      </c>
      <c r="AK16036">
        <v>15</v>
      </c>
      <c r="AL16036">
        <v>15</v>
      </c>
      <c r="AM16036">
        <v>15</v>
      </c>
      <c r="AN16036">
        <v>14</v>
      </c>
      <c r="AO16036">
        <v>14</v>
      </c>
      <c r="AP16036">
        <v>14</v>
      </c>
      <c r="AQ16036">
        <v>14</v>
      </c>
    </row>
    <row r="16037" spans="1:43">
      <c r="A16037" t="s">
        <v>9946</v>
      </c>
      <c r="B16037" t="s">
        <v>9947</v>
      </c>
      <c r="C16037" t="s">
        <v>9798</v>
      </c>
      <c r="D16037" t="s">
        <v>9799</v>
      </c>
      <c r="E16037" t="s">
        <v>9544</v>
      </c>
      <c r="F16037" t="s">
        <v>9545</v>
      </c>
      <c r="G16037" t="s">
        <v>80</v>
      </c>
      <c r="H16037" t="s">
        <v>81</v>
      </c>
      <c r="I16037" s="2">
        <v>0</v>
      </c>
      <c r="J16037" s="2">
        <v>1</v>
      </c>
      <c r="K16037" s="2">
        <v>0</v>
      </c>
      <c r="L16037" t="s">
        <v>82</v>
      </c>
      <c r="M16037" t="s">
        <v>83</v>
      </c>
      <c r="N16037" t="s">
        <v>91</v>
      </c>
      <c r="O16037" t="s">
        <v>85</v>
      </c>
      <c r="P16037" t="s">
        <v>86</v>
      </c>
      <c r="Q16037">
        <v>13</v>
      </c>
      <c r="R16037">
        <v>13</v>
      </c>
      <c r="S16037">
        <v>13</v>
      </c>
      <c r="T16037">
        <v>14</v>
      </c>
      <c r="U16037">
        <v>14</v>
      </c>
      <c r="V16037">
        <v>14</v>
      </c>
      <c r="W16037">
        <v>14</v>
      </c>
      <c r="X16037">
        <v>14</v>
      </c>
      <c r="Y16037">
        <v>14</v>
      </c>
      <c r="Z16037">
        <v>14</v>
      </c>
      <c r="AA16037">
        <v>14</v>
      </c>
      <c r="AB16037">
        <v>14</v>
      </c>
      <c r="AC16037">
        <v>14</v>
      </c>
      <c r="AD16037">
        <v>14</v>
      </c>
      <c r="AE16037">
        <v>14</v>
      </c>
      <c r="AF16037">
        <v>14</v>
      </c>
      <c r="AG16037">
        <v>14</v>
      </c>
      <c r="AH16037">
        <v>14</v>
      </c>
      <c r="AI16037">
        <v>14</v>
      </c>
      <c r="AJ16037">
        <v>14</v>
      </c>
      <c r="AK16037">
        <v>15</v>
      </c>
      <c r="AL16037">
        <v>14</v>
      </c>
      <c r="AM16037">
        <v>14</v>
      </c>
      <c r="AN16037">
        <v>14</v>
      </c>
      <c r="AO16037">
        <v>14</v>
      </c>
      <c r="AP16037">
        <v>14</v>
      </c>
      <c r="AQ16037">
        <v>14</v>
      </c>
    </row>
    <row r="16038" spans="1:43">
      <c r="A16038" t="s">
        <v>9948</v>
      </c>
      <c r="B16038" t="s">
        <v>9949</v>
      </c>
      <c r="C16038" t="s">
        <v>9798</v>
      </c>
      <c r="D16038" t="s">
        <v>9799</v>
      </c>
      <c r="E16038" t="s">
        <v>9544</v>
      </c>
      <c r="F16038" t="s">
        <v>9545</v>
      </c>
      <c r="G16038" t="s">
        <v>80</v>
      </c>
      <c r="H16038" t="s">
        <v>81</v>
      </c>
      <c r="I16038" s="2">
        <v>0</v>
      </c>
      <c r="J16038" s="2">
        <v>1</v>
      </c>
      <c r="K16038" s="2">
        <v>0</v>
      </c>
      <c r="L16038" t="s">
        <v>82</v>
      </c>
      <c r="M16038" t="s">
        <v>83</v>
      </c>
      <c r="N16038" t="s">
        <v>84</v>
      </c>
      <c r="O16038" t="s">
        <v>85</v>
      </c>
      <c r="P16038" t="s">
        <v>86</v>
      </c>
      <c r="Q16038">
        <v>21</v>
      </c>
      <c r="R16038">
        <v>21</v>
      </c>
      <c r="S16038">
        <v>22</v>
      </c>
      <c r="T16038">
        <v>22</v>
      </c>
      <c r="U16038">
        <v>22</v>
      </c>
      <c r="V16038">
        <v>22</v>
      </c>
      <c r="W16038">
        <v>22</v>
      </c>
      <c r="X16038">
        <v>22</v>
      </c>
      <c r="Y16038">
        <v>22</v>
      </c>
      <c r="Z16038">
        <v>22</v>
      </c>
      <c r="AA16038">
        <v>23</v>
      </c>
      <c r="AB16038">
        <v>23</v>
      </c>
      <c r="AC16038">
        <v>23</v>
      </c>
      <c r="AD16038">
        <v>23</v>
      </c>
      <c r="AE16038">
        <v>23</v>
      </c>
      <c r="AF16038">
        <v>23</v>
      </c>
      <c r="AG16038">
        <v>23</v>
      </c>
      <c r="AH16038">
        <v>23</v>
      </c>
      <c r="AI16038">
        <v>23</v>
      </c>
      <c r="AJ16038">
        <v>23</v>
      </c>
      <c r="AK16038">
        <v>23</v>
      </c>
      <c r="AL16038">
        <v>23</v>
      </c>
      <c r="AM16038">
        <v>23</v>
      </c>
      <c r="AN16038">
        <v>23</v>
      </c>
      <c r="AO16038">
        <v>22</v>
      </c>
      <c r="AP16038">
        <v>22</v>
      </c>
      <c r="AQ16038">
        <v>22</v>
      </c>
    </row>
    <row r="16039" spans="1:43">
      <c r="A16039" t="s">
        <v>9948</v>
      </c>
      <c r="B16039" t="s">
        <v>9949</v>
      </c>
      <c r="C16039" t="s">
        <v>9798</v>
      </c>
      <c r="D16039" t="s">
        <v>9799</v>
      </c>
      <c r="E16039" t="s">
        <v>9544</v>
      </c>
      <c r="F16039" t="s">
        <v>9545</v>
      </c>
      <c r="G16039" t="s">
        <v>80</v>
      </c>
      <c r="H16039" t="s">
        <v>81</v>
      </c>
      <c r="I16039" s="2">
        <v>0</v>
      </c>
      <c r="J16039" s="2">
        <v>1</v>
      </c>
      <c r="K16039" s="2">
        <v>0</v>
      </c>
      <c r="L16039" t="s">
        <v>82</v>
      </c>
      <c r="M16039" t="s">
        <v>87</v>
      </c>
      <c r="N16039" t="s">
        <v>88</v>
      </c>
      <c r="O16039" t="s">
        <v>85</v>
      </c>
      <c r="P16039" t="s">
        <v>86</v>
      </c>
      <c r="Q16039">
        <v>21</v>
      </c>
      <c r="R16039">
        <v>21</v>
      </c>
      <c r="S16039">
        <v>21</v>
      </c>
      <c r="T16039">
        <v>21</v>
      </c>
      <c r="U16039">
        <v>21</v>
      </c>
      <c r="V16039">
        <v>21</v>
      </c>
      <c r="W16039">
        <v>21</v>
      </c>
      <c r="X16039">
        <v>21</v>
      </c>
      <c r="Y16039">
        <v>21</v>
      </c>
      <c r="Z16039">
        <v>21</v>
      </c>
      <c r="AA16039">
        <v>20</v>
      </c>
      <c r="AB16039">
        <v>20</v>
      </c>
      <c r="AC16039">
        <v>20</v>
      </c>
      <c r="AD16039">
        <v>20</v>
      </c>
      <c r="AE16039">
        <v>20</v>
      </c>
      <c r="AF16039">
        <v>20</v>
      </c>
      <c r="AG16039">
        <v>20</v>
      </c>
      <c r="AH16039">
        <v>20</v>
      </c>
      <c r="AI16039">
        <v>20</v>
      </c>
      <c r="AJ16039">
        <v>20</v>
      </c>
      <c r="AK16039">
        <v>20</v>
      </c>
      <c r="AL16039">
        <v>20</v>
      </c>
      <c r="AM16039">
        <v>20</v>
      </c>
      <c r="AN16039">
        <v>19</v>
      </c>
      <c r="AO16039">
        <v>19</v>
      </c>
      <c r="AP16039">
        <v>19</v>
      </c>
      <c r="AQ16039">
        <v>19</v>
      </c>
    </row>
    <row r="16040" spans="1:43">
      <c r="A16040" t="s">
        <v>9948</v>
      </c>
      <c r="B16040" t="s">
        <v>9949</v>
      </c>
      <c r="C16040" t="s">
        <v>9798</v>
      </c>
      <c r="D16040" t="s">
        <v>9799</v>
      </c>
      <c r="E16040" t="s">
        <v>9544</v>
      </c>
      <c r="F16040" t="s">
        <v>9545</v>
      </c>
      <c r="G16040" t="s">
        <v>80</v>
      </c>
      <c r="H16040" t="s">
        <v>81</v>
      </c>
      <c r="I16040" s="2">
        <v>0</v>
      </c>
      <c r="J16040" s="2">
        <v>1</v>
      </c>
      <c r="K16040" s="2">
        <v>0</v>
      </c>
      <c r="L16040" t="s">
        <v>82</v>
      </c>
      <c r="M16040" t="s">
        <v>89</v>
      </c>
      <c r="N16040" t="s">
        <v>90</v>
      </c>
      <c r="O16040" t="s">
        <v>85</v>
      </c>
      <c r="P16040" t="s">
        <v>86</v>
      </c>
      <c r="Q16040">
        <v>21</v>
      </c>
      <c r="R16040">
        <v>21</v>
      </c>
      <c r="S16040">
        <v>21</v>
      </c>
      <c r="T16040">
        <v>21</v>
      </c>
      <c r="U16040">
        <v>22</v>
      </c>
      <c r="V16040">
        <v>22</v>
      </c>
      <c r="W16040">
        <v>22</v>
      </c>
      <c r="X16040">
        <v>22</v>
      </c>
      <c r="Y16040">
        <v>23</v>
      </c>
      <c r="Z16040">
        <v>23</v>
      </c>
      <c r="AA16040">
        <v>23</v>
      </c>
      <c r="AB16040">
        <v>23</v>
      </c>
      <c r="AC16040">
        <v>23</v>
      </c>
      <c r="AD16040">
        <v>23</v>
      </c>
      <c r="AE16040">
        <v>23</v>
      </c>
      <c r="AF16040">
        <v>23</v>
      </c>
      <c r="AG16040">
        <v>23</v>
      </c>
      <c r="AH16040">
        <v>23</v>
      </c>
      <c r="AI16040">
        <v>23</v>
      </c>
      <c r="AJ16040">
        <v>23</v>
      </c>
      <c r="AK16040">
        <v>22</v>
      </c>
      <c r="AL16040">
        <v>22</v>
      </c>
      <c r="AM16040">
        <v>22</v>
      </c>
      <c r="AN16040">
        <v>22</v>
      </c>
      <c r="AO16040">
        <v>22</v>
      </c>
      <c r="AP16040">
        <v>21</v>
      </c>
      <c r="AQ16040">
        <v>21</v>
      </c>
    </row>
    <row r="16041" spans="1:43">
      <c r="A16041" t="s">
        <v>9948</v>
      </c>
      <c r="B16041" t="s">
        <v>9949</v>
      </c>
      <c r="C16041" t="s">
        <v>9798</v>
      </c>
      <c r="D16041" t="s">
        <v>9799</v>
      </c>
      <c r="E16041" t="s">
        <v>9544</v>
      </c>
      <c r="F16041" t="s">
        <v>9545</v>
      </c>
      <c r="G16041" t="s">
        <v>80</v>
      </c>
      <c r="H16041" t="s">
        <v>81</v>
      </c>
      <c r="I16041" s="2">
        <v>0</v>
      </c>
      <c r="J16041" s="2">
        <v>1</v>
      </c>
      <c r="K16041" s="2">
        <v>0</v>
      </c>
      <c r="L16041" t="s">
        <v>82</v>
      </c>
      <c r="M16041" t="s">
        <v>83</v>
      </c>
      <c r="N16041" t="s">
        <v>91</v>
      </c>
      <c r="O16041" t="s">
        <v>85</v>
      </c>
      <c r="P16041" t="s">
        <v>86</v>
      </c>
      <c r="Q16041">
        <v>21</v>
      </c>
      <c r="R16041">
        <v>21</v>
      </c>
      <c r="S16041">
        <v>22</v>
      </c>
      <c r="T16041">
        <v>22</v>
      </c>
      <c r="U16041">
        <v>22</v>
      </c>
      <c r="V16041">
        <v>22</v>
      </c>
      <c r="W16041">
        <v>22</v>
      </c>
      <c r="X16041">
        <v>22</v>
      </c>
      <c r="Y16041">
        <v>22</v>
      </c>
      <c r="Z16041">
        <v>22</v>
      </c>
      <c r="AA16041">
        <v>23</v>
      </c>
      <c r="AB16041">
        <v>23</v>
      </c>
      <c r="AC16041">
        <v>23</v>
      </c>
      <c r="AD16041">
        <v>23</v>
      </c>
      <c r="AE16041">
        <v>23</v>
      </c>
      <c r="AF16041">
        <v>23</v>
      </c>
      <c r="AG16041">
        <v>23</v>
      </c>
      <c r="AH16041">
        <v>23</v>
      </c>
      <c r="AI16041">
        <v>23</v>
      </c>
      <c r="AJ16041">
        <v>23</v>
      </c>
      <c r="AK16041">
        <v>23</v>
      </c>
      <c r="AL16041">
        <v>23</v>
      </c>
      <c r="AM16041">
        <v>23</v>
      </c>
      <c r="AN16041">
        <v>23</v>
      </c>
      <c r="AO16041">
        <v>22</v>
      </c>
      <c r="AP16041">
        <v>22</v>
      </c>
      <c r="AQ16041">
        <v>22</v>
      </c>
    </row>
    <row r="16042" spans="1:43">
      <c r="A16042" t="s">
        <v>9950</v>
      </c>
      <c r="B16042" t="s">
        <v>9951</v>
      </c>
      <c r="C16042" t="s">
        <v>9798</v>
      </c>
      <c r="D16042" t="s">
        <v>9799</v>
      </c>
      <c r="E16042" t="s">
        <v>9544</v>
      </c>
      <c r="F16042" t="s">
        <v>9545</v>
      </c>
      <c r="G16042" t="s">
        <v>80</v>
      </c>
      <c r="H16042" t="s">
        <v>81</v>
      </c>
      <c r="I16042" s="2">
        <v>0</v>
      </c>
      <c r="J16042" s="2">
        <v>1</v>
      </c>
      <c r="K16042" s="2">
        <v>0</v>
      </c>
      <c r="L16042" t="s">
        <v>82</v>
      </c>
      <c r="M16042" t="s">
        <v>83</v>
      </c>
      <c r="N16042" t="s">
        <v>84</v>
      </c>
      <c r="O16042" t="s">
        <v>85</v>
      </c>
      <c r="P16042" t="s">
        <v>86</v>
      </c>
      <c r="Q16042">
        <v>104</v>
      </c>
      <c r="R16042">
        <v>105</v>
      </c>
      <c r="S16042">
        <v>106</v>
      </c>
      <c r="T16042">
        <v>106</v>
      </c>
      <c r="U16042">
        <v>107</v>
      </c>
      <c r="V16042">
        <v>108</v>
      </c>
      <c r="W16042">
        <v>108</v>
      </c>
      <c r="X16042">
        <v>109</v>
      </c>
      <c r="Y16042">
        <v>110</v>
      </c>
      <c r="Z16042">
        <v>110</v>
      </c>
      <c r="AA16042">
        <v>111</v>
      </c>
      <c r="AB16042">
        <v>111</v>
      </c>
      <c r="AC16042">
        <v>112</v>
      </c>
      <c r="AD16042">
        <v>112</v>
      </c>
      <c r="AE16042">
        <v>112</v>
      </c>
      <c r="AF16042">
        <v>113</v>
      </c>
      <c r="AG16042">
        <v>113</v>
      </c>
      <c r="AH16042">
        <v>113</v>
      </c>
      <c r="AI16042">
        <v>113</v>
      </c>
      <c r="AJ16042">
        <v>114</v>
      </c>
      <c r="AK16042">
        <v>114</v>
      </c>
      <c r="AL16042">
        <v>114</v>
      </c>
      <c r="AM16042">
        <v>113</v>
      </c>
      <c r="AN16042">
        <v>112</v>
      </c>
      <c r="AO16042">
        <v>111</v>
      </c>
      <c r="AP16042">
        <v>110</v>
      </c>
      <c r="AQ16042">
        <v>110</v>
      </c>
    </row>
    <row r="16043" spans="1:43">
      <c r="A16043" t="s">
        <v>9950</v>
      </c>
      <c r="B16043" t="s">
        <v>9951</v>
      </c>
      <c r="C16043" t="s">
        <v>9798</v>
      </c>
      <c r="D16043" t="s">
        <v>9799</v>
      </c>
      <c r="E16043" t="s">
        <v>9544</v>
      </c>
      <c r="F16043" t="s">
        <v>9545</v>
      </c>
      <c r="G16043" t="s">
        <v>80</v>
      </c>
      <c r="H16043" t="s">
        <v>81</v>
      </c>
      <c r="I16043" s="2">
        <v>0</v>
      </c>
      <c r="J16043" s="2">
        <v>1</v>
      </c>
      <c r="K16043" s="2">
        <v>0</v>
      </c>
      <c r="L16043" t="s">
        <v>82</v>
      </c>
      <c r="M16043" t="s">
        <v>87</v>
      </c>
      <c r="N16043" t="s">
        <v>88</v>
      </c>
      <c r="O16043" t="s">
        <v>85</v>
      </c>
      <c r="P16043" t="s">
        <v>86</v>
      </c>
      <c r="Q16043">
        <v>104</v>
      </c>
      <c r="R16043">
        <v>104</v>
      </c>
      <c r="S16043">
        <v>104</v>
      </c>
      <c r="T16043">
        <v>104</v>
      </c>
      <c r="U16043">
        <v>103</v>
      </c>
      <c r="V16043">
        <v>103</v>
      </c>
      <c r="W16043">
        <v>103</v>
      </c>
      <c r="X16043">
        <v>103</v>
      </c>
      <c r="Y16043">
        <v>102</v>
      </c>
      <c r="Z16043">
        <v>102</v>
      </c>
      <c r="AA16043">
        <v>102</v>
      </c>
      <c r="AB16043">
        <v>102</v>
      </c>
      <c r="AC16043">
        <v>101</v>
      </c>
      <c r="AD16043">
        <v>101</v>
      </c>
      <c r="AE16043">
        <v>101</v>
      </c>
      <c r="AF16043">
        <v>100</v>
      </c>
      <c r="AG16043">
        <v>100</v>
      </c>
      <c r="AH16043">
        <v>100</v>
      </c>
      <c r="AI16043">
        <v>99</v>
      </c>
      <c r="AJ16043">
        <v>99</v>
      </c>
      <c r="AK16043">
        <v>99</v>
      </c>
      <c r="AL16043">
        <v>98</v>
      </c>
      <c r="AM16043">
        <v>98</v>
      </c>
      <c r="AN16043">
        <v>98</v>
      </c>
      <c r="AO16043">
        <v>97</v>
      </c>
      <c r="AP16043">
        <v>97</v>
      </c>
      <c r="AQ16043">
        <v>96</v>
      </c>
    </row>
    <row r="16044" spans="1:43">
      <c r="A16044" t="s">
        <v>9950</v>
      </c>
      <c r="B16044" t="s">
        <v>9951</v>
      </c>
      <c r="C16044" t="s">
        <v>9798</v>
      </c>
      <c r="D16044" t="s">
        <v>9799</v>
      </c>
      <c r="E16044" t="s">
        <v>9544</v>
      </c>
      <c r="F16044" t="s">
        <v>9545</v>
      </c>
      <c r="G16044" t="s">
        <v>80</v>
      </c>
      <c r="H16044" t="s">
        <v>81</v>
      </c>
      <c r="I16044" s="2">
        <v>0</v>
      </c>
      <c r="J16044" s="2">
        <v>1</v>
      </c>
      <c r="K16044" s="2">
        <v>0</v>
      </c>
      <c r="L16044" t="s">
        <v>82</v>
      </c>
      <c r="M16044" t="s">
        <v>89</v>
      </c>
      <c r="N16044" t="s">
        <v>90</v>
      </c>
      <c r="O16044" t="s">
        <v>85</v>
      </c>
      <c r="P16044" t="s">
        <v>86</v>
      </c>
      <c r="Q16044">
        <v>104</v>
      </c>
      <c r="R16044">
        <v>106</v>
      </c>
      <c r="S16044">
        <v>107</v>
      </c>
      <c r="T16044">
        <v>109</v>
      </c>
      <c r="U16044">
        <v>110</v>
      </c>
      <c r="V16044">
        <v>112</v>
      </c>
      <c r="W16044">
        <v>113</v>
      </c>
      <c r="X16044">
        <v>114</v>
      </c>
      <c r="Y16044">
        <v>115</v>
      </c>
      <c r="Z16044">
        <v>116</v>
      </c>
      <c r="AA16044">
        <v>117</v>
      </c>
      <c r="AB16044">
        <v>117</v>
      </c>
      <c r="AC16044">
        <v>118</v>
      </c>
      <c r="AD16044">
        <v>119</v>
      </c>
      <c r="AE16044">
        <v>119</v>
      </c>
      <c r="AF16044">
        <v>118</v>
      </c>
      <c r="AG16044">
        <v>118</v>
      </c>
      <c r="AH16044">
        <v>117</v>
      </c>
      <c r="AI16044">
        <v>116</v>
      </c>
      <c r="AJ16044">
        <v>115</v>
      </c>
      <c r="AK16044">
        <v>114</v>
      </c>
      <c r="AL16044">
        <v>114</v>
      </c>
      <c r="AM16044">
        <v>113</v>
      </c>
      <c r="AN16044">
        <v>112</v>
      </c>
      <c r="AO16044">
        <v>111</v>
      </c>
      <c r="AP16044">
        <v>111</v>
      </c>
      <c r="AQ16044">
        <v>110</v>
      </c>
    </row>
    <row r="16045" spans="1:43">
      <c r="A16045" t="s">
        <v>9950</v>
      </c>
      <c r="B16045" t="s">
        <v>9951</v>
      </c>
      <c r="C16045" t="s">
        <v>9798</v>
      </c>
      <c r="D16045" t="s">
        <v>9799</v>
      </c>
      <c r="E16045" t="s">
        <v>9544</v>
      </c>
      <c r="F16045" t="s">
        <v>9545</v>
      </c>
      <c r="G16045" t="s">
        <v>80</v>
      </c>
      <c r="H16045" t="s">
        <v>81</v>
      </c>
      <c r="I16045" s="2">
        <v>0</v>
      </c>
      <c r="J16045" s="2">
        <v>1</v>
      </c>
      <c r="K16045" s="2">
        <v>0</v>
      </c>
      <c r="L16045" t="s">
        <v>82</v>
      </c>
      <c r="M16045" t="s">
        <v>83</v>
      </c>
      <c r="N16045" t="s">
        <v>91</v>
      </c>
      <c r="O16045" t="s">
        <v>85</v>
      </c>
      <c r="P16045" t="s">
        <v>86</v>
      </c>
      <c r="Q16045">
        <v>104</v>
      </c>
      <c r="R16045">
        <v>105</v>
      </c>
      <c r="S16045">
        <v>106</v>
      </c>
      <c r="T16045">
        <v>106</v>
      </c>
      <c r="U16045">
        <v>107</v>
      </c>
      <c r="V16045">
        <v>108</v>
      </c>
      <c r="W16045">
        <v>108</v>
      </c>
      <c r="X16045">
        <v>109</v>
      </c>
      <c r="Y16045">
        <v>110</v>
      </c>
      <c r="Z16045">
        <v>110</v>
      </c>
      <c r="AA16045">
        <v>111</v>
      </c>
      <c r="AB16045">
        <v>111</v>
      </c>
      <c r="AC16045">
        <v>112</v>
      </c>
      <c r="AD16045">
        <v>112</v>
      </c>
      <c r="AE16045">
        <v>112</v>
      </c>
      <c r="AF16045">
        <v>113</v>
      </c>
      <c r="AG16045">
        <v>113</v>
      </c>
      <c r="AH16045">
        <v>113</v>
      </c>
      <c r="AI16045">
        <v>113</v>
      </c>
      <c r="AJ16045">
        <v>114</v>
      </c>
      <c r="AK16045">
        <v>114</v>
      </c>
      <c r="AL16045">
        <v>114</v>
      </c>
      <c r="AM16045">
        <v>113</v>
      </c>
      <c r="AN16045">
        <v>112</v>
      </c>
      <c r="AO16045">
        <v>111</v>
      </c>
      <c r="AP16045">
        <v>110</v>
      </c>
      <c r="AQ16045">
        <v>110</v>
      </c>
    </row>
    <row r="16046" spans="1:43">
      <c r="A16046" t="s">
        <v>9952</v>
      </c>
      <c r="B16046" t="s">
        <v>9953</v>
      </c>
      <c r="C16046" t="s">
        <v>9954</v>
      </c>
      <c r="D16046" t="s">
        <v>9955</v>
      </c>
      <c r="E16046" t="s">
        <v>9956</v>
      </c>
      <c r="F16046" t="s">
        <v>9957</v>
      </c>
      <c r="G16046" t="s">
        <v>80</v>
      </c>
      <c r="H16046" t="s">
        <v>81</v>
      </c>
      <c r="I16046" s="2">
        <v>0</v>
      </c>
      <c r="J16046" s="2">
        <v>1</v>
      </c>
      <c r="K16046" s="2">
        <v>0</v>
      </c>
      <c r="L16046" t="s">
        <v>82</v>
      </c>
      <c r="M16046" t="s">
        <v>83</v>
      </c>
      <c r="N16046" t="s">
        <v>84</v>
      </c>
      <c r="O16046" t="s">
        <v>85</v>
      </c>
      <c r="P16046" t="s">
        <v>86</v>
      </c>
      <c r="Q16046">
        <v>61</v>
      </c>
      <c r="R16046">
        <v>62</v>
      </c>
      <c r="S16046">
        <v>64</v>
      </c>
      <c r="T16046">
        <v>65</v>
      </c>
      <c r="U16046">
        <v>66</v>
      </c>
      <c r="V16046">
        <v>68</v>
      </c>
      <c r="W16046">
        <v>69</v>
      </c>
      <c r="X16046">
        <v>71</v>
      </c>
      <c r="Y16046">
        <v>72</v>
      </c>
      <c r="Z16046">
        <v>73</v>
      </c>
      <c r="AA16046">
        <v>75</v>
      </c>
      <c r="AB16046">
        <v>76</v>
      </c>
      <c r="AC16046">
        <v>78</v>
      </c>
      <c r="AD16046">
        <v>79</v>
      </c>
      <c r="AE16046">
        <v>81</v>
      </c>
      <c r="AF16046">
        <v>82</v>
      </c>
      <c r="AG16046">
        <v>84</v>
      </c>
      <c r="AH16046">
        <v>86</v>
      </c>
      <c r="AI16046">
        <v>87</v>
      </c>
      <c r="AJ16046">
        <v>89</v>
      </c>
      <c r="AK16046">
        <v>90</v>
      </c>
      <c r="AL16046">
        <v>91</v>
      </c>
      <c r="AM16046">
        <v>92</v>
      </c>
      <c r="AN16046">
        <v>93</v>
      </c>
      <c r="AO16046">
        <v>94</v>
      </c>
      <c r="AP16046">
        <v>95</v>
      </c>
      <c r="AQ16046">
        <v>95</v>
      </c>
    </row>
    <row r="16047" spans="1:43">
      <c r="A16047" t="s">
        <v>9952</v>
      </c>
      <c r="B16047" t="s">
        <v>9953</v>
      </c>
      <c r="C16047" t="s">
        <v>9954</v>
      </c>
      <c r="D16047" t="s">
        <v>9955</v>
      </c>
      <c r="E16047" t="s">
        <v>9956</v>
      </c>
      <c r="F16047" t="s">
        <v>9957</v>
      </c>
      <c r="G16047" t="s">
        <v>80</v>
      </c>
      <c r="H16047" t="s">
        <v>81</v>
      </c>
      <c r="I16047" s="2">
        <v>0</v>
      </c>
      <c r="J16047" s="2">
        <v>1</v>
      </c>
      <c r="K16047" s="2">
        <v>0</v>
      </c>
      <c r="L16047" t="s">
        <v>82</v>
      </c>
      <c r="M16047" t="s">
        <v>87</v>
      </c>
      <c r="N16047" t="s">
        <v>88</v>
      </c>
      <c r="O16047" t="s">
        <v>85</v>
      </c>
      <c r="P16047" t="s">
        <v>86</v>
      </c>
      <c r="Q16047">
        <v>61</v>
      </c>
      <c r="R16047">
        <v>61</v>
      </c>
      <c r="S16047">
        <v>62</v>
      </c>
      <c r="T16047">
        <v>63</v>
      </c>
      <c r="U16047">
        <v>64</v>
      </c>
      <c r="V16047">
        <v>64</v>
      </c>
      <c r="W16047">
        <v>65</v>
      </c>
      <c r="X16047">
        <v>66</v>
      </c>
      <c r="Y16047">
        <v>67</v>
      </c>
      <c r="Z16047">
        <v>67</v>
      </c>
      <c r="AA16047">
        <v>68</v>
      </c>
      <c r="AB16047">
        <v>69</v>
      </c>
      <c r="AC16047">
        <v>70</v>
      </c>
      <c r="AD16047">
        <v>71</v>
      </c>
      <c r="AE16047">
        <v>72</v>
      </c>
      <c r="AF16047">
        <v>72</v>
      </c>
      <c r="AG16047">
        <v>73</v>
      </c>
      <c r="AH16047">
        <v>74</v>
      </c>
      <c r="AI16047">
        <v>75</v>
      </c>
      <c r="AJ16047">
        <v>76</v>
      </c>
      <c r="AK16047">
        <v>77</v>
      </c>
      <c r="AL16047">
        <v>78</v>
      </c>
      <c r="AM16047">
        <v>79</v>
      </c>
      <c r="AN16047">
        <v>80</v>
      </c>
      <c r="AO16047">
        <v>81</v>
      </c>
      <c r="AP16047">
        <v>82</v>
      </c>
      <c r="AQ16047">
        <v>83</v>
      </c>
    </row>
    <row r="16048" spans="1:43">
      <c r="A16048" t="s">
        <v>9952</v>
      </c>
      <c r="B16048" t="s">
        <v>9953</v>
      </c>
      <c r="C16048" t="s">
        <v>9954</v>
      </c>
      <c r="D16048" t="s">
        <v>9955</v>
      </c>
      <c r="E16048" t="s">
        <v>9956</v>
      </c>
      <c r="F16048" t="s">
        <v>9957</v>
      </c>
      <c r="G16048" t="s">
        <v>80</v>
      </c>
      <c r="H16048" t="s">
        <v>81</v>
      </c>
      <c r="I16048" s="2">
        <v>0</v>
      </c>
      <c r="J16048" s="2">
        <v>1</v>
      </c>
      <c r="K16048" s="2">
        <v>0</v>
      </c>
      <c r="L16048" t="s">
        <v>82</v>
      </c>
      <c r="M16048" t="s">
        <v>89</v>
      </c>
      <c r="N16048" t="s">
        <v>90</v>
      </c>
      <c r="O16048" t="s">
        <v>85</v>
      </c>
      <c r="P16048" t="s">
        <v>86</v>
      </c>
      <c r="Q16048">
        <v>61</v>
      </c>
      <c r="R16048">
        <v>63</v>
      </c>
      <c r="S16048">
        <v>64</v>
      </c>
      <c r="T16048">
        <v>66</v>
      </c>
      <c r="U16048">
        <v>68</v>
      </c>
      <c r="V16048">
        <v>70</v>
      </c>
      <c r="W16048">
        <v>72</v>
      </c>
      <c r="X16048">
        <v>74</v>
      </c>
      <c r="Y16048">
        <v>75</v>
      </c>
      <c r="Z16048">
        <v>77</v>
      </c>
      <c r="AA16048">
        <v>79</v>
      </c>
      <c r="AB16048">
        <v>81</v>
      </c>
      <c r="AC16048">
        <v>83</v>
      </c>
      <c r="AD16048">
        <v>84</v>
      </c>
      <c r="AE16048">
        <v>86</v>
      </c>
      <c r="AF16048">
        <v>87</v>
      </c>
      <c r="AG16048">
        <v>87</v>
      </c>
      <c r="AH16048">
        <v>88</v>
      </c>
      <c r="AI16048">
        <v>89</v>
      </c>
      <c r="AJ16048">
        <v>90</v>
      </c>
      <c r="AK16048">
        <v>90</v>
      </c>
      <c r="AL16048">
        <v>91</v>
      </c>
      <c r="AM16048">
        <v>92</v>
      </c>
      <c r="AN16048">
        <v>93</v>
      </c>
      <c r="AO16048">
        <v>93</v>
      </c>
      <c r="AP16048">
        <v>94</v>
      </c>
      <c r="AQ16048">
        <v>95</v>
      </c>
    </row>
    <row r="16049" spans="1:43">
      <c r="A16049" t="s">
        <v>9952</v>
      </c>
      <c r="B16049" t="s">
        <v>9953</v>
      </c>
      <c r="C16049" t="s">
        <v>9954</v>
      </c>
      <c r="D16049" t="s">
        <v>9955</v>
      </c>
      <c r="E16049" t="s">
        <v>9956</v>
      </c>
      <c r="F16049" t="s">
        <v>9957</v>
      </c>
      <c r="G16049" t="s">
        <v>80</v>
      </c>
      <c r="H16049" t="s">
        <v>81</v>
      </c>
      <c r="I16049" s="2">
        <v>0</v>
      </c>
      <c r="J16049" s="2">
        <v>1</v>
      </c>
      <c r="K16049" s="2">
        <v>0</v>
      </c>
      <c r="L16049" t="s">
        <v>82</v>
      </c>
      <c r="M16049" t="s">
        <v>83</v>
      </c>
      <c r="N16049" t="s">
        <v>91</v>
      </c>
      <c r="O16049" t="s">
        <v>85</v>
      </c>
      <c r="P16049" t="s">
        <v>86</v>
      </c>
      <c r="Q16049">
        <v>61</v>
      </c>
      <c r="R16049">
        <v>62</v>
      </c>
      <c r="S16049">
        <v>64</v>
      </c>
      <c r="T16049">
        <v>65</v>
      </c>
      <c r="U16049">
        <v>66</v>
      </c>
      <c r="V16049">
        <v>68</v>
      </c>
      <c r="W16049">
        <v>69</v>
      </c>
      <c r="X16049">
        <v>71</v>
      </c>
      <c r="Y16049">
        <v>72</v>
      </c>
      <c r="Z16049">
        <v>73</v>
      </c>
      <c r="AA16049">
        <v>75</v>
      </c>
      <c r="AB16049">
        <v>76</v>
      </c>
      <c r="AC16049">
        <v>78</v>
      </c>
      <c r="AD16049">
        <v>79</v>
      </c>
      <c r="AE16049">
        <v>81</v>
      </c>
      <c r="AF16049">
        <v>82</v>
      </c>
      <c r="AG16049">
        <v>84</v>
      </c>
      <c r="AH16049">
        <v>86</v>
      </c>
      <c r="AI16049">
        <v>87</v>
      </c>
      <c r="AJ16049">
        <v>89</v>
      </c>
      <c r="AK16049">
        <v>90</v>
      </c>
      <c r="AL16049">
        <v>91</v>
      </c>
      <c r="AM16049">
        <v>92</v>
      </c>
      <c r="AN16049">
        <v>93</v>
      </c>
      <c r="AO16049">
        <v>94</v>
      </c>
      <c r="AP16049">
        <v>95</v>
      </c>
      <c r="AQ16049">
        <v>95</v>
      </c>
    </row>
    <row r="16050" spans="1:43">
      <c r="A16050" t="s">
        <v>9958</v>
      </c>
      <c r="B16050" t="s">
        <v>9959</v>
      </c>
      <c r="C16050" t="s">
        <v>9960</v>
      </c>
      <c r="D16050" t="s">
        <v>9961</v>
      </c>
      <c r="E16050" t="s">
        <v>9956</v>
      </c>
      <c r="F16050" t="s">
        <v>9957</v>
      </c>
      <c r="G16050" t="s">
        <v>80</v>
      </c>
      <c r="H16050" t="s">
        <v>81</v>
      </c>
      <c r="I16050" s="2">
        <v>0</v>
      </c>
      <c r="J16050" s="2">
        <v>1</v>
      </c>
      <c r="K16050" s="2">
        <v>0</v>
      </c>
      <c r="L16050" t="s">
        <v>82</v>
      </c>
      <c r="M16050" t="s">
        <v>83</v>
      </c>
      <c r="N16050" t="s">
        <v>84</v>
      </c>
      <c r="O16050" t="s">
        <v>85</v>
      </c>
      <c r="P16050" t="s">
        <v>86</v>
      </c>
      <c r="Q16050">
        <v>81</v>
      </c>
      <c r="R16050">
        <v>83</v>
      </c>
      <c r="S16050">
        <v>85</v>
      </c>
      <c r="T16050">
        <v>86</v>
      </c>
      <c r="U16050">
        <v>88</v>
      </c>
      <c r="V16050">
        <v>90</v>
      </c>
      <c r="W16050">
        <v>92</v>
      </c>
      <c r="X16050">
        <v>94</v>
      </c>
      <c r="Y16050">
        <v>95</v>
      </c>
      <c r="Z16050">
        <v>97</v>
      </c>
      <c r="AA16050">
        <v>99</v>
      </c>
      <c r="AB16050">
        <v>101</v>
      </c>
      <c r="AC16050">
        <v>103</v>
      </c>
      <c r="AD16050">
        <v>105</v>
      </c>
      <c r="AE16050">
        <v>107</v>
      </c>
      <c r="AF16050">
        <v>109</v>
      </c>
      <c r="AG16050">
        <v>111</v>
      </c>
      <c r="AH16050">
        <v>113</v>
      </c>
      <c r="AI16050">
        <v>115</v>
      </c>
      <c r="AJ16050">
        <v>117</v>
      </c>
      <c r="AK16050">
        <v>119</v>
      </c>
      <c r="AL16050">
        <v>121</v>
      </c>
      <c r="AM16050">
        <v>122</v>
      </c>
      <c r="AN16050">
        <v>123</v>
      </c>
      <c r="AO16050">
        <v>124</v>
      </c>
      <c r="AP16050">
        <v>125</v>
      </c>
      <c r="AQ16050">
        <v>126</v>
      </c>
    </row>
    <row r="16051" spans="1:43">
      <c r="A16051" t="s">
        <v>9958</v>
      </c>
      <c r="B16051" t="s">
        <v>9959</v>
      </c>
      <c r="C16051" t="s">
        <v>9960</v>
      </c>
      <c r="D16051" t="s">
        <v>9961</v>
      </c>
      <c r="E16051" t="s">
        <v>9956</v>
      </c>
      <c r="F16051" t="s">
        <v>9957</v>
      </c>
      <c r="G16051" t="s">
        <v>80</v>
      </c>
      <c r="H16051" t="s">
        <v>81</v>
      </c>
      <c r="I16051" s="2">
        <v>0</v>
      </c>
      <c r="J16051" s="2">
        <v>1</v>
      </c>
      <c r="K16051" s="2">
        <v>0</v>
      </c>
      <c r="L16051" t="s">
        <v>82</v>
      </c>
      <c r="M16051" t="s">
        <v>87</v>
      </c>
      <c r="N16051" t="s">
        <v>88</v>
      </c>
      <c r="O16051" t="s">
        <v>85</v>
      </c>
      <c r="P16051" t="s">
        <v>86</v>
      </c>
      <c r="Q16051">
        <v>81</v>
      </c>
      <c r="R16051">
        <v>82</v>
      </c>
      <c r="S16051">
        <v>83</v>
      </c>
      <c r="T16051">
        <v>84</v>
      </c>
      <c r="U16051">
        <v>85</v>
      </c>
      <c r="V16051">
        <v>86</v>
      </c>
      <c r="W16051">
        <v>87</v>
      </c>
      <c r="X16051">
        <v>88</v>
      </c>
      <c r="Y16051">
        <v>89</v>
      </c>
      <c r="Z16051">
        <v>90</v>
      </c>
      <c r="AA16051">
        <v>91</v>
      </c>
      <c r="AB16051">
        <v>92</v>
      </c>
      <c r="AC16051">
        <v>94</v>
      </c>
      <c r="AD16051">
        <v>95</v>
      </c>
      <c r="AE16051">
        <v>96</v>
      </c>
      <c r="AF16051">
        <v>97</v>
      </c>
      <c r="AG16051">
        <v>98</v>
      </c>
      <c r="AH16051">
        <v>99</v>
      </c>
      <c r="AI16051">
        <v>100</v>
      </c>
      <c r="AJ16051">
        <v>102</v>
      </c>
      <c r="AK16051">
        <v>103</v>
      </c>
      <c r="AL16051">
        <v>104</v>
      </c>
      <c r="AM16051">
        <v>105</v>
      </c>
      <c r="AN16051">
        <v>107</v>
      </c>
      <c r="AO16051">
        <v>108</v>
      </c>
      <c r="AP16051">
        <v>109</v>
      </c>
      <c r="AQ16051">
        <v>110</v>
      </c>
    </row>
    <row r="16052" spans="1:43">
      <c r="A16052" t="s">
        <v>9958</v>
      </c>
      <c r="B16052" t="s">
        <v>9959</v>
      </c>
      <c r="C16052" t="s">
        <v>9960</v>
      </c>
      <c r="D16052" t="s">
        <v>9961</v>
      </c>
      <c r="E16052" t="s">
        <v>9956</v>
      </c>
      <c r="F16052" t="s">
        <v>9957</v>
      </c>
      <c r="G16052" t="s">
        <v>80</v>
      </c>
      <c r="H16052" t="s">
        <v>81</v>
      </c>
      <c r="I16052" s="2">
        <v>0</v>
      </c>
      <c r="J16052" s="2">
        <v>1</v>
      </c>
      <c r="K16052" s="2">
        <v>0</v>
      </c>
      <c r="L16052" t="s">
        <v>82</v>
      </c>
      <c r="M16052" t="s">
        <v>89</v>
      </c>
      <c r="N16052" t="s">
        <v>90</v>
      </c>
      <c r="O16052" t="s">
        <v>85</v>
      </c>
      <c r="P16052" t="s">
        <v>86</v>
      </c>
      <c r="Q16052">
        <v>81</v>
      </c>
      <c r="R16052">
        <v>83</v>
      </c>
      <c r="S16052">
        <v>86</v>
      </c>
      <c r="T16052">
        <v>88</v>
      </c>
      <c r="U16052">
        <v>91</v>
      </c>
      <c r="V16052">
        <v>93</v>
      </c>
      <c r="W16052">
        <v>95</v>
      </c>
      <c r="X16052">
        <v>98</v>
      </c>
      <c r="Y16052">
        <v>100</v>
      </c>
      <c r="Z16052">
        <v>102</v>
      </c>
      <c r="AA16052">
        <v>105</v>
      </c>
      <c r="AB16052">
        <v>107</v>
      </c>
      <c r="AC16052">
        <v>109</v>
      </c>
      <c r="AD16052">
        <v>112</v>
      </c>
      <c r="AE16052">
        <v>114</v>
      </c>
      <c r="AF16052">
        <v>115</v>
      </c>
      <c r="AG16052">
        <v>116</v>
      </c>
      <c r="AH16052">
        <v>116</v>
      </c>
      <c r="AI16052">
        <v>117</v>
      </c>
      <c r="AJ16052">
        <v>118</v>
      </c>
      <c r="AK16052">
        <v>119</v>
      </c>
      <c r="AL16052">
        <v>120</v>
      </c>
      <c r="AM16052">
        <v>121</v>
      </c>
      <c r="AN16052">
        <v>122</v>
      </c>
      <c r="AO16052">
        <v>123</v>
      </c>
      <c r="AP16052">
        <v>124</v>
      </c>
      <c r="AQ16052">
        <v>125</v>
      </c>
    </row>
    <row r="16053" spans="1:43">
      <c r="A16053" t="s">
        <v>9958</v>
      </c>
      <c r="B16053" t="s">
        <v>9959</v>
      </c>
      <c r="C16053" t="s">
        <v>9960</v>
      </c>
      <c r="D16053" t="s">
        <v>9961</v>
      </c>
      <c r="E16053" t="s">
        <v>9956</v>
      </c>
      <c r="F16053" t="s">
        <v>9957</v>
      </c>
      <c r="G16053" t="s">
        <v>80</v>
      </c>
      <c r="H16053" t="s">
        <v>81</v>
      </c>
      <c r="I16053" s="2">
        <v>0</v>
      </c>
      <c r="J16053" s="2">
        <v>1</v>
      </c>
      <c r="K16053" s="2">
        <v>0</v>
      </c>
      <c r="L16053" t="s">
        <v>82</v>
      </c>
      <c r="M16053" t="s">
        <v>83</v>
      </c>
      <c r="N16053" t="s">
        <v>91</v>
      </c>
      <c r="O16053" t="s">
        <v>85</v>
      </c>
      <c r="P16053" t="s">
        <v>86</v>
      </c>
      <c r="Q16053">
        <v>81</v>
      </c>
      <c r="R16053">
        <v>83</v>
      </c>
      <c r="S16053">
        <v>85</v>
      </c>
      <c r="T16053">
        <v>86</v>
      </c>
      <c r="U16053">
        <v>88</v>
      </c>
      <c r="V16053">
        <v>90</v>
      </c>
      <c r="W16053">
        <v>92</v>
      </c>
      <c r="X16053">
        <v>94</v>
      </c>
      <c r="Y16053">
        <v>95</v>
      </c>
      <c r="Z16053">
        <v>97</v>
      </c>
      <c r="AA16053">
        <v>99</v>
      </c>
      <c r="AB16053">
        <v>101</v>
      </c>
      <c r="AC16053">
        <v>103</v>
      </c>
      <c r="AD16053">
        <v>105</v>
      </c>
      <c r="AE16053">
        <v>107</v>
      </c>
      <c r="AF16053">
        <v>109</v>
      </c>
      <c r="AG16053">
        <v>111</v>
      </c>
      <c r="AH16053">
        <v>113</v>
      </c>
      <c r="AI16053">
        <v>115</v>
      </c>
      <c r="AJ16053">
        <v>117</v>
      </c>
      <c r="AK16053">
        <v>119</v>
      </c>
      <c r="AL16053">
        <v>121</v>
      </c>
      <c r="AM16053">
        <v>122</v>
      </c>
      <c r="AN16053">
        <v>123</v>
      </c>
      <c r="AO16053">
        <v>124</v>
      </c>
      <c r="AP16053">
        <v>125</v>
      </c>
      <c r="AQ16053">
        <v>126</v>
      </c>
    </row>
    <row r="16054" spans="1:43">
      <c r="A16054" t="s">
        <v>9962</v>
      </c>
      <c r="B16054" t="s">
        <v>9963</v>
      </c>
      <c r="C16054" t="s">
        <v>9954</v>
      </c>
      <c r="D16054" t="s">
        <v>9955</v>
      </c>
      <c r="E16054" t="s">
        <v>9956</v>
      </c>
      <c r="F16054" t="s">
        <v>9957</v>
      </c>
      <c r="G16054" t="s">
        <v>80</v>
      </c>
      <c r="H16054" t="s">
        <v>81</v>
      </c>
      <c r="I16054" s="2">
        <v>0</v>
      </c>
      <c r="J16054" s="2">
        <v>1</v>
      </c>
      <c r="K16054" s="2">
        <v>0</v>
      </c>
      <c r="L16054" t="s">
        <v>82</v>
      </c>
      <c r="M16054" t="s">
        <v>83</v>
      </c>
      <c r="N16054" t="s">
        <v>84</v>
      </c>
      <c r="O16054" t="s">
        <v>85</v>
      </c>
      <c r="P16054" t="s">
        <v>86</v>
      </c>
      <c r="Q16054">
        <v>109</v>
      </c>
      <c r="R16054">
        <v>111</v>
      </c>
      <c r="S16054">
        <v>113</v>
      </c>
      <c r="T16054">
        <v>116</v>
      </c>
      <c r="U16054">
        <v>118</v>
      </c>
      <c r="V16054">
        <v>121</v>
      </c>
      <c r="W16054">
        <v>123</v>
      </c>
      <c r="X16054">
        <v>125</v>
      </c>
      <c r="Y16054">
        <v>128</v>
      </c>
      <c r="Z16054">
        <v>131</v>
      </c>
      <c r="AA16054">
        <v>133</v>
      </c>
      <c r="AB16054">
        <v>136</v>
      </c>
      <c r="AC16054">
        <v>138</v>
      </c>
      <c r="AD16054">
        <v>141</v>
      </c>
      <c r="AE16054">
        <v>144</v>
      </c>
      <c r="AF16054">
        <v>147</v>
      </c>
      <c r="AG16054">
        <v>149</v>
      </c>
      <c r="AH16054">
        <v>152</v>
      </c>
      <c r="AI16054">
        <v>155</v>
      </c>
      <c r="AJ16054">
        <v>158</v>
      </c>
      <c r="AK16054">
        <v>161</v>
      </c>
      <c r="AL16054">
        <v>162</v>
      </c>
      <c r="AM16054">
        <v>164</v>
      </c>
      <c r="AN16054">
        <v>165</v>
      </c>
      <c r="AO16054">
        <v>166</v>
      </c>
      <c r="AP16054">
        <v>168</v>
      </c>
      <c r="AQ16054">
        <v>169</v>
      </c>
    </row>
    <row r="16055" spans="1:43">
      <c r="A16055" t="s">
        <v>9962</v>
      </c>
      <c r="B16055" t="s">
        <v>9963</v>
      </c>
      <c r="C16055" t="s">
        <v>9954</v>
      </c>
      <c r="D16055" t="s">
        <v>9955</v>
      </c>
      <c r="E16055" t="s">
        <v>9956</v>
      </c>
      <c r="F16055" t="s">
        <v>9957</v>
      </c>
      <c r="G16055" t="s">
        <v>80</v>
      </c>
      <c r="H16055" t="s">
        <v>81</v>
      </c>
      <c r="I16055" s="2">
        <v>0</v>
      </c>
      <c r="J16055" s="2">
        <v>1</v>
      </c>
      <c r="K16055" s="2">
        <v>0</v>
      </c>
      <c r="L16055" t="s">
        <v>82</v>
      </c>
      <c r="M16055" t="s">
        <v>87</v>
      </c>
      <c r="N16055" t="s">
        <v>88</v>
      </c>
      <c r="O16055" t="s">
        <v>85</v>
      </c>
      <c r="P16055" t="s">
        <v>86</v>
      </c>
      <c r="Q16055">
        <v>109</v>
      </c>
      <c r="R16055">
        <v>110</v>
      </c>
      <c r="S16055">
        <v>111</v>
      </c>
      <c r="T16055">
        <v>113</v>
      </c>
      <c r="U16055">
        <v>114</v>
      </c>
      <c r="V16055">
        <v>115</v>
      </c>
      <c r="W16055">
        <v>117</v>
      </c>
      <c r="X16055">
        <v>118</v>
      </c>
      <c r="Y16055">
        <v>119</v>
      </c>
      <c r="Z16055">
        <v>121</v>
      </c>
      <c r="AA16055">
        <v>122</v>
      </c>
      <c r="AB16055">
        <v>124</v>
      </c>
      <c r="AC16055">
        <v>125</v>
      </c>
      <c r="AD16055">
        <v>127</v>
      </c>
      <c r="AE16055">
        <v>128</v>
      </c>
      <c r="AF16055">
        <v>130</v>
      </c>
      <c r="AG16055">
        <v>131</v>
      </c>
      <c r="AH16055">
        <v>133</v>
      </c>
      <c r="AI16055">
        <v>135</v>
      </c>
      <c r="AJ16055">
        <v>136</v>
      </c>
      <c r="AK16055">
        <v>138</v>
      </c>
      <c r="AL16055">
        <v>139</v>
      </c>
      <c r="AM16055">
        <v>141</v>
      </c>
      <c r="AN16055">
        <v>143</v>
      </c>
      <c r="AO16055">
        <v>144</v>
      </c>
      <c r="AP16055">
        <v>146</v>
      </c>
      <c r="AQ16055">
        <v>148</v>
      </c>
    </row>
    <row r="16056" spans="1:43">
      <c r="A16056" t="s">
        <v>9962</v>
      </c>
      <c r="B16056" t="s">
        <v>9963</v>
      </c>
      <c r="C16056" t="s">
        <v>9954</v>
      </c>
      <c r="D16056" t="s">
        <v>9955</v>
      </c>
      <c r="E16056" t="s">
        <v>9956</v>
      </c>
      <c r="F16056" t="s">
        <v>9957</v>
      </c>
      <c r="G16056" t="s">
        <v>80</v>
      </c>
      <c r="H16056" t="s">
        <v>81</v>
      </c>
      <c r="I16056" s="2">
        <v>0</v>
      </c>
      <c r="J16056" s="2">
        <v>1</v>
      </c>
      <c r="K16056" s="2">
        <v>0</v>
      </c>
      <c r="L16056" t="s">
        <v>82</v>
      </c>
      <c r="M16056" t="s">
        <v>89</v>
      </c>
      <c r="N16056" t="s">
        <v>90</v>
      </c>
      <c r="O16056" t="s">
        <v>85</v>
      </c>
      <c r="P16056" t="s">
        <v>86</v>
      </c>
      <c r="Q16056">
        <v>109</v>
      </c>
      <c r="R16056">
        <v>112</v>
      </c>
      <c r="S16056">
        <v>115</v>
      </c>
      <c r="T16056">
        <v>119</v>
      </c>
      <c r="U16056">
        <v>122</v>
      </c>
      <c r="V16056">
        <v>125</v>
      </c>
      <c r="W16056">
        <v>128</v>
      </c>
      <c r="X16056">
        <v>132</v>
      </c>
      <c r="Y16056">
        <v>135</v>
      </c>
      <c r="Z16056">
        <v>138</v>
      </c>
      <c r="AA16056">
        <v>141</v>
      </c>
      <c r="AB16056">
        <v>144</v>
      </c>
      <c r="AC16056">
        <v>148</v>
      </c>
      <c r="AD16056">
        <v>151</v>
      </c>
      <c r="AE16056">
        <v>153</v>
      </c>
      <c r="AF16056">
        <v>155</v>
      </c>
      <c r="AG16056">
        <v>156</v>
      </c>
      <c r="AH16056">
        <v>157</v>
      </c>
      <c r="AI16056">
        <v>158</v>
      </c>
      <c r="AJ16056">
        <v>160</v>
      </c>
      <c r="AK16056">
        <v>161</v>
      </c>
      <c r="AL16056">
        <v>162</v>
      </c>
      <c r="AM16056">
        <v>164</v>
      </c>
      <c r="AN16056">
        <v>165</v>
      </c>
      <c r="AO16056">
        <v>166</v>
      </c>
      <c r="AP16056">
        <v>168</v>
      </c>
      <c r="AQ16056">
        <v>169</v>
      </c>
    </row>
    <row r="16057" spans="1:43">
      <c r="A16057" t="s">
        <v>9962</v>
      </c>
      <c r="B16057" t="s">
        <v>9963</v>
      </c>
      <c r="C16057" t="s">
        <v>9954</v>
      </c>
      <c r="D16057" t="s">
        <v>9955</v>
      </c>
      <c r="E16057" t="s">
        <v>9956</v>
      </c>
      <c r="F16057" t="s">
        <v>9957</v>
      </c>
      <c r="G16057" t="s">
        <v>80</v>
      </c>
      <c r="H16057" t="s">
        <v>81</v>
      </c>
      <c r="I16057" s="2">
        <v>0</v>
      </c>
      <c r="J16057" s="2">
        <v>1</v>
      </c>
      <c r="K16057" s="2">
        <v>0</v>
      </c>
      <c r="L16057" t="s">
        <v>82</v>
      </c>
      <c r="M16057" t="s">
        <v>83</v>
      </c>
      <c r="N16057" t="s">
        <v>91</v>
      </c>
      <c r="O16057" t="s">
        <v>85</v>
      </c>
      <c r="P16057" t="s">
        <v>86</v>
      </c>
      <c r="Q16057">
        <v>109</v>
      </c>
      <c r="R16057">
        <v>111</v>
      </c>
      <c r="S16057">
        <v>113</v>
      </c>
      <c r="T16057">
        <v>116</v>
      </c>
      <c r="U16057">
        <v>118</v>
      </c>
      <c r="V16057">
        <v>121</v>
      </c>
      <c r="W16057">
        <v>123</v>
      </c>
      <c r="X16057">
        <v>125</v>
      </c>
      <c r="Y16057">
        <v>128</v>
      </c>
      <c r="Z16057">
        <v>131</v>
      </c>
      <c r="AA16057">
        <v>133</v>
      </c>
      <c r="AB16057">
        <v>136</v>
      </c>
      <c r="AC16057">
        <v>138</v>
      </c>
      <c r="AD16057">
        <v>141</v>
      </c>
      <c r="AE16057">
        <v>144</v>
      </c>
      <c r="AF16057">
        <v>147</v>
      </c>
      <c r="AG16057">
        <v>149</v>
      </c>
      <c r="AH16057">
        <v>152</v>
      </c>
      <c r="AI16057">
        <v>155</v>
      </c>
      <c r="AJ16057">
        <v>158</v>
      </c>
      <c r="AK16057">
        <v>161</v>
      </c>
      <c r="AL16057">
        <v>162</v>
      </c>
      <c r="AM16057">
        <v>164</v>
      </c>
      <c r="AN16057">
        <v>165</v>
      </c>
      <c r="AO16057">
        <v>166</v>
      </c>
      <c r="AP16057">
        <v>168</v>
      </c>
      <c r="AQ16057">
        <v>169</v>
      </c>
    </row>
    <row r="16058" spans="1:43">
      <c r="A16058" t="s">
        <v>9964</v>
      </c>
      <c r="B16058" t="s">
        <v>9965</v>
      </c>
      <c r="C16058" t="s">
        <v>9960</v>
      </c>
      <c r="D16058" t="s">
        <v>9961</v>
      </c>
      <c r="E16058" t="s">
        <v>9956</v>
      </c>
      <c r="F16058" t="s">
        <v>9957</v>
      </c>
      <c r="G16058" t="s">
        <v>80</v>
      </c>
      <c r="H16058" t="s">
        <v>81</v>
      </c>
      <c r="I16058" s="2">
        <v>0</v>
      </c>
      <c r="J16058" s="2">
        <v>1</v>
      </c>
      <c r="K16058" s="2">
        <v>0</v>
      </c>
      <c r="L16058" t="s">
        <v>82</v>
      </c>
      <c r="M16058" t="s">
        <v>83</v>
      </c>
      <c r="N16058" t="s">
        <v>84</v>
      </c>
      <c r="O16058" t="s">
        <v>85</v>
      </c>
      <c r="P16058" t="s">
        <v>86</v>
      </c>
      <c r="Q16058">
        <v>40</v>
      </c>
      <c r="R16058">
        <v>41</v>
      </c>
      <c r="S16058">
        <v>41</v>
      </c>
      <c r="T16058">
        <v>42</v>
      </c>
      <c r="U16058">
        <v>43</v>
      </c>
      <c r="V16058">
        <v>44</v>
      </c>
      <c r="W16058">
        <v>45</v>
      </c>
      <c r="X16058">
        <v>46</v>
      </c>
      <c r="Y16058">
        <v>47</v>
      </c>
      <c r="Z16058">
        <v>48</v>
      </c>
      <c r="AA16058">
        <v>49</v>
      </c>
      <c r="AB16058">
        <v>50</v>
      </c>
      <c r="AC16058">
        <v>51</v>
      </c>
      <c r="AD16058">
        <v>51</v>
      </c>
      <c r="AE16058">
        <v>52</v>
      </c>
      <c r="AF16058">
        <v>53</v>
      </c>
      <c r="AG16058">
        <v>54</v>
      </c>
      <c r="AH16058">
        <v>55</v>
      </c>
      <c r="AI16058">
        <v>56</v>
      </c>
      <c r="AJ16058">
        <v>57</v>
      </c>
      <c r="AK16058">
        <v>58</v>
      </c>
      <c r="AL16058">
        <v>59</v>
      </c>
      <c r="AM16058">
        <v>60</v>
      </c>
      <c r="AN16058">
        <v>60</v>
      </c>
      <c r="AO16058">
        <v>61</v>
      </c>
      <c r="AP16058">
        <v>61</v>
      </c>
      <c r="AQ16058">
        <v>62</v>
      </c>
    </row>
    <row r="16059" spans="1:43">
      <c r="A16059" t="s">
        <v>9964</v>
      </c>
      <c r="B16059" t="s">
        <v>9965</v>
      </c>
      <c r="C16059" t="s">
        <v>9960</v>
      </c>
      <c r="D16059" t="s">
        <v>9961</v>
      </c>
      <c r="E16059" t="s">
        <v>9956</v>
      </c>
      <c r="F16059" t="s">
        <v>9957</v>
      </c>
      <c r="G16059" t="s">
        <v>80</v>
      </c>
      <c r="H16059" t="s">
        <v>81</v>
      </c>
      <c r="I16059" s="2">
        <v>0</v>
      </c>
      <c r="J16059" s="2">
        <v>1</v>
      </c>
      <c r="K16059" s="2">
        <v>0</v>
      </c>
      <c r="L16059" t="s">
        <v>82</v>
      </c>
      <c r="M16059" t="s">
        <v>87</v>
      </c>
      <c r="N16059" t="s">
        <v>88</v>
      </c>
      <c r="O16059" t="s">
        <v>85</v>
      </c>
      <c r="P16059" t="s">
        <v>86</v>
      </c>
      <c r="Q16059">
        <v>40</v>
      </c>
      <c r="R16059">
        <v>41</v>
      </c>
      <c r="S16059">
        <v>41</v>
      </c>
      <c r="T16059">
        <v>42</v>
      </c>
      <c r="U16059">
        <v>42</v>
      </c>
      <c r="V16059">
        <v>43</v>
      </c>
      <c r="W16059">
        <v>43</v>
      </c>
      <c r="X16059">
        <v>44</v>
      </c>
      <c r="Y16059">
        <v>44</v>
      </c>
      <c r="Z16059">
        <v>45</v>
      </c>
      <c r="AA16059">
        <v>45</v>
      </c>
      <c r="AB16059">
        <v>46</v>
      </c>
      <c r="AC16059">
        <v>46</v>
      </c>
      <c r="AD16059">
        <v>47</v>
      </c>
      <c r="AE16059">
        <v>47</v>
      </c>
      <c r="AF16059">
        <v>48</v>
      </c>
      <c r="AG16059">
        <v>49</v>
      </c>
      <c r="AH16059">
        <v>49</v>
      </c>
      <c r="AI16059">
        <v>50</v>
      </c>
      <c r="AJ16059">
        <v>50</v>
      </c>
      <c r="AK16059">
        <v>51</v>
      </c>
      <c r="AL16059">
        <v>51</v>
      </c>
      <c r="AM16059">
        <v>52</v>
      </c>
      <c r="AN16059">
        <v>53</v>
      </c>
      <c r="AO16059">
        <v>53</v>
      </c>
      <c r="AP16059">
        <v>54</v>
      </c>
      <c r="AQ16059">
        <v>55</v>
      </c>
    </row>
    <row r="16060" spans="1:43">
      <c r="A16060" t="s">
        <v>9964</v>
      </c>
      <c r="B16060" t="s">
        <v>9965</v>
      </c>
      <c r="C16060" t="s">
        <v>9960</v>
      </c>
      <c r="D16060" t="s">
        <v>9961</v>
      </c>
      <c r="E16060" t="s">
        <v>9956</v>
      </c>
      <c r="F16060" t="s">
        <v>9957</v>
      </c>
      <c r="G16060" t="s">
        <v>80</v>
      </c>
      <c r="H16060" t="s">
        <v>81</v>
      </c>
      <c r="I16060" s="2">
        <v>0</v>
      </c>
      <c r="J16060" s="2">
        <v>1</v>
      </c>
      <c r="K16060" s="2">
        <v>0</v>
      </c>
      <c r="L16060" t="s">
        <v>82</v>
      </c>
      <c r="M16060" t="s">
        <v>89</v>
      </c>
      <c r="N16060" t="s">
        <v>90</v>
      </c>
      <c r="O16060" t="s">
        <v>85</v>
      </c>
      <c r="P16060" t="s">
        <v>86</v>
      </c>
      <c r="Q16060">
        <v>40</v>
      </c>
      <c r="R16060">
        <v>41</v>
      </c>
      <c r="S16060">
        <v>42</v>
      </c>
      <c r="T16060">
        <v>44</v>
      </c>
      <c r="U16060">
        <v>45</v>
      </c>
      <c r="V16060">
        <v>46</v>
      </c>
      <c r="W16060">
        <v>47</v>
      </c>
      <c r="X16060">
        <v>48</v>
      </c>
      <c r="Y16060">
        <v>49</v>
      </c>
      <c r="Z16060">
        <v>51</v>
      </c>
      <c r="AA16060">
        <v>52</v>
      </c>
      <c r="AB16060">
        <v>53</v>
      </c>
      <c r="AC16060">
        <v>54</v>
      </c>
      <c r="AD16060">
        <v>55</v>
      </c>
      <c r="AE16060">
        <v>56</v>
      </c>
      <c r="AF16060">
        <v>57</v>
      </c>
      <c r="AG16060">
        <v>57</v>
      </c>
      <c r="AH16060">
        <v>58</v>
      </c>
      <c r="AI16060">
        <v>58</v>
      </c>
      <c r="AJ16060">
        <v>58</v>
      </c>
      <c r="AK16060">
        <v>59</v>
      </c>
      <c r="AL16060">
        <v>59</v>
      </c>
      <c r="AM16060">
        <v>60</v>
      </c>
      <c r="AN16060">
        <v>60</v>
      </c>
      <c r="AO16060">
        <v>61</v>
      </c>
      <c r="AP16060">
        <v>61</v>
      </c>
      <c r="AQ16060">
        <v>62</v>
      </c>
    </row>
    <row r="16061" spans="1:43">
      <c r="A16061" t="s">
        <v>9964</v>
      </c>
      <c r="B16061" t="s">
        <v>9965</v>
      </c>
      <c r="C16061" t="s">
        <v>9960</v>
      </c>
      <c r="D16061" t="s">
        <v>9961</v>
      </c>
      <c r="E16061" t="s">
        <v>9956</v>
      </c>
      <c r="F16061" t="s">
        <v>9957</v>
      </c>
      <c r="G16061" t="s">
        <v>80</v>
      </c>
      <c r="H16061" t="s">
        <v>81</v>
      </c>
      <c r="I16061" s="2">
        <v>0</v>
      </c>
      <c r="J16061" s="2">
        <v>1</v>
      </c>
      <c r="K16061" s="2">
        <v>0</v>
      </c>
      <c r="L16061" t="s">
        <v>82</v>
      </c>
      <c r="M16061" t="s">
        <v>83</v>
      </c>
      <c r="N16061" t="s">
        <v>91</v>
      </c>
      <c r="O16061" t="s">
        <v>85</v>
      </c>
      <c r="P16061" t="s">
        <v>86</v>
      </c>
      <c r="Q16061">
        <v>40</v>
      </c>
      <c r="R16061">
        <v>41</v>
      </c>
      <c r="S16061">
        <v>41</v>
      </c>
      <c r="T16061">
        <v>42</v>
      </c>
      <c r="U16061">
        <v>43</v>
      </c>
      <c r="V16061">
        <v>44</v>
      </c>
      <c r="W16061">
        <v>45</v>
      </c>
      <c r="X16061">
        <v>46</v>
      </c>
      <c r="Y16061">
        <v>47</v>
      </c>
      <c r="Z16061">
        <v>48</v>
      </c>
      <c r="AA16061">
        <v>49</v>
      </c>
      <c r="AB16061">
        <v>50</v>
      </c>
      <c r="AC16061">
        <v>51</v>
      </c>
      <c r="AD16061">
        <v>51</v>
      </c>
      <c r="AE16061">
        <v>52</v>
      </c>
      <c r="AF16061">
        <v>53</v>
      </c>
      <c r="AG16061">
        <v>54</v>
      </c>
      <c r="AH16061">
        <v>55</v>
      </c>
      <c r="AI16061">
        <v>56</v>
      </c>
      <c r="AJ16061">
        <v>57</v>
      </c>
      <c r="AK16061">
        <v>58</v>
      </c>
      <c r="AL16061">
        <v>59</v>
      </c>
      <c r="AM16061">
        <v>60</v>
      </c>
      <c r="AN16061">
        <v>60</v>
      </c>
      <c r="AO16061">
        <v>61</v>
      </c>
      <c r="AP16061">
        <v>61</v>
      </c>
      <c r="AQ16061">
        <v>62</v>
      </c>
    </row>
    <row r="16062" spans="1:43">
      <c r="A16062" t="s">
        <v>9966</v>
      </c>
      <c r="B16062" t="s">
        <v>9967</v>
      </c>
      <c r="C16062" t="s">
        <v>9954</v>
      </c>
      <c r="D16062" t="s">
        <v>9955</v>
      </c>
      <c r="E16062" t="s">
        <v>9956</v>
      </c>
      <c r="F16062" t="s">
        <v>9957</v>
      </c>
      <c r="G16062" t="s">
        <v>80</v>
      </c>
      <c r="H16062" t="s">
        <v>81</v>
      </c>
      <c r="I16062" s="2">
        <v>0</v>
      </c>
      <c r="J16062" s="2">
        <v>1</v>
      </c>
      <c r="K16062" s="2">
        <v>0</v>
      </c>
      <c r="L16062" t="s">
        <v>82</v>
      </c>
      <c r="M16062" t="s">
        <v>83</v>
      </c>
      <c r="N16062" t="s">
        <v>84</v>
      </c>
      <c r="O16062" t="s">
        <v>85</v>
      </c>
      <c r="P16062" t="s">
        <v>86</v>
      </c>
      <c r="Q16062">
        <v>31</v>
      </c>
      <c r="R16062">
        <v>32</v>
      </c>
      <c r="S16062">
        <v>33</v>
      </c>
      <c r="T16062">
        <v>33</v>
      </c>
      <c r="U16062">
        <v>34</v>
      </c>
      <c r="V16062">
        <v>35</v>
      </c>
      <c r="W16062">
        <v>35</v>
      </c>
      <c r="X16062">
        <v>36</v>
      </c>
      <c r="Y16062">
        <v>37</v>
      </c>
      <c r="Z16062">
        <v>38</v>
      </c>
      <c r="AA16062">
        <v>38</v>
      </c>
      <c r="AB16062">
        <v>39</v>
      </c>
      <c r="AC16062">
        <v>40</v>
      </c>
      <c r="AD16062">
        <v>41</v>
      </c>
      <c r="AE16062">
        <v>41</v>
      </c>
      <c r="AF16062">
        <v>42</v>
      </c>
      <c r="AG16062">
        <v>43</v>
      </c>
      <c r="AH16062">
        <v>44</v>
      </c>
      <c r="AI16062">
        <v>44</v>
      </c>
      <c r="AJ16062">
        <v>45</v>
      </c>
      <c r="AK16062">
        <v>46</v>
      </c>
      <c r="AL16062">
        <v>46</v>
      </c>
      <c r="AM16062">
        <v>47</v>
      </c>
      <c r="AN16062">
        <v>47</v>
      </c>
      <c r="AO16062">
        <v>48</v>
      </c>
      <c r="AP16062">
        <v>48</v>
      </c>
      <c r="AQ16062">
        <v>48</v>
      </c>
    </row>
    <row r="16063" spans="1:43">
      <c r="A16063" t="s">
        <v>9966</v>
      </c>
      <c r="B16063" t="s">
        <v>9967</v>
      </c>
      <c r="C16063" t="s">
        <v>9954</v>
      </c>
      <c r="D16063" t="s">
        <v>9955</v>
      </c>
      <c r="E16063" t="s">
        <v>9956</v>
      </c>
      <c r="F16063" t="s">
        <v>9957</v>
      </c>
      <c r="G16063" t="s">
        <v>80</v>
      </c>
      <c r="H16063" t="s">
        <v>81</v>
      </c>
      <c r="I16063" s="2">
        <v>0</v>
      </c>
      <c r="J16063" s="2">
        <v>1</v>
      </c>
      <c r="K16063" s="2">
        <v>0</v>
      </c>
      <c r="L16063" t="s">
        <v>82</v>
      </c>
      <c r="M16063" t="s">
        <v>87</v>
      </c>
      <c r="N16063" t="s">
        <v>88</v>
      </c>
      <c r="O16063" t="s">
        <v>85</v>
      </c>
      <c r="P16063" t="s">
        <v>86</v>
      </c>
      <c r="Q16063">
        <v>31</v>
      </c>
      <c r="R16063">
        <v>31</v>
      </c>
      <c r="S16063">
        <v>32</v>
      </c>
      <c r="T16063">
        <v>32</v>
      </c>
      <c r="U16063">
        <v>32</v>
      </c>
      <c r="V16063">
        <v>33</v>
      </c>
      <c r="W16063">
        <v>33</v>
      </c>
      <c r="X16063">
        <v>34</v>
      </c>
      <c r="Y16063">
        <v>34</v>
      </c>
      <c r="Z16063">
        <v>34</v>
      </c>
      <c r="AA16063">
        <v>35</v>
      </c>
      <c r="AB16063">
        <v>35</v>
      </c>
      <c r="AC16063">
        <v>36</v>
      </c>
      <c r="AD16063">
        <v>36</v>
      </c>
      <c r="AE16063">
        <v>37</v>
      </c>
      <c r="AF16063">
        <v>37</v>
      </c>
      <c r="AG16063">
        <v>37</v>
      </c>
      <c r="AH16063">
        <v>38</v>
      </c>
      <c r="AI16063">
        <v>38</v>
      </c>
      <c r="AJ16063">
        <v>39</v>
      </c>
      <c r="AK16063">
        <v>39</v>
      </c>
      <c r="AL16063">
        <v>40</v>
      </c>
      <c r="AM16063">
        <v>40</v>
      </c>
      <c r="AN16063">
        <v>41</v>
      </c>
      <c r="AO16063">
        <v>41</v>
      </c>
      <c r="AP16063">
        <v>42</v>
      </c>
      <c r="AQ16063">
        <v>42</v>
      </c>
    </row>
    <row r="16064" spans="1:43">
      <c r="A16064" t="s">
        <v>9966</v>
      </c>
      <c r="B16064" t="s">
        <v>9967</v>
      </c>
      <c r="C16064" t="s">
        <v>9954</v>
      </c>
      <c r="D16064" t="s">
        <v>9955</v>
      </c>
      <c r="E16064" t="s">
        <v>9956</v>
      </c>
      <c r="F16064" t="s">
        <v>9957</v>
      </c>
      <c r="G16064" t="s">
        <v>80</v>
      </c>
      <c r="H16064" t="s">
        <v>81</v>
      </c>
      <c r="I16064" s="2">
        <v>0</v>
      </c>
      <c r="J16064" s="2">
        <v>1</v>
      </c>
      <c r="K16064" s="2">
        <v>0</v>
      </c>
      <c r="L16064" t="s">
        <v>82</v>
      </c>
      <c r="M16064" t="s">
        <v>89</v>
      </c>
      <c r="N16064" t="s">
        <v>90</v>
      </c>
      <c r="O16064" t="s">
        <v>85</v>
      </c>
      <c r="P16064" t="s">
        <v>86</v>
      </c>
      <c r="Q16064">
        <v>31</v>
      </c>
      <c r="R16064">
        <v>31</v>
      </c>
      <c r="S16064">
        <v>32</v>
      </c>
      <c r="T16064">
        <v>33</v>
      </c>
      <c r="U16064">
        <v>34</v>
      </c>
      <c r="V16064">
        <v>35</v>
      </c>
      <c r="W16064">
        <v>36</v>
      </c>
      <c r="X16064">
        <v>37</v>
      </c>
      <c r="Y16064">
        <v>38</v>
      </c>
      <c r="Z16064">
        <v>39</v>
      </c>
      <c r="AA16064">
        <v>40</v>
      </c>
      <c r="AB16064">
        <v>41</v>
      </c>
      <c r="AC16064">
        <v>42</v>
      </c>
      <c r="AD16064">
        <v>42</v>
      </c>
      <c r="AE16064">
        <v>43</v>
      </c>
      <c r="AF16064">
        <v>44</v>
      </c>
      <c r="AG16064">
        <v>44</v>
      </c>
      <c r="AH16064">
        <v>44</v>
      </c>
      <c r="AI16064">
        <v>45</v>
      </c>
      <c r="AJ16064">
        <v>45</v>
      </c>
      <c r="AK16064">
        <v>45</v>
      </c>
      <c r="AL16064">
        <v>46</v>
      </c>
      <c r="AM16064">
        <v>46</v>
      </c>
      <c r="AN16064">
        <v>46</v>
      </c>
      <c r="AO16064">
        <v>47</v>
      </c>
      <c r="AP16064">
        <v>47</v>
      </c>
      <c r="AQ16064">
        <v>48</v>
      </c>
    </row>
    <row r="16065" spans="1:43">
      <c r="A16065" t="s">
        <v>9966</v>
      </c>
      <c r="B16065" t="s">
        <v>9967</v>
      </c>
      <c r="C16065" t="s">
        <v>9954</v>
      </c>
      <c r="D16065" t="s">
        <v>9955</v>
      </c>
      <c r="E16065" t="s">
        <v>9956</v>
      </c>
      <c r="F16065" t="s">
        <v>9957</v>
      </c>
      <c r="G16065" t="s">
        <v>80</v>
      </c>
      <c r="H16065" t="s">
        <v>81</v>
      </c>
      <c r="I16065" s="2">
        <v>0</v>
      </c>
      <c r="J16065" s="2">
        <v>1</v>
      </c>
      <c r="K16065" s="2">
        <v>0</v>
      </c>
      <c r="L16065" t="s">
        <v>82</v>
      </c>
      <c r="M16065" t="s">
        <v>83</v>
      </c>
      <c r="N16065" t="s">
        <v>91</v>
      </c>
      <c r="O16065" t="s">
        <v>85</v>
      </c>
      <c r="P16065" t="s">
        <v>86</v>
      </c>
      <c r="Q16065">
        <v>31</v>
      </c>
      <c r="R16065">
        <v>32</v>
      </c>
      <c r="S16065">
        <v>33</v>
      </c>
      <c r="T16065">
        <v>33</v>
      </c>
      <c r="U16065">
        <v>34</v>
      </c>
      <c r="V16065">
        <v>35</v>
      </c>
      <c r="W16065">
        <v>35</v>
      </c>
      <c r="X16065">
        <v>36</v>
      </c>
      <c r="Y16065">
        <v>37</v>
      </c>
      <c r="Z16065">
        <v>38</v>
      </c>
      <c r="AA16065">
        <v>38</v>
      </c>
      <c r="AB16065">
        <v>39</v>
      </c>
      <c r="AC16065">
        <v>40</v>
      </c>
      <c r="AD16065">
        <v>41</v>
      </c>
      <c r="AE16065">
        <v>41</v>
      </c>
      <c r="AF16065">
        <v>42</v>
      </c>
      <c r="AG16065">
        <v>43</v>
      </c>
      <c r="AH16065">
        <v>44</v>
      </c>
      <c r="AI16065">
        <v>44</v>
      </c>
      <c r="AJ16065">
        <v>45</v>
      </c>
      <c r="AK16065">
        <v>46</v>
      </c>
      <c r="AL16065">
        <v>46</v>
      </c>
      <c r="AM16065">
        <v>47</v>
      </c>
      <c r="AN16065">
        <v>47</v>
      </c>
      <c r="AO16065">
        <v>48</v>
      </c>
      <c r="AP16065">
        <v>48</v>
      </c>
      <c r="AQ16065">
        <v>48</v>
      </c>
    </row>
    <row r="16066" spans="1:43">
      <c r="A16066" t="s">
        <v>9968</v>
      </c>
      <c r="B16066" t="s">
        <v>9969</v>
      </c>
      <c r="C16066" t="s">
        <v>9970</v>
      </c>
      <c r="D16066" t="s">
        <v>9971</v>
      </c>
      <c r="E16066" t="s">
        <v>9956</v>
      </c>
      <c r="F16066" t="s">
        <v>9957</v>
      </c>
      <c r="G16066" t="s">
        <v>80</v>
      </c>
      <c r="H16066" t="s">
        <v>81</v>
      </c>
      <c r="I16066" s="2">
        <v>0</v>
      </c>
      <c r="J16066" s="2">
        <v>1</v>
      </c>
      <c r="K16066" s="2">
        <v>0</v>
      </c>
      <c r="L16066" t="s">
        <v>82</v>
      </c>
      <c r="M16066" t="s">
        <v>83</v>
      </c>
      <c r="N16066" t="s">
        <v>84</v>
      </c>
      <c r="O16066" t="s">
        <v>85</v>
      </c>
      <c r="P16066" t="s">
        <v>86</v>
      </c>
      <c r="Q16066">
        <v>85</v>
      </c>
      <c r="R16066">
        <v>87</v>
      </c>
      <c r="S16066">
        <v>89</v>
      </c>
      <c r="T16066">
        <v>91</v>
      </c>
      <c r="U16066">
        <v>93</v>
      </c>
      <c r="V16066">
        <v>95</v>
      </c>
      <c r="W16066">
        <v>97</v>
      </c>
      <c r="X16066">
        <v>99</v>
      </c>
      <c r="Y16066">
        <v>100</v>
      </c>
      <c r="Z16066">
        <v>103</v>
      </c>
      <c r="AA16066">
        <v>105</v>
      </c>
      <c r="AB16066">
        <v>107</v>
      </c>
      <c r="AC16066">
        <v>109</v>
      </c>
      <c r="AD16066">
        <v>111</v>
      </c>
      <c r="AE16066">
        <v>113</v>
      </c>
      <c r="AF16066">
        <v>115</v>
      </c>
      <c r="AG16066">
        <v>117</v>
      </c>
      <c r="AH16066">
        <v>119</v>
      </c>
      <c r="AI16066">
        <v>121</v>
      </c>
      <c r="AJ16066">
        <v>123</v>
      </c>
      <c r="AK16066">
        <v>125</v>
      </c>
      <c r="AL16066">
        <v>127</v>
      </c>
      <c r="AM16066">
        <v>128</v>
      </c>
      <c r="AN16066">
        <v>129</v>
      </c>
      <c r="AO16066">
        <v>130</v>
      </c>
      <c r="AP16066">
        <v>131</v>
      </c>
      <c r="AQ16066">
        <v>132</v>
      </c>
    </row>
    <row r="16067" spans="1:43">
      <c r="A16067" t="s">
        <v>9968</v>
      </c>
      <c r="B16067" t="s">
        <v>9969</v>
      </c>
      <c r="C16067" t="s">
        <v>9970</v>
      </c>
      <c r="D16067" t="s">
        <v>9971</v>
      </c>
      <c r="E16067" t="s">
        <v>9956</v>
      </c>
      <c r="F16067" t="s">
        <v>9957</v>
      </c>
      <c r="G16067" t="s">
        <v>80</v>
      </c>
      <c r="H16067" t="s">
        <v>81</v>
      </c>
      <c r="I16067" s="2">
        <v>0</v>
      </c>
      <c r="J16067" s="2">
        <v>1</v>
      </c>
      <c r="K16067" s="2">
        <v>0</v>
      </c>
      <c r="L16067" t="s">
        <v>82</v>
      </c>
      <c r="M16067" t="s">
        <v>87</v>
      </c>
      <c r="N16067" t="s">
        <v>88</v>
      </c>
      <c r="O16067" t="s">
        <v>85</v>
      </c>
      <c r="P16067" t="s">
        <v>86</v>
      </c>
      <c r="Q16067">
        <v>85</v>
      </c>
      <c r="R16067">
        <v>86</v>
      </c>
      <c r="S16067">
        <v>87</v>
      </c>
      <c r="T16067">
        <v>88</v>
      </c>
      <c r="U16067">
        <v>89</v>
      </c>
      <c r="V16067">
        <v>90</v>
      </c>
      <c r="W16067">
        <v>91</v>
      </c>
      <c r="X16067">
        <v>92</v>
      </c>
      <c r="Y16067">
        <v>93</v>
      </c>
      <c r="Z16067">
        <v>94</v>
      </c>
      <c r="AA16067">
        <v>95</v>
      </c>
      <c r="AB16067">
        <v>96</v>
      </c>
      <c r="AC16067">
        <v>97</v>
      </c>
      <c r="AD16067">
        <v>99</v>
      </c>
      <c r="AE16067">
        <v>100</v>
      </c>
      <c r="AF16067">
        <v>101</v>
      </c>
      <c r="AG16067">
        <v>102</v>
      </c>
      <c r="AH16067">
        <v>103</v>
      </c>
      <c r="AI16067">
        <v>105</v>
      </c>
      <c r="AJ16067">
        <v>106</v>
      </c>
      <c r="AK16067">
        <v>107</v>
      </c>
      <c r="AL16067">
        <v>108</v>
      </c>
      <c r="AM16067">
        <v>110</v>
      </c>
      <c r="AN16067">
        <v>111</v>
      </c>
      <c r="AO16067">
        <v>112</v>
      </c>
      <c r="AP16067">
        <v>114</v>
      </c>
      <c r="AQ16067">
        <v>115</v>
      </c>
    </row>
    <row r="16068" spans="1:43">
      <c r="A16068" t="s">
        <v>9968</v>
      </c>
      <c r="B16068" t="s">
        <v>9969</v>
      </c>
      <c r="C16068" t="s">
        <v>9970</v>
      </c>
      <c r="D16068" t="s">
        <v>9971</v>
      </c>
      <c r="E16068" t="s">
        <v>9956</v>
      </c>
      <c r="F16068" t="s">
        <v>9957</v>
      </c>
      <c r="G16068" t="s">
        <v>80</v>
      </c>
      <c r="H16068" t="s">
        <v>81</v>
      </c>
      <c r="I16068" s="2">
        <v>0</v>
      </c>
      <c r="J16068" s="2">
        <v>1</v>
      </c>
      <c r="K16068" s="2">
        <v>0</v>
      </c>
      <c r="L16068" t="s">
        <v>82</v>
      </c>
      <c r="M16068" t="s">
        <v>89</v>
      </c>
      <c r="N16068" t="s">
        <v>90</v>
      </c>
      <c r="O16068" t="s">
        <v>85</v>
      </c>
      <c r="P16068" t="s">
        <v>86</v>
      </c>
      <c r="Q16068">
        <v>85</v>
      </c>
      <c r="R16068">
        <v>88</v>
      </c>
      <c r="S16068">
        <v>90</v>
      </c>
      <c r="T16068">
        <v>93</v>
      </c>
      <c r="U16068">
        <v>95</v>
      </c>
      <c r="V16068">
        <v>98</v>
      </c>
      <c r="W16068">
        <v>101</v>
      </c>
      <c r="X16068">
        <v>103</v>
      </c>
      <c r="Y16068">
        <v>105</v>
      </c>
      <c r="Z16068">
        <v>108</v>
      </c>
      <c r="AA16068">
        <v>110</v>
      </c>
      <c r="AB16068">
        <v>112</v>
      </c>
      <c r="AC16068">
        <v>115</v>
      </c>
      <c r="AD16068">
        <v>118</v>
      </c>
      <c r="AE16068">
        <v>119</v>
      </c>
      <c r="AF16068">
        <v>120</v>
      </c>
      <c r="AG16068">
        <v>121</v>
      </c>
      <c r="AH16068">
        <v>122</v>
      </c>
      <c r="AI16068">
        <v>123</v>
      </c>
      <c r="AJ16068">
        <v>124</v>
      </c>
      <c r="AK16068">
        <v>125</v>
      </c>
      <c r="AL16068">
        <v>126</v>
      </c>
      <c r="AM16068">
        <v>127</v>
      </c>
      <c r="AN16068">
        <v>128</v>
      </c>
      <c r="AO16068">
        <v>129</v>
      </c>
      <c r="AP16068">
        <v>130</v>
      </c>
      <c r="AQ16068">
        <v>131</v>
      </c>
    </row>
    <row r="16069" spans="1:43">
      <c r="A16069" t="s">
        <v>9968</v>
      </c>
      <c r="B16069" t="s">
        <v>9969</v>
      </c>
      <c r="C16069" t="s">
        <v>9970</v>
      </c>
      <c r="D16069" t="s">
        <v>9971</v>
      </c>
      <c r="E16069" t="s">
        <v>9956</v>
      </c>
      <c r="F16069" t="s">
        <v>9957</v>
      </c>
      <c r="G16069" t="s">
        <v>80</v>
      </c>
      <c r="H16069" t="s">
        <v>81</v>
      </c>
      <c r="I16069" s="2">
        <v>0</v>
      </c>
      <c r="J16069" s="2">
        <v>1</v>
      </c>
      <c r="K16069" s="2">
        <v>0</v>
      </c>
      <c r="L16069" t="s">
        <v>82</v>
      </c>
      <c r="M16069" t="s">
        <v>83</v>
      </c>
      <c r="N16069" t="s">
        <v>91</v>
      </c>
      <c r="O16069" t="s">
        <v>85</v>
      </c>
      <c r="P16069" t="s">
        <v>86</v>
      </c>
      <c r="Q16069">
        <v>85</v>
      </c>
      <c r="R16069">
        <v>87</v>
      </c>
      <c r="S16069">
        <v>89</v>
      </c>
      <c r="T16069">
        <v>91</v>
      </c>
      <c r="U16069">
        <v>93</v>
      </c>
      <c r="V16069">
        <v>95</v>
      </c>
      <c r="W16069">
        <v>97</v>
      </c>
      <c r="X16069">
        <v>99</v>
      </c>
      <c r="Y16069">
        <v>100</v>
      </c>
      <c r="Z16069">
        <v>103</v>
      </c>
      <c r="AA16069">
        <v>105</v>
      </c>
      <c r="AB16069">
        <v>107</v>
      </c>
      <c r="AC16069">
        <v>109</v>
      </c>
      <c r="AD16069">
        <v>111</v>
      </c>
      <c r="AE16069">
        <v>113</v>
      </c>
      <c r="AF16069">
        <v>115</v>
      </c>
      <c r="AG16069">
        <v>117</v>
      </c>
      <c r="AH16069">
        <v>119</v>
      </c>
      <c r="AI16069">
        <v>121</v>
      </c>
      <c r="AJ16069">
        <v>123</v>
      </c>
      <c r="AK16069">
        <v>125</v>
      </c>
      <c r="AL16069">
        <v>127</v>
      </c>
      <c r="AM16069">
        <v>128</v>
      </c>
      <c r="AN16069">
        <v>129</v>
      </c>
      <c r="AO16069">
        <v>130</v>
      </c>
      <c r="AP16069">
        <v>131</v>
      </c>
      <c r="AQ16069">
        <v>132</v>
      </c>
    </row>
    <row r="16070" spans="1:43">
      <c r="A16070" t="s">
        <v>9972</v>
      </c>
      <c r="B16070" t="s">
        <v>9973</v>
      </c>
      <c r="C16070" t="s">
        <v>9974</v>
      </c>
      <c r="D16070" t="s">
        <v>9975</v>
      </c>
      <c r="E16070" t="s">
        <v>9956</v>
      </c>
      <c r="F16070" t="s">
        <v>9957</v>
      </c>
      <c r="G16070" t="s">
        <v>80</v>
      </c>
      <c r="H16070" t="s">
        <v>81</v>
      </c>
      <c r="I16070" s="2">
        <v>0</v>
      </c>
      <c r="J16070" s="2">
        <v>1</v>
      </c>
      <c r="K16070" s="2">
        <v>0</v>
      </c>
      <c r="L16070" t="s">
        <v>82</v>
      </c>
      <c r="M16070" t="s">
        <v>83</v>
      </c>
      <c r="N16070" t="s">
        <v>84</v>
      </c>
      <c r="O16070" t="s">
        <v>85</v>
      </c>
      <c r="P16070" t="s">
        <v>86</v>
      </c>
      <c r="Q16070">
        <v>39</v>
      </c>
      <c r="R16070">
        <v>39</v>
      </c>
      <c r="S16070">
        <v>40</v>
      </c>
      <c r="T16070">
        <v>41</v>
      </c>
      <c r="U16070">
        <v>42</v>
      </c>
      <c r="V16070">
        <v>43</v>
      </c>
      <c r="W16070">
        <v>44</v>
      </c>
      <c r="X16070">
        <v>45</v>
      </c>
      <c r="Y16070">
        <v>46</v>
      </c>
      <c r="Z16070">
        <v>46</v>
      </c>
      <c r="AA16070">
        <v>47</v>
      </c>
      <c r="AB16070">
        <v>48</v>
      </c>
      <c r="AC16070">
        <v>49</v>
      </c>
      <c r="AD16070">
        <v>50</v>
      </c>
      <c r="AE16070">
        <v>51</v>
      </c>
      <c r="AF16070">
        <v>52</v>
      </c>
      <c r="AG16070">
        <v>53</v>
      </c>
      <c r="AH16070">
        <v>54</v>
      </c>
      <c r="AI16070">
        <v>55</v>
      </c>
      <c r="AJ16070">
        <v>56</v>
      </c>
      <c r="AK16070">
        <v>57</v>
      </c>
      <c r="AL16070">
        <v>58</v>
      </c>
      <c r="AM16070">
        <v>58</v>
      </c>
      <c r="AN16070">
        <v>59</v>
      </c>
      <c r="AO16070">
        <v>59</v>
      </c>
      <c r="AP16070">
        <v>60</v>
      </c>
      <c r="AQ16070">
        <v>60</v>
      </c>
    </row>
    <row r="16071" spans="1:43">
      <c r="A16071" t="s">
        <v>9972</v>
      </c>
      <c r="B16071" t="s">
        <v>9973</v>
      </c>
      <c r="C16071" t="s">
        <v>9974</v>
      </c>
      <c r="D16071" t="s">
        <v>9975</v>
      </c>
      <c r="E16071" t="s">
        <v>9956</v>
      </c>
      <c r="F16071" t="s">
        <v>9957</v>
      </c>
      <c r="G16071" t="s">
        <v>80</v>
      </c>
      <c r="H16071" t="s">
        <v>81</v>
      </c>
      <c r="I16071" s="2">
        <v>0</v>
      </c>
      <c r="J16071" s="2">
        <v>1</v>
      </c>
      <c r="K16071" s="2">
        <v>0</v>
      </c>
      <c r="L16071" t="s">
        <v>82</v>
      </c>
      <c r="M16071" t="s">
        <v>87</v>
      </c>
      <c r="N16071" t="s">
        <v>88</v>
      </c>
      <c r="O16071" t="s">
        <v>85</v>
      </c>
      <c r="P16071" t="s">
        <v>86</v>
      </c>
      <c r="Q16071">
        <v>39</v>
      </c>
      <c r="R16071">
        <v>40</v>
      </c>
      <c r="S16071">
        <v>40</v>
      </c>
      <c r="T16071">
        <v>41</v>
      </c>
      <c r="U16071">
        <v>41</v>
      </c>
      <c r="V16071">
        <v>42</v>
      </c>
      <c r="W16071">
        <v>42</v>
      </c>
      <c r="X16071">
        <v>43</v>
      </c>
      <c r="Y16071">
        <v>43</v>
      </c>
      <c r="Z16071">
        <v>44</v>
      </c>
      <c r="AA16071">
        <v>44</v>
      </c>
      <c r="AB16071">
        <v>45</v>
      </c>
      <c r="AC16071">
        <v>45</v>
      </c>
      <c r="AD16071">
        <v>46</v>
      </c>
      <c r="AE16071">
        <v>46</v>
      </c>
      <c r="AF16071">
        <v>47</v>
      </c>
      <c r="AG16071">
        <v>47</v>
      </c>
      <c r="AH16071">
        <v>48</v>
      </c>
      <c r="AI16071">
        <v>48</v>
      </c>
      <c r="AJ16071">
        <v>49</v>
      </c>
      <c r="AK16071">
        <v>50</v>
      </c>
      <c r="AL16071">
        <v>50</v>
      </c>
      <c r="AM16071">
        <v>51</v>
      </c>
      <c r="AN16071">
        <v>51</v>
      </c>
      <c r="AO16071">
        <v>52</v>
      </c>
      <c r="AP16071">
        <v>53</v>
      </c>
      <c r="AQ16071">
        <v>53</v>
      </c>
    </row>
    <row r="16072" spans="1:43">
      <c r="A16072" t="s">
        <v>9972</v>
      </c>
      <c r="B16072" t="s">
        <v>9973</v>
      </c>
      <c r="C16072" t="s">
        <v>9974</v>
      </c>
      <c r="D16072" t="s">
        <v>9975</v>
      </c>
      <c r="E16072" t="s">
        <v>9956</v>
      </c>
      <c r="F16072" t="s">
        <v>9957</v>
      </c>
      <c r="G16072" t="s">
        <v>80</v>
      </c>
      <c r="H16072" t="s">
        <v>81</v>
      </c>
      <c r="I16072" s="2">
        <v>0</v>
      </c>
      <c r="J16072" s="2">
        <v>1</v>
      </c>
      <c r="K16072" s="2">
        <v>0</v>
      </c>
      <c r="L16072" t="s">
        <v>82</v>
      </c>
      <c r="M16072" t="s">
        <v>89</v>
      </c>
      <c r="N16072" t="s">
        <v>90</v>
      </c>
      <c r="O16072" t="s">
        <v>85</v>
      </c>
      <c r="P16072" t="s">
        <v>86</v>
      </c>
      <c r="Q16072">
        <v>39</v>
      </c>
      <c r="R16072">
        <v>40</v>
      </c>
      <c r="S16072">
        <v>41</v>
      </c>
      <c r="T16072">
        <v>42</v>
      </c>
      <c r="U16072">
        <v>44</v>
      </c>
      <c r="V16072">
        <v>45</v>
      </c>
      <c r="W16072">
        <v>46</v>
      </c>
      <c r="X16072">
        <v>47</v>
      </c>
      <c r="Y16072">
        <v>48</v>
      </c>
      <c r="Z16072">
        <v>49</v>
      </c>
      <c r="AA16072">
        <v>50</v>
      </c>
      <c r="AB16072">
        <v>52</v>
      </c>
      <c r="AC16072">
        <v>53</v>
      </c>
      <c r="AD16072">
        <v>54</v>
      </c>
      <c r="AE16072">
        <v>55</v>
      </c>
      <c r="AF16072">
        <v>55</v>
      </c>
      <c r="AG16072">
        <v>56</v>
      </c>
      <c r="AH16072">
        <v>56</v>
      </c>
      <c r="AI16072">
        <v>57</v>
      </c>
      <c r="AJ16072">
        <v>57</v>
      </c>
      <c r="AK16072">
        <v>58</v>
      </c>
      <c r="AL16072">
        <v>58</v>
      </c>
      <c r="AM16072">
        <v>59</v>
      </c>
      <c r="AN16072">
        <v>59</v>
      </c>
      <c r="AO16072">
        <v>60</v>
      </c>
      <c r="AP16072">
        <v>60</v>
      </c>
      <c r="AQ16072">
        <v>61</v>
      </c>
    </row>
    <row r="16073" spans="1:43">
      <c r="A16073" t="s">
        <v>9972</v>
      </c>
      <c r="B16073" t="s">
        <v>9973</v>
      </c>
      <c r="C16073" t="s">
        <v>9974</v>
      </c>
      <c r="D16073" t="s">
        <v>9975</v>
      </c>
      <c r="E16073" t="s">
        <v>9956</v>
      </c>
      <c r="F16073" t="s">
        <v>9957</v>
      </c>
      <c r="G16073" t="s">
        <v>80</v>
      </c>
      <c r="H16073" t="s">
        <v>81</v>
      </c>
      <c r="I16073" s="2">
        <v>0</v>
      </c>
      <c r="J16073" s="2">
        <v>1</v>
      </c>
      <c r="K16073" s="2">
        <v>0</v>
      </c>
      <c r="L16073" t="s">
        <v>82</v>
      </c>
      <c r="M16073" t="s">
        <v>83</v>
      </c>
      <c r="N16073" t="s">
        <v>91</v>
      </c>
      <c r="O16073" t="s">
        <v>85</v>
      </c>
      <c r="P16073" t="s">
        <v>86</v>
      </c>
      <c r="Q16073">
        <v>39</v>
      </c>
      <c r="R16073">
        <v>39</v>
      </c>
      <c r="S16073">
        <v>40</v>
      </c>
      <c r="T16073">
        <v>41</v>
      </c>
      <c r="U16073">
        <v>42</v>
      </c>
      <c r="V16073">
        <v>43</v>
      </c>
      <c r="W16073">
        <v>44</v>
      </c>
      <c r="X16073">
        <v>45</v>
      </c>
      <c r="Y16073">
        <v>46</v>
      </c>
      <c r="Z16073">
        <v>46</v>
      </c>
      <c r="AA16073">
        <v>47</v>
      </c>
      <c r="AB16073">
        <v>48</v>
      </c>
      <c r="AC16073">
        <v>49</v>
      </c>
      <c r="AD16073">
        <v>50</v>
      </c>
      <c r="AE16073">
        <v>51</v>
      </c>
      <c r="AF16073">
        <v>52</v>
      </c>
      <c r="AG16073">
        <v>53</v>
      </c>
      <c r="AH16073">
        <v>54</v>
      </c>
      <c r="AI16073">
        <v>55</v>
      </c>
      <c r="AJ16073">
        <v>56</v>
      </c>
      <c r="AK16073">
        <v>57</v>
      </c>
      <c r="AL16073">
        <v>58</v>
      </c>
      <c r="AM16073">
        <v>58</v>
      </c>
      <c r="AN16073">
        <v>59</v>
      </c>
      <c r="AO16073">
        <v>59</v>
      </c>
      <c r="AP16073">
        <v>60</v>
      </c>
      <c r="AQ16073">
        <v>60</v>
      </c>
    </row>
    <row r="16074" spans="1:43">
      <c r="A16074" t="s">
        <v>9976</v>
      </c>
      <c r="B16074" t="s">
        <v>9977</v>
      </c>
      <c r="C16074" t="s">
        <v>9978</v>
      </c>
      <c r="D16074" t="s">
        <v>9979</v>
      </c>
      <c r="E16074" t="s">
        <v>9956</v>
      </c>
      <c r="F16074" t="s">
        <v>9957</v>
      </c>
      <c r="G16074" t="s">
        <v>80</v>
      </c>
      <c r="H16074" t="s">
        <v>81</v>
      </c>
      <c r="I16074" s="2">
        <v>0</v>
      </c>
      <c r="J16074" s="2">
        <v>1</v>
      </c>
      <c r="K16074" s="2">
        <v>0</v>
      </c>
      <c r="L16074" t="s">
        <v>82</v>
      </c>
      <c r="M16074" t="s">
        <v>83</v>
      </c>
      <c r="N16074" t="s">
        <v>84</v>
      </c>
      <c r="O16074" t="s">
        <v>85</v>
      </c>
      <c r="P16074" t="s">
        <v>86</v>
      </c>
      <c r="Q16074">
        <v>66</v>
      </c>
      <c r="R16074">
        <v>67</v>
      </c>
      <c r="S16074">
        <v>68</v>
      </c>
      <c r="T16074">
        <v>70</v>
      </c>
      <c r="U16074">
        <v>71</v>
      </c>
      <c r="V16074">
        <v>73</v>
      </c>
      <c r="W16074">
        <v>74</v>
      </c>
      <c r="X16074">
        <v>76</v>
      </c>
      <c r="Y16074">
        <v>77</v>
      </c>
      <c r="Z16074">
        <v>79</v>
      </c>
      <c r="AA16074">
        <v>80</v>
      </c>
      <c r="AB16074">
        <v>82</v>
      </c>
      <c r="AC16074">
        <v>84</v>
      </c>
      <c r="AD16074">
        <v>85</v>
      </c>
      <c r="AE16074">
        <v>87</v>
      </c>
      <c r="AF16074">
        <v>88</v>
      </c>
      <c r="AG16074">
        <v>90</v>
      </c>
      <c r="AH16074">
        <v>92</v>
      </c>
      <c r="AI16074">
        <v>94</v>
      </c>
      <c r="AJ16074">
        <v>95</v>
      </c>
      <c r="AK16074">
        <v>97</v>
      </c>
      <c r="AL16074">
        <v>98</v>
      </c>
      <c r="AM16074">
        <v>99</v>
      </c>
      <c r="AN16074">
        <v>100</v>
      </c>
      <c r="AO16074">
        <v>101</v>
      </c>
      <c r="AP16074">
        <v>102</v>
      </c>
      <c r="AQ16074">
        <v>103</v>
      </c>
    </row>
    <row r="16075" spans="1:43">
      <c r="A16075" t="s">
        <v>9976</v>
      </c>
      <c r="B16075" t="s">
        <v>9977</v>
      </c>
      <c r="C16075" t="s">
        <v>9978</v>
      </c>
      <c r="D16075" t="s">
        <v>9979</v>
      </c>
      <c r="E16075" t="s">
        <v>9956</v>
      </c>
      <c r="F16075" t="s">
        <v>9957</v>
      </c>
      <c r="G16075" t="s">
        <v>80</v>
      </c>
      <c r="H16075" t="s">
        <v>81</v>
      </c>
      <c r="I16075" s="2">
        <v>0</v>
      </c>
      <c r="J16075" s="2">
        <v>1</v>
      </c>
      <c r="K16075" s="2">
        <v>0</v>
      </c>
      <c r="L16075" t="s">
        <v>82</v>
      </c>
      <c r="M16075" t="s">
        <v>87</v>
      </c>
      <c r="N16075" t="s">
        <v>88</v>
      </c>
      <c r="O16075" t="s">
        <v>85</v>
      </c>
      <c r="P16075" t="s">
        <v>86</v>
      </c>
      <c r="Q16075">
        <v>66</v>
      </c>
      <c r="R16075">
        <v>67</v>
      </c>
      <c r="S16075">
        <v>68</v>
      </c>
      <c r="T16075">
        <v>68</v>
      </c>
      <c r="U16075">
        <v>69</v>
      </c>
      <c r="V16075">
        <v>70</v>
      </c>
      <c r="W16075">
        <v>71</v>
      </c>
      <c r="X16075">
        <v>72</v>
      </c>
      <c r="Y16075">
        <v>72</v>
      </c>
      <c r="Z16075">
        <v>73</v>
      </c>
      <c r="AA16075">
        <v>74</v>
      </c>
      <c r="AB16075">
        <v>75</v>
      </c>
      <c r="AC16075">
        <v>76</v>
      </c>
      <c r="AD16075">
        <v>77</v>
      </c>
      <c r="AE16075">
        <v>78</v>
      </c>
      <c r="AF16075">
        <v>79</v>
      </c>
      <c r="AG16075">
        <v>80</v>
      </c>
      <c r="AH16075">
        <v>81</v>
      </c>
      <c r="AI16075">
        <v>82</v>
      </c>
      <c r="AJ16075">
        <v>83</v>
      </c>
      <c r="AK16075">
        <v>84</v>
      </c>
      <c r="AL16075">
        <v>84</v>
      </c>
      <c r="AM16075">
        <v>85</v>
      </c>
      <c r="AN16075">
        <v>87</v>
      </c>
      <c r="AO16075">
        <v>88</v>
      </c>
      <c r="AP16075">
        <v>89</v>
      </c>
      <c r="AQ16075">
        <v>90</v>
      </c>
    </row>
    <row r="16076" spans="1:43">
      <c r="A16076" t="s">
        <v>9976</v>
      </c>
      <c r="B16076" t="s">
        <v>9977</v>
      </c>
      <c r="C16076" t="s">
        <v>9978</v>
      </c>
      <c r="D16076" t="s">
        <v>9979</v>
      </c>
      <c r="E16076" t="s">
        <v>9956</v>
      </c>
      <c r="F16076" t="s">
        <v>9957</v>
      </c>
      <c r="G16076" t="s">
        <v>80</v>
      </c>
      <c r="H16076" t="s">
        <v>81</v>
      </c>
      <c r="I16076" s="2">
        <v>0</v>
      </c>
      <c r="J16076" s="2">
        <v>1</v>
      </c>
      <c r="K16076" s="2">
        <v>0</v>
      </c>
      <c r="L16076" t="s">
        <v>82</v>
      </c>
      <c r="M16076" t="s">
        <v>89</v>
      </c>
      <c r="N16076" t="s">
        <v>90</v>
      </c>
      <c r="O16076" t="s">
        <v>85</v>
      </c>
      <c r="P16076" t="s">
        <v>86</v>
      </c>
      <c r="Q16076">
        <v>66</v>
      </c>
      <c r="R16076">
        <v>68</v>
      </c>
      <c r="S16076">
        <v>70</v>
      </c>
      <c r="T16076">
        <v>72</v>
      </c>
      <c r="U16076">
        <v>74</v>
      </c>
      <c r="V16076">
        <v>76</v>
      </c>
      <c r="W16076">
        <v>78</v>
      </c>
      <c r="X16076">
        <v>80</v>
      </c>
      <c r="Y16076">
        <v>82</v>
      </c>
      <c r="Z16076">
        <v>84</v>
      </c>
      <c r="AA16076">
        <v>86</v>
      </c>
      <c r="AB16076">
        <v>88</v>
      </c>
      <c r="AC16076">
        <v>90</v>
      </c>
      <c r="AD16076">
        <v>92</v>
      </c>
      <c r="AE16076">
        <v>93</v>
      </c>
      <c r="AF16076">
        <v>94</v>
      </c>
      <c r="AG16076">
        <v>95</v>
      </c>
      <c r="AH16076">
        <v>96</v>
      </c>
      <c r="AI16076">
        <v>97</v>
      </c>
      <c r="AJ16076">
        <v>97</v>
      </c>
      <c r="AK16076">
        <v>98</v>
      </c>
      <c r="AL16076">
        <v>99</v>
      </c>
      <c r="AM16076">
        <v>100</v>
      </c>
      <c r="AN16076">
        <v>101</v>
      </c>
      <c r="AO16076">
        <v>102</v>
      </c>
      <c r="AP16076">
        <v>103</v>
      </c>
      <c r="AQ16076">
        <v>103</v>
      </c>
    </row>
    <row r="16077" spans="1:43">
      <c r="A16077" t="s">
        <v>9976</v>
      </c>
      <c r="B16077" t="s">
        <v>9977</v>
      </c>
      <c r="C16077" t="s">
        <v>9978</v>
      </c>
      <c r="D16077" t="s">
        <v>9979</v>
      </c>
      <c r="E16077" t="s">
        <v>9956</v>
      </c>
      <c r="F16077" t="s">
        <v>9957</v>
      </c>
      <c r="G16077" t="s">
        <v>80</v>
      </c>
      <c r="H16077" t="s">
        <v>81</v>
      </c>
      <c r="I16077" s="2">
        <v>0</v>
      </c>
      <c r="J16077" s="2">
        <v>1</v>
      </c>
      <c r="K16077" s="2">
        <v>0</v>
      </c>
      <c r="L16077" t="s">
        <v>82</v>
      </c>
      <c r="M16077" t="s">
        <v>83</v>
      </c>
      <c r="N16077" t="s">
        <v>91</v>
      </c>
      <c r="O16077" t="s">
        <v>85</v>
      </c>
      <c r="P16077" t="s">
        <v>86</v>
      </c>
      <c r="Q16077">
        <v>66</v>
      </c>
      <c r="R16077">
        <v>67</v>
      </c>
      <c r="S16077">
        <v>68</v>
      </c>
      <c r="T16077">
        <v>70</v>
      </c>
      <c r="U16077">
        <v>71</v>
      </c>
      <c r="V16077">
        <v>73</v>
      </c>
      <c r="W16077">
        <v>74</v>
      </c>
      <c r="X16077">
        <v>76</v>
      </c>
      <c r="Y16077">
        <v>77</v>
      </c>
      <c r="Z16077">
        <v>79</v>
      </c>
      <c r="AA16077">
        <v>80</v>
      </c>
      <c r="AB16077">
        <v>82</v>
      </c>
      <c r="AC16077">
        <v>84</v>
      </c>
      <c r="AD16077">
        <v>85</v>
      </c>
      <c r="AE16077">
        <v>87</v>
      </c>
      <c r="AF16077">
        <v>88</v>
      </c>
      <c r="AG16077">
        <v>90</v>
      </c>
      <c r="AH16077">
        <v>92</v>
      </c>
      <c r="AI16077">
        <v>94</v>
      </c>
      <c r="AJ16077">
        <v>95</v>
      </c>
      <c r="AK16077">
        <v>97</v>
      </c>
      <c r="AL16077">
        <v>98</v>
      </c>
      <c r="AM16077">
        <v>99</v>
      </c>
      <c r="AN16077">
        <v>100</v>
      </c>
      <c r="AO16077">
        <v>101</v>
      </c>
      <c r="AP16077">
        <v>102</v>
      </c>
      <c r="AQ16077">
        <v>103</v>
      </c>
    </row>
    <row r="16078" spans="1:43">
      <c r="A16078" t="s">
        <v>9980</v>
      </c>
      <c r="B16078" t="s">
        <v>9981</v>
      </c>
      <c r="C16078" t="s">
        <v>9978</v>
      </c>
      <c r="D16078" t="s">
        <v>9979</v>
      </c>
      <c r="E16078" t="s">
        <v>9956</v>
      </c>
      <c r="F16078" t="s">
        <v>9957</v>
      </c>
      <c r="G16078" t="s">
        <v>80</v>
      </c>
      <c r="H16078" t="s">
        <v>81</v>
      </c>
      <c r="I16078" s="2">
        <v>0</v>
      </c>
      <c r="J16078" s="2">
        <v>1</v>
      </c>
      <c r="K16078" s="2">
        <v>0</v>
      </c>
      <c r="L16078" t="s">
        <v>82</v>
      </c>
      <c r="M16078" t="s">
        <v>83</v>
      </c>
      <c r="N16078" t="s">
        <v>84</v>
      </c>
      <c r="O16078" t="s">
        <v>85</v>
      </c>
      <c r="P16078" t="s">
        <v>86</v>
      </c>
      <c r="Q16078">
        <v>238</v>
      </c>
      <c r="R16078">
        <v>243</v>
      </c>
      <c r="S16078">
        <v>248</v>
      </c>
      <c r="T16078">
        <v>254</v>
      </c>
      <c r="U16078">
        <v>259</v>
      </c>
      <c r="V16078">
        <v>264</v>
      </c>
      <c r="W16078">
        <v>270</v>
      </c>
      <c r="X16078">
        <v>275</v>
      </c>
      <c r="Y16078">
        <v>281</v>
      </c>
      <c r="Z16078">
        <v>286</v>
      </c>
      <c r="AA16078">
        <v>292</v>
      </c>
      <c r="AB16078">
        <v>298</v>
      </c>
      <c r="AC16078">
        <v>304</v>
      </c>
      <c r="AD16078">
        <v>309</v>
      </c>
      <c r="AE16078">
        <v>315</v>
      </c>
      <c r="AF16078">
        <v>321</v>
      </c>
      <c r="AG16078">
        <v>327</v>
      </c>
      <c r="AH16078">
        <v>333</v>
      </c>
      <c r="AI16078">
        <v>340</v>
      </c>
      <c r="AJ16078">
        <v>346</v>
      </c>
      <c r="AK16078">
        <v>352</v>
      </c>
      <c r="AL16078">
        <v>356</v>
      </c>
      <c r="AM16078">
        <v>359</v>
      </c>
      <c r="AN16078">
        <v>362</v>
      </c>
      <c r="AO16078">
        <v>366</v>
      </c>
      <c r="AP16078">
        <v>369</v>
      </c>
      <c r="AQ16078">
        <v>372</v>
      </c>
    </row>
    <row r="16079" spans="1:43">
      <c r="A16079" t="s">
        <v>9980</v>
      </c>
      <c r="B16079" t="s">
        <v>9981</v>
      </c>
      <c r="C16079" t="s">
        <v>9978</v>
      </c>
      <c r="D16079" t="s">
        <v>9979</v>
      </c>
      <c r="E16079" t="s">
        <v>9956</v>
      </c>
      <c r="F16079" t="s">
        <v>9957</v>
      </c>
      <c r="G16079" t="s">
        <v>80</v>
      </c>
      <c r="H16079" t="s">
        <v>81</v>
      </c>
      <c r="I16079" s="2">
        <v>0</v>
      </c>
      <c r="J16079" s="2">
        <v>1</v>
      </c>
      <c r="K16079" s="2">
        <v>0</v>
      </c>
      <c r="L16079" t="s">
        <v>82</v>
      </c>
      <c r="M16079" t="s">
        <v>87</v>
      </c>
      <c r="N16079" t="s">
        <v>88</v>
      </c>
      <c r="O16079" t="s">
        <v>85</v>
      </c>
      <c r="P16079" t="s">
        <v>86</v>
      </c>
      <c r="Q16079">
        <v>238</v>
      </c>
      <c r="R16079">
        <v>241</v>
      </c>
      <c r="S16079">
        <v>244</v>
      </c>
      <c r="T16079">
        <v>246</v>
      </c>
      <c r="U16079">
        <v>249</v>
      </c>
      <c r="V16079">
        <v>252</v>
      </c>
      <c r="W16079">
        <v>255</v>
      </c>
      <c r="X16079">
        <v>258</v>
      </c>
      <c r="Y16079">
        <v>261</v>
      </c>
      <c r="Z16079">
        <v>265</v>
      </c>
      <c r="AA16079">
        <v>268</v>
      </c>
      <c r="AB16079">
        <v>271</v>
      </c>
      <c r="AC16079">
        <v>274</v>
      </c>
      <c r="AD16079">
        <v>278</v>
      </c>
      <c r="AE16079">
        <v>281</v>
      </c>
      <c r="AF16079">
        <v>284</v>
      </c>
      <c r="AG16079">
        <v>288</v>
      </c>
      <c r="AH16079">
        <v>291</v>
      </c>
      <c r="AI16079">
        <v>295</v>
      </c>
      <c r="AJ16079">
        <v>298</v>
      </c>
      <c r="AK16079">
        <v>302</v>
      </c>
      <c r="AL16079">
        <v>305</v>
      </c>
      <c r="AM16079">
        <v>309</v>
      </c>
      <c r="AN16079">
        <v>313</v>
      </c>
      <c r="AO16079">
        <v>316</v>
      </c>
      <c r="AP16079">
        <v>320</v>
      </c>
      <c r="AQ16079">
        <v>324</v>
      </c>
    </row>
    <row r="16080" spans="1:43">
      <c r="A16080" t="s">
        <v>9980</v>
      </c>
      <c r="B16080" t="s">
        <v>9981</v>
      </c>
      <c r="C16080" t="s">
        <v>9978</v>
      </c>
      <c r="D16080" t="s">
        <v>9979</v>
      </c>
      <c r="E16080" t="s">
        <v>9956</v>
      </c>
      <c r="F16080" t="s">
        <v>9957</v>
      </c>
      <c r="G16080" t="s">
        <v>80</v>
      </c>
      <c r="H16080" t="s">
        <v>81</v>
      </c>
      <c r="I16080" s="2">
        <v>0</v>
      </c>
      <c r="J16080" s="2">
        <v>1</v>
      </c>
      <c r="K16080" s="2">
        <v>0</v>
      </c>
      <c r="L16080" t="s">
        <v>82</v>
      </c>
      <c r="M16080" t="s">
        <v>89</v>
      </c>
      <c r="N16080" t="s">
        <v>90</v>
      </c>
      <c r="O16080" t="s">
        <v>85</v>
      </c>
      <c r="P16080" t="s">
        <v>86</v>
      </c>
      <c r="Q16080">
        <v>238</v>
      </c>
      <c r="R16080">
        <v>245</v>
      </c>
      <c r="S16080">
        <v>253</v>
      </c>
      <c r="T16080">
        <v>260</v>
      </c>
      <c r="U16080">
        <v>267</v>
      </c>
      <c r="V16080">
        <v>274</v>
      </c>
      <c r="W16080">
        <v>281</v>
      </c>
      <c r="X16080">
        <v>288</v>
      </c>
      <c r="Y16080">
        <v>295</v>
      </c>
      <c r="Z16080">
        <v>302</v>
      </c>
      <c r="AA16080">
        <v>309</v>
      </c>
      <c r="AB16080">
        <v>316</v>
      </c>
      <c r="AC16080">
        <v>324</v>
      </c>
      <c r="AD16080">
        <v>331</v>
      </c>
      <c r="AE16080">
        <v>336</v>
      </c>
      <c r="AF16080">
        <v>339</v>
      </c>
      <c r="AG16080">
        <v>342</v>
      </c>
      <c r="AH16080">
        <v>345</v>
      </c>
      <c r="AI16080">
        <v>348</v>
      </c>
      <c r="AJ16080">
        <v>352</v>
      </c>
      <c r="AK16080">
        <v>355</v>
      </c>
      <c r="AL16080">
        <v>358</v>
      </c>
      <c r="AM16080">
        <v>361</v>
      </c>
      <c r="AN16080">
        <v>364</v>
      </c>
      <c r="AO16080">
        <v>367</v>
      </c>
      <c r="AP16080">
        <v>370</v>
      </c>
      <c r="AQ16080">
        <v>373</v>
      </c>
    </row>
    <row r="16081" spans="1:43">
      <c r="A16081" t="s">
        <v>9980</v>
      </c>
      <c r="B16081" t="s">
        <v>9981</v>
      </c>
      <c r="C16081" t="s">
        <v>9978</v>
      </c>
      <c r="D16081" t="s">
        <v>9979</v>
      </c>
      <c r="E16081" t="s">
        <v>9956</v>
      </c>
      <c r="F16081" t="s">
        <v>9957</v>
      </c>
      <c r="G16081" t="s">
        <v>80</v>
      </c>
      <c r="H16081" t="s">
        <v>81</v>
      </c>
      <c r="I16081" s="2">
        <v>0</v>
      </c>
      <c r="J16081" s="2">
        <v>1</v>
      </c>
      <c r="K16081" s="2">
        <v>0</v>
      </c>
      <c r="L16081" t="s">
        <v>82</v>
      </c>
      <c r="M16081" t="s">
        <v>83</v>
      </c>
      <c r="N16081" t="s">
        <v>91</v>
      </c>
      <c r="O16081" t="s">
        <v>85</v>
      </c>
      <c r="P16081" t="s">
        <v>86</v>
      </c>
      <c r="Q16081">
        <v>238</v>
      </c>
      <c r="R16081">
        <v>243</v>
      </c>
      <c r="S16081">
        <v>248</v>
      </c>
      <c r="T16081">
        <v>254</v>
      </c>
      <c r="U16081">
        <v>259</v>
      </c>
      <c r="V16081">
        <v>264</v>
      </c>
      <c r="W16081">
        <v>270</v>
      </c>
      <c r="X16081">
        <v>275</v>
      </c>
      <c r="Y16081">
        <v>281</v>
      </c>
      <c r="Z16081">
        <v>286</v>
      </c>
      <c r="AA16081">
        <v>292</v>
      </c>
      <c r="AB16081">
        <v>298</v>
      </c>
      <c r="AC16081">
        <v>304</v>
      </c>
      <c r="AD16081">
        <v>309</v>
      </c>
      <c r="AE16081">
        <v>315</v>
      </c>
      <c r="AF16081">
        <v>321</v>
      </c>
      <c r="AG16081">
        <v>327</v>
      </c>
      <c r="AH16081">
        <v>333</v>
      </c>
      <c r="AI16081">
        <v>340</v>
      </c>
      <c r="AJ16081">
        <v>346</v>
      </c>
      <c r="AK16081">
        <v>352</v>
      </c>
      <c r="AL16081">
        <v>356</v>
      </c>
      <c r="AM16081">
        <v>359</v>
      </c>
      <c r="AN16081">
        <v>362</v>
      </c>
      <c r="AO16081">
        <v>366</v>
      </c>
      <c r="AP16081">
        <v>369</v>
      </c>
      <c r="AQ16081">
        <v>372</v>
      </c>
    </row>
    <row r="16082" spans="1:43">
      <c r="A16082" t="s">
        <v>9982</v>
      </c>
      <c r="B16082" t="s">
        <v>9983</v>
      </c>
      <c r="C16082" t="s">
        <v>9978</v>
      </c>
      <c r="D16082" t="s">
        <v>9979</v>
      </c>
      <c r="E16082" t="s">
        <v>9956</v>
      </c>
      <c r="F16082" t="s">
        <v>9957</v>
      </c>
      <c r="G16082" t="s">
        <v>80</v>
      </c>
      <c r="H16082" t="s">
        <v>81</v>
      </c>
      <c r="I16082" s="2">
        <v>0</v>
      </c>
      <c r="J16082" s="2">
        <v>1</v>
      </c>
      <c r="K16082" s="2">
        <v>0</v>
      </c>
      <c r="L16082" t="s">
        <v>82</v>
      </c>
      <c r="M16082" t="s">
        <v>83</v>
      </c>
      <c r="N16082" t="s">
        <v>84</v>
      </c>
      <c r="O16082" t="s">
        <v>85</v>
      </c>
      <c r="P16082" t="s">
        <v>86</v>
      </c>
      <c r="Q16082">
        <v>150</v>
      </c>
      <c r="R16082">
        <v>154</v>
      </c>
      <c r="S16082">
        <v>157</v>
      </c>
      <c r="T16082">
        <v>160</v>
      </c>
      <c r="U16082">
        <v>164</v>
      </c>
      <c r="V16082">
        <v>167</v>
      </c>
      <c r="W16082">
        <v>170</v>
      </c>
      <c r="X16082">
        <v>174</v>
      </c>
      <c r="Y16082">
        <v>177</v>
      </c>
      <c r="Z16082">
        <v>181</v>
      </c>
      <c r="AA16082">
        <v>185</v>
      </c>
      <c r="AB16082">
        <v>188</v>
      </c>
      <c r="AC16082">
        <v>192</v>
      </c>
      <c r="AD16082">
        <v>195</v>
      </c>
      <c r="AE16082">
        <v>199</v>
      </c>
      <c r="AF16082">
        <v>203</v>
      </c>
      <c r="AG16082">
        <v>207</v>
      </c>
      <c r="AH16082">
        <v>211</v>
      </c>
      <c r="AI16082">
        <v>214</v>
      </c>
      <c r="AJ16082">
        <v>218</v>
      </c>
      <c r="AK16082">
        <v>222</v>
      </c>
      <c r="AL16082">
        <v>225</v>
      </c>
      <c r="AM16082">
        <v>227</v>
      </c>
      <c r="AN16082">
        <v>229</v>
      </c>
      <c r="AO16082">
        <v>231</v>
      </c>
      <c r="AP16082">
        <v>232</v>
      </c>
      <c r="AQ16082">
        <v>234</v>
      </c>
    </row>
    <row r="16083" spans="1:43">
      <c r="A16083" t="s">
        <v>9982</v>
      </c>
      <c r="B16083" t="s">
        <v>9983</v>
      </c>
      <c r="C16083" t="s">
        <v>9978</v>
      </c>
      <c r="D16083" t="s">
        <v>9979</v>
      </c>
      <c r="E16083" t="s">
        <v>9956</v>
      </c>
      <c r="F16083" t="s">
        <v>9957</v>
      </c>
      <c r="G16083" t="s">
        <v>80</v>
      </c>
      <c r="H16083" t="s">
        <v>81</v>
      </c>
      <c r="I16083" s="2">
        <v>0</v>
      </c>
      <c r="J16083" s="2">
        <v>1</v>
      </c>
      <c r="K16083" s="2">
        <v>0</v>
      </c>
      <c r="L16083" t="s">
        <v>82</v>
      </c>
      <c r="M16083" t="s">
        <v>87</v>
      </c>
      <c r="N16083" t="s">
        <v>88</v>
      </c>
      <c r="O16083" t="s">
        <v>85</v>
      </c>
      <c r="P16083" t="s">
        <v>86</v>
      </c>
      <c r="Q16083">
        <v>150</v>
      </c>
      <c r="R16083">
        <v>152</v>
      </c>
      <c r="S16083">
        <v>154</v>
      </c>
      <c r="T16083">
        <v>156</v>
      </c>
      <c r="U16083">
        <v>157</v>
      </c>
      <c r="V16083">
        <v>159</v>
      </c>
      <c r="W16083">
        <v>161</v>
      </c>
      <c r="X16083">
        <v>163</v>
      </c>
      <c r="Y16083">
        <v>165</v>
      </c>
      <c r="Z16083">
        <v>167</v>
      </c>
      <c r="AA16083">
        <v>169</v>
      </c>
      <c r="AB16083">
        <v>171</v>
      </c>
      <c r="AC16083">
        <v>173</v>
      </c>
      <c r="AD16083">
        <v>175</v>
      </c>
      <c r="AE16083">
        <v>177</v>
      </c>
      <c r="AF16083">
        <v>179</v>
      </c>
      <c r="AG16083">
        <v>182</v>
      </c>
      <c r="AH16083">
        <v>184</v>
      </c>
      <c r="AI16083">
        <v>186</v>
      </c>
      <c r="AJ16083">
        <v>188</v>
      </c>
      <c r="AK16083">
        <v>190</v>
      </c>
      <c r="AL16083">
        <v>193</v>
      </c>
      <c r="AM16083">
        <v>195</v>
      </c>
      <c r="AN16083">
        <v>197</v>
      </c>
      <c r="AO16083">
        <v>200</v>
      </c>
      <c r="AP16083">
        <v>202</v>
      </c>
      <c r="AQ16083">
        <v>204</v>
      </c>
    </row>
    <row r="16084" spans="1:43">
      <c r="A16084" t="s">
        <v>9982</v>
      </c>
      <c r="B16084" t="s">
        <v>9983</v>
      </c>
      <c r="C16084" t="s">
        <v>9978</v>
      </c>
      <c r="D16084" t="s">
        <v>9979</v>
      </c>
      <c r="E16084" t="s">
        <v>9956</v>
      </c>
      <c r="F16084" t="s">
        <v>9957</v>
      </c>
      <c r="G16084" t="s">
        <v>80</v>
      </c>
      <c r="H16084" t="s">
        <v>81</v>
      </c>
      <c r="I16084" s="2">
        <v>0</v>
      </c>
      <c r="J16084" s="2">
        <v>1</v>
      </c>
      <c r="K16084" s="2">
        <v>0</v>
      </c>
      <c r="L16084" t="s">
        <v>82</v>
      </c>
      <c r="M16084" t="s">
        <v>89</v>
      </c>
      <c r="N16084" t="s">
        <v>90</v>
      </c>
      <c r="O16084" t="s">
        <v>85</v>
      </c>
      <c r="P16084" t="s">
        <v>86</v>
      </c>
      <c r="Q16084">
        <v>150</v>
      </c>
      <c r="R16084">
        <v>154</v>
      </c>
      <c r="S16084">
        <v>159</v>
      </c>
      <c r="T16084">
        <v>164</v>
      </c>
      <c r="U16084">
        <v>168</v>
      </c>
      <c r="V16084">
        <v>173</v>
      </c>
      <c r="W16084">
        <v>177</v>
      </c>
      <c r="X16084">
        <v>182</v>
      </c>
      <c r="Y16084">
        <v>186</v>
      </c>
      <c r="Z16084">
        <v>190</v>
      </c>
      <c r="AA16084">
        <v>195</v>
      </c>
      <c r="AB16084">
        <v>199</v>
      </c>
      <c r="AC16084">
        <v>204</v>
      </c>
      <c r="AD16084">
        <v>208</v>
      </c>
      <c r="AE16084">
        <v>212</v>
      </c>
      <c r="AF16084">
        <v>213</v>
      </c>
      <c r="AG16084">
        <v>215</v>
      </c>
      <c r="AH16084">
        <v>217</v>
      </c>
      <c r="AI16084">
        <v>219</v>
      </c>
      <c r="AJ16084">
        <v>221</v>
      </c>
      <c r="AK16084">
        <v>223</v>
      </c>
      <c r="AL16084">
        <v>224</v>
      </c>
      <c r="AM16084">
        <v>226</v>
      </c>
      <c r="AN16084">
        <v>228</v>
      </c>
      <c r="AO16084">
        <v>230</v>
      </c>
      <c r="AP16084">
        <v>232</v>
      </c>
      <c r="AQ16084">
        <v>234</v>
      </c>
    </row>
    <row r="16085" spans="1:43">
      <c r="A16085" t="s">
        <v>9982</v>
      </c>
      <c r="B16085" t="s">
        <v>9983</v>
      </c>
      <c r="C16085" t="s">
        <v>9978</v>
      </c>
      <c r="D16085" t="s">
        <v>9979</v>
      </c>
      <c r="E16085" t="s">
        <v>9956</v>
      </c>
      <c r="F16085" t="s">
        <v>9957</v>
      </c>
      <c r="G16085" t="s">
        <v>80</v>
      </c>
      <c r="H16085" t="s">
        <v>81</v>
      </c>
      <c r="I16085" s="2">
        <v>0</v>
      </c>
      <c r="J16085" s="2">
        <v>1</v>
      </c>
      <c r="K16085" s="2">
        <v>0</v>
      </c>
      <c r="L16085" t="s">
        <v>82</v>
      </c>
      <c r="M16085" t="s">
        <v>83</v>
      </c>
      <c r="N16085" t="s">
        <v>91</v>
      </c>
      <c r="O16085" t="s">
        <v>85</v>
      </c>
      <c r="P16085" t="s">
        <v>86</v>
      </c>
      <c r="Q16085">
        <v>150</v>
      </c>
      <c r="R16085">
        <v>154</v>
      </c>
      <c r="S16085">
        <v>157</v>
      </c>
      <c r="T16085">
        <v>160</v>
      </c>
      <c r="U16085">
        <v>164</v>
      </c>
      <c r="V16085">
        <v>167</v>
      </c>
      <c r="W16085">
        <v>170</v>
      </c>
      <c r="X16085">
        <v>174</v>
      </c>
      <c r="Y16085">
        <v>177</v>
      </c>
      <c r="Z16085">
        <v>181</v>
      </c>
      <c r="AA16085">
        <v>185</v>
      </c>
      <c r="AB16085">
        <v>188</v>
      </c>
      <c r="AC16085">
        <v>192</v>
      </c>
      <c r="AD16085">
        <v>195</v>
      </c>
      <c r="AE16085">
        <v>199</v>
      </c>
      <c r="AF16085">
        <v>203</v>
      </c>
      <c r="AG16085">
        <v>207</v>
      </c>
      <c r="AH16085">
        <v>211</v>
      </c>
      <c r="AI16085">
        <v>214</v>
      </c>
      <c r="AJ16085">
        <v>218</v>
      </c>
      <c r="AK16085">
        <v>222</v>
      </c>
      <c r="AL16085">
        <v>225</v>
      </c>
      <c r="AM16085">
        <v>227</v>
      </c>
      <c r="AN16085">
        <v>229</v>
      </c>
      <c r="AO16085">
        <v>231</v>
      </c>
      <c r="AP16085">
        <v>232</v>
      </c>
      <c r="AQ16085">
        <v>234</v>
      </c>
    </row>
    <row r="16086" spans="1:43">
      <c r="A16086" t="s">
        <v>9984</v>
      </c>
      <c r="B16086" t="s">
        <v>9985</v>
      </c>
      <c r="C16086" t="s">
        <v>9986</v>
      </c>
      <c r="D16086" t="s">
        <v>9987</v>
      </c>
      <c r="E16086" t="s">
        <v>9956</v>
      </c>
      <c r="F16086" t="s">
        <v>9957</v>
      </c>
      <c r="G16086" t="s">
        <v>80</v>
      </c>
      <c r="H16086" t="s">
        <v>81</v>
      </c>
      <c r="I16086" s="2">
        <v>0</v>
      </c>
      <c r="J16086" s="2">
        <v>1</v>
      </c>
      <c r="K16086" s="2">
        <v>0</v>
      </c>
      <c r="L16086" t="s">
        <v>82</v>
      </c>
      <c r="M16086" t="s">
        <v>83</v>
      </c>
      <c r="N16086" t="s">
        <v>84</v>
      </c>
      <c r="O16086" t="s">
        <v>85</v>
      </c>
      <c r="P16086" t="s">
        <v>86</v>
      </c>
      <c r="Q16086">
        <v>161</v>
      </c>
      <c r="R16086">
        <v>165</v>
      </c>
      <c r="S16086">
        <v>169</v>
      </c>
      <c r="T16086">
        <v>172</v>
      </c>
      <c r="U16086">
        <v>176</v>
      </c>
      <c r="V16086">
        <v>179</v>
      </c>
      <c r="W16086">
        <v>183</v>
      </c>
      <c r="X16086">
        <v>187</v>
      </c>
      <c r="Y16086">
        <v>190</v>
      </c>
      <c r="Z16086">
        <v>194</v>
      </c>
      <c r="AA16086">
        <v>198</v>
      </c>
      <c r="AB16086">
        <v>202</v>
      </c>
      <c r="AC16086">
        <v>206</v>
      </c>
      <c r="AD16086">
        <v>210</v>
      </c>
      <c r="AE16086">
        <v>214</v>
      </c>
      <c r="AF16086">
        <v>218</v>
      </c>
      <c r="AG16086">
        <v>222</v>
      </c>
      <c r="AH16086">
        <v>226</v>
      </c>
      <c r="AI16086">
        <v>231</v>
      </c>
      <c r="AJ16086">
        <v>235</v>
      </c>
      <c r="AK16086">
        <v>239</v>
      </c>
      <c r="AL16086">
        <v>242</v>
      </c>
      <c r="AM16086">
        <v>244</v>
      </c>
      <c r="AN16086">
        <v>246</v>
      </c>
      <c r="AO16086">
        <v>248</v>
      </c>
      <c r="AP16086">
        <v>250</v>
      </c>
      <c r="AQ16086">
        <v>252</v>
      </c>
    </row>
    <row r="16087" spans="1:43">
      <c r="A16087" t="s">
        <v>9984</v>
      </c>
      <c r="B16087" t="s">
        <v>9985</v>
      </c>
      <c r="C16087" t="s">
        <v>9986</v>
      </c>
      <c r="D16087" t="s">
        <v>9987</v>
      </c>
      <c r="E16087" t="s">
        <v>9956</v>
      </c>
      <c r="F16087" t="s">
        <v>9957</v>
      </c>
      <c r="G16087" t="s">
        <v>80</v>
      </c>
      <c r="H16087" t="s">
        <v>81</v>
      </c>
      <c r="I16087" s="2">
        <v>0</v>
      </c>
      <c r="J16087" s="2">
        <v>1</v>
      </c>
      <c r="K16087" s="2">
        <v>0</v>
      </c>
      <c r="L16087" t="s">
        <v>82</v>
      </c>
      <c r="M16087" t="s">
        <v>87</v>
      </c>
      <c r="N16087" t="s">
        <v>88</v>
      </c>
      <c r="O16087" t="s">
        <v>85</v>
      </c>
      <c r="P16087" t="s">
        <v>86</v>
      </c>
      <c r="Q16087">
        <v>161</v>
      </c>
      <c r="R16087">
        <v>163</v>
      </c>
      <c r="S16087">
        <v>165</v>
      </c>
      <c r="T16087">
        <v>167</v>
      </c>
      <c r="U16087">
        <v>169</v>
      </c>
      <c r="V16087">
        <v>171</v>
      </c>
      <c r="W16087">
        <v>173</v>
      </c>
      <c r="X16087">
        <v>175</v>
      </c>
      <c r="Y16087">
        <v>177</v>
      </c>
      <c r="Z16087">
        <v>179</v>
      </c>
      <c r="AA16087">
        <v>181</v>
      </c>
      <c r="AB16087">
        <v>184</v>
      </c>
      <c r="AC16087">
        <v>186</v>
      </c>
      <c r="AD16087">
        <v>188</v>
      </c>
      <c r="AE16087">
        <v>190</v>
      </c>
      <c r="AF16087">
        <v>193</v>
      </c>
      <c r="AG16087">
        <v>195</v>
      </c>
      <c r="AH16087">
        <v>197</v>
      </c>
      <c r="AI16087">
        <v>200</v>
      </c>
      <c r="AJ16087">
        <v>202</v>
      </c>
      <c r="AK16087">
        <v>204</v>
      </c>
      <c r="AL16087">
        <v>207</v>
      </c>
      <c r="AM16087">
        <v>209</v>
      </c>
      <c r="AN16087">
        <v>212</v>
      </c>
      <c r="AO16087">
        <v>214</v>
      </c>
      <c r="AP16087">
        <v>217</v>
      </c>
      <c r="AQ16087">
        <v>219</v>
      </c>
    </row>
    <row r="16088" spans="1:43">
      <c r="A16088" t="s">
        <v>9984</v>
      </c>
      <c r="B16088" t="s">
        <v>9985</v>
      </c>
      <c r="C16088" t="s">
        <v>9986</v>
      </c>
      <c r="D16088" t="s">
        <v>9987</v>
      </c>
      <c r="E16088" t="s">
        <v>9956</v>
      </c>
      <c r="F16088" t="s">
        <v>9957</v>
      </c>
      <c r="G16088" t="s">
        <v>80</v>
      </c>
      <c r="H16088" t="s">
        <v>81</v>
      </c>
      <c r="I16088" s="2">
        <v>0</v>
      </c>
      <c r="J16088" s="2">
        <v>1</v>
      </c>
      <c r="K16088" s="2">
        <v>0</v>
      </c>
      <c r="L16088" t="s">
        <v>82</v>
      </c>
      <c r="M16088" t="s">
        <v>89</v>
      </c>
      <c r="N16088" t="s">
        <v>90</v>
      </c>
      <c r="O16088" t="s">
        <v>85</v>
      </c>
      <c r="P16088" t="s">
        <v>86</v>
      </c>
      <c r="Q16088">
        <v>161</v>
      </c>
      <c r="R16088">
        <v>166</v>
      </c>
      <c r="S16088">
        <v>171</v>
      </c>
      <c r="T16088">
        <v>176</v>
      </c>
      <c r="U16088">
        <v>181</v>
      </c>
      <c r="V16088">
        <v>185</v>
      </c>
      <c r="W16088">
        <v>190</v>
      </c>
      <c r="X16088">
        <v>195</v>
      </c>
      <c r="Y16088">
        <v>200</v>
      </c>
      <c r="Z16088">
        <v>205</v>
      </c>
      <c r="AA16088">
        <v>209</v>
      </c>
      <c r="AB16088">
        <v>214</v>
      </c>
      <c r="AC16088">
        <v>219</v>
      </c>
      <c r="AD16088">
        <v>224</v>
      </c>
      <c r="AE16088">
        <v>228</v>
      </c>
      <c r="AF16088">
        <v>230</v>
      </c>
      <c r="AG16088">
        <v>232</v>
      </c>
      <c r="AH16088">
        <v>234</v>
      </c>
      <c r="AI16088">
        <v>236</v>
      </c>
      <c r="AJ16088">
        <v>238</v>
      </c>
      <c r="AK16088">
        <v>240</v>
      </c>
      <c r="AL16088">
        <v>242</v>
      </c>
      <c r="AM16088">
        <v>244</v>
      </c>
      <c r="AN16088">
        <v>246</v>
      </c>
      <c r="AO16088">
        <v>248</v>
      </c>
      <c r="AP16088">
        <v>250</v>
      </c>
      <c r="AQ16088">
        <v>252</v>
      </c>
    </row>
    <row r="16089" spans="1:43">
      <c r="A16089" t="s">
        <v>9984</v>
      </c>
      <c r="B16089" t="s">
        <v>9985</v>
      </c>
      <c r="C16089" t="s">
        <v>9986</v>
      </c>
      <c r="D16089" t="s">
        <v>9987</v>
      </c>
      <c r="E16089" t="s">
        <v>9956</v>
      </c>
      <c r="F16089" t="s">
        <v>9957</v>
      </c>
      <c r="G16089" t="s">
        <v>80</v>
      </c>
      <c r="H16089" t="s">
        <v>81</v>
      </c>
      <c r="I16089" s="2">
        <v>0</v>
      </c>
      <c r="J16089" s="2">
        <v>1</v>
      </c>
      <c r="K16089" s="2">
        <v>0</v>
      </c>
      <c r="L16089" t="s">
        <v>82</v>
      </c>
      <c r="M16089" t="s">
        <v>83</v>
      </c>
      <c r="N16089" t="s">
        <v>91</v>
      </c>
      <c r="O16089" t="s">
        <v>85</v>
      </c>
      <c r="P16089" t="s">
        <v>86</v>
      </c>
      <c r="Q16089">
        <v>161</v>
      </c>
      <c r="R16089">
        <v>165</v>
      </c>
      <c r="S16089">
        <v>169</v>
      </c>
      <c r="T16089">
        <v>172</v>
      </c>
      <c r="U16089">
        <v>176</v>
      </c>
      <c r="V16089">
        <v>179</v>
      </c>
      <c r="W16089">
        <v>183</v>
      </c>
      <c r="X16089">
        <v>187</v>
      </c>
      <c r="Y16089">
        <v>190</v>
      </c>
      <c r="Z16089">
        <v>194</v>
      </c>
      <c r="AA16089">
        <v>198</v>
      </c>
      <c r="AB16089">
        <v>202</v>
      </c>
      <c r="AC16089">
        <v>206</v>
      </c>
      <c r="AD16089">
        <v>210</v>
      </c>
      <c r="AE16089">
        <v>214</v>
      </c>
      <c r="AF16089">
        <v>218</v>
      </c>
      <c r="AG16089">
        <v>222</v>
      </c>
      <c r="AH16089">
        <v>226</v>
      </c>
      <c r="AI16089">
        <v>231</v>
      </c>
      <c r="AJ16089">
        <v>235</v>
      </c>
      <c r="AK16089">
        <v>239</v>
      </c>
      <c r="AL16089">
        <v>242</v>
      </c>
      <c r="AM16089">
        <v>244</v>
      </c>
      <c r="AN16089">
        <v>246</v>
      </c>
      <c r="AO16089">
        <v>248</v>
      </c>
      <c r="AP16089">
        <v>250</v>
      </c>
      <c r="AQ16089">
        <v>252</v>
      </c>
    </row>
    <row r="16090" spans="1:43">
      <c r="A16090" t="s">
        <v>9988</v>
      </c>
      <c r="B16090" t="s">
        <v>9989</v>
      </c>
      <c r="C16090" t="s">
        <v>9986</v>
      </c>
      <c r="D16090" t="s">
        <v>9987</v>
      </c>
      <c r="E16090" t="s">
        <v>9956</v>
      </c>
      <c r="F16090" t="s">
        <v>9957</v>
      </c>
      <c r="G16090" t="s">
        <v>80</v>
      </c>
      <c r="H16090" t="s">
        <v>81</v>
      </c>
      <c r="I16090" s="2">
        <v>0</v>
      </c>
      <c r="J16090" s="2">
        <v>1</v>
      </c>
      <c r="K16090" s="2">
        <v>0</v>
      </c>
      <c r="L16090" t="s">
        <v>82</v>
      </c>
      <c r="M16090" t="s">
        <v>83</v>
      </c>
      <c r="N16090" t="s">
        <v>84</v>
      </c>
      <c r="O16090" t="s">
        <v>85</v>
      </c>
      <c r="P16090" t="s">
        <v>86</v>
      </c>
      <c r="Q16090">
        <v>116</v>
      </c>
      <c r="R16090">
        <v>119</v>
      </c>
      <c r="S16090">
        <v>121</v>
      </c>
      <c r="T16090">
        <v>124</v>
      </c>
      <c r="U16090">
        <v>127</v>
      </c>
      <c r="V16090">
        <v>129</v>
      </c>
      <c r="W16090">
        <v>132</v>
      </c>
      <c r="X16090">
        <v>134</v>
      </c>
      <c r="Y16090">
        <v>137</v>
      </c>
      <c r="Z16090">
        <v>140</v>
      </c>
      <c r="AA16090">
        <v>143</v>
      </c>
      <c r="AB16090">
        <v>146</v>
      </c>
      <c r="AC16090">
        <v>148</v>
      </c>
      <c r="AD16090">
        <v>151</v>
      </c>
      <c r="AE16090">
        <v>154</v>
      </c>
      <c r="AF16090">
        <v>157</v>
      </c>
      <c r="AG16090">
        <v>160</v>
      </c>
      <c r="AH16090">
        <v>163</v>
      </c>
      <c r="AI16090">
        <v>166</v>
      </c>
      <c r="AJ16090">
        <v>169</v>
      </c>
      <c r="AK16090">
        <v>173</v>
      </c>
      <c r="AL16090">
        <v>175</v>
      </c>
      <c r="AM16090">
        <v>176</v>
      </c>
      <c r="AN16090">
        <v>178</v>
      </c>
      <c r="AO16090">
        <v>179</v>
      </c>
      <c r="AP16090">
        <v>181</v>
      </c>
      <c r="AQ16090">
        <v>182</v>
      </c>
    </row>
    <row r="16091" spans="1:43">
      <c r="A16091" t="s">
        <v>9988</v>
      </c>
      <c r="B16091" t="s">
        <v>9989</v>
      </c>
      <c r="C16091" t="s">
        <v>9986</v>
      </c>
      <c r="D16091" t="s">
        <v>9987</v>
      </c>
      <c r="E16091" t="s">
        <v>9956</v>
      </c>
      <c r="F16091" t="s">
        <v>9957</v>
      </c>
      <c r="G16091" t="s">
        <v>80</v>
      </c>
      <c r="H16091" t="s">
        <v>81</v>
      </c>
      <c r="I16091" s="2">
        <v>0</v>
      </c>
      <c r="J16091" s="2">
        <v>1</v>
      </c>
      <c r="K16091" s="2">
        <v>0</v>
      </c>
      <c r="L16091" t="s">
        <v>82</v>
      </c>
      <c r="M16091" t="s">
        <v>87</v>
      </c>
      <c r="N16091" t="s">
        <v>88</v>
      </c>
      <c r="O16091" t="s">
        <v>85</v>
      </c>
      <c r="P16091" t="s">
        <v>86</v>
      </c>
      <c r="Q16091">
        <v>116</v>
      </c>
      <c r="R16091">
        <v>118</v>
      </c>
      <c r="S16091">
        <v>119</v>
      </c>
      <c r="T16091">
        <v>121</v>
      </c>
      <c r="U16091">
        <v>122</v>
      </c>
      <c r="V16091">
        <v>123</v>
      </c>
      <c r="W16091">
        <v>125</v>
      </c>
      <c r="X16091">
        <v>126</v>
      </c>
      <c r="Y16091">
        <v>128</v>
      </c>
      <c r="Z16091">
        <v>129</v>
      </c>
      <c r="AA16091">
        <v>131</v>
      </c>
      <c r="AB16091">
        <v>133</v>
      </c>
      <c r="AC16091">
        <v>134</v>
      </c>
      <c r="AD16091">
        <v>136</v>
      </c>
      <c r="AE16091">
        <v>137</v>
      </c>
      <c r="AF16091">
        <v>139</v>
      </c>
      <c r="AG16091">
        <v>141</v>
      </c>
      <c r="AH16091">
        <v>142</v>
      </c>
      <c r="AI16091">
        <v>144</v>
      </c>
      <c r="AJ16091">
        <v>146</v>
      </c>
      <c r="AK16091">
        <v>148</v>
      </c>
      <c r="AL16091">
        <v>149</v>
      </c>
      <c r="AM16091">
        <v>151</v>
      </c>
      <c r="AN16091">
        <v>153</v>
      </c>
      <c r="AO16091">
        <v>155</v>
      </c>
      <c r="AP16091">
        <v>157</v>
      </c>
      <c r="AQ16091">
        <v>158</v>
      </c>
    </row>
    <row r="16092" spans="1:43">
      <c r="A16092" t="s">
        <v>9988</v>
      </c>
      <c r="B16092" t="s">
        <v>9989</v>
      </c>
      <c r="C16092" t="s">
        <v>9986</v>
      </c>
      <c r="D16092" t="s">
        <v>9987</v>
      </c>
      <c r="E16092" t="s">
        <v>9956</v>
      </c>
      <c r="F16092" t="s">
        <v>9957</v>
      </c>
      <c r="G16092" t="s">
        <v>80</v>
      </c>
      <c r="H16092" t="s">
        <v>81</v>
      </c>
      <c r="I16092" s="2">
        <v>0</v>
      </c>
      <c r="J16092" s="2">
        <v>1</v>
      </c>
      <c r="K16092" s="2">
        <v>0</v>
      </c>
      <c r="L16092" t="s">
        <v>82</v>
      </c>
      <c r="M16092" t="s">
        <v>89</v>
      </c>
      <c r="N16092" t="s">
        <v>90</v>
      </c>
      <c r="O16092" t="s">
        <v>85</v>
      </c>
      <c r="P16092" t="s">
        <v>86</v>
      </c>
      <c r="Q16092">
        <v>116</v>
      </c>
      <c r="R16092">
        <v>120</v>
      </c>
      <c r="S16092">
        <v>124</v>
      </c>
      <c r="T16092">
        <v>127</v>
      </c>
      <c r="U16092">
        <v>131</v>
      </c>
      <c r="V16092">
        <v>134</v>
      </c>
      <c r="W16092">
        <v>138</v>
      </c>
      <c r="X16092">
        <v>141</v>
      </c>
      <c r="Y16092">
        <v>144</v>
      </c>
      <c r="Z16092">
        <v>148</v>
      </c>
      <c r="AA16092">
        <v>151</v>
      </c>
      <c r="AB16092">
        <v>155</v>
      </c>
      <c r="AC16092">
        <v>158</v>
      </c>
      <c r="AD16092">
        <v>162</v>
      </c>
      <c r="AE16092">
        <v>165</v>
      </c>
      <c r="AF16092">
        <v>166</v>
      </c>
      <c r="AG16092">
        <v>168</v>
      </c>
      <c r="AH16092">
        <v>169</v>
      </c>
      <c r="AI16092">
        <v>171</v>
      </c>
      <c r="AJ16092">
        <v>172</v>
      </c>
      <c r="AK16092">
        <v>174</v>
      </c>
      <c r="AL16092">
        <v>175</v>
      </c>
      <c r="AM16092">
        <v>177</v>
      </c>
      <c r="AN16092">
        <v>178</v>
      </c>
      <c r="AO16092">
        <v>180</v>
      </c>
      <c r="AP16092">
        <v>181</v>
      </c>
      <c r="AQ16092">
        <v>183</v>
      </c>
    </row>
    <row r="16093" spans="1:43">
      <c r="A16093" t="s">
        <v>9988</v>
      </c>
      <c r="B16093" t="s">
        <v>9989</v>
      </c>
      <c r="C16093" t="s">
        <v>9986</v>
      </c>
      <c r="D16093" t="s">
        <v>9987</v>
      </c>
      <c r="E16093" t="s">
        <v>9956</v>
      </c>
      <c r="F16093" t="s">
        <v>9957</v>
      </c>
      <c r="G16093" t="s">
        <v>80</v>
      </c>
      <c r="H16093" t="s">
        <v>81</v>
      </c>
      <c r="I16093" s="2">
        <v>0</v>
      </c>
      <c r="J16093" s="2">
        <v>1</v>
      </c>
      <c r="K16093" s="2">
        <v>0</v>
      </c>
      <c r="L16093" t="s">
        <v>82</v>
      </c>
      <c r="M16093" t="s">
        <v>83</v>
      </c>
      <c r="N16093" t="s">
        <v>91</v>
      </c>
      <c r="O16093" t="s">
        <v>85</v>
      </c>
      <c r="P16093" t="s">
        <v>86</v>
      </c>
      <c r="Q16093">
        <v>116</v>
      </c>
      <c r="R16093">
        <v>119</v>
      </c>
      <c r="S16093">
        <v>121</v>
      </c>
      <c r="T16093">
        <v>124</v>
      </c>
      <c r="U16093">
        <v>127</v>
      </c>
      <c r="V16093">
        <v>129</v>
      </c>
      <c r="W16093">
        <v>132</v>
      </c>
      <c r="X16093">
        <v>134</v>
      </c>
      <c r="Y16093">
        <v>137</v>
      </c>
      <c r="Z16093">
        <v>140</v>
      </c>
      <c r="AA16093">
        <v>143</v>
      </c>
      <c r="AB16093">
        <v>146</v>
      </c>
      <c r="AC16093">
        <v>148</v>
      </c>
      <c r="AD16093">
        <v>151</v>
      </c>
      <c r="AE16093">
        <v>154</v>
      </c>
      <c r="AF16093">
        <v>157</v>
      </c>
      <c r="AG16093">
        <v>160</v>
      </c>
      <c r="AH16093">
        <v>163</v>
      </c>
      <c r="AI16093">
        <v>166</v>
      </c>
      <c r="AJ16093">
        <v>169</v>
      </c>
      <c r="AK16093">
        <v>173</v>
      </c>
      <c r="AL16093">
        <v>175</v>
      </c>
      <c r="AM16093">
        <v>176</v>
      </c>
      <c r="AN16093">
        <v>178</v>
      </c>
      <c r="AO16093">
        <v>179</v>
      </c>
      <c r="AP16093">
        <v>181</v>
      </c>
      <c r="AQ16093">
        <v>182</v>
      </c>
    </row>
    <row r="16094" spans="1:43">
      <c r="A16094" t="s">
        <v>9990</v>
      </c>
      <c r="B16094" t="s">
        <v>9991</v>
      </c>
      <c r="C16094" t="s">
        <v>9992</v>
      </c>
      <c r="D16094" t="s">
        <v>9993</v>
      </c>
      <c r="E16094" t="s">
        <v>9956</v>
      </c>
      <c r="F16094" t="s">
        <v>9957</v>
      </c>
      <c r="G16094" t="s">
        <v>80</v>
      </c>
      <c r="H16094" t="s">
        <v>81</v>
      </c>
      <c r="I16094" s="2">
        <v>0</v>
      </c>
      <c r="J16094" s="2">
        <v>1</v>
      </c>
      <c r="K16094" s="2">
        <v>0</v>
      </c>
      <c r="L16094" t="s">
        <v>82</v>
      </c>
      <c r="M16094" t="s">
        <v>83</v>
      </c>
      <c r="N16094" t="s">
        <v>84</v>
      </c>
      <c r="O16094" t="s">
        <v>85</v>
      </c>
      <c r="P16094" t="s">
        <v>86</v>
      </c>
      <c r="Q16094">
        <v>134</v>
      </c>
      <c r="R16094">
        <v>137</v>
      </c>
      <c r="S16094">
        <v>139</v>
      </c>
      <c r="T16094">
        <v>142</v>
      </c>
      <c r="U16094">
        <v>145</v>
      </c>
      <c r="V16094">
        <v>148</v>
      </c>
      <c r="W16094">
        <v>151</v>
      </c>
      <c r="X16094">
        <v>154</v>
      </c>
      <c r="Y16094">
        <v>158</v>
      </c>
      <c r="Z16094">
        <v>161</v>
      </c>
      <c r="AA16094">
        <v>164</v>
      </c>
      <c r="AB16094">
        <v>167</v>
      </c>
      <c r="AC16094">
        <v>170</v>
      </c>
      <c r="AD16094">
        <v>174</v>
      </c>
      <c r="AE16094">
        <v>177</v>
      </c>
      <c r="AF16094">
        <v>180</v>
      </c>
      <c r="AG16094">
        <v>184</v>
      </c>
      <c r="AH16094">
        <v>187</v>
      </c>
      <c r="AI16094">
        <v>190</v>
      </c>
      <c r="AJ16094">
        <v>194</v>
      </c>
      <c r="AK16094">
        <v>197</v>
      </c>
      <c r="AL16094">
        <v>200</v>
      </c>
      <c r="AM16094">
        <v>201</v>
      </c>
      <c r="AN16094">
        <v>203</v>
      </c>
      <c r="AO16094">
        <v>205</v>
      </c>
      <c r="AP16094">
        <v>206</v>
      </c>
      <c r="AQ16094">
        <v>208</v>
      </c>
    </row>
    <row r="16095" spans="1:43">
      <c r="A16095" t="s">
        <v>9990</v>
      </c>
      <c r="B16095" t="s">
        <v>9991</v>
      </c>
      <c r="C16095" t="s">
        <v>9992</v>
      </c>
      <c r="D16095" t="s">
        <v>9993</v>
      </c>
      <c r="E16095" t="s">
        <v>9956</v>
      </c>
      <c r="F16095" t="s">
        <v>9957</v>
      </c>
      <c r="G16095" t="s">
        <v>80</v>
      </c>
      <c r="H16095" t="s">
        <v>81</v>
      </c>
      <c r="I16095" s="2">
        <v>0</v>
      </c>
      <c r="J16095" s="2">
        <v>1</v>
      </c>
      <c r="K16095" s="2">
        <v>0</v>
      </c>
      <c r="L16095" t="s">
        <v>82</v>
      </c>
      <c r="M16095" t="s">
        <v>87</v>
      </c>
      <c r="N16095" t="s">
        <v>88</v>
      </c>
      <c r="O16095" t="s">
        <v>85</v>
      </c>
      <c r="P16095" t="s">
        <v>86</v>
      </c>
      <c r="Q16095">
        <v>134</v>
      </c>
      <c r="R16095">
        <v>136</v>
      </c>
      <c r="S16095">
        <v>138</v>
      </c>
      <c r="T16095">
        <v>139</v>
      </c>
      <c r="U16095">
        <v>141</v>
      </c>
      <c r="V16095">
        <v>143</v>
      </c>
      <c r="W16095">
        <v>144</v>
      </c>
      <c r="X16095">
        <v>146</v>
      </c>
      <c r="Y16095">
        <v>148</v>
      </c>
      <c r="Z16095">
        <v>149</v>
      </c>
      <c r="AA16095">
        <v>151</v>
      </c>
      <c r="AB16095">
        <v>153</v>
      </c>
      <c r="AC16095">
        <v>155</v>
      </c>
      <c r="AD16095">
        <v>157</v>
      </c>
      <c r="AE16095">
        <v>159</v>
      </c>
      <c r="AF16095">
        <v>160</v>
      </c>
      <c r="AG16095">
        <v>162</v>
      </c>
      <c r="AH16095">
        <v>164</v>
      </c>
      <c r="AI16095">
        <v>166</v>
      </c>
      <c r="AJ16095">
        <v>168</v>
      </c>
      <c r="AK16095">
        <v>170</v>
      </c>
      <c r="AL16095">
        <v>172</v>
      </c>
      <c r="AM16095">
        <v>174</v>
      </c>
      <c r="AN16095">
        <v>176</v>
      </c>
      <c r="AO16095">
        <v>178</v>
      </c>
      <c r="AP16095">
        <v>180</v>
      </c>
      <c r="AQ16095">
        <v>183</v>
      </c>
    </row>
    <row r="16096" spans="1:43">
      <c r="A16096" t="s">
        <v>9990</v>
      </c>
      <c r="B16096" t="s">
        <v>9991</v>
      </c>
      <c r="C16096" t="s">
        <v>9992</v>
      </c>
      <c r="D16096" t="s">
        <v>9993</v>
      </c>
      <c r="E16096" t="s">
        <v>9956</v>
      </c>
      <c r="F16096" t="s">
        <v>9957</v>
      </c>
      <c r="G16096" t="s">
        <v>80</v>
      </c>
      <c r="H16096" t="s">
        <v>81</v>
      </c>
      <c r="I16096" s="2">
        <v>0</v>
      </c>
      <c r="J16096" s="2">
        <v>1</v>
      </c>
      <c r="K16096" s="2">
        <v>0</v>
      </c>
      <c r="L16096" t="s">
        <v>82</v>
      </c>
      <c r="M16096" t="s">
        <v>89</v>
      </c>
      <c r="N16096" t="s">
        <v>90</v>
      </c>
      <c r="O16096" t="s">
        <v>85</v>
      </c>
      <c r="P16096" t="s">
        <v>86</v>
      </c>
      <c r="Q16096">
        <v>134</v>
      </c>
      <c r="R16096">
        <v>138</v>
      </c>
      <c r="S16096">
        <v>142</v>
      </c>
      <c r="T16096">
        <v>146</v>
      </c>
      <c r="U16096">
        <v>150</v>
      </c>
      <c r="V16096">
        <v>154</v>
      </c>
      <c r="W16096">
        <v>158</v>
      </c>
      <c r="X16096">
        <v>162</v>
      </c>
      <c r="Y16096">
        <v>166</v>
      </c>
      <c r="Z16096">
        <v>170</v>
      </c>
      <c r="AA16096">
        <v>174</v>
      </c>
      <c r="AB16096">
        <v>177</v>
      </c>
      <c r="AC16096">
        <v>182</v>
      </c>
      <c r="AD16096">
        <v>186</v>
      </c>
      <c r="AE16096">
        <v>189</v>
      </c>
      <c r="AF16096">
        <v>190</v>
      </c>
      <c r="AG16096">
        <v>192</v>
      </c>
      <c r="AH16096">
        <v>193</v>
      </c>
      <c r="AI16096">
        <v>195</v>
      </c>
      <c r="AJ16096">
        <v>197</v>
      </c>
      <c r="AK16096">
        <v>198</v>
      </c>
      <c r="AL16096">
        <v>200</v>
      </c>
      <c r="AM16096">
        <v>202</v>
      </c>
      <c r="AN16096">
        <v>203</v>
      </c>
      <c r="AO16096">
        <v>205</v>
      </c>
      <c r="AP16096">
        <v>207</v>
      </c>
      <c r="AQ16096">
        <v>208</v>
      </c>
    </row>
    <row r="16097" spans="1:43">
      <c r="A16097" t="s">
        <v>9990</v>
      </c>
      <c r="B16097" t="s">
        <v>9991</v>
      </c>
      <c r="C16097" t="s">
        <v>9992</v>
      </c>
      <c r="D16097" t="s">
        <v>9993</v>
      </c>
      <c r="E16097" t="s">
        <v>9956</v>
      </c>
      <c r="F16097" t="s">
        <v>9957</v>
      </c>
      <c r="G16097" t="s">
        <v>80</v>
      </c>
      <c r="H16097" t="s">
        <v>81</v>
      </c>
      <c r="I16097" s="2">
        <v>0</v>
      </c>
      <c r="J16097" s="2">
        <v>1</v>
      </c>
      <c r="K16097" s="2">
        <v>0</v>
      </c>
      <c r="L16097" t="s">
        <v>82</v>
      </c>
      <c r="M16097" t="s">
        <v>83</v>
      </c>
      <c r="N16097" t="s">
        <v>91</v>
      </c>
      <c r="O16097" t="s">
        <v>85</v>
      </c>
      <c r="P16097" t="s">
        <v>86</v>
      </c>
      <c r="Q16097">
        <v>134</v>
      </c>
      <c r="R16097">
        <v>137</v>
      </c>
      <c r="S16097">
        <v>139</v>
      </c>
      <c r="T16097">
        <v>142</v>
      </c>
      <c r="U16097">
        <v>145</v>
      </c>
      <c r="V16097">
        <v>148</v>
      </c>
      <c r="W16097">
        <v>151</v>
      </c>
      <c r="X16097">
        <v>154</v>
      </c>
      <c r="Y16097">
        <v>158</v>
      </c>
      <c r="Z16097">
        <v>161</v>
      </c>
      <c r="AA16097">
        <v>164</v>
      </c>
      <c r="AB16097">
        <v>167</v>
      </c>
      <c r="AC16097">
        <v>170</v>
      </c>
      <c r="AD16097">
        <v>174</v>
      </c>
      <c r="AE16097">
        <v>177</v>
      </c>
      <c r="AF16097">
        <v>180</v>
      </c>
      <c r="AG16097">
        <v>184</v>
      </c>
      <c r="AH16097">
        <v>187</v>
      </c>
      <c r="AI16097">
        <v>190</v>
      </c>
      <c r="AJ16097">
        <v>194</v>
      </c>
      <c r="AK16097">
        <v>197</v>
      </c>
      <c r="AL16097">
        <v>200</v>
      </c>
      <c r="AM16097">
        <v>201</v>
      </c>
      <c r="AN16097">
        <v>203</v>
      </c>
      <c r="AO16097">
        <v>205</v>
      </c>
      <c r="AP16097">
        <v>206</v>
      </c>
      <c r="AQ16097">
        <v>208</v>
      </c>
    </row>
    <row r="16098" spans="1:43">
      <c r="A16098" t="s">
        <v>9994</v>
      </c>
      <c r="B16098" t="s">
        <v>9995</v>
      </c>
      <c r="C16098" t="s">
        <v>9992</v>
      </c>
      <c r="D16098" t="s">
        <v>9993</v>
      </c>
      <c r="E16098" t="s">
        <v>9956</v>
      </c>
      <c r="F16098" t="s">
        <v>9957</v>
      </c>
      <c r="G16098" t="s">
        <v>80</v>
      </c>
      <c r="H16098" t="s">
        <v>81</v>
      </c>
      <c r="I16098" s="2">
        <v>0</v>
      </c>
      <c r="J16098" s="2">
        <v>1</v>
      </c>
      <c r="K16098" s="2">
        <v>0</v>
      </c>
      <c r="L16098" t="s">
        <v>82</v>
      </c>
      <c r="M16098" t="s">
        <v>83</v>
      </c>
      <c r="N16098" t="s">
        <v>84</v>
      </c>
      <c r="O16098" t="s">
        <v>85</v>
      </c>
      <c r="P16098" t="s">
        <v>86</v>
      </c>
      <c r="Q16098">
        <v>154</v>
      </c>
      <c r="R16098">
        <v>158</v>
      </c>
      <c r="S16098">
        <v>161</v>
      </c>
      <c r="T16098">
        <v>165</v>
      </c>
      <c r="U16098">
        <v>168</v>
      </c>
      <c r="V16098">
        <v>171</v>
      </c>
      <c r="W16098">
        <v>175</v>
      </c>
      <c r="X16098">
        <v>178</v>
      </c>
      <c r="Y16098">
        <v>182</v>
      </c>
      <c r="Z16098">
        <v>186</v>
      </c>
      <c r="AA16098">
        <v>189</v>
      </c>
      <c r="AB16098">
        <v>193</v>
      </c>
      <c r="AC16098">
        <v>197</v>
      </c>
      <c r="AD16098">
        <v>201</v>
      </c>
      <c r="AE16098">
        <v>205</v>
      </c>
      <c r="AF16098">
        <v>208</v>
      </c>
      <c r="AG16098">
        <v>212</v>
      </c>
      <c r="AH16098">
        <v>216</v>
      </c>
      <c r="AI16098">
        <v>220</v>
      </c>
      <c r="AJ16098">
        <v>224</v>
      </c>
      <c r="AK16098">
        <v>229</v>
      </c>
      <c r="AL16098">
        <v>231</v>
      </c>
      <c r="AM16098">
        <v>233</v>
      </c>
      <c r="AN16098">
        <v>235</v>
      </c>
      <c r="AO16098">
        <v>237</v>
      </c>
      <c r="AP16098">
        <v>239</v>
      </c>
      <c r="AQ16098">
        <v>241</v>
      </c>
    </row>
    <row r="16099" spans="1:43">
      <c r="A16099" t="s">
        <v>9994</v>
      </c>
      <c r="B16099" t="s">
        <v>9995</v>
      </c>
      <c r="C16099" t="s">
        <v>9992</v>
      </c>
      <c r="D16099" t="s">
        <v>9993</v>
      </c>
      <c r="E16099" t="s">
        <v>9956</v>
      </c>
      <c r="F16099" t="s">
        <v>9957</v>
      </c>
      <c r="G16099" t="s">
        <v>80</v>
      </c>
      <c r="H16099" t="s">
        <v>81</v>
      </c>
      <c r="I16099" s="2">
        <v>0</v>
      </c>
      <c r="J16099" s="2">
        <v>1</v>
      </c>
      <c r="K16099" s="2">
        <v>0</v>
      </c>
      <c r="L16099" t="s">
        <v>82</v>
      </c>
      <c r="M16099" t="s">
        <v>87</v>
      </c>
      <c r="N16099" t="s">
        <v>88</v>
      </c>
      <c r="O16099" t="s">
        <v>85</v>
      </c>
      <c r="P16099" t="s">
        <v>86</v>
      </c>
      <c r="Q16099">
        <v>154</v>
      </c>
      <c r="R16099">
        <v>156</v>
      </c>
      <c r="S16099">
        <v>158</v>
      </c>
      <c r="T16099">
        <v>160</v>
      </c>
      <c r="U16099">
        <v>162</v>
      </c>
      <c r="V16099">
        <v>163</v>
      </c>
      <c r="W16099">
        <v>165</v>
      </c>
      <c r="X16099">
        <v>167</v>
      </c>
      <c r="Y16099">
        <v>169</v>
      </c>
      <c r="Z16099">
        <v>171</v>
      </c>
      <c r="AA16099">
        <v>173</v>
      </c>
      <c r="AB16099">
        <v>176</v>
      </c>
      <c r="AC16099">
        <v>178</v>
      </c>
      <c r="AD16099">
        <v>180</v>
      </c>
      <c r="AE16099">
        <v>182</v>
      </c>
      <c r="AF16099">
        <v>184</v>
      </c>
      <c r="AG16099">
        <v>186</v>
      </c>
      <c r="AH16099">
        <v>189</v>
      </c>
      <c r="AI16099">
        <v>191</v>
      </c>
      <c r="AJ16099">
        <v>193</v>
      </c>
      <c r="AK16099">
        <v>195</v>
      </c>
      <c r="AL16099">
        <v>198</v>
      </c>
      <c r="AM16099">
        <v>200</v>
      </c>
      <c r="AN16099">
        <v>203</v>
      </c>
      <c r="AO16099">
        <v>205</v>
      </c>
      <c r="AP16099">
        <v>207</v>
      </c>
      <c r="AQ16099">
        <v>210</v>
      </c>
    </row>
    <row r="16100" spans="1:43">
      <c r="A16100" t="s">
        <v>9994</v>
      </c>
      <c r="B16100" t="s">
        <v>9995</v>
      </c>
      <c r="C16100" t="s">
        <v>9992</v>
      </c>
      <c r="D16100" t="s">
        <v>9993</v>
      </c>
      <c r="E16100" t="s">
        <v>9956</v>
      </c>
      <c r="F16100" t="s">
        <v>9957</v>
      </c>
      <c r="G16100" t="s">
        <v>80</v>
      </c>
      <c r="H16100" t="s">
        <v>81</v>
      </c>
      <c r="I16100" s="2">
        <v>0</v>
      </c>
      <c r="J16100" s="2">
        <v>1</v>
      </c>
      <c r="K16100" s="2">
        <v>0</v>
      </c>
      <c r="L16100" t="s">
        <v>82</v>
      </c>
      <c r="M16100" t="s">
        <v>89</v>
      </c>
      <c r="N16100" t="s">
        <v>90</v>
      </c>
      <c r="O16100" t="s">
        <v>85</v>
      </c>
      <c r="P16100" t="s">
        <v>86</v>
      </c>
      <c r="Q16100">
        <v>154</v>
      </c>
      <c r="R16100">
        <v>159</v>
      </c>
      <c r="S16100">
        <v>163</v>
      </c>
      <c r="T16100">
        <v>168</v>
      </c>
      <c r="U16100">
        <v>173</v>
      </c>
      <c r="V16100">
        <v>177</v>
      </c>
      <c r="W16100">
        <v>182</v>
      </c>
      <c r="X16100">
        <v>186</v>
      </c>
      <c r="Y16100">
        <v>191</v>
      </c>
      <c r="Z16100">
        <v>195</v>
      </c>
      <c r="AA16100">
        <v>200</v>
      </c>
      <c r="AB16100">
        <v>204</v>
      </c>
      <c r="AC16100">
        <v>209</v>
      </c>
      <c r="AD16100">
        <v>214</v>
      </c>
      <c r="AE16100">
        <v>218</v>
      </c>
      <c r="AF16100">
        <v>219</v>
      </c>
      <c r="AG16100">
        <v>221</v>
      </c>
      <c r="AH16100">
        <v>223</v>
      </c>
      <c r="AI16100">
        <v>225</v>
      </c>
      <c r="AJ16100">
        <v>227</v>
      </c>
      <c r="AK16100">
        <v>229</v>
      </c>
      <c r="AL16100">
        <v>231</v>
      </c>
      <c r="AM16100">
        <v>233</v>
      </c>
      <c r="AN16100">
        <v>235</v>
      </c>
      <c r="AO16100">
        <v>236</v>
      </c>
      <c r="AP16100">
        <v>238</v>
      </c>
      <c r="AQ16100">
        <v>240</v>
      </c>
    </row>
    <row r="16101" spans="1:43">
      <c r="A16101" t="s">
        <v>9994</v>
      </c>
      <c r="B16101" t="s">
        <v>9995</v>
      </c>
      <c r="C16101" t="s">
        <v>9992</v>
      </c>
      <c r="D16101" t="s">
        <v>9993</v>
      </c>
      <c r="E16101" t="s">
        <v>9956</v>
      </c>
      <c r="F16101" t="s">
        <v>9957</v>
      </c>
      <c r="G16101" t="s">
        <v>80</v>
      </c>
      <c r="H16101" t="s">
        <v>81</v>
      </c>
      <c r="I16101" s="2">
        <v>0</v>
      </c>
      <c r="J16101" s="2">
        <v>1</v>
      </c>
      <c r="K16101" s="2">
        <v>0</v>
      </c>
      <c r="L16101" t="s">
        <v>82</v>
      </c>
      <c r="M16101" t="s">
        <v>83</v>
      </c>
      <c r="N16101" t="s">
        <v>91</v>
      </c>
      <c r="O16101" t="s">
        <v>85</v>
      </c>
      <c r="P16101" t="s">
        <v>86</v>
      </c>
      <c r="Q16101">
        <v>154</v>
      </c>
      <c r="R16101">
        <v>158</v>
      </c>
      <c r="S16101">
        <v>161</v>
      </c>
      <c r="T16101">
        <v>165</v>
      </c>
      <c r="U16101">
        <v>168</v>
      </c>
      <c r="V16101">
        <v>171</v>
      </c>
      <c r="W16101">
        <v>175</v>
      </c>
      <c r="X16101">
        <v>178</v>
      </c>
      <c r="Y16101">
        <v>182</v>
      </c>
      <c r="Z16101">
        <v>186</v>
      </c>
      <c r="AA16101">
        <v>189</v>
      </c>
      <c r="AB16101">
        <v>193</v>
      </c>
      <c r="AC16101">
        <v>197</v>
      </c>
      <c r="AD16101">
        <v>201</v>
      </c>
      <c r="AE16101">
        <v>205</v>
      </c>
      <c r="AF16101">
        <v>208</v>
      </c>
      <c r="AG16101">
        <v>212</v>
      </c>
      <c r="AH16101">
        <v>216</v>
      </c>
      <c r="AI16101">
        <v>220</v>
      </c>
      <c r="AJ16101">
        <v>224</v>
      </c>
      <c r="AK16101">
        <v>229</v>
      </c>
      <c r="AL16101">
        <v>231</v>
      </c>
      <c r="AM16101">
        <v>233</v>
      </c>
      <c r="AN16101">
        <v>235</v>
      </c>
      <c r="AO16101">
        <v>237</v>
      </c>
      <c r="AP16101">
        <v>239</v>
      </c>
      <c r="AQ16101">
        <v>241</v>
      </c>
    </row>
    <row r="16102" spans="1:43">
      <c r="A16102" t="s">
        <v>9996</v>
      </c>
      <c r="B16102" t="s">
        <v>9997</v>
      </c>
      <c r="C16102" t="s">
        <v>9986</v>
      </c>
      <c r="D16102" t="s">
        <v>9987</v>
      </c>
      <c r="E16102" t="s">
        <v>9956</v>
      </c>
      <c r="F16102" t="s">
        <v>9957</v>
      </c>
      <c r="G16102" t="s">
        <v>80</v>
      </c>
      <c r="H16102" t="s">
        <v>81</v>
      </c>
      <c r="I16102" s="2">
        <v>0</v>
      </c>
      <c r="J16102" s="2">
        <v>1</v>
      </c>
      <c r="K16102" s="2">
        <v>0</v>
      </c>
      <c r="L16102" t="s">
        <v>82</v>
      </c>
      <c r="M16102" t="s">
        <v>83</v>
      </c>
      <c r="N16102" t="s">
        <v>84</v>
      </c>
      <c r="O16102" t="s">
        <v>85</v>
      </c>
      <c r="P16102" t="s">
        <v>86</v>
      </c>
      <c r="Q16102">
        <v>145</v>
      </c>
      <c r="R16102">
        <v>148</v>
      </c>
      <c r="S16102">
        <v>151</v>
      </c>
      <c r="T16102">
        <v>154</v>
      </c>
      <c r="U16102">
        <v>157</v>
      </c>
      <c r="V16102">
        <v>161</v>
      </c>
      <c r="W16102">
        <v>164</v>
      </c>
      <c r="X16102">
        <v>167</v>
      </c>
      <c r="Y16102">
        <v>171</v>
      </c>
      <c r="Z16102">
        <v>174</v>
      </c>
      <c r="AA16102">
        <v>177</v>
      </c>
      <c r="AB16102">
        <v>181</v>
      </c>
      <c r="AC16102">
        <v>184</v>
      </c>
      <c r="AD16102">
        <v>188</v>
      </c>
      <c r="AE16102">
        <v>192</v>
      </c>
      <c r="AF16102">
        <v>195</v>
      </c>
      <c r="AG16102">
        <v>199</v>
      </c>
      <c r="AH16102">
        <v>203</v>
      </c>
      <c r="AI16102">
        <v>206</v>
      </c>
      <c r="AJ16102">
        <v>210</v>
      </c>
      <c r="AK16102">
        <v>214</v>
      </c>
      <c r="AL16102">
        <v>217</v>
      </c>
      <c r="AM16102">
        <v>218</v>
      </c>
      <c r="AN16102">
        <v>220</v>
      </c>
      <c r="AO16102">
        <v>222</v>
      </c>
      <c r="AP16102">
        <v>224</v>
      </c>
      <c r="AQ16102">
        <v>226</v>
      </c>
    </row>
    <row r="16103" spans="1:43">
      <c r="A16103" t="s">
        <v>9996</v>
      </c>
      <c r="B16103" t="s">
        <v>9997</v>
      </c>
      <c r="C16103" t="s">
        <v>9986</v>
      </c>
      <c r="D16103" t="s">
        <v>9987</v>
      </c>
      <c r="E16103" t="s">
        <v>9956</v>
      </c>
      <c r="F16103" t="s">
        <v>9957</v>
      </c>
      <c r="G16103" t="s">
        <v>80</v>
      </c>
      <c r="H16103" t="s">
        <v>81</v>
      </c>
      <c r="I16103" s="2">
        <v>0</v>
      </c>
      <c r="J16103" s="2">
        <v>1</v>
      </c>
      <c r="K16103" s="2">
        <v>0</v>
      </c>
      <c r="L16103" t="s">
        <v>82</v>
      </c>
      <c r="M16103" t="s">
        <v>87</v>
      </c>
      <c r="N16103" t="s">
        <v>88</v>
      </c>
      <c r="O16103" t="s">
        <v>85</v>
      </c>
      <c r="P16103" t="s">
        <v>86</v>
      </c>
      <c r="Q16103">
        <v>145</v>
      </c>
      <c r="R16103">
        <v>147</v>
      </c>
      <c r="S16103">
        <v>149</v>
      </c>
      <c r="T16103">
        <v>151</v>
      </c>
      <c r="U16103">
        <v>152</v>
      </c>
      <c r="V16103">
        <v>154</v>
      </c>
      <c r="W16103">
        <v>156</v>
      </c>
      <c r="X16103">
        <v>158</v>
      </c>
      <c r="Y16103">
        <v>160</v>
      </c>
      <c r="Z16103">
        <v>162</v>
      </c>
      <c r="AA16103">
        <v>164</v>
      </c>
      <c r="AB16103">
        <v>165</v>
      </c>
      <c r="AC16103">
        <v>167</v>
      </c>
      <c r="AD16103">
        <v>170</v>
      </c>
      <c r="AE16103">
        <v>172</v>
      </c>
      <c r="AF16103">
        <v>174</v>
      </c>
      <c r="AG16103">
        <v>176</v>
      </c>
      <c r="AH16103">
        <v>178</v>
      </c>
      <c r="AI16103">
        <v>180</v>
      </c>
      <c r="AJ16103">
        <v>182</v>
      </c>
      <c r="AK16103">
        <v>184</v>
      </c>
      <c r="AL16103">
        <v>186</v>
      </c>
      <c r="AM16103">
        <v>189</v>
      </c>
      <c r="AN16103">
        <v>191</v>
      </c>
      <c r="AO16103">
        <v>193</v>
      </c>
      <c r="AP16103">
        <v>195</v>
      </c>
      <c r="AQ16103">
        <v>198</v>
      </c>
    </row>
    <row r="16104" spans="1:43">
      <c r="A16104" t="s">
        <v>9996</v>
      </c>
      <c r="B16104" t="s">
        <v>9997</v>
      </c>
      <c r="C16104" t="s">
        <v>9986</v>
      </c>
      <c r="D16104" t="s">
        <v>9987</v>
      </c>
      <c r="E16104" t="s">
        <v>9956</v>
      </c>
      <c r="F16104" t="s">
        <v>9957</v>
      </c>
      <c r="G16104" t="s">
        <v>80</v>
      </c>
      <c r="H16104" t="s">
        <v>81</v>
      </c>
      <c r="I16104" s="2">
        <v>0</v>
      </c>
      <c r="J16104" s="2">
        <v>1</v>
      </c>
      <c r="K16104" s="2">
        <v>0</v>
      </c>
      <c r="L16104" t="s">
        <v>82</v>
      </c>
      <c r="M16104" t="s">
        <v>89</v>
      </c>
      <c r="N16104" t="s">
        <v>90</v>
      </c>
      <c r="O16104" t="s">
        <v>85</v>
      </c>
      <c r="P16104" t="s">
        <v>86</v>
      </c>
      <c r="Q16104">
        <v>145</v>
      </c>
      <c r="R16104">
        <v>149</v>
      </c>
      <c r="S16104">
        <v>154</v>
      </c>
      <c r="T16104">
        <v>158</v>
      </c>
      <c r="U16104">
        <v>163</v>
      </c>
      <c r="V16104">
        <v>167</v>
      </c>
      <c r="W16104">
        <v>171</v>
      </c>
      <c r="X16104">
        <v>176</v>
      </c>
      <c r="Y16104">
        <v>180</v>
      </c>
      <c r="Z16104">
        <v>184</v>
      </c>
      <c r="AA16104">
        <v>188</v>
      </c>
      <c r="AB16104">
        <v>192</v>
      </c>
      <c r="AC16104">
        <v>197</v>
      </c>
      <c r="AD16104">
        <v>201</v>
      </c>
      <c r="AE16104">
        <v>205</v>
      </c>
      <c r="AF16104">
        <v>206</v>
      </c>
      <c r="AG16104">
        <v>208</v>
      </c>
      <c r="AH16104">
        <v>210</v>
      </c>
      <c r="AI16104">
        <v>212</v>
      </c>
      <c r="AJ16104">
        <v>214</v>
      </c>
      <c r="AK16104">
        <v>215</v>
      </c>
      <c r="AL16104">
        <v>217</v>
      </c>
      <c r="AM16104">
        <v>219</v>
      </c>
      <c r="AN16104">
        <v>221</v>
      </c>
      <c r="AO16104">
        <v>223</v>
      </c>
      <c r="AP16104">
        <v>225</v>
      </c>
      <c r="AQ16104">
        <v>226</v>
      </c>
    </row>
    <row r="16105" spans="1:43">
      <c r="A16105" t="s">
        <v>9996</v>
      </c>
      <c r="B16105" t="s">
        <v>9997</v>
      </c>
      <c r="C16105" t="s">
        <v>9986</v>
      </c>
      <c r="D16105" t="s">
        <v>9987</v>
      </c>
      <c r="E16105" t="s">
        <v>9956</v>
      </c>
      <c r="F16105" t="s">
        <v>9957</v>
      </c>
      <c r="G16105" t="s">
        <v>80</v>
      </c>
      <c r="H16105" t="s">
        <v>81</v>
      </c>
      <c r="I16105" s="2">
        <v>0</v>
      </c>
      <c r="J16105" s="2">
        <v>1</v>
      </c>
      <c r="K16105" s="2">
        <v>0</v>
      </c>
      <c r="L16105" t="s">
        <v>82</v>
      </c>
      <c r="M16105" t="s">
        <v>83</v>
      </c>
      <c r="N16105" t="s">
        <v>91</v>
      </c>
      <c r="O16105" t="s">
        <v>85</v>
      </c>
      <c r="P16105" t="s">
        <v>86</v>
      </c>
      <c r="Q16105">
        <v>145</v>
      </c>
      <c r="R16105">
        <v>148</v>
      </c>
      <c r="S16105">
        <v>151</v>
      </c>
      <c r="T16105">
        <v>154</v>
      </c>
      <c r="U16105">
        <v>157</v>
      </c>
      <c r="V16105">
        <v>161</v>
      </c>
      <c r="W16105">
        <v>164</v>
      </c>
      <c r="X16105">
        <v>167</v>
      </c>
      <c r="Y16105">
        <v>171</v>
      </c>
      <c r="Z16105">
        <v>174</v>
      </c>
      <c r="AA16105">
        <v>177</v>
      </c>
      <c r="AB16105">
        <v>181</v>
      </c>
      <c r="AC16105">
        <v>184</v>
      </c>
      <c r="AD16105">
        <v>188</v>
      </c>
      <c r="AE16105">
        <v>192</v>
      </c>
      <c r="AF16105">
        <v>195</v>
      </c>
      <c r="AG16105">
        <v>199</v>
      </c>
      <c r="AH16105">
        <v>203</v>
      </c>
      <c r="AI16105">
        <v>206</v>
      </c>
      <c r="AJ16105">
        <v>210</v>
      </c>
      <c r="AK16105">
        <v>214</v>
      </c>
      <c r="AL16105">
        <v>217</v>
      </c>
      <c r="AM16105">
        <v>218</v>
      </c>
      <c r="AN16105">
        <v>220</v>
      </c>
      <c r="AO16105">
        <v>222</v>
      </c>
      <c r="AP16105">
        <v>224</v>
      </c>
      <c r="AQ16105">
        <v>226</v>
      </c>
    </row>
    <row r="16106" spans="1:43">
      <c r="A16106" t="s">
        <v>9998</v>
      </c>
      <c r="B16106" t="s">
        <v>9999</v>
      </c>
      <c r="C16106" t="s">
        <v>9986</v>
      </c>
      <c r="D16106" t="s">
        <v>9987</v>
      </c>
      <c r="E16106" t="s">
        <v>9956</v>
      </c>
      <c r="F16106" t="s">
        <v>9957</v>
      </c>
      <c r="G16106" t="s">
        <v>80</v>
      </c>
      <c r="H16106" t="s">
        <v>81</v>
      </c>
      <c r="I16106" s="2">
        <v>0</v>
      </c>
      <c r="J16106" s="2">
        <v>1</v>
      </c>
      <c r="K16106" s="2">
        <v>0</v>
      </c>
      <c r="L16106" t="s">
        <v>82</v>
      </c>
      <c r="M16106" t="s">
        <v>83</v>
      </c>
      <c r="N16106" t="s">
        <v>84</v>
      </c>
      <c r="O16106" t="s">
        <v>85</v>
      </c>
      <c r="P16106" t="s">
        <v>86</v>
      </c>
      <c r="Q16106">
        <v>128</v>
      </c>
      <c r="R16106">
        <v>131</v>
      </c>
      <c r="S16106">
        <v>134</v>
      </c>
      <c r="T16106">
        <v>137</v>
      </c>
      <c r="U16106">
        <v>140</v>
      </c>
      <c r="V16106">
        <v>142</v>
      </c>
      <c r="W16106">
        <v>145</v>
      </c>
      <c r="X16106">
        <v>148</v>
      </c>
      <c r="Y16106">
        <v>151</v>
      </c>
      <c r="Z16106">
        <v>154</v>
      </c>
      <c r="AA16106">
        <v>157</v>
      </c>
      <c r="AB16106">
        <v>161</v>
      </c>
      <c r="AC16106">
        <v>164</v>
      </c>
      <c r="AD16106">
        <v>167</v>
      </c>
      <c r="AE16106">
        <v>170</v>
      </c>
      <c r="AF16106">
        <v>173</v>
      </c>
      <c r="AG16106">
        <v>176</v>
      </c>
      <c r="AH16106">
        <v>180</v>
      </c>
      <c r="AI16106">
        <v>183</v>
      </c>
      <c r="AJ16106">
        <v>186</v>
      </c>
      <c r="AK16106">
        <v>190</v>
      </c>
      <c r="AL16106">
        <v>192</v>
      </c>
      <c r="AM16106">
        <v>194</v>
      </c>
      <c r="AN16106">
        <v>195</v>
      </c>
      <c r="AO16106">
        <v>197</v>
      </c>
      <c r="AP16106">
        <v>198</v>
      </c>
      <c r="AQ16106">
        <v>200</v>
      </c>
    </row>
    <row r="16107" spans="1:43">
      <c r="A16107" t="s">
        <v>9998</v>
      </c>
      <c r="B16107" t="s">
        <v>9999</v>
      </c>
      <c r="C16107" t="s">
        <v>9986</v>
      </c>
      <c r="D16107" t="s">
        <v>9987</v>
      </c>
      <c r="E16107" t="s">
        <v>9956</v>
      </c>
      <c r="F16107" t="s">
        <v>9957</v>
      </c>
      <c r="G16107" t="s">
        <v>80</v>
      </c>
      <c r="H16107" t="s">
        <v>81</v>
      </c>
      <c r="I16107" s="2">
        <v>0</v>
      </c>
      <c r="J16107" s="2">
        <v>1</v>
      </c>
      <c r="K16107" s="2">
        <v>0</v>
      </c>
      <c r="L16107" t="s">
        <v>82</v>
      </c>
      <c r="M16107" t="s">
        <v>87</v>
      </c>
      <c r="N16107" t="s">
        <v>88</v>
      </c>
      <c r="O16107" t="s">
        <v>85</v>
      </c>
      <c r="P16107" t="s">
        <v>86</v>
      </c>
      <c r="Q16107">
        <v>128</v>
      </c>
      <c r="R16107">
        <v>130</v>
      </c>
      <c r="S16107">
        <v>131</v>
      </c>
      <c r="T16107">
        <v>133</v>
      </c>
      <c r="U16107">
        <v>134</v>
      </c>
      <c r="V16107">
        <v>136</v>
      </c>
      <c r="W16107">
        <v>138</v>
      </c>
      <c r="X16107">
        <v>139</v>
      </c>
      <c r="Y16107">
        <v>141</v>
      </c>
      <c r="Z16107">
        <v>143</v>
      </c>
      <c r="AA16107">
        <v>144</v>
      </c>
      <c r="AB16107">
        <v>146</v>
      </c>
      <c r="AC16107">
        <v>148</v>
      </c>
      <c r="AD16107">
        <v>150</v>
      </c>
      <c r="AE16107">
        <v>151</v>
      </c>
      <c r="AF16107">
        <v>153</v>
      </c>
      <c r="AG16107">
        <v>155</v>
      </c>
      <c r="AH16107">
        <v>157</v>
      </c>
      <c r="AI16107">
        <v>159</v>
      </c>
      <c r="AJ16107">
        <v>161</v>
      </c>
      <c r="AK16107">
        <v>163</v>
      </c>
      <c r="AL16107">
        <v>165</v>
      </c>
      <c r="AM16107">
        <v>166</v>
      </c>
      <c r="AN16107">
        <v>168</v>
      </c>
      <c r="AO16107">
        <v>170</v>
      </c>
      <c r="AP16107">
        <v>172</v>
      </c>
      <c r="AQ16107">
        <v>174</v>
      </c>
    </row>
    <row r="16108" spans="1:43">
      <c r="A16108" t="s">
        <v>9998</v>
      </c>
      <c r="B16108" t="s">
        <v>9999</v>
      </c>
      <c r="C16108" t="s">
        <v>9986</v>
      </c>
      <c r="D16108" t="s">
        <v>9987</v>
      </c>
      <c r="E16108" t="s">
        <v>9956</v>
      </c>
      <c r="F16108" t="s">
        <v>9957</v>
      </c>
      <c r="G16108" t="s">
        <v>80</v>
      </c>
      <c r="H16108" t="s">
        <v>81</v>
      </c>
      <c r="I16108" s="2">
        <v>0</v>
      </c>
      <c r="J16108" s="2">
        <v>1</v>
      </c>
      <c r="K16108" s="2">
        <v>0</v>
      </c>
      <c r="L16108" t="s">
        <v>82</v>
      </c>
      <c r="M16108" t="s">
        <v>89</v>
      </c>
      <c r="N16108" t="s">
        <v>90</v>
      </c>
      <c r="O16108" t="s">
        <v>85</v>
      </c>
      <c r="P16108" t="s">
        <v>86</v>
      </c>
      <c r="Q16108">
        <v>128</v>
      </c>
      <c r="R16108">
        <v>131</v>
      </c>
      <c r="S16108">
        <v>135</v>
      </c>
      <c r="T16108">
        <v>139</v>
      </c>
      <c r="U16108">
        <v>143</v>
      </c>
      <c r="V16108">
        <v>147</v>
      </c>
      <c r="W16108">
        <v>151</v>
      </c>
      <c r="X16108">
        <v>155</v>
      </c>
      <c r="Y16108">
        <v>158</v>
      </c>
      <c r="Z16108">
        <v>162</v>
      </c>
      <c r="AA16108">
        <v>166</v>
      </c>
      <c r="AB16108">
        <v>170</v>
      </c>
      <c r="AC16108">
        <v>174</v>
      </c>
      <c r="AD16108">
        <v>177</v>
      </c>
      <c r="AE16108">
        <v>180</v>
      </c>
      <c r="AF16108">
        <v>182</v>
      </c>
      <c r="AG16108">
        <v>184</v>
      </c>
      <c r="AH16108">
        <v>185</v>
      </c>
      <c r="AI16108">
        <v>187</v>
      </c>
      <c r="AJ16108">
        <v>188</v>
      </c>
      <c r="AK16108">
        <v>190</v>
      </c>
      <c r="AL16108">
        <v>191</v>
      </c>
      <c r="AM16108">
        <v>193</v>
      </c>
      <c r="AN16108">
        <v>194</v>
      </c>
      <c r="AO16108">
        <v>196</v>
      </c>
      <c r="AP16108">
        <v>198</v>
      </c>
      <c r="AQ16108">
        <v>199</v>
      </c>
    </row>
    <row r="16109" spans="1:43">
      <c r="A16109" t="s">
        <v>9998</v>
      </c>
      <c r="B16109" t="s">
        <v>9999</v>
      </c>
      <c r="C16109" t="s">
        <v>9986</v>
      </c>
      <c r="D16109" t="s">
        <v>9987</v>
      </c>
      <c r="E16109" t="s">
        <v>9956</v>
      </c>
      <c r="F16109" t="s">
        <v>9957</v>
      </c>
      <c r="G16109" t="s">
        <v>80</v>
      </c>
      <c r="H16109" t="s">
        <v>81</v>
      </c>
      <c r="I16109" s="2">
        <v>0</v>
      </c>
      <c r="J16109" s="2">
        <v>1</v>
      </c>
      <c r="K16109" s="2">
        <v>0</v>
      </c>
      <c r="L16109" t="s">
        <v>82</v>
      </c>
      <c r="M16109" t="s">
        <v>83</v>
      </c>
      <c r="N16109" t="s">
        <v>91</v>
      </c>
      <c r="O16109" t="s">
        <v>85</v>
      </c>
      <c r="P16109" t="s">
        <v>86</v>
      </c>
      <c r="Q16109">
        <v>128</v>
      </c>
      <c r="R16109">
        <v>131</v>
      </c>
      <c r="S16109">
        <v>134</v>
      </c>
      <c r="T16109">
        <v>137</v>
      </c>
      <c r="U16109">
        <v>140</v>
      </c>
      <c r="V16109">
        <v>142</v>
      </c>
      <c r="W16109">
        <v>145</v>
      </c>
      <c r="X16109">
        <v>148</v>
      </c>
      <c r="Y16109">
        <v>151</v>
      </c>
      <c r="Z16109">
        <v>154</v>
      </c>
      <c r="AA16109">
        <v>157</v>
      </c>
      <c r="AB16109">
        <v>161</v>
      </c>
      <c r="AC16109">
        <v>164</v>
      </c>
      <c r="AD16109">
        <v>167</v>
      </c>
      <c r="AE16109">
        <v>170</v>
      </c>
      <c r="AF16109">
        <v>173</v>
      </c>
      <c r="AG16109">
        <v>176</v>
      </c>
      <c r="AH16109">
        <v>180</v>
      </c>
      <c r="AI16109">
        <v>183</v>
      </c>
      <c r="AJ16109">
        <v>186</v>
      </c>
      <c r="AK16109">
        <v>190</v>
      </c>
      <c r="AL16109">
        <v>192</v>
      </c>
      <c r="AM16109">
        <v>194</v>
      </c>
      <c r="AN16109">
        <v>195</v>
      </c>
      <c r="AO16109">
        <v>197</v>
      </c>
      <c r="AP16109">
        <v>198</v>
      </c>
      <c r="AQ16109">
        <v>200</v>
      </c>
    </row>
    <row r="16110" spans="1:43">
      <c r="A16110" t="s">
        <v>10000</v>
      </c>
      <c r="B16110" t="s">
        <v>10001</v>
      </c>
      <c r="C16110" t="s">
        <v>9986</v>
      </c>
      <c r="D16110" t="s">
        <v>9987</v>
      </c>
      <c r="E16110" t="s">
        <v>9956</v>
      </c>
      <c r="F16110" t="s">
        <v>9957</v>
      </c>
      <c r="G16110" t="s">
        <v>80</v>
      </c>
      <c r="H16110" t="s">
        <v>81</v>
      </c>
      <c r="I16110" s="2">
        <v>0</v>
      </c>
      <c r="J16110" s="2">
        <v>1</v>
      </c>
      <c r="K16110" s="2">
        <v>0</v>
      </c>
      <c r="L16110" t="s">
        <v>82</v>
      </c>
      <c r="M16110" t="s">
        <v>83</v>
      </c>
      <c r="N16110" t="s">
        <v>84</v>
      </c>
      <c r="O16110" t="s">
        <v>85</v>
      </c>
      <c r="P16110" t="s">
        <v>86</v>
      </c>
      <c r="Q16110">
        <v>153</v>
      </c>
      <c r="R16110">
        <v>156</v>
      </c>
      <c r="S16110">
        <v>160</v>
      </c>
      <c r="T16110">
        <v>163</v>
      </c>
      <c r="U16110">
        <v>166</v>
      </c>
      <c r="V16110">
        <v>170</v>
      </c>
      <c r="W16110">
        <v>173</v>
      </c>
      <c r="X16110">
        <v>177</v>
      </c>
      <c r="Y16110">
        <v>180</v>
      </c>
      <c r="Z16110">
        <v>184</v>
      </c>
      <c r="AA16110">
        <v>188</v>
      </c>
      <c r="AB16110">
        <v>191</v>
      </c>
      <c r="AC16110">
        <v>195</v>
      </c>
      <c r="AD16110">
        <v>199</v>
      </c>
      <c r="AE16110">
        <v>203</v>
      </c>
      <c r="AF16110">
        <v>206</v>
      </c>
      <c r="AG16110">
        <v>210</v>
      </c>
      <c r="AH16110">
        <v>214</v>
      </c>
      <c r="AI16110">
        <v>218</v>
      </c>
      <c r="AJ16110">
        <v>222</v>
      </c>
      <c r="AK16110">
        <v>226</v>
      </c>
      <c r="AL16110">
        <v>229</v>
      </c>
      <c r="AM16110">
        <v>231</v>
      </c>
      <c r="AN16110">
        <v>233</v>
      </c>
      <c r="AO16110">
        <v>235</v>
      </c>
      <c r="AP16110">
        <v>237</v>
      </c>
      <c r="AQ16110">
        <v>239</v>
      </c>
    </row>
    <row r="16111" spans="1:43">
      <c r="A16111" t="s">
        <v>10000</v>
      </c>
      <c r="B16111" t="s">
        <v>10001</v>
      </c>
      <c r="C16111" t="s">
        <v>9986</v>
      </c>
      <c r="D16111" t="s">
        <v>9987</v>
      </c>
      <c r="E16111" t="s">
        <v>9956</v>
      </c>
      <c r="F16111" t="s">
        <v>9957</v>
      </c>
      <c r="G16111" t="s">
        <v>80</v>
      </c>
      <c r="H16111" t="s">
        <v>81</v>
      </c>
      <c r="I16111" s="2">
        <v>0</v>
      </c>
      <c r="J16111" s="2">
        <v>1</v>
      </c>
      <c r="K16111" s="2">
        <v>0</v>
      </c>
      <c r="L16111" t="s">
        <v>82</v>
      </c>
      <c r="M16111" t="s">
        <v>87</v>
      </c>
      <c r="N16111" t="s">
        <v>88</v>
      </c>
      <c r="O16111" t="s">
        <v>85</v>
      </c>
      <c r="P16111" t="s">
        <v>86</v>
      </c>
      <c r="Q16111">
        <v>153</v>
      </c>
      <c r="R16111">
        <v>154</v>
      </c>
      <c r="S16111">
        <v>156</v>
      </c>
      <c r="T16111">
        <v>158</v>
      </c>
      <c r="U16111">
        <v>160</v>
      </c>
      <c r="V16111">
        <v>162</v>
      </c>
      <c r="W16111">
        <v>164</v>
      </c>
      <c r="X16111">
        <v>166</v>
      </c>
      <c r="Y16111">
        <v>168</v>
      </c>
      <c r="Z16111">
        <v>170</v>
      </c>
      <c r="AA16111">
        <v>172</v>
      </c>
      <c r="AB16111">
        <v>174</v>
      </c>
      <c r="AC16111">
        <v>176</v>
      </c>
      <c r="AD16111">
        <v>178</v>
      </c>
      <c r="AE16111">
        <v>180</v>
      </c>
      <c r="AF16111">
        <v>182</v>
      </c>
      <c r="AG16111">
        <v>185</v>
      </c>
      <c r="AH16111">
        <v>187</v>
      </c>
      <c r="AI16111">
        <v>189</v>
      </c>
      <c r="AJ16111">
        <v>191</v>
      </c>
      <c r="AK16111">
        <v>194</v>
      </c>
      <c r="AL16111">
        <v>196</v>
      </c>
      <c r="AM16111">
        <v>198</v>
      </c>
      <c r="AN16111">
        <v>201</v>
      </c>
      <c r="AO16111">
        <v>203</v>
      </c>
      <c r="AP16111">
        <v>205</v>
      </c>
      <c r="AQ16111">
        <v>208</v>
      </c>
    </row>
    <row r="16112" spans="1:43">
      <c r="A16112" t="s">
        <v>10000</v>
      </c>
      <c r="B16112" t="s">
        <v>10001</v>
      </c>
      <c r="C16112" t="s">
        <v>9986</v>
      </c>
      <c r="D16112" t="s">
        <v>9987</v>
      </c>
      <c r="E16112" t="s">
        <v>9956</v>
      </c>
      <c r="F16112" t="s">
        <v>9957</v>
      </c>
      <c r="G16112" t="s">
        <v>80</v>
      </c>
      <c r="H16112" t="s">
        <v>81</v>
      </c>
      <c r="I16112" s="2">
        <v>0</v>
      </c>
      <c r="J16112" s="2">
        <v>1</v>
      </c>
      <c r="K16112" s="2">
        <v>0</v>
      </c>
      <c r="L16112" t="s">
        <v>82</v>
      </c>
      <c r="M16112" t="s">
        <v>89</v>
      </c>
      <c r="N16112" t="s">
        <v>90</v>
      </c>
      <c r="O16112" t="s">
        <v>85</v>
      </c>
      <c r="P16112" t="s">
        <v>86</v>
      </c>
      <c r="Q16112">
        <v>153</v>
      </c>
      <c r="R16112">
        <v>158</v>
      </c>
      <c r="S16112">
        <v>163</v>
      </c>
      <c r="T16112">
        <v>167</v>
      </c>
      <c r="U16112">
        <v>172</v>
      </c>
      <c r="V16112">
        <v>177</v>
      </c>
      <c r="W16112">
        <v>181</v>
      </c>
      <c r="X16112">
        <v>186</v>
      </c>
      <c r="Y16112">
        <v>190</v>
      </c>
      <c r="Z16112">
        <v>195</v>
      </c>
      <c r="AA16112">
        <v>199</v>
      </c>
      <c r="AB16112">
        <v>203</v>
      </c>
      <c r="AC16112">
        <v>208</v>
      </c>
      <c r="AD16112">
        <v>213</v>
      </c>
      <c r="AE16112">
        <v>216</v>
      </c>
      <c r="AF16112">
        <v>218</v>
      </c>
      <c r="AG16112">
        <v>220</v>
      </c>
      <c r="AH16112">
        <v>222</v>
      </c>
      <c r="AI16112">
        <v>224</v>
      </c>
      <c r="AJ16112">
        <v>226</v>
      </c>
      <c r="AK16112">
        <v>228</v>
      </c>
      <c r="AL16112">
        <v>230</v>
      </c>
      <c r="AM16112">
        <v>231</v>
      </c>
      <c r="AN16112">
        <v>233</v>
      </c>
      <c r="AO16112">
        <v>235</v>
      </c>
      <c r="AP16112">
        <v>237</v>
      </c>
      <c r="AQ16112">
        <v>239</v>
      </c>
    </row>
    <row r="16113" spans="1:43">
      <c r="A16113" t="s">
        <v>10000</v>
      </c>
      <c r="B16113" t="s">
        <v>10001</v>
      </c>
      <c r="C16113" t="s">
        <v>9986</v>
      </c>
      <c r="D16113" t="s">
        <v>9987</v>
      </c>
      <c r="E16113" t="s">
        <v>9956</v>
      </c>
      <c r="F16113" t="s">
        <v>9957</v>
      </c>
      <c r="G16113" t="s">
        <v>80</v>
      </c>
      <c r="H16113" t="s">
        <v>81</v>
      </c>
      <c r="I16113" s="2">
        <v>0</v>
      </c>
      <c r="J16113" s="2">
        <v>1</v>
      </c>
      <c r="K16113" s="2">
        <v>0</v>
      </c>
      <c r="L16113" t="s">
        <v>82</v>
      </c>
      <c r="M16113" t="s">
        <v>83</v>
      </c>
      <c r="N16113" t="s">
        <v>91</v>
      </c>
      <c r="O16113" t="s">
        <v>85</v>
      </c>
      <c r="P16113" t="s">
        <v>86</v>
      </c>
      <c r="Q16113">
        <v>153</v>
      </c>
      <c r="R16113">
        <v>156</v>
      </c>
      <c r="S16113">
        <v>160</v>
      </c>
      <c r="T16113">
        <v>163</v>
      </c>
      <c r="U16113">
        <v>166</v>
      </c>
      <c r="V16113">
        <v>170</v>
      </c>
      <c r="W16113">
        <v>173</v>
      </c>
      <c r="X16113">
        <v>177</v>
      </c>
      <c r="Y16113">
        <v>180</v>
      </c>
      <c r="Z16113">
        <v>184</v>
      </c>
      <c r="AA16113">
        <v>188</v>
      </c>
      <c r="AB16113">
        <v>191</v>
      </c>
      <c r="AC16113">
        <v>195</v>
      </c>
      <c r="AD16113">
        <v>199</v>
      </c>
      <c r="AE16113">
        <v>203</v>
      </c>
      <c r="AF16113">
        <v>206</v>
      </c>
      <c r="AG16113">
        <v>210</v>
      </c>
      <c r="AH16113">
        <v>214</v>
      </c>
      <c r="AI16113">
        <v>218</v>
      </c>
      <c r="AJ16113">
        <v>222</v>
      </c>
      <c r="AK16113">
        <v>226</v>
      </c>
      <c r="AL16113">
        <v>229</v>
      </c>
      <c r="AM16113">
        <v>231</v>
      </c>
      <c r="AN16113">
        <v>233</v>
      </c>
      <c r="AO16113">
        <v>235</v>
      </c>
      <c r="AP16113">
        <v>237</v>
      </c>
      <c r="AQ16113">
        <v>239</v>
      </c>
    </row>
    <row r="16114" spans="1:43">
      <c r="A16114" t="s">
        <v>10002</v>
      </c>
      <c r="B16114" t="s">
        <v>10003</v>
      </c>
      <c r="C16114" t="s">
        <v>10004</v>
      </c>
      <c r="D16114" t="s">
        <v>10005</v>
      </c>
      <c r="E16114" t="s">
        <v>9956</v>
      </c>
      <c r="F16114" t="s">
        <v>9957</v>
      </c>
      <c r="G16114" t="s">
        <v>80</v>
      </c>
      <c r="H16114" t="s">
        <v>81</v>
      </c>
      <c r="I16114" s="2">
        <v>0</v>
      </c>
      <c r="J16114" s="2">
        <v>1</v>
      </c>
      <c r="K16114" s="2">
        <v>0</v>
      </c>
      <c r="L16114" t="s">
        <v>82</v>
      </c>
      <c r="M16114" t="s">
        <v>83</v>
      </c>
      <c r="N16114" t="s">
        <v>84</v>
      </c>
      <c r="O16114" t="s">
        <v>85</v>
      </c>
      <c r="P16114" t="s">
        <v>86</v>
      </c>
      <c r="Q16114">
        <v>33</v>
      </c>
      <c r="R16114">
        <v>34</v>
      </c>
      <c r="S16114">
        <v>34</v>
      </c>
      <c r="T16114">
        <v>35</v>
      </c>
      <c r="U16114">
        <v>36</v>
      </c>
      <c r="V16114">
        <v>37</v>
      </c>
      <c r="W16114">
        <v>37</v>
      </c>
      <c r="X16114">
        <v>38</v>
      </c>
      <c r="Y16114">
        <v>39</v>
      </c>
      <c r="Z16114">
        <v>40</v>
      </c>
      <c r="AA16114">
        <v>40</v>
      </c>
      <c r="AB16114">
        <v>41</v>
      </c>
      <c r="AC16114">
        <v>42</v>
      </c>
      <c r="AD16114">
        <v>43</v>
      </c>
      <c r="AE16114">
        <v>44</v>
      </c>
      <c r="AF16114">
        <v>45</v>
      </c>
      <c r="AG16114">
        <v>45</v>
      </c>
      <c r="AH16114">
        <v>46</v>
      </c>
      <c r="AI16114">
        <v>47</v>
      </c>
      <c r="AJ16114">
        <v>48</v>
      </c>
      <c r="AK16114">
        <v>49</v>
      </c>
      <c r="AL16114">
        <v>49</v>
      </c>
      <c r="AM16114">
        <v>50</v>
      </c>
      <c r="AN16114">
        <v>50</v>
      </c>
      <c r="AO16114">
        <v>51</v>
      </c>
      <c r="AP16114">
        <v>51</v>
      </c>
      <c r="AQ16114">
        <v>52</v>
      </c>
    </row>
    <row r="16115" spans="1:43">
      <c r="A16115" t="s">
        <v>10002</v>
      </c>
      <c r="B16115" t="s">
        <v>10003</v>
      </c>
      <c r="C16115" t="s">
        <v>10004</v>
      </c>
      <c r="D16115" t="s">
        <v>10005</v>
      </c>
      <c r="E16115" t="s">
        <v>9956</v>
      </c>
      <c r="F16115" t="s">
        <v>9957</v>
      </c>
      <c r="G16115" t="s">
        <v>80</v>
      </c>
      <c r="H16115" t="s">
        <v>81</v>
      </c>
      <c r="I16115" s="2">
        <v>0</v>
      </c>
      <c r="J16115" s="2">
        <v>1</v>
      </c>
      <c r="K16115" s="2">
        <v>0</v>
      </c>
      <c r="L16115" t="s">
        <v>82</v>
      </c>
      <c r="M16115" t="s">
        <v>87</v>
      </c>
      <c r="N16115" t="s">
        <v>88</v>
      </c>
      <c r="O16115" t="s">
        <v>85</v>
      </c>
      <c r="P16115" t="s">
        <v>86</v>
      </c>
      <c r="Q16115">
        <v>33</v>
      </c>
      <c r="R16115">
        <v>33</v>
      </c>
      <c r="S16115">
        <v>33</v>
      </c>
      <c r="T16115">
        <v>34</v>
      </c>
      <c r="U16115">
        <v>34</v>
      </c>
      <c r="V16115">
        <v>35</v>
      </c>
      <c r="W16115">
        <v>35</v>
      </c>
      <c r="X16115">
        <v>36</v>
      </c>
      <c r="Y16115">
        <v>36</v>
      </c>
      <c r="Z16115">
        <v>36</v>
      </c>
      <c r="AA16115">
        <v>37</v>
      </c>
      <c r="AB16115">
        <v>37</v>
      </c>
      <c r="AC16115">
        <v>38</v>
      </c>
      <c r="AD16115">
        <v>38</v>
      </c>
      <c r="AE16115">
        <v>39</v>
      </c>
      <c r="AF16115">
        <v>39</v>
      </c>
      <c r="AG16115">
        <v>40</v>
      </c>
      <c r="AH16115">
        <v>40</v>
      </c>
      <c r="AI16115">
        <v>41</v>
      </c>
      <c r="AJ16115">
        <v>41</v>
      </c>
      <c r="AK16115">
        <v>42</v>
      </c>
      <c r="AL16115">
        <v>42</v>
      </c>
      <c r="AM16115">
        <v>43</v>
      </c>
      <c r="AN16115">
        <v>43</v>
      </c>
      <c r="AO16115">
        <v>44</v>
      </c>
      <c r="AP16115">
        <v>44</v>
      </c>
      <c r="AQ16115">
        <v>45</v>
      </c>
    </row>
    <row r="16116" spans="1:43">
      <c r="A16116" t="s">
        <v>10002</v>
      </c>
      <c r="B16116" t="s">
        <v>10003</v>
      </c>
      <c r="C16116" t="s">
        <v>10004</v>
      </c>
      <c r="D16116" t="s">
        <v>10005</v>
      </c>
      <c r="E16116" t="s">
        <v>9956</v>
      </c>
      <c r="F16116" t="s">
        <v>9957</v>
      </c>
      <c r="G16116" t="s">
        <v>80</v>
      </c>
      <c r="H16116" t="s">
        <v>81</v>
      </c>
      <c r="I16116" s="2">
        <v>0</v>
      </c>
      <c r="J16116" s="2">
        <v>1</v>
      </c>
      <c r="K16116" s="2">
        <v>0</v>
      </c>
      <c r="L16116" t="s">
        <v>82</v>
      </c>
      <c r="M16116" t="s">
        <v>89</v>
      </c>
      <c r="N16116" t="s">
        <v>90</v>
      </c>
      <c r="O16116" t="s">
        <v>85</v>
      </c>
      <c r="P16116" t="s">
        <v>86</v>
      </c>
      <c r="Q16116">
        <v>33</v>
      </c>
      <c r="R16116">
        <v>34</v>
      </c>
      <c r="S16116">
        <v>35</v>
      </c>
      <c r="T16116">
        <v>36</v>
      </c>
      <c r="U16116">
        <v>37</v>
      </c>
      <c r="V16116">
        <v>38</v>
      </c>
      <c r="W16116">
        <v>39</v>
      </c>
      <c r="X16116">
        <v>40</v>
      </c>
      <c r="Y16116">
        <v>41</v>
      </c>
      <c r="Z16116">
        <v>42</v>
      </c>
      <c r="AA16116">
        <v>43</v>
      </c>
      <c r="AB16116">
        <v>44</v>
      </c>
      <c r="AC16116">
        <v>45</v>
      </c>
      <c r="AD16116">
        <v>46</v>
      </c>
      <c r="AE16116">
        <v>47</v>
      </c>
      <c r="AF16116">
        <v>47</v>
      </c>
      <c r="AG16116">
        <v>48</v>
      </c>
      <c r="AH16116">
        <v>48</v>
      </c>
      <c r="AI16116">
        <v>49</v>
      </c>
      <c r="AJ16116">
        <v>49</v>
      </c>
      <c r="AK16116">
        <v>49</v>
      </c>
      <c r="AL16116">
        <v>50</v>
      </c>
      <c r="AM16116">
        <v>50</v>
      </c>
      <c r="AN16116">
        <v>51</v>
      </c>
      <c r="AO16116">
        <v>51</v>
      </c>
      <c r="AP16116">
        <v>51</v>
      </c>
      <c r="AQ16116">
        <v>52</v>
      </c>
    </row>
    <row r="16117" spans="1:43">
      <c r="A16117" t="s">
        <v>10002</v>
      </c>
      <c r="B16117" t="s">
        <v>10003</v>
      </c>
      <c r="C16117" t="s">
        <v>10004</v>
      </c>
      <c r="D16117" t="s">
        <v>10005</v>
      </c>
      <c r="E16117" t="s">
        <v>9956</v>
      </c>
      <c r="F16117" t="s">
        <v>9957</v>
      </c>
      <c r="G16117" t="s">
        <v>80</v>
      </c>
      <c r="H16117" t="s">
        <v>81</v>
      </c>
      <c r="I16117" s="2">
        <v>0</v>
      </c>
      <c r="J16117" s="2">
        <v>1</v>
      </c>
      <c r="K16117" s="2">
        <v>0</v>
      </c>
      <c r="L16117" t="s">
        <v>82</v>
      </c>
      <c r="M16117" t="s">
        <v>83</v>
      </c>
      <c r="N16117" t="s">
        <v>91</v>
      </c>
      <c r="O16117" t="s">
        <v>85</v>
      </c>
      <c r="P16117" t="s">
        <v>86</v>
      </c>
      <c r="Q16117">
        <v>33</v>
      </c>
      <c r="R16117">
        <v>34</v>
      </c>
      <c r="S16117">
        <v>34</v>
      </c>
      <c r="T16117">
        <v>35</v>
      </c>
      <c r="U16117">
        <v>36</v>
      </c>
      <c r="V16117">
        <v>37</v>
      </c>
      <c r="W16117">
        <v>37</v>
      </c>
      <c r="X16117">
        <v>38</v>
      </c>
      <c r="Y16117">
        <v>39</v>
      </c>
      <c r="Z16117">
        <v>40</v>
      </c>
      <c r="AA16117">
        <v>40</v>
      </c>
      <c r="AB16117">
        <v>41</v>
      </c>
      <c r="AC16117">
        <v>42</v>
      </c>
      <c r="AD16117">
        <v>43</v>
      </c>
      <c r="AE16117">
        <v>44</v>
      </c>
      <c r="AF16117">
        <v>45</v>
      </c>
      <c r="AG16117">
        <v>45</v>
      </c>
      <c r="AH16117">
        <v>46</v>
      </c>
      <c r="AI16117">
        <v>47</v>
      </c>
      <c r="AJ16117">
        <v>48</v>
      </c>
      <c r="AK16117">
        <v>49</v>
      </c>
      <c r="AL16117">
        <v>49</v>
      </c>
      <c r="AM16117">
        <v>50</v>
      </c>
      <c r="AN16117">
        <v>50</v>
      </c>
      <c r="AO16117">
        <v>51</v>
      </c>
      <c r="AP16117">
        <v>51</v>
      </c>
      <c r="AQ16117">
        <v>52</v>
      </c>
    </row>
    <row r="16118" spans="1:43">
      <c r="A16118" t="s">
        <v>10006</v>
      </c>
      <c r="B16118" t="s">
        <v>10007</v>
      </c>
      <c r="C16118" t="s">
        <v>10008</v>
      </c>
      <c r="D16118" t="s">
        <v>10009</v>
      </c>
      <c r="E16118" t="s">
        <v>9956</v>
      </c>
      <c r="F16118" t="s">
        <v>9957</v>
      </c>
      <c r="G16118" t="s">
        <v>80</v>
      </c>
      <c r="H16118" t="s">
        <v>81</v>
      </c>
      <c r="I16118" s="2">
        <v>0</v>
      </c>
      <c r="J16118" s="2">
        <v>1</v>
      </c>
      <c r="K16118" s="2">
        <v>0</v>
      </c>
      <c r="L16118" t="s">
        <v>82</v>
      </c>
      <c r="M16118" t="s">
        <v>83</v>
      </c>
      <c r="N16118" t="s">
        <v>84</v>
      </c>
      <c r="O16118" t="s">
        <v>85</v>
      </c>
      <c r="P16118" t="s">
        <v>86</v>
      </c>
      <c r="Q16118">
        <v>0</v>
      </c>
      <c r="R16118">
        <v>0</v>
      </c>
      <c r="S16118">
        <v>0</v>
      </c>
      <c r="T16118">
        <v>0</v>
      </c>
      <c r="U16118">
        <v>0</v>
      </c>
      <c r="V16118">
        <v>0</v>
      </c>
      <c r="W16118">
        <v>0</v>
      </c>
      <c r="X16118">
        <v>0</v>
      </c>
      <c r="Y16118">
        <v>0</v>
      </c>
      <c r="Z16118">
        <v>0</v>
      </c>
      <c r="AA16118">
        <v>0</v>
      </c>
      <c r="AB16118">
        <v>0</v>
      </c>
      <c r="AC16118">
        <v>0</v>
      </c>
      <c r="AD16118">
        <v>0</v>
      </c>
      <c r="AE16118">
        <v>0</v>
      </c>
      <c r="AF16118">
        <v>0</v>
      </c>
      <c r="AG16118">
        <v>0</v>
      </c>
      <c r="AH16118">
        <v>0</v>
      </c>
      <c r="AI16118">
        <v>0</v>
      </c>
      <c r="AJ16118">
        <v>0</v>
      </c>
      <c r="AK16118">
        <v>0</v>
      </c>
      <c r="AL16118">
        <v>0</v>
      </c>
      <c r="AM16118">
        <v>0</v>
      </c>
      <c r="AN16118">
        <v>0</v>
      </c>
      <c r="AO16118">
        <v>0</v>
      </c>
      <c r="AP16118">
        <v>0</v>
      </c>
      <c r="AQ16118">
        <v>0</v>
      </c>
    </row>
    <row r="16119" spans="1:43">
      <c r="A16119" t="s">
        <v>10006</v>
      </c>
      <c r="B16119" t="s">
        <v>10007</v>
      </c>
      <c r="C16119" t="s">
        <v>10008</v>
      </c>
      <c r="D16119" t="s">
        <v>10009</v>
      </c>
      <c r="E16119" t="s">
        <v>9956</v>
      </c>
      <c r="F16119" t="s">
        <v>9957</v>
      </c>
      <c r="G16119" t="s">
        <v>80</v>
      </c>
      <c r="H16119" t="s">
        <v>81</v>
      </c>
      <c r="I16119" s="2">
        <v>0</v>
      </c>
      <c r="J16119" s="2">
        <v>1</v>
      </c>
      <c r="K16119" s="2">
        <v>0</v>
      </c>
      <c r="L16119" t="s">
        <v>82</v>
      </c>
      <c r="M16119" t="s">
        <v>87</v>
      </c>
      <c r="N16119" t="s">
        <v>88</v>
      </c>
      <c r="O16119" t="s">
        <v>85</v>
      </c>
      <c r="P16119" t="s">
        <v>86</v>
      </c>
      <c r="Q16119">
        <v>0</v>
      </c>
      <c r="R16119">
        <v>0</v>
      </c>
      <c r="S16119">
        <v>0</v>
      </c>
      <c r="T16119">
        <v>0</v>
      </c>
      <c r="U16119">
        <v>0</v>
      </c>
      <c r="V16119">
        <v>0</v>
      </c>
      <c r="W16119">
        <v>0</v>
      </c>
      <c r="X16119">
        <v>0</v>
      </c>
      <c r="Y16119">
        <v>0</v>
      </c>
      <c r="Z16119">
        <v>0</v>
      </c>
      <c r="AA16119">
        <v>0</v>
      </c>
      <c r="AB16119">
        <v>0</v>
      </c>
      <c r="AC16119">
        <v>0</v>
      </c>
      <c r="AD16119">
        <v>0</v>
      </c>
      <c r="AE16119">
        <v>0</v>
      </c>
      <c r="AF16119">
        <v>0</v>
      </c>
      <c r="AG16119">
        <v>0</v>
      </c>
      <c r="AH16119">
        <v>0</v>
      </c>
      <c r="AI16119">
        <v>0</v>
      </c>
      <c r="AJ16119">
        <v>0</v>
      </c>
      <c r="AK16119">
        <v>0</v>
      </c>
      <c r="AL16119">
        <v>0</v>
      </c>
      <c r="AM16119">
        <v>0</v>
      </c>
      <c r="AN16119">
        <v>0</v>
      </c>
      <c r="AO16119">
        <v>0</v>
      </c>
      <c r="AP16119">
        <v>0</v>
      </c>
      <c r="AQ16119">
        <v>0</v>
      </c>
    </row>
    <row r="16120" spans="1:43">
      <c r="A16120" t="s">
        <v>10006</v>
      </c>
      <c r="B16120" t="s">
        <v>10007</v>
      </c>
      <c r="C16120" t="s">
        <v>10008</v>
      </c>
      <c r="D16120" t="s">
        <v>10009</v>
      </c>
      <c r="E16120" t="s">
        <v>9956</v>
      </c>
      <c r="F16120" t="s">
        <v>9957</v>
      </c>
      <c r="G16120" t="s">
        <v>80</v>
      </c>
      <c r="H16120" t="s">
        <v>81</v>
      </c>
      <c r="I16120" s="2">
        <v>0</v>
      </c>
      <c r="J16120" s="2">
        <v>1</v>
      </c>
      <c r="K16120" s="2">
        <v>0</v>
      </c>
      <c r="L16120" t="s">
        <v>82</v>
      </c>
      <c r="M16120" t="s">
        <v>89</v>
      </c>
      <c r="N16120" t="s">
        <v>90</v>
      </c>
      <c r="O16120" t="s">
        <v>85</v>
      </c>
      <c r="P16120" t="s">
        <v>86</v>
      </c>
      <c r="Q16120">
        <v>0</v>
      </c>
      <c r="R16120">
        <v>0</v>
      </c>
      <c r="S16120">
        <v>0</v>
      </c>
      <c r="T16120">
        <v>0</v>
      </c>
      <c r="U16120">
        <v>0</v>
      </c>
      <c r="V16120">
        <v>0</v>
      </c>
      <c r="W16120">
        <v>0</v>
      </c>
      <c r="X16120">
        <v>0</v>
      </c>
      <c r="Y16120">
        <v>0</v>
      </c>
      <c r="Z16120">
        <v>0</v>
      </c>
      <c r="AA16120">
        <v>0</v>
      </c>
      <c r="AB16120">
        <v>0</v>
      </c>
      <c r="AC16120">
        <v>0</v>
      </c>
      <c r="AD16120">
        <v>0</v>
      </c>
      <c r="AE16120">
        <v>0</v>
      </c>
      <c r="AF16120">
        <v>0</v>
      </c>
      <c r="AG16120">
        <v>0</v>
      </c>
      <c r="AH16120">
        <v>0</v>
      </c>
      <c r="AI16120">
        <v>0</v>
      </c>
      <c r="AJ16120">
        <v>0</v>
      </c>
      <c r="AK16120">
        <v>0</v>
      </c>
      <c r="AL16120">
        <v>0</v>
      </c>
      <c r="AM16120">
        <v>0</v>
      </c>
      <c r="AN16120">
        <v>0</v>
      </c>
      <c r="AO16120">
        <v>0</v>
      </c>
      <c r="AP16120">
        <v>0</v>
      </c>
      <c r="AQ16120">
        <v>0</v>
      </c>
    </row>
    <row r="16121" spans="1:43">
      <c r="A16121" t="s">
        <v>10006</v>
      </c>
      <c r="B16121" t="s">
        <v>10007</v>
      </c>
      <c r="C16121" t="s">
        <v>10008</v>
      </c>
      <c r="D16121" t="s">
        <v>10009</v>
      </c>
      <c r="E16121" t="s">
        <v>9956</v>
      </c>
      <c r="F16121" t="s">
        <v>9957</v>
      </c>
      <c r="G16121" t="s">
        <v>80</v>
      </c>
      <c r="H16121" t="s">
        <v>81</v>
      </c>
      <c r="I16121" s="2">
        <v>0</v>
      </c>
      <c r="J16121" s="2">
        <v>1</v>
      </c>
      <c r="K16121" s="2">
        <v>0</v>
      </c>
      <c r="L16121" t="s">
        <v>82</v>
      </c>
      <c r="M16121" t="s">
        <v>83</v>
      </c>
      <c r="N16121" t="s">
        <v>91</v>
      </c>
      <c r="O16121" t="s">
        <v>85</v>
      </c>
      <c r="P16121" t="s">
        <v>86</v>
      </c>
      <c r="Q16121">
        <v>0</v>
      </c>
      <c r="R16121">
        <v>0</v>
      </c>
      <c r="S16121">
        <v>0</v>
      </c>
      <c r="T16121">
        <v>0</v>
      </c>
      <c r="U16121">
        <v>0</v>
      </c>
      <c r="V16121">
        <v>0</v>
      </c>
      <c r="W16121">
        <v>0</v>
      </c>
      <c r="X16121">
        <v>0</v>
      </c>
      <c r="Y16121">
        <v>0</v>
      </c>
      <c r="Z16121">
        <v>0</v>
      </c>
      <c r="AA16121">
        <v>0</v>
      </c>
      <c r="AB16121">
        <v>0</v>
      </c>
      <c r="AC16121">
        <v>0</v>
      </c>
      <c r="AD16121">
        <v>0</v>
      </c>
      <c r="AE16121">
        <v>0</v>
      </c>
      <c r="AF16121">
        <v>0</v>
      </c>
      <c r="AG16121">
        <v>0</v>
      </c>
      <c r="AH16121">
        <v>0</v>
      </c>
      <c r="AI16121">
        <v>0</v>
      </c>
      <c r="AJ16121">
        <v>0</v>
      </c>
      <c r="AK16121">
        <v>0</v>
      </c>
      <c r="AL16121">
        <v>0</v>
      </c>
      <c r="AM16121">
        <v>0</v>
      </c>
      <c r="AN16121">
        <v>0</v>
      </c>
      <c r="AO16121">
        <v>0</v>
      </c>
      <c r="AP16121">
        <v>0</v>
      </c>
      <c r="AQ16121">
        <v>0</v>
      </c>
    </row>
    <row r="16122" spans="1:43">
      <c r="A16122" t="s">
        <v>10010</v>
      </c>
      <c r="B16122" t="s">
        <v>10011</v>
      </c>
      <c r="C16122" t="s">
        <v>10004</v>
      </c>
      <c r="D16122" t="s">
        <v>10005</v>
      </c>
      <c r="E16122" t="s">
        <v>9956</v>
      </c>
      <c r="F16122" t="s">
        <v>9957</v>
      </c>
      <c r="G16122" t="s">
        <v>80</v>
      </c>
      <c r="H16122" t="s">
        <v>81</v>
      </c>
      <c r="I16122" s="2">
        <v>0</v>
      </c>
      <c r="J16122" s="2">
        <v>1</v>
      </c>
      <c r="K16122" s="2">
        <v>0</v>
      </c>
      <c r="L16122" t="s">
        <v>82</v>
      </c>
      <c r="M16122" t="s">
        <v>83</v>
      </c>
      <c r="N16122" t="s">
        <v>84</v>
      </c>
      <c r="O16122" t="s">
        <v>85</v>
      </c>
      <c r="P16122" t="s">
        <v>86</v>
      </c>
      <c r="Q16122">
        <v>57</v>
      </c>
      <c r="R16122">
        <v>59</v>
      </c>
      <c r="S16122">
        <v>60</v>
      </c>
      <c r="T16122">
        <v>61</v>
      </c>
      <c r="U16122">
        <v>62</v>
      </c>
      <c r="V16122">
        <v>64</v>
      </c>
      <c r="W16122">
        <v>65</v>
      </c>
      <c r="X16122">
        <v>66</v>
      </c>
      <c r="Y16122">
        <v>68</v>
      </c>
      <c r="Z16122">
        <v>69</v>
      </c>
      <c r="AA16122">
        <v>70</v>
      </c>
      <c r="AB16122">
        <v>72</v>
      </c>
      <c r="AC16122">
        <v>73</v>
      </c>
      <c r="AD16122">
        <v>74</v>
      </c>
      <c r="AE16122">
        <v>76</v>
      </c>
      <c r="AF16122">
        <v>77</v>
      </c>
      <c r="AG16122">
        <v>79</v>
      </c>
      <c r="AH16122">
        <v>80</v>
      </c>
      <c r="AI16122">
        <v>82</v>
      </c>
      <c r="AJ16122">
        <v>83</v>
      </c>
      <c r="AK16122">
        <v>85</v>
      </c>
      <c r="AL16122">
        <v>86</v>
      </c>
      <c r="AM16122">
        <v>87</v>
      </c>
      <c r="AN16122">
        <v>87</v>
      </c>
      <c r="AO16122">
        <v>88</v>
      </c>
      <c r="AP16122">
        <v>89</v>
      </c>
      <c r="AQ16122">
        <v>90</v>
      </c>
    </row>
    <row r="16123" spans="1:43">
      <c r="A16123" t="s">
        <v>10010</v>
      </c>
      <c r="B16123" t="s">
        <v>10011</v>
      </c>
      <c r="C16123" t="s">
        <v>10004</v>
      </c>
      <c r="D16123" t="s">
        <v>10005</v>
      </c>
      <c r="E16123" t="s">
        <v>9956</v>
      </c>
      <c r="F16123" t="s">
        <v>9957</v>
      </c>
      <c r="G16123" t="s">
        <v>80</v>
      </c>
      <c r="H16123" t="s">
        <v>81</v>
      </c>
      <c r="I16123" s="2">
        <v>0</v>
      </c>
      <c r="J16123" s="2">
        <v>1</v>
      </c>
      <c r="K16123" s="2">
        <v>0</v>
      </c>
      <c r="L16123" t="s">
        <v>82</v>
      </c>
      <c r="M16123" t="s">
        <v>87</v>
      </c>
      <c r="N16123" t="s">
        <v>88</v>
      </c>
      <c r="O16123" t="s">
        <v>85</v>
      </c>
      <c r="P16123" t="s">
        <v>86</v>
      </c>
      <c r="Q16123">
        <v>57</v>
      </c>
      <c r="R16123">
        <v>57</v>
      </c>
      <c r="S16123">
        <v>58</v>
      </c>
      <c r="T16123">
        <v>59</v>
      </c>
      <c r="U16123">
        <v>60</v>
      </c>
      <c r="V16123">
        <v>60</v>
      </c>
      <c r="W16123">
        <v>61</v>
      </c>
      <c r="X16123">
        <v>62</v>
      </c>
      <c r="Y16123">
        <v>62</v>
      </c>
      <c r="Z16123">
        <v>63</v>
      </c>
      <c r="AA16123">
        <v>64</v>
      </c>
      <c r="AB16123">
        <v>65</v>
      </c>
      <c r="AC16123">
        <v>66</v>
      </c>
      <c r="AD16123">
        <v>66</v>
      </c>
      <c r="AE16123">
        <v>67</v>
      </c>
      <c r="AF16123">
        <v>68</v>
      </c>
      <c r="AG16123">
        <v>69</v>
      </c>
      <c r="AH16123">
        <v>70</v>
      </c>
      <c r="AI16123">
        <v>70</v>
      </c>
      <c r="AJ16123">
        <v>71</v>
      </c>
      <c r="AK16123">
        <v>72</v>
      </c>
      <c r="AL16123">
        <v>73</v>
      </c>
      <c r="AM16123">
        <v>74</v>
      </c>
      <c r="AN16123">
        <v>75</v>
      </c>
      <c r="AO16123">
        <v>76</v>
      </c>
      <c r="AP16123">
        <v>77</v>
      </c>
      <c r="AQ16123">
        <v>77</v>
      </c>
    </row>
    <row r="16124" spans="1:43">
      <c r="A16124" t="s">
        <v>10010</v>
      </c>
      <c r="B16124" t="s">
        <v>10011</v>
      </c>
      <c r="C16124" t="s">
        <v>10004</v>
      </c>
      <c r="D16124" t="s">
        <v>10005</v>
      </c>
      <c r="E16124" t="s">
        <v>9956</v>
      </c>
      <c r="F16124" t="s">
        <v>9957</v>
      </c>
      <c r="G16124" t="s">
        <v>80</v>
      </c>
      <c r="H16124" t="s">
        <v>81</v>
      </c>
      <c r="I16124" s="2">
        <v>0</v>
      </c>
      <c r="J16124" s="2">
        <v>1</v>
      </c>
      <c r="K16124" s="2">
        <v>0</v>
      </c>
      <c r="L16124" t="s">
        <v>82</v>
      </c>
      <c r="M16124" t="s">
        <v>89</v>
      </c>
      <c r="N16124" t="s">
        <v>90</v>
      </c>
      <c r="O16124" t="s">
        <v>85</v>
      </c>
      <c r="P16124" t="s">
        <v>86</v>
      </c>
      <c r="Q16124">
        <v>57</v>
      </c>
      <c r="R16124">
        <v>59</v>
      </c>
      <c r="S16124">
        <v>60</v>
      </c>
      <c r="T16124">
        <v>62</v>
      </c>
      <c r="U16124">
        <v>64</v>
      </c>
      <c r="V16124">
        <v>66</v>
      </c>
      <c r="W16124">
        <v>67</v>
      </c>
      <c r="X16124">
        <v>69</v>
      </c>
      <c r="Y16124">
        <v>71</v>
      </c>
      <c r="Z16124">
        <v>72</v>
      </c>
      <c r="AA16124">
        <v>74</v>
      </c>
      <c r="AB16124">
        <v>76</v>
      </c>
      <c r="AC16124">
        <v>77</v>
      </c>
      <c r="AD16124">
        <v>79</v>
      </c>
      <c r="AE16124">
        <v>80</v>
      </c>
      <c r="AF16124">
        <v>81</v>
      </c>
      <c r="AG16124">
        <v>82</v>
      </c>
      <c r="AH16124">
        <v>83</v>
      </c>
      <c r="AI16124">
        <v>83</v>
      </c>
      <c r="AJ16124">
        <v>84</v>
      </c>
      <c r="AK16124">
        <v>85</v>
      </c>
      <c r="AL16124">
        <v>86</v>
      </c>
      <c r="AM16124">
        <v>86</v>
      </c>
      <c r="AN16124">
        <v>87</v>
      </c>
      <c r="AO16124">
        <v>88</v>
      </c>
      <c r="AP16124">
        <v>88</v>
      </c>
      <c r="AQ16124">
        <v>89</v>
      </c>
    </row>
    <row r="16125" spans="1:43">
      <c r="A16125" t="s">
        <v>10010</v>
      </c>
      <c r="B16125" t="s">
        <v>10011</v>
      </c>
      <c r="C16125" t="s">
        <v>10004</v>
      </c>
      <c r="D16125" t="s">
        <v>10005</v>
      </c>
      <c r="E16125" t="s">
        <v>9956</v>
      </c>
      <c r="F16125" t="s">
        <v>9957</v>
      </c>
      <c r="G16125" t="s">
        <v>80</v>
      </c>
      <c r="H16125" t="s">
        <v>81</v>
      </c>
      <c r="I16125" s="2">
        <v>0</v>
      </c>
      <c r="J16125" s="2">
        <v>1</v>
      </c>
      <c r="K16125" s="2">
        <v>0</v>
      </c>
      <c r="L16125" t="s">
        <v>82</v>
      </c>
      <c r="M16125" t="s">
        <v>83</v>
      </c>
      <c r="N16125" t="s">
        <v>91</v>
      </c>
      <c r="O16125" t="s">
        <v>85</v>
      </c>
      <c r="P16125" t="s">
        <v>86</v>
      </c>
      <c r="Q16125">
        <v>57</v>
      </c>
      <c r="R16125">
        <v>59</v>
      </c>
      <c r="S16125">
        <v>60</v>
      </c>
      <c r="T16125">
        <v>61</v>
      </c>
      <c r="U16125">
        <v>62</v>
      </c>
      <c r="V16125">
        <v>64</v>
      </c>
      <c r="W16125">
        <v>65</v>
      </c>
      <c r="X16125">
        <v>66</v>
      </c>
      <c r="Y16125">
        <v>68</v>
      </c>
      <c r="Z16125">
        <v>69</v>
      </c>
      <c r="AA16125">
        <v>70</v>
      </c>
      <c r="AB16125">
        <v>72</v>
      </c>
      <c r="AC16125">
        <v>73</v>
      </c>
      <c r="AD16125">
        <v>74</v>
      </c>
      <c r="AE16125">
        <v>76</v>
      </c>
      <c r="AF16125">
        <v>77</v>
      </c>
      <c r="AG16125">
        <v>79</v>
      </c>
      <c r="AH16125">
        <v>80</v>
      </c>
      <c r="AI16125">
        <v>82</v>
      </c>
      <c r="AJ16125">
        <v>83</v>
      </c>
      <c r="AK16125">
        <v>85</v>
      </c>
      <c r="AL16125">
        <v>86</v>
      </c>
      <c r="AM16125">
        <v>87</v>
      </c>
      <c r="AN16125">
        <v>87</v>
      </c>
      <c r="AO16125">
        <v>88</v>
      </c>
      <c r="AP16125">
        <v>89</v>
      </c>
      <c r="AQ16125">
        <v>90</v>
      </c>
    </row>
    <row r="16126" spans="1:43">
      <c r="A16126" t="s">
        <v>10012</v>
      </c>
      <c r="B16126" t="s">
        <v>10013</v>
      </c>
      <c r="C16126" t="s">
        <v>10014</v>
      </c>
      <c r="D16126" t="s">
        <v>10015</v>
      </c>
      <c r="E16126" t="s">
        <v>9956</v>
      </c>
      <c r="F16126" t="s">
        <v>9957</v>
      </c>
      <c r="G16126" t="s">
        <v>80</v>
      </c>
      <c r="H16126" t="s">
        <v>81</v>
      </c>
      <c r="I16126" s="2">
        <v>0</v>
      </c>
      <c r="J16126" s="2">
        <v>1</v>
      </c>
      <c r="K16126" s="2">
        <v>0</v>
      </c>
      <c r="L16126" t="s">
        <v>82</v>
      </c>
      <c r="M16126" t="s">
        <v>83</v>
      </c>
      <c r="N16126" t="s">
        <v>84</v>
      </c>
      <c r="O16126" t="s">
        <v>85</v>
      </c>
      <c r="P16126" t="s">
        <v>86</v>
      </c>
      <c r="Q16126">
        <v>32</v>
      </c>
      <c r="R16126">
        <v>33</v>
      </c>
      <c r="S16126">
        <v>33</v>
      </c>
      <c r="T16126">
        <v>34</v>
      </c>
      <c r="U16126">
        <v>35</v>
      </c>
      <c r="V16126">
        <v>36</v>
      </c>
      <c r="W16126">
        <v>36</v>
      </c>
      <c r="X16126">
        <v>37</v>
      </c>
      <c r="Y16126">
        <v>38</v>
      </c>
      <c r="Z16126">
        <v>38</v>
      </c>
      <c r="AA16126">
        <v>39</v>
      </c>
      <c r="AB16126">
        <v>40</v>
      </c>
      <c r="AC16126">
        <v>41</v>
      </c>
      <c r="AD16126">
        <v>42</v>
      </c>
      <c r="AE16126">
        <v>42</v>
      </c>
      <c r="AF16126">
        <v>43</v>
      </c>
      <c r="AG16126">
        <v>44</v>
      </c>
      <c r="AH16126">
        <v>45</v>
      </c>
      <c r="AI16126">
        <v>46</v>
      </c>
      <c r="AJ16126">
        <v>47</v>
      </c>
      <c r="AK16126">
        <v>47</v>
      </c>
      <c r="AL16126">
        <v>48</v>
      </c>
      <c r="AM16126">
        <v>48</v>
      </c>
      <c r="AN16126">
        <v>49</v>
      </c>
      <c r="AO16126">
        <v>49</v>
      </c>
      <c r="AP16126">
        <v>50</v>
      </c>
      <c r="AQ16126">
        <v>50</v>
      </c>
    </row>
    <row r="16127" spans="1:43">
      <c r="A16127" t="s">
        <v>10012</v>
      </c>
      <c r="B16127" t="s">
        <v>10013</v>
      </c>
      <c r="C16127" t="s">
        <v>10014</v>
      </c>
      <c r="D16127" t="s">
        <v>10015</v>
      </c>
      <c r="E16127" t="s">
        <v>9956</v>
      </c>
      <c r="F16127" t="s">
        <v>9957</v>
      </c>
      <c r="G16127" t="s">
        <v>80</v>
      </c>
      <c r="H16127" t="s">
        <v>81</v>
      </c>
      <c r="I16127" s="2">
        <v>0</v>
      </c>
      <c r="J16127" s="2">
        <v>1</v>
      </c>
      <c r="K16127" s="2">
        <v>0</v>
      </c>
      <c r="L16127" t="s">
        <v>82</v>
      </c>
      <c r="M16127" t="s">
        <v>87</v>
      </c>
      <c r="N16127" t="s">
        <v>88</v>
      </c>
      <c r="O16127" t="s">
        <v>85</v>
      </c>
      <c r="P16127" t="s">
        <v>86</v>
      </c>
      <c r="Q16127">
        <v>32</v>
      </c>
      <c r="R16127">
        <v>32</v>
      </c>
      <c r="S16127">
        <v>32</v>
      </c>
      <c r="T16127">
        <v>33</v>
      </c>
      <c r="U16127">
        <v>33</v>
      </c>
      <c r="V16127">
        <v>34</v>
      </c>
      <c r="W16127">
        <v>34</v>
      </c>
      <c r="X16127">
        <v>34</v>
      </c>
      <c r="Y16127">
        <v>35</v>
      </c>
      <c r="Z16127">
        <v>35</v>
      </c>
      <c r="AA16127">
        <v>36</v>
      </c>
      <c r="AB16127">
        <v>36</v>
      </c>
      <c r="AC16127">
        <v>37</v>
      </c>
      <c r="AD16127">
        <v>37</v>
      </c>
      <c r="AE16127">
        <v>38</v>
      </c>
      <c r="AF16127">
        <v>38</v>
      </c>
      <c r="AG16127">
        <v>38</v>
      </c>
      <c r="AH16127">
        <v>39</v>
      </c>
      <c r="AI16127">
        <v>39</v>
      </c>
      <c r="AJ16127">
        <v>40</v>
      </c>
      <c r="AK16127">
        <v>40</v>
      </c>
      <c r="AL16127">
        <v>41</v>
      </c>
      <c r="AM16127">
        <v>41</v>
      </c>
      <c r="AN16127">
        <v>42</v>
      </c>
      <c r="AO16127">
        <v>42</v>
      </c>
      <c r="AP16127">
        <v>43</v>
      </c>
      <c r="AQ16127">
        <v>43</v>
      </c>
    </row>
    <row r="16128" spans="1:43">
      <c r="A16128" t="s">
        <v>10012</v>
      </c>
      <c r="B16128" t="s">
        <v>10013</v>
      </c>
      <c r="C16128" t="s">
        <v>10014</v>
      </c>
      <c r="D16128" t="s">
        <v>10015</v>
      </c>
      <c r="E16128" t="s">
        <v>9956</v>
      </c>
      <c r="F16128" t="s">
        <v>9957</v>
      </c>
      <c r="G16128" t="s">
        <v>80</v>
      </c>
      <c r="H16128" t="s">
        <v>81</v>
      </c>
      <c r="I16128" s="2">
        <v>0</v>
      </c>
      <c r="J16128" s="2">
        <v>1</v>
      </c>
      <c r="K16128" s="2">
        <v>0</v>
      </c>
      <c r="L16128" t="s">
        <v>82</v>
      </c>
      <c r="M16128" t="s">
        <v>89</v>
      </c>
      <c r="N16128" t="s">
        <v>90</v>
      </c>
      <c r="O16128" t="s">
        <v>85</v>
      </c>
      <c r="P16128" t="s">
        <v>86</v>
      </c>
      <c r="Q16128">
        <v>32</v>
      </c>
      <c r="R16128">
        <v>33</v>
      </c>
      <c r="S16128">
        <v>34</v>
      </c>
      <c r="T16128">
        <v>35</v>
      </c>
      <c r="U16128">
        <v>36</v>
      </c>
      <c r="V16128">
        <v>37</v>
      </c>
      <c r="W16128">
        <v>38</v>
      </c>
      <c r="X16128">
        <v>39</v>
      </c>
      <c r="Y16128">
        <v>40</v>
      </c>
      <c r="Z16128">
        <v>41</v>
      </c>
      <c r="AA16128">
        <v>42</v>
      </c>
      <c r="AB16128">
        <v>43</v>
      </c>
      <c r="AC16128">
        <v>44</v>
      </c>
      <c r="AD16128">
        <v>45</v>
      </c>
      <c r="AE16128">
        <v>46</v>
      </c>
      <c r="AF16128">
        <v>46</v>
      </c>
      <c r="AG16128">
        <v>46</v>
      </c>
      <c r="AH16128">
        <v>47</v>
      </c>
      <c r="AI16128">
        <v>47</v>
      </c>
      <c r="AJ16128">
        <v>48</v>
      </c>
      <c r="AK16128">
        <v>48</v>
      </c>
      <c r="AL16128">
        <v>49</v>
      </c>
      <c r="AM16128">
        <v>49</v>
      </c>
      <c r="AN16128">
        <v>49</v>
      </c>
      <c r="AO16128">
        <v>50</v>
      </c>
      <c r="AP16128">
        <v>50</v>
      </c>
      <c r="AQ16128">
        <v>51</v>
      </c>
    </row>
    <row r="16129" spans="1:43">
      <c r="A16129" t="s">
        <v>10012</v>
      </c>
      <c r="B16129" t="s">
        <v>10013</v>
      </c>
      <c r="C16129" t="s">
        <v>10014</v>
      </c>
      <c r="D16129" t="s">
        <v>10015</v>
      </c>
      <c r="E16129" t="s">
        <v>9956</v>
      </c>
      <c r="F16129" t="s">
        <v>9957</v>
      </c>
      <c r="G16129" t="s">
        <v>80</v>
      </c>
      <c r="H16129" t="s">
        <v>81</v>
      </c>
      <c r="I16129" s="2">
        <v>0</v>
      </c>
      <c r="J16129" s="2">
        <v>1</v>
      </c>
      <c r="K16129" s="2">
        <v>0</v>
      </c>
      <c r="L16129" t="s">
        <v>82</v>
      </c>
      <c r="M16129" t="s">
        <v>83</v>
      </c>
      <c r="N16129" t="s">
        <v>91</v>
      </c>
      <c r="O16129" t="s">
        <v>85</v>
      </c>
      <c r="P16129" t="s">
        <v>86</v>
      </c>
      <c r="Q16129">
        <v>32</v>
      </c>
      <c r="R16129">
        <v>33</v>
      </c>
      <c r="S16129">
        <v>33</v>
      </c>
      <c r="T16129">
        <v>34</v>
      </c>
      <c r="U16129">
        <v>35</v>
      </c>
      <c r="V16129">
        <v>36</v>
      </c>
      <c r="W16129">
        <v>36</v>
      </c>
      <c r="X16129">
        <v>37</v>
      </c>
      <c r="Y16129">
        <v>38</v>
      </c>
      <c r="Z16129">
        <v>38</v>
      </c>
      <c r="AA16129">
        <v>39</v>
      </c>
      <c r="AB16129">
        <v>40</v>
      </c>
      <c r="AC16129">
        <v>41</v>
      </c>
      <c r="AD16129">
        <v>42</v>
      </c>
      <c r="AE16129">
        <v>42</v>
      </c>
      <c r="AF16129">
        <v>43</v>
      </c>
      <c r="AG16129">
        <v>44</v>
      </c>
      <c r="AH16129">
        <v>45</v>
      </c>
      <c r="AI16129">
        <v>46</v>
      </c>
      <c r="AJ16129">
        <v>47</v>
      </c>
      <c r="AK16129">
        <v>47</v>
      </c>
      <c r="AL16129">
        <v>48</v>
      </c>
      <c r="AM16129">
        <v>48</v>
      </c>
      <c r="AN16129">
        <v>49</v>
      </c>
      <c r="AO16129">
        <v>49</v>
      </c>
      <c r="AP16129">
        <v>50</v>
      </c>
      <c r="AQ16129">
        <v>50</v>
      </c>
    </row>
    <row r="16130" spans="1:43">
      <c r="A16130" t="s">
        <v>10016</v>
      </c>
      <c r="B16130" t="s">
        <v>10017</v>
      </c>
      <c r="C16130" t="s">
        <v>10018</v>
      </c>
      <c r="D16130" t="s">
        <v>10019</v>
      </c>
      <c r="E16130" t="s">
        <v>9956</v>
      </c>
      <c r="F16130" t="s">
        <v>9957</v>
      </c>
      <c r="G16130" t="s">
        <v>80</v>
      </c>
      <c r="H16130" t="s">
        <v>81</v>
      </c>
      <c r="I16130" s="2">
        <v>0</v>
      </c>
      <c r="J16130" s="2">
        <v>1</v>
      </c>
      <c r="K16130" s="2">
        <v>0</v>
      </c>
      <c r="L16130" t="s">
        <v>82</v>
      </c>
      <c r="M16130" t="s">
        <v>83</v>
      </c>
      <c r="N16130" t="s">
        <v>84</v>
      </c>
      <c r="O16130" t="s">
        <v>85</v>
      </c>
      <c r="P16130" t="s">
        <v>86</v>
      </c>
      <c r="Q16130">
        <v>78</v>
      </c>
      <c r="R16130">
        <v>80</v>
      </c>
      <c r="S16130">
        <v>81</v>
      </c>
      <c r="T16130">
        <v>83</v>
      </c>
      <c r="U16130">
        <v>85</v>
      </c>
      <c r="V16130">
        <v>87</v>
      </c>
      <c r="W16130">
        <v>88</v>
      </c>
      <c r="X16130">
        <v>90</v>
      </c>
      <c r="Y16130">
        <v>92</v>
      </c>
      <c r="Z16130">
        <v>94</v>
      </c>
      <c r="AA16130">
        <v>96</v>
      </c>
      <c r="AB16130">
        <v>98</v>
      </c>
      <c r="AC16130">
        <v>100</v>
      </c>
      <c r="AD16130">
        <v>101</v>
      </c>
      <c r="AE16130">
        <v>103</v>
      </c>
      <c r="AF16130">
        <v>105</v>
      </c>
      <c r="AG16130">
        <v>107</v>
      </c>
      <c r="AH16130">
        <v>109</v>
      </c>
      <c r="AI16130">
        <v>111</v>
      </c>
      <c r="AJ16130">
        <v>113</v>
      </c>
      <c r="AK16130">
        <v>115</v>
      </c>
      <c r="AL16130">
        <v>117</v>
      </c>
      <c r="AM16130">
        <v>118</v>
      </c>
      <c r="AN16130">
        <v>119</v>
      </c>
      <c r="AO16130">
        <v>120</v>
      </c>
      <c r="AP16130">
        <v>121</v>
      </c>
      <c r="AQ16130">
        <v>122</v>
      </c>
    </row>
    <row r="16131" spans="1:43">
      <c r="A16131" t="s">
        <v>10016</v>
      </c>
      <c r="B16131" t="s">
        <v>10017</v>
      </c>
      <c r="C16131" t="s">
        <v>10018</v>
      </c>
      <c r="D16131" t="s">
        <v>10019</v>
      </c>
      <c r="E16131" t="s">
        <v>9956</v>
      </c>
      <c r="F16131" t="s">
        <v>9957</v>
      </c>
      <c r="G16131" t="s">
        <v>80</v>
      </c>
      <c r="H16131" t="s">
        <v>81</v>
      </c>
      <c r="I16131" s="2">
        <v>0</v>
      </c>
      <c r="J16131" s="2">
        <v>1</v>
      </c>
      <c r="K16131" s="2">
        <v>0</v>
      </c>
      <c r="L16131" t="s">
        <v>82</v>
      </c>
      <c r="M16131" t="s">
        <v>87</v>
      </c>
      <c r="N16131" t="s">
        <v>88</v>
      </c>
      <c r="O16131" t="s">
        <v>85</v>
      </c>
      <c r="P16131" t="s">
        <v>86</v>
      </c>
      <c r="Q16131">
        <v>78</v>
      </c>
      <c r="R16131">
        <v>79</v>
      </c>
      <c r="S16131">
        <v>80</v>
      </c>
      <c r="T16131">
        <v>81</v>
      </c>
      <c r="U16131">
        <v>82</v>
      </c>
      <c r="V16131">
        <v>83</v>
      </c>
      <c r="W16131">
        <v>84</v>
      </c>
      <c r="X16131">
        <v>85</v>
      </c>
      <c r="Y16131">
        <v>86</v>
      </c>
      <c r="Z16131">
        <v>87</v>
      </c>
      <c r="AA16131">
        <v>88</v>
      </c>
      <c r="AB16131">
        <v>89</v>
      </c>
      <c r="AC16131">
        <v>90</v>
      </c>
      <c r="AD16131">
        <v>91</v>
      </c>
      <c r="AE16131">
        <v>92</v>
      </c>
      <c r="AF16131">
        <v>94</v>
      </c>
      <c r="AG16131">
        <v>95</v>
      </c>
      <c r="AH16131">
        <v>96</v>
      </c>
      <c r="AI16131">
        <v>97</v>
      </c>
      <c r="AJ16131">
        <v>98</v>
      </c>
      <c r="AK16131">
        <v>99</v>
      </c>
      <c r="AL16131">
        <v>100</v>
      </c>
      <c r="AM16131">
        <v>102</v>
      </c>
      <c r="AN16131">
        <v>103</v>
      </c>
      <c r="AO16131">
        <v>104</v>
      </c>
      <c r="AP16131">
        <v>105</v>
      </c>
      <c r="AQ16131">
        <v>106</v>
      </c>
    </row>
    <row r="16132" spans="1:43">
      <c r="A16132" t="s">
        <v>10016</v>
      </c>
      <c r="B16132" t="s">
        <v>10017</v>
      </c>
      <c r="C16132" t="s">
        <v>10018</v>
      </c>
      <c r="D16132" t="s">
        <v>10019</v>
      </c>
      <c r="E16132" t="s">
        <v>9956</v>
      </c>
      <c r="F16132" t="s">
        <v>9957</v>
      </c>
      <c r="G16132" t="s">
        <v>80</v>
      </c>
      <c r="H16132" t="s">
        <v>81</v>
      </c>
      <c r="I16132" s="2">
        <v>0</v>
      </c>
      <c r="J16132" s="2">
        <v>1</v>
      </c>
      <c r="K16132" s="2">
        <v>0</v>
      </c>
      <c r="L16132" t="s">
        <v>82</v>
      </c>
      <c r="M16132" t="s">
        <v>89</v>
      </c>
      <c r="N16132" t="s">
        <v>90</v>
      </c>
      <c r="O16132" t="s">
        <v>85</v>
      </c>
      <c r="P16132" t="s">
        <v>86</v>
      </c>
      <c r="Q16132">
        <v>78</v>
      </c>
      <c r="R16132">
        <v>80</v>
      </c>
      <c r="S16132">
        <v>83</v>
      </c>
      <c r="T16132">
        <v>85</v>
      </c>
      <c r="U16132">
        <v>87</v>
      </c>
      <c r="V16132">
        <v>90</v>
      </c>
      <c r="W16132">
        <v>92</v>
      </c>
      <c r="X16132">
        <v>94</v>
      </c>
      <c r="Y16132">
        <v>96</v>
      </c>
      <c r="Z16132">
        <v>99</v>
      </c>
      <c r="AA16132">
        <v>101</v>
      </c>
      <c r="AB16132">
        <v>103</v>
      </c>
      <c r="AC16132">
        <v>106</v>
      </c>
      <c r="AD16132">
        <v>108</v>
      </c>
      <c r="AE16132">
        <v>110</v>
      </c>
      <c r="AF16132">
        <v>111</v>
      </c>
      <c r="AG16132">
        <v>112</v>
      </c>
      <c r="AH16132">
        <v>113</v>
      </c>
      <c r="AI16132">
        <v>114</v>
      </c>
      <c r="AJ16132">
        <v>115</v>
      </c>
      <c r="AK16132">
        <v>116</v>
      </c>
      <c r="AL16132">
        <v>117</v>
      </c>
      <c r="AM16132">
        <v>118</v>
      </c>
      <c r="AN16132">
        <v>119</v>
      </c>
      <c r="AO16132">
        <v>120</v>
      </c>
      <c r="AP16132">
        <v>121</v>
      </c>
      <c r="AQ16132">
        <v>122</v>
      </c>
    </row>
    <row r="16133" spans="1:43">
      <c r="A16133" t="s">
        <v>10016</v>
      </c>
      <c r="B16133" t="s">
        <v>10017</v>
      </c>
      <c r="C16133" t="s">
        <v>10018</v>
      </c>
      <c r="D16133" t="s">
        <v>10019</v>
      </c>
      <c r="E16133" t="s">
        <v>9956</v>
      </c>
      <c r="F16133" t="s">
        <v>9957</v>
      </c>
      <c r="G16133" t="s">
        <v>80</v>
      </c>
      <c r="H16133" t="s">
        <v>81</v>
      </c>
      <c r="I16133" s="2">
        <v>0</v>
      </c>
      <c r="J16133" s="2">
        <v>1</v>
      </c>
      <c r="K16133" s="2">
        <v>0</v>
      </c>
      <c r="L16133" t="s">
        <v>82</v>
      </c>
      <c r="M16133" t="s">
        <v>83</v>
      </c>
      <c r="N16133" t="s">
        <v>91</v>
      </c>
      <c r="O16133" t="s">
        <v>85</v>
      </c>
      <c r="P16133" t="s">
        <v>86</v>
      </c>
      <c r="Q16133">
        <v>78</v>
      </c>
      <c r="R16133">
        <v>80</v>
      </c>
      <c r="S16133">
        <v>81</v>
      </c>
      <c r="T16133">
        <v>83</v>
      </c>
      <c r="U16133">
        <v>85</v>
      </c>
      <c r="V16133">
        <v>87</v>
      </c>
      <c r="W16133">
        <v>88</v>
      </c>
      <c r="X16133">
        <v>90</v>
      </c>
      <c r="Y16133">
        <v>92</v>
      </c>
      <c r="Z16133">
        <v>94</v>
      </c>
      <c r="AA16133">
        <v>96</v>
      </c>
      <c r="AB16133">
        <v>98</v>
      </c>
      <c r="AC16133">
        <v>100</v>
      </c>
      <c r="AD16133">
        <v>101</v>
      </c>
      <c r="AE16133">
        <v>103</v>
      </c>
      <c r="AF16133">
        <v>105</v>
      </c>
      <c r="AG16133">
        <v>107</v>
      </c>
      <c r="AH16133">
        <v>109</v>
      </c>
      <c r="AI16133">
        <v>111</v>
      </c>
      <c r="AJ16133">
        <v>113</v>
      </c>
      <c r="AK16133">
        <v>115</v>
      </c>
      <c r="AL16133">
        <v>117</v>
      </c>
      <c r="AM16133">
        <v>118</v>
      </c>
      <c r="AN16133">
        <v>119</v>
      </c>
      <c r="AO16133">
        <v>120</v>
      </c>
      <c r="AP16133">
        <v>121</v>
      </c>
      <c r="AQ16133">
        <v>122</v>
      </c>
    </row>
    <row r="16134" spans="1:43">
      <c r="A16134" t="s">
        <v>10020</v>
      </c>
      <c r="B16134" t="s">
        <v>10021</v>
      </c>
      <c r="C16134" t="s">
        <v>10018</v>
      </c>
      <c r="D16134" t="s">
        <v>10019</v>
      </c>
      <c r="E16134" t="s">
        <v>9956</v>
      </c>
      <c r="F16134" t="s">
        <v>9957</v>
      </c>
      <c r="G16134" t="s">
        <v>80</v>
      </c>
      <c r="H16134" t="s">
        <v>81</v>
      </c>
      <c r="I16134" s="2">
        <v>0</v>
      </c>
      <c r="J16134" s="2">
        <v>1</v>
      </c>
      <c r="K16134" s="2">
        <v>0</v>
      </c>
      <c r="L16134" t="s">
        <v>82</v>
      </c>
      <c r="M16134" t="s">
        <v>83</v>
      </c>
      <c r="N16134" t="s">
        <v>84</v>
      </c>
      <c r="O16134" t="s">
        <v>85</v>
      </c>
      <c r="P16134" t="s">
        <v>86</v>
      </c>
      <c r="Q16134">
        <v>46</v>
      </c>
      <c r="R16134">
        <v>47</v>
      </c>
      <c r="S16134">
        <v>48</v>
      </c>
      <c r="T16134">
        <v>49</v>
      </c>
      <c r="U16134">
        <v>50</v>
      </c>
      <c r="V16134">
        <v>51</v>
      </c>
      <c r="W16134">
        <v>52</v>
      </c>
      <c r="X16134">
        <v>53</v>
      </c>
      <c r="Y16134">
        <v>54</v>
      </c>
      <c r="Z16134">
        <v>55</v>
      </c>
      <c r="AA16134">
        <v>56</v>
      </c>
      <c r="AB16134">
        <v>58</v>
      </c>
      <c r="AC16134">
        <v>59</v>
      </c>
      <c r="AD16134">
        <v>60</v>
      </c>
      <c r="AE16134">
        <v>61</v>
      </c>
      <c r="AF16134">
        <v>62</v>
      </c>
      <c r="AG16134">
        <v>63</v>
      </c>
      <c r="AH16134">
        <v>65</v>
      </c>
      <c r="AI16134">
        <v>66</v>
      </c>
      <c r="AJ16134">
        <v>67</v>
      </c>
      <c r="AK16134">
        <v>68</v>
      </c>
      <c r="AL16134">
        <v>69</v>
      </c>
      <c r="AM16134">
        <v>70</v>
      </c>
      <c r="AN16134">
        <v>70</v>
      </c>
      <c r="AO16134">
        <v>71</v>
      </c>
      <c r="AP16134">
        <v>71</v>
      </c>
      <c r="AQ16134">
        <v>72</v>
      </c>
    </row>
    <row r="16135" spans="1:43">
      <c r="A16135" t="s">
        <v>10020</v>
      </c>
      <c r="B16135" t="s">
        <v>10021</v>
      </c>
      <c r="C16135" t="s">
        <v>10018</v>
      </c>
      <c r="D16135" t="s">
        <v>10019</v>
      </c>
      <c r="E16135" t="s">
        <v>9956</v>
      </c>
      <c r="F16135" t="s">
        <v>9957</v>
      </c>
      <c r="G16135" t="s">
        <v>80</v>
      </c>
      <c r="H16135" t="s">
        <v>81</v>
      </c>
      <c r="I16135" s="2">
        <v>0</v>
      </c>
      <c r="J16135" s="2">
        <v>1</v>
      </c>
      <c r="K16135" s="2">
        <v>0</v>
      </c>
      <c r="L16135" t="s">
        <v>82</v>
      </c>
      <c r="M16135" t="s">
        <v>87</v>
      </c>
      <c r="N16135" t="s">
        <v>88</v>
      </c>
      <c r="O16135" t="s">
        <v>85</v>
      </c>
      <c r="P16135" t="s">
        <v>86</v>
      </c>
      <c r="Q16135">
        <v>46</v>
      </c>
      <c r="R16135">
        <v>46</v>
      </c>
      <c r="S16135">
        <v>47</v>
      </c>
      <c r="T16135">
        <v>47</v>
      </c>
      <c r="U16135">
        <v>48</v>
      </c>
      <c r="V16135">
        <v>48</v>
      </c>
      <c r="W16135">
        <v>49</v>
      </c>
      <c r="X16135">
        <v>50</v>
      </c>
      <c r="Y16135">
        <v>50</v>
      </c>
      <c r="Z16135">
        <v>51</v>
      </c>
      <c r="AA16135">
        <v>51</v>
      </c>
      <c r="AB16135">
        <v>52</v>
      </c>
      <c r="AC16135">
        <v>53</v>
      </c>
      <c r="AD16135">
        <v>53</v>
      </c>
      <c r="AE16135">
        <v>54</v>
      </c>
      <c r="AF16135">
        <v>55</v>
      </c>
      <c r="AG16135">
        <v>55</v>
      </c>
      <c r="AH16135">
        <v>56</v>
      </c>
      <c r="AI16135">
        <v>57</v>
      </c>
      <c r="AJ16135">
        <v>57</v>
      </c>
      <c r="AK16135">
        <v>58</v>
      </c>
      <c r="AL16135">
        <v>59</v>
      </c>
      <c r="AM16135">
        <v>59</v>
      </c>
      <c r="AN16135">
        <v>60</v>
      </c>
      <c r="AO16135">
        <v>61</v>
      </c>
      <c r="AP16135">
        <v>62</v>
      </c>
      <c r="AQ16135">
        <v>62</v>
      </c>
    </row>
    <row r="16136" spans="1:43">
      <c r="A16136" t="s">
        <v>10020</v>
      </c>
      <c r="B16136" t="s">
        <v>10021</v>
      </c>
      <c r="C16136" t="s">
        <v>10018</v>
      </c>
      <c r="D16136" t="s">
        <v>10019</v>
      </c>
      <c r="E16136" t="s">
        <v>9956</v>
      </c>
      <c r="F16136" t="s">
        <v>9957</v>
      </c>
      <c r="G16136" t="s">
        <v>80</v>
      </c>
      <c r="H16136" t="s">
        <v>81</v>
      </c>
      <c r="I16136" s="2">
        <v>0</v>
      </c>
      <c r="J16136" s="2">
        <v>1</v>
      </c>
      <c r="K16136" s="2">
        <v>0</v>
      </c>
      <c r="L16136" t="s">
        <v>82</v>
      </c>
      <c r="M16136" t="s">
        <v>89</v>
      </c>
      <c r="N16136" t="s">
        <v>90</v>
      </c>
      <c r="O16136" t="s">
        <v>85</v>
      </c>
      <c r="P16136" t="s">
        <v>86</v>
      </c>
      <c r="Q16136">
        <v>46</v>
      </c>
      <c r="R16136">
        <v>48</v>
      </c>
      <c r="S16136">
        <v>49</v>
      </c>
      <c r="T16136">
        <v>51</v>
      </c>
      <c r="U16136">
        <v>52</v>
      </c>
      <c r="V16136">
        <v>53</v>
      </c>
      <c r="W16136">
        <v>55</v>
      </c>
      <c r="X16136">
        <v>56</v>
      </c>
      <c r="Y16136">
        <v>58</v>
      </c>
      <c r="Z16136">
        <v>59</v>
      </c>
      <c r="AA16136">
        <v>60</v>
      </c>
      <c r="AB16136">
        <v>62</v>
      </c>
      <c r="AC16136">
        <v>63</v>
      </c>
      <c r="AD16136">
        <v>64</v>
      </c>
      <c r="AE16136">
        <v>66</v>
      </c>
      <c r="AF16136">
        <v>66</v>
      </c>
      <c r="AG16136">
        <v>67</v>
      </c>
      <c r="AH16136">
        <v>67</v>
      </c>
      <c r="AI16136">
        <v>68</v>
      </c>
      <c r="AJ16136">
        <v>68</v>
      </c>
      <c r="AK16136">
        <v>69</v>
      </c>
      <c r="AL16136">
        <v>69</v>
      </c>
      <c r="AM16136">
        <v>70</v>
      </c>
      <c r="AN16136">
        <v>71</v>
      </c>
      <c r="AO16136">
        <v>71</v>
      </c>
      <c r="AP16136">
        <v>72</v>
      </c>
      <c r="AQ16136">
        <v>72</v>
      </c>
    </row>
    <row r="16137" spans="1:43">
      <c r="A16137" t="s">
        <v>10020</v>
      </c>
      <c r="B16137" t="s">
        <v>10021</v>
      </c>
      <c r="C16137" t="s">
        <v>10018</v>
      </c>
      <c r="D16137" t="s">
        <v>10019</v>
      </c>
      <c r="E16137" t="s">
        <v>9956</v>
      </c>
      <c r="F16137" t="s">
        <v>9957</v>
      </c>
      <c r="G16137" t="s">
        <v>80</v>
      </c>
      <c r="H16137" t="s">
        <v>81</v>
      </c>
      <c r="I16137" s="2">
        <v>0</v>
      </c>
      <c r="J16137" s="2">
        <v>1</v>
      </c>
      <c r="K16137" s="2">
        <v>0</v>
      </c>
      <c r="L16137" t="s">
        <v>82</v>
      </c>
      <c r="M16137" t="s">
        <v>83</v>
      </c>
      <c r="N16137" t="s">
        <v>91</v>
      </c>
      <c r="O16137" t="s">
        <v>85</v>
      </c>
      <c r="P16137" t="s">
        <v>86</v>
      </c>
      <c r="Q16137">
        <v>46</v>
      </c>
      <c r="R16137">
        <v>47</v>
      </c>
      <c r="S16137">
        <v>48</v>
      </c>
      <c r="T16137">
        <v>49</v>
      </c>
      <c r="U16137">
        <v>50</v>
      </c>
      <c r="V16137">
        <v>51</v>
      </c>
      <c r="W16137">
        <v>52</v>
      </c>
      <c r="X16137">
        <v>53</v>
      </c>
      <c r="Y16137">
        <v>54</v>
      </c>
      <c r="Z16137">
        <v>55</v>
      </c>
      <c r="AA16137">
        <v>56</v>
      </c>
      <c r="AB16137">
        <v>58</v>
      </c>
      <c r="AC16137">
        <v>59</v>
      </c>
      <c r="AD16137">
        <v>60</v>
      </c>
      <c r="AE16137">
        <v>61</v>
      </c>
      <c r="AF16137">
        <v>62</v>
      </c>
      <c r="AG16137">
        <v>63</v>
      </c>
      <c r="AH16137">
        <v>65</v>
      </c>
      <c r="AI16137">
        <v>66</v>
      </c>
      <c r="AJ16137">
        <v>67</v>
      </c>
      <c r="AK16137">
        <v>68</v>
      </c>
      <c r="AL16137">
        <v>69</v>
      </c>
      <c r="AM16137">
        <v>70</v>
      </c>
      <c r="AN16137">
        <v>70</v>
      </c>
      <c r="AO16137">
        <v>71</v>
      </c>
      <c r="AP16137">
        <v>71</v>
      </c>
      <c r="AQ16137">
        <v>72</v>
      </c>
    </row>
    <row r="16138" spans="1:43">
      <c r="A16138" t="s">
        <v>10022</v>
      </c>
      <c r="B16138" t="s">
        <v>10023</v>
      </c>
      <c r="C16138" t="s">
        <v>10024</v>
      </c>
      <c r="D16138" t="s">
        <v>10025</v>
      </c>
      <c r="E16138" t="s">
        <v>9956</v>
      </c>
      <c r="F16138" t="s">
        <v>9957</v>
      </c>
      <c r="G16138" t="s">
        <v>80</v>
      </c>
      <c r="H16138" t="s">
        <v>81</v>
      </c>
      <c r="I16138" s="2">
        <v>0</v>
      </c>
      <c r="J16138" s="2">
        <v>1</v>
      </c>
      <c r="K16138" s="2">
        <v>0</v>
      </c>
      <c r="L16138" t="s">
        <v>82</v>
      </c>
      <c r="M16138" t="s">
        <v>83</v>
      </c>
      <c r="N16138" t="s">
        <v>84</v>
      </c>
      <c r="O16138" t="s">
        <v>85</v>
      </c>
      <c r="P16138" t="s">
        <v>86</v>
      </c>
      <c r="Q16138">
        <v>119</v>
      </c>
      <c r="R16138">
        <v>121</v>
      </c>
      <c r="S16138">
        <v>124</v>
      </c>
      <c r="T16138">
        <v>126</v>
      </c>
      <c r="U16138">
        <v>129</v>
      </c>
      <c r="V16138">
        <v>132</v>
      </c>
      <c r="W16138">
        <v>134</v>
      </c>
      <c r="X16138">
        <v>137</v>
      </c>
      <c r="Y16138">
        <v>140</v>
      </c>
      <c r="Z16138">
        <v>143</v>
      </c>
      <c r="AA16138">
        <v>146</v>
      </c>
      <c r="AB16138">
        <v>148</v>
      </c>
      <c r="AC16138">
        <v>151</v>
      </c>
      <c r="AD16138">
        <v>154</v>
      </c>
      <c r="AE16138">
        <v>157</v>
      </c>
      <c r="AF16138">
        <v>160</v>
      </c>
      <c r="AG16138">
        <v>163</v>
      </c>
      <c r="AH16138">
        <v>166</v>
      </c>
      <c r="AI16138">
        <v>169</v>
      </c>
      <c r="AJ16138">
        <v>173</v>
      </c>
      <c r="AK16138">
        <v>176</v>
      </c>
      <c r="AL16138">
        <v>178</v>
      </c>
      <c r="AM16138">
        <v>179</v>
      </c>
      <c r="AN16138">
        <v>181</v>
      </c>
      <c r="AO16138">
        <v>182</v>
      </c>
      <c r="AP16138">
        <v>184</v>
      </c>
      <c r="AQ16138">
        <v>185</v>
      </c>
    </row>
    <row r="16139" spans="1:43">
      <c r="A16139" t="s">
        <v>10022</v>
      </c>
      <c r="B16139" t="s">
        <v>10023</v>
      </c>
      <c r="C16139" t="s">
        <v>10024</v>
      </c>
      <c r="D16139" t="s">
        <v>10025</v>
      </c>
      <c r="E16139" t="s">
        <v>9956</v>
      </c>
      <c r="F16139" t="s">
        <v>9957</v>
      </c>
      <c r="G16139" t="s">
        <v>80</v>
      </c>
      <c r="H16139" t="s">
        <v>81</v>
      </c>
      <c r="I16139" s="2">
        <v>0</v>
      </c>
      <c r="J16139" s="2">
        <v>1</v>
      </c>
      <c r="K16139" s="2">
        <v>0</v>
      </c>
      <c r="L16139" t="s">
        <v>82</v>
      </c>
      <c r="M16139" t="s">
        <v>87</v>
      </c>
      <c r="N16139" t="s">
        <v>88</v>
      </c>
      <c r="O16139" t="s">
        <v>85</v>
      </c>
      <c r="P16139" t="s">
        <v>86</v>
      </c>
      <c r="Q16139">
        <v>119</v>
      </c>
      <c r="R16139">
        <v>120</v>
      </c>
      <c r="S16139">
        <v>121</v>
      </c>
      <c r="T16139">
        <v>123</v>
      </c>
      <c r="U16139">
        <v>124</v>
      </c>
      <c r="V16139">
        <v>126</v>
      </c>
      <c r="W16139">
        <v>127</v>
      </c>
      <c r="X16139">
        <v>129</v>
      </c>
      <c r="Y16139">
        <v>130</v>
      </c>
      <c r="Z16139">
        <v>132</v>
      </c>
      <c r="AA16139">
        <v>133</v>
      </c>
      <c r="AB16139">
        <v>135</v>
      </c>
      <c r="AC16139">
        <v>137</v>
      </c>
      <c r="AD16139">
        <v>138</v>
      </c>
      <c r="AE16139">
        <v>140</v>
      </c>
      <c r="AF16139">
        <v>142</v>
      </c>
      <c r="AG16139">
        <v>143</v>
      </c>
      <c r="AH16139">
        <v>145</v>
      </c>
      <c r="AI16139">
        <v>147</v>
      </c>
      <c r="AJ16139">
        <v>149</v>
      </c>
      <c r="AK16139">
        <v>150</v>
      </c>
      <c r="AL16139">
        <v>152</v>
      </c>
      <c r="AM16139">
        <v>154</v>
      </c>
      <c r="AN16139">
        <v>156</v>
      </c>
      <c r="AO16139">
        <v>158</v>
      </c>
      <c r="AP16139">
        <v>160</v>
      </c>
      <c r="AQ16139">
        <v>161</v>
      </c>
    </row>
    <row r="16140" spans="1:43">
      <c r="A16140" t="s">
        <v>10022</v>
      </c>
      <c r="B16140" t="s">
        <v>10023</v>
      </c>
      <c r="C16140" t="s">
        <v>10024</v>
      </c>
      <c r="D16140" t="s">
        <v>10025</v>
      </c>
      <c r="E16140" t="s">
        <v>9956</v>
      </c>
      <c r="F16140" t="s">
        <v>9957</v>
      </c>
      <c r="G16140" t="s">
        <v>80</v>
      </c>
      <c r="H16140" t="s">
        <v>81</v>
      </c>
      <c r="I16140" s="2">
        <v>0</v>
      </c>
      <c r="J16140" s="2">
        <v>1</v>
      </c>
      <c r="K16140" s="2">
        <v>0</v>
      </c>
      <c r="L16140" t="s">
        <v>82</v>
      </c>
      <c r="M16140" t="s">
        <v>89</v>
      </c>
      <c r="N16140" t="s">
        <v>90</v>
      </c>
      <c r="O16140" t="s">
        <v>85</v>
      </c>
      <c r="P16140" t="s">
        <v>86</v>
      </c>
      <c r="Q16140">
        <v>119</v>
      </c>
      <c r="R16140">
        <v>122</v>
      </c>
      <c r="S16140">
        <v>126</v>
      </c>
      <c r="T16140">
        <v>130</v>
      </c>
      <c r="U16140">
        <v>133</v>
      </c>
      <c r="V16140">
        <v>137</v>
      </c>
      <c r="W16140">
        <v>140</v>
      </c>
      <c r="X16140">
        <v>144</v>
      </c>
      <c r="Y16140">
        <v>147</v>
      </c>
      <c r="Z16140">
        <v>151</v>
      </c>
      <c r="AA16140">
        <v>154</v>
      </c>
      <c r="AB16140">
        <v>158</v>
      </c>
      <c r="AC16140">
        <v>162</v>
      </c>
      <c r="AD16140">
        <v>165</v>
      </c>
      <c r="AE16140">
        <v>168</v>
      </c>
      <c r="AF16140">
        <v>169</v>
      </c>
      <c r="AG16140">
        <v>171</v>
      </c>
      <c r="AH16140">
        <v>172</v>
      </c>
      <c r="AI16140">
        <v>174</v>
      </c>
      <c r="AJ16140">
        <v>175</v>
      </c>
      <c r="AK16140">
        <v>176</v>
      </c>
      <c r="AL16140">
        <v>178</v>
      </c>
      <c r="AM16140">
        <v>179</v>
      </c>
      <c r="AN16140">
        <v>181</v>
      </c>
      <c r="AO16140">
        <v>182</v>
      </c>
      <c r="AP16140">
        <v>184</v>
      </c>
      <c r="AQ16140">
        <v>185</v>
      </c>
    </row>
    <row r="16141" spans="1:43">
      <c r="A16141" t="s">
        <v>10022</v>
      </c>
      <c r="B16141" t="s">
        <v>10023</v>
      </c>
      <c r="C16141" t="s">
        <v>10024</v>
      </c>
      <c r="D16141" t="s">
        <v>10025</v>
      </c>
      <c r="E16141" t="s">
        <v>9956</v>
      </c>
      <c r="F16141" t="s">
        <v>9957</v>
      </c>
      <c r="G16141" t="s">
        <v>80</v>
      </c>
      <c r="H16141" t="s">
        <v>81</v>
      </c>
      <c r="I16141" s="2">
        <v>0</v>
      </c>
      <c r="J16141" s="2">
        <v>1</v>
      </c>
      <c r="K16141" s="2">
        <v>0</v>
      </c>
      <c r="L16141" t="s">
        <v>82</v>
      </c>
      <c r="M16141" t="s">
        <v>83</v>
      </c>
      <c r="N16141" t="s">
        <v>91</v>
      </c>
      <c r="O16141" t="s">
        <v>85</v>
      </c>
      <c r="P16141" t="s">
        <v>86</v>
      </c>
      <c r="Q16141">
        <v>119</v>
      </c>
      <c r="R16141">
        <v>121</v>
      </c>
      <c r="S16141">
        <v>124</v>
      </c>
      <c r="T16141">
        <v>126</v>
      </c>
      <c r="U16141">
        <v>129</v>
      </c>
      <c r="V16141">
        <v>132</v>
      </c>
      <c r="W16141">
        <v>134</v>
      </c>
      <c r="X16141">
        <v>137</v>
      </c>
      <c r="Y16141">
        <v>140</v>
      </c>
      <c r="Z16141">
        <v>143</v>
      </c>
      <c r="AA16141">
        <v>146</v>
      </c>
      <c r="AB16141">
        <v>148</v>
      </c>
      <c r="AC16141">
        <v>151</v>
      </c>
      <c r="AD16141">
        <v>154</v>
      </c>
      <c r="AE16141">
        <v>157</v>
      </c>
      <c r="AF16141">
        <v>160</v>
      </c>
      <c r="AG16141">
        <v>163</v>
      </c>
      <c r="AH16141">
        <v>166</v>
      </c>
      <c r="AI16141">
        <v>169</v>
      </c>
      <c r="AJ16141">
        <v>173</v>
      </c>
      <c r="AK16141">
        <v>176</v>
      </c>
      <c r="AL16141">
        <v>178</v>
      </c>
      <c r="AM16141">
        <v>179</v>
      </c>
      <c r="AN16141">
        <v>181</v>
      </c>
      <c r="AO16141">
        <v>182</v>
      </c>
      <c r="AP16141">
        <v>184</v>
      </c>
      <c r="AQ16141">
        <v>185</v>
      </c>
    </row>
    <row r="16142" spans="1:43">
      <c r="A16142" t="s">
        <v>10026</v>
      </c>
      <c r="B16142" t="s">
        <v>10027</v>
      </c>
      <c r="C16142" t="s">
        <v>10018</v>
      </c>
      <c r="D16142" t="s">
        <v>10019</v>
      </c>
      <c r="E16142" t="s">
        <v>9956</v>
      </c>
      <c r="F16142" t="s">
        <v>9957</v>
      </c>
      <c r="G16142" t="s">
        <v>80</v>
      </c>
      <c r="H16142" t="s">
        <v>81</v>
      </c>
      <c r="I16142" s="2">
        <v>0</v>
      </c>
      <c r="J16142" s="2">
        <v>1</v>
      </c>
      <c r="K16142" s="2">
        <v>0</v>
      </c>
      <c r="L16142" t="s">
        <v>82</v>
      </c>
      <c r="M16142" t="s">
        <v>83</v>
      </c>
      <c r="N16142" t="s">
        <v>84</v>
      </c>
      <c r="O16142" t="s">
        <v>85</v>
      </c>
      <c r="P16142" t="s">
        <v>86</v>
      </c>
      <c r="Q16142">
        <v>94</v>
      </c>
      <c r="R16142">
        <v>96</v>
      </c>
      <c r="S16142">
        <v>98</v>
      </c>
      <c r="T16142">
        <v>100</v>
      </c>
      <c r="U16142">
        <v>103</v>
      </c>
      <c r="V16142">
        <v>105</v>
      </c>
      <c r="W16142">
        <v>107</v>
      </c>
      <c r="X16142">
        <v>109</v>
      </c>
      <c r="Y16142">
        <v>111</v>
      </c>
      <c r="Z16142">
        <v>113</v>
      </c>
      <c r="AA16142">
        <v>116</v>
      </c>
      <c r="AB16142">
        <v>118</v>
      </c>
      <c r="AC16142">
        <v>120</v>
      </c>
      <c r="AD16142">
        <v>122</v>
      </c>
      <c r="AE16142">
        <v>125</v>
      </c>
      <c r="AF16142">
        <v>127</v>
      </c>
      <c r="AG16142">
        <v>129</v>
      </c>
      <c r="AH16142">
        <v>132</v>
      </c>
      <c r="AI16142">
        <v>134</v>
      </c>
      <c r="AJ16142">
        <v>137</v>
      </c>
      <c r="AK16142">
        <v>139</v>
      </c>
      <c r="AL16142">
        <v>141</v>
      </c>
      <c r="AM16142">
        <v>142</v>
      </c>
      <c r="AN16142">
        <v>143</v>
      </c>
      <c r="AO16142">
        <v>144</v>
      </c>
      <c r="AP16142">
        <v>146</v>
      </c>
      <c r="AQ16142">
        <v>147</v>
      </c>
    </row>
    <row r="16143" spans="1:43">
      <c r="A16143" t="s">
        <v>10026</v>
      </c>
      <c r="B16143" t="s">
        <v>10027</v>
      </c>
      <c r="C16143" t="s">
        <v>10018</v>
      </c>
      <c r="D16143" t="s">
        <v>10019</v>
      </c>
      <c r="E16143" t="s">
        <v>9956</v>
      </c>
      <c r="F16143" t="s">
        <v>9957</v>
      </c>
      <c r="G16143" t="s">
        <v>80</v>
      </c>
      <c r="H16143" t="s">
        <v>81</v>
      </c>
      <c r="I16143" s="2">
        <v>0</v>
      </c>
      <c r="J16143" s="2">
        <v>1</v>
      </c>
      <c r="K16143" s="2">
        <v>0</v>
      </c>
      <c r="L16143" t="s">
        <v>82</v>
      </c>
      <c r="M16143" t="s">
        <v>87</v>
      </c>
      <c r="N16143" t="s">
        <v>88</v>
      </c>
      <c r="O16143" t="s">
        <v>85</v>
      </c>
      <c r="P16143" t="s">
        <v>86</v>
      </c>
      <c r="Q16143">
        <v>94</v>
      </c>
      <c r="R16143">
        <v>96</v>
      </c>
      <c r="S16143">
        <v>97</v>
      </c>
      <c r="T16143">
        <v>98</v>
      </c>
      <c r="U16143">
        <v>99</v>
      </c>
      <c r="V16143">
        <v>100</v>
      </c>
      <c r="W16143">
        <v>101</v>
      </c>
      <c r="X16143">
        <v>103</v>
      </c>
      <c r="Y16143">
        <v>104</v>
      </c>
      <c r="Z16143">
        <v>105</v>
      </c>
      <c r="AA16143">
        <v>106</v>
      </c>
      <c r="AB16143">
        <v>108</v>
      </c>
      <c r="AC16143">
        <v>109</v>
      </c>
      <c r="AD16143">
        <v>110</v>
      </c>
      <c r="AE16143">
        <v>111</v>
      </c>
      <c r="AF16143">
        <v>113</v>
      </c>
      <c r="AG16143">
        <v>114</v>
      </c>
      <c r="AH16143">
        <v>115</v>
      </c>
      <c r="AI16143">
        <v>117</v>
      </c>
      <c r="AJ16143">
        <v>118</v>
      </c>
      <c r="AK16143">
        <v>120</v>
      </c>
      <c r="AL16143">
        <v>121</v>
      </c>
      <c r="AM16143">
        <v>122</v>
      </c>
      <c r="AN16143">
        <v>124</v>
      </c>
      <c r="AO16143">
        <v>125</v>
      </c>
      <c r="AP16143">
        <v>127</v>
      </c>
      <c r="AQ16143">
        <v>128</v>
      </c>
    </row>
    <row r="16144" spans="1:43">
      <c r="A16144" t="s">
        <v>10026</v>
      </c>
      <c r="B16144" t="s">
        <v>10027</v>
      </c>
      <c r="C16144" t="s">
        <v>10018</v>
      </c>
      <c r="D16144" t="s">
        <v>10019</v>
      </c>
      <c r="E16144" t="s">
        <v>9956</v>
      </c>
      <c r="F16144" t="s">
        <v>9957</v>
      </c>
      <c r="G16144" t="s">
        <v>80</v>
      </c>
      <c r="H16144" t="s">
        <v>81</v>
      </c>
      <c r="I16144" s="2">
        <v>0</v>
      </c>
      <c r="J16144" s="2">
        <v>1</v>
      </c>
      <c r="K16144" s="2">
        <v>0</v>
      </c>
      <c r="L16144" t="s">
        <v>82</v>
      </c>
      <c r="M16144" t="s">
        <v>89</v>
      </c>
      <c r="N16144" t="s">
        <v>90</v>
      </c>
      <c r="O16144" t="s">
        <v>85</v>
      </c>
      <c r="P16144" t="s">
        <v>86</v>
      </c>
      <c r="Q16144">
        <v>94</v>
      </c>
      <c r="R16144">
        <v>97</v>
      </c>
      <c r="S16144">
        <v>100</v>
      </c>
      <c r="T16144">
        <v>103</v>
      </c>
      <c r="U16144">
        <v>106</v>
      </c>
      <c r="V16144">
        <v>108</v>
      </c>
      <c r="W16144">
        <v>111</v>
      </c>
      <c r="X16144">
        <v>114</v>
      </c>
      <c r="Y16144">
        <v>117</v>
      </c>
      <c r="Z16144">
        <v>119</v>
      </c>
      <c r="AA16144">
        <v>122</v>
      </c>
      <c r="AB16144">
        <v>125</v>
      </c>
      <c r="AC16144">
        <v>128</v>
      </c>
      <c r="AD16144">
        <v>131</v>
      </c>
      <c r="AE16144">
        <v>133</v>
      </c>
      <c r="AF16144">
        <v>134</v>
      </c>
      <c r="AG16144">
        <v>135</v>
      </c>
      <c r="AH16144">
        <v>136</v>
      </c>
      <c r="AI16144">
        <v>137</v>
      </c>
      <c r="AJ16144">
        <v>139</v>
      </c>
      <c r="AK16144">
        <v>140</v>
      </c>
      <c r="AL16144">
        <v>141</v>
      </c>
      <c r="AM16144">
        <v>142</v>
      </c>
      <c r="AN16144">
        <v>143</v>
      </c>
      <c r="AO16144">
        <v>145</v>
      </c>
      <c r="AP16144">
        <v>146</v>
      </c>
      <c r="AQ16144">
        <v>147</v>
      </c>
    </row>
    <row r="16145" spans="1:43">
      <c r="A16145" t="s">
        <v>10026</v>
      </c>
      <c r="B16145" t="s">
        <v>10027</v>
      </c>
      <c r="C16145" t="s">
        <v>10018</v>
      </c>
      <c r="D16145" t="s">
        <v>10019</v>
      </c>
      <c r="E16145" t="s">
        <v>9956</v>
      </c>
      <c r="F16145" t="s">
        <v>9957</v>
      </c>
      <c r="G16145" t="s">
        <v>80</v>
      </c>
      <c r="H16145" t="s">
        <v>81</v>
      </c>
      <c r="I16145" s="2">
        <v>0</v>
      </c>
      <c r="J16145" s="2">
        <v>1</v>
      </c>
      <c r="K16145" s="2">
        <v>0</v>
      </c>
      <c r="L16145" t="s">
        <v>82</v>
      </c>
      <c r="M16145" t="s">
        <v>83</v>
      </c>
      <c r="N16145" t="s">
        <v>91</v>
      </c>
      <c r="O16145" t="s">
        <v>85</v>
      </c>
      <c r="P16145" t="s">
        <v>86</v>
      </c>
      <c r="Q16145">
        <v>94</v>
      </c>
      <c r="R16145">
        <v>96</v>
      </c>
      <c r="S16145">
        <v>98</v>
      </c>
      <c r="T16145">
        <v>100</v>
      </c>
      <c r="U16145">
        <v>103</v>
      </c>
      <c r="V16145">
        <v>105</v>
      </c>
      <c r="W16145">
        <v>107</v>
      </c>
      <c r="X16145">
        <v>109</v>
      </c>
      <c r="Y16145">
        <v>111</v>
      </c>
      <c r="Z16145">
        <v>113</v>
      </c>
      <c r="AA16145">
        <v>116</v>
      </c>
      <c r="AB16145">
        <v>118</v>
      </c>
      <c r="AC16145">
        <v>120</v>
      </c>
      <c r="AD16145">
        <v>122</v>
      </c>
      <c r="AE16145">
        <v>125</v>
      </c>
      <c r="AF16145">
        <v>127</v>
      </c>
      <c r="AG16145">
        <v>129</v>
      </c>
      <c r="AH16145">
        <v>132</v>
      </c>
      <c r="AI16145">
        <v>134</v>
      </c>
      <c r="AJ16145">
        <v>137</v>
      </c>
      <c r="AK16145">
        <v>139</v>
      </c>
      <c r="AL16145">
        <v>141</v>
      </c>
      <c r="AM16145">
        <v>142</v>
      </c>
      <c r="AN16145">
        <v>143</v>
      </c>
      <c r="AO16145">
        <v>144</v>
      </c>
      <c r="AP16145">
        <v>146</v>
      </c>
      <c r="AQ16145">
        <v>147</v>
      </c>
    </row>
    <row r="16146" spans="1:43">
      <c r="A16146" t="s">
        <v>10028</v>
      </c>
      <c r="B16146" t="s">
        <v>10029</v>
      </c>
      <c r="C16146" t="s">
        <v>10018</v>
      </c>
      <c r="D16146" t="s">
        <v>10019</v>
      </c>
      <c r="E16146" t="s">
        <v>9956</v>
      </c>
      <c r="F16146" t="s">
        <v>9957</v>
      </c>
      <c r="G16146" t="s">
        <v>80</v>
      </c>
      <c r="H16146" t="s">
        <v>81</v>
      </c>
      <c r="I16146" s="2">
        <v>0</v>
      </c>
      <c r="J16146" s="2">
        <v>1</v>
      </c>
      <c r="K16146" s="2">
        <v>0</v>
      </c>
      <c r="L16146" t="s">
        <v>82</v>
      </c>
      <c r="M16146" t="s">
        <v>83</v>
      </c>
      <c r="N16146" t="s">
        <v>84</v>
      </c>
      <c r="O16146" t="s">
        <v>85</v>
      </c>
      <c r="P16146" t="s">
        <v>86</v>
      </c>
      <c r="Q16146">
        <v>28</v>
      </c>
      <c r="R16146">
        <v>29</v>
      </c>
      <c r="S16146">
        <v>29</v>
      </c>
      <c r="T16146">
        <v>30</v>
      </c>
      <c r="U16146">
        <v>30</v>
      </c>
      <c r="V16146">
        <v>31</v>
      </c>
      <c r="W16146">
        <v>32</v>
      </c>
      <c r="X16146">
        <v>32</v>
      </c>
      <c r="Y16146">
        <v>33</v>
      </c>
      <c r="Z16146">
        <v>34</v>
      </c>
      <c r="AA16146">
        <v>34</v>
      </c>
      <c r="AB16146">
        <v>35</v>
      </c>
      <c r="AC16146">
        <v>36</v>
      </c>
      <c r="AD16146">
        <v>36</v>
      </c>
      <c r="AE16146">
        <v>37</v>
      </c>
      <c r="AF16146">
        <v>38</v>
      </c>
      <c r="AG16146">
        <v>38</v>
      </c>
      <c r="AH16146">
        <v>39</v>
      </c>
      <c r="AI16146">
        <v>40</v>
      </c>
      <c r="AJ16146">
        <v>41</v>
      </c>
      <c r="AK16146">
        <v>41</v>
      </c>
      <c r="AL16146">
        <v>42</v>
      </c>
      <c r="AM16146">
        <v>42</v>
      </c>
      <c r="AN16146">
        <v>43</v>
      </c>
      <c r="AO16146">
        <v>43</v>
      </c>
      <c r="AP16146">
        <v>43</v>
      </c>
      <c r="AQ16146">
        <v>44</v>
      </c>
    </row>
    <row r="16147" spans="1:43">
      <c r="A16147" t="s">
        <v>10028</v>
      </c>
      <c r="B16147" t="s">
        <v>10029</v>
      </c>
      <c r="C16147" t="s">
        <v>10018</v>
      </c>
      <c r="D16147" t="s">
        <v>10019</v>
      </c>
      <c r="E16147" t="s">
        <v>9956</v>
      </c>
      <c r="F16147" t="s">
        <v>9957</v>
      </c>
      <c r="G16147" t="s">
        <v>80</v>
      </c>
      <c r="H16147" t="s">
        <v>81</v>
      </c>
      <c r="I16147" s="2">
        <v>0</v>
      </c>
      <c r="J16147" s="2">
        <v>1</v>
      </c>
      <c r="K16147" s="2">
        <v>0</v>
      </c>
      <c r="L16147" t="s">
        <v>82</v>
      </c>
      <c r="M16147" t="s">
        <v>87</v>
      </c>
      <c r="N16147" t="s">
        <v>88</v>
      </c>
      <c r="O16147" t="s">
        <v>85</v>
      </c>
      <c r="P16147" t="s">
        <v>86</v>
      </c>
      <c r="Q16147">
        <v>28</v>
      </c>
      <c r="R16147">
        <v>28</v>
      </c>
      <c r="S16147">
        <v>28</v>
      </c>
      <c r="T16147">
        <v>29</v>
      </c>
      <c r="U16147">
        <v>29</v>
      </c>
      <c r="V16147">
        <v>29</v>
      </c>
      <c r="W16147">
        <v>30</v>
      </c>
      <c r="X16147">
        <v>30</v>
      </c>
      <c r="Y16147">
        <v>31</v>
      </c>
      <c r="Z16147">
        <v>31</v>
      </c>
      <c r="AA16147">
        <v>31</v>
      </c>
      <c r="AB16147">
        <v>32</v>
      </c>
      <c r="AC16147">
        <v>32</v>
      </c>
      <c r="AD16147">
        <v>32</v>
      </c>
      <c r="AE16147">
        <v>33</v>
      </c>
      <c r="AF16147">
        <v>33</v>
      </c>
      <c r="AG16147">
        <v>34</v>
      </c>
      <c r="AH16147">
        <v>34</v>
      </c>
      <c r="AI16147">
        <v>34</v>
      </c>
      <c r="AJ16147">
        <v>35</v>
      </c>
      <c r="AK16147">
        <v>35</v>
      </c>
      <c r="AL16147">
        <v>36</v>
      </c>
      <c r="AM16147">
        <v>36</v>
      </c>
      <c r="AN16147">
        <v>37</v>
      </c>
      <c r="AO16147">
        <v>37</v>
      </c>
      <c r="AP16147">
        <v>37</v>
      </c>
      <c r="AQ16147">
        <v>38</v>
      </c>
    </row>
    <row r="16148" spans="1:43">
      <c r="A16148" t="s">
        <v>10028</v>
      </c>
      <c r="B16148" t="s">
        <v>10029</v>
      </c>
      <c r="C16148" t="s">
        <v>10018</v>
      </c>
      <c r="D16148" t="s">
        <v>10019</v>
      </c>
      <c r="E16148" t="s">
        <v>9956</v>
      </c>
      <c r="F16148" t="s">
        <v>9957</v>
      </c>
      <c r="G16148" t="s">
        <v>80</v>
      </c>
      <c r="H16148" t="s">
        <v>81</v>
      </c>
      <c r="I16148" s="2">
        <v>0</v>
      </c>
      <c r="J16148" s="2">
        <v>1</v>
      </c>
      <c r="K16148" s="2">
        <v>0</v>
      </c>
      <c r="L16148" t="s">
        <v>82</v>
      </c>
      <c r="M16148" t="s">
        <v>89</v>
      </c>
      <c r="N16148" t="s">
        <v>90</v>
      </c>
      <c r="O16148" t="s">
        <v>85</v>
      </c>
      <c r="P16148" t="s">
        <v>86</v>
      </c>
      <c r="Q16148">
        <v>28</v>
      </c>
      <c r="R16148">
        <v>29</v>
      </c>
      <c r="S16148">
        <v>30</v>
      </c>
      <c r="T16148">
        <v>31</v>
      </c>
      <c r="U16148">
        <v>32</v>
      </c>
      <c r="V16148">
        <v>33</v>
      </c>
      <c r="W16148">
        <v>33</v>
      </c>
      <c r="X16148">
        <v>34</v>
      </c>
      <c r="Y16148">
        <v>35</v>
      </c>
      <c r="Z16148">
        <v>36</v>
      </c>
      <c r="AA16148">
        <v>37</v>
      </c>
      <c r="AB16148">
        <v>37</v>
      </c>
      <c r="AC16148">
        <v>38</v>
      </c>
      <c r="AD16148">
        <v>39</v>
      </c>
      <c r="AE16148">
        <v>40</v>
      </c>
      <c r="AF16148">
        <v>40</v>
      </c>
      <c r="AG16148">
        <v>40</v>
      </c>
      <c r="AH16148">
        <v>41</v>
      </c>
      <c r="AI16148">
        <v>41</v>
      </c>
      <c r="AJ16148">
        <v>41</v>
      </c>
      <c r="AK16148">
        <v>42</v>
      </c>
      <c r="AL16148">
        <v>42</v>
      </c>
      <c r="AM16148">
        <v>43</v>
      </c>
      <c r="AN16148">
        <v>43</v>
      </c>
      <c r="AO16148">
        <v>43</v>
      </c>
      <c r="AP16148">
        <v>44</v>
      </c>
      <c r="AQ16148">
        <v>44</v>
      </c>
    </row>
    <row r="16149" spans="1:43">
      <c r="A16149" t="s">
        <v>10028</v>
      </c>
      <c r="B16149" t="s">
        <v>10029</v>
      </c>
      <c r="C16149" t="s">
        <v>10018</v>
      </c>
      <c r="D16149" t="s">
        <v>10019</v>
      </c>
      <c r="E16149" t="s">
        <v>9956</v>
      </c>
      <c r="F16149" t="s">
        <v>9957</v>
      </c>
      <c r="G16149" t="s">
        <v>80</v>
      </c>
      <c r="H16149" t="s">
        <v>81</v>
      </c>
      <c r="I16149" s="2">
        <v>0</v>
      </c>
      <c r="J16149" s="2">
        <v>1</v>
      </c>
      <c r="K16149" s="2">
        <v>0</v>
      </c>
      <c r="L16149" t="s">
        <v>82</v>
      </c>
      <c r="M16149" t="s">
        <v>83</v>
      </c>
      <c r="N16149" t="s">
        <v>91</v>
      </c>
      <c r="O16149" t="s">
        <v>85</v>
      </c>
      <c r="P16149" t="s">
        <v>86</v>
      </c>
      <c r="Q16149">
        <v>28</v>
      </c>
      <c r="R16149">
        <v>29</v>
      </c>
      <c r="S16149">
        <v>29</v>
      </c>
      <c r="T16149">
        <v>30</v>
      </c>
      <c r="U16149">
        <v>30</v>
      </c>
      <c r="V16149">
        <v>31</v>
      </c>
      <c r="W16149">
        <v>32</v>
      </c>
      <c r="X16149">
        <v>32</v>
      </c>
      <c r="Y16149">
        <v>33</v>
      </c>
      <c r="Z16149">
        <v>34</v>
      </c>
      <c r="AA16149">
        <v>34</v>
      </c>
      <c r="AB16149">
        <v>35</v>
      </c>
      <c r="AC16149">
        <v>36</v>
      </c>
      <c r="AD16149">
        <v>36</v>
      </c>
      <c r="AE16149">
        <v>37</v>
      </c>
      <c r="AF16149">
        <v>38</v>
      </c>
      <c r="AG16149">
        <v>38</v>
      </c>
      <c r="AH16149">
        <v>39</v>
      </c>
      <c r="AI16149">
        <v>40</v>
      </c>
      <c r="AJ16149">
        <v>41</v>
      </c>
      <c r="AK16149">
        <v>41</v>
      </c>
      <c r="AL16149">
        <v>42</v>
      </c>
      <c r="AM16149">
        <v>42</v>
      </c>
      <c r="AN16149">
        <v>43</v>
      </c>
      <c r="AO16149">
        <v>43</v>
      </c>
      <c r="AP16149">
        <v>43</v>
      </c>
      <c r="AQ16149">
        <v>44</v>
      </c>
    </row>
    <row r="16150" spans="1:43">
      <c r="A16150" t="s">
        <v>10030</v>
      </c>
      <c r="B16150" t="s">
        <v>10031</v>
      </c>
      <c r="C16150" t="s">
        <v>10018</v>
      </c>
      <c r="D16150" t="s">
        <v>10019</v>
      </c>
      <c r="E16150" t="s">
        <v>9956</v>
      </c>
      <c r="F16150" t="s">
        <v>9957</v>
      </c>
      <c r="G16150" t="s">
        <v>80</v>
      </c>
      <c r="H16150" t="s">
        <v>81</v>
      </c>
      <c r="I16150" s="2">
        <v>0</v>
      </c>
      <c r="J16150" s="2">
        <v>1</v>
      </c>
      <c r="K16150" s="2">
        <v>0</v>
      </c>
      <c r="L16150" t="s">
        <v>82</v>
      </c>
      <c r="M16150" t="s">
        <v>83</v>
      </c>
      <c r="N16150" t="s">
        <v>84</v>
      </c>
      <c r="O16150" t="s">
        <v>85</v>
      </c>
      <c r="P16150" t="s">
        <v>86</v>
      </c>
      <c r="Q16150">
        <v>141</v>
      </c>
      <c r="R16150">
        <v>145</v>
      </c>
      <c r="S16150">
        <v>148</v>
      </c>
      <c r="T16150">
        <v>151</v>
      </c>
      <c r="U16150">
        <v>154</v>
      </c>
      <c r="V16150">
        <v>157</v>
      </c>
      <c r="W16150">
        <v>160</v>
      </c>
      <c r="X16150">
        <v>163</v>
      </c>
      <c r="Y16150">
        <v>167</v>
      </c>
      <c r="Z16150">
        <v>170</v>
      </c>
      <c r="AA16150">
        <v>173</v>
      </c>
      <c r="AB16150">
        <v>177</v>
      </c>
      <c r="AC16150">
        <v>180</v>
      </c>
      <c r="AD16150">
        <v>184</v>
      </c>
      <c r="AE16150">
        <v>187</v>
      </c>
      <c r="AF16150">
        <v>191</v>
      </c>
      <c r="AG16150">
        <v>194</v>
      </c>
      <c r="AH16150">
        <v>198</v>
      </c>
      <c r="AI16150">
        <v>201</v>
      </c>
      <c r="AJ16150">
        <v>205</v>
      </c>
      <c r="AK16150">
        <v>209</v>
      </c>
      <c r="AL16150">
        <v>211</v>
      </c>
      <c r="AM16150">
        <v>213</v>
      </c>
      <c r="AN16150">
        <v>215</v>
      </c>
      <c r="AO16150">
        <v>217</v>
      </c>
      <c r="AP16150">
        <v>218</v>
      </c>
      <c r="AQ16150">
        <v>220</v>
      </c>
    </row>
    <row r="16151" spans="1:43">
      <c r="A16151" t="s">
        <v>10030</v>
      </c>
      <c r="B16151" t="s">
        <v>10031</v>
      </c>
      <c r="C16151" t="s">
        <v>10018</v>
      </c>
      <c r="D16151" t="s">
        <v>10019</v>
      </c>
      <c r="E16151" t="s">
        <v>9956</v>
      </c>
      <c r="F16151" t="s">
        <v>9957</v>
      </c>
      <c r="G16151" t="s">
        <v>80</v>
      </c>
      <c r="H16151" t="s">
        <v>81</v>
      </c>
      <c r="I16151" s="2">
        <v>0</v>
      </c>
      <c r="J16151" s="2">
        <v>1</v>
      </c>
      <c r="K16151" s="2">
        <v>0</v>
      </c>
      <c r="L16151" t="s">
        <v>82</v>
      </c>
      <c r="M16151" t="s">
        <v>87</v>
      </c>
      <c r="N16151" t="s">
        <v>88</v>
      </c>
      <c r="O16151" t="s">
        <v>85</v>
      </c>
      <c r="P16151" t="s">
        <v>86</v>
      </c>
      <c r="Q16151">
        <v>141</v>
      </c>
      <c r="R16151">
        <v>143</v>
      </c>
      <c r="S16151">
        <v>145</v>
      </c>
      <c r="T16151">
        <v>146</v>
      </c>
      <c r="U16151">
        <v>148</v>
      </c>
      <c r="V16151">
        <v>150</v>
      </c>
      <c r="W16151">
        <v>152</v>
      </c>
      <c r="X16151">
        <v>153</v>
      </c>
      <c r="Y16151">
        <v>155</v>
      </c>
      <c r="Z16151">
        <v>157</v>
      </c>
      <c r="AA16151">
        <v>159</v>
      </c>
      <c r="AB16151">
        <v>161</v>
      </c>
      <c r="AC16151">
        <v>163</v>
      </c>
      <c r="AD16151">
        <v>165</v>
      </c>
      <c r="AE16151">
        <v>167</v>
      </c>
      <c r="AF16151">
        <v>169</v>
      </c>
      <c r="AG16151">
        <v>171</v>
      </c>
      <c r="AH16151">
        <v>173</v>
      </c>
      <c r="AI16151">
        <v>175</v>
      </c>
      <c r="AJ16151">
        <v>177</v>
      </c>
      <c r="AK16151">
        <v>179</v>
      </c>
      <c r="AL16151">
        <v>181</v>
      </c>
      <c r="AM16151">
        <v>183</v>
      </c>
      <c r="AN16151">
        <v>185</v>
      </c>
      <c r="AO16151">
        <v>188</v>
      </c>
      <c r="AP16151">
        <v>190</v>
      </c>
      <c r="AQ16151">
        <v>192</v>
      </c>
    </row>
    <row r="16152" spans="1:43">
      <c r="A16152" t="s">
        <v>10030</v>
      </c>
      <c r="B16152" t="s">
        <v>10031</v>
      </c>
      <c r="C16152" t="s">
        <v>10018</v>
      </c>
      <c r="D16152" t="s">
        <v>10019</v>
      </c>
      <c r="E16152" t="s">
        <v>9956</v>
      </c>
      <c r="F16152" t="s">
        <v>9957</v>
      </c>
      <c r="G16152" t="s">
        <v>80</v>
      </c>
      <c r="H16152" t="s">
        <v>81</v>
      </c>
      <c r="I16152" s="2">
        <v>0</v>
      </c>
      <c r="J16152" s="2">
        <v>1</v>
      </c>
      <c r="K16152" s="2">
        <v>0</v>
      </c>
      <c r="L16152" t="s">
        <v>82</v>
      </c>
      <c r="M16152" t="s">
        <v>89</v>
      </c>
      <c r="N16152" t="s">
        <v>90</v>
      </c>
      <c r="O16152" t="s">
        <v>85</v>
      </c>
      <c r="P16152" t="s">
        <v>86</v>
      </c>
      <c r="Q16152">
        <v>141</v>
      </c>
      <c r="R16152">
        <v>145</v>
      </c>
      <c r="S16152">
        <v>149</v>
      </c>
      <c r="T16152">
        <v>154</v>
      </c>
      <c r="U16152">
        <v>158</v>
      </c>
      <c r="V16152">
        <v>162</v>
      </c>
      <c r="W16152">
        <v>166</v>
      </c>
      <c r="X16152">
        <v>171</v>
      </c>
      <c r="Y16152">
        <v>175</v>
      </c>
      <c r="Z16152">
        <v>179</v>
      </c>
      <c r="AA16152">
        <v>183</v>
      </c>
      <c r="AB16152">
        <v>187</v>
      </c>
      <c r="AC16152">
        <v>191</v>
      </c>
      <c r="AD16152">
        <v>195</v>
      </c>
      <c r="AE16152">
        <v>199</v>
      </c>
      <c r="AF16152">
        <v>200</v>
      </c>
      <c r="AG16152">
        <v>202</v>
      </c>
      <c r="AH16152">
        <v>204</v>
      </c>
      <c r="AI16152">
        <v>206</v>
      </c>
      <c r="AJ16152">
        <v>207</v>
      </c>
      <c r="AK16152">
        <v>209</v>
      </c>
      <c r="AL16152">
        <v>211</v>
      </c>
      <c r="AM16152">
        <v>213</v>
      </c>
      <c r="AN16152">
        <v>214</v>
      </c>
      <c r="AO16152">
        <v>216</v>
      </c>
      <c r="AP16152">
        <v>218</v>
      </c>
      <c r="AQ16152">
        <v>220</v>
      </c>
    </row>
    <row r="16153" spans="1:43">
      <c r="A16153" t="s">
        <v>10030</v>
      </c>
      <c r="B16153" t="s">
        <v>10031</v>
      </c>
      <c r="C16153" t="s">
        <v>10018</v>
      </c>
      <c r="D16153" t="s">
        <v>10019</v>
      </c>
      <c r="E16153" t="s">
        <v>9956</v>
      </c>
      <c r="F16153" t="s">
        <v>9957</v>
      </c>
      <c r="G16153" t="s">
        <v>80</v>
      </c>
      <c r="H16153" t="s">
        <v>81</v>
      </c>
      <c r="I16153" s="2">
        <v>0</v>
      </c>
      <c r="J16153" s="2">
        <v>1</v>
      </c>
      <c r="K16153" s="2">
        <v>0</v>
      </c>
      <c r="L16153" t="s">
        <v>82</v>
      </c>
      <c r="M16153" t="s">
        <v>83</v>
      </c>
      <c r="N16153" t="s">
        <v>91</v>
      </c>
      <c r="O16153" t="s">
        <v>85</v>
      </c>
      <c r="P16153" t="s">
        <v>86</v>
      </c>
      <c r="Q16153">
        <v>141</v>
      </c>
      <c r="R16153">
        <v>145</v>
      </c>
      <c r="S16153">
        <v>148</v>
      </c>
      <c r="T16153">
        <v>151</v>
      </c>
      <c r="U16153">
        <v>154</v>
      </c>
      <c r="V16153">
        <v>157</v>
      </c>
      <c r="W16153">
        <v>160</v>
      </c>
      <c r="X16153">
        <v>163</v>
      </c>
      <c r="Y16153">
        <v>167</v>
      </c>
      <c r="Z16153">
        <v>170</v>
      </c>
      <c r="AA16153">
        <v>173</v>
      </c>
      <c r="AB16153">
        <v>177</v>
      </c>
      <c r="AC16153">
        <v>180</v>
      </c>
      <c r="AD16153">
        <v>184</v>
      </c>
      <c r="AE16153">
        <v>187</v>
      </c>
      <c r="AF16153">
        <v>191</v>
      </c>
      <c r="AG16153">
        <v>194</v>
      </c>
      <c r="AH16153">
        <v>198</v>
      </c>
      <c r="AI16153">
        <v>201</v>
      </c>
      <c r="AJ16153">
        <v>205</v>
      </c>
      <c r="AK16153">
        <v>209</v>
      </c>
      <c r="AL16153">
        <v>211</v>
      </c>
      <c r="AM16153">
        <v>213</v>
      </c>
      <c r="AN16153">
        <v>215</v>
      </c>
      <c r="AO16153">
        <v>217</v>
      </c>
      <c r="AP16153">
        <v>218</v>
      </c>
      <c r="AQ16153">
        <v>220</v>
      </c>
    </row>
    <row r="16154" spans="1:43">
      <c r="A16154" t="s">
        <v>10032</v>
      </c>
      <c r="B16154" t="s">
        <v>10033</v>
      </c>
      <c r="C16154" t="s">
        <v>10034</v>
      </c>
      <c r="D16154" t="s">
        <v>10035</v>
      </c>
      <c r="E16154" t="s">
        <v>9956</v>
      </c>
      <c r="F16154" t="s">
        <v>9957</v>
      </c>
      <c r="G16154" t="s">
        <v>80</v>
      </c>
      <c r="H16154" t="s">
        <v>81</v>
      </c>
      <c r="I16154" s="2">
        <v>0</v>
      </c>
      <c r="J16154" s="2">
        <v>1</v>
      </c>
      <c r="K16154" s="2">
        <v>0</v>
      </c>
      <c r="L16154" t="s">
        <v>82</v>
      </c>
      <c r="M16154" t="s">
        <v>83</v>
      </c>
      <c r="N16154" t="s">
        <v>84</v>
      </c>
      <c r="O16154" t="s">
        <v>85</v>
      </c>
      <c r="P16154" t="s">
        <v>86</v>
      </c>
      <c r="Q16154">
        <v>149</v>
      </c>
      <c r="R16154">
        <v>152</v>
      </c>
      <c r="S16154">
        <v>156</v>
      </c>
      <c r="T16154">
        <v>159</v>
      </c>
      <c r="U16154">
        <v>162</v>
      </c>
      <c r="V16154">
        <v>166</v>
      </c>
      <c r="W16154">
        <v>169</v>
      </c>
      <c r="X16154">
        <v>172</v>
      </c>
      <c r="Y16154">
        <v>176</v>
      </c>
      <c r="Z16154">
        <v>180</v>
      </c>
      <c r="AA16154">
        <v>183</v>
      </c>
      <c r="AB16154">
        <v>187</v>
      </c>
      <c r="AC16154">
        <v>190</v>
      </c>
      <c r="AD16154">
        <v>194</v>
      </c>
      <c r="AE16154">
        <v>198</v>
      </c>
      <c r="AF16154">
        <v>201</v>
      </c>
      <c r="AG16154">
        <v>205</v>
      </c>
      <c r="AH16154">
        <v>209</v>
      </c>
      <c r="AI16154">
        <v>213</v>
      </c>
      <c r="AJ16154">
        <v>217</v>
      </c>
      <c r="AK16154">
        <v>221</v>
      </c>
      <c r="AL16154">
        <v>223</v>
      </c>
      <c r="AM16154">
        <v>225</v>
      </c>
      <c r="AN16154">
        <v>227</v>
      </c>
      <c r="AO16154">
        <v>229</v>
      </c>
      <c r="AP16154">
        <v>231</v>
      </c>
      <c r="AQ16154">
        <v>234</v>
      </c>
    </row>
    <row r="16155" spans="1:43">
      <c r="A16155" t="s">
        <v>10032</v>
      </c>
      <c r="B16155" t="s">
        <v>10033</v>
      </c>
      <c r="C16155" t="s">
        <v>10034</v>
      </c>
      <c r="D16155" t="s">
        <v>10035</v>
      </c>
      <c r="E16155" t="s">
        <v>9956</v>
      </c>
      <c r="F16155" t="s">
        <v>9957</v>
      </c>
      <c r="G16155" t="s">
        <v>80</v>
      </c>
      <c r="H16155" t="s">
        <v>81</v>
      </c>
      <c r="I16155" s="2">
        <v>0</v>
      </c>
      <c r="J16155" s="2">
        <v>1</v>
      </c>
      <c r="K16155" s="2">
        <v>0</v>
      </c>
      <c r="L16155" t="s">
        <v>82</v>
      </c>
      <c r="M16155" t="s">
        <v>87</v>
      </c>
      <c r="N16155" t="s">
        <v>88</v>
      </c>
      <c r="O16155" t="s">
        <v>85</v>
      </c>
      <c r="P16155" t="s">
        <v>86</v>
      </c>
      <c r="Q16155">
        <v>149</v>
      </c>
      <c r="R16155">
        <v>151</v>
      </c>
      <c r="S16155">
        <v>153</v>
      </c>
      <c r="T16155">
        <v>154</v>
      </c>
      <c r="U16155">
        <v>156</v>
      </c>
      <c r="V16155">
        <v>158</v>
      </c>
      <c r="W16155">
        <v>160</v>
      </c>
      <c r="X16155">
        <v>162</v>
      </c>
      <c r="Y16155">
        <v>164</v>
      </c>
      <c r="Z16155">
        <v>166</v>
      </c>
      <c r="AA16155">
        <v>168</v>
      </c>
      <c r="AB16155">
        <v>170</v>
      </c>
      <c r="AC16155">
        <v>172</v>
      </c>
      <c r="AD16155">
        <v>174</v>
      </c>
      <c r="AE16155">
        <v>176</v>
      </c>
      <c r="AF16155">
        <v>178</v>
      </c>
      <c r="AG16155">
        <v>180</v>
      </c>
      <c r="AH16155">
        <v>182</v>
      </c>
      <c r="AI16155">
        <v>185</v>
      </c>
      <c r="AJ16155">
        <v>187</v>
      </c>
      <c r="AK16155">
        <v>189</v>
      </c>
      <c r="AL16155">
        <v>191</v>
      </c>
      <c r="AM16155">
        <v>193</v>
      </c>
      <c r="AN16155">
        <v>196</v>
      </c>
      <c r="AO16155">
        <v>198</v>
      </c>
      <c r="AP16155">
        <v>200</v>
      </c>
      <c r="AQ16155">
        <v>203</v>
      </c>
    </row>
    <row r="16156" spans="1:43">
      <c r="A16156" t="s">
        <v>10032</v>
      </c>
      <c r="B16156" t="s">
        <v>10033</v>
      </c>
      <c r="C16156" t="s">
        <v>10034</v>
      </c>
      <c r="D16156" t="s">
        <v>10035</v>
      </c>
      <c r="E16156" t="s">
        <v>9956</v>
      </c>
      <c r="F16156" t="s">
        <v>9957</v>
      </c>
      <c r="G16156" t="s">
        <v>80</v>
      </c>
      <c r="H16156" t="s">
        <v>81</v>
      </c>
      <c r="I16156" s="2">
        <v>0</v>
      </c>
      <c r="J16156" s="2">
        <v>1</v>
      </c>
      <c r="K16156" s="2">
        <v>0</v>
      </c>
      <c r="L16156" t="s">
        <v>82</v>
      </c>
      <c r="M16156" t="s">
        <v>89</v>
      </c>
      <c r="N16156" t="s">
        <v>90</v>
      </c>
      <c r="O16156" t="s">
        <v>85</v>
      </c>
      <c r="P16156" t="s">
        <v>86</v>
      </c>
      <c r="Q16156">
        <v>149</v>
      </c>
      <c r="R16156">
        <v>153</v>
      </c>
      <c r="S16156">
        <v>158</v>
      </c>
      <c r="T16156">
        <v>162</v>
      </c>
      <c r="U16156">
        <v>167</v>
      </c>
      <c r="V16156">
        <v>171</v>
      </c>
      <c r="W16156">
        <v>176</v>
      </c>
      <c r="X16156">
        <v>180</v>
      </c>
      <c r="Y16156">
        <v>184</v>
      </c>
      <c r="Z16156">
        <v>189</v>
      </c>
      <c r="AA16156">
        <v>193</v>
      </c>
      <c r="AB16156">
        <v>197</v>
      </c>
      <c r="AC16156">
        <v>202</v>
      </c>
      <c r="AD16156">
        <v>207</v>
      </c>
      <c r="AE16156">
        <v>210</v>
      </c>
      <c r="AF16156">
        <v>212</v>
      </c>
      <c r="AG16156">
        <v>214</v>
      </c>
      <c r="AH16156">
        <v>216</v>
      </c>
      <c r="AI16156">
        <v>218</v>
      </c>
      <c r="AJ16156">
        <v>220</v>
      </c>
      <c r="AK16156">
        <v>222</v>
      </c>
      <c r="AL16156">
        <v>224</v>
      </c>
      <c r="AM16156">
        <v>226</v>
      </c>
      <c r="AN16156">
        <v>228</v>
      </c>
      <c r="AO16156">
        <v>230</v>
      </c>
      <c r="AP16156">
        <v>232</v>
      </c>
      <c r="AQ16156">
        <v>234</v>
      </c>
    </row>
    <row r="16157" spans="1:43">
      <c r="A16157" t="s">
        <v>10032</v>
      </c>
      <c r="B16157" t="s">
        <v>10033</v>
      </c>
      <c r="C16157" t="s">
        <v>10034</v>
      </c>
      <c r="D16157" t="s">
        <v>10035</v>
      </c>
      <c r="E16157" t="s">
        <v>9956</v>
      </c>
      <c r="F16157" t="s">
        <v>9957</v>
      </c>
      <c r="G16157" t="s">
        <v>80</v>
      </c>
      <c r="H16157" t="s">
        <v>81</v>
      </c>
      <c r="I16157" s="2">
        <v>0</v>
      </c>
      <c r="J16157" s="2">
        <v>1</v>
      </c>
      <c r="K16157" s="2">
        <v>0</v>
      </c>
      <c r="L16157" t="s">
        <v>82</v>
      </c>
      <c r="M16157" t="s">
        <v>83</v>
      </c>
      <c r="N16157" t="s">
        <v>91</v>
      </c>
      <c r="O16157" t="s">
        <v>85</v>
      </c>
      <c r="P16157" t="s">
        <v>86</v>
      </c>
      <c r="Q16157">
        <v>149</v>
      </c>
      <c r="R16157">
        <v>152</v>
      </c>
      <c r="S16157">
        <v>156</v>
      </c>
      <c r="T16157">
        <v>159</v>
      </c>
      <c r="U16157">
        <v>162</v>
      </c>
      <c r="V16157">
        <v>166</v>
      </c>
      <c r="W16157">
        <v>169</v>
      </c>
      <c r="X16157">
        <v>172</v>
      </c>
      <c r="Y16157">
        <v>176</v>
      </c>
      <c r="Z16157">
        <v>180</v>
      </c>
      <c r="AA16157">
        <v>183</v>
      </c>
      <c r="AB16157">
        <v>187</v>
      </c>
      <c r="AC16157">
        <v>190</v>
      </c>
      <c r="AD16157">
        <v>194</v>
      </c>
      <c r="AE16157">
        <v>198</v>
      </c>
      <c r="AF16157">
        <v>201</v>
      </c>
      <c r="AG16157">
        <v>205</v>
      </c>
      <c r="AH16157">
        <v>209</v>
      </c>
      <c r="AI16157">
        <v>213</v>
      </c>
      <c r="AJ16157">
        <v>217</v>
      </c>
      <c r="AK16157">
        <v>221</v>
      </c>
      <c r="AL16157">
        <v>223</v>
      </c>
      <c r="AM16157">
        <v>225</v>
      </c>
      <c r="AN16157">
        <v>227</v>
      </c>
      <c r="AO16157">
        <v>229</v>
      </c>
      <c r="AP16157">
        <v>231</v>
      </c>
      <c r="AQ16157">
        <v>234</v>
      </c>
    </row>
    <row r="16158" spans="1:43">
      <c r="A16158" t="s">
        <v>10036</v>
      </c>
      <c r="B16158" t="s">
        <v>10037</v>
      </c>
      <c r="C16158" t="s">
        <v>10038</v>
      </c>
      <c r="D16158" t="s">
        <v>10039</v>
      </c>
      <c r="E16158" t="s">
        <v>9956</v>
      </c>
      <c r="F16158" t="s">
        <v>9957</v>
      </c>
      <c r="G16158" t="s">
        <v>80</v>
      </c>
      <c r="H16158" t="s">
        <v>81</v>
      </c>
      <c r="I16158" s="2">
        <v>0</v>
      </c>
      <c r="J16158" s="2">
        <v>1</v>
      </c>
      <c r="K16158" s="2">
        <v>0</v>
      </c>
      <c r="L16158" t="s">
        <v>82</v>
      </c>
      <c r="M16158" t="s">
        <v>83</v>
      </c>
      <c r="N16158" t="s">
        <v>84</v>
      </c>
      <c r="O16158" t="s">
        <v>85</v>
      </c>
      <c r="P16158" t="s">
        <v>86</v>
      </c>
      <c r="Q16158">
        <v>105</v>
      </c>
      <c r="R16158">
        <v>107</v>
      </c>
      <c r="S16158">
        <v>110</v>
      </c>
      <c r="T16158">
        <v>112</v>
      </c>
      <c r="U16158">
        <v>114</v>
      </c>
      <c r="V16158">
        <v>117</v>
      </c>
      <c r="W16158">
        <v>119</v>
      </c>
      <c r="X16158">
        <v>121</v>
      </c>
      <c r="Y16158">
        <v>124</v>
      </c>
      <c r="Z16158">
        <v>126</v>
      </c>
      <c r="AA16158">
        <v>129</v>
      </c>
      <c r="AB16158">
        <v>131</v>
      </c>
      <c r="AC16158">
        <v>134</v>
      </c>
      <c r="AD16158">
        <v>137</v>
      </c>
      <c r="AE16158">
        <v>139</v>
      </c>
      <c r="AF16158">
        <v>142</v>
      </c>
      <c r="AG16158">
        <v>145</v>
      </c>
      <c r="AH16158">
        <v>147</v>
      </c>
      <c r="AI16158">
        <v>150</v>
      </c>
      <c r="AJ16158">
        <v>153</v>
      </c>
      <c r="AK16158">
        <v>156</v>
      </c>
      <c r="AL16158">
        <v>157</v>
      </c>
      <c r="AM16158">
        <v>159</v>
      </c>
      <c r="AN16158">
        <v>160</v>
      </c>
      <c r="AO16158">
        <v>161</v>
      </c>
      <c r="AP16158">
        <v>162</v>
      </c>
      <c r="AQ16158">
        <v>164</v>
      </c>
    </row>
    <row r="16159" spans="1:43">
      <c r="A16159" t="s">
        <v>10036</v>
      </c>
      <c r="B16159" t="s">
        <v>10037</v>
      </c>
      <c r="C16159" t="s">
        <v>10038</v>
      </c>
      <c r="D16159" t="s">
        <v>10039</v>
      </c>
      <c r="E16159" t="s">
        <v>9956</v>
      </c>
      <c r="F16159" t="s">
        <v>9957</v>
      </c>
      <c r="G16159" t="s">
        <v>80</v>
      </c>
      <c r="H16159" t="s">
        <v>81</v>
      </c>
      <c r="I16159" s="2">
        <v>0</v>
      </c>
      <c r="J16159" s="2">
        <v>1</v>
      </c>
      <c r="K16159" s="2">
        <v>0</v>
      </c>
      <c r="L16159" t="s">
        <v>82</v>
      </c>
      <c r="M16159" t="s">
        <v>87</v>
      </c>
      <c r="N16159" t="s">
        <v>88</v>
      </c>
      <c r="O16159" t="s">
        <v>85</v>
      </c>
      <c r="P16159" t="s">
        <v>86</v>
      </c>
      <c r="Q16159">
        <v>105</v>
      </c>
      <c r="R16159">
        <v>106</v>
      </c>
      <c r="S16159">
        <v>108</v>
      </c>
      <c r="T16159">
        <v>109</v>
      </c>
      <c r="U16159">
        <v>110</v>
      </c>
      <c r="V16159">
        <v>111</v>
      </c>
      <c r="W16159">
        <v>113</v>
      </c>
      <c r="X16159">
        <v>114</v>
      </c>
      <c r="Y16159">
        <v>115</v>
      </c>
      <c r="Z16159">
        <v>117</v>
      </c>
      <c r="AA16159">
        <v>118</v>
      </c>
      <c r="AB16159">
        <v>120</v>
      </c>
      <c r="AC16159">
        <v>121</v>
      </c>
      <c r="AD16159">
        <v>123</v>
      </c>
      <c r="AE16159">
        <v>124</v>
      </c>
      <c r="AF16159">
        <v>126</v>
      </c>
      <c r="AG16159">
        <v>127</v>
      </c>
      <c r="AH16159">
        <v>129</v>
      </c>
      <c r="AI16159">
        <v>130</v>
      </c>
      <c r="AJ16159">
        <v>132</v>
      </c>
      <c r="AK16159">
        <v>133</v>
      </c>
      <c r="AL16159">
        <v>135</v>
      </c>
      <c r="AM16159">
        <v>136</v>
      </c>
      <c r="AN16159">
        <v>138</v>
      </c>
      <c r="AO16159">
        <v>140</v>
      </c>
      <c r="AP16159">
        <v>141</v>
      </c>
      <c r="AQ16159">
        <v>143</v>
      </c>
    </row>
    <row r="16160" spans="1:43">
      <c r="A16160" t="s">
        <v>10036</v>
      </c>
      <c r="B16160" t="s">
        <v>10037</v>
      </c>
      <c r="C16160" t="s">
        <v>10038</v>
      </c>
      <c r="D16160" t="s">
        <v>10039</v>
      </c>
      <c r="E16160" t="s">
        <v>9956</v>
      </c>
      <c r="F16160" t="s">
        <v>9957</v>
      </c>
      <c r="G16160" t="s">
        <v>80</v>
      </c>
      <c r="H16160" t="s">
        <v>81</v>
      </c>
      <c r="I16160" s="2">
        <v>0</v>
      </c>
      <c r="J16160" s="2">
        <v>1</v>
      </c>
      <c r="K16160" s="2">
        <v>0</v>
      </c>
      <c r="L16160" t="s">
        <v>82</v>
      </c>
      <c r="M16160" t="s">
        <v>89</v>
      </c>
      <c r="N16160" t="s">
        <v>90</v>
      </c>
      <c r="O16160" t="s">
        <v>85</v>
      </c>
      <c r="P16160" t="s">
        <v>86</v>
      </c>
      <c r="Q16160">
        <v>105</v>
      </c>
      <c r="R16160">
        <v>108</v>
      </c>
      <c r="S16160">
        <v>111</v>
      </c>
      <c r="T16160">
        <v>115</v>
      </c>
      <c r="U16160">
        <v>118</v>
      </c>
      <c r="V16160">
        <v>121</v>
      </c>
      <c r="W16160">
        <v>124</v>
      </c>
      <c r="X16160">
        <v>127</v>
      </c>
      <c r="Y16160">
        <v>130</v>
      </c>
      <c r="Z16160">
        <v>133</v>
      </c>
      <c r="AA16160">
        <v>136</v>
      </c>
      <c r="AB16160">
        <v>139</v>
      </c>
      <c r="AC16160">
        <v>143</v>
      </c>
      <c r="AD16160">
        <v>146</v>
      </c>
      <c r="AE16160">
        <v>148</v>
      </c>
      <c r="AF16160">
        <v>150</v>
      </c>
      <c r="AG16160">
        <v>151</v>
      </c>
      <c r="AH16160">
        <v>152</v>
      </c>
      <c r="AI16160">
        <v>153</v>
      </c>
      <c r="AJ16160">
        <v>155</v>
      </c>
      <c r="AK16160">
        <v>156</v>
      </c>
      <c r="AL16160">
        <v>157</v>
      </c>
      <c r="AM16160">
        <v>158</v>
      </c>
      <c r="AN16160">
        <v>160</v>
      </c>
      <c r="AO16160">
        <v>161</v>
      </c>
      <c r="AP16160">
        <v>162</v>
      </c>
      <c r="AQ16160">
        <v>164</v>
      </c>
    </row>
    <row r="16161" spans="1:43">
      <c r="A16161" t="s">
        <v>10036</v>
      </c>
      <c r="B16161" t="s">
        <v>10037</v>
      </c>
      <c r="C16161" t="s">
        <v>10038</v>
      </c>
      <c r="D16161" t="s">
        <v>10039</v>
      </c>
      <c r="E16161" t="s">
        <v>9956</v>
      </c>
      <c r="F16161" t="s">
        <v>9957</v>
      </c>
      <c r="G16161" t="s">
        <v>80</v>
      </c>
      <c r="H16161" t="s">
        <v>81</v>
      </c>
      <c r="I16161" s="2">
        <v>0</v>
      </c>
      <c r="J16161" s="2">
        <v>1</v>
      </c>
      <c r="K16161" s="2">
        <v>0</v>
      </c>
      <c r="L16161" t="s">
        <v>82</v>
      </c>
      <c r="M16161" t="s">
        <v>83</v>
      </c>
      <c r="N16161" t="s">
        <v>91</v>
      </c>
      <c r="O16161" t="s">
        <v>85</v>
      </c>
      <c r="P16161" t="s">
        <v>86</v>
      </c>
      <c r="Q16161">
        <v>105</v>
      </c>
      <c r="R16161">
        <v>107</v>
      </c>
      <c r="S16161">
        <v>110</v>
      </c>
      <c r="T16161">
        <v>112</v>
      </c>
      <c r="U16161">
        <v>114</v>
      </c>
      <c r="V16161">
        <v>117</v>
      </c>
      <c r="W16161">
        <v>119</v>
      </c>
      <c r="X16161">
        <v>121</v>
      </c>
      <c r="Y16161">
        <v>124</v>
      </c>
      <c r="Z16161">
        <v>126</v>
      </c>
      <c r="AA16161">
        <v>129</v>
      </c>
      <c r="AB16161">
        <v>131</v>
      </c>
      <c r="AC16161">
        <v>134</v>
      </c>
      <c r="AD16161">
        <v>137</v>
      </c>
      <c r="AE16161">
        <v>139</v>
      </c>
      <c r="AF16161">
        <v>142</v>
      </c>
      <c r="AG16161">
        <v>145</v>
      </c>
      <c r="AH16161">
        <v>147</v>
      </c>
      <c r="AI16161">
        <v>150</v>
      </c>
      <c r="AJ16161">
        <v>153</v>
      </c>
      <c r="AK16161">
        <v>156</v>
      </c>
      <c r="AL16161">
        <v>157</v>
      </c>
      <c r="AM16161">
        <v>159</v>
      </c>
      <c r="AN16161">
        <v>160</v>
      </c>
      <c r="AO16161">
        <v>161</v>
      </c>
      <c r="AP16161">
        <v>162</v>
      </c>
      <c r="AQ16161">
        <v>164</v>
      </c>
    </row>
    <row r="16162" spans="1:43">
      <c r="A16162" t="s">
        <v>10040</v>
      </c>
      <c r="B16162" t="s">
        <v>10041</v>
      </c>
      <c r="C16162" t="s">
        <v>10038</v>
      </c>
      <c r="D16162" t="s">
        <v>10039</v>
      </c>
      <c r="E16162" t="s">
        <v>9956</v>
      </c>
      <c r="F16162" t="s">
        <v>9957</v>
      </c>
      <c r="G16162" t="s">
        <v>80</v>
      </c>
      <c r="H16162" t="s">
        <v>81</v>
      </c>
      <c r="I16162" s="2">
        <v>0</v>
      </c>
      <c r="J16162" s="2">
        <v>1</v>
      </c>
      <c r="K16162" s="2">
        <v>0</v>
      </c>
      <c r="L16162" t="s">
        <v>82</v>
      </c>
      <c r="M16162" t="s">
        <v>83</v>
      </c>
      <c r="N16162" t="s">
        <v>84</v>
      </c>
      <c r="O16162" t="s">
        <v>85</v>
      </c>
      <c r="P16162" t="s">
        <v>86</v>
      </c>
      <c r="Q16162">
        <v>101</v>
      </c>
      <c r="R16162">
        <v>104</v>
      </c>
      <c r="S16162">
        <v>106</v>
      </c>
      <c r="T16162">
        <v>108</v>
      </c>
      <c r="U16162">
        <v>110</v>
      </c>
      <c r="V16162">
        <v>113</v>
      </c>
      <c r="W16162">
        <v>115</v>
      </c>
      <c r="X16162">
        <v>117</v>
      </c>
      <c r="Y16162">
        <v>120</v>
      </c>
      <c r="Z16162">
        <v>122</v>
      </c>
      <c r="AA16162">
        <v>125</v>
      </c>
      <c r="AB16162">
        <v>127</v>
      </c>
      <c r="AC16162">
        <v>129</v>
      </c>
      <c r="AD16162">
        <v>132</v>
      </c>
      <c r="AE16162">
        <v>135</v>
      </c>
      <c r="AF16162">
        <v>137</v>
      </c>
      <c r="AG16162">
        <v>140</v>
      </c>
      <c r="AH16162">
        <v>142</v>
      </c>
      <c r="AI16162">
        <v>145</v>
      </c>
      <c r="AJ16162">
        <v>148</v>
      </c>
      <c r="AK16162">
        <v>151</v>
      </c>
      <c r="AL16162">
        <v>152</v>
      </c>
      <c r="AM16162">
        <v>154</v>
      </c>
      <c r="AN16162">
        <v>155</v>
      </c>
      <c r="AO16162">
        <v>156</v>
      </c>
      <c r="AP16162">
        <v>157</v>
      </c>
      <c r="AQ16162">
        <v>159</v>
      </c>
    </row>
    <row r="16163" spans="1:43">
      <c r="A16163" t="s">
        <v>10040</v>
      </c>
      <c r="B16163" t="s">
        <v>10041</v>
      </c>
      <c r="C16163" t="s">
        <v>10038</v>
      </c>
      <c r="D16163" t="s">
        <v>10039</v>
      </c>
      <c r="E16163" t="s">
        <v>9956</v>
      </c>
      <c r="F16163" t="s">
        <v>9957</v>
      </c>
      <c r="G16163" t="s">
        <v>80</v>
      </c>
      <c r="H16163" t="s">
        <v>81</v>
      </c>
      <c r="I16163" s="2">
        <v>0</v>
      </c>
      <c r="J16163" s="2">
        <v>1</v>
      </c>
      <c r="K16163" s="2">
        <v>0</v>
      </c>
      <c r="L16163" t="s">
        <v>82</v>
      </c>
      <c r="M16163" t="s">
        <v>87</v>
      </c>
      <c r="N16163" t="s">
        <v>88</v>
      </c>
      <c r="O16163" t="s">
        <v>85</v>
      </c>
      <c r="P16163" t="s">
        <v>86</v>
      </c>
      <c r="Q16163">
        <v>101</v>
      </c>
      <c r="R16163">
        <v>102</v>
      </c>
      <c r="S16163">
        <v>103</v>
      </c>
      <c r="T16163">
        <v>104</v>
      </c>
      <c r="U16163">
        <v>105</v>
      </c>
      <c r="V16163">
        <v>107</v>
      </c>
      <c r="W16163">
        <v>108</v>
      </c>
      <c r="X16163">
        <v>109</v>
      </c>
      <c r="Y16163">
        <v>111</v>
      </c>
      <c r="Z16163">
        <v>112</v>
      </c>
      <c r="AA16163">
        <v>113</v>
      </c>
      <c r="AB16163">
        <v>115</v>
      </c>
      <c r="AC16163">
        <v>116</v>
      </c>
      <c r="AD16163">
        <v>118</v>
      </c>
      <c r="AE16163">
        <v>119</v>
      </c>
      <c r="AF16163">
        <v>120</v>
      </c>
      <c r="AG16163">
        <v>122</v>
      </c>
      <c r="AH16163">
        <v>123</v>
      </c>
      <c r="AI16163">
        <v>125</v>
      </c>
      <c r="AJ16163">
        <v>126</v>
      </c>
      <c r="AK16163">
        <v>128</v>
      </c>
      <c r="AL16163">
        <v>129</v>
      </c>
      <c r="AM16163">
        <v>131</v>
      </c>
      <c r="AN16163">
        <v>133</v>
      </c>
      <c r="AO16163">
        <v>134</v>
      </c>
      <c r="AP16163">
        <v>136</v>
      </c>
      <c r="AQ16163">
        <v>137</v>
      </c>
    </row>
    <row r="16164" spans="1:43">
      <c r="A16164" t="s">
        <v>10040</v>
      </c>
      <c r="B16164" t="s">
        <v>10041</v>
      </c>
      <c r="C16164" t="s">
        <v>10038</v>
      </c>
      <c r="D16164" t="s">
        <v>10039</v>
      </c>
      <c r="E16164" t="s">
        <v>9956</v>
      </c>
      <c r="F16164" t="s">
        <v>9957</v>
      </c>
      <c r="G16164" t="s">
        <v>80</v>
      </c>
      <c r="H16164" t="s">
        <v>81</v>
      </c>
      <c r="I16164" s="2">
        <v>0</v>
      </c>
      <c r="J16164" s="2">
        <v>1</v>
      </c>
      <c r="K16164" s="2">
        <v>0</v>
      </c>
      <c r="L16164" t="s">
        <v>82</v>
      </c>
      <c r="M16164" t="s">
        <v>89</v>
      </c>
      <c r="N16164" t="s">
        <v>90</v>
      </c>
      <c r="O16164" t="s">
        <v>85</v>
      </c>
      <c r="P16164" t="s">
        <v>86</v>
      </c>
      <c r="Q16164">
        <v>101</v>
      </c>
      <c r="R16164">
        <v>104</v>
      </c>
      <c r="S16164">
        <v>108</v>
      </c>
      <c r="T16164">
        <v>111</v>
      </c>
      <c r="U16164">
        <v>114</v>
      </c>
      <c r="V16164">
        <v>117</v>
      </c>
      <c r="W16164">
        <v>120</v>
      </c>
      <c r="X16164">
        <v>123</v>
      </c>
      <c r="Y16164">
        <v>126</v>
      </c>
      <c r="Z16164">
        <v>129</v>
      </c>
      <c r="AA16164">
        <v>132</v>
      </c>
      <c r="AB16164">
        <v>135</v>
      </c>
      <c r="AC16164">
        <v>138</v>
      </c>
      <c r="AD16164">
        <v>141</v>
      </c>
      <c r="AE16164">
        <v>144</v>
      </c>
      <c r="AF16164">
        <v>145</v>
      </c>
      <c r="AG16164">
        <v>146</v>
      </c>
      <c r="AH16164">
        <v>147</v>
      </c>
      <c r="AI16164">
        <v>149</v>
      </c>
      <c r="AJ16164">
        <v>150</v>
      </c>
      <c r="AK16164">
        <v>151</v>
      </c>
      <c r="AL16164">
        <v>152</v>
      </c>
      <c r="AM16164">
        <v>154</v>
      </c>
      <c r="AN16164">
        <v>155</v>
      </c>
      <c r="AO16164">
        <v>156</v>
      </c>
      <c r="AP16164">
        <v>158</v>
      </c>
      <c r="AQ16164">
        <v>159</v>
      </c>
    </row>
    <row r="16165" spans="1:43">
      <c r="A16165" t="s">
        <v>10040</v>
      </c>
      <c r="B16165" t="s">
        <v>10041</v>
      </c>
      <c r="C16165" t="s">
        <v>10038</v>
      </c>
      <c r="D16165" t="s">
        <v>10039</v>
      </c>
      <c r="E16165" t="s">
        <v>9956</v>
      </c>
      <c r="F16165" t="s">
        <v>9957</v>
      </c>
      <c r="G16165" t="s">
        <v>80</v>
      </c>
      <c r="H16165" t="s">
        <v>81</v>
      </c>
      <c r="I16165" s="2">
        <v>0</v>
      </c>
      <c r="J16165" s="2">
        <v>1</v>
      </c>
      <c r="K16165" s="2">
        <v>0</v>
      </c>
      <c r="L16165" t="s">
        <v>82</v>
      </c>
      <c r="M16165" t="s">
        <v>83</v>
      </c>
      <c r="N16165" t="s">
        <v>91</v>
      </c>
      <c r="O16165" t="s">
        <v>85</v>
      </c>
      <c r="P16165" t="s">
        <v>86</v>
      </c>
      <c r="Q16165">
        <v>101</v>
      </c>
      <c r="R16165">
        <v>104</v>
      </c>
      <c r="S16165">
        <v>106</v>
      </c>
      <c r="T16165">
        <v>108</v>
      </c>
      <c r="U16165">
        <v>110</v>
      </c>
      <c r="V16165">
        <v>113</v>
      </c>
      <c r="W16165">
        <v>115</v>
      </c>
      <c r="X16165">
        <v>117</v>
      </c>
      <c r="Y16165">
        <v>120</v>
      </c>
      <c r="Z16165">
        <v>122</v>
      </c>
      <c r="AA16165">
        <v>125</v>
      </c>
      <c r="AB16165">
        <v>127</v>
      </c>
      <c r="AC16165">
        <v>129</v>
      </c>
      <c r="AD16165">
        <v>132</v>
      </c>
      <c r="AE16165">
        <v>135</v>
      </c>
      <c r="AF16165">
        <v>137</v>
      </c>
      <c r="AG16165">
        <v>140</v>
      </c>
      <c r="AH16165">
        <v>142</v>
      </c>
      <c r="AI16165">
        <v>145</v>
      </c>
      <c r="AJ16165">
        <v>148</v>
      </c>
      <c r="AK16165">
        <v>151</v>
      </c>
      <c r="AL16165">
        <v>152</v>
      </c>
      <c r="AM16165">
        <v>154</v>
      </c>
      <c r="AN16165">
        <v>155</v>
      </c>
      <c r="AO16165">
        <v>156</v>
      </c>
      <c r="AP16165">
        <v>157</v>
      </c>
      <c r="AQ16165">
        <v>159</v>
      </c>
    </row>
    <row r="16166" spans="1:43">
      <c r="A16166" t="s">
        <v>10042</v>
      </c>
      <c r="B16166" t="s">
        <v>10043</v>
      </c>
      <c r="C16166" t="s">
        <v>10034</v>
      </c>
      <c r="D16166" t="s">
        <v>10035</v>
      </c>
      <c r="E16166" t="s">
        <v>9956</v>
      </c>
      <c r="F16166" t="s">
        <v>9957</v>
      </c>
      <c r="G16166" t="s">
        <v>80</v>
      </c>
      <c r="H16166" t="s">
        <v>81</v>
      </c>
      <c r="I16166" s="2">
        <v>0</v>
      </c>
      <c r="J16166" s="2">
        <v>1</v>
      </c>
      <c r="K16166" s="2">
        <v>0</v>
      </c>
      <c r="L16166" t="s">
        <v>82</v>
      </c>
      <c r="M16166" t="s">
        <v>83</v>
      </c>
      <c r="N16166" t="s">
        <v>84</v>
      </c>
      <c r="O16166" t="s">
        <v>85</v>
      </c>
      <c r="P16166" t="s">
        <v>86</v>
      </c>
      <c r="Q16166">
        <v>54</v>
      </c>
      <c r="R16166">
        <v>55</v>
      </c>
      <c r="S16166">
        <v>56</v>
      </c>
      <c r="T16166">
        <v>58</v>
      </c>
      <c r="U16166">
        <v>59</v>
      </c>
      <c r="V16166">
        <v>60</v>
      </c>
      <c r="W16166">
        <v>61</v>
      </c>
      <c r="X16166">
        <v>62</v>
      </c>
      <c r="Y16166">
        <v>64</v>
      </c>
      <c r="Z16166">
        <v>65</v>
      </c>
      <c r="AA16166">
        <v>66</v>
      </c>
      <c r="AB16166">
        <v>68</v>
      </c>
      <c r="AC16166">
        <v>69</v>
      </c>
      <c r="AD16166">
        <v>70</v>
      </c>
      <c r="AE16166">
        <v>72</v>
      </c>
      <c r="AF16166">
        <v>73</v>
      </c>
      <c r="AG16166">
        <v>74</v>
      </c>
      <c r="AH16166">
        <v>76</v>
      </c>
      <c r="AI16166">
        <v>77</v>
      </c>
      <c r="AJ16166">
        <v>79</v>
      </c>
      <c r="AK16166">
        <v>80</v>
      </c>
      <c r="AL16166">
        <v>81</v>
      </c>
      <c r="AM16166">
        <v>82</v>
      </c>
      <c r="AN16166">
        <v>82</v>
      </c>
      <c r="AO16166">
        <v>83</v>
      </c>
      <c r="AP16166">
        <v>84</v>
      </c>
      <c r="AQ16166">
        <v>85</v>
      </c>
    </row>
    <row r="16167" spans="1:43">
      <c r="A16167" t="s">
        <v>10042</v>
      </c>
      <c r="B16167" t="s">
        <v>10043</v>
      </c>
      <c r="C16167" t="s">
        <v>10034</v>
      </c>
      <c r="D16167" t="s">
        <v>10035</v>
      </c>
      <c r="E16167" t="s">
        <v>9956</v>
      </c>
      <c r="F16167" t="s">
        <v>9957</v>
      </c>
      <c r="G16167" t="s">
        <v>80</v>
      </c>
      <c r="H16167" t="s">
        <v>81</v>
      </c>
      <c r="I16167" s="2">
        <v>0</v>
      </c>
      <c r="J16167" s="2">
        <v>1</v>
      </c>
      <c r="K16167" s="2">
        <v>0</v>
      </c>
      <c r="L16167" t="s">
        <v>82</v>
      </c>
      <c r="M16167" t="s">
        <v>87</v>
      </c>
      <c r="N16167" t="s">
        <v>88</v>
      </c>
      <c r="O16167" t="s">
        <v>85</v>
      </c>
      <c r="P16167" t="s">
        <v>86</v>
      </c>
      <c r="Q16167">
        <v>54</v>
      </c>
      <c r="R16167">
        <v>54</v>
      </c>
      <c r="S16167">
        <v>55</v>
      </c>
      <c r="T16167">
        <v>56</v>
      </c>
      <c r="U16167">
        <v>56</v>
      </c>
      <c r="V16167">
        <v>57</v>
      </c>
      <c r="W16167">
        <v>58</v>
      </c>
      <c r="X16167">
        <v>58</v>
      </c>
      <c r="Y16167">
        <v>59</v>
      </c>
      <c r="Z16167">
        <v>60</v>
      </c>
      <c r="AA16167">
        <v>60</v>
      </c>
      <c r="AB16167">
        <v>61</v>
      </c>
      <c r="AC16167">
        <v>62</v>
      </c>
      <c r="AD16167">
        <v>63</v>
      </c>
      <c r="AE16167">
        <v>63</v>
      </c>
      <c r="AF16167">
        <v>64</v>
      </c>
      <c r="AG16167">
        <v>65</v>
      </c>
      <c r="AH16167">
        <v>66</v>
      </c>
      <c r="AI16167">
        <v>66</v>
      </c>
      <c r="AJ16167">
        <v>67</v>
      </c>
      <c r="AK16167">
        <v>68</v>
      </c>
      <c r="AL16167">
        <v>69</v>
      </c>
      <c r="AM16167">
        <v>70</v>
      </c>
      <c r="AN16167">
        <v>71</v>
      </c>
      <c r="AO16167">
        <v>71</v>
      </c>
      <c r="AP16167">
        <v>72</v>
      </c>
      <c r="AQ16167">
        <v>73</v>
      </c>
    </row>
    <row r="16168" spans="1:43">
      <c r="A16168" t="s">
        <v>10042</v>
      </c>
      <c r="B16168" t="s">
        <v>10043</v>
      </c>
      <c r="C16168" t="s">
        <v>10034</v>
      </c>
      <c r="D16168" t="s">
        <v>10035</v>
      </c>
      <c r="E16168" t="s">
        <v>9956</v>
      </c>
      <c r="F16168" t="s">
        <v>9957</v>
      </c>
      <c r="G16168" t="s">
        <v>80</v>
      </c>
      <c r="H16168" t="s">
        <v>81</v>
      </c>
      <c r="I16168" s="2">
        <v>0</v>
      </c>
      <c r="J16168" s="2">
        <v>1</v>
      </c>
      <c r="K16168" s="2">
        <v>0</v>
      </c>
      <c r="L16168" t="s">
        <v>82</v>
      </c>
      <c r="M16168" t="s">
        <v>89</v>
      </c>
      <c r="N16168" t="s">
        <v>90</v>
      </c>
      <c r="O16168" t="s">
        <v>85</v>
      </c>
      <c r="P16168" t="s">
        <v>86</v>
      </c>
      <c r="Q16168">
        <v>54</v>
      </c>
      <c r="R16168">
        <v>55</v>
      </c>
      <c r="S16168">
        <v>57</v>
      </c>
      <c r="T16168">
        <v>59</v>
      </c>
      <c r="U16168">
        <v>60</v>
      </c>
      <c r="V16168">
        <v>62</v>
      </c>
      <c r="W16168">
        <v>63</v>
      </c>
      <c r="X16168">
        <v>65</v>
      </c>
      <c r="Y16168">
        <v>67</v>
      </c>
      <c r="Z16168">
        <v>68</v>
      </c>
      <c r="AA16168">
        <v>70</v>
      </c>
      <c r="AB16168">
        <v>71</v>
      </c>
      <c r="AC16168">
        <v>73</v>
      </c>
      <c r="AD16168">
        <v>75</v>
      </c>
      <c r="AE16168">
        <v>76</v>
      </c>
      <c r="AF16168">
        <v>77</v>
      </c>
      <c r="AG16168">
        <v>77</v>
      </c>
      <c r="AH16168">
        <v>78</v>
      </c>
      <c r="AI16168">
        <v>79</v>
      </c>
      <c r="AJ16168">
        <v>79</v>
      </c>
      <c r="AK16168">
        <v>80</v>
      </c>
      <c r="AL16168">
        <v>81</v>
      </c>
      <c r="AM16168">
        <v>82</v>
      </c>
      <c r="AN16168">
        <v>82</v>
      </c>
      <c r="AO16168">
        <v>83</v>
      </c>
      <c r="AP16168">
        <v>84</v>
      </c>
      <c r="AQ16168">
        <v>84</v>
      </c>
    </row>
    <row r="16169" spans="1:43">
      <c r="A16169" t="s">
        <v>10042</v>
      </c>
      <c r="B16169" t="s">
        <v>10043</v>
      </c>
      <c r="C16169" t="s">
        <v>10034</v>
      </c>
      <c r="D16169" t="s">
        <v>10035</v>
      </c>
      <c r="E16169" t="s">
        <v>9956</v>
      </c>
      <c r="F16169" t="s">
        <v>9957</v>
      </c>
      <c r="G16169" t="s">
        <v>80</v>
      </c>
      <c r="H16169" t="s">
        <v>81</v>
      </c>
      <c r="I16169" s="2">
        <v>0</v>
      </c>
      <c r="J16169" s="2">
        <v>1</v>
      </c>
      <c r="K16169" s="2">
        <v>0</v>
      </c>
      <c r="L16169" t="s">
        <v>82</v>
      </c>
      <c r="M16169" t="s">
        <v>83</v>
      </c>
      <c r="N16169" t="s">
        <v>91</v>
      </c>
      <c r="O16169" t="s">
        <v>85</v>
      </c>
      <c r="P16169" t="s">
        <v>86</v>
      </c>
      <c r="Q16169">
        <v>54</v>
      </c>
      <c r="R16169">
        <v>55</v>
      </c>
      <c r="S16169">
        <v>56</v>
      </c>
      <c r="T16169">
        <v>58</v>
      </c>
      <c r="U16169">
        <v>59</v>
      </c>
      <c r="V16169">
        <v>60</v>
      </c>
      <c r="W16169">
        <v>61</v>
      </c>
      <c r="X16169">
        <v>62</v>
      </c>
      <c r="Y16169">
        <v>64</v>
      </c>
      <c r="Z16169">
        <v>65</v>
      </c>
      <c r="AA16169">
        <v>66</v>
      </c>
      <c r="AB16169">
        <v>68</v>
      </c>
      <c r="AC16169">
        <v>69</v>
      </c>
      <c r="AD16169">
        <v>70</v>
      </c>
      <c r="AE16169">
        <v>72</v>
      </c>
      <c r="AF16169">
        <v>73</v>
      </c>
      <c r="AG16169">
        <v>74</v>
      </c>
      <c r="AH16169">
        <v>76</v>
      </c>
      <c r="AI16169">
        <v>77</v>
      </c>
      <c r="AJ16169">
        <v>79</v>
      </c>
      <c r="AK16169">
        <v>80</v>
      </c>
      <c r="AL16169">
        <v>81</v>
      </c>
      <c r="AM16169">
        <v>82</v>
      </c>
      <c r="AN16169">
        <v>82</v>
      </c>
      <c r="AO16169">
        <v>83</v>
      </c>
      <c r="AP16169">
        <v>84</v>
      </c>
      <c r="AQ16169">
        <v>85</v>
      </c>
    </row>
    <row r="16170" spans="1:43">
      <c r="A16170" t="s">
        <v>10044</v>
      </c>
      <c r="B16170" t="s">
        <v>10045</v>
      </c>
      <c r="C16170" t="s">
        <v>10034</v>
      </c>
      <c r="D16170" t="s">
        <v>10035</v>
      </c>
      <c r="E16170" t="s">
        <v>9956</v>
      </c>
      <c r="F16170" t="s">
        <v>9957</v>
      </c>
      <c r="G16170" t="s">
        <v>80</v>
      </c>
      <c r="H16170" t="s">
        <v>81</v>
      </c>
      <c r="I16170" s="2">
        <v>0</v>
      </c>
      <c r="J16170" s="2">
        <v>1</v>
      </c>
      <c r="K16170" s="2">
        <v>0</v>
      </c>
      <c r="L16170" t="s">
        <v>82</v>
      </c>
      <c r="M16170" t="s">
        <v>83</v>
      </c>
      <c r="N16170" t="s">
        <v>84</v>
      </c>
      <c r="O16170" t="s">
        <v>85</v>
      </c>
      <c r="P16170" t="s">
        <v>86</v>
      </c>
      <c r="Q16170">
        <v>123</v>
      </c>
      <c r="R16170">
        <v>125</v>
      </c>
      <c r="S16170">
        <v>128</v>
      </c>
      <c r="T16170">
        <v>131</v>
      </c>
      <c r="U16170">
        <v>134</v>
      </c>
      <c r="V16170">
        <v>136</v>
      </c>
      <c r="W16170">
        <v>139</v>
      </c>
      <c r="X16170">
        <v>142</v>
      </c>
      <c r="Y16170">
        <v>145</v>
      </c>
      <c r="Z16170">
        <v>148</v>
      </c>
      <c r="AA16170">
        <v>151</v>
      </c>
      <c r="AB16170">
        <v>154</v>
      </c>
      <c r="AC16170">
        <v>157</v>
      </c>
      <c r="AD16170">
        <v>160</v>
      </c>
      <c r="AE16170">
        <v>163</v>
      </c>
      <c r="AF16170">
        <v>166</v>
      </c>
      <c r="AG16170">
        <v>169</v>
      </c>
      <c r="AH16170">
        <v>172</v>
      </c>
      <c r="AI16170">
        <v>175</v>
      </c>
      <c r="AJ16170">
        <v>178</v>
      </c>
      <c r="AK16170">
        <v>182</v>
      </c>
      <c r="AL16170">
        <v>184</v>
      </c>
      <c r="AM16170">
        <v>186</v>
      </c>
      <c r="AN16170">
        <v>187</v>
      </c>
      <c r="AO16170">
        <v>189</v>
      </c>
      <c r="AP16170">
        <v>191</v>
      </c>
      <c r="AQ16170">
        <v>192</v>
      </c>
    </row>
    <row r="16171" spans="1:43">
      <c r="A16171" t="s">
        <v>10044</v>
      </c>
      <c r="B16171" t="s">
        <v>10045</v>
      </c>
      <c r="C16171" t="s">
        <v>10034</v>
      </c>
      <c r="D16171" t="s">
        <v>10035</v>
      </c>
      <c r="E16171" t="s">
        <v>9956</v>
      </c>
      <c r="F16171" t="s">
        <v>9957</v>
      </c>
      <c r="G16171" t="s">
        <v>80</v>
      </c>
      <c r="H16171" t="s">
        <v>81</v>
      </c>
      <c r="I16171" s="2">
        <v>0</v>
      </c>
      <c r="J16171" s="2">
        <v>1</v>
      </c>
      <c r="K16171" s="2">
        <v>0</v>
      </c>
      <c r="L16171" t="s">
        <v>82</v>
      </c>
      <c r="M16171" t="s">
        <v>87</v>
      </c>
      <c r="N16171" t="s">
        <v>88</v>
      </c>
      <c r="O16171" t="s">
        <v>85</v>
      </c>
      <c r="P16171" t="s">
        <v>86</v>
      </c>
      <c r="Q16171">
        <v>123</v>
      </c>
      <c r="R16171">
        <v>124</v>
      </c>
      <c r="S16171">
        <v>126</v>
      </c>
      <c r="T16171">
        <v>127</v>
      </c>
      <c r="U16171">
        <v>129</v>
      </c>
      <c r="V16171">
        <v>130</v>
      </c>
      <c r="W16171">
        <v>132</v>
      </c>
      <c r="X16171">
        <v>133</v>
      </c>
      <c r="Y16171">
        <v>135</v>
      </c>
      <c r="Z16171">
        <v>136</v>
      </c>
      <c r="AA16171">
        <v>138</v>
      </c>
      <c r="AB16171">
        <v>140</v>
      </c>
      <c r="AC16171">
        <v>142</v>
      </c>
      <c r="AD16171">
        <v>143</v>
      </c>
      <c r="AE16171">
        <v>145</v>
      </c>
      <c r="AF16171">
        <v>147</v>
      </c>
      <c r="AG16171">
        <v>148</v>
      </c>
      <c r="AH16171">
        <v>150</v>
      </c>
      <c r="AI16171">
        <v>152</v>
      </c>
      <c r="AJ16171">
        <v>154</v>
      </c>
      <c r="AK16171">
        <v>156</v>
      </c>
      <c r="AL16171">
        <v>158</v>
      </c>
      <c r="AM16171">
        <v>159</v>
      </c>
      <c r="AN16171">
        <v>161</v>
      </c>
      <c r="AO16171">
        <v>163</v>
      </c>
      <c r="AP16171">
        <v>165</v>
      </c>
      <c r="AQ16171">
        <v>167</v>
      </c>
    </row>
    <row r="16172" spans="1:43">
      <c r="A16172" t="s">
        <v>10044</v>
      </c>
      <c r="B16172" t="s">
        <v>10045</v>
      </c>
      <c r="C16172" t="s">
        <v>10034</v>
      </c>
      <c r="D16172" t="s">
        <v>10035</v>
      </c>
      <c r="E16172" t="s">
        <v>9956</v>
      </c>
      <c r="F16172" t="s">
        <v>9957</v>
      </c>
      <c r="G16172" t="s">
        <v>80</v>
      </c>
      <c r="H16172" t="s">
        <v>81</v>
      </c>
      <c r="I16172" s="2">
        <v>0</v>
      </c>
      <c r="J16172" s="2">
        <v>1</v>
      </c>
      <c r="K16172" s="2">
        <v>0</v>
      </c>
      <c r="L16172" t="s">
        <v>82</v>
      </c>
      <c r="M16172" t="s">
        <v>89</v>
      </c>
      <c r="N16172" t="s">
        <v>90</v>
      </c>
      <c r="O16172" t="s">
        <v>85</v>
      </c>
      <c r="P16172" t="s">
        <v>86</v>
      </c>
      <c r="Q16172">
        <v>123</v>
      </c>
      <c r="R16172">
        <v>127</v>
      </c>
      <c r="S16172">
        <v>130</v>
      </c>
      <c r="T16172">
        <v>134</v>
      </c>
      <c r="U16172">
        <v>138</v>
      </c>
      <c r="V16172">
        <v>142</v>
      </c>
      <c r="W16172">
        <v>145</v>
      </c>
      <c r="X16172">
        <v>149</v>
      </c>
      <c r="Y16172">
        <v>152</v>
      </c>
      <c r="Z16172">
        <v>156</v>
      </c>
      <c r="AA16172">
        <v>160</v>
      </c>
      <c r="AB16172">
        <v>163</v>
      </c>
      <c r="AC16172">
        <v>167</v>
      </c>
      <c r="AD16172">
        <v>171</v>
      </c>
      <c r="AE16172">
        <v>174</v>
      </c>
      <c r="AF16172">
        <v>175</v>
      </c>
      <c r="AG16172">
        <v>177</v>
      </c>
      <c r="AH16172">
        <v>179</v>
      </c>
      <c r="AI16172">
        <v>180</v>
      </c>
      <c r="AJ16172">
        <v>182</v>
      </c>
      <c r="AK16172">
        <v>183</v>
      </c>
      <c r="AL16172">
        <v>185</v>
      </c>
      <c r="AM16172">
        <v>187</v>
      </c>
      <c r="AN16172">
        <v>188</v>
      </c>
      <c r="AO16172">
        <v>190</v>
      </c>
      <c r="AP16172">
        <v>192</v>
      </c>
      <c r="AQ16172">
        <v>193</v>
      </c>
    </row>
    <row r="16173" spans="1:43">
      <c r="A16173" t="s">
        <v>10044</v>
      </c>
      <c r="B16173" t="s">
        <v>10045</v>
      </c>
      <c r="C16173" t="s">
        <v>10034</v>
      </c>
      <c r="D16173" t="s">
        <v>10035</v>
      </c>
      <c r="E16173" t="s">
        <v>9956</v>
      </c>
      <c r="F16173" t="s">
        <v>9957</v>
      </c>
      <c r="G16173" t="s">
        <v>80</v>
      </c>
      <c r="H16173" t="s">
        <v>81</v>
      </c>
      <c r="I16173" s="2">
        <v>0</v>
      </c>
      <c r="J16173" s="2">
        <v>1</v>
      </c>
      <c r="K16173" s="2">
        <v>0</v>
      </c>
      <c r="L16173" t="s">
        <v>82</v>
      </c>
      <c r="M16173" t="s">
        <v>83</v>
      </c>
      <c r="N16173" t="s">
        <v>91</v>
      </c>
      <c r="O16173" t="s">
        <v>85</v>
      </c>
      <c r="P16173" t="s">
        <v>86</v>
      </c>
      <c r="Q16173">
        <v>123</v>
      </c>
      <c r="R16173">
        <v>125</v>
      </c>
      <c r="S16173">
        <v>128</v>
      </c>
      <c r="T16173">
        <v>131</v>
      </c>
      <c r="U16173">
        <v>134</v>
      </c>
      <c r="V16173">
        <v>136</v>
      </c>
      <c r="W16173">
        <v>139</v>
      </c>
      <c r="X16173">
        <v>142</v>
      </c>
      <c r="Y16173">
        <v>145</v>
      </c>
      <c r="Z16173">
        <v>148</v>
      </c>
      <c r="AA16173">
        <v>151</v>
      </c>
      <c r="AB16173">
        <v>154</v>
      </c>
      <c r="AC16173">
        <v>157</v>
      </c>
      <c r="AD16173">
        <v>160</v>
      </c>
      <c r="AE16173">
        <v>163</v>
      </c>
      <c r="AF16173">
        <v>166</v>
      </c>
      <c r="AG16173">
        <v>169</v>
      </c>
      <c r="AH16173">
        <v>172</v>
      </c>
      <c r="AI16173">
        <v>175</v>
      </c>
      <c r="AJ16173">
        <v>178</v>
      </c>
      <c r="AK16173">
        <v>182</v>
      </c>
      <c r="AL16173">
        <v>184</v>
      </c>
      <c r="AM16173">
        <v>186</v>
      </c>
      <c r="AN16173">
        <v>187</v>
      </c>
      <c r="AO16173">
        <v>189</v>
      </c>
      <c r="AP16173">
        <v>191</v>
      </c>
      <c r="AQ16173">
        <v>192</v>
      </c>
    </row>
    <row r="16174" spans="1:43">
      <c r="A16174" t="s">
        <v>10046</v>
      </c>
      <c r="B16174" t="s">
        <v>10047</v>
      </c>
      <c r="C16174" t="s">
        <v>10034</v>
      </c>
      <c r="D16174" t="s">
        <v>10035</v>
      </c>
      <c r="E16174" t="s">
        <v>9956</v>
      </c>
      <c r="F16174" t="s">
        <v>9957</v>
      </c>
      <c r="G16174" t="s">
        <v>80</v>
      </c>
      <c r="H16174" t="s">
        <v>81</v>
      </c>
      <c r="I16174" s="2">
        <v>0</v>
      </c>
      <c r="J16174" s="2">
        <v>1</v>
      </c>
      <c r="K16174" s="2">
        <v>0</v>
      </c>
      <c r="L16174" t="s">
        <v>82</v>
      </c>
      <c r="M16174" t="s">
        <v>83</v>
      </c>
      <c r="N16174" t="s">
        <v>84</v>
      </c>
      <c r="O16174" t="s">
        <v>85</v>
      </c>
      <c r="P16174" t="s">
        <v>86</v>
      </c>
      <c r="Q16174">
        <v>44</v>
      </c>
      <c r="R16174">
        <v>45</v>
      </c>
      <c r="S16174">
        <v>46</v>
      </c>
      <c r="T16174">
        <v>47</v>
      </c>
      <c r="U16174">
        <v>48</v>
      </c>
      <c r="V16174">
        <v>49</v>
      </c>
      <c r="W16174">
        <v>50</v>
      </c>
      <c r="X16174">
        <v>51</v>
      </c>
      <c r="Y16174">
        <v>52</v>
      </c>
      <c r="Z16174">
        <v>53</v>
      </c>
      <c r="AA16174">
        <v>54</v>
      </c>
      <c r="AB16174">
        <v>55</v>
      </c>
      <c r="AC16174">
        <v>56</v>
      </c>
      <c r="AD16174">
        <v>57</v>
      </c>
      <c r="AE16174">
        <v>58</v>
      </c>
      <c r="AF16174">
        <v>59</v>
      </c>
      <c r="AG16174">
        <v>61</v>
      </c>
      <c r="AH16174">
        <v>62</v>
      </c>
      <c r="AI16174">
        <v>63</v>
      </c>
      <c r="AJ16174">
        <v>64</v>
      </c>
      <c r="AK16174">
        <v>65</v>
      </c>
      <c r="AL16174">
        <v>66</v>
      </c>
      <c r="AM16174">
        <v>67</v>
      </c>
      <c r="AN16174">
        <v>67</v>
      </c>
      <c r="AO16174">
        <v>68</v>
      </c>
      <c r="AP16174">
        <v>68</v>
      </c>
      <c r="AQ16174">
        <v>69</v>
      </c>
    </row>
    <row r="16175" spans="1:43">
      <c r="A16175" t="s">
        <v>10046</v>
      </c>
      <c r="B16175" t="s">
        <v>10047</v>
      </c>
      <c r="C16175" t="s">
        <v>10034</v>
      </c>
      <c r="D16175" t="s">
        <v>10035</v>
      </c>
      <c r="E16175" t="s">
        <v>9956</v>
      </c>
      <c r="F16175" t="s">
        <v>9957</v>
      </c>
      <c r="G16175" t="s">
        <v>80</v>
      </c>
      <c r="H16175" t="s">
        <v>81</v>
      </c>
      <c r="I16175" s="2">
        <v>0</v>
      </c>
      <c r="J16175" s="2">
        <v>1</v>
      </c>
      <c r="K16175" s="2">
        <v>0</v>
      </c>
      <c r="L16175" t="s">
        <v>82</v>
      </c>
      <c r="M16175" t="s">
        <v>87</v>
      </c>
      <c r="N16175" t="s">
        <v>88</v>
      </c>
      <c r="O16175" t="s">
        <v>85</v>
      </c>
      <c r="P16175" t="s">
        <v>86</v>
      </c>
      <c r="Q16175">
        <v>44</v>
      </c>
      <c r="R16175">
        <v>44</v>
      </c>
      <c r="S16175">
        <v>45</v>
      </c>
      <c r="T16175">
        <v>45</v>
      </c>
      <c r="U16175">
        <v>46</v>
      </c>
      <c r="V16175">
        <v>46</v>
      </c>
      <c r="W16175">
        <v>47</v>
      </c>
      <c r="X16175">
        <v>47</v>
      </c>
      <c r="Y16175">
        <v>48</v>
      </c>
      <c r="Z16175">
        <v>49</v>
      </c>
      <c r="AA16175">
        <v>49</v>
      </c>
      <c r="AB16175">
        <v>50</v>
      </c>
      <c r="AC16175">
        <v>50</v>
      </c>
      <c r="AD16175">
        <v>51</v>
      </c>
      <c r="AE16175">
        <v>52</v>
      </c>
      <c r="AF16175">
        <v>52</v>
      </c>
      <c r="AG16175">
        <v>53</v>
      </c>
      <c r="AH16175">
        <v>54</v>
      </c>
      <c r="AI16175">
        <v>54</v>
      </c>
      <c r="AJ16175">
        <v>55</v>
      </c>
      <c r="AK16175">
        <v>56</v>
      </c>
      <c r="AL16175">
        <v>56</v>
      </c>
      <c r="AM16175">
        <v>57</v>
      </c>
      <c r="AN16175">
        <v>58</v>
      </c>
      <c r="AO16175">
        <v>58</v>
      </c>
      <c r="AP16175">
        <v>59</v>
      </c>
      <c r="AQ16175">
        <v>60</v>
      </c>
    </row>
    <row r="16176" spans="1:43">
      <c r="A16176" t="s">
        <v>10046</v>
      </c>
      <c r="B16176" t="s">
        <v>10047</v>
      </c>
      <c r="C16176" t="s">
        <v>10034</v>
      </c>
      <c r="D16176" t="s">
        <v>10035</v>
      </c>
      <c r="E16176" t="s">
        <v>9956</v>
      </c>
      <c r="F16176" t="s">
        <v>9957</v>
      </c>
      <c r="G16176" t="s">
        <v>80</v>
      </c>
      <c r="H16176" t="s">
        <v>81</v>
      </c>
      <c r="I16176" s="2">
        <v>0</v>
      </c>
      <c r="J16176" s="2">
        <v>1</v>
      </c>
      <c r="K16176" s="2">
        <v>0</v>
      </c>
      <c r="L16176" t="s">
        <v>82</v>
      </c>
      <c r="M16176" t="s">
        <v>89</v>
      </c>
      <c r="N16176" t="s">
        <v>90</v>
      </c>
      <c r="O16176" t="s">
        <v>85</v>
      </c>
      <c r="P16176" t="s">
        <v>86</v>
      </c>
      <c r="Q16176">
        <v>44</v>
      </c>
      <c r="R16176">
        <v>46</v>
      </c>
      <c r="S16176">
        <v>47</v>
      </c>
      <c r="T16176">
        <v>49</v>
      </c>
      <c r="U16176">
        <v>50</v>
      </c>
      <c r="V16176">
        <v>51</v>
      </c>
      <c r="W16176">
        <v>53</v>
      </c>
      <c r="X16176">
        <v>54</v>
      </c>
      <c r="Y16176">
        <v>55</v>
      </c>
      <c r="Z16176">
        <v>56</v>
      </c>
      <c r="AA16176">
        <v>58</v>
      </c>
      <c r="AB16176">
        <v>59</v>
      </c>
      <c r="AC16176">
        <v>60</v>
      </c>
      <c r="AD16176">
        <v>62</v>
      </c>
      <c r="AE16176">
        <v>63</v>
      </c>
      <c r="AF16176">
        <v>63</v>
      </c>
      <c r="AG16176">
        <v>64</v>
      </c>
      <c r="AH16176">
        <v>64</v>
      </c>
      <c r="AI16176">
        <v>65</v>
      </c>
      <c r="AJ16176">
        <v>66</v>
      </c>
      <c r="AK16176">
        <v>66</v>
      </c>
      <c r="AL16176">
        <v>67</v>
      </c>
      <c r="AM16176">
        <v>67</v>
      </c>
      <c r="AN16176">
        <v>68</v>
      </c>
      <c r="AO16176">
        <v>69</v>
      </c>
      <c r="AP16176">
        <v>69</v>
      </c>
      <c r="AQ16176">
        <v>70</v>
      </c>
    </row>
    <row r="16177" spans="1:43">
      <c r="A16177" t="s">
        <v>10046</v>
      </c>
      <c r="B16177" t="s">
        <v>10047</v>
      </c>
      <c r="C16177" t="s">
        <v>10034</v>
      </c>
      <c r="D16177" t="s">
        <v>10035</v>
      </c>
      <c r="E16177" t="s">
        <v>9956</v>
      </c>
      <c r="F16177" t="s">
        <v>9957</v>
      </c>
      <c r="G16177" t="s">
        <v>80</v>
      </c>
      <c r="H16177" t="s">
        <v>81</v>
      </c>
      <c r="I16177" s="2">
        <v>0</v>
      </c>
      <c r="J16177" s="2">
        <v>1</v>
      </c>
      <c r="K16177" s="2">
        <v>0</v>
      </c>
      <c r="L16177" t="s">
        <v>82</v>
      </c>
      <c r="M16177" t="s">
        <v>83</v>
      </c>
      <c r="N16177" t="s">
        <v>91</v>
      </c>
      <c r="O16177" t="s">
        <v>85</v>
      </c>
      <c r="P16177" t="s">
        <v>86</v>
      </c>
      <c r="Q16177">
        <v>44</v>
      </c>
      <c r="R16177">
        <v>45</v>
      </c>
      <c r="S16177">
        <v>46</v>
      </c>
      <c r="T16177">
        <v>47</v>
      </c>
      <c r="U16177">
        <v>48</v>
      </c>
      <c r="V16177">
        <v>49</v>
      </c>
      <c r="W16177">
        <v>50</v>
      </c>
      <c r="X16177">
        <v>51</v>
      </c>
      <c r="Y16177">
        <v>52</v>
      </c>
      <c r="Z16177">
        <v>53</v>
      </c>
      <c r="AA16177">
        <v>54</v>
      </c>
      <c r="AB16177">
        <v>55</v>
      </c>
      <c r="AC16177">
        <v>56</v>
      </c>
      <c r="AD16177">
        <v>57</v>
      </c>
      <c r="AE16177">
        <v>58</v>
      </c>
      <c r="AF16177">
        <v>59</v>
      </c>
      <c r="AG16177">
        <v>61</v>
      </c>
      <c r="AH16177">
        <v>62</v>
      </c>
      <c r="AI16177">
        <v>63</v>
      </c>
      <c r="AJ16177">
        <v>64</v>
      </c>
      <c r="AK16177">
        <v>65</v>
      </c>
      <c r="AL16177">
        <v>66</v>
      </c>
      <c r="AM16177">
        <v>67</v>
      </c>
      <c r="AN16177">
        <v>67</v>
      </c>
      <c r="AO16177">
        <v>68</v>
      </c>
      <c r="AP16177">
        <v>68</v>
      </c>
      <c r="AQ16177">
        <v>69</v>
      </c>
    </row>
    <row r="16178" spans="1:43">
      <c r="A16178" t="s">
        <v>10048</v>
      </c>
      <c r="B16178" t="s">
        <v>10049</v>
      </c>
      <c r="C16178" t="s">
        <v>10050</v>
      </c>
      <c r="D16178" t="s">
        <v>10051</v>
      </c>
      <c r="E16178" t="s">
        <v>9956</v>
      </c>
      <c r="F16178" t="s">
        <v>9957</v>
      </c>
      <c r="G16178" t="s">
        <v>80</v>
      </c>
      <c r="H16178" t="s">
        <v>81</v>
      </c>
      <c r="I16178" s="2">
        <v>0</v>
      </c>
      <c r="J16178" s="2">
        <v>1</v>
      </c>
      <c r="K16178" s="2">
        <v>0</v>
      </c>
      <c r="L16178" t="s">
        <v>82</v>
      </c>
      <c r="M16178" t="s">
        <v>83</v>
      </c>
      <c r="N16178" t="s">
        <v>84</v>
      </c>
      <c r="O16178" t="s">
        <v>85</v>
      </c>
      <c r="P16178" t="s">
        <v>86</v>
      </c>
      <c r="Q16178">
        <v>198</v>
      </c>
      <c r="R16178">
        <v>202</v>
      </c>
      <c r="S16178">
        <v>207</v>
      </c>
      <c r="T16178">
        <v>211</v>
      </c>
      <c r="U16178">
        <v>215</v>
      </c>
      <c r="V16178">
        <v>220</v>
      </c>
      <c r="W16178">
        <v>224</v>
      </c>
      <c r="X16178">
        <v>229</v>
      </c>
      <c r="Y16178">
        <v>234</v>
      </c>
      <c r="Z16178">
        <v>238</v>
      </c>
      <c r="AA16178">
        <v>243</v>
      </c>
      <c r="AB16178">
        <v>248</v>
      </c>
      <c r="AC16178">
        <v>253</v>
      </c>
      <c r="AD16178">
        <v>258</v>
      </c>
      <c r="AE16178">
        <v>262</v>
      </c>
      <c r="AF16178">
        <v>267</v>
      </c>
      <c r="AG16178">
        <v>272</v>
      </c>
      <c r="AH16178">
        <v>278</v>
      </c>
      <c r="AI16178">
        <v>283</v>
      </c>
      <c r="AJ16178">
        <v>288</v>
      </c>
      <c r="AK16178">
        <v>293</v>
      </c>
      <c r="AL16178">
        <v>297</v>
      </c>
      <c r="AM16178">
        <v>299</v>
      </c>
      <c r="AN16178">
        <v>302</v>
      </c>
      <c r="AO16178">
        <v>304</v>
      </c>
      <c r="AP16178">
        <v>307</v>
      </c>
      <c r="AQ16178">
        <v>310</v>
      </c>
    </row>
    <row r="16179" spans="1:43">
      <c r="A16179" t="s">
        <v>10048</v>
      </c>
      <c r="B16179" t="s">
        <v>10049</v>
      </c>
      <c r="C16179" t="s">
        <v>10050</v>
      </c>
      <c r="D16179" t="s">
        <v>10051</v>
      </c>
      <c r="E16179" t="s">
        <v>9956</v>
      </c>
      <c r="F16179" t="s">
        <v>9957</v>
      </c>
      <c r="G16179" t="s">
        <v>80</v>
      </c>
      <c r="H16179" t="s">
        <v>81</v>
      </c>
      <c r="I16179" s="2">
        <v>0</v>
      </c>
      <c r="J16179" s="2">
        <v>1</v>
      </c>
      <c r="K16179" s="2">
        <v>0</v>
      </c>
      <c r="L16179" t="s">
        <v>82</v>
      </c>
      <c r="M16179" t="s">
        <v>87</v>
      </c>
      <c r="N16179" t="s">
        <v>88</v>
      </c>
      <c r="O16179" t="s">
        <v>85</v>
      </c>
      <c r="P16179" t="s">
        <v>86</v>
      </c>
      <c r="Q16179">
        <v>198</v>
      </c>
      <c r="R16179">
        <v>201</v>
      </c>
      <c r="S16179">
        <v>203</v>
      </c>
      <c r="T16179">
        <v>206</v>
      </c>
      <c r="U16179">
        <v>208</v>
      </c>
      <c r="V16179">
        <v>210</v>
      </c>
      <c r="W16179">
        <v>213</v>
      </c>
      <c r="X16179">
        <v>215</v>
      </c>
      <c r="Y16179">
        <v>218</v>
      </c>
      <c r="Z16179">
        <v>221</v>
      </c>
      <c r="AA16179">
        <v>223</v>
      </c>
      <c r="AB16179">
        <v>226</v>
      </c>
      <c r="AC16179">
        <v>229</v>
      </c>
      <c r="AD16179">
        <v>231</v>
      </c>
      <c r="AE16179">
        <v>234</v>
      </c>
      <c r="AF16179">
        <v>237</v>
      </c>
      <c r="AG16179">
        <v>240</v>
      </c>
      <c r="AH16179">
        <v>243</v>
      </c>
      <c r="AI16179">
        <v>246</v>
      </c>
      <c r="AJ16179">
        <v>249</v>
      </c>
      <c r="AK16179">
        <v>252</v>
      </c>
      <c r="AL16179">
        <v>254</v>
      </c>
      <c r="AM16179">
        <v>258</v>
      </c>
      <c r="AN16179">
        <v>261</v>
      </c>
      <c r="AO16179">
        <v>264</v>
      </c>
      <c r="AP16179">
        <v>267</v>
      </c>
      <c r="AQ16179">
        <v>270</v>
      </c>
    </row>
    <row r="16180" spans="1:43">
      <c r="A16180" t="s">
        <v>10048</v>
      </c>
      <c r="B16180" t="s">
        <v>10049</v>
      </c>
      <c r="C16180" t="s">
        <v>10050</v>
      </c>
      <c r="D16180" t="s">
        <v>10051</v>
      </c>
      <c r="E16180" t="s">
        <v>9956</v>
      </c>
      <c r="F16180" t="s">
        <v>9957</v>
      </c>
      <c r="G16180" t="s">
        <v>80</v>
      </c>
      <c r="H16180" t="s">
        <v>81</v>
      </c>
      <c r="I16180" s="2">
        <v>0</v>
      </c>
      <c r="J16180" s="2">
        <v>1</v>
      </c>
      <c r="K16180" s="2">
        <v>0</v>
      </c>
      <c r="L16180" t="s">
        <v>82</v>
      </c>
      <c r="M16180" t="s">
        <v>89</v>
      </c>
      <c r="N16180" t="s">
        <v>90</v>
      </c>
      <c r="O16180" t="s">
        <v>85</v>
      </c>
      <c r="P16180" t="s">
        <v>86</v>
      </c>
      <c r="Q16180">
        <v>198</v>
      </c>
      <c r="R16180">
        <v>204</v>
      </c>
      <c r="S16180">
        <v>210</v>
      </c>
      <c r="T16180">
        <v>216</v>
      </c>
      <c r="U16180">
        <v>222</v>
      </c>
      <c r="V16180">
        <v>228</v>
      </c>
      <c r="W16180">
        <v>234</v>
      </c>
      <c r="X16180">
        <v>240</v>
      </c>
      <c r="Y16180">
        <v>246</v>
      </c>
      <c r="Z16180">
        <v>251</v>
      </c>
      <c r="AA16180">
        <v>257</v>
      </c>
      <c r="AB16180">
        <v>263</v>
      </c>
      <c r="AC16180">
        <v>269</v>
      </c>
      <c r="AD16180">
        <v>275</v>
      </c>
      <c r="AE16180">
        <v>280</v>
      </c>
      <c r="AF16180">
        <v>282</v>
      </c>
      <c r="AG16180">
        <v>285</v>
      </c>
      <c r="AH16180">
        <v>287</v>
      </c>
      <c r="AI16180">
        <v>290</v>
      </c>
      <c r="AJ16180">
        <v>292</v>
      </c>
      <c r="AK16180">
        <v>295</v>
      </c>
      <c r="AL16180">
        <v>297</v>
      </c>
      <c r="AM16180">
        <v>300</v>
      </c>
      <c r="AN16180">
        <v>302</v>
      </c>
      <c r="AO16180">
        <v>305</v>
      </c>
      <c r="AP16180">
        <v>308</v>
      </c>
      <c r="AQ16180">
        <v>310</v>
      </c>
    </row>
    <row r="16181" spans="1:43">
      <c r="A16181" t="s">
        <v>10048</v>
      </c>
      <c r="B16181" t="s">
        <v>10049</v>
      </c>
      <c r="C16181" t="s">
        <v>10050</v>
      </c>
      <c r="D16181" t="s">
        <v>10051</v>
      </c>
      <c r="E16181" t="s">
        <v>9956</v>
      </c>
      <c r="F16181" t="s">
        <v>9957</v>
      </c>
      <c r="G16181" t="s">
        <v>80</v>
      </c>
      <c r="H16181" t="s">
        <v>81</v>
      </c>
      <c r="I16181" s="2">
        <v>0</v>
      </c>
      <c r="J16181" s="2">
        <v>1</v>
      </c>
      <c r="K16181" s="2">
        <v>0</v>
      </c>
      <c r="L16181" t="s">
        <v>82</v>
      </c>
      <c r="M16181" t="s">
        <v>83</v>
      </c>
      <c r="N16181" t="s">
        <v>91</v>
      </c>
      <c r="O16181" t="s">
        <v>85</v>
      </c>
      <c r="P16181" t="s">
        <v>86</v>
      </c>
      <c r="Q16181">
        <v>198</v>
      </c>
      <c r="R16181">
        <v>202</v>
      </c>
      <c r="S16181">
        <v>207</v>
      </c>
      <c r="T16181">
        <v>211</v>
      </c>
      <c r="U16181">
        <v>215</v>
      </c>
      <c r="V16181">
        <v>220</v>
      </c>
      <c r="W16181">
        <v>224</v>
      </c>
      <c r="X16181">
        <v>229</v>
      </c>
      <c r="Y16181">
        <v>234</v>
      </c>
      <c r="Z16181">
        <v>238</v>
      </c>
      <c r="AA16181">
        <v>243</v>
      </c>
      <c r="AB16181">
        <v>248</v>
      </c>
      <c r="AC16181">
        <v>253</v>
      </c>
      <c r="AD16181">
        <v>258</v>
      </c>
      <c r="AE16181">
        <v>262</v>
      </c>
      <c r="AF16181">
        <v>267</v>
      </c>
      <c r="AG16181">
        <v>272</v>
      </c>
      <c r="AH16181">
        <v>278</v>
      </c>
      <c r="AI16181">
        <v>283</v>
      </c>
      <c r="AJ16181">
        <v>288</v>
      </c>
      <c r="AK16181">
        <v>293</v>
      </c>
      <c r="AL16181">
        <v>297</v>
      </c>
      <c r="AM16181">
        <v>299</v>
      </c>
      <c r="AN16181">
        <v>302</v>
      </c>
      <c r="AO16181">
        <v>304</v>
      </c>
      <c r="AP16181">
        <v>307</v>
      </c>
      <c r="AQ16181">
        <v>310</v>
      </c>
    </row>
    <row r="16182" spans="1:43">
      <c r="A16182" t="s">
        <v>10052</v>
      </c>
      <c r="B16182" t="s">
        <v>10053</v>
      </c>
      <c r="C16182" t="s">
        <v>10050</v>
      </c>
      <c r="D16182" t="s">
        <v>10051</v>
      </c>
      <c r="E16182" t="s">
        <v>9956</v>
      </c>
      <c r="F16182" t="s">
        <v>9957</v>
      </c>
      <c r="G16182" t="s">
        <v>80</v>
      </c>
      <c r="H16182" t="s">
        <v>81</v>
      </c>
      <c r="I16182" s="2">
        <v>0</v>
      </c>
      <c r="J16182" s="2">
        <v>1</v>
      </c>
      <c r="K16182" s="2">
        <v>0</v>
      </c>
      <c r="L16182" t="s">
        <v>82</v>
      </c>
      <c r="M16182" t="s">
        <v>83</v>
      </c>
      <c r="N16182" t="s">
        <v>84</v>
      </c>
      <c r="O16182" t="s">
        <v>85</v>
      </c>
      <c r="P16182" t="s">
        <v>86</v>
      </c>
      <c r="Q16182">
        <v>180</v>
      </c>
      <c r="R16182">
        <v>184</v>
      </c>
      <c r="S16182">
        <v>188</v>
      </c>
      <c r="T16182">
        <v>192</v>
      </c>
      <c r="U16182">
        <v>196</v>
      </c>
      <c r="V16182">
        <v>200</v>
      </c>
      <c r="W16182">
        <v>204</v>
      </c>
      <c r="X16182">
        <v>208</v>
      </c>
      <c r="Y16182">
        <v>212</v>
      </c>
      <c r="Z16182">
        <v>216</v>
      </c>
      <c r="AA16182">
        <v>221</v>
      </c>
      <c r="AB16182">
        <v>225</v>
      </c>
      <c r="AC16182">
        <v>230</v>
      </c>
      <c r="AD16182">
        <v>234</v>
      </c>
      <c r="AE16182">
        <v>239</v>
      </c>
      <c r="AF16182">
        <v>243</v>
      </c>
      <c r="AG16182">
        <v>248</v>
      </c>
      <c r="AH16182">
        <v>253</v>
      </c>
      <c r="AI16182">
        <v>257</v>
      </c>
      <c r="AJ16182">
        <v>262</v>
      </c>
      <c r="AK16182">
        <v>267</v>
      </c>
      <c r="AL16182">
        <v>270</v>
      </c>
      <c r="AM16182">
        <v>272</v>
      </c>
      <c r="AN16182">
        <v>275</v>
      </c>
      <c r="AO16182">
        <v>277</v>
      </c>
      <c r="AP16182">
        <v>280</v>
      </c>
      <c r="AQ16182">
        <v>282</v>
      </c>
    </row>
    <row r="16183" spans="1:43">
      <c r="A16183" t="s">
        <v>10052</v>
      </c>
      <c r="B16183" t="s">
        <v>10053</v>
      </c>
      <c r="C16183" t="s">
        <v>10050</v>
      </c>
      <c r="D16183" t="s">
        <v>10051</v>
      </c>
      <c r="E16183" t="s">
        <v>9956</v>
      </c>
      <c r="F16183" t="s">
        <v>9957</v>
      </c>
      <c r="G16183" t="s">
        <v>80</v>
      </c>
      <c r="H16183" t="s">
        <v>81</v>
      </c>
      <c r="I16183" s="2">
        <v>0</v>
      </c>
      <c r="J16183" s="2">
        <v>1</v>
      </c>
      <c r="K16183" s="2">
        <v>0</v>
      </c>
      <c r="L16183" t="s">
        <v>82</v>
      </c>
      <c r="M16183" t="s">
        <v>87</v>
      </c>
      <c r="N16183" t="s">
        <v>88</v>
      </c>
      <c r="O16183" t="s">
        <v>85</v>
      </c>
      <c r="P16183" t="s">
        <v>86</v>
      </c>
      <c r="Q16183">
        <v>180</v>
      </c>
      <c r="R16183">
        <v>182</v>
      </c>
      <c r="S16183">
        <v>185</v>
      </c>
      <c r="T16183">
        <v>187</v>
      </c>
      <c r="U16183">
        <v>189</v>
      </c>
      <c r="V16183">
        <v>191</v>
      </c>
      <c r="W16183">
        <v>194</v>
      </c>
      <c r="X16183">
        <v>196</v>
      </c>
      <c r="Y16183">
        <v>198</v>
      </c>
      <c r="Z16183">
        <v>201</v>
      </c>
      <c r="AA16183">
        <v>203</v>
      </c>
      <c r="AB16183">
        <v>205</v>
      </c>
      <c r="AC16183">
        <v>208</v>
      </c>
      <c r="AD16183">
        <v>210</v>
      </c>
      <c r="AE16183">
        <v>213</v>
      </c>
      <c r="AF16183">
        <v>216</v>
      </c>
      <c r="AG16183">
        <v>218</v>
      </c>
      <c r="AH16183">
        <v>221</v>
      </c>
      <c r="AI16183">
        <v>223</v>
      </c>
      <c r="AJ16183">
        <v>226</v>
      </c>
      <c r="AK16183">
        <v>229</v>
      </c>
      <c r="AL16183">
        <v>231</v>
      </c>
      <c r="AM16183">
        <v>234</v>
      </c>
      <c r="AN16183">
        <v>237</v>
      </c>
      <c r="AO16183">
        <v>240</v>
      </c>
      <c r="AP16183">
        <v>243</v>
      </c>
      <c r="AQ16183">
        <v>246</v>
      </c>
    </row>
    <row r="16184" spans="1:43">
      <c r="A16184" t="s">
        <v>10052</v>
      </c>
      <c r="B16184" t="s">
        <v>10053</v>
      </c>
      <c r="C16184" t="s">
        <v>10050</v>
      </c>
      <c r="D16184" t="s">
        <v>10051</v>
      </c>
      <c r="E16184" t="s">
        <v>9956</v>
      </c>
      <c r="F16184" t="s">
        <v>9957</v>
      </c>
      <c r="G16184" t="s">
        <v>80</v>
      </c>
      <c r="H16184" t="s">
        <v>81</v>
      </c>
      <c r="I16184" s="2">
        <v>0</v>
      </c>
      <c r="J16184" s="2">
        <v>1</v>
      </c>
      <c r="K16184" s="2">
        <v>0</v>
      </c>
      <c r="L16184" t="s">
        <v>82</v>
      </c>
      <c r="M16184" t="s">
        <v>89</v>
      </c>
      <c r="N16184" t="s">
        <v>90</v>
      </c>
      <c r="O16184" t="s">
        <v>85</v>
      </c>
      <c r="P16184" t="s">
        <v>86</v>
      </c>
      <c r="Q16184">
        <v>180</v>
      </c>
      <c r="R16184">
        <v>185</v>
      </c>
      <c r="S16184">
        <v>191</v>
      </c>
      <c r="T16184">
        <v>196</v>
      </c>
      <c r="U16184">
        <v>201</v>
      </c>
      <c r="V16184">
        <v>207</v>
      </c>
      <c r="W16184">
        <v>212</v>
      </c>
      <c r="X16184">
        <v>218</v>
      </c>
      <c r="Y16184">
        <v>223</v>
      </c>
      <c r="Z16184">
        <v>228</v>
      </c>
      <c r="AA16184">
        <v>234</v>
      </c>
      <c r="AB16184">
        <v>239</v>
      </c>
      <c r="AC16184">
        <v>245</v>
      </c>
      <c r="AD16184">
        <v>250</v>
      </c>
      <c r="AE16184">
        <v>254</v>
      </c>
      <c r="AF16184">
        <v>257</v>
      </c>
      <c r="AG16184">
        <v>259</v>
      </c>
      <c r="AH16184">
        <v>261</v>
      </c>
      <c r="AI16184">
        <v>264</v>
      </c>
      <c r="AJ16184">
        <v>266</v>
      </c>
      <c r="AK16184">
        <v>268</v>
      </c>
      <c r="AL16184">
        <v>270</v>
      </c>
      <c r="AM16184">
        <v>273</v>
      </c>
      <c r="AN16184">
        <v>275</v>
      </c>
      <c r="AO16184">
        <v>277</v>
      </c>
      <c r="AP16184">
        <v>280</v>
      </c>
      <c r="AQ16184">
        <v>282</v>
      </c>
    </row>
    <row r="16185" spans="1:43">
      <c r="A16185" t="s">
        <v>10052</v>
      </c>
      <c r="B16185" t="s">
        <v>10053</v>
      </c>
      <c r="C16185" t="s">
        <v>10050</v>
      </c>
      <c r="D16185" t="s">
        <v>10051</v>
      </c>
      <c r="E16185" t="s">
        <v>9956</v>
      </c>
      <c r="F16185" t="s">
        <v>9957</v>
      </c>
      <c r="G16185" t="s">
        <v>80</v>
      </c>
      <c r="H16185" t="s">
        <v>81</v>
      </c>
      <c r="I16185" s="2">
        <v>0</v>
      </c>
      <c r="J16185" s="2">
        <v>1</v>
      </c>
      <c r="K16185" s="2">
        <v>0</v>
      </c>
      <c r="L16185" t="s">
        <v>82</v>
      </c>
      <c r="M16185" t="s">
        <v>83</v>
      </c>
      <c r="N16185" t="s">
        <v>91</v>
      </c>
      <c r="O16185" t="s">
        <v>85</v>
      </c>
      <c r="P16185" t="s">
        <v>86</v>
      </c>
      <c r="Q16185">
        <v>180</v>
      </c>
      <c r="R16185">
        <v>184</v>
      </c>
      <c r="S16185">
        <v>188</v>
      </c>
      <c r="T16185">
        <v>192</v>
      </c>
      <c r="U16185">
        <v>196</v>
      </c>
      <c r="V16185">
        <v>200</v>
      </c>
      <c r="W16185">
        <v>204</v>
      </c>
      <c r="X16185">
        <v>208</v>
      </c>
      <c r="Y16185">
        <v>212</v>
      </c>
      <c r="Z16185">
        <v>216</v>
      </c>
      <c r="AA16185">
        <v>221</v>
      </c>
      <c r="AB16185">
        <v>225</v>
      </c>
      <c r="AC16185">
        <v>230</v>
      </c>
      <c r="AD16185">
        <v>234</v>
      </c>
      <c r="AE16185">
        <v>239</v>
      </c>
      <c r="AF16185">
        <v>243</v>
      </c>
      <c r="AG16185">
        <v>248</v>
      </c>
      <c r="AH16185">
        <v>253</v>
      </c>
      <c r="AI16185">
        <v>257</v>
      </c>
      <c r="AJ16185">
        <v>262</v>
      </c>
      <c r="AK16185">
        <v>267</v>
      </c>
      <c r="AL16185">
        <v>270</v>
      </c>
      <c r="AM16185">
        <v>272</v>
      </c>
      <c r="AN16185">
        <v>275</v>
      </c>
      <c r="AO16185">
        <v>277</v>
      </c>
      <c r="AP16185">
        <v>280</v>
      </c>
      <c r="AQ16185">
        <v>282</v>
      </c>
    </row>
    <row r="16186" spans="1:43">
      <c r="A16186" t="s">
        <v>10054</v>
      </c>
      <c r="B16186" t="s">
        <v>10055</v>
      </c>
      <c r="C16186" t="s">
        <v>10050</v>
      </c>
      <c r="D16186" t="s">
        <v>10051</v>
      </c>
      <c r="E16186" t="s">
        <v>9956</v>
      </c>
      <c r="F16186" t="s">
        <v>9957</v>
      </c>
      <c r="G16186" t="s">
        <v>80</v>
      </c>
      <c r="H16186" t="s">
        <v>81</v>
      </c>
      <c r="I16186" s="2">
        <v>0</v>
      </c>
      <c r="J16186" s="2">
        <v>1</v>
      </c>
      <c r="K16186" s="2">
        <v>0</v>
      </c>
      <c r="L16186" t="s">
        <v>82</v>
      </c>
      <c r="M16186" t="s">
        <v>83</v>
      </c>
      <c r="N16186" t="s">
        <v>84</v>
      </c>
      <c r="O16186" t="s">
        <v>85</v>
      </c>
      <c r="P16186" t="s">
        <v>86</v>
      </c>
      <c r="Q16186">
        <v>194</v>
      </c>
      <c r="R16186">
        <v>198</v>
      </c>
      <c r="S16186">
        <v>202</v>
      </c>
      <c r="T16186">
        <v>206</v>
      </c>
      <c r="U16186">
        <v>211</v>
      </c>
      <c r="V16186">
        <v>215</v>
      </c>
      <c r="W16186">
        <v>219</v>
      </c>
      <c r="X16186">
        <v>224</v>
      </c>
      <c r="Y16186">
        <v>228</v>
      </c>
      <c r="Z16186">
        <v>233</v>
      </c>
      <c r="AA16186">
        <v>238</v>
      </c>
      <c r="AB16186">
        <v>242</v>
      </c>
      <c r="AC16186">
        <v>247</v>
      </c>
      <c r="AD16186">
        <v>252</v>
      </c>
      <c r="AE16186">
        <v>257</v>
      </c>
      <c r="AF16186">
        <v>262</v>
      </c>
      <c r="AG16186">
        <v>267</v>
      </c>
      <c r="AH16186">
        <v>272</v>
      </c>
      <c r="AI16186">
        <v>277</v>
      </c>
      <c r="AJ16186">
        <v>282</v>
      </c>
      <c r="AK16186">
        <v>287</v>
      </c>
      <c r="AL16186">
        <v>290</v>
      </c>
      <c r="AM16186">
        <v>293</v>
      </c>
      <c r="AN16186">
        <v>296</v>
      </c>
      <c r="AO16186">
        <v>298</v>
      </c>
      <c r="AP16186">
        <v>301</v>
      </c>
      <c r="AQ16186">
        <v>304</v>
      </c>
    </row>
    <row r="16187" spans="1:43">
      <c r="A16187" t="s">
        <v>10054</v>
      </c>
      <c r="B16187" t="s">
        <v>10055</v>
      </c>
      <c r="C16187" t="s">
        <v>10050</v>
      </c>
      <c r="D16187" t="s">
        <v>10051</v>
      </c>
      <c r="E16187" t="s">
        <v>9956</v>
      </c>
      <c r="F16187" t="s">
        <v>9957</v>
      </c>
      <c r="G16187" t="s">
        <v>80</v>
      </c>
      <c r="H16187" t="s">
        <v>81</v>
      </c>
      <c r="I16187" s="2">
        <v>0</v>
      </c>
      <c r="J16187" s="2">
        <v>1</v>
      </c>
      <c r="K16187" s="2">
        <v>0</v>
      </c>
      <c r="L16187" t="s">
        <v>82</v>
      </c>
      <c r="M16187" t="s">
        <v>87</v>
      </c>
      <c r="N16187" t="s">
        <v>88</v>
      </c>
      <c r="O16187" t="s">
        <v>85</v>
      </c>
      <c r="P16187" t="s">
        <v>86</v>
      </c>
      <c r="Q16187">
        <v>194</v>
      </c>
      <c r="R16187">
        <v>196</v>
      </c>
      <c r="S16187">
        <v>199</v>
      </c>
      <c r="T16187">
        <v>201</v>
      </c>
      <c r="U16187">
        <v>203</v>
      </c>
      <c r="V16187">
        <v>206</v>
      </c>
      <c r="W16187">
        <v>208</v>
      </c>
      <c r="X16187">
        <v>211</v>
      </c>
      <c r="Y16187">
        <v>213</v>
      </c>
      <c r="Z16187">
        <v>216</v>
      </c>
      <c r="AA16187">
        <v>218</v>
      </c>
      <c r="AB16187">
        <v>221</v>
      </c>
      <c r="AC16187">
        <v>224</v>
      </c>
      <c r="AD16187">
        <v>226</v>
      </c>
      <c r="AE16187">
        <v>229</v>
      </c>
      <c r="AF16187">
        <v>232</v>
      </c>
      <c r="AG16187">
        <v>235</v>
      </c>
      <c r="AH16187">
        <v>237</v>
      </c>
      <c r="AI16187">
        <v>240</v>
      </c>
      <c r="AJ16187">
        <v>243</v>
      </c>
      <c r="AK16187">
        <v>246</v>
      </c>
      <c r="AL16187">
        <v>249</v>
      </c>
      <c r="AM16187">
        <v>252</v>
      </c>
      <c r="AN16187">
        <v>255</v>
      </c>
      <c r="AO16187">
        <v>258</v>
      </c>
      <c r="AP16187">
        <v>261</v>
      </c>
      <c r="AQ16187">
        <v>264</v>
      </c>
    </row>
    <row r="16188" spans="1:43">
      <c r="A16188" t="s">
        <v>10054</v>
      </c>
      <c r="B16188" t="s">
        <v>10055</v>
      </c>
      <c r="C16188" t="s">
        <v>10050</v>
      </c>
      <c r="D16188" t="s">
        <v>10051</v>
      </c>
      <c r="E16188" t="s">
        <v>9956</v>
      </c>
      <c r="F16188" t="s">
        <v>9957</v>
      </c>
      <c r="G16188" t="s">
        <v>80</v>
      </c>
      <c r="H16188" t="s">
        <v>81</v>
      </c>
      <c r="I16188" s="2">
        <v>0</v>
      </c>
      <c r="J16188" s="2">
        <v>1</v>
      </c>
      <c r="K16188" s="2">
        <v>0</v>
      </c>
      <c r="L16188" t="s">
        <v>82</v>
      </c>
      <c r="M16188" t="s">
        <v>89</v>
      </c>
      <c r="N16188" t="s">
        <v>90</v>
      </c>
      <c r="O16188" t="s">
        <v>85</v>
      </c>
      <c r="P16188" t="s">
        <v>86</v>
      </c>
      <c r="Q16188">
        <v>194</v>
      </c>
      <c r="R16188">
        <v>200</v>
      </c>
      <c r="S16188">
        <v>206</v>
      </c>
      <c r="T16188">
        <v>212</v>
      </c>
      <c r="U16188">
        <v>218</v>
      </c>
      <c r="V16188">
        <v>224</v>
      </c>
      <c r="W16188">
        <v>230</v>
      </c>
      <c r="X16188">
        <v>235</v>
      </c>
      <c r="Y16188">
        <v>241</v>
      </c>
      <c r="Z16188">
        <v>247</v>
      </c>
      <c r="AA16188">
        <v>252</v>
      </c>
      <c r="AB16188">
        <v>258</v>
      </c>
      <c r="AC16188">
        <v>264</v>
      </c>
      <c r="AD16188">
        <v>270</v>
      </c>
      <c r="AE16188">
        <v>275</v>
      </c>
      <c r="AF16188">
        <v>277</v>
      </c>
      <c r="AG16188">
        <v>280</v>
      </c>
      <c r="AH16188">
        <v>282</v>
      </c>
      <c r="AI16188">
        <v>285</v>
      </c>
      <c r="AJ16188">
        <v>288</v>
      </c>
      <c r="AK16188">
        <v>290</v>
      </c>
      <c r="AL16188">
        <v>293</v>
      </c>
      <c r="AM16188">
        <v>295</v>
      </c>
      <c r="AN16188">
        <v>298</v>
      </c>
      <c r="AO16188">
        <v>300</v>
      </c>
      <c r="AP16188">
        <v>303</v>
      </c>
      <c r="AQ16188">
        <v>306</v>
      </c>
    </row>
    <row r="16189" spans="1:43">
      <c r="A16189" t="s">
        <v>10054</v>
      </c>
      <c r="B16189" t="s">
        <v>10055</v>
      </c>
      <c r="C16189" t="s">
        <v>10050</v>
      </c>
      <c r="D16189" t="s">
        <v>10051</v>
      </c>
      <c r="E16189" t="s">
        <v>9956</v>
      </c>
      <c r="F16189" t="s">
        <v>9957</v>
      </c>
      <c r="G16189" t="s">
        <v>80</v>
      </c>
      <c r="H16189" t="s">
        <v>81</v>
      </c>
      <c r="I16189" s="2">
        <v>0</v>
      </c>
      <c r="J16189" s="2">
        <v>1</v>
      </c>
      <c r="K16189" s="2">
        <v>0</v>
      </c>
      <c r="L16189" t="s">
        <v>82</v>
      </c>
      <c r="M16189" t="s">
        <v>83</v>
      </c>
      <c r="N16189" t="s">
        <v>91</v>
      </c>
      <c r="O16189" t="s">
        <v>85</v>
      </c>
      <c r="P16189" t="s">
        <v>86</v>
      </c>
      <c r="Q16189">
        <v>194</v>
      </c>
      <c r="R16189">
        <v>198</v>
      </c>
      <c r="S16189">
        <v>202</v>
      </c>
      <c r="T16189">
        <v>206</v>
      </c>
      <c r="U16189">
        <v>211</v>
      </c>
      <c r="V16189">
        <v>215</v>
      </c>
      <c r="W16189">
        <v>219</v>
      </c>
      <c r="X16189">
        <v>224</v>
      </c>
      <c r="Y16189">
        <v>228</v>
      </c>
      <c r="Z16189">
        <v>233</v>
      </c>
      <c r="AA16189">
        <v>238</v>
      </c>
      <c r="AB16189">
        <v>242</v>
      </c>
      <c r="AC16189">
        <v>247</v>
      </c>
      <c r="AD16189">
        <v>252</v>
      </c>
      <c r="AE16189">
        <v>257</v>
      </c>
      <c r="AF16189">
        <v>262</v>
      </c>
      <c r="AG16189">
        <v>267</v>
      </c>
      <c r="AH16189">
        <v>272</v>
      </c>
      <c r="AI16189">
        <v>277</v>
      </c>
      <c r="AJ16189">
        <v>282</v>
      </c>
      <c r="AK16189">
        <v>287</v>
      </c>
      <c r="AL16189">
        <v>290</v>
      </c>
      <c r="AM16189">
        <v>293</v>
      </c>
      <c r="AN16189">
        <v>296</v>
      </c>
      <c r="AO16189">
        <v>298</v>
      </c>
      <c r="AP16189">
        <v>301</v>
      </c>
      <c r="AQ16189">
        <v>304</v>
      </c>
    </row>
    <row r="16190" spans="1:43">
      <c r="A16190" t="s">
        <v>10056</v>
      </c>
      <c r="B16190" t="s">
        <v>10057</v>
      </c>
      <c r="C16190" t="s">
        <v>10050</v>
      </c>
      <c r="D16190" t="s">
        <v>10051</v>
      </c>
      <c r="E16190" t="s">
        <v>9956</v>
      </c>
      <c r="F16190" t="s">
        <v>9957</v>
      </c>
      <c r="G16190" t="s">
        <v>80</v>
      </c>
      <c r="H16190" t="s">
        <v>81</v>
      </c>
      <c r="I16190" s="2">
        <v>0</v>
      </c>
      <c r="J16190" s="2">
        <v>1</v>
      </c>
      <c r="K16190" s="2">
        <v>0</v>
      </c>
      <c r="L16190" t="s">
        <v>82</v>
      </c>
      <c r="M16190" t="s">
        <v>83</v>
      </c>
      <c r="N16190" t="s">
        <v>84</v>
      </c>
      <c r="O16190" t="s">
        <v>85</v>
      </c>
      <c r="P16190" t="s">
        <v>86</v>
      </c>
      <c r="Q16190">
        <v>94</v>
      </c>
      <c r="R16190">
        <v>96</v>
      </c>
      <c r="S16190">
        <v>98</v>
      </c>
      <c r="T16190">
        <v>100</v>
      </c>
      <c r="U16190">
        <v>102</v>
      </c>
      <c r="V16190">
        <v>104</v>
      </c>
      <c r="W16190">
        <v>107</v>
      </c>
      <c r="X16190">
        <v>109</v>
      </c>
      <c r="Y16190">
        <v>111</v>
      </c>
      <c r="Z16190">
        <v>113</v>
      </c>
      <c r="AA16190">
        <v>115</v>
      </c>
      <c r="AB16190">
        <v>118</v>
      </c>
      <c r="AC16190">
        <v>120</v>
      </c>
      <c r="AD16190">
        <v>122</v>
      </c>
      <c r="AE16190">
        <v>125</v>
      </c>
      <c r="AF16190">
        <v>127</v>
      </c>
      <c r="AG16190">
        <v>129</v>
      </c>
      <c r="AH16190">
        <v>132</v>
      </c>
      <c r="AI16190">
        <v>134</v>
      </c>
      <c r="AJ16190">
        <v>137</v>
      </c>
      <c r="AK16190">
        <v>139</v>
      </c>
      <c r="AL16190">
        <v>141</v>
      </c>
      <c r="AM16190">
        <v>142</v>
      </c>
      <c r="AN16190">
        <v>143</v>
      </c>
      <c r="AO16190">
        <v>145</v>
      </c>
      <c r="AP16190">
        <v>146</v>
      </c>
      <c r="AQ16190">
        <v>147</v>
      </c>
    </row>
    <row r="16191" spans="1:43">
      <c r="A16191" t="s">
        <v>10056</v>
      </c>
      <c r="B16191" t="s">
        <v>10057</v>
      </c>
      <c r="C16191" t="s">
        <v>10050</v>
      </c>
      <c r="D16191" t="s">
        <v>10051</v>
      </c>
      <c r="E16191" t="s">
        <v>9956</v>
      </c>
      <c r="F16191" t="s">
        <v>9957</v>
      </c>
      <c r="G16191" t="s">
        <v>80</v>
      </c>
      <c r="H16191" t="s">
        <v>81</v>
      </c>
      <c r="I16191" s="2">
        <v>0</v>
      </c>
      <c r="J16191" s="2">
        <v>1</v>
      </c>
      <c r="K16191" s="2">
        <v>0</v>
      </c>
      <c r="L16191" t="s">
        <v>82</v>
      </c>
      <c r="M16191" t="s">
        <v>87</v>
      </c>
      <c r="N16191" t="s">
        <v>88</v>
      </c>
      <c r="O16191" t="s">
        <v>85</v>
      </c>
      <c r="P16191" t="s">
        <v>86</v>
      </c>
      <c r="Q16191">
        <v>94</v>
      </c>
      <c r="R16191">
        <v>95</v>
      </c>
      <c r="S16191">
        <v>97</v>
      </c>
      <c r="T16191">
        <v>98</v>
      </c>
      <c r="U16191">
        <v>99</v>
      </c>
      <c r="V16191">
        <v>100</v>
      </c>
      <c r="W16191">
        <v>101</v>
      </c>
      <c r="X16191">
        <v>102</v>
      </c>
      <c r="Y16191">
        <v>104</v>
      </c>
      <c r="Z16191">
        <v>105</v>
      </c>
      <c r="AA16191">
        <v>106</v>
      </c>
      <c r="AB16191">
        <v>107</v>
      </c>
      <c r="AC16191">
        <v>109</v>
      </c>
      <c r="AD16191">
        <v>110</v>
      </c>
      <c r="AE16191">
        <v>111</v>
      </c>
      <c r="AF16191">
        <v>113</v>
      </c>
      <c r="AG16191">
        <v>114</v>
      </c>
      <c r="AH16191">
        <v>115</v>
      </c>
      <c r="AI16191">
        <v>117</v>
      </c>
      <c r="AJ16191">
        <v>118</v>
      </c>
      <c r="AK16191">
        <v>120</v>
      </c>
      <c r="AL16191">
        <v>121</v>
      </c>
      <c r="AM16191">
        <v>122</v>
      </c>
      <c r="AN16191">
        <v>124</v>
      </c>
      <c r="AO16191">
        <v>125</v>
      </c>
      <c r="AP16191">
        <v>127</v>
      </c>
      <c r="AQ16191">
        <v>128</v>
      </c>
    </row>
    <row r="16192" spans="1:43">
      <c r="A16192" t="s">
        <v>10056</v>
      </c>
      <c r="B16192" t="s">
        <v>10057</v>
      </c>
      <c r="C16192" t="s">
        <v>10050</v>
      </c>
      <c r="D16192" t="s">
        <v>10051</v>
      </c>
      <c r="E16192" t="s">
        <v>9956</v>
      </c>
      <c r="F16192" t="s">
        <v>9957</v>
      </c>
      <c r="G16192" t="s">
        <v>80</v>
      </c>
      <c r="H16192" t="s">
        <v>81</v>
      </c>
      <c r="I16192" s="2">
        <v>0</v>
      </c>
      <c r="J16192" s="2">
        <v>1</v>
      </c>
      <c r="K16192" s="2">
        <v>0</v>
      </c>
      <c r="L16192" t="s">
        <v>82</v>
      </c>
      <c r="M16192" t="s">
        <v>89</v>
      </c>
      <c r="N16192" t="s">
        <v>90</v>
      </c>
      <c r="O16192" t="s">
        <v>85</v>
      </c>
      <c r="P16192" t="s">
        <v>86</v>
      </c>
      <c r="Q16192">
        <v>94</v>
      </c>
      <c r="R16192">
        <v>97</v>
      </c>
      <c r="S16192">
        <v>100</v>
      </c>
      <c r="T16192">
        <v>103</v>
      </c>
      <c r="U16192">
        <v>105</v>
      </c>
      <c r="V16192">
        <v>108</v>
      </c>
      <c r="W16192">
        <v>111</v>
      </c>
      <c r="X16192">
        <v>114</v>
      </c>
      <c r="Y16192">
        <v>117</v>
      </c>
      <c r="Z16192">
        <v>119</v>
      </c>
      <c r="AA16192">
        <v>122</v>
      </c>
      <c r="AB16192">
        <v>125</v>
      </c>
      <c r="AC16192">
        <v>128</v>
      </c>
      <c r="AD16192">
        <v>131</v>
      </c>
      <c r="AE16192">
        <v>133</v>
      </c>
      <c r="AF16192">
        <v>134</v>
      </c>
      <c r="AG16192">
        <v>135</v>
      </c>
      <c r="AH16192">
        <v>136</v>
      </c>
      <c r="AI16192">
        <v>137</v>
      </c>
      <c r="AJ16192">
        <v>139</v>
      </c>
      <c r="AK16192">
        <v>140</v>
      </c>
      <c r="AL16192">
        <v>141</v>
      </c>
      <c r="AM16192">
        <v>142</v>
      </c>
      <c r="AN16192">
        <v>143</v>
      </c>
      <c r="AO16192">
        <v>144</v>
      </c>
      <c r="AP16192">
        <v>146</v>
      </c>
      <c r="AQ16192">
        <v>147</v>
      </c>
    </row>
    <row r="16193" spans="1:43">
      <c r="A16193" t="s">
        <v>10056</v>
      </c>
      <c r="B16193" t="s">
        <v>10057</v>
      </c>
      <c r="C16193" t="s">
        <v>10050</v>
      </c>
      <c r="D16193" t="s">
        <v>10051</v>
      </c>
      <c r="E16193" t="s">
        <v>9956</v>
      </c>
      <c r="F16193" t="s">
        <v>9957</v>
      </c>
      <c r="G16193" t="s">
        <v>80</v>
      </c>
      <c r="H16193" t="s">
        <v>81</v>
      </c>
      <c r="I16193" s="2">
        <v>0</v>
      </c>
      <c r="J16193" s="2">
        <v>1</v>
      </c>
      <c r="K16193" s="2">
        <v>0</v>
      </c>
      <c r="L16193" t="s">
        <v>82</v>
      </c>
      <c r="M16193" t="s">
        <v>83</v>
      </c>
      <c r="N16193" t="s">
        <v>91</v>
      </c>
      <c r="O16193" t="s">
        <v>85</v>
      </c>
      <c r="P16193" t="s">
        <v>86</v>
      </c>
      <c r="Q16193">
        <v>94</v>
      </c>
      <c r="R16193">
        <v>96</v>
      </c>
      <c r="S16193">
        <v>98</v>
      </c>
      <c r="T16193">
        <v>100</v>
      </c>
      <c r="U16193">
        <v>102</v>
      </c>
      <c r="V16193">
        <v>104</v>
      </c>
      <c r="W16193">
        <v>107</v>
      </c>
      <c r="X16193">
        <v>109</v>
      </c>
      <c r="Y16193">
        <v>111</v>
      </c>
      <c r="Z16193">
        <v>113</v>
      </c>
      <c r="AA16193">
        <v>115</v>
      </c>
      <c r="AB16193">
        <v>118</v>
      </c>
      <c r="AC16193">
        <v>120</v>
      </c>
      <c r="AD16193">
        <v>122</v>
      </c>
      <c r="AE16193">
        <v>125</v>
      </c>
      <c r="AF16193">
        <v>127</v>
      </c>
      <c r="AG16193">
        <v>129</v>
      </c>
      <c r="AH16193">
        <v>132</v>
      </c>
      <c r="AI16193">
        <v>134</v>
      </c>
      <c r="AJ16193">
        <v>137</v>
      </c>
      <c r="AK16193">
        <v>139</v>
      </c>
      <c r="AL16193">
        <v>141</v>
      </c>
      <c r="AM16193">
        <v>142</v>
      </c>
      <c r="AN16193">
        <v>143</v>
      </c>
      <c r="AO16193">
        <v>145</v>
      </c>
      <c r="AP16193">
        <v>146</v>
      </c>
      <c r="AQ16193">
        <v>147</v>
      </c>
    </row>
    <row r="16194" spans="1:43">
      <c r="A16194" t="s">
        <v>10058</v>
      </c>
      <c r="B16194" t="s">
        <v>10059</v>
      </c>
      <c r="C16194" t="s">
        <v>9974</v>
      </c>
      <c r="D16194" t="s">
        <v>9975</v>
      </c>
      <c r="E16194" t="s">
        <v>9956</v>
      </c>
      <c r="F16194" t="s">
        <v>9957</v>
      </c>
      <c r="G16194" t="s">
        <v>80</v>
      </c>
      <c r="H16194" t="s">
        <v>81</v>
      </c>
      <c r="I16194" s="2">
        <v>0</v>
      </c>
      <c r="J16194" s="2">
        <v>1</v>
      </c>
      <c r="K16194" s="2">
        <v>0</v>
      </c>
      <c r="L16194" t="s">
        <v>82</v>
      </c>
      <c r="M16194" t="s">
        <v>83</v>
      </c>
      <c r="N16194" t="s">
        <v>84</v>
      </c>
      <c r="O16194" t="s">
        <v>85</v>
      </c>
      <c r="P16194" t="s">
        <v>86</v>
      </c>
      <c r="Q16194">
        <v>67</v>
      </c>
      <c r="R16194">
        <v>68</v>
      </c>
      <c r="S16194">
        <v>70</v>
      </c>
      <c r="T16194">
        <v>71</v>
      </c>
      <c r="U16194">
        <v>73</v>
      </c>
      <c r="V16194">
        <v>74</v>
      </c>
      <c r="W16194">
        <v>76</v>
      </c>
      <c r="X16194">
        <v>77</v>
      </c>
      <c r="Y16194">
        <v>79</v>
      </c>
      <c r="Z16194">
        <v>80</v>
      </c>
      <c r="AA16194">
        <v>82</v>
      </c>
      <c r="AB16194">
        <v>83</v>
      </c>
      <c r="AC16194">
        <v>85</v>
      </c>
      <c r="AD16194">
        <v>87</v>
      </c>
      <c r="AE16194">
        <v>88</v>
      </c>
      <c r="AF16194">
        <v>90</v>
      </c>
      <c r="AG16194">
        <v>92</v>
      </c>
      <c r="AH16194">
        <v>94</v>
      </c>
      <c r="AI16194">
        <v>95</v>
      </c>
      <c r="AJ16194">
        <v>97</v>
      </c>
      <c r="AK16194">
        <v>99</v>
      </c>
      <c r="AL16194">
        <v>100</v>
      </c>
      <c r="AM16194">
        <v>101</v>
      </c>
      <c r="AN16194">
        <v>102</v>
      </c>
      <c r="AO16194">
        <v>103</v>
      </c>
      <c r="AP16194">
        <v>104</v>
      </c>
      <c r="AQ16194">
        <v>104</v>
      </c>
    </row>
    <row r="16195" spans="1:43">
      <c r="A16195" t="s">
        <v>10058</v>
      </c>
      <c r="B16195" t="s">
        <v>10059</v>
      </c>
      <c r="C16195" t="s">
        <v>9974</v>
      </c>
      <c r="D16195" t="s">
        <v>9975</v>
      </c>
      <c r="E16195" t="s">
        <v>9956</v>
      </c>
      <c r="F16195" t="s">
        <v>9957</v>
      </c>
      <c r="G16195" t="s">
        <v>80</v>
      </c>
      <c r="H16195" t="s">
        <v>81</v>
      </c>
      <c r="I16195" s="2">
        <v>0</v>
      </c>
      <c r="J16195" s="2">
        <v>1</v>
      </c>
      <c r="K16195" s="2">
        <v>0</v>
      </c>
      <c r="L16195" t="s">
        <v>82</v>
      </c>
      <c r="M16195" t="s">
        <v>87</v>
      </c>
      <c r="N16195" t="s">
        <v>88</v>
      </c>
      <c r="O16195" t="s">
        <v>85</v>
      </c>
      <c r="P16195" t="s">
        <v>86</v>
      </c>
      <c r="Q16195">
        <v>67</v>
      </c>
      <c r="R16195">
        <v>68</v>
      </c>
      <c r="S16195">
        <v>69</v>
      </c>
      <c r="T16195">
        <v>70</v>
      </c>
      <c r="U16195">
        <v>70</v>
      </c>
      <c r="V16195">
        <v>71</v>
      </c>
      <c r="W16195">
        <v>72</v>
      </c>
      <c r="X16195">
        <v>73</v>
      </c>
      <c r="Y16195">
        <v>74</v>
      </c>
      <c r="Z16195">
        <v>75</v>
      </c>
      <c r="AA16195">
        <v>76</v>
      </c>
      <c r="AB16195">
        <v>76</v>
      </c>
      <c r="AC16195">
        <v>77</v>
      </c>
      <c r="AD16195">
        <v>78</v>
      </c>
      <c r="AE16195">
        <v>79</v>
      </c>
      <c r="AF16195">
        <v>80</v>
      </c>
      <c r="AG16195">
        <v>81</v>
      </c>
      <c r="AH16195">
        <v>82</v>
      </c>
      <c r="AI16195">
        <v>83</v>
      </c>
      <c r="AJ16195">
        <v>84</v>
      </c>
      <c r="AK16195">
        <v>85</v>
      </c>
      <c r="AL16195">
        <v>86</v>
      </c>
      <c r="AM16195">
        <v>87</v>
      </c>
      <c r="AN16195">
        <v>88</v>
      </c>
      <c r="AO16195">
        <v>89</v>
      </c>
      <c r="AP16195">
        <v>90</v>
      </c>
      <c r="AQ16195">
        <v>91</v>
      </c>
    </row>
    <row r="16196" spans="1:43">
      <c r="A16196" t="s">
        <v>10058</v>
      </c>
      <c r="B16196" t="s">
        <v>10059</v>
      </c>
      <c r="C16196" t="s">
        <v>9974</v>
      </c>
      <c r="D16196" t="s">
        <v>9975</v>
      </c>
      <c r="E16196" t="s">
        <v>9956</v>
      </c>
      <c r="F16196" t="s">
        <v>9957</v>
      </c>
      <c r="G16196" t="s">
        <v>80</v>
      </c>
      <c r="H16196" t="s">
        <v>81</v>
      </c>
      <c r="I16196" s="2">
        <v>0</v>
      </c>
      <c r="J16196" s="2">
        <v>1</v>
      </c>
      <c r="K16196" s="2">
        <v>0</v>
      </c>
      <c r="L16196" t="s">
        <v>82</v>
      </c>
      <c r="M16196" t="s">
        <v>89</v>
      </c>
      <c r="N16196" t="s">
        <v>90</v>
      </c>
      <c r="O16196" t="s">
        <v>85</v>
      </c>
      <c r="P16196" t="s">
        <v>86</v>
      </c>
      <c r="Q16196">
        <v>67</v>
      </c>
      <c r="R16196">
        <v>69</v>
      </c>
      <c r="S16196">
        <v>71</v>
      </c>
      <c r="T16196">
        <v>73</v>
      </c>
      <c r="U16196">
        <v>75</v>
      </c>
      <c r="V16196">
        <v>77</v>
      </c>
      <c r="W16196">
        <v>79</v>
      </c>
      <c r="X16196">
        <v>81</v>
      </c>
      <c r="Y16196">
        <v>83</v>
      </c>
      <c r="Z16196">
        <v>85</v>
      </c>
      <c r="AA16196">
        <v>87</v>
      </c>
      <c r="AB16196">
        <v>89</v>
      </c>
      <c r="AC16196">
        <v>91</v>
      </c>
      <c r="AD16196">
        <v>93</v>
      </c>
      <c r="AE16196">
        <v>95</v>
      </c>
      <c r="AF16196">
        <v>96</v>
      </c>
      <c r="AG16196">
        <v>97</v>
      </c>
      <c r="AH16196">
        <v>98</v>
      </c>
      <c r="AI16196">
        <v>98</v>
      </c>
      <c r="AJ16196">
        <v>99</v>
      </c>
      <c r="AK16196">
        <v>100</v>
      </c>
      <c r="AL16196">
        <v>101</v>
      </c>
      <c r="AM16196">
        <v>102</v>
      </c>
      <c r="AN16196">
        <v>103</v>
      </c>
      <c r="AO16196">
        <v>104</v>
      </c>
      <c r="AP16196">
        <v>104</v>
      </c>
      <c r="AQ16196">
        <v>105</v>
      </c>
    </row>
    <row r="16197" spans="1:43">
      <c r="A16197" t="s">
        <v>10058</v>
      </c>
      <c r="B16197" t="s">
        <v>10059</v>
      </c>
      <c r="C16197" t="s">
        <v>9974</v>
      </c>
      <c r="D16197" t="s">
        <v>9975</v>
      </c>
      <c r="E16197" t="s">
        <v>9956</v>
      </c>
      <c r="F16197" t="s">
        <v>9957</v>
      </c>
      <c r="G16197" t="s">
        <v>80</v>
      </c>
      <c r="H16197" t="s">
        <v>81</v>
      </c>
      <c r="I16197" s="2">
        <v>0</v>
      </c>
      <c r="J16197" s="2">
        <v>1</v>
      </c>
      <c r="K16197" s="2">
        <v>0</v>
      </c>
      <c r="L16197" t="s">
        <v>82</v>
      </c>
      <c r="M16197" t="s">
        <v>83</v>
      </c>
      <c r="N16197" t="s">
        <v>91</v>
      </c>
      <c r="O16197" t="s">
        <v>85</v>
      </c>
      <c r="P16197" t="s">
        <v>86</v>
      </c>
      <c r="Q16197">
        <v>67</v>
      </c>
      <c r="R16197">
        <v>68</v>
      </c>
      <c r="S16197">
        <v>70</v>
      </c>
      <c r="T16197">
        <v>71</v>
      </c>
      <c r="U16197">
        <v>73</v>
      </c>
      <c r="V16197">
        <v>74</v>
      </c>
      <c r="W16197">
        <v>76</v>
      </c>
      <c r="X16197">
        <v>77</v>
      </c>
      <c r="Y16197">
        <v>79</v>
      </c>
      <c r="Z16197">
        <v>80</v>
      </c>
      <c r="AA16197">
        <v>82</v>
      </c>
      <c r="AB16197">
        <v>83</v>
      </c>
      <c r="AC16197">
        <v>85</v>
      </c>
      <c r="AD16197">
        <v>87</v>
      </c>
      <c r="AE16197">
        <v>88</v>
      </c>
      <c r="AF16197">
        <v>90</v>
      </c>
      <c r="AG16197">
        <v>92</v>
      </c>
      <c r="AH16197">
        <v>94</v>
      </c>
      <c r="AI16197">
        <v>95</v>
      </c>
      <c r="AJ16197">
        <v>97</v>
      </c>
      <c r="AK16197">
        <v>99</v>
      </c>
      <c r="AL16197">
        <v>100</v>
      </c>
      <c r="AM16197">
        <v>101</v>
      </c>
      <c r="AN16197">
        <v>102</v>
      </c>
      <c r="AO16197">
        <v>103</v>
      </c>
      <c r="AP16197">
        <v>104</v>
      </c>
      <c r="AQ16197">
        <v>104</v>
      </c>
    </row>
    <row r="16198" spans="1:43">
      <c r="A16198" t="s">
        <v>10060</v>
      </c>
      <c r="B16198" t="s">
        <v>10061</v>
      </c>
      <c r="C16198" t="s">
        <v>10038</v>
      </c>
      <c r="D16198" t="s">
        <v>10039</v>
      </c>
      <c r="E16198" t="s">
        <v>9956</v>
      </c>
      <c r="F16198" t="s">
        <v>9957</v>
      </c>
      <c r="G16198" t="s">
        <v>80</v>
      </c>
      <c r="H16198" t="s">
        <v>81</v>
      </c>
      <c r="I16198" s="2">
        <v>0</v>
      </c>
      <c r="J16198" s="2">
        <v>1</v>
      </c>
      <c r="K16198" s="2">
        <v>0</v>
      </c>
      <c r="L16198" t="s">
        <v>82</v>
      </c>
      <c r="M16198" t="s">
        <v>83</v>
      </c>
      <c r="N16198" t="s">
        <v>84</v>
      </c>
      <c r="O16198" t="s">
        <v>85</v>
      </c>
      <c r="P16198" t="s">
        <v>86</v>
      </c>
      <c r="Q16198">
        <v>172</v>
      </c>
      <c r="R16198">
        <v>175</v>
      </c>
      <c r="S16198">
        <v>179</v>
      </c>
      <c r="T16198">
        <v>183</v>
      </c>
      <c r="U16198">
        <v>187</v>
      </c>
      <c r="V16198">
        <v>191</v>
      </c>
      <c r="W16198">
        <v>195</v>
      </c>
      <c r="X16198">
        <v>199</v>
      </c>
      <c r="Y16198">
        <v>203</v>
      </c>
      <c r="Z16198">
        <v>207</v>
      </c>
      <c r="AA16198">
        <v>211</v>
      </c>
      <c r="AB16198">
        <v>215</v>
      </c>
      <c r="AC16198">
        <v>219</v>
      </c>
      <c r="AD16198">
        <v>224</v>
      </c>
      <c r="AE16198">
        <v>228</v>
      </c>
      <c r="AF16198">
        <v>232</v>
      </c>
      <c r="AG16198">
        <v>237</v>
      </c>
      <c r="AH16198">
        <v>241</v>
      </c>
      <c r="AI16198">
        <v>246</v>
      </c>
      <c r="AJ16198">
        <v>251</v>
      </c>
      <c r="AK16198">
        <v>255</v>
      </c>
      <c r="AL16198">
        <v>258</v>
      </c>
      <c r="AM16198">
        <v>260</v>
      </c>
      <c r="AN16198">
        <v>262</v>
      </c>
      <c r="AO16198">
        <v>264</v>
      </c>
      <c r="AP16198">
        <v>267</v>
      </c>
      <c r="AQ16198">
        <v>269</v>
      </c>
    </row>
    <row r="16199" spans="1:43">
      <c r="A16199" t="s">
        <v>10060</v>
      </c>
      <c r="B16199" t="s">
        <v>10061</v>
      </c>
      <c r="C16199" t="s">
        <v>10038</v>
      </c>
      <c r="D16199" t="s">
        <v>10039</v>
      </c>
      <c r="E16199" t="s">
        <v>9956</v>
      </c>
      <c r="F16199" t="s">
        <v>9957</v>
      </c>
      <c r="G16199" t="s">
        <v>80</v>
      </c>
      <c r="H16199" t="s">
        <v>81</v>
      </c>
      <c r="I16199" s="2">
        <v>0</v>
      </c>
      <c r="J16199" s="2">
        <v>1</v>
      </c>
      <c r="K16199" s="2">
        <v>0</v>
      </c>
      <c r="L16199" t="s">
        <v>82</v>
      </c>
      <c r="M16199" t="s">
        <v>87</v>
      </c>
      <c r="N16199" t="s">
        <v>88</v>
      </c>
      <c r="O16199" t="s">
        <v>85</v>
      </c>
      <c r="P16199" t="s">
        <v>86</v>
      </c>
      <c r="Q16199">
        <v>172</v>
      </c>
      <c r="R16199">
        <v>174</v>
      </c>
      <c r="S16199">
        <v>176</v>
      </c>
      <c r="T16199">
        <v>178</v>
      </c>
      <c r="U16199">
        <v>181</v>
      </c>
      <c r="V16199">
        <v>183</v>
      </c>
      <c r="W16199">
        <v>185</v>
      </c>
      <c r="X16199">
        <v>187</v>
      </c>
      <c r="Y16199">
        <v>189</v>
      </c>
      <c r="Z16199">
        <v>192</v>
      </c>
      <c r="AA16199">
        <v>194</v>
      </c>
      <c r="AB16199">
        <v>196</v>
      </c>
      <c r="AC16199">
        <v>199</v>
      </c>
      <c r="AD16199">
        <v>201</v>
      </c>
      <c r="AE16199">
        <v>203</v>
      </c>
      <c r="AF16199">
        <v>206</v>
      </c>
      <c r="AG16199">
        <v>208</v>
      </c>
      <c r="AH16199">
        <v>211</v>
      </c>
      <c r="AI16199">
        <v>213</v>
      </c>
      <c r="AJ16199">
        <v>216</v>
      </c>
      <c r="AK16199">
        <v>219</v>
      </c>
      <c r="AL16199">
        <v>221</v>
      </c>
      <c r="AM16199">
        <v>224</v>
      </c>
      <c r="AN16199">
        <v>226</v>
      </c>
      <c r="AO16199">
        <v>229</v>
      </c>
      <c r="AP16199">
        <v>232</v>
      </c>
      <c r="AQ16199">
        <v>235</v>
      </c>
    </row>
    <row r="16200" spans="1:43">
      <c r="A16200" t="s">
        <v>10060</v>
      </c>
      <c r="B16200" t="s">
        <v>10061</v>
      </c>
      <c r="C16200" t="s">
        <v>10038</v>
      </c>
      <c r="D16200" t="s">
        <v>10039</v>
      </c>
      <c r="E16200" t="s">
        <v>9956</v>
      </c>
      <c r="F16200" t="s">
        <v>9957</v>
      </c>
      <c r="G16200" t="s">
        <v>80</v>
      </c>
      <c r="H16200" t="s">
        <v>81</v>
      </c>
      <c r="I16200" s="2">
        <v>0</v>
      </c>
      <c r="J16200" s="2">
        <v>1</v>
      </c>
      <c r="K16200" s="2">
        <v>0</v>
      </c>
      <c r="L16200" t="s">
        <v>82</v>
      </c>
      <c r="M16200" t="s">
        <v>89</v>
      </c>
      <c r="N16200" t="s">
        <v>90</v>
      </c>
      <c r="O16200" t="s">
        <v>85</v>
      </c>
      <c r="P16200" t="s">
        <v>86</v>
      </c>
      <c r="Q16200">
        <v>172</v>
      </c>
      <c r="R16200">
        <v>178</v>
      </c>
      <c r="S16200">
        <v>183</v>
      </c>
      <c r="T16200">
        <v>188</v>
      </c>
      <c r="U16200">
        <v>193</v>
      </c>
      <c r="V16200">
        <v>198</v>
      </c>
      <c r="W16200">
        <v>204</v>
      </c>
      <c r="X16200">
        <v>209</v>
      </c>
      <c r="Y16200">
        <v>214</v>
      </c>
      <c r="Z16200">
        <v>219</v>
      </c>
      <c r="AA16200">
        <v>224</v>
      </c>
      <c r="AB16200">
        <v>229</v>
      </c>
      <c r="AC16200">
        <v>235</v>
      </c>
      <c r="AD16200">
        <v>240</v>
      </c>
      <c r="AE16200">
        <v>244</v>
      </c>
      <c r="AF16200">
        <v>246</v>
      </c>
      <c r="AG16200">
        <v>248</v>
      </c>
      <c r="AH16200">
        <v>250</v>
      </c>
      <c r="AI16200">
        <v>252</v>
      </c>
      <c r="AJ16200">
        <v>254</v>
      </c>
      <c r="AK16200">
        <v>256</v>
      </c>
      <c r="AL16200">
        <v>258</v>
      </c>
      <c r="AM16200">
        <v>260</v>
      </c>
      <c r="AN16200">
        <v>262</v>
      </c>
      <c r="AO16200">
        <v>264</v>
      </c>
      <c r="AP16200">
        <v>267</v>
      </c>
      <c r="AQ16200">
        <v>269</v>
      </c>
    </row>
    <row r="16201" spans="1:43">
      <c r="A16201" t="s">
        <v>10060</v>
      </c>
      <c r="B16201" t="s">
        <v>10061</v>
      </c>
      <c r="C16201" t="s">
        <v>10038</v>
      </c>
      <c r="D16201" t="s">
        <v>10039</v>
      </c>
      <c r="E16201" t="s">
        <v>9956</v>
      </c>
      <c r="F16201" t="s">
        <v>9957</v>
      </c>
      <c r="G16201" t="s">
        <v>80</v>
      </c>
      <c r="H16201" t="s">
        <v>81</v>
      </c>
      <c r="I16201" s="2">
        <v>0</v>
      </c>
      <c r="J16201" s="2">
        <v>1</v>
      </c>
      <c r="K16201" s="2">
        <v>0</v>
      </c>
      <c r="L16201" t="s">
        <v>82</v>
      </c>
      <c r="M16201" t="s">
        <v>83</v>
      </c>
      <c r="N16201" t="s">
        <v>91</v>
      </c>
      <c r="O16201" t="s">
        <v>85</v>
      </c>
      <c r="P16201" t="s">
        <v>86</v>
      </c>
      <c r="Q16201">
        <v>172</v>
      </c>
      <c r="R16201">
        <v>175</v>
      </c>
      <c r="S16201">
        <v>179</v>
      </c>
      <c r="T16201">
        <v>183</v>
      </c>
      <c r="U16201">
        <v>187</v>
      </c>
      <c r="V16201">
        <v>191</v>
      </c>
      <c r="W16201">
        <v>195</v>
      </c>
      <c r="X16201">
        <v>199</v>
      </c>
      <c r="Y16201">
        <v>203</v>
      </c>
      <c r="Z16201">
        <v>207</v>
      </c>
      <c r="AA16201">
        <v>211</v>
      </c>
      <c r="AB16201">
        <v>215</v>
      </c>
      <c r="AC16201">
        <v>219</v>
      </c>
      <c r="AD16201">
        <v>224</v>
      </c>
      <c r="AE16201">
        <v>228</v>
      </c>
      <c r="AF16201">
        <v>232</v>
      </c>
      <c r="AG16201">
        <v>237</v>
      </c>
      <c r="AH16201">
        <v>241</v>
      </c>
      <c r="AI16201">
        <v>246</v>
      </c>
      <c r="AJ16201">
        <v>251</v>
      </c>
      <c r="AK16201">
        <v>255</v>
      </c>
      <c r="AL16201">
        <v>258</v>
      </c>
      <c r="AM16201">
        <v>260</v>
      </c>
      <c r="AN16201">
        <v>262</v>
      </c>
      <c r="AO16201">
        <v>264</v>
      </c>
      <c r="AP16201">
        <v>267</v>
      </c>
      <c r="AQ16201">
        <v>269</v>
      </c>
    </row>
    <row r="16202" spans="1:43">
      <c r="A16202" t="s">
        <v>10062</v>
      </c>
      <c r="B16202" t="s">
        <v>10063</v>
      </c>
      <c r="C16202" t="s">
        <v>9974</v>
      </c>
      <c r="D16202" t="s">
        <v>9975</v>
      </c>
      <c r="E16202" t="s">
        <v>9956</v>
      </c>
      <c r="F16202" t="s">
        <v>9957</v>
      </c>
      <c r="G16202" t="s">
        <v>80</v>
      </c>
      <c r="H16202" t="s">
        <v>81</v>
      </c>
      <c r="I16202" s="2">
        <v>0</v>
      </c>
      <c r="J16202" s="2">
        <v>1</v>
      </c>
      <c r="K16202" s="2">
        <v>0</v>
      </c>
      <c r="L16202" t="s">
        <v>82</v>
      </c>
      <c r="M16202" t="s">
        <v>83</v>
      </c>
      <c r="N16202" t="s">
        <v>84</v>
      </c>
      <c r="O16202" t="s">
        <v>85</v>
      </c>
      <c r="P16202" t="s">
        <v>86</v>
      </c>
      <c r="Q16202">
        <v>93</v>
      </c>
      <c r="R16202">
        <v>95</v>
      </c>
      <c r="S16202">
        <v>97</v>
      </c>
      <c r="T16202">
        <v>99</v>
      </c>
      <c r="U16202">
        <v>101</v>
      </c>
      <c r="V16202">
        <v>103</v>
      </c>
      <c r="W16202">
        <v>106</v>
      </c>
      <c r="X16202">
        <v>108</v>
      </c>
      <c r="Y16202">
        <v>110</v>
      </c>
      <c r="Z16202">
        <v>112</v>
      </c>
      <c r="AA16202">
        <v>114</v>
      </c>
      <c r="AB16202">
        <v>117</v>
      </c>
      <c r="AC16202">
        <v>119</v>
      </c>
      <c r="AD16202">
        <v>121</v>
      </c>
      <c r="AE16202">
        <v>124</v>
      </c>
      <c r="AF16202">
        <v>126</v>
      </c>
      <c r="AG16202">
        <v>128</v>
      </c>
      <c r="AH16202">
        <v>131</v>
      </c>
      <c r="AI16202">
        <v>133</v>
      </c>
      <c r="AJ16202">
        <v>136</v>
      </c>
      <c r="AK16202">
        <v>138</v>
      </c>
      <c r="AL16202">
        <v>140</v>
      </c>
      <c r="AM16202">
        <v>141</v>
      </c>
      <c r="AN16202">
        <v>142</v>
      </c>
      <c r="AO16202">
        <v>143</v>
      </c>
      <c r="AP16202">
        <v>145</v>
      </c>
      <c r="AQ16202">
        <v>146</v>
      </c>
    </row>
    <row r="16203" spans="1:43">
      <c r="A16203" t="s">
        <v>10062</v>
      </c>
      <c r="B16203" t="s">
        <v>10063</v>
      </c>
      <c r="C16203" t="s">
        <v>9974</v>
      </c>
      <c r="D16203" t="s">
        <v>9975</v>
      </c>
      <c r="E16203" t="s">
        <v>9956</v>
      </c>
      <c r="F16203" t="s">
        <v>9957</v>
      </c>
      <c r="G16203" t="s">
        <v>80</v>
      </c>
      <c r="H16203" t="s">
        <v>81</v>
      </c>
      <c r="I16203" s="2">
        <v>0</v>
      </c>
      <c r="J16203" s="2">
        <v>1</v>
      </c>
      <c r="K16203" s="2">
        <v>0</v>
      </c>
      <c r="L16203" t="s">
        <v>82</v>
      </c>
      <c r="M16203" t="s">
        <v>87</v>
      </c>
      <c r="N16203" t="s">
        <v>88</v>
      </c>
      <c r="O16203" t="s">
        <v>85</v>
      </c>
      <c r="P16203" t="s">
        <v>86</v>
      </c>
      <c r="Q16203">
        <v>93</v>
      </c>
      <c r="R16203">
        <v>94</v>
      </c>
      <c r="S16203">
        <v>96</v>
      </c>
      <c r="T16203">
        <v>97</v>
      </c>
      <c r="U16203">
        <v>98</v>
      </c>
      <c r="V16203">
        <v>99</v>
      </c>
      <c r="W16203">
        <v>100</v>
      </c>
      <c r="X16203">
        <v>101</v>
      </c>
      <c r="Y16203">
        <v>103</v>
      </c>
      <c r="Z16203">
        <v>104</v>
      </c>
      <c r="AA16203">
        <v>105</v>
      </c>
      <c r="AB16203">
        <v>106</v>
      </c>
      <c r="AC16203">
        <v>108</v>
      </c>
      <c r="AD16203">
        <v>109</v>
      </c>
      <c r="AE16203">
        <v>110</v>
      </c>
      <c r="AF16203">
        <v>112</v>
      </c>
      <c r="AG16203">
        <v>113</v>
      </c>
      <c r="AH16203">
        <v>114</v>
      </c>
      <c r="AI16203">
        <v>116</v>
      </c>
      <c r="AJ16203">
        <v>117</v>
      </c>
      <c r="AK16203">
        <v>118</v>
      </c>
      <c r="AL16203">
        <v>120</v>
      </c>
      <c r="AM16203">
        <v>121</v>
      </c>
      <c r="AN16203">
        <v>123</v>
      </c>
      <c r="AO16203">
        <v>124</v>
      </c>
      <c r="AP16203">
        <v>126</v>
      </c>
      <c r="AQ16203">
        <v>127</v>
      </c>
    </row>
    <row r="16204" spans="1:43">
      <c r="A16204" t="s">
        <v>10062</v>
      </c>
      <c r="B16204" t="s">
        <v>10063</v>
      </c>
      <c r="C16204" t="s">
        <v>9974</v>
      </c>
      <c r="D16204" t="s">
        <v>9975</v>
      </c>
      <c r="E16204" t="s">
        <v>9956</v>
      </c>
      <c r="F16204" t="s">
        <v>9957</v>
      </c>
      <c r="G16204" t="s">
        <v>80</v>
      </c>
      <c r="H16204" t="s">
        <v>81</v>
      </c>
      <c r="I16204" s="2">
        <v>0</v>
      </c>
      <c r="J16204" s="2">
        <v>1</v>
      </c>
      <c r="K16204" s="2">
        <v>0</v>
      </c>
      <c r="L16204" t="s">
        <v>82</v>
      </c>
      <c r="M16204" t="s">
        <v>89</v>
      </c>
      <c r="N16204" t="s">
        <v>90</v>
      </c>
      <c r="O16204" t="s">
        <v>85</v>
      </c>
      <c r="P16204" t="s">
        <v>86</v>
      </c>
      <c r="Q16204">
        <v>93</v>
      </c>
      <c r="R16204">
        <v>96</v>
      </c>
      <c r="S16204">
        <v>99</v>
      </c>
      <c r="T16204">
        <v>102</v>
      </c>
      <c r="U16204">
        <v>104</v>
      </c>
      <c r="V16204">
        <v>107</v>
      </c>
      <c r="W16204">
        <v>110</v>
      </c>
      <c r="X16204">
        <v>113</v>
      </c>
      <c r="Y16204">
        <v>116</v>
      </c>
      <c r="Z16204">
        <v>118</v>
      </c>
      <c r="AA16204">
        <v>121</v>
      </c>
      <c r="AB16204">
        <v>124</v>
      </c>
      <c r="AC16204">
        <v>127</v>
      </c>
      <c r="AD16204">
        <v>130</v>
      </c>
      <c r="AE16204">
        <v>132</v>
      </c>
      <c r="AF16204">
        <v>133</v>
      </c>
      <c r="AG16204">
        <v>134</v>
      </c>
      <c r="AH16204">
        <v>135</v>
      </c>
      <c r="AI16204">
        <v>136</v>
      </c>
      <c r="AJ16204">
        <v>138</v>
      </c>
      <c r="AK16204">
        <v>139</v>
      </c>
      <c r="AL16204">
        <v>140</v>
      </c>
      <c r="AM16204">
        <v>141</v>
      </c>
      <c r="AN16204">
        <v>142</v>
      </c>
      <c r="AO16204">
        <v>143</v>
      </c>
      <c r="AP16204">
        <v>145</v>
      </c>
      <c r="AQ16204">
        <v>146</v>
      </c>
    </row>
    <row r="16205" spans="1:43">
      <c r="A16205" t="s">
        <v>10062</v>
      </c>
      <c r="B16205" t="s">
        <v>10063</v>
      </c>
      <c r="C16205" t="s">
        <v>9974</v>
      </c>
      <c r="D16205" t="s">
        <v>9975</v>
      </c>
      <c r="E16205" t="s">
        <v>9956</v>
      </c>
      <c r="F16205" t="s">
        <v>9957</v>
      </c>
      <c r="G16205" t="s">
        <v>80</v>
      </c>
      <c r="H16205" t="s">
        <v>81</v>
      </c>
      <c r="I16205" s="2">
        <v>0</v>
      </c>
      <c r="J16205" s="2">
        <v>1</v>
      </c>
      <c r="K16205" s="2">
        <v>0</v>
      </c>
      <c r="L16205" t="s">
        <v>82</v>
      </c>
      <c r="M16205" t="s">
        <v>83</v>
      </c>
      <c r="N16205" t="s">
        <v>91</v>
      </c>
      <c r="O16205" t="s">
        <v>85</v>
      </c>
      <c r="P16205" t="s">
        <v>86</v>
      </c>
      <c r="Q16205">
        <v>93</v>
      </c>
      <c r="R16205">
        <v>95</v>
      </c>
      <c r="S16205">
        <v>97</v>
      </c>
      <c r="T16205">
        <v>99</v>
      </c>
      <c r="U16205">
        <v>101</v>
      </c>
      <c r="V16205">
        <v>103</v>
      </c>
      <c r="W16205">
        <v>106</v>
      </c>
      <c r="X16205">
        <v>108</v>
      </c>
      <c r="Y16205">
        <v>110</v>
      </c>
      <c r="Z16205">
        <v>112</v>
      </c>
      <c r="AA16205">
        <v>114</v>
      </c>
      <c r="AB16205">
        <v>117</v>
      </c>
      <c r="AC16205">
        <v>119</v>
      </c>
      <c r="AD16205">
        <v>121</v>
      </c>
      <c r="AE16205">
        <v>124</v>
      </c>
      <c r="AF16205">
        <v>126</v>
      </c>
      <c r="AG16205">
        <v>128</v>
      </c>
      <c r="AH16205">
        <v>131</v>
      </c>
      <c r="AI16205">
        <v>133</v>
      </c>
      <c r="AJ16205">
        <v>136</v>
      </c>
      <c r="AK16205">
        <v>138</v>
      </c>
      <c r="AL16205">
        <v>140</v>
      </c>
      <c r="AM16205">
        <v>141</v>
      </c>
      <c r="AN16205">
        <v>142</v>
      </c>
      <c r="AO16205">
        <v>143</v>
      </c>
      <c r="AP16205">
        <v>145</v>
      </c>
      <c r="AQ16205">
        <v>146</v>
      </c>
    </row>
    <row r="16206" spans="1:43">
      <c r="A16206" t="s">
        <v>10064</v>
      </c>
      <c r="B16206" t="s">
        <v>10065</v>
      </c>
      <c r="C16206" t="s">
        <v>9974</v>
      </c>
      <c r="D16206" t="s">
        <v>9975</v>
      </c>
      <c r="E16206" t="s">
        <v>9956</v>
      </c>
      <c r="F16206" t="s">
        <v>9957</v>
      </c>
      <c r="G16206" t="s">
        <v>80</v>
      </c>
      <c r="H16206" t="s">
        <v>81</v>
      </c>
      <c r="I16206" s="2">
        <v>0</v>
      </c>
      <c r="J16206" s="2">
        <v>1</v>
      </c>
      <c r="K16206" s="2">
        <v>0</v>
      </c>
      <c r="L16206" t="s">
        <v>82</v>
      </c>
      <c r="M16206" t="s">
        <v>83</v>
      </c>
      <c r="N16206" t="s">
        <v>84</v>
      </c>
      <c r="O16206" t="s">
        <v>85</v>
      </c>
      <c r="P16206" t="s">
        <v>86</v>
      </c>
      <c r="Q16206">
        <v>69</v>
      </c>
      <c r="R16206">
        <v>70</v>
      </c>
      <c r="S16206">
        <v>72</v>
      </c>
      <c r="T16206">
        <v>73</v>
      </c>
      <c r="U16206">
        <v>75</v>
      </c>
      <c r="V16206">
        <v>76</v>
      </c>
      <c r="W16206">
        <v>78</v>
      </c>
      <c r="X16206">
        <v>80</v>
      </c>
      <c r="Y16206">
        <v>81</v>
      </c>
      <c r="Z16206">
        <v>83</v>
      </c>
      <c r="AA16206">
        <v>84</v>
      </c>
      <c r="AB16206">
        <v>86</v>
      </c>
      <c r="AC16206">
        <v>88</v>
      </c>
      <c r="AD16206">
        <v>89</v>
      </c>
      <c r="AE16206">
        <v>91</v>
      </c>
      <c r="AF16206">
        <v>93</v>
      </c>
      <c r="AG16206">
        <v>95</v>
      </c>
      <c r="AH16206">
        <v>96</v>
      </c>
      <c r="AI16206">
        <v>98</v>
      </c>
      <c r="AJ16206">
        <v>100</v>
      </c>
      <c r="AK16206">
        <v>102</v>
      </c>
      <c r="AL16206">
        <v>103</v>
      </c>
      <c r="AM16206">
        <v>104</v>
      </c>
      <c r="AN16206">
        <v>105</v>
      </c>
      <c r="AO16206">
        <v>105</v>
      </c>
      <c r="AP16206">
        <v>106</v>
      </c>
      <c r="AQ16206">
        <v>107</v>
      </c>
    </row>
    <row r="16207" spans="1:43">
      <c r="A16207" t="s">
        <v>10064</v>
      </c>
      <c r="B16207" t="s">
        <v>10065</v>
      </c>
      <c r="C16207" t="s">
        <v>9974</v>
      </c>
      <c r="D16207" t="s">
        <v>9975</v>
      </c>
      <c r="E16207" t="s">
        <v>9956</v>
      </c>
      <c r="F16207" t="s">
        <v>9957</v>
      </c>
      <c r="G16207" t="s">
        <v>80</v>
      </c>
      <c r="H16207" t="s">
        <v>81</v>
      </c>
      <c r="I16207" s="2">
        <v>0</v>
      </c>
      <c r="J16207" s="2">
        <v>1</v>
      </c>
      <c r="K16207" s="2">
        <v>0</v>
      </c>
      <c r="L16207" t="s">
        <v>82</v>
      </c>
      <c r="M16207" t="s">
        <v>87</v>
      </c>
      <c r="N16207" t="s">
        <v>88</v>
      </c>
      <c r="O16207" t="s">
        <v>85</v>
      </c>
      <c r="P16207" t="s">
        <v>86</v>
      </c>
      <c r="Q16207">
        <v>69</v>
      </c>
      <c r="R16207">
        <v>70</v>
      </c>
      <c r="S16207">
        <v>71</v>
      </c>
      <c r="T16207">
        <v>72</v>
      </c>
      <c r="U16207">
        <v>73</v>
      </c>
      <c r="V16207">
        <v>73</v>
      </c>
      <c r="W16207">
        <v>74</v>
      </c>
      <c r="X16207">
        <v>75</v>
      </c>
      <c r="Y16207">
        <v>76</v>
      </c>
      <c r="Z16207">
        <v>77</v>
      </c>
      <c r="AA16207">
        <v>78</v>
      </c>
      <c r="AB16207">
        <v>79</v>
      </c>
      <c r="AC16207">
        <v>80</v>
      </c>
      <c r="AD16207">
        <v>81</v>
      </c>
      <c r="AE16207">
        <v>82</v>
      </c>
      <c r="AF16207">
        <v>83</v>
      </c>
      <c r="AG16207">
        <v>84</v>
      </c>
      <c r="AH16207">
        <v>85</v>
      </c>
      <c r="AI16207">
        <v>86</v>
      </c>
      <c r="AJ16207">
        <v>87</v>
      </c>
      <c r="AK16207">
        <v>88</v>
      </c>
      <c r="AL16207">
        <v>89</v>
      </c>
      <c r="AM16207">
        <v>90</v>
      </c>
      <c r="AN16207">
        <v>91</v>
      </c>
      <c r="AO16207">
        <v>92</v>
      </c>
      <c r="AP16207">
        <v>93</v>
      </c>
      <c r="AQ16207">
        <v>94</v>
      </c>
    </row>
    <row r="16208" spans="1:43">
      <c r="A16208" t="s">
        <v>10064</v>
      </c>
      <c r="B16208" t="s">
        <v>10065</v>
      </c>
      <c r="C16208" t="s">
        <v>9974</v>
      </c>
      <c r="D16208" t="s">
        <v>9975</v>
      </c>
      <c r="E16208" t="s">
        <v>9956</v>
      </c>
      <c r="F16208" t="s">
        <v>9957</v>
      </c>
      <c r="G16208" t="s">
        <v>80</v>
      </c>
      <c r="H16208" t="s">
        <v>81</v>
      </c>
      <c r="I16208" s="2">
        <v>0</v>
      </c>
      <c r="J16208" s="2">
        <v>1</v>
      </c>
      <c r="K16208" s="2">
        <v>0</v>
      </c>
      <c r="L16208" t="s">
        <v>82</v>
      </c>
      <c r="M16208" t="s">
        <v>89</v>
      </c>
      <c r="N16208" t="s">
        <v>90</v>
      </c>
      <c r="O16208" t="s">
        <v>85</v>
      </c>
      <c r="P16208" t="s">
        <v>86</v>
      </c>
      <c r="Q16208">
        <v>69</v>
      </c>
      <c r="R16208">
        <v>72</v>
      </c>
      <c r="S16208">
        <v>74</v>
      </c>
      <c r="T16208">
        <v>76</v>
      </c>
      <c r="U16208">
        <v>78</v>
      </c>
      <c r="V16208">
        <v>80</v>
      </c>
      <c r="W16208">
        <v>82</v>
      </c>
      <c r="X16208">
        <v>84</v>
      </c>
      <c r="Y16208">
        <v>86</v>
      </c>
      <c r="Z16208">
        <v>88</v>
      </c>
      <c r="AA16208">
        <v>90</v>
      </c>
      <c r="AB16208">
        <v>92</v>
      </c>
      <c r="AC16208">
        <v>94</v>
      </c>
      <c r="AD16208">
        <v>96</v>
      </c>
      <c r="AE16208">
        <v>98</v>
      </c>
      <c r="AF16208">
        <v>99</v>
      </c>
      <c r="AG16208">
        <v>99</v>
      </c>
      <c r="AH16208">
        <v>100</v>
      </c>
      <c r="AI16208">
        <v>101</v>
      </c>
      <c r="AJ16208">
        <v>102</v>
      </c>
      <c r="AK16208">
        <v>103</v>
      </c>
      <c r="AL16208">
        <v>104</v>
      </c>
      <c r="AM16208">
        <v>104</v>
      </c>
      <c r="AN16208">
        <v>105</v>
      </c>
      <c r="AO16208">
        <v>106</v>
      </c>
      <c r="AP16208">
        <v>107</v>
      </c>
      <c r="AQ16208">
        <v>108</v>
      </c>
    </row>
    <row r="16209" spans="1:43">
      <c r="A16209" t="s">
        <v>10064</v>
      </c>
      <c r="B16209" t="s">
        <v>10065</v>
      </c>
      <c r="C16209" t="s">
        <v>9974</v>
      </c>
      <c r="D16209" t="s">
        <v>9975</v>
      </c>
      <c r="E16209" t="s">
        <v>9956</v>
      </c>
      <c r="F16209" t="s">
        <v>9957</v>
      </c>
      <c r="G16209" t="s">
        <v>80</v>
      </c>
      <c r="H16209" t="s">
        <v>81</v>
      </c>
      <c r="I16209" s="2">
        <v>0</v>
      </c>
      <c r="J16209" s="2">
        <v>1</v>
      </c>
      <c r="K16209" s="2">
        <v>0</v>
      </c>
      <c r="L16209" t="s">
        <v>82</v>
      </c>
      <c r="M16209" t="s">
        <v>83</v>
      </c>
      <c r="N16209" t="s">
        <v>91</v>
      </c>
      <c r="O16209" t="s">
        <v>85</v>
      </c>
      <c r="P16209" t="s">
        <v>86</v>
      </c>
      <c r="Q16209">
        <v>69</v>
      </c>
      <c r="R16209">
        <v>70</v>
      </c>
      <c r="S16209">
        <v>72</v>
      </c>
      <c r="T16209">
        <v>73</v>
      </c>
      <c r="U16209">
        <v>75</v>
      </c>
      <c r="V16209">
        <v>76</v>
      </c>
      <c r="W16209">
        <v>78</v>
      </c>
      <c r="X16209">
        <v>80</v>
      </c>
      <c r="Y16209">
        <v>81</v>
      </c>
      <c r="Z16209">
        <v>83</v>
      </c>
      <c r="AA16209">
        <v>84</v>
      </c>
      <c r="AB16209">
        <v>86</v>
      </c>
      <c r="AC16209">
        <v>88</v>
      </c>
      <c r="AD16209">
        <v>89</v>
      </c>
      <c r="AE16209">
        <v>91</v>
      </c>
      <c r="AF16209">
        <v>93</v>
      </c>
      <c r="AG16209">
        <v>95</v>
      </c>
      <c r="AH16209">
        <v>96</v>
      </c>
      <c r="AI16209">
        <v>98</v>
      </c>
      <c r="AJ16209">
        <v>100</v>
      </c>
      <c r="AK16209">
        <v>102</v>
      </c>
      <c r="AL16209">
        <v>103</v>
      </c>
      <c r="AM16209">
        <v>104</v>
      </c>
      <c r="AN16209">
        <v>105</v>
      </c>
      <c r="AO16209">
        <v>105</v>
      </c>
      <c r="AP16209">
        <v>106</v>
      </c>
      <c r="AQ16209">
        <v>107</v>
      </c>
    </row>
    <row r="16210" spans="1:43">
      <c r="A16210" t="s">
        <v>10066</v>
      </c>
      <c r="B16210" t="s">
        <v>10067</v>
      </c>
      <c r="C16210" t="s">
        <v>10038</v>
      </c>
      <c r="D16210" t="s">
        <v>10039</v>
      </c>
      <c r="E16210" t="s">
        <v>9956</v>
      </c>
      <c r="F16210" t="s">
        <v>9957</v>
      </c>
      <c r="G16210" t="s">
        <v>80</v>
      </c>
      <c r="H16210" t="s">
        <v>81</v>
      </c>
      <c r="I16210" s="2">
        <v>0</v>
      </c>
      <c r="J16210" s="2">
        <v>1</v>
      </c>
      <c r="K16210" s="2">
        <v>0</v>
      </c>
      <c r="L16210" t="s">
        <v>82</v>
      </c>
      <c r="M16210" t="s">
        <v>83</v>
      </c>
      <c r="N16210" t="s">
        <v>84</v>
      </c>
      <c r="O16210" t="s">
        <v>85</v>
      </c>
      <c r="P16210" t="s">
        <v>86</v>
      </c>
      <c r="Q16210">
        <v>58</v>
      </c>
      <c r="R16210">
        <v>59</v>
      </c>
      <c r="S16210">
        <v>60</v>
      </c>
      <c r="T16210">
        <v>61</v>
      </c>
      <c r="U16210">
        <v>63</v>
      </c>
      <c r="V16210">
        <v>64</v>
      </c>
      <c r="W16210">
        <v>65</v>
      </c>
      <c r="X16210">
        <v>67</v>
      </c>
      <c r="Y16210">
        <v>68</v>
      </c>
      <c r="Z16210">
        <v>69</v>
      </c>
      <c r="AA16210">
        <v>71</v>
      </c>
      <c r="AB16210">
        <v>72</v>
      </c>
      <c r="AC16210">
        <v>74</v>
      </c>
      <c r="AD16210">
        <v>75</v>
      </c>
      <c r="AE16210">
        <v>76</v>
      </c>
      <c r="AF16210">
        <v>78</v>
      </c>
      <c r="AG16210">
        <v>79</v>
      </c>
      <c r="AH16210">
        <v>81</v>
      </c>
      <c r="AI16210">
        <v>82</v>
      </c>
      <c r="AJ16210">
        <v>84</v>
      </c>
      <c r="AK16210">
        <v>85</v>
      </c>
      <c r="AL16210">
        <v>86</v>
      </c>
      <c r="AM16210">
        <v>87</v>
      </c>
      <c r="AN16210">
        <v>88</v>
      </c>
      <c r="AO16210">
        <v>88</v>
      </c>
      <c r="AP16210">
        <v>89</v>
      </c>
      <c r="AQ16210">
        <v>90</v>
      </c>
    </row>
    <row r="16211" spans="1:43">
      <c r="A16211" t="s">
        <v>10066</v>
      </c>
      <c r="B16211" t="s">
        <v>10067</v>
      </c>
      <c r="C16211" t="s">
        <v>10038</v>
      </c>
      <c r="D16211" t="s">
        <v>10039</v>
      </c>
      <c r="E16211" t="s">
        <v>9956</v>
      </c>
      <c r="F16211" t="s">
        <v>9957</v>
      </c>
      <c r="G16211" t="s">
        <v>80</v>
      </c>
      <c r="H16211" t="s">
        <v>81</v>
      </c>
      <c r="I16211" s="2">
        <v>0</v>
      </c>
      <c r="J16211" s="2">
        <v>1</v>
      </c>
      <c r="K16211" s="2">
        <v>0</v>
      </c>
      <c r="L16211" t="s">
        <v>82</v>
      </c>
      <c r="M16211" t="s">
        <v>87</v>
      </c>
      <c r="N16211" t="s">
        <v>88</v>
      </c>
      <c r="O16211" t="s">
        <v>85</v>
      </c>
      <c r="P16211" t="s">
        <v>86</v>
      </c>
      <c r="Q16211">
        <v>58</v>
      </c>
      <c r="R16211">
        <v>59</v>
      </c>
      <c r="S16211">
        <v>60</v>
      </c>
      <c r="T16211">
        <v>60</v>
      </c>
      <c r="U16211">
        <v>61</v>
      </c>
      <c r="V16211">
        <v>62</v>
      </c>
      <c r="W16211">
        <v>62</v>
      </c>
      <c r="X16211">
        <v>63</v>
      </c>
      <c r="Y16211">
        <v>64</v>
      </c>
      <c r="Z16211">
        <v>65</v>
      </c>
      <c r="AA16211">
        <v>65</v>
      </c>
      <c r="AB16211">
        <v>66</v>
      </c>
      <c r="AC16211">
        <v>67</v>
      </c>
      <c r="AD16211">
        <v>68</v>
      </c>
      <c r="AE16211">
        <v>69</v>
      </c>
      <c r="AF16211">
        <v>69</v>
      </c>
      <c r="AG16211">
        <v>70</v>
      </c>
      <c r="AH16211">
        <v>71</v>
      </c>
      <c r="AI16211">
        <v>72</v>
      </c>
      <c r="AJ16211">
        <v>73</v>
      </c>
      <c r="AK16211">
        <v>74</v>
      </c>
      <c r="AL16211">
        <v>74</v>
      </c>
      <c r="AM16211">
        <v>75</v>
      </c>
      <c r="AN16211">
        <v>76</v>
      </c>
      <c r="AO16211">
        <v>77</v>
      </c>
      <c r="AP16211">
        <v>78</v>
      </c>
      <c r="AQ16211">
        <v>79</v>
      </c>
    </row>
    <row r="16212" spans="1:43">
      <c r="A16212" t="s">
        <v>10066</v>
      </c>
      <c r="B16212" t="s">
        <v>10067</v>
      </c>
      <c r="C16212" t="s">
        <v>10038</v>
      </c>
      <c r="D16212" t="s">
        <v>10039</v>
      </c>
      <c r="E16212" t="s">
        <v>9956</v>
      </c>
      <c r="F16212" t="s">
        <v>9957</v>
      </c>
      <c r="G16212" t="s">
        <v>80</v>
      </c>
      <c r="H16212" t="s">
        <v>81</v>
      </c>
      <c r="I16212" s="2">
        <v>0</v>
      </c>
      <c r="J16212" s="2">
        <v>1</v>
      </c>
      <c r="K16212" s="2">
        <v>0</v>
      </c>
      <c r="L16212" t="s">
        <v>82</v>
      </c>
      <c r="M16212" t="s">
        <v>89</v>
      </c>
      <c r="N16212" t="s">
        <v>90</v>
      </c>
      <c r="O16212" t="s">
        <v>85</v>
      </c>
      <c r="P16212" t="s">
        <v>86</v>
      </c>
      <c r="Q16212">
        <v>58</v>
      </c>
      <c r="R16212">
        <v>60</v>
      </c>
      <c r="S16212">
        <v>62</v>
      </c>
      <c r="T16212">
        <v>63</v>
      </c>
      <c r="U16212">
        <v>65</v>
      </c>
      <c r="V16212">
        <v>67</v>
      </c>
      <c r="W16212">
        <v>69</v>
      </c>
      <c r="X16212">
        <v>70</v>
      </c>
      <c r="Y16212">
        <v>72</v>
      </c>
      <c r="Z16212">
        <v>74</v>
      </c>
      <c r="AA16212">
        <v>75</v>
      </c>
      <c r="AB16212">
        <v>77</v>
      </c>
      <c r="AC16212">
        <v>79</v>
      </c>
      <c r="AD16212">
        <v>81</v>
      </c>
      <c r="AE16212">
        <v>82</v>
      </c>
      <c r="AF16212">
        <v>83</v>
      </c>
      <c r="AG16212">
        <v>83</v>
      </c>
      <c r="AH16212">
        <v>84</v>
      </c>
      <c r="AI16212">
        <v>85</v>
      </c>
      <c r="AJ16212">
        <v>85</v>
      </c>
      <c r="AK16212">
        <v>86</v>
      </c>
      <c r="AL16212">
        <v>87</v>
      </c>
      <c r="AM16212">
        <v>88</v>
      </c>
      <c r="AN16212">
        <v>88</v>
      </c>
      <c r="AO16212">
        <v>89</v>
      </c>
      <c r="AP16212">
        <v>90</v>
      </c>
      <c r="AQ16212">
        <v>90</v>
      </c>
    </row>
    <row r="16213" spans="1:43">
      <c r="A16213" t="s">
        <v>10066</v>
      </c>
      <c r="B16213" t="s">
        <v>10067</v>
      </c>
      <c r="C16213" t="s">
        <v>10038</v>
      </c>
      <c r="D16213" t="s">
        <v>10039</v>
      </c>
      <c r="E16213" t="s">
        <v>9956</v>
      </c>
      <c r="F16213" t="s">
        <v>9957</v>
      </c>
      <c r="G16213" t="s">
        <v>80</v>
      </c>
      <c r="H16213" t="s">
        <v>81</v>
      </c>
      <c r="I16213" s="2">
        <v>0</v>
      </c>
      <c r="J16213" s="2">
        <v>1</v>
      </c>
      <c r="K16213" s="2">
        <v>0</v>
      </c>
      <c r="L16213" t="s">
        <v>82</v>
      </c>
      <c r="M16213" t="s">
        <v>83</v>
      </c>
      <c r="N16213" t="s">
        <v>91</v>
      </c>
      <c r="O16213" t="s">
        <v>85</v>
      </c>
      <c r="P16213" t="s">
        <v>86</v>
      </c>
      <c r="Q16213">
        <v>58</v>
      </c>
      <c r="R16213">
        <v>59</v>
      </c>
      <c r="S16213">
        <v>60</v>
      </c>
      <c r="T16213">
        <v>61</v>
      </c>
      <c r="U16213">
        <v>63</v>
      </c>
      <c r="V16213">
        <v>64</v>
      </c>
      <c r="W16213">
        <v>65</v>
      </c>
      <c r="X16213">
        <v>67</v>
      </c>
      <c r="Y16213">
        <v>68</v>
      </c>
      <c r="Z16213">
        <v>69</v>
      </c>
      <c r="AA16213">
        <v>71</v>
      </c>
      <c r="AB16213">
        <v>72</v>
      </c>
      <c r="AC16213">
        <v>74</v>
      </c>
      <c r="AD16213">
        <v>75</v>
      </c>
      <c r="AE16213">
        <v>76</v>
      </c>
      <c r="AF16213">
        <v>78</v>
      </c>
      <c r="AG16213">
        <v>79</v>
      </c>
      <c r="AH16213">
        <v>81</v>
      </c>
      <c r="AI16213">
        <v>82</v>
      </c>
      <c r="AJ16213">
        <v>84</v>
      </c>
      <c r="AK16213">
        <v>85</v>
      </c>
      <c r="AL16213">
        <v>86</v>
      </c>
      <c r="AM16213">
        <v>87</v>
      </c>
      <c r="AN16213">
        <v>88</v>
      </c>
      <c r="AO16213">
        <v>88</v>
      </c>
      <c r="AP16213">
        <v>89</v>
      </c>
      <c r="AQ16213">
        <v>90</v>
      </c>
    </row>
    <row r="16214" spans="1:43">
      <c r="A16214" t="s">
        <v>10068</v>
      </c>
      <c r="B16214" t="s">
        <v>10069</v>
      </c>
      <c r="C16214" t="s">
        <v>9974</v>
      </c>
      <c r="D16214" t="s">
        <v>9975</v>
      </c>
      <c r="E16214" t="s">
        <v>9956</v>
      </c>
      <c r="F16214" t="s">
        <v>9957</v>
      </c>
      <c r="G16214" t="s">
        <v>80</v>
      </c>
      <c r="H16214" t="s">
        <v>81</v>
      </c>
      <c r="I16214" s="2">
        <v>0</v>
      </c>
      <c r="J16214" s="2">
        <v>1</v>
      </c>
      <c r="K16214" s="2">
        <v>0</v>
      </c>
      <c r="L16214" t="s">
        <v>82</v>
      </c>
      <c r="M16214" t="s">
        <v>83</v>
      </c>
      <c r="N16214" t="s">
        <v>84</v>
      </c>
      <c r="O16214" t="s">
        <v>85</v>
      </c>
      <c r="P16214" t="s">
        <v>86</v>
      </c>
      <c r="Q16214">
        <v>117</v>
      </c>
      <c r="R16214">
        <v>120</v>
      </c>
      <c r="S16214">
        <v>122</v>
      </c>
      <c r="T16214">
        <v>125</v>
      </c>
      <c r="U16214">
        <v>127</v>
      </c>
      <c r="V16214">
        <v>130</v>
      </c>
      <c r="W16214">
        <v>133</v>
      </c>
      <c r="X16214">
        <v>135</v>
      </c>
      <c r="Y16214">
        <v>138</v>
      </c>
      <c r="Z16214">
        <v>141</v>
      </c>
      <c r="AA16214">
        <v>144</v>
      </c>
      <c r="AB16214">
        <v>147</v>
      </c>
      <c r="AC16214">
        <v>150</v>
      </c>
      <c r="AD16214">
        <v>153</v>
      </c>
      <c r="AE16214">
        <v>155</v>
      </c>
      <c r="AF16214">
        <v>158</v>
      </c>
      <c r="AG16214">
        <v>162</v>
      </c>
      <c r="AH16214">
        <v>165</v>
      </c>
      <c r="AI16214">
        <v>168</v>
      </c>
      <c r="AJ16214">
        <v>171</v>
      </c>
      <c r="AK16214">
        <v>174</v>
      </c>
      <c r="AL16214">
        <v>176</v>
      </c>
      <c r="AM16214">
        <v>178</v>
      </c>
      <c r="AN16214">
        <v>179</v>
      </c>
      <c r="AO16214">
        <v>180</v>
      </c>
      <c r="AP16214">
        <v>182</v>
      </c>
      <c r="AQ16214">
        <v>183</v>
      </c>
    </row>
    <row r="16215" spans="1:43">
      <c r="A16215" t="s">
        <v>10068</v>
      </c>
      <c r="B16215" t="s">
        <v>10069</v>
      </c>
      <c r="C16215" t="s">
        <v>9974</v>
      </c>
      <c r="D16215" t="s">
        <v>9975</v>
      </c>
      <c r="E16215" t="s">
        <v>9956</v>
      </c>
      <c r="F16215" t="s">
        <v>9957</v>
      </c>
      <c r="G16215" t="s">
        <v>80</v>
      </c>
      <c r="H16215" t="s">
        <v>81</v>
      </c>
      <c r="I16215" s="2">
        <v>0</v>
      </c>
      <c r="J16215" s="2">
        <v>1</v>
      </c>
      <c r="K16215" s="2">
        <v>0</v>
      </c>
      <c r="L16215" t="s">
        <v>82</v>
      </c>
      <c r="M16215" t="s">
        <v>87</v>
      </c>
      <c r="N16215" t="s">
        <v>88</v>
      </c>
      <c r="O16215" t="s">
        <v>85</v>
      </c>
      <c r="P16215" t="s">
        <v>86</v>
      </c>
      <c r="Q16215">
        <v>117</v>
      </c>
      <c r="R16215">
        <v>118</v>
      </c>
      <c r="S16215">
        <v>120</v>
      </c>
      <c r="T16215">
        <v>121</v>
      </c>
      <c r="U16215">
        <v>123</v>
      </c>
      <c r="V16215">
        <v>124</v>
      </c>
      <c r="W16215">
        <v>126</v>
      </c>
      <c r="X16215">
        <v>127</v>
      </c>
      <c r="Y16215">
        <v>129</v>
      </c>
      <c r="Z16215">
        <v>130</v>
      </c>
      <c r="AA16215">
        <v>132</v>
      </c>
      <c r="AB16215">
        <v>133</v>
      </c>
      <c r="AC16215">
        <v>135</v>
      </c>
      <c r="AD16215">
        <v>137</v>
      </c>
      <c r="AE16215">
        <v>138</v>
      </c>
      <c r="AF16215">
        <v>140</v>
      </c>
      <c r="AG16215">
        <v>142</v>
      </c>
      <c r="AH16215">
        <v>143</v>
      </c>
      <c r="AI16215">
        <v>145</v>
      </c>
      <c r="AJ16215">
        <v>147</v>
      </c>
      <c r="AK16215">
        <v>149</v>
      </c>
      <c r="AL16215">
        <v>150</v>
      </c>
      <c r="AM16215">
        <v>152</v>
      </c>
      <c r="AN16215">
        <v>154</v>
      </c>
      <c r="AO16215">
        <v>156</v>
      </c>
      <c r="AP16215">
        <v>158</v>
      </c>
      <c r="AQ16215">
        <v>160</v>
      </c>
    </row>
    <row r="16216" spans="1:43">
      <c r="A16216" t="s">
        <v>10068</v>
      </c>
      <c r="B16216" t="s">
        <v>10069</v>
      </c>
      <c r="C16216" t="s">
        <v>9974</v>
      </c>
      <c r="D16216" t="s">
        <v>9975</v>
      </c>
      <c r="E16216" t="s">
        <v>9956</v>
      </c>
      <c r="F16216" t="s">
        <v>9957</v>
      </c>
      <c r="G16216" t="s">
        <v>80</v>
      </c>
      <c r="H16216" t="s">
        <v>81</v>
      </c>
      <c r="I16216" s="2">
        <v>0</v>
      </c>
      <c r="J16216" s="2">
        <v>1</v>
      </c>
      <c r="K16216" s="2">
        <v>0</v>
      </c>
      <c r="L16216" t="s">
        <v>82</v>
      </c>
      <c r="M16216" t="s">
        <v>89</v>
      </c>
      <c r="N16216" t="s">
        <v>90</v>
      </c>
      <c r="O16216" t="s">
        <v>85</v>
      </c>
      <c r="P16216" t="s">
        <v>86</v>
      </c>
      <c r="Q16216">
        <v>117</v>
      </c>
      <c r="R16216">
        <v>121</v>
      </c>
      <c r="S16216">
        <v>124</v>
      </c>
      <c r="T16216">
        <v>128</v>
      </c>
      <c r="U16216">
        <v>131</v>
      </c>
      <c r="V16216">
        <v>135</v>
      </c>
      <c r="W16216">
        <v>139</v>
      </c>
      <c r="X16216">
        <v>142</v>
      </c>
      <c r="Y16216">
        <v>146</v>
      </c>
      <c r="Z16216">
        <v>149</v>
      </c>
      <c r="AA16216">
        <v>153</v>
      </c>
      <c r="AB16216">
        <v>156</v>
      </c>
      <c r="AC16216">
        <v>160</v>
      </c>
      <c r="AD16216">
        <v>163</v>
      </c>
      <c r="AE16216">
        <v>166</v>
      </c>
      <c r="AF16216">
        <v>168</v>
      </c>
      <c r="AG16216">
        <v>169</v>
      </c>
      <c r="AH16216">
        <v>170</v>
      </c>
      <c r="AI16216">
        <v>172</v>
      </c>
      <c r="AJ16216">
        <v>173</v>
      </c>
      <c r="AK16216">
        <v>174</v>
      </c>
      <c r="AL16216">
        <v>176</v>
      </c>
      <c r="AM16216">
        <v>177</v>
      </c>
      <c r="AN16216">
        <v>179</v>
      </c>
      <c r="AO16216">
        <v>180</v>
      </c>
      <c r="AP16216">
        <v>181</v>
      </c>
      <c r="AQ16216">
        <v>183</v>
      </c>
    </row>
    <row r="16217" spans="1:43">
      <c r="A16217" t="s">
        <v>10068</v>
      </c>
      <c r="B16217" t="s">
        <v>10069</v>
      </c>
      <c r="C16217" t="s">
        <v>9974</v>
      </c>
      <c r="D16217" t="s">
        <v>9975</v>
      </c>
      <c r="E16217" t="s">
        <v>9956</v>
      </c>
      <c r="F16217" t="s">
        <v>9957</v>
      </c>
      <c r="G16217" t="s">
        <v>80</v>
      </c>
      <c r="H16217" t="s">
        <v>81</v>
      </c>
      <c r="I16217" s="2">
        <v>0</v>
      </c>
      <c r="J16217" s="2">
        <v>1</v>
      </c>
      <c r="K16217" s="2">
        <v>0</v>
      </c>
      <c r="L16217" t="s">
        <v>82</v>
      </c>
      <c r="M16217" t="s">
        <v>83</v>
      </c>
      <c r="N16217" t="s">
        <v>91</v>
      </c>
      <c r="O16217" t="s">
        <v>85</v>
      </c>
      <c r="P16217" t="s">
        <v>86</v>
      </c>
      <c r="Q16217">
        <v>117</v>
      </c>
      <c r="R16217">
        <v>120</v>
      </c>
      <c r="S16217">
        <v>122</v>
      </c>
      <c r="T16217">
        <v>125</v>
      </c>
      <c r="U16217">
        <v>127</v>
      </c>
      <c r="V16217">
        <v>130</v>
      </c>
      <c r="W16217">
        <v>133</v>
      </c>
      <c r="X16217">
        <v>135</v>
      </c>
      <c r="Y16217">
        <v>138</v>
      </c>
      <c r="Z16217">
        <v>141</v>
      </c>
      <c r="AA16217">
        <v>144</v>
      </c>
      <c r="AB16217">
        <v>147</v>
      </c>
      <c r="AC16217">
        <v>150</v>
      </c>
      <c r="AD16217">
        <v>153</v>
      </c>
      <c r="AE16217">
        <v>155</v>
      </c>
      <c r="AF16217">
        <v>158</v>
      </c>
      <c r="AG16217">
        <v>162</v>
      </c>
      <c r="AH16217">
        <v>165</v>
      </c>
      <c r="AI16217">
        <v>168</v>
      </c>
      <c r="AJ16217">
        <v>171</v>
      </c>
      <c r="AK16217">
        <v>174</v>
      </c>
      <c r="AL16217">
        <v>176</v>
      </c>
      <c r="AM16217">
        <v>178</v>
      </c>
      <c r="AN16217">
        <v>179</v>
      </c>
      <c r="AO16217">
        <v>180</v>
      </c>
      <c r="AP16217">
        <v>182</v>
      </c>
      <c r="AQ16217">
        <v>183</v>
      </c>
    </row>
    <row r="16218" spans="1:43">
      <c r="A16218" t="s">
        <v>10070</v>
      </c>
      <c r="B16218" t="s">
        <v>10071</v>
      </c>
      <c r="C16218" t="s">
        <v>9974</v>
      </c>
      <c r="D16218" t="s">
        <v>9975</v>
      </c>
      <c r="E16218" t="s">
        <v>9956</v>
      </c>
      <c r="F16218" t="s">
        <v>9957</v>
      </c>
      <c r="G16218" t="s">
        <v>80</v>
      </c>
      <c r="H16218" t="s">
        <v>81</v>
      </c>
      <c r="I16218" s="2">
        <v>0</v>
      </c>
      <c r="J16218" s="2">
        <v>1</v>
      </c>
      <c r="K16218" s="2">
        <v>0</v>
      </c>
      <c r="L16218" t="s">
        <v>82</v>
      </c>
      <c r="M16218" t="s">
        <v>83</v>
      </c>
      <c r="N16218" t="s">
        <v>84</v>
      </c>
      <c r="O16218" t="s">
        <v>85</v>
      </c>
      <c r="P16218" t="s">
        <v>86</v>
      </c>
      <c r="Q16218">
        <v>198</v>
      </c>
      <c r="R16218">
        <v>203</v>
      </c>
      <c r="S16218">
        <v>207</v>
      </c>
      <c r="T16218">
        <v>211</v>
      </c>
      <c r="U16218">
        <v>216</v>
      </c>
      <c r="V16218">
        <v>220</v>
      </c>
      <c r="W16218">
        <v>225</v>
      </c>
      <c r="X16218">
        <v>229</v>
      </c>
      <c r="Y16218">
        <v>234</v>
      </c>
      <c r="Z16218">
        <v>239</v>
      </c>
      <c r="AA16218">
        <v>244</v>
      </c>
      <c r="AB16218">
        <v>248</v>
      </c>
      <c r="AC16218">
        <v>253</v>
      </c>
      <c r="AD16218">
        <v>258</v>
      </c>
      <c r="AE16218">
        <v>263</v>
      </c>
      <c r="AF16218">
        <v>268</v>
      </c>
      <c r="AG16218">
        <v>273</v>
      </c>
      <c r="AH16218">
        <v>278</v>
      </c>
      <c r="AI16218">
        <v>283</v>
      </c>
      <c r="AJ16218">
        <v>289</v>
      </c>
      <c r="AK16218">
        <v>294</v>
      </c>
      <c r="AL16218">
        <v>297</v>
      </c>
      <c r="AM16218">
        <v>300</v>
      </c>
      <c r="AN16218">
        <v>303</v>
      </c>
      <c r="AO16218">
        <v>305</v>
      </c>
      <c r="AP16218">
        <v>308</v>
      </c>
      <c r="AQ16218">
        <v>311</v>
      </c>
    </row>
    <row r="16219" spans="1:43">
      <c r="A16219" t="s">
        <v>10070</v>
      </c>
      <c r="B16219" t="s">
        <v>10071</v>
      </c>
      <c r="C16219" t="s">
        <v>9974</v>
      </c>
      <c r="D16219" t="s">
        <v>9975</v>
      </c>
      <c r="E16219" t="s">
        <v>9956</v>
      </c>
      <c r="F16219" t="s">
        <v>9957</v>
      </c>
      <c r="G16219" t="s">
        <v>80</v>
      </c>
      <c r="H16219" t="s">
        <v>81</v>
      </c>
      <c r="I16219" s="2">
        <v>0</v>
      </c>
      <c r="J16219" s="2">
        <v>1</v>
      </c>
      <c r="K16219" s="2">
        <v>0</v>
      </c>
      <c r="L16219" t="s">
        <v>82</v>
      </c>
      <c r="M16219" t="s">
        <v>87</v>
      </c>
      <c r="N16219" t="s">
        <v>88</v>
      </c>
      <c r="O16219" t="s">
        <v>85</v>
      </c>
      <c r="P16219" t="s">
        <v>86</v>
      </c>
      <c r="Q16219">
        <v>198</v>
      </c>
      <c r="R16219">
        <v>200</v>
      </c>
      <c r="S16219">
        <v>202</v>
      </c>
      <c r="T16219">
        <v>205</v>
      </c>
      <c r="U16219">
        <v>207</v>
      </c>
      <c r="V16219">
        <v>210</v>
      </c>
      <c r="W16219">
        <v>212</v>
      </c>
      <c r="X16219">
        <v>215</v>
      </c>
      <c r="Y16219">
        <v>217</v>
      </c>
      <c r="Z16219">
        <v>220</v>
      </c>
      <c r="AA16219">
        <v>223</v>
      </c>
      <c r="AB16219">
        <v>225</v>
      </c>
      <c r="AC16219">
        <v>228</v>
      </c>
      <c r="AD16219">
        <v>231</v>
      </c>
      <c r="AE16219">
        <v>234</v>
      </c>
      <c r="AF16219">
        <v>236</v>
      </c>
      <c r="AG16219">
        <v>239</v>
      </c>
      <c r="AH16219">
        <v>242</v>
      </c>
      <c r="AI16219">
        <v>245</v>
      </c>
      <c r="AJ16219">
        <v>248</v>
      </c>
      <c r="AK16219">
        <v>251</v>
      </c>
      <c r="AL16219">
        <v>254</v>
      </c>
      <c r="AM16219">
        <v>257</v>
      </c>
      <c r="AN16219">
        <v>260</v>
      </c>
      <c r="AO16219">
        <v>263</v>
      </c>
      <c r="AP16219">
        <v>266</v>
      </c>
      <c r="AQ16219">
        <v>269</v>
      </c>
    </row>
    <row r="16220" spans="1:43">
      <c r="A16220" t="s">
        <v>10070</v>
      </c>
      <c r="B16220" t="s">
        <v>10071</v>
      </c>
      <c r="C16220" t="s">
        <v>9974</v>
      </c>
      <c r="D16220" t="s">
        <v>9975</v>
      </c>
      <c r="E16220" t="s">
        <v>9956</v>
      </c>
      <c r="F16220" t="s">
        <v>9957</v>
      </c>
      <c r="G16220" t="s">
        <v>80</v>
      </c>
      <c r="H16220" t="s">
        <v>81</v>
      </c>
      <c r="I16220" s="2">
        <v>0</v>
      </c>
      <c r="J16220" s="2">
        <v>1</v>
      </c>
      <c r="K16220" s="2">
        <v>0</v>
      </c>
      <c r="L16220" t="s">
        <v>82</v>
      </c>
      <c r="M16220" t="s">
        <v>89</v>
      </c>
      <c r="N16220" t="s">
        <v>90</v>
      </c>
      <c r="O16220" t="s">
        <v>85</v>
      </c>
      <c r="P16220" t="s">
        <v>86</v>
      </c>
      <c r="Q16220">
        <v>198</v>
      </c>
      <c r="R16220">
        <v>204</v>
      </c>
      <c r="S16220">
        <v>210</v>
      </c>
      <c r="T16220">
        <v>216</v>
      </c>
      <c r="U16220">
        <v>222</v>
      </c>
      <c r="V16220">
        <v>228</v>
      </c>
      <c r="W16220">
        <v>234</v>
      </c>
      <c r="X16220">
        <v>240</v>
      </c>
      <c r="Y16220">
        <v>246</v>
      </c>
      <c r="Z16220">
        <v>252</v>
      </c>
      <c r="AA16220">
        <v>258</v>
      </c>
      <c r="AB16220">
        <v>263</v>
      </c>
      <c r="AC16220">
        <v>270</v>
      </c>
      <c r="AD16220">
        <v>276</v>
      </c>
      <c r="AE16220">
        <v>280</v>
      </c>
      <c r="AF16220">
        <v>283</v>
      </c>
      <c r="AG16220">
        <v>285</v>
      </c>
      <c r="AH16220">
        <v>288</v>
      </c>
      <c r="AI16220">
        <v>290</v>
      </c>
      <c r="AJ16220">
        <v>293</v>
      </c>
      <c r="AK16220">
        <v>296</v>
      </c>
      <c r="AL16220">
        <v>298</v>
      </c>
      <c r="AM16220">
        <v>301</v>
      </c>
      <c r="AN16220">
        <v>303</v>
      </c>
      <c r="AO16220">
        <v>306</v>
      </c>
      <c r="AP16220">
        <v>308</v>
      </c>
      <c r="AQ16220">
        <v>311</v>
      </c>
    </row>
    <row r="16221" spans="1:43">
      <c r="A16221" t="s">
        <v>10070</v>
      </c>
      <c r="B16221" t="s">
        <v>10071</v>
      </c>
      <c r="C16221" t="s">
        <v>9974</v>
      </c>
      <c r="D16221" t="s">
        <v>9975</v>
      </c>
      <c r="E16221" t="s">
        <v>9956</v>
      </c>
      <c r="F16221" t="s">
        <v>9957</v>
      </c>
      <c r="G16221" t="s">
        <v>80</v>
      </c>
      <c r="H16221" t="s">
        <v>81</v>
      </c>
      <c r="I16221" s="2">
        <v>0</v>
      </c>
      <c r="J16221" s="2">
        <v>1</v>
      </c>
      <c r="K16221" s="2">
        <v>0</v>
      </c>
      <c r="L16221" t="s">
        <v>82</v>
      </c>
      <c r="M16221" t="s">
        <v>83</v>
      </c>
      <c r="N16221" t="s">
        <v>91</v>
      </c>
      <c r="O16221" t="s">
        <v>85</v>
      </c>
      <c r="P16221" t="s">
        <v>86</v>
      </c>
      <c r="Q16221">
        <v>198</v>
      </c>
      <c r="R16221">
        <v>203</v>
      </c>
      <c r="S16221">
        <v>207</v>
      </c>
      <c r="T16221">
        <v>211</v>
      </c>
      <c r="U16221">
        <v>216</v>
      </c>
      <c r="V16221">
        <v>220</v>
      </c>
      <c r="W16221">
        <v>225</v>
      </c>
      <c r="X16221">
        <v>229</v>
      </c>
      <c r="Y16221">
        <v>234</v>
      </c>
      <c r="Z16221">
        <v>239</v>
      </c>
      <c r="AA16221">
        <v>244</v>
      </c>
      <c r="AB16221">
        <v>248</v>
      </c>
      <c r="AC16221">
        <v>253</v>
      </c>
      <c r="AD16221">
        <v>258</v>
      </c>
      <c r="AE16221">
        <v>263</v>
      </c>
      <c r="AF16221">
        <v>268</v>
      </c>
      <c r="AG16221">
        <v>273</v>
      </c>
      <c r="AH16221">
        <v>278</v>
      </c>
      <c r="AI16221">
        <v>283</v>
      </c>
      <c r="AJ16221">
        <v>289</v>
      </c>
      <c r="AK16221">
        <v>294</v>
      </c>
      <c r="AL16221">
        <v>297</v>
      </c>
      <c r="AM16221">
        <v>300</v>
      </c>
      <c r="AN16221">
        <v>303</v>
      </c>
      <c r="AO16221">
        <v>305</v>
      </c>
      <c r="AP16221">
        <v>308</v>
      </c>
      <c r="AQ16221">
        <v>311</v>
      </c>
    </row>
    <row r="16222" spans="1:43">
      <c r="A16222" t="s">
        <v>10072</v>
      </c>
      <c r="B16222" t="s">
        <v>10073</v>
      </c>
      <c r="C16222" t="s">
        <v>10038</v>
      </c>
      <c r="D16222" t="s">
        <v>10039</v>
      </c>
      <c r="E16222" t="s">
        <v>9956</v>
      </c>
      <c r="F16222" t="s">
        <v>9957</v>
      </c>
      <c r="G16222" t="s">
        <v>80</v>
      </c>
      <c r="H16222" t="s">
        <v>81</v>
      </c>
      <c r="I16222" s="2">
        <v>0</v>
      </c>
      <c r="J16222" s="2">
        <v>1</v>
      </c>
      <c r="K16222" s="2">
        <v>0</v>
      </c>
      <c r="L16222" t="s">
        <v>82</v>
      </c>
      <c r="M16222" t="s">
        <v>83</v>
      </c>
      <c r="N16222" t="s">
        <v>84</v>
      </c>
      <c r="O16222" t="s">
        <v>85</v>
      </c>
      <c r="P16222" t="s">
        <v>86</v>
      </c>
      <c r="Q16222">
        <v>127</v>
      </c>
      <c r="R16222">
        <v>129</v>
      </c>
      <c r="S16222">
        <v>132</v>
      </c>
      <c r="T16222">
        <v>135</v>
      </c>
      <c r="U16222">
        <v>138</v>
      </c>
      <c r="V16222">
        <v>141</v>
      </c>
      <c r="W16222">
        <v>144</v>
      </c>
      <c r="X16222">
        <v>146</v>
      </c>
      <c r="Y16222">
        <v>149</v>
      </c>
      <c r="Z16222">
        <v>152</v>
      </c>
      <c r="AA16222">
        <v>156</v>
      </c>
      <c r="AB16222">
        <v>159</v>
      </c>
      <c r="AC16222">
        <v>162</v>
      </c>
      <c r="AD16222">
        <v>165</v>
      </c>
      <c r="AE16222">
        <v>168</v>
      </c>
      <c r="AF16222">
        <v>171</v>
      </c>
      <c r="AG16222">
        <v>175</v>
      </c>
      <c r="AH16222">
        <v>178</v>
      </c>
      <c r="AI16222">
        <v>181</v>
      </c>
      <c r="AJ16222">
        <v>185</v>
      </c>
      <c r="AK16222">
        <v>188</v>
      </c>
      <c r="AL16222">
        <v>190</v>
      </c>
      <c r="AM16222">
        <v>192</v>
      </c>
      <c r="AN16222">
        <v>193</v>
      </c>
      <c r="AO16222">
        <v>195</v>
      </c>
      <c r="AP16222">
        <v>196</v>
      </c>
      <c r="AQ16222">
        <v>198</v>
      </c>
    </row>
    <row r="16223" spans="1:43">
      <c r="A16223" t="s">
        <v>10072</v>
      </c>
      <c r="B16223" t="s">
        <v>10073</v>
      </c>
      <c r="C16223" t="s">
        <v>10038</v>
      </c>
      <c r="D16223" t="s">
        <v>10039</v>
      </c>
      <c r="E16223" t="s">
        <v>9956</v>
      </c>
      <c r="F16223" t="s">
        <v>9957</v>
      </c>
      <c r="G16223" t="s">
        <v>80</v>
      </c>
      <c r="H16223" t="s">
        <v>81</v>
      </c>
      <c r="I16223" s="2">
        <v>0</v>
      </c>
      <c r="J16223" s="2">
        <v>1</v>
      </c>
      <c r="K16223" s="2">
        <v>0</v>
      </c>
      <c r="L16223" t="s">
        <v>82</v>
      </c>
      <c r="M16223" t="s">
        <v>87</v>
      </c>
      <c r="N16223" t="s">
        <v>88</v>
      </c>
      <c r="O16223" t="s">
        <v>85</v>
      </c>
      <c r="P16223" t="s">
        <v>86</v>
      </c>
      <c r="Q16223">
        <v>127</v>
      </c>
      <c r="R16223">
        <v>128</v>
      </c>
      <c r="S16223">
        <v>130</v>
      </c>
      <c r="T16223">
        <v>131</v>
      </c>
      <c r="U16223">
        <v>133</v>
      </c>
      <c r="V16223">
        <v>134</v>
      </c>
      <c r="W16223">
        <v>136</v>
      </c>
      <c r="X16223">
        <v>138</v>
      </c>
      <c r="Y16223">
        <v>139</v>
      </c>
      <c r="Z16223">
        <v>141</v>
      </c>
      <c r="AA16223">
        <v>143</v>
      </c>
      <c r="AB16223">
        <v>144</v>
      </c>
      <c r="AC16223">
        <v>146</v>
      </c>
      <c r="AD16223">
        <v>148</v>
      </c>
      <c r="AE16223">
        <v>150</v>
      </c>
      <c r="AF16223">
        <v>151</v>
      </c>
      <c r="AG16223">
        <v>153</v>
      </c>
      <c r="AH16223">
        <v>155</v>
      </c>
      <c r="AI16223">
        <v>157</v>
      </c>
      <c r="AJ16223">
        <v>159</v>
      </c>
      <c r="AK16223">
        <v>161</v>
      </c>
      <c r="AL16223">
        <v>163</v>
      </c>
      <c r="AM16223">
        <v>165</v>
      </c>
      <c r="AN16223">
        <v>167</v>
      </c>
      <c r="AO16223">
        <v>169</v>
      </c>
      <c r="AP16223">
        <v>171</v>
      </c>
      <c r="AQ16223">
        <v>173</v>
      </c>
    </row>
    <row r="16224" spans="1:43">
      <c r="A16224" t="s">
        <v>10072</v>
      </c>
      <c r="B16224" t="s">
        <v>10073</v>
      </c>
      <c r="C16224" t="s">
        <v>10038</v>
      </c>
      <c r="D16224" t="s">
        <v>10039</v>
      </c>
      <c r="E16224" t="s">
        <v>9956</v>
      </c>
      <c r="F16224" t="s">
        <v>9957</v>
      </c>
      <c r="G16224" t="s">
        <v>80</v>
      </c>
      <c r="H16224" t="s">
        <v>81</v>
      </c>
      <c r="I16224" s="2">
        <v>0</v>
      </c>
      <c r="J16224" s="2">
        <v>1</v>
      </c>
      <c r="K16224" s="2">
        <v>0</v>
      </c>
      <c r="L16224" t="s">
        <v>82</v>
      </c>
      <c r="M16224" t="s">
        <v>89</v>
      </c>
      <c r="N16224" t="s">
        <v>90</v>
      </c>
      <c r="O16224" t="s">
        <v>85</v>
      </c>
      <c r="P16224" t="s">
        <v>86</v>
      </c>
      <c r="Q16224">
        <v>127</v>
      </c>
      <c r="R16224">
        <v>131</v>
      </c>
      <c r="S16224">
        <v>135</v>
      </c>
      <c r="T16224">
        <v>139</v>
      </c>
      <c r="U16224">
        <v>142</v>
      </c>
      <c r="V16224">
        <v>146</v>
      </c>
      <c r="W16224">
        <v>150</v>
      </c>
      <c r="X16224">
        <v>154</v>
      </c>
      <c r="Y16224">
        <v>158</v>
      </c>
      <c r="Z16224">
        <v>161</v>
      </c>
      <c r="AA16224">
        <v>165</v>
      </c>
      <c r="AB16224">
        <v>169</v>
      </c>
      <c r="AC16224">
        <v>173</v>
      </c>
      <c r="AD16224">
        <v>177</v>
      </c>
      <c r="AE16224">
        <v>180</v>
      </c>
      <c r="AF16224">
        <v>181</v>
      </c>
      <c r="AG16224">
        <v>183</v>
      </c>
      <c r="AH16224">
        <v>184</v>
      </c>
      <c r="AI16224">
        <v>186</v>
      </c>
      <c r="AJ16224">
        <v>187</v>
      </c>
      <c r="AK16224">
        <v>189</v>
      </c>
      <c r="AL16224">
        <v>190</v>
      </c>
      <c r="AM16224">
        <v>192</v>
      </c>
      <c r="AN16224">
        <v>193</v>
      </c>
      <c r="AO16224">
        <v>195</v>
      </c>
      <c r="AP16224">
        <v>196</v>
      </c>
      <c r="AQ16224">
        <v>198</v>
      </c>
    </row>
    <row r="16225" spans="1:43">
      <c r="A16225" t="s">
        <v>10072</v>
      </c>
      <c r="B16225" t="s">
        <v>10073</v>
      </c>
      <c r="C16225" t="s">
        <v>10038</v>
      </c>
      <c r="D16225" t="s">
        <v>10039</v>
      </c>
      <c r="E16225" t="s">
        <v>9956</v>
      </c>
      <c r="F16225" t="s">
        <v>9957</v>
      </c>
      <c r="G16225" t="s">
        <v>80</v>
      </c>
      <c r="H16225" t="s">
        <v>81</v>
      </c>
      <c r="I16225" s="2">
        <v>0</v>
      </c>
      <c r="J16225" s="2">
        <v>1</v>
      </c>
      <c r="K16225" s="2">
        <v>0</v>
      </c>
      <c r="L16225" t="s">
        <v>82</v>
      </c>
      <c r="M16225" t="s">
        <v>83</v>
      </c>
      <c r="N16225" t="s">
        <v>91</v>
      </c>
      <c r="O16225" t="s">
        <v>85</v>
      </c>
      <c r="P16225" t="s">
        <v>86</v>
      </c>
      <c r="Q16225">
        <v>127</v>
      </c>
      <c r="R16225">
        <v>129</v>
      </c>
      <c r="S16225">
        <v>132</v>
      </c>
      <c r="T16225">
        <v>135</v>
      </c>
      <c r="U16225">
        <v>138</v>
      </c>
      <c r="V16225">
        <v>141</v>
      </c>
      <c r="W16225">
        <v>144</v>
      </c>
      <c r="X16225">
        <v>146</v>
      </c>
      <c r="Y16225">
        <v>149</v>
      </c>
      <c r="Z16225">
        <v>152</v>
      </c>
      <c r="AA16225">
        <v>156</v>
      </c>
      <c r="AB16225">
        <v>159</v>
      </c>
      <c r="AC16225">
        <v>162</v>
      </c>
      <c r="AD16225">
        <v>165</v>
      </c>
      <c r="AE16225">
        <v>168</v>
      </c>
      <c r="AF16225">
        <v>171</v>
      </c>
      <c r="AG16225">
        <v>175</v>
      </c>
      <c r="AH16225">
        <v>178</v>
      </c>
      <c r="AI16225">
        <v>181</v>
      </c>
      <c r="AJ16225">
        <v>185</v>
      </c>
      <c r="AK16225">
        <v>188</v>
      </c>
      <c r="AL16225">
        <v>190</v>
      </c>
      <c r="AM16225">
        <v>192</v>
      </c>
      <c r="AN16225">
        <v>193</v>
      </c>
      <c r="AO16225">
        <v>195</v>
      </c>
      <c r="AP16225">
        <v>196</v>
      </c>
      <c r="AQ16225">
        <v>198</v>
      </c>
    </row>
    <row r="16226" spans="1:43">
      <c r="A16226" t="s">
        <v>10074</v>
      </c>
      <c r="B16226" t="s">
        <v>10075</v>
      </c>
      <c r="C16226" t="s">
        <v>10076</v>
      </c>
      <c r="D16226" t="s">
        <v>10077</v>
      </c>
      <c r="E16226" t="s">
        <v>9956</v>
      </c>
      <c r="F16226" t="s">
        <v>9957</v>
      </c>
      <c r="G16226" t="s">
        <v>80</v>
      </c>
      <c r="H16226" t="s">
        <v>81</v>
      </c>
      <c r="I16226" s="2">
        <v>0</v>
      </c>
      <c r="J16226" s="2">
        <v>1</v>
      </c>
      <c r="K16226" s="2">
        <v>0</v>
      </c>
      <c r="L16226" t="s">
        <v>82</v>
      </c>
      <c r="M16226" t="s">
        <v>83</v>
      </c>
      <c r="N16226" t="s">
        <v>84</v>
      </c>
      <c r="O16226" t="s">
        <v>85</v>
      </c>
      <c r="P16226" t="s">
        <v>86</v>
      </c>
      <c r="Q16226">
        <v>99</v>
      </c>
      <c r="R16226">
        <v>101</v>
      </c>
      <c r="S16226">
        <v>103</v>
      </c>
      <c r="T16226">
        <v>106</v>
      </c>
      <c r="U16226">
        <v>108</v>
      </c>
      <c r="V16226">
        <v>110</v>
      </c>
      <c r="W16226">
        <v>112</v>
      </c>
      <c r="X16226">
        <v>115</v>
      </c>
      <c r="Y16226">
        <v>117</v>
      </c>
      <c r="Z16226">
        <v>119</v>
      </c>
      <c r="AA16226">
        <v>122</v>
      </c>
      <c r="AB16226">
        <v>124</v>
      </c>
      <c r="AC16226">
        <v>127</v>
      </c>
      <c r="AD16226">
        <v>129</v>
      </c>
      <c r="AE16226">
        <v>132</v>
      </c>
      <c r="AF16226">
        <v>134</v>
      </c>
      <c r="AG16226">
        <v>137</v>
      </c>
      <c r="AH16226">
        <v>139</v>
      </c>
      <c r="AI16226">
        <v>142</v>
      </c>
      <c r="AJ16226">
        <v>145</v>
      </c>
      <c r="AK16226">
        <v>147</v>
      </c>
      <c r="AL16226">
        <v>149</v>
      </c>
      <c r="AM16226">
        <v>150</v>
      </c>
      <c r="AN16226">
        <v>151</v>
      </c>
      <c r="AO16226">
        <v>152</v>
      </c>
      <c r="AP16226">
        <v>154</v>
      </c>
      <c r="AQ16226">
        <v>155</v>
      </c>
    </row>
    <row r="16227" spans="1:43">
      <c r="A16227" t="s">
        <v>10074</v>
      </c>
      <c r="B16227" t="s">
        <v>10075</v>
      </c>
      <c r="C16227" t="s">
        <v>10076</v>
      </c>
      <c r="D16227" t="s">
        <v>10077</v>
      </c>
      <c r="E16227" t="s">
        <v>9956</v>
      </c>
      <c r="F16227" t="s">
        <v>9957</v>
      </c>
      <c r="G16227" t="s">
        <v>80</v>
      </c>
      <c r="H16227" t="s">
        <v>81</v>
      </c>
      <c r="I16227" s="2">
        <v>0</v>
      </c>
      <c r="J16227" s="2">
        <v>1</v>
      </c>
      <c r="K16227" s="2">
        <v>0</v>
      </c>
      <c r="L16227" t="s">
        <v>82</v>
      </c>
      <c r="M16227" t="s">
        <v>87</v>
      </c>
      <c r="N16227" t="s">
        <v>88</v>
      </c>
      <c r="O16227" t="s">
        <v>85</v>
      </c>
      <c r="P16227" t="s">
        <v>86</v>
      </c>
      <c r="Q16227">
        <v>99</v>
      </c>
      <c r="R16227">
        <v>100</v>
      </c>
      <c r="S16227">
        <v>102</v>
      </c>
      <c r="T16227">
        <v>103</v>
      </c>
      <c r="U16227">
        <v>104</v>
      </c>
      <c r="V16227">
        <v>105</v>
      </c>
      <c r="W16227">
        <v>107</v>
      </c>
      <c r="X16227">
        <v>108</v>
      </c>
      <c r="Y16227">
        <v>109</v>
      </c>
      <c r="Z16227">
        <v>110</v>
      </c>
      <c r="AA16227">
        <v>112</v>
      </c>
      <c r="AB16227">
        <v>113</v>
      </c>
      <c r="AC16227">
        <v>114</v>
      </c>
      <c r="AD16227">
        <v>116</v>
      </c>
      <c r="AE16227">
        <v>117</v>
      </c>
      <c r="AF16227">
        <v>119</v>
      </c>
      <c r="AG16227">
        <v>120</v>
      </c>
      <c r="AH16227">
        <v>122</v>
      </c>
      <c r="AI16227">
        <v>123</v>
      </c>
      <c r="AJ16227">
        <v>124</v>
      </c>
      <c r="AK16227">
        <v>126</v>
      </c>
      <c r="AL16227">
        <v>127</v>
      </c>
      <c r="AM16227">
        <v>129</v>
      </c>
      <c r="AN16227">
        <v>131</v>
      </c>
      <c r="AO16227">
        <v>132</v>
      </c>
      <c r="AP16227">
        <v>134</v>
      </c>
      <c r="AQ16227">
        <v>135</v>
      </c>
    </row>
    <row r="16228" spans="1:43">
      <c r="A16228" t="s">
        <v>10074</v>
      </c>
      <c r="B16228" t="s">
        <v>10075</v>
      </c>
      <c r="C16228" t="s">
        <v>10076</v>
      </c>
      <c r="D16228" t="s">
        <v>10077</v>
      </c>
      <c r="E16228" t="s">
        <v>9956</v>
      </c>
      <c r="F16228" t="s">
        <v>9957</v>
      </c>
      <c r="G16228" t="s">
        <v>80</v>
      </c>
      <c r="H16228" t="s">
        <v>81</v>
      </c>
      <c r="I16228" s="2">
        <v>0</v>
      </c>
      <c r="J16228" s="2">
        <v>1</v>
      </c>
      <c r="K16228" s="2">
        <v>0</v>
      </c>
      <c r="L16228" t="s">
        <v>82</v>
      </c>
      <c r="M16228" t="s">
        <v>89</v>
      </c>
      <c r="N16228" t="s">
        <v>90</v>
      </c>
      <c r="O16228" t="s">
        <v>85</v>
      </c>
      <c r="P16228" t="s">
        <v>86</v>
      </c>
      <c r="Q16228">
        <v>99</v>
      </c>
      <c r="R16228">
        <v>102</v>
      </c>
      <c r="S16228">
        <v>105</v>
      </c>
      <c r="T16228">
        <v>108</v>
      </c>
      <c r="U16228">
        <v>111</v>
      </c>
      <c r="V16228">
        <v>114</v>
      </c>
      <c r="W16228">
        <v>117</v>
      </c>
      <c r="X16228">
        <v>120</v>
      </c>
      <c r="Y16228">
        <v>123</v>
      </c>
      <c r="Z16228">
        <v>126</v>
      </c>
      <c r="AA16228">
        <v>129</v>
      </c>
      <c r="AB16228">
        <v>132</v>
      </c>
      <c r="AC16228">
        <v>135</v>
      </c>
      <c r="AD16228">
        <v>138</v>
      </c>
      <c r="AE16228">
        <v>140</v>
      </c>
      <c r="AF16228">
        <v>142</v>
      </c>
      <c r="AG16228">
        <v>143</v>
      </c>
      <c r="AH16228">
        <v>144</v>
      </c>
      <c r="AI16228">
        <v>145</v>
      </c>
      <c r="AJ16228">
        <v>146</v>
      </c>
      <c r="AK16228">
        <v>147</v>
      </c>
      <c r="AL16228">
        <v>148</v>
      </c>
      <c r="AM16228">
        <v>150</v>
      </c>
      <c r="AN16228">
        <v>151</v>
      </c>
      <c r="AO16228">
        <v>152</v>
      </c>
      <c r="AP16228">
        <v>153</v>
      </c>
      <c r="AQ16228">
        <v>154</v>
      </c>
    </row>
    <row r="16229" spans="1:43">
      <c r="A16229" t="s">
        <v>10074</v>
      </c>
      <c r="B16229" t="s">
        <v>10075</v>
      </c>
      <c r="C16229" t="s">
        <v>10076</v>
      </c>
      <c r="D16229" t="s">
        <v>10077</v>
      </c>
      <c r="E16229" t="s">
        <v>9956</v>
      </c>
      <c r="F16229" t="s">
        <v>9957</v>
      </c>
      <c r="G16229" t="s">
        <v>80</v>
      </c>
      <c r="H16229" t="s">
        <v>81</v>
      </c>
      <c r="I16229" s="2">
        <v>0</v>
      </c>
      <c r="J16229" s="2">
        <v>1</v>
      </c>
      <c r="K16229" s="2">
        <v>0</v>
      </c>
      <c r="L16229" t="s">
        <v>82</v>
      </c>
      <c r="M16229" t="s">
        <v>83</v>
      </c>
      <c r="N16229" t="s">
        <v>91</v>
      </c>
      <c r="O16229" t="s">
        <v>85</v>
      </c>
      <c r="P16229" t="s">
        <v>86</v>
      </c>
      <c r="Q16229">
        <v>99</v>
      </c>
      <c r="R16229">
        <v>101</v>
      </c>
      <c r="S16229">
        <v>103</v>
      </c>
      <c r="T16229">
        <v>106</v>
      </c>
      <c r="U16229">
        <v>108</v>
      </c>
      <c r="V16229">
        <v>110</v>
      </c>
      <c r="W16229">
        <v>112</v>
      </c>
      <c r="X16229">
        <v>115</v>
      </c>
      <c r="Y16229">
        <v>117</v>
      </c>
      <c r="Z16229">
        <v>119</v>
      </c>
      <c r="AA16229">
        <v>122</v>
      </c>
      <c r="AB16229">
        <v>124</v>
      </c>
      <c r="AC16229">
        <v>127</v>
      </c>
      <c r="AD16229">
        <v>129</v>
      </c>
      <c r="AE16229">
        <v>132</v>
      </c>
      <c r="AF16229">
        <v>134</v>
      </c>
      <c r="AG16229">
        <v>137</v>
      </c>
      <c r="AH16229">
        <v>139</v>
      </c>
      <c r="AI16229">
        <v>142</v>
      </c>
      <c r="AJ16229">
        <v>145</v>
      </c>
      <c r="AK16229">
        <v>147</v>
      </c>
      <c r="AL16229">
        <v>149</v>
      </c>
      <c r="AM16229">
        <v>150</v>
      </c>
      <c r="AN16229">
        <v>151</v>
      </c>
      <c r="AO16229">
        <v>152</v>
      </c>
      <c r="AP16229">
        <v>154</v>
      </c>
      <c r="AQ16229">
        <v>155</v>
      </c>
    </row>
    <row r="16230" spans="1:43">
      <c r="A16230" t="s">
        <v>10078</v>
      </c>
      <c r="B16230" t="s">
        <v>10079</v>
      </c>
      <c r="C16230" t="s">
        <v>10014</v>
      </c>
      <c r="D16230" t="s">
        <v>10015</v>
      </c>
      <c r="E16230" t="s">
        <v>9956</v>
      </c>
      <c r="F16230" t="s">
        <v>9957</v>
      </c>
      <c r="G16230" t="s">
        <v>80</v>
      </c>
      <c r="H16230" t="s">
        <v>81</v>
      </c>
      <c r="I16230" s="2">
        <v>0</v>
      </c>
      <c r="J16230" s="2">
        <v>1</v>
      </c>
      <c r="K16230" s="2">
        <v>0</v>
      </c>
      <c r="L16230" t="s">
        <v>82</v>
      </c>
      <c r="M16230" t="s">
        <v>83</v>
      </c>
      <c r="N16230" t="s">
        <v>84</v>
      </c>
      <c r="O16230" t="s">
        <v>85</v>
      </c>
      <c r="P16230" t="s">
        <v>86</v>
      </c>
      <c r="Q16230">
        <v>88</v>
      </c>
      <c r="R16230">
        <v>90</v>
      </c>
      <c r="S16230">
        <v>92</v>
      </c>
      <c r="T16230">
        <v>94</v>
      </c>
      <c r="U16230">
        <v>96</v>
      </c>
      <c r="V16230">
        <v>98</v>
      </c>
      <c r="W16230">
        <v>100</v>
      </c>
      <c r="X16230">
        <v>102</v>
      </c>
      <c r="Y16230">
        <v>104</v>
      </c>
      <c r="Z16230">
        <v>106</v>
      </c>
      <c r="AA16230">
        <v>108</v>
      </c>
      <c r="AB16230">
        <v>110</v>
      </c>
      <c r="AC16230">
        <v>112</v>
      </c>
      <c r="AD16230">
        <v>114</v>
      </c>
      <c r="AE16230">
        <v>116</v>
      </c>
      <c r="AF16230">
        <v>119</v>
      </c>
      <c r="AG16230">
        <v>121</v>
      </c>
      <c r="AH16230">
        <v>123</v>
      </c>
      <c r="AI16230">
        <v>125</v>
      </c>
      <c r="AJ16230">
        <v>128</v>
      </c>
      <c r="AK16230">
        <v>130</v>
      </c>
      <c r="AL16230">
        <v>132</v>
      </c>
      <c r="AM16230">
        <v>133</v>
      </c>
      <c r="AN16230">
        <v>134</v>
      </c>
      <c r="AO16230">
        <v>135</v>
      </c>
      <c r="AP16230">
        <v>137</v>
      </c>
      <c r="AQ16230">
        <v>138</v>
      </c>
    </row>
    <row r="16231" spans="1:43">
      <c r="A16231" t="s">
        <v>10078</v>
      </c>
      <c r="B16231" t="s">
        <v>10079</v>
      </c>
      <c r="C16231" t="s">
        <v>10014</v>
      </c>
      <c r="D16231" t="s">
        <v>10015</v>
      </c>
      <c r="E16231" t="s">
        <v>9956</v>
      </c>
      <c r="F16231" t="s">
        <v>9957</v>
      </c>
      <c r="G16231" t="s">
        <v>80</v>
      </c>
      <c r="H16231" t="s">
        <v>81</v>
      </c>
      <c r="I16231" s="2">
        <v>0</v>
      </c>
      <c r="J16231" s="2">
        <v>1</v>
      </c>
      <c r="K16231" s="2">
        <v>0</v>
      </c>
      <c r="L16231" t="s">
        <v>82</v>
      </c>
      <c r="M16231" t="s">
        <v>87</v>
      </c>
      <c r="N16231" t="s">
        <v>88</v>
      </c>
      <c r="O16231" t="s">
        <v>85</v>
      </c>
      <c r="P16231" t="s">
        <v>86</v>
      </c>
      <c r="Q16231">
        <v>88</v>
      </c>
      <c r="R16231">
        <v>89</v>
      </c>
      <c r="S16231">
        <v>90</v>
      </c>
      <c r="T16231">
        <v>91</v>
      </c>
      <c r="U16231">
        <v>92</v>
      </c>
      <c r="V16231">
        <v>93</v>
      </c>
      <c r="W16231">
        <v>95</v>
      </c>
      <c r="X16231">
        <v>96</v>
      </c>
      <c r="Y16231">
        <v>97</v>
      </c>
      <c r="Z16231">
        <v>98</v>
      </c>
      <c r="AA16231">
        <v>99</v>
      </c>
      <c r="AB16231">
        <v>100</v>
      </c>
      <c r="AC16231">
        <v>102</v>
      </c>
      <c r="AD16231">
        <v>103</v>
      </c>
      <c r="AE16231">
        <v>104</v>
      </c>
      <c r="AF16231">
        <v>105</v>
      </c>
      <c r="AG16231">
        <v>107</v>
      </c>
      <c r="AH16231">
        <v>108</v>
      </c>
      <c r="AI16231">
        <v>109</v>
      </c>
      <c r="AJ16231">
        <v>110</v>
      </c>
      <c r="AK16231">
        <v>112</v>
      </c>
      <c r="AL16231">
        <v>113</v>
      </c>
      <c r="AM16231">
        <v>114</v>
      </c>
      <c r="AN16231">
        <v>116</v>
      </c>
      <c r="AO16231">
        <v>117</v>
      </c>
      <c r="AP16231">
        <v>118</v>
      </c>
      <c r="AQ16231">
        <v>120</v>
      </c>
    </row>
    <row r="16232" spans="1:43">
      <c r="A16232" t="s">
        <v>10078</v>
      </c>
      <c r="B16232" t="s">
        <v>10079</v>
      </c>
      <c r="C16232" t="s">
        <v>10014</v>
      </c>
      <c r="D16232" t="s">
        <v>10015</v>
      </c>
      <c r="E16232" t="s">
        <v>9956</v>
      </c>
      <c r="F16232" t="s">
        <v>9957</v>
      </c>
      <c r="G16232" t="s">
        <v>80</v>
      </c>
      <c r="H16232" t="s">
        <v>81</v>
      </c>
      <c r="I16232" s="2">
        <v>0</v>
      </c>
      <c r="J16232" s="2">
        <v>1</v>
      </c>
      <c r="K16232" s="2">
        <v>0</v>
      </c>
      <c r="L16232" t="s">
        <v>82</v>
      </c>
      <c r="M16232" t="s">
        <v>89</v>
      </c>
      <c r="N16232" t="s">
        <v>90</v>
      </c>
      <c r="O16232" t="s">
        <v>85</v>
      </c>
      <c r="P16232" t="s">
        <v>86</v>
      </c>
      <c r="Q16232">
        <v>88</v>
      </c>
      <c r="R16232">
        <v>90</v>
      </c>
      <c r="S16232">
        <v>93</v>
      </c>
      <c r="T16232">
        <v>96</v>
      </c>
      <c r="U16232">
        <v>98</v>
      </c>
      <c r="V16232">
        <v>101</v>
      </c>
      <c r="W16232">
        <v>104</v>
      </c>
      <c r="X16232">
        <v>106</v>
      </c>
      <c r="Y16232">
        <v>109</v>
      </c>
      <c r="Z16232">
        <v>111</v>
      </c>
      <c r="AA16232">
        <v>114</v>
      </c>
      <c r="AB16232">
        <v>116</v>
      </c>
      <c r="AC16232">
        <v>119</v>
      </c>
      <c r="AD16232">
        <v>122</v>
      </c>
      <c r="AE16232">
        <v>124</v>
      </c>
      <c r="AF16232">
        <v>125</v>
      </c>
      <c r="AG16232">
        <v>126</v>
      </c>
      <c r="AH16232">
        <v>128</v>
      </c>
      <c r="AI16232">
        <v>129</v>
      </c>
      <c r="AJ16232">
        <v>130</v>
      </c>
      <c r="AK16232">
        <v>131</v>
      </c>
      <c r="AL16232">
        <v>132</v>
      </c>
      <c r="AM16232">
        <v>134</v>
      </c>
      <c r="AN16232">
        <v>135</v>
      </c>
      <c r="AO16232">
        <v>136</v>
      </c>
      <c r="AP16232">
        <v>137</v>
      </c>
      <c r="AQ16232">
        <v>138</v>
      </c>
    </row>
    <row r="16233" spans="1:43">
      <c r="A16233" t="s">
        <v>10078</v>
      </c>
      <c r="B16233" t="s">
        <v>10079</v>
      </c>
      <c r="C16233" t="s">
        <v>10014</v>
      </c>
      <c r="D16233" t="s">
        <v>10015</v>
      </c>
      <c r="E16233" t="s">
        <v>9956</v>
      </c>
      <c r="F16233" t="s">
        <v>9957</v>
      </c>
      <c r="G16233" t="s">
        <v>80</v>
      </c>
      <c r="H16233" t="s">
        <v>81</v>
      </c>
      <c r="I16233" s="2">
        <v>0</v>
      </c>
      <c r="J16233" s="2">
        <v>1</v>
      </c>
      <c r="K16233" s="2">
        <v>0</v>
      </c>
      <c r="L16233" t="s">
        <v>82</v>
      </c>
      <c r="M16233" t="s">
        <v>83</v>
      </c>
      <c r="N16233" t="s">
        <v>91</v>
      </c>
      <c r="O16233" t="s">
        <v>85</v>
      </c>
      <c r="P16233" t="s">
        <v>86</v>
      </c>
      <c r="Q16233">
        <v>88</v>
      </c>
      <c r="R16233">
        <v>90</v>
      </c>
      <c r="S16233">
        <v>92</v>
      </c>
      <c r="T16233">
        <v>94</v>
      </c>
      <c r="U16233">
        <v>96</v>
      </c>
      <c r="V16233">
        <v>98</v>
      </c>
      <c r="W16233">
        <v>100</v>
      </c>
      <c r="X16233">
        <v>102</v>
      </c>
      <c r="Y16233">
        <v>104</v>
      </c>
      <c r="Z16233">
        <v>106</v>
      </c>
      <c r="AA16233">
        <v>108</v>
      </c>
      <c r="AB16233">
        <v>110</v>
      </c>
      <c r="AC16233">
        <v>112</v>
      </c>
      <c r="AD16233">
        <v>114</v>
      </c>
      <c r="AE16233">
        <v>116</v>
      </c>
      <c r="AF16233">
        <v>119</v>
      </c>
      <c r="AG16233">
        <v>121</v>
      </c>
      <c r="AH16233">
        <v>123</v>
      </c>
      <c r="AI16233">
        <v>125</v>
      </c>
      <c r="AJ16233">
        <v>128</v>
      </c>
      <c r="AK16233">
        <v>130</v>
      </c>
      <c r="AL16233">
        <v>132</v>
      </c>
      <c r="AM16233">
        <v>133</v>
      </c>
      <c r="AN16233">
        <v>134</v>
      </c>
      <c r="AO16233">
        <v>135</v>
      </c>
      <c r="AP16233">
        <v>137</v>
      </c>
      <c r="AQ16233">
        <v>138</v>
      </c>
    </row>
    <row r="16234" spans="1:43">
      <c r="A16234" t="s">
        <v>10080</v>
      </c>
      <c r="B16234" t="s">
        <v>10081</v>
      </c>
      <c r="C16234" t="s">
        <v>10076</v>
      </c>
      <c r="D16234" t="s">
        <v>10077</v>
      </c>
      <c r="E16234" t="s">
        <v>9956</v>
      </c>
      <c r="F16234" t="s">
        <v>9957</v>
      </c>
      <c r="G16234" t="s">
        <v>80</v>
      </c>
      <c r="H16234" t="s">
        <v>81</v>
      </c>
      <c r="I16234" s="2">
        <v>0</v>
      </c>
      <c r="J16234" s="2">
        <v>1</v>
      </c>
      <c r="K16234" s="2">
        <v>0</v>
      </c>
      <c r="L16234" t="s">
        <v>82</v>
      </c>
      <c r="M16234" t="s">
        <v>83</v>
      </c>
      <c r="N16234" t="s">
        <v>84</v>
      </c>
      <c r="O16234" t="s">
        <v>85</v>
      </c>
      <c r="P16234" t="s">
        <v>86</v>
      </c>
      <c r="Q16234">
        <v>87</v>
      </c>
      <c r="R16234">
        <v>89</v>
      </c>
      <c r="S16234">
        <v>91</v>
      </c>
      <c r="T16234">
        <v>93</v>
      </c>
      <c r="U16234">
        <v>95</v>
      </c>
      <c r="V16234">
        <v>97</v>
      </c>
      <c r="W16234">
        <v>99</v>
      </c>
      <c r="X16234">
        <v>101</v>
      </c>
      <c r="Y16234">
        <v>103</v>
      </c>
      <c r="Z16234">
        <v>105</v>
      </c>
      <c r="AA16234">
        <v>107</v>
      </c>
      <c r="AB16234">
        <v>109</v>
      </c>
      <c r="AC16234">
        <v>111</v>
      </c>
      <c r="AD16234">
        <v>113</v>
      </c>
      <c r="AE16234">
        <v>115</v>
      </c>
      <c r="AF16234">
        <v>118</v>
      </c>
      <c r="AG16234">
        <v>120</v>
      </c>
      <c r="AH16234">
        <v>122</v>
      </c>
      <c r="AI16234">
        <v>124</v>
      </c>
      <c r="AJ16234">
        <v>127</v>
      </c>
      <c r="AK16234">
        <v>129</v>
      </c>
      <c r="AL16234">
        <v>131</v>
      </c>
      <c r="AM16234">
        <v>132</v>
      </c>
      <c r="AN16234">
        <v>133</v>
      </c>
      <c r="AO16234">
        <v>134</v>
      </c>
      <c r="AP16234">
        <v>135</v>
      </c>
      <c r="AQ16234">
        <v>136</v>
      </c>
    </row>
    <row r="16235" spans="1:43">
      <c r="A16235" t="s">
        <v>10080</v>
      </c>
      <c r="B16235" t="s">
        <v>10081</v>
      </c>
      <c r="C16235" t="s">
        <v>10076</v>
      </c>
      <c r="D16235" t="s">
        <v>10077</v>
      </c>
      <c r="E16235" t="s">
        <v>9956</v>
      </c>
      <c r="F16235" t="s">
        <v>9957</v>
      </c>
      <c r="G16235" t="s">
        <v>80</v>
      </c>
      <c r="H16235" t="s">
        <v>81</v>
      </c>
      <c r="I16235" s="2">
        <v>0</v>
      </c>
      <c r="J16235" s="2">
        <v>1</v>
      </c>
      <c r="K16235" s="2">
        <v>0</v>
      </c>
      <c r="L16235" t="s">
        <v>82</v>
      </c>
      <c r="M16235" t="s">
        <v>87</v>
      </c>
      <c r="N16235" t="s">
        <v>88</v>
      </c>
      <c r="O16235" t="s">
        <v>85</v>
      </c>
      <c r="P16235" t="s">
        <v>86</v>
      </c>
      <c r="Q16235">
        <v>87</v>
      </c>
      <c r="R16235">
        <v>88</v>
      </c>
      <c r="S16235">
        <v>89</v>
      </c>
      <c r="T16235">
        <v>90</v>
      </c>
      <c r="U16235">
        <v>91</v>
      </c>
      <c r="V16235">
        <v>93</v>
      </c>
      <c r="W16235">
        <v>94</v>
      </c>
      <c r="X16235">
        <v>95</v>
      </c>
      <c r="Y16235">
        <v>96</v>
      </c>
      <c r="Z16235">
        <v>97</v>
      </c>
      <c r="AA16235">
        <v>98</v>
      </c>
      <c r="AB16235">
        <v>99</v>
      </c>
      <c r="AC16235">
        <v>101</v>
      </c>
      <c r="AD16235">
        <v>102</v>
      </c>
      <c r="AE16235">
        <v>103</v>
      </c>
      <c r="AF16235">
        <v>104</v>
      </c>
      <c r="AG16235">
        <v>106</v>
      </c>
      <c r="AH16235">
        <v>107</v>
      </c>
      <c r="AI16235">
        <v>108</v>
      </c>
      <c r="AJ16235">
        <v>109</v>
      </c>
      <c r="AK16235">
        <v>111</v>
      </c>
      <c r="AL16235">
        <v>112</v>
      </c>
      <c r="AM16235">
        <v>113</v>
      </c>
      <c r="AN16235">
        <v>115</v>
      </c>
      <c r="AO16235">
        <v>116</v>
      </c>
      <c r="AP16235">
        <v>117</v>
      </c>
      <c r="AQ16235">
        <v>119</v>
      </c>
    </row>
    <row r="16236" spans="1:43">
      <c r="A16236" t="s">
        <v>10080</v>
      </c>
      <c r="B16236" t="s">
        <v>10081</v>
      </c>
      <c r="C16236" t="s">
        <v>10076</v>
      </c>
      <c r="D16236" t="s">
        <v>10077</v>
      </c>
      <c r="E16236" t="s">
        <v>9956</v>
      </c>
      <c r="F16236" t="s">
        <v>9957</v>
      </c>
      <c r="G16236" t="s">
        <v>80</v>
      </c>
      <c r="H16236" t="s">
        <v>81</v>
      </c>
      <c r="I16236" s="2">
        <v>0</v>
      </c>
      <c r="J16236" s="2">
        <v>1</v>
      </c>
      <c r="K16236" s="2">
        <v>0</v>
      </c>
      <c r="L16236" t="s">
        <v>82</v>
      </c>
      <c r="M16236" t="s">
        <v>89</v>
      </c>
      <c r="N16236" t="s">
        <v>90</v>
      </c>
      <c r="O16236" t="s">
        <v>85</v>
      </c>
      <c r="P16236" t="s">
        <v>86</v>
      </c>
      <c r="Q16236">
        <v>87</v>
      </c>
      <c r="R16236">
        <v>89</v>
      </c>
      <c r="S16236">
        <v>92</v>
      </c>
      <c r="T16236">
        <v>95</v>
      </c>
      <c r="U16236">
        <v>97</v>
      </c>
      <c r="V16236">
        <v>100</v>
      </c>
      <c r="W16236">
        <v>103</v>
      </c>
      <c r="X16236">
        <v>105</v>
      </c>
      <c r="Y16236">
        <v>108</v>
      </c>
      <c r="Z16236">
        <v>110</v>
      </c>
      <c r="AA16236">
        <v>113</v>
      </c>
      <c r="AB16236">
        <v>116</v>
      </c>
      <c r="AC16236">
        <v>118</v>
      </c>
      <c r="AD16236">
        <v>121</v>
      </c>
      <c r="AE16236">
        <v>123</v>
      </c>
      <c r="AF16236">
        <v>124</v>
      </c>
      <c r="AG16236">
        <v>125</v>
      </c>
      <c r="AH16236">
        <v>126</v>
      </c>
      <c r="AI16236">
        <v>127</v>
      </c>
      <c r="AJ16236">
        <v>128</v>
      </c>
      <c r="AK16236">
        <v>129</v>
      </c>
      <c r="AL16236">
        <v>130</v>
      </c>
      <c r="AM16236">
        <v>131</v>
      </c>
      <c r="AN16236">
        <v>132</v>
      </c>
      <c r="AO16236">
        <v>134</v>
      </c>
      <c r="AP16236">
        <v>135</v>
      </c>
      <c r="AQ16236">
        <v>136</v>
      </c>
    </row>
    <row r="16237" spans="1:43">
      <c r="A16237" t="s">
        <v>10080</v>
      </c>
      <c r="B16237" t="s">
        <v>10081</v>
      </c>
      <c r="C16237" t="s">
        <v>10076</v>
      </c>
      <c r="D16237" t="s">
        <v>10077</v>
      </c>
      <c r="E16237" t="s">
        <v>9956</v>
      </c>
      <c r="F16237" t="s">
        <v>9957</v>
      </c>
      <c r="G16237" t="s">
        <v>80</v>
      </c>
      <c r="H16237" t="s">
        <v>81</v>
      </c>
      <c r="I16237" s="2">
        <v>0</v>
      </c>
      <c r="J16237" s="2">
        <v>1</v>
      </c>
      <c r="K16237" s="2">
        <v>0</v>
      </c>
      <c r="L16237" t="s">
        <v>82</v>
      </c>
      <c r="M16237" t="s">
        <v>83</v>
      </c>
      <c r="N16237" t="s">
        <v>91</v>
      </c>
      <c r="O16237" t="s">
        <v>85</v>
      </c>
      <c r="P16237" t="s">
        <v>86</v>
      </c>
      <c r="Q16237">
        <v>87</v>
      </c>
      <c r="R16237">
        <v>89</v>
      </c>
      <c r="S16237">
        <v>91</v>
      </c>
      <c r="T16237">
        <v>93</v>
      </c>
      <c r="U16237">
        <v>95</v>
      </c>
      <c r="V16237">
        <v>97</v>
      </c>
      <c r="W16237">
        <v>99</v>
      </c>
      <c r="X16237">
        <v>101</v>
      </c>
      <c r="Y16237">
        <v>103</v>
      </c>
      <c r="Z16237">
        <v>105</v>
      </c>
      <c r="AA16237">
        <v>107</v>
      </c>
      <c r="AB16237">
        <v>109</v>
      </c>
      <c r="AC16237">
        <v>111</v>
      </c>
      <c r="AD16237">
        <v>113</v>
      </c>
      <c r="AE16237">
        <v>115</v>
      </c>
      <c r="AF16237">
        <v>118</v>
      </c>
      <c r="AG16237">
        <v>120</v>
      </c>
      <c r="AH16237">
        <v>122</v>
      </c>
      <c r="AI16237">
        <v>124</v>
      </c>
      <c r="AJ16237">
        <v>127</v>
      </c>
      <c r="AK16237">
        <v>129</v>
      </c>
      <c r="AL16237">
        <v>131</v>
      </c>
      <c r="AM16237">
        <v>132</v>
      </c>
      <c r="AN16237">
        <v>133</v>
      </c>
      <c r="AO16237">
        <v>134</v>
      </c>
      <c r="AP16237">
        <v>135</v>
      </c>
      <c r="AQ16237">
        <v>136</v>
      </c>
    </row>
    <row r="16238" spans="1:43">
      <c r="A16238" t="s">
        <v>10082</v>
      </c>
      <c r="B16238" t="s">
        <v>10083</v>
      </c>
      <c r="C16238" t="s">
        <v>10076</v>
      </c>
      <c r="D16238" t="s">
        <v>10077</v>
      </c>
      <c r="E16238" t="s">
        <v>9956</v>
      </c>
      <c r="F16238" t="s">
        <v>9957</v>
      </c>
      <c r="G16238" t="s">
        <v>80</v>
      </c>
      <c r="H16238" t="s">
        <v>81</v>
      </c>
      <c r="I16238" s="2">
        <v>0</v>
      </c>
      <c r="J16238" s="2">
        <v>1</v>
      </c>
      <c r="K16238" s="2">
        <v>0</v>
      </c>
      <c r="L16238" t="s">
        <v>82</v>
      </c>
      <c r="M16238" t="s">
        <v>83</v>
      </c>
      <c r="N16238" t="s">
        <v>84</v>
      </c>
      <c r="O16238" t="s">
        <v>85</v>
      </c>
      <c r="P16238" t="s">
        <v>86</v>
      </c>
      <c r="Q16238">
        <v>121</v>
      </c>
      <c r="R16238">
        <v>124</v>
      </c>
      <c r="S16238">
        <v>126</v>
      </c>
      <c r="T16238">
        <v>129</v>
      </c>
      <c r="U16238">
        <v>132</v>
      </c>
      <c r="V16238">
        <v>135</v>
      </c>
      <c r="W16238">
        <v>137</v>
      </c>
      <c r="X16238">
        <v>140</v>
      </c>
      <c r="Y16238">
        <v>143</v>
      </c>
      <c r="Z16238">
        <v>146</v>
      </c>
      <c r="AA16238">
        <v>149</v>
      </c>
      <c r="AB16238">
        <v>152</v>
      </c>
      <c r="AC16238">
        <v>155</v>
      </c>
      <c r="AD16238">
        <v>158</v>
      </c>
      <c r="AE16238">
        <v>161</v>
      </c>
      <c r="AF16238">
        <v>164</v>
      </c>
      <c r="AG16238">
        <v>167</v>
      </c>
      <c r="AH16238">
        <v>170</v>
      </c>
      <c r="AI16238">
        <v>173</v>
      </c>
      <c r="AJ16238">
        <v>177</v>
      </c>
      <c r="AK16238">
        <v>180</v>
      </c>
      <c r="AL16238">
        <v>182</v>
      </c>
      <c r="AM16238">
        <v>183</v>
      </c>
      <c r="AN16238">
        <v>185</v>
      </c>
      <c r="AO16238">
        <v>186</v>
      </c>
      <c r="AP16238">
        <v>188</v>
      </c>
      <c r="AQ16238">
        <v>189</v>
      </c>
    </row>
    <row r="16239" spans="1:43">
      <c r="A16239" t="s">
        <v>10082</v>
      </c>
      <c r="B16239" t="s">
        <v>10083</v>
      </c>
      <c r="C16239" t="s">
        <v>10076</v>
      </c>
      <c r="D16239" t="s">
        <v>10077</v>
      </c>
      <c r="E16239" t="s">
        <v>9956</v>
      </c>
      <c r="F16239" t="s">
        <v>9957</v>
      </c>
      <c r="G16239" t="s">
        <v>80</v>
      </c>
      <c r="H16239" t="s">
        <v>81</v>
      </c>
      <c r="I16239" s="2">
        <v>0</v>
      </c>
      <c r="J16239" s="2">
        <v>1</v>
      </c>
      <c r="K16239" s="2">
        <v>0</v>
      </c>
      <c r="L16239" t="s">
        <v>82</v>
      </c>
      <c r="M16239" t="s">
        <v>87</v>
      </c>
      <c r="N16239" t="s">
        <v>88</v>
      </c>
      <c r="O16239" t="s">
        <v>85</v>
      </c>
      <c r="P16239" t="s">
        <v>86</v>
      </c>
      <c r="Q16239">
        <v>121</v>
      </c>
      <c r="R16239">
        <v>123</v>
      </c>
      <c r="S16239">
        <v>124</v>
      </c>
      <c r="T16239">
        <v>126</v>
      </c>
      <c r="U16239">
        <v>127</v>
      </c>
      <c r="V16239">
        <v>128</v>
      </c>
      <c r="W16239">
        <v>130</v>
      </c>
      <c r="X16239">
        <v>132</v>
      </c>
      <c r="Y16239">
        <v>133</v>
      </c>
      <c r="Z16239">
        <v>135</v>
      </c>
      <c r="AA16239">
        <v>136</v>
      </c>
      <c r="AB16239">
        <v>138</v>
      </c>
      <c r="AC16239">
        <v>140</v>
      </c>
      <c r="AD16239">
        <v>141</v>
      </c>
      <c r="AE16239">
        <v>143</v>
      </c>
      <c r="AF16239">
        <v>145</v>
      </c>
      <c r="AG16239">
        <v>147</v>
      </c>
      <c r="AH16239">
        <v>148</v>
      </c>
      <c r="AI16239">
        <v>150</v>
      </c>
      <c r="AJ16239">
        <v>152</v>
      </c>
      <c r="AK16239">
        <v>154</v>
      </c>
      <c r="AL16239">
        <v>156</v>
      </c>
      <c r="AM16239">
        <v>157</v>
      </c>
      <c r="AN16239">
        <v>159</v>
      </c>
      <c r="AO16239">
        <v>161</v>
      </c>
      <c r="AP16239">
        <v>163</v>
      </c>
      <c r="AQ16239">
        <v>165</v>
      </c>
    </row>
    <row r="16240" spans="1:43">
      <c r="A16240" t="s">
        <v>10082</v>
      </c>
      <c r="B16240" t="s">
        <v>10083</v>
      </c>
      <c r="C16240" t="s">
        <v>10076</v>
      </c>
      <c r="D16240" t="s">
        <v>10077</v>
      </c>
      <c r="E16240" t="s">
        <v>9956</v>
      </c>
      <c r="F16240" t="s">
        <v>9957</v>
      </c>
      <c r="G16240" t="s">
        <v>80</v>
      </c>
      <c r="H16240" t="s">
        <v>81</v>
      </c>
      <c r="I16240" s="2">
        <v>0</v>
      </c>
      <c r="J16240" s="2">
        <v>1</v>
      </c>
      <c r="K16240" s="2">
        <v>0</v>
      </c>
      <c r="L16240" t="s">
        <v>82</v>
      </c>
      <c r="M16240" t="s">
        <v>89</v>
      </c>
      <c r="N16240" t="s">
        <v>90</v>
      </c>
      <c r="O16240" t="s">
        <v>85</v>
      </c>
      <c r="P16240" t="s">
        <v>86</v>
      </c>
      <c r="Q16240">
        <v>121</v>
      </c>
      <c r="R16240">
        <v>125</v>
      </c>
      <c r="S16240">
        <v>129</v>
      </c>
      <c r="T16240">
        <v>132</v>
      </c>
      <c r="U16240">
        <v>136</v>
      </c>
      <c r="V16240">
        <v>140</v>
      </c>
      <c r="W16240">
        <v>143</v>
      </c>
      <c r="X16240">
        <v>147</v>
      </c>
      <c r="Y16240">
        <v>151</v>
      </c>
      <c r="Z16240">
        <v>154</v>
      </c>
      <c r="AA16240">
        <v>158</v>
      </c>
      <c r="AB16240">
        <v>161</v>
      </c>
      <c r="AC16240">
        <v>165</v>
      </c>
      <c r="AD16240">
        <v>169</v>
      </c>
      <c r="AE16240">
        <v>172</v>
      </c>
      <c r="AF16240">
        <v>173</v>
      </c>
      <c r="AG16240">
        <v>175</v>
      </c>
      <c r="AH16240">
        <v>176</v>
      </c>
      <c r="AI16240">
        <v>177</v>
      </c>
      <c r="AJ16240">
        <v>179</v>
      </c>
      <c r="AK16240">
        <v>180</v>
      </c>
      <c r="AL16240">
        <v>182</v>
      </c>
      <c r="AM16240">
        <v>183</v>
      </c>
      <c r="AN16240">
        <v>184</v>
      </c>
      <c r="AO16240">
        <v>186</v>
      </c>
      <c r="AP16240">
        <v>187</v>
      </c>
      <c r="AQ16240">
        <v>189</v>
      </c>
    </row>
    <row r="16241" spans="1:43">
      <c r="A16241" t="s">
        <v>10082</v>
      </c>
      <c r="B16241" t="s">
        <v>10083</v>
      </c>
      <c r="C16241" t="s">
        <v>10076</v>
      </c>
      <c r="D16241" t="s">
        <v>10077</v>
      </c>
      <c r="E16241" t="s">
        <v>9956</v>
      </c>
      <c r="F16241" t="s">
        <v>9957</v>
      </c>
      <c r="G16241" t="s">
        <v>80</v>
      </c>
      <c r="H16241" t="s">
        <v>81</v>
      </c>
      <c r="I16241" s="2">
        <v>0</v>
      </c>
      <c r="J16241" s="2">
        <v>1</v>
      </c>
      <c r="K16241" s="2">
        <v>0</v>
      </c>
      <c r="L16241" t="s">
        <v>82</v>
      </c>
      <c r="M16241" t="s">
        <v>83</v>
      </c>
      <c r="N16241" t="s">
        <v>91</v>
      </c>
      <c r="O16241" t="s">
        <v>85</v>
      </c>
      <c r="P16241" t="s">
        <v>86</v>
      </c>
      <c r="Q16241">
        <v>121</v>
      </c>
      <c r="R16241">
        <v>124</v>
      </c>
      <c r="S16241">
        <v>126</v>
      </c>
      <c r="T16241">
        <v>129</v>
      </c>
      <c r="U16241">
        <v>132</v>
      </c>
      <c r="V16241">
        <v>135</v>
      </c>
      <c r="W16241">
        <v>137</v>
      </c>
      <c r="X16241">
        <v>140</v>
      </c>
      <c r="Y16241">
        <v>143</v>
      </c>
      <c r="Z16241">
        <v>146</v>
      </c>
      <c r="AA16241">
        <v>149</v>
      </c>
      <c r="AB16241">
        <v>152</v>
      </c>
      <c r="AC16241">
        <v>155</v>
      </c>
      <c r="AD16241">
        <v>158</v>
      </c>
      <c r="AE16241">
        <v>161</v>
      </c>
      <c r="AF16241">
        <v>164</v>
      </c>
      <c r="AG16241">
        <v>167</v>
      </c>
      <c r="AH16241">
        <v>170</v>
      </c>
      <c r="AI16241">
        <v>173</v>
      </c>
      <c r="AJ16241">
        <v>177</v>
      </c>
      <c r="AK16241">
        <v>180</v>
      </c>
      <c r="AL16241">
        <v>182</v>
      </c>
      <c r="AM16241">
        <v>183</v>
      </c>
      <c r="AN16241">
        <v>185</v>
      </c>
      <c r="AO16241">
        <v>186</v>
      </c>
      <c r="AP16241">
        <v>188</v>
      </c>
      <c r="AQ16241">
        <v>189</v>
      </c>
    </row>
    <row r="16242" spans="1:43">
      <c r="A16242" t="s">
        <v>10084</v>
      </c>
      <c r="B16242" t="s">
        <v>10085</v>
      </c>
      <c r="C16242" t="s">
        <v>10024</v>
      </c>
      <c r="D16242" t="s">
        <v>10025</v>
      </c>
      <c r="E16242" t="s">
        <v>9956</v>
      </c>
      <c r="F16242" t="s">
        <v>9957</v>
      </c>
      <c r="G16242" t="s">
        <v>80</v>
      </c>
      <c r="H16242" t="s">
        <v>81</v>
      </c>
      <c r="I16242" s="2">
        <v>0</v>
      </c>
      <c r="J16242" s="2">
        <v>1</v>
      </c>
      <c r="K16242" s="2">
        <v>0</v>
      </c>
      <c r="L16242" t="s">
        <v>82</v>
      </c>
      <c r="M16242" t="s">
        <v>83</v>
      </c>
      <c r="N16242" t="s">
        <v>84</v>
      </c>
      <c r="O16242" t="s">
        <v>85</v>
      </c>
      <c r="P16242" t="s">
        <v>86</v>
      </c>
      <c r="Q16242">
        <v>50</v>
      </c>
      <c r="R16242">
        <v>51</v>
      </c>
      <c r="S16242">
        <v>52</v>
      </c>
      <c r="T16242">
        <v>53</v>
      </c>
      <c r="U16242">
        <v>54</v>
      </c>
      <c r="V16242">
        <v>55</v>
      </c>
      <c r="W16242">
        <v>57</v>
      </c>
      <c r="X16242">
        <v>58</v>
      </c>
      <c r="Y16242">
        <v>59</v>
      </c>
      <c r="Z16242">
        <v>60</v>
      </c>
      <c r="AA16242">
        <v>61</v>
      </c>
      <c r="AB16242">
        <v>63</v>
      </c>
      <c r="AC16242">
        <v>64</v>
      </c>
      <c r="AD16242">
        <v>65</v>
      </c>
      <c r="AE16242">
        <v>66</v>
      </c>
      <c r="AF16242">
        <v>68</v>
      </c>
      <c r="AG16242">
        <v>69</v>
      </c>
      <c r="AH16242">
        <v>70</v>
      </c>
      <c r="AI16242">
        <v>71</v>
      </c>
      <c r="AJ16242">
        <v>73</v>
      </c>
      <c r="AK16242">
        <v>74</v>
      </c>
      <c r="AL16242">
        <v>75</v>
      </c>
      <c r="AM16242">
        <v>76</v>
      </c>
      <c r="AN16242">
        <v>76</v>
      </c>
      <c r="AO16242">
        <v>77</v>
      </c>
      <c r="AP16242">
        <v>77</v>
      </c>
      <c r="AQ16242">
        <v>78</v>
      </c>
    </row>
    <row r="16243" spans="1:43">
      <c r="A16243" t="s">
        <v>10084</v>
      </c>
      <c r="B16243" t="s">
        <v>10085</v>
      </c>
      <c r="C16243" t="s">
        <v>10024</v>
      </c>
      <c r="D16243" t="s">
        <v>10025</v>
      </c>
      <c r="E16243" t="s">
        <v>9956</v>
      </c>
      <c r="F16243" t="s">
        <v>9957</v>
      </c>
      <c r="G16243" t="s">
        <v>80</v>
      </c>
      <c r="H16243" t="s">
        <v>81</v>
      </c>
      <c r="I16243" s="2">
        <v>0</v>
      </c>
      <c r="J16243" s="2">
        <v>1</v>
      </c>
      <c r="K16243" s="2">
        <v>0</v>
      </c>
      <c r="L16243" t="s">
        <v>82</v>
      </c>
      <c r="M16243" t="s">
        <v>87</v>
      </c>
      <c r="N16243" t="s">
        <v>88</v>
      </c>
      <c r="O16243" t="s">
        <v>85</v>
      </c>
      <c r="P16243" t="s">
        <v>86</v>
      </c>
      <c r="Q16243">
        <v>50</v>
      </c>
      <c r="R16243">
        <v>51</v>
      </c>
      <c r="S16243">
        <v>52</v>
      </c>
      <c r="T16243">
        <v>52</v>
      </c>
      <c r="U16243">
        <v>53</v>
      </c>
      <c r="V16243">
        <v>54</v>
      </c>
      <c r="W16243">
        <v>54</v>
      </c>
      <c r="X16243">
        <v>55</v>
      </c>
      <c r="Y16243">
        <v>55</v>
      </c>
      <c r="Z16243">
        <v>56</v>
      </c>
      <c r="AA16243">
        <v>57</v>
      </c>
      <c r="AB16243">
        <v>57</v>
      </c>
      <c r="AC16243">
        <v>58</v>
      </c>
      <c r="AD16243">
        <v>59</v>
      </c>
      <c r="AE16243">
        <v>60</v>
      </c>
      <c r="AF16243">
        <v>60</v>
      </c>
      <c r="AG16243">
        <v>61</v>
      </c>
      <c r="AH16243">
        <v>62</v>
      </c>
      <c r="AI16243">
        <v>62</v>
      </c>
      <c r="AJ16243">
        <v>63</v>
      </c>
      <c r="AK16243">
        <v>64</v>
      </c>
      <c r="AL16243">
        <v>65</v>
      </c>
      <c r="AM16243">
        <v>65</v>
      </c>
      <c r="AN16243">
        <v>66</v>
      </c>
      <c r="AO16243">
        <v>67</v>
      </c>
      <c r="AP16243">
        <v>68</v>
      </c>
      <c r="AQ16243">
        <v>69</v>
      </c>
    </row>
    <row r="16244" spans="1:43">
      <c r="A16244" t="s">
        <v>10084</v>
      </c>
      <c r="B16244" t="s">
        <v>10085</v>
      </c>
      <c r="C16244" t="s">
        <v>10024</v>
      </c>
      <c r="D16244" t="s">
        <v>10025</v>
      </c>
      <c r="E16244" t="s">
        <v>9956</v>
      </c>
      <c r="F16244" t="s">
        <v>9957</v>
      </c>
      <c r="G16244" t="s">
        <v>80</v>
      </c>
      <c r="H16244" t="s">
        <v>81</v>
      </c>
      <c r="I16244" s="2">
        <v>0</v>
      </c>
      <c r="J16244" s="2">
        <v>1</v>
      </c>
      <c r="K16244" s="2">
        <v>0</v>
      </c>
      <c r="L16244" t="s">
        <v>82</v>
      </c>
      <c r="M16244" t="s">
        <v>89</v>
      </c>
      <c r="N16244" t="s">
        <v>90</v>
      </c>
      <c r="O16244" t="s">
        <v>85</v>
      </c>
      <c r="P16244" t="s">
        <v>86</v>
      </c>
      <c r="Q16244">
        <v>50</v>
      </c>
      <c r="R16244">
        <v>52</v>
      </c>
      <c r="S16244">
        <v>53</v>
      </c>
      <c r="T16244">
        <v>55</v>
      </c>
      <c r="U16244">
        <v>56</v>
      </c>
      <c r="V16244">
        <v>58</v>
      </c>
      <c r="W16244">
        <v>59</v>
      </c>
      <c r="X16244">
        <v>61</v>
      </c>
      <c r="Y16244">
        <v>62</v>
      </c>
      <c r="Z16244">
        <v>64</v>
      </c>
      <c r="AA16244">
        <v>65</v>
      </c>
      <c r="AB16244">
        <v>67</v>
      </c>
      <c r="AC16244">
        <v>68</v>
      </c>
      <c r="AD16244">
        <v>70</v>
      </c>
      <c r="AE16244">
        <v>71</v>
      </c>
      <c r="AF16244">
        <v>72</v>
      </c>
      <c r="AG16244">
        <v>72</v>
      </c>
      <c r="AH16244">
        <v>73</v>
      </c>
      <c r="AI16244">
        <v>74</v>
      </c>
      <c r="AJ16244">
        <v>74</v>
      </c>
      <c r="AK16244">
        <v>75</v>
      </c>
      <c r="AL16244">
        <v>75</v>
      </c>
      <c r="AM16244">
        <v>76</v>
      </c>
      <c r="AN16244">
        <v>76</v>
      </c>
      <c r="AO16244">
        <v>77</v>
      </c>
      <c r="AP16244">
        <v>78</v>
      </c>
      <c r="AQ16244">
        <v>78</v>
      </c>
    </row>
    <row r="16245" spans="1:43">
      <c r="A16245" t="s">
        <v>10084</v>
      </c>
      <c r="B16245" t="s">
        <v>10085</v>
      </c>
      <c r="C16245" t="s">
        <v>10024</v>
      </c>
      <c r="D16245" t="s">
        <v>10025</v>
      </c>
      <c r="E16245" t="s">
        <v>9956</v>
      </c>
      <c r="F16245" t="s">
        <v>9957</v>
      </c>
      <c r="G16245" t="s">
        <v>80</v>
      </c>
      <c r="H16245" t="s">
        <v>81</v>
      </c>
      <c r="I16245" s="2">
        <v>0</v>
      </c>
      <c r="J16245" s="2">
        <v>1</v>
      </c>
      <c r="K16245" s="2">
        <v>0</v>
      </c>
      <c r="L16245" t="s">
        <v>82</v>
      </c>
      <c r="M16245" t="s">
        <v>83</v>
      </c>
      <c r="N16245" t="s">
        <v>91</v>
      </c>
      <c r="O16245" t="s">
        <v>85</v>
      </c>
      <c r="P16245" t="s">
        <v>86</v>
      </c>
      <c r="Q16245">
        <v>50</v>
      </c>
      <c r="R16245">
        <v>51</v>
      </c>
      <c r="S16245">
        <v>52</v>
      </c>
      <c r="T16245">
        <v>53</v>
      </c>
      <c r="U16245">
        <v>54</v>
      </c>
      <c r="V16245">
        <v>55</v>
      </c>
      <c r="W16245">
        <v>57</v>
      </c>
      <c r="X16245">
        <v>58</v>
      </c>
      <c r="Y16245">
        <v>59</v>
      </c>
      <c r="Z16245">
        <v>60</v>
      </c>
      <c r="AA16245">
        <v>61</v>
      </c>
      <c r="AB16245">
        <v>63</v>
      </c>
      <c r="AC16245">
        <v>64</v>
      </c>
      <c r="AD16245">
        <v>65</v>
      </c>
      <c r="AE16245">
        <v>66</v>
      </c>
      <c r="AF16245">
        <v>68</v>
      </c>
      <c r="AG16245">
        <v>69</v>
      </c>
      <c r="AH16245">
        <v>70</v>
      </c>
      <c r="AI16245">
        <v>71</v>
      </c>
      <c r="AJ16245">
        <v>73</v>
      </c>
      <c r="AK16245">
        <v>74</v>
      </c>
      <c r="AL16245">
        <v>75</v>
      </c>
      <c r="AM16245">
        <v>76</v>
      </c>
      <c r="AN16245">
        <v>76</v>
      </c>
      <c r="AO16245">
        <v>77</v>
      </c>
      <c r="AP16245">
        <v>77</v>
      </c>
      <c r="AQ16245">
        <v>78</v>
      </c>
    </row>
    <row r="16246" spans="1:43">
      <c r="A16246" t="s">
        <v>10086</v>
      </c>
      <c r="B16246" t="s">
        <v>10087</v>
      </c>
      <c r="C16246" t="s">
        <v>10024</v>
      </c>
      <c r="D16246" t="s">
        <v>10025</v>
      </c>
      <c r="E16246" t="s">
        <v>9956</v>
      </c>
      <c r="F16246" t="s">
        <v>9957</v>
      </c>
      <c r="G16246" t="s">
        <v>80</v>
      </c>
      <c r="H16246" t="s">
        <v>81</v>
      </c>
      <c r="I16246" s="2">
        <v>0</v>
      </c>
      <c r="J16246" s="2">
        <v>1</v>
      </c>
      <c r="K16246" s="2">
        <v>0</v>
      </c>
      <c r="L16246" t="s">
        <v>82</v>
      </c>
      <c r="M16246" t="s">
        <v>83</v>
      </c>
      <c r="N16246" t="s">
        <v>84</v>
      </c>
      <c r="O16246" t="s">
        <v>85</v>
      </c>
      <c r="P16246" t="s">
        <v>86</v>
      </c>
      <c r="Q16246">
        <v>121</v>
      </c>
      <c r="R16246">
        <v>124</v>
      </c>
      <c r="S16246">
        <v>126</v>
      </c>
      <c r="T16246">
        <v>129</v>
      </c>
      <c r="U16246">
        <v>132</v>
      </c>
      <c r="V16246">
        <v>134</v>
      </c>
      <c r="W16246">
        <v>137</v>
      </c>
      <c r="X16246">
        <v>140</v>
      </c>
      <c r="Y16246">
        <v>143</v>
      </c>
      <c r="Z16246">
        <v>146</v>
      </c>
      <c r="AA16246">
        <v>149</v>
      </c>
      <c r="AB16246">
        <v>152</v>
      </c>
      <c r="AC16246">
        <v>155</v>
      </c>
      <c r="AD16246">
        <v>158</v>
      </c>
      <c r="AE16246">
        <v>161</v>
      </c>
      <c r="AF16246">
        <v>164</v>
      </c>
      <c r="AG16246">
        <v>167</v>
      </c>
      <c r="AH16246">
        <v>170</v>
      </c>
      <c r="AI16246">
        <v>173</v>
      </c>
      <c r="AJ16246">
        <v>177</v>
      </c>
      <c r="AK16246">
        <v>180</v>
      </c>
      <c r="AL16246">
        <v>182</v>
      </c>
      <c r="AM16246">
        <v>183</v>
      </c>
      <c r="AN16246">
        <v>185</v>
      </c>
      <c r="AO16246">
        <v>186</v>
      </c>
      <c r="AP16246">
        <v>188</v>
      </c>
      <c r="AQ16246">
        <v>189</v>
      </c>
    </row>
    <row r="16247" spans="1:43">
      <c r="A16247" t="s">
        <v>10086</v>
      </c>
      <c r="B16247" t="s">
        <v>10087</v>
      </c>
      <c r="C16247" t="s">
        <v>10024</v>
      </c>
      <c r="D16247" t="s">
        <v>10025</v>
      </c>
      <c r="E16247" t="s">
        <v>9956</v>
      </c>
      <c r="F16247" t="s">
        <v>9957</v>
      </c>
      <c r="G16247" t="s">
        <v>80</v>
      </c>
      <c r="H16247" t="s">
        <v>81</v>
      </c>
      <c r="I16247" s="2">
        <v>0</v>
      </c>
      <c r="J16247" s="2">
        <v>1</v>
      </c>
      <c r="K16247" s="2">
        <v>0</v>
      </c>
      <c r="L16247" t="s">
        <v>82</v>
      </c>
      <c r="M16247" t="s">
        <v>87</v>
      </c>
      <c r="N16247" t="s">
        <v>88</v>
      </c>
      <c r="O16247" t="s">
        <v>85</v>
      </c>
      <c r="P16247" t="s">
        <v>86</v>
      </c>
      <c r="Q16247">
        <v>121</v>
      </c>
      <c r="R16247">
        <v>122</v>
      </c>
      <c r="S16247">
        <v>124</v>
      </c>
      <c r="T16247">
        <v>125</v>
      </c>
      <c r="U16247">
        <v>127</v>
      </c>
      <c r="V16247">
        <v>128</v>
      </c>
      <c r="W16247">
        <v>130</v>
      </c>
      <c r="X16247">
        <v>131</v>
      </c>
      <c r="Y16247">
        <v>133</v>
      </c>
      <c r="Z16247">
        <v>135</v>
      </c>
      <c r="AA16247">
        <v>136</v>
      </c>
      <c r="AB16247">
        <v>138</v>
      </c>
      <c r="AC16247">
        <v>140</v>
      </c>
      <c r="AD16247">
        <v>141</v>
      </c>
      <c r="AE16247">
        <v>143</v>
      </c>
      <c r="AF16247">
        <v>145</v>
      </c>
      <c r="AG16247">
        <v>147</v>
      </c>
      <c r="AH16247">
        <v>148</v>
      </c>
      <c r="AI16247">
        <v>150</v>
      </c>
      <c r="AJ16247">
        <v>152</v>
      </c>
      <c r="AK16247">
        <v>154</v>
      </c>
      <c r="AL16247">
        <v>156</v>
      </c>
      <c r="AM16247">
        <v>157</v>
      </c>
      <c r="AN16247">
        <v>159</v>
      </c>
      <c r="AO16247">
        <v>161</v>
      </c>
      <c r="AP16247">
        <v>163</v>
      </c>
      <c r="AQ16247">
        <v>165</v>
      </c>
    </row>
    <row r="16248" spans="1:43">
      <c r="A16248" t="s">
        <v>10086</v>
      </c>
      <c r="B16248" t="s">
        <v>10087</v>
      </c>
      <c r="C16248" t="s">
        <v>10024</v>
      </c>
      <c r="D16248" t="s">
        <v>10025</v>
      </c>
      <c r="E16248" t="s">
        <v>9956</v>
      </c>
      <c r="F16248" t="s">
        <v>9957</v>
      </c>
      <c r="G16248" t="s">
        <v>80</v>
      </c>
      <c r="H16248" t="s">
        <v>81</v>
      </c>
      <c r="I16248" s="2">
        <v>0</v>
      </c>
      <c r="J16248" s="2">
        <v>1</v>
      </c>
      <c r="K16248" s="2">
        <v>0</v>
      </c>
      <c r="L16248" t="s">
        <v>82</v>
      </c>
      <c r="M16248" t="s">
        <v>89</v>
      </c>
      <c r="N16248" t="s">
        <v>90</v>
      </c>
      <c r="O16248" t="s">
        <v>85</v>
      </c>
      <c r="P16248" t="s">
        <v>86</v>
      </c>
      <c r="Q16248">
        <v>121</v>
      </c>
      <c r="R16248">
        <v>125</v>
      </c>
      <c r="S16248">
        <v>129</v>
      </c>
      <c r="T16248">
        <v>132</v>
      </c>
      <c r="U16248">
        <v>136</v>
      </c>
      <c r="V16248">
        <v>140</v>
      </c>
      <c r="W16248">
        <v>143</v>
      </c>
      <c r="X16248">
        <v>147</v>
      </c>
      <c r="Y16248">
        <v>150</v>
      </c>
      <c r="Z16248">
        <v>154</v>
      </c>
      <c r="AA16248">
        <v>158</v>
      </c>
      <c r="AB16248">
        <v>161</v>
      </c>
      <c r="AC16248">
        <v>165</v>
      </c>
      <c r="AD16248">
        <v>169</v>
      </c>
      <c r="AE16248">
        <v>172</v>
      </c>
      <c r="AF16248">
        <v>173</v>
      </c>
      <c r="AG16248">
        <v>175</v>
      </c>
      <c r="AH16248">
        <v>176</v>
      </c>
      <c r="AI16248">
        <v>177</v>
      </c>
      <c r="AJ16248">
        <v>179</v>
      </c>
      <c r="AK16248">
        <v>180</v>
      </c>
      <c r="AL16248">
        <v>182</v>
      </c>
      <c r="AM16248">
        <v>183</v>
      </c>
      <c r="AN16248">
        <v>184</v>
      </c>
      <c r="AO16248">
        <v>186</v>
      </c>
      <c r="AP16248">
        <v>187</v>
      </c>
      <c r="AQ16248">
        <v>189</v>
      </c>
    </row>
    <row r="16249" spans="1:43">
      <c r="A16249" t="s">
        <v>10086</v>
      </c>
      <c r="B16249" t="s">
        <v>10087</v>
      </c>
      <c r="C16249" t="s">
        <v>10024</v>
      </c>
      <c r="D16249" t="s">
        <v>10025</v>
      </c>
      <c r="E16249" t="s">
        <v>9956</v>
      </c>
      <c r="F16249" t="s">
        <v>9957</v>
      </c>
      <c r="G16249" t="s">
        <v>80</v>
      </c>
      <c r="H16249" t="s">
        <v>81</v>
      </c>
      <c r="I16249" s="2">
        <v>0</v>
      </c>
      <c r="J16249" s="2">
        <v>1</v>
      </c>
      <c r="K16249" s="2">
        <v>0</v>
      </c>
      <c r="L16249" t="s">
        <v>82</v>
      </c>
      <c r="M16249" t="s">
        <v>83</v>
      </c>
      <c r="N16249" t="s">
        <v>91</v>
      </c>
      <c r="O16249" t="s">
        <v>85</v>
      </c>
      <c r="P16249" t="s">
        <v>86</v>
      </c>
      <c r="Q16249">
        <v>121</v>
      </c>
      <c r="R16249">
        <v>124</v>
      </c>
      <c r="S16249">
        <v>126</v>
      </c>
      <c r="T16249">
        <v>129</v>
      </c>
      <c r="U16249">
        <v>132</v>
      </c>
      <c r="V16249">
        <v>134</v>
      </c>
      <c r="W16249">
        <v>137</v>
      </c>
      <c r="X16249">
        <v>140</v>
      </c>
      <c r="Y16249">
        <v>143</v>
      </c>
      <c r="Z16249">
        <v>146</v>
      </c>
      <c r="AA16249">
        <v>149</v>
      </c>
      <c r="AB16249">
        <v>152</v>
      </c>
      <c r="AC16249">
        <v>155</v>
      </c>
      <c r="AD16249">
        <v>158</v>
      </c>
      <c r="AE16249">
        <v>161</v>
      </c>
      <c r="AF16249">
        <v>164</v>
      </c>
      <c r="AG16249">
        <v>167</v>
      </c>
      <c r="AH16249">
        <v>170</v>
      </c>
      <c r="AI16249">
        <v>173</v>
      </c>
      <c r="AJ16249">
        <v>177</v>
      </c>
      <c r="AK16249">
        <v>180</v>
      </c>
      <c r="AL16249">
        <v>182</v>
      </c>
      <c r="AM16249">
        <v>183</v>
      </c>
      <c r="AN16249">
        <v>185</v>
      </c>
      <c r="AO16249">
        <v>186</v>
      </c>
      <c r="AP16249">
        <v>188</v>
      </c>
      <c r="AQ16249">
        <v>189</v>
      </c>
    </row>
    <row r="16250" spans="1:43">
      <c r="A16250" t="s">
        <v>10088</v>
      </c>
      <c r="B16250" t="s">
        <v>10089</v>
      </c>
      <c r="C16250" t="s">
        <v>10024</v>
      </c>
      <c r="D16250" t="s">
        <v>10025</v>
      </c>
      <c r="E16250" t="s">
        <v>9956</v>
      </c>
      <c r="F16250" t="s">
        <v>9957</v>
      </c>
      <c r="G16250" t="s">
        <v>80</v>
      </c>
      <c r="H16250" t="s">
        <v>81</v>
      </c>
      <c r="I16250" s="2">
        <v>0</v>
      </c>
      <c r="J16250" s="2">
        <v>1</v>
      </c>
      <c r="K16250" s="2">
        <v>0</v>
      </c>
      <c r="L16250" t="s">
        <v>82</v>
      </c>
      <c r="M16250" t="s">
        <v>83</v>
      </c>
      <c r="N16250" t="s">
        <v>84</v>
      </c>
      <c r="O16250" t="s">
        <v>85</v>
      </c>
      <c r="P16250" t="s">
        <v>86</v>
      </c>
      <c r="Q16250">
        <v>96</v>
      </c>
      <c r="R16250">
        <v>98</v>
      </c>
      <c r="S16250">
        <v>100</v>
      </c>
      <c r="T16250">
        <v>102</v>
      </c>
      <c r="U16250">
        <v>105</v>
      </c>
      <c r="V16250">
        <v>107</v>
      </c>
      <c r="W16250">
        <v>109</v>
      </c>
      <c r="X16250">
        <v>111</v>
      </c>
      <c r="Y16250">
        <v>113</v>
      </c>
      <c r="Z16250">
        <v>116</v>
      </c>
      <c r="AA16250">
        <v>118</v>
      </c>
      <c r="AB16250">
        <v>120</v>
      </c>
      <c r="AC16250">
        <v>123</v>
      </c>
      <c r="AD16250">
        <v>125</v>
      </c>
      <c r="AE16250">
        <v>127</v>
      </c>
      <c r="AF16250">
        <v>130</v>
      </c>
      <c r="AG16250">
        <v>132</v>
      </c>
      <c r="AH16250">
        <v>135</v>
      </c>
      <c r="AI16250">
        <v>137</v>
      </c>
      <c r="AJ16250">
        <v>140</v>
      </c>
      <c r="AK16250">
        <v>142</v>
      </c>
      <c r="AL16250">
        <v>144</v>
      </c>
      <c r="AM16250">
        <v>145</v>
      </c>
      <c r="AN16250">
        <v>146</v>
      </c>
      <c r="AO16250">
        <v>147</v>
      </c>
      <c r="AP16250">
        <v>149</v>
      </c>
      <c r="AQ16250">
        <v>150</v>
      </c>
    </row>
    <row r="16251" spans="1:43">
      <c r="A16251" t="s">
        <v>10088</v>
      </c>
      <c r="B16251" t="s">
        <v>10089</v>
      </c>
      <c r="C16251" t="s">
        <v>10024</v>
      </c>
      <c r="D16251" t="s">
        <v>10025</v>
      </c>
      <c r="E16251" t="s">
        <v>9956</v>
      </c>
      <c r="F16251" t="s">
        <v>9957</v>
      </c>
      <c r="G16251" t="s">
        <v>80</v>
      </c>
      <c r="H16251" t="s">
        <v>81</v>
      </c>
      <c r="I16251" s="2">
        <v>0</v>
      </c>
      <c r="J16251" s="2">
        <v>1</v>
      </c>
      <c r="K16251" s="2">
        <v>0</v>
      </c>
      <c r="L16251" t="s">
        <v>82</v>
      </c>
      <c r="M16251" t="s">
        <v>87</v>
      </c>
      <c r="N16251" t="s">
        <v>88</v>
      </c>
      <c r="O16251" t="s">
        <v>85</v>
      </c>
      <c r="P16251" t="s">
        <v>86</v>
      </c>
      <c r="Q16251">
        <v>96</v>
      </c>
      <c r="R16251">
        <v>97</v>
      </c>
      <c r="S16251">
        <v>99</v>
      </c>
      <c r="T16251">
        <v>100</v>
      </c>
      <c r="U16251">
        <v>101</v>
      </c>
      <c r="V16251">
        <v>102</v>
      </c>
      <c r="W16251">
        <v>103</v>
      </c>
      <c r="X16251">
        <v>105</v>
      </c>
      <c r="Y16251">
        <v>106</v>
      </c>
      <c r="Z16251">
        <v>107</v>
      </c>
      <c r="AA16251">
        <v>108</v>
      </c>
      <c r="AB16251">
        <v>110</v>
      </c>
      <c r="AC16251">
        <v>111</v>
      </c>
      <c r="AD16251">
        <v>112</v>
      </c>
      <c r="AE16251">
        <v>114</v>
      </c>
      <c r="AF16251">
        <v>115</v>
      </c>
      <c r="AG16251">
        <v>116</v>
      </c>
      <c r="AH16251">
        <v>118</v>
      </c>
      <c r="AI16251">
        <v>119</v>
      </c>
      <c r="AJ16251">
        <v>121</v>
      </c>
      <c r="AK16251">
        <v>122</v>
      </c>
      <c r="AL16251">
        <v>124</v>
      </c>
      <c r="AM16251">
        <v>125</v>
      </c>
      <c r="AN16251">
        <v>126</v>
      </c>
      <c r="AO16251">
        <v>128</v>
      </c>
      <c r="AP16251">
        <v>129</v>
      </c>
      <c r="AQ16251">
        <v>131</v>
      </c>
    </row>
    <row r="16252" spans="1:43">
      <c r="A16252" t="s">
        <v>10088</v>
      </c>
      <c r="B16252" t="s">
        <v>10089</v>
      </c>
      <c r="C16252" t="s">
        <v>10024</v>
      </c>
      <c r="D16252" t="s">
        <v>10025</v>
      </c>
      <c r="E16252" t="s">
        <v>9956</v>
      </c>
      <c r="F16252" t="s">
        <v>9957</v>
      </c>
      <c r="G16252" t="s">
        <v>80</v>
      </c>
      <c r="H16252" t="s">
        <v>81</v>
      </c>
      <c r="I16252" s="2">
        <v>0</v>
      </c>
      <c r="J16252" s="2">
        <v>1</v>
      </c>
      <c r="K16252" s="2">
        <v>0</v>
      </c>
      <c r="L16252" t="s">
        <v>82</v>
      </c>
      <c r="M16252" t="s">
        <v>89</v>
      </c>
      <c r="N16252" t="s">
        <v>90</v>
      </c>
      <c r="O16252" t="s">
        <v>85</v>
      </c>
      <c r="P16252" t="s">
        <v>86</v>
      </c>
      <c r="Q16252">
        <v>96</v>
      </c>
      <c r="R16252">
        <v>99</v>
      </c>
      <c r="S16252">
        <v>102</v>
      </c>
      <c r="T16252">
        <v>105</v>
      </c>
      <c r="U16252">
        <v>108</v>
      </c>
      <c r="V16252">
        <v>111</v>
      </c>
      <c r="W16252">
        <v>114</v>
      </c>
      <c r="X16252">
        <v>116</v>
      </c>
      <c r="Y16252">
        <v>119</v>
      </c>
      <c r="Z16252">
        <v>122</v>
      </c>
      <c r="AA16252">
        <v>125</v>
      </c>
      <c r="AB16252">
        <v>128</v>
      </c>
      <c r="AC16252">
        <v>131</v>
      </c>
      <c r="AD16252">
        <v>133</v>
      </c>
      <c r="AE16252">
        <v>136</v>
      </c>
      <c r="AF16252">
        <v>137</v>
      </c>
      <c r="AG16252">
        <v>138</v>
      </c>
      <c r="AH16252">
        <v>139</v>
      </c>
      <c r="AI16252">
        <v>140</v>
      </c>
      <c r="AJ16252">
        <v>141</v>
      </c>
      <c r="AK16252">
        <v>143</v>
      </c>
      <c r="AL16252">
        <v>144</v>
      </c>
      <c r="AM16252">
        <v>145</v>
      </c>
      <c r="AN16252">
        <v>146</v>
      </c>
      <c r="AO16252">
        <v>147</v>
      </c>
      <c r="AP16252">
        <v>148</v>
      </c>
      <c r="AQ16252">
        <v>150</v>
      </c>
    </row>
    <row r="16253" spans="1:43">
      <c r="A16253" t="s">
        <v>10088</v>
      </c>
      <c r="B16253" t="s">
        <v>10089</v>
      </c>
      <c r="C16253" t="s">
        <v>10024</v>
      </c>
      <c r="D16253" t="s">
        <v>10025</v>
      </c>
      <c r="E16253" t="s">
        <v>9956</v>
      </c>
      <c r="F16253" t="s">
        <v>9957</v>
      </c>
      <c r="G16253" t="s">
        <v>80</v>
      </c>
      <c r="H16253" t="s">
        <v>81</v>
      </c>
      <c r="I16253" s="2">
        <v>0</v>
      </c>
      <c r="J16253" s="2">
        <v>1</v>
      </c>
      <c r="K16253" s="2">
        <v>0</v>
      </c>
      <c r="L16253" t="s">
        <v>82</v>
      </c>
      <c r="M16253" t="s">
        <v>83</v>
      </c>
      <c r="N16253" t="s">
        <v>91</v>
      </c>
      <c r="O16253" t="s">
        <v>85</v>
      </c>
      <c r="P16253" t="s">
        <v>86</v>
      </c>
      <c r="Q16253">
        <v>96</v>
      </c>
      <c r="R16253">
        <v>98</v>
      </c>
      <c r="S16253">
        <v>100</v>
      </c>
      <c r="T16253">
        <v>102</v>
      </c>
      <c r="U16253">
        <v>105</v>
      </c>
      <c r="V16253">
        <v>107</v>
      </c>
      <c r="W16253">
        <v>109</v>
      </c>
      <c r="X16253">
        <v>111</v>
      </c>
      <c r="Y16253">
        <v>113</v>
      </c>
      <c r="Z16253">
        <v>116</v>
      </c>
      <c r="AA16253">
        <v>118</v>
      </c>
      <c r="AB16253">
        <v>120</v>
      </c>
      <c r="AC16253">
        <v>123</v>
      </c>
      <c r="AD16253">
        <v>125</v>
      </c>
      <c r="AE16253">
        <v>127</v>
      </c>
      <c r="AF16253">
        <v>130</v>
      </c>
      <c r="AG16253">
        <v>132</v>
      </c>
      <c r="AH16253">
        <v>135</v>
      </c>
      <c r="AI16253">
        <v>137</v>
      </c>
      <c r="AJ16253">
        <v>140</v>
      </c>
      <c r="AK16253">
        <v>142</v>
      </c>
      <c r="AL16253">
        <v>144</v>
      </c>
      <c r="AM16253">
        <v>145</v>
      </c>
      <c r="AN16253">
        <v>146</v>
      </c>
      <c r="AO16253">
        <v>147</v>
      </c>
      <c r="AP16253">
        <v>149</v>
      </c>
      <c r="AQ16253">
        <v>150</v>
      </c>
    </row>
    <row r="16254" spans="1:43">
      <c r="A16254" t="s">
        <v>10090</v>
      </c>
      <c r="B16254" t="s">
        <v>10091</v>
      </c>
      <c r="C16254" t="s">
        <v>10076</v>
      </c>
      <c r="D16254" t="s">
        <v>10077</v>
      </c>
      <c r="E16254" t="s">
        <v>9956</v>
      </c>
      <c r="F16254" t="s">
        <v>9957</v>
      </c>
      <c r="G16254" t="s">
        <v>80</v>
      </c>
      <c r="H16254" t="s">
        <v>81</v>
      </c>
      <c r="I16254" s="2">
        <v>0</v>
      </c>
      <c r="J16254" s="2">
        <v>1</v>
      </c>
      <c r="K16254" s="2">
        <v>0</v>
      </c>
      <c r="L16254" t="s">
        <v>82</v>
      </c>
      <c r="M16254" t="s">
        <v>83</v>
      </c>
      <c r="N16254" t="s">
        <v>84</v>
      </c>
      <c r="O16254" t="s">
        <v>85</v>
      </c>
      <c r="P16254" t="s">
        <v>86</v>
      </c>
      <c r="Q16254">
        <v>64</v>
      </c>
      <c r="R16254">
        <v>65</v>
      </c>
      <c r="S16254">
        <v>67</v>
      </c>
      <c r="T16254">
        <v>68</v>
      </c>
      <c r="U16254">
        <v>69</v>
      </c>
      <c r="V16254">
        <v>71</v>
      </c>
      <c r="W16254">
        <v>72</v>
      </c>
      <c r="X16254">
        <v>74</v>
      </c>
      <c r="Y16254">
        <v>75</v>
      </c>
      <c r="Z16254">
        <v>77</v>
      </c>
      <c r="AA16254">
        <v>78</v>
      </c>
      <c r="AB16254">
        <v>80</v>
      </c>
      <c r="AC16254">
        <v>81</v>
      </c>
      <c r="AD16254">
        <v>83</v>
      </c>
      <c r="AE16254">
        <v>85</v>
      </c>
      <c r="AF16254">
        <v>86</v>
      </c>
      <c r="AG16254">
        <v>88</v>
      </c>
      <c r="AH16254">
        <v>90</v>
      </c>
      <c r="AI16254">
        <v>91</v>
      </c>
      <c r="AJ16254">
        <v>93</v>
      </c>
      <c r="AK16254">
        <v>95</v>
      </c>
      <c r="AL16254">
        <v>96</v>
      </c>
      <c r="AM16254">
        <v>97</v>
      </c>
      <c r="AN16254">
        <v>97</v>
      </c>
      <c r="AO16254">
        <v>98</v>
      </c>
      <c r="AP16254">
        <v>99</v>
      </c>
      <c r="AQ16254">
        <v>100</v>
      </c>
    </row>
    <row r="16255" spans="1:43">
      <c r="A16255" t="s">
        <v>10090</v>
      </c>
      <c r="B16255" t="s">
        <v>10091</v>
      </c>
      <c r="C16255" t="s">
        <v>10076</v>
      </c>
      <c r="D16255" t="s">
        <v>10077</v>
      </c>
      <c r="E16255" t="s">
        <v>9956</v>
      </c>
      <c r="F16255" t="s">
        <v>9957</v>
      </c>
      <c r="G16255" t="s">
        <v>80</v>
      </c>
      <c r="H16255" t="s">
        <v>81</v>
      </c>
      <c r="I16255" s="2">
        <v>0</v>
      </c>
      <c r="J16255" s="2">
        <v>1</v>
      </c>
      <c r="K16255" s="2">
        <v>0</v>
      </c>
      <c r="L16255" t="s">
        <v>82</v>
      </c>
      <c r="M16255" t="s">
        <v>87</v>
      </c>
      <c r="N16255" t="s">
        <v>88</v>
      </c>
      <c r="O16255" t="s">
        <v>85</v>
      </c>
      <c r="P16255" t="s">
        <v>86</v>
      </c>
      <c r="Q16255">
        <v>64</v>
      </c>
      <c r="R16255">
        <v>65</v>
      </c>
      <c r="S16255">
        <v>66</v>
      </c>
      <c r="T16255">
        <v>67</v>
      </c>
      <c r="U16255">
        <v>67</v>
      </c>
      <c r="V16255">
        <v>68</v>
      </c>
      <c r="W16255">
        <v>69</v>
      </c>
      <c r="X16255">
        <v>70</v>
      </c>
      <c r="Y16255">
        <v>71</v>
      </c>
      <c r="Z16255">
        <v>71</v>
      </c>
      <c r="AA16255">
        <v>72</v>
      </c>
      <c r="AB16255">
        <v>73</v>
      </c>
      <c r="AC16255">
        <v>74</v>
      </c>
      <c r="AD16255">
        <v>75</v>
      </c>
      <c r="AE16255">
        <v>76</v>
      </c>
      <c r="AF16255">
        <v>77</v>
      </c>
      <c r="AG16255">
        <v>78</v>
      </c>
      <c r="AH16255">
        <v>79</v>
      </c>
      <c r="AI16255">
        <v>79</v>
      </c>
      <c r="AJ16255">
        <v>80</v>
      </c>
      <c r="AK16255">
        <v>81</v>
      </c>
      <c r="AL16255">
        <v>82</v>
      </c>
      <c r="AM16255">
        <v>83</v>
      </c>
      <c r="AN16255">
        <v>84</v>
      </c>
      <c r="AO16255">
        <v>85</v>
      </c>
      <c r="AP16255">
        <v>86</v>
      </c>
      <c r="AQ16255">
        <v>87</v>
      </c>
    </row>
    <row r="16256" spans="1:43">
      <c r="A16256" t="s">
        <v>10090</v>
      </c>
      <c r="B16256" t="s">
        <v>10091</v>
      </c>
      <c r="C16256" t="s">
        <v>10076</v>
      </c>
      <c r="D16256" t="s">
        <v>10077</v>
      </c>
      <c r="E16256" t="s">
        <v>9956</v>
      </c>
      <c r="F16256" t="s">
        <v>9957</v>
      </c>
      <c r="G16256" t="s">
        <v>80</v>
      </c>
      <c r="H16256" t="s">
        <v>81</v>
      </c>
      <c r="I16256" s="2">
        <v>0</v>
      </c>
      <c r="J16256" s="2">
        <v>1</v>
      </c>
      <c r="K16256" s="2">
        <v>0</v>
      </c>
      <c r="L16256" t="s">
        <v>82</v>
      </c>
      <c r="M16256" t="s">
        <v>89</v>
      </c>
      <c r="N16256" t="s">
        <v>90</v>
      </c>
      <c r="O16256" t="s">
        <v>85</v>
      </c>
      <c r="P16256" t="s">
        <v>86</v>
      </c>
      <c r="Q16256">
        <v>64</v>
      </c>
      <c r="R16256">
        <v>66</v>
      </c>
      <c r="S16256">
        <v>68</v>
      </c>
      <c r="T16256">
        <v>70</v>
      </c>
      <c r="U16256">
        <v>72</v>
      </c>
      <c r="V16256">
        <v>74</v>
      </c>
      <c r="W16256">
        <v>76</v>
      </c>
      <c r="X16256">
        <v>78</v>
      </c>
      <c r="Y16256">
        <v>80</v>
      </c>
      <c r="Z16256">
        <v>82</v>
      </c>
      <c r="AA16256">
        <v>84</v>
      </c>
      <c r="AB16256">
        <v>85</v>
      </c>
      <c r="AC16256">
        <v>88</v>
      </c>
      <c r="AD16256">
        <v>90</v>
      </c>
      <c r="AE16256">
        <v>91</v>
      </c>
      <c r="AF16256">
        <v>92</v>
      </c>
      <c r="AG16256">
        <v>92</v>
      </c>
      <c r="AH16256">
        <v>93</v>
      </c>
      <c r="AI16256">
        <v>94</v>
      </c>
      <c r="AJ16256">
        <v>95</v>
      </c>
      <c r="AK16256">
        <v>95</v>
      </c>
      <c r="AL16256">
        <v>96</v>
      </c>
      <c r="AM16256">
        <v>97</v>
      </c>
      <c r="AN16256">
        <v>98</v>
      </c>
      <c r="AO16256">
        <v>98</v>
      </c>
      <c r="AP16256">
        <v>99</v>
      </c>
      <c r="AQ16256">
        <v>100</v>
      </c>
    </row>
    <row r="16257" spans="1:43">
      <c r="A16257" t="s">
        <v>10090</v>
      </c>
      <c r="B16257" t="s">
        <v>10091</v>
      </c>
      <c r="C16257" t="s">
        <v>10076</v>
      </c>
      <c r="D16257" t="s">
        <v>10077</v>
      </c>
      <c r="E16257" t="s">
        <v>9956</v>
      </c>
      <c r="F16257" t="s">
        <v>9957</v>
      </c>
      <c r="G16257" t="s">
        <v>80</v>
      </c>
      <c r="H16257" t="s">
        <v>81</v>
      </c>
      <c r="I16257" s="2">
        <v>0</v>
      </c>
      <c r="J16257" s="2">
        <v>1</v>
      </c>
      <c r="K16257" s="2">
        <v>0</v>
      </c>
      <c r="L16257" t="s">
        <v>82</v>
      </c>
      <c r="M16257" t="s">
        <v>83</v>
      </c>
      <c r="N16257" t="s">
        <v>91</v>
      </c>
      <c r="O16257" t="s">
        <v>85</v>
      </c>
      <c r="P16257" t="s">
        <v>86</v>
      </c>
      <c r="Q16257">
        <v>64</v>
      </c>
      <c r="R16257">
        <v>65</v>
      </c>
      <c r="S16257">
        <v>67</v>
      </c>
      <c r="T16257">
        <v>68</v>
      </c>
      <c r="U16257">
        <v>69</v>
      </c>
      <c r="V16257">
        <v>71</v>
      </c>
      <c r="W16257">
        <v>72</v>
      </c>
      <c r="X16257">
        <v>74</v>
      </c>
      <c r="Y16257">
        <v>75</v>
      </c>
      <c r="Z16257">
        <v>77</v>
      </c>
      <c r="AA16257">
        <v>78</v>
      </c>
      <c r="AB16257">
        <v>80</v>
      </c>
      <c r="AC16257">
        <v>81</v>
      </c>
      <c r="AD16257">
        <v>83</v>
      </c>
      <c r="AE16257">
        <v>85</v>
      </c>
      <c r="AF16257">
        <v>86</v>
      </c>
      <c r="AG16257">
        <v>88</v>
      </c>
      <c r="AH16257">
        <v>90</v>
      </c>
      <c r="AI16257">
        <v>91</v>
      </c>
      <c r="AJ16257">
        <v>93</v>
      </c>
      <c r="AK16257">
        <v>95</v>
      </c>
      <c r="AL16257">
        <v>96</v>
      </c>
      <c r="AM16257">
        <v>97</v>
      </c>
      <c r="AN16257">
        <v>97</v>
      </c>
      <c r="AO16257">
        <v>98</v>
      </c>
      <c r="AP16257">
        <v>99</v>
      </c>
      <c r="AQ16257">
        <v>100</v>
      </c>
    </row>
    <row r="16258" spans="1:43">
      <c r="A16258" t="s">
        <v>10092</v>
      </c>
      <c r="B16258" t="s">
        <v>10093</v>
      </c>
      <c r="C16258" t="s">
        <v>9954</v>
      </c>
      <c r="D16258" t="s">
        <v>9955</v>
      </c>
      <c r="E16258" t="s">
        <v>9956</v>
      </c>
      <c r="F16258" t="s">
        <v>9957</v>
      </c>
      <c r="G16258" t="s">
        <v>80</v>
      </c>
      <c r="H16258" t="s">
        <v>81</v>
      </c>
      <c r="I16258" s="2">
        <v>0</v>
      </c>
      <c r="J16258" s="2">
        <v>1</v>
      </c>
      <c r="K16258" s="2">
        <v>0</v>
      </c>
      <c r="L16258" t="s">
        <v>82</v>
      </c>
      <c r="M16258" t="s">
        <v>83</v>
      </c>
      <c r="N16258" t="s">
        <v>84</v>
      </c>
      <c r="O16258" t="s">
        <v>85</v>
      </c>
      <c r="P16258" t="s">
        <v>86</v>
      </c>
      <c r="Q16258">
        <v>68</v>
      </c>
      <c r="R16258">
        <v>70</v>
      </c>
      <c r="S16258">
        <v>71</v>
      </c>
      <c r="T16258">
        <v>73</v>
      </c>
      <c r="U16258">
        <v>74</v>
      </c>
      <c r="V16258">
        <v>76</v>
      </c>
      <c r="W16258">
        <v>77</v>
      </c>
      <c r="X16258">
        <v>79</v>
      </c>
      <c r="Y16258">
        <v>80</v>
      </c>
      <c r="Z16258">
        <v>82</v>
      </c>
      <c r="AA16258">
        <v>84</v>
      </c>
      <c r="AB16258">
        <v>85</v>
      </c>
      <c r="AC16258">
        <v>87</v>
      </c>
      <c r="AD16258">
        <v>88</v>
      </c>
      <c r="AE16258">
        <v>90</v>
      </c>
      <c r="AF16258">
        <v>92</v>
      </c>
      <c r="AG16258">
        <v>93</v>
      </c>
      <c r="AH16258">
        <v>95</v>
      </c>
      <c r="AI16258">
        <v>97</v>
      </c>
      <c r="AJ16258">
        <v>99</v>
      </c>
      <c r="AK16258">
        <v>100</v>
      </c>
      <c r="AL16258">
        <v>102</v>
      </c>
      <c r="AM16258">
        <v>102</v>
      </c>
      <c r="AN16258">
        <v>103</v>
      </c>
      <c r="AO16258">
        <v>104</v>
      </c>
      <c r="AP16258">
        <v>105</v>
      </c>
      <c r="AQ16258">
        <v>106</v>
      </c>
    </row>
    <row r="16259" spans="1:43">
      <c r="A16259" t="s">
        <v>10092</v>
      </c>
      <c r="B16259" t="s">
        <v>10093</v>
      </c>
      <c r="C16259" t="s">
        <v>9954</v>
      </c>
      <c r="D16259" t="s">
        <v>9955</v>
      </c>
      <c r="E16259" t="s">
        <v>9956</v>
      </c>
      <c r="F16259" t="s">
        <v>9957</v>
      </c>
      <c r="G16259" t="s">
        <v>80</v>
      </c>
      <c r="H16259" t="s">
        <v>81</v>
      </c>
      <c r="I16259" s="2">
        <v>0</v>
      </c>
      <c r="J16259" s="2">
        <v>1</v>
      </c>
      <c r="K16259" s="2">
        <v>0</v>
      </c>
      <c r="L16259" t="s">
        <v>82</v>
      </c>
      <c r="M16259" t="s">
        <v>87</v>
      </c>
      <c r="N16259" t="s">
        <v>88</v>
      </c>
      <c r="O16259" t="s">
        <v>85</v>
      </c>
      <c r="P16259" t="s">
        <v>86</v>
      </c>
      <c r="Q16259">
        <v>68</v>
      </c>
      <c r="R16259">
        <v>68</v>
      </c>
      <c r="S16259">
        <v>69</v>
      </c>
      <c r="T16259">
        <v>70</v>
      </c>
      <c r="U16259">
        <v>71</v>
      </c>
      <c r="V16259">
        <v>72</v>
      </c>
      <c r="W16259">
        <v>72</v>
      </c>
      <c r="X16259">
        <v>73</v>
      </c>
      <c r="Y16259">
        <v>74</v>
      </c>
      <c r="Z16259">
        <v>75</v>
      </c>
      <c r="AA16259">
        <v>76</v>
      </c>
      <c r="AB16259">
        <v>77</v>
      </c>
      <c r="AC16259">
        <v>78</v>
      </c>
      <c r="AD16259">
        <v>79</v>
      </c>
      <c r="AE16259">
        <v>80</v>
      </c>
      <c r="AF16259">
        <v>81</v>
      </c>
      <c r="AG16259">
        <v>82</v>
      </c>
      <c r="AH16259">
        <v>83</v>
      </c>
      <c r="AI16259">
        <v>84</v>
      </c>
      <c r="AJ16259">
        <v>85</v>
      </c>
      <c r="AK16259">
        <v>86</v>
      </c>
      <c r="AL16259">
        <v>87</v>
      </c>
      <c r="AM16259">
        <v>88</v>
      </c>
      <c r="AN16259">
        <v>89</v>
      </c>
      <c r="AO16259">
        <v>90</v>
      </c>
      <c r="AP16259">
        <v>91</v>
      </c>
      <c r="AQ16259">
        <v>92</v>
      </c>
    </row>
    <row r="16260" spans="1:43">
      <c r="A16260" t="s">
        <v>10092</v>
      </c>
      <c r="B16260" t="s">
        <v>10093</v>
      </c>
      <c r="C16260" t="s">
        <v>9954</v>
      </c>
      <c r="D16260" t="s">
        <v>9955</v>
      </c>
      <c r="E16260" t="s">
        <v>9956</v>
      </c>
      <c r="F16260" t="s">
        <v>9957</v>
      </c>
      <c r="G16260" t="s">
        <v>80</v>
      </c>
      <c r="H16260" t="s">
        <v>81</v>
      </c>
      <c r="I16260" s="2">
        <v>0</v>
      </c>
      <c r="J16260" s="2">
        <v>1</v>
      </c>
      <c r="K16260" s="2">
        <v>0</v>
      </c>
      <c r="L16260" t="s">
        <v>82</v>
      </c>
      <c r="M16260" t="s">
        <v>89</v>
      </c>
      <c r="N16260" t="s">
        <v>90</v>
      </c>
      <c r="O16260" t="s">
        <v>85</v>
      </c>
      <c r="P16260" t="s">
        <v>86</v>
      </c>
      <c r="Q16260">
        <v>68</v>
      </c>
      <c r="R16260">
        <v>70</v>
      </c>
      <c r="S16260">
        <v>72</v>
      </c>
      <c r="T16260">
        <v>74</v>
      </c>
      <c r="U16260">
        <v>76</v>
      </c>
      <c r="V16260">
        <v>78</v>
      </c>
      <c r="W16260">
        <v>80</v>
      </c>
      <c r="X16260">
        <v>82</v>
      </c>
      <c r="Y16260">
        <v>84</v>
      </c>
      <c r="Z16260">
        <v>86</v>
      </c>
      <c r="AA16260">
        <v>88</v>
      </c>
      <c r="AB16260">
        <v>90</v>
      </c>
      <c r="AC16260">
        <v>92</v>
      </c>
      <c r="AD16260">
        <v>94</v>
      </c>
      <c r="AE16260">
        <v>96</v>
      </c>
      <c r="AF16260">
        <v>96</v>
      </c>
      <c r="AG16260">
        <v>97</v>
      </c>
      <c r="AH16260">
        <v>98</v>
      </c>
      <c r="AI16260">
        <v>99</v>
      </c>
      <c r="AJ16260">
        <v>100</v>
      </c>
      <c r="AK16260">
        <v>100</v>
      </c>
      <c r="AL16260">
        <v>101</v>
      </c>
      <c r="AM16260">
        <v>102</v>
      </c>
      <c r="AN16260">
        <v>103</v>
      </c>
      <c r="AO16260">
        <v>104</v>
      </c>
      <c r="AP16260">
        <v>104</v>
      </c>
      <c r="AQ16260">
        <v>105</v>
      </c>
    </row>
    <row r="16261" spans="1:43">
      <c r="A16261" t="s">
        <v>10092</v>
      </c>
      <c r="B16261" t="s">
        <v>10093</v>
      </c>
      <c r="C16261" t="s">
        <v>9954</v>
      </c>
      <c r="D16261" t="s">
        <v>9955</v>
      </c>
      <c r="E16261" t="s">
        <v>9956</v>
      </c>
      <c r="F16261" t="s">
        <v>9957</v>
      </c>
      <c r="G16261" t="s">
        <v>80</v>
      </c>
      <c r="H16261" t="s">
        <v>81</v>
      </c>
      <c r="I16261" s="2">
        <v>0</v>
      </c>
      <c r="J16261" s="2">
        <v>1</v>
      </c>
      <c r="K16261" s="2">
        <v>0</v>
      </c>
      <c r="L16261" t="s">
        <v>82</v>
      </c>
      <c r="M16261" t="s">
        <v>83</v>
      </c>
      <c r="N16261" t="s">
        <v>91</v>
      </c>
      <c r="O16261" t="s">
        <v>85</v>
      </c>
      <c r="P16261" t="s">
        <v>86</v>
      </c>
      <c r="Q16261">
        <v>68</v>
      </c>
      <c r="R16261">
        <v>70</v>
      </c>
      <c r="S16261">
        <v>71</v>
      </c>
      <c r="T16261">
        <v>73</v>
      </c>
      <c r="U16261">
        <v>74</v>
      </c>
      <c r="V16261">
        <v>76</v>
      </c>
      <c r="W16261">
        <v>77</v>
      </c>
      <c r="X16261">
        <v>79</v>
      </c>
      <c r="Y16261">
        <v>80</v>
      </c>
      <c r="Z16261">
        <v>82</v>
      </c>
      <c r="AA16261">
        <v>84</v>
      </c>
      <c r="AB16261">
        <v>85</v>
      </c>
      <c r="AC16261">
        <v>87</v>
      </c>
      <c r="AD16261">
        <v>88</v>
      </c>
      <c r="AE16261">
        <v>90</v>
      </c>
      <c r="AF16261">
        <v>92</v>
      </c>
      <c r="AG16261">
        <v>93</v>
      </c>
      <c r="AH16261">
        <v>95</v>
      </c>
      <c r="AI16261">
        <v>97</v>
      </c>
      <c r="AJ16261">
        <v>99</v>
      </c>
      <c r="AK16261">
        <v>100</v>
      </c>
      <c r="AL16261">
        <v>102</v>
      </c>
      <c r="AM16261">
        <v>102</v>
      </c>
      <c r="AN16261">
        <v>103</v>
      </c>
      <c r="AO16261">
        <v>104</v>
      </c>
      <c r="AP16261">
        <v>105</v>
      </c>
      <c r="AQ16261">
        <v>106</v>
      </c>
    </row>
    <row r="16262" spans="1:43">
      <c r="A16262" t="s">
        <v>10094</v>
      </c>
      <c r="B16262" t="s">
        <v>10095</v>
      </c>
      <c r="C16262" t="s">
        <v>9954</v>
      </c>
      <c r="D16262" t="s">
        <v>9955</v>
      </c>
      <c r="E16262" t="s">
        <v>9956</v>
      </c>
      <c r="F16262" t="s">
        <v>9957</v>
      </c>
      <c r="G16262" t="s">
        <v>80</v>
      </c>
      <c r="H16262" t="s">
        <v>81</v>
      </c>
      <c r="I16262" s="2">
        <v>0</v>
      </c>
      <c r="J16262" s="2">
        <v>1</v>
      </c>
      <c r="K16262" s="2">
        <v>0</v>
      </c>
      <c r="L16262" t="s">
        <v>82</v>
      </c>
      <c r="M16262" t="s">
        <v>83</v>
      </c>
      <c r="N16262" t="s">
        <v>84</v>
      </c>
      <c r="O16262" t="s">
        <v>85</v>
      </c>
      <c r="P16262" t="s">
        <v>86</v>
      </c>
      <c r="Q16262">
        <v>86</v>
      </c>
      <c r="R16262">
        <v>88</v>
      </c>
      <c r="S16262">
        <v>90</v>
      </c>
      <c r="T16262">
        <v>92</v>
      </c>
      <c r="U16262">
        <v>94</v>
      </c>
      <c r="V16262">
        <v>96</v>
      </c>
      <c r="W16262">
        <v>98</v>
      </c>
      <c r="X16262">
        <v>100</v>
      </c>
      <c r="Y16262">
        <v>102</v>
      </c>
      <c r="Z16262">
        <v>104</v>
      </c>
      <c r="AA16262">
        <v>106</v>
      </c>
      <c r="AB16262">
        <v>108</v>
      </c>
      <c r="AC16262">
        <v>110</v>
      </c>
      <c r="AD16262">
        <v>112</v>
      </c>
      <c r="AE16262">
        <v>115</v>
      </c>
      <c r="AF16262">
        <v>117</v>
      </c>
      <c r="AG16262">
        <v>119</v>
      </c>
      <c r="AH16262">
        <v>121</v>
      </c>
      <c r="AI16262">
        <v>124</v>
      </c>
      <c r="AJ16262">
        <v>126</v>
      </c>
      <c r="AK16262">
        <v>128</v>
      </c>
      <c r="AL16262">
        <v>130</v>
      </c>
      <c r="AM16262">
        <v>131</v>
      </c>
      <c r="AN16262">
        <v>132</v>
      </c>
      <c r="AO16262">
        <v>133</v>
      </c>
      <c r="AP16262">
        <v>134</v>
      </c>
      <c r="AQ16262">
        <v>135</v>
      </c>
    </row>
    <row r="16263" spans="1:43">
      <c r="A16263" t="s">
        <v>10094</v>
      </c>
      <c r="B16263" t="s">
        <v>10095</v>
      </c>
      <c r="C16263" t="s">
        <v>9954</v>
      </c>
      <c r="D16263" t="s">
        <v>9955</v>
      </c>
      <c r="E16263" t="s">
        <v>9956</v>
      </c>
      <c r="F16263" t="s">
        <v>9957</v>
      </c>
      <c r="G16263" t="s">
        <v>80</v>
      </c>
      <c r="H16263" t="s">
        <v>81</v>
      </c>
      <c r="I16263" s="2">
        <v>0</v>
      </c>
      <c r="J16263" s="2">
        <v>1</v>
      </c>
      <c r="K16263" s="2">
        <v>0</v>
      </c>
      <c r="L16263" t="s">
        <v>82</v>
      </c>
      <c r="M16263" t="s">
        <v>87</v>
      </c>
      <c r="N16263" t="s">
        <v>88</v>
      </c>
      <c r="O16263" t="s">
        <v>85</v>
      </c>
      <c r="P16263" t="s">
        <v>86</v>
      </c>
      <c r="Q16263">
        <v>86</v>
      </c>
      <c r="R16263">
        <v>87</v>
      </c>
      <c r="S16263">
        <v>88</v>
      </c>
      <c r="T16263">
        <v>89</v>
      </c>
      <c r="U16263">
        <v>90</v>
      </c>
      <c r="V16263">
        <v>91</v>
      </c>
      <c r="W16263">
        <v>92</v>
      </c>
      <c r="X16263">
        <v>93</v>
      </c>
      <c r="Y16263">
        <v>94</v>
      </c>
      <c r="Z16263">
        <v>95</v>
      </c>
      <c r="AA16263">
        <v>96</v>
      </c>
      <c r="AB16263">
        <v>98</v>
      </c>
      <c r="AC16263">
        <v>99</v>
      </c>
      <c r="AD16263">
        <v>100</v>
      </c>
      <c r="AE16263">
        <v>101</v>
      </c>
      <c r="AF16263">
        <v>103</v>
      </c>
      <c r="AG16263">
        <v>104</v>
      </c>
      <c r="AH16263">
        <v>105</v>
      </c>
      <c r="AI16263">
        <v>106</v>
      </c>
      <c r="AJ16263">
        <v>108</v>
      </c>
      <c r="AK16263">
        <v>109</v>
      </c>
      <c r="AL16263">
        <v>110</v>
      </c>
      <c r="AM16263">
        <v>112</v>
      </c>
      <c r="AN16263">
        <v>113</v>
      </c>
      <c r="AO16263">
        <v>114</v>
      </c>
      <c r="AP16263">
        <v>116</v>
      </c>
      <c r="AQ16263">
        <v>117</v>
      </c>
    </row>
    <row r="16264" spans="1:43">
      <c r="A16264" t="s">
        <v>10094</v>
      </c>
      <c r="B16264" t="s">
        <v>10095</v>
      </c>
      <c r="C16264" t="s">
        <v>9954</v>
      </c>
      <c r="D16264" t="s">
        <v>9955</v>
      </c>
      <c r="E16264" t="s">
        <v>9956</v>
      </c>
      <c r="F16264" t="s">
        <v>9957</v>
      </c>
      <c r="G16264" t="s">
        <v>80</v>
      </c>
      <c r="H16264" t="s">
        <v>81</v>
      </c>
      <c r="I16264" s="2">
        <v>0</v>
      </c>
      <c r="J16264" s="2">
        <v>1</v>
      </c>
      <c r="K16264" s="2">
        <v>0</v>
      </c>
      <c r="L16264" t="s">
        <v>82</v>
      </c>
      <c r="M16264" t="s">
        <v>89</v>
      </c>
      <c r="N16264" t="s">
        <v>90</v>
      </c>
      <c r="O16264" t="s">
        <v>85</v>
      </c>
      <c r="P16264" t="s">
        <v>86</v>
      </c>
      <c r="Q16264">
        <v>86</v>
      </c>
      <c r="R16264">
        <v>89</v>
      </c>
      <c r="S16264">
        <v>91</v>
      </c>
      <c r="T16264">
        <v>94</v>
      </c>
      <c r="U16264">
        <v>97</v>
      </c>
      <c r="V16264">
        <v>99</v>
      </c>
      <c r="W16264">
        <v>102</v>
      </c>
      <c r="X16264">
        <v>104</v>
      </c>
      <c r="Y16264">
        <v>107</v>
      </c>
      <c r="Z16264">
        <v>110</v>
      </c>
      <c r="AA16264">
        <v>112</v>
      </c>
      <c r="AB16264">
        <v>115</v>
      </c>
      <c r="AC16264">
        <v>118</v>
      </c>
      <c r="AD16264">
        <v>120</v>
      </c>
      <c r="AE16264">
        <v>122</v>
      </c>
      <c r="AF16264">
        <v>123</v>
      </c>
      <c r="AG16264">
        <v>124</v>
      </c>
      <c r="AH16264">
        <v>125</v>
      </c>
      <c r="AI16264">
        <v>126</v>
      </c>
      <c r="AJ16264">
        <v>127</v>
      </c>
      <c r="AK16264">
        <v>128</v>
      </c>
      <c r="AL16264">
        <v>129</v>
      </c>
      <c r="AM16264">
        <v>130</v>
      </c>
      <c r="AN16264">
        <v>131</v>
      </c>
      <c r="AO16264">
        <v>132</v>
      </c>
      <c r="AP16264">
        <v>133</v>
      </c>
      <c r="AQ16264">
        <v>134</v>
      </c>
    </row>
    <row r="16265" spans="1:43">
      <c r="A16265" t="s">
        <v>10094</v>
      </c>
      <c r="B16265" t="s">
        <v>10095</v>
      </c>
      <c r="C16265" t="s">
        <v>9954</v>
      </c>
      <c r="D16265" t="s">
        <v>9955</v>
      </c>
      <c r="E16265" t="s">
        <v>9956</v>
      </c>
      <c r="F16265" t="s">
        <v>9957</v>
      </c>
      <c r="G16265" t="s">
        <v>80</v>
      </c>
      <c r="H16265" t="s">
        <v>81</v>
      </c>
      <c r="I16265" s="2">
        <v>0</v>
      </c>
      <c r="J16265" s="2">
        <v>1</v>
      </c>
      <c r="K16265" s="2">
        <v>0</v>
      </c>
      <c r="L16265" t="s">
        <v>82</v>
      </c>
      <c r="M16265" t="s">
        <v>83</v>
      </c>
      <c r="N16265" t="s">
        <v>91</v>
      </c>
      <c r="O16265" t="s">
        <v>85</v>
      </c>
      <c r="P16265" t="s">
        <v>86</v>
      </c>
      <c r="Q16265">
        <v>86</v>
      </c>
      <c r="R16265">
        <v>88</v>
      </c>
      <c r="S16265">
        <v>90</v>
      </c>
      <c r="T16265">
        <v>92</v>
      </c>
      <c r="U16265">
        <v>94</v>
      </c>
      <c r="V16265">
        <v>96</v>
      </c>
      <c r="W16265">
        <v>98</v>
      </c>
      <c r="X16265">
        <v>100</v>
      </c>
      <c r="Y16265">
        <v>102</v>
      </c>
      <c r="Z16265">
        <v>104</v>
      </c>
      <c r="AA16265">
        <v>106</v>
      </c>
      <c r="AB16265">
        <v>108</v>
      </c>
      <c r="AC16265">
        <v>110</v>
      </c>
      <c r="AD16265">
        <v>112</v>
      </c>
      <c r="AE16265">
        <v>115</v>
      </c>
      <c r="AF16265">
        <v>117</v>
      </c>
      <c r="AG16265">
        <v>119</v>
      </c>
      <c r="AH16265">
        <v>121</v>
      </c>
      <c r="AI16265">
        <v>124</v>
      </c>
      <c r="AJ16265">
        <v>126</v>
      </c>
      <c r="AK16265">
        <v>128</v>
      </c>
      <c r="AL16265">
        <v>130</v>
      </c>
      <c r="AM16265">
        <v>131</v>
      </c>
      <c r="AN16265">
        <v>132</v>
      </c>
      <c r="AO16265">
        <v>133</v>
      </c>
      <c r="AP16265">
        <v>134</v>
      </c>
      <c r="AQ16265">
        <v>135</v>
      </c>
    </row>
    <row r="16266" spans="1:43">
      <c r="A16266" t="s">
        <v>10096</v>
      </c>
      <c r="B16266" t="s">
        <v>10097</v>
      </c>
      <c r="C16266" t="s">
        <v>9992</v>
      </c>
      <c r="D16266" t="s">
        <v>9993</v>
      </c>
      <c r="E16266" t="s">
        <v>9956</v>
      </c>
      <c r="F16266" t="s">
        <v>9957</v>
      </c>
      <c r="G16266" t="s">
        <v>80</v>
      </c>
      <c r="H16266" t="s">
        <v>81</v>
      </c>
      <c r="I16266" s="2">
        <v>0</v>
      </c>
      <c r="J16266" s="2">
        <v>1</v>
      </c>
      <c r="K16266" s="2">
        <v>0</v>
      </c>
      <c r="L16266" t="s">
        <v>82</v>
      </c>
      <c r="M16266" t="s">
        <v>83</v>
      </c>
      <c r="N16266" t="s">
        <v>84</v>
      </c>
      <c r="O16266" t="s">
        <v>85</v>
      </c>
      <c r="P16266" t="s">
        <v>86</v>
      </c>
      <c r="Q16266">
        <v>228</v>
      </c>
      <c r="R16266">
        <v>232</v>
      </c>
      <c r="S16266">
        <v>238</v>
      </c>
      <c r="T16266">
        <v>243</v>
      </c>
      <c r="U16266">
        <v>248</v>
      </c>
      <c r="V16266">
        <v>253</v>
      </c>
      <c r="W16266">
        <v>258</v>
      </c>
      <c r="X16266">
        <v>263</v>
      </c>
      <c r="Y16266">
        <v>268</v>
      </c>
      <c r="Z16266">
        <v>274</v>
      </c>
      <c r="AA16266">
        <v>279</v>
      </c>
      <c r="AB16266">
        <v>285</v>
      </c>
      <c r="AC16266">
        <v>290</v>
      </c>
      <c r="AD16266">
        <v>296</v>
      </c>
      <c r="AE16266">
        <v>301</v>
      </c>
      <c r="AF16266">
        <v>307</v>
      </c>
      <c r="AG16266">
        <v>313</v>
      </c>
      <c r="AH16266">
        <v>319</v>
      </c>
      <c r="AI16266">
        <v>325</v>
      </c>
      <c r="AJ16266">
        <v>331</v>
      </c>
      <c r="AK16266">
        <v>337</v>
      </c>
      <c r="AL16266">
        <v>341</v>
      </c>
      <c r="AM16266">
        <v>344</v>
      </c>
      <c r="AN16266">
        <v>346</v>
      </c>
      <c r="AO16266">
        <v>349</v>
      </c>
      <c r="AP16266">
        <v>352</v>
      </c>
      <c r="AQ16266">
        <v>355</v>
      </c>
    </row>
    <row r="16267" spans="1:43">
      <c r="A16267" t="s">
        <v>10096</v>
      </c>
      <c r="B16267" t="s">
        <v>10097</v>
      </c>
      <c r="C16267" t="s">
        <v>9992</v>
      </c>
      <c r="D16267" t="s">
        <v>9993</v>
      </c>
      <c r="E16267" t="s">
        <v>9956</v>
      </c>
      <c r="F16267" t="s">
        <v>9957</v>
      </c>
      <c r="G16267" t="s">
        <v>80</v>
      </c>
      <c r="H16267" t="s">
        <v>81</v>
      </c>
      <c r="I16267" s="2">
        <v>0</v>
      </c>
      <c r="J16267" s="2">
        <v>1</v>
      </c>
      <c r="K16267" s="2">
        <v>0</v>
      </c>
      <c r="L16267" t="s">
        <v>82</v>
      </c>
      <c r="M16267" t="s">
        <v>87</v>
      </c>
      <c r="N16267" t="s">
        <v>88</v>
      </c>
      <c r="O16267" t="s">
        <v>85</v>
      </c>
      <c r="P16267" t="s">
        <v>86</v>
      </c>
      <c r="Q16267">
        <v>228</v>
      </c>
      <c r="R16267">
        <v>231</v>
      </c>
      <c r="S16267">
        <v>234</v>
      </c>
      <c r="T16267">
        <v>237</v>
      </c>
      <c r="U16267">
        <v>240</v>
      </c>
      <c r="V16267">
        <v>242</v>
      </c>
      <c r="W16267">
        <v>245</v>
      </c>
      <c r="X16267">
        <v>248</v>
      </c>
      <c r="Y16267">
        <v>251</v>
      </c>
      <c r="Z16267">
        <v>254</v>
      </c>
      <c r="AA16267">
        <v>257</v>
      </c>
      <c r="AB16267">
        <v>260</v>
      </c>
      <c r="AC16267">
        <v>263</v>
      </c>
      <c r="AD16267">
        <v>267</v>
      </c>
      <c r="AE16267">
        <v>270</v>
      </c>
      <c r="AF16267">
        <v>273</v>
      </c>
      <c r="AG16267">
        <v>276</v>
      </c>
      <c r="AH16267">
        <v>280</v>
      </c>
      <c r="AI16267">
        <v>283</v>
      </c>
      <c r="AJ16267">
        <v>286</v>
      </c>
      <c r="AK16267">
        <v>290</v>
      </c>
      <c r="AL16267">
        <v>293</v>
      </c>
      <c r="AM16267">
        <v>297</v>
      </c>
      <c r="AN16267">
        <v>300</v>
      </c>
      <c r="AO16267">
        <v>304</v>
      </c>
      <c r="AP16267">
        <v>307</v>
      </c>
      <c r="AQ16267">
        <v>311</v>
      </c>
    </row>
    <row r="16268" spans="1:43">
      <c r="A16268" t="s">
        <v>10096</v>
      </c>
      <c r="B16268" t="s">
        <v>10097</v>
      </c>
      <c r="C16268" t="s">
        <v>9992</v>
      </c>
      <c r="D16268" t="s">
        <v>9993</v>
      </c>
      <c r="E16268" t="s">
        <v>9956</v>
      </c>
      <c r="F16268" t="s">
        <v>9957</v>
      </c>
      <c r="G16268" t="s">
        <v>80</v>
      </c>
      <c r="H16268" t="s">
        <v>81</v>
      </c>
      <c r="I16268" s="2">
        <v>0</v>
      </c>
      <c r="J16268" s="2">
        <v>1</v>
      </c>
      <c r="K16268" s="2">
        <v>0</v>
      </c>
      <c r="L16268" t="s">
        <v>82</v>
      </c>
      <c r="M16268" t="s">
        <v>89</v>
      </c>
      <c r="N16268" t="s">
        <v>90</v>
      </c>
      <c r="O16268" t="s">
        <v>85</v>
      </c>
      <c r="P16268" t="s">
        <v>86</v>
      </c>
      <c r="Q16268">
        <v>228</v>
      </c>
      <c r="R16268">
        <v>235</v>
      </c>
      <c r="S16268">
        <v>242</v>
      </c>
      <c r="T16268">
        <v>248</v>
      </c>
      <c r="U16268">
        <v>255</v>
      </c>
      <c r="V16268">
        <v>262</v>
      </c>
      <c r="W16268">
        <v>269</v>
      </c>
      <c r="X16268">
        <v>276</v>
      </c>
      <c r="Y16268">
        <v>282</v>
      </c>
      <c r="Z16268">
        <v>289</v>
      </c>
      <c r="AA16268">
        <v>296</v>
      </c>
      <c r="AB16268">
        <v>302</v>
      </c>
      <c r="AC16268">
        <v>309</v>
      </c>
      <c r="AD16268">
        <v>316</v>
      </c>
      <c r="AE16268">
        <v>322</v>
      </c>
      <c r="AF16268">
        <v>324</v>
      </c>
      <c r="AG16268">
        <v>327</v>
      </c>
      <c r="AH16268">
        <v>330</v>
      </c>
      <c r="AI16268">
        <v>333</v>
      </c>
      <c r="AJ16268">
        <v>336</v>
      </c>
      <c r="AK16268">
        <v>339</v>
      </c>
      <c r="AL16268">
        <v>341</v>
      </c>
      <c r="AM16268">
        <v>344</v>
      </c>
      <c r="AN16268">
        <v>347</v>
      </c>
      <c r="AO16268">
        <v>350</v>
      </c>
      <c r="AP16268">
        <v>353</v>
      </c>
      <c r="AQ16268">
        <v>356</v>
      </c>
    </row>
    <row r="16269" spans="1:43">
      <c r="A16269" t="s">
        <v>10096</v>
      </c>
      <c r="B16269" t="s">
        <v>10097</v>
      </c>
      <c r="C16269" t="s">
        <v>9992</v>
      </c>
      <c r="D16269" t="s">
        <v>9993</v>
      </c>
      <c r="E16269" t="s">
        <v>9956</v>
      </c>
      <c r="F16269" t="s">
        <v>9957</v>
      </c>
      <c r="G16269" t="s">
        <v>80</v>
      </c>
      <c r="H16269" t="s">
        <v>81</v>
      </c>
      <c r="I16269" s="2">
        <v>0</v>
      </c>
      <c r="J16269" s="2">
        <v>1</v>
      </c>
      <c r="K16269" s="2">
        <v>0</v>
      </c>
      <c r="L16269" t="s">
        <v>82</v>
      </c>
      <c r="M16269" t="s">
        <v>83</v>
      </c>
      <c r="N16269" t="s">
        <v>91</v>
      </c>
      <c r="O16269" t="s">
        <v>85</v>
      </c>
      <c r="P16269" t="s">
        <v>86</v>
      </c>
      <c r="Q16269">
        <v>228</v>
      </c>
      <c r="R16269">
        <v>232</v>
      </c>
      <c r="S16269">
        <v>238</v>
      </c>
      <c r="T16269">
        <v>243</v>
      </c>
      <c r="U16269">
        <v>248</v>
      </c>
      <c r="V16269">
        <v>253</v>
      </c>
      <c r="W16269">
        <v>258</v>
      </c>
      <c r="X16269">
        <v>263</v>
      </c>
      <c r="Y16269">
        <v>268</v>
      </c>
      <c r="Z16269">
        <v>274</v>
      </c>
      <c r="AA16269">
        <v>279</v>
      </c>
      <c r="AB16269">
        <v>285</v>
      </c>
      <c r="AC16269">
        <v>290</v>
      </c>
      <c r="AD16269">
        <v>296</v>
      </c>
      <c r="AE16269">
        <v>301</v>
      </c>
      <c r="AF16269">
        <v>307</v>
      </c>
      <c r="AG16269">
        <v>313</v>
      </c>
      <c r="AH16269">
        <v>319</v>
      </c>
      <c r="AI16269">
        <v>325</v>
      </c>
      <c r="AJ16269">
        <v>331</v>
      </c>
      <c r="AK16269">
        <v>337</v>
      </c>
      <c r="AL16269">
        <v>341</v>
      </c>
      <c r="AM16269">
        <v>344</v>
      </c>
      <c r="AN16269">
        <v>346</v>
      </c>
      <c r="AO16269">
        <v>349</v>
      </c>
      <c r="AP16269">
        <v>352</v>
      </c>
      <c r="AQ16269">
        <v>355</v>
      </c>
    </row>
    <row r="16270" spans="1:43">
      <c r="A16270" t="s">
        <v>10098</v>
      </c>
      <c r="B16270" t="s">
        <v>10099</v>
      </c>
      <c r="C16270" t="s">
        <v>10100</v>
      </c>
      <c r="D16270" t="s">
        <v>10101</v>
      </c>
      <c r="E16270" t="s">
        <v>9956</v>
      </c>
      <c r="F16270" t="s">
        <v>9957</v>
      </c>
      <c r="G16270" t="s">
        <v>80</v>
      </c>
      <c r="H16270" t="s">
        <v>81</v>
      </c>
      <c r="I16270" s="2">
        <v>0</v>
      </c>
      <c r="J16270" s="2">
        <v>1</v>
      </c>
      <c r="K16270" s="2">
        <v>0</v>
      </c>
      <c r="L16270" t="s">
        <v>82</v>
      </c>
      <c r="M16270" t="s">
        <v>83</v>
      </c>
      <c r="N16270" t="s">
        <v>84</v>
      </c>
      <c r="O16270" t="s">
        <v>85</v>
      </c>
      <c r="P16270" t="s">
        <v>86</v>
      </c>
      <c r="Q16270">
        <v>694</v>
      </c>
      <c r="R16270">
        <v>708</v>
      </c>
      <c r="S16270">
        <v>723</v>
      </c>
      <c r="T16270">
        <v>738</v>
      </c>
      <c r="U16270">
        <v>753</v>
      </c>
      <c r="V16270">
        <v>768</v>
      </c>
      <c r="W16270">
        <v>783</v>
      </c>
      <c r="X16270">
        <v>798</v>
      </c>
      <c r="Y16270">
        <v>814</v>
      </c>
      <c r="Z16270">
        <v>829</v>
      </c>
      <c r="AA16270">
        <v>846</v>
      </c>
      <c r="AB16270">
        <v>859</v>
      </c>
      <c r="AC16270">
        <v>870</v>
      </c>
      <c r="AD16270">
        <v>882</v>
      </c>
      <c r="AE16270">
        <v>894</v>
      </c>
      <c r="AF16270">
        <v>906</v>
      </c>
      <c r="AG16270">
        <v>917</v>
      </c>
      <c r="AH16270">
        <v>930</v>
      </c>
      <c r="AI16270">
        <v>942</v>
      </c>
      <c r="AJ16270">
        <v>954</v>
      </c>
      <c r="AK16270">
        <v>967</v>
      </c>
      <c r="AL16270">
        <v>975</v>
      </c>
      <c r="AM16270">
        <v>982</v>
      </c>
      <c r="AN16270">
        <v>989</v>
      </c>
      <c r="AO16270">
        <v>996</v>
      </c>
      <c r="AP16270">
        <v>1003</v>
      </c>
      <c r="AQ16270">
        <v>1010</v>
      </c>
    </row>
    <row r="16271" spans="1:43">
      <c r="A16271" t="s">
        <v>10098</v>
      </c>
      <c r="B16271" t="s">
        <v>10099</v>
      </c>
      <c r="C16271" t="s">
        <v>10100</v>
      </c>
      <c r="D16271" t="s">
        <v>10101</v>
      </c>
      <c r="E16271" t="s">
        <v>9956</v>
      </c>
      <c r="F16271" t="s">
        <v>9957</v>
      </c>
      <c r="G16271" t="s">
        <v>80</v>
      </c>
      <c r="H16271" t="s">
        <v>81</v>
      </c>
      <c r="I16271" s="2">
        <v>0</v>
      </c>
      <c r="J16271" s="2">
        <v>1</v>
      </c>
      <c r="K16271" s="2">
        <v>0</v>
      </c>
      <c r="L16271" t="s">
        <v>82</v>
      </c>
      <c r="M16271" t="s">
        <v>87</v>
      </c>
      <c r="N16271" t="s">
        <v>88</v>
      </c>
      <c r="O16271" t="s">
        <v>85</v>
      </c>
      <c r="P16271" t="s">
        <v>86</v>
      </c>
      <c r="Q16271">
        <v>694</v>
      </c>
      <c r="R16271">
        <v>702</v>
      </c>
      <c r="S16271">
        <v>710</v>
      </c>
      <c r="T16271">
        <v>718</v>
      </c>
      <c r="U16271">
        <v>726</v>
      </c>
      <c r="V16271">
        <v>734</v>
      </c>
      <c r="W16271">
        <v>743</v>
      </c>
      <c r="X16271">
        <v>751</v>
      </c>
      <c r="Y16271">
        <v>759</v>
      </c>
      <c r="Z16271">
        <v>768</v>
      </c>
      <c r="AA16271">
        <v>777</v>
      </c>
      <c r="AB16271">
        <v>785</v>
      </c>
      <c r="AC16271">
        <v>794</v>
      </c>
      <c r="AD16271">
        <v>803</v>
      </c>
      <c r="AE16271">
        <v>812</v>
      </c>
      <c r="AF16271">
        <v>822</v>
      </c>
      <c r="AG16271">
        <v>831</v>
      </c>
      <c r="AH16271">
        <v>840</v>
      </c>
      <c r="AI16271">
        <v>850</v>
      </c>
      <c r="AJ16271">
        <v>859</v>
      </c>
      <c r="AK16271">
        <v>869</v>
      </c>
      <c r="AL16271">
        <v>878</v>
      </c>
      <c r="AM16271">
        <v>888</v>
      </c>
      <c r="AN16271">
        <v>898</v>
      </c>
      <c r="AO16271">
        <v>908</v>
      </c>
      <c r="AP16271">
        <v>918</v>
      </c>
      <c r="AQ16271">
        <v>928</v>
      </c>
    </row>
    <row r="16272" spans="1:43">
      <c r="A16272" t="s">
        <v>10098</v>
      </c>
      <c r="B16272" t="s">
        <v>10099</v>
      </c>
      <c r="C16272" t="s">
        <v>10100</v>
      </c>
      <c r="D16272" t="s">
        <v>10101</v>
      </c>
      <c r="E16272" t="s">
        <v>9956</v>
      </c>
      <c r="F16272" t="s">
        <v>9957</v>
      </c>
      <c r="G16272" t="s">
        <v>80</v>
      </c>
      <c r="H16272" t="s">
        <v>81</v>
      </c>
      <c r="I16272" s="2">
        <v>0</v>
      </c>
      <c r="J16272" s="2">
        <v>1</v>
      </c>
      <c r="K16272" s="2">
        <v>0</v>
      </c>
      <c r="L16272" t="s">
        <v>82</v>
      </c>
      <c r="M16272" t="s">
        <v>89</v>
      </c>
      <c r="N16272" t="s">
        <v>90</v>
      </c>
      <c r="O16272" t="s">
        <v>85</v>
      </c>
      <c r="P16272" t="s">
        <v>86</v>
      </c>
      <c r="Q16272">
        <v>694</v>
      </c>
      <c r="R16272">
        <v>715</v>
      </c>
      <c r="S16272">
        <v>736</v>
      </c>
      <c r="T16272">
        <v>756</v>
      </c>
      <c r="U16272">
        <v>776</v>
      </c>
      <c r="V16272">
        <v>797</v>
      </c>
      <c r="W16272">
        <v>818</v>
      </c>
      <c r="X16272">
        <v>833</v>
      </c>
      <c r="Y16272">
        <v>846</v>
      </c>
      <c r="Z16272">
        <v>859</v>
      </c>
      <c r="AA16272">
        <v>873</v>
      </c>
      <c r="AB16272">
        <v>886</v>
      </c>
      <c r="AC16272">
        <v>900</v>
      </c>
      <c r="AD16272">
        <v>914</v>
      </c>
      <c r="AE16272">
        <v>925</v>
      </c>
      <c r="AF16272">
        <v>932</v>
      </c>
      <c r="AG16272">
        <v>938</v>
      </c>
      <c r="AH16272">
        <v>945</v>
      </c>
      <c r="AI16272">
        <v>952</v>
      </c>
      <c r="AJ16272">
        <v>958</v>
      </c>
      <c r="AK16272">
        <v>965</v>
      </c>
      <c r="AL16272">
        <v>972</v>
      </c>
      <c r="AM16272">
        <v>978</v>
      </c>
      <c r="AN16272">
        <v>985</v>
      </c>
      <c r="AO16272">
        <v>992</v>
      </c>
      <c r="AP16272">
        <v>999</v>
      </c>
      <c r="AQ16272">
        <v>1006</v>
      </c>
    </row>
    <row r="16273" spans="1:43">
      <c r="A16273" t="s">
        <v>10098</v>
      </c>
      <c r="B16273" t="s">
        <v>10099</v>
      </c>
      <c r="C16273" t="s">
        <v>10100</v>
      </c>
      <c r="D16273" t="s">
        <v>10101</v>
      </c>
      <c r="E16273" t="s">
        <v>9956</v>
      </c>
      <c r="F16273" t="s">
        <v>9957</v>
      </c>
      <c r="G16273" t="s">
        <v>80</v>
      </c>
      <c r="H16273" t="s">
        <v>81</v>
      </c>
      <c r="I16273" s="2">
        <v>0</v>
      </c>
      <c r="J16273" s="2">
        <v>1</v>
      </c>
      <c r="K16273" s="2">
        <v>0</v>
      </c>
      <c r="L16273" t="s">
        <v>82</v>
      </c>
      <c r="M16273" t="s">
        <v>83</v>
      </c>
      <c r="N16273" t="s">
        <v>91</v>
      </c>
      <c r="O16273" t="s">
        <v>85</v>
      </c>
      <c r="P16273" t="s">
        <v>86</v>
      </c>
      <c r="Q16273">
        <v>694</v>
      </c>
      <c r="R16273">
        <v>708</v>
      </c>
      <c r="S16273">
        <v>723</v>
      </c>
      <c r="T16273">
        <v>738</v>
      </c>
      <c r="U16273">
        <v>753</v>
      </c>
      <c r="V16273">
        <v>768</v>
      </c>
      <c r="W16273">
        <v>783</v>
      </c>
      <c r="X16273">
        <v>798</v>
      </c>
      <c r="Y16273">
        <v>814</v>
      </c>
      <c r="Z16273">
        <v>829</v>
      </c>
      <c r="AA16273">
        <v>846</v>
      </c>
      <c r="AB16273">
        <v>859</v>
      </c>
      <c r="AC16273">
        <v>870</v>
      </c>
      <c r="AD16273">
        <v>882</v>
      </c>
      <c r="AE16273">
        <v>894</v>
      </c>
      <c r="AF16273">
        <v>906</v>
      </c>
      <c r="AG16273">
        <v>917</v>
      </c>
      <c r="AH16273">
        <v>930</v>
      </c>
      <c r="AI16273">
        <v>942</v>
      </c>
      <c r="AJ16273">
        <v>954</v>
      </c>
      <c r="AK16273">
        <v>967</v>
      </c>
      <c r="AL16273">
        <v>975</v>
      </c>
      <c r="AM16273">
        <v>982</v>
      </c>
      <c r="AN16273">
        <v>989</v>
      </c>
      <c r="AO16273">
        <v>996</v>
      </c>
      <c r="AP16273">
        <v>1003</v>
      </c>
      <c r="AQ16273">
        <v>1010</v>
      </c>
    </row>
    <row r="16274" spans="1:43">
      <c r="A16274" t="s">
        <v>10102</v>
      </c>
      <c r="B16274" t="s">
        <v>10103</v>
      </c>
      <c r="C16274" t="s">
        <v>10100</v>
      </c>
      <c r="D16274" t="s">
        <v>10101</v>
      </c>
      <c r="E16274" t="s">
        <v>9956</v>
      </c>
      <c r="F16274" t="s">
        <v>9957</v>
      </c>
      <c r="G16274" t="s">
        <v>80</v>
      </c>
      <c r="H16274" t="s">
        <v>81</v>
      </c>
      <c r="I16274" s="2">
        <v>0</v>
      </c>
      <c r="J16274" s="2">
        <v>1</v>
      </c>
      <c r="K16274" s="2">
        <v>0</v>
      </c>
      <c r="L16274" t="s">
        <v>82</v>
      </c>
      <c r="M16274" t="s">
        <v>83</v>
      </c>
      <c r="N16274" t="s">
        <v>84</v>
      </c>
      <c r="O16274" t="s">
        <v>85</v>
      </c>
      <c r="P16274" t="s">
        <v>86</v>
      </c>
      <c r="Q16274">
        <v>919</v>
      </c>
      <c r="R16274">
        <v>939</v>
      </c>
      <c r="S16274">
        <v>959</v>
      </c>
      <c r="T16274">
        <v>979</v>
      </c>
      <c r="U16274">
        <v>999</v>
      </c>
      <c r="V16274">
        <v>1020</v>
      </c>
      <c r="W16274">
        <v>1040</v>
      </c>
      <c r="X16274">
        <v>1061</v>
      </c>
      <c r="Y16274">
        <v>1083</v>
      </c>
      <c r="Z16274">
        <v>1105</v>
      </c>
      <c r="AA16274">
        <v>1127</v>
      </c>
      <c r="AB16274">
        <v>1148</v>
      </c>
      <c r="AC16274">
        <v>1170</v>
      </c>
      <c r="AD16274">
        <v>1191</v>
      </c>
      <c r="AE16274">
        <v>1213</v>
      </c>
      <c r="AF16274">
        <v>1235</v>
      </c>
      <c r="AG16274">
        <v>1257</v>
      </c>
      <c r="AH16274">
        <v>1280</v>
      </c>
      <c r="AI16274">
        <v>1303</v>
      </c>
      <c r="AJ16274">
        <v>1326</v>
      </c>
      <c r="AK16274">
        <v>1349</v>
      </c>
      <c r="AL16274">
        <v>1365</v>
      </c>
      <c r="AM16274">
        <v>1376</v>
      </c>
      <c r="AN16274">
        <v>1388</v>
      </c>
      <c r="AO16274">
        <v>1400</v>
      </c>
      <c r="AP16274">
        <v>1412</v>
      </c>
      <c r="AQ16274">
        <v>1423</v>
      </c>
    </row>
    <row r="16275" spans="1:43">
      <c r="A16275" t="s">
        <v>10102</v>
      </c>
      <c r="B16275" t="s">
        <v>10103</v>
      </c>
      <c r="C16275" t="s">
        <v>10100</v>
      </c>
      <c r="D16275" t="s">
        <v>10101</v>
      </c>
      <c r="E16275" t="s">
        <v>9956</v>
      </c>
      <c r="F16275" t="s">
        <v>9957</v>
      </c>
      <c r="G16275" t="s">
        <v>80</v>
      </c>
      <c r="H16275" t="s">
        <v>81</v>
      </c>
      <c r="I16275" s="2">
        <v>0</v>
      </c>
      <c r="J16275" s="2">
        <v>1</v>
      </c>
      <c r="K16275" s="2">
        <v>0</v>
      </c>
      <c r="L16275" t="s">
        <v>82</v>
      </c>
      <c r="M16275" t="s">
        <v>87</v>
      </c>
      <c r="N16275" t="s">
        <v>88</v>
      </c>
      <c r="O16275" t="s">
        <v>85</v>
      </c>
      <c r="P16275" t="s">
        <v>86</v>
      </c>
      <c r="Q16275">
        <v>919</v>
      </c>
      <c r="R16275">
        <v>930</v>
      </c>
      <c r="S16275">
        <v>942</v>
      </c>
      <c r="T16275">
        <v>953</v>
      </c>
      <c r="U16275">
        <v>964</v>
      </c>
      <c r="V16275">
        <v>975</v>
      </c>
      <c r="W16275">
        <v>987</v>
      </c>
      <c r="X16275">
        <v>998</v>
      </c>
      <c r="Y16275">
        <v>1010</v>
      </c>
      <c r="Z16275">
        <v>1022</v>
      </c>
      <c r="AA16275">
        <v>1034</v>
      </c>
      <c r="AB16275">
        <v>1047</v>
      </c>
      <c r="AC16275">
        <v>1060</v>
      </c>
      <c r="AD16275">
        <v>1072</v>
      </c>
      <c r="AE16275">
        <v>1085</v>
      </c>
      <c r="AF16275">
        <v>1098</v>
      </c>
      <c r="AG16275">
        <v>1111</v>
      </c>
      <c r="AH16275">
        <v>1124</v>
      </c>
      <c r="AI16275">
        <v>1138</v>
      </c>
      <c r="AJ16275">
        <v>1151</v>
      </c>
      <c r="AK16275">
        <v>1165</v>
      </c>
      <c r="AL16275">
        <v>1178</v>
      </c>
      <c r="AM16275">
        <v>1192</v>
      </c>
      <c r="AN16275">
        <v>1206</v>
      </c>
      <c r="AO16275">
        <v>1220</v>
      </c>
      <c r="AP16275">
        <v>1235</v>
      </c>
      <c r="AQ16275">
        <v>1249</v>
      </c>
    </row>
    <row r="16276" spans="1:43">
      <c r="A16276" t="s">
        <v>10102</v>
      </c>
      <c r="B16276" t="s">
        <v>10103</v>
      </c>
      <c r="C16276" t="s">
        <v>10100</v>
      </c>
      <c r="D16276" t="s">
        <v>10101</v>
      </c>
      <c r="E16276" t="s">
        <v>9956</v>
      </c>
      <c r="F16276" t="s">
        <v>9957</v>
      </c>
      <c r="G16276" t="s">
        <v>80</v>
      </c>
      <c r="H16276" t="s">
        <v>81</v>
      </c>
      <c r="I16276" s="2">
        <v>0</v>
      </c>
      <c r="J16276" s="2">
        <v>1</v>
      </c>
      <c r="K16276" s="2">
        <v>0</v>
      </c>
      <c r="L16276" t="s">
        <v>82</v>
      </c>
      <c r="M16276" t="s">
        <v>89</v>
      </c>
      <c r="N16276" t="s">
        <v>90</v>
      </c>
      <c r="O16276" t="s">
        <v>85</v>
      </c>
      <c r="P16276" t="s">
        <v>86</v>
      </c>
      <c r="Q16276">
        <v>919</v>
      </c>
      <c r="R16276">
        <v>947</v>
      </c>
      <c r="S16276">
        <v>975</v>
      </c>
      <c r="T16276">
        <v>1003</v>
      </c>
      <c r="U16276">
        <v>1031</v>
      </c>
      <c r="V16276">
        <v>1058</v>
      </c>
      <c r="W16276">
        <v>1086</v>
      </c>
      <c r="X16276">
        <v>1112</v>
      </c>
      <c r="Y16276">
        <v>1138</v>
      </c>
      <c r="Z16276">
        <v>1163</v>
      </c>
      <c r="AA16276">
        <v>1189</v>
      </c>
      <c r="AB16276">
        <v>1214</v>
      </c>
      <c r="AC16276">
        <v>1242</v>
      </c>
      <c r="AD16276">
        <v>1268</v>
      </c>
      <c r="AE16276">
        <v>1289</v>
      </c>
      <c r="AF16276">
        <v>1300</v>
      </c>
      <c r="AG16276">
        <v>1311</v>
      </c>
      <c r="AH16276">
        <v>1323</v>
      </c>
      <c r="AI16276">
        <v>1334</v>
      </c>
      <c r="AJ16276">
        <v>1345</v>
      </c>
      <c r="AK16276">
        <v>1357</v>
      </c>
      <c r="AL16276">
        <v>1368</v>
      </c>
      <c r="AM16276">
        <v>1380</v>
      </c>
      <c r="AN16276">
        <v>1391</v>
      </c>
      <c r="AO16276">
        <v>1403</v>
      </c>
      <c r="AP16276">
        <v>1414</v>
      </c>
      <c r="AQ16276">
        <v>1426</v>
      </c>
    </row>
    <row r="16277" spans="1:43">
      <c r="A16277" t="s">
        <v>10102</v>
      </c>
      <c r="B16277" t="s">
        <v>10103</v>
      </c>
      <c r="C16277" t="s">
        <v>10100</v>
      </c>
      <c r="D16277" t="s">
        <v>10101</v>
      </c>
      <c r="E16277" t="s">
        <v>9956</v>
      </c>
      <c r="F16277" t="s">
        <v>9957</v>
      </c>
      <c r="G16277" t="s">
        <v>80</v>
      </c>
      <c r="H16277" t="s">
        <v>81</v>
      </c>
      <c r="I16277" s="2">
        <v>0</v>
      </c>
      <c r="J16277" s="2">
        <v>1</v>
      </c>
      <c r="K16277" s="2">
        <v>0</v>
      </c>
      <c r="L16277" t="s">
        <v>82</v>
      </c>
      <c r="M16277" t="s">
        <v>83</v>
      </c>
      <c r="N16277" t="s">
        <v>91</v>
      </c>
      <c r="O16277" t="s">
        <v>85</v>
      </c>
      <c r="P16277" t="s">
        <v>86</v>
      </c>
      <c r="Q16277">
        <v>919</v>
      </c>
      <c r="R16277">
        <v>939</v>
      </c>
      <c r="S16277">
        <v>959</v>
      </c>
      <c r="T16277">
        <v>979</v>
      </c>
      <c r="U16277">
        <v>999</v>
      </c>
      <c r="V16277">
        <v>1020</v>
      </c>
      <c r="W16277">
        <v>1040</v>
      </c>
      <c r="X16277">
        <v>1061</v>
      </c>
      <c r="Y16277">
        <v>1083</v>
      </c>
      <c r="Z16277">
        <v>1105</v>
      </c>
      <c r="AA16277">
        <v>1127</v>
      </c>
      <c r="AB16277">
        <v>1148</v>
      </c>
      <c r="AC16277">
        <v>1170</v>
      </c>
      <c r="AD16277">
        <v>1191</v>
      </c>
      <c r="AE16277">
        <v>1213</v>
      </c>
      <c r="AF16277">
        <v>1235</v>
      </c>
      <c r="AG16277">
        <v>1257</v>
      </c>
      <c r="AH16277">
        <v>1280</v>
      </c>
      <c r="AI16277">
        <v>1303</v>
      </c>
      <c r="AJ16277">
        <v>1326</v>
      </c>
      <c r="AK16277">
        <v>1349</v>
      </c>
      <c r="AL16277">
        <v>1365</v>
      </c>
      <c r="AM16277">
        <v>1376</v>
      </c>
      <c r="AN16277">
        <v>1388</v>
      </c>
      <c r="AO16277">
        <v>1400</v>
      </c>
      <c r="AP16277">
        <v>1412</v>
      </c>
      <c r="AQ16277">
        <v>1423</v>
      </c>
    </row>
    <row r="16278" spans="1:43">
      <c r="A16278" t="s">
        <v>10104</v>
      </c>
      <c r="B16278" t="s">
        <v>10105</v>
      </c>
      <c r="C16278" t="s">
        <v>10106</v>
      </c>
      <c r="D16278" t="s">
        <v>10107</v>
      </c>
      <c r="E16278" t="s">
        <v>9956</v>
      </c>
      <c r="F16278" t="s">
        <v>9957</v>
      </c>
      <c r="G16278" t="s">
        <v>80</v>
      </c>
      <c r="H16278" t="s">
        <v>81</v>
      </c>
      <c r="I16278" s="2">
        <v>0</v>
      </c>
      <c r="J16278" s="2">
        <v>1</v>
      </c>
      <c r="K16278" s="2">
        <v>0</v>
      </c>
      <c r="L16278" t="s">
        <v>82</v>
      </c>
      <c r="M16278" t="s">
        <v>83</v>
      </c>
      <c r="N16278" t="s">
        <v>84</v>
      </c>
      <c r="O16278" t="s">
        <v>85</v>
      </c>
      <c r="P16278" t="s">
        <v>86</v>
      </c>
      <c r="Q16278">
        <v>287</v>
      </c>
      <c r="R16278">
        <v>294</v>
      </c>
      <c r="S16278">
        <v>300</v>
      </c>
      <c r="T16278">
        <v>306</v>
      </c>
      <c r="U16278">
        <v>312</v>
      </c>
      <c r="V16278">
        <v>319</v>
      </c>
      <c r="W16278">
        <v>325</v>
      </c>
      <c r="X16278">
        <v>332</v>
      </c>
      <c r="Y16278">
        <v>339</v>
      </c>
      <c r="Z16278">
        <v>345</v>
      </c>
      <c r="AA16278">
        <v>352</v>
      </c>
      <c r="AB16278">
        <v>359</v>
      </c>
      <c r="AC16278">
        <v>366</v>
      </c>
      <c r="AD16278">
        <v>373</v>
      </c>
      <c r="AE16278">
        <v>380</v>
      </c>
      <c r="AF16278">
        <v>387</v>
      </c>
      <c r="AG16278">
        <v>394</v>
      </c>
      <c r="AH16278">
        <v>401</v>
      </c>
      <c r="AI16278">
        <v>408</v>
      </c>
      <c r="AJ16278">
        <v>415</v>
      </c>
      <c r="AK16278">
        <v>423</v>
      </c>
      <c r="AL16278">
        <v>428</v>
      </c>
      <c r="AM16278">
        <v>431</v>
      </c>
      <c r="AN16278">
        <v>434</v>
      </c>
      <c r="AO16278">
        <v>438</v>
      </c>
      <c r="AP16278">
        <v>441</v>
      </c>
      <c r="AQ16278">
        <v>444</v>
      </c>
    </row>
    <row r="16279" spans="1:43">
      <c r="A16279" t="s">
        <v>10104</v>
      </c>
      <c r="B16279" t="s">
        <v>10105</v>
      </c>
      <c r="C16279" t="s">
        <v>10106</v>
      </c>
      <c r="D16279" t="s">
        <v>10107</v>
      </c>
      <c r="E16279" t="s">
        <v>9956</v>
      </c>
      <c r="F16279" t="s">
        <v>9957</v>
      </c>
      <c r="G16279" t="s">
        <v>80</v>
      </c>
      <c r="H16279" t="s">
        <v>81</v>
      </c>
      <c r="I16279" s="2">
        <v>0</v>
      </c>
      <c r="J16279" s="2">
        <v>1</v>
      </c>
      <c r="K16279" s="2">
        <v>0</v>
      </c>
      <c r="L16279" t="s">
        <v>82</v>
      </c>
      <c r="M16279" t="s">
        <v>87</v>
      </c>
      <c r="N16279" t="s">
        <v>88</v>
      </c>
      <c r="O16279" t="s">
        <v>85</v>
      </c>
      <c r="P16279" t="s">
        <v>86</v>
      </c>
      <c r="Q16279">
        <v>287</v>
      </c>
      <c r="R16279">
        <v>290</v>
      </c>
      <c r="S16279">
        <v>294</v>
      </c>
      <c r="T16279">
        <v>297</v>
      </c>
      <c r="U16279">
        <v>301</v>
      </c>
      <c r="V16279">
        <v>304</v>
      </c>
      <c r="W16279">
        <v>308</v>
      </c>
      <c r="X16279">
        <v>311</v>
      </c>
      <c r="Y16279">
        <v>315</v>
      </c>
      <c r="Z16279">
        <v>319</v>
      </c>
      <c r="AA16279">
        <v>323</v>
      </c>
      <c r="AB16279">
        <v>327</v>
      </c>
      <c r="AC16279">
        <v>330</v>
      </c>
      <c r="AD16279">
        <v>334</v>
      </c>
      <c r="AE16279">
        <v>338</v>
      </c>
      <c r="AF16279">
        <v>343</v>
      </c>
      <c r="AG16279">
        <v>347</v>
      </c>
      <c r="AH16279">
        <v>351</v>
      </c>
      <c r="AI16279">
        <v>355</v>
      </c>
      <c r="AJ16279">
        <v>359</v>
      </c>
      <c r="AK16279">
        <v>363</v>
      </c>
      <c r="AL16279">
        <v>368</v>
      </c>
      <c r="AM16279">
        <v>372</v>
      </c>
      <c r="AN16279">
        <v>376</v>
      </c>
      <c r="AO16279">
        <v>381</v>
      </c>
      <c r="AP16279">
        <v>385</v>
      </c>
      <c r="AQ16279">
        <v>390</v>
      </c>
    </row>
    <row r="16280" spans="1:43">
      <c r="A16280" t="s">
        <v>10104</v>
      </c>
      <c r="B16280" t="s">
        <v>10105</v>
      </c>
      <c r="C16280" t="s">
        <v>10106</v>
      </c>
      <c r="D16280" t="s">
        <v>10107</v>
      </c>
      <c r="E16280" t="s">
        <v>9956</v>
      </c>
      <c r="F16280" t="s">
        <v>9957</v>
      </c>
      <c r="G16280" t="s">
        <v>80</v>
      </c>
      <c r="H16280" t="s">
        <v>81</v>
      </c>
      <c r="I16280" s="2">
        <v>0</v>
      </c>
      <c r="J16280" s="2">
        <v>1</v>
      </c>
      <c r="K16280" s="2">
        <v>0</v>
      </c>
      <c r="L16280" t="s">
        <v>82</v>
      </c>
      <c r="M16280" t="s">
        <v>89</v>
      </c>
      <c r="N16280" t="s">
        <v>90</v>
      </c>
      <c r="O16280" t="s">
        <v>85</v>
      </c>
      <c r="P16280" t="s">
        <v>86</v>
      </c>
      <c r="Q16280">
        <v>287</v>
      </c>
      <c r="R16280">
        <v>296</v>
      </c>
      <c r="S16280">
        <v>305</v>
      </c>
      <c r="T16280">
        <v>313</v>
      </c>
      <c r="U16280">
        <v>322</v>
      </c>
      <c r="V16280">
        <v>330</v>
      </c>
      <c r="W16280">
        <v>339</v>
      </c>
      <c r="X16280">
        <v>347</v>
      </c>
      <c r="Y16280">
        <v>355</v>
      </c>
      <c r="Z16280">
        <v>364</v>
      </c>
      <c r="AA16280">
        <v>372</v>
      </c>
      <c r="AB16280">
        <v>380</v>
      </c>
      <c r="AC16280">
        <v>389</v>
      </c>
      <c r="AD16280">
        <v>397</v>
      </c>
      <c r="AE16280">
        <v>403</v>
      </c>
      <c r="AF16280">
        <v>407</v>
      </c>
      <c r="AG16280">
        <v>410</v>
      </c>
      <c r="AH16280">
        <v>413</v>
      </c>
      <c r="AI16280">
        <v>416</v>
      </c>
      <c r="AJ16280">
        <v>420</v>
      </c>
      <c r="AK16280">
        <v>423</v>
      </c>
      <c r="AL16280">
        <v>426</v>
      </c>
      <c r="AM16280">
        <v>429</v>
      </c>
      <c r="AN16280">
        <v>433</v>
      </c>
      <c r="AO16280">
        <v>436</v>
      </c>
      <c r="AP16280">
        <v>440</v>
      </c>
      <c r="AQ16280">
        <v>443</v>
      </c>
    </row>
    <row r="16281" spans="1:43">
      <c r="A16281" t="s">
        <v>10104</v>
      </c>
      <c r="B16281" t="s">
        <v>10105</v>
      </c>
      <c r="C16281" t="s">
        <v>10106</v>
      </c>
      <c r="D16281" t="s">
        <v>10107</v>
      </c>
      <c r="E16281" t="s">
        <v>9956</v>
      </c>
      <c r="F16281" t="s">
        <v>9957</v>
      </c>
      <c r="G16281" t="s">
        <v>80</v>
      </c>
      <c r="H16281" t="s">
        <v>81</v>
      </c>
      <c r="I16281" s="2">
        <v>0</v>
      </c>
      <c r="J16281" s="2">
        <v>1</v>
      </c>
      <c r="K16281" s="2">
        <v>0</v>
      </c>
      <c r="L16281" t="s">
        <v>82</v>
      </c>
      <c r="M16281" t="s">
        <v>83</v>
      </c>
      <c r="N16281" t="s">
        <v>91</v>
      </c>
      <c r="O16281" t="s">
        <v>85</v>
      </c>
      <c r="P16281" t="s">
        <v>86</v>
      </c>
      <c r="Q16281">
        <v>287</v>
      </c>
      <c r="R16281">
        <v>294</v>
      </c>
      <c r="S16281">
        <v>300</v>
      </c>
      <c r="T16281">
        <v>306</v>
      </c>
      <c r="U16281">
        <v>312</v>
      </c>
      <c r="V16281">
        <v>319</v>
      </c>
      <c r="W16281">
        <v>325</v>
      </c>
      <c r="X16281">
        <v>332</v>
      </c>
      <c r="Y16281">
        <v>339</v>
      </c>
      <c r="Z16281">
        <v>345</v>
      </c>
      <c r="AA16281">
        <v>352</v>
      </c>
      <c r="AB16281">
        <v>359</v>
      </c>
      <c r="AC16281">
        <v>366</v>
      </c>
      <c r="AD16281">
        <v>373</v>
      </c>
      <c r="AE16281">
        <v>380</v>
      </c>
      <c r="AF16281">
        <v>387</v>
      </c>
      <c r="AG16281">
        <v>394</v>
      </c>
      <c r="AH16281">
        <v>401</v>
      </c>
      <c r="AI16281">
        <v>408</v>
      </c>
      <c r="AJ16281">
        <v>415</v>
      </c>
      <c r="AK16281">
        <v>423</v>
      </c>
      <c r="AL16281">
        <v>428</v>
      </c>
      <c r="AM16281">
        <v>431</v>
      </c>
      <c r="AN16281">
        <v>434</v>
      </c>
      <c r="AO16281">
        <v>438</v>
      </c>
      <c r="AP16281">
        <v>441</v>
      </c>
      <c r="AQ16281">
        <v>444</v>
      </c>
    </row>
    <row r="16282" spans="1:43">
      <c r="A16282" t="s">
        <v>10108</v>
      </c>
      <c r="B16282" t="s">
        <v>10109</v>
      </c>
      <c r="C16282" t="s">
        <v>10100</v>
      </c>
      <c r="D16282" t="s">
        <v>10101</v>
      </c>
      <c r="E16282" t="s">
        <v>9956</v>
      </c>
      <c r="F16282" t="s">
        <v>9957</v>
      </c>
      <c r="G16282" t="s">
        <v>80</v>
      </c>
      <c r="H16282" t="s">
        <v>81</v>
      </c>
      <c r="I16282" s="2">
        <v>0</v>
      </c>
      <c r="J16282" s="2">
        <v>1</v>
      </c>
      <c r="K16282" s="2">
        <v>0</v>
      </c>
      <c r="L16282" t="s">
        <v>82</v>
      </c>
      <c r="M16282" t="s">
        <v>83</v>
      </c>
      <c r="N16282" t="s">
        <v>84</v>
      </c>
      <c r="O16282" t="s">
        <v>85</v>
      </c>
      <c r="P16282" t="s">
        <v>86</v>
      </c>
      <c r="Q16282">
        <v>213</v>
      </c>
      <c r="R16282">
        <v>217</v>
      </c>
      <c r="S16282">
        <v>222</v>
      </c>
      <c r="T16282">
        <v>226</v>
      </c>
      <c r="U16282">
        <v>231</v>
      </c>
      <c r="V16282">
        <v>235</v>
      </c>
      <c r="W16282">
        <v>240</v>
      </c>
      <c r="X16282">
        <v>245</v>
      </c>
      <c r="Y16282">
        <v>249</v>
      </c>
      <c r="Z16282">
        <v>254</v>
      </c>
      <c r="AA16282">
        <v>259</v>
      </c>
      <c r="AB16282">
        <v>263</v>
      </c>
      <c r="AC16282">
        <v>266</v>
      </c>
      <c r="AD16282">
        <v>270</v>
      </c>
      <c r="AE16282">
        <v>273</v>
      </c>
      <c r="AF16282">
        <v>277</v>
      </c>
      <c r="AG16282">
        <v>280</v>
      </c>
      <c r="AH16282">
        <v>284</v>
      </c>
      <c r="AI16282">
        <v>287</v>
      </c>
      <c r="AJ16282">
        <v>291</v>
      </c>
      <c r="AK16282">
        <v>294</v>
      </c>
      <c r="AL16282">
        <v>297</v>
      </c>
      <c r="AM16282">
        <v>299</v>
      </c>
      <c r="AN16282">
        <v>301</v>
      </c>
      <c r="AO16282">
        <v>303</v>
      </c>
      <c r="AP16282">
        <v>305</v>
      </c>
      <c r="AQ16282">
        <v>307</v>
      </c>
    </row>
    <row r="16283" spans="1:43">
      <c r="A16283" t="s">
        <v>10108</v>
      </c>
      <c r="B16283" t="s">
        <v>10109</v>
      </c>
      <c r="C16283" t="s">
        <v>10100</v>
      </c>
      <c r="D16283" t="s">
        <v>10101</v>
      </c>
      <c r="E16283" t="s">
        <v>9956</v>
      </c>
      <c r="F16283" t="s">
        <v>9957</v>
      </c>
      <c r="G16283" t="s">
        <v>80</v>
      </c>
      <c r="H16283" t="s">
        <v>81</v>
      </c>
      <c r="I16283" s="2">
        <v>0</v>
      </c>
      <c r="J16283" s="2">
        <v>1</v>
      </c>
      <c r="K16283" s="2">
        <v>0</v>
      </c>
      <c r="L16283" t="s">
        <v>82</v>
      </c>
      <c r="M16283" t="s">
        <v>87</v>
      </c>
      <c r="N16283" t="s">
        <v>88</v>
      </c>
      <c r="O16283" t="s">
        <v>85</v>
      </c>
      <c r="P16283" t="s">
        <v>86</v>
      </c>
      <c r="Q16283">
        <v>213</v>
      </c>
      <c r="R16283">
        <v>215</v>
      </c>
      <c r="S16283">
        <v>218</v>
      </c>
      <c r="T16283">
        <v>220</v>
      </c>
      <c r="U16283">
        <v>222</v>
      </c>
      <c r="V16283">
        <v>225</v>
      </c>
      <c r="W16283">
        <v>227</v>
      </c>
      <c r="X16283">
        <v>230</v>
      </c>
      <c r="Y16283">
        <v>232</v>
      </c>
      <c r="Z16283">
        <v>235</v>
      </c>
      <c r="AA16283">
        <v>238</v>
      </c>
      <c r="AB16283">
        <v>240</v>
      </c>
      <c r="AC16283">
        <v>243</v>
      </c>
      <c r="AD16283">
        <v>246</v>
      </c>
      <c r="AE16283">
        <v>249</v>
      </c>
      <c r="AF16283">
        <v>251</v>
      </c>
      <c r="AG16283">
        <v>254</v>
      </c>
      <c r="AH16283">
        <v>257</v>
      </c>
      <c r="AI16283">
        <v>260</v>
      </c>
      <c r="AJ16283">
        <v>263</v>
      </c>
      <c r="AK16283">
        <v>266</v>
      </c>
      <c r="AL16283">
        <v>269</v>
      </c>
      <c r="AM16283">
        <v>272</v>
      </c>
      <c r="AN16283">
        <v>275</v>
      </c>
      <c r="AO16283">
        <v>278</v>
      </c>
      <c r="AP16283">
        <v>281</v>
      </c>
      <c r="AQ16283">
        <v>284</v>
      </c>
    </row>
    <row r="16284" spans="1:43">
      <c r="A16284" t="s">
        <v>10108</v>
      </c>
      <c r="B16284" t="s">
        <v>10109</v>
      </c>
      <c r="C16284" t="s">
        <v>10100</v>
      </c>
      <c r="D16284" t="s">
        <v>10101</v>
      </c>
      <c r="E16284" t="s">
        <v>9956</v>
      </c>
      <c r="F16284" t="s">
        <v>9957</v>
      </c>
      <c r="G16284" t="s">
        <v>80</v>
      </c>
      <c r="H16284" t="s">
        <v>81</v>
      </c>
      <c r="I16284" s="2">
        <v>0</v>
      </c>
      <c r="J16284" s="2">
        <v>1</v>
      </c>
      <c r="K16284" s="2">
        <v>0</v>
      </c>
      <c r="L16284" t="s">
        <v>82</v>
      </c>
      <c r="M16284" t="s">
        <v>89</v>
      </c>
      <c r="N16284" t="s">
        <v>90</v>
      </c>
      <c r="O16284" t="s">
        <v>85</v>
      </c>
      <c r="P16284" t="s">
        <v>86</v>
      </c>
      <c r="Q16284">
        <v>213</v>
      </c>
      <c r="R16284">
        <v>219</v>
      </c>
      <c r="S16284">
        <v>225</v>
      </c>
      <c r="T16284">
        <v>232</v>
      </c>
      <c r="U16284">
        <v>238</v>
      </c>
      <c r="V16284">
        <v>244</v>
      </c>
      <c r="W16284">
        <v>250</v>
      </c>
      <c r="X16284">
        <v>255</v>
      </c>
      <c r="Y16284">
        <v>259</v>
      </c>
      <c r="Z16284">
        <v>263</v>
      </c>
      <c r="AA16284">
        <v>266</v>
      </c>
      <c r="AB16284">
        <v>270</v>
      </c>
      <c r="AC16284">
        <v>274</v>
      </c>
      <c r="AD16284">
        <v>278</v>
      </c>
      <c r="AE16284">
        <v>282</v>
      </c>
      <c r="AF16284">
        <v>284</v>
      </c>
      <c r="AG16284">
        <v>286</v>
      </c>
      <c r="AH16284">
        <v>288</v>
      </c>
      <c r="AI16284">
        <v>290</v>
      </c>
      <c r="AJ16284">
        <v>292</v>
      </c>
      <c r="AK16284">
        <v>294</v>
      </c>
      <c r="AL16284">
        <v>296</v>
      </c>
      <c r="AM16284">
        <v>298</v>
      </c>
      <c r="AN16284">
        <v>300</v>
      </c>
      <c r="AO16284">
        <v>302</v>
      </c>
      <c r="AP16284">
        <v>304</v>
      </c>
      <c r="AQ16284">
        <v>306</v>
      </c>
    </row>
    <row r="16285" spans="1:43">
      <c r="A16285" t="s">
        <v>10108</v>
      </c>
      <c r="B16285" t="s">
        <v>10109</v>
      </c>
      <c r="C16285" t="s">
        <v>10100</v>
      </c>
      <c r="D16285" t="s">
        <v>10101</v>
      </c>
      <c r="E16285" t="s">
        <v>9956</v>
      </c>
      <c r="F16285" t="s">
        <v>9957</v>
      </c>
      <c r="G16285" t="s">
        <v>80</v>
      </c>
      <c r="H16285" t="s">
        <v>81</v>
      </c>
      <c r="I16285" s="2">
        <v>0</v>
      </c>
      <c r="J16285" s="2">
        <v>1</v>
      </c>
      <c r="K16285" s="2">
        <v>0</v>
      </c>
      <c r="L16285" t="s">
        <v>82</v>
      </c>
      <c r="M16285" t="s">
        <v>83</v>
      </c>
      <c r="N16285" t="s">
        <v>91</v>
      </c>
      <c r="O16285" t="s">
        <v>85</v>
      </c>
      <c r="P16285" t="s">
        <v>86</v>
      </c>
      <c r="Q16285">
        <v>213</v>
      </c>
      <c r="R16285">
        <v>217</v>
      </c>
      <c r="S16285">
        <v>222</v>
      </c>
      <c r="T16285">
        <v>226</v>
      </c>
      <c r="U16285">
        <v>231</v>
      </c>
      <c r="V16285">
        <v>235</v>
      </c>
      <c r="W16285">
        <v>240</v>
      </c>
      <c r="X16285">
        <v>245</v>
      </c>
      <c r="Y16285">
        <v>249</v>
      </c>
      <c r="Z16285">
        <v>254</v>
      </c>
      <c r="AA16285">
        <v>259</v>
      </c>
      <c r="AB16285">
        <v>263</v>
      </c>
      <c r="AC16285">
        <v>266</v>
      </c>
      <c r="AD16285">
        <v>270</v>
      </c>
      <c r="AE16285">
        <v>273</v>
      </c>
      <c r="AF16285">
        <v>277</v>
      </c>
      <c r="AG16285">
        <v>280</v>
      </c>
      <c r="AH16285">
        <v>284</v>
      </c>
      <c r="AI16285">
        <v>287</v>
      </c>
      <c r="AJ16285">
        <v>291</v>
      </c>
      <c r="AK16285">
        <v>294</v>
      </c>
      <c r="AL16285">
        <v>297</v>
      </c>
      <c r="AM16285">
        <v>299</v>
      </c>
      <c r="AN16285">
        <v>301</v>
      </c>
      <c r="AO16285">
        <v>303</v>
      </c>
      <c r="AP16285">
        <v>305</v>
      </c>
      <c r="AQ16285">
        <v>307</v>
      </c>
    </row>
    <row r="16286" spans="1:43">
      <c r="A16286" t="s">
        <v>10110</v>
      </c>
      <c r="B16286" t="s">
        <v>10111</v>
      </c>
      <c r="C16286" t="s">
        <v>10100</v>
      </c>
      <c r="D16286" t="s">
        <v>10101</v>
      </c>
      <c r="E16286" t="s">
        <v>9956</v>
      </c>
      <c r="F16286" t="s">
        <v>9957</v>
      </c>
      <c r="G16286" t="s">
        <v>80</v>
      </c>
      <c r="H16286" t="s">
        <v>81</v>
      </c>
      <c r="I16286" s="2">
        <v>0</v>
      </c>
      <c r="J16286" s="2">
        <v>1</v>
      </c>
      <c r="K16286" s="2">
        <v>0</v>
      </c>
      <c r="L16286" t="s">
        <v>82</v>
      </c>
      <c r="M16286" t="s">
        <v>83</v>
      </c>
      <c r="N16286" t="s">
        <v>84</v>
      </c>
      <c r="O16286" t="s">
        <v>85</v>
      </c>
      <c r="P16286" t="s">
        <v>86</v>
      </c>
      <c r="Q16286">
        <v>225</v>
      </c>
      <c r="R16286">
        <v>230</v>
      </c>
      <c r="S16286">
        <v>235</v>
      </c>
      <c r="T16286">
        <v>240</v>
      </c>
      <c r="U16286">
        <v>245</v>
      </c>
      <c r="V16286">
        <v>250</v>
      </c>
      <c r="W16286">
        <v>255</v>
      </c>
      <c r="X16286">
        <v>260</v>
      </c>
      <c r="Y16286">
        <v>265</v>
      </c>
      <c r="Z16286">
        <v>271</v>
      </c>
      <c r="AA16286">
        <v>276</v>
      </c>
      <c r="AB16286">
        <v>281</v>
      </c>
      <c r="AC16286">
        <v>286</v>
      </c>
      <c r="AD16286">
        <v>291</v>
      </c>
      <c r="AE16286">
        <v>296</v>
      </c>
      <c r="AF16286">
        <v>302</v>
      </c>
      <c r="AG16286">
        <v>307</v>
      </c>
      <c r="AH16286">
        <v>312</v>
      </c>
      <c r="AI16286">
        <v>318</v>
      </c>
      <c r="AJ16286">
        <v>323</v>
      </c>
      <c r="AK16286">
        <v>329</v>
      </c>
      <c r="AL16286">
        <v>332</v>
      </c>
      <c r="AM16286">
        <v>335</v>
      </c>
      <c r="AN16286">
        <v>338</v>
      </c>
      <c r="AO16286">
        <v>341</v>
      </c>
      <c r="AP16286">
        <v>344</v>
      </c>
      <c r="AQ16286">
        <v>348</v>
      </c>
    </row>
    <row r="16287" spans="1:43">
      <c r="A16287" t="s">
        <v>10110</v>
      </c>
      <c r="B16287" t="s">
        <v>10111</v>
      </c>
      <c r="C16287" t="s">
        <v>10100</v>
      </c>
      <c r="D16287" t="s">
        <v>10101</v>
      </c>
      <c r="E16287" t="s">
        <v>9956</v>
      </c>
      <c r="F16287" t="s">
        <v>9957</v>
      </c>
      <c r="G16287" t="s">
        <v>80</v>
      </c>
      <c r="H16287" t="s">
        <v>81</v>
      </c>
      <c r="I16287" s="2">
        <v>0</v>
      </c>
      <c r="J16287" s="2">
        <v>1</v>
      </c>
      <c r="K16287" s="2">
        <v>0</v>
      </c>
      <c r="L16287" t="s">
        <v>82</v>
      </c>
      <c r="M16287" t="s">
        <v>87</v>
      </c>
      <c r="N16287" t="s">
        <v>88</v>
      </c>
      <c r="O16287" t="s">
        <v>85</v>
      </c>
      <c r="P16287" t="s">
        <v>86</v>
      </c>
      <c r="Q16287">
        <v>225</v>
      </c>
      <c r="R16287">
        <v>228</v>
      </c>
      <c r="S16287">
        <v>231</v>
      </c>
      <c r="T16287">
        <v>233</v>
      </c>
      <c r="U16287">
        <v>236</v>
      </c>
      <c r="V16287">
        <v>239</v>
      </c>
      <c r="W16287">
        <v>242</v>
      </c>
      <c r="X16287">
        <v>244</v>
      </c>
      <c r="Y16287">
        <v>247</v>
      </c>
      <c r="Z16287">
        <v>250</v>
      </c>
      <c r="AA16287">
        <v>253</v>
      </c>
      <c r="AB16287">
        <v>256</v>
      </c>
      <c r="AC16287">
        <v>259</v>
      </c>
      <c r="AD16287">
        <v>262</v>
      </c>
      <c r="AE16287">
        <v>266</v>
      </c>
      <c r="AF16287">
        <v>269</v>
      </c>
      <c r="AG16287">
        <v>272</v>
      </c>
      <c r="AH16287">
        <v>275</v>
      </c>
      <c r="AI16287">
        <v>278</v>
      </c>
      <c r="AJ16287">
        <v>282</v>
      </c>
      <c r="AK16287">
        <v>285</v>
      </c>
      <c r="AL16287">
        <v>288</v>
      </c>
      <c r="AM16287">
        <v>292</v>
      </c>
      <c r="AN16287">
        <v>295</v>
      </c>
      <c r="AO16287">
        <v>298</v>
      </c>
      <c r="AP16287">
        <v>302</v>
      </c>
      <c r="AQ16287">
        <v>305</v>
      </c>
    </row>
    <row r="16288" spans="1:43">
      <c r="A16288" t="s">
        <v>10110</v>
      </c>
      <c r="B16288" t="s">
        <v>10111</v>
      </c>
      <c r="C16288" t="s">
        <v>10100</v>
      </c>
      <c r="D16288" t="s">
        <v>10101</v>
      </c>
      <c r="E16288" t="s">
        <v>9956</v>
      </c>
      <c r="F16288" t="s">
        <v>9957</v>
      </c>
      <c r="G16288" t="s">
        <v>80</v>
      </c>
      <c r="H16288" t="s">
        <v>81</v>
      </c>
      <c r="I16288" s="2">
        <v>0</v>
      </c>
      <c r="J16288" s="2">
        <v>1</v>
      </c>
      <c r="K16288" s="2">
        <v>0</v>
      </c>
      <c r="L16288" t="s">
        <v>82</v>
      </c>
      <c r="M16288" t="s">
        <v>89</v>
      </c>
      <c r="N16288" t="s">
        <v>90</v>
      </c>
      <c r="O16288" t="s">
        <v>85</v>
      </c>
      <c r="P16288" t="s">
        <v>86</v>
      </c>
      <c r="Q16288">
        <v>225</v>
      </c>
      <c r="R16288">
        <v>232</v>
      </c>
      <c r="S16288">
        <v>239</v>
      </c>
      <c r="T16288">
        <v>246</v>
      </c>
      <c r="U16288">
        <v>253</v>
      </c>
      <c r="V16288">
        <v>259</v>
      </c>
      <c r="W16288">
        <v>266</v>
      </c>
      <c r="X16288">
        <v>272</v>
      </c>
      <c r="Y16288">
        <v>278</v>
      </c>
      <c r="Z16288">
        <v>284</v>
      </c>
      <c r="AA16288">
        <v>290</v>
      </c>
      <c r="AB16288">
        <v>296</v>
      </c>
      <c r="AC16288">
        <v>303</v>
      </c>
      <c r="AD16288">
        <v>309</v>
      </c>
      <c r="AE16288">
        <v>314</v>
      </c>
      <c r="AF16288">
        <v>317</v>
      </c>
      <c r="AG16288">
        <v>320</v>
      </c>
      <c r="AH16288">
        <v>323</v>
      </c>
      <c r="AI16288">
        <v>326</v>
      </c>
      <c r="AJ16288">
        <v>329</v>
      </c>
      <c r="AK16288">
        <v>331</v>
      </c>
      <c r="AL16288">
        <v>334</v>
      </c>
      <c r="AM16288">
        <v>337</v>
      </c>
      <c r="AN16288">
        <v>340</v>
      </c>
      <c r="AO16288">
        <v>343</v>
      </c>
      <c r="AP16288">
        <v>346</v>
      </c>
      <c r="AQ16288">
        <v>349</v>
      </c>
    </row>
    <row r="16289" spans="1:43">
      <c r="A16289" t="s">
        <v>10110</v>
      </c>
      <c r="B16289" t="s">
        <v>10111</v>
      </c>
      <c r="C16289" t="s">
        <v>10100</v>
      </c>
      <c r="D16289" t="s">
        <v>10101</v>
      </c>
      <c r="E16289" t="s">
        <v>9956</v>
      </c>
      <c r="F16289" t="s">
        <v>9957</v>
      </c>
      <c r="G16289" t="s">
        <v>80</v>
      </c>
      <c r="H16289" t="s">
        <v>81</v>
      </c>
      <c r="I16289" s="2">
        <v>0</v>
      </c>
      <c r="J16289" s="2">
        <v>1</v>
      </c>
      <c r="K16289" s="2">
        <v>0</v>
      </c>
      <c r="L16289" t="s">
        <v>82</v>
      </c>
      <c r="M16289" t="s">
        <v>83</v>
      </c>
      <c r="N16289" t="s">
        <v>91</v>
      </c>
      <c r="O16289" t="s">
        <v>85</v>
      </c>
      <c r="P16289" t="s">
        <v>86</v>
      </c>
      <c r="Q16289">
        <v>225</v>
      </c>
      <c r="R16289">
        <v>230</v>
      </c>
      <c r="S16289">
        <v>235</v>
      </c>
      <c r="T16289">
        <v>240</v>
      </c>
      <c r="U16289">
        <v>245</v>
      </c>
      <c r="V16289">
        <v>250</v>
      </c>
      <c r="W16289">
        <v>255</v>
      </c>
      <c r="X16289">
        <v>260</v>
      </c>
      <c r="Y16289">
        <v>265</v>
      </c>
      <c r="Z16289">
        <v>271</v>
      </c>
      <c r="AA16289">
        <v>276</v>
      </c>
      <c r="AB16289">
        <v>281</v>
      </c>
      <c r="AC16289">
        <v>286</v>
      </c>
      <c r="AD16289">
        <v>291</v>
      </c>
      <c r="AE16289">
        <v>296</v>
      </c>
      <c r="AF16289">
        <v>302</v>
      </c>
      <c r="AG16289">
        <v>307</v>
      </c>
      <c r="AH16289">
        <v>312</v>
      </c>
      <c r="AI16289">
        <v>318</v>
      </c>
      <c r="AJ16289">
        <v>323</v>
      </c>
      <c r="AK16289">
        <v>329</v>
      </c>
      <c r="AL16289">
        <v>332</v>
      </c>
      <c r="AM16289">
        <v>335</v>
      </c>
      <c r="AN16289">
        <v>338</v>
      </c>
      <c r="AO16289">
        <v>341</v>
      </c>
      <c r="AP16289">
        <v>344</v>
      </c>
      <c r="AQ16289">
        <v>348</v>
      </c>
    </row>
    <row r="16290" spans="1:43">
      <c r="A16290" t="s">
        <v>10112</v>
      </c>
      <c r="B16290" t="s">
        <v>10113</v>
      </c>
      <c r="C16290" t="s">
        <v>10114</v>
      </c>
      <c r="D16290" t="s">
        <v>10115</v>
      </c>
      <c r="E16290" t="s">
        <v>9956</v>
      </c>
      <c r="F16290" t="s">
        <v>9957</v>
      </c>
      <c r="G16290" t="s">
        <v>80</v>
      </c>
      <c r="H16290" t="s">
        <v>81</v>
      </c>
      <c r="I16290" s="2">
        <v>0</v>
      </c>
      <c r="J16290" s="2">
        <v>1</v>
      </c>
      <c r="K16290" s="2">
        <v>0</v>
      </c>
      <c r="L16290" t="s">
        <v>82</v>
      </c>
      <c r="M16290" t="s">
        <v>83</v>
      </c>
      <c r="N16290" t="s">
        <v>84</v>
      </c>
      <c r="O16290" t="s">
        <v>85</v>
      </c>
      <c r="P16290" t="s">
        <v>86</v>
      </c>
      <c r="Q16290">
        <v>39</v>
      </c>
      <c r="R16290">
        <v>39</v>
      </c>
      <c r="S16290">
        <v>40</v>
      </c>
      <c r="T16290">
        <v>41</v>
      </c>
      <c r="U16290">
        <v>42</v>
      </c>
      <c r="V16290">
        <v>43</v>
      </c>
      <c r="W16290">
        <v>44</v>
      </c>
      <c r="X16290">
        <v>45</v>
      </c>
      <c r="Y16290">
        <v>45</v>
      </c>
      <c r="Z16290">
        <v>46</v>
      </c>
      <c r="AA16290">
        <v>47</v>
      </c>
      <c r="AB16290">
        <v>48</v>
      </c>
      <c r="AC16290">
        <v>49</v>
      </c>
      <c r="AD16290">
        <v>50</v>
      </c>
      <c r="AE16290">
        <v>51</v>
      </c>
      <c r="AF16290">
        <v>52</v>
      </c>
      <c r="AG16290">
        <v>53</v>
      </c>
      <c r="AH16290">
        <v>54</v>
      </c>
      <c r="AI16290">
        <v>55</v>
      </c>
      <c r="AJ16290">
        <v>56</v>
      </c>
      <c r="AK16290">
        <v>57</v>
      </c>
      <c r="AL16290">
        <v>58</v>
      </c>
      <c r="AM16290">
        <v>58</v>
      </c>
      <c r="AN16290">
        <v>59</v>
      </c>
      <c r="AO16290">
        <v>59</v>
      </c>
      <c r="AP16290">
        <v>60</v>
      </c>
      <c r="AQ16290">
        <v>60</v>
      </c>
    </row>
    <row r="16291" spans="1:43">
      <c r="A16291" t="s">
        <v>10112</v>
      </c>
      <c r="B16291" t="s">
        <v>10113</v>
      </c>
      <c r="C16291" t="s">
        <v>10114</v>
      </c>
      <c r="D16291" t="s">
        <v>10115</v>
      </c>
      <c r="E16291" t="s">
        <v>9956</v>
      </c>
      <c r="F16291" t="s">
        <v>9957</v>
      </c>
      <c r="G16291" t="s">
        <v>80</v>
      </c>
      <c r="H16291" t="s">
        <v>81</v>
      </c>
      <c r="I16291" s="2">
        <v>0</v>
      </c>
      <c r="J16291" s="2">
        <v>1</v>
      </c>
      <c r="K16291" s="2">
        <v>0</v>
      </c>
      <c r="L16291" t="s">
        <v>82</v>
      </c>
      <c r="M16291" t="s">
        <v>87</v>
      </c>
      <c r="N16291" t="s">
        <v>88</v>
      </c>
      <c r="O16291" t="s">
        <v>85</v>
      </c>
      <c r="P16291" t="s">
        <v>86</v>
      </c>
      <c r="Q16291">
        <v>39</v>
      </c>
      <c r="R16291">
        <v>40</v>
      </c>
      <c r="S16291">
        <v>40</v>
      </c>
      <c r="T16291">
        <v>41</v>
      </c>
      <c r="U16291">
        <v>41</v>
      </c>
      <c r="V16291">
        <v>42</v>
      </c>
      <c r="W16291">
        <v>42</v>
      </c>
      <c r="X16291">
        <v>43</v>
      </c>
      <c r="Y16291">
        <v>43</v>
      </c>
      <c r="Z16291">
        <v>44</v>
      </c>
      <c r="AA16291">
        <v>44</v>
      </c>
      <c r="AB16291">
        <v>45</v>
      </c>
      <c r="AC16291">
        <v>45</v>
      </c>
      <c r="AD16291">
        <v>46</v>
      </c>
      <c r="AE16291">
        <v>46</v>
      </c>
      <c r="AF16291">
        <v>47</v>
      </c>
      <c r="AG16291">
        <v>47</v>
      </c>
      <c r="AH16291">
        <v>48</v>
      </c>
      <c r="AI16291">
        <v>48</v>
      </c>
      <c r="AJ16291">
        <v>49</v>
      </c>
      <c r="AK16291">
        <v>50</v>
      </c>
      <c r="AL16291">
        <v>50</v>
      </c>
      <c r="AM16291">
        <v>51</v>
      </c>
      <c r="AN16291">
        <v>51</v>
      </c>
      <c r="AO16291">
        <v>52</v>
      </c>
      <c r="AP16291">
        <v>53</v>
      </c>
      <c r="AQ16291">
        <v>53</v>
      </c>
    </row>
    <row r="16292" spans="1:43">
      <c r="A16292" t="s">
        <v>10112</v>
      </c>
      <c r="B16292" t="s">
        <v>10113</v>
      </c>
      <c r="C16292" t="s">
        <v>10114</v>
      </c>
      <c r="D16292" t="s">
        <v>10115</v>
      </c>
      <c r="E16292" t="s">
        <v>9956</v>
      </c>
      <c r="F16292" t="s">
        <v>9957</v>
      </c>
      <c r="G16292" t="s">
        <v>80</v>
      </c>
      <c r="H16292" t="s">
        <v>81</v>
      </c>
      <c r="I16292" s="2">
        <v>0</v>
      </c>
      <c r="J16292" s="2">
        <v>1</v>
      </c>
      <c r="K16292" s="2">
        <v>0</v>
      </c>
      <c r="L16292" t="s">
        <v>82</v>
      </c>
      <c r="M16292" t="s">
        <v>89</v>
      </c>
      <c r="N16292" t="s">
        <v>90</v>
      </c>
      <c r="O16292" t="s">
        <v>85</v>
      </c>
      <c r="P16292" t="s">
        <v>86</v>
      </c>
      <c r="Q16292">
        <v>39</v>
      </c>
      <c r="R16292">
        <v>40</v>
      </c>
      <c r="S16292">
        <v>41</v>
      </c>
      <c r="T16292">
        <v>42</v>
      </c>
      <c r="U16292">
        <v>44</v>
      </c>
      <c r="V16292">
        <v>45</v>
      </c>
      <c r="W16292">
        <v>46</v>
      </c>
      <c r="X16292">
        <v>47</v>
      </c>
      <c r="Y16292">
        <v>48</v>
      </c>
      <c r="Z16292">
        <v>49</v>
      </c>
      <c r="AA16292">
        <v>50</v>
      </c>
      <c r="AB16292">
        <v>52</v>
      </c>
      <c r="AC16292">
        <v>53</v>
      </c>
      <c r="AD16292">
        <v>54</v>
      </c>
      <c r="AE16292">
        <v>55</v>
      </c>
      <c r="AF16292">
        <v>55</v>
      </c>
      <c r="AG16292">
        <v>56</v>
      </c>
      <c r="AH16292">
        <v>56</v>
      </c>
      <c r="AI16292">
        <v>57</v>
      </c>
      <c r="AJ16292">
        <v>57</v>
      </c>
      <c r="AK16292">
        <v>58</v>
      </c>
      <c r="AL16292">
        <v>58</v>
      </c>
      <c r="AM16292">
        <v>59</v>
      </c>
      <c r="AN16292">
        <v>59</v>
      </c>
      <c r="AO16292">
        <v>60</v>
      </c>
      <c r="AP16292">
        <v>60</v>
      </c>
      <c r="AQ16292">
        <v>61</v>
      </c>
    </row>
    <row r="16293" spans="1:43">
      <c r="A16293" t="s">
        <v>10112</v>
      </c>
      <c r="B16293" t="s">
        <v>10113</v>
      </c>
      <c r="C16293" t="s">
        <v>10114</v>
      </c>
      <c r="D16293" t="s">
        <v>10115</v>
      </c>
      <c r="E16293" t="s">
        <v>9956</v>
      </c>
      <c r="F16293" t="s">
        <v>9957</v>
      </c>
      <c r="G16293" t="s">
        <v>80</v>
      </c>
      <c r="H16293" t="s">
        <v>81</v>
      </c>
      <c r="I16293" s="2">
        <v>0</v>
      </c>
      <c r="J16293" s="2">
        <v>1</v>
      </c>
      <c r="K16293" s="2">
        <v>0</v>
      </c>
      <c r="L16293" t="s">
        <v>82</v>
      </c>
      <c r="M16293" t="s">
        <v>83</v>
      </c>
      <c r="N16293" t="s">
        <v>91</v>
      </c>
      <c r="O16293" t="s">
        <v>85</v>
      </c>
      <c r="P16293" t="s">
        <v>86</v>
      </c>
      <c r="Q16293">
        <v>39</v>
      </c>
      <c r="R16293">
        <v>39</v>
      </c>
      <c r="S16293">
        <v>40</v>
      </c>
      <c r="T16293">
        <v>41</v>
      </c>
      <c r="U16293">
        <v>42</v>
      </c>
      <c r="V16293">
        <v>43</v>
      </c>
      <c r="W16293">
        <v>44</v>
      </c>
      <c r="X16293">
        <v>45</v>
      </c>
      <c r="Y16293">
        <v>45</v>
      </c>
      <c r="Z16293">
        <v>46</v>
      </c>
      <c r="AA16293">
        <v>47</v>
      </c>
      <c r="AB16293">
        <v>48</v>
      </c>
      <c r="AC16293">
        <v>49</v>
      </c>
      <c r="AD16293">
        <v>50</v>
      </c>
      <c r="AE16293">
        <v>51</v>
      </c>
      <c r="AF16293">
        <v>52</v>
      </c>
      <c r="AG16293">
        <v>53</v>
      </c>
      <c r="AH16293">
        <v>54</v>
      </c>
      <c r="AI16293">
        <v>55</v>
      </c>
      <c r="AJ16293">
        <v>56</v>
      </c>
      <c r="AK16293">
        <v>57</v>
      </c>
      <c r="AL16293">
        <v>58</v>
      </c>
      <c r="AM16293">
        <v>58</v>
      </c>
      <c r="AN16293">
        <v>59</v>
      </c>
      <c r="AO16293">
        <v>59</v>
      </c>
      <c r="AP16293">
        <v>60</v>
      </c>
      <c r="AQ16293">
        <v>60</v>
      </c>
    </row>
    <row r="16294" spans="1:43">
      <c r="A16294" t="s">
        <v>10116</v>
      </c>
      <c r="B16294" t="s">
        <v>10117</v>
      </c>
      <c r="C16294" t="s">
        <v>10114</v>
      </c>
      <c r="D16294" t="s">
        <v>10115</v>
      </c>
      <c r="E16294" t="s">
        <v>9956</v>
      </c>
      <c r="F16294" t="s">
        <v>9957</v>
      </c>
      <c r="G16294" t="s">
        <v>80</v>
      </c>
      <c r="H16294" t="s">
        <v>81</v>
      </c>
      <c r="I16294" s="2">
        <v>0</v>
      </c>
      <c r="J16294" s="2">
        <v>1</v>
      </c>
      <c r="K16294" s="2">
        <v>0</v>
      </c>
      <c r="L16294" t="s">
        <v>82</v>
      </c>
      <c r="M16294" t="s">
        <v>83</v>
      </c>
      <c r="N16294" t="s">
        <v>84</v>
      </c>
      <c r="O16294" t="s">
        <v>85</v>
      </c>
      <c r="P16294" t="s">
        <v>86</v>
      </c>
      <c r="Q16294">
        <v>34</v>
      </c>
      <c r="R16294">
        <v>35</v>
      </c>
      <c r="S16294">
        <v>35</v>
      </c>
      <c r="T16294">
        <v>36</v>
      </c>
      <c r="U16294">
        <v>37</v>
      </c>
      <c r="V16294">
        <v>38</v>
      </c>
      <c r="W16294">
        <v>38</v>
      </c>
      <c r="X16294">
        <v>39</v>
      </c>
      <c r="Y16294">
        <v>40</v>
      </c>
      <c r="Z16294">
        <v>41</v>
      </c>
      <c r="AA16294">
        <v>42</v>
      </c>
      <c r="AB16294">
        <v>42</v>
      </c>
      <c r="AC16294">
        <v>43</v>
      </c>
      <c r="AD16294">
        <v>44</v>
      </c>
      <c r="AE16294">
        <v>45</v>
      </c>
      <c r="AF16294">
        <v>46</v>
      </c>
      <c r="AG16294">
        <v>47</v>
      </c>
      <c r="AH16294">
        <v>47</v>
      </c>
      <c r="AI16294">
        <v>48</v>
      </c>
      <c r="AJ16294">
        <v>49</v>
      </c>
      <c r="AK16294">
        <v>50</v>
      </c>
      <c r="AL16294">
        <v>51</v>
      </c>
      <c r="AM16294">
        <v>51</v>
      </c>
      <c r="AN16294">
        <v>51</v>
      </c>
      <c r="AO16294">
        <v>52</v>
      </c>
      <c r="AP16294">
        <v>52</v>
      </c>
      <c r="AQ16294">
        <v>53</v>
      </c>
    </row>
    <row r="16295" spans="1:43">
      <c r="A16295" t="s">
        <v>10116</v>
      </c>
      <c r="B16295" t="s">
        <v>10117</v>
      </c>
      <c r="C16295" t="s">
        <v>10114</v>
      </c>
      <c r="D16295" t="s">
        <v>10115</v>
      </c>
      <c r="E16295" t="s">
        <v>9956</v>
      </c>
      <c r="F16295" t="s">
        <v>9957</v>
      </c>
      <c r="G16295" t="s">
        <v>80</v>
      </c>
      <c r="H16295" t="s">
        <v>81</v>
      </c>
      <c r="I16295" s="2">
        <v>0</v>
      </c>
      <c r="J16295" s="2">
        <v>1</v>
      </c>
      <c r="K16295" s="2">
        <v>0</v>
      </c>
      <c r="L16295" t="s">
        <v>82</v>
      </c>
      <c r="M16295" t="s">
        <v>87</v>
      </c>
      <c r="N16295" t="s">
        <v>88</v>
      </c>
      <c r="O16295" t="s">
        <v>85</v>
      </c>
      <c r="P16295" t="s">
        <v>86</v>
      </c>
      <c r="Q16295">
        <v>34</v>
      </c>
      <c r="R16295">
        <v>34</v>
      </c>
      <c r="S16295">
        <v>35</v>
      </c>
      <c r="T16295">
        <v>35</v>
      </c>
      <c r="U16295">
        <v>35</v>
      </c>
      <c r="V16295">
        <v>36</v>
      </c>
      <c r="W16295">
        <v>36</v>
      </c>
      <c r="X16295">
        <v>37</v>
      </c>
      <c r="Y16295">
        <v>37</v>
      </c>
      <c r="Z16295">
        <v>37</v>
      </c>
      <c r="AA16295">
        <v>38</v>
      </c>
      <c r="AB16295">
        <v>38</v>
      </c>
      <c r="AC16295">
        <v>39</v>
      </c>
      <c r="AD16295">
        <v>39</v>
      </c>
      <c r="AE16295">
        <v>40</v>
      </c>
      <c r="AF16295">
        <v>40</v>
      </c>
      <c r="AG16295">
        <v>41</v>
      </c>
      <c r="AH16295">
        <v>41</v>
      </c>
      <c r="AI16295">
        <v>42</v>
      </c>
      <c r="AJ16295">
        <v>42</v>
      </c>
      <c r="AK16295">
        <v>43</v>
      </c>
      <c r="AL16295">
        <v>43</v>
      </c>
      <c r="AM16295">
        <v>44</v>
      </c>
      <c r="AN16295">
        <v>44</v>
      </c>
      <c r="AO16295">
        <v>45</v>
      </c>
      <c r="AP16295">
        <v>45</v>
      </c>
      <c r="AQ16295">
        <v>46</v>
      </c>
    </row>
    <row r="16296" spans="1:43">
      <c r="A16296" t="s">
        <v>10116</v>
      </c>
      <c r="B16296" t="s">
        <v>10117</v>
      </c>
      <c r="C16296" t="s">
        <v>10114</v>
      </c>
      <c r="D16296" t="s">
        <v>10115</v>
      </c>
      <c r="E16296" t="s">
        <v>9956</v>
      </c>
      <c r="F16296" t="s">
        <v>9957</v>
      </c>
      <c r="G16296" t="s">
        <v>80</v>
      </c>
      <c r="H16296" t="s">
        <v>81</v>
      </c>
      <c r="I16296" s="2">
        <v>0</v>
      </c>
      <c r="J16296" s="2">
        <v>1</v>
      </c>
      <c r="K16296" s="2">
        <v>0</v>
      </c>
      <c r="L16296" t="s">
        <v>82</v>
      </c>
      <c r="M16296" t="s">
        <v>89</v>
      </c>
      <c r="N16296" t="s">
        <v>90</v>
      </c>
      <c r="O16296" t="s">
        <v>85</v>
      </c>
      <c r="P16296" t="s">
        <v>86</v>
      </c>
      <c r="Q16296">
        <v>34</v>
      </c>
      <c r="R16296">
        <v>35</v>
      </c>
      <c r="S16296">
        <v>36</v>
      </c>
      <c r="T16296">
        <v>37</v>
      </c>
      <c r="U16296">
        <v>38</v>
      </c>
      <c r="V16296">
        <v>39</v>
      </c>
      <c r="W16296">
        <v>40</v>
      </c>
      <c r="X16296">
        <v>41</v>
      </c>
      <c r="Y16296">
        <v>42</v>
      </c>
      <c r="Z16296">
        <v>43</v>
      </c>
      <c r="AA16296">
        <v>44</v>
      </c>
      <c r="AB16296">
        <v>45</v>
      </c>
      <c r="AC16296">
        <v>46</v>
      </c>
      <c r="AD16296">
        <v>47</v>
      </c>
      <c r="AE16296">
        <v>48</v>
      </c>
      <c r="AF16296">
        <v>49</v>
      </c>
      <c r="AG16296">
        <v>49</v>
      </c>
      <c r="AH16296">
        <v>49</v>
      </c>
      <c r="AI16296">
        <v>50</v>
      </c>
      <c r="AJ16296">
        <v>50</v>
      </c>
      <c r="AK16296">
        <v>51</v>
      </c>
      <c r="AL16296">
        <v>51</v>
      </c>
      <c r="AM16296">
        <v>51</v>
      </c>
      <c r="AN16296">
        <v>52</v>
      </c>
      <c r="AO16296">
        <v>52</v>
      </c>
      <c r="AP16296">
        <v>53</v>
      </c>
      <c r="AQ16296">
        <v>53</v>
      </c>
    </row>
    <row r="16297" spans="1:43">
      <c r="A16297" t="s">
        <v>10116</v>
      </c>
      <c r="B16297" t="s">
        <v>10117</v>
      </c>
      <c r="C16297" t="s">
        <v>10114</v>
      </c>
      <c r="D16297" t="s">
        <v>10115</v>
      </c>
      <c r="E16297" t="s">
        <v>9956</v>
      </c>
      <c r="F16297" t="s">
        <v>9957</v>
      </c>
      <c r="G16297" t="s">
        <v>80</v>
      </c>
      <c r="H16297" t="s">
        <v>81</v>
      </c>
      <c r="I16297" s="2">
        <v>0</v>
      </c>
      <c r="J16297" s="2">
        <v>1</v>
      </c>
      <c r="K16297" s="2">
        <v>0</v>
      </c>
      <c r="L16297" t="s">
        <v>82</v>
      </c>
      <c r="M16297" t="s">
        <v>83</v>
      </c>
      <c r="N16297" t="s">
        <v>91</v>
      </c>
      <c r="O16297" t="s">
        <v>85</v>
      </c>
      <c r="P16297" t="s">
        <v>86</v>
      </c>
      <c r="Q16297">
        <v>34</v>
      </c>
      <c r="R16297">
        <v>35</v>
      </c>
      <c r="S16297">
        <v>35</v>
      </c>
      <c r="T16297">
        <v>36</v>
      </c>
      <c r="U16297">
        <v>37</v>
      </c>
      <c r="V16297">
        <v>38</v>
      </c>
      <c r="W16297">
        <v>38</v>
      </c>
      <c r="X16297">
        <v>39</v>
      </c>
      <c r="Y16297">
        <v>40</v>
      </c>
      <c r="Z16297">
        <v>41</v>
      </c>
      <c r="AA16297">
        <v>42</v>
      </c>
      <c r="AB16297">
        <v>42</v>
      </c>
      <c r="AC16297">
        <v>43</v>
      </c>
      <c r="AD16297">
        <v>44</v>
      </c>
      <c r="AE16297">
        <v>45</v>
      </c>
      <c r="AF16297">
        <v>46</v>
      </c>
      <c r="AG16297">
        <v>47</v>
      </c>
      <c r="AH16297">
        <v>47</v>
      </c>
      <c r="AI16297">
        <v>48</v>
      </c>
      <c r="AJ16297">
        <v>49</v>
      </c>
      <c r="AK16297">
        <v>50</v>
      </c>
      <c r="AL16297">
        <v>51</v>
      </c>
      <c r="AM16297">
        <v>51</v>
      </c>
      <c r="AN16297">
        <v>51</v>
      </c>
      <c r="AO16297">
        <v>52</v>
      </c>
      <c r="AP16297">
        <v>52</v>
      </c>
      <c r="AQ16297">
        <v>53</v>
      </c>
    </row>
    <row r="16298" spans="1:43">
      <c r="A16298" t="s">
        <v>10118</v>
      </c>
      <c r="B16298" t="s">
        <v>10119</v>
      </c>
      <c r="C16298" t="s">
        <v>10114</v>
      </c>
      <c r="D16298" t="s">
        <v>10115</v>
      </c>
      <c r="E16298" t="s">
        <v>9956</v>
      </c>
      <c r="F16298" t="s">
        <v>9957</v>
      </c>
      <c r="G16298" t="s">
        <v>80</v>
      </c>
      <c r="H16298" t="s">
        <v>81</v>
      </c>
      <c r="I16298" s="2">
        <v>0</v>
      </c>
      <c r="J16298" s="2">
        <v>1</v>
      </c>
      <c r="K16298" s="2">
        <v>0</v>
      </c>
      <c r="L16298" t="s">
        <v>82</v>
      </c>
      <c r="M16298" t="s">
        <v>83</v>
      </c>
      <c r="N16298" t="s">
        <v>84</v>
      </c>
      <c r="O16298" t="s">
        <v>85</v>
      </c>
      <c r="P16298" t="s">
        <v>86</v>
      </c>
      <c r="Q16298">
        <v>41</v>
      </c>
      <c r="R16298">
        <v>42</v>
      </c>
      <c r="S16298">
        <v>43</v>
      </c>
      <c r="T16298">
        <v>44</v>
      </c>
      <c r="U16298">
        <v>45</v>
      </c>
      <c r="V16298">
        <v>46</v>
      </c>
      <c r="W16298">
        <v>47</v>
      </c>
      <c r="X16298">
        <v>48</v>
      </c>
      <c r="Y16298">
        <v>49</v>
      </c>
      <c r="Z16298">
        <v>50</v>
      </c>
      <c r="AA16298">
        <v>51</v>
      </c>
      <c r="AB16298">
        <v>52</v>
      </c>
      <c r="AC16298">
        <v>53</v>
      </c>
      <c r="AD16298">
        <v>54</v>
      </c>
      <c r="AE16298">
        <v>55</v>
      </c>
      <c r="AF16298">
        <v>56</v>
      </c>
      <c r="AG16298">
        <v>57</v>
      </c>
      <c r="AH16298">
        <v>58</v>
      </c>
      <c r="AI16298">
        <v>59</v>
      </c>
      <c r="AJ16298">
        <v>60</v>
      </c>
      <c r="AK16298">
        <v>61</v>
      </c>
      <c r="AL16298">
        <v>61</v>
      </c>
      <c r="AM16298">
        <v>62</v>
      </c>
      <c r="AN16298">
        <v>62</v>
      </c>
      <c r="AO16298">
        <v>63</v>
      </c>
      <c r="AP16298">
        <v>64</v>
      </c>
      <c r="AQ16298">
        <v>64</v>
      </c>
    </row>
    <row r="16299" spans="1:43">
      <c r="A16299" t="s">
        <v>10118</v>
      </c>
      <c r="B16299" t="s">
        <v>10119</v>
      </c>
      <c r="C16299" t="s">
        <v>10114</v>
      </c>
      <c r="D16299" t="s">
        <v>10115</v>
      </c>
      <c r="E16299" t="s">
        <v>9956</v>
      </c>
      <c r="F16299" t="s">
        <v>9957</v>
      </c>
      <c r="G16299" t="s">
        <v>80</v>
      </c>
      <c r="H16299" t="s">
        <v>81</v>
      </c>
      <c r="I16299" s="2">
        <v>0</v>
      </c>
      <c r="J16299" s="2">
        <v>1</v>
      </c>
      <c r="K16299" s="2">
        <v>0</v>
      </c>
      <c r="L16299" t="s">
        <v>82</v>
      </c>
      <c r="M16299" t="s">
        <v>87</v>
      </c>
      <c r="N16299" t="s">
        <v>88</v>
      </c>
      <c r="O16299" t="s">
        <v>85</v>
      </c>
      <c r="P16299" t="s">
        <v>86</v>
      </c>
      <c r="Q16299">
        <v>41</v>
      </c>
      <c r="R16299">
        <v>41</v>
      </c>
      <c r="S16299">
        <v>42</v>
      </c>
      <c r="T16299">
        <v>42</v>
      </c>
      <c r="U16299">
        <v>43</v>
      </c>
      <c r="V16299">
        <v>43</v>
      </c>
      <c r="W16299">
        <v>44</v>
      </c>
      <c r="X16299">
        <v>44</v>
      </c>
      <c r="Y16299">
        <v>45</v>
      </c>
      <c r="Z16299">
        <v>46</v>
      </c>
      <c r="AA16299">
        <v>46</v>
      </c>
      <c r="AB16299">
        <v>47</v>
      </c>
      <c r="AC16299">
        <v>47</v>
      </c>
      <c r="AD16299">
        <v>48</v>
      </c>
      <c r="AE16299">
        <v>48</v>
      </c>
      <c r="AF16299">
        <v>49</v>
      </c>
      <c r="AG16299">
        <v>49</v>
      </c>
      <c r="AH16299">
        <v>50</v>
      </c>
      <c r="AI16299">
        <v>51</v>
      </c>
      <c r="AJ16299">
        <v>51</v>
      </c>
      <c r="AK16299">
        <v>52</v>
      </c>
      <c r="AL16299">
        <v>53</v>
      </c>
      <c r="AM16299">
        <v>53</v>
      </c>
      <c r="AN16299">
        <v>54</v>
      </c>
      <c r="AO16299">
        <v>54</v>
      </c>
      <c r="AP16299">
        <v>55</v>
      </c>
      <c r="AQ16299">
        <v>56</v>
      </c>
    </row>
    <row r="16300" spans="1:43">
      <c r="A16300" t="s">
        <v>10118</v>
      </c>
      <c r="B16300" t="s">
        <v>10119</v>
      </c>
      <c r="C16300" t="s">
        <v>10114</v>
      </c>
      <c r="D16300" t="s">
        <v>10115</v>
      </c>
      <c r="E16300" t="s">
        <v>9956</v>
      </c>
      <c r="F16300" t="s">
        <v>9957</v>
      </c>
      <c r="G16300" t="s">
        <v>80</v>
      </c>
      <c r="H16300" t="s">
        <v>81</v>
      </c>
      <c r="I16300" s="2">
        <v>0</v>
      </c>
      <c r="J16300" s="2">
        <v>1</v>
      </c>
      <c r="K16300" s="2">
        <v>0</v>
      </c>
      <c r="L16300" t="s">
        <v>82</v>
      </c>
      <c r="M16300" t="s">
        <v>89</v>
      </c>
      <c r="N16300" t="s">
        <v>90</v>
      </c>
      <c r="O16300" t="s">
        <v>85</v>
      </c>
      <c r="P16300" t="s">
        <v>86</v>
      </c>
      <c r="Q16300">
        <v>41</v>
      </c>
      <c r="R16300">
        <v>42</v>
      </c>
      <c r="S16300">
        <v>43</v>
      </c>
      <c r="T16300">
        <v>44</v>
      </c>
      <c r="U16300">
        <v>46</v>
      </c>
      <c r="V16300">
        <v>47</v>
      </c>
      <c r="W16300">
        <v>48</v>
      </c>
      <c r="X16300">
        <v>49</v>
      </c>
      <c r="Y16300">
        <v>51</v>
      </c>
      <c r="Z16300">
        <v>52</v>
      </c>
      <c r="AA16300">
        <v>53</v>
      </c>
      <c r="AB16300">
        <v>54</v>
      </c>
      <c r="AC16300">
        <v>55</v>
      </c>
      <c r="AD16300">
        <v>57</v>
      </c>
      <c r="AE16300">
        <v>57</v>
      </c>
      <c r="AF16300">
        <v>58</v>
      </c>
      <c r="AG16300">
        <v>58</v>
      </c>
      <c r="AH16300">
        <v>59</v>
      </c>
      <c r="AI16300">
        <v>59</v>
      </c>
      <c r="AJ16300">
        <v>60</v>
      </c>
      <c r="AK16300">
        <v>60</v>
      </c>
      <c r="AL16300">
        <v>61</v>
      </c>
      <c r="AM16300">
        <v>61</v>
      </c>
      <c r="AN16300">
        <v>62</v>
      </c>
      <c r="AO16300">
        <v>62</v>
      </c>
      <c r="AP16300">
        <v>63</v>
      </c>
      <c r="AQ16300">
        <v>63</v>
      </c>
    </row>
    <row r="16301" spans="1:43">
      <c r="A16301" t="s">
        <v>10118</v>
      </c>
      <c r="B16301" t="s">
        <v>10119</v>
      </c>
      <c r="C16301" t="s">
        <v>10114</v>
      </c>
      <c r="D16301" t="s">
        <v>10115</v>
      </c>
      <c r="E16301" t="s">
        <v>9956</v>
      </c>
      <c r="F16301" t="s">
        <v>9957</v>
      </c>
      <c r="G16301" t="s">
        <v>80</v>
      </c>
      <c r="H16301" t="s">
        <v>81</v>
      </c>
      <c r="I16301" s="2">
        <v>0</v>
      </c>
      <c r="J16301" s="2">
        <v>1</v>
      </c>
      <c r="K16301" s="2">
        <v>0</v>
      </c>
      <c r="L16301" t="s">
        <v>82</v>
      </c>
      <c r="M16301" t="s">
        <v>83</v>
      </c>
      <c r="N16301" t="s">
        <v>91</v>
      </c>
      <c r="O16301" t="s">
        <v>85</v>
      </c>
      <c r="P16301" t="s">
        <v>86</v>
      </c>
      <c r="Q16301">
        <v>41</v>
      </c>
      <c r="R16301">
        <v>42</v>
      </c>
      <c r="S16301">
        <v>43</v>
      </c>
      <c r="T16301">
        <v>44</v>
      </c>
      <c r="U16301">
        <v>45</v>
      </c>
      <c r="V16301">
        <v>46</v>
      </c>
      <c r="W16301">
        <v>47</v>
      </c>
      <c r="X16301">
        <v>48</v>
      </c>
      <c r="Y16301">
        <v>49</v>
      </c>
      <c r="Z16301">
        <v>50</v>
      </c>
      <c r="AA16301">
        <v>51</v>
      </c>
      <c r="AB16301">
        <v>52</v>
      </c>
      <c r="AC16301">
        <v>53</v>
      </c>
      <c r="AD16301">
        <v>54</v>
      </c>
      <c r="AE16301">
        <v>55</v>
      </c>
      <c r="AF16301">
        <v>56</v>
      </c>
      <c r="AG16301">
        <v>57</v>
      </c>
      <c r="AH16301">
        <v>58</v>
      </c>
      <c r="AI16301">
        <v>59</v>
      </c>
      <c r="AJ16301">
        <v>60</v>
      </c>
      <c r="AK16301">
        <v>61</v>
      </c>
      <c r="AL16301">
        <v>61</v>
      </c>
      <c r="AM16301">
        <v>62</v>
      </c>
      <c r="AN16301">
        <v>62</v>
      </c>
      <c r="AO16301">
        <v>63</v>
      </c>
      <c r="AP16301">
        <v>64</v>
      </c>
      <c r="AQ16301">
        <v>64</v>
      </c>
    </row>
    <row r="16302" spans="1:43">
      <c r="A16302" t="s">
        <v>10120</v>
      </c>
      <c r="B16302" t="s">
        <v>10121</v>
      </c>
      <c r="C16302" t="s">
        <v>10114</v>
      </c>
      <c r="D16302" t="s">
        <v>10115</v>
      </c>
      <c r="E16302" t="s">
        <v>9956</v>
      </c>
      <c r="F16302" t="s">
        <v>9957</v>
      </c>
      <c r="G16302" t="s">
        <v>80</v>
      </c>
      <c r="H16302" t="s">
        <v>81</v>
      </c>
      <c r="I16302" s="2">
        <v>0</v>
      </c>
      <c r="J16302" s="2">
        <v>1</v>
      </c>
      <c r="K16302" s="2">
        <v>0</v>
      </c>
      <c r="L16302" t="s">
        <v>82</v>
      </c>
      <c r="M16302" t="s">
        <v>83</v>
      </c>
      <c r="N16302" t="s">
        <v>84</v>
      </c>
      <c r="O16302" t="s">
        <v>85</v>
      </c>
      <c r="P16302" t="s">
        <v>86</v>
      </c>
      <c r="Q16302">
        <v>32</v>
      </c>
      <c r="R16302">
        <v>32</v>
      </c>
      <c r="S16302">
        <v>33</v>
      </c>
      <c r="T16302">
        <v>34</v>
      </c>
      <c r="U16302">
        <v>34</v>
      </c>
      <c r="V16302">
        <v>35</v>
      </c>
      <c r="W16302">
        <v>36</v>
      </c>
      <c r="X16302">
        <v>36</v>
      </c>
      <c r="Y16302">
        <v>37</v>
      </c>
      <c r="Z16302">
        <v>38</v>
      </c>
      <c r="AA16302">
        <v>39</v>
      </c>
      <c r="AB16302">
        <v>39</v>
      </c>
      <c r="AC16302">
        <v>40</v>
      </c>
      <c r="AD16302">
        <v>41</v>
      </c>
      <c r="AE16302">
        <v>42</v>
      </c>
      <c r="AF16302">
        <v>42</v>
      </c>
      <c r="AG16302">
        <v>43</v>
      </c>
      <c r="AH16302">
        <v>44</v>
      </c>
      <c r="AI16302">
        <v>45</v>
      </c>
      <c r="AJ16302">
        <v>46</v>
      </c>
      <c r="AK16302">
        <v>46</v>
      </c>
      <c r="AL16302">
        <v>47</v>
      </c>
      <c r="AM16302">
        <v>47</v>
      </c>
      <c r="AN16302">
        <v>48</v>
      </c>
      <c r="AO16302">
        <v>48</v>
      </c>
      <c r="AP16302">
        <v>49</v>
      </c>
      <c r="AQ16302">
        <v>49</v>
      </c>
    </row>
    <row r="16303" spans="1:43">
      <c r="A16303" t="s">
        <v>10120</v>
      </c>
      <c r="B16303" t="s">
        <v>10121</v>
      </c>
      <c r="C16303" t="s">
        <v>10114</v>
      </c>
      <c r="D16303" t="s">
        <v>10115</v>
      </c>
      <c r="E16303" t="s">
        <v>9956</v>
      </c>
      <c r="F16303" t="s">
        <v>9957</v>
      </c>
      <c r="G16303" t="s">
        <v>80</v>
      </c>
      <c r="H16303" t="s">
        <v>81</v>
      </c>
      <c r="I16303" s="2">
        <v>0</v>
      </c>
      <c r="J16303" s="2">
        <v>1</v>
      </c>
      <c r="K16303" s="2">
        <v>0</v>
      </c>
      <c r="L16303" t="s">
        <v>82</v>
      </c>
      <c r="M16303" t="s">
        <v>87</v>
      </c>
      <c r="N16303" t="s">
        <v>88</v>
      </c>
      <c r="O16303" t="s">
        <v>85</v>
      </c>
      <c r="P16303" t="s">
        <v>86</v>
      </c>
      <c r="Q16303">
        <v>32</v>
      </c>
      <c r="R16303">
        <v>33</v>
      </c>
      <c r="S16303">
        <v>33</v>
      </c>
      <c r="T16303">
        <v>33</v>
      </c>
      <c r="U16303">
        <v>34</v>
      </c>
      <c r="V16303">
        <v>34</v>
      </c>
      <c r="W16303">
        <v>35</v>
      </c>
      <c r="X16303">
        <v>35</v>
      </c>
      <c r="Y16303">
        <v>35</v>
      </c>
      <c r="Z16303">
        <v>36</v>
      </c>
      <c r="AA16303">
        <v>36</v>
      </c>
      <c r="AB16303">
        <v>37</v>
      </c>
      <c r="AC16303">
        <v>37</v>
      </c>
      <c r="AD16303">
        <v>37</v>
      </c>
      <c r="AE16303">
        <v>38</v>
      </c>
      <c r="AF16303">
        <v>38</v>
      </c>
      <c r="AG16303">
        <v>39</v>
      </c>
      <c r="AH16303">
        <v>39</v>
      </c>
      <c r="AI16303">
        <v>40</v>
      </c>
      <c r="AJ16303">
        <v>40</v>
      </c>
      <c r="AK16303">
        <v>41</v>
      </c>
      <c r="AL16303">
        <v>41</v>
      </c>
      <c r="AM16303">
        <v>42</v>
      </c>
      <c r="AN16303">
        <v>42</v>
      </c>
      <c r="AO16303">
        <v>43</v>
      </c>
      <c r="AP16303">
        <v>43</v>
      </c>
      <c r="AQ16303">
        <v>44</v>
      </c>
    </row>
    <row r="16304" spans="1:43">
      <c r="A16304" t="s">
        <v>10120</v>
      </c>
      <c r="B16304" t="s">
        <v>10121</v>
      </c>
      <c r="C16304" t="s">
        <v>10114</v>
      </c>
      <c r="D16304" t="s">
        <v>10115</v>
      </c>
      <c r="E16304" t="s">
        <v>9956</v>
      </c>
      <c r="F16304" t="s">
        <v>9957</v>
      </c>
      <c r="G16304" t="s">
        <v>80</v>
      </c>
      <c r="H16304" t="s">
        <v>81</v>
      </c>
      <c r="I16304" s="2">
        <v>0</v>
      </c>
      <c r="J16304" s="2">
        <v>1</v>
      </c>
      <c r="K16304" s="2">
        <v>0</v>
      </c>
      <c r="L16304" t="s">
        <v>82</v>
      </c>
      <c r="M16304" t="s">
        <v>89</v>
      </c>
      <c r="N16304" t="s">
        <v>90</v>
      </c>
      <c r="O16304" t="s">
        <v>85</v>
      </c>
      <c r="P16304" t="s">
        <v>86</v>
      </c>
      <c r="Q16304">
        <v>32</v>
      </c>
      <c r="R16304">
        <v>33</v>
      </c>
      <c r="S16304">
        <v>34</v>
      </c>
      <c r="T16304">
        <v>35</v>
      </c>
      <c r="U16304">
        <v>36</v>
      </c>
      <c r="V16304">
        <v>37</v>
      </c>
      <c r="W16304">
        <v>38</v>
      </c>
      <c r="X16304">
        <v>38</v>
      </c>
      <c r="Y16304">
        <v>39</v>
      </c>
      <c r="Z16304">
        <v>40</v>
      </c>
      <c r="AA16304">
        <v>41</v>
      </c>
      <c r="AB16304">
        <v>42</v>
      </c>
      <c r="AC16304">
        <v>43</v>
      </c>
      <c r="AD16304">
        <v>44</v>
      </c>
      <c r="AE16304">
        <v>45</v>
      </c>
      <c r="AF16304">
        <v>45</v>
      </c>
      <c r="AG16304">
        <v>45</v>
      </c>
      <c r="AH16304">
        <v>46</v>
      </c>
      <c r="AI16304">
        <v>46</v>
      </c>
      <c r="AJ16304">
        <v>47</v>
      </c>
      <c r="AK16304">
        <v>47</v>
      </c>
      <c r="AL16304">
        <v>47</v>
      </c>
      <c r="AM16304">
        <v>48</v>
      </c>
      <c r="AN16304">
        <v>48</v>
      </c>
      <c r="AO16304">
        <v>48</v>
      </c>
      <c r="AP16304">
        <v>49</v>
      </c>
      <c r="AQ16304">
        <v>49</v>
      </c>
    </row>
    <row r="16305" spans="1:43">
      <c r="A16305" t="s">
        <v>10120</v>
      </c>
      <c r="B16305" t="s">
        <v>10121</v>
      </c>
      <c r="C16305" t="s">
        <v>10114</v>
      </c>
      <c r="D16305" t="s">
        <v>10115</v>
      </c>
      <c r="E16305" t="s">
        <v>9956</v>
      </c>
      <c r="F16305" t="s">
        <v>9957</v>
      </c>
      <c r="G16305" t="s">
        <v>80</v>
      </c>
      <c r="H16305" t="s">
        <v>81</v>
      </c>
      <c r="I16305" s="2">
        <v>0</v>
      </c>
      <c r="J16305" s="2">
        <v>1</v>
      </c>
      <c r="K16305" s="2">
        <v>0</v>
      </c>
      <c r="L16305" t="s">
        <v>82</v>
      </c>
      <c r="M16305" t="s">
        <v>83</v>
      </c>
      <c r="N16305" t="s">
        <v>91</v>
      </c>
      <c r="O16305" t="s">
        <v>85</v>
      </c>
      <c r="P16305" t="s">
        <v>86</v>
      </c>
      <c r="Q16305">
        <v>32</v>
      </c>
      <c r="R16305">
        <v>32</v>
      </c>
      <c r="S16305">
        <v>33</v>
      </c>
      <c r="T16305">
        <v>34</v>
      </c>
      <c r="U16305">
        <v>34</v>
      </c>
      <c r="V16305">
        <v>35</v>
      </c>
      <c r="W16305">
        <v>36</v>
      </c>
      <c r="X16305">
        <v>36</v>
      </c>
      <c r="Y16305">
        <v>37</v>
      </c>
      <c r="Z16305">
        <v>38</v>
      </c>
      <c r="AA16305">
        <v>39</v>
      </c>
      <c r="AB16305">
        <v>39</v>
      </c>
      <c r="AC16305">
        <v>40</v>
      </c>
      <c r="AD16305">
        <v>41</v>
      </c>
      <c r="AE16305">
        <v>42</v>
      </c>
      <c r="AF16305">
        <v>42</v>
      </c>
      <c r="AG16305">
        <v>43</v>
      </c>
      <c r="AH16305">
        <v>44</v>
      </c>
      <c r="AI16305">
        <v>45</v>
      </c>
      <c r="AJ16305">
        <v>46</v>
      </c>
      <c r="AK16305">
        <v>46</v>
      </c>
      <c r="AL16305">
        <v>47</v>
      </c>
      <c r="AM16305">
        <v>47</v>
      </c>
      <c r="AN16305">
        <v>48</v>
      </c>
      <c r="AO16305">
        <v>48</v>
      </c>
      <c r="AP16305">
        <v>49</v>
      </c>
      <c r="AQ16305">
        <v>49</v>
      </c>
    </row>
    <row r="16306" spans="1:43">
      <c r="A16306" t="s">
        <v>10122</v>
      </c>
      <c r="B16306" t="s">
        <v>10123</v>
      </c>
      <c r="C16306" t="s">
        <v>10114</v>
      </c>
      <c r="D16306" t="s">
        <v>10115</v>
      </c>
      <c r="E16306" t="s">
        <v>9956</v>
      </c>
      <c r="F16306" t="s">
        <v>9957</v>
      </c>
      <c r="G16306" t="s">
        <v>80</v>
      </c>
      <c r="H16306" t="s">
        <v>81</v>
      </c>
      <c r="I16306" s="2">
        <v>0</v>
      </c>
      <c r="J16306" s="2">
        <v>1</v>
      </c>
      <c r="K16306" s="2">
        <v>0</v>
      </c>
      <c r="L16306" t="s">
        <v>82</v>
      </c>
      <c r="M16306" t="s">
        <v>83</v>
      </c>
      <c r="N16306" t="s">
        <v>84</v>
      </c>
      <c r="O16306" t="s">
        <v>85</v>
      </c>
      <c r="P16306" t="s">
        <v>86</v>
      </c>
      <c r="Q16306">
        <v>73</v>
      </c>
      <c r="R16306">
        <v>74</v>
      </c>
      <c r="S16306">
        <v>76</v>
      </c>
      <c r="T16306">
        <v>78</v>
      </c>
      <c r="U16306">
        <v>79</v>
      </c>
      <c r="V16306">
        <v>81</v>
      </c>
      <c r="W16306">
        <v>82</v>
      </c>
      <c r="X16306">
        <v>84</v>
      </c>
      <c r="Y16306">
        <v>86</v>
      </c>
      <c r="Z16306">
        <v>88</v>
      </c>
      <c r="AA16306">
        <v>89</v>
      </c>
      <c r="AB16306">
        <v>91</v>
      </c>
      <c r="AC16306">
        <v>93</v>
      </c>
      <c r="AD16306">
        <v>94</v>
      </c>
      <c r="AE16306">
        <v>96</v>
      </c>
      <c r="AF16306">
        <v>98</v>
      </c>
      <c r="AG16306">
        <v>100</v>
      </c>
      <c r="AH16306">
        <v>102</v>
      </c>
      <c r="AI16306">
        <v>104</v>
      </c>
      <c r="AJ16306">
        <v>105</v>
      </c>
      <c r="AK16306">
        <v>107</v>
      </c>
      <c r="AL16306">
        <v>109</v>
      </c>
      <c r="AM16306">
        <v>109</v>
      </c>
      <c r="AN16306">
        <v>110</v>
      </c>
      <c r="AO16306">
        <v>111</v>
      </c>
      <c r="AP16306">
        <v>112</v>
      </c>
      <c r="AQ16306">
        <v>113</v>
      </c>
    </row>
    <row r="16307" spans="1:43">
      <c r="A16307" t="s">
        <v>10122</v>
      </c>
      <c r="B16307" t="s">
        <v>10123</v>
      </c>
      <c r="C16307" t="s">
        <v>10114</v>
      </c>
      <c r="D16307" t="s">
        <v>10115</v>
      </c>
      <c r="E16307" t="s">
        <v>9956</v>
      </c>
      <c r="F16307" t="s">
        <v>9957</v>
      </c>
      <c r="G16307" t="s">
        <v>80</v>
      </c>
      <c r="H16307" t="s">
        <v>81</v>
      </c>
      <c r="I16307" s="2">
        <v>0</v>
      </c>
      <c r="J16307" s="2">
        <v>1</v>
      </c>
      <c r="K16307" s="2">
        <v>0</v>
      </c>
      <c r="L16307" t="s">
        <v>82</v>
      </c>
      <c r="M16307" t="s">
        <v>87</v>
      </c>
      <c r="N16307" t="s">
        <v>88</v>
      </c>
      <c r="O16307" t="s">
        <v>85</v>
      </c>
      <c r="P16307" t="s">
        <v>86</v>
      </c>
      <c r="Q16307">
        <v>73</v>
      </c>
      <c r="R16307">
        <v>74</v>
      </c>
      <c r="S16307">
        <v>75</v>
      </c>
      <c r="T16307">
        <v>76</v>
      </c>
      <c r="U16307">
        <v>77</v>
      </c>
      <c r="V16307">
        <v>78</v>
      </c>
      <c r="W16307">
        <v>78</v>
      </c>
      <c r="X16307">
        <v>79</v>
      </c>
      <c r="Y16307">
        <v>80</v>
      </c>
      <c r="Z16307">
        <v>81</v>
      </c>
      <c r="AA16307">
        <v>82</v>
      </c>
      <c r="AB16307">
        <v>83</v>
      </c>
      <c r="AC16307">
        <v>84</v>
      </c>
      <c r="AD16307">
        <v>85</v>
      </c>
      <c r="AE16307">
        <v>86</v>
      </c>
      <c r="AF16307">
        <v>87</v>
      </c>
      <c r="AG16307">
        <v>88</v>
      </c>
      <c r="AH16307">
        <v>89</v>
      </c>
      <c r="AI16307">
        <v>90</v>
      </c>
      <c r="AJ16307">
        <v>91</v>
      </c>
      <c r="AK16307">
        <v>93</v>
      </c>
      <c r="AL16307">
        <v>94</v>
      </c>
      <c r="AM16307">
        <v>95</v>
      </c>
      <c r="AN16307">
        <v>96</v>
      </c>
      <c r="AO16307">
        <v>97</v>
      </c>
      <c r="AP16307">
        <v>98</v>
      </c>
      <c r="AQ16307">
        <v>99</v>
      </c>
    </row>
    <row r="16308" spans="1:43">
      <c r="A16308" t="s">
        <v>10122</v>
      </c>
      <c r="B16308" t="s">
        <v>10123</v>
      </c>
      <c r="C16308" t="s">
        <v>10114</v>
      </c>
      <c r="D16308" t="s">
        <v>10115</v>
      </c>
      <c r="E16308" t="s">
        <v>9956</v>
      </c>
      <c r="F16308" t="s">
        <v>9957</v>
      </c>
      <c r="G16308" t="s">
        <v>80</v>
      </c>
      <c r="H16308" t="s">
        <v>81</v>
      </c>
      <c r="I16308" s="2">
        <v>0</v>
      </c>
      <c r="J16308" s="2">
        <v>1</v>
      </c>
      <c r="K16308" s="2">
        <v>0</v>
      </c>
      <c r="L16308" t="s">
        <v>82</v>
      </c>
      <c r="M16308" t="s">
        <v>89</v>
      </c>
      <c r="N16308" t="s">
        <v>90</v>
      </c>
      <c r="O16308" t="s">
        <v>85</v>
      </c>
      <c r="P16308" t="s">
        <v>86</v>
      </c>
      <c r="Q16308">
        <v>73</v>
      </c>
      <c r="R16308">
        <v>75</v>
      </c>
      <c r="S16308">
        <v>77</v>
      </c>
      <c r="T16308">
        <v>79</v>
      </c>
      <c r="U16308">
        <v>81</v>
      </c>
      <c r="V16308">
        <v>84</v>
      </c>
      <c r="W16308">
        <v>86</v>
      </c>
      <c r="X16308">
        <v>88</v>
      </c>
      <c r="Y16308">
        <v>90</v>
      </c>
      <c r="Z16308">
        <v>92</v>
      </c>
      <c r="AA16308">
        <v>94</v>
      </c>
      <c r="AB16308">
        <v>96</v>
      </c>
      <c r="AC16308">
        <v>98</v>
      </c>
      <c r="AD16308">
        <v>101</v>
      </c>
      <c r="AE16308">
        <v>102</v>
      </c>
      <c r="AF16308">
        <v>103</v>
      </c>
      <c r="AG16308">
        <v>104</v>
      </c>
      <c r="AH16308">
        <v>105</v>
      </c>
      <c r="AI16308">
        <v>106</v>
      </c>
      <c r="AJ16308">
        <v>107</v>
      </c>
      <c r="AK16308">
        <v>107</v>
      </c>
      <c r="AL16308">
        <v>108</v>
      </c>
      <c r="AM16308">
        <v>109</v>
      </c>
      <c r="AN16308">
        <v>110</v>
      </c>
      <c r="AO16308">
        <v>111</v>
      </c>
      <c r="AP16308">
        <v>112</v>
      </c>
      <c r="AQ16308">
        <v>113</v>
      </c>
    </row>
    <row r="16309" spans="1:43">
      <c r="A16309" t="s">
        <v>10122</v>
      </c>
      <c r="B16309" t="s">
        <v>10123</v>
      </c>
      <c r="C16309" t="s">
        <v>10114</v>
      </c>
      <c r="D16309" t="s">
        <v>10115</v>
      </c>
      <c r="E16309" t="s">
        <v>9956</v>
      </c>
      <c r="F16309" t="s">
        <v>9957</v>
      </c>
      <c r="G16309" t="s">
        <v>80</v>
      </c>
      <c r="H16309" t="s">
        <v>81</v>
      </c>
      <c r="I16309" s="2">
        <v>0</v>
      </c>
      <c r="J16309" s="2">
        <v>1</v>
      </c>
      <c r="K16309" s="2">
        <v>0</v>
      </c>
      <c r="L16309" t="s">
        <v>82</v>
      </c>
      <c r="M16309" t="s">
        <v>83</v>
      </c>
      <c r="N16309" t="s">
        <v>91</v>
      </c>
      <c r="O16309" t="s">
        <v>85</v>
      </c>
      <c r="P16309" t="s">
        <v>86</v>
      </c>
      <c r="Q16309">
        <v>73</v>
      </c>
      <c r="R16309">
        <v>74</v>
      </c>
      <c r="S16309">
        <v>76</v>
      </c>
      <c r="T16309">
        <v>78</v>
      </c>
      <c r="U16309">
        <v>79</v>
      </c>
      <c r="V16309">
        <v>81</v>
      </c>
      <c r="W16309">
        <v>82</v>
      </c>
      <c r="X16309">
        <v>84</v>
      </c>
      <c r="Y16309">
        <v>86</v>
      </c>
      <c r="Z16309">
        <v>88</v>
      </c>
      <c r="AA16309">
        <v>89</v>
      </c>
      <c r="AB16309">
        <v>91</v>
      </c>
      <c r="AC16309">
        <v>93</v>
      </c>
      <c r="AD16309">
        <v>94</v>
      </c>
      <c r="AE16309">
        <v>96</v>
      </c>
      <c r="AF16309">
        <v>98</v>
      </c>
      <c r="AG16309">
        <v>100</v>
      </c>
      <c r="AH16309">
        <v>102</v>
      </c>
      <c r="AI16309">
        <v>104</v>
      </c>
      <c r="AJ16309">
        <v>105</v>
      </c>
      <c r="AK16309">
        <v>107</v>
      </c>
      <c r="AL16309">
        <v>109</v>
      </c>
      <c r="AM16309">
        <v>109</v>
      </c>
      <c r="AN16309">
        <v>110</v>
      </c>
      <c r="AO16309">
        <v>111</v>
      </c>
      <c r="AP16309">
        <v>112</v>
      </c>
      <c r="AQ16309">
        <v>113</v>
      </c>
    </row>
    <row r="16310" spans="1:43">
      <c r="A16310" t="s">
        <v>10124</v>
      </c>
      <c r="B16310" t="s">
        <v>10125</v>
      </c>
      <c r="C16310" t="s">
        <v>10018</v>
      </c>
      <c r="D16310" t="s">
        <v>10019</v>
      </c>
      <c r="E16310" t="s">
        <v>9956</v>
      </c>
      <c r="F16310" t="s">
        <v>9957</v>
      </c>
      <c r="G16310" t="s">
        <v>80</v>
      </c>
      <c r="H16310" t="s">
        <v>81</v>
      </c>
      <c r="I16310" s="2">
        <v>0</v>
      </c>
      <c r="J16310" s="2">
        <v>1</v>
      </c>
      <c r="K16310" s="2">
        <v>0</v>
      </c>
      <c r="L16310" t="s">
        <v>82</v>
      </c>
      <c r="M16310" t="s">
        <v>83</v>
      </c>
      <c r="N16310" t="s">
        <v>84</v>
      </c>
      <c r="O16310" t="s">
        <v>85</v>
      </c>
      <c r="P16310" t="s">
        <v>86</v>
      </c>
      <c r="Q16310">
        <v>122</v>
      </c>
      <c r="R16310">
        <v>125</v>
      </c>
      <c r="S16310">
        <v>128</v>
      </c>
      <c r="T16310">
        <v>130</v>
      </c>
      <c r="U16310">
        <v>133</v>
      </c>
      <c r="V16310">
        <v>136</v>
      </c>
      <c r="W16310">
        <v>139</v>
      </c>
      <c r="X16310">
        <v>141</v>
      </c>
      <c r="Y16310">
        <v>144</v>
      </c>
      <c r="Z16310">
        <v>147</v>
      </c>
      <c r="AA16310">
        <v>150</v>
      </c>
      <c r="AB16310">
        <v>153</v>
      </c>
      <c r="AC16310">
        <v>156</v>
      </c>
      <c r="AD16310">
        <v>159</v>
      </c>
      <c r="AE16310">
        <v>162</v>
      </c>
      <c r="AF16310">
        <v>165</v>
      </c>
      <c r="AG16310">
        <v>168</v>
      </c>
      <c r="AH16310">
        <v>171</v>
      </c>
      <c r="AI16310">
        <v>174</v>
      </c>
      <c r="AJ16310">
        <v>177</v>
      </c>
      <c r="AK16310">
        <v>181</v>
      </c>
      <c r="AL16310">
        <v>183</v>
      </c>
      <c r="AM16310">
        <v>184</v>
      </c>
      <c r="AN16310">
        <v>186</v>
      </c>
      <c r="AO16310">
        <v>187</v>
      </c>
      <c r="AP16310">
        <v>189</v>
      </c>
      <c r="AQ16310">
        <v>191</v>
      </c>
    </row>
    <row r="16311" spans="1:43">
      <c r="A16311" t="s">
        <v>10124</v>
      </c>
      <c r="B16311" t="s">
        <v>10125</v>
      </c>
      <c r="C16311" t="s">
        <v>10018</v>
      </c>
      <c r="D16311" t="s">
        <v>10019</v>
      </c>
      <c r="E16311" t="s">
        <v>9956</v>
      </c>
      <c r="F16311" t="s">
        <v>9957</v>
      </c>
      <c r="G16311" t="s">
        <v>80</v>
      </c>
      <c r="H16311" t="s">
        <v>81</v>
      </c>
      <c r="I16311" s="2">
        <v>0</v>
      </c>
      <c r="J16311" s="2">
        <v>1</v>
      </c>
      <c r="K16311" s="2">
        <v>0</v>
      </c>
      <c r="L16311" t="s">
        <v>82</v>
      </c>
      <c r="M16311" t="s">
        <v>87</v>
      </c>
      <c r="N16311" t="s">
        <v>88</v>
      </c>
      <c r="O16311" t="s">
        <v>85</v>
      </c>
      <c r="P16311" t="s">
        <v>86</v>
      </c>
      <c r="Q16311">
        <v>122</v>
      </c>
      <c r="R16311">
        <v>124</v>
      </c>
      <c r="S16311">
        <v>125</v>
      </c>
      <c r="T16311">
        <v>127</v>
      </c>
      <c r="U16311">
        <v>128</v>
      </c>
      <c r="V16311">
        <v>130</v>
      </c>
      <c r="W16311">
        <v>131</v>
      </c>
      <c r="X16311">
        <v>133</v>
      </c>
      <c r="Y16311">
        <v>134</v>
      </c>
      <c r="Z16311">
        <v>136</v>
      </c>
      <c r="AA16311">
        <v>138</v>
      </c>
      <c r="AB16311">
        <v>139</v>
      </c>
      <c r="AC16311">
        <v>141</v>
      </c>
      <c r="AD16311">
        <v>143</v>
      </c>
      <c r="AE16311">
        <v>144</v>
      </c>
      <c r="AF16311">
        <v>146</v>
      </c>
      <c r="AG16311">
        <v>148</v>
      </c>
      <c r="AH16311">
        <v>150</v>
      </c>
      <c r="AI16311">
        <v>151</v>
      </c>
      <c r="AJ16311">
        <v>153</v>
      </c>
      <c r="AK16311">
        <v>155</v>
      </c>
      <c r="AL16311">
        <v>157</v>
      </c>
      <c r="AM16311">
        <v>159</v>
      </c>
      <c r="AN16311">
        <v>160</v>
      </c>
      <c r="AO16311">
        <v>162</v>
      </c>
      <c r="AP16311">
        <v>164</v>
      </c>
      <c r="AQ16311">
        <v>166</v>
      </c>
    </row>
    <row r="16312" spans="1:43">
      <c r="A16312" t="s">
        <v>10124</v>
      </c>
      <c r="B16312" t="s">
        <v>10125</v>
      </c>
      <c r="C16312" t="s">
        <v>10018</v>
      </c>
      <c r="D16312" t="s">
        <v>10019</v>
      </c>
      <c r="E16312" t="s">
        <v>9956</v>
      </c>
      <c r="F16312" t="s">
        <v>9957</v>
      </c>
      <c r="G16312" t="s">
        <v>80</v>
      </c>
      <c r="H16312" t="s">
        <v>81</v>
      </c>
      <c r="I16312" s="2">
        <v>0</v>
      </c>
      <c r="J16312" s="2">
        <v>1</v>
      </c>
      <c r="K16312" s="2">
        <v>0</v>
      </c>
      <c r="L16312" t="s">
        <v>82</v>
      </c>
      <c r="M16312" t="s">
        <v>89</v>
      </c>
      <c r="N16312" t="s">
        <v>90</v>
      </c>
      <c r="O16312" t="s">
        <v>85</v>
      </c>
      <c r="P16312" t="s">
        <v>86</v>
      </c>
      <c r="Q16312">
        <v>122</v>
      </c>
      <c r="R16312">
        <v>126</v>
      </c>
      <c r="S16312">
        <v>130</v>
      </c>
      <c r="T16312">
        <v>134</v>
      </c>
      <c r="U16312">
        <v>137</v>
      </c>
      <c r="V16312">
        <v>141</v>
      </c>
      <c r="W16312">
        <v>145</v>
      </c>
      <c r="X16312">
        <v>148</v>
      </c>
      <c r="Y16312">
        <v>152</v>
      </c>
      <c r="Z16312">
        <v>155</v>
      </c>
      <c r="AA16312">
        <v>159</v>
      </c>
      <c r="AB16312">
        <v>162</v>
      </c>
      <c r="AC16312">
        <v>166</v>
      </c>
      <c r="AD16312">
        <v>170</v>
      </c>
      <c r="AE16312">
        <v>173</v>
      </c>
      <c r="AF16312">
        <v>174</v>
      </c>
      <c r="AG16312">
        <v>176</v>
      </c>
      <c r="AH16312">
        <v>177</v>
      </c>
      <c r="AI16312">
        <v>179</v>
      </c>
      <c r="AJ16312">
        <v>180</v>
      </c>
      <c r="AK16312">
        <v>182</v>
      </c>
      <c r="AL16312">
        <v>183</v>
      </c>
      <c r="AM16312">
        <v>185</v>
      </c>
      <c r="AN16312">
        <v>186</v>
      </c>
      <c r="AO16312">
        <v>188</v>
      </c>
      <c r="AP16312">
        <v>189</v>
      </c>
      <c r="AQ16312">
        <v>191</v>
      </c>
    </row>
    <row r="16313" spans="1:43">
      <c r="A16313" t="s">
        <v>10124</v>
      </c>
      <c r="B16313" t="s">
        <v>10125</v>
      </c>
      <c r="C16313" t="s">
        <v>10018</v>
      </c>
      <c r="D16313" t="s">
        <v>10019</v>
      </c>
      <c r="E16313" t="s">
        <v>9956</v>
      </c>
      <c r="F16313" t="s">
        <v>9957</v>
      </c>
      <c r="G16313" t="s">
        <v>80</v>
      </c>
      <c r="H16313" t="s">
        <v>81</v>
      </c>
      <c r="I16313" s="2">
        <v>0</v>
      </c>
      <c r="J16313" s="2">
        <v>1</v>
      </c>
      <c r="K16313" s="2">
        <v>0</v>
      </c>
      <c r="L16313" t="s">
        <v>82</v>
      </c>
      <c r="M16313" t="s">
        <v>83</v>
      </c>
      <c r="N16313" t="s">
        <v>91</v>
      </c>
      <c r="O16313" t="s">
        <v>85</v>
      </c>
      <c r="P16313" t="s">
        <v>86</v>
      </c>
      <c r="Q16313">
        <v>122</v>
      </c>
      <c r="R16313">
        <v>125</v>
      </c>
      <c r="S16313">
        <v>128</v>
      </c>
      <c r="T16313">
        <v>130</v>
      </c>
      <c r="U16313">
        <v>133</v>
      </c>
      <c r="V16313">
        <v>136</v>
      </c>
      <c r="W16313">
        <v>139</v>
      </c>
      <c r="X16313">
        <v>141</v>
      </c>
      <c r="Y16313">
        <v>144</v>
      </c>
      <c r="Z16313">
        <v>147</v>
      </c>
      <c r="AA16313">
        <v>150</v>
      </c>
      <c r="AB16313">
        <v>153</v>
      </c>
      <c r="AC16313">
        <v>156</v>
      </c>
      <c r="AD16313">
        <v>159</v>
      </c>
      <c r="AE16313">
        <v>162</v>
      </c>
      <c r="AF16313">
        <v>165</v>
      </c>
      <c r="AG16313">
        <v>168</v>
      </c>
      <c r="AH16313">
        <v>171</v>
      </c>
      <c r="AI16313">
        <v>174</v>
      </c>
      <c r="AJ16313">
        <v>177</v>
      </c>
      <c r="AK16313">
        <v>181</v>
      </c>
      <c r="AL16313">
        <v>183</v>
      </c>
      <c r="AM16313">
        <v>184</v>
      </c>
      <c r="AN16313">
        <v>186</v>
      </c>
      <c r="AO16313">
        <v>187</v>
      </c>
      <c r="AP16313">
        <v>189</v>
      </c>
      <c r="AQ16313">
        <v>191</v>
      </c>
    </row>
    <row r="16314" spans="1:43">
      <c r="A16314" t="s">
        <v>10126</v>
      </c>
      <c r="B16314" t="s">
        <v>10127</v>
      </c>
      <c r="C16314" t="s">
        <v>9960</v>
      </c>
      <c r="D16314" t="s">
        <v>9961</v>
      </c>
      <c r="E16314" t="s">
        <v>9956</v>
      </c>
      <c r="F16314" t="s">
        <v>9957</v>
      </c>
      <c r="G16314" t="s">
        <v>80</v>
      </c>
      <c r="H16314" t="s">
        <v>81</v>
      </c>
      <c r="I16314" s="2">
        <v>0</v>
      </c>
      <c r="J16314" s="2">
        <v>1</v>
      </c>
      <c r="K16314" s="2">
        <v>0</v>
      </c>
      <c r="L16314" t="s">
        <v>82</v>
      </c>
      <c r="M16314" t="s">
        <v>83</v>
      </c>
      <c r="N16314" t="s">
        <v>84</v>
      </c>
      <c r="O16314" t="s">
        <v>85</v>
      </c>
      <c r="P16314" t="s">
        <v>86</v>
      </c>
      <c r="Q16314">
        <v>68</v>
      </c>
      <c r="R16314">
        <v>70</v>
      </c>
      <c r="S16314">
        <v>71</v>
      </c>
      <c r="T16314">
        <v>73</v>
      </c>
      <c r="U16314">
        <v>74</v>
      </c>
      <c r="V16314">
        <v>76</v>
      </c>
      <c r="W16314">
        <v>78</v>
      </c>
      <c r="X16314">
        <v>79</v>
      </c>
      <c r="Y16314">
        <v>81</v>
      </c>
      <c r="Z16314">
        <v>82</v>
      </c>
      <c r="AA16314">
        <v>84</v>
      </c>
      <c r="AB16314">
        <v>86</v>
      </c>
      <c r="AC16314">
        <v>87</v>
      </c>
      <c r="AD16314">
        <v>89</v>
      </c>
      <c r="AE16314">
        <v>91</v>
      </c>
      <c r="AF16314">
        <v>92</v>
      </c>
      <c r="AG16314">
        <v>94</v>
      </c>
      <c r="AH16314">
        <v>96</v>
      </c>
      <c r="AI16314">
        <v>97</v>
      </c>
      <c r="AJ16314">
        <v>99</v>
      </c>
      <c r="AK16314">
        <v>101</v>
      </c>
      <c r="AL16314">
        <v>102</v>
      </c>
      <c r="AM16314">
        <v>103</v>
      </c>
      <c r="AN16314">
        <v>104</v>
      </c>
      <c r="AO16314">
        <v>105</v>
      </c>
      <c r="AP16314">
        <v>106</v>
      </c>
      <c r="AQ16314">
        <v>107</v>
      </c>
    </row>
    <row r="16315" spans="1:43">
      <c r="A16315" t="s">
        <v>10126</v>
      </c>
      <c r="B16315" t="s">
        <v>10127</v>
      </c>
      <c r="C16315" t="s">
        <v>9960</v>
      </c>
      <c r="D16315" t="s">
        <v>9961</v>
      </c>
      <c r="E16315" t="s">
        <v>9956</v>
      </c>
      <c r="F16315" t="s">
        <v>9957</v>
      </c>
      <c r="G16315" t="s">
        <v>80</v>
      </c>
      <c r="H16315" t="s">
        <v>81</v>
      </c>
      <c r="I16315" s="2">
        <v>0</v>
      </c>
      <c r="J16315" s="2">
        <v>1</v>
      </c>
      <c r="K16315" s="2">
        <v>0</v>
      </c>
      <c r="L16315" t="s">
        <v>82</v>
      </c>
      <c r="M16315" t="s">
        <v>87</v>
      </c>
      <c r="N16315" t="s">
        <v>88</v>
      </c>
      <c r="O16315" t="s">
        <v>85</v>
      </c>
      <c r="P16315" t="s">
        <v>86</v>
      </c>
      <c r="Q16315">
        <v>68</v>
      </c>
      <c r="R16315">
        <v>69</v>
      </c>
      <c r="S16315">
        <v>69</v>
      </c>
      <c r="T16315">
        <v>70</v>
      </c>
      <c r="U16315">
        <v>71</v>
      </c>
      <c r="V16315">
        <v>72</v>
      </c>
      <c r="W16315">
        <v>73</v>
      </c>
      <c r="X16315">
        <v>74</v>
      </c>
      <c r="Y16315">
        <v>75</v>
      </c>
      <c r="Z16315">
        <v>76</v>
      </c>
      <c r="AA16315">
        <v>76</v>
      </c>
      <c r="AB16315">
        <v>77</v>
      </c>
      <c r="AC16315">
        <v>78</v>
      </c>
      <c r="AD16315">
        <v>79</v>
      </c>
      <c r="AE16315">
        <v>80</v>
      </c>
      <c r="AF16315">
        <v>81</v>
      </c>
      <c r="AG16315">
        <v>82</v>
      </c>
      <c r="AH16315">
        <v>83</v>
      </c>
      <c r="AI16315">
        <v>84</v>
      </c>
      <c r="AJ16315">
        <v>85</v>
      </c>
      <c r="AK16315">
        <v>86</v>
      </c>
      <c r="AL16315">
        <v>87</v>
      </c>
      <c r="AM16315">
        <v>88</v>
      </c>
      <c r="AN16315">
        <v>89</v>
      </c>
      <c r="AO16315">
        <v>90</v>
      </c>
      <c r="AP16315">
        <v>91</v>
      </c>
      <c r="AQ16315">
        <v>93</v>
      </c>
    </row>
    <row r="16316" spans="1:43">
      <c r="A16316" t="s">
        <v>10126</v>
      </c>
      <c r="B16316" t="s">
        <v>10127</v>
      </c>
      <c r="C16316" t="s">
        <v>9960</v>
      </c>
      <c r="D16316" t="s">
        <v>9961</v>
      </c>
      <c r="E16316" t="s">
        <v>9956</v>
      </c>
      <c r="F16316" t="s">
        <v>9957</v>
      </c>
      <c r="G16316" t="s">
        <v>80</v>
      </c>
      <c r="H16316" t="s">
        <v>81</v>
      </c>
      <c r="I16316" s="2">
        <v>0</v>
      </c>
      <c r="J16316" s="2">
        <v>1</v>
      </c>
      <c r="K16316" s="2">
        <v>0</v>
      </c>
      <c r="L16316" t="s">
        <v>82</v>
      </c>
      <c r="M16316" t="s">
        <v>89</v>
      </c>
      <c r="N16316" t="s">
        <v>90</v>
      </c>
      <c r="O16316" t="s">
        <v>85</v>
      </c>
      <c r="P16316" t="s">
        <v>86</v>
      </c>
      <c r="Q16316">
        <v>68</v>
      </c>
      <c r="R16316">
        <v>70</v>
      </c>
      <c r="S16316">
        <v>72</v>
      </c>
      <c r="T16316">
        <v>74</v>
      </c>
      <c r="U16316">
        <v>76</v>
      </c>
      <c r="V16316">
        <v>78</v>
      </c>
      <c r="W16316">
        <v>81</v>
      </c>
      <c r="X16316">
        <v>83</v>
      </c>
      <c r="Y16316">
        <v>84</v>
      </c>
      <c r="Z16316">
        <v>86</v>
      </c>
      <c r="AA16316">
        <v>88</v>
      </c>
      <c r="AB16316">
        <v>90</v>
      </c>
      <c r="AC16316">
        <v>92</v>
      </c>
      <c r="AD16316">
        <v>94</v>
      </c>
      <c r="AE16316">
        <v>96</v>
      </c>
      <c r="AF16316">
        <v>97</v>
      </c>
      <c r="AG16316">
        <v>98</v>
      </c>
      <c r="AH16316">
        <v>99</v>
      </c>
      <c r="AI16316">
        <v>100</v>
      </c>
      <c r="AJ16316">
        <v>101</v>
      </c>
      <c r="AK16316">
        <v>102</v>
      </c>
      <c r="AL16316">
        <v>103</v>
      </c>
      <c r="AM16316">
        <v>103</v>
      </c>
      <c r="AN16316">
        <v>104</v>
      </c>
      <c r="AO16316">
        <v>105</v>
      </c>
      <c r="AP16316">
        <v>106</v>
      </c>
      <c r="AQ16316">
        <v>107</v>
      </c>
    </row>
    <row r="16317" spans="1:43">
      <c r="A16317" t="s">
        <v>10126</v>
      </c>
      <c r="B16317" t="s">
        <v>10127</v>
      </c>
      <c r="C16317" t="s">
        <v>9960</v>
      </c>
      <c r="D16317" t="s">
        <v>9961</v>
      </c>
      <c r="E16317" t="s">
        <v>9956</v>
      </c>
      <c r="F16317" t="s">
        <v>9957</v>
      </c>
      <c r="G16317" t="s">
        <v>80</v>
      </c>
      <c r="H16317" t="s">
        <v>81</v>
      </c>
      <c r="I16317" s="2">
        <v>0</v>
      </c>
      <c r="J16317" s="2">
        <v>1</v>
      </c>
      <c r="K16317" s="2">
        <v>0</v>
      </c>
      <c r="L16317" t="s">
        <v>82</v>
      </c>
      <c r="M16317" t="s">
        <v>83</v>
      </c>
      <c r="N16317" t="s">
        <v>91</v>
      </c>
      <c r="O16317" t="s">
        <v>85</v>
      </c>
      <c r="P16317" t="s">
        <v>86</v>
      </c>
      <c r="Q16317">
        <v>68</v>
      </c>
      <c r="R16317">
        <v>70</v>
      </c>
      <c r="S16317">
        <v>71</v>
      </c>
      <c r="T16317">
        <v>73</v>
      </c>
      <c r="U16317">
        <v>74</v>
      </c>
      <c r="V16317">
        <v>76</v>
      </c>
      <c r="W16317">
        <v>78</v>
      </c>
      <c r="X16317">
        <v>79</v>
      </c>
      <c r="Y16317">
        <v>81</v>
      </c>
      <c r="Z16317">
        <v>82</v>
      </c>
      <c r="AA16317">
        <v>84</v>
      </c>
      <c r="AB16317">
        <v>86</v>
      </c>
      <c r="AC16317">
        <v>87</v>
      </c>
      <c r="AD16317">
        <v>89</v>
      </c>
      <c r="AE16317">
        <v>91</v>
      </c>
      <c r="AF16317">
        <v>92</v>
      </c>
      <c r="AG16317">
        <v>94</v>
      </c>
      <c r="AH16317">
        <v>96</v>
      </c>
      <c r="AI16317">
        <v>97</v>
      </c>
      <c r="AJ16317">
        <v>99</v>
      </c>
      <c r="AK16317">
        <v>101</v>
      </c>
      <c r="AL16317">
        <v>102</v>
      </c>
      <c r="AM16317">
        <v>103</v>
      </c>
      <c r="AN16317">
        <v>104</v>
      </c>
      <c r="AO16317">
        <v>105</v>
      </c>
      <c r="AP16317">
        <v>106</v>
      </c>
      <c r="AQ16317">
        <v>107</v>
      </c>
    </row>
    <row r="16318" spans="1:43">
      <c r="A16318" t="s">
        <v>10128</v>
      </c>
      <c r="B16318" t="s">
        <v>10129</v>
      </c>
      <c r="C16318" t="s">
        <v>9970</v>
      </c>
      <c r="D16318" t="s">
        <v>9971</v>
      </c>
      <c r="E16318" t="s">
        <v>9956</v>
      </c>
      <c r="F16318" t="s">
        <v>9957</v>
      </c>
      <c r="G16318" t="s">
        <v>80</v>
      </c>
      <c r="H16318" t="s">
        <v>81</v>
      </c>
      <c r="I16318" s="2">
        <v>0</v>
      </c>
      <c r="J16318" s="2">
        <v>1</v>
      </c>
      <c r="K16318" s="2">
        <v>0</v>
      </c>
      <c r="L16318" t="s">
        <v>82</v>
      </c>
      <c r="M16318" t="s">
        <v>83</v>
      </c>
      <c r="N16318" t="s">
        <v>84</v>
      </c>
      <c r="O16318" t="s">
        <v>85</v>
      </c>
      <c r="P16318" t="s">
        <v>86</v>
      </c>
      <c r="Q16318">
        <v>79</v>
      </c>
      <c r="R16318">
        <v>80</v>
      </c>
      <c r="S16318">
        <v>82</v>
      </c>
      <c r="T16318">
        <v>84</v>
      </c>
      <c r="U16318">
        <v>86</v>
      </c>
      <c r="V16318">
        <v>87</v>
      </c>
      <c r="W16318">
        <v>89</v>
      </c>
      <c r="X16318">
        <v>91</v>
      </c>
      <c r="Y16318">
        <v>93</v>
      </c>
      <c r="Z16318">
        <v>95</v>
      </c>
      <c r="AA16318">
        <v>96</v>
      </c>
      <c r="AB16318">
        <v>98</v>
      </c>
      <c r="AC16318">
        <v>100</v>
      </c>
      <c r="AD16318">
        <v>102</v>
      </c>
      <c r="AE16318">
        <v>104</v>
      </c>
      <c r="AF16318">
        <v>106</v>
      </c>
      <c r="AG16318">
        <v>108</v>
      </c>
      <c r="AH16318">
        <v>110</v>
      </c>
      <c r="AI16318">
        <v>112</v>
      </c>
      <c r="AJ16318">
        <v>114</v>
      </c>
      <c r="AK16318">
        <v>116</v>
      </c>
      <c r="AL16318">
        <v>118</v>
      </c>
      <c r="AM16318">
        <v>119</v>
      </c>
      <c r="AN16318">
        <v>120</v>
      </c>
      <c r="AO16318">
        <v>121</v>
      </c>
      <c r="AP16318">
        <v>122</v>
      </c>
      <c r="AQ16318">
        <v>123</v>
      </c>
    </row>
    <row r="16319" spans="1:43">
      <c r="A16319" t="s">
        <v>10128</v>
      </c>
      <c r="B16319" t="s">
        <v>10129</v>
      </c>
      <c r="C16319" t="s">
        <v>9970</v>
      </c>
      <c r="D16319" t="s">
        <v>9971</v>
      </c>
      <c r="E16319" t="s">
        <v>9956</v>
      </c>
      <c r="F16319" t="s">
        <v>9957</v>
      </c>
      <c r="G16319" t="s">
        <v>80</v>
      </c>
      <c r="H16319" t="s">
        <v>81</v>
      </c>
      <c r="I16319" s="2">
        <v>0</v>
      </c>
      <c r="J16319" s="2">
        <v>1</v>
      </c>
      <c r="K16319" s="2">
        <v>0</v>
      </c>
      <c r="L16319" t="s">
        <v>82</v>
      </c>
      <c r="M16319" t="s">
        <v>87</v>
      </c>
      <c r="N16319" t="s">
        <v>88</v>
      </c>
      <c r="O16319" t="s">
        <v>85</v>
      </c>
      <c r="P16319" t="s">
        <v>86</v>
      </c>
      <c r="Q16319">
        <v>79</v>
      </c>
      <c r="R16319">
        <v>80</v>
      </c>
      <c r="S16319">
        <v>81</v>
      </c>
      <c r="T16319">
        <v>82</v>
      </c>
      <c r="U16319">
        <v>83</v>
      </c>
      <c r="V16319">
        <v>84</v>
      </c>
      <c r="W16319">
        <v>85</v>
      </c>
      <c r="X16319">
        <v>86</v>
      </c>
      <c r="Y16319">
        <v>87</v>
      </c>
      <c r="Z16319">
        <v>88</v>
      </c>
      <c r="AA16319">
        <v>89</v>
      </c>
      <c r="AB16319">
        <v>90</v>
      </c>
      <c r="AC16319">
        <v>91</v>
      </c>
      <c r="AD16319">
        <v>92</v>
      </c>
      <c r="AE16319">
        <v>93</v>
      </c>
      <c r="AF16319">
        <v>94</v>
      </c>
      <c r="AG16319">
        <v>95</v>
      </c>
      <c r="AH16319">
        <v>97</v>
      </c>
      <c r="AI16319">
        <v>98</v>
      </c>
      <c r="AJ16319">
        <v>99</v>
      </c>
      <c r="AK16319">
        <v>100</v>
      </c>
      <c r="AL16319">
        <v>101</v>
      </c>
      <c r="AM16319">
        <v>102</v>
      </c>
      <c r="AN16319">
        <v>104</v>
      </c>
      <c r="AO16319">
        <v>105</v>
      </c>
      <c r="AP16319">
        <v>106</v>
      </c>
      <c r="AQ16319">
        <v>107</v>
      </c>
    </row>
    <row r="16320" spans="1:43">
      <c r="A16320" t="s">
        <v>10128</v>
      </c>
      <c r="B16320" t="s">
        <v>10129</v>
      </c>
      <c r="C16320" t="s">
        <v>9970</v>
      </c>
      <c r="D16320" t="s">
        <v>9971</v>
      </c>
      <c r="E16320" t="s">
        <v>9956</v>
      </c>
      <c r="F16320" t="s">
        <v>9957</v>
      </c>
      <c r="G16320" t="s">
        <v>80</v>
      </c>
      <c r="H16320" t="s">
        <v>81</v>
      </c>
      <c r="I16320" s="2">
        <v>0</v>
      </c>
      <c r="J16320" s="2">
        <v>1</v>
      </c>
      <c r="K16320" s="2">
        <v>0</v>
      </c>
      <c r="L16320" t="s">
        <v>82</v>
      </c>
      <c r="M16320" t="s">
        <v>89</v>
      </c>
      <c r="N16320" t="s">
        <v>90</v>
      </c>
      <c r="O16320" t="s">
        <v>85</v>
      </c>
      <c r="P16320" t="s">
        <v>86</v>
      </c>
      <c r="Q16320">
        <v>79</v>
      </c>
      <c r="R16320">
        <v>82</v>
      </c>
      <c r="S16320">
        <v>84</v>
      </c>
      <c r="T16320">
        <v>87</v>
      </c>
      <c r="U16320">
        <v>89</v>
      </c>
      <c r="V16320">
        <v>91</v>
      </c>
      <c r="W16320">
        <v>94</v>
      </c>
      <c r="X16320">
        <v>96</v>
      </c>
      <c r="Y16320">
        <v>98</v>
      </c>
      <c r="Z16320">
        <v>100</v>
      </c>
      <c r="AA16320">
        <v>103</v>
      </c>
      <c r="AB16320">
        <v>105</v>
      </c>
      <c r="AC16320">
        <v>107</v>
      </c>
      <c r="AD16320">
        <v>110</v>
      </c>
      <c r="AE16320">
        <v>112</v>
      </c>
      <c r="AF16320">
        <v>113</v>
      </c>
      <c r="AG16320">
        <v>114</v>
      </c>
      <c r="AH16320">
        <v>115</v>
      </c>
      <c r="AI16320">
        <v>116</v>
      </c>
      <c r="AJ16320">
        <v>117</v>
      </c>
      <c r="AK16320">
        <v>118</v>
      </c>
      <c r="AL16320">
        <v>119</v>
      </c>
      <c r="AM16320">
        <v>120</v>
      </c>
      <c r="AN16320">
        <v>121</v>
      </c>
      <c r="AO16320">
        <v>122</v>
      </c>
      <c r="AP16320">
        <v>123</v>
      </c>
      <c r="AQ16320">
        <v>124</v>
      </c>
    </row>
    <row r="16321" spans="1:43">
      <c r="A16321" t="s">
        <v>10128</v>
      </c>
      <c r="B16321" t="s">
        <v>10129</v>
      </c>
      <c r="C16321" t="s">
        <v>9970</v>
      </c>
      <c r="D16321" t="s">
        <v>9971</v>
      </c>
      <c r="E16321" t="s">
        <v>9956</v>
      </c>
      <c r="F16321" t="s">
        <v>9957</v>
      </c>
      <c r="G16321" t="s">
        <v>80</v>
      </c>
      <c r="H16321" t="s">
        <v>81</v>
      </c>
      <c r="I16321" s="2">
        <v>0</v>
      </c>
      <c r="J16321" s="2">
        <v>1</v>
      </c>
      <c r="K16321" s="2">
        <v>0</v>
      </c>
      <c r="L16321" t="s">
        <v>82</v>
      </c>
      <c r="M16321" t="s">
        <v>83</v>
      </c>
      <c r="N16321" t="s">
        <v>91</v>
      </c>
      <c r="O16321" t="s">
        <v>85</v>
      </c>
      <c r="P16321" t="s">
        <v>86</v>
      </c>
      <c r="Q16321">
        <v>79</v>
      </c>
      <c r="R16321">
        <v>80</v>
      </c>
      <c r="S16321">
        <v>82</v>
      </c>
      <c r="T16321">
        <v>84</v>
      </c>
      <c r="U16321">
        <v>86</v>
      </c>
      <c r="V16321">
        <v>87</v>
      </c>
      <c r="W16321">
        <v>89</v>
      </c>
      <c r="X16321">
        <v>91</v>
      </c>
      <c r="Y16321">
        <v>93</v>
      </c>
      <c r="Z16321">
        <v>95</v>
      </c>
      <c r="AA16321">
        <v>96</v>
      </c>
      <c r="AB16321">
        <v>98</v>
      </c>
      <c r="AC16321">
        <v>100</v>
      </c>
      <c r="AD16321">
        <v>102</v>
      </c>
      <c r="AE16321">
        <v>104</v>
      </c>
      <c r="AF16321">
        <v>106</v>
      </c>
      <c r="AG16321">
        <v>108</v>
      </c>
      <c r="AH16321">
        <v>110</v>
      </c>
      <c r="AI16321">
        <v>112</v>
      </c>
      <c r="AJ16321">
        <v>114</v>
      </c>
      <c r="AK16321">
        <v>116</v>
      </c>
      <c r="AL16321">
        <v>118</v>
      </c>
      <c r="AM16321">
        <v>119</v>
      </c>
      <c r="AN16321">
        <v>120</v>
      </c>
      <c r="AO16321">
        <v>121</v>
      </c>
      <c r="AP16321">
        <v>122</v>
      </c>
      <c r="AQ16321">
        <v>123</v>
      </c>
    </row>
    <row r="16322" spans="1:43">
      <c r="A16322" t="s">
        <v>10130</v>
      </c>
      <c r="B16322" t="s">
        <v>10131</v>
      </c>
      <c r="C16322" t="s">
        <v>9970</v>
      </c>
      <c r="D16322" t="s">
        <v>9971</v>
      </c>
      <c r="E16322" t="s">
        <v>9956</v>
      </c>
      <c r="F16322" t="s">
        <v>9957</v>
      </c>
      <c r="G16322" t="s">
        <v>80</v>
      </c>
      <c r="H16322" t="s">
        <v>81</v>
      </c>
      <c r="I16322" s="2">
        <v>0</v>
      </c>
      <c r="J16322" s="2">
        <v>1</v>
      </c>
      <c r="K16322" s="2">
        <v>0</v>
      </c>
      <c r="L16322" t="s">
        <v>82</v>
      </c>
      <c r="M16322" t="s">
        <v>83</v>
      </c>
      <c r="N16322" t="s">
        <v>84</v>
      </c>
      <c r="O16322" t="s">
        <v>85</v>
      </c>
      <c r="P16322" t="s">
        <v>86</v>
      </c>
      <c r="Q16322">
        <v>90</v>
      </c>
      <c r="R16322">
        <v>92</v>
      </c>
      <c r="S16322">
        <v>94</v>
      </c>
      <c r="T16322">
        <v>96</v>
      </c>
      <c r="U16322">
        <v>97</v>
      </c>
      <c r="V16322">
        <v>99</v>
      </c>
      <c r="W16322">
        <v>101</v>
      </c>
      <c r="X16322">
        <v>104</v>
      </c>
      <c r="Y16322">
        <v>106</v>
      </c>
      <c r="Z16322">
        <v>108</v>
      </c>
      <c r="AA16322">
        <v>110</v>
      </c>
      <c r="AB16322">
        <v>112</v>
      </c>
      <c r="AC16322">
        <v>114</v>
      </c>
      <c r="AD16322">
        <v>116</v>
      </c>
      <c r="AE16322">
        <v>118</v>
      </c>
      <c r="AF16322">
        <v>120</v>
      </c>
      <c r="AG16322">
        <v>123</v>
      </c>
      <c r="AH16322">
        <v>125</v>
      </c>
      <c r="AI16322">
        <v>127</v>
      </c>
      <c r="AJ16322">
        <v>129</v>
      </c>
      <c r="AK16322">
        <v>132</v>
      </c>
      <c r="AL16322">
        <v>133</v>
      </c>
      <c r="AM16322">
        <v>134</v>
      </c>
      <c r="AN16322">
        <v>135</v>
      </c>
      <c r="AO16322">
        <v>136</v>
      </c>
      <c r="AP16322">
        <v>137</v>
      </c>
      <c r="AQ16322">
        <v>139</v>
      </c>
    </row>
    <row r="16323" spans="1:43">
      <c r="A16323" t="s">
        <v>10130</v>
      </c>
      <c r="B16323" t="s">
        <v>10131</v>
      </c>
      <c r="C16323" t="s">
        <v>9970</v>
      </c>
      <c r="D16323" t="s">
        <v>9971</v>
      </c>
      <c r="E16323" t="s">
        <v>9956</v>
      </c>
      <c r="F16323" t="s">
        <v>9957</v>
      </c>
      <c r="G16323" t="s">
        <v>80</v>
      </c>
      <c r="H16323" t="s">
        <v>81</v>
      </c>
      <c r="I16323" s="2">
        <v>0</v>
      </c>
      <c r="J16323" s="2">
        <v>1</v>
      </c>
      <c r="K16323" s="2">
        <v>0</v>
      </c>
      <c r="L16323" t="s">
        <v>82</v>
      </c>
      <c r="M16323" t="s">
        <v>87</v>
      </c>
      <c r="N16323" t="s">
        <v>88</v>
      </c>
      <c r="O16323" t="s">
        <v>85</v>
      </c>
      <c r="P16323" t="s">
        <v>86</v>
      </c>
      <c r="Q16323">
        <v>90</v>
      </c>
      <c r="R16323">
        <v>91</v>
      </c>
      <c r="S16323">
        <v>92</v>
      </c>
      <c r="T16323">
        <v>93</v>
      </c>
      <c r="U16323">
        <v>94</v>
      </c>
      <c r="V16323">
        <v>95</v>
      </c>
      <c r="W16323">
        <v>96</v>
      </c>
      <c r="X16323">
        <v>97</v>
      </c>
      <c r="Y16323">
        <v>99</v>
      </c>
      <c r="Z16323">
        <v>100</v>
      </c>
      <c r="AA16323">
        <v>101</v>
      </c>
      <c r="AB16323">
        <v>102</v>
      </c>
      <c r="AC16323">
        <v>103</v>
      </c>
      <c r="AD16323">
        <v>105</v>
      </c>
      <c r="AE16323">
        <v>106</v>
      </c>
      <c r="AF16323">
        <v>107</v>
      </c>
      <c r="AG16323">
        <v>108</v>
      </c>
      <c r="AH16323">
        <v>110</v>
      </c>
      <c r="AI16323">
        <v>111</v>
      </c>
      <c r="AJ16323">
        <v>112</v>
      </c>
      <c r="AK16323">
        <v>114</v>
      </c>
      <c r="AL16323">
        <v>115</v>
      </c>
      <c r="AM16323">
        <v>116</v>
      </c>
      <c r="AN16323">
        <v>118</v>
      </c>
      <c r="AO16323">
        <v>119</v>
      </c>
      <c r="AP16323">
        <v>120</v>
      </c>
      <c r="AQ16323">
        <v>122</v>
      </c>
    </row>
    <row r="16324" spans="1:43">
      <c r="A16324" t="s">
        <v>10130</v>
      </c>
      <c r="B16324" t="s">
        <v>10131</v>
      </c>
      <c r="C16324" t="s">
        <v>9970</v>
      </c>
      <c r="D16324" t="s">
        <v>9971</v>
      </c>
      <c r="E16324" t="s">
        <v>9956</v>
      </c>
      <c r="F16324" t="s">
        <v>9957</v>
      </c>
      <c r="G16324" t="s">
        <v>80</v>
      </c>
      <c r="H16324" t="s">
        <v>81</v>
      </c>
      <c r="I16324" s="2">
        <v>0</v>
      </c>
      <c r="J16324" s="2">
        <v>1</v>
      </c>
      <c r="K16324" s="2">
        <v>0</v>
      </c>
      <c r="L16324" t="s">
        <v>82</v>
      </c>
      <c r="M16324" t="s">
        <v>89</v>
      </c>
      <c r="N16324" t="s">
        <v>90</v>
      </c>
      <c r="O16324" t="s">
        <v>85</v>
      </c>
      <c r="P16324" t="s">
        <v>86</v>
      </c>
      <c r="Q16324">
        <v>90</v>
      </c>
      <c r="R16324">
        <v>93</v>
      </c>
      <c r="S16324">
        <v>96</v>
      </c>
      <c r="T16324">
        <v>99</v>
      </c>
      <c r="U16324">
        <v>101</v>
      </c>
      <c r="V16324">
        <v>104</v>
      </c>
      <c r="W16324">
        <v>107</v>
      </c>
      <c r="X16324">
        <v>109</v>
      </c>
      <c r="Y16324">
        <v>112</v>
      </c>
      <c r="Z16324">
        <v>114</v>
      </c>
      <c r="AA16324">
        <v>117</v>
      </c>
      <c r="AB16324">
        <v>119</v>
      </c>
      <c r="AC16324">
        <v>122</v>
      </c>
      <c r="AD16324">
        <v>125</v>
      </c>
      <c r="AE16324">
        <v>127</v>
      </c>
      <c r="AF16324">
        <v>128</v>
      </c>
      <c r="AG16324">
        <v>129</v>
      </c>
      <c r="AH16324">
        <v>130</v>
      </c>
      <c r="AI16324">
        <v>131</v>
      </c>
      <c r="AJ16324">
        <v>132</v>
      </c>
      <c r="AK16324">
        <v>133</v>
      </c>
      <c r="AL16324">
        <v>134</v>
      </c>
      <c r="AM16324">
        <v>135</v>
      </c>
      <c r="AN16324">
        <v>136</v>
      </c>
      <c r="AO16324">
        <v>137</v>
      </c>
      <c r="AP16324">
        <v>138</v>
      </c>
      <c r="AQ16324">
        <v>139</v>
      </c>
    </row>
    <row r="16325" spans="1:43">
      <c r="A16325" t="s">
        <v>10130</v>
      </c>
      <c r="B16325" t="s">
        <v>10131</v>
      </c>
      <c r="C16325" t="s">
        <v>9970</v>
      </c>
      <c r="D16325" t="s">
        <v>9971</v>
      </c>
      <c r="E16325" t="s">
        <v>9956</v>
      </c>
      <c r="F16325" t="s">
        <v>9957</v>
      </c>
      <c r="G16325" t="s">
        <v>80</v>
      </c>
      <c r="H16325" t="s">
        <v>81</v>
      </c>
      <c r="I16325" s="2">
        <v>0</v>
      </c>
      <c r="J16325" s="2">
        <v>1</v>
      </c>
      <c r="K16325" s="2">
        <v>0</v>
      </c>
      <c r="L16325" t="s">
        <v>82</v>
      </c>
      <c r="M16325" t="s">
        <v>83</v>
      </c>
      <c r="N16325" t="s">
        <v>91</v>
      </c>
      <c r="O16325" t="s">
        <v>85</v>
      </c>
      <c r="P16325" t="s">
        <v>86</v>
      </c>
      <c r="Q16325">
        <v>90</v>
      </c>
      <c r="R16325">
        <v>92</v>
      </c>
      <c r="S16325">
        <v>94</v>
      </c>
      <c r="T16325">
        <v>96</v>
      </c>
      <c r="U16325">
        <v>97</v>
      </c>
      <c r="V16325">
        <v>99</v>
      </c>
      <c r="W16325">
        <v>101</v>
      </c>
      <c r="X16325">
        <v>104</v>
      </c>
      <c r="Y16325">
        <v>106</v>
      </c>
      <c r="Z16325">
        <v>108</v>
      </c>
      <c r="AA16325">
        <v>110</v>
      </c>
      <c r="AB16325">
        <v>112</v>
      </c>
      <c r="AC16325">
        <v>114</v>
      </c>
      <c r="AD16325">
        <v>116</v>
      </c>
      <c r="AE16325">
        <v>118</v>
      </c>
      <c r="AF16325">
        <v>120</v>
      </c>
      <c r="AG16325">
        <v>123</v>
      </c>
      <c r="AH16325">
        <v>125</v>
      </c>
      <c r="AI16325">
        <v>127</v>
      </c>
      <c r="AJ16325">
        <v>129</v>
      </c>
      <c r="AK16325">
        <v>132</v>
      </c>
      <c r="AL16325">
        <v>133</v>
      </c>
      <c r="AM16325">
        <v>134</v>
      </c>
      <c r="AN16325">
        <v>135</v>
      </c>
      <c r="AO16325">
        <v>136</v>
      </c>
      <c r="AP16325">
        <v>137</v>
      </c>
      <c r="AQ16325">
        <v>139</v>
      </c>
    </row>
    <row r="16326" spans="1:43">
      <c r="A16326" t="s">
        <v>10132</v>
      </c>
      <c r="B16326" t="s">
        <v>10133</v>
      </c>
      <c r="C16326" t="s">
        <v>9992</v>
      </c>
      <c r="D16326" t="s">
        <v>9993</v>
      </c>
      <c r="E16326" t="s">
        <v>9956</v>
      </c>
      <c r="F16326" t="s">
        <v>9957</v>
      </c>
      <c r="G16326" t="s">
        <v>80</v>
      </c>
      <c r="H16326" t="s">
        <v>81</v>
      </c>
      <c r="I16326" s="2">
        <v>0</v>
      </c>
      <c r="J16326" s="2">
        <v>1</v>
      </c>
      <c r="K16326" s="2">
        <v>0</v>
      </c>
      <c r="L16326" t="s">
        <v>82</v>
      </c>
      <c r="M16326" t="s">
        <v>83</v>
      </c>
      <c r="N16326" t="s">
        <v>84</v>
      </c>
      <c r="O16326" t="s">
        <v>85</v>
      </c>
      <c r="P16326" t="s">
        <v>86</v>
      </c>
      <c r="Q16326">
        <v>107</v>
      </c>
      <c r="R16326">
        <v>110</v>
      </c>
      <c r="S16326">
        <v>112</v>
      </c>
      <c r="T16326">
        <v>114</v>
      </c>
      <c r="U16326">
        <v>117</v>
      </c>
      <c r="V16326">
        <v>119</v>
      </c>
      <c r="W16326">
        <v>122</v>
      </c>
      <c r="X16326">
        <v>124</v>
      </c>
      <c r="Y16326">
        <v>127</v>
      </c>
      <c r="Z16326">
        <v>129</v>
      </c>
      <c r="AA16326">
        <v>132</v>
      </c>
      <c r="AB16326">
        <v>134</v>
      </c>
      <c r="AC16326">
        <v>137</v>
      </c>
      <c r="AD16326">
        <v>139</v>
      </c>
      <c r="AE16326">
        <v>142</v>
      </c>
      <c r="AF16326">
        <v>144</v>
      </c>
      <c r="AG16326">
        <v>147</v>
      </c>
      <c r="AH16326">
        <v>150</v>
      </c>
      <c r="AI16326">
        <v>152</v>
      </c>
      <c r="AJ16326">
        <v>155</v>
      </c>
      <c r="AK16326">
        <v>158</v>
      </c>
      <c r="AL16326">
        <v>160</v>
      </c>
      <c r="AM16326">
        <v>161</v>
      </c>
      <c r="AN16326">
        <v>163</v>
      </c>
      <c r="AO16326">
        <v>164</v>
      </c>
      <c r="AP16326">
        <v>165</v>
      </c>
      <c r="AQ16326">
        <v>167</v>
      </c>
    </row>
    <row r="16327" spans="1:43">
      <c r="A16327" t="s">
        <v>10132</v>
      </c>
      <c r="B16327" t="s">
        <v>10133</v>
      </c>
      <c r="C16327" t="s">
        <v>9992</v>
      </c>
      <c r="D16327" t="s">
        <v>9993</v>
      </c>
      <c r="E16327" t="s">
        <v>9956</v>
      </c>
      <c r="F16327" t="s">
        <v>9957</v>
      </c>
      <c r="G16327" t="s">
        <v>80</v>
      </c>
      <c r="H16327" t="s">
        <v>81</v>
      </c>
      <c r="I16327" s="2">
        <v>0</v>
      </c>
      <c r="J16327" s="2">
        <v>1</v>
      </c>
      <c r="K16327" s="2">
        <v>0</v>
      </c>
      <c r="L16327" t="s">
        <v>82</v>
      </c>
      <c r="M16327" t="s">
        <v>87</v>
      </c>
      <c r="N16327" t="s">
        <v>88</v>
      </c>
      <c r="O16327" t="s">
        <v>85</v>
      </c>
      <c r="P16327" t="s">
        <v>86</v>
      </c>
      <c r="Q16327">
        <v>107</v>
      </c>
      <c r="R16327">
        <v>109</v>
      </c>
      <c r="S16327">
        <v>110</v>
      </c>
      <c r="T16327">
        <v>111</v>
      </c>
      <c r="U16327">
        <v>113</v>
      </c>
      <c r="V16327">
        <v>114</v>
      </c>
      <c r="W16327">
        <v>115</v>
      </c>
      <c r="X16327">
        <v>117</v>
      </c>
      <c r="Y16327">
        <v>118</v>
      </c>
      <c r="Z16327">
        <v>119</v>
      </c>
      <c r="AA16327">
        <v>121</v>
      </c>
      <c r="AB16327">
        <v>122</v>
      </c>
      <c r="AC16327">
        <v>124</v>
      </c>
      <c r="AD16327">
        <v>125</v>
      </c>
      <c r="AE16327">
        <v>127</v>
      </c>
      <c r="AF16327">
        <v>128</v>
      </c>
      <c r="AG16327">
        <v>130</v>
      </c>
      <c r="AH16327">
        <v>131</v>
      </c>
      <c r="AI16327">
        <v>133</v>
      </c>
      <c r="AJ16327">
        <v>134</v>
      </c>
      <c r="AK16327">
        <v>136</v>
      </c>
      <c r="AL16327">
        <v>138</v>
      </c>
      <c r="AM16327">
        <v>139</v>
      </c>
      <c r="AN16327">
        <v>141</v>
      </c>
      <c r="AO16327">
        <v>143</v>
      </c>
      <c r="AP16327">
        <v>144</v>
      </c>
      <c r="AQ16327">
        <v>146</v>
      </c>
    </row>
    <row r="16328" spans="1:43">
      <c r="A16328" t="s">
        <v>10132</v>
      </c>
      <c r="B16328" t="s">
        <v>10133</v>
      </c>
      <c r="C16328" t="s">
        <v>9992</v>
      </c>
      <c r="D16328" t="s">
        <v>9993</v>
      </c>
      <c r="E16328" t="s">
        <v>9956</v>
      </c>
      <c r="F16328" t="s">
        <v>9957</v>
      </c>
      <c r="G16328" t="s">
        <v>80</v>
      </c>
      <c r="H16328" t="s">
        <v>81</v>
      </c>
      <c r="I16328" s="2">
        <v>0</v>
      </c>
      <c r="J16328" s="2">
        <v>1</v>
      </c>
      <c r="K16328" s="2">
        <v>0</v>
      </c>
      <c r="L16328" t="s">
        <v>82</v>
      </c>
      <c r="M16328" t="s">
        <v>89</v>
      </c>
      <c r="N16328" t="s">
        <v>90</v>
      </c>
      <c r="O16328" t="s">
        <v>85</v>
      </c>
      <c r="P16328" t="s">
        <v>86</v>
      </c>
      <c r="Q16328">
        <v>107</v>
      </c>
      <c r="R16328">
        <v>111</v>
      </c>
      <c r="S16328">
        <v>114</v>
      </c>
      <c r="T16328">
        <v>117</v>
      </c>
      <c r="U16328">
        <v>120</v>
      </c>
      <c r="V16328">
        <v>124</v>
      </c>
      <c r="W16328">
        <v>127</v>
      </c>
      <c r="X16328">
        <v>130</v>
      </c>
      <c r="Y16328">
        <v>133</v>
      </c>
      <c r="Z16328">
        <v>136</v>
      </c>
      <c r="AA16328">
        <v>139</v>
      </c>
      <c r="AB16328">
        <v>142</v>
      </c>
      <c r="AC16328">
        <v>145</v>
      </c>
      <c r="AD16328">
        <v>148</v>
      </c>
      <c r="AE16328">
        <v>151</v>
      </c>
      <c r="AF16328">
        <v>152</v>
      </c>
      <c r="AG16328">
        <v>153</v>
      </c>
      <c r="AH16328">
        <v>155</v>
      </c>
      <c r="AI16328">
        <v>156</v>
      </c>
      <c r="AJ16328">
        <v>157</v>
      </c>
      <c r="AK16328">
        <v>159</v>
      </c>
      <c r="AL16328">
        <v>160</v>
      </c>
      <c r="AM16328">
        <v>161</v>
      </c>
      <c r="AN16328">
        <v>163</v>
      </c>
      <c r="AO16328">
        <v>164</v>
      </c>
      <c r="AP16328">
        <v>165</v>
      </c>
      <c r="AQ16328">
        <v>167</v>
      </c>
    </row>
    <row r="16329" spans="1:43">
      <c r="A16329" t="s">
        <v>10132</v>
      </c>
      <c r="B16329" t="s">
        <v>10133</v>
      </c>
      <c r="C16329" t="s">
        <v>9992</v>
      </c>
      <c r="D16329" t="s">
        <v>9993</v>
      </c>
      <c r="E16329" t="s">
        <v>9956</v>
      </c>
      <c r="F16329" t="s">
        <v>9957</v>
      </c>
      <c r="G16329" t="s">
        <v>80</v>
      </c>
      <c r="H16329" t="s">
        <v>81</v>
      </c>
      <c r="I16329" s="2">
        <v>0</v>
      </c>
      <c r="J16329" s="2">
        <v>1</v>
      </c>
      <c r="K16329" s="2">
        <v>0</v>
      </c>
      <c r="L16329" t="s">
        <v>82</v>
      </c>
      <c r="M16329" t="s">
        <v>83</v>
      </c>
      <c r="N16329" t="s">
        <v>91</v>
      </c>
      <c r="O16329" t="s">
        <v>85</v>
      </c>
      <c r="P16329" t="s">
        <v>86</v>
      </c>
      <c r="Q16329">
        <v>107</v>
      </c>
      <c r="R16329">
        <v>110</v>
      </c>
      <c r="S16329">
        <v>112</v>
      </c>
      <c r="T16329">
        <v>114</v>
      </c>
      <c r="U16329">
        <v>117</v>
      </c>
      <c r="V16329">
        <v>119</v>
      </c>
      <c r="W16329">
        <v>122</v>
      </c>
      <c r="X16329">
        <v>124</v>
      </c>
      <c r="Y16329">
        <v>127</v>
      </c>
      <c r="Z16329">
        <v>129</v>
      </c>
      <c r="AA16329">
        <v>132</v>
      </c>
      <c r="AB16329">
        <v>134</v>
      </c>
      <c r="AC16329">
        <v>137</v>
      </c>
      <c r="AD16329">
        <v>139</v>
      </c>
      <c r="AE16329">
        <v>142</v>
      </c>
      <c r="AF16329">
        <v>144</v>
      </c>
      <c r="AG16329">
        <v>147</v>
      </c>
      <c r="AH16329">
        <v>150</v>
      </c>
      <c r="AI16329">
        <v>152</v>
      </c>
      <c r="AJ16329">
        <v>155</v>
      </c>
      <c r="AK16329">
        <v>158</v>
      </c>
      <c r="AL16329">
        <v>160</v>
      </c>
      <c r="AM16329">
        <v>161</v>
      </c>
      <c r="AN16329">
        <v>163</v>
      </c>
      <c r="AO16329">
        <v>164</v>
      </c>
      <c r="AP16329">
        <v>165</v>
      </c>
      <c r="AQ16329">
        <v>167</v>
      </c>
    </row>
    <row r="16330" spans="1:43">
      <c r="A16330" t="s">
        <v>10134</v>
      </c>
      <c r="B16330" t="s">
        <v>10135</v>
      </c>
      <c r="C16330" t="s">
        <v>9970</v>
      </c>
      <c r="D16330" t="s">
        <v>9971</v>
      </c>
      <c r="E16330" t="s">
        <v>9956</v>
      </c>
      <c r="F16330" t="s">
        <v>9957</v>
      </c>
      <c r="G16330" t="s">
        <v>80</v>
      </c>
      <c r="H16330" t="s">
        <v>81</v>
      </c>
      <c r="I16330" s="2">
        <v>0</v>
      </c>
      <c r="J16330" s="2">
        <v>1</v>
      </c>
      <c r="K16330" s="2">
        <v>0</v>
      </c>
      <c r="L16330" t="s">
        <v>82</v>
      </c>
      <c r="M16330" t="s">
        <v>83</v>
      </c>
      <c r="N16330" t="s">
        <v>84</v>
      </c>
      <c r="O16330" t="s">
        <v>85</v>
      </c>
      <c r="P16330" t="s">
        <v>86</v>
      </c>
      <c r="Q16330">
        <v>19</v>
      </c>
      <c r="R16330">
        <v>20</v>
      </c>
      <c r="S16330">
        <v>20</v>
      </c>
      <c r="T16330">
        <v>20</v>
      </c>
      <c r="U16330">
        <v>21</v>
      </c>
      <c r="V16330">
        <v>21</v>
      </c>
      <c r="W16330">
        <v>22</v>
      </c>
      <c r="X16330">
        <v>22</v>
      </c>
      <c r="Y16330">
        <v>23</v>
      </c>
      <c r="Z16330">
        <v>23</v>
      </c>
      <c r="AA16330">
        <v>24</v>
      </c>
      <c r="AB16330">
        <v>24</v>
      </c>
      <c r="AC16330">
        <v>24</v>
      </c>
      <c r="AD16330">
        <v>25</v>
      </c>
      <c r="AE16330">
        <v>25</v>
      </c>
      <c r="AF16330">
        <v>26</v>
      </c>
      <c r="AG16330">
        <v>26</v>
      </c>
      <c r="AH16330">
        <v>27</v>
      </c>
      <c r="AI16330">
        <v>27</v>
      </c>
      <c r="AJ16330">
        <v>28</v>
      </c>
      <c r="AK16330">
        <v>28</v>
      </c>
      <c r="AL16330">
        <v>29</v>
      </c>
      <c r="AM16330">
        <v>29</v>
      </c>
      <c r="AN16330">
        <v>29</v>
      </c>
      <c r="AO16330">
        <v>30</v>
      </c>
      <c r="AP16330">
        <v>30</v>
      </c>
      <c r="AQ16330">
        <v>30</v>
      </c>
    </row>
    <row r="16331" spans="1:43">
      <c r="A16331" t="s">
        <v>10134</v>
      </c>
      <c r="B16331" t="s">
        <v>10135</v>
      </c>
      <c r="C16331" t="s">
        <v>9970</v>
      </c>
      <c r="D16331" t="s">
        <v>9971</v>
      </c>
      <c r="E16331" t="s">
        <v>9956</v>
      </c>
      <c r="F16331" t="s">
        <v>9957</v>
      </c>
      <c r="G16331" t="s">
        <v>80</v>
      </c>
      <c r="H16331" t="s">
        <v>81</v>
      </c>
      <c r="I16331" s="2">
        <v>0</v>
      </c>
      <c r="J16331" s="2">
        <v>1</v>
      </c>
      <c r="K16331" s="2">
        <v>0</v>
      </c>
      <c r="L16331" t="s">
        <v>82</v>
      </c>
      <c r="M16331" t="s">
        <v>87</v>
      </c>
      <c r="N16331" t="s">
        <v>88</v>
      </c>
      <c r="O16331" t="s">
        <v>85</v>
      </c>
      <c r="P16331" t="s">
        <v>86</v>
      </c>
      <c r="Q16331">
        <v>19</v>
      </c>
      <c r="R16331">
        <v>19</v>
      </c>
      <c r="S16331">
        <v>19</v>
      </c>
      <c r="T16331">
        <v>20</v>
      </c>
      <c r="U16331">
        <v>20</v>
      </c>
      <c r="V16331">
        <v>20</v>
      </c>
      <c r="W16331">
        <v>20</v>
      </c>
      <c r="X16331">
        <v>21</v>
      </c>
      <c r="Y16331">
        <v>21</v>
      </c>
      <c r="Z16331">
        <v>21</v>
      </c>
      <c r="AA16331">
        <v>21</v>
      </c>
      <c r="AB16331">
        <v>22</v>
      </c>
      <c r="AC16331">
        <v>22</v>
      </c>
      <c r="AD16331">
        <v>22</v>
      </c>
      <c r="AE16331">
        <v>22</v>
      </c>
      <c r="AF16331">
        <v>23</v>
      </c>
      <c r="AG16331">
        <v>23</v>
      </c>
      <c r="AH16331">
        <v>23</v>
      </c>
      <c r="AI16331">
        <v>24</v>
      </c>
      <c r="AJ16331">
        <v>24</v>
      </c>
      <c r="AK16331">
        <v>24</v>
      </c>
      <c r="AL16331">
        <v>24</v>
      </c>
      <c r="AM16331">
        <v>25</v>
      </c>
      <c r="AN16331">
        <v>25</v>
      </c>
      <c r="AO16331">
        <v>25</v>
      </c>
      <c r="AP16331">
        <v>26</v>
      </c>
      <c r="AQ16331">
        <v>26</v>
      </c>
    </row>
    <row r="16332" spans="1:43">
      <c r="A16332" t="s">
        <v>10134</v>
      </c>
      <c r="B16332" t="s">
        <v>10135</v>
      </c>
      <c r="C16332" t="s">
        <v>9970</v>
      </c>
      <c r="D16332" t="s">
        <v>9971</v>
      </c>
      <c r="E16332" t="s">
        <v>9956</v>
      </c>
      <c r="F16332" t="s">
        <v>9957</v>
      </c>
      <c r="G16332" t="s">
        <v>80</v>
      </c>
      <c r="H16332" t="s">
        <v>81</v>
      </c>
      <c r="I16332" s="2">
        <v>0</v>
      </c>
      <c r="J16332" s="2">
        <v>1</v>
      </c>
      <c r="K16332" s="2">
        <v>0</v>
      </c>
      <c r="L16332" t="s">
        <v>82</v>
      </c>
      <c r="M16332" t="s">
        <v>89</v>
      </c>
      <c r="N16332" t="s">
        <v>90</v>
      </c>
      <c r="O16332" t="s">
        <v>85</v>
      </c>
      <c r="P16332" t="s">
        <v>86</v>
      </c>
      <c r="Q16332">
        <v>19</v>
      </c>
      <c r="R16332">
        <v>20</v>
      </c>
      <c r="S16332">
        <v>21</v>
      </c>
      <c r="T16332">
        <v>21</v>
      </c>
      <c r="U16332">
        <v>22</v>
      </c>
      <c r="V16332">
        <v>22</v>
      </c>
      <c r="W16332">
        <v>23</v>
      </c>
      <c r="X16332">
        <v>23</v>
      </c>
      <c r="Y16332">
        <v>24</v>
      </c>
      <c r="Z16332">
        <v>25</v>
      </c>
      <c r="AA16332">
        <v>25</v>
      </c>
      <c r="AB16332">
        <v>26</v>
      </c>
      <c r="AC16332">
        <v>26</v>
      </c>
      <c r="AD16332">
        <v>27</v>
      </c>
      <c r="AE16332">
        <v>27</v>
      </c>
      <c r="AF16332">
        <v>28</v>
      </c>
      <c r="AG16332">
        <v>28</v>
      </c>
      <c r="AH16332">
        <v>28</v>
      </c>
      <c r="AI16332">
        <v>28</v>
      </c>
      <c r="AJ16332">
        <v>29</v>
      </c>
      <c r="AK16332">
        <v>29</v>
      </c>
      <c r="AL16332">
        <v>29</v>
      </c>
      <c r="AM16332">
        <v>29</v>
      </c>
      <c r="AN16332">
        <v>30</v>
      </c>
      <c r="AO16332">
        <v>30</v>
      </c>
      <c r="AP16332">
        <v>30</v>
      </c>
      <c r="AQ16332">
        <v>30</v>
      </c>
    </row>
    <row r="16333" spans="1:43">
      <c r="A16333" t="s">
        <v>10134</v>
      </c>
      <c r="B16333" t="s">
        <v>10135</v>
      </c>
      <c r="C16333" t="s">
        <v>9970</v>
      </c>
      <c r="D16333" t="s">
        <v>9971</v>
      </c>
      <c r="E16333" t="s">
        <v>9956</v>
      </c>
      <c r="F16333" t="s">
        <v>9957</v>
      </c>
      <c r="G16333" t="s">
        <v>80</v>
      </c>
      <c r="H16333" t="s">
        <v>81</v>
      </c>
      <c r="I16333" s="2">
        <v>0</v>
      </c>
      <c r="J16333" s="2">
        <v>1</v>
      </c>
      <c r="K16333" s="2">
        <v>0</v>
      </c>
      <c r="L16333" t="s">
        <v>82</v>
      </c>
      <c r="M16333" t="s">
        <v>83</v>
      </c>
      <c r="N16333" t="s">
        <v>91</v>
      </c>
      <c r="O16333" t="s">
        <v>85</v>
      </c>
      <c r="P16333" t="s">
        <v>86</v>
      </c>
      <c r="Q16333">
        <v>19</v>
      </c>
      <c r="R16333">
        <v>20</v>
      </c>
      <c r="S16333">
        <v>20</v>
      </c>
      <c r="T16333">
        <v>20</v>
      </c>
      <c r="U16333">
        <v>21</v>
      </c>
      <c r="V16333">
        <v>21</v>
      </c>
      <c r="W16333">
        <v>22</v>
      </c>
      <c r="X16333">
        <v>22</v>
      </c>
      <c r="Y16333">
        <v>23</v>
      </c>
      <c r="Z16333">
        <v>23</v>
      </c>
      <c r="AA16333">
        <v>24</v>
      </c>
      <c r="AB16333">
        <v>24</v>
      </c>
      <c r="AC16333">
        <v>24</v>
      </c>
      <c r="AD16333">
        <v>25</v>
      </c>
      <c r="AE16333">
        <v>25</v>
      </c>
      <c r="AF16333">
        <v>26</v>
      </c>
      <c r="AG16333">
        <v>26</v>
      </c>
      <c r="AH16333">
        <v>27</v>
      </c>
      <c r="AI16333">
        <v>27</v>
      </c>
      <c r="AJ16333">
        <v>28</v>
      </c>
      <c r="AK16333">
        <v>28</v>
      </c>
      <c r="AL16333">
        <v>29</v>
      </c>
      <c r="AM16333">
        <v>29</v>
      </c>
      <c r="AN16333">
        <v>29</v>
      </c>
      <c r="AO16333">
        <v>30</v>
      </c>
      <c r="AP16333">
        <v>30</v>
      </c>
      <c r="AQ16333">
        <v>30</v>
      </c>
    </row>
    <row r="16334" spans="1:43">
      <c r="A16334" t="s">
        <v>10136</v>
      </c>
      <c r="B16334" t="s">
        <v>10137</v>
      </c>
      <c r="C16334" t="s">
        <v>9970</v>
      </c>
      <c r="D16334" t="s">
        <v>9971</v>
      </c>
      <c r="E16334" t="s">
        <v>9956</v>
      </c>
      <c r="F16334" t="s">
        <v>9957</v>
      </c>
      <c r="G16334" t="s">
        <v>80</v>
      </c>
      <c r="H16334" t="s">
        <v>81</v>
      </c>
      <c r="I16334" s="2">
        <v>0</v>
      </c>
      <c r="J16334" s="2">
        <v>1</v>
      </c>
      <c r="K16334" s="2">
        <v>0</v>
      </c>
      <c r="L16334" t="s">
        <v>82</v>
      </c>
      <c r="M16334" t="s">
        <v>83</v>
      </c>
      <c r="N16334" t="s">
        <v>84</v>
      </c>
      <c r="O16334" t="s">
        <v>85</v>
      </c>
      <c r="P16334" t="s">
        <v>86</v>
      </c>
      <c r="Q16334">
        <v>24</v>
      </c>
      <c r="R16334">
        <v>24</v>
      </c>
      <c r="S16334">
        <v>25</v>
      </c>
      <c r="T16334">
        <v>25</v>
      </c>
      <c r="U16334">
        <v>26</v>
      </c>
      <c r="V16334">
        <v>27</v>
      </c>
      <c r="W16334">
        <v>27</v>
      </c>
      <c r="X16334">
        <v>28</v>
      </c>
      <c r="Y16334">
        <v>28</v>
      </c>
      <c r="Z16334">
        <v>29</v>
      </c>
      <c r="AA16334">
        <v>29</v>
      </c>
      <c r="AB16334">
        <v>30</v>
      </c>
      <c r="AC16334">
        <v>30</v>
      </c>
      <c r="AD16334">
        <v>31</v>
      </c>
      <c r="AE16334">
        <v>32</v>
      </c>
      <c r="AF16334">
        <v>32</v>
      </c>
      <c r="AG16334">
        <v>33</v>
      </c>
      <c r="AH16334">
        <v>33</v>
      </c>
      <c r="AI16334">
        <v>34</v>
      </c>
      <c r="AJ16334">
        <v>35</v>
      </c>
      <c r="AK16334">
        <v>35</v>
      </c>
      <c r="AL16334">
        <v>36</v>
      </c>
      <c r="AM16334">
        <v>36</v>
      </c>
      <c r="AN16334">
        <v>36</v>
      </c>
      <c r="AO16334">
        <v>37</v>
      </c>
      <c r="AP16334">
        <v>37</v>
      </c>
      <c r="AQ16334">
        <v>37</v>
      </c>
    </row>
    <row r="16335" spans="1:43">
      <c r="A16335" t="s">
        <v>10136</v>
      </c>
      <c r="B16335" t="s">
        <v>10137</v>
      </c>
      <c r="C16335" t="s">
        <v>9970</v>
      </c>
      <c r="D16335" t="s">
        <v>9971</v>
      </c>
      <c r="E16335" t="s">
        <v>9956</v>
      </c>
      <c r="F16335" t="s">
        <v>9957</v>
      </c>
      <c r="G16335" t="s">
        <v>80</v>
      </c>
      <c r="H16335" t="s">
        <v>81</v>
      </c>
      <c r="I16335" s="2">
        <v>0</v>
      </c>
      <c r="J16335" s="2">
        <v>1</v>
      </c>
      <c r="K16335" s="2">
        <v>0</v>
      </c>
      <c r="L16335" t="s">
        <v>82</v>
      </c>
      <c r="M16335" t="s">
        <v>87</v>
      </c>
      <c r="N16335" t="s">
        <v>88</v>
      </c>
      <c r="O16335" t="s">
        <v>85</v>
      </c>
      <c r="P16335" t="s">
        <v>86</v>
      </c>
      <c r="Q16335">
        <v>24</v>
      </c>
      <c r="R16335">
        <v>24</v>
      </c>
      <c r="S16335">
        <v>24</v>
      </c>
      <c r="T16335">
        <v>25</v>
      </c>
      <c r="U16335">
        <v>25</v>
      </c>
      <c r="V16335">
        <v>25</v>
      </c>
      <c r="W16335">
        <v>25</v>
      </c>
      <c r="X16335">
        <v>26</v>
      </c>
      <c r="Y16335">
        <v>26</v>
      </c>
      <c r="Z16335">
        <v>26</v>
      </c>
      <c r="AA16335">
        <v>27</v>
      </c>
      <c r="AB16335">
        <v>27</v>
      </c>
      <c r="AC16335">
        <v>27</v>
      </c>
      <c r="AD16335">
        <v>28</v>
      </c>
      <c r="AE16335">
        <v>28</v>
      </c>
      <c r="AF16335">
        <v>28</v>
      </c>
      <c r="AG16335">
        <v>29</v>
      </c>
      <c r="AH16335">
        <v>29</v>
      </c>
      <c r="AI16335">
        <v>29</v>
      </c>
      <c r="AJ16335">
        <v>30</v>
      </c>
      <c r="AK16335">
        <v>30</v>
      </c>
      <c r="AL16335">
        <v>30</v>
      </c>
      <c r="AM16335">
        <v>31</v>
      </c>
      <c r="AN16335">
        <v>31</v>
      </c>
      <c r="AO16335">
        <v>32</v>
      </c>
      <c r="AP16335">
        <v>32</v>
      </c>
      <c r="AQ16335">
        <v>32</v>
      </c>
    </row>
    <row r="16336" spans="1:43">
      <c r="A16336" t="s">
        <v>10136</v>
      </c>
      <c r="B16336" t="s">
        <v>10137</v>
      </c>
      <c r="C16336" t="s">
        <v>9970</v>
      </c>
      <c r="D16336" t="s">
        <v>9971</v>
      </c>
      <c r="E16336" t="s">
        <v>9956</v>
      </c>
      <c r="F16336" t="s">
        <v>9957</v>
      </c>
      <c r="G16336" t="s">
        <v>80</v>
      </c>
      <c r="H16336" t="s">
        <v>81</v>
      </c>
      <c r="I16336" s="2">
        <v>0</v>
      </c>
      <c r="J16336" s="2">
        <v>1</v>
      </c>
      <c r="K16336" s="2">
        <v>0</v>
      </c>
      <c r="L16336" t="s">
        <v>82</v>
      </c>
      <c r="M16336" t="s">
        <v>89</v>
      </c>
      <c r="N16336" t="s">
        <v>90</v>
      </c>
      <c r="O16336" t="s">
        <v>85</v>
      </c>
      <c r="P16336" t="s">
        <v>86</v>
      </c>
      <c r="Q16336">
        <v>24</v>
      </c>
      <c r="R16336">
        <v>25</v>
      </c>
      <c r="S16336">
        <v>26</v>
      </c>
      <c r="T16336">
        <v>26</v>
      </c>
      <c r="U16336">
        <v>27</v>
      </c>
      <c r="V16336">
        <v>28</v>
      </c>
      <c r="W16336">
        <v>28</v>
      </c>
      <c r="X16336">
        <v>29</v>
      </c>
      <c r="Y16336">
        <v>30</v>
      </c>
      <c r="Z16336">
        <v>31</v>
      </c>
      <c r="AA16336">
        <v>31</v>
      </c>
      <c r="AB16336">
        <v>32</v>
      </c>
      <c r="AC16336">
        <v>33</v>
      </c>
      <c r="AD16336">
        <v>33</v>
      </c>
      <c r="AE16336">
        <v>34</v>
      </c>
      <c r="AF16336">
        <v>34</v>
      </c>
      <c r="AG16336">
        <v>35</v>
      </c>
      <c r="AH16336">
        <v>35</v>
      </c>
      <c r="AI16336">
        <v>35</v>
      </c>
      <c r="AJ16336">
        <v>35</v>
      </c>
      <c r="AK16336">
        <v>36</v>
      </c>
      <c r="AL16336">
        <v>36</v>
      </c>
      <c r="AM16336">
        <v>36</v>
      </c>
      <c r="AN16336">
        <v>37</v>
      </c>
      <c r="AO16336">
        <v>37</v>
      </c>
      <c r="AP16336">
        <v>37</v>
      </c>
      <c r="AQ16336">
        <v>37</v>
      </c>
    </row>
    <row r="16337" spans="1:43">
      <c r="A16337" t="s">
        <v>10136</v>
      </c>
      <c r="B16337" t="s">
        <v>10137</v>
      </c>
      <c r="C16337" t="s">
        <v>9970</v>
      </c>
      <c r="D16337" t="s">
        <v>9971</v>
      </c>
      <c r="E16337" t="s">
        <v>9956</v>
      </c>
      <c r="F16337" t="s">
        <v>9957</v>
      </c>
      <c r="G16337" t="s">
        <v>80</v>
      </c>
      <c r="H16337" t="s">
        <v>81</v>
      </c>
      <c r="I16337" s="2">
        <v>0</v>
      </c>
      <c r="J16337" s="2">
        <v>1</v>
      </c>
      <c r="K16337" s="2">
        <v>0</v>
      </c>
      <c r="L16337" t="s">
        <v>82</v>
      </c>
      <c r="M16337" t="s">
        <v>83</v>
      </c>
      <c r="N16337" t="s">
        <v>91</v>
      </c>
      <c r="O16337" t="s">
        <v>85</v>
      </c>
      <c r="P16337" t="s">
        <v>86</v>
      </c>
      <c r="Q16337">
        <v>24</v>
      </c>
      <c r="R16337">
        <v>24</v>
      </c>
      <c r="S16337">
        <v>25</v>
      </c>
      <c r="T16337">
        <v>25</v>
      </c>
      <c r="U16337">
        <v>26</v>
      </c>
      <c r="V16337">
        <v>27</v>
      </c>
      <c r="W16337">
        <v>27</v>
      </c>
      <c r="X16337">
        <v>28</v>
      </c>
      <c r="Y16337">
        <v>28</v>
      </c>
      <c r="Z16337">
        <v>29</v>
      </c>
      <c r="AA16337">
        <v>29</v>
      </c>
      <c r="AB16337">
        <v>30</v>
      </c>
      <c r="AC16337">
        <v>30</v>
      </c>
      <c r="AD16337">
        <v>31</v>
      </c>
      <c r="AE16337">
        <v>32</v>
      </c>
      <c r="AF16337">
        <v>32</v>
      </c>
      <c r="AG16337">
        <v>33</v>
      </c>
      <c r="AH16337">
        <v>33</v>
      </c>
      <c r="AI16337">
        <v>34</v>
      </c>
      <c r="AJ16337">
        <v>35</v>
      </c>
      <c r="AK16337">
        <v>35</v>
      </c>
      <c r="AL16337">
        <v>36</v>
      </c>
      <c r="AM16337">
        <v>36</v>
      </c>
      <c r="AN16337">
        <v>36</v>
      </c>
      <c r="AO16337">
        <v>37</v>
      </c>
      <c r="AP16337">
        <v>37</v>
      </c>
      <c r="AQ16337">
        <v>37</v>
      </c>
    </row>
    <row r="16338" spans="1:43">
      <c r="A16338" t="s">
        <v>10138</v>
      </c>
      <c r="B16338" t="s">
        <v>10139</v>
      </c>
      <c r="C16338" t="s">
        <v>9960</v>
      </c>
      <c r="D16338" t="s">
        <v>9961</v>
      </c>
      <c r="E16338" t="s">
        <v>9956</v>
      </c>
      <c r="F16338" t="s">
        <v>9957</v>
      </c>
      <c r="G16338" t="s">
        <v>80</v>
      </c>
      <c r="H16338" t="s">
        <v>81</v>
      </c>
      <c r="I16338" s="2">
        <v>0</v>
      </c>
      <c r="J16338" s="2">
        <v>1</v>
      </c>
      <c r="K16338" s="2">
        <v>0</v>
      </c>
      <c r="L16338" t="s">
        <v>82</v>
      </c>
      <c r="M16338" t="s">
        <v>83</v>
      </c>
      <c r="N16338" t="s">
        <v>84</v>
      </c>
      <c r="O16338" t="s">
        <v>85</v>
      </c>
      <c r="P16338" t="s">
        <v>86</v>
      </c>
      <c r="Q16338">
        <v>59</v>
      </c>
      <c r="R16338">
        <v>60</v>
      </c>
      <c r="S16338">
        <v>61</v>
      </c>
      <c r="T16338">
        <v>63</v>
      </c>
      <c r="U16338">
        <v>64</v>
      </c>
      <c r="V16338">
        <v>65</v>
      </c>
      <c r="W16338">
        <v>67</v>
      </c>
      <c r="X16338">
        <v>68</v>
      </c>
      <c r="Y16338">
        <v>69</v>
      </c>
      <c r="Z16338">
        <v>71</v>
      </c>
      <c r="AA16338">
        <v>72</v>
      </c>
      <c r="AB16338">
        <v>73</v>
      </c>
      <c r="AC16338">
        <v>75</v>
      </c>
      <c r="AD16338">
        <v>76</v>
      </c>
      <c r="AE16338">
        <v>78</v>
      </c>
      <c r="AF16338">
        <v>79</v>
      </c>
      <c r="AG16338">
        <v>81</v>
      </c>
      <c r="AH16338">
        <v>82</v>
      </c>
      <c r="AI16338">
        <v>84</v>
      </c>
      <c r="AJ16338">
        <v>85</v>
      </c>
      <c r="AK16338">
        <v>87</v>
      </c>
      <c r="AL16338">
        <v>88</v>
      </c>
      <c r="AM16338">
        <v>88</v>
      </c>
      <c r="AN16338">
        <v>89</v>
      </c>
      <c r="AO16338">
        <v>90</v>
      </c>
      <c r="AP16338">
        <v>91</v>
      </c>
      <c r="AQ16338">
        <v>92</v>
      </c>
    </row>
    <row r="16339" spans="1:43">
      <c r="A16339" t="s">
        <v>10138</v>
      </c>
      <c r="B16339" t="s">
        <v>10139</v>
      </c>
      <c r="C16339" t="s">
        <v>9960</v>
      </c>
      <c r="D16339" t="s">
        <v>9961</v>
      </c>
      <c r="E16339" t="s">
        <v>9956</v>
      </c>
      <c r="F16339" t="s">
        <v>9957</v>
      </c>
      <c r="G16339" t="s">
        <v>80</v>
      </c>
      <c r="H16339" t="s">
        <v>81</v>
      </c>
      <c r="I16339" s="2">
        <v>0</v>
      </c>
      <c r="J16339" s="2">
        <v>1</v>
      </c>
      <c r="K16339" s="2">
        <v>0</v>
      </c>
      <c r="L16339" t="s">
        <v>82</v>
      </c>
      <c r="M16339" t="s">
        <v>87</v>
      </c>
      <c r="N16339" t="s">
        <v>88</v>
      </c>
      <c r="O16339" t="s">
        <v>85</v>
      </c>
      <c r="P16339" t="s">
        <v>86</v>
      </c>
      <c r="Q16339">
        <v>59</v>
      </c>
      <c r="R16339">
        <v>60</v>
      </c>
      <c r="S16339">
        <v>61</v>
      </c>
      <c r="T16339">
        <v>61</v>
      </c>
      <c r="U16339">
        <v>62</v>
      </c>
      <c r="V16339">
        <v>63</v>
      </c>
      <c r="W16339">
        <v>63</v>
      </c>
      <c r="X16339">
        <v>64</v>
      </c>
      <c r="Y16339">
        <v>65</v>
      </c>
      <c r="Z16339">
        <v>66</v>
      </c>
      <c r="AA16339">
        <v>67</v>
      </c>
      <c r="AB16339">
        <v>67</v>
      </c>
      <c r="AC16339">
        <v>68</v>
      </c>
      <c r="AD16339">
        <v>69</v>
      </c>
      <c r="AE16339">
        <v>70</v>
      </c>
      <c r="AF16339">
        <v>71</v>
      </c>
      <c r="AG16339">
        <v>71</v>
      </c>
      <c r="AH16339">
        <v>72</v>
      </c>
      <c r="AI16339">
        <v>73</v>
      </c>
      <c r="AJ16339">
        <v>74</v>
      </c>
      <c r="AK16339">
        <v>75</v>
      </c>
      <c r="AL16339">
        <v>76</v>
      </c>
      <c r="AM16339">
        <v>77</v>
      </c>
      <c r="AN16339">
        <v>78</v>
      </c>
      <c r="AO16339">
        <v>79</v>
      </c>
      <c r="AP16339">
        <v>79</v>
      </c>
      <c r="AQ16339">
        <v>80</v>
      </c>
    </row>
    <row r="16340" spans="1:43">
      <c r="A16340" t="s">
        <v>10138</v>
      </c>
      <c r="B16340" t="s">
        <v>10139</v>
      </c>
      <c r="C16340" t="s">
        <v>9960</v>
      </c>
      <c r="D16340" t="s">
        <v>9961</v>
      </c>
      <c r="E16340" t="s">
        <v>9956</v>
      </c>
      <c r="F16340" t="s">
        <v>9957</v>
      </c>
      <c r="G16340" t="s">
        <v>80</v>
      </c>
      <c r="H16340" t="s">
        <v>81</v>
      </c>
      <c r="I16340" s="2">
        <v>0</v>
      </c>
      <c r="J16340" s="2">
        <v>1</v>
      </c>
      <c r="K16340" s="2">
        <v>0</v>
      </c>
      <c r="L16340" t="s">
        <v>82</v>
      </c>
      <c r="M16340" t="s">
        <v>89</v>
      </c>
      <c r="N16340" t="s">
        <v>90</v>
      </c>
      <c r="O16340" t="s">
        <v>85</v>
      </c>
      <c r="P16340" t="s">
        <v>86</v>
      </c>
      <c r="Q16340">
        <v>59</v>
      </c>
      <c r="R16340">
        <v>61</v>
      </c>
      <c r="S16340">
        <v>63</v>
      </c>
      <c r="T16340">
        <v>65</v>
      </c>
      <c r="U16340">
        <v>66</v>
      </c>
      <c r="V16340">
        <v>68</v>
      </c>
      <c r="W16340">
        <v>70</v>
      </c>
      <c r="X16340">
        <v>72</v>
      </c>
      <c r="Y16340">
        <v>73</v>
      </c>
      <c r="Z16340">
        <v>75</v>
      </c>
      <c r="AA16340">
        <v>77</v>
      </c>
      <c r="AB16340">
        <v>78</v>
      </c>
      <c r="AC16340">
        <v>80</v>
      </c>
      <c r="AD16340">
        <v>82</v>
      </c>
      <c r="AE16340">
        <v>83</v>
      </c>
      <c r="AF16340">
        <v>84</v>
      </c>
      <c r="AG16340">
        <v>85</v>
      </c>
      <c r="AH16340">
        <v>86</v>
      </c>
      <c r="AI16340">
        <v>86</v>
      </c>
      <c r="AJ16340">
        <v>87</v>
      </c>
      <c r="AK16340">
        <v>88</v>
      </c>
      <c r="AL16340">
        <v>89</v>
      </c>
      <c r="AM16340">
        <v>90</v>
      </c>
      <c r="AN16340">
        <v>90</v>
      </c>
      <c r="AO16340">
        <v>91</v>
      </c>
      <c r="AP16340">
        <v>92</v>
      </c>
      <c r="AQ16340">
        <v>93</v>
      </c>
    </row>
    <row r="16341" spans="1:43">
      <c r="A16341" t="s">
        <v>10138</v>
      </c>
      <c r="B16341" t="s">
        <v>10139</v>
      </c>
      <c r="C16341" t="s">
        <v>9960</v>
      </c>
      <c r="D16341" t="s">
        <v>9961</v>
      </c>
      <c r="E16341" t="s">
        <v>9956</v>
      </c>
      <c r="F16341" t="s">
        <v>9957</v>
      </c>
      <c r="G16341" t="s">
        <v>80</v>
      </c>
      <c r="H16341" t="s">
        <v>81</v>
      </c>
      <c r="I16341" s="2">
        <v>0</v>
      </c>
      <c r="J16341" s="2">
        <v>1</v>
      </c>
      <c r="K16341" s="2">
        <v>0</v>
      </c>
      <c r="L16341" t="s">
        <v>82</v>
      </c>
      <c r="M16341" t="s">
        <v>83</v>
      </c>
      <c r="N16341" t="s">
        <v>91</v>
      </c>
      <c r="O16341" t="s">
        <v>85</v>
      </c>
      <c r="P16341" t="s">
        <v>86</v>
      </c>
      <c r="Q16341">
        <v>59</v>
      </c>
      <c r="R16341">
        <v>60</v>
      </c>
      <c r="S16341">
        <v>61</v>
      </c>
      <c r="T16341">
        <v>63</v>
      </c>
      <c r="U16341">
        <v>64</v>
      </c>
      <c r="V16341">
        <v>65</v>
      </c>
      <c r="W16341">
        <v>67</v>
      </c>
      <c r="X16341">
        <v>68</v>
      </c>
      <c r="Y16341">
        <v>69</v>
      </c>
      <c r="Z16341">
        <v>71</v>
      </c>
      <c r="AA16341">
        <v>72</v>
      </c>
      <c r="AB16341">
        <v>73</v>
      </c>
      <c r="AC16341">
        <v>75</v>
      </c>
      <c r="AD16341">
        <v>76</v>
      </c>
      <c r="AE16341">
        <v>78</v>
      </c>
      <c r="AF16341">
        <v>79</v>
      </c>
      <c r="AG16341">
        <v>81</v>
      </c>
      <c r="AH16341">
        <v>82</v>
      </c>
      <c r="AI16341">
        <v>84</v>
      </c>
      <c r="AJ16341">
        <v>85</v>
      </c>
      <c r="AK16341">
        <v>87</v>
      </c>
      <c r="AL16341">
        <v>88</v>
      </c>
      <c r="AM16341">
        <v>88</v>
      </c>
      <c r="AN16341">
        <v>89</v>
      </c>
      <c r="AO16341">
        <v>90</v>
      </c>
      <c r="AP16341">
        <v>91</v>
      </c>
      <c r="AQ16341">
        <v>92</v>
      </c>
    </row>
    <row r="16342" spans="1:43">
      <c r="A16342" t="s">
        <v>10140</v>
      </c>
      <c r="B16342" t="s">
        <v>10141</v>
      </c>
      <c r="C16342" t="s">
        <v>10142</v>
      </c>
      <c r="D16342" t="s">
        <v>10143</v>
      </c>
      <c r="E16342" t="s">
        <v>9956</v>
      </c>
      <c r="F16342" t="s">
        <v>9957</v>
      </c>
      <c r="G16342" t="s">
        <v>80</v>
      </c>
      <c r="H16342" t="s">
        <v>81</v>
      </c>
      <c r="I16342" s="2">
        <v>0</v>
      </c>
      <c r="J16342" s="2">
        <v>1</v>
      </c>
      <c r="K16342" s="2">
        <v>0</v>
      </c>
      <c r="L16342" t="s">
        <v>82</v>
      </c>
      <c r="M16342" t="s">
        <v>83</v>
      </c>
      <c r="N16342" t="s">
        <v>84</v>
      </c>
      <c r="O16342" t="s">
        <v>85</v>
      </c>
      <c r="P16342" t="s">
        <v>86</v>
      </c>
      <c r="Q16342">
        <v>377</v>
      </c>
      <c r="R16342">
        <v>385</v>
      </c>
      <c r="S16342">
        <v>393</v>
      </c>
      <c r="T16342">
        <v>402</v>
      </c>
      <c r="U16342">
        <v>410</v>
      </c>
      <c r="V16342">
        <v>418</v>
      </c>
      <c r="W16342">
        <v>427</v>
      </c>
      <c r="X16342">
        <v>436</v>
      </c>
      <c r="Y16342">
        <v>444</v>
      </c>
      <c r="Z16342">
        <v>453</v>
      </c>
      <c r="AA16342">
        <v>463</v>
      </c>
      <c r="AB16342">
        <v>472</v>
      </c>
      <c r="AC16342">
        <v>481</v>
      </c>
      <c r="AD16342">
        <v>491</v>
      </c>
      <c r="AE16342">
        <v>500</v>
      </c>
      <c r="AF16342">
        <v>510</v>
      </c>
      <c r="AG16342">
        <v>520</v>
      </c>
      <c r="AH16342">
        <v>529</v>
      </c>
      <c r="AI16342">
        <v>539</v>
      </c>
      <c r="AJ16342">
        <v>550</v>
      </c>
      <c r="AK16342">
        <v>560</v>
      </c>
      <c r="AL16342">
        <v>566</v>
      </c>
      <c r="AM16342">
        <v>571</v>
      </c>
      <c r="AN16342">
        <v>576</v>
      </c>
      <c r="AO16342">
        <v>580</v>
      </c>
      <c r="AP16342">
        <v>585</v>
      </c>
      <c r="AQ16342">
        <v>590</v>
      </c>
    </row>
    <row r="16343" spans="1:43">
      <c r="A16343" t="s">
        <v>10140</v>
      </c>
      <c r="B16343" t="s">
        <v>10141</v>
      </c>
      <c r="C16343" t="s">
        <v>10142</v>
      </c>
      <c r="D16343" t="s">
        <v>10143</v>
      </c>
      <c r="E16343" t="s">
        <v>9956</v>
      </c>
      <c r="F16343" t="s">
        <v>9957</v>
      </c>
      <c r="G16343" t="s">
        <v>80</v>
      </c>
      <c r="H16343" t="s">
        <v>81</v>
      </c>
      <c r="I16343" s="2">
        <v>0</v>
      </c>
      <c r="J16343" s="2">
        <v>1</v>
      </c>
      <c r="K16343" s="2">
        <v>0</v>
      </c>
      <c r="L16343" t="s">
        <v>82</v>
      </c>
      <c r="M16343" t="s">
        <v>87</v>
      </c>
      <c r="N16343" t="s">
        <v>88</v>
      </c>
      <c r="O16343" t="s">
        <v>85</v>
      </c>
      <c r="P16343" t="s">
        <v>86</v>
      </c>
      <c r="Q16343">
        <v>377</v>
      </c>
      <c r="R16343">
        <v>382</v>
      </c>
      <c r="S16343">
        <v>387</v>
      </c>
      <c r="T16343">
        <v>391</v>
      </c>
      <c r="U16343">
        <v>396</v>
      </c>
      <c r="V16343">
        <v>400</v>
      </c>
      <c r="W16343">
        <v>405</v>
      </c>
      <c r="X16343">
        <v>410</v>
      </c>
      <c r="Y16343">
        <v>415</v>
      </c>
      <c r="Z16343">
        <v>420</v>
      </c>
      <c r="AA16343">
        <v>425</v>
      </c>
      <c r="AB16343">
        <v>430</v>
      </c>
      <c r="AC16343">
        <v>435</v>
      </c>
      <c r="AD16343">
        <v>441</v>
      </c>
      <c r="AE16343">
        <v>446</v>
      </c>
      <c r="AF16343">
        <v>451</v>
      </c>
      <c r="AG16343">
        <v>457</v>
      </c>
      <c r="AH16343">
        <v>462</v>
      </c>
      <c r="AI16343">
        <v>468</v>
      </c>
      <c r="AJ16343">
        <v>473</v>
      </c>
      <c r="AK16343">
        <v>479</v>
      </c>
      <c r="AL16343">
        <v>485</v>
      </c>
      <c r="AM16343">
        <v>491</v>
      </c>
      <c r="AN16343">
        <v>496</v>
      </c>
      <c r="AO16343">
        <v>502</v>
      </c>
      <c r="AP16343">
        <v>508</v>
      </c>
      <c r="AQ16343">
        <v>514</v>
      </c>
    </row>
    <row r="16344" spans="1:43">
      <c r="A16344" t="s">
        <v>10140</v>
      </c>
      <c r="B16344" t="s">
        <v>10141</v>
      </c>
      <c r="C16344" t="s">
        <v>10142</v>
      </c>
      <c r="D16344" t="s">
        <v>10143</v>
      </c>
      <c r="E16344" t="s">
        <v>9956</v>
      </c>
      <c r="F16344" t="s">
        <v>9957</v>
      </c>
      <c r="G16344" t="s">
        <v>80</v>
      </c>
      <c r="H16344" t="s">
        <v>81</v>
      </c>
      <c r="I16344" s="2">
        <v>0</v>
      </c>
      <c r="J16344" s="2">
        <v>1</v>
      </c>
      <c r="K16344" s="2">
        <v>0</v>
      </c>
      <c r="L16344" t="s">
        <v>82</v>
      </c>
      <c r="M16344" t="s">
        <v>89</v>
      </c>
      <c r="N16344" t="s">
        <v>90</v>
      </c>
      <c r="O16344" t="s">
        <v>85</v>
      </c>
      <c r="P16344" t="s">
        <v>86</v>
      </c>
      <c r="Q16344">
        <v>377</v>
      </c>
      <c r="R16344">
        <v>389</v>
      </c>
      <c r="S16344">
        <v>400</v>
      </c>
      <c r="T16344">
        <v>412</v>
      </c>
      <c r="U16344">
        <v>423</v>
      </c>
      <c r="V16344">
        <v>435</v>
      </c>
      <c r="W16344">
        <v>446</v>
      </c>
      <c r="X16344">
        <v>457</v>
      </c>
      <c r="Y16344">
        <v>468</v>
      </c>
      <c r="Z16344">
        <v>480</v>
      </c>
      <c r="AA16344">
        <v>491</v>
      </c>
      <c r="AB16344">
        <v>502</v>
      </c>
      <c r="AC16344">
        <v>514</v>
      </c>
      <c r="AD16344">
        <v>526</v>
      </c>
      <c r="AE16344">
        <v>535</v>
      </c>
      <c r="AF16344">
        <v>539</v>
      </c>
      <c r="AG16344">
        <v>544</v>
      </c>
      <c r="AH16344">
        <v>548</v>
      </c>
      <c r="AI16344">
        <v>553</v>
      </c>
      <c r="AJ16344">
        <v>557</v>
      </c>
      <c r="AK16344">
        <v>561</v>
      </c>
      <c r="AL16344">
        <v>566</v>
      </c>
      <c r="AM16344">
        <v>571</v>
      </c>
      <c r="AN16344">
        <v>575</v>
      </c>
      <c r="AO16344">
        <v>580</v>
      </c>
      <c r="AP16344">
        <v>584</v>
      </c>
      <c r="AQ16344">
        <v>589</v>
      </c>
    </row>
    <row r="16345" spans="1:43">
      <c r="A16345" t="s">
        <v>10140</v>
      </c>
      <c r="B16345" t="s">
        <v>10141</v>
      </c>
      <c r="C16345" t="s">
        <v>10142</v>
      </c>
      <c r="D16345" t="s">
        <v>10143</v>
      </c>
      <c r="E16345" t="s">
        <v>9956</v>
      </c>
      <c r="F16345" t="s">
        <v>9957</v>
      </c>
      <c r="G16345" t="s">
        <v>80</v>
      </c>
      <c r="H16345" t="s">
        <v>81</v>
      </c>
      <c r="I16345" s="2">
        <v>0</v>
      </c>
      <c r="J16345" s="2">
        <v>1</v>
      </c>
      <c r="K16345" s="2">
        <v>0</v>
      </c>
      <c r="L16345" t="s">
        <v>82</v>
      </c>
      <c r="M16345" t="s">
        <v>83</v>
      </c>
      <c r="N16345" t="s">
        <v>91</v>
      </c>
      <c r="O16345" t="s">
        <v>85</v>
      </c>
      <c r="P16345" t="s">
        <v>86</v>
      </c>
      <c r="Q16345">
        <v>377</v>
      </c>
      <c r="R16345">
        <v>385</v>
      </c>
      <c r="S16345">
        <v>393</v>
      </c>
      <c r="T16345">
        <v>402</v>
      </c>
      <c r="U16345">
        <v>410</v>
      </c>
      <c r="V16345">
        <v>418</v>
      </c>
      <c r="W16345">
        <v>427</v>
      </c>
      <c r="X16345">
        <v>436</v>
      </c>
      <c r="Y16345">
        <v>444</v>
      </c>
      <c r="Z16345">
        <v>453</v>
      </c>
      <c r="AA16345">
        <v>463</v>
      </c>
      <c r="AB16345">
        <v>472</v>
      </c>
      <c r="AC16345">
        <v>481</v>
      </c>
      <c r="AD16345">
        <v>491</v>
      </c>
      <c r="AE16345">
        <v>500</v>
      </c>
      <c r="AF16345">
        <v>510</v>
      </c>
      <c r="AG16345">
        <v>520</v>
      </c>
      <c r="AH16345">
        <v>529</v>
      </c>
      <c r="AI16345">
        <v>539</v>
      </c>
      <c r="AJ16345">
        <v>550</v>
      </c>
      <c r="AK16345">
        <v>560</v>
      </c>
      <c r="AL16345">
        <v>566</v>
      </c>
      <c r="AM16345">
        <v>571</v>
      </c>
      <c r="AN16345">
        <v>576</v>
      </c>
      <c r="AO16345">
        <v>580</v>
      </c>
      <c r="AP16345">
        <v>585</v>
      </c>
      <c r="AQ16345">
        <v>590</v>
      </c>
    </row>
    <row r="16346" spans="1:43">
      <c r="A16346" t="s">
        <v>10144</v>
      </c>
      <c r="B16346" t="s">
        <v>10145</v>
      </c>
      <c r="C16346" t="s">
        <v>10142</v>
      </c>
      <c r="D16346" t="s">
        <v>10143</v>
      </c>
      <c r="E16346" t="s">
        <v>9956</v>
      </c>
      <c r="F16346" t="s">
        <v>9957</v>
      </c>
      <c r="G16346" t="s">
        <v>80</v>
      </c>
      <c r="H16346" t="s">
        <v>81</v>
      </c>
      <c r="I16346" s="2">
        <v>0</v>
      </c>
      <c r="J16346" s="2">
        <v>1</v>
      </c>
      <c r="K16346" s="2">
        <v>0</v>
      </c>
      <c r="L16346" t="s">
        <v>82</v>
      </c>
      <c r="M16346" t="s">
        <v>83</v>
      </c>
      <c r="N16346" t="s">
        <v>84</v>
      </c>
      <c r="O16346" t="s">
        <v>85</v>
      </c>
      <c r="P16346" t="s">
        <v>86</v>
      </c>
      <c r="Q16346">
        <v>91</v>
      </c>
      <c r="R16346">
        <v>93</v>
      </c>
      <c r="S16346">
        <v>95</v>
      </c>
      <c r="T16346">
        <v>97</v>
      </c>
      <c r="U16346">
        <v>99</v>
      </c>
      <c r="V16346">
        <v>101</v>
      </c>
      <c r="W16346">
        <v>103</v>
      </c>
      <c r="X16346">
        <v>105</v>
      </c>
      <c r="Y16346">
        <v>107</v>
      </c>
      <c r="Z16346">
        <v>109</v>
      </c>
      <c r="AA16346">
        <v>111</v>
      </c>
      <c r="AB16346">
        <v>113</v>
      </c>
      <c r="AC16346">
        <v>116</v>
      </c>
      <c r="AD16346">
        <v>118</v>
      </c>
      <c r="AE16346">
        <v>120</v>
      </c>
      <c r="AF16346">
        <v>123</v>
      </c>
      <c r="AG16346">
        <v>125</v>
      </c>
      <c r="AH16346">
        <v>127</v>
      </c>
      <c r="AI16346">
        <v>130</v>
      </c>
      <c r="AJ16346">
        <v>132</v>
      </c>
      <c r="AK16346">
        <v>134</v>
      </c>
      <c r="AL16346">
        <v>136</v>
      </c>
      <c r="AM16346">
        <v>137</v>
      </c>
      <c r="AN16346">
        <v>138</v>
      </c>
      <c r="AO16346">
        <v>139</v>
      </c>
      <c r="AP16346">
        <v>141</v>
      </c>
      <c r="AQ16346">
        <v>142</v>
      </c>
    </row>
    <row r="16347" spans="1:43">
      <c r="A16347" t="s">
        <v>10144</v>
      </c>
      <c r="B16347" t="s">
        <v>10145</v>
      </c>
      <c r="C16347" t="s">
        <v>10142</v>
      </c>
      <c r="D16347" t="s">
        <v>10143</v>
      </c>
      <c r="E16347" t="s">
        <v>9956</v>
      </c>
      <c r="F16347" t="s">
        <v>9957</v>
      </c>
      <c r="G16347" t="s">
        <v>80</v>
      </c>
      <c r="H16347" t="s">
        <v>81</v>
      </c>
      <c r="I16347" s="2">
        <v>0</v>
      </c>
      <c r="J16347" s="2">
        <v>1</v>
      </c>
      <c r="K16347" s="2">
        <v>0</v>
      </c>
      <c r="L16347" t="s">
        <v>82</v>
      </c>
      <c r="M16347" t="s">
        <v>87</v>
      </c>
      <c r="N16347" t="s">
        <v>88</v>
      </c>
      <c r="O16347" t="s">
        <v>85</v>
      </c>
      <c r="P16347" t="s">
        <v>86</v>
      </c>
      <c r="Q16347">
        <v>91</v>
      </c>
      <c r="R16347">
        <v>92</v>
      </c>
      <c r="S16347">
        <v>93</v>
      </c>
      <c r="T16347">
        <v>94</v>
      </c>
      <c r="U16347">
        <v>95</v>
      </c>
      <c r="V16347">
        <v>96</v>
      </c>
      <c r="W16347">
        <v>97</v>
      </c>
      <c r="X16347">
        <v>99</v>
      </c>
      <c r="Y16347">
        <v>100</v>
      </c>
      <c r="Z16347">
        <v>101</v>
      </c>
      <c r="AA16347">
        <v>102</v>
      </c>
      <c r="AB16347">
        <v>103</v>
      </c>
      <c r="AC16347">
        <v>105</v>
      </c>
      <c r="AD16347">
        <v>106</v>
      </c>
      <c r="AE16347">
        <v>107</v>
      </c>
      <c r="AF16347">
        <v>109</v>
      </c>
      <c r="AG16347">
        <v>110</v>
      </c>
      <c r="AH16347">
        <v>111</v>
      </c>
      <c r="AI16347">
        <v>113</v>
      </c>
      <c r="AJ16347">
        <v>114</v>
      </c>
      <c r="AK16347">
        <v>115</v>
      </c>
      <c r="AL16347">
        <v>117</v>
      </c>
      <c r="AM16347">
        <v>118</v>
      </c>
      <c r="AN16347">
        <v>119</v>
      </c>
      <c r="AO16347">
        <v>121</v>
      </c>
      <c r="AP16347">
        <v>122</v>
      </c>
      <c r="AQ16347">
        <v>124</v>
      </c>
    </row>
    <row r="16348" spans="1:43">
      <c r="A16348" t="s">
        <v>10144</v>
      </c>
      <c r="B16348" t="s">
        <v>10145</v>
      </c>
      <c r="C16348" t="s">
        <v>10142</v>
      </c>
      <c r="D16348" t="s">
        <v>10143</v>
      </c>
      <c r="E16348" t="s">
        <v>9956</v>
      </c>
      <c r="F16348" t="s">
        <v>9957</v>
      </c>
      <c r="G16348" t="s">
        <v>80</v>
      </c>
      <c r="H16348" t="s">
        <v>81</v>
      </c>
      <c r="I16348" s="2">
        <v>0</v>
      </c>
      <c r="J16348" s="2">
        <v>1</v>
      </c>
      <c r="K16348" s="2">
        <v>0</v>
      </c>
      <c r="L16348" t="s">
        <v>82</v>
      </c>
      <c r="M16348" t="s">
        <v>89</v>
      </c>
      <c r="N16348" t="s">
        <v>90</v>
      </c>
      <c r="O16348" t="s">
        <v>85</v>
      </c>
      <c r="P16348" t="s">
        <v>86</v>
      </c>
      <c r="Q16348">
        <v>91</v>
      </c>
      <c r="R16348">
        <v>94</v>
      </c>
      <c r="S16348">
        <v>97</v>
      </c>
      <c r="T16348">
        <v>100</v>
      </c>
      <c r="U16348">
        <v>102</v>
      </c>
      <c r="V16348">
        <v>105</v>
      </c>
      <c r="W16348">
        <v>108</v>
      </c>
      <c r="X16348">
        <v>111</v>
      </c>
      <c r="Y16348">
        <v>113</v>
      </c>
      <c r="Z16348">
        <v>116</v>
      </c>
      <c r="AA16348">
        <v>119</v>
      </c>
      <c r="AB16348">
        <v>121</v>
      </c>
      <c r="AC16348">
        <v>124</v>
      </c>
      <c r="AD16348">
        <v>127</v>
      </c>
      <c r="AE16348">
        <v>129</v>
      </c>
      <c r="AF16348">
        <v>130</v>
      </c>
      <c r="AG16348">
        <v>131</v>
      </c>
      <c r="AH16348">
        <v>132</v>
      </c>
      <c r="AI16348">
        <v>134</v>
      </c>
      <c r="AJ16348">
        <v>135</v>
      </c>
      <c r="AK16348">
        <v>136</v>
      </c>
      <c r="AL16348">
        <v>137</v>
      </c>
      <c r="AM16348">
        <v>138</v>
      </c>
      <c r="AN16348">
        <v>139</v>
      </c>
      <c r="AO16348">
        <v>140</v>
      </c>
      <c r="AP16348">
        <v>141</v>
      </c>
      <c r="AQ16348">
        <v>142</v>
      </c>
    </row>
    <row r="16349" spans="1:43">
      <c r="A16349" t="s">
        <v>10144</v>
      </c>
      <c r="B16349" t="s">
        <v>10145</v>
      </c>
      <c r="C16349" t="s">
        <v>10142</v>
      </c>
      <c r="D16349" t="s">
        <v>10143</v>
      </c>
      <c r="E16349" t="s">
        <v>9956</v>
      </c>
      <c r="F16349" t="s">
        <v>9957</v>
      </c>
      <c r="G16349" t="s">
        <v>80</v>
      </c>
      <c r="H16349" t="s">
        <v>81</v>
      </c>
      <c r="I16349" s="2">
        <v>0</v>
      </c>
      <c r="J16349" s="2">
        <v>1</v>
      </c>
      <c r="K16349" s="2">
        <v>0</v>
      </c>
      <c r="L16349" t="s">
        <v>82</v>
      </c>
      <c r="M16349" t="s">
        <v>83</v>
      </c>
      <c r="N16349" t="s">
        <v>91</v>
      </c>
      <c r="O16349" t="s">
        <v>85</v>
      </c>
      <c r="P16349" t="s">
        <v>86</v>
      </c>
      <c r="Q16349">
        <v>91</v>
      </c>
      <c r="R16349">
        <v>93</v>
      </c>
      <c r="S16349">
        <v>95</v>
      </c>
      <c r="T16349">
        <v>97</v>
      </c>
      <c r="U16349">
        <v>99</v>
      </c>
      <c r="V16349">
        <v>101</v>
      </c>
      <c r="W16349">
        <v>103</v>
      </c>
      <c r="X16349">
        <v>105</v>
      </c>
      <c r="Y16349">
        <v>107</v>
      </c>
      <c r="Z16349">
        <v>109</v>
      </c>
      <c r="AA16349">
        <v>111</v>
      </c>
      <c r="AB16349">
        <v>113</v>
      </c>
      <c r="AC16349">
        <v>116</v>
      </c>
      <c r="AD16349">
        <v>118</v>
      </c>
      <c r="AE16349">
        <v>120</v>
      </c>
      <c r="AF16349">
        <v>123</v>
      </c>
      <c r="AG16349">
        <v>125</v>
      </c>
      <c r="AH16349">
        <v>127</v>
      </c>
      <c r="AI16349">
        <v>130</v>
      </c>
      <c r="AJ16349">
        <v>132</v>
      </c>
      <c r="AK16349">
        <v>134</v>
      </c>
      <c r="AL16349">
        <v>136</v>
      </c>
      <c r="AM16349">
        <v>137</v>
      </c>
      <c r="AN16349">
        <v>138</v>
      </c>
      <c r="AO16349">
        <v>139</v>
      </c>
      <c r="AP16349">
        <v>141</v>
      </c>
      <c r="AQ16349">
        <v>142</v>
      </c>
    </row>
    <row r="16350" spans="1:43">
      <c r="A16350" t="s">
        <v>10146</v>
      </c>
      <c r="B16350" t="s">
        <v>10147</v>
      </c>
      <c r="C16350" t="s">
        <v>10142</v>
      </c>
      <c r="D16350" t="s">
        <v>10143</v>
      </c>
      <c r="E16350" t="s">
        <v>9956</v>
      </c>
      <c r="F16350" t="s">
        <v>9957</v>
      </c>
      <c r="G16350" t="s">
        <v>80</v>
      </c>
      <c r="H16350" t="s">
        <v>81</v>
      </c>
      <c r="I16350" s="2">
        <v>0</v>
      </c>
      <c r="J16350" s="2">
        <v>1</v>
      </c>
      <c r="K16350" s="2">
        <v>0</v>
      </c>
      <c r="L16350" t="s">
        <v>82</v>
      </c>
      <c r="M16350" t="s">
        <v>83</v>
      </c>
      <c r="N16350" t="s">
        <v>84</v>
      </c>
      <c r="O16350" t="s">
        <v>85</v>
      </c>
      <c r="P16350" t="s">
        <v>86</v>
      </c>
      <c r="Q16350">
        <v>189</v>
      </c>
      <c r="R16350">
        <v>193</v>
      </c>
      <c r="S16350">
        <v>197</v>
      </c>
      <c r="T16350">
        <v>201</v>
      </c>
      <c r="U16350">
        <v>206</v>
      </c>
      <c r="V16350">
        <v>210</v>
      </c>
      <c r="W16350">
        <v>214</v>
      </c>
      <c r="X16350">
        <v>218</v>
      </c>
      <c r="Y16350">
        <v>223</v>
      </c>
      <c r="Z16350">
        <v>227</v>
      </c>
      <c r="AA16350">
        <v>232</v>
      </c>
      <c r="AB16350">
        <v>237</v>
      </c>
      <c r="AC16350">
        <v>241</v>
      </c>
      <c r="AD16350">
        <v>246</v>
      </c>
      <c r="AE16350">
        <v>251</v>
      </c>
      <c r="AF16350">
        <v>256</v>
      </c>
      <c r="AG16350">
        <v>261</v>
      </c>
      <c r="AH16350">
        <v>266</v>
      </c>
      <c r="AI16350">
        <v>271</v>
      </c>
      <c r="AJ16350">
        <v>276</v>
      </c>
      <c r="AK16350">
        <v>281</v>
      </c>
      <c r="AL16350">
        <v>284</v>
      </c>
      <c r="AM16350">
        <v>286</v>
      </c>
      <c r="AN16350">
        <v>289</v>
      </c>
      <c r="AO16350">
        <v>291</v>
      </c>
      <c r="AP16350">
        <v>293</v>
      </c>
      <c r="AQ16350">
        <v>296</v>
      </c>
    </row>
    <row r="16351" spans="1:43">
      <c r="A16351" t="s">
        <v>10146</v>
      </c>
      <c r="B16351" t="s">
        <v>10147</v>
      </c>
      <c r="C16351" t="s">
        <v>10142</v>
      </c>
      <c r="D16351" t="s">
        <v>10143</v>
      </c>
      <c r="E16351" t="s">
        <v>9956</v>
      </c>
      <c r="F16351" t="s">
        <v>9957</v>
      </c>
      <c r="G16351" t="s">
        <v>80</v>
      </c>
      <c r="H16351" t="s">
        <v>81</v>
      </c>
      <c r="I16351" s="2">
        <v>0</v>
      </c>
      <c r="J16351" s="2">
        <v>1</v>
      </c>
      <c r="K16351" s="2">
        <v>0</v>
      </c>
      <c r="L16351" t="s">
        <v>82</v>
      </c>
      <c r="M16351" t="s">
        <v>87</v>
      </c>
      <c r="N16351" t="s">
        <v>88</v>
      </c>
      <c r="O16351" t="s">
        <v>85</v>
      </c>
      <c r="P16351" t="s">
        <v>86</v>
      </c>
      <c r="Q16351">
        <v>189</v>
      </c>
      <c r="R16351">
        <v>192</v>
      </c>
      <c r="S16351">
        <v>194</v>
      </c>
      <c r="T16351">
        <v>196</v>
      </c>
      <c r="U16351">
        <v>198</v>
      </c>
      <c r="V16351">
        <v>201</v>
      </c>
      <c r="W16351">
        <v>203</v>
      </c>
      <c r="X16351">
        <v>206</v>
      </c>
      <c r="Y16351">
        <v>208</v>
      </c>
      <c r="Z16351">
        <v>211</v>
      </c>
      <c r="AA16351">
        <v>213</v>
      </c>
      <c r="AB16351">
        <v>216</v>
      </c>
      <c r="AC16351">
        <v>218</v>
      </c>
      <c r="AD16351">
        <v>221</v>
      </c>
      <c r="AE16351">
        <v>224</v>
      </c>
      <c r="AF16351">
        <v>226</v>
      </c>
      <c r="AG16351">
        <v>229</v>
      </c>
      <c r="AH16351">
        <v>232</v>
      </c>
      <c r="AI16351">
        <v>235</v>
      </c>
      <c r="AJ16351">
        <v>237</v>
      </c>
      <c r="AK16351">
        <v>240</v>
      </c>
      <c r="AL16351">
        <v>243</v>
      </c>
      <c r="AM16351">
        <v>246</v>
      </c>
      <c r="AN16351">
        <v>249</v>
      </c>
      <c r="AO16351">
        <v>252</v>
      </c>
      <c r="AP16351">
        <v>255</v>
      </c>
      <c r="AQ16351">
        <v>258</v>
      </c>
    </row>
    <row r="16352" spans="1:43">
      <c r="A16352" t="s">
        <v>10146</v>
      </c>
      <c r="B16352" t="s">
        <v>10147</v>
      </c>
      <c r="C16352" t="s">
        <v>10142</v>
      </c>
      <c r="D16352" t="s">
        <v>10143</v>
      </c>
      <c r="E16352" t="s">
        <v>9956</v>
      </c>
      <c r="F16352" t="s">
        <v>9957</v>
      </c>
      <c r="G16352" t="s">
        <v>80</v>
      </c>
      <c r="H16352" t="s">
        <v>81</v>
      </c>
      <c r="I16352" s="2">
        <v>0</v>
      </c>
      <c r="J16352" s="2">
        <v>1</v>
      </c>
      <c r="K16352" s="2">
        <v>0</v>
      </c>
      <c r="L16352" t="s">
        <v>82</v>
      </c>
      <c r="M16352" t="s">
        <v>89</v>
      </c>
      <c r="N16352" t="s">
        <v>90</v>
      </c>
      <c r="O16352" t="s">
        <v>85</v>
      </c>
      <c r="P16352" t="s">
        <v>86</v>
      </c>
      <c r="Q16352">
        <v>189</v>
      </c>
      <c r="R16352">
        <v>194</v>
      </c>
      <c r="S16352">
        <v>200</v>
      </c>
      <c r="T16352">
        <v>206</v>
      </c>
      <c r="U16352">
        <v>212</v>
      </c>
      <c r="V16352">
        <v>217</v>
      </c>
      <c r="W16352">
        <v>223</v>
      </c>
      <c r="X16352">
        <v>229</v>
      </c>
      <c r="Y16352">
        <v>234</v>
      </c>
      <c r="Z16352">
        <v>240</v>
      </c>
      <c r="AA16352">
        <v>246</v>
      </c>
      <c r="AB16352">
        <v>251</v>
      </c>
      <c r="AC16352">
        <v>257</v>
      </c>
      <c r="AD16352">
        <v>263</v>
      </c>
      <c r="AE16352">
        <v>268</v>
      </c>
      <c r="AF16352">
        <v>270</v>
      </c>
      <c r="AG16352">
        <v>272</v>
      </c>
      <c r="AH16352">
        <v>274</v>
      </c>
      <c r="AI16352">
        <v>277</v>
      </c>
      <c r="AJ16352">
        <v>279</v>
      </c>
      <c r="AK16352">
        <v>281</v>
      </c>
      <c r="AL16352">
        <v>283</v>
      </c>
      <c r="AM16352">
        <v>286</v>
      </c>
      <c r="AN16352">
        <v>288</v>
      </c>
      <c r="AO16352">
        <v>290</v>
      </c>
      <c r="AP16352">
        <v>292</v>
      </c>
      <c r="AQ16352">
        <v>295</v>
      </c>
    </row>
    <row r="16353" spans="1:43">
      <c r="A16353" t="s">
        <v>10146</v>
      </c>
      <c r="B16353" t="s">
        <v>10147</v>
      </c>
      <c r="C16353" t="s">
        <v>10142</v>
      </c>
      <c r="D16353" t="s">
        <v>10143</v>
      </c>
      <c r="E16353" t="s">
        <v>9956</v>
      </c>
      <c r="F16353" t="s">
        <v>9957</v>
      </c>
      <c r="G16353" t="s">
        <v>80</v>
      </c>
      <c r="H16353" t="s">
        <v>81</v>
      </c>
      <c r="I16353" s="2">
        <v>0</v>
      </c>
      <c r="J16353" s="2">
        <v>1</v>
      </c>
      <c r="K16353" s="2">
        <v>0</v>
      </c>
      <c r="L16353" t="s">
        <v>82</v>
      </c>
      <c r="M16353" t="s">
        <v>83</v>
      </c>
      <c r="N16353" t="s">
        <v>91</v>
      </c>
      <c r="O16353" t="s">
        <v>85</v>
      </c>
      <c r="P16353" t="s">
        <v>86</v>
      </c>
      <c r="Q16353">
        <v>189</v>
      </c>
      <c r="R16353">
        <v>193</v>
      </c>
      <c r="S16353">
        <v>197</v>
      </c>
      <c r="T16353">
        <v>201</v>
      </c>
      <c r="U16353">
        <v>206</v>
      </c>
      <c r="V16353">
        <v>210</v>
      </c>
      <c r="W16353">
        <v>214</v>
      </c>
      <c r="X16353">
        <v>218</v>
      </c>
      <c r="Y16353">
        <v>223</v>
      </c>
      <c r="Z16353">
        <v>227</v>
      </c>
      <c r="AA16353">
        <v>232</v>
      </c>
      <c r="AB16353">
        <v>237</v>
      </c>
      <c r="AC16353">
        <v>241</v>
      </c>
      <c r="AD16353">
        <v>246</v>
      </c>
      <c r="AE16353">
        <v>251</v>
      </c>
      <c r="AF16353">
        <v>256</v>
      </c>
      <c r="AG16353">
        <v>261</v>
      </c>
      <c r="AH16353">
        <v>266</v>
      </c>
      <c r="AI16353">
        <v>271</v>
      </c>
      <c r="AJ16353">
        <v>276</v>
      </c>
      <c r="AK16353">
        <v>281</v>
      </c>
      <c r="AL16353">
        <v>284</v>
      </c>
      <c r="AM16353">
        <v>286</v>
      </c>
      <c r="AN16353">
        <v>289</v>
      </c>
      <c r="AO16353">
        <v>291</v>
      </c>
      <c r="AP16353">
        <v>293</v>
      </c>
      <c r="AQ16353">
        <v>296</v>
      </c>
    </row>
    <row r="16354" spans="1:43">
      <c r="A16354" t="s">
        <v>10148</v>
      </c>
      <c r="B16354" t="s">
        <v>10149</v>
      </c>
      <c r="C16354" t="s">
        <v>10150</v>
      </c>
      <c r="D16354" t="s">
        <v>10151</v>
      </c>
      <c r="E16354" t="s">
        <v>9956</v>
      </c>
      <c r="F16354" t="s">
        <v>9957</v>
      </c>
      <c r="G16354" t="s">
        <v>80</v>
      </c>
      <c r="H16354" t="s">
        <v>81</v>
      </c>
      <c r="I16354" s="2">
        <v>0</v>
      </c>
      <c r="J16354" s="2">
        <v>1</v>
      </c>
      <c r="K16354" s="2">
        <v>0</v>
      </c>
      <c r="L16354" t="s">
        <v>82</v>
      </c>
      <c r="M16354" t="s">
        <v>83</v>
      </c>
      <c r="N16354" t="s">
        <v>84</v>
      </c>
      <c r="O16354" t="s">
        <v>85</v>
      </c>
      <c r="P16354" t="s">
        <v>86</v>
      </c>
      <c r="Q16354">
        <v>760</v>
      </c>
      <c r="R16354">
        <v>776</v>
      </c>
      <c r="S16354">
        <v>793</v>
      </c>
      <c r="T16354">
        <v>810</v>
      </c>
      <c r="U16354">
        <v>826</v>
      </c>
      <c r="V16354">
        <v>843</v>
      </c>
      <c r="W16354">
        <v>861</v>
      </c>
      <c r="X16354">
        <v>878</v>
      </c>
      <c r="Y16354">
        <v>896</v>
      </c>
      <c r="Z16354">
        <v>914</v>
      </c>
      <c r="AA16354">
        <v>933</v>
      </c>
      <c r="AB16354">
        <v>951</v>
      </c>
      <c r="AC16354">
        <v>970</v>
      </c>
      <c r="AD16354">
        <v>989</v>
      </c>
      <c r="AE16354">
        <v>1008</v>
      </c>
      <c r="AF16354">
        <v>1028</v>
      </c>
      <c r="AG16354">
        <v>1048</v>
      </c>
      <c r="AH16354">
        <v>1068</v>
      </c>
      <c r="AI16354">
        <v>1088</v>
      </c>
      <c r="AJ16354">
        <v>1108</v>
      </c>
      <c r="AK16354">
        <v>1129</v>
      </c>
      <c r="AL16354">
        <v>1143</v>
      </c>
      <c r="AM16354">
        <v>1153</v>
      </c>
      <c r="AN16354">
        <v>1163</v>
      </c>
      <c r="AO16354">
        <v>1173</v>
      </c>
      <c r="AP16354">
        <v>1184</v>
      </c>
      <c r="AQ16354">
        <v>1194</v>
      </c>
    </row>
    <row r="16355" spans="1:43">
      <c r="A16355" t="s">
        <v>10148</v>
      </c>
      <c r="B16355" t="s">
        <v>10149</v>
      </c>
      <c r="C16355" t="s">
        <v>10150</v>
      </c>
      <c r="D16355" t="s">
        <v>10151</v>
      </c>
      <c r="E16355" t="s">
        <v>9956</v>
      </c>
      <c r="F16355" t="s">
        <v>9957</v>
      </c>
      <c r="G16355" t="s">
        <v>80</v>
      </c>
      <c r="H16355" t="s">
        <v>81</v>
      </c>
      <c r="I16355" s="2">
        <v>0</v>
      </c>
      <c r="J16355" s="2">
        <v>1</v>
      </c>
      <c r="K16355" s="2">
        <v>0</v>
      </c>
      <c r="L16355" t="s">
        <v>82</v>
      </c>
      <c r="M16355" t="s">
        <v>87</v>
      </c>
      <c r="N16355" t="s">
        <v>88</v>
      </c>
      <c r="O16355" t="s">
        <v>85</v>
      </c>
      <c r="P16355" t="s">
        <v>86</v>
      </c>
      <c r="Q16355">
        <v>760</v>
      </c>
      <c r="R16355">
        <v>769</v>
      </c>
      <c r="S16355">
        <v>778</v>
      </c>
      <c r="T16355">
        <v>788</v>
      </c>
      <c r="U16355">
        <v>797</v>
      </c>
      <c r="V16355">
        <v>806</v>
      </c>
      <c r="W16355">
        <v>816</v>
      </c>
      <c r="X16355">
        <v>826</v>
      </c>
      <c r="Y16355">
        <v>835</v>
      </c>
      <c r="Z16355">
        <v>846</v>
      </c>
      <c r="AA16355">
        <v>856</v>
      </c>
      <c r="AB16355">
        <v>866</v>
      </c>
      <c r="AC16355">
        <v>877</v>
      </c>
      <c r="AD16355">
        <v>887</v>
      </c>
      <c r="AE16355">
        <v>898</v>
      </c>
      <c r="AF16355">
        <v>909</v>
      </c>
      <c r="AG16355">
        <v>920</v>
      </c>
      <c r="AH16355">
        <v>931</v>
      </c>
      <c r="AI16355">
        <v>942</v>
      </c>
      <c r="AJ16355">
        <v>954</v>
      </c>
      <c r="AK16355">
        <v>965</v>
      </c>
      <c r="AL16355">
        <v>977</v>
      </c>
      <c r="AM16355">
        <v>988</v>
      </c>
      <c r="AN16355">
        <v>1000</v>
      </c>
      <c r="AO16355">
        <v>1012</v>
      </c>
      <c r="AP16355">
        <v>1024</v>
      </c>
      <c r="AQ16355">
        <v>1036</v>
      </c>
    </row>
    <row r="16356" spans="1:43">
      <c r="A16356" t="s">
        <v>10148</v>
      </c>
      <c r="B16356" t="s">
        <v>10149</v>
      </c>
      <c r="C16356" t="s">
        <v>10150</v>
      </c>
      <c r="D16356" t="s">
        <v>10151</v>
      </c>
      <c r="E16356" t="s">
        <v>9956</v>
      </c>
      <c r="F16356" t="s">
        <v>9957</v>
      </c>
      <c r="G16356" t="s">
        <v>80</v>
      </c>
      <c r="H16356" t="s">
        <v>81</v>
      </c>
      <c r="I16356" s="2">
        <v>0</v>
      </c>
      <c r="J16356" s="2">
        <v>1</v>
      </c>
      <c r="K16356" s="2">
        <v>0</v>
      </c>
      <c r="L16356" t="s">
        <v>82</v>
      </c>
      <c r="M16356" t="s">
        <v>89</v>
      </c>
      <c r="N16356" t="s">
        <v>90</v>
      </c>
      <c r="O16356" t="s">
        <v>85</v>
      </c>
      <c r="P16356" t="s">
        <v>86</v>
      </c>
      <c r="Q16356">
        <v>760</v>
      </c>
      <c r="R16356">
        <v>783</v>
      </c>
      <c r="S16356">
        <v>806</v>
      </c>
      <c r="T16356">
        <v>829</v>
      </c>
      <c r="U16356">
        <v>852</v>
      </c>
      <c r="V16356">
        <v>875</v>
      </c>
      <c r="W16356">
        <v>898</v>
      </c>
      <c r="X16356">
        <v>921</v>
      </c>
      <c r="Y16356">
        <v>943</v>
      </c>
      <c r="Z16356">
        <v>966</v>
      </c>
      <c r="AA16356">
        <v>989</v>
      </c>
      <c r="AB16356">
        <v>1011</v>
      </c>
      <c r="AC16356">
        <v>1036</v>
      </c>
      <c r="AD16356">
        <v>1059</v>
      </c>
      <c r="AE16356">
        <v>1077</v>
      </c>
      <c r="AF16356">
        <v>1087</v>
      </c>
      <c r="AG16356">
        <v>1097</v>
      </c>
      <c r="AH16356">
        <v>1107</v>
      </c>
      <c r="AI16356">
        <v>1117</v>
      </c>
      <c r="AJ16356">
        <v>1127</v>
      </c>
      <c r="AK16356">
        <v>1137</v>
      </c>
      <c r="AL16356">
        <v>1147</v>
      </c>
      <c r="AM16356">
        <v>1157</v>
      </c>
      <c r="AN16356">
        <v>1167</v>
      </c>
      <c r="AO16356">
        <v>1177</v>
      </c>
      <c r="AP16356">
        <v>1187</v>
      </c>
      <c r="AQ16356">
        <v>1198</v>
      </c>
    </row>
    <row r="16357" spans="1:43">
      <c r="A16357" t="s">
        <v>10148</v>
      </c>
      <c r="B16357" t="s">
        <v>10149</v>
      </c>
      <c r="C16357" t="s">
        <v>10150</v>
      </c>
      <c r="D16357" t="s">
        <v>10151</v>
      </c>
      <c r="E16357" t="s">
        <v>9956</v>
      </c>
      <c r="F16357" t="s">
        <v>9957</v>
      </c>
      <c r="G16357" t="s">
        <v>80</v>
      </c>
      <c r="H16357" t="s">
        <v>81</v>
      </c>
      <c r="I16357" s="2">
        <v>0</v>
      </c>
      <c r="J16357" s="2">
        <v>1</v>
      </c>
      <c r="K16357" s="2">
        <v>0</v>
      </c>
      <c r="L16357" t="s">
        <v>82</v>
      </c>
      <c r="M16357" t="s">
        <v>83</v>
      </c>
      <c r="N16357" t="s">
        <v>91</v>
      </c>
      <c r="O16357" t="s">
        <v>85</v>
      </c>
      <c r="P16357" t="s">
        <v>86</v>
      </c>
      <c r="Q16357">
        <v>760</v>
      </c>
      <c r="R16357">
        <v>776</v>
      </c>
      <c r="S16357">
        <v>793</v>
      </c>
      <c r="T16357">
        <v>810</v>
      </c>
      <c r="U16357">
        <v>826</v>
      </c>
      <c r="V16357">
        <v>843</v>
      </c>
      <c r="W16357">
        <v>861</v>
      </c>
      <c r="X16357">
        <v>878</v>
      </c>
      <c r="Y16357">
        <v>896</v>
      </c>
      <c r="Z16357">
        <v>914</v>
      </c>
      <c r="AA16357">
        <v>933</v>
      </c>
      <c r="AB16357">
        <v>951</v>
      </c>
      <c r="AC16357">
        <v>970</v>
      </c>
      <c r="AD16357">
        <v>989</v>
      </c>
      <c r="AE16357">
        <v>1008</v>
      </c>
      <c r="AF16357">
        <v>1028</v>
      </c>
      <c r="AG16357">
        <v>1048</v>
      </c>
      <c r="AH16357">
        <v>1068</v>
      </c>
      <c r="AI16357">
        <v>1088</v>
      </c>
      <c r="AJ16357">
        <v>1108</v>
      </c>
      <c r="AK16357">
        <v>1129</v>
      </c>
      <c r="AL16357">
        <v>1143</v>
      </c>
      <c r="AM16357">
        <v>1153</v>
      </c>
      <c r="AN16357">
        <v>1163</v>
      </c>
      <c r="AO16357">
        <v>1173</v>
      </c>
      <c r="AP16357">
        <v>1184</v>
      </c>
      <c r="AQ16357">
        <v>1194</v>
      </c>
    </row>
    <row r="16358" spans="1:43">
      <c r="A16358" t="s">
        <v>10152</v>
      </c>
      <c r="B16358" t="s">
        <v>10153</v>
      </c>
      <c r="C16358" t="s">
        <v>10150</v>
      </c>
      <c r="D16358" t="s">
        <v>10151</v>
      </c>
      <c r="E16358" t="s">
        <v>9956</v>
      </c>
      <c r="F16358" t="s">
        <v>9957</v>
      </c>
      <c r="G16358" t="s">
        <v>80</v>
      </c>
      <c r="H16358" t="s">
        <v>81</v>
      </c>
      <c r="I16358" s="2">
        <v>0</v>
      </c>
      <c r="J16358" s="2">
        <v>1</v>
      </c>
      <c r="K16358" s="2">
        <v>0</v>
      </c>
      <c r="L16358" t="s">
        <v>82</v>
      </c>
      <c r="M16358" t="s">
        <v>83</v>
      </c>
      <c r="N16358" t="s">
        <v>84</v>
      </c>
      <c r="O16358" t="s">
        <v>85</v>
      </c>
      <c r="P16358" t="s">
        <v>86</v>
      </c>
      <c r="Q16358">
        <v>720</v>
      </c>
      <c r="R16358">
        <v>735</v>
      </c>
      <c r="S16358">
        <v>751</v>
      </c>
      <c r="T16358">
        <v>767</v>
      </c>
      <c r="U16358">
        <v>783</v>
      </c>
      <c r="V16358">
        <v>799</v>
      </c>
      <c r="W16358">
        <v>816</v>
      </c>
      <c r="X16358">
        <v>832</v>
      </c>
      <c r="Y16358">
        <v>849</v>
      </c>
      <c r="Z16358">
        <v>866</v>
      </c>
      <c r="AA16358">
        <v>884</v>
      </c>
      <c r="AB16358">
        <v>901</v>
      </c>
      <c r="AC16358">
        <v>919</v>
      </c>
      <c r="AD16358">
        <v>937</v>
      </c>
      <c r="AE16358">
        <v>956</v>
      </c>
      <c r="AF16358">
        <v>974</v>
      </c>
      <c r="AG16358">
        <v>993</v>
      </c>
      <c r="AH16358">
        <v>1012</v>
      </c>
      <c r="AI16358">
        <v>1031</v>
      </c>
      <c r="AJ16358">
        <v>1050</v>
      </c>
      <c r="AK16358">
        <v>1070</v>
      </c>
      <c r="AL16358">
        <v>1082</v>
      </c>
      <c r="AM16358">
        <v>1091</v>
      </c>
      <c r="AN16358">
        <v>1100</v>
      </c>
      <c r="AO16358">
        <v>1110</v>
      </c>
      <c r="AP16358">
        <v>1119</v>
      </c>
      <c r="AQ16358">
        <v>1128</v>
      </c>
    </row>
    <row r="16359" spans="1:43">
      <c r="A16359" t="s">
        <v>10152</v>
      </c>
      <c r="B16359" t="s">
        <v>10153</v>
      </c>
      <c r="C16359" t="s">
        <v>10150</v>
      </c>
      <c r="D16359" t="s">
        <v>10151</v>
      </c>
      <c r="E16359" t="s">
        <v>9956</v>
      </c>
      <c r="F16359" t="s">
        <v>9957</v>
      </c>
      <c r="G16359" t="s">
        <v>80</v>
      </c>
      <c r="H16359" t="s">
        <v>81</v>
      </c>
      <c r="I16359" s="2">
        <v>0</v>
      </c>
      <c r="J16359" s="2">
        <v>1</v>
      </c>
      <c r="K16359" s="2">
        <v>0</v>
      </c>
      <c r="L16359" t="s">
        <v>82</v>
      </c>
      <c r="M16359" t="s">
        <v>87</v>
      </c>
      <c r="N16359" t="s">
        <v>88</v>
      </c>
      <c r="O16359" t="s">
        <v>85</v>
      </c>
      <c r="P16359" t="s">
        <v>86</v>
      </c>
      <c r="Q16359">
        <v>720</v>
      </c>
      <c r="R16359">
        <v>729</v>
      </c>
      <c r="S16359">
        <v>738</v>
      </c>
      <c r="T16359">
        <v>747</v>
      </c>
      <c r="U16359">
        <v>755</v>
      </c>
      <c r="V16359">
        <v>764</v>
      </c>
      <c r="W16359">
        <v>773</v>
      </c>
      <c r="X16359">
        <v>783</v>
      </c>
      <c r="Y16359">
        <v>792</v>
      </c>
      <c r="Z16359">
        <v>802</v>
      </c>
      <c r="AA16359">
        <v>811</v>
      </c>
      <c r="AB16359">
        <v>821</v>
      </c>
      <c r="AC16359">
        <v>831</v>
      </c>
      <c r="AD16359">
        <v>841</v>
      </c>
      <c r="AE16359">
        <v>851</v>
      </c>
      <c r="AF16359">
        <v>862</v>
      </c>
      <c r="AG16359">
        <v>872</v>
      </c>
      <c r="AH16359">
        <v>883</v>
      </c>
      <c r="AI16359">
        <v>893</v>
      </c>
      <c r="AJ16359">
        <v>904</v>
      </c>
      <c r="AK16359">
        <v>915</v>
      </c>
      <c r="AL16359">
        <v>926</v>
      </c>
      <c r="AM16359">
        <v>937</v>
      </c>
      <c r="AN16359">
        <v>948</v>
      </c>
      <c r="AO16359">
        <v>959</v>
      </c>
      <c r="AP16359">
        <v>971</v>
      </c>
      <c r="AQ16359">
        <v>982</v>
      </c>
    </row>
    <row r="16360" spans="1:43">
      <c r="A16360" t="s">
        <v>10152</v>
      </c>
      <c r="B16360" t="s">
        <v>10153</v>
      </c>
      <c r="C16360" t="s">
        <v>10150</v>
      </c>
      <c r="D16360" t="s">
        <v>10151</v>
      </c>
      <c r="E16360" t="s">
        <v>9956</v>
      </c>
      <c r="F16360" t="s">
        <v>9957</v>
      </c>
      <c r="G16360" t="s">
        <v>80</v>
      </c>
      <c r="H16360" t="s">
        <v>81</v>
      </c>
      <c r="I16360" s="2">
        <v>0</v>
      </c>
      <c r="J16360" s="2">
        <v>1</v>
      </c>
      <c r="K16360" s="2">
        <v>0</v>
      </c>
      <c r="L16360" t="s">
        <v>82</v>
      </c>
      <c r="M16360" t="s">
        <v>89</v>
      </c>
      <c r="N16360" t="s">
        <v>90</v>
      </c>
      <c r="O16360" t="s">
        <v>85</v>
      </c>
      <c r="P16360" t="s">
        <v>86</v>
      </c>
      <c r="Q16360">
        <v>720</v>
      </c>
      <c r="R16360">
        <v>742</v>
      </c>
      <c r="S16360">
        <v>765</v>
      </c>
      <c r="T16360">
        <v>786</v>
      </c>
      <c r="U16360">
        <v>808</v>
      </c>
      <c r="V16360">
        <v>830</v>
      </c>
      <c r="W16360">
        <v>852</v>
      </c>
      <c r="X16360">
        <v>873</v>
      </c>
      <c r="Y16360">
        <v>895</v>
      </c>
      <c r="Z16360">
        <v>916</v>
      </c>
      <c r="AA16360">
        <v>937</v>
      </c>
      <c r="AB16360">
        <v>959</v>
      </c>
      <c r="AC16360">
        <v>982</v>
      </c>
      <c r="AD16360">
        <v>1004</v>
      </c>
      <c r="AE16360">
        <v>1022</v>
      </c>
      <c r="AF16360">
        <v>1030</v>
      </c>
      <c r="AG16360">
        <v>1039</v>
      </c>
      <c r="AH16360">
        <v>1048</v>
      </c>
      <c r="AI16360">
        <v>1057</v>
      </c>
      <c r="AJ16360">
        <v>1066</v>
      </c>
      <c r="AK16360">
        <v>1075</v>
      </c>
      <c r="AL16360">
        <v>1083</v>
      </c>
      <c r="AM16360">
        <v>1092</v>
      </c>
      <c r="AN16360">
        <v>1101</v>
      </c>
      <c r="AO16360">
        <v>1110</v>
      </c>
      <c r="AP16360">
        <v>1120</v>
      </c>
      <c r="AQ16360">
        <v>1129</v>
      </c>
    </row>
    <row r="16361" spans="1:43">
      <c r="A16361" t="s">
        <v>10152</v>
      </c>
      <c r="B16361" t="s">
        <v>10153</v>
      </c>
      <c r="C16361" t="s">
        <v>10150</v>
      </c>
      <c r="D16361" t="s">
        <v>10151</v>
      </c>
      <c r="E16361" t="s">
        <v>9956</v>
      </c>
      <c r="F16361" t="s">
        <v>9957</v>
      </c>
      <c r="G16361" t="s">
        <v>80</v>
      </c>
      <c r="H16361" t="s">
        <v>81</v>
      </c>
      <c r="I16361" s="2">
        <v>0</v>
      </c>
      <c r="J16361" s="2">
        <v>1</v>
      </c>
      <c r="K16361" s="2">
        <v>0</v>
      </c>
      <c r="L16361" t="s">
        <v>82</v>
      </c>
      <c r="M16361" t="s">
        <v>83</v>
      </c>
      <c r="N16361" t="s">
        <v>91</v>
      </c>
      <c r="O16361" t="s">
        <v>85</v>
      </c>
      <c r="P16361" t="s">
        <v>86</v>
      </c>
      <c r="Q16361">
        <v>720</v>
      </c>
      <c r="R16361">
        <v>735</v>
      </c>
      <c r="S16361">
        <v>751</v>
      </c>
      <c r="T16361">
        <v>767</v>
      </c>
      <c r="U16361">
        <v>783</v>
      </c>
      <c r="V16361">
        <v>799</v>
      </c>
      <c r="W16361">
        <v>816</v>
      </c>
      <c r="X16361">
        <v>832</v>
      </c>
      <c r="Y16361">
        <v>849</v>
      </c>
      <c r="Z16361">
        <v>866</v>
      </c>
      <c r="AA16361">
        <v>884</v>
      </c>
      <c r="AB16361">
        <v>901</v>
      </c>
      <c r="AC16361">
        <v>919</v>
      </c>
      <c r="AD16361">
        <v>937</v>
      </c>
      <c r="AE16361">
        <v>956</v>
      </c>
      <c r="AF16361">
        <v>974</v>
      </c>
      <c r="AG16361">
        <v>993</v>
      </c>
      <c r="AH16361">
        <v>1012</v>
      </c>
      <c r="AI16361">
        <v>1031</v>
      </c>
      <c r="AJ16361">
        <v>1050</v>
      </c>
      <c r="AK16361">
        <v>1070</v>
      </c>
      <c r="AL16361">
        <v>1082</v>
      </c>
      <c r="AM16361">
        <v>1091</v>
      </c>
      <c r="AN16361">
        <v>1100</v>
      </c>
      <c r="AO16361">
        <v>1110</v>
      </c>
      <c r="AP16361">
        <v>1119</v>
      </c>
      <c r="AQ16361">
        <v>1128</v>
      </c>
    </row>
    <row r="16362" spans="1:43">
      <c r="A16362" t="s">
        <v>10154</v>
      </c>
      <c r="B16362" t="s">
        <v>10155</v>
      </c>
      <c r="C16362" t="s">
        <v>10150</v>
      </c>
      <c r="D16362" t="s">
        <v>10151</v>
      </c>
      <c r="E16362" t="s">
        <v>9956</v>
      </c>
      <c r="F16362" t="s">
        <v>9957</v>
      </c>
      <c r="G16362" t="s">
        <v>80</v>
      </c>
      <c r="H16362" t="s">
        <v>81</v>
      </c>
      <c r="I16362" s="2">
        <v>0</v>
      </c>
      <c r="J16362" s="2">
        <v>1</v>
      </c>
      <c r="K16362" s="2">
        <v>0</v>
      </c>
      <c r="L16362" t="s">
        <v>82</v>
      </c>
      <c r="M16362" t="s">
        <v>83</v>
      </c>
      <c r="N16362" t="s">
        <v>84</v>
      </c>
      <c r="O16362" t="s">
        <v>85</v>
      </c>
      <c r="P16362" t="s">
        <v>86</v>
      </c>
      <c r="Q16362">
        <v>1011</v>
      </c>
      <c r="R16362">
        <v>1033</v>
      </c>
      <c r="S16362">
        <v>1055</v>
      </c>
      <c r="T16362">
        <v>1077</v>
      </c>
      <c r="U16362">
        <v>1100</v>
      </c>
      <c r="V16362">
        <v>1122</v>
      </c>
      <c r="W16362">
        <v>1145</v>
      </c>
      <c r="X16362">
        <v>1169</v>
      </c>
      <c r="Y16362">
        <v>1192</v>
      </c>
      <c r="Z16362">
        <v>1217</v>
      </c>
      <c r="AA16362">
        <v>1241</v>
      </c>
      <c r="AB16362">
        <v>1266</v>
      </c>
      <c r="AC16362">
        <v>1291</v>
      </c>
      <c r="AD16362">
        <v>1317</v>
      </c>
      <c r="AE16362">
        <v>1343</v>
      </c>
      <c r="AF16362">
        <v>1369</v>
      </c>
      <c r="AG16362">
        <v>1395</v>
      </c>
      <c r="AH16362">
        <v>1422</v>
      </c>
      <c r="AI16362">
        <v>1449</v>
      </c>
      <c r="AJ16362">
        <v>1477</v>
      </c>
      <c r="AK16362">
        <v>1504</v>
      </c>
      <c r="AL16362">
        <v>1522</v>
      </c>
      <c r="AM16362">
        <v>1535</v>
      </c>
      <c r="AN16362">
        <v>1547</v>
      </c>
      <c r="AO16362">
        <v>1560</v>
      </c>
      <c r="AP16362">
        <v>1573</v>
      </c>
      <c r="AQ16362">
        <v>1586</v>
      </c>
    </row>
    <row r="16363" spans="1:43">
      <c r="A16363" t="s">
        <v>10154</v>
      </c>
      <c r="B16363" t="s">
        <v>10155</v>
      </c>
      <c r="C16363" t="s">
        <v>10150</v>
      </c>
      <c r="D16363" t="s">
        <v>10151</v>
      </c>
      <c r="E16363" t="s">
        <v>9956</v>
      </c>
      <c r="F16363" t="s">
        <v>9957</v>
      </c>
      <c r="G16363" t="s">
        <v>80</v>
      </c>
      <c r="H16363" t="s">
        <v>81</v>
      </c>
      <c r="I16363" s="2">
        <v>0</v>
      </c>
      <c r="J16363" s="2">
        <v>1</v>
      </c>
      <c r="K16363" s="2">
        <v>0</v>
      </c>
      <c r="L16363" t="s">
        <v>82</v>
      </c>
      <c r="M16363" t="s">
        <v>87</v>
      </c>
      <c r="N16363" t="s">
        <v>88</v>
      </c>
      <c r="O16363" t="s">
        <v>85</v>
      </c>
      <c r="P16363" t="s">
        <v>86</v>
      </c>
      <c r="Q16363">
        <v>1011</v>
      </c>
      <c r="R16363">
        <v>1024</v>
      </c>
      <c r="S16363">
        <v>1036</v>
      </c>
      <c r="T16363">
        <v>1049</v>
      </c>
      <c r="U16363">
        <v>1061</v>
      </c>
      <c r="V16363">
        <v>1074</v>
      </c>
      <c r="W16363">
        <v>1086</v>
      </c>
      <c r="X16363">
        <v>1099</v>
      </c>
      <c r="Y16363">
        <v>1112</v>
      </c>
      <c r="Z16363">
        <v>1126</v>
      </c>
      <c r="AA16363">
        <v>1140</v>
      </c>
      <c r="AB16363">
        <v>1154</v>
      </c>
      <c r="AC16363">
        <v>1168</v>
      </c>
      <c r="AD16363">
        <v>1182</v>
      </c>
      <c r="AE16363">
        <v>1196</v>
      </c>
      <c r="AF16363">
        <v>1211</v>
      </c>
      <c r="AG16363">
        <v>1225</v>
      </c>
      <c r="AH16363">
        <v>1240</v>
      </c>
      <c r="AI16363">
        <v>1255</v>
      </c>
      <c r="AJ16363">
        <v>1270</v>
      </c>
      <c r="AK16363">
        <v>1285</v>
      </c>
      <c r="AL16363">
        <v>1301</v>
      </c>
      <c r="AM16363">
        <v>1316</v>
      </c>
      <c r="AN16363">
        <v>1332</v>
      </c>
      <c r="AO16363">
        <v>1348</v>
      </c>
      <c r="AP16363">
        <v>1364</v>
      </c>
      <c r="AQ16363">
        <v>1380</v>
      </c>
    </row>
    <row r="16364" spans="1:43">
      <c r="A16364" t="s">
        <v>10154</v>
      </c>
      <c r="B16364" t="s">
        <v>10155</v>
      </c>
      <c r="C16364" t="s">
        <v>10150</v>
      </c>
      <c r="D16364" t="s">
        <v>10151</v>
      </c>
      <c r="E16364" t="s">
        <v>9956</v>
      </c>
      <c r="F16364" t="s">
        <v>9957</v>
      </c>
      <c r="G16364" t="s">
        <v>80</v>
      </c>
      <c r="H16364" t="s">
        <v>81</v>
      </c>
      <c r="I16364" s="2">
        <v>0</v>
      </c>
      <c r="J16364" s="2">
        <v>1</v>
      </c>
      <c r="K16364" s="2">
        <v>0</v>
      </c>
      <c r="L16364" t="s">
        <v>82</v>
      </c>
      <c r="M16364" t="s">
        <v>89</v>
      </c>
      <c r="N16364" t="s">
        <v>90</v>
      </c>
      <c r="O16364" t="s">
        <v>85</v>
      </c>
      <c r="P16364" t="s">
        <v>86</v>
      </c>
      <c r="Q16364">
        <v>1011</v>
      </c>
      <c r="R16364">
        <v>1042</v>
      </c>
      <c r="S16364">
        <v>1073</v>
      </c>
      <c r="T16364">
        <v>1104</v>
      </c>
      <c r="U16364">
        <v>1134</v>
      </c>
      <c r="V16364">
        <v>1165</v>
      </c>
      <c r="W16364">
        <v>1195</v>
      </c>
      <c r="X16364">
        <v>1226</v>
      </c>
      <c r="Y16364">
        <v>1256</v>
      </c>
      <c r="Z16364">
        <v>1287</v>
      </c>
      <c r="AA16364">
        <v>1317</v>
      </c>
      <c r="AB16364">
        <v>1347</v>
      </c>
      <c r="AC16364">
        <v>1380</v>
      </c>
      <c r="AD16364">
        <v>1412</v>
      </c>
      <c r="AE16364">
        <v>1436</v>
      </c>
      <c r="AF16364">
        <v>1448</v>
      </c>
      <c r="AG16364">
        <v>1461</v>
      </c>
      <c r="AH16364">
        <v>1473</v>
      </c>
      <c r="AI16364">
        <v>1485</v>
      </c>
      <c r="AJ16364">
        <v>1498</v>
      </c>
      <c r="AK16364">
        <v>1510</v>
      </c>
      <c r="AL16364">
        <v>1523</v>
      </c>
      <c r="AM16364">
        <v>1535</v>
      </c>
      <c r="AN16364">
        <v>1548</v>
      </c>
      <c r="AO16364">
        <v>1560</v>
      </c>
      <c r="AP16364">
        <v>1573</v>
      </c>
      <c r="AQ16364">
        <v>1586</v>
      </c>
    </row>
    <row r="16365" spans="1:43">
      <c r="A16365" t="s">
        <v>10154</v>
      </c>
      <c r="B16365" t="s">
        <v>10155</v>
      </c>
      <c r="C16365" t="s">
        <v>10150</v>
      </c>
      <c r="D16365" t="s">
        <v>10151</v>
      </c>
      <c r="E16365" t="s">
        <v>9956</v>
      </c>
      <c r="F16365" t="s">
        <v>9957</v>
      </c>
      <c r="G16365" t="s">
        <v>80</v>
      </c>
      <c r="H16365" t="s">
        <v>81</v>
      </c>
      <c r="I16365" s="2">
        <v>0</v>
      </c>
      <c r="J16365" s="2">
        <v>1</v>
      </c>
      <c r="K16365" s="2">
        <v>0</v>
      </c>
      <c r="L16365" t="s">
        <v>82</v>
      </c>
      <c r="M16365" t="s">
        <v>83</v>
      </c>
      <c r="N16365" t="s">
        <v>91</v>
      </c>
      <c r="O16365" t="s">
        <v>85</v>
      </c>
      <c r="P16365" t="s">
        <v>86</v>
      </c>
      <c r="Q16365">
        <v>1011</v>
      </c>
      <c r="R16365">
        <v>1033</v>
      </c>
      <c r="S16365">
        <v>1055</v>
      </c>
      <c r="T16365">
        <v>1077</v>
      </c>
      <c r="U16365">
        <v>1100</v>
      </c>
      <c r="V16365">
        <v>1122</v>
      </c>
      <c r="W16365">
        <v>1145</v>
      </c>
      <c r="X16365">
        <v>1169</v>
      </c>
      <c r="Y16365">
        <v>1192</v>
      </c>
      <c r="Z16365">
        <v>1217</v>
      </c>
      <c r="AA16365">
        <v>1241</v>
      </c>
      <c r="AB16365">
        <v>1266</v>
      </c>
      <c r="AC16365">
        <v>1291</v>
      </c>
      <c r="AD16365">
        <v>1317</v>
      </c>
      <c r="AE16365">
        <v>1343</v>
      </c>
      <c r="AF16365">
        <v>1369</v>
      </c>
      <c r="AG16365">
        <v>1395</v>
      </c>
      <c r="AH16365">
        <v>1422</v>
      </c>
      <c r="AI16365">
        <v>1449</v>
      </c>
      <c r="AJ16365">
        <v>1477</v>
      </c>
      <c r="AK16365">
        <v>1504</v>
      </c>
      <c r="AL16365">
        <v>1522</v>
      </c>
      <c r="AM16365">
        <v>1535</v>
      </c>
      <c r="AN16365">
        <v>1547</v>
      </c>
      <c r="AO16365">
        <v>1560</v>
      </c>
      <c r="AP16365">
        <v>1573</v>
      </c>
      <c r="AQ16365">
        <v>1586</v>
      </c>
    </row>
    <row r="16366" spans="1:43">
      <c r="A16366" t="s">
        <v>10156</v>
      </c>
      <c r="B16366" t="s">
        <v>10157</v>
      </c>
      <c r="C16366" t="s">
        <v>10004</v>
      </c>
      <c r="D16366" t="s">
        <v>10005</v>
      </c>
      <c r="E16366" t="s">
        <v>9956</v>
      </c>
      <c r="F16366" t="s">
        <v>9957</v>
      </c>
      <c r="G16366" t="s">
        <v>80</v>
      </c>
      <c r="H16366" t="s">
        <v>81</v>
      </c>
      <c r="I16366" s="2">
        <v>0</v>
      </c>
      <c r="J16366" s="2">
        <v>1</v>
      </c>
      <c r="K16366" s="2">
        <v>0</v>
      </c>
      <c r="L16366" t="s">
        <v>82</v>
      </c>
      <c r="M16366" t="s">
        <v>83</v>
      </c>
      <c r="N16366" t="s">
        <v>84</v>
      </c>
      <c r="O16366" t="s">
        <v>85</v>
      </c>
      <c r="P16366" t="s">
        <v>86</v>
      </c>
      <c r="Q16366">
        <v>33</v>
      </c>
      <c r="R16366">
        <v>34</v>
      </c>
      <c r="S16366">
        <v>34</v>
      </c>
      <c r="T16366">
        <v>35</v>
      </c>
      <c r="U16366">
        <v>36</v>
      </c>
      <c r="V16366">
        <v>37</v>
      </c>
      <c r="W16366">
        <v>37</v>
      </c>
      <c r="X16366">
        <v>38</v>
      </c>
      <c r="Y16366">
        <v>39</v>
      </c>
      <c r="Z16366">
        <v>40</v>
      </c>
      <c r="AA16366">
        <v>41</v>
      </c>
      <c r="AB16366">
        <v>41</v>
      </c>
      <c r="AC16366">
        <v>42</v>
      </c>
      <c r="AD16366">
        <v>43</v>
      </c>
      <c r="AE16366">
        <v>44</v>
      </c>
      <c r="AF16366">
        <v>45</v>
      </c>
      <c r="AG16366">
        <v>45</v>
      </c>
      <c r="AH16366">
        <v>46</v>
      </c>
      <c r="AI16366">
        <v>47</v>
      </c>
      <c r="AJ16366">
        <v>48</v>
      </c>
      <c r="AK16366">
        <v>49</v>
      </c>
      <c r="AL16366">
        <v>49</v>
      </c>
      <c r="AM16366">
        <v>50</v>
      </c>
      <c r="AN16366">
        <v>50</v>
      </c>
      <c r="AO16366">
        <v>51</v>
      </c>
      <c r="AP16366">
        <v>51</v>
      </c>
      <c r="AQ16366">
        <v>52</v>
      </c>
    </row>
    <row r="16367" spans="1:43">
      <c r="A16367" t="s">
        <v>10156</v>
      </c>
      <c r="B16367" t="s">
        <v>10157</v>
      </c>
      <c r="C16367" t="s">
        <v>10004</v>
      </c>
      <c r="D16367" t="s">
        <v>10005</v>
      </c>
      <c r="E16367" t="s">
        <v>9956</v>
      </c>
      <c r="F16367" t="s">
        <v>9957</v>
      </c>
      <c r="G16367" t="s">
        <v>80</v>
      </c>
      <c r="H16367" t="s">
        <v>81</v>
      </c>
      <c r="I16367" s="2">
        <v>0</v>
      </c>
      <c r="J16367" s="2">
        <v>1</v>
      </c>
      <c r="K16367" s="2">
        <v>0</v>
      </c>
      <c r="L16367" t="s">
        <v>82</v>
      </c>
      <c r="M16367" t="s">
        <v>87</v>
      </c>
      <c r="N16367" t="s">
        <v>88</v>
      </c>
      <c r="O16367" t="s">
        <v>85</v>
      </c>
      <c r="P16367" t="s">
        <v>86</v>
      </c>
      <c r="Q16367">
        <v>33</v>
      </c>
      <c r="R16367">
        <v>33</v>
      </c>
      <c r="S16367">
        <v>34</v>
      </c>
      <c r="T16367">
        <v>34</v>
      </c>
      <c r="U16367">
        <v>34</v>
      </c>
      <c r="V16367">
        <v>35</v>
      </c>
      <c r="W16367">
        <v>35</v>
      </c>
      <c r="X16367">
        <v>36</v>
      </c>
      <c r="Y16367">
        <v>36</v>
      </c>
      <c r="Z16367">
        <v>36</v>
      </c>
      <c r="AA16367">
        <v>37</v>
      </c>
      <c r="AB16367">
        <v>37</v>
      </c>
      <c r="AC16367">
        <v>38</v>
      </c>
      <c r="AD16367">
        <v>38</v>
      </c>
      <c r="AE16367">
        <v>39</v>
      </c>
      <c r="AF16367">
        <v>39</v>
      </c>
      <c r="AG16367">
        <v>40</v>
      </c>
      <c r="AH16367">
        <v>40</v>
      </c>
      <c r="AI16367">
        <v>41</v>
      </c>
      <c r="AJ16367">
        <v>41</v>
      </c>
      <c r="AK16367">
        <v>42</v>
      </c>
      <c r="AL16367">
        <v>42</v>
      </c>
      <c r="AM16367">
        <v>43</v>
      </c>
      <c r="AN16367">
        <v>43</v>
      </c>
      <c r="AO16367">
        <v>44</v>
      </c>
      <c r="AP16367">
        <v>44</v>
      </c>
      <c r="AQ16367">
        <v>45</v>
      </c>
    </row>
    <row r="16368" spans="1:43">
      <c r="A16368" t="s">
        <v>10156</v>
      </c>
      <c r="B16368" t="s">
        <v>10157</v>
      </c>
      <c r="C16368" t="s">
        <v>10004</v>
      </c>
      <c r="D16368" t="s">
        <v>10005</v>
      </c>
      <c r="E16368" t="s">
        <v>9956</v>
      </c>
      <c r="F16368" t="s">
        <v>9957</v>
      </c>
      <c r="G16368" t="s">
        <v>80</v>
      </c>
      <c r="H16368" t="s">
        <v>81</v>
      </c>
      <c r="I16368" s="2">
        <v>0</v>
      </c>
      <c r="J16368" s="2">
        <v>1</v>
      </c>
      <c r="K16368" s="2">
        <v>0</v>
      </c>
      <c r="L16368" t="s">
        <v>82</v>
      </c>
      <c r="M16368" t="s">
        <v>89</v>
      </c>
      <c r="N16368" t="s">
        <v>90</v>
      </c>
      <c r="O16368" t="s">
        <v>85</v>
      </c>
      <c r="P16368" t="s">
        <v>86</v>
      </c>
      <c r="Q16368">
        <v>33</v>
      </c>
      <c r="R16368">
        <v>34</v>
      </c>
      <c r="S16368">
        <v>35</v>
      </c>
      <c r="T16368">
        <v>36</v>
      </c>
      <c r="U16368">
        <v>37</v>
      </c>
      <c r="V16368">
        <v>38</v>
      </c>
      <c r="W16368">
        <v>39</v>
      </c>
      <c r="X16368">
        <v>40</v>
      </c>
      <c r="Y16368">
        <v>41</v>
      </c>
      <c r="Z16368">
        <v>42</v>
      </c>
      <c r="AA16368">
        <v>43</v>
      </c>
      <c r="AB16368">
        <v>44</v>
      </c>
      <c r="AC16368">
        <v>45</v>
      </c>
      <c r="AD16368">
        <v>46</v>
      </c>
      <c r="AE16368">
        <v>47</v>
      </c>
      <c r="AF16368">
        <v>47</v>
      </c>
      <c r="AG16368">
        <v>48</v>
      </c>
      <c r="AH16368">
        <v>48</v>
      </c>
      <c r="AI16368">
        <v>49</v>
      </c>
      <c r="AJ16368">
        <v>49</v>
      </c>
      <c r="AK16368">
        <v>50</v>
      </c>
      <c r="AL16368">
        <v>50</v>
      </c>
      <c r="AM16368">
        <v>50</v>
      </c>
      <c r="AN16368">
        <v>51</v>
      </c>
      <c r="AO16368">
        <v>51</v>
      </c>
      <c r="AP16368">
        <v>52</v>
      </c>
      <c r="AQ16368">
        <v>52</v>
      </c>
    </row>
    <row r="16369" spans="1:43">
      <c r="A16369" t="s">
        <v>10156</v>
      </c>
      <c r="B16369" t="s">
        <v>10157</v>
      </c>
      <c r="C16369" t="s">
        <v>10004</v>
      </c>
      <c r="D16369" t="s">
        <v>10005</v>
      </c>
      <c r="E16369" t="s">
        <v>9956</v>
      </c>
      <c r="F16369" t="s">
        <v>9957</v>
      </c>
      <c r="G16369" t="s">
        <v>80</v>
      </c>
      <c r="H16369" t="s">
        <v>81</v>
      </c>
      <c r="I16369" s="2">
        <v>0</v>
      </c>
      <c r="J16369" s="2">
        <v>1</v>
      </c>
      <c r="K16369" s="2">
        <v>0</v>
      </c>
      <c r="L16369" t="s">
        <v>82</v>
      </c>
      <c r="M16369" t="s">
        <v>83</v>
      </c>
      <c r="N16369" t="s">
        <v>91</v>
      </c>
      <c r="O16369" t="s">
        <v>85</v>
      </c>
      <c r="P16369" t="s">
        <v>86</v>
      </c>
      <c r="Q16369">
        <v>33</v>
      </c>
      <c r="R16369">
        <v>34</v>
      </c>
      <c r="S16369">
        <v>34</v>
      </c>
      <c r="T16369">
        <v>35</v>
      </c>
      <c r="U16369">
        <v>36</v>
      </c>
      <c r="V16369">
        <v>37</v>
      </c>
      <c r="W16369">
        <v>37</v>
      </c>
      <c r="X16369">
        <v>38</v>
      </c>
      <c r="Y16369">
        <v>39</v>
      </c>
      <c r="Z16369">
        <v>40</v>
      </c>
      <c r="AA16369">
        <v>41</v>
      </c>
      <c r="AB16369">
        <v>41</v>
      </c>
      <c r="AC16369">
        <v>42</v>
      </c>
      <c r="AD16369">
        <v>43</v>
      </c>
      <c r="AE16369">
        <v>44</v>
      </c>
      <c r="AF16369">
        <v>45</v>
      </c>
      <c r="AG16369">
        <v>45</v>
      </c>
      <c r="AH16369">
        <v>46</v>
      </c>
      <c r="AI16369">
        <v>47</v>
      </c>
      <c r="AJ16369">
        <v>48</v>
      </c>
      <c r="AK16369">
        <v>49</v>
      </c>
      <c r="AL16369">
        <v>49</v>
      </c>
      <c r="AM16369">
        <v>50</v>
      </c>
      <c r="AN16369">
        <v>50</v>
      </c>
      <c r="AO16369">
        <v>51</v>
      </c>
      <c r="AP16369">
        <v>51</v>
      </c>
      <c r="AQ16369">
        <v>52</v>
      </c>
    </row>
    <row r="16370" spans="1:43">
      <c r="A16370" t="s">
        <v>10158</v>
      </c>
      <c r="B16370" t="s">
        <v>10159</v>
      </c>
      <c r="C16370" t="s">
        <v>10160</v>
      </c>
      <c r="D16370" t="s">
        <v>10161</v>
      </c>
      <c r="E16370" t="s">
        <v>9956</v>
      </c>
      <c r="F16370" t="s">
        <v>9957</v>
      </c>
      <c r="G16370" t="s">
        <v>80</v>
      </c>
      <c r="H16370" t="s">
        <v>81</v>
      </c>
      <c r="I16370" s="2">
        <v>0</v>
      </c>
      <c r="J16370" s="2">
        <v>1</v>
      </c>
      <c r="K16370" s="2">
        <v>0</v>
      </c>
      <c r="L16370" t="s">
        <v>82</v>
      </c>
      <c r="M16370" t="s">
        <v>83</v>
      </c>
      <c r="N16370" t="s">
        <v>84</v>
      </c>
      <c r="O16370" t="s">
        <v>85</v>
      </c>
      <c r="P16370" t="s">
        <v>86</v>
      </c>
      <c r="Q16370">
        <v>63</v>
      </c>
      <c r="R16370">
        <v>65</v>
      </c>
      <c r="S16370">
        <v>66</v>
      </c>
      <c r="T16370">
        <v>67</v>
      </c>
      <c r="U16370">
        <v>69</v>
      </c>
      <c r="V16370">
        <v>70</v>
      </c>
      <c r="W16370">
        <v>72</v>
      </c>
      <c r="X16370">
        <v>73</v>
      </c>
      <c r="Y16370">
        <v>75</v>
      </c>
      <c r="Z16370">
        <v>76</v>
      </c>
      <c r="AA16370">
        <v>78</v>
      </c>
      <c r="AB16370">
        <v>79</v>
      </c>
      <c r="AC16370">
        <v>81</v>
      </c>
      <c r="AD16370">
        <v>82</v>
      </c>
      <c r="AE16370">
        <v>84</v>
      </c>
      <c r="AF16370">
        <v>86</v>
      </c>
      <c r="AG16370">
        <v>87</v>
      </c>
      <c r="AH16370">
        <v>89</v>
      </c>
      <c r="AI16370">
        <v>90</v>
      </c>
      <c r="AJ16370">
        <v>92</v>
      </c>
      <c r="AK16370">
        <v>94</v>
      </c>
      <c r="AL16370">
        <v>95</v>
      </c>
      <c r="AM16370">
        <v>96</v>
      </c>
      <c r="AN16370">
        <v>97</v>
      </c>
      <c r="AO16370">
        <v>97</v>
      </c>
      <c r="AP16370">
        <v>98</v>
      </c>
      <c r="AQ16370">
        <v>99</v>
      </c>
    </row>
    <row r="16371" spans="1:43">
      <c r="A16371" t="s">
        <v>10158</v>
      </c>
      <c r="B16371" t="s">
        <v>10159</v>
      </c>
      <c r="C16371" t="s">
        <v>10160</v>
      </c>
      <c r="D16371" t="s">
        <v>10161</v>
      </c>
      <c r="E16371" t="s">
        <v>9956</v>
      </c>
      <c r="F16371" t="s">
        <v>9957</v>
      </c>
      <c r="G16371" t="s">
        <v>80</v>
      </c>
      <c r="H16371" t="s">
        <v>81</v>
      </c>
      <c r="I16371" s="2">
        <v>0</v>
      </c>
      <c r="J16371" s="2">
        <v>1</v>
      </c>
      <c r="K16371" s="2">
        <v>0</v>
      </c>
      <c r="L16371" t="s">
        <v>82</v>
      </c>
      <c r="M16371" t="s">
        <v>87</v>
      </c>
      <c r="N16371" t="s">
        <v>88</v>
      </c>
      <c r="O16371" t="s">
        <v>85</v>
      </c>
      <c r="P16371" t="s">
        <v>86</v>
      </c>
      <c r="Q16371">
        <v>63</v>
      </c>
      <c r="R16371">
        <v>64</v>
      </c>
      <c r="S16371">
        <v>64</v>
      </c>
      <c r="T16371">
        <v>65</v>
      </c>
      <c r="U16371">
        <v>66</v>
      </c>
      <c r="V16371">
        <v>67</v>
      </c>
      <c r="W16371">
        <v>67</v>
      </c>
      <c r="X16371">
        <v>68</v>
      </c>
      <c r="Y16371">
        <v>69</v>
      </c>
      <c r="Z16371">
        <v>70</v>
      </c>
      <c r="AA16371">
        <v>71</v>
      </c>
      <c r="AB16371">
        <v>72</v>
      </c>
      <c r="AC16371">
        <v>72</v>
      </c>
      <c r="AD16371">
        <v>73</v>
      </c>
      <c r="AE16371">
        <v>74</v>
      </c>
      <c r="AF16371">
        <v>75</v>
      </c>
      <c r="AG16371">
        <v>76</v>
      </c>
      <c r="AH16371">
        <v>77</v>
      </c>
      <c r="AI16371">
        <v>78</v>
      </c>
      <c r="AJ16371">
        <v>79</v>
      </c>
      <c r="AK16371">
        <v>80</v>
      </c>
      <c r="AL16371">
        <v>81</v>
      </c>
      <c r="AM16371">
        <v>82</v>
      </c>
      <c r="AN16371">
        <v>83</v>
      </c>
      <c r="AO16371">
        <v>84</v>
      </c>
      <c r="AP16371">
        <v>85</v>
      </c>
      <c r="AQ16371">
        <v>86</v>
      </c>
    </row>
    <row r="16372" spans="1:43">
      <c r="A16372" t="s">
        <v>10158</v>
      </c>
      <c r="B16372" t="s">
        <v>10159</v>
      </c>
      <c r="C16372" t="s">
        <v>10160</v>
      </c>
      <c r="D16372" t="s">
        <v>10161</v>
      </c>
      <c r="E16372" t="s">
        <v>9956</v>
      </c>
      <c r="F16372" t="s">
        <v>9957</v>
      </c>
      <c r="G16372" t="s">
        <v>80</v>
      </c>
      <c r="H16372" t="s">
        <v>81</v>
      </c>
      <c r="I16372" s="2">
        <v>0</v>
      </c>
      <c r="J16372" s="2">
        <v>1</v>
      </c>
      <c r="K16372" s="2">
        <v>0</v>
      </c>
      <c r="L16372" t="s">
        <v>82</v>
      </c>
      <c r="M16372" t="s">
        <v>89</v>
      </c>
      <c r="N16372" t="s">
        <v>90</v>
      </c>
      <c r="O16372" t="s">
        <v>85</v>
      </c>
      <c r="P16372" t="s">
        <v>86</v>
      </c>
      <c r="Q16372">
        <v>63</v>
      </c>
      <c r="R16372">
        <v>65</v>
      </c>
      <c r="S16372">
        <v>67</v>
      </c>
      <c r="T16372">
        <v>69</v>
      </c>
      <c r="U16372">
        <v>71</v>
      </c>
      <c r="V16372">
        <v>73</v>
      </c>
      <c r="W16372">
        <v>74</v>
      </c>
      <c r="X16372">
        <v>76</v>
      </c>
      <c r="Y16372">
        <v>78</v>
      </c>
      <c r="Z16372">
        <v>80</v>
      </c>
      <c r="AA16372">
        <v>82</v>
      </c>
      <c r="AB16372">
        <v>84</v>
      </c>
      <c r="AC16372">
        <v>86</v>
      </c>
      <c r="AD16372">
        <v>88</v>
      </c>
      <c r="AE16372">
        <v>89</v>
      </c>
      <c r="AF16372">
        <v>90</v>
      </c>
      <c r="AG16372">
        <v>91</v>
      </c>
      <c r="AH16372">
        <v>92</v>
      </c>
      <c r="AI16372">
        <v>92</v>
      </c>
      <c r="AJ16372">
        <v>93</v>
      </c>
      <c r="AK16372">
        <v>94</v>
      </c>
      <c r="AL16372">
        <v>95</v>
      </c>
      <c r="AM16372">
        <v>96</v>
      </c>
      <c r="AN16372">
        <v>97</v>
      </c>
      <c r="AO16372">
        <v>97</v>
      </c>
      <c r="AP16372">
        <v>98</v>
      </c>
      <c r="AQ16372">
        <v>99</v>
      </c>
    </row>
    <row r="16373" spans="1:43">
      <c r="A16373" t="s">
        <v>10158</v>
      </c>
      <c r="B16373" t="s">
        <v>10159</v>
      </c>
      <c r="C16373" t="s">
        <v>10160</v>
      </c>
      <c r="D16373" t="s">
        <v>10161</v>
      </c>
      <c r="E16373" t="s">
        <v>9956</v>
      </c>
      <c r="F16373" t="s">
        <v>9957</v>
      </c>
      <c r="G16373" t="s">
        <v>80</v>
      </c>
      <c r="H16373" t="s">
        <v>81</v>
      </c>
      <c r="I16373" s="2">
        <v>0</v>
      </c>
      <c r="J16373" s="2">
        <v>1</v>
      </c>
      <c r="K16373" s="2">
        <v>0</v>
      </c>
      <c r="L16373" t="s">
        <v>82</v>
      </c>
      <c r="M16373" t="s">
        <v>83</v>
      </c>
      <c r="N16373" t="s">
        <v>91</v>
      </c>
      <c r="O16373" t="s">
        <v>85</v>
      </c>
      <c r="P16373" t="s">
        <v>86</v>
      </c>
      <c r="Q16373">
        <v>63</v>
      </c>
      <c r="R16373">
        <v>65</v>
      </c>
      <c r="S16373">
        <v>66</v>
      </c>
      <c r="T16373">
        <v>67</v>
      </c>
      <c r="U16373">
        <v>69</v>
      </c>
      <c r="V16373">
        <v>70</v>
      </c>
      <c r="W16373">
        <v>72</v>
      </c>
      <c r="X16373">
        <v>73</v>
      </c>
      <c r="Y16373">
        <v>75</v>
      </c>
      <c r="Z16373">
        <v>76</v>
      </c>
      <c r="AA16373">
        <v>78</v>
      </c>
      <c r="AB16373">
        <v>79</v>
      </c>
      <c r="AC16373">
        <v>81</v>
      </c>
      <c r="AD16373">
        <v>82</v>
      </c>
      <c r="AE16373">
        <v>84</v>
      </c>
      <c r="AF16373">
        <v>86</v>
      </c>
      <c r="AG16373">
        <v>87</v>
      </c>
      <c r="AH16373">
        <v>89</v>
      </c>
      <c r="AI16373">
        <v>90</v>
      </c>
      <c r="AJ16373">
        <v>92</v>
      </c>
      <c r="AK16373">
        <v>94</v>
      </c>
      <c r="AL16373">
        <v>95</v>
      </c>
      <c r="AM16373">
        <v>96</v>
      </c>
      <c r="AN16373">
        <v>97</v>
      </c>
      <c r="AO16373">
        <v>97</v>
      </c>
      <c r="AP16373">
        <v>98</v>
      </c>
      <c r="AQ16373">
        <v>99</v>
      </c>
    </row>
    <row r="16374" spans="1:43">
      <c r="A16374" t="s">
        <v>10162</v>
      </c>
      <c r="B16374" t="s">
        <v>10163</v>
      </c>
      <c r="C16374" t="s">
        <v>10004</v>
      </c>
      <c r="D16374" t="s">
        <v>10005</v>
      </c>
      <c r="E16374" t="s">
        <v>9956</v>
      </c>
      <c r="F16374" t="s">
        <v>9957</v>
      </c>
      <c r="G16374" t="s">
        <v>80</v>
      </c>
      <c r="H16374" t="s">
        <v>81</v>
      </c>
      <c r="I16374" s="2">
        <v>0</v>
      </c>
      <c r="J16374" s="2">
        <v>1</v>
      </c>
      <c r="K16374" s="2">
        <v>0</v>
      </c>
      <c r="L16374" t="s">
        <v>82</v>
      </c>
      <c r="M16374" t="s">
        <v>83</v>
      </c>
      <c r="N16374" t="s">
        <v>84</v>
      </c>
      <c r="O16374" t="s">
        <v>85</v>
      </c>
      <c r="P16374" t="s">
        <v>86</v>
      </c>
      <c r="Q16374">
        <v>44</v>
      </c>
      <c r="R16374">
        <v>45</v>
      </c>
      <c r="S16374">
        <v>46</v>
      </c>
      <c r="T16374">
        <v>47</v>
      </c>
      <c r="U16374">
        <v>48</v>
      </c>
      <c r="V16374">
        <v>49</v>
      </c>
      <c r="W16374">
        <v>50</v>
      </c>
      <c r="X16374">
        <v>51</v>
      </c>
      <c r="Y16374">
        <v>52</v>
      </c>
      <c r="Z16374">
        <v>54</v>
      </c>
      <c r="AA16374">
        <v>55</v>
      </c>
      <c r="AB16374">
        <v>56</v>
      </c>
      <c r="AC16374">
        <v>57</v>
      </c>
      <c r="AD16374">
        <v>58</v>
      </c>
      <c r="AE16374">
        <v>59</v>
      </c>
      <c r="AF16374">
        <v>60</v>
      </c>
      <c r="AG16374">
        <v>61</v>
      </c>
      <c r="AH16374">
        <v>62</v>
      </c>
      <c r="AI16374">
        <v>63</v>
      </c>
      <c r="AJ16374">
        <v>65</v>
      </c>
      <c r="AK16374">
        <v>66</v>
      </c>
      <c r="AL16374">
        <v>67</v>
      </c>
      <c r="AM16374">
        <v>67</v>
      </c>
      <c r="AN16374">
        <v>68</v>
      </c>
      <c r="AO16374">
        <v>68</v>
      </c>
      <c r="AP16374">
        <v>69</v>
      </c>
      <c r="AQ16374">
        <v>70</v>
      </c>
    </row>
    <row r="16375" spans="1:43">
      <c r="A16375" t="s">
        <v>10162</v>
      </c>
      <c r="B16375" t="s">
        <v>10163</v>
      </c>
      <c r="C16375" t="s">
        <v>10004</v>
      </c>
      <c r="D16375" t="s">
        <v>10005</v>
      </c>
      <c r="E16375" t="s">
        <v>9956</v>
      </c>
      <c r="F16375" t="s">
        <v>9957</v>
      </c>
      <c r="G16375" t="s">
        <v>80</v>
      </c>
      <c r="H16375" t="s">
        <v>81</v>
      </c>
      <c r="I16375" s="2">
        <v>0</v>
      </c>
      <c r="J16375" s="2">
        <v>1</v>
      </c>
      <c r="K16375" s="2">
        <v>0</v>
      </c>
      <c r="L16375" t="s">
        <v>82</v>
      </c>
      <c r="M16375" t="s">
        <v>87</v>
      </c>
      <c r="N16375" t="s">
        <v>88</v>
      </c>
      <c r="O16375" t="s">
        <v>85</v>
      </c>
      <c r="P16375" t="s">
        <v>86</v>
      </c>
      <c r="Q16375">
        <v>44</v>
      </c>
      <c r="R16375">
        <v>45</v>
      </c>
      <c r="S16375">
        <v>45</v>
      </c>
      <c r="T16375">
        <v>46</v>
      </c>
      <c r="U16375">
        <v>46</v>
      </c>
      <c r="V16375">
        <v>47</v>
      </c>
      <c r="W16375">
        <v>47</v>
      </c>
      <c r="X16375">
        <v>48</v>
      </c>
      <c r="Y16375">
        <v>48</v>
      </c>
      <c r="Z16375">
        <v>49</v>
      </c>
      <c r="AA16375">
        <v>50</v>
      </c>
      <c r="AB16375">
        <v>50</v>
      </c>
      <c r="AC16375">
        <v>51</v>
      </c>
      <c r="AD16375">
        <v>52</v>
      </c>
      <c r="AE16375">
        <v>52</v>
      </c>
      <c r="AF16375">
        <v>53</v>
      </c>
      <c r="AG16375">
        <v>53</v>
      </c>
      <c r="AH16375">
        <v>54</v>
      </c>
      <c r="AI16375">
        <v>55</v>
      </c>
      <c r="AJ16375">
        <v>55</v>
      </c>
      <c r="AK16375">
        <v>56</v>
      </c>
      <c r="AL16375">
        <v>57</v>
      </c>
      <c r="AM16375">
        <v>57</v>
      </c>
      <c r="AN16375">
        <v>58</v>
      </c>
      <c r="AO16375">
        <v>59</v>
      </c>
      <c r="AP16375">
        <v>59</v>
      </c>
      <c r="AQ16375">
        <v>60</v>
      </c>
    </row>
    <row r="16376" spans="1:43">
      <c r="A16376" t="s">
        <v>10162</v>
      </c>
      <c r="B16376" t="s">
        <v>10163</v>
      </c>
      <c r="C16376" t="s">
        <v>10004</v>
      </c>
      <c r="D16376" t="s">
        <v>10005</v>
      </c>
      <c r="E16376" t="s">
        <v>9956</v>
      </c>
      <c r="F16376" t="s">
        <v>9957</v>
      </c>
      <c r="G16376" t="s">
        <v>80</v>
      </c>
      <c r="H16376" t="s">
        <v>81</v>
      </c>
      <c r="I16376" s="2">
        <v>0</v>
      </c>
      <c r="J16376" s="2">
        <v>1</v>
      </c>
      <c r="K16376" s="2">
        <v>0</v>
      </c>
      <c r="L16376" t="s">
        <v>82</v>
      </c>
      <c r="M16376" t="s">
        <v>89</v>
      </c>
      <c r="N16376" t="s">
        <v>90</v>
      </c>
      <c r="O16376" t="s">
        <v>85</v>
      </c>
      <c r="P16376" t="s">
        <v>86</v>
      </c>
      <c r="Q16376">
        <v>44</v>
      </c>
      <c r="R16376">
        <v>45</v>
      </c>
      <c r="S16376">
        <v>47</v>
      </c>
      <c r="T16376">
        <v>48</v>
      </c>
      <c r="U16376">
        <v>49</v>
      </c>
      <c r="V16376">
        <v>51</v>
      </c>
      <c r="W16376">
        <v>52</v>
      </c>
      <c r="X16376">
        <v>53</v>
      </c>
      <c r="Y16376">
        <v>55</v>
      </c>
      <c r="Z16376">
        <v>56</v>
      </c>
      <c r="AA16376">
        <v>57</v>
      </c>
      <c r="AB16376">
        <v>58</v>
      </c>
      <c r="AC16376">
        <v>60</v>
      </c>
      <c r="AD16376">
        <v>61</v>
      </c>
      <c r="AE16376">
        <v>62</v>
      </c>
      <c r="AF16376">
        <v>63</v>
      </c>
      <c r="AG16376">
        <v>63</v>
      </c>
      <c r="AH16376">
        <v>64</v>
      </c>
      <c r="AI16376">
        <v>65</v>
      </c>
      <c r="AJ16376">
        <v>65</v>
      </c>
      <c r="AK16376">
        <v>66</v>
      </c>
      <c r="AL16376">
        <v>66</v>
      </c>
      <c r="AM16376">
        <v>67</v>
      </c>
      <c r="AN16376">
        <v>67</v>
      </c>
      <c r="AO16376">
        <v>68</v>
      </c>
      <c r="AP16376">
        <v>69</v>
      </c>
      <c r="AQ16376">
        <v>69</v>
      </c>
    </row>
    <row r="16377" spans="1:43">
      <c r="A16377" t="s">
        <v>10162</v>
      </c>
      <c r="B16377" t="s">
        <v>10163</v>
      </c>
      <c r="C16377" t="s">
        <v>10004</v>
      </c>
      <c r="D16377" t="s">
        <v>10005</v>
      </c>
      <c r="E16377" t="s">
        <v>9956</v>
      </c>
      <c r="F16377" t="s">
        <v>9957</v>
      </c>
      <c r="G16377" t="s">
        <v>80</v>
      </c>
      <c r="H16377" t="s">
        <v>81</v>
      </c>
      <c r="I16377" s="2">
        <v>0</v>
      </c>
      <c r="J16377" s="2">
        <v>1</v>
      </c>
      <c r="K16377" s="2">
        <v>0</v>
      </c>
      <c r="L16377" t="s">
        <v>82</v>
      </c>
      <c r="M16377" t="s">
        <v>83</v>
      </c>
      <c r="N16377" t="s">
        <v>91</v>
      </c>
      <c r="O16377" t="s">
        <v>85</v>
      </c>
      <c r="P16377" t="s">
        <v>86</v>
      </c>
      <c r="Q16377">
        <v>44</v>
      </c>
      <c r="R16377">
        <v>45</v>
      </c>
      <c r="S16377">
        <v>46</v>
      </c>
      <c r="T16377">
        <v>47</v>
      </c>
      <c r="U16377">
        <v>48</v>
      </c>
      <c r="V16377">
        <v>49</v>
      </c>
      <c r="W16377">
        <v>50</v>
      </c>
      <c r="X16377">
        <v>51</v>
      </c>
      <c r="Y16377">
        <v>52</v>
      </c>
      <c r="Z16377">
        <v>54</v>
      </c>
      <c r="AA16377">
        <v>55</v>
      </c>
      <c r="AB16377">
        <v>56</v>
      </c>
      <c r="AC16377">
        <v>57</v>
      </c>
      <c r="AD16377">
        <v>58</v>
      </c>
      <c r="AE16377">
        <v>59</v>
      </c>
      <c r="AF16377">
        <v>60</v>
      </c>
      <c r="AG16377">
        <v>61</v>
      </c>
      <c r="AH16377">
        <v>62</v>
      </c>
      <c r="AI16377">
        <v>63</v>
      </c>
      <c r="AJ16377">
        <v>65</v>
      </c>
      <c r="AK16377">
        <v>66</v>
      </c>
      <c r="AL16377">
        <v>67</v>
      </c>
      <c r="AM16377">
        <v>67</v>
      </c>
      <c r="AN16377">
        <v>68</v>
      </c>
      <c r="AO16377">
        <v>68</v>
      </c>
      <c r="AP16377">
        <v>69</v>
      </c>
      <c r="AQ16377">
        <v>70</v>
      </c>
    </row>
    <row r="16378" spans="1:43">
      <c r="A16378" t="s">
        <v>10164</v>
      </c>
      <c r="B16378" t="s">
        <v>10165</v>
      </c>
      <c r="C16378" t="s">
        <v>10166</v>
      </c>
      <c r="D16378" t="s">
        <v>10167</v>
      </c>
      <c r="E16378" t="s">
        <v>9956</v>
      </c>
      <c r="F16378" t="s">
        <v>9957</v>
      </c>
      <c r="G16378" t="s">
        <v>80</v>
      </c>
      <c r="H16378" t="s">
        <v>81</v>
      </c>
      <c r="I16378" s="2">
        <v>0</v>
      </c>
      <c r="J16378" s="2">
        <v>1</v>
      </c>
      <c r="K16378" s="2">
        <v>0</v>
      </c>
      <c r="L16378" t="s">
        <v>82</v>
      </c>
      <c r="M16378" t="s">
        <v>83</v>
      </c>
      <c r="N16378" t="s">
        <v>84</v>
      </c>
      <c r="O16378" t="s">
        <v>85</v>
      </c>
      <c r="P16378" t="s">
        <v>86</v>
      </c>
      <c r="Q16378">
        <v>0</v>
      </c>
      <c r="R16378">
        <v>0</v>
      </c>
      <c r="S16378">
        <v>0</v>
      </c>
      <c r="T16378">
        <v>0</v>
      </c>
      <c r="U16378">
        <v>0</v>
      </c>
      <c r="V16378">
        <v>0</v>
      </c>
      <c r="W16378">
        <v>0</v>
      </c>
      <c r="X16378">
        <v>0</v>
      </c>
      <c r="Y16378">
        <v>0</v>
      </c>
      <c r="Z16378">
        <v>0</v>
      </c>
      <c r="AA16378">
        <v>0</v>
      </c>
      <c r="AB16378">
        <v>0</v>
      </c>
      <c r="AC16378">
        <v>0</v>
      </c>
      <c r="AD16378">
        <v>0</v>
      </c>
      <c r="AE16378">
        <v>0</v>
      </c>
      <c r="AF16378">
        <v>0</v>
      </c>
      <c r="AG16378">
        <v>0</v>
      </c>
      <c r="AH16378">
        <v>0</v>
      </c>
      <c r="AI16378">
        <v>0</v>
      </c>
      <c r="AJ16378">
        <v>0</v>
      </c>
      <c r="AK16378">
        <v>0</v>
      </c>
      <c r="AL16378">
        <v>0</v>
      </c>
      <c r="AM16378">
        <v>0</v>
      </c>
      <c r="AN16378">
        <v>0</v>
      </c>
      <c r="AO16378">
        <v>0</v>
      </c>
      <c r="AP16378">
        <v>0</v>
      </c>
      <c r="AQ16378">
        <v>0</v>
      </c>
    </row>
    <row r="16379" spans="1:43">
      <c r="A16379" t="s">
        <v>10164</v>
      </c>
      <c r="B16379" t="s">
        <v>10165</v>
      </c>
      <c r="C16379" t="s">
        <v>10166</v>
      </c>
      <c r="D16379" t="s">
        <v>10167</v>
      </c>
      <c r="E16379" t="s">
        <v>9956</v>
      </c>
      <c r="F16379" t="s">
        <v>9957</v>
      </c>
      <c r="G16379" t="s">
        <v>80</v>
      </c>
      <c r="H16379" t="s">
        <v>81</v>
      </c>
      <c r="I16379" s="2">
        <v>0</v>
      </c>
      <c r="J16379" s="2">
        <v>1</v>
      </c>
      <c r="K16379" s="2">
        <v>0</v>
      </c>
      <c r="L16379" t="s">
        <v>82</v>
      </c>
      <c r="M16379" t="s">
        <v>87</v>
      </c>
      <c r="N16379" t="s">
        <v>88</v>
      </c>
      <c r="O16379" t="s">
        <v>85</v>
      </c>
      <c r="P16379" t="s">
        <v>86</v>
      </c>
      <c r="Q16379">
        <v>0</v>
      </c>
      <c r="R16379">
        <v>0</v>
      </c>
      <c r="S16379">
        <v>0</v>
      </c>
      <c r="T16379">
        <v>0</v>
      </c>
      <c r="U16379">
        <v>0</v>
      </c>
      <c r="V16379">
        <v>0</v>
      </c>
      <c r="W16379">
        <v>0</v>
      </c>
      <c r="X16379">
        <v>0</v>
      </c>
      <c r="Y16379">
        <v>0</v>
      </c>
      <c r="Z16379">
        <v>0</v>
      </c>
      <c r="AA16379">
        <v>0</v>
      </c>
      <c r="AB16379">
        <v>0</v>
      </c>
      <c r="AC16379">
        <v>0</v>
      </c>
      <c r="AD16379">
        <v>0</v>
      </c>
      <c r="AE16379">
        <v>0</v>
      </c>
      <c r="AF16379">
        <v>0</v>
      </c>
      <c r="AG16379">
        <v>0</v>
      </c>
      <c r="AH16379">
        <v>0</v>
      </c>
      <c r="AI16379">
        <v>0</v>
      </c>
      <c r="AJ16379">
        <v>0</v>
      </c>
      <c r="AK16379">
        <v>0</v>
      </c>
      <c r="AL16379">
        <v>0</v>
      </c>
      <c r="AM16379">
        <v>0</v>
      </c>
      <c r="AN16379">
        <v>0</v>
      </c>
      <c r="AO16379">
        <v>0</v>
      </c>
      <c r="AP16379">
        <v>0</v>
      </c>
      <c r="AQ16379">
        <v>0</v>
      </c>
    </row>
    <row r="16380" spans="1:43">
      <c r="A16380" t="s">
        <v>10164</v>
      </c>
      <c r="B16380" t="s">
        <v>10165</v>
      </c>
      <c r="C16380" t="s">
        <v>10166</v>
      </c>
      <c r="D16380" t="s">
        <v>10167</v>
      </c>
      <c r="E16380" t="s">
        <v>9956</v>
      </c>
      <c r="F16380" t="s">
        <v>9957</v>
      </c>
      <c r="G16380" t="s">
        <v>80</v>
      </c>
      <c r="H16380" t="s">
        <v>81</v>
      </c>
      <c r="I16380" s="2">
        <v>0</v>
      </c>
      <c r="J16380" s="2">
        <v>1</v>
      </c>
      <c r="K16380" s="2">
        <v>0</v>
      </c>
      <c r="L16380" t="s">
        <v>82</v>
      </c>
      <c r="M16380" t="s">
        <v>89</v>
      </c>
      <c r="N16380" t="s">
        <v>90</v>
      </c>
      <c r="O16380" t="s">
        <v>85</v>
      </c>
      <c r="P16380" t="s">
        <v>86</v>
      </c>
      <c r="Q16380">
        <v>0</v>
      </c>
      <c r="R16380">
        <v>0</v>
      </c>
      <c r="S16380">
        <v>0</v>
      </c>
      <c r="T16380">
        <v>0</v>
      </c>
      <c r="U16380">
        <v>0</v>
      </c>
      <c r="V16380">
        <v>0</v>
      </c>
      <c r="W16380">
        <v>0</v>
      </c>
      <c r="X16380">
        <v>0</v>
      </c>
      <c r="Y16380">
        <v>0</v>
      </c>
      <c r="Z16380">
        <v>0</v>
      </c>
      <c r="AA16380">
        <v>0</v>
      </c>
      <c r="AB16380">
        <v>0</v>
      </c>
      <c r="AC16380">
        <v>0</v>
      </c>
      <c r="AD16380">
        <v>0</v>
      </c>
      <c r="AE16380">
        <v>0</v>
      </c>
      <c r="AF16380">
        <v>0</v>
      </c>
      <c r="AG16380">
        <v>0</v>
      </c>
      <c r="AH16380">
        <v>0</v>
      </c>
      <c r="AI16380">
        <v>0</v>
      </c>
      <c r="AJ16380">
        <v>0</v>
      </c>
      <c r="AK16380">
        <v>0</v>
      </c>
      <c r="AL16380">
        <v>0</v>
      </c>
      <c r="AM16380">
        <v>0</v>
      </c>
      <c r="AN16380">
        <v>0</v>
      </c>
      <c r="AO16380">
        <v>0</v>
      </c>
      <c r="AP16380">
        <v>0</v>
      </c>
      <c r="AQ16380">
        <v>0</v>
      </c>
    </row>
    <row r="16381" spans="1:43">
      <c r="A16381" t="s">
        <v>10164</v>
      </c>
      <c r="B16381" t="s">
        <v>10165</v>
      </c>
      <c r="C16381" t="s">
        <v>10166</v>
      </c>
      <c r="D16381" t="s">
        <v>10167</v>
      </c>
      <c r="E16381" t="s">
        <v>9956</v>
      </c>
      <c r="F16381" t="s">
        <v>9957</v>
      </c>
      <c r="G16381" t="s">
        <v>80</v>
      </c>
      <c r="H16381" t="s">
        <v>81</v>
      </c>
      <c r="I16381" s="2">
        <v>0</v>
      </c>
      <c r="J16381" s="2">
        <v>1</v>
      </c>
      <c r="K16381" s="2">
        <v>0</v>
      </c>
      <c r="L16381" t="s">
        <v>82</v>
      </c>
      <c r="M16381" t="s">
        <v>83</v>
      </c>
      <c r="N16381" t="s">
        <v>91</v>
      </c>
      <c r="O16381" t="s">
        <v>85</v>
      </c>
      <c r="P16381" t="s">
        <v>86</v>
      </c>
      <c r="Q16381">
        <v>0</v>
      </c>
      <c r="R16381">
        <v>0</v>
      </c>
      <c r="S16381">
        <v>0</v>
      </c>
      <c r="T16381">
        <v>0</v>
      </c>
      <c r="U16381">
        <v>0</v>
      </c>
      <c r="V16381">
        <v>0</v>
      </c>
      <c r="W16381">
        <v>0</v>
      </c>
      <c r="X16381">
        <v>0</v>
      </c>
      <c r="Y16381">
        <v>0</v>
      </c>
      <c r="Z16381">
        <v>0</v>
      </c>
      <c r="AA16381">
        <v>0</v>
      </c>
      <c r="AB16381">
        <v>0</v>
      </c>
      <c r="AC16381">
        <v>0</v>
      </c>
      <c r="AD16381">
        <v>0</v>
      </c>
      <c r="AE16381">
        <v>0</v>
      </c>
      <c r="AF16381">
        <v>0</v>
      </c>
      <c r="AG16381">
        <v>0</v>
      </c>
      <c r="AH16381">
        <v>0</v>
      </c>
      <c r="AI16381">
        <v>0</v>
      </c>
      <c r="AJ16381">
        <v>0</v>
      </c>
      <c r="AK16381">
        <v>0</v>
      </c>
      <c r="AL16381">
        <v>0</v>
      </c>
      <c r="AM16381">
        <v>0</v>
      </c>
      <c r="AN16381">
        <v>0</v>
      </c>
      <c r="AO16381">
        <v>0</v>
      </c>
      <c r="AP16381">
        <v>0</v>
      </c>
      <c r="AQ16381">
        <v>0</v>
      </c>
    </row>
    <row r="16382" spans="1:43">
      <c r="A16382" t="s">
        <v>10168</v>
      </c>
      <c r="B16382" t="s">
        <v>10169</v>
      </c>
      <c r="C16382" t="s">
        <v>10160</v>
      </c>
      <c r="D16382" t="s">
        <v>10161</v>
      </c>
      <c r="E16382" t="s">
        <v>9956</v>
      </c>
      <c r="F16382" t="s">
        <v>9957</v>
      </c>
      <c r="G16382" t="s">
        <v>80</v>
      </c>
      <c r="H16382" t="s">
        <v>81</v>
      </c>
      <c r="I16382" s="2">
        <v>0</v>
      </c>
      <c r="J16382" s="2">
        <v>1</v>
      </c>
      <c r="K16382" s="2">
        <v>0</v>
      </c>
      <c r="L16382" t="s">
        <v>82</v>
      </c>
      <c r="M16382" t="s">
        <v>83</v>
      </c>
      <c r="N16382" t="s">
        <v>84</v>
      </c>
      <c r="O16382" t="s">
        <v>85</v>
      </c>
      <c r="P16382" t="s">
        <v>86</v>
      </c>
      <c r="Q16382">
        <v>59</v>
      </c>
      <c r="R16382">
        <v>61</v>
      </c>
      <c r="S16382">
        <v>62</v>
      </c>
      <c r="T16382">
        <v>63</v>
      </c>
      <c r="U16382">
        <v>65</v>
      </c>
      <c r="V16382">
        <v>66</v>
      </c>
      <c r="W16382">
        <v>67</v>
      </c>
      <c r="X16382">
        <v>69</v>
      </c>
      <c r="Y16382">
        <v>70</v>
      </c>
      <c r="Z16382">
        <v>71</v>
      </c>
      <c r="AA16382">
        <v>73</v>
      </c>
      <c r="AB16382">
        <v>74</v>
      </c>
      <c r="AC16382">
        <v>76</v>
      </c>
      <c r="AD16382">
        <v>77</v>
      </c>
      <c r="AE16382">
        <v>79</v>
      </c>
      <c r="AF16382">
        <v>80</v>
      </c>
      <c r="AG16382">
        <v>82</v>
      </c>
      <c r="AH16382">
        <v>83</v>
      </c>
      <c r="AI16382">
        <v>85</v>
      </c>
      <c r="AJ16382">
        <v>86</v>
      </c>
      <c r="AK16382">
        <v>88</v>
      </c>
      <c r="AL16382">
        <v>89</v>
      </c>
      <c r="AM16382">
        <v>90</v>
      </c>
      <c r="AN16382">
        <v>90</v>
      </c>
      <c r="AO16382">
        <v>91</v>
      </c>
      <c r="AP16382">
        <v>92</v>
      </c>
      <c r="AQ16382">
        <v>93</v>
      </c>
    </row>
    <row r="16383" spans="1:43">
      <c r="A16383" t="s">
        <v>10168</v>
      </c>
      <c r="B16383" t="s">
        <v>10169</v>
      </c>
      <c r="C16383" t="s">
        <v>10160</v>
      </c>
      <c r="D16383" t="s">
        <v>10161</v>
      </c>
      <c r="E16383" t="s">
        <v>9956</v>
      </c>
      <c r="F16383" t="s">
        <v>9957</v>
      </c>
      <c r="G16383" t="s">
        <v>80</v>
      </c>
      <c r="H16383" t="s">
        <v>81</v>
      </c>
      <c r="I16383" s="2">
        <v>0</v>
      </c>
      <c r="J16383" s="2">
        <v>1</v>
      </c>
      <c r="K16383" s="2">
        <v>0</v>
      </c>
      <c r="L16383" t="s">
        <v>82</v>
      </c>
      <c r="M16383" t="s">
        <v>87</v>
      </c>
      <c r="N16383" t="s">
        <v>88</v>
      </c>
      <c r="O16383" t="s">
        <v>85</v>
      </c>
      <c r="P16383" t="s">
        <v>86</v>
      </c>
      <c r="Q16383">
        <v>59</v>
      </c>
      <c r="R16383">
        <v>60</v>
      </c>
      <c r="S16383">
        <v>60</v>
      </c>
      <c r="T16383">
        <v>61</v>
      </c>
      <c r="U16383">
        <v>62</v>
      </c>
      <c r="V16383">
        <v>63</v>
      </c>
      <c r="W16383">
        <v>63</v>
      </c>
      <c r="X16383">
        <v>64</v>
      </c>
      <c r="Y16383">
        <v>65</v>
      </c>
      <c r="Z16383">
        <v>66</v>
      </c>
      <c r="AA16383">
        <v>66</v>
      </c>
      <c r="AB16383">
        <v>67</v>
      </c>
      <c r="AC16383">
        <v>68</v>
      </c>
      <c r="AD16383">
        <v>69</v>
      </c>
      <c r="AE16383">
        <v>70</v>
      </c>
      <c r="AF16383">
        <v>71</v>
      </c>
      <c r="AG16383">
        <v>71</v>
      </c>
      <c r="AH16383">
        <v>72</v>
      </c>
      <c r="AI16383">
        <v>73</v>
      </c>
      <c r="AJ16383">
        <v>74</v>
      </c>
      <c r="AK16383">
        <v>75</v>
      </c>
      <c r="AL16383">
        <v>76</v>
      </c>
      <c r="AM16383">
        <v>77</v>
      </c>
      <c r="AN16383">
        <v>78</v>
      </c>
      <c r="AO16383">
        <v>79</v>
      </c>
      <c r="AP16383">
        <v>79</v>
      </c>
      <c r="AQ16383">
        <v>80</v>
      </c>
    </row>
    <row r="16384" spans="1:43">
      <c r="A16384" t="s">
        <v>10168</v>
      </c>
      <c r="B16384" t="s">
        <v>10169</v>
      </c>
      <c r="C16384" t="s">
        <v>10160</v>
      </c>
      <c r="D16384" t="s">
        <v>10161</v>
      </c>
      <c r="E16384" t="s">
        <v>9956</v>
      </c>
      <c r="F16384" t="s">
        <v>9957</v>
      </c>
      <c r="G16384" t="s">
        <v>80</v>
      </c>
      <c r="H16384" t="s">
        <v>81</v>
      </c>
      <c r="I16384" s="2">
        <v>0</v>
      </c>
      <c r="J16384" s="2">
        <v>1</v>
      </c>
      <c r="K16384" s="2">
        <v>0</v>
      </c>
      <c r="L16384" t="s">
        <v>82</v>
      </c>
      <c r="M16384" t="s">
        <v>89</v>
      </c>
      <c r="N16384" t="s">
        <v>90</v>
      </c>
      <c r="O16384" t="s">
        <v>85</v>
      </c>
      <c r="P16384" t="s">
        <v>86</v>
      </c>
      <c r="Q16384">
        <v>59</v>
      </c>
      <c r="R16384">
        <v>61</v>
      </c>
      <c r="S16384">
        <v>63</v>
      </c>
      <c r="T16384">
        <v>64</v>
      </c>
      <c r="U16384">
        <v>66</v>
      </c>
      <c r="V16384">
        <v>68</v>
      </c>
      <c r="W16384">
        <v>70</v>
      </c>
      <c r="X16384">
        <v>72</v>
      </c>
      <c r="Y16384">
        <v>73</v>
      </c>
      <c r="Z16384">
        <v>75</v>
      </c>
      <c r="AA16384">
        <v>77</v>
      </c>
      <c r="AB16384">
        <v>79</v>
      </c>
      <c r="AC16384">
        <v>80</v>
      </c>
      <c r="AD16384">
        <v>82</v>
      </c>
      <c r="AE16384">
        <v>84</v>
      </c>
      <c r="AF16384">
        <v>84</v>
      </c>
      <c r="AG16384">
        <v>85</v>
      </c>
      <c r="AH16384">
        <v>86</v>
      </c>
      <c r="AI16384">
        <v>86</v>
      </c>
      <c r="AJ16384">
        <v>87</v>
      </c>
      <c r="AK16384">
        <v>88</v>
      </c>
      <c r="AL16384">
        <v>88</v>
      </c>
      <c r="AM16384">
        <v>89</v>
      </c>
      <c r="AN16384">
        <v>90</v>
      </c>
      <c r="AO16384">
        <v>90</v>
      </c>
      <c r="AP16384">
        <v>91</v>
      </c>
      <c r="AQ16384">
        <v>92</v>
      </c>
    </row>
    <row r="16385" spans="1:43">
      <c r="A16385" t="s">
        <v>10168</v>
      </c>
      <c r="B16385" t="s">
        <v>10169</v>
      </c>
      <c r="C16385" t="s">
        <v>10160</v>
      </c>
      <c r="D16385" t="s">
        <v>10161</v>
      </c>
      <c r="E16385" t="s">
        <v>9956</v>
      </c>
      <c r="F16385" t="s">
        <v>9957</v>
      </c>
      <c r="G16385" t="s">
        <v>80</v>
      </c>
      <c r="H16385" t="s">
        <v>81</v>
      </c>
      <c r="I16385" s="2">
        <v>0</v>
      </c>
      <c r="J16385" s="2">
        <v>1</v>
      </c>
      <c r="K16385" s="2">
        <v>0</v>
      </c>
      <c r="L16385" t="s">
        <v>82</v>
      </c>
      <c r="M16385" t="s">
        <v>83</v>
      </c>
      <c r="N16385" t="s">
        <v>91</v>
      </c>
      <c r="O16385" t="s">
        <v>85</v>
      </c>
      <c r="P16385" t="s">
        <v>86</v>
      </c>
      <c r="Q16385">
        <v>59</v>
      </c>
      <c r="R16385">
        <v>61</v>
      </c>
      <c r="S16385">
        <v>62</v>
      </c>
      <c r="T16385">
        <v>63</v>
      </c>
      <c r="U16385">
        <v>65</v>
      </c>
      <c r="V16385">
        <v>66</v>
      </c>
      <c r="W16385">
        <v>67</v>
      </c>
      <c r="X16385">
        <v>69</v>
      </c>
      <c r="Y16385">
        <v>70</v>
      </c>
      <c r="Z16385">
        <v>71</v>
      </c>
      <c r="AA16385">
        <v>73</v>
      </c>
      <c r="AB16385">
        <v>74</v>
      </c>
      <c r="AC16385">
        <v>76</v>
      </c>
      <c r="AD16385">
        <v>77</v>
      </c>
      <c r="AE16385">
        <v>79</v>
      </c>
      <c r="AF16385">
        <v>80</v>
      </c>
      <c r="AG16385">
        <v>82</v>
      </c>
      <c r="AH16385">
        <v>83</v>
      </c>
      <c r="AI16385">
        <v>85</v>
      </c>
      <c r="AJ16385">
        <v>86</v>
      </c>
      <c r="AK16385">
        <v>88</v>
      </c>
      <c r="AL16385">
        <v>89</v>
      </c>
      <c r="AM16385">
        <v>90</v>
      </c>
      <c r="AN16385">
        <v>90</v>
      </c>
      <c r="AO16385">
        <v>91</v>
      </c>
      <c r="AP16385">
        <v>92</v>
      </c>
      <c r="AQ16385">
        <v>93</v>
      </c>
    </row>
    <row r="16386" spans="1:43">
      <c r="A16386" t="s">
        <v>10170</v>
      </c>
      <c r="B16386" t="s">
        <v>10171</v>
      </c>
      <c r="C16386" t="s">
        <v>10142</v>
      </c>
      <c r="D16386" t="s">
        <v>10143</v>
      </c>
      <c r="E16386" t="s">
        <v>9956</v>
      </c>
      <c r="F16386" t="s">
        <v>9957</v>
      </c>
      <c r="G16386" t="s">
        <v>80</v>
      </c>
      <c r="H16386" t="s">
        <v>81</v>
      </c>
      <c r="I16386" s="2">
        <v>0</v>
      </c>
      <c r="J16386" s="2">
        <v>1</v>
      </c>
      <c r="K16386" s="2">
        <v>0</v>
      </c>
      <c r="L16386" t="s">
        <v>82</v>
      </c>
      <c r="M16386" t="s">
        <v>83</v>
      </c>
      <c r="N16386" t="s">
        <v>84</v>
      </c>
      <c r="O16386" t="s">
        <v>85</v>
      </c>
      <c r="P16386" t="s">
        <v>86</v>
      </c>
      <c r="Q16386">
        <v>119</v>
      </c>
      <c r="R16386">
        <v>121</v>
      </c>
      <c r="S16386">
        <v>124</v>
      </c>
      <c r="T16386">
        <v>126</v>
      </c>
      <c r="U16386">
        <v>129</v>
      </c>
      <c r="V16386">
        <v>132</v>
      </c>
      <c r="W16386">
        <v>134</v>
      </c>
      <c r="X16386">
        <v>137</v>
      </c>
      <c r="Y16386">
        <v>140</v>
      </c>
      <c r="Z16386">
        <v>143</v>
      </c>
      <c r="AA16386">
        <v>146</v>
      </c>
      <c r="AB16386">
        <v>148</v>
      </c>
      <c r="AC16386">
        <v>151</v>
      </c>
      <c r="AD16386">
        <v>154</v>
      </c>
      <c r="AE16386">
        <v>157</v>
      </c>
      <c r="AF16386">
        <v>160</v>
      </c>
      <c r="AG16386">
        <v>163</v>
      </c>
      <c r="AH16386">
        <v>166</v>
      </c>
      <c r="AI16386">
        <v>169</v>
      </c>
      <c r="AJ16386">
        <v>172</v>
      </c>
      <c r="AK16386">
        <v>176</v>
      </c>
      <c r="AL16386">
        <v>178</v>
      </c>
      <c r="AM16386">
        <v>179</v>
      </c>
      <c r="AN16386">
        <v>181</v>
      </c>
      <c r="AO16386">
        <v>182</v>
      </c>
      <c r="AP16386">
        <v>184</v>
      </c>
      <c r="AQ16386">
        <v>185</v>
      </c>
    </row>
    <row r="16387" spans="1:43">
      <c r="A16387" t="s">
        <v>10170</v>
      </c>
      <c r="B16387" t="s">
        <v>10171</v>
      </c>
      <c r="C16387" t="s">
        <v>10142</v>
      </c>
      <c r="D16387" t="s">
        <v>10143</v>
      </c>
      <c r="E16387" t="s">
        <v>9956</v>
      </c>
      <c r="F16387" t="s">
        <v>9957</v>
      </c>
      <c r="G16387" t="s">
        <v>80</v>
      </c>
      <c r="H16387" t="s">
        <v>81</v>
      </c>
      <c r="I16387" s="2">
        <v>0</v>
      </c>
      <c r="J16387" s="2">
        <v>1</v>
      </c>
      <c r="K16387" s="2">
        <v>0</v>
      </c>
      <c r="L16387" t="s">
        <v>82</v>
      </c>
      <c r="M16387" t="s">
        <v>87</v>
      </c>
      <c r="N16387" t="s">
        <v>88</v>
      </c>
      <c r="O16387" t="s">
        <v>85</v>
      </c>
      <c r="P16387" t="s">
        <v>86</v>
      </c>
      <c r="Q16387">
        <v>119</v>
      </c>
      <c r="R16387">
        <v>121</v>
      </c>
      <c r="S16387">
        <v>122</v>
      </c>
      <c r="T16387">
        <v>124</v>
      </c>
      <c r="U16387">
        <v>125</v>
      </c>
      <c r="V16387">
        <v>127</v>
      </c>
      <c r="W16387">
        <v>128</v>
      </c>
      <c r="X16387">
        <v>130</v>
      </c>
      <c r="Y16387">
        <v>131</v>
      </c>
      <c r="Z16387">
        <v>133</v>
      </c>
      <c r="AA16387">
        <v>134</v>
      </c>
      <c r="AB16387">
        <v>136</v>
      </c>
      <c r="AC16387">
        <v>138</v>
      </c>
      <c r="AD16387">
        <v>139</v>
      </c>
      <c r="AE16387">
        <v>141</v>
      </c>
      <c r="AF16387">
        <v>143</v>
      </c>
      <c r="AG16387">
        <v>144</v>
      </c>
      <c r="AH16387">
        <v>146</v>
      </c>
      <c r="AI16387">
        <v>148</v>
      </c>
      <c r="AJ16387">
        <v>150</v>
      </c>
      <c r="AK16387">
        <v>151</v>
      </c>
      <c r="AL16387">
        <v>153</v>
      </c>
      <c r="AM16387">
        <v>155</v>
      </c>
      <c r="AN16387">
        <v>157</v>
      </c>
      <c r="AO16387">
        <v>159</v>
      </c>
      <c r="AP16387">
        <v>161</v>
      </c>
      <c r="AQ16387">
        <v>162</v>
      </c>
    </row>
    <row r="16388" spans="1:43">
      <c r="A16388" t="s">
        <v>10170</v>
      </c>
      <c r="B16388" t="s">
        <v>10171</v>
      </c>
      <c r="C16388" t="s">
        <v>10142</v>
      </c>
      <c r="D16388" t="s">
        <v>10143</v>
      </c>
      <c r="E16388" t="s">
        <v>9956</v>
      </c>
      <c r="F16388" t="s">
        <v>9957</v>
      </c>
      <c r="G16388" t="s">
        <v>80</v>
      </c>
      <c r="H16388" t="s">
        <v>81</v>
      </c>
      <c r="I16388" s="2">
        <v>0</v>
      </c>
      <c r="J16388" s="2">
        <v>1</v>
      </c>
      <c r="K16388" s="2">
        <v>0</v>
      </c>
      <c r="L16388" t="s">
        <v>82</v>
      </c>
      <c r="M16388" t="s">
        <v>89</v>
      </c>
      <c r="N16388" t="s">
        <v>90</v>
      </c>
      <c r="O16388" t="s">
        <v>85</v>
      </c>
      <c r="P16388" t="s">
        <v>86</v>
      </c>
      <c r="Q16388">
        <v>119</v>
      </c>
      <c r="R16388">
        <v>122</v>
      </c>
      <c r="S16388">
        <v>126</v>
      </c>
      <c r="T16388">
        <v>130</v>
      </c>
      <c r="U16388">
        <v>133</v>
      </c>
      <c r="V16388">
        <v>137</v>
      </c>
      <c r="W16388">
        <v>140</v>
      </c>
      <c r="X16388">
        <v>144</v>
      </c>
      <c r="Y16388">
        <v>147</v>
      </c>
      <c r="Z16388">
        <v>151</v>
      </c>
      <c r="AA16388">
        <v>154</v>
      </c>
      <c r="AB16388">
        <v>158</v>
      </c>
      <c r="AC16388">
        <v>161</v>
      </c>
      <c r="AD16388">
        <v>165</v>
      </c>
      <c r="AE16388">
        <v>168</v>
      </c>
      <c r="AF16388">
        <v>169</v>
      </c>
      <c r="AG16388">
        <v>171</v>
      </c>
      <c r="AH16388">
        <v>172</v>
      </c>
      <c r="AI16388">
        <v>174</v>
      </c>
      <c r="AJ16388">
        <v>175</v>
      </c>
      <c r="AK16388">
        <v>176</v>
      </c>
      <c r="AL16388">
        <v>178</v>
      </c>
      <c r="AM16388">
        <v>179</v>
      </c>
      <c r="AN16388">
        <v>181</v>
      </c>
      <c r="AO16388">
        <v>182</v>
      </c>
      <c r="AP16388">
        <v>184</v>
      </c>
      <c r="AQ16388">
        <v>185</v>
      </c>
    </row>
    <row r="16389" spans="1:43">
      <c r="A16389" t="s">
        <v>10170</v>
      </c>
      <c r="B16389" t="s">
        <v>10171</v>
      </c>
      <c r="C16389" t="s">
        <v>10142</v>
      </c>
      <c r="D16389" t="s">
        <v>10143</v>
      </c>
      <c r="E16389" t="s">
        <v>9956</v>
      </c>
      <c r="F16389" t="s">
        <v>9957</v>
      </c>
      <c r="G16389" t="s">
        <v>80</v>
      </c>
      <c r="H16389" t="s">
        <v>81</v>
      </c>
      <c r="I16389" s="2">
        <v>0</v>
      </c>
      <c r="J16389" s="2">
        <v>1</v>
      </c>
      <c r="K16389" s="2">
        <v>0</v>
      </c>
      <c r="L16389" t="s">
        <v>82</v>
      </c>
      <c r="M16389" t="s">
        <v>83</v>
      </c>
      <c r="N16389" t="s">
        <v>91</v>
      </c>
      <c r="O16389" t="s">
        <v>85</v>
      </c>
      <c r="P16389" t="s">
        <v>86</v>
      </c>
      <c r="Q16389">
        <v>119</v>
      </c>
      <c r="R16389">
        <v>121</v>
      </c>
      <c r="S16389">
        <v>124</v>
      </c>
      <c r="T16389">
        <v>126</v>
      </c>
      <c r="U16389">
        <v>129</v>
      </c>
      <c r="V16389">
        <v>132</v>
      </c>
      <c r="W16389">
        <v>134</v>
      </c>
      <c r="X16389">
        <v>137</v>
      </c>
      <c r="Y16389">
        <v>140</v>
      </c>
      <c r="Z16389">
        <v>143</v>
      </c>
      <c r="AA16389">
        <v>146</v>
      </c>
      <c r="AB16389">
        <v>148</v>
      </c>
      <c r="AC16389">
        <v>151</v>
      </c>
      <c r="AD16389">
        <v>154</v>
      </c>
      <c r="AE16389">
        <v>157</v>
      </c>
      <c r="AF16389">
        <v>160</v>
      </c>
      <c r="AG16389">
        <v>163</v>
      </c>
      <c r="AH16389">
        <v>166</v>
      </c>
      <c r="AI16389">
        <v>169</v>
      </c>
      <c r="AJ16389">
        <v>172</v>
      </c>
      <c r="AK16389">
        <v>176</v>
      </c>
      <c r="AL16389">
        <v>178</v>
      </c>
      <c r="AM16389">
        <v>179</v>
      </c>
      <c r="AN16389">
        <v>181</v>
      </c>
      <c r="AO16389">
        <v>182</v>
      </c>
      <c r="AP16389">
        <v>184</v>
      </c>
      <c r="AQ16389">
        <v>185</v>
      </c>
    </row>
    <row r="16390" spans="1:43">
      <c r="A16390" t="s">
        <v>10172</v>
      </c>
      <c r="B16390" t="s">
        <v>10173</v>
      </c>
      <c r="C16390" t="s">
        <v>10160</v>
      </c>
      <c r="D16390" t="s">
        <v>10161</v>
      </c>
      <c r="E16390" t="s">
        <v>9956</v>
      </c>
      <c r="F16390" t="s">
        <v>9957</v>
      </c>
      <c r="G16390" t="s">
        <v>80</v>
      </c>
      <c r="H16390" t="s">
        <v>81</v>
      </c>
      <c r="I16390" s="2">
        <v>0</v>
      </c>
      <c r="J16390" s="2">
        <v>1</v>
      </c>
      <c r="K16390" s="2">
        <v>0</v>
      </c>
      <c r="L16390" t="s">
        <v>82</v>
      </c>
      <c r="M16390" t="s">
        <v>83</v>
      </c>
      <c r="N16390" t="s">
        <v>84</v>
      </c>
      <c r="O16390" t="s">
        <v>85</v>
      </c>
      <c r="P16390" t="s">
        <v>86</v>
      </c>
      <c r="Q16390">
        <v>8</v>
      </c>
      <c r="R16390">
        <v>8</v>
      </c>
      <c r="S16390">
        <v>9</v>
      </c>
      <c r="T16390">
        <v>9</v>
      </c>
      <c r="U16390">
        <v>9</v>
      </c>
      <c r="V16390">
        <v>9</v>
      </c>
      <c r="W16390">
        <v>9</v>
      </c>
      <c r="X16390">
        <v>9</v>
      </c>
      <c r="Y16390">
        <v>10</v>
      </c>
      <c r="Z16390">
        <v>10</v>
      </c>
      <c r="AA16390">
        <v>10</v>
      </c>
      <c r="AB16390">
        <v>10</v>
      </c>
      <c r="AC16390">
        <v>10</v>
      </c>
      <c r="AD16390">
        <v>11</v>
      </c>
      <c r="AE16390">
        <v>11</v>
      </c>
      <c r="AF16390">
        <v>11</v>
      </c>
      <c r="AG16390">
        <v>11</v>
      </c>
      <c r="AH16390">
        <v>11</v>
      </c>
      <c r="AI16390">
        <v>12</v>
      </c>
      <c r="AJ16390">
        <v>12</v>
      </c>
      <c r="AK16390">
        <v>12</v>
      </c>
      <c r="AL16390">
        <v>12</v>
      </c>
      <c r="AM16390">
        <v>12</v>
      </c>
      <c r="AN16390">
        <v>12</v>
      </c>
      <c r="AO16390">
        <v>12</v>
      </c>
      <c r="AP16390">
        <v>13</v>
      </c>
      <c r="AQ16390">
        <v>13</v>
      </c>
    </row>
    <row r="16391" spans="1:43">
      <c r="A16391" t="s">
        <v>10172</v>
      </c>
      <c r="B16391" t="s">
        <v>10173</v>
      </c>
      <c r="C16391" t="s">
        <v>10160</v>
      </c>
      <c r="D16391" t="s">
        <v>10161</v>
      </c>
      <c r="E16391" t="s">
        <v>9956</v>
      </c>
      <c r="F16391" t="s">
        <v>9957</v>
      </c>
      <c r="G16391" t="s">
        <v>80</v>
      </c>
      <c r="H16391" t="s">
        <v>81</v>
      </c>
      <c r="I16391" s="2">
        <v>0</v>
      </c>
      <c r="J16391" s="2">
        <v>1</v>
      </c>
      <c r="K16391" s="2">
        <v>0</v>
      </c>
      <c r="L16391" t="s">
        <v>82</v>
      </c>
      <c r="M16391" t="s">
        <v>87</v>
      </c>
      <c r="N16391" t="s">
        <v>88</v>
      </c>
      <c r="O16391" t="s">
        <v>85</v>
      </c>
      <c r="P16391" t="s">
        <v>86</v>
      </c>
      <c r="Q16391">
        <v>8</v>
      </c>
      <c r="R16391">
        <v>8</v>
      </c>
      <c r="S16391">
        <v>8</v>
      </c>
      <c r="T16391">
        <v>8</v>
      </c>
      <c r="U16391">
        <v>8</v>
      </c>
      <c r="V16391">
        <v>9</v>
      </c>
      <c r="W16391">
        <v>9</v>
      </c>
      <c r="X16391">
        <v>9</v>
      </c>
      <c r="Y16391">
        <v>9</v>
      </c>
      <c r="Z16391">
        <v>9</v>
      </c>
      <c r="AA16391">
        <v>9</v>
      </c>
      <c r="AB16391">
        <v>9</v>
      </c>
      <c r="AC16391">
        <v>9</v>
      </c>
      <c r="AD16391">
        <v>9</v>
      </c>
      <c r="AE16391">
        <v>10</v>
      </c>
      <c r="AF16391">
        <v>10</v>
      </c>
      <c r="AG16391">
        <v>10</v>
      </c>
      <c r="AH16391">
        <v>10</v>
      </c>
      <c r="AI16391">
        <v>10</v>
      </c>
      <c r="AJ16391">
        <v>10</v>
      </c>
      <c r="AK16391">
        <v>10</v>
      </c>
      <c r="AL16391">
        <v>10</v>
      </c>
      <c r="AM16391">
        <v>11</v>
      </c>
      <c r="AN16391">
        <v>11</v>
      </c>
      <c r="AO16391">
        <v>11</v>
      </c>
      <c r="AP16391">
        <v>11</v>
      </c>
      <c r="AQ16391">
        <v>11</v>
      </c>
    </row>
    <row r="16392" spans="1:43">
      <c r="A16392" t="s">
        <v>10172</v>
      </c>
      <c r="B16392" t="s">
        <v>10173</v>
      </c>
      <c r="C16392" t="s">
        <v>10160</v>
      </c>
      <c r="D16392" t="s">
        <v>10161</v>
      </c>
      <c r="E16392" t="s">
        <v>9956</v>
      </c>
      <c r="F16392" t="s">
        <v>9957</v>
      </c>
      <c r="G16392" t="s">
        <v>80</v>
      </c>
      <c r="H16392" t="s">
        <v>81</v>
      </c>
      <c r="I16392" s="2">
        <v>0</v>
      </c>
      <c r="J16392" s="2">
        <v>1</v>
      </c>
      <c r="K16392" s="2">
        <v>0</v>
      </c>
      <c r="L16392" t="s">
        <v>82</v>
      </c>
      <c r="M16392" t="s">
        <v>89</v>
      </c>
      <c r="N16392" t="s">
        <v>90</v>
      </c>
      <c r="O16392" t="s">
        <v>85</v>
      </c>
      <c r="P16392" t="s">
        <v>86</v>
      </c>
      <c r="Q16392">
        <v>8</v>
      </c>
      <c r="R16392">
        <v>8</v>
      </c>
      <c r="S16392">
        <v>9</v>
      </c>
      <c r="T16392">
        <v>9</v>
      </c>
      <c r="U16392">
        <v>9</v>
      </c>
      <c r="V16392">
        <v>9</v>
      </c>
      <c r="W16392">
        <v>10</v>
      </c>
      <c r="X16392">
        <v>10</v>
      </c>
      <c r="Y16392">
        <v>10</v>
      </c>
      <c r="Z16392">
        <v>10</v>
      </c>
      <c r="AA16392">
        <v>11</v>
      </c>
      <c r="AB16392">
        <v>11</v>
      </c>
      <c r="AC16392">
        <v>11</v>
      </c>
      <c r="AD16392">
        <v>11</v>
      </c>
      <c r="AE16392">
        <v>12</v>
      </c>
      <c r="AF16392">
        <v>12</v>
      </c>
      <c r="AG16392">
        <v>12</v>
      </c>
      <c r="AH16392">
        <v>12</v>
      </c>
      <c r="AI16392">
        <v>12</v>
      </c>
      <c r="AJ16392">
        <v>12</v>
      </c>
      <c r="AK16392">
        <v>12</v>
      </c>
      <c r="AL16392">
        <v>12</v>
      </c>
      <c r="AM16392">
        <v>12</v>
      </c>
      <c r="AN16392">
        <v>12</v>
      </c>
      <c r="AO16392">
        <v>13</v>
      </c>
      <c r="AP16392">
        <v>13</v>
      </c>
      <c r="AQ16392">
        <v>13</v>
      </c>
    </row>
    <row r="16393" spans="1:43">
      <c r="A16393" t="s">
        <v>10172</v>
      </c>
      <c r="B16393" t="s">
        <v>10173</v>
      </c>
      <c r="C16393" t="s">
        <v>10160</v>
      </c>
      <c r="D16393" t="s">
        <v>10161</v>
      </c>
      <c r="E16393" t="s">
        <v>9956</v>
      </c>
      <c r="F16393" t="s">
        <v>9957</v>
      </c>
      <c r="G16393" t="s">
        <v>80</v>
      </c>
      <c r="H16393" t="s">
        <v>81</v>
      </c>
      <c r="I16393" s="2">
        <v>0</v>
      </c>
      <c r="J16393" s="2">
        <v>1</v>
      </c>
      <c r="K16393" s="2">
        <v>0</v>
      </c>
      <c r="L16393" t="s">
        <v>82</v>
      </c>
      <c r="M16393" t="s">
        <v>83</v>
      </c>
      <c r="N16393" t="s">
        <v>91</v>
      </c>
      <c r="O16393" t="s">
        <v>85</v>
      </c>
      <c r="P16393" t="s">
        <v>86</v>
      </c>
      <c r="Q16393">
        <v>8</v>
      </c>
      <c r="R16393">
        <v>8</v>
      </c>
      <c r="S16393">
        <v>9</v>
      </c>
      <c r="T16393">
        <v>9</v>
      </c>
      <c r="U16393">
        <v>9</v>
      </c>
      <c r="V16393">
        <v>9</v>
      </c>
      <c r="W16393">
        <v>9</v>
      </c>
      <c r="X16393">
        <v>9</v>
      </c>
      <c r="Y16393">
        <v>10</v>
      </c>
      <c r="Z16393">
        <v>10</v>
      </c>
      <c r="AA16393">
        <v>10</v>
      </c>
      <c r="AB16393">
        <v>10</v>
      </c>
      <c r="AC16393">
        <v>10</v>
      </c>
      <c r="AD16393">
        <v>11</v>
      </c>
      <c r="AE16393">
        <v>11</v>
      </c>
      <c r="AF16393">
        <v>11</v>
      </c>
      <c r="AG16393">
        <v>11</v>
      </c>
      <c r="AH16393">
        <v>11</v>
      </c>
      <c r="AI16393">
        <v>12</v>
      </c>
      <c r="AJ16393">
        <v>12</v>
      </c>
      <c r="AK16393">
        <v>12</v>
      </c>
      <c r="AL16393">
        <v>12</v>
      </c>
      <c r="AM16393">
        <v>12</v>
      </c>
      <c r="AN16393">
        <v>12</v>
      </c>
      <c r="AO16393">
        <v>12</v>
      </c>
      <c r="AP16393">
        <v>13</v>
      </c>
      <c r="AQ16393">
        <v>13</v>
      </c>
    </row>
    <row r="16394" spans="1:43">
      <c r="A16394" t="s">
        <v>10174</v>
      </c>
      <c r="B16394" t="s">
        <v>10175</v>
      </c>
      <c r="C16394" t="s">
        <v>10160</v>
      </c>
      <c r="D16394" t="s">
        <v>10161</v>
      </c>
      <c r="E16394" t="s">
        <v>9956</v>
      </c>
      <c r="F16394" t="s">
        <v>9957</v>
      </c>
      <c r="G16394" t="s">
        <v>80</v>
      </c>
      <c r="H16394" t="s">
        <v>81</v>
      </c>
      <c r="I16394" s="2">
        <v>0</v>
      </c>
      <c r="J16394" s="2">
        <v>1</v>
      </c>
      <c r="K16394" s="2">
        <v>0</v>
      </c>
      <c r="L16394" t="s">
        <v>82</v>
      </c>
      <c r="M16394" t="s">
        <v>83</v>
      </c>
      <c r="N16394" t="s">
        <v>84</v>
      </c>
      <c r="O16394" t="s">
        <v>85</v>
      </c>
      <c r="P16394" t="s">
        <v>86</v>
      </c>
      <c r="Q16394">
        <v>89</v>
      </c>
      <c r="R16394">
        <v>91</v>
      </c>
      <c r="S16394">
        <v>93</v>
      </c>
      <c r="T16394">
        <v>95</v>
      </c>
      <c r="U16394">
        <v>97</v>
      </c>
      <c r="V16394">
        <v>99</v>
      </c>
      <c r="W16394">
        <v>101</v>
      </c>
      <c r="X16394">
        <v>103</v>
      </c>
      <c r="Y16394">
        <v>105</v>
      </c>
      <c r="Z16394">
        <v>107</v>
      </c>
      <c r="AA16394">
        <v>109</v>
      </c>
      <c r="AB16394">
        <v>111</v>
      </c>
      <c r="AC16394">
        <v>114</v>
      </c>
      <c r="AD16394">
        <v>116</v>
      </c>
      <c r="AE16394">
        <v>118</v>
      </c>
      <c r="AF16394">
        <v>120</v>
      </c>
      <c r="AG16394">
        <v>123</v>
      </c>
      <c r="AH16394">
        <v>125</v>
      </c>
      <c r="AI16394">
        <v>127</v>
      </c>
      <c r="AJ16394">
        <v>130</v>
      </c>
      <c r="AK16394">
        <v>132</v>
      </c>
      <c r="AL16394">
        <v>133</v>
      </c>
      <c r="AM16394">
        <v>135</v>
      </c>
      <c r="AN16394">
        <v>136</v>
      </c>
      <c r="AO16394">
        <v>137</v>
      </c>
      <c r="AP16394">
        <v>138</v>
      </c>
      <c r="AQ16394">
        <v>139</v>
      </c>
    </row>
    <row r="16395" spans="1:43">
      <c r="A16395" t="s">
        <v>10174</v>
      </c>
      <c r="B16395" t="s">
        <v>10175</v>
      </c>
      <c r="C16395" t="s">
        <v>10160</v>
      </c>
      <c r="D16395" t="s">
        <v>10161</v>
      </c>
      <c r="E16395" t="s">
        <v>9956</v>
      </c>
      <c r="F16395" t="s">
        <v>9957</v>
      </c>
      <c r="G16395" t="s">
        <v>80</v>
      </c>
      <c r="H16395" t="s">
        <v>81</v>
      </c>
      <c r="I16395" s="2">
        <v>0</v>
      </c>
      <c r="J16395" s="2">
        <v>1</v>
      </c>
      <c r="K16395" s="2">
        <v>0</v>
      </c>
      <c r="L16395" t="s">
        <v>82</v>
      </c>
      <c r="M16395" t="s">
        <v>87</v>
      </c>
      <c r="N16395" t="s">
        <v>88</v>
      </c>
      <c r="O16395" t="s">
        <v>85</v>
      </c>
      <c r="P16395" t="s">
        <v>86</v>
      </c>
      <c r="Q16395">
        <v>89</v>
      </c>
      <c r="R16395">
        <v>90</v>
      </c>
      <c r="S16395">
        <v>91</v>
      </c>
      <c r="T16395">
        <v>92</v>
      </c>
      <c r="U16395">
        <v>94</v>
      </c>
      <c r="V16395">
        <v>95</v>
      </c>
      <c r="W16395">
        <v>96</v>
      </c>
      <c r="X16395">
        <v>97</v>
      </c>
      <c r="Y16395">
        <v>98</v>
      </c>
      <c r="Z16395">
        <v>99</v>
      </c>
      <c r="AA16395">
        <v>100</v>
      </c>
      <c r="AB16395">
        <v>102</v>
      </c>
      <c r="AC16395">
        <v>103</v>
      </c>
      <c r="AD16395">
        <v>104</v>
      </c>
      <c r="AE16395">
        <v>105</v>
      </c>
      <c r="AF16395">
        <v>107</v>
      </c>
      <c r="AG16395">
        <v>108</v>
      </c>
      <c r="AH16395">
        <v>109</v>
      </c>
      <c r="AI16395">
        <v>111</v>
      </c>
      <c r="AJ16395">
        <v>112</v>
      </c>
      <c r="AK16395">
        <v>113</v>
      </c>
      <c r="AL16395">
        <v>115</v>
      </c>
      <c r="AM16395">
        <v>116</v>
      </c>
      <c r="AN16395">
        <v>117</v>
      </c>
      <c r="AO16395">
        <v>119</v>
      </c>
      <c r="AP16395">
        <v>120</v>
      </c>
      <c r="AQ16395">
        <v>121</v>
      </c>
    </row>
    <row r="16396" spans="1:43">
      <c r="A16396" t="s">
        <v>10174</v>
      </c>
      <c r="B16396" t="s">
        <v>10175</v>
      </c>
      <c r="C16396" t="s">
        <v>10160</v>
      </c>
      <c r="D16396" t="s">
        <v>10161</v>
      </c>
      <c r="E16396" t="s">
        <v>9956</v>
      </c>
      <c r="F16396" t="s">
        <v>9957</v>
      </c>
      <c r="G16396" t="s">
        <v>80</v>
      </c>
      <c r="H16396" t="s">
        <v>81</v>
      </c>
      <c r="I16396" s="2">
        <v>0</v>
      </c>
      <c r="J16396" s="2">
        <v>1</v>
      </c>
      <c r="K16396" s="2">
        <v>0</v>
      </c>
      <c r="L16396" t="s">
        <v>82</v>
      </c>
      <c r="M16396" t="s">
        <v>89</v>
      </c>
      <c r="N16396" t="s">
        <v>90</v>
      </c>
      <c r="O16396" t="s">
        <v>85</v>
      </c>
      <c r="P16396" t="s">
        <v>86</v>
      </c>
      <c r="Q16396">
        <v>89</v>
      </c>
      <c r="R16396">
        <v>92</v>
      </c>
      <c r="S16396">
        <v>94</v>
      </c>
      <c r="T16396">
        <v>97</v>
      </c>
      <c r="U16396">
        <v>100</v>
      </c>
      <c r="V16396">
        <v>102</v>
      </c>
      <c r="W16396">
        <v>105</v>
      </c>
      <c r="X16396">
        <v>108</v>
      </c>
      <c r="Y16396">
        <v>110</v>
      </c>
      <c r="Z16396">
        <v>113</v>
      </c>
      <c r="AA16396">
        <v>116</v>
      </c>
      <c r="AB16396">
        <v>118</v>
      </c>
      <c r="AC16396">
        <v>121</v>
      </c>
      <c r="AD16396">
        <v>124</v>
      </c>
      <c r="AE16396">
        <v>126</v>
      </c>
      <c r="AF16396">
        <v>127</v>
      </c>
      <c r="AG16396">
        <v>128</v>
      </c>
      <c r="AH16396">
        <v>129</v>
      </c>
      <c r="AI16396">
        <v>130</v>
      </c>
      <c r="AJ16396">
        <v>131</v>
      </c>
      <c r="AK16396">
        <v>132</v>
      </c>
      <c r="AL16396">
        <v>133</v>
      </c>
      <c r="AM16396">
        <v>134</v>
      </c>
      <c r="AN16396">
        <v>135</v>
      </c>
      <c r="AO16396">
        <v>137</v>
      </c>
      <c r="AP16396">
        <v>138</v>
      </c>
      <c r="AQ16396">
        <v>139</v>
      </c>
    </row>
    <row r="16397" spans="1:43">
      <c r="A16397" t="s">
        <v>10174</v>
      </c>
      <c r="B16397" t="s">
        <v>10175</v>
      </c>
      <c r="C16397" t="s">
        <v>10160</v>
      </c>
      <c r="D16397" t="s">
        <v>10161</v>
      </c>
      <c r="E16397" t="s">
        <v>9956</v>
      </c>
      <c r="F16397" t="s">
        <v>9957</v>
      </c>
      <c r="G16397" t="s">
        <v>80</v>
      </c>
      <c r="H16397" t="s">
        <v>81</v>
      </c>
      <c r="I16397" s="2">
        <v>0</v>
      </c>
      <c r="J16397" s="2">
        <v>1</v>
      </c>
      <c r="K16397" s="2">
        <v>0</v>
      </c>
      <c r="L16397" t="s">
        <v>82</v>
      </c>
      <c r="M16397" t="s">
        <v>83</v>
      </c>
      <c r="N16397" t="s">
        <v>91</v>
      </c>
      <c r="O16397" t="s">
        <v>85</v>
      </c>
      <c r="P16397" t="s">
        <v>86</v>
      </c>
      <c r="Q16397">
        <v>89</v>
      </c>
      <c r="R16397">
        <v>91</v>
      </c>
      <c r="S16397">
        <v>93</v>
      </c>
      <c r="T16397">
        <v>95</v>
      </c>
      <c r="U16397">
        <v>97</v>
      </c>
      <c r="V16397">
        <v>99</v>
      </c>
      <c r="W16397">
        <v>101</v>
      </c>
      <c r="X16397">
        <v>103</v>
      </c>
      <c r="Y16397">
        <v>105</v>
      </c>
      <c r="Z16397">
        <v>107</v>
      </c>
      <c r="AA16397">
        <v>109</v>
      </c>
      <c r="AB16397">
        <v>111</v>
      </c>
      <c r="AC16397">
        <v>114</v>
      </c>
      <c r="AD16397">
        <v>116</v>
      </c>
      <c r="AE16397">
        <v>118</v>
      </c>
      <c r="AF16397">
        <v>120</v>
      </c>
      <c r="AG16397">
        <v>123</v>
      </c>
      <c r="AH16397">
        <v>125</v>
      </c>
      <c r="AI16397">
        <v>127</v>
      </c>
      <c r="AJ16397">
        <v>130</v>
      </c>
      <c r="AK16397">
        <v>132</v>
      </c>
      <c r="AL16397">
        <v>133</v>
      </c>
      <c r="AM16397">
        <v>135</v>
      </c>
      <c r="AN16397">
        <v>136</v>
      </c>
      <c r="AO16397">
        <v>137</v>
      </c>
      <c r="AP16397">
        <v>138</v>
      </c>
      <c r="AQ16397">
        <v>139</v>
      </c>
    </row>
    <row r="16398" spans="1:43">
      <c r="A16398" t="s">
        <v>10176</v>
      </c>
      <c r="B16398" t="s">
        <v>10177</v>
      </c>
      <c r="C16398" t="s">
        <v>10142</v>
      </c>
      <c r="D16398" t="s">
        <v>10143</v>
      </c>
      <c r="E16398" t="s">
        <v>9956</v>
      </c>
      <c r="F16398" t="s">
        <v>9957</v>
      </c>
      <c r="G16398" t="s">
        <v>80</v>
      </c>
      <c r="H16398" t="s">
        <v>81</v>
      </c>
      <c r="I16398" s="2">
        <v>0</v>
      </c>
      <c r="J16398" s="2">
        <v>1</v>
      </c>
      <c r="K16398" s="2">
        <v>0</v>
      </c>
      <c r="L16398" t="s">
        <v>82</v>
      </c>
      <c r="M16398" t="s">
        <v>83</v>
      </c>
      <c r="N16398" t="s">
        <v>84</v>
      </c>
      <c r="O16398" t="s">
        <v>85</v>
      </c>
      <c r="P16398" t="s">
        <v>86</v>
      </c>
      <c r="Q16398">
        <v>100</v>
      </c>
      <c r="R16398">
        <v>102</v>
      </c>
      <c r="S16398">
        <v>104</v>
      </c>
      <c r="T16398">
        <v>107</v>
      </c>
      <c r="U16398">
        <v>109</v>
      </c>
      <c r="V16398">
        <v>111</v>
      </c>
      <c r="W16398">
        <v>113</v>
      </c>
      <c r="X16398">
        <v>116</v>
      </c>
      <c r="Y16398">
        <v>118</v>
      </c>
      <c r="Z16398">
        <v>120</v>
      </c>
      <c r="AA16398">
        <v>123</v>
      </c>
      <c r="AB16398">
        <v>125</v>
      </c>
      <c r="AC16398">
        <v>128</v>
      </c>
      <c r="AD16398">
        <v>130</v>
      </c>
      <c r="AE16398">
        <v>133</v>
      </c>
      <c r="AF16398">
        <v>135</v>
      </c>
      <c r="AG16398">
        <v>138</v>
      </c>
      <c r="AH16398">
        <v>140</v>
      </c>
      <c r="AI16398">
        <v>143</v>
      </c>
      <c r="AJ16398">
        <v>146</v>
      </c>
      <c r="AK16398">
        <v>148</v>
      </c>
      <c r="AL16398">
        <v>150</v>
      </c>
      <c r="AM16398">
        <v>151</v>
      </c>
      <c r="AN16398">
        <v>153</v>
      </c>
      <c r="AO16398">
        <v>154</v>
      </c>
      <c r="AP16398">
        <v>155</v>
      </c>
      <c r="AQ16398">
        <v>156</v>
      </c>
    </row>
    <row r="16399" spans="1:43">
      <c r="A16399" t="s">
        <v>10176</v>
      </c>
      <c r="B16399" t="s">
        <v>10177</v>
      </c>
      <c r="C16399" t="s">
        <v>10142</v>
      </c>
      <c r="D16399" t="s">
        <v>10143</v>
      </c>
      <c r="E16399" t="s">
        <v>9956</v>
      </c>
      <c r="F16399" t="s">
        <v>9957</v>
      </c>
      <c r="G16399" t="s">
        <v>80</v>
      </c>
      <c r="H16399" t="s">
        <v>81</v>
      </c>
      <c r="I16399" s="2">
        <v>0</v>
      </c>
      <c r="J16399" s="2">
        <v>1</v>
      </c>
      <c r="K16399" s="2">
        <v>0</v>
      </c>
      <c r="L16399" t="s">
        <v>82</v>
      </c>
      <c r="M16399" t="s">
        <v>87</v>
      </c>
      <c r="N16399" t="s">
        <v>88</v>
      </c>
      <c r="O16399" t="s">
        <v>85</v>
      </c>
      <c r="P16399" t="s">
        <v>86</v>
      </c>
      <c r="Q16399">
        <v>100</v>
      </c>
      <c r="R16399">
        <v>101</v>
      </c>
      <c r="S16399">
        <v>103</v>
      </c>
      <c r="T16399">
        <v>104</v>
      </c>
      <c r="U16399">
        <v>105</v>
      </c>
      <c r="V16399">
        <v>106</v>
      </c>
      <c r="W16399">
        <v>108</v>
      </c>
      <c r="X16399">
        <v>109</v>
      </c>
      <c r="Y16399">
        <v>110</v>
      </c>
      <c r="Z16399">
        <v>111</v>
      </c>
      <c r="AA16399">
        <v>113</v>
      </c>
      <c r="AB16399">
        <v>114</v>
      </c>
      <c r="AC16399">
        <v>116</v>
      </c>
      <c r="AD16399">
        <v>117</v>
      </c>
      <c r="AE16399">
        <v>118</v>
      </c>
      <c r="AF16399">
        <v>120</v>
      </c>
      <c r="AG16399">
        <v>121</v>
      </c>
      <c r="AH16399">
        <v>123</v>
      </c>
      <c r="AI16399">
        <v>124</v>
      </c>
      <c r="AJ16399">
        <v>126</v>
      </c>
      <c r="AK16399">
        <v>127</v>
      </c>
      <c r="AL16399">
        <v>129</v>
      </c>
      <c r="AM16399">
        <v>130</v>
      </c>
      <c r="AN16399">
        <v>132</v>
      </c>
      <c r="AO16399">
        <v>133</v>
      </c>
      <c r="AP16399">
        <v>135</v>
      </c>
      <c r="AQ16399">
        <v>136</v>
      </c>
    </row>
    <row r="16400" spans="1:43">
      <c r="A16400" t="s">
        <v>10176</v>
      </c>
      <c r="B16400" t="s">
        <v>10177</v>
      </c>
      <c r="C16400" t="s">
        <v>10142</v>
      </c>
      <c r="D16400" t="s">
        <v>10143</v>
      </c>
      <c r="E16400" t="s">
        <v>9956</v>
      </c>
      <c r="F16400" t="s">
        <v>9957</v>
      </c>
      <c r="G16400" t="s">
        <v>80</v>
      </c>
      <c r="H16400" t="s">
        <v>81</v>
      </c>
      <c r="I16400" s="2">
        <v>0</v>
      </c>
      <c r="J16400" s="2">
        <v>1</v>
      </c>
      <c r="K16400" s="2">
        <v>0</v>
      </c>
      <c r="L16400" t="s">
        <v>82</v>
      </c>
      <c r="M16400" t="s">
        <v>89</v>
      </c>
      <c r="N16400" t="s">
        <v>90</v>
      </c>
      <c r="O16400" t="s">
        <v>85</v>
      </c>
      <c r="P16400" t="s">
        <v>86</v>
      </c>
      <c r="Q16400">
        <v>100</v>
      </c>
      <c r="R16400">
        <v>103</v>
      </c>
      <c r="S16400">
        <v>106</v>
      </c>
      <c r="T16400">
        <v>109</v>
      </c>
      <c r="U16400">
        <v>112</v>
      </c>
      <c r="V16400">
        <v>115</v>
      </c>
      <c r="W16400">
        <v>118</v>
      </c>
      <c r="X16400">
        <v>121</v>
      </c>
      <c r="Y16400">
        <v>124</v>
      </c>
      <c r="Z16400">
        <v>127</v>
      </c>
      <c r="AA16400">
        <v>130</v>
      </c>
      <c r="AB16400">
        <v>133</v>
      </c>
      <c r="AC16400">
        <v>136</v>
      </c>
      <c r="AD16400">
        <v>139</v>
      </c>
      <c r="AE16400">
        <v>141</v>
      </c>
      <c r="AF16400">
        <v>143</v>
      </c>
      <c r="AG16400">
        <v>144</v>
      </c>
      <c r="AH16400">
        <v>145</v>
      </c>
      <c r="AI16400">
        <v>146</v>
      </c>
      <c r="AJ16400">
        <v>148</v>
      </c>
      <c r="AK16400">
        <v>149</v>
      </c>
      <c r="AL16400">
        <v>150</v>
      </c>
      <c r="AM16400">
        <v>151</v>
      </c>
      <c r="AN16400">
        <v>153</v>
      </c>
      <c r="AO16400">
        <v>154</v>
      </c>
      <c r="AP16400">
        <v>155</v>
      </c>
      <c r="AQ16400">
        <v>156</v>
      </c>
    </row>
    <row r="16401" spans="1:43">
      <c r="A16401" t="s">
        <v>10176</v>
      </c>
      <c r="B16401" t="s">
        <v>10177</v>
      </c>
      <c r="C16401" t="s">
        <v>10142</v>
      </c>
      <c r="D16401" t="s">
        <v>10143</v>
      </c>
      <c r="E16401" t="s">
        <v>9956</v>
      </c>
      <c r="F16401" t="s">
        <v>9957</v>
      </c>
      <c r="G16401" t="s">
        <v>80</v>
      </c>
      <c r="H16401" t="s">
        <v>81</v>
      </c>
      <c r="I16401" s="2">
        <v>0</v>
      </c>
      <c r="J16401" s="2">
        <v>1</v>
      </c>
      <c r="K16401" s="2">
        <v>0</v>
      </c>
      <c r="L16401" t="s">
        <v>82</v>
      </c>
      <c r="M16401" t="s">
        <v>83</v>
      </c>
      <c r="N16401" t="s">
        <v>91</v>
      </c>
      <c r="O16401" t="s">
        <v>85</v>
      </c>
      <c r="P16401" t="s">
        <v>86</v>
      </c>
      <c r="Q16401">
        <v>100</v>
      </c>
      <c r="R16401">
        <v>102</v>
      </c>
      <c r="S16401">
        <v>104</v>
      </c>
      <c r="T16401">
        <v>107</v>
      </c>
      <c r="U16401">
        <v>109</v>
      </c>
      <c r="V16401">
        <v>111</v>
      </c>
      <c r="W16401">
        <v>113</v>
      </c>
      <c r="X16401">
        <v>116</v>
      </c>
      <c r="Y16401">
        <v>118</v>
      </c>
      <c r="Z16401">
        <v>120</v>
      </c>
      <c r="AA16401">
        <v>123</v>
      </c>
      <c r="AB16401">
        <v>125</v>
      </c>
      <c r="AC16401">
        <v>128</v>
      </c>
      <c r="AD16401">
        <v>130</v>
      </c>
      <c r="AE16401">
        <v>133</v>
      </c>
      <c r="AF16401">
        <v>135</v>
      </c>
      <c r="AG16401">
        <v>138</v>
      </c>
      <c r="AH16401">
        <v>140</v>
      </c>
      <c r="AI16401">
        <v>143</v>
      </c>
      <c r="AJ16401">
        <v>146</v>
      </c>
      <c r="AK16401">
        <v>148</v>
      </c>
      <c r="AL16401">
        <v>150</v>
      </c>
      <c r="AM16401">
        <v>151</v>
      </c>
      <c r="AN16401">
        <v>153</v>
      </c>
      <c r="AO16401">
        <v>154</v>
      </c>
      <c r="AP16401">
        <v>155</v>
      </c>
      <c r="AQ16401">
        <v>156</v>
      </c>
    </row>
    <row r="16402" spans="1:43">
      <c r="A16402" t="s">
        <v>10178</v>
      </c>
      <c r="B16402" t="s">
        <v>10179</v>
      </c>
      <c r="C16402" t="s">
        <v>10166</v>
      </c>
      <c r="D16402" t="s">
        <v>10167</v>
      </c>
      <c r="E16402" t="s">
        <v>9956</v>
      </c>
      <c r="F16402" t="s">
        <v>9957</v>
      </c>
      <c r="G16402" t="s">
        <v>80</v>
      </c>
      <c r="H16402" t="s">
        <v>81</v>
      </c>
      <c r="I16402" s="2">
        <v>0</v>
      </c>
      <c r="J16402" s="2">
        <v>1</v>
      </c>
      <c r="K16402" s="2">
        <v>0</v>
      </c>
      <c r="L16402" t="s">
        <v>82</v>
      </c>
      <c r="M16402" t="s">
        <v>83</v>
      </c>
      <c r="N16402" t="s">
        <v>84</v>
      </c>
      <c r="O16402" t="s">
        <v>85</v>
      </c>
      <c r="P16402" t="s">
        <v>86</v>
      </c>
      <c r="Q16402">
        <v>245</v>
      </c>
      <c r="R16402">
        <v>250</v>
      </c>
      <c r="S16402">
        <v>255</v>
      </c>
      <c r="T16402">
        <v>261</v>
      </c>
      <c r="U16402">
        <v>266</v>
      </c>
      <c r="V16402">
        <v>272</v>
      </c>
      <c r="W16402">
        <v>277</v>
      </c>
      <c r="X16402">
        <v>283</v>
      </c>
      <c r="Y16402">
        <v>288</v>
      </c>
      <c r="Z16402">
        <v>294</v>
      </c>
      <c r="AA16402">
        <v>300</v>
      </c>
      <c r="AB16402">
        <v>306</v>
      </c>
      <c r="AC16402">
        <v>312</v>
      </c>
      <c r="AD16402">
        <v>318</v>
      </c>
      <c r="AE16402">
        <v>324</v>
      </c>
      <c r="AF16402">
        <v>330</v>
      </c>
      <c r="AG16402">
        <v>337</v>
      </c>
      <c r="AH16402">
        <v>343</v>
      </c>
      <c r="AI16402">
        <v>349</v>
      </c>
      <c r="AJ16402">
        <v>356</v>
      </c>
      <c r="AK16402">
        <v>362</v>
      </c>
      <c r="AL16402">
        <v>367</v>
      </c>
      <c r="AM16402">
        <v>370</v>
      </c>
      <c r="AN16402">
        <v>373</v>
      </c>
      <c r="AO16402">
        <v>377</v>
      </c>
      <c r="AP16402">
        <v>380</v>
      </c>
      <c r="AQ16402">
        <v>383</v>
      </c>
    </row>
    <row r="16403" spans="1:43">
      <c r="A16403" t="s">
        <v>10178</v>
      </c>
      <c r="B16403" t="s">
        <v>10179</v>
      </c>
      <c r="C16403" t="s">
        <v>10166</v>
      </c>
      <c r="D16403" t="s">
        <v>10167</v>
      </c>
      <c r="E16403" t="s">
        <v>9956</v>
      </c>
      <c r="F16403" t="s">
        <v>9957</v>
      </c>
      <c r="G16403" t="s">
        <v>80</v>
      </c>
      <c r="H16403" t="s">
        <v>81</v>
      </c>
      <c r="I16403" s="2">
        <v>0</v>
      </c>
      <c r="J16403" s="2">
        <v>1</v>
      </c>
      <c r="K16403" s="2">
        <v>0</v>
      </c>
      <c r="L16403" t="s">
        <v>82</v>
      </c>
      <c r="M16403" t="s">
        <v>87</v>
      </c>
      <c r="N16403" t="s">
        <v>88</v>
      </c>
      <c r="O16403" t="s">
        <v>85</v>
      </c>
      <c r="P16403" t="s">
        <v>86</v>
      </c>
      <c r="Q16403">
        <v>245</v>
      </c>
      <c r="R16403">
        <v>248</v>
      </c>
      <c r="S16403">
        <v>251</v>
      </c>
      <c r="T16403">
        <v>254</v>
      </c>
      <c r="U16403">
        <v>257</v>
      </c>
      <c r="V16403">
        <v>260</v>
      </c>
      <c r="W16403">
        <v>263</v>
      </c>
      <c r="X16403">
        <v>267</v>
      </c>
      <c r="Y16403">
        <v>270</v>
      </c>
      <c r="Z16403">
        <v>273</v>
      </c>
      <c r="AA16403">
        <v>276</v>
      </c>
      <c r="AB16403">
        <v>280</v>
      </c>
      <c r="AC16403">
        <v>283</v>
      </c>
      <c r="AD16403">
        <v>286</v>
      </c>
      <c r="AE16403">
        <v>290</v>
      </c>
      <c r="AF16403">
        <v>293</v>
      </c>
      <c r="AG16403">
        <v>297</v>
      </c>
      <c r="AH16403">
        <v>300</v>
      </c>
      <c r="AI16403">
        <v>304</v>
      </c>
      <c r="AJ16403">
        <v>308</v>
      </c>
      <c r="AK16403">
        <v>311</v>
      </c>
      <c r="AL16403">
        <v>315</v>
      </c>
      <c r="AM16403">
        <v>319</v>
      </c>
      <c r="AN16403">
        <v>322</v>
      </c>
      <c r="AO16403">
        <v>326</v>
      </c>
      <c r="AP16403">
        <v>330</v>
      </c>
      <c r="AQ16403">
        <v>334</v>
      </c>
    </row>
    <row r="16404" spans="1:43">
      <c r="A16404" t="s">
        <v>10178</v>
      </c>
      <c r="B16404" t="s">
        <v>10179</v>
      </c>
      <c r="C16404" t="s">
        <v>10166</v>
      </c>
      <c r="D16404" t="s">
        <v>10167</v>
      </c>
      <c r="E16404" t="s">
        <v>9956</v>
      </c>
      <c r="F16404" t="s">
        <v>9957</v>
      </c>
      <c r="G16404" t="s">
        <v>80</v>
      </c>
      <c r="H16404" t="s">
        <v>81</v>
      </c>
      <c r="I16404" s="2">
        <v>0</v>
      </c>
      <c r="J16404" s="2">
        <v>1</v>
      </c>
      <c r="K16404" s="2">
        <v>0</v>
      </c>
      <c r="L16404" t="s">
        <v>82</v>
      </c>
      <c r="M16404" t="s">
        <v>89</v>
      </c>
      <c r="N16404" t="s">
        <v>90</v>
      </c>
      <c r="O16404" t="s">
        <v>85</v>
      </c>
      <c r="P16404" t="s">
        <v>86</v>
      </c>
      <c r="Q16404">
        <v>245</v>
      </c>
      <c r="R16404">
        <v>252</v>
      </c>
      <c r="S16404">
        <v>260</v>
      </c>
      <c r="T16404">
        <v>267</v>
      </c>
      <c r="U16404">
        <v>275</v>
      </c>
      <c r="V16404">
        <v>282</v>
      </c>
      <c r="W16404">
        <v>289</v>
      </c>
      <c r="X16404">
        <v>297</v>
      </c>
      <c r="Y16404">
        <v>304</v>
      </c>
      <c r="Z16404">
        <v>311</v>
      </c>
      <c r="AA16404">
        <v>318</v>
      </c>
      <c r="AB16404">
        <v>325</v>
      </c>
      <c r="AC16404">
        <v>333</v>
      </c>
      <c r="AD16404">
        <v>340</v>
      </c>
      <c r="AE16404">
        <v>346</v>
      </c>
      <c r="AF16404">
        <v>349</v>
      </c>
      <c r="AG16404">
        <v>353</v>
      </c>
      <c r="AH16404">
        <v>356</v>
      </c>
      <c r="AI16404">
        <v>359</v>
      </c>
      <c r="AJ16404">
        <v>362</v>
      </c>
      <c r="AK16404">
        <v>366</v>
      </c>
      <c r="AL16404">
        <v>369</v>
      </c>
      <c r="AM16404">
        <v>372</v>
      </c>
      <c r="AN16404">
        <v>375</v>
      </c>
      <c r="AO16404">
        <v>379</v>
      </c>
      <c r="AP16404">
        <v>382</v>
      </c>
      <c r="AQ16404">
        <v>385</v>
      </c>
    </row>
    <row r="16405" spans="1:43">
      <c r="A16405" t="s">
        <v>10178</v>
      </c>
      <c r="B16405" t="s">
        <v>10179</v>
      </c>
      <c r="C16405" t="s">
        <v>10166</v>
      </c>
      <c r="D16405" t="s">
        <v>10167</v>
      </c>
      <c r="E16405" t="s">
        <v>9956</v>
      </c>
      <c r="F16405" t="s">
        <v>9957</v>
      </c>
      <c r="G16405" t="s">
        <v>80</v>
      </c>
      <c r="H16405" t="s">
        <v>81</v>
      </c>
      <c r="I16405" s="2">
        <v>0</v>
      </c>
      <c r="J16405" s="2">
        <v>1</v>
      </c>
      <c r="K16405" s="2">
        <v>0</v>
      </c>
      <c r="L16405" t="s">
        <v>82</v>
      </c>
      <c r="M16405" t="s">
        <v>83</v>
      </c>
      <c r="N16405" t="s">
        <v>91</v>
      </c>
      <c r="O16405" t="s">
        <v>85</v>
      </c>
      <c r="P16405" t="s">
        <v>86</v>
      </c>
      <c r="Q16405">
        <v>245</v>
      </c>
      <c r="R16405">
        <v>250</v>
      </c>
      <c r="S16405">
        <v>255</v>
      </c>
      <c r="T16405">
        <v>261</v>
      </c>
      <c r="U16405">
        <v>266</v>
      </c>
      <c r="V16405">
        <v>272</v>
      </c>
      <c r="W16405">
        <v>277</v>
      </c>
      <c r="X16405">
        <v>283</v>
      </c>
      <c r="Y16405">
        <v>288</v>
      </c>
      <c r="Z16405">
        <v>294</v>
      </c>
      <c r="AA16405">
        <v>300</v>
      </c>
      <c r="AB16405">
        <v>306</v>
      </c>
      <c r="AC16405">
        <v>312</v>
      </c>
      <c r="AD16405">
        <v>318</v>
      </c>
      <c r="AE16405">
        <v>324</v>
      </c>
      <c r="AF16405">
        <v>330</v>
      </c>
      <c r="AG16405">
        <v>337</v>
      </c>
      <c r="AH16405">
        <v>343</v>
      </c>
      <c r="AI16405">
        <v>349</v>
      </c>
      <c r="AJ16405">
        <v>356</v>
      </c>
      <c r="AK16405">
        <v>362</v>
      </c>
      <c r="AL16405">
        <v>367</v>
      </c>
      <c r="AM16405">
        <v>370</v>
      </c>
      <c r="AN16405">
        <v>373</v>
      </c>
      <c r="AO16405">
        <v>377</v>
      </c>
      <c r="AP16405">
        <v>380</v>
      </c>
      <c r="AQ16405">
        <v>383</v>
      </c>
    </row>
    <row r="16406" spans="1:43">
      <c r="A16406" t="s">
        <v>10180</v>
      </c>
      <c r="B16406" t="s">
        <v>10181</v>
      </c>
      <c r="C16406" t="s">
        <v>10008</v>
      </c>
      <c r="D16406" t="s">
        <v>10009</v>
      </c>
      <c r="E16406" t="s">
        <v>9956</v>
      </c>
      <c r="F16406" t="s">
        <v>9957</v>
      </c>
      <c r="G16406" t="s">
        <v>80</v>
      </c>
      <c r="H16406" t="s">
        <v>81</v>
      </c>
      <c r="I16406" s="2">
        <v>0</v>
      </c>
      <c r="J16406" s="2">
        <v>1</v>
      </c>
      <c r="K16406" s="2">
        <v>0</v>
      </c>
      <c r="L16406" t="s">
        <v>82</v>
      </c>
      <c r="M16406" t="s">
        <v>83</v>
      </c>
      <c r="N16406" t="s">
        <v>84</v>
      </c>
      <c r="O16406" t="s">
        <v>85</v>
      </c>
      <c r="P16406" t="s">
        <v>86</v>
      </c>
      <c r="Q16406">
        <v>411</v>
      </c>
      <c r="R16406">
        <v>420</v>
      </c>
      <c r="S16406">
        <v>429</v>
      </c>
      <c r="T16406">
        <v>438</v>
      </c>
      <c r="U16406">
        <v>447</v>
      </c>
      <c r="V16406">
        <v>456</v>
      </c>
      <c r="W16406">
        <v>465</v>
      </c>
      <c r="X16406">
        <v>475</v>
      </c>
      <c r="Y16406">
        <v>484</v>
      </c>
      <c r="Z16406">
        <v>494</v>
      </c>
      <c r="AA16406">
        <v>504</v>
      </c>
      <c r="AB16406">
        <v>514</v>
      </c>
      <c r="AC16406">
        <v>524</v>
      </c>
      <c r="AD16406">
        <v>534</v>
      </c>
      <c r="AE16406">
        <v>545</v>
      </c>
      <c r="AF16406">
        <v>555</v>
      </c>
      <c r="AG16406">
        <v>566</v>
      </c>
      <c r="AH16406">
        <v>576</v>
      </c>
      <c r="AI16406">
        <v>587</v>
      </c>
      <c r="AJ16406">
        <v>598</v>
      </c>
      <c r="AK16406">
        <v>609</v>
      </c>
      <c r="AL16406">
        <v>616</v>
      </c>
      <c r="AM16406">
        <v>621</v>
      </c>
      <c r="AN16406">
        <v>627</v>
      </c>
      <c r="AO16406">
        <v>632</v>
      </c>
      <c r="AP16406">
        <v>637</v>
      </c>
      <c r="AQ16406">
        <v>643</v>
      </c>
    </row>
    <row r="16407" spans="1:43">
      <c r="A16407" t="s">
        <v>10180</v>
      </c>
      <c r="B16407" t="s">
        <v>10181</v>
      </c>
      <c r="C16407" t="s">
        <v>10008</v>
      </c>
      <c r="D16407" t="s">
        <v>10009</v>
      </c>
      <c r="E16407" t="s">
        <v>9956</v>
      </c>
      <c r="F16407" t="s">
        <v>9957</v>
      </c>
      <c r="G16407" t="s">
        <v>80</v>
      </c>
      <c r="H16407" t="s">
        <v>81</v>
      </c>
      <c r="I16407" s="2">
        <v>0</v>
      </c>
      <c r="J16407" s="2">
        <v>1</v>
      </c>
      <c r="K16407" s="2">
        <v>0</v>
      </c>
      <c r="L16407" t="s">
        <v>82</v>
      </c>
      <c r="M16407" t="s">
        <v>87</v>
      </c>
      <c r="N16407" t="s">
        <v>88</v>
      </c>
      <c r="O16407" t="s">
        <v>85</v>
      </c>
      <c r="P16407" t="s">
        <v>86</v>
      </c>
      <c r="Q16407">
        <v>411</v>
      </c>
      <c r="R16407">
        <v>416</v>
      </c>
      <c r="S16407">
        <v>421</v>
      </c>
      <c r="T16407">
        <v>426</v>
      </c>
      <c r="U16407">
        <v>431</v>
      </c>
      <c r="V16407">
        <v>436</v>
      </c>
      <c r="W16407">
        <v>441</v>
      </c>
      <c r="X16407">
        <v>447</v>
      </c>
      <c r="Y16407">
        <v>452</v>
      </c>
      <c r="Z16407">
        <v>457</v>
      </c>
      <c r="AA16407">
        <v>463</v>
      </c>
      <c r="AB16407">
        <v>468</v>
      </c>
      <c r="AC16407">
        <v>474</v>
      </c>
      <c r="AD16407">
        <v>480</v>
      </c>
      <c r="AE16407">
        <v>486</v>
      </c>
      <c r="AF16407">
        <v>492</v>
      </c>
      <c r="AG16407">
        <v>497</v>
      </c>
      <c r="AH16407">
        <v>503</v>
      </c>
      <c r="AI16407">
        <v>509</v>
      </c>
      <c r="AJ16407">
        <v>516</v>
      </c>
      <c r="AK16407">
        <v>522</v>
      </c>
      <c r="AL16407">
        <v>528</v>
      </c>
      <c r="AM16407">
        <v>534</v>
      </c>
      <c r="AN16407">
        <v>541</v>
      </c>
      <c r="AO16407">
        <v>547</v>
      </c>
      <c r="AP16407">
        <v>553</v>
      </c>
      <c r="AQ16407">
        <v>560</v>
      </c>
    </row>
    <row r="16408" spans="1:43">
      <c r="A16408" t="s">
        <v>10180</v>
      </c>
      <c r="B16408" t="s">
        <v>10181</v>
      </c>
      <c r="C16408" t="s">
        <v>10008</v>
      </c>
      <c r="D16408" t="s">
        <v>10009</v>
      </c>
      <c r="E16408" t="s">
        <v>9956</v>
      </c>
      <c r="F16408" t="s">
        <v>9957</v>
      </c>
      <c r="G16408" t="s">
        <v>80</v>
      </c>
      <c r="H16408" t="s">
        <v>81</v>
      </c>
      <c r="I16408" s="2">
        <v>0</v>
      </c>
      <c r="J16408" s="2">
        <v>1</v>
      </c>
      <c r="K16408" s="2">
        <v>0</v>
      </c>
      <c r="L16408" t="s">
        <v>82</v>
      </c>
      <c r="M16408" t="s">
        <v>89</v>
      </c>
      <c r="N16408" t="s">
        <v>90</v>
      </c>
      <c r="O16408" t="s">
        <v>85</v>
      </c>
      <c r="P16408" t="s">
        <v>86</v>
      </c>
      <c r="Q16408">
        <v>411</v>
      </c>
      <c r="R16408">
        <v>423</v>
      </c>
      <c r="S16408">
        <v>436</v>
      </c>
      <c r="T16408">
        <v>448</v>
      </c>
      <c r="U16408">
        <v>461</v>
      </c>
      <c r="V16408">
        <v>473</v>
      </c>
      <c r="W16408">
        <v>485</v>
      </c>
      <c r="X16408">
        <v>497</v>
      </c>
      <c r="Y16408">
        <v>510</v>
      </c>
      <c r="Z16408">
        <v>522</v>
      </c>
      <c r="AA16408">
        <v>534</v>
      </c>
      <c r="AB16408">
        <v>546</v>
      </c>
      <c r="AC16408">
        <v>559</v>
      </c>
      <c r="AD16408">
        <v>571</v>
      </c>
      <c r="AE16408">
        <v>581</v>
      </c>
      <c r="AF16408">
        <v>586</v>
      </c>
      <c r="AG16408">
        <v>591</v>
      </c>
      <c r="AH16408">
        <v>596</v>
      </c>
      <c r="AI16408">
        <v>602</v>
      </c>
      <c r="AJ16408">
        <v>607</v>
      </c>
      <c r="AK16408">
        <v>612</v>
      </c>
      <c r="AL16408">
        <v>617</v>
      </c>
      <c r="AM16408">
        <v>622</v>
      </c>
      <c r="AN16408">
        <v>627</v>
      </c>
      <c r="AO16408">
        <v>633</v>
      </c>
      <c r="AP16408">
        <v>638</v>
      </c>
      <c r="AQ16408">
        <v>643</v>
      </c>
    </row>
    <row r="16409" spans="1:43">
      <c r="A16409" t="s">
        <v>10180</v>
      </c>
      <c r="B16409" t="s">
        <v>10181</v>
      </c>
      <c r="C16409" t="s">
        <v>10008</v>
      </c>
      <c r="D16409" t="s">
        <v>10009</v>
      </c>
      <c r="E16409" t="s">
        <v>9956</v>
      </c>
      <c r="F16409" t="s">
        <v>9957</v>
      </c>
      <c r="G16409" t="s">
        <v>80</v>
      </c>
      <c r="H16409" t="s">
        <v>81</v>
      </c>
      <c r="I16409" s="2">
        <v>0</v>
      </c>
      <c r="J16409" s="2">
        <v>1</v>
      </c>
      <c r="K16409" s="2">
        <v>0</v>
      </c>
      <c r="L16409" t="s">
        <v>82</v>
      </c>
      <c r="M16409" t="s">
        <v>83</v>
      </c>
      <c r="N16409" t="s">
        <v>91</v>
      </c>
      <c r="O16409" t="s">
        <v>85</v>
      </c>
      <c r="P16409" t="s">
        <v>86</v>
      </c>
      <c r="Q16409">
        <v>411</v>
      </c>
      <c r="R16409">
        <v>420</v>
      </c>
      <c r="S16409">
        <v>429</v>
      </c>
      <c r="T16409">
        <v>438</v>
      </c>
      <c r="U16409">
        <v>447</v>
      </c>
      <c r="V16409">
        <v>456</v>
      </c>
      <c r="W16409">
        <v>465</v>
      </c>
      <c r="X16409">
        <v>475</v>
      </c>
      <c r="Y16409">
        <v>484</v>
      </c>
      <c r="Z16409">
        <v>494</v>
      </c>
      <c r="AA16409">
        <v>504</v>
      </c>
      <c r="AB16409">
        <v>514</v>
      </c>
      <c r="AC16409">
        <v>524</v>
      </c>
      <c r="AD16409">
        <v>534</v>
      </c>
      <c r="AE16409">
        <v>545</v>
      </c>
      <c r="AF16409">
        <v>555</v>
      </c>
      <c r="AG16409">
        <v>566</v>
      </c>
      <c r="AH16409">
        <v>576</v>
      </c>
      <c r="AI16409">
        <v>587</v>
      </c>
      <c r="AJ16409">
        <v>598</v>
      </c>
      <c r="AK16409">
        <v>609</v>
      </c>
      <c r="AL16409">
        <v>616</v>
      </c>
      <c r="AM16409">
        <v>621</v>
      </c>
      <c r="AN16409">
        <v>627</v>
      </c>
      <c r="AO16409">
        <v>632</v>
      </c>
      <c r="AP16409">
        <v>637</v>
      </c>
      <c r="AQ16409">
        <v>643</v>
      </c>
    </row>
    <row r="16410" spans="1:43">
      <c r="A16410" t="s">
        <v>10182</v>
      </c>
      <c r="B16410" t="s">
        <v>10183</v>
      </c>
      <c r="C16410" t="s">
        <v>10166</v>
      </c>
      <c r="D16410" t="s">
        <v>10167</v>
      </c>
      <c r="E16410" t="s">
        <v>9956</v>
      </c>
      <c r="F16410" t="s">
        <v>9957</v>
      </c>
      <c r="G16410" t="s">
        <v>80</v>
      </c>
      <c r="H16410" t="s">
        <v>81</v>
      </c>
      <c r="I16410" s="2">
        <v>0</v>
      </c>
      <c r="J16410" s="2">
        <v>1</v>
      </c>
      <c r="K16410" s="2">
        <v>0</v>
      </c>
      <c r="L16410" t="s">
        <v>82</v>
      </c>
      <c r="M16410" t="s">
        <v>83</v>
      </c>
      <c r="N16410" t="s">
        <v>84</v>
      </c>
      <c r="O16410" t="s">
        <v>85</v>
      </c>
      <c r="P16410" t="s">
        <v>86</v>
      </c>
      <c r="Q16410">
        <v>96</v>
      </c>
      <c r="R16410">
        <v>98</v>
      </c>
      <c r="S16410">
        <v>100</v>
      </c>
      <c r="T16410">
        <v>102</v>
      </c>
      <c r="U16410">
        <v>104</v>
      </c>
      <c r="V16410">
        <v>106</v>
      </c>
      <c r="W16410">
        <v>108</v>
      </c>
      <c r="X16410">
        <v>110</v>
      </c>
      <c r="Y16410">
        <v>113</v>
      </c>
      <c r="Z16410">
        <v>115</v>
      </c>
      <c r="AA16410">
        <v>117</v>
      </c>
      <c r="AB16410">
        <v>120</v>
      </c>
      <c r="AC16410">
        <v>122</v>
      </c>
      <c r="AD16410">
        <v>124</v>
      </c>
      <c r="AE16410">
        <v>127</v>
      </c>
      <c r="AF16410">
        <v>129</v>
      </c>
      <c r="AG16410">
        <v>132</v>
      </c>
      <c r="AH16410">
        <v>134</v>
      </c>
      <c r="AI16410">
        <v>137</v>
      </c>
      <c r="AJ16410">
        <v>139</v>
      </c>
      <c r="AK16410">
        <v>142</v>
      </c>
      <c r="AL16410">
        <v>143</v>
      </c>
      <c r="AM16410">
        <v>145</v>
      </c>
      <c r="AN16410">
        <v>146</v>
      </c>
      <c r="AO16410">
        <v>147</v>
      </c>
      <c r="AP16410">
        <v>148</v>
      </c>
      <c r="AQ16410">
        <v>150</v>
      </c>
    </row>
    <row r="16411" spans="1:43">
      <c r="A16411" t="s">
        <v>10182</v>
      </c>
      <c r="B16411" t="s">
        <v>10183</v>
      </c>
      <c r="C16411" t="s">
        <v>10166</v>
      </c>
      <c r="D16411" t="s">
        <v>10167</v>
      </c>
      <c r="E16411" t="s">
        <v>9956</v>
      </c>
      <c r="F16411" t="s">
        <v>9957</v>
      </c>
      <c r="G16411" t="s">
        <v>80</v>
      </c>
      <c r="H16411" t="s">
        <v>81</v>
      </c>
      <c r="I16411" s="2">
        <v>0</v>
      </c>
      <c r="J16411" s="2">
        <v>1</v>
      </c>
      <c r="K16411" s="2">
        <v>0</v>
      </c>
      <c r="L16411" t="s">
        <v>82</v>
      </c>
      <c r="M16411" t="s">
        <v>87</v>
      </c>
      <c r="N16411" t="s">
        <v>88</v>
      </c>
      <c r="O16411" t="s">
        <v>85</v>
      </c>
      <c r="P16411" t="s">
        <v>86</v>
      </c>
      <c r="Q16411">
        <v>96</v>
      </c>
      <c r="R16411">
        <v>97</v>
      </c>
      <c r="S16411">
        <v>98</v>
      </c>
      <c r="T16411">
        <v>99</v>
      </c>
      <c r="U16411">
        <v>100</v>
      </c>
      <c r="V16411">
        <v>102</v>
      </c>
      <c r="W16411">
        <v>103</v>
      </c>
      <c r="X16411">
        <v>104</v>
      </c>
      <c r="Y16411">
        <v>105</v>
      </c>
      <c r="Z16411">
        <v>106</v>
      </c>
      <c r="AA16411">
        <v>108</v>
      </c>
      <c r="AB16411">
        <v>109</v>
      </c>
      <c r="AC16411">
        <v>110</v>
      </c>
      <c r="AD16411">
        <v>112</v>
      </c>
      <c r="AE16411">
        <v>113</v>
      </c>
      <c r="AF16411">
        <v>114</v>
      </c>
      <c r="AG16411">
        <v>116</v>
      </c>
      <c r="AH16411">
        <v>117</v>
      </c>
      <c r="AI16411">
        <v>119</v>
      </c>
      <c r="AJ16411">
        <v>120</v>
      </c>
      <c r="AK16411">
        <v>121</v>
      </c>
      <c r="AL16411">
        <v>123</v>
      </c>
      <c r="AM16411">
        <v>124</v>
      </c>
      <c r="AN16411">
        <v>126</v>
      </c>
      <c r="AO16411">
        <v>127</v>
      </c>
      <c r="AP16411">
        <v>129</v>
      </c>
      <c r="AQ16411">
        <v>130</v>
      </c>
    </row>
    <row r="16412" spans="1:43">
      <c r="A16412" t="s">
        <v>10182</v>
      </c>
      <c r="B16412" t="s">
        <v>10183</v>
      </c>
      <c r="C16412" t="s">
        <v>10166</v>
      </c>
      <c r="D16412" t="s">
        <v>10167</v>
      </c>
      <c r="E16412" t="s">
        <v>9956</v>
      </c>
      <c r="F16412" t="s">
        <v>9957</v>
      </c>
      <c r="G16412" t="s">
        <v>80</v>
      </c>
      <c r="H16412" t="s">
        <v>81</v>
      </c>
      <c r="I16412" s="2">
        <v>0</v>
      </c>
      <c r="J16412" s="2">
        <v>1</v>
      </c>
      <c r="K16412" s="2">
        <v>0</v>
      </c>
      <c r="L16412" t="s">
        <v>82</v>
      </c>
      <c r="M16412" t="s">
        <v>89</v>
      </c>
      <c r="N16412" t="s">
        <v>90</v>
      </c>
      <c r="O16412" t="s">
        <v>85</v>
      </c>
      <c r="P16412" t="s">
        <v>86</v>
      </c>
      <c r="Q16412">
        <v>96</v>
      </c>
      <c r="R16412">
        <v>99</v>
      </c>
      <c r="S16412">
        <v>102</v>
      </c>
      <c r="T16412">
        <v>105</v>
      </c>
      <c r="U16412">
        <v>108</v>
      </c>
      <c r="V16412">
        <v>111</v>
      </c>
      <c r="W16412">
        <v>114</v>
      </c>
      <c r="X16412">
        <v>117</v>
      </c>
      <c r="Y16412">
        <v>119</v>
      </c>
      <c r="Z16412">
        <v>122</v>
      </c>
      <c r="AA16412">
        <v>125</v>
      </c>
      <c r="AB16412">
        <v>128</v>
      </c>
      <c r="AC16412">
        <v>131</v>
      </c>
      <c r="AD16412">
        <v>134</v>
      </c>
      <c r="AE16412">
        <v>136</v>
      </c>
      <c r="AF16412">
        <v>137</v>
      </c>
      <c r="AG16412">
        <v>139</v>
      </c>
      <c r="AH16412">
        <v>140</v>
      </c>
      <c r="AI16412">
        <v>141</v>
      </c>
      <c r="AJ16412">
        <v>142</v>
      </c>
      <c r="AK16412">
        <v>143</v>
      </c>
      <c r="AL16412">
        <v>144</v>
      </c>
      <c r="AM16412">
        <v>146</v>
      </c>
      <c r="AN16412">
        <v>147</v>
      </c>
      <c r="AO16412">
        <v>148</v>
      </c>
      <c r="AP16412">
        <v>149</v>
      </c>
      <c r="AQ16412">
        <v>151</v>
      </c>
    </row>
    <row r="16413" spans="1:43">
      <c r="A16413" t="s">
        <v>10182</v>
      </c>
      <c r="B16413" t="s">
        <v>10183</v>
      </c>
      <c r="C16413" t="s">
        <v>10166</v>
      </c>
      <c r="D16413" t="s">
        <v>10167</v>
      </c>
      <c r="E16413" t="s">
        <v>9956</v>
      </c>
      <c r="F16413" t="s">
        <v>9957</v>
      </c>
      <c r="G16413" t="s">
        <v>80</v>
      </c>
      <c r="H16413" t="s">
        <v>81</v>
      </c>
      <c r="I16413" s="2">
        <v>0</v>
      </c>
      <c r="J16413" s="2">
        <v>1</v>
      </c>
      <c r="K16413" s="2">
        <v>0</v>
      </c>
      <c r="L16413" t="s">
        <v>82</v>
      </c>
      <c r="M16413" t="s">
        <v>83</v>
      </c>
      <c r="N16413" t="s">
        <v>91</v>
      </c>
      <c r="O16413" t="s">
        <v>85</v>
      </c>
      <c r="P16413" t="s">
        <v>86</v>
      </c>
      <c r="Q16413">
        <v>96</v>
      </c>
      <c r="R16413">
        <v>98</v>
      </c>
      <c r="S16413">
        <v>100</v>
      </c>
      <c r="T16413">
        <v>102</v>
      </c>
      <c r="U16413">
        <v>104</v>
      </c>
      <c r="V16413">
        <v>106</v>
      </c>
      <c r="W16413">
        <v>108</v>
      </c>
      <c r="X16413">
        <v>110</v>
      </c>
      <c r="Y16413">
        <v>113</v>
      </c>
      <c r="Z16413">
        <v>115</v>
      </c>
      <c r="AA16413">
        <v>117</v>
      </c>
      <c r="AB16413">
        <v>120</v>
      </c>
      <c r="AC16413">
        <v>122</v>
      </c>
      <c r="AD16413">
        <v>124</v>
      </c>
      <c r="AE16413">
        <v>127</v>
      </c>
      <c r="AF16413">
        <v>129</v>
      </c>
      <c r="AG16413">
        <v>132</v>
      </c>
      <c r="AH16413">
        <v>134</v>
      </c>
      <c r="AI16413">
        <v>137</v>
      </c>
      <c r="AJ16413">
        <v>139</v>
      </c>
      <c r="AK16413">
        <v>142</v>
      </c>
      <c r="AL16413">
        <v>143</v>
      </c>
      <c r="AM16413">
        <v>145</v>
      </c>
      <c r="AN16413">
        <v>146</v>
      </c>
      <c r="AO16413">
        <v>147</v>
      </c>
      <c r="AP16413">
        <v>148</v>
      </c>
      <c r="AQ16413">
        <v>150</v>
      </c>
    </row>
    <row r="16414" spans="1:43">
      <c r="A16414" t="s">
        <v>10184</v>
      </c>
      <c r="B16414" t="s">
        <v>10185</v>
      </c>
      <c r="C16414" t="s">
        <v>10166</v>
      </c>
      <c r="D16414" t="s">
        <v>10167</v>
      </c>
      <c r="E16414" t="s">
        <v>9956</v>
      </c>
      <c r="F16414" t="s">
        <v>9957</v>
      </c>
      <c r="G16414" t="s">
        <v>80</v>
      </c>
      <c r="H16414" t="s">
        <v>81</v>
      </c>
      <c r="I16414" s="2">
        <v>0</v>
      </c>
      <c r="J16414" s="2">
        <v>1</v>
      </c>
      <c r="K16414" s="2">
        <v>0</v>
      </c>
      <c r="L16414" t="s">
        <v>82</v>
      </c>
      <c r="M16414" t="s">
        <v>83</v>
      </c>
      <c r="N16414" t="s">
        <v>84</v>
      </c>
      <c r="O16414" t="s">
        <v>85</v>
      </c>
      <c r="P16414" t="s">
        <v>86</v>
      </c>
      <c r="Q16414">
        <v>7</v>
      </c>
      <c r="R16414">
        <v>7</v>
      </c>
      <c r="S16414">
        <v>7</v>
      </c>
      <c r="T16414">
        <v>7</v>
      </c>
      <c r="U16414">
        <v>7</v>
      </c>
      <c r="V16414">
        <v>7</v>
      </c>
      <c r="W16414">
        <v>8</v>
      </c>
      <c r="X16414">
        <v>8</v>
      </c>
      <c r="Y16414">
        <v>8</v>
      </c>
      <c r="Z16414">
        <v>8</v>
      </c>
      <c r="AA16414">
        <v>8</v>
      </c>
      <c r="AB16414">
        <v>8</v>
      </c>
      <c r="AC16414">
        <v>9</v>
      </c>
      <c r="AD16414">
        <v>9</v>
      </c>
      <c r="AE16414">
        <v>9</v>
      </c>
      <c r="AF16414">
        <v>9</v>
      </c>
      <c r="AG16414">
        <v>9</v>
      </c>
      <c r="AH16414">
        <v>9</v>
      </c>
      <c r="AI16414">
        <v>10</v>
      </c>
      <c r="AJ16414">
        <v>10</v>
      </c>
      <c r="AK16414">
        <v>10</v>
      </c>
      <c r="AL16414">
        <v>10</v>
      </c>
      <c r="AM16414">
        <v>10</v>
      </c>
      <c r="AN16414">
        <v>10</v>
      </c>
      <c r="AO16414">
        <v>10</v>
      </c>
      <c r="AP16414">
        <v>10</v>
      </c>
      <c r="AQ16414">
        <v>11</v>
      </c>
    </row>
    <row r="16415" spans="1:43">
      <c r="A16415" t="s">
        <v>10184</v>
      </c>
      <c r="B16415" t="s">
        <v>10185</v>
      </c>
      <c r="C16415" t="s">
        <v>10166</v>
      </c>
      <c r="D16415" t="s">
        <v>10167</v>
      </c>
      <c r="E16415" t="s">
        <v>9956</v>
      </c>
      <c r="F16415" t="s">
        <v>9957</v>
      </c>
      <c r="G16415" t="s">
        <v>80</v>
      </c>
      <c r="H16415" t="s">
        <v>81</v>
      </c>
      <c r="I16415" s="2">
        <v>0</v>
      </c>
      <c r="J16415" s="2">
        <v>1</v>
      </c>
      <c r="K16415" s="2">
        <v>0</v>
      </c>
      <c r="L16415" t="s">
        <v>82</v>
      </c>
      <c r="M16415" t="s">
        <v>87</v>
      </c>
      <c r="N16415" t="s">
        <v>88</v>
      </c>
      <c r="O16415" t="s">
        <v>85</v>
      </c>
      <c r="P16415" t="s">
        <v>86</v>
      </c>
      <c r="Q16415">
        <v>7</v>
      </c>
      <c r="R16415">
        <v>7</v>
      </c>
      <c r="S16415">
        <v>7</v>
      </c>
      <c r="T16415">
        <v>7</v>
      </c>
      <c r="U16415">
        <v>7</v>
      </c>
      <c r="V16415">
        <v>7</v>
      </c>
      <c r="W16415">
        <v>7</v>
      </c>
      <c r="X16415">
        <v>7</v>
      </c>
      <c r="Y16415">
        <v>7</v>
      </c>
      <c r="Z16415">
        <v>7</v>
      </c>
      <c r="AA16415">
        <v>8</v>
      </c>
      <c r="AB16415">
        <v>8</v>
      </c>
      <c r="AC16415">
        <v>8</v>
      </c>
      <c r="AD16415">
        <v>8</v>
      </c>
      <c r="AE16415">
        <v>8</v>
      </c>
      <c r="AF16415">
        <v>8</v>
      </c>
      <c r="AG16415">
        <v>8</v>
      </c>
      <c r="AH16415">
        <v>8</v>
      </c>
      <c r="AI16415">
        <v>8</v>
      </c>
      <c r="AJ16415">
        <v>8</v>
      </c>
      <c r="AK16415">
        <v>9</v>
      </c>
      <c r="AL16415">
        <v>9</v>
      </c>
      <c r="AM16415">
        <v>9</v>
      </c>
      <c r="AN16415">
        <v>9</v>
      </c>
      <c r="AO16415">
        <v>9</v>
      </c>
      <c r="AP16415">
        <v>9</v>
      </c>
      <c r="AQ16415">
        <v>9</v>
      </c>
    </row>
    <row r="16416" spans="1:43">
      <c r="A16416" t="s">
        <v>10184</v>
      </c>
      <c r="B16416" t="s">
        <v>10185</v>
      </c>
      <c r="C16416" t="s">
        <v>10166</v>
      </c>
      <c r="D16416" t="s">
        <v>10167</v>
      </c>
      <c r="E16416" t="s">
        <v>9956</v>
      </c>
      <c r="F16416" t="s">
        <v>9957</v>
      </c>
      <c r="G16416" t="s">
        <v>80</v>
      </c>
      <c r="H16416" t="s">
        <v>81</v>
      </c>
      <c r="I16416" s="2">
        <v>0</v>
      </c>
      <c r="J16416" s="2">
        <v>1</v>
      </c>
      <c r="K16416" s="2">
        <v>0</v>
      </c>
      <c r="L16416" t="s">
        <v>82</v>
      </c>
      <c r="M16416" t="s">
        <v>89</v>
      </c>
      <c r="N16416" t="s">
        <v>90</v>
      </c>
      <c r="O16416" t="s">
        <v>85</v>
      </c>
      <c r="P16416" t="s">
        <v>86</v>
      </c>
      <c r="Q16416">
        <v>7</v>
      </c>
      <c r="R16416">
        <v>7</v>
      </c>
      <c r="S16416">
        <v>7</v>
      </c>
      <c r="T16416">
        <v>7</v>
      </c>
      <c r="U16416">
        <v>8</v>
      </c>
      <c r="V16416">
        <v>8</v>
      </c>
      <c r="W16416">
        <v>8</v>
      </c>
      <c r="X16416">
        <v>8</v>
      </c>
      <c r="Y16416">
        <v>8</v>
      </c>
      <c r="Z16416">
        <v>9</v>
      </c>
      <c r="AA16416">
        <v>9</v>
      </c>
      <c r="AB16416">
        <v>9</v>
      </c>
      <c r="AC16416">
        <v>9</v>
      </c>
      <c r="AD16416">
        <v>9</v>
      </c>
      <c r="AE16416">
        <v>10</v>
      </c>
      <c r="AF16416">
        <v>10</v>
      </c>
      <c r="AG16416">
        <v>10</v>
      </c>
      <c r="AH16416">
        <v>10</v>
      </c>
      <c r="AI16416">
        <v>10</v>
      </c>
      <c r="AJ16416">
        <v>10</v>
      </c>
      <c r="AK16416">
        <v>10</v>
      </c>
      <c r="AL16416">
        <v>10</v>
      </c>
      <c r="AM16416">
        <v>10</v>
      </c>
      <c r="AN16416">
        <v>10</v>
      </c>
      <c r="AO16416">
        <v>10</v>
      </c>
      <c r="AP16416">
        <v>11</v>
      </c>
      <c r="AQ16416">
        <v>11</v>
      </c>
    </row>
    <row r="16417" spans="1:43">
      <c r="A16417" t="s">
        <v>10184</v>
      </c>
      <c r="B16417" t="s">
        <v>10185</v>
      </c>
      <c r="C16417" t="s">
        <v>10166</v>
      </c>
      <c r="D16417" t="s">
        <v>10167</v>
      </c>
      <c r="E16417" t="s">
        <v>9956</v>
      </c>
      <c r="F16417" t="s">
        <v>9957</v>
      </c>
      <c r="G16417" t="s">
        <v>80</v>
      </c>
      <c r="H16417" t="s">
        <v>81</v>
      </c>
      <c r="I16417" s="2">
        <v>0</v>
      </c>
      <c r="J16417" s="2">
        <v>1</v>
      </c>
      <c r="K16417" s="2">
        <v>0</v>
      </c>
      <c r="L16417" t="s">
        <v>82</v>
      </c>
      <c r="M16417" t="s">
        <v>83</v>
      </c>
      <c r="N16417" t="s">
        <v>91</v>
      </c>
      <c r="O16417" t="s">
        <v>85</v>
      </c>
      <c r="P16417" t="s">
        <v>86</v>
      </c>
      <c r="Q16417">
        <v>7</v>
      </c>
      <c r="R16417">
        <v>7</v>
      </c>
      <c r="S16417">
        <v>7</v>
      </c>
      <c r="T16417">
        <v>7</v>
      </c>
      <c r="U16417">
        <v>7</v>
      </c>
      <c r="V16417">
        <v>7</v>
      </c>
      <c r="W16417">
        <v>8</v>
      </c>
      <c r="X16417">
        <v>8</v>
      </c>
      <c r="Y16417">
        <v>8</v>
      </c>
      <c r="Z16417">
        <v>8</v>
      </c>
      <c r="AA16417">
        <v>8</v>
      </c>
      <c r="AB16417">
        <v>8</v>
      </c>
      <c r="AC16417">
        <v>9</v>
      </c>
      <c r="AD16417">
        <v>9</v>
      </c>
      <c r="AE16417">
        <v>9</v>
      </c>
      <c r="AF16417">
        <v>9</v>
      </c>
      <c r="AG16417">
        <v>9</v>
      </c>
      <c r="AH16417">
        <v>9</v>
      </c>
      <c r="AI16417">
        <v>10</v>
      </c>
      <c r="AJ16417">
        <v>10</v>
      </c>
      <c r="AK16417">
        <v>10</v>
      </c>
      <c r="AL16417">
        <v>10</v>
      </c>
      <c r="AM16417">
        <v>10</v>
      </c>
      <c r="AN16417">
        <v>10</v>
      </c>
      <c r="AO16417">
        <v>10</v>
      </c>
      <c r="AP16417">
        <v>10</v>
      </c>
      <c r="AQ16417">
        <v>11</v>
      </c>
    </row>
    <row r="16418" spans="1:43">
      <c r="A16418" t="s">
        <v>10186</v>
      </c>
      <c r="B16418" t="s">
        <v>10187</v>
      </c>
      <c r="C16418" t="s">
        <v>10166</v>
      </c>
      <c r="D16418" t="s">
        <v>10167</v>
      </c>
      <c r="E16418" t="s">
        <v>9956</v>
      </c>
      <c r="F16418" t="s">
        <v>9957</v>
      </c>
      <c r="G16418" t="s">
        <v>80</v>
      </c>
      <c r="H16418" t="s">
        <v>81</v>
      </c>
      <c r="I16418" s="2">
        <v>0</v>
      </c>
      <c r="J16418" s="2">
        <v>1</v>
      </c>
      <c r="K16418" s="2">
        <v>0</v>
      </c>
      <c r="L16418" t="s">
        <v>82</v>
      </c>
      <c r="M16418" t="s">
        <v>83</v>
      </c>
      <c r="N16418" t="s">
        <v>84</v>
      </c>
      <c r="O16418" t="s">
        <v>85</v>
      </c>
      <c r="P16418" t="s">
        <v>86</v>
      </c>
      <c r="Q16418">
        <v>85</v>
      </c>
      <c r="R16418">
        <v>86</v>
      </c>
      <c r="S16418">
        <v>88</v>
      </c>
      <c r="T16418">
        <v>90</v>
      </c>
      <c r="U16418">
        <v>92</v>
      </c>
      <c r="V16418">
        <v>94</v>
      </c>
      <c r="W16418">
        <v>96</v>
      </c>
      <c r="X16418">
        <v>98</v>
      </c>
      <c r="Y16418">
        <v>100</v>
      </c>
      <c r="Z16418">
        <v>102</v>
      </c>
      <c r="AA16418">
        <v>104</v>
      </c>
      <c r="AB16418">
        <v>106</v>
      </c>
      <c r="AC16418">
        <v>108</v>
      </c>
      <c r="AD16418">
        <v>110</v>
      </c>
      <c r="AE16418">
        <v>112</v>
      </c>
      <c r="AF16418">
        <v>114</v>
      </c>
      <c r="AG16418">
        <v>116</v>
      </c>
      <c r="AH16418">
        <v>119</v>
      </c>
      <c r="AI16418">
        <v>121</v>
      </c>
      <c r="AJ16418">
        <v>123</v>
      </c>
      <c r="AK16418">
        <v>125</v>
      </c>
      <c r="AL16418">
        <v>127</v>
      </c>
      <c r="AM16418">
        <v>128</v>
      </c>
      <c r="AN16418">
        <v>129</v>
      </c>
      <c r="AO16418">
        <v>130</v>
      </c>
      <c r="AP16418">
        <v>131</v>
      </c>
      <c r="AQ16418">
        <v>132</v>
      </c>
    </row>
    <row r="16419" spans="1:43">
      <c r="A16419" t="s">
        <v>10186</v>
      </c>
      <c r="B16419" t="s">
        <v>10187</v>
      </c>
      <c r="C16419" t="s">
        <v>10166</v>
      </c>
      <c r="D16419" t="s">
        <v>10167</v>
      </c>
      <c r="E16419" t="s">
        <v>9956</v>
      </c>
      <c r="F16419" t="s">
        <v>9957</v>
      </c>
      <c r="G16419" t="s">
        <v>80</v>
      </c>
      <c r="H16419" t="s">
        <v>81</v>
      </c>
      <c r="I16419" s="2">
        <v>0</v>
      </c>
      <c r="J16419" s="2">
        <v>1</v>
      </c>
      <c r="K16419" s="2">
        <v>0</v>
      </c>
      <c r="L16419" t="s">
        <v>82</v>
      </c>
      <c r="M16419" t="s">
        <v>87</v>
      </c>
      <c r="N16419" t="s">
        <v>88</v>
      </c>
      <c r="O16419" t="s">
        <v>85</v>
      </c>
      <c r="P16419" t="s">
        <v>86</v>
      </c>
      <c r="Q16419">
        <v>85</v>
      </c>
      <c r="R16419">
        <v>86</v>
      </c>
      <c r="S16419">
        <v>87</v>
      </c>
      <c r="T16419">
        <v>88</v>
      </c>
      <c r="U16419">
        <v>89</v>
      </c>
      <c r="V16419">
        <v>90</v>
      </c>
      <c r="W16419">
        <v>91</v>
      </c>
      <c r="X16419">
        <v>92</v>
      </c>
      <c r="Y16419">
        <v>93</v>
      </c>
      <c r="Z16419">
        <v>94</v>
      </c>
      <c r="AA16419">
        <v>95</v>
      </c>
      <c r="AB16419">
        <v>97</v>
      </c>
      <c r="AC16419">
        <v>98</v>
      </c>
      <c r="AD16419">
        <v>99</v>
      </c>
      <c r="AE16419">
        <v>100</v>
      </c>
      <c r="AF16419">
        <v>101</v>
      </c>
      <c r="AG16419">
        <v>103</v>
      </c>
      <c r="AH16419">
        <v>104</v>
      </c>
      <c r="AI16419">
        <v>105</v>
      </c>
      <c r="AJ16419">
        <v>106</v>
      </c>
      <c r="AK16419">
        <v>108</v>
      </c>
      <c r="AL16419">
        <v>109</v>
      </c>
      <c r="AM16419">
        <v>110</v>
      </c>
      <c r="AN16419">
        <v>111</v>
      </c>
      <c r="AO16419">
        <v>113</v>
      </c>
      <c r="AP16419">
        <v>114</v>
      </c>
      <c r="AQ16419">
        <v>115</v>
      </c>
    </row>
    <row r="16420" spans="1:43">
      <c r="A16420" t="s">
        <v>10186</v>
      </c>
      <c r="B16420" t="s">
        <v>10187</v>
      </c>
      <c r="C16420" t="s">
        <v>10166</v>
      </c>
      <c r="D16420" t="s">
        <v>10167</v>
      </c>
      <c r="E16420" t="s">
        <v>9956</v>
      </c>
      <c r="F16420" t="s">
        <v>9957</v>
      </c>
      <c r="G16420" t="s">
        <v>80</v>
      </c>
      <c r="H16420" t="s">
        <v>81</v>
      </c>
      <c r="I16420" s="2">
        <v>0</v>
      </c>
      <c r="J16420" s="2">
        <v>1</v>
      </c>
      <c r="K16420" s="2">
        <v>0</v>
      </c>
      <c r="L16420" t="s">
        <v>82</v>
      </c>
      <c r="M16420" t="s">
        <v>89</v>
      </c>
      <c r="N16420" t="s">
        <v>90</v>
      </c>
      <c r="O16420" t="s">
        <v>85</v>
      </c>
      <c r="P16420" t="s">
        <v>86</v>
      </c>
      <c r="Q16420">
        <v>85</v>
      </c>
      <c r="R16420">
        <v>88</v>
      </c>
      <c r="S16420">
        <v>90</v>
      </c>
      <c r="T16420">
        <v>93</v>
      </c>
      <c r="U16420">
        <v>96</v>
      </c>
      <c r="V16420">
        <v>98</v>
      </c>
      <c r="W16420">
        <v>101</v>
      </c>
      <c r="X16420">
        <v>103</v>
      </c>
      <c r="Y16420">
        <v>106</v>
      </c>
      <c r="Z16420">
        <v>108</v>
      </c>
      <c r="AA16420">
        <v>111</v>
      </c>
      <c r="AB16420">
        <v>113</v>
      </c>
      <c r="AC16420">
        <v>116</v>
      </c>
      <c r="AD16420">
        <v>119</v>
      </c>
      <c r="AE16420">
        <v>120</v>
      </c>
      <c r="AF16420">
        <v>122</v>
      </c>
      <c r="AG16420">
        <v>123</v>
      </c>
      <c r="AH16420">
        <v>124</v>
      </c>
      <c r="AI16420">
        <v>125</v>
      </c>
      <c r="AJ16420">
        <v>126</v>
      </c>
      <c r="AK16420">
        <v>127</v>
      </c>
      <c r="AL16420">
        <v>128</v>
      </c>
      <c r="AM16420">
        <v>129</v>
      </c>
      <c r="AN16420">
        <v>130</v>
      </c>
      <c r="AO16420">
        <v>131</v>
      </c>
      <c r="AP16420">
        <v>132</v>
      </c>
      <c r="AQ16420">
        <v>133</v>
      </c>
    </row>
    <row r="16421" spans="1:43">
      <c r="A16421" t="s">
        <v>10186</v>
      </c>
      <c r="B16421" t="s">
        <v>10187</v>
      </c>
      <c r="C16421" t="s">
        <v>10166</v>
      </c>
      <c r="D16421" t="s">
        <v>10167</v>
      </c>
      <c r="E16421" t="s">
        <v>9956</v>
      </c>
      <c r="F16421" t="s">
        <v>9957</v>
      </c>
      <c r="G16421" t="s">
        <v>80</v>
      </c>
      <c r="H16421" t="s">
        <v>81</v>
      </c>
      <c r="I16421" s="2">
        <v>0</v>
      </c>
      <c r="J16421" s="2">
        <v>1</v>
      </c>
      <c r="K16421" s="2">
        <v>0</v>
      </c>
      <c r="L16421" t="s">
        <v>82</v>
      </c>
      <c r="M16421" t="s">
        <v>83</v>
      </c>
      <c r="N16421" t="s">
        <v>91</v>
      </c>
      <c r="O16421" t="s">
        <v>85</v>
      </c>
      <c r="P16421" t="s">
        <v>86</v>
      </c>
      <c r="Q16421">
        <v>85</v>
      </c>
      <c r="R16421">
        <v>86</v>
      </c>
      <c r="S16421">
        <v>88</v>
      </c>
      <c r="T16421">
        <v>90</v>
      </c>
      <c r="U16421">
        <v>92</v>
      </c>
      <c r="V16421">
        <v>94</v>
      </c>
      <c r="W16421">
        <v>96</v>
      </c>
      <c r="X16421">
        <v>98</v>
      </c>
      <c r="Y16421">
        <v>100</v>
      </c>
      <c r="Z16421">
        <v>102</v>
      </c>
      <c r="AA16421">
        <v>104</v>
      </c>
      <c r="AB16421">
        <v>106</v>
      </c>
      <c r="AC16421">
        <v>108</v>
      </c>
      <c r="AD16421">
        <v>110</v>
      </c>
      <c r="AE16421">
        <v>112</v>
      </c>
      <c r="AF16421">
        <v>114</v>
      </c>
      <c r="AG16421">
        <v>116</v>
      </c>
      <c r="AH16421">
        <v>119</v>
      </c>
      <c r="AI16421">
        <v>121</v>
      </c>
      <c r="AJ16421">
        <v>123</v>
      </c>
      <c r="AK16421">
        <v>125</v>
      </c>
      <c r="AL16421">
        <v>127</v>
      </c>
      <c r="AM16421">
        <v>128</v>
      </c>
      <c r="AN16421">
        <v>129</v>
      </c>
      <c r="AO16421">
        <v>130</v>
      </c>
      <c r="AP16421">
        <v>131</v>
      </c>
      <c r="AQ16421">
        <v>132</v>
      </c>
    </row>
    <row r="16422" spans="1:43">
      <c r="A16422" t="s">
        <v>10188</v>
      </c>
      <c r="B16422" t="s">
        <v>10189</v>
      </c>
      <c r="C16422" t="s">
        <v>10190</v>
      </c>
      <c r="D16422" t="s">
        <v>10191</v>
      </c>
      <c r="E16422" t="s">
        <v>9956</v>
      </c>
      <c r="F16422" t="s">
        <v>9957</v>
      </c>
      <c r="G16422" t="s">
        <v>80</v>
      </c>
      <c r="H16422" t="s">
        <v>81</v>
      </c>
      <c r="I16422" s="2">
        <v>0</v>
      </c>
      <c r="J16422" s="2">
        <v>1</v>
      </c>
      <c r="K16422" s="2">
        <v>0</v>
      </c>
      <c r="L16422" t="s">
        <v>82</v>
      </c>
      <c r="M16422" t="s">
        <v>83</v>
      </c>
      <c r="N16422" t="s">
        <v>84</v>
      </c>
      <c r="O16422" t="s">
        <v>85</v>
      </c>
      <c r="P16422" t="s">
        <v>86</v>
      </c>
      <c r="Q16422">
        <v>160</v>
      </c>
      <c r="R16422">
        <v>164</v>
      </c>
      <c r="S16422">
        <v>167</v>
      </c>
      <c r="T16422">
        <v>171</v>
      </c>
      <c r="U16422">
        <v>174</v>
      </c>
      <c r="V16422">
        <v>178</v>
      </c>
      <c r="W16422">
        <v>181</v>
      </c>
      <c r="X16422">
        <v>185</v>
      </c>
      <c r="Y16422">
        <v>189</v>
      </c>
      <c r="Z16422">
        <v>193</v>
      </c>
      <c r="AA16422">
        <v>196</v>
      </c>
      <c r="AB16422">
        <v>200</v>
      </c>
      <c r="AC16422">
        <v>204</v>
      </c>
      <c r="AD16422">
        <v>208</v>
      </c>
      <c r="AE16422">
        <v>212</v>
      </c>
      <c r="AF16422">
        <v>216</v>
      </c>
      <c r="AG16422">
        <v>220</v>
      </c>
      <c r="AH16422">
        <v>224</v>
      </c>
      <c r="AI16422">
        <v>229</v>
      </c>
      <c r="AJ16422">
        <v>233</v>
      </c>
      <c r="AK16422">
        <v>237</v>
      </c>
      <c r="AL16422">
        <v>240</v>
      </c>
      <c r="AM16422">
        <v>242</v>
      </c>
      <c r="AN16422">
        <v>244</v>
      </c>
      <c r="AO16422">
        <v>246</v>
      </c>
      <c r="AP16422">
        <v>248</v>
      </c>
      <c r="AQ16422">
        <v>250</v>
      </c>
    </row>
    <row r="16423" spans="1:43">
      <c r="A16423" t="s">
        <v>10188</v>
      </c>
      <c r="B16423" t="s">
        <v>10189</v>
      </c>
      <c r="C16423" t="s">
        <v>10190</v>
      </c>
      <c r="D16423" t="s">
        <v>10191</v>
      </c>
      <c r="E16423" t="s">
        <v>9956</v>
      </c>
      <c r="F16423" t="s">
        <v>9957</v>
      </c>
      <c r="G16423" t="s">
        <v>80</v>
      </c>
      <c r="H16423" t="s">
        <v>81</v>
      </c>
      <c r="I16423" s="2">
        <v>0</v>
      </c>
      <c r="J16423" s="2">
        <v>1</v>
      </c>
      <c r="K16423" s="2">
        <v>0</v>
      </c>
      <c r="L16423" t="s">
        <v>82</v>
      </c>
      <c r="M16423" t="s">
        <v>87</v>
      </c>
      <c r="N16423" t="s">
        <v>88</v>
      </c>
      <c r="O16423" t="s">
        <v>85</v>
      </c>
      <c r="P16423" t="s">
        <v>86</v>
      </c>
      <c r="Q16423">
        <v>160</v>
      </c>
      <c r="R16423">
        <v>162</v>
      </c>
      <c r="S16423">
        <v>164</v>
      </c>
      <c r="T16423">
        <v>166</v>
      </c>
      <c r="U16423">
        <v>167</v>
      </c>
      <c r="V16423">
        <v>169</v>
      </c>
      <c r="W16423">
        <v>171</v>
      </c>
      <c r="X16423">
        <v>173</v>
      </c>
      <c r="Y16423">
        <v>176</v>
      </c>
      <c r="Z16423">
        <v>178</v>
      </c>
      <c r="AA16423">
        <v>180</v>
      </c>
      <c r="AB16423">
        <v>182</v>
      </c>
      <c r="AC16423">
        <v>184</v>
      </c>
      <c r="AD16423">
        <v>186</v>
      </c>
      <c r="AE16423">
        <v>189</v>
      </c>
      <c r="AF16423">
        <v>191</v>
      </c>
      <c r="AG16423">
        <v>193</v>
      </c>
      <c r="AH16423">
        <v>196</v>
      </c>
      <c r="AI16423">
        <v>198</v>
      </c>
      <c r="AJ16423">
        <v>200</v>
      </c>
      <c r="AK16423">
        <v>203</v>
      </c>
      <c r="AL16423">
        <v>205</v>
      </c>
      <c r="AM16423">
        <v>208</v>
      </c>
      <c r="AN16423">
        <v>210</v>
      </c>
      <c r="AO16423">
        <v>212</v>
      </c>
      <c r="AP16423">
        <v>215</v>
      </c>
      <c r="AQ16423">
        <v>218</v>
      </c>
    </row>
    <row r="16424" spans="1:43">
      <c r="A16424" t="s">
        <v>10188</v>
      </c>
      <c r="B16424" t="s">
        <v>10189</v>
      </c>
      <c r="C16424" t="s">
        <v>10190</v>
      </c>
      <c r="D16424" t="s">
        <v>10191</v>
      </c>
      <c r="E16424" t="s">
        <v>9956</v>
      </c>
      <c r="F16424" t="s">
        <v>9957</v>
      </c>
      <c r="G16424" t="s">
        <v>80</v>
      </c>
      <c r="H16424" t="s">
        <v>81</v>
      </c>
      <c r="I16424" s="2">
        <v>0</v>
      </c>
      <c r="J16424" s="2">
        <v>1</v>
      </c>
      <c r="K16424" s="2">
        <v>0</v>
      </c>
      <c r="L16424" t="s">
        <v>82</v>
      </c>
      <c r="M16424" t="s">
        <v>89</v>
      </c>
      <c r="N16424" t="s">
        <v>90</v>
      </c>
      <c r="O16424" t="s">
        <v>85</v>
      </c>
      <c r="P16424" t="s">
        <v>86</v>
      </c>
      <c r="Q16424">
        <v>160</v>
      </c>
      <c r="R16424">
        <v>164</v>
      </c>
      <c r="S16424">
        <v>169</v>
      </c>
      <c r="T16424">
        <v>174</v>
      </c>
      <c r="U16424">
        <v>179</v>
      </c>
      <c r="V16424">
        <v>184</v>
      </c>
      <c r="W16424">
        <v>189</v>
      </c>
      <c r="X16424">
        <v>193</v>
      </c>
      <c r="Y16424">
        <v>198</v>
      </c>
      <c r="Z16424">
        <v>203</v>
      </c>
      <c r="AA16424">
        <v>207</v>
      </c>
      <c r="AB16424">
        <v>212</v>
      </c>
      <c r="AC16424">
        <v>217</v>
      </c>
      <c r="AD16424">
        <v>222</v>
      </c>
      <c r="AE16424">
        <v>226</v>
      </c>
      <c r="AF16424">
        <v>228</v>
      </c>
      <c r="AG16424">
        <v>230</v>
      </c>
      <c r="AH16424">
        <v>232</v>
      </c>
      <c r="AI16424">
        <v>234</v>
      </c>
      <c r="AJ16424">
        <v>235</v>
      </c>
      <c r="AK16424">
        <v>237</v>
      </c>
      <c r="AL16424">
        <v>239</v>
      </c>
      <c r="AM16424">
        <v>241</v>
      </c>
      <c r="AN16424">
        <v>243</v>
      </c>
      <c r="AO16424">
        <v>245</v>
      </c>
      <c r="AP16424">
        <v>247</v>
      </c>
      <c r="AQ16424">
        <v>249</v>
      </c>
    </row>
    <row r="16425" spans="1:43">
      <c r="A16425" t="s">
        <v>10188</v>
      </c>
      <c r="B16425" t="s">
        <v>10189</v>
      </c>
      <c r="C16425" t="s">
        <v>10190</v>
      </c>
      <c r="D16425" t="s">
        <v>10191</v>
      </c>
      <c r="E16425" t="s">
        <v>9956</v>
      </c>
      <c r="F16425" t="s">
        <v>9957</v>
      </c>
      <c r="G16425" t="s">
        <v>80</v>
      </c>
      <c r="H16425" t="s">
        <v>81</v>
      </c>
      <c r="I16425" s="2">
        <v>0</v>
      </c>
      <c r="J16425" s="2">
        <v>1</v>
      </c>
      <c r="K16425" s="2">
        <v>0</v>
      </c>
      <c r="L16425" t="s">
        <v>82</v>
      </c>
      <c r="M16425" t="s">
        <v>83</v>
      </c>
      <c r="N16425" t="s">
        <v>91</v>
      </c>
      <c r="O16425" t="s">
        <v>85</v>
      </c>
      <c r="P16425" t="s">
        <v>86</v>
      </c>
      <c r="Q16425">
        <v>160</v>
      </c>
      <c r="R16425">
        <v>164</v>
      </c>
      <c r="S16425">
        <v>167</v>
      </c>
      <c r="T16425">
        <v>171</v>
      </c>
      <c r="U16425">
        <v>174</v>
      </c>
      <c r="V16425">
        <v>178</v>
      </c>
      <c r="W16425">
        <v>181</v>
      </c>
      <c r="X16425">
        <v>185</v>
      </c>
      <c r="Y16425">
        <v>189</v>
      </c>
      <c r="Z16425">
        <v>193</v>
      </c>
      <c r="AA16425">
        <v>196</v>
      </c>
      <c r="AB16425">
        <v>200</v>
      </c>
      <c r="AC16425">
        <v>204</v>
      </c>
      <c r="AD16425">
        <v>208</v>
      </c>
      <c r="AE16425">
        <v>212</v>
      </c>
      <c r="AF16425">
        <v>216</v>
      </c>
      <c r="AG16425">
        <v>220</v>
      </c>
      <c r="AH16425">
        <v>224</v>
      </c>
      <c r="AI16425">
        <v>229</v>
      </c>
      <c r="AJ16425">
        <v>233</v>
      </c>
      <c r="AK16425">
        <v>237</v>
      </c>
      <c r="AL16425">
        <v>240</v>
      </c>
      <c r="AM16425">
        <v>242</v>
      </c>
      <c r="AN16425">
        <v>244</v>
      </c>
      <c r="AO16425">
        <v>246</v>
      </c>
      <c r="AP16425">
        <v>248</v>
      </c>
      <c r="AQ16425">
        <v>250</v>
      </c>
    </row>
    <row r="16426" spans="1:43">
      <c r="A16426" t="s">
        <v>10192</v>
      </c>
      <c r="B16426" t="s">
        <v>10193</v>
      </c>
      <c r="C16426" t="s">
        <v>10190</v>
      </c>
      <c r="D16426" t="s">
        <v>10191</v>
      </c>
      <c r="E16426" t="s">
        <v>9956</v>
      </c>
      <c r="F16426" t="s">
        <v>9957</v>
      </c>
      <c r="G16426" t="s">
        <v>80</v>
      </c>
      <c r="H16426" t="s">
        <v>81</v>
      </c>
      <c r="I16426" s="2">
        <v>0</v>
      </c>
      <c r="J16426" s="2">
        <v>1</v>
      </c>
      <c r="K16426" s="2">
        <v>0</v>
      </c>
      <c r="L16426" t="s">
        <v>82</v>
      </c>
      <c r="M16426" t="s">
        <v>83</v>
      </c>
      <c r="N16426" t="s">
        <v>84</v>
      </c>
      <c r="O16426" t="s">
        <v>85</v>
      </c>
      <c r="P16426" t="s">
        <v>86</v>
      </c>
      <c r="Q16426">
        <v>52</v>
      </c>
      <c r="R16426">
        <v>53</v>
      </c>
      <c r="S16426">
        <v>55</v>
      </c>
      <c r="T16426">
        <v>56</v>
      </c>
      <c r="U16426">
        <v>57</v>
      </c>
      <c r="V16426">
        <v>58</v>
      </c>
      <c r="W16426">
        <v>59</v>
      </c>
      <c r="X16426">
        <v>60</v>
      </c>
      <c r="Y16426">
        <v>62</v>
      </c>
      <c r="Z16426">
        <v>63</v>
      </c>
      <c r="AA16426">
        <v>64</v>
      </c>
      <c r="AB16426">
        <v>65</v>
      </c>
      <c r="AC16426">
        <v>67</v>
      </c>
      <c r="AD16426">
        <v>68</v>
      </c>
      <c r="AE16426">
        <v>69</v>
      </c>
      <c r="AF16426">
        <v>71</v>
      </c>
      <c r="AG16426">
        <v>72</v>
      </c>
      <c r="AH16426">
        <v>73</v>
      </c>
      <c r="AI16426">
        <v>75</v>
      </c>
      <c r="AJ16426">
        <v>76</v>
      </c>
      <c r="AK16426">
        <v>77</v>
      </c>
      <c r="AL16426">
        <v>78</v>
      </c>
      <c r="AM16426">
        <v>79</v>
      </c>
      <c r="AN16426">
        <v>80</v>
      </c>
      <c r="AO16426">
        <v>80</v>
      </c>
      <c r="AP16426">
        <v>81</v>
      </c>
      <c r="AQ16426">
        <v>81</v>
      </c>
    </row>
    <row r="16427" spans="1:43">
      <c r="A16427" t="s">
        <v>10192</v>
      </c>
      <c r="B16427" t="s">
        <v>10193</v>
      </c>
      <c r="C16427" t="s">
        <v>10190</v>
      </c>
      <c r="D16427" t="s">
        <v>10191</v>
      </c>
      <c r="E16427" t="s">
        <v>9956</v>
      </c>
      <c r="F16427" t="s">
        <v>9957</v>
      </c>
      <c r="G16427" t="s">
        <v>80</v>
      </c>
      <c r="H16427" t="s">
        <v>81</v>
      </c>
      <c r="I16427" s="2">
        <v>0</v>
      </c>
      <c r="J16427" s="2">
        <v>1</v>
      </c>
      <c r="K16427" s="2">
        <v>0</v>
      </c>
      <c r="L16427" t="s">
        <v>82</v>
      </c>
      <c r="M16427" t="s">
        <v>87</v>
      </c>
      <c r="N16427" t="s">
        <v>88</v>
      </c>
      <c r="O16427" t="s">
        <v>85</v>
      </c>
      <c r="P16427" t="s">
        <v>86</v>
      </c>
      <c r="Q16427">
        <v>52</v>
      </c>
      <c r="R16427">
        <v>52</v>
      </c>
      <c r="S16427">
        <v>53</v>
      </c>
      <c r="T16427">
        <v>54</v>
      </c>
      <c r="U16427">
        <v>54</v>
      </c>
      <c r="V16427">
        <v>55</v>
      </c>
      <c r="W16427">
        <v>56</v>
      </c>
      <c r="X16427">
        <v>56</v>
      </c>
      <c r="Y16427">
        <v>57</v>
      </c>
      <c r="Z16427">
        <v>58</v>
      </c>
      <c r="AA16427">
        <v>58</v>
      </c>
      <c r="AB16427">
        <v>59</v>
      </c>
      <c r="AC16427">
        <v>60</v>
      </c>
      <c r="AD16427">
        <v>60</v>
      </c>
      <c r="AE16427">
        <v>61</v>
      </c>
      <c r="AF16427">
        <v>62</v>
      </c>
      <c r="AG16427">
        <v>63</v>
      </c>
      <c r="AH16427">
        <v>63</v>
      </c>
      <c r="AI16427">
        <v>64</v>
      </c>
      <c r="AJ16427">
        <v>65</v>
      </c>
      <c r="AK16427">
        <v>66</v>
      </c>
      <c r="AL16427">
        <v>67</v>
      </c>
      <c r="AM16427">
        <v>67</v>
      </c>
      <c r="AN16427">
        <v>68</v>
      </c>
      <c r="AO16427">
        <v>69</v>
      </c>
      <c r="AP16427">
        <v>70</v>
      </c>
      <c r="AQ16427">
        <v>71</v>
      </c>
    </row>
    <row r="16428" spans="1:43">
      <c r="A16428" t="s">
        <v>10192</v>
      </c>
      <c r="B16428" t="s">
        <v>10193</v>
      </c>
      <c r="C16428" t="s">
        <v>10190</v>
      </c>
      <c r="D16428" t="s">
        <v>10191</v>
      </c>
      <c r="E16428" t="s">
        <v>9956</v>
      </c>
      <c r="F16428" t="s">
        <v>9957</v>
      </c>
      <c r="G16428" t="s">
        <v>80</v>
      </c>
      <c r="H16428" t="s">
        <v>81</v>
      </c>
      <c r="I16428" s="2">
        <v>0</v>
      </c>
      <c r="J16428" s="2">
        <v>1</v>
      </c>
      <c r="K16428" s="2">
        <v>0</v>
      </c>
      <c r="L16428" t="s">
        <v>82</v>
      </c>
      <c r="M16428" t="s">
        <v>89</v>
      </c>
      <c r="N16428" t="s">
        <v>90</v>
      </c>
      <c r="O16428" t="s">
        <v>85</v>
      </c>
      <c r="P16428" t="s">
        <v>86</v>
      </c>
      <c r="Q16428">
        <v>52</v>
      </c>
      <c r="R16428">
        <v>53</v>
      </c>
      <c r="S16428">
        <v>55</v>
      </c>
      <c r="T16428">
        <v>57</v>
      </c>
      <c r="U16428">
        <v>58</v>
      </c>
      <c r="V16428">
        <v>60</v>
      </c>
      <c r="W16428">
        <v>61</v>
      </c>
      <c r="X16428">
        <v>63</v>
      </c>
      <c r="Y16428">
        <v>64</v>
      </c>
      <c r="Z16428">
        <v>66</v>
      </c>
      <c r="AA16428">
        <v>67</v>
      </c>
      <c r="AB16428">
        <v>69</v>
      </c>
      <c r="AC16428">
        <v>70</v>
      </c>
      <c r="AD16428">
        <v>72</v>
      </c>
      <c r="AE16428">
        <v>73</v>
      </c>
      <c r="AF16428">
        <v>74</v>
      </c>
      <c r="AG16428">
        <v>75</v>
      </c>
      <c r="AH16428">
        <v>75</v>
      </c>
      <c r="AI16428">
        <v>76</v>
      </c>
      <c r="AJ16428">
        <v>76</v>
      </c>
      <c r="AK16428">
        <v>77</v>
      </c>
      <c r="AL16428">
        <v>78</v>
      </c>
      <c r="AM16428">
        <v>78</v>
      </c>
      <c r="AN16428">
        <v>79</v>
      </c>
      <c r="AO16428">
        <v>80</v>
      </c>
      <c r="AP16428">
        <v>80</v>
      </c>
      <c r="AQ16428">
        <v>81</v>
      </c>
    </row>
    <row r="16429" spans="1:43">
      <c r="A16429" t="s">
        <v>10192</v>
      </c>
      <c r="B16429" t="s">
        <v>10193</v>
      </c>
      <c r="C16429" t="s">
        <v>10190</v>
      </c>
      <c r="D16429" t="s">
        <v>10191</v>
      </c>
      <c r="E16429" t="s">
        <v>9956</v>
      </c>
      <c r="F16429" t="s">
        <v>9957</v>
      </c>
      <c r="G16429" t="s">
        <v>80</v>
      </c>
      <c r="H16429" t="s">
        <v>81</v>
      </c>
      <c r="I16429" s="2">
        <v>0</v>
      </c>
      <c r="J16429" s="2">
        <v>1</v>
      </c>
      <c r="K16429" s="2">
        <v>0</v>
      </c>
      <c r="L16429" t="s">
        <v>82</v>
      </c>
      <c r="M16429" t="s">
        <v>83</v>
      </c>
      <c r="N16429" t="s">
        <v>91</v>
      </c>
      <c r="O16429" t="s">
        <v>85</v>
      </c>
      <c r="P16429" t="s">
        <v>86</v>
      </c>
      <c r="Q16429">
        <v>52</v>
      </c>
      <c r="R16429">
        <v>53</v>
      </c>
      <c r="S16429">
        <v>55</v>
      </c>
      <c r="T16429">
        <v>56</v>
      </c>
      <c r="U16429">
        <v>57</v>
      </c>
      <c r="V16429">
        <v>58</v>
      </c>
      <c r="W16429">
        <v>59</v>
      </c>
      <c r="X16429">
        <v>60</v>
      </c>
      <c r="Y16429">
        <v>62</v>
      </c>
      <c r="Z16429">
        <v>63</v>
      </c>
      <c r="AA16429">
        <v>64</v>
      </c>
      <c r="AB16429">
        <v>65</v>
      </c>
      <c r="AC16429">
        <v>67</v>
      </c>
      <c r="AD16429">
        <v>68</v>
      </c>
      <c r="AE16429">
        <v>69</v>
      </c>
      <c r="AF16429">
        <v>71</v>
      </c>
      <c r="AG16429">
        <v>72</v>
      </c>
      <c r="AH16429">
        <v>73</v>
      </c>
      <c r="AI16429">
        <v>75</v>
      </c>
      <c r="AJ16429">
        <v>76</v>
      </c>
      <c r="AK16429">
        <v>77</v>
      </c>
      <c r="AL16429">
        <v>78</v>
      </c>
      <c r="AM16429">
        <v>79</v>
      </c>
      <c r="AN16429">
        <v>80</v>
      </c>
      <c r="AO16429">
        <v>80</v>
      </c>
      <c r="AP16429">
        <v>81</v>
      </c>
      <c r="AQ16429">
        <v>81</v>
      </c>
    </row>
    <row r="16430" spans="1:43">
      <c r="A16430" t="s">
        <v>10194</v>
      </c>
      <c r="B16430" t="s">
        <v>10195</v>
      </c>
      <c r="C16430" t="s">
        <v>10024</v>
      </c>
      <c r="D16430" t="s">
        <v>10025</v>
      </c>
      <c r="E16430" t="s">
        <v>9956</v>
      </c>
      <c r="F16430" t="s">
        <v>9957</v>
      </c>
      <c r="G16430" t="s">
        <v>80</v>
      </c>
      <c r="H16430" t="s">
        <v>81</v>
      </c>
      <c r="I16430" s="2">
        <v>0</v>
      </c>
      <c r="J16430" s="2">
        <v>1</v>
      </c>
      <c r="K16430" s="2">
        <v>0</v>
      </c>
      <c r="L16430" t="s">
        <v>82</v>
      </c>
      <c r="M16430" t="s">
        <v>83</v>
      </c>
      <c r="N16430" t="s">
        <v>84</v>
      </c>
      <c r="O16430" t="s">
        <v>85</v>
      </c>
      <c r="P16430" t="s">
        <v>86</v>
      </c>
      <c r="Q16430">
        <v>71</v>
      </c>
      <c r="R16430">
        <v>72</v>
      </c>
      <c r="S16430">
        <v>74</v>
      </c>
      <c r="T16430">
        <v>76</v>
      </c>
      <c r="U16430">
        <v>77</v>
      </c>
      <c r="V16430">
        <v>79</v>
      </c>
      <c r="W16430">
        <v>80</v>
      </c>
      <c r="X16430">
        <v>82</v>
      </c>
      <c r="Y16430">
        <v>84</v>
      </c>
      <c r="Z16430">
        <v>85</v>
      </c>
      <c r="AA16430">
        <v>87</v>
      </c>
      <c r="AB16430">
        <v>89</v>
      </c>
      <c r="AC16430">
        <v>90</v>
      </c>
      <c r="AD16430">
        <v>92</v>
      </c>
      <c r="AE16430">
        <v>94</v>
      </c>
      <c r="AF16430">
        <v>96</v>
      </c>
      <c r="AG16430">
        <v>98</v>
      </c>
      <c r="AH16430">
        <v>99</v>
      </c>
      <c r="AI16430">
        <v>101</v>
      </c>
      <c r="AJ16430">
        <v>103</v>
      </c>
      <c r="AK16430">
        <v>105</v>
      </c>
      <c r="AL16430">
        <v>106</v>
      </c>
      <c r="AM16430">
        <v>107</v>
      </c>
      <c r="AN16430">
        <v>108</v>
      </c>
      <c r="AO16430">
        <v>109</v>
      </c>
      <c r="AP16430">
        <v>110</v>
      </c>
      <c r="AQ16430">
        <v>111</v>
      </c>
    </row>
    <row r="16431" spans="1:43">
      <c r="A16431" t="s">
        <v>10194</v>
      </c>
      <c r="B16431" t="s">
        <v>10195</v>
      </c>
      <c r="C16431" t="s">
        <v>10024</v>
      </c>
      <c r="D16431" t="s">
        <v>10025</v>
      </c>
      <c r="E16431" t="s">
        <v>9956</v>
      </c>
      <c r="F16431" t="s">
        <v>9957</v>
      </c>
      <c r="G16431" t="s">
        <v>80</v>
      </c>
      <c r="H16431" t="s">
        <v>81</v>
      </c>
      <c r="I16431" s="2">
        <v>0</v>
      </c>
      <c r="J16431" s="2">
        <v>1</v>
      </c>
      <c r="K16431" s="2">
        <v>0</v>
      </c>
      <c r="L16431" t="s">
        <v>82</v>
      </c>
      <c r="M16431" t="s">
        <v>87</v>
      </c>
      <c r="N16431" t="s">
        <v>88</v>
      </c>
      <c r="O16431" t="s">
        <v>85</v>
      </c>
      <c r="P16431" t="s">
        <v>86</v>
      </c>
      <c r="Q16431">
        <v>71</v>
      </c>
      <c r="R16431">
        <v>72</v>
      </c>
      <c r="S16431">
        <v>73</v>
      </c>
      <c r="T16431">
        <v>74</v>
      </c>
      <c r="U16431">
        <v>75</v>
      </c>
      <c r="V16431">
        <v>76</v>
      </c>
      <c r="W16431">
        <v>76</v>
      </c>
      <c r="X16431">
        <v>77</v>
      </c>
      <c r="Y16431">
        <v>78</v>
      </c>
      <c r="Z16431">
        <v>79</v>
      </c>
      <c r="AA16431">
        <v>80</v>
      </c>
      <c r="AB16431">
        <v>81</v>
      </c>
      <c r="AC16431">
        <v>82</v>
      </c>
      <c r="AD16431">
        <v>83</v>
      </c>
      <c r="AE16431">
        <v>84</v>
      </c>
      <c r="AF16431">
        <v>85</v>
      </c>
      <c r="AG16431">
        <v>86</v>
      </c>
      <c r="AH16431">
        <v>87</v>
      </c>
      <c r="AI16431">
        <v>88</v>
      </c>
      <c r="AJ16431">
        <v>89</v>
      </c>
      <c r="AK16431">
        <v>90</v>
      </c>
      <c r="AL16431">
        <v>91</v>
      </c>
      <c r="AM16431">
        <v>92</v>
      </c>
      <c r="AN16431">
        <v>94</v>
      </c>
      <c r="AO16431">
        <v>95</v>
      </c>
      <c r="AP16431">
        <v>96</v>
      </c>
      <c r="AQ16431">
        <v>97</v>
      </c>
    </row>
    <row r="16432" spans="1:43">
      <c r="A16432" t="s">
        <v>10194</v>
      </c>
      <c r="B16432" t="s">
        <v>10195</v>
      </c>
      <c r="C16432" t="s">
        <v>10024</v>
      </c>
      <c r="D16432" t="s">
        <v>10025</v>
      </c>
      <c r="E16432" t="s">
        <v>9956</v>
      </c>
      <c r="F16432" t="s">
        <v>9957</v>
      </c>
      <c r="G16432" t="s">
        <v>80</v>
      </c>
      <c r="H16432" t="s">
        <v>81</v>
      </c>
      <c r="I16432" s="2">
        <v>0</v>
      </c>
      <c r="J16432" s="2">
        <v>1</v>
      </c>
      <c r="K16432" s="2">
        <v>0</v>
      </c>
      <c r="L16432" t="s">
        <v>82</v>
      </c>
      <c r="M16432" t="s">
        <v>89</v>
      </c>
      <c r="N16432" t="s">
        <v>90</v>
      </c>
      <c r="O16432" t="s">
        <v>85</v>
      </c>
      <c r="P16432" t="s">
        <v>86</v>
      </c>
      <c r="Q16432">
        <v>71</v>
      </c>
      <c r="R16432">
        <v>73</v>
      </c>
      <c r="S16432">
        <v>75</v>
      </c>
      <c r="T16432">
        <v>77</v>
      </c>
      <c r="U16432">
        <v>79</v>
      </c>
      <c r="V16432">
        <v>81</v>
      </c>
      <c r="W16432">
        <v>83</v>
      </c>
      <c r="X16432">
        <v>85</v>
      </c>
      <c r="Y16432">
        <v>88</v>
      </c>
      <c r="Z16432">
        <v>90</v>
      </c>
      <c r="AA16432">
        <v>92</v>
      </c>
      <c r="AB16432">
        <v>94</v>
      </c>
      <c r="AC16432">
        <v>96</v>
      </c>
      <c r="AD16432">
        <v>98</v>
      </c>
      <c r="AE16432">
        <v>100</v>
      </c>
      <c r="AF16432">
        <v>101</v>
      </c>
      <c r="AG16432">
        <v>102</v>
      </c>
      <c r="AH16432">
        <v>102</v>
      </c>
      <c r="AI16432">
        <v>103</v>
      </c>
      <c r="AJ16432">
        <v>104</v>
      </c>
      <c r="AK16432">
        <v>105</v>
      </c>
      <c r="AL16432">
        <v>106</v>
      </c>
      <c r="AM16432">
        <v>107</v>
      </c>
      <c r="AN16432">
        <v>108</v>
      </c>
      <c r="AO16432">
        <v>108</v>
      </c>
      <c r="AP16432">
        <v>109</v>
      </c>
      <c r="AQ16432">
        <v>110</v>
      </c>
    </row>
    <row r="16433" spans="1:43">
      <c r="A16433" t="s">
        <v>10194</v>
      </c>
      <c r="B16433" t="s">
        <v>10195</v>
      </c>
      <c r="C16433" t="s">
        <v>10024</v>
      </c>
      <c r="D16433" t="s">
        <v>10025</v>
      </c>
      <c r="E16433" t="s">
        <v>9956</v>
      </c>
      <c r="F16433" t="s">
        <v>9957</v>
      </c>
      <c r="G16433" t="s">
        <v>80</v>
      </c>
      <c r="H16433" t="s">
        <v>81</v>
      </c>
      <c r="I16433" s="2">
        <v>0</v>
      </c>
      <c r="J16433" s="2">
        <v>1</v>
      </c>
      <c r="K16433" s="2">
        <v>0</v>
      </c>
      <c r="L16433" t="s">
        <v>82</v>
      </c>
      <c r="M16433" t="s">
        <v>83</v>
      </c>
      <c r="N16433" t="s">
        <v>91</v>
      </c>
      <c r="O16433" t="s">
        <v>85</v>
      </c>
      <c r="P16433" t="s">
        <v>86</v>
      </c>
      <c r="Q16433">
        <v>71</v>
      </c>
      <c r="R16433">
        <v>72</v>
      </c>
      <c r="S16433">
        <v>74</v>
      </c>
      <c r="T16433">
        <v>76</v>
      </c>
      <c r="U16433">
        <v>77</v>
      </c>
      <c r="V16433">
        <v>79</v>
      </c>
      <c r="W16433">
        <v>80</v>
      </c>
      <c r="X16433">
        <v>82</v>
      </c>
      <c r="Y16433">
        <v>84</v>
      </c>
      <c r="Z16433">
        <v>85</v>
      </c>
      <c r="AA16433">
        <v>87</v>
      </c>
      <c r="AB16433">
        <v>89</v>
      </c>
      <c r="AC16433">
        <v>90</v>
      </c>
      <c r="AD16433">
        <v>92</v>
      </c>
      <c r="AE16433">
        <v>94</v>
      </c>
      <c r="AF16433">
        <v>96</v>
      </c>
      <c r="AG16433">
        <v>98</v>
      </c>
      <c r="AH16433">
        <v>99</v>
      </c>
      <c r="AI16433">
        <v>101</v>
      </c>
      <c r="AJ16433">
        <v>103</v>
      </c>
      <c r="AK16433">
        <v>105</v>
      </c>
      <c r="AL16433">
        <v>106</v>
      </c>
      <c r="AM16433">
        <v>107</v>
      </c>
      <c r="AN16433">
        <v>108</v>
      </c>
      <c r="AO16433">
        <v>109</v>
      </c>
      <c r="AP16433">
        <v>110</v>
      </c>
      <c r="AQ16433">
        <v>111</v>
      </c>
    </row>
    <row r="16434" spans="1:43">
      <c r="A16434" t="s">
        <v>10196</v>
      </c>
      <c r="B16434" t="s">
        <v>10197</v>
      </c>
      <c r="C16434" t="s">
        <v>10190</v>
      </c>
      <c r="D16434" t="s">
        <v>10191</v>
      </c>
      <c r="E16434" t="s">
        <v>9956</v>
      </c>
      <c r="F16434" t="s">
        <v>9957</v>
      </c>
      <c r="G16434" t="s">
        <v>80</v>
      </c>
      <c r="H16434" t="s">
        <v>81</v>
      </c>
      <c r="I16434" s="2">
        <v>0</v>
      </c>
      <c r="J16434" s="2">
        <v>1</v>
      </c>
      <c r="K16434" s="2">
        <v>0</v>
      </c>
      <c r="L16434" t="s">
        <v>82</v>
      </c>
      <c r="M16434" t="s">
        <v>83</v>
      </c>
      <c r="N16434" t="s">
        <v>84</v>
      </c>
      <c r="O16434" t="s">
        <v>85</v>
      </c>
      <c r="P16434" t="s">
        <v>86</v>
      </c>
      <c r="Q16434">
        <v>52</v>
      </c>
      <c r="R16434">
        <v>53</v>
      </c>
      <c r="S16434">
        <v>54</v>
      </c>
      <c r="T16434">
        <v>56</v>
      </c>
      <c r="U16434">
        <v>57</v>
      </c>
      <c r="V16434">
        <v>58</v>
      </c>
      <c r="W16434">
        <v>59</v>
      </c>
      <c r="X16434">
        <v>60</v>
      </c>
      <c r="Y16434">
        <v>61</v>
      </c>
      <c r="Z16434">
        <v>63</v>
      </c>
      <c r="AA16434">
        <v>64</v>
      </c>
      <c r="AB16434">
        <v>65</v>
      </c>
      <c r="AC16434">
        <v>66</v>
      </c>
      <c r="AD16434">
        <v>68</v>
      </c>
      <c r="AE16434">
        <v>69</v>
      </c>
      <c r="AF16434">
        <v>70</v>
      </c>
      <c r="AG16434">
        <v>72</v>
      </c>
      <c r="AH16434">
        <v>73</v>
      </c>
      <c r="AI16434">
        <v>74</v>
      </c>
      <c r="AJ16434">
        <v>76</v>
      </c>
      <c r="AK16434">
        <v>77</v>
      </c>
      <c r="AL16434">
        <v>78</v>
      </c>
      <c r="AM16434">
        <v>79</v>
      </c>
      <c r="AN16434">
        <v>79</v>
      </c>
      <c r="AO16434">
        <v>80</v>
      </c>
      <c r="AP16434">
        <v>80</v>
      </c>
      <c r="AQ16434">
        <v>81</v>
      </c>
    </row>
    <row r="16435" spans="1:43">
      <c r="A16435" t="s">
        <v>10196</v>
      </c>
      <c r="B16435" t="s">
        <v>10197</v>
      </c>
      <c r="C16435" t="s">
        <v>10190</v>
      </c>
      <c r="D16435" t="s">
        <v>10191</v>
      </c>
      <c r="E16435" t="s">
        <v>9956</v>
      </c>
      <c r="F16435" t="s">
        <v>9957</v>
      </c>
      <c r="G16435" t="s">
        <v>80</v>
      </c>
      <c r="H16435" t="s">
        <v>81</v>
      </c>
      <c r="I16435" s="2">
        <v>0</v>
      </c>
      <c r="J16435" s="2">
        <v>1</v>
      </c>
      <c r="K16435" s="2">
        <v>0</v>
      </c>
      <c r="L16435" t="s">
        <v>82</v>
      </c>
      <c r="M16435" t="s">
        <v>87</v>
      </c>
      <c r="N16435" t="s">
        <v>88</v>
      </c>
      <c r="O16435" t="s">
        <v>85</v>
      </c>
      <c r="P16435" t="s">
        <v>86</v>
      </c>
      <c r="Q16435">
        <v>52</v>
      </c>
      <c r="R16435">
        <v>52</v>
      </c>
      <c r="S16435">
        <v>53</v>
      </c>
      <c r="T16435">
        <v>54</v>
      </c>
      <c r="U16435">
        <v>54</v>
      </c>
      <c r="V16435">
        <v>55</v>
      </c>
      <c r="W16435">
        <v>55</v>
      </c>
      <c r="X16435">
        <v>56</v>
      </c>
      <c r="Y16435">
        <v>57</v>
      </c>
      <c r="Z16435">
        <v>57</v>
      </c>
      <c r="AA16435">
        <v>58</v>
      </c>
      <c r="AB16435">
        <v>59</v>
      </c>
      <c r="AC16435">
        <v>60</v>
      </c>
      <c r="AD16435">
        <v>60</v>
      </c>
      <c r="AE16435">
        <v>61</v>
      </c>
      <c r="AF16435">
        <v>62</v>
      </c>
      <c r="AG16435">
        <v>63</v>
      </c>
      <c r="AH16435">
        <v>63</v>
      </c>
      <c r="AI16435">
        <v>64</v>
      </c>
      <c r="AJ16435">
        <v>65</v>
      </c>
      <c r="AK16435">
        <v>66</v>
      </c>
      <c r="AL16435">
        <v>66</v>
      </c>
      <c r="AM16435">
        <v>67</v>
      </c>
      <c r="AN16435">
        <v>68</v>
      </c>
      <c r="AO16435">
        <v>69</v>
      </c>
      <c r="AP16435">
        <v>70</v>
      </c>
      <c r="AQ16435">
        <v>70</v>
      </c>
    </row>
    <row r="16436" spans="1:43">
      <c r="A16436" t="s">
        <v>10196</v>
      </c>
      <c r="B16436" t="s">
        <v>10197</v>
      </c>
      <c r="C16436" t="s">
        <v>10190</v>
      </c>
      <c r="D16436" t="s">
        <v>10191</v>
      </c>
      <c r="E16436" t="s">
        <v>9956</v>
      </c>
      <c r="F16436" t="s">
        <v>9957</v>
      </c>
      <c r="G16436" t="s">
        <v>80</v>
      </c>
      <c r="H16436" t="s">
        <v>81</v>
      </c>
      <c r="I16436" s="2">
        <v>0</v>
      </c>
      <c r="J16436" s="2">
        <v>1</v>
      </c>
      <c r="K16436" s="2">
        <v>0</v>
      </c>
      <c r="L16436" t="s">
        <v>82</v>
      </c>
      <c r="M16436" t="s">
        <v>89</v>
      </c>
      <c r="N16436" t="s">
        <v>90</v>
      </c>
      <c r="O16436" t="s">
        <v>85</v>
      </c>
      <c r="P16436" t="s">
        <v>86</v>
      </c>
      <c r="Q16436">
        <v>52</v>
      </c>
      <c r="R16436">
        <v>53</v>
      </c>
      <c r="S16436">
        <v>55</v>
      </c>
      <c r="T16436">
        <v>56</v>
      </c>
      <c r="U16436">
        <v>58</v>
      </c>
      <c r="V16436">
        <v>60</v>
      </c>
      <c r="W16436">
        <v>61</v>
      </c>
      <c r="X16436">
        <v>63</v>
      </c>
      <c r="Y16436">
        <v>64</v>
      </c>
      <c r="Z16436">
        <v>66</v>
      </c>
      <c r="AA16436">
        <v>67</v>
      </c>
      <c r="AB16436">
        <v>69</v>
      </c>
      <c r="AC16436">
        <v>70</v>
      </c>
      <c r="AD16436">
        <v>72</v>
      </c>
      <c r="AE16436">
        <v>73</v>
      </c>
      <c r="AF16436">
        <v>74</v>
      </c>
      <c r="AG16436">
        <v>74</v>
      </c>
      <c r="AH16436">
        <v>75</v>
      </c>
      <c r="AI16436">
        <v>76</v>
      </c>
      <c r="AJ16436">
        <v>76</v>
      </c>
      <c r="AK16436">
        <v>77</v>
      </c>
      <c r="AL16436">
        <v>77</v>
      </c>
      <c r="AM16436">
        <v>78</v>
      </c>
      <c r="AN16436">
        <v>79</v>
      </c>
      <c r="AO16436">
        <v>79</v>
      </c>
      <c r="AP16436">
        <v>80</v>
      </c>
      <c r="AQ16436">
        <v>81</v>
      </c>
    </row>
    <row r="16437" spans="1:43">
      <c r="A16437" t="s">
        <v>10196</v>
      </c>
      <c r="B16437" t="s">
        <v>10197</v>
      </c>
      <c r="C16437" t="s">
        <v>10190</v>
      </c>
      <c r="D16437" t="s">
        <v>10191</v>
      </c>
      <c r="E16437" t="s">
        <v>9956</v>
      </c>
      <c r="F16437" t="s">
        <v>9957</v>
      </c>
      <c r="G16437" t="s">
        <v>80</v>
      </c>
      <c r="H16437" t="s">
        <v>81</v>
      </c>
      <c r="I16437" s="2">
        <v>0</v>
      </c>
      <c r="J16437" s="2">
        <v>1</v>
      </c>
      <c r="K16437" s="2">
        <v>0</v>
      </c>
      <c r="L16437" t="s">
        <v>82</v>
      </c>
      <c r="M16437" t="s">
        <v>83</v>
      </c>
      <c r="N16437" t="s">
        <v>91</v>
      </c>
      <c r="O16437" t="s">
        <v>85</v>
      </c>
      <c r="P16437" t="s">
        <v>86</v>
      </c>
      <c r="Q16437">
        <v>52</v>
      </c>
      <c r="R16437">
        <v>53</v>
      </c>
      <c r="S16437">
        <v>54</v>
      </c>
      <c r="T16437">
        <v>56</v>
      </c>
      <c r="U16437">
        <v>57</v>
      </c>
      <c r="V16437">
        <v>58</v>
      </c>
      <c r="W16437">
        <v>59</v>
      </c>
      <c r="X16437">
        <v>60</v>
      </c>
      <c r="Y16437">
        <v>61</v>
      </c>
      <c r="Z16437">
        <v>63</v>
      </c>
      <c r="AA16437">
        <v>64</v>
      </c>
      <c r="AB16437">
        <v>65</v>
      </c>
      <c r="AC16437">
        <v>66</v>
      </c>
      <c r="AD16437">
        <v>68</v>
      </c>
      <c r="AE16437">
        <v>69</v>
      </c>
      <c r="AF16437">
        <v>70</v>
      </c>
      <c r="AG16437">
        <v>72</v>
      </c>
      <c r="AH16437">
        <v>73</v>
      </c>
      <c r="AI16437">
        <v>74</v>
      </c>
      <c r="AJ16437">
        <v>76</v>
      </c>
      <c r="AK16437">
        <v>77</v>
      </c>
      <c r="AL16437">
        <v>78</v>
      </c>
      <c r="AM16437">
        <v>79</v>
      </c>
      <c r="AN16437">
        <v>79</v>
      </c>
      <c r="AO16437">
        <v>80</v>
      </c>
      <c r="AP16437">
        <v>80</v>
      </c>
      <c r="AQ16437">
        <v>81</v>
      </c>
    </row>
    <row r="16438" spans="1:43">
      <c r="A16438" t="s">
        <v>10198</v>
      </c>
      <c r="B16438" t="s">
        <v>10199</v>
      </c>
      <c r="C16438" t="s">
        <v>9978</v>
      </c>
      <c r="D16438" t="s">
        <v>9979</v>
      </c>
      <c r="E16438" t="s">
        <v>9956</v>
      </c>
      <c r="F16438" t="s">
        <v>9957</v>
      </c>
      <c r="G16438" t="s">
        <v>80</v>
      </c>
      <c r="H16438" t="s">
        <v>81</v>
      </c>
      <c r="I16438" s="2">
        <v>0</v>
      </c>
      <c r="J16438" s="2">
        <v>1</v>
      </c>
      <c r="K16438" s="2">
        <v>0</v>
      </c>
      <c r="L16438" t="s">
        <v>82</v>
      </c>
      <c r="M16438" t="s">
        <v>83</v>
      </c>
      <c r="N16438" t="s">
        <v>84</v>
      </c>
      <c r="O16438" t="s">
        <v>85</v>
      </c>
      <c r="P16438" t="s">
        <v>86</v>
      </c>
      <c r="Q16438">
        <v>73</v>
      </c>
      <c r="R16438">
        <v>75</v>
      </c>
      <c r="S16438">
        <v>77</v>
      </c>
      <c r="T16438">
        <v>78</v>
      </c>
      <c r="U16438">
        <v>80</v>
      </c>
      <c r="V16438">
        <v>81</v>
      </c>
      <c r="W16438">
        <v>83</v>
      </c>
      <c r="X16438">
        <v>85</v>
      </c>
      <c r="Y16438">
        <v>86</v>
      </c>
      <c r="Z16438">
        <v>88</v>
      </c>
      <c r="AA16438">
        <v>90</v>
      </c>
      <c r="AB16438">
        <v>92</v>
      </c>
      <c r="AC16438">
        <v>93</v>
      </c>
      <c r="AD16438">
        <v>95</v>
      </c>
      <c r="AE16438">
        <v>97</v>
      </c>
      <c r="AF16438">
        <v>99</v>
      </c>
      <c r="AG16438">
        <v>101</v>
      </c>
      <c r="AH16438">
        <v>103</v>
      </c>
      <c r="AI16438">
        <v>104</v>
      </c>
      <c r="AJ16438">
        <v>106</v>
      </c>
      <c r="AK16438">
        <v>108</v>
      </c>
      <c r="AL16438">
        <v>110</v>
      </c>
      <c r="AM16438">
        <v>111</v>
      </c>
      <c r="AN16438">
        <v>112</v>
      </c>
      <c r="AO16438">
        <v>113</v>
      </c>
      <c r="AP16438">
        <v>114</v>
      </c>
      <c r="AQ16438">
        <v>115</v>
      </c>
    </row>
    <row r="16439" spans="1:43">
      <c r="A16439" t="s">
        <v>10198</v>
      </c>
      <c r="B16439" t="s">
        <v>10199</v>
      </c>
      <c r="C16439" t="s">
        <v>9978</v>
      </c>
      <c r="D16439" t="s">
        <v>9979</v>
      </c>
      <c r="E16439" t="s">
        <v>9956</v>
      </c>
      <c r="F16439" t="s">
        <v>9957</v>
      </c>
      <c r="G16439" t="s">
        <v>80</v>
      </c>
      <c r="H16439" t="s">
        <v>81</v>
      </c>
      <c r="I16439" s="2">
        <v>0</v>
      </c>
      <c r="J16439" s="2">
        <v>1</v>
      </c>
      <c r="K16439" s="2">
        <v>0</v>
      </c>
      <c r="L16439" t="s">
        <v>82</v>
      </c>
      <c r="M16439" t="s">
        <v>87</v>
      </c>
      <c r="N16439" t="s">
        <v>88</v>
      </c>
      <c r="O16439" t="s">
        <v>85</v>
      </c>
      <c r="P16439" t="s">
        <v>86</v>
      </c>
      <c r="Q16439">
        <v>73</v>
      </c>
      <c r="R16439">
        <v>74</v>
      </c>
      <c r="S16439">
        <v>74</v>
      </c>
      <c r="T16439">
        <v>75</v>
      </c>
      <c r="U16439">
        <v>76</v>
      </c>
      <c r="V16439">
        <v>77</v>
      </c>
      <c r="W16439">
        <v>78</v>
      </c>
      <c r="X16439">
        <v>79</v>
      </c>
      <c r="Y16439">
        <v>80</v>
      </c>
      <c r="Z16439">
        <v>81</v>
      </c>
      <c r="AA16439">
        <v>82</v>
      </c>
      <c r="AB16439">
        <v>83</v>
      </c>
      <c r="AC16439">
        <v>84</v>
      </c>
      <c r="AD16439">
        <v>85</v>
      </c>
      <c r="AE16439">
        <v>86</v>
      </c>
      <c r="AF16439">
        <v>87</v>
      </c>
      <c r="AG16439">
        <v>88</v>
      </c>
      <c r="AH16439">
        <v>89</v>
      </c>
      <c r="AI16439">
        <v>90</v>
      </c>
      <c r="AJ16439">
        <v>91</v>
      </c>
      <c r="AK16439">
        <v>92</v>
      </c>
      <c r="AL16439">
        <v>93</v>
      </c>
      <c r="AM16439">
        <v>95</v>
      </c>
      <c r="AN16439">
        <v>96</v>
      </c>
      <c r="AO16439">
        <v>97</v>
      </c>
      <c r="AP16439">
        <v>98</v>
      </c>
      <c r="AQ16439">
        <v>99</v>
      </c>
    </row>
    <row r="16440" spans="1:43">
      <c r="A16440" t="s">
        <v>10198</v>
      </c>
      <c r="B16440" t="s">
        <v>10199</v>
      </c>
      <c r="C16440" t="s">
        <v>9978</v>
      </c>
      <c r="D16440" t="s">
        <v>9979</v>
      </c>
      <c r="E16440" t="s">
        <v>9956</v>
      </c>
      <c r="F16440" t="s">
        <v>9957</v>
      </c>
      <c r="G16440" t="s">
        <v>80</v>
      </c>
      <c r="H16440" t="s">
        <v>81</v>
      </c>
      <c r="I16440" s="2">
        <v>0</v>
      </c>
      <c r="J16440" s="2">
        <v>1</v>
      </c>
      <c r="K16440" s="2">
        <v>0</v>
      </c>
      <c r="L16440" t="s">
        <v>82</v>
      </c>
      <c r="M16440" t="s">
        <v>89</v>
      </c>
      <c r="N16440" t="s">
        <v>90</v>
      </c>
      <c r="O16440" t="s">
        <v>85</v>
      </c>
      <c r="P16440" t="s">
        <v>86</v>
      </c>
      <c r="Q16440">
        <v>73</v>
      </c>
      <c r="R16440">
        <v>75</v>
      </c>
      <c r="S16440">
        <v>77</v>
      </c>
      <c r="T16440">
        <v>80</v>
      </c>
      <c r="U16440">
        <v>82</v>
      </c>
      <c r="V16440">
        <v>84</v>
      </c>
      <c r="W16440">
        <v>86</v>
      </c>
      <c r="X16440">
        <v>88</v>
      </c>
      <c r="Y16440">
        <v>91</v>
      </c>
      <c r="Z16440">
        <v>93</v>
      </c>
      <c r="AA16440">
        <v>95</v>
      </c>
      <c r="AB16440">
        <v>97</v>
      </c>
      <c r="AC16440">
        <v>99</v>
      </c>
      <c r="AD16440">
        <v>101</v>
      </c>
      <c r="AE16440">
        <v>103</v>
      </c>
      <c r="AF16440">
        <v>104</v>
      </c>
      <c r="AG16440">
        <v>105</v>
      </c>
      <c r="AH16440">
        <v>106</v>
      </c>
      <c r="AI16440">
        <v>107</v>
      </c>
      <c r="AJ16440">
        <v>108</v>
      </c>
      <c r="AK16440">
        <v>109</v>
      </c>
      <c r="AL16440">
        <v>110</v>
      </c>
      <c r="AM16440">
        <v>111</v>
      </c>
      <c r="AN16440">
        <v>112</v>
      </c>
      <c r="AO16440">
        <v>113</v>
      </c>
      <c r="AP16440">
        <v>114</v>
      </c>
      <c r="AQ16440">
        <v>115</v>
      </c>
    </row>
    <row r="16441" spans="1:43">
      <c r="A16441" t="s">
        <v>10198</v>
      </c>
      <c r="B16441" t="s">
        <v>10199</v>
      </c>
      <c r="C16441" t="s">
        <v>9978</v>
      </c>
      <c r="D16441" t="s">
        <v>9979</v>
      </c>
      <c r="E16441" t="s">
        <v>9956</v>
      </c>
      <c r="F16441" t="s">
        <v>9957</v>
      </c>
      <c r="G16441" t="s">
        <v>80</v>
      </c>
      <c r="H16441" t="s">
        <v>81</v>
      </c>
      <c r="I16441" s="2">
        <v>0</v>
      </c>
      <c r="J16441" s="2">
        <v>1</v>
      </c>
      <c r="K16441" s="2">
        <v>0</v>
      </c>
      <c r="L16441" t="s">
        <v>82</v>
      </c>
      <c r="M16441" t="s">
        <v>83</v>
      </c>
      <c r="N16441" t="s">
        <v>91</v>
      </c>
      <c r="O16441" t="s">
        <v>85</v>
      </c>
      <c r="P16441" t="s">
        <v>86</v>
      </c>
      <c r="Q16441">
        <v>73</v>
      </c>
      <c r="R16441">
        <v>75</v>
      </c>
      <c r="S16441">
        <v>77</v>
      </c>
      <c r="T16441">
        <v>78</v>
      </c>
      <c r="U16441">
        <v>80</v>
      </c>
      <c r="V16441">
        <v>81</v>
      </c>
      <c r="W16441">
        <v>83</v>
      </c>
      <c r="X16441">
        <v>85</v>
      </c>
      <c r="Y16441">
        <v>86</v>
      </c>
      <c r="Z16441">
        <v>88</v>
      </c>
      <c r="AA16441">
        <v>90</v>
      </c>
      <c r="AB16441">
        <v>92</v>
      </c>
      <c r="AC16441">
        <v>93</v>
      </c>
      <c r="AD16441">
        <v>95</v>
      </c>
      <c r="AE16441">
        <v>97</v>
      </c>
      <c r="AF16441">
        <v>99</v>
      </c>
      <c r="AG16441">
        <v>101</v>
      </c>
      <c r="AH16441">
        <v>103</v>
      </c>
      <c r="AI16441">
        <v>104</v>
      </c>
      <c r="AJ16441">
        <v>106</v>
      </c>
      <c r="AK16441">
        <v>108</v>
      </c>
      <c r="AL16441">
        <v>110</v>
      </c>
      <c r="AM16441">
        <v>111</v>
      </c>
      <c r="AN16441">
        <v>112</v>
      </c>
      <c r="AO16441">
        <v>113</v>
      </c>
      <c r="AP16441">
        <v>114</v>
      </c>
      <c r="AQ16441">
        <v>115</v>
      </c>
    </row>
    <row r="16442" spans="1:43">
      <c r="A16442" t="s">
        <v>10200</v>
      </c>
      <c r="B16442" t="s">
        <v>10201</v>
      </c>
      <c r="C16442" t="s">
        <v>10150</v>
      </c>
      <c r="D16442" t="s">
        <v>10151</v>
      </c>
      <c r="E16442" t="s">
        <v>9956</v>
      </c>
      <c r="F16442" t="s">
        <v>9957</v>
      </c>
      <c r="G16442" t="s">
        <v>80</v>
      </c>
      <c r="H16442" t="s">
        <v>81</v>
      </c>
      <c r="I16442" s="2">
        <v>0</v>
      </c>
      <c r="J16442" s="2">
        <v>1</v>
      </c>
      <c r="K16442" s="2">
        <v>0</v>
      </c>
      <c r="L16442" t="s">
        <v>82</v>
      </c>
      <c r="M16442" t="s">
        <v>83</v>
      </c>
      <c r="N16442" t="s">
        <v>84</v>
      </c>
      <c r="O16442" t="s">
        <v>85</v>
      </c>
      <c r="P16442" t="s">
        <v>86</v>
      </c>
      <c r="Q16442">
        <v>1147</v>
      </c>
      <c r="R16442">
        <v>1171</v>
      </c>
      <c r="S16442">
        <v>1197</v>
      </c>
      <c r="T16442">
        <v>1222</v>
      </c>
      <c r="U16442">
        <v>1247</v>
      </c>
      <c r="V16442">
        <v>1273</v>
      </c>
      <c r="W16442">
        <v>1299</v>
      </c>
      <c r="X16442">
        <v>1326</v>
      </c>
      <c r="Y16442">
        <v>1352</v>
      </c>
      <c r="Z16442">
        <v>1380</v>
      </c>
      <c r="AA16442">
        <v>1408</v>
      </c>
      <c r="AB16442">
        <v>1436</v>
      </c>
      <c r="AC16442">
        <v>1465</v>
      </c>
      <c r="AD16442">
        <v>1493</v>
      </c>
      <c r="AE16442">
        <v>1523</v>
      </c>
      <c r="AF16442">
        <v>1552</v>
      </c>
      <c r="AG16442">
        <v>1582</v>
      </c>
      <c r="AH16442">
        <v>1612</v>
      </c>
      <c r="AI16442">
        <v>1643</v>
      </c>
      <c r="AJ16442">
        <v>1674</v>
      </c>
      <c r="AK16442">
        <v>1705</v>
      </c>
      <c r="AL16442">
        <v>1725</v>
      </c>
      <c r="AM16442">
        <v>1740</v>
      </c>
      <c r="AN16442">
        <v>1755</v>
      </c>
      <c r="AO16442">
        <v>1769</v>
      </c>
      <c r="AP16442">
        <v>1784</v>
      </c>
      <c r="AQ16442">
        <v>1799</v>
      </c>
    </row>
    <row r="16443" spans="1:43">
      <c r="A16443" t="s">
        <v>10200</v>
      </c>
      <c r="B16443" t="s">
        <v>10201</v>
      </c>
      <c r="C16443" t="s">
        <v>10150</v>
      </c>
      <c r="D16443" t="s">
        <v>10151</v>
      </c>
      <c r="E16443" t="s">
        <v>9956</v>
      </c>
      <c r="F16443" t="s">
        <v>9957</v>
      </c>
      <c r="G16443" t="s">
        <v>80</v>
      </c>
      <c r="H16443" t="s">
        <v>81</v>
      </c>
      <c r="I16443" s="2">
        <v>0</v>
      </c>
      <c r="J16443" s="2">
        <v>1</v>
      </c>
      <c r="K16443" s="2">
        <v>0</v>
      </c>
      <c r="L16443" t="s">
        <v>82</v>
      </c>
      <c r="M16443" t="s">
        <v>87</v>
      </c>
      <c r="N16443" t="s">
        <v>88</v>
      </c>
      <c r="O16443" t="s">
        <v>85</v>
      </c>
      <c r="P16443" t="s">
        <v>86</v>
      </c>
      <c r="Q16443">
        <v>1147</v>
      </c>
      <c r="R16443">
        <v>1161</v>
      </c>
      <c r="S16443">
        <v>1175</v>
      </c>
      <c r="T16443">
        <v>1189</v>
      </c>
      <c r="U16443">
        <v>1203</v>
      </c>
      <c r="V16443">
        <v>1217</v>
      </c>
      <c r="W16443">
        <v>1232</v>
      </c>
      <c r="X16443">
        <v>1246</v>
      </c>
      <c r="Y16443">
        <v>1261</v>
      </c>
      <c r="Z16443">
        <v>1277</v>
      </c>
      <c r="AA16443">
        <v>1292</v>
      </c>
      <c r="AB16443">
        <v>1308</v>
      </c>
      <c r="AC16443">
        <v>1324</v>
      </c>
      <c r="AD16443">
        <v>1340</v>
      </c>
      <c r="AE16443">
        <v>1356</v>
      </c>
      <c r="AF16443">
        <v>1373</v>
      </c>
      <c r="AG16443">
        <v>1389</v>
      </c>
      <c r="AH16443">
        <v>1406</v>
      </c>
      <c r="AI16443">
        <v>1423</v>
      </c>
      <c r="AJ16443">
        <v>1440</v>
      </c>
      <c r="AK16443">
        <v>1457</v>
      </c>
      <c r="AL16443">
        <v>1474</v>
      </c>
      <c r="AM16443">
        <v>1492</v>
      </c>
      <c r="AN16443">
        <v>1510</v>
      </c>
      <c r="AO16443">
        <v>1528</v>
      </c>
      <c r="AP16443">
        <v>1546</v>
      </c>
      <c r="AQ16443">
        <v>1564</v>
      </c>
    </row>
    <row r="16444" spans="1:43">
      <c r="A16444" t="s">
        <v>10200</v>
      </c>
      <c r="B16444" t="s">
        <v>10201</v>
      </c>
      <c r="C16444" t="s">
        <v>10150</v>
      </c>
      <c r="D16444" t="s">
        <v>10151</v>
      </c>
      <c r="E16444" t="s">
        <v>9956</v>
      </c>
      <c r="F16444" t="s">
        <v>9957</v>
      </c>
      <c r="G16444" t="s">
        <v>80</v>
      </c>
      <c r="H16444" t="s">
        <v>81</v>
      </c>
      <c r="I16444" s="2">
        <v>0</v>
      </c>
      <c r="J16444" s="2">
        <v>1</v>
      </c>
      <c r="K16444" s="2">
        <v>0</v>
      </c>
      <c r="L16444" t="s">
        <v>82</v>
      </c>
      <c r="M16444" t="s">
        <v>89</v>
      </c>
      <c r="N16444" t="s">
        <v>90</v>
      </c>
      <c r="O16444" t="s">
        <v>85</v>
      </c>
      <c r="P16444" t="s">
        <v>86</v>
      </c>
      <c r="Q16444">
        <v>1147</v>
      </c>
      <c r="R16444">
        <v>1182</v>
      </c>
      <c r="S16444">
        <v>1217</v>
      </c>
      <c r="T16444">
        <v>1252</v>
      </c>
      <c r="U16444">
        <v>1287</v>
      </c>
      <c r="V16444">
        <v>1321</v>
      </c>
      <c r="W16444">
        <v>1356</v>
      </c>
      <c r="X16444">
        <v>1390</v>
      </c>
      <c r="Y16444">
        <v>1425</v>
      </c>
      <c r="Z16444">
        <v>1459</v>
      </c>
      <c r="AA16444">
        <v>1494</v>
      </c>
      <c r="AB16444">
        <v>1528</v>
      </c>
      <c r="AC16444">
        <v>1565</v>
      </c>
      <c r="AD16444">
        <v>1601</v>
      </c>
      <c r="AE16444">
        <v>1628</v>
      </c>
      <c r="AF16444">
        <v>1642</v>
      </c>
      <c r="AG16444">
        <v>1656</v>
      </c>
      <c r="AH16444">
        <v>1671</v>
      </c>
      <c r="AI16444">
        <v>1685</v>
      </c>
      <c r="AJ16444">
        <v>1699</v>
      </c>
      <c r="AK16444">
        <v>1713</v>
      </c>
      <c r="AL16444">
        <v>1728</v>
      </c>
      <c r="AM16444">
        <v>1742</v>
      </c>
      <c r="AN16444">
        <v>1756</v>
      </c>
      <c r="AO16444">
        <v>1771</v>
      </c>
      <c r="AP16444">
        <v>1785</v>
      </c>
      <c r="AQ16444">
        <v>1800</v>
      </c>
    </row>
    <row r="16445" spans="1:43">
      <c r="A16445" t="s">
        <v>10200</v>
      </c>
      <c r="B16445" t="s">
        <v>10201</v>
      </c>
      <c r="C16445" t="s">
        <v>10150</v>
      </c>
      <c r="D16445" t="s">
        <v>10151</v>
      </c>
      <c r="E16445" t="s">
        <v>9956</v>
      </c>
      <c r="F16445" t="s">
        <v>9957</v>
      </c>
      <c r="G16445" t="s">
        <v>80</v>
      </c>
      <c r="H16445" t="s">
        <v>81</v>
      </c>
      <c r="I16445" s="2">
        <v>0</v>
      </c>
      <c r="J16445" s="2">
        <v>1</v>
      </c>
      <c r="K16445" s="2">
        <v>0</v>
      </c>
      <c r="L16445" t="s">
        <v>82</v>
      </c>
      <c r="M16445" t="s">
        <v>83</v>
      </c>
      <c r="N16445" t="s">
        <v>91</v>
      </c>
      <c r="O16445" t="s">
        <v>85</v>
      </c>
      <c r="P16445" t="s">
        <v>86</v>
      </c>
      <c r="Q16445">
        <v>1147</v>
      </c>
      <c r="R16445">
        <v>1171</v>
      </c>
      <c r="S16445">
        <v>1197</v>
      </c>
      <c r="T16445">
        <v>1222</v>
      </c>
      <c r="U16445">
        <v>1247</v>
      </c>
      <c r="V16445">
        <v>1273</v>
      </c>
      <c r="W16445">
        <v>1299</v>
      </c>
      <c r="X16445">
        <v>1326</v>
      </c>
      <c r="Y16445">
        <v>1352</v>
      </c>
      <c r="Z16445">
        <v>1380</v>
      </c>
      <c r="AA16445">
        <v>1408</v>
      </c>
      <c r="AB16445">
        <v>1436</v>
      </c>
      <c r="AC16445">
        <v>1465</v>
      </c>
      <c r="AD16445">
        <v>1493</v>
      </c>
      <c r="AE16445">
        <v>1523</v>
      </c>
      <c r="AF16445">
        <v>1552</v>
      </c>
      <c r="AG16445">
        <v>1582</v>
      </c>
      <c r="AH16445">
        <v>1612</v>
      </c>
      <c r="AI16445">
        <v>1643</v>
      </c>
      <c r="AJ16445">
        <v>1674</v>
      </c>
      <c r="AK16445">
        <v>1705</v>
      </c>
      <c r="AL16445">
        <v>1725</v>
      </c>
      <c r="AM16445">
        <v>1740</v>
      </c>
      <c r="AN16445">
        <v>1755</v>
      </c>
      <c r="AO16445">
        <v>1769</v>
      </c>
      <c r="AP16445">
        <v>1784</v>
      </c>
      <c r="AQ16445">
        <v>1799</v>
      </c>
    </row>
    <row r="16446" spans="1:43">
      <c r="A16446" t="s">
        <v>10202</v>
      </c>
      <c r="B16446" t="s">
        <v>10203</v>
      </c>
      <c r="C16446" t="s">
        <v>10100</v>
      </c>
      <c r="D16446" t="s">
        <v>10101</v>
      </c>
      <c r="E16446" t="s">
        <v>9956</v>
      </c>
      <c r="F16446" t="s">
        <v>9957</v>
      </c>
      <c r="G16446" t="s">
        <v>80</v>
      </c>
      <c r="H16446" t="s">
        <v>81</v>
      </c>
      <c r="I16446" s="2">
        <v>0</v>
      </c>
      <c r="J16446" s="2">
        <v>1</v>
      </c>
      <c r="K16446" s="2">
        <v>0</v>
      </c>
      <c r="L16446" t="s">
        <v>82</v>
      </c>
      <c r="M16446" t="s">
        <v>83</v>
      </c>
      <c r="N16446" t="s">
        <v>84</v>
      </c>
      <c r="O16446" t="s">
        <v>85</v>
      </c>
      <c r="P16446" t="s">
        <v>86</v>
      </c>
      <c r="Q16446">
        <v>604</v>
      </c>
      <c r="R16446">
        <v>617</v>
      </c>
      <c r="S16446">
        <v>630</v>
      </c>
      <c r="T16446">
        <v>644</v>
      </c>
      <c r="U16446">
        <v>657</v>
      </c>
      <c r="V16446">
        <v>670</v>
      </c>
      <c r="W16446">
        <v>684</v>
      </c>
      <c r="X16446">
        <v>698</v>
      </c>
      <c r="Y16446">
        <v>712</v>
      </c>
      <c r="Z16446">
        <v>727</v>
      </c>
      <c r="AA16446">
        <v>741</v>
      </c>
      <c r="AB16446">
        <v>756</v>
      </c>
      <c r="AC16446">
        <v>771</v>
      </c>
      <c r="AD16446">
        <v>786</v>
      </c>
      <c r="AE16446">
        <v>801</v>
      </c>
      <c r="AF16446">
        <v>817</v>
      </c>
      <c r="AG16446">
        <v>832</v>
      </c>
      <c r="AH16446">
        <v>848</v>
      </c>
      <c r="AI16446">
        <v>864</v>
      </c>
      <c r="AJ16446">
        <v>880</v>
      </c>
      <c r="AK16446">
        <v>897</v>
      </c>
      <c r="AL16446">
        <v>907</v>
      </c>
      <c r="AM16446">
        <v>915</v>
      </c>
      <c r="AN16446">
        <v>923</v>
      </c>
      <c r="AO16446">
        <v>931</v>
      </c>
      <c r="AP16446">
        <v>938</v>
      </c>
      <c r="AQ16446">
        <v>946</v>
      </c>
    </row>
    <row r="16447" spans="1:43">
      <c r="A16447" t="s">
        <v>10202</v>
      </c>
      <c r="B16447" t="s">
        <v>10203</v>
      </c>
      <c r="C16447" t="s">
        <v>10100</v>
      </c>
      <c r="D16447" t="s">
        <v>10101</v>
      </c>
      <c r="E16447" t="s">
        <v>9956</v>
      </c>
      <c r="F16447" t="s">
        <v>9957</v>
      </c>
      <c r="G16447" t="s">
        <v>80</v>
      </c>
      <c r="H16447" t="s">
        <v>81</v>
      </c>
      <c r="I16447" s="2">
        <v>0</v>
      </c>
      <c r="J16447" s="2">
        <v>1</v>
      </c>
      <c r="K16447" s="2">
        <v>0</v>
      </c>
      <c r="L16447" t="s">
        <v>82</v>
      </c>
      <c r="M16447" t="s">
        <v>87</v>
      </c>
      <c r="N16447" t="s">
        <v>88</v>
      </c>
      <c r="O16447" t="s">
        <v>85</v>
      </c>
      <c r="P16447" t="s">
        <v>86</v>
      </c>
      <c r="Q16447">
        <v>604</v>
      </c>
      <c r="R16447">
        <v>612</v>
      </c>
      <c r="S16447">
        <v>619</v>
      </c>
      <c r="T16447">
        <v>627</v>
      </c>
      <c r="U16447">
        <v>634</v>
      </c>
      <c r="V16447">
        <v>641</v>
      </c>
      <c r="W16447">
        <v>649</v>
      </c>
      <c r="X16447">
        <v>657</v>
      </c>
      <c r="Y16447">
        <v>664</v>
      </c>
      <c r="Z16447">
        <v>672</v>
      </c>
      <c r="AA16447">
        <v>681</v>
      </c>
      <c r="AB16447">
        <v>689</v>
      </c>
      <c r="AC16447">
        <v>697</v>
      </c>
      <c r="AD16447">
        <v>706</v>
      </c>
      <c r="AE16447">
        <v>714</v>
      </c>
      <c r="AF16447">
        <v>723</v>
      </c>
      <c r="AG16447">
        <v>732</v>
      </c>
      <c r="AH16447">
        <v>740</v>
      </c>
      <c r="AI16447">
        <v>749</v>
      </c>
      <c r="AJ16447">
        <v>758</v>
      </c>
      <c r="AK16447">
        <v>767</v>
      </c>
      <c r="AL16447">
        <v>776</v>
      </c>
      <c r="AM16447">
        <v>786</v>
      </c>
      <c r="AN16447">
        <v>795</v>
      </c>
      <c r="AO16447">
        <v>804</v>
      </c>
      <c r="AP16447">
        <v>814</v>
      </c>
      <c r="AQ16447">
        <v>824</v>
      </c>
    </row>
    <row r="16448" spans="1:43">
      <c r="A16448" t="s">
        <v>10202</v>
      </c>
      <c r="B16448" t="s">
        <v>10203</v>
      </c>
      <c r="C16448" t="s">
        <v>10100</v>
      </c>
      <c r="D16448" t="s">
        <v>10101</v>
      </c>
      <c r="E16448" t="s">
        <v>9956</v>
      </c>
      <c r="F16448" t="s">
        <v>9957</v>
      </c>
      <c r="G16448" t="s">
        <v>80</v>
      </c>
      <c r="H16448" t="s">
        <v>81</v>
      </c>
      <c r="I16448" s="2">
        <v>0</v>
      </c>
      <c r="J16448" s="2">
        <v>1</v>
      </c>
      <c r="K16448" s="2">
        <v>0</v>
      </c>
      <c r="L16448" t="s">
        <v>82</v>
      </c>
      <c r="M16448" t="s">
        <v>89</v>
      </c>
      <c r="N16448" t="s">
        <v>90</v>
      </c>
      <c r="O16448" t="s">
        <v>85</v>
      </c>
      <c r="P16448" t="s">
        <v>86</v>
      </c>
      <c r="Q16448">
        <v>604</v>
      </c>
      <c r="R16448">
        <v>623</v>
      </c>
      <c r="S16448">
        <v>641</v>
      </c>
      <c r="T16448">
        <v>660</v>
      </c>
      <c r="U16448">
        <v>678</v>
      </c>
      <c r="V16448">
        <v>696</v>
      </c>
      <c r="W16448">
        <v>714</v>
      </c>
      <c r="X16448">
        <v>732</v>
      </c>
      <c r="Y16448">
        <v>750</v>
      </c>
      <c r="Z16448">
        <v>768</v>
      </c>
      <c r="AA16448">
        <v>786</v>
      </c>
      <c r="AB16448">
        <v>804</v>
      </c>
      <c r="AC16448">
        <v>823</v>
      </c>
      <c r="AD16448">
        <v>842</v>
      </c>
      <c r="AE16448">
        <v>856</v>
      </c>
      <c r="AF16448">
        <v>864</v>
      </c>
      <c r="AG16448">
        <v>871</v>
      </c>
      <c r="AH16448">
        <v>879</v>
      </c>
      <c r="AI16448">
        <v>886</v>
      </c>
      <c r="AJ16448">
        <v>894</v>
      </c>
      <c r="AK16448">
        <v>902</v>
      </c>
      <c r="AL16448">
        <v>909</v>
      </c>
      <c r="AM16448">
        <v>917</v>
      </c>
      <c r="AN16448">
        <v>925</v>
      </c>
      <c r="AO16448">
        <v>932</v>
      </c>
      <c r="AP16448">
        <v>940</v>
      </c>
      <c r="AQ16448">
        <v>948</v>
      </c>
    </row>
    <row r="16449" spans="1:43">
      <c r="A16449" t="s">
        <v>10202</v>
      </c>
      <c r="B16449" t="s">
        <v>10203</v>
      </c>
      <c r="C16449" t="s">
        <v>10100</v>
      </c>
      <c r="D16449" t="s">
        <v>10101</v>
      </c>
      <c r="E16449" t="s">
        <v>9956</v>
      </c>
      <c r="F16449" t="s">
        <v>9957</v>
      </c>
      <c r="G16449" t="s">
        <v>80</v>
      </c>
      <c r="H16449" t="s">
        <v>81</v>
      </c>
      <c r="I16449" s="2">
        <v>0</v>
      </c>
      <c r="J16449" s="2">
        <v>1</v>
      </c>
      <c r="K16449" s="2">
        <v>0</v>
      </c>
      <c r="L16449" t="s">
        <v>82</v>
      </c>
      <c r="M16449" t="s">
        <v>83</v>
      </c>
      <c r="N16449" t="s">
        <v>91</v>
      </c>
      <c r="O16449" t="s">
        <v>85</v>
      </c>
      <c r="P16449" t="s">
        <v>86</v>
      </c>
      <c r="Q16449">
        <v>604</v>
      </c>
      <c r="R16449">
        <v>617</v>
      </c>
      <c r="S16449">
        <v>630</v>
      </c>
      <c r="T16449">
        <v>644</v>
      </c>
      <c r="U16449">
        <v>657</v>
      </c>
      <c r="V16449">
        <v>670</v>
      </c>
      <c r="W16449">
        <v>684</v>
      </c>
      <c r="X16449">
        <v>698</v>
      </c>
      <c r="Y16449">
        <v>712</v>
      </c>
      <c r="Z16449">
        <v>727</v>
      </c>
      <c r="AA16449">
        <v>741</v>
      </c>
      <c r="AB16449">
        <v>756</v>
      </c>
      <c r="AC16449">
        <v>771</v>
      </c>
      <c r="AD16449">
        <v>786</v>
      </c>
      <c r="AE16449">
        <v>801</v>
      </c>
      <c r="AF16449">
        <v>817</v>
      </c>
      <c r="AG16449">
        <v>832</v>
      </c>
      <c r="AH16449">
        <v>848</v>
      </c>
      <c r="AI16449">
        <v>864</v>
      </c>
      <c r="AJ16449">
        <v>880</v>
      </c>
      <c r="AK16449">
        <v>897</v>
      </c>
      <c r="AL16449">
        <v>907</v>
      </c>
      <c r="AM16449">
        <v>915</v>
      </c>
      <c r="AN16449">
        <v>923</v>
      </c>
      <c r="AO16449">
        <v>931</v>
      </c>
      <c r="AP16449">
        <v>938</v>
      </c>
      <c r="AQ16449">
        <v>946</v>
      </c>
    </row>
    <row r="16450" spans="1:43">
      <c r="A16450" t="s">
        <v>10204</v>
      </c>
      <c r="B16450" t="s">
        <v>10205</v>
      </c>
      <c r="C16450" t="s">
        <v>10106</v>
      </c>
      <c r="D16450" t="s">
        <v>10107</v>
      </c>
      <c r="E16450" t="s">
        <v>9956</v>
      </c>
      <c r="F16450" t="s">
        <v>9957</v>
      </c>
      <c r="G16450" t="s">
        <v>80</v>
      </c>
      <c r="H16450" t="s">
        <v>81</v>
      </c>
      <c r="I16450" s="2">
        <v>0</v>
      </c>
      <c r="J16450" s="2">
        <v>1</v>
      </c>
      <c r="K16450" s="2">
        <v>0</v>
      </c>
      <c r="L16450" t="s">
        <v>82</v>
      </c>
      <c r="M16450" t="s">
        <v>83</v>
      </c>
      <c r="N16450" t="s">
        <v>84</v>
      </c>
      <c r="O16450" t="s">
        <v>85</v>
      </c>
      <c r="P16450" t="s">
        <v>86</v>
      </c>
      <c r="Q16450">
        <v>928</v>
      </c>
      <c r="R16450">
        <v>948</v>
      </c>
      <c r="S16450">
        <v>969</v>
      </c>
      <c r="T16450">
        <v>989</v>
      </c>
      <c r="U16450">
        <v>1009</v>
      </c>
      <c r="V16450">
        <v>1030</v>
      </c>
      <c r="W16450">
        <v>1051</v>
      </c>
      <c r="X16450">
        <v>1073</v>
      </c>
      <c r="Y16450">
        <v>1094</v>
      </c>
      <c r="Z16450">
        <v>1117</v>
      </c>
      <c r="AA16450">
        <v>1139</v>
      </c>
      <c r="AB16450">
        <v>1162</v>
      </c>
      <c r="AC16450">
        <v>1185</v>
      </c>
      <c r="AD16450">
        <v>1208</v>
      </c>
      <c r="AE16450">
        <v>1231</v>
      </c>
      <c r="AF16450">
        <v>1255</v>
      </c>
      <c r="AG16450">
        <v>1279</v>
      </c>
      <c r="AH16450">
        <v>1303</v>
      </c>
      <c r="AI16450">
        <v>1328</v>
      </c>
      <c r="AJ16450">
        <v>1352</v>
      </c>
      <c r="AK16450">
        <v>1377</v>
      </c>
      <c r="AL16450">
        <v>1394</v>
      </c>
      <c r="AM16450">
        <v>1406</v>
      </c>
      <c r="AN16450">
        <v>1417</v>
      </c>
      <c r="AO16450">
        <v>1429</v>
      </c>
      <c r="AP16450">
        <v>1442</v>
      </c>
      <c r="AQ16450">
        <v>1454</v>
      </c>
    </row>
    <row r="16451" spans="1:43">
      <c r="A16451" t="s">
        <v>10204</v>
      </c>
      <c r="B16451" t="s">
        <v>10205</v>
      </c>
      <c r="C16451" t="s">
        <v>10106</v>
      </c>
      <c r="D16451" t="s">
        <v>10107</v>
      </c>
      <c r="E16451" t="s">
        <v>9956</v>
      </c>
      <c r="F16451" t="s">
        <v>9957</v>
      </c>
      <c r="G16451" t="s">
        <v>80</v>
      </c>
      <c r="H16451" t="s">
        <v>81</v>
      </c>
      <c r="I16451" s="2">
        <v>0</v>
      </c>
      <c r="J16451" s="2">
        <v>1</v>
      </c>
      <c r="K16451" s="2">
        <v>0</v>
      </c>
      <c r="L16451" t="s">
        <v>82</v>
      </c>
      <c r="M16451" t="s">
        <v>87</v>
      </c>
      <c r="N16451" t="s">
        <v>88</v>
      </c>
      <c r="O16451" t="s">
        <v>85</v>
      </c>
      <c r="P16451" t="s">
        <v>86</v>
      </c>
      <c r="Q16451">
        <v>928</v>
      </c>
      <c r="R16451">
        <v>939</v>
      </c>
      <c r="S16451">
        <v>950</v>
      </c>
      <c r="T16451">
        <v>962</v>
      </c>
      <c r="U16451">
        <v>973</v>
      </c>
      <c r="V16451">
        <v>984</v>
      </c>
      <c r="W16451">
        <v>996</v>
      </c>
      <c r="X16451">
        <v>1008</v>
      </c>
      <c r="Y16451">
        <v>1020</v>
      </c>
      <c r="Z16451">
        <v>1032</v>
      </c>
      <c r="AA16451">
        <v>1045</v>
      </c>
      <c r="AB16451">
        <v>1057</v>
      </c>
      <c r="AC16451">
        <v>1070</v>
      </c>
      <c r="AD16451">
        <v>1083</v>
      </c>
      <c r="AE16451">
        <v>1096</v>
      </c>
      <c r="AF16451">
        <v>1110</v>
      </c>
      <c r="AG16451">
        <v>1123</v>
      </c>
      <c r="AH16451">
        <v>1136</v>
      </c>
      <c r="AI16451">
        <v>1150</v>
      </c>
      <c r="AJ16451">
        <v>1164</v>
      </c>
      <c r="AK16451">
        <v>1178</v>
      </c>
      <c r="AL16451">
        <v>1192</v>
      </c>
      <c r="AM16451">
        <v>1206</v>
      </c>
      <c r="AN16451">
        <v>1220</v>
      </c>
      <c r="AO16451">
        <v>1235</v>
      </c>
      <c r="AP16451">
        <v>1249</v>
      </c>
      <c r="AQ16451">
        <v>1264</v>
      </c>
    </row>
    <row r="16452" spans="1:43">
      <c r="A16452" t="s">
        <v>10204</v>
      </c>
      <c r="B16452" t="s">
        <v>10205</v>
      </c>
      <c r="C16452" t="s">
        <v>10106</v>
      </c>
      <c r="D16452" t="s">
        <v>10107</v>
      </c>
      <c r="E16452" t="s">
        <v>9956</v>
      </c>
      <c r="F16452" t="s">
        <v>9957</v>
      </c>
      <c r="G16452" t="s">
        <v>80</v>
      </c>
      <c r="H16452" t="s">
        <v>81</v>
      </c>
      <c r="I16452" s="2">
        <v>0</v>
      </c>
      <c r="J16452" s="2">
        <v>1</v>
      </c>
      <c r="K16452" s="2">
        <v>0</v>
      </c>
      <c r="L16452" t="s">
        <v>82</v>
      </c>
      <c r="M16452" t="s">
        <v>89</v>
      </c>
      <c r="N16452" t="s">
        <v>90</v>
      </c>
      <c r="O16452" t="s">
        <v>85</v>
      </c>
      <c r="P16452" t="s">
        <v>86</v>
      </c>
      <c r="Q16452">
        <v>928</v>
      </c>
      <c r="R16452">
        <v>956</v>
      </c>
      <c r="S16452">
        <v>984</v>
      </c>
      <c r="T16452">
        <v>1013</v>
      </c>
      <c r="U16452">
        <v>1041</v>
      </c>
      <c r="V16452">
        <v>1069</v>
      </c>
      <c r="W16452">
        <v>1097</v>
      </c>
      <c r="X16452">
        <v>1124</v>
      </c>
      <c r="Y16452">
        <v>1152</v>
      </c>
      <c r="Z16452">
        <v>1179</v>
      </c>
      <c r="AA16452">
        <v>1207</v>
      </c>
      <c r="AB16452">
        <v>1234</v>
      </c>
      <c r="AC16452">
        <v>1264</v>
      </c>
      <c r="AD16452">
        <v>1292</v>
      </c>
      <c r="AE16452">
        <v>1314</v>
      </c>
      <c r="AF16452">
        <v>1326</v>
      </c>
      <c r="AG16452">
        <v>1337</v>
      </c>
      <c r="AH16452">
        <v>1349</v>
      </c>
      <c r="AI16452">
        <v>1361</v>
      </c>
      <c r="AJ16452">
        <v>1372</v>
      </c>
      <c r="AK16452">
        <v>1384</v>
      </c>
      <c r="AL16452">
        <v>1395</v>
      </c>
      <c r="AM16452">
        <v>1407</v>
      </c>
      <c r="AN16452">
        <v>1419</v>
      </c>
      <c r="AO16452">
        <v>1431</v>
      </c>
      <c r="AP16452">
        <v>1443</v>
      </c>
      <c r="AQ16452">
        <v>1454</v>
      </c>
    </row>
    <row r="16453" spans="1:43">
      <c r="A16453" t="s">
        <v>10204</v>
      </c>
      <c r="B16453" t="s">
        <v>10205</v>
      </c>
      <c r="C16453" t="s">
        <v>10106</v>
      </c>
      <c r="D16453" t="s">
        <v>10107</v>
      </c>
      <c r="E16453" t="s">
        <v>9956</v>
      </c>
      <c r="F16453" t="s">
        <v>9957</v>
      </c>
      <c r="G16453" t="s">
        <v>80</v>
      </c>
      <c r="H16453" t="s">
        <v>81</v>
      </c>
      <c r="I16453" s="2">
        <v>0</v>
      </c>
      <c r="J16453" s="2">
        <v>1</v>
      </c>
      <c r="K16453" s="2">
        <v>0</v>
      </c>
      <c r="L16453" t="s">
        <v>82</v>
      </c>
      <c r="M16453" t="s">
        <v>83</v>
      </c>
      <c r="N16453" t="s">
        <v>91</v>
      </c>
      <c r="O16453" t="s">
        <v>85</v>
      </c>
      <c r="P16453" t="s">
        <v>86</v>
      </c>
      <c r="Q16453">
        <v>928</v>
      </c>
      <c r="R16453">
        <v>948</v>
      </c>
      <c r="S16453">
        <v>969</v>
      </c>
      <c r="T16453">
        <v>989</v>
      </c>
      <c r="U16453">
        <v>1009</v>
      </c>
      <c r="V16453">
        <v>1030</v>
      </c>
      <c r="W16453">
        <v>1051</v>
      </c>
      <c r="X16453">
        <v>1073</v>
      </c>
      <c r="Y16453">
        <v>1094</v>
      </c>
      <c r="Z16453">
        <v>1117</v>
      </c>
      <c r="AA16453">
        <v>1139</v>
      </c>
      <c r="AB16453">
        <v>1162</v>
      </c>
      <c r="AC16453">
        <v>1185</v>
      </c>
      <c r="AD16453">
        <v>1208</v>
      </c>
      <c r="AE16453">
        <v>1231</v>
      </c>
      <c r="AF16453">
        <v>1255</v>
      </c>
      <c r="AG16453">
        <v>1279</v>
      </c>
      <c r="AH16453">
        <v>1303</v>
      </c>
      <c r="AI16453">
        <v>1328</v>
      </c>
      <c r="AJ16453">
        <v>1352</v>
      </c>
      <c r="AK16453">
        <v>1377</v>
      </c>
      <c r="AL16453">
        <v>1394</v>
      </c>
      <c r="AM16453">
        <v>1406</v>
      </c>
      <c r="AN16453">
        <v>1417</v>
      </c>
      <c r="AO16453">
        <v>1429</v>
      </c>
      <c r="AP16453">
        <v>1442</v>
      </c>
      <c r="AQ16453">
        <v>1454</v>
      </c>
    </row>
    <row r="16454" spans="1:43">
      <c r="A16454" t="s">
        <v>10206</v>
      </c>
      <c r="B16454" t="s">
        <v>10207</v>
      </c>
      <c r="C16454" t="s">
        <v>10106</v>
      </c>
      <c r="D16454" t="s">
        <v>10107</v>
      </c>
      <c r="E16454" t="s">
        <v>9956</v>
      </c>
      <c r="F16454" t="s">
        <v>9957</v>
      </c>
      <c r="G16454" t="s">
        <v>80</v>
      </c>
      <c r="H16454" t="s">
        <v>81</v>
      </c>
      <c r="I16454" s="2">
        <v>0</v>
      </c>
      <c r="J16454" s="2">
        <v>1</v>
      </c>
      <c r="K16454" s="2">
        <v>0</v>
      </c>
      <c r="L16454" t="s">
        <v>82</v>
      </c>
      <c r="M16454" t="s">
        <v>83</v>
      </c>
      <c r="N16454" t="s">
        <v>84</v>
      </c>
      <c r="O16454" t="s">
        <v>85</v>
      </c>
      <c r="P16454" t="s">
        <v>86</v>
      </c>
      <c r="Q16454">
        <v>1094</v>
      </c>
      <c r="R16454">
        <v>1117</v>
      </c>
      <c r="S16454">
        <v>1141</v>
      </c>
      <c r="T16454">
        <v>1165</v>
      </c>
      <c r="U16454">
        <v>1189</v>
      </c>
      <c r="V16454">
        <v>1213</v>
      </c>
      <c r="W16454">
        <v>1238</v>
      </c>
      <c r="X16454">
        <v>1263</v>
      </c>
      <c r="Y16454">
        <v>1289</v>
      </c>
      <c r="Z16454">
        <v>1315</v>
      </c>
      <c r="AA16454">
        <v>1341</v>
      </c>
      <c r="AB16454">
        <v>1367</v>
      </c>
      <c r="AC16454">
        <v>1393</v>
      </c>
      <c r="AD16454">
        <v>1419</v>
      </c>
      <c r="AE16454">
        <v>1446</v>
      </c>
      <c r="AF16454">
        <v>1473</v>
      </c>
      <c r="AG16454">
        <v>1500</v>
      </c>
      <c r="AH16454">
        <v>1528</v>
      </c>
      <c r="AI16454">
        <v>1556</v>
      </c>
      <c r="AJ16454">
        <v>1584</v>
      </c>
      <c r="AK16454">
        <v>1613</v>
      </c>
      <c r="AL16454">
        <v>1631</v>
      </c>
      <c r="AM16454">
        <v>1644</v>
      </c>
      <c r="AN16454">
        <v>1657</v>
      </c>
      <c r="AO16454">
        <v>1671</v>
      </c>
      <c r="AP16454">
        <v>1684</v>
      </c>
      <c r="AQ16454">
        <v>1698</v>
      </c>
    </row>
    <row r="16455" spans="1:43">
      <c r="A16455" t="s">
        <v>10206</v>
      </c>
      <c r="B16455" t="s">
        <v>10207</v>
      </c>
      <c r="C16455" t="s">
        <v>10106</v>
      </c>
      <c r="D16455" t="s">
        <v>10107</v>
      </c>
      <c r="E16455" t="s">
        <v>9956</v>
      </c>
      <c r="F16455" t="s">
        <v>9957</v>
      </c>
      <c r="G16455" t="s">
        <v>80</v>
      </c>
      <c r="H16455" t="s">
        <v>81</v>
      </c>
      <c r="I16455" s="2">
        <v>0</v>
      </c>
      <c r="J16455" s="2">
        <v>1</v>
      </c>
      <c r="K16455" s="2">
        <v>0</v>
      </c>
      <c r="L16455" t="s">
        <v>82</v>
      </c>
      <c r="M16455" t="s">
        <v>87</v>
      </c>
      <c r="N16455" t="s">
        <v>88</v>
      </c>
      <c r="O16455" t="s">
        <v>85</v>
      </c>
      <c r="P16455" t="s">
        <v>86</v>
      </c>
      <c r="Q16455">
        <v>1094</v>
      </c>
      <c r="R16455">
        <v>1107</v>
      </c>
      <c r="S16455">
        <v>1121</v>
      </c>
      <c r="T16455">
        <v>1134</v>
      </c>
      <c r="U16455">
        <v>1147</v>
      </c>
      <c r="V16455">
        <v>1161</v>
      </c>
      <c r="W16455">
        <v>1174</v>
      </c>
      <c r="X16455">
        <v>1188</v>
      </c>
      <c r="Y16455">
        <v>1202</v>
      </c>
      <c r="Z16455">
        <v>1217</v>
      </c>
      <c r="AA16455">
        <v>1231</v>
      </c>
      <c r="AB16455">
        <v>1246</v>
      </c>
      <c r="AC16455">
        <v>1261</v>
      </c>
      <c r="AD16455">
        <v>1276</v>
      </c>
      <c r="AE16455">
        <v>1292</v>
      </c>
      <c r="AF16455">
        <v>1307</v>
      </c>
      <c r="AG16455">
        <v>1323</v>
      </c>
      <c r="AH16455">
        <v>1339</v>
      </c>
      <c r="AI16455">
        <v>1354</v>
      </c>
      <c r="AJ16455">
        <v>1371</v>
      </c>
      <c r="AK16455">
        <v>1387</v>
      </c>
      <c r="AL16455">
        <v>1403</v>
      </c>
      <c r="AM16455">
        <v>1420</v>
      </c>
      <c r="AN16455">
        <v>1437</v>
      </c>
      <c r="AO16455">
        <v>1453</v>
      </c>
      <c r="AP16455">
        <v>1471</v>
      </c>
      <c r="AQ16455">
        <v>1488</v>
      </c>
    </row>
    <row r="16456" spans="1:43">
      <c r="A16456" t="s">
        <v>10206</v>
      </c>
      <c r="B16456" t="s">
        <v>10207</v>
      </c>
      <c r="C16456" t="s">
        <v>10106</v>
      </c>
      <c r="D16456" t="s">
        <v>10107</v>
      </c>
      <c r="E16456" t="s">
        <v>9956</v>
      </c>
      <c r="F16456" t="s">
        <v>9957</v>
      </c>
      <c r="G16456" t="s">
        <v>80</v>
      </c>
      <c r="H16456" t="s">
        <v>81</v>
      </c>
      <c r="I16456" s="2">
        <v>0</v>
      </c>
      <c r="J16456" s="2">
        <v>1</v>
      </c>
      <c r="K16456" s="2">
        <v>0</v>
      </c>
      <c r="L16456" t="s">
        <v>82</v>
      </c>
      <c r="M16456" t="s">
        <v>89</v>
      </c>
      <c r="N16456" t="s">
        <v>90</v>
      </c>
      <c r="O16456" t="s">
        <v>85</v>
      </c>
      <c r="P16456" t="s">
        <v>86</v>
      </c>
      <c r="Q16456">
        <v>1094</v>
      </c>
      <c r="R16456">
        <v>1127</v>
      </c>
      <c r="S16456">
        <v>1160</v>
      </c>
      <c r="T16456">
        <v>1193</v>
      </c>
      <c r="U16456">
        <v>1226</v>
      </c>
      <c r="V16456">
        <v>1259</v>
      </c>
      <c r="W16456">
        <v>1292</v>
      </c>
      <c r="X16456">
        <v>1324</v>
      </c>
      <c r="Y16456">
        <v>1355</v>
      </c>
      <c r="Z16456">
        <v>1386</v>
      </c>
      <c r="AA16456">
        <v>1417</v>
      </c>
      <c r="AB16456">
        <v>1448</v>
      </c>
      <c r="AC16456">
        <v>1482</v>
      </c>
      <c r="AD16456">
        <v>1515</v>
      </c>
      <c r="AE16456">
        <v>1540</v>
      </c>
      <c r="AF16456">
        <v>1553</v>
      </c>
      <c r="AG16456">
        <v>1565</v>
      </c>
      <c r="AH16456">
        <v>1578</v>
      </c>
      <c r="AI16456">
        <v>1591</v>
      </c>
      <c r="AJ16456">
        <v>1604</v>
      </c>
      <c r="AK16456">
        <v>1617</v>
      </c>
      <c r="AL16456">
        <v>1630</v>
      </c>
      <c r="AM16456">
        <v>1643</v>
      </c>
      <c r="AN16456">
        <v>1656</v>
      </c>
      <c r="AO16456">
        <v>1669</v>
      </c>
      <c r="AP16456">
        <v>1682</v>
      </c>
      <c r="AQ16456">
        <v>1696</v>
      </c>
    </row>
    <row r="16457" spans="1:43">
      <c r="A16457" t="s">
        <v>10206</v>
      </c>
      <c r="B16457" t="s">
        <v>10207</v>
      </c>
      <c r="C16457" t="s">
        <v>10106</v>
      </c>
      <c r="D16457" t="s">
        <v>10107</v>
      </c>
      <c r="E16457" t="s">
        <v>9956</v>
      </c>
      <c r="F16457" t="s">
        <v>9957</v>
      </c>
      <c r="G16457" t="s">
        <v>80</v>
      </c>
      <c r="H16457" t="s">
        <v>81</v>
      </c>
      <c r="I16457" s="2">
        <v>0</v>
      </c>
      <c r="J16457" s="2">
        <v>1</v>
      </c>
      <c r="K16457" s="2">
        <v>0</v>
      </c>
      <c r="L16457" t="s">
        <v>82</v>
      </c>
      <c r="M16457" t="s">
        <v>83</v>
      </c>
      <c r="N16457" t="s">
        <v>91</v>
      </c>
      <c r="O16457" t="s">
        <v>85</v>
      </c>
      <c r="P16457" t="s">
        <v>86</v>
      </c>
      <c r="Q16457">
        <v>1094</v>
      </c>
      <c r="R16457">
        <v>1117</v>
      </c>
      <c r="S16457">
        <v>1141</v>
      </c>
      <c r="T16457">
        <v>1165</v>
      </c>
      <c r="U16457">
        <v>1189</v>
      </c>
      <c r="V16457">
        <v>1213</v>
      </c>
      <c r="W16457">
        <v>1238</v>
      </c>
      <c r="X16457">
        <v>1263</v>
      </c>
      <c r="Y16457">
        <v>1289</v>
      </c>
      <c r="Z16457">
        <v>1315</v>
      </c>
      <c r="AA16457">
        <v>1341</v>
      </c>
      <c r="AB16457">
        <v>1367</v>
      </c>
      <c r="AC16457">
        <v>1393</v>
      </c>
      <c r="AD16457">
        <v>1419</v>
      </c>
      <c r="AE16457">
        <v>1446</v>
      </c>
      <c r="AF16457">
        <v>1473</v>
      </c>
      <c r="AG16457">
        <v>1500</v>
      </c>
      <c r="AH16457">
        <v>1528</v>
      </c>
      <c r="AI16457">
        <v>1556</v>
      </c>
      <c r="AJ16457">
        <v>1584</v>
      </c>
      <c r="AK16457">
        <v>1613</v>
      </c>
      <c r="AL16457">
        <v>1631</v>
      </c>
      <c r="AM16457">
        <v>1644</v>
      </c>
      <c r="AN16457">
        <v>1657</v>
      </c>
      <c r="AO16457">
        <v>1671</v>
      </c>
      <c r="AP16457">
        <v>1684</v>
      </c>
      <c r="AQ16457">
        <v>1698</v>
      </c>
    </row>
    <row r="16458" spans="1:43">
      <c r="A16458" t="s">
        <v>10208</v>
      </c>
      <c r="B16458" t="s">
        <v>10209</v>
      </c>
      <c r="C16458" t="s">
        <v>10210</v>
      </c>
      <c r="D16458" t="s">
        <v>10211</v>
      </c>
      <c r="E16458" t="s">
        <v>10212</v>
      </c>
      <c r="F16458" t="s">
        <v>10213</v>
      </c>
      <c r="G16458" t="s">
        <v>10214</v>
      </c>
      <c r="H16458" t="s">
        <v>10215</v>
      </c>
      <c r="I16458" s="2">
        <v>0.57999999999999996</v>
      </c>
      <c r="J16458" s="2">
        <v>0</v>
      </c>
      <c r="K16458" s="2">
        <v>0</v>
      </c>
      <c r="L16458" t="s">
        <v>120</v>
      </c>
      <c r="M16458" t="s">
        <v>83</v>
      </c>
      <c r="N16458" t="s">
        <v>84</v>
      </c>
      <c r="O16458" t="s">
        <v>85</v>
      </c>
      <c r="P16458" t="s">
        <v>86</v>
      </c>
      <c r="Q16458">
        <v>18</v>
      </c>
      <c r="R16458">
        <v>18</v>
      </c>
      <c r="S16458">
        <v>18</v>
      </c>
      <c r="T16458">
        <v>19</v>
      </c>
      <c r="U16458">
        <v>19</v>
      </c>
      <c r="V16458">
        <v>19</v>
      </c>
      <c r="W16458">
        <v>19</v>
      </c>
      <c r="X16458">
        <v>19</v>
      </c>
      <c r="Y16458">
        <v>20</v>
      </c>
      <c r="Z16458">
        <v>20</v>
      </c>
      <c r="AA16458">
        <v>20</v>
      </c>
      <c r="AB16458">
        <v>20</v>
      </c>
      <c r="AC16458">
        <v>21</v>
      </c>
      <c r="AD16458">
        <v>21</v>
      </c>
      <c r="AE16458">
        <v>21</v>
      </c>
      <c r="AF16458">
        <v>21</v>
      </c>
      <c r="AG16458">
        <v>21</v>
      </c>
      <c r="AH16458">
        <v>22</v>
      </c>
      <c r="AI16458">
        <v>22</v>
      </c>
      <c r="AJ16458">
        <v>22</v>
      </c>
      <c r="AK16458">
        <v>22</v>
      </c>
      <c r="AL16458">
        <v>22</v>
      </c>
      <c r="AM16458">
        <v>22</v>
      </c>
      <c r="AN16458">
        <v>22</v>
      </c>
      <c r="AO16458">
        <v>22</v>
      </c>
      <c r="AP16458">
        <v>22</v>
      </c>
      <c r="AQ16458">
        <v>22</v>
      </c>
    </row>
    <row r="16459" spans="1:43">
      <c r="A16459" t="s">
        <v>10208</v>
      </c>
      <c r="B16459" t="s">
        <v>10209</v>
      </c>
      <c r="C16459" t="s">
        <v>10210</v>
      </c>
      <c r="D16459" t="s">
        <v>10211</v>
      </c>
      <c r="E16459" t="s">
        <v>10212</v>
      </c>
      <c r="F16459" t="s">
        <v>10213</v>
      </c>
      <c r="G16459" t="s">
        <v>10214</v>
      </c>
      <c r="H16459" t="s">
        <v>10215</v>
      </c>
      <c r="I16459" s="2">
        <v>0.57999999999999996</v>
      </c>
      <c r="J16459" s="2">
        <v>0</v>
      </c>
      <c r="K16459" s="2">
        <v>0</v>
      </c>
      <c r="L16459" t="s">
        <v>120</v>
      </c>
      <c r="M16459" t="s">
        <v>87</v>
      </c>
      <c r="N16459" t="s">
        <v>88</v>
      </c>
      <c r="O16459" t="s">
        <v>85</v>
      </c>
      <c r="P16459" t="s">
        <v>86</v>
      </c>
      <c r="Q16459">
        <v>18</v>
      </c>
      <c r="R16459">
        <v>18</v>
      </c>
      <c r="S16459">
        <v>18</v>
      </c>
      <c r="T16459">
        <v>18</v>
      </c>
      <c r="U16459">
        <v>18</v>
      </c>
      <c r="V16459">
        <v>18</v>
      </c>
      <c r="W16459">
        <v>18</v>
      </c>
      <c r="X16459">
        <v>18</v>
      </c>
      <c r="Y16459">
        <v>18</v>
      </c>
      <c r="Z16459">
        <v>18</v>
      </c>
      <c r="AA16459">
        <v>18</v>
      </c>
      <c r="AB16459">
        <v>18</v>
      </c>
      <c r="AC16459">
        <v>19</v>
      </c>
      <c r="AD16459">
        <v>19</v>
      </c>
      <c r="AE16459">
        <v>19</v>
      </c>
      <c r="AF16459">
        <v>19</v>
      </c>
      <c r="AG16459">
        <v>19</v>
      </c>
      <c r="AH16459">
        <v>19</v>
      </c>
      <c r="AI16459">
        <v>19</v>
      </c>
      <c r="AJ16459">
        <v>19</v>
      </c>
      <c r="AK16459">
        <v>19</v>
      </c>
      <c r="AL16459">
        <v>19</v>
      </c>
      <c r="AM16459">
        <v>19</v>
      </c>
      <c r="AN16459">
        <v>19</v>
      </c>
      <c r="AO16459">
        <v>19</v>
      </c>
      <c r="AP16459">
        <v>19</v>
      </c>
      <c r="AQ16459">
        <v>20</v>
      </c>
    </row>
    <row r="16460" spans="1:43">
      <c r="A16460" t="s">
        <v>10208</v>
      </c>
      <c r="B16460" t="s">
        <v>10209</v>
      </c>
      <c r="C16460" t="s">
        <v>10210</v>
      </c>
      <c r="D16460" t="s">
        <v>10211</v>
      </c>
      <c r="E16460" t="s">
        <v>10212</v>
      </c>
      <c r="F16460" t="s">
        <v>10213</v>
      </c>
      <c r="G16460" t="s">
        <v>10214</v>
      </c>
      <c r="H16460" t="s">
        <v>10215</v>
      </c>
      <c r="I16460" s="2">
        <v>0.57999999999999996</v>
      </c>
      <c r="J16460" s="2">
        <v>0</v>
      </c>
      <c r="K16460" s="2">
        <v>0</v>
      </c>
      <c r="L16460" t="s">
        <v>120</v>
      </c>
      <c r="M16460" t="s">
        <v>89</v>
      </c>
      <c r="N16460" t="s">
        <v>90</v>
      </c>
      <c r="O16460" t="s">
        <v>85</v>
      </c>
      <c r="P16460" t="s">
        <v>86</v>
      </c>
      <c r="Q16460">
        <v>18</v>
      </c>
      <c r="R16460">
        <v>18</v>
      </c>
      <c r="S16460">
        <v>19</v>
      </c>
      <c r="T16460">
        <v>19</v>
      </c>
      <c r="U16460">
        <v>19</v>
      </c>
      <c r="V16460">
        <v>20</v>
      </c>
      <c r="W16460">
        <v>20</v>
      </c>
      <c r="X16460">
        <v>20</v>
      </c>
      <c r="Y16460">
        <v>21</v>
      </c>
      <c r="Z16460">
        <v>21</v>
      </c>
      <c r="AA16460">
        <v>21</v>
      </c>
      <c r="AB16460">
        <v>22</v>
      </c>
      <c r="AC16460">
        <v>22</v>
      </c>
      <c r="AD16460">
        <v>22</v>
      </c>
      <c r="AE16460">
        <v>22</v>
      </c>
      <c r="AF16460">
        <v>23</v>
      </c>
      <c r="AG16460">
        <v>23</v>
      </c>
      <c r="AH16460">
        <v>23</v>
      </c>
      <c r="AI16460">
        <v>23</v>
      </c>
      <c r="AJ16460">
        <v>23</v>
      </c>
      <c r="AK16460">
        <v>23</v>
      </c>
      <c r="AL16460">
        <v>23</v>
      </c>
      <c r="AM16460">
        <v>23</v>
      </c>
      <c r="AN16460">
        <v>23</v>
      </c>
      <c r="AO16460">
        <v>23</v>
      </c>
      <c r="AP16460">
        <v>23</v>
      </c>
      <c r="AQ16460">
        <v>23</v>
      </c>
    </row>
    <row r="16461" spans="1:43">
      <c r="A16461" t="s">
        <v>10208</v>
      </c>
      <c r="B16461" t="s">
        <v>10209</v>
      </c>
      <c r="C16461" t="s">
        <v>10210</v>
      </c>
      <c r="D16461" t="s">
        <v>10211</v>
      </c>
      <c r="E16461" t="s">
        <v>10212</v>
      </c>
      <c r="F16461" t="s">
        <v>10213</v>
      </c>
      <c r="G16461" t="s">
        <v>10214</v>
      </c>
      <c r="H16461" t="s">
        <v>10215</v>
      </c>
      <c r="I16461" s="2">
        <v>0.57999999999999996</v>
      </c>
      <c r="J16461" s="2">
        <v>0</v>
      </c>
      <c r="K16461" s="2">
        <v>0</v>
      </c>
      <c r="L16461" t="s">
        <v>120</v>
      </c>
      <c r="M16461" t="s">
        <v>83</v>
      </c>
      <c r="N16461" t="s">
        <v>91</v>
      </c>
      <c r="O16461" t="s">
        <v>85</v>
      </c>
      <c r="P16461" t="s">
        <v>86</v>
      </c>
      <c r="Q16461">
        <v>18</v>
      </c>
      <c r="R16461">
        <v>18</v>
      </c>
      <c r="S16461">
        <v>18</v>
      </c>
      <c r="T16461">
        <v>19</v>
      </c>
      <c r="U16461">
        <v>19</v>
      </c>
      <c r="V16461">
        <v>19</v>
      </c>
      <c r="W16461">
        <v>19</v>
      </c>
      <c r="X16461">
        <v>19</v>
      </c>
      <c r="Y16461">
        <v>20</v>
      </c>
      <c r="Z16461">
        <v>20</v>
      </c>
      <c r="AA16461">
        <v>20</v>
      </c>
      <c r="AB16461">
        <v>20</v>
      </c>
      <c r="AC16461">
        <v>21</v>
      </c>
      <c r="AD16461">
        <v>21</v>
      </c>
      <c r="AE16461">
        <v>21</v>
      </c>
      <c r="AF16461">
        <v>21</v>
      </c>
      <c r="AG16461">
        <v>21</v>
      </c>
      <c r="AH16461">
        <v>22</v>
      </c>
      <c r="AI16461">
        <v>22</v>
      </c>
      <c r="AJ16461">
        <v>22</v>
      </c>
      <c r="AK16461">
        <v>22</v>
      </c>
      <c r="AL16461">
        <v>22</v>
      </c>
      <c r="AM16461">
        <v>22</v>
      </c>
      <c r="AN16461">
        <v>22</v>
      </c>
      <c r="AO16461">
        <v>22</v>
      </c>
      <c r="AP16461">
        <v>22</v>
      </c>
      <c r="AQ16461">
        <v>22</v>
      </c>
    </row>
    <row r="16462" spans="1:43">
      <c r="A16462" t="s">
        <v>10216</v>
      </c>
      <c r="B16462" t="s">
        <v>10217</v>
      </c>
      <c r="C16462" t="s">
        <v>10218</v>
      </c>
      <c r="D16462" t="s">
        <v>10219</v>
      </c>
      <c r="E16462" t="s">
        <v>10212</v>
      </c>
      <c r="F16462" t="s">
        <v>10213</v>
      </c>
      <c r="G16462" t="s">
        <v>10214</v>
      </c>
      <c r="H16462" t="s">
        <v>10215</v>
      </c>
      <c r="I16462" s="2">
        <v>1</v>
      </c>
      <c r="J16462" s="2">
        <v>0</v>
      </c>
      <c r="K16462" s="2">
        <v>0</v>
      </c>
      <c r="L16462" t="s">
        <v>120</v>
      </c>
      <c r="M16462" t="s">
        <v>83</v>
      </c>
      <c r="N16462" t="s">
        <v>84</v>
      </c>
      <c r="O16462" t="s">
        <v>85</v>
      </c>
      <c r="P16462" t="s">
        <v>86</v>
      </c>
      <c r="Q16462">
        <v>6</v>
      </c>
      <c r="R16462">
        <v>6</v>
      </c>
      <c r="S16462">
        <v>6</v>
      </c>
      <c r="T16462">
        <v>6</v>
      </c>
      <c r="U16462">
        <v>6</v>
      </c>
      <c r="V16462">
        <v>6</v>
      </c>
      <c r="W16462">
        <v>7</v>
      </c>
      <c r="X16462">
        <v>7</v>
      </c>
      <c r="Y16462">
        <v>7</v>
      </c>
      <c r="Z16462">
        <v>7</v>
      </c>
      <c r="AA16462">
        <v>7</v>
      </c>
      <c r="AB16462">
        <v>7</v>
      </c>
      <c r="AC16462">
        <v>7</v>
      </c>
      <c r="AD16462">
        <v>7</v>
      </c>
      <c r="AE16462">
        <v>7</v>
      </c>
      <c r="AF16462">
        <v>7</v>
      </c>
      <c r="AG16462">
        <v>7</v>
      </c>
      <c r="AH16462">
        <v>7</v>
      </c>
      <c r="AI16462">
        <v>8</v>
      </c>
      <c r="AJ16462">
        <v>8</v>
      </c>
      <c r="AK16462">
        <v>8</v>
      </c>
      <c r="AL16462">
        <v>8</v>
      </c>
      <c r="AM16462">
        <v>8</v>
      </c>
      <c r="AN16462">
        <v>8</v>
      </c>
      <c r="AO16462">
        <v>8</v>
      </c>
      <c r="AP16462">
        <v>8</v>
      </c>
      <c r="AQ16462">
        <v>8</v>
      </c>
    </row>
    <row r="16463" spans="1:43">
      <c r="A16463" t="s">
        <v>10216</v>
      </c>
      <c r="B16463" t="s">
        <v>10217</v>
      </c>
      <c r="C16463" t="s">
        <v>10218</v>
      </c>
      <c r="D16463" t="s">
        <v>10219</v>
      </c>
      <c r="E16463" t="s">
        <v>10212</v>
      </c>
      <c r="F16463" t="s">
        <v>10213</v>
      </c>
      <c r="G16463" t="s">
        <v>10214</v>
      </c>
      <c r="H16463" t="s">
        <v>10215</v>
      </c>
      <c r="I16463" s="2">
        <v>1</v>
      </c>
      <c r="J16463" s="2">
        <v>0</v>
      </c>
      <c r="K16463" s="2">
        <v>0</v>
      </c>
      <c r="L16463" t="s">
        <v>120</v>
      </c>
      <c r="M16463" t="s">
        <v>87</v>
      </c>
      <c r="N16463" t="s">
        <v>88</v>
      </c>
      <c r="O16463" t="s">
        <v>85</v>
      </c>
      <c r="P16463" t="s">
        <v>86</v>
      </c>
      <c r="Q16463">
        <v>6</v>
      </c>
      <c r="R16463">
        <v>6</v>
      </c>
      <c r="S16463">
        <v>6</v>
      </c>
      <c r="T16463">
        <v>6</v>
      </c>
      <c r="U16463">
        <v>6</v>
      </c>
      <c r="V16463">
        <v>6</v>
      </c>
      <c r="W16463">
        <v>6</v>
      </c>
      <c r="X16463">
        <v>6</v>
      </c>
      <c r="Y16463">
        <v>6</v>
      </c>
      <c r="Z16463">
        <v>6</v>
      </c>
      <c r="AA16463">
        <v>6</v>
      </c>
      <c r="AB16463">
        <v>6</v>
      </c>
      <c r="AC16463">
        <v>6</v>
      </c>
      <c r="AD16463">
        <v>6</v>
      </c>
      <c r="AE16463">
        <v>6</v>
      </c>
      <c r="AF16463">
        <v>6</v>
      </c>
      <c r="AG16463">
        <v>6</v>
      </c>
      <c r="AH16463">
        <v>7</v>
      </c>
      <c r="AI16463">
        <v>7</v>
      </c>
      <c r="AJ16463">
        <v>7</v>
      </c>
      <c r="AK16463">
        <v>7</v>
      </c>
      <c r="AL16463">
        <v>7</v>
      </c>
      <c r="AM16463">
        <v>7</v>
      </c>
      <c r="AN16463">
        <v>7</v>
      </c>
      <c r="AO16463">
        <v>7</v>
      </c>
      <c r="AP16463">
        <v>7</v>
      </c>
      <c r="AQ16463">
        <v>7</v>
      </c>
    </row>
    <row r="16464" spans="1:43">
      <c r="A16464" t="s">
        <v>10216</v>
      </c>
      <c r="B16464" t="s">
        <v>10217</v>
      </c>
      <c r="C16464" t="s">
        <v>10218</v>
      </c>
      <c r="D16464" t="s">
        <v>10219</v>
      </c>
      <c r="E16464" t="s">
        <v>10212</v>
      </c>
      <c r="F16464" t="s">
        <v>10213</v>
      </c>
      <c r="G16464" t="s">
        <v>10214</v>
      </c>
      <c r="H16464" t="s">
        <v>10215</v>
      </c>
      <c r="I16464" s="2">
        <v>1</v>
      </c>
      <c r="J16464" s="2">
        <v>0</v>
      </c>
      <c r="K16464" s="2">
        <v>0</v>
      </c>
      <c r="L16464" t="s">
        <v>120</v>
      </c>
      <c r="M16464" t="s">
        <v>89</v>
      </c>
      <c r="N16464" t="s">
        <v>90</v>
      </c>
      <c r="O16464" t="s">
        <v>85</v>
      </c>
      <c r="P16464" t="s">
        <v>86</v>
      </c>
      <c r="Q16464">
        <v>6</v>
      </c>
      <c r="R16464">
        <v>6</v>
      </c>
      <c r="S16464">
        <v>6</v>
      </c>
      <c r="T16464">
        <v>7</v>
      </c>
      <c r="U16464">
        <v>7</v>
      </c>
      <c r="V16464">
        <v>7</v>
      </c>
      <c r="W16464">
        <v>7</v>
      </c>
      <c r="X16464">
        <v>7</v>
      </c>
      <c r="Y16464">
        <v>7</v>
      </c>
      <c r="Z16464">
        <v>7</v>
      </c>
      <c r="AA16464">
        <v>7</v>
      </c>
      <c r="AB16464">
        <v>7</v>
      </c>
      <c r="AC16464">
        <v>8</v>
      </c>
      <c r="AD16464">
        <v>8</v>
      </c>
      <c r="AE16464">
        <v>8</v>
      </c>
      <c r="AF16464">
        <v>8</v>
      </c>
      <c r="AG16464">
        <v>8</v>
      </c>
      <c r="AH16464">
        <v>8</v>
      </c>
      <c r="AI16464">
        <v>8</v>
      </c>
      <c r="AJ16464">
        <v>8</v>
      </c>
      <c r="AK16464">
        <v>8</v>
      </c>
      <c r="AL16464">
        <v>8</v>
      </c>
      <c r="AM16464">
        <v>8</v>
      </c>
      <c r="AN16464">
        <v>8</v>
      </c>
      <c r="AO16464">
        <v>8</v>
      </c>
      <c r="AP16464">
        <v>8</v>
      </c>
      <c r="AQ16464">
        <v>8</v>
      </c>
    </row>
    <row r="16465" spans="1:43">
      <c r="A16465" t="s">
        <v>10216</v>
      </c>
      <c r="B16465" t="s">
        <v>10217</v>
      </c>
      <c r="C16465" t="s">
        <v>10218</v>
      </c>
      <c r="D16465" t="s">
        <v>10219</v>
      </c>
      <c r="E16465" t="s">
        <v>10212</v>
      </c>
      <c r="F16465" t="s">
        <v>10213</v>
      </c>
      <c r="G16465" t="s">
        <v>10214</v>
      </c>
      <c r="H16465" t="s">
        <v>10215</v>
      </c>
      <c r="I16465" s="2">
        <v>1</v>
      </c>
      <c r="J16465" s="2">
        <v>0</v>
      </c>
      <c r="K16465" s="2">
        <v>0</v>
      </c>
      <c r="L16465" t="s">
        <v>120</v>
      </c>
      <c r="M16465" t="s">
        <v>83</v>
      </c>
      <c r="N16465" t="s">
        <v>91</v>
      </c>
      <c r="O16465" t="s">
        <v>85</v>
      </c>
      <c r="P16465" t="s">
        <v>86</v>
      </c>
      <c r="Q16465">
        <v>6</v>
      </c>
      <c r="R16465">
        <v>6</v>
      </c>
      <c r="S16465">
        <v>6</v>
      </c>
      <c r="T16465">
        <v>6</v>
      </c>
      <c r="U16465">
        <v>6</v>
      </c>
      <c r="V16465">
        <v>6</v>
      </c>
      <c r="W16465">
        <v>7</v>
      </c>
      <c r="X16465">
        <v>7</v>
      </c>
      <c r="Y16465">
        <v>7</v>
      </c>
      <c r="Z16465">
        <v>7</v>
      </c>
      <c r="AA16465">
        <v>7</v>
      </c>
      <c r="AB16465">
        <v>7</v>
      </c>
      <c r="AC16465">
        <v>7</v>
      </c>
      <c r="AD16465">
        <v>7</v>
      </c>
      <c r="AE16465">
        <v>7</v>
      </c>
      <c r="AF16465">
        <v>7</v>
      </c>
      <c r="AG16465">
        <v>7</v>
      </c>
      <c r="AH16465">
        <v>7</v>
      </c>
      <c r="AI16465">
        <v>8</v>
      </c>
      <c r="AJ16465">
        <v>8</v>
      </c>
      <c r="AK16465">
        <v>8</v>
      </c>
      <c r="AL16465">
        <v>8</v>
      </c>
      <c r="AM16465">
        <v>8</v>
      </c>
      <c r="AN16465">
        <v>8</v>
      </c>
      <c r="AO16465">
        <v>8</v>
      </c>
      <c r="AP16465">
        <v>8</v>
      </c>
      <c r="AQ16465">
        <v>8</v>
      </c>
    </row>
    <row r="16466" spans="1:43">
      <c r="A16466" t="s">
        <v>10220</v>
      </c>
      <c r="B16466" t="s">
        <v>10221</v>
      </c>
      <c r="C16466" t="s">
        <v>10218</v>
      </c>
      <c r="D16466" t="s">
        <v>10219</v>
      </c>
      <c r="E16466" t="s">
        <v>10212</v>
      </c>
      <c r="F16466" t="s">
        <v>10213</v>
      </c>
      <c r="G16466" t="s">
        <v>10214</v>
      </c>
      <c r="H16466" t="s">
        <v>10215</v>
      </c>
      <c r="I16466" s="2">
        <v>1</v>
      </c>
      <c r="J16466" s="2">
        <v>0</v>
      </c>
      <c r="K16466" s="2">
        <v>0</v>
      </c>
      <c r="L16466" t="s">
        <v>120</v>
      </c>
      <c r="M16466" t="s">
        <v>83</v>
      </c>
      <c r="N16466" t="s">
        <v>84</v>
      </c>
      <c r="O16466" t="s">
        <v>85</v>
      </c>
      <c r="P16466" t="s">
        <v>86</v>
      </c>
      <c r="Q16466">
        <v>9</v>
      </c>
      <c r="R16466">
        <v>9</v>
      </c>
      <c r="S16466">
        <v>9</v>
      </c>
      <c r="T16466">
        <v>9</v>
      </c>
      <c r="U16466">
        <v>9</v>
      </c>
      <c r="V16466">
        <v>9</v>
      </c>
      <c r="W16466">
        <v>9</v>
      </c>
      <c r="X16466">
        <v>10</v>
      </c>
      <c r="Y16466">
        <v>10</v>
      </c>
      <c r="Z16466">
        <v>10</v>
      </c>
      <c r="AA16466">
        <v>10</v>
      </c>
      <c r="AB16466">
        <v>10</v>
      </c>
      <c r="AC16466">
        <v>10</v>
      </c>
      <c r="AD16466">
        <v>10</v>
      </c>
      <c r="AE16466">
        <v>10</v>
      </c>
      <c r="AF16466">
        <v>10</v>
      </c>
      <c r="AG16466">
        <v>11</v>
      </c>
      <c r="AH16466">
        <v>11</v>
      </c>
      <c r="AI16466">
        <v>11</v>
      </c>
      <c r="AJ16466">
        <v>11</v>
      </c>
      <c r="AK16466">
        <v>11</v>
      </c>
      <c r="AL16466">
        <v>11</v>
      </c>
      <c r="AM16466">
        <v>11</v>
      </c>
      <c r="AN16466">
        <v>11</v>
      </c>
      <c r="AO16466">
        <v>11</v>
      </c>
      <c r="AP16466">
        <v>11</v>
      </c>
      <c r="AQ16466">
        <v>11</v>
      </c>
    </row>
    <row r="16467" spans="1:43">
      <c r="A16467" t="s">
        <v>10220</v>
      </c>
      <c r="B16467" t="s">
        <v>10221</v>
      </c>
      <c r="C16467" t="s">
        <v>10218</v>
      </c>
      <c r="D16467" t="s">
        <v>10219</v>
      </c>
      <c r="E16467" t="s">
        <v>10212</v>
      </c>
      <c r="F16467" t="s">
        <v>10213</v>
      </c>
      <c r="G16467" t="s">
        <v>10214</v>
      </c>
      <c r="H16467" t="s">
        <v>10215</v>
      </c>
      <c r="I16467" s="2">
        <v>1</v>
      </c>
      <c r="J16467" s="2">
        <v>0</v>
      </c>
      <c r="K16467" s="2">
        <v>0</v>
      </c>
      <c r="L16467" t="s">
        <v>120</v>
      </c>
      <c r="M16467" t="s">
        <v>87</v>
      </c>
      <c r="N16467" t="s">
        <v>88</v>
      </c>
      <c r="O16467" t="s">
        <v>85</v>
      </c>
      <c r="P16467" t="s">
        <v>86</v>
      </c>
      <c r="Q16467">
        <v>9</v>
      </c>
      <c r="R16467">
        <v>9</v>
      </c>
      <c r="S16467">
        <v>9</v>
      </c>
      <c r="T16467">
        <v>9</v>
      </c>
      <c r="U16467">
        <v>9</v>
      </c>
      <c r="V16467">
        <v>9</v>
      </c>
      <c r="W16467">
        <v>9</v>
      </c>
      <c r="X16467">
        <v>9</v>
      </c>
      <c r="Y16467">
        <v>9</v>
      </c>
      <c r="Z16467">
        <v>9</v>
      </c>
      <c r="AA16467">
        <v>9</v>
      </c>
      <c r="AB16467">
        <v>9</v>
      </c>
      <c r="AC16467">
        <v>9</v>
      </c>
      <c r="AD16467">
        <v>9</v>
      </c>
      <c r="AE16467">
        <v>9</v>
      </c>
      <c r="AF16467">
        <v>9</v>
      </c>
      <c r="AG16467">
        <v>9</v>
      </c>
      <c r="AH16467">
        <v>9</v>
      </c>
      <c r="AI16467">
        <v>9</v>
      </c>
      <c r="AJ16467">
        <v>9</v>
      </c>
      <c r="AK16467">
        <v>9</v>
      </c>
      <c r="AL16467">
        <v>9</v>
      </c>
      <c r="AM16467">
        <v>9</v>
      </c>
      <c r="AN16467">
        <v>10</v>
      </c>
      <c r="AO16467">
        <v>10</v>
      </c>
      <c r="AP16467">
        <v>10</v>
      </c>
      <c r="AQ16467">
        <v>10</v>
      </c>
    </row>
    <row r="16468" spans="1:43">
      <c r="A16468" t="s">
        <v>10220</v>
      </c>
      <c r="B16468" t="s">
        <v>10221</v>
      </c>
      <c r="C16468" t="s">
        <v>10218</v>
      </c>
      <c r="D16468" t="s">
        <v>10219</v>
      </c>
      <c r="E16468" t="s">
        <v>10212</v>
      </c>
      <c r="F16468" t="s">
        <v>10213</v>
      </c>
      <c r="G16468" t="s">
        <v>10214</v>
      </c>
      <c r="H16468" t="s">
        <v>10215</v>
      </c>
      <c r="I16468" s="2">
        <v>1</v>
      </c>
      <c r="J16468" s="2">
        <v>0</v>
      </c>
      <c r="K16468" s="2">
        <v>0</v>
      </c>
      <c r="L16468" t="s">
        <v>120</v>
      </c>
      <c r="M16468" t="s">
        <v>89</v>
      </c>
      <c r="N16468" t="s">
        <v>90</v>
      </c>
      <c r="O16468" t="s">
        <v>85</v>
      </c>
      <c r="P16468" t="s">
        <v>86</v>
      </c>
      <c r="Q16468">
        <v>9</v>
      </c>
      <c r="R16468">
        <v>9</v>
      </c>
      <c r="S16468">
        <v>9</v>
      </c>
      <c r="T16468">
        <v>9</v>
      </c>
      <c r="U16468">
        <v>10</v>
      </c>
      <c r="V16468">
        <v>10</v>
      </c>
      <c r="W16468">
        <v>10</v>
      </c>
      <c r="X16468">
        <v>10</v>
      </c>
      <c r="Y16468">
        <v>10</v>
      </c>
      <c r="Z16468">
        <v>10</v>
      </c>
      <c r="AA16468">
        <v>10</v>
      </c>
      <c r="AB16468">
        <v>11</v>
      </c>
      <c r="AC16468">
        <v>11</v>
      </c>
      <c r="AD16468">
        <v>11</v>
      </c>
      <c r="AE16468">
        <v>11</v>
      </c>
      <c r="AF16468">
        <v>11</v>
      </c>
      <c r="AG16468">
        <v>11</v>
      </c>
      <c r="AH16468">
        <v>11</v>
      </c>
      <c r="AI16468">
        <v>11</v>
      </c>
      <c r="AJ16468">
        <v>11</v>
      </c>
      <c r="AK16468">
        <v>11</v>
      </c>
      <c r="AL16468">
        <v>11</v>
      </c>
      <c r="AM16468">
        <v>11</v>
      </c>
      <c r="AN16468">
        <v>11</v>
      </c>
      <c r="AO16468">
        <v>11</v>
      </c>
      <c r="AP16468">
        <v>11</v>
      </c>
      <c r="AQ16468">
        <v>11</v>
      </c>
    </row>
    <row r="16469" spans="1:43">
      <c r="A16469" t="s">
        <v>10220</v>
      </c>
      <c r="B16469" t="s">
        <v>10221</v>
      </c>
      <c r="C16469" t="s">
        <v>10218</v>
      </c>
      <c r="D16469" t="s">
        <v>10219</v>
      </c>
      <c r="E16469" t="s">
        <v>10212</v>
      </c>
      <c r="F16469" t="s">
        <v>10213</v>
      </c>
      <c r="G16469" t="s">
        <v>10214</v>
      </c>
      <c r="H16469" t="s">
        <v>10215</v>
      </c>
      <c r="I16469" s="2">
        <v>1</v>
      </c>
      <c r="J16469" s="2">
        <v>0</v>
      </c>
      <c r="K16469" s="2">
        <v>0</v>
      </c>
      <c r="L16469" t="s">
        <v>120</v>
      </c>
      <c r="M16469" t="s">
        <v>83</v>
      </c>
      <c r="N16469" t="s">
        <v>91</v>
      </c>
      <c r="O16469" t="s">
        <v>85</v>
      </c>
      <c r="P16469" t="s">
        <v>86</v>
      </c>
      <c r="Q16469">
        <v>9</v>
      </c>
      <c r="R16469">
        <v>9</v>
      </c>
      <c r="S16469">
        <v>9</v>
      </c>
      <c r="T16469">
        <v>9</v>
      </c>
      <c r="U16469">
        <v>9</v>
      </c>
      <c r="V16469">
        <v>9</v>
      </c>
      <c r="W16469">
        <v>9</v>
      </c>
      <c r="X16469">
        <v>10</v>
      </c>
      <c r="Y16469">
        <v>10</v>
      </c>
      <c r="Z16469">
        <v>10</v>
      </c>
      <c r="AA16469">
        <v>10</v>
      </c>
      <c r="AB16469">
        <v>10</v>
      </c>
      <c r="AC16469">
        <v>10</v>
      </c>
      <c r="AD16469">
        <v>10</v>
      </c>
      <c r="AE16469">
        <v>10</v>
      </c>
      <c r="AF16469">
        <v>10</v>
      </c>
      <c r="AG16469">
        <v>11</v>
      </c>
      <c r="AH16469">
        <v>11</v>
      </c>
      <c r="AI16469">
        <v>11</v>
      </c>
      <c r="AJ16469">
        <v>11</v>
      </c>
      <c r="AK16469">
        <v>11</v>
      </c>
      <c r="AL16469">
        <v>11</v>
      </c>
      <c r="AM16469">
        <v>11</v>
      </c>
      <c r="AN16469">
        <v>11</v>
      </c>
      <c r="AO16469">
        <v>11</v>
      </c>
      <c r="AP16469">
        <v>11</v>
      </c>
      <c r="AQ16469">
        <v>11</v>
      </c>
    </row>
    <row r="16470" spans="1:43">
      <c r="A16470" t="s">
        <v>10222</v>
      </c>
      <c r="B16470" t="s">
        <v>10223</v>
      </c>
      <c r="C16470" t="s">
        <v>10224</v>
      </c>
      <c r="D16470" t="s">
        <v>10225</v>
      </c>
      <c r="E16470" t="s">
        <v>10212</v>
      </c>
      <c r="F16470" t="s">
        <v>10213</v>
      </c>
      <c r="G16470" t="s">
        <v>10214</v>
      </c>
      <c r="H16470" t="s">
        <v>10215</v>
      </c>
      <c r="I16470" s="2">
        <v>1</v>
      </c>
      <c r="J16470" s="2">
        <v>0</v>
      </c>
      <c r="K16470" s="2">
        <v>0</v>
      </c>
      <c r="L16470" t="s">
        <v>120</v>
      </c>
      <c r="M16470" t="s">
        <v>83</v>
      </c>
      <c r="N16470" t="s">
        <v>84</v>
      </c>
      <c r="O16470" t="s">
        <v>85</v>
      </c>
      <c r="P16470" t="s">
        <v>86</v>
      </c>
      <c r="Q16470">
        <v>42</v>
      </c>
      <c r="R16470">
        <v>43</v>
      </c>
      <c r="S16470">
        <v>44</v>
      </c>
      <c r="T16470">
        <v>44</v>
      </c>
      <c r="U16470">
        <v>45</v>
      </c>
      <c r="V16470">
        <v>45</v>
      </c>
      <c r="W16470">
        <v>46</v>
      </c>
      <c r="X16470">
        <v>47</v>
      </c>
      <c r="Y16470">
        <v>47</v>
      </c>
      <c r="Z16470">
        <v>48</v>
      </c>
      <c r="AA16470">
        <v>48</v>
      </c>
      <c r="AB16470">
        <v>49</v>
      </c>
      <c r="AC16470">
        <v>49</v>
      </c>
      <c r="AD16470">
        <v>50</v>
      </c>
      <c r="AE16470">
        <v>50</v>
      </c>
      <c r="AF16470">
        <v>51</v>
      </c>
      <c r="AG16470">
        <v>51</v>
      </c>
      <c r="AH16470">
        <v>52</v>
      </c>
      <c r="AI16470">
        <v>53</v>
      </c>
      <c r="AJ16470">
        <v>53</v>
      </c>
      <c r="AK16470">
        <v>54</v>
      </c>
      <c r="AL16470">
        <v>54</v>
      </c>
      <c r="AM16470">
        <v>54</v>
      </c>
      <c r="AN16470">
        <v>54</v>
      </c>
      <c r="AO16470">
        <v>54</v>
      </c>
      <c r="AP16470">
        <v>54</v>
      </c>
      <c r="AQ16470">
        <v>54</v>
      </c>
    </row>
    <row r="16471" spans="1:43">
      <c r="A16471" t="s">
        <v>10222</v>
      </c>
      <c r="B16471" t="s">
        <v>10223</v>
      </c>
      <c r="C16471" t="s">
        <v>10224</v>
      </c>
      <c r="D16471" t="s">
        <v>10225</v>
      </c>
      <c r="E16471" t="s">
        <v>10212</v>
      </c>
      <c r="F16471" t="s">
        <v>10213</v>
      </c>
      <c r="G16471" t="s">
        <v>10214</v>
      </c>
      <c r="H16471" t="s">
        <v>10215</v>
      </c>
      <c r="I16471" s="2">
        <v>1</v>
      </c>
      <c r="J16471" s="2">
        <v>0</v>
      </c>
      <c r="K16471" s="2">
        <v>0</v>
      </c>
      <c r="L16471" t="s">
        <v>120</v>
      </c>
      <c r="M16471" t="s">
        <v>87</v>
      </c>
      <c r="N16471" t="s">
        <v>88</v>
      </c>
      <c r="O16471" t="s">
        <v>85</v>
      </c>
      <c r="P16471" t="s">
        <v>86</v>
      </c>
      <c r="Q16471">
        <v>42</v>
      </c>
      <c r="R16471">
        <v>42</v>
      </c>
      <c r="S16471">
        <v>42</v>
      </c>
      <c r="T16471">
        <v>43</v>
      </c>
      <c r="U16471">
        <v>43</v>
      </c>
      <c r="V16471">
        <v>43</v>
      </c>
      <c r="W16471">
        <v>43</v>
      </c>
      <c r="X16471">
        <v>43</v>
      </c>
      <c r="Y16471">
        <v>44</v>
      </c>
      <c r="Z16471">
        <v>44</v>
      </c>
      <c r="AA16471">
        <v>44</v>
      </c>
      <c r="AB16471">
        <v>44</v>
      </c>
      <c r="AC16471">
        <v>45</v>
      </c>
      <c r="AD16471">
        <v>45</v>
      </c>
      <c r="AE16471">
        <v>45</v>
      </c>
      <c r="AF16471">
        <v>45</v>
      </c>
      <c r="AG16471">
        <v>45</v>
      </c>
      <c r="AH16471">
        <v>45</v>
      </c>
      <c r="AI16471">
        <v>46</v>
      </c>
      <c r="AJ16471">
        <v>46</v>
      </c>
      <c r="AK16471">
        <v>46</v>
      </c>
      <c r="AL16471">
        <v>46</v>
      </c>
      <c r="AM16471">
        <v>46</v>
      </c>
      <c r="AN16471">
        <v>47</v>
      </c>
      <c r="AO16471">
        <v>47</v>
      </c>
      <c r="AP16471">
        <v>47</v>
      </c>
      <c r="AQ16471">
        <v>47</v>
      </c>
    </row>
    <row r="16472" spans="1:43">
      <c r="A16472" t="s">
        <v>10222</v>
      </c>
      <c r="B16472" t="s">
        <v>10223</v>
      </c>
      <c r="C16472" t="s">
        <v>10224</v>
      </c>
      <c r="D16472" t="s">
        <v>10225</v>
      </c>
      <c r="E16472" t="s">
        <v>10212</v>
      </c>
      <c r="F16472" t="s">
        <v>10213</v>
      </c>
      <c r="G16472" t="s">
        <v>10214</v>
      </c>
      <c r="H16472" t="s">
        <v>10215</v>
      </c>
      <c r="I16472" s="2">
        <v>1</v>
      </c>
      <c r="J16472" s="2">
        <v>0</v>
      </c>
      <c r="K16472" s="2">
        <v>0</v>
      </c>
      <c r="L16472" t="s">
        <v>120</v>
      </c>
      <c r="M16472" t="s">
        <v>89</v>
      </c>
      <c r="N16472" t="s">
        <v>90</v>
      </c>
      <c r="O16472" t="s">
        <v>85</v>
      </c>
      <c r="P16472" t="s">
        <v>86</v>
      </c>
      <c r="Q16472">
        <v>42</v>
      </c>
      <c r="R16472">
        <v>43</v>
      </c>
      <c r="S16472">
        <v>44</v>
      </c>
      <c r="T16472">
        <v>45</v>
      </c>
      <c r="U16472">
        <v>46</v>
      </c>
      <c r="V16472">
        <v>46</v>
      </c>
      <c r="W16472">
        <v>47</v>
      </c>
      <c r="X16472">
        <v>48</v>
      </c>
      <c r="Y16472">
        <v>49</v>
      </c>
      <c r="Z16472">
        <v>50</v>
      </c>
      <c r="AA16472">
        <v>50</v>
      </c>
      <c r="AB16472">
        <v>51</v>
      </c>
      <c r="AC16472">
        <v>52</v>
      </c>
      <c r="AD16472">
        <v>52</v>
      </c>
      <c r="AE16472">
        <v>53</v>
      </c>
      <c r="AF16472">
        <v>53</v>
      </c>
      <c r="AG16472">
        <v>53</v>
      </c>
      <c r="AH16472">
        <v>53</v>
      </c>
      <c r="AI16472">
        <v>53</v>
      </c>
      <c r="AJ16472">
        <v>53</v>
      </c>
      <c r="AK16472">
        <v>53</v>
      </c>
      <c r="AL16472">
        <v>53</v>
      </c>
      <c r="AM16472">
        <v>54</v>
      </c>
      <c r="AN16472">
        <v>54</v>
      </c>
      <c r="AO16472">
        <v>54</v>
      </c>
      <c r="AP16472">
        <v>54</v>
      </c>
      <c r="AQ16472">
        <v>54</v>
      </c>
    </row>
    <row r="16473" spans="1:43">
      <c r="A16473" t="s">
        <v>10222</v>
      </c>
      <c r="B16473" t="s">
        <v>10223</v>
      </c>
      <c r="C16473" t="s">
        <v>10224</v>
      </c>
      <c r="D16473" t="s">
        <v>10225</v>
      </c>
      <c r="E16473" t="s">
        <v>10212</v>
      </c>
      <c r="F16473" t="s">
        <v>10213</v>
      </c>
      <c r="G16473" t="s">
        <v>10214</v>
      </c>
      <c r="H16473" t="s">
        <v>10215</v>
      </c>
      <c r="I16473" s="2">
        <v>1</v>
      </c>
      <c r="J16473" s="2">
        <v>0</v>
      </c>
      <c r="K16473" s="2">
        <v>0</v>
      </c>
      <c r="L16473" t="s">
        <v>120</v>
      </c>
      <c r="M16473" t="s">
        <v>83</v>
      </c>
      <c r="N16473" t="s">
        <v>91</v>
      </c>
      <c r="O16473" t="s">
        <v>85</v>
      </c>
      <c r="P16473" t="s">
        <v>86</v>
      </c>
      <c r="Q16473">
        <v>42</v>
      </c>
      <c r="R16473">
        <v>43</v>
      </c>
      <c r="S16473">
        <v>44</v>
      </c>
      <c r="T16473">
        <v>44</v>
      </c>
      <c r="U16473">
        <v>45</v>
      </c>
      <c r="V16473">
        <v>45</v>
      </c>
      <c r="W16473">
        <v>46</v>
      </c>
      <c r="X16473">
        <v>47</v>
      </c>
      <c r="Y16473">
        <v>47</v>
      </c>
      <c r="Z16473">
        <v>48</v>
      </c>
      <c r="AA16473">
        <v>48</v>
      </c>
      <c r="AB16473">
        <v>49</v>
      </c>
      <c r="AC16473">
        <v>49</v>
      </c>
      <c r="AD16473">
        <v>50</v>
      </c>
      <c r="AE16473">
        <v>50</v>
      </c>
      <c r="AF16473">
        <v>51</v>
      </c>
      <c r="AG16473">
        <v>51</v>
      </c>
      <c r="AH16473">
        <v>52</v>
      </c>
      <c r="AI16473">
        <v>53</v>
      </c>
      <c r="AJ16473">
        <v>53</v>
      </c>
      <c r="AK16473">
        <v>54</v>
      </c>
      <c r="AL16473">
        <v>54</v>
      </c>
      <c r="AM16473">
        <v>54</v>
      </c>
      <c r="AN16473">
        <v>54</v>
      </c>
      <c r="AO16473">
        <v>54</v>
      </c>
      <c r="AP16473">
        <v>54</v>
      </c>
      <c r="AQ16473">
        <v>54</v>
      </c>
    </row>
    <row r="16474" spans="1:43">
      <c r="A16474" t="s">
        <v>10226</v>
      </c>
      <c r="B16474" t="s">
        <v>10227</v>
      </c>
      <c r="C16474" t="s">
        <v>10218</v>
      </c>
      <c r="D16474" t="s">
        <v>10219</v>
      </c>
      <c r="E16474" t="s">
        <v>10212</v>
      </c>
      <c r="F16474" t="s">
        <v>10213</v>
      </c>
      <c r="G16474" t="s">
        <v>10214</v>
      </c>
      <c r="H16474" t="s">
        <v>10215</v>
      </c>
      <c r="I16474" s="2">
        <v>1</v>
      </c>
      <c r="J16474" s="2">
        <v>0</v>
      </c>
      <c r="K16474" s="2">
        <v>0</v>
      </c>
      <c r="L16474" t="s">
        <v>120</v>
      </c>
      <c r="M16474" t="s">
        <v>83</v>
      </c>
      <c r="N16474" t="s">
        <v>84</v>
      </c>
      <c r="O16474" t="s">
        <v>85</v>
      </c>
      <c r="P16474" t="s">
        <v>86</v>
      </c>
      <c r="Q16474">
        <v>40</v>
      </c>
      <c r="R16474">
        <v>40</v>
      </c>
      <c r="S16474">
        <v>41</v>
      </c>
      <c r="T16474">
        <v>41</v>
      </c>
      <c r="U16474">
        <v>42</v>
      </c>
      <c r="V16474">
        <v>42</v>
      </c>
      <c r="W16474">
        <v>43</v>
      </c>
      <c r="X16474">
        <v>44</v>
      </c>
      <c r="Y16474">
        <v>44</v>
      </c>
      <c r="Z16474">
        <v>45</v>
      </c>
      <c r="AA16474">
        <v>45</v>
      </c>
      <c r="AB16474">
        <v>46</v>
      </c>
      <c r="AC16474">
        <v>46</v>
      </c>
      <c r="AD16474">
        <v>47</v>
      </c>
      <c r="AE16474">
        <v>47</v>
      </c>
      <c r="AF16474">
        <v>48</v>
      </c>
      <c r="AG16474">
        <v>48</v>
      </c>
      <c r="AH16474">
        <v>49</v>
      </c>
      <c r="AI16474">
        <v>49</v>
      </c>
      <c r="AJ16474">
        <v>49</v>
      </c>
      <c r="AK16474">
        <v>50</v>
      </c>
      <c r="AL16474">
        <v>50</v>
      </c>
      <c r="AM16474">
        <v>50</v>
      </c>
      <c r="AN16474">
        <v>50</v>
      </c>
      <c r="AO16474">
        <v>50</v>
      </c>
      <c r="AP16474">
        <v>50</v>
      </c>
      <c r="AQ16474">
        <v>50</v>
      </c>
    </row>
    <row r="16475" spans="1:43">
      <c r="A16475" t="s">
        <v>10226</v>
      </c>
      <c r="B16475" t="s">
        <v>10227</v>
      </c>
      <c r="C16475" t="s">
        <v>10218</v>
      </c>
      <c r="D16475" t="s">
        <v>10219</v>
      </c>
      <c r="E16475" t="s">
        <v>10212</v>
      </c>
      <c r="F16475" t="s">
        <v>10213</v>
      </c>
      <c r="G16475" t="s">
        <v>10214</v>
      </c>
      <c r="H16475" t="s">
        <v>10215</v>
      </c>
      <c r="I16475" s="2">
        <v>1</v>
      </c>
      <c r="J16475" s="2">
        <v>0</v>
      </c>
      <c r="K16475" s="2">
        <v>0</v>
      </c>
      <c r="L16475" t="s">
        <v>120</v>
      </c>
      <c r="M16475" t="s">
        <v>87</v>
      </c>
      <c r="N16475" t="s">
        <v>88</v>
      </c>
      <c r="O16475" t="s">
        <v>85</v>
      </c>
      <c r="P16475" t="s">
        <v>86</v>
      </c>
      <c r="Q16475">
        <v>40</v>
      </c>
      <c r="R16475">
        <v>40</v>
      </c>
      <c r="S16475">
        <v>41</v>
      </c>
      <c r="T16475">
        <v>41</v>
      </c>
      <c r="U16475">
        <v>41</v>
      </c>
      <c r="V16475">
        <v>41</v>
      </c>
      <c r="W16475">
        <v>41</v>
      </c>
      <c r="X16475">
        <v>42</v>
      </c>
      <c r="Y16475">
        <v>42</v>
      </c>
      <c r="Z16475">
        <v>42</v>
      </c>
      <c r="AA16475">
        <v>42</v>
      </c>
      <c r="AB16475">
        <v>42</v>
      </c>
      <c r="AC16475">
        <v>43</v>
      </c>
      <c r="AD16475">
        <v>43</v>
      </c>
      <c r="AE16475">
        <v>43</v>
      </c>
      <c r="AF16475">
        <v>43</v>
      </c>
      <c r="AG16475">
        <v>43</v>
      </c>
      <c r="AH16475">
        <v>43</v>
      </c>
      <c r="AI16475">
        <v>44</v>
      </c>
      <c r="AJ16475">
        <v>44</v>
      </c>
      <c r="AK16475">
        <v>44</v>
      </c>
      <c r="AL16475">
        <v>44</v>
      </c>
      <c r="AM16475">
        <v>44</v>
      </c>
      <c r="AN16475">
        <v>45</v>
      </c>
      <c r="AO16475">
        <v>45</v>
      </c>
      <c r="AP16475">
        <v>45</v>
      </c>
      <c r="AQ16475">
        <v>45</v>
      </c>
    </row>
    <row r="16476" spans="1:43">
      <c r="A16476" t="s">
        <v>10226</v>
      </c>
      <c r="B16476" t="s">
        <v>10227</v>
      </c>
      <c r="C16476" t="s">
        <v>10218</v>
      </c>
      <c r="D16476" t="s">
        <v>10219</v>
      </c>
      <c r="E16476" t="s">
        <v>10212</v>
      </c>
      <c r="F16476" t="s">
        <v>10213</v>
      </c>
      <c r="G16476" t="s">
        <v>10214</v>
      </c>
      <c r="H16476" t="s">
        <v>10215</v>
      </c>
      <c r="I16476" s="2">
        <v>1</v>
      </c>
      <c r="J16476" s="2">
        <v>0</v>
      </c>
      <c r="K16476" s="2">
        <v>0</v>
      </c>
      <c r="L16476" t="s">
        <v>120</v>
      </c>
      <c r="M16476" t="s">
        <v>89</v>
      </c>
      <c r="N16476" t="s">
        <v>90</v>
      </c>
      <c r="O16476" t="s">
        <v>85</v>
      </c>
      <c r="P16476" t="s">
        <v>86</v>
      </c>
      <c r="Q16476">
        <v>40</v>
      </c>
      <c r="R16476">
        <v>41</v>
      </c>
      <c r="S16476">
        <v>42</v>
      </c>
      <c r="T16476">
        <v>43</v>
      </c>
      <c r="U16476">
        <v>44</v>
      </c>
      <c r="V16476">
        <v>44</v>
      </c>
      <c r="W16476">
        <v>45</v>
      </c>
      <c r="X16476">
        <v>46</v>
      </c>
      <c r="Y16476">
        <v>46</v>
      </c>
      <c r="Z16476">
        <v>47</v>
      </c>
      <c r="AA16476">
        <v>48</v>
      </c>
      <c r="AB16476">
        <v>48</v>
      </c>
      <c r="AC16476">
        <v>49</v>
      </c>
      <c r="AD16476">
        <v>50</v>
      </c>
      <c r="AE16476">
        <v>50</v>
      </c>
      <c r="AF16476">
        <v>50</v>
      </c>
      <c r="AG16476">
        <v>50</v>
      </c>
      <c r="AH16476">
        <v>50</v>
      </c>
      <c r="AI16476">
        <v>51</v>
      </c>
      <c r="AJ16476">
        <v>51</v>
      </c>
      <c r="AK16476">
        <v>51</v>
      </c>
      <c r="AL16476">
        <v>51</v>
      </c>
      <c r="AM16476">
        <v>51</v>
      </c>
      <c r="AN16476">
        <v>51</v>
      </c>
      <c r="AO16476">
        <v>51</v>
      </c>
      <c r="AP16476">
        <v>51</v>
      </c>
      <c r="AQ16476">
        <v>51</v>
      </c>
    </row>
    <row r="16477" spans="1:43">
      <c r="A16477" t="s">
        <v>10226</v>
      </c>
      <c r="B16477" t="s">
        <v>10227</v>
      </c>
      <c r="C16477" t="s">
        <v>10218</v>
      </c>
      <c r="D16477" t="s">
        <v>10219</v>
      </c>
      <c r="E16477" t="s">
        <v>10212</v>
      </c>
      <c r="F16477" t="s">
        <v>10213</v>
      </c>
      <c r="G16477" t="s">
        <v>10214</v>
      </c>
      <c r="H16477" t="s">
        <v>10215</v>
      </c>
      <c r="I16477" s="2">
        <v>1</v>
      </c>
      <c r="J16477" s="2">
        <v>0</v>
      </c>
      <c r="K16477" s="2">
        <v>0</v>
      </c>
      <c r="L16477" t="s">
        <v>120</v>
      </c>
      <c r="M16477" t="s">
        <v>83</v>
      </c>
      <c r="N16477" t="s">
        <v>91</v>
      </c>
      <c r="O16477" t="s">
        <v>85</v>
      </c>
      <c r="P16477" t="s">
        <v>86</v>
      </c>
      <c r="Q16477">
        <v>40</v>
      </c>
      <c r="R16477">
        <v>40</v>
      </c>
      <c r="S16477">
        <v>41</v>
      </c>
      <c r="T16477">
        <v>41</v>
      </c>
      <c r="U16477">
        <v>42</v>
      </c>
      <c r="V16477">
        <v>42</v>
      </c>
      <c r="W16477">
        <v>43</v>
      </c>
      <c r="X16477">
        <v>44</v>
      </c>
      <c r="Y16477">
        <v>44</v>
      </c>
      <c r="Z16477">
        <v>45</v>
      </c>
      <c r="AA16477">
        <v>45</v>
      </c>
      <c r="AB16477">
        <v>46</v>
      </c>
      <c r="AC16477">
        <v>46</v>
      </c>
      <c r="AD16477">
        <v>47</v>
      </c>
      <c r="AE16477">
        <v>47</v>
      </c>
      <c r="AF16477">
        <v>48</v>
      </c>
      <c r="AG16477">
        <v>48</v>
      </c>
      <c r="AH16477">
        <v>49</v>
      </c>
      <c r="AI16477">
        <v>49</v>
      </c>
      <c r="AJ16477">
        <v>49</v>
      </c>
      <c r="AK16477">
        <v>50</v>
      </c>
      <c r="AL16477">
        <v>50</v>
      </c>
      <c r="AM16477">
        <v>50</v>
      </c>
      <c r="AN16477">
        <v>50</v>
      </c>
      <c r="AO16477">
        <v>50</v>
      </c>
      <c r="AP16477">
        <v>50</v>
      </c>
      <c r="AQ16477">
        <v>50</v>
      </c>
    </row>
    <row r="16478" spans="1:43">
      <c r="A16478" t="s">
        <v>10228</v>
      </c>
      <c r="B16478" t="s">
        <v>10229</v>
      </c>
      <c r="C16478" t="s">
        <v>10218</v>
      </c>
      <c r="D16478" t="s">
        <v>10219</v>
      </c>
      <c r="E16478" t="s">
        <v>10212</v>
      </c>
      <c r="F16478" t="s">
        <v>10213</v>
      </c>
      <c r="G16478" t="s">
        <v>10214</v>
      </c>
      <c r="H16478" t="s">
        <v>10215</v>
      </c>
      <c r="I16478" s="2">
        <v>1</v>
      </c>
      <c r="J16478" s="2">
        <v>0</v>
      </c>
      <c r="K16478" s="2">
        <v>0</v>
      </c>
      <c r="L16478" t="s">
        <v>120</v>
      </c>
      <c r="M16478" t="s">
        <v>83</v>
      </c>
      <c r="N16478" t="s">
        <v>84</v>
      </c>
      <c r="O16478" t="s">
        <v>85</v>
      </c>
      <c r="P16478" t="s">
        <v>86</v>
      </c>
      <c r="Q16478">
        <v>13</v>
      </c>
      <c r="R16478">
        <v>13</v>
      </c>
      <c r="S16478">
        <v>13</v>
      </c>
      <c r="T16478">
        <v>13</v>
      </c>
      <c r="U16478">
        <v>13</v>
      </c>
      <c r="V16478">
        <v>13</v>
      </c>
      <c r="W16478">
        <v>14</v>
      </c>
      <c r="X16478">
        <v>14</v>
      </c>
      <c r="Y16478">
        <v>14</v>
      </c>
      <c r="Z16478">
        <v>14</v>
      </c>
      <c r="AA16478">
        <v>14</v>
      </c>
      <c r="AB16478">
        <v>14</v>
      </c>
      <c r="AC16478">
        <v>15</v>
      </c>
      <c r="AD16478">
        <v>15</v>
      </c>
      <c r="AE16478">
        <v>15</v>
      </c>
      <c r="AF16478">
        <v>15</v>
      </c>
      <c r="AG16478">
        <v>15</v>
      </c>
      <c r="AH16478">
        <v>15</v>
      </c>
      <c r="AI16478">
        <v>15</v>
      </c>
      <c r="AJ16478">
        <v>16</v>
      </c>
      <c r="AK16478">
        <v>16</v>
      </c>
      <c r="AL16478">
        <v>16</v>
      </c>
      <c r="AM16478">
        <v>16</v>
      </c>
      <c r="AN16478">
        <v>16</v>
      </c>
      <c r="AO16478">
        <v>16</v>
      </c>
      <c r="AP16478">
        <v>16</v>
      </c>
      <c r="AQ16478">
        <v>16</v>
      </c>
    </row>
    <row r="16479" spans="1:43">
      <c r="A16479" t="s">
        <v>10228</v>
      </c>
      <c r="B16479" t="s">
        <v>10229</v>
      </c>
      <c r="C16479" t="s">
        <v>10218</v>
      </c>
      <c r="D16479" t="s">
        <v>10219</v>
      </c>
      <c r="E16479" t="s">
        <v>10212</v>
      </c>
      <c r="F16479" t="s">
        <v>10213</v>
      </c>
      <c r="G16479" t="s">
        <v>10214</v>
      </c>
      <c r="H16479" t="s">
        <v>10215</v>
      </c>
      <c r="I16479" s="2">
        <v>1</v>
      </c>
      <c r="J16479" s="2">
        <v>0</v>
      </c>
      <c r="K16479" s="2">
        <v>0</v>
      </c>
      <c r="L16479" t="s">
        <v>120</v>
      </c>
      <c r="M16479" t="s">
        <v>87</v>
      </c>
      <c r="N16479" t="s">
        <v>88</v>
      </c>
      <c r="O16479" t="s">
        <v>85</v>
      </c>
      <c r="P16479" t="s">
        <v>86</v>
      </c>
      <c r="Q16479">
        <v>13</v>
      </c>
      <c r="R16479">
        <v>14</v>
      </c>
      <c r="S16479">
        <v>14</v>
      </c>
      <c r="T16479">
        <v>14</v>
      </c>
      <c r="U16479">
        <v>14</v>
      </c>
      <c r="V16479">
        <v>14</v>
      </c>
      <c r="W16479">
        <v>14</v>
      </c>
      <c r="X16479">
        <v>14</v>
      </c>
      <c r="Y16479">
        <v>14</v>
      </c>
      <c r="Z16479">
        <v>14</v>
      </c>
      <c r="AA16479">
        <v>14</v>
      </c>
      <c r="AB16479">
        <v>14</v>
      </c>
      <c r="AC16479">
        <v>14</v>
      </c>
      <c r="AD16479">
        <v>14</v>
      </c>
      <c r="AE16479">
        <v>14</v>
      </c>
      <c r="AF16479">
        <v>14</v>
      </c>
      <c r="AG16479">
        <v>14</v>
      </c>
      <c r="AH16479">
        <v>14</v>
      </c>
      <c r="AI16479">
        <v>15</v>
      </c>
      <c r="AJ16479">
        <v>15</v>
      </c>
      <c r="AK16479">
        <v>15</v>
      </c>
      <c r="AL16479">
        <v>15</v>
      </c>
      <c r="AM16479">
        <v>15</v>
      </c>
      <c r="AN16479">
        <v>15</v>
      </c>
      <c r="AO16479">
        <v>15</v>
      </c>
      <c r="AP16479">
        <v>15</v>
      </c>
      <c r="AQ16479">
        <v>15</v>
      </c>
    </row>
    <row r="16480" spans="1:43">
      <c r="A16480" t="s">
        <v>10228</v>
      </c>
      <c r="B16480" t="s">
        <v>10229</v>
      </c>
      <c r="C16480" t="s">
        <v>10218</v>
      </c>
      <c r="D16480" t="s">
        <v>10219</v>
      </c>
      <c r="E16480" t="s">
        <v>10212</v>
      </c>
      <c r="F16480" t="s">
        <v>10213</v>
      </c>
      <c r="G16480" t="s">
        <v>10214</v>
      </c>
      <c r="H16480" t="s">
        <v>10215</v>
      </c>
      <c r="I16480" s="2">
        <v>1</v>
      </c>
      <c r="J16480" s="2">
        <v>0</v>
      </c>
      <c r="K16480" s="2">
        <v>0</v>
      </c>
      <c r="L16480" t="s">
        <v>120</v>
      </c>
      <c r="M16480" t="s">
        <v>89</v>
      </c>
      <c r="N16480" t="s">
        <v>90</v>
      </c>
      <c r="O16480" t="s">
        <v>85</v>
      </c>
      <c r="P16480" t="s">
        <v>86</v>
      </c>
      <c r="Q16480">
        <v>13</v>
      </c>
      <c r="R16480">
        <v>13</v>
      </c>
      <c r="S16480">
        <v>13</v>
      </c>
      <c r="T16480">
        <v>14</v>
      </c>
      <c r="U16480">
        <v>14</v>
      </c>
      <c r="V16480">
        <v>14</v>
      </c>
      <c r="W16480">
        <v>14</v>
      </c>
      <c r="X16480">
        <v>14</v>
      </c>
      <c r="Y16480">
        <v>15</v>
      </c>
      <c r="Z16480">
        <v>15</v>
      </c>
      <c r="AA16480">
        <v>15</v>
      </c>
      <c r="AB16480">
        <v>15</v>
      </c>
      <c r="AC16480">
        <v>16</v>
      </c>
      <c r="AD16480">
        <v>16</v>
      </c>
      <c r="AE16480">
        <v>16</v>
      </c>
      <c r="AF16480">
        <v>16</v>
      </c>
      <c r="AG16480">
        <v>16</v>
      </c>
      <c r="AH16480">
        <v>16</v>
      </c>
      <c r="AI16480">
        <v>16</v>
      </c>
      <c r="AJ16480">
        <v>16</v>
      </c>
      <c r="AK16480">
        <v>16</v>
      </c>
      <c r="AL16480">
        <v>16</v>
      </c>
      <c r="AM16480">
        <v>16</v>
      </c>
      <c r="AN16480">
        <v>16</v>
      </c>
      <c r="AO16480">
        <v>16</v>
      </c>
      <c r="AP16480">
        <v>16</v>
      </c>
      <c r="AQ16480">
        <v>16</v>
      </c>
    </row>
    <row r="16481" spans="1:43">
      <c r="A16481" t="s">
        <v>10228</v>
      </c>
      <c r="B16481" t="s">
        <v>10229</v>
      </c>
      <c r="C16481" t="s">
        <v>10218</v>
      </c>
      <c r="D16481" t="s">
        <v>10219</v>
      </c>
      <c r="E16481" t="s">
        <v>10212</v>
      </c>
      <c r="F16481" t="s">
        <v>10213</v>
      </c>
      <c r="G16481" t="s">
        <v>10214</v>
      </c>
      <c r="H16481" t="s">
        <v>10215</v>
      </c>
      <c r="I16481" s="2">
        <v>1</v>
      </c>
      <c r="J16481" s="2">
        <v>0</v>
      </c>
      <c r="K16481" s="2">
        <v>0</v>
      </c>
      <c r="L16481" t="s">
        <v>120</v>
      </c>
      <c r="M16481" t="s">
        <v>83</v>
      </c>
      <c r="N16481" t="s">
        <v>91</v>
      </c>
      <c r="O16481" t="s">
        <v>85</v>
      </c>
      <c r="P16481" t="s">
        <v>86</v>
      </c>
      <c r="Q16481">
        <v>13</v>
      </c>
      <c r="R16481">
        <v>13</v>
      </c>
      <c r="S16481">
        <v>13</v>
      </c>
      <c r="T16481">
        <v>13</v>
      </c>
      <c r="U16481">
        <v>13</v>
      </c>
      <c r="V16481">
        <v>13</v>
      </c>
      <c r="W16481">
        <v>14</v>
      </c>
      <c r="X16481">
        <v>14</v>
      </c>
      <c r="Y16481">
        <v>14</v>
      </c>
      <c r="Z16481">
        <v>14</v>
      </c>
      <c r="AA16481">
        <v>14</v>
      </c>
      <c r="AB16481">
        <v>14</v>
      </c>
      <c r="AC16481">
        <v>15</v>
      </c>
      <c r="AD16481">
        <v>15</v>
      </c>
      <c r="AE16481">
        <v>15</v>
      </c>
      <c r="AF16481">
        <v>15</v>
      </c>
      <c r="AG16481">
        <v>15</v>
      </c>
      <c r="AH16481">
        <v>15</v>
      </c>
      <c r="AI16481">
        <v>15</v>
      </c>
      <c r="AJ16481">
        <v>16</v>
      </c>
      <c r="AK16481">
        <v>16</v>
      </c>
      <c r="AL16481">
        <v>16</v>
      </c>
      <c r="AM16481">
        <v>16</v>
      </c>
      <c r="AN16481">
        <v>16</v>
      </c>
      <c r="AO16481">
        <v>16</v>
      </c>
      <c r="AP16481">
        <v>16</v>
      </c>
      <c r="AQ16481">
        <v>16</v>
      </c>
    </row>
    <row r="16482" spans="1:43">
      <c r="A16482" t="s">
        <v>10230</v>
      </c>
      <c r="B16482" t="s">
        <v>10231</v>
      </c>
      <c r="C16482" t="s">
        <v>10224</v>
      </c>
      <c r="D16482" t="s">
        <v>10225</v>
      </c>
      <c r="E16482" t="s">
        <v>10212</v>
      </c>
      <c r="F16482" t="s">
        <v>10213</v>
      </c>
      <c r="G16482" t="s">
        <v>10214</v>
      </c>
      <c r="H16482" t="s">
        <v>10215</v>
      </c>
      <c r="I16482" s="2">
        <v>1</v>
      </c>
      <c r="J16482" s="2">
        <v>0</v>
      </c>
      <c r="K16482" s="2">
        <v>0</v>
      </c>
      <c r="L16482" t="s">
        <v>120</v>
      </c>
      <c r="M16482" t="s">
        <v>83</v>
      </c>
      <c r="N16482" t="s">
        <v>84</v>
      </c>
      <c r="O16482" t="s">
        <v>85</v>
      </c>
      <c r="P16482" t="s">
        <v>86</v>
      </c>
      <c r="Q16482">
        <v>21</v>
      </c>
      <c r="R16482">
        <v>21</v>
      </c>
      <c r="S16482">
        <v>21</v>
      </c>
      <c r="T16482">
        <v>21</v>
      </c>
      <c r="U16482">
        <v>22</v>
      </c>
      <c r="V16482">
        <v>22</v>
      </c>
      <c r="W16482">
        <v>22</v>
      </c>
      <c r="X16482">
        <v>23</v>
      </c>
      <c r="Y16482">
        <v>23</v>
      </c>
      <c r="Z16482">
        <v>23</v>
      </c>
      <c r="AA16482">
        <v>23</v>
      </c>
      <c r="AB16482">
        <v>24</v>
      </c>
      <c r="AC16482">
        <v>24</v>
      </c>
      <c r="AD16482">
        <v>24</v>
      </c>
      <c r="AE16482">
        <v>24</v>
      </c>
      <c r="AF16482">
        <v>25</v>
      </c>
      <c r="AG16482">
        <v>25</v>
      </c>
      <c r="AH16482">
        <v>25</v>
      </c>
      <c r="AI16482">
        <v>26</v>
      </c>
      <c r="AJ16482">
        <v>26</v>
      </c>
      <c r="AK16482">
        <v>26</v>
      </c>
      <c r="AL16482">
        <v>26</v>
      </c>
      <c r="AM16482">
        <v>26</v>
      </c>
      <c r="AN16482">
        <v>26</v>
      </c>
      <c r="AO16482">
        <v>26</v>
      </c>
      <c r="AP16482">
        <v>26</v>
      </c>
      <c r="AQ16482">
        <v>26</v>
      </c>
    </row>
    <row r="16483" spans="1:43">
      <c r="A16483" t="s">
        <v>10230</v>
      </c>
      <c r="B16483" t="s">
        <v>10231</v>
      </c>
      <c r="C16483" t="s">
        <v>10224</v>
      </c>
      <c r="D16483" t="s">
        <v>10225</v>
      </c>
      <c r="E16483" t="s">
        <v>10212</v>
      </c>
      <c r="F16483" t="s">
        <v>10213</v>
      </c>
      <c r="G16483" t="s">
        <v>10214</v>
      </c>
      <c r="H16483" t="s">
        <v>10215</v>
      </c>
      <c r="I16483" s="2">
        <v>1</v>
      </c>
      <c r="J16483" s="2">
        <v>0</v>
      </c>
      <c r="K16483" s="2">
        <v>0</v>
      </c>
      <c r="L16483" t="s">
        <v>120</v>
      </c>
      <c r="M16483" t="s">
        <v>87</v>
      </c>
      <c r="N16483" t="s">
        <v>88</v>
      </c>
      <c r="O16483" t="s">
        <v>85</v>
      </c>
      <c r="P16483" t="s">
        <v>86</v>
      </c>
      <c r="Q16483">
        <v>21</v>
      </c>
      <c r="R16483">
        <v>21</v>
      </c>
      <c r="S16483">
        <v>22</v>
      </c>
      <c r="T16483">
        <v>22</v>
      </c>
      <c r="U16483">
        <v>22</v>
      </c>
      <c r="V16483">
        <v>22</v>
      </c>
      <c r="W16483">
        <v>22</v>
      </c>
      <c r="X16483">
        <v>22</v>
      </c>
      <c r="Y16483">
        <v>22</v>
      </c>
      <c r="Z16483">
        <v>22</v>
      </c>
      <c r="AA16483">
        <v>22</v>
      </c>
      <c r="AB16483">
        <v>23</v>
      </c>
      <c r="AC16483">
        <v>23</v>
      </c>
      <c r="AD16483">
        <v>23</v>
      </c>
      <c r="AE16483">
        <v>23</v>
      </c>
      <c r="AF16483">
        <v>23</v>
      </c>
      <c r="AG16483">
        <v>23</v>
      </c>
      <c r="AH16483">
        <v>23</v>
      </c>
      <c r="AI16483">
        <v>23</v>
      </c>
      <c r="AJ16483">
        <v>23</v>
      </c>
      <c r="AK16483">
        <v>23</v>
      </c>
      <c r="AL16483">
        <v>23</v>
      </c>
      <c r="AM16483">
        <v>24</v>
      </c>
      <c r="AN16483">
        <v>24</v>
      </c>
      <c r="AO16483">
        <v>24</v>
      </c>
      <c r="AP16483">
        <v>24</v>
      </c>
      <c r="AQ16483">
        <v>24</v>
      </c>
    </row>
    <row r="16484" spans="1:43">
      <c r="A16484" t="s">
        <v>10230</v>
      </c>
      <c r="B16484" t="s">
        <v>10231</v>
      </c>
      <c r="C16484" t="s">
        <v>10224</v>
      </c>
      <c r="D16484" t="s">
        <v>10225</v>
      </c>
      <c r="E16484" t="s">
        <v>10212</v>
      </c>
      <c r="F16484" t="s">
        <v>10213</v>
      </c>
      <c r="G16484" t="s">
        <v>10214</v>
      </c>
      <c r="H16484" t="s">
        <v>10215</v>
      </c>
      <c r="I16484" s="2">
        <v>1</v>
      </c>
      <c r="J16484" s="2">
        <v>0</v>
      </c>
      <c r="K16484" s="2">
        <v>0</v>
      </c>
      <c r="L16484" t="s">
        <v>120</v>
      </c>
      <c r="M16484" t="s">
        <v>89</v>
      </c>
      <c r="N16484" t="s">
        <v>90</v>
      </c>
      <c r="O16484" t="s">
        <v>85</v>
      </c>
      <c r="P16484" t="s">
        <v>86</v>
      </c>
      <c r="Q16484">
        <v>21</v>
      </c>
      <c r="R16484">
        <v>21</v>
      </c>
      <c r="S16484">
        <v>22</v>
      </c>
      <c r="T16484">
        <v>22</v>
      </c>
      <c r="U16484">
        <v>23</v>
      </c>
      <c r="V16484">
        <v>23</v>
      </c>
      <c r="W16484">
        <v>23</v>
      </c>
      <c r="X16484">
        <v>24</v>
      </c>
      <c r="Y16484">
        <v>24</v>
      </c>
      <c r="Z16484">
        <v>25</v>
      </c>
      <c r="AA16484">
        <v>25</v>
      </c>
      <c r="AB16484">
        <v>25</v>
      </c>
      <c r="AC16484">
        <v>26</v>
      </c>
      <c r="AD16484">
        <v>26</v>
      </c>
      <c r="AE16484">
        <v>26</v>
      </c>
      <c r="AF16484">
        <v>26</v>
      </c>
      <c r="AG16484">
        <v>26</v>
      </c>
      <c r="AH16484">
        <v>26</v>
      </c>
      <c r="AI16484">
        <v>26</v>
      </c>
      <c r="AJ16484">
        <v>26</v>
      </c>
      <c r="AK16484">
        <v>26</v>
      </c>
      <c r="AL16484">
        <v>26</v>
      </c>
      <c r="AM16484">
        <v>26</v>
      </c>
      <c r="AN16484">
        <v>27</v>
      </c>
      <c r="AO16484">
        <v>27</v>
      </c>
      <c r="AP16484">
        <v>27</v>
      </c>
      <c r="AQ16484">
        <v>27</v>
      </c>
    </row>
    <row r="16485" spans="1:43">
      <c r="A16485" t="s">
        <v>10230</v>
      </c>
      <c r="B16485" t="s">
        <v>10231</v>
      </c>
      <c r="C16485" t="s">
        <v>10224</v>
      </c>
      <c r="D16485" t="s">
        <v>10225</v>
      </c>
      <c r="E16485" t="s">
        <v>10212</v>
      </c>
      <c r="F16485" t="s">
        <v>10213</v>
      </c>
      <c r="G16485" t="s">
        <v>10214</v>
      </c>
      <c r="H16485" t="s">
        <v>10215</v>
      </c>
      <c r="I16485" s="2">
        <v>1</v>
      </c>
      <c r="J16485" s="2">
        <v>0</v>
      </c>
      <c r="K16485" s="2">
        <v>0</v>
      </c>
      <c r="L16485" t="s">
        <v>120</v>
      </c>
      <c r="M16485" t="s">
        <v>83</v>
      </c>
      <c r="N16485" t="s">
        <v>91</v>
      </c>
      <c r="O16485" t="s">
        <v>85</v>
      </c>
      <c r="P16485" t="s">
        <v>86</v>
      </c>
      <c r="Q16485">
        <v>21</v>
      </c>
      <c r="R16485">
        <v>21</v>
      </c>
      <c r="S16485">
        <v>21</v>
      </c>
      <c r="T16485">
        <v>21</v>
      </c>
      <c r="U16485">
        <v>22</v>
      </c>
      <c r="V16485">
        <v>22</v>
      </c>
      <c r="W16485">
        <v>22</v>
      </c>
      <c r="X16485">
        <v>23</v>
      </c>
      <c r="Y16485">
        <v>23</v>
      </c>
      <c r="Z16485">
        <v>23</v>
      </c>
      <c r="AA16485">
        <v>23</v>
      </c>
      <c r="AB16485">
        <v>24</v>
      </c>
      <c r="AC16485">
        <v>24</v>
      </c>
      <c r="AD16485">
        <v>24</v>
      </c>
      <c r="AE16485">
        <v>24</v>
      </c>
      <c r="AF16485">
        <v>25</v>
      </c>
      <c r="AG16485">
        <v>25</v>
      </c>
      <c r="AH16485">
        <v>25</v>
      </c>
      <c r="AI16485">
        <v>26</v>
      </c>
      <c r="AJ16485">
        <v>26</v>
      </c>
      <c r="AK16485">
        <v>26</v>
      </c>
      <c r="AL16485">
        <v>26</v>
      </c>
      <c r="AM16485">
        <v>26</v>
      </c>
      <c r="AN16485">
        <v>26</v>
      </c>
      <c r="AO16485">
        <v>26</v>
      </c>
      <c r="AP16485">
        <v>26</v>
      </c>
      <c r="AQ16485">
        <v>26</v>
      </c>
    </row>
    <row r="16486" spans="1:43">
      <c r="A16486" t="s">
        <v>10232</v>
      </c>
      <c r="B16486" t="s">
        <v>10233</v>
      </c>
      <c r="C16486" t="s">
        <v>10218</v>
      </c>
      <c r="D16486" t="s">
        <v>10219</v>
      </c>
      <c r="E16486" t="s">
        <v>10212</v>
      </c>
      <c r="F16486" t="s">
        <v>10213</v>
      </c>
      <c r="G16486" t="s">
        <v>10214</v>
      </c>
      <c r="H16486" t="s">
        <v>10215</v>
      </c>
      <c r="I16486" s="2">
        <v>1</v>
      </c>
      <c r="J16486" s="2">
        <v>0</v>
      </c>
      <c r="K16486" s="2">
        <v>0</v>
      </c>
      <c r="L16486" t="s">
        <v>120</v>
      </c>
      <c r="M16486" t="s">
        <v>83</v>
      </c>
      <c r="N16486" t="s">
        <v>84</v>
      </c>
      <c r="O16486" t="s">
        <v>85</v>
      </c>
      <c r="P16486" t="s">
        <v>86</v>
      </c>
      <c r="Q16486">
        <v>30</v>
      </c>
      <c r="R16486">
        <v>30</v>
      </c>
      <c r="S16486">
        <v>31</v>
      </c>
      <c r="T16486">
        <v>31</v>
      </c>
      <c r="U16486">
        <v>31</v>
      </c>
      <c r="V16486">
        <v>32</v>
      </c>
      <c r="W16486">
        <v>32</v>
      </c>
      <c r="X16486">
        <v>33</v>
      </c>
      <c r="Y16486">
        <v>33</v>
      </c>
      <c r="Z16486">
        <v>33</v>
      </c>
      <c r="AA16486">
        <v>34</v>
      </c>
      <c r="AB16486">
        <v>34</v>
      </c>
      <c r="AC16486">
        <v>35</v>
      </c>
      <c r="AD16486">
        <v>35</v>
      </c>
      <c r="AE16486">
        <v>35</v>
      </c>
      <c r="AF16486">
        <v>36</v>
      </c>
      <c r="AG16486">
        <v>36</v>
      </c>
      <c r="AH16486">
        <v>36</v>
      </c>
      <c r="AI16486">
        <v>37</v>
      </c>
      <c r="AJ16486">
        <v>37</v>
      </c>
      <c r="AK16486">
        <v>37</v>
      </c>
      <c r="AL16486">
        <v>37</v>
      </c>
      <c r="AM16486">
        <v>38</v>
      </c>
      <c r="AN16486">
        <v>38</v>
      </c>
      <c r="AO16486">
        <v>38</v>
      </c>
      <c r="AP16486">
        <v>38</v>
      </c>
      <c r="AQ16486">
        <v>38</v>
      </c>
    </row>
    <row r="16487" spans="1:43">
      <c r="A16487" t="s">
        <v>10232</v>
      </c>
      <c r="B16487" t="s">
        <v>10233</v>
      </c>
      <c r="C16487" t="s">
        <v>10218</v>
      </c>
      <c r="D16487" t="s">
        <v>10219</v>
      </c>
      <c r="E16487" t="s">
        <v>10212</v>
      </c>
      <c r="F16487" t="s">
        <v>10213</v>
      </c>
      <c r="G16487" t="s">
        <v>10214</v>
      </c>
      <c r="H16487" t="s">
        <v>10215</v>
      </c>
      <c r="I16487" s="2">
        <v>1</v>
      </c>
      <c r="J16487" s="2">
        <v>0</v>
      </c>
      <c r="K16487" s="2">
        <v>0</v>
      </c>
      <c r="L16487" t="s">
        <v>120</v>
      </c>
      <c r="M16487" t="s">
        <v>87</v>
      </c>
      <c r="N16487" t="s">
        <v>88</v>
      </c>
      <c r="O16487" t="s">
        <v>85</v>
      </c>
      <c r="P16487" t="s">
        <v>86</v>
      </c>
      <c r="Q16487">
        <v>30</v>
      </c>
      <c r="R16487">
        <v>31</v>
      </c>
      <c r="S16487">
        <v>31</v>
      </c>
      <c r="T16487">
        <v>31</v>
      </c>
      <c r="U16487">
        <v>31</v>
      </c>
      <c r="V16487">
        <v>31</v>
      </c>
      <c r="W16487">
        <v>31</v>
      </c>
      <c r="X16487">
        <v>31</v>
      </c>
      <c r="Y16487">
        <v>32</v>
      </c>
      <c r="Z16487">
        <v>32</v>
      </c>
      <c r="AA16487">
        <v>32</v>
      </c>
      <c r="AB16487">
        <v>32</v>
      </c>
      <c r="AC16487">
        <v>32</v>
      </c>
      <c r="AD16487">
        <v>32</v>
      </c>
      <c r="AE16487">
        <v>32</v>
      </c>
      <c r="AF16487">
        <v>33</v>
      </c>
      <c r="AG16487">
        <v>33</v>
      </c>
      <c r="AH16487">
        <v>33</v>
      </c>
      <c r="AI16487">
        <v>33</v>
      </c>
      <c r="AJ16487">
        <v>33</v>
      </c>
      <c r="AK16487">
        <v>33</v>
      </c>
      <c r="AL16487">
        <v>33</v>
      </c>
      <c r="AM16487">
        <v>34</v>
      </c>
      <c r="AN16487">
        <v>34</v>
      </c>
      <c r="AO16487">
        <v>34</v>
      </c>
      <c r="AP16487">
        <v>34</v>
      </c>
      <c r="AQ16487">
        <v>34</v>
      </c>
    </row>
    <row r="16488" spans="1:43">
      <c r="A16488" t="s">
        <v>10232</v>
      </c>
      <c r="B16488" t="s">
        <v>10233</v>
      </c>
      <c r="C16488" t="s">
        <v>10218</v>
      </c>
      <c r="D16488" t="s">
        <v>10219</v>
      </c>
      <c r="E16488" t="s">
        <v>10212</v>
      </c>
      <c r="F16488" t="s">
        <v>10213</v>
      </c>
      <c r="G16488" t="s">
        <v>10214</v>
      </c>
      <c r="H16488" t="s">
        <v>10215</v>
      </c>
      <c r="I16488" s="2">
        <v>1</v>
      </c>
      <c r="J16488" s="2">
        <v>0</v>
      </c>
      <c r="K16488" s="2">
        <v>0</v>
      </c>
      <c r="L16488" t="s">
        <v>120</v>
      </c>
      <c r="M16488" t="s">
        <v>89</v>
      </c>
      <c r="N16488" t="s">
        <v>90</v>
      </c>
      <c r="O16488" t="s">
        <v>85</v>
      </c>
      <c r="P16488" t="s">
        <v>86</v>
      </c>
      <c r="Q16488">
        <v>30</v>
      </c>
      <c r="R16488">
        <v>31</v>
      </c>
      <c r="S16488">
        <v>31</v>
      </c>
      <c r="T16488">
        <v>32</v>
      </c>
      <c r="U16488">
        <v>33</v>
      </c>
      <c r="V16488">
        <v>33</v>
      </c>
      <c r="W16488">
        <v>34</v>
      </c>
      <c r="X16488">
        <v>34</v>
      </c>
      <c r="Y16488">
        <v>35</v>
      </c>
      <c r="Z16488">
        <v>35</v>
      </c>
      <c r="AA16488">
        <v>36</v>
      </c>
      <c r="AB16488">
        <v>36</v>
      </c>
      <c r="AC16488">
        <v>37</v>
      </c>
      <c r="AD16488">
        <v>37</v>
      </c>
      <c r="AE16488">
        <v>38</v>
      </c>
      <c r="AF16488">
        <v>38</v>
      </c>
      <c r="AG16488">
        <v>38</v>
      </c>
      <c r="AH16488">
        <v>38</v>
      </c>
      <c r="AI16488">
        <v>38</v>
      </c>
      <c r="AJ16488">
        <v>38</v>
      </c>
      <c r="AK16488">
        <v>38</v>
      </c>
      <c r="AL16488">
        <v>38</v>
      </c>
      <c r="AM16488">
        <v>38</v>
      </c>
      <c r="AN16488">
        <v>38</v>
      </c>
      <c r="AO16488">
        <v>38</v>
      </c>
      <c r="AP16488">
        <v>38</v>
      </c>
      <c r="AQ16488">
        <v>38</v>
      </c>
    </row>
    <row r="16489" spans="1:43">
      <c r="A16489" t="s">
        <v>10232</v>
      </c>
      <c r="B16489" t="s">
        <v>10233</v>
      </c>
      <c r="C16489" t="s">
        <v>10218</v>
      </c>
      <c r="D16489" t="s">
        <v>10219</v>
      </c>
      <c r="E16489" t="s">
        <v>10212</v>
      </c>
      <c r="F16489" t="s">
        <v>10213</v>
      </c>
      <c r="G16489" t="s">
        <v>10214</v>
      </c>
      <c r="H16489" t="s">
        <v>10215</v>
      </c>
      <c r="I16489" s="2">
        <v>1</v>
      </c>
      <c r="J16489" s="2">
        <v>0</v>
      </c>
      <c r="K16489" s="2">
        <v>0</v>
      </c>
      <c r="L16489" t="s">
        <v>120</v>
      </c>
      <c r="M16489" t="s">
        <v>83</v>
      </c>
      <c r="N16489" t="s">
        <v>91</v>
      </c>
      <c r="O16489" t="s">
        <v>85</v>
      </c>
      <c r="P16489" t="s">
        <v>86</v>
      </c>
      <c r="Q16489">
        <v>30</v>
      </c>
      <c r="R16489">
        <v>30</v>
      </c>
      <c r="S16489">
        <v>31</v>
      </c>
      <c r="T16489">
        <v>31</v>
      </c>
      <c r="U16489">
        <v>31</v>
      </c>
      <c r="V16489">
        <v>32</v>
      </c>
      <c r="W16489">
        <v>32</v>
      </c>
      <c r="X16489">
        <v>33</v>
      </c>
      <c r="Y16489">
        <v>33</v>
      </c>
      <c r="Z16489">
        <v>33</v>
      </c>
      <c r="AA16489">
        <v>34</v>
      </c>
      <c r="AB16489">
        <v>34</v>
      </c>
      <c r="AC16489">
        <v>35</v>
      </c>
      <c r="AD16489">
        <v>35</v>
      </c>
      <c r="AE16489">
        <v>35</v>
      </c>
      <c r="AF16489">
        <v>36</v>
      </c>
      <c r="AG16489">
        <v>36</v>
      </c>
      <c r="AH16489">
        <v>36</v>
      </c>
      <c r="AI16489">
        <v>37</v>
      </c>
      <c r="AJ16489">
        <v>37</v>
      </c>
      <c r="AK16489">
        <v>37</v>
      </c>
      <c r="AL16489">
        <v>37</v>
      </c>
      <c r="AM16489">
        <v>38</v>
      </c>
      <c r="AN16489">
        <v>38</v>
      </c>
      <c r="AO16489">
        <v>38</v>
      </c>
      <c r="AP16489">
        <v>38</v>
      </c>
      <c r="AQ16489">
        <v>38</v>
      </c>
    </row>
    <row r="16490" spans="1:43">
      <c r="A16490" t="s">
        <v>10234</v>
      </c>
      <c r="B16490" t="s">
        <v>10235</v>
      </c>
      <c r="C16490" t="s">
        <v>10236</v>
      </c>
      <c r="D16490" t="s">
        <v>10237</v>
      </c>
      <c r="E16490" t="s">
        <v>10212</v>
      </c>
      <c r="F16490" t="s">
        <v>10213</v>
      </c>
      <c r="G16490" t="s">
        <v>10214</v>
      </c>
      <c r="H16490" t="s">
        <v>10215</v>
      </c>
      <c r="I16490" s="2">
        <v>1</v>
      </c>
      <c r="J16490" s="2">
        <v>0</v>
      </c>
      <c r="K16490" s="2">
        <v>0</v>
      </c>
      <c r="L16490" t="s">
        <v>120</v>
      </c>
      <c r="M16490" t="s">
        <v>83</v>
      </c>
      <c r="N16490" t="s">
        <v>84</v>
      </c>
      <c r="O16490" t="s">
        <v>85</v>
      </c>
      <c r="P16490" t="s">
        <v>86</v>
      </c>
      <c r="Q16490">
        <v>6</v>
      </c>
      <c r="R16490">
        <v>6</v>
      </c>
      <c r="S16490">
        <v>7</v>
      </c>
      <c r="T16490">
        <v>7</v>
      </c>
      <c r="U16490">
        <v>7</v>
      </c>
      <c r="V16490">
        <v>7</v>
      </c>
      <c r="W16490">
        <v>7</v>
      </c>
      <c r="X16490">
        <v>7</v>
      </c>
      <c r="Y16490">
        <v>7</v>
      </c>
      <c r="Z16490">
        <v>7</v>
      </c>
      <c r="AA16490">
        <v>7</v>
      </c>
      <c r="AB16490">
        <v>7</v>
      </c>
      <c r="AC16490">
        <v>7</v>
      </c>
      <c r="AD16490">
        <v>7</v>
      </c>
      <c r="AE16490">
        <v>8</v>
      </c>
      <c r="AF16490">
        <v>8</v>
      </c>
      <c r="AG16490">
        <v>8</v>
      </c>
      <c r="AH16490">
        <v>8</v>
      </c>
      <c r="AI16490">
        <v>8</v>
      </c>
      <c r="AJ16490">
        <v>8</v>
      </c>
      <c r="AK16490">
        <v>8</v>
      </c>
      <c r="AL16490">
        <v>8</v>
      </c>
      <c r="AM16490">
        <v>8</v>
      </c>
      <c r="AN16490">
        <v>8</v>
      </c>
      <c r="AO16490">
        <v>8</v>
      </c>
      <c r="AP16490">
        <v>8</v>
      </c>
      <c r="AQ16490">
        <v>8</v>
      </c>
    </row>
    <row r="16491" spans="1:43">
      <c r="A16491" t="s">
        <v>10234</v>
      </c>
      <c r="B16491" t="s">
        <v>10235</v>
      </c>
      <c r="C16491" t="s">
        <v>10236</v>
      </c>
      <c r="D16491" t="s">
        <v>10237</v>
      </c>
      <c r="E16491" t="s">
        <v>10212</v>
      </c>
      <c r="F16491" t="s">
        <v>10213</v>
      </c>
      <c r="G16491" t="s">
        <v>10214</v>
      </c>
      <c r="H16491" t="s">
        <v>10215</v>
      </c>
      <c r="I16491" s="2">
        <v>1</v>
      </c>
      <c r="J16491" s="2">
        <v>0</v>
      </c>
      <c r="K16491" s="2">
        <v>0</v>
      </c>
      <c r="L16491" t="s">
        <v>120</v>
      </c>
      <c r="M16491" t="s">
        <v>87</v>
      </c>
      <c r="N16491" t="s">
        <v>88</v>
      </c>
      <c r="O16491" t="s">
        <v>85</v>
      </c>
      <c r="P16491" t="s">
        <v>86</v>
      </c>
      <c r="Q16491">
        <v>6</v>
      </c>
      <c r="R16491">
        <v>6</v>
      </c>
      <c r="S16491">
        <v>6</v>
      </c>
      <c r="T16491">
        <v>6</v>
      </c>
      <c r="U16491">
        <v>6</v>
      </c>
      <c r="V16491">
        <v>6</v>
      </c>
      <c r="W16491">
        <v>6</v>
      </c>
      <c r="X16491">
        <v>6</v>
      </c>
      <c r="Y16491">
        <v>7</v>
      </c>
      <c r="Z16491">
        <v>7</v>
      </c>
      <c r="AA16491">
        <v>7</v>
      </c>
      <c r="AB16491">
        <v>7</v>
      </c>
      <c r="AC16491">
        <v>7</v>
      </c>
      <c r="AD16491">
        <v>7</v>
      </c>
      <c r="AE16491">
        <v>7</v>
      </c>
      <c r="AF16491">
        <v>7</v>
      </c>
      <c r="AG16491">
        <v>7</v>
      </c>
      <c r="AH16491">
        <v>7</v>
      </c>
      <c r="AI16491">
        <v>7</v>
      </c>
      <c r="AJ16491">
        <v>7</v>
      </c>
      <c r="AK16491">
        <v>7</v>
      </c>
      <c r="AL16491">
        <v>7</v>
      </c>
      <c r="AM16491">
        <v>7</v>
      </c>
      <c r="AN16491">
        <v>7</v>
      </c>
      <c r="AO16491">
        <v>7</v>
      </c>
      <c r="AP16491">
        <v>7</v>
      </c>
      <c r="AQ16491">
        <v>7</v>
      </c>
    </row>
    <row r="16492" spans="1:43">
      <c r="A16492" t="s">
        <v>10234</v>
      </c>
      <c r="B16492" t="s">
        <v>10235</v>
      </c>
      <c r="C16492" t="s">
        <v>10236</v>
      </c>
      <c r="D16492" t="s">
        <v>10237</v>
      </c>
      <c r="E16492" t="s">
        <v>10212</v>
      </c>
      <c r="F16492" t="s">
        <v>10213</v>
      </c>
      <c r="G16492" t="s">
        <v>10214</v>
      </c>
      <c r="H16492" t="s">
        <v>10215</v>
      </c>
      <c r="I16492" s="2">
        <v>1</v>
      </c>
      <c r="J16492" s="2">
        <v>0</v>
      </c>
      <c r="K16492" s="2">
        <v>0</v>
      </c>
      <c r="L16492" t="s">
        <v>120</v>
      </c>
      <c r="M16492" t="s">
        <v>89</v>
      </c>
      <c r="N16492" t="s">
        <v>90</v>
      </c>
      <c r="O16492" t="s">
        <v>85</v>
      </c>
      <c r="P16492" t="s">
        <v>86</v>
      </c>
      <c r="Q16492">
        <v>6</v>
      </c>
      <c r="R16492">
        <v>7</v>
      </c>
      <c r="S16492">
        <v>7</v>
      </c>
      <c r="T16492">
        <v>7</v>
      </c>
      <c r="U16492">
        <v>7</v>
      </c>
      <c r="V16492">
        <v>7</v>
      </c>
      <c r="W16492">
        <v>7</v>
      </c>
      <c r="X16492">
        <v>7</v>
      </c>
      <c r="Y16492">
        <v>7</v>
      </c>
      <c r="Z16492">
        <v>8</v>
      </c>
      <c r="AA16492">
        <v>8</v>
      </c>
      <c r="AB16492">
        <v>8</v>
      </c>
      <c r="AC16492">
        <v>8</v>
      </c>
      <c r="AD16492">
        <v>8</v>
      </c>
      <c r="AE16492">
        <v>8</v>
      </c>
      <c r="AF16492">
        <v>8</v>
      </c>
      <c r="AG16492">
        <v>8</v>
      </c>
      <c r="AH16492">
        <v>8</v>
      </c>
      <c r="AI16492">
        <v>8</v>
      </c>
      <c r="AJ16492">
        <v>8</v>
      </c>
      <c r="AK16492">
        <v>8</v>
      </c>
      <c r="AL16492">
        <v>8</v>
      </c>
      <c r="AM16492">
        <v>8</v>
      </c>
      <c r="AN16492">
        <v>8</v>
      </c>
      <c r="AO16492">
        <v>8</v>
      </c>
      <c r="AP16492">
        <v>8</v>
      </c>
      <c r="AQ16492">
        <v>8</v>
      </c>
    </row>
    <row r="16493" spans="1:43">
      <c r="A16493" t="s">
        <v>10234</v>
      </c>
      <c r="B16493" t="s">
        <v>10235</v>
      </c>
      <c r="C16493" t="s">
        <v>10236</v>
      </c>
      <c r="D16493" t="s">
        <v>10237</v>
      </c>
      <c r="E16493" t="s">
        <v>10212</v>
      </c>
      <c r="F16493" t="s">
        <v>10213</v>
      </c>
      <c r="G16493" t="s">
        <v>10214</v>
      </c>
      <c r="H16493" t="s">
        <v>10215</v>
      </c>
      <c r="I16493" s="2">
        <v>1</v>
      </c>
      <c r="J16493" s="2">
        <v>0</v>
      </c>
      <c r="K16493" s="2">
        <v>0</v>
      </c>
      <c r="L16493" t="s">
        <v>120</v>
      </c>
      <c r="M16493" t="s">
        <v>83</v>
      </c>
      <c r="N16493" t="s">
        <v>91</v>
      </c>
      <c r="O16493" t="s">
        <v>85</v>
      </c>
      <c r="P16493" t="s">
        <v>86</v>
      </c>
      <c r="Q16493">
        <v>6</v>
      </c>
      <c r="R16493">
        <v>6</v>
      </c>
      <c r="S16493">
        <v>7</v>
      </c>
      <c r="T16493">
        <v>7</v>
      </c>
      <c r="U16493">
        <v>7</v>
      </c>
      <c r="V16493">
        <v>7</v>
      </c>
      <c r="W16493">
        <v>7</v>
      </c>
      <c r="X16493">
        <v>7</v>
      </c>
      <c r="Y16493">
        <v>7</v>
      </c>
      <c r="Z16493">
        <v>7</v>
      </c>
      <c r="AA16493">
        <v>7</v>
      </c>
      <c r="AB16493">
        <v>7</v>
      </c>
      <c r="AC16493">
        <v>7</v>
      </c>
      <c r="AD16493">
        <v>7</v>
      </c>
      <c r="AE16493">
        <v>8</v>
      </c>
      <c r="AF16493">
        <v>8</v>
      </c>
      <c r="AG16493">
        <v>8</v>
      </c>
      <c r="AH16493">
        <v>8</v>
      </c>
      <c r="AI16493">
        <v>8</v>
      </c>
      <c r="AJ16493">
        <v>8</v>
      </c>
      <c r="AK16493">
        <v>8</v>
      </c>
      <c r="AL16493">
        <v>8</v>
      </c>
      <c r="AM16493">
        <v>8</v>
      </c>
      <c r="AN16493">
        <v>8</v>
      </c>
      <c r="AO16493">
        <v>8</v>
      </c>
      <c r="AP16493">
        <v>8</v>
      </c>
      <c r="AQ16493">
        <v>8</v>
      </c>
    </row>
    <row r="16494" spans="1:43">
      <c r="A16494" t="s">
        <v>10238</v>
      </c>
      <c r="B16494" t="s">
        <v>10239</v>
      </c>
      <c r="C16494" t="s">
        <v>10240</v>
      </c>
      <c r="D16494" t="s">
        <v>10241</v>
      </c>
      <c r="E16494" t="s">
        <v>10212</v>
      </c>
      <c r="F16494" t="s">
        <v>10213</v>
      </c>
      <c r="G16494" t="s">
        <v>10214</v>
      </c>
      <c r="H16494" t="s">
        <v>10215</v>
      </c>
      <c r="I16494" s="2">
        <v>1</v>
      </c>
      <c r="J16494" s="2">
        <v>0</v>
      </c>
      <c r="K16494" s="2">
        <v>0</v>
      </c>
      <c r="L16494" t="s">
        <v>120</v>
      </c>
      <c r="M16494" t="s">
        <v>83</v>
      </c>
      <c r="N16494" t="s">
        <v>84</v>
      </c>
      <c r="O16494" t="s">
        <v>85</v>
      </c>
      <c r="P16494" t="s">
        <v>86</v>
      </c>
      <c r="Q16494">
        <v>313</v>
      </c>
      <c r="R16494">
        <v>318</v>
      </c>
      <c r="S16494">
        <v>322</v>
      </c>
      <c r="T16494">
        <v>327</v>
      </c>
      <c r="U16494">
        <v>331</v>
      </c>
      <c r="V16494">
        <v>336</v>
      </c>
      <c r="W16494">
        <v>340</v>
      </c>
      <c r="X16494">
        <v>345</v>
      </c>
      <c r="Y16494">
        <v>349</v>
      </c>
      <c r="Z16494">
        <v>353</v>
      </c>
      <c r="AA16494">
        <v>357</v>
      </c>
      <c r="AB16494">
        <v>362</v>
      </c>
      <c r="AC16494">
        <v>366</v>
      </c>
      <c r="AD16494">
        <v>370</v>
      </c>
      <c r="AE16494">
        <v>374</v>
      </c>
      <c r="AF16494">
        <v>378</v>
      </c>
      <c r="AG16494">
        <v>383</v>
      </c>
      <c r="AH16494">
        <v>387</v>
      </c>
      <c r="AI16494">
        <v>391</v>
      </c>
      <c r="AJ16494">
        <v>395</v>
      </c>
      <c r="AK16494">
        <v>399</v>
      </c>
      <c r="AL16494">
        <v>401</v>
      </c>
      <c r="AM16494">
        <v>402</v>
      </c>
      <c r="AN16494">
        <v>402</v>
      </c>
      <c r="AO16494">
        <v>403</v>
      </c>
      <c r="AP16494">
        <v>404</v>
      </c>
      <c r="AQ16494">
        <v>405</v>
      </c>
    </row>
    <row r="16495" spans="1:43">
      <c r="A16495" t="s">
        <v>10238</v>
      </c>
      <c r="B16495" t="s">
        <v>10239</v>
      </c>
      <c r="C16495" t="s">
        <v>10240</v>
      </c>
      <c r="D16495" t="s">
        <v>10241</v>
      </c>
      <c r="E16495" t="s">
        <v>10212</v>
      </c>
      <c r="F16495" t="s">
        <v>10213</v>
      </c>
      <c r="G16495" t="s">
        <v>10214</v>
      </c>
      <c r="H16495" t="s">
        <v>10215</v>
      </c>
      <c r="I16495" s="2">
        <v>1</v>
      </c>
      <c r="J16495" s="2">
        <v>0</v>
      </c>
      <c r="K16495" s="2">
        <v>0</v>
      </c>
      <c r="L16495" t="s">
        <v>120</v>
      </c>
      <c r="M16495" t="s">
        <v>87</v>
      </c>
      <c r="N16495" t="s">
        <v>88</v>
      </c>
      <c r="O16495" t="s">
        <v>85</v>
      </c>
      <c r="P16495" t="s">
        <v>86</v>
      </c>
      <c r="Q16495">
        <v>313</v>
      </c>
      <c r="R16495">
        <v>315</v>
      </c>
      <c r="S16495">
        <v>316</v>
      </c>
      <c r="T16495">
        <v>318</v>
      </c>
      <c r="U16495">
        <v>320</v>
      </c>
      <c r="V16495">
        <v>321</v>
      </c>
      <c r="W16495">
        <v>323</v>
      </c>
      <c r="X16495">
        <v>324</v>
      </c>
      <c r="Y16495">
        <v>326</v>
      </c>
      <c r="Z16495">
        <v>327</v>
      </c>
      <c r="AA16495">
        <v>329</v>
      </c>
      <c r="AB16495">
        <v>330</v>
      </c>
      <c r="AC16495">
        <v>332</v>
      </c>
      <c r="AD16495">
        <v>333</v>
      </c>
      <c r="AE16495">
        <v>335</v>
      </c>
      <c r="AF16495">
        <v>336</v>
      </c>
      <c r="AG16495">
        <v>338</v>
      </c>
      <c r="AH16495">
        <v>339</v>
      </c>
      <c r="AI16495">
        <v>340</v>
      </c>
      <c r="AJ16495">
        <v>342</v>
      </c>
      <c r="AK16495">
        <v>343</v>
      </c>
      <c r="AL16495">
        <v>345</v>
      </c>
      <c r="AM16495">
        <v>346</v>
      </c>
      <c r="AN16495">
        <v>347</v>
      </c>
      <c r="AO16495">
        <v>349</v>
      </c>
      <c r="AP16495">
        <v>350</v>
      </c>
      <c r="AQ16495">
        <v>351</v>
      </c>
    </row>
    <row r="16496" spans="1:43">
      <c r="A16496" t="s">
        <v>10238</v>
      </c>
      <c r="B16496" t="s">
        <v>10239</v>
      </c>
      <c r="C16496" t="s">
        <v>10240</v>
      </c>
      <c r="D16496" t="s">
        <v>10241</v>
      </c>
      <c r="E16496" t="s">
        <v>10212</v>
      </c>
      <c r="F16496" t="s">
        <v>10213</v>
      </c>
      <c r="G16496" t="s">
        <v>10214</v>
      </c>
      <c r="H16496" t="s">
        <v>10215</v>
      </c>
      <c r="I16496" s="2">
        <v>1</v>
      </c>
      <c r="J16496" s="2">
        <v>0</v>
      </c>
      <c r="K16496" s="2">
        <v>0</v>
      </c>
      <c r="L16496" t="s">
        <v>120</v>
      </c>
      <c r="M16496" t="s">
        <v>89</v>
      </c>
      <c r="N16496" t="s">
        <v>90</v>
      </c>
      <c r="O16496" t="s">
        <v>85</v>
      </c>
      <c r="P16496" t="s">
        <v>86</v>
      </c>
      <c r="Q16496">
        <v>313</v>
      </c>
      <c r="R16496">
        <v>320</v>
      </c>
      <c r="S16496">
        <v>327</v>
      </c>
      <c r="T16496">
        <v>334</v>
      </c>
      <c r="U16496">
        <v>341</v>
      </c>
      <c r="V16496">
        <v>348</v>
      </c>
      <c r="W16496">
        <v>354</v>
      </c>
      <c r="X16496">
        <v>360</v>
      </c>
      <c r="Y16496">
        <v>366</v>
      </c>
      <c r="Z16496">
        <v>372</v>
      </c>
      <c r="AA16496">
        <v>378</v>
      </c>
      <c r="AB16496">
        <v>383</v>
      </c>
      <c r="AC16496">
        <v>389</v>
      </c>
      <c r="AD16496">
        <v>395</v>
      </c>
      <c r="AE16496">
        <v>399</v>
      </c>
      <c r="AF16496">
        <v>400</v>
      </c>
      <c r="AG16496">
        <v>401</v>
      </c>
      <c r="AH16496">
        <v>402</v>
      </c>
      <c r="AI16496">
        <v>402</v>
      </c>
      <c r="AJ16496">
        <v>403</v>
      </c>
      <c r="AK16496">
        <v>404</v>
      </c>
      <c r="AL16496">
        <v>405</v>
      </c>
      <c r="AM16496">
        <v>405</v>
      </c>
      <c r="AN16496">
        <v>406</v>
      </c>
      <c r="AO16496">
        <v>407</v>
      </c>
      <c r="AP16496">
        <v>407</v>
      </c>
      <c r="AQ16496">
        <v>407</v>
      </c>
    </row>
    <row r="16497" spans="1:43">
      <c r="A16497" t="s">
        <v>10238</v>
      </c>
      <c r="B16497" t="s">
        <v>10239</v>
      </c>
      <c r="C16497" t="s">
        <v>10240</v>
      </c>
      <c r="D16497" t="s">
        <v>10241</v>
      </c>
      <c r="E16497" t="s">
        <v>10212</v>
      </c>
      <c r="F16497" t="s">
        <v>10213</v>
      </c>
      <c r="G16497" t="s">
        <v>10214</v>
      </c>
      <c r="H16497" t="s">
        <v>10215</v>
      </c>
      <c r="I16497" s="2">
        <v>1</v>
      </c>
      <c r="J16497" s="2">
        <v>0</v>
      </c>
      <c r="K16497" s="2">
        <v>0</v>
      </c>
      <c r="L16497" t="s">
        <v>120</v>
      </c>
      <c r="M16497" t="s">
        <v>83</v>
      </c>
      <c r="N16497" t="s">
        <v>91</v>
      </c>
      <c r="O16497" t="s">
        <v>85</v>
      </c>
      <c r="P16497" t="s">
        <v>86</v>
      </c>
      <c r="Q16497">
        <v>313</v>
      </c>
      <c r="R16497">
        <v>318</v>
      </c>
      <c r="S16497">
        <v>322</v>
      </c>
      <c r="T16497">
        <v>327</v>
      </c>
      <c r="U16497">
        <v>331</v>
      </c>
      <c r="V16497">
        <v>336</v>
      </c>
      <c r="W16497">
        <v>340</v>
      </c>
      <c r="X16497">
        <v>345</v>
      </c>
      <c r="Y16497">
        <v>349</v>
      </c>
      <c r="Z16497">
        <v>353</v>
      </c>
      <c r="AA16497">
        <v>357</v>
      </c>
      <c r="AB16497">
        <v>362</v>
      </c>
      <c r="AC16497">
        <v>366</v>
      </c>
      <c r="AD16497">
        <v>370</v>
      </c>
      <c r="AE16497">
        <v>374</v>
      </c>
      <c r="AF16497">
        <v>378</v>
      </c>
      <c r="AG16497">
        <v>383</v>
      </c>
      <c r="AH16497">
        <v>387</v>
      </c>
      <c r="AI16497">
        <v>391</v>
      </c>
      <c r="AJ16497">
        <v>395</v>
      </c>
      <c r="AK16497">
        <v>399</v>
      </c>
      <c r="AL16497">
        <v>401</v>
      </c>
      <c r="AM16497">
        <v>402</v>
      </c>
      <c r="AN16497">
        <v>402</v>
      </c>
      <c r="AO16497">
        <v>403</v>
      </c>
      <c r="AP16497">
        <v>404</v>
      </c>
      <c r="AQ16497">
        <v>405</v>
      </c>
    </row>
    <row r="16498" spans="1:43">
      <c r="A16498" t="s">
        <v>10242</v>
      </c>
      <c r="B16498" t="s">
        <v>10243</v>
      </c>
      <c r="C16498" t="s">
        <v>10240</v>
      </c>
      <c r="D16498" t="s">
        <v>10241</v>
      </c>
      <c r="E16498" t="s">
        <v>10212</v>
      </c>
      <c r="F16498" t="s">
        <v>10213</v>
      </c>
      <c r="G16498" t="s">
        <v>10214</v>
      </c>
      <c r="H16498" t="s">
        <v>10215</v>
      </c>
      <c r="I16498" s="2">
        <v>1</v>
      </c>
      <c r="J16498" s="2">
        <v>0</v>
      </c>
      <c r="K16498" s="2">
        <v>0</v>
      </c>
      <c r="L16498" t="s">
        <v>120</v>
      </c>
      <c r="M16498" t="s">
        <v>83</v>
      </c>
      <c r="N16498" t="s">
        <v>84</v>
      </c>
      <c r="O16498" t="s">
        <v>85</v>
      </c>
      <c r="P16498" t="s">
        <v>86</v>
      </c>
      <c r="Q16498">
        <v>5</v>
      </c>
      <c r="R16498">
        <v>5</v>
      </c>
      <c r="S16498">
        <v>5</v>
      </c>
      <c r="T16498">
        <v>5</v>
      </c>
      <c r="U16498">
        <v>5</v>
      </c>
      <c r="V16498">
        <v>5</v>
      </c>
      <c r="W16498">
        <v>5</v>
      </c>
      <c r="X16498">
        <v>5</v>
      </c>
      <c r="Y16498">
        <v>5</v>
      </c>
      <c r="Z16498">
        <v>5</v>
      </c>
      <c r="AA16498">
        <v>5</v>
      </c>
      <c r="AB16498">
        <v>6</v>
      </c>
      <c r="AC16498">
        <v>6</v>
      </c>
      <c r="AD16498">
        <v>6</v>
      </c>
      <c r="AE16498">
        <v>6</v>
      </c>
      <c r="AF16498">
        <v>6</v>
      </c>
      <c r="AG16498">
        <v>6</v>
      </c>
      <c r="AH16498">
        <v>6</v>
      </c>
      <c r="AI16498">
        <v>6</v>
      </c>
      <c r="AJ16498">
        <v>6</v>
      </c>
      <c r="AK16498">
        <v>6</v>
      </c>
      <c r="AL16498">
        <v>6</v>
      </c>
      <c r="AM16498">
        <v>6</v>
      </c>
      <c r="AN16498">
        <v>6</v>
      </c>
      <c r="AO16498">
        <v>6</v>
      </c>
      <c r="AP16498">
        <v>6</v>
      </c>
      <c r="AQ16498">
        <v>6</v>
      </c>
    </row>
    <row r="16499" spans="1:43">
      <c r="A16499" t="s">
        <v>10242</v>
      </c>
      <c r="B16499" t="s">
        <v>10243</v>
      </c>
      <c r="C16499" t="s">
        <v>10240</v>
      </c>
      <c r="D16499" t="s">
        <v>10241</v>
      </c>
      <c r="E16499" t="s">
        <v>10212</v>
      </c>
      <c r="F16499" t="s">
        <v>10213</v>
      </c>
      <c r="G16499" t="s">
        <v>10214</v>
      </c>
      <c r="H16499" t="s">
        <v>10215</v>
      </c>
      <c r="I16499" s="2">
        <v>1</v>
      </c>
      <c r="J16499" s="2">
        <v>0</v>
      </c>
      <c r="K16499" s="2">
        <v>0</v>
      </c>
      <c r="L16499" t="s">
        <v>120</v>
      </c>
      <c r="M16499" t="s">
        <v>87</v>
      </c>
      <c r="N16499" t="s">
        <v>88</v>
      </c>
      <c r="O16499" t="s">
        <v>85</v>
      </c>
      <c r="P16499" t="s">
        <v>86</v>
      </c>
      <c r="Q16499">
        <v>5</v>
      </c>
      <c r="R16499">
        <v>5</v>
      </c>
      <c r="S16499">
        <v>5</v>
      </c>
      <c r="T16499">
        <v>5</v>
      </c>
      <c r="U16499">
        <v>5</v>
      </c>
      <c r="V16499">
        <v>5</v>
      </c>
      <c r="W16499">
        <v>5</v>
      </c>
      <c r="X16499">
        <v>5</v>
      </c>
      <c r="Y16499">
        <v>5</v>
      </c>
      <c r="Z16499">
        <v>5</v>
      </c>
      <c r="AA16499">
        <v>5</v>
      </c>
      <c r="AB16499">
        <v>5</v>
      </c>
      <c r="AC16499">
        <v>5</v>
      </c>
      <c r="AD16499">
        <v>5</v>
      </c>
      <c r="AE16499">
        <v>5</v>
      </c>
      <c r="AF16499">
        <v>5</v>
      </c>
      <c r="AG16499">
        <v>5</v>
      </c>
      <c r="AH16499">
        <v>5</v>
      </c>
      <c r="AI16499">
        <v>5</v>
      </c>
      <c r="AJ16499">
        <v>5</v>
      </c>
      <c r="AK16499">
        <v>5</v>
      </c>
      <c r="AL16499">
        <v>5</v>
      </c>
      <c r="AM16499">
        <v>5</v>
      </c>
      <c r="AN16499">
        <v>5</v>
      </c>
      <c r="AO16499">
        <v>5</v>
      </c>
      <c r="AP16499">
        <v>5</v>
      </c>
      <c r="AQ16499">
        <v>5</v>
      </c>
    </row>
    <row r="16500" spans="1:43">
      <c r="A16500" t="s">
        <v>10242</v>
      </c>
      <c r="B16500" t="s">
        <v>10243</v>
      </c>
      <c r="C16500" t="s">
        <v>10240</v>
      </c>
      <c r="D16500" t="s">
        <v>10241</v>
      </c>
      <c r="E16500" t="s">
        <v>10212</v>
      </c>
      <c r="F16500" t="s">
        <v>10213</v>
      </c>
      <c r="G16500" t="s">
        <v>10214</v>
      </c>
      <c r="H16500" t="s">
        <v>10215</v>
      </c>
      <c r="I16500" s="2">
        <v>1</v>
      </c>
      <c r="J16500" s="2">
        <v>0</v>
      </c>
      <c r="K16500" s="2">
        <v>0</v>
      </c>
      <c r="L16500" t="s">
        <v>120</v>
      </c>
      <c r="M16500" t="s">
        <v>89</v>
      </c>
      <c r="N16500" t="s">
        <v>90</v>
      </c>
      <c r="O16500" t="s">
        <v>85</v>
      </c>
      <c r="P16500" t="s">
        <v>86</v>
      </c>
      <c r="Q16500">
        <v>5</v>
      </c>
      <c r="R16500">
        <v>5</v>
      </c>
      <c r="S16500">
        <v>5</v>
      </c>
      <c r="T16500">
        <v>5</v>
      </c>
      <c r="U16500">
        <v>5</v>
      </c>
      <c r="V16500">
        <v>5</v>
      </c>
      <c r="W16500">
        <v>5</v>
      </c>
      <c r="X16500">
        <v>6</v>
      </c>
      <c r="Y16500">
        <v>6</v>
      </c>
      <c r="Z16500">
        <v>6</v>
      </c>
      <c r="AA16500">
        <v>6</v>
      </c>
      <c r="AB16500">
        <v>6</v>
      </c>
      <c r="AC16500">
        <v>6</v>
      </c>
      <c r="AD16500">
        <v>6</v>
      </c>
      <c r="AE16500">
        <v>6</v>
      </c>
      <c r="AF16500">
        <v>6</v>
      </c>
      <c r="AG16500">
        <v>6</v>
      </c>
      <c r="AH16500">
        <v>6</v>
      </c>
      <c r="AI16500">
        <v>6</v>
      </c>
      <c r="AJ16500">
        <v>6</v>
      </c>
      <c r="AK16500">
        <v>6</v>
      </c>
      <c r="AL16500">
        <v>6</v>
      </c>
      <c r="AM16500">
        <v>6</v>
      </c>
      <c r="AN16500">
        <v>6</v>
      </c>
      <c r="AO16500">
        <v>6</v>
      </c>
      <c r="AP16500">
        <v>6</v>
      </c>
      <c r="AQ16500">
        <v>6</v>
      </c>
    </row>
    <row r="16501" spans="1:43">
      <c r="A16501" t="s">
        <v>10242</v>
      </c>
      <c r="B16501" t="s">
        <v>10243</v>
      </c>
      <c r="C16501" t="s">
        <v>10240</v>
      </c>
      <c r="D16501" t="s">
        <v>10241</v>
      </c>
      <c r="E16501" t="s">
        <v>10212</v>
      </c>
      <c r="F16501" t="s">
        <v>10213</v>
      </c>
      <c r="G16501" t="s">
        <v>10214</v>
      </c>
      <c r="H16501" t="s">
        <v>10215</v>
      </c>
      <c r="I16501" s="2">
        <v>1</v>
      </c>
      <c r="J16501" s="2">
        <v>0</v>
      </c>
      <c r="K16501" s="2">
        <v>0</v>
      </c>
      <c r="L16501" t="s">
        <v>120</v>
      </c>
      <c r="M16501" t="s">
        <v>83</v>
      </c>
      <c r="N16501" t="s">
        <v>91</v>
      </c>
      <c r="O16501" t="s">
        <v>85</v>
      </c>
      <c r="P16501" t="s">
        <v>86</v>
      </c>
      <c r="Q16501">
        <v>5</v>
      </c>
      <c r="R16501">
        <v>5</v>
      </c>
      <c r="S16501">
        <v>5</v>
      </c>
      <c r="T16501">
        <v>5</v>
      </c>
      <c r="U16501">
        <v>5</v>
      </c>
      <c r="V16501">
        <v>5</v>
      </c>
      <c r="W16501">
        <v>5</v>
      </c>
      <c r="X16501">
        <v>5</v>
      </c>
      <c r="Y16501">
        <v>5</v>
      </c>
      <c r="Z16501">
        <v>5</v>
      </c>
      <c r="AA16501">
        <v>5</v>
      </c>
      <c r="AB16501">
        <v>6</v>
      </c>
      <c r="AC16501">
        <v>6</v>
      </c>
      <c r="AD16501">
        <v>6</v>
      </c>
      <c r="AE16501">
        <v>6</v>
      </c>
      <c r="AF16501">
        <v>6</v>
      </c>
      <c r="AG16501">
        <v>6</v>
      </c>
      <c r="AH16501">
        <v>6</v>
      </c>
      <c r="AI16501">
        <v>6</v>
      </c>
      <c r="AJ16501">
        <v>6</v>
      </c>
      <c r="AK16501">
        <v>6</v>
      </c>
      <c r="AL16501">
        <v>6</v>
      </c>
      <c r="AM16501">
        <v>6</v>
      </c>
      <c r="AN16501">
        <v>6</v>
      </c>
      <c r="AO16501">
        <v>6</v>
      </c>
      <c r="AP16501">
        <v>6</v>
      </c>
      <c r="AQ16501">
        <v>6</v>
      </c>
    </row>
    <row r="16502" spans="1:43">
      <c r="A16502" t="s">
        <v>10244</v>
      </c>
      <c r="B16502" t="s">
        <v>10245</v>
      </c>
      <c r="C16502" t="s">
        <v>10246</v>
      </c>
      <c r="D16502" t="s">
        <v>10247</v>
      </c>
      <c r="E16502" t="s">
        <v>10212</v>
      </c>
      <c r="F16502" t="s">
        <v>10213</v>
      </c>
      <c r="G16502" t="s">
        <v>10214</v>
      </c>
      <c r="H16502" t="s">
        <v>10215</v>
      </c>
      <c r="I16502" s="2">
        <v>1</v>
      </c>
      <c r="J16502" s="2">
        <v>0</v>
      </c>
      <c r="K16502" s="2">
        <v>0</v>
      </c>
      <c r="L16502" t="s">
        <v>120</v>
      </c>
      <c r="M16502" t="s">
        <v>83</v>
      </c>
      <c r="N16502" t="s">
        <v>84</v>
      </c>
      <c r="O16502" t="s">
        <v>85</v>
      </c>
      <c r="P16502" t="s">
        <v>86</v>
      </c>
      <c r="Q16502">
        <v>96</v>
      </c>
      <c r="R16502">
        <v>98</v>
      </c>
      <c r="S16502">
        <v>99</v>
      </c>
      <c r="T16502">
        <v>101</v>
      </c>
      <c r="U16502">
        <v>102</v>
      </c>
      <c r="V16502">
        <v>103</v>
      </c>
      <c r="W16502">
        <v>105</v>
      </c>
      <c r="X16502">
        <v>106</v>
      </c>
      <c r="Y16502">
        <v>107</v>
      </c>
      <c r="Z16502">
        <v>109</v>
      </c>
      <c r="AA16502">
        <v>110</v>
      </c>
      <c r="AB16502">
        <v>111</v>
      </c>
      <c r="AC16502">
        <v>113</v>
      </c>
      <c r="AD16502">
        <v>114</v>
      </c>
      <c r="AE16502">
        <v>115</v>
      </c>
      <c r="AF16502">
        <v>116</v>
      </c>
      <c r="AG16502">
        <v>118</v>
      </c>
      <c r="AH16502">
        <v>119</v>
      </c>
      <c r="AI16502">
        <v>120</v>
      </c>
      <c r="AJ16502">
        <v>121</v>
      </c>
      <c r="AK16502">
        <v>123</v>
      </c>
      <c r="AL16502">
        <v>123</v>
      </c>
      <c r="AM16502">
        <v>123</v>
      </c>
      <c r="AN16502">
        <v>123</v>
      </c>
      <c r="AO16502">
        <v>123</v>
      </c>
      <c r="AP16502">
        <v>124</v>
      </c>
      <c r="AQ16502">
        <v>124</v>
      </c>
    </row>
    <row r="16503" spans="1:43">
      <c r="A16503" t="s">
        <v>10244</v>
      </c>
      <c r="B16503" t="s">
        <v>10245</v>
      </c>
      <c r="C16503" t="s">
        <v>10246</v>
      </c>
      <c r="D16503" t="s">
        <v>10247</v>
      </c>
      <c r="E16503" t="s">
        <v>10212</v>
      </c>
      <c r="F16503" t="s">
        <v>10213</v>
      </c>
      <c r="G16503" t="s">
        <v>10214</v>
      </c>
      <c r="H16503" t="s">
        <v>10215</v>
      </c>
      <c r="I16503" s="2">
        <v>1</v>
      </c>
      <c r="J16503" s="2">
        <v>0</v>
      </c>
      <c r="K16503" s="2">
        <v>0</v>
      </c>
      <c r="L16503" t="s">
        <v>120</v>
      </c>
      <c r="M16503" t="s">
        <v>87</v>
      </c>
      <c r="N16503" t="s">
        <v>88</v>
      </c>
      <c r="O16503" t="s">
        <v>85</v>
      </c>
      <c r="P16503" t="s">
        <v>86</v>
      </c>
      <c r="Q16503">
        <v>96</v>
      </c>
      <c r="R16503">
        <v>96</v>
      </c>
      <c r="S16503">
        <v>97</v>
      </c>
      <c r="T16503">
        <v>97</v>
      </c>
      <c r="U16503">
        <v>98</v>
      </c>
      <c r="V16503">
        <v>98</v>
      </c>
      <c r="W16503">
        <v>98</v>
      </c>
      <c r="X16503">
        <v>99</v>
      </c>
      <c r="Y16503">
        <v>99</v>
      </c>
      <c r="Z16503">
        <v>100</v>
      </c>
      <c r="AA16503">
        <v>100</v>
      </c>
      <c r="AB16503">
        <v>101</v>
      </c>
      <c r="AC16503">
        <v>101</v>
      </c>
      <c r="AD16503">
        <v>102</v>
      </c>
      <c r="AE16503">
        <v>102</v>
      </c>
      <c r="AF16503">
        <v>103</v>
      </c>
      <c r="AG16503">
        <v>103</v>
      </c>
      <c r="AH16503">
        <v>103</v>
      </c>
      <c r="AI16503">
        <v>104</v>
      </c>
      <c r="AJ16503">
        <v>104</v>
      </c>
      <c r="AK16503">
        <v>105</v>
      </c>
      <c r="AL16503">
        <v>105</v>
      </c>
      <c r="AM16503">
        <v>106</v>
      </c>
      <c r="AN16503">
        <v>106</v>
      </c>
      <c r="AO16503">
        <v>106</v>
      </c>
      <c r="AP16503">
        <v>107</v>
      </c>
      <c r="AQ16503">
        <v>107</v>
      </c>
    </row>
    <row r="16504" spans="1:43">
      <c r="A16504" t="s">
        <v>10244</v>
      </c>
      <c r="B16504" t="s">
        <v>10245</v>
      </c>
      <c r="C16504" t="s">
        <v>10246</v>
      </c>
      <c r="D16504" t="s">
        <v>10247</v>
      </c>
      <c r="E16504" t="s">
        <v>10212</v>
      </c>
      <c r="F16504" t="s">
        <v>10213</v>
      </c>
      <c r="G16504" t="s">
        <v>10214</v>
      </c>
      <c r="H16504" t="s">
        <v>10215</v>
      </c>
      <c r="I16504" s="2">
        <v>1</v>
      </c>
      <c r="J16504" s="2">
        <v>0</v>
      </c>
      <c r="K16504" s="2">
        <v>0</v>
      </c>
      <c r="L16504" t="s">
        <v>120</v>
      </c>
      <c r="M16504" t="s">
        <v>89</v>
      </c>
      <c r="N16504" t="s">
        <v>90</v>
      </c>
      <c r="O16504" t="s">
        <v>85</v>
      </c>
      <c r="P16504" t="s">
        <v>86</v>
      </c>
      <c r="Q16504">
        <v>96</v>
      </c>
      <c r="R16504">
        <v>99</v>
      </c>
      <c r="S16504">
        <v>101</v>
      </c>
      <c r="T16504">
        <v>103</v>
      </c>
      <c r="U16504">
        <v>105</v>
      </c>
      <c r="V16504">
        <v>107</v>
      </c>
      <c r="W16504">
        <v>109</v>
      </c>
      <c r="X16504">
        <v>111</v>
      </c>
      <c r="Y16504">
        <v>113</v>
      </c>
      <c r="Z16504">
        <v>114</v>
      </c>
      <c r="AA16504">
        <v>116</v>
      </c>
      <c r="AB16504">
        <v>118</v>
      </c>
      <c r="AC16504">
        <v>120</v>
      </c>
      <c r="AD16504">
        <v>121</v>
      </c>
      <c r="AE16504">
        <v>122</v>
      </c>
      <c r="AF16504">
        <v>123</v>
      </c>
      <c r="AG16504">
        <v>123</v>
      </c>
      <c r="AH16504">
        <v>123</v>
      </c>
      <c r="AI16504">
        <v>123</v>
      </c>
      <c r="AJ16504">
        <v>123</v>
      </c>
      <c r="AK16504">
        <v>123</v>
      </c>
      <c r="AL16504">
        <v>124</v>
      </c>
      <c r="AM16504">
        <v>124</v>
      </c>
      <c r="AN16504">
        <v>124</v>
      </c>
      <c r="AO16504">
        <v>124</v>
      </c>
      <c r="AP16504">
        <v>124</v>
      </c>
      <c r="AQ16504">
        <v>124</v>
      </c>
    </row>
    <row r="16505" spans="1:43">
      <c r="A16505" t="s">
        <v>10244</v>
      </c>
      <c r="B16505" t="s">
        <v>10245</v>
      </c>
      <c r="C16505" t="s">
        <v>10246</v>
      </c>
      <c r="D16505" t="s">
        <v>10247</v>
      </c>
      <c r="E16505" t="s">
        <v>10212</v>
      </c>
      <c r="F16505" t="s">
        <v>10213</v>
      </c>
      <c r="G16505" t="s">
        <v>10214</v>
      </c>
      <c r="H16505" t="s">
        <v>10215</v>
      </c>
      <c r="I16505" s="2">
        <v>1</v>
      </c>
      <c r="J16505" s="2">
        <v>0</v>
      </c>
      <c r="K16505" s="2">
        <v>0</v>
      </c>
      <c r="L16505" t="s">
        <v>120</v>
      </c>
      <c r="M16505" t="s">
        <v>83</v>
      </c>
      <c r="N16505" t="s">
        <v>91</v>
      </c>
      <c r="O16505" t="s">
        <v>85</v>
      </c>
      <c r="P16505" t="s">
        <v>86</v>
      </c>
      <c r="Q16505">
        <v>96</v>
      </c>
      <c r="R16505">
        <v>98</v>
      </c>
      <c r="S16505">
        <v>99</v>
      </c>
      <c r="T16505">
        <v>101</v>
      </c>
      <c r="U16505">
        <v>102</v>
      </c>
      <c r="V16505">
        <v>103</v>
      </c>
      <c r="W16505">
        <v>105</v>
      </c>
      <c r="X16505">
        <v>106</v>
      </c>
      <c r="Y16505">
        <v>107</v>
      </c>
      <c r="Z16505">
        <v>109</v>
      </c>
      <c r="AA16505">
        <v>110</v>
      </c>
      <c r="AB16505">
        <v>111</v>
      </c>
      <c r="AC16505">
        <v>113</v>
      </c>
      <c r="AD16505">
        <v>114</v>
      </c>
      <c r="AE16505">
        <v>115</v>
      </c>
      <c r="AF16505">
        <v>116</v>
      </c>
      <c r="AG16505">
        <v>118</v>
      </c>
      <c r="AH16505">
        <v>119</v>
      </c>
      <c r="AI16505">
        <v>120</v>
      </c>
      <c r="AJ16505">
        <v>121</v>
      </c>
      <c r="AK16505">
        <v>123</v>
      </c>
      <c r="AL16505">
        <v>123</v>
      </c>
      <c r="AM16505">
        <v>123</v>
      </c>
      <c r="AN16505">
        <v>123</v>
      </c>
      <c r="AO16505">
        <v>123</v>
      </c>
      <c r="AP16505">
        <v>124</v>
      </c>
      <c r="AQ16505">
        <v>124</v>
      </c>
    </row>
    <row r="16506" spans="1:43">
      <c r="A16506" t="s">
        <v>10248</v>
      </c>
      <c r="B16506" t="s">
        <v>10249</v>
      </c>
      <c r="C16506" t="s">
        <v>10250</v>
      </c>
      <c r="D16506" t="s">
        <v>10251</v>
      </c>
      <c r="E16506" t="s">
        <v>10212</v>
      </c>
      <c r="F16506" t="s">
        <v>10213</v>
      </c>
      <c r="G16506" t="s">
        <v>10214</v>
      </c>
      <c r="H16506" t="s">
        <v>10215</v>
      </c>
      <c r="I16506" s="2">
        <v>1</v>
      </c>
      <c r="J16506" s="2">
        <v>0</v>
      </c>
      <c r="K16506" s="2">
        <v>0</v>
      </c>
      <c r="L16506" t="s">
        <v>120</v>
      </c>
      <c r="M16506" t="s">
        <v>83</v>
      </c>
      <c r="N16506" t="s">
        <v>84</v>
      </c>
      <c r="O16506" t="s">
        <v>85</v>
      </c>
      <c r="P16506" t="s">
        <v>86</v>
      </c>
      <c r="Q16506">
        <v>76</v>
      </c>
      <c r="R16506">
        <v>77</v>
      </c>
      <c r="S16506">
        <v>78</v>
      </c>
      <c r="T16506">
        <v>79</v>
      </c>
      <c r="U16506">
        <v>80</v>
      </c>
      <c r="V16506">
        <v>81</v>
      </c>
      <c r="W16506">
        <v>82</v>
      </c>
      <c r="X16506">
        <v>83</v>
      </c>
      <c r="Y16506">
        <v>84</v>
      </c>
      <c r="Z16506">
        <v>85</v>
      </c>
      <c r="AA16506">
        <v>86</v>
      </c>
      <c r="AB16506">
        <v>87</v>
      </c>
      <c r="AC16506">
        <v>88</v>
      </c>
      <c r="AD16506">
        <v>89</v>
      </c>
      <c r="AE16506">
        <v>90</v>
      </c>
      <c r="AF16506">
        <v>91</v>
      </c>
      <c r="AG16506">
        <v>92</v>
      </c>
      <c r="AH16506">
        <v>93</v>
      </c>
      <c r="AI16506">
        <v>94</v>
      </c>
      <c r="AJ16506">
        <v>95</v>
      </c>
      <c r="AK16506">
        <v>96</v>
      </c>
      <c r="AL16506">
        <v>96</v>
      </c>
      <c r="AM16506">
        <v>96</v>
      </c>
      <c r="AN16506">
        <v>97</v>
      </c>
      <c r="AO16506">
        <v>97</v>
      </c>
      <c r="AP16506">
        <v>97</v>
      </c>
      <c r="AQ16506">
        <v>97</v>
      </c>
    </row>
    <row r="16507" spans="1:43">
      <c r="A16507" t="s">
        <v>10248</v>
      </c>
      <c r="B16507" t="s">
        <v>10249</v>
      </c>
      <c r="C16507" t="s">
        <v>10250</v>
      </c>
      <c r="D16507" t="s">
        <v>10251</v>
      </c>
      <c r="E16507" t="s">
        <v>10212</v>
      </c>
      <c r="F16507" t="s">
        <v>10213</v>
      </c>
      <c r="G16507" t="s">
        <v>10214</v>
      </c>
      <c r="H16507" t="s">
        <v>10215</v>
      </c>
      <c r="I16507" s="2">
        <v>1</v>
      </c>
      <c r="J16507" s="2">
        <v>0</v>
      </c>
      <c r="K16507" s="2">
        <v>0</v>
      </c>
      <c r="L16507" t="s">
        <v>120</v>
      </c>
      <c r="M16507" t="s">
        <v>87</v>
      </c>
      <c r="N16507" t="s">
        <v>88</v>
      </c>
      <c r="O16507" t="s">
        <v>85</v>
      </c>
      <c r="P16507" t="s">
        <v>86</v>
      </c>
      <c r="Q16507">
        <v>76</v>
      </c>
      <c r="R16507">
        <v>76</v>
      </c>
      <c r="S16507">
        <v>77</v>
      </c>
      <c r="T16507">
        <v>77</v>
      </c>
      <c r="U16507">
        <v>77</v>
      </c>
      <c r="V16507">
        <v>78</v>
      </c>
      <c r="W16507">
        <v>78</v>
      </c>
      <c r="X16507">
        <v>79</v>
      </c>
      <c r="Y16507">
        <v>79</v>
      </c>
      <c r="Z16507">
        <v>79</v>
      </c>
      <c r="AA16507">
        <v>80</v>
      </c>
      <c r="AB16507">
        <v>80</v>
      </c>
      <c r="AC16507">
        <v>80</v>
      </c>
      <c r="AD16507">
        <v>81</v>
      </c>
      <c r="AE16507">
        <v>81</v>
      </c>
      <c r="AF16507">
        <v>81</v>
      </c>
      <c r="AG16507">
        <v>82</v>
      </c>
      <c r="AH16507">
        <v>82</v>
      </c>
      <c r="AI16507">
        <v>82</v>
      </c>
      <c r="AJ16507">
        <v>83</v>
      </c>
      <c r="AK16507">
        <v>83</v>
      </c>
      <c r="AL16507">
        <v>83</v>
      </c>
      <c r="AM16507">
        <v>84</v>
      </c>
      <c r="AN16507">
        <v>84</v>
      </c>
      <c r="AO16507">
        <v>84</v>
      </c>
      <c r="AP16507">
        <v>85</v>
      </c>
      <c r="AQ16507">
        <v>85</v>
      </c>
    </row>
    <row r="16508" spans="1:43">
      <c r="A16508" t="s">
        <v>10248</v>
      </c>
      <c r="B16508" t="s">
        <v>10249</v>
      </c>
      <c r="C16508" t="s">
        <v>10250</v>
      </c>
      <c r="D16508" t="s">
        <v>10251</v>
      </c>
      <c r="E16508" t="s">
        <v>10212</v>
      </c>
      <c r="F16508" t="s">
        <v>10213</v>
      </c>
      <c r="G16508" t="s">
        <v>10214</v>
      </c>
      <c r="H16508" t="s">
        <v>10215</v>
      </c>
      <c r="I16508" s="2">
        <v>1</v>
      </c>
      <c r="J16508" s="2">
        <v>0</v>
      </c>
      <c r="K16508" s="2">
        <v>0</v>
      </c>
      <c r="L16508" t="s">
        <v>120</v>
      </c>
      <c r="M16508" t="s">
        <v>89</v>
      </c>
      <c r="N16508" t="s">
        <v>90</v>
      </c>
      <c r="O16508" t="s">
        <v>85</v>
      </c>
      <c r="P16508" t="s">
        <v>86</v>
      </c>
      <c r="Q16508">
        <v>76</v>
      </c>
      <c r="R16508">
        <v>78</v>
      </c>
      <c r="S16508">
        <v>80</v>
      </c>
      <c r="T16508">
        <v>82</v>
      </c>
      <c r="U16508">
        <v>83</v>
      </c>
      <c r="V16508">
        <v>85</v>
      </c>
      <c r="W16508">
        <v>86</v>
      </c>
      <c r="X16508">
        <v>88</v>
      </c>
      <c r="Y16508">
        <v>89</v>
      </c>
      <c r="Z16508">
        <v>90</v>
      </c>
      <c r="AA16508">
        <v>92</v>
      </c>
      <c r="AB16508">
        <v>93</v>
      </c>
      <c r="AC16508">
        <v>94</v>
      </c>
      <c r="AD16508">
        <v>96</v>
      </c>
      <c r="AE16508">
        <v>97</v>
      </c>
      <c r="AF16508">
        <v>97</v>
      </c>
      <c r="AG16508">
        <v>97</v>
      </c>
      <c r="AH16508">
        <v>97</v>
      </c>
      <c r="AI16508">
        <v>97</v>
      </c>
      <c r="AJ16508">
        <v>97</v>
      </c>
      <c r="AK16508">
        <v>97</v>
      </c>
      <c r="AL16508">
        <v>97</v>
      </c>
      <c r="AM16508">
        <v>98</v>
      </c>
      <c r="AN16508">
        <v>98</v>
      </c>
      <c r="AO16508">
        <v>98</v>
      </c>
      <c r="AP16508">
        <v>98</v>
      </c>
      <c r="AQ16508">
        <v>98</v>
      </c>
    </row>
    <row r="16509" spans="1:43">
      <c r="A16509" t="s">
        <v>10248</v>
      </c>
      <c r="B16509" t="s">
        <v>10249</v>
      </c>
      <c r="C16509" t="s">
        <v>10250</v>
      </c>
      <c r="D16509" t="s">
        <v>10251</v>
      </c>
      <c r="E16509" t="s">
        <v>10212</v>
      </c>
      <c r="F16509" t="s">
        <v>10213</v>
      </c>
      <c r="G16509" t="s">
        <v>10214</v>
      </c>
      <c r="H16509" t="s">
        <v>10215</v>
      </c>
      <c r="I16509" s="2">
        <v>1</v>
      </c>
      <c r="J16509" s="2">
        <v>0</v>
      </c>
      <c r="K16509" s="2">
        <v>0</v>
      </c>
      <c r="L16509" t="s">
        <v>120</v>
      </c>
      <c r="M16509" t="s">
        <v>83</v>
      </c>
      <c r="N16509" t="s">
        <v>91</v>
      </c>
      <c r="O16509" t="s">
        <v>85</v>
      </c>
      <c r="P16509" t="s">
        <v>86</v>
      </c>
      <c r="Q16509">
        <v>76</v>
      </c>
      <c r="R16509">
        <v>77</v>
      </c>
      <c r="S16509">
        <v>78</v>
      </c>
      <c r="T16509">
        <v>79</v>
      </c>
      <c r="U16509">
        <v>80</v>
      </c>
      <c r="V16509">
        <v>81</v>
      </c>
      <c r="W16509">
        <v>82</v>
      </c>
      <c r="X16509">
        <v>83</v>
      </c>
      <c r="Y16509">
        <v>84</v>
      </c>
      <c r="Z16509">
        <v>85</v>
      </c>
      <c r="AA16509">
        <v>86</v>
      </c>
      <c r="AB16509">
        <v>87</v>
      </c>
      <c r="AC16509">
        <v>88</v>
      </c>
      <c r="AD16509">
        <v>89</v>
      </c>
      <c r="AE16509">
        <v>90</v>
      </c>
      <c r="AF16509">
        <v>91</v>
      </c>
      <c r="AG16509">
        <v>92</v>
      </c>
      <c r="AH16509">
        <v>93</v>
      </c>
      <c r="AI16509">
        <v>94</v>
      </c>
      <c r="AJ16509">
        <v>95</v>
      </c>
      <c r="AK16509">
        <v>96</v>
      </c>
      <c r="AL16509">
        <v>96</v>
      </c>
      <c r="AM16509">
        <v>96</v>
      </c>
      <c r="AN16509">
        <v>97</v>
      </c>
      <c r="AO16509">
        <v>97</v>
      </c>
      <c r="AP16509">
        <v>97</v>
      </c>
      <c r="AQ16509">
        <v>97</v>
      </c>
    </row>
    <row r="16510" spans="1:43">
      <c r="A16510" t="s">
        <v>10252</v>
      </c>
      <c r="B16510" t="s">
        <v>10253</v>
      </c>
      <c r="C16510" t="s">
        <v>10250</v>
      </c>
      <c r="D16510" t="s">
        <v>10251</v>
      </c>
      <c r="E16510" t="s">
        <v>10212</v>
      </c>
      <c r="F16510" t="s">
        <v>10213</v>
      </c>
      <c r="G16510" t="s">
        <v>10214</v>
      </c>
      <c r="H16510" t="s">
        <v>10215</v>
      </c>
      <c r="I16510" s="2">
        <v>1</v>
      </c>
      <c r="J16510" s="2">
        <v>0</v>
      </c>
      <c r="K16510" s="2">
        <v>0</v>
      </c>
      <c r="L16510" t="s">
        <v>120</v>
      </c>
      <c r="M16510" t="s">
        <v>83</v>
      </c>
      <c r="N16510" t="s">
        <v>84</v>
      </c>
      <c r="O16510" t="s">
        <v>85</v>
      </c>
      <c r="P16510" t="s">
        <v>86</v>
      </c>
      <c r="Q16510">
        <v>0</v>
      </c>
      <c r="R16510">
        <v>0</v>
      </c>
      <c r="S16510">
        <v>0</v>
      </c>
      <c r="T16510">
        <v>0</v>
      </c>
      <c r="U16510">
        <v>0</v>
      </c>
      <c r="V16510">
        <v>0</v>
      </c>
      <c r="W16510">
        <v>0</v>
      </c>
      <c r="X16510">
        <v>0</v>
      </c>
      <c r="Y16510">
        <v>0</v>
      </c>
      <c r="Z16510">
        <v>0</v>
      </c>
      <c r="AA16510">
        <v>0</v>
      </c>
      <c r="AB16510">
        <v>0</v>
      </c>
      <c r="AC16510">
        <v>0</v>
      </c>
      <c r="AD16510">
        <v>0</v>
      </c>
      <c r="AE16510">
        <v>0</v>
      </c>
      <c r="AF16510">
        <v>0</v>
      </c>
      <c r="AG16510">
        <v>0</v>
      </c>
      <c r="AH16510">
        <v>0</v>
      </c>
      <c r="AI16510">
        <v>0</v>
      </c>
      <c r="AJ16510">
        <v>0</v>
      </c>
      <c r="AK16510">
        <v>0</v>
      </c>
      <c r="AL16510">
        <v>0</v>
      </c>
      <c r="AM16510">
        <v>0</v>
      </c>
      <c r="AN16510">
        <v>0</v>
      </c>
      <c r="AO16510">
        <v>0</v>
      </c>
      <c r="AP16510">
        <v>0</v>
      </c>
      <c r="AQ16510">
        <v>0</v>
      </c>
    </row>
    <row r="16511" spans="1:43">
      <c r="A16511" t="s">
        <v>10252</v>
      </c>
      <c r="B16511" t="s">
        <v>10253</v>
      </c>
      <c r="C16511" t="s">
        <v>10250</v>
      </c>
      <c r="D16511" t="s">
        <v>10251</v>
      </c>
      <c r="E16511" t="s">
        <v>10212</v>
      </c>
      <c r="F16511" t="s">
        <v>10213</v>
      </c>
      <c r="G16511" t="s">
        <v>10214</v>
      </c>
      <c r="H16511" t="s">
        <v>10215</v>
      </c>
      <c r="I16511" s="2">
        <v>1</v>
      </c>
      <c r="J16511" s="2">
        <v>0</v>
      </c>
      <c r="K16511" s="2">
        <v>0</v>
      </c>
      <c r="L16511" t="s">
        <v>120</v>
      </c>
      <c r="M16511" t="s">
        <v>87</v>
      </c>
      <c r="N16511" t="s">
        <v>88</v>
      </c>
      <c r="O16511" t="s">
        <v>85</v>
      </c>
      <c r="P16511" t="s">
        <v>86</v>
      </c>
      <c r="Q16511">
        <v>0</v>
      </c>
      <c r="R16511">
        <v>0</v>
      </c>
      <c r="S16511">
        <v>0</v>
      </c>
      <c r="T16511">
        <v>0</v>
      </c>
      <c r="U16511">
        <v>0</v>
      </c>
      <c r="V16511">
        <v>0</v>
      </c>
      <c r="W16511">
        <v>0</v>
      </c>
      <c r="X16511">
        <v>0</v>
      </c>
      <c r="Y16511">
        <v>0</v>
      </c>
      <c r="Z16511">
        <v>0</v>
      </c>
      <c r="AA16511">
        <v>0</v>
      </c>
      <c r="AB16511">
        <v>0</v>
      </c>
      <c r="AC16511">
        <v>0</v>
      </c>
      <c r="AD16511">
        <v>0</v>
      </c>
      <c r="AE16511">
        <v>0</v>
      </c>
      <c r="AF16511">
        <v>0</v>
      </c>
      <c r="AG16511">
        <v>0</v>
      </c>
      <c r="AH16511">
        <v>0</v>
      </c>
      <c r="AI16511">
        <v>0</v>
      </c>
      <c r="AJ16511">
        <v>0</v>
      </c>
      <c r="AK16511">
        <v>0</v>
      </c>
      <c r="AL16511">
        <v>0</v>
      </c>
      <c r="AM16511">
        <v>0</v>
      </c>
      <c r="AN16511">
        <v>0</v>
      </c>
      <c r="AO16511">
        <v>0</v>
      </c>
      <c r="AP16511">
        <v>0</v>
      </c>
      <c r="AQ16511">
        <v>0</v>
      </c>
    </row>
    <row r="16512" spans="1:43">
      <c r="A16512" t="s">
        <v>10252</v>
      </c>
      <c r="B16512" t="s">
        <v>10253</v>
      </c>
      <c r="C16512" t="s">
        <v>10250</v>
      </c>
      <c r="D16512" t="s">
        <v>10251</v>
      </c>
      <c r="E16512" t="s">
        <v>10212</v>
      </c>
      <c r="F16512" t="s">
        <v>10213</v>
      </c>
      <c r="G16512" t="s">
        <v>10214</v>
      </c>
      <c r="H16512" t="s">
        <v>10215</v>
      </c>
      <c r="I16512" s="2">
        <v>1</v>
      </c>
      <c r="J16512" s="2">
        <v>0</v>
      </c>
      <c r="K16512" s="2">
        <v>0</v>
      </c>
      <c r="L16512" t="s">
        <v>120</v>
      </c>
      <c r="M16512" t="s">
        <v>89</v>
      </c>
      <c r="N16512" t="s">
        <v>90</v>
      </c>
      <c r="O16512" t="s">
        <v>85</v>
      </c>
      <c r="P16512" t="s">
        <v>86</v>
      </c>
      <c r="Q16512">
        <v>0</v>
      </c>
      <c r="R16512">
        <v>0</v>
      </c>
      <c r="S16512">
        <v>0</v>
      </c>
      <c r="T16512">
        <v>0</v>
      </c>
      <c r="U16512">
        <v>0</v>
      </c>
      <c r="V16512">
        <v>0</v>
      </c>
      <c r="W16512">
        <v>0</v>
      </c>
      <c r="X16512">
        <v>0</v>
      </c>
      <c r="Y16512">
        <v>0</v>
      </c>
      <c r="Z16512">
        <v>0</v>
      </c>
      <c r="AA16512">
        <v>0</v>
      </c>
      <c r="AB16512">
        <v>0</v>
      </c>
      <c r="AC16512">
        <v>0</v>
      </c>
      <c r="AD16512">
        <v>0</v>
      </c>
      <c r="AE16512">
        <v>0</v>
      </c>
      <c r="AF16512">
        <v>0</v>
      </c>
      <c r="AG16512">
        <v>0</v>
      </c>
      <c r="AH16512">
        <v>0</v>
      </c>
      <c r="AI16512">
        <v>0</v>
      </c>
      <c r="AJ16512">
        <v>0</v>
      </c>
      <c r="AK16512">
        <v>0</v>
      </c>
      <c r="AL16512">
        <v>0</v>
      </c>
      <c r="AM16512">
        <v>0</v>
      </c>
      <c r="AN16512">
        <v>0</v>
      </c>
      <c r="AO16512">
        <v>0</v>
      </c>
      <c r="AP16512">
        <v>0</v>
      </c>
      <c r="AQ16512">
        <v>0</v>
      </c>
    </row>
    <row r="16513" spans="1:43">
      <c r="A16513" t="s">
        <v>10252</v>
      </c>
      <c r="B16513" t="s">
        <v>10253</v>
      </c>
      <c r="C16513" t="s">
        <v>10250</v>
      </c>
      <c r="D16513" t="s">
        <v>10251</v>
      </c>
      <c r="E16513" t="s">
        <v>10212</v>
      </c>
      <c r="F16513" t="s">
        <v>10213</v>
      </c>
      <c r="G16513" t="s">
        <v>10214</v>
      </c>
      <c r="H16513" t="s">
        <v>10215</v>
      </c>
      <c r="I16513" s="2">
        <v>1</v>
      </c>
      <c r="J16513" s="2">
        <v>0</v>
      </c>
      <c r="K16513" s="2">
        <v>0</v>
      </c>
      <c r="L16513" t="s">
        <v>120</v>
      </c>
      <c r="M16513" t="s">
        <v>83</v>
      </c>
      <c r="N16513" t="s">
        <v>91</v>
      </c>
      <c r="O16513" t="s">
        <v>85</v>
      </c>
      <c r="P16513" t="s">
        <v>86</v>
      </c>
      <c r="Q16513">
        <v>0</v>
      </c>
      <c r="R16513">
        <v>0</v>
      </c>
      <c r="S16513">
        <v>0</v>
      </c>
      <c r="T16513">
        <v>0</v>
      </c>
      <c r="U16513">
        <v>0</v>
      </c>
      <c r="V16513">
        <v>0</v>
      </c>
      <c r="W16513">
        <v>0</v>
      </c>
      <c r="X16513">
        <v>0</v>
      </c>
      <c r="Y16513">
        <v>0</v>
      </c>
      <c r="Z16513">
        <v>0</v>
      </c>
      <c r="AA16513">
        <v>0</v>
      </c>
      <c r="AB16513">
        <v>0</v>
      </c>
      <c r="AC16513">
        <v>0</v>
      </c>
      <c r="AD16513">
        <v>0</v>
      </c>
      <c r="AE16513">
        <v>0</v>
      </c>
      <c r="AF16513">
        <v>0</v>
      </c>
      <c r="AG16513">
        <v>0</v>
      </c>
      <c r="AH16513">
        <v>0</v>
      </c>
      <c r="AI16513">
        <v>0</v>
      </c>
      <c r="AJ16513">
        <v>0</v>
      </c>
      <c r="AK16513">
        <v>0</v>
      </c>
      <c r="AL16513">
        <v>0</v>
      </c>
      <c r="AM16513">
        <v>0</v>
      </c>
      <c r="AN16513">
        <v>0</v>
      </c>
      <c r="AO16513">
        <v>0</v>
      </c>
      <c r="AP16513">
        <v>0</v>
      </c>
      <c r="AQ16513">
        <v>0</v>
      </c>
    </row>
    <row r="16514" spans="1:43">
      <c r="A16514" t="s">
        <v>10254</v>
      </c>
      <c r="B16514" t="s">
        <v>10255</v>
      </c>
      <c r="C16514" t="s">
        <v>10256</v>
      </c>
      <c r="D16514" t="s">
        <v>10257</v>
      </c>
      <c r="E16514" t="s">
        <v>10212</v>
      </c>
      <c r="F16514" t="s">
        <v>10213</v>
      </c>
      <c r="G16514" t="s">
        <v>10214</v>
      </c>
      <c r="H16514" t="s">
        <v>10215</v>
      </c>
      <c r="I16514" s="2">
        <v>1</v>
      </c>
      <c r="J16514" s="2">
        <v>0</v>
      </c>
      <c r="K16514" s="2">
        <v>0</v>
      </c>
      <c r="L16514" t="s">
        <v>120</v>
      </c>
      <c r="M16514" t="s">
        <v>83</v>
      </c>
      <c r="N16514" t="s">
        <v>84</v>
      </c>
      <c r="O16514" t="s">
        <v>85</v>
      </c>
      <c r="P16514" t="s">
        <v>86</v>
      </c>
      <c r="Q16514">
        <v>15</v>
      </c>
      <c r="R16514">
        <v>15</v>
      </c>
      <c r="S16514">
        <v>15</v>
      </c>
      <c r="T16514">
        <v>16</v>
      </c>
      <c r="U16514">
        <v>16</v>
      </c>
      <c r="V16514">
        <v>16</v>
      </c>
      <c r="W16514">
        <v>16</v>
      </c>
      <c r="X16514">
        <v>16</v>
      </c>
      <c r="Y16514">
        <v>17</v>
      </c>
      <c r="Z16514">
        <v>17</v>
      </c>
      <c r="AA16514">
        <v>17</v>
      </c>
      <c r="AB16514">
        <v>17</v>
      </c>
      <c r="AC16514">
        <v>17</v>
      </c>
      <c r="AD16514">
        <v>18</v>
      </c>
      <c r="AE16514">
        <v>18</v>
      </c>
      <c r="AF16514">
        <v>18</v>
      </c>
      <c r="AG16514">
        <v>18</v>
      </c>
      <c r="AH16514">
        <v>18</v>
      </c>
      <c r="AI16514">
        <v>18</v>
      </c>
      <c r="AJ16514">
        <v>19</v>
      </c>
      <c r="AK16514">
        <v>19</v>
      </c>
      <c r="AL16514">
        <v>19</v>
      </c>
      <c r="AM16514">
        <v>19</v>
      </c>
      <c r="AN16514">
        <v>19</v>
      </c>
      <c r="AO16514">
        <v>19</v>
      </c>
      <c r="AP16514">
        <v>19</v>
      </c>
      <c r="AQ16514">
        <v>19</v>
      </c>
    </row>
    <row r="16515" spans="1:43">
      <c r="A16515" t="s">
        <v>10254</v>
      </c>
      <c r="B16515" t="s">
        <v>10255</v>
      </c>
      <c r="C16515" t="s">
        <v>10256</v>
      </c>
      <c r="D16515" t="s">
        <v>10257</v>
      </c>
      <c r="E16515" t="s">
        <v>10212</v>
      </c>
      <c r="F16515" t="s">
        <v>10213</v>
      </c>
      <c r="G16515" t="s">
        <v>10214</v>
      </c>
      <c r="H16515" t="s">
        <v>10215</v>
      </c>
      <c r="I16515" s="2">
        <v>1</v>
      </c>
      <c r="J16515" s="2">
        <v>0</v>
      </c>
      <c r="K16515" s="2">
        <v>0</v>
      </c>
      <c r="L16515" t="s">
        <v>120</v>
      </c>
      <c r="M16515" t="s">
        <v>87</v>
      </c>
      <c r="N16515" t="s">
        <v>88</v>
      </c>
      <c r="O16515" t="s">
        <v>85</v>
      </c>
      <c r="P16515" t="s">
        <v>86</v>
      </c>
      <c r="Q16515">
        <v>15</v>
      </c>
      <c r="R16515">
        <v>15</v>
      </c>
      <c r="S16515">
        <v>15</v>
      </c>
      <c r="T16515">
        <v>15</v>
      </c>
      <c r="U16515">
        <v>15</v>
      </c>
      <c r="V16515">
        <v>15</v>
      </c>
      <c r="W16515">
        <v>15</v>
      </c>
      <c r="X16515">
        <v>15</v>
      </c>
      <c r="Y16515">
        <v>15</v>
      </c>
      <c r="Z16515">
        <v>15</v>
      </c>
      <c r="AA16515">
        <v>15</v>
      </c>
      <c r="AB16515">
        <v>16</v>
      </c>
      <c r="AC16515">
        <v>16</v>
      </c>
      <c r="AD16515">
        <v>16</v>
      </c>
      <c r="AE16515">
        <v>16</v>
      </c>
      <c r="AF16515">
        <v>16</v>
      </c>
      <c r="AG16515">
        <v>16</v>
      </c>
      <c r="AH16515">
        <v>16</v>
      </c>
      <c r="AI16515">
        <v>16</v>
      </c>
      <c r="AJ16515">
        <v>16</v>
      </c>
      <c r="AK16515">
        <v>16</v>
      </c>
      <c r="AL16515">
        <v>16</v>
      </c>
      <c r="AM16515">
        <v>16</v>
      </c>
      <c r="AN16515">
        <v>16</v>
      </c>
      <c r="AO16515">
        <v>16</v>
      </c>
      <c r="AP16515">
        <v>16</v>
      </c>
      <c r="AQ16515">
        <v>17</v>
      </c>
    </row>
    <row r="16516" spans="1:43">
      <c r="A16516" t="s">
        <v>10254</v>
      </c>
      <c r="B16516" t="s">
        <v>10255</v>
      </c>
      <c r="C16516" t="s">
        <v>10256</v>
      </c>
      <c r="D16516" t="s">
        <v>10257</v>
      </c>
      <c r="E16516" t="s">
        <v>10212</v>
      </c>
      <c r="F16516" t="s">
        <v>10213</v>
      </c>
      <c r="G16516" t="s">
        <v>10214</v>
      </c>
      <c r="H16516" t="s">
        <v>10215</v>
      </c>
      <c r="I16516" s="2">
        <v>1</v>
      </c>
      <c r="J16516" s="2">
        <v>0</v>
      </c>
      <c r="K16516" s="2">
        <v>0</v>
      </c>
      <c r="L16516" t="s">
        <v>120</v>
      </c>
      <c r="M16516" t="s">
        <v>89</v>
      </c>
      <c r="N16516" t="s">
        <v>90</v>
      </c>
      <c r="O16516" t="s">
        <v>85</v>
      </c>
      <c r="P16516" t="s">
        <v>86</v>
      </c>
      <c r="Q16516">
        <v>15</v>
      </c>
      <c r="R16516">
        <v>15</v>
      </c>
      <c r="S16516">
        <v>16</v>
      </c>
      <c r="T16516">
        <v>16</v>
      </c>
      <c r="U16516">
        <v>16</v>
      </c>
      <c r="V16516">
        <v>17</v>
      </c>
      <c r="W16516">
        <v>17</v>
      </c>
      <c r="X16516">
        <v>17</v>
      </c>
      <c r="Y16516">
        <v>17</v>
      </c>
      <c r="Z16516">
        <v>18</v>
      </c>
      <c r="AA16516">
        <v>18</v>
      </c>
      <c r="AB16516">
        <v>18</v>
      </c>
      <c r="AC16516">
        <v>19</v>
      </c>
      <c r="AD16516">
        <v>19</v>
      </c>
      <c r="AE16516">
        <v>19</v>
      </c>
      <c r="AF16516">
        <v>19</v>
      </c>
      <c r="AG16516">
        <v>19</v>
      </c>
      <c r="AH16516">
        <v>19</v>
      </c>
      <c r="AI16516">
        <v>19</v>
      </c>
      <c r="AJ16516">
        <v>19</v>
      </c>
      <c r="AK16516">
        <v>19</v>
      </c>
      <c r="AL16516">
        <v>19</v>
      </c>
      <c r="AM16516">
        <v>19</v>
      </c>
      <c r="AN16516">
        <v>19</v>
      </c>
      <c r="AO16516">
        <v>19</v>
      </c>
      <c r="AP16516">
        <v>19</v>
      </c>
      <c r="AQ16516">
        <v>19</v>
      </c>
    </row>
    <row r="16517" spans="1:43">
      <c r="A16517" t="s">
        <v>10254</v>
      </c>
      <c r="B16517" t="s">
        <v>10255</v>
      </c>
      <c r="C16517" t="s">
        <v>10256</v>
      </c>
      <c r="D16517" t="s">
        <v>10257</v>
      </c>
      <c r="E16517" t="s">
        <v>10212</v>
      </c>
      <c r="F16517" t="s">
        <v>10213</v>
      </c>
      <c r="G16517" t="s">
        <v>10214</v>
      </c>
      <c r="H16517" t="s">
        <v>10215</v>
      </c>
      <c r="I16517" s="2">
        <v>1</v>
      </c>
      <c r="J16517" s="2">
        <v>0</v>
      </c>
      <c r="K16517" s="2">
        <v>0</v>
      </c>
      <c r="L16517" t="s">
        <v>120</v>
      </c>
      <c r="M16517" t="s">
        <v>83</v>
      </c>
      <c r="N16517" t="s">
        <v>91</v>
      </c>
      <c r="O16517" t="s">
        <v>85</v>
      </c>
      <c r="P16517" t="s">
        <v>86</v>
      </c>
      <c r="Q16517">
        <v>15</v>
      </c>
      <c r="R16517">
        <v>15</v>
      </c>
      <c r="S16517">
        <v>15</v>
      </c>
      <c r="T16517">
        <v>16</v>
      </c>
      <c r="U16517">
        <v>16</v>
      </c>
      <c r="V16517">
        <v>16</v>
      </c>
      <c r="W16517">
        <v>16</v>
      </c>
      <c r="X16517">
        <v>16</v>
      </c>
      <c r="Y16517">
        <v>17</v>
      </c>
      <c r="Z16517">
        <v>17</v>
      </c>
      <c r="AA16517">
        <v>17</v>
      </c>
      <c r="AB16517">
        <v>17</v>
      </c>
      <c r="AC16517">
        <v>17</v>
      </c>
      <c r="AD16517">
        <v>18</v>
      </c>
      <c r="AE16517">
        <v>18</v>
      </c>
      <c r="AF16517">
        <v>18</v>
      </c>
      <c r="AG16517">
        <v>18</v>
      </c>
      <c r="AH16517">
        <v>18</v>
      </c>
      <c r="AI16517">
        <v>18</v>
      </c>
      <c r="AJ16517">
        <v>19</v>
      </c>
      <c r="AK16517">
        <v>19</v>
      </c>
      <c r="AL16517">
        <v>19</v>
      </c>
      <c r="AM16517">
        <v>19</v>
      </c>
      <c r="AN16517">
        <v>19</v>
      </c>
      <c r="AO16517">
        <v>19</v>
      </c>
      <c r="AP16517">
        <v>19</v>
      </c>
      <c r="AQ16517">
        <v>19</v>
      </c>
    </row>
    <row r="16518" spans="1:43">
      <c r="A16518" t="s">
        <v>10258</v>
      </c>
      <c r="B16518" t="s">
        <v>10259</v>
      </c>
      <c r="C16518" t="s">
        <v>10260</v>
      </c>
      <c r="D16518" t="s">
        <v>10261</v>
      </c>
      <c r="E16518" t="s">
        <v>10212</v>
      </c>
      <c r="F16518" t="s">
        <v>10213</v>
      </c>
      <c r="G16518" t="s">
        <v>10214</v>
      </c>
      <c r="H16518" t="s">
        <v>10215</v>
      </c>
      <c r="I16518" s="2">
        <v>1</v>
      </c>
      <c r="J16518" s="2">
        <v>0</v>
      </c>
      <c r="K16518" s="2">
        <v>0</v>
      </c>
      <c r="L16518" t="s">
        <v>120</v>
      </c>
      <c r="M16518" t="s">
        <v>83</v>
      </c>
      <c r="N16518" t="s">
        <v>84</v>
      </c>
      <c r="O16518" t="s">
        <v>85</v>
      </c>
      <c r="P16518" t="s">
        <v>86</v>
      </c>
      <c r="Q16518">
        <v>8</v>
      </c>
      <c r="R16518">
        <v>8</v>
      </c>
      <c r="S16518">
        <v>8</v>
      </c>
      <c r="T16518">
        <v>8</v>
      </c>
      <c r="U16518">
        <v>8</v>
      </c>
      <c r="V16518">
        <v>8</v>
      </c>
      <c r="W16518">
        <v>8</v>
      </c>
      <c r="X16518">
        <v>8</v>
      </c>
      <c r="Y16518">
        <v>9</v>
      </c>
      <c r="Z16518">
        <v>9</v>
      </c>
      <c r="AA16518">
        <v>9</v>
      </c>
      <c r="AB16518">
        <v>9</v>
      </c>
      <c r="AC16518">
        <v>9</v>
      </c>
      <c r="AD16518">
        <v>9</v>
      </c>
      <c r="AE16518">
        <v>9</v>
      </c>
      <c r="AF16518">
        <v>9</v>
      </c>
      <c r="AG16518">
        <v>9</v>
      </c>
      <c r="AH16518">
        <v>9</v>
      </c>
      <c r="AI16518">
        <v>10</v>
      </c>
      <c r="AJ16518">
        <v>10</v>
      </c>
      <c r="AK16518">
        <v>10</v>
      </c>
      <c r="AL16518">
        <v>10</v>
      </c>
      <c r="AM16518">
        <v>10</v>
      </c>
      <c r="AN16518">
        <v>10</v>
      </c>
      <c r="AO16518">
        <v>10</v>
      </c>
      <c r="AP16518">
        <v>10</v>
      </c>
      <c r="AQ16518">
        <v>10</v>
      </c>
    </row>
    <row r="16519" spans="1:43">
      <c r="A16519" t="s">
        <v>10258</v>
      </c>
      <c r="B16519" t="s">
        <v>10259</v>
      </c>
      <c r="C16519" t="s">
        <v>10260</v>
      </c>
      <c r="D16519" t="s">
        <v>10261</v>
      </c>
      <c r="E16519" t="s">
        <v>10212</v>
      </c>
      <c r="F16519" t="s">
        <v>10213</v>
      </c>
      <c r="G16519" t="s">
        <v>10214</v>
      </c>
      <c r="H16519" t="s">
        <v>10215</v>
      </c>
      <c r="I16519" s="2">
        <v>1</v>
      </c>
      <c r="J16519" s="2">
        <v>0</v>
      </c>
      <c r="K16519" s="2">
        <v>0</v>
      </c>
      <c r="L16519" t="s">
        <v>120</v>
      </c>
      <c r="M16519" t="s">
        <v>87</v>
      </c>
      <c r="N16519" t="s">
        <v>88</v>
      </c>
      <c r="O16519" t="s">
        <v>85</v>
      </c>
      <c r="P16519" t="s">
        <v>86</v>
      </c>
      <c r="Q16519">
        <v>8</v>
      </c>
      <c r="R16519">
        <v>8</v>
      </c>
      <c r="S16519">
        <v>8</v>
      </c>
      <c r="T16519">
        <v>8</v>
      </c>
      <c r="U16519">
        <v>8</v>
      </c>
      <c r="V16519">
        <v>8</v>
      </c>
      <c r="W16519">
        <v>8</v>
      </c>
      <c r="X16519">
        <v>8</v>
      </c>
      <c r="Y16519">
        <v>8</v>
      </c>
      <c r="Z16519">
        <v>8</v>
      </c>
      <c r="AA16519">
        <v>8</v>
      </c>
      <c r="AB16519">
        <v>8</v>
      </c>
      <c r="AC16519">
        <v>8</v>
      </c>
      <c r="AD16519">
        <v>8</v>
      </c>
      <c r="AE16519">
        <v>8</v>
      </c>
      <c r="AF16519">
        <v>8</v>
      </c>
      <c r="AG16519">
        <v>8</v>
      </c>
      <c r="AH16519">
        <v>8</v>
      </c>
      <c r="AI16519">
        <v>8</v>
      </c>
      <c r="AJ16519">
        <v>8</v>
      </c>
      <c r="AK16519">
        <v>8</v>
      </c>
      <c r="AL16519">
        <v>8</v>
      </c>
      <c r="AM16519">
        <v>8</v>
      </c>
      <c r="AN16519">
        <v>8</v>
      </c>
      <c r="AO16519">
        <v>8</v>
      </c>
      <c r="AP16519">
        <v>8</v>
      </c>
      <c r="AQ16519">
        <v>9</v>
      </c>
    </row>
    <row r="16520" spans="1:43">
      <c r="A16520" t="s">
        <v>10258</v>
      </c>
      <c r="B16520" t="s">
        <v>10259</v>
      </c>
      <c r="C16520" t="s">
        <v>10260</v>
      </c>
      <c r="D16520" t="s">
        <v>10261</v>
      </c>
      <c r="E16520" t="s">
        <v>10212</v>
      </c>
      <c r="F16520" t="s">
        <v>10213</v>
      </c>
      <c r="G16520" t="s">
        <v>10214</v>
      </c>
      <c r="H16520" t="s">
        <v>10215</v>
      </c>
      <c r="I16520" s="2">
        <v>1</v>
      </c>
      <c r="J16520" s="2">
        <v>0</v>
      </c>
      <c r="K16520" s="2">
        <v>0</v>
      </c>
      <c r="L16520" t="s">
        <v>120</v>
      </c>
      <c r="M16520" t="s">
        <v>89</v>
      </c>
      <c r="N16520" t="s">
        <v>90</v>
      </c>
      <c r="O16520" t="s">
        <v>85</v>
      </c>
      <c r="P16520" t="s">
        <v>86</v>
      </c>
      <c r="Q16520">
        <v>8</v>
      </c>
      <c r="R16520">
        <v>8</v>
      </c>
      <c r="S16520">
        <v>8</v>
      </c>
      <c r="T16520">
        <v>8</v>
      </c>
      <c r="U16520">
        <v>8</v>
      </c>
      <c r="V16520">
        <v>9</v>
      </c>
      <c r="W16520">
        <v>9</v>
      </c>
      <c r="X16520">
        <v>9</v>
      </c>
      <c r="Y16520">
        <v>9</v>
      </c>
      <c r="Z16520">
        <v>9</v>
      </c>
      <c r="AA16520">
        <v>9</v>
      </c>
      <c r="AB16520">
        <v>9</v>
      </c>
      <c r="AC16520">
        <v>10</v>
      </c>
      <c r="AD16520">
        <v>10</v>
      </c>
      <c r="AE16520">
        <v>10</v>
      </c>
      <c r="AF16520">
        <v>10</v>
      </c>
      <c r="AG16520">
        <v>10</v>
      </c>
      <c r="AH16520">
        <v>10</v>
      </c>
      <c r="AI16520">
        <v>10</v>
      </c>
      <c r="AJ16520">
        <v>10</v>
      </c>
      <c r="AK16520">
        <v>10</v>
      </c>
      <c r="AL16520">
        <v>10</v>
      </c>
      <c r="AM16520">
        <v>10</v>
      </c>
      <c r="AN16520">
        <v>10</v>
      </c>
      <c r="AO16520">
        <v>10</v>
      </c>
      <c r="AP16520">
        <v>10</v>
      </c>
      <c r="AQ16520">
        <v>10</v>
      </c>
    </row>
    <row r="16521" spans="1:43">
      <c r="A16521" t="s">
        <v>10258</v>
      </c>
      <c r="B16521" t="s">
        <v>10259</v>
      </c>
      <c r="C16521" t="s">
        <v>10260</v>
      </c>
      <c r="D16521" t="s">
        <v>10261</v>
      </c>
      <c r="E16521" t="s">
        <v>10212</v>
      </c>
      <c r="F16521" t="s">
        <v>10213</v>
      </c>
      <c r="G16521" t="s">
        <v>10214</v>
      </c>
      <c r="H16521" t="s">
        <v>10215</v>
      </c>
      <c r="I16521" s="2">
        <v>1</v>
      </c>
      <c r="J16521" s="2">
        <v>0</v>
      </c>
      <c r="K16521" s="2">
        <v>0</v>
      </c>
      <c r="L16521" t="s">
        <v>120</v>
      </c>
      <c r="M16521" t="s">
        <v>83</v>
      </c>
      <c r="N16521" t="s">
        <v>91</v>
      </c>
      <c r="O16521" t="s">
        <v>85</v>
      </c>
      <c r="P16521" t="s">
        <v>86</v>
      </c>
      <c r="Q16521">
        <v>8</v>
      </c>
      <c r="R16521">
        <v>8</v>
      </c>
      <c r="S16521">
        <v>8</v>
      </c>
      <c r="T16521">
        <v>8</v>
      </c>
      <c r="U16521">
        <v>8</v>
      </c>
      <c r="V16521">
        <v>8</v>
      </c>
      <c r="W16521">
        <v>8</v>
      </c>
      <c r="X16521">
        <v>8</v>
      </c>
      <c r="Y16521">
        <v>9</v>
      </c>
      <c r="Z16521">
        <v>9</v>
      </c>
      <c r="AA16521">
        <v>9</v>
      </c>
      <c r="AB16521">
        <v>9</v>
      </c>
      <c r="AC16521">
        <v>9</v>
      </c>
      <c r="AD16521">
        <v>9</v>
      </c>
      <c r="AE16521">
        <v>9</v>
      </c>
      <c r="AF16521">
        <v>9</v>
      </c>
      <c r="AG16521">
        <v>9</v>
      </c>
      <c r="AH16521">
        <v>9</v>
      </c>
      <c r="AI16521">
        <v>10</v>
      </c>
      <c r="AJ16521">
        <v>10</v>
      </c>
      <c r="AK16521">
        <v>10</v>
      </c>
      <c r="AL16521">
        <v>10</v>
      </c>
      <c r="AM16521">
        <v>10</v>
      </c>
      <c r="AN16521">
        <v>10</v>
      </c>
      <c r="AO16521">
        <v>10</v>
      </c>
      <c r="AP16521">
        <v>10</v>
      </c>
      <c r="AQ16521">
        <v>10</v>
      </c>
    </row>
    <row r="16522" spans="1:43">
      <c r="A16522" t="s">
        <v>10262</v>
      </c>
      <c r="B16522" t="s">
        <v>10263</v>
      </c>
      <c r="C16522" t="s">
        <v>10264</v>
      </c>
      <c r="D16522" t="s">
        <v>10265</v>
      </c>
      <c r="E16522" t="s">
        <v>10212</v>
      </c>
      <c r="F16522" t="s">
        <v>10213</v>
      </c>
      <c r="G16522" t="s">
        <v>10214</v>
      </c>
      <c r="H16522" t="s">
        <v>10215</v>
      </c>
      <c r="I16522" s="2">
        <v>1</v>
      </c>
      <c r="J16522" s="2">
        <v>0</v>
      </c>
      <c r="K16522" s="2">
        <v>0</v>
      </c>
      <c r="L16522" t="s">
        <v>120</v>
      </c>
      <c r="M16522" t="s">
        <v>83</v>
      </c>
      <c r="N16522" t="s">
        <v>84</v>
      </c>
      <c r="O16522" t="s">
        <v>85</v>
      </c>
      <c r="P16522" t="s">
        <v>86</v>
      </c>
      <c r="Q16522">
        <v>29</v>
      </c>
      <c r="R16522">
        <v>29</v>
      </c>
      <c r="S16522">
        <v>29</v>
      </c>
      <c r="T16522">
        <v>30</v>
      </c>
      <c r="U16522">
        <v>30</v>
      </c>
      <c r="V16522">
        <v>31</v>
      </c>
      <c r="W16522">
        <v>31</v>
      </c>
      <c r="X16522">
        <v>31</v>
      </c>
      <c r="Y16522">
        <v>32</v>
      </c>
      <c r="Z16522">
        <v>32</v>
      </c>
      <c r="AA16522">
        <v>33</v>
      </c>
      <c r="AB16522">
        <v>33</v>
      </c>
      <c r="AC16522">
        <v>33</v>
      </c>
      <c r="AD16522">
        <v>34</v>
      </c>
      <c r="AE16522">
        <v>34</v>
      </c>
      <c r="AF16522">
        <v>34</v>
      </c>
      <c r="AG16522">
        <v>35</v>
      </c>
      <c r="AH16522">
        <v>35</v>
      </c>
      <c r="AI16522">
        <v>35</v>
      </c>
      <c r="AJ16522">
        <v>36</v>
      </c>
      <c r="AK16522">
        <v>36</v>
      </c>
      <c r="AL16522">
        <v>36</v>
      </c>
      <c r="AM16522">
        <v>36</v>
      </c>
      <c r="AN16522">
        <v>36</v>
      </c>
      <c r="AO16522">
        <v>36</v>
      </c>
      <c r="AP16522">
        <v>36</v>
      </c>
      <c r="AQ16522">
        <v>36</v>
      </c>
    </row>
    <row r="16523" spans="1:43">
      <c r="A16523" t="s">
        <v>10262</v>
      </c>
      <c r="B16523" t="s">
        <v>10263</v>
      </c>
      <c r="C16523" t="s">
        <v>10264</v>
      </c>
      <c r="D16523" t="s">
        <v>10265</v>
      </c>
      <c r="E16523" t="s">
        <v>10212</v>
      </c>
      <c r="F16523" t="s">
        <v>10213</v>
      </c>
      <c r="G16523" t="s">
        <v>10214</v>
      </c>
      <c r="H16523" t="s">
        <v>10215</v>
      </c>
      <c r="I16523" s="2">
        <v>1</v>
      </c>
      <c r="J16523" s="2">
        <v>0</v>
      </c>
      <c r="K16523" s="2">
        <v>0</v>
      </c>
      <c r="L16523" t="s">
        <v>120</v>
      </c>
      <c r="M16523" t="s">
        <v>87</v>
      </c>
      <c r="N16523" t="s">
        <v>88</v>
      </c>
      <c r="O16523" t="s">
        <v>85</v>
      </c>
      <c r="P16523" t="s">
        <v>86</v>
      </c>
      <c r="Q16523">
        <v>29</v>
      </c>
      <c r="R16523">
        <v>29</v>
      </c>
      <c r="S16523">
        <v>30</v>
      </c>
      <c r="T16523">
        <v>30</v>
      </c>
      <c r="U16523">
        <v>30</v>
      </c>
      <c r="V16523">
        <v>30</v>
      </c>
      <c r="W16523">
        <v>30</v>
      </c>
      <c r="X16523">
        <v>30</v>
      </c>
      <c r="Y16523">
        <v>30</v>
      </c>
      <c r="Z16523">
        <v>31</v>
      </c>
      <c r="AA16523">
        <v>31</v>
      </c>
      <c r="AB16523">
        <v>31</v>
      </c>
      <c r="AC16523">
        <v>31</v>
      </c>
      <c r="AD16523">
        <v>31</v>
      </c>
      <c r="AE16523">
        <v>31</v>
      </c>
      <c r="AF16523">
        <v>31</v>
      </c>
      <c r="AG16523">
        <v>31</v>
      </c>
      <c r="AH16523">
        <v>32</v>
      </c>
      <c r="AI16523">
        <v>32</v>
      </c>
      <c r="AJ16523">
        <v>32</v>
      </c>
      <c r="AK16523">
        <v>32</v>
      </c>
      <c r="AL16523">
        <v>32</v>
      </c>
      <c r="AM16523">
        <v>32</v>
      </c>
      <c r="AN16523">
        <v>32</v>
      </c>
      <c r="AO16523">
        <v>32</v>
      </c>
      <c r="AP16523">
        <v>33</v>
      </c>
      <c r="AQ16523">
        <v>33</v>
      </c>
    </row>
    <row r="16524" spans="1:43">
      <c r="A16524" t="s">
        <v>10262</v>
      </c>
      <c r="B16524" t="s">
        <v>10263</v>
      </c>
      <c r="C16524" t="s">
        <v>10264</v>
      </c>
      <c r="D16524" t="s">
        <v>10265</v>
      </c>
      <c r="E16524" t="s">
        <v>10212</v>
      </c>
      <c r="F16524" t="s">
        <v>10213</v>
      </c>
      <c r="G16524" t="s">
        <v>10214</v>
      </c>
      <c r="H16524" t="s">
        <v>10215</v>
      </c>
      <c r="I16524" s="2">
        <v>1</v>
      </c>
      <c r="J16524" s="2">
        <v>0</v>
      </c>
      <c r="K16524" s="2">
        <v>0</v>
      </c>
      <c r="L16524" t="s">
        <v>120</v>
      </c>
      <c r="M16524" t="s">
        <v>89</v>
      </c>
      <c r="N16524" t="s">
        <v>90</v>
      </c>
      <c r="O16524" t="s">
        <v>85</v>
      </c>
      <c r="P16524" t="s">
        <v>86</v>
      </c>
      <c r="Q16524">
        <v>29</v>
      </c>
      <c r="R16524">
        <v>30</v>
      </c>
      <c r="S16524">
        <v>30</v>
      </c>
      <c r="T16524">
        <v>31</v>
      </c>
      <c r="U16524">
        <v>31</v>
      </c>
      <c r="V16524">
        <v>32</v>
      </c>
      <c r="W16524">
        <v>33</v>
      </c>
      <c r="X16524">
        <v>33</v>
      </c>
      <c r="Y16524">
        <v>34</v>
      </c>
      <c r="Z16524">
        <v>34</v>
      </c>
      <c r="AA16524">
        <v>35</v>
      </c>
      <c r="AB16524">
        <v>35</v>
      </c>
      <c r="AC16524">
        <v>36</v>
      </c>
      <c r="AD16524">
        <v>36</v>
      </c>
      <c r="AE16524">
        <v>36</v>
      </c>
      <c r="AF16524">
        <v>36</v>
      </c>
      <c r="AG16524">
        <v>37</v>
      </c>
      <c r="AH16524">
        <v>37</v>
      </c>
      <c r="AI16524">
        <v>37</v>
      </c>
      <c r="AJ16524">
        <v>37</v>
      </c>
      <c r="AK16524">
        <v>37</v>
      </c>
      <c r="AL16524">
        <v>37</v>
      </c>
      <c r="AM16524">
        <v>37</v>
      </c>
      <c r="AN16524">
        <v>37</v>
      </c>
      <c r="AO16524">
        <v>37</v>
      </c>
      <c r="AP16524">
        <v>37</v>
      </c>
      <c r="AQ16524">
        <v>37</v>
      </c>
    </row>
    <row r="16525" spans="1:43">
      <c r="A16525" t="s">
        <v>10262</v>
      </c>
      <c r="B16525" t="s">
        <v>10263</v>
      </c>
      <c r="C16525" t="s">
        <v>10264</v>
      </c>
      <c r="D16525" t="s">
        <v>10265</v>
      </c>
      <c r="E16525" t="s">
        <v>10212</v>
      </c>
      <c r="F16525" t="s">
        <v>10213</v>
      </c>
      <c r="G16525" t="s">
        <v>10214</v>
      </c>
      <c r="H16525" t="s">
        <v>10215</v>
      </c>
      <c r="I16525" s="2">
        <v>1</v>
      </c>
      <c r="J16525" s="2">
        <v>0</v>
      </c>
      <c r="K16525" s="2">
        <v>0</v>
      </c>
      <c r="L16525" t="s">
        <v>120</v>
      </c>
      <c r="M16525" t="s">
        <v>83</v>
      </c>
      <c r="N16525" t="s">
        <v>91</v>
      </c>
      <c r="O16525" t="s">
        <v>85</v>
      </c>
      <c r="P16525" t="s">
        <v>86</v>
      </c>
      <c r="Q16525">
        <v>29</v>
      </c>
      <c r="R16525">
        <v>29</v>
      </c>
      <c r="S16525">
        <v>29</v>
      </c>
      <c r="T16525">
        <v>30</v>
      </c>
      <c r="U16525">
        <v>30</v>
      </c>
      <c r="V16525">
        <v>31</v>
      </c>
      <c r="W16525">
        <v>31</v>
      </c>
      <c r="X16525">
        <v>31</v>
      </c>
      <c r="Y16525">
        <v>32</v>
      </c>
      <c r="Z16525">
        <v>32</v>
      </c>
      <c r="AA16525">
        <v>33</v>
      </c>
      <c r="AB16525">
        <v>33</v>
      </c>
      <c r="AC16525">
        <v>33</v>
      </c>
      <c r="AD16525">
        <v>34</v>
      </c>
      <c r="AE16525">
        <v>34</v>
      </c>
      <c r="AF16525">
        <v>34</v>
      </c>
      <c r="AG16525">
        <v>35</v>
      </c>
      <c r="AH16525">
        <v>35</v>
      </c>
      <c r="AI16525">
        <v>35</v>
      </c>
      <c r="AJ16525">
        <v>36</v>
      </c>
      <c r="AK16525">
        <v>36</v>
      </c>
      <c r="AL16525">
        <v>36</v>
      </c>
      <c r="AM16525">
        <v>36</v>
      </c>
      <c r="AN16525">
        <v>36</v>
      </c>
      <c r="AO16525">
        <v>36</v>
      </c>
      <c r="AP16525">
        <v>36</v>
      </c>
      <c r="AQ16525">
        <v>36</v>
      </c>
    </row>
    <row r="16526" spans="1:43">
      <c r="A16526" t="s">
        <v>10266</v>
      </c>
      <c r="B16526" t="s">
        <v>10267</v>
      </c>
      <c r="C16526" t="s">
        <v>10256</v>
      </c>
      <c r="D16526" t="s">
        <v>10257</v>
      </c>
      <c r="E16526" t="s">
        <v>10212</v>
      </c>
      <c r="F16526" t="s">
        <v>10213</v>
      </c>
      <c r="G16526" t="s">
        <v>10214</v>
      </c>
      <c r="H16526" t="s">
        <v>10215</v>
      </c>
      <c r="I16526" s="2">
        <v>1</v>
      </c>
      <c r="J16526" s="2">
        <v>0</v>
      </c>
      <c r="K16526" s="2">
        <v>0</v>
      </c>
      <c r="L16526" t="s">
        <v>120</v>
      </c>
      <c r="M16526" t="s">
        <v>83</v>
      </c>
      <c r="N16526" t="s">
        <v>84</v>
      </c>
      <c r="O16526" t="s">
        <v>85</v>
      </c>
      <c r="P16526" t="s">
        <v>86</v>
      </c>
      <c r="Q16526">
        <v>24</v>
      </c>
      <c r="R16526">
        <v>25</v>
      </c>
      <c r="S16526">
        <v>25</v>
      </c>
      <c r="T16526">
        <v>25</v>
      </c>
      <c r="U16526">
        <v>26</v>
      </c>
      <c r="V16526">
        <v>26</v>
      </c>
      <c r="W16526">
        <v>27</v>
      </c>
      <c r="X16526">
        <v>27</v>
      </c>
      <c r="Y16526">
        <v>27</v>
      </c>
      <c r="Z16526">
        <v>27</v>
      </c>
      <c r="AA16526">
        <v>28</v>
      </c>
      <c r="AB16526">
        <v>28</v>
      </c>
      <c r="AC16526">
        <v>28</v>
      </c>
      <c r="AD16526">
        <v>29</v>
      </c>
      <c r="AE16526">
        <v>29</v>
      </c>
      <c r="AF16526">
        <v>29</v>
      </c>
      <c r="AG16526">
        <v>30</v>
      </c>
      <c r="AH16526">
        <v>30</v>
      </c>
      <c r="AI16526">
        <v>30</v>
      </c>
      <c r="AJ16526">
        <v>31</v>
      </c>
      <c r="AK16526">
        <v>31</v>
      </c>
      <c r="AL16526">
        <v>31</v>
      </c>
      <c r="AM16526">
        <v>31</v>
      </c>
      <c r="AN16526">
        <v>31</v>
      </c>
      <c r="AO16526">
        <v>31</v>
      </c>
      <c r="AP16526">
        <v>31</v>
      </c>
      <c r="AQ16526">
        <v>31</v>
      </c>
    </row>
    <row r="16527" spans="1:43">
      <c r="A16527" t="s">
        <v>10266</v>
      </c>
      <c r="B16527" t="s">
        <v>10267</v>
      </c>
      <c r="C16527" t="s">
        <v>10256</v>
      </c>
      <c r="D16527" t="s">
        <v>10257</v>
      </c>
      <c r="E16527" t="s">
        <v>10212</v>
      </c>
      <c r="F16527" t="s">
        <v>10213</v>
      </c>
      <c r="G16527" t="s">
        <v>10214</v>
      </c>
      <c r="H16527" t="s">
        <v>10215</v>
      </c>
      <c r="I16527" s="2">
        <v>1</v>
      </c>
      <c r="J16527" s="2">
        <v>0</v>
      </c>
      <c r="K16527" s="2">
        <v>0</v>
      </c>
      <c r="L16527" t="s">
        <v>120</v>
      </c>
      <c r="M16527" t="s">
        <v>87</v>
      </c>
      <c r="N16527" t="s">
        <v>88</v>
      </c>
      <c r="O16527" t="s">
        <v>85</v>
      </c>
      <c r="P16527" t="s">
        <v>86</v>
      </c>
      <c r="Q16527">
        <v>24</v>
      </c>
      <c r="R16527">
        <v>24</v>
      </c>
      <c r="S16527">
        <v>24</v>
      </c>
      <c r="T16527">
        <v>25</v>
      </c>
      <c r="U16527">
        <v>25</v>
      </c>
      <c r="V16527">
        <v>25</v>
      </c>
      <c r="W16527">
        <v>25</v>
      </c>
      <c r="X16527">
        <v>25</v>
      </c>
      <c r="Y16527">
        <v>25</v>
      </c>
      <c r="Z16527">
        <v>25</v>
      </c>
      <c r="AA16527">
        <v>25</v>
      </c>
      <c r="AB16527">
        <v>25</v>
      </c>
      <c r="AC16527">
        <v>26</v>
      </c>
      <c r="AD16527">
        <v>26</v>
      </c>
      <c r="AE16527">
        <v>26</v>
      </c>
      <c r="AF16527">
        <v>26</v>
      </c>
      <c r="AG16527">
        <v>26</v>
      </c>
      <c r="AH16527">
        <v>26</v>
      </c>
      <c r="AI16527">
        <v>26</v>
      </c>
      <c r="AJ16527">
        <v>26</v>
      </c>
      <c r="AK16527">
        <v>26</v>
      </c>
      <c r="AL16527">
        <v>27</v>
      </c>
      <c r="AM16527">
        <v>27</v>
      </c>
      <c r="AN16527">
        <v>27</v>
      </c>
      <c r="AO16527">
        <v>27</v>
      </c>
      <c r="AP16527">
        <v>27</v>
      </c>
      <c r="AQ16527">
        <v>27</v>
      </c>
    </row>
    <row r="16528" spans="1:43">
      <c r="A16528" t="s">
        <v>10266</v>
      </c>
      <c r="B16528" t="s">
        <v>10267</v>
      </c>
      <c r="C16528" t="s">
        <v>10256</v>
      </c>
      <c r="D16528" t="s">
        <v>10257</v>
      </c>
      <c r="E16528" t="s">
        <v>10212</v>
      </c>
      <c r="F16528" t="s">
        <v>10213</v>
      </c>
      <c r="G16528" t="s">
        <v>10214</v>
      </c>
      <c r="H16528" t="s">
        <v>10215</v>
      </c>
      <c r="I16528" s="2">
        <v>1</v>
      </c>
      <c r="J16528" s="2">
        <v>0</v>
      </c>
      <c r="K16528" s="2">
        <v>0</v>
      </c>
      <c r="L16528" t="s">
        <v>120</v>
      </c>
      <c r="M16528" t="s">
        <v>89</v>
      </c>
      <c r="N16528" t="s">
        <v>90</v>
      </c>
      <c r="O16528" t="s">
        <v>85</v>
      </c>
      <c r="P16528" t="s">
        <v>86</v>
      </c>
      <c r="Q16528">
        <v>24</v>
      </c>
      <c r="R16528">
        <v>24</v>
      </c>
      <c r="S16528">
        <v>25</v>
      </c>
      <c r="T16528">
        <v>25</v>
      </c>
      <c r="U16528">
        <v>26</v>
      </c>
      <c r="V16528">
        <v>26</v>
      </c>
      <c r="W16528">
        <v>27</v>
      </c>
      <c r="X16528">
        <v>27</v>
      </c>
      <c r="Y16528">
        <v>28</v>
      </c>
      <c r="Z16528">
        <v>28</v>
      </c>
      <c r="AA16528">
        <v>29</v>
      </c>
      <c r="AB16528">
        <v>29</v>
      </c>
      <c r="AC16528">
        <v>29</v>
      </c>
      <c r="AD16528">
        <v>30</v>
      </c>
      <c r="AE16528">
        <v>30</v>
      </c>
      <c r="AF16528">
        <v>30</v>
      </c>
      <c r="AG16528">
        <v>30</v>
      </c>
      <c r="AH16528">
        <v>30</v>
      </c>
      <c r="AI16528">
        <v>30</v>
      </c>
      <c r="AJ16528">
        <v>30</v>
      </c>
      <c r="AK16528">
        <v>30</v>
      </c>
      <c r="AL16528">
        <v>30</v>
      </c>
      <c r="AM16528">
        <v>30</v>
      </c>
      <c r="AN16528">
        <v>30</v>
      </c>
      <c r="AO16528">
        <v>30</v>
      </c>
      <c r="AP16528">
        <v>30</v>
      </c>
      <c r="AQ16528">
        <v>30</v>
      </c>
    </row>
    <row r="16529" spans="1:43">
      <c r="A16529" t="s">
        <v>10266</v>
      </c>
      <c r="B16529" t="s">
        <v>10267</v>
      </c>
      <c r="C16529" t="s">
        <v>10256</v>
      </c>
      <c r="D16529" t="s">
        <v>10257</v>
      </c>
      <c r="E16529" t="s">
        <v>10212</v>
      </c>
      <c r="F16529" t="s">
        <v>10213</v>
      </c>
      <c r="G16529" t="s">
        <v>10214</v>
      </c>
      <c r="H16529" t="s">
        <v>10215</v>
      </c>
      <c r="I16529" s="2">
        <v>1</v>
      </c>
      <c r="J16529" s="2">
        <v>0</v>
      </c>
      <c r="K16529" s="2">
        <v>0</v>
      </c>
      <c r="L16529" t="s">
        <v>120</v>
      </c>
      <c r="M16529" t="s">
        <v>83</v>
      </c>
      <c r="N16529" t="s">
        <v>91</v>
      </c>
      <c r="O16529" t="s">
        <v>85</v>
      </c>
      <c r="P16529" t="s">
        <v>86</v>
      </c>
      <c r="Q16529">
        <v>24</v>
      </c>
      <c r="R16529">
        <v>25</v>
      </c>
      <c r="S16529">
        <v>25</v>
      </c>
      <c r="T16529">
        <v>25</v>
      </c>
      <c r="U16529">
        <v>26</v>
      </c>
      <c r="V16529">
        <v>26</v>
      </c>
      <c r="W16529">
        <v>27</v>
      </c>
      <c r="X16529">
        <v>27</v>
      </c>
      <c r="Y16529">
        <v>27</v>
      </c>
      <c r="Z16529">
        <v>27</v>
      </c>
      <c r="AA16529">
        <v>28</v>
      </c>
      <c r="AB16529">
        <v>28</v>
      </c>
      <c r="AC16529">
        <v>28</v>
      </c>
      <c r="AD16529">
        <v>29</v>
      </c>
      <c r="AE16529">
        <v>29</v>
      </c>
      <c r="AF16529">
        <v>29</v>
      </c>
      <c r="AG16529">
        <v>30</v>
      </c>
      <c r="AH16529">
        <v>30</v>
      </c>
      <c r="AI16529">
        <v>30</v>
      </c>
      <c r="AJ16529">
        <v>31</v>
      </c>
      <c r="AK16529">
        <v>31</v>
      </c>
      <c r="AL16529">
        <v>31</v>
      </c>
      <c r="AM16529">
        <v>31</v>
      </c>
      <c r="AN16529">
        <v>31</v>
      </c>
      <c r="AO16529">
        <v>31</v>
      </c>
      <c r="AP16529">
        <v>31</v>
      </c>
      <c r="AQ16529">
        <v>31</v>
      </c>
    </row>
    <row r="16530" spans="1:43">
      <c r="A16530" t="s">
        <v>10268</v>
      </c>
      <c r="B16530" t="s">
        <v>10269</v>
      </c>
      <c r="C16530" t="s">
        <v>10264</v>
      </c>
      <c r="D16530" t="s">
        <v>10265</v>
      </c>
      <c r="E16530" t="s">
        <v>10212</v>
      </c>
      <c r="F16530" t="s">
        <v>10213</v>
      </c>
      <c r="G16530" t="s">
        <v>10214</v>
      </c>
      <c r="H16530" t="s">
        <v>10215</v>
      </c>
      <c r="I16530" s="2">
        <v>1</v>
      </c>
      <c r="J16530" s="2">
        <v>0</v>
      </c>
      <c r="K16530" s="2">
        <v>0</v>
      </c>
      <c r="L16530" t="s">
        <v>120</v>
      </c>
      <c r="M16530" t="s">
        <v>83</v>
      </c>
      <c r="N16530" t="s">
        <v>84</v>
      </c>
      <c r="O16530" t="s">
        <v>85</v>
      </c>
      <c r="P16530" t="s">
        <v>86</v>
      </c>
      <c r="Q16530">
        <v>13</v>
      </c>
      <c r="R16530">
        <v>13</v>
      </c>
      <c r="S16530">
        <v>14</v>
      </c>
      <c r="T16530">
        <v>14</v>
      </c>
      <c r="U16530">
        <v>14</v>
      </c>
      <c r="V16530">
        <v>14</v>
      </c>
      <c r="W16530">
        <v>14</v>
      </c>
      <c r="X16530">
        <v>14</v>
      </c>
      <c r="Y16530">
        <v>15</v>
      </c>
      <c r="Z16530">
        <v>15</v>
      </c>
      <c r="AA16530">
        <v>15</v>
      </c>
      <c r="AB16530">
        <v>15</v>
      </c>
      <c r="AC16530">
        <v>15</v>
      </c>
      <c r="AD16530">
        <v>15</v>
      </c>
      <c r="AE16530">
        <v>16</v>
      </c>
      <c r="AF16530">
        <v>16</v>
      </c>
      <c r="AG16530">
        <v>16</v>
      </c>
      <c r="AH16530">
        <v>16</v>
      </c>
      <c r="AI16530">
        <v>16</v>
      </c>
      <c r="AJ16530">
        <v>16</v>
      </c>
      <c r="AK16530">
        <v>17</v>
      </c>
      <c r="AL16530">
        <v>17</v>
      </c>
      <c r="AM16530">
        <v>17</v>
      </c>
      <c r="AN16530">
        <v>17</v>
      </c>
      <c r="AO16530">
        <v>17</v>
      </c>
      <c r="AP16530">
        <v>17</v>
      </c>
      <c r="AQ16530">
        <v>17</v>
      </c>
    </row>
    <row r="16531" spans="1:43">
      <c r="A16531" t="s">
        <v>10268</v>
      </c>
      <c r="B16531" t="s">
        <v>10269</v>
      </c>
      <c r="C16531" t="s">
        <v>10264</v>
      </c>
      <c r="D16531" t="s">
        <v>10265</v>
      </c>
      <c r="E16531" t="s">
        <v>10212</v>
      </c>
      <c r="F16531" t="s">
        <v>10213</v>
      </c>
      <c r="G16531" t="s">
        <v>10214</v>
      </c>
      <c r="H16531" t="s">
        <v>10215</v>
      </c>
      <c r="I16531" s="2">
        <v>1</v>
      </c>
      <c r="J16531" s="2">
        <v>0</v>
      </c>
      <c r="K16531" s="2">
        <v>0</v>
      </c>
      <c r="L16531" t="s">
        <v>120</v>
      </c>
      <c r="M16531" t="s">
        <v>87</v>
      </c>
      <c r="N16531" t="s">
        <v>88</v>
      </c>
      <c r="O16531" t="s">
        <v>85</v>
      </c>
      <c r="P16531" t="s">
        <v>86</v>
      </c>
      <c r="Q16531">
        <v>13</v>
      </c>
      <c r="R16531">
        <v>13</v>
      </c>
      <c r="S16531">
        <v>13</v>
      </c>
      <c r="T16531">
        <v>13</v>
      </c>
      <c r="U16531">
        <v>13</v>
      </c>
      <c r="V16531">
        <v>13</v>
      </c>
      <c r="W16531">
        <v>13</v>
      </c>
      <c r="X16531">
        <v>13</v>
      </c>
      <c r="Y16531">
        <v>14</v>
      </c>
      <c r="Z16531">
        <v>14</v>
      </c>
      <c r="AA16531">
        <v>14</v>
      </c>
      <c r="AB16531">
        <v>14</v>
      </c>
      <c r="AC16531">
        <v>14</v>
      </c>
      <c r="AD16531">
        <v>14</v>
      </c>
      <c r="AE16531">
        <v>14</v>
      </c>
      <c r="AF16531">
        <v>14</v>
      </c>
      <c r="AG16531">
        <v>14</v>
      </c>
      <c r="AH16531">
        <v>14</v>
      </c>
      <c r="AI16531">
        <v>14</v>
      </c>
      <c r="AJ16531">
        <v>14</v>
      </c>
      <c r="AK16531">
        <v>14</v>
      </c>
      <c r="AL16531">
        <v>14</v>
      </c>
      <c r="AM16531">
        <v>14</v>
      </c>
      <c r="AN16531">
        <v>14</v>
      </c>
      <c r="AO16531">
        <v>14</v>
      </c>
      <c r="AP16531">
        <v>15</v>
      </c>
      <c r="AQ16531">
        <v>15</v>
      </c>
    </row>
    <row r="16532" spans="1:43">
      <c r="A16532" t="s">
        <v>10268</v>
      </c>
      <c r="B16532" t="s">
        <v>10269</v>
      </c>
      <c r="C16532" t="s">
        <v>10264</v>
      </c>
      <c r="D16532" t="s">
        <v>10265</v>
      </c>
      <c r="E16532" t="s">
        <v>10212</v>
      </c>
      <c r="F16532" t="s">
        <v>10213</v>
      </c>
      <c r="G16532" t="s">
        <v>10214</v>
      </c>
      <c r="H16532" t="s">
        <v>10215</v>
      </c>
      <c r="I16532" s="2">
        <v>1</v>
      </c>
      <c r="J16532" s="2">
        <v>0</v>
      </c>
      <c r="K16532" s="2">
        <v>0</v>
      </c>
      <c r="L16532" t="s">
        <v>120</v>
      </c>
      <c r="M16532" t="s">
        <v>89</v>
      </c>
      <c r="N16532" t="s">
        <v>90</v>
      </c>
      <c r="O16532" t="s">
        <v>85</v>
      </c>
      <c r="P16532" t="s">
        <v>86</v>
      </c>
      <c r="Q16532">
        <v>13</v>
      </c>
      <c r="R16532">
        <v>14</v>
      </c>
      <c r="S16532">
        <v>14</v>
      </c>
      <c r="T16532">
        <v>14</v>
      </c>
      <c r="U16532">
        <v>14</v>
      </c>
      <c r="V16532">
        <v>15</v>
      </c>
      <c r="W16532">
        <v>15</v>
      </c>
      <c r="X16532">
        <v>15</v>
      </c>
      <c r="Y16532">
        <v>15</v>
      </c>
      <c r="Z16532">
        <v>16</v>
      </c>
      <c r="AA16532">
        <v>16</v>
      </c>
      <c r="AB16532">
        <v>16</v>
      </c>
      <c r="AC16532">
        <v>16</v>
      </c>
      <c r="AD16532">
        <v>17</v>
      </c>
      <c r="AE16532">
        <v>17</v>
      </c>
      <c r="AF16532">
        <v>17</v>
      </c>
      <c r="AG16532">
        <v>17</v>
      </c>
      <c r="AH16532">
        <v>17</v>
      </c>
      <c r="AI16532">
        <v>17</v>
      </c>
      <c r="AJ16532">
        <v>17</v>
      </c>
      <c r="AK16532">
        <v>17</v>
      </c>
      <c r="AL16532">
        <v>17</v>
      </c>
      <c r="AM16532">
        <v>17</v>
      </c>
      <c r="AN16532">
        <v>17</v>
      </c>
      <c r="AO16532">
        <v>17</v>
      </c>
      <c r="AP16532">
        <v>17</v>
      </c>
      <c r="AQ16532">
        <v>17</v>
      </c>
    </row>
    <row r="16533" spans="1:43">
      <c r="A16533" t="s">
        <v>10268</v>
      </c>
      <c r="B16533" t="s">
        <v>10269</v>
      </c>
      <c r="C16533" t="s">
        <v>10264</v>
      </c>
      <c r="D16533" t="s">
        <v>10265</v>
      </c>
      <c r="E16533" t="s">
        <v>10212</v>
      </c>
      <c r="F16533" t="s">
        <v>10213</v>
      </c>
      <c r="G16533" t="s">
        <v>10214</v>
      </c>
      <c r="H16533" t="s">
        <v>10215</v>
      </c>
      <c r="I16533" s="2">
        <v>1</v>
      </c>
      <c r="J16533" s="2">
        <v>0</v>
      </c>
      <c r="K16533" s="2">
        <v>0</v>
      </c>
      <c r="L16533" t="s">
        <v>120</v>
      </c>
      <c r="M16533" t="s">
        <v>83</v>
      </c>
      <c r="N16533" t="s">
        <v>91</v>
      </c>
      <c r="O16533" t="s">
        <v>85</v>
      </c>
      <c r="P16533" t="s">
        <v>86</v>
      </c>
      <c r="Q16533">
        <v>13</v>
      </c>
      <c r="R16533">
        <v>13</v>
      </c>
      <c r="S16533">
        <v>14</v>
      </c>
      <c r="T16533">
        <v>14</v>
      </c>
      <c r="U16533">
        <v>14</v>
      </c>
      <c r="V16533">
        <v>14</v>
      </c>
      <c r="W16533">
        <v>14</v>
      </c>
      <c r="X16533">
        <v>14</v>
      </c>
      <c r="Y16533">
        <v>15</v>
      </c>
      <c r="Z16533">
        <v>15</v>
      </c>
      <c r="AA16533">
        <v>15</v>
      </c>
      <c r="AB16533">
        <v>15</v>
      </c>
      <c r="AC16533">
        <v>15</v>
      </c>
      <c r="AD16533">
        <v>15</v>
      </c>
      <c r="AE16533">
        <v>16</v>
      </c>
      <c r="AF16533">
        <v>16</v>
      </c>
      <c r="AG16533">
        <v>16</v>
      </c>
      <c r="AH16533">
        <v>16</v>
      </c>
      <c r="AI16533">
        <v>16</v>
      </c>
      <c r="AJ16533">
        <v>16</v>
      </c>
      <c r="AK16533">
        <v>17</v>
      </c>
      <c r="AL16533">
        <v>17</v>
      </c>
      <c r="AM16533">
        <v>17</v>
      </c>
      <c r="AN16533">
        <v>17</v>
      </c>
      <c r="AO16533">
        <v>17</v>
      </c>
      <c r="AP16533">
        <v>17</v>
      </c>
      <c r="AQ16533">
        <v>17</v>
      </c>
    </row>
    <row r="16534" spans="1:43">
      <c r="A16534" t="s">
        <v>10270</v>
      </c>
      <c r="B16534" t="s">
        <v>10271</v>
      </c>
      <c r="C16534" t="s">
        <v>10256</v>
      </c>
      <c r="D16534" t="s">
        <v>10257</v>
      </c>
      <c r="E16534" t="s">
        <v>10212</v>
      </c>
      <c r="F16534" t="s">
        <v>10213</v>
      </c>
      <c r="G16534" t="s">
        <v>10214</v>
      </c>
      <c r="H16534" t="s">
        <v>10215</v>
      </c>
      <c r="I16534" s="2">
        <v>1</v>
      </c>
      <c r="J16534" s="2">
        <v>0</v>
      </c>
      <c r="K16534" s="2">
        <v>0</v>
      </c>
      <c r="L16534" t="s">
        <v>120</v>
      </c>
      <c r="M16534" t="s">
        <v>83</v>
      </c>
      <c r="N16534" t="s">
        <v>84</v>
      </c>
      <c r="O16534" t="s">
        <v>85</v>
      </c>
      <c r="P16534" t="s">
        <v>86</v>
      </c>
      <c r="Q16534">
        <v>9</v>
      </c>
      <c r="R16534">
        <v>9</v>
      </c>
      <c r="S16534">
        <v>9</v>
      </c>
      <c r="T16534">
        <v>9</v>
      </c>
      <c r="U16534">
        <v>10</v>
      </c>
      <c r="V16534">
        <v>10</v>
      </c>
      <c r="W16534">
        <v>10</v>
      </c>
      <c r="X16534">
        <v>10</v>
      </c>
      <c r="Y16534">
        <v>10</v>
      </c>
      <c r="Z16534">
        <v>10</v>
      </c>
      <c r="AA16534">
        <v>10</v>
      </c>
      <c r="AB16534">
        <v>10</v>
      </c>
      <c r="AC16534">
        <v>11</v>
      </c>
      <c r="AD16534">
        <v>11</v>
      </c>
      <c r="AE16534">
        <v>11</v>
      </c>
      <c r="AF16534">
        <v>11</v>
      </c>
      <c r="AG16534">
        <v>11</v>
      </c>
      <c r="AH16534">
        <v>11</v>
      </c>
      <c r="AI16534">
        <v>11</v>
      </c>
      <c r="AJ16534">
        <v>11</v>
      </c>
      <c r="AK16534">
        <v>11</v>
      </c>
      <c r="AL16534">
        <v>11</v>
      </c>
      <c r="AM16534">
        <v>11</v>
      </c>
      <c r="AN16534">
        <v>11</v>
      </c>
      <c r="AO16534">
        <v>11</v>
      </c>
      <c r="AP16534">
        <v>11</v>
      </c>
      <c r="AQ16534">
        <v>12</v>
      </c>
    </row>
    <row r="16535" spans="1:43">
      <c r="A16535" t="s">
        <v>10270</v>
      </c>
      <c r="B16535" t="s">
        <v>10271</v>
      </c>
      <c r="C16535" t="s">
        <v>10256</v>
      </c>
      <c r="D16535" t="s">
        <v>10257</v>
      </c>
      <c r="E16535" t="s">
        <v>10212</v>
      </c>
      <c r="F16535" t="s">
        <v>10213</v>
      </c>
      <c r="G16535" t="s">
        <v>10214</v>
      </c>
      <c r="H16535" t="s">
        <v>10215</v>
      </c>
      <c r="I16535" s="2">
        <v>1</v>
      </c>
      <c r="J16535" s="2">
        <v>0</v>
      </c>
      <c r="K16535" s="2">
        <v>0</v>
      </c>
      <c r="L16535" t="s">
        <v>120</v>
      </c>
      <c r="M16535" t="s">
        <v>87</v>
      </c>
      <c r="N16535" t="s">
        <v>88</v>
      </c>
      <c r="O16535" t="s">
        <v>85</v>
      </c>
      <c r="P16535" t="s">
        <v>86</v>
      </c>
      <c r="Q16535">
        <v>9</v>
      </c>
      <c r="R16535">
        <v>9</v>
      </c>
      <c r="S16535">
        <v>9</v>
      </c>
      <c r="T16535">
        <v>9</v>
      </c>
      <c r="U16535">
        <v>9</v>
      </c>
      <c r="V16535">
        <v>9</v>
      </c>
      <c r="W16535">
        <v>9</v>
      </c>
      <c r="X16535">
        <v>9</v>
      </c>
      <c r="Y16535">
        <v>9</v>
      </c>
      <c r="Z16535">
        <v>9</v>
      </c>
      <c r="AA16535">
        <v>9</v>
      </c>
      <c r="AB16535">
        <v>9</v>
      </c>
      <c r="AC16535">
        <v>9</v>
      </c>
      <c r="AD16535">
        <v>10</v>
      </c>
      <c r="AE16535">
        <v>10</v>
      </c>
      <c r="AF16535">
        <v>10</v>
      </c>
      <c r="AG16535">
        <v>10</v>
      </c>
      <c r="AH16535">
        <v>10</v>
      </c>
      <c r="AI16535">
        <v>10</v>
      </c>
      <c r="AJ16535">
        <v>10</v>
      </c>
      <c r="AK16535">
        <v>10</v>
      </c>
      <c r="AL16535">
        <v>10</v>
      </c>
      <c r="AM16535">
        <v>10</v>
      </c>
      <c r="AN16535">
        <v>10</v>
      </c>
      <c r="AO16535">
        <v>10</v>
      </c>
      <c r="AP16535">
        <v>10</v>
      </c>
      <c r="AQ16535">
        <v>10</v>
      </c>
    </row>
    <row r="16536" spans="1:43">
      <c r="A16536" t="s">
        <v>10270</v>
      </c>
      <c r="B16536" t="s">
        <v>10271</v>
      </c>
      <c r="C16536" t="s">
        <v>10256</v>
      </c>
      <c r="D16536" t="s">
        <v>10257</v>
      </c>
      <c r="E16536" t="s">
        <v>10212</v>
      </c>
      <c r="F16536" t="s">
        <v>10213</v>
      </c>
      <c r="G16536" t="s">
        <v>10214</v>
      </c>
      <c r="H16536" t="s">
        <v>10215</v>
      </c>
      <c r="I16536" s="2">
        <v>1</v>
      </c>
      <c r="J16536" s="2">
        <v>0</v>
      </c>
      <c r="K16536" s="2">
        <v>0</v>
      </c>
      <c r="L16536" t="s">
        <v>120</v>
      </c>
      <c r="M16536" t="s">
        <v>89</v>
      </c>
      <c r="N16536" t="s">
        <v>90</v>
      </c>
      <c r="O16536" t="s">
        <v>85</v>
      </c>
      <c r="P16536" t="s">
        <v>86</v>
      </c>
      <c r="Q16536">
        <v>9</v>
      </c>
      <c r="R16536">
        <v>9</v>
      </c>
      <c r="S16536">
        <v>10</v>
      </c>
      <c r="T16536">
        <v>10</v>
      </c>
      <c r="U16536">
        <v>10</v>
      </c>
      <c r="V16536">
        <v>10</v>
      </c>
      <c r="W16536">
        <v>10</v>
      </c>
      <c r="X16536">
        <v>10</v>
      </c>
      <c r="Y16536">
        <v>11</v>
      </c>
      <c r="Z16536">
        <v>11</v>
      </c>
      <c r="AA16536">
        <v>11</v>
      </c>
      <c r="AB16536">
        <v>11</v>
      </c>
      <c r="AC16536">
        <v>11</v>
      </c>
      <c r="AD16536">
        <v>11</v>
      </c>
      <c r="AE16536">
        <v>12</v>
      </c>
      <c r="AF16536">
        <v>12</v>
      </c>
      <c r="AG16536">
        <v>12</v>
      </c>
      <c r="AH16536">
        <v>12</v>
      </c>
      <c r="AI16536">
        <v>12</v>
      </c>
      <c r="AJ16536">
        <v>12</v>
      </c>
      <c r="AK16536">
        <v>12</v>
      </c>
      <c r="AL16536">
        <v>12</v>
      </c>
      <c r="AM16536">
        <v>12</v>
      </c>
      <c r="AN16536">
        <v>12</v>
      </c>
      <c r="AO16536">
        <v>12</v>
      </c>
      <c r="AP16536">
        <v>12</v>
      </c>
      <c r="AQ16536">
        <v>12</v>
      </c>
    </row>
    <row r="16537" spans="1:43">
      <c r="A16537" t="s">
        <v>10270</v>
      </c>
      <c r="B16537" t="s">
        <v>10271</v>
      </c>
      <c r="C16537" t="s">
        <v>10256</v>
      </c>
      <c r="D16537" t="s">
        <v>10257</v>
      </c>
      <c r="E16537" t="s">
        <v>10212</v>
      </c>
      <c r="F16537" t="s">
        <v>10213</v>
      </c>
      <c r="G16537" t="s">
        <v>10214</v>
      </c>
      <c r="H16537" t="s">
        <v>10215</v>
      </c>
      <c r="I16537" s="2">
        <v>1</v>
      </c>
      <c r="J16537" s="2">
        <v>0</v>
      </c>
      <c r="K16537" s="2">
        <v>0</v>
      </c>
      <c r="L16537" t="s">
        <v>120</v>
      </c>
      <c r="M16537" t="s">
        <v>83</v>
      </c>
      <c r="N16537" t="s">
        <v>91</v>
      </c>
      <c r="O16537" t="s">
        <v>85</v>
      </c>
      <c r="P16537" t="s">
        <v>86</v>
      </c>
      <c r="Q16537">
        <v>9</v>
      </c>
      <c r="R16537">
        <v>9</v>
      </c>
      <c r="S16537">
        <v>9</v>
      </c>
      <c r="T16537">
        <v>9</v>
      </c>
      <c r="U16537">
        <v>10</v>
      </c>
      <c r="V16537">
        <v>10</v>
      </c>
      <c r="W16537">
        <v>10</v>
      </c>
      <c r="X16537">
        <v>10</v>
      </c>
      <c r="Y16537">
        <v>10</v>
      </c>
      <c r="Z16537">
        <v>10</v>
      </c>
      <c r="AA16537">
        <v>10</v>
      </c>
      <c r="AB16537">
        <v>10</v>
      </c>
      <c r="AC16537">
        <v>11</v>
      </c>
      <c r="AD16537">
        <v>11</v>
      </c>
      <c r="AE16537">
        <v>11</v>
      </c>
      <c r="AF16537">
        <v>11</v>
      </c>
      <c r="AG16537">
        <v>11</v>
      </c>
      <c r="AH16537">
        <v>11</v>
      </c>
      <c r="AI16537">
        <v>11</v>
      </c>
      <c r="AJ16537">
        <v>11</v>
      </c>
      <c r="AK16537">
        <v>11</v>
      </c>
      <c r="AL16537">
        <v>11</v>
      </c>
      <c r="AM16537">
        <v>11</v>
      </c>
      <c r="AN16537">
        <v>11</v>
      </c>
      <c r="AO16537">
        <v>11</v>
      </c>
      <c r="AP16537">
        <v>11</v>
      </c>
      <c r="AQ16537">
        <v>12</v>
      </c>
    </row>
    <row r="16538" spans="1:43">
      <c r="A16538" t="s">
        <v>10272</v>
      </c>
      <c r="B16538" t="s">
        <v>10273</v>
      </c>
      <c r="C16538" t="s">
        <v>10240</v>
      </c>
      <c r="D16538" t="s">
        <v>10241</v>
      </c>
      <c r="E16538" t="s">
        <v>10212</v>
      </c>
      <c r="F16538" t="s">
        <v>10213</v>
      </c>
      <c r="G16538" t="s">
        <v>10214</v>
      </c>
      <c r="H16538" t="s">
        <v>10215</v>
      </c>
      <c r="I16538" s="2">
        <v>1</v>
      </c>
      <c r="J16538" s="2">
        <v>0</v>
      </c>
      <c r="K16538" s="2">
        <v>0</v>
      </c>
      <c r="L16538" t="s">
        <v>120</v>
      </c>
      <c r="M16538" t="s">
        <v>83</v>
      </c>
      <c r="N16538" t="s">
        <v>84</v>
      </c>
      <c r="O16538" t="s">
        <v>85</v>
      </c>
      <c r="P16538" t="s">
        <v>86</v>
      </c>
      <c r="Q16538">
        <v>33</v>
      </c>
      <c r="R16538">
        <v>34</v>
      </c>
      <c r="S16538">
        <v>34</v>
      </c>
      <c r="T16538">
        <v>35</v>
      </c>
      <c r="U16538">
        <v>35</v>
      </c>
      <c r="V16538">
        <v>36</v>
      </c>
      <c r="W16538">
        <v>36</v>
      </c>
      <c r="X16538">
        <v>37</v>
      </c>
      <c r="Y16538">
        <v>37</v>
      </c>
      <c r="Z16538">
        <v>38</v>
      </c>
      <c r="AA16538">
        <v>38</v>
      </c>
      <c r="AB16538">
        <v>38</v>
      </c>
      <c r="AC16538">
        <v>39</v>
      </c>
      <c r="AD16538">
        <v>39</v>
      </c>
      <c r="AE16538">
        <v>40</v>
      </c>
      <c r="AF16538">
        <v>40</v>
      </c>
      <c r="AG16538">
        <v>41</v>
      </c>
      <c r="AH16538">
        <v>41</v>
      </c>
      <c r="AI16538">
        <v>42</v>
      </c>
      <c r="AJ16538">
        <v>42</v>
      </c>
      <c r="AK16538">
        <v>42</v>
      </c>
      <c r="AL16538">
        <v>43</v>
      </c>
      <c r="AM16538">
        <v>43</v>
      </c>
      <c r="AN16538">
        <v>43</v>
      </c>
      <c r="AO16538">
        <v>43</v>
      </c>
      <c r="AP16538">
        <v>43</v>
      </c>
      <c r="AQ16538">
        <v>43</v>
      </c>
    </row>
    <row r="16539" spans="1:43">
      <c r="A16539" t="s">
        <v>10272</v>
      </c>
      <c r="B16539" t="s">
        <v>10273</v>
      </c>
      <c r="C16539" t="s">
        <v>10240</v>
      </c>
      <c r="D16539" t="s">
        <v>10241</v>
      </c>
      <c r="E16539" t="s">
        <v>10212</v>
      </c>
      <c r="F16539" t="s">
        <v>10213</v>
      </c>
      <c r="G16539" t="s">
        <v>10214</v>
      </c>
      <c r="H16539" t="s">
        <v>10215</v>
      </c>
      <c r="I16539" s="2">
        <v>1</v>
      </c>
      <c r="J16539" s="2">
        <v>0</v>
      </c>
      <c r="K16539" s="2">
        <v>0</v>
      </c>
      <c r="L16539" t="s">
        <v>120</v>
      </c>
      <c r="M16539" t="s">
        <v>87</v>
      </c>
      <c r="N16539" t="s">
        <v>88</v>
      </c>
      <c r="O16539" t="s">
        <v>85</v>
      </c>
      <c r="P16539" t="s">
        <v>86</v>
      </c>
      <c r="Q16539">
        <v>33</v>
      </c>
      <c r="R16539">
        <v>33</v>
      </c>
      <c r="S16539">
        <v>33</v>
      </c>
      <c r="T16539">
        <v>33</v>
      </c>
      <c r="U16539">
        <v>34</v>
      </c>
      <c r="V16539">
        <v>34</v>
      </c>
      <c r="W16539">
        <v>34</v>
      </c>
      <c r="X16539">
        <v>34</v>
      </c>
      <c r="Y16539">
        <v>34</v>
      </c>
      <c r="Z16539">
        <v>34</v>
      </c>
      <c r="AA16539">
        <v>35</v>
      </c>
      <c r="AB16539">
        <v>35</v>
      </c>
      <c r="AC16539">
        <v>35</v>
      </c>
      <c r="AD16539">
        <v>35</v>
      </c>
      <c r="AE16539">
        <v>35</v>
      </c>
      <c r="AF16539">
        <v>35</v>
      </c>
      <c r="AG16539">
        <v>36</v>
      </c>
      <c r="AH16539">
        <v>36</v>
      </c>
      <c r="AI16539">
        <v>36</v>
      </c>
      <c r="AJ16539">
        <v>36</v>
      </c>
      <c r="AK16539">
        <v>36</v>
      </c>
      <c r="AL16539">
        <v>36</v>
      </c>
      <c r="AM16539">
        <v>36</v>
      </c>
      <c r="AN16539">
        <v>37</v>
      </c>
      <c r="AO16539">
        <v>37</v>
      </c>
      <c r="AP16539">
        <v>37</v>
      </c>
      <c r="AQ16539">
        <v>37</v>
      </c>
    </row>
    <row r="16540" spans="1:43">
      <c r="A16540" t="s">
        <v>10272</v>
      </c>
      <c r="B16540" t="s">
        <v>10273</v>
      </c>
      <c r="C16540" t="s">
        <v>10240</v>
      </c>
      <c r="D16540" t="s">
        <v>10241</v>
      </c>
      <c r="E16540" t="s">
        <v>10212</v>
      </c>
      <c r="F16540" t="s">
        <v>10213</v>
      </c>
      <c r="G16540" t="s">
        <v>10214</v>
      </c>
      <c r="H16540" t="s">
        <v>10215</v>
      </c>
      <c r="I16540" s="2">
        <v>1</v>
      </c>
      <c r="J16540" s="2">
        <v>0</v>
      </c>
      <c r="K16540" s="2">
        <v>0</v>
      </c>
      <c r="L16540" t="s">
        <v>120</v>
      </c>
      <c r="M16540" t="s">
        <v>89</v>
      </c>
      <c r="N16540" t="s">
        <v>90</v>
      </c>
      <c r="O16540" t="s">
        <v>85</v>
      </c>
      <c r="P16540" t="s">
        <v>86</v>
      </c>
      <c r="Q16540">
        <v>33</v>
      </c>
      <c r="R16540">
        <v>33</v>
      </c>
      <c r="S16540">
        <v>34</v>
      </c>
      <c r="T16540">
        <v>35</v>
      </c>
      <c r="U16540">
        <v>36</v>
      </c>
      <c r="V16540">
        <v>36</v>
      </c>
      <c r="W16540">
        <v>37</v>
      </c>
      <c r="X16540">
        <v>38</v>
      </c>
      <c r="Y16540">
        <v>38</v>
      </c>
      <c r="Z16540">
        <v>39</v>
      </c>
      <c r="AA16540">
        <v>39</v>
      </c>
      <c r="AB16540">
        <v>40</v>
      </c>
      <c r="AC16540">
        <v>41</v>
      </c>
      <c r="AD16540">
        <v>41</v>
      </c>
      <c r="AE16540">
        <v>42</v>
      </c>
      <c r="AF16540">
        <v>42</v>
      </c>
      <c r="AG16540">
        <v>42</v>
      </c>
      <c r="AH16540">
        <v>42</v>
      </c>
      <c r="AI16540">
        <v>42</v>
      </c>
      <c r="AJ16540">
        <v>42</v>
      </c>
      <c r="AK16540">
        <v>42</v>
      </c>
      <c r="AL16540">
        <v>42</v>
      </c>
      <c r="AM16540">
        <v>42</v>
      </c>
      <c r="AN16540">
        <v>42</v>
      </c>
      <c r="AO16540">
        <v>42</v>
      </c>
      <c r="AP16540">
        <v>42</v>
      </c>
      <c r="AQ16540">
        <v>42</v>
      </c>
    </row>
    <row r="16541" spans="1:43">
      <c r="A16541" t="s">
        <v>10272</v>
      </c>
      <c r="B16541" t="s">
        <v>10273</v>
      </c>
      <c r="C16541" t="s">
        <v>10240</v>
      </c>
      <c r="D16541" t="s">
        <v>10241</v>
      </c>
      <c r="E16541" t="s">
        <v>10212</v>
      </c>
      <c r="F16541" t="s">
        <v>10213</v>
      </c>
      <c r="G16541" t="s">
        <v>10214</v>
      </c>
      <c r="H16541" t="s">
        <v>10215</v>
      </c>
      <c r="I16541" s="2">
        <v>1</v>
      </c>
      <c r="J16541" s="2">
        <v>0</v>
      </c>
      <c r="K16541" s="2">
        <v>0</v>
      </c>
      <c r="L16541" t="s">
        <v>120</v>
      </c>
      <c r="M16541" t="s">
        <v>83</v>
      </c>
      <c r="N16541" t="s">
        <v>91</v>
      </c>
      <c r="O16541" t="s">
        <v>85</v>
      </c>
      <c r="P16541" t="s">
        <v>86</v>
      </c>
      <c r="Q16541">
        <v>33</v>
      </c>
      <c r="R16541">
        <v>34</v>
      </c>
      <c r="S16541">
        <v>34</v>
      </c>
      <c r="T16541">
        <v>35</v>
      </c>
      <c r="U16541">
        <v>35</v>
      </c>
      <c r="V16541">
        <v>36</v>
      </c>
      <c r="W16541">
        <v>36</v>
      </c>
      <c r="X16541">
        <v>37</v>
      </c>
      <c r="Y16541">
        <v>37</v>
      </c>
      <c r="Z16541">
        <v>38</v>
      </c>
      <c r="AA16541">
        <v>38</v>
      </c>
      <c r="AB16541">
        <v>38</v>
      </c>
      <c r="AC16541">
        <v>39</v>
      </c>
      <c r="AD16541">
        <v>39</v>
      </c>
      <c r="AE16541">
        <v>40</v>
      </c>
      <c r="AF16541">
        <v>40</v>
      </c>
      <c r="AG16541">
        <v>41</v>
      </c>
      <c r="AH16541">
        <v>41</v>
      </c>
      <c r="AI16541">
        <v>42</v>
      </c>
      <c r="AJ16541">
        <v>42</v>
      </c>
      <c r="AK16541">
        <v>42</v>
      </c>
      <c r="AL16541">
        <v>43</v>
      </c>
      <c r="AM16541">
        <v>43</v>
      </c>
      <c r="AN16541">
        <v>43</v>
      </c>
      <c r="AO16541">
        <v>43</v>
      </c>
      <c r="AP16541">
        <v>43</v>
      </c>
      <c r="AQ16541">
        <v>43</v>
      </c>
    </row>
    <row r="16542" spans="1:43">
      <c r="A16542" t="s">
        <v>10274</v>
      </c>
      <c r="B16542" t="s">
        <v>10275</v>
      </c>
      <c r="C16542" t="s">
        <v>10260</v>
      </c>
      <c r="D16542" t="s">
        <v>10261</v>
      </c>
      <c r="E16542" t="s">
        <v>10212</v>
      </c>
      <c r="F16542" t="s">
        <v>10213</v>
      </c>
      <c r="G16542" t="s">
        <v>10214</v>
      </c>
      <c r="H16542" t="s">
        <v>10215</v>
      </c>
      <c r="I16542" s="2">
        <v>1</v>
      </c>
      <c r="J16542" s="2">
        <v>0</v>
      </c>
      <c r="K16542" s="2">
        <v>0</v>
      </c>
      <c r="L16542" t="s">
        <v>120</v>
      </c>
      <c r="M16542" t="s">
        <v>83</v>
      </c>
      <c r="N16542" t="s">
        <v>84</v>
      </c>
      <c r="O16542" t="s">
        <v>85</v>
      </c>
      <c r="P16542" t="s">
        <v>86</v>
      </c>
      <c r="Q16542">
        <v>18</v>
      </c>
      <c r="R16542">
        <v>18</v>
      </c>
      <c r="S16542">
        <v>18</v>
      </c>
      <c r="T16542">
        <v>18</v>
      </c>
      <c r="U16542">
        <v>19</v>
      </c>
      <c r="V16542">
        <v>19</v>
      </c>
      <c r="W16542">
        <v>19</v>
      </c>
      <c r="X16542">
        <v>19</v>
      </c>
      <c r="Y16542">
        <v>20</v>
      </c>
      <c r="Z16542">
        <v>20</v>
      </c>
      <c r="AA16542">
        <v>20</v>
      </c>
      <c r="AB16542">
        <v>20</v>
      </c>
      <c r="AC16542">
        <v>21</v>
      </c>
      <c r="AD16542">
        <v>21</v>
      </c>
      <c r="AE16542">
        <v>21</v>
      </c>
      <c r="AF16542">
        <v>21</v>
      </c>
      <c r="AG16542">
        <v>22</v>
      </c>
      <c r="AH16542">
        <v>22</v>
      </c>
      <c r="AI16542">
        <v>22</v>
      </c>
      <c r="AJ16542">
        <v>22</v>
      </c>
      <c r="AK16542">
        <v>22</v>
      </c>
      <c r="AL16542">
        <v>22</v>
      </c>
      <c r="AM16542">
        <v>22</v>
      </c>
      <c r="AN16542">
        <v>22</v>
      </c>
      <c r="AO16542">
        <v>23</v>
      </c>
      <c r="AP16542">
        <v>23</v>
      </c>
      <c r="AQ16542">
        <v>23</v>
      </c>
    </row>
    <row r="16543" spans="1:43">
      <c r="A16543" t="s">
        <v>10274</v>
      </c>
      <c r="B16543" t="s">
        <v>10275</v>
      </c>
      <c r="C16543" t="s">
        <v>10260</v>
      </c>
      <c r="D16543" t="s">
        <v>10261</v>
      </c>
      <c r="E16543" t="s">
        <v>10212</v>
      </c>
      <c r="F16543" t="s">
        <v>10213</v>
      </c>
      <c r="G16543" t="s">
        <v>10214</v>
      </c>
      <c r="H16543" t="s">
        <v>10215</v>
      </c>
      <c r="I16543" s="2">
        <v>1</v>
      </c>
      <c r="J16543" s="2">
        <v>0</v>
      </c>
      <c r="K16543" s="2">
        <v>0</v>
      </c>
      <c r="L16543" t="s">
        <v>120</v>
      </c>
      <c r="M16543" t="s">
        <v>87</v>
      </c>
      <c r="N16543" t="s">
        <v>88</v>
      </c>
      <c r="O16543" t="s">
        <v>85</v>
      </c>
      <c r="P16543" t="s">
        <v>86</v>
      </c>
      <c r="Q16543">
        <v>18</v>
      </c>
      <c r="R16543">
        <v>18</v>
      </c>
      <c r="S16543">
        <v>18</v>
      </c>
      <c r="T16543">
        <v>18</v>
      </c>
      <c r="U16543">
        <v>18</v>
      </c>
      <c r="V16543">
        <v>18</v>
      </c>
      <c r="W16543">
        <v>18</v>
      </c>
      <c r="X16543">
        <v>18</v>
      </c>
      <c r="Y16543">
        <v>18</v>
      </c>
      <c r="Z16543">
        <v>18</v>
      </c>
      <c r="AA16543">
        <v>18</v>
      </c>
      <c r="AB16543">
        <v>18</v>
      </c>
      <c r="AC16543">
        <v>19</v>
      </c>
      <c r="AD16543">
        <v>19</v>
      </c>
      <c r="AE16543">
        <v>19</v>
      </c>
      <c r="AF16543">
        <v>19</v>
      </c>
      <c r="AG16543">
        <v>19</v>
      </c>
      <c r="AH16543">
        <v>19</v>
      </c>
      <c r="AI16543">
        <v>19</v>
      </c>
      <c r="AJ16543">
        <v>19</v>
      </c>
      <c r="AK16543">
        <v>19</v>
      </c>
      <c r="AL16543">
        <v>19</v>
      </c>
      <c r="AM16543">
        <v>19</v>
      </c>
      <c r="AN16543">
        <v>19</v>
      </c>
      <c r="AO16543">
        <v>20</v>
      </c>
      <c r="AP16543">
        <v>20</v>
      </c>
      <c r="AQ16543">
        <v>20</v>
      </c>
    </row>
    <row r="16544" spans="1:43">
      <c r="A16544" t="s">
        <v>10274</v>
      </c>
      <c r="B16544" t="s">
        <v>10275</v>
      </c>
      <c r="C16544" t="s">
        <v>10260</v>
      </c>
      <c r="D16544" t="s">
        <v>10261</v>
      </c>
      <c r="E16544" t="s">
        <v>10212</v>
      </c>
      <c r="F16544" t="s">
        <v>10213</v>
      </c>
      <c r="G16544" t="s">
        <v>10214</v>
      </c>
      <c r="H16544" t="s">
        <v>10215</v>
      </c>
      <c r="I16544" s="2">
        <v>1</v>
      </c>
      <c r="J16544" s="2">
        <v>0</v>
      </c>
      <c r="K16544" s="2">
        <v>0</v>
      </c>
      <c r="L16544" t="s">
        <v>120</v>
      </c>
      <c r="M16544" t="s">
        <v>89</v>
      </c>
      <c r="N16544" t="s">
        <v>90</v>
      </c>
      <c r="O16544" t="s">
        <v>85</v>
      </c>
      <c r="P16544" t="s">
        <v>86</v>
      </c>
      <c r="Q16544">
        <v>18</v>
      </c>
      <c r="R16544">
        <v>18</v>
      </c>
      <c r="S16544">
        <v>19</v>
      </c>
      <c r="T16544">
        <v>19</v>
      </c>
      <c r="U16544">
        <v>19</v>
      </c>
      <c r="V16544">
        <v>20</v>
      </c>
      <c r="W16544">
        <v>20</v>
      </c>
      <c r="X16544">
        <v>20</v>
      </c>
      <c r="Y16544">
        <v>21</v>
      </c>
      <c r="Z16544">
        <v>21</v>
      </c>
      <c r="AA16544">
        <v>21</v>
      </c>
      <c r="AB16544">
        <v>22</v>
      </c>
      <c r="AC16544">
        <v>22</v>
      </c>
      <c r="AD16544">
        <v>22</v>
      </c>
      <c r="AE16544">
        <v>23</v>
      </c>
      <c r="AF16544">
        <v>23</v>
      </c>
      <c r="AG16544">
        <v>23</v>
      </c>
      <c r="AH16544">
        <v>23</v>
      </c>
      <c r="AI16544">
        <v>23</v>
      </c>
      <c r="AJ16544">
        <v>23</v>
      </c>
      <c r="AK16544">
        <v>23</v>
      </c>
      <c r="AL16544">
        <v>23</v>
      </c>
      <c r="AM16544">
        <v>23</v>
      </c>
      <c r="AN16544">
        <v>23</v>
      </c>
      <c r="AO16544">
        <v>23</v>
      </c>
      <c r="AP16544">
        <v>23</v>
      </c>
      <c r="AQ16544">
        <v>23</v>
      </c>
    </row>
    <row r="16545" spans="1:43">
      <c r="A16545" t="s">
        <v>10274</v>
      </c>
      <c r="B16545" t="s">
        <v>10275</v>
      </c>
      <c r="C16545" t="s">
        <v>10260</v>
      </c>
      <c r="D16545" t="s">
        <v>10261</v>
      </c>
      <c r="E16545" t="s">
        <v>10212</v>
      </c>
      <c r="F16545" t="s">
        <v>10213</v>
      </c>
      <c r="G16545" t="s">
        <v>10214</v>
      </c>
      <c r="H16545" t="s">
        <v>10215</v>
      </c>
      <c r="I16545" s="2">
        <v>1</v>
      </c>
      <c r="J16545" s="2">
        <v>0</v>
      </c>
      <c r="K16545" s="2">
        <v>0</v>
      </c>
      <c r="L16545" t="s">
        <v>120</v>
      </c>
      <c r="M16545" t="s">
        <v>83</v>
      </c>
      <c r="N16545" t="s">
        <v>91</v>
      </c>
      <c r="O16545" t="s">
        <v>85</v>
      </c>
      <c r="P16545" t="s">
        <v>86</v>
      </c>
      <c r="Q16545">
        <v>18</v>
      </c>
      <c r="R16545">
        <v>18</v>
      </c>
      <c r="S16545">
        <v>18</v>
      </c>
      <c r="T16545">
        <v>18</v>
      </c>
      <c r="U16545">
        <v>19</v>
      </c>
      <c r="V16545">
        <v>19</v>
      </c>
      <c r="W16545">
        <v>19</v>
      </c>
      <c r="X16545">
        <v>19</v>
      </c>
      <c r="Y16545">
        <v>20</v>
      </c>
      <c r="Z16545">
        <v>20</v>
      </c>
      <c r="AA16545">
        <v>20</v>
      </c>
      <c r="AB16545">
        <v>20</v>
      </c>
      <c r="AC16545">
        <v>21</v>
      </c>
      <c r="AD16545">
        <v>21</v>
      </c>
      <c r="AE16545">
        <v>21</v>
      </c>
      <c r="AF16545">
        <v>21</v>
      </c>
      <c r="AG16545">
        <v>22</v>
      </c>
      <c r="AH16545">
        <v>22</v>
      </c>
      <c r="AI16545">
        <v>22</v>
      </c>
      <c r="AJ16545">
        <v>22</v>
      </c>
      <c r="AK16545">
        <v>22</v>
      </c>
      <c r="AL16545">
        <v>22</v>
      </c>
      <c r="AM16545">
        <v>22</v>
      </c>
      <c r="AN16545">
        <v>22</v>
      </c>
      <c r="AO16545">
        <v>23</v>
      </c>
      <c r="AP16545">
        <v>23</v>
      </c>
      <c r="AQ16545">
        <v>23</v>
      </c>
    </row>
    <row r="16546" spans="1:43">
      <c r="A16546" t="s">
        <v>10276</v>
      </c>
      <c r="B16546" t="s">
        <v>10277</v>
      </c>
      <c r="C16546" t="s">
        <v>10260</v>
      </c>
      <c r="D16546" t="s">
        <v>10261</v>
      </c>
      <c r="E16546" t="s">
        <v>10212</v>
      </c>
      <c r="F16546" t="s">
        <v>10213</v>
      </c>
      <c r="G16546" t="s">
        <v>10214</v>
      </c>
      <c r="H16546" t="s">
        <v>10215</v>
      </c>
      <c r="I16546" s="2">
        <v>1</v>
      </c>
      <c r="J16546" s="2">
        <v>0</v>
      </c>
      <c r="K16546" s="2">
        <v>0</v>
      </c>
      <c r="L16546" t="s">
        <v>120</v>
      </c>
      <c r="M16546" t="s">
        <v>83</v>
      </c>
      <c r="N16546" t="s">
        <v>84</v>
      </c>
      <c r="O16546" t="s">
        <v>85</v>
      </c>
      <c r="P16546" t="s">
        <v>86</v>
      </c>
      <c r="Q16546">
        <v>26</v>
      </c>
      <c r="R16546">
        <v>27</v>
      </c>
      <c r="S16546">
        <v>27</v>
      </c>
      <c r="T16546">
        <v>28</v>
      </c>
      <c r="U16546">
        <v>28</v>
      </c>
      <c r="V16546">
        <v>28</v>
      </c>
      <c r="W16546">
        <v>29</v>
      </c>
      <c r="X16546">
        <v>29</v>
      </c>
      <c r="Y16546">
        <v>29</v>
      </c>
      <c r="Z16546">
        <v>30</v>
      </c>
      <c r="AA16546">
        <v>30</v>
      </c>
      <c r="AB16546">
        <v>30</v>
      </c>
      <c r="AC16546">
        <v>31</v>
      </c>
      <c r="AD16546">
        <v>31</v>
      </c>
      <c r="AE16546">
        <v>32</v>
      </c>
      <c r="AF16546">
        <v>32</v>
      </c>
      <c r="AG16546">
        <v>32</v>
      </c>
      <c r="AH16546">
        <v>33</v>
      </c>
      <c r="AI16546">
        <v>33</v>
      </c>
      <c r="AJ16546">
        <v>33</v>
      </c>
      <c r="AK16546">
        <v>34</v>
      </c>
      <c r="AL16546">
        <v>34</v>
      </c>
      <c r="AM16546">
        <v>34</v>
      </c>
      <c r="AN16546">
        <v>34</v>
      </c>
      <c r="AO16546">
        <v>34</v>
      </c>
      <c r="AP16546">
        <v>34</v>
      </c>
      <c r="AQ16546">
        <v>34</v>
      </c>
    </row>
    <row r="16547" spans="1:43">
      <c r="A16547" t="s">
        <v>10276</v>
      </c>
      <c r="B16547" t="s">
        <v>10277</v>
      </c>
      <c r="C16547" t="s">
        <v>10260</v>
      </c>
      <c r="D16547" t="s">
        <v>10261</v>
      </c>
      <c r="E16547" t="s">
        <v>10212</v>
      </c>
      <c r="F16547" t="s">
        <v>10213</v>
      </c>
      <c r="G16547" t="s">
        <v>10214</v>
      </c>
      <c r="H16547" t="s">
        <v>10215</v>
      </c>
      <c r="I16547" s="2">
        <v>1</v>
      </c>
      <c r="J16547" s="2">
        <v>0</v>
      </c>
      <c r="K16547" s="2">
        <v>0</v>
      </c>
      <c r="L16547" t="s">
        <v>120</v>
      </c>
      <c r="M16547" t="s">
        <v>87</v>
      </c>
      <c r="N16547" t="s">
        <v>88</v>
      </c>
      <c r="O16547" t="s">
        <v>85</v>
      </c>
      <c r="P16547" t="s">
        <v>86</v>
      </c>
      <c r="Q16547">
        <v>26</v>
      </c>
      <c r="R16547">
        <v>26</v>
      </c>
      <c r="S16547">
        <v>26</v>
      </c>
      <c r="T16547">
        <v>27</v>
      </c>
      <c r="U16547">
        <v>27</v>
      </c>
      <c r="V16547">
        <v>27</v>
      </c>
      <c r="W16547">
        <v>27</v>
      </c>
      <c r="X16547">
        <v>27</v>
      </c>
      <c r="Y16547">
        <v>27</v>
      </c>
      <c r="Z16547">
        <v>27</v>
      </c>
      <c r="AA16547">
        <v>27</v>
      </c>
      <c r="AB16547">
        <v>28</v>
      </c>
      <c r="AC16547">
        <v>28</v>
      </c>
      <c r="AD16547">
        <v>28</v>
      </c>
      <c r="AE16547">
        <v>28</v>
      </c>
      <c r="AF16547">
        <v>28</v>
      </c>
      <c r="AG16547">
        <v>28</v>
      </c>
      <c r="AH16547">
        <v>28</v>
      </c>
      <c r="AI16547">
        <v>28</v>
      </c>
      <c r="AJ16547">
        <v>29</v>
      </c>
      <c r="AK16547">
        <v>29</v>
      </c>
      <c r="AL16547">
        <v>29</v>
      </c>
      <c r="AM16547">
        <v>29</v>
      </c>
      <c r="AN16547">
        <v>29</v>
      </c>
      <c r="AO16547">
        <v>29</v>
      </c>
      <c r="AP16547">
        <v>29</v>
      </c>
      <c r="AQ16547">
        <v>29</v>
      </c>
    </row>
    <row r="16548" spans="1:43">
      <c r="A16548" t="s">
        <v>10276</v>
      </c>
      <c r="B16548" t="s">
        <v>10277</v>
      </c>
      <c r="C16548" t="s">
        <v>10260</v>
      </c>
      <c r="D16548" t="s">
        <v>10261</v>
      </c>
      <c r="E16548" t="s">
        <v>10212</v>
      </c>
      <c r="F16548" t="s">
        <v>10213</v>
      </c>
      <c r="G16548" t="s">
        <v>10214</v>
      </c>
      <c r="H16548" t="s">
        <v>10215</v>
      </c>
      <c r="I16548" s="2">
        <v>1</v>
      </c>
      <c r="J16548" s="2">
        <v>0</v>
      </c>
      <c r="K16548" s="2">
        <v>0</v>
      </c>
      <c r="L16548" t="s">
        <v>120</v>
      </c>
      <c r="M16548" t="s">
        <v>89</v>
      </c>
      <c r="N16548" t="s">
        <v>90</v>
      </c>
      <c r="O16548" t="s">
        <v>85</v>
      </c>
      <c r="P16548" t="s">
        <v>86</v>
      </c>
      <c r="Q16548">
        <v>26</v>
      </c>
      <c r="R16548">
        <v>26</v>
      </c>
      <c r="S16548">
        <v>27</v>
      </c>
      <c r="T16548">
        <v>27</v>
      </c>
      <c r="U16548">
        <v>28</v>
      </c>
      <c r="V16548">
        <v>29</v>
      </c>
      <c r="W16548">
        <v>29</v>
      </c>
      <c r="X16548">
        <v>30</v>
      </c>
      <c r="Y16548">
        <v>30</v>
      </c>
      <c r="Z16548">
        <v>31</v>
      </c>
      <c r="AA16548">
        <v>31</v>
      </c>
      <c r="AB16548">
        <v>32</v>
      </c>
      <c r="AC16548">
        <v>32</v>
      </c>
      <c r="AD16548">
        <v>33</v>
      </c>
      <c r="AE16548">
        <v>33</v>
      </c>
      <c r="AF16548">
        <v>33</v>
      </c>
      <c r="AG16548">
        <v>33</v>
      </c>
      <c r="AH16548">
        <v>33</v>
      </c>
      <c r="AI16548">
        <v>33</v>
      </c>
      <c r="AJ16548">
        <v>33</v>
      </c>
      <c r="AK16548">
        <v>33</v>
      </c>
      <c r="AL16548">
        <v>33</v>
      </c>
      <c r="AM16548">
        <v>33</v>
      </c>
      <c r="AN16548">
        <v>33</v>
      </c>
      <c r="AO16548">
        <v>33</v>
      </c>
      <c r="AP16548">
        <v>33</v>
      </c>
      <c r="AQ16548">
        <v>33</v>
      </c>
    </row>
    <row r="16549" spans="1:43">
      <c r="A16549" t="s">
        <v>10276</v>
      </c>
      <c r="B16549" t="s">
        <v>10277</v>
      </c>
      <c r="C16549" t="s">
        <v>10260</v>
      </c>
      <c r="D16549" t="s">
        <v>10261</v>
      </c>
      <c r="E16549" t="s">
        <v>10212</v>
      </c>
      <c r="F16549" t="s">
        <v>10213</v>
      </c>
      <c r="G16549" t="s">
        <v>10214</v>
      </c>
      <c r="H16549" t="s">
        <v>10215</v>
      </c>
      <c r="I16549" s="2">
        <v>1</v>
      </c>
      <c r="J16549" s="2">
        <v>0</v>
      </c>
      <c r="K16549" s="2">
        <v>0</v>
      </c>
      <c r="L16549" t="s">
        <v>120</v>
      </c>
      <c r="M16549" t="s">
        <v>83</v>
      </c>
      <c r="N16549" t="s">
        <v>91</v>
      </c>
      <c r="O16549" t="s">
        <v>85</v>
      </c>
      <c r="P16549" t="s">
        <v>86</v>
      </c>
      <c r="Q16549">
        <v>26</v>
      </c>
      <c r="R16549">
        <v>27</v>
      </c>
      <c r="S16549">
        <v>27</v>
      </c>
      <c r="T16549">
        <v>28</v>
      </c>
      <c r="U16549">
        <v>28</v>
      </c>
      <c r="V16549">
        <v>28</v>
      </c>
      <c r="W16549">
        <v>29</v>
      </c>
      <c r="X16549">
        <v>29</v>
      </c>
      <c r="Y16549">
        <v>29</v>
      </c>
      <c r="Z16549">
        <v>30</v>
      </c>
      <c r="AA16549">
        <v>30</v>
      </c>
      <c r="AB16549">
        <v>30</v>
      </c>
      <c r="AC16549">
        <v>31</v>
      </c>
      <c r="AD16549">
        <v>31</v>
      </c>
      <c r="AE16549">
        <v>32</v>
      </c>
      <c r="AF16549">
        <v>32</v>
      </c>
      <c r="AG16549">
        <v>32</v>
      </c>
      <c r="AH16549">
        <v>33</v>
      </c>
      <c r="AI16549">
        <v>33</v>
      </c>
      <c r="AJ16549">
        <v>33</v>
      </c>
      <c r="AK16549">
        <v>34</v>
      </c>
      <c r="AL16549">
        <v>34</v>
      </c>
      <c r="AM16549">
        <v>34</v>
      </c>
      <c r="AN16549">
        <v>34</v>
      </c>
      <c r="AO16549">
        <v>34</v>
      </c>
      <c r="AP16549">
        <v>34</v>
      </c>
      <c r="AQ16549">
        <v>34</v>
      </c>
    </row>
    <row r="16550" spans="1:43">
      <c r="A16550" t="s">
        <v>10278</v>
      </c>
      <c r="B16550" t="s">
        <v>10279</v>
      </c>
      <c r="C16550" t="s">
        <v>10260</v>
      </c>
      <c r="D16550" t="s">
        <v>10261</v>
      </c>
      <c r="E16550" t="s">
        <v>10212</v>
      </c>
      <c r="F16550" t="s">
        <v>10213</v>
      </c>
      <c r="G16550" t="s">
        <v>10214</v>
      </c>
      <c r="H16550" t="s">
        <v>10215</v>
      </c>
      <c r="I16550" s="2">
        <v>1</v>
      </c>
      <c r="J16550" s="2">
        <v>0</v>
      </c>
      <c r="K16550" s="2">
        <v>0</v>
      </c>
      <c r="L16550" t="s">
        <v>120</v>
      </c>
      <c r="M16550" t="s">
        <v>83</v>
      </c>
      <c r="N16550" t="s">
        <v>84</v>
      </c>
      <c r="O16550" t="s">
        <v>85</v>
      </c>
      <c r="P16550" t="s">
        <v>86</v>
      </c>
      <c r="Q16550">
        <v>13</v>
      </c>
      <c r="R16550">
        <v>13</v>
      </c>
      <c r="S16550">
        <v>14</v>
      </c>
      <c r="T16550">
        <v>14</v>
      </c>
      <c r="U16550">
        <v>14</v>
      </c>
      <c r="V16550">
        <v>14</v>
      </c>
      <c r="W16550">
        <v>14</v>
      </c>
      <c r="X16550">
        <v>15</v>
      </c>
      <c r="Y16550">
        <v>15</v>
      </c>
      <c r="Z16550">
        <v>15</v>
      </c>
      <c r="AA16550">
        <v>15</v>
      </c>
      <c r="AB16550">
        <v>15</v>
      </c>
      <c r="AC16550">
        <v>15</v>
      </c>
      <c r="AD16550">
        <v>16</v>
      </c>
      <c r="AE16550">
        <v>16</v>
      </c>
      <c r="AF16550">
        <v>16</v>
      </c>
      <c r="AG16550">
        <v>16</v>
      </c>
      <c r="AH16550">
        <v>16</v>
      </c>
      <c r="AI16550">
        <v>16</v>
      </c>
      <c r="AJ16550">
        <v>17</v>
      </c>
      <c r="AK16550">
        <v>17</v>
      </c>
      <c r="AL16550">
        <v>17</v>
      </c>
      <c r="AM16550">
        <v>17</v>
      </c>
      <c r="AN16550">
        <v>17</v>
      </c>
      <c r="AO16550">
        <v>17</v>
      </c>
      <c r="AP16550">
        <v>17</v>
      </c>
      <c r="AQ16550">
        <v>17</v>
      </c>
    </row>
    <row r="16551" spans="1:43">
      <c r="A16551" t="s">
        <v>10278</v>
      </c>
      <c r="B16551" t="s">
        <v>10279</v>
      </c>
      <c r="C16551" t="s">
        <v>10260</v>
      </c>
      <c r="D16551" t="s">
        <v>10261</v>
      </c>
      <c r="E16551" t="s">
        <v>10212</v>
      </c>
      <c r="F16551" t="s">
        <v>10213</v>
      </c>
      <c r="G16551" t="s">
        <v>10214</v>
      </c>
      <c r="H16551" t="s">
        <v>10215</v>
      </c>
      <c r="I16551" s="2">
        <v>1</v>
      </c>
      <c r="J16551" s="2">
        <v>0</v>
      </c>
      <c r="K16551" s="2">
        <v>0</v>
      </c>
      <c r="L16551" t="s">
        <v>120</v>
      </c>
      <c r="M16551" t="s">
        <v>87</v>
      </c>
      <c r="N16551" t="s">
        <v>88</v>
      </c>
      <c r="O16551" t="s">
        <v>85</v>
      </c>
      <c r="P16551" t="s">
        <v>86</v>
      </c>
      <c r="Q16551">
        <v>13</v>
      </c>
      <c r="R16551">
        <v>13</v>
      </c>
      <c r="S16551">
        <v>13</v>
      </c>
      <c r="T16551">
        <v>13</v>
      </c>
      <c r="U16551">
        <v>13</v>
      </c>
      <c r="V16551">
        <v>13</v>
      </c>
      <c r="W16551">
        <v>14</v>
      </c>
      <c r="X16551">
        <v>14</v>
      </c>
      <c r="Y16551">
        <v>14</v>
      </c>
      <c r="Z16551">
        <v>14</v>
      </c>
      <c r="AA16551">
        <v>14</v>
      </c>
      <c r="AB16551">
        <v>14</v>
      </c>
      <c r="AC16551">
        <v>14</v>
      </c>
      <c r="AD16551">
        <v>14</v>
      </c>
      <c r="AE16551">
        <v>14</v>
      </c>
      <c r="AF16551">
        <v>14</v>
      </c>
      <c r="AG16551">
        <v>14</v>
      </c>
      <c r="AH16551">
        <v>14</v>
      </c>
      <c r="AI16551">
        <v>14</v>
      </c>
      <c r="AJ16551">
        <v>14</v>
      </c>
      <c r="AK16551">
        <v>14</v>
      </c>
      <c r="AL16551">
        <v>14</v>
      </c>
      <c r="AM16551">
        <v>14</v>
      </c>
      <c r="AN16551">
        <v>15</v>
      </c>
      <c r="AO16551">
        <v>15</v>
      </c>
      <c r="AP16551">
        <v>15</v>
      </c>
      <c r="AQ16551">
        <v>15</v>
      </c>
    </row>
    <row r="16552" spans="1:43">
      <c r="A16552" t="s">
        <v>10278</v>
      </c>
      <c r="B16552" t="s">
        <v>10279</v>
      </c>
      <c r="C16552" t="s">
        <v>10260</v>
      </c>
      <c r="D16552" t="s">
        <v>10261</v>
      </c>
      <c r="E16552" t="s">
        <v>10212</v>
      </c>
      <c r="F16552" t="s">
        <v>10213</v>
      </c>
      <c r="G16552" t="s">
        <v>10214</v>
      </c>
      <c r="H16552" t="s">
        <v>10215</v>
      </c>
      <c r="I16552" s="2">
        <v>1</v>
      </c>
      <c r="J16552" s="2">
        <v>0</v>
      </c>
      <c r="K16552" s="2">
        <v>0</v>
      </c>
      <c r="L16552" t="s">
        <v>120</v>
      </c>
      <c r="M16552" t="s">
        <v>89</v>
      </c>
      <c r="N16552" t="s">
        <v>90</v>
      </c>
      <c r="O16552" t="s">
        <v>85</v>
      </c>
      <c r="P16552" t="s">
        <v>86</v>
      </c>
      <c r="Q16552">
        <v>13</v>
      </c>
      <c r="R16552">
        <v>14</v>
      </c>
      <c r="S16552">
        <v>14</v>
      </c>
      <c r="T16552">
        <v>14</v>
      </c>
      <c r="U16552">
        <v>15</v>
      </c>
      <c r="V16552">
        <v>15</v>
      </c>
      <c r="W16552">
        <v>15</v>
      </c>
      <c r="X16552">
        <v>15</v>
      </c>
      <c r="Y16552">
        <v>16</v>
      </c>
      <c r="Z16552">
        <v>16</v>
      </c>
      <c r="AA16552">
        <v>16</v>
      </c>
      <c r="AB16552">
        <v>16</v>
      </c>
      <c r="AC16552">
        <v>17</v>
      </c>
      <c r="AD16552">
        <v>17</v>
      </c>
      <c r="AE16552">
        <v>17</v>
      </c>
      <c r="AF16552">
        <v>17</v>
      </c>
      <c r="AG16552">
        <v>17</v>
      </c>
      <c r="AH16552">
        <v>17</v>
      </c>
      <c r="AI16552">
        <v>17</v>
      </c>
      <c r="AJ16552">
        <v>17</v>
      </c>
      <c r="AK16552">
        <v>17</v>
      </c>
      <c r="AL16552">
        <v>17</v>
      </c>
      <c r="AM16552">
        <v>17</v>
      </c>
      <c r="AN16552">
        <v>17</v>
      </c>
      <c r="AO16552">
        <v>17</v>
      </c>
      <c r="AP16552">
        <v>17</v>
      </c>
      <c r="AQ16552">
        <v>17</v>
      </c>
    </row>
    <row r="16553" spans="1:43">
      <c r="A16553" t="s">
        <v>10278</v>
      </c>
      <c r="B16553" t="s">
        <v>10279</v>
      </c>
      <c r="C16553" t="s">
        <v>10260</v>
      </c>
      <c r="D16553" t="s">
        <v>10261</v>
      </c>
      <c r="E16553" t="s">
        <v>10212</v>
      </c>
      <c r="F16553" t="s">
        <v>10213</v>
      </c>
      <c r="G16553" t="s">
        <v>10214</v>
      </c>
      <c r="H16553" t="s">
        <v>10215</v>
      </c>
      <c r="I16553" s="2">
        <v>1</v>
      </c>
      <c r="J16553" s="2">
        <v>0</v>
      </c>
      <c r="K16553" s="2">
        <v>0</v>
      </c>
      <c r="L16553" t="s">
        <v>120</v>
      </c>
      <c r="M16553" t="s">
        <v>83</v>
      </c>
      <c r="N16553" t="s">
        <v>91</v>
      </c>
      <c r="O16553" t="s">
        <v>85</v>
      </c>
      <c r="P16553" t="s">
        <v>86</v>
      </c>
      <c r="Q16553">
        <v>13</v>
      </c>
      <c r="R16553">
        <v>13</v>
      </c>
      <c r="S16553">
        <v>14</v>
      </c>
      <c r="T16553">
        <v>14</v>
      </c>
      <c r="U16553">
        <v>14</v>
      </c>
      <c r="V16553">
        <v>14</v>
      </c>
      <c r="W16553">
        <v>14</v>
      </c>
      <c r="X16553">
        <v>15</v>
      </c>
      <c r="Y16553">
        <v>15</v>
      </c>
      <c r="Z16553">
        <v>15</v>
      </c>
      <c r="AA16553">
        <v>15</v>
      </c>
      <c r="AB16553">
        <v>15</v>
      </c>
      <c r="AC16553">
        <v>15</v>
      </c>
      <c r="AD16553">
        <v>16</v>
      </c>
      <c r="AE16553">
        <v>16</v>
      </c>
      <c r="AF16553">
        <v>16</v>
      </c>
      <c r="AG16553">
        <v>16</v>
      </c>
      <c r="AH16553">
        <v>16</v>
      </c>
      <c r="AI16553">
        <v>16</v>
      </c>
      <c r="AJ16553">
        <v>17</v>
      </c>
      <c r="AK16553">
        <v>17</v>
      </c>
      <c r="AL16553">
        <v>17</v>
      </c>
      <c r="AM16553">
        <v>17</v>
      </c>
      <c r="AN16553">
        <v>17</v>
      </c>
      <c r="AO16553">
        <v>17</v>
      </c>
      <c r="AP16553">
        <v>17</v>
      </c>
      <c r="AQ16553">
        <v>17</v>
      </c>
    </row>
    <row r="16554" spans="1:43">
      <c r="A16554" t="s">
        <v>10280</v>
      </c>
      <c r="B16554" t="s">
        <v>10281</v>
      </c>
      <c r="C16554" t="s">
        <v>10260</v>
      </c>
      <c r="D16554" t="s">
        <v>10261</v>
      </c>
      <c r="E16554" t="s">
        <v>10212</v>
      </c>
      <c r="F16554" t="s">
        <v>10213</v>
      </c>
      <c r="G16554" t="s">
        <v>10214</v>
      </c>
      <c r="H16554" t="s">
        <v>10215</v>
      </c>
      <c r="I16554" s="2">
        <v>1</v>
      </c>
      <c r="J16554" s="2">
        <v>0</v>
      </c>
      <c r="K16554" s="2">
        <v>0</v>
      </c>
      <c r="L16554" t="s">
        <v>120</v>
      </c>
      <c r="M16554" t="s">
        <v>83</v>
      </c>
      <c r="N16554" t="s">
        <v>84</v>
      </c>
      <c r="O16554" t="s">
        <v>85</v>
      </c>
      <c r="P16554" t="s">
        <v>86</v>
      </c>
      <c r="Q16554">
        <v>162</v>
      </c>
      <c r="R16554">
        <v>164</v>
      </c>
      <c r="S16554">
        <v>166</v>
      </c>
      <c r="T16554">
        <v>169</v>
      </c>
      <c r="U16554">
        <v>171</v>
      </c>
      <c r="V16554">
        <v>173</v>
      </c>
      <c r="W16554">
        <v>176</v>
      </c>
      <c r="X16554">
        <v>178</v>
      </c>
      <c r="Y16554">
        <v>180</v>
      </c>
      <c r="Z16554">
        <v>182</v>
      </c>
      <c r="AA16554">
        <v>185</v>
      </c>
      <c r="AB16554">
        <v>187</v>
      </c>
      <c r="AC16554">
        <v>189</v>
      </c>
      <c r="AD16554">
        <v>191</v>
      </c>
      <c r="AE16554">
        <v>193</v>
      </c>
      <c r="AF16554">
        <v>196</v>
      </c>
      <c r="AG16554">
        <v>198</v>
      </c>
      <c r="AH16554">
        <v>200</v>
      </c>
      <c r="AI16554">
        <v>202</v>
      </c>
      <c r="AJ16554">
        <v>204</v>
      </c>
      <c r="AK16554">
        <v>206</v>
      </c>
      <c r="AL16554">
        <v>207</v>
      </c>
      <c r="AM16554">
        <v>207</v>
      </c>
      <c r="AN16554">
        <v>208</v>
      </c>
      <c r="AO16554">
        <v>208</v>
      </c>
      <c r="AP16554">
        <v>208</v>
      </c>
      <c r="AQ16554">
        <v>209</v>
      </c>
    </row>
    <row r="16555" spans="1:43">
      <c r="A16555" t="s">
        <v>10280</v>
      </c>
      <c r="B16555" t="s">
        <v>10281</v>
      </c>
      <c r="C16555" t="s">
        <v>10260</v>
      </c>
      <c r="D16555" t="s">
        <v>10261</v>
      </c>
      <c r="E16555" t="s">
        <v>10212</v>
      </c>
      <c r="F16555" t="s">
        <v>10213</v>
      </c>
      <c r="G16555" t="s">
        <v>10214</v>
      </c>
      <c r="H16555" t="s">
        <v>10215</v>
      </c>
      <c r="I16555" s="2">
        <v>1</v>
      </c>
      <c r="J16555" s="2">
        <v>0</v>
      </c>
      <c r="K16555" s="2">
        <v>0</v>
      </c>
      <c r="L16555" t="s">
        <v>120</v>
      </c>
      <c r="M16555" t="s">
        <v>87</v>
      </c>
      <c r="N16555" t="s">
        <v>88</v>
      </c>
      <c r="O16555" t="s">
        <v>85</v>
      </c>
      <c r="P16555" t="s">
        <v>86</v>
      </c>
      <c r="Q16555">
        <v>162</v>
      </c>
      <c r="R16555">
        <v>163</v>
      </c>
      <c r="S16555">
        <v>164</v>
      </c>
      <c r="T16555">
        <v>165</v>
      </c>
      <c r="U16555">
        <v>166</v>
      </c>
      <c r="V16555">
        <v>166</v>
      </c>
      <c r="W16555">
        <v>167</v>
      </c>
      <c r="X16555">
        <v>168</v>
      </c>
      <c r="Y16555">
        <v>169</v>
      </c>
      <c r="Z16555">
        <v>169</v>
      </c>
      <c r="AA16555">
        <v>170</v>
      </c>
      <c r="AB16555">
        <v>171</v>
      </c>
      <c r="AC16555">
        <v>172</v>
      </c>
      <c r="AD16555">
        <v>172</v>
      </c>
      <c r="AE16555">
        <v>173</v>
      </c>
      <c r="AF16555">
        <v>174</v>
      </c>
      <c r="AG16555">
        <v>175</v>
      </c>
      <c r="AH16555">
        <v>175</v>
      </c>
      <c r="AI16555">
        <v>176</v>
      </c>
      <c r="AJ16555">
        <v>177</v>
      </c>
      <c r="AK16555">
        <v>177</v>
      </c>
      <c r="AL16555">
        <v>178</v>
      </c>
      <c r="AM16555">
        <v>179</v>
      </c>
      <c r="AN16555">
        <v>179</v>
      </c>
      <c r="AO16555">
        <v>180</v>
      </c>
      <c r="AP16555">
        <v>181</v>
      </c>
      <c r="AQ16555">
        <v>181</v>
      </c>
    </row>
    <row r="16556" spans="1:43">
      <c r="A16556" t="s">
        <v>10280</v>
      </c>
      <c r="B16556" t="s">
        <v>10281</v>
      </c>
      <c r="C16556" t="s">
        <v>10260</v>
      </c>
      <c r="D16556" t="s">
        <v>10261</v>
      </c>
      <c r="E16556" t="s">
        <v>10212</v>
      </c>
      <c r="F16556" t="s">
        <v>10213</v>
      </c>
      <c r="G16556" t="s">
        <v>10214</v>
      </c>
      <c r="H16556" t="s">
        <v>10215</v>
      </c>
      <c r="I16556" s="2">
        <v>1</v>
      </c>
      <c r="J16556" s="2">
        <v>0</v>
      </c>
      <c r="K16556" s="2">
        <v>0</v>
      </c>
      <c r="L16556" t="s">
        <v>120</v>
      </c>
      <c r="M16556" t="s">
        <v>89</v>
      </c>
      <c r="N16556" t="s">
        <v>90</v>
      </c>
      <c r="O16556" t="s">
        <v>85</v>
      </c>
      <c r="P16556" t="s">
        <v>86</v>
      </c>
      <c r="Q16556">
        <v>162</v>
      </c>
      <c r="R16556">
        <v>166</v>
      </c>
      <c r="S16556">
        <v>170</v>
      </c>
      <c r="T16556">
        <v>173</v>
      </c>
      <c r="U16556">
        <v>177</v>
      </c>
      <c r="V16556">
        <v>180</v>
      </c>
      <c r="W16556">
        <v>184</v>
      </c>
      <c r="X16556">
        <v>187</v>
      </c>
      <c r="Y16556">
        <v>190</v>
      </c>
      <c r="Z16556">
        <v>193</v>
      </c>
      <c r="AA16556">
        <v>196</v>
      </c>
      <c r="AB16556">
        <v>199</v>
      </c>
      <c r="AC16556">
        <v>202</v>
      </c>
      <c r="AD16556">
        <v>205</v>
      </c>
      <c r="AE16556">
        <v>207</v>
      </c>
      <c r="AF16556">
        <v>207</v>
      </c>
      <c r="AG16556">
        <v>208</v>
      </c>
      <c r="AH16556">
        <v>208</v>
      </c>
      <c r="AI16556">
        <v>208</v>
      </c>
      <c r="AJ16556">
        <v>209</v>
      </c>
      <c r="AK16556">
        <v>209</v>
      </c>
      <c r="AL16556">
        <v>209</v>
      </c>
      <c r="AM16556">
        <v>209</v>
      </c>
      <c r="AN16556">
        <v>210</v>
      </c>
      <c r="AO16556">
        <v>210</v>
      </c>
      <c r="AP16556">
        <v>210</v>
      </c>
      <c r="AQ16556">
        <v>210</v>
      </c>
    </row>
    <row r="16557" spans="1:43">
      <c r="A16557" t="s">
        <v>10280</v>
      </c>
      <c r="B16557" t="s">
        <v>10281</v>
      </c>
      <c r="C16557" t="s">
        <v>10260</v>
      </c>
      <c r="D16557" t="s">
        <v>10261</v>
      </c>
      <c r="E16557" t="s">
        <v>10212</v>
      </c>
      <c r="F16557" t="s">
        <v>10213</v>
      </c>
      <c r="G16557" t="s">
        <v>10214</v>
      </c>
      <c r="H16557" t="s">
        <v>10215</v>
      </c>
      <c r="I16557" s="2">
        <v>1</v>
      </c>
      <c r="J16557" s="2">
        <v>0</v>
      </c>
      <c r="K16557" s="2">
        <v>0</v>
      </c>
      <c r="L16557" t="s">
        <v>120</v>
      </c>
      <c r="M16557" t="s">
        <v>83</v>
      </c>
      <c r="N16557" t="s">
        <v>91</v>
      </c>
      <c r="O16557" t="s">
        <v>85</v>
      </c>
      <c r="P16557" t="s">
        <v>86</v>
      </c>
      <c r="Q16557">
        <v>162</v>
      </c>
      <c r="R16557">
        <v>164</v>
      </c>
      <c r="S16557">
        <v>166</v>
      </c>
      <c r="T16557">
        <v>169</v>
      </c>
      <c r="U16557">
        <v>171</v>
      </c>
      <c r="V16557">
        <v>173</v>
      </c>
      <c r="W16557">
        <v>176</v>
      </c>
      <c r="X16557">
        <v>178</v>
      </c>
      <c r="Y16557">
        <v>180</v>
      </c>
      <c r="Z16557">
        <v>182</v>
      </c>
      <c r="AA16557">
        <v>185</v>
      </c>
      <c r="AB16557">
        <v>187</v>
      </c>
      <c r="AC16557">
        <v>189</v>
      </c>
      <c r="AD16557">
        <v>191</v>
      </c>
      <c r="AE16557">
        <v>193</v>
      </c>
      <c r="AF16557">
        <v>196</v>
      </c>
      <c r="AG16557">
        <v>198</v>
      </c>
      <c r="AH16557">
        <v>200</v>
      </c>
      <c r="AI16557">
        <v>202</v>
      </c>
      <c r="AJ16557">
        <v>204</v>
      </c>
      <c r="AK16557">
        <v>206</v>
      </c>
      <c r="AL16557">
        <v>207</v>
      </c>
      <c r="AM16557">
        <v>207</v>
      </c>
      <c r="AN16557">
        <v>208</v>
      </c>
      <c r="AO16557">
        <v>208</v>
      </c>
      <c r="AP16557">
        <v>208</v>
      </c>
      <c r="AQ16557">
        <v>209</v>
      </c>
    </row>
    <row r="16558" spans="1:43">
      <c r="A16558" t="s">
        <v>10282</v>
      </c>
      <c r="B16558" t="s">
        <v>10283</v>
      </c>
      <c r="C16558" t="s">
        <v>10284</v>
      </c>
      <c r="D16558" t="s">
        <v>10285</v>
      </c>
      <c r="E16558" t="s">
        <v>10212</v>
      </c>
      <c r="F16558" t="s">
        <v>10213</v>
      </c>
      <c r="G16558" t="s">
        <v>10214</v>
      </c>
      <c r="H16558" t="s">
        <v>10215</v>
      </c>
      <c r="I16558" s="2">
        <v>1</v>
      </c>
      <c r="J16558" s="2">
        <v>0</v>
      </c>
      <c r="K16558" s="2">
        <v>0</v>
      </c>
      <c r="L16558" t="s">
        <v>120</v>
      </c>
      <c r="M16558" t="s">
        <v>83</v>
      </c>
      <c r="N16558" t="s">
        <v>84</v>
      </c>
      <c r="O16558" t="s">
        <v>85</v>
      </c>
      <c r="P16558" t="s">
        <v>86</v>
      </c>
      <c r="Q16558">
        <v>63</v>
      </c>
      <c r="R16558">
        <v>64</v>
      </c>
      <c r="S16558">
        <v>65</v>
      </c>
      <c r="T16558">
        <v>66</v>
      </c>
      <c r="U16558">
        <v>67</v>
      </c>
      <c r="V16558">
        <v>68</v>
      </c>
      <c r="W16558">
        <v>69</v>
      </c>
      <c r="X16558">
        <v>69</v>
      </c>
      <c r="Y16558">
        <v>70</v>
      </c>
      <c r="Z16558">
        <v>71</v>
      </c>
      <c r="AA16558">
        <v>72</v>
      </c>
      <c r="AB16558">
        <v>73</v>
      </c>
      <c r="AC16558">
        <v>74</v>
      </c>
      <c r="AD16558">
        <v>75</v>
      </c>
      <c r="AE16558">
        <v>75</v>
      </c>
      <c r="AF16558">
        <v>76</v>
      </c>
      <c r="AG16558">
        <v>77</v>
      </c>
      <c r="AH16558">
        <v>78</v>
      </c>
      <c r="AI16558">
        <v>79</v>
      </c>
      <c r="AJ16558">
        <v>80</v>
      </c>
      <c r="AK16558">
        <v>80</v>
      </c>
      <c r="AL16558">
        <v>81</v>
      </c>
      <c r="AM16558">
        <v>81</v>
      </c>
      <c r="AN16558">
        <v>81</v>
      </c>
      <c r="AO16558">
        <v>81</v>
      </c>
      <c r="AP16558">
        <v>81</v>
      </c>
      <c r="AQ16558">
        <v>81</v>
      </c>
    </row>
    <row r="16559" spans="1:43">
      <c r="A16559" t="s">
        <v>10282</v>
      </c>
      <c r="B16559" t="s">
        <v>10283</v>
      </c>
      <c r="C16559" t="s">
        <v>10284</v>
      </c>
      <c r="D16559" t="s">
        <v>10285</v>
      </c>
      <c r="E16559" t="s">
        <v>10212</v>
      </c>
      <c r="F16559" t="s">
        <v>10213</v>
      </c>
      <c r="G16559" t="s">
        <v>10214</v>
      </c>
      <c r="H16559" t="s">
        <v>10215</v>
      </c>
      <c r="I16559" s="2">
        <v>1</v>
      </c>
      <c r="J16559" s="2">
        <v>0</v>
      </c>
      <c r="K16559" s="2">
        <v>0</v>
      </c>
      <c r="L16559" t="s">
        <v>120</v>
      </c>
      <c r="M16559" t="s">
        <v>87</v>
      </c>
      <c r="N16559" t="s">
        <v>88</v>
      </c>
      <c r="O16559" t="s">
        <v>85</v>
      </c>
      <c r="P16559" t="s">
        <v>86</v>
      </c>
      <c r="Q16559">
        <v>63</v>
      </c>
      <c r="R16559">
        <v>63</v>
      </c>
      <c r="S16559">
        <v>63</v>
      </c>
      <c r="T16559">
        <v>64</v>
      </c>
      <c r="U16559">
        <v>64</v>
      </c>
      <c r="V16559">
        <v>64</v>
      </c>
      <c r="W16559">
        <v>64</v>
      </c>
      <c r="X16559">
        <v>65</v>
      </c>
      <c r="Y16559">
        <v>65</v>
      </c>
      <c r="Z16559">
        <v>65</v>
      </c>
      <c r="AA16559">
        <v>66</v>
      </c>
      <c r="AB16559">
        <v>66</v>
      </c>
      <c r="AC16559">
        <v>66</v>
      </c>
      <c r="AD16559">
        <v>67</v>
      </c>
      <c r="AE16559">
        <v>67</v>
      </c>
      <c r="AF16559">
        <v>67</v>
      </c>
      <c r="AG16559">
        <v>67</v>
      </c>
      <c r="AH16559">
        <v>68</v>
      </c>
      <c r="AI16559">
        <v>68</v>
      </c>
      <c r="AJ16559">
        <v>68</v>
      </c>
      <c r="AK16559">
        <v>68</v>
      </c>
      <c r="AL16559">
        <v>69</v>
      </c>
      <c r="AM16559">
        <v>69</v>
      </c>
      <c r="AN16559">
        <v>69</v>
      </c>
      <c r="AO16559">
        <v>69</v>
      </c>
      <c r="AP16559">
        <v>70</v>
      </c>
      <c r="AQ16559">
        <v>70</v>
      </c>
    </row>
    <row r="16560" spans="1:43">
      <c r="A16560" t="s">
        <v>10282</v>
      </c>
      <c r="B16560" t="s">
        <v>10283</v>
      </c>
      <c r="C16560" t="s">
        <v>10284</v>
      </c>
      <c r="D16560" t="s">
        <v>10285</v>
      </c>
      <c r="E16560" t="s">
        <v>10212</v>
      </c>
      <c r="F16560" t="s">
        <v>10213</v>
      </c>
      <c r="G16560" t="s">
        <v>10214</v>
      </c>
      <c r="H16560" t="s">
        <v>10215</v>
      </c>
      <c r="I16560" s="2">
        <v>1</v>
      </c>
      <c r="J16560" s="2">
        <v>0</v>
      </c>
      <c r="K16560" s="2">
        <v>0</v>
      </c>
      <c r="L16560" t="s">
        <v>120</v>
      </c>
      <c r="M16560" t="s">
        <v>89</v>
      </c>
      <c r="N16560" t="s">
        <v>90</v>
      </c>
      <c r="O16560" t="s">
        <v>85</v>
      </c>
      <c r="P16560" t="s">
        <v>86</v>
      </c>
      <c r="Q16560">
        <v>63</v>
      </c>
      <c r="R16560">
        <v>64</v>
      </c>
      <c r="S16560">
        <v>66</v>
      </c>
      <c r="T16560">
        <v>67</v>
      </c>
      <c r="U16560">
        <v>68</v>
      </c>
      <c r="V16560">
        <v>70</v>
      </c>
      <c r="W16560">
        <v>71</v>
      </c>
      <c r="X16560">
        <v>72</v>
      </c>
      <c r="Y16560">
        <v>74</v>
      </c>
      <c r="Z16560">
        <v>75</v>
      </c>
      <c r="AA16560">
        <v>76</v>
      </c>
      <c r="AB16560">
        <v>77</v>
      </c>
      <c r="AC16560">
        <v>78</v>
      </c>
      <c r="AD16560">
        <v>79</v>
      </c>
      <c r="AE16560">
        <v>80</v>
      </c>
      <c r="AF16560">
        <v>80</v>
      </c>
      <c r="AG16560">
        <v>80</v>
      </c>
      <c r="AH16560">
        <v>80</v>
      </c>
      <c r="AI16560">
        <v>80</v>
      </c>
      <c r="AJ16560">
        <v>80</v>
      </c>
      <c r="AK16560">
        <v>80</v>
      </c>
      <c r="AL16560">
        <v>80</v>
      </c>
      <c r="AM16560">
        <v>81</v>
      </c>
      <c r="AN16560">
        <v>81</v>
      </c>
      <c r="AO16560">
        <v>81</v>
      </c>
      <c r="AP16560">
        <v>81</v>
      </c>
      <c r="AQ16560">
        <v>81</v>
      </c>
    </row>
    <row r="16561" spans="1:43">
      <c r="A16561" t="s">
        <v>10282</v>
      </c>
      <c r="B16561" t="s">
        <v>10283</v>
      </c>
      <c r="C16561" t="s">
        <v>10284</v>
      </c>
      <c r="D16561" t="s">
        <v>10285</v>
      </c>
      <c r="E16561" t="s">
        <v>10212</v>
      </c>
      <c r="F16561" t="s">
        <v>10213</v>
      </c>
      <c r="G16561" t="s">
        <v>10214</v>
      </c>
      <c r="H16561" t="s">
        <v>10215</v>
      </c>
      <c r="I16561" s="2">
        <v>1</v>
      </c>
      <c r="J16561" s="2">
        <v>0</v>
      </c>
      <c r="K16561" s="2">
        <v>0</v>
      </c>
      <c r="L16561" t="s">
        <v>120</v>
      </c>
      <c r="M16561" t="s">
        <v>83</v>
      </c>
      <c r="N16561" t="s">
        <v>91</v>
      </c>
      <c r="O16561" t="s">
        <v>85</v>
      </c>
      <c r="P16561" t="s">
        <v>86</v>
      </c>
      <c r="Q16561">
        <v>63</v>
      </c>
      <c r="R16561">
        <v>64</v>
      </c>
      <c r="S16561">
        <v>65</v>
      </c>
      <c r="T16561">
        <v>66</v>
      </c>
      <c r="U16561">
        <v>67</v>
      </c>
      <c r="V16561">
        <v>68</v>
      </c>
      <c r="W16561">
        <v>69</v>
      </c>
      <c r="X16561">
        <v>69</v>
      </c>
      <c r="Y16561">
        <v>70</v>
      </c>
      <c r="Z16561">
        <v>71</v>
      </c>
      <c r="AA16561">
        <v>72</v>
      </c>
      <c r="AB16561">
        <v>73</v>
      </c>
      <c r="AC16561">
        <v>74</v>
      </c>
      <c r="AD16561">
        <v>75</v>
      </c>
      <c r="AE16561">
        <v>75</v>
      </c>
      <c r="AF16561">
        <v>76</v>
      </c>
      <c r="AG16561">
        <v>77</v>
      </c>
      <c r="AH16561">
        <v>78</v>
      </c>
      <c r="AI16561">
        <v>79</v>
      </c>
      <c r="AJ16561">
        <v>80</v>
      </c>
      <c r="AK16561">
        <v>80</v>
      </c>
      <c r="AL16561">
        <v>81</v>
      </c>
      <c r="AM16561">
        <v>81</v>
      </c>
      <c r="AN16561">
        <v>81</v>
      </c>
      <c r="AO16561">
        <v>81</v>
      </c>
      <c r="AP16561">
        <v>81</v>
      </c>
      <c r="AQ16561">
        <v>81</v>
      </c>
    </row>
    <row r="16562" spans="1:43">
      <c r="A16562" t="s">
        <v>10286</v>
      </c>
      <c r="B16562" t="s">
        <v>10287</v>
      </c>
      <c r="C16562" t="s">
        <v>10284</v>
      </c>
      <c r="D16562" t="s">
        <v>10285</v>
      </c>
      <c r="E16562" t="s">
        <v>10212</v>
      </c>
      <c r="F16562" t="s">
        <v>10213</v>
      </c>
      <c r="G16562" t="s">
        <v>10214</v>
      </c>
      <c r="H16562" t="s">
        <v>10215</v>
      </c>
      <c r="I16562" s="2">
        <v>0.87</v>
      </c>
      <c r="J16562" s="2">
        <v>0</v>
      </c>
      <c r="K16562" s="2">
        <v>0</v>
      </c>
      <c r="L16562" t="s">
        <v>120</v>
      </c>
      <c r="M16562" t="s">
        <v>83</v>
      </c>
      <c r="N16562" t="s">
        <v>84</v>
      </c>
      <c r="O16562" t="s">
        <v>85</v>
      </c>
      <c r="P16562" t="s">
        <v>86</v>
      </c>
      <c r="Q16562">
        <v>26</v>
      </c>
      <c r="R16562">
        <v>26</v>
      </c>
      <c r="S16562">
        <v>26</v>
      </c>
      <c r="T16562">
        <v>26</v>
      </c>
      <c r="U16562">
        <v>27</v>
      </c>
      <c r="V16562">
        <v>27</v>
      </c>
      <c r="W16562">
        <v>27</v>
      </c>
      <c r="X16562">
        <v>28</v>
      </c>
      <c r="Y16562">
        <v>28</v>
      </c>
      <c r="Z16562">
        <v>28</v>
      </c>
      <c r="AA16562">
        <v>29</v>
      </c>
      <c r="AB16562">
        <v>29</v>
      </c>
      <c r="AC16562">
        <v>29</v>
      </c>
      <c r="AD16562">
        <v>29</v>
      </c>
      <c r="AE16562">
        <v>30</v>
      </c>
      <c r="AF16562">
        <v>30</v>
      </c>
      <c r="AG16562">
        <v>30</v>
      </c>
      <c r="AH16562">
        <v>31</v>
      </c>
      <c r="AI16562">
        <v>31</v>
      </c>
      <c r="AJ16562">
        <v>31</v>
      </c>
      <c r="AK16562">
        <v>31</v>
      </c>
      <c r="AL16562">
        <v>32</v>
      </c>
      <c r="AM16562">
        <v>32</v>
      </c>
      <c r="AN16562">
        <v>32</v>
      </c>
      <c r="AO16562">
        <v>32</v>
      </c>
      <c r="AP16562">
        <v>31</v>
      </c>
      <c r="AQ16562">
        <v>31</v>
      </c>
    </row>
    <row r="16563" spans="1:43">
      <c r="A16563" t="s">
        <v>10286</v>
      </c>
      <c r="B16563" t="s">
        <v>10287</v>
      </c>
      <c r="C16563" t="s">
        <v>10284</v>
      </c>
      <c r="D16563" t="s">
        <v>10285</v>
      </c>
      <c r="E16563" t="s">
        <v>10212</v>
      </c>
      <c r="F16563" t="s">
        <v>10213</v>
      </c>
      <c r="G16563" t="s">
        <v>10214</v>
      </c>
      <c r="H16563" t="s">
        <v>10215</v>
      </c>
      <c r="I16563" s="2">
        <v>0.87</v>
      </c>
      <c r="J16563" s="2">
        <v>0</v>
      </c>
      <c r="K16563" s="2">
        <v>0</v>
      </c>
      <c r="L16563" t="s">
        <v>120</v>
      </c>
      <c r="M16563" t="s">
        <v>87</v>
      </c>
      <c r="N16563" t="s">
        <v>88</v>
      </c>
      <c r="O16563" t="s">
        <v>85</v>
      </c>
      <c r="P16563" t="s">
        <v>86</v>
      </c>
      <c r="Q16563">
        <v>26</v>
      </c>
      <c r="R16563">
        <v>26</v>
      </c>
      <c r="S16563">
        <v>26</v>
      </c>
      <c r="T16563">
        <v>27</v>
      </c>
      <c r="U16563">
        <v>27</v>
      </c>
      <c r="V16563">
        <v>27</v>
      </c>
      <c r="W16563">
        <v>27</v>
      </c>
      <c r="X16563">
        <v>27</v>
      </c>
      <c r="Y16563">
        <v>27</v>
      </c>
      <c r="Z16563">
        <v>27</v>
      </c>
      <c r="AA16563">
        <v>27</v>
      </c>
      <c r="AB16563">
        <v>27</v>
      </c>
      <c r="AC16563">
        <v>27</v>
      </c>
      <c r="AD16563">
        <v>27</v>
      </c>
      <c r="AE16563">
        <v>27</v>
      </c>
      <c r="AF16563">
        <v>27</v>
      </c>
      <c r="AG16563">
        <v>28</v>
      </c>
      <c r="AH16563">
        <v>28</v>
      </c>
      <c r="AI16563">
        <v>28</v>
      </c>
      <c r="AJ16563">
        <v>28</v>
      </c>
      <c r="AK16563">
        <v>28</v>
      </c>
      <c r="AL16563">
        <v>28</v>
      </c>
      <c r="AM16563">
        <v>28</v>
      </c>
      <c r="AN16563">
        <v>28</v>
      </c>
      <c r="AO16563">
        <v>28</v>
      </c>
      <c r="AP16563">
        <v>28</v>
      </c>
      <c r="AQ16563">
        <v>28</v>
      </c>
    </row>
    <row r="16564" spans="1:43">
      <c r="A16564" t="s">
        <v>10286</v>
      </c>
      <c r="B16564" t="s">
        <v>10287</v>
      </c>
      <c r="C16564" t="s">
        <v>10284</v>
      </c>
      <c r="D16564" t="s">
        <v>10285</v>
      </c>
      <c r="E16564" t="s">
        <v>10212</v>
      </c>
      <c r="F16564" t="s">
        <v>10213</v>
      </c>
      <c r="G16564" t="s">
        <v>10214</v>
      </c>
      <c r="H16564" t="s">
        <v>10215</v>
      </c>
      <c r="I16564" s="2">
        <v>0.87</v>
      </c>
      <c r="J16564" s="2">
        <v>0</v>
      </c>
      <c r="K16564" s="2">
        <v>0</v>
      </c>
      <c r="L16564" t="s">
        <v>120</v>
      </c>
      <c r="M16564" t="s">
        <v>89</v>
      </c>
      <c r="N16564" t="s">
        <v>90</v>
      </c>
      <c r="O16564" t="s">
        <v>85</v>
      </c>
      <c r="P16564" t="s">
        <v>86</v>
      </c>
      <c r="Q16564">
        <v>26</v>
      </c>
      <c r="R16564">
        <v>26</v>
      </c>
      <c r="S16564">
        <v>27</v>
      </c>
      <c r="T16564">
        <v>27</v>
      </c>
      <c r="U16564">
        <v>28</v>
      </c>
      <c r="V16564">
        <v>28</v>
      </c>
      <c r="W16564">
        <v>29</v>
      </c>
      <c r="X16564">
        <v>29</v>
      </c>
      <c r="Y16564">
        <v>30</v>
      </c>
      <c r="Z16564">
        <v>30</v>
      </c>
      <c r="AA16564">
        <v>31</v>
      </c>
      <c r="AB16564">
        <v>31</v>
      </c>
      <c r="AC16564">
        <v>31</v>
      </c>
      <c r="AD16564">
        <v>32</v>
      </c>
      <c r="AE16564">
        <v>32</v>
      </c>
      <c r="AF16564">
        <v>32</v>
      </c>
      <c r="AG16564">
        <v>32</v>
      </c>
      <c r="AH16564">
        <v>32</v>
      </c>
      <c r="AI16564">
        <v>32</v>
      </c>
      <c r="AJ16564">
        <v>32</v>
      </c>
      <c r="AK16564">
        <v>32</v>
      </c>
      <c r="AL16564">
        <v>32</v>
      </c>
      <c r="AM16564">
        <v>32</v>
      </c>
      <c r="AN16564">
        <v>32</v>
      </c>
      <c r="AO16564">
        <v>32</v>
      </c>
      <c r="AP16564">
        <v>32</v>
      </c>
      <c r="AQ16564">
        <v>32</v>
      </c>
    </row>
    <row r="16565" spans="1:43">
      <c r="A16565" t="s">
        <v>10286</v>
      </c>
      <c r="B16565" t="s">
        <v>10287</v>
      </c>
      <c r="C16565" t="s">
        <v>10284</v>
      </c>
      <c r="D16565" t="s">
        <v>10285</v>
      </c>
      <c r="E16565" t="s">
        <v>10212</v>
      </c>
      <c r="F16565" t="s">
        <v>10213</v>
      </c>
      <c r="G16565" t="s">
        <v>10214</v>
      </c>
      <c r="H16565" t="s">
        <v>10215</v>
      </c>
      <c r="I16565" s="2">
        <v>0.87</v>
      </c>
      <c r="J16565" s="2">
        <v>0</v>
      </c>
      <c r="K16565" s="2">
        <v>0</v>
      </c>
      <c r="L16565" t="s">
        <v>120</v>
      </c>
      <c r="M16565" t="s">
        <v>83</v>
      </c>
      <c r="N16565" t="s">
        <v>91</v>
      </c>
      <c r="O16565" t="s">
        <v>85</v>
      </c>
      <c r="P16565" t="s">
        <v>86</v>
      </c>
      <c r="Q16565">
        <v>26</v>
      </c>
      <c r="R16565">
        <v>26</v>
      </c>
      <c r="S16565">
        <v>26</v>
      </c>
      <c r="T16565">
        <v>26</v>
      </c>
      <c r="U16565">
        <v>27</v>
      </c>
      <c r="V16565">
        <v>27</v>
      </c>
      <c r="W16565">
        <v>27</v>
      </c>
      <c r="X16565">
        <v>28</v>
      </c>
      <c r="Y16565">
        <v>28</v>
      </c>
      <c r="Z16565">
        <v>28</v>
      </c>
      <c r="AA16565">
        <v>29</v>
      </c>
      <c r="AB16565">
        <v>29</v>
      </c>
      <c r="AC16565">
        <v>29</v>
      </c>
      <c r="AD16565">
        <v>29</v>
      </c>
      <c r="AE16565">
        <v>30</v>
      </c>
      <c r="AF16565">
        <v>30</v>
      </c>
      <c r="AG16565">
        <v>30</v>
      </c>
      <c r="AH16565">
        <v>31</v>
      </c>
      <c r="AI16565">
        <v>31</v>
      </c>
      <c r="AJ16565">
        <v>31</v>
      </c>
      <c r="AK16565">
        <v>31</v>
      </c>
      <c r="AL16565">
        <v>32</v>
      </c>
      <c r="AM16565">
        <v>32</v>
      </c>
      <c r="AN16565">
        <v>32</v>
      </c>
      <c r="AO16565">
        <v>32</v>
      </c>
      <c r="AP16565">
        <v>31</v>
      </c>
      <c r="AQ16565">
        <v>31</v>
      </c>
    </row>
    <row r="16566" spans="1:43">
      <c r="A16566" t="s">
        <v>10288</v>
      </c>
      <c r="B16566" t="s">
        <v>10289</v>
      </c>
      <c r="C16566" t="s">
        <v>10284</v>
      </c>
      <c r="D16566" t="s">
        <v>10285</v>
      </c>
      <c r="E16566" t="s">
        <v>10212</v>
      </c>
      <c r="F16566" t="s">
        <v>10213</v>
      </c>
      <c r="G16566" t="s">
        <v>10214</v>
      </c>
      <c r="H16566" t="s">
        <v>10215</v>
      </c>
      <c r="I16566" s="2">
        <v>0.7</v>
      </c>
      <c r="J16566" s="2">
        <v>0</v>
      </c>
      <c r="K16566" s="2">
        <v>0</v>
      </c>
      <c r="L16566" t="s">
        <v>120</v>
      </c>
      <c r="M16566" t="s">
        <v>83</v>
      </c>
      <c r="N16566" t="s">
        <v>84</v>
      </c>
      <c r="O16566" t="s">
        <v>85</v>
      </c>
      <c r="P16566" t="s">
        <v>86</v>
      </c>
      <c r="Q16566">
        <v>27</v>
      </c>
      <c r="R16566">
        <v>27</v>
      </c>
      <c r="S16566">
        <v>27</v>
      </c>
      <c r="T16566">
        <v>28</v>
      </c>
      <c r="U16566">
        <v>28</v>
      </c>
      <c r="V16566">
        <v>29</v>
      </c>
      <c r="W16566">
        <v>29</v>
      </c>
      <c r="X16566">
        <v>29</v>
      </c>
      <c r="Y16566">
        <v>30</v>
      </c>
      <c r="Z16566">
        <v>30</v>
      </c>
      <c r="AA16566">
        <v>30</v>
      </c>
      <c r="AB16566">
        <v>31</v>
      </c>
      <c r="AC16566">
        <v>31</v>
      </c>
      <c r="AD16566">
        <v>31</v>
      </c>
      <c r="AE16566">
        <v>32</v>
      </c>
      <c r="AF16566">
        <v>32</v>
      </c>
      <c r="AG16566">
        <v>32</v>
      </c>
      <c r="AH16566">
        <v>33</v>
      </c>
      <c r="AI16566">
        <v>33</v>
      </c>
      <c r="AJ16566">
        <v>33</v>
      </c>
      <c r="AK16566">
        <v>34</v>
      </c>
      <c r="AL16566">
        <v>34</v>
      </c>
      <c r="AM16566">
        <v>34</v>
      </c>
      <c r="AN16566">
        <v>34</v>
      </c>
      <c r="AO16566">
        <v>34</v>
      </c>
      <c r="AP16566">
        <v>34</v>
      </c>
      <c r="AQ16566">
        <v>34</v>
      </c>
    </row>
    <row r="16567" spans="1:43">
      <c r="A16567" t="s">
        <v>10288</v>
      </c>
      <c r="B16567" t="s">
        <v>10289</v>
      </c>
      <c r="C16567" t="s">
        <v>10284</v>
      </c>
      <c r="D16567" t="s">
        <v>10285</v>
      </c>
      <c r="E16567" t="s">
        <v>10212</v>
      </c>
      <c r="F16567" t="s">
        <v>10213</v>
      </c>
      <c r="G16567" t="s">
        <v>10214</v>
      </c>
      <c r="H16567" t="s">
        <v>10215</v>
      </c>
      <c r="I16567" s="2">
        <v>0.7</v>
      </c>
      <c r="J16567" s="2">
        <v>0</v>
      </c>
      <c r="K16567" s="2">
        <v>0</v>
      </c>
      <c r="L16567" t="s">
        <v>120</v>
      </c>
      <c r="M16567" t="s">
        <v>87</v>
      </c>
      <c r="N16567" t="s">
        <v>88</v>
      </c>
      <c r="O16567" t="s">
        <v>85</v>
      </c>
      <c r="P16567" t="s">
        <v>86</v>
      </c>
      <c r="Q16567">
        <v>27</v>
      </c>
      <c r="R16567">
        <v>28</v>
      </c>
      <c r="S16567">
        <v>28</v>
      </c>
      <c r="T16567">
        <v>28</v>
      </c>
      <c r="U16567">
        <v>28</v>
      </c>
      <c r="V16567">
        <v>28</v>
      </c>
      <c r="W16567">
        <v>28</v>
      </c>
      <c r="X16567">
        <v>28</v>
      </c>
      <c r="Y16567">
        <v>29</v>
      </c>
      <c r="Z16567">
        <v>29</v>
      </c>
      <c r="AA16567">
        <v>29</v>
      </c>
      <c r="AB16567">
        <v>29</v>
      </c>
      <c r="AC16567">
        <v>29</v>
      </c>
      <c r="AD16567">
        <v>29</v>
      </c>
      <c r="AE16567">
        <v>29</v>
      </c>
      <c r="AF16567">
        <v>29</v>
      </c>
      <c r="AG16567">
        <v>30</v>
      </c>
      <c r="AH16567">
        <v>30</v>
      </c>
      <c r="AI16567">
        <v>30</v>
      </c>
      <c r="AJ16567">
        <v>30</v>
      </c>
      <c r="AK16567">
        <v>30</v>
      </c>
      <c r="AL16567">
        <v>30</v>
      </c>
      <c r="AM16567">
        <v>30</v>
      </c>
      <c r="AN16567">
        <v>30</v>
      </c>
      <c r="AO16567">
        <v>30</v>
      </c>
      <c r="AP16567">
        <v>31</v>
      </c>
      <c r="AQ16567">
        <v>31</v>
      </c>
    </row>
    <row r="16568" spans="1:43">
      <c r="A16568" t="s">
        <v>10288</v>
      </c>
      <c r="B16568" t="s">
        <v>10289</v>
      </c>
      <c r="C16568" t="s">
        <v>10284</v>
      </c>
      <c r="D16568" t="s">
        <v>10285</v>
      </c>
      <c r="E16568" t="s">
        <v>10212</v>
      </c>
      <c r="F16568" t="s">
        <v>10213</v>
      </c>
      <c r="G16568" t="s">
        <v>10214</v>
      </c>
      <c r="H16568" t="s">
        <v>10215</v>
      </c>
      <c r="I16568" s="2">
        <v>0.7</v>
      </c>
      <c r="J16568" s="2">
        <v>0</v>
      </c>
      <c r="K16568" s="2">
        <v>0</v>
      </c>
      <c r="L16568" t="s">
        <v>120</v>
      </c>
      <c r="M16568" t="s">
        <v>89</v>
      </c>
      <c r="N16568" t="s">
        <v>90</v>
      </c>
      <c r="O16568" t="s">
        <v>85</v>
      </c>
      <c r="P16568" t="s">
        <v>86</v>
      </c>
      <c r="Q16568">
        <v>27</v>
      </c>
      <c r="R16568">
        <v>28</v>
      </c>
      <c r="S16568">
        <v>28</v>
      </c>
      <c r="T16568">
        <v>29</v>
      </c>
      <c r="U16568">
        <v>29</v>
      </c>
      <c r="V16568">
        <v>30</v>
      </c>
      <c r="W16568">
        <v>30</v>
      </c>
      <c r="X16568">
        <v>31</v>
      </c>
      <c r="Y16568">
        <v>31</v>
      </c>
      <c r="Z16568">
        <v>32</v>
      </c>
      <c r="AA16568">
        <v>32</v>
      </c>
      <c r="AB16568">
        <v>33</v>
      </c>
      <c r="AC16568">
        <v>33</v>
      </c>
      <c r="AD16568">
        <v>34</v>
      </c>
      <c r="AE16568">
        <v>34</v>
      </c>
      <c r="AF16568">
        <v>34</v>
      </c>
      <c r="AG16568">
        <v>34</v>
      </c>
      <c r="AH16568">
        <v>34</v>
      </c>
      <c r="AI16568">
        <v>34</v>
      </c>
      <c r="AJ16568">
        <v>34</v>
      </c>
      <c r="AK16568">
        <v>34</v>
      </c>
      <c r="AL16568">
        <v>34</v>
      </c>
      <c r="AM16568">
        <v>34</v>
      </c>
      <c r="AN16568">
        <v>34</v>
      </c>
      <c r="AO16568">
        <v>34</v>
      </c>
      <c r="AP16568">
        <v>34</v>
      </c>
      <c r="AQ16568">
        <v>34</v>
      </c>
    </row>
    <row r="16569" spans="1:43">
      <c r="A16569" t="s">
        <v>10288</v>
      </c>
      <c r="B16569" t="s">
        <v>10289</v>
      </c>
      <c r="C16569" t="s">
        <v>10284</v>
      </c>
      <c r="D16569" t="s">
        <v>10285</v>
      </c>
      <c r="E16569" t="s">
        <v>10212</v>
      </c>
      <c r="F16569" t="s">
        <v>10213</v>
      </c>
      <c r="G16569" t="s">
        <v>10214</v>
      </c>
      <c r="H16569" t="s">
        <v>10215</v>
      </c>
      <c r="I16569" s="2">
        <v>0.7</v>
      </c>
      <c r="J16569" s="2">
        <v>0</v>
      </c>
      <c r="K16569" s="2">
        <v>0</v>
      </c>
      <c r="L16569" t="s">
        <v>120</v>
      </c>
      <c r="M16569" t="s">
        <v>83</v>
      </c>
      <c r="N16569" t="s">
        <v>91</v>
      </c>
      <c r="O16569" t="s">
        <v>85</v>
      </c>
      <c r="P16569" t="s">
        <v>86</v>
      </c>
      <c r="Q16569">
        <v>27</v>
      </c>
      <c r="R16569">
        <v>27</v>
      </c>
      <c r="S16569">
        <v>27</v>
      </c>
      <c r="T16569">
        <v>28</v>
      </c>
      <c r="U16569">
        <v>28</v>
      </c>
      <c r="V16569">
        <v>29</v>
      </c>
      <c r="W16569">
        <v>29</v>
      </c>
      <c r="X16569">
        <v>29</v>
      </c>
      <c r="Y16569">
        <v>30</v>
      </c>
      <c r="Z16569">
        <v>30</v>
      </c>
      <c r="AA16569">
        <v>30</v>
      </c>
      <c r="AB16569">
        <v>31</v>
      </c>
      <c r="AC16569">
        <v>31</v>
      </c>
      <c r="AD16569">
        <v>31</v>
      </c>
      <c r="AE16569">
        <v>32</v>
      </c>
      <c r="AF16569">
        <v>32</v>
      </c>
      <c r="AG16569">
        <v>32</v>
      </c>
      <c r="AH16569">
        <v>33</v>
      </c>
      <c r="AI16569">
        <v>33</v>
      </c>
      <c r="AJ16569">
        <v>33</v>
      </c>
      <c r="AK16569">
        <v>34</v>
      </c>
      <c r="AL16569">
        <v>34</v>
      </c>
      <c r="AM16569">
        <v>34</v>
      </c>
      <c r="AN16569">
        <v>34</v>
      </c>
      <c r="AO16569">
        <v>34</v>
      </c>
      <c r="AP16569">
        <v>34</v>
      </c>
      <c r="AQ16569">
        <v>34</v>
      </c>
    </row>
    <row r="16570" spans="1:43">
      <c r="A16570" t="s">
        <v>10290</v>
      </c>
      <c r="B16570" t="s">
        <v>10291</v>
      </c>
      <c r="C16570" t="s">
        <v>10284</v>
      </c>
      <c r="D16570" t="s">
        <v>10285</v>
      </c>
      <c r="E16570" t="s">
        <v>10212</v>
      </c>
      <c r="F16570" t="s">
        <v>10213</v>
      </c>
      <c r="G16570" t="s">
        <v>10214</v>
      </c>
      <c r="H16570" t="s">
        <v>10215</v>
      </c>
      <c r="I16570" s="2">
        <v>0.96</v>
      </c>
      <c r="J16570" s="2">
        <v>0</v>
      </c>
      <c r="K16570" s="2">
        <v>0</v>
      </c>
      <c r="L16570" t="s">
        <v>120</v>
      </c>
      <c r="M16570" t="s">
        <v>83</v>
      </c>
      <c r="N16570" t="s">
        <v>84</v>
      </c>
      <c r="O16570" t="s">
        <v>85</v>
      </c>
      <c r="P16570" t="s">
        <v>86</v>
      </c>
      <c r="Q16570">
        <v>26</v>
      </c>
      <c r="R16570">
        <v>26</v>
      </c>
      <c r="S16570">
        <v>27</v>
      </c>
      <c r="T16570">
        <v>27</v>
      </c>
      <c r="U16570">
        <v>27</v>
      </c>
      <c r="V16570">
        <v>27</v>
      </c>
      <c r="W16570">
        <v>28</v>
      </c>
      <c r="X16570">
        <v>28</v>
      </c>
      <c r="Y16570">
        <v>28</v>
      </c>
      <c r="Z16570">
        <v>29</v>
      </c>
      <c r="AA16570">
        <v>29</v>
      </c>
      <c r="AB16570">
        <v>29</v>
      </c>
      <c r="AC16570">
        <v>29</v>
      </c>
      <c r="AD16570">
        <v>30</v>
      </c>
      <c r="AE16570">
        <v>30</v>
      </c>
      <c r="AF16570">
        <v>30</v>
      </c>
      <c r="AG16570">
        <v>31</v>
      </c>
      <c r="AH16570">
        <v>31</v>
      </c>
      <c r="AI16570">
        <v>31</v>
      </c>
      <c r="AJ16570">
        <v>31</v>
      </c>
      <c r="AK16570">
        <v>32</v>
      </c>
      <c r="AL16570">
        <v>32</v>
      </c>
      <c r="AM16570">
        <v>32</v>
      </c>
      <c r="AN16570">
        <v>32</v>
      </c>
      <c r="AO16570">
        <v>32</v>
      </c>
      <c r="AP16570">
        <v>32</v>
      </c>
      <c r="AQ16570">
        <v>32</v>
      </c>
    </row>
    <row r="16571" spans="1:43">
      <c r="A16571" t="s">
        <v>10290</v>
      </c>
      <c r="B16571" t="s">
        <v>10291</v>
      </c>
      <c r="C16571" t="s">
        <v>10284</v>
      </c>
      <c r="D16571" t="s">
        <v>10285</v>
      </c>
      <c r="E16571" t="s">
        <v>10212</v>
      </c>
      <c r="F16571" t="s">
        <v>10213</v>
      </c>
      <c r="G16571" t="s">
        <v>10214</v>
      </c>
      <c r="H16571" t="s">
        <v>10215</v>
      </c>
      <c r="I16571" s="2">
        <v>0.96</v>
      </c>
      <c r="J16571" s="2">
        <v>0</v>
      </c>
      <c r="K16571" s="2">
        <v>0</v>
      </c>
      <c r="L16571" t="s">
        <v>120</v>
      </c>
      <c r="M16571" t="s">
        <v>87</v>
      </c>
      <c r="N16571" t="s">
        <v>88</v>
      </c>
      <c r="O16571" t="s">
        <v>85</v>
      </c>
      <c r="P16571" t="s">
        <v>86</v>
      </c>
      <c r="Q16571">
        <v>26</v>
      </c>
      <c r="R16571">
        <v>26</v>
      </c>
      <c r="S16571">
        <v>26</v>
      </c>
      <c r="T16571">
        <v>26</v>
      </c>
      <c r="U16571">
        <v>26</v>
      </c>
      <c r="V16571">
        <v>26</v>
      </c>
      <c r="W16571">
        <v>26</v>
      </c>
      <c r="X16571">
        <v>26</v>
      </c>
      <c r="Y16571">
        <v>26</v>
      </c>
      <c r="Z16571">
        <v>26</v>
      </c>
      <c r="AA16571">
        <v>26</v>
      </c>
      <c r="AB16571">
        <v>26</v>
      </c>
      <c r="AC16571">
        <v>27</v>
      </c>
      <c r="AD16571">
        <v>27</v>
      </c>
      <c r="AE16571">
        <v>27</v>
      </c>
      <c r="AF16571">
        <v>27</v>
      </c>
      <c r="AG16571">
        <v>27</v>
      </c>
      <c r="AH16571">
        <v>27</v>
      </c>
      <c r="AI16571">
        <v>27</v>
      </c>
      <c r="AJ16571">
        <v>27</v>
      </c>
      <c r="AK16571">
        <v>27</v>
      </c>
      <c r="AL16571">
        <v>27</v>
      </c>
      <c r="AM16571">
        <v>27</v>
      </c>
      <c r="AN16571">
        <v>27</v>
      </c>
      <c r="AO16571">
        <v>27</v>
      </c>
      <c r="AP16571">
        <v>27</v>
      </c>
      <c r="AQ16571">
        <v>27</v>
      </c>
    </row>
    <row r="16572" spans="1:43">
      <c r="A16572" t="s">
        <v>10290</v>
      </c>
      <c r="B16572" t="s">
        <v>10291</v>
      </c>
      <c r="C16572" t="s">
        <v>10284</v>
      </c>
      <c r="D16572" t="s">
        <v>10285</v>
      </c>
      <c r="E16572" t="s">
        <v>10212</v>
      </c>
      <c r="F16572" t="s">
        <v>10213</v>
      </c>
      <c r="G16572" t="s">
        <v>10214</v>
      </c>
      <c r="H16572" t="s">
        <v>10215</v>
      </c>
      <c r="I16572" s="2">
        <v>0.96</v>
      </c>
      <c r="J16572" s="2">
        <v>0</v>
      </c>
      <c r="K16572" s="2">
        <v>0</v>
      </c>
      <c r="L16572" t="s">
        <v>120</v>
      </c>
      <c r="M16572" t="s">
        <v>89</v>
      </c>
      <c r="N16572" t="s">
        <v>90</v>
      </c>
      <c r="O16572" t="s">
        <v>85</v>
      </c>
      <c r="P16572" t="s">
        <v>86</v>
      </c>
      <c r="Q16572">
        <v>26</v>
      </c>
      <c r="R16572">
        <v>27</v>
      </c>
      <c r="S16572">
        <v>27</v>
      </c>
      <c r="T16572">
        <v>28</v>
      </c>
      <c r="U16572">
        <v>28</v>
      </c>
      <c r="V16572">
        <v>29</v>
      </c>
      <c r="W16572">
        <v>29</v>
      </c>
      <c r="X16572">
        <v>30</v>
      </c>
      <c r="Y16572">
        <v>30</v>
      </c>
      <c r="Z16572">
        <v>30</v>
      </c>
      <c r="AA16572">
        <v>31</v>
      </c>
      <c r="AB16572">
        <v>31</v>
      </c>
      <c r="AC16572">
        <v>31</v>
      </c>
      <c r="AD16572">
        <v>32</v>
      </c>
      <c r="AE16572">
        <v>32</v>
      </c>
      <c r="AF16572">
        <v>32</v>
      </c>
      <c r="AG16572">
        <v>32</v>
      </c>
      <c r="AH16572">
        <v>32</v>
      </c>
      <c r="AI16572">
        <v>32</v>
      </c>
      <c r="AJ16572">
        <v>32</v>
      </c>
      <c r="AK16572">
        <v>32</v>
      </c>
      <c r="AL16572">
        <v>32</v>
      </c>
      <c r="AM16572">
        <v>32</v>
      </c>
      <c r="AN16572">
        <v>32</v>
      </c>
      <c r="AO16572">
        <v>32</v>
      </c>
      <c r="AP16572">
        <v>32</v>
      </c>
      <c r="AQ16572">
        <v>32</v>
      </c>
    </row>
    <row r="16573" spans="1:43">
      <c r="A16573" t="s">
        <v>10290</v>
      </c>
      <c r="B16573" t="s">
        <v>10291</v>
      </c>
      <c r="C16573" t="s">
        <v>10284</v>
      </c>
      <c r="D16573" t="s">
        <v>10285</v>
      </c>
      <c r="E16573" t="s">
        <v>10212</v>
      </c>
      <c r="F16573" t="s">
        <v>10213</v>
      </c>
      <c r="G16573" t="s">
        <v>10214</v>
      </c>
      <c r="H16573" t="s">
        <v>10215</v>
      </c>
      <c r="I16573" s="2">
        <v>0.96</v>
      </c>
      <c r="J16573" s="2">
        <v>0</v>
      </c>
      <c r="K16573" s="2">
        <v>0</v>
      </c>
      <c r="L16573" t="s">
        <v>120</v>
      </c>
      <c r="M16573" t="s">
        <v>83</v>
      </c>
      <c r="N16573" t="s">
        <v>91</v>
      </c>
      <c r="O16573" t="s">
        <v>85</v>
      </c>
      <c r="P16573" t="s">
        <v>86</v>
      </c>
      <c r="Q16573">
        <v>26</v>
      </c>
      <c r="R16573">
        <v>26</v>
      </c>
      <c r="S16573">
        <v>27</v>
      </c>
      <c r="T16573">
        <v>27</v>
      </c>
      <c r="U16573">
        <v>27</v>
      </c>
      <c r="V16573">
        <v>27</v>
      </c>
      <c r="W16573">
        <v>28</v>
      </c>
      <c r="X16573">
        <v>28</v>
      </c>
      <c r="Y16573">
        <v>28</v>
      </c>
      <c r="Z16573">
        <v>29</v>
      </c>
      <c r="AA16573">
        <v>29</v>
      </c>
      <c r="AB16573">
        <v>29</v>
      </c>
      <c r="AC16573">
        <v>29</v>
      </c>
      <c r="AD16573">
        <v>30</v>
      </c>
      <c r="AE16573">
        <v>30</v>
      </c>
      <c r="AF16573">
        <v>30</v>
      </c>
      <c r="AG16573">
        <v>31</v>
      </c>
      <c r="AH16573">
        <v>31</v>
      </c>
      <c r="AI16573">
        <v>31</v>
      </c>
      <c r="AJ16573">
        <v>31</v>
      </c>
      <c r="AK16573">
        <v>32</v>
      </c>
      <c r="AL16573">
        <v>32</v>
      </c>
      <c r="AM16573">
        <v>32</v>
      </c>
      <c r="AN16573">
        <v>32</v>
      </c>
      <c r="AO16573">
        <v>32</v>
      </c>
      <c r="AP16573">
        <v>32</v>
      </c>
      <c r="AQ16573">
        <v>32</v>
      </c>
    </row>
    <row r="16574" spans="1:43">
      <c r="A16574" t="s">
        <v>10292</v>
      </c>
      <c r="B16574" t="s">
        <v>10293</v>
      </c>
      <c r="C16574" t="s">
        <v>10294</v>
      </c>
      <c r="D16574" t="s">
        <v>10295</v>
      </c>
      <c r="E16574" t="s">
        <v>10212</v>
      </c>
      <c r="F16574" t="s">
        <v>10213</v>
      </c>
      <c r="G16574" t="s">
        <v>10214</v>
      </c>
      <c r="H16574" t="s">
        <v>10215</v>
      </c>
      <c r="I16574" s="2">
        <v>1</v>
      </c>
      <c r="J16574" s="2">
        <v>0</v>
      </c>
      <c r="K16574" s="2">
        <v>0</v>
      </c>
      <c r="L16574" t="s">
        <v>120</v>
      </c>
      <c r="M16574" t="s">
        <v>83</v>
      </c>
      <c r="N16574" t="s">
        <v>84</v>
      </c>
      <c r="O16574" t="s">
        <v>85</v>
      </c>
      <c r="P16574" t="s">
        <v>86</v>
      </c>
      <c r="Q16574">
        <v>43</v>
      </c>
      <c r="R16574">
        <v>44</v>
      </c>
      <c r="S16574">
        <v>44</v>
      </c>
      <c r="T16574">
        <v>45</v>
      </c>
      <c r="U16574">
        <v>45</v>
      </c>
      <c r="V16574">
        <v>46</v>
      </c>
      <c r="W16574">
        <v>47</v>
      </c>
      <c r="X16574">
        <v>47</v>
      </c>
      <c r="Y16574">
        <v>48</v>
      </c>
      <c r="Z16574">
        <v>48</v>
      </c>
      <c r="AA16574">
        <v>49</v>
      </c>
      <c r="AB16574">
        <v>50</v>
      </c>
      <c r="AC16574">
        <v>50</v>
      </c>
      <c r="AD16574">
        <v>51</v>
      </c>
      <c r="AE16574">
        <v>51</v>
      </c>
      <c r="AF16574">
        <v>52</v>
      </c>
      <c r="AG16574">
        <v>52</v>
      </c>
      <c r="AH16574">
        <v>53</v>
      </c>
      <c r="AI16574">
        <v>53</v>
      </c>
      <c r="AJ16574">
        <v>54</v>
      </c>
      <c r="AK16574">
        <v>54</v>
      </c>
      <c r="AL16574">
        <v>55</v>
      </c>
      <c r="AM16574">
        <v>55</v>
      </c>
      <c r="AN16574">
        <v>55</v>
      </c>
      <c r="AO16574">
        <v>55</v>
      </c>
      <c r="AP16574">
        <v>55</v>
      </c>
      <c r="AQ16574">
        <v>55</v>
      </c>
    </row>
    <row r="16575" spans="1:43">
      <c r="A16575" t="s">
        <v>10292</v>
      </c>
      <c r="B16575" t="s">
        <v>10293</v>
      </c>
      <c r="C16575" t="s">
        <v>10294</v>
      </c>
      <c r="D16575" t="s">
        <v>10295</v>
      </c>
      <c r="E16575" t="s">
        <v>10212</v>
      </c>
      <c r="F16575" t="s">
        <v>10213</v>
      </c>
      <c r="G16575" t="s">
        <v>10214</v>
      </c>
      <c r="H16575" t="s">
        <v>10215</v>
      </c>
      <c r="I16575" s="2">
        <v>1</v>
      </c>
      <c r="J16575" s="2">
        <v>0</v>
      </c>
      <c r="K16575" s="2">
        <v>0</v>
      </c>
      <c r="L16575" t="s">
        <v>120</v>
      </c>
      <c r="M16575" t="s">
        <v>87</v>
      </c>
      <c r="N16575" t="s">
        <v>88</v>
      </c>
      <c r="O16575" t="s">
        <v>85</v>
      </c>
      <c r="P16575" t="s">
        <v>86</v>
      </c>
      <c r="Q16575">
        <v>43</v>
      </c>
      <c r="R16575">
        <v>43</v>
      </c>
      <c r="S16575">
        <v>43</v>
      </c>
      <c r="T16575">
        <v>43</v>
      </c>
      <c r="U16575">
        <v>43</v>
      </c>
      <c r="V16575">
        <v>44</v>
      </c>
      <c r="W16575">
        <v>44</v>
      </c>
      <c r="X16575">
        <v>44</v>
      </c>
      <c r="Y16575">
        <v>44</v>
      </c>
      <c r="Z16575">
        <v>44</v>
      </c>
      <c r="AA16575">
        <v>45</v>
      </c>
      <c r="AB16575">
        <v>45</v>
      </c>
      <c r="AC16575">
        <v>45</v>
      </c>
      <c r="AD16575">
        <v>45</v>
      </c>
      <c r="AE16575">
        <v>45</v>
      </c>
      <c r="AF16575">
        <v>46</v>
      </c>
      <c r="AG16575">
        <v>46</v>
      </c>
      <c r="AH16575">
        <v>46</v>
      </c>
      <c r="AI16575">
        <v>46</v>
      </c>
      <c r="AJ16575">
        <v>46</v>
      </c>
      <c r="AK16575">
        <v>47</v>
      </c>
      <c r="AL16575">
        <v>47</v>
      </c>
      <c r="AM16575">
        <v>47</v>
      </c>
      <c r="AN16575">
        <v>47</v>
      </c>
      <c r="AO16575">
        <v>47</v>
      </c>
      <c r="AP16575">
        <v>47</v>
      </c>
      <c r="AQ16575">
        <v>48</v>
      </c>
    </row>
    <row r="16576" spans="1:43">
      <c r="A16576" t="s">
        <v>10292</v>
      </c>
      <c r="B16576" t="s">
        <v>10293</v>
      </c>
      <c r="C16576" t="s">
        <v>10294</v>
      </c>
      <c r="D16576" t="s">
        <v>10295</v>
      </c>
      <c r="E16576" t="s">
        <v>10212</v>
      </c>
      <c r="F16576" t="s">
        <v>10213</v>
      </c>
      <c r="G16576" t="s">
        <v>10214</v>
      </c>
      <c r="H16576" t="s">
        <v>10215</v>
      </c>
      <c r="I16576" s="2">
        <v>1</v>
      </c>
      <c r="J16576" s="2">
        <v>0</v>
      </c>
      <c r="K16576" s="2">
        <v>0</v>
      </c>
      <c r="L16576" t="s">
        <v>120</v>
      </c>
      <c r="M16576" t="s">
        <v>89</v>
      </c>
      <c r="N16576" t="s">
        <v>90</v>
      </c>
      <c r="O16576" t="s">
        <v>85</v>
      </c>
      <c r="P16576" t="s">
        <v>86</v>
      </c>
      <c r="Q16576">
        <v>43</v>
      </c>
      <c r="R16576">
        <v>44</v>
      </c>
      <c r="S16576">
        <v>45</v>
      </c>
      <c r="T16576">
        <v>46</v>
      </c>
      <c r="U16576">
        <v>47</v>
      </c>
      <c r="V16576">
        <v>48</v>
      </c>
      <c r="W16576">
        <v>49</v>
      </c>
      <c r="X16576">
        <v>50</v>
      </c>
      <c r="Y16576">
        <v>51</v>
      </c>
      <c r="Z16576">
        <v>51</v>
      </c>
      <c r="AA16576">
        <v>52</v>
      </c>
      <c r="AB16576">
        <v>53</v>
      </c>
      <c r="AC16576">
        <v>54</v>
      </c>
      <c r="AD16576">
        <v>54</v>
      </c>
      <c r="AE16576">
        <v>55</v>
      </c>
      <c r="AF16576">
        <v>55</v>
      </c>
      <c r="AG16576">
        <v>55</v>
      </c>
      <c r="AH16576">
        <v>55</v>
      </c>
      <c r="AI16576">
        <v>55</v>
      </c>
      <c r="AJ16576">
        <v>55</v>
      </c>
      <c r="AK16576">
        <v>55</v>
      </c>
      <c r="AL16576">
        <v>55</v>
      </c>
      <c r="AM16576">
        <v>55</v>
      </c>
      <c r="AN16576">
        <v>55</v>
      </c>
      <c r="AO16576">
        <v>55</v>
      </c>
      <c r="AP16576">
        <v>55</v>
      </c>
      <c r="AQ16576">
        <v>55</v>
      </c>
    </row>
    <row r="16577" spans="1:43">
      <c r="A16577" t="s">
        <v>10292</v>
      </c>
      <c r="B16577" t="s">
        <v>10293</v>
      </c>
      <c r="C16577" t="s">
        <v>10294</v>
      </c>
      <c r="D16577" t="s">
        <v>10295</v>
      </c>
      <c r="E16577" t="s">
        <v>10212</v>
      </c>
      <c r="F16577" t="s">
        <v>10213</v>
      </c>
      <c r="G16577" t="s">
        <v>10214</v>
      </c>
      <c r="H16577" t="s">
        <v>10215</v>
      </c>
      <c r="I16577" s="2">
        <v>1</v>
      </c>
      <c r="J16577" s="2">
        <v>0</v>
      </c>
      <c r="K16577" s="2">
        <v>0</v>
      </c>
      <c r="L16577" t="s">
        <v>120</v>
      </c>
      <c r="M16577" t="s">
        <v>83</v>
      </c>
      <c r="N16577" t="s">
        <v>91</v>
      </c>
      <c r="O16577" t="s">
        <v>85</v>
      </c>
      <c r="P16577" t="s">
        <v>86</v>
      </c>
      <c r="Q16577">
        <v>43</v>
      </c>
      <c r="R16577">
        <v>44</v>
      </c>
      <c r="S16577">
        <v>44</v>
      </c>
      <c r="T16577">
        <v>45</v>
      </c>
      <c r="U16577">
        <v>45</v>
      </c>
      <c r="V16577">
        <v>46</v>
      </c>
      <c r="W16577">
        <v>47</v>
      </c>
      <c r="X16577">
        <v>47</v>
      </c>
      <c r="Y16577">
        <v>48</v>
      </c>
      <c r="Z16577">
        <v>48</v>
      </c>
      <c r="AA16577">
        <v>49</v>
      </c>
      <c r="AB16577">
        <v>50</v>
      </c>
      <c r="AC16577">
        <v>50</v>
      </c>
      <c r="AD16577">
        <v>51</v>
      </c>
      <c r="AE16577">
        <v>51</v>
      </c>
      <c r="AF16577">
        <v>52</v>
      </c>
      <c r="AG16577">
        <v>52</v>
      </c>
      <c r="AH16577">
        <v>53</v>
      </c>
      <c r="AI16577">
        <v>53</v>
      </c>
      <c r="AJ16577">
        <v>54</v>
      </c>
      <c r="AK16577">
        <v>54</v>
      </c>
      <c r="AL16577">
        <v>55</v>
      </c>
      <c r="AM16577">
        <v>55</v>
      </c>
      <c r="AN16577">
        <v>55</v>
      </c>
      <c r="AO16577">
        <v>55</v>
      </c>
      <c r="AP16577">
        <v>55</v>
      </c>
      <c r="AQ16577">
        <v>55</v>
      </c>
    </row>
    <row r="16578" spans="1:43">
      <c r="A16578" t="s">
        <v>10296</v>
      </c>
      <c r="B16578" t="s">
        <v>10297</v>
      </c>
      <c r="C16578" t="s">
        <v>10298</v>
      </c>
      <c r="D16578" t="s">
        <v>10299</v>
      </c>
      <c r="E16578" t="s">
        <v>10212</v>
      </c>
      <c r="F16578" t="s">
        <v>10213</v>
      </c>
      <c r="G16578" t="s">
        <v>10214</v>
      </c>
      <c r="H16578" t="s">
        <v>10215</v>
      </c>
      <c r="I16578" s="2">
        <v>1</v>
      </c>
      <c r="J16578" s="2">
        <v>0</v>
      </c>
      <c r="K16578" s="2">
        <v>0</v>
      </c>
      <c r="L16578" t="s">
        <v>120</v>
      </c>
      <c r="M16578" t="s">
        <v>83</v>
      </c>
      <c r="N16578" t="s">
        <v>84</v>
      </c>
      <c r="O16578" t="s">
        <v>85</v>
      </c>
      <c r="P16578" t="s">
        <v>86</v>
      </c>
      <c r="Q16578">
        <v>18</v>
      </c>
      <c r="R16578">
        <v>18</v>
      </c>
      <c r="S16578">
        <v>19</v>
      </c>
      <c r="T16578">
        <v>19</v>
      </c>
      <c r="U16578">
        <v>19</v>
      </c>
      <c r="V16578">
        <v>20</v>
      </c>
      <c r="W16578">
        <v>20</v>
      </c>
      <c r="X16578">
        <v>20</v>
      </c>
      <c r="Y16578">
        <v>20</v>
      </c>
      <c r="Z16578">
        <v>21</v>
      </c>
      <c r="AA16578">
        <v>21</v>
      </c>
      <c r="AB16578">
        <v>21</v>
      </c>
      <c r="AC16578">
        <v>21</v>
      </c>
      <c r="AD16578">
        <v>21</v>
      </c>
      <c r="AE16578">
        <v>22</v>
      </c>
      <c r="AF16578">
        <v>22</v>
      </c>
      <c r="AG16578">
        <v>22</v>
      </c>
      <c r="AH16578">
        <v>22</v>
      </c>
      <c r="AI16578">
        <v>23</v>
      </c>
      <c r="AJ16578">
        <v>23</v>
      </c>
      <c r="AK16578">
        <v>23</v>
      </c>
      <c r="AL16578">
        <v>23</v>
      </c>
      <c r="AM16578">
        <v>23</v>
      </c>
      <c r="AN16578">
        <v>23</v>
      </c>
      <c r="AO16578">
        <v>23</v>
      </c>
      <c r="AP16578">
        <v>23</v>
      </c>
      <c r="AQ16578">
        <v>23</v>
      </c>
    </row>
    <row r="16579" spans="1:43">
      <c r="A16579" t="s">
        <v>10296</v>
      </c>
      <c r="B16579" t="s">
        <v>10297</v>
      </c>
      <c r="C16579" t="s">
        <v>10298</v>
      </c>
      <c r="D16579" t="s">
        <v>10299</v>
      </c>
      <c r="E16579" t="s">
        <v>10212</v>
      </c>
      <c r="F16579" t="s">
        <v>10213</v>
      </c>
      <c r="G16579" t="s">
        <v>10214</v>
      </c>
      <c r="H16579" t="s">
        <v>10215</v>
      </c>
      <c r="I16579" s="2">
        <v>1</v>
      </c>
      <c r="J16579" s="2">
        <v>0</v>
      </c>
      <c r="K16579" s="2">
        <v>0</v>
      </c>
      <c r="L16579" t="s">
        <v>120</v>
      </c>
      <c r="M16579" t="s">
        <v>87</v>
      </c>
      <c r="N16579" t="s">
        <v>88</v>
      </c>
      <c r="O16579" t="s">
        <v>85</v>
      </c>
      <c r="P16579" t="s">
        <v>86</v>
      </c>
      <c r="Q16579">
        <v>18</v>
      </c>
      <c r="R16579">
        <v>18</v>
      </c>
      <c r="S16579">
        <v>18</v>
      </c>
      <c r="T16579">
        <v>18</v>
      </c>
      <c r="U16579">
        <v>18</v>
      </c>
      <c r="V16579">
        <v>18</v>
      </c>
      <c r="W16579">
        <v>19</v>
      </c>
      <c r="X16579">
        <v>19</v>
      </c>
      <c r="Y16579">
        <v>19</v>
      </c>
      <c r="Z16579">
        <v>19</v>
      </c>
      <c r="AA16579">
        <v>19</v>
      </c>
      <c r="AB16579">
        <v>19</v>
      </c>
      <c r="AC16579">
        <v>19</v>
      </c>
      <c r="AD16579">
        <v>19</v>
      </c>
      <c r="AE16579">
        <v>19</v>
      </c>
      <c r="AF16579">
        <v>19</v>
      </c>
      <c r="AG16579">
        <v>19</v>
      </c>
      <c r="AH16579">
        <v>20</v>
      </c>
      <c r="AI16579">
        <v>20</v>
      </c>
      <c r="AJ16579">
        <v>20</v>
      </c>
      <c r="AK16579">
        <v>20</v>
      </c>
      <c r="AL16579">
        <v>20</v>
      </c>
      <c r="AM16579">
        <v>20</v>
      </c>
      <c r="AN16579">
        <v>20</v>
      </c>
      <c r="AO16579">
        <v>20</v>
      </c>
      <c r="AP16579">
        <v>20</v>
      </c>
      <c r="AQ16579">
        <v>20</v>
      </c>
    </row>
    <row r="16580" spans="1:43">
      <c r="A16580" t="s">
        <v>10296</v>
      </c>
      <c r="B16580" t="s">
        <v>10297</v>
      </c>
      <c r="C16580" t="s">
        <v>10298</v>
      </c>
      <c r="D16580" t="s">
        <v>10299</v>
      </c>
      <c r="E16580" t="s">
        <v>10212</v>
      </c>
      <c r="F16580" t="s">
        <v>10213</v>
      </c>
      <c r="G16580" t="s">
        <v>10214</v>
      </c>
      <c r="H16580" t="s">
        <v>10215</v>
      </c>
      <c r="I16580" s="2">
        <v>1</v>
      </c>
      <c r="J16580" s="2">
        <v>0</v>
      </c>
      <c r="K16580" s="2">
        <v>0</v>
      </c>
      <c r="L16580" t="s">
        <v>120</v>
      </c>
      <c r="M16580" t="s">
        <v>89</v>
      </c>
      <c r="N16580" t="s">
        <v>90</v>
      </c>
      <c r="O16580" t="s">
        <v>85</v>
      </c>
      <c r="P16580" t="s">
        <v>86</v>
      </c>
      <c r="Q16580">
        <v>18</v>
      </c>
      <c r="R16580">
        <v>19</v>
      </c>
      <c r="S16580">
        <v>19</v>
      </c>
      <c r="T16580">
        <v>20</v>
      </c>
      <c r="U16580">
        <v>20</v>
      </c>
      <c r="V16580">
        <v>20</v>
      </c>
      <c r="W16580">
        <v>21</v>
      </c>
      <c r="X16580">
        <v>21</v>
      </c>
      <c r="Y16580">
        <v>21</v>
      </c>
      <c r="Z16580">
        <v>22</v>
      </c>
      <c r="AA16580">
        <v>22</v>
      </c>
      <c r="AB16580">
        <v>22</v>
      </c>
      <c r="AC16580">
        <v>23</v>
      </c>
      <c r="AD16580">
        <v>23</v>
      </c>
      <c r="AE16580">
        <v>23</v>
      </c>
      <c r="AF16580">
        <v>23</v>
      </c>
      <c r="AG16580">
        <v>23</v>
      </c>
      <c r="AH16580">
        <v>23</v>
      </c>
      <c r="AI16580">
        <v>23</v>
      </c>
      <c r="AJ16580">
        <v>23</v>
      </c>
      <c r="AK16580">
        <v>23</v>
      </c>
      <c r="AL16580">
        <v>23</v>
      </c>
      <c r="AM16580">
        <v>23</v>
      </c>
      <c r="AN16580">
        <v>23</v>
      </c>
      <c r="AO16580">
        <v>23</v>
      </c>
      <c r="AP16580">
        <v>23</v>
      </c>
      <c r="AQ16580">
        <v>23</v>
      </c>
    </row>
    <row r="16581" spans="1:43">
      <c r="A16581" t="s">
        <v>10296</v>
      </c>
      <c r="B16581" t="s">
        <v>10297</v>
      </c>
      <c r="C16581" t="s">
        <v>10298</v>
      </c>
      <c r="D16581" t="s">
        <v>10299</v>
      </c>
      <c r="E16581" t="s">
        <v>10212</v>
      </c>
      <c r="F16581" t="s">
        <v>10213</v>
      </c>
      <c r="G16581" t="s">
        <v>10214</v>
      </c>
      <c r="H16581" t="s">
        <v>10215</v>
      </c>
      <c r="I16581" s="2">
        <v>1</v>
      </c>
      <c r="J16581" s="2">
        <v>0</v>
      </c>
      <c r="K16581" s="2">
        <v>0</v>
      </c>
      <c r="L16581" t="s">
        <v>120</v>
      </c>
      <c r="M16581" t="s">
        <v>83</v>
      </c>
      <c r="N16581" t="s">
        <v>91</v>
      </c>
      <c r="O16581" t="s">
        <v>85</v>
      </c>
      <c r="P16581" t="s">
        <v>86</v>
      </c>
      <c r="Q16581">
        <v>18</v>
      </c>
      <c r="R16581">
        <v>18</v>
      </c>
      <c r="S16581">
        <v>19</v>
      </c>
      <c r="T16581">
        <v>19</v>
      </c>
      <c r="U16581">
        <v>19</v>
      </c>
      <c r="V16581">
        <v>20</v>
      </c>
      <c r="W16581">
        <v>20</v>
      </c>
      <c r="X16581">
        <v>20</v>
      </c>
      <c r="Y16581">
        <v>20</v>
      </c>
      <c r="Z16581">
        <v>21</v>
      </c>
      <c r="AA16581">
        <v>21</v>
      </c>
      <c r="AB16581">
        <v>21</v>
      </c>
      <c r="AC16581">
        <v>21</v>
      </c>
      <c r="AD16581">
        <v>21</v>
      </c>
      <c r="AE16581">
        <v>22</v>
      </c>
      <c r="AF16581">
        <v>22</v>
      </c>
      <c r="AG16581">
        <v>22</v>
      </c>
      <c r="AH16581">
        <v>22</v>
      </c>
      <c r="AI16581">
        <v>23</v>
      </c>
      <c r="AJ16581">
        <v>23</v>
      </c>
      <c r="AK16581">
        <v>23</v>
      </c>
      <c r="AL16581">
        <v>23</v>
      </c>
      <c r="AM16581">
        <v>23</v>
      </c>
      <c r="AN16581">
        <v>23</v>
      </c>
      <c r="AO16581">
        <v>23</v>
      </c>
      <c r="AP16581">
        <v>23</v>
      </c>
      <c r="AQ16581">
        <v>23</v>
      </c>
    </row>
    <row r="16582" spans="1:43">
      <c r="A16582" t="s">
        <v>10300</v>
      </c>
      <c r="B16582" t="s">
        <v>10301</v>
      </c>
      <c r="C16582" t="s">
        <v>10298</v>
      </c>
      <c r="D16582" t="s">
        <v>10299</v>
      </c>
      <c r="E16582" t="s">
        <v>10212</v>
      </c>
      <c r="F16582" t="s">
        <v>10213</v>
      </c>
      <c r="G16582" t="s">
        <v>10214</v>
      </c>
      <c r="H16582" t="s">
        <v>10215</v>
      </c>
      <c r="I16582" s="2">
        <v>1</v>
      </c>
      <c r="J16582" s="2">
        <v>0</v>
      </c>
      <c r="K16582" s="2">
        <v>0</v>
      </c>
      <c r="L16582" t="s">
        <v>120</v>
      </c>
      <c r="M16582" t="s">
        <v>83</v>
      </c>
      <c r="N16582" t="s">
        <v>84</v>
      </c>
      <c r="O16582" t="s">
        <v>85</v>
      </c>
      <c r="P16582" t="s">
        <v>86</v>
      </c>
      <c r="Q16582">
        <v>19</v>
      </c>
      <c r="R16582">
        <v>19</v>
      </c>
      <c r="S16582">
        <v>19</v>
      </c>
      <c r="T16582">
        <v>19</v>
      </c>
      <c r="U16582">
        <v>20</v>
      </c>
      <c r="V16582">
        <v>20</v>
      </c>
      <c r="W16582">
        <v>20</v>
      </c>
      <c r="X16582">
        <v>21</v>
      </c>
      <c r="Y16582">
        <v>21</v>
      </c>
      <c r="Z16582">
        <v>21</v>
      </c>
      <c r="AA16582">
        <v>21</v>
      </c>
      <c r="AB16582">
        <v>22</v>
      </c>
      <c r="AC16582">
        <v>22</v>
      </c>
      <c r="AD16582">
        <v>22</v>
      </c>
      <c r="AE16582">
        <v>22</v>
      </c>
      <c r="AF16582">
        <v>22</v>
      </c>
      <c r="AG16582">
        <v>23</v>
      </c>
      <c r="AH16582">
        <v>23</v>
      </c>
      <c r="AI16582">
        <v>23</v>
      </c>
      <c r="AJ16582">
        <v>23</v>
      </c>
      <c r="AK16582">
        <v>24</v>
      </c>
      <c r="AL16582">
        <v>24</v>
      </c>
      <c r="AM16582">
        <v>24</v>
      </c>
      <c r="AN16582">
        <v>24</v>
      </c>
      <c r="AO16582">
        <v>24</v>
      </c>
      <c r="AP16582">
        <v>24</v>
      </c>
      <c r="AQ16582">
        <v>24</v>
      </c>
    </row>
    <row r="16583" spans="1:43">
      <c r="A16583" t="s">
        <v>10300</v>
      </c>
      <c r="B16583" t="s">
        <v>10301</v>
      </c>
      <c r="C16583" t="s">
        <v>10298</v>
      </c>
      <c r="D16583" t="s">
        <v>10299</v>
      </c>
      <c r="E16583" t="s">
        <v>10212</v>
      </c>
      <c r="F16583" t="s">
        <v>10213</v>
      </c>
      <c r="G16583" t="s">
        <v>10214</v>
      </c>
      <c r="H16583" t="s">
        <v>10215</v>
      </c>
      <c r="I16583" s="2">
        <v>1</v>
      </c>
      <c r="J16583" s="2">
        <v>0</v>
      </c>
      <c r="K16583" s="2">
        <v>0</v>
      </c>
      <c r="L16583" t="s">
        <v>120</v>
      </c>
      <c r="M16583" t="s">
        <v>87</v>
      </c>
      <c r="N16583" t="s">
        <v>88</v>
      </c>
      <c r="O16583" t="s">
        <v>85</v>
      </c>
      <c r="P16583" t="s">
        <v>86</v>
      </c>
      <c r="Q16583">
        <v>19</v>
      </c>
      <c r="R16583">
        <v>20</v>
      </c>
      <c r="S16583">
        <v>20</v>
      </c>
      <c r="T16583">
        <v>20</v>
      </c>
      <c r="U16583">
        <v>20</v>
      </c>
      <c r="V16583">
        <v>20</v>
      </c>
      <c r="W16583">
        <v>20</v>
      </c>
      <c r="X16583">
        <v>20</v>
      </c>
      <c r="Y16583">
        <v>20</v>
      </c>
      <c r="Z16583">
        <v>20</v>
      </c>
      <c r="AA16583">
        <v>20</v>
      </c>
      <c r="AB16583">
        <v>20</v>
      </c>
      <c r="AC16583">
        <v>21</v>
      </c>
      <c r="AD16583">
        <v>21</v>
      </c>
      <c r="AE16583">
        <v>21</v>
      </c>
      <c r="AF16583">
        <v>21</v>
      </c>
      <c r="AG16583">
        <v>21</v>
      </c>
      <c r="AH16583">
        <v>21</v>
      </c>
      <c r="AI16583">
        <v>21</v>
      </c>
      <c r="AJ16583">
        <v>21</v>
      </c>
      <c r="AK16583">
        <v>21</v>
      </c>
      <c r="AL16583">
        <v>21</v>
      </c>
      <c r="AM16583">
        <v>21</v>
      </c>
      <c r="AN16583">
        <v>21</v>
      </c>
      <c r="AO16583">
        <v>22</v>
      </c>
      <c r="AP16583">
        <v>22</v>
      </c>
      <c r="AQ16583">
        <v>22</v>
      </c>
    </row>
    <row r="16584" spans="1:43">
      <c r="A16584" t="s">
        <v>10300</v>
      </c>
      <c r="B16584" t="s">
        <v>10301</v>
      </c>
      <c r="C16584" t="s">
        <v>10298</v>
      </c>
      <c r="D16584" t="s">
        <v>10299</v>
      </c>
      <c r="E16584" t="s">
        <v>10212</v>
      </c>
      <c r="F16584" t="s">
        <v>10213</v>
      </c>
      <c r="G16584" t="s">
        <v>10214</v>
      </c>
      <c r="H16584" t="s">
        <v>10215</v>
      </c>
      <c r="I16584" s="2">
        <v>1</v>
      </c>
      <c r="J16584" s="2">
        <v>0</v>
      </c>
      <c r="K16584" s="2">
        <v>0</v>
      </c>
      <c r="L16584" t="s">
        <v>120</v>
      </c>
      <c r="M16584" t="s">
        <v>89</v>
      </c>
      <c r="N16584" t="s">
        <v>90</v>
      </c>
      <c r="O16584" t="s">
        <v>85</v>
      </c>
      <c r="P16584" t="s">
        <v>86</v>
      </c>
      <c r="Q16584">
        <v>19</v>
      </c>
      <c r="R16584">
        <v>19</v>
      </c>
      <c r="S16584">
        <v>20</v>
      </c>
      <c r="T16584">
        <v>20</v>
      </c>
      <c r="U16584">
        <v>21</v>
      </c>
      <c r="V16584">
        <v>21</v>
      </c>
      <c r="W16584">
        <v>21</v>
      </c>
      <c r="X16584">
        <v>22</v>
      </c>
      <c r="Y16584">
        <v>22</v>
      </c>
      <c r="Z16584">
        <v>22</v>
      </c>
      <c r="AA16584">
        <v>23</v>
      </c>
      <c r="AB16584">
        <v>23</v>
      </c>
      <c r="AC16584">
        <v>23</v>
      </c>
      <c r="AD16584">
        <v>24</v>
      </c>
      <c r="AE16584">
        <v>24</v>
      </c>
      <c r="AF16584">
        <v>24</v>
      </c>
      <c r="AG16584">
        <v>24</v>
      </c>
      <c r="AH16584">
        <v>24</v>
      </c>
      <c r="AI16584">
        <v>24</v>
      </c>
      <c r="AJ16584">
        <v>24</v>
      </c>
      <c r="AK16584">
        <v>24</v>
      </c>
      <c r="AL16584">
        <v>24</v>
      </c>
      <c r="AM16584">
        <v>24</v>
      </c>
      <c r="AN16584">
        <v>24</v>
      </c>
      <c r="AO16584">
        <v>24</v>
      </c>
      <c r="AP16584">
        <v>24</v>
      </c>
      <c r="AQ16584">
        <v>24</v>
      </c>
    </row>
    <row r="16585" spans="1:43">
      <c r="A16585" t="s">
        <v>10300</v>
      </c>
      <c r="B16585" t="s">
        <v>10301</v>
      </c>
      <c r="C16585" t="s">
        <v>10298</v>
      </c>
      <c r="D16585" t="s">
        <v>10299</v>
      </c>
      <c r="E16585" t="s">
        <v>10212</v>
      </c>
      <c r="F16585" t="s">
        <v>10213</v>
      </c>
      <c r="G16585" t="s">
        <v>10214</v>
      </c>
      <c r="H16585" t="s">
        <v>10215</v>
      </c>
      <c r="I16585" s="2">
        <v>1</v>
      </c>
      <c r="J16585" s="2">
        <v>0</v>
      </c>
      <c r="K16585" s="2">
        <v>0</v>
      </c>
      <c r="L16585" t="s">
        <v>120</v>
      </c>
      <c r="M16585" t="s">
        <v>83</v>
      </c>
      <c r="N16585" t="s">
        <v>91</v>
      </c>
      <c r="O16585" t="s">
        <v>85</v>
      </c>
      <c r="P16585" t="s">
        <v>86</v>
      </c>
      <c r="Q16585">
        <v>19</v>
      </c>
      <c r="R16585">
        <v>19</v>
      </c>
      <c r="S16585">
        <v>19</v>
      </c>
      <c r="T16585">
        <v>19</v>
      </c>
      <c r="U16585">
        <v>20</v>
      </c>
      <c r="V16585">
        <v>20</v>
      </c>
      <c r="W16585">
        <v>20</v>
      </c>
      <c r="X16585">
        <v>21</v>
      </c>
      <c r="Y16585">
        <v>21</v>
      </c>
      <c r="Z16585">
        <v>21</v>
      </c>
      <c r="AA16585">
        <v>21</v>
      </c>
      <c r="AB16585">
        <v>22</v>
      </c>
      <c r="AC16585">
        <v>22</v>
      </c>
      <c r="AD16585">
        <v>22</v>
      </c>
      <c r="AE16585">
        <v>22</v>
      </c>
      <c r="AF16585">
        <v>22</v>
      </c>
      <c r="AG16585">
        <v>23</v>
      </c>
      <c r="AH16585">
        <v>23</v>
      </c>
      <c r="AI16585">
        <v>23</v>
      </c>
      <c r="AJ16585">
        <v>23</v>
      </c>
      <c r="AK16585">
        <v>24</v>
      </c>
      <c r="AL16585">
        <v>24</v>
      </c>
      <c r="AM16585">
        <v>24</v>
      </c>
      <c r="AN16585">
        <v>24</v>
      </c>
      <c r="AO16585">
        <v>24</v>
      </c>
      <c r="AP16585">
        <v>24</v>
      </c>
      <c r="AQ16585">
        <v>24</v>
      </c>
    </row>
    <row r="16586" spans="1:43">
      <c r="A16586" t="s">
        <v>10302</v>
      </c>
      <c r="B16586" t="s">
        <v>10303</v>
      </c>
      <c r="C16586" t="s">
        <v>10304</v>
      </c>
      <c r="D16586" t="s">
        <v>10305</v>
      </c>
      <c r="E16586" t="s">
        <v>10212</v>
      </c>
      <c r="F16586" t="s">
        <v>10213</v>
      </c>
      <c r="G16586" t="s">
        <v>10214</v>
      </c>
      <c r="H16586" t="s">
        <v>10215</v>
      </c>
      <c r="I16586" s="2">
        <v>0.92</v>
      </c>
      <c r="J16586" s="2">
        <v>0</v>
      </c>
      <c r="K16586" s="2">
        <v>0</v>
      </c>
      <c r="L16586" t="s">
        <v>120</v>
      </c>
      <c r="M16586" t="s">
        <v>83</v>
      </c>
      <c r="N16586" t="s">
        <v>84</v>
      </c>
      <c r="O16586" t="s">
        <v>85</v>
      </c>
      <c r="P16586" t="s">
        <v>86</v>
      </c>
      <c r="Q16586">
        <v>34</v>
      </c>
      <c r="R16586">
        <v>35</v>
      </c>
      <c r="S16586">
        <v>35</v>
      </c>
      <c r="T16586">
        <v>36</v>
      </c>
      <c r="U16586">
        <v>36</v>
      </c>
      <c r="V16586">
        <v>37</v>
      </c>
      <c r="W16586">
        <v>37</v>
      </c>
      <c r="X16586">
        <v>37</v>
      </c>
      <c r="Y16586">
        <v>38</v>
      </c>
      <c r="Z16586">
        <v>38</v>
      </c>
      <c r="AA16586">
        <v>39</v>
      </c>
      <c r="AB16586">
        <v>39</v>
      </c>
      <c r="AC16586">
        <v>40</v>
      </c>
      <c r="AD16586">
        <v>40</v>
      </c>
      <c r="AE16586">
        <v>40</v>
      </c>
      <c r="AF16586">
        <v>41</v>
      </c>
      <c r="AG16586">
        <v>41</v>
      </c>
      <c r="AH16586">
        <v>42</v>
      </c>
      <c r="AI16586">
        <v>42</v>
      </c>
      <c r="AJ16586">
        <v>43</v>
      </c>
      <c r="AK16586">
        <v>43</v>
      </c>
      <c r="AL16586">
        <v>43</v>
      </c>
      <c r="AM16586">
        <v>43</v>
      </c>
      <c r="AN16586">
        <v>43</v>
      </c>
      <c r="AO16586">
        <v>43</v>
      </c>
      <c r="AP16586">
        <v>43</v>
      </c>
      <c r="AQ16586">
        <v>43</v>
      </c>
    </row>
    <row r="16587" spans="1:43">
      <c r="A16587" t="s">
        <v>10302</v>
      </c>
      <c r="B16587" t="s">
        <v>10303</v>
      </c>
      <c r="C16587" t="s">
        <v>10304</v>
      </c>
      <c r="D16587" t="s">
        <v>10305</v>
      </c>
      <c r="E16587" t="s">
        <v>10212</v>
      </c>
      <c r="F16587" t="s">
        <v>10213</v>
      </c>
      <c r="G16587" t="s">
        <v>10214</v>
      </c>
      <c r="H16587" t="s">
        <v>10215</v>
      </c>
      <c r="I16587" s="2">
        <v>0.92</v>
      </c>
      <c r="J16587" s="2">
        <v>0</v>
      </c>
      <c r="K16587" s="2">
        <v>0</v>
      </c>
      <c r="L16587" t="s">
        <v>120</v>
      </c>
      <c r="M16587" t="s">
        <v>87</v>
      </c>
      <c r="N16587" t="s">
        <v>88</v>
      </c>
      <c r="O16587" t="s">
        <v>85</v>
      </c>
      <c r="P16587" t="s">
        <v>86</v>
      </c>
      <c r="Q16587">
        <v>34</v>
      </c>
      <c r="R16587">
        <v>34</v>
      </c>
      <c r="S16587">
        <v>34</v>
      </c>
      <c r="T16587">
        <v>34</v>
      </c>
      <c r="U16587">
        <v>34</v>
      </c>
      <c r="V16587">
        <v>35</v>
      </c>
      <c r="W16587">
        <v>35</v>
      </c>
      <c r="X16587">
        <v>35</v>
      </c>
      <c r="Y16587">
        <v>35</v>
      </c>
      <c r="Z16587">
        <v>35</v>
      </c>
      <c r="AA16587">
        <v>35</v>
      </c>
      <c r="AB16587">
        <v>36</v>
      </c>
      <c r="AC16587">
        <v>36</v>
      </c>
      <c r="AD16587">
        <v>36</v>
      </c>
      <c r="AE16587">
        <v>36</v>
      </c>
      <c r="AF16587">
        <v>36</v>
      </c>
      <c r="AG16587">
        <v>36</v>
      </c>
      <c r="AH16587">
        <v>37</v>
      </c>
      <c r="AI16587">
        <v>37</v>
      </c>
      <c r="AJ16587">
        <v>37</v>
      </c>
      <c r="AK16587">
        <v>37</v>
      </c>
      <c r="AL16587">
        <v>37</v>
      </c>
      <c r="AM16587">
        <v>37</v>
      </c>
      <c r="AN16587">
        <v>37</v>
      </c>
      <c r="AO16587">
        <v>38</v>
      </c>
      <c r="AP16587">
        <v>38</v>
      </c>
      <c r="AQ16587">
        <v>38</v>
      </c>
    </row>
    <row r="16588" spans="1:43">
      <c r="A16588" t="s">
        <v>10302</v>
      </c>
      <c r="B16588" t="s">
        <v>10303</v>
      </c>
      <c r="C16588" t="s">
        <v>10304</v>
      </c>
      <c r="D16588" t="s">
        <v>10305</v>
      </c>
      <c r="E16588" t="s">
        <v>10212</v>
      </c>
      <c r="F16588" t="s">
        <v>10213</v>
      </c>
      <c r="G16588" t="s">
        <v>10214</v>
      </c>
      <c r="H16588" t="s">
        <v>10215</v>
      </c>
      <c r="I16588" s="2">
        <v>0.92</v>
      </c>
      <c r="J16588" s="2">
        <v>0</v>
      </c>
      <c r="K16588" s="2">
        <v>0</v>
      </c>
      <c r="L16588" t="s">
        <v>120</v>
      </c>
      <c r="M16588" t="s">
        <v>89</v>
      </c>
      <c r="N16588" t="s">
        <v>90</v>
      </c>
      <c r="O16588" t="s">
        <v>85</v>
      </c>
      <c r="P16588" t="s">
        <v>86</v>
      </c>
      <c r="Q16588">
        <v>34</v>
      </c>
      <c r="R16588">
        <v>35</v>
      </c>
      <c r="S16588">
        <v>36</v>
      </c>
      <c r="T16588">
        <v>37</v>
      </c>
      <c r="U16588">
        <v>37</v>
      </c>
      <c r="V16588">
        <v>38</v>
      </c>
      <c r="W16588">
        <v>39</v>
      </c>
      <c r="X16588">
        <v>39</v>
      </c>
      <c r="Y16588">
        <v>40</v>
      </c>
      <c r="Z16588">
        <v>41</v>
      </c>
      <c r="AA16588">
        <v>41</v>
      </c>
      <c r="AB16588">
        <v>42</v>
      </c>
      <c r="AC16588">
        <v>42</v>
      </c>
      <c r="AD16588">
        <v>43</v>
      </c>
      <c r="AE16588">
        <v>43</v>
      </c>
      <c r="AF16588">
        <v>43</v>
      </c>
      <c r="AG16588">
        <v>43</v>
      </c>
      <c r="AH16588">
        <v>43</v>
      </c>
      <c r="AI16588">
        <v>43</v>
      </c>
      <c r="AJ16588">
        <v>43</v>
      </c>
      <c r="AK16588">
        <v>43</v>
      </c>
      <c r="AL16588">
        <v>43</v>
      </c>
      <c r="AM16588">
        <v>43</v>
      </c>
      <c r="AN16588">
        <v>43</v>
      </c>
      <c r="AO16588">
        <v>43</v>
      </c>
      <c r="AP16588">
        <v>43</v>
      </c>
      <c r="AQ16588">
        <v>43</v>
      </c>
    </row>
    <row r="16589" spans="1:43">
      <c r="A16589" t="s">
        <v>10302</v>
      </c>
      <c r="B16589" t="s">
        <v>10303</v>
      </c>
      <c r="C16589" t="s">
        <v>10304</v>
      </c>
      <c r="D16589" t="s">
        <v>10305</v>
      </c>
      <c r="E16589" t="s">
        <v>10212</v>
      </c>
      <c r="F16589" t="s">
        <v>10213</v>
      </c>
      <c r="G16589" t="s">
        <v>10214</v>
      </c>
      <c r="H16589" t="s">
        <v>10215</v>
      </c>
      <c r="I16589" s="2">
        <v>0.92</v>
      </c>
      <c r="J16589" s="2">
        <v>0</v>
      </c>
      <c r="K16589" s="2">
        <v>0</v>
      </c>
      <c r="L16589" t="s">
        <v>120</v>
      </c>
      <c r="M16589" t="s">
        <v>83</v>
      </c>
      <c r="N16589" t="s">
        <v>91</v>
      </c>
      <c r="O16589" t="s">
        <v>85</v>
      </c>
      <c r="P16589" t="s">
        <v>86</v>
      </c>
      <c r="Q16589">
        <v>34</v>
      </c>
      <c r="R16589">
        <v>35</v>
      </c>
      <c r="S16589">
        <v>35</v>
      </c>
      <c r="T16589">
        <v>36</v>
      </c>
      <c r="U16589">
        <v>36</v>
      </c>
      <c r="V16589">
        <v>37</v>
      </c>
      <c r="W16589">
        <v>37</v>
      </c>
      <c r="X16589">
        <v>37</v>
      </c>
      <c r="Y16589">
        <v>38</v>
      </c>
      <c r="Z16589">
        <v>38</v>
      </c>
      <c r="AA16589">
        <v>39</v>
      </c>
      <c r="AB16589">
        <v>39</v>
      </c>
      <c r="AC16589">
        <v>40</v>
      </c>
      <c r="AD16589">
        <v>40</v>
      </c>
      <c r="AE16589">
        <v>40</v>
      </c>
      <c r="AF16589">
        <v>41</v>
      </c>
      <c r="AG16589">
        <v>41</v>
      </c>
      <c r="AH16589">
        <v>42</v>
      </c>
      <c r="AI16589">
        <v>42</v>
      </c>
      <c r="AJ16589">
        <v>43</v>
      </c>
      <c r="AK16589">
        <v>43</v>
      </c>
      <c r="AL16589">
        <v>43</v>
      </c>
      <c r="AM16589">
        <v>43</v>
      </c>
      <c r="AN16589">
        <v>43</v>
      </c>
      <c r="AO16589">
        <v>43</v>
      </c>
      <c r="AP16589">
        <v>43</v>
      </c>
      <c r="AQ16589">
        <v>43</v>
      </c>
    </row>
    <row r="16590" spans="1:43">
      <c r="A16590" t="s">
        <v>10306</v>
      </c>
      <c r="B16590" t="s">
        <v>10307</v>
      </c>
      <c r="C16590" t="s">
        <v>10210</v>
      </c>
      <c r="D16590" t="s">
        <v>10211</v>
      </c>
      <c r="E16590" t="s">
        <v>10212</v>
      </c>
      <c r="F16590" t="s">
        <v>10213</v>
      </c>
      <c r="G16590" t="s">
        <v>10214</v>
      </c>
      <c r="H16590" t="s">
        <v>10215</v>
      </c>
      <c r="I16590" s="2">
        <v>0</v>
      </c>
      <c r="J16590" s="2">
        <v>0</v>
      </c>
      <c r="K16590" s="2">
        <v>0</v>
      </c>
      <c r="L16590" t="s">
        <v>120</v>
      </c>
      <c r="M16590" t="s">
        <v>83</v>
      </c>
      <c r="N16590" t="s">
        <v>84</v>
      </c>
      <c r="O16590" t="s">
        <v>85</v>
      </c>
      <c r="P16590" t="s">
        <v>86</v>
      </c>
      <c r="Q16590">
        <v>0</v>
      </c>
      <c r="R16590">
        <v>0</v>
      </c>
      <c r="S16590">
        <v>0</v>
      </c>
      <c r="T16590">
        <v>0</v>
      </c>
      <c r="U16590">
        <v>0</v>
      </c>
      <c r="V16590">
        <v>0</v>
      </c>
      <c r="W16590">
        <v>0</v>
      </c>
      <c r="X16590">
        <v>0</v>
      </c>
      <c r="Y16590">
        <v>0</v>
      </c>
      <c r="Z16590">
        <v>0</v>
      </c>
      <c r="AA16590">
        <v>0</v>
      </c>
      <c r="AB16590">
        <v>0</v>
      </c>
      <c r="AC16590">
        <v>0</v>
      </c>
      <c r="AD16590">
        <v>0</v>
      </c>
      <c r="AE16590">
        <v>0</v>
      </c>
      <c r="AF16590">
        <v>0</v>
      </c>
      <c r="AG16590">
        <v>0</v>
      </c>
      <c r="AH16590">
        <v>0</v>
      </c>
      <c r="AI16590">
        <v>0</v>
      </c>
      <c r="AJ16590">
        <v>0</v>
      </c>
      <c r="AK16590">
        <v>0</v>
      </c>
      <c r="AL16590">
        <v>0</v>
      </c>
      <c r="AM16590">
        <v>0</v>
      </c>
      <c r="AN16590">
        <v>0</v>
      </c>
      <c r="AO16590">
        <v>0</v>
      </c>
      <c r="AP16590">
        <v>0</v>
      </c>
      <c r="AQ16590">
        <v>0</v>
      </c>
    </row>
    <row r="16591" spans="1:43">
      <c r="A16591" t="s">
        <v>10306</v>
      </c>
      <c r="B16591" t="s">
        <v>10307</v>
      </c>
      <c r="C16591" t="s">
        <v>10210</v>
      </c>
      <c r="D16591" t="s">
        <v>10211</v>
      </c>
      <c r="E16591" t="s">
        <v>10212</v>
      </c>
      <c r="F16591" t="s">
        <v>10213</v>
      </c>
      <c r="G16591" t="s">
        <v>10214</v>
      </c>
      <c r="H16591" t="s">
        <v>10215</v>
      </c>
      <c r="I16591" s="2">
        <v>0</v>
      </c>
      <c r="J16591" s="2">
        <v>0</v>
      </c>
      <c r="K16591" s="2">
        <v>0</v>
      </c>
      <c r="L16591" t="s">
        <v>120</v>
      </c>
      <c r="M16591" t="s">
        <v>87</v>
      </c>
      <c r="N16591" t="s">
        <v>88</v>
      </c>
      <c r="O16591" t="s">
        <v>85</v>
      </c>
      <c r="P16591" t="s">
        <v>86</v>
      </c>
      <c r="Q16591">
        <v>0</v>
      </c>
      <c r="R16591">
        <v>0</v>
      </c>
      <c r="S16591">
        <v>0</v>
      </c>
      <c r="T16591">
        <v>0</v>
      </c>
      <c r="U16591">
        <v>0</v>
      </c>
      <c r="V16591">
        <v>0</v>
      </c>
      <c r="W16591">
        <v>0</v>
      </c>
      <c r="X16591">
        <v>0</v>
      </c>
      <c r="Y16591">
        <v>0</v>
      </c>
      <c r="Z16591">
        <v>0</v>
      </c>
      <c r="AA16591">
        <v>0</v>
      </c>
      <c r="AB16591">
        <v>0</v>
      </c>
      <c r="AC16591">
        <v>0</v>
      </c>
      <c r="AD16591">
        <v>0</v>
      </c>
      <c r="AE16591">
        <v>0</v>
      </c>
      <c r="AF16591">
        <v>0</v>
      </c>
      <c r="AG16591">
        <v>0</v>
      </c>
      <c r="AH16591">
        <v>0</v>
      </c>
      <c r="AI16591">
        <v>0</v>
      </c>
      <c r="AJ16591">
        <v>0</v>
      </c>
      <c r="AK16591">
        <v>0</v>
      </c>
      <c r="AL16591">
        <v>0</v>
      </c>
      <c r="AM16591">
        <v>0</v>
      </c>
      <c r="AN16591">
        <v>0</v>
      </c>
      <c r="AO16591">
        <v>0</v>
      </c>
      <c r="AP16591">
        <v>0</v>
      </c>
      <c r="AQ16591">
        <v>0</v>
      </c>
    </row>
    <row r="16592" spans="1:43">
      <c r="A16592" t="s">
        <v>10306</v>
      </c>
      <c r="B16592" t="s">
        <v>10307</v>
      </c>
      <c r="C16592" t="s">
        <v>10210</v>
      </c>
      <c r="D16592" t="s">
        <v>10211</v>
      </c>
      <c r="E16592" t="s">
        <v>10212</v>
      </c>
      <c r="F16592" t="s">
        <v>10213</v>
      </c>
      <c r="G16592" t="s">
        <v>10214</v>
      </c>
      <c r="H16592" t="s">
        <v>10215</v>
      </c>
      <c r="I16592" s="2">
        <v>0</v>
      </c>
      <c r="J16592" s="2">
        <v>0</v>
      </c>
      <c r="K16592" s="2">
        <v>0</v>
      </c>
      <c r="L16592" t="s">
        <v>120</v>
      </c>
      <c r="M16592" t="s">
        <v>89</v>
      </c>
      <c r="N16592" t="s">
        <v>90</v>
      </c>
      <c r="O16592" t="s">
        <v>85</v>
      </c>
      <c r="P16592" t="s">
        <v>86</v>
      </c>
      <c r="Q16592">
        <v>0</v>
      </c>
      <c r="R16592">
        <v>0</v>
      </c>
      <c r="S16592">
        <v>0</v>
      </c>
      <c r="T16592">
        <v>0</v>
      </c>
      <c r="U16592">
        <v>0</v>
      </c>
      <c r="V16592">
        <v>0</v>
      </c>
      <c r="W16592">
        <v>0</v>
      </c>
      <c r="X16592">
        <v>0</v>
      </c>
      <c r="Y16592">
        <v>0</v>
      </c>
      <c r="Z16592">
        <v>0</v>
      </c>
      <c r="AA16592">
        <v>0</v>
      </c>
      <c r="AB16592">
        <v>0</v>
      </c>
      <c r="AC16592">
        <v>0</v>
      </c>
      <c r="AD16592">
        <v>0</v>
      </c>
      <c r="AE16592">
        <v>0</v>
      </c>
      <c r="AF16592">
        <v>0</v>
      </c>
      <c r="AG16592">
        <v>0</v>
      </c>
      <c r="AH16592">
        <v>0</v>
      </c>
      <c r="AI16592">
        <v>0</v>
      </c>
      <c r="AJ16592">
        <v>0</v>
      </c>
      <c r="AK16592">
        <v>0</v>
      </c>
      <c r="AL16592">
        <v>0</v>
      </c>
      <c r="AM16592">
        <v>0</v>
      </c>
      <c r="AN16592">
        <v>0</v>
      </c>
      <c r="AO16592">
        <v>0</v>
      </c>
      <c r="AP16592">
        <v>0</v>
      </c>
      <c r="AQ16592">
        <v>0</v>
      </c>
    </row>
    <row r="16593" spans="1:43">
      <c r="A16593" t="s">
        <v>10306</v>
      </c>
      <c r="B16593" t="s">
        <v>10307</v>
      </c>
      <c r="C16593" t="s">
        <v>10210</v>
      </c>
      <c r="D16593" t="s">
        <v>10211</v>
      </c>
      <c r="E16593" t="s">
        <v>10212</v>
      </c>
      <c r="F16593" t="s">
        <v>10213</v>
      </c>
      <c r="G16593" t="s">
        <v>10214</v>
      </c>
      <c r="H16593" t="s">
        <v>10215</v>
      </c>
      <c r="I16593" s="2">
        <v>0</v>
      </c>
      <c r="J16593" s="2">
        <v>0</v>
      </c>
      <c r="K16593" s="2">
        <v>0</v>
      </c>
      <c r="L16593" t="s">
        <v>120</v>
      </c>
      <c r="M16593" t="s">
        <v>83</v>
      </c>
      <c r="N16593" t="s">
        <v>91</v>
      </c>
      <c r="O16593" t="s">
        <v>85</v>
      </c>
      <c r="P16593" t="s">
        <v>86</v>
      </c>
      <c r="Q16593">
        <v>0</v>
      </c>
      <c r="R16593">
        <v>0</v>
      </c>
      <c r="S16593">
        <v>0</v>
      </c>
      <c r="T16593">
        <v>0</v>
      </c>
      <c r="U16593">
        <v>0</v>
      </c>
      <c r="V16593">
        <v>0</v>
      </c>
      <c r="W16593">
        <v>0</v>
      </c>
      <c r="X16593">
        <v>0</v>
      </c>
      <c r="Y16593">
        <v>0</v>
      </c>
      <c r="Z16593">
        <v>0</v>
      </c>
      <c r="AA16593">
        <v>0</v>
      </c>
      <c r="AB16593">
        <v>0</v>
      </c>
      <c r="AC16593">
        <v>0</v>
      </c>
      <c r="AD16593">
        <v>0</v>
      </c>
      <c r="AE16593">
        <v>0</v>
      </c>
      <c r="AF16593">
        <v>0</v>
      </c>
      <c r="AG16593">
        <v>0</v>
      </c>
      <c r="AH16593">
        <v>0</v>
      </c>
      <c r="AI16593">
        <v>0</v>
      </c>
      <c r="AJ16593">
        <v>0</v>
      </c>
      <c r="AK16593">
        <v>0</v>
      </c>
      <c r="AL16593">
        <v>0</v>
      </c>
      <c r="AM16593">
        <v>0</v>
      </c>
      <c r="AN16593">
        <v>0</v>
      </c>
      <c r="AO16593">
        <v>0</v>
      </c>
      <c r="AP16593">
        <v>0</v>
      </c>
      <c r="AQ16593">
        <v>0</v>
      </c>
    </row>
    <row r="16594" spans="1:43">
      <c r="A16594" t="s">
        <v>10308</v>
      </c>
      <c r="B16594" t="s">
        <v>10309</v>
      </c>
      <c r="C16594" t="s">
        <v>10310</v>
      </c>
      <c r="D16594" t="s">
        <v>10311</v>
      </c>
      <c r="E16594" t="s">
        <v>10212</v>
      </c>
      <c r="F16594" t="s">
        <v>10213</v>
      </c>
      <c r="G16594" t="s">
        <v>10214</v>
      </c>
      <c r="H16594" t="s">
        <v>10215</v>
      </c>
      <c r="I16594" s="2">
        <v>0.96</v>
      </c>
      <c r="J16594" s="2">
        <v>0</v>
      </c>
      <c r="K16594" s="2">
        <v>0</v>
      </c>
      <c r="L16594" t="s">
        <v>120</v>
      </c>
      <c r="M16594" t="s">
        <v>83</v>
      </c>
      <c r="N16594" t="s">
        <v>84</v>
      </c>
      <c r="O16594" t="s">
        <v>85</v>
      </c>
      <c r="P16594" t="s">
        <v>86</v>
      </c>
      <c r="Q16594">
        <v>18</v>
      </c>
      <c r="R16594">
        <v>18</v>
      </c>
      <c r="S16594">
        <v>18</v>
      </c>
      <c r="T16594">
        <v>19</v>
      </c>
      <c r="U16594">
        <v>19</v>
      </c>
      <c r="V16594">
        <v>19</v>
      </c>
      <c r="W16594">
        <v>19</v>
      </c>
      <c r="X16594">
        <v>20</v>
      </c>
      <c r="Y16594">
        <v>20</v>
      </c>
      <c r="Z16594">
        <v>20</v>
      </c>
      <c r="AA16594">
        <v>20</v>
      </c>
      <c r="AB16594">
        <v>21</v>
      </c>
      <c r="AC16594">
        <v>21</v>
      </c>
      <c r="AD16594">
        <v>21</v>
      </c>
      <c r="AE16594">
        <v>21</v>
      </c>
      <c r="AF16594">
        <v>21</v>
      </c>
      <c r="AG16594">
        <v>22</v>
      </c>
      <c r="AH16594">
        <v>22</v>
      </c>
      <c r="AI16594">
        <v>22</v>
      </c>
      <c r="AJ16594">
        <v>22</v>
      </c>
      <c r="AK16594">
        <v>23</v>
      </c>
      <c r="AL16594">
        <v>23</v>
      </c>
      <c r="AM16594">
        <v>23</v>
      </c>
      <c r="AN16594">
        <v>23</v>
      </c>
      <c r="AO16594">
        <v>23</v>
      </c>
      <c r="AP16594">
        <v>23</v>
      </c>
      <c r="AQ16594">
        <v>23</v>
      </c>
    </row>
    <row r="16595" spans="1:43">
      <c r="A16595" t="s">
        <v>10308</v>
      </c>
      <c r="B16595" t="s">
        <v>10309</v>
      </c>
      <c r="C16595" t="s">
        <v>10310</v>
      </c>
      <c r="D16595" t="s">
        <v>10311</v>
      </c>
      <c r="E16595" t="s">
        <v>10212</v>
      </c>
      <c r="F16595" t="s">
        <v>10213</v>
      </c>
      <c r="G16595" t="s">
        <v>10214</v>
      </c>
      <c r="H16595" t="s">
        <v>10215</v>
      </c>
      <c r="I16595" s="2">
        <v>0.96</v>
      </c>
      <c r="J16595" s="2">
        <v>0</v>
      </c>
      <c r="K16595" s="2">
        <v>0</v>
      </c>
      <c r="L16595" t="s">
        <v>120</v>
      </c>
      <c r="M16595" t="s">
        <v>87</v>
      </c>
      <c r="N16595" t="s">
        <v>88</v>
      </c>
      <c r="O16595" t="s">
        <v>85</v>
      </c>
      <c r="P16595" t="s">
        <v>86</v>
      </c>
      <c r="Q16595">
        <v>18</v>
      </c>
      <c r="R16595">
        <v>18</v>
      </c>
      <c r="S16595">
        <v>18</v>
      </c>
      <c r="T16595">
        <v>18</v>
      </c>
      <c r="U16595">
        <v>18</v>
      </c>
      <c r="V16595">
        <v>18</v>
      </c>
      <c r="W16595">
        <v>18</v>
      </c>
      <c r="X16595">
        <v>18</v>
      </c>
      <c r="Y16595">
        <v>18</v>
      </c>
      <c r="Z16595">
        <v>18</v>
      </c>
      <c r="AA16595">
        <v>19</v>
      </c>
      <c r="AB16595">
        <v>19</v>
      </c>
      <c r="AC16595">
        <v>19</v>
      </c>
      <c r="AD16595">
        <v>19</v>
      </c>
      <c r="AE16595">
        <v>19</v>
      </c>
      <c r="AF16595">
        <v>19</v>
      </c>
      <c r="AG16595">
        <v>19</v>
      </c>
      <c r="AH16595">
        <v>19</v>
      </c>
      <c r="AI16595">
        <v>19</v>
      </c>
      <c r="AJ16595">
        <v>19</v>
      </c>
      <c r="AK16595">
        <v>19</v>
      </c>
      <c r="AL16595">
        <v>19</v>
      </c>
      <c r="AM16595">
        <v>19</v>
      </c>
      <c r="AN16595">
        <v>20</v>
      </c>
      <c r="AO16595">
        <v>20</v>
      </c>
      <c r="AP16595">
        <v>20</v>
      </c>
      <c r="AQ16595">
        <v>20</v>
      </c>
    </row>
    <row r="16596" spans="1:43">
      <c r="A16596" t="s">
        <v>10308</v>
      </c>
      <c r="B16596" t="s">
        <v>10309</v>
      </c>
      <c r="C16596" t="s">
        <v>10310</v>
      </c>
      <c r="D16596" t="s">
        <v>10311</v>
      </c>
      <c r="E16596" t="s">
        <v>10212</v>
      </c>
      <c r="F16596" t="s">
        <v>10213</v>
      </c>
      <c r="G16596" t="s">
        <v>10214</v>
      </c>
      <c r="H16596" t="s">
        <v>10215</v>
      </c>
      <c r="I16596" s="2">
        <v>0.96</v>
      </c>
      <c r="J16596" s="2">
        <v>0</v>
      </c>
      <c r="K16596" s="2">
        <v>0</v>
      </c>
      <c r="L16596" t="s">
        <v>120</v>
      </c>
      <c r="M16596" t="s">
        <v>89</v>
      </c>
      <c r="N16596" t="s">
        <v>90</v>
      </c>
      <c r="O16596" t="s">
        <v>85</v>
      </c>
      <c r="P16596" t="s">
        <v>86</v>
      </c>
      <c r="Q16596">
        <v>18</v>
      </c>
      <c r="R16596">
        <v>18</v>
      </c>
      <c r="S16596">
        <v>19</v>
      </c>
      <c r="T16596">
        <v>19</v>
      </c>
      <c r="U16596">
        <v>20</v>
      </c>
      <c r="V16596">
        <v>20</v>
      </c>
      <c r="W16596">
        <v>20</v>
      </c>
      <c r="X16596">
        <v>21</v>
      </c>
      <c r="Y16596">
        <v>21</v>
      </c>
      <c r="Z16596">
        <v>21</v>
      </c>
      <c r="AA16596">
        <v>22</v>
      </c>
      <c r="AB16596">
        <v>22</v>
      </c>
      <c r="AC16596">
        <v>22</v>
      </c>
      <c r="AD16596">
        <v>22</v>
      </c>
      <c r="AE16596">
        <v>23</v>
      </c>
      <c r="AF16596">
        <v>23</v>
      </c>
      <c r="AG16596">
        <v>23</v>
      </c>
      <c r="AH16596">
        <v>23</v>
      </c>
      <c r="AI16596">
        <v>23</v>
      </c>
      <c r="AJ16596">
        <v>23</v>
      </c>
      <c r="AK16596">
        <v>23</v>
      </c>
      <c r="AL16596">
        <v>23</v>
      </c>
      <c r="AM16596">
        <v>23</v>
      </c>
      <c r="AN16596">
        <v>23</v>
      </c>
      <c r="AO16596">
        <v>23</v>
      </c>
      <c r="AP16596">
        <v>23</v>
      </c>
      <c r="AQ16596">
        <v>23</v>
      </c>
    </row>
    <row r="16597" spans="1:43">
      <c r="A16597" t="s">
        <v>10308</v>
      </c>
      <c r="B16597" t="s">
        <v>10309</v>
      </c>
      <c r="C16597" t="s">
        <v>10310</v>
      </c>
      <c r="D16597" t="s">
        <v>10311</v>
      </c>
      <c r="E16597" t="s">
        <v>10212</v>
      </c>
      <c r="F16597" t="s">
        <v>10213</v>
      </c>
      <c r="G16597" t="s">
        <v>10214</v>
      </c>
      <c r="H16597" t="s">
        <v>10215</v>
      </c>
      <c r="I16597" s="2">
        <v>0.96</v>
      </c>
      <c r="J16597" s="2">
        <v>0</v>
      </c>
      <c r="K16597" s="2">
        <v>0</v>
      </c>
      <c r="L16597" t="s">
        <v>120</v>
      </c>
      <c r="M16597" t="s">
        <v>83</v>
      </c>
      <c r="N16597" t="s">
        <v>91</v>
      </c>
      <c r="O16597" t="s">
        <v>85</v>
      </c>
      <c r="P16597" t="s">
        <v>86</v>
      </c>
      <c r="Q16597">
        <v>18</v>
      </c>
      <c r="R16597">
        <v>18</v>
      </c>
      <c r="S16597">
        <v>18</v>
      </c>
      <c r="T16597">
        <v>19</v>
      </c>
      <c r="U16597">
        <v>19</v>
      </c>
      <c r="V16597">
        <v>19</v>
      </c>
      <c r="W16597">
        <v>19</v>
      </c>
      <c r="X16597">
        <v>20</v>
      </c>
      <c r="Y16597">
        <v>20</v>
      </c>
      <c r="Z16597">
        <v>20</v>
      </c>
      <c r="AA16597">
        <v>20</v>
      </c>
      <c r="AB16597">
        <v>21</v>
      </c>
      <c r="AC16597">
        <v>21</v>
      </c>
      <c r="AD16597">
        <v>21</v>
      </c>
      <c r="AE16597">
        <v>21</v>
      </c>
      <c r="AF16597">
        <v>21</v>
      </c>
      <c r="AG16597">
        <v>22</v>
      </c>
      <c r="AH16597">
        <v>22</v>
      </c>
      <c r="AI16597">
        <v>22</v>
      </c>
      <c r="AJ16597">
        <v>22</v>
      </c>
      <c r="AK16597">
        <v>23</v>
      </c>
      <c r="AL16597">
        <v>23</v>
      </c>
      <c r="AM16597">
        <v>23</v>
      </c>
      <c r="AN16597">
        <v>23</v>
      </c>
      <c r="AO16597">
        <v>23</v>
      </c>
      <c r="AP16597">
        <v>23</v>
      </c>
      <c r="AQ16597">
        <v>23</v>
      </c>
    </row>
    <row r="16598" spans="1:43">
      <c r="A16598" t="s">
        <v>10312</v>
      </c>
      <c r="B16598" t="s">
        <v>10313</v>
      </c>
      <c r="C16598" t="s">
        <v>10314</v>
      </c>
      <c r="D16598" t="s">
        <v>10315</v>
      </c>
      <c r="E16598" t="s">
        <v>10212</v>
      </c>
      <c r="F16598" t="s">
        <v>10213</v>
      </c>
      <c r="G16598" t="s">
        <v>10214</v>
      </c>
      <c r="H16598" t="s">
        <v>10215</v>
      </c>
      <c r="I16598" s="2">
        <v>0.38</v>
      </c>
      <c r="J16598" s="2">
        <v>0</v>
      </c>
      <c r="K16598" s="2">
        <v>0</v>
      </c>
      <c r="L16598" t="s">
        <v>120</v>
      </c>
      <c r="M16598" t="s">
        <v>83</v>
      </c>
      <c r="N16598" t="s">
        <v>84</v>
      </c>
      <c r="O16598" t="s">
        <v>85</v>
      </c>
      <c r="P16598" t="s">
        <v>86</v>
      </c>
      <c r="Q16598">
        <v>20</v>
      </c>
      <c r="R16598">
        <v>20</v>
      </c>
      <c r="S16598">
        <v>21</v>
      </c>
      <c r="T16598">
        <v>21</v>
      </c>
      <c r="U16598">
        <v>21</v>
      </c>
      <c r="V16598">
        <v>21</v>
      </c>
      <c r="W16598">
        <v>22</v>
      </c>
      <c r="X16598">
        <v>22</v>
      </c>
      <c r="Y16598">
        <v>22</v>
      </c>
      <c r="Z16598">
        <v>22</v>
      </c>
      <c r="AA16598">
        <v>23</v>
      </c>
      <c r="AB16598">
        <v>23</v>
      </c>
      <c r="AC16598">
        <v>23</v>
      </c>
      <c r="AD16598">
        <v>23</v>
      </c>
      <c r="AE16598">
        <v>24</v>
      </c>
      <c r="AF16598">
        <v>24</v>
      </c>
      <c r="AG16598">
        <v>24</v>
      </c>
      <c r="AH16598">
        <v>24</v>
      </c>
      <c r="AI16598">
        <v>25</v>
      </c>
      <c r="AJ16598">
        <v>25</v>
      </c>
      <c r="AK16598">
        <v>25</v>
      </c>
      <c r="AL16598">
        <v>25</v>
      </c>
      <c r="AM16598">
        <v>25</v>
      </c>
      <c r="AN16598">
        <v>25</v>
      </c>
      <c r="AO16598">
        <v>25</v>
      </c>
      <c r="AP16598">
        <v>25</v>
      </c>
      <c r="AQ16598">
        <v>25</v>
      </c>
    </row>
    <row r="16599" spans="1:43">
      <c r="A16599" t="s">
        <v>10312</v>
      </c>
      <c r="B16599" t="s">
        <v>10313</v>
      </c>
      <c r="C16599" t="s">
        <v>10314</v>
      </c>
      <c r="D16599" t="s">
        <v>10315</v>
      </c>
      <c r="E16599" t="s">
        <v>10212</v>
      </c>
      <c r="F16599" t="s">
        <v>10213</v>
      </c>
      <c r="G16599" t="s">
        <v>10214</v>
      </c>
      <c r="H16599" t="s">
        <v>10215</v>
      </c>
      <c r="I16599" s="2">
        <v>0.38</v>
      </c>
      <c r="J16599" s="2">
        <v>0</v>
      </c>
      <c r="K16599" s="2">
        <v>0</v>
      </c>
      <c r="L16599" t="s">
        <v>120</v>
      </c>
      <c r="M16599" t="s">
        <v>87</v>
      </c>
      <c r="N16599" t="s">
        <v>88</v>
      </c>
      <c r="O16599" t="s">
        <v>85</v>
      </c>
      <c r="P16599" t="s">
        <v>86</v>
      </c>
      <c r="Q16599">
        <v>20</v>
      </c>
      <c r="R16599">
        <v>20</v>
      </c>
      <c r="S16599">
        <v>20</v>
      </c>
      <c r="T16599">
        <v>20</v>
      </c>
      <c r="U16599">
        <v>20</v>
      </c>
      <c r="V16599">
        <v>20</v>
      </c>
      <c r="W16599">
        <v>20</v>
      </c>
      <c r="X16599">
        <v>20</v>
      </c>
      <c r="Y16599">
        <v>21</v>
      </c>
      <c r="Z16599">
        <v>21</v>
      </c>
      <c r="AA16599">
        <v>21</v>
      </c>
      <c r="AB16599">
        <v>21</v>
      </c>
      <c r="AC16599">
        <v>21</v>
      </c>
      <c r="AD16599">
        <v>21</v>
      </c>
      <c r="AE16599">
        <v>21</v>
      </c>
      <c r="AF16599">
        <v>21</v>
      </c>
      <c r="AG16599">
        <v>21</v>
      </c>
      <c r="AH16599">
        <v>21</v>
      </c>
      <c r="AI16599">
        <v>21</v>
      </c>
      <c r="AJ16599">
        <v>22</v>
      </c>
      <c r="AK16599">
        <v>22</v>
      </c>
      <c r="AL16599">
        <v>22</v>
      </c>
      <c r="AM16599">
        <v>22</v>
      </c>
      <c r="AN16599">
        <v>22</v>
      </c>
      <c r="AO16599">
        <v>22</v>
      </c>
      <c r="AP16599">
        <v>22</v>
      </c>
      <c r="AQ16599">
        <v>22</v>
      </c>
    </row>
    <row r="16600" spans="1:43">
      <c r="A16600" t="s">
        <v>10312</v>
      </c>
      <c r="B16600" t="s">
        <v>10313</v>
      </c>
      <c r="C16600" t="s">
        <v>10314</v>
      </c>
      <c r="D16600" t="s">
        <v>10315</v>
      </c>
      <c r="E16600" t="s">
        <v>10212</v>
      </c>
      <c r="F16600" t="s">
        <v>10213</v>
      </c>
      <c r="G16600" t="s">
        <v>10214</v>
      </c>
      <c r="H16600" t="s">
        <v>10215</v>
      </c>
      <c r="I16600" s="2">
        <v>0.38</v>
      </c>
      <c r="J16600" s="2">
        <v>0</v>
      </c>
      <c r="K16600" s="2">
        <v>0</v>
      </c>
      <c r="L16600" t="s">
        <v>120</v>
      </c>
      <c r="M16600" t="s">
        <v>89</v>
      </c>
      <c r="N16600" t="s">
        <v>90</v>
      </c>
      <c r="O16600" t="s">
        <v>85</v>
      </c>
      <c r="P16600" t="s">
        <v>86</v>
      </c>
      <c r="Q16600">
        <v>20</v>
      </c>
      <c r="R16600">
        <v>21</v>
      </c>
      <c r="S16600">
        <v>21</v>
      </c>
      <c r="T16600">
        <v>21</v>
      </c>
      <c r="U16600">
        <v>22</v>
      </c>
      <c r="V16600">
        <v>22</v>
      </c>
      <c r="W16600">
        <v>23</v>
      </c>
      <c r="X16600">
        <v>23</v>
      </c>
      <c r="Y16600">
        <v>23</v>
      </c>
      <c r="Z16600">
        <v>24</v>
      </c>
      <c r="AA16600">
        <v>24</v>
      </c>
      <c r="AB16600">
        <v>24</v>
      </c>
      <c r="AC16600">
        <v>25</v>
      </c>
      <c r="AD16600">
        <v>25</v>
      </c>
      <c r="AE16600">
        <v>25</v>
      </c>
      <c r="AF16600">
        <v>25</v>
      </c>
      <c r="AG16600">
        <v>25</v>
      </c>
      <c r="AH16600">
        <v>25</v>
      </c>
      <c r="AI16600">
        <v>25</v>
      </c>
      <c r="AJ16600">
        <v>25</v>
      </c>
      <c r="AK16600">
        <v>25</v>
      </c>
      <c r="AL16600">
        <v>26</v>
      </c>
      <c r="AM16600">
        <v>26</v>
      </c>
      <c r="AN16600">
        <v>26</v>
      </c>
      <c r="AO16600">
        <v>26</v>
      </c>
      <c r="AP16600">
        <v>26</v>
      </c>
      <c r="AQ16600">
        <v>26</v>
      </c>
    </row>
    <row r="16601" spans="1:43">
      <c r="A16601" t="s">
        <v>10312</v>
      </c>
      <c r="B16601" t="s">
        <v>10313</v>
      </c>
      <c r="C16601" t="s">
        <v>10314</v>
      </c>
      <c r="D16601" t="s">
        <v>10315</v>
      </c>
      <c r="E16601" t="s">
        <v>10212</v>
      </c>
      <c r="F16601" t="s">
        <v>10213</v>
      </c>
      <c r="G16601" t="s">
        <v>10214</v>
      </c>
      <c r="H16601" t="s">
        <v>10215</v>
      </c>
      <c r="I16601" s="2">
        <v>0.38</v>
      </c>
      <c r="J16601" s="2">
        <v>0</v>
      </c>
      <c r="K16601" s="2">
        <v>0</v>
      </c>
      <c r="L16601" t="s">
        <v>120</v>
      </c>
      <c r="M16601" t="s">
        <v>83</v>
      </c>
      <c r="N16601" t="s">
        <v>91</v>
      </c>
      <c r="O16601" t="s">
        <v>85</v>
      </c>
      <c r="P16601" t="s">
        <v>86</v>
      </c>
      <c r="Q16601">
        <v>20</v>
      </c>
      <c r="R16601">
        <v>20</v>
      </c>
      <c r="S16601">
        <v>21</v>
      </c>
      <c r="T16601">
        <v>21</v>
      </c>
      <c r="U16601">
        <v>21</v>
      </c>
      <c r="V16601">
        <v>21</v>
      </c>
      <c r="W16601">
        <v>22</v>
      </c>
      <c r="X16601">
        <v>22</v>
      </c>
      <c r="Y16601">
        <v>22</v>
      </c>
      <c r="Z16601">
        <v>22</v>
      </c>
      <c r="AA16601">
        <v>23</v>
      </c>
      <c r="AB16601">
        <v>23</v>
      </c>
      <c r="AC16601">
        <v>23</v>
      </c>
      <c r="AD16601">
        <v>23</v>
      </c>
      <c r="AE16601">
        <v>24</v>
      </c>
      <c r="AF16601">
        <v>24</v>
      </c>
      <c r="AG16601">
        <v>24</v>
      </c>
      <c r="AH16601">
        <v>24</v>
      </c>
      <c r="AI16601">
        <v>25</v>
      </c>
      <c r="AJ16601">
        <v>25</v>
      </c>
      <c r="AK16601">
        <v>25</v>
      </c>
      <c r="AL16601">
        <v>25</v>
      </c>
      <c r="AM16601">
        <v>25</v>
      </c>
      <c r="AN16601">
        <v>25</v>
      </c>
      <c r="AO16601">
        <v>25</v>
      </c>
      <c r="AP16601">
        <v>25</v>
      </c>
      <c r="AQ16601">
        <v>25</v>
      </c>
    </row>
    <row r="16602" spans="1:43">
      <c r="A16602" t="s">
        <v>10316</v>
      </c>
      <c r="B16602" t="s">
        <v>10317</v>
      </c>
      <c r="C16602" t="s">
        <v>10250</v>
      </c>
      <c r="D16602" t="s">
        <v>10251</v>
      </c>
      <c r="E16602" t="s">
        <v>10212</v>
      </c>
      <c r="F16602" t="s">
        <v>10213</v>
      </c>
      <c r="G16602" t="s">
        <v>10214</v>
      </c>
      <c r="H16602" t="s">
        <v>10215</v>
      </c>
      <c r="I16602" s="2">
        <v>1</v>
      </c>
      <c r="J16602" s="2">
        <v>0</v>
      </c>
      <c r="K16602" s="2">
        <v>0</v>
      </c>
      <c r="L16602" t="s">
        <v>120</v>
      </c>
      <c r="M16602" t="s">
        <v>83</v>
      </c>
      <c r="N16602" t="s">
        <v>84</v>
      </c>
      <c r="O16602" t="s">
        <v>85</v>
      </c>
      <c r="P16602" t="s">
        <v>86</v>
      </c>
      <c r="Q16602">
        <v>30</v>
      </c>
      <c r="R16602">
        <v>30</v>
      </c>
      <c r="S16602">
        <v>31</v>
      </c>
      <c r="T16602">
        <v>31</v>
      </c>
      <c r="U16602">
        <v>32</v>
      </c>
      <c r="V16602">
        <v>32</v>
      </c>
      <c r="W16602">
        <v>33</v>
      </c>
      <c r="X16602">
        <v>33</v>
      </c>
      <c r="Y16602">
        <v>33</v>
      </c>
      <c r="Z16602">
        <v>34</v>
      </c>
      <c r="AA16602">
        <v>34</v>
      </c>
      <c r="AB16602">
        <v>35</v>
      </c>
      <c r="AC16602">
        <v>35</v>
      </c>
      <c r="AD16602">
        <v>35</v>
      </c>
      <c r="AE16602">
        <v>36</v>
      </c>
      <c r="AF16602">
        <v>36</v>
      </c>
      <c r="AG16602">
        <v>36</v>
      </c>
      <c r="AH16602">
        <v>37</v>
      </c>
      <c r="AI16602">
        <v>37</v>
      </c>
      <c r="AJ16602">
        <v>38</v>
      </c>
      <c r="AK16602">
        <v>38</v>
      </c>
      <c r="AL16602">
        <v>38</v>
      </c>
      <c r="AM16602">
        <v>38</v>
      </c>
      <c r="AN16602">
        <v>38</v>
      </c>
      <c r="AO16602">
        <v>38</v>
      </c>
      <c r="AP16602">
        <v>38</v>
      </c>
      <c r="AQ16602">
        <v>38</v>
      </c>
    </row>
    <row r="16603" spans="1:43">
      <c r="A16603" t="s">
        <v>10316</v>
      </c>
      <c r="B16603" t="s">
        <v>10317</v>
      </c>
      <c r="C16603" t="s">
        <v>10250</v>
      </c>
      <c r="D16603" t="s">
        <v>10251</v>
      </c>
      <c r="E16603" t="s">
        <v>10212</v>
      </c>
      <c r="F16603" t="s">
        <v>10213</v>
      </c>
      <c r="G16603" t="s">
        <v>10214</v>
      </c>
      <c r="H16603" t="s">
        <v>10215</v>
      </c>
      <c r="I16603" s="2">
        <v>1</v>
      </c>
      <c r="J16603" s="2">
        <v>0</v>
      </c>
      <c r="K16603" s="2">
        <v>0</v>
      </c>
      <c r="L16603" t="s">
        <v>120</v>
      </c>
      <c r="M16603" t="s">
        <v>87</v>
      </c>
      <c r="N16603" t="s">
        <v>88</v>
      </c>
      <c r="O16603" t="s">
        <v>85</v>
      </c>
      <c r="P16603" t="s">
        <v>86</v>
      </c>
      <c r="Q16603">
        <v>30</v>
      </c>
      <c r="R16603">
        <v>30</v>
      </c>
      <c r="S16603">
        <v>30</v>
      </c>
      <c r="T16603">
        <v>30</v>
      </c>
      <c r="U16603">
        <v>30</v>
      </c>
      <c r="V16603">
        <v>30</v>
      </c>
      <c r="W16603">
        <v>31</v>
      </c>
      <c r="X16603">
        <v>31</v>
      </c>
      <c r="Y16603">
        <v>31</v>
      </c>
      <c r="Z16603">
        <v>31</v>
      </c>
      <c r="AA16603">
        <v>31</v>
      </c>
      <c r="AB16603">
        <v>31</v>
      </c>
      <c r="AC16603">
        <v>31</v>
      </c>
      <c r="AD16603">
        <v>32</v>
      </c>
      <c r="AE16603">
        <v>32</v>
      </c>
      <c r="AF16603">
        <v>32</v>
      </c>
      <c r="AG16603">
        <v>32</v>
      </c>
      <c r="AH16603">
        <v>32</v>
      </c>
      <c r="AI16603">
        <v>32</v>
      </c>
      <c r="AJ16603">
        <v>32</v>
      </c>
      <c r="AK16603">
        <v>32</v>
      </c>
      <c r="AL16603">
        <v>33</v>
      </c>
      <c r="AM16603">
        <v>33</v>
      </c>
      <c r="AN16603">
        <v>33</v>
      </c>
      <c r="AO16603">
        <v>33</v>
      </c>
      <c r="AP16603">
        <v>33</v>
      </c>
      <c r="AQ16603">
        <v>33</v>
      </c>
    </row>
    <row r="16604" spans="1:43">
      <c r="A16604" t="s">
        <v>10316</v>
      </c>
      <c r="B16604" t="s">
        <v>10317</v>
      </c>
      <c r="C16604" t="s">
        <v>10250</v>
      </c>
      <c r="D16604" t="s">
        <v>10251</v>
      </c>
      <c r="E16604" t="s">
        <v>10212</v>
      </c>
      <c r="F16604" t="s">
        <v>10213</v>
      </c>
      <c r="G16604" t="s">
        <v>10214</v>
      </c>
      <c r="H16604" t="s">
        <v>10215</v>
      </c>
      <c r="I16604" s="2">
        <v>1</v>
      </c>
      <c r="J16604" s="2">
        <v>0</v>
      </c>
      <c r="K16604" s="2">
        <v>0</v>
      </c>
      <c r="L16604" t="s">
        <v>120</v>
      </c>
      <c r="M16604" t="s">
        <v>89</v>
      </c>
      <c r="N16604" t="s">
        <v>90</v>
      </c>
      <c r="O16604" t="s">
        <v>85</v>
      </c>
      <c r="P16604" t="s">
        <v>86</v>
      </c>
      <c r="Q16604">
        <v>30</v>
      </c>
      <c r="R16604">
        <v>31</v>
      </c>
      <c r="S16604">
        <v>32</v>
      </c>
      <c r="T16604">
        <v>32</v>
      </c>
      <c r="U16604">
        <v>33</v>
      </c>
      <c r="V16604">
        <v>34</v>
      </c>
      <c r="W16604">
        <v>34</v>
      </c>
      <c r="X16604">
        <v>35</v>
      </c>
      <c r="Y16604">
        <v>35</v>
      </c>
      <c r="Z16604">
        <v>36</v>
      </c>
      <c r="AA16604">
        <v>36</v>
      </c>
      <c r="AB16604">
        <v>37</v>
      </c>
      <c r="AC16604">
        <v>37</v>
      </c>
      <c r="AD16604">
        <v>38</v>
      </c>
      <c r="AE16604">
        <v>38</v>
      </c>
      <c r="AF16604">
        <v>38</v>
      </c>
      <c r="AG16604">
        <v>38</v>
      </c>
      <c r="AH16604">
        <v>38</v>
      </c>
      <c r="AI16604">
        <v>38</v>
      </c>
      <c r="AJ16604">
        <v>38</v>
      </c>
      <c r="AK16604">
        <v>38</v>
      </c>
      <c r="AL16604">
        <v>38</v>
      </c>
      <c r="AM16604">
        <v>38</v>
      </c>
      <c r="AN16604">
        <v>38</v>
      </c>
      <c r="AO16604">
        <v>38</v>
      </c>
      <c r="AP16604">
        <v>38</v>
      </c>
      <c r="AQ16604">
        <v>38</v>
      </c>
    </row>
    <row r="16605" spans="1:43">
      <c r="A16605" t="s">
        <v>10316</v>
      </c>
      <c r="B16605" t="s">
        <v>10317</v>
      </c>
      <c r="C16605" t="s">
        <v>10250</v>
      </c>
      <c r="D16605" t="s">
        <v>10251</v>
      </c>
      <c r="E16605" t="s">
        <v>10212</v>
      </c>
      <c r="F16605" t="s">
        <v>10213</v>
      </c>
      <c r="G16605" t="s">
        <v>10214</v>
      </c>
      <c r="H16605" t="s">
        <v>10215</v>
      </c>
      <c r="I16605" s="2">
        <v>1</v>
      </c>
      <c r="J16605" s="2">
        <v>0</v>
      </c>
      <c r="K16605" s="2">
        <v>0</v>
      </c>
      <c r="L16605" t="s">
        <v>120</v>
      </c>
      <c r="M16605" t="s">
        <v>83</v>
      </c>
      <c r="N16605" t="s">
        <v>91</v>
      </c>
      <c r="O16605" t="s">
        <v>85</v>
      </c>
      <c r="P16605" t="s">
        <v>86</v>
      </c>
      <c r="Q16605">
        <v>30</v>
      </c>
      <c r="R16605">
        <v>30</v>
      </c>
      <c r="S16605">
        <v>31</v>
      </c>
      <c r="T16605">
        <v>31</v>
      </c>
      <c r="U16605">
        <v>32</v>
      </c>
      <c r="V16605">
        <v>32</v>
      </c>
      <c r="W16605">
        <v>33</v>
      </c>
      <c r="X16605">
        <v>33</v>
      </c>
      <c r="Y16605">
        <v>33</v>
      </c>
      <c r="Z16605">
        <v>34</v>
      </c>
      <c r="AA16605">
        <v>34</v>
      </c>
      <c r="AB16605">
        <v>35</v>
      </c>
      <c r="AC16605">
        <v>35</v>
      </c>
      <c r="AD16605">
        <v>35</v>
      </c>
      <c r="AE16605">
        <v>36</v>
      </c>
      <c r="AF16605">
        <v>36</v>
      </c>
      <c r="AG16605">
        <v>36</v>
      </c>
      <c r="AH16605">
        <v>37</v>
      </c>
      <c r="AI16605">
        <v>37</v>
      </c>
      <c r="AJ16605">
        <v>38</v>
      </c>
      <c r="AK16605">
        <v>38</v>
      </c>
      <c r="AL16605">
        <v>38</v>
      </c>
      <c r="AM16605">
        <v>38</v>
      </c>
      <c r="AN16605">
        <v>38</v>
      </c>
      <c r="AO16605">
        <v>38</v>
      </c>
      <c r="AP16605">
        <v>38</v>
      </c>
      <c r="AQ16605">
        <v>38</v>
      </c>
    </row>
    <row r="16606" spans="1:43">
      <c r="A16606" t="s">
        <v>10318</v>
      </c>
      <c r="B16606" t="s">
        <v>10319</v>
      </c>
      <c r="C16606" t="s">
        <v>10256</v>
      </c>
      <c r="D16606" t="s">
        <v>10257</v>
      </c>
      <c r="E16606" t="s">
        <v>10212</v>
      </c>
      <c r="F16606" t="s">
        <v>10213</v>
      </c>
      <c r="G16606" t="s">
        <v>10214</v>
      </c>
      <c r="H16606" t="s">
        <v>10215</v>
      </c>
      <c r="I16606" s="2">
        <v>1</v>
      </c>
      <c r="J16606" s="2">
        <v>0</v>
      </c>
      <c r="K16606" s="2">
        <v>0</v>
      </c>
      <c r="L16606" t="s">
        <v>120</v>
      </c>
      <c r="M16606" t="s">
        <v>83</v>
      </c>
      <c r="N16606" t="s">
        <v>84</v>
      </c>
      <c r="O16606" t="s">
        <v>85</v>
      </c>
      <c r="P16606" t="s">
        <v>86</v>
      </c>
      <c r="Q16606">
        <v>14</v>
      </c>
      <c r="R16606">
        <v>15</v>
      </c>
      <c r="S16606">
        <v>15</v>
      </c>
      <c r="T16606">
        <v>15</v>
      </c>
      <c r="U16606">
        <v>15</v>
      </c>
      <c r="V16606">
        <v>15</v>
      </c>
      <c r="W16606">
        <v>16</v>
      </c>
      <c r="X16606">
        <v>16</v>
      </c>
      <c r="Y16606">
        <v>16</v>
      </c>
      <c r="Z16606">
        <v>16</v>
      </c>
      <c r="AA16606">
        <v>16</v>
      </c>
      <c r="AB16606">
        <v>17</v>
      </c>
      <c r="AC16606">
        <v>17</v>
      </c>
      <c r="AD16606">
        <v>17</v>
      </c>
      <c r="AE16606">
        <v>17</v>
      </c>
      <c r="AF16606">
        <v>17</v>
      </c>
      <c r="AG16606">
        <v>18</v>
      </c>
      <c r="AH16606">
        <v>18</v>
      </c>
      <c r="AI16606">
        <v>18</v>
      </c>
      <c r="AJ16606">
        <v>18</v>
      </c>
      <c r="AK16606">
        <v>18</v>
      </c>
      <c r="AL16606">
        <v>18</v>
      </c>
      <c r="AM16606">
        <v>18</v>
      </c>
      <c r="AN16606">
        <v>18</v>
      </c>
      <c r="AO16606">
        <v>18</v>
      </c>
      <c r="AP16606">
        <v>18</v>
      </c>
      <c r="AQ16606">
        <v>18</v>
      </c>
    </row>
    <row r="16607" spans="1:43">
      <c r="A16607" t="s">
        <v>10318</v>
      </c>
      <c r="B16607" t="s">
        <v>10319</v>
      </c>
      <c r="C16607" t="s">
        <v>10256</v>
      </c>
      <c r="D16607" t="s">
        <v>10257</v>
      </c>
      <c r="E16607" t="s">
        <v>10212</v>
      </c>
      <c r="F16607" t="s">
        <v>10213</v>
      </c>
      <c r="G16607" t="s">
        <v>10214</v>
      </c>
      <c r="H16607" t="s">
        <v>10215</v>
      </c>
      <c r="I16607" s="2">
        <v>1</v>
      </c>
      <c r="J16607" s="2">
        <v>0</v>
      </c>
      <c r="K16607" s="2">
        <v>0</v>
      </c>
      <c r="L16607" t="s">
        <v>120</v>
      </c>
      <c r="M16607" t="s">
        <v>87</v>
      </c>
      <c r="N16607" t="s">
        <v>88</v>
      </c>
      <c r="O16607" t="s">
        <v>85</v>
      </c>
      <c r="P16607" t="s">
        <v>86</v>
      </c>
      <c r="Q16607">
        <v>14</v>
      </c>
      <c r="R16607">
        <v>14</v>
      </c>
      <c r="S16607">
        <v>14</v>
      </c>
      <c r="T16607">
        <v>15</v>
      </c>
      <c r="U16607">
        <v>15</v>
      </c>
      <c r="V16607">
        <v>15</v>
      </c>
      <c r="W16607">
        <v>15</v>
      </c>
      <c r="X16607">
        <v>15</v>
      </c>
      <c r="Y16607">
        <v>15</v>
      </c>
      <c r="Z16607">
        <v>15</v>
      </c>
      <c r="AA16607">
        <v>15</v>
      </c>
      <c r="AB16607">
        <v>15</v>
      </c>
      <c r="AC16607">
        <v>15</v>
      </c>
      <c r="AD16607">
        <v>15</v>
      </c>
      <c r="AE16607">
        <v>15</v>
      </c>
      <c r="AF16607">
        <v>15</v>
      </c>
      <c r="AG16607">
        <v>15</v>
      </c>
      <c r="AH16607">
        <v>15</v>
      </c>
      <c r="AI16607">
        <v>16</v>
      </c>
      <c r="AJ16607">
        <v>16</v>
      </c>
      <c r="AK16607">
        <v>16</v>
      </c>
      <c r="AL16607">
        <v>16</v>
      </c>
      <c r="AM16607">
        <v>16</v>
      </c>
      <c r="AN16607">
        <v>16</v>
      </c>
      <c r="AO16607">
        <v>16</v>
      </c>
      <c r="AP16607">
        <v>16</v>
      </c>
      <c r="AQ16607">
        <v>16</v>
      </c>
    </row>
    <row r="16608" spans="1:43">
      <c r="A16608" t="s">
        <v>10318</v>
      </c>
      <c r="B16608" t="s">
        <v>10319</v>
      </c>
      <c r="C16608" t="s">
        <v>10256</v>
      </c>
      <c r="D16608" t="s">
        <v>10257</v>
      </c>
      <c r="E16608" t="s">
        <v>10212</v>
      </c>
      <c r="F16608" t="s">
        <v>10213</v>
      </c>
      <c r="G16608" t="s">
        <v>10214</v>
      </c>
      <c r="H16608" t="s">
        <v>10215</v>
      </c>
      <c r="I16608" s="2">
        <v>1</v>
      </c>
      <c r="J16608" s="2">
        <v>0</v>
      </c>
      <c r="K16608" s="2">
        <v>0</v>
      </c>
      <c r="L16608" t="s">
        <v>120</v>
      </c>
      <c r="M16608" t="s">
        <v>89</v>
      </c>
      <c r="N16608" t="s">
        <v>90</v>
      </c>
      <c r="O16608" t="s">
        <v>85</v>
      </c>
      <c r="P16608" t="s">
        <v>86</v>
      </c>
      <c r="Q16608">
        <v>14</v>
      </c>
      <c r="R16608">
        <v>14</v>
      </c>
      <c r="S16608">
        <v>14</v>
      </c>
      <c r="T16608">
        <v>15</v>
      </c>
      <c r="U16608">
        <v>15</v>
      </c>
      <c r="V16608">
        <v>15</v>
      </c>
      <c r="W16608">
        <v>15</v>
      </c>
      <c r="X16608">
        <v>16</v>
      </c>
      <c r="Y16608">
        <v>16</v>
      </c>
      <c r="Z16608">
        <v>16</v>
      </c>
      <c r="AA16608">
        <v>17</v>
      </c>
      <c r="AB16608">
        <v>17</v>
      </c>
      <c r="AC16608">
        <v>17</v>
      </c>
      <c r="AD16608">
        <v>17</v>
      </c>
      <c r="AE16608">
        <v>17</v>
      </c>
      <c r="AF16608">
        <v>17</v>
      </c>
      <c r="AG16608">
        <v>17</v>
      </c>
      <c r="AH16608">
        <v>17</v>
      </c>
      <c r="AI16608">
        <v>18</v>
      </c>
      <c r="AJ16608">
        <v>18</v>
      </c>
      <c r="AK16608">
        <v>18</v>
      </c>
      <c r="AL16608">
        <v>18</v>
      </c>
      <c r="AM16608">
        <v>18</v>
      </c>
      <c r="AN16608">
        <v>18</v>
      </c>
      <c r="AO16608">
        <v>18</v>
      </c>
      <c r="AP16608">
        <v>18</v>
      </c>
      <c r="AQ16608">
        <v>18</v>
      </c>
    </row>
    <row r="16609" spans="1:43">
      <c r="A16609" t="s">
        <v>10318</v>
      </c>
      <c r="B16609" t="s">
        <v>10319</v>
      </c>
      <c r="C16609" t="s">
        <v>10256</v>
      </c>
      <c r="D16609" t="s">
        <v>10257</v>
      </c>
      <c r="E16609" t="s">
        <v>10212</v>
      </c>
      <c r="F16609" t="s">
        <v>10213</v>
      </c>
      <c r="G16609" t="s">
        <v>10214</v>
      </c>
      <c r="H16609" t="s">
        <v>10215</v>
      </c>
      <c r="I16609" s="2">
        <v>1</v>
      </c>
      <c r="J16609" s="2">
        <v>0</v>
      </c>
      <c r="K16609" s="2">
        <v>0</v>
      </c>
      <c r="L16609" t="s">
        <v>120</v>
      </c>
      <c r="M16609" t="s">
        <v>83</v>
      </c>
      <c r="N16609" t="s">
        <v>91</v>
      </c>
      <c r="O16609" t="s">
        <v>85</v>
      </c>
      <c r="P16609" t="s">
        <v>86</v>
      </c>
      <c r="Q16609">
        <v>14</v>
      </c>
      <c r="R16609">
        <v>15</v>
      </c>
      <c r="S16609">
        <v>15</v>
      </c>
      <c r="T16609">
        <v>15</v>
      </c>
      <c r="U16609">
        <v>15</v>
      </c>
      <c r="V16609">
        <v>15</v>
      </c>
      <c r="W16609">
        <v>16</v>
      </c>
      <c r="X16609">
        <v>16</v>
      </c>
      <c r="Y16609">
        <v>16</v>
      </c>
      <c r="Z16609">
        <v>16</v>
      </c>
      <c r="AA16609">
        <v>16</v>
      </c>
      <c r="AB16609">
        <v>17</v>
      </c>
      <c r="AC16609">
        <v>17</v>
      </c>
      <c r="AD16609">
        <v>17</v>
      </c>
      <c r="AE16609">
        <v>17</v>
      </c>
      <c r="AF16609">
        <v>17</v>
      </c>
      <c r="AG16609">
        <v>18</v>
      </c>
      <c r="AH16609">
        <v>18</v>
      </c>
      <c r="AI16609">
        <v>18</v>
      </c>
      <c r="AJ16609">
        <v>18</v>
      </c>
      <c r="AK16609">
        <v>18</v>
      </c>
      <c r="AL16609">
        <v>18</v>
      </c>
      <c r="AM16609">
        <v>18</v>
      </c>
      <c r="AN16609">
        <v>18</v>
      </c>
      <c r="AO16609">
        <v>18</v>
      </c>
      <c r="AP16609">
        <v>18</v>
      </c>
      <c r="AQ16609">
        <v>18</v>
      </c>
    </row>
    <row r="16610" spans="1:43">
      <c r="A16610" t="s">
        <v>10320</v>
      </c>
      <c r="B16610" t="s">
        <v>10321</v>
      </c>
      <c r="C16610" t="s">
        <v>10256</v>
      </c>
      <c r="D16610" t="s">
        <v>10257</v>
      </c>
      <c r="E16610" t="s">
        <v>10212</v>
      </c>
      <c r="F16610" t="s">
        <v>10213</v>
      </c>
      <c r="G16610" t="s">
        <v>10214</v>
      </c>
      <c r="H16610" t="s">
        <v>10215</v>
      </c>
      <c r="I16610" s="2">
        <v>1</v>
      </c>
      <c r="J16610" s="2">
        <v>0</v>
      </c>
      <c r="K16610" s="2">
        <v>0</v>
      </c>
      <c r="L16610" t="s">
        <v>120</v>
      </c>
      <c r="M16610" t="s">
        <v>83</v>
      </c>
      <c r="N16610" t="s">
        <v>84</v>
      </c>
      <c r="O16610" t="s">
        <v>85</v>
      </c>
      <c r="P16610" t="s">
        <v>86</v>
      </c>
      <c r="Q16610">
        <v>18</v>
      </c>
      <c r="R16610">
        <v>18</v>
      </c>
      <c r="S16610">
        <v>18</v>
      </c>
      <c r="T16610">
        <v>19</v>
      </c>
      <c r="U16610">
        <v>19</v>
      </c>
      <c r="V16610">
        <v>19</v>
      </c>
      <c r="W16610">
        <v>20</v>
      </c>
      <c r="X16610">
        <v>20</v>
      </c>
      <c r="Y16610">
        <v>20</v>
      </c>
      <c r="Z16610">
        <v>20</v>
      </c>
      <c r="AA16610">
        <v>20</v>
      </c>
      <c r="AB16610">
        <v>21</v>
      </c>
      <c r="AC16610">
        <v>21</v>
      </c>
      <c r="AD16610">
        <v>21</v>
      </c>
      <c r="AE16610">
        <v>21</v>
      </c>
      <c r="AF16610">
        <v>22</v>
      </c>
      <c r="AG16610">
        <v>22</v>
      </c>
      <c r="AH16610">
        <v>22</v>
      </c>
      <c r="AI16610">
        <v>22</v>
      </c>
      <c r="AJ16610">
        <v>23</v>
      </c>
      <c r="AK16610">
        <v>23</v>
      </c>
      <c r="AL16610">
        <v>23</v>
      </c>
      <c r="AM16610">
        <v>23</v>
      </c>
      <c r="AN16610">
        <v>23</v>
      </c>
      <c r="AO16610">
        <v>23</v>
      </c>
      <c r="AP16610">
        <v>23</v>
      </c>
      <c r="AQ16610">
        <v>23</v>
      </c>
    </row>
    <row r="16611" spans="1:43">
      <c r="A16611" t="s">
        <v>10320</v>
      </c>
      <c r="B16611" t="s">
        <v>10321</v>
      </c>
      <c r="C16611" t="s">
        <v>10256</v>
      </c>
      <c r="D16611" t="s">
        <v>10257</v>
      </c>
      <c r="E16611" t="s">
        <v>10212</v>
      </c>
      <c r="F16611" t="s">
        <v>10213</v>
      </c>
      <c r="G16611" t="s">
        <v>10214</v>
      </c>
      <c r="H16611" t="s">
        <v>10215</v>
      </c>
      <c r="I16611" s="2">
        <v>1</v>
      </c>
      <c r="J16611" s="2">
        <v>0</v>
      </c>
      <c r="K16611" s="2">
        <v>0</v>
      </c>
      <c r="L16611" t="s">
        <v>120</v>
      </c>
      <c r="M16611" t="s">
        <v>87</v>
      </c>
      <c r="N16611" t="s">
        <v>88</v>
      </c>
      <c r="O16611" t="s">
        <v>85</v>
      </c>
      <c r="P16611" t="s">
        <v>86</v>
      </c>
      <c r="Q16611">
        <v>18</v>
      </c>
      <c r="R16611">
        <v>18</v>
      </c>
      <c r="S16611">
        <v>18</v>
      </c>
      <c r="T16611">
        <v>18</v>
      </c>
      <c r="U16611">
        <v>18</v>
      </c>
      <c r="V16611">
        <v>18</v>
      </c>
      <c r="W16611">
        <v>18</v>
      </c>
      <c r="X16611">
        <v>18</v>
      </c>
      <c r="Y16611">
        <v>19</v>
      </c>
      <c r="Z16611">
        <v>19</v>
      </c>
      <c r="AA16611">
        <v>19</v>
      </c>
      <c r="AB16611">
        <v>19</v>
      </c>
      <c r="AC16611">
        <v>19</v>
      </c>
      <c r="AD16611">
        <v>19</v>
      </c>
      <c r="AE16611">
        <v>19</v>
      </c>
      <c r="AF16611">
        <v>19</v>
      </c>
      <c r="AG16611">
        <v>19</v>
      </c>
      <c r="AH16611">
        <v>19</v>
      </c>
      <c r="AI16611">
        <v>19</v>
      </c>
      <c r="AJ16611">
        <v>19</v>
      </c>
      <c r="AK16611">
        <v>19</v>
      </c>
      <c r="AL16611">
        <v>20</v>
      </c>
      <c r="AM16611">
        <v>20</v>
      </c>
      <c r="AN16611">
        <v>20</v>
      </c>
      <c r="AO16611">
        <v>20</v>
      </c>
      <c r="AP16611">
        <v>20</v>
      </c>
      <c r="AQ16611">
        <v>20</v>
      </c>
    </row>
    <row r="16612" spans="1:43">
      <c r="A16612" t="s">
        <v>10320</v>
      </c>
      <c r="B16612" t="s">
        <v>10321</v>
      </c>
      <c r="C16612" t="s">
        <v>10256</v>
      </c>
      <c r="D16612" t="s">
        <v>10257</v>
      </c>
      <c r="E16612" t="s">
        <v>10212</v>
      </c>
      <c r="F16612" t="s">
        <v>10213</v>
      </c>
      <c r="G16612" t="s">
        <v>10214</v>
      </c>
      <c r="H16612" t="s">
        <v>10215</v>
      </c>
      <c r="I16612" s="2">
        <v>1</v>
      </c>
      <c r="J16612" s="2">
        <v>0</v>
      </c>
      <c r="K16612" s="2">
        <v>0</v>
      </c>
      <c r="L16612" t="s">
        <v>120</v>
      </c>
      <c r="M16612" t="s">
        <v>89</v>
      </c>
      <c r="N16612" t="s">
        <v>90</v>
      </c>
      <c r="O16612" t="s">
        <v>85</v>
      </c>
      <c r="P16612" t="s">
        <v>86</v>
      </c>
      <c r="Q16612">
        <v>18</v>
      </c>
      <c r="R16612">
        <v>19</v>
      </c>
      <c r="S16612">
        <v>19</v>
      </c>
      <c r="T16612">
        <v>19</v>
      </c>
      <c r="U16612">
        <v>20</v>
      </c>
      <c r="V16612">
        <v>20</v>
      </c>
      <c r="W16612">
        <v>20</v>
      </c>
      <c r="X16612">
        <v>21</v>
      </c>
      <c r="Y16612">
        <v>21</v>
      </c>
      <c r="Z16612">
        <v>21</v>
      </c>
      <c r="AA16612">
        <v>22</v>
      </c>
      <c r="AB16612">
        <v>22</v>
      </c>
      <c r="AC16612">
        <v>22</v>
      </c>
      <c r="AD16612">
        <v>23</v>
      </c>
      <c r="AE16612">
        <v>23</v>
      </c>
      <c r="AF16612">
        <v>23</v>
      </c>
      <c r="AG16612">
        <v>23</v>
      </c>
      <c r="AH16612">
        <v>23</v>
      </c>
      <c r="AI16612">
        <v>23</v>
      </c>
      <c r="AJ16612">
        <v>23</v>
      </c>
      <c r="AK16612">
        <v>23</v>
      </c>
      <c r="AL16612">
        <v>23</v>
      </c>
      <c r="AM16612">
        <v>23</v>
      </c>
      <c r="AN16612">
        <v>23</v>
      </c>
      <c r="AO16612">
        <v>23</v>
      </c>
      <c r="AP16612">
        <v>23</v>
      </c>
      <c r="AQ16612">
        <v>23</v>
      </c>
    </row>
    <row r="16613" spans="1:43">
      <c r="A16613" t="s">
        <v>10320</v>
      </c>
      <c r="B16613" t="s">
        <v>10321</v>
      </c>
      <c r="C16613" t="s">
        <v>10256</v>
      </c>
      <c r="D16613" t="s">
        <v>10257</v>
      </c>
      <c r="E16613" t="s">
        <v>10212</v>
      </c>
      <c r="F16613" t="s">
        <v>10213</v>
      </c>
      <c r="G16613" t="s">
        <v>10214</v>
      </c>
      <c r="H16613" t="s">
        <v>10215</v>
      </c>
      <c r="I16613" s="2">
        <v>1</v>
      </c>
      <c r="J16613" s="2">
        <v>0</v>
      </c>
      <c r="K16613" s="2">
        <v>0</v>
      </c>
      <c r="L16613" t="s">
        <v>120</v>
      </c>
      <c r="M16613" t="s">
        <v>83</v>
      </c>
      <c r="N16613" t="s">
        <v>91</v>
      </c>
      <c r="O16613" t="s">
        <v>85</v>
      </c>
      <c r="P16613" t="s">
        <v>86</v>
      </c>
      <c r="Q16613">
        <v>18</v>
      </c>
      <c r="R16613">
        <v>18</v>
      </c>
      <c r="S16613">
        <v>18</v>
      </c>
      <c r="T16613">
        <v>19</v>
      </c>
      <c r="U16613">
        <v>19</v>
      </c>
      <c r="V16613">
        <v>19</v>
      </c>
      <c r="W16613">
        <v>20</v>
      </c>
      <c r="X16613">
        <v>20</v>
      </c>
      <c r="Y16613">
        <v>20</v>
      </c>
      <c r="Z16613">
        <v>20</v>
      </c>
      <c r="AA16613">
        <v>20</v>
      </c>
      <c r="AB16613">
        <v>21</v>
      </c>
      <c r="AC16613">
        <v>21</v>
      </c>
      <c r="AD16613">
        <v>21</v>
      </c>
      <c r="AE16613">
        <v>21</v>
      </c>
      <c r="AF16613">
        <v>22</v>
      </c>
      <c r="AG16613">
        <v>22</v>
      </c>
      <c r="AH16613">
        <v>22</v>
      </c>
      <c r="AI16613">
        <v>22</v>
      </c>
      <c r="AJ16613">
        <v>23</v>
      </c>
      <c r="AK16613">
        <v>23</v>
      </c>
      <c r="AL16613">
        <v>23</v>
      </c>
      <c r="AM16613">
        <v>23</v>
      </c>
      <c r="AN16613">
        <v>23</v>
      </c>
      <c r="AO16613">
        <v>23</v>
      </c>
      <c r="AP16613">
        <v>23</v>
      </c>
      <c r="AQ16613">
        <v>23</v>
      </c>
    </row>
    <row r="16614" spans="1:43">
      <c r="A16614" t="s">
        <v>10322</v>
      </c>
      <c r="B16614" t="s">
        <v>10323</v>
      </c>
      <c r="C16614" t="s">
        <v>10310</v>
      </c>
      <c r="D16614" t="s">
        <v>10311</v>
      </c>
      <c r="E16614" t="s">
        <v>10212</v>
      </c>
      <c r="F16614" t="s">
        <v>10213</v>
      </c>
      <c r="G16614" t="s">
        <v>10214</v>
      </c>
      <c r="H16614" t="s">
        <v>10215</v>
      </c>
      <c r="I16614" s="2">
        <v>0</v>
      </c>
      <c r="J16614" s="2">
        <v>0</v>
      </c>
      <c r="K16614" s="2">
        <v>0</v>
      </c>
      <c r="L16614" t="s">
        <v>120</v>
      </c>
      <c r="M16614" t="s">
        <v>83</v>
      </c>
      <c r="N16614" t="s">
        <v>84</v>
      </c>
      <c r="O16614" t="s">
        <v>85</v>
      </c>
      <c r="P16614" t="s">
        <v>86</v>
      </c>
      <c r="Q16614">
        <v>0</v>
      </c>
      <c r="R16614">
        <v>0</v>
      </c>
      <c r="S16614">
        <v>0</v>
      </c>
      <c r="T16614">
        <v>0</v>
      </c>
      <c r="U16614">
        <v>0</v>
      </c>
      <c r="V16614">
        <v>0</v>
      </c>
      <c r="W16614">
        <v>0</v>
      </c>
      <c r="X16614">
        <v>0</v>
      </c>
      <c r="Y16614">
        <v>0</v>
      </c>
      <c r="Z16614">
        <v>0</v>
      </c>
      <c r="AA16614">
        <v>0</v>
      </c>
      <c r="AB16614">
        <v>0</v>
      </c>
      <c r="AC16614">
        <v>0</v>
      </c>
      <c r="AD16614">
        <v>0</v>
      </c>
      <c r="AE16614">
        <v>0</v>
      </c>
      <c r="AF16614">
        <v>0</v>
      </c>
      <c r="AG16614">
        <v>0</v>
      </c>
      <c r="AH16614">
        <v>0</v>
      </c>
      <c r="AI16614">
        <v>0</v>
      </c>
      <c r="AJ16614">
        <v>0</v>
      </c>
      <c r="AK16614">
        <v>0</v>
      </c>
      <c r="AL16614">
        <v>0</v>
      </c>
      <c r="AM16614">
        <v>0</v>
      </c>
      <c r="AN16614">
        <v>0</v>
      </c>
      <c r="AO16614">
        <v>0</v>
      </c>
      <c r="AP16614">
        <v>0</v>
      </c>
      <c r="AQ16614">
        <v>0</v>
      </c>
    </row>
    <row r="16615" spans="1:43">
      <c r="A16615" t="s">
        <v>10322</v>
      </c>
      <c r="B16615" t="s">
        <v>10323</v>
      </c>
      <c r="C16615" t="s">
        <v>10310</v>
      </c>
      <c r="D16615" t="s">
        <v>10311</v>
      </c>
      <c r="E16615" t="s">
        <v>10212</v>
      </c>
      <c r="F16615" t="s">
        <v>10213</v>
      </c>
      <c r="G16615" t="s">
        <v>10214</v>
      </c>
      <c r="H16615" t="s">
        <v>10215</v>
      </c>
      <c r="I16615" s="2">
        <v>0</v>
      </c>
      <c r="J16615" s="2">
        <v>0</v>
      </c>
      <c r="K16615" s="2">
        <v>0</v>
      </c>
      <c r="L16615" t="s">
        <v>120</v>
      </c>
      <c r="M16615" t="s">
        <v>87</v>
      </c>
      <c r="N16615" t="s">
        <v>88</v>
      </c>
      <c r="O16615" t="s">
        <v>85</v>
      </c>
      <c r="P16615" t="s">
        <v>86</v>
      </c>
      <c r="Q16615">
        <v>0</v>
      </c>
      <c r="R16615">
        <v>0</v>
      </c>
      <c r="S16615">
        <v>0</v>
      </c>
      <c r="T16615">
        <v>0</v>
      </c>
      <c r="U16615">
        <v>0</v>
      </c>
      <c r="V16615">
        <v>0</v>
      </c>
      <c r="W16615">
        <v>0</v>
      </c>
      <c r="X16615">
        <v>0</v>
      </c>
      <c r="Y16615">
        <v>0</v>
      </c>
      <c r="Z16615">
        <v>0</v>
      </c>
      <c r="AA16615">
        <v>0</v>
      </c>
      <c r="AB16615">
        <v>0</v>
      </c>
      <c r="AC16615">
        <v>0</v>
      </c>
      <c r="AD16615">
        <v>0</v>
      </c>
      <c r="AE16615">
        <v>0</v>
      </c>
      <c r="AF16615">
        <v>0</v>
      </c>
      <c r="AG16615">
        <v>0</v>
      </c>
      <c r="AH16615">
        <v>0</v>
      </c>
      <c r="AI16615">
        <v>0</v>
      </c>
      <c r="AJ16615">
        <v>0</v>
      </c>
      <c r="AK16615">
        <v>0</v>
      </c>
      <c r="AL16615">
        <v>0</v>
      </c>
      <c r="AM16615">
        <v>0</v>
      </c>
      <c r="AN16615">
        <v>0</v>
      </c>
      <c r="AO16615">
        <v>0</v>
      </c>
      <c r="AP16615">
        <v>0</v>
      </c>
      <c r="AQ16615">
        <v>0</v>
      </c>
    </row>
    <row r="16616" spans="1:43">
      <c r="A16616" t="s">
        <v>10322</v>
      </c>
      <c r="B16616" t="s">
        <v>10323</v>
      </c>
      <c r="C16616" t="s">
        <v>10310</v>
      </c>
      <c r="D16616" t="s">
        <v>10311</v>
      </c>
      <c r="E16616" t="s">
        <v>10212</v>
      </c>
      <c r="F16616" t="s">
        <v>10213</v>
      </c>
      <c r="G16616" t="s">
        <v>10214</v>
      </c>
      <c r="H16616" t="s">
        <v>10215</v>
      </c>
      <c r="I16616" s="2">
        <v>0</v>
      </c>
      <c r="J16616" s="2">
        <v>0</v>
      </c>
      <c r="K16616" s="2">
        <v>0</v>
      </c>
      <c r="L16616" t="s">
        <v>120</v>
      </c>
      <c r="M16616" t="s">
        <v>89</v>
      </c>
      <c r="N16616" t="s">
        <v>90</v>
      </c>
      <c r="O16616" t="s">
        <v>85</v>
      </c>
      <c r="P16616" t="s">
        <v>86</v>
      </c>
      <c r="Q16616">
        <v>0</v>
      </c>
      <c r="R16616">
        <v>0</v>
      </c>
      <c r="S16616">
        <v>0</v>
      </c>
      <c r="T16616">
        <v>0</v>
      </c>
      <c r="U16616">
        <v>0</v>
      </c>
      <c r="V16616">
        <v>0</v>
      </c>
      <c r="W16616">
        <v>0</v>
      </c>
      <c r="X16616">
        <v>0</v>
      </c>
      <c r="Y16616">
        <v>0</v>
      </c>
      <c r="Z16616">
        <v>0</v>
      </c>
      <c r="AA16616">
        <v>0</v>
      </c>
      <c r="AB16616">
        <v>0</v>
      </c>
      <c r="AC16616">
        <v>0</v>
      </c>
      <c r="AD16616">
        <v>0</v>
      </c>
      <c r="AE16616">
        <v>0</v>
      </c>
      <c r="AF16616">
        <v>0</v>
      </c>
      <c r="AG16616">
        <v>0</v>
      </c>
      <c r="AH16616">
        <v>0</v>
      </c>
      <c r="AI16616">
        <v>0</v>
      </c>
      <c r="AJ16616">
        <v>0</v>
      </c>
      <c r="AK16616">
        <v>0</v>
      </c>
      <c r="AL16616">
        <v>0</v>
      </c>
      <c r="AM16616">
        <v>0</v>
      </c>
      <c r="AN16616">
        <v>0</v>
      </c>
      <c r="AO16616">
        <v>0</v>
      </c>
      <c r="AP16616">
        <v>0</v>
      </c>
      <c r="AQ16616">
        <v>0</v>
      </c>
    </row>
    <row r="16617" spans="1:43">
      <c r="A16617" t="s">
        <v>10322</v>
      </c>
      <c r="B16617" t="s">
        <v>10323</v>
      </c>
      <c r="C16617" t="s">
        <v>10310</v>
      </c>
      <c r="D16617" t="s">
        <v>10311</v>
      </c>
      <c r="E16617" t="s">
        <v>10212</v>
      </c>
      <c r="F16617" t="s">
        <v>10213</v>
      </c>
      <c r="G16617" t="s">
        <v>10214</v>
      </c>
      <c r="H16617" t="s">
        <v>10215</v>
      </c>
      <c r="I16617" s="2">
        <v>0</v>
      </c>
      <c r="J16617" s="2">
        <v>0</v>
      </c>
      <c r="K16617" s="2">
        <v>0</v>
      </c>
      <c r="L16617" t="s">
        <v>120</v>
      </c>
      <c r="M16617" t="s">
        <v>83</v>
      </c>
      <c r="N16617" t="s">
        <v>91</v>
      </c>
      <c r="O16617" t="s">
        <v>85</v>
      </c>
      <c r="P16617" t="s">
        <v>86</v>
      </c>
      <c r="Q16617">
        <v>0</v>
      </c>
      <c r="R16617">
        <v>0</v>
      </c>
      <c r="S16617">
        <v>0</v>
      </c>
      <c r="T16617">
        <v>0</v>
      </c>
      <c r="U16617">
        <v>0</v>
      </c>
      <c r="V16617">
        <v>0</v>
      </c>
      <c r="W16617">
        <v>0</v>
      </c>
      <c r="X16617">
        <v>0</v>
      </c>
      <c r="Y16617">
        <v>0</v>
      </c>
      <c r="Z16617">
        <v>0</v>
      </c>
      <c r="AA16617">
        <v>0</v>
      </c>
      <c r="AB16617">
        <v>0</v>
      </c>
      <c r="AC16617">
        <v>0</v>
      </c>
      <c r="AD16617">
        <v>0</v>
      </c>
      <c r="AE16617">
        <v>0</v>
      </c>
      <c r="AF16617">
        <v>0</v>
      </c>
      <c r="AG16617">
        <v>0</v>
      </c>
      <c r="AH16617">
        <v>0</v>
      </c>
      <c r="AI16617">
        <v>0</v>
      </c>
      <c r="AJ16617">
        <v>0</v>
      </c>
      <c r="AK16617">
        <v>0</v>
      </c>
      <c r="AL16617">
        <v>0</v>
      </c>
      <c r="AM16617">
        <v>0</v>
      </c>
      <c r="AN16617">
        <v>0</v>
      </c>
      <c r="AO16617">
        <v>0</v>
      </c>
      <c r="AP16617">
        <v>0</v>
      </c>
      <c r="AQ16617">
        <v>0</v>
      </c>
    </row>
    <row r="16618" spans="1:43">
      <c r="A16618" t="s">
        <v>10324</v>
      </c>
      <c r="B16618" t="s">
        <v>10325</v>
      </c>
      <c r="C16618" t="s">
        <v>10310</v>
      </c>
      <c r="D16618" t="s">
        <v>10311</v>
      </c>
      <c r="E16618" t="s">
        <v>10212</v>
      </c>
      <c r="F16618" t="s">
        <v>10213</v>
      </c>
      <c r="G16618" t="s">
        <v>10214</v>
      </c>
      <c r="H16618" t="s">
        <v>10215</v>
      </c>
      <c r="I16618" s="2">
        <v>0.04</v>
      </c>
      <c r="J16618" s="2">
        <v>0</v>
      </c>
      <c r="K16618" s="2">
        <v>0</v>
      </c>
      <c r="L16618" t="s">
        <v>120</v>
      </c>
      <c r="M16618" t="s">
        <v>83</v>
      </c>
      <c r="N16618" t="s">
        <v>84</v>
      </c>
      <c r="O16618" t="s">
        <v>85</v>
      </c>
      <c r="P16618" t="s">
        <v>86</v>
      </c>
      <c r="Q16618">
        <v>2</v>
      </c>
      <c r="R16618">
        <v>2</v>
      </c>
      <c r="S16618">
        <v>2</v>
      </c>
      <c r="T16618">
        <v>2</v>
      </c>
      <c r="U16618">
        <v>2</v>
      </c>
      <c r="V16618">
        <v>2</v>
      </c>
      <c r="W16618">
        <v>2</v>
      </c>
      <c r="X16618">
        <v>2</v>
      </c>
      <c r="Y16618">
        <v>2</v>
      </c>
      <c r="Z16618">
        <v>2</v>
      </c>
      <c r="AA16618">
        <v>2</v>
      </c>
      <c r="AB16618">
        <v>2</v>
      </c>
      <c r="AC16618">
        <v>2</v>
      </c>
      <c r="AD16618">
        <v>2</v>
      </c>
      <c r="AE16618">
        <v>2</v>
      </c>
      <c r="AF16618">
        <v>2</v>
      </c>
      <c r="AG16618">
        <v>2</v>
      </c>
      <c r="AH16618">
        <v>2</v>
      </c>
      <c r="AI16618">
        <v>2</v>
      </c>
      <c r="AJ16618">
        <v>2</v>
      </c>
      <c r="AK16618">
        <v>2</v>
      </c>
      <c r="AL16618">
        <v>2</v>
      </c>
      <c r="AM16618">
        <v>2</v>
      </c>
      <c r="AN16618">
        <v>2</v>
      </c>
      <c r="AO16618">
        <v>2</v>
      </c>
      <c r="AP16618">
        <v>2</v>
      </c>
      <c r="AQ16618">
        <v>2</v>
      </c>
    </row>
    <row r="16619" spans="1:43">
      <c r="A16619" t="s">
        <v>10324</v>
      </c>
      <c r="B16619" t="s">
        <v>10325</v>
      </c>
      <c r="C16619" t="s">
        <v>10310</v>
      </c>
      <c r="D16619" t="s">
        <v>10311</v>
      </c>
      <c r="E16619" t="s">
        <v>10212</v>
      </c>
      <c r="F16619" t="s">
        <v>10213</v>
      </c>
      <c r="G16619" t="s">
        <v>10214</v>
      </c>
      <c r="H16619" t="s">
        <v>10215</v>
      </c>
      <c r="I16619" s="2">
        <v>0.04</v>
      </c>
      <c r="J16619" s="2">
        <v>0</v>
      </c>
      <c r="K16619" s="2">
        <v>0</v>
      </c>
      <c r="L16619" t="s">
        <v>120</v>
      </c>
      <c r="M16619" t="s">
        <v>87</v>
      </c>
      <c r="N16619" t="s">
        <v>88</v>
      </c>
      <c r="O16619" t="s">
        <v>85</v>
      </c>
      <c r="P16619" t="s">
        <v>86</v>
      </c>
      <c r="Q16619">
        <v>2</v>
      </c>
      <c r="R16619">
        <v>2</v>
      </c>
      <c r="S16619">
        <v>2</v>
      </c>
      <c r="T16619">
        <v>2</v>
      </c>
      <c r="U16619">
        <v>2</v>
      </c>
      <c r="V16619">
        <v>2</v>
      </c>
      <c r="W16619">
        <v>2</v>
      </c>
      <c r="X16619">
        <v>2</v>
      </c>
      <c r="Y16619">
        <v>2</v>
      </c>
      <c r="Z16619">
        <v>2</v>
      </c>
      <c r="AA16619">
        <v>2</v>
      </c>
      <c r="AB16619">
        <v>2</v>
      </c>
      <c r="AC16619">
        <v>2</v>
      </c>
      <c r="AD16619">
        <v>2</v>
      </c>
      <c r="AE16619">
        <v>2</v>
      </c>
      <c r="AF16619">
        <v>2</v>
      </c>
      <c r="AG16619">
        <v>2</v>
      </c>
      <c r="AH16619">
        <v>2</v>
      </c>
      <c r="AI16619">
        <v>2</v>
      </c>
      <c r="AJ16619">
        <v>2</v>
      </c>
      <c r="AK16619">
        <v>2</v>
      </c>
      <c r="AL16619">
        <v>2</v>
      </c>
      <c r="AM16619">
        <v>2</v>
      </c>
      <c r="AN16619">
        <v>2</v>
      </c>
      <c r="AO16619">
        <v>2</v>
      </c>
      <c r="AP16619">
        <v>2</v>
      </c>
      <c r="AQ16619">
        <v>2</v>
      </c>
    </row>
    <row r="16620" spans="1:43">
      <c r="A16620" t="s">
        <v>10324</v>
      </c>
      <c r="B16620" t="s">
        <v>10325</v>
      </c>
      <c r="C16620" t="s">
        <v>10310</v>
      </c>
      <c r="D16620" t="s">
        <v>10311</v>
      </c>
      <c r="E16620" t="s">
        <v>10212</v>
      </c>
      <c r="F16620" t="s">
        <v>10213</v>
      </c>
      <c r="G16620" t="s">
        <v>10214</v>
      </c>
      <c r="H16620" t="s">
        <v>10215</v>
      </c>
      <c r="I16620" s="2">
        <v>0.04</v>
      </c>
      <c r="J16620" s="2">
        <v>0</v>
      </c>
      <c r="K16620" s="2">
        <v>0</v>
      </c>
      <c r="L16620" t="s">
        <v>120</v>
      </c>
      <c r="M16620" t="s">
        <v>89</v>
      </c>
      <c r="N16620" t="s">
        <v>90</v>
      </c>
      <c r="O16620" t="s">
        <v>85</v>
      </c>
      <c r="P16620" t="s">
        <v>86</v>
      </c>
      <c r="Q16620">
        <v>2</v>
      </c>
      <c r="R16620">
        <v>2</v>
      </c>
      <c r="S16620">
        <v>2</v>
      </c>
      <c r="T16620">
        <v>2</v>
      </c>
      <c r="U16620">
        <v>2</v>
      </c>
      <c r="V16620">
        <v>2</v>
      </c>
      <c r="W16620">
        <v>2</v>
      </c>
      <c r="X16620">
        <v>2</v>
      </c>
      <c r="Y16620">
        <v>2</v>
      </c>
      <c r="Z16620">
        <v>2</v>
      </c>
      <c r="AA16620">
        <v>2</v>
      </c>
      <c r="AB16620">
        <v>2</v>
      </c>
      <c r="AC16620">
        <v>2</v>
      </c>
      <c r="AD16620">
        <v>2</v>
      </c>
      <c r="AE16620">
        <v>2</v>
      </c>
      <c r="AF16620">
        <v>2</v>
      </c>
      <c r="AG16620">
        <v>2</v>
      </c>
      <c r="AH16620">
        <v>2</v>
      </c>
      <c r="AI16620">
        <v>2</v>
      </c>
      <c r="AJ16620">
        <v>2</v>
      </c>
      <c r="AK16620">
        <v>2</v>
      </c>
      <c r="AL16620">
        <v>2</v>
      </c>
      <c r="AM16620">
        <v>2</v>
      </c>
      <c r="AN16620">
        <v>2</v>
      </c>
      <c r="AO16620">
        <v>2</v>
      </c>
      <c r="AP16620">
        <v>2</v>
      </c>
      <c r="AQ16620">
        <v>2</v>
      </c>
    </row>
    <row r="16621" spans="1:43">
      <c r="A16621" t="s">
        <v>10324</v>
      </c>
      <c r="B16621" t="s">
        <v>10325</v>
      </c>
      <c r="C16621" t="s">
        <v>10310</v>
      </c>
      <c r="D16621" t="s">
        <v>10311</v>
      </c>
      <c r="E16621" t="s">
        <v>10212</v>
      </c>
      <c r="F16621" t="s">
        <v>10213</v>
      </c>
      <c r="G16621" t="s">
        <v>10214</v>
      </c>
      <c r="H16621" t="s">
        <v>10215</v>
      </c>
      <c r="I16621" s="2">
        <v>0.04</v>
      </c>
      <c r="J16621" s="2">
        <v>0</v>
      </c>
      <c r="K16621" s="2">
        <v>0</v>
      </c>
      <c r="L16621" t="s">
        <v>120</v>
      </c>
      <c r="M16621" t="s">
        <v>83</v>
      </c>
      <c r="N16621" t="s">
        <v>91</v>
      </c>
      <c r="O16621" t="s">
        <v>85</v>
      </c>
      <c r="P16621" t="s">
        <v>86</v>
      </c>
      <c r="Q16621">
        <v>2</v>
      </c>
      <c r="R16621">
        <v>2</v>
      </c>
      <c r="S16621">
        <v>2</v>
      </c>
      <c r="T16621">
        <v>2</v>
      </c>
      <c r="U16621">
        <v>2</v>
      </c>
      <c r="V16621">
        <v>2</v>
      </c>
      <c r="W16621">
        <v>2</v>
      </c>
      <c r="X16621">
        <v>2</v>
      </c>
      <c r="Y16621">
        <v>2</v>
      </c>
      <c r="Z16621">
        <v>2</v>
      </c>
      <c r="AA16621">
        <v>2</v>
      </c>
      <c r="AB16621">
        <v>2</v>
      </c>
      <c r="AC16621">
        <v>2</v>
      </c>
      <c r="AD16621">
        <v>2</v>
      </c>
      <c r="AE16621">
        <v>2</v>
      </c>
      <c r="AF16621">
        <v>2</v>
      </c>
      <c r="AG16621">
        <v>2</v>
      </c>
      <c r="AH16621">
        <v>2</v>
      </c>
      <c r="AI16621">
        <v>2</v>
      </c>
      <c r="AJ16621">
        <v>2</v>
      </c>
      <c r="AK16621">
        <v>2</v>
      </c>
      <c r="AL16621">
        <v>2</v>
      </c>
      <c r="AM16621">
        <v>2</v>
      </c>
      <c r="AN16621">
        <v>2</v>
      </c>
      <c r="AO16621">
        <v>2</v>
      </c>
      <c r="AP16621">
        <v>2</v>
      </c>
      <c r="AQ16621">
        <v>2</v>
      </c>
    </row>
    <row r="16622" spans="1:43">
      <c r="A16622" t="s">
        <v>10326</v>
      </c>
      <c r="B16622" t="s">
        <v>10327</v>
      </c>
      <c r="C16622" t="s">
        <v>10328</v>
      </c>
      <c r="D16622" t="s">
        <v>10329</v>
      </c>
      <c r="E16622" t="s">
        <v>10212</v>
      </c>
      <c r="F16622" t="s">
        <v>10213</v>
      </c>
      <c r="G16622" t="s">
        <v>10214</v>
      </c>
      <c r="H16622" t="s">
        <v>10215</v>
      </c>
      <c r="I16622" s="2">
        <v>1</v>
      </c>
      <c r="J16622" s="2">
        <v>0</v>
      </c>
      <c r="K16622" s="2">
        <v>0</v>
      </c>
      <c r="L16622" t="s">
        <v>120</v>
      </c>
      <c r="M16622" t="s">
        <v>83</v>
      </c>
      <c r="N16622" t="s">
        <v>84</v>
      </c>
      <c r="O16622" t="s">
        <v>85</v>
      </c>
      <c r="P16622" t="s">
        <v>86</v>
      </c>
      <c r="Q16622">
        <v>7</v>
      </c>
      <c r="R16622">
        <v>8</v>
      </c>
      <c r="S16622">
        <v>8</v>
      </c>
      <c r="T16622">
        <v>8</v>
      </c>
      <c r="U16622">
        <v>8</v>
      </c>
      <c r="V16622">
        <v>8</v>
      </c>
      <c r="W16622">
        <v>8</v>
      </c>
      <c r="X16622">
        <v>8</v>
      </c>
      <c r="Y16622">
        <v>8</v>
      </c>
      <c r="Z16622">
        <v>8</v>
      </c>
      <c r="AA16622">
        <v>9</v>
      </c>
      <c r="AB16622">
        <v>9</v>
      </c>
      <c r="AC16622">
        <v>9</v>
      </c>
      <c r="AD16622">
        <v>9</v>
      </c>
      <c r="AE16622">
        <v>9</v>
      </c>
      <c r="AF16622">
        <v>9</v>
      </c>
      <c r="AG16622">
        <v>9</v>
      </c>
      <c r="AH16622">
        <v>9</v>
      </c>
      <c r="AI16622">
        <v>9</v>
      </c>
      <c r="AJ16622">
        <v>9</v>
      </c>
      <c r="AK16622">
        <v>9</v>
      </c>
      <c r="AL16622">
        <v>9</v>
      </c>
      <c r="AM16622">
        <v>9</v>
      </c>
      <c r="AN16622">
        <v>9</v>
      </c>
      <c r="AO16622">
        <v>9</v>
      </c>
      <c r="AP16622">
        <v>9</v>
      </c>
      <c r="AQ16622">
        <v>9</v>
      </c>
    </row>
    <row r="16623" spans="1:43">
      <c r="A16623" t="s">
        <v>10326</v>
      </c>
      <c r="B16623" t="s">
        <v>10327</v>
      </c>
      <c r="C16623" t="s">
        <v>10328</v>
      </c>
      <c r="D16623" t="s">
        <v>10329</v>
      </c>
      <c r="E16623" t="s">
        <v>10212</v>
      </c>
      <c r="F16623" t="s">
        <v>10213</v>
      </c>
      <c r="G16623" t="s">
        <v>10214</v>
      </c>
      <c r="H16623" t="s">
        <v>10215</v>
      </c>
      <c r="I16623" s="2">
        <v>1</v>
      </c>
      <c r="J16623" s="2">
        <v>0</v>
      </c>
      <c r="K16623" s="2">
        <v>0</v>
      </c>
      <c r="L16623" t="s">
        <v>120</v>
      </c>
      <c r="M16623" t="s">
        <v>87</v>
      </c>
      <c r="N16623" t="s">
        <v>88</v>
      </c>
      <c r="O16623" t="s">
        <v>85</v>
      </c>
      <c r="P16623" t="s">
        <v>86</v>
      </c>
      <c r="Q16623">
        <v>7</v>
      </c>
      <c r="R16623">
        <v>7</v>
      </c>
      <c r="S16623">
        <v>7</v>
      </c>
      <c r="T16623">
        <v>8</v>
      </c>
      <c r="U16623">
        <v>8</v>
      </c>
      <c r="V16623">
        <v>8</v>
      </c>
      <c r="W16623">
        <v>8</v>
      </c>
      <c r="X16623">
        <v>8</v>
      </c>
      <c r="Y16623">
        <v>8</v>
      </c>
      <c r="Z16623">
        <v>8</v>
      </c>
      <c r="AA16623">
        <v>8</v>
      </c>
      <c r="AB16623">
        <v>8</v>
      </c>
      <c r="AC16623">
        <v>8</v>
      </c>
      <c r="AD16623">
        <v>8</v>
      </c>
      <c r="AE16623">
        <v>8</v>
      </c>
      <c r="AF16623">
        <v>8</v>
      </c>
      <c r="AG16623">
        <v>8</v>
      </c>
      <c r="AH16623">
        <v>8</v>
      </c>
      <c r="AI16623">
        <v>8</v>
      </c>
      <c r="AJ16623">
        <v>8</v>
      </c>
      <c r="AK16623">
        <v>8</v>
      </c>
      <c r="AL16623">
        <v>8</v>
      </c>
      <c r="AM16623">
        <v>8</v>
      </c>
      <c r="AN16623">
        <v>8</v>
      </c>
      <c r="AO16623">
        <v>8</v>
      </c>
      <c r="AP16623">
        <v>8</v>
      </c>
      <c r="AQ16623">
        <v>8</v>
      </c>
    </row>
    <row r="16624" spans="1:43">
      <c r="A16624" t="s">
        <v>10326</v>
      </c>
      <c r="B16624" t="s">
        <v>10327</v>
      </c>
      <c r="C16624" t="s">
        <v>10328</v>
      </c>
      <c r="D16624" t="s">
        <v>10329</v>
      </c>
      <c r="E16624" t="s">
        <v>10212</v>
      </c>
      <c r="F16624" t="s">
        <v>10213</v>
      </c>
      <c r="G16624" t="s">
        <v>10214</v>
      </c>
      <c r="H16624" t="s">
        <v>10215</v>
      </c>
      <c r="I16624" s="2">
        <v>1</v>
      </c>
      <c r="J16624" s="2">
        <v>0</v>
      </c>
      <c r="K16624" s="2">
        <v>0</v>
      </c>
      <c r="L16624" t="s">
        <v>120</v>
      </c>
      <c r="M16624" t="s">
        <v>89</v>
      </c>
      <c r="N16624" t="s">
        <v>90</v>
      </c>
      <c r="O16624" t="s">
        <v>85</v>
      </c>
      <c r="P16624" t="s">
        <v>86</v>
      </c>
      <c r="Q16624">
        <v>7</v>
      </c>
      <c r="R16624">
        <v>7</v>
      </c>
      <c r="S16624">
        <v>7</v>
      </c>
      <c r="T16624">
        <v>7</v>
      </c>
      <c r="U16624">
        <v>7</v>
      </c>
      <c r="V16624">
        <v>7</v>
      </c>
      <c r="W16624">
        <v>8</v>
      </c>
      <c r="X16624">
        <v>8</v>
      </c>
      <c r="Y16624">
        <v>8</v>
      </c>
      <c r="Z16624">
        <v>8</v>
      </c>
      <c r="AA16624">
        <v>8</v>
      </c>
      <c r="AB16624">
        <v>8</v>
      </c>
      <c r="AC16624">
        <v>8</v>
      </c>
      <c r="AD16624">
        <v>8</v>
      </c>
      <c r="AE16624">
        <v>8</v>
      </c>
      <c r="AF16624">
        <v>9</v>
      </c>
      <c r="AG16624">
        <v>9</v>
      </c>
      <c r="AH16624">
        <v>9</v>
      </c>
      <c r="AI16624">
        <v>9</v>
      </c>
      <c r="AJ16624">
        <v>9</v>
      </c>
      <c r="AK16624">
        <v>9</v>
      </c>
      <c r="AL16624">
        <v>9</v>
      </c>
      <c r="AM16624">
        <v>9</v>
      </c>
      <c r="AN16624">
        <v>9</v>
      </c>
      <c r="AO16624">
        <v>9</v>
      </c>
      <c r="AP16624">
        <v>9</v>
      </c>
      <c r="AQ16624">
        <v>9</v>
      </c>
    </row>
    <row r="16625" spans="1:43">
      <c r="A16625" t="s">
        <v>10326</v>
      </c>
      <c r="B16625" t="s">
        <v>10327</v>
      </c>
      <c r="C16625" t="s">
        <v>10328</v>
      </c>
      <c r="D16625" t="s">
        <v>10329</v>
      </c>
      <c r="E16625" t="s">
        <v>10212</v>
      </c>
      <c r="F16625" t="s">
        <v>10213</v>
      </c>
      <c r="G16625" t="s">
        <v>10214</v>
      </c>
      <c r="H16625" t="s">
        <v>10215</v>
      </c>
      <c r="I16625" s="2">
        <v>1</v>
      </c>
      <c r="J16625" s="2">
        <v>0</v>
      </c>
      <c r="K16625" s="2">
        <v>0</v>
      </c>
      <c r="L16625" t="s">
        <v>120</v>
      </c>
      <c r="M16625" t="s">
        <v>83</v>
      </c>
      <c r="N16625" t="s">
        <v>91</v>
      </c>
      <c r="O16625" t="s">
        <v>85</v>
      </c>
      <c r="P16625" t="s">
        <v>86</v>
      </c>
      <c r="Q16625">
        <v>7</v>
      </c>
      <c r="R16625">
        <v>8</v>
      </c>
      <c r="S16625">
        <v>8</v>
      </c>
      <c r="T16625">
        <v>8</v>
      </c>
      <c r="U16625">
        <v>8</v>
      </c>
      <c r="V16625">
        <v>8</v>
      </c>
      <c r="W16625">
        <v>8</v>
      </c>
      <c r="X16625">
        <v>8</v>
      </c>
      <c r="Y16625">
        <v>8</v>
      </c>
      <c r="Z16625">
        <v>8</v>
      </c>
      <c r="AA16625">
        <v>9</v>
      </c>
      <c r="AB16625">
        <v>9</v>
      </c>
      <c r="AC16625">
        <v>9</v>
      </c>
      <c r="AD16625">
        <v>9</v>
      </c>
      <c r="AE16625">
        <v>9</v>
      </c>
      <c r="AF16625">
        <v>9</v>
      </c>
      <c r="AG16625">
        <v>9</v>
      </c>
      <c r="AH16625">
        <v>9</v>
      </c>
      <c r="AI16625">
        <v>9</v>
      </c>
      <c r="AJ16625">
        <v>9</v>
      </c>
      <c r="AK16625">
        <v>9</v>
      </c>
      <c r="AL16625">
        <v>9</v>
      </c>
      <c r="AM16625">
        <v>9</v>
      </c>
      <c r="AN16625">
        <v>9</v>
      </c>
      <c r="AO16625">
        <v>9</v>
      </c>
      <c r="AP16625">
        <v>9</v>
      </c>
      <c r="AQ16625">
        <v>9</v>
      </c>
    </row>
    <row r="16626" spans="1:43">
      <c r="A16626" t="s">
        <v>10330</v>
      </c>
      <c r="B16626" t="s">
        <v>10331</v>
      </c>
      <c r="C16626" t="s">
        <v>10332</v>
      </c>
      <c r="D16626" t="s">
        <v>10333</v>
      </c>
      <c r="E16626" t="s">
        <v>10212</v>
      </c>
      <c r="F16626" t="s">
        <v>10213</v>
      </c>
      <c r="G16626" t="s">
        <v>10214</v>
      </c>
      <c r="H16626" t="s">
        <v>10215</v>
      </c>
      <c r="I16626" s="2">
        <v>1</v>
      </c>
      <c r="J16626" s="2">
        <v>0</v>
      </c>
      <c r="K16626" s="2">
        <v>0</v>
      </c>
      <c r="L16626" t="s">
        <v>120</v>
      </c>
      <c r="M16626" t="s">
        <v>83</v>
      </c>
      <c r="N16626" t="s">
        <v>84</v>
      </c>
      <c r="O16626" t="s">
        <v>85</v>
      </c>
      <c r="P16626" t="s">
        <v>86</v>
      </c>
      <c r="Q16626">
        <v>24</v>
      </c>
      <c r="R16626">
        <v>24</v>
      </c>
      <c r="S16626">
        <v>24</v>
      </c>
      <c r="T16626">
        <v>25</v>
      </c>
      <c r="U16626">
        <v>25</v>
      </c>
      <c r="V16626">
        <v>25</v>
      </c>
      <c r="W16626">
        <v>26</v>
      </c>
      <c r="X16626">
        <v>26</v>
      </c>
      <c r="Y16626">
        <v>26</v>
      </c>
      <c r="Z16626">
        <v>27</v>
      </c>
      <c r="AA16626">
        <v>27</v>
      </c>
      <c r="AB16626">
        <v>27</v>
      </c>
      <c r="AC16626">
        <v>28</v>
      </c>
      <c r="AD16626">
        <v>28</v>
      </c>
      <c r="AE16626">
        <v>28</v>
      </c>
      <c r="AF16626">
        <v>29</v>
      </c>
      <c r="AG16626">
        <v>29</v>
      </c>
      <c r="AH16626">
        <v>29</v>
      </c>
      <c r="AI16626">
        <v>29</v>
      </c>
      <c r="AJ16626">
        <v>30</v>
      </c>
      <c r="AK16626">
        <v>30</v>
      </c>
      <c r="AL16626">
        <v>30</v>
      </c>
      <c r="AM16626">
        <v>30</v>
      </c>
      <c r="AN16626">
        <v>30</v>
      </c>
      <c r="AO16626">
        <v>30</v>
      </c>
      <c r="AP16626">
        <v>30</v>
      </c>
      <c r="AQ16626">
        <v>30</v>
      </c>
    </row>
    <row r="16627" spans="1:43">
      <c r="A16627" t="s">
        <v>10330</v>
      </c>
      <c r="B16627" t="s">
        <v>10331</v>
      </c>
      <c r="C16627" t="s">
        <v>10332</v>
      </c>
      <c r="D16627" t="s">
        <v>10333</v>
      </c>
      <c r="E16627" t="s">
        <v>10212</v>
      </c>
      <c r="F16627" t="s">
        <v>10213</v>
      </c>
      <c r="G16627" t="s">
        <v>10214</v>
      </c>
      <c r="H16627" t="s">
        <v>10215</v>
      </c>
      <c r="I16627" s="2">
        <v>1</v>
      </c>
      <c r="J16627" s="2">
        <v>0</v>
      </c>
      <c r="K16627" s="2">
        <v>0</v>
      </c>
      <c r="L16627" t="s">
        <v>120</v>
      </c>
      <c r="M16627" t="s">
        <v>87</v>
      </c>
      <c r="N16627" t="s">
        <v>88</v>
      </c>
      <c r="O16627" t="s">
        <v>85</v>
      </c>
      <c r="P16627" t="s">
        <v>86</v>
      </c>
      <c r="Q16627">
        <v>24</v>
      </c>
      <c r="R16627">
        <v>24</v>
      </c>
      <c r="S16627">
        <v>24</v>
      </c>
      <c r="T16627">
        <v>24</v>
      </c>
      <c r="U16627">
        <v>24</v>
      </c>
      <c r="V16627">
        <v>24</v>
      </c>
      <c r="W16627">
        <v>24</v>
      </c>
      <c r="X16627">
        <v>24</v>
      </c>
      <c r="Y16627">
        <v>24</v>
      </c>
      <c r="Z16627">
        <v>25</v>
      </c>
      <c r="AA16627">
        <v>25</v>
      </c>
      <c r="AB16627">
        <v>25</v>
      </c>
      <c r="AC16627">
        <v>25</v>
      </c>
      <c r="AD16627">
        <v>25</v>
      </c>
      <c r="AE16627">
        <v>25</v>
      </c>
      <c r="AF16627">
        <v>25</v>
      </c>
      <c r="AG16627">
        <v>25</v>
      </c>
      <c r="AH16627">
        <v>25</v>
      </c>
      <c r="AI16627">
        <v>26</v>
      </c>
      <c r="AJ16627">
        <v>26</v>
      </c>
      <c r="AK16627">
        <v>26</v>
      </c>
      <c r="AL16627">
        <v>26</v>
      </c>
      <c r="AM16627">
        <v>26</v>
      </c>
      <c r="AN16627">
        <v>26</v>
      </c>
      <c r="AO16627">
        <v>26</v>
      </c>
      <c r="AP16627">
        <v>26</v>
      </c>
      <c r="AQ16627">
        <v>26</v>
      </c>
    </row>
    <row r="16628" spans="1:43">
      <c r="A16628" t="s">
        <v>10330</v>
      </c>
      <c r="B16628" t="s">
        <v>10331</v>
      </c>
      <c r="C16628" t="s">
        <v>10332</v>
      </c>
      <c r="D16628" t="s">
        <v>10333</v>
      </c>
      <c r="E16628" t="s">
        <v>10212</v>
      </c>
      <c r="F16628" t="s">
        <v>10213</v>
      </c>
      <c r="G16628" t="s">
        <v>10214</v>
      </c>
      <c r="H16628" t="s">
        <v>10215</v>
      </c>
      <c r="I16628" s="2">
        <v>1</v>
      </c>
      <c r="J16628" s="2">
        <v>0</v>
      </c>
      <c r="K16628" s="2">
        <v>0</v>
      </c>
      <c r="L16628" t="s">
        <v>120</v>
      </c>
      <c r="M16628" t="s">
        <v>89</v>
      </c>
      <c r="N16628" t="s">
        <v>90</v>
      </c>
      <c r="O16628" t="s">
        <v>85</v>
      </c>
      <c r="P16628" t="s">
        <v>86</v>
      </c>
      <c r="Q16628">
        <v>24</v>
      </c>
      <c r="R16628">
        <v>25</v>
      </c>
      <c r="S16628">
        <v>25</v>
      </c>
      <c r="T16628">
        <v>26</v>
      </c>
      <c r="U16628">
        <v>26</v>
      </c>
      <c r="V16628">
        <v>27</v>
      </c>
      <c r="W16628">
        <v>27</v>
      </c>
      <c r="X16628">
        <v>27</v>
      </c>
      <c r="Y16628">
        <v>28</v>
      </c>
      <c r="Z16628">
        <v>28</v>
      </c>
      <c r="AA16628">
        <v>29</v>
      </c>
      <c r="AB16628">
        <v>29</v>
      </c>
      <c r="AC16628">
        <v>30</v>
      </c>
      <c r="AD16628">
        <v>30</v>
      </c>
      <c r="AE16628">
        <v>30</v>
      </c>
      <c r="AF16628">
        <v>30</v>
      </c>
      <c r="AG16628">
        <v>30</v>
      </c>
      <c r="AH16628">
        <v>30</v>
      </c>
      <c r="AI16628">
        <v>30</v>
      </c>
      <c r="AJ16628">
        <v>30</v>
      </c>
      <c r="AK16628">
        <v>30</v>
      </c>
      <c r="AL16628">
        <v>30</v>
      </c>
      <c r="AM16628">
        <v>30</v>
      </c>
      <c r="AN16628">
        <v>30</v>
      </c>
      <c r="AO16628">
        <v>30</v>
      </c>
      <c r="AP16628">
        <v>30</v>
      </c>
      <c r="AQ16628">
        <v>30</v>
      </c>
    </row>
    <row r="16629" spans="1:43">
      <c r="A16629" t="s">
        <v>10330</v>
      </c>
      <c r="B16629" t="s">
        <v>10331</v>
      </c>
      <c r="C16629" t="s">
        <v>10332</v>
      </c>
      <c r="D16629" t="s">
        <v>10333</v>
      </c>
      <c r="E16629" t="s">
        <v>10212</v>
      </c>
      <c r="F16629" t="s">
        <v>10213</v>
      </c>
      <c r="G16629" t="s">
        <v>10214</v>
      </c>
      <c r="H16629" t="s">
        <v>10215</v>
      </c>
      <c r="I16629" s="2">
        <v>1</v>
      </c>
      <c r="J16629" s="2">
        <v>0</v>
      </c>
      <c r="K16629" s="2">
        <v>0</v>
      </c>
      <c r="L16629" t="s">
        <v>120</v>
      </c>
      <c r="M16629" t="s">
        <v>83</v>
      </c>
      <c r="N16629" t="s">
        <v>91</v>
      </c>
      <c r="O16629" t="s">
        <v>85</v>
      </c>
      <c r="P16629" t="s">
        <v>86</v>
      </c>
      <c r="Q16629">
        <v>24</v>
      </c>
      <c r="R16629">
        <v>24</v>
      </c>
      <c r="S16629">
        <v>24</v>
      </c>
      <c r="T16629">
        <v>25</v>
      </c>
      <c r="U16629">
        <v>25</v>
      </c>
      <c r="V16629">
        <v>25</v>
      </c>
      <c r="W16629">
        <v>26</v>
      </c>
      <c r="X16629">
        <v>26</v>
      </c>
      <c r="Y16629">
        <v>26</v>
      </c>
      <c r="Z16629">
        <v>27</v>
      </c>
      <c r="AA16629">
        <v>27</v>
      </c>
      <c r="AB16629">
        <v>27</v>
      </c>
      <c r="AC16629">
        <v>28</v>
      </c>
      <c r="AD16629">
        <v>28</v>
      </c>
      <c r="AE16629">
        <v>28</v>
      </c>
      <c r="AF16629">
        <v>29</v>
      </c>
      <c r="AG16629">
        <v>29</v>
      </c>
      <c r="AH16629">
        <v>29</v>
      </c>
      <c r="AI16629">
        <v>29</v>
      </c>
      <c r="AJ16629">
        <v>30</v>
      </c>
      <c r="AK16629">
        <v>30</v>
      </c>
      <c r="AL16629">
        <v>30</v>
      </c>
      <c r="AM16629">
        <v>30</v>
      </c>
      <c r="AN16629">
        <v>30</v>
      </c>
      <c r="AO16629">
        <v>30</v>
      </c>
      <c r="AP16629">
        <v>30</v>
      </c>
      <c r="AQ16629">
        <v>30</v>
      </c>
    </row>
    <row r="16630" spans="1:43">
      <c r="A16630" t="s">
        <v>10334</v>
      </c>
      <c r="B16630" t="s">
        <v>10335</v>
      </c>
      <c r="C16630" t="s">
        <v>10328</v>
      </c>
      <c r="D16630" t="s">
        <v>10329</v>
      </c>
      <c r="E16630" t="s">
        <v>10212</v>
      </c>
      <c r="F16630" t="s">
        <v>10213</v>
      </c>
      <c r="G16630" t="s">
        <v>10214</v>
      </c>
      <c r="H16630" t="s">
        <v>10215</v>
      </c>
      <c r="I16630" s="2">
        <v>1</v>
      </c>
      <c r="J16630" s="2">
        <v>0</v>
      </c>
      <c r="K16630" s="2">
        <v>0</v>
      </c>
      <c r="L16630" t="s">
        <v>120</v>
      </c>
      <c r="M16630" t="s">
        <v>83</v>
      </c>
      <c r="N16630" t="s">
        <v>84</v>
      </c>
      <c r="O16630" t="s">
        <v>85</v>
      </c>
      <c r="P16630" t="s">
        <v>86</v>
      </c>
      <c r="Q16630">
        <v>47</v>
      </c>
      <c r="R16630">
        <v>48</v>
      </c>
      <c r="S16630">
        <v>49</v>
      </c>
      <c r="T16630">
        <v>49</v>
      </c>
      <c r="U16630">
        <v>50</v>
      </c>
      <c r="V16630">
        <v>51</v>
      </c>
      <c r="W16630">
        <v>51</v>
      </c>
      <c r="X16630">
        <v>52</v>
      </c>
      <c r="Y16630">
        <v>53</v>
      </c>
      <c r="Z16630">
        <v>53</v>
      </c>
      <c r="AA16630">
        <v>54</v>
      </c>
      <c r="AB16630">
        <v>54</v>
      </c>
      <c r="AC16630">
        <v>55</v>
      </c>
      <c r="AD16630">
        <v>56</v>
      </c>
      <c r="AE16630">
        <v>56</v>
      </c>
      <c r="AF16630">
        <v>57</v>
      </c>
      <c r="AG16630">
        <v>57</v>
      </c>
      <c r="AH16630">
        <v>58</v>
      </c>
      <c r="AI16630">
        <v>58</v>
      </c>
      <c r="AJ16630">
        <v>59</v>
      </c>
      <c r="AK16630">
        <v>60</v>
      </c>
      <c r="AL16630">
        <v>60</v>
      </c>
      <c r="AM16630">
        <v>60</v>
      </c>
      <c r="AN16630">
        <v>60</v>
      </c>
      <c r="AO16630">
        <v>60</v>
      </c>
      <c r="AP16630">
        <v>60</v>
      </c>
      <c r="AQ16630">
        <v>60</v>
      </c>
    </row>
    <row r="16631" spans="1:43">
      <c r="A16631" t="s">
        <v>10334</v>
      </c>
      <c r="B16631" t="s">
        <v>10335</v>
      </c>
      <c r="C16631" t="s">
        <v>10328</v>
      </c>
      <c r="D16631" t="s">
        <v>10329</v>
      </c>
      <c r="E16631" t="s">
        <v>10212</v>
      </c>
      <c r="F16631" t="s">
        <v>10213</v>
      </c>
      <c r="G16631" t="s">
        <v>10214</v>
      </c>
      <c r="H16631" t="s">
        <v>10215</v>
      </c>
      <c r="I16631" s="2">
        <v>1</v>
      </c>
      <c r="J16631" s="2">
        <v>0</v>
      </c>
      <c r="K16631" s="2">
        <v>0</v>
      </c>
      <c r="L16631" t="s">
        <v>120</v>
      </c>
      <c r="M16631" t="s">
        <v>87</v>
      </c>
      <c r="N16631" t="s">
        <v>88</v>
      </c>
      <c r="O16631" t="s">
        <v>85</v>
      </c>
      <c r="P16631" t="s">
        <v>86</v>
      </c>
      <c r="Q16631">
        <v>47</v>
      </c>
      <c r="R16631">
        <v>47</v>
      </c>
      <c r="S16631">
        <v>47</v>
      </c>
      <c r="T16631">
        <v>47</v>
      </c>
      <c r="U16631">
        <v>48</v>
      </c>
      <c r="V16631">
        <v>48</v>
      </c>
      <c r="W16631">
        <v>48</v>
      </c>
      <c r="X16631">
        <v>48</v>
      </c>
      <c r="Y16631">
        <v>49</v>
      </c>
      <c r="Z16631">
        <v>49</v>
      </c>
      <c r="AA16631">
        <v>49</v>
      </c>
      <c r="AB16631">
        <v>49</v>
      </c>
      <c r="AC16631">
        <v>50</v>
      </c>
      <c r="AD16631">
        <v>50</v>
      </c>
      <c r="AE16631">
        <v>50</v>
      </c>
      <c r="AF16631">
        <v>50</v>
      </c>
      <c r="AG16631">
        <v>50</v>
      </c>
      <c r="AH16631">
        <v>51</v>
      </c>
      <c r="AI16631">
        <v>51</v>
      </c>
      <c r="AJ16631">
        <v>51</v>
      </c>
      <c r="AK16631">
        <v>51</v>
      </c>
      <c r="AL16631">
        <v>51</v>
      </c>
      <c r="AM16631">
        <v>52</v>
      </c>
      <c r="AN16631">
        <v>52</v>
      </c>
      <c r="AO16631">
        <v>52</v>
      </c>
      <c r="AP16631">
        <v>52</v>
      </c>
      <c r="AQ16631">
        <v>52</v>
      </c>
    </row>
    <row r="16632" spans="1:43">
      <c r="A16632" t="s">
        <v>10334</v>
      </c>
      <c r="B16632" t="s">
        <v>10335</v>
      </c>
      <c r="C16632" t="s">
        <v>10328</v>
      </c>
      <c r="D16632" t="s">
        <v>10329</v>
      </c>
      <c r="E16632" t="s">
        <v>10212</v>
      </c>
      <c r="F16632" t="s">
        <v>10213</v>
      </c>
      <c r="G16632" t="s">
        <v>10214</v>
      </c>
      <c r="H16632" t="s">
        <v>10215</v>
      </c>
      <c r="I16632" s="2">
        <v>1</v>
      </c>
      <c r="J16632" s="2">
        <v>0</v>
      </c>
      <c r="K16632" s="2">
        <v>0</v>
      </c>
      <c r="L16632" t="s">
        <v>120</v>
      </c>
      <c r="M16632" t="s">
        <v>89</v>
      </c>
      <c r="N16632" t="s">
        <v>90</v>
      </c>
      <c r="O16632" t="s">
        <v>85</v>
      </c>
      <c r="P16632" t="s">
        <v>86</v>
      </c>
      <c r="Q16632">
        <v>47</v>
      </c>
      <c r="R16632">
        <v>48</v>
      </c>
      <c r="S16632">
        <v>49</v>
      </c>
      <c r="T16632">
        <v>50</v>
      </c>
      <c r="U16632">
        <v>51</v>
      </c>
      <c r="V16632">
        <v>52</v>
      </c>
      <c r="W16632">
        <v>53</v>
      </c>
      <c r="X16632">
        <v>54</v>
      </c>
      <c r="Y16632">
        <v>54</v>
      </c>
      <c r="Z16632">
        <v>55</v>
      </c>
      <c r="AA16632">
        <v>56</v>
      </c>
      <c r="AB16632">
        <v>57</v>
      </c>
      <c r="AC16632">
        <v>58</v>
      </c>
      <c r="AD16632">
        <v>58</v>
      </c>
      <c r="AE16632">
        <v>59</v>
      </c>
      <c r="AF16632">
        <v>59</v>
      </c>
      <c r="AG16632">
        <v>59</v>
      </c>
      <c r="AH16632">
        <v>59</v>
      </c>
      <c r="AI16632">
        <v>59</v>
      </c>
      <c r="AJ16632">
        <v>59</v>
      </c>
      <c r="AK16632">
        <v>59</v>
      </c>
      <c r="AL16632">
        <v>59</v>
      </c>
      <c r="AM16632">
        <v>59</v>
      </c>
      <c r="AN16632">
        <v>59</v>
      </c>
      <c r="AO16632">
        <v>59</v>
      </c>
      <c r="AP16632">
        <v>59</v>
      </c>
      <c r="AQ16632">
        <v>59</v>
      </c>
    </row>
    <row r="16633" spans="1:43">
      <c r="A16633" t="s">
        <v>10334</v>
      </c>
      <c r="B16633" t="s">
        <v>10335</v>
      </c>
      <c r="C16633" t="s">
        <v>10328</v>
      </c>
      <c r="D16633" t="s">
        <v>10329</v>
      </c>
      <c r="E16633" t="s">
        <v>10212</v>
      </c>
      <c r="F16633" t="s">
        <v>10213</v>
      </c>
      <c r="G16633" t="s">
        <v>10214</v>
      </c>
      <c r="H16633" t="s">
        <v>10215</v>
      </c>
      <c r="I16633" s="2">
        <v>1</v>
      </c>
      <c r="J16633" s="2">
        <v>0</v>
      </c>
      <c r="K16633" s="2">
        <v>0</v>
      </c>
      <c r="L16633" t="s">
        <v>120</v>
      </c>
      <c r="M16633" t="s">
        <v>83</v>
      </c>
      <c r="N16633" t="s">
        <v>91</v>
      </c>
      <c r="O16633" t="s">
        <v>85</v>
      </c>
      <c r="P16633" t="s">
        <v>86</v>
      </c>
      <c r="Q16633">
        <v>47</v>
      </c>
      <c r="R16633">
        <v>48</v>
      </c>
      <c r="S16633">
        <v>49</v>
      </c>
      <c r="T16633">
        <v>49</v>
      </c>
      <c r="U16633">
        <v>50</v>
      </c>
      <c r="V16633">
        <v>51</v>
      </c>
      <c r="W16633">
        <v>51</v>
      </c>
      <c r="X16633">
        <v>52</v>
      </c>
      <c r="Y16633">
        <v>53</v>
      </c>
      <c r="Z16633">
        <v>53</v>
      </c>
      <c r="AA16633">
        <v>54</v>
      </c>
      <c r="AB16633">
        <v>54</v>
      </c>
      <c r="AC16633">
        <v>55</v>
      </c>
      <c r="AD16633">
        <v>56</v>
      </c>
      <c r="AE16633">
        <v>56</v>
      </c>
      <c r="AF16633">
        <v>57</v>
      </c>
      <c r="AG16633">
        <v>57</v>
      </c>
      <c r="AH16633">
        <v>58</v>
      </c>
      <c r="AI16633">
        <v>58</v>
      </c>
      <c r="AJ16633">
        <v>59</v>
      </c>
      <c r="AK16633">
        <v>60</v>
      </c>
      <c r="AL16633">
        <v>60</v>
      </c>
      <c r="AM16633">
        <v>60</v>
      </c>
      <c r="AN16633">
        <v>60</v>
      </c>
      <c r="AO16633">
        <v>60</v>
      </c>
      <c r="AP16633">
        <v>60</v>
      </c>
      <c r="AQ16633">
        <v>60</v>
      </c>
    </row>
    <row r="16634" spans="1:43">
      <c r="A16634" t="s">
        <v>10336</v>
      </c>
      <c r="B16634" t="s">
        <v>10337</v>
      </c>
      <c r="C16634" t="s">
        <v>10328</v>
      </c>
      <c r="D16634" t="s">
        <v>10329</v>
      </c>
      <c r="E16634" t="s">
        <v>10212</v>
      </c>
      <c r="F16634" t="s">
        <v>10213</v>
      </c>
      <c r="G16634" t="s">
        <v>10214</v>
      </c>
      <c r="H16634" t="s">
        <v>10215</v>
      </c>
      <c r="I16634" s="2">
        <v>1</v>
      </c>
      <c r="J16634" s="2">
        <v>0</v>
      </c>
      <c r="K16634" s="2">
        <v>0</v>
      </c>
      <c r="L16634" t="s">
        <v>120</v>
      </c>
      <c r="M16634" t="s">
        <v>83</v>
      </c>
      <c r="N16634" t="s">
        <v>84</v>
      </c>
      <c r="O16634" t="s">
        <v>85</v>
      </c>
      <c r="P16634" t="s">
        <v>86</v>
      </c>
      <c r="Q16634">
        <v>2</v>
      </c>
      <c r="R16634">
        <v>2</v>
      </c>
      <c r="S16634">
        <v>3</v>
      </c>
      <c r="T16634">
        <v>3</v>
      </c>
      <c r="U16634">
        <v>3</v>
      </c>
      <c r="V16634">
        <v>3</v>
      </c>
      <c r="W16634">
        <v>3</v>
      </c>
      <c r="X16634">
        <v>3</v>
      </c>
      <c r="Y16634">
        <v>3</v>
      </c>
      <c r="Z16634">
        <v>3</v>
      </c>
      <c r="AA16634">
        <v>3</v>
      </c>
      <c r="AB16634">
        <v>3</v>
      </c>
      <c r="AC16634">
        <v>3</v>
      </c>
      <c r="AD16634">
        <v>3</v>
      </c>
      <c r="AE16634">
        <v>3</v>
      </c>
      <c r="AF16634">
        <v>3</v>
      </c>
      <c r="AG16634">
        <v>3</v>
      </c>
      <c r="AH16634">
        <v>3</v>
      </c>
      <c r="AI16634">
        <v>3</v>
      </c>
      <c r="AJ16634">
        <v>3</v>
      </c>
      <c r="AK16634">
        <v>3</v>
      </c>
      <c r="AL16634">
        <v>3</v>
      </c>
      <c r="AM16634">
        <v>3</v>
      </c>
      <c r="AN16634">
        <v>3</v>
      </c>
      <c r="AO16634">
        <v>3</v>
      </c>
      <c r="AP16634">
        <v>3</v>
      </c>
      <c r="AQ16634">
        <v>3</v>
      </c>
    </row>
    <row r="16635" spans="1:43">
      <c r="A16635" t="s">
        <v>10336</v>
      </c>
      <c r="B16635" t="s">
        <v>10337</v>
      </c>
      <c r="C16635" t="s">
        <v>10328</v>
      </c>
      <c r="D16635" t="s">
        <v>10329</v>
      </c>
      <c r="E16635" t="s">
        <v>10212</v>
      </c>
      <c r="F16635" t="s">
        <v>10213</v>
      </c>
      <c r="G16635" t="s">
        <v>10214</v>
      </c>
      <c r="H16635" t="s">
        <v>10215</v>
      </c>
      <c r="I16635" s="2">
        <v>1</v>
      </c>
      <c r="J16635" s="2">
        <v>0</v>
      </c>
      <c r="K16635" s="2">
        <v>0</v>
      </c>
      <c r="L16635" t="s">
        <v>120</v>
      </c>
      <c r="M16635" t="s">
        <v>87</v>
      </c>
      <c r="N16635" t="s">
        <v>88</v>
      </c>
      <c r="O16635" t="s">
        <v>85</v>
      </c>
      <c r="P16635" t="s">
        <v>86</v>
      </c>
      <c r="Q16635">
        <v>2</v>
      </c>
      <c r="R16635">
        <v>2</v>
      </c>
      <c r="S16635">
        <v>2</v>
      </c>
      <c r="T16635">
        <v>2</v>
      </c>
      <c r="U16635">
        <v>2</v>
      </c>
      <c r="V16635">
        <v>2</v>
      </c>
      <c r="W16635">
        <v>3</v>
      </c>
      <c r="X16635">
        <v>3</v>
      </c>
      <c r="Y16635">
        <v>3</v>
      </c>
      <c r="Z16635">
        <v>3</v>
      </c>
      <c r="AA16635">
        <v>3</v>
      </c>
      <c r="AB16635">
        <v>3</v>
      </c>
      <c r="AC16635">
        <v>3</v>
      </c>
      <c r="AD16635">
        <v>3</v>
      </c>
      <c r="AE16635">
        <v>3</v>
      </c>
      <c r="AF16635">
        <v>3</v>
      </c>
      <c r="AG16635">
        <v>3</v>
      </c>
      <c r="AH16635">
        <v>3</v>
      </c>
      <c r="AI16635">
        <v>3</v>
      </c>
      <c r="AJ16635">
        <v>3</v>
      </c>
      <c r="AK16635">
        <v>3</v>
      </c>
      <c r="AL16635">
        <v>3</v>
      </c>
      <c r="AM16635">
        <v>3</v>
      </c>
      <c r="AN16635">
        <v>3</v>
      </c>
      <c r="AO16635">
        <v>3</v>
      </c>
      <c r="AP16635">
        <v>3</v>
      </c>
      <c r="AQ16635">
        <v>3</v>
      </c>
    </row>
    <row r="16636" spans="1:43">
      <c r="A16636" t="s">
        <v>10336</v>
      </c>
      <c r="B16636" t="s">
        <v>10337</v>
      </c>
      <c r="C16636" t="s">
        <v>10328</v>
      </c>
      <c r="D16636" t="s">
        <v>10329</v>
      </c>
      <c r="E16636" t="s">
        <v>10212</v>
      </c>
      <c r="F16636" t="s">
        <v>10213</v>
      </c>
      <c r="G16636" t="s">
        <v>10214</v>
      </c>
      <c r="H16636" t="s">
        <v>10215</v>
      </c>
      <c r="I16636" s="2">
        <v>1</v>
      </c>
      <c r="J16636" s="2">
        <v>0</v>
      </c>
      <c r="K16636" s="2">
        <v>0</v>
      </c>
      <c r="L16636" t="s">
        <v>120</v>
      </c>
      <c r="M16636" t="s">
        <v>89</v>
      </c>
      <c r="N16636" t="s">
        <v>90</v>
      </c>
      <c r="O16636" t="s">
        <v>85</v>
      </c>
      <c r="P16636" t="s">
        <v>86</v>
      </c>
      <c r="Q16636">
        <v>2</v>
      </c>
      <c r="R16636">
        <v>3</v>
      </c>
      <c r="S16636">
        <v>3</v>
      </c>
      <c r="T16636">
        <v>3</v>
      </c>
      <c r="U16636">
        <v>3</v>
      </c>
      <c r="V16636">
        <v>3</v>
      </c>
      <c r="W16636">
        <v>3</v>
      </c>
      <c r="X16636">
        <v>3</v>
      </c>
      <c r="Y16636">
        <v>3</v>
      </c>
      <c r="Z16636">
        <v>3</v>
      </c>
      <c r="AA16636">
        <v>3</v>
      </c>
      <c r="AB16636">
        <v>3</v>
      </c>
      <c r="AC16636">
        <v>3</v>
      </c>
      <c r="AD16636">
        <v>3</v>
      </c>
      <c r="AE16636">
        <v>3</v>
      </c>
      <c r="AF16636">
        <v>3</v>
      </c>
      <c r="AG16636">
        <v>3</v>
      </c>
      <c r="AH16636">
        <v>3</v>
      </c>
      <c r="AI16636">
        <v>3</v>
      </c>
      <c r="AJ16636">
        <v>3</v>
      </c>
      <c r="AK16636">
        <v>3</v>
      </c>
      <c r="AL16636">
        <v>3</v>
      </c>
      <c r="AM16636">
        <v>3</v>
      </c>
      <c r="AN16636">
        <v>3</v>
      </c>
      <c r="AO16636">
        <v>3</v>
      </c>
      <c r="AP16636">
        <v>3</v>
      </c>
      <c r="AQ16636">
        <v>3</v>
      </c>
    </row>
    <row r="16637" spans="1:43">
      <c r="A16637" t="s">
        <v>10336</v>
      </c>
      <c r="B16637" t="s">
        <v>10337</v>
      </c>
      <c r="C16637" t="s">
        <v>10328</v>
      </c>
      <c r="D16637" t="s">
        <v>10329</v>
      </c>
      <c r="E16637" t="s">
        <v>10212</v>
      </c>
      <c r="F16637" t="s">
        <v>10213</v>
      </c>
      <c r="G16637" t="s">
        <v>10214</v>
      </c>
      <c r="H16637" t="s">
        <v>10215</v>
      </c>
      <c r="I16637" s="2">
        <v>1</v>
      </c>
      <c r="J16637" s="2">
        <v>0</v>
      </c>
      <c r="K16637" s="2">
        <v>0</v>
      </c>
      <c r="L16637" t="s">
        <v>120</v>
      </c>
      <c r="M16637" t="s">
        <v>83</v>
      </c>
      <c r="N16637" t="s">
        <v>91</v>
      </c>
      <c r="O16637" t="s">
        <v>85</v>
      </c>
      <c r="P16637" t="s">
        <v>86</v>
      </c>
      <c r="Q16637">
        <v>2</v>
      </c>
      <c r="R16637">
        <v>2</v>
      </c>
      <c r="S16637">
        <v>3</v>
      </c>
      <c r="T16637">
        <v>3</v>
      </c>
      <c r="U16637">
        <v>3</v>
      </c>
      <c r="V16637">
        <v>3</v>
      </c>
      <c r="W16637">
        <v>3</v>
      </c>
      <c r="X16637">
        <v>3</v>
      </c>
      <c r="Y16637">
        <v>3</v>
      </c>
      <c r="Z16637">
        <v>3</v>
      </c>
      <c r="AA16637">
        <v>3</v>
      </c>
      <c r="AB16637">
        <v>3</v>
      </c>
      <c r="AC16637">
        <v>3</v>
      </c>
      <c r="AD16637">
        <v>3</v>
      </c>
      <c r="AE16637">
        <v>3</v>
      </c>
      <c r="AF16637">
        <v>3</v>
      </c>
      <c r="AG16637">
        <v>3</v>
      </c>
      <c r="AH16637">
        <v>3</v>
      </c>
      <c r="AI16637">
        <v>3</v>
      </c>
      <c r="AJ16637">
        <v>3</v>
      </c>
      <c r="AK16637">
        <v>3</v>
      </c>
      <c r="AL16637">
        <v>3</v>
      </c>
      <c r="AM16637">
        <v>3</v>
      </c>
      <c r="AN16637">
        <v>3</v>
      </c>
      <c r="AO16637">
        <v>3</v>
      </c>
      <c r="AP16637">
        <v>3</v>
      </c>
      <c r="AQ16637">
        <v>3</v>
      </c>
    </row>
    <row r="16638" spans="1:43">
      <c r="A16638" t="s">
        <v>10338</v>
      </c>
      <c r="B16638" t="s">
        <v>10339</v>
      </c>
      <c r="C16638" t="s">
        <v>10328</v>
      </c>
      <c r="D16638" t="s">
        <v>10329</v>
      </c>
      <c r="E16638" t="s">
        <v>10212</v>
      </c>
      <c r="F16638" t="s">
        <v>10213</v>
      </c>
      <c r="G16638" t="s">
        <v>10214</v>
      </c>
      <c r="H16638" t="s">
        <v>10215</v>
      </c>
      <c r="I16638" s="2">
        <v>1</v>
      </c>
      <c r="J16638" s="2">
        <v>0</v>
      </c>
      <c r="K16638" s="2">
        <v>0</v>
      </c>
      <c r="L16638" t="s">
        <v>120</v>
      </c>
      <c r="M16638" t="s">
        <v>83</v>
      </c>
      <c r="N16638" t="s">
        <v>84</v>
      </c>
      <c r="O16638" t="s">
        <v>85</v>
      </c>
      <c r="P16638" t="s">
        <v>86</v>
      </c>
      <c r="Q16638">
        <v>9</v>
      </c>
      <c r="R16638">
        <v>9</v>
      </c>
      <c r="S16638">
        <v>9</v>
      </c>
      <c r="T16638">
        <v>9</v>
      </c>
      <c r="U16638">
        <v>9</v>
      </c>
      <c r="V16638">
        <v>10</v>
      </c>
      <c r="W16638">
        <v>10</v>
      </c>
      <c r="X16638">
        <v>10</v>
      </c>
      <c r="Y16638">
        <v>10</v>
      </c>
      <c r="Z16638">
        <v>10</v>
      </c>
      <c r="AA16638">
        <v>10</v>
      </c>
      <c r="AB16638">
        <v>10</v>
      </c>
      <c r="AC16638">
        <v>10</v>
      </c>
      <c r="AD16638">
        <v>11</v>
      </c>
      <c r="AE16638">
        <v>11</v>
      </c>
      <c r="AF16638">
        <v>11</v>
      </c>
      <c r="AG16638">
        <v>11</v>
      </c>
      <c r="AH16638">
        <v>11</v>
      </c>
      <c r="AI16638">
        <v>11</v>
      </c>
      <c r="AJ16638">
        <v>11</v>
      </c>
      <c r="AK16638">
        <v>11</v>
      </c>
      <c r="AL16638">
        <v>11</v>
      </c>
      <c r="AM16638">
        <v>11</v>
      </c>
      <c r="AN16638">
        <v>11</v>
      </c>
      <c r="AO16638">
        <v>11</v>
      </c>
      <c r="AP16638">
        <v>11</v>
      </c>
      <c r="AQ16638">
        <v>11</v>
      </c>
    </row>
    <row r="16639" spans="1:43">
      <c r="A16639" t="s">
        <v>10338</v>
      </c>
      <c r="B16639" t="s">
        <v>10339</v>
      </c>
      <c r="C16639" t="s">
        <v>10328</v>
      </c>
      <c r="D16639" t="s">
        <v>10329</v>
      </c>
      <c r="E16639" t="s">
        <v>10212</v>
      </c>
      <c r="F16639" t="s">
        <v>10213</v>
      </c>
      <c r="G16639" t="s">
        <v>10214</v>
      </c>
      <c r="H16639" t="s">
        <v>10215</v>
      </c>
      <c r="I16639" s="2">
        <v>1</v>
      </c>
      <c r="J16639" s="2">
        <v>0</v>
      </c>
      <c r="K16639" s="2">
        <v>0</v>
      </c>
      <c r="L16639" t="s">
        <v>120</v>
      </c>
      <c r="M16639" t="s">
        <v>87</v>
      </c>
      <c r="N16639" t="s">
        <v>88</v>
      </c>
      <c r="O16639" t="s">
        <v>85</v>
      </c>
      <c r="P16639" t="s">
        <v>86</v>
      </c>
      <c r="Q16639">
        <v>9</v>
      </c>
      <c r="R16639">
        <v>9</v>
      </c>
      <c r="S16639">
        <v>9</v>
      </c>
      <c r="T16639">
        <v>9</v>
      </c>
      <c r="U16639">
        <v>9</v>
      </c>
      <c r="V16639">
        <v>9</v>
      </c>
      <c r="W16639">
        <v>9</v>
      </c>
      <c r="X16639">
        <v>9</v>
      </c>
      <c r="Y16639">
        <v>9</v>
      </c>
      <c r="Z16639">
        <v>9</v>
      </c>
      <c r="AA16639">
        <v>9</v>
      </c>
      <c r="AB16639">
        <v>9</v>
      </c>
      <c r="AC16639">
        <v>9</v>
      </c>
      <c r="AD16639">
        <v>9</v>
      </c>
      <c r="AE16639">
        <v>9</v>
      </c>
      <c r="AF16639">
        <v>9</v>
      </c>
      <c r="AG16639">
        <v>10</v>
      </c>
      <c r="AH16639">
        <v>10</v>
      </c>
      <c r="AI16639">
        <v>10</v>
      </c>
      <c r="AJ16639">
        <v>10</v>
      </c>
      <c r="AK16639">
        <v>10</v>
      </c>
      <c r="AL16639">
        <v>10</v>
      </c>
      <c r="AM16639">
        <v>10</v>
      </c>
      <c r="AN16639">
        <v>10</v>
      </c>
      <c r="AO16639">
        <v>10</v>
      </c>
      <c r="AP16639">
        <v>10</v>
      </c>
      <c r="AQ16639">
        <v>10</v>
      </c>
    </row>
    <row r="16640" spans="1:43">
      <c r="A16640" t="s">
        <v>10338</v>
      </c>
      <c r="B16640" t="s">
        <v>10339</v>
      </c>
      <c r="C16640" t="s">
        <v>10328</v>
      </c>
      <c r="D16640" t="s">
        <v>10329</v>
      </c>
      <c r="E16640" t="s">
        <v>10212</v>
      </c>
      <c r="F16640" t="s">
        <v>10213</v>
      </c>
      <c r="G16640" t="s">
        <v>10214</v>
      </c>
      <c r="H16640" t="s">
        <v>10215</v>
      </c>
      <c r="I16640" s="2">
        <v>1</v>
      </c>
      <c r="J16640" s="2">
        <v>0</v>
      </c>
      <c r="K16640" s="2">
        <v>0</v>
      </c>
      <c r="L16640" t="s">
        <v>120</v>
      </c>
      <c r="M16640" t="s">
        <v>89</v>
      </c>
      <c r="N16640" t="s">
        <v>90</v>
      </c>
      <c r="O16640" t="s">
        <v>85</v>
      </c>
      <c r="P16640" t="s">
        <v>86</v>
      </c>
      <c r="Q16640">
        <v>9</v>
      </c>
      <c r="R16640">
        <v>9</v>
      </c>
      <c r="S16640">
        <v>9</v>
      </c>
      <c r="T16640">
        <v>10</v>
      </c>
      <c r="U16640">
        <v>10</v>
      </c>
      <c r="V16640">
        <v>10</v>
      </c>
      <c r="W16640">
        <v>10</v>
      </c>
      <c r="X16640">
        <v>10</v>
      </c>
      <c r="Y16640">
        <v>10</v>
      </c>
      <c r="Z16640">
        <v>11</v>
      </c>
      <c r="AA16640">
        <v>11</v>
      </c>
      <c r="AB16640">
        <v>11</v>
      </c>
      <c r="AC16640">
        <v>11</v>
      </c>
      <c r="AD16640">
        <v>11</v>
      </c>
      <c r="AE16640">
        <v>11</v>
      </c>
      <c r="AF16640">
        <v>11</v>
      </c>
      <c r="AG16640">
        <v>11</v>
      </c>
      <c r="AH16640">
        <v>11</v>
      </c>
      <c r="AI16640">
        <v>11</v>
      </c>
      <c r="AJ16640">
        <v>11</v>
      </c>
      <c r="AK16640">
        <v>11</v>
      </c>
      <c r="AL16640">
        <v>11</v>
      </c>
      <c r="AM16640">
        <v>11</v>
      </c>
      <c r="AN16640">
        <v>11</v>
      </c>
      <c r="AO16640">
        <v>11</v>
      </c>
      <c r="AP16640">
        <v>11</v>
      </c>
      <c r="AQ16640">
        <v>11</v>
      </c>
    </row>
    <row r="16641" spans="1:43">
      <c r="A16641" t="s">
        <v>10338</v>
      </c>
      <c r="B16641" t="s">
        <v>10339</v>
      </c>
      <c r="C16641" t="s">
        <v>10328</v>
      </c>
      <c r="D16641" t="s">
        <v>10329</v>
      </c>
      <c r="E16641" t="s">
        <v>10212</v>
      </c>
      <c r="F16641" t="s">
        <v>10213</v>
      </c>
      <c r="G16641" t="s">
        <v>10214</v>
      </c>
      <c r="H16641" t="s">
        <v>10215</v>
      </c>
      <c r="I16641" s="2">
        <v>1</v>
      </c>
      <c r="J16641" s="2">
        <v>0</v>
      </c>
      <c r="K16641" s="2">
        <v>0</v>
      </c>
      <c r="L16641" t="s">
        <v>120</v>
      </c>
      <c r="M16641" t="s">
        <v>83</v>
      </c>
      <c r="N16641" t="s">
        <v>91</v>
      </c>
      <c r="O16641" t="s">
        <v>85</v>
      </c>
      <c r="P16641" t="s">
        <v>86</v>
      </c>
      <c r="Q16641">
        <v>9</v>
      </c>
      <c r="R16641">
        <v>9</v>
      </c>
      <c r="S16641">
        <v>9</v>
      </c>
      <c r="T16641">
        <v>9</v>
      </c>
      <c r="U16641">
        <v>9</v>
      </c>
      <c r="V16641">
        <v>10</v>
      </c>
      <c r="W16641">
        <v>10</v>
      </c>
      <c r="X16641">
        <v>10</v>
      </c>
      <c r="Y16641">
        <v>10</v>
      </c>
      <c r="Z16641">
        <v>10</v>
      </c>
      <c r="AA16641">
        <v>10</v>
      </c>
      <c r="AB16641">
        <v>10</v>
      </c>
      <c r="AC16641">
        <v>10</v>
      </c>
      <c r="AD16641">
        <v>11</v>
      </c>
      <c r="AE16641">
        <v>11</v>
      </c>
      <c r="AF16641">
        <v>11</v>
      </c>
      <c r="AG16641">
        <v>11</v>
      </c>
      <c r="AH16641">
        <v>11</v>
      </c>
      <c r="AI16641">
        <v>11</v>
      </c>
      <c r="AJ16641">
        <v>11</v>
      </c>
      <c r="AK16641">
        <v>11</v>
      </c>
      <c r="AL16641">
        <v>11</v>
      </c>
      <c r="AM16641">
        <v>11</v>
      </c>
      <c r="AN16641">
        <v>11</v>
      </c>
      <c r="AO16641">
        <v>11</v>
      </c>
      <c r="AP16641">
        <v>11</v>
      </c>
      <c r="AQ16641">
        <v>11</v>
      </c>
    </row>
    <row r="16642" spans="1:43">
      <c r="A16642" t="s">
        <v>10340</v>
      </c>
      <c r="B16642" t="s">
        <v>10341</v>
      </c>
      <c r="C16642" t="s">
        <v>10328</v>
      </c>
      <c r="D16642" t="s">
        <v>10329</v>
      </c>
      <c r="E16642" t="s">
        <v>10212</v>
      </c>
      <c r="F16642" t="s">
        <v>10213</v>
      </c>
      <c r="G16642" t="s">
        <v>10214</v>
      </c>
      <c r="H16642" t="s">
        <v>10215</v>
      </c>
      <c r="I16642" s="2">
        <v>1</v>
      </c>
      <c r="J16642" s="2">
        <v>0</v>
      </c>
      <c r="K16642" s="2">
        <v>0</v>
      </c>
      <c r="L16642" t="s">
        <v>120</v>
      </c>
      <c r="M16642" t="s">
        <v>83</v>
      </c>
      <c r="N16642" t="s">
        <v>84</v>
      </c>
      <c r="O16642" t="s">
        <v>85</v>
      </c>
      <c r="P16642" t="s">
        <v>86</v>
      </c>
      <c r="Q16642">
        <v>21</v>
      </c>
      <c r="R16642">
        <v>21</v>
      </c>
      <c r="S16642">
        <v>21</v>
      </c>
      <c r="T16642">
        <v>22</v>
      </c>
      <c r="U16642">
        <v>22</v>
      </c>
      <c r="V16642">
        <v>22</v>
      </c>
      <c r="W16642">
        <v>22</v>
      </c>
      <c r="X16642">
        <v>23</v>
      </c>
      <c r="Y16642">
        <v>23</v>
      </c>
      <c r="Z16642">
        <v>23</v>
      </c>
      <c r="AA16642">
        <v>24</v>
      </c>
      <c r="AB16642">
        <v>24</v>
      </c>
      <c r="AC16642">
        <v>24</v>
      </c>
      <c r="AD16642">
        <v>24</v>
      </c>
      <c r="AE16642">
        <v>25</v>
      </c>
      <c r="AF16642">
        <v>25</v>
      </c>
      <c r="AG16642">
        <v>25</v>
      </c>
      <c r="AH16642">
        <v>25</v>
      </c>
      <c r="AI16642">
        <v>26</v>
      </c>
      <c r="AJ16642">
        <v>26</v>
      </c>
      <c r="AK16642">
        <v>26</v>
      </c>
      <c r="AL16642">
        <v>26</v>
      </c>
      <c r="AM16642">
        <v>26</v>
      </c>
      <c r="AN16642">
        <v>26</v>
      </c>
      <c r="AO16642">
        <v>26</v>
      </c>
      <c r="AP16642">
        <v>26</v>
      </c>
      <c r="AQ16642">
        <v>26</v>
      </c>
    </row>
    <row r="16643" spans="1:43">
      <c r="A16643" t="s">
        <v>10340</v>
      </c>
      <c r="B16643" t="s">
        <v>10341</v>
      </c>
      <c r="C16643" t="s">
        <v>10328</v>
      </c>
      <c r="D16643" t="s">
        <v>10329</v>
      </c>
      <c r="E16643" t="s">
        <v>10212</v>
      </c>
      <c r="F16643" t="s">
        <v>10213</v>
      </c>
      <c r="G16643" t="s">
        <v>10214</v>
      </c>
      <c r="H16643" t="s">
        <v>10215</v>
      </c>
      <c r="I16643" s="2">
        <v>1</v>
      </c>
      <c r="J16643" s="2">
        <v>0</v>
      </c>
      <c r="K16643" s="2">
        <v>0</v>
      </c>
      <c r="L16643" t="s">
        <v>120</v>
      </c>
      <c r="M16643" t="s">
        <v>87</v>
      </c>
      <c r="N16643" t="s">
        <v>88</v>
      </c>
      <c r="O16643" t="s">
        <v>85</v>
      </c>
      <c r="P16643" t="s">
        <v>86</v>
      </c>
      <c r="Q16643">
        <v>21</v>
      </c>
      <c r="R16643">
        <v>22</v>
      </c>
      <c r="S16643">
        <v>22</v>
      </c>
      <c r="T16643">
        <v>22</v>
      </c>
      <c r="U16643">
        <v>22</v>
      </c>
      <c r="V16643">
        <v>22</v>
      </c>
      <c r="W16643">
        <v>22</v>
      </c>
      <c r="X16643">
        <v>22</v>
      </c>
      <c r="Y16643">
        <v>22</v>
      </c>
      <c r="Z16643">
        <v>22</v>
      </c>
      <c r="AA16643">
        <v>22</v>
      </c>
      <c r="AB16643">
        <v>23</v>
      </c>
      <c r="AC16643">
        <v>23</v>
      </c>
      <c r="AD16643">
        <v>23</v>
      </c>
      <c r="AE16643">
        <v>23</v>
      </c>
      <c r="AF16643">
        <v>23</v>
      </c>
      <c r="AG16643">
        <v>23</v>
      </c>
      <c r="AH16643">
        <v>23</v>
      </c>
      <c r="AI16643">
        <v>23</v>
      </c>
      <c r="AJ16643">
        <v>23</v>
      </c>
      <c r="AK16643">
        <v>23</v>
      </c>
      <c r="AL16643">
        <v>24</v>
      </c>
      <c r="AM16643">
        <v>24</v>
      </c>
      <c r="AN16643">
        <v>24</v>
      </c>
      <c r="AO16643">
        <v>24</v>
      </c>
      <c r="AP16643">
        <v>24</v>
      </c>
      <c r="AQ16643">
        <v>24</v>
      </c>
    </row>
    <row r="16644" spans="1:43">
      <c r="A16644" t="s">
        <v>10340</v>
      </c>
      <c r="B16644" t="s">
        <v>10341</v>
      </c>
      <c r="C16644" t="s">
        <v>10328</v>
      </c>
      <c r="D16644" t="s">
        <v>10329</v>
      </c>
      <c r="E16644" t="s">
        <v>10212</v>
      </c>
      <c r="F16644" t="s">
        <v>10213</v>
      </c>
      <c r="G16644" t="s">
        <v>10214</v>
      </c>
      <c r="H16644" t="s">
        <v>10215</v>
      </c>
      <c r="I16644" s="2">
        <v>1</v>
      </c>
      <c r="J16644" s="2">
        <v>0</v>
      </c>
      <c r="K16644" s="2">
        <v>0</v>
      </c>
      <c r="L16644" t="s">
        <v>120</v>
      </c>
      <c r="M16644" t="s">
        <v>89</v>
      </c>
      <c r="N16644" t="s">
        <v>90</v>
      </c>
      <c r="O16644" t="s">
        <v>85</v>
      </c>
      <c r="P16644" t="s">
        <v>86</v>
      </c>
      <c r="Q16644">
        <v>21</v>
      </c>
      <c r="R16644">
        <v>21</v>
      </c>
      <c r="S16644">
        <v>22</v>
      </c>
      <c r="T16644">
        <v>22</v>
      </c>
      <c r="U16644">
        <v>23</v>
      </c>
      <c r="V16644">
        <v>23</v>
      </c>
      <c r="W16644">
        <v>24</v>
      </c>
      <c r="X16644">
        <v>24</v>
      </c>
      <c r="Y16644">
        <v>24</v>
      </c>
      <c r="Z16644">
        <v>25</v>
      </c>
      <c r="AA16644">
        <v>25</v>
      </c>
      <c r="AB16644">
        <v>25</v>
      </c>
      <c r="AC16644">
        <v>26</v>
      </c>
      <c r="AD16644">
        <v>26</v>
      </c>
      <c r="AE16644">
        <v>26</v>
      </c>
      <c r="AF16644">
        <v>26</v>
      </c>
      <c r="AG16644">
        <v>26</v>
      </c>
      <c r="AH16644">
        <v>26</v>
      </c>
      <c r="AI16644">
        <v>26</v>
      </c>
      <c r="AJ16644">
        <v>26</v>
      </c>
      <c r="AK16644">
        <v>26</v>
      </c>
      <c r="AL16644">
        <v>26</v>
      </c>
      <c r="AM16644">
        <v>26</v>
      </c>
      <c r="AN16644">
        <v>26</v>
      </c>
      <c r="AO16644">
        <v>26</v>
      </c>
      <c r="AP16644">
        <v>26</v>
      </c>
      <c r="AQ16644">
        <v>26</v>
      </c>
    </row>
    <row r="16645" spans="1:43">
      <c r="A16645" t="s">
        <v>10340</v>
      </c>
      <c r="B16645" t="s">
        <v>10341</v>
      </c>
      <c r="C16645" t="s">
        <v>10328</v>
      </c>
      <c r="D16645" t="s">
        <v>10329</v>
      </c>
      <c r="E16645" t="s">
        <v>10212</v>
      </c>
      <c r="F16645" t="s">
        <v>10213</v>
      </c>
      <c r="G16645" t="s">
        <v>10214</v>
      </c>
      <c r="H16645" t="s">
        <v>10215</v>
      </c>
      <c r="I16645" s="2">
        <v>1</v>
      </c>
      <c r="J16645" s="2">
        <v>0</v>
      </c>
      <c r="K16645" s="2">
        <v>0</v>
      </c>
      <c r="L16645" t="s">
        <v>120</v>
      </c>
      <c r="M16645" t="s">
        <v>83</v>
      </c>
      <c r="N16645" t="s">
        <v>91</v>
      </c>
      <c r="O16645" t="s">
        <v>85</v>
      </c>
      <c r="P16645" t="s">
        <v>86</v>
      </c>
      <c r="Q16645">
        <v>21</v>
      </c>
      <c r="R16645">
        <v>21</v>
      </c>
      <c r="S16645">
        <v>21</v>
      </c>
      <c r="T16645">
        <v>22</v>
      </c>
      <c r="U16645">
        <v>22</v>
      </c>
      <c r="V16645">
        <v>22</v>
      </c>
      <c r="W16645">
        <v>22</v>
      </c>
      <c r="X16645">
        <v>23</v>
      </c>
      <c r="Y16645">
        <v>23</v>
      </c>
      <c r="Z16645">
        <v>23</v>
      </c>
      <c r="AA16645">
        <v>24</v>
      </c>
      <c r="AB16645">
        <v>24</v>
      </c>
      <c r="AC16645">
        <v>24</v>
      </c>
      <c r="AD16645">
        <v>24</v>
      </c>
      <c r="AE16645">
        <v>25</v>
      </c>
      <c r="AF16645">
        <v>25</v>
      </c>
      <c r="AG16645">
        <v>25</v>
      </c>
      <c r="AH16645">
        <v>25</v>
      </c>
      <c r="AI16645">
        <v>26</v>
      </c>
      <c r="AJ16645">
        <v>26</v>
      </c>
      <c r="AK16645">
        <v>26</v>
      </c>
      <c r="AL16645">
        <v>26</v>
      </c>
      <c r="AM16645">
        <v>26</v>
      </c>
      <c r="AN16645">
        <v>26</v>
      </c>
      <c r="AO16645">
        <v>26</v>
      </c>
      <c r="AP16645">
        <v>26</v>
      </c>
      <c r="AQ16645">
        <v>26</v>
      </c>
    </row>
    <row r="16646" spans="1:43">
      <c r="A16646" t="s">
        <v>10342</v>
      </c>
      <c r="B16646" t="s">
        <v>10343</v>
      </c>
      <c r="C16646" t="s">
        <v>10344</v>
      </c>
      <c r="D16646" t="s">
        <v>10345</v>
      </c>
      <c r="E16646" t="s">
        <v>10212</v>
      </c>
      <c r="F16646" t="s">
        <v>10213</v>
      </c>
      <c r="G16646" t="s">
        <v>10214</v>
      </c>
      <c r="H16646" t="s">
        <v>10215</v>
      </c>
      <c r="I16646" s="2">
        <v>1</v>
      </c>
      <c r="J16646" s="2">
        <v>0</v>
      </c>
      <c r="K16646" s="2">
        <v>0</v>
      </c>
      <c r="L16646" t="s">
        <v>120</v>
      </c>
      <c r="M16646" t="s">
        <v>83</v>
      </c>
      <c r="N16646" t="s">
        <v>84</v>
      </c>
      <c r="O16646" t="s">
        <v>85</v>
      </c>
      <c r="P16646" t="s">
        <v>86</v>
      </c>
      <c r="Q16646">
        <v>8</v>
      </c>
      <c r="R16646">
        <v>8</v>
      </c>
      <c r="S16646">
        <v>8</v>
      </c>
      <c r="T16646">
        <v>8</v>
      </c>
      <c r="U16646">
        <v>8</v>
      </c>
      <c r="V16646">
        <v>9</v>
      </c>
      <c r="W16646">
        <v>9</v>
      </c>
      <c r="X16646">
        <v>9</v>
      </c>
      <c r="Y16646">
        <v>9</v>
      </c>
      <c r="Z16646">
        <v>9</v>
      </c>
      <c r="AA16646">
        <v>9</v>
      </c>
      <c r="AB16646">
        <v>9</v>
      </c>
      <c r="AC16646">
        <v>9</v>
      </c>
      <c r="AD16646">
        <v>9</v>
      </c>
      <c r="AE16646">
        <v>9</v>
      </c>
      <c r="AF16646">
        <v>10</v>
      </c>
      <c r="AG16646">
        <v>10</v>
      </c>
      <c r="AH16646">
        <v>10</v>
      </c>
      <c r="AI16646">
        <v>10</v>
      </c>
      <c r="AJ16646">
        <v>10</v>
      </c>
      <c r="AK16646">
        <v>10</v>
      </c>
      <c r="AL16646">
        <v>10</v>
      </c>
      <c r="AM16646">
        <v>10</v>
      </c>
      <c r="AN16646">
        <v>10</v>
      </c>
      <c r="AO16646">
        <v>10</v>
      </c>
      <c r="AP16646">
        <v>10</v>
      </c>
      <c r="AQ16646">
        <v>10</v>
      </c>
    </row>
    <row r="16647" spans="1:43">
      <c r="A16647" t="s">
        <v>10342</v>
      </c>
      <c r="B16647" t="s">
        <v>10343</v>
      </c>
      <c r="C16647" t="s">
        <v>10344</v>
      </c>
      <c r="D16647" t="s">
        <v>10345</v>
      </c>
      <c r="E16647" t="s">
        <v>10212</v>
      </c>
      <c r="F16647" t="s">
        <v>10213</v>
      </c>
      <c r="G16647" t="s">
        <v>10214</v>
      </c>
      <c r="H16647" t="s">
        <v>10215</v>
      </c>
      <c r="I16647" s="2">
        <v>1</v>
      </c>
      <c r="J16647" s="2">
        <v>0</v>
      </c>
      <c r="K16647" s="2">
        <v>0</v>
      </c>
      <c r="L16647" t="s">
        <v>120</v>
      </c>
      <c r="M16647" t="s">
        <v>87</v>
      </c>
      <c r="N16647" t="s">
        <v>88</v>
      </c>
      <c r="O16647" t="s">
        <v>85</v>
      </c>
      <c r="P16647" t="s">
        <v>86</v>
      </c>
      <c r="Q16647">
        <v>8</v>
      </c>
      <c r="R16647">
        <v>8</v>
      </c>
      <c r="S16647">
        <v>8</v>
      </c>
      <c r="T16647">
        <v>8</v>
      </c>
      <c r="U16647">
        <v>8</v>
      </c>
      <c r="V16647">
        <v>8</v>
      </c>
      <c r="W16647">
        <v>8</v>
      </c>
      <c r="X16647">
        <v>8</v>
      </c>
      <c r="Y16647">
        <v>8</v>
      </c>
      <c r="Z16647">
        <v>8</v>
      </c>
      <c r="AA16647">
        <v>8</v>
      </c>
      <c r="AB16647">
        <v>8</v>
      </c>
      <c r="AC16647">
        <v>8</v>
      </c>
      <c r="AD16647">
        <v>8</v>
      </c>
      <c r="AE16647">
        <v>8</v>
      </c>
      <c r="AF16647">
        <v>8</v>
      </c>
      <c r="AG16647">
        <v>8</v>
      </c>
      <c r="AH16647">
        <v>9</v>
      </c>
      <c r="AI16647">
        <v>9</v>
      </c>
      <c r="AJ16647">
        <v>9</v>
      </c>
      <c r="AK16647">
        <v>9</v>
      </c>
      <c r="AL16647">
        <v>9</v>
      </c>
      <c r="AM16647">
        <v>9</v>
      </c>
      <c r="AN16647">
        <v>9</v>
      </c>
      <c r="AO16647">
        <v>9</v>
      </c>
      <c r="AP16647">
        <v>9</v>
      </c>
      <c r="AQ16647">
        <v>9</v>
      </c>
    </row>
    <row r="16648" spans="1:43">
      <c r="A16648" t="s">
        <v>10342</v>
      </c>
      <c r="B16648" t="s">
        <v>10343</v>
      </c>
      <c r="C16648" t="s">
        <v>10344</v>
      </c>
      <c r="D16648" t="s">
        <v>10345</v>
      </c>
      <c r="E16648" t="s">
        <v>10212</v>
      </c>
      <c r="F16648" t="s">
        <v>10213</v>
      </c>
      <c r="G16648" t="s">
        <v>10214</v>
      </c>
      <c r="H16648" t="s">
        <v>10215</v>
      </c>
      <c r="I16648" s="2">
        <v>1</v>
      </c>
      <c r="J16648" s="2">
        <v>0</v>
      </c>
      <c r="K16648" s="2">
        <v>0</v>
      </c>
      <c r="L16648" t="s">
        <v>120</v>
      </c>
      <c r="M16648" t="s">
        <v>89</v>
      </c>
      <c r="N16648" t="s">
        <v>90</v>
      </c>
      <c r="O16648" t="s">
        <v>85</v>
      </c>
      <c r="P16648" t="s">
        <v>86</v>
      </c>
      <c r="Q16648">
        <v>8</v>
      </c>
      <c r="R16648">
        <v>8</v>
      </c>
      <c r="S16648">
        <v>8</v>
      </c>
      <c r="T16648">
        <v>9</v>
      </c>
      <c r="U16648">
        <v>9</v>
      </c>
      <c r="V16648">
        <v>9</v>
      </c>
      <c r="W16648">
        <v>9</v>
      </c>
      <c r="X16648">
        <v>9</v>
      </c>
      <c r="Y16648">
        <v>9</v>
      </c>
      <c r="Z16648">
        <v>9</v>
      </c>
      <c r="AA16648">
        <v>10</v>
      </c>
      <c r="AB16648">
        <v>10</v>
      </c>
      <c r="AC16648">
        <v>10</v>
      </c>
      <c r="AD16648">
        <v>10</v>
      </c>
      <c r="AE16648">
        <v>10</v>
      </c>
      <c r="AF16648">
        <v>10</v>
      </c>
      <c r="AG16648">
        <v>10</v>
      </c>
      <c r="AH16648">
        <v>10</v>
      </c>
      <c r="AI16648">
        <v>10</v>
      </c>
      <c r="AJ16648">
        <v>10</v>
      </c>
      <c r="AK16648">
        <v>10</v>
      </c>
      <c r="AL16648">
        <v>10</v>
      </c>
      <c r="AM16648">
        <v>10</v>
      </c>
      <c r="AN16648">
        <v>10</v>
      </c>
      <c r="AO16648">
        <v>10</v>
      </c>
      <c r="AP16648">
        <v>10</v>
      </c>
      <c r="AQ16648">
        <v>10</v>
      </c>
    </row>
    <row r="16649" spans="1:43">
      <c r="A16649" t="s">
        <v>10342</v>
      </c>
      <c r="B16649" t="s">
        <v>10343</v>
      </c>
      <c r="C16649" t="s">
        <v>10344</v>
      </c>
      <c r="D16649" t="s">
        <v>10345</v>
      </c>
      <c r="E16649" t="s">
        <v>10212</v>
      </c>
      <c r="F16649" t="s">
        <v>10213</v>
      </c>
      <c r="G16649" t="s">
        <v>10214</v>
      </c>
      <c r="H16649" t="s">
        <v>10215</v>
      </c>
      <c r="I16649" s="2">
        <v>1</v>
      </c>
      <c r="J16649" s="2">
        <v>0</v>
      </c>
      <c r="K16649" s="2">
        <v>0</v>
      </c>
      <c r="L16649" t="s">
        <v>120</v>
      </c>
      <c r="M16649" t="s">
        <v>83</v>
      </c>
      <c r="N16649" t="s">
        <v>91</v>
      </c>
      <c r="O16649" t="s">
        <v>85</v>
      </c>
      <c r="P16649" t="s">
        <v>86</v>
      </c>
      <c r="Q16649">
        <v>8</v>
      </c>
      <c r="R16649">
        <v>8</v>
      </c>
      <c r="S16649">
        <v>8</v>
      </c>
      <c r="T16649">
        <v>8</v>
      </c>
      <c r="U16649">
        <v>8</v>
      </c>
      <c r="V16649">
        <v>9</v>
      </c>
      <c r="W16649">
        <v>9</v>
      </c>
      <c r="X16649">
        <v>9</v>
      </c>
      <c r="Y16649">
        <v>9</v>
      </c>
      <c r="Z16649">
        <v>9</v>
      </c>
      <c r="AA16649">
        <v>9</v>
      </c>
      <c r="AB16649">
        <v>9</v>
      </c>
      <c r="AC16649">
        <v>9</v>
      </c>
      <c r="AD16649">
        <v>9</v>
      </c>
      <c r="AE16649">
        <v>9</v>
      </c>
      <c r="AF16649">
        <v>10</v>
      </c>
      <c r="AG16649">
        <v>10</v>
      </c>
      <c r="AH16649">
        <v>10</v>
      </c>
      <c r="AI16649">
        <v>10</v>
      </c>
      <c r="AJ16649">
        <v>10</v>
      </c>
      <c r="AK16649">
        <v>10</v>
      </c>
      <c r="AL16649">
        <v>10</v>
      </c>
      <c r="AM16649">
        <v>10</v>
      </c>
      <c r="AN16649">
        <v>10</v>
      </c>
      <c r="AO16649">
        <v>10</v>
      </c>
      <c r="AP16649">
        <v>10</v>
      </c>
      <c r="AQ16649">
        <v>10</v>
      </c>
    </row>
    <row r="16650" spans="1:43">
      <c r="A16650" t="s">
        <v>10346</v>
      </c>
      <c r="B16650" t="s">
        <v>10347</v>
      </c>
      <c r="C16650" t="s">
        <v>10304</v>
      </c>
      <c r="D16650" t="s">
        <v>10305</v>
      </c>
      <c r="E16650" t="s">
        <v>10212</v>
      </c>
      <c r="F16650" t="s">
        <v>10213</v>
      </c>
      <c r="G16650" t="s">
        <v>10214</v>
      </c>
      <c r="H16650" t="s">
        <v>10215</v>
      </c>
      <c r="I16650" s="2">
        <v>1</v>
      </c>
      <c r="J16650" s="2">
        <v>0</v>
      </c>
      <c r="K16650" s="2">
        <v>0</v>
      </c>
      <c r="L16650" t="s">
        <v>120</v>
      </c>
      <c r="M16650" t="s">
        <v>83</v>
      </c>
      <c r="N16650" t="s">
        <v>84</v>
      </c>
      <c r="O16650" t="s">
        <v>85</v>
      </c>
      <c r="P16650" t="s">
        <v>86</v>
      </c>
      <c r="Q16650">
        <v>113</v>
      </c>
      <c r="R16650">
        <v>115</v>
      </c>
      <c r="S16650">
        <v>116</v>
      </c>
      <c r="T16650">
        <v>118</v>
      </c>
      <c r="U16650">
        <v>120</v>
      </c>
      <c r="V16650">
        <v>121</v>
      </c>
      <c r="W16650">
        <v>123</v>
      </c>
      <c r="X16650">
        <v>124</v>
      </c>
      <c r="Y16650">
        <v>126</v>
      </c>
      <c r="Z16650">
        <v>127</v>
      </c>
      <c r="AA16650">
        <v>129</v>
      </c>
      <c r="AB16650">
        <v>131</v>
      </c>
      <c r="AC16650">
        <v>132</v>
      </c>
      <c r="AD16650">
        <v>134</v>
      </c>
      <c r="AE16650">
        <v>135</v>
      </c>
      <c r="AF16650">
        <v>137</v>
      </c>
      <c r="AG16650">
        <v>138</v>
      </c>
      <c r="AH16650">
        <v>140</v>
      </c>
      <c r="AI16650">
        <v>141</v>
      </c>
      <c r="AJ16650">
        <v>143</v>
      </c>
      <c r="AK16650">
        <v>144</v>
      </c>
      <c r="AL16650">
        <v>144</v>
      </c>
      <c r="AM16650">
        <v>144</v>
      </c>
      <c r="AN16650">
        <v>144</v>
      </c>
      <c r="AO16650">
        <v>144</v>
      </c>
      <c r="AP16650">
        <v>144</v>
      </c>
      <c r="AQ16650">
        <v>144</v>
      </c>
    </row>
    <row r="16651" spans="1:43">
      <c r="A16651" t="s">
        <v>10346</v>
      </c>
      <c r="B16651" t="s">
        <v>10347</v>
      </c>
      <c r="C16651" t="s">
        <v>10304</v>
      </c>
      <c r="D16651" t="s">
        <v>10305</v>
      </c>
      <c r="E16651" t="s">
        <v>10212</v>
      </c>
      <c r="F16651" t="s">
        <v>10213</v>
      </c>
      <c r="G16651" t="s">
        <v>10214</v>
      </c>
      <c r="H16651" t="s">
        <v>10215</v>
      </c>
      <c r="I16651" s="2">
        <v>1</v>
      </c>
      <c r="J16651" s="2">
        <v>0</v>
      </c>
      <c r="K16651" s="2">
        <v>0</v>
      </c>
      <c r="L16651" t="s">
        <v>120</v>
      </c>
      <c r="M16651" t="s">
        <v>87</v>
      </c>
      <c r="N16651" t="s">
        <v>88</v>
      </c>
      <c r="O16651" t="s">
        <v>85</v>
      </c>
      <c r="P16651" t="s">
        <v>86</v>
      </c>
      <c r="Q16651">
        <v>113</v>
      </c>
      <c r="R16651">
        <v>114</v>
      </c>
      <c r="S16651">
        <v>114</v>
      </c>
      <c r="T16651">
        <v>115</v>
      </c>
      <c r="U16651">
        <v>115</v>
      </c>
      <c r="V16651">
        <v>116</v>
      </c>
      <c r="W16651">
        <v>116</v>
      </c>
      <c r="X16651">
        <v>117</v>
      </c>
      <c r="Y16651">
        <v>117</v>
      </c>
      <c r="Z16651">
        <v>118</v>
      </c>
      <c r="AA16651">
        <v>118</v>
      </c>
      <c r="AB16651">
        <v>119</v>
      </c>
      <c r="AC16651">
        <v>119</v>
      </c>
      <c r="AD16651">
        <v>120</v>
      </c>
      <c r="AE16651">
        <v>120</v>
      </c>
      <c r="AF16651">
        <v>121</v>
      </c>
      <c r="AG16651">
        <v>121</v>
      </c>
      <c r="AH16651">
        <v>122</v>
      </c>
      <c r="AI16651">
        <v>122</v>
      </c>
      <c r="AJ16651">
        <v>123</v>
      </c>
      <c r="AK16651">
        <v>123</v>
      </c>
      <c r="AL16651">
        <v>124</v>
      </c>
      <c r="AM16651">
        <v>124</v>
      </c>
      <c r="AN16651">
        <v>125</v>
      </c>
      <c r="AO16651">
        <v>125</v>
      </c>
      <c r="AP16651">
        <v>126</v>
      </c>
      <c r="AQ16651">
        <v>126</v>
      </c>
    </row>
    <row r="16652" spans="1:43">
      <c r="A16652" t="s">
        <v>10346</v>
      </c>
      <c r="B16652" t="s">
        <v>10347</v>
      </c>
      <c r="C16652" t="s">
        <v>10304</v>
      </c>
      <c r="D16652" t="s">
        <v>10305</v>
      </c>
      <c r="E16652" t="s">
        <v>10212</v>
      </c>
      <c r="F16652" t="s">
        <v>10213</v>
      </c>
      <c r="G16652" t="s">
        <v>10214</v>
      </c>
      <c r="H16652" t="s">
        <v>10215</v>
      </c>
      <c r="I16652" s="2">
        <v>1</v>
      </c>
      <c r="J16652" s="2">
        <v>0</v>
      </c>
      <c r="K16652" s="2">
        <v>0</v>
      </c>
      <c r="L16652" t="s">
        <v>120</v>
      </c>
      <c r="M16652" t="s">
        <v>89</v>
      </c>
      <c r="N16652" t="s">
        <v>90</v>
      </c>
      <c r="O16652" t="s">
        <v>85</v>
      </c>
      <c r="P16652" t="s">
        <v>86</v>
      </c>
      <c r="Q16652">
        <v>113</v>
      </c>
      <c r="R16652">
        <v>116</v>
      </c>
      <c r="S16652">
        <v>118</v>
      </c>
      <c r="T16652">
        <v>121</v>
      </c>
      <c r="U16652">
        <v>123</v>
      </c>
      <c r="V16652">
        <v>126</v>
      </c>
      <c r="W16652">
        <v>128</v>
      </c>
      <c r="X16652">
        <v>130</v>
      </c>
      <c r="Y16652">
        <v>132</v>
      </c>
      <c r="Z16652">
        <v>135</v>
      </c>
      <c r="AA16652">
        <v>137</v>
      </c>
      <c r="AB16652">
        <v>139</v>
      </c>
      <c r="AC16652">
        <v>141</v>
      </c>
      <c r="AD16652">
        <v>143</v>
      </c>
      <c r="AE16652">
        <v>144</v>
      </c>
      <c r="AF16652">
        <v>144</v>
      </c>
      <c r="AG16652">
        <v>144</v>
      </c>
      <c r="AH16652">
        <v>144</v>
      </c>
      <c r="AI16652">
        <v>144</v>
      </c>
      <c r="AJ16652">
        <v>144</v>
      </c>
      <c r="AK16652">
        <v>144</v>
      </c>
      <c r="AL16652">
        <v>144</v>
      </c>
      <c r="AM16652">
        <v>144</v>
      </c>
      <c r="AN16652">
        <v>144</v>
      </c>
      <c r="AO16652">
        <v>144</v>
      </c>
      <c r="AP16652">
        <v>144</v>
      </c>
      <c r="AQ16652">
        <v>144</v>
      </c>
    </row>
    <row r="16653" spans="1:43">
      <c r="A16653" t="s">
        <v>10346</v>
      </c>
      <c r="B16653" t="s">
        <v>10347</v>
      </c>
      <c r="C16653" t="s">
        <v>10304</v>
      </c>
      <c r="D16653" t="s">
        <v>10305</v>
      </c>
      <c r="E16653" t="s">
        <v>10212</v>
      </c>
      <c r="F16653" t="s">
        <v>10213</v>
      </c>
      <c r="G16653" t="s">
        <v>10214</v>
      </c>
      <c r="H16653" t="s">
        <v>10215</v>
      </c>
      <c r="I16653" s="2">
        <v>1</v>
      </c>
      <c r="J16653" s="2">
        <v>0</v>
      </c>
      <c r="K16653" s="2">
        <v>0</v>
      </c>
      <c r="L16653" t="s">
        <v>120</v>
      </c>
      <c r="M16653" t="s">
        <v>83</v>
      </c>
      <c r="N16653" t="s">
        <v>91</v>
      </c>
      <c r="O16653" t="s">
        <v>85</v>
      </c>
      <c r="P16653" t="s">
        <v>86</v>
      </c>
      <c r="Q16653">
        <v>113</v>
      </c>
      <c r="R16653">
        <v>115</v>
      </c>
      <c r="S16653">
        <v>116</v>
      </c>
      <c r="T16653">
        <v>118</v>
      </c>
      <c r="U16653">
        <v>120</v>
      </c>
      <c r="V16653">
        <v>121</v>
      </c>
      <c r="W16653">
        <v>123</v>
      </c>
      <c r="X16653">
        <v>124</v>
      </c>
      <c r="Y16653">
        <v>126</v>
      </c>
      <c r="Z16653">
        <v>127</v>
      </c>
      <c r="AA16653">
        <v>129</v>
      </c>
      <c r="AB16653">
        <v>131</v>
      </c>
      <c r="AC16653">
        <v>132</v>
      </c>
      <c r="AD16653">
        <v>134</v>
      </c>
      <c r="AE16653">
        <v>135</v>
      </c>
      <c r="AF16653">
        <v>137</v>
      </c>
      <c r="AG16653">
        <v>138</v>
      </c>
      <c r="AH16653">
        <v>140</v>
      </c>
      <c r="AI16653">
        <v>141</v>
      </c>
      <c r="AJ16653">
        <v>143</v>
      </c>
      <c r="AK16653">
        <v>144</v>
      </c>
      <c r="AL16653">
        <v>144</v>
      </c>
      <c r="AM16653">
        <v>144</v>
      </c>
      <c r="AN16653">
        <v>144</v>
      </c>
      <c r="AO16653">
        <v>144</v>
      </c>
      <c r="AP16653">
        <v>144</v>
      </c>
      <c r="AQ16653">
        <v>144</v>
      </c>
    </row>
    <row r="16654" spans="1:43">
      <c r="A16654" t="s">
        <v>10348</v>
      </c>
      <c r="B16654" t="s">
        <v>10349</v>
      </c>
      <c r="C16654" t="s">
        <v>10304</v>
      </c>
      <c r="D16654" t="s">
        <v>10305</v>
      </c>
      <c r="E16654" t="s">
        <v>10212</v>
      </c>
      <c r="F16654" t="s">
        <v>10213</v>
      </c>
      <c r="G16654" t="s">
        <v>10214</v>
      </c>
      <c r="H16654" t="s">
        <v>10215</v>
      </c>
      <c r="I16654" s="2">
        <v>1</v>
      </c>
      <c r="J16654" s="2">
        <v>0</v>
      </c>
      <c r="K16654" s="2">
        <v>0</v>
      </c>
      <c r="L16654" t="s">
        <v>120</v>
      </c>
      <c r="M16654" t="s">
        <v>83</v>
      </c>
      <c r="N16654" t="s">
        <v>84</v>
      </c>
      <c r="O16654" t="s">
        <v>85</v>
      </c>
      <c r="P16654" t="s">
        <v>86</v>
      </c>
      <c r="Q16654">
        <v>11</v>
      </c>
      <c r="R16654">
        <v>11</v>
      </c>
      <c r="S16654">
        <v>11</v>
      </c>
      <c r="T16654">
        <v>11</v>
      </c>
      <c r="U16654">
        <v>12</v>
      </c>
      <c r="V16654">
        <v>12</v>
      </c>
      <c r="W16654">
        <v>12</v>
      </c>
      <c r="X16654">
        <v>12</v>
      </c>
      <c r="Y16654">
        <v>12</v>
      </c>
      <c r="Z16654">
        <v>12</v>
      </c>
      <c r="AA16654">
        <v>12</v>
      </c>
      <c r="AB16654">
        <v>13</v>
      </c>
      <c r="AC16654">
        <v>13</v>
      </c>
      <c r="AD16654">
        <v>13</v>
      </c>
      <c r="AE16654">
        <v>13</v>
      </c>
      <c r="AF16654">
        <v>13</v>
      </c>
      <c r="AG16654">
        <v>13</v>
      </c>
      <c r="AH16654">
        <v>13</v>
      </c>
      <c r="AI16654">
        <v>14</v>
      </c>
      <c r="AJ16654">
        <v>14</v>
      </c>
      <c r="AK16654">
        <v>14</v>
      </c>
      <c r="AL16654">
        <v>14</v>
      </c>
      <c r="AM16654">
        <v>14</v>
      </c>
      <c r="AN16654">
        <v>14</v>
      </c>
      <c r="AO16654">
        <v>14</v>
      </c>
      <c r="AP16654">
        <v>14</v>
      </c>
      <c r="AQ16654">
        <v>14</v>
      </c>
    </row>
    <row r="16655" spans="1:43">
      <c r="A16655" t="s">
        <v>10348</v>
      </c>
      <c r="B16655" t="s">
        <v>10349</v>
      </c>
      <c r="C16655" t="s">
        <v>10304</v>
      </c>
      <c r="D16655" t="s">
        <v>10305</v>
      </c>
      <c r="E16655" t="s">
        <v>10212</v>
      </c>
      <c r="F16655" t="s">
        <v>10213</v>
      </c>
      <c r="G16655" t="s">
        <v>10214</v>
      </c>
      <c r="H16655" t="s">
        <v>10215</v>
      </c>
      <c r="I16655" s="2">
        <v>1</v>
      </c>
      <c r="J16655" s="2">
        <v>0</v>
      </c>
      <c r="K16655" s="2">
        <v>0</v>
      </c>
      <c r="L16655" t="s">
        <v>120</v>
      </c>
      <c r="M16655" t="s">
        <v>87</v>
      </c>
      <c r="N16655" t="s">
        <v>88</v>
      </c>
      <c r="O16655" t="s">
        <v>85</v>
      </c>
      <c r="P16655" t="s">
        <v>86</v>
      </c>
      <c r="Q16655">
        <v>11</v>
      </c>
      <c r="R16655">
        <v>11</v>
      </c>
      <c r="S16655">
        <v>11</v>
      </c>
      <c r="T16655">
        <v>11</v>
      </c>
      <c r="U16655">
        <v>11</v>
      </c>
      <c r="V16655">
        <v>11</v>
      </c>
      <c r="W16655">
        <v>11</v>
      </c>
      <c r="X16655">
        <v>11</v>
      </c>
      <c r="Y16655">
        <v>11</v>
      </c>
      <c r="Z16655">
        <v>11</v>
      </c>
      <c r="AA16655">
        <v>11</v>
      </c>
      <c r="AB16655">
        <v>11</v>
      </c>
      <c r="AC16655">
        <v>11</v>
      </c>
      <c r="AD16655">
        <v>11</v>
      </c>
      <c r="AE16655">
        <v>12</v>
      </c>
      <c r="AF16655">
        <v>12</v>
      </c>
      <c r="AG16655">
        <v>12</v>
      </c>
      <c r="AH16655">
        <v>12</v>
      </c>
      <c r="AI16655">
        <v>12</v>
      </c>
      <c r="AJ16655">
        <v>12</v>
      </c>
      <c r="AK16655">
        <v>12</v>
      </c>
      <c r="AL16655">
        <v>12</v>
      </c>
      <c r="AM16655">
        <v>12</v>
      </c>
      <c r="AN16655">
        <v>12</v>
      </c>
      <c r="AO16655">
        <v>12</v>
      </c>
      <c r="AP16655">
        <v>12</v>
      </c>
      <c r="AQ16655">
        <v>12</v>
      </c>
    </row>
    <row r="16656" spans="1:43">
      <c r="A16656" t="s">
        <v>10348</v>
      </c>
      <c r="B16656" t="s">
        <v>10349</v>
      </c>
      <c r="C16656" t="s">
        <v>10304</v>
      </c>
      <c r="D16656" t="s">
        <v>10305</v>
      </c>
      <c r="E16656" t="s">
        <v>10212</v>
      </c>
      <c r="F16656" t="s">
        <v>10213</v>
      </c>
      <c r="G16656" t="s">
        <v>10214</v>
      </c>
      <c r="H16656" t="s">
        <v>10215</v>
      </c>
      <c r="I16656" s="2">
        <v>1</v>
      </c>
      <c r="J16656" s="2">
        <v>0</v>
      </c>
      <c r="K16656" s="2">
        <v>0</v>
      </c>
      <c r="L16656" t="s">
        <v>120</v>
      </c>
      <c r="M16656" t="s">
        <v>89</v>
      </c>
      <c r="N16656" t="s">
        <v>90</v>
      </c>
      <c r="O16656" t="s">
        <v>85</v>
      </c>
      <c r="P16656" t="s">
        <v>86</v>
      </c>
      <c r="Q16656">
        <v>11</v>
      </c>
      <c r="R16656">
        <v>11</v>
      </c>
      <c r="S16656">
        <v>11</v>
      </c>
      <c r="T16656">
        <v>12</v>
      </c>
      <c r="U16656">
        <v>12</v>
      </c>
      <c r="V16656">
        <v>12</v>
      </c>
      <c r="W16656">
        <v>12</v>
      </c>
      <c r="X16656">
        <v>13</v>
      </c>
      <c r="Y16656">
        <v>13</v>
      </c>
      <c r="Z16656">
        <v>13</v>
      </c>
      <c r="AA16656">
        <v>13</v>
      </c>
      <c r="AB16656">
        <v>13</v>
      </c>
      <c r="AC16656">
        <v>14</v>
      </c>
      <c r="AD16656">
        <v>14</v>
      </c>
      <c r="AE16656">
        <v>14</v>
      </c>
      <c r="AF16656">
        <v>14</v>
      </c>
      <c r="AG16656">
        <v>14</v>
      </c>
      <c r="AH16656">
        <v>14</v>
      </c>
      <c r="AI16656">
        <v>14</v>
      </c>
      <c r="AJ16656">
        <v>14</v>
      </c>
      <c r="AK16656">
        <v>14</v>
      </c>
      <c r="AL16656">
        <v>14</v>
      </c>
      <c r="AM16656">
        <v>14</v>
      </c>
      <c r="AN16656">
        <v>14</v>
      </c>
      <c r="AO16656">
        <v>14</v>
      </c>
      <c r="AP16656">
        <v>14</v>
      </c>
      <c r="AQ16656">
        <v>14</v>
      </c>
    </row>
    <row r="16657" spans="1:43">
      <c r="A16657" t="s">
        <v>10348</v>
      </c>
      <c r="B16657" t="s">
        <v>10349</v>
      </c>
      <c r="C16657" t="s">
        <v>10304</v>
      </c>
      <c r="D16657" t="s">
        <v>10305</v>
      </c>
      <c r="E16657" t="s">
        <v>10212</v>
      </c>
      <c r="F16657" t="s">
        <v>10213</v>
      </c>
      <c r="G16657" t="s">
        <v>10214</v>
      </c>
      <c r="H16657" t="s">
        <v>10215</v>
      </c>
      <c r="I16657" s="2">
        <v>1</v>
      </c>
      <c r="J16657" s="2">
        <v>0</v>
      </c>
      <c r="K16657" s="2">
        <v>0</v>
      </c>
      <c r="L16657" t="s">
        <v>120</v>
      </c>
      <c r="M16657" t="s">
        <v>83</v>
      </c>
      <c r="N16657" t="s">
        <v>91</v>
      </c>
      <c r="O16657" t="s">
        <v>85</v>
      </c>
      <c r="P16657" t="s">
        <v>86</v>
      </c>
      <c r="Q16657">
        <v>11</v>
      </c>
      <c r="R16657">
        <v>11</v>
      </c>
      <c r="S16657">
        <v>11</v>
      </c>
      <c r="T16657">
        <v>11</v>
      </c>
      <c r="U16657">
        <v>12</v>
      </c>
      <c r="V16657">
        <v>12</v>
      </c>
      <c r="W16657">
        <v>12</v>
      </c>
      <c r="X16657">
        <v>12</v>
      </c>
      <c r="Y16657">
        <v>12</v>
      </c>
      <c r="Z16657">
        <v>12</v>
      </c>
      <c r="AA16657">
        <v>12</v>
      </c>
      <c r="AB16657">
        <v>13</v>
      </c>
      <c r="AC16657">
        <v>13</v>
      </c>
      <c r="AD16657">
        <v>13</v>
      </c>
      <c r="AE16657">
        <v>13</v>
      </c>
      <c r="AF16657">
        <v>13</v>
      </c>
      <c r="AG16657">
        <v>13</v>
      </c>
      <c r="AH16657">
        <v>13</v>
      </c>
      <c r="AI16657">
        <v>14</v>
      </c>
      <c r="AJ16657">
        <v>14</v>
      </c>
      <c r="AK16657">
        <v>14</v>
      </c>
      <c r="AL16657">
        <v>14</v>
      </c>
      <c r="AM16657">
        <v>14</v>
      </c>
      <c r="AN16657">
        <v>14</v>
      </c>
      <c r="AO16657">
        <v>14</v>
      </c>
      <c r="AP16657">
        <v>14</v>
      </c>
      <c r="AQ16657">
        <v>14</v>
      </c>
    </row>
    <row r="16658" spans="1:43">
      <c r="A16658" t="s">
        <v>10350</v>
      </c>
      <c r="B16658" t="s">
        <v>10351</v>
      </c>
      <c r="C16658" t="s">
        <v>10304</v>
      </c>
      <c r="D16658" t="s">
        <v>10305</v>
      </c>
      <c r="E16658" t="s">
        <v>10212</v>
      </c>
      <c r="F16658" t="s">
        <v>10213</v>
      </c>
      <c r="G16658" t="s">
        <v>10214</v>
      </c>
      <c r="H16658" t="s">
        <v>10215</v>
      </c>
      <c r="I16658" s="2">
        <v>1</v>
      </c>
      <c r="J16658" s="2">
        <v>0</v>
      </c>
      <c r="K16658" s="2">
        <v>0</v>
      </c>
      <c r="L16658" t="s">
        <v>120</v>
      </c>
      <c r="M16658" t="s">
        <v>83</v>
      </c>
      <c r="N16658" t="s">
        <v>84</v>
      </c>
      <c r="O16658" t="s">
        <v>85</v>
      </c>
      <c r="P16658" t="s">
        <v>86</v>
      </c>
      <c r="Q16658">
        <v>17</v>
      </c>
      <c r="R16658">
        <v>17</v>
      </c>
      <c r="S16658">
        <v>17</v>
      </c>
      <c r="T16658">
        <v>17</v>
      </c>
      <c r="U16658">
        <v>17</v>
      </c>
      <c r="V16658">
        <v>18</v>
      </c>
      <c r="W16658">
        <v>18</v>
      </c>
      <c r="X16658">
        <v>18</v>
      </c>
      <c r="Y16658">
        <v>18</v>
      </c>
      <c r="Z16658">
        <v>19</v>
      </c>
      <c r="AA16658">
        <v>19</v>
      </c>
      <c r="AB16658">
        <v>19</v>
      </c>
      <c r="AC16658">
        <v>19</v>
      </c>
      <c r="AD16658">
        <v>19</v>
      </c>
      <c r="AE16658">
        <v>20</v>
      </c>
      <c r="AF16658">
        <v>20</v>
      </c>
      <c r="AG16658">
        <v>20</v>
      </c>
      <c r="AH16658">
        <v>20</v>
      </c>
      <c r="AI16658">
        <v>20</v>
      </c>
      <c r="AJ16658">
        <v>21</v>
      </c>
      <c r="AK16658">
        <v>21</v>
      </c>
      <c r="AL16658">
        <v>21</v>
      </c>
      <c r="AM16658">
        <v>21</v>
      </c>
      <c r="AN16658">
        <v>21</v>
      </c>
      <c r="AO16658">
        <v>21</v>
      </c>
      <c r="AP16658">
        <v>21</v>
      </c>
      <c r="AQ16658">
        <v>21</v>
      </c>
    </row>
    <row r="16659" spans="1:43">
      <c r="A16659" t="s">
        <v>10350</v>
      </c>
      <c r="B16659" t="s">
        <v>10351</v>
      </c>
      <c r="C16659" t="s">
        <v>10304</v>
      </c>
      <c r="D16659" t="s">
        <v>10305</v>
      </c>
      <c r="E16659" t="s">
        <v>10212</v>
      </c>
      <c r="F16659" t="s">
        <v>10213</v>
      </c>
      <c r="G16659" t="s">
        <v>10214</v>
      </c>
      <c r="H16659" t="s">
        <v>10215</v>
      </c>
      <c r="I16659" s="2">
        <v>1</v>
      </c>
      <c r="J16659" s="2">
        <v>0</v>
      </c>
      <c r="K16659" s="2">
        <v>0</v>
      </c>
      <c r="L16659" t="s">
        <v>120</v>
      </c>
      <c r="M16659" t="s">
        <v>87</v>
      </c>
      <c r="N16659" t="s">
        <v>88</v>
      </c>
      <c r="O16659" t="s">
        <v>85</v>
      </c>
      <c r="P16659" t="s">
        <v>86</v>
      </c>
      <c r="Q16659">
        <v>17</v>
      </c>
      <c r="R16659">
        <v>17</v>
      </c>
      <c r="S16659">
        <v>18</v>
      </c>
      <c r="T16659">
        <v>18</v>
      </c>
      <c r="U16659">
        <v>18</v>
      </c>
      <c r="V16659">
        <v>18</v>
      </c>
      <c r="W16659">
        <v>18</v>
      </c>
      <c r="X16659">
        <v>18</v>
      </c>
      <c r="Y16659">
        <v>18</v>
      </c>
      <c r="Z16659">
        <v>18</v>
      </c>
      <c r="AA16659">
        <v>18</v>
      </c>
      <c r="AB16659">
        <v>18</v>
      </c>
      <c r="AC16659">
        <v>18</v>
      </c>
      <c r="AD16659">
        <v>18</v>
      </c>
      <c r="AE16659">
        <v>18</v>
      </c>
      <c r="AF16659">
        <v>19</v>
      </c>
      <c r="AG16659">
        <v>19</v>
      </c>
      <c r="AH16659">
        <v>19</v>
      </c>
      <c r="AI16659">
        <v>19</v>
      </c>
      <c r="AJ16659">
        <v>19</v>
      </c>
      <c r="AK16659">
        <v>19</v>
      </c>
      <c r="AL16659">
        <v>19</v>
      </c>
      <c r="AM16659">
        <v>19</v>
      </c>
      <c r="AN16659">
        <v>19</v>
      </c>
      <c r="AO16659">
        <v>19</v>
      </c>
      <c r="AP16659">
        <v>19</v>
      </c>
      <c r="AQ16659">
        <v>19</v>
      </c>
    </row>
    <row r="16660" spans="1:43">
      <c r="A16660" t="s">
        <v>10350</v>
      </c>
      <c r="B16660" t="s">
        <v>10351</v>
      </c>
      <c r="C16660" t="s">
        <v>10304</v>
      </c>
      <c r="D16660" t="s">
        <v>10305</v>
      </c>
      <c r="E16660" t="s">
        <v>10212</v>
      </c>
      <c r="F16660" t="s">
        <v>10213</v>
      </c>
      <c r="G16660" t="s">
        <v>10214</v>
      </c>
      <c r="H16660" t="s">
        <v>10215</v>
      </c>
      <c r="I16660" s="2">
        <v>1</v>
      </c>
      <c r="J16660" s="2">
        <v>0</v>
      </c>
      <c r="K16660" s="2">
        <v>0</v>
      </c>
      <c r="L16660" t="s">
        <v>120</v>
      </c>
      <c r="M16660" t="s">
        <v>89</v>
      </c>
      <c r="N16660" t="s">
        <v>90</v>
      </c>
      <c r="O16660" t="s">
        <v>85</v>
      </c>
      <c r="P16660" t="s">
        <v>86</v>
      </c>
      <c r="Q16660">
        <v>17</v>
      </c>
      <c r="R16660">
        <v>17</v>
      </c>
      <c r="S16660">
        <v>17</v>
      </c>
      <c r="T16660">
        <v>18</v>
      </c>
      <c r="U16660">
        <v>18</v>
      </c>
      <c r="V16660">
        <v>18</v>
      </c>
      <c r="W16660">
        <v>19</v>
      </c>
      <c r="X16660">
        <v>19</v>
      </c>
      <c r="Y16660">
        <v>19</v>
      </c>
      <c r="Z16660">
        <v>20</v>
      </c>
      <c r="AA16660">
        <v>20</v>
      </c>
      <c r="AB16660">
        <v>20</v>
      </c>
      <c r="AC16660">
        <v>21</v>
      </c>
      <c r="AD16660">
        <v>21</v>
      </c>
      <c r="AE16660">
        <v>21</v>
      </c>
      <c r="AF16660">
        <v>21</v>
      </c>
      <c r="AG16660">
        <v>21</v>
      </c>
      <c r="AH16660">
        <v>21</v>
      </c>
      <c r="AI16660">
        <v>21</v>
      </c>
      <c r="AJ16660">
        <v>21</v>
      </c>
      <c r="AK16660">
        <v>21</v>
      </c>
      <c r="AL16660">
        <v>21</v>
      </c>
      <c r="AM16660">
        <v>21</v>
      </c>
      <c r="AN16660">
        <v>21</v>
      </c>
      <c r="AO16660">
        <v>21</v>
      </c>
      <c r="AP16660">
        <v>21</v>
      </c>
      <c r="AQ16660">
        <v>21</v>
      </c>
    </row>
    <row r="16661" spans="1:43">
      <c r="A16661" t="s">
        <v>10350</v>
      </c>
      <c r="B16661" t="s">
        <v>10351</v>
      </c>
      <c r="C16661" t="s">
        <v>10304</v>
      </c>
      <c r="D16661" t="s">
        <v>10305</v>
      </c>
      <c r="E16661" t="s">
        <v>10212</v>
      </c>
      <c r="F16661" t="s">
        <v>10213</v>
      </c>
      <c r="G16661" t="s">
        <v>10214</v>
      </c>
      <c r="H16661" t="s">
        <v>10215</v>
      </c>
      <c r="I16661" s="2">
        <v>1</v>
      </c>
      <c r="J16661" s="2">
        <v>0</v>
      </c>
      <c r="K16661" s="2">
        <v>0</v>
      </c>
      <c r="L16661" t="s">
        <v>120</v>
      </c>
      <c r="M16661" t="s">
        <v>83</v>
      </c>
      <c r="N16661" t="s">
        <v>91</v>
      </c>
      <c r="O16661" t="s">
        <v>85</v>
      </c>
      <c r="P16661" t="s">
        <v>86</v>
      </c>
      <c r="Q16661">
        <v>17</v>
      </c>
      <c r="R16661">
        <v>17</v>
      </c>
      <c r="S16661">
        <v>17</v>
      </c>
      <c r="T16661">
        <v>17</v>
      </c>
      <c r="U16661">
        <v>17</v>
      </c>
      <c r="V16661">
        <v>18</v>
      </c>
      <c r="W16661">
        <v>18</v>
      </c>
      <c r="X16661">
        <v>18</v>
      </c>
      <c r="Y16661">
        <v>18</v>
      </c>
      <c r="Z16661">
        <v>19</v>
      </c>
      <c r="AA16661">
        <v>19</v>
      </c>
      <c r="AB16661">
        <v>19</v>
      </c>
      <c r="AC16661">
        <v>19</v>
      </c>
      <c r="AD16661">
        <v>19</v>
      </c>
      <c r="AE16661">
        <v>20</v>
      </c>
      <c r="AF16661">
        <v>20</v>
      </c>
      <c r="AG16661">
        <v>20</v>
      </c>
      <c r="AH16661">
        <v>20</v>
      </c>
      <c r="AI16661">
        <v>20</v>
      </c>
      <c r="AJ16661">
        <v>21</v>
      </c>
      <c r="AK16661">
        <v>21</v>
      </c>
      <c r="AL16661">
        <v>21</v>
      </c>
      <c r="AM16661">
        <v>21</v>
      </c>
      <c r="AN16661">
        <v>21</v>
      </c>
      <c r="AO16661">
        <v>21</v>
      </c>
      <c r="AP16661">
        <v>21</v>
      </c>
      <c r="AQ16661">
        <v>21</v>
      </c>
    </row>
    <row r="16662" spans="1:43">
      <c r="A16662" t="s">
        <v>10352</v>
      </c>
      <c r="B16662" t="s">
        <v>10353</v>
      </c>
      <c r="C16662" t="s">
        <v>10328</v>
      </c>
      <c r="D16662" t="s">
        <v>10329</v>
      </c>
      <c r="E16662" t="s">
        <v>10212</v>
      </c>
      <c r="F16662" t="s">
        <v>10213</v>
      </c>
      <c r="G16662" t="s">
        <v>10214</v>
      </c>
      <c r="H16662" t="s">
        <v>10215</v>
      </c>
      <c r="I16662" s="2">
        <v>1</v>
      </c>
      <c r="J16662" s="2">
        <v>0</v>
      </c>
      <c r="K16662" s="2">
        <v>0</v>
      </c>
      <c r="L16662" t="s">
        <v>120</v>
      </c>
      <c r="M16662" t="s">
        <v>83</v>
      </c>
      <c r="N16662" t="s">
        <v>84</v>
      </c>
      <c r="O16662" t="s">
        <v>85</v>
      </c>
      <c r="P16662" t="s">
        <v>86</v>
      </c>
      <c r="Q16662">
        <v>92</v>
      </c>
      <c r="R16662">
        <v>93</v>
      </c>
      <c r="S16662">
        <v>95</v>
      </c>
      <c r="T16662">
        <v>96</v>
      </c>
      <c r="U16662">
        <v>97</v>
      </c>
      <c r="V16662">
        <v>99</v>
      </c>
      <c r="W16662">
        <v>100</v>
      </c>
      <c r="X16662">
        <v>101</v>
      </c>
      <c r="Y16662">
        <v>102</v>
      </c>
      <c r="Z16662">
        <v>104</v>
      </c>
      <c r="AA16662">
        <v>105</v>
      </c>
      <c r="AB16662">
        <v>106</v>
      </c>
      <c r="AC16662">
        <v>107</v>
      </c>
      <c r="AD16662">
        <v>108</v>
      </c>
      <c r="AE16662">
        <v>110</v>
      </c>
      <c r="AF16662">
        <v>111</v>
      </c>
      <c r="AG16662">
        <v>112</v>
      </c>
      <c r="AH16662">
        <v>113</v>
      </c>
      <c r="AI16662">
        <v>114</v>
      </c>
      <c r="AJ16662">
        <v>115</v>
      </c>
      <c r="AK16662">
        <v>117</v>
      </c>
      <c r="AL16662">
        <v>117</v>
      </c>
      <c r="AM16662">
        <v>117</v>
      </c>
      <c r="AN16662">
        <v>117</v>
      </c>
      <c r="AO16662">
        <v>117</v>
      </c>
      <c r="AP16662">
        <v>117</v>
      </c>
      <c r="AQ16662">
        <v>117</v>
      </c>
    </row>
    <row r="16663" spans="1:43">
      <c r="A16663" t="s">
        <v>10352</v>
      </c>
      <c r="B16663" t="s">
        <v>10353</v>
      </c>
      <c r="C16663" t="s">
        <v>10328</v>
      </c>
      <c r="D16663" t="s">
        <v>10329</v>
      </c>
      <c r="E16663" t="s">
        <v>10212</v>
      </c>
      <c r="F16663" t="s">
        <v>10213</v>
      </c>
      <c r="G16663" t="s">
        <v>10214</v>
      </c>
      <c r="H16663" t="s">
        <v>10215</v>
      </c>
      <c r="I16663" s="2">
        <v>1</v>
      </c>
      <c r="J16663" s="2">
        <v>0</v>
      </c>
      <c r="K16663" s="2">
        <v>0</v>
      </c>
      <c r="L16663" t="s">
        <v>120</v>
      </c>
      <c r="M16663" t="s">
        <v>87</v>
      </c>
      <c r="N16663" t="s">
        <v>88</v>
      </c>
      <c r="O16663" t="s">
        <v>85</v>
      </c>
      <c r="P16663" t="s">
        <v>86</v>
      </c>
      <c r="Q16663">
        <v>92</v>
      </c>
      <c r="R16663">
        <v>93</v>
      </c>
      <c r="S16663">
        <v>93</v>
      </c>
      <c r="T16663">
        <v>93</v>
      </c>
      <c r="U16663">
        <v>94</v>
      </c>
      <c r="V16663">
        <v>94</v>
      </c>
      <c r="W16663">
        <v>95</v>
      </c>
      <c r="X16663">
        <v>95</v>
      </c>
      <c r="Y16663">
        <v>96</v>
      </c>
      <c r="Z16663">
        <v>96</v>
      </c>
      <c r="AA16663">
        <v>96</v>
      </c>
      <c r="AB16663">
        <v>97</v>
      </c>
      <c r="AC16663">
        <v>97</v>
      </c>
      <c r="AD16663">
        <v>98</v>
      </c>
      <c r="AE16663">
        <v>98</v>
      </c>
      <c r="AF16663">
        <v>99</v>
      </c>
      <c r="AG16663">
        <v>99</v>
      </c>
      <c r="AH16663">
        <v>99</v>
      </c>
      <c r="AI16663">
        <v>100</v>
      </c>
      <c r="AJ16663">
        <v>100</v>
      </c>
      <c r="AK16663">
        <v>101</v>
      </c>
      <c r="AL16663">
        <v>101</v>
      </c>
      <c r="AM16663">
        <v>101</v>
      </c>
      <c r="AN16663">
        <v>102</v>
      </c>
      <c r="AO16663">
        <v>102</v>
      </c>
      <c r="AP16663">
        <v>102</v>
      </c>
      <c r="AQ16663">
        <v>103</v>
      </c>
    </row>
    <row r="16664" spans="1:43">
      <c r="A16664" t="s">
        <v>10352</v>
      </c>
      <c r="B16664" t="s">
        <v>10353</v>
      </c>
      <c r="C16664" t="s">
        <v>10328</v>
      </c>
      <c r="D16664" t="s">
        <v>10329</v>
      </c>
      <c r="E16664" t="s">
        <v>10212</v>
      </c>
      <c r="F16664" t="s">
        <v>10213</v>
      </c>
      <c r="G16664" t="s">
        <v>10214</v>
      </c>
      <c r="H16664" t="s">
        <v>10215</v>
      </c>
      <c r="I16664" s="2">
        <v>1</v>
      </c>
      <c r="J16664" s="2">
        <v>0</v>
      </c>
      <c r="K16664" s="2">
        <v>0</v>
      </c>
      <c r="L16664" t="s">
        <v>120</v>
      </c>
      <c r="M16664" t="s">
        <v>89</v>
      </c>
      <c r="N16664" t="s">
        <v>90</v>
      </c>
      <c r="O16664" t="s">
        <v>85</v>
      </c>
      <c r="P16664" t="s">
        <v>86</v>
      </c>
      <c r="Q16664">
        <v>92</v>
      </c>
      <c r="R16664">
        <v>94</v>
      </c>
      <c r="S16664">
        <v>96</v>
      </c>
      <c r="T16664">
        <v>98</v>
      </c>
      <c r="U16664">
        <v>100</v>
      </c>
      <c r="V16664">
        <v>102</v>
      </c>
      <c r="W16664">
        <v>104</v>
      </c>
      <c r="X16664">
        <v>105</v>
      </c>
      <c r="Y16664">
        <v>107</v>
      </c>
      <c r="Z16664">
        <v>109</v>
      </c>
      <c r="AA16664">
        <v>111</v>
      </c>
      <c r="AB16664">
        <v>112</v>
      </c>
      <c r="AC16664">
        <v>114</v>
      </c>
      <c r="AD16664">
        <v>115</v>
      </c>
      <c r="AE16664">
        <v>116</v>
      </c>
      <c r="AF16664">
        <v>117</v>
      </c>
      <c r="AG16664">
        <v>117</v>
      </c>
      <c r="AH16664">
        <v>117</v>
      </c>
      <c r="AI16664">
        <v>117</v>
      </c>
      <c r="AJ16664">
        <v>117</v>
      </c>
      <c r="AK16664">
        <v>117</v>
      </c>
      <c r="AL16664">
        <v>117</v>
      </c>
      <c r="AM16664">
        <v>117</v>
      </c>
      <c r="AN16664">
        <v>117</v>
      </c>
      <c r="AO16664">
        <v>117</v>
      </c>
      <c r="AP16664">
        <v>117</v>
      </c>
      <c r="AQ16664">
        <v>117</v>
      </c>
    </row>
    <row r="16665" spans="1:43">
      <c r="A16665" t="s">
        <v>10352</v>
      </c>
      <c r="B16665" t="s">
        <v>10353</v>
      </c>
      <c r="C16665" t="s">
        <v>10328</v>
      </c>
      <c r="D16665" t="s">
        <v>10329</v>
      </c>
      <c r="E16665" t="s">
        <v>10212</v>
      </c>
      <c r="F16665" t="s">
        <v>10213</v>
      </c>
      <c r="G16665" t="s">
        <v>10214</v>
      </c>
      <c r="H16665" t="s">
        <v>10215</v>
      </c>
      <c r="I16665" s="2">
        <v>1</v>
      </c>
      <c r="J16665" s="2">
        <v>0</v>
      </c>
      <c r="K16665" s="2">
        <v>0</v>
      </c>
      <c r="L16665" t="s">
        <v>120</v>
      </c>
      <c r="M16665" t="s">
        <v>83</v>
      </c>
      <c r="N16665" t="s">
        <v>91</v>
      </c>
      <c r="O16665" t="s">
        <v>85</v>
      </c>
      <c r="P16665" t="s">
        <v>86</v>
      </c>
      <c r="Q16665">
        <v>92</v>
      </c>
      <c r="R16665">
        <v>93</v>
      </c>
      <c r="S16665">
        <v>95</v>
      </c>
      <c r="T16665">
        <v>96</v>
      </c>
      <c r="U16665">
        <v>97</v>
      </c>
      <c r="V16665">
        <v>99</v>
      </c>
      <c r="W16665">
        <v>100</v>
      </c>
      <c r="X16665">
        <v>101</v>
      </c>
      <c r="Y16665">
        <v>102</v>
      </c>
      <c r="Z16665">
        <v>104</v>
      </c>
      <c r="AA16665">
        <v>105</v>
      </c>
      <c r="AB16665">
        <v>106</v>
      </c>
      <c r="AC16665">
        <v>107</v>
      </c>
      <c r="AD16665">
        <v>108</v>
      </c>
      <c r="AE16665">
        <v>110</v>
      </c>
      <c r="AF16665">
        <v>111</v>
      </c>
      <c r="AG16665">
        <v>112</v>
      </c>
      <c r="AH16665">
        <v>113</v>
      </c>
      <c r="AI16665">
        <v>114</v>
      </c>
      <c r="AJ16665">
        <v>115</v>
      </c>
      <c r="AK16665">
        <v>117</v>
      </c>
      <c r="AL16665">
        <v>117</v>
      </c>
      <c r="AM16665">
        <v>117</v>
      </c>
      <c r="AN16665">
        <v>117</v>
      </c>
      <c r="AO16665">
        <v>117</v>
      </c>
      <c r="AP16665">
        <v>117</v>
      </c>
      <c r="AQ16665">
        <v>117</v>
      </c>
    </row>
    <row r="16666" spans="1:43">
      <c r="A16666" t="s">
        <v>10354</v>
      </c>
      <c r="B16666" t="s">
        <v>10355</v>
      </c>
      <c r="C16666" t="s">
        <v>10304</v>
      </c>
      <c r="D16666" t="s">
        <v>10305</v>
      </c>
      <c r="E16666" t="s">
        <v>10212</v>
      </c>
      <c r="F16666" t="s">
        <v>10213</v>
      </c>
      <c r="G16666" t="s">
        <v>10214</v>
      </c>
      <c r="H16666" t="s">
        <v>10215</v>
      </c>
      <c r="I16666" s="2">
        <v>1</v>
      </c>
      <c r="J16666" s="2">
        <v>0</v>
      </c>
      <c r="K16666" s="2">
        <v>0</v>
      </c>
      <c r="L16666" t="s">
        <v>120</v>
      </c>
      <c r="M16666" t="s">
        <v>83</v>
      </c>
      <c r="N16666" t="s">
        <v>84</v>
      </c>
      <c r="O16666" t="s">
        <v>85</v>
      </c>
      <c r="P16666" t="s">
        <v>86</v>
      </c>
      <c r="Q16666">
        <v>24</v>
      </c>
      <c r="R16666">
        <v>24</v>
      </c>
      <c r="S16666">
        <v>25</v>
      </c>
      <c r="T16666">
        <v>25</v>
      </c>
      <c r="U16666">
        <v>25</v>
      </c>
      <c r="V16666">
        <v>26</v>
      </c>
      <c r="W16666">
        <v>26</v>
      </c>
      <c r="X16666">
        <v>26</v>
      </c>
      <c r="Y16666">
        <v>27</v>
      </c>
      <c r="Z16666">
        <v>27</v>
      </c>
      <c r="AA16666">
        <v>27</v>
      </c>
      <c r="AB16666">
        <v>28</v>
      </c>
      <c r="AC16666">
        <v>28</v>
      </c>
      <c r="AD16666">
        <v>28</v>
      </c>
      <c r="AE16666">
        <v>29</v>
      </c>
      <c r="AF16666">
        <v>29</v>
      </c>
      <c r="AG16666">
        <v>29</v>
      </c>
      <c r="AH16666">
        <v>30</v>
      </c>
      <c r="AI16666">
        <v>30</v>
      </c>
      <c r="AJ16666">
        <v>30</v>
      </c>
      <c r="AK16666">
        <v>31</v>
      </c>
      <c r="AL16666">
        <v>31</v>
      </c>
      <c r="AM16666">
        <v>31</v>
      </c>
      <c r="AN16666">
        <v>31</v>
      </c>
      <c r="AO16666">
        <v>31</v>
      </c>
      <c r="AP16666">
        <v>31</v>
      </c>
      <c r="AQ16666">
        <v>31</v>
      </c>
    </row>
    <row r="16667" spans="1:43">
      <c r="A16667" t="s">
        <v>10354</v>
      </c>
      <c r="B16667" t="s">
        <v>10355</v>
      </c>
      <c r="C16667" t="s">
        <v>10304</v>
      </c>
      <c r="D16667" t="s">
        <v>10305</v>
      </c>
      <c r="E16667" t="s">
        <v>10212</v>
      </c>
      <c r="F16667" t="s">
        <v>10213</v>
      </c>
      <c r="G16667" t="s">
        <v>10214</v>
      </c>
      <c r="H16667" t="s">
        <v>10215</v>
      </c>
      <c r="I16667" s="2">
        <v>1</v>
      </c>
      <c r="J16667" s="2">
        <v>0</v>
      </c>
      <c r="K16667" s="2">
        <v>0</v>
      </c>
      <c r="L16667" t="s">
        <v>120</v>
      </c>
      <c r="M16667" t="s">
        <v>87</v>
      </c>
      <c r="N16667" t="s">
        <v>88</v>
      </c>
      <c r="O16667" t="s">
        <v>85</v>
      </c>
      <c r="P16667" t="s">
        <v>86</v>
      </c>
      <c r="Q16667">
        <v>24</v>
      </c>
      <c r="R16667">
        <v>24</v>
      </c>
      <c r="S16667">
        <v>24</v>
      </c>
      <c r="T16667">
        <v>24</v>
      </c>
      <c r="U16667">
        <v>24</v>
      </c>
      <c r="V16667">
        <v>24</v>
      </c>
      <c r="W16667">
        <v>24</v>
      </c>
      <c r="X16667">
        <v>25</v>
      </c>
      <c r="Y16667">
        <v>25</v>
      </c>
      <c r="Z16667">
        <v>25</v>
      </c>
      <c r="AA16667">
        <v>25</v>
      </c>
      <c r="AB16667">
        <v>25</v>
      </c>
      <c r="AC16667">
        <v>25</v>
      </c>
      <c r="AD16667">
        <v>25</v>
      </c>
      <c r="AE16667">
        <v>25</v>
      </c>
      <c r="AF16667">
        <v>25</v>
      </c>
      <c r="AG16667">
        <v>26</v>
      </c>
      <c r="AH16667">
        <v>26</v>
      </c>
      <c r="AI16667">
        <v>26</v>
      </c>
      <c r="AJ16667">
        <v>26</v>
      </c>
      <c r="AK16667">
        <v>26</v>
      </c>
      <c r="AL16667">
        <v>26</v>
      </c>
      <c r="AM16667">
        <v>26</v>
      </c>
      <c r="AN16667">
        <v>26</v>
      </c>
      <c r="AO16667">
        <v>26</v>
      </c>
      <c r="AP16667">
        <v>26</v>
      </c>
      <c r="AQ16667">
        <v>27</v>
      </c>
    </row>
    <row r="16668" spans="1:43">
      <c r="A16668" t="s">
        <v>10354</v>
      </c>
      <c r="B16668" t="s">
        <v>10355</v>
      </c>
      <c r="C16668" t="s">
        <v>10304</v>
      </c>
      <c r="D16668" t="s">
        <v>10305</v>
      </c>
      <c r="E16668" t="s">
        <v>10212</v>
      </c>
      <c r="F16668" t="s">
        <v>10213</v>
      </c>
      <c r="G16668" t="s">
        <v>10214</v>
      </c>
      <c r="H16668" t="s">
        <v>10215</v>
      </c>
      <c r="I16668" s="2">
        <v>1</v>
      </c>
      <c r="J16668" s="2">
        <v>0</v>
      </c>
      <c r="K16668" s="2">
        <v>0</v>
      </c>
      <c r="L16668" t="s">
        <v>120</v>
      </c>
      <c r="M16668" t="s">
        <v>89</v>
      </c>
      <c r="N16668" t="s">
        <v>90</v>
      </c>
      <c r="O16668" t="s">
        <v>85</v>
      </c>
      <c r="P16668" t="s">
        <v>86</v>
      </c>
      <c r="Q16668">
        <v>24</v>
      </c>
      <c r="R16668">
        <v>25</v>
      </c>
      <c r="S16668">
        <v>25</v>
      </c>
      <c r="T16668">
        <v>26</v>
      </c>
      <c r="U16668">
        <v>26</v>
      </c>
      <c r="V16668">
        <v>27</v>
      </c>
      <c r="W16668">
        <v>27</v>
      </c>
      <c r="X16668">
        <v>28</v>
      </c>
      <c r="Y16668">
        <v>28</v>
      </c>
      <c r="Z16668">
        <v>29</v>
      </c>
      <c r="AA16668">
        <v>29</v>
      </c>
      <c r="AB16668">
        <v>30</v>
      </c>
      <c r="AC16668">
        <v>30</v>
      </c>
      <c r="AD16668">
        <v>30</v>
      </c>
      <c r="AE16668">
        <v>31</v>
      </c>
      <c r="AF16668">
        <v>31</v>
      </c>
      <c r="AG16668">
        <v>31</v>
      </c>
      <c r="AH16668">
        <v>31</v>
      </c>
      <c r="AI16668">
        <v>31</v>
      </c>
      <c r="AJ16668">
        <v>31</v>
      </c>
      <c r="AK16668">
        <v>31</v>
      </c>
      <c r="AL16668">
        <v>31</v>
      </c>
      <c r="AM16668">
        <v>31</v>
      </c>
      <c r="AN16668">
        <v>31</v>
      </c>
      <c r="AO16668">
        <v>31</v>
      </c>
      <c r="AP16668">
        <v>31</v>
      </c>
      <c r="AQ16668">
        <v>31</v>
      </c>
    </row>
    <row r="16669" spans="1:43">
      <c r="A16669" t="s">
        <v>10354</v>
      </c>
      <c r="B16669" t="s">
        <v>10355</v>
      </c>
      <c r="C16669" t="s">
        <v>10304</v>
      </c>
      <c r="D16669" t="s">
        <v>10305</v>
      </c>
      <c r="E16669" t="s">
        <v>10212</v>
      </c>
      <c r="F16669" t="s">
        <v>10213</v>
      </c>
      <c r="G16669" t="s">
        <v>10214</v>
      </c>
      <c r="H16669" t="s">
        <v>10215</v>
      </c>
      <c r="I16669" s="2">
        <v>1</v>
      </c>
      <c r="J16669" s="2">
        <v>0</v>
      </c>
      <c r="K16669" s="2">
        <v>0</v>
      </c>
      <c r="L16669" t="s">
        <v>120</v>
      </c>
      <c r="M16669" t="s">
        <v>83</v>
      </c>
      <c r="N16669" t="s">
        <v>91</v>
      </c>
      <c r="O16669" t="s">
        <v>85</v>
      </c>
      <c r="P16669" t="s">
        <v>86</v>
      </c>
      <c r="Q16669">
        <v>24</v>
      </c>
      <c r="R16669">
        <v>24</v>
      </c>
      <c r="S16669">
        <v>25</v>
      </c>
      <c r="T16669">
        <v>25</v>
      </c>
      <c r="U16669">
        <v>25</v>
      </c>
      <c r="V16669">
        <v>26</v>
      </c>
      <c r="W16669">
        <v>26</v>
      </c>
      <c r="X16669">
        <v>26</v>
      </c>
      <c r="Y16669">
        <v>27</v>
      </c>
      <c r="Z16669">
        <v>27</v>
      </c>
      <c r="AA16669">
        <v>27</v>
      </c>
      <c r="AB16669">
        <v>28</v>
      </c>
      <c r="AC16669">
        <v>28</v>
      </c>
      <c r="AD16669">
        <v>28</v>
      </c>
      <c r="AE16669">
        <v>29</v>
      </c>
      <c r="AF16669">
        <v>29</v>
      </c>
      <c r="AG16669">
        <v>29</v>
      </c>
      <c r="AH16669">
        <v>30</v>
      </c>
      <c r="AI16669">
        <v>30</v>
      </c>
      <c r="AJ16669">
        <v>30</v>
      </c>
      <c r="AK16669">
        <v>31</v>
      </c>
      <c r="AL16669">
        <v>31</v>
      </c>
      <c r="AM16669">
        <v>31</v>
      </c>
      <c r="AN16669">
        <v>31</v>
      </c>
      <c r="AO16669">
        <v>31</v>
      </c>
      <c r="AP16669">
        <v>31</v>
      </c>
      <c r="AQ16669">
        <v>31</v>
      </c>
    </row>
    <row r="16670" spans="1:43">
      <c r="A16670" t="s">
        <v>10356</v>
      </c>
      <c r="B16670" t="s">
        <v>10357</v>
      </c>
      <c r="C16670" t="s">
        <v>10332</v>
      </c>
      <c r="D16670" t="s">
        <v>10333</v>
      </c>
      <c r="E16670" t="s">
        <v>10212</v>
      </c>
      <c r="F16670" t="s">
        <v>10213</v>
      </c>
      <c r="G16670" t="s">
        <v>10214</v>
      </c>
      <c r="H16670" t="s">
        <v>10215</v>
      </c>
      <c r="I16670" s="2">
        <v>1</v>
      </c>
      <c r="J16670" s="2">
        <v>0</v>
      </c>
      <c r="K16670" s="2">
        <v>0</v>
      </c>
      <c r="L16670" t="s">
        <v>120</v>
      </c>
      <c r="M16670" t="s">
        <v>83</v>
      </c>
      <c r="N16670" t="s">
        <v>84</v>
      </c>
      <c r="O16670" t="s">
        <v>85</v>
      </c>
      <c r="P16670" t="s">
        <v>86</v>
      </c>
      <c r="Q16670">
        <v>94</v>
      </c>
      <c r="R16670">
        <v>95</v>
      </c>
      <c r="S16670">
        <v>97</v>
      </c>
      <c r="T16670">
        <v>98</v>
      </c>
      <c r="U16670">
        <v>99</v>
      </c>
      <c r="V16670">
        <v>101</v>
      </c>
      <c r="W16670">
        <v>102</v>
      </c>
      <c r="X16670">
        <v>103</v>
      </c>
      <c r="Y16670">
        <v>105</v>
      </c>
      <c r="Z16670">
        <v>106</v>
      </c>
      <c r="AA16670">
        <v>107</v>
      </c>
      <c r="AB16670">
        <v>108</v>
      </c>
      <c r="AC16670">
        <v>109</v>
      </c>
      <c r="AD16670">
        <v>111</v>
      </c>
      <c r="AE16670">
        <v>112</v>
      </c>
      <c r="AF16670">
        <v>113</v>
      </c>
      <c r="AG16670">
        <v>114</v>
      </c>
      <c r="AH16670">
        <v>116</v>
      </c>
      <c r="AI16670">
        <v>117</v>
      </c>
      <c r="AJ16670">
        <v>118</v>
      </c>
      <c r="AK16670">
        <v>119</v>
      </c>
      <c r="AL16670">
        <v>120</v>
      </c>
      <c r="AM16670">
        <v>120</v>
      </c>
      <c r="AN16670">
        <v>120</v>
      </c>
      <c r="AO16670">
        <v>120</v>
      </c>
      <c r="AP16670">
        <v>120</v>
      </c>
      <c r="AQ16670">
        <v>120</v>
      </c>
    </row>
    <row r="16671" spans="1:43">
      <c r="A16671" t="s">
        <v>10356</v>
      </c>
      <c r="B16671" t="s">
        <v>10357</v>
      </c>
      <c r="C16671" t="s">
        <v>10332</v>
      </c>
      <c r="D16671" t="s">
        <v>10333</v>
      </c>
      <c r="E16671" t="s">
        <v>10212</v>
      </c>
      <c r="F16671" t="s">
        <v>10213</v>
      </c>
      <c r="G16671" t="s">
        <v>10214</v>
      </c>
      <c r="H16671" t="s">
        <v>10215</v>
      </c>
      <c r="I16671" s="2">
        <v>1</v>
      </c>
      <c r="J16671" s="2">
        <v>0</v>
      </c>
      <c r="K16671" s="2">
        <v>0</v>
      </c>
      <c r="L16671" t="s">
        <v>120</v>
      </c>
      <c r="M16671" t="s">
        <v>87</v>
      </c>
      <c r="N16671" t="s">
        <v>88</v>
      </c>
      <c r="O16671" t="s">
        <v>85</v>
      </c>
      <c r="P16671" t="s">
        <v>86</v>
      </c>
      <c r="Q16671">
        <v>94</v>
      </c>
      <c r="R16671">
        <v>95</v>
      </c>
      <c r="S16671">
        <v>95</v>
      </c>
      <c r="T16671">
        <v>95</v>
      </c>
      <c r="U16671">
        <v>96</v>
      </c>
      <c r="V16671">
        <v>96</v>
      </c>
      <c r="W16671">
        <v>97</v>
      </c>
      <c r="X16671">
        <v>97</v>
      </c>
      <c r="Y16671">
        <v>98</v>
      </c>
      <c r="Z16671">
        <v>98</v>
      </c>
      <c r="AA16671">
        <v>99</v>
      </c>
      <c r="AB16671">
        <v>99</v>
      </c>
      <c r="AC16671">
        <v>99</v>
      </c>
      <c r="AD16671">
        <v>100</v>
      </c>
      <c r="AE16671">
        <v>100</v>
      </c>
      <c r="AF16671">
        <v>101</v>
      </c>
      <c r="AG16671">
        <v>101</v>
      </c>
      <c r="AH16671">
        <v>102</v>
      </c>
      <c r="AI16671">
        <v>102</v>
      </c>
      <c r="AJ16671">
        <v>102</v>
      </c>
      <c r="AK16671">
        <v>103</v>
      </c>
      <c r="AL16671">
        <v>103</v>
      </c>
      <c r="AM16671">
        <v>104</v>
      </c>
      <c r="AN16671">
        <v>104</v>
      </c>
      <c r="AO16671">
        <v>104</v>
      </c>
      <c r="AP16671">
        <v>105</v>
      </c>
      <c r="AQ16671">
        <v>105</v>
      </c>
    </row>
    <row r="16672" spans="1:43">
      <c r="A16672" t="s">
        <v>10356</v>
      </c>
      <c r="B16672" t="s">
        <v>10357</v>
      </c>
      <c r="C16672" t="s">
        <v>10332</v>
      </c>
      <c r="D16672" t="s">
        <v>10333</v>
      </c>
      <c r="E16672" t="s">
        <v>10212</v>
      </c>
      <c r="F16672" t="s">
        <v>10213</v>
      </c>
      <c r="G16672" t="s">
        <v>10214</v>
      </c>
      <c r="H16672" t="s">
        <v>10215</v>
      </c>
      <c r="I16672" s="2">
        <v>1</v>
      </c>
      <c r="J16672" s="2">
        <v>0</v>
      </c>
      <c r="K16672" s="2">
        <v>0</v>
      </c>
      <c r="L16672" t="s">
        <v>120</v>
      </c>
      <c r="M16672" t="s">
        <v>89</v>
      </c>
      <c r="N16672" t="s">
        <v>90</v>
      </c>
      <c r="O16672" t="s">
        <v>85</v>
      </c>
      <c r="P16672" t="s">
        <v>86</v>
      </c>
      <c r="Q16672">
        <v>94</v>
      </c>
      <c r="R16672">
        <v>96</v>
      </c>
      <c r="S16672">
        <v>98</v>
      </c>
      <c r="T16672">
        <v>100</v>
      </c>
      <c r="U16672">
        <v>102</v>
      </c>
      <c r="V16672">
        <v>104</v>
      </c>
      <c r="W16672">
        <v>106</v>
      </c>
      <c r="X16672">
        <v>108</v>
      </c>
      <c r="Y16672">
        <v>110</v>
      </c>
      <c r="Z16672">
        <v>111</v>
      </c>
      <c r="AA16672">
        <v>113</v>
      </c>
      <c r="AB16672">
        <v>115</v>
      </c>
      <c r="AC16672">
        <v>116</v>
      </c>
      <c r="AD16672">
        <v>118</v>
      </c>
      <c r="AE16672">
        <v>119</v>
      </c>
      <c r="AF16672">
        <v>119</v>
      </c>
      <c r="AG16672">
        <v>119</v>
      </c>
      <c r="AH16672">
        <v>119</v>
      </c>
      <c r="AI16672">
        <v>119</v>
      </c>
      <c r="AJ16672">
        <v>119</v>
      </c>
      <c r="AK16672">
        <v>120</v>
      </c>
      <c r="AL16672">
        <v>120</v>
      </c>
      <c r="AM16672">
        <v>120</v>
      </c>
      <c r="AN16672">
        <v>120</v>
      </c>
      <c r="AO16672">
        <v>120</v>
      </c>
      <c r="AP16672">
        <v>120</v>
      </c>
      <c r="AQ16672">
        <v>120</v>
      </c>
    </row>
    <row r="16673" spans="1:43">
      <c r="A16673" t="s">
        <v>10356</v>
      </c>
      <c r="B16673" t="s">
        <v>10357</v>
      </c>
      <c r="C16673" t="s">
        <v>10332</v>
      </c>
      <c r="D16673" t="s">
        <v>10333</v>
      </c>
      <c r="E16673" t="s">
        <v>10212</v>
      </c>
      <c r="F16673" t="s">
        <v>10213</v>
      </c>
      <c r="G16673" t="s">
        <v>10214</v>
      </c>
      <c r="H16673" t="s">
        <v>10215</v>
      </c>
      <c r="I16673" s="2">
        <v>1</v>
      </c>
      <c r="J16673" s="2">
        <v>0</v>
      </c>
      <c r="K16673" s="2">
        <v>0</v>
      </c>
      <c r="L16673" t="s">
        <v>120</v>
      </c>
      <c r="M16673" t="s">
        <v>83</v>
      </c>
      <c r="N16673" t="s">
        <v>91</v>
      </c>
      <c r="O16673" t="s">
        <v>85</v>
      </c>
      <c r="P16673" t="s">
        <v>86</v>
      </c>
      <c r="Q16673">
        <v>94</v>
      </c>
      <c r="R16673">
        <v>95</v>
      </c>
      <c r="S16673">
        <v>97</v>
      </c>
      <c r="T16673">
        <v>98</v>
      </c>
      <c r="U16673">
        <v>99</v>
      </c>
      <c r="V16673">
        <v>101</v>
      </c>
      <c r="W16673">
        <v>102</v>
      </c>
      <c r="X16673">
        <v>103</v>
      </c>
      <c r="Y16673">
        <v>105</v>
      </c>
      <c r="Z16673">
        <v>106</v>
      </c>
      <c r="AA16673">
        <v>107</v>
      </c>
      <c r="AB16673">
        <v>108</v>
      </c>
      <c r="AC16673">
        <v>109</v>
      </c>
      <c r="AD16673">
        <v>111</v>
      </c>
      <c r="AE16673">
        <v>112</v>
      </c>
      <c r="AF16673">
        <v>113</v>
      </c>
      <c r="AG16673">
        <v>114</v>
      </c>
      <c r="AH16673">
        <v>116</v>
      </c>
      <c r="AI16673">
        <v>117</v>
      </c>
      <c r="AJ16673">
        <v>118</v>
      </c>
      <c r="AK16673">
        <v>119</v>
      </c>
      <c r="AL16673">
        <v>120</v>
      </c>
      <c r="AM16673">
        <v>120</v>
      </c>
      <c r="AN16673">
        <v>120</v>
      </c>
      <c r="AO16673">
        <v>120</v>
      </c>
      <c r="AP16673">
        <v>120</v>
      </c>
      <c r="AQ16673">
        <v>120</v>
      </c>
    </row>
    <row r="16674" spans="1:43">
      <c r="A16674" t="s">
        <v>10358</v>
      </c>
      <c r="B16674" t="s">
        <v>10359</v>
      </c>
      <c r="C16674" t="s">
        <v>10246</v>
      </c>
      <c r="D16674" t="s">
        <v>10247</v>
      </c>
      <c r="E16674" t="s">
        <v>10212</v>
      </c>
      <c r="F16674" t="s">
        <v>10213</v>
      </c>
      <c r="G16674" t="s">
        <v>10214</v>
      </c>
      <c r="H16674" t="s">
        <v>10215</v>
      </c>
      <c r="I16674" s="2">
        <v>1</v>
      </c>
      <c r="J16674" s="2">
        <v>0</v>
      </c>
      <c r="K16674" s="2">
        <v>0</v>
      </c>
      <c r="L16674" t="s">
        <v>120</v>
      </c>
      <c r="M16674" t="s">
        <v>83</v>
      </c>
      <c r="N16674" t="s">
        <v>84</v>
      </c>
      <c r="O16674" t="s">
        <v>85</v>
      </c>
      <c r="P16674" t="s">
        <v>86</v>
      </c>
      <c r="Q16674">
        <v>18</v>
      </c>
      <c r="R16674">
        <v>18</v>
      </c>
      <c r="S16674">
        <v>19</v>
      </c>
      <c r="T16674">
        <v>19</v>
      </c>
      <c r="U16674">
        <v>19</v>
      </c>
      <c r="V16674">
        <v>19</v>
      </c>
      <c r="W16674">
        <v>20</v>
      </c>
      <c r="X16674">
        <v>20</v>
      </c>
      <c r="Y16674">
        <v>20</v>
      </c>
      <c r="Z16674">
        <v>20</v>
      </c>
      <c r="AA16674">
        <v>20</v>
      </c>
      <c r="AB16674">
        <v>21</v>
      </c>
      <c r="AC16674">
        <v>21</v>
      </c>
      <c r="AD16674">
        <v>21</v>
      </c>
      <c r="AE16674">
        <v>21</v>
      </c>
      <c r="AF16674">
        <v>22</v>
      </c>
      <c r="AG16674">
        <v>22</v>
      </c>
      <c r="AH16674">
        <v>22</v>
      </c>
      <c r="AI16674">
        <v>22</v>
      </c>
      <c r="AJ16674">
        <v>23</v>
      </c>
      <c r="AK16674">
        <v>23</v>
      </c>
      <c r="AL16674">
        <v>23</v>
      </c>
      <c r="AM16674">
        <v>23</v>
      </c>
      <c r="AN16674">
        <v>23</v>
      </c>
      <c r="AO16674">
        <v>23</v>
      </c>
      <c r="AP16674">
        <v>23</v>
      </c>
      <c r="AQ16674">
        <v>23</v>
      </c>
    </row>
    <row r="16675" spans="1:43">
      <c r="A16675" t="s">
        <v>10358</v>
      </c>
      <c r="B16675" t="s">
        <v>10359</v>
      </c>
      <c r="C16675" t="s">
        <v>10246</v>
      </c>
      <c r="D16675" t="s">
        <v>10247</v>
      </c>
      <c r="E16675" t="s">
        <v>10212</v>
      </c>
      <c r="F16675" t="s">
        <v>10213</v>
      </c>
      <c r="G16675" t="s">
        <v>10214</v>
      </c>
      <c r="H16675" t="s">
        <v>10215</v>
      </c>
      <c r="I16675" s="2">
        <v>1</v>
      </c>
      <c r="J16675" s="2">
        <v>0</v>
      </c>
      <c r="K16675" s="2">
        <v>0</v>
      </c>
      <c r="L16675" t="s">
        <v>120</v>
      </c>
      <c r="M16675" t="s">
        <v>87</v>
      </c>
      <c r="N16675" t="s">
        <v>88</v>
      </c>
      <c r="O16675" t="s">
        <v>85</v>
      </c>
      <c r="P16675" t="s">
        <v>86</v>
      </c>
      <c r="Q16675">
        <v>18</v>
      </c>
      <c r="R16675">
        <v>18</v>
      </c>
      <c r="S16675">
        <v>18</v>
      </c>
      <c r="T16675">
        <v>18</v>
      </c>
      <c r="U16675">
        <v>18</v>
      </c>
      <c r="V16675">
        <v>18</v>
      </c>
      <c r="W16675">
        <v>18</v>
      </c>
      <c r="X16675">
        <v>18</v>
      </c>
      <c r="Y16675">
        <v>19</v>
      </c>
      <c r="Z16675">
        <v>19</v>
      </c>
      <c r="AA16675">
        <v>19</v>
      </c>
      <c r="AB16675">
        <v>19</v>
      </c>
      <c r="AC16675">
        <v>19</v>
      </c>
      <c r="AD16675">
        <v>19</v>
      </c>
      <c r="AE16675">
        <v>19</v>
      </c>
      <c r="AF16675">
        <v>19</v>
      </c>
      <c r="AG16675">
        <v>19</v>
      </c>
      <c r="AH16675">
        <v>19</v>
      </c>
      <c r="AI16675">
        <v>19</v>
      </c>
      <c r="AJ16675">
        <v>19</v>
      </c>
      <c r="AK16675">
        <v>20</v>
      </c>
      <c r="AL16675">
        <v>20</v>
      </c>
      <c r="AM16675">
        <v>20</v>
      </c>
      <c r="AN16675">
        <v>20</v>
      </c>
      <c r="AO16675">
        <v>20</v>
      </c>
      <c r="AP16675">
        <v>20</v>
      </c>
      <c r="AQ16675">
        <v>20</v>
      </c>
    </row>
    <row r="16676" spans="1:43">
      <c r="A16676" t="s">
        <v>10358</v>
      </c>
      <c r="B16676" t="s">
        <v>10359</v>
      </c>
      <c r="C16676" t="s">
        <v>10246</v>
      </c>
      <c r="D16676" t="s">
        <v>10247</v>
      </c>
      <c r="E16676" t="s">
        <v>10212</v>
      </c>
      <c r="F16676" t="s">
        <v>10213</v>
      </c>
      <c r="G16676" t="s">
        <v>10214</v>
      </c>
      <c r="H16676" t="s">
        <v>10215</v>
      </c>
      <c r="I16676" s="2">
        <v>1</v>
      </c>
      <c r="J16676" s="2">
        <v>0</v>
      </c>
      <c r="K16676" s="2">
        <v>0</v>
      </c>
      <c r="L16676" t="s">
        <v>120</v>
      </c>
      <c r="M16676" t="s">
        <v>89</v>
      </c>
      <c r="N16676" t="s">
        <v>90</v>
      </c>
      <c r="O16676" t="s">
        <v>85</v>
      </c>
      <c r="P16676" t="s">
        <v>86</v>
      </c>
      <c r="Q16676">
        <v>18</v>
      </c>
      <c r="R16676">
        <v>19</v>
      </c>
      <c r="S16676">
        <v>19</v>
      </c>
      <c r="T16676">
        <v>19</v>
      </c>
      <c r="U16676">
        <v>20</v>
      </c>
      <c r="V16676">
        <v>20</v>
      </c>
      <c r="W16676">
        <v>20</v>
      </c>
      <c r="X16676">
        <v>21</v>
      </c>
      <c r="Y16676">
        <v>21</v>
      </c>
      <c r="Z16676">
        <v>21</v>
      </c>
      <c r="AA16676">
        <v>22</v>
      </c>
      <c r="AB16676">
        <v>22</v>
      </c>
      <c r="AC16676">
        <v>22</v>
      </c>
      <c r="AD16676">
        <v>23</v>
      </c>
      <c r="AE16676">
        <v>23</v>
      </c>
      <c r="AF16676">
        <v>23</v>
      </c>
      <c r="AG16676">
        <v>23</v>
      </c>
      <c r="AH16676">
        <v>23</v>
      </c>
      <c r="AI16676">
        <v>23</v>
      </c>
      <c r="AJ16676">
        <v>23</v>
      </c>
      <c r="AK16676">
        <v>23</v>
      </c>
      <c r="AL16676">
        <v>23</v>
      </c>
      <c r="AM16676">
        <v>23</v>
      </c>
      <c r="AN16676">
        <v>23</v>
      </c>
      <c r="AO16676">
        <v>23</v>
      </c>
      <c r="AP16676">
        <v>23</v>
      </c>
      <c r="AQ16676">
        <v>23</v>
      </c>
    </row>
    <row r="16677" spans="1:43">
      <c r="A16677" t="s">
        <v>10358</v>
      </c>
      <c r="B16677" t="s">
        <v>10359</v>
      </c>
      <c r="C16677" t="s">
        <v>10246</v>
      </c>
      <c r="D16677" t="s">
        <v>10247</v>
      </c>
      <c r="E16677" t="s">
        <v>10212</v>
      </c>
      <c r="F16677" t="s">
        <v>10213</v>
      </c>
      <c r="G16677" t="s">
        <v>10214</v>
      </c>
      <c r="H16677" t="s">
        <v>10215</v>
      </c>
      <c r="I16677" s="2">
        <v>1</v>
      </c>
      <c r="J16677" s="2">
        <v>0</v>
      </c>
      <c r="K16677" s="2">
        <v>0</v>
      </c>
      <c r="L16677" t="s">
        <v>120</v>
      </c>
      <c r="M16677" t="s">
        <v>83</v>
      </c>
      <c r="N16677" t="s">
        <v>91</v>
      </c>
      <c r="O16677" t="s">
        <v>85</v>
      </c>
      <c r="P16677" t="s">
        <v>86</v>
      </c>
      <c r="Q16677">
        <v>18</v>
      </c>
      <c r="R16677">
        <v>18</v>
      </c>
      <c r="S16677">
        <v>19</v>
      </c>
      <c r="T16677">
        <v>19</v>
      </c>
      <c r="U16677">
        <v>19</v>
      </c>
      <c r="V16677">
        <v>19</v>
      </c>
      <c r="W16677">
        <v>20</v>
      </c>
      <c r="X16677">
        <v>20</v>
      </c>
      <c r="Y16677">
        <v>20</v>
      </c>
      <c r="Z16677">
        <v>20</v>
      </c>
      <c r="AA16677">
        <v>20</v>
      </c>
      <c r="AB16677">
        <v>21</v>
      </c>
      <c r="AC16677">
        <v>21</v>
      </c>
      <c r="AD16677">
        <v>21</v>
      </c>
      <c r="AE16677">
        <v>21</v>
      </c>
      <c r="AF16677">
        <v>22</v>
      </c>
      <c r="AG16677">
        <v>22</v>
      </c>
      <c r="AH16677">
        <v>22</v>
      </c>
      <c r="AI16677">
        <v>22</v>
      </c>
      <c r="AJ16677">
        <v>23</v>
      </c>
      <c r="AK16677">
        <v>23</v>
      </c>
      <c r="AL16677">
        <v>23</v>
      </c>
      <c r="AM16677">
        <v>23</v>
      </c>
      <c r="AN16677">
        <v>23</v>
      </c>
      <c r="AO16677">
        <v>23</v>
      </c>
      <c r="AP16677">
        <v>23</v>
      </c>
      <c r="AQ16677">
        <v>23</v>
      </c>
    </row>
    <row r="16678" spans="1:43">
      <c r="A16678" t="s">
        <v>10360</v>
      </c>
      <c r="B16678" t="s">
        <v>10361</v>
      </c>
      <c r="C16678" t="s">
        <v>10246</v>
      </c>
      <c r="D16678" t="s">
        <v>10247</v>
      </c>
      <c r="E16678" t="s">
        <v>10212</v>
      </c>
      <c r="F16678" t="s">
        <v>10213</v>
      </c>
      <c r="G16678" t="s">
        <v>10214</v>
      </c>
      <c r="H16678" t="s">
        <v>10215</v>
      </c>
      <c r="I16678" s="2">
        <v>1</v>
      </c>
      <c r="J16678" s="2">
        <v>0</v>
      </c>
      <c r="K16678" s="2">
        <v>0</v>
      </c>
      <c r="L16678" t="s">
        <v>120</v>
      </c>
      <c r="M16678" t="s">
        <v>83</v>
      </c>
      <c r="N16678" t="s">
        <v>84</v>
      </c>
      <c r="O16678" t="s">
        <v>85</v>
      </c>
      <c r="P16678" t="s">
        <v>86</v>
      </c>
      <c r="Q16678">
        <v>19</v>
      </c>
      <c r="R16678">
        <v>19</v>
      </c>
      <c r="S16678">
        <v>19</v>
      </c>
      <c r="T16678">
        <v>19</v>
      </c>
      <c r="U16678">
        <v>20</v>
      </c>
      <c r="V16678">
        <v>20</v>
      </c>
      <c r="W16678">
        <v>20</v>
      </c>
      <c r="X16678">
        <v>20</v>
      </c>
      <c r="Y16678">
        <v>21</v>
      </c>
      <c r="Z16678">
        <v>21</v>
      </c>
      <c r="AA16678">
        <v>21</v>
      </c>
      <c r="AB16678">
        <v>21</v>
      </c>
      <c r="AC16678">
        <v>22</v>
      </c>
      <c r="AD16678">
        <v>22</v>
      </c>
      <c r="AE16678">
        <v>22</v>
      </c>
      <c r="AF16678">
        <v>22</v>
      </c>
      <c r="AG16678">
        <v>23</v>
      </c>
      <c r="AH16678">
        <v>23</v>
      </c>
      <c r="AI16678">
        <v>23</v>
      </c>
      <c r="AJ16678">
        <v>23</v>
      </c>
      <c r="AK16678">
        <v>23</v>
      </c>
      <c r="AL16678">
        <v>24</v>
      </c>
      <c r="AM16678">
        <v>24</v>
      </c>
      <c r="AN16678">
        <v>24</v>
      </c>
      <c r="AO16678">
        <v>24</v>
      </c>
      <c r="AP16678">
        <v>24</v>
      </c>
      <c r="AQ16678">
        <v>24</v>
      </c>
    </row>
    <row r="16679" spans="1:43">
      <c r="A16679" t="s">
        <v>10360</v>
      </c>
      <c r="B16679" t="s">
        <v>10361</v>
      </c>
      <c r="C16679" t="s">
        <v>10246</v>
      </c>
      <c r="D16679" t="s">
        <v>10247</v>
      </c>
      <c r="E16679" t="s">
        <v>10212</v>
      </c>
      <c r="F16679" t="s">
        <v>10213</v>
      </c>
      <c r="G16679" t="s">
        <v>10214</v>
      </c>
      <c r="H16679" t="s">
        <v>10215</v>
      </c>
      <c r="I16679" s="2">
        <v>1</v>
      </c>
      <c r="J16679" s="2">
        <v>0</v>
      </c>
      <c r="K16679" s="2">
        <v>0</v>
      </c>
      <c r="L16679" t="s">
        <v>120</v>
      </c>
      <c r="M16679" t="s">
        <v>87</v>
      </c>
      <c r="N16679" t="s">
        <v>88</v>
      </c>
      <c r="O16679" t="s">
        <v>85</v>
      </c>
      <c r="P16679" t="s">
        <v>86</v>
      </c>
      <c r="Q16679">
        <v>19</v>
      </c>
      <c r="R16679">
        <v>19</v>
      </c>
      <c r="S16679">
        <v>20</v>
      </c>
      <c r="T16679">
        <v>20</v>
      </c>
      <c r="U16679">
        <v>20</v>
      </c>
      <c r="V16679">
        <v>20</v>
      </c>
      <c r="W16679">
        <v>20</v>
      </c>
      <c r="X16679">
        <v>20</v>
      </c>
      <c r="Y16679">
        <v>20</v>
      </c>
      <c r="Z16679">
        <v>20</v>
      </c>
      <c r="AA16679">
        <v>20</v>
      </c>
      <c r="AB16679">
        <v>20</v>
      </c>
      <c r="AC16679">
        <v>20</v>
      </c>
      <c r="AD16679">
        <v>21</v>
      </c>
      <c r="AE16679">
        <v>21</v>
      </c>
      <c r="AF16679">
        <v>21</v>
      </c>
      <c r="AG16679">
        <v>21</v>
      </c>
      <c r="AH16679">
        <v>21</v>
      </c>
      <c r="AI16679">
        <v>21</v>
      </c>
      <c r="AJ16679">
        <v>21</v>
      </c>
      <c r="AK16679">
        <v>21</v>
      </c>
      <c r="AL16679">
        <v>21</v>
      </c>
      <c r="AM16679">
        <v>21</v>
      </c>
      <c r="AN16679">
        <v>21</v>
      </c>
      <c r="AO16679">
        <v>21</v>
      </c>
      <c r="AP16679">
        <v>21</v>
      </c>
      <c r="AQ16679">
        <v>22</v>
      </c>
    </row>
    <row r="16680" spans="1:43">
      <c r="A16680" t="s">
        <v>10360</v>
      </c>
      <c r="B16680" t="s">
        <v>10361</v>
      </c>
      <c r="C16680" t="s">
        <v>10246</v>
      </c>
      <c r="D16680" t="s">
        <v>10247</v>
      </c>
      <c r="E16680" t="s">
        <v>10212</v>
      </c>
      <c r="F16680" t="s">
        <v>10213</v>
      </c>
      <c r="G16680" t="s">
        <v>10214</v>
      </c>
      <c r="H16680" t="s">
        <v>10215</v>
      </c>
      <c r="I16680" s="2">
        <v>1</v>
      </c>
      <c r="J16680" s="2">
        <v>0</v>
      </c>
      <c r="K16680" s="2">
        <v>0</v>
      </c>
      <c r="L16680" t="s">
        <v>120</v>
      </c>
      <c r="M16680" t="s">
        <v>89</v>
      </c>
      <c r="N16680" t="s">
        <v>90</v>
      </c>
      <c r="O16680" t="s">
        <v>85</v>
      </c>
      <c r="P16680" t="s">
        <v>86</v>
      </c>
      <c r="Q16680">
        <v>19</v>
      </c>
      <c r="R16680">
        <v>19</v>
      </c>
      <c r="S16680">
        <v>20</v>
      </c>
      <c r="T16680">
        <v>20</v>
      </c>
      <c r="U16680">
        <v>20</v>
      </c>
      <c r="V16680">
        <v>21</v>
      </c>
      <c r="W16680">
        <v>21</v>
      </c>
      <c r="X16680">
        <v>21</v>
      </c>
      <c r="Y16680">
        <v>22</v>
      </c>
      <c r="Z16680">
        <v>22</v>
      </c>
      <c r="AA16680">
        <v>22</v>
      </c>
      <c r="AB16680">
        <v>23</v>
      </c>
      <c r="AC16680">
        <v>23</v>
      </c>
      <c r="AD16680">
        <v>23</v>
      </c>
      <c r="AE16680">
        <v>24</v>
      </c>
      <c r="AF16680">
        <v>24</v>
      </c>
      <c r="AG16680">
        <v>24</v>
      </c>
      <c r="AH16680">
        <v>24</v>
      </c>
      <c r="AI16680">
        <v>24</v>
      </c>
      <c r="AJ16680">
        <v>24</v>
      </c>
      <c r="AK16680">
        <v>24</v>
      </c>
      <c r="AL16680">
        <v>24</v>
      </c>
      <c r="AM16680">
        <v>24</v>
      </c>
      <c r="AN16680">
        <v>24</v>
      </c>
      <c r="AO16680">
        <v>24</v>
      </c>
      <c r="AP16680">
        <v>24</v>
      </c>
      <c r="AQ16680">
        <v>24</v>
      </c>
    </row>
    <row r="16681" spans="1:43">
      <c r="A16681" t="s">
        <v>10360</v>
      </c>
      <c r="B16681" t="s">
        <v>10361</v>
      </c>
      <c r="C16681" t="s">
        <v>10246</v>
      </c>
      <c r="D16681" t="s">
        <v>10247</v>
      </c>
      <c r="E16681" t="s">
        <v>10212</v>
      </c>
      <c r="F16681" t="s">
        <v>10213</v>
      </c>
      <c r="G16681" t="s">
        <v>10214</v>
      </c>
      <c r="H16681" t="s">
        <v>10215</v>
      </c>
      <c r="I16681" s="2">
        <v>1</v>
      </c>
      <c r="J16681" s="2">
        <v>0</v>
      </c>
      <c r="K16681" s="2">
        <v>0</v>
      </c>
      <c r="L16681" t="s">
        <v>120</v>
      </c>
      <c r="M16681" t="s">
        <v>83</v>
      </c>
      <c r="N16681" t="s">
        <v>91</v>
      </c>
      <c r="O16681" t="s">
        <v>85</v>
      </c>
      <c r="P16681" t="s">
        <v>86</v>
      </c>
      <c r="Q16681">
        <v>19</v>
      </c>
      <c r="R16681">
        <v>19</v>
      </c>
      <c r="S16681">
        <v>19</v>
      </c>
      <c r="T16681">
        <v>19</v>
      </c>
      <c r="U16681">
        <v>20</v>
      </c>
      <c r="V16681">
        <v>20</v>
      </c>
      <c r="W16681">
        <v>20</v>
      </c>
      <c r="X16681">
        <v>20</v>
      </c>
      <c r="Y16681">
        <v>21</v>
      </c>
      <c r="Z16681">
        <v>21</v>
      </c>
      <c r="AA16681">
        <v>21</v>
      </c>
      <c r="AB16681">
        <v>21</v>
      </c>
      <c r="AC16681">
        <v>22</v>
      </c>
      <c r="AD16681">
        <v>22</v>
      </c>
      <c r="AE16681">
        <v>22</v>
      </c>
      <c r="AF16681">
        <v>22</v>
      </c>
      <c r="AG16681">
        <v>23</v>
      </c>
      <c r="AH16681">
        <v>23</v>
      </c>
      <c r="AI16681">
        <v>23</v>
      </c>
      <c r="AJ16681">
        <v>23</v>
      </c>
      <c r="AK16681">
        <v>23</v>
      </c>
      <c r="AL16681">
        <v>24</v>
      </c>
      <c r="AM16681">
        <v>24</v>
      </c>
      <c r="AN16681">
        <v>24</v>
      </c>
      <c r="AO16681">
        <v>24</v>
      </c>
      <c r="AP16681">
        <v>24</v>
      </c>
      <c r="AQ16681">
        <v>24</v>
      </c>
    </row>
    <row r="16682" spans="1:43">
      <c r="A16682" t="s">
        <v>10362</v>
      </c>
      <c r="B16682" t="s">
        <v>10363</v>
      </c>
      <c r="C16682" t="s">
        <v>10246</v>
      </c>
      <c r="D16682" t="s">
        <v>10247</v>
      </c>
      <c r="E16682" t="s">
        <v>10212</v>
      </c>
      <c r="F16682" t="s">
        <v>10213</v>
      </c>
      <c r="G16682" t="s">
        <v>10214</v>
      </c>
      <c r="H16682" t="s">
        <v>10215</v>
      </c>
      <c r="I16682" s="2">
        <v>1</v>
      </c>
      <c r="J16682" s="2">
        <v>0</v>
      </c>
      <c r="K16682" s="2">
        <v>0</v>
      </c>
      <c r="L16682" t="s">
        <v>120</v>
      </c>
      <c r="M16682" t="s">
        <v>83</v>
      </c>
      <c r="N16682" t="s">
        <v>84</v>
      </c>
      <c r="O16682" t="s">
        <v>85</v>
      </c>
      <c r="P16682" t="s">
        <v>86</v>
      </c>
      <c r="Q16682">
        <v>13</v>
      </c>
      <c r="R16682">
        <v>14</v>
      </c>
      <c r="S16682">
        <v>14</v>
      </c>
      <c r="T16682">
        <v>14</v>
      </c>
      <c r="U16682">
        <v>14</v>
      </c>
      <c r="V16682">
        <v>14</v>
      </c>
      <c r="W16682">
        <v>15</v>
      </c>
      <c r="X16682">
        <v>15</v>
      </c>
      <c r="Y16682">
        <v>15</v>
      </c>
      <c r="Z16682">
        <v>15</v>
      </c>
      <c r="AA16682">
        <v>15</v>
      </c>
      <c r="AB16682">
        <v>16</v>
      </c>
      <c r="AC16682">
        <v>16</v>
      </c>
      <c r="AD16682">
        <v>16</v>
      </c>
      <c r="AE16682">
        <v>16</v>
      </c>
      <c r="AF16682">
        <v>16</v>
      </c>
      <c r="AG16682">
        <v>16</v>
      </c>
      <c r="AH16682">
        <v>17</v>
      </c>
      <c r="AI16682">
        <v>17</v>
      </c>
      <c r="AJ16682">
        <v>17</v>
      </c>
      <c r="AK16682">
        <v>17</v>
      </c>
      <c r="AL16682">
        <v>17</v>
      </c>
      <c r="AM16682">
        <v>17</v>
      </c>
      <c r="AN16682">
        <v>17</v>
      </c>
      <c r="AO16682">
        <v>17</v>
      </c>
      <c r="AP16682">
        <v>17</v>
      </c>
      <c r="AQ16682">
        <v>17</v>
      </c>
    </row>
    <row r="16683" spans="1:43">
      <c r="A16683" t="s">
        <v>10362</v>
      </c>
      <c r="B16683" t="s">
        <v>10363</v>
      </c>
      <c r="C16683" t="s">
        <v>10246</v>
      </c>
      <c r="D16683" t="s">
        <v>10247</v>
      </c>
      <c r="E16683" t="s">
        <v>10212</v>
      </c>
      <c r="F16683" t="s">
        <v>10213</v>
      </c>
      <c r="G16683" t="s">
        <v>10214</v>
      </c>
      <c r="H16683" t="s">
        <v>10215</v>
      </c>
      <c r="I16683" s="2">
        <v>1</v>
      </c>
      <c r="J16683" s="2">
        <v>0</v>
      </c>
      <c r="K16683" s="2">
        <v>0</v>
      </c>
      <c r="L16683" t="s">
        <v>120</v>
      </c>
      <c r="M16683" t="s">
        <v>87</v>
      </c>
      <c r="N16683" t="s">
        <v>88</v>
      </c>
      <c r="O16683" t="s">
        <v>85</v>
      </c>
      <c r="P16683" t="s">
        <v>86</v>
      </c>
      <c r="Q16683">
        <v>13</v>
      </c>
      <c r="R16683">
        <v>13</v>
      </c>
      <c r="S16683">
        <v>13</v>
      </c>
      <c r="T16683">
        <v>14</v>
      </c>
      <c r="U16683">
        <v>14</v>
      </c>
      <c r="V16683">
        <v>14</v>
      </c>
      <c r="W16683">
        <v>14</v>
      </c>
      <c r="X16683">
        <v>14</v>
      </c>
      <c r="Y16683">
        <v>14</v>
      </c>
      <c r="Z16683">
        <v>14</v>
      </c>
      <c r="AA16683">
        <v>14</v>
      </c>
      <c r="AB16683">
        <v>14</v>
      </c>
      <c r="AC16683">
        <v>14</v>
      </c>
      <c r="AD16683">
        <v>14</v>
      </c>
      <c r="AE16683">
        <v>14</v>
      </c>
      <c r="AF16683">
        <v>14</v>
      </c>
      <c r="AG16683">
        <v>14</v>
      </c>
      <c r="AH16683">
        <v>14</v>
      </c>
      <c r="AI16683">
        <v>15</v>
      </c>
      <c r="AJ16683">
        <v>15</v>
      </c>
      <c r="AK16683">
        <v>15</v>
      </c>
      <c r="AL16683">
        <v>15</v>
      </c>
      <c r="AM16683">
        <v>15</v>
      </c>
      <c r="AN16683">
        <v>15</v>
      </c>
      <c r="AO16683">
        <v>15</v>
      </c>
      <c r="AP16683">
        <v>15</v>
      </c>
      <c r="AQ16683">
        <v>15</v>
      </c>
    </row>
    <row r="16684" spans="1:43">
      <c r="A16684" t="s">
        <v>10362</v>
      </c>
      <c r="B16684" t="s">
        <v>10363</v>
      </c>
      <c r="C16684" t="s">
        <v>10246</v>
      </c>
      <c r="D16684" t="s">
        <v>10247</v>
      </c>
      <c r="E16684" t="s">
        <v>10212</v>
      </c>
      <c r="F16684" t="s">
        <v>10213</v>
      </c>
      <c r="G16684" t="s">
        <v>10214</v>
      </c>
      <c r="H16684" t="s">
        <v>10215</v>
      </c>
      <c r="I16684" s="2">
        <v>1</v>
      </c>
      <c r="J16684" s="2">
        <v>0</v>
      </c>
      <c r="K16684" s="2">
        <v>0</v>
      </c>
      <c r="L16684" t="s">
        <v>120</v>
      </c>
      <c r="M16684" t="s">
        <v>89</v>
      </c>
      <c r="N16684" t="s">
        <v>90</v>
      </c>
      <c r="O16684" t="s">
        <v>85</v>
      </c>
      <c r="P16684" t="s">
        <v>86</v>
      </c>
      <c r="Q16684">
        <v>13</v>
      </c>
      <c r="R16684">
        <v>13</v>
      </c>
      <c r="S16684">
        <v>13</v>
      </c>
      <c r="T16684">
        <v>14</v>
      </c>
      <c r="U16684">
        <v>14</v>
      </c>
      <c r="V16684">
        <v>14</v>
      </c>
      <c r="W16684">
        <v>14</v>
      </c>
      <c r="X16684">
        <v>15</v>
      </c>
      <c r="Y16684">
        <v>15</v>
      </c>
      <c r="Z16684">
        <v>15</v>
      </c>
      <c r="AA16684">
        <v>15</v>
      </c>
      <c r="AB16684">
        <v>16</v>
      </c>
      <c r="AC16684">
        <v>16</v>
      </c>
      <c r="AD16684">
        <v>16</v>
      </c>
      <c r="AE16684">
        <v>16</v>
      </c>
      <c r="AF16684">
        <v>16</v>
      </c>
      <c r="AG16684">
        <v>16</v>
      </c>
      <c r="AH16684">
        <v>16</v>
      </c>
      <c r="AI16684">
        <v>16</v>
      </c>
      <c r="AJ16684">
        <v>16</v>
      </c>
      <c r="AK16684">
        <v>16</v>
      </c>
      <c r="AL16684">
        <v>16</v>
      </c>
      <c r="AM16684">
        <v>16</v>
      </c>
      <c r="AN16684">
        <v>16</v>
      </c>
      <c r="AO16684">
        <v>16</v>
      </c>
      <c r="AP16684">
        <v>16</v>
      </c>
      <c r="AQ16684">
        <v>16</v>
      </c>
    </row>
    <row r="16685" spans="1:43">
      <c r="A16685" t="s">
        <v>10362</v>
      </c>
      <c r="B16685" t="s">
        <v>10363</v>
      </c>
      <c r="C16685" t="s">
        <v>10246</v>
      </c>
      <c r="D16685" t="s">
        <v>10247</v>
      </c>
      <c r="E16685" t="s">
        <v>10212</v>
      </c>
      <c r="F16685" t="s">
        <v>10213</v>
      </c>
      <c r="G16685" t="s">
        <v>10214</v>
      </c>
      <c r="H16685" t="s">
        <v>10215</v>
      </c>
      <c r="I16685" s="2">
        <v>1</v>
      </c>
      <c r="J16685" s="2">
        <v>0</v>
      </c>
      <c r="K16685" s="2">
        <v>0</v>
      </c>
      <c r="L16685" t="s">
        <v>120</v>
      </c>
      <c r="M16685" t="s">
        <v>83</v>
      </c>
      <c r="N16685" t="s">
        <v>91</v>
      </c>
      <c r="O16685" t="s">
        <v>85</v>
      </c>
      <c r="P16685" t="s">
        <v>86</v>
      </c>
      <c r="Q16685">
        <v>13</v>
      </c>
      <c r="R16685">
        <v>14</v>
      </c>
      <c r="S16685">
        <v>14</v>
      </c>
      <c r="T16685">
        <v>14</v>
      </c>
      <c r="U16685">
        <v>14</v>
      </c>
      <c r="V16685">
        <v>14</v>
      </c>
      <c r="W16685">
        <v>15</v>
      </c>
      <c r="X16685">
        <v>15</v>
      </c>
      <c r="Y16685">
        <v>15</v>
      </c>
      <c r="Z16685">
        <v>15</v>
      </c>
      <c r="AA16685">
        <v>15</v>
      </c>
      <c r="AB16685">
        <v>16</v>
      </c>
      <c r="AC16685">
        <v>16</v>
      </c>
      <c r="AD16685">
        <v>16</v>
      </c>
      <c r="AE16685">
        <v>16</v>
      </c>
      <c r="AF16685">
        <v>16</v>
      </c>
      <c r="AG16685">
        <v>16</v>
      </c>
      <c r="AH16685">
        <v>17</v>
      </c>
      <c r="AI16685">
        <v>17</v>
      </c>
      <c r="AJ16685">
        <v>17</v>
      </c>
      <c r="AK16685">
        <v>17</v>
      </c>
      <c r="AL16685">
        <v>17</v>
      </c>
      <c r="AM16685">
        <v>17</v>
      </c>
      <c r="AN16685">
        <v>17</v>
      </c>
      <c r="AO16685">
        <v>17</v>
      </c>
      <c r="AP16685">
        <v>17</v>
      </c>
      <c r="AQ16685">
        <v>17</v>
      </c>
    </row>
    <row r="16686" spans="1:43">
      <c r="A16686" t="s">
        <v>10364</v>
      </c>
      <c r="B16686" t="s">
        <v>10365</v>
      </c>
      <c r="C16686" t="s">
        <v>10246</v>
      </c>
      <c r="D16686" t="s">
        <v>10247</v>
      </c>
      <c r="E16686" t="s">
        <v>10212</v>
      </c>
      <c r="F16686" t="s">
        <v>10213</v>
      </c>
      <c r="G16686" t="s">
        <v>10214</v>
      </c>
      <c r="H16686" t="s">
        <v>10215</v>
      </c>
      <c r="I16686" s="2">
        <v>1</v>
      </c>
      <c r="J16686" s="2">
        <v>0</v>
      </c>
      <c r="K16686" s="2">
        <v>0</v>
      </c>
      <c r="L16686" t="s">
        <v>120</v>
      </c>
      <c r="M16686" t="s">
        <v>83</v>
      </c>
      <c r="N16686" t="s">
        <v>84</v>
      </c>
      <c r="O16686" t="s">
        <v>85</v>
      </c>
      <c r="P16686" t="s">
        <v>86</v>
      </c>
      <c r="Q16686">
        <v>40</v>
      </c>
      <c r="R16686">
        <v>40</v>
      </c>
      <c r="S16686">
        <v>41</v>
      </c>
      <c r="T16686">
        <v>42</v>
      </c>
      <c r="U16686">
        <v>42</v>
      </c>
      <c r="V16686">
        <v>43</v>
      </c>
      <c r="W16686">
        <v>43</v>
      </c>
      <c r="X16686">
        <v>44</v>
      </c>
      <c r="Y16686">
        <v>44</v>
      </c>
      <c r="Z16686">
        <v>45</v>
      </c>
      <c r="AA16686">
        <v>45</v>
      </c>
      <c r="AB16686">
        <v>46</v>
      </c>
      <c r="AC16686">
        <v>47</v>
      </c>
      <c r="AD16686">
        <v>47</v>
      </c>
      <c r="AE16686">
        <v>48</v>
      </c>
      <c r="AF16686">
        <v>48</v>
      </c>
      <c r="AG16686">
        <v>49</v>
      </c>
      <c r="AH16686">
        <v>49</v>
      </c>
      <c r="AI16686">
        <v>50</v>
      </c>
      <c r="AJ16686">
        <v>50</v>
      </c>
      <c r="AK16686">
        <v>51</v>
      </c>
      <c r="AL16686">
        <v>51</v>
      </c>
      <c r="AM16686">
        <v>51</v>
      </c>
      <c r="AN16686">
        <v>51</v>
      </c>
      <c r="AO16686">
        <v>51</v>
      </c>
      <c r="AP16686">
        <v>51</v>
      </c>
      <c r="AQ16686">
        <v>51</v>
      </c>
    </row>
    <row r="16687" spans="1:43">
      <c r="A16687" t="s">
        <v>10364</v>
      </c>
      <c r="B16687" t="s">
        <v>10365</v>
      </c>
      <c r="C16687" t="s">
        <v>10246</v>
      </c>
      <c r="D16687" t="s">
        <v>10247</v>
      </c>
      <c r="E16687" t="s">
        <v>10212</v>
      </c>
      <c r="F16687" t="s">
        <v>10213</v>
      </c>
      <c r="G16687" t="s">
        <v>10214</v>
      </c>
      <c r="H16687" t="s">
        <v>10215</v>
      </c>
      <c r="I16687" s="2">
        <v>1</v>
      </c>
      <c r="J16687" s="2">
        <v>0</v>
      </c>
      <c r="K16687" s="2">
        <v>0</v>
      </c>
      <c r="L16687" t="s">
        <v>120</v>
      </c>
      <c r="M16687" t="s">
        <v>87</v>
      </c>
      <c r="N16687" t="s">
        <v>88</v>
      </c>
      <c r="O16687" t="s">
        <v>85</v>
      </c>
      <c r="P16687" t="s">
        <v>86</v>
      </c>
      <c r="Q16687">
        <v>40</v>
      </c>
      <c r="R16687">
        <v>40</v>
      </c>
      <c r="S16687">
        <v>40</v>
      </c>
      <c r="T16687">
        <v>40</v>
      </c>
      <c r="U16687">
        <v>40</v>
      </c>
      <c r="V16687">
        <v>41</v>
      </c>
      <c r="W16687">
        <v>41</v>
      </c>
      <c r="X16687">
        <v>41</v>
      </c>
      <c r="Y16687">
        <v>41</v>
      </c>
      <c r="Z16687">
        <v>41</v>
      </c>
      <c r="AA16687">
        <v>41</v>
      </c>
      <c r="AB16687">
        <v>42</v>
      </c>
      <c r="AC16687">
        <v>42</v>
      </c>
      <c r="AD16687">
        <v>42</v>
      </c>
      <c r="AE16687">
        <v>42</v>
      </c>
      <c r="AF16687">
        <v>42</v>
      </c>
      <c r="AG16687">
        <v>43</v>
      </c>
      <c r="AH16687">
        <v>43</v>
      </c>
      <c r="AI16687">
        <v>43</v>
      </c>
      <c r="AJ16687">
        <v>43</v>
      </c>
      <c r="AK16687">
        <v>43</v>
      </c>
      <c r="AL16687">
        <v>43</v>
      </c>
      <c r="AM16687">
        <v>44</v>
      </c>
      <c r="AN16687">
        <v>44</v>
      </c>
      <c r="AO16687">
        <v>44</v>
      </c>
      <c r="AP16687">
        <v>44</v>
      </c>
      <c r="AQ16687">
        <v>44</v>
      </c>
    </row>
    <row r="16688" spans="1:43">
      <c r="A16688" t="s">
        <v>10364</v>
      </c>
      <c r="B16688" t="s">
        <v>10365</v>
      </c>
      <c r="C16688" t="s">
        <v>10246</v>
      </c>
      <c r="D16688" t="s">
        <v>10247</v>
      </c>
      <c r="E16688" t="s">
        <v>10212</v>
      </c>
      <c r="F16688" t="s">
        <v>10213</v>
      </c>
      <c r="G16688" t="s">
        <v>10214</v>
      </c>
      <c r="H16688" t="s">
        <v>10215</v>
      </c>
      <c r="I16688" s="2">
        <v>1</v>
      </c>
      <c r="J16688" s="2">
        <v>0</v>
      </c>
      <c r="K16688" s="2">
        <v>0</v>
      </c>
      <c r="L16688" t="s">
        <v>120</v>
      </c>
      <c r="M16688" t="s">
        <v>89</v>
      </c>
      <c r="N16688" t="s">
        <v>90</v>
      </c>
      <c r="O16688" t="s">
        <v>85</v>
      </c>
      <c r="P16688" t="s">
        <v>86</v>
      </c>
      <c r="Q16688">
        <v>40</v>
      </c>
      <c r="R16688">
        <v>41</v>
      </c>
      <c r="S16688">
        <v>42</v>
      </c>
      <c r="T16688">
        <v>43</v>
      </c>
      <c r="U16688">
        <v>44</v>
      </c>
      <c r="V16688">
        <v>45</v>
      </c>
      <c r="W16688">
        <v>45</v>
      </c>
      <c r="X16688">
        <v>46</v>
      </c>
      <c r="Y16688">
        <v>47</v>
      </c>
      <c r="Z16688">
        <v>48</v>
      </c>
      <c r="AA16688">
        <v>48</v>
      </c>
      <c r="AB16688">
        <v>49</v>
      </c>
      <c r="AC16688">
        <v>50</v>
      </c>
      <c r="AD16688">
        <v>51</v>
      </c>
      <c r="AE16688">
        <v>51</v>
      </c>
      <c r="AF16688">
        <v>51</v>
      </c>
      <c r="AG16688">
        <v>51</v>
      </c>
      <c r="AH16688">
        <v>51</v>
      </c>
      <c r="AI16688">
        <v>51</v>
      </c>
      <c r="AJ16688">
        <v>51</v>
      </c>
      <c r="AK16688">
        <v>51</v>
      </c>
      <c r="AL16688">
        <v>51</v>
      </c>
      <c r="AM16688">
        <v>51</v>
      </c>
      <c r="AN16688">
        <v>51</v>
      </c>
      <c r="AO16688">
        <v>51</v>
      </c>
      <c r="AP16688">
        <v>51</v>
      </c>
      <c r="AQ16688">
        <v>51</v>
      </c>
    </row>
    <row r="16689" spans="1:43">
      <c r="A16689" t="s">
        <v>10364</v>
      </c>
      <c r="B16689" t="s">
        <v>10365</v>
      </c>
      <c r="C16689" t="s">
        <v>10246</v>
      </c>
      <c r="D16689" t="s">
        <v>10247</v>
      </c>
      <c r="E16689" t="s">
        <v>10212</v>
      </c>
      <c r="F16689" t="s">
        <v>10213</v>
      </c>
      <c r="G16689" t="s">
        <v>10214</v>
      </c>
      <c r="H16689" t="s">
        <v>10215</v>
      </c>
      <c r="I16689" s="2">
        <v>1</v>
      </c>
      <c r="J16689" s="2">
        <v>0</v>
      </c>
      <c r="K16689" s="2">
        <v>0</v>
      </c>
      <c r="L16689" t="s">
        <v>120</v>
      </c>
      <c r="M16689" t="s">
        <v>83</v>
      </c>
      <c r="N16689" t="s">
        <v>91</v>
      </c>
      <c r="O16689" t="s">
        <v>85</v>
      </c>
      <c r="P16689" t="s">
        <v>86</v>
      </c>
      <c r="Q16689">
        <v>40</v>
      </c>
      <c r="R16689">
        <v>40</v>
      </c>
      <c r="S16689">
        <v>41</v>
      </c>
      <c r="T16689">
        <v>42</v>
      </c>
      <c r="U16689">
        <v>42</v>
      </c>
      <c r="V16689">
        <v>43</v>
      </c>
      <c r="W16689">
        <v>43</v>
      </c>
      <c r="X16689">
        <v>44</v>
      </c>
      <c r="Y16689">
        <v>44</v>
      </c>
      <c r="Z16689">
        <v>45</v>
      </c>
      <c r="AA16689">
        <v>45</v>
      </c>
      <c r="AB16689">
        <v>46</v>
      </c>
      <c r="AC16689">
        <v>47</v>
      </c>
      <c r="AD16689">
        <v>47</v>
      </c>
      <c r="AE16689">
        <v>48</v>
      </c>
      <c r="AF16689">
        <v>48</v>
      </c>
      <c r="AG16689">
        <v>49</v>
      </c>
      <c r="AH16689">
        <v>49</v>
      </c>
      <c r="AI16689">
        <v>50</v>
      </c>
      <c r="AJ16689">
        <v>50</v>
      </c>
      <c r="AK16689">
        <v>51</v>
      </c>
      <c r="AL16689">
        <v>51</v>
      </c>
      <c r="AM16689">
        <v>51</v>
      </c>
      <c r="AN16689">
        <v>51</v>
      </c>
      <c r="AO16689">
        <v>51</v>
      </c>
      <c r="AP16689">
        <v>51</v>
      </c>
      <c r="AQ16689">
        <v>51</v>
      </c>
    </row>
    <row r="16690" spans="1:43">
      <c r="A16690" t="s">
        <v>10366</v>
      </c>
      <c r="B16690" t="s">
        <v>10367</v>
      </c>
      <c r="C16690" t="s">
        <v>10240</v>
      </c>
      <c r="D16690" t="s">
        <v>10241</v>
      </c>
      <c r="E16690" t="s">
        <v>10212</v>
      </c>
      <c r="F16690" t="s">
        <v>10213</v>
      </c>
      <c r="G16690" t="s">
        <v>10214</v>
      </c>
      <c r="H16690" t="s">
        <v>10215</v>
      </c>
      <c r="I16690" s="2">
        <v>1</v>
      </c>
      <c r="J16690" s="2">
        <v>0</v>
      </c>
      <c r="K16690" s="2">
        <v>0</v>
      </c>
      <c r="L16690" t="s">
        <v>120</v>
      </c>
      <c r="M16690" t="s">
        <v>83</v>
      </c>
      <c r="N16690" t="s">
        <v>84</v>
      </c>
      <c r="O16690" t="s">
        <v>85</v>
      </c>
      <c r="P16690" t="s">
        <v>86</v>
      </c>
      <c r="Q16690">
        <v>33</v>
      </c>
      <c r="R16690">
        <v>34</v>
      </c>
      <c r="S16690">
        <v>34</v>
      </c>
      <c r="T16690">
        <v>35</v>
      </c>
      <c r="U16690">
        <v>35</v>
      </c>
      <c r="V16690">
        <v>36</v>
      </c>
      <c r="W16690">
        <v>36</v>
      </c>
      <c r="X16690">
        <v>37</v>
      </c>
      <c r="Y16690">
        <v>37</v>
      </c>
      <c r="Z16690">
        <v>38</v>
      </c>
      <c r="AA16690">
        <v>38</v>
      </c>
      <c r="AB16690">
        <v>39</v>
      </c>
      <c r="AC16690">
        <v>39</v>
      </c>
      <c r="AD16690">
        <v>39</v>
      </c>
      <c r="AE16690">
        <v>40</v>
      </c>
      <c r="AF16690">
        <v>40</v>
      </c>
      <c r="AG16690">
        <v>41</v>
      </c>
      <c r="AH16690">
        <v>41</v>
      </c>
      <c r="AI16690">
        <v>42</v>
      </c>
      <c r="AJ16690">
        <v>42</v>
      </c>
      <c r="AK16690">
        <v>42</v>
      </c>
      <c r="AL16690">
        <v>43</v>
      </c>
      <c r="AM16690">
        <v>43</v>
      </c>
      <c r="AN16690">
        <v>43</v>
      </c>
      <c r="AO16690">
        <v>43</v>
      </c>
      <c r="AP16690">
        <v>43</v>
      </c>
      <c r="AQ16690">
        <v>43</v>
      </c>
    </row>
    <row r="16691" spans="1:43">
      <c r="A16691" t="s">
        <v>10366</v>
      </c>
      <c r="B16691" t="s">
        <v>10367</v>
      </c>
      <c r="C16691" t="s">
        <v>10240</v>
      </c>
      <c r="D16691" t="s">
        <v>10241</v>
      </c>
      <c r="E16691" t="s">
        <v>10212</v>
      </c>
      <c r="F16691" t="s">
        <v>10213</v>
      </c>
      <c r="G16691" t="s">
        <v>10214</v>
      </c>
      <c r="H16691" t="s">
        <v>10215</v>
      </c>
      <c r="I16691" s="2">
        <v>1</v>
      </c>
      <c r="J16691" s="2">
        <v>0</v>
      </c>
      <c r="K16691" s="2">
        <v>0</v>
      </c>
      <c r="L16691" t="s">
        <v>120</v>
      </c>
      <c r="M16691" t="s">
        <v>87</v>
      </c>
      <c r="N16691" t="s">
        <v>88</v>
      </c>
      <c r="O16691" t="s">
        <v>85</v>
      </c>
      <c r="P16691" t="s">
        <v>86</v>
      </c>
      <c r="Q16691">
        <v>33</v>
      </c>
      <c r="R16691">
        <v>33</v>
      </c>
      <c r="S16691">
        <v>33</v>
      </c>
      <c r="T16691">
        <v>34</v>
      </c>
      <c r="U16691">
        <v>34</v>
      </c>
      <c r="V16691">
        <v>34</v>
      </c>
      <c r="W16691">
        <v>34</v>
      </c>
      <c r="X16691">
        <v>34</v>
      </c>
      <c r="Y16691">
        <v>34</v>
      </c>
      <c r="Z16691">
        <v>35</v>
      </c>
      <c r="AA16691">
        <v>35</v>
      </c>
      <c r="AB16691">
        <v>35</v>
      </c>
      <c r="AC16691">
        <v>35</v>
      </c>
      <c r="AD16691">
        <v>35</v>
      </c>
      <c r="AE16691">
        <v>35</v>
      </c>
      <c r="AF16691">
        <v>36</v>
      </c>
      <c r="AG16691">
        <v>36</v>
      </c>
      <c r="AH16691">
        <v>36</v>
      </c>
      <c r="AI16691">
        <v>36</v>
      </c>
      <c r="AJ16691">
        <v>36</v>
      </c>
      <c r="AK16691">
        <v>36</v>
      </c>
      <c r="AL16691">
        <v>36</v>
      </c>
      <c r="AM16691">
        <v>37</v>
      </c>
      <c r="AN16691">
        <v>37</v>
      </c>
      <c r="AO16691">
        <v>37</v>
      </c>
      <c r="AP16691">
        <v>37</v>
      </c>
      <c r="AQ16691">
        <v>37</v>
      </c>
    </row>
    <row r="16692" spans="1:43">
      <c r="A16692" t="s">
        <v>10366</v>
      </c>
      <c r="B16692" t="s">
        <v>10367</v>
      </c>
      <c r="C16692" t="s">
        <v>10240</v>
      </c>
      <c r="D16692" t="s">
        <v>10241</v>
      </c>
      <c r="E16692" t="s">
        <v>10212</v>
      </c>
      <c r="F16692" t="s">
        <v>10213</v>
      </c>
      <c r="G16692" t="s">
        <v>10214</v>
      </c>
      <c r="H16692" t="s">
        <v>10215</v>
      </c>
      <c r="I16692" s="2">
        <v>1</v>
      </c>
      <c r="J16692" s="2">
        <v>0</v>
      </c>
      <c r="K16692" s="2">
        <v>0</v>
      </c>
      <c r="L16692" t="s">
        <v>120</v>
      </c>
      <c r="M16692" t="s">
        <v>89</v>
      </c>
      <c r="N16692" t="s">
        <v>90</v>
      </c>
      <c r="O16692" t="s">
        <v>85</v>
      </c>
      <c r="P16692" t="s">
        <v>86</v>
      </c>
      <c r="Q16692">
        <v>33</v>
      </c>
      <c r="R16692">
        <v>34</v>
      </c>
      <c r="S16692">
        <v>34</v>
      </c>
      <c r="T16692">
        <v>35</v>
      </c>
      <c r="U16692">
        <v>36</v>
      </c>
      <c r="V16692">
        <v>36</v>
      </c>
      <c r="W16692">
        <v>37</v>
      </c>
      <c r="X16692">
        <v>38</v>
      </c>
      <c r="Y16692">
        <v>38</v>
      </c>
      <c r="Z16692">
        <v>39</v>
      </c>
      <c r="AA16692">
        <v>39</v>
      </c>
      <c r="AB16692">
        <v>40</v>
      </c>
      <c r="AC16692">
        <v>41</v>
      </c>
      <c r="AD16692">
        <v>41</v>
      </c>
      <c r="AE16692">
        <v>42</v>
      </c>
      <c r="AF16692">
        <v>42</v>
      </c>
      <c r="AG16692">
        <v>42</v>
      </c>
      <c r="AH16692">
        <v>42</v>
      </c>
      <c r="AI16692">
        <v>42</v>
      </c>
      <c r="AJ16692">
        <v>42</v>
      </c>
      <c r="AK16692">
        <v>42</v>
      </c>
      <c r="AL16692">
        <v>42</v>
      </c>
      <c r="AM16692">
        <v>42</v>
      </c>
      <c r="AN16692">
        <v>42</v>
      </c>
      <c r="AO16692">
        <v>42</v>
      </c>
      <c r="AP16692">
        <v>42</v>
      </c>
      <c r="AQ16692">
        <v>42</v>
      </c>
    </row>
    <row r="16693" spans="1:43">
      <c r="A16693" t="s">
        <v>10366</v>
      </c>
      <c r="B16693" t="s">
        <v>10367</v>
      </c>
      <c r="C16693" t="s">
        <v>10240</v>
      </c>
      <c r="D16693" t="s">
        <v>10241</v>
      </c>
      <c r="E16693" t="s">
        <v>10212</v>
      </c>
      <c r="F16693" t="s">
        <v>10213</v>
      </c>
      <c r="G16693" t="s">
        <v>10214</v>
      </c>
      <c r="H16693" t="s">
        <v>10215</v>
      </c>
      <c r="I16693" s="2">
        <v>1</v>
      </c>
      <c r="J16693" s="2">
        <v>0</v>
      </c>
      <c r="K16693" s="2">
        <v>0</v>
      </c>
      <c r="L16693" t="s">
        <v>120</v>
      </c>
      <c r="M16693" t="s">
        <v>83</v>
      </c>
      <c r="N16693" t="s">
        <v>91</v>
      </c>
      <c r="O16693" t="s">
        <v>85</v>
      </c>
      <c r="P16693" t="s">
        <v>86</v>
      </c>
      <c r="Q16693">
        <v>33</v>
      </c>
      <c r="R16693">
        <v>34</v>
      </c>
      <c r="S16693">
        <v>34</v>
      </c>
      <c r="T16693">
        <v>35</v>
      </c>
      <c r="U16693">
        <v>35</v>
      </c>
      <c r="V16693">
        <v>36</v>
      </c>
      <c r="W16693">
        <v>36</v>
      </c>
      <c r="X16693">
        <v>37</v>
      </c>
      <c r="Y16693">
        <v>37</v>
      </c>
      <c r="Z16693">
        <v>38</v>
      </c>
      <c r="AA16693">
        <v>38</v>
      </c>
      <c r="AB16693">
        <v>39</v>
      </c>
      <c r="AC16693">
        <v>39</v>
      </c>
      <c r="AD16693">
        <v>39</v>
      </c>
      <c r="AE16693">
        <v>40</v>
      </c>
      <c r="AF16693">
        <v>40</v>
      </c>
      <c r="AG16693">
        <v>41</v>
      </c>
      <c r="AH16693">
        <v>41</v>
      </c>
      <c r="AI16693">
        <v>42</v>
      </c>
      <c r="AJ16693">
        <v>42</v>
      </c>
      <c r="AK16693">
        <v>42</v>
      </c>
      <c r="AL16693">
        <v>43</v>
      </c>
      <c r="AM16693">
        <v>43</v>
      </c>
      <c r="AN16693">
        <v>43</v>
      </c>
      <c r="AO16693">
        <v>43</v>
      </c>
      <c r="AP16693">
        <v>43</v>
      </c>
      <c r="AQ16693">
        <v>43</v>
      </c>
    </row>
    <row r="16694" spans="1:43">
      <c r="A16694" t="s">
        <v>10368</v>
      </c>
      <c r="B16694" t="s">
        <v>10369</v>
      </c>
      <c r="C16694" t="s">
        <v>10264</v>
      </c>
      <c r="D16694" t="s">
        <v>10265</v>
      </c>
      <c r="E16694" t="s">
        <v>10212</v>
      </c>
      <c r="F16694" t="s">
        <v>10213</v>
      </c>
      <c r="G16694" t="s">
        <v>10214</v>
      </c>
      <c r="H16694" t="s">
        <v>10215</v>
      </c>
      <c r="I16694" s="2">
        <v>1</v>
      </c>
      <c r="J16694" s="2">
        <v>0</v>
      </c>
      <c r="K16694" s="2">
        <v>0</v>
      </c>
      <c r="L16694" t="s">
        <v>120</v>
      </c>
      <c r="M16694" t="s">
        <v>83</v>
      </c>
      <c r="N16694" t="s">
        <v>84</v>
      </c>
      <c r="O16694" t="s">
        <v>85</v>
      </c>
      <c r="P16694" t="s">
        <v>86</v>
      </c>
      <c r="Q16694">
        <v>12</v>
      </c>
      <c r="R16694">
        <v>13</v>
      </c>
      <c r="S16694">
        <v>13</v>
      </c>
      <c r="T16694">
        <v>13</v>
      </c>
      <c r="U16694">
        <v>13</v>
      </c>
      <c r="V16694">
        <v>13</v>
      </c>
      <c r="W16694">
        <v>14</v>
      </c>
      <c r="X16694">
        <v>14</v>
      </c>
      <c r="Y16694">
        <v>14</v>
      </c>
      <c r="Z16694">
        <v>14</v>
      </c>
      <c r="AA16694">
        <v>14</v>
      </c>
      <c r="AB16694">
        <v>14</v>
      </c>
      <c r="AC16694">
        <v>14</v>
      </c>
      <c r="AD16694">
        <v>15</v>
      </c>
      <c r="AE16694">
        <v>15</v>
      </c>
      <c r="AF16694">
        <v>15</v>
      </c>
      <c r="AG16694">
        <v>15</v>
      </c>
      <c r="AH16694">
        <v>15</v>
      </c>
      <c r="AI16694">
        <v>15</v>
      </c>
      <c r="AJ16694">
        <v>16</v>
      </c>
      <c r="AK16694">
        <v>16</v>
      </c>
      <c r="AL16694">
        <v>16</v>
      </c>
      <c r="AM16694">
        <v>16</v>
      </c>
      <c r="AN16694">
        <v>16</v>
      </c>
      <c r="AO16694">
        <v>16</v>
      </c>
      <c r="AP16694">
        <v>16</v>
      </c>
      <c r="AQ16694">
        <v>16</v>
      </c>
    </row>
    <row r="16695" spans="1:43">
      <c r="A16695" t="s">
        <v>10368</v>
      </c>
      <c r="B16695" t="s">
        <v>10369</v>
      </c>
      <c r="C16695" t="s">
        <v>10264</v>
      </c>
      <c r="D16695" t="s">
        <v>10265</v>
      </c>
      <c r="E16695" t="s">
        <v>10212</v>
      </c>
      <c r="F16695" t="s">
        <v>10213</v>
      </c>
      <c r="G16695" t="s">
        <v>10214</v>
      </c>
      <c r="H16695" t="s">
        <v>10215</v>
      </c>
      <c r="I16695" s="2">
        <v>1</v>
      </c>
      <c r="J16695" s="2">
        <v>0</v>
      </c>
      <c r="K16695" s="2">
        <v>0</v>
      </c>
      <c r="L16695" t="s">
        <v>120</v>
      </c>
      <c r="M16695" t="s">
        <v>87</v>
      </c>
      <c r="N16695" t="s">
        <v>88</v>
      </c>
      <c r="O16695" t="s">
        <v>85</v>
      </c>
      <c r="P16695" t="s">
        <v>86</v>
      </c>
      <c r="Q16695">
        <v>12</v>
      </c>
      <c r="R16695">
        <v>12</v>
      </c>
      <c r="S16695">
        <v>12</v>
      </c>
      <c r="T16695">
        <v>13</v>
      </c>
      <c r="U16695">
        <v>13</v>
      </c>
      <c r="V16695">
        <v>13</v>
      </c>
      <c r="W16695">
        <v>13</v>
      </c>
      <c r="X16695">
        <v>13</v>
      </c>
      <c r="Y16695">
        <v>13</v>
      </c>
      <c r="Z16695">
        <v>13</v>
      </c>
      <c r="AA16695">
        <v>13</v>
      </c>
      <c r="AB16695">
        <v>13</v>
      </c>
      <c r="AC16695">
        <v>13</v>
      </c>
      <c r="AD16695">
        <v>13</v>
      </c>
      <c r="AE16695">
        <v>13</v>
      </c>
      <c r="AF16695">
        <v>13</v>
      </c>
      <c r="AG16695">
        <v>13</v>
      </c>
      <c r="AH16695">
        <v>13</v>
      </c>
      <c r="AI16695">
        <v>13</v>
      </c>
      <c r="AJ16695">
        <v>13</v>
      </c>
      <c r="AK16695">
        <v>13</v>
      </c>
      <c r="AL16695">
        <v>14</v>
      </c>
      <c r="AM16695">
        <v>14</v>
      </c>
      <c r="AN16695">
        <v>14</v>
      </c>
      <c r="AO16695">
        <v>14</v>
      </c>
      <c r="AP16695">
        <v>14</v>
      </c>
      <c r="AQ16695">
        <v>14</v>
      </c>
    </row>
    <row r="16696" spans="1:43">
      <c r="A16696" t="s">
        <v>10368</v>
      </c>
      <c r="B16696" t="s">
        <v>10369</v>
      </c>
      <c r="C16696" t="s">
        <v>10264</v>
      </c>
      <c r="D16696" t="s">
        <v>10265</v>
      </c>
      <c r="E16696" t="s">
        <v>10212</v>
      </c>
      <c r="F16696" t="s">
        <v>10213</v>
      </c>
      <c r="G16696" t="s">
        <v>10214</v>
      </c>
      <c r="H16696" t="s">
        <v>10215</v>
      </c>
      <c r="I16696" s="2">
        <v>1</v>
      </c>
      <c r="J16696" s="2">
        <v>0</v>
      </c>
      <c r="K16696" s="2">
        <v>0</v>
      </c>
      <c r="L16696" t="s">
        <v>120</v>
      </c>
      <c r="M16696" t="s">
        <v>89</v>
      </c>
      <c r="N16696" t="s">
        <v>90</v>
      </c>
      <c r="O16696" t="s">
        <v>85</v>
      </c>
      <c r="P16696" t="s">
        <v>86</v>
      </c>
      <c r="Q16696">
        <v>12</v>
      </c>
      <c r="R16696">
        <v>12</v>
      </c>
      <c r="S16696">
        <v>12</v>
      </c>
      <c r="T16696">
        <v>12</v>
      </c>
      <c r="U16696">
        <v>13</v>
      </c>
      <c r="V16696">
        <v>13</v>
      </c>
      <c r="W16696">
        <v>13</v>
      </c>
      <c r="X16696">
        <v>13</v>
      </c>
      <c r="Y16696">
        <v>14</v>
      </c>
      <c r="Z16696">
        <v>14</v>
      </c>
      <c r="AA16696">
        <v>14</v>
      </c>
      <c r="AB16696">
        <v>14</v>
      </c>
      <c r="AC16696">
        <v>15</v>
      </c>
      <c r="AD16696">
        <v>15</v>
      </c>
      <c r="AE16696">
        <v>15</v>
      </c>
      <c r="AF16696">
        <v>15</v>
      </c>
      <c r="AG16696">
        <v>15</v>
      </c>
      <c r="AH16696">
        <v>15</v>
      </c>
      <c r="AI16696">
        <v>15</v>
      </c>
      <c r="AJ16696">
        <v>15</v>
      </c>
      <c r="AK16696">
        <v>15</v>
      </c>
      <c r="AL16696">
        <v>15</v>
      </c>
      <c r="AM16696">
        <v>15</v>
      </c>
      <c r="AN16696">
        <v>15</v>
      </c>
      <c r="AO16696">
        <v>15</v>
      </c>
      <c r="AP16696">
        <v>15</v>
      </c>
      <c r="AQ16696">
        <v>15</v>
      </c>
    </row>
    <row r="16697" spans="1:43">
      <c r="A16697" t="s">
        <v>10368</v>
      </c>
      <c r="B16697" t="s">
        <v>10369</v>
      </c>
      <c r="C16697" t="s">
        <v>10264</v>
      </c>
      <c r="D16697" t="s">
        <v>10265</v>
      </c>
      <c r="E16697" t="s">
        <v>10212</v>
      </c>
      <c r="F16697" t="s">
        <v>10213</v>
      </c>
      <c r="G16697" t="s">
        <v>10214</v>
      </c>
      <c r="H16697" t="s">
        <v>10215</v>
      </c>
      <c r="I16697" s="2">
        <v>1</v>
      </c>
      <c r="J16697" s="2">
        <v>0</v>
      </c>
      <c r="K16697" s="2">
        <v>0</v>
      </c>
      <c r="L16697" t="s">
        <v>120</v>
      </c>
      <c r="M16697" t="s">
        <v>83</v>
      </c>
      <c r="N16697" t="s">
        <v>91</v>
      </c>
      <c r="O16697" t="s">
        <v>85</v>
      </c>
      <c r="P16697" t="s">
        <v>86</v>
      </c>
      <c r="Q16697">
        <v>12</v>
      </c>
      <c r="R16697">
        <v>13</v>
      </c>
      <c r="S16697">
        <v>13</v>
      </c>
      <c r="T16697">
        <v>13</v>
      </c>
      <c r="U16697">
        <v>13</v>
      </c>
      <c r="V16697">
        <v>13</v>
      </c>
      <c r="W16697">
        <v>14</v>
      </c>
      <c r="X16697">
        <v>14</v>
      </c>
      <c r="Y16697">
        <v>14</v>
      </c>
      <c r="Z16697">
        <v>14</v>
      </c>
      <c r="AA16697">
        <v>14</v>
      </c>
      <c r="AB16697">
        <v>14</v>
      </c>
      <c r="AC16697">
        <v>14</v>
      </c>
      <c r="AD16697">
        <v>15</v>
      </c>
      <c r="AE16697">
        <v>15</v>
      </c>
      <c r="AF16697">
        <v>15</v>
      </c>
      <c r="AG16697">
        <v>15</v>
      </c>
      <c r="AH16697">
        <v>15</v>
      </c>
      <c r="AI16697">
        <v>15</v>
      </c>
      <c r="AJ16697">
        <v>16</v>
      </c>
      <c r="AK16697">
        <v>16</v>
      </c>
      <c r="AL16697">
        <v>16</v>
      </c>
      <c r="AM16697">
        <v>16</v>
      </c>
      <c r="AN16697">
        <v>16</v>
      </c>
      <c r="AO16697">
        <v>16</v>
      </c>
      <c r="AP16697">
        <v>16</v>
      </c>
      <c r="AQ16697">
        <v>16</v>
      </c>
    </row>
    <row r="16698" spans="1:43">
      <c r="A16698" t="s">
        <v>10370</v>
      </c>
      <c r="B16698" t="s">
        <v>10371</v>
      </c>
      <c r="C16698" t="s">
        <v>10264</v>
      </c>
      <c r="D16698" t="s">
        <v>10265</v>
      </c>
      <c r="E16698" t="s">
        <v>10212</v>
      </c>
      <c r="F16698" t="s">
        <v>10213</v>
      </c>
      <c r="G16698" t="s">
        <v>10214</v>
      </c>
      <c r="H16698" t="s">
        <v>10215</v>
      </c>
      <c r="I16698" s="2">
        <v>1</v>
      </c>
      <c r="J16698" s="2">
        <v>0</v>
      </c>
      <c r="K16698" s="2">
        <v>0</v>
      </c>
      <c r="L16698" t="s">
        <v>120</v>
      </c>
      <c r="M16698" t="s">
        <v>83</v>
      </c>
      <c r="N16698" t="s">
        <v>84</v>
      </c>
      <c r="O16698" t="s">
        <v>85</v>
      </c>
      <c r="P16698" t="s">
        <v>86</v>
      </c>
      <c r="Q16698">
        <v>12</v>
      </c>
      <c r="R16698">
        <v>12</v>
      </c>
      <c r="S16698">
        <v>12</v>
      </c>
      <c r="T16698">
        <v>12</v>
      </c>
      <c r="U16698">
        <v>12</v>
      </c>
      <c r="V16698">
        <v>12</v>
      </c>
      <c r="W16698">
        <v>13</v>
      </c>
      <c r="X16698">
        <v>13</v>
      </c>
      <c r="Y16698">
        <v>13</v>
      </c>
      <c r="Z16698">
        <v>13</v>
      </c>
      <c r="AA16698">
        <v>13</v>
      </c>
      <c r="AB16698">
        <v>13</v>
      </c>
      <c r="AC16698">
        <v>13</v>
      </c>
      <c r="AD16698">
        <v>14</v>
      </c>
      <c r="AE16698">
        <v>14</v>
      </c>
      <c r="AF16698">
        <v>14</v>
      </c>
      <c r="AG16698">
        <v>14</v>
      </c>
      <c r="AH16698">
        <v>14</v>
      </c>
      <c r="AI16698">
        <v>14</v>
      </c>
      <c r="AJ16698">
        <v>14</v>
      </c>
      <c r="AK16698">
        <v>15</v>
      </c>
      <c r="AL16698">
        <v>15</v>
      </c>
      <c r="AM16698">
        <v>15</v>
      </c>
      <c r="AN16698">
        <v>15</v>
      </c>
      <c r="AO16698">
        <v>15</v>
      </c>
      <c r="AP16698">
        <v>15</v>
      </c>
      <c r="AQ16698">
        <v>15</v>
      </c>
    </row>
    <row r="16699" spans="1:43">
      <c r="A16699" t="s">
        <v>10370</v>
      </c>
      <c r="B16699" t="s">
        <v>10371</v>
      </c>
      <c r="C16699" t="s">
        <v>10264</v>
      </c>
      <c r="D16699" t="s">
        <v>10265</v>
      </c>
      <c r="E16699" t="s">
        <v>10212</v>
      </c>
      <c r="F16699" t="s">
        <v>10213</v>
      </c>
      <c r="G16699" t="s">
        <v>10214</v>
      </c>
      <c r="H16699" t="s">
        <v>10215</v>
      </c>
      <c r="I16699" s="2">
        <v>1</v>
      </c>
      <c r="J16699" s="2">
        <v>0</v>
      </c>
      <c r="K16699" s="2">
        <v>0</v>
      </c>
      <c r="L16699" t="s">
        <v>120</v>
      </c>
      <c r="M16699" t="s">
        <v>87</v>
      </c>
      <c r="N16699" t="s">
        <v>88</v>
      </c>
      <c r="O16699" t="s">
        <v>85</v>
      </c>
      <c r="P16699" t="s">
        <v>86</v>
      </c>
      <c r="Q16699">
        <v>12</v>
      </c>
      <c r="R16699">
        <v>13</v>
      </c>
      <c r="S16699">
        <v>13</v>
      </c>
      <c r="T16699">
        <v>13</v>
      </c>
      <c r="U16699">
        <v>13</v>
      </c>
      <c r="V16699">
        <v>13</v>
      </c>
      <c r="W16699">
        <v>13</v>
      </c>
      <c r="X16699">
        <v>13</v>
      </c>
      <c r="Y16699">
        <v>13</v>
      </c>
      <c r="Z16699">
        <v>13</v>
      </c>
      <c r="AA16699">
        <v>13</v>
      </c>
      <c r="AB16699">
        <v>13</v>
      </c>
      <c r="AC16699">
        <v>13</v>
      </c>
      <c r="AD16699">
        <v>13</v>
      </c>
      <c r="AE16699">
        <v>13</v>
      </c>
      <c r="AF16699">
        <v>13</v>
      </c>
      <c r="AG16699">
        <v>13</v>
      </c>
      <c r="AH16699">
        <v>13</v>
      </c>
      <c r="AI16699">
        <v>13</v>
      </c>
      <c r="AJ16699">
        <v>13</v>
      </c>
      <c r="AK16699">
        <v>14</v>
      </c>
      <c r="AL16699">
        <v>14</v>
      </c>
      <c r="AM16699">
        <v>14</v>
      </c>
      <c r="AN16699">
        <v>14</v>
      </c>
      <c r="AO16699">
        <v>14</v>
      </c>
      <c r="AP16699">
        <v>14</v>
      </c>
      <c r="AQ16699">
        <v>14</v>
      </c>
    </row>
    <row r="16700" spans="1:43">
      <c r="A16700" t="s">
        <v>10370</v>
      </c>
      <c r="B16700" t="s">
        <v>10371</v>
      </c>
      <c r="C16700" t="s">
        <v>10264</v>
      </c>
      <c r="D16700" t="s">
        <v>10265</v>
      </c>
      <c r="E16700" t="s">
        <v>10212</v>
      </c>
      <c r="F16700" t="s">
        <v>10213</v>
      </c>
      <c r="G16700" t="s">
        <v>10214</v>
      </c>
      <c r="H16700" t="s">
        <v>10215</v>
      </c>
      <c r="I16700" s="2">
        <v>1</v>
      </c>
      <c r="J16700" s="2">
        <v>0</v>
      </c>
      <c r="K16700" s="2">
        <v>0</v>
      </c>
      <c r="L16700" t="s">
        <v>120</v>
      </c>
      <c r="M16700" t="s">
        <v>89</v>
      </c>
      <c r="N16700" t="s">
        <v>90</v>
      </c>
      <c r="O16700" t="s">
        <v>85</v>
      </c>
      <c r="P16700" t="s">
        <v>86</v>
      </c>
      <c r="Q16700">
        <v>12</v>
      </c>
      <c r="R16700">
        <v>12</v>
      </c>
      <c r="S16700">
        <v>12</v>
      </c>
      <c r="T16700">
        <v>12</v>
      </c>
      <c r="U16700">
        <v>13</v>
      </c>
      <c r="V16700">
        <v>13</v>
      </c>
      <c r="W16700">
        <v>13</v>
      </c>
      <c r="X16700">
        <v>13</v>
      </c>
      <c r="Y16700">
        <v>14</v>
      </c>
      <c r="Z16700">
        <v>14</v>
      </c>
      <c r="AA16700">
        <v>14</v>
      </c>
      <c r="AB16700">
        <v>14</v>
      </c>
      <c r="AC16700">
        <v>14</v>
      </c>
      <c r="AD16700">
        <v>15</v>
      </c>
      <c r="AE16700">
        <v>15</v>
      </c>
      <c r="AF16700">
        <v>15</v>
      </c>
      <c r="AG16700">
        <v>15</v>
      </c>
      <c r="AH16700">
        <v>15</v>
      </c>
      <c r="AI16700">
        <v>15</v>
      </c>
      <c r="AJ16700">
        <v>15</v>
      </c>
      <c r="AK16700">
        <v>15</v>
      </c>
      <c r="AL16700">
        <v>15</v>
      </c>
      <c r="AM16700">
        <v>15</v>
      </c>
      <c r="AN16700">
        <v>15</v>
      </c>
      <c r="AO16700">
        <v>15</v>
      </c>
      <c r="AP16700">
        <v>15</v>
      </c>
      <c r="AQ16700">
        <v>15</v>
      </c>
    </row>
    <row r="16701" spans="1:43">
      <c r="A16701" t="s">
        <v>10370</v>
      </c>
      <c r="B16701" t="s">
        <v>10371</v>
      </c>
      <c r="C16701" t="s">
        <v>10264</v>
      </c>
      <c r="D16701" t="s">
        <v>10265</v>
      </c>
      <c r="E16701" t="s">
        <v>10212</v>
      </c>
      <c r="F16701" t="s">
        <v>10213</v>
      </c>
      <c r="G16701" t="s">
        <v>10214</v>
      </c>
      <c r="H16701" t="s">
        <v>10215</v>
      </c>
      <c r="I16701" s="2">
        <v>1</v>
      </c>
      <c r="J16701" s="2">
        <v>0</v>
      </c>
      <c r="K16701" s="2">
        <v>0</v>
      </c>
      <c r="L16701" t="s">
        <v>120</v>
      </c>
      <c r="M16701" t="s">
        <v>83</v>
      </c>
      <c r="N16701" t="s">
        <v>91</v>
      </c>
      <c r="O16701" t="s">
        <v>85</v>
      </c>
      <c r="P16701" t="s">
        <v>86</v>
      </c>
      <c r="Q16701">
        <v>12</v>
      </c>
      <c r="R16701">
        <v>12</v>
      </c>
      <c r="S16701">
        <v>12</v>
      </c>
      <c r="T16701">
        <v>12</v>
      </c>
      <c r="U16701">
        <v>12</v>
      </c>
      <c r="V16701">
        <v>12</v>
      </c>
      <c r="W16701">
        <v>13</v>
      </c>
      <c r="X16701">
        <v>13</v>
      </c>
      <c r="Y16701">
        <v>13</v>
      </c>
      <c r="Z16701">
        <v>13</v>
      </c>
      <c r="AA16701">
        <v>13</v>
      </c>
      <c r="AB16701">
        <v>13</v>
      </c>
      <c r="AC16701">
        <v>13</v>
      </c>
      <c r="AD16701">
        <v>14</v>
      </c>
      <c r="AE16701">
        <v>14</v>
      </c>
      <c r="AF16701">
        <v>14</v>
      </c>
      <c r="AG16701">
        <v>14</v>
      </c>
      <c r="AH16701">
        <v>14</v>
      </c>
      <c r="AI16701">
        <v>14</v>
      </c>
      <c r="AJ16701">
        <v>14</v>
      </c>
      <c r="AK16701">
        <v>15</v>
      </c>
      <c r="AL16701">
        <v>15</v>
      </c>
      <c r="AM16701">
        <v>15</v>
      </c>
      <c r="AN16701">
        <v>15</v>
      </c>
      <c r="AO16701">
        <v>15</v>
      </c>
      <c r="AP16701">
        <v>15</v>
      </c>
      <c r="AQ16701">
        <v>15</v>
      </c>
    </row>
    <row r="16702" spans="1:43">
      <c r="A16702" t="s">
        <v>10372</v>
      </c>
      <c r="B16702" t="s">
        <v>10373</v>
      </c>
      <c r="C16702" t="s">
        <v>10314</v>
      </c>
      <c r="D16702" t="s">
        <v>10315</v>
      </c>
      <c r="E16702" t="s">
        <v>10212</v>
      </c>
      <c r="F16702" t="s">
        <v>10213</v>
      </c>
      <c r="G16702" t="s">
        <v>10214</v>
      </c>
      <c r="H16702" t="s">
        <v>10215</v>
      </c>
      <c r="I16702" s="2">
        <v>1</v>
      </c>
      <c r="J16702" s="2">
        <v>0</v>
      </c>
      <c r="K16702" s="2">
        <v>0</v>
      </c>
      <c r="L16702" t="s">
        <v>120</v>
      </c>
      <c r="M16702" t="s">
        <v>83</v>
      </c>
      <c r="N16702" t="s">
        <v>84</v>
      </c>
      <c r="O16702" t="s">
        <v>85</v>
      </c>
      <c r="P16702" t="s">
        <v>86</v>
      </c>
      <c r="Q16702">
        <v>12</v>
      </c>
      <c r="R16702">
        <v>12</v>
      </c>
      <c r="S16702">
        <v>12</v>
      </c>
      <c r="T16702">
        <v>12</v>
      </c>
      <c r="U16702">
        <v>12</v>
      </c>
      <c r="V16702">
        <v>12</v>
      </c>
      <c r="W16702">
        <v>13</v>
      </c>
      <c r="X16702">
        <v>13</v>
      </c>
      <c r="Y16702">
        <v>13</v>
      </c>
      <c r="Z16702">
        <v>13</v>
      </c>
      <c r="AA16702">
        <v>13</v>
      </c>
      <c r="AB16702">
        <v>13</v>
      </c>
      <c r="AC16702">
        <v>14</v>
      </c>
      <c r="AD16702">
        <v>14</v>
      </c>
      <c r="AE16702">
        <v>14</v>
      </c>
      <c r="AF16702">
        <v>14</v>
      </c>
      <c r="AG16702">
        <v>14</v>
      </c>
      <c r="AH16702">
        <v>14</v>
      </c>
      <c r="AI16702">
        <v>14</v>
      </c>
      <c r="AJ16702">
        <v>15</v>
      </c>
      <c r="AK16702">
        <v>15</v>
      </c>
      <c r="AL16702">
        <v>15</v>
      </c>
      <c r="AM16702">
        <v>15</v>
      </c>
      <c r="AN16702">
        <v>15</v>
      </c>
      <c r="AO16702">
        <v>15</v>
      </c>
      <c r="AP16702">
        <v>15</v>
      </c>
      <c r="AQ16702">
        <v>15</v>
      </c>
    </row>
    <row r="16703" spans="1:43">
      <c r="A16703" t="s">
        <v>10372</v>
      </c>
      <c r="B16703" t="s">
        <v>10373</v>
      </c>
      <c r="C16703" t="s">
        <v>10314</v>
      </c>
      <c r="D16703" t="s">
        <v>10315</v>
      </c>
      <c r="E16703" t="s">
        <v>10212</v>
      </c>
      <c r="F16703" t="s">
        <v>10213</v>
      </c>
      <c r="G16703" t="s">
        <v>10214</v>
      </c>
      <c r="H16703" t="s">
        <v>10215</v>
      </c>
      <c r="I16703" s="2">
        <v>1</v>
      </c>
      <c r="J16703" s="2">
        <v>0</v>
      </c>
      <c r="K16703" s="2">
        <v>0</v>
      </c>
      <c r="L16703" t="s">
        <v>120</v>
      </c>
      <c r="M16703" t="s">
        <v>87</v>
      </c>
      <c r="N16703" t="s">
        <v>88</v>
      </c>
      <c r="O16703" t="s">
        <v>85</v>
      </c>
      <c r="P16703" t="s">
        <v>86</v>
      </c>
      <c r="Q16703">
        <v>12</v>
      </c>
      <c r="R16703">
        <v>12</v>
      </c>
      <c r="S16703">
        <v>12</v>
      </c>
      <c r="T16703">
        <v>12</v>
      </c>
      <c r="U16703">
        <v>12</v>
      </c>
      <c r="V16703">
        <v>12</v>
      </c>
      <c r="W16703">
        <v>12</v>
      </c>
      <c r="X16703">
        <v>12</v>
      </c>
      <c r="Y16703">
        <v>12</v>
      </c>
      <c r="Z16703">
        <v>12</v>
      </c>
      <c r="AA16703">
        <v>12</v>
      </c>
      <c r="AB16703">
        <v>12</v>
      </c>
      <c r="AC16703">
        <v>12</v>
      </c>
      <c r="AD16703">
        <v>12</v>
      </c>
      <c r="AE16703">
        <v>12</v>
      </c>
      <c r="AF16703">
        <v>12</v>
      </c>
      <c r="AG16703">
        <v>12</v>
      </c>
      <c r="AH16703">
        <v>12</v>
      </c>
      <c r="AI16703">
        <v>13</v>
      </c>
      <c r="AJ16703">
        <v>13</v>
      </c>
      <c r="AK16703">
        <v>13</v>
      </c>
      <c r="AL16703">
        <v>13</v>
      </c>
      <c r="AM16703">
        <v>13</v>
      </c>
      <c r="AN16703">
        <v>13</v>
      </c>
      <c r="AO16703">
        <v>13</v>
      </c>
      <c r="AP16703">
        <v>13</v>
      </c>
      <c r="AQ16703">
        <v>13</v>
      </c>
    </row>
    <row r="16704" spans="1:43">
      <c r="A16704" t="s">
        <v>10372</v>
      </c>
      <c r="B16704" t="s">
        <v>10373</v>
      </c>
      <c r="C16704" t="s">
        <v>10314</v>
      </c>
      <c r="D16704" t="s">
        <v>10315</v>
      </c>
      <c r="E16704" t="s">
        <v>10212</v>
      </c>
      <c r="F16704" t="s">
        <v>10213</v>
      </c>
      <c r="G16704" t="s">
        <v>10214</v>
      </c>
      <c r="H16704" t="s">
        <v>10215</v>
      </c>
      <c r="I16704" s="2">
        <v>1</v>
      </c>
      <c r="J16704" s="2">
        <v>0</v>
      </c>
      <c r="K16704" s="2">
        <v>0</v>
      </c>
      <c r="L16704" t="s">
        <v>120</v>
      </c>
      <c r="M16704" t="s">
        <v>89</v>
      </c>
      <c r="N16704" t="s">
        <v>90</v>
      </c>
      <c r="O16704" t="s">
        <v>85</v>
      </c>
      <c r="P16704" t="s">
        <v>86</v>
      </c>
      <c r="Q16704">
        <v>12</v>
      </c>
      <c r="R16704">
        <v>12</v>
      </c>
      <c r="S16704">
        <v>12</v>
      </c>
      <c r="T16704">
        <v>13</v>
      </c>
      <c r="U16704">
        <v>13</v>
      </c>
      <c r="V16704">
        <v>13</v>
      </c>
      <c r="W16704">
        <v>13</v>
      </c>
      <c r="X16704">
        <v>14</v>
      </c>
      <c r="Y16704">
        <v>14</v>
      </c>
      <c r="Z16704">
        <v>14</v>
      </c>
      <c r="AA16704">
        <v>14</v>
      </c>
      <c r="AB16704">
        <v>14</v>
      </c>
      <c r="AC16704">
        <v>15</v>
      </c>
      <c r="AD16704">
        <v>15</v>
      </c>
      <c r="AE16704">
        <v>15</v>
      </c>
      <c r="AF16704">
        <v>15</v>
      </c>
      <c r="AG16704">
        <v>15</v>
      </c>
      <c r="AH16704">
        <v>15</v>
      </c>
      <c r="AI16704">
        <v>15</v>
      </c>
      <c r="AJ16704">
        <v>15</v>
      </c>
      <c r="AK16704">
        <v>15</v>
      </c>
      <c r="AL16704">
        <v>15</v>
      </c>
      <c r="AM16704">
        <v>15</v>
      </c>
      <c r="AN16704">
        <v>15</v>
      </c>
      <c r="AO16704">
        <v>15</v>
      </c>
      <c r="AP16704">
        <v>15</v>
      </c>
      <c r="AQ16704">
        <v>15</v>
      </c>
    </row>
    <row r="16705" spans="1:43">
      <c r="A16705" t="s">
        <v>10372</v>
      </c>
      <c r="B16705" t="s">
        <v>10373</v>
      </c>
      <c r="C16705" t="s">
        <v>10314</v>
      </c>
      <c r="D16705" t="s">
        <v>10315</v>
      </c>
      <c r="E16705" t="s">
        <v>10212</v>
      </c>
      <c r="F16705" t="s">
        <v>10213</v>
      </c>
      <c r="G16705" t="s">
        <v>10214</v>
      </c>
      <c r="H16705" t="s">
        <v>10215</v>
      </c>
      <c r="I16705" s="2">
        <v>1</v>
      </c>
      <c r="J16705" s="2">
        <v>0</v>
      </c>
      <c r="K16705" s="2">
        <v>0</v>
      </c>
      <c r="L16705" t="s">
        <v>120</v>
      </c>
      <c r="M16705" t="s">
        <v>83</v>
      </c>
      <c r="N16705" t="s">
        <v>91</v>
      </c>
      <c r="O16705" t="s">
        <v>85</v>
      </c>
      <c r="P16705" t="s">
        <v>86</v>
      </c>
      <c r="Q16705">
        <v>12</v>
      </c>
      <c r="R16705">
        <v>12</v>
      </c>
      <c r="S16705">
        <v>12</v>
      </c>
      <c r="T16705">
        <v>12</v>
      </c>
      <c r="U16705">
        <v>12</v>
      </c>
      <c r="V16705">
        <v>12</v>
      </c>
      <c r="W16705">
        <v>13</v>
      </c>
      <c r="X16705">
        <v>13</v>
      </c>
      <c r="Y16705">
        <v>13</v>
      </c>
      <c r="Z16705">
        <v>13</v>
      </c>
      <c r="AA16705">
        <v>13</v>
      </c>
      <c r="AB16705">
        <v>13</v>
      </c>
      <c r="AC16705">
        <v>14</v>
      </c>
      <c r="AD16705">
        <v>14</v>
      </c>
      <c r="AE16705">
        <v>14</v>
      </c>
      <c r="AF16705">
        <v>14</v>
      </c>
      <c r="AG16705">
        <v>14</v>
      </c>
      <c r="AH16705">
        <v>14</v>
      </c>
      <c r="AI16705">
        <v>14</v>
      </c>
      <c r="AJ16705">
        <v>15</v>
      </c>
      <c r="AK16705">
        <v>15</v>
      </c>
      <c r="AL16705">
        <v>15</v>
      </c>
      <c r="AM16705">
        <v>15</v>
      </c>
      <c r="AN16705">
        <v>15</v>
      </c>
      <c r="AO16705">
        <v>15</v>
      </c>
      <c r="AP16705">
        <v>15</v>
      </c>
      <c r="AQ16705">
        <v>15</v>
      </c>
    </row>
    <row r="16706" spans="1:43">
      <c r="A16706" t="s">
        <v>10374</v>
      </c>
      <c r="B16706" t="s">
        <v>10375</v>
      </c>
      <c r="C16706" t="s">
        <v>10264</v>
      </c>
      <c r="D16706" t="s">
        <v>10265</v>
      </c>
      <c r="E16706" t="s">
        <v>10212</v>
      </c>
      <c r="F16706" t="s">
        <v>10213</v>
      </c>
      <c r="G16706" t="s">
        <v>10214</v>
      </c>
      <c r="H16706" t="s">
        <v>10215</v>
      </c>
      <c r="I16706" s="2">
        <v>1</v>
      </c>
      <c r="J16706" s="2">
        <v>0</v>
      </c>
      <c r="K16706" s="2">
        <v>0</v>
      </c>
      <c r="L16706" t="s">
        <v>120</v>
      </c>
      <c r="M16706" t="s">
        <v>83</v>
      </c>
      <c r="N16706" t="s">
        <v>84</v>
      </c>
      <c r="O16706" t="s">
        <v>85</v>
      </c>
      <c r="P16706" t="s">
        <v>86</v>
      </c>
      <c r="Q16706">
        <v>14</v>
      </c>
      <c r="R16706">
        <v>14</v>
      </c>
      <c r="S16706">
        <v>14</v>
      </c>
      <c r="T16706">
        <v>14</v>
      </c>
      <c r="U16706">
        <v>15</v>
      </c>
      <c r="V16706">
        <v>15</v>
      </c>
      <c r="W16706">
        <v>15</v>
      </c>
      <c r="X16706">
        <v>15</v>
      </c>
      <c r="Y16706">
        <v>15</v>
      </c>
      <c r="Z16706">
        <v>15</v>
      </c>
      <c r="AA16706">
        <v>16</v>
      </c>
      <c r="AB16706">
        <v>16</v>
      </c>
      <c r="AC16706">
        <v>16</v>
      </c>
      <c r="AD16706">
        <v>16</v>
      </c>
      <c r="AE16706">
        <v>16</v>
      </c>
      <c r="AF16706">
        <v>17</v>
      </c>
      <c r="AG16706">
        <v>17</v>
      </c>
      <c r="AH16706">
        <v>17</v>
      </c>
      <c r="AI16706">
        <v>17</v>
      </c>
      <c r="AJ16706">
        <v>17</v>
      </c>
      <c r="AK16706">
        <v>17</v>
      </c>
      <c r="AL16706">
        <v>17</v>
      </c>
      <c r="AM16706">
        <v>17</v>
      </c>
      <c r="AN16706">
        <v>17</v>
      </c>
      <c r="AO16706">
        <v>17</v>
      </c>
      <c r="AP16706">
        <v>17</v>
      </c>
      <c r="AQ16706">
        <v>17</v>
      </c>
    </row>
    <row r="16707" spans="1:43">
      <c r="A16707" t="s">
        <v>10374</v>
      </c>
      <c r="B16707" t="s">
        <v>10375</v>
      </c>
      <c r="C16707" t="s">
        <v>10264</v>
      </c>
      <c r="D16707" t="s">
        <v>10265</v>
      </c>
      <c r="E16707" t="s">
        <v>10212</v>
      </c>
      <c r="F16707" t="s">
        <v>10213</v>
      </c>
      <c r="G16707" t="s">
        <v>10214</v>
      </c>
      <c r="H16707" t="s">
        <v>10215</v>
      </c>
      <c r="I16707" s="2">
        <v>1</v>
      </c>
      <c r="J16707" s="2">
        <v>0</v>
      </c>
      <c r="K16707" s="2">
        <v>0</v>
      </c>
      <c r="L16707" t="s">
        <v>120</v>
      </c>
      <c r="M16707" t="s">
        <v>87</v>
      </c>
      <c r="N16707" t="s">
        <v>88</v>
      </c>
      <c r="O16707" t="s">
        <v>85</v>
      </c>
      <c r="P16707" t="s">
        <v>86</v>
      </c>
      <c r="Q16707">
        <v>14</v>
      </c>
      <c r="R16707">
        <v>14</v>
      </c>
      <c r="S16707">
        <v>14</v>
      </c>
      <c r="T16707">
        <v>14</v>
      </c>
      <c r="U16707">
        <v>14</v>
      </c>
      <c r="V16707">
        <v>14</v>
      </c>
      <c r="W16707">
        <v>14</v>
      </c>
      <c r="X16707">
        <v>14</v>
      </c>
      <c r="Y16707">
        <v>14</v>
      </c>
      <c r="Z16707">
        <v>14</v>
      </c>
      <c r="AA16707">
        <v>14</v>
      </c>
      <c r="AB16707">
        <v>14</v>
      </c>
      <c r="AC16707">
        <v>14</v>
      </c>
      <c r="AD16707">
        <v>14</v>
      </c>
      <c r="AE16707">
        <v>14</v>
      </c>
      <c r="AF16707">
        <v>15</v>
      </c>
      <c r="AG16707">
        <v>15</v>
      </c>
      <c r="AH16707">
        <v>15</v>
      </c>
      <c r="AI16707">
        <v>15</v>
      </c>
      <c r="AJ16707">
        <v>15</v>
      </c>
      <c r="AK16707">
        <v>15</v>
      </c>
      <c r="AL16707">
        <v>15</v>
      </c>
      <c r="AM16707">
        <v>15</v>
      </c>
      <c r="AN16707">
        <v>15</v>
      </c>
      <c r="AO16707">
        <v>15</v>
      </c>
      <c r="AP16707">
        <v>15</v>
      </c>
      <c r="AQ16707">
        <v>15</v>
      </c>
    </row>
    <row r="16708" spans="1:43">
      <c r="A16708" t="s">
        <v>10374</v>
      </c>
      <c r="B16708" t="s">
        <v>10375</v>
      </c>
      <c r="C16708" t="s">
        <v>10264</v>
      </c>
      <c r="D16708" t="s">
        <v>10265</v>
      </c>
      <c r="E16708" t="s">
        <v>10212</v>
      </c>
      <c r="F16708" t="s">
        <v>10213</v>
      </c>
      <c r="G16708" t="s">
        <v>10214</v>
      </c>
      <c r="H16708" t="s">
        <v>10215</v>
      </c>
      <c r="I16708" s="2">
        <v>1</v>
      </c>
      <c r="J16708" s="2">
        <v>0</v>
      </c>
      <c r="K16708" s="2">
        <v>0</v>
      </c>
      <c r="L16708" t="s">
        <v>120</v>
      </c>
      <c r="M16708" t="s">
        <v>89</v>
      </c>
      <c r="N16708" t="s">
        <v>90</v>
      </c>
      <c r="O16708" t="s">
        <v>85</v>
      </c>
      <c r="P16708" t="s">
        <v>86</v>
      </c>
      <c r="Q16708">
        <v>14</v>
      </c>
      <c r="R16708">
        <v>14</v>
      </c>
      <c r="S16708">
        <v>14</v>
      </c>
      <c r="T16708">
        <v>15</v>
      </c>
      <c r="U16708">
        <v>15</v>
      </c>
      <c r="V16708">
        <v>15</v>
      </c>
      <c r="W16708">
        <v>16</v>
      </c>
      <c r="X16708">
        <v>16</v>
      </c>
      <c r="Y16708">
        <v>16</v>
      </c>
      <c r="Z16708">
        <v>16</v>
      </c>
      <c r="AA16708">
        <v>17</v>
      </c>
      <c r="AB16708">
        <v>17</v>
      </c>
      <c r="AC16708">
        <v>17</v>
      </c>
      <c r="AD16708">
        <v>17</v>
      </c>
      <c r="AE16708">
        <v>18</v>
      </c>
      <c r="AF16708">
        <v>18</v>
      </c>
      <c r="AG16708">
        <v>18</v>
      </c>
      <c r="AH16708">
        <v>18</v>
      </c>
      <c r="AI16708">
        <v>18</v>
      </c>
      <c r="AJ16708">
        <v>18</v>
      </c>
      <c r="AK16708">
        <v>18</v>
      </c>
      <c r="AL16708">
        <v>18</v>
      </c>
      <c r="AM16708">
        <v>18</v>
      </c>
      <c r="AN16708">
        <v>18</v>
      </c>
      <c r="AO16708">
        <v>18</v>
      </c>
      <c r="AP16708">
        <v>18</v>
      </c>
      <c r="AQ16708">
        <v>18</v>
      </c>
    </row>
    <row r="16709" spans="1:43">
      <c r="A16709" t="s">
        <v>10374</v>
      </c>
      <c r="B16709" t="s">
        <v>10375</v>
      </c>
      <c r="C16709" t="s">
        <v>10264</v>
      </c>
      <c r="D16709" t="s">
        <v>10265</v>
      </c>
      <c r="E16709" t="s">
        <v>10212</v>
      </c>
      <c r="F16709" t="s">
        <v>10213</v>
      </c>
      <c r="G16709" t="s">
        <v>10214</v>
      </c>
      <c r="H16709" t="s">
        <v>10215</v>
      </c>
      <c r="I16709" s="2">
        <v>1</v>
      </c>
      <c r="J16709" s="2">
        <v>0</v>
      </c>
      <c r="K16709" s="2">
        <v>0</v>
      </c>
      <c r="L16709" t="s">
        <v>120</v>
      </c>
      <c r="M16709" t="s">
        <v>83</v>
      </c>
      <c r="N16709" t="s">
        <v>91</v>
      </c>
      <c r="O16709" t="s">
        <v>85</v>
      </c>
      <c r="P16709" t="s">
        <v>86</v>
      </c>
      <c r="Q16709">
        <v>14</v>
      </c>
      <c r="R16709">
        <v>14</v>
      </c>
      <c r="S16709">
        <v>14</v>
      </c>
      <c r="T16709">
        <v>14</v>
      </c>
      <c r="U16709">
        <v>15</v>
      </c>
      <c r="V16709">
        <v>15</v>
      </c>
      <c r="W16709">
        <v>15</v>
      </c>
      <c r="X16709">
        <v>15</v>
      </c>
      <c r="Y16709">
        <v>15</v>
      </c>
      <c r="Z16709">
        <v>15</v>
      </c>
      <c r="AA16709">
        <v>16</v>
      </c>
      <c r="AB16709">
        <v>16</v>
      </c>
      <c r="AC16709">
        <v>16</v>
      </c>
      <c r="AD16709">
        <v>16</v>
      </c>
      <c r="AE16709">
        <v>16</v>
      </c>
      <c r="AF16709">
        <v>17</v>
      </c>
      <c r="AG16709">
        <v>17</v>
      </c>
      <c r="AH16709">
        <v>17</v>
      </c>
      <c r="AI16709">
        <v>17</v>
      </c>
      <c r="AJ16709">
        <v>17</v>
      </c>
      <c r="AK16709">
        <v>17</v>
      </c>
      <c r="AL16709">
        <v>17</v>
      </c>
      <c r="AM16709">
        <v>17</v>
      </c>
      <c r="AN16709">
        <v>17</v>
      </c>
      <c r="AO16709">
        <v>17</v>
      </c>
      <c r="AP16709">
        <v>17</v>
      </c>
      <c r="AQ16709">
        <v>17</v>
      </c>
    </row>
    <row r="16710" spans="1:43">
      <c r="A16710" t="s">
        <v>10376</v>
      </c>
      <c r="B16710" t="s">
        <v>10377</v>
      </c>
      <c r="C16710" t="s">
        <v>10250</v>
      </c>
      <c r="D16710" t="s">
        <v>10251</v>
      </c>
      <c r="E16710" t="s">
        <v>10212</v>
      </c>
      <c r="F16710" t="s">
        <v>10213</v>
      </c>
      <c r="G16710" t="s">
        <v>10214</v>
      </c>
      <c r="H16710" t="s">
        <v>10215</v>
      </c>
      <c r="I16710" s="2">
        <v>1</v>
      </c>
      <c r="J16710" s="2">
        <v>0</v>
      </c>
      <c r="K16710" s="2">
        <v>0</v>
      </c>
      <c r="L16710" t="s">
        <v>120</v>
      </c>
      <c r="M16710" t="s">
        <v>83</v>
      </c>
      <c r="N16710" t="s">
        <v>84</v>
      </c>
      <c r="O16710" t="s">
        <v>85</v>
      </c>
      <c r="P16710" t="s">
        <v>86</v>
      </c>
      <c r="Q16710">
        <v>63</v>
      </c>
      <c r="R16710">
        <v>63</v>
      </c>
      <c r="S16710">
        <v>64</v>
      </c>
      <c r="T16710">
        <v>65</v>
      </c>
      <c r="U16710">
        <v>66</v>
      </c>
      <c r="V16710">
        <v>67</v>
      </c>
      <c r="W16710">
        <v>68</v>
      </c>
      <c r="X16710">
        <v>69</v>
      </c>
      <c r="Y16710">
        <v>70</v>
      </c>
      <c r="Z16710">
        <v>70</v>
      </c>
      <c r="AA16710">
        <v>71</v>
      </c>
      <c r="AB16710">
        <v>72</v>
      </c>
      <c r="AC16710">
        <v>73</v>
      </c>
      <c r="AD16710">
        <v>74</v>
      </c>
      <c r="AE16710">
        <v>74</v>
      </c>
      <c r="AF16710">
        <v>75</v>
      </c>
      <c r="AG16710">
        <v>76</v>
      </c>
      <c r="AH16710">
        <v>77</v>
      </c>
      <c r="AI16710">
        <v>78</v>
      </c>
      <c r="AJ16710">
        <v>78</v>
      </c>
      <c r="AK16710">
        <v>79</v>
      </c>
      <c r="AL16710">
        <v>80</v>
      </c>
      <c r="AM16710">
        <v>80</v>
      </c>
      <c r="AN16710">
        <v>80</v>
      </c>
      <c r="AO16710">
        <v>80</v>
      </c>
      <c r="AP16710">
        <v>80</v>
      </c>
      <c r="AQ16710">
        <v>80</v>
      </c>
    </row>
    <row r="16711" spans="1:43">
      <c r="A16711" t="s">
        <v>10376</v>
      </c>
      <c r="B16711" t="s">
        <v>10377</v>
      </c>
      <c r="C16711" t="s">
        <v>10250</v>
      </c>
      <c r="D16711" t="s">
        <v>10251</v>
      </c>
      <c r="E16711" t="s">
        <v>10212</v>
      </c>
      <c r="F16711" t="s">
        <v>10213</v>
      </c>
      <c r="G16711" t="s">
        <v>10214</v>
      </c>
      <c r="H16711" t="s">
        <v>10215</v>
      </c>
      <c r="I16711" s="2">
        <v>1</v>
      </c>
      <c r="J16711" s="2">
        <v>0</v>
      </c>
      <c r="K16711" s="2">
        <v>0</v>
      </c>
      <c r="L16711" t="s">
        <v>120</v>
      </c>
      <c r="M16711" t="s">
        <v>87</v>
      </c>
      <c r="N16711" t="s">
        <v>88</v>
      </c>
      <c r="O16711" t="s">
        <v>85</v>
      </c>
      <c r="P16711" t="s">
        <v>86</v>
      </c>
      <c r="Q16711">
        <v>63</v>
      </c>
      <c r="R16711">
        <v>63</v>
      </c>
      <c r="S16711">
        <v>64</v>
      </c>
      <c r="T16711">
        <v>64</v>
      </c>
      <c r="U16711">
        <v>64</v>
      </c>
      <c r="V16711">
        <v>64</v>
      </c>
      <c r="W16711">
        <v>65</v>
      </c>
      <c r="X16711">
        <v>65</v>
      </c>
      <c r="Y16711">
        <v>65</v>
      </c>
      <c r="Z16711">
        <v>66</v>
      </c>
      <c r="AA16711">
        <v>66</v>
      </c>
      <c r="AB16711">
        <v>66</v>
      </c>
      <c r="AC16711">
        <v>67</v>
      </c>
      <c r="AD16711">
        <v>67</v>
      </c>
      <c r="AE16711">
        <v>67</v>
      </c>
      <c r="AF16711">
        <v>67</v>
      </c>
      <c r="AG16711">
        <v>68</v>
      </c>
      <c r="AH16711">
        <v>68</v>
      </c>
      <c r="AI16711">
        <v>68</v>
      </c>
      <c r="AJ16711">
        <v>68</v>
      </c>
      <c r="AK16711">
        <v>69</v>
      </c>
      <c r="AL16711">
        <v>69</v>
      </c>
      <c r="AM16711">
        <v>69</v>
      </c>
      <c r="AN16711">
        <v>70</v>
      </c>
      <c r="AO16711">
        <v>70</v>
      </c>
      <c r="AP16711">
        <v>70</v>
      </c>
      <c r="AQ16711">
        <v>70</v>
      </c>
    </row>
    <row r="16712" spans="1:43">
      <c r="A16712" t="s">
        <v>10376</v>
      </c>
      <c r="B16712" t="s">
        <v>10377</v>
      </c>
      <c r="C16712" t="s">
        <v>10250</v>
      </c>
      <c r="D16712" t="s">
        <v>10251</v>
      </c>
      <c r="E16712" t="s">
        <v>10212</v>
      </c>
      <c r="F16712" t="s">
        <v>10213</v>
      </c>
      <c r="G16712" t="s">
        <v>10214</v>
      </c>
      <c r="H16712" t="s">
        <v>10215</v>
      </c>
      <c r="I16712" s="2">
        <v>1</v>
      </c>
      <c r="J16712" s="2">
        <v>0</v>
      </c>
      <c r="K16712" s="2">
        <v>0</v>
      </c>
      <c r="L16712" t="s">
        <v>120</v>
      </c>
      <c r="M16712" t="s">
        <v>89</v>
      </c>
      <c r="N16712" t="s">
        <v>90</v>
      </c>
      <c r="O16712" t="s">
        <v>85</v>
      </c>
      <c r="P16712" t="s">
        <v>86</v>
      </c>
      <c r="Q16712">
        <v>63</v>
      </c>
      <c r="R16712">
        <v>65</v>
      </c>
      <c r="S16712">
        <v>66</v>
      </c>
      <c r="T16712">
        <v>67</v>
      </c>
      <c r="U16712">
        <v>69</v>
      </c>
      <c r="V16712">
        <v>70</v>
      </c>
      <c r="W16712">
        <v>71</v>
      </c>
      <c r="X16712">
        <v>72</v>
      </c>
      <c r="Y16712">
        <v>74</v>
      </c>
      <c r="Z16712">
        <v>75</v>
      </c>
      <c r="AA16712">
        <v>76</v>
      </c>
      <c r="AB16712">
        <v>77</v>
      </c>
      <c r="AC16712">
        <v>78</v>
      </c>
      <c r="AD16712">
        <v>79</v>
      </c>
      <c r="AE16712">
        <v>80</v>
      </c>
      <c r="AF16712">
        <v>80</v>
      </c>
      <c r="AG16712">
        <v>80</v>
      </c>
      <c r="AH16712">
        <v>80</v>
      </c>
      <c r="AI16712">
        <v>80</v>
      </c>
      <c r="AJ16712">
        <v>80</v>
      </c>
      <c r="AK16712">
        <v>80</v>
      </c>
      <c r="AL16712">
        <v>80</v>
      </c>
      <c r="AM16712">
        <v>80</v>
      </c>
      <c r="AN16712">
        <v>80</v>
      </c>
      <c r="AO16712">
        <v>80</v>
      </c>
      <c r="AP16712">
        <v>80</v>
      </c>
      <c r="AQ16712">
        <v>80</v>
      </c>
    </row>
    <row r="16713" spans="1:43">
      <c r="A16713" t="s">
        <v>10376</v>
      </c>
      <c r="B16713" t="s">
        <v>10377</v>
      </c>
      <c r="C16713" t="s">
        <v>10250</v>
      </c>
      <c r="D16713" t="s">
        <v>10251</v>
      </c>
      <c r="E16713" t="s">
        <v>10212</v>
      </c>
      <c r="F16713" t="s">
        <v>10213</v>
      </c>
      <c r="G16713" t="s">
        <v>10214</v>
      </c>
      <c r="H16713" t="s">
        <v>10215</v>
      </c>
      <c r="I16713" s="2">
        <v>1</v>
      </c>
      <c r="J16713" s="2">
        <v>0</v>
      </c>
      <c r="K16713" s="2">
        <v>0</v>
      </c>
      <c r="L16713" t="s">
        <v>120</v>
      </c>
      <c r="M16713" t="s">
        <v>83</v>
      </c>
      <c r="N16713" t="s">
        <v>91</v>
      </c>
      <c r="O16713" t="s">
        <v>85</v>
      </c>
      <c r="P16713" t="s">
        <v>86</v>
      </c>
      <c r="Q16713">
        <v>63</v>
      </c>
      <c r="R16713">
        <v>63</v>
      </c>
      <c r="S16713">
        <v>64</v>
      </c>
      <c r="T16713">
        <v>65</v>
      </c>
      <c r="U16713">
        <v>66</v>
      </c>
      <c r="V16713">
        <v>67</v>
      </c>
      <c r="W16713">
        <v>68</v>
      </c>
      <c r="X16713">
        <v>69</v>
      </c>
      <c r="Y16713">
        <v>70</v>
      </c>
      <c r="Z16713">
        <v>70</v>
      </c>
      <c r="AA16713">
        <v>71</v>
      </c>
      <c r="AB16713">
        <v>72</v>
      </c>
      <c r="AC16713">
        <v>73</v>
      </c>
      <c r="AD16713">
        <v>74</v>
      </c>
      <c r="AE16713">
        <v>74</v>
      </c>
      <c r="AF16713">
        <v>75</v>
      </c>
      <c r="AG16713">
        <v>76</v>
      </c>
      <c r="AH16713">
        <v>77</v>
      </c>
      <c r="AI16713">
        <v>78</v>
      </c>
      <c r="AJ16713">
        <v>78</v>
      </c>
      <c r="AK16713">
        <v>79</v>
      </c>
      <c r="AL16713">
        <v>80</v>
      </c>
      <c r="AM16713">
        <v>80</v>
      </c>
      <c r="AN16713">
        <v>80</v>
      </c>
      <c r="AO16713">
        <v>80</v>
      </c>
      <c r="AP16713">
        <v>80</v>
      </c>
      <c r="AQ16713">
        <v>80</v>
      </c>
    </row>
    <row r="16714" spans="1:43">
      <c r="A16714" t="s">
        <v>10378</v>
      </c>
      <c r="B16714" t="s">
        <v>10379</v>
      </c>
      <c r="C16714" t="s">
        <v>10224</v>
      </c>
      <c r="D16714" t="s">
        <v>10225</v>
      </c>
      <c r="E16714" t="s">
        <v>10212</v>
      </c>
      <c r="F16714" t="s">
        <v>10213</v>
      </c>
      <c r="G16714" t="s">
        <v>10214</v>
      </c>
      <c r="H16714" t="s">
        <v>10215</v>
      </c>
      <c r="I16714" s="2">
        <v>1</v>
      </c>
      <c r="J16714" s="2">
        <v>0</v>
      </c>
      <c r="K16714" s="2">
        <v>0</v>
      </c>
      <c r="L16714" t="s">
        <v>120</v>
      </c>
      <c r="M16714" t="s">
        <v>83</v>
      </c>
      <c r="N16714" t="s">
        <v>84</v>
      </c>
      <c r="O16714" t="s">
        <v>85</v>
      </c>
      <c r="P16714" t="s">
        <v>86</v>
      </c>
      <c r="Q16714">
        <v>5</v>
      </c>
      <c r="R16714">
        <v>5</v>
      </c>
      <c r="S16714">
        <v>5</v>
      </c>
      <c r="T16714">
        <v>5</v>
      </c>
      <c r="U16714">
        <v>5</v>
      </c>
      <c r="V16714">
        <v>5</v>
      </c>
      <c r="W16714">
        <v>5</v>
      </c>
      <c r="X16714">
        <v>5</v>
      </c>
      <c r="Y16714">
        <v>5</v>
      </c>
      <c r="Z16714">
        <v>5</v>
      </c>
      <c r="AA16714">
        <v>5</v>
      </c>
      <c r="AB16714">
        <v>5</v>
      </c>
      <c r="AC16714">
        <v>5</v>
      </c>
      <c r="AD16714">
        <v>5</v>
      </c>
      <c r="AE16714">
        <v>6</v>
      </c>
      <c r="AF16714">
        <v>6</v>
      </c>
      <c r="AG16714">
        <v>6</v>
      </c>
      <c r="AH16714">
        <v>6</v>
      </c>
      <c r="AI16714">
        <v>6</v>
      </c>
      <c r="AJ16714">
        <v>6</v>
      </c>
      <c r="AK16714">
        <v>6</v>
      </c>
      <c r="AL16714">
        <v>6</v>
      </c>
      <c r="AM16714">
        <v>6</v>
      </c>
      <c r="AN16714">
        <v>6</v>
      </c>
      <c r="AO16714">
        <v>6</v>
      </c>
      <c r="AP16714">
        <v>6</v>
      </c>
      <c r="AQ16714">
        <v>6</v>
      </c>
    </row>
    <row r="16715" spans="1:43">
      <c r="A16715" t="s">
        <v>10378</v>
      </c>
      <c r="B16715" t="s">
        <v>10379</v>
      </c>
      <c r="C16715" t="s">
        <v>10224</v>
      </c>
      <c r="D16715" t="s">
        <v>10225</v>
      </c>
      <c r="E16715" t="s">
        <v>10212</v>
      </c>
      <c r="F16715" t="s">
        <v>10213</v>
      </c>
      <c r="G16715" t="s">
        <v>10214</v>
      </c>
      <c r="H16715" t="s">
        <v>10215</v>
      </c>
      <c r="I16715" s="2">
        <v>1</v>
      </c>
      <c r="J16715" s="2">
        <v>0</v>
      </c>
      <c r="K16715" s="2">
        <v>0</v>
      </c>
      <c r="L16715" t="s">
        <v>120</v>
      </c>
      <c r="M16715" t="s">
        <v>87</v>
      </c>
      <c r="N16715" t="s">
        <v>88</v>
      </c>
      <c r="O16715" t="s">
        <v>85</v>
      </c>
      <c r="P16715" t="s">
        <v>86</v>
      </c>
      <c r="Q16715">
        <v>5</v>
      </c>
      <c r="R16715">
        <v>5</v>
      </c>
      <c r="S16715">
        <v>5</v>
      </c>
      <c r="T16715">
        <v>5</v>
      </c>
      <c r="U16715">
        <v>5</v>
      </c>
      <c r="V16715">
        <v>5</v>
      </c>
      <c r="W16715">
        <v>5</v>
      </c>
      <c r="X16715">
        <v>5</v>
      </c>
      <c r="Y16715">
        <v>5</v>
      </c>
      <c r="Z16715">
        <v>5</v>
      </c>
      <c r="AA16715">
        <v>5</v>
      </c>
      <c r="AB16715">
        <v>5</v>
      </c>
      <c r="AC16715">
        <v>5</v>
      </c>
      <c r="AD16715">
        <v>5</v>
      </c>
      <c r="AE16715">
        <v>5</v>
      </c>
      <c r="AF16715">
        <v>5</v>
      </c>
      <c r="AG16715">
        <v>5</v>
      </c>
      <c r="AH16715">
        <v>5</v>
      </c>
      <c r="AI16715">
        <v>5</v>
      </c>
      <c r="AJ16715">
        <v>5</v>
      </c>
      <c r="AK16715">
        <v>5</v>
      </c>
      <c r="AL16715">
        <v>5</v>
      </c>
      <c r="AM16715">
        <v>5</v>
      </c>
      <c r="AN16715">
        <v>5</v>
      </c>
      <c r="AO16715">
        <v>5</v>
      </c>
      <c r="AP16715">
        <v>5</v>
      </c>
      <c r="AQ16715">
        <v>5</v>
      </c>
    </row>
    <row r="16716" spans="1:43">
      <c r="A16716" t="s">
        <v>10378</v>
      </c>
      <c r="B16716" t="s">
        <v>10379</v>
      </c>
      <c r="C16716" t="s">
        <v>10224</v>
      </c>
      <c r="D16716" t="s">
        <v>10225</v>
      </c>
      <c r="E16716" t="s">
        <v>10212</v>
      </c>
      <c r="F16716" t="s">
        <v>10213</v>
      </c>
      <c r="G16716" t="s">
        <v>10214</v>
      </c>
      <c r="H16716" t="s">
        <v>10215</v>
      </c>
      <c r="I16716" s="2">
        <v>1</v>
      </c>
      <c r="J16716" s="2">
        <v>0</v>
      </c>
      <c r="K16716" s="2">
        <v>0</v>
      </c>
      <c r="L16716" t="s">
        <v>120</v>
      </c>
      <c r="M16716" t="s">
        <v>89</v>
      </c>
      <c r="N16716" t="s">
        <v>90</v>
      </c>
      <c r="O16716" t="s">
        <v>85</v>
      </c>
      <c r="P16716" t="s">
        <v>86</v>
      </c>
      <c r="Q16716">
        <v>5</v>
      </c>
      <c r="R16716">
        <v>5</v>
      </c>
      <c r="S16716">
        <v>5</v>
      </c>
      <c r="T16716">
        <v>5</v>
      </c>
      <c r="U16716">
        <v>5</v>
      </c>
      <c r="V16716">
        <v>5</v>
      </c>
      <c r="W16716">
        <v>5</v>
      </c>
      <c r="X16716">
        <v>5</v>
      </c>
      <c r="Y16716">
        <v>5</v>
      </c>
      <c r="Z16716">
        <v>6</v>
      </c>
      <c r="AA16716">
        <v>6</v>
      </c>
      <c r="AB16716">
        <v>6</v>
      </c>
      <c r="AC16716">
        <v>6</v>
      </c>
      <c r="AD16716">
        <v>6</v>
      </c>
      <c r="AE16716">
        <v>6</v>
      </c>
      <c r="AF16716">
        <v>6</v>
      </c>
      <c r="AG16716">
        <v>6</v>
      </c>
      <c r="AH16716">
        <v>6</v>
      </c>
      <c r="AI16716">
        <v>6</v>
      </c>
      <c r="AJ16716">
        <v>6</v>
      </c>
      <c r="AK16716">
        <v>6</v>
      </c>
      <c r="AL16716">
        <v>6</v>
      </c>
      <c r="AM16716">
        <v>6</v>
      </c>
      <c r="AN16716">
        <v>6</v>
      </c>
      <c r="AO16716">
        <v>6</v>
      </c>
      <c r="AP16716">
        <v>6</v>
      </c>
      <c r="AQ16716">
        <v>6</v>
      </c>
    </row>
    <row r="16717" spans="1:43">
      <c r="A16717" t="s">
        <v>10378</v>
      </c>
      <c r="B16717" t="s">
        <v>10379</v>
      </c>
      <c r="C16717" t="s">
        <v>10224</v>
      </c>
      <c r="D16717" t="s">
        <v>10225</v>
      </c>
      <c r="E16717" t="s">
        <v>10212</v>
      </c>
      <c r="F16717" t="s">
        <v>10213</v>
      </c>
      <c r="G16717" t="s">
        <v>10214</v>
      </c>
      <c r="H16717" t="s">
        <v>10215</v>
      </c>
      <c r="I16717" s="2">
        <v>1</v>
      </c>
      <c r="J16717" s="2">
        <v>0</v>
      </c>
      <c r="K16717" s="2">
        <v>0</v>
      </c>
      <c r="L16717" t="s">
        <v>120</v>
      </c>
      <c r="M16717" t="s">
        <v>83</v>
      </c>
      <c r="N16717" t="s">
        <v>91</v>
      </c>
      <c r="O16717" t="s">
        <v>85</v>
      </c>
      <c r="P16717" t="s">
        <v>86</v>
      </c>
      <c r="Q16717">
        <v>5</v>
      </c>
      <c r="R16717">
        <v>5</v>
      </c>
      <c r="S16717">
        <v>5</v>
      </c>
      <c r="T16717">
        <v>5</v>
      </c>
      <c r="U16717">
        <v>5</v>
      </c>
      <c r="V16717">
        <v>5</v>
      </c>
      <c r="W16717">
        <v>5</v>
      </c>
      <c r="X16717">
        <v>5</v>
      </c>
      <c r="Y16717">
        <v>5</v>
      </c>
      <c r="Z16717">
        <v>5</v>
      </c>
      <c r="AA16717">
        <v>5</v>
      </c>
      <c r="AB16717">
        <v>5</v>
      </c>
      <c r="AC16717">
        <v>5</v>
      </c>
      <c r="AD16717">
        <v>5</v>
      </c>
      <c r="AE16717">
        <v>6</v>
      </c>
      <c r="AF16717">
        <v>6</v>
      </c>
      <c r="AG16717">
        <v>6</v>
      </c>
      <c r="AH16717">
        <v>6</v>
      </c>
      <c r="AI16717">
        <v>6</v>
      </c>
      <c r="AJ16717">
        <v>6</v>
      </c>
      <c r="AK16717">
        <v>6</v>
      </c>
      <c r="AL16717">
        <v>6</v>
      </c>
      <c r="AM16717">
        <v>6</v>
      </c>
      <c r="AN16717">
        <v>6</v>
      </c>
      <c r="AO16717">
        <v>6</v>
      </c>
      <c r="AP16717">
        <v>6</v>
      </c>
      <c r="AQ16717">
        <v>6</v>
      </c>
    </row>
    <row r="16718" spans="1:43">
      <c r="A16718" t="s">
        <v>10380</v>
      </c>
      <c r="B16718" t="s">
        <v>10381</v>
      </c>
      <c r="C16718" t="s">
        <v>10224</v>
      </c>
      <c r="D16718" t="s">
        <v>10225</v>
      </c>
      <c r="E16718" t="s">
        <v>10212</v>
      </c>
      <c r="F16718" t="s">
        <v>10213</v>
      </c>
      <c r="G16718" t="s">
        <v>10214</v>
      </c>
      <c r="H16718" t="s">
        <v>10215</v>
      </c>
      <c r="I16718" s="2">
        <v>1</v>
      </c>
      <c r="J16718" s="2">
        <v>0</v>
      </c>
      <c r="K16718" s="2">
        <v>0</v>
      </c>
      <c r="L16718" t="s">
        <v>120</v>
      </c>
      <c r="M16718" t="s">
        <v>83</v>
      </c>
      <c r="N16718" t="s">
        <v>84</v>
      </c>
      <c r="O16718" t="s">
        <v>85</v>
      </c>
      <c r="P16718" t="s">
        <v>86</v>
      </c>
      <c r="Q16718">
        <v>14</v>
      </c>
      <c r="R16718">
        <v>14</v>
      </c>
      <c r="S16718">
        <v>14</v>
      </c>
      <c r="T16718">
        <v>15</v>
      </c>
      <c r="U16718">
        <v>15</v>
      </c>
      <c r="V16718">
        <v>15</v>
      </c>
      <c r="W16718">
        <v>15</v>
      </c>
      <c r="X16718">
        <v>15</v>
      </c>
      <c r="Y16718">
        <v>16</v>
      </c>
      <c r="Z16718">
        <v>16</v>
      </c>
      <c r="AA16718">
        <v>16</v>
      </c>
      <c r="AB16718">
        <v>16</v>
      </c>
      <c r="AC16718">
        <v>16</v>
      </c>
      <c r="AD16718">
        <v>17</v>
      </c>
      <c r="AE16718">
        <v>17</v>
      </c>
      <c r="AF16718">
        <v>17</v>
      </c>
      <c r="AG16718">
        <v>17</v>
      </c>
      <c r="AH16718">
        <v>17</v>
      </c>
      <c r="AI16718">
        <v>17</v>
      </c>
      <c r="AJ16718">
        <v>18</v>
      </c>
      <c r="AK16718">
        <v>18</v>
      </c>
      <c r="AL16718">
        <v>18</v>
      </c>
      <c r="AM16718">
        <v>18</v>
      </c>
      <c r="AN16718">
        <v>18</v>
      </c>
      <c r="AO16718">
        <v>18</v>
      </c>
      <c r="AP16718">
        <v>18</v>
      </c>
      <c r="AQ16718">
        <v>18</v>
      </c>
    </row>
    <row r="16719" spans="1:43">
      <c r="A16719" t="s">
        <v>10380</v>
      </c>
      <c r="B16719" t="s">
        <v>10381</v>
      </c>
      <c r="C16719" t="s">
        <v>10224</v>
      </c>
      <c r="D16719" t="s">
        <v>10225</v>
      </c>
      <c r="E16719" t="s">
        <v>10212</v>
      </c>
      <c r="F16719" t="s">
        <v>10213</v>
      </c>
      <c r="G16719" t="s">
        <v>10214</v>
      </c>
      <c r="H16719" t="s">
        <v>10215</v>
      </c>
      <c r="I16719" s="2">
        <v>1</v>
      </c>
      <c r="J16719" s="2">
        <v>0</v>
      </c>
      <c r="K16719" s="2">
        <v>0</v>
      </c>
      <c r="L16719" t="s">
        <v>120</v>
      </c>
      <c r="M16719" t="s">
        <v>87</v>
      </c>
      <c r="N16719" t="s">
        <v>88</v>
      </c>
      <c r="O16719" t="s">
        <v>85</v>
      </c>
      <c r="P16719" t="s">
        <v>86</v>
      </c>
      <c r="Q16719">
        <v>14</v>
      </c>
      <c r="R16719">
        <v>14</v>
      </c>
      <c r="S16719">
        <v>14</v>
      </c>
      <c r="T16719">
        <v>14</v>
      </c>
      <c r="U16719">
        <v>14</v>
      </c>
      <c r="V16719">
        <v>14</v>
      </c>
      <c r="W16719">
        <v>14</v>
      </c>
      <c r="X16719">
        <v>14</v>
      </c>
      <c r="Y16719">
        <v>14</v>
      </c>
      <c r="Z16719">
        <v>15</v>
      </c>
      <c r="AA16719">
        <v>15</v>
      </c>
      <c r="AB16719">
        <v>15</v>
      </c>
      <c r="AC16719">
        <v>15</v>
      </c>
      <c r="AD16719">
        <v>15</v>
      </c>
      <c r="AE16719">
        <v>15</v>
      </c>
      <c r="AF16719">
        <v>15</v>
      </c>
      <c r="AG16719">
        <v>15</v>
      </c>
      <c r="AH16719">
        <v>15</v>
      </c>
      <c r="AI16719">
        <v>15</v>
      </c>
      <c r="AJ16719">
        <v>15</v>
      </c>
      <c r="AK16719">
        <v>15</v>
      </c>
      <c r="AL16719">
        <v>15</v>
      </c>
      <c r="AM16719">
        <v>15</v>
      </c>
      <c r="AN16719">
        <v>15</v>
      </c>
      <c r="AO16719">
        <v>15</v>
      </c>
      <c r="AP16719">
        <v>16</v>
      </c>
      <c r="AQ16719">
        <v>16</v>
      </c>
    </row>
    <row r="16720" spans="1:43">
      <c r="A16720" t="s">
        <v>10380</v>
      </c>
      <c r="B16720" t="s">
        <v>10381</v>
      </c>
      <c r="C16720" t="s">
        <v>10224</v>
      </c>
      <c r="D16720" t="s">
        <v>10225</v>
      </c>
      <c r="E16720" t="s">
        <v>10212</v>
      </c>
      <c r="F16720" t="s">
        <v>10213</v>
      </c>
      <c r="G16720" t="s">
        <v>10214</v>
      </c>
      <c r="H16720" t="s">
        <v>10215</v>
      </c>
      <c r="I16720" s="2">
        <v>1</v>
      </c>
      <c r="J16720" s="2">
        <v>0</v>
      </c>
      <c r="K16720" s="2">
        <v>0</v>
      </c>
      <c r="L16720" t="s">
        <v>120</v>
      </c>
      <c r="M16720" t="s">
        <v>89</v>
      </c>
      <c r="N16720" t="s">
        <v>90</v>
      </c>
      <c r="O16720" t="s">
        <v>85</v>
      </c>
      <c r="P16720" t="s">
        <v>86</v>
      </c>
      <c r="Q16720">
        <v>14</v>
      </c>
      <c r="R16720">
        <v>15</v>
      </c>
      <c r="S16720">
        <v>15</v>
      </c>
      <c r="T16720">
        <v>15</v>
      </c>
      <c r="U16720">
        <v>15</v>
      </c>
      <c r="V16720">
        <v>16</v>
      </c>
      <c r="W16720">
        <v>16</v>
      </c>
      <c r="X16720">
        <v>16</v>
      </c>
      <c r="Y16720">
        <v>17</v>
      </c>
      <c r="Z16720">
        <v>17</v>
      </c>
      <c r="AA16720">
        <v>17</v>
      </c>
      <c r="AB16720">
        <v>17</v>
      </c>
      <c r="AC16720">
        <v>18</v>
      </c>
      <c r="AD16720">
        <v>18</v>
      </c>
      <c r="AE16720">
        <v>18</v>
      </c>
      <c r="AF16720">
        <v>18</v>
      </c>
      <c r="AG16720">
        <v>18</v>
      </c>
      <c r="AH16720">
        <v>18</v>
      </c>
      <c r="AI16720">
        <v>18</v>
      </c>
      <c r="AJ16720">
        <v>18</v>
      </c>
      <c r="AK16720">
        <v>18</v>
      </c>
      <c r="AL16720">
        <v>18</v>
      </c>
      <c r="AM16720">
        <v>18</v>
      </c>
      <c r="AN16720">
        <v>18</v>
      </c>
      <c r="AO16720">
        <v>18</v>
      </c>
      <c r="AP16720">
        <v>18</v>
      </c>
      <c r="AQ16720">
        <v>18</v>
      </c>
    </row>
    <row r="16721" spans="1:43">
      <c r="A16721" t="s">
        <v>10380</v>
      </c>
      <c r="B16721" t="s">
        <v>10381</v>
      </c>
      <c r="C16721" t="s">
        <v>10224</v>
      </c>
      <c r="D16721" t="s">
        <v>10225</v>
      </c>
      <c r="E16721" t="s">
        <v>10212</v>
      </c>
      <c r="F16721" t="s">
        <v>10213</v>
      </c>
      <c r="G16721" t="s">
        <v>10214</v>
      </c>
      <c r="H16721" t="s">
        <v>10215</v>
      </c>
      <c r="I16721" s="2">
        <v>1</v>
      </c>
      <c r="J16721" s="2">
        <v>0</v>
      </c>
      <c r="K16721" s="2">
        <v>0</v>
      </c>
      <c r="L16721" t="s">
        <v>120</v>
      </c>
      <c r="M16721" t="s">
        <v>83</v>
      </c>
      <c r="N16721" t="s">
        <v>91</v>
      </c>
      <c r="O16721" t="s">
        <v>85</v>
      </c>
      <c r="P16721" t="s">
        <v>86</v>
      </c>
      <c r="Q16721">
        <v>14</v>
      </c>
      <c r="R16721">
        <v>14</v>
      </c>
      <c r="S16721">
        <v>14</v>
      </c>
      <c r="T16721">
        <v>15</v>
      </c>
      <c r="U16721">
        <v>15</v>
      </c>
      <c r="V16721">
        <v>15</v>
      </c>
      <c r="W16721">
        <v>15</v>
      </c>
      <c r="X16721">
        <v>15</v>
      </c>
      <c r="Y16721">
        <v>16</v>
      </c>
      <c r="Z16721">
        <v>16</v>
      </c>
      <c r="AA16721">
        <v>16</v>
      </c>
      <c r="AB16721">
        <v>16</v>
      </c>
      <c r="AC16721">
        <v>16</v>
      </c>
      <c r="AD16721">
        <v>17</v>
      </c>
      <c r="AE16721">
        <v>17</v>
      </c>
      <c r="AF16721">
        <v>17</v>
      </c>
      <c r="AG16721">
        <v>17</v>
      </c>
      <c r="AH16721">
        <v>17</v>
      </c>
      <c r="AI16721">
        <v>17</v>
      </c>
      <c r="AJ16721">
        <v>18</v>
      </c>
      <c r="AK16721">
        <v>18</v>
      </c>
      <c r="AL16721">
        <v>18</v>
      </c>
      <c r="AM16721">
        <v>18</v>
      </c>
      <c r="AN16721">
        <v>18</v>
      </c>
      <c r="AO16721">
        <v>18</v>
      </c>
      <c r="AP16721">
        <v>18</v>
      </c>
      <c r="AQ16721">
        <v>18</v>
      </c>
    </row>
    <row r="16722" spans="1:43">
      <c r="A16722" t="s">
        <v>10382</v>
      </c>
      <c r="B16722" t="s">
        <v>10383</v>
      </c>
      <c r="C16722" t="s">
        <v>10224</v>
      </c>
      <c r="D16722" t="s">
        <v>10225</v>
      </c>
      <c r="E16722" t="s">
        <v>10212</v>
      </c>
      <c r="F16722" t="s">
        <v>10213</v>
      </c>
      <c r="G16722" t="s">
        <v>10214</v>
      </c>
      <c r="H16722" t="s">
        <v>10215</v>
      </c>
      <c r="I16722" s="2">
        <v>1</v>
      </c>
      <c r="J16722" s="2">
        <v>0</v>
      </c>
      <c r="K16722" s="2">
        <v>0</v>
      </c>
      <c r="L16722" t="s">
        <v>120</v>
      </c>
      <c r="M16722" t="s">
        <v>83</v>
      </c>
      <c r="N16722" t="s">
        <v>84</v>
      </c>
      <c r="O16722" t="s">
        <v>85</v>
      </c>
      <c r="P16722" t="s">
        <v>86</v>
      </c>
      <c r="Q16722">
        <v>21</v>
      </c>
      <c r="R16722">
        <v>21</v>
      </c>
      <c r="S16722">
        <v>21</v>
      </c>
      <c r="T16722">
        <v>22</v>
      </c>
      <c r="U16722">
        <v>22</v>
      </c>
      <c r="V16722">
        <v>22</v>
      </c>
      <c r="W16722">
        <v>22</v>
      </c>
      <c r="X16722">
        <v>23</v>
      </c>
      <c r="Y16722">
        <v>23</v>
      </c>
      <c r="Z16722">
        <v>23</v>
      </c>
      <c r="AA16722">
        <v>24</v>
      </c>
      <c r="AB16722">
        <v>24</v>
      </c>
      <c r="AC16722">
        <v>24</v>
      </c>
      <c r="AD16722">
        <v>24</v>
      </c>
      <c r="AE16722">
        <v>25</v>
      </c>
      <c r="AF16722">
        <v>25</v>
      </c>
      <c r="AG16722">
        <v>25</v>
      </c>
      <c r="AH16722">
        <v>25</v>
      </c>
      <c r="AI16722">
        <v>26</v>
      </c>
      <c r="AJ16722">
        <v>26</v>
      </c>
      <c r="AK16722">
        <v>26</v>
      </c>
      <c r="AL16722">
        <v>26</v>
      </c>
      <c r="AM16722">
        <v>26</v>
      </c>
      <c r="AN16722">
        <v>26</v>
      </c>
      <c r="AO16722">
        <v>26</v>
      </c>
      <c r="AP16722">
        <v>26</v>
      </c>
      <c r="AQ16722">
        <v>26</v>
      </c>
    </row>
    <row r="16723" spans="1:43">
      <c r="A16723" t="s">
        <v>10382</v>
      </c>
      <c r="B16723" t="s">
        <v>10383</v>
      </c>
      <c r="C16723" t="s">
        <v>10224</v>
      </c>
      <c r="D16723" t="s">
        <v>10225</v>
      </c>
      <c r="E16723" t="s">
        <v>10212</v>
      </c>
      <c r="F16723" t="s">
        <v>10213</v>
      </c>
      <c r="G16723" t="s">
        <v>10214</v>
      </c>
      <c r="H16723" t="s">
        <v>10215</v>
      </c>
      <c r="I16723" s="2">
        <v>1</v>
      </c>
      <c r="J16723" s="2">
        <v>0</v>
      </c>
      <c r="K16723" s="2">
        <v>0</v>
      </c>
      <c r="L16723" t="s">
        <v>120</v>
      </c>
      <c r="M16723" t="s">
        <v>87</v>
      </c>
      <c r="N16723" t="s">
        <v>88</v>
      </c>
      <c r="O16723" t="s">
        <v>85</v>
      </c>
      <c r="P16723" t="s">
        <v>86</v>
      </c>
      <c r="Q16723">
        <v>21</v>
      </c>
      <c r="R16723">
        <v>22</v>
      </c>
      <c r="S16723">
        <v>22</v>
      </c>
      <c r="T16723">
        <v>22</v>
      </c>
      <c r="U16723">
        <v>22</v>
      </c>
      <c r="V16723">
        <v>22</v>
      </c>
      <c r="W16723">
        <v>22</v>
      </c>
      <c r="X16723">
        <v>22</v>
      </c>
      <c r="Y16723">
        <v>22</v>
      </c>
      <c r="Z16723">
        <v>22</v>
      </c>
      <c r="AA16723">
        <v>22</v>
      </c>
      <c r="AB16723">
        <v>23</v>
      </c>
      <c r="AC16723">
        <v>23</v>
      </c>
      <c r="AD16723">
        <v>23</v>
      </c>
      <c r="AE16723">
        <v>23</v>
      </c>
      <c r="AF16723">
        <v>23</v>
      </c>
      <c r="AG16723">
        <v>23</v>
      </c>
      <c r="AH16723">
        <v>23</v>
      </c>
      <c r="AI16723">
        <v>23</v>
      </c>
      <c r="AJ16723">
        <v>23</v>
      </c>
      <c r="AK16723">
        <v>23</v>
      </c>
      <c r="AL16723">
        <v>23</v>
      </c>
      <c r="AM16723">
        <v>24</v>
      </c>
      <c r="AN16723">
        <v>24</v>
      </c>
      <c r="AO16723">
        <v>24</v>
      </c>
      <c r="AP16723">
        <v>24</v>
      </c>
      <c r="AQ16723">
        <v>24</v>
      </c>
    </row>
    <row r="16724" spans="1:43">
      <c r="A16724" t="s">
        <v>10382</v>
      </c>
      <c r="B16724" t="s">
        <v>10383</v>
      </c>
      <c r="C16724" t="s">
        <v>10224</v>
      </c>
      <c r="D16724" t="s">
        <v>10225</v>
      </c>
      <c r="E16724" t="s">
        <v>10212</v>
      </c>
      <c r="F16724" t="s">
        <v>10213</v>
      </c>
      <c r="G16724" t="s">
        <v>10214</v>
      </c>
      <c r="H16724" t="s">
        <v>10215</v>
      </c>
      <c r="I16724" s="2">
        <v>1</v>
      </c>
      <c r="J16724" s="2">
        <v>0</v>
      </c>
      <c r="K16724" s="2">
        <v>0</v>
      </c>
      <c r="L16724" t="s">
        <v>120</v>
      </c>
      <c r="M16724" t="s">
        <v>89</v>
      </c>
      <c r="N16724" t="s">
        <v>90</v>
      </c>
      <c r="O16724" t="s">
        <v>85</v>
      </c>
      <c r="P16724" t="s">
        <v>86</v>
      </c>
      <c r="Q16724">
        <v>21</v>
      </c>
      <c r="R16724">
        <v>21</v>
      </c>
      <c r="S16724">
        <v>22</v>
      </c>
      <c r="T16724">
        <v>22</v>
      </c>
      <c r="U16724">
        <v>23</v>
      </c>
      <c r="V16724">
        <v>23</v>
      </c>
      <c r="W16724">
        <v>24</v>
      </c>
      <c r="X16724">
        <v>24</v>
      </c>
      <c r="Y16724">
        <v>24</v>
      </c>
      <c r="Z16724">
        <v>25</v>
      </c>
      <c r="AA16724">
        <v>25</v>
      </c>
      <c r="AB16724">
        <v>25</v>
      </c>
      <c r="AC16724">
        <v>26</v>
      </c>
      <c r="AD16724">
        <v>26</v>
      </c>
      <c r="AE16724">
        <v>26</v>
      </c>
      <c r="AF16724">
        <v>26</v>
      </c>
      <c r="AG16724">
        <v>26</v>
      </c>
      <c r="AH16724">
        <v>26</v>
      </c>
      <c r="AI16724">
        <v>26</v>
      </c>
      <c r="AJ16724">
        <v>26</v>
      </c>
      <c r="AK16724">
        <v>26</v>
      </c>
      <c r="AL16724">
        <v>27</v>
      </c>
      <c r="AM16724">
        <v>27</v>
      </c>
      <c r="AN16724">
        <v>27</v>
      </c>
      <c r="AO16724">
        <v>27</v>
      </c>
      <c r="AP16724">
        <v>27</v>
      </c>
      <c r="AQ16724">
        <v>27</v>
      </c>
    </row>
    <row r="16725" spans="1:43">
      <c r="A16725" t="s">
        <v>10382</v>
      </c>
      <c r="B16725" t="s">
        <v>10383</v>
      </c>
      <c r="C16725" t="s">
        <v>10224</v>
      </c>
      <c r="D16725" t="s">
        <v>10225</v>
      </c>
      <c r="E16725" t="s">
        <v>10212</v>
      </c>
      <c r="F16725" t="s">
        <v>10213</v>
      </c>
      <c r="G16725" t="s">
        <v>10214</v>
      </c>
      <c r="H16725" t="s">
        <v>10215</v>
      </c>
      <c r="I16725" s="2">
        <v>1</v>
      </c>
      <c r="J16725" s="2">
        <v>0</v>
      </c>
      <c r="K16725" s="2">
        <v>0</v>
      </c>
      <c r="L16725" t="s">
        <v>120</v>
      </c>
      <c r="M16725" t="s">
        <v>83</v>
      </c>
      <c r="N16725" t="s">
        <v>91</v>
      </c>
      <c r="O16725" t="s">
        <v>85</v>
      </c>
      <c r="P16725" t="s">
        <v>86</v>
      </c>
      <c r="Q16725">
        <v>21</v>
      </c>
      <c r="R16725">
        <v>21</v>
      </c>
      <c r="S16725">
        <v>21</v>
      </c>
      <c r="T16725">
        <v>22</v>
      </c>
      <c r="U16725">
        <v>22</v>
      </c>
      <c r="V16725">
        <v>22</v>
      </c>
      <c r="W16725">
        <v>22</v>
      </c>
      <c r="X16725">
        <v>23</v>
      </c>
      <c r="Y16725">
        <v>23</v>
      </c>
      <c r="Z16725">
        <v>23</v>
      </c>
      <c r="AA16725">
        <v>24</v>
      </c>
      <c r="AB16725">
        <v>24</v>
      </c>
      <c r="AC16725">
        <v>24</v>
      </c>
      <c r="AD16725">
        <v>24</v>
      </c>
      <c r="AE16725">
        <v>25</v>
      </c>
      <c r="AF16725">
        <v>25</v>
      </c>
      <c r="AG16725">
        <v>25</v>
      </c>
      <c r="AH16725">
        <v>25</v>
      </c>
      <c r="AI16725">
        <v>26</v>
      </c>
      <c r="AJ16725">
        <v>26</v>
      </c>
      <c r="AK16725">
        <v>26</v>
      </c>
      <c r="AL16725">
        <v>26</v>
      </c>
      <c r="AM16725">
        <v>26</v>
      </c>
      <c r="AN16725">
        <v>26</v>
      </c>
      <c r="AO16725">
        <v>26</v>
      </c>
      <c r="AP16725">
        <v>26</v>
      </c>
      <c r="AQ16725">
        <v>26</v>
      </c>
    </row>
    <row r="16726" spans="1:43">
      <c r="A16726" t="s">
        <v>10384</v>
      </c>
      <c r="B16726" t="s">
        <v>10385</v>
      </c>
      <c r="C16726" t="s">
        <v>10294</v>
      </c>
      <c r="D16726" t="s">
        <v>10295</v>
      </c>
      <c r="E16726" t="s">
        <v>10212</v>
      </c>
      <c r="F16726" t="s">
        <v>10213</v>
      </c>
      <c r="G16726" t="s">
        <v>10214</v>
      </c>
      <c r="H16726" t="s">
        <v>10215</v>
      </c>
      <c r="I16726" s="2">
        <v>1</v>
      </c>
      <c r="J16726" s="2">
        <v>0</v>
      </c>
      <c r="K16726" s="2">
        <v>0</v>
      </c>
      <c r="L16726" t="s">
        <v>120</v>
      </c>
      <c r="M16726" t="s">
        <v>83</v>
      </c>
      <c r="N16726" t="s">
        <v>84</v>
      </c>
      <c r="O16726" t="s">
        <v>85</v>
      </c>
      <c r="P16726" t="s">
        <v>86</v>
      </c>
      <c r="Q16726">
        <v>41</v>
      </c>
      <c r="R16726">
        <v>41</v>
      </c>
      <c r="S16726">
        <v>42</v>
      </c>
      <c r="T16726">
        <v>43</v>
      </c>
      <c r="U16726">
        <v>43</v>
      </c>
      <c r="V16726">
        <v>44</v>
      </c>
      <c r="W16726">
        <v>44</v>
      </c>
      <c r="X16726">
        <v>45</v>
      </c>
      <c r="Y16726">
        <v>45</v>
      </c>
      <c r="Z16726">
        <v>46</v>
      </c>
      <c r="AA16726">
        <v>46</v>
      </c>
      <c r="AB16726">
        <v>47</v>
      </c>
      <c r="AC16726">
        <v>47</v>
      </c>
      <c r="AD16726">
        <v>48</v>
      </c>
      <c r="AE16726">
        <v>48</v>
      </c>
      <c r="AF16726">
        <v>49</v>
      </c>
      <c r="AG16726">
        <v>49</v>
      </c>
      <c r="AH16726">
        <v>50</v>
      </c>
      <c r="AI16726">
        <v>50</v>
      </c>
      <c r="AJ16726">
        <v>51</v>
      </c>
      <c r="AK16726">
        <v>51</v>
      </c>
      <c r="AL16726">
        <v>51</v>
      </c>
      <c r="AM16726">
        <v>51</v>
      </c>
      <c r="AN16726">
        <v>51</v>
      </c>
      <c r="AO16726">
        <v>51</v>
      </c>
      <c r="AP16726">
        <v>52</v>
      </c>
      <c r="AQ16726">
        <v>52</v>
      </c>
    </row>
    <row r="16727" spans="1:43">
      <c r="A16727" t="s">
        <v>10384</v>
      </c>
      <c r="B16727" t="s">
        <v>10385</v>
      </c>
      <c r="C16727" t="s">
        <v>10294</v>
      </c>
      <c r="D16727" t="s">
        <v>10295</v>
      </c>
      <c r="E16727" t="s">
        <v>10212</v>
      </c>
      <c r="F16727" t="s">
        <v>10213</v>
      </c>
      <c r="G16727" t="s">
        <v>10214</v>
      </c>
      <c r="H16727" t="s">
        <v>10215</v>
      </c>
      <c r="I16727" s="2">
        <v>1</v>
      </c>
      <c r="J16727" s="2">
        <v>0</v>
      </c>
      <c r="K16727" s="2">
        <v>0</v>
      </c>
      <c r="L16727" t="s">
        <v>120</v>
      </c>
      <c r="M16727" t="s">
        <v>87</v>
      </c>
      <c r="N16727" t="s">
        <v>88</v>
      </c>
      <c r="O16727" t="s">
        <v>85</v>
      </c>
      <c r="P16727" t="s">
        <v>86</v>
      </c>
      <c r="Q16727">
        <v>41</v>
      </c>
      <c r="R16727">
        <v>42</v>
      </c>
      <c r="S16727">
        <v>42</v>
      </c>
      <c r="T16727">
        <v>42</v>
      </c>
      <c r="U16727">
        <v>42</v>
      </c>
      <c r="V16727">
        <v>42</v>
      </c>
      <c r="W16727">
        <v>43</v>
      </c>
      <c r="X16727">
        <v>43</v>
      </c>
      <c r="Y16727">
        <v>43</v>
      </c>
      <c r="Z16727">
        <v>43</v>
      </c>
      <c r="AA16727">
        <v>43</v>
      </c>
      <c r="AB16727">
        <v>44</v>
      </c>
      <c r="AC16727">
        <v>44</v>
      </c>
      <c r="AD16727">
        <v>44</v>
      </c>
      <c r="AE16727">
        <v>44</v>
      </c>
      <c r="AF16727">
        <v>44</v>
      </c>
      <c r="AG16727">
        <v>45</v>
      </c>
      <c r="AH16727">
        <v>45</v>
      </c>
      <c r="AI16727">
        <v>45</v>
      </c>
      <c r="AJ16727">
        <v>45</v>
      </c>
      <c r="AK16727">
        <v>45</v>
      </c>
      <c r="AL16727">
        <v>45</v>
      </c>
      <c r="AM16727">
        <v>46</v>
      </c>
      <c r="AN16727">
        <v>46</v>
      </c>
      <c r="AO16727">
        <v>46</v>
      </c>
      <c r="AP16727">
        <v>46</v>
      </c>
      <c r="AQ16727">
        <v>46</v>
      </c>
    </row>
    <row r="16728" spans="1:43">
      <c r="A16728" t="s">
        <v>10384</v>
      </c>
      <c r="B16728" t="s">
        <v>10385</v>
      </c>
      <c r="C16728" t="s">
        <v>10294</v>
      </c>
      <c r="D16728" t="s">
        <v>10295</v>
      </c>
      <c r="E16728" t="s">
        <v>10212</v>
      </c>
      <c r="F16728" t="s">
        <v>10213</v>
      </c>
      <c r="G16728" t="s">
        <v>10214</v>
      </c>
      <c r="H16728" t="s">
        <v>10215</v>
      </c>
      <c r="I16728" s="2">
        <v>1</v>
      </c>
      <c r="J16728" s="2">
        <v>0</v>
      </c>
      <c r="K16728" s="2">
        <v>0</v>
      </c>
      <c r="L16728" t="s">
        <v>120</v>
      </c>
      <c r="M16728" t="s">
        <v>89</v>
      </c>
      <c r="N16728" t="s">
        <v>90</v>
      </c>
      <c r="O16728" t="s">
        <v>85</v>
      </c>
      <c r="P16728" t="s">
        <v>86</v>
      </c>
      <c r="Q16728">
        <v>41</v>
      </c>
      <c r="R16728">
        <v>42</v>
      </c>
      <c r="S16728">
        <v>43</v>
      </c>
      <c r="T16728">
        <v>44</v>
      </c>
      <c r="U16728">
        <v>45</v>
      </c>
      <c r="V16728">
        <v>46</v>
      </c>
      <c r="W16728">
        <v>46</v>
      </c>
      <c r="X16728">
        <v>47</v>
      </c>
      <c r="Y16728">
        <v>48</v>
      </c>
      <c r="Z16728">
        <v>48</v>
      </c>
      <c r="AA16728">
        <v>49</v>
      </c>
      <c r="AB16728">
        <v>50</v>
      </c>
      <c r="AC16728">
        <v>51</v>
      </c>
      <c r="AD16728">
        <v>51</v>
      </c>
      <c r="AE16728">
        <v>52</v>
      </c>
      <c r="AF16728">
        <v>52</v>
      </c>
      <c r="AG16728">
        <v>52</v>
      </c>
      <c r="AH16728">
        <v>52</v>
      </c>
      <c r="AI16728">
        <v>52</v>
      </c>
      <c r="AJ16728">
        <v>52</v>
      </c>
      <c r="AK16728">
        <v>52</v>
      </c>
      <c r="AL16728">
        <v>52</v>
      </c>
      <c r="AM16728">
        <v>52</v>
      </c>
      <c r="AN16728">
        <v>52</v>
      </c>
      <c r="AO16728">
        <v>52</v>
      </c>
      <c r="AP16728">
        <v>52</v>
      </c>
      <c r="AQ16728">
        <v>52</v>
      </c>
    </row>
    <row r="16729" spans="1:43">
      <c r="A16729" t="s">
        <v>10384</v>
      </c>
      <c r="B16729" t="s">
        <v>10385</v>
      </c>
      <c r="C16729" t="s">
        <v>10294</v>
      </c>
      <c r="D16729" t="s">
        <v>10295</v>
      </c>
      <c r="E16729" t="s">
        <v>10212</v>
      </c>
      <c r="F16729" t="s">
        <v>10213</v>
      </c>
      <c r="G16729" t="s">
        <v>10214</v>
      </c>
      <c r="H16729" t="s">
        <v>10215</v>
      </c>
      <c r="I16729" s="2">
        <v>1</v>
      </c>
      <c r="J16729" s="2">
        <v>0</v>
      </c>
      <c r="K16729" s="2">
        <v>0</v>
      </c>
      <c r="L16729" t="s">
        <v>120</v>
      </c>
      <c r="M16729" t="s">
        <v>83</v>
      </c>
      <c r="N16729" t="s">
        <v>91</v>
      </c>
      <c r="O16729" t="s">
        <v>85</v>
      </c>
      <c r="P16729" t="s">
        <v>86</v>
      </c>
      <c r="Q16729">
        <v>41</v>
      </c>
      <c r="R16729">
        <v>41</v>
      </c>
      <c r="S16729">
        <v>42</v>
      </c>
      <c r="T16729">
        <v>43</v>
      </c>
      <c r="U16729">
        <v>43</v>
      </c>
      <c r="V16729">
        <v>44</v>
      </c>
      <c r="W16729">
        <v>44</v>
      </c>
      <c r="X16729">
        <v>45</v>
      </c>
      <c r="Y16729">
        <v>45</v>
      </c>
      <c r="Z16729">
        <v>46</v>
      </c>
      <c r="AA16729">
        <v>46</v>
      </c>
      <c r="AB16729">
        <v>47</v>
      </c>
      <c r="AC16729">
        <v>47</v>
      </c>
      <c r="AD16729">
        <v>48</v>
      </c>
      <c r="AE16729">
        <v>48</v>
      </c>
      <c r="AF16729">
        <v>49</v>
      </c>
      <c r="AG16729">
        <v>49</v>
      </c>
      <c r="AH16729">
        <v>50</v>
      </c>
      <c r="AI16729">
        <v>50</v>
      </c>
      <c r="AJ16729">
        <v>51</v>
      </c>
      <c r="AK16729">
        <v>51</v>
      </c>
      <c r="AL16729">
        <v>51</v>
      </c>
      <c r="AM16729">
        <v>51</v>
      </c>
      <c r="AN16729">
        <v>51</v>
      </c>
      <c r="AO16729">
        <v>51</v>
      </c>
      <c r="AP16729">
        <v>52</v>
      </c>
      <c r="AQ16729">
        <v>52</v>
      </c>
    </row>
    <row r="16730" spans="1:43">
      <c r="A16730" t="s">
        <v>10386</v>
      </c>
      <c r="B16730" t="s">
        <v>10387</v>
      </c>
      <c r="C16730" t="s">
        <v>10298</v>
      </c>
      <c r="D16730" t="s">
        <v>10299</v>
      </c>
      <c r="E16730" t="s">
        <v>10212</v>
      </c>
      <c r="F16730" t="s">
        <v>10213</v>
      </c>
      <c r="G16730" t="s">
        <v>10214</v>
      </c>
      <c r="H16730" t="s">
        <v>10215</v>
      </c>
      <c r="I16730" s="2">
        <v>1</v>
      </c>
      <c r="J16730" s="2">
        <v>0</v>
      </c>
      <c r="K16730" s="2">
        <v>0</v>
      </c>
      <c r="L16730" t="s">
        <v>120</v>
      </c>
      <c r="M16730" t="s">
        <v>83</v>
      </c>
      <c r="N16730" t="s">
        <v>84</v>
      </c>
      <c r="O16730" t="s">
        <v>85</v>
      </c>
      <c r="P16730" t="s">
        <v>86</v>
      </c>
      <c r="Q16730">
        <v>25</v>
      </c>
      <c r="R16730">
        <v>25</v>
      </c>
      <c r="S16730">
        <v>26</v>
      </c>
      <c r="T16730">
        <v>26</v>
      </c>
      <c r="U16730">
        <v>27</v>
      </c>
      <c r="V16730">
        <v>27</v>
      </c>
      <c r="W16730">
        <v>27</v>
      </c>
      <c r="X16730">
        <v>28</v>
      </c>
      <c r="Y16730">
        <v>28</v>
      </c>
      <c r="Z16730">
        <v>28</v>
      </c>
      <c r="AA16730">
        <v>29</v>
      </c>
      <c r="AB16730">
        <v>29</v>
      </c>
      <c r="AC16730">
        <v>29</v>
      </c>
      <c r="AD16730">
        <v>30</v>
      </c>
      <c r="AE16730">
        <v>30</v>
      </c>
      <c r="AF16730">
        <v>30</v>
      </c>
      <c r="AG16730">
        <v>30</v>
      </c>
      <c r="AH16730">
        <v>31</v>
      </c>
      <c r="AI16730">
        <v>31</v>
      </c>
      <c r="AJ16730">
        <v>31</v>
      </c>
      <c r="AK16730">
        <v>32</v>
      </c>
      <c r="AL16730">
        <v>32</v>
      </c>
      <c r="AM16730">
        <v>32</v>
      </c>
      <c r="AN16730">
        <v>32</v>
      </c>
      <c r="AO16730">
        <v>32</v>
      </c>
      <c r="AP16730">
        <v>32</v>
      </c>
      <c r="AQ16730">
        <v>32</v>
      </c>
    </row>
    <row r="16731" spans="1:43">
      <c r="A16731" t="s">
        <v>10386</v>
      </c>
      <c r="B16731" t="s">
        <v>10387</v>
      </c>
      <c r="C16731" t="s">
        <v>10298</v>
      </c>
      <c r="D16731" t="s">
        <v>10299</v>
      </c>
      <c r="E16731" t="s">
        <v>10212</v>
      </c>
      <c r="F16731" t="s">
        <v>10213</v>
      </c>
      <c r="G16731" t="s">
        <v>10214</v>
      </c>
      <c r="H16731" t="s">
        <v>10215</v>
      </c>
      <c r="I16731" s="2">
        <v>1</v>
      </c>
      <c r="J16731" s="2">
        <v>0</v>
      </c>
      <c r="K16731" s="2">
        <v>0</v>
      </c>
      <c r="L16731" t="s">
        <v>120</v>
      </c>
      <c r="M16731" t="s">
        <v>87</v>
      </c>
      <c r="N16731" t="s">
        <v>88</v>
      </c>
      <c r="O16731" t="s">
        <v>85</v>
      </c>
      <c r="P16731" t="s">
        <v>86</v>
      </c>
      <c r="Q16731">
        <v>25</v>
      </c>
      <c r="R16731">
        <v>25</v>
      </c>
      <c r="S16731">
        <v>25</v>
      </c>
      <c r="T16731">
        <v>25</v>
      </c>
      <c r="U16731">
        <v>25</v>
      </c>
      <c r="V16731">
        <v>25</v>
      </c>
      <c r="W16731">
        <v>26</v>
      </c>
      <c r="X16731">
        <v>26</v>
      </c>
      <c r="Y16731">
        <v>26</v>
      </c>
      <c r="Z16731">
        <v>26</v>
      </c>
      <c r="AA16731">
        <v>26</v>
      </c>
      <c r="AB16731">
        <v>26</v>
      </c>
      <c r="AC16731">
        <v>26</v>
      </c>
      <c r="AD16731">
        <v>26</v>
      </c>
      <c r="AE16731">
        <v>27</v>
      </c>
      <c r="AF16731">
        <v>27</v>
      </c>
      <c r="AG16731">
        <v>27</v>
      </c>
      <c r="AH16731">
        <v>27</v>
      </c>
      <c r="AI16731">
        <v>27</v>
      </c>
      <c r="AJ16731">
        <v>27</v>
      </c>
      <c r="AK16731">
        <v>27</v>
      </c>
      <c r="AL16731">
        <v>27</v>
      </c>
      <c r="AM16731">
        <v>27</v>
      </c>
      <c r="AN16731">
        <v>28</v>
      </c>
      <c r="AO16731">
        <v>28</v>
      </c>
      <c r="AP16731">
        <v>28</v>
      </c>
      <c r="AQ16731">
        <v>28</v>
      </c>
    </row>
    <row r="16732" spans="1:43">
      <c r="A16732" t="s">
        <v>10386</v>
      </c>
      <c r="B16732" t="s">
        <v>10387</v>
      </c>
      <c r="C16732" t="s">
        <v>10298</v>
      </c>
      <c r="D16732" t="s">
        <v>10299</v>
      </c>
      <c r="E16732" t="s">
        <v>10212</v>
      </c>
      <c r="F16732" t="s">
        <v>10213</v>
      </c>
      <c r="G16732" t="s">
        <v>10214</v>
      </c>
      <c r="H16732" t="s">
        <v>10215</v>
      </c>
      <c r="I16732" s="2">
        <v>1</v>
      </c>
      <c r="J16732" s="2">
        <v>0</v>
      </c>
      <c r="K16732" s="2">
        <v>0</v>
      </c>
      <c r="L16732" t="s">
        <v>120</v>
      </c>
      <c r="M16732" t="s">
        <v>89</v>
      </c>
      <c r="N16732" t="s">
        <v>90</v>
      </c>
      <c r="O16732" t="s">
        <v>85</v>
      </c>
      <c r="P16732" t="s">
        <v>86</v>
      </c>
      <c r="Q16732">
        <v>25</v>
      </c>
      <c r="R16732">
        <v>26</v>
      </c>
      <c r="S16732">
        <v>26</v>
      </c>
      <c r="T16732">
        <v>27</v>
      </c>
      <c r="U16732">
        <v>28</v>
      </c>
      <c r="V16732">
        <v>28</v>
      </c>
      <c r="W16732">
        <v>29</v>
      </c>
      <c r="X16732">
        <v>29</v>
      </c>
      <c r="Y16732">
        <v>29</v>
      </c>
      <c r="Z16732">
        <v>30</v>
      </c>
      <c r="AA16732">
        <v>30</v>
      </c>
      <c r="AB16732">
        <v>31</v>
      </c>
      <c r="AC16732">
        <v>31</v>
      </c>
      <c r="AD16732">
        <v>32</v>
      </c>
      <c r="AE16732">
        <v>32</v>
      </c>
      <c r="AF16732">
        <v>32</v>
      </c>
      <c r="AG16732">
        <v>32</v>
      </c>
      <c r="AH16732">
        <v>32</v>
      </c>
      <c r="AI16732">
        <v>32</v>
      </c>
      <c r="AJ16732">
        <v>32</v>
      </c>
      <c r="AK16732">
        <v>32</v>
      </c>
      <c r="AL16732">
        <v>32</v>
      </c>
      <c r="AM16732">
        <v>32</v>
      </c>
      <c r="AN16732">
        <v>32</v>
      </c>
      <c r="AO16732">
        <v>32</v>
      </c>
      <c r="AP16732">
        <v>32</v>
      </c>
      <c r="AQ16732">
        <v>32</v>
      </c>
    </row>
    <row r="16733" spans="1:43">
      <c r="A16733" t="s">
        <v>10386</v>
      </c>
      <c r="B16733" t="s">
        <v>10387</v>
      </c>
      <c r="C16733" t="s">
        <v>10298</v>
      </c>
      <c r="D16733" t="s">
        <v>10299</v>
      </c>
      <c r="E16733" t="s">
        <v>10212</v>
      </c>
      <c r="F16733" t="s">
        <v>10213</v>
      </c>
      <c r="G16733" t="s">
        <v>10214</v>
      </c>
      <c r="H16733" t="s">
        <v>10215</v>
      </c>
      <c r="I16733" s="2">
        <v>1</v>
      </c>
      <c r="J16733" s="2">
        <v>0</v>
      </c>
      <c r="K16733" s="2">
        <v>0</v>
      </c>
      <c r="L16733" t="s">
        <v>120</v>
      </c>
      <c r="M16733" t="s">
        <v>83</v>
      </c>
      <c r="N16733" t="s">
        <v>91</v>
      </c>
      <c r="O16733" t="s">
        <v>85</v>
      </c>
      <c r="P16733" t="s">
        <v>86</v>
      </c>
      <c r="Q16733">
        <v>25</v>
      </c>
      <c r="R16733">
        <v>25</v>
      </c>
      <c r="S16733">
        <v>26</v>
      </c>
      <c r="T16733">
        <v>26</v>
      </c>
      <c r="U16733">
        <v>27</v>
      </c>
      <c r="V16733">
        <v>27</v>
      </c>
      <c r="W16733">
        <v>27</v>
      </c>
      <c r="X16733">
        <v>28</v>
      </c>
      <c r="Y16733">
        <v>28</v>
      </c>
      <c r="Z16733">
        <v>28</v>
      </c>
      <c r="AA16733">
        <v>29</v>
      </c>
      <c r="AB16733">
        <v>29</v>
      </c>
      <c r="AC16733">
        <v>29</v>
      </c>
      <c r="AD16733">
        <v>30</v>
      </c>
      <c r="AE16733">
        <v>30</v>
      </c>
      <c r="AF16733">
        <v>30</v>
      </c>
      <c r="AG16733">
        <v>30</v>
      </c>
      <c r="AH16733">
        <v>31</v>
      </c>
      <c r="AI16733">
        <v>31</v>
      </c>
      <c r="AJ16733">
        <v>31</v>
      </c>
      <c r="AK16733">
        <v>32</v>
      </c>
      <c r="AL16733">
        <v>32</v>
      </c>
      <c r="AM16733">
        <v>32</v>
      </c>
      <c r="AN16733">
        <v>32</v>
      </c>
      <c r="AO16733">
        <v>32</v>
      </c>
      <c r="AP16733">
        <v>32</v>
      </c>
      <c r="AQ16733">
        <v>32</v>
      </c>
    </row>
    <row r="16734" spans="1:43">
      <c r="A16734" t="s">
        <v>10388</v>
      </c>
      <c r="B16734" t="s">
        <v>10389</v>
      </c>
      <c r="C16734" t="s">
        <v>10390</v>
      </c>
      <c r="D16734" t="s">
        <v>10391</v>
      </c>
      <c r="E16734" t="s">
        <v>10212</v>
      </c>
      <c r="F16734" t="s">
        <v>10213</v>
      </c>
      <c r="G16734" t="s">
        <v>10214</v>
      </c>
      <c r="H16734" t="s">
        <v>10215</v>
      </c>
      <c r="I16734" s="2">
        <v>1</v>
      </c>
      <c r="J16734" s="2">
        <v>0</v>
      </c>
      <c r="K16734" s="2">
        <v>0</v>
      </c>
      <c r="L16734" t="s">
        <v>120</v>
      </c>
      <c r="M16734" t="s">
        <v>83</v>
      </c>
      <c r="N16734" t="s">
        <v>84</v>
      </c>
      <c r="O16734" t="s">
        <v>85</v>
      </c>
      <c r="P16734" t="s">
        <v>86</v>
      </c>
      <c r="Q16734">
        <v>8</v>
      </c>
      <c r="R16734">
        <v>8</v>
      </c>
      <c r="S16734">
        <v>8</v>
      </c>
      <c r="T16734">
        <v>8</v>
      </c>
      <c r="U16734">
        <v>8</v>
      </c>
      <c r="V16734">
        <v>8</v>
      </c>
      <c r="W16734">
        <v>8</v>
      </c>
      <c r="X16734">
        <v>9</v>
      </c>
      <c r="Y16734">
        <v>9</v>
      </c>
      <c r="Z16734">
        <v>9</v>
      </c>
      <c r="AA16734">
        <v>9</v>
      </c>
      <c r="AB16734">
        <v>9</v>
      </c>
      <c r="AC16734">
        <v>9</v>
      </c>
      <c r="AD16734">
        <v>9</v>
      </c>
      <c r="AE16734">
        <v>9</v>
      </c>
      <c r="AF16734">
        <v>9</v>
      </c>
      <c r="AG16734">
        <v>9</v>
      </c>
      <c r="AH16734">
        <v>9</v>
      </c>
      <c r="AI16734">
        <v>10</v>
      </c>
      <c r="AJ16734">
        <v>10</v>
      </c>
      <c r="AK16734">
        <v>10</v>
      </c>
      <c r="AL16734">
        <v>10</v>
      </c>
      <c r="AM16734">
        <v>10</v>
      </c>
      <c r="AN16734">
        <v>10</v>
      </c>
      <c r="AO16734">
        <v>10</v>
      </c>
      <c r="AP16734">
        <v>10</v>
      </c>
      <c r="AQ16734">
        <v>10</v>
      </c>
    </row>
    <row r="16735" spans="1:43">
      <c r="A16735" t="s">
        <v>10388</v>
      </c>
      <c r="B16735" t="s">
        <v>10389</v>
      </c>
      <c r="C16735" t="s">
        <v>10390</v>
      </c>
      <c r="D16735" t="s">
        <v>10391</v>
      </c>
      <c r="E16735" t="s">
        <v>10212</v>
      </c>
      <c r="F16735" t="s">
        <v>10213</v>
      </c>
      <c r="G16735" t="s">
        <v>10214</v>
      </c>
      <c r="H16735" t="s">
        <v>10215</v>
      </c>
      <c r="I16735" s="2">
        <v>1</v>
      </c>
      <c r="J16735" s="2">
        <v>0</v>
      </c>
      <c r="K16735" s="2">
        <v>0</v>
      </c>
      <c r="L16735" t="s">
        <v>120</v>
      </c>
      <c r="M16735" t="s">
        <v>87</v>
      </c>
      <c r="N16735" t="s">
        <v>88</v>
      </c>
      <c r="O16735" t="s">
        <v>85</v>
      </c>
      <c r="P16735" t="s">
        <v>86</v>
      </c>
      <c r="Q16735">
        <v>8</v>
      </c>
      <c r="R16735">
        <v>8</v>
      </c>
      <c r="S16735">
        <v>8</v>
      </c>
      <c r="T16735">
        <v>8</v>
      </c>
      <c r="U16735">
        <v>8</v>
      </c>
      <c r="V16735">
        <v>8</v>
      </c>
      <c r="W16735">
        <v>8</v>
      </c>
      <c r="X16735">
        <v>8</v>
      </c>
      <c r="Y16735">
        <v>8</v>
      </c>
      <c r="Z16735">
        <v>8</v>
      </c>
      <c r="AA16735">
        <v>8</v>
      </c>
      <c r="AB16735">
        <v>8</v>
      </c>
      <c r="AC16735">
        <v>8</v>
      </c>
      <c r="AD16735">
        <v>8</v>
      </c>
      <c r="AE16735">
        <v>8</v>
      </c>
      <c r="AF16735">
        <v>8</v>
      </c>
      <c r="AG16735">
        <v>8</v>
      </c>
      <c r="AH16735">
        <v>8</v>
      </c>
      <c r="AI16735">
        <v>8</v>
      </c>
      <c r="AJ16735">
        <v>8</v>
      </c>
      <c r="AK16735">
        <v>8</v>
      </c>
      <c r="AL16735">
        <v>8</v>
      </c>
      <c r="AM16735">
        <v>8</v>
      </c>
      <c r="AN16735">
        <v>8</v>
      </c>
      <c r="AO16735">
        <v>9</v>
      </c>
      <c r="AP16735">
        <v>9</v>
      </c>
      <c r="AQ16735">
        <v>9</v>
      </c>
    </row>
    <row r="16736" spans="1:43">
      <c r="A16736" t="s">
        <v>10388</v>
      </c>
      <c r="B16736" t="s">
        <v>10389</v>
      </c>
      <c r="C16736" t="s">
        <v>10390</v>
      </c>
      <c r="D16736" t="s">
        <v>10391</v>
      </c>
      <c r="E16736" t="s">
        <v>10212</v>
      </c>
      <c r="F16736" t="s">
        <v>10213</v>
      </c>
      <c r="G16736" t="s">
        <v>10214</v>
      </c>
      <c r="H16736" t="s">
        <v>10215</v>
      </c>
      <c r="I16736" s="2">
        <v>1</v>
      </c>
      <c r="J16736" s="2">
        <v>0</v>
      </c>
      <c r="K16736" s="2">
        <v>0</v>
      </c>
      <c r="L16736" t="s">
        <v>120</v>
      </c>
      <c r="M16736" t="s">
        <v>89</v>
      </c>
      <c r="N16736" t="s">
        <v>90</v>
      </c>
      <c r="O16736" t="s">
        <v>85</v>
      </c>
      <c r="P16736" t="s">
        <v>86</v>
      </c>
      <c r="Q16736">
        <v>8</v>
      </c>
      <c r="R16736">
        <v>8</v>
      </c>
      <c r="S16736">
        <v>8</v>
      </c>
      <c r="T16736">
        <v>8</v>
      </c>
      <c r="U16736">
        <v>9</v>
      </c>
      <c r="V16736">
        <v>9</v>
      </c>
      <c r="W16736">
        <v>9</v>
      </c>
      <c r="X16736">
        <v>9</v>
      </c>
      <c r="Y16736">
        <v>9</v>
      </c>
      <c r="Z16736">
        <v>9</v>
      </c>
      <c r="AA16736">
        <v>9</v>
      </c>
      <c r="AB16736">
        <v>9</v>
      </c>
      <c r="AC16736">
        <v>10</v>
      </c>
      <c r="AD16736">
        <v>10</v>
      </c>
      <c r="AE16736">
        <v>10</v>
      </c>
      <c r="AF16736">
        <v>10</v>
      </c>
      <c r="AG16736">
        <v>10</v>
      </c>
      <c r="AH16736">
        <v>10</v>
      </c>
      <c r="AI16736">
        <v>10</v>
      </c>
      <c r="AJ16736">
        <v>10</v>
      </c>
      <c r="AK16736">
        <v>10</v>
      </c>
      <c r="AL16736">
        <v>10</v>
      </c>
      <c r="AM16736">
        <v>10</v>
      </c>
      <c r="AN16736">
        <v>10</v>
      </c>
      <c r="AO16736">
        <v>10</v>
      </c>
      <c r="AP16736">
        <v>10</v>
      </c>
      <c r="AQ16736">
        <v>10</v>
      </c>
    </row>
    <row r="16737" spans="1:43">
      <c r="A16737" t="s">
        <v>10388</v>
      </c>
      <c r="B16737" t="s">
        <v>10389</v>
      </c>
      <c r="C16737" t="s">
        <v>10390</v>
      </c>
      <c r="D16737" t="s">
        <v>10391</v>
      </c>
      <c r="E16737" t="s">
        <v>10212</v>
      </c>
      <c r="F16737" t="s">
        <v>10213</v>
      </c>
      <c r="G16737" t="s">
        <v>10214</v>
      </c>
      <c r="H16737" t="s">
        <v>10215</v>
      </c>
      <c r="I16737" s="2">
        <v>1</v>
      </c>
      <c r="J16737" s="2">
        <v>0</v>
      </c>
      <c r="K16737" s="2">
        <v>0</v>
      </c>
      <c r="L16737" t="s">
        <v>120</v>
      </c>
      <c r="M16737" t="s">
        <v>83</v>
      </c>
      <c r="N16737" t="s">
        <v>91</v>
      </c>
      <c r="O16737" t="s">
        <v>85</v>
      </c>
      <c r="P16737" t="s">
        <v>86</v>
      </c>
      <c r="Q16737">
        <v>8</v>
      </c>
      <c r="R16737">
        <v>8</v>
      </c>
      <c r="S16737">
        <v>8</v>
      </c>
      <c r="T16737">
        <v>8</v>
      </c>
      <c r="U16737">
        <v>8</v>
      </c>
      <c r="V16737">
        <v>8</v>
      </c>
      <c r="W16737">
        <v>8</v>
      </c>
      <c r="X16737">
        <v>9</v>
      </c>
      <c r="Y16737">
        <v>9</v>
      </c>
      <c r="Z16737">
        <v>9</v>
      </c>
      <c r="AA16737">
        <v>9</v>
      </c>
      <c r="AB16737">
        <v>9</v>
      </c>
      <c r="AC16737">
        <v>9</v>
      </c>
      <c r="AD16737">
        <v>9</v>
      </c>
      <c r="AE16737">
        <v>9</v>
      </c>
      <c r="AF16737">
        <v>9</v>
      </c>
      <c r="AG16737">
        <v>9</v>
      </c>
      <c r="AH16737">
        <v>9</v>
      </c>
      <c r="AI16737">
        <v>10</v>
      </c>
      <c r="AJ16737">
        <v>10</v>
      </c>
      <c r="AK16737">
        <v>10</v>
      </c>
      <c r="AL16737">
        <v>10</v>
      </c>
      <c r="AM16737">
        <v>10</v>
      </c>
      <c r="AN16737">
        <v>10</v>
      </c>
      <c r="AO16737">
        <v>10</v>
      </c>
      <c r="AP16737">
        <v>10</v>
      </c>
      <c r="AQ16737">
        <v>10</v>
      </c>
    </row>
    <row r="16738" spans="1:43">
      <c r="A16738" t="s">
        <v>10392</v>
      </c>
      <c r="B16738" t="s">
        <v>10393</v>
      </c>
      <c r="C16738" t="s">
        <v>10298</v>
      </c>
      <c r="D16738" t="s">
        <v>10299</v>
      </c>
      <c r="E16738" t="s">
        <v>10212</v>
      </c>
      <c r="F16738" t="s">
        <v>10213</v>
      </c>
      <c r="G16738" t="s">
        <v>10214</v>
      </c>
      <c r="H16738" t="s">
        <v>10215</v>
      </c>
      <c r="I16738" s="2">
        <v>1</v>
      </c>
      <c r="J16738" s="2">
        <v>0</v>
      </c>
      <c r="K16738" s="2">
        <v>0</v>
      </c>
      <c r="L16738" t="s">
        <v>120</v>
      </c>
      <c r="M16738" t="s">
        <v>83</v>
      </c>
      <c r="N16738" t="s">
        <v>84</v>
      </c>
      <c r="O16738" t="s">
        <v>85</v>
      </c>
      <c r="P16738" t="s">
        <v>86</v>
      </c>
      <c r="Q16738">
        <v>42</v>
      </c>
      <c r="R16738">
        <v>43</v>
      </c>
      <c r="S16738">
        <v>43</v>
      </c>
      <c r="T16738">
        <v>44</v>
      </c>
      <c r="U16738">
        <v>44</v>
      </c>
      <c r="V16738">
        <v>45</v>
      </c>
      <c r="W16738">
        <v>46</v>
      </c>
      <c r="X16738">
        <v>46</v>
      </c>
      <c r="Y16738">
        <v>47</v>
      </c>
      <c r="Z16738">
        <v>47</v>
      </c>
      <c r="AA16738">
        <v>48</v>
      </c>
      <c r="AB16738">
        <v>48</v>
      </c>
      <c r="AC16738">
        <v>49</v>
      </c>
      <c r="AD16738">
        <v>49</v>
      </c>
      <c r="AE16738">
        <v>50</v>
      </c>
      <c r="AF16738">
        <v>51</v>
      </c>
      <c r="AG16738">
        <v>51</v>
      </c>
      <c r="AH16738">
        <v>52</v>
      </c>
      <c r="AI16738">
        <v>52</v>
      </c>
      <c r="AJ16738">
        <v>53</v>
      </c>
      <c r="AK16738">
        <v>53</v>
      </c>
      <c r="AL16738">
        <v>53</v>
      </c>
      <c r="AM16738">
        <v>53</v>
      </c>
      <c r="AN16738">
        <v>53</v>
      </c>
      <c r="AO16738">
        <v>53</v>
      </c>
      <c r="AP16738">
        <v>53</v>
      </c>
      <c r="AQ16738">
        <v>53</v>
      </c>
    </row>
    <row r="16739" spans="1:43">
      <c r="A16739" t="s">
        <v>10392</v>
      </c>
      <c r="B16739" t="s">
        <v>10393</v>
      </c>
      <c r="C16739" t="s">
        <v>10298</v>
      </c>
      <c r="D16739" t="s">
        <v>10299</v>
      </c>
      <c r="E16739" t="s">
        <v>10212</v>
      </c>
      <c r="F16739" t="s">
        <v>10213</v>
      </c>
      <c r="G16739" t="s">
        <v>10214</v>
      </c>
      <c r="H16739" t="s">
        <v>10215</v>
      </c>
      <c r="I16739" s="2">
        <v>1</v>
      </c>
      <c r="J16739" s="2">
        <v>0</v>
      </c>
      <c r="K16739" s="2">
        <v>0</v>
      </c>
      <c r="L16739" t="s">
        <v>120</v>
      </c>
      <c r="M16739" t="s">
        <v>87</v>
      </c>
      <c r="N16739" t="s">
        <v>88</v>
      </c>
      <c r="O16739" t="s">
        <v>85</v>
      </c>
      <c r="P16739" t="s">
        <v>86</v>
      </c>
      <c r="Q16739">
        <v>42</v>
      </c>
      <c r="R16739">
        <v>42</v>
      </c>
      <c r="S16739">
        <v>42</v>
      </c>
      <c r="T16739">
        <v>42</v>
      </c>
      <c r="U16739">
        <v>42</v>
      </c>
      <c r="V16739">
        <v>43</v>
      </c>
      <c r="W16739">
        <v>43</v>
      </c>
      <c r="X16739">
        <v>43</v>
      </c>
      <c r="Y16739">
        <v>43</v>
      </c>
      <c r="Z16739">
        <v>43</v>
      </c>
      <c r="AA16739">
        <v>44</v>
      </c>
      <c r="AB16739">
        <v>44</v>
      </c>
      <c r="AC16739">
        <v>44</v>
      </c>
      <c r="AD16739">
        <v>44</v>
      </c>
      <c r="AE16739">
        <v>44</v>
      </c>
      <c r="AF16739">
        <v>45</v>
      </c>
      <c r="AG16739">
        <v>45</v>
      </c>
      <c r="AH16739">
        <v>45</v>
      </c>
      <c r="AI16739">
        <v>45</v>
      </c>
      <c r="AJ16739">
        <v>45</v>
      </c>
      <c r="AK16739">
        <v>46</v>
      </c>
      <c r="AL16739">
        <v>46</v>
      </c>
      <c r="AM16739">
        <v>46</v>
      </c>
      <c r="AN16739">
        <v>46</v>
      </c>
      <c r="AO16739">
        <v>46</v>
      </c>
      <c r="AP16739">
        <v>46</v>
      </c>
      <c r="AQ16739">
        <v>47</v>
      </c>
    </row>
    <row r="16740" spans="1:43">
      <c r="A16740" t="s">
        <v>10392</v>
      </c>
      <c r="B16740" t="s">
        <v>10393</v>
      </c>
      <c r="C16740" t="s">
        <v>10298</v>
      </c>
      <c r="D16740" t="s">
        <v>10299</v>
      </c>
      <c r="E16740" t="s">
        <v>10212</v>
      </c>
      <c r="F16740" t="s">
        <v>10213</v>
      </c>
      <c r="G16740" t="s">
        <v>10214</v>
      </c>
      <c r="H16740" t="s">
        <v>10215</v>
      </c>
      <c r="I16740" s="2">
        <v>1</v>
      </c>
      <c r="J16740" s="2">
        <v>0</v>
      </c>
      <c r="K16740" s="2">
        <v>0</v>
      </c>
      <c r="L16740" t="s">
        <v>120</v>
      </c>
      <c r="M16740" t="s">
        <v>89</v>
      </c>
      <c r="N16740" t="s">
        <v>90</v>
      </c>
      <c r="O16740" t="s">
        <v>85</v>
      </c>
      <c r="P16740" t="s">
        <v>86</v>
      </c>
      <c r="Q16740">
        <v>42</v>
      </c>
      <c r="R16740">
        <v>43</v>
      </c>
      <c r="S16740">
        <v>44</v>
      </c>
      <c r="T16740">
        <v>45</v>
      </c>
      <c r="U16740">
        <v>46</v>
      </c>
      <c r="V16740">
        <v>47</v>
      </c>
      <c r="W16740">
        <v>48</v>
      </c>
      <c r="X16740">
        <v>49</v>
      </c>
      <c r="Y16740">
        <v>49</v>
      </c>
      <c r="Z16740">
        <v>50</v>
      </c>
      <c r="AA16740">
        <v>51</v>
      </c>
      <c r="AB16740">
        <v>52</v>
      </c>
      <c r="AC16740">
        <v>52</v>
      </c>
      <c r="AD16740">
        <v>53</v>
      </c>
      <c r="AE16740">
        <v>53</v>
      </c>
      <c r="AF16740">
        <v>54</v>
      </c>
      <c r="AG16740">
        <v>54</v>
      </c>
      <c r="AH16740">
        <v>54</v>
      </c>
      <c r="AI16740">
        <v>54</v>
      </c>
      <c r="AJ16740">
        <v>54</v>
      </c>
      <c r="AK16740">
        <v>54</v>
      </c>
      <c r="AL16740">
        <v>54</v>
      </c>
      <c r="AM16740">
        <v>54</v>
      </c>
      <c r="AN16740">
        <v>54</v>
      </c>
      <c r="AO16740">
        <v>54</v>
      </c>
      <c r="AP16740">
        <v>54</v>
      </c>
      <c r="AQ16740">
        <v>54</v>
      </c>
    </row>
    <row r="16741" spans="1:43">
      <c r="A16741" t="s">
        <v>10392</v>
      </c>
      <c r="B16741" t="s">
        <v>10393</v>
      </c>
      <c r="C16741" t="s">
        <v>10298</v>
      </c>
      <c r="D16741" t="s">
        <v>10299</v>
      </c>
      <c r="E16741" t="s">
        <v>10212</v>
      </c>
      <c r="F16741" t="s">
        <v>10213</v>
      </c>
      <c r="G16741" t="s">
        <v>10214</v>
      </c>
      <c r="H16741" t="s">
        <v>10215</v>
      </c>
      <c r="I16741" s="2">
        <v>1</v>
      </c>
      <c r="J16741" s="2">
        <v>0</v>
      </c>
      <c r="K16741" s="2">
        <v>0</v>
      </c>
      <c r="L16741" t="s">
        <v>120</v>
      </c>
      <c r="M16741" t="s">
        <v>83</v>
      </c>
      <c r="N16741" t="s">
        <v>91</v>
      </c>
      <c r="O16741" t="s">
        <v>85</v>
      </c>
      <c r="P16741" t="s">
        <v>86</v>
      </c>
      <c r="Q16741">
        <v>42</v>
      </c>
      <c r="R16741">
        <v>43</v>
      </c>
      <c r="S16741">
        <v>43</v>
      </c>
      <c r="T16741">
        <v>44</v>
      </c>
      <c r="U16741">
        <v>44</v>
      </c>
      <c r="V16741">
        <v>45</v>
      </c>
      <c r="W16741">
        <v>46</v>
      </c>
      <c r="X16741">
        <v>46</v>
      </c>
      <c r="Y16741">
        <v>47</v>
      </c>
      <c r="Z16741">
        <v>47</v>
      </c>
      <c r="AA16741">
        <v>48</v>
      </c>
      <c r="AB16741">
        <v>48</v>
      </c>
      <c r="AC16741">
        <v>49</v>
      </c>
      <c r="AD16741">
        <v>49</v>
      </c>
      <c r="AE16741">
        <v>50</v>
      </c>
      <c r="AF16741">
        <v>51</v>
      </c>
      <c r="AG16741">
        <v>51</v>
      </c>
      <c r="AH16741">
        <v>52</v>
      </c>
      <c r="AI16741">
        <v>52</v>
      </c>
      <c r="AJ16741">
        <v>53</v>
      </c>
      <c r="AK16741">
        <v>53</v>
      </c>
      <c r="AL16741">
        <v>53</v>
      </c>
      <c r="AM16741">
        <v>53</v>
      </c>
      <c r="AN16741">
        <v>53</v>
      </c>
      <c r="AO16741">
        <v>53</v>
      </c>
      <c r="AP16741">
        <v>53</v>
      </c>
      <c r="AQ16741">
        <v>53</v>
      </c>
    </row>
    <row r="16742" spans="1:43">
      <c r="A16742" t="s">
        <v>10394</v>
      </c>
      <c r="B16742" t="s">
        <v>10395</v>
      </c>
      <c r="C16742" t="s">
        <v>10390</v>
      </c>
      <c r="D16742" t="s">
        <v>10391</v>
      </c>
      <c r="E16742" t="s">
        <v>10212</v>
      </c>
      <c r="F16742" t="s">
        <v>10213</v>
      </c>
      <c r="G16742" t="s">
        <v>10214</v>
      </c>
      <c r="H16742" t="s">
        <v>10215</v>
      </c>
      <c r="I16742" s="2">
        <v>1</v>
      </c>
      <c r="J16742" s="2">
        <v>0</v>
      </c>
      <c r="K16742" s="2">
        <v>0</v>
      </c>
      <c r="L16742" t="s">
        <v>120</v>
      </c>
      <c r="M16742" t="s">
        <v>83</v>
      </c>
      <c r="N16742" t="s">
        <v>84</v>
      </c>
      <c r="O16742" t="s">
        <v>85</v>
      </c>
      <c r="P16742" t="s">
        <v>86</v>
      </c>
      <c r="Q16742">
        <v>10</v>
      </c>
      <c r="R16742">
        <v>10</v>
      </c>
      <c r="S16742">
        <v>10</v>
      </c>
      <c r="T16742">
        <v>10</v>
      </c>
      <c r="U16742">
        <v>10</v>
      </c>
      <c r="V16742">
        <v>10</v>
      </c>
      <c r="W16742">
        <v>10</v>
      </c>
      <c r="X16742">
        <v>11</v>
      </c>
      <c r="Y16742">
        <v>11</v>
      </c>
      <c r="Z16742">
        <v>11</v>
      </c>
      <c r="AA16742">
        <v>11</v>
      </c>
      <c r="AB16742">
        <v>11</v>
      </c>
      <c r="AC16742">
        <v>11</v>
      </c>
      <c r="AD16742">
        <v>11</v>
      </c>
      <c r="AE16742">
        <v>11</v>
      </c>
      <c r="AF16742">
        <v>12</v>
      </c>
      <c r="AG16742">
        <v>12</v>
      </c>
      <c r="AH16742">
        <v>12</v>
      </c>
      <c r="AI16742">
        <v>12</v>
      </c>
      <c r="AJ16742">
        <v>12</v>
      </c>
      <c r="AK16742">
        <v>12</v>
      </c>
      <c r="AL16742">
        <v>12</v>
      </c>
      <c r="AM16742">
        <v>12</v>
      </c>
      <c r="AN16742">
        <v>12</v>
      </c>
      <c r="AO16742">
        <v>12</v>
      </c>
      <c r="AP16742">
        <v>12</v>
      </c>
      <c r="AQ16742">
        <v>12</v>
      </c>
    </row>
    <row r="16743" spans="1:43">
      <c r="A16743" t="s">
        <v>10394</v>
      </c>
      <c r="B16743" t="s">
        <v>10395</v>
      </c>
      <c r="C16743" t="s">
        <v>10390</v>
      </c>
      <c r="D16743" t="s">
        <v>10391</v>
      </c>
      <c r="E16743" t="s">
        <v>10212</v>
      </c>
      <c r="F16743" t="s">
        <v>10213</v>
      </c>
      <c r="G16743" t="s">
        <v>10214</v>
      </c>
      <c r="H16743" t="s">
        <v>10215</v>
      </c>
      <c r="I16743" s="2">
        <v>1</v>
      </c>
      <c r="J16743" s="2">
        <v>0</v>
      </c>
      <c r="K16743" s="2">
        <v>0</v>
      </c>
      <c r="L16743" t="s">
        <v>120</v>
      </c>
      <c r="M16743" t="s">
        <v>87</v>
      </c>
      <c r="N16743" t="s">
        <v>88</v>
      </c>
      <c r="O16743" t="s">
        <v>85</v>
      </c>
      <c r="P16743" t="s">
        <v>86</v>
      </c>
      <c r="Q16743">
        <v>10</v>
      </c>
      <c r="R16743">
        <v>10</v>
      </c>
      <c r="S16743">
        <v>10</v>
      </c>
      <c r="T16743">
        <v>10</v>
      </c>
      <c r="U16743">
        <v>10</v>
      </c>
      <c r="V16743">
        <v>10</v>
      </c>
      <c r="W16743">
        <v>10</v>
      </c>
      <c r="X16743">
        <v>10</v>
      </c>
      <c r="Y16743">
        <v>10</v>
      </c>
      <c r="Z16743">
        <v>10</v>
      </c>
      <c r="AA16743">
        <v>10</v>
      </c>
      <c r="AB16743">
        <v>10</v>
      </c>
      <c r="AC16743">
        <v>10</v>
      </c>
      <c r="AD16743">
        <v>10</v>
      </c>
      <c r="AE16743">
        <v>10</v>
      </c>
      <c r="AF16743">
        <v>10</v>
      </c>
      <c r="AG16743">
        <v>10</v>
      </c>
      <c r="AH16743">
        <v>10</v>
      </c>
      <c r="AI16743">
        <v>10</v>
      </c>
      <c r="AJ16743">
        <v>10</v>
      </c>
      <c r="AK16743">
        <v>10</v>
      </c>
      <c r="AL16743">
        <v>11</v>
      </c>
      <c r="AM16743">
        <v>11</v>
      </c>
      <c r="AN16743">
        <v>11</v>
      </c>
      <c r="AO16743">
        <v>11</v>
      </c>
      <c r="AP16743">
        <v>11</v>
      </c>
      <c r="AQ16743">
        <v>11</v>
      </c>
    </row>
    <row r="16744" spans="1:43">
      <c r="A16744" t="s">
        <v>10394</v>
      </c>
      <c r="B16744" t="s">
        <v>10395</v>
      </c>
      <c r="C16744" t="s">
        <v>10390</v>
      </c>
      <c r="D16744" t="s">
        <v>10391</v>
      </c>
      <c r="E16744" t="s">
        <v>10212</v>
      </c>
      <c r="F16744" t="s">
        <v>10213</v>
      </c>
      <c r="G16744" t="s">
        <v>10214</v>
      </c>
      <c r="H16744" t="s">
        <v>10215</v>
      </c>
      <c r="I16744" s="2">
        <v>1</v>
      </c>
      <c r="J16744" s="2">
        <v>0</v>
      </c>
      <c r="K16744" s="2">
        <v>0</v>
      </c>
      <c r="L16744" t="s">
        <v>120</v>
      </c>
      <c r="M16744" t="s">
        <v>89</v>
      </c>
      <c r="N16744" t="s">
        <v>90</v>
      </c>
      <c r="O16744" t="s">
        <v>85</v>
      </c>
      <c r="P16744" t="s">
        <v>86</v>
      </c>
      <c r="Q16744">
        <v>10</v>
      </c>
      <c r="R16744">
        <v>10</v>
      </c>
      <c r="S16744">
        <v>10</v>
      </c>
      <c r="T16744">
        <v>10</v>
      </c>
      <c r="U16744">
        <v>11</v>
      </c>
      <c r="V16744">
        <v>11</v>
      </c>
      <c r="W16744">
        <v>11</v>
      </c>
      <c r="X16744">
        <v>11</v>
      </c>
      <c r="Y16744">
        <v>11</v>
      </c>
      <c r="Z16744">
        <v>12</v>
      </c>
      <c r="AA16744">
        <v>12</v>
      </c>
      <c r="AB16744">
        <v>12</v>
      </c>
      <c r="AC16744">
        <v>12</v>
      </c>
      <c r="AD16744">
        <v>12</v>
      </c>
      <c r="AE16744">
        <v>12</v>
      </c>
      <c r="AF16744">
        <v>12</v>
      </c>
      <c r="AG16744">
        <v>12</v>
      </c>
      <c r="AH16744">
        <v>12</v>
      </c>
      <c r="AI16744">
        <v>12</v>
      </c>
      <c r="AJ16744">
        <v>12</v>
      </c>
      <c r="AK16744">
        <v>12</v>
      </c>
      <c r="AL16744">
        <v>12</v>
      </c>
      <c r="AM16744">
        <v>12</v>
      </c>
      <c r="AN16744">
        <v>12</v>
      </c>
      <c r="AO16744">
        <v>12</v>
      </c>
      <c r="AP16744">
        <v>12</v>
      </c>
      <c r="AQ16744">
        <v>12</v>
      </c>
    </row>
    <row r="16745" spans="1:43">
      <c r="A16745" t="s">
        <v>10394</v>
      </c>
      <c r="B16745" t="s">
        <v>10395</v>
      </c>
      <c r="C16745" t="s">
        <v>10390</v>
      </c>
      <c r="D16745" t="s">
        <v>10391</v>
      </c>
      <c r="E16745" t="s">
        <v>10212</v>
      </c>
      <c r="F16745" t="s">
        <v>10213</v>
      </c>
      <c r="G16745" t="s">
        <v>10214</v>
      </c>
      <c r="H16745" t="s">
        <v>10215</v>
      </c>
      <c r="I16745" s="2">
        <v>1</v>
      </c>
      <c r="J16745" s="2">
        <v>0</v>
      </c>
      <c r="K16745" s="2">
        <v>0</v>
      </c>
      <c r="L16745" t="s">
        <v>120</v>
      </c>
      <c r="M16745" t="s">
        <v>83</v>
      </c>
      <c r="N16745" t="s">
        <v>91</v>
      </c>
      <c r="O16745" t="s">
        <v>85</v>
      </c>
      <c r="P16745" t="s">
        <v>86</v>
      </c>
      <c r="Q16745">
        <v>10</v>
      </c>
      <c r="R16745">
        <v>10</v>
      </c>
      <c r="S16745">
        <v>10</v>
      </c>
      <c r="T16745">
        <v>10</v>
      </c>
      <c r="U16745">
        <v>10</v>
      </c>
      <c r="V16745">
        <v>10</v>
      </c>
      <c r="W16745">
        <v>10</v>
      </c>
      <c r="X16745">
        <v>11</v>
      </c>
      <c r="Y16745">
        <v>11</v>
      </c>
      <c r="Z16745">
        <v>11</v>
      </c>
      <c r="AA16745">
        <v>11</v>
      </c>
      <c r="AB16745">
        <v>11</v>
      </c>
      <c r="AC16745">
        <v>11</v>
      </c>
      <c r="AD16745">
        <v>11</v>
      </c>
      <c r="AE16745">
        <v>11</v>
      </c>
      <c r="AF16745">
        <v>12</v>
      </c>
      <c r="AG16745">
        <v>12</v>
      </c>
      <c r="AH16745">
        <v>12</v>
      </c>
      <c r="AI16745">
        <v>12</v>
      </c>
      <c r="AJ16745">
        <v>12</v>
      </c>
      <c r="AK16745">
        <v>12</v>
      </c>
      <c r="AL16745">
        <v>12</v>
      </c>
      <c r="AM16745">
        <v>12</v>
      </c>
      <c r="AN16745">
        <v>12</v>
      </c>
      <c r="AO16745">
        <v>12</v>
      </c>
      <c r="AP16745">
        <v>12</v>
      </c>
      <c r="AQ16745">
        <v>12</v>
      </c>
    </row>
    <row r="16746" spans="1:43">
      <c r="A16746" t="s">
        <v>10396</v>
      </c>
      <c r="B16746" t="s">
        <v>10397</v>
      </c>
      <c r="C16746" t="s">
        <v>10390</v>
      </c>
      <c r="D16746" t="s">
        <v>10391</v>
      </c>
      <c r="E16746" t="s">
        <v>10212</v>
      </c>
      <c r="F16746" t="s">
        <v>10213</v>
      </c>
      <c r="G16746" t="s">
        <v>10214</v>
      </c>
      <c r="H16746" t="s">
        <v>10215</v>
      </c>
      <c r="I16746" s="2">
        <v>1</v>
      </c>
      <c r="J16746" s="2">
        <v>0</v>
      </c>
      <c r="K16746" s="2">
        <v>0</v>
      </c>
      <c r="L16746" t="s">
        <v>120</v>
      </c>
      <c r="M16746" t="s">
        <v>83</v>
      </c>
      <c r="N16746" t="s">
        <v>84</v>
      </c>
      <c r="O16746" t="s">
        <v>85</v>
      </c>
      <c r="P16746" t="s">
        <v>86</v>
      </c>
      <c r="Q16746">
        <v>16</v>
      </c>
      <c r="R16746">
        <v>16</v>
      </c>
      <c r="S16746">
        <v>16</v>
      </c>
      <c r="T16746">
        <v>17</v>
      </c>
      <c r="U16746">
        <v>17</v>
      </c>
      <c r="V16746">
        <v>17</v>
      </c>
      <c r="W16746">
        <v>17</v>
      </c>
      <c r="X16746">
        <v>17</v>
      </c>
      <c r="Y16746">
        <v>18</v>
      </c>
      <c r="Z16746">
        <v>18</v>
      </c>
      <c r="AA16746">
        <v>18</v>
      </c>
      <c r="AB16746">
        <v>18</v>
      </c>
      <c r="AC16746">
        <v>18</v>
      </c>
      <c r="AD16746">
        <v>19</v>
      </c>
      <c r="AE16746">
        <v>19</v>
      </c>
      <c r="AF16746">
        <v>19</v>
      </c>
      <c r="AG16746">
        <v>19</v>
      </c>
      <c r="AH16746">
        <v>19</v>
      </c>
      <c r="AI16746">
        <v>20</v>
      </c>
      <c r="AJ16746">
        <v>20</v>
      </c>
      <c r="AK16746">
        <v>20</v>
      </c>
      <c r="AL16746">
        <v>20</v>
      </c>
      <c r="AM16746">
        <v>20</v>
      </c>
      <c r="AN16746">
        <v>20</v>
      </c>
      <c r="AO16746">
        <v>20</v>
      </c>
      <c r="AP16746">
        <v>20</v>
      </c>
      <c r="AQ16746">
        <v>20</v>
      </c>
    </row>
    <row r="16747" spans="1:43">
      <c r="A16747" t="s">
        <v>10396</v>
      </c>
      <c r="B16747" t="s">
        <v>10397</v>
      </c>
      <c r="C16747" t="s">
        <v>10390</v>
      </c>
      <c r="D16747" t="s">
        <v>10391</v>
      </c>
      <c r="E16747" t="s">
        <v>10212</v>
      </c>
      <c r="F16747" t="s">
        <v>10213</v>
      </c>
      <c r="G16747" t="s">
        <v>10214</v>
      </c>
      <c r="H16747" t="s">
        <v>10215</v>
      </c>
      <c r="I16747" s="2">
        <v>1</v>
      </c>
      <c r="J16747" s="2">
        <v>0</v>
      </c>
      <c r="K16747" s="2">
        <v>0</v>
      </c>
      <c r="L16747" t="s">
        <v>120</v>
      </c>
      <c r="M16747" t="s">
        <v>87</v>
      </c>
      <c r="N16747" t="s">
        <v>88</v>
      </c>
      <c r="O16747" t="s">
        <v>85</v>
      </c>
      <c r="P16747" t="s">
        <v>86</v>
      </c>
      <c r="Q16747">
        <v>16</v>
      </c>
      <c r="R16747">
        <v>16</v>
      </c>
      <c r="S16747">
        <v>16</v>
      </c>
      <c r="T16747">
        <v>16</v>
      </c>
      <c r="U16747">
        <v>16</v>
      </c>
      <c r="V16747">
        <v>16</v>
      </c>
      <c r="W16747">
        <v>16</v>
      </c>
      <c r="X16747">
        <v>16</v>
      </c>
      <c r="Y16747">
        <v>16</v>
      </c>
      <c r="Z16747">
        <v>16</v>
      </c>
      <c r="AA16747">
        <v>16</v>
      </c>
      <c r="AB16747">
        <v>17</v>
      </c>
      <c r="AC16747">
        <v>17</v>
      </c>
      <c r="AD16747">
        <v>17</v>
      </c>
      <c r="AE16747">
        <v>17</v>
      </c>
      <c r="AF16747">
        <v>17</v>
      </c>
      <c r="AG16747">
        <v>17</v>
      </c>
      <c r="AH16747">
        <v>17</v>
      </c>
      <c r="AI16747">
        <v>17</v>
      </c>
      <c r="AJ16747">
        <v>17</v>
      </c>
      <c r="AK16747">
        <v>17</v>
      </c>
      <c r="AL16747">
        <v>17</v>
      </c>
      <c r="AM16747">
        <v>17</v>
      </c>
      <c r="AN16747">
        <v>17</v>
      </c>
      <c r="AO16747">
        <v>17</v>
      </c>
      <c r="AP16747">
        <v>18</v>
      </c>
      <c r="AQ16747">
        <v>18</v>
      </c>
    </row>
    <row r="16748" spans="1:43">
      <c r="A16748" t="s">
        <v>10396</v>
      </c>
      <c r="B16748" t="s">
        <v>10397</v>
      </c>
      <c r="C16748" t="s">
        <v>10390</v>
      </c>
      <c r="D16748" t="s">
        <v>10391</v>
      </c>
      <c r="E16748" t="s">
        <v>10212</v>
      </c>
      <c r="F16748" t="s">
        <v>10213</v>
      </c>
      <c r="G16748" t="s">
        <v>10214</v>
      </c>
      <c r="H16748" t="s">
        <v>10215</v>
      </c>
      <c r="I16748" s="2">
        <v>1</v>
      </c>
      <c r="J16748" s="2">
        <v>0</v>
      </c>
      <c r="K16748" s="2">
        <v>0</v>
      </c>
      <c r="L16748" t="s">
        <v>120</v>
      </c>
      <c r="M16748" t="s">
        <v>89</v>
      </c>
      <c r="N16748" t="s">
        <v>90</v>
      </c>
      <c r="O16748" t="s">
        <v>85</v>
      </c>
      <c r="P16748" t="s">
        <v>86</v>
      </c>
      <c r="Q16748">
        <v>16</v>
      </c>
      <c r="R16748">
        <v>16</v>
      </c>
      <c r="S16748">
        <v>17</v>
      </c>
      <c r="T16748">
        <v>17</v>
      </c>
      <c r="U16748">
        <v>17</v>
      </c>
      <c r="V16748">
        <v>18</v>
      </c>
      <c r="W16748">
        <v>18</v>
      </c>
      <c r="X16748">
        <v>18</v>
      </c>
      <c r="Y16748">
        <v>19</v>
      </c>
      <c r="Z16748">
        <v>19</v>
      </c>
      <c r="AA16748">
        <v>19</v>
      </c>
      <c r="AB16748">
        <v>19</v>
      </c>
      <c r="AC16748">
        <v>20</v>
      </c>
      <c r="AD16748">
        <v>20</v>
      </c>
      <c r="AE16748">
        <v>20</v>
      </c>
      <c r="AF16748">
        <v>20</v>
      </c>
      <c r="AG16748">
        <v>20</v>
      </c>
      <c r="AH16748">
        <v>20</v>
      </c>
      <c r="AI16748">
        <v>20</v>
      </c>
      <c r="AJ16748">
        <v>20</v>
      </c>
      <c r="AK16748">
        <v>20</v>
      </c>
      <c r="AL16748">
        <v>20</v>
      </c>
      <c r="AM16748">
        <v>20</v>
      </c>
      <c r="AN16748">
        <v>20</v>
      </c>
      <c r="AO16748">
        <v>20</v>
      </c>
      <c r="AP16748">
        <v>20</v>
      </c>
      <c r="AQ16748">
        <v>20</v>
      </c>
    </row>
    <row r="16749" spans="1:43">
      <c r="A16749" t="s">
        <v>10396</v>
      </c>
      <c r="B16749" t="s">
        <v>10397</v>
      </c>
      <c r="C16749" t="s">
        <v>10390</v>
      </c>
      <c r="D16749" t="s">
        <v>10391</v>
      </c>
      <c r="E16749" t="s">
        <v>10212</v>
      </c>
      <c r="F16749" t="s">
        <v>10213</v>
      </c>
      <c r="G16749" t="s">
        <v>10214</v>
      </c>
      <c r="H16749" t="s">
        <v>10215</v>
      </c>
      <c r="I16749" s="2">
        <v>1</v>
      </c>
      <c r="J16749" s="2">
        <v>0</v>
      </c>
      <c r="K16749" s="2">
        <v>0</v>
      </c>
      <c r="L16749" t="s">
        <v>120</v>
      </c>
      <c r="M16749" t="s">
        <v>83</v>
      </c>
      <c r="N16749" t="s">
        <v>91</v>
      </c>
      <c r="O16749" t="s">
        <v>85</v>
      </c>
      <c r="P16749" t="s">
        <v>86</v>
      </c>
      <c r="Q16749">
        <v>16</v>
      </c>
      <c r="R16749">
        <v>16</v>
      </c>
      <c r="S16749">
        <v>16</v>
      </c>
      <c r="T16749">
        <v>17</v>
      </c>
      <c r="U16749">
        <v>17</v>
      </c>
      <c r="V16749">
        <v>17</v>
      </c>
      <c r="W16749">
        <v>17</v>
      </c>
      <c r="X16749">
        <v>17</v>
      </c>
      <c r="Y16749">
        <v>18</v>
      </c>
      <c r="Z16749">
        <v>18</v>
      </c>
      <c r="AA16749">
        <v>18</v>
      </c>
      <c r="AB16749">
        <v>18</v>
      </c>
      <c r="AC16749">
        <v>18</v>
      </c>
      <c r="AD16749">
        <v>19</v>
      </c>
      <c r="AE16749">
        <v>19</v>
      </c>
      <c r="AF16749">
        <v>19</v>
      </c>
      <c r="AG16749">
        <v>19</v>
      </c>
      <c r="AH16749">
        <v>19</v>
      </c>
      <c r="AI16749">
        <v>20</v>
      </c>
      <c r="AJ16749">
        <v>20</v>
      </c>
      <c r="AK16749">
        <v>20</v>
      </c>
      <c r="AL16749">
        <v>20</v>
      </c>
      <c r="AM16749">
        <v>20</v>
      </c>
      <c r="AN16749">
        <v>20</v>
      </c>
      <c r="AO16749">
        <v>20</v>
      </c>
      <c r="AP16749">
        <v>20</v>
      </c>
      <c r="AQ16749">
        <v>20</v>
      </c>
    </row>
    <row r="16750" spans="1:43">
      <c r="A16750" t="s">
        <v>10398</v>
      </c>
      <c r="B16750" t="s">
        <v>10399</v>
      </c>
      <c r="C16750" t="s">
        <v>10390</v>
      </c>
      <c r="D16750" t="s">
        <v>10391</v>
      </c>
      <c r="E16750" t="s">
        <v>10212</v>
      </c>
      <c r="F16750" t="s">
        <v>10213</v>
      </c>
      <c r="G16750" t="s">
        <v>10214</v>
      </c>
      <c r="H16750" t="s">
        <v>10215</v>
      </c>
      <c r="I16750" s="2">
        <v>1</v>
      </c>
      <c r="J16750" s="2">
        <v>0</v>
      </c>
      <c r="K16750" s="2">
        <v>0</v>
      </c>
      <c r="L16750" t="s">
        <v>120</v>
      </c>
      <c r="M16750" t="s">
        <v>83</v>
      </c>
      <c r="N16750" t="s">
        <v>84</v>
      </c>
      <c r="O16750" t="s">
        <v>85</v>
      </c>
      <c r="P16750" t="s">
        <v>86</v>
      </c>
      <c r="Q16750">
        <v>9</v>
      </c>
      <c r="R16750">
        <v>9</v>
      </c>
      <c r="S16750">
        <v>10</v>
      </c>
      <c r="T16750">
        <v>10</v>
      </c>
      <c r="U16750">
        <v>10</v>
      </c>
      <c r="V16750">
        <v>10</v>
      </c>
      <c r="W16750">
        <v>10</v>
      </c>
      <c r="X16750">
        <v>10</v>
      </c>
      <c r="Y16750">
        <v>10</v>
      </c>
      <c r="Z16750">
        <v>11</v>
      </c>
      <c r="AA16750">
        <v>11</v>
      </c>
      <c r="AB16750">
        <v>11</v>
      </c>
      <c r="AC16750">
        <v>11</v>
      </c>
      <c r="AD16750">
        <v>11</v>
      </c>
      <c r="AE16750">
        <v>11</v>
      </c>
      <c r="AF16750">
        <v>11</v>
      </c>
      <c r="AG16750">
        <v>11</v>
      </c>
      <c r="AH16750">
        <v>11</v>
      </c>
      <c r="AI16750">
        <v>12</v>
      </c>
      <c r="AJ16750">
        <v>12</v>
      </c>
      <c r="AK16750">
        <v>12</v>
      </c>
      <c r="AL16750">
        <v>12</v>
      </c>
      <c r="AM16750">
        <v>12</v>
      </c>
      <c r="AN16750">
        <v>12</v>
      </c>
      <c r="AO16750">
        <v>12</v>
      </c>
      <c r="AP16750">
        <v>12</v>
      </c>
      <c r="AQ16750">
        <v>12</v>
      </c>
    </row>
    <row r="16751" spans="1:43">
      <c r="A16751" t="s">
        <v>10398</v>
      </c>
      <c r="B16751" t="s">
        <v>10399</v>
      </c>
      <c r="C16751" t="s">
        <v>10390</v>
      </c>
      <c r="D16751" t="s">
        <v>10391</v>
      </c>
      <c r="E16751" t="s">
        <v>10212</v>
      </c>
      <c r="F16751" t="s">
        <v>10213</v>
      </c>
      <c r="G16751" t="s">
        <v>10214</v>
      </c>
      <c r="H16751" t="s">
        <v>10215</v>
      </c>
      <c r="I16751" s="2">
        <v>1</v>
      </c>
      <c r="J16751" s="2">
        <v>0</v>
      </c>
      <c r="K16751" s="2">
        <v>0</v>
      </c>
      <c r="L16751" t="s">
        <v>120</v>
      </c>
      <c r="M16751" t="s">
        <v>87</v>
      </c>
      <c r="N16751" t="s">
        <v>88</v>
      </c>
      <c r="O16751" t="s">
        <v>85</v>
      </c>
      <c r="P16751" t="s">
        <v>86</v>
      </c>
      <c r="Q16751">
        <v>9</v>
      </c>
      <c r="R16751">
        <v>9</v>
      </c>
      <c r="S16751">
        <v>9</v>
      </c>
      <c r="T16751">
        <v>9</v>
      </c>
      <c r="U16751">
        <v>9</v>
      </c>
      <c r="V16751">
        <v>9</v>
      </c>
      <c r="W16751">
        <v>10</v>
      </c>
      <c r="X16751">
        <v>10</v>
      </c>
      <c r="Y16751">
        <v>10</v>
      </c>
      <c r="Z16751">
        <v>10</v>
      </c>
      <c r="AA16751">
        <v>10</v>
      </c>
      <c r="AB16751">
        <v>10</v>
      </c>
      <c r="AC16751">
        <v>10</v>
      </c>
      <c r="AD16751">
        <v>10</v>
      </c>
      <c r="AE16751">
        <v>10</v>
      </c>
      <c r="AF16751">
        <v>10</v>
      </c>
      <c r="AG16751">
        <v>10</v>
      </c>
      <c r="AH16751">
        <v>10</v>
      </c>
      <c r="AI16751">
        <v>10</v>
      </c>
      <c r="AJ16751">
        <v>10</v>
      </c>
      <c r="AK16751">
        <v>10</v>
      </c>
      <c r="AL16751">
        <v>10</v>
      </c>
      <c r="AM16751">
        <v>10</v>
      </c>
      <c r="AN16751">
        <v>10</v>
      </c>
      <c r="AO16751">
        <v>10</v>
      </c>
      <c r="AP16751">
        <v>10</v>
      </c>
      <c r="AQ16751">
        <v>10</v>
      </c>
    </row>
    <row r="16752" spans="1:43">
      <c r="A16752" t="s">
        <v>10398</v>
      </c>
      <c r="B16752" t="s">
        <v>10399</v>
      </c>
      <c r="C16752" t="s">
        <v>10390</v>
      </c>
      <c r="D16752" t="s">
        <v>10391</v>
      </c>
      <c r="E16752" t="s">
        <v>10212</v>
      </c>
      <c r="F16752" t="s">
        <v>10213</v>
      </c>
      <c r="G16752" t="s">
        <v>10214</v>
      </c>
      <c r="H16752" t="s">
        <v>10215</v>
      </c>
      <c r="I16752" s="2">
        <v>1</v>
      </c>
      <c r="J16752" s="2">
        <v>0</v>
      </c>
      <c r="K16752" s="2">
        <v>0</v>
      </c>
      <c r="L16752" t="s">
        <v>120</v>
      </c>
      <c r="M16752" t="s">
        <v>89</v>
      </c>
      <c r="N16752" t="s">
        <v>90</v>
      </c>
      <c r="O16752" t="s">
        <v>85</v>
      </c>
      <c r="P16752" t="s">
        <v>86</v>
      </c>
      <c r="Q16752">
        <v>9</v>
      </c>
      <c r="R16752">
        <v>10</v>
      </c>
      <c r="S16752">
        <v>10</v>
      </c>
      <c r="T16752">
        <v>10</v>
      </c>
      <c r="U16752">
        <v>10</v>
      </c>
      <c r="V16752">
        <v>10</v>
      </c>
      <c r="W16752">
        <v>11</v>
      </c>
      <c r="X16752">
        <v>11</v>
      </c>
      <c r="Y16752">
        <v>11</v>
      </c>
      <c r="Z16752">
        <v>11</v>
      </c>
      <c r="AA16752">
        <v>11</v>
      </c>
      <c r="AB16752">
        <v>11</v>
      </c>
      <c r="AC16752">
        <v>12</v>
      </c>
      <c r="AD16752">
        <v>12</v>
      </c>
      <c r="AE16752">
        <v>12</v>
      </c>
      <c r="AF16752">
        <v>12</v>
      </c>
      <c r="AG16752">
        <v>12</v>
      </c>
      <c r="AH16752">
        <v>12</v>
      </c>
      <c r="AI16752">
        <v>12</v>
      </c>
      <c r="AJ16752">
        <v>12</v>
      </c>
      <c r="AK16752">
        <v>12</v>
      </c>
      <c r="AL16752">
        <v>12</v>
      </c>
      <c r="AM16752">
        <v>12</v>
      </c>
      <c r="AN16752">
        <v>12</v>
      </c>
      <c r="AO16752">
        <v>12</v>
      </c>
      <c r="AP16752">
        <v>12</v>
      </c>
      <c r="AQ16752">
        <v>12</v>
      </c>
    </row>
    <row r="16753" spans="1:43">
      <c r="A16753" t="s">
        <v>10398</v>
      </c>
      <c r="B16753" t="s">
        <v>10399</v>
      </c>
      <c r="C16753" t="s">
        <v>10390</v>
      </c>
      <c r="D16753" t="s">
        <v>10391</v>
      </c>
      <c r="E16753" t="s">
        <v>10212</v>
      </c>
      <c r="F16753" t="s">
        <v>10213</v>
      </c>
      <c r="G16753" t="s">
        <v>10214</v>
      </c>
      <c r="H16753" t="s">
        <v>10215</v>
      </c>
      <c r="I16753" s="2">
        <v>1</v>
      </c>
      <c r="J16753" s="2">
        <v>0</v>
      </c>
      <c r="K16753" s="2">
        <v>0</v>
      </c>
      <c r="L16753" t="s">
        <v>120</v>
      </c>
      <c r="M16753" t="s">
        <v>83</v>
      </c>
      <c r="N16753" t="s">
        <v>91</v>
      </c>
      <c r="O16753" t="s">
        <v>85</v>
      </c>
      <c r="P16753" t="s">
        <v>86</v>
      </c>
      <c r="Q16753">
        <v>9</v>
      </c>
      <c r="R16753">
        <v>9</v>
      </c>
      <c r="S16753">
        <v>10</v>
      </c>
      <c r="T16753">
        <v>10</v>
      </c>
      <c r="U16753">
        <v>10</v>
      </c>
      <c r="V16753">
        <v>10</v>
      </c>
      <c r="W16753">
        <v>10</v>
      </c>
      <c r="X16753">
        <v>10</v>
      </c>
      <c r="Y16753">
        <v>10</v>
      </c>
      <c r="Z16753">
        <v>11</v>
      </c>
      <c r="AA16753">
        <v>11</v>
      </c>
      <c r="AB16753">
        <v>11</v>
      </c>
      <c r="AC16753">
        <v>11</v>
      </c>
      <c r="AD16753">
        <v>11</v>
      </c>
      <c r="AE16753">
        <v>11</v>
      </c>
      <c r="AF16753">
        <v>11</v>
      </c>
      <c r="AG16753">
        <v>11</v>
      </c>
      <c r="AH16753">
        <v>11</v>
      </c>
      <c r="AI16753">
        <v>12</v>
      </c>
      <c r="AJ16753">
        <v>12</v>
      </c>
      <c r="AK16753">
        <v>12</v>
      </c>
      <c r="AL16753">
        <v>12</v>
      </c>
      <c r="AM16753">
        <v>12</v>
      </c>
      <c r="AN16753">
        <v>12</v>
      </c>
      <c r="AO16753">
        <v>12</v>
      </c>
      <c r="AP16753">
        <v>12</v>
      </c>
      <c r="AQ16753">
        <v>12</v>
      </c>
    </row>
    <row r="16754" spans="1:43">
      <c r="A16754" t="s">
        <v>10400</v>
      </c>
      <c r="B16754" t="s">
        <v>10401</v>
      </c>
      <c r="C16754" t="s">
        <v>10390</v>
      </c>
      <c r="D16754" t="s">
        <v>10391</v>
      </c>
      <c r="E16754" t="s">
        <v>10212</v>
      </c>
      <c r="F16754" t="s">
        <v>10213</v>
      </c>
      <c r="G16754" t="s">
        <v>10214</v>
      </c>
      <c r="H16754" t="s">
        <v>10215</v>
      </c>
      <c r="I16754" s="2">
        <v>1</v>
      </c>
      <c r="J16754" s="2">
        <v>0</v>
      </c>
      <c r="K16754" s="2">
        <v>0</v>
      </c>
      <c r="L16754" t="s">
        <v>120</v>
      </c>
      <c r="M16754" t="s">
        <v>83</v>
      </c>
      <c r="N16754" t="s">
        <v>84</v>
      </c>
      <c r="O16754" t="s">
        <v>85</v>
      </c>
      <c r="P16754" t="s">
        <v>86</v>
      </c>
      <c r="Q16754">
        <v>5</v>
      </c>
      <c r="R16754">
        <v>6</v>
      </c>
      <c r="S16754">
        <v>6</v>
      </c>
      <c r="T16754">
        <v>6</v>
      </c>
      <c r="U16754">
        <v>6</v>
      </c>
      <c r="V16754">
        <v>6</v>
      </c>
      <c r="W16754">
        <v>6</v>
      </c>
      <c r="X16754">
        <v>6</v>
      </c>
      <c r="Y16754">
        <v>6</v>
      </c>
      <c r="Z16754">
        <v>6</v>
      </c>
      <c r="AA16754">
        <v>6</v>
      </c>
      <c r="AB16754">
        <v>6</v>
      </c>
      <c r="AC16754">
        <v>6</v>
      </c>
      <c r="AD16754">
        <v>6</v>
      </c>
      <c r="AE16754">
        <v>6</v>
      </c>
      <c r="AF16754">
        <v>7</v>
      </c>
      <c r="AG16754">
        <v>7</v>
      </c>
      <c r="AH16754">
        <v>7</v>
      </c>
      <c r="AI16754">
        <v>7</v>
      </c>
      <c r="AJ16754">
        <v>7</v>
      </c>
      <c r="AK16754">
        <v>7</v>
      </c>
      <c r="AL16754">
        <v>7</v>
      </c>
      <c r="AM16754">
        <v>7</v>
      </c>
      <c r="AN16754">
        <v>7</v>
      </c>
      <c r="AO16754">
        <v>7</v>
      </c>
      <c r="AP16754">
        <v>7</v>
      </c>
      <c r="AQ16754">
        <v>7</v>
      </c>
    </row>
    <row r="16755" spans="1:43">
      <c r="A16755" t="s">
        <v>10400</v>
      </c>
      <c r="B16755" t="s">
        <v>10401</v>
      </c>
      <c r="C16755" t="s">
        <v>10390</v>
      </c>
      <c r="D16755" t="s">
        <v>10391</v>
      </c>
      <c r="E16755" t="s">
        <v>10212</v>
      </c>
      <c r="F16755" t="s">
        <v>10213</v>
      </c>
      <c r="G16755" t="s">
        <v>10214</v>
      </c>
      <c r="H16755" t="s">
        <v>10215</v>
      </c>
      <c r="I16755" s="2">
        <v>1</v>
      </c>
      <c r="J16755" s="2">
        <v>0</v>
      </c>
      <c r="K16755" s="2">
        <v>0</v>
      </c>
      <c r="L16755" t="s">
        <v>120</v>
      </c>
      <c r="M16755" t="s">
        <v>87</v>
      </c>
      <c r="N16755" t="s">
        <v>88</v>
      </c>
      <c r="O16755" t="s">
        <v>85</v>
      </c>
      <c r="P16755" t="s">
        <v>86</v>
      </c>
      <c r="Q16755">
        <v>5</v>
      </c>
      <c r="R16755">
        <v>5</v>
      </c>
      <c r="S16755">
        <v>5</v>
      </c>
      <c r="T16755">
        <v>5</v>
      </c>
      <c r="U16755">
        <v>5</v>
      </c>
      <c r="V16755">
        <v>6</v>
      </c>
      <c r="W16755">
        <v>6</v>
      </c>
      <c r="X16755">
        <v>6</v>
      </c>
      <c r="Y16755">
        <v>6</v>
      </c>
      <c r="Z16755">
        <v>6</v>
      </c>
      <c r="AA16755">
        <v>6</v>
      </c>
      <c r="AB16755">
        <v>6</v>
      </c>
      <c r="AC16755">
        <v>6</v>
      </c>
      <c r="AD16755">
        <v>6</v>
      </c>
      <c r="AE16755">
        <v>6</v>
      </c>
      <c r="AF16755">
        <v>6</v>
      </c>
      <c r="AG16755">
        <v>6</v>
      </c>
      <c r="AH16755">
        <v>6</v>
      </c>
      <c r="AI16755">
        <v>6</v>
      </c>
      <c r="AJ16755">
        <v>6</v>
      </c>
      <c r="AK16755">
        <v>6</v>
      </c>
      <c r="AL16755">
        <v>6</v>
      </c>
      <c r="AM16755">
        <v>6</v>
      </c>
      <c r="AN16755">
        <v>6</v>
      </c>
      <c r="AO16755">
        <v>6</v>
      </c>
      <c r="AP16755">
        <v>6</v>
      </c>
      <c r="AQ16755">
        <v>6</v>
      </c>
    </row>
    <row r="16756" spans="1:43">
      <c r="A16756" t="s">
        <v>10400</v>
      </c>
      <c r="B16756" t="s">
        <v>10401</v>
      </c>
      <c r="C16756" t="s">
        <v>10390</v>
      </c>
      <c r="D16756" t="s">
        <v>10391</v>
      </c>
      <c r="E16756" t="s">
        <v>10212</v>
      </c>
      <c r="F16756" t="s">
        <v>10213</v>
      </c>
      <c r="G16756" t="s">
        <v>10214</v>
      </c>
      <c r="H16756" t="s">
        <v>10215</v>
      </c>
      <c r="I16756" s="2">
        <v>1</v>
      </c>
      <c r="J16756" s="2">
        <v>0</v>
      </c>
      <c r="K16756" s="2">
        <v>0</v>
      </c>
      <c r="L16756" t="s">
        <v>120</v>
      </c>
      <c r="M16756" t="s">
        <v>89</v>
      </c>
      <c r="N16756" t="s">
        <v>90</v>
      </c>
      <c r="O16756" t="s">
        <v>85</v>
      </c>
      <c r="P16756" t="s">
        <v>86</v>
      </c>
      <c r="Q16756">
        <v>5</v>
      </c>
      <c r="R16756">
        <v>6</v>
      </c>
      <c r="S16756">
        <v>6</v>
      </c>
      <c r="T16756">
        <v>6</v>
      </c>
      <c r="U16756">
        <v>6</v>
      </c>
      <c r="V16756">
        <v>6</v>
      </c>
      <c r="W16756">
        <v>6</v>
      </c>
      <c r="X16756">
        <v>6</v>
      </c>
      <c r="Y16756">
        <v>6</v>
      </c>
      <c r="Z16756">
        <v>6</v>
      </c>
      <c r="AA16756">
        <v>7</v>
      </c>
      <c r="AB16756">
        <v>7</v>
      </c>
      <c r="AC16756">
        <v>7</v>
      </c>
      <c r="AD16756">
        <v>7</v>
      </c>
      <c r="AE16756">
        <v>7</v>
      </c>
      <c r="AF16756">
        <v>7</v>
      </c>
      <c r="AG16756">
        <v>7</v>
      </c>
      <c r="AH16756">
        <v>7</v>
      </c>
      <c r="AI16756">
        <v>7</v>
      </c>
      <c r="AJ16756">
        <v>7</v>
      </c>
      <c r="AK16756">
        <v>7</v>
      </c>
      <c r="AL16756">
        <v>7</v>
      </c>
      <c r="AM16756">
        <v>7</v>
      </c>
      <c r="AN16756">
        <v>7</v>
      </c>
      <c r="AO16756">
        <v>7</v>
      </c>
      <c r="AP16756">
        <v>7</v>
      </c>
      <c r="AQ16756">
        <v>7</v>
      </c>
    </row>
    <row r="16757" spans="1:43">
      <c r="A16757" t="s">
        <v>10400</v>
      </c>
      <c r="B16757" t="s">
        <v>10401</v>
      </c>
      <c r="C16757" t="s">
        <v>10390</v>
      </c>
      <c r="D16757" t="s">
        <v>10391</v>
      </c>
      <c r="E16757" t="s">
        <v>10212</v>
      </c>
      <c r="F16757" t="s">
        <v>10213</v>
      </c>
      <c r="G16757" t="s">
        <v>10214</v>
      </c>
      <c r="H16757" t="s">
        <v>10215</v>
      </c>
      <c r="I16757" s="2">
        <v>1</v>
      </c>
      <c r="J16757" s="2">
        <v>0</v>
      </c>
      <c r="K16757" s="2">
        <v>0</v>
      </c>
      <c r="L16757" t="s">
        <v>120</v>
      </c>
      <c r="M16757" t="s">
        <v>83</v>
      </c>
      <c r="N16757" t="s">
        <v>91</v>
      </c>
      <c r="O16757" t="s">
        <v>85</v>
      </c>
      <c r="P16757" t="s">
        <v>86</v>
      </c>
      <c r="Q16757">
        <v>5</v>
      </c>
      <c r="R16757">
        <v>6</v>
      </c>
      <c r="S16757">
        <v>6</v>
      </c>
      <c r="T16757">
        <v>6</v>
      </c>
      <c r="U16757">
        <v>6</v>
      </c>
      <c r="V16757">
        <v>6</v>
      </c>
      <c r="W16757">
        <v>6</v>
      </c>
      <c r="X16757">
        <v>6</v>
      </c>
      <c r="Y16757">
        <v>6</v>
      </c>
      <c r="Z16757">
        <v>6</v>
      </c>
      <c r="AA16757">
        <v>6</v>
      </c>
      <c r="AB16757">
        <v>6</v>
      </c>
      <c r="AC16757">
        <v>6</v>
      </c>
      <c r="AD16757">
        <v>6</v>
      </c>
      <c r="AE16757">
        <v>6</v>
      </c>
      <c r="AF16757">
        <v>7</v>
      </c>
      <c r="AG16757">
        <v>7</v>
      </c>
      <c r="AH16757">
        <v>7</v>
      </c>
      <c r="AI16757">
        <v>7</v>
      </c>
      <c r="AJ16757">
        <v>7</v>
      </c>
      <c r="AK16757">
        <v>7</v>
      </c>
      <c r="AL16757">
        <v>7</v>
      </c>
      <c r="AM16757">
        <v>7</v>
      </c>
      <c r="AN16757">
        <v>7</v>
      </c>
      <c r="AO16757">
        <v>7</v>
      </c>
      <c r="AP16757">
        <v>7</v>
      </c>
      <c r="AQ16757">
        <v>7</v>
      </c>
    </row>
    <row r="16758" spans="1:43">
      <c r="A16758" t="s">
        <v>10402</v>
      </c>
      <c r="B16758" t="s">
        <v>10403</v>
      </c>
      <c r="C16758" t="s">
        <v>10404</v>
      </c>
      <c r="D16758" t="s">
        <v>10405</v>
      </c>
      <c r="E16758" t="s">
        <v>10212</v>
      </c>
      <c r="F16758" t="s">
        <v>10213</v>
      </c>
      <c r="G16758" t="s">
        <v>10214</v>
      </c>
      <c r="H16758" t="s">
        <v>10215</v>
      </c>
      <c r="I16758" s="2">
        <v>1</v>
      </c>
      <c r="J16758" s="2">
        <v>0</v>
      </c>
      <c r="K16758" s="2">
        <v>0</v>
      </c>
      <c r="L16758" t="s">
        <v>120</v>
      </c>
      <c r="M16758" t="s">
        <v>83</v>
      </c>
      <c r="N16758" t="s">
        <v>84</v>
      </c>
      <c r="O16758" t="s">
        <v>85</v>
      </c>
      <c r="P16758" t="s">
        <v>86</v>
      </c>
      <c r="Q16758">
        <v>10</v>
      </c>
      <c r="R16758">
        <v>10</v>
      </c>
      <c r="S16758">
        <v>10</v>
      </c>
      <c r="T16758">
        <v>10</v>
      </c>
      <c r="U16758">
        <v>11</v>
      </c>
      <c r="V16758">
        <v>11</v>
      </c>
      <c r="W16758">
        <v>11</v>
      </c>
      <c r="X16758">
        <v>11</v>
      </c>
      <c r="Y16758">
        <v>11</v>
      </c>
      <c r="Z16758">
        <v>11</v>
      </c>
      <c r="AA16758">
        <v>11</v>
      </c>
      <c r="AB16758">
        <v>12</v>
      </c>
      <c r="AC16758">
        <v>12</v>
      </c>
      <c r="AD16758">
        <v>12</v>
      </c>
      <c r="AE16758">
        <v>12</v>
      </c>
      <c r="AF16758">
        <v>12</v>
      </c>
      <c r="AG16758">
        <v>12</v>
      </c>
      <c r="AH16758">
        <v>12</v>
      </c>
      <c r="AI16758">
        <v>12</v>
      </c>
      <c r="AJ16758">
        <v>13</v>
      </c>
      <c r="AK16758">
        <v>13</v>
      </c>
      <c r="AL16758">
        <v>13</v>
      </c>
      <c r="AM16758">
        <v>13</v>
      </c>
      <c r="AN16758">
        <v>13</v>
      </c>
      <c r="AO16758">
        <v>13</v>
      </c>
      <c r="AP16758">
        <v>13</v>
      </c>
      <c r="AQ16758">
        <v>13</v>
      </c>
    </row>
    <row r="16759" spans="1:43">
      <c r="A16759" t="s">
        <v>10402</v>
      </c>
      <c r="B16759" t="s">
        <v>10403</v>
      </c>
      <c r="C16759" t="s">
        <v>10404</v>
      </c>
      <c r="D16759" t="s">
        <v>10405</v>
      </c>
      <c r="E16759" t="s">
        <v>10212</v>
      </c>
      <c r="F16759" t="s">
        <v>10213</v>
      </c>
      <c r="G16759" t="s">
        <v>10214</v>
      </c>
      <c r="H16759" t="s">
        <v>10215</v>
      </c>
      <c r="I16759" s="2">
        <v>1</v>
      </c>
      <c r="J16759" s="2">
        <v>0</v>
      </c>
      <c r="K16759" s="2">
        <v>0</v>
      </c>
      <c r="L16759" t="s">
        <v>120</v>
      </c>
      <c r="M16759" t="s">
        <v>87</v>
      </c>
      <c r="N16759" t="s">
        <v>88</v>
      </c>
      <c r="O16759" t="s">
        <v>85</v>
      </c>
      <c r="P16759" t="s">
        <v>86</v>
      </c>
      <c r="Q16759">
        <v>10</v>
      </c>
      <c r="R16759">
        <v>10</v>
      </c>
      <c r="S16759">
        <v>10</v>
      </c>
      <c r="T16759">
        <v>10</v>
      </c>
      <c r="U16759">
        <v>10</v>
      </c>
      <c r="V16759">
        <v>10</v>
      </c>
      <c r="W16759">
        <v>10</v>
      </c>
      <c r="X16759">
        <v>10</v>
      </c>
      <c r="Y16759">
        <v>10</v>
      </c>
      <c r="Z16759">
        <v>10</v>
      </c>
      <c r="AA16759">
        <v>10</v>
      </c>
      <c r="AB16759">
        <v>10</v>
      </c>
      <c r="AC16759">
        <v>10</v>
      </c>
      <c r="AD16759">
        <v>11</v>
      </c>
      <c r="AE16759">
        <v>11</v>
      </c>
      <c r="AF16759">
        <v>11</v>
      </c>
      <c r="AG16759">
        <v>11</v>
      </c>
      <c r="AH16759">
        <v>11</v>
      </c>
      <c r="AI16759">
        <v>11</v>
      </c>
      <c r="AJ16759">
        <v>11</v>
      </c>
      <c r="AK16759">
        <v>11</v>
      </c>
      <c r="AL16759">
        <v>11</v>
      </c>
      <c r="AM16759">
        <v>11</v>
      </c>
      <c r="AN16759">
        <v>11</v>
      </c>
      <c r="AO16759">
        <v>11</v>
      </c>
      <c r="AP16759">
        <v>11</v>
      </c>
      <c r="AQ16759">
        <v>11</v>
      </c>
    </row>
    <row r="16760" spans="1:43">
      <c r="A16760" t="s">
        <v>10402</v>
      </c>
      <c r="B16760" t="s">
        <v>10403</v>
      </c>
      <c r="C16760" t="s">
        <v>10404</v>
      </c>
      <c r="D16760" t="s">
        <v>10405</v>
      </c>
      <c r="E16760" t="s">
        <v>10212</v>
      </c>
      <c r="F16760" t="s">
        <v>10213</v>
      </c>
      <c r="G16760" t="s">
        <v>10214</v>
      </c>
      <c r="H16760" t="s">
        <v>10215</v>
      </c>
      <c r="I16760" s="2">
        <v>1</v>
      </c>
      <c r="J16760" s="2">
        <v>0</v>
      </c>
      <c r="K16760" s="2">
        <v>0</v>
      </c>
      <c r="L16760" t="s">
        <v>120</v>
      </c>
      <c r="M16760" t="s">
        <v>89</v>
      </c>
      <c r="N16760" t="s">
        <v>90</v>
      </c>
      <c r="O16760" t="s">
        <v>85</v>
      </c>
      <c r="P16760" t="s">
        <v>86</v>
      </c>
      <c r="Q16760">
        <v>10</v>
      </c>
      <c r="R16760">
        <v>10</v>
      </c>
      <c r="S16760">
        <v>11</v>
      </c>
      <c r="T16760">
        <v>11</v>
      </c>
      <c r="U16760">
        <v>11</v>
      </c>
      <c r="V16760">
        <v>11</v>
      </c>
      <c r="W16760">
        <v>11</v>
      </c>
      <c r="X16760">
        <v>12</v>
      </c>
      <c r="Y16760">
        <v>12</v>
      </c>
      <c r="Z16760">
        <v>12</v>
      </c>
      <c r="AA16760">
        <v>12</v>
      </c>
      <c r="AB16760">
        <v>12</v>
      </c>
      <c r="AC16760">
        <v>12</v>
      </c>
      <c r="AD16760">
        <v>13</v>
      </c>
      <c r="AE16760">
        <v>13</v>
      </c>
      <c r="AF16760">
        <v>13</v>
      </c>
      <c r="AG16760">
        <v>13</v>
      </c>
      <c r="AH16760">
        <v>13</v>
      </c>
      <c r="AI16760">
        <v>13</v>
      </c>
      <c r="AJ16760">
        <v>13</v>
      </c>
      <c r="AK16760">
        <v>13</v>
      </c>
      <c r="AL16760">
        <v>13</v>
      </c>
      <c r="AM16760">
        <v>13</v>
      </c>
      <c r="AN16760">
        <v>13</v>
      </c>
      <c r="AO16760">
        <v>13</v>
      </c>
      <c r="AP16760">
        <v>13</v>
      </c>
      <c r="AQ16760">
        <v>13</v>
      </c>
    </row>
    <row r="16761" spans="1:43">
      <c r="A16761" t="s">
        <v>10402</v>
      </c>
      <c r="B16761" t="s">
        <v>10403</v>
      </c>
      <c r="C16761" t="s">
        <v>10404</v>
      </c>
      <c r="D16761" t="s">
        <v>10405</v>
      </c>
      <c r="E16761" t="s">
        <v>10212</v>
      </c>
      <c r="F16761" t="s">
        <v>10213</v>
      </c>
      <c r="G16761" t="s">
        <v>10214</v>
      </c>
      <c r="H16761" t="s">
        <v>10215</v>
      </c>
      <c r="I16761" s="2">
        <v>1</v>
      </c>
      <c r="J16761" s="2">
        <v>0</v>
      </c>
      <c r="K16761" s="2">
        <v>0</v>
      </c>
      <c r="L16761" t="s">
        <v>120</v>
      </c>
      <c r="M16761" t="s">
        <v>83</v>
      </c>
      <c r="N16761" t="s">
        <v>91</v>
      </c>
      <c r="O16761" t="s">
        <v>85</v>
      </c>
      <c r="P16761" t="s">
        <v>86</v>
      </c>
      <c r="Q16761">
        <v>10</v>
      </c>
      <c r="R16761">
        <v>10</v>
      </c>
      <c r="S16761">
        <v>10</v>
      </c>
      <c r="T16761">
        <v>10</v>
      </c>
      <c r="U16761">
        <v>11</v>
      </c>
      <c r="V16761">
        <v>11</v>
      </c>
      <c r="W16761">
        <v>11</v>
      </c>
      <c r="X16761">
        <v>11</v>
      </c>
      <c r="Y16761">
        <v>11</v>
      </c>
      <c r="Z16761">
        <v>11</v>
      </c>
      <c r="AA16761">
        <v>11</v>
      </c>
      <c r="AB16761">
        <v>12</v>
      </c>
      <c r="AC16761">
        <v>12</v>
      </c>
      <c r="AD16761">
        <v>12</v>
      </c>
      <c r="AE16761">
        <v>12</v>
      </c>
      <c r="AF16761">
        <v>12</v>
      </c>
      <c r="AG16761">
        <v>12</v>
      </c>
      <c r="AH16761">
        <v>12</v>
      </c>
      <c r="AI16761">
        <v>12</v>
      </c>
      <c r="AJ16761">
        <v>13</v>
      </c>
      <c r="AK16761">
        <v>13</v>
      </c>
      <c r="AL16761">
        <v>13</v>
      </c>
      <c r="AM16761">
        <v>13</v>
      </c>
      <c r="AN16761">
        <v>13</v>
      </c>
      <c r="AO16761">
        <v>13</v>
      </c>
      <c r="AP16761">
        <v>13</v>
      </c>
      <c r="AQ16761">
        <v>13</v>
      </c>
    </row>
    <row r="16762" spans="1:43">
      <c r="A16762" t="s">
        <v>10406</v>
      </c>
      <c r="B16762" t="s">
        <v>10407</v>
      </c>
      <c r="C16762" t="s">
        <v>10404</v>
      </c>
      <c r="D16762" t="s">
        <v>10405</v>
      </c>
      <c r="E16762" t="s">
        <v>10212</v>
      </c>
      <c r="F16762" t="s">
        <v>10213</v>
      </c>
      <c r="G16762" t="s">
        <v>10214</v>
      </c>
      <c r="H16762" t="s">
        <v>10215</v>
      </c>
      <c r="I16762" s="2">
        <v>1</v>
      </c>
      <c r="J16762" s="2">
        <v>0</v>
      </c>
      <c r="K16762" s="2">
        <v>0</v>
      </c>
      <c r="L16762" t="s">
        <v>120</v>
      </c>
      <c r="M16762" t="s">
        <v>83</v>
      </c>
      <c r="N16762" t="s">
        <v>84</v>
      </c>
      <c r="O16762" t="s">
        <v>85</v>
      </c>
      <c r="P16762" t="s">
        <v>86</v>
      </c>
      <c r="Q16762">
        <v>24</v>
      </c>
      <c r="R16762">
        <v>24</v>
      </c>
      <c r="S16762">
        <v>24</v>
      </c>
      <c r="T16762">
        <v>25</v>
      </c>
      <c r="U16762">
        <v>25</v>
      </c>
      <c r="V16762">
        <v>25</v>
      </c>
      <c r="W16762">
        <v>26</v>
      </c>
      <c r="X16762">
        <v>26</v>
      </c>
      <c r="Y16762">
        <v>26</v>
      </c>
      <c r="Z16762">
        <v>27</v>
      </c>
      <c r="AA16762">
        <v>27</v>
      </c>
      <c r="AB16762">
        <v>27</v>
      </c>
      <c r="AC16762">
        <v>28</v>
      </c>
      <c r="AD16762">
        <v>28</v>
      </c>
      <c r="AE16762">
        <v>28</v>
      </c>
      <c r="AF16762">
        <v>29</v>
      </c>
      <c r="AG16762">
        <v>29</v>
      </c>
      <c r="AH16762">
        <v>29</v>
      </c>
      <c r="AI16762">
        <v>29</v>
      </c>
      <c r="AJ16762">
        <v>30</v>
      </c>
      <c r="AK16762">
        <v>30</v>
      </c>
      <c r="AL16762">
        <v>30</v>
      </c>
      <c r="AM16762">
        <v>30</v>
      </c>
      <c r="AN16762">
        <v>30</v>
      </c>
      <c r="AO16762">
        <v>30</v>
      </c>
      <c r="AP16762">
        <v>30</v>
      </c>
      <c r="AQ16762">
        <v>30</v>
      </c>
    </row>
    <row r="16763" spans="1:43">
      <c r="A16763" t="s">
        <v>10406</v>
      </c>
      <c r="B16763" t="s">
        <v>10407</v>
      </c>
      <c r="C16763" t="s">
        <v>10404</v>
      </c>
      <c r="D16763" t="s">
        <v>10405</v>
      </c>
      <c r="E16763" t="s">
        <v>10212</v>
      </c>
      <c r="F16763" t="s">
        <v>10213</v>
      </c>
      <c r="G16763" t="s">
        <v>10214</v>
      </c>
      <c r="H16763" t="s">
        <v>10215</v>
      </c>
      <c r="I16763" s="2">
        <v>1</v>
      </c>
      <c r="J16763" s="2">
        <v>0</v>
      </c>
      <c r="K16763" s="2">
        <v>0</v>
      </c>
      <c r="L16763" t="s">
        <v>120</v>
      </c>
      <c r="M16763" t="s">
        <v>87</v>
      </c>
      <c r="N16763" t="s">
        <v>88</v>
      </c>
      <c r="O16763" t="s">
        <v>85</v>
      </c>
      <c r="P16763" t="s">
        <v>86</v>
      </c>
      <c r="Q16763">
        <v>24</v>
      </c>
      <c r="R16763">
        <v>24</v>
      </c>
      <c r="S16763">
        <v>24</v>
      </c>
      <c r="T16763">
        <v>24</v>
      </c>
      <c r="U16763">
        <v>24</v>
      </c>
      <c r="V16763">
        <v>24</v>
      </c>
      <c r="W16763">
        <v>24</v>
      </c>
      <c r="X16763">
        <v>24</v>
      </c>
      <c r="Y16763">
        <v>24</v>
      </c>
      <c r="Z16763">
        <v>25</v>
      </c>
      <c r="AA16763">
        <v>25</v>
      </c>
      <c r="AB16763">
        <v>25</v>
      </c>
      <c r="AC16763">
        <v>25</v>
      </c>
      <c r="AD16763">
        <v>25</v>
      </c>
      <c r="AE16763">
        <v>25</v>
      </c>
      <c r="AF16763">
        <v>25</v>
      </c>
      <c r="AG16763">
        <v>25</v>
      </c>
      <c r="AH16763">
        <v>25</v>
      </c>
      <c r="AI16763">
        <v>26</v>
      </c>
      <c r="AJ16763">
        <v>26</v>
      </c>
      <c r="AK16763">
        <v>26</v>
      </c>
      <c r="AL16763">
        <v>26</v>
      </c>
      <c r="AM16763">
        <v>26</v>
      </c>
      <c r="AN16763">
        <v>26</v>
      </c>
      <c r="AO16763">
        <v>26</v>
      </c>
      <c r="AP16763">
        <v>26</v>
      </c>
      <c r="AQ16763">
        <v>26</v>
      </c>
    </row>
    <row r="16764" spans="1:43">
      <c r="A16764" t="s">
        <v>10406</v>
      </c>
      <c r="B16764" t="s">
        <v>10407</v>
      </c>
      <c r="C16764" t="s">
        <v>10404</v>
      </c>
      <c r="D16764" t="s">
        <v>10405</v>
      </c>
      <c r="E16764" t="s">
        <v>10212</v>
      </c>
      <c r="F16764" t="s">
        <v>10213</v>
      </c>
      <c r="G16764" t="s">
        <v>10214</v>
      </c>
      <c r="H16764" t="s">
        <v>10215</v>
      </c>
      <c r="I16764" s="2">
        <v>1</v>
      </c>
      <c r="J16764" s="2">
        <v>0</v>
      </c>
      <c r="K16764" s="2">
        <v>0</v>
      </c>
      <c r="L16764" t="s">
        <v>120</v>
      </c>
      <c r="M16764" t="s">
        <v>89</v>
      </c>
      <c r="N16764" t="s">
        <v>90</v>
      </c>
      <c r="O16764" t="s">
        <v>85</v>
      </c>
      <c r="P16764" t="s">
        <v>86</v>
      </c>
      <c r="Q16764">
        <v>24</v>
      </c>
      <c r="R16764">
        <v>24</v>
      </c>
      <c r="S16764">
        <v>25</v>
      </c>
      <c r="T16764">
        <v>26</v>
      </c>
      <c r="U16764">
        <v>26</v>
      </c>
      <c r="V16764">
        <v>27</v>
      </c>
      <c r="W16764">
        <v>27</v>
      </c>
      <c r="X16764">
        <v>27</v>
      </c>
      <c r="Y16764">
        <v>28</v>
      </c>
      <c r="Z16764">
        <v>28</v>
      </c>
      <c r="AA16764">
        <v>29</v>
      </c>
      <c r="AB16764">
        <v>29</v>
      </c>
      <c r="AC16764">
        <v>30</v>
      </c>
      <c r="AD16764">
        <v>30</v>
      </c>
      <c r="AE16764">
        <v>30</v>
      </c>
      <c r="AF16764">
        <v>30</v>
      </c>
      <c r="AG16764">
        <v>30</v>
      </c>
      <c r="AH16764">
        <v>30</v>
      </c>
      <c r="AI16764">
        <v>30</v>
      </c>
      <c r="AJ16764">
        <v>30</v>
      </c>
      <c r="AK16764">
        <v>30</v>
      </c>
      <c r="AL16764">
        <v>30</v>
      </c>
      <c r="AM16764">
        <v>30</v>
      </c>
      <c r="AN16764">
        <v>30</v>
      </c>
      <c r="AO16764">
        <v>30</v>
      </c>
      <c r="AP16764">
        <v>30</v>
      </c>
      <c r="AQ16764">
        <v>30</v>
      </c>
    </row>
    <row r="16765" spans="1:43">
      <c r="A16765" t="s">
        <v>10406</v>
      </c>
      <c r="B16765" t="s">
        <v>10407</v>
      </c>
      <c r="C16765" t="s">
        <v>10404</v>
      </c>
      <c r="D16765" t="s">
        <v>10405</v>
      </c>
      <c r="E16765" t="s">
        <v>10212</v>
      </c>
      <c r="F16765" t="s">
        <v>10213</v>
      </c>
      <c r="G16765" t="s">
        <v>10214</v>
      </c>
      <c r="H16765" t="s">
        <v>10215</v>
      </c>
      <c r="I16765" s="2">
        <v>1</v>
      </c>
      <c r="J16765" s="2">
        <v>0</v>
      </c>
      <c r="K16765" s="2">
        <v>0</v>
      </c>
      <c r="L16765" t="s">
        <v>120</v>
      </c>
      <c r="M16765" t="s">
        <v>83</v>
      </c>
      <c r="N16765" t="s">
        <v>91</v>
      </c>
      <c r="O16765" t="s">
        <v>85</v>
      </c>
      <c r="P16765" t="s">
        <v>86</v>
      </c>
      <c r="Q16765">
        <v>24</v>
      </c>
      <c r="R16765">
        <v>24</v>
      </c>
      <c r="S16765">
        <v>24</v>
      </c>
      <c r="T16765">
        <v>25</v>
      </c>
      <c r="U16765">
        <v>25</v>
      </c>
      <c r="V16765">
        <v>25</v>
      </c>
      <c r="W16765">
        <v>26</v>
      </c>
      <c r="X16765">
        <v>26</v>
      </c>
      <c r="Y16765">
        <v>26</v>
      </c>
      <c r="Z16765">
        <v>27</v>
      </c>
      <c r="AA16765">
        <v>27</v>
      </c>
      <c r="AB16765">
        <v>27</v>
      </c>
      <c r="AC16765">
        <v>28</v>
      </c>
      <c r="AD16765">
        <v>28</v>
      </c>
      <c r="AE16765">
        <v>28</v>
      </c>
      <c r="AF16765">
        <v>29</v>
      </c>
      <c r="AG16765">
        <v>29</v>
      </c>
      <c r="AH16765">
        <v>29</v>
      </c>
      <c r="AI16765">
        <v>29</v>
      </c>
      <c r="AJ16765">
        <v>30</v>
      </c>
      <c r="AK16765">
        <v>30</v>
      </c>
      <c r="AL16765">
        <v>30</v>
      </c>
      <c r="AM16765">
        <v>30</v>
      </c>
      <c r="AN16765">
        <v>30</v>
      </c>
      <c r="AO16765">
        <v>30</v>
      </c>
      <c r="AP16765">
        <v>30</v>
      </c>
      <c r="AQ16765">
        <v>30</v>
      </c>
    </row>
    <row r="16766" spans="1:43">
      <c r="A16766" t="s">
        <v>10408</v>
      </c>
      <c r="B16766" t="s">
        <v>10409</v>
      </c>
      <c r="C16766" t="s">
        <v>10404</v>
      </c>
      <c r="D16766" t="s">
        <v>10405</v>
      </c>
      <c r="E16766" t="s">
        <v>10212</v>
      </c>
      <c r="F16766" t="s">
        <v>10213</v>
      </c>
      <c r="G16766" t="s">
        <v>10214</v>
      </c>
      <c r="H16766" t="s">
        <v>10215</v>
      </c>
      <c r="I16766" s="2">
        <v>1</v>
      </c>
      <c r="J16766" s="2">
        <v>0</v>
      </c>
      <c r="K16766" s="2">
        <v>0</v>
      </c>
      <c r="L16766" t="s">
        <v>120</v>
      </c>
      <c r="M16766" t="s">
        <v>83</v>
      </c>
      <c r="N16766" t="s">
        <v>84</v>
      </c>
      <c r="O16766" t="s">
        <v>85</v>
      </c>
      <c r="P16766" t="s">
        <v>86</v>
      </c>
      <c r="Q16766">
        <v>49</v>
      </c>
      <c r="R16766">
        <v>50</v>
      </c>
      <c r="S16766">
        <v>50</v>
      </c>
      <c r="T16766">
        <v>51</v>
      </c>
      <c r="U16766">
        <v>52</v>
      </c>
      <c r="V16766">
        <v>53</v>
      </c>
      <c r="W16766">
        <v>53</v>
      </c>
      <c r="X16766">
        <v>54</v>
      </c>
      <c r="Y16766">
        <v>55</v>
      </c>
      <c r="Z16766">
        <v>55</v>
      </c>
      <c r="AA16766">
        <v>56</v>
      </c>
      <c r="AB16766">
        <v>56</v>
      </c>
      <c r="AC16766">
        <v>57</v>
      </c>
      <c r="AD16766">
        <v>58</v>
      </c>
      <c r="AE16766">
        <v>58</v>
      </c>
      <c r="AF16766">
        <v>59</v>
      </c>
      <c r="AG16766">
        <v>60</v>
      </c>
      <c r="AH16766">
        <v>60</v>
      </c>
      <c r="AI16766">
        <v>61</v>
      </c>
      <c r="AJ16766">
        <v>61</v>
      </c>
      <c r="AK16766">
        <v>62</v>
      </c>
      <c r="AL16766">
        <v>62</v>
      </c>
      <c r="AM16766">
        <v>62</v>
      </c>
      <c r="AN16766">
        <v>62</v>
      </c>
      <c r="AO16766">
        <v>63</v>
      </c>
      <c r="AP16766">
        <v>63</v>
      </c>
      <c r="AQ16766">
        <v>63</v>
      </c>
    </row>
    <row r="16767" spans="1:43">
      <c r="A16767" t="s">
        <v>10408</v>
      </c>
      <c r="B16767" t="s">
        <v>10409</v>
      </c>
      <c r="C16767" t="s">
        <v>10404</v>
      </c>
      <c r="D16767" t="s">
        <v>10405</v>
      </c>
      <c r="E16767" t="s">
        <v>10212</v>
      </c>
      <c r="F16767" t="s">
        <v>10213</v>
      </c>
      <c r="G16767" t="s">
        <v>10214</v>
      </c>
      <c r="H16767" t="s">
        <v>10215</v>
      </c>
      <c r="I16767" s="2">
        <v>1</v>
      </c>
      <c r="J16767" s="2">
        <v>0</v>
      </c>
      <c r="K16767" s="2">
        <v>0</v>
      </c>
      <c r="L16767" t="s">
        <v>120</v>
      </c>
      <c r="M16767" t="s">
        <v>87</v>
      </c>
      <c r="N16767" t="s">
        <v>88</v>
      </c>
      <c r="O16767" t="s">
        <v>85</v>
      </c>
      <c r="P16767" t="s">
        <v>86</v>
      </c>
      <c r="Q16767">
        <v>49</v>
      </c>
      <c r="R16767">
        <v>49</v>
      </c>
      <c r="S16767">
        <v>49</v>
      </c>
      <c r="T16767">
        <v>49</v>
      </c>
      <c r="U16767">
        <v>50</v>
      </c>
      <c r="V16767">
        <v>50</v>
      </c>
      <c r="W16767">
        <v>50</v>
      </c>
      <c r="X16767">
        <v>50</v>
      </c>
      <c r="Y16767">
        <v>51</v>
      </c>
      <c r="Z16767">
        <v>51</v>
      </c>
      <c r="AA16767">
        <v>51</v>
      </c>
      <c r="AB16767">
        <v>51</v>
      </c>
      <c r="AC16767">
        <v>51</v>
      </c>
      <c r="AD16767">
        <v>52</v>
      </c>
      <c r="AE16767">
        <v>52</v>
      </c>
      <c r="AF16767">
        <v>52</v>
      </c>
      <c r="AG16767">
        <v>52</v>
      </c>
      <c r="AH16767">
        <v>53</v>
      </c>
      <c r="AI16767">
        <v>53</v>
      </c>
      <c r="AJ16767">
        <v>53</v>
      </c>
      <c r="AK16767">
        <v>53</v>
      </c>
      <c r="AL16767">
        <v>54</v>
      </c>
      <c r="AM16767">
        <v>54</v>
      </c>
      <c r="AN16767">
        <v>54</v>
      </c>
      <c r="AO16767">
        <v>54</v>
      </c>
      <c r="AP16767">
        <v>54</v>
      </c>
      <c r="AQ16767">
        <v>55</v>
      </c>
    </row>
    <row r="16768" spans="1:43">
      <c r="A16768" t="s">
        <v>10408</v>
      </c>
      <c r="B16768" t="s">
        <v>10409</v>
      </c>
      <c r="C16768" t="s">
        <v>10404</v>
      </c>
      <c r="D16768" t="s">
        <v>10405</v>
      </c>
      <c r="E16768" t="s">
        <v>10212</v>
      </c>
      <c r="F16768" t="s">
        <v>10213</v>
      </c>
      <c r="G16768" t="s">
        <v>10214</v>
      </c>
      <c r="H16768" t="s">
        <v>10215</v>
      </c>
      <c r="I16768" s="2">
        <v>1</v>
      </c>
      <c r="J16768" s="2">
        <v>0</v>
      </c>
      <c r="K16768" s="2">
        <v>0</v>
      </c>
      <c r="L16768" t="s">
        <v>120</v>
      </c>
      <c r="M16768" t="s">
        <v>89</v>
      </c>
      <c r="N16768" t="s">
        <v>90</v>
      </c>
      <c r="O16768" t="s">
        <v>85</v>
      </c>
      <c r="P16768" t="s">
        <v>86</v>
      </c>
      <c r="Q16768">
        <v>49</v>
      </c>
      <c r="R16768">
        <v>51</v>
      </c>
      <c r="S16768">
        <v>52</v>
      </c>
      <c r="T16768">
        <v>53</v>
      </c>
      <c r="U16768">
        <v>54</v>
      </c>
      <c r="V16768">
        <v>55</v>
      </c>
      <c r="W16768">
        <v>56</v>
      </c>
      <c r="X16768">
        <v>57</v>
      </c>
      <c r="Y16768">
        <v>58</v>
      </c>
      <c r="Z16768">
        <v>58</v>
      </c>
      <c r="AA16768">
        <v>59</v>
      </c>
      <c r="AB16768">
        <v>60</v>
      </c>
      <c r="AC16768">
        <v>61</v>
      </c>
      <c r="AD16768">
        <v>62</v>
      </c>
      <c r="AE16768">
        <v>62</v>
      </c>
      <c r="AF16768">
        <v>63</v>
      </c>
      <c r="AG16768">
        <v>63</v>
      </c>
      <c r="AH16768">
        <v>63</v>
      </c>
      <c r="AI16768">
        <v>63</v>
      </c>
      <c r="AJ16768">
        <v>63</v>
      </c>
      <c r="AK16768">
        <v>63</v>
      </c>
      <c r="AL16768">
        <v>63</v>
      </c>
      <c r="AM16768">
        <v>63</v>
      </c>
      <c r="AN16768">
        <v>63</v>
      </c>
      <c r="AO16768">
        <v>63</v>
      </c>
      <c r="AP16768">
        <v>63</v>
      </c>
      <c r="AQ16768">
        <v>64</v>
      </c>
    </row>
    <row r="16769" spans="1:43">
      <c r="A16769" t="s">
        <v>10408</v>
      </c>
      <c r="B16769" t="s">
        <v>10409</v>
      </c>
      <c r="C16769" t="s">
        <v>10404</v>
      </c>
      <c r="D16769" t="s">
        <v>10405</v>
      </c>
      <c r="E16769" t="s">
        <v>10212</v>
      </c>
      <c r="F16769" t="s">
        <v>10213</v>
      </c>
      <c r="G16769" t="s">
        <v>10214</v>
      </c>
      <c r="H16769" t="s">
        <v>10215</v>
      </c>
      <c r="I16769" s="2">
        <v>1</v>
      </c>
      <c r="J16769" s="2">
        <v>0</v>
      </c>
      <c r="K16769" s="2">
        <v>0</v>
      </c>
      <c r="L16769" t="s">
        <v>120</v>
      </c>
      <c r="M16769" t="s">
        <v>83</v>
      </c>
      <c r="N16769" t="s">
        <v>91</v>
      </c>
      <c r="O16769" t="s">
        <v>85</v>
      </c>
      <c r="P16769" t="s">
        <v>86</v>
      </c>
      <c r="Q16769">
        <v>49</v>
      </c>
      <c r="R16769">
        <v>50</v>
      </c>
      <c r="S16769">
        <v>50</v>
      </c>
      <c r="T16769">
        <v>51</v>
      </c>
      <c r="U16769">
        <v>52</v>
      </c>
      <c r="V16769">
        <v>53</v>
      </c>
      <c r="W16769">
        <v>53</v>
      </c>
      <c r="X16769">
        <v>54</v>
      </c>
      <c r="Y16769">
        <v>55</v>
      </c>
      <c r="Z16769">
        <v>55</v>
      </c>
      <c r="AA16769">
        <v>56</v>
      </c>
      <c r="AB16769">
        <v>56</v>
      </c>
      <c r="AC16769">
        <v>57</v>
      </c>
      <c r="AD16769">
        <v>58</v>
      </c>
      <c r="AE16769">
        <v>58</v>
      </c>
      <c r="AF16769">
        <v>59</v>
      </c>
      <c r="AG16769">
        <v>60</v>
      </c>
      <c r="AH16769">
        <v>60</v>
      </c>
      <c r="AI16769">
        <v>61</v>
      </c>
      <c r="AJ16769">
        <v>61</v>
      </c>
      <c r="AK16769">
        <v>62</v>
      </c>
      <c r="AL16769">
        <v>62</v>
      </c>
      <c r="AM16769">
        <v>62</v>
      </c>
      <c r="AN16769">
        <v>62</v>
      </c>
      <c r="AO16769">
        <v>63</v>
      </c>
      <c r="AP16769">
        <v>63</v>
      </c>
      <c r="AQ16769">
        <v>63</v>
      </c>
    </row>
    <row r="16770" spans="1:43">
      <c r="A16770" t="s">
        <v>10410</v>
      </c>
      <c r="B16770" t="s">
        <v>10411</v>
      </c>
      <c r="C16770" t="s">
        <v>10250</v>
      </c>
      <c r="D16770" t="s">
        <v>10251</v>
      </c>
      <c r="E16770" t="s">
        <v>10212</v>
      </c>
      <c r="F16770" t="s">
        <v>10213</v>
      </c>
      <c r="G16770" t="s">
        <v>10214</v>
      </c>
      <c r="H16770" t="s">
        <v>10215</v>
      </c>
      <c r="I16770" s="2">
        <v>1</v>
      </c>
      <c r="J16770" s="2">
        <v>0</v>
      </c>
      <c r="K16770" s="2">
        <v>0</v>
      </c>
      <c r="L16770" t="s">
        <v>120</v>
      </c>
      <c r="M16770" t="s">
        <v>83</v>
      </c>
      <c r="N16770" t="s">
        <v>84</v>
      </c>
      <c r="O16770" t="s">
        <v>85</v>
      </c>
      <c r="P16770" t="s">
        <v>86</v>
      </c>
      <c r="Q16770">
        <v>18</v>
      </c>
      <c r="R16770">
        <v>18</v>
      </c>
      <c r="S16770">
        <v>18</v>
      </c>
      <c r="T16770">
        <v>19</v>
      </c>
      <c r="U16770">
        <v>19</v>
      </c>
      <c r="V16770">
        <v>19</v>
      </c>
      <c r="W16770">
        <v>19</v>
      </c>
      <c r="X16770">
        <v>20</v>
      </c>
      <c r="Y16770">
        <v>20</v>
      </c>
      <c r="Z16770">
        <v>20</v>
      </c>
      <c r="AA16770">
        <v>20</v>
      </c>
      <c r="AB16770">
        <v>21</v>
      </c>
      <c r="AC16770">
        <v>21</v>
      </c>
      <c r="AD16770">
        <v>21</v>
      </c>
      <c r="AE16770">
        <v>21</v>
      </c>
      <c r="AF16770">
        <v>21</v>
      </c>
      <c r="AG16770">
        <v>22</v>
      </c>
      <c r="AH16770">
        <v>22</v>
      </c>
      <c r="AI16770">
        <v>22</v>
      </c>
      <c r="AJ16770">
        <v>22</v>
      </c>
      <c r="AK16770">
        <v>23</v>
      </c>
      <c r="AL16770">
        <v>23</v>
      </c>
      <c r="AM16770">
        <v>23</v>
      </c>
      <c r="AN16770">
        <v>23</v>
      </c>
      <c r="AO16770">
        <v>23</v>
      </c>
      <c r="AP16770">
        <v>23</v>
      </c>
      <c r="AQ16770">
        <v>23</v>
      </c>
    </row>
    <row r="16771" spans="1:43">
      <c r="A16771" t="s">
        <v>10410</v>
      </c>
      <c r="B16771" t="s">
        <v>10411</v>
      </c>
      <c r="C16771" t="s">
        <v>10250</v>
      </c>
      <c r="D16771" t="s">
        <v>10251</v>
      </c>
      <c r="E16771" t="s">
        <v>10212</v>
      </c>
      <c r="F16771" t="s">
        <v>10213</v>
      </c>
      <c r="G16771" t="s">
        <v>10214</v>
      </c>
      <c r="H16771" t="s">
        <v>10215</v>
      </c>
      <c r="I16771" s="2">
        <v>1</v>
      </c>
      <c r="J16771" s="2">
        <v>0</v>
      </c>
      <c r="K16771" s="2">
        <v>0</v>
      </c>
      <c r="L16771" t="s">
        <v>120</v>
      </c>
      <c r="M16771" t="s">
        <v>87</v>
      </c>
      <c r="N16771" t="s">
        <v>88</v>
      </c>
      <c r="O16771" t="s">
        <v>85</v>
      </c>
      <c r="P16771" t="s">
        <v>86</v>
      </c>
      <c r="Q16771">
        <v>18</v>
      </c>
      <c r="R16771">
        <v>18</v>
      </c>
      <c r="S16771">
        <v>18</v>
      </c>
      <c r="T16771">
        <v>18</v>
      </c>
      <c r="U16771">
        <v>18</v>
      </c>
      <c r="V16771">
        <v>18</v>
      </c>
      <c r="W16771">
        <v>18</v>
      </c>
      <c r="X16771">
        <v>18</v>
      </c>
      <c r="Y16771">
        <v>18</v>
      </c>
      <c r="Z16771">
        <v>18</v>
      </c>
      <c r="AA16771">
        <v>19</v>
      </c>
      <c r="AB16771">
        <v>19</v>
      </c>
      <c r="AC16771">
        <v>19</v>
      </c>
      <c r="AD16771">
        <v>19</v>
      </c>
      <c r="AE16771">
        <v>19</v>
      </c>
      <c r="AF16771">
        <v>19</v>
      </c>
      <c r="AG16771">
        <v>19</v>
      </c>
      <c r="AH16771">
        <v>19</v>
      </c>
      <c r="AI16771">
        <v>19</v>
      </c>
      <c r="AJ16771">
        <v>19</v>
      </c>
      <c r="AK16771">
        <v>19</v>
      </c>
      <c r="AL16771">
        <v>19</v>
      </c>
      <c r="AM16771">
        <v>20</v>
      </c>
      <c r="AN16771">
        <v>20</v>
      </c>
      <c r="AO16771">
        <v>20</v>
      </c>
      <c r="AP16771">
        <v>20</v>
      </c>
      <c r="AQ16771">
        <v>20</v>
      </c>
    </row>
    <row r="16772" spans="1:43">
      <c r="A16772" t="s">
        <v>10410</v>
      </c>
      <c r="B16772" t="s">
        <v>10411</v>
      </c>
      <c r="C16772" t="s">
        <v>10250</v>
      </c>
      <c r="D16772" t="s">
        <v>10251</v>
      </c>
      <c r="E16772" t="s">
        <v>10212</v>
      </c>
      <c r="F16772" t="s">
        <v>10213</v>
      </c>
      <c r="G16772" t="s">
        <v>10214</v>
      </c>
      <c r="H16772" t="s">
        <v>10215</v>
      </c>
      <c r="I16772" s="2">
        <v>1</v>
      </c>
      <c r="J16772" s="2">
        <v>0</v>
      </c>
      <c r="K16772" s="2">
        <v>0</v>
      </c>
      <c r="L16772" t="s">
        <v>120</v>
      </c>
      <c r="M16772" t="s">
        <v>89</v>
      </c>
      <c r="N16772" t="s">
        <v>90</v>
      </c>
      <c r="O16772" t="s">
        <v>85</v>
      </c>
      <c r="P16772" t="s">
        <v>86</v>
      </c>
      <c r="Q16772">
        <v>18</v>
      </c>
      <c r="R16772">
        <v>18</v>
      </c>
      <c r="S16772">
        <v>19</v>
      </c>
      <c r="T16772">
        <v>19</v>
      </c>
      <c r="U16772">
        <v>20</v>
      </c>
      <c r="V16772">
        <v>20</v>
      </c>
      <c r="W16772">
        <v>20</v>
      </c>
      <c r="X16772">
        <v>21</v>
      </c>
      <c r="Y16772">
        <v>21</v>
      </c>
      <c r="Z16772">
        <v>21</v>
      </c>
      <c r="AA16772">
        <v>22</v>
      </c>
      <c r="AB16772">
        <v>22</v>
      </c>
      <c r="AC16772">
        <v>22</v>
      </c>
      <c r="AD16772">
        <v>22</v>
      </c>
      <c r="AE16772">
        <v>23</v>
      </c>
      <c r="AF16772">
        <v>23</v>
      </c>
      <c r="AG16772">
        <v>23</v>
      </c>
      <c r="AH16772">
        <v>23</v>
      </c>
      <c r="AI16772">
        <v>23</v>
      </c>
      <c r="AJ16772">
        <v>23</v>
      </c>
      <c r="AK16772">
        <v>23</v>
      </c>
      <c r="AL16772">
        <v>23</v>
      </c>
      <c r="AM16772">
        <v>23</v>
      </c>
      <c r="AN16772">
        <v>23</v>
      </c>
      <c r="AO16772">
        <v>23</v>
      </c>
      <c r="AP16772">
        <v>23</v>
      </c>
      <c r="AQ16772">
        <v>23</v>
      </c>
    </row>
    <row r="16773" spans="1:43">
      <c r="A16773" t="s">
        <v>10410</v>
      </c>
      <c r="B16773" t="s">
        <v>10411</v>
      </c>
      <c r="C16773" t="s">
        <v>10250</v>
      </c>
      <c r="D16773" t="s">
        <v>10251</v>
      </c>
      <c r="E16773" t="s">
        <v>10212</v>
      </c>
      <c r="F16773" t="s">
        <v>10213</v>
      </c>
      <c r="G16773" t="s">
        <v>10214</v>
      </c>
      <c r="H16773" t="s">
        <v>10215</v>
      </c>
      <c r="I16773" s="2">
        <v>1</v>
      </c>
      <c r="J16773" s="2">
        <v>0</v>
      </c>
      <c r="K16773" s="2">
        <v>0</v>
      </c>
      <c r="L16773" t="s">
        <v>120</v>
      </c>
      <c r="M16773" t="s">
        <v>83</v>
      </c>
      <c r="N16773" t="s">
        <v>91</v>
      </c>
      <c r="O16773" t="s">
        <v>85</v>
      </c>
      <c r="P16773" t="s">
        <v>86</v>
      </c>
      <c r="Q16773">
        <v>18</v>
      </c>
      <c r="R16773">
        <v>18</v>
      </c>
      <c r="S16773">
        <v>18</v>
      </c>
      <c r="T16773">
        <v>19</v>
      </c>
      <c r="U16773">
        <v>19</v>
      </c>
      <c r="V16773">
        <v>19</v>
      </c>
      <c r="W16773">
        <v>19</v>
      </c>
      <c r="X16773">
        <v>20</v>
      </c>
      <c r="Y16773">
        <v>20</v>
      </c>
      <c r="Z16773">
        <v>20</v>
      </c>
      <c r="AA16773">
        <v>20</v>
      </c>
      <c r="AB16773">
        <v>21</v>
      </c>
      <c r="AC16773">
        <v>21</v>
      </c>
      <c r="AD16773">
        <v>21</v>
      </c>
      <c r="AE16773">
        <v>21</v>
      </c>
      <c r="AF16773">
        <v>21</v>
      </c>
      <c r="AG16773">
        <v>22</v>
      </c>
      <c r="AH16773">
        <v>22</v>
      </c>
      <c r="AI16773">
        <v>22</v>
      </c>
      <c r="AJ16773">
        <v>22</v>
      </c>
      <c r="AK16773">
        <v>23</v>
      </c>
      <c r="AL16773">
        <v>23</v>
      </c>
      <c r="AM16773">
        <v>23</v>
      </c>
      <c r="AN16773">
        <v>23</v>
      </c>
      <c r="AO16773">
        <v>23</v>
      </c>
      <c r="AP16773">
        <v>23</v>
      </c>
      <c r="AQ16773">
        <v>23</v>
      </c>
    </row>
    <row r="16774" spans="1:43">
      <c r="A16774" t="s">
        <v>10412</v>
      </c>
      <c r="B16774" t="s">
        <v>10413</v>
      </c>
      <c r="C16774" t="s">
        <v>10414</v>
      </c>
      <c r="D16774" t="s">
        <v>10415</v>
      </c>
      <c r="E16774" t="s">
        <v>10212</v>
      </c>
      <c r="F16774" t="s">
        <v>10213</v>
      </c>
      <c r="G16774" t="s">
        <v>10214</v>
      </c>
      <c r="H16774" t="s">
        <v>10215</v>
      </c>
      <c r="I16774" s="2">
        <v>1</v>
      </c>
      <c r="J16774" s="2">
        <v>0</v>
      </c>
      <c r="K16774" s="2">
        <v>0</v>
      </c>
      <c r="L16774" t="s">
        <v>120</v>
      </c>
      <c r="M16774" t="s">
        <v>83</v>
      </c>
      <c r="N16774" t="s">
        <v>84</v>
      </c>
      <c r="O16774" t="s">
        <v>85</v>
      </c>
      <c r="P16774" t="s">
        <v>86</v>
      </c>
      <c r="Q16774">
        <v>16</v>
      </c>
      <c r="R16774">
        <v>16</v>
      </c>
      <c r="S16774">
        <v>17</v>
      </c>
      <c r="T16774">
        <v>17</v>
      </c>
      <c r="U16774">
        <v>17</v>
      </c>
      <c r="V16774">
        <v>17</v>
      </c>
      <c r="W16774">
        <v>18</v>
      </c>
      <c r="X16774">
        <v>18</v>
      </c>
      <c r="Y16774">
        <v>18</v>
      </c>
      <c r="Z16774">
        <v>18</v>
      </c>
      <c r="AA16774">
        <v>18</v>
      </c>
      <c r="AB16774">
        <v>19</v>
      </c>
      <c r="AC16774">
        <v>19</v>
      </c>
      <c r="AD16774">
        <v>19</v>
      </c>
      <c r="AE16774">
        <v>19</v>
      </c>
      <c r="AF16774">
        <v>19</v>
      </c>
      <c r="AG16774">
        <v>20</v>
      </c>
      <c r="AH16774">
        <v>20</v>
      </c>
      <c r="AI16774">
        <v>20</v>
      </c>
      <c r="AJ16774">
        <v>20</v>
      </c>
      <c r="AK16774">
        <v>20</v>
      </c>
      <c r="AL16774">
        <v>21</v>
      </c>
      <c r="AM16774">
        <v>21</v>
      </c>
      <c r="AN16774">
        <v>21</v>
      </c>
      <c r="AO16774">
        <v>21</v>
      </c>
      <c r="AP16774">
        <v>21</v>
      </c>
      <c r="AQ16774">
        <v>21</v>
      </c>
    </row>
    <row r="16775" spans="1:43">
      <c r="A16775" t="s">
        <v>10412</v>
      </c>
      <c r="B16775" t="s">
        <v>10413</v>
      </c>
      <c r="C16775" t="s">
        <v>10414</v>
      </c>
      <c r="D16775" t="s">
        <v>10415</v>
      </c>
      <c r="E16775" t="s">
        <v>10212</v>
      </c>
      <c r="F16775" t="s">
        <v>10213</v>
      </c>
      <c r="G16775" t="s">
        <v>10214</v>
      </c>
      <c r="H16775" t="s">
        <v>10215</v>
      </c>
      <c r="I16775" s="2">
        <v>1</v>
      </c>
      <c r="J16775" s="2">
        <v>0</v>
      </c>
      <c r="K16775" s="2">
        <v>0</v>
      </c>
      <c r="L16775" t="s">
        <v>120</v>
      </c>
      <c r="M16775" t="s">
        <v>87</v>
      </c>
      <c r="N16775" t="s">
        <v>88</v>
      </c>
      <c r="O16775" t="s">
        <v>85</v>
      </c>
      <c r="P16775" t="s">
        <v>86</v>
      </c>
      <c r="Q16775">
        <v>16</v>
      </c>
      <c r="R16775">
        <v>16</v>
      </c>
      <c r="S16775">
        <v>16</v>
      </c>
      <c r="T16775">
        <v>16</v>
      </c>
      <c r="U16775">
        <v>16</v>
      </c>
      <c r="V16775">
        <v>16</v>
      </c>
      <c r="W16775">
        <v>16</v>
      </c>
      <c r="X16775">
        <v>17</v>
      </c>
      <c r="Y16775">
        <v>17</v>
      </c>
      <c r="Z16775">
        <v>17</v>
      </c>
      <c r="AA16775">
        <v>17</v>
      </c>
      <c r="AB16775">
        <v>17</v>
      </c>
      <c r="AC16775">
        <v>17</v>
      </c>
      <c r="AD16775">
        <v>17</v>
      </c>
      <c r="AE16775">
        <v>17</v>
      </c>
      <c r="AF16775">
        <v>17</v>
      </c>
      <c r="AG16775">
        <v>17</v>
      </c>
      <c r="AH16775">
        <v>17</v>
      </c>
      <c r="AI16775">
        <v>17</v>
      </c>
      <c r="AJ16775">
        <v>17</v>
      </c>
      <c r="AK16775">
        <v>18</v>
      </c>
      <c r="AL16775">
        <v>18</v>
      </c>
      <c r="AM16775">
        <v>18</v>
      </c>
      <c r="AN16775">
        <v>18</v>
      </c>
      <c r="AO16775">
        <v>18</v>
      </c>
      <c r="AP16775">
        <v>18</v>
      </c>
      <c r="AQ16775">
        <v>18</v>
      </c>
    </row>
    <row r="16776" spans="1:43">
      <c r="A16776" t="s">
        <v>10412</v>
      </c>
      <c r="B16776" t="s">
        <v>10413</v>
      </c>
      <c r="C16776" t="s">
        <v>10414</v>
      </c>
      <c r="D16776" t="s">
        <v>10415</v>
      </c>
      <c r="E16776" t="s">
        <v>10212</v>
      </c>
      <c r="F16776" t="s">
        <v>10213</v>
      </c>
      <c r="G16776" t="s">
        <v>10214</v>
      </c>
      <c r="H16776" t="s">
        <v>10215</v>
      </c>
      <c r="I16776" s="2">
        <v>1</v>
      </c>
      <c r="J16776" s="2">
        <v>0</v>
      </c>
      <c r="K16776" s="2">
        <v>0</v>
      </c>
      <c r="L16776" t="s">
        <v>120</v>
      </c>
      <c r="M16776" t="s">
        <v>89</v>
      </c>
      <c r="N16776" t="s">
        <v>90</v>
      </c>
      <c r="O16776" t="s">
        <v>85</v>
      </c>
      <c r="P16776" t="s">
        <v>86</v>
      </c>
      <c r="Q16776">
        <v>16</v>
      </c>
      <c r="R16776">
        <v>17</v>
      </c>
      <c r="S16776">
        <v>17</v>
      </c>
      <c r="T16776">
        <v>17</v>
      </c>
      <c r="U16776">
        <v>18</v>
      </c>
      <c r="V16776">
        <v>18</v>
      </c>
      <c r="W16776">
        <v>18</v>
      </c>
      <c r="X16776">
        <v>19</v>
      </c>
      <c r="Y16776">
        <v>19</v>
      </c>
      <c r="Z16776">
        <v>19</v>
      </c>
      <c r="AA16776">
        <v>20</v>
      </c>
      <c r="AB16776">
        <v>20</v>
      </c>
      <c r="AC16776">
        <v>20</v>
      </c>
      <c r="AD16776">
        <v>20</v>
      </c>
      <c r="AE16776">
        <v>21</v>
      </c>
      <c r="AF16776">
        <v>21</v>
      </c>
      <c r="AG16776">
        <v>21</v>
      </c>
      <c r="AH16776">
        <v>21</v>
      </c>
      <c r="AI16776">
        <v>21</v>
      </c>
      <c r="AJ16776">
        <v>21</v>
      </c>
      <c r="AK16776">
        <v>21</v>
      </c>
      <c r="AL16776">
        <v>21</v>
      </c>
      <c r="AM16776">
        <v>21</v>
      </c>
      <c r="AN16776">
        <v>21</v>
      </c>
      <c r="AO16776">
        <v>21</v>
      </c>
      <c r="AP16776">
        <v>21</v>
      </c>
      <c r="AQ16776">
        <v>21</v>
      </c>
    </row>
    <row r="16777" spans="1:43">
      <c r="A16777" t="s">
        <v>10412</v>
      </c>
      <c r="B16777" t="s">
        <v>10413</v>
      </c>
      <c r="C16777" t="s">
        <v>10414</v>
      </c>
      <c r="D16777" t="s">
        <v>10415</v>
      </c>
      <c r="E16777" t="s">
        <v>10212</v>
      </c>
      <c r="F16777" t="s">
        <v>10213</v>
      </c>
      <c r="G16777" t="s">
        <v>10214</v>
      </c>
      <c r="H16777" t="s">
        <v>10215</v>
      </c>
      <c r="I16777" s="2">
        <v>1</v>
      </c>
      <c r="J16777" s="2">
        <v>0</v>
      </c>
      <c r="K16777" s="2">
        <v>0</v>
      </c>
      <c r="L16777" t="s">
        <v>120</v>
      </c>
      <c r="M16777" t="s">
        <v>83</v>
      </c>
      <c r="N16777" t="s">
        <v>91</v>
      </c>
      <c r="O16777" t="s">
        <v>85</v>
      </c>
      <c r="P16777" t="s">
        <v>86</v>
      </c>
      <c r="Q16777">
        <v>16</v>
      </c>
      <c r="R16777">
        <v>16</v>
      </c>
      <c r="S16777">
        <v>17</v>
      </c>
      <c r="T16777">
        <v>17</v>
      </c>
      <c r="U16777">
        <v>17</v>
      </c>
      <c r="V16777">
        <v>17</v>
      </c>
      <c r="W16777">
        <v>18</v>
      </c>
      <c r="X16777">
        <v>18</v>
      </c>
      <c r="Y16777">
        <v>18</v>
      </c>
      <c r="Z16777">
        <v>18</v>
      </c>
      <c r="AA16777">
        <v>18</v>
      </c>
      <c r="AB16777">
        <v>19</v>
      </c>
      <c r="AC16777">
        <v>19</v>
      </c>
      <c r="AD16777">
        <v>19</v>
      </c>
      <c r="AE16777">
        <v>19</v>
      </c>
      <c r="AF16777">
        <v>19</v>
      </c>
      <c r="AG16777">
        <v>20</v>
      </c>
      <c r="AH16777">
        <v>20</v>
      </c>
      <c r="AI16777">
        <v>20</v>
      </c>
      <c r="AJ16777">
        <v>20</v>
      </c>
      <c r="AK16777">
        <v>20</v>
      </c>
      <c r="AL16777">
        <v>21</v>
      </c>
      <c r="AM16777">
        <v>21</v>
      </c>
      <c r="AN16777">
        <v>21</v>
      </c>
      <c r="AO16777">
        <v>21</v>
      </c>
      <c r="AP16777">
        <v>21</v>
      </c>
      <c r="AQ16777">
        <v>21</v>
      </c>
    </row>
    <row r="16778" spans="1:43">
      <c r="A16778" t="s">
        <v>10416</v>
      </c>
      <c r="B16778" t="s">
        <v>10417</v>
      </c>
      <c r="C16778" t="s">
        <v>10310</v>
      </c>
      <c r="D16778" t="s">
        <v>10311</v>
      </c>
      <c r="E16778" t="s">
        <v>10212</v>
      </c>
      <c r="F16778" t="s">
        <v>10213</v>
      </c>
      <c r="G16778" t="s">
        <v>10214</v>
      </c>
      <c r="H16778" t="s">
        <v>10215</v>
      </c>
      <c r="I16778" s="2">
        <v>1</v>
      </c>
      <c r="J16778" s="2">
        <v>0</v>
      </c>
      <c r="K16778" s="2">
        <v>0</v>
      </c>
      <c r="L16778" t="s">
        <v>120</v>
      </c>
      <c r="M16778" t="s">
        <v>83</v>
      </c>
      <c r="N16778" t="s">
        <v>84</v>
      </c>
      <c r="O16778" t="s">
        <v>85</v>
      </c>
      <c r="P16778" t="s">
        <v>86</v>
      </c>
      <c r="Q16778">
        <v>11</v>
      </c>
      <c r="R16778">
        <v>12</v>
      </c>
      <c r="S16778">
        <v>12</v>
      </c>
      <c r="T16778">
        <v>12</v>
      </c>
      <c r="U16778">
        <v>12</v>
      </c>
      <c r="V16778">
        <v>12</v>
      </c>
      <c r="W16778">
        <v>12</v>
      </c>
      <c r="X16778">
        <v>13</v>
      </c>
      <c r="Y16778">
        <v>13</v>
      </c>
      <c r="Z16778">
        <v>13</v>
      </c>
      <c r="AA16778">
        <v>13</v>
      </c>
      <c r="AB16778">
        <v>13</v>
      </c>
      <c r="AC16778">
        <v>13</v>
      </c>
      <c r="AD16778">
        <v>14</v>
      </c>
      <c r="AE16778">
        <v>14</v>
      </c>
      <c r="AF16778">
        <v>14</v>
      </c>
      <c r="AG16778">
        <v>14</v>
      </c>
      <c r="AH16778">
        <v>14</v>
      </c>
      <c r="AI16778">
        <v>14</v>
      </c>
      <c r="AJ16778">
        <v>14</v>
      </c>
      <c r="AK16778">
        <v>15</v>
      </c>
      <c r="AL16778">
        <v>15</v>
      </c>
      <c r="AM16778">
        <v>15</v>
      </c>
      <c r="AN16778">
        <v>15</v>
      </c>
      <c r="AO16778">
        <v>15</v>
      </c>
      <c r="AP16778">
        <v>15</v>
      </c>
      <c r="AQ16778">
        <v>15</v>
      </c>
    </row>
    <row r="16779" spans="1:43">
      <c r="A16779" t="s">
        <v>10416</v>
      </c>
      <c r="B16779" t="s">
        <v>10417</v>
      </c>
      <c r="C16779" t="s">
        <v>10310</v>
      </c>
      <c r="D16779" t="s">
        <v>10311</v>
      </c>
      <c r="E16779" t="s">
        <v>10212</v>
      </c>
      <c r="F16779" t="s">
        <v>10213</v>
      </c>
      <c r="G16779" t="s">
        <v>10214</v>
      </c>
      <c r="H16779" t="s">
        <v>10215</v>
      </c>
      <c r="I16779" s="2">
        <v>1</v>
      </c>
      <c r="J16779" s="2">
        <v>0</v>
      </c>
      <c r="K16779" s="2">
        <v>0</v>
      </c>
      <c r="L16779" t="s">
        <v>120</v>
      </c>
      <c r="M16779" t="s">
        <v>87</v>
      </c>
      <c r="N16779" t="s">
        <v>88</v>
      </c>
      <c r="O16779" t="s">
        <v>85</v>
      </c>
      <c r="P16779" t="s">
        <v>86</v>
      </c>
      <c r="Q16779">
        <v>11</v>
      </c>
      <c r="R16779">
        <v>11</v>
      </c>
      <c r="S16779">
        <v>12</v>
      </c>
      <c r="T16779">
        <v>12</v>
      </c>
      <c r="U16779">
        <v>12</v>
      </c>
      <c r="V16779">
        <v>12</v>
      </c>
      <c r="W16779">
        <v>12</v>
      </c>
      <c r="X16779">
        <v>12</v>
      </c>
      <c r="Y16779">
        <v>12</v>
      </c>
      <c r="Z16779">
        <v>12</v>
      </c>
      <c r="AA16779">
        <v>12</v>
      </c>
      <c r="AB16779">
        <v>12</v>
      </c>
      <c r="AC16779">
        <v>12</v>
      </c>
      <c r="AD16779">
        <v>12</v>
      </c>
      <c r="AE16779">
        <v>12</v>
      </c>
      <c r="AF16779">
        <v>12</v>
      </c>
      <c r="AG16779">
        <v>12</v>
      </c>
      <c r="AH16779">
        <v>12</v>
      </c>
      <c r="AI16779">
        <v>12</v>
      </c>
      <c r="AJ16779">
        <v>12</v>
      </c>
      <c r="AK16779">
        <v>12</v>
      </c>
      <c r="AL16779">
        <v>13</v>
      </c>
      <c r="AM16779">
        <v>13</v>
      </c>
      <c r="AN16779">
        <v>13</v>
      </c>
      <c r="AO16779">
        <v>13</v>
      </c>
      <c r="AP16779">
        <v>13</v>
      </c>
      <c r="AQ16779">
        <v>13</v>
      </c>
    </row>
    <row r="16780" spans="1:43">
      <c r="A16780" t="s">
        <v>10416</v>
      </c>
      <c r="B16780" t="s">
        <v>10417</v>
      </c>
      <c r="C16780" t="s">
        <v>10310</v>
      </c>
      <c r="D16780" t="s">
        <v>10311</v>
      </c>
      <c r="E16780" t="s">
        <v>10212</v>
      </c>
      <c r="F16780" t="s">
        <v>10213</v>
      </c>
      <c r="G16780" t="s">
        <v>10214</v>
      </c>
      <c r="H16780" t="s">
        <v>10215</v>
      </c>
      <c r="I16780" s="2">
        <v>1</v>
      </c>
      <c r="J16780" s="2">
        <v>0</v>
      </c>
      <c r="K16780" s="2">
        <v>0</v>
      </c>
      <c r="L16780" t="s">
        <v>120</v>
      </c>
      <c r="M16780" t="s">
        <v>89</v>
      </c>
      <c r="N16780" t="s">
        <v>90</v>
      </c>
      <c r="O16780" t="s">
        <v>85</v>
      </c>
      <c r="P16780" t="s">
        <v>86</v>
      </c>
      <c r="Q16780">
        <v>11</v>
      </c>
      <c r="R16780">
        <v>11</v>
      </c>
      <c r="S16780">
        <v>11</v>
      </c>
      <c r="T16780">
        <v>11</v>
      </c>
      <c r="U16780">
        <v>12</v>
      </c>
      <c r="V16780">
        <v>12</v>
      </c>
      <c r="W16780">
        <v>12</v>
      </c>
      <c r="X16780">
        <v>12</v>
      </c>
      <c r="Y16780">
        <v>13</v>
      </c>
      <c r="Z16780">
        <v>13</v>
      </c>
      <c r="AA16780">
        <v>13</v>
      </c>
      <c r="AB16780">
        <v>13</v>
      </c>
      <c r="AC16780">
        <v>13</v>
      </c>
      <c r="AD16780">
        <v>14</v>
      </c>
      <c r="AE16780">
        <v>14</v>
      </c>
      <c r="AF16780">
        <v>14</v>
      </c>
      <c r="AG16780">
        <v>14</v>
      </c>
      <c r="AH16780">
        <v>14</v>
      </c>
      <c r="AI16780">
        <v>14</v>
      </c>
      <c r="AJ16780">
        <v>14</v>
      </c>
      <c r="AK16780">
        <v>14</v>
      </c>
      <c r="AL16780">
        <v>14</v>
      </c>
      <c r="AM16780">
        <v>14</v>
      </c>
      <c r="AN16780">
        <v>14</v>
      </c>
      <c r="AO16780">
        <v>14</v>
      </c>
      <c r="AP16780">
        <v>14</v>
      </c>
      <c r="AQ16780">
        <v>14</v>
      </c>
    </row>
    <row r="16781" spans="1:43">
      <c r="A16781" t="s">
        <v>10416</v>
      </c>
      <c r="B16781" t="s">
        <v>10417</v>
      </c>
      <c r="C16781" t="s">
        <v>10310</v>
      </c>
      <c r="D16781" t="s">
        <v>10311</v>
      </c>
      <c r="E16781" t="s">
        <v>10212</v>
      </c>
      <c r="F16781" t="s">
        <v>10213</v>
      </c>
      <c r="G16781" t="s">
        <v>10214</v>
      </c>
      <c r="H16781" t="s">
        <v>10215</v>
      </c>
      <c r="I16781" s="2">
        <v>1</v>
      </c>
      <c r="J16781" s="2">
        <v>0</v>
      </c>
      <c r="K16781" s="2">
        <v>0</v>
      </c>
      <c r="L16781" t="s">
        <v>120</v>
      </c>
      <c r="M16781" t="s">
        <v>83</v>
      </c>
      <c r="N16781" t="s">
        <v>91</v>
      </c>
      <c r="O16781" t="s">
        <v>85</v>
      </c>
      <c r="P16781" t="s">
        <v>86</v>
      </c>
      <c r="Q16781">
        <v>11</v>
      </c>
      <c r="R16781">
        <v>12</v>
      </c>
      <c r="S16781">
        <v>12</v>
      </c>
      <c r="T16781">
        <v>12</v>
      </c>
      <c r="U16781">
        <v>12</v>
      </c>
      <c r="V16781">
        <v>12</v>
      </c>
      <c r="W16781">
        <v>12</v>
      </c>
      <c r="X16781">
        <v>13</v>
      </c>
      <c r="Y16781">
        <v>13</v>
      </c>
      <c r="Z16781">
        <v>13</v>
      </c>
      <c r="AA16781">
        <v>13</v>
      </c>
      <c r="AB16781">
        <v>13</v>
      </c>
      <c r="AC16781">
        <v>13</v>
      </c>
      <c r="AD16781">
        <v>14</v>
      </c>
      <c r="AE16781">
        <v>14</v>
      </c>
      <c r="AF16781">
        <v>14</v>
      </c>
      <c r="AG16781">
        <v>14</v>
      </c>
      <c r="AH16781">
        <v>14</v>
      </c>
      <c r="AI16781">
        <v>14</v>
      </c>
      <c r="AJ16781">
        <v>14</v>
      </c>
      <c r="AK16781">
        <v>15</v>
      </c>
      <c r="AL16781">
        <v>15</v>
      </c>
      <c r="AM16781">
        <v>15</v>
      </c>
      <c r="AN16781">
        <v>15</v>
      </c>
      <c r="AO16781">
        <v>15</v>
      </c>
      <c r="AP16781">
        <v>15</v>
      </c>
      <c r="AQ16781">
        <v>15</v>
      </c>
    </row>
    <row r="16782" spans="1:43">
      <c r="A16782" t="s">
        <v>10418</v>
      </c>
      <c r="B16782" t="s">
        <v>10419</v>
      </c>
      <c r="C16782" t="s">
        <v>10414</v>
      </c>
      <c r="D16782" t="s">
        <v>10415</v>
      </c>
      <c r="E16782" t="s">
        <v>10212</v>
      </c>
      <c r="F16782" t="s">
        <v>10213</v>
      </c>
      <c r="G16782" t="s">
        <v>10214</v>
      </c>
      <c r="H16782" t="s">
        <v>10215</v>
      </c>
      <c r="I16782" s="2">
        <v>1</v>
      </c>
      <c r="J16782" s="2">
        <v>0</v>
      </c>
      <c r="K16782" s="2">
        <v>0</v>
      </c>
      <c r="L16782" t="s">
        <v>120</v>
      </c>
      <c r="M16782" t="s">
        <v>83</v>
      </c>
      <c r="N16782" t="s">
        <v>84</v>
      </c>
      <c r="O16782" t="s">
        <v>85</v>
      </c>
      <c r="P16782" t="s">
        <v>86</v>
      </c>
      <c r="Q16782">
        <v>23</v>
      </c>
      <c r="R16782">
        <v>23</v>
      </c>
      <c r="S16782">
        <v>23</v>
      </c>
      <c r="T16782">
        <v>24</v>
      </c>
      <c r="U16782">
        <v>24</v>
      </c>
      <c r="V16782">
        <v>24</v>
      </c>
      <c r="W16782">
        <v>25</v>
      </c>
      <c r="X16782">
        <v>25</v>
      </c>
      <c r="Y16782">
        <v>25</v>
      </c>
      <c r="Z16782">
        <v>25</v>
      </c>
      <c r="AA16782">
        <v>26</v>
      </c>
      <c r="AB16782">
        <v>26</v>
      </c>
      <c r="AC16782">
        <v>26</v>
      </c>
      <c r="AD16782">
        <v>27</v>
      </c>
      <c r="AE16782">
        <v>27</v>
      </c>
      <c r="AF16782">
        <v>27</v>
      </c>
      <c r="AG16782">
        <v>27</v>
      </c>
      <c r="AH16782">
        <v>28</v>
      </c>
      <c r="AI16782">
        <v>28</v>
      </c>
      <c r="AJ16782">
        <v>28</v>
      </c>
      <c r="AK16782">
        <v>29</v>
      </c>
      <c r="AL16782">
        <v>29</v>
      </c>
      <c r="AM16782">
        <v>29</v>
      </c>
      <c r="AN16782">
        <v>29</v>
      </c>
      <c r="AO16782">
        <v>29</v>
      </c>
      <c r="AP16782">
        <v>29</v>
      </c>
      <c r="AQ16782">
        <v>29</v>
      </c>
    </row>
    <row r="16783" spans="1:43">
      <c r="A16783" t="s">
        <v>10418</v>
      </c>
      <c r="B16783" t="s">
        <v>10419</v>
      </c>
      <c r="C16783" t="s">
        <v>10414</v>
      </c>
      <c r="D16783" t="s">
        <v>10415</v>
      </c>
      <c r="E16783" t="s">
        <v>10212</v>
      </c>
      <c r="F16783" t="s">
        <v>10213</v>
      </c>
      <c r="G16783" t="s">
        <v>10214</v>
      </c>
      <c r="H16783" t="s">
        <v>10215</v>
      </c>
      <c r="I16783" s="2">
        <v>1</v>
      </c>
      <c r="J16783" s="2">
        <v>0</v>
      </c>
      <c r="K16783" s="2">
        <v>0</v>
      </c>
      <c r="L16783" t="s">
        <v>120</v>
      </c>
      <c r="M16783" t="s">
        <v>87</v>
      </c>
      <c r="N16783" t="s">
        <v>88</v>
      </c>
      <c r="O16783" t="s">
        <v>85</v>
      </c>
      <c r="P16783" t="s">
        <v>86</v>
      </c>
      <c r="Q16783">
        <v>23</v>
      </c>
      <c r="R16783">
        <v>23</v>
      </c>
      <c r="S16783">
        <v>24</v>
      </c>
      <c r="T16783">
        <v>24</v>
      </c>
      <c r="U16783">
        <v>24</v>
      </c>
      <c r="V16783">
        <v>24</v>
      </c>
      <c r="W16783">
        <v>24</v>
      </c>
      <c r="X16783">
        <v>24</v>
      </c>
      <c r="Y16783">
        <v>24</v>
      </c>
      <c r="Z16783">
        <v>24</v>
      </c>
      <c r="AA16783">
        <v>25</v>
      </c>
      <c r="AB16783">
        <v>25</v>
      </c>
      <c r="AC16783">
        <v>25</v>
      </c>
      <c r="AD16783">
        <v>25</v>
      </c>
      <c r="AE16783">
        <v>25</v>
      </c>
      <c r="AF16783">
        <v>25</v>
      </c>
      <c r="AG16783">
        <v>25</v>
      </c>
      <c r="AH16783">
        <v>25</v>
      </c>
      <c r="AI16783">
        <v>25</v>
      </c>
      <c r="AJ16783">
        <v>25</v>
      </c>
      <c r="AK16783">
        <v>26</v>
      </c>
      <c r="AL16783">
        <v>26</v>
      </c>
      <c r="AM16783">
        <v>26</v>
      </c>
      <c r="AN16783">
        <v>26</v>
      </c>
      <c r="AO16783">
        <v>26</v>
      </c>
      <c r="AP16783">
        <v>26</v>
      </c>
      <c r="AQ16783">
        <v>26</v>
      </c>
    </row>
    <row r="16784" spans="1:43">
      <c r="A16784" t="s">
        <v>10418</v>
      </c>
      <c r="B16784" t="s">
        <v>10419</v>
      </c>
      <c r="C16784" t="s">
        <v>10414</v>
      </c>
      <c r="D16784" t="s">
        <v>10415</v>
      </c>
      <c r="E16784" t="s">
        <v>10212</v>
      </c>
      <c r="F16784" t="s">
        <v>10213</v>
      </c>
      <c r="G16784" t="s">
        <v>10214</v>
      </c>
      <c r="H16784" t="s">
        <v>10215</v>
      </c>
      <c r="I16784" s="2">
        <v>1</v>
      </c>
      <c r="J16784" s="2">
        <v>0</v>
      </c>
      <c r="K16784" s="2">
        <v>0</v>
      </c>
      <c r="L16784" t="s">
        <v>120</v>
      </c>
      <c r="M16784" t="s">
        <v>89</v>
      </c>
      <c r="N16784" t="s">
        <v>90</v>
      </c>
      <c r="O16784" t="s">
        <v>85</v>
      </c>
      <c r="P16784" t="s">
        <v>86</v>
      </c>
      <c r="Q16784">
        <v>23</v>
      </c>
      <c r="R16784">
        <v>23</v>
      </c>
      <c r="S16784">
        <v>24</v>
      </c>
      <c r="T16784">
        <v>24</v>
      </c>
      <c r="U16784">
        <v>25</v>
      </c>
      <c r="V16784">
        <v>25</v>
      </c>
      <c r="W16784">
        <v>26</v>
      </c>
      <c r="X16784">
        <v>26</v>
      </c>
      <c r="Y16784">
        <v>27</v>
      </c>
      <c r="Z16784">
        <v>27</v>
      </c>
      <c r="AA16784">
        <v>27</v>
      </c>
      <c r="AB16784">
        <v>28</v>
      </c>
      <c r="AC16784">
        <v>28</v>
      </c>
      <c r="AD16784">
        <v>29</v>
      </c>
      <c r="AE16784">
        <v>29</v>
      </c>
      <c r="AF16784">
        <v>29</v>
      </c>
      <c r="AG16784">
        <v>29</v>
      </c>
      <c r="AH16784">
        <v>29</v>
      </c>
      <c r="AI16784">
        <v>29</v>
      </c>
      <c r="AJ16784">
        <v>29</v>
      </c>
      <c r="AK16784">
        <v>29</v>
      </c>
      <c r="AL16784">
        <v>29</v>
      </c>
      <c r="AM16784">
        <v>29</v>
      </c>
      <c r="AN16784">
        <v>29</v>
      </c>
      <c r="AO16784">
        <v>29</v>
      </c>
      <c r="AP16784">
        <v>29</v>
      </c>
      <c r="AQ16784">
        <v>29</v>
      </c>
    </row>
    <row r="16785" spans="1:43">
      <c r="A16785" t="s">
        <v>10418</v>
      </c>
      <c r="B16785" t="s">
        <v>10419</v>
      </c>
      <c r="C16785" t="s">
        <v>10414</v>
      </c>
      <c r="D16785" t="s">
        <v>10415</v>
      </c>
      <c r="E16785" t="s">
        <v>10212</v>
      </c>
      <c r="F16785" t="s">
        <v>10213</v>
      </c>
      <c r="G16785" t="s">
        <v>10214</v>
      </c>
      <c r="H16785" t="s">
        <v>10215</v>
      </c>
      <c r="I16785" s="2">
        <v>1</v>
      </c>
      <c r="J16785" s="2">
        <v>0</v>
      </c>
      <c r="K16785" s="2">
        <v>0</v>
      </c>
      <c r="L16785" t="s">
        <v>120</v>
      </c>
      <c r="M16785" t="s">
        <v>83</v>
      </c>
      <c r="N16785" t="s">
        <v>91</v>
      </c>
      <c r="O16785" t="s">
        <v>85</v>
      </c>
      <c r="P16785" t="s">
        <v>86</v>
      </c>
      <c r="Q16785">
        <v>23</v>
      </c>
      <c r="R16785">
        <v>23</v>
      </c>
      <c r="S16785">
        <v>23</v>
      </c>
      <c r="T16785">
        <v>24</v>
      </c>
      <c r="U16785">
        <v>24</v>
      </c>
      <c r="V16785">
        <v>24</v>
      </c>
      <c r="W16785">
        <v>25</v>
      </c>
      <c r="X16785">
        <v>25</v>
      </c>
      <c r="Y16785">
        <v>25</v>
      </c>
      <c r="Z16785">
        <v>25</v>
      </c>
      <c r="AA16785">
        <v>26</v>
      </c>
      <c r="AB16785">
        <v>26</v>
      </c>
      <c r="AC16785">
        <v>26</v>
      </c>
      <c r="AD16785">
        <v>27</v>
      </c>
      <c r="AE16785">
        <v>27</v>
      </c>
      <c r="AF16785">
        <v>27</v>
      </c>
      <c r="AG16785">
        <v>27</v>
      </c>
      <c r="AH16785">
        <v>28</v>
      </c>
      <c r="AI16785">
        <v>28</v>
      </c>
      <c r="AJ16785">
        <v>28</v>
      </c>
      <c r="AK16785">
        <v>29</v>
      </c>
      <c r="AL16785">
        <v>29</v>
      </c>
      <c r="AM16785">
        <v>29</v>
      </c>
      <c r="AN16785">
        <v>29</v>
      </c>
      <c r="AO16785">
        <v>29</v>
      </c>
      <c r="AP16785">
        <v>29</v>
      </c>
      <c r="AQ16785">
        <v>29</v>
      </c>
    </row>
    <row r="16786" spans="1:43">
      <c r="A16786" t="s">
        <v>10420</v>
      </c>
      <c r="B16786" t="s">
        <v>10421</v>
      </c>
      <c r="C16786" t="s">
        <v>10414</v>
      </c>
      <c r="D16786" t="s">
        <v>10415</v>
      </c>
      <c r="E16786" t="s">
        <v>10212</v>
      </c>
      <c r="F16786" t="s">
        <v>10213</v>
      </c>
      <c r="G16786" t="s">
        <v>10214</v>
      </c>
      <c r="H16786" t="s">
        <v>10215</v>
      </c>
      <c r="I16786" s="2">
        <v>0.88</v>
      </c>
      <c r="J16786" s="2">
        <v>0</v>
      </c>
      <c r="K16786" s="2">
        <v>0</v>
      </c>
      <c r="L16786" t="s">
        <v>120</v>
      </c>
      <c r="M16786" t="s">
        <v>83</v>
      </c>
      <c r="N16786" t="s">
        <v>84</v>
      </c>
      <c r="O16786" t="s">
        <v>85</v>
      </c>
      <c r="P16786" t="s">
        <v>86</v>
      </c>
      <c r="Q16786">
        <v>9</v>
      </c>
      <c r="R16786">
        <v>9</v>
      </c>
      <c r="S16786">
        <v>9</v>
      </c>
      <c r="T16786">
        <v>9</v>
      </c>
      <c r="U16786">
        <v>9</v>
      </c>
      <c r="V16786">
        <v>9</v>
      </c>
      <c r="W16786">
        <v>10</v>
      </c>
      <c r="X16786">
        <v>10</v>
      </c>
      <c r="Y16786">
        <v>10</v>
      </c>
      <c r="Z16786">
        <v>10</v>
      </c>
      <c r="AA16786">
        <v>10</v>
      </c>
      <c r="AB16786">
        <v>10</v>
      </c>
      <c r="AC16786">
        <v>10</v>
      </c>
      <c r="AD16786">
        <v>10</v>
      </c>
      <c r="AE16786">
        <v>11</v>
      </c>
      <c r="AF16786">
        <v>11</v>
      </c>
      <c r="AG16786">
        <v>11</v>
      </c>
      <c r="AH16786">
        <v>11</v>
      </c>
      <c r="AI16786">
        <v>11</v>
      </c>
      <c r="AJ16786">
        <v>11</v>
      </c>
      <c r="AK16786">
        <v>11</v>
      </c>
      <c r="AL16786">
        <v>11</v>
      </c>
      <c r="AM16786">
        <v>11</v>
      </c>
      <c r="AN16786">
        <v>11</v>
      </c>
      <c r="AO16786">
        <v>11</v>
      </c>
      <c r="AP16786">
        <v>11</v>
      </c>
      <c r="AQ16786">
        <v>11</v>
      </c>
    </row>
    <row r="16787" spans="1:43">
      <c r="A16787" t="s">
        <v>10420</v>
      </c>
      <c r="B16787" t="s">
        <v>10421</v>
      </c>
      <c r="C16787" t="s">
        <v>10414</v>
      </c>
      <c r="D16787" t="s">
        <v>10415</v>
      </c>
      <c r="E16787" t="s">
        <v>10212</v>
      </c>
      <c r="F16787" t="s">
        <v>10213</v>
      </c>
      <c r="G16787" t="s">
        <v>10214</v>
      </c>
      <c r="H16787" t="s">
        <v>10215</v>
      </c>
      <c r="I16787" s="2">
        <v>0.88</v>
      </c>
      <c r="J16787" s="2">
        <v>0</v>
      </c>
      <c r="K16787" s="2">
        <v>0</v>
      </c>
      <c r="L16787" t="s">
        <v>120</v>
      </c>
      <c r="M16787" t="s">
        <v>87</v>
      </c>
      <c r="N16787" t="s">
        <v>88</v>
      </c>
      <c r="O16787" t="s">
        <v>85</v>
      </c>
      <c r="P16787" t="s">
        <v>86</v>
      </c>
      <c r="Q16787">
        <v>9</v>
      </c>
      <c r="R16787">
        <v>9</v>
      </c>
      <c r="S16787">
        <v>9</v>
      </c>
      <c r="T16787">
        <v>9</v>
      </c>
      <c r="U16787">
        <v>9</v>
      </c>
      <c r="V16787">
        <v>9</v>
      </c>
      <c r="W16787">
        <v>9</v>
      </c>
      <c r="X16787">
        <v>9</v>
      </c>
      <c r="Y16787">
        <v>9</v>
      </c>
      <c r="Z16787">
        <v>9</v>
      </c>
      <c r="AA16787">
        <v>9</v>
      </c>
      <c r="AB16787">
        <v>9</v>
      </c>
      <c r="AC16787">
        <v>9</v>
      </c>
      <c r="AD16787">
        <v>9</v>
      </c>
      <c r="AE16787">
        <v>9</v>
      </c>
      <c r="AF16787">
        <v>9</v>
      </c>
      <c r="AG16787">
        <v>9</v>
      </c>
      <c r="AH16787">
        <v>9</v>
      </c>
      <c r="AI16787">
        <v>10</v>
      </c>
      <c r="AJ16787">
        <v>10</v>
      </c>
      <c r="AK16787">
        <v>10</v>
      </c>
      <c r="AL16787">
        <v>10</v>
      </c>
      <c r="AM16787">
        <v>10</v>
      </c>
      <c r="AN16787">
        <v>10</v>
      </c>
      <c r="AO16787">
        <v>10</v>
      </c>
      <c r="AP16787">
        <v>10</v>
      </c>
      <c r="AQ16787">
        <v>10</v>
      </c>
    </row>
    <row r="16788" spans="1:43">
      <c r="A16788" t="s">
        <v>10420</v>
      </c>
      <c r="B16788" t="s">
        <v>10421</v>
      </c>
      <c r="C16788" t="s">
        <v>10414</v>
      </c>
      <c r="D16788" t="s">
        <v>10415</v>
      </c>
      <c r="E16788" t="s">
        <v>10212</v>
      </c>
      <c r="F16788" t="s">
        <v>10213</v>
      </c>
      <c r="G16788" t="s">
        <v>10214</v>
      </c>
      <c r="H16788" t="s">
        <v>10215</v>
      </c>
      <c r="I16788" s="2">
        <v>0.88</v>
      </c>
      <c r="J16788" s="2">
        <v>0</v>
      </c>
      <c r="K16788" s="2">
        <v>0</v>
      </c>
      <c r="L16788" t="s">
        <v>120</v>
      </c>
      <c r="M16788" t="s">
        <v>89</v>
      </c>
      <c r="N16788" t="s">
        <v>90</v>
      </c>
      <c r="O16788" t="s">
        <v>85</v>
      </c>
      <c r="P16788" t="s">
        <v>86</v>
      </c>
      <c r="Q16788">
        <v>9</v>
      </c>
      <c r="R16788">
        <v>9</v>
      </c>
      <c r="S16788">
        <v>9</v>
      </c>
      <c r="T16788">
        <v>10</v>
      </c>
      <c r="U16788">
        <v>10</v>
      </c>
      <c r="V16788">
        <v>10</v>
      </c>
      <c r="W16788">
        <v>10</v>
      </c>
      <c r="X16788">
        <v>10</v>
      </c>
      <c r="Y16788">
        <v>10</v>
      </c>
      <c r="Z16788">
        <v>11</v>
      </c>
      <c r="AA16788">
        <v>11</v>
      </c>
      <c r="AB16788">
        <v>11</v>
      </c>
      <c r="AC16788">
        <v>11</v>
      </c>
      <c r="AD16788">
        <v>11</v>
      </c>
      <c r="AE16788">
        <v>11</v>
      </c>
      <c r="AF16788">
        <v>11</v>
      </c>
      <c r="AG16788">
        <v>11</v>
      </c>
      <c r="AH16788">
        <v>11</v>
      </c>
      <c r="AI16788">
        <v>11</v>
      </c>
      <c r="AJ16788">
        <v>11</v>
      </c>
      <c r="AK16788">
        <v>11</v>
      </c>
      <c r="AL16788">
        <v>11</v>
      </c>
      <c r="AM16788">
        <v>11</v>
      </c>
      <c r="AN16788">
        <v>11</v>
      </c>
      <c r="AO16788">
        <v>11</v>
      </c>
      <c r="AP16788">
        <v>11</v>
      </c>
      <c r="AQ16788">
        <v>11</v>
      </c>
    </row>
    <row r="16789" spans="1:43">
      <c r="A16789" t="s">
        <v>10420</v>
      </c>
      <c r="B16789" t="s">
        <v>10421</v>
      </c>
      <c r="C16789" t="s">
        <v>10414</v>
      </c>
      <c r="D16789" t="s">
        <v>10415</v>
      </c>
      <c r="E16789" t="s">
        <v>10212</v>
      </c>
      <c r="F16789" t="s">
        <v>10213</v>
      </c>
      <c r="G16789" t="s">
        <v>10214</v>
      </c>
      <c r="H16789" t="s">
        <v>10215</v>
      </c>
      <c r="I16789" s="2">
        <v>0.88</v>
      </c>
      <c r="J16789" s="2">
        <v>0</v>
      </c>
      <c r="K16789" s="2">
        <v>0</v>
      </c>
      <c r="L16789" t="s">
        <v>120</v>
      </c>
      <c r="M16789" t="s">
        <v>83</v>
      </c>
      <c r="N16789" t="s">
        <v>91</v>
      </c>
      <c r="O16789" t="s">
        <v>85</v>
      </c>
      <c r="P16789" t="s">
        <v>86</v>
      </c>
      <c r="Q16789">
        <v>9</v>
      </c>
      <c r="R16789">
        <v>9</v>
      </c>
      <c r="S16789">
        <v>9</v>
      </c>
      <c r="T16789">
        <v>9</v>
      </c>
      <c r="U16789">
        <v>9</v>
      </c>
      <c r="V16789">
        <v>9</v>
      </c>
      <c r="W16789">
        <v>10</v>
      </c>
      <c r="X16789">
        <v>10</v>
      </c>
      <c r="Y16789">
        <v>10</v>
      </c>
      <c r="Z16789">
        <v>10</v>
      </c>
      <c r="AA16789">
        <v>10</v>
      </c>
      <c r="AB16789">
        <v>10</v>
      </c>
      <c r="AC16789">
        <v>10</v>
      </c>
      <c r="AD16789">
        <v>10</v>
      </c>
      <c r="AE16789">
        <v>11</v>
      </c>
      <c r="AF16789">
        <v>11</v>
      </c>
      <c r="AG16789">
        <v>11</v>
      </c>
      <c r="AH16789">
        <v>11</v>
      </c>
      <c r="AI16789">
        <v>11</v>
      </c>
      <c r="AJ16789">
        <v>11</v>
      </c>
      <c r="AK16789">
        <v>11</v>
      </c>
      <c r="AL16789">
        <v>11</v>
      </c>
      <c r="AM16789">
        <v>11</v>
      </c>
      <c r="AN16789">
        <v>11</v>
      </c>
      <c r="AO16789">
        <v>11</v>
      </c>
      <c r="AP16789">
        <v>11</v>
      </c>
      <c r="AQ16789">
        <v>11</v>
      </c>
    </row>
    <row r="16790" spans="1:43">
      <c r="A16790" t="s">
        <v>10422</v>
      </c>
      <c r="B16790" t="s">
        <v>10423</v>
      </c>
      <c r="C16790" t="s">
        <v>10414</v>
      </c>
      <c r="D16790" t="s">
        <v>10415</v>
      </c>
      <c r="E16790" t="s">
        <v>10212</v>
      </c>
      <c r="F16790" t="s">
        <v>10213</v>
      </c>
      <c r="G16790" t="s">
        <v>10214</v>
      </c>
      <c r="H16790" t="s">
        <v>10215</v>
      </c>
      <c r="I16790" s="2">
        <v>0.98</v>
      </c>
      <c r="J16790" s="2">
        <v>0</v>
      </c>
      <c r="K16790" s="2">
        <v>0</v>
      </c>
      <c r="L16790" t="s">
        <v>120</v>
      </c>
      <c r="M16790" t="s">
        <v>83</v>
      </c>
      <c r="N16790" t="s">
        <v>84</v>
      </c>
      <c r="O16790" t="s">
        <v>85</v>
      </c>
      <c r="P16790" t="s">
        <v>86</v>
      </c>
      <c r="Q16790">
        <v>11</v>
      </c>
      <c r="R16790">
        <v>11</v>
      </c>
      <c r="S16790">
        <v>11</v>
      </c>
      <c r="T16790">
        <v>11</v>
      </c>
      <c r="U16790">
        <v>11</v>
      </c>
      <c r="V16790">
        <v>11</v>
      </c>
      <c r="W16790">
        <v>12</v>
      </c>
      <c r="X16790">
        <v>12</v>
      </c>
      <c r="Y16790">
        <v>12</v>
      </c>
      <c r="Z16790">
        <v>12</v>
      </c>
      <c r="AA16790">
        <v>12</v>
      </c>
      <c r="AB16790">
        <v>12</v>
      </c>
      <c r="AC16790">
        <v>12</v>
      </c>
      <c r="AD16790">
        <v>13</v>
      </c>
      <c r="AE16790">
        <v>13</v>
      </c>
      <c r="AF16790">
        <v>13</v>
      </c>
      <c r="AG16790">
        <v>13</v>
      </c>
      <c r="AH16790">
        <v>13</v>
      </c>
      <c r="AI16790">
        <v>13</v>
      </c>
      <c r="AJ16790">
        <v>13</v>
      </c>
      <c r="AK16790">
        <v>13</v>
      </c>
      <c r="AL16790">
        <v>13</v>
      </c>
      <c r="AM16790">
        <v>13</v>
      </c>
      <c r="AN16790">
        <v>14</v>
      </c>
      <c r="AO16790">
        <v>14</v>
      </c>
      <c r="AP16790">
        <v>14</v>
      </c>
      <c r="AQ16790">
        <v>14</v>
      </c>
    </row>
    <row r="16791" spans="1:43">
      <c r="A16791" t="s">
        <v>10422</v>
      </c>
      <c r="B16791" t="s">
        <v>10423</v>
      </c>
      <c r="C16791" t="s">
        <v>10414</v>
      </c>
      <c r="D16791" t="s">
        <v>10415</v>
      </c>
      <c r="E16791" t="s">
        <v>10212</v>
      </c>
      <c r="F16791" t="s">
        <v>10213</v>
      </c>
      <c r="G16791" t="s">
        <v>10214</v>
      </c>
      <c r="H16791" t="s">
        <v>10215</v>
      </c>
      <c r="I16791" s="2">
        <v>0.98</v>
      </c>
      <c r="J16791" s="2">
        <v>0</v>
      </c>
      <c r="K16791" s="2">
        <v>0</v>
      </c>
      <c r="L16791" t="s">
        <v>120</v>
      </c>
      <c r="M16791" t="s">
        <v>87</v>
      </c>
      <c r="N16791" t="s">
        <v>88</v>
      </c>
      <c r="O16791" t="s">
        <v>85</v>
      </c>
      <c r="P16791" t="s">
        <v>86</v>
      </c>
      <c r="Q16791">
        <v>11</v>
      </c>
      <c r="R16791">
        <v>11</v>
      </c>
      <c r="S16791">
        <v>11</v>
      </c>
      <c r="T16791">
        <v>11</v>
      </c>
      <c r="U16791">
        <v>11</v>
      </c>
      <c r="V16791">
        <v>11</v>
      </c>
      <c r="W16791">
        <v>11</v>
      </c>
      <c r="X16791">
        <v>11</v>
      </c>
      <c r="Y16791">
        <v>11</v>
      </c>
      <c r="Z16791">
        <v>11</v>
      </c>
      <c r="AA16791">
        <v>11</v>
      </c>
      <c r="AB16791">
        <v>11</v>
      </c>
      <c r="AC16791">
        <v>11</v>
      </c>
      <c r="AD16791">
        <v>11</v>
      </c>
      <c r="AE16791">
        <v>11</v>
      </c>
      <c r="AF16791">
        <v>11</v>
      </c>
      <c r="AG16791">
        <v>11</v>
      </c>
      <c r="AH16791">
        <v>11</v>
      </c>
      <c r="AI16791">
        <v>11</v>
      </c>
      <c r="AJ16791">
        <v>11</v>
      </c>
      <c r="AK16791">
        <v>12</v>
      </c>
      <c r="AL16791">
        <v>12</v>
      </c>
      <c r="AM16791">
        <v>12</v>
      </c>
      <c r="AN16791">
        <v>12</v>
      </c>
      <c r="AO16791">
        <v>12</v>
      </c>
      <c r="AP16791">
        <v>12</v>
      </c>
      <c r="AQ16791">
        <v>12</v>
      </c>
    </row>
    <row r="16792" spans="1:43">
      <c r="A16792" t="s">
        <v>10422</v>
      </c>
      <c r="B16792" t="s">
        <v>10423</v>
      </c>
      <c r="C16792" t="s">
        <v>10414</v>
      </c>
      <c r="D16792" t="s">
        <v>10415</v>
      </c>
      <c r="E16792" t="s">
        <v>10212</v>
      </c>
      <c r="F16792" t="s">
        <v>10213</v>
      </c>
      <c r="G16792" t="s">
        <v>10214</v>
      </c>
      <c r="H16792" t="s">
        <v>10215</v>
      </c>
      <c r="I16792" s="2">
        <v>0.98</v>
      </c>
      <c r="J16792" s="2">
        <v>0</v>
      </c>
      <c r="K16792" s="2">
        <v>0</v>
      </c>
      <c r="L16792" t="s">
        <v>120</v>
      </c>
      <c r="M16792" t="s">
        <v>89</v>
      </c>
      <c r="N16792" t="s">
        <v>90</v>
      </c>
      <c r="O16792" t="s">
        <v>85</v>
      </c>
      <c r="P16792" t="s">
        <v>86</v>
      </c>
      <c r="Q16792">
        <v>11</v>
      </c>
      <c r="R16792">
        <v>11</v>
      </c>
      <c r="S16792">
        <v>11</v>
      </c>
      <c r="T16792">
        <v>11</v>
      </c>
      <c r="U16792">
        <v>12</v>
      </c>
      <c r="V16792">
        <v>12</v>
      </c>
      <c r="W16792">
        <v>12</v>
      </c>
      <c r="X16792">
        <v>12</v>
      </c>
      <c r="Y16792">
        <v>12</v>
      </c>
      <c r="Z16792">
        <v>13</v>
      </c>
      <c r="AA16792">
        <v>13</v>
      </c>
      <c r="AB16792">
        <v>13</v>
      </c>
      <c r="AC16792">
        <v>13</v>
      </c>
      <c r="AD16792">
        <v>13</v>
      </c>
      <c r="AE16792">
        <v>14</v>
      </c>
      <c r="AF16792">
        <v>14</v>
      </c>
      <c r="AG16792">
        <v>14</v>
      </c>
      <c r="AH16792">
        <v>14</v>
      </c>
      <c r="AI16792">
        <v>14</v>
      </c>
      <c r="AJ16792">
        <v>14</v>
      </c>
      <c r="AK16792">
        <v>14</v>
      </c>
      <c r="AL16792">
        <v>14</v>
      </c>
      <c r="AM16792">
        <v>14</v>
      </c>
      <c r="AN16792">
        <v>14</v>
      </c>
      <c r="AO16792">
        <v>14</v>
      </c>
      <c r="AP16792">
        <v>14</v>
      </c>
      <c r="AQ16792">
        <v>14</v>
      </c>
    </row>
    <row r="16793" spans="1:43">
      <c r="A16793" t="s">
        <v>10422</v>
      </c>
      <c r="B16793" t="s">
        <v>10423</v>
      </c>
      <c r="C16793" t="s">
        <v>10414</v>
      </c>
      <c r="D16793" t="s">
        <v>10415</v>
      </c>
      <c r="E16793" t="s">
        <v>10212</v>
      </c>
      <c r="F16793" t="s">
        <v>10213</v>
      </c>
      <c r="G16793" t="s">
        <v>10214</v>
      </c>
      <c r="H16793" t="s">
        <v>10215</v>
      </c>
      <c r="I16793" s="2">
        <v>0.98</v>
      </c>
      <c r="J16793" s="2">
        <v>0</v>
      </c>
      <c r="K16793" s="2">
        <v>0</v>
      </c>
      <c r="L16793" t="s">
        <v>120</v>
      </c>
      <c r="M16793" t="s">
        <v>83</v>
      </c>
      <c r="N16793" t="s">
        <v>91</v>
      </c>
      <c r="O16793" t="s">
        <v>85</v>
      </c>
      <c r="P16793" t="s">
        <v>86</v>
      </c>
      <c r="Q16793">
        <v>11</v>
      </c>
      <c r="R16793">
        <v>11</v>
      </c>
      <c r="S16793">
        <v>11</v>
      </c>
      <c r="T16793">
        <v>11</v>
      </c>
      <c r="U16793">
        <v>11</v>
      </c>
      <c r="V16793">
        <v>11</v>
      </c>
      <c r="W16793">
        <v>12</v>
      </c>
      <c r="X16793">
        <v>12</v>
      </c>
      <c r="Y16793">
        <v>12</v>
      </c>
      <c r="Z16793">
        <v>12</v>
      </c>
      <c r="AA16793">
        <v>12</v>
      </c>
      <c r="AB16793">
        <v>12</v>
      </c>
      <c r="AC16793">
        <v>12</v>
      </c>
      <c r="AD16793">
        <v>13</v>
      </c>
      <c r="AE16793">
        <v>13</v>
      </c>
      <c r="AF16793">
        <v>13</v>
      </c>
      <c r="AG16793">
        <v>13</v>
      </c>
      <c r="AH16793">
        <v>13</v>
      </c>
      <c r="AI16793">
        <v>13</v>
      </c>
      <c r="AJ16793">
        <v>13</v>
      </c>
      <c r="AK16793">
        <v>13</v>
      </c>
      <c r="AL16793">
        <v>13</v>
      </c>
      <c r="AM16793">
        <v>13</v>
      </c>
      <c r="AN16793">
        <v>14</v>
      </c>
      <c r="AO16793">
        <v>14</v>
      </c>
      <c r="AP16793">
        <v>14</v>
      </c>
      <c r="AQ16793">
        <v>14</v>
      </c>
    </row>
    <row r="16794" spans="1:43">
      <c r="A16794" t="s">
        <v>10424</v>
      </c>
      <c r="B16794" t="s">
        <v>10425</v>
      </c>
      <c r="C16794" t="s">
        <v>10404</v>
      </c>
      <c r="D16794" t="s">
        <v>10405</v>
      </c>
      <c r="E16794" t="s">
        <v>10212</v>
      </c>
      <c r="F16794" t="s">
        <v>10213</v>
      </c>
      <c r="G16794" t="s">
        <v>10214</v>
      </c>
      <c r="H16794" t="s">
        <v>10215</v>
      </c>
      <c r="I16794" s="2">
        <v>1</v>
      </c>
      <c r="J16794" s="2">
        <v>0</v>
      </c>
      <c r="K16794" s="2">
        <v>0</v>
      </c>
      <c r="L16794" t="s">
        <v>120</v>
      </c>
      <c r="M16794" t="s">
        <v>83</v>
      </c>
      <c r="N16794" t="s">
        <v>84</v>
      </c>
      <c r="O16794" t="s">
        <v>85</v>
      </c>
      <c r="P16794" t="s">
        <v>86</v>
      </c>
      <c r="Q16794">
        <v>16</v>
      </c>
      <c r="R16794">
        <v>16</v>
      </c>
      <c r="S16794">
        <v>17</v>
      </c>
      <c r="T16794">
        <v>17</v>
      </c>
      <c r="U16794">
        <v>17</v>
      </c>
      <c r="V16794">
        <v>17</v>
      </c>
      <c r="W16794">
        <v>18</v>
      </c>
      <c r="X16794">
        <v>18</v>
      </c>
      <c r="Y16794">
        <v>18</v>
      </c>
      <c r="Z16794">
        <v>18</v>
      </c>
      <c r="AA16794">
        <v>18</v>
      </c>
      <c r="AB16794">
        <v>19</v>
      </c>
      <c r="AC16794">
        <v>19</v>
      </c>
      <c r="AD16794">
        <v>19</v>
      </c>
      <c r="AE16794">
        <v>19</v>
      </c>
      <c r="AF16794">
        <v>19</v>
      </c>
      <c r="AG16794">
        <v>20</v>
      </c>
      <c r="AH16794">
        <v>20</v>
      </c>
      <c r="AI16794">
        <v>20</v>
      </c>
      <c r="AJ16794">
        <v>20</v>
      </c>
      <c r="AK16794">
        <v>20</v>
      </c>
      <c r="AL16794">
        <v>21</v>
      </c>
      <c r="AM16794">
        <v>21</v>
      </c>
      <c r="AN16794">
        <v>21</v>
      </c>
      <c r="AO16794">
        <v>21</v>
      </c>
      <c r="AP16794">
        <v>21</v>
      </c>
      <c r="AQ16794">
        <v>21</v>
      </c>
    </row>
    <row r="16795" spans="1:43">
      <c r="A16795" t="s">
        <v>10424</v>
      </c>
      <c r="B16795" t="s">
        <v>10425</v>
      </c>
      <c r="C16795" t="s">
        <v>10404</v>
      </c>
      <c r="D16795" t="s">
        <v>10405</v>
      </c>
      <c r="E16795" t="s">
        <v>10212</v>
      </c>
      <c r="F16795" t="s">
        <v>10213</v>
      </c>
      <c r="G16795" t="s">
        <v>10214</v>
      </c>
      <c r="H16795" t="s">
        <v>10215</v>
      </c>
      <c r="I16795" s="2">
        <v>1</v>
      </c>
      <c r="J16795" s="2">
        <v>0</v>
      </c>
      <c r="K16795" s="2">
        <v>0</v>
      </c>
      <c r="L16795" t="s">
        <v>120</v>
      </c>
      <c r="M16795" t="s">
        <v>87</v>
      </c>
      <c r="N16795" t="s">
        <v>88</v>
      </c>
      <c r="O16795" t="s">
        <v>85</v>
      </c>
      <c r="P16795" t="s">
        <v>86</v>
      </c>
      <c r="Q16795">
        <v>16</v>
      </c>
      <c r="R16795">
        <v>16</v>
      </c>
      <c r="S16795">
        <v>16</v>
      </c>
      <c r="T16795">
        <v>16</v>
      </c>
      <c r="U16795">
        <v>16</v>
      </c>
      <c r="V16795">
        <v>16</v>
      </c>
      <c r="W16795">
        <v>17</v>
      </c>
      <c r="X16795">
        <v>17</v>
      </c>
      <c r="Y16795">
        <v>17</v>
      </c>
      <c r="Z16795">
        <v>17</v>
      </c>
      <c r="AA16795">
        <v>17</v>
      </c>
      <c r="AB16795">
        <v>17</v>
      </c>
      <c r="AC16795">
        <v>17</v>
      </c>
      <c r="AD16795">
        <v>17</v>
      </c>
      <c r="AE16795">
        <v>17</v>
      </c>
      <c r="AF16795">
        <v>17</v>
      </c>
      <c r="AG16795">
        <v>17</v>
      </c>
      <c r="AH16795">
        <v>17</v>
      </c>
      <c r="AI16795">
        <v>17</v>
      </c>
      <c r="AJ16795">
        <v>18</v>
      </c>
      <c r="AK16795">
        <v>18</v>
      </c>
      <c r="AL16795">
        <v>18</v>
      </c>
      <c r="AM16795">
        <v>18</v>
      </c>
      <c r="AN16795">
        <v>18</v>
      </c>
      <c r="AO16795">
        <v>18</v>
      </c>
      <c r="AP16795">
        <v>18</v>
      </c>
      <c r="AQ16795">
        <v>18</v>
      </c>
    </row>
    <row r="16796" spans="1:43">
      <c r="A16796" t="s">
        <v>10424</v>
      </c>
      <c r="B16796" t="s">
        <v>10425</v>
      </c>
      <c r="C16796" t="s">
        <v>10404</v>
      </c>
      <c r="D16796" t="s">
        <v>10405</v>
      </c>
      <c r="E16796" t="s">
        <v>10212</v>
      </c>
      <c r="F16796" t="s">
        <v>10213</v>
      </c>
      <c r="G16796" t="s">
        <v>10214</v>
      </c>
      <c r="H16796" t="s">
        <v>10215</v>
      </c>
      <c r="I16796" s="2">
        <v>1</v>
      </c>
      <c r="J16796" s="2">
        <v>0</v>
      </c>
      <c r="K16796" s="2">
        <v>0</v>
      </c>
      <c r="L16796" t="s">
        <v>120</v>
      </c>
      <c r="M16796" t="s">
        <v>89</v>
      </c>
      <c r="N16796" t="s">
        <v>90</v>
      </c>
      <c r="O16796" t="s">
        <v>85</v>
      </c>
      <c r="P16796" t="s">
        <v>86</v>
      </c>
      <c r="Q16796">
        <v>16</v>
      </c>
      <c r="R16796">
        <v>17</v>
      </c>
      <c r="S16796">
        <v>17</v>
      </c>
      <c r="T16796">
        <v>17</v>
      </c>
      <c r="U16796">
        <v>18</v>
      </c>
      <c r="V16796">
        <v>18</v>
      </c>
      <c r="W16796">
        <v>18</v>
      </c>
      <c r="X16796">
        <v>19</v>
      </c>
      <c r="Y16796">
        <v>19</v>
      </c>
      <c r="Z16796">
        <v>19</v>
      </c>
      <c r="AA16796">
        <v>20</v>
      </c>
      <c r="AB16796">
        <v>20</v>
      </c>
      <c r="AC16796">
        <v>20</v>
      </c>
      <c r="AD16796">
        <v>20</v>
      </c>
      <c r="AE16796">
        <v>21</v>
      </c>
      <c r="AF16796">
        <v>21</v>
      </c>
      <c r="AG16796">
        <v>21</v>
      </c>
      <c r="AH16796">
        <v>21</v>
      </c>
      <c r="AI16796">
        <v>21</v>
      </c>
      <c r="AJ16796">
        <v>21</v>
      </c>
      <c r="AK16796">
        <v>21</v>
      </c>
      <c r="AL16796">
        <v>21</v>
      </c>
      <c r="AM16796">
        <v>21</v>
      </c>
      <c r="AN16796">
        <v>21</v>
      </c>
      <c r="AO16796">
        <v>21</v>
      </c>
      <c r="AP16796">
        <v>21</v>
      </c>
      <c r="AQ16796">
        <v>21</v>
      </c>
    </row>
    <row r="16797" spans="1:43">
      <c r="A16797" t="s">
        <v>10424</v>
      </c>
      <c r="B16797" t="s">
        <v>10425</v>
      </c>
      <c r="C16797" t="s">
        <v>10404</v>
      </c>
      <c r="D16797" t="s">
        <v>10405</v>
      </c>
      <c r="E16797" t="s">
        <v>10212</v>
      </c>
      <c r="F16797" t="s">
        <v>10213</v>
      </c>
      <c r="G16797" t="s">
        <v>10214</v>
      </c>
      <c r="H16797" t="s">
        <v>10215</v>
      </c>
      <c r="I16797" s="2">
        <v>1</v>
      </c>
      <c r="J16797" s="2">
        <v>0</v>
      </c>
      <c r="K16797" s="2">
        <v>0</v>
      </c>
      <c r="L16797" t="s">
        <v>120</v>
      </c>
      <c r="M16797" t="s">
        <v>83</v>
      </c>
      <c r="N16797" t="s">
        <v>91</v>
      </c>
      <c r="O16797" t="s">
        <v>85</v>
      </c>
      <c r="P16797" t="s">
        <v>86</v>
      </c>
      <c r="Q16797">
        <v>16</v>
      </c>
      <c r="R16797">
        <v>16</v>
      </c>
      <c r="S16797">
        <v>17</v>
      </c>
      <c r="T16797">
        <v>17</v>
      </c>
      <c r="U16797">
        <v>17</v>
      </c>
      <c r="V16797">
        <v>17</v>
      </c>
      <c r="W16797">
        <v>18</v>
      </c>
      <c r="X16797">
        <v>18</v>
      </c>
      <c r="Y16797">
        <v>18</v>
      </c>
      <c r="Z16797">
        <v>18</v>
      </c>
      <c r="AA16797">
        <v>18</v>
      </c>
      <c r="AB16797">
        <v>19</v>
      </c>
      <c r="AC16797">
        <v>19</v>
      </c>
      <c r="AD16797">
        <v>19</v>
      </c>
      <c r="AE16797">
        <v>19</v>
      </c>
      <c r="AF16797">
        <v>19</v>
      </c>
      <c r="AG16797">
        <v>20</v>
      </c>
      <c r="AH16797">
        <v>20</v>
      </c>
      <c r="AI16797">
        <v>20</v>
      </c>
      <c r="AJ16797">
        <v>20</v>
      </c>
      <c r="AK16797">
        <v>20</v>
      </c>
      <c r="AL16797">
        <v>21</v>
      </c>
      <c r="AM16797">
        <v>21</v>
      </c>
      <c r="AN16797">
        <v>21</v>
      </c>
      <c r="AO16797">
        <v>21</v>
      </c>
      <c r="AP16797">
        <v>21</v>
      </c>
      <c r="AQ16797">
        <v>21</v>
      </c>
    </row>
    <row r="16798" spans="1:43">
      <c r="A16798" t="s">
        <v>10426</v>
      </c>
      <c r="B16798" t="s">
        <v>10427</v>
      </c>
      <c r="C16798" t="s">
        <v>10314</v>
      </c>
      <c r="D16798" t="s">
        <v>10315</v>
      </c>
      <c r="E16798" t="s">
        <v>10212</v>
      </c>
      <c r="F16798" t="s">
        <v>10213</v>
      </c>
      <c r="G16798" t="s">
        <v>10214</v>
      </c>
      <c r="H16798" t="s">
        <v>10215</v>
      </c>
      <c r="I16798" s="2">
        <v>1</v>
      </c>
      <c r="J16798" s="2">
        <v>0</v>
      </c>
      <c r="K16798" s="2">
        <v>0</v>
      </c>
      <c r="L16798" t="s">
        <v>120</v>
      </c>
      <c r="M16798" t="s">
        <v>83</v>
      </c>
      <c r="N16798" t="s">
        <v>84</v>
      </c>
      <c r="O16798" t="s">
        <v>85</v>
      </c>
      <c r="P16798" t="s">
        <v>86</v>
      </c>
      <c r="Q16798">
        <v>7</v>
      </c>
      <c r="R16798">
        <v>7</v>
      </c>
      <c r="S16798">
        <v>7</v>
      </c>
      <c r="T16798">
        <v>7</v>
      </c>
      <c r="U16798">
        <v>7</v>
      </c>
      <c r="V16798">
        <v>7</v>
      </c>
      <c r="W16798">
        <v>7</v>
      </c>
      <c r="X16798">
        <v>7</v>
      </c>
      <c r="Y16798">
        <v>7</v>
      </c>
      <c r="Z16798">
        <v>8</v>
      </c>
      <c r="AA16798">
        <v>8</v>
      </c>
      <c r="AB16798">
        <v>8</v>
      </c>
      <c r="AC16798">
        <v>8</v>
      </c>
      <c r="AD16798">
        <v>8</v>
      </c>
      <c r="AE16798">
        <v>8</v>
      </c>
      <c r="AF16798">
        <v>8</v>
      </c>
      <c r="AG16798">
        <v>8</v>
      </c>
      <c r="AH16798">
        <v>8</v>
      </c>
      <c r="AI16798">
        <v>8</v>
      </c>
      <c r="AJ16798">
        <v>8</v>
      </c>
      <c r="AK16798">
        <v>8</v>
      </c>
      <c r="AL16798">
        <v>8</v>
      </c>
      <c r="AM16798">
        <v>8</v>
      </c>
      <c r="AN16798">
        <v>8</v>
      </c>
      <c r="AO16798">
        <v>8</v>
      </c>
      <c r="AP16798">
        <v>9</v>
      </c>
      <c r="AQ16798">
        <v>9</v>
      </c>
    </row>
    <row r="16799" spans="1:43">
      <c r="A16799" t="s">
        <v>10426</v>
      </c>
      <c r="B16799" t="s">
        <v>10427</v>
      </c>
      <c r="C16799" t="s">
        <v>10314</v>
      </c>
      <c r="D16799" t="s">
        <v>10315</v>
      </c>
      <c r="E16799" t="s">
        <v>10212</v>
      </c>
      <c r="F16799" t="s">
        <v>10213</v>
      </c>
      <c r="G16799" t="s">
        <v>10214</v>
      </c>
      <c r="H16799" t="s">
        <v>10215</v>
      </c>
      <c r="I16799" s="2">
        <v>1</v>
      </c>
      <c r="J16799" s="2">
        <v>0</v>
      </c>
      <c r="K16799" s="2">
        <v>0</v>
      </c>
      <c r="L16799" t="s">
        <v>120</v>
      </c>
      <c r="M16799" t="s">
        <v>87</v>
      </c>
      <c r="N16799" t="s">
        <v>88</v>
      </c>
      <c r="O16799" t="s">
        <v>85</v>
      </c>
      <c r="P16799" t="s">
        <v>86</v>
      </c>
      <c r="Q16799">
        <v>7</v>
      </c>
      <c r="R16799">
        <v>7</v>
      </c>
      <c r="S16799">
        <v>7</v>
      </c>
      <c r="T16799">
        <v>7</v>
      </c>
      <c r="U16799">
        <v>7</v>
      </c>
      <c r="V16799">
        <v>7</v>
      </c>
      <c r="W16799">
        <v>7</v>
      </c>
      <c r="X16799">
        <v>7</v>
      </c>
      <c r="Y16799">
        <v>7</v>
      </c>
      <c r="Z16799">
        <v>7</v>
      </c>
      <c r="AA16799">
        <v>7</v>
      </c>
      <c r="AB16799">
        <v>7</v>
      </c>
      <c r="AC16799">
        <v>7</v>
      </c>
      <c r="AD16799">
        <v>7</v>
      </c>
      <c r="AE16799">
        <v>7</v>
      </c>
      <c r="AF16799">
        <v>7</v>
      </c>
      <c r="AG16799">
        <v>7</v>
      </c>
      <c r="AH16799">
        <v>7</v>
      </c>
      <c r="AI16799">
        <v>7</v>
      </c>
      <c r="AJ16799">
        <v>7</v>
      </c>
      <c r="AK16799">
        <v>7</v>
      </c>
      <c r="AL16799">
        <v>7</v>
      </c>
      <c r="AM16799">
        <v>7</v>
      </c>
      <c r="AN16799">
        <v>7</v>
      </c>
      <c r="AO16799">
        <v>7</v>
      </c>
      <c r="AP16799">
        <v>7</v>
      </c>
      <c r="AQ16799">
        <v>7</v>
      </c>
    </row>
    <row r="16800" spans="1:43">
      <c r="A16800" t="s">
        <v>10426</v>
      </c>
      <c r="B16800" t="s">
        <v>10427</v>
      </c>
      <c r="C16800" t="s">
        <v>10314</v>
      </c>
      <c r="D16800" t="s">
        <v>10315</v>
      </c>
      <c r="E16800" t="s">
        <v>10212</v>
      </c>
      <c r="F16800" t="s">
        <v>10213</v>
      </c>
      <c r="G16800" t="s">
        <v>10214</v>
      </c>
      <c r="H16800" t="s">
        <v>10215</v>
      </c>
      <c r="I16800" s="2">
        <v>1</v>
      </c>
      <c r="J16800" s="2">
        <v>0</v>
      </c>
      <c r="K16800" s="2">
        <v>0</v>
      </c>
      <c r="L16800" t="s">
        <v>120</v>
      </c>
      <c r="M16800" t="s">
        <v>89</v>
      </c>
      <c r="N16800" t="s">
        <v>90</v>
      </c>
      <c r="O16800" t="s">
        <v>85</v>
      </c>
      <c r="P16800" t="s">
        <v>86</v>
      </c>
      <c r="Q16800">
        <v>7</v>
      </c>
      <c r="R16800">
        <v>7</v>
      </c>
      <c r="S16800">
        <v>7</v>
      </c>
      <c r="T16800">
        <v>7</v>
      </c>
      <c r="U16800">
        <v>7</v>
      </c>
      <c r="V16800">
        <v>7</v>
      </c>
      <c r="W16800">
        <v>8</v>
      </c>
      <c r="X16800">
        <v>8</v>
      </c>
      <c r="Y16800">
        <v>8</v>
      </c>
      <c r="Z16800">
        <v>8</v>
      </c>
      <c r="AA16800">
        <v>8</v>
      </c>
      <c r="AB16800">
        <v>8</v>
      </c>
      <c r="AC16800">
        <v>8</v>
      </c>
      <c r="AD16800">
        <v>8</v>
      </c>
      <c r="AE16800">
        <v>9</v>
      </c>
      <c r="AF16800">
        <v>9</v>
      </c>
      <c r="AG16800">
        <v>9</v>
      </c>
      <c r="AH16800">
        <v>9</v>
      </c>
      <c r="AI16800">
        <v>9</v>
      </c>
      <c r="AJ16800">
        <v>9</v>
      </c>
      <c r="AK16800">
        <v>9</v>
      </c>
      <c r="AL16800">
        <v>9</v>
      </c>
      <c r="AM16800">
        <v>9</v>
      </c>
      <c r="AN16800">
        <v>9</v>
      </c>
      <c r="AO16800">
        <v>9</v>
      </c>
      <c r="AP16800">
        <v>9</v>
      </c>
      <c r="AQ16800">
        <v>9</v>
      </c>
    </row>
    <row r="16801" spans="1:43">
      <c r="A16801" t="s">
        <v>10426</v>
      </c>
      <c r="B16801" t="s">
        <v>10427</v>
      </c>
      <c r="C16801" t="s">
        <v>10314</v>
      </c>
      <c r="D16801" t="s">
        <v>10315</v>
      </c>
      <c r="E16801" t="s">
        <v>10212</v>
      </c>
      <c r="F16801" t="s">
        <v>10213</v>
      </c>
      <c r="G16801" t="s">
        <v>10214</v>
      </c>
      <c r="H16801" t="s">
        <v>10215</v>
      </c>
      <c r="I16801" s="2">
        <v>1</v>
      </c>
      <c r="J16801" s="2">
        <v>0</v>
      </c>
      <c r="K16801" s="2">
        <v>0</v>
      </c>
      <c r="L16801" t="s">
        <v>120</v>
      </c>
      <c r="M16801" t="s">
        <v>83</v>
      </c>
      <c r="N16801" t="s">
        <v>91</v>
      </c>
      <c r="O16801" t="s">
        <v>85</v>
      </c>
      <c r="P16801" t="s">
        <v>86</v>
      </c>
      <c r="Q16801">
        <v>7</v>
      </c>
      <c r="R16801">
        <v>7</v>
      </c>
      <c r="S16801">
        <v>7</v>
      </c>
      <c r="T16801">
        <v>7</v>
      </c>
      <c r="U16801">
        <v>7</v>
      </c>
      <c r="V16801">
        <v>7</v>
      </c>
      <c r="W16801">
        <v>7</v>
      </c>
      <c r="X16801">
        <v>7</v>
      </c>
      <c r="Y16801">
        <v>7</v>
      </c>
      <c r="Z16801">
        <v>8</v>
      </c>
      <c r="AA16801">
        <v>8</v>
      </c>
      <c r="AB16801">
        <v>8</v>
      </c>
      <c r="AC16801">
        <v>8</v>
      </c>
      <c r="AD16801">
        <v>8</v>
      </c>
      <c r="AE16801">
        <v>8</v>
      </c>
      <c r="AF16801">
        <v>8</v>
      </c>
      <c r="AG16801">
        <v>8</v>
      </c>
      <c r="AH16801">
        <v>8</v>
      </c>
      <c r="AI16801">
        <v>8</v>
      </c>
      <c r="AJ16801">
        <v>8</v>
      </c>
      <c r="AK16801">
        <v>8</v>
      </c>
      <c r="AL16801">
        <v>8</v>
      </c>
      <c r="AM16801">
        <v>8</v>
      </c>
      <c r="AN16801">
        <v>8</v>
      </c>
      <c r="AO16801">
        <v>8</v>
      </c>
      <c r="AP16801">
        <v>9</v>
      </c>
      <c r="AQ16801">
        <v>9</v>
      </c>
    </row>
    <row r="16802" spans="1:43">
      <c r="A16802" t="s">
        <v>10428</v>
      </c>
      <c r="B16802" t="s">
        <v>10429</v>
      </c>
      <c r="C16802" t="s">
        <v>10314</v>
      </c>
      <c r="D16802" t="s">
        <v>10315</v>
      </c>
      <c r="E16802" t="s">
        <v>10212</v>
      </c>
      <c r="F16802" t="s">
        <v>10213</v>
      </c>
      <c r="G16802" t="s">
        <v>10214</v>
      </c>
      <c r="H16802" t="s">
        <v>10215</v>
      </c>
      <c r="I16802" s="2">
        <v>1</v>
      </c>
      <c r="J16802" s="2">
        <v>0</v>
      </c>
      <c r="K16802" s="2">
        <v>0</v>
      </c>
      <c r="L16802" t="s">
        <v>120</v>
      </c>
      <c r="M16802" t="s">
        <v>83</v>
      </c>
      <c r="N16802" t="s">
        <v>84</v>
      </c>
      <c r="O16802" t="s">
        <v>85</v>
      </c>
      <c r="P16802" t="s">
        <v>86</v>
      </c>
      <c r="Q16802">
        <v>7</v>
      </c>
      <c r="R16802">
        <v>7</v>
      </c>
      <c r="S16802">
        <v>7</v>
      </c>
      <c r="T16802">
        <v>7</v>
      </c>
      <c r="U16802">
        <v>8</v>
      </c>
      <c r="V16802">
        <v>8</v>
      </c>
      <c r="W16802">
        <v>8</v>
      </c>
      <c r="X16802">
        <v>8</v>
      </c>
      <c r="Y16802">
        <v>8</v>
      </c>
      <c r="Z16802">
        <v>8</v>
      </c>
      <c r="AA16802">
        <v>8</v>
      </c>
      <c r="AB16802">
        <v>8</v>
      </c>
      <c r="AC16802">
        <v>8</v>
      </c>
      <c r="AD16802">
        <v>8</v>
      </c>
      <c r="AE16802">
        <v>8</v>
      </c>
      <c r="AF16802">
        <v>9</v>
      </c>
      <c r="AG16802">
        <v>9</v>
      </c>
      <c r="AH16802">
        <v>9</v>
      </c>
      <c r="AI16802">
        <v>9</v>
      </c>
      <c r="AJ16802">
        <v>9</v>
      </c>
      <c r="AK16802">
        <v>9</v>
      </c>
      <c r="AL16802">
        <v>9</v>
      </c>
      <c r="AM16802">
        <v>9</v>
      </c>
      <c r="AN16802">
        <v>9</v>
      </c>
      <c r="AO16802">
        <v>9</v>
      </c>
      <c r="AP16802">
        <v>9</v>
      </c>
      <c r="AQ16802">
        <v>9</v>
      </c>
    </row>
    <row r="16803" spans="1:43">
      <c r="A16803" t="s">
        <v>10428</v>
      </c>
      <c r="B16803" t="s">
        <v>10429</v>
      </c>
      <c r="C16803" t="s">
        <v>10314</v>
      </c>
      <c r="D16803" t="s">
        <v>10315</v>
      </c>
      <c r="E16803" t="s">
        <v>10212</v>
      </c>
      <c r="F16803" t="s">
        <v>10213</v>
      </c>
      <c r="G16803" t="s">
        <v>10214</v>
      </c>
      <c r="H16803" t="s">
        <v>10215</v>
      </c>
      <c r="I16803" s="2">
        <v>1</v>
      </c>
      <c r="J16803" s="2">
        <v>0</v>
      </c>
      <c r="K16803" s="2">
        <v>0</v>
      </c>
      <c r="L16803" t="s">
        <v>120</v>
      </c>
      <c r="M16803" t="s">
        <v>87</v>
      </c>
      <c r="N16803" t="s">
        <v>88</v>
      </c>
      <c r="O16803" t="s">
        <v>85</v>
      </c>
      <c r="P16803" t="s">
        <v>86</v>
      </c>
      <c r="Q16803">
        <v>7</v>
      </c>
      <c r="R16803">
        <v>7</v>
      </c>
      <c r="S16803">
        <v>7</v>
      </c>
      <c r="T16803">
        <v>7</v>
      </c>
      <c r="U16803">
        <v>7</v>
      </c>
      <c r="V16803">
        <v>7</v>
      </c>
      <c r="W16803">
        <v>7</v>
      </c>
      <c r="X16803">
        <v>7</v>
      </c>
      <c r="Y16803">
        <v>7</v>
      </c>
      <c r="Z16803">
        <v>7</v>
      </c>
      <c r="AA16803">
        <v>7</v>
      </c>
      <c r="AB16803">
        <v>7</v>
      </c>
      <c r="AC16803">
        <v>7</v>
      </c>
      <c r="AD16803">
        <v>7</v>
      </c>
      <c r="AE16803">
        <v>8</v>
      </c>
      <c r="AF16803">
        <v>8</v>
      </c>
      <c r="AG16803">
        <v>8</v>
      </c>
      <c r="AH16803">
        <v>8</v>
      </c>
      <c r="AI16803">
        <v>8</v>
      </c>
      <c r="AJ16803">
        <v>8</v>
      </c>
      <c r="AK16803">
        <v>8</v>
      </c>
      <c r="AL16803">
        <v>8</v>
      </c>
      <c r="AM16803">
        <v>8</v>
      </c>
      <c r="AN16803">
        <v>8</v>
      </c>
      <c r="AO16803">
        <v>8</v>
      </c>
      <c r="AP16803">
        <v>8</v>
      </c>
      <c r="AQ16803">
        <v>8</v>
      </c>
    </row>
    <row r="16804" spans="1:43">
      <c r="A16804" t="s">
        <v>10428</v>
      </c>
      <c r="B16804" t="s">
        <v>10429</v>
      </c>
      <c r="C16804" t="s">
        <v>10314</v>
      </c>
      <c r="D16804" t="s">
        <v>10315</v>
      </c>
      <c r="E16804" t="s">
        <v>10212</v>
      </c>
      <c r="F16804" t="s">
        <v>10213</v>
      </c>
      <c r="G16804" t="s">
        <v>10214</v>
      </c>
      <c r="H16804" t="s">
        <v>10215</v>
      </c>
      <c r="I16804" s="2">
        <v>1</v>
      </c>
      <c r="J16804" s="2">
        <v>0</v>
      </c>
      <c r="K16804" s="2">
        <v>0</v>
      </c>
      <c r="L16804" t="s">
        <v>120</v>
      </c>
      <c r="M16804" t="s">
        <v>89</v>
      </c>
      <c r="N16804" t="s">
        <v>90</v>
      </c>
      <c r="O16804" t="s">
        <v>85</v>
      </c>
      <c r="P16804" t="s">
        <v>86</v>
      </c>
      <c r="Q16804">
        <v>7</v>
      </c>
      <c r="R16804">
        <v>7</v>
      </c>
      <c r="S16804">
        <v>8</v>
      </c>
      <c r="T16804">
        <v>8</v>
      </c>
      <c r="U16804">
        <v>8</v>
      </c>
      <c r="V16804">
        <v>8</v>
      </c>
      <c r="W16804">
        <v>8</v>
      </c>
      <c r="X16804">
        <v>8</v>
      </c>
      <c r="Y16804">
        <v>8</v>
      </c>
      <c r="Z16804">
        <v>8</v>
      </c>
      <c r="AA16804">
        <v>9</v>
      </c>
      <c r="AB16804">
        <v>9</v>
      </c>
      <c r="AC16804">
        <v>9</v>
      </c>
      <c r="AD16804">
        <v>9</v>
      </c>
      <c r="AE16804">
        <v>9</v>
      </c>
      <c r="AF16804">
        <v>9</v>
      </c>
      <c r="AG16804">
        <v>9</v>
      </c>
      <c r="AH16804">
        <v>9</v>
      </c>
      <c r="AI16804">
        <v>9</v>
      </c>
      <c r="AJ16804">
        <v>9</v>
      </c>
      <c r="AK16804">
        <v>9</v>
      </c>
      <c r="AL16804">
        <v>9</v>
      </c>
      <c r="AM16804">
        <v>9</v>
      </c>
      <c r="AN16804">
        <v>9</v>
      </c>
      <c r="AO16804">
        <v>9</v>
      </c>
      <c r="AP16804">
        <v>9</v>
      </c>
      <c r="AQ16804">
        <v>9</v>
      </c>
    </row>
    <row r="16805" spans="1:43">
      <c r="A16805" t="s">
        <v>10428</v>
      </c>
      <c r="B16805" t="s">
        <v>10429</v>
      </c>
      <c r="C16805" t="s">
        <v>10314</v>
      </c>
      <c r="D16805" t="s">
        <v>10315</v>
      </c>
      <c r="E16805" t="s">
        <v>10212</v>
      </c>
      <c r="F16805" t="s">
        <v>10213</v>
      </c>
      <c r="G16805" t="s">
        <v>10214</v>
      </c>
      <c r="H16805" t="s">
        <v>10215</v>
      </c>
      <c r="I16805" s="2">
        <v>1</v>
      </c>
      <c r="J16805" s="2">
        <v>0</v>
      </c>
      <c r="K16805" s="2">
        <v>0</v>
      </c>
      <c r="L16805" t="s">
        <v>120</v>
      </c>
      <c r="M16805" t="s">
        <v>83</v>
      </c>
      <c r="N16805" t="s">
        <v>91</v>
      </c>
      <c r="O16805" t="s">
        <v>85</v>
      </c>
      <c r="P16805" t="s">
        <v>86</v>
      </c>
      <c r="Q16805">
        <v>7</v>
      </c>
      <c r="R16805">
        <v>7</v>
      </c>
      <c r="S16805">
        <v>7</v>
      </c>
      <c r="T16805">
        <v>7</v>
      </c>
      <c r="U16805">
        <v>8</v>
      </c>
      <c r="V16805">
        <v>8</v>
      </c>
      <c r="W16805">
        <v>8</v>
      </c>
      <c r="X16805">
        <v>8</v>
      </c>
      <c r="Y16805">
        <v>8</v>
      </c>
      <c r="Z16805">
        <v>8</v>
      </c>
      <c r="AA16805">
        <v>8</v>
      </c>
      <c r="AB16805">
        <v>8</v>
      </c>
      <c r="AC16805">
        <v>8</v>
      </c>
      <c r="AD16805">
        <v>8</v>
      </c>
      <c r="AE16805">
        <v>8</v>
      </c>
      <c r="AF16805">
        <v>9</v>
      </c>
      <c r="AG16805">
        <v>9</v>
      </c>
      <c r="AH16805">
        <v>9</v>
      </c>
      <c r="AI16805">
        <v>9</v>
      </c>
      <c r="AJ16805">
        <v>9</v>
      </c>
      <c r="AK16805">
        <v>9</v>
      </c>
      <c r="AL16805">
        <v>9</v>
      </c>
      <c r="AM16805">
        <v>9</v>
      </c>
      <c r="AN16805">
        <v>9</v>
      </c>
      <c r="AO16805">
        <v>9</v>
      </c>
      <c r="AP16805">
        <v>9</v>
      </c>
      <c r="AQ16805">
        <v>9</v>
      </c>
    </row>
    <row r="16806" spans="1:43">
      <c r="A16806" t="s">
        <v>10430</v>
      </c>
      <c r="B16806" t="s">
        <v>10431</v>
      </c>
      <c r="C16806" t="s">
        <v>10404</v>
      </c>
      <c r="D16806" t="s">
        <v>10405</v>
      </c>
      <c r="E16806" t="s">
        <v>10212</v>
      </c>
      <c r="F16806" t="s">
        <v>10213</v>
      </c>
      <c r="G16806" t="s">
        <v>10214</v>
      </c>
      <c r="H16806" t="s">
        <v>10215</v>
      </c>
      <c r="I16806" s="2">
        <v>1</v>
      </c>
      <c r="J16806" s="2">
        <v>0</v>
      </c>
      <c r="K16806" s="2">
        <v>0</v>
      </c>
      <c r="L16806" t="s">
        <v>120</v>
      </c>
      <c r="M16806" t="s">
        <v>83</v>
      </c>
      <c r="N16806" t="s">
        <v>84</v>
      </c>
      <c r="O16806" t="s">
        <v>85</v>
      </c>
      <c r="P16806" t="s">
        <v>86</v>
      </c>
      <c r="Q16806">
        <v>69</v>
      </c>
      <c r="R16806">
        <v>70</v>
      </c>
      <c r="S16806">
        <v>71</v>
      </c>
      <c r="T16806">
        <v>72</v>
      </c>
      <c r="U16806">
        <v>73</v>
      </c>
      <c r="V16806">
        <v>74</v>
      </c>
      <c r="W16806">
        <v>75</v>
      </c>
      <c r="X16806">
        <v>76</v>
      </c>
      <c r="Y16806">
        <v>77</v>
      </c>
      <c r="Z16806">
        <v>78</v>
      </c>
      <c r="AA16806">
        <v>78</v>
      </c>
      <c r="AB16806">
        <v>79</v>
      </c>
      <c r="AC16806">
        <v>80</v>
      </c>
      <c r="AD16806">
        <v>81</v>
      </c>
      <c r="AE16806">
        <v>82</v>
      </c>
      <c r="AF16806">
        <v>83</v>
      </c>
      <c r="AG16806">
        <v>84</v>
      </c>
      <c r="AH16806">
        <v>85</v>
      </c>
      <c r="AI16806">
        <v>85</v>
      </c>
      <c r="AJ16806">
        <v>86</v>
      </c>
      <c r="AK16806">
        <v>87</v>
      </c>
      <c r="AL16806">
        <v>87</v>
      </c>
      <c r="AM16806">
        <v>88</v>
      </c>
      <c r="AN16806">
        <v>88</v>
      </c>
      <c r="AO16806">
        <v>88</v>
      </c>
      <c r="AP16806">
        <v>88</v>
      </c>
      <c r="AQ16806">
        <v>88</v>
      </c>
    </row>
    <row r="16807" spans="1:43">
      <c r="A16807" t="s">
        <v>10430</v>
      </c>
      <c r="B16807" t="s">
        <v>10431</v>
      </c>
      <c r="C16807" t="s">
        <v>10404</v>
      </c>
      <c r="D16807" t="s">
        <v>10405</v>
      </c>
      <c r="E16807" t="s">
        <v>10212</v>
      </c>
      <c r="F16807" t="s">
        <v>10213</v>
      </c>
      <c r="G16807" t="s">
        <v>10214</v>
      </c>
      <c r="H16807" t="s">
        <v>10215</v>
      </c>
      <c r="I16807" s="2">
        <v>1</v>
      </c>
      <c r="J16807" s="2">
        <v>0</v>
      </c>
      <c r="K16807" s="2">
        <v>0</v>
      </c>
      <c r="L16807" t="s">
        <v>120</v>
      </c>
      <c r="M16807" t="s">
        <v>87</v>
      </c>
      <c r="N16807" t="s">
        <v>88</v>
      </c>
      <c r="O16807" t="s">
        <v>85</v>
      </c>
      <c r="P16807" t="s">
        <v>86</v>
      </c>
      <c r="Q16807">
        <v>69</v>
      </c>
      <c r="R16807">
        <v>70</v>
      </c>
      <c r="S16807">
        <v>70</v>
      </c>
      <c r="T16807">
        <v>70</v>
      </c>
      <c r="U16807">
        <v>71</v>
      </c>
      <c r="V16807">
        <v>71</v>
      </c>
      <c r="W16807">
        <v>71</v>
      </c>
      <c r="X16807">
        <v>72</v>
      </c>
      <c r="Y16807">
        <v>72</v>
      </c>
      <c r="Z16807">
        <v>72</v>
      </c>
      <c r="AA16807">
        <v>73</v>
      </c>
      <c r="AB16807">
        <v>73</v>
      </c>
      <c r="AC16807">
        <v>73</v>
      </c>
      <c r="AD16807">
        <v>74</v>
      </c>
      <c r="AE16807">
        <v>74</v>
      </c>
      <c r="AF16807">
        <v>74</v>
      </c>
      <c r="AG16807">
        <v>75</v>
      </c>
      <c r="AH16807">
        <v>75</v>
      </c>
      <c r="AI16807">
        <v>75</v>
      </c>
      <c r="AJ16807">
        <v>76</v>
      </c>
      <c r="AK16807">
        <v>76</v>
      </c>
      <c r="AL16807">
        <v>76</v>
      </c>
      <c r="AM16807">
        <v>76</v>
      </c>
      <c r="AN16807">
        <v>77</v>
      </c>
      <c r="AO16807">
        <v>77</v>
      </c>
      <c r="AP16807">
        <v>77</v>
      </c>
      <c r="AQ16807">
        <v>78</v>
      </c>
    </row>
    <row r="16808" spans="1:43">
      <c r="A16808" t="s">
        <v>10430</v>
      </c>
      <c r="B16808" t="s">
        <v>10431</v>
      </c>
      <c r="C16808" t="s">
        <v>10404</v>
      </c>
      <c r="D16808" t="s">
        <v>10405</v>
      </c>
      <c r="E16808" t="s">
        <v>10212</v>
      </c>
      <c r="F16808" t="s">
        <v>10213</v>
      </c>
      <c r="G16808" t="s">
        <v>10214</v>
      </c>
      <c r="H16808" t="s">
        <v>10215</v>
      </c>
      <c r="I16808" s="2">
        <v>1</v>
      </c>
      <c r="J16808" s="2">
        <v>0</v>
      </c>
      <c r="K16808" s="2">
        <v>0</v>
      </c>
      <c r="L16808" t="s">
        <v>120</v>
      </c>
      <c r="M16808" t="s">
        <v>89</v>
      </c>
      <c r="N16808" t="s">
        <v>90</v>
      </c>
      <c r="O16808" t="s">
        <v>85</v>
      </c>
      <c r="P16808" t="s">
        <v>86</v>
      </c>
      <c r="Q16808">
        <v>69</v>
      </c>
      <c r="R16808">
        <v>71</v>
      </c>
      <c r="S16808">
        <v>73</v>
      </c>
      <c r="T16808">
        <v>74</v>
      </c>
      <c r="U16808">
        <v>76</v>
      </c>
      <c r="V16808">
        <v>77</v>
      </c>
      <c r="W16808">
        <v>78</v>
      </c>
      <c r="X16808">
        <v>80</v>
      </c>
      <c r="Y16808">
        <v>81</v>
      </c>
      <c r="Z16808">
        <v>82</v>
      </c>
      <c r="AA16808">
        <v>83</v>
      </c>
      <c r="AB16808">
        <v>84</v>
      </c>
      <c r="AC16808">
        <v>86</v>
      </c>
      <c r="AD16808">
        <v>87</v>
      </c>
      <c r="AE16808">
        <v>88</v>
      </c>
      <c r="AF16808">
        <v>88</v>
      </c>
      <c r="AG16808">
        <v>88</v>
      </c>
      <c r="AH16808">
        <v>88</v>
      </c>
      <c r="AI16808">
        <v>88</v>
      </c>
      <c r="AJ16808">
        <v>88</v>
      </c>
      <c r="AK16808">
        <v>88</v>
      </c>
      <c r="AL16808">
        <v>89</v>
      </c>
      <c r="AM16808">
        <v>89</v>
      </c>
      <c r="AN16808">
        <v>89</v>
      </c>
      <c r="AO16808">
        <v>89</v>
      </c>
      <c r="AP16808">
        <v>89</v>
      </c>
      <c r="AQ16808">
        <v>89</v>
      </c>
    </row>
    <row r="16809" spans="1:43">
      <c r="A16809" t="s">
        <v>10430</v>
      </c>
      <c r="B16809" t="s">
        <v>10431</v>
      </c>
      <c r="C16809" t="s">
        <v>10404</v>
      </c>
      <c r="D16809" t="s">
        <v>10405</v>
      </c>
      <c r="E16809" t="s">
        <v>10212</v>
      </c>
      <c r="F16809" t="s">
        <v>10213</v>
      </c>
      <c r="G16809" t="s">
        <v>10214</v>
      </c>
      <c r="H16809" t="s">
        <v>10215</v>
      </c>
      <c r="I16809" s="2">
        <v>1</v>
      </c>
      <c r="J16809" s="2">
        <v>0</v>
      </c>
      <c r="K16809" s="2">
        <v>0</v>
      </c>
      <c r="L16809" t="s">
        <v>120</v>
      </c>
      <c r="M16809" t="s">
        <v>83</v>
      </c>
      <c r="N16809" t="s">
        <v>91</v>
      </c>
      <c r="O16809" t="s">
        <v>85</v>
      </c>
      <c r="P16809" t="s">
        <v>86</v>
      </c>
      <c r="Q16809">
        <v>69</v>
      </c>
      <c r="R16809">
        <v>70</v>
      </c>
      <c r="S16809">
        <v>71</v>
      </c>
      <c r="T16809">
        <v>72</v>
      </c>
      <c r="U16809">
        <v>73</v>
      </c>
      <c r="V16809">
        <v>74</v>
      </c>
      <c r="W16809">
        <v>75</v>
      </c>
      <c r="X16809">
        <v>76</v>
      </c>
      <c r="Y16809">
        <v>77</v>
      </c>
      <c r="Z16809">
        <v>78</v>
      </c>
      <c r="AA16809">
        <v>78</v>
      </c>
      <c r="AB16809">
        <v>79</v>
      </c>
      <c r="AC16809">
        <v>80</v>
      </c>
      <c r="AD16809">
        <v>81</v>
      </c>
      <c r="AE16809">
        <v>82</v>
      </c>
      <c r="AF16809">
        <v>83</v>
      </c>
      <c r="AG16809">
        <v>84</v>
      </c>
      <c r="AH16809">
        <v>85</v>
      </c>
      <c r="AI16809">
        <v>85</v>
      </c>
      <c r="AJ16809">
        <v>86</v>
      </c>
      <c r="AK16809">
        <v>87</v>
      </c>
      <c r="AL16809">
        <v>87</v>
      </c>
      <c r="AM16809">
        <v>88</v>
      </c>
      <c r="AN16809">
        <v>88</v>
      </c>
      <c r="AO16809">
        <v>88</v>
      </c>
      <c r="AP16809">
        <v>88</v>
      </c>
      <c r="AQ16809">
        <v>88</v>
      </c>
    </row>
    <row r="16810" spans="1:43">
      <c r="A16810" t="s">
        <v>10432</v>
      </c>
      <c r="B16810" t="s">
        <v>10433</v>
      </c>
      <c r="C16810" t="s">
        <v>10236</v>
      </c>
      <c r="D16810" t="s">
        <v>10237</v>
      </c>
      <c r="E16810" t="s">
        <v>10212</v>
      </c>
      <c r="F16810" t="s">
        <v>10213</v>
      </c>
      <c r="G16810" t="s">
        <v>10214</v>
      </c>
      <c r="H16810" t="s">
        <v>10215</v>
      </c>
      <c r="I16810" s="2">
        <v>1</v>
      </c>
      <c r="J16810" s="2">
        <v>0</v>
      </c>
      <c r="K16810" s="2">
        <v>0</v>
      </c>
      <c r="L16810" t="s">
        <v>120</v>
      </c>
      <c r="M16810" t="s">
        <v>83</v>
      </c>
      <c r="N16810" t="s">
        <v>84</v>
      </c>
      <c r="O16810" t="s">
        <v>85</v>
      </c>
      <c r="P16810" t="s">
        <v>86</v>
      </c>
      <c r="Q16810">
        <v>9</v>
      </c>
      <c r="R16810">
        <v>9</v>
      </c>
      <c r="S16810">
        <v>10</v>
      </c>
      <c r="T16810">
        <v>10</v>
      </c>
      <c r="U16810">
        <v>10</v>
      </c>
      <c r="V16810">
        <v>10</v>
      </c>
      <c r="W16810">
        <v>10</v>
      </c>
      <c r="X16810">
        <v>10</v>
      </c>
      <c r="Y16810">
        <v>10</v>
      </c>
      <c r="Z16810">
        <v>10</v>
      </c>
      <c r="AA16810">
        <v>11</v>
      </c>
      <c r="AB16810">
        <v>11</v>
      </c>
      <c r="AC16810">
        <v>11</v>
      </c>
      <c r="AD16810">
        <v>11</v>
      </c>
      <c r="AE16810">
        <v>11</v>
      </c>
      <c r="AF16810">
        <v>11</v>
      </c>
      <c r="AG16810">
        <v>11</v>
      </c>
      <c r="AH16810">
        <v>11</v>
      </c>
      <c r="AI16810">
        <v>11</v>
      </c>
      <c r="AJ16810">
        <v>12</v>
      </c>
      <c r="AK16810">
        <v>12</v>
      </c>
      <c r="AL16810">
        <v>12</v>
      </c>
      <c r="AM16810">
        <v>12</v>
      </c>
      <c r="AN16810">
        <v>12</v>
      </c>
      <c r="AO16810">
        <v>12</v>
      </c>
      <c r="AP16810">
        <v>12</v>
      </c>
      <c r="AQ16810">
        <v>12</v>
      </c>
    </row>
    <row r="16811" spans="1:43">
      <c r="A16811" t="s">
        <v>10432</v>
      </c>
      <c r="B16811" t="s">
        <v>10433</v>
      </c>
      <c r="C16811" t="s">
        <v>10236</v>
      </c>
      <c r="D16811" t="s">
        <v>10237</v>
      </c>
      <c r="E16811" t="s">
        <v>10212</v>
      </c>
      <c r="F16811" t="s">
        <v>10213</v>
      </c>
      <c r="G16811" t="s">
        <v>10214</v>
      </c>
      <c r="H16811" t="s">
        <v>10215</v>
      </c>
      <c r="I16811" s="2">
        <v>1</v>
      </c>
      <c r="J16811" s="2">
        <v>0</v>
      </c>
      <c r="K16811" s="2">
        <v>0</v>
      </c>
      <c r="L16811" t="s">
        <v>120</v>
      </c>
      <c r="M16811" t="s">
        <v>87</v>
      </c>
      <c r="N16811" t="s">
        <v>88</v>
      </c>
      <c r="O16811" t="s">
        <v>85</v>
      </c>
      <c r="P16811" t="s">
        <v>86</v>
      </c>
      <c r="Q16811">
        <v>9</v>
      </c>
      <c r="R16811">
        <v>9</v>
      </c>
      <c r="S16811">
        <v>9</v>
      </c>
      <c r="T16811">
        <v>9</v>
      </c>
      <c r="U16811">
        <v>9</v>
      </c>
      <c r="V16811">
        <v>9</v>
      </c>
      <c r="W16811">
        <v>9</v>
      </c>
      <c r="X16811">
        <v>10</v>
      </c>
      <c r="Y16811">
        <v>10</v>
      </c>
      <c r="Z16811">
        <v>10</v>
      </c>
      <c r="AA16811">
        <v>10</v>
      </c>
      <c r="AB16811">
        <v>10</v>
      </c>
      <c r="AC16811">
        <v>10</v>
      </c>
      <c r="AD16811">
        <v>10</v>
      </c>
      <c r="AE16811">
        <v>10</v>
      </c>
      <c r="AF16811">
        <v>10</v>
      </c>
      <c r="AG16811">
        <v>10</v>
      </c>
      <c r="AH16811">
        <v>10</v>
      </c>
      <c r="AI16811">
        <v>10</v>
      </c>
      <c r="AJ16811">
        <v>10</v>
      </c>
      <c r="AK16811">
        <v>10</v>
      </c>
      <c r="AL16811">
        <v>10</v>
      </c>
      <c r="AM16811">
        <v>10</v>
      </c>
      <c r="AN16811">
        <v>10</v>
      </c>
      <c r="AO16811">
        <v>10</v>
      </c>
      <c r="AP16811">
        <v>10</v>
      </c>
      <c r="AQ16811">
        <v>10</v>
      </c>
    </row>
    <row r="16812" spans="1:43">
      <c r="A16812" t="s">
        <v>10432</v>
      </c>
      <c r="B16812" t="s">
        <v>10433</v>
      </c>
      <c r="C16812" t="s">
        <v>10236</v>
      </c>
      <c r="D16812" t="s">
        <v>10237</v>
      </c>
      <c r="E16812" t="s">
        <v>10212</v>
      </c>
      <c r="F16812" t="s">
        <v>10213</v>
      </c>
      <c r="G16812" t="s">
        <v>10214</v>
      </c>
      <c r="H16812" t="s">
        <v>10215</v>
      </c>
      <c r="I16812" s="2">
        <v>1</v>
      </c>
      <c r="J16812" s="2">
        <v>0</v>
      </c>
      <c r="K16812" s="2">
        <v>0</v>
      </c>
      <c r="L16812" t="s">
        <v>120</v>
      </c>
      <c r="M16812" t="s">
        <v>89</v>
      </c>
      <c r="N16812" t="s">
        <v>90</v>
      </c>
      <c r="O16812" t="s">
        <v>85</v>
      </c>
      <c r="P16812" t="s">
        <v>86</v>
      </c>
      <c r="Q16812">
        <v>9</v>
      </c>
      <c r="R16812">
        <v>10</v>
      </c>
      <c r="S16812">
        <v>10</v>
      </c>
      <c r="T16812">
        <v>10</v>
      </c>
      <c r="U16812">
        <v>10</v>
      </c>
      <c r="V16812">
        <v>10</v>
      </c>
      <c r="W16812">
        <v>11</v>
      </c>
      <c r="X16812">
        <v>11</v>
      </c>
      <c r="Y16812">
        <v>11</v>
      </c>
      <c r="Z16812">
        <v>11</v>
      </c>
      <c r="AA16812">
        <v>11</v>
      </c>
      <c r="AB16812">
        <v>11</v>
      </c>
      <c r="AC16812">
        <v>12</v>
      </c>
      <c r="AD16812">
        <v>12</v>
      </c>
      <c r="AE16812">
        <v>12</v>
      </c>
      <c r="AF16812">
        <v>12</v>
      </c>
      <c r="AG16812">
        <v>12</v>
      </c>
      <c r="AH16812">
        <v>12</v>
      </c>
      <c r="AI16812">
        <v>12</v>
      </c>
      <c r="AJ16812">
        <v>12</v>
      </c>
      <c r="AK16812">
        <v>12</v>
      </c>
      <c r="AL16812">
        <v>12</v>
      </c>
      <c r="AM16812">
        <v>12</v>
      </c>
      <c r="AN16812">
        <v>12</v>
      </c>
      <c r="AO16812">
        <v>12</v>
      </c>
      <c r="AP16812">
        <v>12</v>
      </c>
      <c r="AQ16812">
        <v>12</v>
      </c>
    </row>
    <row r="16813" spans="1:43">
      <c r="A16813" t="s">
        <v>10432</v>
      </c>
      <c r="B16813" t="s">
        <v>10433</v>
      </c>
      <c r="C16813" t="s">
        <v>10236</v>
      </c>
      <c r="D16813" t="s">
        <v>10237</v>
      </c>
      <c r="E16813" t="s">
        <v>10212</v>
      </c>
      <c r="F16813" t="s">
        <v>10213</v>
      </c>
      <c r="G16813" t="s">
        <v>10214</v>
      </c>
      <c r="H16813" t="s">
        <v>10215</v>
      </c>
      <c r="I16813" s="2">
        <v>1</v>
      </c>
      <c r="J16813" s="2">
        <v>0</v>
      </c>
      <c r="K16813" s="2">
        <v>0</v>
      </c>
      <c r="L16813" t="s">
        <v>120</v>
      </c>
      <c r="M16813" t="s">
        <v>83</v>
      </c>
      <c r="N16813" t="s">
        <v>91</v>
      </c>
      <c r="O16813" t="s">
        <v>85</v>
      </c>
      <c r="P16813" t="s">
        <v>86</v>
      </c>
      <c r="Q16813">
        <v>9</v>
      </c>
      <c r="R16813">
        <v>9</v>
      </c>
      <c r="S16813">
        <v>10</v>
      </c>
      <c r="T16813">
        <v>10</v>
      </c>
      <c r="U16813">
        <v>10</v>
      </c>
      <c r="V16813">
        <v>10</v>
      </c>
      <c r="W16813">
        <v>10</v>
      </c>
      <c r="X16813">
        <v>10</v>
      </c>
      <c r="Y16813">
        <v>10</v>
      </c>
      <c r="Z16813">
        <v>10</v>
      </c>
      <c r="AA16813">
        <v>11</v>
      </c>
      <c r="AB16813">
        <v>11</v>
      </c>
      <c r="AC16813">
        <v>11</v>
      </c>
      <c r="AD16813">
        <v>11</v>
      </c>
      <c r="AE16813">
        <v>11</v>
      </c>
      <c r="AF16813">
        <v>11</v>
      </c>
      <c r="AG16813">
        <v>11</v>
      </c>
      <c r="AH16813">
        <v>11</v>
      </c>
      <c r="AI16813">
        <v>11</v>
      </c>
      <c r="AJ16813">
        <v>12</v>
      </c>
      <c r="AK16813">
        <v>12</v>
      </c>
      <c r="AL16813">
        <v>12</v>
      </c>
      <c r="AM16813">
        <v>12</v>
      </c>
      <c r="AN16813">
        <v>12</v>
      </c>
      <c r="AO16813">
        <v>12</v>
      </c>
      <c r="AP16813">
        <v>12</v>
      </c>
      <c r="AQ16813">
        <v>12</v>
      </c>
    </row>
    <row r="16814" spans="1:43">
      <c r="A16814" t="s">
        <v>10434</v>
      </c>
      <c r="B16814" t="s">
        <v>10435</v>
      </c>
      <c r="C16814" t="s">
        <v>10294</v>
      </c>
      <c r="D16814" t="s">
        <v>10295</v>
      </c>
      <c r="E16814" t="s">
        <v>10212</v>
      </c>
      <c r="F16814" t="s">
        <v>10213</v>
      </c>
      <c r="G16814" t="s">
        <v>10214</v>
      </c>
      <c r="H16814" t="s">
        <v>10215</v>
      </c>
      <c r="I16814" s="2">
        <v>1</v>
      </c>
      <c r="J16814" s="2">
        <v>0</v>
      </c>
      <c r="K16814" s="2">
        <v>0</v>
      </c>
      <c r="L16814" t="s">
        <v>120</v>
      </c>
      <c r="M16814" t="s">
        <v>83</v>
      </c>
      <c r="N16814" t="s">
        <v>84</v>
      </c>
      <c r="O16814" t="s">
        <v>85</v>
      </c>
      <c r="P16814" t="s">
        <v>86</v>
      </c>
      <c r="Q16814">
        <v>47</v>
      </c>
      <c r="R16814">
        <v>48</v>
      </c>
      <c r="S16814">
        <v>48</v>
      </c>
      <c r="T16814">
        <v>49</v>
      </c>
      <c r="U16814">
        <v>50</v>
      </c>
      <c r="V16814">
        <v>50</v>
      </c>
      <c r="W16814">
        <v>51</v>
      </c>
      <c r="X16814">
        <v>52</v>
      </c>
      <c r="Y16814">
        <v>52</v>
      </c>
      <c r="Z16814">
        <v>53</v>
      </c>
      <c r="AA16814">
        <v>54</v>
      </c>
      <c r="AB16814">
        <v>54</v>
      </c>
      <c r="AC16814">
        <v>55</v>
      </c>
      <c r="AD16814">
        <v>55</v>
      </c>
      <c r="AE16814">
        <v>56</v>
      </c>
      <c r="AF16814">
        <v>56</v>
      </c>
      <c r="AG16814">
        <v>57</v>
      </c>
      <c r="AH16814">
        <v>58</v>
      </c>
      <c r="AI16814">
        <v>58</v>
      </c>
      <c r="AJ16814">
        <v>59</v>
      </c>
      <c r="AK16814">
        <v>59</v>
      </c>
      <c r="AL16814">
        <v>59</v>
      </c>
      <c r="AM16814">
        <v>59</v>
      </c>
      <c r="AN16814">
        <v>59</v>
      </c>
      <c r="AO16814">
        <v>60</v>
      </c>
      <c r="AP16814">
        <v>60</v>
      </c>
      <c r="AQ16814">
        <v>60</v>
      </c>
    </row>
    <row r="16815" spans="1:43">
      <c r="A16815" t="s">
        <v>10434</v>
      </c>
      <c r="B16815" t="s">
        <v>10435</v>
      </c>
      <c r="C16815" t="s">
        <v>10294</v>
      </c>
      <c r="D16815" t="s">
        <v>10295</v>
      </c>
      <c r="E16815" t="s">
        <v>10212</v>
      </c>
      <c r="F16815" t="s">
        <v>10213</v>
      </c>
      <c r="G16815" t="s">
        <v>10214</v>
      </c>
      <c r="H16815" t="s">
        <v>10215</v>
      </c>
      <c r="I16815" s="2">
        <v>1</v>
      </c>
      <c r="J16815" s="2">
        <v>0</v>
      </c>
      <c r="K16815" s="2">
        <v>0</v>
      </c>
      <c r="L16815" t="s">
        <v>120</v>
      </c>
      <c r="M16815" t="s">
        <v>87</v>
      </c>
      <c r="N16815" t="s">
        <v>88</v>
      </c>
      <c r="O16815" t="s">
        <v>85</v>
      </c>
      <c r="P16815" t="s">
        <v>86</v>
      </c>
      <c r="Q16815">
        <v>47</v>
      </c>
      <c r="R16815">
        <v>47</v>
      </c>
      <c r="S16815">
        <v>47</v>
      </c>
      <c r="T16815">
        <v>47</v>
      </c>
      <c r="U16815">
        <v>48</v>
      </c>
      <c r="V16815">
        <v>48</v>
      </c>
      <c r="W16815">
        <v>48</v>
      </c>
      <c r="X16815">
        <v>48</v>
      </c>
      <c r="Y16815">
        <v>48</v>
      </c>
      <c r="Z16815">
        <v>49</v>
      </c>
      <c r="AA16815">
        <v>49</v>
      </c>
      <c r="AB16815">
        <v>49</v>
      </c>
      <c r="AC16815">
        <v>49</v>
      </c>
      <c r="AD16815">
        <v>50</v>
      </c>
      <c r="AE16815">
        <v>50</v>
      </c>
      <c r="AF16815">
        <v>50</v>
      </c>
      <c r="AG16815">
        <v>50</v>
      </c>
      <c r="AH16815">
        <v>50</v>
      </c>
      <c r="AI16815">
        <v>51</v>
      </c>
      <c r="AJ16815">
        <v>51</v>
      </c>
      <c r="AK16815">
        <v>51</v>
      </c>
      <c r="AL16815">
        <v>51</v>
      </c>
      <c r="AM16815">
        <v>51</v>
      </c>
      <c r="AN16815">
        <v>52</v>
      </c>
      <c r="AO16815">
        <v>52</v>
      </c>
      <c r="AP16815">
        <v>52</v>
      </c>
      <c r="AQ16815">
        <v>52</v>
      </c>
    </row>
    <row r="16816" spans="1:43">
      <c r="A16816" t="s">
        <v>10434</v>
      </c>
      <c r="B16816" t="s">
        <v>10435</v>
      </c>
      <c r="C16816" t="s">
        <v>10294</v>
      </c>
      <c r="D16816" t="s">
        <v>10295</v>
      </c>
      <c r="E16816" t="s">
        <v>10212</v>
      </c>
      <c r="F16816" t="s">
        <v>10213</v>
      </c>
      <c r="G16816" t="s">
        <v>10214</v>
      </c>
      <c r="H16816" t="s">
        <v>10215</v>
      </c>
      <c r="I16816" s="2">
        <v>1</v>
      </c>
      <c r="J16816" s="2">
        <v>0</v>
      </c>
      <c r="K16816" s="2">
        <v>0</v>
      </c>
      <c r="L16816" t="s">
        <v>120</v>
      </c>
      <c r="M16816" t="s">
        <v>89</v>
      </c>
      <c r="N16816" t="s">
        <v>90</v>
      </c>
      <c r="O16816" t="s">
        <v>85</v>
      </c>
      <c r="P16816" t="s">
        <v>86</v>
      </c>
      <c r="Q16816">
        <v>47</v>
      </c>
      <c r="R16816">
        <v>49</v>
      </c>
      <c r="S16816">
        <v>50</v>
      </c>
      <c r="T16816">
        <v>51</v>
      </c>
      <c r="U16816">
        <v>52</v>
      </c>
      <c r="V16816">
        <v>53</v>
      </c>
      <c r="W16816">
        <v>53</v>
      </c>
      <c r="X16816">
        <v>54</v>
      </c>
      <c r="Y16816">
        <v>55</v>
      </c>
      <c r="Z16816">
        <v>56</v>
      </c>
      <c r="AA16816">
        <v>57</v>
      </c>
      <c r="AB16816">
        <v>58</v>
      </c>
      <c r="AC16816">
        <v>58</v>
      </c>
      <c r="AD16816">
        <v>59</v>
      </c>
      <c r="AE16816">
        <v>60</v>
      </c>
      <c r="AF16816">
        <v>60</v>
      </c>
      <c r="AG16816">
        <v>60</v>
      </c>
      <c r="AH16816">
        <v>60</v>
      </c>
      <c r="AI16816">
        <v>60</v>
      </c>
      <c r="AJ16816">
        <v>60</v>
      </c>
      <c r="AK16816">
        <v>60</v>
      </c>
      <c r="AL16816">
        <v>60</v>
      </c>
      <c r="AM16816">
        <v>60</v>
      </c>
      <c r="AN16816">
        <v>60</v>
      </c>
      <c r="AO16816">
        <v>60</v>
      </c>
      <c r="AP16816">
        <v>60</v>
      </c>
      <c r="AQ16816">
        <v>60</v>
      </c>
    </row>
    <row r="16817" spans="1:43">
      <c r="A16817" t="s">
        <v>10434</v>
      </c>
      <c r="B16817" t="s">
        <v>10435</v>
      </c>
      <c r="C16817" t="s">
        <v>10294</v>
      </c>
      <c r="D16817" t="s">
        <v>10295</v>
      </c>
      <c r="E16817" t="s">
        <v>10212</v>
      </c>
      <c r="F16817" t="s">
        <v>10213</v>
      </c>
      <c r="G16817" t="s">
        <v>10214</v>
      </c>
      <c r="H16817" t="s">
        <v>10215</v>
      </c>
      <c r="I16817" s="2">
        <v>1</v>
      </c>
      <c r="J16817" s="2">
        <v>0</v>
      </c>
      <c r="K16817" s="2">
        <v>0</v>
      </c>
      <c r="L16817" t="s">
        <v>120</v>
      </c>
      <c r="M16817" t="s">
        <v>83</v>
      </c>
      <c r="N16817" t="s">
        <v>91</v>
      </c>
      <c r="O16817" t="s">
        <v>85</v>
      </c>
      <c r="P16817" t="s">
        <v>86</v>
      </c>
      <c r="Q16817">
        <v>47</v>
      </c>
      <c r="R16817">
        <v>48</v>
      </c>
      <c r="S16817">
        <v>48</v>
      </c>
      <c r="T16817">
        <v>49</v>
      </c>
      <c r="U16817">
        <v>50</v>
      </c>
      <c r="V16817">
        <v>50</v>
      </c>
      <c r="W16817">
        <v>51</v>
      </c>
      <c r="X16817">
        <v>52</v>
      </c>
      <c r="Y16817">
        <v>52</v>
      </c>
      <c r="Z16817">
        <v>53</v>
      </c>
      <c r="AA16817">
        <v>54</v>
      </c>
      <c r="AB16817">
        <v>54</v>
      </c>
      <c r="AC16817">
        <v>55</v>
      </c>
      <c r="AD16817">
        <v>55</v>
      </c>
      <c r="AE16817">
        <v>56</v>
      </c>
      <c r="AF16817">
        <v>56</v>
      </c>
      <c r="AG16817">
        <v>57</v>
      </c>
      <c r="AH16817">
        <v>58</v>
      </c>
      <c r="AI16817">
        <v>58</v>
      </c>
      <c r="AJ16817">
        <v>59</v>
      </c>
      <c r="AK16817">
        <v>59</v>
      </c>
      <c r="AL16817">
        <v>59</v>
      </c>
      <c r="AM16817">
        <v>59</v>
      </c>
      <c r="AN16817">
        <v>59</v>
      </c>
      <c r="AO16817">
        <v>60</v>
      </c>
      <c r="AP16817">
        <v>60</v>
      </c>
      <c r="AQ16817">
        <v>60</v>
      </c>
    </row>
    <row r="16818" spans="1:43">
      <c r="A16818" t="s">
        <v>10436</v>
      </c>
      <c r="B16818" t="s">
        <v>10437</v>
      </c>
      <c r="C16818" t="s">
        <v>10236</v>
      </c>
      <c r="D16818" t="s">
        <v>10237</v>
      </c>
      <c r="E16818" t="s">
        <v>10212</v>
      </c>
      <c r="F16818" t="s">
        <v>10213</v>
      </c>
      <c r="G16818" t="s">
        <v>10214</v>
      </c>
      <c r="H16818" t="s">
        <v>10215</v>
      </c>
      <c r="I16818" s="2">
        <v>1</v>
      </c>
      <c r="J16818" s="2">
        <v>0</v>
      </c>
      <c r="K16818" s="2">
        <v>0</v>
      </c>
      <c r="L16818" t="s">
        <v>120</v>
      </c>
      <c r="M16818" t="s">
        <v>83</v>
      </c>
      <c r="N16818" t="s">
        <v>84</v>
      </c>
      <c r="O16818" t="s">
        <v>85</v>
      </c>
      <c r="P16818" t="s">
        <v>86</v>
      </c>
      <c r="Q16818">
        <v>30</v>
      </c>
      <c r="R16818">
        <v>30</v>
      </c>
      <c r="S16818">
        <v>31</v>
      </c>
      <c r="T16818">
        <v>31</v>
      </c>
      <c r="U16818">
        <v>31</v>
      </c>
      <c r="V16818">
        <v>32</v>
      </c>
      <c r="W16818">
        <v>32</v>
      </c>
      <c r="X16818">
        <v>33</v>
      </c>
      <c r="Y16818">
        <v>33</v>
      </c>
      <c r="Z16818">
        <v>33</v>
      </c>
      <c r="AA16818">
        <v>34</v>
      </c>
      <c r="AB16818">
        <v>34</v>
      </c>
      <c r="AC16818">
        <v>34</v>
      </c>
      <c r="AD16818">
        <v>35</v>
      </c>
      <c r="AE16818">
        <v>35</v>
      </c>
      <c r="AF16818">
        <v>36</v>
      </c>
      <c r="AG16818">
        <v>36</v>
      </c>
      <c r="AH16818">
        <v>36</v>
      </c>
      <c r="AI16818">
        <v>37</v>
      </c>
      <c r="AJ16818">
        <v>37</v>
      </c>
      <c r="AK16818">
        <v>37</v>
      </c>
      <c r="AL16818">
        <v>37</v>
      </c>
      <c r="AM16818">
        <v>37</v>
      </c>
      <c r="AN16818">
        <v>37</v>
      </c>
      <c r="AO16818">
        <v>38</v>
      </c>
      <c r="AP16818">
        <v>38</v>
      </c>
      <c r="AQ16818">
        <v>38</v>
      </c>
    </row>
    <row r="16819" spans="1:43">
      <c r="A16819" t="s">
        <v>10436</v>
      </c>
      <c r="B16819" t="s">
        <v>10437</v>
      </c>
      <c r="C16819" t="s">
        <v>10236</v>
      </c>
      <c r="D16819" t="s">
        <v>10237</v>
      </c>
      <c r="E16819" t="s">
        <v>10212</v>
      </c>
      <c r="F16819" t="s">
        <v>10213</v>
      </c>
      <c r="G16819" t="s">
        <v>10214</v>
      </c>
      <c r="H16819" t="s">
        <v>10215</v>
      </c>
      <c r="I16819" s="2">
        <v>1</v>
      </c>
      <c r="J16819" s="2">
        <v>0</v>
      </c>
      <c r="K16819" s="2">
        <v>0</v>
      </c>
      <c r="L16819" t="s">
        <v>120</v>
      </c>
      <c r="M16819" t="s">
        <v>87</v>
      </c>
      <c r="N16819" t="s">
        <v>88</v>
      </c>
      <c r="O16819" t="s">
        <v>85</v>
      </c>
      <c r="P16819" t="s">
        <v>86</v>
      </c>
      <c r="Q16819">
        <v>30</v>
      </c>
      <c r="R16819">
        <v>31</v>
      </c>
      <c r="S16819">
        <v>31</v>
      </c>
      <c r="T16819">
        <v>31</v>
      </c>
      <c r="U16819">
        <v>31</v>
      </c>
      <c r="V16819">
        <v>31</v>
      </c>
      <c r="W16819">
        <v>31</v>
      </c>
      <c r="X16819">
        <v>31</v>
      </c>
      <c r="Y16819">
        <v>32</v>
      </c>
      <c r="Z16819">
        <v>32</v>
      </c>
      <c r="AA16819">
        <v>32</v>
      </c>
      <c r="AB16819">
        <v>32</v>
      </c>
      <c r="AC16819">
        <v>32</v>
      </c>
      <c r="AD16819">
        <v>32</v>
      </c>
      <c r="AE16819">
        <v>32</v>
      </c>
      <c r="AF16819">
        <v>33</v>
      </c>
      <c r="AG16819">
        <v>33</v>
      </c>
      <c r="AH16819">
        <v>33</v>
      </c>
      <c r="AI16819">
        <v>33</v>
      </c>
      <c r="AJ16819">
        <v>33</v>
      </c>
      <c r="AK16819">
        <v>33</v>
      </c>
      <c r="AL16819">
        <v>33</v>
      </c>
      <c r="AM16819">
        <v>33</v>
      </c>
      <c r="AN16819">
        <v>34</v>
      </c>
      <c r="AO16819">
        <v>34</v>
      </c>
      <c r="AP16819">
        <v>34</v>
      </c>
      <c r="AQ16819">
        <v>34</v>
      </c>
    </row>
    <row r="16820" spans="1:43">
      <c r="A16820" t="s">
        <v>10436</v>
      </c>
      <c r="B16820" t="s">
        <v>10437</v>
      </c>
      <c r="C16820" t="s">
        <v>10236</v>
      </c>
      <c r="D16820" t="s">
        <v>10237</v>
      </c>
      <c r="E16820" t="s">
        <v>10212</v>
      </c>
      <c r="F16820" t="s">
        <v>10213</v>
      </c>
      <c r="G16820" t="s">
        <v>10214</v>
      </c>
      <c r="H16820" t="s">
        <v>10215</v>
      </c>
      <c r="I16820" s="2">
        <v>1</v>
      </c>
      <c r="J16820" s="2">
        <v>0</v>
      </c>
      <c r="K16820" s="2">
        <v>0</v>
      </c>
      <c r="L16820" t="s">
        <v>120</v>
      </c>
      <c r="M16820" t="s">
        <v>89</v>
      </c>
      <c r="N16820" t="s">
        <v>90</v>
      </c>
      <c r="O16820" t="s">
        <v>85</v>
      </c>
      <c r="P16820" t="s">
        <v>86</v>
      </c>
      <c r="Q16820">
        <v>30</v>
      </c>
      <c r="R16820">
        <v>31</v>
      </c>
      <c r="S16820">
        <v>31</v>
      </c>
      <c r="T16820">
        <v>32</v>
      </c>
      <c r="U16820">
        <v>33</v>
      </c>
      <c r="V16820">
        <v>33</v>
      </c>
      <c r="W16820">
        <v>34</v>
      </c>
      <c r="X16820">
        <v>34</v>
      </c>
      <c r="Y16820">
        <v>35</v>
      </c>
      <c r="Z16820">
        <v>35</v>
      </c>
      <c r="AA16820">
        <v>36</v>
      </c>
      <c r="AB16820">
        <v>36</v>
      </c>
      <c r="AC16820">
        <v>37</v>
      </c>
      <c r="AD16820">
        <v>37</v>
      </c>
      <c r="AE16820">
        <v>38</v>
      </c>
      <c r="AF16820">
        <v>38</v>
      </c>
      <c r="AG16820">
        <v>38</v>
      </c>
      <c r="AH16820">
        <v>38</v>
      </c>
      <c r="AI16820">
        <v>38</v>
      </c>
      <c r="AJ16820">
        <v>38</v>
      </c>
      <c r="AK16820">
        <v>38</v>
      </c>
      <c r="AL16820">
        <v>38</v>
      </c>
      <c r="AM16820">
        <v>38</v>
      </c>
      <c r="AN16820">
        <v>38</v>
      </c>
      <c r="AO16820">
        <v>38</v>
      </c>
      <c r="AP16820">
        <v>38</v>
      </c>
      <c r="AQ16820">
        <v>38</v>
      </c>
    </row>
    <row r="16821" spans="1:43">
      <c r="A16821" t="s">
        <v>10436</v>
      </c>
      <c r="B16821" t="s">
        <v>10437</v>
      </c>
      <c r="C16821" t="s">
        <v>10236</v>
      </c>
      <c r="D16821" t="s">
        <v>10237</v>
      </c>
      <c r="E16821" t="s">
        <v>10212</v>
      </c>
      <c r="F16821" t="s">
        <v>10213</v>
      </c>
      <c r="G16821" t="s">
        <v>10214</v>
      </c>
      <c r="H16821" t="s">
        <v>10215</v>
      </c>
      <c r="I16821" s="2">
        <v>1</v>
      </c>
      <c r="J16821" s="2">
        <v>0</v>
      </c>
      <c r="K16821" s="2">
        <v>0</v>
      </c>
      <c r="L16821" t="s">
        <v>120</v>
      </c>
      <c r="M16821" t="s">
        <v>83</v>
      </c>
      <c r="N16821" t="s">
        <v>91</v>
      </c>
      <c r="O16821" t="s">
        <v>85</v>
      </c>
      <c r="P16821" t="s">
        <v>86</v>
      </c>
      <c r="Q16821">
        <v>30</v>
      </c>
      <c r="R16821">
        <v>30</v>
      </c>
      <c r="S16821">
        <v>31</v>
      </c>
      <c r="T16821">
        <v>31</v>
      </c>
      <c r="U16821">
        <v>31</v>
      </c>
      <c r="V16821">
        <v>32</v>
      </c>
      <c r="W16821">
        <v>32</v>
      </c>
      <c r="X16821">
        <v>33</v>
      </c>
      <c r="Y16821">
        <v>33</v>
      </c>
      <c r="Z16821">
        <v>33</v>
      </c>
      <c r="AA16821">
        <v>34</v>
      </c>
      <c r="AB16821">
        <v>34</v>
      </c>
      <c r="AC16821">
        <v>34</v>
      </c>
      <c r="AD16821">
        <v>35</v>
      </c>
      <c r="AE16821">
        <v>35</v>
      </c>
      <c r="AF16821">
        <v>36</v>
      </c>
      <c r="AG16821">
        <v>36</v>
      </c>
      <c r="AH16821">
        <v>36</v>
      </c>
      <c r="AI16821">
        <v>37</v>
      </c>
      <c r="AJ16821">
        <v>37</v>
      </c>
      <c r="AK16821">
        <v>37</v>
      </c>
      <c r="AL16821">
        <v>37</v>
      </c>
      <c r="AM16821">
        <v>37</v>
      </c>
      <c r="AN16821">
        <v>37</v>
      </c>
      <c r="AO16821">
        <v>38</v>
      </c>
      <c r="AP16821">
        <v>38</v>
      </c>
      <c r="AQ16821">
        <v>38</v>
      </c>
    </row>
    <row r="16822" spans="1:43">
      <c r="A16822" t="s">
        <v>10438</v>
      </c>
      <c r="B16822" t="s">
        <v>10439</v>
      </c>
      <c r="C16822" t="s">
        <v>10236</v>
      </c>
      <c r="D16822" t="s">
        <v>10237</v>
      </c>
      <c r="E16822" t="s">
        <v>10212</v>
      </c>
      <c r="F16822" t="s">
        <v>10213</v>
      </c>
      <c r="G16822" t="s">
        <v>10214</v>
      </c>
      <c r="H16822" t="s">
        <v>10215</v>
      </c>
      <c r="I16822" s="2">
        <v>1</v>
      </c>
      <c r="J16822" s="2">
        <v>0</v>
      </c>
      <c r="K16822" s="2">
        <v>0</v>
      </c>
      <c r="L16822" t="s">
        <v>120</v>
      </c>
      <c r="M16822" t="s">
        <v>83</v>
      </c>
      <c r="N16822" t="s">
        <v>84</v>
      </c>
      <c r="O16822" t="s">
        <v>85</v>
      </c>
      <c r="P16822" t="s">
        <v>86</v>
      </c>
      <c r="Q16822">
        <v>18</v>
      </c>
      <c r="R16822">
        <v>18</v>
      </c>
      <c r="S16822">
        <v>18</v>
      </c>
      <c r="T16822">
        <v>19</v>
      </c>
      <c r="U16822">
        <v>19</v>
      </c>
      <c r="V16822">
        <v>19</v>
      </c>
      <c r="W16822">
        <v>19</v>
      </c>
      <c r="X16822">
        <v>20</v>
      </c>
      <c r="Y16822">
        <v>20</v>
      </c>
      <c r="Z16822">
        <v>20</v>
      </c>
      <c r="AA16822">
        <v>20</v>
      </c>
      <c r="AB16822">
        <v>21</v>
      </c>
      <c r="AC16822">
        <v>21</v>
      </c>
      <c r="AD16822">
        <v>21</v>
      </c>
      <c r="AE16822">
        <v>21</v>
      </c>
      <c r="AF16822">
        <v>21</v>
      </c>
      <c r="AG16822">
        <v>22</v>
      </c>
      <c r="AH16822">
        <v>22</v>
      </c>
      <c r="AI16822">
        <v>22</v>
      </c>
      <c r="AJ16822">
        <v>22</v>
      </c>
      <c r="AK16822">
        <v>23</v>
      </c>
      <c r="AL16822">
        <v>23</v>
      </c>
      <c r="AM16822">
        <v>23</v>
      </c>
      <c r="AN16822">
        <v>23</v>
      </c>
      <c r="AO16822">
        <v>23</v>
      </c>
      <c r="AP16822">
        <v>23</v>
      </c>
      <c r="AQ16822">
        <v>23</v>
      </c>
    </row>
    <row r="16823" spans="1:43">
      <c r="A16823" t="s">
        <v>10438</v>
      </c>
      <c r="B16823" t="s">
        <v>10439</v>
      </c>
      <c r="C16823" t="s">
        <v>10236</v>
      </c>
      <c r="D16823" t="s">
        <v>10237</v>
      </c>
      <c r="E16823" t="s">
        <v>10212</v>
      </c>
      <c r="F16823" t="s">
        <v>10213</v>
      </c>
      <c r="G16823" t="s">
        <v>10214</v>
      </c>
      <c r="H16823" t="s">
        <v>10215</v>
      </c>
      <c r="I16823" s="2">
        <v>1</v>
      </c>
      <c r="J16823" s="2">
        <v>0</v>
      </c>
      <c r="K16823" s="2">
        <v>0</v>
      </c>
      <c r="L16823" t="s">
        <v>120</v>
      </c>
      <c r="M16823" t="s">
        <v>87</v>
      </c>
      <c r="N16823" t="s">
        <v>88</v>
      </c>
      <c r="O16823" t="s">
        <v>85</v>
      </c>
      <c r="P16823" t="s">
        <v>86</v>
      </c>
      <c r="Q16823">
        <v>18</v>
      </c>
      <c r="R16823">
        <v>18</v>
      </c>
      <c r="S16823">
        <v>18</v>
      </c>
      <c r="T16823">
        <v>18</v>
      </c>
      <c r="U16823">
        <v>18</v>
      </c>
      <c r="V16823">
        <v>18</v>
      </c>
      <c r="W16823">
        <v>18</v>
      </c>
      <c r="X16823">
        <v>18</v>
      </c>
      <c r="Y16823">
        <v>18</v>
      </c>
      <c r="Z16823">
        <v>19</v>
      </c>
      <c r="AA16823">
        <v>19</v>
      </c>
      <c r="AB16823">
        <v>19</v>
      </c>
      <c r="AC16823">
        <v>19</v>
      </c>
      <c r="AD16823">
        <v>19</v>
      </c>
      <c r="AE16823">
        <v>19</v>
      </c>
      <c r="AF16823">
        <v>19</v>
      </c>
      <c r="AG16823">
        <v>19</v>
      </c>
      <c r="AH16823">
        <v>19</v>
      </c>
      <c r="AI16823">
        <v>19</v>
      </c>
      <c r="AJ16823">
        <v>19</v>
      </c>
      <c r="AK16823">
        <v>19</v>
      </c>
      <c r="AL16823">
        <v>20</v>
      </c>
      <c r="AM16823">
        <v>20</v>
      </c>
      <c r="AN16823">
        <v>20</v>
      </c>
      <c r="AO16823">
        <v>20</v>
      </c>
      <c r="AP16823">
        <v>20</v>
      </c>
      <c r="AQ16823">
        <v>20</v>
      </c>
    </row>
    <row r="16824" spans="1:43">
      <c r="A16824" t="s">
        <v>10438</v>
      </c>
      <c r="B16824" t="s">
        <v>10439</v>
      </c>
      <c r="C16824" t="s">
        <v>10236</v>
      </c>
      <c r="D16824" t="s">
        <v>10237</v>
      </c>
      <c r="E16824" t="s">
        <v>10212</v>
      </c>
      <c r="F16824" t="s">
        <v>10213</v>
      </c>
      <c r="G16824" t="s">
        <v>10214</v>
      </c>
      <c r="H16824" t="s">
        <v>10215</v>
      </c>
      <c r="I16824" s="2">
        <v>1</v>
      </c>
      <c r="J16824" s="2">
        <v>0</v>
      </c>
      <c r="K16824" s="2">
        <v>0</v>
      </c>
      <c r="L16824" t="s">
        <v>120</v>
      </c>
      <c r="M16824" t="s">
        <v>89</v>
      </c>
      <c r="N16824" t="s">
        <v>90</v>
      </c>
      <c r="O16824" t="s">
        <v>85</v>
      </c>
      <c r="P16824" t="s">
        <v>86</v>
      </c>
      <c r="Q16824">
        <v>18</v>
      </c>
      <c r="R16824">
        <v>18</v>
      </c>
      <c r="S16824">
        <v>19</v>
      </c>
      <c r="T16824">
        <v>19</v>
      </c>
      <c r="U16824">
        <v>20</v>
      </c>
      <c r="V16824">
        <v>20</v>
      </c>
      <c r="W16824">
        <v>20</v>
      </c>
      <c r="X16824">
        <v>21</v>
      </c>
      <c r="Y16824">
        <v>21</v>
      </c>
      <c r="Z16824">
        <v>21</v>
      </c>
      <c r="AA16824">
        <v>22</v>
      </c>
      <c r="AB16824">
        <v>22</v>
      </c>
      <c r="AC16824">
        <v>22</v>
      </c>
      <c r="AD16824">
        <v>23</v>
      </c>
      <c r="AE16824">
        <v>23</v>
      </c>
      <c r="AF16824">
        <v>23</v>
      </c>
      <c r="AG16824">
        <v>23</v>
      </c>
      <c r="AH16824">
        <v>23</v>
      </c>
      <c r="AI16824">
        <v>23</v>
      </c>
      <c r="AJ16824">
        <v>23</v>
      </c>
      <c r="AK16824">
        <v>23</v>
      </c>
      <c r="AL16824">
        <v>23</v>
      </c>
      <c r="AM16824">
        <v>23</v>
      </c>
      <c r="AN16824">
        <v>23</v>
      </c>
      <c r="AO16824">
        <v>23</v>
      </c>
      <c r="AP16824">
        <v>23</v>
      </c>
      <c r="AQ16824">
        <v>23</v>
      </c>
    </row>
    <row r="16825" spans="1:43">
      <c r="A16825" t="s">
        <v>10438</v>
      </c>
      <c r="B16825" t="s">
        <v>10439</v>
      </c>
      <c r="C16825" t="s">
        <v>10236</v>
      </c>
      <c r="D16825" t="s">
        <v>10237</v>
      </c>
      <c r="E16825" t="s">
        <v>10212</v>
      </c>
      <c r="F16825" t="s">
        <v>10213</v>
      </c>
      <c r="G16825" t="s">
        <v>10214</v>
      </c>
      <c r="H16825" t="s">
        <v>10215</v>
      </c>
      <c r="I16825" s="2">
        <v>1</v>
      </c>
      <c r="J16825" s="2">
        <v>0</v>
      </c>
      <c r="K16825" s="2">
        <v>0</v>
      </c>
      <c r="L16825" t="s">
        <v>120</v>
      </c>
      <c r="M16825" t="s">
        <v>83</v>
      </c>
      <c r="N16825" t="s">
        <v>91</v>
      </c>
      <c r="O16825" t="s">
        <v>85</v>
      </c>
      <c r="P16825" t="s">
        <v>86</v>
      </c>
      <c r="Q16825">
        <v>18</v>
      </c>
      <c r="R16825">
        <v>18</v>
      </c>
      <c r="S16825">
        <v>18</v>
      </c>
      <c r="T16825">
        <v>19</v>
      </c>
      <c r="U16825">
        <v>19</v>
      </c>
      <c r="V16825">
        <v>19</v>
      </c>
      <c r="W16825">
        <v>19</v>
      </c>
      <c r="X16825">
        <v>20</v>
      </c>
      <c r="Y16825">
        <v>20</v>
      </c>
      <c r="Z16825">
        <v>20</v>
      </c>
      <c r="AA16825">
        <v>20</v>
      </c>
      <c r="AB16825">
        <v>21</v>
      </c>
      <c r="AC16825">
        <v>21</v>
      </c>
      <c r="AD16825">
        <v>21</v>
      </c>
      <c r="AE16825">
        <v>21</v>
      </c>
      <c r="AF16825">
        <v>21</v>
      </c>
      <c r="AG16825">
        <v>22</v>
      </c>
      <c r="AH16825">
        <v>22</v>
      </c>
      <c r="AI16825">
        <v>22</v>
      </c>
      <c r="AJ16825">
        <v>22</v>
      </c>
      <c r="AK16825">
        <v>23</v>
      </c>
      <c r="AL16825">
        <v>23</v>
      </c>
      <c r="AM16825">
        <v>23</v>
      </c>
      <c r="AN16825">
        <v>23</v>
      </c>
      <c r="AO16825">
        <v>23</v>
      </c>
      <c r="AP16825">
        <v>23</v>
      </c>
      <c r="AQ16825">
        <v>23</v>
      </c>
    </row>
    <row r="16826" spans="1:43">
      <c r="A16826" t="s">
        <v>10440</v>
      </c>
      <c r="B16826" t="s">
        <v>10441</v>
      </c>
      <c r="C16826" t="s">
        <v>10236</v>
      </c>
      <c r="D16826" t="s">
        <v>10237</v>
      </c>
      <c r="E16826" t="s">
        <v>10212</v>
      </c>
      <c r="F16826" t="s">
        <v>10213</v>
      </c>
      <c r="G16826" t="s">
        <v>10214</v>
      </c>
      <c r="H16826" t="s">
        <v>10215</v>
      </c>
      <c r="I16826" s="2">
        <v>1</v>
      </c>
      <c r="J16826" s="2">
        <v>0</v>
      </c>
      <c r="K16826" s="2">
        <v>0</v>
      </c>
      <c r="L16826" t="s">
        <v>120</v>
      </c>
      <c r="M16826" t="s">
        <v>83</v>
      </c>
      <c r="N16826" t="s">
        <v>84</v>
      </c>
      <c r="O16826" t="s">
        <v>85</v>
      </c>
      <c r="P16826" t="s">
        <v>86</v>
      </c>
      <c r="Q16826">
        <v>20</v>
      </c>
      <c r="R16826">
        <v>20</v>
      </c>
      <c r="S16826">
        <v>20</v>
      </c>
      <c r="T16826">
        <v>21</v>
      </c>
      <c r="U16826">
        <v>21</v>
      </c>
      <c r="V16826">
        <v>21</v>
      </c>
      <c r="W16826">
        <v>22</v>
      </c>
      <c r="X16826">
        <v>22</v>
      </c>
      <c r="Y16826">
        <v>22</v>
      </c>
      <c r="Z16826">
        <v>22</v>
      </c>
      <c r="AA16826">
        <v>22</v>
      </c>
      <c r="AB16826">
        <v>23</v>
      </c>
      <c r="AC16826">
        <v>23</v>
      </c>
      <c r="AD16826">
        <v>23</v>
      </c>
      <c r="AE16826">
        <v>23</v>
      </c>
      <c r="AF16826">
        <v>23</v>
      </c>
      <c r="AG16826">
        <v>24</v>
      </c>
      <c r="AH16826">
        <v>24</v>
      </c>
      <c r="AI16826">
        <v>24</v>
      </c>
      <c r="AJ16826">
        <v>24</v>
      </c>
      <c r="AK16826">
        <v>24</v>
      </c>
      <c r="AL16826">
        <v>24</v>
      </c>
      <c r="AM16826">
        <v>24</v>
      </c>
      <c r="AN16826">
        <v>24</v>
      </c>
      <c r="AO16826">
        <v>24</v>
      </c>
      <c r="AP16826">
        <v>24</v>
      </c>
      <c r="AQ16826">
        <v>24</v>
      </c>
    </row>
    <row r="16827" spans="1:43">
      <c r="A16827" t="s">
        <v>10440</v>
      </c>
      <c r="B16827" t="s">
        <v>10441</v>
      </c>
      <c r="C16827" t="s">
        <v>10236</v>
      </c>
      <c r="D16827" t="s">
        <v>10237</v>
      </c>
      <c r="E16827" t="s">
        <v>10212</v>
      </c>
      <c r="F16827" t="s">
        <v>10213</v>
      </c>
      <c r="G16827" t="s">
        <v>10214</v>
      </c>
      <c r="H16827" t="s">
        <v>10215</v>
      </c>
      <c r="I16827" s="2">
        <v>1</v>
      </c>
      <c r="J16827" s="2">
        <v>0</v>
      </c>
      <c r="K16827" s="2">
        <v>0</v>
      </c>
      <c r="L16827" t="s">
        <v>120</v>
      </c>
      <c r="M16827" t="s">
        <v>87</v>
      </c>
      <c r="N16827" t="s">
        <v>88</v>
      </c>
      <c r="O16827" t="s">
        <v>85</v>
      </c>
      <c r="P16827" t="s">
        <v>86</v>
      </c>
      <c r="Q16827">
        <v>20</v>
      </c>
      <c r="R16827">
        <v>20</v>
      </c>
      <c r="S16827">
        <v>20</v>
      </c>
      <c r="T16827">
        <v>20</v>
      </c>
      <c r="U16827">
        <v>20</v>
      </c>
      <c r="V16827">
        <v>20</v>
      </c>
      <c r="W16827">
        <v>20</v>
      </c>
      <c r="X16827">
        <v>20</v>
      </c>
      <c r="Y16827">
        <v>20</v>
      </c>
      <c r="Z16827">
        <v>20</v>
      </c>
      <c r="AA16827">
        <v>20</v>
      </c>
      <c r="AB16827">
        <v>21</v>
      </c>
      <c r="AC16827">
        <v>21</v>
      </c>
      <c r="AD16827">
        <v>21</v>
      </c>
      <c r="AE16827">
        <v>21</v>
      </c>
      <c r="AF16827">
        <v>21</v>
      </c>
      <c r="AG16827">
        <v>21</v>
      </c>
      <c r="AH16827">
        <v>21</v>
      </c>
      <c r="AI16827">
        <v>21</v>
      </c>
      <c r="AJ16827">
        <v>21</v>
      </c>
      <c r="AK16827">
        <v>21</v>
      </c>
      <c r="AL16827">
        <v>21</v>
      </c>
      <c r="AM16827">
        <v>21</v>
      </c>
      <c r="AN16827">
        <v>21</v>
      </c>
      <c r="AO16827">
        <v>21</v>
      </c>
      <c r="AP16827">
        <v>21</v>
      </c>
      <c r="AQ16827">
        <v>21</v>
      </c>
    </row>
    <row r="16828" spans="1:43">
      <c r="A16828" t="s">
        <v>10440</v>
      </c>
      <c r="B16828" t="s">
        <v>10441</v>
      </c>
      <c r="C16828" t="s">
        <v>10236</v>
      </c>
      <c r="D16828" t="s">
        <v>10237</v>
      </c>
      <c r="E16828" t="s">
        <v>10212</v>
      </c>
      <c r="F16828" t="s">
        <v>10213</v>
      </c>
      <c r="G16828" t="s">
        <v>10214</v>
      </c>
      <c r="H16828" t="s">
        <v>10215</v>
      </c>
      <c r="I16828" s="2">
        <v>1</v>
      </c>
      <c r="J16828" s="2">
        <v>0</v>
      </c>
      <c r="K16828" s="2">
        <v>0</v>
      </c>
      <c r="L16828" t="s">
        <v>120</v>
      </c>
      <c r="M16828" t="s">
        <v>89</v>
      </c>
      <c r="N16828" t="s">
        <v>90</v>
      </c>
      <c r="O16828" t="s">
        <v>85</v>
      </c>
      <c r="P16828" t="s">
        <v>86</v>
      </c>
      <c r="Q16828">
        <v>20</v>
      </c>
      <c r="R16828">
        <v>21</v>
      </c>
      <c r="S16828">
        <v>21</v>
      </c>
      <c r="T16828">
        <v>21</v>
      </c>
      <c r="U16828">
        <v>22</v>
      </c>
      <c r="V16828">
        <v>22</v>
      </c>
      <c r="W16828">
        <v>22</v>
      </c>
      <c r="X16828">
        <v>23</v>
      </c>
      <c r="Y16828">
        <v>23</v>
      </c>
      <c r="Z16828">
        <v>23</v>
      </c>
      <c r="AA16828">
        <v>24</v>
      </c>
      <c r="AB16828">
        <v>24</v>
      </c>
      <c r="AC16828">
        <v>24</v>
      </c>
      <c r="AD16828">
        <v>25</v>
      </c>
      <c r="AE16828">
        <v>25</v>
      </c>
      <c r="AF16828">
        <v>25</v>
      </c>
      <c r="AG16828">
        <v>25</v>
      </c>
      <c r="AH16828">
        <v>25</v>
      </c>
      <c r="AI16828">
        <v>25</v>
      </c>
      <c r="AJ16828">
        <v>25</v>
      </c>
      <c r="AK16828">
        <v>25</v>
      </c>
      <c r="AL16828">
        <v>25</v>
      </c>
      <c r="AM16828">
        <v>25</v>
      </c>
      <c r="AN16828">
        <v>25</v>
      </c>
      <c r="AO16828">
        <v>25</v>
      </c>
      <c r="AP16828">
        <v>24</v>
      </c>
      <c r="AQ16828">
        <v>24</v>
      </c>
    </row>
    <row r="16829" spans="1:43">
      <c r="A16829" t="s">
        <v>10440</v>
      </c>
      <c r="B16829" t="s">
        <v>10441</v>
      </c>
      <c r="C16829" t="s">
        <v>10236</v>
      </c>
      <c r="D16829" t="s">
        <v>10237</v>
      </c>
      <c r="E16829" t="s">
        <v>10212</v>
      </c>
      <c r="F16829" t="s">
        <v>10213</v>
      </c>
      <c r="G16829" t="s">
        <v>10214</v>
      </c>
      <c r="H16829" t="s">
        <v>10215</v>
      </c>
      <c r="I16829" s="2">
        <v>1</v>
      </c>
      <c r="J16829" s="2">
        <v>0</v>
      </c>
      <c r="K16829" s="2">
        <v>0</v>
      </c>
      <c r="L16829" t="s">
        <v>120</v>
      </c>
      <c r="M16829" t="s">
        <v>83</v>
      </c>
      <c r="N16829" t="s">
        <v>91</v>
      </c>
      <c r="O16829" t="s">
        <v>85</v>
      </c>
      <c r="P16829" t="s">
        <v>86</v>
      </c>
      <c r="Q16829">
        <v>20</v>
      </c>
      <c r="R16829">
        <v>20</v>
      </c>
      <c r="S16829">
        <v>20</v>
      </c>
      <c r="T16829">
        <v>21</v>
      </c>
      <c r="U16829">
        <v>21</v>
      </c>
      <c r="V16829">
        <v>21</v>
      </c>
      <c r="W16829">
        <v>22</v>
      </c>
      <c r="X16829">
        <v>22</v>
      </c>
      <c r="Y16829">
        <v>22</v>
      </c>
      <c r="Z16829">
        <v>22</v>
      </c>
      <c r="AA16829">
        <v>22</v>
      </c>
      <c r="AB16829">
        <v>23</v>
      </c>
      <c r="AC16829">
        <v>23</v>
      </c>
      <c r="AD16829">
        <v>23</v>
      </c>
      <c r="AE16829">
        <v>23</v>
      </c>
      <c r="AF16829">
        <v>23</v>
      </c>
      <c r="AG16829">
        <v>24</v>
      </c>
      <c r="AH16829">
        <v>24</v>
      </c>
      <c r="AI16829">
        <v>24</v>
      </c>
      <c r="AJ16829">
        <v>24</v>
      </c>
      <c r="AK16829">
        <v>24</v>
      </c>
      <c r="AL16829">
        <v>24</v>
      </c>
      <c r="AM16829">
        <v>24</v>
      </c>
      <c r="AN16829">
        <v>24</v>
      </c>
      <c r="AO16829">
        <v>24</v>
      </c>
      <c r="AP16829">
        <v>24</v>
      </c>
      <c r="AQ16829">
        <v>24</v>
      </c>
    </row>
    <row r="16830" spans="1:43">
      <c r="A16830" t="s">
        <v>10442</v>
      </c>
      <c r="B16830" t="s">
        <v>10443</v>
      </c>
      <c r="C16830" t="s">
        <v>10294</v>
      </c>
      <c r="D16830" t="s">
        <v>10295</v>
      </c>
      <c r="E16830" t="s">
        <v>10212</v>
      </c>
      <c r="F16830" t="s">
        <v>10213</v>
      </c>
      <c r="G16830" t="s">
        <v>10214</v>
      </c>
      <c r="H16830" t="s">
        <v>10215</v>
      </c>
      <c r="I16830" s="2">
        <v>1</v>
      </c>
      <c r="J16830" s="2">
        <v>0</v>
      </c>
      <c r="K16830" s="2">
        <v>0</v>
      </c>
      <c r="L16830" t="s">
        <v>120</v>
      </c>
      <c r="M16830" t="s">
        <v>83</v>
      </c>
      <c r="N16830" t="s">
        <v>84</v>
      </c>
      <c r="O16830" t="s">
        <v>85</v>
      </c>
      <c r="P16830" t="s">
        <v>86</v>
      </c>
      <c r="Q16830">
        <v>13</v>
      </c>
      <c r="R16830">
        <v>13</v>
      </c>
      <c r="S16830">
        <v>13</v>
      </c>
      <c r="T16830">
        <v>14</v>
      </c>
      <c r="U16830">
        <v>14</v>
      </c>
      <c r="V16830">
        <v>14</v>
      </c>
      <c r="W16830">
        <v>14</v>
      </c>
      <c r="X16830">
        <v>14</v>
      </c>
      <c r="Y16830">
        <v>14</v>
      </c>
      <c r="Z16830">
        <v>15</v>
      </c>
      <c r="AA16830">
        <v>15</v>
      </c>
      <c r="AB16830">
        <v>15</v>
      </c>
      <c r="AC16830">
        <v>15</v>
      </c>
      <c r="AD16830">
        <v>15</v>
      </c>
      <c r="AE16830">
        <v>15</v>
      </c>
      <c r="AF16830">
        <v>16</v>
      </c>
      <c r="AG16830">
        <v>16</v>
      </c>
      <c r="AH16830">
        <v>16</v>
      </c>
      <c r="AI16830">
        <v>16</v>
      </c>
      <c r="AJ16830">
        <v>16</v>
      </c>
      <c r="AK16830">
        <v>16</v>
      </c>
      <c r="AL16830">
        <v>16</v>
      </c>
      <c r="AM16830">
        <v>16</v>
      </c>
      <c r="AN16830">
        <v>16</v>
      </c>
      <c r="AO16830">
        <v>16</v>
      </c>
      <c r="AP16830">
        <v>16</v>
      </c>
      <c r="AQ16830">
        <v>16</v>
      </c>
    </row>
    <row r="16831" spans="1:43">
      <c r="A16831" t="s">
        <v>10442</v>
      </c>
      <c r="B16831" t="s">
        <v>10443</v>
      </c>
      <c r="C16831" t="s">
        <v>10294</v>
      </c>
      <c r="D16831" t="s">
        <v>10295</v>
      </c>
      <c r="E16831" t="s">
        <v>10212</v>
      </c>
      <c r="F16831" t="s">
        <v>10213</v>
      </c>
      <c r="G16831" t="s">
        <v>10214</v>
      </c>
      <c r="H16831" t="s">
        <v>10215</v>
      </c>
      <c r="I16831" s="2">
        <v>1</v>
      </c>
      <c r="J16831" s="2">
        <v>0</v>
      </c>
      <c r="K16831" s="2">
        <v>0</v>
      </c>
      <c r="L16831" t="s">
        <v>120</v>
      </c>
      <c r="M16831" t="s">
        <v>87</v>
      </c>
      <c r="N16831" t="s">
        <v>88</v>
      </c>
      <c r="O16831" t="s">
        <v>85</v>
      </c>
      <c r="P16831" t="s">
        <v>86</v>
      </c>
      <c r="Q16831">
        <v>13</v>
      </c>
      <c r="R16831">
        <v>13</v>
      </c>
      <c r="S16831">
        <v>13</v>
      </c>
      <c r="T16831">
        <v>13</v>
      </c>
      <c r="U16831">
        <v>13</v>
      </c>
      <c r="V16831">
        <v>13</v>
      </c>
      <c r="W16831">
        <v>13</v>
      </c>
      <c r="X16831">
        <v>13</v>
      </c>
      <c r="Y16831">
        <v>13</v>
      </c>
      <c r="Z16831">
        <v>13</v>
      </c>
      <c r="AA16831">
        <v>13</v>
      </c>
      <c r="AB16831">
        <v>14</v>
      </c>
      <c r="AC16831">
        <v>14</v>
      </c>
      <c r="AD16831">
        <v>14</v>
      </c>
      <c r="AE16831">
        <v>14</v>
      </c>
      <c r="AF16831">
        <v>14</v>
      </c>
      <c r="AG16831">
        <v>14</v>
      </c>
      <c r="AH16831">
        <v>14</v>
      </c>
      <c r="AI16831">
        <v>14</v>
      </c>
      <c r="AJ16831">
        <v>14</v>
      </c>
      <c r="AK16831">
        <v>14</v>
      </c>
      <c r="AL16831">
        <v>14</v>
      </c>
      <c r="AM16831">
        <v>14</v>
      </c>
      <c r="AN16831">
        <v>14</v>
      </c>
      <c r="AO16831">
        <v>14</v>
      </c>
      <c r="AP16831">
        <v>14</v>
      </c>
      <c r="AQ16831">
        <v>14</v>
      </c>
    </row>
    <row r="16832" spans="1:43">
      <c r="A16832" t="s">
        <v>10442</v>
      </c>
      <c r="B16832" t="s">
        <v>10443</v>
      </c>
      <c r="C16832" t="s">
        <v>10294</v>
      </c>
      <c r="D16832" t="s">
        <v>10295</v>
      </c>
      <c r="E16832" t="s">
        <v>10212</v>
      </c>
      <c r="F16832" t="s">
        <v>10213</v>
      </c>
      <c r="G16832" t="s">
        <v>10214</v>
      </c>
      <c r="H16832" t="s">
        <v>10215</v>
      </c>
      <c r="I16832" s="2">
        <v>1</v>
      </c>
      <c r="J16832" s="2">
        <v>0</v>
      </c>
      <c r="K16832" s="2">
        <v>0</v>
      </c>
      <c r="L16832" t="s">
        <v>120</v>
      </c>
      <c r="M16832" t="s">
        <v>89</v>
      </c>
      <c r="N16832" t="s">
        <v>90</v>
      </c>
      <c r="O16832" t="s">
        <v>85</v>
      </c>
      <c r="P16832" t="s">
        <v>86</v>
      </c>
      <c r="Q16832">
        <v>13</v>
      </c>
      <c r="R16832">
        <v>13</v>
      </c>
      <c r="S16832">
        <v>14</v>
      </c>
      <c r="T16832">
        <v>14</v>
      </c>
      <c r="U16832">
        <v>14</v>
      </c>
      <c r="V16832">
        <v>14</v>
      </c>
      <c r="W16832">
        <v>15</v>
      </c>
      <c r="X16832">
        <v>15</v>
      </c>
      <c r="Y16832">
        <v>15</v>
      </c>
      <c r="Z16832">
        <v>15</v>
      </c>
      <c r="AA16832">
        <v>16</v>
      </c>
      <c r="AB16832">
        <v>16</v>
      </c>
      <c r="AC16832">
        <v>16</v>
      </c>
      <c r="AD16832">
        <v>16</v>
      </c>
      <c r="AE16832">
        <v>16</v>
      </c>
      <c r="AF16832">
        <v>16</v>
      </c>
      <c r="AG16832">
        <v>16</v>
      </c>
      <c r="AH16832">
        <v>16</v>
      </c>
      <c r="AI16832">
        <v>16</v>
      </c>
      <c r="AJ16832">
        <v>16</v>
      </c>
      <c r="AK16832">
        <v>16</v>
      </c>
      <c r="AL16832">
        <v>16</v>
      </c>
      <c r="AM16832">
        <v>16</v>
      </c>
      <c r="AN16832">
        <v>16</v>
      </c>
      <c r="AO16832">
        <v>16</v>
      </c>
      <c r="AP16832">
        <v>16</v>
      </c>
      <c r="AQ16832">
        <v>16</v>
      </c>
    </row>
    <row r="16833" spans="1:43">
      <c r="A16833" t="s">
        <v>10442</v>
      </c>
      <c r="B16833" t="s">
        <v>10443</v>
      </c>
      <c r="C16833" t="s">
        <v>10294</v>
      </c>
      <c r="D16833" t="s">
        <v>10295</v>
      </c>
      <c r="E16833" t="s">
        <v>10212</v>
      </c>
      <c r="F16833" t="s">
        <v>10213</v>
      </c>
      <c r="G16833" t="s">
        <v>10214</v>
      </c>
      <c r="H16833" t="s">
        <v>10215</v>
      </c>
      <c r="I16833" s="2">
        <v>1</v>
      </c>
      <c r="J16833" s="2">
        <v>0</v>
      </c>
      <c r="K16833" s="2">
        <v>0</v>
      </c>
      <c r="L16833" t="s">
        <v>120</v>
      </c>
      <c r="M16833" t="s">
        <v>83</v>
      </c>
      <c r="N16833" t="s">
        <v>91</v>
      </c>
      <c r="O16833" t="s">
        <v>85</v>
      </c>
      <c r="P16833" t="s">
        <v>86</v>
      </c>
      <c r="Q16833">
        <v>13</v>
      </c>
      <c r="R16833">
        <v>13</v>
      </c>
      <c r="S16833">
        <v>13</v>
      </c>
      <c r="T16833">
        <v>14</v>
      </c>
      <c r="U16833">
        <v>14</v>
      </c>
      <c r="V16833">
        <v>14</v>
      </c>
      <c r="W16833">
        <v>14</v>
      </c>
      <c r="X16833">
        <v>14</v>
      </c>
      <c r="Y16833">
        <v>14</v>
      </c>
      <c r="Z16833">
        <v>15</v>
      </c>
      <c r="AA16833">
        <v>15</v>
      </c>
      <c r="AB16833">
        <v>15</v>
      </c>
      <c r="AC16833">
        <v>15</v>
      </c>
      <c r="AD16833">
        <v>15</v>
      </c>
      <c r="AE16833">
        <v>15</v>
      </c>
      <c r="AF16833">
        <v>16</v>
      </c>
      <c r="AG16833">
        <v>16</v>
      </c>
      <c r="AH16833">
        <v>16</v>
      </c>
      <c r="AI16833">
        <v>16</v>
      </c>
      <c r="AJ16833">
        <v>16</v>
      </c>
      <c r="AK16833">
        <v>16</v>
      </c>
      <c r="AL16833">
        <v>16</v>
      </c>
      <c r="AM16833">
        <v>16</v>
      </c>
      <c r="AN16833">
        <v>16</v>
      </c>
      <c r="AO16833">
        <v>16</v>
      </c>
      <c r="AP16833">
        <v>16</v>
      </c>
      <c r="AQ16833">
        <v>16</v>
      </c>
    </row>
    <row r="16834" spans="1:43">
      <c r="A16834" t="s">
        <v>10444</v>
      </c>
      <c r="B16834" t="s">
        <v>10445</v>
      </c>
      <c r="C16834" t="s">
        <v>10446</v>
      </c>
      <c r="D16834" t="s">
        <v>10447</v>
      </c>
      <c r="E16834" t="s">
        <v>10448</v>
      </c>
      <c r="F16834" t="s">
        <v>10449</v>
      </c>
      <c r="G16834" t="s">
        <v>10450</v>
      </c>
      <c r="H16834" t="s">
        <v>10451</v>
      </c>
      <c r="I16834" s="2">
        <v>1</v>
      </c>
      <c r="J16834" s="2">
        <v>0</v>
      </c>
      <c r="K16834" s="2">
        <v>0</v>
      </c>
      <c r="L16834" t="s">
        <v>120</v>
      </c>
      <c r="M16834" t="s">
        <v>83</v>
      </c>
      <c r="N16834" t="s">
        <v>84</v>
      </c>
      <c r="O16834" t="s">
        <v>85</v>
      </c>
      <c r="P16834" t="s">
        <v>86</v>
      </c>
      <c r="Q16834">
        <v>6</v>
      </c>
      <c r="R16834">
        <v>6</v>
      </c>
      <c r="S16834">
        <v>6</v>
      </c>
      <c r="T16834">
        <v>6</v>
      </c>
      <c r="U16834">
        <v>6</v>
      </c>
      <c r="V16834">
        <v>6</v>
      </c>
      <c r="W16834">
        <v>6</v>
      </c>
      <c r="X16834">
        <v>7</v>
      </c>
      <c r="Y16834">
        <v>7</v>
      </c>
      <c r="Z16834">
        <v>7</v>
      </c>
      <c r="AA16834">
        <v>7</v>
      </c>
      <c r="AB16834">
        <v>7</v>
      </c>
      <c r="AC16834">
        <v>7</v>
      </c>
      <c r="AD16834">
        <v>7</v>
      </c>
      <c r="AE16834">
        <v>7</v>
      </c>
      <c r="AF16834">
        <v>7</v>
      </c>
      <c r="AG16834">
        <v>7</v>
      </c>
      <c r="AH16834">
        <v>7</v>
      </c>
      <c r="AI16834">
        <v>7</v>
      </c>
      <c r="AJ16834">
        <v>7</v>
      </c>
      <c r="AK16834">
        <v>8</v>
      </c>
      <c r="AL16834">
        <v>8</v>
      </c>
      <c r="AM16834">
        <v>8</v>
      </c>
      <c r="AN16834">
        <v>8</v>
      </c>
      <c r="AO16834">
        <v>8</v>
      </c>
      <c r="AP16834">
        <v>8</v>
      </c>
      <c r="AQ16834">
        <v>8</v>
      </c>
    </row>
    <row r="16835" spans="1:43">
      <c r="A16835" t="s">
        <v>10444</v>
      </c>
      <c r="B16835" t="s">
        <v>10445</v>
      </c>
      <c r="C16835" t="s">
        <v>10446</v>
      </c>
      <c r="D16835" t="s">
        <v>10447</v>
      </c>
      <c r="E16835" t="s">
        <v>10448</v>
      </c>
      <c r="F16835" t="s">
        <v>10449</v>
      </c>
      <c r="G16835" t="s">
        <v>10450</v>
      </c>
      <c r="H16835" t="s">
        <v>10451</v>
      </c>
      <c r="I16835" s="2">
        <v>1</v>
      </c>
      <c r="J16835" s="2">
        <v>0</v>
      </c>
      <c r="K16835" s="2">
        <v>0</v>
      </c>
      <c r="L16835" t="s">
        <v>120</v>
      </c>
      <c r="M16835" t="s">
        <v>87</v>
      </c>
      <c r="N16835" t="s">
        <v>88</v>
      </c>
      <c r="O16835" t="s">
        <v>85</v>
      </c>
      <c r="P16835" t="s">
        <v>86</v>
      </c>
      <c r="Q16835">
        <v>6</v>
      </c>
      <c r="R16835">
        <v>6</v>
      </c>
      <c r="S16835">
        <v>6</v>
      </c>
      <c r="T16835">
        <v>6</v>
      </c>
      <c r="U16835">
        <v>6</v>
      </c>
      <c r="V16835">
        <v>6</v>
      </c>
      <c r="W16835">
        <v>6</v>
      </c>
      <c r="X16835">
        <v>6</v>
      </c>
      <c r="Y16835">
        <v>6</v>
      </c>
      <c r="Z16835">
        <v>6</v>
      </c>
      <c r="AA16835">
        <v>6</v>
      </c>
      <c r="AB16835">
        <v>6</v>
      </c>
      <c r="AC16835">
        <v>6</v>
      </c>
      <c r="AD16835">
        <v>6</v>
      </c>
      <c r="AE16835">
        <v>6</v>
      </c>
      <c r="AF16835">
        <v>6</v>
      </c>
      <c r="AG16835">
        <v>6</v>
      </c>
      <c r="AH16835">
        <v>6</v>
      </c>
      <c r="AI16835">
        <v>6</v>
      </c>
      <c r="AJ16835">
        <v>6</v>
      </c>
      <c r="AK16835">
        <v>6</v>
      </c>
      <c r="AL16835">
        <v>6</v>
      </c>
      <c r="AM16835">
        <v>7</v>
      </c>
      <c r="AN16835">
        <v>7</v>
      </c>
      <c r="AO16835">
        <v>7</v>
      </c>
      <c r="AP16835">
        <v>7</v>
      </c>
      <c r="AQ16835">
        <v>7</v>
      </c>
    </row>
    <row r="16836" spans="1:43">
      <c r="A16836" t="s">
        <v>10444</v>
      </c>
      <c r="B16836" t="s">
        <v>10445</v>
      </c>
      <c r="C16836" t="s">
        <v>10446</v>
      </c>
      <c r="D16836" t="s">
        <v>10447</v>
      </c>
      <c r="E16836" t="s">
        <v>10448</v>
      </c>
      <c r="F16836" t="s">
        <v>10449</v>
      </c>
      <c r="G16836" t="s">
        <v>10450</v>
      </c>
      <c r="H16836" t="s">
        <v>10451</v>
      </c>
      <c r="I16836" s="2">
        <v>1</v>
      </c>
      <c r="J16836" s="2">
        <v>0</v>
      </c>
      <c r="K16836" s="2">
        <v>0</v>
      </c>
      <c r="L16836" t="s">
        <v>120</v>
      </c>
      <c r="M16836" t="s">
        <v>89</v>
      </c>
      <c r="N16836" t="s">
        <v>90</v>
      </c>
      <c r="O16836" t="s">
        <v>85</v>
      </c>
      <c r="P16836" t="s">
        <v>86</v>
      </c>
      <c r="Q16836">
        <v>6</v>
      </c>
      <c r="R16836">
        <v>6</v>
      </c>
      <c r="S16836">
        <v>6</v>
      </c>
      <c r="T16836">
        <v>6</v>
      </c>
      <c r="U16836">
        <v>7</v>
      </c>
      <c r="V16836">
        <v>7</v>
      </c>
      <c r="W16836">
        <v>7</v>
      </c>
      <c r="X16836">
        <v>7</v>
      </c>
      <c r="Y16836">
        <v>7</v>
      </c>
      <c r="Z16836">
        <v>7</v>
      </c>
      <c r="AA16836">
        <v>7</v>
      </c>
      <c r="AB16836">
        <v>7</v>
      </c>
      <c r="AC16836">
        <v>7</v>
      </c>
      <c r="AD16836">
        <v>8</v>
      </c>
      <c r="AE16836">
        <v>8</v>
      </c>
      <c r="AF16836">
        <v>8</v>
      </c>
      <c r="AG16836">
        <v>8</v>
      </c>
      <c r="AH16836">
        <v>8</v>
      </c>
      <c r="AI16836">
        <v>8</v>
      </c>
      <c r="AJ16836">
        <v>8</v>
      </c>
      <c r="AK16836">
        <v>8</v>
      </c>
      <c r="AL16836">
        <v>8</v>
      </c>
      <c r="AM16836">
        <v>8</v>
      </c>
      <c r="AN16836">
        <v>8</v>
      </c>
      <c r="AO16836">
        <v>8</v>
      </c>
      <c r="AP16836">
        <v>8</v>
      </c>
      <c r="AQ16836">
        <v>8</v>
      </c>
    </row>
    <row r="16837" spans="1:43">
      <c r="A16837" t="s">
        <v>10444</v>
      </c>
      <c r="B16837" t="s">
        <v>10445</v>
      </c>
      <c r="C16837" t="s">
        <v>10446</v>
      </c>
      <c r="D16837" t="s">
        <v>10447</v>
      </c>
      <c r="E16837" t="s">
        <v>10448</v>
      </c>
      <c r="F16837" t="s">
        <v>10449</v>
      </c>
      <c r="G16837" t="s">
        <v>10450</v>
      </c>
      <c r="H16837" t="s">
        <v>10451</v>
      </c>
      <c r="I16837" s="2">
        <v>1</v>
      </c>
      <c r="J16837" s="2">
        <v>0</v>
      </c>
      <c r="K16837" s="2">
        <v>0</v>
      </c>
      <c r="L16837" t="s">
        <v>120</v>
      </c>
      <c r="M16837" t="s">
        <v>83</v>
      </c>
      <c r="N16837" t="s">
        <v>91</v>
      </c>
      <c r="O16837" t="s">
        <v>85</v>
      </c>
      <c r="P16837" t="s">
        <v>86</v>
      </c>
      <c r="Q16837">
        <v>6</v>
      </c>
      <c r="R16837">
        <v>6</v>
      </c>
      <c r="S16837">
        <v>6</v>
      </c>
      <c r="T16837">
        <v>6</v>
      </c>
      <c r="U16837">
        <v>6</v>
      </c>
      <c r="V16837">
        <v>6</v>
      </c>
      <c r="W16837">
        <v>6</v>
      </c>
      <c r="X16837">
        <v>7</v>
      </c>
      <c r="Y16837">
        <v>7</v>
      </c>
      <c r="Z16837">
        <v>7</v>
      </c>
      <c r="AA16837">
        <v>7</v>
      </c>
      <c r="AB16837">
        <v>7</v>
      </c>
      <c r="AC16837">
        <v>7</v>
      </c>
      <c r="AD16837">
        <v>7</v>
      </c>
      <c r="AE16837">
        <v>7</v>
      </c>
      <c r="AF16837">
        <v>7</v>
      </c>
      <c r="AG16837">
        <v>7</v>
      </c>
      <c r="AH16837">
        <v>7</v>
      </c>
      <c r="AI16837">
        <v>7</v>
      </c>
      <c r="AJ16837">
        <v>7</v>
      </c>
      <c r="AK16837">
        <v>8</v>
      </c>
      <c r="AL16837">
        <v>8</v>
      </c>
      <c r="AM16837">
        <v>8</v>
      </c>
      <c r="AN16837">
        <v>8</v>
      </c>
      <c r="AO16837">
        <v>8</v>
      </c>
      <c r="AP16837">
        <v>8</v>
      </c>
      <c r="AQ16837">
        <v>8</v>
      </c>
    </row>
    <row r="16838" spans="1:43">
      <c r="A16838" t="s">
        <v>10452</v>
      </c>
      <c r="B16838" t="s">
        <v>10453</v>
      </c>
      <c r="C16838" t="s">
        <v>10446</v>
      </c>
      <c r="D16838" t="s">
        <v>10447</v>
      </c>
      <c r="E16838" t="s">
        <v>10448</v>
      </c>
      <c r="F16838" t="s">
        <v>10449</v>
      </c>
      <c r="G16838" t="s">
        <v>10450</v>
      </c>
      <c r="H16838" t="s">
        <v>10451</v>
      </c>
      <c r="I16838" s="2">
        <v>1</v>
      </c>
      <c r="J16838" s="2">
        <v>0</v>
      </c>
      <c r="K16838" s="2">
        <v>0</v>
      </c>
      <c r="L16838" t="s">
        <v>120</v>
      </c>
      <c r="M16838" t="s">
        <v>83</v>
      </c>
      <c r="N16838" t="s">
        <v>84</v>
      </c>
      <c r="O16838" t="s">
        <v>85</v>
      </c>
      <c r="P16838" t="s">
        <v>86</v>
      </c>
      <c r="Q16838">
        <v>1</v>
      </c>
      <c r="R16838">
        <v>1</v>
      </c>
      <c r="S16838">
        <v>1</v>
      </c>
      <c r="T16838">
        <v>1</v>
      </c>
      <c r="U16838">
        <v>1</v>
      </c>
      <c r="V16838">
        <v>1</v>
      </c>
      <c r="W16838">
        <v>1</v>
      </c>
      <c r="X16838">
        <v>1</v>
      </c>
      <c r="Y16838">
        <v>1</v>
      </c>
      <c r="Z16838">
        <v>1</v>
      </c>
      <c r="AA16838">
        <v>1</v>
      </c>
      <c r="AB16838">
        <v>1</v>
      </c>
      <c r="AC16838">
        <v>1</v>
      </c>
      <c r="AD16838">
        <v>1</v>
      </c>
      <c r="AE16838">
        <v>1</v>
      </c>
      <c r="AF16838">
        <v>1</v>
      </c>
      <c r="AG16838">
        <v>1</v>
      </c>
      <c r="AH16838">
        <v>1</v>
      </c>
      <c r="AI16838">
        <v>1</v>
      </c>
      <c r="AJ16838">
        <v>1</v>
      </c>
      <c r="AK16838">
        <v>1</v>
      </c>
      <c r="AL16838">
        <v>1</v>
      </c>
      <c r="AM16838">
        <v>1</v>
      </c>
      <c r="AN16838">
        <v>1</v>
      </c>
      <c r="AO16838">
        <v>1</v>
      </c>
      <c r="AP16838">
        <v>1</v>
      </c>
      <c r="AQ16838">
        <v>1</v>
      </c>
    </row>
    <row r="16839" spans="1:43">
      <c r="A16839" t="s">
        <v>10452</v>
      </c>
      <c r="B16839" t="s">
        <v>10453</v>
      </c>
      <c r="C16839" t="s">
        <v>10446</v>
      </c>
      <c r="D16839" t="s">
        <v>10447</v>
      </c>
      <c r="E16839" t="s">
        <v>10448</v>
      </c>
      <c r="F16839" t="s">
        <v>10449</v>
      </c>
      <c r="G16839" t="s">
        <v>10450</v>
      </c>
      <c r="H16839" t="s">
        <v>10451</v>
      </c>
      <c r="I16839" s="2">
        <v>1</v>
      </c>
      <c r="J16839" s="2">
        <v>0</v>
      </c>
      <c r="K16839" s="2">
        <v>0</v>
      </c>
      <c r="L16839" t="s">
        <v>120</v>
      </c>
      <c r="M16839" t="s">
        <v>87</v>
      </c>
      <c r="N16839" t="s">
        <v>88</v>
      </c>
      <c r="O16839" t="s">
        <v>85</v>
      </c>
      <c r="P16839" t="s">
        <v>86</v>
      </c>
      <c r="Q16839">
        <v>1</v>
      </c>
      <c r="R16839">
        <v>1</v>
      </c>
      <c r="S16839">
        <v>1</v>
      </c>
      <c r="T16839">
        <v>1</v>
      </c>
      <c r="U16839">
        <v>1</v>
      </c>
      <c r="V16839">
        <v>1</v>
      </c>
      <c r="W16839">
        <v>1</v>
      </c>
      <c r="X16839">
        <v>1</v>
      </c>
      <c r="Y16839">
        <v>1</v>
      </c>
      <c r="Z16839">
        <v>1</v>
      </c>
      <c r="AA16839">
        <v>1</v>
      </c>
      <c r="AB16839">
        <v>1</v>
      </c>
      <c r="AC16839">
        <v>1</v>
      </c>
      <c r="AD16839">
        <v>1</v>
      </c>
      <c r="AE16839">
        <v>1</v>
      </c>
      <c r="AF16839">
        <v>1</v>
      </c>
      <c r="AG16839">
        <v>1</v>
      </c>
      <c r="AH16839">
        <v>1</v>
      </c>
      <c r="AI16839">
        <v>1</v>
      </c>
      <c r="AJ16839">
        <v>1</v>
      </c>
      <c r="AK16839">
        <v>1</v>
      </c>
      <c r="AL16839">
        <v>1</v>
      </c>
      <c r="AM16839">
        <v>1</v>
      </c>
      <c r="AN16839">
        <v>1</v>
      </c>
      <c r="AO16839">
        <v>1</v>
      </c>
      <c r="AP16839">
        <v>1</v>
      </c>
      <c r="AQ16839">
        <v>1</v>
      </c>
    </row>
    <row r="16840" spans="1:43">
      <c r="A16840" t="s">
        <v>10452</v>
      </c>
      <c r="B16840" t="s">
        <v>10453</v>
      </c>
      <c r="C16840" t="s">
        <v>10446</v>
      </c>
      <c r="D16840" t="s">
        <v>10447</v>
      </c>
      <c r="E16840" t="s">
        <v>10448</v>
      </c>
      <c r="F16840" t="s">
        <v>10449</v>
      </c>
      <c r="G16840" t="s">
        <v>10450</v>
      </c>
      <c r="H16840" t="s">
        <v>10451</v>
      </c>
      <c r="I16840" s="2">
        <v>1</v>
      </c>
      <c r="J16840" s="2">
        <v>0</v>
      </c>
      <c r="K16840" s="2">
        <v>0</v>
      </c>
      <c r="L16840" t="s">
        <v>120</v>
      </c>
      <c r="M16840" t="s">
        <v>89</v>
      </c>
      <c r="N16840" t="s">
        <v>90</v>
      </c>
      <c r="O16840" t="s">
        <v>85</v>
      </c>
      <c r="P16840" t="s">
        <v>86</v>
      </c>
      <c r="Q16840">
        <v>1</v>
      </c>
      <c r="R16840">
        <v>1</v>
      </c>
      <c r="S16840">
        <v>1</v>
      </c>
      <c r="T16840">
        <v>1</v>
      </c>
      <c r="U16840">
        <v>1</v>
      </c>
      <c r="V16840">
        <v>1</v>
      </c>
      <c r="W16840">
        <v>1</v>
      </c>
      <c r="X16840">
        <v>1</v>
      </c>
      <c r="Y16840">
        <v>1</v>
      </c>
      <c r="Z16840">
        <v>1</v>
      </c>
      <c r="AA16840">
        <v>1</v>
      </c>
      <c r="AB16840">
        <v>1</v>
      </c>
      <c r="AC16840">
        <v>1</v>
      </c>
      <c r="AD16840">
        <v>1</v>
      </c>
      <c r="AE16840">
        <v>1</v>
      </c>
      <c r="AF16840">
        <v>1</v>
      </c>
      <c r="AG16840">
        <v>1</v>
      </c>
      <c r="AH16840">
        <v>1</v>
      </c>
      <c r="AI16840">
        <v>1</v>
      </c>
      <c r="AJ16840">
        <v>1</v>
      </c>
      <c r="AK16840">
        <v>1</v>
      </c>
      <c r="AL16840">
        <v>1</v>
      </c>
      <c r="AM16840">
        <v>1</v>
      </c>
      <c r="AN16840">
        <v>1</v>
      </c>
      <c r="AO16840">
        <v>1</v>
      </c>
      <c r="AP16840">
        <v>1</v>
      </c>
      <c r="AQ16840">
        <v>1</v>
      </c>
    </row>
    <row r="16841" spans="1:43">
      <c r="A16841" t="s">
        <v>10452</v>
      </c>
      <c r="B16841" t="s">
        <v>10453</v>
      </c>
      <c r="C16841" t="s">
        <v>10446</v>
      </c>
      <c r="D16841" t="s">
        <v>10447</v>
      </c>
      <c r="E16841" t="s">
        <v>10448</v>
      </c>
      <c r="F16841" t="s">
        <v>10449</v>
      </c>
      <c r="G16841" t="s">
        <v>10450</v>
      </c>
      <c r="H16841" t="s">
        <v>10451</v>
      </c>
      <c r="I16841" s="2">
        <v>1</v>
      </c>
      <c r="J16841" s="2">
        <v>0</v>
      </c>
      <c r="K16841" s="2">
        <v>0</v>
      </c>
      <c r="L16841" t="s">
        <v>120</v>
      </c>
      <c r="M16841" t="s">
        <v>83</v>
      </c>
      <c r="N16841" t="s">
        <v>91</v>
      </c>
      <c r="O16841" t="s">
        <v>85</v>
      </c>
      <c r="P16841" t="s">
        <v>86</v>
      </c>
      <c r="Q16841">
        <v>1</v>
      </c>
      <c r="R16841">
        <v>1</v>
      </c>
      <c r="S16841">
        <v>1</v>
      </c>
      <c r="T16841">
        <v>1</v>
      </c>
      <c r="U16841">
        <v>1</v>
      </c>
      <c r="V16841">
        <v>1</v>
      </c>
      <c r="W16841">
        <v>1</v>
      </c>
      <c r="X16841">
        <v>1</v>
      </c>
      <c r="Y16841">
        <v>1</v>
      </c>
      <c r="Z16841">
        <v>1</v>
      </c>
      <c r="AA16841">
        <v>1</v>
      </c>
      <c r="AB16841">
        <v>1</v>
      </c>
      <c r="AC16841">
        <v>1</v>
      </c>
      <c r="AD16841">
        <v>1</v>
      </c>
      <c r="AE16841">
        <v>1</v>
      </c>
      <c r="AF16841">
        <v>1</v>
      </c>
      <c r="AG16841">
        <v>1</v>
      </c>
      <c r="AH16841">
        <v>1</v>
      </c>
      <c r="AI16841">
        <v>1</v>
      </c>
      <c r="AJ16841">
        <v>1</v>
      </c>
      <c r="AK16841">
        <v>1</v>
      </c>
      <c r="AL16841">
        <v>1</v>
      </c>
      <c r="AM16841">
        <v>1</v>
      </c>
      <c r="AN16841">
        <v>1</v>
      </c>
      <c r="AO16841">
        <v>1</v>
      </c>
      <c r="AP16841">
        <v>1</v>
      </c>
      <c r="AQ16841">
        <v>1</v>
      </c>
    </row>
    <row r="16842" spans="1:43">
      <c r="A16842" t="s">
        <v>10454</v>
      </c>
      <c r="B16842" t="s">
        <v>10455</v>
      </c>
      <c r="C16842" t="s">
        <v>10446</v>
      </c>
      <c r="D16842" t="s">
        <v>10447</v>
      </c>
      <c r="E16842" t="s">
        <v>10448</v>
      </c>
      <c r="F16842" t="s">
        <v>10449</v>
      </c>
      <c r="G16842" t="s">
        <v>10450</v>
      </c>
      <c r="H16842" t="s">
        <v>10451</v>
      </c>
      <c r="I16842" s="2">
        <v>1</v>
      </c>
      <c r="J16842" s="2">
        <v>0</v>
      </c>
      <c r="K16842" s="2">
        <v>0</v>
      </c>
      <c r="L16842" t="s">
        <v>120</v>
      </c>
      <c r="M16842" t="s">
        <v>83</v>
      </c>
      <c r="N16842" t="s">
        <v>84</v>
      </c>
      <c r="O16842" t="s">
        <v>85</v>
      </c>
      <c r="P16842" t="s">
        <v>86</v>
      </c>
      <c r="Q16842">
        <v>4</v>
      </c>
      <c r="R16842">
        <v>4</v>
      </c>
      <c r="S16842">
        <v>4</v>
      </c>
      <c r="T16842">
        <v>5</v>
      </c>
      <c r="U16842">
        <v>5</v>
      </c>
      <c r="V16842">
        <v>5</v>
      </c>
      <c r="W16842">
        <v>5</v>
      </c>
      <c r="X16842">
        <v>5</v>
      </c>
      <c r="Y16842">
        <v>5</v>
      </c>
      <c r="Z16842">
        <v>5</v>
      </c>
      <c r="AA16842">
        <v>5</v>
      </c>
      <c r="AB16842">
        <v>5</v>
      </c>
      <c r="AC16842">
        <v>5</v>
      </c>
      <c r="AD16842">
        <v>5</v>
      </c>
      <c r="AE16842">
        <v>5</v>
      </c>
      <c r="AF16842">
        <v>5</v>
      </c>
      <c r="AG16842">
        <v>5</v>
      </c>
      <c r="AH16842">
        <v>5</v>
      </c>
      <c r="AI16842">
        <v>5</v>
      </c>
      <c r="AJ16842">
        <v>5</v>
      </c>
      <c r="AK16842">
        <v>5</v>
      </c>
      <c r="AL16842">
        <v>6</v>
      </c>
      <c r="AM16842">
        <v>6</v>
      </c>
      <c r="AN16842">
        <v>6</v>
      </c>
      <c r="AO16842">
        <v>6</v>
      </c>
      <c r="AP16842">
        <v>6</v>
      </c>
      <c r="AQ16842">
        <v>6</v>
      </c>
    </row>
    <row r="16843" spans="1:43">
      <c r="A16843" t="s">
        <v>10454</v>
      </c>
      <c r="B16843" t="s">
        <v>10455</v>
      </c>
      <c r="C16843" t="s">
        <v>10446</v>
      </c>
      <c r="D16843" t="s">
        <v>10447</v>
      </c>
      <c r="E16843" t="s">
        <v>10448</v>
      </c>
      <c r="F16843" t="s">
        <v>10449</v>
      </c>
      <c r="G16843" t="s">
        <v>10450</v>
      </c>
      <c r="H16843" t="s">
        <v>10451</v>
      </c>
      <c r="I16843" s="2">
        <v>1</v>
      </c>
      <c r="J16843" s="2">
        <v>0</v>
      </c>
      <c r="K16843" s="2">
        <v>0</v>
      </c>
      <c r="L16843" t="s">
        <v>120</v>
      </c>
      <c r="M16843" t="s">
        <v>87</v>
      </c>
      <c r="N16843" t="s">
        <v>88</v>
      </c>
      <c r="O16843" t="s">
        <v>85</v>
      </c>
      <c r="P16843" t="s">
        <v>86</v>
      </c>
      <c r="Q16843">
        <v>4</v>
      </c>
      <c r="R16843">
        <v>4</v>
      </c>
      <c r="S16843">
        <v>4</v>
      </c>
      <c r="T16843">
        <v>4</v>
      </c>
      <c r="U16843">
        <v>4</v>
      </c>
      <c r="V16843">
        <v>4</v>
      </c>
      <c r="W16843">
        <v>4</v>
      </c>
      <c r="X16843">
        <v>4</v>
      </c>
      <c r="Y16843">
        <v>4</v>
      </c>
      <c r="Z16843">
        <v>4</v>
      </c>
      <c r="AA16843">
        <v>5</v>
      </c>
      <c r="AB16843">
        <v>5</v>
      </c>
      <c r="AC16843">
        <v>5</v>
      </c>
      <c r="AD16843">
        <v>5</v>
      </c>
      <c r="AE16843">
        <v>5</v>
      </c>
      <c r="AF16843">
        <v>5</v>
      </c>
      <c r="AG16843">
        <v>5</v>
      </c>
      <c r="AH16843">
        <v>5</v>
      </c>
      <c r="AI16843">
        <v>5</v>
      </c>
      <c r="AJ16843">
        <v>5</v>
      </c>
      <c r="AK16843">
        <v>5</v>
      </c>
      <c r="AL16843">
        <v>5</v>
      </c>
      <c r="AM16843">
        <v>5</v>
      </c>
      <c r="AN16843">
        <v>5</v>
      </c>
      <c r="AO16843">
        <v>5</v>
      </c>
      <c r="AP16843">
        <v>5</v>
      </c>
      <c r="AQ16843">
        <v>5</v>
      </c>
    </row>
    <row r="16844" spans="1:43">
      <c r="A16844" t="s">
        <v>10454</v>
      </c>
      <c r="B16844" t="s">
        <v>10455</v>
      </c>
      <c r="C16844" t="s">
        <v>10446</v>
      </c>
      <c r="D16844" t="s">
        <v>10447</v>
      </c>
      <c r="E16844" t="s">
        <v>10448</v>
      </c>
      <c r="F16844" t="s">
        <v>10449</v>
      </c>
      <c r="G16844" t="s">
        <v>10450</v>
      </c>
      <c r="H16844" t="s">
        <v>10451</v>
      </c>
      <c r="I16844" s="2">
        <v>1</v>
      </c>
      <c r="J16844" s="2">
        <v>0</v>
      </c>
      <c r="K16844" s="2">
        <v>0</v>
      </c>
      <c r="L16844" t="s">
        <v>120</v>
      </c>
      <c r="M16844" t="s">
        <v>89</v>
      </c>
      <c r="N16844" t="s">
        <v>90</v>
      </c>
      <c r="O16844" t="s">
        <v>85</v>
      </c>
      <c r="P16844" t="s">
        <v>86</v>
      </c>
      <c r="Q16844">
        <v>4</v>
      </c>
      <c r="R16844">
        <v>4</v>
      </c>
      <c r="S16844">
        <v>5</v>
      </c>
      <c r="T16844">
        <v>5</v>
      </c>
      <c r="U16844">
        <v>5</v>
      </c>
      <c r="V16844">
        <v>5</v>
      </c>
      <c r="W16844">
        <v>5</v>
      </c>
      <c r="X16844">
        <v>5</v>
      </c>
      <c r="Y16844">
        <v>5</v>
      </c>
      <c r="Z16844">
        <v>5</v>
      </c>
      <c r="AA16844">
        <v>5</v>
      </c>
      <c r="AB16844">
        <v>5</v>
      </c>
      <c r="AC16844">
        <v>5</v>
      </c>
      <c r="AD16844">
        <v>5</v>
      </c>
      <c r="AE16844">
        <v>6</v>
      </c>
      <c r="AF16844">
        <v>6</v>
      </c>
      <c r="AG16844">
        <v>6</v>
      </c>
      <c r="AH16844">
        <v>6</v>
      </c>
      <c r="AI16844">
        <v>6</v>
      </c>
      <c r="AJ16844">
        <v>6</v>
      </c>
      <c r="AK16844">
        <v>6</v>
      </c>
      <c r="AL16844">
        <v>6</v>
      </c>
      <c r="AM16844">
        <v>6</v>
      </c>
      <c r="AN16844">
        <v>6</v>
      </c>
      <c r="AO16844">
        <v>6</v>
      </c>
      <c r="AP16844">
        <v>6</v>
      </c>
      <c r="AQ16844">
        <v>6</v>
      </c>
    </row>
    <row r="16845" spans="1:43">
      <c r="A16845" t="s">
        <v>10454</v>
      </c>
      <c r="B16845" t="s">
        <v>10455</v>
      </c>
      <c r="C16845" t="s">
        <v>10446</v>
      </c>
      <c r="D16845" t="s">
        <v>10447</v>
      </c>
      <c r="E16845" t="s">
        <v>10448</v>
      </c>
      <c r="F16845" t="s">
        <v>10449</v>
      </c>
      <c r="G16845" t="s">
        <v>10450</v>
      </c>
      <c r="H16845" t="s">
        <v>10451</v>
      </c>
      <c r="I16845" s="2">
        <v>1</v>
      </c>
      <c r="J16845" s="2">
        <v>0</v>
      </c>
      <c r="K16845" s="2">
        <v>0</v>
      </c>
      <c r="L16845" t="s">
        <v>120</v>
      </c>
      <c r="M16845" t="s">
        <v>83</v>
      </c>
      <c r="N16845" t="s">
        <v>91</v>
      </c>
      <c r="O16845" t="s">
        <v>85</v>
      </c>
      <c r="P16845" t="s">
        <v>86</v>
      </c>
      <c r="Q16845">
        <v>4</v>
      </c>
      <c r="R16845">
        <v>4</v>
      </c>
      <c r="S16845">
        <v>4</v>
      </c>
      <c r="T16845">
        <v>5</v>
      </c>
      <c r="U16845">
        <v>5</v>
      </c>
      <c r="V16845">
        <v>5</v>
      </c>
      <c r="W16845">
        <v>5</v>
      </c>
      <c r="X16845">
        <v>5</v>
      </c>
      <c r="Y16845">
        <v>5</v>
      </c>
      <c r="Z16845">
        <v>5</v>
      </c>
      <c r="AA16845">
        <v>5</v>
      </c>
      <c r="AB16845">
        <v>5</v>
      </c>
      <c r="AC16845">
        <v>5</v>
      </c>
      <c r="AD16845">
        <v>5</v>
      </c>
      <c r="AE16845">
        <v>5</v>
      </c>
      <c r="AF16845">
        <v>5</v>
      </c>
      <c r="AG16845">
        <v>5</v>
      </c>
      <c r="AH16845">
        <v>5</v>
      </c>
      <c r="AI16845">
        <v>5</v>
      </c>
      <c r="AJ16845">
        <v>5</v>
      </c>
      <c r="AK16845">
        <v>5</v>
      </c>
      <c r="AL16845">
        <v>6</v>
      </c>
      <c r="AM16845">
        <v>6</v>
      </c>
      <c r="AN16845">
        <v>6</v>
      </c>
      <c r="AO16845">
        <v>6</v>
      </c>
      <c r="AP16845">
        <v>6</v>
      </c>
      <c r="AQ16845">
        <v>6</v>
      </c>
    </row>
    <row r="16846" spans="1:43">
      <c r="A16846" t="s">
        <v>10456</v>
      </c>
      <c r="B16846" t="s">
        <v>10457</v>
      </c>
      <c r="C16846" t="s">
        <v>10446</v>
      </c>
      <c r="D16846" t="s">
        <v>10447</v>
      </c>
      <c r="E16846" t="s">
        <v>10448</v>
      </c>
      <c r="F16846" t="s">
        <v>10449</v>
      </c>
      <c r="G16846" t="s">
        <v>10450</v>
      </c>
      <c r="H16846" t="s">
        <v>10451</v>
      </c>
      <c r="I16846" s="2">
        <v>1</v>
      </c>
      <c r="J16846" s="2">
        <v>0</v>
      </c>
      <c r="K16846" s="2">
        <v>0</v>
      </c>
      <c r="L16846" t="s">
        <v>120</v>
      </c>
      <c r="M16846" t="s">
        <v>83</v>
      </c>
      <c r="N16846" t="s">
        <v>84</v>
      </c>
      <c r="O16846" t="s">
        <v>85</v>
      </c>
      <c r="P16846" t="s">
        <v>86</v>
      </c>
      <c r="Q16846">
        <v>4</v>
      </c>
      <c r="R16846">
        <v>4</v>
      </c>
      <c r="S16846">
        <v>4</v>
      </c>
      <c r="T16846">
        <v>4</v>
      </c>
      <c r="U16846">
        <v>4</v>
      </c>
      <c r="V16846">
        <v>4</v>
      </c>
      <c r="W16846">
        <v>5</v>
      </c>
      <c r="X16846">
        <v>5</v>
      </c>
      <c r="Y16846">
        <v>5</v>
      </c>
      <c r="Z16846">
        <v>5</v>
      </c>
      <c r="AA16846">
        <v>5</v>
      </c>
      <c r="AB16846">
        <v>5</v>
      </c>
      <c r="AC16846">
        <v>5</v>
      </c>
      <c r="AD16846">
        <v>5</v>
      </c>
      <c r="AE16846">
        <v>5</v>
      </c>
      <c r="AF16846">
        <v>5</v>
      </c>
      <c r="AG16846">
        <v>5</v>
      </c>
      <c r="AH16846">
        <v>5</v>
      </c>
      <c r="AI16846">
        <v>5</v>
      </c>
      <c r="AJ16846">
        <v>5</v>
      </c>
      <c r="AK16846">
        <v>5</v>
      </c>
      <c r="AL16846">
        <v>5</v>
      </c>
      <c r="AM16846">
        <v>5</v>
      </c>
      <c r="AN16846">
        <v>5</v>
      </c>
      <c r="AO16846">
        <v>5</v>
      </c>
      <c r="AP16846">
        <v>5</v>
      </c>
      <c r="AQ16846">
        <v>5</v>
      </c>
    </row>
    <row r="16847" spans="1:43">
      <c r="A16847" t="s">
        <v>10456</v>
      </c>
      <c r="B16847" t="s">
        <v>10457</v>
      </c>
      <c r="C16847" t="s">
        <v>10446</v>
      </c>
      <c r="D16847" t="s">
        <v>10447</v>
      </c>
      <c r="E16847" t="s">
        <v>10448</v>
      </c>
      <c r="F16847" t="s">
        <v>10449</v>
      </c>
      <c r="G16847" t="s">
        <v>10450</v>
      </c>
      <c r="H16847" t="s">
        <v>10451</v>
      </c>
      <c r="I16847" s="2">
        <v>1</v>
      </c>
      <c r="J16847" s="2">
        <v>0</v>
      </c>
      <c r="K16847" s="2">
        <v>0</v>
      </c>
      <c r="L16847" t="s">
        <v>120</v>
      </c>
      <c r="M16847" t="s">
        <v>87</v>
      </c>
      <c r="N16847" t="s">
        <v>88</v>
      </c>
      <c r="O16847" t="s">
        <v>85</v>
      </c>
      <c r="P16847" t="s">
        <v>86</v>
      </c>
      <c r="Q16847">
        <v>4</v>
      </c>
      <c r="R16847">
        <v>4</v>
      </c>
      <c r="S16847">
        <v>4</v>
      </c>
      <c r="T16847">
        <v>4</v>
      </c>
      <c r="U16847">
        <v>4</v>
      </c>
      <c r="V16847">
        <v>4</v>
      </c>
      <c r="W16847">
        <v>4</v>
      </c>
      <c r="X16847">
        <v>4</v>
      </c>
      <c r="Y16847">
        <v>4</v>
      </c>
      <c r="Z16847">
        <v>4</v>
      </c>
      <c r="AA16847">
        <v>4</v>
      </c>
      <c r="AB16847">
        <v>4</v>
      </c>
      <c r="AC16847">
        <v>4</v>
      </c>
      <c r="AD16847">
        <v>4</v>
      </c>
      <c r="AE16847">
        <v>4</v>
      </c>
      <c r="AF16847">
        <v>4</v>
      </c>
      <c r="AG16847">
        <v>4</v>
      </c>
      <c r="AH16847">
        <v>4</v>
      </c>
      <c r="AI16847">
        <v>4</v>
      </c>
      <c r="AJ16847">
        <v>4</v>
      </c>
      <c r="AK16847">
        <v>4</v>
      </c>
      <c r="AL16847">
        <v>5</v>
      </c>
      <c r="AM16847">
        <v>5</v>
      </c>
      <c r="AN16847">
        <v>5</v>
      </c>
      <c r="AO16847">
        <v>5</v>
      </c>
      <c r="AP16847">
        <v>5</v>
      </c>
      <c r="AQ16847">
        <v>5</v>
      </c>
    </row>
    <row r="16848" spans="1:43">
      <c r="A16848" t="s">
        <v>10456</v>
      </c>
      <c r="B16848" t="s">
        <v>10457</v>
      </c>
      <c r="C16848" t="s">
        <v>10446</v>
      </c>
      <c r="D16848" t="s">
        <v>10447</v>
      </c>
      <c r="E16848" t="s">
        <v>10448</v>
      </c>
      <c r="F16848" t="s">
        <v>10449</v>
      </c>
      <c r="G16848" t="s">
        <v>10450</v>
      </c>
      <c r="H16848" t="s">
        <v>10451</v>
      </c>
      <c r="I16848" s="2">
        <v>1</v>
      </c>
      <c r="J16848" s="2">
        <v>0</v>
      </c>
      <c r="K16848" s="2">
        <v>0</v>
      </c>
      <c r="L16848" t="s">
        <v>120</v>
      </c>
      <c r="M16848" t="s">
        <v>89</v>
      </c>
      <c r="N16848" t="s">
        <v>90</v>
      </c>
      <c r="O16848" t="s">
        <v>85</v>
      </c>
      <c r="P16848" t="s">
        <v>86</v>
      </c>
      <c r="Q16848">
        <v>4</v>
      </c>
      <c r="R16848">
        <v>4</v>
      </c>
      <c r="S16848">
        <v>4</v>
      </c>
      <c r="T16848">
        <v>4</v>
      </c>
      <c r="U16848">
        <v>5</v>
      </c>
      <c r="V16848">
        <v>5</v>
      </c>
      <c r="W16848">
        <v>5</v>
      </c>
      <c r="X16848">
        <v>5</v>
      </c>
      <c r="Y16848">
        <v>5</v>
      </c>
      <c r="Z16848">
        <v>5</v>
      </c>
      <c r="AA16848">
        <v>5</v>
      </c>
      <c r="AB16848">
        <v>5</v>
      </c>
      <c r="AC16848">
        <v>5</v>
      </c>
      <c r="AD16848">
        <v>5</v>
      </c>
      <c r="AE16848">
        <v>5</v>
      </c>
      <c r="AF16848">
        <v>5</v>
      </c>
      <c r="AG16848">
        <v>5</v>
      </c>
      <c r="AH16848">
        <v>5</v>
      </c>
      <c r="AI16848">
        <v>5</v>
      </c>
      <c r="AJ16848">
        <v>5</v>
      </c>
      <c r="AK16848">
        <v>5</v>
      </c>
      <c r="AL16848">
        <v>5</v>
      </c>
      <c r="AM16848">
        <v>5</v>
      </c>
      <c r="AN16848">
        <v>5</v>
      </c>
      <c r="AO16848">
        <v>5</v>
      </c>
      <c r="AP16848">
        <v>5</v>
      </c>
      <c r="AQ16848">
        <v>5</v>
      </c>
    </row>
    <row r="16849" spans="1:43">
      <c r="A16849" t="s">
        <v>10456</v>
      </c>
      <c r="B16849" t="s">
        <v>10457</v>
      </c>
      <c r="C16849" t="s">
        <v>10446</v>
      </c>
      <c r="D16849" t="s">
        <v>10447</v>
      </c>
      <c r="E16849" t="s">
        <v>10448</v>
      </c>
      <c r="F16849" t="s">
        <v>10449</v>
      </c>
      <c r="G16849" t="s">
        <v>10450</v>
      </c>
      <c r="H16849" t="s">
        <v>10451</v>
      </c>
      <c r="I16849" s="2">
        <v>1</v>
      </c>
      <c r="J16849" s="2">
        <v>0</v>
      </c>
      <c r="K16849" s="2">
        <v>0</v>
      </c>
      <c r="L16849" t="s">
        <v>120</v>
      </c>
      <c r="M16849" t="s">
        <v>83</v>
      </c>
      <c r="N16849" t="s">
        <v>91</v>
      </c>
      <c r="O16849" t="s">
        <v>85</v>
      </c>
      <c r="P16849" t="s">
        <v>86</v>
      </c>
      <c r="Q16849">
        <v>4</v>
      </c>
      <c r="R16849">
        <v>4</v>
      </c>
      <c r="S16849">
        <v>4</v>
      </c>
      <c r="T16849">
        <v>4</v>
      </c>
      <c r="U16849">
        <v>4</v>
      </c>
      <c r="V16849">
        <v>4</v>
      </c>
      <c r="W16849">
        <v>5</v>
      </c>
      <c r="X16849">
        <v>5</v>
      </c>
      <c r="Y16849">
        <v>5</v>
      </c>
      <c r="Z16849">
        <v>5</v>
      </c>
      <c r="AA16849">
        <v>5</v>
      </c>
      <c r="AB16849">
        <v>5</v>
      </c>
      <c r="AC16849">
        <v>5</v>
      </c>
      <c r="AD16849">
        <v>5</v>
      </c>
      <c r="AE16849">
        <v>5</v>
      </c>
      <c r="AF16849">
        <v>5</v>
      </c>
      <c r="AG16849">
        <v>5</v>
      </c>
      <c r="AH16849">
        <v>5</v>
      </c>
      <c r="AI16849">
        <v>5</v>
      </c>
      <c r="AJ16849">
        <v>5</v>
      </c>
      <c r="AK16849">
        <v>5</v>
      </c>
      <c r="AL16849">
        <v>5</v>
      </c>
      <c r="AM16849">
        <v>5</v>
      </c>
      <c r="AN16849">
        <v>5</v>
      </c>
      <c r="AO16849">
        <v>5</v>
      </c>
      <c r="AP16849">
        <v>5</v>
      </c>
      <c r="AQ16849">
        <v>5</v>
      </c>
    </row>
    <row r="16850" spans="1:43">
      <c r="A16850" t="s">
        <v>10458</v>
      </c>
      <c r="B16850" t="s">
        <v>10459</v>
      </c>
      <c r="C16850" t="s">
        <v>10446</v>
      </c>
      <c r="D16850" t="s">
        <v>10447</v>
      </c>
      <c r="E16850" t="s">
        <v>10448</v>
      </c>
      <c r="F16850" t="s">
        <v>10449</v>
      </c>
      <c r="G16850" t="s">
        <v>10450</v>
      </c>
      <c r="H16850" t="s">
        <v>10451</v>
      </c>
      <c r="I16850" s="2">
        <v>1</v>
      </c>
      <c r="J16850" s="2">
        <v>0</v>
      </c>
      <c r="K16850" s="2">
        <v>0</v>
      </c>
      <c r="L16850" t="s">
        <v>120</v>
      </c>
      <c r="M16850" t="s">
        <v>83</v>
      </c>
      <c r="N16850" t="s">
        <v>84</v>
      </c>
      <c r="O16850" t="s">
        <v>85</v>
      </c>
      <c r="P16850" t="s">
        <v>86</v>
      </c>
      <c r="Q16850">
        <v>17</v>
      </c>
      <c r="R16850">
        <v>17</v>
      </c>
      <c r="S16850">
        <v>17</v>
      </c>
      <c r="T16850">
        <v>18</v>
      </c>
      <c r="U16850">
        <v>18</v>
      </c>
      <c r="V16850">
        <v>18</v>
      </c>
      <c r="W16850">
        <v>18</v>
      </c>
      <c r="X16850">
        <v>19</v>
      </c>
      <c r="Y16850">
        <v>19</v>
      </c>
      <c r="Z16850">
        <v>19</v>
      </c>
      <c r="AA16850">
        <v>19</v>
      </c>
      <c r="AB16850">
        <v>19</v>
      </c>
      <c r="AC16850">
        <v>20</v>
      </c>
      <c r="AD16850">
        <v>20</v>
      </c>
      <c r="AE16850">
        <v>20</v>
      </c>
      <c r="AF16850">
        <v>20</v>
      </c>
      <c r="AG16850">
        <v>20</v>
      </c>
      <c r="AH16850">
        <v>21</v>
      </c>
      <c r="AI16850">
        <v>21</v>
      </c>
      <c r="AJ16850">
        <v>21</v>
      </c>
      <c r="AK16850">
        <v>21</v>
      </c>
      <c r="AL16850">
        <v>21</v>
      </c>
      <c r="AM16850">
        <v>21</v>
      </c>
      <c r="AN16850">
        <v>21</v>
      </c>
      <c r="AO16850">
        <v>21</v>
      </c>
      <c r="AP16850">
        <v>21</v>
      </c>
      <c r="AQ16850">
        <v>21</v>
      </c>
    </row>
    <row r="16851" spans="1:43">
      <c r="A16851" t="s">
        <v>10458</v>
      </c>
      <c r="B16851" t="s">
        <v>10459</v>
      </c>
      <c r="C16851" t="s">
        <v>10446</v>
      </c>
      <c r="D16851" t="s">
        <v>10447</v>
      </c>
      <c r="E16851" t="s">
        <v>10448</v>
      </c>
      <c r="F16851" t="s">
        <v>10449</v>
      </c>
      <c r="G16851" t="s">
        <v>10450</v>
      </c>
      <c r="H16851" t="s">
        <v>10451</v>
      </c>
      <c r="I16851" s="2">
        <v>1</v>
      </c>
      <c r="J16851" s="2">
        <v>0</v>
      </c>
      <c r="K16851" s="2">
        <v>0</v>
      </c>
      <c r="L16851" t="s">
        <v>120</v>
      </c>
      <c r="M16851" t="s">
        <v>87</v>
      </c>
      <c r="N16851" t="s">
        <v>88</v>
      </c>
      <c r="O16851" t="s">
        <v>85</v>
      </c>
      <c r="P16851" t="s">
        <v>86</v>
      </c>
      <c r="Q16851">
        <v>17</v>
      </c>
      <c r="R16851">
        <v>17</v>
      </c>
      <c r="S16851">
        <v>17</v>
      </c>
      <c r="T16851">
        <v>17</v>
      </c>
      <c r="U16851">
        <v>17</v>
      </c>
      <c r="V16851">
        <v>17</v>
      </c>
      <c r="W16851">
        <v>17</v>
      </c>
      <c r="X16851">
        <v>17</v>
      </c>
      <c r="Y16851">
        <v>17</v>
      </c>
      <c r="Z16851">
        <v>17</v>
      </c>
      <c r="AA16851">
        <v>17</v>
      </c>
      <c r="AB16851">
        <v>18</v>
      </c>
      <c r="AC16851">
        <v>18</v>
      </c>
      <c r="AD16851">
        <v>18</v>
      </c>
      <c r="AE16851">
        <v>18</v>
      </c>
      <c r="AF16851">
        <v>18</v>
      </c>
      <c r="AG16851">
        <v>18</v>
      </c>
      <c r="AH16851">
        <v>18</v>
      </c>
      <c r="AI16851">
        <v>18</v>
      </c>
      <c r="AJ16851">
        <v>18</v>
      </c>
      <c r="AK16851">
        <v>18</v>
      </c>
      <c r="AL16851">
        <v>18</v>
      </c>
      <c r="AM16851">
        <v>18</v>
      </c>
      <c r="AN16851">
        <v>18</v>
      </c>
      <c r="AO16851">
        <v>19</v>
      </c>
      <c r="AP16851">
        <v>19</v>
      </c>
      <c r="AQ16851">
        <v>19</v>
      </c>
    </row>
    <row r="16852" spans="1:43">
      <c r="A16852" t="s">
        <v>10458</v>
      </c>
      <c r="B16852" t="s">
        <v>10459</v>
      </c>
      <c r="C16852" t="s">
        <v>10446</v>
      </c>
      <c r="D16852" t="s">
        <v>10447</v>
      </c>
      <c r="E16852" t="s">
        <v>10448</v>
      </c>
      <c r="F16852" t="s">
        <v>10449</v>
      </c>
      <c r="G16852" t="s">
        <v>10450</v>
      </c>
      <c r="H16852" t="s">
        <v>10451</v>
      </c>
      <c r="I16852" s="2">
        <v>1</v>
      </c>
      <c r="J16852" s="2">
        <v>0</v>
      </c>
      <c r="K16852" s="2">
        <v>0</v>
      </c>
      <c r="L16852" t="s">
        <v>120</v>
      </c>
      <c r="M16852" t="s">
        <v>89</v>
      </c>
      <c r="N16852" t="s">
        <v>90</v>
      </c>
      <c r="O16852" t="s">
        <v>85</v>
      </c>
      <c r="P16852" t="s">
        <v>86</v>
      </c>
      <c r="Q16852">
        <v>17</v>
      </c>
      <c r="R16852">
        <v>17</v>
      </c>
      <c r="S16852">
        <v>18</v>
      </c>
      <c r="T16852">
        <v>18</v>
      </c>
      <c r="U16852">
        <v>19</v>
      </c>
      <c r="V16852">
        <v>19</v>
      </c>
      <c r="W16852">
        <v>19</v>
      </c>
      <c r="X16852">
        <v>19</v>
      </c>
      <c r="Y16852">
        <v>20</v>
      </c>
      <c r="Z16852">
        <v>20</v>
      </c>
      <c r="AA16852">
        <v>20</v>
      </c>
      <c r="AB16852">
        <v>21</v>
      </c>
      <c r="AC16852">
        <v>21</v>
      </c>
      <c r="AD16852">
        <v>21</v>
      </c>
      <c r="AE16852">
        <v>21</v>
      </c>
      <c r="AF16852">
        <v>21</v>
      </c>
      <c r="AG16852">
        <v>21</v>
      </c>
      <c r="AH16852">
        <v>22</v>
      </c>
      <c r="AI16852">
        <v>22</v>
      </c>
      <c r="AJ16852">
        <v>22</v>
      </c>
      <c r="AK16852">
        <v>22</v>
      </c>
      <c r="AL16852">
        <v>22</v>
      </c>
      <c r="AM16852">
        <v>22</v>
      </c>
      <c r="AN16852">
        <v>22</v>
      </c>
      <c r="AO16852">
        <v>22</v>
      </c>
      <c r="AP16852">
        <v>22</v>
      </c>
      <c r="AQ16852">
        <v>22</v>
      </c>
    </row>
    <row r="16853" spans="1:43">
      <c r="A16853" t="s">
        <v>10458</v>
      </c>
      <c r="B16853" t="s">
        <v>10459</v>
      </c>
      <c r="C16853" t="s">
        <v>10446</v>
      </c>
      <c r="D16853" t="s">
        <v>10447</v>
      </c>
      <c r="E16853" t="s">
        <v>10448</v>
      </c>
      <c r="F16853" t="s">
        <v>10449</v>
      </c>
      <c r="G16853" t="s">
        <v>10450</v>
      </c>
      <c r="H16853" t="s">
        <v>10451</v>
      </c>
      <c r="I16853" s="2">
        <v>1</v>
      </c>
      <c r="J16853" s="2">
        <v>0</v>
      </c>
      <c r="K16853" s="2">
        <v>0</v>
      </c>
      <c r="L16853" t="s">
        <v>120</v>
      </c>
      <c r="M16853" t="s">
        <v>83</v>
      </c>
      <c r="N16853" t="s">
        <v>91</v>
      </c>
      <c r="O16853" t="s">
        <v>85</v>
      </c>
      <c r="P16853" t="s">
        <v>86</v>
      </c>
      <c r="Q16853">
        <v>17</v>
      </c>
      <c r="R16853">
        <v>17</v>
      </c>
      <c r="S16853">
        <v>17</v>
      </c>
      <c r="T16853">
        <v>18</v>
      </c>
      <c r="U16853">
        <v>18</v>
      </c>
      <c r="V16853">
        <v>18</v>
      </c>
      <c r="W16853">
        <v>18</v>
      </c>
      <c r="X16853">
        <v>19</v>
      </c>
      <c r="Y16853">
        <v>19</v>
      </c>
      <c r="Z16853">
        <v>19</v>
      </c>
      <c r="AA16853">
        <v>19</v>
      </c>
      <c r="AB16853">
        <v>19</v>
      </c>
      <c r="AC16853">
        <v>20</v>
      </c>
      <c r="AD16853">
        <v>20</v>
      </c>
      <c r="AE16853">
        <v>20</v>
      </c>
      <c r="AF16853">
        <v>20</v>
      </c>
      <c r="AG16853">
        <v>20</v>
      </c>
      <c r="AH16853">
        <v>21</v>
      </c>
      <c r="AI16853">
        <v>21</v>
      </c>
      <c r="AJ16853">
        <v>21</v>
      </c>
      <c r="AK16853">
        <v>21</v>
      </c>
      <c r="AL16853">
        <v>21</v>
      </c>
      <c r="AM16853">
        <v>21</v>
      </c>
      <c r="AN16853">
        <v>21</v>
      </c>
      <c r="AO16853">
        <v>21</v>
      </c>
      <c r="AP16853">
        <v>21</v>
      </c>
      <c r="AQ16853">
        <v>21</v>
      </c>
    </row>
    <row r="16854" spans="1:43">
      <c r="A16854" t="s">
        <v>10460</v>
      </c>
      <c r="B16854" t="s">
        <v>10461</v>
      </c>
      <c r="C16854" t="s">
        <v>10462</v>
      </c>
      <c r="D16854" t="s">
        <v>10463</v>
      </c>
      <c r="E16854" t="s">
        <v>10448</v>
      </c>
      <c r="F16854" t="s">
        <v>10449</v>
      </c>
      <c r="G16854" t="s">
        <v>10450</v>
      </c>
      <c r="H16854" t="s">
        <v>10451</v>
      </c>
      <c r="I16854" s="2">
        <v>1</v>
      </c>
      <c r="J16854" s="2">
        <v>0</v>
      </c>
      <c r="K16854" s="2">
        <v>0</v>
      </c>
      <c r="L16854" t="s">
        <v>120</v>
      </c>
      <c r="M16854" t="s">
        <v>83</v>
      </c>
      <c r="N16854" t="s">
        <v>84</v>
      </c>
      <c r="O16854" t="s">
        <v>85</v>
      </c>
      <c r="P16854" t="s">
        <v>86</v>
      </c>
      <c r="Q16854">
        <v>26</v>
      </c>
      <c r="R16854">
        <v>26</v>
      </c>
      <c r="S16854">
        <v>27</v>
      </c>
      <c r="T16854">
        <v>27</v>
      </c>
      <c r="U16854">
        <v>27</v>
      </c>
      <c r="V16854">
        <v>28</v>
      </c>
      <c r="W16854">
        <v>28</v>
      </c>
      <c r="X16854">
        <v>28</v>
      </c>
      <c r="Y16854">
        <v>29</v>
      </c>
      <c r="Z16854">
        <v>29</v>
      </c>
      <c r="AA16854">
        <v>29</v>
      </c>
      <c r="AB16854">
        <v>30</v>
      </c>
      <c r="AC16854">
        <v>30</v>
      </c>
      <c r="AD16854">
        <v>30</v>
      </c>
      <c r="AE16854">
        <v>30</v>
      </c>
      <c r="AF16854">
        <v>31</v>
      </c>
      <c r="AG16854">
        <v>31</v>
      </c>
      <c r="AH16854">
        <v>31</v>
      </c>
      <c r="AI16854">
        <v>32</v>
      </c>
      <c r="AJ16854">
        <v>32</v>
      </c>
      <c r="AK16854">
        <v>32</v>
      </c>
      <c r="AL16854">
        <v>32</v>
      </c>
      <c r="AM16854">
        <v>32</v>
      </c>
      <c r="AN16854">
        <v>32</v>
      </c>
      <c r="AO16854">
        <v>32</v>
      </c>
      <c r="AP16854">
        <v>32</v>
      </c>
      <c r="AQ16854">
        <v>32</v>
      </c>
    </row>
    <row r="16855" spans="1:43">
      <c r="A16855" t="s">
        <v>10460</v>
      </c>
      <c r="B16855" t="s">
        <v>10461</v>
      </c>
      <c r="C16855" t="s">
        <v>10462</v>
      </c>
      <c r="D16855" t="s">
        <v>10463</v>
      </c>
      <c r="E16855" t="s">
        <v>10448</v>
      </c>
      <c r="F16855" t="s">
        <v>10449</v>
      </c>
      <c r="G16855" t="s">
        <v>10450</v>
      </c>
      <c r="H16855" t="s">
        <v>10451</v>
      </c>
      <c r="I16855" s="2">
        <v>1</v>
      </c>
      <c r="J16855" s="2">
        <v>0</v>
      </c>
      <c r="K16855" s="2">
        <v>0</v>
      </c>
      <c r="L16855" t="s">
        <v>120</v>
      </c>
      <c r="M16855" t="s">
        <v>87</v>
      </c>
      <c r="N16855" t="s">
        <v>88</v>
      </c>
      <c r="O16855" t="s">
        <v>85</v>
      </c>
      <c r="P16855" t="s">
        <v>86</v>
      </c>
      <c r="Q16855">
        <v>26</v>
      </c>
      <c r="R16855">
        <v>26</v>
      </c>
      <c r="S16855">
        <v>26</v>
      </c>
      <c r="T16855">
        <v>26</v>
      </c>
      <c r="U16855">
        <v>26</v>
      </c>
      <c r="V16855">
        <v>26</v>
      </c>
      <c r="W16855">
        <v>26</v>
      </c>
      <c r="X16855">
        <v>26</v>
      </c>
      <c r="Y16855">
        <v>27</v>
      </c>
      <c r="Z16855">
        <v>27</v>
      </c>
      <c r="AA16855">
        <v>27</v>
      </c>
      <c r="AB16855">
        <v>27</v>
      </c>
      <c r="AC16855">
        <v>27</v>
      </c>
      <c r="AD16855">
        <v>27</v>
      </c>
      <c r="AE16855">
        <v>27</v>
      </c>
      <c r="AF16855">
        <v>27</v>
      </c>
      <c r="AG16855">
        <v>27</v>
      </c>
      <c r="AH16855">
        <v>27</v>
      </c>
      <c r="AI16855">
        <v>27</v>
      </c>
      <c r="AJ16855">
        <v>27</v>
      </c>
      <c r="AK16855">
        <v>28</v>
      </c>
      <c r="AL16855">
        <v>28</v>
      </c>
      <c r="AM16855">
        <v>28</v>
      </c>
      <c r="AN16855">
        <v>28</v>
      </c>
      <c r="AO16855">
        <v>28</v>
      </c>
      <c r="AP16855">
        <v>28</v>
      </c>
      <c r="AQ16855">
        <v>28</v>
      </c>
    </row>
    <row r="16856" spans="1:43">
      <c r="A16856" t="s">
        <v>10460</v>
      </c>
      <c r="B16856" t="s">
        <v>10461</v>
      </c>
      <c r="C16856" t="s">
        <v>10462</v>
      </c>
      <c r="D16856" t="s">
        <v>10463</v>
      </c>
      <c r="E16856" t="s">
        <v>10448</v>
      </c>
      <c r="F16856" t="s">
        <v>10449</v>
      </c>
      <c r="G16856" t="s">
        <v>10450</v>
      </c>
      <c r="H16856" t="s">
        <v>10451</v>
      </c>
      <c r="I16856" s="2">
        <v>1</v>
      </c>
      <c r="J16856" s="2">
        <v>0</v>
      </c>
      <c r="K16856" s="2">
        <v>0</v>
      </c>
      <c r="L16856" t="s">
        <v>120</v>
      </c>
      <c r="M16856" t="s">
        <v>89</v>
      </c>
      <c r="N16856" t="s">
        <v>90</v>
      </c>
      <c r="O16856" t="s">
        <v>85</v>
      </c>
      <c r="P16856" t="s">
        <v>86</v>
      </c>
      <c r="Q16856">
        <v>26</v>
      </c>
      <c r="R16856">
        <v>27</v>
      </c>
      <c r="S16856">
        <v>27</v>
      </c>
      <c r="T16856">
        <v>28</v>
      </c>
      <c r="U16856">
        <v>28</v>
      </c>
      <c r="V16856">
        <v>29</v>
      </c>
      <c r="W16856">
        <v>29</v>
      </c>
      <c r="X16856">
        <v>30</v>
      </c>
      <c r="Y16856">
        <v>30</v>
      </c>
      <c r="Z16856">
        <v>31</v>
      </c>
      <c r="AA16856">
        <v>31</v>
      </c>
      <c r="AB16856">
        <v>32</v>
      </c>
      <c r="AC16856">
        <v>32</v>
      </c>
      <c r="AD16856">
        <v>32</v>
      </c>
      <c r="AE16856">
        <v>33</v>
      </c>
      <c r="AF16856">
        <v>33</v>
      </c>
      <c r="AG16856">
        <v>33</v>
      </c>
      <c r="AH16856">
        <v>33</v>
      </c>
      <c r="AI16856">
        <v>33</v>
      </c>
      <c r="AJ16856">
        <v>33</v>
      </c>
      <c r="AK16856">
        <v>33</v>
      </c>
      <c r="AL16856">
        <v>33</v>
      </c>
      <c r="AM16856">
        <v>33</v>
      </c>
      <c r="AN16856">
        <v>33</v>
      </c>
      <c r="AO16856">
        <v>33</v>
      </c>
      <c r="AP16856">
        <v>33</v>
      </c>
      <c r="AQ16856">
        <v>33</v>
      </c>
    </row>
    <row r="16857" spans="1:43">
      <c r="A16857" t="s">
        <v>10460</v>
      </c>
      <c r="B16857" t="s">
        <v>10461</v>
      </c>
      <c r="C16857" t="s">
        <v>10462</v>
      </c>
      <c r="D16857" t="s">
        <v>10463</v>
      </c>
      <c r="E16857" t="s">
        <v>10448</v>
      </c>
      <c r="F16857" t="s">
        <v>10449</v>
      </c>
      <c r="G16857" t="s">
        <v>10450</v>
      </c>
      <c r="H16857" t="s">
        <v>10451</v>
      </c>
      <c r="I16857" s="2">
        <v>1</v>
      </c>
      <c r="J16857" s="2">
        <v>0</v>
      </c>
      <c r="K16857" s="2">
        <v>0</v>
      </c>
      <c r="L16857" t="s">
        <v>120</v>
      </c>
      <c r="M16857" t="s">
        <v>83</v>
      </c>
      <c r="N16857" t="s">
        <v>91</v>
      </c>
      <c r="O16857" t="s">
        <v>85</v>
      </c>
      <c r="P16857" t="s">
        <v>86</v>
      </c>
      <c r="Q16857">
        <v>26</v>
      </c>
      <c r="R16857">
        <v>26</v>
      </c>
      <c r="S16857">
        <v>27</v>
      </c>
      <c r="T16857">
        <v>27</v>
      </c>
      <c r="U16857">
        <v>27</v>
      </c>
      <c r="V16857">
        <v>28</v>
      </c>
      <c r="W16857">
        <v>28</v>
      </c>
      <c r="X16857">
        <v>28</v>
      </c>
      <c r="Y16857">
        <v>29</v>
      </c>
      <c r="Z16857">
        <v>29</v>
      </c>
      <c r="AA16857">
        <v>29</v>
      </c>
      <c r="AB16857">
        <v>30</v>
      </c>
      <c r="AC16857">
        <v>30</v>
      </c>
      <c r="AD16857">
        <v>30</v>
      </c>
      <c r="AE16857">
        <v>30</v>
      </c>
      <c r="AF16857">
        <v>31</v>
      </c>
      <c r="AG16857">
        <v>31</v>
      </c>
      <c r="AH16857">
        <v>31</v>
      </c>
      <c r="AI16857">
        <v>32</v>
      </c>
      <c r="AJ16857">
        <v>32</v>
      </c>
      <c r="AK16857">
        <v>32</v>
      </c>
      <c r="AL16857">
        <v>32</v>
      </c>
      <c r="AM16857">
        <v>32</v>
      </c>
      <c r="AN16857">
        <v>32</v>
      </c>
      <c r="AO16857">
        <v>32</v>
      </c>
      <c r="AP16857">
        <v>32</v>
      </c>
      <c r="AQ16857">
        <v>32</v>
      </c>
    </row>
    <row r="16858" spans="1:43">
      <c r="A16858" t="s">
        <v>10464</v>
      </c>
      <c r="B16858" t="s">
        <v>10465</v>
      </c>
      <c r="C16858" t="s">
        <v>10462</v>
      </c>
      <c r="D16858" t="s">
        <v>10463</v>
      </c>
      <c r="E16858" t="s">
        <v>10448</v>
      </c>
      <c r="F16858" t="s">
        <v>10449</v>
      </c>
      <c r="G16858" t="s">
        <v>10450</v>
      </c>
      <c r="H16858" t="s">
        <v>10451</v>
      </c>
      <c r="I16858" s="2">
        <v>1</v>
      </c>
      <c r="J16858" s="2">
        <v>0</v>
      </c>
      <c r="K16858" s="2">
        <v>0</v>
      </c>
      <c r="L16858" t="s">
        <v>120</v>
      </c>
      <c r="M16858" t="s">
        <v>83</v>
      </c>
      <c r="N16858" t="s">
        <v>84</v>
      </c>
      <c r="O16858" t="s">
        <v>85</v>
      </c>
      <c r="P16858" t="s">
        <v>86</v>
      </c>
      <c r="Q16858">
        <v>80</v>
      </c>
      <c r="R16858">
        <v>81</v>
      </c>
      <c r="S16858">
        <v>82</v>
      </c>
      <c r="T16858">
        <v>84</v>
      </c>
      <c r="U16858">
        <v>85</v>
      </c>
      <c r="V16858">
        <v>86</v>
      </c>
      <c r="W16858">
        <v>87</v>
      </c>
      <c r="X16858">
        <v>88</v>
      </c>
      <c r="Y16858">
        <v>89</v>
      </c>
      <c r="Z16858">
        <v>90</v>
      </c>
      <c r="AA16858">
        <v>91</v>
      </c>
      <c r="AB16858">
        <v>92</v>
      </c>
      <c r="AC16858">
        <v>93</v>
      </c>
      <c r="AD16858">
        <v>94</v>
      </c>
      <c r="AE16858">
        <v>95</v>
      </c>
      <c r="AF16858">
        <v>96</v>
      </c>
      <c r="AG16858">
        <v>97</v>
      </c>
      <c r="AH16858">
        <v>98</v>
      </c>
      <c r="AI16858">
        <v>99</v>
      </c>
      <c r="AJ16858">
        <v>100</v>
      </c>
      <c r="AK16858">
        <v>101</v>
      </c>
      <c r="AL16858">
        <v>102</v>
      </c>
      <c r="AM16858">
        <v>102</v>
      </c>
      <c r="AN16858">
        <v>102</v>
      </c>
      <c r="AO16858">
        <v>102</v>
      </c>
      <c r="AP16858">
        <v>102</v>
      </c>
      <c r="AQ16858">
        <v>102</v>
      </c>
    </row>
    <row r="16859" spans="1:43">
      <c r="A16859" t="s">
        <v>10464</v>
      </c>
      <c r="B16859" t="s">
        <v>10465</v>
      </c>
      <c r="C16859" t="s">
        <v>10462</v>
      </c>
      <c r="D16859" t="s">
        <v>10463</v>
      </c>
      <c r="E16859" t="s">
        <v>10448</v>
      </c>
      <c r="F16859" t="s">
        <v>10449</v>
      </c>
      <c r="G16859" t="s">
        <v>10450</v>
      </c>
      <c r="H16859" t="s">
        <v>10451</v>
      </c>
      <c r="I16859" s="2">
        <v>1</v>
      </c>
      <c r="J16859" s="2">
        <v>0</v>
      </c>
      <c r="K16859" s="2">
        <v>0</v>
      </c>
      <c r="L16859" t="s">
        <v>120</v>
      </c>
      <c r="M16859" t="s">
        <v>87</v>
      </c>
      <c r="N16859" t="s">
        <v>88</v>
      </c>
      <c r="O16859" t="s">
        <v>85</v>
      </c>
      <c r="P16859" t="s">
        <v>86</v>
      </c>
      <c r="Q16859">
        <v>80</v>
      </c>
      <c r="R16859">
        <v>81</v>
      </c>
      <c r="S16859">
        <v>81</v>
      </c>
      <c r="T16859">
        <v>82</v>
      </c>
      <c r="U16859">
        <v>82</v>
      </c>
      <c r="V16859">
        <v>82</v>
      </c>
      <c r="W16859">
        <v>83</v>
      </c>
      <c r="X16859">
        <v>83</v>
      </c>
      <c r="Y16859">
        <v>83</v>
      </c>
      <c r="Z16859">
        <v>84</v>
      </c>
      <c r="AA16859">
        <v>84</v>
      </c>
      <c r="AB16859">
        <v>85</v>
      </c>
      <c r="AC16859">
        <v>85</v>
      </c>
      <c r="AD16859">
        <v>85</v>
      </c>
      <c r="AE16859">
        <v>86</v>
      </c>
      <c r="AF16859">
        <v>86</v>
      </c>
      <c r="AG16859">
        <v>86</v>
      </c>
      <c r="AH16859">
        <v>87</v>
      </c>
      <c r="AI16859">
        <v>87</v>
      </c>
      <c r="AJ16859">
        <v>88</v>
      </c>
      <c r="AK16859">
        <v>88</v>
      </c>
      <c r="AL16859">
        <v>88</v>
      </c>
      <c r="AM16859">
        <v>89</v>
      </c>
      <c r="AN16859">
        <v>89</v>
      </c>
      <c r="AO16859">
        <v>89</v>
      </c>
      <c r="AP16859">
        <v>90</v>
      </c>
      <c r="AQ16859">
        <v>90</v>
      </c>
    </row>
    <row r="16860" spans="1:43">
      <c r="A16860" t="s">
        <v>10464</v>
      </c>
      <c r="B16860" t="s">
        <v>10465</v>
      </c>
      <c r="C16860" t="s">
        <v>10462</v>
      </c>
      <c r="D16860" t="s">
        <v>10463</v>
      </c>
      <c r="E16860" t="s">
        <v>10448</v>
      </c>
      <c r="F16860" t="s">
        <v>10449</v>
      </c>
      <c r="G16860" t="s">
        <v>10450</v>
      </c>
      <c r="H16860" t="s">
        <v>10451</v>
      </c>
      <c r="I16860" s="2">
        <v>1</v>
      </c>
      <c r="J16860" s="2">
        <v>0</v>
      </c>
      <c r="K16860" s="2">
        <v>0</v>
      </c>
      <c r="L16860" t="s">
        <v>120</v>
      </c>
      <c r="M16860" t="s">
        <v>89</v>
      </c>
      <c r="N16860" t="s">
        <v>90</v>
      </c>
      <c r="O16860" t="s">
        <v>85</v>
      </c>
      <c r="P16860" t="s">
        <v>86</v>
      </c>
      <c r="Q16860">
        <v>80</v>
      </c>
      <c r="R16860">
        <v>82</v>
      </c>
      <c r="S16860">
        <v>84</v>
      </c>
      <c r="T16860">
        <v>85</v>
      </c>
      <c r="U16860">
        <v>87</v>
      </c>
      <c r="V16860">
        <v>89</v>
      </c>
      <c r="W16860">
        <v>90</v>
      </c>
      <c r="X16860">
        <v>92</v>
      </c>
      <c r="Y16860">
        <v>93</v>
      </c>
      <c r="Z16860">
        <v>95</v>
      </c>
      <c r="AA16860">
        <v>96</v>
      </c>
      <c r="AB16860">
        <v>97</v>
      </c>
      <c r="AC16860">
        <v>99</v>
      </c>
      <c r="AD16860">
        <v>100</v>
      </c>
      <c r="AE16860">
        <v>101</v>
      </c>
      <c r="AF16860">
        <v>101</v>
      </c>
      <c r="AG16860">
        <v>101</v>
      </c>
      <c r="AH16860">
        <v>102</v>
      </c>
      <c r="AI16860">
        <v>102</v>
      </c>
      <c r="AJ16860">
        <v>102</v>
      </c>
      <c r="AK16860">
        <v>102</v>
      </c>
      <c r="AL16860">
        <v>102</v>
      </c>
      <c r="AM16860">
        <v>102</v>
      </c>
      <c r="AN16860">
        <v>102</v>
      </c>
      <c r="AO16860">
        <v>102</v>
      </c>
      <c r="AP16860">
        <v>102</v>
      </c>
      <c r="AQ16860">
        <v>102</v>
      </c>
    </row>
    <row r="16861" spans="1:43">
      <c r="A16861" t="s">
        <v>10464</v>
      </c>
      <c r="B16861" t="s">
        <v>10465</v>
      </c>
      <c r="C16861" t="s">
        <v>10462</v>
      </c>
      <c r="D16861" t="s">
        <v>10463</v>
      </c>
      <c r="E16861" t="s">
        <v>10448</v>
      </c>
      <c r="F16861" t="s">
        <v>10449</v>
      </c>
      <c r="G16861" t="s">
        <v>10450</v>
      </c>
      <c r="H16861" t="s">
        <v>10451</v>
      </c>
      <c r="I16861" s="2">
        <v>1</v>
      </c>
      <c r="J16861" s="2">
        <v>0</v>
      </c>
      <c r="K16861" s="2">
        <v>0</v>
      </c>
      <c r="L16861" t="s">
        <v>120</v>
      </c>
      <c r="M16861" t="s">
        <v>83</v>
      </c>
      <c r="N16861" t="s">
        <v>91</v>
      </c>
      <c r="O16861" t="s">
        <v>85</v>
      </c>
      <c r="P16861" t="s">
        <v>86</v>
      </c>
      <c r="Q16861">
        <v>80</v>
      </c>
      <c r="R16861">
        <v>81</v>
      </c>
      <c r="S16861">
        <v>82</v>
      </c>
      <c r="T16861">
        <v>84</v>
      </c>
      <c r="U16861">
        <v>85</v>
      </c>
      <c r="V16861">
        <v>86</v>
      </c>
      <c r="W16861">
        <v>87</v>
      </c>
      <c r="X16861">
        <v>88</v>
      </c>
      <c r="Y16861">
        <v>89</v>
      </c>
      <c r="Z16861">
        <v>90</v>
      </c>
      <c r="AA16861">
        <v>91</v>
      </c>
      <c r="AB16861">
        <v>92</v>
      </c>
      <c r="AC16861">
        <v>93</v>
      </c>
      <c r="AD16861">
        <v>94</v>
      </c>
      <c r="AE16861">
        <v>95</v>
      </c>
      <c r="AF16861">
        <v>96</v>
      </c>
      <c r="AG16861">
        <v>97</v>
      </c>
      <c r="AH16861">
        <v>98</v>
      </c>
      <c r="AI16861">
        <v>99</v>
      </c>
      <c r="AJ16861">
        <v>100</v>
      </c>
      <c r="AK16861">
        <v>101</v>
      </c>
      <c r="AL16861">
        <v>102</v>
      </c>
      <c r="AM16861">
        <v>102</v>
      </c>
      <c r="AN16861">
        <v>102</v>
      </c>
      <c r="AO16861">
        <v>102</v>
      </c>
      <c r="AP16861">
        <v>102</v>
      </c>
      <c r="AQ16861">
        <v>102</v>
      </c>
    </row>
    <row r="16862" spans="1:43">
      <c r="A16862" t="s">
        <v>10466</v>
      </c>
      <c r="B16862" t="s">
        <v>10467</v>
      </c>
      <c r="C16862" t="s">
        <v>10468</v>
      </c>
      <c r="D16862" t="s">
        <v>10469</v>
      </c>
      <c r="E16862" t="s">
        <v>10448</v>
      </c>
      <c r="F16862" t="s">
        <v>10449</v>
      </c>
      <c r="G16862" t="s">
        <v>10450</v>
      </c>
      <c r="H16862" t="s">
        <v>10451</v>
      </c>
      <c r="I16862" s="2">
        <v>1</v>
      </c>
      <c r="J16862" s="2">
        <v>0</v>
      </c>
      <c r="K16862" s="2">
        <v>0</v>
      </c>
      <c r="L16862" t="s">
        <v>120</v>
      </c>
      <c r="M16862" t="s">
        <v>83</v>
      </c>
      <c r="N16862" t="s">
        <v>84</v>
      </c>
      <c r="O16862" t="s">
        <v>85</v>
      </c>
      <c r="P16862" t="s">
        <v>86</v>
      </c>
      <c r="Q16862">
        <v>16</v>
      </c>
      <c r="R16862">
        <v>17</v>
      </c>
      <c r="S16862">
        <v>17</v>
      </c>
      <c r="T16862">
        <v>17</v>
      </c>
      <c r="U16862">
        <v>17</v>
      </c>
      <c r="V16862">
        <v>17</v>
      </c>
      <c r="W16862">
        <v>18</v>
      </c>
      <c r="X16862">
        <v>18</v>
      </c>
      <c r="Y16862">
        <v>18</v>
      </c>
      <c r="Z16862">
        <v>18</v>
      </c>
      <c r="AA16862">
        <v>19</v>
      </c>
      <c r="AB16862">
        <v>19</v>
      </c>
      <c r="AC16862">
        <v>19</v>
      </c>
      <c r="AD16862">
        <v>19</v>
      </c>
      <c r="AE16862">
        <v>19</v>
      </c>
      <c r="AF16862">
        <v>20</v>
      </c>
      <c r="AG16862">
        <v>20</v>
      </c>
      <c r="AH16862">
        <v>20</v>
      </c>
      <c r="AI16862">
        <v>20</v>
      </c>
      <c r="AJ16862">
        <v>20</v>
      </c>
      <c r="AK16862">
        <v>21</v>
      </c>
      <c r="AL16862">
        <v>21</v>
      </c>
      <c r="AM16862">
        <v>21</v>
      </c>
      <c r="AN16862">
        <v>21</v>
      </c>
      <c r="AO16862">
        <v>21</v>
      </c>
      <c r="AP16862">
        <v>21</v>
      </c>
      <c r="AQ16862">
        <v>21</v>
      </c>
    </row>
    <row r="16863" spans="1:43">
      <c r="A16863" t="s">
        <v>10466</v>
      </c>
      <c r="B16863" t="s">
        <v>10467</v>
      </c>
      <c r="C16863" t="s">
        <v>10468</v>
      </c>
      <c r="D16863" t="s">
        <v>10469</v>
      </c>
      <c r="E16863" t="s">
        <v>10448</v>
      </c>
      <c r="F16863" t="s">
        <v>10449</v>
      </c>
      <c r="G16863" t="s">
        <v>10450</v>
      </c>
      <c r="H16863" t="s">
        <v>10451</v>
      </c>
      <c r="I16863" s="2">
        <v>1</v>
      </c>
      <c r="J16863" s="2">
        <v>0</v>
      </c>
      <c r="K16863" s="2">
        <v>0</v>
      </c>
      <c r="L16863" t="s">
        <v>120</v>
      </c>
      <c r="M16863" t="s">
        <v>87</v>
      </c>
      <c r="N16863" t="s">
        <v>88</v>
      </c>
      <c r="O16863" t="s">
        <v>85</v>
      </c>
      <c r="P16863" t="s">
        <v>86</v>
      </c>
      <c r="Q16863">
        <v>16</v>
      </c>
      <c r="R16863">
        <v>16</v>
      </c>
      <c r="S16863">
        <v>16</v>
      </c>
      <c r="T16863">
        <v>16</v>
      </c>
      <c r="U16863">
        <v>16</v>
      </c>
      <c r="V16863">
        <v>17</v>
      </c>
      <c r="W16863">
        <v>17</v>
      </c>
      <c r="X16863">
        <v>17</v>
      </c>
      <c r="Y16863">
        <v>17</v>
      </c>
      <c r="Z16863">
        <v>17</v>
      </c>
      <c r="AA16863">
        <v>17</v>
      </c>
      <c r="AB16863">
        <v>17</v>
      </c>
      <c r="AC16863">
        <v>17</v>
      </c>
      <c r="AD16863">
        <v>17</v>
      </c>
      <c r="AE16863">
        <v>17</v>
      </c>
      <c r="AF16863">
        <v>17</v>
      </c>
      <c r="AG16863">
        <v>17</v>
      </c>
      <c r="AH16863">
        <v>17</v>
      </c>
      <c r="AI16863">
        <v>18</v>
      </c>
      <c r="AJ16863">
        <v>18</v>
      </c>
      <c r="AK16863">
        <v>18</v>
      </c>
      <c r="AL16863">
        <v>18</v>
      </c>
      <c r="AM16863">
        <v>18</v>
      </c>
      <c r="AN16863">
        <v>18</v>
      </c>
      <c r="AO16863">
        <v>18</v>
      </c>
      <c r="AP16863">
        <v>18</v>
      </c>
      <c r="AQ16863">
        <v>18</v>
      </c>
    </row>
    <row r="16864" spans="1:43">
      <c r="A16864" t="s">
        <v>10466</v>
      </c>
      <c r="B16864" t="s">
        <v>10467</v>
      </c>
      <c r="C16864" t="s">
        <v>10468</v>
      </c>
      <c r="D16864" t="s">
        <v>10469</v>
      </c>
      <c r="E16864" t="s">
        <v>10448</v>
      </c>
      <c r="F16864" t="s">
        <v>10449</v>
      </c>
      <c r="G16864" t="s">
        <v>10450</v>
      </c>
      <c r="H16864" t="s">
        <v>10451</v>
      </c>
      <c r="I16864" s="2">
        <v>1</v>
      </c>
      <c r="J16864" s="2">
        <v>0</v>
      </c>
      <c r="K16864" s="2">
        <v>0</v>
      </c>
      <c r="L16864" t="s">
        <v>120</v>
      </c>
      <c r="M16864" t="s">
        <v>89</v>
      </c>
      <c r="N16864" t="s">
        <v>90</v>
      </c>
      <c r="O16864" t="s">
        <v>85</v>
      </c>
      <c r="P16864" t="s">
        <v>86</v>
      </c>
      <c r="Q16864">
        <v>16</v>
      </c>
      <c r="R16864">
        <v>17</v>
      </c>
      <c r="S16864">
        <v>17</v>
      </c>
      <c r="T16864">
        <v>18</v>
      </c>
      <c r="U16864">
        <v>18</v>
      </c>
      <c r="V16864">
        <v>18</v>
      </c>
      <c r="W16864">
        <v>19</v>
      </c>
      <c r="X16864">
        <v>19</v>
      </c>
      <c r="Y16864">
        <v>19</v>
      </c>
      <c r="Z16864">
        <v>19</v>
      </c>
      <c r="AA16864">
        <v>20</v>
      </c>
      <c r="AB16864">
        <v>20</v>
      </c>
      <c r="AC16864">
        <v>20</v>
      </c>
      <c r="AD16864">
        <v>21</v>
      </c>
      <c r="AE16864">
        <v>21</v>
      </c>
      <c r="AF16864">
        <v>21</v>
      </c>
      <c r="AG16864">
        <v>21</v>
      </c>
      <c r="AH16864">
        <v>21</v>
      </c>
      <c r="AI16864">
        <v>21</v>
      </c>
      <c r="AJ16864">
        <v>21</v>
      </c>
      <c r="AK16864">
        <v>21</v>
      </c>
      <c r="AL16864">
        <v>21</v>
      </c>
      <c r="AM16864">
        <v>21</v>
      </c>
      <c r="AN16864">
        <v>21</v>
      </c>
      <c r="AO16864">
        <v>21</v>
      </c>
      <c r="AP16864">
        <v>21</v>
      </c>
      <c r="AQ16864">
        <v>21</v>
      </c>
    </row>
    <row r="16865" spans="1:43">
      <c r="A16865" t="s">
        <v>10466</v>
      </c>
      <c r="B16865" t="s">
        <v>10467</v>
      </c>
      <c r="C16865" t="s">
        <v>10468</v>
      </c>
      <c r="D16865" t="s">
        <v>10469</v>
      </c>
      <c r="E16865" t="s">
        <v>10448</v>
      </c>
      <c r="F16865" t="s">
        <v>10449</v>
      </c>
      <c r="G16865" t="s">
        <v>10450</v>
      </c>
      <c r="H16865" t="s">
        <v>10451</v>
      </c>
      <c r="I16865" s="2">
        <v>1</v>
      </c>
      <c r="J16865" s="2">
        <v>0</v>
      </c>
      <c r="K16865" s="2">
        <v>0</v>
      </c>
      <c r="L16865" t="s">
        <v>120</v>
      </c>
      <c r="M16865" t="s">
        <v>83</v>
      </c>
      <c r="N16865" t="s">
        <v>91</v>
      </c>
      <c r="O16865" t="s">
        <v>85</v>
      </c>
      <c r="P16865" t="s">
        <v>86</v>
      </c>
      <c r="Q16865">
        <v>16</v>
      </c>
      <c r="R16865">
        <v>17</v>
      </c>
      <c r="S16865">
        <v>17</v>
      </c>
      <c r="T16865">
        <v>17</v>
      </c>
      <c r="U16865">
        <v>17</v>
      </c>
      <c r="V16865">
        <v>17</v>
      </c>
      <c r="W16865">
        <v>18</v>
      </c>
      <c r="X16865">
        <v>18</v>
      </c>
      <c r="Y16865">
        <v>18</v>
      </c>
      <c r="Z16865">
        <v>18</v>
      </c>
      <c r="AA16865">
        <v>19</v>
      </c>
      <c r="AB16865">
        <v>19</v>
      </c>
      <c r="AC16865">
        <v>19</v>
      </c>
      <c r="AD16865">
        <v>19</v>
      </c>
      <c r="AE16865">
        <v>19</v>
      </c>
      <c r="AF16865">
        <v>20</v>
      </c>
      <c r="AG16865">
        <v>20</v>
      </c>
      <c r="AH16865">
        <v>20</v>
      </c>
      <c r="AI16865">
        <v>20</v>
      </c>
      <c r="AJ16865">
        <v>20</v>
      </c>
      <c r="AK16865">
        <v>21</v>
      </c>
      <c r="AL16865">
        <v>21</v>
      </c>
      <c r="AM16865">
        <v>21</v>
      </c>
      <c r="AN16865">
        <v>21</v>
      </c>
      <c r="AO16865">
        <v>21</v>
      </c>
      <c r="AP16865">
        <v>21</v>
      </c>
      <c r="AQ16865">
        <v>21</v>
      </c>
    </row>
    <row r="16866" spans="1:43">
      <c r="A16866" t="s">
        <v>10470</v>
      </c>
      <c r="B16866" t="s">
        <v>10471</v>
      </c>
      <c r="C16866" t="s">
        <v>10468</v>
      </c>
      <c r="D16866" t="s">
        <v>10469</v>
      </c>
      <c r="E16866" t="s">
        <v>10448</v>
      </c>
      <c r="F16866" t="s">
        <v>10449</v>
      </c>
      <c r="G16866" t="s">
        <v>10450</v>
      </c>
      <c r="H16866" t="s">
        <v>10451</v>
      </c>
      <c r="I16866" s="2">
        <v>1</v>
      </c>
      <c r="J16866" s="2">
        <v>0</v>
      </c>
      <c r="K16866" s="2">
        <v>0</v>
      </c>
      <c r="L16866" t="s">
        <v>120</v>
      </c>
      <c r="M16866" t="s">
        <v>83</v>
      </c>
      <c r="N16866" t="s">
        <v>84</v>
      </c>
      <c r="O16866" t="s">
        <v>85</v>
      </c>
      <c r="P16866" t="s">
        <v>86</v>
      </c>
      <c r="Q16866">
        <v>14</v>
      </c>
      <c r="R16866">
        <v>15</v>
      </c>
      <c r="S16866">
        <v>15</v>
      </c>
      <c r="T16866">
        <v>15</v>
      </c>
      <c r="U16866">
        <v>15</v>
      </c>
      <c r="V16866">
        <v>15</v>
      </c>
      <c r="W16866">
        <v>16</v>
      </c>
      <c r="X16866">
        <v>16</v>
      </c>
      <c r="Y16866">
        <v>16</v>
      </c>
      <c r="Z16866">
        <v>16</v>
      </c>
      <c r="AA16866">
        <v>16</v>
      </c>
      <c r="AB16866">
        <v>17</v>
      </c>
      <c r="AC16866">
        <v>17</v>
      </c>
      <c r="AD16866">
        <v>17</v>
      </c>
      <c r="AE16866">
        <v>17</v>
      </c>
      <c r="AF16866">
        <v>17</v>
      </c>
      <c r="AG16866">
        <v>18</v>
      </c>
      <c r="AH16866">
        <v>18</v>
      </c>
      <c r="AI16866">
        <v>18</v>
      </c>
      <c r="AJ16866">
        <v>18</v>
      </c>
      <c r="AK16866">
        <v>18</v>
      </c>
      <c r="AL16866">
        <v>18</v>
      </c>
      <c r="AM16866">
        <v>18</v>
      </c>
      <c r="AN16866">
        <v>18</v>
      </c>
      <c r="AO16866">
        <v>18</v>
      </c>
      <c r="AP16866">
        <v>18</v>
      </c>
      <c r="AQ16866">
        <v>18</v>
      </c>
    </row>
    <row r="16867" spans="1:43">
      <c r="A16867" t="s">
        <v>10470</v>
      </c>
      <c r="B16867" t="s">
        <v>10471</v>
      </c>
      <c r="C16867" t="s">
        <v>10468</v>
      </c>
      <c r="D16867" t="s">
        <v>10469</v>
      </c>
      <c r="E16867" t="s">
        <v>10448</v>
      </c>
      <c r="F16867" t="s">
        <v>10449</v>
      </c>
      <c r="G16867" t="s">
        <v>10450</v>
      </c>
      <c r="H16867" t="s">
        <v>10451</v>
      </c>
      <c r="I16867" s="2">
        <v>1</v>
      </c>
      <c r="J16867" s="2">
        <v>0</v>
      </c>
      <c r="K16867" s="2">
        <v>0</v>
      </c>
      <c r="L16867" t="s">
        <v>120</v>
      </c>
      <c r="M16867" t="s">
        <v>87</v>
      </c>
      <c r="N16867" t="s">
        <v>88</v>
      </c>
      <c r="O16867" t="s">
        <v>85</v>
      </c>
      <c r="P16867" t="s">
        <v>86</v>
      </c>
      <c r="Q16867">
        <v>14</v>
      </c>
      <c r="R16867">
        <v>14</v>
      </c>
      <c r="S16867">
        <v>14</v>
      </c>
      <c r="T16867">
        <v>15</v>
      </c>
      <c r="U16867">
        <v>15</v>
      </c>
      <c r="V16867">
        <v>15</v>
      </c>
      <c r="W16867">
        <v>15</v>
      </c>
      <c r="X16867">
        <v>15</v>
      </c>
      <c r="Y16867">
        <v>15</v>
      </c>
      <c r="Z16867">
        <v>15</v>
      </c>
      <c r="AA16867">
        <v>15</v>
      </c>
      <c r="AB16867">
        <v>15</v>
      </c>
      <c r="AC16867">
        <v>15</v>
      </c>
      <c r="AD16867">
        <v>15</v>
      </c>
      <c r="AE16867">
        <v>15</v>
      </c>
      <c r="AF16867">
        <v>15</v>
      </c>
      <c r="AG16867">
        <v>15</v>
      </c>
      <c r="AH16867">
        <v>15</v>
      </c>
      <c r="AI16867">
        <v>16</v>
      </c>
      <c r="AJ16867">
        <v>16</v>
      </c>
      <c r="AK16867">
        <v>16</v>
      </c>
      <c r="AL16867">
        <v>16</v>
      </c>
      <c r="AM16867">
        <v>16</v>
      </c>
      <c r="AN16867">
        <v>16</v>
      </c>
      <c r="AO16867">
        <v>16</v>
      </c>
      <c r="AP16867">
        <v>16</v>
      </c>
      <c r="AQ16867">
        <v>16</v>
      </c>
    </row>
    <row r="16868" spans="1:43">
      <c r="A16868" t="s">
        <v>10470</v>
      </c>
      <c r="B16868" t="s">
        <v>10471</v>
      </c>
      <c r="C16868" t="s">
        <v>10468</v>
      </c>
      <c r="D16868" t="s">
        <v>10469</v>
      </c>
      <c r="E16868" t="s">
        <v>10448</v>
      </c>
      <c r="F16868" t="s">
        <v>10449</v>
      </c>
      <c r="G16868" t="s">
        <v>10450</v>
      </c>
      <c r="H16868" t="s">
        <v>10451</v>
      </c>
      <c r="I16868" s="2">
        <v>1</v>
      </c>
      <c r="J16868" s="2">
        <v>0</v>
      </c>
      <c r="K16868" s="2">
        <v>0</v>
      </c>
      <c r="L16868" t="s">
        <v>120</v>
      </c>
      <c r="M16868" t="s">
        <v>89</v>
      </c>
      <c r="N16868" t="s">
        <v>90</v>
      </c>
      <c r="O16868" t="s">
        <v>85</v>
      </c>
      <c r="P16868" t="s">
        <v>86</v>
      </c>
      <c r="Q16868">
        <v>14</v>
      </c>
      <c r="R16868">
        <v>14</v>
      </c>
      <c r="S16868">
        <v>14</v>
      </c>
      <c r="T16868">
        <v>15</v>
      </c>
      <c r="U16868">
        <v>15</v>
      </c>
      <c r="V16868">
        <v>15</v>
      </c>
      <c r="W16868">
        <v>15</v>
      </c>
      <c r="X16868">
        <v>16</v>
      </c>
      <c r="Y16868">
        <v>16</v>
      </c>
      <c r="Z16868">
        <v>16</v>
      </c>
      <c r="AA16868">
        <v>16</v>
      </c>
      <c r="AB16868">
        <v>17</v>
      </c>
      <c r="AC16868">
        <v>17</v>
      </c>
      <c r="AD16868">
        <v>17</v>
      </c>
      <c r="AE16868">
        <v>17</v>
      </c>
      <c r="AF16868">
        <v>17</v>
      </c>
      <c r="AG16868">
        <v>17</v>
      </c>
      <c r="AH16868">
        <v>17</v>
      </c>
      <c r="AI16868">
        <v>17</v>
      </c>
      <c r="AJ16868">
        <v>18</v>
      </c>
      <c r="AK16868">
        <v>18</v>
      </c>
      <c r="AL16868">
        <v>18</v>
      </c>
      <c r="AM16868">
        <v>18</v>
      </c>
      <c r="AN16868">
        <v>18</v>
      </c>
      <c r="AO16868">
        <v>18</v>
      </c>
      <c r="AP16868">
        <v>18</v>
      </c>
      <c r="AQ16868">
        <v>18</v>
      </c>
    </row>
    <row r="16869" spans="1:43">
      <c r="A16869" t="s">
        <v>10470</v>
      </c>
      <c r="B16869" t="s">
        <v>10471</v>
      </c>
      <c r="C16869" t="s">
        <v>10468</v>
      </c>
      <c r="D16869" t="s">
        <v>10469</v>
      </c>
      <c r="E16869" t="s">
        <v>10448</v>
      </c>
      <c r="F16869" t="s">
        <v>10449</v>
      </c>
      <c r="G16869" t="s">
        <v>10450</v>
      </c>
      <c r="H16869" t="s">
        <v>10451</v>
      </c>
      <c r="I16869" s="2">
        <v>1</v>
      </c>
      <c r="J16869" s="2">
        <v>0</v>
      </c>
      <c r="K16869" s="2">
        <v>0</v>
      </c>
      <c r="L16869" t="s">
        <v>120</v>
      </c>
      <c r="M16869" t="s">
        <v>83</v>
      </c>
      <c r="N16869" t="s">
        <v>91</v>
      </c>
      <c r="O16869" t="s">
        <v>85</v>
      </c>
      <c r="P16869" t="s">
        <v>86</v>
      </c>
      <c r="Q16869">
        <v>14</v>
      </c>
      <c r="R16869">
        <v>15</v>
      </c>
      <c r="S16869">
        <v>15</v>
      </c>
      <c r="T16869">
        <v>15</v>
      </c>
      <c r="U16869">
        <v>15</v>
      </c>
      <c r="V16869">
        <v>15</v>
      </c>
      <c r="W16869">
        <v>16</v>
      </c>
      <c r="X16869">
        <v>16</v>
      </c>
      <c r="Y16869">
        <v>16</v>
      </c>
      <c r="Z16869">
        <v>16</v>
      </c>
      <c r="AA16869">
        <v>16</v>
      </c>
      <c r="AB16869">
        <v>17</v>
      </c>
      <c r="AC16869">
        <v>17</v>
      </c>
      <c r="AD16869">
        <v>17</v>
      </c>
      <c r="AE16869">
        <v>17</v>
      </c>
      <c r="AF16869">
        <v>17</v>
      </c>
      <c r="AG16869">
        <v>18</v>
      </c>
      <c r="AH16869">
        <v>18</v>
      </c>
      <c r="AI16869">
        <v>18</v>
      </c>
      <c r="AJ16869">
        <v>18</v>
      </c>
      <c r="AK16869">
        <v>18</v>
      </c>
      <c r="AL16869">
        <v>18</v>
      </c>
      <c r="AM16869">
        <v>18</v>
      </c>
      <c r="AN16869">
        <v>18</v>
      </c>
      <c r="AO16869">
        <v>18</v>
      </c>
      <c r="AP16869">
        <v>18</v>
      </c>
      <c r="AQ16869">
        <v>18</v>
      </c>
    </row>
    <row r="16870" spans="1:43">
      <c r="A16870" t="s">
        <v>10472</v>
      </c>
      <c r="B16870" t="s">
        <v>10473</v>
      </c>
      <c r="C16870" t="s">
        <v>10462</v>
      </c>
      <c r="D16870" t="s">
        <v>10463</v>
      </c>
      <c r="E16870" t="s">
        <v>10448</v>
      </c>
      <c r="F16870" t="s">
        <v>10449</v>
      </c>
      <c r="G16870" t="s">
        <v>10450</v>
      </c>
      <c r="H16870" t="s">
        <v>10451</v>
      </c>
      <c r="I16870" s="2">
        <v>1</v>
      </c>
      <c r="J16870" s="2">
        <v>0</v>
      </c>
      <c r="K16870" s="2">
        <v>0</v>
      </c>
      <c r="L16870" t="s">
        <v>120</v>
      </c>
      <c r="M16870" t="s">
        <v>83</v>
      </c>
      <c r="N16870" t="s">
        <v>84</v>
      </c>
      <c r="O16870" t="s">
        <v>85</v>
      </c>
      <c r="P16870" t="s">
        <v>86</v>
      </c>
      <c r="Q16870">
        <v>42</v>
      </c>
      <c r="R16870">
        <v>42</v>
      </c>
      <c r="S16870">
        <v>43</v>
      </c>
      <c r="T16870">
        <v>43</v>
      </c>
      <c r="U16870">
        <v>44</v>
      </c>
      <c r="V16870">
        <v>45</v>
      </c>
      <c r="W16870">
        <v>45</v>
      </c>
      <c r="X16870">
        <v>46</v>
      </c>
      <c r="Y16870">
        <v>46</v>
      </c>
      <c r="Z16870">
        <v>47</v>
      </c>
      <c r="AA16870">
        <v>47</v>
      </c>
      <c r="AB16870">
        <v>48</v>
      </c>
      <c r="AC16870">
        <v>48</v>
      </c>
      <c r="AD16870">
        <v>49</v>
      </c>
      <c r="AE16870">
        <v>49</v>
      </c>
      <c r="AF16870">
        <v>50</v>
      </c>
      <c r="AG16870">
        <v>51</v>
      </c>
      <c r="AH16870">
        <v>51</v>
      </c>
      <c r="AI16870">
        <v>52</v>
      </c>
      <c r="AJ16870">
        <v>52</v>
      </c>
      <c r="AK16870">
        <v>53</v>
      </c>
      <c r="AL16870">
        <v>53</v>
      </c>
      <c r="AM16870">
        <v>53</v>
      </c>
      <c r="AN16870">
        <v>53</v>
      </c>
      <c r="AO16870">
        <v>53</v>
      </c>
      <c r="AP16870">
        <v>53</v>
      </c>
      <c r="AQ16870">
        <v>53</v>
      </c>
    </row>
    <row r="16871" spans="1:43">
      <c r="A16871" t="s">
        <v>10472</v>
      </c>
      <c r="B16871" t="s">
        <v>10473</v>
      </c>
      <c r="C16871" t="s">
        <v>10462</v>
      </c>
      <c r="D16871" t="s">
        <v>10463</v>
      </c>
      <c r="E16871" t="s">
        <v>10448</v>
      </c>
      <c r="F16871" t="s">
        <v>10449</v>
      </c>
      <c r="G16871" t="s">
        <v>10450</v>
      </c>
      <c r="H16871" t="s">
        <v>10451</v>
      </c>
      <c r="I16871" s="2">
        <v>1</v>
      </c>
      <c r="J16871" s="2">
        <v>0</v>
      </c>
      <c r="K16871" s="2">
        <v>0</v>
      </c>
      <c r="L16871" t="s">
        <v>120</v>
      </c>
      <c r="M16871" t="s">
        <v>87</v>
      </c>
      <c r="N16871" t="s">
        <v>88</v>
      </c>
      <c r="O16871" t="s">
        <v>85</v>
      </c>
      <c r="P16871" t="s">
        <v>86</v>
      </c>
      <c r="Q16871">
        <v>42</v>
      </c>
      <c r="R16871">
        <v>42</v>
      </c>
      <c r="S16871">
        <v>43</v>
      </c>
      <c r="T16871">
        <v>43</v>
      </c>
      <c r="U16871">
        <v>43</v>
      </c>
      <c r="V16871">
        <v>43</v>
      </c>
      <c r="W16871">
        <v>43</v>
      </c>
      <c r="X16871">
        <v>44</v>
      </c>
      <c r="Y16871">
        <v>44</v>
      </c>
      <c r="Z16871">
        <v>44</v>
      </c>
      <c r="AA16871">
        <v>44</v>
      </c>
      <c r="AB16871">
        <v>44</v>
      </c>
      <c r="AC16871">
        <v>45</v>
      </c>
      <c r="AD16871">
        <v>45</v>
      </c>
      <c r="AE16871">
        <v>45</v>
      </c>
      <c r="AF16871">
        <v>45</v>
      </c>
      <c r="AG16871">
        <v>45</v>
      </c>
      <c r="AH16871">
        <v>46</v>
      </c>
      <c r="AI16871">
        <v>46</v>
      </c>
      <c r="AJ16871">
        <v>46</v>
      </c>
      <c r="AK16871">
        <v>46</v>
      </c>
      <c r="AL16871">
        <v>46</v>
      </c>
      <c r="AM16871">
        <v>46</v>
      </c>
      <c r="AN16871">
        <v>47</v>
      </c>
      <c r="AO16871">
        <v>47</v>
      </c>
      <c r="AP16871">
        <v>47</v>
      </c>
      <c r="AQ16871">
        <v>47</v>
      </c>
    </row>
    <row r="16872" spans="1:43">
      <c r="A16872" t="s">
        <v>10472</v>
      </c>
      <c r="B16872" t="s">
        <v>10473</v>
      </c>
      <c r="C16872" t="s">
        <v>10462</v>
      </c>
      <c r="D16872" t="s">
        <v>10463</v>
      </c>
      <c r="E16872" t="s">
        <v>10448</v>
      </c>
      <c r="F16872" t="s">
        <v>10449</v>
      </c>
      <c r="G16872" t="s">
        <v>10450</v>
      </c>
      <c r="H16872" t="s">
        <v>10451</v>
      </c>
      <c r="I16872" s="2">
        <v>1</v>
      </c>
      <c r="J16872" s="2">
        <v>0</v>
      </c>
      <c r="K16872" s="2">
        <v>0</v>
      </c>
      <c r="L16872" t="s">
        <v>120</v>
      </c>
      <c r="M16872" t="s">
        <v>89</v>
      </c>
      <c r="N16872" t="s">
        <v>90</v>
      </c>
      <c r="O16872" t="s">
        <v>85</v>
      </c>
      <c r="P16872" t="s">
        <v>86</v>
      </c>
      <c r="Q16872">
        <v>42</v>
      </c>
      <c r="R16872">
        <v>43</v>
      </c>
      <c r="S16872">
        <v>44</v>
      </c>
      <c r="T16872">
        <v>45</v>
      </c>
      <c r="U16872">
        <v>46</v>
      </c>
      <c r="V16872">
        <v>47</v>
      </c>
      <c r="W16872">
        <v>47</v>
      </c>
      <c r="X16872">
        <v>48</v>
      </c>
      <c r="Y16872">
        <v>49</v>
      </c>
      <c r="Z16872">
        <v>50</v>
      </c>
      <c r="AA16872">
        <v>50</v>
      </c>
      <c r="AB16872">
        <v>51</v>
      </c>
      <c r="AC16872">
        <v>52</v>
      </c>
      <c r="AD16872">
        <v>53</v>
      </c>
      <c r="AE16872">
        <v>53</v>
      </c>
      <c r="AF16872">
        <v>53</v>
      </c>
      <c r="AG16872">
        <v>53</v>
      </c>
      <c r="AH16872">
        <v>53</v>
      </c>
      <c r="AI16872">
        <v>53</v>
      </c>
      <c r="AJ16872">
        <v>53</v>
      </c>
      <c r="AK16872">
        <v>53</v>
      </c>
      <c r="AL16872">
        <v>53</v>
      </c>
      <c r="AM16872">
        <v>53</v>
      </c>
      <c r="AN16872">
        <v>53</v>
      </c>
      <c r="AO16872">
        <v>53</v>
      </c>
      <c r="AP16872">
        <v>54</v>
      </c>
      <c r="AQ16872">
        <v>54</v>
      </c>
    </row>
    <row r="16873" spans="1:43">
      <c r="A16873" t="s">
        <v>10472</v>
      </c>
      <c r="B16873" t="s">
        <v>10473</v>
      </c>
      <c r="C16873" t="s">
        <v>10462</v>
      </c>
      <c r="D16873" t="s">
        <v>10463</v>
      </c>
      <c r="E16873" t="s">
        <v>10448</v>
      </c>
      <c r="F16873" t="s">
        <v>10449</v>
      </c>
      <c r="G16873" t="s">
        <v>10450</v>
      </c>
      <c r="H16873" t="s">
        <v>10451</v>
      </c>
      <c r="I16873" s="2">
        <v>1</v>
      </c>
      <c r="J16873" s="2">
        <v>0</v>
      </c>
      <c r="K16873" s="2">
        <v>0</v>
      </c>
      <c r="L16873" t="s">
        <v>120</v>
      </c>
      <c r="M16873" t="s">
        <v>83</v>
      </c>
      <c r="N16873" t="s">
        <v>91</v>
      </c>
      <c r="O16873" t="s">
        <v>85</v>
      </c>
      <c r="P16873" t="s">
        <v>86</v>
      </c>
      <c r="Q16873">
        <v>42</v>
      </c>
      <c r="R16873">
        <v>42</v>
      </c>
      <c r="S16873">
        <v>43</v>
      </c>
      <c r="T16873">
        <v>43</v>
      </c>
      <c r="U16873">
        <v>44</v>
      </c>
      <c r="V16873">
        <v>45</v>
      </c>
      <c r="W16873">
        <v>45</v>
      </c>
      <c r="X16873">
        <v>46</v>
      </c>
      <c r="Y16873">
        <v>46</v>
      </c>
      <c r="Z16873">
        <v>47</v>
      </c>
      <c r="AA16873">
        <v>47</v>
      </c>
      <c r="AB16873">
        <v>48</v>
      </c>
      <c r="AC16873">
        <v>48</v>
      </c>
      <c r="AD16873">
        <v>49</v>
      </c>
      <c r="AE16873">
        <v>49</v>
      </c>
      <c r="AF16873">
        <v>50</v>
      </c>
      <c r="AG16873">
        <v>51</v>
      </c>
      <c r="AH16873">
        <v>51</v>
      </c>
      <c r="AI16873">
        <v>52</v>
      </c>
      <c r="AJ16873">
        <v>52</v>
      </c>
      <c r="AK16873">
        <v>53</v>
      </c>
      <c r="AL16873">
        <v>53</v>
      </c>
      <c r="AM16873">
        <v>53</v>
      </c>
      <c r="AN16873">
        <v>53</v>
      </c>
      <c r="AO16873">
        <v>53</v>
      </c>
      <c r="AP16873">
        <v>53</v>
      </c>
      <c r="AQ16873">
        <v>53</v>
      </c>
    </row>
    <row r="16874" spans="1:43">
      <c r="A16874" t="s">
        <v>10474</v>
      </c>
      <c r="B16874" t="s">
        <v>10475</v>
      </c>
      <c r="C16874" t="s">
        <v>10476</v>
      </c>
      <c r="D16874" t="s">
        <v>10477</v>
      </c>
      <c r="E16874" t="s">
        <v>10448</v>
      </c>
      <c r="F16874" t="s">
        <v>10449</v>
      </c>
      <c r="G16874" t="s">
        <v>10450</v>
      </c>
      <c r="H16874" t="s">
        <v>10451</v>
      </c>
      <c r="I16874" s="2">
        <v>1</v>
      </c>
      <c r="J16874" s="2">
        <v>0</v>
      </c>
      <c r="K16874" s="2">
        <v>0</v>
      </c>
      <c r="L16874" t="s">
        <v>120</v>
      </c>
      <c r="M16874" t="s">
        <v>83</v>
      </c>
      <c r="N16874" t="s">
        <v>84</v>
      </c>
      <c r="O16874" t="s">
        <v>85</v>
      </c>
      <c r="P16874" t="s">
        <v>86</v>
      </c>
      <c r="Q16874">
        <v>20</v>
      </c>
      <c r="R16874">
        <v>20</v>
      </c>
      <c r="S16874">
        <v>20</v>
      </c>
      <c r="T16874">
        <v>20</v>
      </c>
      <c r="U16874">
        <v>21</v>
      </c>
      <c r="V16874">
        <v>21</v>
      </c>
      <c r="W16874">
        <v>21</v>
      </c>
      <c r="X16874">
        <v>22</v>
      </c>
      <c r="Y16874">
        <v>22</v>
      </c>
      <c r="Z16874">
        <v>22</v>
      </c>
      <c r="AA16874">
        <v>22</v>
      </c>
      <c r="AB16874">
        <v>23</v>
      </c>
      <c r="AC16874">
        <v>23</v>
      </c>
      <c r="AD16874">
        <v>23</v>
      </c>
      <c r="AE16874">
        <v>23</v>
      </c>
      <c r="AF16874">
        <v>24</v>
      </c>
      <c r="AG16874">
        <v>24</v>
      </c>
      <c r="AH16874">
        <v>24</v>
      </c>
      <c r="AI16874">
        <v>24</v>
      </c>
      <c r="AJ16874">
        <v>25</v>
      </c>
      <c r="AK16874">
        <v>25</v>
      </c>
      <c r="AL16874">
        <v>25</v>
      </c>
      <c r="AM16874">
        <v>25</v>
      </c>
      <c r="AN16874">
        <v>25</v>
      </c>
      <c r="AO16874">
        <v>25</v>
      </c>
      <c r="AP16874">
        <v>25</v>
      </c>
      <c r="AQ16874">
        <v>25</v>
      </c>
    </row>
    <row r="16875" spans="1:43">
      <c r="A16875" t="s">
        <v>10474</v>
      </c>
      <c r="B16875" t="s">
        <v>10475</v>
      </c>
      <c r="C16875" t="s">
        <v>10476</v>
      </c>
      <c r="D16875" t="s">
        <v>10477</v>
      </c>
      <c r="E16875" t="s">
        <v>10448</v>
      </c>
      <c r="F16875" t="s">
        <v>10449</v>
      </c>
      <c r="G16875" t="s">
        <v>10450</v>
      </c>
      <c r="H16875" t="s">
        <v>10451</v>
      </c>
      <c r="I16875" s="2">
        <v>1</v>
      </c>
      <c r="J16875" s="2">
        <v>0</v>
      </c>
      <c r="K16875" s="2">
        <v>0</v>
      </c>
      <c r="L16875" t="s">
        <v>120</v>
      </c>
      <c r="M16875" t="s">
        <v>87</v>
      </c>
      <c r="N16875" t="s">
        <v>88</v>
      </c>
      <c r="O16875" t="s">
        <v>85</v>
      </c>
      <c r="P16875" t="s">
        <v>86</v>
      </c>
      <c r="Q16875">
        <v>20</v>
      </c>
      <c r="R16875">
        <v>21</v>
      </c>
      <c r="S16875">
        <v>21</v>
      </c>
      <c r="T16875">
        <v>21</v>
      </c>
      <c r="U16875">
        <v>21</v>
      </c>
      <c r="V16875">
        <v>21</v>
      </c>
      <c r="W16875">
        <v>21</v>
      </c>
      <c r="X16875">
        <v>21</v>
      </c>
      <c r="Y16875">
        <v>21</v>
      </c>
      <c r="Z16875">
        <v>21</v>
      </c>
      <c r="AA16875">
        <v>21</v>
      </c>
      <c r="AB16875">
        <v>21</v>
      </c>
      <c r="AC16875">
        <v>22</v>
      </c>
      <c r="AD16875">
        <v>22</v>
      </c>
      <c r="AE16875">
        <v>22</v>
      </c>
      <c r="AF16875">
        <v>22</v>
      </c>
      <c r="AG16875">
        <v>22</v>
      </c>
      <c r="AH16875">
        <v>22</v>
      </c>
      <c r="AI16875">
        <v>22</v>
      </c>
      <c r="AJ16875">
        <v>22</v>
      </c>
      <c r="AK16875">
        <v>22</v>
      </c>
      <c r="AL16875">
        <v>22</v>
      </c>
      <c r="AM16875">
        <v>22</v>
      </c>
      <c r="AN16875">
        <v>23</v>
      </c>
      <c r="AO16875">
        <v>23</v>
      </c>
      <c r="AP16875">
        <v>23</v>
      </c>
      <c r="AQ16875">
        <v>23</v>
      </c>
    </row>
    <row r="16876" spans="1:43">
      <c r="A16876" t="s">
        <v>10474</v>
      </c>
      <c r="B16876" t="s">
        <v>10475</v>
      </c>
      <c r="C16876" t="s">
        <v>10476</v>
      </c>
      <c r="D16876" t="s">
        <v>10477</v>
      </c>
      <c r="E16876" t="s">
        <v>10448</v>
      </c>
      <c r="F16876" t="s">
        <v>10449</v>
      </c>
      <c r="G16876" t="s">
        <v>10450</v>
      </c>
      <c r="H16876" t="s">
        <v>10451</v>
      </c>
      <c r="I16876" s="2">
        <v>1</v>
      </c>
      <c r="J16876" s="2">
        <v>0</v>
      </c>
      <c r="K16876" s="2">
        <v>0</v>
      </c>
      <c r="L16876" t="s">
        <v>120</v>
      </c>
      <c r="M16876" t="s">
        <v>89</v>
      </c>
      <c r="N16876" t="s">
        <v>90</v>
      </c>
      <c r="O16876" t="s">
        <v>85</v>
      </c>
      <c r="P16876" t="s">
        <v>86</v>
      </c>
      <c r="Q16876">
        <v>20</v>
      </c>
      <c r="R16876">
        <v>20</v>
      </c>
      <c r="S16876">
        <v>21</v>
      </c>
      <c r="T16876">
        <v>21</v>
      </c>
      <c r="U16876">
        <v>22</v>
      </c>
      <c r="V16876">
        <v>22</v>
      </c>
      <c r="W16876">
        <v>22</v>
      </c>
      <c r="X16876">
        <v>23</v>
      </c>
      <c r="Y16876">
        <v>23</v>
      </c>
      <c r="Z16876">
        <v>23</v>
      </c>
      <c r="AA16876">
        <v>24</v>
      </c>
      <c r="AB16876">
        <v>24</v>
      </c>
      <c r="AC16876">
        <v>25</v>
      </c>
      <c r="AD16876">
        <v>25</v>
      </c>
      <c r="AE16876">
        <v>25</v>
      </c>
      <c r="AF16876">
        <v>25</v>
      </c>
      <c r="AG16876">
        <v>25</v>
      </c>
      <c r="AH16876">
        <v>25</v>
      </c>
      <c r="AI16876">
        <v>25</v>
      </c>
      <c r="AJ16876">
        <v>25</v>
      </c>
      <c r="AK16876">
        <v>25</v>
      </c>
      <c r="AL16876">
        <v>25</v>
      </c>
      <c r="AM16876">
        <v>25</v>
      </c>
      <c r="AN16876">
        <v>25</v>
      </c>
      <c r="AO16876">
        <v>25</v>
      </c>
      <c r="AP16876">
        <v>26</v>
      </c>
      <c r="AQ16876">
        <v>26</v>
      </c>
    </row>
    <row r="16877" spans="1:43">
      <c r="A16877" t="s">
        <v>10474</v>
      </c>
      <c r="B16877" t="s">
        <v>10475</v>
      </c>
      <c r="C16877" t="s">
        <v>10476</v>
      </c>
      <c r="D16877" t="s">
        <v>10477</v>
      </c>
      <c r="E16877" t="s">
        <v>10448</v>
      </c>
      <c r="F16877" t="s">
        <v>10449</v>
      </c>
      <c r="G16877" t="s">
        <v>10450</v>
      </c>
      <c r="H16877" t="s">
        <v>10451</v>
      </c>
      <c r="I16877" s="2">
        <v>1</v>
      </c>
      <c r="J16877" s="2">
        <v>0</v>
      </c>
      <c r="K16877" s="2">
        <v>0</v>
      </c>
      <c r="L16877" t="s">
        <v>120</v>
      </c>
      <c r="M16877" t="s">
        <v>83</v>
      </c>
      <c r="N16877" t="s">
        <v>91</v>
      </c>
      <c r="O16877" t="s">
        <v>85</v>
      </c>
      <c r="P16877" t="s">
        <v>86</v>
      </c>
      <c r="Q16877">
        <v>20</v>
      </c>
      <c r="R16877">
        <v>20</v>
      </c>
      <c r="S16877">
        <v>20</v>
      </c>
      <c r="T16877">
        <v>20</v>
      </c>
      <c r="U16877">
        <v>21</v>
      </c>
      <c r="V16877">
        <v>21</v>
      </c>
      <c r="W16877">
        <v>21</v>
      </c>
      <c r="X16877">
        <v>22</v>
      </c>
      <c r="Y16877">
        <v>22</v>
      </c>
      <c r="Z16877">
        <v>22</v>
      </c>
      <c r="AA16877">
        <v>22</v>
      </c>
      <c r="AB16877">
        <v>23</v>
      </c>
      <c r="AC16877">
        <v>23</v>
      </c>
      <c r="AD16877">
        <v>23</v>
      </c>
      <c r="AE16877">
        <v>23</v>
      </c>
      <c r="AF16877">
        <v>24</v>
      </c>
      <c r="AG16877">
        <v>24</v>
      </c>
      <c r="AH16877">
        <v>24</v>
      </c>
      <c r="AI16877">
        <v>24</v>
      </c>
      <c r="AJ16877">
        <v>25</v>
      </c>
      <c r="AK16877">
        <v>25</v>
      </c>
      <c r="AL16877">
        <v>25</v>
      </c>
      <c r="AM16877">
        <v>25</v>
      </c>
      <c r="AN16877">
        <v>25</v>
      </c>
      <c r="AO16877">
        <v>25</v>
      </c>
      <c r="AP16877">
        <v>25</v>
      </c>
      <c r="AQ16877">
        <v>25</v>
      </c>
    </row>
    <row r="16878" spans="1:43">
      <c r="A16878" t="s">
        <v>10478</v>
      </c>
      <c r="B16878" t="s">
        <v>10479</v>
      </c>
      <c r="C16878" t="s">
        <v>10468</v>
      </c>
      <c r="D16878" t="s">
        <v>10469</v>
      </c>
      <c r="E16878" t="s">
        <v>10448</v>
      </c>
      <c r="F16878" t="s">
        <v>10449</v>
      </c>
      <c r="G16878" t="s">
        <v>10450</v>
      </c>
      <c r="H16878" t="s">
        <v>10451</v>
      </c>
      <c r="I16878" s="2">
        <v>1</v>
      </c>
      <c r="J16878" s="2">
        <v>0</v>
      </c>
      <c r="K16878" s="2">
        <v>0</v>
      </c>
      <c r="L16878" t="s">
        <v>120</v>
      </c>
      <c r="M16878" t="s">
        <v>83</v>
      </c>
      <c r="N16878" t="s">
        <v>84</v>
      </c>
      <c r="O16878" t="s">
        <v>85</v>
      </c>
      <c r="P16878" t="s">
        <v>86</v>
      </c>
      <c r="Q16878">
        <v>36</v>
      </c>
      <c r="R16878">
        <v>36</v>
      </c>
      <c r="S16878">
        <v>37</v>
      </c>
      <c r="T16878">
        <v>37</v>
      </c>
      <c r="U16878">
        <v>38</v>
      </c>
      <c r="V16878">
        <v>38</v>
      </c>
      <c r="W16878">
        <v>39</v>
      </c>
      <c r="X16878">
        <v>39</v>
      </c>
      <c r="Y16878">
        <v>40</v>
      </c>
      <c r="Z16878">
        <v>40</v>
      </c>
      <c r="AA16878">
        <v>41</v>
      </c>
      <c r="AB16878">
        <v>41</v>
      </c>
      <c r="AC16878">
        <v>42</v>
      </c>
      <c r="AD16878">
        <v>42</v>
      </c>
      <c r="AE16878">
        <v>42</v>
      </c>
      <c r="AF16878">
        <v>43</v>
      </c>
      <c r="AG16878">
        <v>43</v>
      </c>
      <c r="AH16878">
        <v>44</v>
      </c>
      <c r="AI16878">
        <v>44</v>
      </c>
      <c r="AJ16878">
        <v>45</v>
      </c>
      <c r="AK16878">
        <v>45</v>
      </c>
      <c r="AL16878">
        <v>45</v>
      </c>
      <c r="AM16878">
        <v>45</v>
      </c>
      <c r="AN16878">
        <v>45</v>
      </c>
      <c r="AO16878">
        <v>45</v>
      </c>
      <c r="AP16878">
        <v>45</v>
      </c>
      <c r="AQ16878">
        <v>46</v>
      </c>
    </row>
    <row r="16879" spans="1:43">
      <c r="A16879" t="s">
        <v>10478</v>
      </c>
      <c r="B16879" t="s">
        <v>10479</v>
      </c>
      <c r="C16879" t="s">
        <v>10468</v>
      </c>
      <c r="D16879" t="s">
        <v>10469</v>
      </c>
      <c r="E16879" t="s">
        <v>10448</v>
      </c>
      <c r="F16879" t="s">
        <v>10449</v>
      </c>
      <c r="G16879" t="s">
        <v>10450</v>
      </c>
      <c r="H16879" t="s">
        <v>10451</v>
      </c>
      <c r="I16879" s="2">
        <v>1</v>
      </c>
      <c r="J16879" s="2">
        <v>0</v>
      </c>
      <c r="K16879" s="2">
        <v>0</v>
      </c>
      <c r="L16879" t="s">
        <v>120</v>
      </c>
      <c r="M16879" t="s">
        <v>87</v>
      </c>
      <c r="N16879" t="s">
        <v>88</v>
      </c>
      <c r="O16879" t="s">
        <v>85</v>
      </c>
      <c r="P16879" t="s">
        <v>86</v>
      </c>
      <c r="Q16879">
        <v>36</v>
      </c>
      <c r="R16879">
        <v>36</v>
      </c>
      <c r="S16879">
        <v>37</v>
      </c>
      <c r="T16879">
        <v>37</v>
      </c>
      <c r="U16879">
        <v>37</v>
      </c>
      <c r="V16879">
        <v>37</v>
      </c>
      <c r="W16879">
        <v>37</v>
      </c>
      <c r="X16879">
        <v>38</v>
      </c>
      <c r="Y16879">
        <v>38</v>
      </c>
      <c r="Z16879">
        <v>38</v>
      </c>
      <c r="AA16879">
        <v>38</v>
      </c>
      <c r="AB16879">
        <v>38</v>
      </c>
      <c r="AC16879">
        <v>38</v>
      </c>
      <c r="AD16879">
        <v>39</v>
      </c>
      <c r="AE16879">
        <v>39</v>
      </c>
      <c r="AF16879">
        <v>39</v>
      </c>
      <c r="AG16879">
        <v>39</v>
      </c>
      <c r="AH16879">
        <v>39</v>
      </c>
      <c r="AI16879">
        <v>39</v>
      </c>
      <c r="AJ16879">
        <v>39</v>
      </c>
      <c r="AK16879">
        <v>40</v>
      </c>
      <c r="AL16879">
        <v>40</v>
      </c>
      <c r="AM16879">
        <v>40</v>
      </c>
      <c r="AN16879">
        <v>40</v>
      </c>
      <c r="AO16879">
        <v>40</v>
      </c>
      <c r="AP16879">
        <v>40</v>
      </c>
      <c r="AQ16879">
        <v>41</v>
      </c>
    </row>
    <row r="16880" spans="1:43">
      <c r="A16880" t="s">
        <v>10478</v>
      </c>
      <c r="B16880" t="s">
        <v>10479</v>
      </c>
      <c r="C16880" t="s">
        <v>10468</v>
      </c>
      <c r="D16880" t="s">
        <v>10469</v>
      </c>
      <c r="E16880" t="s">
        <v>10448</v>
      </c>
      <c r="F16880" t="s">
        <v>10449</v>
      </c>
      <c r="G16880" t="s">
        <v>10450</v>
      </c>
      <c r="H16880" t="s">
        <v>10451</v>
      </c>
      <c r="I16880" s="2">
        <v>1</v>
      </c>
      <c r="J16880" s="2">
        <v>0</v>
      </c>
      <c r="K16880" s="2">
        <v>0</v>
      </c>
      <c r="L16880" t="s">
        <v>120</v>
      </c>
      <c r="M16880" t="s">
        <v>89</v>
      </c>
      <c r="N16880" t="s">
        <v>90</v>
      </c>
      <c r="O16880" t="s">
        <v>85</v>
      </c>
      <c r="P16880" t="s">
        <v>86</v>
      </c>
      <c r="Q16880">
        <v>36</v>
      </c>
      <c r="R16880">
        <v>37</v>
      </c>
      <c r="S16880">
        <v>38</v>
      </c>
      <c r="T16880">
        <v>38</v>
      </c>
      <c r="U16880">
        <v>39</v>
      </c>
      <c r="V16880">
        <v>40</v>
      </c>
      <c r="W16880">
        <v>41</v>
      </c>
      <c r="X16880">
        <v>41</v>
      </c>
      <c r="Y16880">
        <v>42</v>
      </c>
      <c r="Z16880">
        <v>43</v>
      </c>
      <c r="AA16880">
        <v>43</v>
      </c>
      <c r="AB16880">
        <v>44</v>
      </c>
      <c r="AC16880">
        <v>44</v>
      </c>
      <c r="AD16880">
        <v>45</v>
      </c>
      <c r="AE16880">
        <v>45</v>
      </c>
      <c r="AF16880">
        <v>46</v>
      </c>
      <c r="AG16880">
        <v>46</v>
      </c>
      <c r="AH16880">
        <v>46</v>
      </c>
      <c r="AI16880">
        <v>46</v>
      </c>
      <c r="AJ16880">
        <v>46</v>
      </c>
      <c r="AK16880">
        <v>46</v>
      </c>
      <c r="AL16880">
        <v>46</v>
      </c>
      <c r="AM16880">
        <v>46</v>
      </c>
      <c r="AN16880">
        <v>46</v>
      </c>
      <c r="AO16880">
        <v>46</v>
      </c>
      <c r="AP16880">
        <v>46</v>
      </c>
      <c r="AQ16880">
        <v>46</v>
      </c>
    </row>
    <row r="16881" spans="1:43">
      <c r="A16881" t="s">
        <v>10478</v>
      </c>
      <c r="B16881" t="s">
        <v>10479</v>
      </c>
      <c r="C16881" t="s">
        <v>10468</v>
      </c>
      <c r="D16881" t="s">
        <v>10469</v>
      </c>
      <c r="E16881" t="s">
        <v>10448</v>
      </c>
      <c r="F16881" t="s">
        <v>10449</v>
      </c>
      <c r="G16881" t="s">
        <v>10450</v>
      </c>
      <c r="H16881" t="s">
        <v>10451</v>
      </c>
      <c r="I16881" s="2">
        <v>1</v>
      </c>
      <c r="J16881" s="2">
        <v>0</v>
      </c>
      <c r="K16881" s="2">
        <v>0</v>
      </c>
      <c r="L16881" t="s">
        <v>120</v>
      </c>
      <c r="M16881" t="s">
        <v>83</v>
      </c>
      <c r="N16881" t="s">
        <v>91</v>
      </c>
      <c r="O16881" t="s">
        <v>85</v>
      </c>
      <c r="P16881" t="s">
        <v>86</v>
      </c>
      <c r="Q16881">
        <v>36</v>
      </c>
      <c r="R16881">
        <v>36</v>
      </c>
      <c r="S16881">
        <v>37</v>
      </c>
      <c r="T16881">
        <v>37</v>
      </c>
      <c r="U16881">
        <v>38</v>
      </c>
      <c r="V16881">
        <v>38</v>
      </c>
      <c r="W16881">
        <v>39</v>
      </c>
      <c r="X16881">
        <v>39</v>
      </c>
      <c r="Y16881">
        <v>40</v>
      </c>
      <c r="Z16881">
        <v>40</v>
      </c>
      <c r="AA16881">
        <v>41</v>
      </c>
      <c r="AB16881">
        <v>41</v>
      </c>
      <c r="AC16881">
        <v>42</v>
      </c>
      <c r="AD16881">
        <v>42</v>
      </c>
      <c r="AE16881">
        <v>42</v>
      </c>
      <c r="AF16881">
        <v>43</v>
      </c>
      <c r="AG16881">
        <v>43</v>
      </c>
      <c r="AH16881">
        <v>44</v>
      </c>
      <c r="AI16881">
        <v>44</v>
      </c>
      <c r="AJ16881">
        <v>45</v>
      </c>
      <c r="AK16881">
        <v>45</v>
      </c>
      <c r="AL16881">
        <v>45</v>
      </c>
      <c r="AM16881">
        <v>45</v>
      </c>
      <c r="AN16881">
        <v>45</v>
      </c>
      <c r="AO16881">
        <v>45</v>
      </c>
      <c r="AP16881">
        <v>45</v>
      </c>
      <c r="AQ16881">
        <v>46</v>
      </c>
    </row>
    <row r="16882" spans="1:43">
      <c r="A16882" t="s">
        <v>10480</v>
      </c>
      <c r="B16882" t="s">
        <v>10481</v>
      </c>
      <c r="C16882" t="s">
        <v>10462</v>
      </c>
      <c r="D16882" t="s">
        <v>10463</v>
      </c>
      <c r="E16882" t="s">
        <v>10448</v>
      </c>
      <c r="F16882" t="s">
        <v>10449</v>
      </c>
      <c r="G16882" t="s">
        <v>10450</v>
      </c>
      <c r="H16882" t="s">
        <v>10451</v>
      </c>
      <c r="I16882" s="2">
        <v>1</v>
      </c>
      <c r="J16882" s="2">
        <v>0</v>
      </c>
      <c r="K16882" s="2">
        <v>0</v>
      </c>
      <c r="L16882" t="s">
        <v>120</v>
      </c>
      <c r="M16882" t="s">
        <v>83</v>
      </c>
      <c r="N16882" t="s">
        <v>84</v>
      </c>
      <c r="O16882" t="s">
        <v>85</v>
      </c>
      <c r="P16882" t="s">
        <v>86</v>
      </c>
      <c r="Q16882">
        <v>50</v>
      </c>
      <c r="R16882">
        <v>50</v>
      </c>
      <c r="S16882">
        <v>51</v>
      </c>
      <c r="T16882">
        <v>52</v>
      </c>
      <c r="U16882">
        <v>53</v>
      </c>
      <c r="V16882">
        <v>53</v>
      </c>
      <c r="W16882">
        <v>54</v>
      </c>
      <c r="X16882">
        <v>55</v>
      </c>
      <c r="Y16882">
        <v>55</v>
      </c>
      <c r="Z16882">
        <v>56</v>
      </c>
      <c r="AA16882">
        <v>57</v>
      </c>
      <c r="AB16882">
        <v>57</v>
      </c>
      <c r="AC16882">
        <v>58</v>
      </c>
      <c r="AD16882">
        <v>59</v>
      </c>
      <c r="AE16882">
        <v>59</v>
      </c>
      <c r="AF16882">
        <v>60</v>
      </c>
      <c r="AG16882">
        <v>61</v>
      </c>
      <c r="AH16882">
        <v>61</v>
      </c>
      <c r="AI16882">
        <v>62</v>
      </c>
      <c r="AJ16882">
        <v>62</v>
      </c>
      <c r="AK16882">
        <v>63</v>
      </c>
      <c r="AL16882">
        <v>63</v>
      </c>
      <c r="AM16882">
        <v>63</v>
      </c>
      <c r="AN16882">
        <v>64</v>
      </c>
      <c r="AO16882">
        <v>64</v>
      </c>
      <c r="AP16882">
        <v>64</v>
      </c>
      <c r="AQ16882">
        <v>64</v>
      </c>
    </row>
    <row r="16883" spans="1:43">
      <c r="A16883" t="s">
        <v>10480</v>
      </c>
      <c r="B16883" t="s">
        <v>10481</v>
      </c>
      <c r="C16883" t="s">
        <v>10462</v>
      </c>
      <c r="D16883" t="s">
        <v>10463</v>
      </c>
      <c r="E16883" t="s">
        <v>10448</v>
      </c>
      <c r="F16883" t="s">
        <v>10449</v>
      </c>
      <c r="G16883" t="s">
        <v>10450</v>
      </c>
      <c r="H16883" t="s">
        <v>10451</v>
      </c>
      <c r="I16883" s="2">
        <v>1</v>
      </c>
      <c r="J16883" s="2">
        <v>0</v>
      </c>
      <c r="K16883" s="2">
        <v>0</v>
      </c>
      <c r="L16883" t="s">
        <v>120</v>
      </c>
      <c r="M16883" t="s">
        <v>87</v>
      </c>
      <c r="N16883" t="s">
        <v>88</v>
      </c>
      <c r="O16883" t="s">
        <v>85</v>
      </c>
      <c r="P16883" t="s">
        <v>86</v>
      </c>
      <c r="Q16883">
        <v>50</v>
      </c>
      <c r="R16883">
        <v>50</v>
      </c>
      <c r="S16883">
        <v>51</v>
      </c>
      <c r="T16883">
        <v>51</v>
      </c>
      <c r="U16883">
        <v>51</v>
      </c>
      <c r="V16883">
        <v>51</v>
      </c>
      <c r="W16883">
        <v>52</v>
      </c>
      <c r="X16883">
        <v>52</v>
      </c>
      <c r="Y16883">
        <v>52</v>
      </c>
      <c r="Z16883">
        <v>52</v>
      </c>
      <c r="AA16883">
        <v>53</v>
      </c>
      <c r="AB16883">
        <v>53</v>
      </c>
      <c r="AC16883">
        <v>53</v>
      </c>
      <c r="AD16883">
        <v>53</v>
      </c>
      <c r="AE16883">
        <v>54</v>
      </c>
      <c r="AF16883">
        <v>54</v>
      </c>
      <c r="AG16883">
        <v>54</v>
      </c>
      <c r="AH16883">
        <v>54</v>
      </c>
      <c r="AI16883">
        <v>54</v>
      </c>
      <c r="AJ16883">
        <v>55</v>
      </c>
      <c r="AK16883">
        <v>55</v>
      </c>
      <c r="AL16883">
        <v>55</v>
      </c>
      <c r="AM16883">
        <v>55</v>
      </c>
      <c r="AN16883">
        <v>56</v>
      </c>
      <c r="AO16883">
        <v>56</v>
      </c>
      <c r="AP16883">
        <v>56</v>
      </c>
      <c r="AQ16883">
        <v>56</v>
      </c>
    </row>
    <row r="16884" spans="1:43">
      <c r="A16884" t="s">
        <v>10480</v>
      </c>
      <c r="B16884" t="s">
        <v>10481</v>
      </c>
      <c r="C16884" t="s">
        <v>10462</v>
      </c>
      <c r="D16884" t="s">
        <v>10463</v>
      </c>
      <c r="E16884" t="s">
        <v>10448</v>
      </c>
      <c r="F16884" t="s">
        <v>10449</v>
      </c>
      <c r="G16884" t="s">
        <v>10450</v>
      </c>
      <c r="H16884" t="s">
        <v>10451</v>
      </c>
      <c r="I16884" s="2">
        <v>1</v>
      </c>
      <c r="J16884" s="2">
        <v>0</v>
      </c>
      <c r="K16884" s="2">
        <v>0</v>
      </c>
      <c r="L16884" t="s">
        <v>120</v>
      </c>
      <c r="M16884" t="s">
        <v>89</v>
      </c>
      <c r="N16884" t="s">
        <v>90</v>
      </c>
      <c r="O16884" t="s">
        <v>85</v>
      </c>
      <c r="P16884" t="s">
        <v>86</v>
      </c>
      <c r="Q16884">
        <v>50</v>
      </c>
      <c r="R16884">
        <v>51</v>
      </c>
      <c r="S16884">
        <v>52</v>
      </c>
      <c r="T16884">
        <v>54</v>
      </c>
      <c r="U16884">
        <v>55</v>
      </c>
      <c r="V16884">
        <v>56</v>
      </c>
      <c r="W16884">
        <v>57</v>
      </c>
      <c r="X16884">
        <v>58</v>
      </c>
      <c r="Y16884">
        <v>59</v>
      </c>
      <c r="Z16884">
        <v>59</v>
      </c>
      <c r="AA16884">
        <v>60</v>
      </c>
      <c r="AB16884">
        <v>61</v>
      </c>
      <c r="AC16884">
        <v>62</v>
      </c>
      <c r="AD16884">
        <v>63</v>
      </c>
      <c r="AE16884">
        <v>64</v>
      </c>
      <c r="AF16884">
        <v>64</v>
      </c>
      <c r="AG16884">
        <v>64</v>
      </c>
      <c r="AH16884">
        <v>64</v>
      </c>
      <c r="AI16884">
        <v>64</v>
      </c>
      <c r="AJ16884">
        <v>64</v>
      </c>
      <c r="AK16884">
        <v>64</v>
      </c>
      <c r="AL16884">
        <v>64</v>
      </c>
      <c r="AM16884">
        <v>64</v>
      </c>
      <c r="AN16884">
        <v>64</v>
      </c>
      <c r="AO16884">
        <v>64</v>
      </c>
      <c r="AP16884">
        <v>65</v>
      </c>
      <c r="AQ16884">
        <v>65</v>
      </c>
    </row>
    <row r="16885" spans="1:43">
      <c r="A16885" t="s">
        <v>10480</v>
      </c>
      <c r="B16885" t="s">
        <v>10481</v>
      </c>
      <c r="C16885" t="s">
        <v>10462</v>
      </c>
      <c r="D16885" t="s">
        <v>10463</v>
      </c>
      <c r="E16885" t="s">
        <v>10448</v>
      </c>
      <c r="F16885" t="s">
        <v>10449</v>
      </c>
      <c r="G16885" t="s">
        <v>10450</v>
      </c>
      <c r="H16885" t="s">
        <v>10451</v>
      </c>
      <c r="I16885" s="2">
        <v>1</v>
      </c>
      <c r="J16885" s="2">
        <v>0</v>
      </c>
      <c r="K16885" s="2">
        <v>0</v>
      </c>
      <c r="L16885" t="s">
        <v>120</v>
      </c>
      <c r="M16885" t="s">
        <v>83</v>
      </c>
      <c r="N16885" t="s">
        <v>91</v>
      </c>
      <c r="O16885" t="s">
        <v>85</v>
      </c>
      <c r="P16885" t="s">
        <v>86</v>
      </c>
      <c r="Q16885">
        <v>50</v>
      </c>
      <c r="R16885">
        <v>50</v>
      </c>
      <c r="S16885">
        <v>51</v>
      </c>
      <c r="T16885">
        <v>52</v>
      </c>
      <c r="U16885">
        <v>53</v>
      </c>
      <c r="V16885">
        <v>53</v>
      </c>
      <c r="W16885">
        <v>54</v>
      </c>
      <c r="X16885">
        <v>55</v>
      </c>
      <c r="Y16885">
        <v>55</v>
      </c>
      <c r="Z16885">
        <v>56</v>
      </c>
      <c r="AA16885">
        <v>57</v>
      </c>
      <c r="AB16885">
        <v>57</v>
      </c>
      <c r="AC16885">
        <v>58</v>
      </c>
      <c r="AD16885">
        <v>59</v>
      </c>
      <c r="AE16885">
        <v>59</v>
      </c>
      <c r="AF16885">
        <v>60</v>
      </c>
      <c r="AG16885">
        <v>61</v>
      </c>
      <c r="AH16885">
        <v>61</v>
      </c>
      <c r="AI16885">
        <v>62</v>
      </c>
      <c r="AJ16885">
        <v>62</v>
      </c>
      <c r="AK16885">
        <v>63</v>
      </c>
      <c r="AL16885">
        <v>63</v>
      </c>
      <c r="AM16885">
        <v>63</v>
      </c>
      <c r="AN16885">
        <v>64</v>
      </c>
      <c r="AO16885">
        <v>64</v>
      </c>
      <c r="AP16885">
        <v>64</v>
      </c>
      <c r="AQ16885">
        <v>64</v>
      </c>
    </row>
    <row r="16886" spans="1:43">
      <c r="A16886" t="s">
        <v>10482</v>
      </c>
      <c r="B16886" t="s">
        <v>10483</v>
      </c>
      <c r="C16886" t="s">
        <v>10484</v>
      </c>
      <c r="D16886" t="s">
        <v>10485</v>
      </c>
      <c r="E16886" t="s">
        <v>10448</v>
      </c>
      <c r="F16886" t="s">
        <v>10449</v>
      </c>
      <c r="G16886" t="s">
        <v>10450</v>
      </c>
      <c r="H16886" t="s">
        <v>10451</v>
      </c>
      <c r="I16886" s="2">
        <v>1</v>
      </c>
      <c r="J16886" s="2">
        <v>0</v>
      </c>
      <c r="K16886" s="2">
        <v>0</v>
      </c>
      <c r="L16886" t="s">
        <v>120</v>
      </c>
      <c r="M16886" t="s">
        <v>83</v>
      </c>
      <c r="N16886" t="s">
        <v>84</v>
      </c>
      <c r="O16886" t="s">
        <v>85</v>
      </c>
      <c r="P16886" t="s">
        <v>86</v>
      </c>
      <c r="Q16886">
        <v>7</v>
      </c>
      <c r="R16886">
        <v>7</v>
      </c>
      <c r="S16886">
        <v>7</v>
      </c>
      <c r="T16886">
        <v>7</v>
      </c>
      <c r="U16886">
        <v>8</v>
      </c>
      <c r="V16886">
        <v>8</v>
      </c>
      <c r="W16886">
        <v>8</v>
      </c>
      <c r="X16886">
        <v>8</v>
      </c>
      <c r="Y16886">
        <v>8</v>
      </c>
      <c r="Z16886">
        <v>8</v>
      </c>
      <c r="AA16886">
        <v>8</v>
      </c>
      <c r="AB16886">
        <v>8</v>
      </c>
      <c r="AC16886">
        <v>8</v>
      </c>
      <c r="AD16886">
        <v>8</v>
      </c>
      <c r="AE16886">
        <v>9</v>
      </c>
      <c r="AF16886">
        <v>9</v>
      </c>
      <c r="AG16886">
        <v>9</v>
      </c>
      <c r="AH16886">
        <v>9</v>
      </c>
      <c r="AI16886">
        <v>9</v>
      </c>
      <c r="AJ16886">
        <v>9</v>
      </c>
      <c r="AK16886">
        <v>9</v>
      </c>
      <c r="AL16886">
        <v>9</v>
      </c>
      <c r="AM16886">
        <v>9</v>
      </c>
      <c r="AN16886">
        <v>9</v>
      </c>
      <c r="AO16886">
        <v>9</v>
      </c>
      <c r="AP16886">
        <v>9</v>
      </c>
      <c r="AQ16886">
        <v>9</v>
      </c>
    </row>
    <row r="16887" spans="1:43">
      <c r="A16887" t="s">
        <v>10482</v>
      </c>
      <c r="B16887" t="s">
        <v>10483</v>
      </c>
      <c r="C16887" t="s">
        <v>10484</v>
      </c>
      <c r="D16887" t="s">
        <v>10485</v>
      </c>
      <c r="E16887" t="s">
        <v>10448</v>
      </c>
      <c r="F16887" t="s">
        <v>10449</v>
      </c>
      <c r="G16887" t="s">
        <v>10450</v>
      </c>
      <c r="H16887" t="s">
        <v>10451</v>
      </c>
      <c r="I16887" s="2">
        <v>1</v>
      </c>
      <c r="J16887" s="2">
        <v>0</v>
      </c>
      <c r="K16887" s="2">
        <v>0</v>
      </c>
      <c r="L16887" t="s">
        <v>120</v>
      </c>
      <c r="M16887" t="s">
        <v>87</v>
      </c>
      <c r="N16887" t="s">
        <v>88</v>
      </c>
      <c r="O16887" t="s">
        <v>85</v>
      </c>
      <c r="P16887" t="s">
        <v>86</v>
      </c>
      <c r="Q16887">
        <v>7</v>
      </c>
      <c r="R16887">
        <v>7</v>
      </c>
      <c r="S16887">
        <v>7</v>
      </c>
      <c r="T16887">
        <v>7</v>
      </c>
      <c r="U16887">
        <v>7</v>
      </c>
      <c r="V16887">
        <v>7</v>
      </c>
      <c r="W16887">
        <v>7</v>
      </c>
      <c r="X16887">
        <v>7</v>
      </c>
      <c r="Y16887">
        <v>7</v>
      </c>
      <c r="Z16887">
        <v>7</v>
      </c>
      <c r="AA16887">
        <v>7</v>
      </c>
      <c r="AB16887">
        <v>7</v>
      </c>
      <c r="AC16887">
        <v>8</v>
      </c>
      <c r="AD16887">
        <v>8</v>
      </c>
      <c r="AE16887">
        <v>8</v>
      </c>
      <c r="AF16887">
        <v>8</v>
      </c>
      <c r="AG16887">
        <v>8</v>
      </c>
      <c r="AH16887">
        <v>8</v>
      </c>
      <c r="AI16887">
        <v>8</v>
      </c>
      <c r="AJ16887">
        <v>8</v>
      </c>
      <c r="AK16887">
        <v>8</v>
      </c>
      <c r="AL16887">
        <v>8</v>
      </c>
      <c r="AM16887">
        <v>8</v>
      </c>
      <c r="AN16887">
        <v>8</v>
      </c>
      <c r="AO16887">
        <v>8</v>
      </c>
      <c r="AP16887">
        <v>8</v>
      </c>
      <c r="AQ16887">
        <v>8</v>
      </c>
    </row>
    <row r="16888" spans="1:43">
      <c r="A16888" t="s">
        <v>10482</v>
      </c>
      <c r="B16888" t="s">
        <v>10483</v>
      </c>
      <c r="C16888" t="s">
        <v>10484</v>
      </c>
      <c r="D16888" t="s">
        <v>10485</v>
      </c>
      <c r="E16888" t="s">
        <v>10448</v>
      </c>
      <c r="F16888" t="s">
        <v>10449</v>
      </c>
      <c r="G16888" t="s">
        <v>10450</v>
      </c>
      <c r="H16888" t="s">
        <v>10451</v>
      </c>
      <c r="I16888" s="2">
        <v>1</v>
      </c>
      <c r="J16888" s="2">
        <v>0</v>
      </c>
      <c r="K16888" s="2">
        <v>0</v>
      </c>
      <c r="L16888" t="s">
        <v>120</v>
      </c>
      <c r="M16888" t="s">
        <v>89</v>
      </c>
      <c r="N16888" t="s">
        <v>90</v>
      </c>
      <c r="O16888" t="s">
        <v>85</v>
      </c>
      <c r="P16888" t="s">
        <v>86</v>
      </c>
      <c r="Q16888">
        <v>7</v>
      </c>
      <c r="R16888">
        <v>7</v>
      </c>
      <c r="S16888">
        <v>8</v>
      </c>
      <c r="T16888">
        <v>8</v>
      </c>
      <c r="U16888">
        <v>8</v>
      </c>
      <c r="V16888">
        <v>8</v>
      </c>
      <c r="W16888">
        <v>8</v>
      </c>
      <c r="X16888">
        <v>8</v>
      </c>
      <c r="Y16888">
        <v>8</v>
      </c>
      <c r="Z16888">
        <v>9</v>
      </c>
      <c r="AA16888">
        <v>9</v>
      </c>
      <c r="AB16888">
        <v>9</v>
      </c>
      <c r="AC16888">
        <v>9</v>
      </c>
      <c r="AD16888">
        <v>9</v>
      </c>
      <c r="AE16888">
        <v>9</v>
      </c>
      <c r="AF16888">
        <v>9</v>
      </c>
      <c r="AG16888">
        <v>9</v>
      </c>
      <c r="AH16888">
        <v>9</v>
      </c>
      <c r="AI16888">
        <v>9</v>
      </c>
      <c r="AJ16888">
        <v>9</v>
      </c>
      <c r="AK16888">
        <v>9</v>
      </c>
      <c r="AL16888">
        <v>9</v>
      </c>
      <c r="AM16888">
        <v>9</v>
      </c>
      <c r="AN16888">
        <v>9</v>
      </c>
      <c r="AO16888">
        <v>9</v>
      </c>
      <c r="AP16888">
        <v>9</v>
      </c>
      <c r="AQ16888">
        <v>9</v>
      </c>
    </row>
    <row r="16889" spans="1:43">
      <c r="A16889" t="s">
        <v>10482</v>
      </c>
      <c r="B16889" t="s">
        <v>10483</v>
      </c>
      <c r="C16889" t="s">
        <v>10484</v>
      </c>
      <c r="D16889" t="s">
        <v>10485</v>
      </c>
      <c r="E16889" t="s">
        <v>10448</v>
      </c>
      <c r="F16889" t="s">
        <v>10449</v>
      </c>
      <c r="G16889" t="s">
        <v>10450</v>
      </c>
      <c r="H16889" t="s">
        <v>10451</v>
      </c>
      <c r="I16889" s="2">
        <v>1</v>
      </c>
      <c r="J16889" s="2">
        <v>0</v>
      </c>
      <c r="K16889" s="2">
        <v>0</v>
      </c>
      <c r="L16889" t="s">
        <v>120</v>
      </c>
      <c r="M16889" t="s">
        <v>83</v>
      </c>
      <c r="N16889" t="s">
        <v>91</v>
      </c>
      <c r="O16889" t="s">
        <v>85</v>
      </c>
      <c r="P16889" t="s">
        <v>86</v>
      </c>
      <c r="Q16889">
        <v>7</v>
      </c>
      <c r="R16889">
        <v>7</v>
      </c>
      <c r="S16889">
        <v>7</v>
      </c>
      <c r="T16889">
        <v>7</v>
      </c>
      <c r="U16889">
        <v>8</v>
      </c>
      <c r="V16889">
        <v>8</v>
      </c>
      <c r="W16889">
        <v>8</v>
      </c>
      <c r="X16889">
        <v>8</v>
      </c>
      <c r="Y16889">
        <v>8</v>
      </c>
      <c r="Z16889">
        <v>8</v>
      </c>
      <c r="AA16889">
        <v>8</v>
      </c>
      <c r="AB16889">
        <v>8</v>
      </c>
      <c r="AC16889">
        <v>8</v>
      </c>
      <c r="AD16889">
        <v>8</v>
      </c>
      <c r="AE16889">
        <v>9</v>
      </c>
      <c r="AF16889">
        <v>9</v>
      </c>
      <c r="AG16889">
        <v>9</v>
      </c>
      <c r="AH16889">
        <v>9</v>
      </c>
      <c r="AI16889">
        <v>9</v>
      </c>
      <c r="AJ16889">
        <v>9</v>
      </c>
      <c r="AK16889">
        <v>9</v>
      </c>
      <c r="AL16889">
        <v>9</v>
      </c>
      <c r="AM16889">
        <v>9</v>
      </c>
      <c r="AN16889">
        <v>9</v>
      </c>
      <c r="AO16889">
        <v>9</v>
      </c>
      <c r="AP16889">
        <v>9</v>
      </c>
      <c r="AQ16889">
        <v>9</v>
      </c>
    </row>
    <row r="16890" spans="1:43">
      <c r="A16890" t="s">
        <v>10486</v>
      </c>
      <c r="B16890" t="s">
        <v>10487</v>
      </c>
      <c r="C16890" t="s">
        <v>10484</v>
      </c>
      <c r="D16890" t="s">
        <v>10485</v>
      </c>
      <c r="E16890" t="s">
        <v>10448</v>
      </c>
      <c r="F16890" t="s">
        <v>10449</v>
      </c>
      <c r="G16890" t="s">
        <v>10450</v>
      </c>
      <c r="H16890" t="s">
        <v>10451</v>
      </c>
      <c r="I16890" s="2">
        <v>1</v>
      </c>
      <c r="J16890" s="2">
        <v>0</v>
      </c>
      <c r="K16890" s="2">
        <v>0</v>
      </c>
      <c r="L16890" t="s">
        <v>120</v>
      </c>
      <c r="M16890" t="s">
        <v>83</v>
      </c>
      <c r="N16890" t="s">
        <v>84</v>
      </c>
      <c r="O16890" t="s">
        <v>85</v>
      </c>
      <c r="P16890" t="s">
        <v>86</v>
      </c>
      <c r="Q16890">
        <v>4</v>
      </c>
      <c r="R16890">
        <v>4</v>
      </c>
      <c r="S16890">
        <v>4</v>
      </c>
      <c r="T16890">
        <v>4</v>
      </c>
      <c r="U16890">
        <v>4</v>
      </c>
      <c r="V16890">
        <v>4</v>
      </c>
      <c r="W16890">
        <v>4</v>
      </c>
      <c r="X16890">
        <v>4</v>
      </c>
      <c r="Y16890">
        <v>4</v>
      </c>
      <c r="Z16890">
        <v>4</v>
      </c>
      <c r="AA16890">
        <v>4</v>
      </c>
      <c r="AB16890">
        <v>4</v>
      </c>
      <c r="AC16890">
        <v>4</v>
      </c>
      <c r="AD16890">
        <v>4</v>
      </c>
      <c r="AE16890">
        <v>4</v>
      </c>
      <c r="AF16890">
        <v>4</v>
      </c>
      <c r="AG16890">
        <v>5</v>
      </c>
      <c r="AH16890">
        <v>5</v>
      </c>
      <c r="AI16890">
        <v>5</v>
      </c>
      <c r="AJ16890">
        <v>5</v>
      </c>
      <c r="AK16890">
        <v>5</v>
      </c>
      <c r="AL16890">
        <v>5</v>
      </c>
      <c r="AM16890">
        <v>5</v>
      </c>
      <c r="AN16890">
        <v>5</v>
      </c>
      <c r="AO16890">
        <v>5</v>
      </c>
      <c r="AP16890">
        <v>5</v>
      </c>
      <c r="AQ16890">
        <v>5</v>
      </c>
    </row>
    <row r="16891" spans="1:43">
      <c r="A16891" t="s">
        <v>10486</v>
      </c>
      <c r="B16891" t="s">
        <v>10487</v>
      </c>
      <c r="C16891" t="s">
        <v>10484</v>
      </c>
      <c r="D16891" t="s">
        <v>10485</v>
      </c>
      <c r="E16891" t="s">
        <v>10448</v>
      </c>
      <c r="F16891" t="s">
        <v>10449</v>
      </c>
      <c r="G16891" t="s">
        <v>10450</v>
      </c>
      <c r="H16891" t="s">
        <v>10451</v>
      </c>
      <c r="I16891" s="2">
        <v>1</v>
      </c>
      <c r="J16891" s="2">
        <v>0</v>
      </c>
      <c r="K16891" s="2">
        <v>0</v>
      </c>
      <c r="L16891" t="s">
        <v>120</v>
      </c>
      <c r="M16891" t="s">
        <v>87</v>
      </c>
      <c r="N16891" t="s">
        <v>88</v>
      </c>
      <c r="O16891" t="s">
        <v>85</v>
      </c>
      <c r="P16891" t="s">
        <v>86</v>
      </c>
      <c r="Q16891">
        <v>4</v>
      </c>
      <c r="R16891">
        <v>4</v>
      </c>
      <c r="S16891">
        <v>4</v>
      </c>
      <c r="T16891">
        <v>4</v>
      </c>
      <c r="U16891">
        <v>4</v>
      </c>
      <c r="V16891">
        <v>4</v>
      </c>
      <c r="W16891">
        <v>4</v>
      </c>
      <c r="X16891">
        <v>4</v>
      </c>
      <c r="Y16891">
        <v>4</v>
      </c>
      <c r="Z16891">
        <v>4</v>
      </c>
      <c r="AA16891">
        <v>4</v>
      </c>
      <c r="AB16891">
        <v>4</v>
      </c>
      <c r="AC16891">
        <v>4</v>
      </c>
      <c r="AD16891">
        <v>4</v>
      </c>
      <c r="AE16891">
        <v>4</v>
      </c>
      <c r="AF16891">
        <v>4</v>
      </c>
      <c r="AG16891">
        <v>4</v>
      </c>
      <c r="AH16891">
        <v>4</v>
      </c>
      <c r="AI16891">
        <v>4</v>
      </c>
      <c r="AJ16891">
        <v>4</v>
      </c>
      <c r="AK16891">
        <v>4</v>
      </c>
      <c r="AL16891">
        <v>4</v>
      </c>
      <c r="AM16891">
        <v>4</v>
      </c>
      <c r="AN16891">
        <v>4</v>
      </c>
      <c r="AO16891">
        <v>4</v>
      </c>
      <c r="AP16891">
        <v>4</v>
      </c>
      <c r="AQ16891">
        <v>4</v>
      </c>
    </row>
    <row r="16892" spans="1:43">
      <c r="A16892" t="s">
        <v>10486</v>
      </c>
      <c r="B16892" t="s">
        <v>10487</v>
      </c>
      <c r="C16892" t="s">
        <v>10484</v>
      </c>
      <c r="D16892" t="s">
        <v>10485</v>
      </c>
      <c r="E16892" t="s">
        <v>10448</v>
      </c>
      <c r="F16892" t="s">
        <v>10449</v>
      </c>
      <c r="G16892" t="s">
        <v>10450</v>
      </c>
      <c r="H16892" t="s">
        <v>10451</v>
      </c>
      <c r="I16892" s="2">
        <v>1</v>
      </c>
      <c r="J16892" s="2">
        <v>0</v>
      </c>
      <c r="K16892" s="2">
        <v>0</v>
      </c>
      <c r="L16892" t="s">
        <v>120</v>
      </c>
      <c r="M16892" t="s">
        <v>89</v>
      </c>
      <c r="N16892" t="s">
        <v>90</v>
      </c>
      <c r="O16892" t="s">
        <v>85</v>
      </c>
      <c r="P16892" t="s">
        <v>86</v>
      </c>
      <c r="Q16892">
        <v>4</v>
      </c>
      <c r="R16892">
        <v>4</v>
      </c>
      <c r="S16892">
        <v>4</v>
      </c>
      <c r="T16892">
        <v>4</v>
      </c>
      <c r="U16892">
        <v>4</v>
      </c>
      <c r="V16892">
        <v>4</v>
      </c>
      <c r="W16892">
        <v>4</v>
      </c>
      <c r="X16892">
        <v>4</v>
      </c>
      <c r="Y16892">
        <v>4</v>
      </c>
      <c r="Z16892">
        <v>4</v>
      </c>
      <c r="AA16892">
        <v>5</v>
      </c>
      <c r="AB16892">
        <v>5</v>
      </c>
      <c r="AC16892">
        <v>5</v>
      </c>
      <c r="AD16892">
        <v>5</v>
      </c>
      <c r="AE16892">
        <v>5</v>
      </c>
      <c r="AF16892">
        <v>5</v>
      </c>
      <c r="AG16892">
        <v>5</v>
      </c>
      <c r="AH16892">
        <v>5</v>
      </c>
      <c r="AI16892">
        <v>5</v>
      </c>
      <c r="AJ16892">
        <v>5</v>
      </c>
      <c r="AK16892">
        <v>5</v>
      </c>
      <c r="AL16892">
        <v>5</v>
      </c>
      <c r="AM16892">
        <v>5</v>
      </c>
      <c r="AN16892">
        <v>5</v>
      </c>
      <c r="AO16892">
        <v>5</v>
      </c>
      <c r="AP16892">
        <v>5</v>
      </c>
      <c r="AQ16892">
        <v>5</v>
      </c>
    </row>
    <row r="16893" spans="1:43">
      <c r="A16893" t="s">
        <v>10486</v>
      </c>
      <c r="B16893" t="s">
        <v>10487</v>
      </c>
      <c r="C16893" t="s">
        <v>10484</v>
      </c>
      <c r="D16893" t="s">
        <v>10485</v>
      </c>
      <c r="E16893" t="s">
        <v>10448</v>
      </c>
      <c r="F16893" t="s">
        <v>10449</v>
      </c>
      <c r="G16893" t="s">
        <v>10450</v>
      </c>
      <c r="H16893" t="s">
        <v>10451</v>
      </c>
      <c r="I16893" s="2">
        <v>1</v>
      </c>
      <c r="J16893" s="2">
        <v>0</v>
      </c>
      <c r="K16893" s="2">
        <v>0</v>
      </c>
      <c r="L16893" t="s">
        <v>120</v>
      </c>
      <c r="M16893" t="s">
        <v>83</v>
      </c>
      <c r="N16893" t="s">
        <v>91</v>
      </c>
      <c r="O16893" t="s">
        <v>85</v>
      </c>
      <c r="P16893" t="s">
        <v>86</v>
      </c>
      <c r="Q16893">
        <v>4</v>
      </c>
      <c r="R16893">
        <v>4</v>
      </c>
      <c r="S16893">
        <v>4</v>
      </c>
      <c r="T16893">
        <v>4</v>
      </c>
      <c r="U16893">
        <v>4</v>
      </c>
      <c r="V16893">
        <v>4</v>
      </c>
      <c r="W16893">
        <v>4</v>
      </c>
      <c r="X16893">
        <v>4</v>
      </c>
      <c r="Y16893">
        <v>4</v>
      </c>
      <c r="Z16893">
        <v>4</v>
      </c>
      <c r="AA16893">
        <v>4</v>
      </c>
      <c r="AB16893">
        <v>4</v>
      </c>
      <c r="AC16893">
        <v>4</v>
      </c>
      <c r="AD16893">
        <v>4</v>
      </c>
      <c r="AE16893">
        <v>4</v>
      </c>
      <c r="AF16893">
        <v>4</v>
      </c>
      <c r="AG16893">
        <v>5</v>
      </c>
      <c r="AH16893">
        <v>5</v>
      </c>
      <c r="AI16893">
        <v>5</v>
      </c>
      <c r="AJ16893">
        <v>5</v>
      </c>
      <c r="AK16893">
        <v>5</v>
      </c>
      <c r="AL16893">
        <v>5</v>
      </c>
      <c r="AM16893">
        <v>5</v>
      </c>
      <c r="AN16893">
        <v>5</v>
      </c>
      <c r="AO16893">
        <v>5</v>
      </c>
      <c r="AP16893">
        <v>5</v>
      </c>
      <c r="AQ16893">
        <v>5</v>
      </c>
    </row>
    <row r="16894" spans="1:43">
      <c r="A16894" t="s">
        <v>10488</v>
      </c>
      <c r="B16894" t="s">
        <v>10489</v>
      </c>
      <c r="C16894" t="s">
        <v>10484</v>
      </c>
      <c r="D16894" t="s">
        <v>10485</v>
      </c>
      <c r="E16894" t="s">
        <v>10448</v>
      </c>
      <c r="F16894" t="s">
        <v>10449</v>
      </c>
      <c r="G16894" t="s">
        <v>10450</v>
      </c>
      <c r="H16894" t="s">
        <v>10451</v>
      </c>
      <c r="I16894" s="2">
        <v>1</v>
      </c>
      <c r="J16894" s="2">
        <v>0</v>
      </c>
      <c r="K16894" s="2">
        <v>0</v>
      </c>
      <c r="L16894" t="s">
        <v>120</v>
      </c>
      <c r="M16894" t="s">
        <v>83</v>
      </c>
      <c r="N16894" t="s">
        <v>84</v>
      </c>
      <c r="O16894" t="s">
        <v>85</v>
      </c>
      <c r="P16894" t="s">
        <v>86</v>
      </c>
      <c r="Q16894">
        <v>8</v>
      </c>
      <c r="R16894">
        <v>8</v>
      </c>
      <c r="S16894">
        <v>9</v>
      </c>
      <c r="T16894">
        <v>9</v>
      </c>
      <c r="U16894">
        <v>9</v>
      </c>
      <c r="V16894">
        <v>9</v>
      </c>
      <c r="W16894">
        <v>9</v>
      </c>
      <c r="X16894">
        <v>9</v>
      </c>
      <c r="Y16894">
        <v>9</v>
      </c>
      <c r="Z16894">
        <v>9</v>
      </c>
      <c r="AA16894">
        <v>9</v>
      </c>
      <c r="AB16894">
        <v>10</v>
      </c>
      <c r="AC16894">
        <v>10</v>
      </c>
      <c r="AD16894">
        <v>10</v>
      </c>
      <c r="AE16894">
        <v>10</v>
      </c>
      <c r="AF16894">
        <v>10</v>
      </c>
      <c r="AG16894">
        <v>10</v>
      </c>
      <c r="AH16894">
        <v>10</v>
      </c>
      <c r="AI16894">
        <v>10</v>
      </c>
      <c r="AJ16894">
        <v>10</v>
      </c>
      <c r="AK16894">
        <v>10</v>
      </c>
      <c r="AL16894">
        <v>11</v>
      </c>
      <c r="AM16894">
        <v>11</v>
      </c>
      <c r="AN16894">
        <v>11</v>
      </c>
      <c r="AO16894">
        <v>11</v>
      </c>
      <c r="AP16894">
        <v>11</v>
      </c>
      <c r="AQ16894">
        <v>11</v>
      </c>
    </row>
    <row r="16895" spans="1:43">
      <c r="A16895" t="s">
        <v>10488</v>
      </c>
      <c r="B16895" t="s">
        <v>10489</v>
      </c>
      <c r="C16895" t="s">
        <v>10484</v>
      </c>
      <c r="D16895" t="s">
        <v>10485</v>
      </c>
      <c r="E16895" t="s">
        <v>10448</v>
      </c>
      <c r="F16895" t="s">
        <v>10449</v>
      </c>
      <c r="G16895" t="s">
        <v>10450</v>
      </c>
      <c r="H16895" t="s">
        <v>10451</v>
      </c>
      <c r="I16895" s="2">
        <v>1</v>
      </c>
      <c r="J16895" s="2">
        <v>0</v>
      </c>
      <c r="K16895" s="2">
        <v>0</v>
      </c>
      <c r="L16895" t="s">
        <v>120</v>
      </c>
      <c r="M16895" t="s">
        <v>87</v>
      </c>
      <c r="N16895" t="s">
        <v>88</v>
      </c>
      <c r="O16895" t="s">
        <v>85</v>
      </c>
      <c r="P16895" t="s">
        <v>86</v>
      </c>
      <c r="Q16895">
        <v>8</v>
      </c>
      <c r="R16895">
        <v>8</v>
      </c>
      <c r="S16895">
        <v>8</v>
      </c>
      <c r="T16895">
        <v>8</v>
      </c>
      <c r="U16895">
        <v>8</v>
      </c>
      <c r="V16895">
        <v>8</v>
      </c>
      <c r="W16895">
        <v>8</v>
      </c>
      <c r="X16895">
        <v>8</v>
      </c>
      <c r="Y16895">
        <v>9</v>
      </c>
      <c r="Z16895">
        <v>9</v>
      </c>
      <c r="AA16895">
        <v>9</v>
      </c>
      <c r="AB16895">
        <v>9</v>
      </c>
      <c r="AC16895">
        <v>9</v>
      </c>
      <c r="AD16895">
        <v>9</v>
      </c>
      <c r="AE16895">
        <v>9</v>
      </c>
      <c r="AF16895">
        <v>9</v>
      </c>
      <c r="AG16895">
        <v>9</v>
      </c>
      <c r="AH16895">
        <v>9</v>
      </c>
      <c r="AI16895">
        <v>9</v>
      </c>
      <c r="AJ16895">
        <v>9</v>
      </c>
      <c r="AK16895">
        <v>9</v>
      </c>
      <c r="AL16895">
        <v>9</v>
      </c>
      <c r="AM16895">
        <v>9</v>
      </c>
      <c r="AN16895">
        <v>9</v>
      </c>
      <c r="AO16895">
        <v>9</v>
      </c>
      <c r="AP16895">
        <v>9</v>
      </c>
      <c r="AQ16895">
        <v>9</v>
      </c>
    </row>
    <row r="16896" spans="1:43">
      <c r="A16896" t="s">
        <v>10488</v>
      </c>
      <c r="B16896" t="s">
        <v>10489</v>
      </c>
      <c r="C16896" t="s">
        <v>10484</v>
      </c>
      <c r="D16896" t="s">
        <v>10485</v>
      </c>
      <c r="E16896" t="s">
        <v>10448</v>
      </c>
      <c r="F16896" t="s">
        <v>10449</v>
      </c>
      <c r="G16896" t="s">
        <v>10450</v>
      </c>
      <c r="H16896" t="s">
        <v>10451</v>
      </c>
      <c r="I16896" s="2">
        <v>1</v>
      </c>
      <c r="J16896" s="2">
        <v>0</v>
      </c>
      <c r="K16896" s="2">
        <v>0</v>
      </c>
      <c r="L16896" t="s">
        <v>120</v>
      </c>
      <c r="M16896" t="s">
        <v>89</v>
      </c>
      <c r="N16896" t="s">
        <v>90</v>
      </c>
      <c r="O16896" t="s">
        <v>85</v>
      </c>
      <c r="P16896" t="s">
        <v>86</v>
      </c>
      <c r="Q16896">
        <v>8</v>
      </c>
      <c r="R16896">
        <v>9</v>
      </c>
      <c r="S16896">
        <v>9</v>
      </c>
      <c r="T16896">
        <v>9</v>
      </c>
      <c r="U16896">
        <v>9</v>
      </c>
      <c r="V16896">
        <v>9</v>
      </c>
      <c r="W16896">
        <v>9</v>
      </c>
      <c r="X16896">
        <v>10</v>
      </c>
      <c r="Y16896">
        <v>10</v>
      </c>
      <c r="Z16896">
        <v>10</v>
      </c>
      <c r="AA16896">
        <v>10</v>
      </c>
      <c r="AB16896">
        <v>10</v>
      </c>
      <c r="AC16896">
        <v>10</v>
      </c>
      <c r="AD16896">
        <v>10</v>
      </c>
      <c r="AE16896">
        <v>11</v>
      </c>
      <c r="AF16896">
        <v>11</v>
      </c>
      <c r="AG16896">
        <v>11</v>
      </c>
      <c r="AH16896">
        <v>11</v>
      </c>
      <c r="AI16896">
        <v>11</v>
      </c>
      <c r="AJ16896">
        <v>11</v>
      </c>
      <c r="AK16896">
        <v>11</v>
      </c>
      <c r="AL16896">
        <v>11</v>
      </c>
      <c r="AM16896">
        <v>11</v>
      </c>
      <c r="AN16896">
        <v>11</v>
      </c>
      <c r="AO16896">
        <v>11</v>
      </c>
      <c r="AP16896">
        <v>11</v>
      </c>
      <c r="AQ16896">
        <v>11</v>
      </c>
    </row>
    <row r="16897" spans="1:43">
      <c r="A16897" t="s">
        <v>10488</v>
      </c>
      <c r="B16897" t="s">
        <v>10489</v>
      </c>
      <c r="C16897" t="s">
        <v>10484</v>
      </c>
      <c r="D16897" t="s">
        <v>10485</v>
      </c>
      <c r="E16897" t="s">
        <v>10448</v>
      </c>
      <c r="F16897" t="s">
        <v>10449</v>
      </c>
      <c r="G16897" t="s">
        <v>10450</v>
      </c>
      <c r="H16897" t="s">
        <v>10451</v>
      </c>
      <c r="I16897" s="2">
        <v>1</v>
      </c>
      <c r="J16897" s="2">
        <v>0</v>
      </c>
      <c r="K16897" s="2">
        <v>0</v>
      </c>
      <c r="L16897" t="s">
        <v>120</v>
      </c>
      <c r="M16897" t="s">
        <v>83</v>
      </c>
      <c r="N16897" t="s">
        <v>91</v>
      </c>
      <c r="O16897" t="s">
        <v>85</v>
      </c>
      <c r="P16897" t="s">
        <v>86</v>
      </c>
      <c r="Q16897">
        <v>8</v>
      </c>
      <c r="R16897">
        <v>8</v>
      </c>
      <c r="S16897">
        <v>9</v>
      </c>
      <c r="T16897">
        <v>9</v>
      </c>
      <c r="U16897">
        <v>9</v>
      </c>
      <c r="V16897">
        <v>9</v>
      </c>
      <c r="W16897">
        <v>9</v>
      </c>
      <c r="X16897">
        <v>9</v>
      </c>
      <c r="Y16897">
        <v>9</v>
      </c>
      <c r="Z16897">
        <v>9</v>
      </c>
      <c r="AA16897">
        <v>9</v>
      </c>
      <c r="AB16897">
        <v>10</v>
      </c>
      <c r="AC16897">
        <v>10</v>
      </c>
      <c r="AD16897">
        <v>10</v>
      </c>
      <c r="AE16897">
        <v>10</v>
      </c>
      <c r="AF16897">
        <v>10</v>
      </c>
      <c r="AG16897">
        <v>10</v>
      </c>
      <c r="AH16897">
        <v>10</v>
      </c>
      <c r="AI16897">
        <v>10</v>
      </c>
      <c r="AJ16897">
        <v>10</v>
      </c>
      <c r="AK16897">
        <v>10</v>
      </c>
      <c r="AL16897">
        <v>11</v>
      </c>
      <c r="AM16897">
        <v>11</v>
      </c>
      <c r="AN16897">
        <v>11</v>
      </c>
      <c r="AO16897">
        <v>11</v>
      </c>
      <c r="AP16897">
        <v>11</v>
      </c>
      <c r="AQ16897">
        <v>11</v>
      </c>
    </row>
    <row r="16898" spans="1:43">
      <c r="A16898" t="s">
        <v>10490</v>
      </c>
      <c r="B16898" t="s">
        <v>10491</v>
      </c>
      <c r="C16898" t="s">
        <v>10484</v>
      </c>
      <c r="D16898" t="s">
        <v>10485</v>
      </c>
      <c r="E16898" t="s">
        <v>10448</v>
      </c>
      <c r="F16898" t="s">
        <v>10449</v>
      </c>
      <c r="G16898" t="s">
        <v>10450</v>
      </c>
      <c r="H16898" t="s">
        <v>10451</v>
      </c>
      <c r="I16898" s="2">
        <v>1</v>
      </c>
      <c r="J16898" s="2">
        <v>0</v>
      </c>
      <c r="K16898" s="2">
        <v>0</v>
      </c>
      <c r="L16898" t="s">
        <v>120</v>
      </c>
      <c r="M16898" t="s">
        <v>83</v>
      </c>
      <c r="N16898" t="s">
        <v>84</v>
      </c>
      <c r="O16898" t="s">
        <v>85</v>
      </c>
      <c r="P16898" t="s">
        <v>86</v>
      </c>
      <c r="Q16898">
        <v>2</v>
      </c>
      <c r="R16898">
        <v>2</v>
      </c>
      <c r="S16898">
        <v>2</v>
      </c>
      <c r="T16898">
        <v>2</v>
      </c>
      <c r="U16898">
        <v>2</v>
      </c>
      <c r="V16898">
        <v>2</v>
      </c>
      <c r="W16898">
        <v>2</v>
      </c>
      <c r="X16898">
        <v>2</v>
      </c>
      <c r="Y16898">
        <v>2</v>
      </c>
      <c r="Z16898">
        <v>2</v>
      </c>
      <c r="AA16898">
        <v>2</v>
      </c>
      <c r="AB16898">
        <v>2</v>
      </c>
      <c r="AC16898">
        <v>2</v>
      </c>
      <c r="AD16898">
        <v>2</v>
      </c>
      <c r="AE16898">
        <v>2</v>
      </c>
      <c r="AF16898">
        <v>2</v>
      </c>
      <c r="AG16898">
        <v>2</v>
      </c>
      <c r="AH16898">
        <v>2</v>
      </c>
      <c r="AI16898">
        <v>2</v>
      </c>
      <c r="AJ16898">
        <v>2</v>
      </c>
      <c r="AK16898">
        <v>2</v>
      </c>
      <c r="AL16898">
        <v>2</v>
      </c>
      <c r="AM16898">
        <v>2</v>
      </c>
      <c r="AN16898">
        <v>2</v>
      </c>
      <c r="AO16898">
        <v>2</v>
      </c>
      <c r="AP16898">
        <v>2</v>
      </c>
      <c r="AQ16898">
        <v>2</v>
      </c>
    </row>
    <row r="16899" spans="1:43">
      <c r="A16899" t="s">
        <v>10490</v>
      </c>
      <c r="B16899" t="s">
        <v>10491</v>
      </c>
      <c r="C16899" t="s">
        <v>10484</v>
      </c>
      <c r="D16899" t="s">
        <v>10485</v>
      </c>
      <c r="E16899" t="s">
        <v>10448</v>
      </c>
      <c r="F16899" t="s">
        <v>10449</v>
      </c>
      <c r="G16899" t="s">
        <v>10450</v>
      </c>
      <c r="H16899" t="s">
        <v>10451</v>
      </c>
      <c r="I16899" s="2">
        <v>1</v>
      </c>
      <c r="J16899" s="2">
        <v>0</v>
      </c>
      <c r="K16899" s="2">
        <v>0</v>
      </c>
      <c r="L16899" t="s">
        <v>120</v>
      </c>
      <c r="M16899" t="s">
        <v>87</v>
      </c>
      <c r="N16899" t="s">
        <v>88</v>
      </c>
      <c r="O16899" t="s">
        <v>85</v>
      </c>
      <c r="P16899" t="s">
        <v>86</v>
      </c>
      <c r="Q16899">
        <v>2</v>
      </c>
      <c r="R16899">
        <v>2</v>
      </c>
      <c r="S16899">
        <v>2</v>
      </c>
      <c r="T16899">
        <v>2</v>
      </c>
      <c r="U16899">
        <v>2</v>
      </c>
      <c r="V16899">
        <v>2</v>
      </c>
      <c r="W16899">
        <v>2</v>
      </c>
      <c r="X16899">
        <v>2</v>
      </c>
      <c r="Y16899">
        <v>2</v>
      </c>
      <c r="Z16899">
        <v>2</v>
      </c>
      <c r="AA16899">
        <v>2</v>
      </c>
      <c r="AB16899">
        <v>2</v>
      </c>
      <c r="AC16899">
        <v>2</v>
      </c>
      <c r="AD16899">
        <v>2</v>
      </c>
      <c r="AE16899">
        <v>2</v>
      </c>
      <c r="AF16899">
        <v>2</v>
      </c>
      <c r="AG16899">
        <v>2</v>
      </c>
      <c r="AH16899">
        <v>2</v>
      </c>
      <c r="AI16899">
        <v>2</v>
      </c>
      <c r="AJ16899">
        <v>2</v>
      </c>
      <c r="AK16899">
        <v>2</v>
      </c>
      <c r="AL16899">
        <v>2</v>
      </c>
      <c r="AM16899">
        <v>2</v>
      </c>
      <c r="AN16899">
        <v>2</v>
      </c>
      <c r="AO16899">
        <v>2</v>
      </c>
      <c r="AP16899">
        <v>2</v>
      </c>
      <c r="AQ16899">
        <v>2</v>
      </c>
    </row>
    <row r="16900" spans="1:43">
      <c r="A16900" t="s">
        <v>10490</v>
      </c>
      <c r="B16900" t="s">
        <v>10491</v>
      </c>
      <c r="C16900" t="s">
        <v>10484</v>
      </c>
      <c r="D16900" t="s">
        <v>10485</v>
      </c>
      <c r="E16900" t="s">
        <v>10448</v>
      </c>
      <c r="F16900" t="s">
        <v>10449</v>
      </c>
      <c r="G16900" t="s">
        <v>10450</v>
      </c>
      <c r="H16900" t="s">
        <v>10451</v>
      </c>
      <c r="I16900" s="2">
        <v>1</v>
      </c>
      <c r="J16900" s="2">
        <v>0</v>
      </c>
      <c r="K16900" s="2">
        <v>0</v>
      </c>
      <c r="L16900" t="s">
        <v>120</v>
      </c>
      <c r="M16900" t="s">
        <v>89</v>
      </c>
      <c r="N16900" t="s">
        <v>90</v>
      </c>
      <c r="O16900" t="s">
        <v>85</v>
      </c>
      <c r="P16900" t="s">
        <v>86</v>
      </c>
      <c r="Q16900">
        <v>2</v>
      </c>
      <c r="R16900">
        <v>2</v>
      </c>
      <c r="S16900">
        <v>2</v>
      </c>
      <c r="T16900">
        <v>2</v>
      </c>
      <c r="U16900">
        <v>2</v>
      </c>
      <c r="V16900">
        <v>2</v>
      </c>
      <c r="W16900">
        <v>2</v>
      </c>
      <c r="X16900">
        <v>2</v>
      </c>
      <c r="Y16900">
        <v>2</v>
      </c>
      <c r="Z16900">
        <v>2</v>
      </c>
      <c r="AA16900">
        <v>2</v>
      </c>
      <c r="AB16900">
        <v>2</v>
      </c>
      <c r="AC16900">
        <v>2</v>
      </c>
      <c r="AD16900">
        <v>2</v>
      </c>
      <c r="AE16900">
        <v>2</v>
      </c>
      <c r="AF16900">
        <v>2</v>
      </c>
      <c r="AG16900">
        <v>2</v>
      </c>
      <c r="AH16900">
        <v>2</v>
      </c>
      <c r="AI16900">
        <v>2</v>
      </c>
      <c r="AJ16900">
        <v>2</v>
      </c>
      <c r="AK16900">
        <v>2</v>
      </c>
      <c r="AL16900">
        <v>2</v>
      </c>
      <c r="AM16900">
        <v>2</v>
      </c>
      <c r="AN16900">
        <v>2</v>
      </c>
      <c r="AO16900">
        <v>2</v>
      </c>
      <c r="AP16900">
        <v>2</v>
      </c>
      <c r="AQ16900">
        <v>2</v>
      </c>
    </row>
    <row r="16901" spans="1:43">
      <c r="A16901" t="s">
        <v>10490</v>
      </c>
      <c r="B16901" t="s">
        <v>10491</v>
      </c>
      <c r="C16901" t="s">
        <v>10484</v>
      </c>
      <c r="D16901" t="s">
        <v>10485</v>
      </c>
      <c r="E16901" t="s">
        <v>10448</v>
      </c>
      <c r="F16901" t="s">
        <v>10449</v>
      </c>
      <c r="G16901" t="s">
        <v>10450</v>
      </c>
      <c r="H16901" t="s">
        <v>10451</v>
      </c>
      <c r="I16901" s="2">
        <v>1</v>
      </c>
      <c r="J16901" s="2">
        <v>0</v>
      </c>
      <c r="K16901" s="2">
        <v>0</v>
      </c>
      <c r="L16901" t="s">
        <v>120</v>
      </c>
      <c r="M16901" t="s">
        <v>83</v>
      </c>
      <c r="N16901" t="s">
        <v>91</v>
      </c>
      <c r="O16901" t="s">
        <v>85</v>
      </c>
      <c r="P16901" t="s">
        <v>86</v>
      </c>
      <c r="Q16901">
        <v>2</v>
      </c>
      <c r="R16901">
        <v>2</v>
      </c>
      <c r="S16901">
        <v>2</v>
      </c>
      <c r="T16901">
        <v>2</v>
      </c>
      <c r="U16901">
        <v>2</v>
      </c>
      <c r="V16901">
        <v>2</v>
      </c>
      <c r="W16901">
        <v>2</v>
      </c>
      <c r="X16901">
        <v>2</v>
      </c>
      <c r="Y16901">
        <v>2</v>
      </c>
      <c r="Z16901">
        <v>2</v>
      </c>
      <c r="AA16901">
        <v>2</v>
      </c>
      <c r="AB16901">
        <v>2</v>
      </c>
      <c r="AC16901">
        <v>2</v>
      </c>
      <c r="AD16901">
        <v>2</v>
      </c>
      <c r="AE16901">
        <v>2</v>
      </c>
      <c r="AF16901">
        <v>2</v>
      </c>
      <c r="AG16901">
        <v>2</v>
      </c>
      <c r="AH16901">
        <v>2</v>
      </c>
      <c r="AI16901">
        <v>2</v>
      </c>
      <c r="AJ16901">
        <v>2</v>
      </c>
      <c r="AK16901">
        <v>2</v>
      </c>
      <c r="AL16901">
        <v>2</v>
      </c>
      <c r="AM16901">
        <v>2</v>
      </c>
      <c r="AN16901">
        <v>2</v>
      </c>
      <c r="AO16901">
        <v>2</v>
      </c>
      <c r="AP16901">
        <v>2</v>
      </c>
      <c r="AQ16901">
        <v>2</v>
      </c>
    </row>
    <row r="16902" spans="1:43">
      <c r="A16902" t="s">
        <v>10492</v>
      </c>
      <c r="B16902" t="s">
        <v>10493</v>
      </c>
      <c r="C16902" t="s">
        <v>10484</v>
      </c>
      <c r="D16902" t="s">
        <v>10485</v>
      </c>
      <c r="E16902" t="s">
        <v>10448</v>
      </c>
      <c r="F16902" t="s">
        <v>10449</v>
      </c>
      <c r="G16902" t="s">
        <v>10450</v>
      </c>
      <c r="H16902" t="s">
        <v>10451</v>
      </c>
      <c r="I16902" s="2">
        <v>1</v>
      </c>
      <c r="J16902" s="2">
        <v>0</v>
      </c>
      <c r="K16902" s="2">
        <v>0</v>
      </c>
      <c r="L16902" t="s">
        <v>120</v>
      </c>
      <c r="M16902" t="s">
        <v>83</v>
      </c>
      <c r="N16902" t="s">
        <v>84</v>
      </c>
      <c r="O16902" t="s">
        <v>85</v>
      </c>
      <c r="P16902" t="s">
        <v>86</v>
      </c>
      <c r="Q16902">
        <v>25</v>
      </c>
      <c r="R16902">
        <v>25</v>
      </c>
      <c r="S16902">
        <v>25</v>
      </c>
      <c r="T16902">
        <v>26</v>
      </c>
      <c r="U16902">
        <v>26</v>
      </c>
      <c r="V16902">
        <v>26</v>
      </c>
      <c r="W16902">
        <v>27</v>
      </c>
      <c r="X16902">
        <v>27</v>
      </c>
      <c r="Y16902">
        <v>27</v>
      </c>
      <c r="Z16902">
        <v>28</v>
      </c>
      <c r="AA16902">
        <v>28</v>
      </c>
      <c r="AB16902">
        <v>28</v>
      </c>
      <c r="AC16902">
        <v>29</v>
      </c>
      <c r="AD16902">
        <v>29</v>
      </c>
      <c r="AE16902">
        <v>29</v>
      </c>
      <c r="AF16902">
        <v>29</v>
      </c>
      <c r="AG16902">
        <v>30</v>
      </c>
      <c r="AH16902">
        <v>30</v>
      </c>
      <c r="AI16902">
        <v>30</v>
      </c>
      <c r="AJ16902">
        <v>31</v>
      </c>
      <c r="AK16902">
        <v>31</v>
      </c>
      <c r="AL16902">
        <v>31</v>
      </c>
      <c r="AM16902">
        <v>31</v>
      </c>
      <c r="AN16902">
        <v>31</v>
      </c>
      <c r="AO16902">
        <v>31</v>
      </c>
      <c r="AP16902">
        <v>31</v>
      </c>
      <c r="AQ16902">
        <v>31</v>
      </c>
    </row>
    <row r="16903" spans="1:43">
      <c r="A16903" t="s">
        <v>10492</v>
      </c>
      <c r="B16903" t="s">
        <v>10493</v>
      </c>
      <c r="C16903" t="s">
        <v>10484</v>
      </c>
      <c r="D16903" t="s">
        <v>10485</v>
      </c>
      <c r="E16903" t="s">
        <v>10448</v>
      </c>
      <c r="F16903" t="s">
        <v>10449</v>
      </c>
      <c r="G16903" t="s">
        <v>10450</v>
      </c>
      <c r="H16903" t="s">
        <v>10451</v>
      </c>
      <c r="I16903" s="2">
        <v>1</v>
      </c>
      <c r="J16903" s="2">
        <v>0</v>
      </c>
      <c r="K16903" s="2">
        <v>0</v>
      </c>
      <c r="L16903" t="s">
        <v>120</v>
      </c>
      <c r="M16903" t="s">
        <v>87</v>
      </c>
      <c r="N16903" t="s">
        <v>88</v>
      </c>
      <c r="O16903" t="s">
        <v>85</v>
      </c>
      <c r="P16903" t="s">
        <v>86</v>
      </c>
      <c r="Q16903">
        <v>25</v>
      </c>
      <c r="R16903">
        <v>25</v>
      </c>
      <c r="S16903">
        <v>26</v>
      </c>
      <c r="T16903">
        <v>26</v>
      </c>
      <c r="U16903">
        <v>26</v>
      </c>
      <c r="V16903">
        <v>26</v>
      </c>
      <c r="W16903">
        <v>26</v>
      </c>
      <c r="X16903">
        <v>26</v>
      </c>
      <c r="Y16903">
        <v>26</v>
      </c>
      <c r="Z16903">
        <v>26</v>
      </c>
      <c r="AA16903">
        <v>27</v>
      </c>
      <c r="AB16903">
        <v>27</v>
      </c>
      <c r="AC16903">
        <v>27</v>
      </c>
      <c r="AD16903">
        <v>27</v>
      </c>
      <c r="AE16903">
        <v>27</v>
      </c>
      <c r="AF16903">
        <v>27</v>
      </c>
      <c r="AG16903">
        <v>27</v>
      </c>
      <c r="AH16903">
        <v>27</v>
      </c>
      <c r="AI16903">
        <v>27</v>
      </c>
      <c r="AJ16903">
        <v>28</v>
      </c>
      <c r="AK16903">
        <v>28</v>
      </c>
      <c r="AL16903">
        <v>28</v>
      </c>
      <c r="AM16903">
        <v>28</v>
      </c>
      <c r="AN16903">
        <v>28</v>
      </c>
      <c r="AO16903">
        <v>28</v>
      </c>
      <c r="AP16903">
        <v>28</v>
      </c>
      <c r="AQ16903">
        <v>28</v>
      </c>
    </row>
    <row r="16904" spans="1:43">
      <c r="A16904" t="s">
        <v>10492</v>
      </c>
      <c r="B16904" t="s">
        <v>10493</v>
      </c>
      <c r="C16904" t="s">
        <v>10484</v>
      </c>
      <c r="D16904" t="s">
        <v>10485</v>
      </c>
      <c r="E16904" t="s">
        <v>10448</v>
      </c>
      <c r="F16904" t="s">
        <v>10449</v>
      </c>
      <c r="G16904" t="s">
        <v>10450</v>
      </c>
      <c r="H16904" t="s">
        <v>10451</v>
      </c>
      <c r="I16904" s="2">
        <v>1</v>
      </c>
      <c r="J16904" s="2">
        <v>0</v>
      </c>
      <c r="K16904" s="2">
        <v>0</v>
      </c>
      <c r="L16904" t="s">
        <v>120</v>
      </c>
      <c r="M16904" t="s">
        <v>89</v>
      </c>
      <c r="N16904" t="s">
        <v>90</v>
      </c>
      <c r="O16904" t="s">
        <v>85</v>
      </c>
      <c r="P16904" t="s">
        <v>86</v>
      </c>
      <c r="Q16904">
        <v>25</v>
      </c>
      <c r="R16904">
        <v>25</v>
      </c>
      <c r="S16904">
        <v>26</v>
      </c>
      <c r="T16904">
        <v>26</v>
      </c>
      <c r="U16904">
        <v>27</v>
      </c>
      <c r="V16904">
        <v>27</v>
      </c>
      <c r="W16904">
        <v>28</v>
      </c>
      <c r="X16904">
        <v>28</v>
      </c>
      <c r="Y16904">
        <v>29</v>
      </c>
      <c r="Z16904">
        <v>29</v>
      </c>
      <c r="AA16904">
        <v>30</v>
      </c>
      <c r="AB16904">
        <v>30</v>
      </c>
      <c r="AC16904">
        <v>31</v>
      </c>
      <c r="AD16904">
        <v>31</v>
      </c>
      <c r="AE16904">
        <v>31</v>
      </c>
      <c r="AF16904">
        <v>31</v>
      </c>
      <c r="AG16904">
        <v>31</v>
      </c>
      <c r="AH16904">
        <v>31</v>
      </c>
      <c r="AI16904">
        <v>31</v>
      </c>
      <c r="AJ16904">
        <v>31</v>
      </c>
      <c r="AK16904">
        <v>31</v>
      </c>
      <c r="AL16904">
        <v>31</v>
      </c>
      <c r="AM16904">
        <v>31</v>
      </c>
      <c r="AN16904">
        <v>31</v>
      </c>
      <c r="AO16904">
        <v>31</v>
      </c>
      <c r="AP16904">
        <v>31</v>
      </c>
      <c r="AQ16904">
        <v>31</v>
      </c>
    </row>
    <row r="16905" spans="1:43">
      <c r="A16905" t="s">
        <v>10492</v>
      </c>
      <c r="B16905" t="s">
        <v>10493</v>
      </c>
      <c r="C16905" t="s">
        <v>10484</v>
      </c>
      <c r="D16905" t="s">
        <v>10485</v>
      </c>
      <c r="E16905" t="s">
        <v>10448</v>
      </c>
      <c r="F16905" t="s">
        <v>10449</v>
      </c>
      <c r="G16905" t="s">
        <v>10450</v>
      </c>
      <c r="H16905" t="s">
        <v>10451</v>
      </c>
      <c r="I16905" s="2">
        <v>1</v>
      </c>
      <c r="J16905" s="2">
        <v>0</v>
      </c>
      <c r="K16905" s="2">
        <v>0</v>
      </c>
      <c r="L16905" t="s">
        <v>120</v>
      </c>
      <c r="M16905" t="s">
        <v>83</v>
      </c>
      <c r="N16905" t="s">
        <v>91</v>
      </c>
      <c r="O16905" t="s">
        <v>85</v>
      </c>
      <c r="P16905" t="s">
        <v>86</v>
      </c>
      <c r="Q16905">
        <v>25</v>
      </c>
      <c r="R16905">
        <v>25</v>
      </c>
      <c r="S16905">
        <v>25</v>
      </c>
      <c r="T16905">
        <v>26</v>
      </c>
      <c r="U16905">
        <v>26</v>
      </c>
      <c r="V16905">
        <v>26</v>
      </c>
      <c r="W16905">
        <v>27</v>
      </c>
      <c r="X16905">
        <v>27</v>
      </c>
      <c r="Y16905">
        <v>27</v>
      </c>
      <c r="Z16905">
        <v>28</v>
      </c>
      <c r="AA16905">
        <v>28</v>
      </c>
      <c r="AB16905">
        <v>28</v>
      </c>
      <c r="AC16905">
        <v>29</v>
      </c>
      <c r="AD16905">
        <v>29</v>
      </c>
      <c r="AE16905">
        <v>29</v>
      </c>
      <c r="AF16905">
        <v>29</v>
      </c>
      <c r="AG16905">
        <v>30</v>
      </c>
      <c r="AH16905">
        <v>30</v>
      </c>
      <c r="AI16905">
        <v>30</v>
      </c>
      <c r="AJ16905">
        <v>31</v>
      </c>
      <c r="AK16905">
        <v>31</v>
      </c>
      <c r="AL16905">
        <v>31</v>
      </c>
      <c r="AM16905">
        <v>31</v>
      </c>
      <c r="AN16905">
        <v>31</v>
      </c>
      <c r="AO16905">
        <v>31</v>
      </c>
      <c r="AP16905">
        <v>31</v>
      </c>
      <c r="AQ16905">
        <v>31</v>
      </c>
    </row>
    <row r="16906" spans="1:43">
      <c r="A16906" t="s">
        <v>10494</v>
      </c>
      <c r="B16906" t="s">
        <v>10495</v>
      </c>
      <c r="C16906" t="s">
        <v>10496</v>
      </c>
      <c r="D16906" t="s">
        <v>10497</v>
      </c>
      <c r="E16906" t="s">
        <v>10448</v>
      </c>
      <c r="F16906" t="s">
        <v>10449</v>
      </c>
      <c r="G16906" t="s">
        <v>10450</v>
      </c>
      <c r="H16906" t="s">
        <v>10451</v>
      </c>
      <c r="I16906" s="2">
        <v>1</v>
      </c>
      <c r="J16906" s="2">
        <v>0</v>
      </c>
      <c r="K16906" s="2">
        <v>0</v>
      </c>
      <c r="L16906" t="s">
        <v>120</v>
      </c>
      <c r="M16906" t="s">
        <v>83</v>
      </c>
      <c r="N16906" t="s">
        <v>84</v>
      </c>
      <c r="O16906" t="s">
        <v>85</v>
      </c>
      <c r="P16906" t="s">
        <v>86</v>
      </c>
      <c r="Q16906">
        <v>29</v>
      </c>
      <c r="R16906">
        <v>30</v>
      </c>
      <c r="S16906">
        <v>30</v>
      </c>
      <c r="T16906">
        <v>31</v>
      </c>
      <c r="U16906">
        <v>31</v>
      </c>
      <c r="V16906">
        <v>31</v>
      </c>
      <c r="W16906">
        <v>32</v>
      </c>
      <c r="X16906">
        <v>32</v>
      </c>
      <c r="Y16906">
        <v>33</v>
      </c>
      <c r="Z16906">
        <v>33</v>
      </c>
      <c r="AA16906">
        <v>33</v>
      </c>
      <c r="AB16906">
        <v>34</v>
      </c>
      <c r="AC16906">
        <v>34</v>
      </c>
      <c r="AD16906">
        <v>34</v>
      </c>
      <c r="AE16906">
        <v>35</v>
      </c>
      <c r="AF16906">
        <v>35</v>
      </c>
      <c r="AG16906">
        <v>35</v>
      </c>
      <c r="AH16906">
        <v>36</v>
      </c>
      <c r="AI16906">
        <v>36</v>
      </c>
      <c r="AJ16906">
        <v>37</v>
      </c>
      <c r="AK16906">
        <v>37</v>
      </c>
      <c r="AL16906">
        <v>37</v>
      </c>
      <c r="AM16906">
        <v>37</v>
      </c>
      <c r="AN16906">
        <v>37</v>
      </c>
      <c r="AO16906">
        <v>37</v>
      </c>
      <c r="AP16906">
        <v>37</v>
      </c>
      <c r="AQ16906">
        <v>37</v>
      </c>
    </row>
    <row r="16907" spans="1:43">
      <c r="A16907" t="s">
        <v>10494</v>
      </c>
      <c r="B16907" t="s">
        <v>10495</v>
      </c>
      <c r="C16907" t="s">
        <v>10496</v>
      </c>
      <c r="D16907" t="s">
        <v>10497</v>
      </c>
      <c r="E16907" t="s">
        <v>10448</v>
      </c>
      <c r="F16907" t="s">
        <v>10449</v>
      </c>
      <c r="G16907" t="s">
        <v>10450</v>
      </c>
      <c r="H16907" t="s">
        <v>10451</v>
      </c>
      <c r="I16907" s="2">
        <v>1</v>
      </c>
      <c r="J16907" s="2">
        <v>0</v>
      </c>
      <c r="K16907" s="2">
        <v>0</v>
      </c>
      <c r="L16907" t="s">
        <v>120</v>
      </c>
      <c r="M16907" t="s">
        <v>87</v>
      </c>
      <c r="N16907" t="s">
        <v>88</v>
      </c>
      <c r="O16907" t="s">
        <v>85</v>
      </c>
      <c r="P16907" t="s">
        <v>86</v>
      </c>
      <c r="Q16907">
        <v>29</v>
      </c>
      <c r="R16907">
        <v>29</v>
      </c>
      <c r="S16907">
        <v>29</v>
      </c>
      <c r="T16907">
        <v>29</v>
      </c>
      <c r="U16907">
        <v>30</v>
      </c>
      <c r="V16907">
        <v>30</v>
      </c>
      <c r="W16907">
        <v>30</v>
      </c>
      <c r="X16907">
        <v>30</v>
      </c>
      <c r="Y16907">
        <v>30</v>
      </c>
      <c r="Z16907">
        <v>30</v>
      </c>
      <c r="AA16907">
        <v>30</v>
      </c>
      <c r="AB16907">
        <v>31</v>
      </c>
      <c r="AC16907">
        <v>31</v>
      </c>
      <c r="AD16907">
        <v>31</v>
      </c>
      <c r="AE16907">
        <v>31</v>
      </c>
      <c r="AF16907">
        <v>31</v>
      </c>
      <c r="AG16907">
        <v>31</v>
      </c>
      <c r="AH16907">
        <v>31</v>
      </c>
      <c r="AI16907">
        <v>31</v>
      </c>
      <c r="AJ16907">
        <v>32</v>
      </c>
      <c r="AK16907">
        <v>32</v>
      </c>
      <c r="AL16907">
        <v>32</v>
      </c>
      <c r="AM16907">
        <v>32</v>
      </c>
      <c r="AN16907">
        <v>32</v>
      </c>
      <c r="AO16907">
        <v>32</v>
      </c>
      <c r="AP16907">
        <v>32</v>
      </c>
      <c r="AQ16907">
        <v>32</v>
      </c>
    </row>
    <row r="16908" spans="1:43">
      <c r="A16908" t="s">
        <v>10494</v>
      </c>
      <c r="B16908" t="s">
        <v>10495</v>
      </c>
      <c r="C16908" t="s">
        <v>10496</v>
      </c>
      <c r="D16908" t="s">
        <v>10497</v>
      </c>
      <c r="E16908" t="s">
        <v>10448</v>
      </c>
      <c r="F16908" t="s">
        <v>10449</v>
      </c>
      <c r="G16908" t="s">
        <v>10450</v>
      </c>
      <c r="H16908" t="s">
        <v>10451</v>
      </c>
      <c r="I16908" s="2">
        <v>1</v>
      </c>
      <c r="J16908" s="2">
        <v>0</v>
      </c>
      <c r="K16908" s="2">
        <v>0</v>
      </c>
      <c r="L16908" t="s">
        <v>120</v>
      </c>
      <c r="M16908" t="s">
        <v>89</v>
      </c>
      <c r="N16908" t="s">
        <v>90</v>
      </c>
      <c r="O16908" t="s">
        <v>85</v>
      </c>
      <c r="P16908" t="s">
        <v>86</v>
      </c>
      <c r="Q16908">
        <v>29</v>
      </c>
      <c r="R16908">
        <v>29</v>
      </c>
      <c r="S16908">
        <v>30</v>
      </c>
      <c r="T16908">
        <v>31</v>
      </c>
      <c r="U16908">
        <v>31</v>
      </c>
      <c r="V16908">
        <v>32</v>
      </c>
      <c r="W16908">
        <v>32</v>
      </c>
      <c r="X16908">
        <v>33</v>
      </c>
      <c r="Y16908">
        <v>33</v>
      </c>
      <c r="Z16908">
        <v>34</v>
      </c>
      <c r="AA16908">
        <v>34</v>
      </c>
      <c r="AB16908">
        <v>35</v>
      </c>
      <c r="AC16908">
        <v>35</v>
      </c>
      <c r="AD16908">
        <v>36</v>
      </c>
      <c r="AE16908">
        <v>36</v>
      </c>
      <c r="AF16908">
        <v>36</v>
      </c>
      <c r="AG16908">
        <v>36</v>
      </c>
      <c r="AH16908">
        <v>36</v>
      </c>
      <c r="AI16908">
        <v>36</v>
      </c>
      <c r="AJ16908">
        <v>36</v>
      </c>
      <c r="AK16908">
        <v>36</v>
      </c>
      <c r="AL16908">
        <v>36</v>
      </c>
      <c r="AM16908">
        <v>36</v>
      </c>
      <c r="AN16908">
        <v>36</v>
      </c>
      <c r="AO16908">
        <v>36</v>
      </c>
      <c r="AP16908">
        <v>36</v>
      </c>
      <c r="AQ16908">
        <v>36</v>
      </c>
    </row>
    <row r="16909" spans="1:43">
      <c r="A16909" t="s">
        <v>10494</v>
      </c>
      <c r="B16909" t="s">
        <v>10495</v>
      </c>
      <c r="C16909" t="s">
        <v>10496</v>
      </c>
      <c r="D16909" t="s">
        <v>10497</v>
      </c>
      <c r="E16909" t="s">
        <v>10448</v>
      </c>
      <c r="F16909" t="s">
        <v>10449</v>
      </c>
      <c r="G16909" t="s">
        <v>10450</v>
      </c>
      <c r="H16909" t="s">
        <v>10451</v>
      </c>
      <c r="I16909" s="2">
        <v>1</v>
      </c>
      <c r="J16909" s="2">
        <v>0</v>
      </c>
      <c r="K16909" s="2">
        <v>0</v>
      </c>
      <c r="L16909" t="s">
        <v>120</v>
      </c>
      <c r="M16909" t="s">
        <v>83</v>
      </c>
      <c r="N16909" t="s">
        <v>91</v>
      </c>
      <c r="O16909" t="s">
        <v>85</v>
      </c>
      <c r="P16909" t="s">
        <v>86</v>
      </c>
      <c r="Q16909">
        <v>29</v>
      </c>
      <c r="R16909">
        <v>30</v>
      </c>
      <c r="S16909">
        <v>30</v>
      </c>
      <c r="T16909">
        <v>31</v>
      </c>
      <c r="U16909">
        <v>31</v>
      </c>
      <c r="V16909">
        <v>31</v>
      </c>
      <c r="W16909">
        <v>32</v>
      </c>
      <c r="X16909">
        <v>32</v>
      </c>
      <c r="Y16909">
        <v>33</v>
      </c>
      <c r="Z16909">
        <v>33</v>
      </c>
      <c r="AA16909">
        <v>33</v>
      </c>
      <c r="AB16909">
        <v>34</v>
      </c>
      <c r="AC16909">
        <v>34</v>
      </c>
      <c r="AD16909">
        <v>34</v>
      </c>
      <c r="AE16909">
        <v>35</v>
      </c>
      <c r="AF16909">
        <v>35</v>
      </c>
      <c r="AG16909">
        <v>35</v>
      </c>
      <c r="AH16909">
        <v>36</v>
      </c>
      <c r="AI16909">
        <v>36</v>
      </c>
      <c r="AJ16909">
        <v>37</v>
      </c>
      <c r="AK16909">
        <v>37</v>
      </c>
      <c r="AL16909">
        <v>37</v>
      </c>
      <c r="AM16909">
        <v>37</v>
      </c>
      <c r="AN16909">
        <v>37</v>
      </c>
      <c r="AO16909">
        <v>37</v>
      </c>
      <c r="AP16909">
        <v>37</v>
      </c>
      <c r="AQ16909">
        <v>37</v>
      </c>
    </row>
    <row r="16910" spans="1:43">
      <c r="A16910" t="s">
        <v>10498</v>
      </c>
      <c r="B16910" t="s">
        <v>10499</v>
      </c>
      <c r="C16910" t="s">
        <v>10496</v>
      </c>
      <c r="D16910" t="s">
        <v>10497</v>
      </c>
      <c r="E16910" t="s">
        <v>10448</v>
      </c>
      <c r="F16910" t="s">
        <v>10449</v>
      </c>
      <c r="G16910" t="s">
        <v>10450</v>
      </c>
      <c r="H16910" t="s">
        <v>10451</v>
      </c>
      <c r="I16910" s="2">
        <v>1</v>
      </c>
      <c r="J16910" s="2">
        <v>0</v>
      </c>
      <c r="K16910" s="2">
        <v>0</v>
      </c>
      <c r="L16910" t="s">
        <v>120</v>
      </c>
      <c r="M16910" t="s">
        <v>83</v>
      </c>
      <c r="N16910" t="s">
        <v>84</v>
      </c>
      <c r="O16910" t="s">
        <v>85</v>
      </c>
      <c r="P16910" t="s">
        <v>86</v>
      </c>
      <c r="Q16910">
        <v>7</v>
      </c>
      <c r="R16910">
        <v>7</v>
      </c>
      <c r="S16910">
        <v>7</v>
      </c>
      <c r="T16910">
        <v>7</v>
      </c>
      <c r="U16910">
        <v>7</v>
      </c>
      <c r="V16910">
        <v>7</v>
      </c>
      <c r="W16910">
        <v>8</v>
      </c>
      <c r="X16910">
        <v>8</v>
      </c>
      <c r="Y16910">
        <v>8</v>
      </c>
      <c r="Z16910">
        <v>8</v>
      </c>
      <c r="AA16910">
        <v>8</v>
      </c>
      <c r="AB16910">
        <v>8</v>
      </c>
      <c r="AC16910">
        <v>8</v>
      </c>
      <c r="AD16910">
        <v>8</v>
      </c>
      <c r="AE16910">
        <v>8</v>
      </c>
      <c r="AF16910">
        <v>8</v>
      </c>
      <c r="AG16910">
        <v>8</v>
      </c>
      <c r="AH16910">
        <v>9</v>
      </c>
      <c r="AI16910">
        <v>9</v>
      </c>
      <c r="AJ16910">
        <v>9</v>
      </c>
      <c r="AK16910">
        <v>9</v>
      </c>
      <c r="AL16910">
        <v>9</v>
      </c>
      <c r="AM16910">
        <v>9</v>
      </c>
      <c r="AN16910">
        <v>9</v>
      </c>
      <c r="AO16910">
        <v>9</v>
      </c>
      <c r="AP16910">
        <v>9</v>
      </c>
      <c r="AQ16910">
        <v>9</v>
      </c>
    </row>
    <row r="16911" spans="1:43">
      <c r="A16911" t="s">
        <v>10498</v>
      </c>
      <c r="B16911" t="s">
        <v>10499</v>
      </c>
      <c r="C16911" t="s">
        <v>10496</v>
      </c>
      <c r="D16911" t="s">
        <v>10497</v>
      </c>
      <c r="E16911" t="s">
        <v>10448</v>
      </c>
      <c r="F16911" t="s">
        <v>10449</v>
      </c>
      <c r="G16911" t="s">
        <v>10450</v>
      </c>
      <c r="H16911" t="s">
        <v>10451</v>
      </c>
      <c r="I16911" s="2">
        <v>1</v>
      </c>
      <c r="J16911" s="2">
        <v>0</v>
      </c>
      <c r="K16911" s="2">
        <v>0</v>
      </c>
      <c r="L16911" t="s">
        <v>120</v>
      </c>
      <c r="M16911" t="s">
        <v>87</v>
      </c>
      <c r="N16911" t="s">
        <v>88</v>
      </c>
      <c r="O16911" t="s">
        <v>85</v>
      </c>
      <c r="P16911" t="s">
        <v>86</v>
      </c>
      <c r="Q16911">
        <v>7</v>
      </c>
      <c r="R16911">
        <v>7</v>
      </c>
      <c r="S16911">
        <v>7</v>
      </c>
      <c r="T16911">
        <v>7</v>
      </c>
      <c r="U16911">
        <v>7</v>
      </c>
      <c r="V16911">
        <v>7</v>
      </c>
      <c r="W16911">
        <v>7</v>
      </c>
      <c r="X16911">
        <v>7</v>
      </c>
      <c r="Y16911">
        <v>7</v>
      </c>
      <c r="Z16911">
        <v>7</v>
      </c>
      <c r="AA16911">
        <v>7</v>
      </c>
      <c r="AB16911">
        <v>7</v>
      </c>
      <c r="AC16911">
        <v>7</v>
      </c>
      <c r="AD16911">
        <v>7</v>
      </c>
      <c r="AE16911">
        <v>7</v>
      </c>
      <c r="AF16911">
        <v>7</v>
      </c>
      <c r="AG16911">
        <v>7</v>
      </c>
      <c r="AH16911">
        <v>7</v>
      </c>
      <c r="AI16911">
        <v>8</v>
      </c>
      <c r="AJ16911">
        <v>8</v>
      </c>
      <c r="AK16911">
        <v>8</v>
      </c>
      <c r="AL16911">
        <v>8</v>
      </c>
      <c r="AM16911">
        <v>8</v>
      </c>
      <c r="AN16911">
        <v>8</v>
      </c>
      <c r="AO16911">
        <v>8</v>
      </c>
      <c r="AP16911">
        <v>8</v>
      </c>
      <c r="AQ16911">
        <v>8</v>
      </c>
    </row>
    <row r="16912" spans="1:43">
      <c r="A16912" t="s">
        <v>10498</v>
      </c>
      <c r="B16912" t="s">
        <v>10499</v>
      </c>
      <c r="C16912" t="s">
        <v>10496</v>
      </c>
      <c r="D16912" t="s">
        <v>10497</v>
      </c>
      <c r="E16912" t="s">
        <v>10448</v>
      </c>
      <c r="F16912" t="s">
        <v>10449</v>
      </c>
      <c r="G16912" t="s">
        <v>10450</v>
      </c>
      <c r="H16912" t="s">
        <v>10451</v>
      </c>
      <c r="I16912" s="2">
        <v>1</v>
      </c>
      <c r="J16912" s="2">
        <v>0</v>
      </c>
      <c r="K16912" s="2">
        <v>0</v>
      </c>
      <c r="L16912" t="s">
        <v>120</v>
      </c>
      <c r="M16912" t="s">
        <v>89</v>
      </c>
      <c r="N16912" t="s">
        <v>90</v>
      </c>
      <c r="O16912" t="s">
        <v>85</v>
      </c>
      <c r="P16912" t="s">
        <v>86</v>
      </c>
      <c r="Q16912">
        <v>7</v>
      </c>
      <c r="R16912">
        <v>7</v>
      </c>
      <c r="S16912">
        <v>7</v>
      </c>
      <c r="T16912">
        <v>8</v>
      </c>
      <c r="U16912">
        <v>8</v>
      </c>
      <c r="V16912">
        <v>8</v>
      </c>
      <c r="W16912">
        <v>8</v>
      </c>
      <c r="X16912">
        <v>8</v>
      </c>
      <c r="Y16912">
        <v>8</v>
      </c>
      <c r="Z16912">
        <v>8</v>
      </c>
      <c r="AA16912">
        <v>8</v>
      </c>
      <c r="AB16912">
        <v>9</v>
      </c>
      <c r="AC16912">
        <v>9</v>
      </c>
      <c r="AD16912">
        <v>9</v>
      </c>
      <c r="AE16912">
        <v>9</v>
      </c>
      <c r="AF16912">
        <v>9</v>
      </c>
      <c r="AG16912">
        <v>9</v>
      </c>
      <c r="AH16912">
        <v>9</v>
      </c>
      <c r="AI16912">
        <v>9</v>
      </c>
      <c r="AJ16912">
        <v>9</v>
      </c>
      <c r="AK16912">
        <v>9</v>
      </c>
      <c r="AL16912">
        <v>9</v>
      </c>
      <c r="AM16912">
        <v>9</v>
      </c>
      <c r="AN16912">
        <v>9</v>
      </c>
      <c r="AO16912">
        <v>9</v>
      </c>
      <c r="AP16912">
        <v>9</v>
      </c>
      <c r="AQ16912">
        <v>9</v>
      </c>
    </row>
    <row r="16913" spans="1:43">
      <c r="A16913" t="s">
        <v>10498</v>
      </c>
      <c r="B16913" t="s">
        <v>10499</v>
      </c>
      <c r="C16913" t="s">
        <v>10496</v>
      </c>
      <c r="D16913" t="s">
        <v>10497</v>
      </c>
      <c r="E16913" t="s">
        <v>10448</v>
      </c>
      <c r="F16913" t="s">
        <v>10449</v>
      </c>
      <c r="G16913" t="s">
        <v>10450</v>
      </c>
      <c r="H16913" t="s">
        <v>10451</v>
      </c>
      <c r="I16913" s="2">
        <v>1</v>
      </c>
      <c r="J16913" s="2">
        <v>0</v>
      </c>
      <c r="K16913" s="2">
        <v>0</v>
      </c>
      <c r="L16913" t="s">
        <v>120</v>
      </c>
      <c r="M16913" t="s">
        <v>83</v>
      </c>
      <c r="N16913" t="s">
        <v>91</v>
      </c>
      <c r="O16913" t="s">
        <v>85</v>
      </c>
      <c r="P16913" t="s">
        <v>86</v>
      </c>
      <c r="Q16913">
        <v>7</v>
      </c>
      <c r="R16913">
        <v>7</v>
      </c>
      <c r="S16913">
        <v>7</v>
      </c>
      <c r="T16913">
        <v>7</v>
      </c>
      <c r="U16913">
        <v>7</v>
      </c>
      <c r="V16913">
        <v>7</v>
      </c>
      <c r="W16913">
        <v>8</v>
      </c>
      <c r="X16913">
        <v>8</v>
      </c>
      <c r="Y16913">
        <v>8</v>
      </c>
      <c r="Z16913">
        <v>8</v>
      </c>
      <c r="AA16913">
        <v>8</v>
      </c>
      <c r="AB16913">
        <v>8</v>
      </c>
      <c r="AC16913">
        <v>8</v>
      </c>
      <c r="AD16913">
        <v>8</v>
      </c>
      <c r="AE16913">
        <v>8</v>
      </c>
      <c r="AF16913">
        <v>8</v>
      </c>
      <c r="AG16913">
        <v>8</v>
      </c>
      <c r="AH16913">
        <v>9</v>
      </c>
      <c r="AI16913">
        <v>9</v>
      </c>
      <c r="AJ16913">
        <v>9</v>
      </c>
      <c r="AK16913">
        <v>9</v>
      </c>
      <c r="AL16913">
        <v>9</v>
      </c>
      <c r="AM16913">
        <v>9</v>
      </c>
      <c r="AN16913">
        <v>9</v>
      </c>
      <c r="AO16913">
        <v>9</v>
      </c>
      <c r="AP16913">
        <v>9</v>
      </c>
      <c r="AQ16913">
        <v>9</v>
      </c>
    </row>
    <row r="16914" spans="1:43">
      <c r="A16914" t="s">
        <v>10500</v>
      </c>
      <c r="B16914" t="s">
        <v>10501</v>
      </c>
      <c r="C16914" t="s">
        <v>10502</v>
      </c>
      <c r="D16914" t="s">
        <v>10503</v>
      </c>
      <c r="E16914" t="s">
        <v>10448</v>
      </c>
      <c r="F16914" t="s">
        <v>10449</v>
      </c>
      <c r="G16914" t="s">
        <v>10450</v>
      </c>
      <c r="H16914" t="s">
        <v>10451</v>
      </c>
      <c r="I16914" s="2">
        <v>1</v>
      </c>
      <c r="J16914" s="2">
        <v>0</v>
      </c>
      <c r="K16914" s="2">
        <v>0</v>
      </c>
      <c r="L16914" t="s">
        <v>120</v>
      </c>
      <c r="M16914" t="s">
        <v>83</v>
      </c>
      <c r="N16914" t="s">
        <v>84</v>
      </c>
      <c r="O16914" t="s">
        <v>85</v>
      </c>
      <c r="P16914" t="s">
        <v>86</v>
      </c>
      <c r="Q16914">
        <v>14</v>
      </c>
      <c r="R16914">
        <v>14</v>
      </c>
      <c r="S16914">
        <v>14</v>
      </c>
      <c r="T16914">
        <v>15</v>
      </c>
      <c r="U16914">
        <v>15</v>
      </c>
      <c r="V16914">
        <v>15</v>
      </c>
      <c r="W16914">
        <v>15</v>
      </c>
      <c r="X16914">
        <v>15</v>
      </c>
      <c r="Y16914">
        <v>16</v>
      </c>
      <c r="Z16914">
        <v>16</v>
      </c>
      <c r="AA16914">
        <v>16</v>
      </c>
      <c r="AB16914">
        <v>16</v>
      </c>
      <c r="AC16914">
        <v>16</v>
      </c>
      <c r="AD16914">
        <v>17</v>
      </c>
      <c r="AE16914">
        <v>17</v>
      </c>
      <c r="AF16914">
        <v>17</v>
      </c>
      <c r="AG16914">
        <v>17</v>
      </c>
      <c r="AH16914">
        <v>17</v>
      </c>
      <c r="AI16914">
        <v>17</v>
      </c>
      <c r="AJ16914">
        <v>18</v>
      </c>
      <c r="AK16914">
        <v>18</v>
      </c>
      <c r="AL16914">
        <v>18</v>
      </c>
      <c r="AM16914">
        <v>18</v>
      </c>
      <c r="AN16914">
        <v>18</v>
      </c>
      <c r="AO16914">
        <v>18</v>
      </c>
      <c r="AP16914">
        <v>18</v>
      </c>
      <c r="AQ16914">
        <v>18</v>
      </c>
    </row>
    <row r="16915" spans="1:43">
      <c r="A16915" t="s">
        <v>10500</v>
      </c>
      <c r="B16915" t="s">
        <v>10501</v>
      </c>
      <c r="C16915" t="s">
        <v>10502</v>
      </c>
      <c r="D16915" t="s">
        <v>10503</v>
      </c>
      <c r="E16915" t="s">
        <v>10448</v>
      </c>
      <c r="F16915" t="s">
        <v>10449</v>
      </c>
      <c r="G16915" t="s">
        <v>10450</v>
      </c>
      <c r="H16915" t="s">
        <v>10451</v>
      </c>
      <c r="I16915" s="2">
        <v>1</v>
      </c>
      <c r="J16915" s="2">
        <v>0</v>
      </c>
      <c r="K16915" s="2">
        <v>0</v>
      </c>
      <c r="L16915" t="s">
        <v>120</v>
      </c>
      <c r="M16915" t="s">
        <v>87</v>
      </c>
      <c r="N16915" t="s">
        <v>88</v>
      </c>
      <c r="O16915" t="s">
        <v>85</v>
      </c>
      <c r="P16915" t="s">
        <v>86</v>
      </c>
      <c r="Q16915">
        <v>14</v>
      </c>
      <c r="R16915">
        <v>14</v>
      </c>
      <c r="S16915">
        <v>14</v>
      </c>
      <c r="T16915">
        <v>14</v>
      </c>
      <c r="U16915">
        <v>14</v>
      </c>
      <c r="V16915">
        <v>14</v>
      </c>
      <c r="W16915">
        <v>14</v>
      </c>
      <c r="X16915">
        <v>14</v>
      </c>
      <c r="Y16915">
        <v>14</v>
      </c>
      <c r="Z16915">
        <v>15</v>
      </c>
      <c r="AA16915">
        <v>15</v>
      </c>
      <c r="AB16915">
        <v>15</v>
      </c>
      <c r="AC16915">
        <v>15</v>
      </c>
      <c r="AD16915">
        <v>15</v>
      </c>
      <c r="AE16915">
        <v>15</v>
      </c>
      <c r="AF16915">
        <v>15</v>
      </c>
      <c r="AG16915">
        <v>15</v>
      </c>
      <c r="AH16915">
        <v>15</v>
      </c>
      <c r="AI16915">
        <v>15</v>
      </c>
      <c r="AJ16915">
        <v>15</v>
      </c>
      <c r="AK16915">
        <v>15</v>
      </c>
      <c r="AL16915">
        <v>15</v>
      </c>
      <c r="AM16915">
        <v>15</v>
      </c>
      <c r="AN16915">
        <v>15</v>
      </c>
      <c r="AO16915">
        <v>16</v>
      </c>
      <c r="AP16915">
        <v>16</v>
      </c>
      <c r="AQ16915">
        <v>16</v>
      </c>
    </row>
    <row r="16916" spans="1:43">
      <c r="A16916" t="s">
        <v>10500</v>
      </c>
      <c r="B16916" t="s">
        <v>10501</v>
      </c>
      <c r="C16916" t="s">
        <v>10502</v>
      </c>
      <c r="D16916" t="s">
        <v>10503</v>
      </c>
      <c r="E16916" t="s">
        <v>10448</v>
      </c>
      <c r="F16916" t="s">
        <v>10449</v>
      </c>
      <c r="G16916" t="s">
        <v>10450</v>
      </c>
      <c r="H16916" t="s">
        <v>10451</v>
      </c>
      <c r="I16916" s="2">
        <v>1</v>
      </c>
      <c r="J16916" s="2">
        <v>0</v>
      </c>
      <c r="K16916" s="2">
        <v>0</v>
      </c>
      <c r="L16916" t="s">
        <v>120</v>
      </c>
      <c r="M16916" t="s">
        <v>89</v>
      </c>
      <c r="N16916" t="s">
        <v>90</v>
      </c>
      <c r="O16916" t="s">
        <v>85</v>
      </c>
      <c r="P16916" t="s">
        <v>86</v>
      </c>
      <c r="Q16916">
        <v>14</v>
      </c>
      <c r="R16916">
        <v>15</v>
      </c>
      <c r="S16916">
        <v>15</v>
      </c>
      <c r="T16916">
        <v>15</v>
      </c>
      <c r="U16916">
        <v>15</v>
      </c>
      <c r="V16916">
        <v>16</v>
      </c>
      <c r="W16916">
        <v>16</v>
      </c>
      <c r="X16916">
        <v>16</v>
      </c>
      <c r="Y16916">
        <v>17</v>
      </c>
      <c r="Z16916">
        <v>17</v>
      </c>
      <c r="AA16916">
        <v>17</v>
      </c>
      <c r="AB16916">
        <v>17</v>
      </c>
      <c r="AC16916">
        <v>18</v>
      </c>
      <c r="AD16916">
        <v>18</v>
      </c>
      <c r="AE16916">
        <v>18</v>
      </c>
      <c r="AF16916">
        <v>18</v>
      </c>
      <c r="AG16916">
        <v>18</v>
      </c>
      <c r="AH16916">
        <v>18</v>
      </c>
      <c r="AI16916">
        <v>18</v>
      </c>
      <c r="AJ16916">
        <v>18</v>
      </c>
      <c r="AK16916">
        <v>18</v>
      </c>
      <c r="AL16916">
        <v>18</v>
      </c>
      <c r="AM16916">
        <v>18</v>
      </c>
      <c r="AN16916">
        <v>18</v>
      </c>
      <c r="AO16916">
        <v>18</v>
      </c>
      <c r="AP16916">
        <v>18</v>
      </c>
      <c r="AQ16916">
        <v>18</v>
      </c>
    </row>
    <row r="16917" spans="1:43">
      <c r="A16917" t="s">
        <v>10500</v>
      </c>
      <c r="B16917" t="s">
        <v>10501</v>
      </c>
      <c r="C16917" t="s">
        <v>10502</v>
      </c>
      <c r="D16917" t="s">
        <v>10503</v>
      </c>
      <c r="E16917" t="s">
        <v>10448</v>
      </c>
      <c r="F16917" t="s">
        <v>10449</v>
      </c>
      <c r="G16917" t="s">
        <v>10450</v>
      </c>
      <c r="H16917" t="s">
        <v>10451</v>
      </c>
      <c r="I16917" s="2">
        <v>1</v>
      </c>
      <c r="J16917" s="2">
        <v>0</v>
      </c>
      <c r="K16917" s="2">
        <v>0</v>
      </c>
      <c r="L16917" t="s">
        <v>120</v>
      </c>
      <c r="M16917" t="s">
        <v>83</v>
      </c>
      <c r="N16917" t="s">
        <v>91</v>
      </c>
      <c r="O16917" t="s">
        <v>85</v>
      </c>
      <c r="P16917" t="s">
        <v>86</v>
      </c>
      <c r="Q16917">
        <v>14</v>
      </c>
      <c r="R16917">
        <v>14</v>
      </c>
      <c r="S16917">
        <v>14</v>
      </c>
      <c r="T16917">
        <v>15</v>
      </c>
      <c r="U16917">
        <v>15</v>
      </c>
      <c r="V16917">
        <v>15</v>
      </c>
      <c r="W16917">
        <v>15</v>
      </c>
      <c r="X16917">
        <v>15</v>
      </c>
      <c r="Y16917">
        <v>16</v>
      </c>
      <c r="Z16917">
        <v>16</v>
      </c>
      <c r="AA16917">
        <v>16</v>
      </c>
      <c r="AB16917">
        <v>16</v>
      </c>
      <c r="AC16917">
        <v>16</v>
      </c>
      <c r="AD16917">
        <v>17</v>
      </c>
      <c r="AE16917">
        <v>17</v>
      </c>
      <c r="AF16917">
        <v>17</v>
      </c>
      <c r="AG16917">
        <v>17</v>
      </c>
      <c r="AH16917">
        <v>17</v>
      </c>
      <c r="AI16917">
        <v>17</v>
      </c>
      <c r="AJ16917">
        <v>18</v>
      </c>
      <c r="AK16917">
        <v>18</v>
      </c>
      <c r="AL16917">
        <v>18</v>
      </c>
      <c r="AM16917">
        <v>18</v>
      </c>
      <c r="AN16917">
        <v>18</v>
      </c>
      <c r="AO16917">
        <v>18</v>
      </c>
      <c r="AP16917">
        <v>18</v>
      </c>
      <c r="AQ16917">
        <v>18</v>
      </c>
    </row>
    <row r="16918" spans="1:43">
      <c r="A16918" t="s">
        <v>10504</v>
      </c>
      <c r="B16918" t="s">
        <v>10505</v>
      </c>
      <c r="C16918" t="s">
        <v>10502</v>
      </c>
      <c r="D16918" t="s">
        <v>10503</v>
      </c>
      <c r="E16918" t="s">
        <v>10448</v>
      </c>
      <c r="F16918" t="s">
        <v>10449</v>
      </c>
      <c r="G16918" t="s">
        <v>10450</v>
      </c>
      <c r="H16918" t="s">
        <v>10451</v>
      </c>
      <c r="I16918" s="2">
        <v>1</v>
      </c>
      <c r="J16918" s="2">
        <v>0</v>
      </c>
      <c r="K16918" s="2">
        <v>0</v>
      </c>
      <c r="L16918" t="s">
        <v>120</v>
      </c>
      <c r="M16918" t="s">
        <v>83</v>
      </c>
      <c r="N16918" t="s">
        <v>84</v>
      </c>
      <c r="O16918" t="s">
        <v>85</v>
      </c>
      <c r="P16918" t="s">
        <v>86</v>
      </c>
      <c r="Q16918">
        <v>25</v>
      </c>
      <c r="R16918">
        <v>25</v>
      </c>
      <c r="S16918">
        <v>26</v>
      </c>
      <c r="T16918">
        <v>26</v>
      </c>
      <c r="U16918">
        <v>27</v>
      </c>
      <c r="V16918">
        <v>27</v>
      </c>
      <c r="W16918">
        <v>27</v>
      </c>
      <c r="X16918">
        <v>28</v>
      </c>
      <c r="Y16918">
        <v>28</v>
      </c>
      <c r="Z16918">
        <v>28</v>
      </c>
      <c r="AA16918">
        <v>29</v>
      </c>
      <c r="AB16918">
        <v>29</v>
      </c>
      <c r="AC16918">
        <v>29</v>
      </c>
      <c r="AD16918">
        <v>30</v>
      </c>
      <c r="AE16918">
        <v>30</v>
      </c>
      <c r="AF16918">
        <v>30</v>
      </c>
      <c r="AG16918">
        <v>30</v>
      </c>
      <c r="AH16918">
        <v>31</v>
      </c>
      <c r="AI16918">
        <v>31</v>
      </c>
      <c r="AJ16918">
        <v>31</v>
      </c>
      <c r="AK16918">
        <v>32</v>
      </c>
      <c r="AL16918">
        <v>32</v>
      </c>
      <c r="AM16918">
        <v>32</v>
      </c>
      <c r="AN16918">
        <v>32</v>
      </c>
      <c r="AO16918">
        <v>32</v>
      </c>
      <c r="AP16918">
        <v>32</v>
      </c>
      <c r="AQ16918">
        <v>32</v>
      </c>
    </row>
    <row r="16919" spans="1:43">
      <c r="A16919" t="s">
        <v>10504</v>
      </c>
      <c r="B16919" t="s">
        <v>10505</v>
      </c>
      <c r="C16919" t="s">
        <v>10502</v>
      </c>
      <c r="D16919" t="s">
        <v>10503</v>
      </c>
      <c r="E16919" t="s">
        <v>10448</v>
      </c>
      <c r="F16919" t="s">
        <v>10449</v>
      </c>
      <c r="G16919" t="s">
        <v>10450</v>
      </c>
      <c r="H16919" t="s">
        <v>10451</v>
      </c>
      <c r="I16919" s="2">
        <v>1</v>
      </c>
      <c r="J16919" s="2">
        <v>0</v>
      </c>
      <c r="K16919" s="2">
        <v>0</v>
      </c>
      <c r="L16919" t="s">
        <v>120</v>
      </c>
      <c r="M16919" t="s">
        <v>87</v>
      </c>
      <c r="N16919" t="s">
        <v>88</v>
      </c>
      <c r="O16919" t="s">
        <v>85</v>
      </c>
      <c r="P16919" t="s">
        <v>86</v>
      </c>
      <c r="Q16919">
        <v>25</v>
      </c>
      <c r="R16919">
        <v>25</v>
      </c>
      <c r="S16919">
        <v>25</v>
      </c>
      <c r="T16919">
        <v>25</v>
      </c>
      <c r="U16919">
        <v>25</v>
      </c>
      <c r="V16919">
        <v>26</v>
      </c>
      <c r="W16919">
        <v>26</v>
      </c>
      <c r="X16919">
        <v>26</v>
      </c>
      <c r="Y16919">
        <v>26</v>
      </c>
      <c r="Z16919">
        <v>26</v>
      </c>
      <c r="AA16919">
        <v>26</v>
      </c>
      <c r="AB16919">
        <v>26</v>
      </c>
      <c r="AC16919">
        <v>26</v>
      </c>
      <c r="AD16919">
        <v>26</v>
      </c>
      <c r="AE16919">
        <v>27</v>
      </c>
      <c r="AF16919">
        <v>27</v>
      </c>
      <c r="AG16919">
        <v>27</v>
      </c>
      <c r="AH16919">
        <v>27</v>
      </c>
      <c r="AI16919">
        <v>27</v>
      </c>
      <c r="AJ16919">
        <v>27</v>
      </c>
      <c r="AK16919">
        <v>27</v>
      </c>
      <c r="AL16919">
        <v>27</v>
      </c>
      <c r="AM16919">
        <v>27</v>
      </c>
      <c r="AN16919">
        <v>28</v>
      </c>
      <c r="AO16919">
        <v>28</v>
      </c>
      <c r="AP16919">
        <v>28</v>
      </c>
      <c r="AQ16919">
        <v>28</v>
      </c>
    </row>
    <row r="16920" spans="1:43">
      <c r="A16920" t="s">
        <v>10504</v>
      </c>
      <c r="B16920" t="s">
        <v>10505</v>
      </c>
      <c r="C16920" t="s">
        <v>10502</v>
      </c>
      <c r="D16920" t="s">
        <v>10503</v>
      </c>
      <c r="E16920" t="s">
        <v>10448</v>
      </c>
      <c r="F16920" t="s">
        <v>10449</v>
      </c>
      <c r="G16920" t="s">
        <v>10450</v>
      </c>
      <c r="H16920" t="s">
        <v>10451</v>
      </c>
      <c r="I16920" s="2">
        <v>1</v>
      </c>
      <c r="J16920" s="2">
        <v>0</v>
      </c>
      <c r="K16920" s="2">
        <v>0</v>
      </c>
      <c r="L16920" t="s">
        <v>120</v>
      </c>
      <c r="M16920" t="s">
        <v>89</v>
      </c>
      <c r="N16920" t="s">
        <v>90</v>
      </c>
      <c r="O16920" t="s">
        <v>85</v>
      </c>
      <c r="P16920" t="s">
        <v>86</v>
      </c>
      <c r="Q16920">
        <v>25</v>
      </c>
      <c r="R16920">
        <v>26</v>
      </c>
      <c r="S16920">
        <v>27</v>
      </c>
      <c r="T16920">
        <v>27</v>
      </c>
      <c r="U16920">
        <v>28</v>
      </c>
      <c r="V16920">
        <v>28</v>
      </c>
      <c r="W16920">
        <v>29</v>
      </c>
      <c r="X16920">
        <v>29</v>
      </c>
      <c r="Y16920">
        <v>29</v>
      </c>
      <c r="Z16920">
        <v>30</v>
      </c>
      <c r="AA16920">
        <v>30</v>
      </c>
      <c r="AB16920">
        <v>31</v>
      </c>
      <c r="AC16920">
        <v>31</v>
      </c>
      <c r="AD16920">
        <v>32</v>
      </c>
      <c r="AE16920">
        <v>32</v>
      </c>
      <c r="AF16920">
        <v>32</v>
      </c>
      <c r="AG16920">
        <v>32</v>
      </c>
      <c r="AH16920">
        <v>32</v>
      </c>
      <c r="AI16920">
        <v>32</v>
      </c>
      <c r="AJ16920">
        <v>32</v>
      </c>
      <c r="AK16920">
        <v>32</v>
      </c>
      <c r="AL16920">
        <v>32</v>
      </c>
      <c r="AM16920">
        <v>32</v>
      </c>
      <c r="AN16920">
        <v>32</v>
      </c>
      <c r="AO16920">
        <v>32</v>
      </c>
      <c r="AP16920">
        <v>32</v>
      </c>
      <c r="AQ16920">
        <v>32</v>
      </c>
    </row>
    <row r="16921" spans="1:43">
      <c r="A16921" t="s">
        <v>10504</v>
      </c>
      <c r="B16921" t="s">
        <v>10505</v>
      </c>
      <c r="C16921" t="s">
        <v>10502</v>
      </c>
      <c r="D16921" t="s">
        <v>10503</v>
      </c>
      <c r="E16921" t="s">
        <v>10448</v>
      </c>
      <c r="F16921" t="s">
        <v>10449</v>
      </c>
      <c r="G16921" t="s">
        <v>10450</v>
      </c>
      <c r="H16921" t="s">
        <v>10451</v>
      </c>
      <c r="I16921" s="2">
        <v>1</v>
      </c>
      <c r="J16921" s="2">
        <v>0</v>
      </c>
      <c r="K16921" s="2">
        <v>0</v>
      </c>
      <c r="L16921" t="s">
        <v>120</v>
      </c>
      <c r="M16921" t="s">
        <v>83</v>
      </c>
      <c r="N16921" t="s">
        <v>91</v>
      </c>
      <c r="O16921" t="s">
        <v>85</v>
      </c>
      <c r="P16921" t="s">
        <v>86</v>
      </c>
      <c r="Q16921">
        <v>25</v>
      </c>
      <c r="R16921">
        <v>25</v>
      </c>
      <c r="S16921">
        <v>26</v>
      </c>
      <c r="T16921">
        <v>26</v>
      </c>
      <c r="U16921">
        <v>27</v>
      </c>
      <c r="V16921">
        <v>27</v>
      </c>
      <c r="W16921">
        <v>27</v>
      </c>
      <c r="X16921">
        <v>28</v>
      </c>
      <c r="Y16921">
        <v>28</v>
      </c>
      <c r="Z16921">
        <v>28</v>
      </c>
      <c r="AA16921">
        <v>29</v>
      </c>
      <c r="AB16921">
        <v>29</v>
      </c>
      <c r="AC16921">
        <v>29</v>
      </c>
      <c r="AD16921">
        <v>30</v>
      </c>
      <c r="AE16921">
        <v>30</v>
      </c>
      <c r="AF16921">
        <v>30</v>
      </c>
      <c r="AG16921">
        <v>30</v>
      </c>
      <c r="AH16921">
        <v>31</v>
      </c>
      <c r="AI16921">
        <v>31</v>
      </c>
      <c r="AJ16921">
        <v>31</v>
      </c>
      <c r="AK16921">
        <v>32</v>
      </c>
      <c r="AL16921">
        <v>32</v>
      </c>
      <c r="AM16921">
        <v>32</v>
      </c>
      <c r="AN16921">
        <v>32</v>
      </c>
      <c r="AO16921">
        <v>32</v>
      </c>
      <c r="AP16921">
        <v>32</v>
      </c>
      <c r="AQ16921">
        <v>32</v>
      </c>
    </row>
    <row r="16922" spans="1:43">
      <c r="A16922" t="s">
        <v>10506</v>
      </c>
      <c r="B16922" t="s">
        <v>10507</v>
      </c>
      <c r="C16922" t="s">
        <v>10496</v>
      </c>
      <c r="D16922" t="s">
        <v>10497</v>
      </c>
      <c r="E16922" t="s">
        <v>10448</v>
      </c>
      <c r="F16922" t="s">
        <v>10449</v>
      </c>
      <c r="G16922" t="s">
        <v>10450</v>
      </c>
      <c r="H16922" t="s">
        <v>10451</v>
      </c>
      <c r="I16922" s="2">
        <v>1</v>
      </c>
      <c r="J16922" s="2">
        <v>0</v>
      </c>
      <c r="K16922" s="2">
        <v>0</v>
      </c>
      <c r="L16922" t="s">
        <v>120</v>
      </c>
      <c r="M16922" t="s">
        <v>83</v>
      </c>
      <c r="N16922" t="s">
        <v>84</v>
      </c>
      <c r="O16922" t="s">
        <v>85</v>
      </c>
      <c r="P16922" t="s">
        <v>86</v>
      </c>
      <c r="Q16922">
        <v>7</v>
      </c>
      <c r="R16922">
        <v>7</v>
      </c>
      <c r="S16922">
        <v>7</v>
      </c>
      <c r="T16922">
        <v>7</v>
      </c>
      <c r="U16922">
        <v>7</v>
      </c>
      <c r="V16922">
        <v>7</v>
      </c>
      <c r="W16922">
        <v>7</v>
      </c>
      <c r="X16922">
        <v>8</v>
      </c>
      <c r="Y16922">
        <v>8</v>
      </c>
      <c r="Z16922">
        <v>8</v>
      </c>
      <c r="AA16922">
        <v>8</v>
      </c>
      <c r="AB16922">
        <v>8</v>
      </c>
      <c r="AC16922">
        <v>8</v>
      </c>
      <c r="AD16922">
        <v>8</v>
      </c>
      <c r="AE16922">
        <v>8</v>
      </c>
      <c r="AF16922">
        <v>8</v>
      </c>
      <c r="AG16922">
        <v>8</v>
      </c>
      <c r="AH16922">
        <v>8</v>
      </c>
      <c r="AI16922">
        <v>9</v>
      </c>
      <c r="AJ16922">
        <v>9</v>
      </c>
      <c r="AK16922">
        <v>9</v>
      </c>
      <c r="AL16922">
        <v>9</v>
      </c>
      <c r="AM16922">
        <v>9</v>
      </c>
      <c r="AN16922">
        <v>9</v>
      </c>
      <c r="AO16922">
        <v>9</v>
      </c>
      <c r="AP16922">
        <v>9</v>
      </c>
      <c r="AQ16922">
        <v>9</v>
      </c>
    </row>
    <row r="16923" spans="1:43">
      <c r="A16923" t="s">
        <v>10506</v>
      </c>
      <c r="B16923" t="s">
        <v>10507</v>
      </c>
      <c r="C16923" t="s">
        <v>10496</v>
      </c>
      <c r="D16923" t="s">
        <v>10497</v>
      </c>
      <c r="E16923" t="s">
        <v>10448</v>
      </c>
      <c r="F16923" t="s">
        <v>10449</v>
      </c>
      <c r="G16923" t="s">
        <v>10450</v>
      </c>
      <c r="H16923" t="s">
        <v>10451</v>
      </c>
      <c r="I16923" s="2">
        <v>1</v>
      </c>
      <c r="J16923" s="2">
        <v>0</v>
      </c>
      <c r="K16923" s="2">
        <v>0</v>
      </c>
      <c r="L16923" t="s">
        <v>120</v>
      </c>
      <c r="M16923" t="s">
        <v>87</v>
      </c>
      <c r="N16923" t="s">
        <v>88</v>
      </c>
      <c r="O16923" t="s">
        <v>85</v>
      </c>
      <c r="P16923" t="s">
        <v>86</v>
      </c>
      <c r="Q16923">
        <v>7</v>
      </c>
      <c r="R16923">
        <v>7</v>
      </c>
      <c r="S16923">
        <v>7</v>
      </c>
      <c r="T16923">
        <v>7</v>
      </c>
      <c r="U16923">
        <v>7</v>
      </c>
      <c r="V16923">
        <v>7</v>
      </c>
      <c r="W16923">
        <v>7</v>
      </c>
      <c r="X16923">
        <v>7</v>
      </c>
      <c r="Y16923">
        <v>7</v>
      </c>
      <c r="Z16923">
        <v>7</v>
      </c>
      <c r="AA16923">
        <v>7</v>
      </c>
      <c r="AB16923">
        <v>7</v>
      </c>
      <c r="AC16923">
        <v>7</v>
      </c>
      <c r="AD16923">
        <v>7</v>
      </c>
      <c r="AE16923">
        <v>7</v>
      </c>
      <c r="AF16923">
        <v>7</v>
      </c>
      <c r="AG16923">
        <v>7</v>
      </c>
      <c r="AH16923">
        <v>7</v>
      </c>
      <c r="AI16923">
        <v>7</v>
      </c>
      <c r="AJ16923">
        <v>7</v>
      </c>
      <c r="AK16923">
        <v>7</v>
      </c>
      <c r="AL16923">
        <v>7</v>
      </c>
      <c r="AM16923">
        <v>7</v>
      </c>
      <c r="AN16923">
        <v>8</v>
      </c>
      <c r="AO16923">
        <v>8</v>
      </c>
      <c r="AP16923">
        <v>8</v>
      </c>
      <c r="AQ16923">
        <v>8</v>
      </c>
    </row>
    <row r="16924" spans="1:43">
      <c r="A16924" t="s">
        <v>10506</v>
      </c>
      <c r="B16924" t="s">
        <v>10507</v>
      </c>
      <c r="C16924" t="s">
        <v>10496</v>
      </c>
      <c r="D16924" t="s">
        <v>10497</v>
      </c>
      <c r="E16924" t="s">
        <v>10448</v>
      </c>
      <c r="F16924" t="s">
        <v>10449</v>
      </c>
      <c r="G16924" t="s">
        <v>10450</v>
      </c>
      <c r="H16924" t="s">
        <v>10451</v>
      </c>
      <c r="I16924" s="2">
        <v>1</v>
      </c>
      <c r="J16924" s="2">
        <v>0</v>
      </c>
      <c r="K16924" s="2">
        <v>0</v>
      </c>
      <c r="L16924" t="s">
        <v>120</v>
      </c>
      <c r="M16924" t="s">
        <v>89</v>
      </c>
      <c r="N16924" t="s">
        <v>90</v>
      </c>
      <c r="O16924" t="s">
        <v>85</v>
      </c>
      <c r="P16924" t="s">
        <v>86</v>
      </c>
      <c r="Q16924">
        <v>7</v>
      </c>
      <c r="R16924">
        <v>7</v>
      </c>
      <c r="S16924">
        <v>7</v>
      </c>
      <c r="T16924">
        <v>7</v>
      </c>
      <c r="U16924">
        <v>8</v>
      </c>
      <c r="V16924">
        <v>8</v>
      </c>
      <c r="W16924">
        <v>8</v>
      </c>
      <c r="X16924">
        <v>8</v>
      </c>
      <c r="Y16924">
        <v>8</v>
      </c>
      <c r="Z16924">
        <v>8</v>
      </c>
      <c r="AA16924">
        <v>8</v>
      </c>
      <c r="AB16924">
        <v>8</v>
      </c>
      <c r="AC16924">
        <v>9</v>
      </c>
      <c r="AD16924">
        <v>9</v>
      </c>
      <c r="AE16924">
        <v>9</v>
      </c>
      <c r="AF16924">
        <v>9</v>
      </c>
      <c r="AG16924">
        <v>9</v>
      </c>
      <c r="AH16924">
        <v>9</v>
      </c>
      <c r="AI16924">
        <v>9</v>
      </c>
      <c r="AJ16924">
        <v>9</v>
      </c>
      <c r="AK16924">
        <v>9</v>
      </c>
      <c r="AL16924">
        <v>9</v>
      </c>
      <c r="AM16924">
        <v>9</v>
      </c>
      <c r="AN16924">
        <v>9</v>
      </c>
      <c r="AO16924">
        <v>9</v>
      </c>
      <c r="AP16924">
        <v>9</v>
      </c>
      <c r="AQ16924">
        <v>9</v>
      </c>
    </row>
    <row r="16925" spans="1:43">
      <c r="A16925" t="s">
        <v>10506</v>
      </c>
      <c r="B16925" t="s">
        <v>10507</v>
      </c>
      <c r="C16925" t="s">
        <v>10496</v>
      </c>
      <c r="D16925" t="s">
        <v>10497</v>
      </c>
      <c r="E16925" t="s">
        <v>10448</v>
      </c>
      <c r="F16925" t="s">
        <v>10449</v>
      </c>
      <c r="G16925" t="s">
        <v>10450</v>
      </c>
      <c r="H16925" t="s">
        <v>10451</v>
      </c>
      <c r="I16925" s="2">
        <v>1</v>
      </c>
      <c r="J16925" s="2">
        <v>0</v>
      </c>
      <c r="K16925" s="2">
        <v>0</v>
      </c>
      <c r="L16925" t="s">
        <v>120</v>
      </c>
      <c r="M16925" t="s">
        <v>83</v>
      </c>
      <c r="N16925" t="s">
        <v>91</v>
      </c>
      <c r="O16925" t="s">
        <v>85</v>
      </c>
      <c r="P16925" t="s">
        <v>86</v>
      </c>
      <c r="Q16925">
        <v>7</v>
      </c>
      <c r="R16925">
        <v>7</v>
      </c>
      <c r="S16925">
        <v>7</v>
      </c>
      <c r="T16925">
        <v>7</v>
      </c>
      <c r="U16925">
        <v>7</v>
      </c>
      <c r="V16925">
        <v>7</v>
      </c>
      <c r="W16925">
        <v>7</v>
      </c>
      <c r="X16925">
        <v>8</v>
      </c>
      <c r="Y16925">
        <v>8</v>
      </c>
      <c r="Z16925">
        <v>8</v>
      </c>
      <c r="AA16925">
        <v>8</v>
      </c>
      <c r="AB16925">
        <v>8</v>
      </c>
      <c r="AC16925">
        <v>8</v>
      </c>
      <c r="AD16925">
        <v>8</v>
      </c>
      <c r="AE16925">
        <v>8</v>
      </c>
      <c r="AF16925">
        <v>8</v>
      </c>
      <c r="AG16925">
        <v>8</v>
      </c>
      <c r="AH16925">
        <v>8</v>
      </c>
      <c r="AI16925">
        <v>9</v>
      </c>
      <c r="AJ16925">
        <v>9</v>
      </c>
      <c r="AK16925">
        <v>9</v>
      </c>
      <c r="AL16925">
        <v>9</v>
      </c>
      <c r="AM16925">
        <v>9</v>
      </c>
      <c r="AN16925">
        <v>9</v>
      </c>
      <c r="AO16925">
        <v>9</v>
      </c>
      <c r="AP16925">
        <v>9</v>
      </c>
      <c r="AQ16925">
        <v>9</v>
      </c>
    </row>
    <row r="16926" spans="1:43">
      <c r="A16926" t="s">
        <v>10508</v>
      </c>
      <c r="B16926" t="s">
        <v>10509</v>
      </c>
      <c r="C16926" t="s">
        <v>10496</v>
      </c>
      <c r="D16926" t="s">
        <v>10497</v>
      </c>
      <c r="E16926" t="s">
        <v>10448</v>
      </c>
      <c r="F16926" t="s">
        <v>10449</v>
      </c>
      <c r="G16926" t="s">
        <v>10450</v>
      </c>
      <c r="H16926" t="s">
        <v>10451</v>
      </c>
      <c r="I16926" s="2">
        <v>1</v>
      </c>
      <c r="J16926" s="2">
        <v>0</v>
      </c>
      <c r="K16926" s="2">
        <v>0</v>
      </c>
      <c r="L16926" t="s">
        <v>120</v>
      </c>
      <c r="M16926" t="s">
        <v>83</v>
      </c>
      <c r="N16926" t="s">
        <v>84</v>
      </c>
      <c r="O16926" t="s">
        <v>85</v>
      </c>
      <c r="P16926" t="s">
        <v>86</v>
      </c>
      <c r="Q16926">
        <v>18</v>
      </c>
      <c r="R16926">
        <v>18</v>
      </c>
      <c r="S16926">
        <v>18</v>
      </c>
      <c r="T16926">
        <v>19</v>
      </c>
      <c r="U16926">
        <v>19</v>
      </c>
      <c r="V16926">
        <v>19</v>
      </c>
      <c r="W16926">
        <v>19</v>
      </c>
      <c r="X16926">
        <v>20</v>
      </c>
      <c r="Y16926">
        <v>20</v>
      </c>
      <c r="Z16926">
        <v>20</v>
      </c>
      <c r="AA16926">
        <v>20</v>
      </c>
      <c r="AB16926">
        <v>21</v>
      </c>
      <c r="AC16926">
        <v>21</v>
      </c>
      <c r="AD16926">
        <v>21</v>
      </c>
      <c r="AE16926">
        <v>21</v>
      </c>
      <c r="AF16926">
        <v>21</v>
      </c>
      <c r="AG16926">
        <v>22</v>
      </c>
      <c r="AH16926">
        <v>22</v>
      </c>
      <c r="AI16926">
        <v>22</v>
      </c>
      <c r="AJ16926">
        <v>22</v>
      </c>
      <c r="AK16926">
        <v>23</v>
      </c>
      <c r="AL16926">
        <v>23</v>
      </c>
      <c r="AM16926">
        <v>23</v>
      </c>
      <c r="AN16926">
        <v>23</v>
      </c>
      <c r="AO16926">
        <v>23</v>
      </c>
      <c r="AP16926">
        <v>23</v>
      </c>
      <c r="AQ16926">
        <v>23</v>
      </c>
    </row>
    <row r="16927" spans="1:43">
      <c r="A16927" t="s">
        <v>10508</v>
      </c>
      <c r="B16927" t="s">
        <v>10509</v>
      </c>
      <c r="C16927" t="s">
        <v>10496</v>
      </c>
      <c r="D16927" t="s">
        <v>10497</v>
      </c>
      <c r="E16927" t="s">
        <v>10448</v>
      </c>
      <c r="F16927" t="s">
        <v>10449</v>
      </c>
      <c r="G16927" t="s">
        <v>10450</v>
      </c>
      <c r="H16927" t="s">
        <v>10451</v>
      </c>
      <c r="I16927" s="2">
        <v>1</v>
      </c>
      <c r="J16927" s="2">
        <v>0</v>
      </c>
      <c r="K16927" s="2">
        <v>0</v>
      </c>
      <c r="L16927" t="s">
        <v>120</v>
      </c>
      <c r="M16927" t="s">
        <v>87</v>
      </c>
      <c r="N16927" t="s">
        <v>88</v>
      </c>
      <c r="O16927" t="s">
        <v>85</v>
      </c>
      <c r="P16927" t="s">
        <v>86</v>
      </c>
      <c r="Q16927">
        <v>18</v>
      </c>
      <c r="R16927">
        <v>18</v>
      </c>
      <c r="S16927">
        <v>18</v>
      </c>
      <c r="T16927">
        <v>18</v>
      </c>
      <c r="U16927">
        <v>18</v>
      </c>
      <c r="V16927">
        <v>18</v>
      </c>
      <c r="W16927">
        <v>18</v>
      </c>
      <c r="X16927">
        <v>18</v>
      </c>
      <c r="Y16927">
        <v>18</v>
      </c>
      <c r="Z16927">
        <v>18</v>
      </c>
      <c r="AA16927">
        <v>19</v>
      </c>
      <c r="AB16927">
        <v>19</v>
      </c>
      <c r="AC16927">
        <v>19</v>
      </c>
      <c r="AD16927">
        <v>19</v>
      </c>
      <c r="AE16927">
        <v>19</v>
      </c>
      <c r="AF16927">
        <v>19</v>
      </c>
      <c r="AG16927">
        <v>19</v>
      </c>
      <c r="AH16927">
        <v>19</v>
      </c>
      <c r="AI16927">
        <v>19</v>
      </c>
      <c r="AJ16927">
        <v>19</v>
      </c>
      <c r="AK16927">
        <v>19</v>
      </c>
      <c r="AL16927">
        <v>19</v>
      </c>
      <c r="AM16927">
        <v>19</v>
      </c>
      <c r="AN16927">
        <v>20</v>
      </c>
      <c r="AO16927">
        <v>20</v>
      </c>
      <c r="AP16927">
        <v>20</v>
      </c>
      <c r="AQ16927">
        <v>20</v>
      </c>
    </row>
    <row r="16928" spans="1:43">
      <c r="A16928" t="s">
        <v>10508</v>
      </c>
      <c r="B16928" t="s">
        <v>10509</v>
      </c>
      <c r="C16928" t="s">
        <v>10496</v>
      </c>
      <c r="D16928" t="s">
        <v>10497</v>
      </c>
      <c r="E16928" t="s">
        <v>10448</v>
      </c>
      <c r="F16928" t="s">
        <v>10449</v>
      </c>
      <c r="G16928" t="s">
        <v>10450</v>
      </c>
      <c r="H16928" t="s">
        <v>10451</v>
      </c>
      <c r="I16928" s="2">
        <v>1</v>
      </c>
      <c r="J16928" s="2">
        <v>0</v>
      </c>
      <c r="K16928" s="2">
        <v>0</v>
      </c>
      <c r="L16928" t="s">
        <v>120</v>
      </c>
      <c r="M16928" t="s">
        <v>89</v>
      </c>
      <c r="N16928" t="s">
        <v>90</v>
      </c>
      <c r="O16928" t="s">
        <v>85</v>
      </c>
      <c r="P16928" t="s">
        <v>86</v>
      </c>
      <c r="Q16928">
        <v>18</v>
      </c>
      <c r="R16928">
        <v>18</v>
      </c>
      <c r="S16928">
        <v>19</v>
      </c>
      <c r="T16928">
        <v>19</v>
      </c>
      <c r="U16928">
        <v>20</v>
      </c>
      <c r="V16928">
        <v>20</v>
      </c>
      <c r="W16928">
        <v>20</v>
      </c>
      <c r="X16928">
        <v>21</v>
      </c>
      <c r="Y16928">
        <v>21</v>
      </c>
      <c r="Z16928">
        <v>21</v>
      </c>
      <c r="AA16928">
        <v>22</v>
      </c>
      <c r="AB16928">
        <v>22</v>
      </c>
      <c r="AC16928">
        <v>22</v>
      </c>
      <c r="AD16928">
        <v>22</v>
      </c>
      <c r="AE16928">
        <v>23</v>
      </c>
      <c r="AF16928">
        <v>23</v>
      </c>
      <c r="AG16928">
        <v>23</v>
      </c>
      <c r="AH16928">
        <v>23</v>
      </c>
      <c r="AI16928">
        <v>23</v>
      </c>
      <c r="AJ16928">
        <v>23</v>
      </c>
      <c r="AK16928">
        <v>23</v>
      </c>
      <c r="AL16928">
        <v>23</v>
      </c>
      <c r="AM16928">
        <v>23</v>
      </c>
      <c r="AN16928">
        <v>23</v>
      </c>
      <c r="AO16928">
        <v>23</v>
      </c>
      <c r="AP16928">
        <v>23</v>
      </c>
      <c r="AQ16928">
        <v>23</v>
      </c>
    </row>
    <row r="16929" spans="1:43">
      <c r="A16929" t="s">
        <v>10508</v>
      </c>
      <c r="B16929" t="s">
        <v>10509</v>
      </c>
      <c r="C16929" t="s">
        <v>10496</v>
      </c>
      <c r="D16929" t="s">
        <v>10497</v>
      </c>
      <c r="E16929" t="s">
        <v>10448</v>
      </c>
      <c r="F16929" t="s">
        <v>10449</v>
      </c>
      <c r="G16929" t="s">
        <v>10450</v>
      </c>
      <c r="H16929" t="s">
        <v>10451</v>
      </c>
      <c r="I16929" s="2">
        <v>1</v>
      </c>
      <c r="J16929" s="2">
        <v>0</v>
      </c>
      <c r="K16929" s="2">
        <v>0</v>
      </c>
      <c r="L16929" t="s">
        <v>120</v>
      </c>
      <c r="M16929" t="s">
        <v>83</v>
      </c>
      <c r="N16929" t="s">
        <v>91</v>
      </c>
      <c r="O16929" t="s">
        <v>85</v>
      </c>
      <c r="P16929" t="s">
        <v>86</v>
      </c>
      <c r="Q16929">
        <v>18</v>
      </c>
      <c r="R16929">
        <v>18</v>
      </c>
      <c r="S16929">
        <v>18</v>
      </c>
      <c r="T16929">
        <v>19</v>
      </c>
      <c r="U16929">
        <v>19</v>
      </c>
      <c r="V16929">
        <v>19</v>
      </c>
      <c r="W16929">
        <v>19</v>
      </c>
      <c r="X16929">
        <v>20</v>
      </c>
      <c r="Y16929">
        <v>20</v>
      </c>
      <c r="Z16929">
        <v>20</v>
      </c>
      <c r="AA16929">
        <v>20</v>
      </c>
      <c r="AB16929">
        <v>21</v>
      </c>
      <c r="AC16929">
        <v>21</v>
      </c>
      <c r="AD16929">
        <v>21</v>
      </c>
      <c r="AE16929">
        <v>21</v>
      </c>
      <c r="AF16929">
        <v>21</v>
      </c>
      <c r="AG16929">
        <v>22</v>
      </c>
      <c r="AH16929">
        <v>22</v>
      </c>
      <c r="AI16929">
        <v>22</v>
      </c>
      <c r="AJ16929">
        <v>22</v>
      </c>
      <c r="AK16929">
        <v>23</v>
      </c>
      <c r="AL16929">
        <v>23</v>
      </c>
      <c r="AM16929">
        <v>23</v>
      </c>
      <c r="AN16929">
        <v>23</v>
      </c>
      <c r="AO16929">
        <v>23</v>
      </c>
      <c r="AP16929">
        <v>23</v>
      </c>
      <c r="AQ16929">
        <v>23</v>
      </c>
    </row>
    <row r="16930" spans="1:43">
      <c r="A16930" t="s">
        <v>10510</v>
      </c>
      <c r="B16930" t="s">
        <v>10511</v>
      </c>
      <c r="C16930" t="s">
        <v>10496</v>
      </c>
      <c r="D16930" t="s">
        <v>10497</v>
      </c>
      <c r="E16930" t="s">
        <v>10448</v>
      </c>
      <c r="F16930" t="s">
        <v>10449</v>
      </c>
      <c r="G16930" t="s">
        <v>10450</v>
      </c>
      <c r="H16930" t="s">
        <v>10451</v>
      </c>
      <c r="I16930" s="2">
        <v>1</v>
      </c>
      <c r="J16930" s="2">
        <v>0</v>
      </c>
      <c r="K16930" s="2">
        <v>0</v>
      </c>
      <c r="L16930" t="s">
        <v>120</v>
      </c>
      <c r="M16930" t="s">
        <v>83</v>
      </c>
      <c r="N16930" t="s">
        <v>84</v>
      </c>
      <c r="O16930" t="s">
        <v>85</v>
      </c>
      <c r="P16930" t="s">
        <v>86</v>
      </c>
      <c r="Q16930">
        <v>20</v>
      </c>
      <c r="R16930">
        <v>20</v>
      </c>
      <c r="S16930">
        <v>21</v>
      </c>
      <c r="T16930">
        <v>21</v>
      </c>
      <c r="U16930">
        <v>21</v>
      </c>
      <c r="V16930">
        <v>21</v>
      </c>
      <c r="W16930">
        <v>22</v>
      </c>
      <c r="X16930">
        <v>22</v>
      </c>
      <c r="Y16930">
        <v>22</v>
      </c>
      <c r="Z16930">
        <v>23</v>
      </c>
      <c r="AA16930">
        <v>23</v>
      </c>
      <c r="AB16930">
        <v>23</v>
      </c>
      <c r="AC16930">
        <v>23</v>
      </c>
      <c r="AD16930">
        <v>24</v>
      </c>
      <c r="AE16930">
        <v>24</v>
      </c>
      <c r="AF16930">
        <v>24</v>
      </c>
      <c r="AG16930">
        <v>24</v>
      </c>
      <c r="AH16930">
        <v>25</v>
      </c>
      <c r="AI16930">
        <v>25</v>
      </c>
      <c r="AJ16930">
        <v>25</v>
      </c>
      <c r="AK16930">
        <v>25</v>
      </c>
      <c r="AL16930">
        <v>25</v>
      </c>
      <c r="AM16930">
        <v>25</v>
      </c>
      <c r="AN16930">
        <v>25</v>
      </c>
      <c r="AO16930">
        <v>25</v>
      </c>
      <c r="AP16930">
        <v>25</v>
      </c>
      <c r="AQ16930">
        <v>25</v>
      </c>
    </row>
    <row r="16931" spans="1:43">
      <c r="A16931" t="s">
        <v>10510</v>
      </c>
      <c r="B16931" t="s">
        <v>10511</v>
      </c>
      <c r="C16931" t="s">
        <v>10496</v>
      </c>
      <c r="D16931" t="s">
        <v>10497</v>
      </c>
      <c r="E16931" t="s">
        <v>10448</v>
      </c>
      <c r="F16931" t="s">
        <v>10449</v>
      </c>
      <c r="G16931" t="s">
        <v>10450</v>
      </c>
      <c r="H16931" t="s">
        <v>10451</v>
      </c>
      <c r="I16931" s="2">
        <v>1</v>
      </c>
      <c r="J16931" s="2">
        <v>0</v>
      </c>
      <c r="K16931" s="2">
        <v>0</v>
      </c>
      <c r="L16931" t="s">
        <v>120</v>
      </c>
      <c r="M16931" t="s">
        <v>87</v>
      </c>
      <c r="N16931" t="s">
        <v>88</v>
      </c>
      <c r="O16931" t="s">
        <v>85</v>
      </c>
      <c r="P16931" t="s">
        <v>86</v>
      </c>
      <c r="Q16931">
        <v>20</v>
      </c>
      <c r="R16931">
        <v>20</v>
      </c>
      <c r="S16931">
        <v>20</v>
      </c>
      <c r="T16931">
        <v>20</v>
      </c>
      <c r="U16931">
        <v>20</v>
      </c>
      <c r="V16931">
        <v>20</v>
      </c>
      <c r="W16931">
        <v>20</v>
      </c>
      <c r="X16931">
        <v>20</v>
      </c>
      <c r="Y16931">
        <v>21</v>
      </c>
      <c r="Z16931">
        <v>21</v>
      </c>
      <c r="AA16931">
        <v>21</v>
      </c>
      <c r="AB16931">
        <v>21</v>
      </c>
      <c r="AC16931">
        <v>21</v>
      </c>
      <c r="AD16931">
        <v>21</v>
      </c>
      <c r="AE16931">
        <v>21</v>
      </c>
      <c r="AF16931">
        <v>21</v>
      </c>
      <c r="AG16931">
        <v>21</v>
      </c>
      <c r="AH16931">
        <v>21</v>
      </c>
      <c r="AI16931">
        <v>22</v>
      </c>
      <c r="AJ16931">
        <v>22</v>
      </c>
      <c r="AK16931">
        <v>22</v>
      </c>
      <c r="AL16931">
        <v>22</v>
      </c>
      <c r="AM16931">
        <v>22</v>
      </c>
      <c r="AN16931">
        <v>22</v>
      </c>
      <c r="AO16931">
        <v>22</v>
      </c>
      <c r="AP16931">
        <v>22</v>
      </c>
      <c r="AQ16931">
        <v>22</v>
      </c>
    </row>
    <row r="16932" spans="1:43">
      <c r="A16932" t="s">
        <v>10510</v>
      </c>
      <c r="B16932" t="s">
        <v>10511</v>
      </c>
      <c r="C16932" t="s">
        <v>10496</v>
      </c>
      <c r="D16932" t="s">
        <v>10497</v>
      </c>
      <c r="E16932" t="s">
        <v>10448</v>
      </c>
      <c r="F16932" t="s">
        <v>10449</v>
      </c>
      <c r="G16932" t="s">
        <v>10450</v>
      </c>
      <c r="H16932" t="s">
        <v>10451</v>
      </c>
      <c r="I16932" s="2">
        <v>1</v>
      </c>
      <c r="J16932" s="2">
        <v>0</v>
      </c>
      <c r="K16932" s="2">
        <v>0</v>
      </c>
      <c r="L16932" t="s">
        <v>120</v>
      </c>
      <c r="M16932" t="s">
        <v>89</v>
      </c>
      <c r="N16932" t="s">
        <v>90</v>
      </c>
      <c r="O16932" t="s">
        <v>85</v>
      </c>
      <c r="P16932" t="s">
        <v>86</v>
      </c>
      <c r="Q16932">
        <v>20</v>
      </c>
      <c r="R16932">
        <v>21</v>
      </c>
      <c r="S16932">
        <v>21</v>
      </c>
      <c r="T16932">
        <v>22</v>
      </c>
      <c r="U16932">
        <v>22</v>
      </c>
      <c r="V16932">
        <v>22</v>
      </c>
      <c r="W16932">
        <v>23</v>
      </c>
      <c r="X16932">
        <v>23</v>
      </c>
      <c r="Y16932">
        <v>23</v>
      </c>
      <c r="Z16932">
        <v>24</v>
      </c>
      <c r="AA16932">
        <v>24</v>
      </c>
      <c r="AB16932">
        <v>24</v>
      </c>
      <c r="AC16932">
        <v>25</v>
      </c>
      <c r="AD16932">
        <v>25</v>
      </c>
      <c r="AE16932">
        <v>25</v>
      </c>
      <c r="AF16932">
        <v>25</v>
      </c>
      <c r="AG16932">
        <v>25</v>
      </c>
      <c r="AH16932">
        <v>25</v>
      </c>
      <c r="AI16932">
        <v>25</v>
      </c>
      <c r="AJ16932">
        <v>25</v>
      </c>
      <c r="AK16932">
        <v>26</v>
      </c>
      <c r="AL16932">
        <v>26</v>
      </c>
      <c r="AM16932">
        <v>26</v>
      </c>
      <c r="AN16932">
        <v>26</v>
      </c>
      <c r="AO16932">
        <v>26</v>
      </c>
      <c r="AP16932">
        <v>26</v>
      </c>
      <c r="AQ16932">
        <v>26</v>
      </c>
    </row>
    <row r="16933" spans="1:43">
      <c r="A16933" t="s">
        <v>10510</v>
      </c>
      <c r="B16933" t="s">
        <v>10511</v>
      </c>
      <c r="C16933" t="s">
        <v>10496</v>
      </c>
      <c r="D16933" t="s">
        <v>10497</v>
      </c>
      <c r="E16933" t="s">
        <v>10448</v>
      </c>
      <c r="F16933" t="s">
        <v>10449</v>
      </c>
      <c r="G16933" t="s">
        <v>10450</v>
      </c>
      <c r="H16933" t="s">
        <v>10451</v>
      </c>
      <c r="I16933" s="2">
        <v>1</v>
      </c>
      <c r="J16933" s="2">
        <v>0</v>
      </c>
      <c r="K16933" s="2">
        <v>0</v>
      </c>
      <c r="L16933" t="s">
        <v>120</v>
      </c>
      <c r="M16933" t="s">
        <v>83</v>
      </c>
      <c r="N16933" t="s">
        <v>91</v>
      </c>
      <c r="O16933" t="s">
        <v>85</v>
      </c>
      <c r="P16933" t="s">
        <v>86</v>
      </c>
      <c r="Q16933">
        <v>20</v>
      </c>
      <c r="R16933">
        <v>20</v>
      </c>
      <c r="S16933">
        <v>21</v>
      </c>
      <c r="T16933">
        <v>21</v>
      </c>
      <c r="U16933">
        <v>21</v>
      </c>
      <c r="V16933">
        <v>21</v>
      </c>
      <c r="W16933">
        <v>22</v>
      </c>
      <c r="X16933">
        <v>22</v>
      </c>
      <c r="Y16933">
        <v>22</v>
      </c>
      <c r="Z16933">
        <v>23</v>
      </c>
      <c r="AA16933">
        <v>23</v>
      </c>
      <c r="AB16933">
        <v>23</v>
      </c>
      <c r="AC16933">
        <v>23</v>
      </c>
      <c r="AD16933">
        <v>24</v>
      </c>
      <c r="AE16933">
        <v>24</v>
      </c>
      <c r="AF16933">
        <v>24</v>
      </c>
      <c r="AG16933">
        <v>24</v>
      </c>
      <c r="AH16933">
        <v>25</v>
      </c>
      <c r="AI16933">
        <v>25</v>
      </c>
      <c r="AJ16933">
        <v>25</v>
      </c>
      <c r="AK16933">
        <v>25</v>
      </c>
      <c r="AL16933">
        <v>25</v>
      </c>
      <c r="AM16933">
        <v>25</v>
      </c>
      <c r="AN16933">
        <v>25</v>
      </c>
      <c r="AO16933">
        <v>25</v>
      </c>
      <c r="AP16933">
        <v>25</v>
      </c>
      <c r="AQ16933">
        <v>25</v>
      </c>
    </row>
    <row r="16934" spans="1:43">
      <c r="A16934" t="s">
        <v>10512</v>
      </c>
      <c r="B16934" t="s">
        <v>10513</v>
      </c>
      <c r="C16934" t="s">
        <v>10502</v>
      </c>
      <c r="D16934" t="s">
        <v>10503</v>
      </c>
      <c r="E16934" t="s">
        <v>10448</v>
      </c>
      <c r="F16934" t="s">
        <v>10449</v>
      </c>
      <c r="G16934" t="s">
        <v>10450</v>
      </c>
      <c r="H16934" t="s">
        <v>10451</v>
      </c>
      <c r="I16934" s="2">
        <v>1</v>
      </c>
      <c r="J16934" s="2">
        <v>0</v>
      </c>
      <c r="K16934" s="2">
        <v>0</v>
      </c>
      <c r="L16934" t="s">
        <v>120</v>
      </c>
      <c r="M16934" t="s">
        <v>83</v>
      </c>
      <c r="N16934" t="s">
        <v>84</v>
      </c>
      <c r="O16934" t="s">
        <v>85</v>
      </c>
      <c r="P16934" t="s">
        <v>86</v>
      </c>
      <c r="Q16934">
        <v>6</v>
      </c>
      <c r="R16934">
        <v>6</v>
      </c>
      <c r="S16934">
        <v>7</v>
      </c>
      <c r="T16934">
        <v>7</v>
      </c>
      <c r="U16934">
        <v>7</v>
      </c>
      <c r="V16934">
        <v>7</v>
      </c>
      <c r="W16934">
        <v>7</v>
      </c>
      <c r="X16934">
        <v>7</v>
      </c>
      <c r="Y16934">
        <v>7</v>
      </c>
      <c r="Z16934">
        <v>7</v>
      </c>
      <c r="AA16934">
        <v>7</v>
      </c>
      <c r="AB16934">
        <v>7</v>
      </c>
      <c r="AC16934">
        <v>7</v>
      </c>
      <c r="AD16934">
        <v>7</v>
      </c>
      <c r="AE16934">
        <v>8</v>
      </c>
      <c r="AF16934">
        <v>8</v>
      </c>
      <c r="AG16934">
        <v>8</v>
      </c>
      <c r="AH16934">
        <v>8</v>
      </c>
      <c r="AI16934">
        <v>8</v>
      </c>
      <c r="AJ16934">
        <v>8</v>
      </c>
      <c r="AK16934">
        <v>8</v>
      </c>
      <c r="AL16934">
        <v>8</v>
      </c>
      <c r="AM16934">
        <v>8</v>
      </c>
      <c r="AN16934">
        <v>8</v>
      </c>
      <c r="AO16934">
        <v>8</v>
      </c>
      <c r="AP16934">
        <v>8</v>
      </c>
      <c r="AQ16934">
        <v>8</v>
      </c>
    </row>
    <row r="16935" spans="1:43">
      <c r="A16935" t="s">
        <v>10512</v>
      </c>
      <c r="B16935" t="s">
        <v>10513</v>
      </c>
      <c r="C16935" t="s">
        <v>10502</v>
      </c>
      <c r="D16935" t="s">
        <v>10503</v>
      </c>
      <c r="E16935" t="s">
        <v>10448</v>
      </c>
      <c r="F16935" t="s">
        <v>10449</v>
      </c>
      <c r="G16935" t="s">
        <v>10450</v>
      </c>
      <c r="H16935" t="s">
        <v>10451</v>
      </c>
      <c r="I16935" s="2">
        <v>1</v>
      </c>
      <c r="J16935" s="2">
        <v>0</v>
      </c>
      <c r="K16935" s="2">
        <v>0</v>
      </c>
      <c r="L16935" t="s">
        <v>120</v>
      </c>
      <c r="M16935" t="s">
        <v>87</v>
      </c>
      <c r="N16935" t="s">
        <v>88</v>
      </c>
      <c r="O16935" t="s">
        <v>85</v>
      </c>
      <c r="P16935" t="s">
        <v>86</v>
      </c>
      <c r="Q16935">
        <v>6</v>
      </c>
      <c r="R16935">
        <v>6</v>
      </c>
      <c r="S16935">
        <v>6</v>
      </c>
      <c r="T16935">
        <v>6</v>
      </c>
      <c r="U16935">
        <v>6</v>
      </c>
      <c r="V16935">
        <v>6</v>
      </c>
      <c r="W16935">
        <v>6</v>
      </c>
      <c r="X16935">
        <v>7</v>
      </c>
      <c r="Y16935">
        <v>7</v>
      </c>
      <c r="Z16935">
        <v>7</v>
      </c>
      <c r="AA16935">
        <v>7</v>
      </c>
      <c r="AB16935">
        <v>7</v>
      </c>
      <c r="AC16935">
        <v>7</v>
      </c>
      <c r="AD16935">
        <v>7</v>
      </c>
      <c r="AE16935">
        <v>7</v>
      </c>
      <c r="AF16935">
        <v>7</v>
      </c>
      <c r="AG16935">
        <v>7</v>
      </c>
      <c r="AH16935">
        <v>7</v>
      </c>
      <c r="AI16935">
        <v>7</v>
      </c>
      <c r="AJ16935">
        <v>7</v>
      </c>
      <c r="AK16935">
        <v>7</v>
      </c>
      <c r="AL16935">
        <v>7</v>
      </c>
      <c r="AM16935">
        <v>7</v>
      </c>
      <c r="AN16935">
        <v>7</v>
      </c>
      <c r="AO16935">
        <v>7</v>
      </c>
      <c r="AP16935">
        <v>7</v>
      </c>
      <c r="AQ16935">
        <v>7</v>
      </c>
    </row>
    <row r="16936" spans="1:43">
      <c r="A16936" t="s">
        <v>10512</v>
      </c>
      <c r="B16936" t="s">
        <v>10513</v>
      </c>
      <c r="C16936" t="s">
        <v>10502</v>
      </c>
      <c r="D16936" t="s">
        <v>10503</v>
      </c>
      <c r="E16936" t="s">
        <v>10448</v>
      </c>
      <c r="F16936" t="s">
        <v>10449</v>
      </c>
      <c r="G16936" t="s">
        <v>10450</v>
      </c>
      <c r="H16936" t="s">
        <v>10451</v>
      </c>
      <c r="I16936" s="2">
        <v>1</v>
      </c>
      <c r="J16936" s="2">
        <v>0</v>
      </c>
      <c r="K16936" s="2">
        <v>0</v>
      </c>
      <c r="L16936" t="s">
        <v>120</v>
      </c>
      <c r="M16936" t="s">
        <v>89</v>
      </c>
      <c r="N16936" t="s">
        <v>90</v>
      </c>
      <c r="O16936" t="s">
        <v>85</v>
      </c>
      <c r="P16936" t="s">
        <v>86</v>
      </c>
      <c r="Q16936">
        <v>6</v>
      </c>
      <c r="R16936">
        <v>7</v>
      </c>
      <c r="S16936">
        <v>7</v>
      </c>
      <c r="T16936">
        <v>7</v>
      </c>
      <c r="U16936">
        <v>7</v>
      </c>
      <c r="V16936">
        <v>7</v>
      </c>
      <c r="W16936">
        <v>7</v>
      </c>
      <c r="X16936">
        <v>7</v>
      </c>
      <c r="Y16936">
        <v>7</v>
      </c>
      <c r="Z16936">
        <v>8</v>
      </c>
      <c r="AA16936">
        <v>8</v>
      </c>
      <c r="AB16936">
        <v>8</v>
      </c>
      <c r="AC16936">
        <v>8</v>
      </c>
      <c r="AD16936">
        <v>8</v>
      </c>
      <c r="AE16936">
        <v>8</v>
      </c>
      <c r="AF16936">
        <v>8</v>
      </c>
      <c r="AG16936">
        <v>8</v>
      </c>
      <c r="AH16936">
        <v>8</v>
      </c>
      <c r="AI16936">
        <v>8</v>
      </c>
      <c r="AJ16936">
        <v>8</v>
      </c>
      <c r="AK16936">
        <v>8</v>
      </c>
      <c r="AL16936">
        <v>8</v>
      </c>
      <c r="AM16936">
        <v>8</v>
      </c>
      <c r="AN16936">
        <v>8</v>
      </c>
      <c r="AO16936">
        <v>8</v>
      </c>
      <c r="AP16936">
        <v>8</v>
      </c>
      <c r="AQ16936">
        <v>8</v>
      </c>
    </row>
    <row r="16937" spans="1:43">
      <c r="A16937" t="s">
        <v>10512</v>
      </c>
      <c r="B16937" t="s">
        <v>10513</v>
      </c>
      <c r="C16937" t="s">
        <v>10502</v>
      </c>
      <c r="D16937" t="s">
        <v>10503</v>
      </c>
      <c r="E16937" t="s">
        <v>10448</v>
      </c>
      <c r="F16937" t="s">
        <v>10449</v>
      </c>
      <c r="G16937" t="s">
        <v>10450</v>
      </c>
      <c r="H16937" t="s">
        <v>10451</v>
      </c>
      <c r="I16937" s="2">
        <v>1</v>
      </c>
      <c r="J16937" s="2">
        <v>0</v>
      </c>
      <c r="K16937" s="2">
        <v>0</v>
      </c>
      <c r="L16937" t="s">
        <v>120</v>
      </c>
      <c r="M16937" t="s">
        <v>83</v>
      </c>
      <c r="N16937" t="s">
        <v>91</v>
      </c>
      <c r="O16937" t="s">
        <v>85</v>
      </c>
      <c r="P16937" t="s">
        <v>86</v>
      </c>
      <c r="Q16937">
        <v>6</v>
      </c>
      <c r="R16937">
        <v>6</v>
      </c>
      <c r="S16937">
        <v>7</v>
      </c>
      <c r="T16937">
        <v>7</v>
      </c>
      <c r="U16937">
        <v>7</v>
      </c>
      <c r="V16937">
        <v>7</v>
      </c>
      <c r="W16937">
        <v>7</v>
      </c>
      <c r="X16937">
        <v>7</v>
      </c>
      <c r="Y16937">
        <v>7</v>
      </c>
      <c r="Z16937">
        <v>7</v>
      </c>
      <c r="AA16937">
        <v>7</v>
      </c>
      <c r="AB16937">
        <v>7</v>
      </c>
      <c r="AC16937">
        <v>7</v>
      </c>
      <c r="AD16937">
        <v>7</v>
      </c>
      <c r="AE16937">
        <v>8</v>
      </c>
      <c r="AF16937">
        <v>8</v>
      </c>
      <c r="AG16937">
        <v>8</v>
      </c>
      <c r="AH16937">
        <v>8</v>
      </c>
      <c r="AI16937">
        <v>8</v>
      </c>
      <c r="AJ16937">
        <v>8</v>
      </c>
      <c r="AK16937">
        <v>8</v>
      </c>
      <c r="AL16937">
        <v>8</v>
      </c>
      <c r="AM16937">
        <v>8</v>
      </c>
      <c r="AN16937">
        <v>8</v>
      </c>
      <c r="AO16937">
        <v>8</v>
      </c>
      <c r="AP16937">
        <v>8</v>
      </c>
      <c r="AQ16937">
        <v>8</v>
      </c>
    </row>
    <row r="16938" spans="1:43">
      <c r="A16938" t="s">
        <v>10514</v>
      </c>
      <c r="B16938" t="s">
        <v>10515</v>
      </c>
      <c r="C16938" t="s">
        <v>10516</v>
      </c>
      <c r="D16938" t="s">
        <v>10517</v>
      </c>
      <c r="E16938" t="s">
        <v>10448</v>
      </c>
      <c r="F16938" t="s">
        <v>10449</v>
      </c>
      <c r="G16938" t="s">
        <v>10450</v>
      </c>
      <c r="H16938" t="s">
        <v>10451</v>
      </c>
      <c r="I16938" s="2">
        <v>1</v>
      </c>
      <c r="J16938" s="2">
        <v>0</v>
      </c>
      <c r="K16938" s="2">
        <v>0</v>
      </c>
      <c r="L16938" t="s">
        <v>120</v>
      </c>
      <c r="M16938" t="s">
        <v>83</v>
      </c>
      <c r="N16938" t="s">
        <v>84</v>
      </c>
      <c r="O16938" t="s">
        <v>85</v>
      </c>
      <c r="P16938" t="s">
        <v>86</v>
      </c>
      <c r="Q16938">
        <v>10</v>
      </c>
      <c r="R16938">
        <v>11</v>
      </c>
      <c r="S16938">
        <v>11</v>
      </c>
      <c r="T16938">
        <v>11</v>
      </c>
      <c r="U16938">
        <v>11</v>
      </c>
      <c r="V16938">
        <v>11</v>
      </c>
      <c r="W16938">
        <v>11</v>
      </c>
      <c r="X16938">
        <v>11</v>
      </c>
      <c r="Y16938">
        <v>12</v>
      </c>
      <c r="Z16938">
        <v>12</v>
      </c>
      <c r="AA16938">
        <v>12</v>
      </c>
      <c r="AB16938">
        <v>12</v>
      </c>
      <c r="AC16938">
        <v>12</v>
      </c>
      <c r="AD16938">
        <v>12</v>
      </c>
      <c r="AE16938">
        <v>12</v>
      </c>
      <c r="AF16938">
        <v>13</v>
      </c>
      <c r="AG16938">
        <v>13</v>
      </c>
      <c r="AH16938">
        <v>13</v>
      </c>
      <c r="AI16938">
        <v>13</v>
      </c>
      <c r="AJ16938">
        <v>13</v>
      </c>
      <c r="AK16938">
        <v>13</v>
      </c>
      <c r="AL16938">
        <v>13</v>
      </c>
      <c r="AM16938">
        <v>13</v>
      </c>
      <c r="AN16938">
        <v>13</v>
      </c>
      <c r="AO16938">
        <v>13</v>
      </c>
      <c r="AP16938">
        <v>13</v>
      </c>
      <c r="AQ16938">
        <v>13</v>
      </c>
    </row>
    <row r="16939" spans="1:43">
      <c r="A16939" t="s">
        <v>10514</v>
      </c>
      <c r="B16939" t="s">
        <v>10515</v>
      </c>
      <c r="C16939" t="s">
        <v>10516</v>
      </c>
      <c r="D16939" t="s">
        <v>10517</v>
      </c>
      <c r="E16939" t="s">
        <v>10448</v>
      </c>
      <c r="F16939" t="s">
        <v>10449</v>
      </c>
      <c r="G16939" t="s">
        <v>10450</v>
      </c>
      <c r="H16939" t="s">
        <v>10451</v>
      </c>
      <c r="I16939" s="2">
        <v>1</v>
      </c>
      <c r="J16939" s="2">
        <v>0</v>
      </c>
      <c r="K16939" s="2">
        <v>0</v>
      </c>
      <c r="L16939" t="s">
        <v>120</v>
      </c>
      <c r="M16939" t="s">
        <v>87</v>
      </c>
      <c r="N16939" t="s">
        <v>88</v>
      </c>
      <c r="O16939" t="s">
        <v>85</v>
      </c>
      <c r="P16939" t="s">
        <v>86</v>
      </c>
      <c r="Q16939">
        <v>10</v>
      </c>
      <c r="R16939">
        <v>10</v>
      </c>
      <c r="S16939">
        <v>10</v>
      </c>
      <c r="T16939">
        <v>10</v>
      </c>
      <c r="U16939">
        <v>11</v>
      </c>
      <c r="V16939">
        <v>11</v>
      </c>
      <c r="W16939">
        <v>11</v>
      </c>
      <c r="X16939">
        <v>11</v>
      </c>
      <c r="Y16939">
        <v>11</v>
      </c>
      <c r="Z16939">
        <v>11</v>
      </c>
      <c r="AA16939">
        <v>11</v>
      </c>
      <c r="AB16939">
        <v>11</v>
      </c>
      <c r="AC16939">
        <v>11</v>
      </c>
      <c r="AD16939">
        <v>11</v>
      </c>
      <c r="AE16939">
        <v>11</v>
      </c>
      <c r="AF16939">
        <v>11</v>
      </c>
      <c r="AG16939">
        <v>11</v>
      </c>
      <c r="AH16939">
        <v>11</v>
      </c>
      <c r="AI16939">
        <v>11</v>
      </c>
      <c r="AJ16939">
        <v>11</v>
      </c>
      <c r="AK16939">
        <v>11</v>
      </c>
      <c r="AL16939">
        <v>11</v>
      </c>
      <c r="AM16939">
        <v>11</v>
      </c>
      <c r="AN16939">
        <v>11</v>
      </c>
      <c r="AO16939">
        <v>11</v>
      </c>
      <c r="AP16939">
        <v>12</v>
      </c>
      <c r="AQ16939">
        <v>12</v>
      </c>
    </row>
    <row r="16940" spans="1:43">
      <c r="A16940" t="s">
        <v>10514</v>
      </c>
      <c r="B16940" t="s">
        <v>10515</v>
      </c>
      <c r="C16940" t="s">
        <v>10516</v>
      </c>
      <c r="D16940" t="s">
        <v>10517</v>
      </c>
      <c r="E16940" t="s">
        <v>10448</v>
      </c>
      <c r="F16940" t="s">
        <v>10449</v>
      </c>
      <c r="G16940" t="s">
        <v>10450</v>
      </c>
      <c r="H16940" t="s">
        <v>10451</v>
      </c>
      <c r="I16940" s="2">
        <v>1</v>
      </c>
      <c r="J16940" s="2">
        <v>0</v>
      </c>
      <c r="K16940" s="2">
        <v>0</v>
      </c>
      <c r="L16940" t="s">
        <v>120</v>
      </c>
      <c r="M16940" t="s">
        <v>89</v>
      </c>
      <c r="N16940" t="s">
        <v>90</v>
      </c>
      <c r="O16940" t="s">
        <v>85</v>
      </c>
      <c r="P16940" t="s">
        <v>86</v>
      </c>
      <c r="Q16940">
        <v>10</v>
      </c>
      <c r="R16940">
        <v>10</v>
      </c>
      <c r="S16940">
        <v>10</v>
      </c>
      <c r="T16940">
        <v>10</v>
      </c>
      <c r="U16940">
        <v>10</v>
      </c>
      <c r="V16940">
        <v>11</v>
      </c>
      <c r="W16940">
        <v>11</v>
      </c>
      <c r="X16940">
        <v>11</v>
      </c>
      <c r="Y16940">
        <v>11</v>
      </c>
      <c r="Z16940">
        <v>11</v>
      </c>
      <c r="AA16940">
        <v>12</v>
      </c>
      <c r="AB16940">
        <v>12</v>
      </c>
      <c r="AC16940">
        <v>12</v>
      </c>
      <c r="AD16940">
        <v>12</v>
      </c>
      <c r="AE16940">
        <v>12</v>
      </c>
      <c r="AF16940">
        <v>12</v>
      </c>
      <c r="AG16940">
        <v>12</v>
      </c>
      <c r="AH16940">
        <v>12</v>
      </c>
      <c r="AI16940">
        <v>12</v>
      </c>
      <c r="AJ16940">
        <v>12</v>
      </c>
      <c r="AK16940">
        <v>12</v>
      </c>
      <c r="AL16940">
        <v>12</v>
      </c>
      <c r="AM16940">
        <v>12</v>
      </c>
      <c r="AN16940">
        <v>12</v>
      </c>
      <c r="AO16940">
        <v>12</v>
      </c>
      <c r="AP16940">
        <v>12</v>
      </c>
      <c r="AQ16940">
        <v>12</v>
      </c>
    </row>
    <row r="16941" spans="1:43">
      <c r="A16941" t="s">
        <v>10514</v>
      </c>
      <c r="B16941" t="s">
        <v>10515</v>
      </c>
      <c r="C16941" t="s">
        <v>10516</v>
      </c>
      <c r="D16941" t="s">
        <v>10517</v>
      </c>
      <c r="E16941" t="s">
        <v>10448</v>
      </c>
      <c r="F16941" t="s">
        <v>10449</v>
      </c>
      <c r="G16941" t="s">
        <v>10450</v>
      </c>
      <c r="H16941" t="s">
        <v>10451</v>
      </c>
      <c r="I16941" s="2">
        <v>1</v>
      </c>
      <c r="J16941" s="2">
        <v>0</v>
      </c>
      <c r="K16941" s="2">
        <v>0</v>
      </c>
      <c r="L16941" t="s">
        <v>120</v>
      </c>
      <c r="M16941" t="s">
        <v>83</v>
      </c>
      <c r="N16941" t="s">
        <v>91</v>
      </c>
      <c r="O16941" t="s">
        <v>85</v>
      </c>
      <c r="P16941" t="s">
        <v>86</v>
      </c>
      <c r="Q16941">
        <v>10</v>
      </c>
      <c r="R16941">
        <v>11</v>
      </c>
      <c r="S16941">
        <v>11</v>
      </c>
      <c r="T16941">
        <v>11</v>
      </c>
      <c r="U16941">
        <v>11</v>
      </c>
      <c r="V16941">
        <v>11</v>
      </c>
      <c r="W16941">
        <v>11</v>
      </c>
      <c r="X16941">
        <v>11</v>
      </c>
      <c r="Y16941">
        <v>12</v>
      </c>
      <c r="Z16941">
        <v>12</v>
      </c>
      <c r="AA16941">
        <v>12</v>
      </c>
      <c r="AB16941">
        <v>12</v>
      </c>
      <c r="AC16941">
        <v>12</v>
      </c>
      <c r="AD16941">
        <v>12</v>
      </c>
      <c r="AE16941">
        <v>12</v>
      </c>
      <c r="AF16941">
        <v>13</v>
      </c>
      <c r="AG16941">
        <v>13</v>
      </c>
      <c r="AH16941">
        <v>13</v>
      </c>
      <c r="AI16941">
        <v>13</v>
      </c>
      <c r="AJ16941">
        <v>13</v>
      </c>
      <c r="AK16941">
        <v>13</v>
      </c>
      <c r="AL16941">
        <v>13</v>
      </c>
      <c r="AM16941">
        <v>13</v>
      </c>
      <c r="AN16941">
        <v>13</v>
      </c>
      <c r="AO16941">
        <v>13</v>
      </c>
      <c r="AP16941">
        <v>13</v>
      </c>
      <c r="AQ16941">
        <v>13</v>
      </c>
    </row>
    <row r="16942" spans="1:43">
      <c r="A16942" t="s">
        <v>10518</v>
      </c>
      <c r="B16942" t="s">
        <v>10519</v>
      </c>
      <c r="C16942" t="s">
        <v>10516</v>
      </c>
      <c r="D16942" t="s">
        <v>10517</v>
      </c>
      <c r="E16942" t="s">
        <v>10448</v>
      </c>
      <c r="F16942" t="s">
        <v>10449</v>
      </c>
      <c r="G16942" t="s">
        <v>10450</v>
      </c>
      <c r="H16942" t="s">
        <v>10451</v>
      </c>
      <c r="I16942" s="2">
        <v>1</v>
      </c>
      <c r="J16942" s="2">
        <v>0</v>
      </c>
      <c r="K16942" s="2">
        <v>0</v>
      </c>
      <c r="L16942" t="s">
        <v>120</v>
      </c>
      <c r="M16942" t="s">
        <v>83</v>
      </c>
      <c r="N16942" t="s">
        <v>84</v>
      </c>
      <c r="O16942" t="s">
        <v>85</v>
      </c>
      <c r="P16942" t="s">
        <v>86</v>
      </c>
      <c r="Q16942">
        <v>14</v>
      </c>
      <c r="R16942">
        <v>14</v>
      </c>
      <c r="S16942">
        <v>14</v>
      </c>
      <c r="T16942">
        <v>14</v>
      </c>
      <c r="U16942">
        <v>15</v>
      </c>
      <c r="V16942">
        <v>15</v>
      </c>
      <c r="W16942">
        <v>15</v>
      </c>
      <c r="X16942">
        <v>15</v>
      </c>
      <c r="Y16942">
        <v>15</v>
      </c>
      <c r="Z16942">
        <v>16</v>
      </c>
      <c r="AA16942">
        <v>16</v>
      </c>
      <c r="AB16942">
        <v>16</v>
      </c>
      <c r="AC16942">
        <v>16</v>
      </c>
      <c r="AD16942">
        <v>16</v>
      </c>
      <c r="AE16942">
        <v>16</v>
      </c>
      <c r="AF16942">
        <v>17</v>
      </c>
      <c r="AG16942">
        <v>17</v>
      </c>
      <c r="AH16942">
        <v>17</v>
      </c>
      <c r="AI16942">
        <v>17</v>
      </c>
      <c r="AJ16942">
        <v>17</v>
      </c>
      <c r="AK16942">
        <v>17</v>
      </c>
      <c r="AL16942">
        <v>18</v>
      </c>
      <c r="AM16942">
        <v>18</v>
      </c>
      <c r="AN16942">
        <v>18</v>
      </c>
      <c r="AO16942">
        <v>18</v>
      </c>
      <c r="AP16942">
        <v>18</v>
      </c>
      <c r="AQ16942">
        <v>18</v>
      </c>
    </row>
    <row r="16943" spans="1:43">
      <c r="A16943" t="s">
        <v>10518</v>
      </c>
      <c r="B16943" t="s">
        <v>10519</v>
      </c>
      <c r="C16943" t="s">
        <v>10516</v>
      </c>
      <c r="D16943" t="s">
        <v>10517</v>
      </c>
      <c r="E16943" t="s">
        <v>10448</v>
      </c>
      <c r="F16943" t="s">
        <v>10449</v>
      </c>
      <c r="G16943" t="s">
        <v>10450</v>
      </c>
      <c r="H16943" t="s">
        <v>10451</v>
      </c>
      <c r="I16943" s="2">
        <v>1</v>
      </c>
      <c r="J16943" s="2">
        <v>0</v>
      </c>
      <c r="K16943" s="2">
        <v>0</v>
      </c>
      <c r="L16943" t="s">
        <v>120</v>
      </c>
      <c r="M16943" t="s">
        <v>87</v>
      </c>
      <c r="N16943" t="s">
        <v>88</v>
      </c>
      <c r="O16943" t="s">
        <v>85</v>
      </c>
      <c r="P16943" t="s">
        <v>86</v>
      </c>
      <c r="Q16943">
        <v>14</v>
      </c>
      <c r="R16943">
        <v>14</v>
      </c>
      <c r="S16943">
        <v>14</v>
      </c>
      <c r="T16943">
        <v>14</v>
      </c>
      <c r="U16943">
        <v>14</v>
      </c>
      <c r="V16943">
        <v>14</v>
      </c>
      <c r="W16943">
        <v>14</v>
      </c>
      <c r="X16943">
        <v>14</v>
      </c>
      <c r="Y16943">
        <v>14</v>
      </c>
      <c r="Z16943">
        <v>14</v>
      </c>
      <c r="AA16943">
        <v>14</v>
      </c>
      <c r="AB16943">
        <v>14</v>
      </c>
      <c r="AC16943">
        <v>14</v>
      </c>
      <c r="AD16943">
        <v>15</v>
      </c>
      <c r="AE16943">
        <v>15</v>
      </c>
      <c r="AF16943">
        <v>15</v>
      </c>
      <c r="AG16943">
        <v>15</v>
      </c>
      <c r="AH16943">
        <v>15</v>
      </c>
      <c r="AI16943">
        <v>15</v>
      </c>
      <c r="AJ16943">
        <v>15</v>
      </c>
      <c r="AK16943">
        <v>15</v>
      </c>
      <c r="AL16943">
        <v>15</v>
      </c>
      <c r="AM16943">
        <v>15</v>
      </c>
      <c r="AN16943">
        <v>15</v>
      </c>
      <c r="AO16943">
        <v>15</v>
      </c>
      <c r="AP16943">
        <v>15</v>
      </c>
      <c r="AQ16943">
        <v>15</v>
      </c>
    </row>
    <row r="16944" spans="1:43">
      <c r="A16944" t="s">
        <v>10518</v>
      </c>
      <c r="B16944" t="s">
        <v>10519</v>
      </c>
      <c r="C16944" t="s">
        <v>10516</v>
      </c>
      <c r="D16944" t="s">
        <v>10517</v>
      </c>
      <c r="E16944" t="s">
        <v>10448</v>
      </c>
      <c r="F16944" t="s">
        <v>10449</v>
      </c>
      <c r="G16944" t="s">
        <v>10450</v>
      </c>
      <c r="H16944" t="s">
        <v>10451</v>
      </c>
      <c r="I16944" s="2">
        <v>1</v>
      </c>
      <c r="J16944" s="2">
        <v>0</v>
      </c>
      <c r="K16944" s="2">
        <v>0</v>
      </c>
      <c r="L16944" t="s">
        <v>120</v>
      </c>
      <c r="M16944" t="s">
        <v>89</v>
      </c>
      <c r="N16944" t="s">
        <v>90</v>
      </c>
      <c r="O16944" t="s">
        <v>85</v>
      </c>
      <c r="P16944" t="s">
        <v>86</v>
      </c>
      <c r="Q16944">
        <v>14</v>
      </c>
      <c r="R16944">
        <v>14</v>
      </c>
      <c r="S16944">
        <v>15</v>
      </c>
      <c r="T16944">
        <v>15</v>
      </c>
      <c r="U16944">
        <v>15</v>
      </c>
      <c r="V16944">
        <v>15</v>
      </c>
      <c r="W16944">
        <v>16</v>
      </c>
      <c r="X16944">
        <v>16</v>
      </c>
      <c r="Y16944">
        <v>16</v>
      </c>
      <c r="Z16944">
        <v>16</v>
      </c>
      <c r="AA16944">
        <v>17</v>
      </c>
      <c r="AB16944">
        <v>17</v>
      </c>
      <c r="AC16944">
        <v>17</v>
      </c>
      <c r="AD16944">
        <v>17</v>
      </c>
      <c r="AE16944">
        <v>18</v>
      </c>
      <c r="AF16944">
        <v>18</v>
      </c>
      <c r="AG16944">
        <v>18</v>
      </c>
      <c r="AH16944">
        <v>18</v>
      </c>
      <c r="AI16944">
        <v>18</v>
      </c>
      <c r="AJ16944">
        <v>18</v>
      </c>
      <c r="AK16944">
        <v>18</v>
      </c>
      <c r="AL16944">
        <v>18</v>
      </c>
      <c r="AM16944">
        <v>18</v>
      </c>
      <c r="AN16944">
        <v>18</v>
      </c>
      <c r="AO16944">
        <v>18</v>
      </c>
      <c r="AP16944">
        <v>18</v>
      </c>
      <c r="AQ16944">
        <v>18</v>
      </c>
    </row>
    <row r="16945" spans="1:43">
      <c r="A16945" t="s">
        <v>10518</v>
      </c>
      <c r="B16945" t="s">
        <v>10519</v>
      </c>
      <c r="C16945" t="s">
        <v>10516</v>
      </c>
      <c r="D16945" t="s">
        <v>10517</v>
      </c>
      <c r="E16945" t="s">
        <v>10448</v>
      </c>
      <c r="F16945" t="s">
        <v>10449</v>
      </c>
      <c r="G16945" t="s">
        <v>10450</v>
      </c>
      <c r="H16945" t="s">
        <v>10451</v>
      </c>
      <c r="I16945" s="2">
        <v>1</v>
      </c>
      <c r="J16945" s="2">
        <v>0</v>
      </c>
      <c r="K16945" s="2">
        <v>0</v>
      </c>
      <c r="L16945" t="s">
        <v>120</v>
      </c>
      <c r="M16945" t="s">
        <v>83</v>
      </c>
      <c r="N16945" t="s">
        <v>91</v>
      </c>
      <c r="O16945" t="s">
        <v>85</v>
      </c>
      <c r="P16945" t="s">
        <v>86</v>
      </c>
      <c r="Q16945">
        <v>14</v>
      </c>
      <c r="R16945">
        <v>14</v>
      </c>
      <c r="S16945">
        <v>14</v>
      </c>
      <c r="T16945">
        <v>14</v>
      </c>
      <c r="U16945">
        <v>15</v>
      </c>
      <c r="V16945">
        <v>15</v>
      </c>
      <c r="W16945">
        <v>15</v>
      </c>
      <c r="X16945">
        <v>15</v>
      </c>
      <c r="Y16945">
        <v>15</v>
      </c>
      <c r="Z16945">
        <v>16</v>
      </c>
      <c r="AA16945">
        <v>16</v>
      </c>
      <c r="AB16945">
        <v>16</v>
      </c>
      <c r="AC16945">
        <v>16</v>
      </c>
      <c r="AD16945">
        <v>16</v>
      </c>
      <c r="AE16945">
        <v>16</v>
      </c>
      <c r="AF16945">
        <v>17</v>
      </c>
      <c r="AG16945">
        <v>17</v>
      </c>
      <c r="AH16945">
        <v>17</v>
      </c>
      <c r="AI16945">
        <v>17</v>
      </c>
      <c r="AJ16945">
        <v>17</v>
      </c>
      <c r="AK16945">
        <v>17</v>
      </c>
      <c r="AL16945">
        <v>18</v>
      </c>
      <c r="AM16945">
        <v>18</v>
      </c>
      <c r="AN16945">
        <v>18</v>
      </c>
      <c r="AO16945">
        <v>18</v>
      </c>
      <c r="AP16945">
        <v>18</v>
      </c>
      <c r="AQ16945">
        <v>18</v>
      </c>
    </row>
    <row r="16946" spans="1:43">
      <c r="A16946" t="s">
        <v>10520</v>
      </c>
      <c r="B16946" t="s">
        <v>10521</v>
      </c>
      <c r="C16946" t="s">
        <v>10522</v>
      </c>
      <c r="D16946" t="s">
        <v>10523</v>
      </c>
      <c r="E16946" t="s">
        <v>10448</v>
      </c>
      <c r="F16946" t="s">
        <v>10449</v>
      </c>
      <c r="G16946" t="s">
        <v>10450</v>
      </c>
      <c r="H16946" t="s">
        <v>10451</v>
      </c>
      <c r="I16946" s="2">
        <v>1</v>
      </c>
      <c r="J16946" s="2">
        <v>0</v>
      </c>
      <c r="K16946" s="2">
        <v>0</v>
      </c>
      <c r="L16946" t="s">
        <v>120</v>
      </c>
      <c r="M16946" t="s">
        <v>83</v>
      </c>
      <c r="N16946" t="s">
        <v>84</v>
      </c>
      <c r="O16946" t="s">
        <v>85</v>
      </c>
      <c r="P16946" t="s">
        <v>86</v>
      </c>
      <c r="Q16946">
        <v>2</v>
      </c>
      <c r="R16946">
        <v>2</v>
      </c>
      <c r="S16946">
        <v>2</v>
      </c>
      <c r="T16946">
        <v>2</v>
      </c>
      <c r="U16946">
        <v>2</v>
      </c>
      <c r="V16946">
        <v>3</v>
      </c>
      <c r="W16946">
        <v>3</v>
      </c>
      <c r="X16946">
        <v>3</v>
      </c>
      <c r="Y16946">
        <v>3</v>
      </c>
      <c r="Z16946">
        <v>3</v>
      </c>
      <c r="AA16946">
        <v>3</v>
      </c>
      <c r="AB16946">
        <v>3</v>
      </c>
      <c r="AC16946">
        <v>3</v>
      </c>
      <c r="AD16946">
        <v>3</v>
      </c>
      <c r="AE16946">
        <v>3</v>
      </c>
      <c r="AF16946">
        <v>3</v>
      </c>
      <c r="AG16946">
        <v>3</v>
      </c>
      <c r="AH16946">
        <v>3</v>
      </c>
      <c r="AI16946">
        <v>3</v>
      </c>
      <c r="AJ16946">
        <v>3</v>
      </c>
      <c r="AK16946">
        <v>3</v>
      </c>
      <c r="AL16946">
        <v>3</v>
      </c>
      <c r="AM16946">
        <v>3</v>
      </c>
      <c r="AN16946">
        <v>3</v>
      </c>
      <c r="AO16946">
        <v>3</v>
      </c>
      <c r="AP16946">
        <v>3</v>
      </c>
      <c r="AQ16946">
        <v>3</v>
      </c>
    </row>
    <row r="16947" spans="1:43">
      <c r="A16947" t="s">
        <v>10520</v>
      </c>
      <c r="B16947" t="s">
        <v>10521</v>
      </c>
      <c r="C16947" t="s">
        <v>10522</v>
      </c>
      <c r="D16947" t="s">
        <v>10523</v>
      </c>
      <c r="E16947" t="s">
        <v>10448</v>
      </c>
      <c r="F16947" t="s">
        <v>10449</v>
      </c>
      <c r="G16947" t="s">
        <v>10450</v>
      </c>
      <c r="H16947" t="s">
        <v>10451</v>
      </c>
      <c r="I16947" s="2">
        <v>1</v>
      </c>
      <c r="J16947" s="2">
        <v>0</v>
      </c>
      <c r="K16947" s="2">
        <v>0</v>
      </c>
      <c r="L16947" t="s">
        <v>120</v>
      </c>
      <c r="M16947" t="s">
        <v>87</v>
      </c>
      <c r="N16947" t="s">
        <v>88</v>
      </c>
      <c r="O16947" t="s">
        <v>85</v>
      </c>
      <c r="P16947" t="s">
        <v>86</v>
      </c>
      <c r="Q16947">
        <v>2</v>
      </c>
      <c r="R16947">
        <v>2</v>
      </c>
      <c r="S16947">
        <v>2</v>
      </c>
      <c r="T16947">
        <v>2</v>
      </c>
      <c r="U16947">
        <v>2</v>
      </c>
      <c r="V16947">
        <v>2</v>
      </c>
      <c r="W16947">
        <v>2</v>
      </c>
      <c r="X16947">
        <v>2</v>
      </c>
      <c r="Y16947">
        <v>2</v>
      </c>
      <c r="Z16947">
        <v>2</v>
      </c>
      <c r="AA16947">
        <v>2</v>
      </c>
      <c r="AB16947">
        <v>2</v>
      </c>
      <c r="AC16947">
        <v>2</v>
      </c>
      <c r="AD16947">
        <v>2</v>
      </c>
      <c r="AE16947">
        <v>2</v>
      </c>
      <c r="AF16947">
        <v>2</v>
      </c>
      <c r="AG16947">
        <v>3</v>
      </c>
      <c r="AH16947">
        <v>3</v>
      </c>
      <c r="AI16947">
        <v>3</v>
      </c>
      <c r="AJ16947">
        <v>3</v>
      </c>
      <c r="AK16947">
        <v>3</v>
      </c>
      <c r="AL16947">
        <v>3</v>
      </c>
      <c r="AM16947">
        <v>3</v>
      </c>
      <c r="AN16947">
        <v>3</v>
      </c>
      <c r="AO16947">
        <v>3</v>
      </c>
      <c r="AP16947">
        <v>3</v>
      </c>
      <c r="AQ16947">
        <v>3</v>
      </c>
    </row>
    <row r="16948" spans="1:43">
      <c r="A16948" t="s">
        <v>10520</v>
      </c>
      <c r="B16948" t="s">
        <v>10521</v>
      </c>
      <c r="C16948" t="s">
        <v>10522</v>
      </c>
      <c r="D16948" t="s">
        <v>10523</v>
      </c>
      <c r="E16948" t="s">
        <v>10448</v>
      </c>
      <c r="F16948" t="s">
        <v>10449</v>
      </c>
      <c r="G16948" t="s">
        <v>10450</v>
      </c>
      <c r="H16948" t="s">
        <v>10451</v>
      </c>
      <c r="I16948" s="2">
        <v>1</v>
      </c>
      <c r="J16948" s="2">
        <v>0</v>
      </c>
      <c r="K16948" s="2">
        <v>0</v>
      </c>
      <c r="L16948" t="s">
        <v>120</v>
      </c>
      <c r="M16948" t="s">
        <v>89</v>
      </c>
      <c r="N16948" t="s">
        <v>90</v>
      </c>
      <c r="O16948" t="s">
        <v>85</v>
      </c>
      <c r="P16948" t="s">
        <v>86</v>
      </c>
      <c r="Q16948">
        <v>2</v>
      </c>
      <c r="R16948">
        <v>2</v>
      </c>
      <c r="S16948">
        <v>2</v>
      </c>
      <c r="T16948">
        <v>3</v>
      </c>
      <c r="U16948">
        <v>3</v>
      </c>
      <c r="V16948">
        <v>3</v>
      </c>
      <c r="W16948">
        <v>3</v>
      </c>
      <c r="X16948">
        <v>3</v>
      </c>
      <c r="Y16948">
        <v>3</v>
      </c>
      <c r="Z16948">
        <v>3</v>
      </c>
      <c r="AA16948">
        <v>3</v>
      </c>
      <c r="AB16948">
        <v>3</v>
      </c>
      <c r="AC16948">
        <v>3</v>
      </c>
      <c r="AD16948">
        <v>3</v>
      </c>
      <c r="AE16948">
        <v>3</v>
      </c>
      <c r="AF16948">
        <v>3</v>
      </c>
      <c r="AG16948">
        <v>3</v>
      </c>
      <c r="AH16948">
        <v>3</v>
      </c>
      <c r="AI16948">
        <v>3</v>
      </c>
      <c r="AJ16948">
        <v>3</v>
      </c>
      <c r="AK16948">
        <v>3</v>
      </c>
      <c r="AL16948">
        <v>3</v>
      </c>
      <c r="AM16948">
        <v>3</v>
      </c>
      <c r="AN16948">
        <v>3</v>
      </c>
      <c r="AO16948">
        <v>3</v>
      </c>
      <c r="AP16948">
        <v>3</v>
      </c>
      <c r="AQ16948">
        <v>3</v>
      </c>
    </row>
    <row r="16949" spans="1:43">
      <c r="A16949" t="s">
        <v>10520</v>
      </c>
      <c r="B16949" t="s">
        <v>10521</v>
      </c>
      <c r="C16949" t="s">
        <v>10522</v>
      </c>
      <c r="D16949" t="s">
        <v>10523</v>
      </c>
      <c r="E16949" t="s">
        <v>10448</v>
      </c>
      <c r="F16949" t="s">
        <v>10449</v>
      </c>
      <c r="G16949" t="s">
        <v>10450</v>
      </c>
      <c r="H16949" t="s">
        <v>10451</v>
      </c>
      <c r="I16949" s="2">
        <v>1</v>
      </c>
      <c r="J16949" s="2">
        <v>0</v>
      </c>
      <c r="K16949" s="2">
        <v>0</v>
      </c>
      <c r="L16949" t="s">
        <v>120</v>
      </c>
      <c r="M16949" t="s">
        <v>83</v>
      </c>
      <c r="N16949" t="s">
        <v>91</v>
      </c>
      <c r="O16949" t="s">
        <v>85</v>
      </c>
      <c r="P16949" t="s">
        <v>86</v>
      </c>
      <c r="Q16949">
        <v>2</v>
      </c>
      <c r="R16949">
        <v>2</v>
      </c>
      <c r="S16949">
        <v>2</v>
      </c>
      <c r="T16949">
        <v>2</v>
      </c>
      <c r="U16949">
        <v>2</v>
      </c>
      <c r="V16949">
        <v>3</v>
      </c>
      <c r="W16949">
        <v>3</v>
      </c>
      <c r="X16949">
        <v>3</v>
      </c>
      <c r="Y16949">
        <v>3</v>
      </c>
      <c r="Z16949">
        <v>3</v>
      </c>
      <c r="AA16949">
        <v>3</v>
      </c>
      <c r="AB16949">
        <v>3</v>
      </c>
      <c r="AC16949">
        <v>3</v>
      </c>
      <c r="AD16949">
        <v>3</v>
      </c>
      <c r="AE16949">
        <v>3</v>
      </c>
      <c r="AF16949">
        <v>3</v>
      </c>
      <c r="AG16949">
        <v>3</v>
      </c>
      <c r="AH16949">
        <v>3</v>
      </c>
      <c r="AI16949">
        <v>3</v>
      </c>
      <c r="AJ16949">
        <v>3</v>
      </c>
      <c r="AK16949">
        <v>3</v>
      </c>
      <c r="AL16949">
        <v>3</v>
      </c>
      <c r="AM16949">
        <v>3</v>
      </c>
      <c r="AN16949">
        <v>3</v>
      </c>
      <c r="AO16949">
        <v>3</v>
      </c>
      <c r="AP16949">
        <v>3</v>
      </c>
      <c r="AQ16949">
        <v>3</v>
      </c>
    </row>
    <row r="16950" spans="1:43">
      <c r="A16950" t="s">
        <v>10524</v>
      </c>
      <c r="B16950" t="s">
        <v>10525</v>
      </c>
      <c r="C16950" t="s">
        <v>10522</v>
      </c>
      <c r="D16950" t="s">
        <v>10523</v>
      </c>
      <c r="E16950" t="s">
        <v>10448</v>
      </c>
      <c r="F16950" t="s">
        <v>10449</v>
      </c>
      <c r="G16950" t="s">
        <v>10450</v>
      </c>
      <c r="H16950" t="s">
        <v>10451</v>
      </c>
      <c r="I16950" s="2">
        <v>1</v>
      </c>
      <c r="J16950" s="2">
        <v>0</v>
      </c>
      <c r="K16950" s="2">
        <v>0</v>
      </c>
      <c r="L16950" t="s">
        <v>120</v>
      </c>
      <c r="M16950" t="s">
        <v>83</v>
      </c>
      <c r="N16950" t="s">
        <v>84</v>
      </c>
      <c r="O16950" t="s">
        <v>85</v>
      </c>
      <c r="P16950" t="s">
        <v>86</v>
      </c>
      <c r="Q16950">
        <v>25</v>
      </c>
      <c r="R16950">
        <v>26</v>
      </c>
      <c r="S16950">
        <v>26</v>
      </c>
      <c r="T16950">
        <v>26</v>
      </c>
      <c r="U16950">
        <v>27</v>
      </c>
      <c r="V16950">
        <v>27</v>
      </c>
      <c r="W16950">
        <v>27</v>
      </c>
      <c r="X16950">
        <v>28</v>
      </c>
      <c r="Y16950">
        <v>28</v>
      </c>
      <c r="Z16950">
        <v>28</v>
      </c>
      <c r="AA16950">
        <v>29</v>
      </c>
      <c r="AB16950">
        <v>29</v>
      </c>
      <c r="AC16950">
        <v>29</v>
      </c>
      <c r="AD16950">
        <v>30</v>
      </c>
      <c r="AE16950">
        <v>30</v>
      </c>
      <c r="AF16950">
        <v>30</v>
      </c>
      <c r="AG16950">
        <v>31</v>
      </c>
      <c r="AH16950">
        <v>31</v>
      </c>
      <c r="AI16950">
        <v>31</v>
      </c>
      <c r="AJ16950">
        <v>32</v>
      </c>
      <c r="AK16950">
        <v>32</v>
      </c>
      <c r="AL16950">
        <v>32</v>
      </c>
      <c r="AM16950">
        <v>32</v>
      </c>
      <c r="AN16950">
        <v>32</v>
      </c>
      <c r="AO16950">
        <v>32</v>
      </c>
      <c r="AP16950">
        <v>32</v>
      </c>
      <c r="AQ16950">
        <v>32</v>
      </c>
    </row>
    <row r="16951" spans="1:43">
      <c r="A16951" t="s">
        <v>10524</v>
      </c>
      <c r="B16951" t="s">
        <v>10525</v>
      </c>
      <c r="C16951" t="s">
        <v>10522</v>
      </c>
      <c r="D16951" t="s">
        <v>10523</v>
      </c>
      <c r="E16951" t="s">
        <v>10448</v>
      </c>
      <c r="F16951" t="s">
        <v>10449</v>
      </c>
      <c r="G16951" t="s">
        <v>10450</v>
      </c>
      <c r="H16951" t="s">
        <v>10451</v>
      </c>
      <c r="I16951" s="2">
        <v>1</v>
      </c>
      <c r="J16951" s="2">
        <v>0</v>
      </c>
      <c r="K16951" s="2">
        <v>0</v>
      </c>
      <c r="L16951" t="s">
        <v>120</v>
      </c>
      <c r="M16951" t="s">
        <v>87</v>
      </c>
      <c r="N16951" t="s">
        <v>88</v>
      </c>
      <c r="O16951" t="s">
        <v>85</v>
      </c>
      <c r="P16951" t="s">
        <v>86</v>
      </c>
      <c r="Q16951">
        <v>25</v>
      </c>
      <c r="R16951">
        <v>25</v>
      </c>
      <c r="S16951">
        <v>25</v>
      </c>
      <c r="T16951">
        <v>25</v>
      </c>
      <c r="U16951">
        <v>26</v>
      </c>
      <c r="V16951">
        <v>26</v>
      </c>
      <c r="W16951">
        <v>26</v>
      </c>
      <c r="X16951">
        <v>26</v>
      </c>
      <c r="Y16951">
        <v>26</v>
      </c>
      <c r="Z16951">
        <v>26</v>
      </c>
      <c r="AA16951">
        <v>26</v>
      </c>
      <c r="AB16951">
        <v>26</v>
      </c>
      <c r="AC16951">
        <v>26</v>
      </c>
      <c r="AD16951">
        <v>27</v>
      </c>
      <c r="AE16951">
        <v>27</v>
      </c>
      <c r="AF16951">
        <v>27</v>
      </c>
      <c r="AG16951">
        <v>27</v>
      </c>
      <c r="AH16951">
        <v>27</v>
      </c>
      <c r="AI16951">
        <v>27</v>
      </c>
      <c r="AJ16951">
        <v>27</v>
      </c>
      <c r="AK16951">
        <v>27</v>
      </c>
      <c r="AL16951">
        <v>27</v>
      </c>
      <c r="AM16951">
        <v>28</v>
      </c>
      <c r="AN16951">
        <v>28</v>
      </c>
      <c r="AO16951">
        <v>28</v>
      </c>
      <c r="AP16951">
        <v>28</v>
      </c>
      <c r="AQ16951">
        <v>28</v>
      </c>
    </row>
    <row r="16952" spans="1:43">
      <c r="A16952" t="s">
        <v>10524</v>
      </c>
      <c r="B16952" t="s">
        <v>10525</v>
      </c>
      <c r="C16952" t="s">
        <v>10522</v>
      </c>
      <c r="D16952" t="s">
        <v>10523</v>
      </c>
      <c r="E16952" t="s">
        <v>10448</v>
      </c>
      <c r="F16952" t="s">
        <v>10449</v>
      </c>
      <c r="G16952" t="s">
        <v>10450</v>
      </c>
      <c r="H16952" t="s">
        <v>10451</v>
      </c>
      <c r="I16952" s="2">
        <v>1</v>
      </c>
      <c r="J16952" s="2">
        <v>0</v>
      </c>
      <c r="K16952" s="2">
        <v>0</v>
      </c>
      <c r="L16952" t="s">
        <v>120</v>
      </c>
      <c r="M16952" t="s">
        <v>89</v>
      </c>
      <c r="N16952" t="s">
        <v>90</v>
      </c>
      <c r="O16952" t="s">
        <v>85</v>
      </c>
      <c r="P16952" t="s">
        <v>86</v>
      </c>
      <c r="Q16952">
        <v>25</v>
      </c>
      <c r="R16952">
        <v>25</v>
      </c>
      <c r="S16952">
        <v>26</v>
      </c>
      <c r="T16952">
        <v>26</v>
      </c>
      <c r="U16952">
        <v>27</v>
      </c>
      <c r="V16952">
        <v>27</v>
      </c>
      <c r="W16952">
        <v>28</v>
      </c>
      <c r="X16952">
        <v>28</v>
      </c>
      <c r="Y16952">
        <v>29</v>
      </c>
      <c r="Z16952">
        <v>29</v>
      </c>
      <c r="AA16952">
        <v>30</v>
      </c>
      <c r="AB16952">
        <v>30</v>
      </c>
      <c r="AC16952">
        <v>31</v>
      </c>
      <c r="AD16952">
        <v>31</v>
      </c>
      <c r="AE16952">
        <v>31</v>
      </c>
      <c r="AF16952">
        <v>31</v>
      </c>
      <c r="AG16952">
        <v>31</v>
      </c>
      <c r="AH16952">
        <v>31</v>
      </c>
      <c r="AI16952">
        <v>31</v>
      </c>
      <c r="AJ16952">
        <v>31</v>
      </c>
      <c r="AK16952">
        <v>31</v>
      </c>
      <c r="AL16952">
        <v>31</v>
      </c>
      <c r="AM16952">
        <v>31</v>
      </c>
      <c r="AN16952">
        <v>31</v>
      </c>
      <c r="AO16952">
        <v>31</v>
      </c>
      <c r="AP16952">
        <v>31</v>
      </c>
      <c r="AQ16952">
        <v>31</v>
      </c>
    </row>
    <row r="16953" spans="1:43">
      <c r="A16953" t="s">
        <v>10524</v>
      </c>
      <c r="B16953" t="s">
        <v>10525</v>
      </c>
      <c r="C16953" t="s">
        <v>10522</v>
      </c>
      <c r="D16953" t="s">
        <v>10523</v>
      </c>
      <c r="E16953" t="s">
        <v>10448</v>
      </c>
      <c r="F16953" t="s">
        <v>10449</v>
      </c>
      <c r="G16953" t="s">
        <v>10450</v>
      </c>
      <c r="H16953" t="s">
        <v>10451</v>
      </c>
      <c r="I16953" s="2">
        <v>1</v>
      </c>
      <c r="J16953" s="2">
        <v>0</v>
      </c>
      <c r="K16953" s="2">
        <v>0</v>
      </c>
      <c r="L16953" t="s">
        <v>120</v>
      </c>
      <c r="M16953" t="s">
        <v>83</v>
      </c>
      <c r="N16953" t="s">
        <v>91</v>
      </c>
      <c r="O16953" t="s">
        <v>85</v>
      </c>
      <c r="P16953" t="s">
        <v>86</v>
      </c>
      <c r="Q16953">
        <v>25</v>
      </c>
      <c r="R16953">
        <v>26</v>
      </c>
      <c r="S16953">
        <v>26</v>
      </c>
      <c r="T16953">
        <v>26</v>
      </c>
      <c r="U16953">
        <v>27</v>
      </c>
      <c r="V16953">
        <v>27</v>
      </c>
      <c r="W16953">
        <v>27</v>
      </c>
      <c r="X16953">
        <v>28</v>
      </c>
      <c r="Y16953">
        <v>28</v>
      </c>
      <c r="Z16953">
        <v>28</v>
      </c>
      <c r="AA16953">
        <v>29</v>
      </c>
      <c r="AB16953">
        <v>29</v>
      </c>
      <c r="AC16953">
        <v>29</v>
      </c>
      <c r="AD16953">
        <v>30</v>
      </c>
      <c r="AE16953">
        <v>30</v>
      </c>
      <c r="AF16953">
        <v>30</v>
      </c>
      <c r="AG16953">
        <v>31</v>
      </c>
      <c r="AH16953">
        <v>31</v>
      </c>
      <c r="AI16953">
        <v>31</v>
      </c>
      <c r="AJ16953">
        <v>32</v>
      </c>
      <c r="AK16953">
        <v>32</v>
      </c>
      <c r="AL16953">
        <v>32</v>
      </c>
      <c r="AM16953">
        <v>32</v>
      </c>
      <c r="AN16953">
        <v>32</v>
      </c>
      <c r="AO16953">
        <v>32</v>
      </c>
      <c r="AP16953">
        <v>32</v>
      </c>
      <c r="AQ16953">
        <v>32</v>
      </c>
    </row>
    <row r="16954" spans="1:43">
      <c r="A16954" t="s">
        <v>10526</v>
      </c>
      <c r="B16954" t="s">
        <v>10527</v>
      </c>
      <c r="C16954" t="s">
        <v>10516</v>
      </c>
      <c r="D16954" t="s">
        <v>10517</v>
      </c>
      <c r="E16954" t="s">
        <v>10448</v>
      </c>
      <c r="F16954" t="s">
        <v>10449</v>
      </c>
      <c r="G16954" t="s">
        <v>10450</v>
      </c>
      <c r="H16954" t="s">
        <v>10451</v>
      </c>
      <c r="I16954" s="2">
        <v>1</v>
      </c>
      <c r="J16954" s="2">
        <v>0</v>
      </c>
      <c r="K16954" s="2">
        <v>0</v>
      </c>
      <c r="L16954" t="s">
        <v>120</v>
      </c>
      <c r="M16954" t="s">
        <v>83</v>
      </c>
      <c r="N16954" t="s">
        <v>84</v>
      </c>
      <c r="O16954" t="s">
        <v>85</v>
      </c>
      <c r="P16954" t="s">
        <v>86</v>
      </c>
      <c r="Q16954">
        <v>6</v>
      </c>
      <c r="R16954">
        <v>7</v>
      </c>
      <c r="S16954">
        <v>7</v>
      </c>
      <c r="T16954">
        <v>7</v>
      </c>
      <c r="U16954">
        <v>7</v>
      </c>
      <c r="V16954">
        <v>7</v>
      </c>
      <c r="W16954">
        <v>7</v>
      </c>
      <c r="X16954">
        <v>7</v>
      </c>
      <c r="Y16954">
        <v>7</v>
      </c>
      <c r="Z16954">
        <v>7</v>
      </c>
      <c r="AA16954">
        <v>7</v>
      </c>
      <c r="AB16954">
        <v>7</v>
      </c>
      <c r="AC16954">
        <v>8</v>
      </c>
      <c r="AD16954">
        <v>8</v>
      </c>
      <c r="AE16954">
        <v>8</v>
      </c>
      <c r="AF16954">
        <v>8</v>
      </c>
      <c r="AG16954">
        <v>8</v>
      </c>
      <c r="AH16954">
        <v>8</v>
      </c>
      <c r="AI16954">
        <v>8</v>
      </c>
      <c r="AJ16954">
        <v>8</v>
      </c>
      <c r="AK16954">
        <v>8</v>
      </c>
      <c r="AL16954">
        <v>8</v>
      </c>
      <c r="AM16954">
        <v>8</v>
      </c>
      <c r="AN16954">
        <v>8</v>
      </c>
      <c r="AO16954">
        <v>8</v>
      </c>
      <c r="AP16954">
        <v>8</v>
      </c>
      <c r="AQ16954">
        <v>8</v>
      </c>
    </row>
    <row r="16955" spans="1:43">
      <c r="A16955" t="s">
        <v>10526</v>
      </c>
      <c r="B16955" t="s">
        <v>10527</v>
      </c>
      <c r="C16955" t="s">
        <v>10516</v>
      </c>
      <c r="D16955" t="s">
        <v>10517</v>
      </c>
      <c r="E16955" t="s">
        <v>10448</v>
      </c>
      <c r="F16955" t="s">
        <v>10449</v>
      </c>
      <c r="G16955" t="s">
        <v>10450</v>
      </c>
      <c r="H16955" t="s">
        <v>10451</v>
      </c>
      <c r="I16955" s="2">
        <v>1</v>
      </c>
      <c r="J16955" s="2">
        <v>0</v>
      </c>
      <c r="K16955" s="2">
        <v>0</v>
      </c>
      <c r="L16955" t="s">
        <v>120</v>
      </c>
      <c r="M16955" t="s">
        <v>87</v>
      </c>
      <c r="N16955" t="s">
        <v>88</v>
      </c>
      <c r="O16955" t="s">
        <v>85</v>
      </c>
      <c r="P16955" t="s">
        <v>86</v>
      </c>
      <c r="Q16955">
        <v>6</v>
      </c>
      <c r="R16955">
        <v>6</v>
      </c>
      <c r="S16955">
        <v>6</v>
      </c>
      <c r="T16955">
        <v>7</v>
      </c>
      <c r="U16955">
        <v>7</v>
      </c>
      <c r="V16955">
        <v>7</v>
      </c>
      <c r="W16955">
        <v>7</v>
      </c>
      <c r="X16955">
        <v>7</v>
      </c>
      <c r="Y16955">
        <v>7</v>
      </c>
      <c r="Z16955">
        <v>7</v>
      </c>
      <c r="AA16955">
        <v>7</v>
      </c>
      <c r="AB16955">
        <v>7</v>
      </c>
      <c r="AC16955">
        <v>7</v>
      </c>
      <c r="AD16955">
        <v>7</v>
      </c>
      <c r="AE16955">
        <v>7</v>
      </c>
      <c r="AF16955">
        <v>7</v>
      </c>
      <c r="AG16955">
        <v>7</v>
      </c>
      <c r="AH16955">
        <v>7</v>
      </c>
      <c r="AI16955">
        <v>7</v>
      </c>
      <c r="AJ16955">
        <v>7</v>
      </c>
      <c r="AK16955">
        <v>7</v>
      </c>
      <c r="AL16955">
        <v>7</v>
      </c>
      <c r="AM16955">
        <v>7</v>
      </c>
      <c r="AN16955">
        <v>7</v>
      </c>
      <c r="AO16955">
        <v>7</v>
      </c>
      <c r="AP16955">
        <v>7</v>
      </c>
      <c r="AQ16955">
        <v>7</v>
      </c>
    </row>
    <row r="16956" spans="1:43">
      <c r="A16956" t="s">
        <v>10526</v>
      </c>
      <c r="B16956" t="s">
        <v>10527</v>
      </c>
      <c r="C16956" t="s">
        <v>10516</v>
      </c>
      <c r="D16956" t="s">
        <v>10517</v>
      </c>
      <c r="E16956" t="s">
        <v>10448</v>
      </c>
      <c r="F16956" t="s">
        <v>10449</v>
      </c>
      <c r="G16956" t="s">
        <v>10450</v>
      </c>
      <c r="H16956" t="s">
        <v>10451</v>
      </c>
      <c r="I16956" s="2">
        <v>1</v>
      </c>
      <c r="J16956" s="2">
        <v>0</v>
      </c>
      <c r="K16956" s="2">
        <v>0</v>
      </c>
      <c r="L16956" t="s">
        <v>120</v>
      </c>
      <c r="M16956" t="s">
        <v>89</v>
      </c>
      <c r="N16956" t="s">
        <v>90</v>
      </c>
      <c r="O16956" t="s">
        <v>85</v>
      </c>
      <c r="P16956" t="s">
        <v>86</v>
      </c>
      <c r="Q16956">
        <v>6</v>
      </c>
      <c r="R16956">
        <v>6</v>
      </c>
      <c r="S16956">
        <v>6</v>
      </c>
      <c r="T16956">
        <v>6</v>
      </c>
      <c r="U16956">
        <v>6</v>
      </c>
      <c r="V16956">
        <v>6</v>
      </c>
      <c r="W16956">
        <v>6</v>
      </c>
      <c r="X16956">
        <v>6</v>
      </c>
      <c r="Y16956">
        <v>7</v>
      </c>
      <c r="Z16956">
        <v>7</v>
      </c>
      <c r="AA16956">
        <v>7</v>
      </c>
      <c r="AB16956">
        <v>7</v>
      </c>
      <c r="AC16956">
        <v>7</v>
      </c>
      <c r="AD16956">
        <v>7</v>
      </c>
      <c r="AE16956">
        <v>7</v>
      </c>
      <c r="AF16956">
        <v>7</v>
      </c>
      <c r="AG16956">
        <v>7</v>
      </c>
      <c r="AH16956">
        <v>7</v>
      </c>
      <c r="AI16956">
        <v>7</v>
      </c>
      <c r="AJ16956">
        <v>7</v>
      </c>
      <c r="AK16956">
        <v>7</v>
      </c>
      <c r="AL16956">
        <v>7</v>
      </c>
      <c r="AM16956">
        <v>7</v>
      </c>
      <c r="AN16956">
        <v>7</v>
      </c>
      <c r="AO16956">
        <v>7</v>
      </c>
      <c r="AP16956">
        <v>7</v>
      </c>
      <c r="AQ16956">
        <v>7</v>
      </c>
    </row>
    <row r="16957" spans="1:43">
      <c r="A16957" t="s">
        <v>10526</v>
      </c>
      <c r="B16957" t="s">
        <v>10527</v>
      </c>
      <c r="C16957" t="s">
        <v>10516</v>
      </c>
      <c r="D16957" t="s">
        <v>10517</v>
      </c>
      <c r="E16957" t="s">
        <v>10448</v>
      </c>
      <c r="F16957" t="s">
        <v>10449</v>
      </c>
      <c r="G16957" t="s">
        <v>10450</v>
      </c>
      <c r="H16957" t="s">
        <v>10451</v>
      </c>
      <c r="I16957" s="2">
        <v>1</v>
      </c>
      <c r="J16957" s="2">
        <v>0</v>
      </c>
      <c r="K16957" s="2">
        <v>0</v>
      </c>
      <c r="L16957" t="s">
        <v>120</v>
      </c>
      <c r="M16957" t="s">
        <v>83</v>
      </c>
      <c r="N16957" t="s">
        <v>91</v>
      </c>
      <c r="O16957" t="s">
        <v>85</v>
      </c>
      <c r="P16957" t="s">
        <v>86</v>
      </c>
      <c r="Q16957">
        <v>6</v>
      </c>
      <c r="R16957">
        <v>7</v>
      </c>
      <c r="S16957">
        <v>7</v>
      </c>
      <c r="T16957">
        <v>7</v>
      </c>
      <c r="U16957">
        <v>7</v>
      </c>
      <c r="V16957">
        <v>7</v>
      </c>
      <c r="W16957">
        <v>7</v>
      </c>
      <c r="X16957">
        <v>7</v>
      </c>
      <c r="Y16957">
        <v>7</v>
      </c>
      <c r="Z16957">
        <v>7</v>
      </c>
      <c r="AA16957">
        <v>7</v>
      </c>
      <c r="AB16957">
        <v>7</v>
      </c>
      <c r="AC16957">
        <v>8</v>
      </c>
      <c r="AD16957">
        <v>8</v>
      </c>
      <c r="AE16957">
        <v>8</v>
      </c>
      <c r="AF16957">
        <v>8</v>
      </c>
      <c r="AG16957">
        <v>8</v>
      </c>
      <c r="AH16957">
        <v>8</v>
      </c>
      <c r="AI16957">
        <v>8</v>
      </c>
      <c r="AJ16957">
        <v>8</v>
      </c>
      <c r="AK16957">
        <v>8</v>
      </c>
      <c r="AL16957">
        <v>8</v>
      </c>
      <c r="AM16957">
        <v>8</v>
      </c>
      <c r="AN16957">
        <v>8</v>
      </c>
      <c r="AO16957">
        <v>8</v>
      </c>
      <c r="AP16957">
        <v>8</v>
      </c>
      <c r="AQ16957">
        <v>8</v>
      </c>
    </row>
    <row r="16958" spans="1:43">
      <c r="A16958" t="s">
        <v>10528</v>
      </c>
      <c r="B16958" t="s">
        <v>10529</v>
      </c>
      <c r="C16958" t="s">
        <v>10530</v>
      </c>
      <c r="D16958" t="s">
        <v>10531</v>
      </c>
      <c r="E16958" t="s">
        <v>10448</v>
      </c>
      <c r="F16958" t="s">
        <v>10449</v>
      </c>
      <c r="G16958" t="s">
        <v>10450</v>
      </c>
      <c r="H16958" t="s">
        <v>10451</v>
      </c>
      <c r="I16958" s="2">
        <v>1</v>
      </c>
      <c r="J16958" s="2">
        <v>0</v>
      </c>
      <c r="K16958" s="2">
        <v>0</v>
      </c>
      <c r="L16958" t="s">
        <v>120</v>
      </c>
      <c r="M16958" t="s">
        <v>83</v>
      </c>
      <c r="N16958" t="s">
        <v>84</v>
      </c>
      <c r="O16958" t="s">
        <v>85</v>
      </c>
      <c r="P16958" t="s">
        <v>86</v>
      </c>
      <c r="Q16958">
        <v>22</v>
      </c>
      <c r="R16958">
        <v>22</v>
      </c>
      <c r="S16958">
        <v>22</v>
      </c>
      <c r="T16958">
        <v>23</v>
      </c>
      <c r="U16958">
        <v>23</v>
      </c>
      <c r="V16958">
        <v>23</v>
      </c>
      <c r="W16958">
        <v>24</v>
      </c>
      <c r="X16958">
        <v>24</v>
      </c>
      <c r="Y16958">
        <v>24</v>
      </c>
      <c r="Z16958">
        <v>24</v>
      </c>
      <c r="AA16958">
        <v>25</v>
      </c>
      <c r="AB16958">
        <v>25</v>
      </c>
      <c r="AC16958">
        <v>25</v>
      </c>
      <c r="AD16958">
        <v>26</v>
      </c>
      <c r="AE16958">
        <v>26</v>
      </c>
      <c r="AF16958">
        <v>26</v>
      </c>
      <c r="AG16958">
        <v>26</v>
      </c>
      <c r="AH16958">
        <v>27</v>
      </c>
      <c r="AI16958">
        <v>27</v>
      </c>
      <c r="AJ16958">
        <v>27</v>
      </c>
      <c r="AK16958">
        <v>28</v>
      </c>
      <c r="AL16958">
        <v>28</v>
      </c>
      <c r="AM16958">
        <v>28</v>
      </c>
      <c r="AN16958">
        <v>28</v>
      </c>
      <c r="AO16958">
        <v>28</v>
      </c>
      <c r="AP16958">
        <v>28</v>
      </c>
      <c r="AQ16958">
        <v>28</v>
      </c>
    </row>
    <row r="16959" spans="1:43">
      <c r="A16959" t="s">
        <v>10528</v>
      </c>
      <c r="B16959" t="s">
        <v>10529</v>
      </c>
      <c r="C16959" t="s">
        <v>10530</v>
      </c>
      <c r="D16959" t="s">
        <v>10531</v>
      </c>
      <c r="E16959" t="s">
        <v>10448</v>
      </c>
      <c r="F16959" t="s">
        <v>10449</v>
      </c>
      <c r="G16959" t="s">
        <v>10450</v>
      </c>
      <c r="H16959" t="s">
        <v>10451</v>
      </c>
      <c r="I16959" s="2">
        <v>1</v>
      </c>
      <c r="J16959" s="2">
        <v>0</v>
      </c>
      <c r="K16959" s="2">
        <v>0</v>
      </c>
      <c r="L16959" t="s">
        <v>120</v>
      </c>
      <c r="M16959" t="s">
        <v>87</v>
      </c>
      <c r="N16959" t="s">
        <v>88</v>
      </c>
      <c r="O16959" t="s">
        <v>85</v>
      </c>
      <c r="P16959" t="s">
        <v>86</v>
      </c>
      <c r="Q16959">
        <v>22</v>
      </c>
      <c r="R16959">
        <v>22</v>
      </c>
      <c r="S16959">
        <v>22</v>
      </c>
      <c r="T16959">
        <v>22</v>
      </c>
      <c r="U16959">
        <v>22</v>
      </c>
      <c r="V16959">
        <v>22</v>
      </c>
      <c r="W16959">
        <v>22</v>
      </c>
      <c r="X16959">
        <v>22</v>
      </c>
      <c r="Y16959">
        <v>22</v>
      </c>
      <c r="Z16959">
        <v>22</v>
      </c>
      <c r="AA16959">
        <v>23</v>
      </c>
      <c r="AB16959">
        <v>23</v>
      </c>
      <c r="AC16959">
        <v>23</v>
      </c>
      <c r="AD16959">
        <v>23</v>
      </c>
      <c r="AE16959">
        <v>23</v>
      </c>
      <c r="AF16959">
        <v>23</v>
      </c>
      <c r="AG16959">
        <v>23</v>
      </c>
      <c r="AH16959">
        <v>23</v>
      </c>
      <c r="AI16959">
        <v>23</v>
      </c>
      <c r="AJ16959">
        <v>23</v>
      </c>
      <c r="AK16959">
        <v>24</v>
      </c>
      <c r="AL16959">
        <v>24</v>
      </c>
      <c r="AM16959">
        <v>24</v>
      </c>
      <c r="AN16959">
        <v>24</v>
      </c>
      <c r="AO16959">
        <v>24</v>
      </c>
      <c r="AP16959">
        <v>24</v>
      </c>
      <c r="AQ16959">
        <v>24</v>
      </c>
    </row>
    <row r="16960" spans="1:43">
      <c r="A16960" t="s">
        <v>10528</v>
      </c>
      <c r="B16960" t="s">
        <v>10529</v>
      </c>
      <c r="C16960" t="s">
        <v>10530</v>
      </c>
      <c r="D16960" t="s">
        <v>10531</v>
      </c>
      <c r="E16960" t="s">
        <v>10448</v>
      </c>
      <c r="F16960" t="s">
        <v>10449</v>
      </c>
      <c r="G16960" t="s">
        <v>10450</v>
      </c>
      <c r="H16960" t="s">
        <v>10451</v>
      </c>
      <c r="I16960" s="2">
        <v>1</v>
      </c>
      <c r="J16960" s="2">
        <v>0</v>
      </c>
      <c r="K16960" s="2">
        <v>0</v>
      </c>
      <c r="L16960" t="s">
        <v>120</v>
      </c>
      <c r="M16960" t="s">
        <v>89</v>
      </c>
      <c r="N16960" t="s">
        <v>90</v>
      </c>
      <c r="O16960" t="s">
        <v>85</v>
      </c>
      <c r="P16960" t="s">
        <v>86</v>
      </c>
      <c r="Q16960">
        <v>22</v>
      </c>
      <c r="R16960">
        <v>22</v>
      </c>
      <c r="S16960">
        <v>23</v>
      </c>
      <c r="T16960">
        <v>23</v>
      </c>
      <c r="U16960">
        <v>24</v>
      </c>
      <c r="V16960">
        <v>24</v>
      </c>
      <c r="W16960">
        <v>25</v>
      </c>
      <c r="X16960">
        <v>25</v>
      </c>
      <c r="Y16960">
        <v>26</v>
      </c>
      <c r="Z16960">
        <v>26</v>
      </c>
      <c r="AA16960">
        <v>26</v>
      </c>
      <c r="AB16960">
        <v>27</v>
      </c>
      <c r="AC16960">
        <v>27</v>
      </c>
      <c r="AD16960">
        <v>27</v>
      </c>
      <c r="AE16960">
        <v>28</v>
      </c>
      <c r="AF16960">
        <v>28</v>
      </c>
      <c r="AG16960">
        <v>28</v>
      </c>
      <c r="AH16960">
        <v>28</v>
      </c>
      <c r="AI16960">
        <v>28</v>
      </c>
      <c r="AJ16960">
        <v>28</v>
      </c>
      <c r="AK16960">
        <v>28</v>
      </c>
      <c r="AL16960">
        <v>28</v>
      </c>
      <c r="AM16960">
        <v>28</v>
      </c>
      <c r="AN16960">
        <v>28</v>
      </c>
      <c r="AO16960">
        <v>28</v>
      </c>
      <c r="AP16960">
        <v>28</v>
      </c>
      <c r="AQ16960">
        <v>28</v>
      </c>
    </row>
    <row r="16961" spans="1:43">
      <c r="A16961" t="s">
        <v>10528</v>
      </c>
      <c r="B16961" t="s">
        <v>10529</v>
      </c>
      <c r="C16961" t="s">
        <v>10530</v>
      </c>
      <c r="D16961" t="s">
        <v>10531</v>
      </c>
      <c r="E16961" t="s">
        <v>10448</v>
      </c>
      <c r="F16961" t="s">
        <v>10449</v>
      </c>
      <c r="G16961" t="s">
        <v>10450</v>
      </c>
      <c r="H16961" t="s">
        <v>10451</v>
      </c>
      <c r="I16961" s="2">
        <v>1</v>
      </c>
      <c r="J16961" s="2">
        <v>0</v>
      </c>
      <c r="K16961" s="2">
        <v>0</v>
      </c>
      <c r="L16961" t="s">
        <v>120</v>
      </c>
      <c r="M16961" t="s">
        <v>83</v>
      </c>
      <c r="N16961" t="s">
        <v>91</v>
      </c>
      <c r="O16961" t="s">
        <v>85</v>
      </c>
      <c r="P16961" t="s">
        <v>86</v>
      </c>
      <c r="Q16961">
        <v>22</v>
      </c>
      <c r="R16961">
        <v>22</v>
      </c>
      <c r="S16961">
        <v>22</v>
      </c>
      <c r="T16961">
        <v>23</v>
      </c>
      <c r="U16961">
        <v>23</v>
      </c>
      <c r="V16961">
        <v>23</v>
      </c>
      <c r="W16961">
        <v>24</v>
      </c>
      <c r="X16961">
        <v>24</v>
      </c>
      <c r="Y16961">
        <v>24</v>
      </c>
      <c r="Z16961">
        <v>24</v>
      </c>
      <c r="AA16961">
        <v>25</v>
      </c>
      <c r="AB16961">
        <v>25</v>
      </c>
      <c r="AC16961">
        <v>25</v>
      </c>
      <c r="AD16961">
        <v>26</v>
      </c>
      <c r="AE16961">
        <v>26</v>
      </c>
      <c r="AF16961">
        <v>26</v>
      </c>
      <c r="AG16961">
        <v>26</v>
      </c>
      <c r="AH16961">
        <v>27</v>
      </c>
      <c r="AI16961">
        <v>27</v>
      </c>
      <c r="AJ16961">
        <v>27</v>
      </c>
      <c r="AK16961">
        <v>28</v>
      </c>
      <c r="AL16961">
        <v>28</v>
      </c>
      <c r="AM16961">
        <v>28</v>
      </c>
      <c r="AN16961">
        <v>28</v>
      </c>
      <c r="AO16961">
        <v>28</v>
      </c>
      <c r="AP16961">
        <v>28</v>
      </c>
      <c r="AQ16961">
        <v>28</v>
      </c>
    </row>
    <row r="16962" spans="1:43">
      <c r="A16962" t="s">
        <v>10532</v>
      </c>
      <c r="B16962" t="s">
        <v>10533</v>
      </c>
      <c r="C16962" t="s">
        <v>10462</v>
      </c>
      <c r="D16962" t="s">
        <v>10463</v>
      </c>
      <c r="E16962" t="s">
        <v>10448</v>
      </c>
      <c r="F16962" t="s">
        <v>10449</v>
      </c>
      <c r="G16962" t="s">
        <v>10450</v>
      </c>
      <c r="H16962" t="s">
        <v>10451</v>
      </c>
      <c r="I16962" s="2">
        <v>1</v>
      </c>
      <c r="J16962" s="2">
        <v>0</v>
      </c>
      <c r="K16962" s="2">
        <v>0</v>
      </c>
      <c r="L16962" t="s">
        <v>120</v>
      </c>
      <c r="M16962" t="s">
        <v>83</v>
      </c>
      <c r="N16962" t="s">
        <v>84</v>
      </c>
      <c r="O16962" t="s">
        <v>85</v>
      </c>
      <c r="P16962" t="s">
        <v>86</v>
      </c>
      <c r="Q16962">
        <v>30</v>
      </c>
      <c r="R16962">
        <v>31</v>
      </c>
      <c r="S16962">
        <v>31</v>
      </c>
      <c r="T16962">
        <v>31</v>
      </c>
      <c r="U16962">
        <v>32</v>
      </c>
      <c r="V16962">
        <v>32</v>
      </c>
      <c r="W16962">
        <v>33</v>
      </c>
      <c r="X16962">
        <v>33</v>
      </c>
      <c r="Y16962">
        <v>33</v>
      </c>
      <c r="Z16962">
        <v>34</v>
      </c>
      <c r="AA16962">
        <v>34</v>
      </c>
      <c r="AB16962">
        <v>35</v>
      </c>
      <c r="AC16962">
        <v>35</v>
      </c>
      <c r="AD16962">
        <v>35</v>
      </c>
      <c r="AE16962">
        <v>36</v>
      </c>
      <c r="AF16962">
        <v>36</v>
      </c>
      <c r="AG16962">
        <v>37</v>
      </c>
      <c r="AH16962">
        <v>37</v>
      </c>
      <c r="AI16962">
        <v>37</v>
      </c>
      <c r="AJ16962">
        <v>38</v>
      </c>
      <c r="AK16962">
        <v>38</v>
      </c>
      <c r="AL16962">
        <v>38</v>
      </c>
      <c r="AM16962">
        <v>38</v>
      </c>
      <c r="AN16962">
        <v>38</v>
      </c>
      <c r="AO16962">
        <v>38</v>
      </c>
      <c r="AP16962">
        <v>39</v>
      </c>
      <c r="AQ16962">
        <v>39</v>
      </c>
    </row>
    <row r="16963" spans="1:43">
      <c r="A16963" t="s">
        <v>10532</v>
      </c>
      <c r="B16963" t="s">
        <v>10533</v>
      </c>
      <c r="C16963" t="s">
        <v>10462</v>
      </c>
      <c r="D16963" t="s">
        <v>10463</v>
      </c>
      <c r="E16963" t="s">
        <v>10448</v>
      </c>
      <c r="F16963" t="s">
        <v>10449</v>
      </c>
      <c r="G16963" t="s">
        <v>10450</v>
      </c>
      <c r="H16963" t="s">
        <v>10451</v>
      </c>
      <c r="I16963" s="2">
        <v>1</v>
      </c>
      <c r="J16963" s="2">
        <v>0</v>
      </c>
      <c r="K16963" s="2">
        <v>0</v>
      </c>
      <c r="L16963" t="s">
        <v>120</v>
      </c>
      <c r="M16963" t="s">
        <v>87</v>
      </c>
      <c r="N16963" t="s">
        <v>88</v>
      </c>
      <c r="O16963" t="s">
        <v>85</v>
      </c>
      <c r="P16963" t="s">
        <v>86</v>
      </c>
      <c r="Q16963">
        <v>30</v>
      </c>
      <c r="R16963">
        <v>30</v>
      </c>
      <c r="S16963">
        <v>30</v>
      </c>
      <c r="T16963">
        <v>30</v>
      </c>
      <c r="U16963">
        <v>30</v>
      </c>
      <c r="V16963">
        <v>31</v>
      </c>
      <c r="W16963">
        <v>31</v>
      </c>
      <c r="X16963">
        <v>31</v>
      </c>
      <c r="Y16963">
        <v>31</v>
      </c>
      <c r="Z16963">
        <v>31</v>
      </c>
      <c r="AA16963">
        <v>31</v>
      </c>
      <c r="AB16963">
        <v>31</v>
      </c>
      <c r="AC16963">
        <v>32</v>
      </c>
      <c r="AD16963">
        <v>32</v>
      </c>
      <c r="AE16963">
        <v>32</v>
      </c>
      <c r="AF16963">
        <v>32</v>
      </c>
      <c r="AG16963">
        <v>32</v>
      </c>
      <c r="AH16963">
        <v>32</v>
      </c>
      <c r="AI16963">
        <v>32</v>
      </c>
      <c r="AJ16963">
        <v>32</v>
      </c>
      <c r="AK16963">
        <v>33</v>
      </c>
      <c r="AL16963">
        <v>33</v>
      </c>
      <c r="AM16963">
        <v>33</v>
      </c>
      <c r="AN16963">
        <v>33</v>
      </c>
      <c r="AO16963">
        <v>33</v>
      </c>
      <c r="AP16963">
        <v>33</v>
      </c>
      <c r="AQ16963">
        <v>33</v>
      </c>
    </row>
    <row r="16964" spans="1:43">
      <c r="A16964" t="s">
        <v>10532</v>
      </c>
      <c r="B16964" t="s">
        <v>10533</v>
      </c>
      <c r="C16964" t="s">
        <v>10462</v>
      </c>
      <c r="D16964" t="s">
        <v>10463</v>
      </c>
      <c r="E16964" t="s">
        <v>10448</v>
      </c>
      <c r="F16964" t="s">
        <v>10449</v>
      </c>
      <c r="G16964" t="s">
        <v>10450</v>
      </c>
      <c r="H16964" t="s">
        <v>10451</v>
      </c>
      <c r="I16964" s="2">
        <v>1</v>
      </c>
      <c r="J16964" s="2">
        <v>0</v>
      </c>
      <c r="K16964" s="2">
        <v>0</v>
      </c>
      <c r="L16964" t="s">
        <v>120</v>
      </c>
      <c r="M16964" t="s">
        <v>89</v>
      </c>
      <c r="N16964" t="s">
        <v>90</v>
      </c>
      <c r="O16964" t="s">
        <v>85</v>
      </c>
      <c r="P16964" t="s">
        <v>86</v>
      </c>
      <c r="Q16964">
        <v>30</v>
      </c>
      <c r="R16964">
        <v>31</v>
      </c>
      <c r="S16964">
        <v>32</v>
      </c>
      <c r="T16964">
        <v>32</v>
      </c>
      <c r="U16964">
        <v>33</v>
      </c>
      <c r="V16964">
        <v>34</v>
      </c>
      <c r="W16964">
        <v>34</v>
      </c>
      <c r="X16964">
        <v>35</v>
      </c>
      <c r="Y16964">
        <v>35</v>
      </c>
      <c r="Z16964">
        <v>36</v>
      </c>
      <c r="AA16964">
        <v>36</v>
      </c>
      <c r="AB16964">
        <v>37</v>
      </c>
      <c r="AC16964">
        <v>38</v>
      </c>
      <c r="AD16964">
        <v>38</v>
      </c>
      <c r="AE16964">
        <v>38</v>
      </c>
      <c r="AF16964">
        <v>39</v>
      </c>
      <c r="AG16964">
        <v>39</v>
      </c>
      <c r="AH16964">
        <v>39</v>
      </c>
      <c r="AI16964">
        <v>39</v>
      </c>
      <c r="AJ16964">
        <v>39</v>
      </c>
      <c r="AK16964">
        <v>39</v>
      </c>
      <c r="AL16964">
        <v>39</v>
      </c>
      <c r="AM16964">
        <v>39</v>
      </c>
      <c r="AN16964">
        <v>39</v>
      </c>
      <c r="AO16964">
        <v>39</v>
      </c>
      <c r="AP16964">
        <v>39</v>
      </c>
      <c r="AQ16964">
        <v>39</v>
      </c>
    </row>
    <row r="16965" spans="1:43">
      <c r="A16965" t="s">
        <v>10532</v>
      </c>
      <c r="B16965" t="s">
        <v>10533</v>
      </c>
      <c r="C16965" t="s">
        <v>10462</v>
      </c>
      <c r="D16965" t="s">
        <v>10463</v>
      </c>
      <c r="E16965" t="s">
        <v>10448</v>
      </c>
      <c r="F16965" t="s">
        <v>10449</v>
      </c>
      <c r="G16965" t="s">
        <v>10450</v>
      </c>
      <c r="H16965" t="s">
        <v>10451</v>
      </c>
      <c r="I16965" s="2">
        <v>1</v>
      </c>
      <c r="J16965" s="2">
        <v>0</v>
      </c>
      <c r="K16965" s="2">
        <v>0</v>
      </c>
      <c r="L16965" t="s">
        <v>120</v>
      </c>
      <c r="M16965" t="s">
        <v>83</v>
      </c>
      <c r="N16965" t="s">
        <v>91</v>
      </c>
      <c r="O16965" t="s">
        <v>85</v>
      </c>
      <c r="P16965" t="s">
        <v>86</v>
      </c>
      <c r="Q16965">
        <v>30</v>
      </c>
      <c r="R16965">
        <v>31</v>
      </c>
      <c r="S16965">
        <v>31</v>
      </c>
      <c r="T16965">
        <v>31</v>
      </c>
      <c r="U16965">
        <v>32</v>
      </c>
      <c r="V16965">
        <v>32</v>
      </c>
      <c r="W16965">
        <v>33</v>
      </c>
      <c r="X16965">
        <v>33</v>
      </c>
      <c r="Y16965">
        <v>33</v>
      </c>
      <c r="Z16965">
        <v>34</v>
      </c>
      <c r="AA16965">
        <v>34</v>
      </c>
      <c r="AB16965">
        <v>35</v>
      </c>
      <c r="AC16965">
        <v>35</v>
      </c>
      <c r="AD16965">
        <v>35</v>
      </c>
      <c r="AE16965">
        <v>36</v>
      </c>
      <c r="AF16965">
        <v>36</v>
      </c>
      <c r="AG16965">
        <v>37</v>
      </c>
      <c r="AH16965">
        <v>37</v>
      </c>
      <c r="AI16965">
        <v>37</v>
      </c>
      <c r="AJ16965">
        <v>38</v>
      </c>
      <c r="AK16965">
        <v>38</v>
      </c>
      <c r="AL16965">
        <v>38</v>
      </c>
      <c r="AM16965">
        <v>38</v>
      </c>
      <c r="AN16965">
        <v>38</v>
      </c>
      <c r="AO16965">
        <v>38</v>
      </c>
      <c r="AP16965">
        <v>39</v>
      </c>
      <c r="AQ16965">
        <v>39</v>
      </c>
    </row>
    <row r="16966" spans="1:43">
      <c r="A16966" t="s">
        <v>10534</v>
      </c>
      <c r="B16966" t="s">
        <v>10535</v>
      </c>
      <c r="C16966" t="s">
        <v>10476</v>
      </c>
      <c r="D16966" t="s">
        <v>10477</v>
      </c>
      <c r="E16966" t="s">
        <v>10448</v>
      </c>
      <c r="F16966" t="s">
        <v>10449</v>
      </c>
      <c r="G16966" t="s">
        <v>10450</v>
      </c>
      <c r="H16966" t="s">
        <v>10451</v>
      </c>
      <c r="I16966" s="2">
        <v>1</v>
      </c>
      <c r="J16966" s="2">
        <v>0</v>
      </c>
      <c r="K16966" s="2">
        <v>0</v>
      </c>
      <c r="L16966" t="s">
        <v>120</v>
      </c>
      <c r="M16966" t="s">
        <v>83</v>
      </c>
      <c r="N16966" t="s">
        <v>84</v>
      </c>
      <c r="O16966" t="s">
        <v>85</v>
      </c>
      <c r="P16966" t="s">
        <v>86</v>
      </c>
      <c r="Q16966">
        <v>16</v>
      </c>
      <c r="R16966">
        <v>16</v>
      </c>
      <c r="S16966">
        <v>16</v>
      </c>
      <c r="T16966">
        <v>16</v>
      </c>
      <c r="U16966">
        <v>17</v>
      </c>
      <c r="V16966">
        <v>17</v>
      </c>
      <c r="W16966">
        <v>17</v>
      </c>
      <c r="X16966">
        <v>17</v>
      </c>
      <c r="Y16966">
        <v>17</v>
      </c>
      <c r="Z16966">
        <v>18</v>
      </c>
      <c r="AA16966">
        <v>18</v>
      </c>
      <c r="AB16966">
        <v>18</v>
      </c>
      <c r="AC16966">
        <v>18</v>
      </c>
      <c r="AD16966">
        <v>18</v>
      </c>
      <c r="AE16966">
        <v>19</v>
      </c>
      <c r="AF16966">
        <v>19</v>
      </c>
      <c r="AG16966">
        <v>19</v>
      </c>
      <c r="AH16966">
        <v>19</v>
      </c>
      <c r="AI16966">
        <v>19</v>
      </c>
      <c r="AJ16966">
        <v>20</v>
      </c>
      <c r="AK16966">
        <v>20</v>
      </c>
      <c r="AL16966">
        <v>20</v>
      </c>
      <c r="AM16966">
        <v>20</v>
      </c>
      <c r="AN16966">
        <v>20</v>
      </c>
      <c r="AO16966">
        <v>20</v>
      </c>
      <c r="AP16966">
        <v>20</v>
      </c>
      <c r="AQ16966">
        <v>20</v>
      </c>
    </row>
    <row r="16967" spans="1:43">
      <c r="A16967" t="s">
        <v>10534</v>
      </c>
      <c r="B16967" t="s">
        <v>10535</v>
      </c>
      <c r="C16967" t="s">
        <v>10476</v>
      </c>
      <c r="D16967" t="s">
        <v>10477</v>
      </c>
      <c r="E16967" t="s">
        <v>10448</v>
      </c>
      <c r="F16967" t="s">
        <v>10449</v>
      </c>
      <c r="G16967" t="s">
        <v>10450</v>
      </c>
      <c r="H16967" t="s">
        <v>10451</v>
      </c>
      <c r="I16967" s="2">
        <v>1</v>
      </c>
      <c r="J16967" s="2">
        <v>0</v>
      </c>
      <c r="K16967" s="2">
        <v>0</v>
      </c>
      <c r="L16967" t="s">
        <v>120</v>
      </c>
      <c r="M16967" t="s">
        <v>87</v>
      </c>
      <c r="N16967" t="s">
        <v>88</v>
      </c>
      <c r="O16967" t="s">
        <v>85</v>
      </c>
      <c r="P16967" t="s">
        <v>86</v>
      </c>
      <c r="Q16967">
        <v>16</v>
      </c>
      <c r="R16967">
        <v>16</v>
      </c>
      <c r="S16967">
        <v>16</v>
      </c>
      <c r="T16967">
        <v>16</v>
      </c>
      <c r="U16967">
        <v>16</v>
      </c>
      <c r="V16967">
        <v>16</v>
      </c>
      <c r="W16967">
        <v>16</v>
      </c>
      <c r="X16967">
        <v>16</v>
      </c>
      <c r="Y16967">
        <v>16</v>
      </c>
      <c r="Z16967">
        <v>16</v>
      </c>
      <c r="AA16967">
        <v>16</v>
      </c>
      <c r="AB16967">
        <v>16</v>
      </c>
      <c r="AC16967">
        <v>16</v>
      </c>
      <c r="AD16967">
        <v>17</v>
      </c>
      <c r="AE16967">
        <v>17</v>
      </c>
      <c r="AF16967">
        <v>17</v>
      </c>
      <c r="AG16967">
        <v>17</v>
      </c>
      <c r="AH16967">
        <v>17</v>
      </c>
      <c r="AI16967">
        <v>17</v>
      </c>
      <c r="AJ16967">
        <v>17</v>
      </c>
      <c r="AK16967">
        <v>17</v>
      </c>
      <c r="AL16967">
        <v>17</v>
      </c>
      <c r="AM16967">
        <v>17</v>
      </c>
      <c r="AN16967">
        <v>17</v>
      </c>
      <c r="AO16967">
        <v>17</v>
      </c>
      <c r="AP16967">
        <v>17</v>
      </c>
      <c r="AQ16967">
        <v>17</v>
      </c>
    </row>
    <row r="16968" spans="1:43">
      <c r="A16968" t="s">
        <v>10534</v>
      </c>
      <c r="B16968" t="s">
        <v>10535</v>
      </c>
      <c r="C16968" t="s">
        <v>10476</v>
      </c>
      <c r="D16968" t="s">
        <v>10477</v>
      </c>
      <c r="E16968" t="s">
        <v>10448</v>
      </c>
      <c r="F16968" t="s">
        <v>10449</v>
      </c>
      <c r="G16968" t="s">
        <v>10450</v>
      </c>
      <c r="H16968" t="s">
        <v>10451</v>
      </c>
      <c r="I16968" s="2">
        <v>1</v>
      </c>
      <c r="J16968" s="2">
        <v>0</v>
      </c>
      <c r="K16968" s="2">
        <v>0</v>
      </c>
      <c r="L16968" t="s">
        <v>120</v>
      </c>
      <c r="M16968" t="s">
        <v>89</v>
      </c>
      <c r="N16968" t="s">
        <v>90</v>
      </c>
      <c r="O16968" t="s">
        <v>85</v>
      </c>
      <c r="P16968" t="s">
        <v>86</v>
      </c>
      <c r="Q16968">
        <v>16</v>
      </c>
      <c r="R16968">
        <v>16</v>
      </c>
      <c r="S16968">
        <v>17</v>
      </c>
      <c r="T16968">
        <v>17</v>
      </c>
      <c r="U16968">
        <v>17</v>
      </c>
      <c r="V16968">
        <v>18</v>
      </c>
      <c r="W16968">
        <v>18</v>
      </c>
      <c r="X16968">
        <v>18</v>
      </c>
      <c r="Y16968">
        <v>18</v>
      </c>
      <c r="Z16968">
        <v>19</v>
      </c>
      <c r="AA16968">
        <v>19</v>
      </c>
      <c r="AB16968">
        <v>19</v>
      </c>
      <c r="AC16968">
        <v>20</v>
      </c>
      <c r="AD16968">
        <v>20</v>
      </c>
      <c r="AE16968">
        <v>20</v>
      </c>
      <c r="AF16968">
        <v>20</v>
      </c>
      <c r="AG16968">
        <v>20</v>
      </c>
      <c r="AH16968">
        <v>20</v>
      </c>
      <c r="AI16968">
        <v>20</v>
      </c>
      <c r="AJ16968">
        <v>20</v>
      </c>
      <c r="AK16968">
        <v>20</v>
      </c>
      <c r="AL16968">
        <v>20</v>
      </c>
      <c r="AM16968">
        <v>20</v>
      </c>
      <c r="AN16968">
        <v>20</v>
      </c>
      <c r="AO16968">
        <v>20</v>
      </c>
      <c r="AP16968">
        <v>20</v>
      </c>
      <c r="AQ16968">
        <v>20</v>
      </c>
    </row>
    <row r="16969" spans="1:43">
      <c r="A16969" t="s">
        <v>10534</v>
      </c>
      <c r="B16969" t="s">
        <v>10535</v>
      </c>
      <c r="C16969" t="s">
        <v>10476</v>
      </c>
      <c r="D16969" t="s">
        <v>10477</v>
      </c>
      <c r="E16969" t="s">
        <v>10448</v>
      </c>
      <c r="F16969" t="s">
        <v>10449</v>
      </c>
      <c r="G16969" t="s">
        <v>10450</v>
      </c>
      <c r="H16969" t="s">
        <v>10451</v>
      </c>
      <c r="I16969" s="2">
        <v>1</v>
      </c>
      <c r="J16969" s="2">
        <v>0</v>
      </c>
      <c r="K16969" s="2">
        <v>0</v>
      </c>
      <c r="L16969" t="s">
        <v>120</v>
      </c>
      <c r="M16969" t="s">
        <v>83</v>
      </c>
      <c r="N16969" t="s">
        <v>91</v>
      </c>
      <c r="O16969" t="s">
        <v>85</v>
      </c>
      <c r="P16969" t="s">
        <v>86</v>
      </c>
      <c r="Q16969">
        <v>16</v>
      </c>
      <c r="R16969">
        <v>16</v>
      </c>
      <c r="S16969">
        <v>16</v>
      </c>
      <c r="T16969">
        <v>16</v>
      </c>
      <c r="U16969">
        <v>17</v>
      </c>
      <c r="V16969">
        <v>17</v>
      </c>
      <c r="W16969">
        <v>17</v>
      </c>
      <c r="X16969">
        <v>17</v>
      </c>
      <c r="Y16969">
        <v>17</v>
      </c>
      <c r="Z16969">
        <v>18</v>
      </c>
      <c r="AA16969">
        <v>18</v>
      </c>
      <c r="AB16969">
        <v>18</v>
      </c>
      <c r="AC16969">
        <v>18</v>
      </c>
      <c r="AD16969">
        <v>18</v>
      </c>
      <c r="AE16969">
        <v>19</v>
      </c>
      <c r="AF16969">
        <v>19</v>
      </c>
      <c r="AG16969">
        <v>19</v>
      </c>
      <c r="AH16969">
        <v>19</v>
      </c>
      <c r="AI16969">
        <v>19</v>
      </c>
      <c r="AJ16969">
        <v>20</v>
      </c>
      <c r="AK16969">
        <v>20</v>
      </c>
      <c r="AL16969">
        <v>20</v>
      </c>
      <c r="AM16969">
        <v>20</v>
      </c>
      <c r="AN16969">
        <v>20</v>
      </c>
      <c r="AO16969">
        <v>20</v>
      </c>
      <c r="AP16969">
        <v>20</v>
      </c>
      <c r="AQ16969">
        <v>20</v>
      </c>
    </row>
    <row r="16970" spans="1:43">
      <c r="A16970" t="s">
        <v>10536</v>
      </c>
      <c r="B16970" t="s">
        <v>10537</v>
      </c>
      <c r="C16970" t="s">
        <v>10462</v>
      </c>
      <c r="D16970" t="s">
        <v>10463</v>
      </c>
      <c r="E16970" t="s">
        <v>10448</v>
      </c>
      <c r="F16970" t="s">
        <v>10449</v>
      </c>
      <c r="G16970" t="s">
        <v>10450</v>
      </c>
      <c r="H16970" t="s">
        <v>10451</v>
      </c>
      <c r="I16970" s="2">
        <v>1</v>
      </c>
      <c r="J16970" s="2">
        <v>0</v>
      </c>
      <c r="K16970" s="2">
        <v>0</v>
      </c>
      <c r="L16970" t="s">
        <v>120</v>
      </c>
      <c r="M16970" t="s">
        <v>83</v>
      </c>
      <c r="N16970" t="s">
        <v>84</v>
      </c>
      <c r="O16970" t="s">
        <v>85</v>
      </c>
      <c r="P16970" t="s">
        <v>86</v>
      </c>
      <c r="Q16970">
        <v>71</v>
      </c>
      <c r="R16970">
        <v>72</v>
      </c>
      <c r="S16970">
        <v>73</v>
      </c>
      <c r="T16970">
        <v>74</v>
      </c>
      <c r="U16970">
        <v>75</v>
      </c>
      <c r="V16970">
        <v>76</v>
      </c>
      <c r="W16970">
        <v>77</v>
      </c>
      <c r="X16970">
        <v>78</v>
      </c>
      <c r="Y16970">
        <v>79</v>
      </c>
      <c r="Z16970">
        <v>80</v>
      </c>
      <c r="AA16970">
        <v>81</v>
      </c>
      <c r="AB16970">
        <v>82</v>
      </c>
      <c r="AC16970">
        <v>83</v>
      </c>
      <c r="AD16970">
        <v>84</v>
      </c>
      <c r="AE16970">
        <v>85</v>
      </c>
      <c r="AF16970">
        <v>86</v>
      </c>
      <c r="AG16970">
        <v>87</v>
      </c>
      <c r="AH16970">
        <v>88</v>
      </c>
      <c r="AI16970">
        <v>88</v>
      </c>
      <c r="AJ16970">
        <v>89</v>
      </c>
      <c r="AK16970">
        <v>90</v>
      </c>
      <c r="AL16970">
        <v>91</v>
      </c>
      <c r="AM16970">
        <v>91</v>
      </c>
      <c r="AN16970">
        <v>91</v>
      </c>
      <c r="AO16970">
        <v>91</v>
      </c>
      <c r="AP16970">
        <v>91</v>
      </c>
      <c r="AQ16970">
        <v>91</v>
      </c>
    </row>
    <row r="16971" spans="1:43">
      <c r="A16971" t="s">
        <v>10536</v>
      </c>
      <c r="B16971" t="s">
        <v>10537</v>
      </c>
      <c r="C16971" t="s">
        <v>10462</v>
      </c>
      <c r="D16971" t="s">
        <v>10463</v>
      </c>
      <c r="E16971" t="s">
        <v>10448</v>
      </c>
      <c r="F16971" t="s">
        <v>10449</v>
      </c>
      <c r="G16971" t="s">
        <v>10450</v>
      </c>
      <c r="H16971" t="s">
        <v>10451</v>
      </c>
      <c r="I16971" s="2">
        <v>1</v>
      </c>
      <c r="J16971" s="2">
        <v>0</v>
      </c>
      <c r="K16971" s="2">
        <v>0</v>
      </c>
      <c r="L16971" t="s">
        <v>120</v>
      </c>
      <c r="M16971" t="s">
        <v>87</v>
      </c>
      <c r="N16971" t="s">
        <v>88</v>
      </c>
      <c r="O16971" t="s">
        <v>85</v>
      </c>
      <c r="P16971" t="s">
        <v>86</v>
      </c>
      <c r="Q16971">
        <v>71</v>
      </c>
      <c r="R16971">
        <v>71</v>
      </c>
      <c r="S16971">
        <v>71</v>
      </c>
      <c r="T16971">
        <v>72</v>
      </c>
      <c r="U16971">
        <v>72</v>
      </c>
      <c r="V16971">
        <v>72</v>
      </c>
      <c r="W16971">
        <v>73</v>
      </c>
      <c r="X16971">
        <v>73</v>
      </c>
      <c r="Y16971">
        <v>73</v>
      </c>
      <c r="Z16971">
        <v>74</v>
      </c>
      <c r="AA16971">
        <v>74</v>
      </c>
      <c r="AB16971">
        <v>74</v>
      </c>
      <c r="AC16971">
        <v>75</v>
      </c>
      <c r="AD16971">
        <v>75</v>
      </c>
      <c r="AE16971">
        <v>75</v>
      </c>
      <c r="AF16971">
        <v>76</v>
      </c>
      <c r="AG16971">
        <v>76</v>
      </c>
      <c r="AH16971">
        <v>76</v>
      </c>
      <c r="AI16971">
        <v>77</v>
      </c>
      <c r="AJ16971">
        <v>77</v>
      </c>
      <c r="AK16971">
        <v>77</v>
      </c>
      <c r="AL16971">
        <v>78</v>
      </c>
      <c r="AM16971">
        <v>78</v>
      </c>
      <c r="AN16971">
        <v>78</v>
      </c>
      <c r="AO16971">
        <v>78</v>
      </c>
      <c r="AP16971">
        <v>79</v>
      </c>
      <c r="AQ16971">
        <v>79</v>
      </c>
    </row>
    <row r="16972" spans="1:43">
      <c r="A16972" t="s">
        <v>10536</v>
      </c>
      <c r="B16972" t="s">
        <v>10537</v>
      </c>
      <c r="C16972" t="s">
        <v>10462</v>
      </c>
      <c r="D16972" t="s">
        <v>10463</v>
      </c>
      <c r="E16972" t="s">
        <v>10448</v>
      </c>
      <c r="F16972" t="s">
        <v>10449</v>
      </c>
      <c r="G16972" t="s">
        <v>10450</v>
      </c>
      <c r="H16972" t="s">
        <v>10451</v>
      </c>
      <c r="I16972" s="2">
        <v>1</v>
      </c>
      <c r="J16972" s="2">
        <v>0</v>
      </c>
      <c r="K16972" s="2">
        <v>0</v>
      </c>
      <c r="L16972" t="s">
        <v>120</v>
      </c>
      <c r="M16972" t="s">
        <v>89</v>
      </c>
      <c r="N16972" t="s">
        <v>90</v>
      </c>
      <c r="O16972" t="s">
        <v>85</v>
      </c>
      <c r="P16972" t="s">
        <v>86</v>
      </c>
      <c r="Q16972">
        <v>71</v>
      </c>
      <c r="R16972">
        <v>73</v>
      </c>
      <c r="S16972">
        <v>74</v>
      </c>
      <c r="T16972">
        <v>76</v>
      </c>
      <c r="U16972">
        <v>77</v>
      </c>
      <c r="V16972">
        <v>79</v>
      </c>
      <c r="W16972">
        <v>80</v>
      </c>
      <c r="X16972">
        <v>81</v>
      </c>
      <c r="Y16972">
        <v>83</v>
      </c>
      <c r="Z16972">
        <v>84</v>
      </c>
      <c r="AA16972">
        <v>85</v>
      </c>
      <c r="AB16972">
        <v>86</v>
      </c>
      <c r="AC16972">
        <v>88</v>
      </c>
      <c r="AD16972">
        <v>89</v>
      </c>
      <c r="AE16972">
        <v>90</v>
      </c>
      <c r="AF16972">
        <v>90</v>
      </c>
      <c r="AG16972">
        <v>90</v>
      </c>
      <c r="AH16972">
        <v>90</v>
      </c>
      <c r="AI16972">
        <v>90</v>
      </c>
      <c r="AJ16972">
        <v>91</v>
      </c>
      <c r="AK16972">
        <v>91</v>
      </c>
      <c r="AL16972">
        <v>91</v>
      </c>
      <c r="AM16972">
        <v>91</v>
      </c>
      <c r="AN16972">
        <v>91</v>
      </c>
      <c r="AO16972">
        <v>91</v>
      </c>
      <c r="AP16972">
        <v>91</v>
      </c>
      <c r="AQ16972">
        <v>91</v>
      </c>
    </row>
    <row r="16973" spans="1:43">
      <c r="A16973" t="s">
        <v>10536</v>
      </c>
      <c r="B16973" t="s">
        <v>10537</v>
      </c>
      <c r="C16973" t="s">
        <v>10462</v>
      </c>
      <c r="D16973" t="s">
        <v>10463</v>
      </c>
      <c r="E16973" t="s">
        <v>10448</v>
      </c>
      <c r="F16973" t="s">
        <v>10449</v>
      </c>
      <c r="G16973" t="s">
        <v>10450</v>
      </c>
      <c r="H16973" t="s">
        <v>10451</v>
      </c>
      <c r="I16973" s="2">
        <v>1</v>
      </c>
      <c r="J16973" s="2">
        <v>0</v>
      </c>
      <c r="K16973" s="2">
        <v>0</v>
      </c>
      <c r="L16973" t="s">
        <v>120</v>
      </c>
      <c r="M16973" t="s">
        <v>83</v>
      </c>
      <c r="N16973" t="s">
        <v>91</v>
      </c>
      <c r="O16973" t="s">
        <v>85</v>
      </c>
      <c r="P16973" t="s">
        <v>86</v>
      </c>
      <c r="Q16973">
        <v>71</v>
      </c>
      <c r="R16973">
        <v>72</v>
      </c>
      <c r="S16973">
        <v>73</v>
      </c>
      <c r="T16973">
        <v>74</v>
      </c>
      <c r="U16973">
        <v>75</v>
      </c>
      <c r="V16973">
        <v>76</v>
      </c>
      <c r="W16973">
        <v>77</v>
      </c>
      <c r="X16973">
        <v>78</v>
      </c>
      <c r="Y16973">
        <v>79</v>
      </c>
      <c r="Z16973">
        <v>80</v>
      </c>
      <c r="AA16973">
        <v>81</v>
      </c>
      <c r="AB16973">
        <v>82</v>
      </c>
      <c r="AC16973">
        <v>83</v>
      </c>
      <c r="AD16973">
        <v>84</v>
      </c>
      <c r="AE16973">
        <v>85</v>
      </c>
      <c r="AF16973">
        <v>86</v>
      </c>
      <c r="AG16973">
        <v>87</v>
      </c>
      <c r="AH16973">
        <v>88</v>
      </c>
      <c r="AI16973">
        <v>88</v>
      </c>
      <c r="AJ16973">
        <v>89</v>
      </c>
      <c r="AK16973">
        <v>90</v>
      </c>
      <c r="AL16973">
        <v>91</v>
      </c>
      <c r="AM16973">
        <v>91</v>
      </c>
      <c r="AN16973">
        <v>91</v>
      </c>
      <c r="AO16973">
        <v>91</v>
      </c>
      <c r="AP16973">
        <v>91</v>
      </c>
      <c r="AQ16973">
        <v>91</v>
      </c>
    </row>
    <row r="16974" spans="1:43">
      <c r="A16974" t="s">
        <v>10538</v>
      </c>
      <c r="B16974" t="s">
        <v>10539</v>
      </c>
      <c r="C16974" t="s">
        <v>10530</v>
      </c>
      <c r="D16974" t="s">
        <v>10531</v>
      </c>
      <c r="E16974" t="s">
        <v>10448</v>
      </c>
      <c r="F16974" t="s">
        <v>10449</v>
      </c>
      <c r="G16974" t="s">
        <v>10450</v>
      </c>
      <c r="H16974" t="s">
        <v>10451</v>
      </c>
      <c r="I16974" s="2">
        <v>1</v>
      </c>
      <c r="J16974" s="2">
        <v>0</v>
      </c>
      <c r="K16974" s="2">
        <v>0</v>
      </c>
      <c r="L16974" t="s">
        <v>120</v>
      </c>
      <c r="M16974" t="s">
        <v>83</v>
      </c>
      <c r="N16974" t="s">
        <v>84</v>
      </c>
      <c r="O16974" t="s">
        <v>85</v>
      </c>
      <c r="P16974" t="s">
        <v>86</v>
      </c>
      <c r="Q16974">
        <v>36</v>
      </c>
      <c r="R16974">
        <v>36</v>
      </c>
      <c r="S16974">
        <v>37</v>
      </c>
      <c r="T16974">
        <v>37</v>
      </c>
      <c r="U16974">
        <v>38</v>
      </c>
      <c r="V16974">
        <v>39</v>
      </c>
      <c r="W16974">
        <v>39</v>
      </c>
      <c r="X16974">
        <v>40</v>
      </c>
      <c r="Y16974">
        <v>40</v>
      </c>
      <c r="Z16974">
        <v>40</v>
      </c>
      <c r="AA16974">
        <v>41</v>
      </c>
      <c r="AB16974">
        <v>41</v>
      </c>
      <c r="AC16974">
        <v>42</v>
      </c>
      <c r="AD16974">
        <v>42</v>
      </c>
      <c r="AE16974">
        <v>43</v>
      </c>
      <c r="AF16974">
        <v>43</v>
      </c>
      <c r="AG16974">
        <v>44</v>
      </c>
      <c r="AH16974">
        <v>44</v>
      </c>
      <c r="AI16974">
        <v>45</v>
      </c>
      <c r="AJ16974">
        <v>45</v>
      </c>
      <c r="AK16974">
        <v>46</v>
      </c>
      <c r="AL16974">
        <v>46</v>
      </c>
      <c r="AM16974">
        <v>46</v>
      </c>
      <c r="AN16974">
        <v>46</v>
      </c>
      <c r="AO16974">
        <v>46</v>
      </c>
      <c r="AP16974">
        <v>46</v>
      </c>
      <c r="AQ16974">
        <v>46</v>
      </c>
    </row>
    <row r="16975" spans="1:43">
      <c r="A16975" t="s">
        <v>10538</v>
      </c>
      <c r="B16975" t="s">
        <v>10539</v>
      </c>
      <c r="C16975" t="s">
        <v>10530</v>
      </c>
      <c r="D16975" t="s">
        <v>10531</v>
      </c>
      <c r="E16975" t="s">
        <v>10448</v>
      </c>
      <c r="F16975" t="s">
        <v>10449</v>
      </c>
      <c r="G16975" t="s">
        <v>10450</v>
      </c>
      <c r="H16975" t="s">
        <v>10451</v>
      </c>
      <c r="I16975" s="2">
        <v>1</v>
      </c>
      <c r="J16975" s="2">
        <v>0</v>
      </c>
      <c r="K16975" s="2">
        <v>0</v>
      </c>
      <c r="L16975" t="s">
        <v>120</v>
      </c>
      <c r="M16975" t="s">
        <v>87</v>
      </c>
      <c r="N16975" t="s">
        <v>88</v>
      </c>
      <c r="O16975" t="s">
        <v>85</v>
      </c>
      <c r="P16975" t="s">
        <v>86</v>
      </c>
      <c r="Q16975">
        <v>36</v>
      </c>
      <c r="R16975">
        <v>36</v>
      </c>
      <c r="S16975">
        <v>36</v>
      </c>
      <c r="T16975">
        <v>36</v>
      </c>
      <c r="U16975">
        <v>36</v>
      </c>
      <c r="V16975">
        <v>36</v>
      </c>
      <c r="W16975">
        <v>37</v>
      </c>
      <c r="X16975">
        <v>37</v>
      </c>
      <c r="Y16975">
        <v>37</v>
      </c>
      <c r="Z16975">
        <v>37</v>
      </c>
      <c r="AA16975">
        <v>37</v>
      </c>
      <c r="AB16975">
        <v>38</v>
      </c>
      <c r="AC16975">
        <v>38</v>
      </c>
      <c r="AD16975">
        <v>38</v>
      </c>
      <c r="AE16975">
        <v>38</v>
      </c>
      <c r="AF16975">
        <v>38</v>
      </c>
      <c r="AG16975">
        <v>38</v>
      </c>
      <c r="AH16975">
        <v>38</v>
      </c>
      <c r="AI16975">
        <v>39</v>
      </c>
      <c r="AJ16975">
        <v>39</v>
      </c>
      <c r="AK16975">
        <v>39</v>
      </c>
      <c r="AL16975">
        <v>39</v>
      </c>
      <c r="AM16975">
        <v>39</v>
      </c>
      <c r="AN16975">
        <v>39</v>
      </c>
      <c r="AO16975">
        <v>40</v>
      </c>
      <c r="AP16975">
        <v>40</v>
      </c>
      <c r="AQ16975">
        <v>40</v>
      </c>
    </row>
    <row r="16976" spans="1:43">
      <c r="A16976" t="s">
        <v>10538</v>
      </c>
      <c r="B16976" t="s">
        <v>10539</v>
      </c>
      <c r="C16976" t="s">
        <v>10530</v>
      </c>
      <c r="D16976" t="s">
        <v>10531</v>
      </c>
      <c r="E16976" t="s">
        <v>10448</v>
      </c>
      <c r="F16976" t="s">
        <v>10449</v>
      </c>
      <c r="G16976" t="s">
        <v>10450</v>
      </c>
      <c r="H16976" t="s">
        <v>10451</v>
      </c>
      <c r="I16976" s="2">
        <v>1</v>
      </c>
      <c r="J16976" s="2">
        <v>0</v>
      </c>
      <c r="K16976" s="2">
        <v>0</v>
      </c>
      <c r="L16976" t="s">
        <v>120</v>
      </c>
      <c r="M16976" t="s">
        <v>89</v>
      </c>
      <c r="N16976" t="s">
        <v>90</v>
      </c>
      <c r="O16976" t="s">
        <v>85</v>
      </c>
      <c r="P16976" t="s">
        <v>86</v>
      </c>
      <c r="Q16976">
        <v>36</v>
      </c>
      <c r="R16976">
        <v>37</v>
      </c>
      <c r="S16976">
        <v>38</v>
      </c>
      <c r="T16976">
        <v>39</v>
      </c>
      <c r="U16976">
        <v>39</v>
      </c>
      <c r="V16976">
        <v>40</v>
      </c>
      <c r="W16976">
        <v>41</v>
      </c>
      <c r="X16976">
        <v>42</v>
      </c>
      <c r="Y16976">
        <v>42</v>
      </c>
      <c r="Z16976">
        <v>43</v>
      </c>
      <c r="AA16976">
        <v>44</v>
      </c>
      <c r="AB16976">
        <v>44</v>
      </c>
      <c r="AC16976">
        <v>45</v>
      </c>
      <c r="AD16976">
        <v>45</v>
      </c>
      <c r="AE16976">
        <v>46</v>
      </c>
      <c r="AF16976">
        <v>46</v>
      </c>
      <c r="AG16976">
        <v>46</v>
      </c>
      <c r="AH16976">
        <v>46</v>
      </c>
      <c r="AI16976">
        <v>46</v>
      </c>
      <c r="AJ16976">
        <v>46</v>
      </c>
      <c r="AK16976">
        <v>46</v>
      </c>
      <c r="AL16976">
        <v>46</v>
      </c>
      <c r="AM16976">
        <v>46</v>
      </c>
      <c r="AN16976">
        <v>46</v>
      </c>
      <c r="AO16976">
        <v>46</v>
      </c>
      <c r="AP16976">
        <v>46</v>
      </c>
      <c r="AQ16976">
        <v>46</v>
      </c>
    </row>
    <row r="16977" spans="1:43">
      <c r="A16977" t="s">
        <v>10538</v>
      </c>
      <c r="B16977" t="s">
        <v>10539</v>
      </c>
      <c r="C16977" t="s">
        <v>10530</v>
      </c>
      <c r="D16977" t="s">
        <v>10531</v>
      </c>
      <c r="E16977" t="s">
        <v>10448</v>
      </c>
      <c r="F16977" t="s">
        <v>10449</v>
      </c>
      <c r="G16977" t="s">
        <v>10450</v>
      </c>
      <c r="H16977" t="s">
        <v>10451</v>
      </c>
      <c r="I16977" s="2">
        <v>1</v>
      </c>
      <c r="J16977" s="2">
        <v>0</v>
      </c>
      <c r="K16977" s="2">
        <v>0</v>
      </c>
      <c r="L16977" t="s">
        <v>120</v>
      </c>
      <c r="M16977" t="s">
        <v>83</v>
      </c>
      <c r="N16977" t="s">
        <v>91</v>
      </c>
      <c r="O16977" t="s">
        <v>85</v>
      </c>
      <c r="P16977" t="s">
        <v>86</v>
      </c>
      <c r="Q16977">
        <v>36</v>
      </c>
      <c r="R16977">
        <v>36</v>
      </c>
      <c r="S16977">
        <v>37</v>
      </c>
      <c r="T16977">
        <v>37</v>
      </c>
      <c r="U16977">
        <v>38</v>
      </c>
      <c r="V16977">
        <v>39</v>
      </c>
      <c r="W16977">
        <v>39</v>
      </c>
      <c r="X16977">
        <v>40</v>
      </c>
      <c r="Y16977">
        <v>40</v>
      </c>
      <c r="Z16977">
        <v>40</v>
      </c>
      <c r="AA16977">
        <v>41</v>
      </c>
      <c r="AB16977">
        <v>41</v>
      </c>
      <c r="AC16977">
        <v>42</v>
      </c>
      <c r="AD16977">
        <v>42</v>
      </c>
      <c r="AE16977">
        <v>43</v>
      </c>
      <c r="AF16977">
        <v>43</v>
      </c>
      <c r="AG16977">
        <v>44</v>
      </c>
      <c r="AH16977">
        <v>44</v>
      </c>
      <c r="AI16977">
        <v>45</v>
      </c>
      <c r="AJ16977">
        <v>45</v>
      </c>
      <c r="AK16977">
        <v>46</v>
      </c>
      <c r="AL16977">
        <v>46</v>
      </c>
      <c r="AM16977">
        <v>46</v>
      </c>
      <c r="AN16977">
        <v>46</v>
      </c>
      <c r="AO16977">
        <v>46</v>
      </c>
      <c r="AP16977">
        <v>46</v>
      </c>
      <c r="AQ16977">
        <v>46</v>
      </c>
    </row>
    <row r="16978" spans="1:43">
      <c r="A16978" t="s">
        <v>10540</v>
      </c>
      <c r="B16978" t="s">
        <v>10541</v>
      </c>
      <c r="C16978" t="s">
        <v>10530</v>
      </c>
      <c r="D16978" t="s">
        <v>10531</v>
      </c>
      <c r="E16978" t="s">
        <v>10448</v>
      </c>
      <c r="F16978" t="s">
        <v>10449</v>
      </c>
      <c r="G16978" t="s">
        <v>10450</v>
      </c>
      <c r="H16978" t="s">
        <v>10451</v>
      </c>
      <c r="I16978" s="2">
        <v>1</v>
      </c>
      <c r="J16978" s="2">
        <v>0</v>
      </c>
      <c r="K16978" s="2">
        <v>0</v>
      </c>
      <c r="L16978" t="s">
        <v>120</v>
      </c>
      <c r="M16978" t="s">
        <v>83</v>
      </c>
      <c r="N16978" t="s">
        <v>84</v>
      </c>
      <c r="O16978" t="s">
        <v>85</v>
      </c>
      <c r="P16978" t="s">
        <v>86</v>
      </c>
      <c r="Q16978">
        <v>13</v>
      </c>
      <c r="R16978">
        <v>13</v>
      </c>
      <c r="S16978">
        <v>13</v>
      </c>
      <c r="T16978">
        <v>13</v>
      </c>
      <c r="U16978">
        <v>13</v>
      </c>
      <c r="V16978">
        <v>13</v>
      </c>
      <c r="W16978">
        <v>14</v>
      </c>
      <c r="X16978">
        <v>14</v>
      </c>
      <c r="Y16978">
        <v>14</v>
      </c>
      <c r="Z16978">
        <v>14</v>
      </c>
      <c r="AA16978">
        <v>14</v>
      </c>
      <c r="AB16978">
        <v>14</v>
      </c>
      <c r="AC16978">
        <v>15</v>
      </c>
      <c r="AD16978">
        <v>15</v>
      </c>
      <c r="AE16978">
        <v>15</v>
      </c>
      <c r="AF16978">
        <v>15</v>
      </c>
      <c r="AG16978">
        <v>15</v>
      </c>
      <c r="AH16978">
        <v>15</v>
      </c>
      <c r="AI16978">
        <v>16</v>
      </c>
      <c r="AJ16978">
        <v>16</v>
      </c>
      <c r="AK16978">
        <v>16</v>
      </c>
      <c r="AL16978">
        <v>16</v>
      </c>
      <c r="AM16978">
        <v>16</v>
      </c>
      <c r="AN16978">
        <v>16</v>
      </c>
      <c r="AO16978">
        <v>16</v>
      </c>
      <c r="AP16978">
        <v>16</v>
      </c>
      <c r="AQ16978">
        <v>16</v>
      </c>
    </row>
    <row r="16979" spans="1:43">
      <c r="A16979" t="s">
        <v>10540</v>
      </c>
      <c r="B16979" t="s">
        <v>10541</v>
      </c>
      <c r="C16979" t="s">
        <v>10530</v>
      </c>
      <c r="D16979" t="s">
        <v>10531</v>
      </c>
      <c r="E16979" t="s">
        <v>10448</v>
      </c>
      <c r="F16979" t="s">
        <v>10449</v>
      </c>
      <c r="G16979" t="s">
        <v>10450</v>
      </c>
      <c r="H16979" t="s">
        <v>10451</v>
      </c>
      <c r="I16979" s="2">
        <v>1</v>
      </c>
      <c r="J16979" s="2">
        <v>0</v>
      </c>
      <c r="K16979" s="2">
        <v>0</v>
      </c>
      <c r="L16979" t="s">
        <v>120</v>
      </c>
      <c r="M16979" t="s">
        <v>87</v>
      </c>
      <c r="N16979" t="s">
        <v>88</v>
      </c>
      <c r="O16979" t="s">
        <v>85</v>
      </c>
      <c r="P16979" t="s">
        <v>86</v>
      </c>
      <c r="Q16979">
        <v>13</v>
      </c>
      <c r="R16979">
        <v>13</v>
      </c>
      <c r="S16979">
        <v>14</v>
      </c>
      <c r="T16979">
        <v>14</v>
      </c>
      <c r="U16979">
        <v>14</v>
      </c>
      <c r="V16979">
        <v>14</v>
      </c>
      <c r="W16979">
        <v>14</v>
      </c>
      <c r="X16979">
        <v>14</v>
      </c>
      <c r="Y16979">
        <v>14</v>
      </c>
      <c r="Z16979">
        <v>14</v>
      </c>
      <c r="AA16979">
        <v>14</v>
      </c>
      <c r="AB16979">
        <v>14</v>
      </c>
      <c r="AC16979">
        <v>14</v>
      </c>
      <c r="AD16979">
        <v>14</v>
      </c>
      <c r="AE16979">
        <v>14</v>
      </c>
      <c r="AF16979">
        <v>14</v>
      </c>
      <c r="AG16979">
        <v>14</v>
      </c>
      <c r="AH16979">
        <v>14</v>
      </c>
      <c r="AI16979">
        <v>14</v>
      </c>
      <c r="AJ16979">
        <v>15</v>
      </c>
      <c r="AK16979">
        <v>15</v>
      </c>
      <c r="AL16979">
        <v>15</v>
      </c>
      <c r="AM16979">
        <v>15</v>
      </c>
      <c r="AN16979">
        <v>15</v>
      </c>
      <c r="AO16979">
        <v>15</v>
      </c>
      <c r="AP16979">
        <v>15</v>
      </c>
      <c r="AQ16979">
        <v>15</v>
      </c>
    </row>
    <row r="16980" spans="1:43">
      <c r="A16980" t="s">
        <v>10540</v>
      </c>
      <c r="B16980" t="s">
        <v>10541</v>
      </c>
      <c r="C16980" t="s">
        <v>10530</v>
      </c>
      <c r="D16980" t="s">
        <v>10531</v>
      </c>
      <c r="E16980" t="s">
        <v>10448</v>
      </c>
      <c r="F16980" t="s">
        <v>10449</v>
      </c>
      <c r="G16980" t="s">
        <v>10450</v>
      </c>
      <c r="H16980" t="s">
        <v>10451</v>
      </c>
      <c r="I16980" s="2">
        <v>1</v>
      </c>
      <c r="J16980" s="2">
        <v>0</v>
      </c>
      <c r="K16980" s="2">
        <v>0</v>
      </c>
      <c r="L16980" t="s">
        <v>120</v>
      </c>
      <c r="M16980" t="s">
        <v>89</v>
      </c>
      <c r="N16980" t="s">
        <v>90</v>
      </c>
      <c r="O16980" t="s">
        <v>85</v>
      </c>
      <c r="P16980" t="s">
        <v>86</v>
      </c>
      <c r="Q16980">
        <v>13</v>
      </c>
      <c r="R16980">
        <v>13</v>
      </c>
      <c r="S16980">
        <v>13</v>
      </c>
      <c r="T16980">
        <v>13</v>
      </c>
      <c r="U16980">
        <v>14</v>
      </c>
      <c r="V16980">
        <v>14</v>
      </c>
      <c r="W16980">
        <v>14</v>
      </c>
      <c r="X16980">
        <v>14</v>
      </c>
      <c r="Y16980">
        <v>15</v>
      </c>
      <c r="Z16980">
        <v>15</v>
      </c>
      <c r="AA16980">
        <v>15</v>
      </c>
      <c r="AB16980">
        <v>15</v>
      </c>
      <c r="AC16980">
        <v>16</v>
      </c>
      <c r="AD16980">
        <v>16</v>
      </c>
      <c r="AE16980">
        <v>16</v>
      </c>
      <c r="AF16980">
        <v>16</v>
      </c>
      <c r="AG16980">
        <v>16</v>
      </c>
      <c r="AH16980">
        <v>16</v>
      </c>
      <c r="AI16980">
        <v>16</v>
      </c>
      <c r="AJ16980">
        <v>16</v>
      </c>
      <c r="AK16980">
        <v>16</v>
      </c>
      <c r="AL16980">
        <v>16</v>
      </c>
      <c r="AM16980">
        <v>16</v>
      </c>
      <c r="AN16980">
        <v>16</v>
      </c>
      <c r="AO16980">
        <v>16</v>
      </c>
      <c r="AP16980">
        <v>16</v>
      </c>
      <c r="AQ16980">
        <v>16</v>
      </c>
    </row>
    <row r="16981" spans="1:43">
      <c r="A16981" t="s">
        <v>10540</v>
      </c>
      <c r="B16981" t="s">
        <v>10541</v>
      </c>
      <c r="C16981" t="s">
        <v>10530</v>
      </c>
      <c r="D16981" t="s">
        <v>10531</v>
      </c>
      <c r="E16981" t="s">
        <v>10448</v>
      </c>
      <c r="F16981" t="s">
        <v>10449</v>
      </c>
      <c r="G16981" t="s">
        <v>10450</v>
      </c>
      <c r="H16981" t="s">
        <v>10451</v>
      </c>
      <c r="I16981" s="2">
        <v>1</v>
      </c>
      <c r="J16981" s="2">
        <v>0</v>
      </c>
      <c r="K16981" s="2">
        <v>0</v>
      </c>
      <c r="L16981" t="s">
        <v>120</v>
      </c>
      <c r="M16981" t="s">
        <v>83</v>
      </c>
      <c r="N16981" t="s">
        <v>91</v>
      </c>
      <c r="O16981" t="s">
        <v>85</v>
      </c>
      <c r="P16981" t="s">
        <v>86</v>
      </c>
      <c r="Q16981">
        <v>13</v>
      </c>
      <c r="R16981">
        <v>13</v>
      </c>
      <c r="S16981">
        <v>13</v>
      </c>
      <c r="T16981">
        <v>13</v>
      </c>
      <c r="U16981">
        <v>13</v>
      </c>
      <c r="V16981">
        <v>13</v>
      </c>
      <c r="W16981">
        <v>14</v>
      </c>
      <c r="X16981">
        <v>14</v>
      </c>
      <c r="Y16981">
        <v>14</v>
      </c>
      <c r="Z16981">
        <v>14</v>
      </c>
      <c r="AA16981">
        <v>14</v>
      </c>
      <c r="AB16981">
        <v>14</v>
      </c>
      <c r="AC16981">
        <v>15</v>
      </c>
      <c r="AD16981">
        <v>15</v>
      </c>
      <c r="AE16981">
        <v>15</v>
      </c>
      <c r="AF16981">
        <v>15</v>
      </c>
      <c r="AG16981">
        <v>15</v>
      </c>
      <c r="AH16981">
        <v>15</v>
      </c>
      <c r="AI16981">
        <v>16</v>
      </c>
      <c r="AJ16981">
        <v>16</v>
      </c>
      <c r="AK16981">
        <v>16</v>
      </c>
      <c r="AL16981">
        <v>16</v>
      </c>
      <c r="AM16981">
        <v>16</v>
      </c>
      <c r="AN16981">
        <v>16</v>
      </c>
      <c r="AO16981">
        <v>16</v>
      </c>
      <c r="AP16981">
        <v>16</v>
      </c>
      <c r="AQ16981">
        <v>16</v>
      </c>
    </row>
    <row r="16982" spans="1:43">
      <c r="A16982" t="s">
        <v>10542</v>
      </c>
      <c r="B16982" t="s">
        <v>10543</v>
      </c>
      <c r="C16982" t="s">
        <v>10530</v>
      </c>
      <c r="D16982" t="s">
        <v>10531</v>
      </c>
      <c r="E16982" t="s">
        <v>10448</v>
      </c>
      <c r="F16982" t="s">
        <v>10449</v>
      </c>
      <c r="G16982" t="s">
        <v>10450</v>
      </c>
      <c r="H16982" t="s">
        <v>10451</v>
      </c>
      <c r="I16982" s="2">
        <v>1</v>
      </c>
      <c r="J16982" s="2">
        <v>0</v>
      </c>
      <c r="K16982" s="2">
        <v>0</v>
      </c>
      <c r="L16982" t="s">
        <v>120</v>
      </c>
      <c r="M16982" t="s">
        <v>83</v>
      </c>
      <c r="N16982" t="s">
        <v>84</v>
      </c>
      <c r="O16982" t="s">
        <v>85</v>
      </c>
      <c r="P16982" t="s">
        <v>86</v>
      </c>
      <c r="Q16982">
        <v>23</v>
      </c>
      <c r="R16982">
        <v>24</v>
      </c>
      <c r="S16982">
        <v>24</v>
      </c>
      <c r="T16982">
        <v>24</v>
      </c>
      <c r="U16982">
        <v>25</v>
      </c>
      <c r="V16982">
        <v>25</v>
      </c>
      <c r="W16982">
        <v>25</v>
      </c>
      <c r="X16982">
        <v>26</v>
      </c>
      <c r="Y16982">
        <v>26</v>
      </c>
      <c r="Z16982">
        <v>26</v>
      </c>
      <c r="AA16982">
        <v>27</v>
      </c>
      <c r="AB16982">
        <v>27</v>
      </c>
      <c r="AC16982">
        <v>27</v>
      </c>
      <c r="AD16982">
        <v>27</v>
      </c>
      <c r="AE16982">
        <v>28</v>
      </c>
      <c r="AF16982">
        <v>28</v>
      </c>
      <c r="AG16982">
        <v>28</v>
      </c>
      <c r="AH16982">
        <v>29</v>
      </c>
      <c r="AI16982">
        <v>29</v>
      </c>
      <c r="AJ16982">
        <v>29</v>
      </c>
      <c r="AK16982">
        <v>30</v>
      </c>
      <c r="AL16982">
        <v>30</v>
      </c>
      <c r="AM16982">
        <v>30</v>
      </c>
      <c r="AN16982">
        <v>30</v>
      </c>
      <c r="AO16982">
        <v>30</v>
      </c>
      <c r="AP16982">
        <v>30</v>
      </c>
      <c r="AQ16982">
        <v>30</v>
      </c>
    </row>
    <row r="16983" spans="1:43">
      <c r="A16983" t="s">
        <v>10542</v>
      </c>
      <c r="B16983" t="s">
        <v>10543</v>
      </c>
      <c r="C16983" t="s">
        <v>10530</v>
      </c>
      <c r="D16983" t="s">
        <v>10531</v>
      </c>
      <c r="E16983" t="s">
        <v>10448</v>
      </c>
      <c r="F16983" t="s">
        <v>10449</v>
      </c>
      <c r="G16983" t="s">
        <v>10450</v>
      </c>
      <c r="H16983" t="s">
        <v>10451</v>
      </c>
      <c r="I16983" s="2">
        <v>1</v>
      </c>
      <c r="J16983" s="2">
        <v>0</v>
      </c>
      <c r="K16983" s="2">
        <v>0</v>
      </c>
      <c r="L16983" t="s">
        <v>120</v>
      </c>
      <c r="M16983" t="s">
        <v>87</v>
      </c>
      <c r="N16983" t="s">
        <v>88</v>
      </c>
      <c r="O16983" t="s">
        <v>85</v>
      </c>
      <c r="P16983" t="s">
        <v>86</v>
      </c>
      <c r="Q16983">
        <v>23</v>
      </c>
      <c r="R16983">
        <v>23</v>
      </c>
      <c r="S16983">
        <v>23</v>
      </c>
      <c r="T16983">
        <v>23</v>
      </c>
      <c r="U16983">
        <v>24</v>
      </c>
      <c r="V16983">
        <v>24</v>
      </c>
      <c r="W16983">
        <v>24</v>
      </c>
      <c r="X16983">
        <v>24</v>
      </c>
      <c r="Y16983">
        <v>24</v>
      </c>
      <c r="Z16983">
        <v>24</v>
      </c>
      <c r="AA16983">
        <v>24</v>
      </c>
      <c r="AB16983">
        <v>24</v>
      </c>
      <c r="AC16983">
        <v>24</v>
      </c>
      <c r="AD16983">
        <v>25</v>
      </c>
      <c r="AE16983">
        <v>25</v>
      </c>
      <c r="AF16983">
        <v>25</v>
      </c>
      <c r="AG16983">
        <v>25</v>
      </c>
      <c r="AH16983">
        <v>25</v>
      </c>
      <c r="AI16983">
        <v>25</v>
      </c>
      <c r="AJ16983">
        <v>25</v>
      </c>
      <c r="AK16983">
        <v>25</v>
      </c>
      <c r="AL16983">
        <v>25</v>
      </c>
      <c r="AM16983">
        <v>25</v>
      </c>
      <c r="AN16983">
        <v>26</v>
      </c>
      <c r="AO16983">
        <v>26</v>
      </c>
      <c r="AP16983">
        <v>26</v>
      </c>
      <c r="AQ16983">
        <v>26</v>
      </c>
    </row>
    <row r="16984" spans="1:43">
      <c r="A16984" t="s">
        <v>10542</v>
      </c>
      <c r="B16984" t="s">
        <v>10543</v>
      </c>
      <c r="C16984" t="s">
        <v>10530</v>
      </c>
      <c r="D16984" t="s">
        <v>10531</v>
      </c>
      <c r="E16984" t="s">
        <v>10448</v>
      </c>
      <c r="F16984" t="s">
        <v>10449</v>
      </c>
      <c r="G16984" t="s">
        <v>10450</v>
      </c>
      <c r="H16984" t="s">
        <v>10451</v>
      </c>
      <c r="I16984" s="2">
        <v>1</v>
      </c>
      <c r="J16984" s="2">
        <v>0</v>
      </c>
      <c r="K16984" s="2">
        <v>0</v>
      </c>
      <c r="L16984" t="s">
        <v>120</v>
      </c>
      <c r="M16984" t="s">
        <v>89</v>
      </c>
      <c r="N16984" t="s">
        <v>90</v>
      </c>
      <c r="O16984" t="s">
        <v>85</v>
      </c>
      <c r="P16984" t="s">
        <v>86</v>
      </c>
      <c r="Q16984">
        <v>23</v>
      </c>
      <c r="R16984">
        <v>23</v>
      </c>
      <c r="S16984">
        <v>24</v>
      </c>
      <c r="T16984">
        <v>24</v>
      </c>
      <c r="U16984">
        <v>25</v>
      </c>
      <c r="V16984">
        <v>25</v>
      </c>
      <c r="W16984">
        <v>26</v>
      </c>
      <c r="X16984">
        <v>26</v>
      </c>
      <c r="Y16984">
        <v>26</v>
      </c>
      <c r="Z16984">
        <v>27</v>
      </c>
      <c r="AA16984">
        <v>27</v>
      </c>
      <c r="AB16984">
        <v>28</v>
      </c>
      <c r="AC16984">
        <v>28</v>
      </c>
      <c r="AD16984">
        <v>28</v>
      </c>
      <c r="AE16984">
        <v>29</v>
      </c>
      <c r="AF16984">
        <v>29</v>
      </c>
      <c r="AG16984">
        <v>29</v>
      </c>
      <c r="AH16984">
        <v>29</v>
      </c>
      <c r="AI16984">
        <v>29</v>
      </c>
      <c r="AJ16984">
        <v>29</v>
      </c>
      <c r="AK16984">
        <v>29</v>
      </c>
      <c r="AL16984">
        <v>29</v>
      </c>
      <c r="AM16984">
        <v>29</v>
      </c>
      <c r="AN16984">
        <v>29</v>
      </c>
      <c r="AO16984">
        <v>29</v>
      </c>
      <c r="AP16984">
        <v>29</v>
      </c>
      <c r="AQ16984">
        <v>29</v>
      </c>
    </row>
    <row r="16985" spans="1:43">
      <c r="A16985" t="s">
        <v>10542</v>
      </c>
      <c r="B16985" t="s">
        <v>10543</v>
      </c>
      <c r="C16985" t="s">
        <v>10530</v>
      </c>
      <c r="D16985" t="s">
        <v>10531</v>
      </c>
      <c r="E16985" t="s">
        <v>10448</v>
      </c>
      <c r="F16985" t="s">
        <v>10449</v>
      </c>
      <c r="G16985" t="s">
        <v>10450</v>
      </c>
      <c r="H16985" t="s">
        <v>10451</v>
      </c>
      <c r="I16985" s="2">
        <v>1</v>
      </c>
      <c r="J16985" s="2">
        <v>0</v>
      </c>
      <c r="K16985" s="2">
        <v>0</v>
      </c>
      <c r="L16985" t="s">
        <v>120</v>
      </c>
      <c r="M16985" t="s">
        <v>83</v>
      </c>
      <c r="N16985" t="s">
        <v>91</v>
      </c>
      <c r="O16985" t="s">
        <v>85</v>
      </c>
      <c r="P16985" t="s">
        <v>86</v>
      </c>
      <c r="Q16985">
        <v>23</v>
      </c>
      <c r="R16985">
        <v>24</v>
      </c>
      <c r="S16985">
        <v>24</v>
      </c>
      <c r="T16985">
        <v>24</v>
      </c>
      <c r="U16985">
        <v>25</v>
      </c>
      <c r="V16985">
        <v>25</v>
      </c>
      <c r="W16985">
        <v>25</v>
      </c>
      <c r="X16985">
        <v>26</v>
      </c>
      <c r="Y16985">
        <v>26</v>
      </c>
      <c r="Z16985">
        <v>26</v>
      </c>
      <c r="AA16985">
        <v>27</v>
      </c>
      <c r="AB16985">
        <v>27</v>
      </c>
      <c r="AC16985">
        <v>27</v>
      </c>
      <c r="AD16985">
        <v>27</v>
      </c>
      <c r="AE16985">
        <v>28</v>
      </c>
      <c r="AF16985">
        <v>28</v>
      </c>
      <c r="AG16985">
        <v>28</v>
      </c>
      <c r="AH16985">
        <v>29</v>
      </c>
      <c r="AI16985">
        <v>29</v>
      </c>
      <c r="AJ16985">
        <v>29</v>
      </c>
      <c r="AK16985">
        <v>30</v>
      </c>
      <c r="AL16985">
        <v>30</v>
      </c>
      <c r="AM16985">
        <v>30</v>
      </c>
      <c r="AN16985">
        <v>30</v>
      </c>
      <c r="AO16985">
        <v>30</v>
      </c>
      <c r="AP16985">
        <v>30</v>
      </c>
      <c r="AQ16985">
        <v>30</v>
      </c>
    </row>
    <row r="16986" spans="1:43">
      <c r="A16986" t="s">
        <v>10544</v>
      </c>
      <c r="B16986" t="s">
        <v>10545</v>
      </c>
      <c r="C16986" t="s">
        <v>10476</v>
      </c>
      <c r="D16986" t="s">
        <v>10477</v>
      </c>
      <c r="E16986" t="s">
        <v>10448</v>
      </c>
      <c r="F16986" t="s">
        <v>10449</v>
      </c>
      <c r="G16986" t="s">
        <v>10450</v>
      </c>
      <c r="H16986" t="s">
        <v>10451</v>
      </c>
      <c r="I16986" s="2">
        <v>1</v>
      </c>
      <c r="J16986" s="2">
        <v>0</v>
      </c>
      <c r="K16986" s="2">
        <v>0</v>
      </c>
      <c r="L16986" t="s">
        <v>120</v>
      </c>
      <c r="M16986" t="s">
        <v>83</v>
      </c>
      <c r="N16986" t="s">
        <v>84</v>
      </c>
      <c r="O16986" t="s">
        <v>85</v>
      </c>
      <c r="P16986" t="s">
        <v>86</v>
      </c>
      <c r="Q16986">
        <v>52</v>
      </c>
      <c r="R16986">
        <v>53</v>
      </c>
      <c r="S16986">
        <v>54</v>
      </c>
      <c r="T16986">
        <v>55</v>
      </c>
      <c r="U16986">
        <v>55</v>
      </c>
      <c r="V16986">
        <v>56</v>
      </c>
      <c r="W16986">
        <v>57</v>
      </c>
      <c r="X16986">
        <v>57</v>
      </c>
      <c r="Y16986">
        <v>58</v>
      </c>
      <c r="Z16986">
        <v>59</v>
      </c>
      <c r="AA16986">
        <v>60</v>
      </c>
      <c r="AB16986">
        <v>60</v>
      </c>
      <c r="AC16986">
        <v>61</v>
      </c>
      <c r="AD16986">
        <v>62</v>
      </c>
      <c r="AE16986">
        <v>62</v>
      </c>
      <c r="AF16986">
        <v>63</v>
      </c>
      <c r="AG16986">
        <v>64</v>
      </c>
      <c r="AH16986">
        <v>64</v>
      </c>
      <c r="AI16986">
        <v>65</v>
      </c>
      <c r="AJ16986">
        <v>66</v>
      </c>
      <c r="AK16986">
        <v>66</v>
      </c>
      <c r="AL16986">
        <v>67</v>
      </c>
      <c r="AM16986">
        <v>67</v>
      </c>
      <c r="AN16986">
        <v>67</v>
      </c>
      <c r="AO16986">
        <v>67</v>
      </c>
      <c r="AP16986">
        <v>67</v>
      </c>
      <c r="AQ16986">
        <v>67</v>
      </c>
    </row>
    <row r="16987" spans="1:43">
      <c r="A16987" t="s">
        <v>10544</v>
      </c>
      <c r="B16987" t="s">
        <v>10545</v>
      </c>
      <c r="C16987" t="s">
        <v>10476</v>
      </c>
      <c r="D16987" t="s">
        <v>10477</v>
      </c>
      <c r="E16987" t="s">
        <v>10448</v>
      </c>
      <c r="F16987" t="s">
        <v>10449</v>
      </c>
      <c r="G16987" t="s">
        <v>10450</v>
      </c>
      <c r="H16987" t="s">
        <v>10451</v>
      </c>
      <c r="I16987" s="2">
        <v>1</v>
      </c>
      <c r="J16987" s="2">
        <v>0</v>
      </c>
      <c r="K16987" s="2">
        <v>0</v>
      </c>
      <c r="L16987" t="s">
        <v>120</v>
      </c>
      <c r="M16987" t="s">
        <v>87</v>
      </c>
      <c r="N16987" t="s">
        <v>88</v>
      </c>
      <c r="O16987" t="s">
        <v>85</v>
      </c>
      <c r="P16987" t="s">
        <v>86</v>
      </c>
      <c r="Q16987">
        <v>52</v>
      </c>
      <c r="R16987">
        <v>52</v>
      </c>
      <c r="S16987">
        <v>52</v>
      </c>
      <c r="T16987">
        <v>53</v>
      </c>
      <c r="U16987">
        <v>53</v>
      </c>
      <c r="V16987">
        <v>53</v>
      </c>
      <c r="W16987">
        <v>53</v>
      </c>
      <c r="X16987">
        <v>54</v>
      </c>
      <c r="Y16987">
        <v>54</v>
      </c>
      <c r="Z16987">
        <v>54</v>
      </c>
      <c r="AA16987">
        <v>54</v>
      </c>
      <c r="AB16987">
        <v>55</v>
      </c>
      <c r="AC16987">
        <v>55</v>
      </c>
      <c r="AD16987">
        <v>55</v>
      </c>
      <c r="AE16987">
        <v>55</v>
      </c>
      <c r="AF16987">
        <v>56</v>
      </c>
      <c r="AG16987">
        <v>56</v>
      </c>
      <c r="AH16987">
        <v>56</v>
      </c>
      <c r="AI16987">
        <v>56</v>
      </c>
      <c r="AJ16987">
        <v>56</v>
      </c>
      <c r="AK16987">
        <v>57</v>
      </c>
      <c r="AL16987">
        <v>57</v>
      </c>
      <c r="AM16987">
        <v>57</v>
      </c>
      <c r="AN16987">
        <v>57</v>
      </c>
      <c r="AO16987">
        <v>58</v>
      </c>
      <c r="AP16987">
        <v>58</v>
      </c>
      <c r="AQ16987">
        <v>58</v>
      </c>
    </row>
    <row r="16988" spans="1:43">
      <c r="A16988" t="s">
        <v>10544</v>
      </c>
      <c r="B16988" t="s">
        <v>10545</v>
      </c>
      <c r="C16988" t="s">
        <v>10476</v>
      </c>
      <c r="D16988" t="s">
        <v>10477</v>
      </c>
      <c r="E16988" t="s">
        <v>10448</v>
      </c>
      <c r="F16988" t="s">
        <v>10449</v>
      </c>
      <c r="G16988" t="s">
        <v>10450</v>
      </c>
      <c r="H16988" t="s">
        <v>10451</v>
      </c>
      <c r="I16988" s="2">
        <v>1</v>
      </c>
      <c r="J16988" s="2">
        <v>0</v>
      </c>
      <c r="K16988" s="2">
        <v>0</v>
      </c>
      <c r="L16988" t="s">
        <v>120</v>
      </c>
      <c r="M16988" t="s">
        <v>89</v>
      </c>
      <c r="N16988" t="s">
        <v>90</v>
      </c>
      <c r="O16988" t="s">
        <v>85</v>
      </c>
      <c r="P16988" t="s">
        <v>86</v>
      </c>
      <c r="Q16988">
        <v>52</v>
      </c>
      <c r="R16988">
        <v>53</v>
      </c>
      <c r="S16988">
        <v>54</v>
      </c>
      <c r="T16988">
        <v>55</v>
      </c>
      <c r="U16988">
        <v>56</v>
      </c>
      <c r="V16988">
        <v>57</v>
      </c>
      <c r="W16988">
        <v>59</v>
      </c>
      <c r="X16988">
        <v>60</v>
      </c>
      <c r="Y16988">
        <v>61</v>
      </c>
      <c r="Z16988">
        <v>61</v>
      </c>
      <c r="AA16988">
        <v>62</v>
      </c>
      <c r="AB16988">
        <v>63</v>
      </c>
      <c r="AC16988">
        <v>64</v>
      </c>
      <c r="AD16988">
        <v>65</v>
      </c>
      <c r="AE16988">
        <v>66</v>
      </c>
      <c r="AF16988">
        <v>66</v>
      </c>
      <c r="AG16988">
        <v>66</v>
      </c>
      <c r="AH16988">
        <v>66</v>
      </c>
      <c r="AI16988">
        <v>66</v>
      </c>
      <c r="AJ16988">
        <v>66</v>
      </c>
      <c r="AK16988">
        <v>67</v>
      </c>
      <c r="AL16988">
        <v>67</v>
      </c>
      <c r="AM16988">
        <v>67</v>
      </c>
      <c r="AN16988">
        <v>67</v>
      </c>
      <c r="AO16988">
        <v>67</v>
      </c>
      <c r="AP16988">
        <v>67</v>
      </c>
      <c r="AQ16988">
        <v>67</v>
      </c>
    </row>
    <row r="16989" spans="1:43">
      <c r="A16989" t="s">
        <v>10544</v>
      </c>
      <c r="B16989" t="s">
        <v>10545</v>
      </c>
      <c r="C16989" t="s">
        <v>10476</v>
      </c>
      <c r="D16989" t="s">
        <v>10477</v>
      </c>
      <c r="E16989" t="s">
        <v>10448</v>
      </c>
      <c r="F16989" t="s">
        <v>10449</v>
      </c>
      <c r="G16989" t="s">
        <v>10450</v>
      </c>
      <c r="H16989" t="s">
        <v>10451</v>
      </c>
      <c r="I16989" s="2">
        <v>1</v>
      </c>
      <c r="J16989" s="2">
        <v>0</v>
      </c>
      <c r="K16989" s="2">
        <v>0</v>
      </c>
      <c r="L16989" t="s">
        <v>120</v>
      </c>
      <c r="M16989" t="s">
        <v>83</v>
      </c>
      <c r="N16989" t="s">
        <v>91</v>
      </c>
      <c r="O16989" t="s">
        <v>85</v>
      </c>
      <c r="P16989" t="s">
        <v>86</v>
      </c>
      <c r="Q16989">
        <v>52</v>
      </c>
      <c r="R16989">
        <v>53</v>
      </c>
      <c r="S16989">
        <v>54</v>
      </c>
      <c r="T16989">
        <v>55</v>
      </c>
      <c r="U16989">
        <v>55</v>
      </c>
      <c r="V16989">
        <v>56</v>
      </c>
      <c r="W16989">
        <v>57</v>
      </c>
      <c r="X16989">
        <v>57</v>
      </c>
      <c r="Y16989">
        <v>58</v>
      </c>
      <c r="Z16989">
        <v>59</v>
      </c>
      <c r="AA16989">
        <v>60</v>
      </c>
      <c r="AB16989">
        <v>60</v>
      </c>
      <c r="AC16989">
        <v>61</v>
      </c>
      <c r="AD16989">
        <v>62</v>
      </c>
      <c r="AE16989">
        <v>62</v>
      </c>
      <c r="AF16989">
        <v>63</v>
      </c>
      <c r="AG16989">
        <v>64</v>
      </c>
      <c r="AH16989">
        <v>64</v>
      </c>
      <c r="AI16989">
        <v>65</v>
      </c>
      <c r="AJ16989">
        <v>66</v>
      </c>
      <c r="AK16989">
        <v>66</v>
      </c>
      <c r="AL16989">
        <v>67</v>
      </c>
      <c r="AM16989">
        <v>67</v>
      </c>
      <c r="AN16989">
        <v>67</v>
      </c>
      <c r="AO16989">
        <v>67</v>
      </c>
      <c r="AP16989">
        <v>67</v>
      </c>
      <c r="AQ16989">
        <v>67</v>
      </c>
    </row>
    <row r="16990" spans="1:43">
      <c r="A16990" t="s">
        <v>10546</v>
      </c>
      <c r="B16990" t="s">
        <v>10547</v>
      </c>
      <c r="C16990" t="s">
        <v>10548</v>
      </c>
      <c r="D16990" t="s">
        <v>10549</v>
      </c>
      <c r="E16990" t="s">
        <v>10448</v>
      </c>
      <c r="F16990" t="s">
        <v>10449</v>
      </c>
      <c r="G16990" t="s">
        <v>10450</v>
      </c>
      <c r="H16990" t="s">
        <v>10451</v>
      </c>
      <c r="I16990" s="2">
        <v>1</v>
      </c>
      <c r="J16990" s="2">
        <v>0</v>
      </c>
      <c r="K16990" s="2">
        <v>0</v>
      </c>
      <c r="L16990" t="s">
        <v>120</v>
      </c>
      <c r="M16990" t="s">
        <v>83</v>
      </c>
      <c r="N16990" t="s">
        <v>84</v>
      </c>
      <c r="O16990" t="s">
        <v>85</v>
      </c>
      <c r="P16990" t="s">
        <v>86</v>
      </c>
      <c r="Q16990">
        <v>11</v>
      </c>
      <c r="R16990">
        <v>11</v>
      </c>
      <c r="S16990">
        <v>12</v>
      </c>
      <c r="T16990">
        <v>12</v>
      </c>
      <c r="U16990">
        <v>12</v>
      </c>
      <c r="V16990">
        <v>12</v>
      </c>
      <c r="W16990">
        <v>12</v>
      </c>
      <c r="X16990">
        <v>12</v>
      </c>
      <c r="Y16990">
        <v>13</v>
      </c>
      <c r="Z16990">
        <v>13</v>
      </c>
      <c r="AA16990">
        <v>13</v>
      </c>
      <c r="AB16990">
        <v>13</v>
      </c>
      <c r="AC16990">
        <v>13</v>
      </c>
      <c r="AD16990">
        <v>13</v>
      </c>
      <c r="AE16990">
        <v>13</v>
      </c>
      <c r="AF16990">
        <v>14</v>
      </c>
      <c r="AG16990">
        <v>14</v>
      </c>
      <c r="AH16990">
        <v>14</v>
      </c>
      <c r="AI16990">
        <v>14</v>
      </c>
      <c r="AJ16990">
        <v>14</v>
      </c>
      <c r="AK16990">
        <v>14</v>
      </c>
      <c r="AL16990">
        <v>14</v>
      </c>
      <c r="AM16990">
        <v>14</v>
      </c>
      <c r="AN16990">
        <v>14</v>
      </c>
      <c r="AO16990">
        <v>14</v>
      </c>
      <c r="AP16990">
        <v>14</v>
      </c>
      <c r="AQ16990">
        <v>14</v>
      </c>
    </row>
    <row r="16991" spans="1:43">
      <c r="A16991" t="s">
        <v>10546</v>
      </c>
      <c r="B16991" t="s">
        <v>10547</v>
      </c>
      <c r="C16991" t="s">
        <v>10548</v>
      </c>
      <c r="D16991" t="s">
        <v>10549</v>
      </c>
      <c r="E16991" t="s">
        <v>10448</v>
      </c>
      <c r="F16991" t="s">
        <v>10449</v>
      </c>
      <c r="G16991" t="s">
        <v>10450</v>
      </c>
      <c r="H16991" t="s">
        <v>10451</v>
      </c>
      <c r="I16991" s="2">
        <v>1</v>
      </c>
      <c r="J16991" s="2">
        <v>0</v>
      </c>
      <c r="K16991" s="2">
        <v>0</v>
      </c>
      <c r="L16991" t="s">
        <v>120</v>
      </c>
      <c r="M16991" t="s">
        <v>87</v>
      </c>
      <c r="N16991" t="s">
        <v>88</v>
      </c>
      <c r="O16991" t="s">
        <v>85</v>
      </c>
      <c r="P16991" t="s">
        <v>86</v>
      </c>
      <c r="Q16991">
        <v>11</v>
      </c>
      <c r="R16991">
        <v>11</v>
      </c>
      <c r="S16991">
        <v>11</v>
      </c>
      <c r="T16991">
        <v>11</v>
      </c>
      <c r="U16991">
        <v>11</v>
      </c>
      <c r="V16991">
        <v>11</v>
      </c>
      <c r="W16991">
        <v>11</v>
      </c>
      <c r="X16991">
        <v>12</v>
      </c>
      <c r="Y16991">
        <v>12</v>
      </c>
      <c r="Z16991">
        <v>12</v>
      </c>
      <c r="AA16991">
        <v>12</v>
      </c>
      <c r="AB16991">
        <v>12</v>
      </c>
      <c r="AC16991">
        <v>12</v>
      </c>
      <c r="AD16991">
        <v>12</v>
      </c>
      <c r="AE16991">
        <v>12</v>
      </c>
      <c r="AF16991">
        <v>12</v>
      </c>
      <c r="AG16991">
        <v>12</v>
      </c>
      <c r="AH16991">
        <v>12</v>
      </c>
      <c r="AI16991">
        <v>12</v>
      </c>
      <c r="AJ16991">
        <v>12</v>
      </c>
      <c r="AK16991">
        <v>12</v>
      </c>
      <c r="AL16991">
        <v>12</v>
      </c>
      <c r="AM16991">
        <v>12</v>
      </c>
      <c r="AN16991">
        <v>12</v>
      </c>
      <c r="AO16991">
        <v>12</v>
      </c>
      <c r="AP16991">
        <v>12</v>
      </c>
      <c r="AQ16991">
        <v>12</v>
      </c>
    </row>
    <row r="16992" spans="1:43">
      <c r="A16992" t="s">
        <v>10546</v>
      </c>
      <c r="B16992" t="s">
        <v>10547</v>
      </c>
      <c r="C16992" t="s">
        <v>10548</v>
      </c>
      <c r="D16992" t="s">
        <v>10549</v>
      </c>
      <c r="E16992" t="s">
        <v>10448</v>
      </c>
      <c r="F16992" t="s">
        <v>10449</v>
      </c>
      <c r="G16992" t="s">
        <v>10450</v>
      </c>
      <c r="H16992" t="s">
        <v>10451</v>
      </c>
      <c r="I16992" s="2">
        <v>1</v>
      </c>
      <c r="J16992" s="2">
        <v>0</v>
      </c>
      <c r="K16992" s="2">
        <v>0</v>
      </c>
      <c r="L16992" t="s">
        <v>120</v>
      </c>
      <c r="M16992" t="s">
        <v>89</v>
      </c>
      <c r="N16992" t="s">
        <v>90</v>
      </c>
      <c r="O16992" t="s">
        <v>85</v>
      </c>
      <c r="P16992" t="s">
        <v>86</v>
      </c>
      <c r="Q16992">
        <v>11</v>
      </c>
      <c r="R16992">
        <v>12</v>
      </c>
      <c r="S16992">
        <v>12</v>
      </c>
      <c r="T16992">
        <v>12</v>
      </c>
      <c r="U16992">
        <v>12</v>
      </c>
      <c r="V16992">
        <v>13</v>
      </c>
      <c r="W16992">
        <v>13</v>
      </c>
      <c r="X16992">
        <v>13</v>
      </c>
      <c r="Y16992">
        <v>13</v>
      </c>
      <c r="Z16992">
        <v>13</v>
      </c>
      <c r="AA16992">
        <v>14</v>
      </c>
      <c r="AB16992">
        <v>14</v>
      </c>
      <c r="AC16992">
        <v>14</v>
      </c>
      <c r="AD16992">
        <v>14</v>
      </c>
      <c r="AE16992">
        <v>14</v>
      </c>
      <c r="AF16992">
        <v>14</v>
      </c>
      <c r="AG16992">
        <v>14</v>
      </c>
      <c r="AH16992">
        <v>14</v>
      </c>
      <c r="AI16992">
        <v>14</v>
      </c>
      <c r="AJ16992">
        <v>14</v>
      </c>
      <c r="AK16992">
        <v>14</v>
      </c>
      <c r="AL16992">
        <v>14</v>
      </c>
      <c r="AM16992">
        <v>14</v>
      </c>
      <c r="AN16992">
        <v>14</v>
      </c>
      <c r="AO16992">
        <v>14</v>
      </c>
      <c r="AP16992">
        <v>14</v>
      </c>
      <c r="AQ16992">
        <v>14</v>
      </c>
    </row>
    <row r="16993" spans="1:43">
      <c r="A16993" t="s">
        <v>10546</v>
      </c>
      <c r="B16993" t="s">
        <v>10547</v>
      </c>
      <c r="C16993" t="s">
        <v>10548</v>
      </c>
      <c r="D16993" t="s">
        <v>10549</v>
      </c>
      <c r="E16993" t="s">
        <v>10448</v>
      </c>
      <c r="F16993" t="s">
        <v>10449</v>
      </c>
      <c r="G16993" t="s">
        <v>10450</v>
      </c>
      <c r="H16993" t="s">
        <v>10451</v>
      </c>
      <c r="I16993" s="2">
        <v>1</v>
      </c>
      <c r="J16993" s="2">
        <v>0</v>
      </c>
      <c r="K16993" s="2">
        <v>0</v>
      </c>
      <c r="L16993" t="s">
        <v>120</v>
      </c>
      <c r="M16993" t="s">
        <v>83</v>
      </c>
      <c r="N16993" t="s">
        <v>91</v>
      </c>
      <c r="O16993" t="s">
        <v>85</v>
      </c>
      <c r="P16993" t="s">
        <v>86</v>
      </c>
      <c r="Q16993">
        <v>11</v>
      </c>
      <c r="R16993">
        <v>11</v>
      </c>
      <c r="S16993">
        <v>12</v>
      </c>
      <c r="T16993">
        <v>12</v>
      </c>
      <c r="U16993">
        <v>12</v>
      </c>
      <c r="V16993">
        <v>12</v>
      </c>
      <c r="W16993">
        <v>12</v>
      </c>
      <c r="X16993">
        <v>12</v>
      </c>
      <c r="Y16993">
        <v>13</v>
      </c>
      <c r="Z16993">
        <v>13</v>
      </c>
      <c r="AA16993">
        <v>13</v>
      </c>
      <c r="AB16993">
        <v>13</v>
      </c>
      <c r="AC16993">
        <v>13</v>
      </c>
      <c r="AD16993">
        <v>13</v>
      </c>
      <c r="AE16993">
        <v>13</v>
      </c>
      <c r="AF16993">
        <v>14</v>
      </c>
      <c r="AG16993">
        <v>14</v>
      </c>
      <c r="AH16993">
        <v>14</v>
      </c>
      <c r="AI16993">
        <v>14</v>
      </c>
      <c r="AJ16993">
        <v>14</v>
      </c>
      <c r="AK16993">
        <v>14</v>
      </c>
      <c r="AL16993">
        <v>14</v>
      </c>
      <c r="AM16993">
        <v>14</v>
      </c>
      <c r="AN16993">
        <v>14</v>
      </c>
      <c r="AO16993">
        <v>14</v>
      </c>
      <c r="AP16993">
        <v>14</v>
      </c>
      <c r="AQ16993">
        <v>14</v>
      </c>
    </row>
    <row r="16994" spans="1:43">
      <c r="A16994" t="s">
        <v>10550</v>
      </c>
      <c r="B16994" t="s">
        <v>10551</v>
      </c>
      <c r="C16994" t="s">
        <v>10548</v>
      </c>
      <c r="D16994" t="s">
        <v>10549</v>
      </c>
      <c r="E16994" t="s">
        <v>10448</v>
      </c>
      <c r="F16994" t="s">
        <v>10449</v>
      </c>
      <c r="G16994" t="s">
        <v>10450</v>
      </c>
      <c r="H16994" t="s">
        <v>10451</v>
      </c>
      <c r="I16994" s="2">
        <v>1</v>
      </c>
      <c r="J16994" s="2">
        <v>0</v>
      </c>
      <c r="K16994" s="2">
        <v>0</v>
      </c>
      <c r="L16994" t="s">
        <v>120</v>
      </c>
      <c r="M16994" t="s">
        <v>83</v>
      </c>
      <c r="N16994" t="s">
        <v>84</v>
      </c>
      <c r="O16994" t="s">
        <v>85</v>
      </c>
      <c r="P16994" t="s">
        <v>86</v>
      </c>
      <c r="Q16994">
        <v>12</v>
      </c>
      <c r="R16994">
        <v>13</v>
      </c>
      <c r="S16994">
        <v>13</v>
      </c>
      <c r="T16994">
        <v>13</v>
      </c>
      <c r="U16994">
        <v>13</v>
      </c>
      <c r="V16994">
        <v>13</v>
      </c>
      <c r="W16994">
        <v>14</v>
      </c>
      <c r="X16994">
        <v>14</v>
      </c>
      <c r="Y16994">
        <v>14</v>
      </c>
      <c r="Z16994">
        <v>14</v>
      </c>
      <c r="AA16994">
        <v>14</v>
      </c>
      <c r="AB16994">
        <v>14</v>
      </c>
      <c r="AC16994">
        <v>14</v>
      </c>
      <c r="AD16994">
        <v>15</v>
      </c>
      <c r="AE16994">
        <v>15</v>
      </c>
      <c r="AF16994">
        <v>15</v>
      </c>
      <c r="AG16994">
        <v>15</v>
      </c>
      <c r="AH16994">
        <v>15</v>
      </c>
      <c r="AI16994">
        <v>15</v>
      </c>
      <c r="AJ16994">
        <v>16</v>
      </c>
      <c r="AK16994">
        <v>16</v>
      </c>
      <c r="AL16994">
        <v>16</v>
      </c>
      <c r="AM16994">
        <v>16</v>
      </c>
      <c r="AN16994">
        <v>16</v>
      </c>
      <c r="AO16994">
        <v>16</v>
      </c>
      <c r="AP16994">
        <v>16</v>
      </c>
      <c r="AQ16994">
        <v>16</v>
      </c>
    </row>
    <row r="16995" spans="1:43">
      <c r="A16995" t="s">
        <v>10550</v>
      </c>
      <c r="B16995" t="s">
        <v>10551</v>
      </c>
      <c r="C16995" t="s">
        <v>10548</v>
      </c>
      <c r="D16995" t="s">
        <v>10549</v>
      </c>
      <c r="E16995" t="s">
        <v>10448</v>
      </c>
      <c r="F16995" t="s">
        <v>10449</v>
      </c>
      <c r="G16995" t="s">
        <v>10450</v>
      </c>
      <c r="H16995" t="s">
        <v>10451</v>
      </c>
      <c r="I16995" s="2">
        <v>1</v>
      </c>
      <c r="J16995" s="2">
        <v>0</v>
      </c>
      <c r="K16995" s="2">
        <v>0</v>
      </c>
      <c r="L16995" t="s">
        <v>120</v>
      </c>
      <c r="M16995" t="s">
        <v>87</v>
      </c>
      <c r="N16995" t="s">
        <v>88</v>
      </c>
      <c r="O16995" t="s">
        <v>85</v>
      </c>
      <c r="P16995" t="s">
        <v>86</v>
      </c>
      <c r="Q16995">
        <v>12</v>
      </c>
      <c r="R16995">
        <v>12</v>
      </c>
      <c r="S16995">
        <v>12</v>
      </c>
      <c r="T16995">
        <v>13</v>
      </c>
      <c r="U16995">
        <v>13</v>
      </c>
      <c r="V16995">
        <v>13</v>
      </c>
      <c r="W16995">
        <v>13</v>
      </c>
      <c r="X16995">
        <v>13</v>
      </c>
      <c r="Y16995">
        <v>13</v>
      </c>
      <c r="Z16995">
        <v>13</v>
      </c>
      <c r="AA16995">
        <v>13</v>
      </c>
      <c r="AB16995">
        <v>13</v>
      </c>
      <c r="AC16995">
        <v>13</v>
      </c>
      <c r="AD16995">
        <v>13</v>
      </c>
      <c r="AE16995">
        <v>13</v>
      </c>
      <c r="AF16995">
        <v>13</v>
      </c>
      <c r="AG16995">
        <v>13</v>
      </c>
      <c r="AH16995">
        <v>13</v>
      </c>
      <c r="AI16995">
        <v>13</v>
      </c>
      <c r="AJ16995">
        <v>13</v>
      </c>
      <c r="AK16995">
        <v>13</v>
      </c>
      <c r="AL16995">
        <v>14</v>
      </c>
      <c r="AM16995">
        <v>14</v>
      </c>
      <c r="AN16995">
        <v>14</v>
      </c>
      <c r="AO16995">
        <v>14</v>
      </c>
      <c r="AP16995">
        <v>14</v>
      </c>
      <c r="AQ16995">
        <v>14</v>
      </c>
    </row>
    <row r="16996" spans="1:43">
      <c r="A16996" t="s">
        <v>10550</v>
      </c>
      <c r="B16996" t="s">
        <v>10551</v>
      </c>
      <c r="C16996" t="s">
        <v>10548</v>
      </c>
      <c r="D16996" t="s">
        <v>10549</v>
      </c>
      <c r="E16996" t="s">
        <v>10448</v>
      </c>
      <c r="F16996" t="s">
        <v>10449</v>
      </c>
      <c r="G16996" t="s">
        <v>10450</v>
      </c>
      <c r="H16996" t="s">
        <v>10451</v>
      </c>
      <c r="I16996" s="2">
        <v>1</v>
      </c>
      <c r="J16996" s="2">
        <v>0</v>
      </c>
      <c r="K16996" s="2">
        <v>0</v>
      </c>
      <c r="L16996" t="s">
        <v>120</v>
      </c>
      <c r="M16996" t="s">
        <v>89</v>
      </c>
      <c r="N16996" t="s">
        <v>90</v>
      </c>
      <c r="O16996" t="s">
        <v>85</v>
      </c>
      <c r="P16996" t="s">
        <v>86</v>
      </c>
      <c r="Q16996">
        <v>12</v>
      </c>
      <c r="R16996">
        <v>12</v>
      </c>
      <c r="S16996">
        <v>12</v>
      </c>
      <c r="T16996">
        <v>12</v>
      </c>
      <c r="U16996">
        <v>13</v>
      </c>
      <c r="V16996">
        <v>13</v>
      </c>
      <c r="W16996">
        <v>13</v>
      </c>
      <c r="X16996">
        <v>13</v>
      </c>
      <c r="Y16996">
        <v>14</v>
      </c>
      <c r="Z16996">
        <v>14</v>
      </c>
      <c r="AA16996">
        <v>14</v>
      </c>
      <c r="AB16996">
        <v>14</v>
      </c>
      <c r="AC16996">
        <v>15</v>
      </c>
      <c r="AD16996">
        <v>15</v>
      </c>
      <c r="AE16996">
        <v>15</v>
      </c>
      <c r="AF16996">
        <v>15</v>
      </c>
      <c r="AG16996">
        <v>15</v>
      </c>
      <c r="AH16996">
        <v>15</v>
      </c>
      <c r="AI16996">
        <v>15</v>
      </c>
      <c r="AJ16996">
        <v>15</v>
      </c>
      <c r="AK16996">
        <v>15</v>
      </c>
      <c r="AL16996">
        <v>15</v>
      </c>
      <c r="AM16996">
        <v>15</v>
      </c>
      <c r="AN16996">
        <v>15</v>
      </c>
      <c r="AO16996">
        <v>15</v>
      </c>
      <c r="AP16996">
        <v>15</v>
      </c>
      <c r="AQ16996">
        <v>15</v>
      </c>
    </row>
    <row r="16997" spans="1:43">
      <c r="A16997" t="s">
        <v>10550</v>
      </c>
      <c r="B16997" t="s">
        <v>10551</v>
      </c>
      <c r="C16997" t="s">
        <v>10548</v>
      </c>
      <c r="D16997" t="s">
        <v>10549</v>
      </c>
      <c r="E16997" t="s">
        <v>10448</v>
      </c>
      <c r="F16997" t="s">
        <v>10449</v>
      </c>
      <c r="G16997" t="s">
        <v>10450</v>
      </c>
      <c r="H16997" t="s">
        <v>10451</v>
      </c>
      <c r="I16997" s="2">
        <v>1</v>
      </c>
      <c r="J16997" s="2">
        <v>0</v>
      </c>
      <c r="K16997" s="2">
        <v>0</v>
      </c>
      <c r="L16997" t="s">
        <v>120</v>
      </c>
      <c r="M16997" t="s">
        <v>83</v>
      </c>
      <c r="N16997" t="s">
        <v>91</v>
      </c>
      <c r="O16997" t="s">
        <v>85</v>
      </c>
      <c r="P16997" t="s">
        <v>86</v>
      </c>
      <c r="Q16997">
        <v>12</v>
      </c>
      <c r="R16997">
        <v>13</v>
      </c>
      <c r="S16997">
        <v>13</v>
      </c>
      <c r="T16997">
        <v>13</v>
      </c>
      <c r="U16997">
        <v>13</v>
      </c>
      <c r="V16997">
        <v>13</v>
      </c>
      <c r="W16997">
        <v>14</v>
      </c>
      <c r="X16997">
        <v>14</v>
      </c>
      <c r="Y16997">
        <v>14</v>
      </c>
      <c r="Z16997">
        <v>14</v>
      </c>
      <c r="AA16997">
        <v>14</v>
      </c>
      <c r="AB16997">
        <v>14</v>
      </c>
      <c r="AC16997">
        <v>14</v>
      </c>
      <c r="AD16997">
        <v>15</v>
      </c>
      <c r="AE16997">
        <v>15</v>
      </c>
      <c r="AF16997">
        <v>15</v>
      </c>
      <c r="AG16997">
        <v>15</v>
      </c>
      <c r="AH16997">
        <v>15</v>
      </c>
      <c r="AI16997">
        <v>15</v>
      </c>
      <c r="AJ16997">
        <v>16</v>
      </c>
      <c r="AK16997">
        <v>16</v>
      </c>
      <c r="AL16997">
        <v>16</v>
      </c>
      <c r="AM16997">
        <v>16</v>
      </c>
      <c r="AN16997">
        <v>16</v>
      </c>
      <c r="AO16997">
        <v>16</v>
      </c>
      <c r="AP16997">
        <v>16</v>
      </c>
      <c r="AQ16997">
        <v>16</v>
      </c>
    </row>
    <row r="16998" spans="1:43">
      <c r="A16998" t="s">
        <v>10552</v>
      </c>
      <c r="B16998" t="s">
        <v>10553</v>
      </c>
      <c r="C16998" t="s">
        <v>10548</v>
      </c>
      <c r="D16998" t="s">
        <v>10549</v>
      </c>
      <c r="E16998" t="s">
        <v>10448</v>
      </c>
      <c r="F16998" t="s">
        <v>10449</v>
      </c>
      <c r="G16998" t="s">
        <v>10450</v>
      </c>
      <c r="H16998" t="s">
        <v>10451</v>
      </c>
      <c r="I16998" s="2">
        <v>1</v>
      </c>
      <c r="J16998" s="2">
        <v>0</v>
      </c>
      <c r="K16998" s="2">
        <v>0</v>
      </c>
      <c r="L16998" t="s">
        <v>120</v>
      </c>
      <c r="M16998" t="s">
        <v>83</v>
      </c>
      <c r="N16998" t="s">
        <v>84</v>
      </c>
      <c r="O16998" t="s">
        <v>85</v>
      </c>
      <c r="P16998" t="s">
        <v>86</v>
      </c>
      <c r="Q16998">
        <v>5</v>
      </c>
      <c r="R16998">
        <v>5</v>
      </c>
      <c r="S16998">
        <v>5</v>
      </c>
      <c r="T16998">
        <v>5</v>
      </c>
      <c r="U16998">
        <v>5</v>
      </c>
      <c r="V16998">
        <v>5</v>
      </c>
      <c r="W16998">
        <v>5</v>
      </c>
      <c r="X16998">
        <v>5</v>
      </c>
      <c r="Y16998">
        <v>5</v>
      </c>
      <c r="Z16998">
        <v>5</v>
      </c>
      <c r="AA16998">
        <v>5</v>
      </c>
      <c r="AB16998">
        <v>5</v>
      </c>
      <c r="AC16998">
        <v>5</v>
      </c>
      <c r="AD16998">
        <v>6</v>
      </c>
      <c r="AE16998">
        <v>6</v>
      </c>
      <c r="AF16998">
        <v>6</v>
      </c>
      <c r="AG16998">
        <v>6</v>
      </c>
      <c r="AH16998">
        <v>6</v>
      </c>
      <c r="AI16998">
        <v>6</v>
      </c>
      <c r="AJ16998">
        <v>6</v>
      </c>
      <c r="AK16998">
        <v>6</v>
      </c>
      <c r="AL16998">
        <v>6</v>
      </c>
      <c r="AM16998">
        <v>6</v>
      </c>
      <c r="AN16998">
        <v>6</v>
      </c>
      <c r="AO16998">
        <v>6</v>
      </c>
      <c r="AP16998">
        <v>6</v>
      </c>
      <c r="AQ16998">
        <v>6</v>
      </c>
    </row>
    <row r="16999" spans="1:43">
      <c r="A16999" t="s">
        <v>10552</v>
      </c>
      <c r="B16999" t="s">
        <v>10553</v>
      </c>
      <c r="C16999" t="s">
        <v>10548</v>
      </c>
      <c r="D16999" t="s">
        <v>10549</v>
      </c>
      <c r="E16999" t="s">
        <v>10448</v>
      </c>
      <c r="F16999" t="s">
        <v>10449</v>
      </c>
      <c r="G16999" t="s">
        <v>10450</v>
      </c>
      <c r="H16999" t="s">
        <v>10451</v>
      </c>
      <c r="I16999" s="2">
        <v>1</v>
      </c>
      <c r="J16999" s="2">
        <v>0</v>
      </c>
      <c r="K16999" s="2">
        <v>0</v>
      </c>
      <c r="L16999" t="s">
        <v>120</v>
      </c>
      <c r="M16999" t="s">
        <v>87</v>
      </c>
      <c r="N16999" t="s">
        <v>88</v>
      </c>
      <c r="O16999" t="s">
        <v>85</v>
      </c>
      <c r="P16999" t="s">
        <v>86</v>
      </c>
      <c r="Q16999">
        <v>5</v>
      </c>
      <c r="R16999">
        <v>5</v>
      </c>
      <c r="S16999">
        <v>5</v>
      </c>
      <c r="T16999">
        <v>5</v>
      </c>
      <c r="U16999">
        <v>5</v>
      </c>
      <c r="V16999">
        <v>5</v>
      </c>
      <c r="W16999">
        <v>5</v>
      </c>
      <c r="X16999">
        <v>5</v>
      </c>
      <c r="Y16999">
        <v>5</v>
      </c>
      <c r="Z16999">
        <v>5</v>
      </c>
      <c r="AA16999">
        <v>5</v>
      </c>
      <c r="AB16999">
        <v>5</v>
      </c>
      <c r="AC16999">
        <v>5</v>
      </c>
      <c r="AD16999">
        <v>5</v>
      </c>
      <c r="AE16999">
        <v>5</v>
      </c>
      <c r="AF16999">
        <v>5</v>
      </c>
      <c r="AG16999">
        <v>5</v>
      </c>
      <c r="AH16999">
        <v>5</v>
      </c>
      <c r="AI16999">
        <v>5</v>
      </c>
      <c r="AJ16999">
        <v>5</v>
      </c>
      <c r="AK16999">
        <v>5</v>
      </c>
      <c r="AL16999">
        <v>5</v>
      </c>
      <c r="AM16999">
        <v>5</v>
      </c>
      <c r="AN16999">
        <v>5</v>
      </c>
      <c r="AO16999">
        <v>5</v>
      </c>
      <c r="AP16999">
        <v>5</v>
      </c>
      <c r="AQ16999">
        <v>5</v>
      </c>
    </row>
    <row r="17000" spans="1:43">
      <c r="A17000" t="s">
        <v>10552</v>
      </c>
      <c r="B17000" t="s">
        <v>10553</v>
      </c>
      <c r="C17000" t="s">
        <v>10548</v>
      </c>
      <c r="D17000" t="s">
        <v>10549</v>
      </c>
      <c r="E17000" t="s">
        <v>10448</v>
      </c>
      <c r="F17000" t="s">
        <v>10449</v>
      </c>
      <c r="G17000" t="s">
        <v>10450</v>
      </c>
      <c r="H17000" t="s">
        <v>10451</v>
      </c>
      <c r="I17000" s="2">
        <v>1</v>
      </c>
      <c r="J17000" s="2">
        <v>0</v>
      </c>
      <c r="K17000" s="2">
        <v>0</v>
      </c>
      <c r="L17000" t="s">
        <v>120</v>
      </c>
      <c r="M17000" t="s">
        <v>89</v>
      </c>
      <c r="N17000" t="s">
        <v>90</v>
      </c>
      <c r="O17000" t="s">
        <v>85</v>
      </c>
      <c r="P17000" t="s">
        <v>86</v>
      </c>
      <c r="Q17000">
        <v>5</v>
      </c>
      <c r="R17000">
        <v>5</v>
      </c>
      <c r="S17000">
        <v>5</v>
      </c>
      <c r="T17000">
        <v>5</v>
      </c>
      <c r="U17000">
        <v>5</v>
      </c>
      <c r="V17000">
        <v>5</v>
      </c>
      <c r="W17000">
        <v>5</v>
      </c>
      <c r="X17000">
        <v>5</v>
      </c>
      <c r="Y17000">
        <v>6</v>
      </c>
      <c r="Z17000">
        <v>6</v>
      </c>
      <c r="AA17000">
        <v>6</v>
      </c>
      <c r="AB17000">
        <v>6</v>
      </c>
      <c r="AC17000">
        <v>6</v>
      </c>
      <c r="AD17000">
        <v>6</v>
      </c>
      <c r="AE17000">
        <v>6</v>
      </c>
      <c r="AF17000">
        <v>6</v>
      </c>
      <c r="AG17000">
        <v>6</v>
      </c>
      <c r="AH17000">
        <v>6</v>
      </c>
      <c r="AI17000">
        <v>6</v>
      </c>
      <c r="AJ17000">
        <v>6</v>
      </c>
      <c r="AK17000">
        <v>6</v>
      </c>
      <c r="AL17000">
        <v>6</v>
      </c>
      <c r="AM17000">
        <v>6</v>
      </c>
      <c r="AN17000">
        <v>6</v>
      </c>
      <c r="AO17000">
        <v>6</v>
      </c>
      <c r="AP17000">
        <v>6</v>
      </c>
      <c r="AQ17000">
        <v>6</v>
      </c>
    </row>
    <row r="17001" spans="1:43">
      <c r="A17001" t="s">
        <v>10552</v>
      </c>
      <c r="B17001" t="s">
        <v>10553</v>
      </c>
      <c r="C17001" t="s">
        <v>10548</v>
      </c>
      <c r="D17001" t="s">
        <v>10549</v>
      </c>
      <c r="E17001" t="s">
        <v>10448</v>
      </c>
      <c r="F17001" t="s">
        <v>10449</v>
      </c>
      <c r="G17001" t="s">
        <v>10450</v>
      </c>
      <c r="H17001" t="s">
        <v>10451</v>
      </c>
      <c r="I17001" s="2">
        <v>1</v>
      </c>
      <c r="J17001" s="2">
        <v>0</v>
      </c>
      <c r="K17001" s="2">
        <v>0</v>
      </c>
      <c r="L17001" t="s">
        <v>120</v>
      </c>
      <c r="M17001" t="s">
        <v>83</v>
      </c>
      <c r="N17001" t="s">
        <v>91</v>
      </c>
      <c r="O17001" t="s">
        <v>85</v>
      </c>
      <c r="P17001" t="s">
        <v>86</v>
      </c>
      <c r="Q17001">
        <v>5</v>
      </c>
      <c r="R17001">
        <v>5</v>
      </c>
      <c r="S17001">
        <v>5</v>
      </c>
      <c r="T17001">
        <v>5</v>
      </c>
      <c r="U17001">
        <v>5</v>
      </c>
      <c r="V17001">
        <v>5</v>
      </c>
      <c r="W17001">
        <v>5</v>
      </c>
      <c r="X17001">
        <v>5</v>
      </c>
      <c r="Y17001">
        <v>5</v>
      </c>
      <c r="Z17001">
        <v>5</v>
      </c>
      <c r="AA17001">
        <v>5</v>
      </c>
      <c r="AB17001">
        <v>5</v>
      </c>
      <c r="AC17001">
        <v>5</v>
      </c>
      <c r="AD17001">
        <v>6</v>
      </c>
      <c r="AE17001">
        <v>6</v>
      </c>
      <c r="AF17001">
        <v>6</v>
      </c>
      <c r="AG17001">
        <v>6</v>
      </c>
      <c r="AH17001">
        <v>6</v>
      </c>
      <c r="AI17001">
        <v>6</v>
      </c>
      <c r="AJ17001">
        <v>6</v>
      </c>
      <c r="AK17001">
        <v>6</v>
      </c>
      <c r="AL17001">
        <v>6</v>
      </c>
      <c r="AM17001">
        <v>6</v>
      </c>
      <c r="AN17001">
        <v>6</v>
      </c>
      <c r="AO17001">
        <v>6</v>
      </c>
      <c r="AP17001">
        <v>6</v>
      </c>
      <c r="AQ17001">
        <v>6</v>
      </c>
    </row>
    <row r="17002" spans="1:43">
      <c r="A17002" t="s">
        <v>10554</v>
      </c>
      <c r="B17002" t="s">
        <v>10555</v>
      </c>
      <c r="C17002" t="s">
        <v>10548</v>
      </c>
      <c r="D17002" t="s">
        <v>10549</v>
      </c>
      <c r="E17002" t="s">
        <v>10448</v>
      </c>
      <c r="F17002" t="s">
        <v>10449</v>
      </c>
      <c r="G17002" t="s">
        <v>10450</v>
      </c>
      <c r="H17002" t="s">
        <v>10451</v>
      </c>
      <c r="I17002" s="2">
        <v>1</v>
      </c>
      <c r="J17002" s="2">
        <v>0</v>
      </c>
      <c r="K17002" s="2">
        <v>0</v>
      </c>
      <c r="L17002" t="s">
        <v>120</v>
      </c>
      <c r="M17002" t="s">
        <v>83</v>
      </c>
      <c r="N17002" t="s">
        <v>84</v>
      </c>
      <c r="O17002" t="s">
        <v>85</v>
      </c>
      <c r="P17002" t="s">
        <v>86</v>
      </c>
      <c r="Q17002">
        <v>14</v>
      </c>
      <c r="R17002">
        <v>14</v>
      </c>
      <c r="S17002">
        <v>14</v>
      </c>
      <c r="T17002">
        <v>14</v>
      </c>
      <c r="U17002">
        <v>15</v>
      </c>
      <c r="V17002">
        <v>15</v>
      </c>
      <c r="W17002">
        <v>15</v>
      </c>
      <c r="X17002">
        <v>15</v>
      </c>
      <c r="Y17002">
        <v>15</v>
      </c>
      <c r="Z17002">
        <v>16</v>
      </c>
      <c r="AA17002">
        <v>16</v>
      </c>
      <c r="AB17002">
        <v>16</v>
      </c>
      <c r="AC17002">
        <v>16</v>
      </c>
      <c r="AD17002">
        <v>16</v>
      </c>
      <c r="AE17002">
        <v>16</v>
      </c>
      <c r="AF17002">
        <v>17</v>
      </c>
      <c r="AG17002">
        <v>17</v>
      </c>
      <c r="AH17002">
        <v>17</v>
      </c>
      <c r="AI17002">
        <v>17</v>
      </c>
      <c r="AJ17002">
        <v>17</v>
      </c>
      <c r="AK17002">
        <v>17</v>
      </c>
      <c r="AL17002">
        <v>18</v>
      </c>
      <c r="AM17002">
        <v>18</v>
      </c>
      <c r="AN17002">
        <v>18</v>
      </c>
      <c r="AO17002">
        <v>18</v>
      </c>
      <c r="AP17002">
        <v>18</v>
      </c>
      <c r="AQ17002">
        <v>18</v>
      </c>
    </row>
    <row r="17003" spans="1:43">
      <c r="A17003" t="s">
        <v>10554</v>
      </c>
      <c r="B17003" t="s">
        <v>10555</v>
      </c>
      <c r="C17003" t="s">
        <v>10548</v>
      </c>
      <c r="D17003" t="s">
        <v>10549</v>
      </c>
      <c r="E17003" t="s">
        <v>10448</v>
      </c>
      <c r="F17003" t="s">
        <v>10449</v>
      </c>
      <c r="G17003" t="s">
        <v>10450</v>
      </c>
      <c r="H17003" t="s">
        <v>10451</v>
      </c>
      <c r="I17003" s="2">
        <v>1</v>
      </c>
      <c r="J17003" s="2">
        <v>0</v>
      </c>
      <c r="K17003" s="2">
        <v>0</v>
      </c>
      <c r="L17003" t="s">
        <v>120</v>
      </c>
      <c r="M17003" t="s">
        <v>87</v>
      </c>
      <c r="N17003" t="s">
        <v>88</v>
      </c>
      <c r="O17003" t="s">
        <v>85</v>
      </c>
      <c r="P17003" t="s">
        <v>86</v>
      </c>
      <c r="Q17003">
        <v>14</v>
      </c>
      <c r="R17003">
        <v>14</v>
      </c>
      <c r="S17003">
        <v>14</v>
      </c>
      <c r="T17003">
        <v>14</v>
      </c>
      <c r="U17003">
        <v>14</v>
      </c>
      <c r="V17003">
        <v>14</v>
      </c>
      <c r="W17003">
        <v>14</v>
      </c>
      <c r="X17003">
        <v>14</v>
      </c>
      <c r="Y17003">
        <v>14</v>
      </c>
      <c r="Z17003">
        <v>14</v>
      </c>
      <c r="AA17003">
        <v>14</v>
      </c>
      <c r="AB17003">
        <v>14</v>
      </c>
      <c r="AC17003">
        <v>14</v>
      </c>
      <c r="AD17003">
        <v>14</v>
      </c>
      <c r="AE17003">
        <v>15</v>
      </c>
      <c r="AF17003">
        <v>15</v>
      </c>
      <c r="AG17003">
        <v>15</v>
      </c>
      <c r="AH17003">
        <v>15</v>
      </c>
      <c r="AI17003">
        <v>15</v>
      </c>
      <c r="AJ17003">
        <v>15</v>
      </c>
      <c r="AK17003">
        <v>15</v>
      </c>
      <c r="AL17003">
        <v>15</v>
      </c>
      <c r="AM17003">
        <v>15</v>
      </c>
      <c r="AN17003">
        <v>15</v>
      </c>
      <c r="AO17003">
        <v>15</v>
      </c>
      <c r="AP17003">
        <v>15</v>
      </c>
      <c r="AQ17003">
        <v>15</v>
      </c>
    </row>
    <row r="17004" spans="1:43">
      <c r="A17004" t="s">
        <v>10554</v>
      </c>
      <c r="B17004" t="s">
        <v>10555</v>
      </c>
      <c r="C17004" t="s">
        <v>10548</v>
      </c>
      <c r="D17004" t="s">
        <v>10549</v>
      </c>
      <c r="E17004" t="s">
        <v>10448</v>
      </c>
      <c r="F17004" t="s">
        <v>10449</v>
      </c>
      <c r="G17004" t="s">
        <v>10450</v>
      </c>
      <c r="H17004" t="s">
        <v>10451</v>
      </c>
      <c r="I17004" s="2">
        <v>1</v>
      </c>
      <c r="J17004" s="2">
        <v>0</v>
      </c>
      <c r="K17004" s="2">
        <v>0</v>
      </c>
      <c r="L17004" t="s">
        <v>120</v>
      </c>
      <c r="M17004" t="s">
        <v>89</v>
      </c>
      <c r="N17004" t="s">
        <v>90</v>
      </c>
      <c r="O17004" t="s">
        <v>85</v>
      </c>
      <c r="P17004" t="s">
        <v>86</v>
      </c>
      <c r="Q17004">
        <v>14</v>
      </c>
      <c r="R17004">
        <v>14</v>
      </c>
      <c r="S17004">
        <v>15</v>
      </c>
      <c r="T17004">
        <v>15</v>
      </c>
      <c r="U17004">
        <v>15</v>
      </c>
      <c r="V17004">
        <v>15</v>
      </c>
      <c r="W17004">
        <v>16</v>
      </c>
      <c r="X17004">
        <v>16</v>
      </c>
      <c r="Y17004">
        <v>16</v>
      </c>
      <c r="Z17004">
        <v>16</v>
      </c>
      <c r="AA17004">
        <v>17</v>
      </c>
      <c r="AB17004">
        <v>17</v>
      </c>
      <c r="AC17004">
        <v>17</v>
      </c>
      <c r="AD17004">
        <v>17</v>
      </c>
      <c r="AE17004">
        <v>18</v>
      </c>
      <c r="AF17004">
        <v>18</v>
      </c>
      <c r="AG17004">
        <v>18</v>
      </c>
      <c r="AH17004">
        <v>18</v>
      </c>
      <c r="AI17004">
        <v>18</v>
      </c>
      <c r="AJ17004">
        <v>18</v>
      </c>
      <c r="AK17004">
        <v>18</v>
      </c>
      <c r="AL17004">
        <v>18</v>
      </c>
      <c r="AM17004">
        <v>18</v>
      </c>
      <c r="AN17004">
        <v>18</v>
      </c>
      <c r="AO17004">
        <v>18</v>
      </c>
      <c r="AP17004">
        <v>18</v>
      </c>
      <c r="AQ17004">
        <v>18</v>
      </c>
    </row>
    <row r="17005" spans="1:43">
      <c r="A17005" t="s">
        <v>10554</v>
      </c>
      <c r="B17005" t="s">
        <v>10555</v>
      </c>
      <c r="C17005" t="s">
        <v>10548</v>
      </c>
      <c r="D17005" t="s">
        <v>10549</v>
      </c>
      <c r="E17005" t="s">
        <v>10448</v>
      </c>
      <c r="F17005" t="s">
        <v>10449</v>
      </c>
      <c r="G17005" t="s">
        <v>10450</v>
      </c>
      <c r="H17005" t="s">
        <v>10451</v>
      </c>
      <c r="I17005" s="2">
        <v>1</v>
      </c>
      <c r="J17005" s="2">
        <v>0</v>
      </c>
      <c r="K17005" s="2">
        <v>0</v>
      </c>
      <c r="L17005" t="s">
        <v>120</v>
      </c>
      <c r="M17005" t="s">
        <v>83</v>
      </c>
      <c r="N17005" t="s">
        <v>91</v>
      </c>
      <c r="O17005" t="s">
        <v>85</v>
      </c>
      <c r="P17005" t="s">
        <v>86</v>
      </c>
      <c r="Q17005">
        <v>14</v>
      </c>
      <c r="R17005">
        <v>14</v>
      </c>
      <c r="S17005">
        <v>14</v>
      </c>
      <c r="T17005">
        <v>14</v>
      </c>
      <c r="U17005">
        <v>15</v>
      </c>
      <c r="V17005">
        <v>15</v>
      </c>
      <c r="W17005">
        <v>15</v>
      </c>
      <c r="X17005">
        <v>15</v>
      </c>
      <c r="Y17005">
        <v>15</v>
      </c>
      <c r="Z17005">
        <v>16</v>
      </c>
      <c r="AA17005">
        <v>16</v>
      </c>
      <c r="AB17005">
        <v>16</v>
      </c>
      <c r="AC17005">
        <v>16</v>
      </c>
      <c r="AD17005">
        <v>16</v>
      </c>
      <c r="AE17005">
        <v>16</v>
      </c>
      <c r="AF17005">
        <v>17</v>
      </c>
      <c r="AG17005">
        <v>17</v>
      </c>
      <c r="AH17005">
        <v>17</v>
      </c>
      <c r="AI17005">
        <v>17</v>
      </c>
      <c r="AJ17005">
        <v>17</v>
      </c>
      <c r="AK17005">
        <v>17</v>
      </c>
      <c r="AL17005">
        <v>18</v>
      </c>
      <c r="AM17005">
        <v>18</v>
      </c>
      <c r="AN17005">
        <v>18</v>
      </c>
      <c r="AO17005">
        <v>18</v>
      </c>
      <c r="AP17005">
        <v>18</v>
      </c>
      <c r="AQ17005">
        <v>18</v>
      </c>
    </row>
    <row r="17006" spans="1:43">
      <c r="A17006" t="s">
        <v>10556</v>
      </c>
      <c r="B17006" t="s">
        <v>10557</v>
      </c>
      <c r="C17006" t="s">
        <v>10548</v>
      </c>
      <c r="D17006" t="s">
        <v>10549</v>
      </c>
      <c r="E17006" t="s">
        <v>10448</v>
      </c>
      <c r="F17006" t="s">
        <v>10449</v>
      </c>
      <c r="G17006" t="s">
        <v>10450</v>
      </c>
      <c r="H17006" t="s">
        <v>10451</v>
      </c>
      <c r="I17006" s="2">
        <v>1</v>
      </c>
      <c r="J17006" s="2">
        <v>0</v>
      </c>
      <c r="K17006" s="2">
        <v>0</v>
      </c>
      <c r="L17006" t="s">
        <v>120</v>
      </c>
      <c r="M17006" t="s">
        <v>83</v>
      </c>
      <c r="N17006" t="s">
        <v>84</v>
      </c>
      <c r="O17006" t="s">
        <v>85</v>
      </c>
      <c r="P17006" t="s">
        <v>86</v>
      </c>
      <c r="Q17006">
        <v>52</v>
      </c>
      <c r="R17006">
        <v>53</v>
      </c>
      <c r="S17006">
        <v>53</v>
      </c>
      <c r="T17006">
        <v>54</v>
      </c>
      <c r="U17006">
        <v>55</v>
      </c>
      <c r="V17006">
        <v>56</v>
      </c>
      <c r="W17006">
        <v>56</v>
      </c>
      <c r="X17006">
        <v>57</v>
      </c>
      <c r="Y17006">
        <v>58</v>
      </c>
      <c r="Z17006">
        <v>59</v>
      </c>
      <c r="AA17006">
        <v>59</v>
      </c>
      <c r="AB17006">
        <v>60</v>
      </c>
      <c r="AC17006">
        <v>61</v>
      </c>
      <c r="AD17006">
        <v>61</v>
      </c>
      <c r="AE17006">
        <v>62</v>
      </c>
      <c r="AF17006">
        <v>63</v>
      </c>
      <c r="AG17006">
        <v>63</v>
      </c>
      <c r="AH17006">
        <v>64</v>
      </c>
      <c r="AI17006">
        <v>65</v>
      </c>
      <c r="AJ17006">
        <v>65</v>
      </c>
      <c r="AK17006">
        <v>66</v>
      </c>
      <c r="AL17006">
        <v>66</v>
      </c>
      <c r="AM17006">
        <v>66</v>
      </c>
      <c r="AN17006">
        <v>66</v>
      </c>
      <c r="AO17006">
        <v>66</v>
      </c>
      <c r="AP17006">
        <v>66</v>
      </c>
      <c r="AQ17006">
        <v>66</v>
      </c>
    </row>
    <row r="17007" spans="1:43">
      <c r="A17007" t="s">
        <v>10556</v>
      </c>
      <c r="B17007" t="s">
        <v>10557</v>
      </c>
      <c r="C17007" t="s">
        <v>10548</v>
      </c>
      <c r="D17007" t="s">
        <v>10549</v>
      </c>
      <c r="E17007" t="s">
        <v>10448</v>
      </c>
      <c r="F17007" t="s">
        <v>10449</v>
      </c>
      <c r="G17007" t="s">
        <v>10450</v>
      </c>
      <c r="H17007" t="s">
        <v>10451</v>
      </c>
      <c r="I17007" s="2">
        <v>1</v>
      </c>
      <c r="J17007" s="2">
        <v>0</v>
      </c>
      <c r="K17007" s="2">
        <v>0</v>
      </c>
      <c r="L17007" t="s">
        <v>120</v>
      </c>
      <c r="M17007" t="s">
        <v>87</v>
      </c>
      <c r="N17007" t="s">
        <v>88</v>
      </c>
      <c r="O17007" t="s">
        <v>85</v>
      </c>
      <c r="P17007" t="s">
        <v>86</v>
      </c>
      <c r="Q17007">
        <v>52</v>
      </c>
      <c r="R17007">
        <v>52</v>
      </c>
      <c r="S17007">
        <v>52</v>
      </c>
      <c r="T17007">
        <v>52</v>
      </c>
      <c r="U17007">
        <v>53</v>
      </c>
      <c r="V17007">
        <v>53</v>
      </c>
      <c r="W17007">
        <v>53</v>
      </c>
      <c r="X17007">
        <v>53</v>
      </c>
      <c r="Y17007">
        <v>53</v>
      </c>
      <c r="Z17007">
        <v>54</v>
      </c>
      <c r="AA17007">
        <v>54</v>
      </c>
      <c r="AB17007">
        <v>54</v>
      </c>
      <c r="AC17007">
        <v>54</v>
      </c>
      <c r="AD17007">
        <v>55</v>
      </c>
      <c r="AE17007">
        <v>55</v>
      </c>
      <c r="AF17007">
        <v>55</v>
      </c>
      <c r="AG17007">
        <v>55</v>
      </c>
      <c r="AH17007">
        <v>56</v>
      </c>
      <c r="AI17007">
        <v>56</v>
      </c>
      <c r="AJ17007">
        <v>56</v>
      </c>
      <c r="AK17007">
        <v>56</v>
      </c>
      <c r="AL17007">
        <v>56</v>
      </c>
      <c r="AM17007">
        <v>57</v>
      </c>
      <c r="AN17007">
        <v>57</v>
      </c>
      <c r="AO17007">
        <v>57</v>
      </c>
      <c r="AP17007">
        <v>57</v>
      </c>
      <c r="AQ17007">
        <v>58</v>
      </c>
    </row>
    <row r="17008" spans="1:43">
      <c r="A17008" t="s">
        <v>10556</v>
      </c>
      <c r="B17008" t="s">
        <v>10557</v>
      </c>
      <c r="C17008" t="s">
        <v>10548</v>
      </c>
      <c r="D17008" t="s">
        <v>10549</v>
      </c>
      <c r="E17008" t="s">
        <v>10448</v>
      </c>
      <c r="F17008" t="s">
        <v>10449</v>
      </c>
      <c r="G17008" t="s">
        <v>10450</v>
      </c>
      <c r="H17008" t="s">
        <v>10451</v>
      </c>
      <c r="I17008" s="2">
        <v>1</v>
      </c>
      <c r="J17008" s="2">
        <v>0</v>
      </c>
      <c r="K17008" s="2">
        <v>0</v>
      </c>
      <c r="L17008" t="s">
        <v>120</v>
      </c>
      <c r="M17008" t="s">
        <v>89</v>
      </c>
      <c r="N17008" t="s">
        <v>90</v>
      </c>
      <c r="O17008" t="s">
        <v>85</v>
      </c>
      <c r="P17008" t="s">
        <v>86</v>
      </c>
      <c r="Q17008">
        <v>52</v>
      </c>
      <c r="R17008">
        <v>54</v>
      </c>
      <c r="S17008">
        <v>55</v>
      </c>
      <c r="T17008">
        <v>56</v>
      </c>
      <c r="U17008">
        <v>57</v>
      </c>
      <c r="V17008">
        <v>58</v>
      </c>
      <c r="W17008">
        <v>59</v>
      </c>
      <c r="X17008">
        <v>60</v>
      </c>
      <c r="Y17008">
        <v>61</v>
      </c>
      <c r="Z17008">
        <v>62</v>
      </c>
      <c r="AA17008">
        <v>63</v>
      </c>
      <c r="AB17008">
        <v>64</v>
      </c>
      <c r="AC17008">
        <v>65</v>
      </c>
      <c r="AD17008">
        <v>66</v>
      </c>
      <c r="AE17008">
        <v>66</v>
      </c>
      <c r="AF17008">
        <v>66</v>
      </c>
      <c r="AG17008">
        <v>66</v>
      </c>
      <c r="AH17008">
        <v>67</v>
      </c>
      <c r="AI17008">
        <v>67</v>
      </c>
      <c r="AJ17008">
        <v>67</v>
      </c>
      <c r="AK17008">
        <v>67</v>
      </c>
      <c r="AL17008">
        <v>67</v>
      </c>
      <c r="AM17008">
        <v>67</v>
      </c>
      <c r="AN17008">
        <v>67</v>
      </c>
      <c r="AO17008">
        <v>67</v>
      </c>
      <c r="AP17008">
        <v>67</v>
      </c>
      <c r="AQ17008">
        <v>67</v>
      </c>
    </row>
    <row r="17009" spans="1:43">
      <c r="A17009" t="s">
        <v>10556</v>
      </c>
      <c r="B17009" t="s">
        <v>10557</v>
      </c>
      <c r="C17009" t="s">
        <v>10548</v>
      </c>
      <c r="D17009" t="s">
        <v>10549</v>
      </c>
      <c r="E17009" t="s">
        <v>10448</v>
      </c>
      <c r="F17009" t="s">
        <v>10449</v>
      </c>
      <c r="G17009" t="s">
        <v>10450</v>
      </c>
      <c r="H17009" t="s">
        <v>10451</v>
      </c>
      <c r="I17009" s="2">
        <v>1</v>
      </c>
      <c r="J17009" s="2">
        <v>0</v>
      </c>
      <c r="K17009" s="2">
        <v>0</v>
      </c>
      <c r="L17009" t="s">
        <v>120</v>
      </c>
      <c r="M17009" t="s">
        <v>83</v>
      </c>
      <c r="N17009" t="s">
        <v>91</v>
      </c>
      <c r="O17009" t="s">
        <v>85</v>
      </c>
      <c r="P17009" t="s">
        <v>86</v>
      </c>
      <c r="Q17009">
        <v>52</v>
      </c>
      <c r="R17009">
        <v>53</v>
      </c>
      <c r="S17009">
        <v>53</v>
      </c>
      <c r="T17009">
        <v>54</v>
      </c>
      <c r="U17009">
        <v>55</v>
      </c>
      <c r="V17009">
        <v>56</v>
      </c>
      <c r="W17009">
        <v>56</v>
      </c>
      <c r="X17009">
        <v>57</v>
      </c>
      <c r="Y17009">
        <v>58</v>
      </c>
      <c r="Z17009">
        <v>59</v>
      </c>
      <c r="AA17009">
        <v>59</v>
      </c>
      <c r="AB17009">
        <v>60</v>
      </c>
      <c r="AC17009">
        <v>61</v>
      </c>
      <c r="AD17009">
        <v>61</v>
      </c>
      <c r="AE17009">
        <v>62</v>
      </c>
      <c r="AF17009">
        <v>63</v>
      </c>
      <c r="AG17009">
        <v>63</v>
      </c>
      <c r="AH17009">
        <v>64</v>
      </c>
      <c r="AI17009">
        <v>65</v>
      </c>
      <c r="AJ17009">
        <v>65</v>
      </c>
      <c r="AK17009">
        <v>66</v>
      </c>
      <c r="AL17009">
        <v>66</v>
      </c>
      <c r="AM17009">
        <v>66</v>
      </c>
      <c r="AN17009">
        <v>66</v>
      </c>
      <c r="AO17009">
        <v>66</v>
      </c>
      <c r="AP17009">
        <v>66</v>
      </c>
      <c r="AQ17009">
        <v>66</v>
      </c>
    </row>
    <row r="17010" spans="1:43">
      <c r="A17010" t="s">
        <v>10558</v>
      </c>
      <c r="B17010" t="s">
        <v>10559</v>
      </c>
      <c r="C17010" t="s">
        <v>10548</v>
      </c>
      <c r="D17010" t="s">
        <v>10549</v>
      </c>
      <c r="E17010" t="s">
        <v>10448</v>
      </c>
      <c r="F17010" t="s">
        <v>10449</v>
      </c>
      <c r="G17010" t="s">
        <v>10450</v>
      </c>
      <c r="H17010" t="s">
        <v>10451</v>
      </c>
      <c r="I17010" s="2">
        <v>1</v>
      </c>
      <c r="J17010" s="2">
        <v>0</v>
      </c>
      <c r="K17010" s="2">
        <v>0</v>
      </c>
      <c r="L17010" t="s">
        <v>120</v>
      </c>
      <c r="M17010" t="s">
        <v>83</v>
      </c>
      <c r="N17010" t="s">
        <v>84</v>
      </c>
      <c r="O17010" t="s">
        <v>85</v>
      </c>
      <c r="P17010" t="s">
        <v>86</v>
      </c>
      <c r="Q17010">
        <v>8</v>
      </c>
      <c r="R17010">
        <v>8</v>
      </c>
      <c r="S17010">
        <v>8</v>
      </c>
      <c r="T17010">
        <v>8</v>
      </c>
      <c r="U17010">
        <v>8</v>
      </c>
      <c r="V17010">
        <v>8</v>
      </c>
      <c r="W17010">
        <v>9</v>
      </c>
      <c r="X17010">
        <v>9</v>
      </c>
      <c r="Y17010">
        <v>9</v>
      </c>
      <c r="Z17010">
        <v>9</v>
      </c>
      <c r="AA17010">
        <v>9</v>
      </c>
      <c r="AB17010">
        <v>9</v>
      </c>
      <c r="AC17010">
        <v>9</v>
      </c>
      <c r="AD17010">
        <v>9</v>
      </c>
      <c r="AE17010">
        <v>9</v>
      </c>
      <c r="AF17010">
        <v>10</v>
      </c>
      <c r="AG17010">
        <v>10</v>
      </c>
      <c r="AH17010">
        <v>10</v>
      </c>
      <c r="AI17010">
        <v>10</v>
      </c>
      <c r="AJ17010">
        <v>10</v>
      </c>
      <c r="AK17010">
        <v>10</v>
      </c>
      <c r="AL17010">
        <v>10</v>
      </c>
      <c r="AM17010">
        <v>10</v>
      </c>
      <c r="AN17010">
        <v>10</v>
      </c>
      <c r="AO17010">
        <v>10</v>
      </c>
      <c r="AP17010">
        <v>10</v>
      </c>
      <c r="AQ17010">
        <v>10</v>
      </c>
    </row>
    <row r="17011" spans="1:43">
      <c r="A17011" t="s">
        <v>10558</v>
      </c>
      <c r="B17011" t="s">
        <v>10559</v>
      </c>
      <c r="C17011" t="s">
        <v>10548</v>
      </c>
      <c r="D17011" t="s">
        <v>10549</v>
      </c>
      <c r="E17011" t="s">
        <v>10448</v>
      </c>
      <c r="F17011" t="s">
        <v>10449</v>
      </c>
      <c r="G17011" t="s">
        <v>10450</v>
      </c>
      <c r="H17011" t="s">
        <v>10451</v>
      </c>
      <c r="I17011" s="2">
        <v>1</v>
      </c>
      <c r="J17011" s="2">
        <v>0</v>
      </c>
      <c r="K17011" s="2">
        <v>0</v>
      </c>
      <c r="L17011" t="s">
        <v>120</v>
      </c>
      <c r="M17011" t="s">
        <v>87</v>
      </c>
      <c r="N17011" t="s">
        <v>88</v>
      </c>
      <c r="O17011" t="s">
        <v>85</v>
      </c>
      <c r="P17011" t="s">
        <v>86</v>
      </c>
      <c r="Q17011">
        <v>8</v>
      </c>
      <c r="R17011">
        <v>8</v>
      </c>
      <c r="S17011">
        <v>8</v>
      </c>
      <c r="T17011">
        <v>8</v>
      </c>
      <c r="U17011">
        <v>8</v>
      </c>
      <c r="V17011">
        <v>8</v>
      </c>
      <c r="W17011">
        <v>8</v>
      </c>
      <c r="X17011">
        <v>8</v>
      </c>
      <c r="Y17011">
        <v>8</v>
      </c>
      <c r="Z17011">
        <v>8</v>
      </c>
      <c r="AA17011">
        <v>8</v>
      </c>
      <c r="AB17011">
        <v>8</v>
      </c>
      <c r="AC17011">
        <v>8</v>
      </c>
      <c r="AD17011">
        <v>8</v>
      </c>
      <c r="AE17011">
        <v>8</v>
      </c>
      <c r="AF17011">
        <v>8</v>
      </c>
      <c r="AG17011">
        <v>8</v>
      </c>
      <c r="AH17011">
        <v>8</v>
      </c>
      <c r="AI17011">
        <v>8</v>
      </c>
      <c r="AJ17011">
        <v>9</v>
      </c>
      <c r="AK17011">
        <v>9</v>
      </c>
      <c r="AL17011">
        <v>9</v>
      </c>
      <c r="AM17011">
        <v>9</v>
      </c>
      <c r="AN17011">
        <v>9</v>
      </c>
      <c r="AO17011">
        <v>9</v>
      </c>
      <c r="AP17011">
        <v>9</v>
      </c>
      <c r="AQ17011">
        <v>9</v>
      </c>
    </row>
    <row r="17012" spans="1:43">
      <c r="A17012" t="s">
        <v>10558</v>
      </c>
      <c r="B17012" t="s">
        <v>10559</v>
      </c>
      <c r="C17012" t="s">
        <v>10548</v>
      </c>
      <c r="D17012" t="s">
        <v>10549</v>
      </c>
      <c r="E17012" t="s">
        <v>10448</v>
      </c>
      <c r="F17012" t="s">
        <v>10449</v>
      </c>
      <c r="G17012" t="s">
        <v>10450</v>
      </c>
      <c r="H17012" t="s">
        <v>10451</v>
      </c>
      <c r="I17012" s="2">
        <v>1</v>
      </c>
      <c r="J17012" s="2">
        <v>0</v>
      </c>
      <c r="K17012" s="2">
        <v>0</v>
      </c>
      <c r="L17012" t="s">
        <v>120</v>
      </c>
      <c r="M17012" t="s">
        <v>89</v>
      </c>
      <c r="N17012" t="s">
        <v>90</v>
      </c>
      <c r="O17012" t="s">
        <v>85</v>
      </c>
      <c r="P17012" t="s">
        <v>86</v>
      </c>
      <c r="Q17012">
        <v>8</v>
      </c>
      <c r="R17012">
        <v>8</v>
      </c>
      <c r="S17012">
        <v>8</v>
      </c>
      <c r="T17012">
        <v>9</v>
      </c>
      <c r="U17012">
        <v>9</v>
      </c>
      <c r="V17012">
        <v>9</v>
      </c>
      <c r="W17012">
        <v>9</v>
      </c>
      <c r="X17012">
        <v>9</v>
      </c>
      <c r="Y17012">
        <v>9</v>
      </c>
      <c r="Z17012">
        <v>9</v>
      </c>
      <c r="AA17012">
        <v>10</v>
      </c>
      <c r="AB17012">
        <v>10</v>
      </c>
      <c r="AC17012">
        <v>10</v>
      </c>
      <c r="AD17012">
        <v>10</v>
      </c>
      <c r="AE17012">
        <v>10</v>
      </c>
      <c r="AF17012">
        <v>10</v>
      </c>
      <c r="AG17012">
        <v>10</v>
      </c>
      <c r="AH17012">
        <v>10</v>
      </c>
      <c r="AI17012">
        <v>10</v>
      </c>
      <c r="AJ17012">
        <v>10</v>
      </c>
      <c r="AK17012">
        <v>10</v>
      </c>
      <c r="AL17012">
        <v>10</v>
      </c>
      <c r="AM17012">
        <v>10</v>
      </c>
      <c r="AN17012">
        <v>10</v>
      </c>
      <c r="AO17012">
        <v>10</v>
      </c>
      <c r="AP17012">
        <v>10</v>
      </c>
      <c r="AQ17012">
        <v>10</v>
      </c>
    </row>
    <row r="17013" spans="1:43">
      <c r="A17013" t="s">
        <v>10558</v>
      </c>
      <c r="B17013" t="s">
        <v>10559</v>
      </c>
      <c r="C17013" t="s">
        <v>10548</v>
      </c>
      <c r="D17013" t="s">
        <v>10549</v>
      </c>
      <c r="E17013" t="s">
        <v>10448</v>
      </c>
      <c r="F17013" t="s">
        <v>10449</v>
      </c>
      <c r="G17013" t="s">
        <v>10450</v>
      </c>
      <c r="H17013" t="s">
        <v>10451</v>
      </c>
      <c r="I17013" s="2">
        <v>1</v>
      </c>
      <c r="J17013" s="2">
        <v>0</v>
      </c>
      <c r="K17013" s="2">
        <v>0</v>
      </c>
      <c r="L17013" t="s">
        <v>120</v>
      </c>
      <c r="M17013" t="s">
        <v>83</v>
      </c>
      <c r="N17013" t="s">
        <v>91</v>
      </c>
      <c r="O17013" t="s">
        <v>85</v>
      </c>
      <c r="P17013" t="s">
        <v>86</v>
      </c>
      <c r="Q17013">
        <v>8</v>
      </c>
      <c r="R17013">
        <v>8</v>
      </c>
      <c r="S17013">
        <v>8</v>
      </c>
      <c r="T17013">
        <v>8</v>
      </c>
      <c r="U17013">
        <v>8</v>
      </c>
      <c r="V17013">
        <v>8</v>
      </c>
      <c r="W17013">
        <v>9</v>
      </c>
      <c r="X17013">
        <v>9</v>
      </c>
      <c r="Y17013">
        <v>9</v>
      </c>
      <c r="Z17013">
        <v>9</v>
      </c>
      <c r="AA17013">
        <v>9</v>
      </c>
      <c r="AB17013">
        <v>9</v>
      </c>
      <c r="AC17013">
        <v>9</v>
      </c>
      <c r="AD17013">
        <v>9</v>
      </c>
      <c r="AE17013">
        <v>9</v>
      </c>
      <c r="AF17013">
        <v>10</v>
      </c>
      <c r="AG17013">
        <v>10</v>
      </c>
      <c r="AH17013">
        <v>10</v>
      </c>
      <c r="AI17013">
        <v>10</v>
      </c>
      <c r="AJ17013">
        <v>10</v>
      </c>
      <c r="AK17013">
        <v>10</v>
      </c>
      <c r="AL17013">
        <v>10</v>
      </c>
      <c r="AM17013">
        <v>10</v>
      </c>
      <c r="AN17013">
        <v>10</v>
      </c>
      <c r="AO17013">
        <v>10</v>
      </c>
      <c r="AP17013">
        <v>10</v>
      </c>
      <c r="AQ17013">
        <v>10</v>
      </c>
    </row>
    <row r="17014" spans="1:43">
      <c r="A17014" t="s">
        <v>10560</v>
      </c>
      <c r="B17014" t="s">
        <v>10561</v>
      </c>
      <c r="C17014" t="s">
        <v>10562</v>
      </c>
      <c r="D17014" t="s">
        <v>10563</v>
      </c>
      <c r="E17014" t="s">
        <v>10448</v>
      </c>
      <c r="F17014" t="s">
        <v>10449</v>
      </c>
      <c r="G17014" t="s">
        <v>10450</v>
      </c>
      <c r="H17014" t="s">
        <v>10451</v>
      </c>
      <c r="I17014" s="2">
        <v>1</v>
      </c>
      <c r="J17014" s="2">
        <v>0</v>
      </c>
      <c r="K17014" s="2">
        <v>0</v>
      </c>
      <c r="L17014" t="s">
        <v>120</v>
      </c>
      <c r="M17014" t="s">
        <v>83</v>
      </c>
      <c r="N17014" t="s">
        <v>84</v>
      </c>
      <c r="O17014" t="s">
        <v>85</v>
      </c>
      <c r="P17014" t="s">
        <v>86</v>
      </c>
      <c r="Q17014">
        <v>46</v>
      </c>
      <c r="R17014">
        <v>47</v>
      </c>
      <c r="S17014">
        <v>47</v>
      </c>
      <c r="T17014">
        <v>48</v>
      </c>
      <c r="U17014">
        <v>48</v>
      </c>
      <c r="V17014">
        <v>49</v>
      </c>
      <c r="W17014">
        <v>49</v>
      </c>
      <c r="X17014">
        <v>50</v>
      </c>
      <c r="Y17014">
        <v>50</v>
      </c>
      <c r="Z17014">
        <v>51</v>
      </c>
      <c r="AA17014">
        <v>51</v>
      </c>
      <c r="AB17014">
        <v>52</v>
      </c>
      <c r="AC17014">
        <v>53</v>
      </c>
      <c r="AD17014">
        <v>53</v>
      </c>
      <c r="AE17014">
        <v>54</v>
      </c>
      <c r="AF17014">
        <v>54</v>
      </c>
      <c r="AG17014">
        <v>55</v>
      </c>
      <c r="AH17014">
        <v>55</v>
      </c>
      <c r="AI17014">
        <v>56</v>
      </c>
      <c r="AJ17014">
        <v>56</v>
      </c>
      <c r="AK17014">
        <v>57</v>
      </c>
      <c r="AL17014">
        <v>57</v>
      </c>
      <c r="AM17014">
        <v>57</v>
      </c>
      <c r="AN17014">
        <v>57</v>
      </c>
      <c r="AO17014">
        <v>57</v>
      </c>
      <c r="AP17014">
        <v>57</v>
      </c>
      <c r="AQ17014">
        <v>56</v>
      </c>
    </row>
    <row r="17015" spans="1:43">
      <c r="A17015" t="s">
        <v>10560</v>
      </c>
      <c r="B17015" t="s">
        <v>10561</v>
      </c>
      <c r="C17015" t="s">
        <v>10562</v>
      </c>
      <c r="D17015" t="s">
        <v>10563</v>
      </c>
      <c r="E17015" t="s">
        <v>10448</v>
      </c>
      <c r="F17015" t="s">
        <v>10449</v>
      </c>
      <c r="G17015" t="s">
        <v>10450</v>
      </c>
      <c r="H17015" t="s">
        <v>10451</v>
      </c>
      <c r="I17015" s="2">
        <v>1</v>
      </c>
      <c r="J17015" s="2">
        <v>0</v>
      </c>
      <c r="K17015" s="2">
        <v>0</v>
      </c>
      <c r="L17015" t="s">
        <v>120</v>
      </c>
      <c r="M17015" t="s">
        <v>87</v>
      </c>
      <c r="N17015" t="s">
        <v>88</v>
      </c>
      <c r="O17015" t="s">
        <v>85</v>
      </c>
      <c r="P17015" t="s">
        <v>86</v>
      </c>
      <c r="Q17015">
        <v>46</v>
      </c>
      <c r="R17015">
        <v>46</v>
      </c>
      <c r="S17015">
        <v>46</v>
      </c>
      <c r="T17015">
        <v>46</v>
      </c>
      <c r="U17015">
        <v>46</v>
      </c>
      <c r="V17015">
        <v>46</v>
      </c>
      <c r="W17015">
        <v>46</v>
      </c>
      <c r="X17015">
        <v>47</v>
      </c>
      <c r="Y17015">
        <v>47</v>
      </c>
      <c r="Z17015">
        <v>47</v>
      </c>
      <c r="AA17015">
        <v>47</v>
      </c>
      <c r="AB17015">
        <v>47</v>
      </c>
      <c r="AC17015">
        <v>47</v>
      </c>
      <c r="AD17015">
        <v>47</v>
      </c>
      <c r="AE17015">
        <v>47</v>
      </c>
      <c r="AF17015">
        <v>48</v>
      </c>
      <c r="AG17015">
        <v>48</v>
      </c>
      <c r="AH17015">
        <v>48</v>
      </c>
      <c r="AI17015">
        <v>48</v>
      </c>
      <c r="AJ17015">
        <v>48</v>
      </c>
      <c r="AK17015">
        <v>48</v>
      </c>
      <c r="AL17015">
        <v>48</v>
      </c>
      <c r="AM17015">
        <v>49</v>
      </c>
      <c r="AN17015">
        <v>49</v>
      </c>
      <c r="AO17015">
        <v>49</v>
      </c>
      <c r="AP17015">
        <v>49</v>
      </c>
      <c r="AQ17015">
        <v>49</v>
      </c>
    </row>
    <row r="17016" spans="1:43">
      <c r="A17016" t="s">
        <v>10560</v>
      </c>
      <c r="B17016" t="s">
        <v>10561</v>
      </c>
      <c r="C17016" t="s">
        <v>10562</v>
      </c>
      <c r="D17016" t="s">
        <v>10563</v>
      </c>
      <c r="E17016" t="s">
        <v>10448</v>
      </c>
      <c r="F17016" t="s">
        <v>10449</v>
      </c>
      <c r="G17016" t="s">
        <v>10450</v>
      </c>
      <c r="H17016" t="s">
        <v>10451</v>
      </c>
      <c r="I17016" s="2">
        <v>1</v>
      </c>
      <c r="J17016" s="2">
        <v>0</v>
      </c>
      <c r="K17016" s="2">
        <v>0</v>
      </c>
      <c r="L17016" t="s">
        <v>120</v>
      </c>
      <c r="M17016" t="s">
        <v>89</v>
      </c>
      <c r="N17016" t="s">
        <v>90</v>
      </c>
      <c r="O17016" t="s">
        <v>85</v>
      </c>
      <c r="P17016" t="s">
        <v>86</v>
      </c>
      <c r="Q17016">
        <v>46</v>
      </c>
      <c r="R17016">
        <v>47</v>
      </c>
      <c r="S17016">
        <v>48</v>
      </c>
      <c r="T17016">
        <v>49</v>
      </c>
      <c r="U17016">
        <v>50</v>
      </c>
      <c r="V17016">
        <v>51</v>
      </c>
      <c r="W17016">
        <v>52</v>
      </c>
      <c r="X17016">
        <v>53</v>
      </c>
      <c r="Y17016">
        <v>53</v>
      </c>
      <c r="Z17016">
        <v>54</v>
      </c>
      <c r="AA17016">
        <v>55</v>
      </c>
      <c r="AB17016">
        <v>56</v>
      </c>
      <c r="AC17016">
        <v>56</v>
      </c>
      <c r="AD17016">
        <v>57</v>
      </c>
      <c r="AE17016">
        <v>57</v>
      </c>
      <c r="AF17016">
        <v>57</v>
      </c>
      <c r="AG17016">
        <v>57</v>
      </c>
      <c r="AH17016">
        <v>57</v>
      </c>
      <c r="AI17016">
        <v>57</v>
      </c>
      <c r="AJ17016">
        <v>57</v>
      </c>
      <c r="AK17016">
        <v>57</v>
      </c>
      <c r="AL17016">
        <v>57</v>
      </c>
      <c r="AM17016">
        <v>57</v>
      </c>
      <c r="AN17016">
        <v>57</v>
      </c>
      <c r="AO17016">
        <v>57</v>
      </c>
      <c r="AP17016">
        <v>57</v>
      </c>
      <c r="AQ17016">
        <v>57</v>
      </c>
    </row>
    <row r="17017" spans="1:43">
      <c r="A17017" t="s">
        <v>10560</v>
      </c>
      <c r="B17017" t="s">
        <v>10561</v>
      </c>
      <c r="C17017" t="s">
        <v>10562</v>
      </c>
      <c r="D17017" t="s">
        <v>10563</v>
      </c>
      <c r="E17017" t="s">
        <v>10448</v>
      </c>
      <c r="F17017" t="s">
        <v>10449</v>
      </c>
      <c r="G17017" t="s">
        <v>10450</v>
      </c>
      <c r="H17017" t="s">
        <v>10451</v>
      </c>
      <c r="I17017" s="2">
        <v>1</v>
      </c>
      <c r="J17017" s="2">
        <v>0</v>
      </c>
      <c r="K17017" s="2">
        <v>0</v>
      </c>
      <c r="L17017" t="s">
        <v>120</v>
      </c>
      <c r="M17017" t="s">
        <v>83</v>
      </c>
      <c r="N17017" t="s">
        <v>91</v>
      </c>
      <c r="O17017" t="s">
        <v>85</v>
      </c>
      <c r="P17017" t="s">
        <v>86</v>
      </c>
      <c r="Q17017">
        <v>46</v>
      </c>
      <c r="R17017">
        <v>47</v>
      </c>
      <c r="S17017">
        <v>47</v>
      </c>
      <c r="T17017">
        <v>48</v>
      </c>
      <c r="U17017">
        <v>48</v>
      </c>
      <c r="V17017">
        <v>49</v>
      </c>
      <c r="W17017">
        <v>49</v>
      </c>
      <c r="X17017">
        <v>50</v>
      </c>
      <c r="Y17017">
        <v>50</v>
      </c>
      <c r="Z17017">
        <v>51</v>
      </c>
      <c r="AA17017">
        <v>51</v>
      </c>
      <c r="AB17017">
        <v>52</v>
      </c>
      <c r="AC17017">
        <v>53</v>
      </c>
      <c r="AD17017">
        <v>53</v>
      </c>
      <c r="AE17017">
        <v>54</v>
      </c>
      <c r="AF17017">
        <v>54</v>
      </c>
      <c r="AG17017">
        <v>55</v>
      </c>
      <c r="AH17017">
        <v>55</v>
      </c>
      <c r="AI17017">
        <v>56</v>
      </c>
      <c r="AJ17017">
        <v>56</v>
      </c>
      <c r="AK17017">
        <v>57</v>
      </c>
      <c r="AL17017">
        <v>57</v>
      </c>
      <c r="AM17017">
        <v>57</v>
      </c>
      <c r="AN17017">
        <v>57</v>
      </c>
      <c r="AO17017">
        <v>57</v>
      </c>
      <c r="AP17017">
        <v>57</v>
      </c>
      <c r="AQ17017">
        <v>56</v>
      </c>
    </row>
    <row r="17018" spans="1:43">
      <c r="A17018" t="s">
        <v>10564</v>
      </c>
      <c r="B17018" t="s">
        <v>10565</v>
      </c>
      <c r="C17018" t="s">
        <v>10566</v>
      </c>
      <c r="D17018" t="s">
        <v>10567</v>
      </c>
      <c r="E17018" t="s">
        <v>10448</v>
      </c>
      <c r="F17018" t="s">
        <v>10449</v>
      </c>
      <c r="G17018" t="s">
        <v>10450</v>
      </c>
      <c r="H17018" t="s">
        <v>10451</v>
      </c>
      <c r="I17018" s="2">
        <v>1</v>
      </c>
      <c r="J17018" s="2">
        <v>0</v>
      </c>
      <c r="K17018" s="2">
        <v>0</v>
      </c>
      <c r="L17018" t="s">
        <v>120</v>
      </c>
      <c r="M17018" t="s">
        <v>83</v>
      </c>
      <c r="N17018" t="s">
        <v>84</v>
      </c>
      <c r="O17018" t="s">
        <v>85</v>
      </c>
      <c r="P17018" t="s">
        <v>86</v>
      </c>
      <c r="Q17018">
        <v>62</v>
      </c>
      <c r="R17018">
        <v>63</v>
      </c>
      <c r="S17018">
        <v>63</v>
      </c>
      <c r="T17018">
        <v>64</v>
      </c>
      <c r="U17018">
        <v>65</v>
      </c>
      <c r="V17018">
        <v>66</v>
      </c>
      <c r="W17018">
        <v>67</v>
      </c>
      <c r="X17018">
        <v>68</v>
      </c>
      <c r="Y17018">
        <v>69</v>
      </c>
      <c r="Z17018">
        <v>69</v>
      </c>
      <c r="AA17018">
        <v>70</v>
      </c>
      <c r="AB17018">
        <v>71</v>
      </c>
      <c r="AC17018">
        <v>72</v>
      </c>
      <c r="AD17018">
        <v>73</v>
      </c>
      <c r="AE17018">
        <v>73</v>
      </c>
      <c r="AF17018">
        <v>74</v>
      </c>
      <c r="AG17018">
        <v>75</v>
      </c>
      <c r="AH17018">
        <v>76</v>
      </c>
      <c r="AI17018">
        <v>77</v>
      </c>
      <c r="AJ17018">
        <v>77</v>
      </c>
      <c r="AK17018">
        <v>78</v>
      </c>
      <c r="AL17018">
        <v>78</v>
      </c>
      <c r="AM17018">
        <v>78</v>
      </c>
      <c r="AN17018">
        <v>78</v>
      </c>
      <c r="AO17018">
        <v>78</v>
      </c>
      <c r="AP17018">
        <v>78</v>
      </c>
      <c r="AQ17018">
        <v>79</v>
      </c>
    </row>
    <row r="17019" spans="1:43">
      <c r="A17019" t="s">
        <v>10564</v>
      </c>
      <c r="B17019" t="s">
        <v>10565</v>
      </c>
      <c r="C17019" t="s">
        <v>10566</v>
      </c>
      <c r="D17019" t="s">
        <v>10567</v>
      </c>
      <c r="E17019" t="s">
        <v>10448</v>
      </c>
      <c r="F17019" t="s">
        <v>10449</v>
      </c>
      <c r="G17019" t="s">
        <v>10450</v>
      </c>
      <c r="H17019" t="s">
        <v>10451</v>
      </c>
      <c r="I17019" s="2">
        <v>1</v>
      </c>
      <c r="J17019" s="2">
        <v>0</v>
      </c>
      <c r="K17019" s="2">
        <v>0</v>
      </c>
      <c r="L17019" t="s">
        <v>120</v>
      </c>
      <c r="M17019" t="s">
        <v>87</v>
      </c>
      <c r="N17019" t="s">
        <v>88</v>
      </c>
      <c r="O17019" t="s">
        <v>85</v>
      </c>
      <c r="P17019" t="s">
        <v>86</v>
      </c>
      <c r="Q17019">
        <v>62</v>
      </c>
      <c r="R17019">
        <v>62</v>
      </c>
      <c r="S17019">
        <v>63</v>
      </c>
      <c r="T17019">
        <v>63</v>
      </c>
      <c r="U17019">
        <v>63</v>
      </c>
      <c r="V17019">
        <v>64</v>
      </c>
      <c r="W17019">
        <v>64</v>
      </c>
      <c r="X17019">
        <v>64</v>
      </c>
      <c r="Y17019">
        <v>64</v>
      </c>
      <c r="Z17019">
        <v>65</v>
      </c>
      <c r="AA17019">
        <v>65</v>
      </c>
      <c r="AB17019">
        <v>65</v>
      </c>
      <c r="AC17019">
        <v>66</v>
      </c>
      <c r="AD17019">
        <v>66</v>
      </c>
      <c r="AE17019">
        <v>66</v>
      </c>
      <c r="AF17019">
        <v>66</v>
      </c>
      <c r="AG17019">
        <v>67</v>
      </c>
      <c r="AH17019">
        <v>67</v>
      </c>
      <c r="AI17019">
        <v>67</v>
      </c>
      <c r="AJ17019">
        <v>68</v>
      </c>
      <c r="AK17019">
        <v>68</v>
      </c>
      <c r="AL17019">
        <v>68</v>
      </c>
      <c r="AM17019">
        <v>68</v>
      </c>
      <c r="AN17019">
        <v>69</v>
      </c>
      <c r="AO17019">
        <v>69</v>
      </c>
      <c r="AP17019">
        <v>69</v>
      </c>
      <c r="AQ17019">
        <v>69</v>
      </c>
    </row>
    <row r="17020" spans="1:43">
      <c r="A17020" t="s">
        <v>10564</v>
      </c>
      <c r="B17020" t="s">
        <v>10565</v>
      </c>
      <c r="C17020" t="s">
        <v>10566</v>
      </c>
      <c r="D17020" t="s">
        <v>10567</v>
      </c>
      <c r="E17020" t="s">
        <v>10448</v>
      </c>
      <c r="F17020" t="s">
        <v>10449</v>
      </c>
      <c r="G17020" t="s">
        <v>10450</v>
      </c>
      <c r="H17020" t="s">
        <v>10451</v>
      </c>
      <c r="I17020" s="2">
        <v>1</v>
      </c>
      <c r="J17020" s="2">
        <v>0</v>
      </c>
      <c r="K17020" s="2">
        <v>0</v>
      </c>
      <c r="L17020" t="s">
        <v>120</v>
      </c>
      <c r="M17020" t="s">
        <v>89</v>
      </c>
      <c r="N17020" t="s">
        <v>90</v>
      </c>
      <c r="O17020" t="s">
        <v>85</v>
      </c>
      <c r="P17020" t="s">
        <v>86</v>
      </c>
      <c r="Q17020">
        <v>62</v>
      </c>
      <c r="R17020">
        <v>64</v>
      </c>
      <c r="S17020">
        <v>65</v>
      </c>
      <c r="T17020">
        <v>66</v>
      </c>
      <c r="U17020">
        <v>68</v>
      </c>
      <c r="V17020">
        <v>69</v>
      </c>
      <c r="W17020">
        <v>70</v>
      </c>
      <c r="X17020">
        <v>71</v>
      </c>
      <c r="Y17020">
        <v>73</v>
      </c>
      <c r="Z17020">
        <v>74</v>
      </c>
      <c r="AA17020">
        <v>75</v>
      </c>
      <c r="AB17020">
        <v>76</v>
      </c>
      <c r="AC17020">
        <v>77</v>
      </c>
      <c r="AD17020">
        <v>78</v>
      </c>
      <c r="AE17020">
        <v>79</v>
      </c>
      <c r="AF17020">
        <v>79</v>
      </c>
      <c r="AG17020">
        <v>79</v>
      </c>
      <c r="AH17020">
        <v>79</v>
      </c>
      <c r="AI17020">
        <v>79</v>
      </c>
      <c r="AJ17020">
        <v>79</v>
      </c>
      <c r="AK17020">
        <v>79</v>
      </c>
      <c r="AL17020">
        <v>79</v>
      </c>
      <c r="AM17020">
        <v>79</v>
      </c>
      <c r="AN17020">
        <v>79</v>
      </c>
      <c r="AO17020">
        <v>79</v>
      </c>
      <c r="AP17020">
        <v>79</v>
      </c>
      <c r="AQ17020">
        <v>79</v>
      </c>
    </row>
    <row r="17021" spans="1:43">
      <c r="A17021" t="s">
        <v>10564</v>
      </c>
      <c r="B17021" t="s">
        <v>10565</v>
      </c>
      <c r="C17021" t="s">
        <v>10566</v>
      </c>
      <c r="D17021" t="s">
        <v>10567</v>
      </c>
      <c r="E17021" t="s">
        <v>10448</v>
      </c>
      <c r="F17021" t="s">
        <v>10449</v>
      </c>
      <c r="G17021" t="s">
        <v>10450</v>
      </c>
      <c r="H17021" t="s">
        <v>10451</v>
      </c>
      <c r="I17021" s="2">
        <v>1</v>
      </c>
      <c r="J17021" s="2">
        <v>0</v>
      </c>
      <c r="K17021" s="2">
        <v>0</v>
      </c>
      <c r="L17021" t="s">
        <v>120</v>
      </c>
      <c r="M17021" t="s">
        <v>83</v>
      </c>
      <c r="N17021" t="s">
        <v>91</v>
      </c>
      <c r="O17021" t="s">
        <v>85</v>
      </c>
      <c r="P17021" t="s">
        <v>86</v>
      </c>
      <c r="Q17021">
        <v>62</v>
      </c>
      <c r="R17021">
        <v>63</v>
      </c>
      <c r="S17021">
        <v>63</v>
      </c>
      <c r="T17021">
        <v>64</v>
      </c>
      <c r="U17021">
        <v>65</v>
      </c>
      <c r="V17021">
        <v>66</v>
      </c>
      <c r="W17021">
        <v>67</v>
      </c>
      <c r="X17021">
        <v>68</v>
      </c>
      <c r="Y17021">
        <v>69</v>
      </c>
      <c r="Z17021">
        <v>69</v>
      </c>
      <c r="AA17021">
        <v>70</v>
      </c>
      <c r="AB17021">
        <v>71</v>
      </c>
      <c r="AC17021">
        <v>72</v>
      </c>
      <c r="AD17021">
        <v>73</v>
      </c>
      <c r="AE17021">
        <v>73</v>
      </c>
      <c r="AF17021">
        <v>74</v>
      </c>
      <c r="AG17021">
        <v>75</v>
      </c>
      <c r="AH17021">
        <v>76</v>
      </c>
      <c r="AI17021">
        <v>77</v>
      </c>
      <c r="AJ17021">
        <v>77</v>
      </c>
      <c r="AK17021">
        <v>78</v>
      </c>
      <c r="AL17021">
        <v>78</v>
      </c>
      <c r="AM17021">
        <v>78</v>
      </c>
      <c r="AN17021">
        <v>78</v>
      </c>
      <c r="AO17021">
        <v>78</v>
      </c>
      <c r="AP17021">
        <v>78</v>
      </c>
      <c r="AQ17021">
        <v>79</v>
      </c>
    </row>
    <row r="17022" spans="1:43">
      <c r="A17022" t="s">
        <v>10568</v>
      </c>
      <c r="B17022" t="s">
        <v>10569</v>
      </c>
      <c r="C17022" t="s">
        <v>10570</v>
      </c>
      <c r="D17022" t="s">
        <v>10571</v>
      </c>
      <c r="E17022" t="s">
        <v>10448</v>
      </c>
      <c r="F17022" t="s">
        <v>10449</v>
      </c>
      <c r="G17022" t="s">
        <v>10450</v>
      </c>
      <c r="H17022" t="s">
        <v>10451</v>
      </c>
      <c r="I17022" s="2">
        <v>1</v>
      </c>
      <c r="J17022" s="2">
        <v>0</v>
      </c>
      <c r="K17022" s="2">
        <v>0</v>
      </c>
      <c r="L17022" t="s">
        <v>120</v>
      </c>
      <c r="M17022" t="s">
        <v>83</v>
      </c>
      <c r="N17022" t="s">
        <v>84</v>
      </c>
      <c r="O17022" t="s">
        <v>85</v>
      </c>
      <c r="P17022" t="s">
        <v>86</v>
      </c>
      <c r="Q17022">
        <v>28</v>
      </c>
      <c r="R17022">
        <v>29</v>
      </c>
      <c r="S17022">
        <v>29</v>
      </c>
      <c r="T17022">
        <v>29</v>
      </c>
      <c r="U17022">
        <v>30</v>
      </c>
      <c r="V17022">
        <v>30</v>
      </c>
      <c r="W17022">
        <v>31</v>
      </c>
      <c r="X17022">
        <v>31</v>
      </c>
      <c r="Y17022">
        <v>31</v>
      </c>
      <c r="Z17022">
        <v>32</v>
      </c>
      <c r="AA17022">
        <v>32</v>
      </c>
      <c r="AB17022">
        <v>32</v>
      </c>
      <c r="AC17022">
        <v>33</v>
      </c>
      <c r="AD17022">
        <v>33</v>
      </c>
      <c r="AE17022">
        <v>33</v>
      </c>
      <c r="AF17022">
        <v>34</v>
      </c>
      <c r="AG17022">
        <v>34</v>
      </c>
      <c r="AH17022">
        <v>35</v>
      </c>
      <c r="AI17022">
        <v>35</v>
      </c>
      <c r="AJ17022">
        <v>35</v>
      </c>
      <c r="AK17022">
        <v>36</v>
      </c>
      <c r="AL17022">
        <v>36</v>
      </c>
      <c r="AM17022">
        <v>36</v>
      </c>
      <c r="AN17022">
        <v>36</v>
      </c>
      <c r="AO17022">
        <v>36</v>
      </c>
      <c r="AP17022">
        <v>36</v>
      </c>
      <c r="AQ17022">
        <v>36</v>
      </c>
    </row>
    <row r="17023" spans="1:43">
      <c r="A17023" t="s">
        <v>10568</v>
      </c>
      <c r="B17023" t="s">
        <v>10569</v>
      </c>
      <c r="C17023" t="s">
        <v>10570</v>
      </c>
      <c r="D17023" t="s">
        <v>10571</v>
      </c>
      <c r="E17023" t="s">
        <v>10448</v>
      </c>
      <c r="F17023" t="s">
        <v>10449</v>
      </c>
      <c r="G17023" t="s">
        <v>10450</v>
      </c>
      <c r="H17023" t="s">
        <v>10451</v>
      </c>
      <c r="I17023" s="2">
        <v>1</v>
      </c>
      <c r="J17023" s="2">
        <v>0</v>
      </c>
      <c r="K17023" s="2">
        <v>0</v>
      </c>
      <c r="L17023" t="s">
        <v>120</v>
      </c>
      <c r="M17023" t="s">
        <v>87</v>
      </c>
      <c r="N17023" t="s">
        <v>88</v>
      </c>
      <c r="O17023" t="s">
        <v>85</v>
      </c>
      <c r="P17023" t="s">
        <v>86</v>
      </c>
      <c r="Q17023">
        <v>28</v>
      </c>
      <c r="R17023">
        <v>28</v>
      </c>
      <c r="S17023">
        <v>28</v>
      </c>
      <c r="T17023">
        <v>28</v>
      </c>
      <c r="U17023">
        <v>28</v>
      </c>
      <c r="V17023">
        <v>29</v>
      </c>
      <c r="W17023">
        <v>29</v>
      </c>
      <c r="X17023">
        <v>29</v>
      </c>
      <c r="Y17023">
        <v>29</v>
      </c>
      <c r="Z17023">
        <v>29</v>
      </c>
      <c r="AA17023">
        <v>29</v>
      </c>
      <c r="AB17023">
        <v>29</v>
      </c>
      <c r="AC17023">
        <v>29</v>
      </c>
      <c r="AD17023">
        <v>30</v>
      </c>
      <c r="AE17023">
        <v>30</v>
      </c>
      <c r="AF17023">
        <v>30</v>
      </c>
      <c r="AG17023">
        <v>30</v>
      </c>
      <c r="AH17023">
        <v>30</v>
      </c>
      <c r="AI17023">
        <v>30</v>
      </c>
      <c r="AJ17023">
        <v>30</v>
      </c>
      <c r="AK17023">
        <v>30</v>
      </c>
      <c r="AL17023">
        <v>31</v>
      </c>
      <c r="AM17023">
        <v>31</v>
      </c>
      <c r="AN17023">
        <v>31</v>
      </c>
      <c r="AO17023">
        <v>31</v>
      </c>
      <c r="AP17023">
        <v>31</v>
      </c>
      <c r="AQ17023">
        <v>31</v>
      </c>
    </row>
    <row r="17024" spans="1:43">
      <c r="A17024" t="s">
        <v>10568</v>
      </c>
      <c r="B17024" t="s">
        <v>10569</v>
      </c>
      <c r="C17024" t="s">
        <v>10570</v>
      </c>
      <c r="D17024" t="s">
        <v>10571</v>
      </c>
      <c r="E17024" t="s">
        <v>10448</v>
      </c>
      <c r="F17024" t="s">
        <v>10449</v>
      </c>
      <c r="G17024" t="s">
        <v>10450</v>
      </c>
      <c r="H17024" t="s">
        <v>10451</v>
      </c>
      <c r="I17024" s="2">
        <v>1</v>
      </c>
      <c r="J17024" s="2">
        <v>0</v>
      </c>
      <c r="K17024" s="2">
        <v>0</v>
      </c>
      <c r="L17024" t="s">
        <v>120</v>
      </c>
      <c r="M17024" t="s">
        <v>89</v>
      </c>
      <c r="N17024" t="s">
        <v>90</v>
      </c>
      <c r="O17024" t="s">
        <v>85</v>
      </c>
      <c r="P17024" t="s">
        <v>86</v>
      </c>
      <c r="Q17024">
        <v>28</v>
      </c>
      <c r="R17024">
        <v>29</v>
      </c>
      <c r="S17024">
        <v>30</v>
      </c>
      <c r="T17024">
        <v>30</v>
      </c>
      <c r="U17024">
        <v>31</v>
      </c>
      <c r="V17024">
        <v>31</v>
      </c>
      <c r="W17024">
        <v>32</v>
      </c>
      <c r="X17024">
        <v>33</v>
      </c>
      <c r="Y17024">
        <v>33</v>
      </c>
      <c r="Z17024">
        <v>34</v>
      </c>
      <c r="AA17024">
        <v>34</v>
      </c>
      <c r="AB17024">
        <v>35</v>
      </c>
      <c r="AC17024">
        <v>35</v>
      </c>
      <c r="AD17024">
        <v>36</v>
      </c>
      <c r="AE17024">
        <v>36</v>
      </c>
      <c r="AF17024">
        <v>36</v>
      </c>
      <c r="AG17024">
        <v>36</v>
      </c>
      <c r="AH17024">
        <v>36</v>
      </c>
      <c r="AI17024">
        <v>36</v>
      </c>
      <c r="AJ17024">
        <v>36</v>
      </c>
      <c r="AK17024">
        <v>36</v>
      </c>
      <c r="AL17024">
        <v>36</v>
      </c>
      <c r="AM17024">
        <v>36</v>
      </c>
      <c r="AN17024">
        <v>36</v>
      </c>
      <c r="AO17024">
        <v>36</v>
      </c>
      <c r="AP17024">
        <v>36</v>
      </c>
      <c r="AQ17024">
        <v>36</v>
      </c>
    </row>
    <row r="17025" spans="1:43">
      <c r="A17025" t="s">
        <v>10568</v>
      </c>
      <c r="B17025" t="s">
        <v>10569</v>
      </c>
      <c r="C17025" t="s">
        <v>10570</v>
      </c>
      <c r="D17025" t="s">
        <v>10571</v>
      </c>
      <c r="E17025" t="s">
        <v>10448</v>
      </c>
      <c r="F17025" t="s">
        <v>10449</v>
      </c>
      <c r="G17025" t="s">
        <v>10450</v>
      </c>
      <c r="H17025" t="s">
        <v>10451</v>
      </c>
      <c r="I17025" s="2">
        <v>1</v>
      </c>
      <c r="J17025" s="2">
        <v>0</v>
      </c>
      <c r="K17025" s="2">
        <v>0</v>
      </c>
      <c r="L17025" t="s">
        <v>120</v>
      </c>
      <c r="M17025" t="s">
        <v>83</v>
      </c>
      <c r="N17025" t="s">
        <v>91</v>
      </c>
      <c r="O17025" t="s">
        <v>85</v>
      </c>
      <c r="P17025" t="s">
        <v>86</v>
      </c>
      <c r="Q17025">
        <v>28</v>
      </c>
      <c r="R17025">
        <v>29</v>
      </c>
      <c r="S17025">
        <v>29</v>
      </c>
      <c r="T17025">
        <v>29</v>
      </c>
      <c r="U17025">
        <v>30</v>
      </c>
      <c r="V17025">
        <v>30</v>
      </c>
      <c r="W17025">
        <v>31</v>
      </c>
      <c r="X17025">
        <v>31</v>
      </c>
      <c r="Y17025">
        <v>31</v>
      </c>
      <c r="Z17025">
        <v>32</v>
      </c>
      <c r="AA17025">
        <v>32</v>
      </c>
      <c r="AB17025">
        <v>32</v>
      </c>
      <c r="AC17025">
        <v>33</v>
      </c>
      <c r="AD17025">
        <v>33</v>
      </c>
      <c r="AE17025">
        <v>33</v>
      </c>
      <c r="AF17025">
        <v>34</v>
      </c>
      <c r="AG17025">
        <v>34</v>
      </c>
      <c r="AH17025">
        <v>35</v>
      </c>
      <c r="AI17025">
        <v>35</v>
      </c>
      <c r="AJ17025">
        <v>35</v>
      </c>
      <c r="AK17025">
        <v>36</v>
      </c>
      <c r="AL17025">
        <v>36</v>
      </c>
      <c r="AM17025">
        <v>36</v>
      </c>
      <c r="AN17025">
        <v>36</v>
      </c>
      <c r="AO17025">
        <v>36</v>
      </c>
      <c r="AP17025">
        <v>36</v>
      </c>
      <c r="AQ17025">
        <v>36</v>
      </c>
    </row>
    <row r="17026" spans="1:43">
      <c r="A17026" t="s">
        <v>10572</v>
      </c>
      <c r="B17026" t="s">
        <v>10573</v>
      </c>
      <c r="C17026" t="s">
        <v>10566</v>
      </c>
      <c r="D17026" t="s">
        <v>10567</v>
      </c>
      <c r="E17026" t="s">
        <v>10448</v>
      </c>
      <c r="F17026" t="s">
        <v>10449</v>
      </c>
      <c r="G17026" t="s">
        <v>10450</v>
      </c>
      <c r="H17026" t="s">
        <v>10451</v>
      </c>
      <c r="I17026" s="2">
        <v>1</v>
      </c>
      <c r="J17026" s="2">
        <v>0</v>
      </c>
      <c r="K17026" s="2">
        <v>0</v>
      </c>
      <c r="L17026" t="s">
        <v>120</v>
      </c>
      <c r="M17026" t="s">
        <v>83</v>
      </c>
      <c r="N17026" t="s">
        <v>84</v>
      </c>
      <c r="O17026" t="s">
        <v>85</v>
      </c>
      <c r="P17026" t="s">
        <v>86</v>
      </c>
      <c r="Q17026">
        <v>30</v>
      </c>
      <c r="R17026">
        <v>30</v>
      </c>
      <c r="S17026">
        <v>30</v>
      </c>
      <c r="T17026">
        <v>31</v>
      </c>
      <c r="U17026">
        <v>31</v>
      </c>
      <c r="V17026">
        <v>32</v>
      </c>
      <c r="W17026">
        <v>32</v>
      </c>
      <c r="X17026">
        <v>33</v>
      </c>
      <c r="Y17026">
        <v>33</v>
      </c>
      <c r="Z17026">
        <v>33</v>
      </c>
      <c r="AA17026">
        <v>34</v>
      </c>
      <c r="AB17026">
        <v>34</v>
      </c>
      <c r="AC17026">
        <v>34</v>
      </c>
      <c r="AD17026">
        <v>35</v>
      </c>
      <c r="AE17026">
        <v>35</v>
      </c>
      <c r="AF17026">
        <v>36</v>
      </c>
      <c r="AG17026">
        <v>36</v>
      </c>
      <c r="AH17026">
        <v>36</v>
      </c>
      <c r="AI17026">
        <v>37</v>
      </c>
      <c r="AJ17026">
        <v>37</v>
      </c>
      <c r="AK17026">
        <v>37</v>
      </c>
      <c r="AL17026">
        <v>38</v>
      </c>
      <c r="AM17026">
        <v>38</v>
      </c>
      <c r="AN17026">
        <v>38</v>
      </c>
      <c r="AO17026">
        <v>38</v>
      </c>
      <c r="AP17026">
        <v>38</v>
      </c>
      <c r="AQ17026">
        <v>38</v>
      </c>
    </row>
    <row r="17027" spans="1:43">
      <c r="A17027" t="s">
        <v>10572</v>
      </c>
      <c r="B17027" t="s">
        <v>10573</v>
      </c>
      <c r="C17027" t="s">
        <v>10566</v>
      </c>
      <c r="D17027" t="s">
        <v>10567</v>
      </c>
      <c r="E17027" t="s">
        <v>10448</v>
      </c>
      <c r="F17027" t="s">
        <v>10449</v>
      </c>
      <c r="G17027" t="s">
        <v>10450</v>
      </c>
      <c r="H17027" t="s">
        <v>10451</v>
      </c>
      <c r="I17027" s="2">
        <v>1</v>
      </c>
      <c r="J17027" s="2">
        <v>0</v>
      </c>
      <c r="K17027" s="2">
        <v>0</v>
      </c>
      <c r="L17027" t="s">
        <v>120</v>
      </c>
      <c r="M17027" t="s">
        <v>87</v>
      </c>
      <c r="N17027" t="s">
        <v>88</v>
      </c>
      <c r="O17027" t="s">
        <v>85</v>
      </c>
      <c r="P17027" t="s">
        <v>86</v>
      </c>
      <c r="Q17027">
        <v>30</v>
      </c>
      <c r="R17027">
        <v>30</v>
      </c>
      <c r="S17027">
        <v>31</v>
      </c>
      <c r="T17027">
        <v>31</v>
      </c>
      <c r="U17027">
        <v>31</v>
      </c>
      <c r="V17027">
        <v>31</v>
      </c>
      <c r="W17027">
        <v>31</v>
      </c>
      <c r="X17027">
        <v>31</v>
      </c>
      <c r="Y17027">
        <v>31</v>
      </c>
      <c r="Z17027">
        <v>32</v>
      </c>
      <c r="AA17027">
        <v>32</v>
      </c>
      <c r="AB17027">
        <v>32</v>
      </c>
      <c r="AC17027">
        <v>32</v>
      </c>
      <c r="AD17027">
        <v>32</v>
      </c>
      <c r="AE17027">
        <v>32</v>
      </c>
      <c r="AF17027">
        <v>32</v>
      </c>
      <c r="AG17027">
        <v>33</v>
      </c>
      <c r="AH17027">
        <v>33</v>
      </c>
      <c r="AI17027">
        <v>33</v>
      </c>
      <c r="AJ17027">
        <v>33</v>
      </c>
      <c r="AK17027">
        <v>33</v>
      </c>
      <c r="AL17027">
        <v>33</v>
      </c>
      <c r="AM17027">
        <v>33</v>
      </c>
      <c r="AN17027">
        <v>33</v>
      </c>
      <c r="AO17027">
        <v>34</v>
      </c>
      <c r="AP17027">
        <v>34</v>
      </c>
      <c r="AQ17027">
        <v>34</v>
      </c>
    </row>
    <row r="17028" spans="1:43">
      <c r="A17028" t="s">
        <v>10572</v>
      </c>
      <c r="B17028" t="s">
        <v>10573</v>
      </c>
      <c r="C17028" t="s">
        <v>10566</v>
      </c>
      <c r="D17028" t="s">
        <v>10567</v>
      </c>
      <c r="E17028" t="s">
        <v>10448</v>
      </c>
      <c r="F17028" t="s">
        <v>10449</v>
      </c>
      <c r="G17028" t="s">
        <v>10450</v>
      </c>
      <c r="H17028" t="s">
        <v>10451</v>
      </c>
      <c r="I17028" s="2">
        <v>1</v>
      </c>
      <c r="J17028" s="2">
        <v>0</v>
      </c>
      <c r="K17028" s="2">
        <v>0</v>
      </c>
      <c r="L17028" t="s">
        <v>120</v>
      </c>
      <c r="M17028" t="s">
        <v>89</v>
      </c>
      <c r="N17028" t="s">
        <v>90</v>
      </c>
      <c r="O17028" t="s">
        <v>85</v>
      </c>
      <c r="P17028" t="s">
        <v>86</v>
      </c>
      <c r="Q17028">
        <v>30</v>
      </c>
      <c r="R17028">
        <v>31</v>
      </c>
      <c r="S17028">
        <v>31</v>
      </c>
      <c r="T17028">
        <v>32</v>
      </c>
      <c r="U17028">
        <v>32</v>
      </c>
      <c r="V17028">
        <v>33</v>
      </c>
      <c r="W17028">
        <v>34</v>
      </c>
      <c r="X17028">
        <v>34</v>
      </c>
      <c r="Y17028">
        <v>35</v>
      </c>
      <c r="Z17028">
        <v>35</v>
      </c>
      <c r="AA17028">
        <v>36</v>
      </c>
      <c r="AB17028">
        <v>36</v>
      </c>
      <c r="AC17028">
        <v>37</v>
      </c>
      <c r="AD17028">
        <v>37</v>
      </c>
      <c r="AE17028">
        <v>38</v>
      </c>
      <c r="AF17028">
        <v>38</v>
      </c>
      <c r="AG17028">
        <v>38</v>
      </c>
      <c r="AH17028">
        <v>38</v>
      </c>
      <c r="AI17028">
        <v>38</v>
      </c>
      <c r="AJ17028">
        <v>38</v>
      </c>
      <c r="AK17028">
        <v>38</v>
      </c>
      <c r="AL17028">
        <v>38</v>
      </c>
      <c r="AM17028">
        <v>38</v>
      </c>
      <c r="AN17028">
        <v>38</v>
      </c>
      <c r="AO17028">
        <v>38</v>
      </c>
      <c r="AP17028">
        <v>38</v>
      </c>
      <c r="AQ17028">
        <v>38</v>
      </c>
    </row>
    <row r="17029" spans="1:43">
      <c r="A17029" t="s">
        <v>10572</v>
      </c>
      <c r="B17029" t="s">
        <v>10573</v>
      </c>
      <c r="C17029" t="s">
        <v>10566</v>
      </c>
      <c r="D17029" t="s">
        <v>10567</v>
      </c>
      <c r="E17029" t="s">
        <v>10448</v>
      </c>
      <c r="F17029" t="s">
        <v>10449</v>
      </c>
      <c r="G17029" t="s">
        <v>10450</v>
      </c>
      <c r="H17029" t="s">
        <v>10451</v>
      </c>
      <c r="I17029" s="2">
        <v>1</v>
      </c>
      <c r="J17029" s="2">
        <v>0</v>
      </c>
      <c r="K17029" s="2">
        <v>0</v>
      </c>
      <c r="L17029" t="s">
        <v>120</v>
      </c>
      <c r="M17029" t="s">
        <v>83</v>
      </c>
      <c r="N17029" t="s">
        <v>91</v>
      </c>
      <c r="O17029" t="s">
        <v>85</v>
      </c>
      <c r="P17029" t="s">
        <v>86</v>
      </c>
      <c r="Q17029">
        <v>30</v>
      </c>
      <c r="R17029">
        <v>30</v>
      </c>
      <c r="S17029">
        <v>30</v>
      </c>
      <c r="T17029">
        <v>31</v>
      </c>
      <c r="U17029">
        <v>31</v>
      </c>
      <c r="V17029">
        <v>32</v>
      </c>
      <c r="W17029">
        <v>32</v>
      </c>
      <c r="X17029">
        <v>33</v>
      </c>
      <c r="Y17029">
        <v>33</v>
      </c>
      <c r="Z17029">
        <v>33</v>
      </c>
      <c r="AA17029">
        <v>34</v>
      </c>
      <c r="AB17029">
        <v>34</v>
      </c>
      <c r="AC17029">
        <v>34</v>
      </c>
      <c r="AD17029">
        <v>35</v>
      </c>
      <c r="AE17029">
        <v>35</v>
      </c>
      <c r="AF17029">
        <v>36</v>
      </c>
      <c r="AG17029">
        <v>36</v>
      </c>
      <c r="AH17029">
        <v>36</v>
      </c>
      <c r="AI17029">
        <v>37</v>
      </c>
      <c r="AJ17029">
        <v>37</v>
      </c>
      <c r="AK17029">
        <v>37</v>
      </c>
      <c r="AL17029">
        <v>38</v>
      </c>
      <c r="AM17029">
        <v>38</v>
      </c>
      <c r="AN17029">
        <v>38</v>
      </c>
      <c r="AO17029">
        <v>38</v>
      </c>
      <c r="AP17029">
        <v>38</v>
      </c>
      <c r="AQ17029">
        <v>38</v>
      </c>
    </row>
    <row r="17030" spans="1:43">
      <c r="A17030" t="s">
        <v>10574</v>
      </c>
      <c r="B17030" t="s">
        <v>10575</v>
      </c>
      <c r="C17030" t="s">
        <v>10566</v>
      </c>
      <c r="D17030" t="s">
        <v>10567</v>
      </c>
      <c r="E17030" t="s">
        <v>10448</v>
      </c>
      <c r="F17030" t="s">
        <v>10449</v>
      </c>
      <c r="G17030" t="s">
        <v>10450</v>
      </c>
      <c r="H17030" t="s">
        <v>10451</v>
      </c>
      <c r="I17030" s="2">
        <v>1</v>
      </c>
      <c r="J17030" s="2">
        <v>0</v>
      </c>
      <c r="K17030" s="2">
        <v>0</v>
      </c>
      <c r="L17030" t="s">
        <v>120</v>
      </c>
      <c r="M17030" t="s">
        <v>83</v>
      </c>
      <c r="N17030" t="s">
        <v>84</v>
      </c>
      <c r="O17030" t="s">
        <v>85</v>
      </c>
      <c r="P17030" t="s">
        <v>86</v>
      </c>
      <c r="Q17030">
        <v>31</v>
      </c>
      <c r="R17030">
        <v>32</v>
      </c>
      <c r="S17030">
        <v>32</v>
      </c>
      <c r="T17030">
        <v>33</v>
      </c>
      <c r="U17030">
        <v>33</v>
      </c>
      <c r="V17030">
        <v>34</v>
      </c>
      <c r="W17030">
        <v>34</v>
      </c>
      <c r="X17030">
        <v>35</v>
      </c>
      <c r="Y17030">
        <v>35</v>
      </c>
      <c r="Z17030">
        <v>35</v>
      </c>
      <c r="AA17030">
        <v>36</v>
      </c>
      <c r="AB17030">
        <v>36</v>
      </c>
      <c r="AC17030">
        <v>37</v>
      </c>
      <c r="AD17030">
        <v>37</v>
      </c>
      <c r="AE17030">
        <v>37</v>
      </c>
      <c r="AF17030">
        <v>38</v>
      </c>
      <c r="AG17030">
        <v>38</v>
      </c>
      <c r="AH17030">
        <v>39</v>
      </c>
      <c r="AI17030">
        <v>39</v>
      </c>
      <c r="AJ17030">
        <v>39</v>
      </c>
      <c r="AK17030">
        <v>40</v>
      </c>
      <c r="AL17030">
        <v>40</v>
      </c>
      <c r="AM17030">
        <v>40</v>
      </c>
      <c r="AN17030">
        <v>40</v>
      </c>
      <c r="AO17030">
        <v>40</v>
      </c>
      <c r="AP17030">
        <v>40</v>
      </c>
      <c r="AQ17030">
        <v>40</v>
      </c>
    </row>
    <row r="17031" spans="1:43">
      <c r="A17031" t="s">
        <v>10574</v>
      </c>
      <c r="B17031" t="s">
        <v>10575</v>
      </c>
      <c r="C17031" t="s">
        <v>10566</v>
      </c>
      <c r="D17031" t="s">
        <v>10567</v>
      </c>
      <c r="E17031" t="s">
        <v>10448</v>
      </c>
      <c r="F17031" t="s">
        <v>10449</v>
      </c>
      <c r="G17031" t="s">
        <v>10450</v>
      </c>
      <c r="H17031" t="s">
        <v>10451</v>
      </c>
      <c r="I17031" s="2">
        <v>1</v>
      </c>
      <c r="J17031" s="2">
        <v>0</v>
      </c>
      <c r="K17031" s="2">
        <v>0</v>
      </c>
      <c r="L17031" t="s">
        <v>120</v>
      </c>
      <c r="M17031" t="s">
        <v>87</v>
      </c>
      <c r="N17031" t="s">
        <v>88</v>
      </c>
      <c r="O17031" t="s">
        <v>85</v>
      </c>
      <c r="P17031" t="s">
        <v>86</v>
      </c>
      <c r="Q17031">
        <v>31</v>
      </c>
      <c r="R17031">
        <v>31</v>
      </c>
      <c r="S17031">
        <v>31</v>
      </c>
      <c r="T17031">
        <v>32</v>
      </c>
      <c r="U17031">
        <v>32</v>
      </c>
      <c r="V17031">
        <v>32</v>
      </c>
      <c r="W17031">
        <v>32</v>
      </c>
      <c r="X17031">
        <v>32</v>
      </c>
      <c r="Y17031">
        <v>32</v>
      </c>
      <c r="Z17031">
        <v>33</v>
      </c>
      <c r="AA17031">
        <v>33</v>
      </c>
      <c r="AB17031">
        <v>33</v>
      </c>
      <c r="AC17031">
        <v>33</v>
      </c>
      <c r="AD17031">
        <v>33</v>
      </c>
      <c r="AE17031">
        <v>33</v>
      </c>
      <c r="AF17031">
        <v>33</v>
      </c>
      <c r="AG17031">
        <v>34</v>
      </c>
      <c r="AH17031">
        <v>34</v>
      </c>
      <c r="AI17031">
        <v>34</v>
      </c>
      <c r="AJ17031">
        <v>34</v>
      </c>
      <c r="AK17031">
        <v>34</v>
      </c>
      <c r="AL17031">
        <v>34</v>
      </c>
      <c r="AM17031">
        <v>34</v>
      </c>
      <c r="AN17031">
        <v>34</v>
      </c>
      <c r="AO17031">
        <v>35</v>
      </c>
      <c r="AP17031">
        <v>35</v>
      </c>
      <c r="AQ17031">
        <v>35</v>
      </c>
    </row>
    <row r="17032" spans="1:43">
      <c r="A17032" t="s">
        <v>10574</v>
      </c>
      <c r="B17032" t="s">
        <v>10575</v>
      </c>
      <c r="C17032" t="s">
        <v>10566</v>
      </c>
      <c r="D17032" t="s">
        <v>10567</v>
      </c>
      <c r="E17032" t="s">
        <v>10448</v>
      </c>
      <c r="F17032" t="s">
        <v>10449</v>
      </c>
      <c r="G17032" t="s">
        <v>10450</v>
      </c>
      <c r="H17032" t="s">
        <v>10451</v>
      </c>
      <c r="I17032" s="2">
        <v>1</v>
      </c>
      <c r="J17032" s="2">
        <v>0</v>
      </c>
      <c r="K17032" s="2">
        <v>0</v>
      </c>
      <c r="L17032" t="s">
        <v>120</v>
      </c>
      <c r="M17032" t="s">
        <v>89</v>
      </c>
      <c r="N17032" t="s">
        <v>90</v>
      </c>
      <c r="O17032" t="s">
        <v>85</v>
      </c>
      <c r="P17032" t="s">
        <v>86</v>
      </c>
      <c r="Q17032">
        <v>31</v>
      </c>
      <c r="R17032">
        <v>31</v>
      </c>
      <c r="S17032">
        <v>32</v>
      </c>
      <c r="T17032">
        <v>33</v>
      </c>
      <c r="U17032">
        <v>34</v>
      </c>
      <c r="V17032">
        <v>34</v>
      </c>
      <c r="W17032">
        <v>35</v>
      </c>
      <c r="X17032">
        <v>35</v>
      </c>
      <c r="Y17032">
        <v>36</v>
      </c>
      <c r="Z17032">
        <v>37</v>
      </c>
      <c r="AA17032">
        <v>37</v>
      </c>
      <c r="AB17032">
        <v>38</v>
      </c>
      <c r="AC17032">
        <v>38</v>
      </c>
      <c r="AD17032">
        <v>39</v>
      </c>
      <c r="AE17032">
        <v>39</v>
      </c>
      <c r="AF17032">
        <v>39</v>
      </c>
      <c r="AG17032">
        <v>39</v>
      </c>
      <c r="AH17032">
        <v>39</v>
      </c>
      <c r="AI17032">
        <v>39</v>
      </c>
      <c r="AJ17032">
        <v>39</v>
      </c>
      <c r="AK17032">
        <v>39</v>
      </c>
      <c r="AL17032">
        <v>39</v>
      </c>
      <c r="AM17032">
        <v>39</v>
      </c>
      <c r="AN17032">
        <v>39</v>
      </c>
      <c r="AO17032">
        <v>39</v>
      </c>
      <c r="AP17032">
        <v>39</v>
      </c>
      <c r="AQ17032">
        <v>39</v>
      </c>
    </row>
    <row r="17033" spans="1:43">
      <c r="A17033" t="s">
        <v>10574</v>
      </c>
      <c r="B17033" t="s">
        <v>10575</v>
      </c>
      <c r="C17033" t="s">
        <v>10566</v>
      </c>
      <c r="D17033" t="s">
        <v>10567</v>
      </c>
      <c r="E17033" t="s">
        <v>10448</v>
      </c>
      <c r="F17033" t="s">
        <v>10449</v>
      </c>
      <c r="G17033" t="s">
        <v>10450</v>
      </c>
      <c r="H17033" t="s">
        <v>10451</v>
      </c>
      <c r="I17033" s="2">
        <v>1</v>
      </c>
      <c r="J17033" s="2">
        <v>0</v>
      </c>
      <c r="K17033" s="2">
        <v>0</v>
      </c>
      <c r="L17033" t="s">
        <v>120</v>
      </c>
      <c r="M17033" t="s">
        <v>83</v>
      </c>
      <c r="N17033" t="s">
        <v>91</v>
      </c>
      <c r="O17033" t="s">
        <v>85</v>
      </c>
      <c r="P17033" t="s">
        <v>86</v>
      </c>
      <c r="Q17033">
        <v>31</v>
      </c>
      <c r="R17033">
        <v>32</v>
      </c>
      <c r="S17033">
        <v>32</v>
      </c>
      <c r="T17033">
        <v>33</v>
      </c>
      <c r="U17033">
        <v>33</v>
      </c>
      <c r="V17033">
        <v>34</v>
      </c>
      <c r="W17033">
        <v>34</v>
      </c>
      <c r="X17033">
        <v>35</v>
      </c>
      <c r="Y17033">
        <v>35</v>
      </c>
      <c r="Z17033">
        <v>35</v>
      </c>
      <c r="AA17033">
        <v>36</v>
      </c>
      <c r="AB17033">
        <v>36</v>
      </c>
      <c r="AC17033">
        <v>37</v>
      </c>
      <c r="AD17033">
        <v>37</v>
      </c>
      <c r="AE17033">
        <v>37</v>
      </c>
      <c r="AF17033">
        <v>38</v>
      </c>
      <c r="AG17033">
        <v>38</v>
      </c>
      <c r="AH17033">
        <v>39</v>
      </c>
      <c r="AI17033">
        <v>39</v>
      </c>
      <c r="AJ17033">
        <v>39</v>
      </c>
      <c r="AK17033">
        <v>40</v>
      </c>
      <c r="AL17033">
        <v>40</v>
      </c>
      <c r="AM17033">
        <v>40</v>
      </c>
      <c r="AN17033">
        <v>40</v>
      </c>
      <c r="AO17033">
        <v>40</v>
      </c>
      <c r="AP17033">
        <v>40</v>
      </c>
      <c r="AQ17033">
        <v>40</v>
      </c>
    </row>
    <row r="17034" spans="1:43">
      <c r="A17034" t="s">
        <v>10576</v>
      </c>
      <c r="B17034" t="s">
        <v>10577</v>
      </c>
      <c r="C17034" t="s">
        <v>10578</v>
      </c>
      <c r="D17034" t="s">
        <v>10579</v>
      </c>
      <c r="E17034" t="s">
        <v>10448</v>
      </c>
      <c r="F17034" t="s">
        <v>10449</v>
      </c>
      <c r="G17034" t="s">
        <v>10450</v>
      </c>
      <c r="H17034" t="s">
        <v>10451</v>
      </c>
      <c r="I17034" s="2">
        <v>1</v>
      </c>
      <c r="J17034" s="2">
        <v>0</v>
      </c>
      <c r="K17034" s="2">
        <v>0</v>
      </c>
      <c r="L17034" t="s">
        <v>120</v>
      </c>
      <c r="M17034" t="s">
        <v>83</v>
      </c>
      <c r="N17034" t="s">
        <v>84</v>
      </c>
      <c r="O17034" t="s">
        <v>85</v>
      </c>
      <c r="P17034" t="s">
        <v>86</v>
      </c>
      <c r="Q17034">
        <v>18</v>
      </c>
      <c r="R17034">
        <v>18</v>
      </c>
      <c r="S17034">
        <v>18</v>
      </c>
      <c r="T17034">
        <v>19</v>
      </c>
      <c r="U17034">
        <v>19</v>
      </c>
      <c r="V17034">
        <v>19</v>
      </c>
      <c r="W17034">
        <v>19</v>
      </c>
      <c r="X17034">
        <v>20</v>
      </c>
      <c r="Y17034">
        <v>20</v>
      </c>
      <c r="Z17034">
        <v>20</v>
      </c>
      <c r="AA17034">
        <v>20</v>
      </c>
      <c r="AB17034">
        <v>20</v>
      </c>
      <c r="AC17034">
        <v>21</v>
      </c>
      <c r="AD17034">
        <v>21</v>
      </c>
      <c r="AE17034">
        <v>21</v>
      </c>
      <c r="AF17034">
        <v>21</v>
      </c>
      <c r="AG17034">
        <v>22</v>
      </c>
      <c r="AH17034">
        <v>22</v>
      </c>
      <c r="AI17034">
        <v>22</v>
      </c>
      <c r="AJ17034">
        <v>22</v>
      </c>
      <c r="AK17034">
        <v>22</v>
      </c>
      <c r="AL17034">
        <v>22</v>
      </c>
      <c r="AM17034">
        <v>22</v>
      </c>
      <c r="AN17034">
        <v>23</v>
      </c>
      <c r="AO17034">
        <v>23</v>
      </c>
      <c r="AP17034">
        <v>23</v>
      </c>
      <c r="AQ17034">
        <v>23</v>
      </c>
    </row>
    <row r="17035" spans="1:43">
      <c r="A17035" t="s">
        <v>10576</v>
      </c>
      <c r="B17035" t="s">
        <v>10577</v>
      </c>
      <c r="C17035" t="s">
        <v>10578</v>
      </c>
      <c r="D17035" t="s">
        <v>10579</v>
      </c>
      <c r="E17035" t="s">
        <v>10448</v>
      </c>
      <c r="F17035" t="s">
        <v>10449</v>
      </c>
      <c r="G17035" t="s">
        <v>10450</v>
      </c>
      <c r="H17035" t="s">
        <v>10451</v>
      </c>
      <c r="I17035" s="2">
        <v>1</v>
      </c>
      <c r="J17035" s="2">
        <v>0</v>
      </c>
      <c r="K17035" s="2">
        <v>0</v>
      </c>
      <c r="L17035" t="s">
        <v>120</v>
      </c>
      <c r="M17035" t="s">
        <v>87</v>
      </c>
      <c r="N17035" t="s">
        <v>88</v>
      </c>
      <c r="O17035" t="s">
        <v>85</v>
      </c>
      <c r="P17035" t="s">
        <v>86</v>
      </c>
      <c r="Q17035">
        <v>18</v>
      </c>
      <c r="R17035">
        <v>18</v>
      </c>
      <c r="S17035">
        <v>18</v>
      </c>
      <c r="T17035">
        <v>18</v>
      </c>
      <c r="U17035">
        <v>18</v>
      </c>
      <c r="V17035">
        <v>18</v>
      </c>
      <c r="W17035">
        <v>18</v>
      </c>
      <c r="X17035">
        <v>18</v>
      </c>
      <c r="Y17035">
        <v>18</v>
      </c>
      <c r="Z17035">
        <v>18</v>
      </c>
      <c r="AA17035">
        <v>18</v>
      </c>
      <c r="AB17035">
        <v>19</v>
      </c>
      <c r="AC17035">
        <v>19</v>
      </c>
      <c r="AD17035">
        <v>19</v>
      </c>
      <c r="AE17035">
        <v>19</v>
      </c>
      <c r="AF17035">
        <v>19</v>
      </c>
      <c r="AG17035">
        <v>19</v>
      </c>
      <c r="AH17035">
        <v>19</v>
      </c>
      <c r="AI17035">
        <v>19</v>
      </c>
      <c r="AJ17035">
        <v>19</v>
      </c>
      <c r="AK17035">
        <v>19</v>
      </c>
      <c r="AL17035">
        <v>19</v>
      </c>
      <c r="AM17035">
        <v>19</v>
      </c>
      <c r="AN17035">
        <v>19</v>
      </c>
      <c r="AO17035">
        <v>20</v>
      </c>
      <c r="AP17035">
        <v>20</v>
      </c>
      <c r="AQ17035">
        <v>20</v>
      </c>
    </row>
    <row r="17036" spans="1:43">
      <c r="A17036" t="s">
        <v>10576</v>
      </c>
      <c r="B17036" t="s">
        <v>10577</v>
      </c>
      <c r="C17036" t="s">
        <v>10578</v>
      </c>
      <c r="D17036" t="s">
        <v>10579</v>
      </c>
      <c r="E17036" t="s">
        <v>10448</v>
      </c>
      <c r="F17036" t="s">
        <v>10449</v>
      </c>
      <c r="G17036" t="s">
        <v>10450</v>
      </c>
      <c r="H17036" t="s">
        <v>10451</v>
      </c>
      <c r="I17036" s="2">
        <v>1</v>
      </c>
      <c r="J17036" s="2">
        <v>0</v>
      </c>
      <c r="K17036" s="2">
        <v>0</v>
      </c>
      <c r="L17036" t="s">
        <v>120</v>
      </c>
      <c r="M17036" t="s">
        <v>89</v>
      </c>
      <c r="N17036" t="s">
        <v>90</v>
      </c>
      <c r="O17036" t="s">
        <v>85</v>
      </c>
      <c r="P17036" t="s">
        <v>86</v>
      </c>
      <c r="Q17036">
        <v>18</v>
      </c>
      <c r="R17036">
        <v>18</v>
      </c>
      <c r="S17036">
        <v>19</v>
      </c>
      <c r="T17036">
        <v>19</v>
      </c>
      <c r="U17036">
        <v>19</v>
      </c>
      <c r="V17036">
        <v>20</v>
      </c>
      <c r="W17036">
        <v>20</v>
      </c>
      <c r="X17036">
        <v>20</v>
      </c>
      <c r="Y17036">
        <v>21</v>
      </c>
      <c r="Z17036">
        <v>21</v>
      </c>
      <c r="AA17036">
        <v>21</v>
      </c>
      <c r="AB17036">
        <v>22</v>
      </c>
      <c r="AC17036">
        <v>22</v>
      </c>
      <c r="AD17036">
        <v>22</v>
      </c>
      <c r="AE17036">
        <v>23</v>
      </c>
      <c r="AF17036">
        <v>23</v>
      </c>
      <c r="AG17036">
        <v>23</v>
      </c>
      <c r="AH17036">
        <v>23</v>
      </c>
      <c r="AI17036">
        <v>23</v>
      </c>
      <c r="AJ17036">
        <v>23</v>
      </c>
      <c r="AK17036">
        <v>23</v>
      </c>
      <c r="AL17036">
        <v>23</v>
      </c>
      <c r="AM17036">
        <v>23</v>
      </c>
      <c r="AN17036">
        <v>23</v>
      </c>
      <c r="AO17036">
        <v>23</v>
      </c>
      <c r="AP17036">
        <v>23</v>
      </c>
      <c r="AQ17036">
        <v>23</v>
      </c>
    </row>
    <row r="17037" spans="1:43">
      <c r="A17037" t="s">
        <v>10576</v>
      </c>
      <c r="B17037" t="s">
        <v>10577</v>
      </c>
      <c r="C17037" t="s">
        <v>10578</v>
      </c>
      <c r="D17037" t="s">
        <v>10579</v>
      </c>
      <c r="E17037" t="s">
        <v>10448</v>
      </c>
      <c r="F17037" t="s">
        <v>10449</v>
      </c>
      <c r="G17037" t="s">
        <v>10450</v>
      </c>
      <c r="H17037" t="s">
        <v>10451</v>
      </c>
      <c r="I17037" s="2">
        <v>1</v>
      </c>
      <c r="J17037" s="2">
        <v>0</v>
      </c>
      <c r="K17037" s="2">
        <v>0</v>
      </c>
      <c r="L17037" t="s">
        <v>120</v>
      </c>
      <c r="M17037" t="s">
        <v>83</v>
      </c>
      <c r="N17037" t="s">
        <v>91</v>
      </c>
      <c r="O17037" t="s">
        <v>85</v>
      </c>
      <c r="P17037" t="s">
        <v>86</v>
      </c>
      <c r="Q17037">
        <v>18</v>
      </c>
      <c r="R17037">
        <v>18</v>
      </c>
      <c r="S17037">
        <v>18</v>
      </c>
      <c r="T17037">
        <v>19</v>
      </c>
      <c r="U17037">
        <v>19</v>
      </c>
      <c r="V17037">
        <v>19</v>
      </c>
      <c r="W17037">
        <v>19</v>
      </c>
      <c r="X17037">
        <v>20</v>
      </c>
      <c r="Y17037">
        <v>20</v>
      </c>
      <c r="Z17037">
        <v>20</v>
      </c>
      <c r="AA17037">
        <v>20</v>
      </c>
      <c r="AB17037">
        <v>20</v>
      </c>
      <c r="AC17037">
        <v>21</v>
      </c>
      <c r="AD17037">
        <v>21</v>
      </c>
      <c r="AE17037">
        <v>21</v>
      </c>
      <c r="AF17037">
        <v>21</v>
      </c>
      <c r="AG17037">
        <v>22</v>
      </c>
      <c r="AH17037">
        <v>22</v>
      </c>
      <c r="AI17037">
        <v>22</v>
      </c>
      <c r="AJ17037">
        <v>22</v>
      </c>
      <c r="AK17037">
        <v>22</v>
      </c>
      <c r="AL17037">
        <v>22</v>
      </c>
      <c r="AM17037">
        <v>22</v>
      </c>
      <c r="AN17037">
        <v>23</v>
      </c>
      <c r="AO17037">
        <v>23</v>
      </c>
      <c r="AP17037">
        <v>23</v>
      </c>
      <c r="AQ17037">
        <v>23</v>
      </c>
    </row>
    <row r="17038" spans="1:43">
      <c r="A17038" t="s">
        <v>10580</v>
      </c>
      <c r="B17038" t="s">
        <v>10581</v>
      </c>
      <c r="C17038" t="s">
        <v>10446</v>
      </c>
      <c r="D17038" t="s">
        <v>10447</v>
      </c>
      <c r="E17038" t="s">
        <v>10448</v>
      </c>
      <c r="F17038" t="s">
        <v>10449</v>
      </c>
      <c r="G17038" t="s">
        <v>10450</v>
      </c>
      <c r="H17038" t="s">
        <v>10451</v>
      </c>
      <c r="I17038" s="2">
        <v>1</v>
      </c>
      <c r="J17038" s="2">
        <v>0</v>
      </c>
      <c r="K17038" s="2">
        <v>0</v>
      </c>
      <c r="L17038" t="s">
        <v>120</v>
      </c>
      <c r="M17038" t="s">
        <v>83</v>
      </c>
      <c r="N17038" t="s">
        <v>84</v>
      </c>
      <c r="O17038" t="s">
        <v>85</v>
      </c>
      <c r="P17038" t="s">
        <v>86</v>
      </c>
      <c r="Q17038">
        <v>14</v>
      </c>
      <c r="R17038">
        <v>14</v>
      </c>
      <c r="S17038">
        <v>14</v>
      </c>
      <c r="T17038">
        <v>15</v>
      </c>
      <c r="U17038">
        <v>15</v>
      </c>
      <c r="V17038">
        <v>15</v>
      </c>
      <c r="W17038">
        <v>15</v>
      </c>
      <c r="X17038">
        <v>15</v>
      </c>
      <c r="Y17038">
        <v>16</v>
      </c>
      <c r="Z17038">
        <v>16</v>
      </c>
      <c r="AA17038">
        <v>16</v>
      </c>
      <c r="AB17038">
        <v>16</v>
      </c>
      <c r="AC17038">
        <v>16</v>
      </c>
      <c r="AD17038">
        <v>16</v>
      </c>
      <c r="AE17038">
        <v>17</v>
      </c>
      <c r="AF17038">
        <v>17</v>
      </c>
      <c r="AG17038">
        <v>17</v>
      </c>
      <c r="AH17038">
        <v>17</v>
      </c>
      <c r="AI17038">
        <v>17</v>
      </c>
      <c r="AJ17038">
        <v>17</v>
      </c>
      <c r="AK17038">
        <v>18</v>
      </c>
      <c r="AL17038">
        <v>18</v>
      </c>
      <c r="AM17038">
        <v>18</v>
      </c>
      <c r="AN17038">
        <v>18</v>
      </c>
      <c r="AO17038">
        <v>18</v>
      </c>
      <c r="AP17038">
        <v>18</v>
      </c>
      <c r="AQ17038">
        <v>18</v>
      </c>
    </row>
    <row r="17039" spans="1:43">
      <c r="A17039" t="s">
        <v>10580</v>
      </c>
      <c r="B17039" t="s">
        <v>10581</v>
      </c>
      <c r="C17039" t="s">
        <v>10446</v>
      </c>
      <c r="D17039" t="s">
        <v>10447</v>
      </c>
      <c r="E17039" t="s">
        <v>10448</v>
      </c>
      <c r="F17039" t="s">
        <v>10449</v>
      </c>
      <c r="G17039" t="s">
        <v>10450</v>
      </c>
      <c r="H17039" t="s">
        <v>10451</v>
      </c>
      <c r="I17039" s="2">
        <v>1</v>
      </c>
      <c r="J17039" s="2">
        <v>0</v>
      </c>
      <c r="K17039" s="2">
        <v>0</v>
      </c>
      <c r="L17039" t="s">
        <v>120</v>
      </c>
      <c r="M17039" t="s">
        <v>87</v>
      </c>
      <c r="N17039" t="s">
        <v>88</v>
      </c>
      <c r="O17039" t="s">
        <v>85</v>
      </c>
      <c r="P17039" t="s">
        <v>86</v>
      </c>
      <c r="Q17039">
        <v>14</v>
      </c>
      <c r="R17039">
        <v>14</v>
      </c>
      <c r="S17039">
        <v>14</v>
      </c>
      <c r="T17039">
        <v>14</v>
      </c>
      <c r="U17039">
        <v>14</v>
      </c>
      <c r="V17039">
        <v>14</v>
      </c>
      <c r="W17039">
        <v>14</v>
      </c>
      <c r="X17039">
        <v>14</v>
      </c>
      <c r="Y17039">
        <v>14</v>
      </c>
      <c r="Z17039">
        <v>14</v>
      </c>
      <c r="AA17039">
        <v>15</v>
      </c>
      <c r="AB17039">
        <v>15</v>
      </c>
      <c r="AC17039">
        <v>15</v>
      </c>
      <c r="AD17039">
        <v>15</v>
      </c>
      <c r="AE17039">
        <v>15</v>
      </c>
      <c r="AF17039">
        <v>15</v>
      </c>
      <c r="AG17039">
        <v>15</v>
      </c>
      <c r="AH17039">
        <v>15</v>
      </c>
      <c r="AI17039">
        <v>15</v>
      </c>
      <c r="AJ17039">
        <v>15</v>
      </c>
      <c r="AK17039">
        <v>15</v>
      </c>
      <c r="AL17039">
        <v>15</v>
      </c>
      <c r="AM17039">
        <v>15</v>
      </c>
      <c r="AN17039">
        <v>15</v>
      </c>
      <c r="AO17039">
        <v>15</v>
      </c>
      <c r="AP17039">
        <v>15</v>
      </c>
      <c r="AQ17039">
        <v>16</v>
      </c>
    </row>
    <row r="17040" spans="1:43">
      <c r="A17040" t="s">
        <v>10580</v>
      </c>
      <c r="B17040" t="s">
        <v>10581</v>
      </c>
      <c r="C17040" t="s">
        <v>10446</v>
      </c>
      <c r="D17040" t="s">
        <v>10447</v>
      </c>
      <c r="E17040" t="s">
        <v>10448</v>
      </c>
      <c r="F17040" t="s">
        <v>10449</v>
      </c>
      <c r="G17040" t="s">
        <v>10450</v>
      </c>
      <c r="H17040" t="s">
        <v>10451</v>
      </c>
      <c r="I17040" s="2">
        <v>1</v>
      </c>
      <c r="J17040" s="2">
        <v>0</v>
      </c>
      <c r="K17040" s="2">
        <v>0</v>
      </c>
      <c r="L17040" t="s">
        <v>120</v>
      </c>
      <c r="M17040" t="s">
        <v>89</v>
      </c>
      <c r="N17040" t="s">
        <v>90</v>
      </c>
      <c r="O17040" t="s">
        <v>85</v>
      </c>
      <c r="P17040" t="s">
        <v>86</v>
      </c>
      <c r="Q17040">
        <v>14</v>
      </c>
      <c r="R17040">
        <v>14</v>
      </c>
      <c r="S17040">
        <v>15</v>
      </c>
      <c r="T17040">
        <v>15</v>
      </c>
      <c r="U17040">
        <v>15</v>
      </c>
      <c r="V17040">
        <v>16</v>
      </c>
      <c r="W17040">
        <v>16</v>
      </c>
      <c r="X17040">
        <v>16</v>
      </c>
      <c r="Y17040">
        <v>16</v>
      </c>
      <c r="Z17040">
        <v>17</v>
      </c>
      <c r="AA17040">
        <v>17</v>
      </c>
      <c r="AB17040">
        <v>17</v>
      </c>
      <c r="AC17040">
        <v>17</v>
      </c>
      <c r="AD17040">
        <v>18</v>
      </c>
      <c r="AE17040">
        <v>18</v>
      </c>
      <c r="AF17040">
        <v>18</v>
      </c>
      <c r="AG17040">
        <v>18</v>
      </c>
      <c r="AH17040">
        <v>18</v>
      </c>
      <c r="AI17040">
        <v>18</v>
      </c>
      <c r="AJ17040">
        <v>18</v>
      </c>
      <c r="AK17040">
        <v>18</v>
      </c>
      <c r="AL17040">
        <v>18</v>
      </c>
      <c r="AM17040">
        <v>18</v>
      </c>
      <c r="AN17040">
        <v>18</v>
      </c>
      <c r="AO17040">
        <v>18</v>
      </c>
      <c r="AP17040">
        <v>18</v>
      </c>
      <c r="AQ17040">
        <v>18</v>
      </c>
    </row>
    <row r="17041" spans="1:43">
      <c r="A17041" t="s">
        <v>10580</v>
      </c>
      <c r="B17041" t="s">
        <v>10581</v>
      </c>
      <c r="C17041" t="s">
        <v>10446</v>
      </c>
      <c r="D17041" t="s">
        <v>10447</v>
      </c>
      <c r="E17041" t="s">
        <v>10448</v>
      </c>
      <c r="F17041" t="s">
        <v>10449</v>
      </c>
      <c r="G17041" t="s">
        <v>10450</v>
      </c>
      <c r="H17041" t="s">
        <v>10451</v>
      </c>
      <c r="I17041" s="2">
        <v>1</v>
      </c>
      <c r="J17041" s="2">
        <v>0</v>
      </c>
      <c r="K17041" s="2">
        <v>0</v>
      </c>
      <c r="L17041" t="s">
        <v>120</v>
      </c>
      <c r="M17041" t="s">
        <v>83</v>
      </c>
      <c r="N17041" t="s">
        <v>91</v>
      </c>
      <c r="O17041" t="s">
        <v>85</v>
      </c>
      <c r="P17041" t="s">
        <v>86</v>
      </c>
      <c r="Q17041">
        <v>14</v>
      </c>
      <c r="R17041">
        <v>14</v>
      </c>
      <c r="S17041">
        <v>14</v>
      </c>
      <c r="T17041">
        <v>15</v>
      </c>
      <c r="U17041">
        <v>15</v>
      </c>
      <c r="V17041">
        <v>15</v>
      </c>
      <c r="W17041">
        <v>15</v>
      </c>
      <c r="X17041">
        <v>15</v>
      </c>
      <c r="Y17041">
        <v>16</v>
      </c>
      <c r="Z17041">
        <v>16</v>
      </c>
      <c r="AA17041">
        <v>16</v>
      </c>
      <c r="AB17041">
        <v>16</v>
      </c>
      <c r="AC17041">
        <v>16</v>
      </c>
      <c r="AD17041">
        <v>16</v>
      </c>
      <c r="AE17041">
        <v>17</v>
      </c>
      <c r="AF17041">
        <v>17</v>
      </c>
      <c r="AG17041">
        <v>17</v>
      </c>
      <c r="AH17041">
        <v>17</v>
      </c>
      <c r="AI17041">
        <v>17</v>
      </c>
      <c r="AJ17041">
        <v>17</v>
      </c>
      <c r="AK17041">
        <v>18</v>
      </c>
      <c r="AL17041">
        <v>18</v>
      </c>
      <c r="AM17041">
        <v>18</v>
      </c>
      <c r="AN17041">
        <v>18</v>
      </c>
      <c r="AO17041">
        <v>18</v>
      </c>
      <c r="AP17041">
        <v>18</v>
      </c>
      <c r="AQ17041">
        <v>18</v>
      </c>
    </row>
    <row r="17042" spans="1:43">
      <c r="A17042" t="s">
        <v>10582</v>
      </c>
      <c r="B17042" t="s">
        <v>10583</v>
      </c>
      <c r="C17042" t="s">
        <v>10578</v>
      </c>
      <c r="D17042" t="s">
        <v>10579</v>
      </c>
      <c r="E17042" t="s">
        <v>10448</v>
      </c>
      <c r="F17042" t="s">
        <v>10449</v>
      </c>
      <c r="G17042" t="s">
        <v>10450</v>
      </c>
      <c r="H17042" t="s">
        <v>10451</v>
      </c>
      <c r="I17042" s="2">
        <v>1</v>
      </c>
      <c r="J17042" s="2">
        <v>0</v>
      </c>
      <c r="K17042" s="2">
        <v>0</v>
      </c>
      <c r="L17042" t="s">
        <v>120</v>
      </c>
      <c r="M17042" t="s">
        <v>83</v>
      </c>
      <c r="N17042" t="s">
        <v>84</v>
      </c>
      <c r="O17042" t="s">
        <v>85</v>
      </c>
      <c r="P17042" t="s">
        <v>86</v>
      </c>
      <c r="Q17042">
        <v>18</v>
      </c>
      <c r="R17042">
        <v>19</v>
      </c>
      <c r="S17042">
        <v>19</v>
      </c>
      <c r="T17042">
        <v>19</v>
      </c>
      <c r="U17042">
        <v>19</v>
      </c>
      <c r="V17042">
        <v>20</v>
      </c>
      <c r="W17042">
        <v>20</v>
      </c>
      <c r="X17042">
        <v>20</v>
      </c>
      <c r="Y17042">
        <v>20</v>
      </c>
      <c r="Z17042">
        <v>21</v>
      </c>
      <c r="AA17042">
        <v>21</v>
      </c>
      <c r="AB17042">
        <v>21</v>
      </c>
      <c r="AC17042">
        <v>21</v>
      </c>
      <c r="AD17042">
        <v>22</v>
      </c>
      <c r="AE17042">
        <v>22</v>
      </c>
      <c r="AF17042">
        <v>22</v>
      </c>
      <c r="AG17042">
        <v>22</v>
      </c>
      <c r="AH17042">
        <v>22</v>
      </c>
      <c r="AI17042">
        <v>23</v>
      </c>
      <c r="AJ17042">
        <v>23</v>
      </c>
      <c r="AK17042">
        <v>23</v>
      </c>
      <c r="AL17042">
        <v>23</v>
      </c>
      <c r="AM17042">
        <v>23</v>
      </c>
      <c r="AN17042">
        <v>23</v>
      </c>
      <c r="AO17042">
        <v>23</v>
      </c>
      <c r="AP17042">
        <v>23</v>
      </c>
      <c r="AQ17042">
        <v>23</v>
      </c>
    </row>
    <row r="17043" spans="1:43">
      <c r="A17043" t="s">
        <v>10582</v>
      </c>
      <c r="B17043" t="s">
        <v>10583</v>
      </c>
      <c r="C17043" t="s">
        <v>10578</v>
      </c>
      <c r="D17043" t="s">
        <v>10579</v>
      </c>
      <c r="E17043" t="s">
        <v>10448</v>
      </c>
      <c r="F17043" t="s">
        <v>10449</v>
      </c>
      <c r="G17043" t="s">
        <v>10450</v>
      </c>
      <c r="H17043" t="s">
        <v>10451</v>
      </c>
      <c r="I17043" s="2">
        <v>1</v>
      </c>
      <c r="J17043" s="2">
        <v>0</v>
      </c>
      <c r="K17043" s="2">
        <v>0</v>
      </c>
      <c r="L17043" t="s">
        <v>120</v>
      </c>
      <c r="M17043" t="s">
        <v>87</v>
      </c>
      <c r="N17043" t="s">
        <v>88</v>
      </c>
      <c r="O17043" t="s">
        <v>85</v>
      </c>
      <c r="P17043" t="s">
        <v>86</v>
      </c>
      <c r="Q17043">
        <v>18</v>
      </c>
      <c r="R17043">
        <v>18</v>
      </c>
      <c r="S17043">
        <v>18</v>
      </c>
      <c r="T17043">
        <v>18</v>
      </c>
      <c r="U17043">
        <v>19</v>
      </c>
      <c r="V17043">
        <v>19</v>
      </c>
      <c r="W17043">
        <v>19</v>
      </c>
      <c r="X17043">
        <v>19</v>
      </c>
      <c r="Y17043">
        <v>19</v>
      </c>
      <c r="Z17043">
        <v>19</v>
      </c>
      <c r="AA17043">
        <v>19</v>
      </c>
      <c r="AB17043">
        <v>19</v>
      </c>
      <c r="AC17043">
        <v>19</v>
      </c>
      <c r="AD17043">
        <v>19</v>
      </c>
      <c r="AE17043">
        <v>19</v>
      </c>
      <c r="AF17043">
        <v>19</v>
      </c>
      <c r="AG17043">
        <v>20</v>
      </c>
      <c r="AH17043">
        <v>20</v>
      </c>
      <c r="AI17043">
        <v>20</v>
      </c>
      <c r="AJ17043">
        <v>20</v>
      </c>
      <c r="AK17043">
        <v>20</v>
      </c>
      <c r="AL17043">
        <v>20</v>
      </c>
      <c r="AM17043">
        <v>20</v>
      </c>
      <c r="AN17043">
        <v>20</v>
      </c>
      <c r="AO17043">
        <v>20</v>
      </c>
      <c r="AP17043">
        <v>20</v>
      </c>
      <c r="AQ17043">
        <v>20</v>
      </c>
    </row>
    <row r="17044" spans="1:43">
      <c r="A17044" t="s">
        <v>10582</v>
      </c>
      <c r="B17044" t="s">
        <v>10583</v>
      </c>
      <c r="C17044" t="s">
        <v>10578</v>
      </c>
      <c r="D17044" t="s">
        <v>10579</v>
      </c>
      <c r="E17044" t="s">
        <v>10448</v>
      </c>
      <c r="F17044" t="s">
        <v>10449</v>
      </c>
      <c r="G17044" t="s">
        <v>10450</v>
      </c>
      <c r="H17044" t="s">
        <v>10451</v>
      </c>
      <c r="I17044" s="2">
        <v>1</v>
      </c>
      <c r="J17044" s="2">
        <v>0</v>
      </c>
      <c r="K17044" s="2">
        <v>0</v>
      </c>
      <c r="L17044" t="s">
        <v>120</v>
      </c>
      <c r="M17044" t="s">
        <v>89</v>
      </c>
      <c r="N17044" t="s">
        <v>90</v>
      </c>
      <c r="O17044" t="s">
        <v>85</v>
      </c>
      <c r="P17044" t="s">
        <v>86</v>
      </c>
      <c r="Q17044">
        <v>18</v>
      </c>
      <c r="R17044">
        <v>18</v>
      </c>
      <c r="S17044">
        <v>18</v>
      </c>
      <c r="T17044">
        <v>19</v>
      </c>
      <c r="U17044">
        <v>19</v>
      </c>
      <c r="V17044">
        <v>20</v>
      </c>
      <c r="W17044">
        <v>20</v>
      </c>
      <c r="X17044">
        <v>20</v>
      </c>
      <c r="Y17044">
        <v>21</v>
      </c>
      <c r="Z17044">
        <v>21</v>
      </c>
      <c r="AA17044">
        <v>21</v>
      </c>
      <c r="AB17044">
        <v>21</v>
      </c>
      <c r="AC17044">
        <v>22</v>
      </c>
      <c r="AD17044">
        <v>22</v>
      </c>
      <c r="AE17044">
        <v>22</v>
      </c>
      <c r="AF17044">
        <v>22</v>
      </c>
      <c r="AG17044">
        <v>22</v>
      </c>
      <c r="AH17044">
        <v>22</v>
      </c>
      <c r="AI17044">
        <v>22</v>
      </c>
      <c r="AJ17044">
        <v>22</v>
      </c>
      <c r="AK17044">
        <v>22</v>
      </c>
      <c r="AL17044">
        <v>22</v>
      </c>
      <c r="AM17044">
        <v>22</v>
      </c>
      <c r="AN17044">
        <v>23</v>
      </c>
      <c r="AO17044">
        <v>23</v>
      </c>
      <c r="AP17044">
        <v>23</v>
      </c>
      <c r="AQ17044">
        <v>23</v>
      </c>
    </row>
    <row r="17045" spans="1:43">
      <c r="A17045" t="s">
        <v>10582</v>
      </c>
      <c r="B17045" t="s">
        <v>10583</v>
      </c>
      <c r="C17045" t="s">
        <v>10578</v>
      </c>
      <c r="D17045" t="s">
        <v>10579</v>
      </c>
      <c r="E17045" t="s">
        <v>10448</v>
      </c>
      <c r="F17045" t="s">
        <v>10449</v>
      </c>
      <c r="G17045" t="s">
        <v>10450</v>
      </c>
      <c r="H17045" t="s">
        <v>10451</v>
      </c>
      <c r="I17045" s="2">
        <v>1</v>
      </c>
      <c r="J17045" s="2">
        <v>0</v>
      </c>
      <c r="K17045" s="2">
        <v>0</v>
      </c>
      <c r="L17045" t="s">
        <v>120</v>
      </c>
      <c r="M17045" t="s">
        <v>83</v>
      </c>
      <c r="N17045" t="s">
        <v>91</v>
      </c>
      <c r="O17045" t="s">
        <v>85</v>
      </c>
      <c r="P17045" t="s">
        <v>86</v>
      </c>
      <c r="Q17045">
        <v>18</v>
      </c>
      <c r="R17045">
        <v>19</v>
      </c>
      <c r="S17045">
        <v>19</v>
      </c>
      <c r="T17045">
        <v>19</v>
      </c>
      <c r="U17045">
        <v>19</v>
      </c>
      <c r="V17045">
        <v>20</v>
      </c>
      <c r="W17045">
        <v>20</v>
      </c>
      <c r="X17045">
        <v>20</v>
      </c>
      <c r="Y17045">
        <v>20</v>
      </c>
      <c r="Z17045">
        <v>21</v>
      </c>
      <c r="AA17045">
        <v>21</v>
      </c>
      <c r="AB17045">
        <v>21</v>
      </c>
      <c r="AC17045">
        <v>21</v>
      </c>
      <c r="AD17045">
        <v>22</v>
      </c>
      <c r="AE17045">
        <v>22</v>
      </c>
      <c r="AF17045">
        <v>22</v>
      </c>
      <c r="AG17045">
        <v>22</v>
      </c>
      <c r="AH17045">
        <v>22</v>
      </c>
      <c r="AI17045">
        <v>23</v>
      </c>
      <c r="AJ17045">
        <v>23</v>
      </c>
      <c r="AK17045">
        <v>23</v>
      </c>
      <c r="AL17045">
        <v>23</v>
      </c>
      <c r="AM17045">
        <v>23</v>
      </c>
      <c r="AN17045">
        <v>23</v>
      </c>
      <c r="AO17045">
        <v>23</v>
      </c>
      <c r="AP17045">
        <v>23</v>
      </c>
      <c r="AQ17045">
        <v>23</v>
      </c>
    </row>
    <row r="17046" spans="1:43">
      <c r="A17046" t="s">
        <v>10584</v>
      </c>
      <c r="B17046" t="s">
        <v>10585</v>
      </c>
      <c r="C17046" t="s">
        <v>10578</v>
      </c>
      <c r="D17046" t="s">
        <v>10579</v>
      </c>
      <c r="E17046" t="s">
        <v>10448</v>
      </c>
      <c r="F17046" t="s">
        <v>10449</v>
      </c>
      <c r="G17046" t="s">
        <v>10450</v>
      </c>
      <c r="H17046" t="s">
        <v>10451</v>
      </c>
      <c r="I17046" s="2">
        <v>1</v>
      </c>
      <c r="J17046" s="2">
        <v>0</v>
      </c>
      <c r="K17046" s="2">
        <v>0</v>
      </c>
      <c r="L17046" t="s">
        <v>120</v>
      </c>
      <c r="M17046" t="s">
        <v>83</v>
      </c>
      <c r="N17046" t="s">
        <v>84</v>
      </c>
      <c r="O17046" t="s">
        <v>85</v>
      </c>
      <c r="P17046" t="s">
        <v>86</v>
      </c>
      <c r="Q17046">
        <v>4</v>
      </c>
      <c r="R17046">
        <v>4</v>
      </c>
      <c r="S17046">
        <v>4</v>
      </c>
      <c r="T17046">
        <v>4</v>
      </c>
      <c r="U17046">
        <v>4</v>
      </c>
      <c r="V17046">
        <v>4</v>
      </c>
      <c r="W17046">
        <v>4</v>
      </c>
      <c r="X17046">
        <v>4</v>
      </c>
      <c r="Y17046">
        <v>4</v>
      </c>
      <c r="Z17046">
        <v>4</v>
      </c>
      <c r="AA17046">
        <v>4</v>
      </c>
      <c r="AB17046">
        <v>4</v>
      </c>
      <c r="AC17046">
        <v>4</v>
      </c>
      <c r="AD17046">
        <v>4</v>
      </c>
      <c r="AE17046">
        <v>5</v>
      </c>
      <c r="AF17046">
        <v>5</v>
      </c>
      <c r="AG17046">
        <v>5</v>
      </c>
      <c r="AH17046">
        <v>5</v>
      </c>
      <c r="AI17046">
        <v>5</v>
      </c>
      <c r="AJ17046">
        <v>5</v>
      </c>
      <c r="AK17046">
        <v>5</v>
      </c>
      <c r="AL17046">
        <v>5</v>
      </c>
      <c r="AM17046">
        <v>5</v>
      </c>
      <c r="AN17046">
        <v>5</v>
      </c>
      <c r="AO17046">
        <v>5</v>
      </c>
      <c r="AP17046">
        <v>5</v>
      </c>
      <c r="AQ17046">
        <v>5</v>
      </c>
    </row>
    <row r="17047" spans="1:43">
      <c r="A17047" t="s">
        <v>10584</v>
      </c>
      <c r="B17047" t="s">
        <v>10585</v>
      </c>
      <c r="C17047" t="s">
        <v>10578</v>
      </c>
      <c r="D17047" t="s">
        <v>10579</v>
      </c>
      <c r="E17047" t="s">
        <v>10448</v>
      </c>
      <c r="F17047" t="s">
        <v>10449</v>
      </c>
      <c r="G17047" t="s">
        <v>10450</v>
      </c>
      <c r="H17047" t="s">
        <v>10451</v>
      </c>
      <c r="I17047" s="2">
        <v>1</v>
      </c>
      <c r="J17047" s="2">
        <v>0</v>
      </c>
      <c r="K17047" s="2">
        <v>0</v>
      </c>
      <c r="L17047" t="s">
        <v>120</v>
      </c>
      <c r="M17047" t="s">
        <v>87</v>
      </c>
      <c r="N17047" t="s">
        <v>88</v>
      </c>
      <c r="O17047" t="s">
        <v>85</v>
      </c>
      <c r="P17047" t="s">
        <v>86</v>
      </c>
      <c r="Q17047">
        <v>4</v>
      </c>
      <c r="R17047">
        <v>4</v>
      </c>
      <c r="S17047">
        <v>4</v>
      </c>
      <c r="T17047">
        <v>4</v>
      </c>
      <c r="U17047">
        <v>4</v>
      </c>
      <c r="V17047">
        <v>4</v>
      </c>
      <c r="W17047">
        <v>4</v>
      </c>
      <c r="X17047">
        <v>4</v>
      </c>
      <c r="Y17047">
        <v>4</v>
      </c>
      <c r="Z17047">
        <v>4</v>
      </c>
      <c r="AA17047">
        <v>4</v>
      </c>
      <c r="AB17047">
        <v>4</v>
      </c>
      <c r="AC17047">
        <v>4</v>
      </c>
      <c r="AD17047">
        <v>4</v>
      </c>
      <c r="AE17047">
        <v>4</v>
      </c>
      <c r="AF17047">
        <v>4</v>
      </c>
      <c r="AG17047">
        <v>4</v>
      </c>
      <c r="AH17047">
        <v>4</v>
      </c>
      <c r="AI17047">
        <v>4</v>
      </c>
      <c r="AJ17047">
        <v>4</v>
      </c>
      <c r="AK17047">
        <v>4</v>
      </c>
      <c r="AL17047">
        <v>4</v>
      </c>
      <c r="AM17047">
        <v>4</v>
      </c>
      <c r="AN17047">
        <v>4</v>
      </c>
      <c r="AO17047">
        <v>4</v>
      </c>
      <c r="AP17047">
        <v>4</v>
      </c>
      <c r="AQ17047">
        <v>4</v>
      </c>
    </row>
    <row r="17048" spans="1:43">
      <c r="A17048" t="s">
        <v>10584</v>
      </c>
      <c r="B17048" t="s">
        <v>10585</v>
      </c>
      <c r="C17048" t="s">
        <v>10578</v>
      </c>
      <c r="D17048" t="s">
        <v>10579</v>
      </c>
      <c r="E17048" t="s">
        <v>10448</v>
      </c>
      <c r="F17048" t="s">
        <v>10449</v>
      </c>
      <c r="G17048" t="s">
        <v>10450</v>
      </c>
      <c r="H17048" t="s">
        <v>10451</v>
      </c>
      <c r="I17048" s="2">
        <v>1</v>
      </c>
      <c r="J17048" s="2">
        <v>0</v>
      </c>
      <c r="K17048" s="2">
        <v>0</v>
      </c>
      <c r="L17048" t="s">
        <v>120</v>
      </c>
      <c r="M17048" t="s">
        <v>89</v>
      </c>
      <c r="N17048" t="s">
        <v>90</v>
      </c>
      <c r="O17048" t="s">
        <v>85</v>
      </c>
      <c r="P17048" t="s">
        <v>86</v>
      </c>
      <c r="Q17048">
        <v>4</v>
      </c>
      <c r="R17048">
        <v>4</v>
      </c>
      <c r="S17048">
        <v>4</v>
      </c>
      <c r="T17048">
        <v>4</v>
      </c>
      <c r="U17048">
        <v>4</v>
      </c>
      <c r="V17048">
        <v>4</v>
      </c>
      <c r="W17048">
        <v>4</v>
      </c>
      <c r="X17048">
        <v>4</v>
      </c>
      <c r="Y17048">
        <v>4</v>
      </c>
      <c r="Z17048">
        <v>5</v>
      </c>
      <c r="AA17048">
        <v>5</v>
      </c>
      <c r="AB17048">
        <v>5</v>
      </c>
      <c r="AC17048">
        <v>5</v>
      </c>
      <c r="AD17048">
        <v>5</v>
      </c>
      <c r="AE17048">
        <v>5</v>
      </c>
      <c r="AF17048">
        <v>5</v>
      </c>
      <c r="AG17048">
        <v>5</v>
      </c>
      <c r="AH17048">
        <v>5</v>
      </c>
      <c r="AI17048">
        <v>5</v>
      </c>
      <c r="AJ17048">
        <v>5</v>
      </c>
      <c r="AK17048">
        <v>5</v>
      </c>
      <c r="AL17048">
        <v>5</v>
      </c>
      <c r="AM17048">
        <v>5</v>
      </c>
      <c r="AN17048">
        <v>5</v>
      </c>
      <c r="AO17048">
        <v>5</v>
      </c>
      <c r="AP17048">
        <v>5</v>
      </c>
      <c r="AQ17048">
        <v>5</v>
      </c>
    </row>
    <row r="17049" spans="1:43">
      <c r="A17049" t="s">
        <v>10584</v>
      </c>
      <c r="B17049" t="s">
        <v>10585</v>
      </c>
      <c r="C17049" t="s">
        <v>10578</v>
      </c>
      <c r="D17049" t="s">
        <v>10579</v>
      </c>
      <c r="E17049" t="s">
        <v>10448</v>
      </c>
      <c r="F17049" t="s">
        <v>10449</v>
      </c>
      <c r="G17049" t="s">
        <v>10450</v>
      </c>
      <c r="H17049" t="s">
        <v>10451</v>
      </c>
      <c r="I17049" s="2">
        <v>1</v>
      </c>
      <c r="J17049" s="2">
        <v>0</v>
      </c>
      <c r="K17049" s="2">
        <v>0</v>
      </c>
      <c r="L17049" t="s">
        <v>120</v>
      </c>
      <c r="M17049" t="s">
        <v>83</v>
      </c>
      <c r="N17049" t="s">
        <v>91</v>
      </c>
      <c r="O17049" t="s">
        <v>85</v>
      </c>
      <c r="P17049" t="s">
        <v>86</v>
      </c>
      <c r="Q17049">
        <v>4</v>
      </c>
      <c r="R17049">
        <v>4</v>
      </c>
      <c r="S17049">
        <v>4</v>
      </c>
      <c r="T17049">
        <v>4</v>
      </c>
      <c r="U17049">
        <v>4</v>
      </c>
      <c r="V17049">
        <v>4</v>
      </c>
      <c r="W17049">
        <v>4</v>
      </c>
      <c r="X17049">
        <v>4</v>
      </c>
      <c r="Y17049">
        <v>4</v>
      </c>
      <c r="Z17049">
        <v>4</v>
      </c>
      <c r="AA17049">
        <v>4</v>
      </c>
      <c r="AB17049">
        <v>4</v>
      </c>
      <c r="AC17049">
        <v>4</v>
      </c>
      <c r="AD17049">
        <v>4</v>
      </c>
      <c r="AE17049">
        <v>5</v>
      </c>
      <c r="AF17049">
        <v>5</v>
      </c>
      <c r="AG17049">
        <v>5</v>
      </c>
      <c r="AH17049">
        <v>5</v>
      </c>
      <c r="AI17049">
        <v>5</v>
      </c>
      <c r="AJ17049">
        <v>5</v>
      </c>
      <c r="AK17049">
        <v>5</v>
      </c>
      <c r="AL17049">
        <v>5</v>
      </c>
      <c r="AM17049">
        <v>5</v>
      </c>
      <c r="AN17049">
        <v>5</v>
      </c>
      <c r="AO17049">
        <v>5</v>
      </c>
      <c r="AP17049">
        <v>5</v>
      </c>
      <c r="AQ17049">
        <v>5</v>
      </c>
    </row>
    <row r="17050" spans="1:43">
      <c r="A17050" t="s">
        <v>10586</v>
      </c>
      <c r="B17050" t="s">
        <v>10587</v>
      </c>
      <c r="C17050" t="s">
        <v>10578</v>
      </c>
      <c r="D17050" t="s">
        <v>10579</v>
      </c>
      <c r="E17050" t="s">
        <v>10448</v>
      </c>
      <c r="F17050" t="s">
        <v>10449</v>
      </c>
      <c r="G17050" t="s">
        <v>10450</v>
      </c>
      <c r="H17050" t="s">
        <v>10451</v>
      </c>
      <c r="I17050" s="2">
        <v>1</v>
      </c>
      <c r="J17050" s="2">
        <v>0</v>
      </c>
      <c r="K17050" s="2">
        <v>0</v>
      </c>
      <c r="L17050" t="s">
        <v>120</v>
      </c>
      <c r="M17050" t="s">
        <v>83</v>
      </c>
      <c r="N17050" t="s">
        <v>84</v>
      </c>
      <c r="O17050" t="s">
        <v>85</v>
      </c>
      <c r="P17050" t="s">
        <v>86</v>
      </c>
      <c r="Q17050">
        <v>18</v>
      </c>
      <c r="R17050">
        <v>18</v>
      </c>
      <c r="S17050">
        <v>18</v>
      </c>
      <c r="T17050">
        <v>19</v>
      </c>
      <c r="U17050">
        <v>19</v>
      </c>
      <c r="V17050">
        <v>19</v>
      </c>
      <c r="W17050">
        <v>19</v>
      </c>
      <c r="X17050">
        <v>20</v>
      </c>
      <c r="Y17050">
        <v>20</v>
      </c>
      <c r="Z17050">
        <v>20</v>
      </c>
      <c r="AA17050">
        <v>20</v>
      </c>
      <c r="AB17050">
        <v>21</v>
      </c>
      <c r="AC17050">
        <v>21</v>
      </c>
      <c r="AD17050">
        <v>21</v>
      </c>
      <c r="AE17050">
        <v>21</v>
      </c>
      <c r="AF17050">
        <v>21</v>
      </c>
      <c r="AG17050">
        <v>22</v>
      </c>
      <c r="AH17050">
        <v>22</v>
      </c>
      <c r="AI17050">
        <v>22</v>
      </c>
      <c r="AJ17050">
        <v>22</v>
      </c>
      <c r="AK17050">
        <v>23</v>
      </c>
      <c r="AL17050">
        <v>23</v>
      </c>
      <c r="AM17050">
        <v>23</v>
      </c>
      <c r="AN17050">
        <v>23</v>
      </c>
      <c r="AO17050">
        <v>23</v>
      </c>
      <c r="AP17050">
        <v>23</v>
      </c>
      <c r="AQ17050">
        <v>23</v>
      </c>
    </row>
    <row r="17051" spans="1:43">
      <c r="A17051" t="s">
        <v>10586</v>
      </c>
      <c r="B17051" t="s">
        <v>10587</v>
      </c>
      <c r="C17051" t="s">
        <v>10578</v>
      </c>
      <c r="D17051" t="s">
        <v>10579</v>
      </c>
      <c r="E17051" t="s">
        <v>10448</v>
      </c>
      <c r="F17051" t="s">
        <v>10449</v>
      </c>
      <c r="G17051" t="s">
        <v>10450</v>
      </c>
      <c r="H17051" t="s">
        <v>10451</v>
      </c>
      <c r="I17051" s="2">
        <v>1</v>
      </c>
      <c r="J17051" s="2">
        <v>0</v>
      </c>
      <c r="K17051" s="2">
        <v>0</v>
      </c>
      <c r="L17051" t="s">
        <v>120</v>
      </c>
      <c r="M17051" t="s">
        <v>87</v>
      </c>
      <c r="N17051" t="s">
        <v>88</v>
      </c>
      <c r="O17051" t="s">
        <v>85</v>
      </c>
      <c r="P17051" t="s">
        <v>86</v>
      </c>
      <c r="Q17051">
        <v>18</v>
      </c>
      <c r="R17051">
        <v>18</v>
      </c>
      <c r="S17051">
        <v>18</v>
      </c>
      <c r="T17051">
        <v>18</v>
      </c>
      <c r="U17051">
        <v>18</v>
      </c>
      <c r="V17051">
        <v>18</v>
      </c>
      <c r="W17051">
        <v>18</v>
      </c>
      <c r="X17051">
        <v>18</v>
      </c>
      <c r="Y17051">
        <v>18</v>
      </c>
      <c r="Z17051">
        <v>18</v>
      </c>
      <c r="AA17051">
        <v>19</v>
      </c>
      <c r="AB17051">
        <v>19</v>
      </c>
      <c r="AC17051">
        <v>19</v>
      </c>
      <c r="AD17051">
        <v>19</v>
      </c>
      <c r="AE17051">
        <v>19</v>
      </c>
      <c r="AF17051">
        <v>19</v>
      </c>
      <c r="AG17051">
        <v>19</v>
      </c>
      <c r="AH17051">
        <v>19</v>
      </c>
      <c r="AI17051">
        <v>19</v>
      </c>
      <c r="AJ17051">
        <v>19</v>
      </c>
      <c r="AK17051">
        <v>19</v>
      </c>
      <c r="AL17051">
        <v>19</v>
      </c>
      <c r="AM17051">
        <v>20</v>
      </c>
      <c r="AN17051">
        <v>20</v>
      </c>
      <c r="AO17051">
        <v>20</v>
      </c>
      <c r="AP17051">
        <v>20</v>
      </c>
      <c r="AQ17051">
        <v>20</v>
      </c>
    </row>
    <row r="17052" spans="1:43">
      <c r="A17052" t="s">
        <v>10586</v>
      </c>
      <c r="B17052" t="s">
        <v>10587</v>
      </c>
      <c r="C17052" t="s">
        <v>10578</v>
      </c>
      <c r="D17052" t="s">
        <v>10579</v>
      </c>
      <c r="E17052" t="s">
        <v>10448</v>
      </c>
      <c r="F17052" t="s">
        <v>10449</v>
      </c>
      <c r="G17052" t="s">
        <v>10450</v>
      </c>
      <c r="H17052" t="s">
        <v>10451</v>
      </c>
      <c r="I17052" s="2">
        <v>1</v>
      </c>
      <c r="J17052" s="2">
        <v>0</v>
      </c>
      <c r="K17052" s="2">
        <v>0</v>
      </c>
      <c r="L17052" t="s">
        <v>120</v>
      </c>
      <c r="M17052" t="s">
        <v>89</v>
      </c>
      <c r="N17052" t="s">
        <v>90</v>
      </c>
      <c r="O17052" t="s">
        <v>85</v>
      </c>
      <c r="P17052" t="s">
        <v>86</v>
      </c>
      <c r="Q17052">
        <v>18</v>
      </c>
      <c r="R17052">
        <v>18</v>
      </c>
      <c r="S17052">
        <v>19</v>
      </c>
      <c r="T17052">
        <v>19</v>
      </c>
      <c r="U17052">
        <v>20</v>
      </c>
      <c r="V17052">
        <v>20</v>
      </c>
      <c r="W17052">
        <v>20</v>
      </c>
      <c r="X17052">
        <v>21</v>
      </c>
      <c r="Y17052">
        <v>21</v>
      </c>
      <c r="Z17052">
        <v>21</v>
      </c>
      <c r="AA17052">
        <v>22</v>
      </c>
      <c r="AB17052">
        <v>22</v>
      </c>
      <c r="AC17052">
        <v>22</v>
      </c>
      <c r="AD17052">
        <v>22</v>
      </c>
      <c r="AE17052">
        <v>23</v>
      </c>
      <c r="AF17052">
        <v>23</v>
      </c>
      <c r="AG17052">
        <v>23</v>
      </c>
      <c r="AH17052">
        <v>23</v>
      </c>
      <c r="AI17052">
        <v>23</v>
      </c>
      <c r="AJ17052">
        <v>23</v>
      </c>
      <c r="AK17052">
        <v>23</v>
      </c>
      <c r="AL17052">
        <v>23</v>
      </c>
      <c r="AM17052">
        <v>23</v>
      </c>
      <c r="AN17052">
        <v>23</v>
      </c>
      <c r="AO17052">
        <v>23</v>
      </c>
      <c r="AP17052">
        <v>23</v>
      </c>
      <c r="AQ17052">
        <v>23</v>
      </c>
    </row>
    <row r="17053" spans="1:43">
      <c r="A17053" t="s">
        <v>10586</v>
      </c>
      <c r="B17053" t="s">
        <v>10587</v>
      </c>
      <c r="C17053" t="s">
        <v>10578</v>
      </c>
      <c r="D17053" t="s">
        <v>10579</v>
      </c>
      <c r="E17053" t="s">
        <v>10448</v>
      </c>
      <c r="F17053" t="s">
        <v>10449</v>
      </c>
      <c r="G17053" t="s">
        <v>10450</v>
      </c>
      <c r="H17053" t="s">
        <v>10451</v>
      </c>
      <c r="I17053" s="2">
        <v>1</v>
      </c>
      <c r="J17053" s="2">
        <v>0</v>
      </c>
      <c r="K17053" s="2">
        <v>0</v>
      </c>
      <c r="L17053" t="s">
        <v>120</v>
      </c>
      <c r="M17053" t="s">
        <v>83</v>
      </c>
      <c r="N17053" t="s">
        <v>91</v>
      </c>
      <c r="O17053" t="s">
        <v>85</v>
      </c>
      <c r="P17053" t="s">
        <v>86</v>
      </c>
      <c r="Q17053">
        <v>18</v>
      </c>
      <c r="R17053">
        <v>18</v>
      </c>
      <c r="S17053">
        <v>18</v>
      </c>
      <c r="T17053">
        <v>19</v>
      </c>
      <c r="U17053">
        <v>19</v>
      </c>
      <c r="V17053">
        <v>19</v>
      </c>
      <c r="W17053">
        <v>19</v>
      </c>
      <c r="X17053">
        <v>20</v>
      </c>
      <c r="Y17053">
        <v>20</v>
      </c>
      <c r="Z17053">
        <v>20</v>
      </c>
      <c r="AA17053">
        <v>20</v>
      </c>
      <c r="AB17053">
        <v>21</v>
      </c>
      <c r="AC17053">
        <v>21</v>
      </c>
      <c r="AD17053">
        <v>21</v>
      </c>
      <c r="AE17053">
        <v>21</v>
      </c>
      <c r="AF17053">
        <v>21</v>
      </c>
      <c r="AG17053">
        <v>22</v>
      </c>
      <c r="AH17053">
        <v>22</v>
      </c>
      <c r="AI17053">
        <v>22</v>
      </c>
      <c r="AJ17053">
        <v>22</v>
      </c>
      <c r="AK17053">
        <v>23</v>
      </c>
      <c r="AL17053">
        <v>23</v>
      </c>
      <c r="AM17053">
        <v>23</v>
      </c>
      <c r="AN17053">
        <v>23</v>
      </c>
      <c r="AO17053">
        <v>23</v>
      </c>
      <c r="AP17053">
        <v>23</v>
      </c>
      <c r="AQ17053">
        <v>23</v>
      </c>
    </row>
    <row r="17054" spans="1:43">
      <c r="A17054" t="s">
        <v>10588</v>
      </c>
      <c r="B17054" t="s">
        <v>10589</v>
      </c>
      <c r="C17054" t="s">
        <v>10590</v>
      </c>
      <c r="D17054" t="s">
        <v>10591</v>
      </c>
      <c r="E17054" t="s">
        <v>10448</v>
      </c>
      <c r="F17054" t="s">
        <v>10449</v>
      </c>
      <c r="G17054" t="s">
        <v>10450</v>
      </c>
      <c r="H17054" t="s">
        <v>10451</v>
      </c>
      <c r="I17054" s="2">
        <v>1</v>
      </c>
      <c r="J17054" s="2">
        <v>0</v>
      </c>
      <c r="K17054" s="2">
        <v>0</v>
      </c>
      <c r="L17054" t="s">
        <v>120</v>
      </c>
      <c r="M17054" t="s">
        <v>83</v>
      </c>
      <c r="N17054" t="s">
        <v>84</v>
      </c>
      <c r="O17054" t="s">
        <v>85</v>
      </c>
      <c r="P17054" t="s">
        <v>86</v>
      </c>
      <c r="Q17054">
        <v>26</v>
      </c>
      <c r="R17054">
        <v>27</v>
      </c>
      <c r="S17054">
        <v>27</v>
      </c>
      <c r="T17054">
        <v>27</v>
      </c>
      <c r="U17054">
        <v>28</v>
      </c>
      <c r="V17054">
        <v>28</v>
      </c>
      <c r="W17054">
        <v>29</v>
      </c>
      <c r="X17054">
        <v>29</v>
      </c>
      <c r="Y17054">
        <v>29</v>
      </c>
      <c r="Z17054">
        <v>30</v>
      </c>
      <c r="AA17054">
        <v>30</v>
      </c>
      <c r="AB17054">
        <v>30</v>
      </c>
      <c r="AC17054">
        <v>31</v>
      </c>
      <c r="AD17054">
        <v>31</v>
      </c>
      <c r="AE17054">
        <v>31</v>
      </c>
      <c r="AF17054">
        <v>32</v>
      </c>
      <c r="AG17054">
        <v>32</v>
      </c>
      <c r="AH17054">
        <v>32</v>
      </c>
      <c r="AI17054">
        <v>33</v>
      </c>
      <c r="AJ17054">
        <v>33</v>
      </c>
      <c r="AK17054">
        <v>33</v>
      </c>
      <c r="AL17054">
        <v>33</v>
      </c>
      <c r="AM17054">
        <v>33</v>
      </c>
      <c r="AN17054">
        <v>33</v>
      </c>
      <c r="AO17054">
        <v>33</v>
      </c>
      <c r="AP17054">
        <v>33</v>
      </c>
      <c r="AQ17054">
        <v>33</v>
      </c>
    </row>
    <row r="17055" spans="1:43">
      <c r="A17055" t="s">
        <v>10588</v>
      </c>
      <c r="B17055" t="s">
        <v>10589</v>
      </c>
      <c r="C17055" t="s">
        <v>10590</v>
      </c>
      <c r="D17055" t="s">
        <v>10591</v>
      </c>
      <c r="E17055" t="s">
        <v>10448</v>
      </c>
      <c r="F17055" t="s">
        <v>10449</v>
      </c>
      <c r="G17055" t="s">
        <v>10450</v>
      </c>
      <c r="H17055" t="s">
        <v>10451</v>
      </c>
      <c r="I17055" s="2">
        <v>1</v>
      </c>
      <c r="J17055" s="2">
        <v>0</v>
      </c>
      <c r="K17055" s="2">
        <v>0</v>
      </c>
      <c r="L17055" t="s">
        <v>120</v>
      </c>
      <c r="M17055" t="s">
        <v>87</v>
      </c>
      <c r="N17055" t="s">
        <v>88</v>
      </c>
      <c r="O17055" t="s">
        <v>85</v>
      </c>
      <c r="P17055" t="s">
        <v>86</v>
      </c>
      <c r="Q17055">
        <v>26</v>
      </c>
      <c r="R17055">
        <v>26</v>
      </c>
      <c r="S17055">
        <v>26</v>
      </c>
      <c r="T17055">
        <v>26</v>
      </c>
      <c r="U17055">
        <v>27</v>
      </c>
      <c r="V17055">
        <v>27</v>
      </c>
      <c r="W17055">
        <v>27</v>
      </c>
      <c r="X17055">
        <v>27</v>
      </c>
      <c r="Y17055">
        <v>27</v>
      </c>
      <c r="Z17055">
        <v>27</v>
      </c>
      <c r="AA17055">
        <v>27</v>
      </c>
      <c r="AB17055">
        <v>27</v>
      </c>
      <c r="AC17055">
        <v>28</v>
      </c>
      <c r="AD17055">
        <v>28</v>
      </c>
      <c r="AE17055">
        <v>28</v>
      </c>
      <c r="AF17055">
        <v>28</v>
      </c>
      <c r="AG17055">
        <v>28</v>
      </c>
      <c r="AH17055">
        <v>28</v>
      </c>
      <c r="AI17055">
        <v>28</v>
      </c>
      <c r="AJ17055">
        <v>28</v>
      </c>
      <c r="AK17055">
        <v>29</v>
      </c>
      <c r="AL17055">
        <v>29</v>
      </c>
      <c r="AM17055">
        <v>29</v>
      </c>
      <c r="AN17055">
        <v>29</v>
      </c>
      <c r="AO17055">
        <v>29</v>
      </c>
      <c r="AP17055">
        <v>29</v>
      </c>
      <c r="AQ17055">
        <v>29</v>
      </c>
    </row>
    <row r="17056" spans="1:43">
      <c r="A17056" t="s">
        <v>10588</v>
      </c>
      <c r="B17056" t="s">
        <v>10589</v>
      </c>
      <c r="C17056" t="s">
        <v>10590</v>
      </c>
      <c r="D17056" t="s">
        <v>10591</v>
      </c>
      <c r="E17056" t="s">
        <v>10448</v>
      </c>
      <c r="F17056" t="s">
        <v>10449</v>
      </c>
      <c r="G17056" t="s">
        <v>10450</v>
      </c>
      <c r="H17056" t="s">
        <v>10451</v>
      </c>
      <c r="I17056" s="2">
        <v>1</v>
      </c>
      <c r="J17056" s="2">
        <v>0</v>
      </c>
      <c r="K17056" s="2">
        <v>0</v>
      </c>
      <c r="L17056" t="s">
        <v>120</v>
      </c>
      <c r="M17056" t="s">
        <v>89</v>
      </c>
      <c r="N17056" t="s">
        <v>90</v>
      </c>
      <c r="O17056" t="s">
        <v>85</v>
      </c>
      <c r="P17056" t="s">
        <v>86</v>
      </c>
      <c r="Q17056">
        <v>26</v>
      </c>
      <c r="R17056">
        <v>26</v>
      </c>
      <c r="S17056">
        <v>27</v>
      </c>
      <c r="T17056">
        <v>27</v>
      </c>
      <c r="U17056">
        <v>28</v>
      </c>
      <c r="V17056">
        <v>28</v>
      </c>
      <c r="W17056">
        <v>29</v>
      </c>
      <c r="X17056">
        <v>29</v>
      </c>
      <c r="Y17056">
        <v>30</v>
      </c>
      <c r="Z17056">
        <v>30</v>
      </c>
      <c r="AA17056">
        <v>31</v>
      </c>
      <c r="AB17056">
        <v>31</v>
      </c>
      <c r="AC17056">
        <v>32</v>
      </c>
      <c r="AD17056">
        <v>32</v>
      </c>
      <c r="AE17056">
        <v>32</v>
      </c>
      <c r="AF17056">
        <v>32</v>
      </c>
      <c r="AG17056">
        <v>32</v>
      </c>
      <c r="AH17056">
        <v>32</v>
      </c>
      <c r="AI17056">
        <v>33</v>
      </c>
      <c r="AJ17056">
        <v>33</v>
      </c>
      <c r="AK17056">
        <v>33</v>
      </c>
      <c r="AL17056">
        <v>33</v>
      </c>
      <c r="AM17056">
        <v>33</v>
      </c>
      <c r="AN17056">
        <v>33</v>
      </c>
      <c r="AO17056">
        <v>33</v>
      </c>
      <c r="AP17056">
        <v>33</v>
      </c>
      <c r="AQ17056">
        <v>33</v>
      </c>
    </row>
    <row r="17057" spans="1:43">
      <c r="A17057" t="s">
        <v>10588</v>
      </c>
      <c r="B17057" t="s">
        <v>10589</v>
      </c>
      <c r="C17057" t="s">
        <v>10590</v>
      </c>
      <c r="D17057" t="s">
        <v>10591</v>
      </c>
      <c r="E17057" t="s">
        <v>10448</v>
      </c>
      <c r="F17057" t="s">
        <v>10449</v>
      </c>
      <c r="G17057" t="s">
        <v>10450</v>
      </c>
      <c r="H17057" t="s">
        <v>10451</v>
      </c>
      <c r="I17057" s="2">
        <v>1</v>
      </c>
      <c r="J17057" s="2">
        <v>0</v>
      </c>
      <c r="K17057" s="2">
        <v>0</v>
      </c>
      <c r="L17057" t="s">
        <v>120</v>
      </c>
      <c r="M17057" t="s">
        <v>83</v>
      </c>
      <c r="N17057" t="s">
        <v>91</v>
      </c>
      <c r="O17057" t="s">
        <v>85</v>
      </c>
      <c r="P17057" t="s">
        <v>86</v>
      </c>
      <c r="Q17057">
        <v>26</v>
      </c>
      <c r="R17057">
        <v>27</v>
      </c>
      <c r="S17057">
        <v>27</v>
      </c>
      <c r="T17057">
        <v>27</v>
      </c>
      <c r="U17057">
        <v>28</v>
      </c>
      <c r="V17057">
        <v>28</v>
      </c>
      <c r="W17057">
        <v>29</v>
      </c>
      <c r="X17057">
        <v>29</v>
      </c>
      <c r="Y17057">
        <v>29</v>
      </c>
      <c r="Z17057">
        <v>30</v>
      </c>
      <c r="AA17057">
        <v>30</v>
      </c>
      <c r="AB17057">
        <v>30</v>
      </c>
      <c r="AC17057">
        <v>31</v>
      </c>
      <c r="AD17057">
        <v>31</v>
      </c>
      <c r="AE17057">
        <v>31</v>
      </c>
      <c r="AF17057">
        <v>32</v>
      </c>
      <c r="AG17057">
        <v>32</v>
      </c>
      <c r="AH17057">
        <v>32</v>
      </c>
      <c r="AI17057">
        <v>33</v>
      </c>
      <c r="AJ17057">
        <v>33</v>
      </c>
      <c r="AK17057">
        <v>33</v>
      </c>
      <c r="AL17057">
        <v>33</v>
      </c>
      <c r="AM17057">
        <v>33</v>
      </c>
      <c r="AN17057">
        <v>33</v>
      </c>
      <c r="AO17057">
        <v>33</v>
      </c>
      <c r="AP17057">
        <v>33</v>
      </c>
      <c r="AQ17057">
        <v>33</v>
      </c>
    </row>
    <row r="17058" spans="1:43">
      <c r="A17058" t="s">
        <v>10592</v>
      </c>
      <c r="B17058" t="s">
        <v>10593</v>
      </c>
      <c r="C17058" t="s">
        <v>10496</v>
      </c>
      <c r="D17058" t="s">
        <v>10497</v>
      </c>
      <c r="E17058" t="s">
        <v>10448</v>
      </c>
      <c r="F17058" t="s">
        <v>10449</v>
      </c>
      <c r="G17058" t="s">
        <v>10450</v>
      </c>
      <c r="H17058" t="s">
        <v>10451</v>
      </c>
      <c r="I17058" s="2">
        <v>1</v>
      </c>
      <c r="J17058" s="2">
        <v>0</v>
      </c>
      <c r="K17058" s="2">
        <v>0</v>
      </c>
      <c r="L17058" t="s">
        <v>120</v>
      </c>
      <c r="M17058" t="s">
        <v>83</v>
      </c>
      <c r="N17058" t="s">
        <v>84</v>
      </c>
      <c r="O17058" t="s">
        <v>85</v>
      </c>
      <c r="P17058" t="s">
        <v>86</v>
      </c>
      <c r="Q17058">
        <v>11</v>
      </c>
      <c r="R17058">
        <v>12</v>
      </c>
      <c r="S17058">
        <v>12</v>
      </c>
      <c r="T17058">
        <v>12</v>
      </c>
      <c r="U17058">
        <v>12</v>
      </c>
      <c r="V17058">
        <v>12</v>
      </c>
      <c r="W17058">
        <v>12</v>
      </c>
      <c r="X17058">
        <v>13</v>
      </c>
      <c r="Y17058">
        <v>13</v>
      </c>
      <c r="Z17058">
        <v>13</v>
      </c>
      <c r="AA17058">
        <v>13</v>
      </c>
      <c r="AB17058">
        <v>13</v>
      </c>
      <c r="AC17058">
        <v>13</v>
      </c>
      <c r="AD17058">
        <v>13</v>
      </c>
      <c r="AE17058">
        <v>14</v>
      </c>
      <c r="AF17058">
        <v>14</v>
      </c>
      <c r="AG17058">
        <v>14</v>
      </c>
      <c r="AH17058">
        <v>14</v>
      </c>
      <c r="AI17058">
        <v>14</v>
      </c>
      <c r="AJ17058">
        <v>14</v>
      </c>
      <c r="AK17058">
        <v>14</v>
      </c>
      <c r="AL17058">
        <v>14</v>
      </c>
      <c r="AM17058">
        <v>14</v>
      </c>
      <c r="AN17058">
        <v>14</v>
      </c>
      <c r="AO17058">
        <v>15</v>
      </c>
      <c r="AP17058">
        <v>15</v>
      </c>
      <c r="AQ17058">
        <v>15</v>
      </c>
    </row>
    <row r="17059" spans="1:43">
      <c r="A17059" t="s">
        <v>10592</v>
      </c>
      <c r="B17059" t="s">
        <v>10593</v>
      </c>
      <c r="C17059" t="s">
        <v>10496</v>
      </c>
      <c r="D17059" t="s">
        <v>10497</v>
      </c>
      <c r="E17059" t="s">
        <v>10448</v>
      </c>
      <c r="F17059" t="s">
        <v>10449</v>
      </c>
      <c r="G17059" t="s">
        <v>10450</v>
      </c>
      <c r="H17059" t="s">
        <v>10451</v>
      </c>
      <c r="I17059" s="2">
        <v>1</v>
      </c>
      <c r="J17059" s="2">
        <v>0</v>
      </c>
      <c r="K17059" s="2">
        <v>0</v>
      </c>
      <c r="L17059" t="s">
        <v>120</v>
      </c>
      <c r="M17059" t="s">
        <v>87</v>
      </c>
      <c r="N17059" t="s">
        <v>88</v>
      </c>
      <c r="O17059" t="s">
        <v>85</v>
      </c>
      <c r="P17059" t="s">
        <v>86</v>
      </c>
      <c r="Q17059">
        <v>11</v>
      </c>
      <c r="R17059">
        <v>11</v>
      </c>
      <c r="S17059">
        <v>11</v>
      </c>
      <c r="T17059">
        <v>11</v>
      </c>
      <c r="U17059">
        <v>12</v>
      </c>
      <c r="V17059">
        <v>12</v>
      </c>
      <c r="W17059">
        <v>12</v>
      </c>
      <c r="X17059">
        <v>12</v>
      </c>
      <c r="Y17059">
        <v>12</v>
      </c>
      <c r="Z17059">
        <v>12</v>
      </c>
      <c r="AA17059">
        <v>12</v>
      </c>
      <c r="AB17059">
        <v>12</v>
      </c>
      <c r="AC17059">
        <v>12</v>
      </c>
      <c r="AD17059">
        <v>12</v>
      </c>
      <c r="AE17059">
        <v>12</v>
      </c>
      <c r="AF17059">
        <v>12</v>
      </c>
      <c r="AG17059">
        <v>12</v>
      </c>
      <c r="AH17059">
        <v>12</v>
      </c>
      <c r="AI17059">
        <v>12</v>
      </c>
      <c r="AJ17059">
        <v>12</v>
      </c>
      <c r="AK17059">
        <v>12</v>
      </c>
      <c r="AL17059">
        <v>12</v>
      </c>
      <c r="AM17059">
        <v>12</v>
      </c>
      <c r="AN17059">
        <v>13</v>
      </c>
      <c r="AO17059">
        <v>13</v>
      </c>
      <c r="AP17059">
        <v>13</v>
      </c>
      <c r="AQ17059">
        <v>13</v>
      </c>
    </row>
    <row r="17060" spans="1:43">
      <c r="A17060" t="s">
        <v>10592</v>
      </c>
      <c r="B17060" t="s">
        <v>10593</v>
      </c>
      <c r="C17060" t="s">
        <v>10496</v>
      </c>
      <c r="D17060" t="s">
        <v>10497</v>
      </c>
      <c r="E17060" t="s">
        <v>10448</v>
      </c>
      <c r="F17060" t="s">
        <v>10449</v>
      </c>
      <c r="G17060" t="s">
        <v>10450</v>
      </c>
      <c r="H17060" t="s">
        <v>10451</v>
      </c>
      <c r="I17060" s="2">
        <v>1</v>
      </c>
      <c r="J17060" s="2">
        <v>0</v>
      </c>
      <c r="K17060" s="2">
        <v>0</v>
      </c>
      <c r="L17060" t="s">
        <v>120</v>
      </c>
      <c r="M17060" t="s">
        <v>89</v>
      </c>
      <c r="N17060" t="s">
        <v>90</v>
      </c>
      <c r="O17060" t="s">
        <v>85</v>
      </c>
      <c r="P17060" t="s">
        <v>86</v>
      </c>
      <c r="Q17060">
        <v>11</v>
      </c>
      <c r="R17060">
        <v>11</v>
      </c>
      <c r="S17060">
        <v>11</v>
      </c>
      <c r="T17060">
        <v>11</v>
      </c>
      <c r="U17060">
        <v>12</v>
      </c>
      <c r="V17060">
        <v>12</v>
      </c>
      <c r="W17060">
        <v>12</v>
      </c>
      <c r="X17060">
        <v>12</v>
      </c>
      <c r="Y17060">
        <v>12</v>
      </c>
      <c r="Z17060">
        <v>13</v>
      </c>
      <c r="AA17060">
        <v>13</v>
      </c>
      <c r="AB17060">
        <v>13</v>
      </c>
      <c r="AC17060">
        <v>13</v>
      </c>
      <c r="AD17060">
        <v>13</v>
      </c>
      <c r="AE17060">
        <v>14</v>
      </c>
      <c r="AF17060">
        <v>14</v>
      </c>
      <c r="AG17060">
        <v>14</v>
      </c>
      <c r="AH17060">
        <v>14</v>
      </c>
      <c r="AI17060">
        <v>14</v>
      </c>
      <c r="AJ17060">
        <v>14</v>
      </c>
      <c r="AK17060">
        <v>14</v>
      </c>
      <c r="AL17060">
        <v>14</v>
      </c>
      <c r="AM17060">
        <v>14</v>
      </c>
      <c r="AN17060">
        <v>14</v>
      </c>
      <c r="AO17060">
        <v>14</v>
      </c>
      <c r="AP17060">
        <v>14</v>
      </c>
      <c r="AQ17060">
        <v>14</v>
      </c>
    </row>
    <row r="17061" spans="1:43">
      <c r="A17061" t="s">
        <v>10592</v>
      </c>
      <c r="B17061" t="s">
        <v>10593</v>
      </c>
      <c r="C17061" t="s">
        <v>10496</v>
      </c>
      <c r="D17061" t="s">
        <v>10497</v>
      </c>
      <c r="E17061" t="s">
        <v>10448</v>
      </c>
      <c r="F17061" t="s">
        <v>10449</v>
      </c>
      <c r="G17061" t="s">
        <v>10450</v>
      </c>
      <c r="H17061" t="s">
        <v>10451</v>
      </c>
      <c r="I17061" s="2">
        <v>1</v>
      </c>
      <c r="J17061" s="2">
        <v>0</v>
      </c>
      <c r="K17061" s="2">
        <v>0</v>
      </c>
      <c r="L17061" t="s">
        <v>120</v>
      </c>
      <c r="M17061" t="s">
        <v>83</v>
      </c>
      <c r="N17061" t="s">
        <v>91</v>
      </c>
      <c r="O17061" t="s">
        <v>85</v>
      </c>
      <c r="P17061" t="s">
        <v>86</v>
      </c>
      <c r="Q17061">
        <v>11</v>
      </c>
      <c r="R17061">
        <v>12</v>
      </c>
      <c r="S17061">
        <v>12</v>
      </c>
      <c r="T17061">
        <v>12</v>
      </c>
      <c r="U17061">
        <v>12</v>
      </c>
      <c r="V17061">
        <v>12</v>
      </c>
      <c r="W17061">
        <v>12</v>
      </c>
      <c r="X17061">
        <v>13</v>
      </c>
      <c r="Y17061">
        <v>13</v>
      </c>
      <c r="Z17061">
        <v>13</v>
      </c>
      <c r="AA17061">
        <v>13</v>
      </c>
      <c r="AB17061">
        <v>13</v>
      </c>
      <c r="AC17061">
        <v>13</v>
      </c>
      <c r="AD17061">
        <v>13</v>
      </c>
      <c r="AE17061">
        <v>14</v>
      </c>
      <c r="AF17061">
        <v>14</v>
      </c>
      <c r="AG17061">
        <v>14</v>
      </c>
      <c r="AH17061">
        <v>14</v>
      </c>
      <c r="AI17061">
        <v>14</v>
      </c>
      <c r="AJ17061">
        <v>14</v>
      </c>
      <c r="AK17061">
        <v>14</v>
      </c>
      <c r="AL17061">
        <v>14</v>
      </c>
      <c r="AM17061">
        <v>14</v>
      </c>
      <c r="AN17061">
        <v>14</v>
      </c>
      <c r="AO17061">
        <v>15</v>
      </c>
      <c r="AP17061">
        <v>15</v>
      </c>
      <c r="AQ17061">
        <v>15</v>
      </c>
    </row>
    <row r="17062" spans="1:43">
      <c r="A17062" t="s">
        <v>10594</v>
      </c>
      <c r="B17062" t="s">
        <v>10595</v>
      </c>
      <c r="C17062" t="s">
        <v>10590</v>
      </c>
      <c r="D17062" t="s">
        <v>10591</v>
      </c>
      <c r="E17062" t="s">
        <v>10448</v>
      </c>
      <c r="F17062" t="s">
        <v>10449</v>
      </c>
      <c r="G17062" t="s">
        <v>10450</v>
      </c>
      <c r="H17062" t="s">
        <v>10451</v>
      </c>
      <c r="I17062" s="2">
        <v>1</v>
      </c>
      <c r="J17062" s="2">
        <v>0</v>
      </c>
      <c r="K17062" s="2">
        <v>0</v>
      </c>
      <c r="L17062" t="s">
        <v>120</v>
      </c>
      <c r="M17062" t="s">
        <v>83</v>
      </c>
      <c r="N17062" t="s">
        <v>84</v>
      </c>
      <c r="O17062" t="s">
        <v>85</v>
      </c>
      <c r="P17062" t="s">
        <v>86</v>
      </c>
      <c r="Q17062">
        <v>12</v>
      </c>
      <c r="R17062">
        <v>12</v>
      </c>
      <c r="S17062">
        <v>12</v>
      </c>
      <c r="T17062">
        <v>12</v>
      </c>
      <c r="U17062">
        <v>13</v>
      </c>
      <c r="V17062">
        <v>13</v>
      </c>
      <c r="W17062">
        <v>13</v>
      </c>
      <c r="X17062">
        <v>13</v>
      </c>
      <c r="Y17062">
        <v>13</v>
      </c>
      <c r="Z17062">
        <v>13</v>
      </c>
      <c r="AA17062">
        <v>14</v>
      </c>
      <c r="AB17062">
        <v>14</v>
      </c>
      <c r="AC17062">
        <v>14</v>
      </c>
      <c r="AD17062">
        <v>14</v>
      </c>
      <c r="AE17062">
        <v>14</v>
      </c>
      <c r="AF17062">
        <v>14</v>
      </c>
      <c r="AG17062">
        <v>14</v>
      </c>
      <c r="AH17062">
        <v>15</v>
      </c>
      <c r="AI17062">
        <v>15</v>
      </c>
      <c r="AJ17062">
        <v>15</v>
      </c>
      <c r="AK17062">
        <v>15</v>
      </c>
      <c r="AL17062">
        <v>15</v>
      </c>
      <c r="AM17062">
        <v>15</v>
      </c>
      <c r="AN17062">
        <v>15</v>
      </c>
      <c r="AO17062">
        <v>15</v>
      </c>
      <c r="AP17062">
        <v>15</v>
      </c>
      <c r="AQ17062">
        <v>15</v>
      </c>
    </row>
    <row r="17063" spans="1:43">
      <c r="A17063" t="s">
        <v>10594</v>
      </c>
      <c r="B17063" t="s">
        <v>10595</v>
      </c>
      <c r="C17063" t="s">
        <v>10590</v>
      </c>
      <c r="D17063" t="s">
        <v>10591</v>
      </c>
      <c r="E17063" t="s">
        <v>10448</v>
      </c>
      <c r="F17063" t="s">
        <v>10449</v>
      </c>
      <c r="G17063" t="s">
        <v>10450</v>
      </c>
      <c r="H17063" t="s">
        <v>10451</v>
      </c>
      <c r="I17063" s="2">
        <v>1</v>
      </c>
      <c r="J17063" s="2">
        <v>0</v>
      </c>
      <c r="K17063" s="2">
        <v>0</v>
      </c>
      <c r="L17063" t="s">
        <v>120</v>
      </c>
      <c r="M17063" t="s">
        <v>87</v>
      </c>
      <c r="N17063" t="s">
        <v>88</v>
      </c>
      <c r="O17063" t="s">
        <v>85</v>
      </c>
      <c r="P17063" t="s">
        <v>86</v>
      </c>
      <c r="Q17063">
        <v>12</v>
      </c>
      <c r="R17063">
        <v>12</v>
      </c>
      <c r="S17063">
        <v>12</v>
      </c>
      <c r="T17063">
        <v>12</v>
      </c>
      <c r="U17063">
        <v>12</v>
      </c>
      <c r="V17063">
        <v>12</v>
      </c>
      <c r="W17063">
        <v>12</v>
      </c>
      <c r="X17063">
        <v>12</v>
      </c>
      <c r="Y17063">
        <v>12</v>
      </c>
      <c r="Z17063">
        <v>12</v>
      </c>
      <c r="AA17063">
        <v>12</v>
      </c>
      <c r="AB17063">
        <v>12</v>
      </c>
      <c r="AC17063">
        <v>13</v>
      </c>
      <c r="AD17063">
        <v>13</v>
      </c>
      <c r="AE17063">
        <v>13</v>
      </c>
      <c r="AF17063">
        <v>13</v>
      </c>
      <c r="AG17063">
        <v>13</v>
      </c>
      <c r="AH17063">
        <v>13</v>
      </c>
      <c r="AI17063">
        <v>13</v>
      </c>
      <c r="AJ17063">
        <v>13</v>
      </c>
      <c r="AK17063">
        <v>13</v>
      </c>
      <c r="AL17063">
        <v>13</v>
      </c>
      <c r="AM17063">
        <v>13</v>
      </c>
      <c r="AN17063">
        <v>13</v>
      </c>
      <c r="AO17063">
        <v>13</v>
      </c>
      <c r="AP17063">
        <v>13</v>
      </c>
      <c r="AQ17063">
        <v>13</v>
      </c>
    </row>
    <row r="17064" spans="1:43">
      <c r="A17064" t="s">
        <v>10594</v>
      </c>
      <c r="B17064" t="s">
        <v>10595</v>
      </c>
      <c r="C17064" t="s">
        <v>10590</v>
      </c>
      <c r="D17064" t="s">
        <v>10591</v>
      </c>
      <c r="E17064" t="s">
        <v>10448</v>
      </c>
      <c r="F17064" t="s">
        <v>10449</v>
      </c>
      <c r="G17064" t="s">
        <v>10450</v>
      </c>
      <c r="H17064" t="s">
        <v>10451</v>
      </c>
      <c r="I17064" s="2">
        <v>1</v>
      </c>
      <c r="J17064" s="2">
        <v>0</v>
      </c>
      <c r="K17064" s="2">
        <v>0</v>
      </c>
      <c r="L17064" t="s">
        <v>120</v>
      </c>
      <c r="M17064" t="s">
        <v>89</v>
      </c>
      <c r="N17064" t="s">
        <v>90</v>
      </c>
      <c r="O17064" t="s">
        <v>85</v>
      </c>
      <c r="P17064" t="s">
        <v>86</v>
      </c>
      <c r="Q17064">
        <v>12</v>
      </c>
      <c r="R17064">
        <v>12</v>
      </c>
      <c r="S17064">
        <v>13</v>
      </c>
      <c r="T17064">
        <v>13</v>
      </c>
      <c r="U17064">
        <v>13</v>
      </c>
      <c r="V17064">
        <v>13</v>
      </c>
      <c r="W17064">
        <v>14</v>
      </c>
      <c r="X17064">
        <v>14</v>
      </c>
      <c r="Y17064">
        <v>14</v>
      </c>
      <c r="Z17064">
        <v>14</v>
      </c>
      <c r="AA17064">
        <v>14</v>
      </c>
      <c r="AB17064">
        <v>15</v>
      </c>
      <c r="AC17064">
        <v>15</v>
      </c>
      <c r="AD17064">
        <v>15</v>
      </c>
      <c r="AE17064">
        <v>15</v>
      </c>
      <c r="AF17064">
        <v>15</v>
      </c>
      <c r="AG17064">
        <v>15</v>
      </c>
      <c r="AH17064">
        <v>15</v>
      </c>
      <c r="AI17064">
        <v>15</v>
      </c>
      <c r="AJ17064">
        <v>15</v>
      </c>
      <c r="AK17064">
        <v>15</v>
      </c>
      <c r="AL17064">
        <v>15</v>
      </c>
      <c r="AM17064">
        <v>15</v>
      </c>
      <c r="AN17064">
        <v>15</v>
      </c>
      <c r="AO17064">
        <v>15</v>
      </c>
      <c r="AP17064">
        <v>15</v>
      </c>
      <c r="AQ17064">
        <v>15</v>
      </c>
    </row>
    <row r="17065" spans="1:43">
      <c r="A17065" t="s">
        <v>10594</v>
      </c>
      <c r="B17065" t="s">
        <v>10595</v>
      </c>
      <c r="C17065" t="s">
        <v>10590</v>
      </c>
      <c r="D17065" t="s">
        <v>10591</v>
      </c>
      <c r="E17065" t="s">
        <v>10448</v>
      </c>
      <c r="F17065" t="s">
        <v>10449</v>
      </c>
      <c r="G17065" t="s">
        <v>10450</v>
      </c>
      <c r="H17065" t="s">
        <v>10451</v>
      </c>
      <c r="I17065" s="2">
        <v>1</v>
      </c>
      <c r="J17065" s="2">
        <v>0</v>
      </c>
      <c r="K17065" s="2">
        <v>0</v>
      </c>
      <c r="L17065" t="s">
        <v>120</v>
      </c>
      <c r="M17065" t="s">
        <v>83</v>
      </c>
      <c r="N17065" t="s">
        <v>91</v>
      </c>
      <c r="O17065" t="s">
        <v>85</v>
      </c>
      <c r="P17065" t="s">
        <v>86</v>
      </c>
      <c r="Q17065">
        <v>12</v>
      </c>
      <c r="R17065">
        <v>12</v>
      </c>
      <c r="S17065">
        <v>12</v>
      </c>
      <c r="T17065">
        <v>12</v>
      </c>
      <c r="U17065">
        <v>13</v>
      </c>
      <c r="V17065">
        <v>13</v>
      </c>
      <c r="W17065">
        <v>13</v>
      </c>
      <c r="X17065">
        <v>13</v>
      </c>
      <c r="Y17065">
        <v>13</v>
      </c>
      <c r="Z17065">
        <v>13</v>
      </c>
      <c r="AA17065">
        <v>14</v>
      </c>
      <c r="AB17065">
        <v>14</v>
      </c>
      <c r="AC17065">
        <v>14</v>
      </c>
      <c r="AD17065">
        <v>14</v>
      </c>
      <c r="AE17065">
        <v>14</v>
      </c>
      <c r="AF17065">
        <v>14</v>
      </c>
      <c r="AG17065">
        <v>14</v>
      </c>
      <c r="AH17065">
        <v>15</v>
      </c>
      <c r="AI17065">
        <v>15</v>
      </c>
      <c r="AJ17065">
        <v>15</v>
      </c>
      <c r="AK17065">
        <v>15</v>
      </c>
      <c r="AL17065">
        <v>15</v>
      </c>
      <c r="AM17065">
        <v>15</v>
      </c>
      <c r="AN17065">
        <v>15</v>
      </c>
      <c r="AO17065">
        <v>15</v>
      </c>
      <c r="AP17065">
        <v>15</v>
      </c>
      <c r="AQ17065">
        <v>15</v>
      </c>
    </row>
    <row r="17066" spans="1:43">
      <c r="A17066" t="s">
        <v>10596</v>
      </c>
      <c r="B17066" t="s">
        <v>10597</v>
      </c>
      <c r="C17066" t="s">
        <v>10590</v>
      </c>
      <c r="D17066" t="s">
        <v>10591</v>
      </c>
      <c r="E17066" t="s">
        <v>10448</v>
      </c>
      <c r="F17066" t="s">
        <v>10449</v>
      </c>
      <c r="G17066" t="s">
        <v>10450</v>
      </c>
      <c r="H17066" t="s">
        <v>10451</v>
      </c>
      <c r="I17066" s="2">
        <v>1</v>
      </c>
      <c r="J17066" s="2">
        <v>0</v>
      </c>
      <c r="K17066" s="2">
        <v>0</v>
      </c>
      <c r="L17066" t="s">
        <v>120</v>
      </c>
      <c r="M17066" t="s">
        <v>83</v>
      </c>
      <c r="N17066" t="s">
        <v>84</v>
      </c>
      <c r="O17066" t="s">
        <v>85</v>
      </c>
      <c r="P17066" t="s">
        <v>86</v>
      </c>
      <c r="Q17066">
        <v>14</v>
      </c>
      <c r="R17066">
        <v>14</v>
      </c>
      <c r="S17066">
        <v>14</v>
      </c>
      <c r="T17066">
        <v>15</v>
      </c>
      <c r="U17066">
        <v>15</v>
      </c>
      <c r="V17066">
        <v>15</v>
      </c>
      <c r="W17066">
        <v>15</v>
      </c>
      <c r="X17066">
        <v>15</v>
      </c>
      <c r="Y17066">
        <v>16</v>
      </c>
      <c r="Z17066">
        <v>16</v>
      </c>
      <c r="AA17066">
        <v>16</v>
      </c>
      <c r="AB17066">
        <v>16</v>
      </c>
      <c r="AC17066">
        <v>16</v>
      </c>
      <c r="AD17066">
        <v>16</v>
      </c>
      <c r="AE17066">
        <v>17</v>
      </c>
      <c r="AF17066">
        <v>17</v>
      </c>
      <c r="AG17066">
        <v>17</v>
      </c>
      <c r="AH17066">
        <v>17</v>
      </c>
      <c r="AI17066">
        <v>17</v>
      </c>
      <c r="AJ17066">
        <v>18</v>
      </c>
      <c r="AK17066">
        <v>18</v>
      </c>
      <c r="AL17066">
        <v>18</v>
      </c>
      <c r="AM17066">
        <v>18</v>
      </c>
      <c r="AN17066">
        <v>18</v>
      </c>
      <c r="AO17066">
        <v>18</v>
      </c>
      <c r="AP17066">
        <v>18</v>
      </c>
      <c r="AQ17066">
        <v>18</v>
      </c>
    </row>
    <row r="17067" spans="1:43">
      <c r="A17067" t="s">
        <v>10596</v>
      </c>
      <c r="B17067" t="s">
        <v>10597</v>
      </c>
      <c r="C17067" t="s">
        <v>10590</v>
      </c>
      <c r="D17067" t="s">
        <v>10591</v>
      </c>
      <c r="E17067" t="s">
        <v>10448</v>
      </c>
      <c r="F17067" t="s">
        <v>10449</v>
      </c>
      <c r="G17067" t="s">
        <v>10450</v>
      </c>
      <c r="H17067" t="s">
        <v>10451</v>
      </c>
      <c r="I17067" s="2">
        <v>1</v>
      </c>
      <c r="J17067" s="2">
        <v>0</v>
      </c>
      <c r="K17067" s="2">
        <v>0</v>
      </c>
      <c r="L17067" t="s">
        <v>120</v>
      </c>
      <c r="M17067" t="s">
        <v>87</v>
      </c>
      <c r="N17067" t="s">
        <v>88</v>
      </c>
      <c r="O17067" t="s">
        <v>85</v>
      </c>
      <c r="P17067" t="s">
        <v>86</v>
      </c>
      <c r="Q17067">
        <v>14</v>
      </c>
      <c r="R17067">
        <v>14</v>
      </c>
      <c r="S17067">
        <v>14</v>
      </c>
      <c r="T17067">
        <v>14</v>
      </c>
      <c r="U17067">
        <v>14</v>
      </c>
      <c r="V17067">
        <v>14</v>
      </c>
      <c r="W17067">
        <v>14</v>
      </c>
      <c r="X17067">
        <v>14</v>
      </c>
      <c r="Y17067">
        <v>14</v>
      </c>
      <c r="Z17067">
        <v>15</v>
      </c>
      <c r="AA17067">
        <v>15</v>
      </c>
      <c r="AB17067">
        <v>15</v>
      </c>
      <c r="AC17067">
        <v>15</v>
      </c>
      <c r="AD17067">
        <v>15</v>
      </c>
      <c r="AE17067">
        <v>15</v>
      </c>
      <c r="AF17067">
        <v>15</v>
      </c>
      <c r="AG17067">
        <v>15</v>
      </c>
      <c r="AH17067">
        <v>15</v>
      </c>
      <c r="AI17067">
        <v>15</v>
      </c>
      <c r="AJ17067">
        <v>15</v>
      </c>
      <c r="AK17067">
        <v>15</v>
      </c>
      <c r="AL17067">
        <v>15</v>
      </c>
      <c r="AM17067">
        <v>15</v>
      </c>
      <c r="AN17067">
        <v>15</v>
      </c>
      <c r="AO17067">
        <v>15</v>
      </c>
      <c r="AP17067">
        <v>16</v>
      </c>
      <c r="AQ17067">
        <v>16</v>
      </c>
    </row>
    <row r="17068" spans="1:43">
      <c r="A17068" t="s">
        <v>10596</v>
      </c>
      <c r="B17068" t="s">
        <v>10597</v>
      </c>
      <c r="C17068" t="s">
        <v>10590</v>
      </c>
      <c r="D17068" t="s">
        <v>10591</v>
      </c>
      <c r="E17068" t="s">
        <v>10448</v>
      </c>
      <c r="F17068" t="s">
        <v>10449</v>
      </c>
      <c r="G17068" t="s">
        <v>10450</v>
      </c>
      <c r="H17068" t="s">
        <v>10451</v>
      </c>
      <c r="I17068" s="2">
        <v>1</v>
      </c>
      <c r="J17068" s="2">
        <v>0</v>
      </c>
      <c r="K17068" s="2">
        <v>0</v>
      </c>
      <c r="L17068" t="s">
        <v>120</v>
      </c>
      <c r="M17068" t="s">
        <v>89</v>
      </c>
      <c r="N17068" t="s">
        <v>90</v>
      </c>
      <c r="O17068" t="s">
        <v>85</v>
      </c>
      <c r="P17068" t="s">
        <v>86</v>
      </c>
      <c r="Q17068">
        <v>14</v>
      </c>
      <c r="R17068">
        <v>14</v>
      </c>
      <c r="S17068">
        <v>15</v>
      </c>
      <c r="T17068">
        <v>15</v>
      </c>
      <c r="U17068">
        <v>15</v>
      </c>
      <c r="V17068">
        <v>16</v>
      </c>
      <c r="W17068">
        <v>16</v>
      </c>
      <c r="X17068">
        <v>16</v>
      </c>
      <c r="Y17068">
        <v>16</v>
      </c>
      <c r="Z17068">
        <v>17</v>
      </c>
      <c r="AA17068">
        <v>17</v>
      </c>
      <c r="AB17068">
        <v>17</v>
      </c>
      <c r="AC17068">
        <v>17</v>
      </c>
      <c r="AD17068">
        <v>18</v>
      </c>
      <c r="AE17068">
        <v>18</v>
      </c>
      <c r="AF17068">
        <v>18</v>
      </c>
      <c r="AG17068">
        <v>18</v>
      </c>
      <c r="AH17068">
        <v>18</v>
      </c>
      <c r="AI17068">
        <v>18</v>
      </c>
      <c r="AJ17068">
        <v>18</v>
      </c>
      <c r="AK17068">
        <v>18</v>
      </c>
      <c r="AL17068">
        <v>18</v>
      </c>
      <c r="AM17068">
        <v>18</v>
      </c>
      <c r="AN17068">
        <v>18</v>
      </c>
      <c r="AO17068">
        <v>18</v>
      </c>
      <c r="AP17068">
        <v>18</v>
      </c>
      <c r="AQ17068">
        <v>18</v>
      </c>
    </row>
    <row r="17069" spans="1:43">
      <c r="A17069" t="s">
        <v>10596</v>
      </c>
      <c r="B17069" t="s">
        <v>10597</v>
      </c>
      <c r="C17069" t="s">
        <v>10590</v>
      </c>
      <c r="D17069" t="s">
        <v>10591</v>
      </c>
      <c r="E17069" t="s">
        <v>10448</v>
      </c>
      <c r="F17069" t="s">
        <v>10449</v>
      </c>
      <c r="G17069" t="s">
        <v>10450</v>
      </c>
      <c r="H17069" t="s">
        <v>10451</v>
      </c>
      <c r="I17069" s="2">
        <v>1</v>
      </c>
      <c r="J17069" s="2">
        <v>0</v>
      </c>
      <c r="K17069" s="2">
        <v>0</v>
      </c>
      <c r="L17069" t="s">
        <v>120</v>
      </c>
      <c r="M17069" t="s">
        <v>83</v>
      </c>
      <c r="N17069" t="s">
        <v>91</v>
      </c>
      <c r="O17069" t="s">
        <v>85</v>
      </c>
      <c r="P17069" t="s">
        <v>86</v>
      </c>
      <c r="Q17069">
        <v>14</v>
      </c>
      <c r="R17069">
        <v>14</v>
      </c>
      <c r="S17069">
        <v>14</v>
      </c>
      <c r="T17069">
        <v>15</v>
      </c>
      <c r="U17069">
        <v>15</v>
      </c>
      <c r="V17069">
        <v>15</v>
      </c>
      <c r="W17069">
        <v>15</v>
      </c>
      <c r="X17069">
        <v>15</v>
      </c>
      <c r="Y17069">
        <v>16</v>
      </c>
      <c r="Z17069">
        <v>16</v>
      </c>
      <c r="AA17069">
        <v>16</v>
      </c>
      <c r="AB17069">
        <v>16</v>
      </c>
      <c r="AC17069">
        <v>16</v>
      </c>
      <c r="AD17069">
        <v>16</v>
      </c>
      <c r="AE17069">
        <v>17</v>
      </c>
      <c r="AF17069">
        <v>17</v>
      </c>
      <c r="AG17069">
        <v>17</v>
      </c>
      <c r="AH17069">
        <v>17</v>
      </c>
      <c r="AI17069">
        <v>17</v>
      </c>
      <c r="AJ17069">
        <v>18</v>
      </c>
      <c r="AK17069">
        <v>18</v>
      </c>
      <c r="AL17069">
        <v>18</v>
      </c>
      <c r="AM17069">
        <v>18</v>
      </c>
      <c r="AN17069">
        <v>18</v>
      </c>
      <c r="AO17069">
        <v>18</v>
      </c>
      <c r="AP17069">
        <v>18</v>
      </c>
      <c r="AQ17069">
        <v>18</v>
      </c>
    </row>
    <row r="17070" spans="1:43">
      <c r="A17070" t="s">
        <v>10598</v>
      </c>
      <c r="B17070" t="s">
        <v>10599</v>
      </c>
      <c r="C17070" t="s">
        <v>10590</v>
      </c>
      <c r="D17070" t="s">
        <v>10591</v>
      </c>
      <c r="E17070" t="s">
        <v>10448</v>
      </c>
      <c r="F17070" t="s">
        <v>10449</v>
      </c>
      <c r="G17070" t="s">
        <v>10450</v>
      </c>
      <c r="H17070" t="s">
        <v>10451</v>
      </c>
      <c r="I17070" s="2">
        <v>1</v>
      </c>
      <c r="J17070" s="2">
        <v>0</v>
      </c>
      <c r="K17070" s="2">
        <v>0</v>
      </c>
      <c r="L17070" t="s">
        <v>120</v>
      </c>
      <c r="M17070" t="s">
        <v>83</v>
      </c>
      <c r="N17070" t="s">
        <v>84</v>
      </c>
      <c r="O17070" t="s">
        <v>85</v>
      </c>
      <c r="P17070" t="s">
        <v>86</v>
      </c>
      <c r="Q17070">
        <v>37</v>
      </c>
      <c r="R17070">
        <v>38</v>
      </c>
      <c r="S17070">
        <v>38</v>
      </c>
      <c r="T17070">
        <v>39</v>
      </c>
      <c r="U17070">
        <v>39</v>
      </c>
      <c r="V17070">
        <v>40</v>
      </c>
      <c r="W17070">
        <v>40</v>
      </c>
      <c r="X17070">
        <v>41</v>
      </c>
      <c r="Y17070">
        <v>41</v>
      </c>
      <c r="Z17070">
        <v>42</v>
      </c>
      <c r="AA17070">
        <v>42</v>
      </c>
      <c r="AB17070">
        <v>43</v>
      </c>
      <c r="AC17070">
        <v>43</v>
      </c>
      <c r="AD17070">
        <v>44</v>
      </c>
      <c r="AE17070">
        <v>44</v>
      </c>
      <c r="AF17070">
        <v>45</v>
      </c>
      <c r="AG17070">
        <v>45</v>
      </c>
      <c r="AH17070">
        <v>46</v>
      </c>
      <c r="AI17070">
        <v>46</v>
      </c>
      <c r="AJ17070">
        <v>46</v>
      </c>
      <c r="AK17070">
        <v>47</v>
      </c>
      <c r="AL17070">
        <v>47</v>
      </c>
      <c r="AM17070">
        <v>47</v>
      </c>
      <c r="AN17070">
        <v>47</v>
      </c>
      <c r="AO17070">
        <v>47</v>
      </c>
      <c r="AP17070">
        <v>47</v>
      </c>
      <c r="AQ17070">
        <v>47</v>
      </c>
    </row>
    <row r="17071" spans="1:43">
      <c r="A17071" t="s">
        <v>10598</v>
      </c>
      <c r="B17071" t="s">
        <v>10599</v>
      </c>
      <c r="C17071" t="s">
        <v>10590</v>
      </c>
      <c r="D17071" t="s">
        <v>10591</v>
      </c>
      <c r="E17071" t="s">
        <v>10448</v>
      </c>
      <c r="F17071" t="s">
        <v>10449</v>
      </c>
      <c r="G17071" t="s">
        <v>10450</v>
      </c>
      <c r="H17071" t="s">
        <v>10451</v>
      </c>
      <c r="I17071" s="2">
        <v>1</v>
      </c>
      <c r="J17071" s="2">
        <v>0</v>
      </c>
      <c r="K17071" s="2">
        <v>0</v>
      </c>
      <c r="L17071" t="s">
        <v>120</v>
      </c>
      <c r="M17071" t="s">
        <v>87</v>
      </c>
      <c r="N17071" t="s">
        <v>88</v>
      </c>
      <c r="O17071" t="s">
        <v>85</v>
      </c>
      <c r="P17071" t="s">
        <v>86</v>
      </c>
      <c r="Q17071">
        <v>37</v>
      </c>
      <c r="R17071">
        <v>37</v>
      </c>
      <c r="S17071">
        <v>37</v>
      </c>
      <c r="T17071">
        <v>37</v>
      </c>
      <c r="U17071">
        <v>38</v>
      </c>
      <c r="V17071">
        <v>38</v>
      </c>
      <c r="W17071">
        <v>38</v>
      </c>
      <c r="X17071">
        <v>38</v>
      </c>
      <c r="Y17071">
        <v>38</v>
      </c>
      <c r="Z17071">
        <v>38</v>
      </c>
      <c r="AA17071">
        <v>39</v>
      </c>
      <c r="AB17071">
        <v>39</v>
      </c>
      <c r="AC17071">
        <v>39</v>
      </c>
      <c r="AD17071">
        <v>39</v>
      </c>
      <c r="AE17071">
        <v>39</v>
      </c>
      <c r="AF17071">
        <v>39</v>
      </c>
      <c r="AG17071">
        <v>40</v>
      </c>
      <c r="AH17071">
        <v>40</v>
      </c>
      <c r="AI17071">
        <v>40</v>
      </c>
      <c r="AJ17071">
        <v>40</v>
      </c>
      <c r="AK17071">
        <v>40</v>
      </c>
      <c r="AL17071">
        <v>40</v>
      </c>
      <c r="AM17071">
        <v>41</v>
      </c>
      <c r="AN17071">
        <v>41</v>
      </c>
      <c r="AO17071">
        <v>41</v>
      </c>
      <c r="AP17071">
        <v>41</v>
      </c>
      <c r="AQ17071">
        <v>41</v>
      </c>
    </row>
    <row r="17072" spans="1:43">
      <c r="A17072" t="s">
        <v>10598</v>
      </c>
      <c r="B17072" t="s">
        <v>10599</v>
      </c>
      <c r="C17072" t="s">
        <v>10590</v>
      </c>
      <c r="D17072" t="s">
        <v>10591</v>
      </c>
      <c r="E17072" t="s">
        <v>10448</v>
      </c>
      <c r="F17072" t="s">
        <v>10449</v>
      </c>
      <c r="G17072" t="s">
        <v>10450</v>
      </c>
      <c r="H17072" t="s">
        <v>10451</v>
      </c>
      <c r="I17072" s="2">
        <v>1</v>
      </c>
      <c r="J17072" s="2">
        <v>0</v>
      </c>
      <c r="K17072" s="2">
        <v>0</v>
      </c>
      <c r="L17072" t="s">
        <v>120</v>
      </c>
      <c r="M17072" t="s">
        <v>89</v>
      </c>
      <c r="N17072" t="s">
        <v>90</v>
      </c>
      <c r="O17072" t="s">
        <v>85</v>
      </c>
      <c r="P17072" t="s">
        <v>86</v>
      </c>
      <c r="Q17072">
        <v>37</v>
      </c>
      <c r="R17072">
        <v>38</v>
      </c>
      <c r="S17072">
        <v>39</v>
      </c>
      <c r="T17072">
        <v>40</v>
      </c>
      <c r="U17072">
        <v>41</v>
      </c>
      <c r="V17072">
        <v>42</v>
      </c>
      <c r="W17072">
        <v>42</v>
      </c>
      <c r="X17072">
        <v>43</v>
      </c>
      <c r="Y17072">
        <v>44</v>
      </c>
      <c r="Z17072">
        <v>44</v>
      </c>
      <c r="AA17072">
        <v>45</v>
      </c>
      <c r="AB17072">
        <v>45</v>
      </c>
      <c r="AC17072">
        <v>46</v>
      </c>
      <c r="AD17072">
        <v>47</v>
      </c>
      <c r="AE17072">
        <v>47</v>
      </c>
      <c r="AF17072">
        <v>47</v>
      </c>
      <c r="AG17072">
        <v>47</v>
      </c>
      <c r="AH17072">
        <v>47</v>
      </c>
      <c r="AI17072">
        <v>47</v>
      </c>
      <c r="AJ17072">
        <v>47</v>
      </c>
      <c r="AK17072">
        <v>47</v>
      </c>
      <c r="AL17072">
        <v>47</v>
      </c>
      <c r="AM17072">
        <v>47</v>
      </c>
      <c r="AN17072">
        <v>47</v>
      </c>
      <c r="AO17072">
        <v>47</v>
      </c>
      <c r="AP17072">
        <v>47</v>
      </c>
      <c r="AQ17072">
        <v>47</v>
      </c>
    </row>
    <row r="17073" spans="1:43">
      <c r="A17073" t="s">
        <v>10598</v>
      </c>
      <c r="B17073" t="s">
        <v>10599</v>
      </c>
      <c r="C17073" t="s">
        <v>10590</v>
      </c>
      <c r="D17073" t="s">
        <v>10591</v>
      </c>
      <c r="E17073" t="s">
        <v>10448</v>
      </c>
      <c r="F17073" t="s">
        <v>10449</v>
      </c>
      <c r="G17073" t="s">
        <v>10450</v>
      </c>
      <c r="H17073" t="s">
        <v>10451</v>
      </c>
      <c r="I17073" s="2">
        <v>1</v>
      </c>
      <c r="J17073" s="2">
        <v>0</v>
      </c>
      <c r="K17073" s="2">
        <v>0</v>
      </c>
      <c r="L17073" t="s">
        <v>120</v>
      </c>
      <c r="M17073" t="s">
        <v>83</v>
      </c>
      <c r="N17073" t="s">
        <v>91</v>
      </c>
      <c r="O17073" t="s">
        <v>85</v>
      </c>
      <c r="P17073" t="s">
        <v>86</v>
      </c>
      <c r="Q17073">
        <v>37</v>
      </c>
      <c r="R17073">
        <v>38</v>
      </c>
      <c r="S17073">
        <v>38</v>
      </c>
      <c r="T17073">
        <v>39</v>
      </c>
      <c r="U17073">
        <v>39</v>
      </c>
      <c r="V17073">
        <v>40</v>
      </c>
      <c r="W17073">
        <v>40</v>
      </c>
      <c r="X17073">
        <v>41</v>
      </c>
      <c r="Y17073">
        <v>41</v>
      </c>
      <c r="Z17073">
        <v>42</v>
      </c>
      <c r="AA17073">
        <v>42</v>
      </c>
      <c r="AB17073">
        <v>43</v>
      </c>
      <c r="AC17073">
        <v>43</v>
      </c>
      <c r="AD17073">
        <v>44</v>
      </c>
      <c r="AE17073">
        <v>44</v>
      </c>
      <c r="AF17073">
        <v>45</v>
      </c>
      <c r="AG17073">
        <v>45</v>
      </c>
      <c r="AH17073">
        <v>46</v>
      </c>
      <c r="AI17073">
        <v>46</v>
      </c>
      <c r="AJ17073">
        <v>46</v>
      </c>
      <c r="AK17073">
        <v>47</v>
      </c>
      <c r="AL17073">
        <v>47</v>
      </c>
      <c r="AM17073">
        <v>47</v>
      </c>
      <c r="AN17073">
        <v>47</v>
      </c>
      <c r="AO17073">
        <v>47</v>
      </c>
      <c r="AP17073">
        <v>47</v>
      </c>
      <c r="AQ17073">
        <v>47</v>
      </c>
    </row>
    <row r="17074" spans="1:43">
      <c r="A17074" t="s">
        <v>10600</v>
      </c>
      <c r="B17074" t="s">
        <v>10601</v>
      </c>
      <c r="C17074" t="s">
        <v>10590</v>
      </c>
      <c r="D17074" t="s">
        <v>10591</v>
      </c>
      <c r="E17074" t="s">
        <v>10448</v>
      </c>
      <c r="F17074" t="s">
        <v>10449</v>
      </c>
      <c r="G17074" t="s">
        <v>10450</v>
      </c>
      <c r="H17074" t="s">
        <v>10451</v>
      </c>
      <c r="I17074" s="2">
        <v>1</v>
      </c>
      <c r="J17074" s="2">
        <v>0</v>
      </c>
      <c r="K17074" s="2">
        <v>0</v>
      </c>
      <c r="L17074" t="s">
        <v>120</v>
      </c>
      <c r="M17074" t="s">
        <v>83</v>
      </c>
      <c r="N17074" t="s">
        <v>84</v>
      </c>
      <c r="O17074" t="s">
        <v>85</v>
      </c>
      <c r="P17074" t="s">
        <v>86</v>
      </c>
      <c r="Q17074">
        <v>23</v>
      </c>
      <c r="R17074">
        <v>24</v>
      </c>
      <c r="S17074">
        <v>24</v>
      </c>
      <c r="T17074">
        <v>24</v>
      </c>
      <c r="U17074">
        <v>25</v>
      </c>
      <c r="V17074">
        <v>25</v>
      </c>
      <c r="W17074">
        <v>25</v>
      </c>
      <c r="X17074">
        <v>26</v>
      </c>
      <c r="Y17074">
        <v>26</v>
      </c>
      <c r="Z17074">
        <v>26</v>
      </c>
      <c r="AA17074">
        <v>27</v>
      </c>
      <c r="AB17074">
        <v>27</v>
      </c>
      <c r="AC17074">
        <v>27</v>
      </c>
      <c r="AD17074">
        <v>28</v>
      </c>
      <c r="AE17074">
        <v>28</v>
      </c>
      <c r="AF17074">
        <v>28</v>
      </c>
      <c r="AG17074">
        <v>28</v>
      </c>
      <c r="AH17074">
        <v>29</v>
      </c>
      <c r="AI17074">
        <v>29</v>
      </c>
      <c r="AJ17074">
        <v>29</v>
      </c>
      <c r="AK17074">
        <v>30</v>
      </c>
      <c r="AL17074">
        <v>30</v>
      </c>
      <c r="AM17074">
        <v>30</v>
      </c>
      <c r="AN17074">
        <v>30</v>
      </c>
      <c r="AO17074">
        <v>30</v>
      </c>
      <c r="AP17074">
        <v>30</v>
      </c>
      <c r="AQ17074">
        <v>30</v>
      </c>
    </row>
    <row r="17075" spans="1:43">
      <c r="A17075" t="s">
        <v>10600</v>
      </c>
      <c r="B17075" t="s">
        <v>10601</v>
      </c>
      <c r="C17075" t="s">
        <v>10590</v>
      </c>
      <c r="D17075" t="s">
        <v>10591</v>
      </c>
      <c r="E17075" t="s">
        <v>10448</v>
      </c>
      <c r="F17075" t="s">
        <v>10449</v>
      </c>
      <c r="G17075" t="s">
        <v>10450</v>
      </c>
      <c r="H17075" t="s">
        <v>10451</v>
      </c>
      <c r="I17075" s="2">
        <v>1</v>
      </c>
      <c r="J17075" s="2">
        <v>0</v>
      </c>
      <c r="K17075" s="2">
        <v>0</v>
      </c>
      <c r="L17075" t="s">
        <v>120</v>
      </c>
      <c r="M17075" t="s">
        <v>87</v>
      </c>
      <c r="N17075" t="s">
        <v>88</v>
      </c>
      <c r="O17075" t="s">
        <v>85</v>
      </c>
      <c r="P17075" t="s">
        <v>86</v>
      </c>
      <c r="Q17075">
        <v>23</v>
      </c>
      <c r="R17075">
        <v>23</v>
      </c>
      <c r="S17075">
        <v>23</v>
      </c>
      <c r="T17075">
        <v>24</v>
      </c>
      <c r="U17075">
        <v>24</v>
      </c>
      <c r="V17075">
        <v>24</v>
      </c>
      <c r="W17075">
        <v>24</v>
      </c>
      <c r="X17075">
        <v>24</v>
      </c>
      <c r="Y17075">
        <v>24</v>
      </c>
      <c r="Z17075">
        <v>24</v>
      </c>
      <c r="AA17075">
        <v>24</v>
      </c>
      <c r="AB17075">
        <v>24</v>
      </c>
      <c r="AC17075">
        <v>25</v>
      </c>
      <c r="AD17075">
        <v>25</v>
      </c>
      <c r="AE17075">
        <v>25</v>
      </c>
      <c r="AF17075">
        <v>25</v>
      </c>
      <c r="AG17075">
        <v>25</v>
      </c>
      <c r="AH17075">
        <v>25</v>
      </c>
      <c r="AI17075">
        <v>25</v>
      </c>
      <c r="AJ17075">
        <v>25</v>
      </c>
      <c r="AK17075">
        <v>25</v>
      </c>
      <c r="AL17075">
        <v>25</v>
      </c>
      <c r="AM17075">
        <v>26</v>
      </c>
      <c r="AN17075">
        <v>26</v>
      </c>
      <c r="AO17075">
        <v>26</v>
      </c>
      <c r="AP17075">
        <v>26</v>
      </c>
      <c r="AQ17075">
        <v>26</v>
      </c>
    </row>
    <row r="17076" spans="1:43">
      <c r="A17076" t="s">
        <v>10600</v>
      </c>
      <c r="B17076" t="s">
        <v>10601</v>
      </c>
      <c r="C17076" t="s">
        <v>10590</v>
      </c>
      <c r="D17076" t="s">
        <v>10591</v>
      </c>
      <c r="E17076" t="s">
        <v>10448</v>
      </c>
      <c r="F17076" t="s">
        <v>10449</v>
      </c>
      <c r="G17076" t="s">
        <v>10450</v>
      </c>
      <c r="H17076" t="s">
        <v>10451</v>
      </c>
      <c r="I17076" s="2">
        <v>1</v>
      </c>
      <c r="J17076" s="2">
        <v>0</v>
      </c>
      <c r="K17076" s="2">
        <v>0</v>
      </c>
      <c r="L17076" t="s">
        <v>120</v>
      </c>
      <c r="M17076" t="s">
        <v>89</v>
      </c>
      <c r="N17076" t="s">
        <v>90</v>
      </c>
      <c r="O17076" t="s">
        <v>85</v>
      </c>
      <c r="P17076" t="s">
        <v>86</v>
      </c>
      <c r="Q17076">
        <v>23</v>
      </c>
      <c r="R17076">
        <v>23</v>
      </c>
      <c r="S17076">
        <v>24</v>
      </c>
      <c r="T17076">
        <v>24</v>
      </c>
      <c r="U17076">
        <v>25</v>
      </c>
      <c r="V17076">
        <v>25</v>
      </c>
      <c r="W17076">
        <v>26</v>
      </c>
      <c r="X17076">
        <v>26</v>
      </c>
      <c r="Y17076">
        <v>26</v>
      </c>
      <c r="Z17076">
        <v>27</v>
      </c>
      <c r="AA17076">
        <v>27</v>
      </c>
      <c r="AB17076">
        <v>28</v>
      </c>
      <c r="AC17076">
        <v>28</v>
      </c>
      <c r="AD17076">
        <v>29</v>
      </c>
      <c r="AE17076">
        <v>29</v>
      </c>
      <c r="AF17076">
        <v>29</v>
      </c>
      <c r="AG17076">
        <v>29</v>
      </c>
      <c r="AH17076">
        <v>29</v>
      </c>
      <c r="AI17076">
        <v>29</v>
      </c>
      <c r="AJ17076">
        <v>29</v>
      </c>
      <c r="AK17076">
        <v>29</v>
      </c>
      <c r="AL17076">
        <v>29</v>
      </c>
      <c r="AM17076">
        <v>29</v>
      </c>
      <c r="AN17076">
        <v>29</v>
      </c>
      <c r="AO17076">
        <v>29</v>
      </c>
      <c r="AP17076">
        <v>29</v>
      </c>
      <c r="AQ17076">
        <v>29</v>
      </c>
    </row>
    <row r="17077" spans="1:43">
      <c r="A17077" t="s">
        <v>10600</v>
      </c>
      <c r="B17077" t="s">
        <v>10601</v>
      </c>
      <c r="C17077" t="s">
        <v>10590</v>
      </c>
      <c r="D17077" t="s">
        <v>10591</v>
      </c>
      <c r="E17077" t="s">
        <v>10448</v>
      </c>
      <c r="F17077" t="s">
        <v>10449</v>
      </c>
      <c r="G17077" t="s">
        <v>10450</v>
      </c>
      <c r="H17077" t="s">
        <v>10451</v>
      </c>
      <c r="I17077" s="2">
        <v>1</v>
      </c>
      <c r="J17077" s="2">
        <v>0</v>
      </c>
      <c r="K17077" s="2">
        <v>0</v>
      </c>
      <c r="L17077" t="s">
        <v>120</v>
      </c>
      <c r="M17077" t="s">
        <v>83</v>
      </c>
      <c r="N17077" t="s">
        <v>91</v>
      </c>
      <c r="O17077" t="s">
        <v>85</v>
      </c>
      <c r="P17077" t="s">
        <v>86</v>
      </c>
      <c r="Q17077">
        <v>23</v>
      </c>
      <c r="R17077">
        <v>24</v>
      </c>
      <c r="S17077">
        <v>24</v>
      </c>
      <c r="T17077">
        <v>24</v>
      </c>
      <c r="U17077">
        <v>25</v>
      </c>
      <c r="V17077">
        <v>25</v>
      </c>
      <c r="W17077">
        <v>25</v>
      </c>
      <c r="X17077">
        <v>26</v>
      </c>
      <c r="Y17077">
        <v>26</v>
      </c>
      <c r="Z17077">
        <v>26</v>
      </c>
      <c r="AA17077">
        <v>27</v>
      </c>
      <c r="AB17077">
        <v>27</v>
      </c>
      <c r="AC17077">
        <v>27</v>
      </c>
      <c r="AD17077">
        <v>28</v>
      </c>
      <c r="AE17077">
        <v>28</v>
      </c>
      <c r="AF17077">
        <v>28</v>
      </c>
      <c r="AG17077">
        <v>28</v>
      </c>
      <c r="AH17077">
        <v>29</v>
      </c>
      <c r="AI17077">
        <v>29</v>
      </c>
      <c r="AJ17077">
        <v>29</v>
      </c>
      <c r="AK17077">
        <v>30</v>
      </c>
      <c r="AL17077">
        <v>30</v>
      </c>
      <c r="AM17077">
        <v>30</v>
      </c>
      <c r="AN17077">
        <v>30</v>
      </c>
      <c r="AO17077">
        <v>30</v>
      </c>
      <c r="AP17077">
        <v>30</v>
      </c>
      <c r="AQ17077">
        <v>30</v>
      </c>
    </row>
    <row r="17078" spans="1:43">
      <c r="A17078" t="s">
        <v>10602</v>
      </c>
      <c r="B17078" t="s">
        <v>10603</v>
      </c>
      <c r="C17078" t="s">
        <v>10590</v>
      </c>
      <c r="D17078" t="s">
        <v>10591</v>
      </c>
      <c r="E17078" t="s">
        <v>10448</v>
      </c>
      <c r="F17078" t="s">
        <v>10449</v>
      </c>
      <c r="G17078" t="s">
        <v>10450</v>
      </c>
      <c r="H17078" t="s">
        <v>10451</v>
      </c>
      <c r="I17078" s="2">
        <v>1</v>
      </c>
      <c r="J17078" s="2">
        <v>0</v>
      </c>
      <c r="K17078" s="2">
        <v>0</v>
      </c>
      <c r="L17078" t="s">
        <v>120</v>
      </c>
      <c r="M17078" t="s">
        <v>83</v>
      </c>
      <c r="N17078" t="s">
        <v>84</v>
      </c>
      <c r="O17078" t="s">
        <v>85</v>
      </c>
      <c r="P17078" t="s">
        <v>86</v>
      </c>
      <c r="Q17078">
        <v>23</v>
      </c>
      <c r="R17078">
        <v>23</v>
      </c>
      <c r="S17078">
        <v>23</v>
      </c>
      <c r="T17078">
        <v>24</v>
      </c>
      <c r="U17078">
        <v>24</v>
      </c>
      <c r="V17078">
        <v>24</v>
      </c>
      <c r="W17078">
        <v>25</v>
      </c>
      <c r="X17078">
        <v>25</v>
      </c>
      <c r="Y17078">
        <v>25</v>
      </c>
      <c r="Z17078">
        <v>25</v>
      </c>
      <c r="AA17078">
        <v>26</v>
      </c>
      <c r="AB17078">
        <v>26</v>
      </c>
      <c r="AC17078">
        <v>26</v>
      </c>
      <c r="AD17078">
        <v>27</v>
      </c>
      <c r="AE17078">
        <v>27</v>
      </c>
      <c r="AF17078">
        <v>27</v>
      </c>
      <c r="AG17078">
        <v>27</v>
      </c>
      <c r="AH17078">
        <v>28</v>
      </c>
      <c r="AI17078">
        <v>28</v>
      </c>
      <c r="AJ17078">
        <v>28</v>
      </c>
      <c r="AK17078">
        <v>29</v>
      </c>
      <c r="AL17078">
        <v>29</v>
      </c>
      <c r="AM17078">
        <v>29</v>
      </c>
      <c r="AN17078">
        <v>29</v>
      </c>
      <c r="AO17078">
        <v>29</v>
      </c>
      <c r="AP17078">
        <v>29</v>
      </c>
      <c r="AQ17078">
        <v>29</v>
      </c>
    </row>
    <row r="17079" spans="1:43">
      <c r="A17079" t="s">
        <v>10602</v>
      </c>
      <c r="B17079" t="s">
        <v>10603</v>
      </c>
      <c r="C17079" t="s">
        <v>10590</v>
      </c>
      <c r="D17079" t="s">
        <v>10591</v>
      </c>
      <c r="E17079" t="s">
        <v>10448</v>
      </c>
      <c r="F17079" t="s">
        <v>10449</v>
      </c>
      <c r="G17079" t="s">
        <v>10450</v>
      </c>
      <c r="H17079" t="s">
        <v>10451</v>
      </c>
      <c r="I17079" s="2">
        <v>1</v>
      </c>
      <c r="J17079" s="2">
        <v>0</v>
      </c>
      <c r="K17079" s="2">
        <v>0</v>
      </c>
      <c r="L17079" t="s">
        <v>120</v>
      </c>
      <c r="M17079" t="s">
        <v>87</v>
      </c>
      <c r="N17079" t="s">
        <v>88</v>
      </c>
      <c r="O17079" t="s">
        <v>85</v>
      </c>
      <c r="P17079" t="s">
        <v>86</v>
      </c>
      <c r="Q17079">
        <v>23</v>
      </c>
      <c r="R17079">
        <v>24</v>
      </c>
      <c r="S17079">
        <v>24</v>
      </c>
      <c r="T17079">
        <v>24</v>
      </c>
      <c r="U17079">
        <v>24</v>
      </c>
      <c r="V17079">
        <v>24</v>
      </c>
      <c r="W17079">
        <v>24</v>
      </c>
      <c r="X17079">
        <v>24</v>
      </c>
      <c r="Y17079">
        <v>24</v>
      </c>
      <c r="Z17079">
        <v>24</v>
      </c>
      <c r="AA17079">
        <v>25</v>
      </c>
      <c r="AB17079">
        <v>25</v>
      </c>
      <c r="AC17079">
        <v>25</v>
      </c>
      <c r="AD17079">
        <v>25</v>
      </c>
      <c r="AE17079">
        <v>25</v>
      </c>
      <c r="AF17079">
        <v>25</v>
      </c>
      <c r="AG17079">
        <v>25</v>
      </c>
      <c r="AH17079">
        <v>25</v>
      </c>
      <c r="AI17079">
        <v>25</v>
      </c>
      <c r="AJ17079">
        <v>25</v>
      </c>
      <c r="AK17079">
        <v>26</v>
      </c>
      <c r="AL17079">
        <v>26</v>
      </c>
      <c r="AM17079">
        <v>26</v>
      </c>
      <c r="AN17079">
        <v>26</v>
      </c>
      <c r="AO17079">
        <v>26</v>
      </c>
      <c r="AP17079">
        <v>26</v>
      </c>
      <c r="AQ17079">
        <v>26</v>
      </c>
    </row>
    <row r="17080" spans="1:43">
      <c r="A17080" t="s">
        <v>10602</v>
      </c>
      <c r="B17080" t="s">
        <v>10603</v>
      </c>
      <c r="C17080" t="s">
        <v>10590</v>
      </c>
      <c r="D17080" t="s">
        <v>10591</v>
      </c>
      <c r="E17080" t="s">
        <v>10448</v>
      </c>
      <c r="F17080" t="s">
        <v>10449</v>
      </c>
      <c r="G17080" t="s">
        <v>10450</v>
      </c>
      <c r="H17080" t="s">
        <v>10451</v>
      </c>
      <c r="I17080" s="2">
        <v>1</v>
      </c>
      <c r="J17080" s="2">
        <v>0</v>
      </c>
      <c r="K17080" s="2">
        <v>0</v>
      </c>
      <c r="L17080" t="s">
        <v>120</v>
      </c>
      <c r="M17080" t="s">
        <v>89</v>
      </c>
      <c r="N17080" t="s">
        <v>90</v>
      </c>
      <c r="O17080" t="s">
        <v>85</v>
      </c>
      <c r="P17080" t="s">
        <v>86</v>
      </c>
      <c r="Q17080">
        <v>23</v>
      </c>
      <c r="R17080">
        <v>23</v>
      </c>
      <c r="S17080">
        <v>24</v>
      </c>
      <c r="T17080">
        <v>24</v>
      </c>
      <c r="U17080">
        <v>25</v>
      </c>
      <c r="V17080">
        <v>25</v>
      </c>
      <c r="W17080">
        <v>26</v>
      </c>
      <c r="X17080">
        <v>26</v>
      </c>
      <c r="Y17080">
        <v>27</v>
      </c>
      <c r="Z17080">
        <v>27</v>
      </c>
      <c r="AA17080">
        <v>27</v>
      </c>
      <c r="AB17080">
        <v>28</v>
      </c>
      <c r="AC17080">
        <v>28</v>
      </c>
      <c r="AD17080">
        <v>29</v>
      </c>
      <c r="AE17080">
        <v>29</v>
      </c>
      <c r="AF17080">
        <v>29</v>
      </c>
      <c r="AG17080">
        <v>29</v>
      </c>
      <c r="AH17080">
        <v>29</v>
      </c>
      <c r="AI17080">
        <v>29</v>
      </c>
      <c r="AJ17080">
        <v>29</v>
      </c>
      <c r="AK17080">
        <v>29</v>
      </c>
      <c r="AL17080">
        <v>29</v>
      </c>
      <c r="AM17080">
        <v>29</v>
      </c>
      <c r="AN17080">
        <v>29</v>
      </c>
      <c r="AO17080">
        <v>29</v>
      </c>
      <c r="AP17080">
        <v>29</v>
      </c>
      <c r="AQ17080">
        <v>29</v>
      </c>
    </row>
    <row r="17081" spans="1:43">
      <c r="A17081" t="s">
        <v>10602</v>
      </c>
      <c r="B17081" t="s">
        <v>10603</v>
      </c>
      <c r="C17081" t="s">
        <v>10590</v>
      </c>
      <c r="D17081" t="s">
        <v>10591</v>
      </c>
      <c r="E17081" t="s">
        <v>10448</v>
      </c>
      <c r="F17081" t="s">
        <v>10449</v>
      </c>
      <c r="G17081" t="s">
        <v>10450</v>
      </c>
      <c r="H17081" t="s">
        <v>10451</v>
      </c>
      <c r="I17081" s="2">
        <v>1</v>
      </c>
      <c r="J17081" s="2">
        <v>0</v>
      </c>
      <c r="K17081" s="2">
        <v>0</v>
      </c>
      <c r="L17081" t="s">
        <v>120</v>
      </c>
      <c r="M17081" t="s">
        <v>83</v>
      </c>
      <c r="N17081" t="s">
        <v>91</v>
      </c>
      <c r="O17081" t="s">
        <v>85</v>
      </c>
      <c r="P17081" t="s">
        <v>86</v>
      </c>
      <c r="Q17081">
        <v>23</v>
      </c>
      <c r="R17081">
        <v>23</v>
      </c>
      <c r="S17081">
        <v>23</v>
      </c>
      <c r="T17081">
        <v>24</v>
      </c>
      <c r="U17081">
        <v>24</v>
      </c>
      <c r="V17081">
        <v>24</v>
      </c>
      <c r="W17081">
        <v>25</v>
      </c>
      <c r="X17081">
        <v>25</v>
      </c>
      <c r="Y17081">
        <v>25</v>
      </c>
      <c r="Z17081">
        <v>25</v>
      </c>
      <c r="AA17081">
        <v>26</v>
      </c>
      <c r="AB17081">
        <v>26</v>
      </c>
      <c r="AC17081">
        <v>26</v>
      </c>
      <c r="AD17081">
        <v>27</v>
      </c>
      <c r="AE17081">
        <v>27</v>
      </c>
      <c r="AF17081">
        <v>27</v>
      </c>
      <c r="AG17081">
        <v>27</v>
      </c>
      <c r="AH17081">
        <v>28</v>
      </c>
      <c r="AI17081">
        <v>28</v>
      </c>
      <c r="AJ17081">
        <v>28</v>
      </c>
      <c r="AK17081">
        <v>29</v>
      </c>
      <c r="AL17081">
        <v>29</v>
      </c>
      <c r="AM17081">
        <v>29</v>
      </c>
      <c r="AN17081">
        <v>29</v>
      </c>
      <c r="AO17081">
        <v>29</v>
      </c>
      <c r="AP17081">
        <v>29</v>
      </c>
      <c r="AQ17081">
        <v>29</v>
      </c>
    </row>
    <row r="17082" spans="1:43">
      <c r="A17082" t="s">
        <v>10604</v>
      </c>
      <c r="B17082" t="s">
        <v>10605</v>
      </c>
      <c r="C17082" t="s">
        <v>10606</v>
      </c>
      <c r="D17082" t="s">
        <v>10607</v>
      </c>
      <c r="E17082" t="s">
        <v>10448</v>
      </c>
      <c r="F17082" t="s">
        <v>10449</v>
      </c>
      <c r="G17082" t="s">
        <v>10450</v>
      </c>
      <c r="H17082" t="s">
        <v>10451</v>
      </c>
      <c r="I17082" s="2">
        <v>1</v>
      </c>
      <c r="J17082" s="2">
        <v>0</v>
      </c>
      <c r="K17082" s="2">
        <v>0</v>
      </c>
      <c r="L17082" t="s">
        <v>120</v>
      </c>
      <c r="M17082" t="s">
        <v>83</v>
      </c>
      <c r="N17082" t="s">
        <v>84</v>
      </c>
      <c r="O17082" t="s">
        <v>85</v>
      </c>
      <c r="P17082" t="s">
        <v>86</v>
      </c>
      <c r="Q17082">
        <v>9</v>
      </c>
      <c r="R17082">
        <v>9</v>
      </c>
      <c r="S17082">
        <v>10</v>
      </c>
      <c r="T17082">
        <v>10</v>
      </c>
      <c r="U17082">
        <v>10</v>
      </c>
      <c r="V17082">
        <v>10</v>
      </c>
      <c r="W17082">
        <v>10</v>
      </c>
      <c r="X17082">
        <v>10</v>
      </c>
      <c r="Y17082">
        <v>10</v>
      </c>
      <c r="Z17082">
        <v>10</v>
      </c>
      <c r="AA17082">
        <v>11</v>
      </c>
      <c r="AB17082">
        <v>11</v>
      </c>
      <c r="AC17082">
        <v>11</v>
      </c>
      <c r="AD17082">
        <v>11</v>
      </c>
      <c r="AE17082">
        <v>11</v>
      </c>
      <c r="AF17082">
        <v>11</v>
      </c>
      <c r="AG17082">
        <v>11</v>
      </c>
      <c r="AH17082">
        <v>11</v>
      </c>
      <c r="AI17082">
        <v>11</v>
      </c>
      <c r="AJ17082">
        <v>12</v>
      </c>
      <c r="AK17082">
        <v>12</v>
      </c>
      <c r="AL17082">
        <v>12</v>
      </c>
      <c r="AM17082">
        <v>12</v>
      </c>
      <c r="AN17082">
        <v>12</v>
      </c>
      <c r="AO17082">
        <v>12</v>
      </c>
      <c r="AP17082">
        <v>12</v>
      </c>
      <c r="AQ17082">
        <v>12</v>
      </c>
    </row>
    <row r="17083" spans="1:43">
      <c r="A17083" t="s">
        <v>10604</v>
      </c>
      <c r="B17083" t="s">
        <v>10605</v>
      </c>
      <c r="C17083" t="s">
        <v>10606</v>
      </c>
      <c r="D17083" t="s">
        <v>10607</v>
      </c>
      <c r="E17083" t="s">
        <v>10448</v>
      </c>
      <c r="F17083" t="s">
        <v>10449</v>
      </c>
      <c r="G17083" t="s">
        <v>10450</v>
      </c>
      <c r="H17083" t="s">
        <v>10451</v>
      </c>
      <c r="I17083" s="2">
        <v>1</v>
      </c>
      <c r="J17083" s="2">
        <v>0</v>
      </c>
      <c r="K17083" s="2">
        <v>0</v>
      </c>
      <c r="L17083" t="s">
        <v>120</v>
      </c>
      <c r="M17083" t="s">
        <v>87</v>
      </c>
      <c r="N17083" t="s">
        <v>88</v>
      </c>
      <c r="O17083" t="s">
        <v>85</v>
      </c>
      <c r="P17083" t="s">
        <v>86</v>
      </c>
      <c r="Q17083">
        <v>9</v>
      </c>
      <c r="R17083">
        <v>9</v>
      </c>
      <c r="S17083">
        <v>9</v>
      </c>
      <c r="T17083">
        <v>9</v>
      </c>
      <c r="U17083">
        <v>9</v>
      </c>
      <c r="V17083">
        <v>9</v>
      </c>
      <c r="W17083">
        <v>9</v>
      </c>
      <c r="X17083">
        <v>9</v>
      </c>
      <c r="Y17083">
        <v>10</v>
      </c>
      <c r="Z17083">
        <v>10</v>
      </c>
      <c r="AA17083">
        <v>10</v>
      </c>
      <c r="AB17083">
        <v>10</v>
      </c>
      <c r="AC17083">
        <v>10</v>
      </c>
      <c r="AD17083">
        <v>10</v>
      </c>
      <c r="AE17083">
        <v>10</v>
      </c>
      <c r="AF17083">
        <v>10</v>
      </c>
      <c r="AG17083">
        <v>10</v>
      </c>
      <c r="AH17083">
        <v>10</v>
      </c>
      <c r="AI17083">
        <v>10</v>
      </c>
      <c r="AJ17083">
        <v>10</v>
      </c>
      <c r="AK17083">
        <v>10</v>
      </c>
      <c r="AL17083">
        <v>10</v>
      </c>
      <c r="AM17083">
        <v>10</v>
      </c>
      <c r="AN17083">
        <v>10</v>
      </c>
      <c r="AO17083">
        <v>10</v>
      </c>
      <c r="AP17083">
        <v>10</v>
      </c>
      <c r="AQ17083">
        <v>10</v>
      </c>
    </row>
    <row r="17084" spans="1:43">
      <c r="A17084" t="s">
        <v>10604</v>
      </c>
      <c r="B17084" t="s">
        <v>10605</v>
      </c>
      <c r="C17084" t="s">
        <v>10606</v>
      </c>
      <c r="D17084" t="s">
        <v>10607</v>
      </c>
      <c r="E17084" t="s">
        <v>10448</v>
      </c>
      <c r="F17084" t="s">
        <v>10449</v>
      </c>
      <c r="G17084" t="s">
        <v>10450</v>
      </c>
      <c r="H17084" t="s">
        <v>10451</v>
      </c>
      <c r="I17084" s="2">
        <v>1</v>
      </c>
      <c r="J17084" s="2">
        <v>0</v>
      </c>
      <c r="K17084" s="2">
        <v>0</v>
      </c>
      <c r="L17084" t="s">
        <v>120</v>
      </c>
      <c r="M17084" t="s">
        <v>89</v>
      </c>
      <c r="N17084" t="s">
        <v>90</v>
      </c>
      <c r="O17084" t="s">
        <v>85</v>
      </c>
      <c r="P17084" t="s">
        <v>86</v>
      </c>
      <c r="Q17084">
        <v>9</v>
      </c>
      <c r="R17084">
        <v>10</v>
      </c>
      <c r="S17084">
        <v>10</v>
      </c>
      <c r="T17084">
        <v>10</v>
      </c>
      <c r="U17084">
        <v>10</v>
      </c>
      <c r="V17084">
        <v>10</v>
      </c>
      <c r="W17084">
        <v>11</v>
      </c>
      <c r="X17084">
        <v>11</v>
      </c>
      <c r="Y17084">
        <v>11</v>
      </c>
      <c r="Z17084">
        <v>11</v>
      </c>
      <c r="AA17084">
        <v>11</v>
      </c>
      <c r="AB17084">
        <v>11</v>
      </c>
      <c r="AC17084">
        <v>12</v>
      </c>
      <c r="AD17084">
        <v>12</v>
      </c>
      <c r="AE17084">
        <v>12</v>
      </c>
      <c r="AF17084">
        <v>12</v>
      </c>
      <c r="AG17084">
        <v>12</v>
      </c>
      <c r="AH17084">
        <v>12</v>
      </c>
      <c r="AI17084">
        <v>12</v>
      </c>
      <c r="AJ17084">
        <v>12</v>
      </c>
      <c r="AK17084">
        <v>12</v>
      </c>
      <c r="AL17084">
        <v>12</v>
      </c>
      <c r="AM17084">
        <v>12</v>
      </c>
      <c r="AN17084">
        <v>12</v>
      </c>
      <c r="AO17084">
        <v>12</v>
      </c>
      <c r="AP17084">
        <v>12</v>
      </c>
      <c r="AQ17084">
        <v>12</v>
      </c>
    </row>
    <row r="17085" spans="1:43">
      <c r="A17085" t="s">
        <v>10604</v>
      </c>
      <c r="B17085" t="s">
        <v>10605</v>
      </c>
      <c r="C17085" t="s">
        <v>10606</v>
      </c>
      <c r="D17085" t="s">
        <v>10607</v>
      </c>
      <c r="E17085" t="s">
        <v>10448</v>
      </c>
      <c r="F17085" t="s">
        <v>10449</v>
      </c>
      <c r="G17085" t="s">
        <v>10450</v>
      </c>
      <c r="H17085" t="s">
        <v>10451</v>
      </c>
      <c r="I17085" s="2">
        <v>1</v>
      </c>
      <c r="J17085" s="2">
        <v>0</v>
      </c>
      <c r="K17085" s="2">
        <v>0</v>
      </c>
      <c r="L17085" t="s">
        <v>120</v>
      </c>
      <c r="M17085" t="s">
        <v>83</v>
      </c>
      <c r="N17085" t="s">
        <v>91</v>
      </c>
      <c r="O17085" t="s">
        <v>85</v>
      </c>
      <c r="P17085" t="s">
        <v>86</v>
      </c>
      <c r="Q17085">
        <v>9</v>
      </c>
      <c r="R17085">
        <v>9</v>
      </c>
      <c r="S17085">
        <v>10</v>
      </c>
      <c r="T17085">
        <v>10</v>
      </c>
      <c r="U17085">
        <v>10</v>
      </c>
      <c r="V17085">
        <v>10</v>
      </c>
      <c r="W17085">
        <v>10</v>
      </c>
      <c r="X17085">
        <v>10</v>
      </c>
      <c r="Y17085">
        <v>10</v>
      </c>
      <c r="Z17085">
        <v>10</v>
      </c>
      <c r="AA17085">
        <v>11</v>
      </c>
      <c r="AB17085">
        <v>11</v>
      </c>
      <c r="AC17085">
        <v>11</v>
      </c>
      <c r="AD17085">
        <v>11</v>
      </c>
      <c r="AE17085">
        <v>11</v>
      </c>
      <c r="AF17085">
        <v>11</v>
      </c>
      <c r="AG17085">
        <v>11</v>
      </c>
      <c r="AH17085">
        <v>11</v>
      </c>
      <c r="AI17085">
        <v>11</v>
      </c>
      <c r="AJ17085">
        <v>12</v>
      </c>
      <c r="AK17085">
        <v>12</v>
      </c>
      <c r="AL17085">
        <v>12</v>
      </c>
      <c r="AM17085">
        <v>12</v>
      </c>
      <c r="AN17085">
        <v>12</v>
      </c>
      <c r="AO17085">
        <v>12</v>
      </c>
      <c r="AP17085">
        <v>12</v>
      </c>
      <c r="AQ17085">
        <v>12</v>
      </c>
    </row>
    <row r="17086" spans="1:43">
      <c r="A17086" t="s">
        <v>10608</v>
      </c>
      <c r="B17086" t="s">
        <v>10609</v>
      </c>
      <c r="C17086" t="s">
        <v>10606</v>
      </c>
      <c r="D17086" t="s">
        <v>10607</v>
      </c>
      <c r="E17086" t="s">
        <v>10448</v>
      </c>
      <c r="F17086" t="s">
        <v>10449</v>
      </c>
      <c r="G17086" t="s">
        <v>10450</v>
      </c>
      <c r="H17086" t="s">
        <v>10451</v>
      </c>
      <c r="I17086" s="2">
        <v>1</v>
      </c>
      <c r="J17086" s="2">
        <v>0</v>
      </c>
      <c r="K17086" s="2">
        <v>0</v>
      </c>
      <c r="L17086" t="s">
        <v>120</v>
      </c>
      <c r="M17086" t="s">
        <v>83</v>
      </c>
      <c r="N17086" t="s">
        <v>84</v>
      </c>
      <c r="O17086" t="s">
        <v>85</v>
      </c>
      <c r="P17086" t="s">
        <v>86</v>
      </c>
      <c r="Q17086">
        <v>20</v>
      </c>
      <c r="R17086">
        <v>20</v>
      </c>
      <c r="S17086">
        <v>20</v>
      </c>
      <c r="T17086">
        <v>20</v>
      </c>
      <c r="U17086">
        <v>21</v>
      </c>
      <c r="V17086">
        <v>21</v>
      </c>
      <c r="W17086">
        <v>21</v>
      </c>
      <c r="X17086">
        <v>21</v>
      </c>
      <c r="Y17086">
        <v>22</v>
      </c>
      <c r="Z17086">
        <v>22</v>
      </c>
      <c r="AA17086">
        <v>22</v>
      </c>
      <c r="AB17086">
        <v>22</v>
      </c>
      <c r="AC17086">
        <v>23</v>
      </c>
      <c r="AD17086">
        <v>23</v>
      </c>
      <c r="AE17086">
        <v>23</v>
      </c>
      <c r="AF17086">
        <v>23</v>
      </c>
      <c r="AG17086">
        <v>24</v>
      </c>
      <c r="AH17086">
        <v>24</v>
      </c>
      <c r="AI17086">
        <v>24</v>
      </c>
      <c r="AJ17086">
        <v>24</v>
      </c>
      <c r="AK17086">
        <v>25</v>
      </c>
      <c r="AL17086">
        <v>25</v>
      </c>
      <c r="AM17086">
        <v>25</v>
      </c>
      <c r="AN17086">
        <v>25</v>
      </c>
      <c r="AO17086">
        <v>25</v>
      </c>
      <c r="AP17086">
        <v>25</v>
      </c>
      <c r="AQ17086">
        <v>25</v>
      </c>
    </row>
    <row r="17087" spans="1:43">
      <c r="A17087" t="s">
        <v>10608</v>
      </c>
      <c r="B17087" t="s">
        <v>10609</v>
      </c>
      <c r="C17087" t="s">
        <v>10606</v>
      </c>
      <c r="D17087" t="s">
        <v>10607</v>
      </c>
      <c r="E17087" t="s">
        <v>10448</v>
      </c>
      <c r="F17087" t="s">
        <v>10449</v>
      </c>
      <c r="G17087" t="s">
        <v>10450</v>
      </c>
      <c r="H17087" t="s">
        <v>10451</v>
      </c>
      <c r="I17087" s="2">
        <v>1</v>
      </c>
      <c r="J17087" s="2">
        <v>0</v>
      </c>
      <c r="K17087" s="2">
        <v>0</v>
      </c>
      <c r="L17087" t="s">
        <v>120</v>
      </c>
      <c r="M17087" t="s">
        <v>87</v>
      </c>
      <c r="N17087" t="s">
        <v>88</v>
      </c>
      <c r="O17087" t="s">
        <v>85</v>
      </c>
      <c r="P17087" t="s">
        <v>86</v>
      </c>
      <c r="Q17087">
        <v>20</v>
      </c>
      <c r="R17087">
        <v>20</v>
      </c>
      <c r="S17087">
        <v>21</v>
      </c>
      <c r="T17087">
        <v>21</v>
      </c>
      <c r="U17087">
        <v>21</v>
      </c>
      <c r="V17087">
        <v>21</v>
      </c>
      <c r="W17087">
        <v>21</v>
      </c>
      <c r="X17087">
        <v>21</v>
      </c>
      <c r="Y17087">
        <v>21</v>
      </c>
      <c r="Z17087">
        <v>21</v>
      </c>
      <c r="AA17087">
        <v>21</v>
      </c>
      <c r="AB17087">
        <v>21</v>
      </c>
      <c r="AC17087">
        <v>21</v>
      </c>
      <c r="AD17087">
        <v>22</v>
      </c>
      <c r="AE17087">
        <v>22</v>
      </c>
      <c r="AF17087">
        <v>22</v>
      </c>
      <c r="AG17087">
        <v>22</v>
      </c>
      <c r="AH17087">
        <v>22</v>
      </c>
      <c r="AI17087">
        <v>22</v>
      </c>
      <c r="AJ17087">
        <v>22</v>
      </c>
      <c r="AK17087">
        <v>22</v>
      </c>
      <c r="AL17087">
        <v>22</v>
      </c>
      <c r="AM17087">
        <v>22</v>
      </c>
      <c r="AN17087">
        <v>22</v>
      </c>
      <c r="AO17087">
        <v>23</v>
      </c>
      <c r="AP17087">
        <v>23</v>
      </c>
      <c r="AQ17087">
        <v>23</v>
      </c>
    </row>
    <row r="17088" spans="1:43">
      <c r="A17088" t="s">
        <v>10608</v>
      </c>
      <c r="B17088" t="s">
        <v>10609</v>
      </c>
      <c r="C17088" t="s">
        <v>10606</v>
      </c>
      <c r="D17088" t="s">
        <v>10607</v>
      </c>
      <c r="E17088" t="s">
        <v>10448</v>
      </c>
      <c r="F17088" t="s">
        <v>10449</v>
      </c>
      <c r="G17088" t="s">
        <v>10450</v>
      </c>
      <c r="H17088" t="s">
        <v>10451</v>
      </c>
      <c r="I17088" s="2">
        <v>1</v>
      </c>
      <c r="J17088" s="2">
        <v>0</v>
      </c>
      <c r="K17088" s="2">
        <v>0</v>
      </c>
      <c r="L17088" t="s">
        <v>120</v>
      </c>
      <c r="M17088" t="s">
        <v>89</v>
      </c>
      <c r="N17088" t="s">
        <v>90</v>
      </c>
      <c r="O17088" t="s">
        <v>85</v>
      </c>
      <c r="P17088" t="s">
        <v>86</v>
      </c>
      <c r="Q17088">
        <v>20</v>
      </c>
      <c r="R17088">
        <v>20</v>
      </c>
      <c r="S17088">
        <v>21</v>
      </c>
      <c r="T17088">
        <v>21</v>
      </c>
      <c r="U17088">
        <v>21</v>
      </c>
      <c r="V17088">
        <v>22</v>
      </c>
      <c r="W17088">
        <v>22</v>
      </c>
      <c r="X17088">
        <v>23</v>
      </c>
      <c r="Y17088">
        <v>23</v>
      </c>
      <c r="Z17088">
        <v>23</v>
      </c>
      <c r="AA17088">
        <v>24</v>
      </c>
      <c r="AB17088">
        <v>24</v>
      </c>
      <c r="AC17088">
        <v>24</v>
      </c>
      <c r="AD17088">
        <v>25</v>
      </c>
      <c r="AE17088">
        <v>25</v>
      </c>
      <c r="AF17088">
        <v>25</v>
      </c>
      <c r="AG17088">
        <v>25</v>
      </c>
      <c r="AH17088">
        <v>25</v>
      </c>
      <c r="AI17088">
        <v>25</v>
      </c>
      <c r="AJ17088">
        <v>25</v>
      </c>
      <c r="AK17088">
        <v>25</v>
      </c>
      <c r="AL17088">
        <v>25</v>
      </c>
      <c r="AM17088">
        <v>25</v>
      </c>
      <c r="AN17088">
        <v>25</v>
      </c>
      <c r="AO17088">
        <v>25</v>
      </c>
      <c r="AP17088">
        <v>25</v>
      </c>
      <c r="AQ17088">
        <v>25</v>
      </c>
    </row>
    <row r="17089" spans="1:43">
      <c r="A17089" t="s">
        <v>10608</v>
      </c>
      <c r="B17089" t="s">
        <v>10609</v>
      </c>
      <c r="C17089" t="s">
        <v>10606</v>
      </c>
      <c r="D17089" t="s">
        <v>10607</v>
      </c>
      <c r="E17089" t="s">
        <v>10448</v>
      </c>
      <c r="F17089" t="s">
        <v>10449</v>
      </c>
      <c r="G17089" t="s">
        <v>10450</v>
      </c>
      <c r="H17089" t="s">
        <v>10451</v>
      </c>
      <c r="I17089" s="2">
        <v>1</v>
      </c>
      <c r="J17089" s="2">
        <v>0</v>
      </c>
      <c r="K17089" s="2">
        <v>0</v>
      </c>
      <c r="L17089" t="s">
        <v>120</v>
      </c>
      <c r="M17089" t="s">
        <v>83</v>
      </c>
      <c r="N17089" t="s">
        <v>91</v>
      </c>
      <c r="O17089" t="s">
        <v>85</v>
      </c>
      <c r="P17089" t="s">
        <v>86</v>
      </c>
      <c r="Q17089">
        <v>20</v>
      </c>
      <c r="R17089">
        <v>20</v>
      </c>
      <c r="S17089">
        <v>20</v>
      </c>
      <c r="T17089">
        <v>20</v>
      </c>
      <c r="U17089">
        <v>21</v>
      </c>
      <c r="V17089">
        <v>21</v>
      </c>
      <c r="W17089">
        <v>21</v>
      </c>
      <c r="X17089">
        <v>21</v>
      </c>
      <c r="Y17089">
        <v>22</v>
      </c>
      <c r="Z17089">
        <v>22</v>
      </c>
      <c r="AA17089">
        <v>22</v>
      </c>
      <c r="AB17089">
        <v>22</v>
      </c>
      <c r="AC17089">
        <v>23</v>
      </c>
      <c r="AD17089">
        <v>23</v>
      </c>
      <c r="AE17089">
        <v>23</v>
      </c>
      <c r="AF17089">
        <v>23</v>
      </c>
      <c r="AG17089">
        <v>24</v>
      </c>
      <c r="AH17089">
        <v>24</v>
      </c>
      <c r="AI17089">
        <v>24</v>
      </c>
      <c r="AJ17089">
        <v>24</v>
      </c>
      <c r="AK17089">
        <v>25</v>
      </c>
      <c r="AL17089">
        <v>25</v>
      </c>
      <c r="AM17089">
        <v>25</v>
      </c>
      <c r="AN17089">
        <v>25</v>
      </c>
      <c r="AO17089">
        <v>25</v>
      </c>
      <c r="AP17089">
        <v>25</v>
      </c>
      <c r="AQ17089">
        <v>25</v>
      </c>
    </row>
    <row r="17090" spans="1:43">
      <c r="A17090" t="s">
        <v>10610</v>
      </c>
      <c r="B17090" t="s">
        <v>10611</v>
      </c>
      <c r="C17090" t="s">
        <v>10606</v>
      </c>
      <c r="D17090" t="s">
        <v>10607</v>
      </c>
      <c r="E17090" t="s">
        <v>10448</v>
      </c>
      <c r="F17090" t="s">
        <v>10449</v>
      </c>
      <c r="G17090" t="s">
        <v>10450</v>
      </c>
      <c r="H17090" t="s">
        <v>10451</v>
      </c>
      <c r="I17090" s="2">
        <v>1</v>
      </c>
      <c r="J17090" s="2">
        <v>0</v>
      </c>
      <c r="K17090" s="2">
        <v>0</v>
      </c>
      <c r="L17090" t="s">
        <v>120</v>
      </c>
      <c r="M17090" t="s">
        <v>83</v>
      </c>
      <c r="N17090" t="s">
        <v>84</v>
      </c>
      <c r="O17090" t="s">
        <v>85</v>
      </c>
      <c r="P17090" t="s">
        <v>86</v>
      </c>
      <c r="Q17090">
        <v>7</v>
      </c>
      <c r="R17090">
        <v>7</v>
      </c>
      <c r="S17090">
        <v>7</v>
      </c>
      <c r="T17090">
        <v>7</v>
      </c>
      <c r="U17090">
        <v>7</v>
      </c>
      <c r="V17090">
        <v>7</v>
      </c>
      <c r="W17090">
        <v>7</v>
      </c>
      <c r="X17090">
        <v>7</v>
      </c>
      <c r="Y17090">
        <v>7</v>
      </c>
      <c r="Z17090">
        <v>7</v>
      </c>
      <c r="AA17090">
        <v>7</v>
      </c>
      <c r="AB17090">
        <v>8</v>
      </c>
      <c r="AC17090">
        <v>8</v>
      </c>
      <c r="AD17090">
        <v>8</v>
      </c>
      <c r="AE17090">
        <v>8</v>
      </c>
      <c r="AF17090">
        <v>8</v>
      </c>
      <c r="AG17090">
        <v>8</v>
      </c>
      <c r="AH17090">
        <v>8</v>
      </c>
      <c r="AI17090">
        <v>8</v>
      </c>
      <c r="AJ17090">
        <v>8</v>
      </c>
      <c r="AK17090">
        <v>8</v>
      </c>
      <c r="AL17090">
        <v>8</v>
      </c>
      <c r="AM17090">
        <v>8</v>
      </c>
      <c r="AN17090">
        <v>8</v>
      </c>
      <c r="AO17090">
        <v>8</v>
      </c>
      <c r="AP17090">
        <v>8</v>
      </c>
      <c r="AQ17090">
        <v>8</v>
      </c>
    </row>
    <row r="17091" spans="1:43">
      <c r="A17091" t="s">
        <v>10610</v>
      </c>
      <c r="B17091" t="s">
        <v>10611</v>
      </c>
      <c r="C17091" t="s">
        <v>10606</v>
      </c>
      <c r="D17091" t="s">
        <v>10607</v>
      </c>
      <c r="E17091" t="s">
        <v>10448</v>
      </c>
      <c r="F17091" t="s">
        <v>10449</v>
      </c>
      <c r="G17091" t="s">
        <v>10450</v>
      </c>
      <c r="H17091" t="s">
        <v>10451</v>
      </c>
      <c r="I17091" s="2">
        <v>1</v>
      </c>
      <c r="J17091" s="2">
        <v>0</v>
      </c>
      <c r="K17091" s="2">
        <v>0</v>
      </c>
      <c r="L17091" t="s">
        <v>120</v>
      </c>
      <c r="M17091" t="s">
        <v>87</v>
      </c>
      <c r="N17091" t="s">
        <v>88</v>
      </c>
      <c r="O17091" t="s">
        <v>85</v>
      </c>
      <c r="P17091" t="s">
        <v>86</v>
      </c>
      <c r="Q17091">
        <v>7</v>
      </c>
      <c r="R17091">
        <v>7</v>
      </c>
      <c r="S17091">
        <v>7</v>
      </c>
      <c r="T17091">
        <v>7</v>
      </c>
      <c r="U17091">
        <v>7</v>
      </c>
      <c r="V17091">
        <v>7</v>
      </c>
      <c r="W17091">
        <v>7</v>
      </c>
      <c r="X17091">
        <v>7</v>
      </c>
      <c r="Y17091">
        <v>7</v>
      </c>
      <c r="Z17091">
        <v>7</v>
      </c>
      <c r="AA17091">
        <v>7</v>
      </c>
      <c r="AB17091">
        <v>7</v>
      </c>
      <c r="AC17091">
        <v>7</v>
      </c>
      <c r="AD17091">
        <v>7</v>
      </c>
      <c r="AE17091">
        <v>7</v>
      </c>
      <c r="AF17091">
        <v>7</v>
      </c>
      <c r="AG17091">
        <v>7</v>
      </c>
      <c r="AH17091">
        <v>7</v>
      </c>
      <c r="AI17091">
        <v>7</v>
      </c>
      <c r="AJ17091">
        <v>7</v>
      </c>
      <c r="AK17091">
        <v>7</v>
      </c>
      <c r="AL17091">
        <v>7</v>
      </c>
      <c r="AM17091">
        <v>7</v>
      </c>
      <c r="AN17091">
        <v>7</v>
      </c>
      <c r="AO17091">
        <v>7</v>
      </c>
      <c r="AP17091">
        <v>7</v>
      </c>
      <c r="AQ17091">
        <v>7</v>
      </c>
    </row>
    <row r="17092" spans="1:43">
      <c r="A17092" t="s">
        <v>10610</v>
      </c>
      <c r="B17092" t="s">
        <v>10611</v>
      </c>
      <c r="C17092" t="s">
        <v>10606</v>
      </c>
      <c r="D17092" t="s">
        <v>10607</v>
      </c>
      <c r="E17092" t="s">
        <v>10448</v>
      </c>
      <c r="F17092" t="s">
        <v>10449</v>
      </c>
      <c r="G17092" t="s">
        <v>10450</v>
      </c>
      <c r="H17092" t="s">
        <v>10451</v>
      </c>
      <c r="I17092" s="2">
        <v>1</v>
      </c>
      <c r="J17092" s="2">
        <v>0</v>
      </c>
      <c r="K17092" s="2">
        <v>0</v>
      </c>
      <c r="L17092" t="s">
        <v>120</v>
      </c>
      <c r="M17092" t="s">
        <v>89</v>
      </c>
      <c r="N17092" t="s">
        <v>90</v>
      </c>
      <c r="O17092" t="s">
        <v>85</v>
      </c>
      <c r="P17092" t="s">
        <v>86</v>
      </c>
      <c r="Q17092">
        <v>7</v>
      </c>
      <c r="R17092">
        <v>7</v>
      </c>
      <c r="S17092">
        <v>7</v>
      </c>
      <c r="T17092">
        <v>7</v>
      </c>
      <c r="U17092">
        <v>7</v>
      </c>
      <c r="V17092">
        <v>7</v>
      </c>
      <c r="W17092">
        <v>7</v>
      </c>
      <c r="X17092">
        <v>8</v>
      </c>
      <c r="Y17092">
        <v>8</v>
      </c>
      <c r="Z17092">
        <v>8</v>
      </c>
      <c r="AA17092">
        <v>8</v>
      </c>
      <c r="AB17092">
        <v>8</v>
      </c>
      <c r="AC17092">
        <v>8</v>
      </c>
      <c r="AD17092">
        <v>8</v>
      </c>
      <c r="AE17092">
        <v>8</v>
      </c>
      <c r="AF17092">
        <v>8</v>
      </c>
      <c r="AG17092">
        <v>8</v>
      </c>
      <c r="AH17092">
        <v>8</v>
      </c>
      <c r="AI17092">
        <v>8</v>
      </c>
      <c r="AJ17092">
        <v>8</v>
      </c>
      <c r="AK17092">
        <v>8</v>
      </c>
      <c r="AL17092">
        <v>8</v>
      </c>
      <c r="AM17092">
        <v>8</v>
      </c>
      <c r="AN17092">
        <v>8</v>
      </c>
      <c r="AO17092">
        <v>8</v>
      </c>
      <c r="AP17092">
        <v>8</v>
      </c>
      <c r="AQ17092">
        <v>8</v>
      </c>
    </row>
    <row r="17093" spans="1:43">
      <c r="A17093" t="s">
        <v>10610</v>
      </c>
      <c r="B17093" t="s">
        <v>10611</v>
      </c>
      <c r="C17093" t="s">
        <v>10606</v>
      </c>
      <c r="D17093" t="s">
        <v>10607</v>
      </c>
      <c r="E17093" t="s">
        <v>10448</v>
      </c>
      <c r="F17093" t="s">
        <v>10449</v>
      </c>
      <c r="G17093" t="s">
        <v>10450</v>
      </c>
      <c r="H17093" t="s">
        <v>10451</v>
      </c>
      <c r="I17093" s="2">
        <v>1</v>
      </c>
      <c r="J17093" s="2">
        <v>0</v>
      </c>
      <c r="K17093" s="2">
        <v>0</v>
      </c>
      <c r="L17093" t="s">
        <v>120</v>
      </c>
      <c r="M17093" t="s">
        <v>83</v>
      </c>
      <c r="N17093" t="s">
        <v>91</v>
      </c>
      <c r="O17093" t="s">
        <v>85</v>
      </c>
      <c r="P17093" t="s">
        <v>86</v>
      </c>
      <c r="Q17093">
        <v>7</v>
      </c>
      <c r="R17093">
        <v>7</v>
      </c>
      <c r="S17093">
        <v>7</v>
      </c>
      <c r="T17093">
        <v>7</v>
      </c>
      <c r="U17093">
        <v>7</v>
      </c>
      <c r="V17093">
        <v>7</v>
      </c>
      <c r="W17093">
        <v>7</v>
      </c>
      <c r="X17093">
        <v>7</v>
      </c>
      <c r="Y17093">
        <v>7</v>
      </c>
      <c r="Z17093">
        <v>7</v>
      </c>
      <c r="AA17093">
        <v>7</v>
      </c>
      <c r="AB17093">
        <v>8</v>
      </c>
      <c r="AC17093">
        <v>8</v>
      </c>
      <c r="AD17093">
        <v>8</v>
      </c>
      <c r="AE17093">
        <v>8</v>
      </c>
      <c r="AF17093">
        <v>8</v>
      </c>
      <c r="AG17093">
        <v>8</v>
      </c>
      <c r="AH17093">
        <v>8</v>
      </c>
      <c r="AI17093">
        <v>8</v>
      </c>
      <c r="AJ17093">
        <v>8</v>
      </c>
      <c r="AK17093">
        <v>8</v>
      </c>
      <c r="AL17093">
        <v>8</v>
      </c>
      <c r="AM17093">
        <v>8</v>
      </c>
      <c r="AN17093">
        <v>8</v>
      </c>
      <c r="AO17093">
        <v>8</v>
      </c>
      <c r="AP17093">
        <v>8</v>
      </c>
      <c r="AQ17093">
        <v>8</v>
      </c>
    </row>
    <row r="17094" spans="1:43">
      <c r="A17094" t="s">
        <v>10612</v>
      </c>
      <c r="B17094" t="s">
        <v>10613</v>
      </c>
      <c r="C17094" t="s">
        <v>10606</v>
      </c>
      <c r="D17094" t="s">
        <v>10607</v>
      </c>
      <c r="E17094" t="s">
        <v>10448</v>
      </c>
      <c r="F17094" t="s">
        <v>10449</v>
      </c>
      <c r="G17094" t="s">
        <v>10450</v>
      </c>
      <c r="H17094" t="s">
        <v>10451</v>
      </c>
      <c r="I17094" s="2">
        <v>1</v>
      </c>
      <c r="J17094" s="2">
        <v>0</v>
      </c>
      <c r="K17094" s="2">
        <v>0</v>
      </c>
      <c r="L17094" t="s">
        <v>120</v>
      </c>
      <c r="M17094" t="s">
        <v>83</v>
      </c>
      <c r="N17094" t="s">
        <v>84</v>
      </c>
      <c r="O17094" t="s">
        <v>85</v>
      </c>
      <c r="P17094" t="s">
        <v>86</v>
      </c>
      <c r="Q17094">
        <v>13</v>
      </c>
      <c r="R17094">
        <v>13</v>
      </c>
      <c r="S17094">
        <v>13</v>
      </c>
      <c r="T17094">
        <v>14</v>
      </c>
      <c r="U17094">
        <v>14</v>
      </c>
      <c r="V17094">
        <v>14</v>
      </c>
      <c r="W17094">
        <v>14</v>
      </c>
      <c r="X17094">
        <v>14</v>
      </c>
      <c r="Y17094">
        <v>15</v>
      </c>
      <c r="Z17094">
        <v>15</v>
      </c>
      <c r="AA17094">
        <v>15</v>
      </c>
      <c r="AB17094">
        <v>15</v>
      </c>
      <c r="AC17094">
        <v>15</v>
      </c>
      <c r="AD17094">
        <v>15</v>
      </c>
      <c r="AE17094">
        <v>16</v>
      </c>
      <c r="AF17094">
        <v>16</v>
      </c>
      <c r="AG17094">
        <v>16</v>
      </c>
      <c r="AH17094">
        <v>16</v>
      </c>
      <c r="AI17094">
        <v>16</v>
      </c>
      <c r="AJ17094">
        <v>16</v>
      </c>
      <c r="AK17094">
        <v>16</v>
      </c>
      <c r="AL17094">
        <v>17</v>
      </c>
      <c r="AM17094">
        <v>17</v>
      </c>
      <c r="AN17094">
        <v>17</v>
      </c>
      <c r="AO17094">
        <v>17</v>
      </c>
      <c r="AP17094">
        <v>17</v>
      </c>
      <c r="AQ17094">
        <v>17</v>
      </c>
    </row>
    <row r="17095" spans="1:43">
      <c r="A17095" t="s">
        <v>10612</v>
      </c>
      <c r="B17095" t="s">
        <v>10613</v>
      </c>
      <c r="C17095" t="s">
        <v>10606</v>
      </c>
      <c r="D17095" t="s">
        <v>10607</v>
      </c>
      <c r="E17095" t="s">
        <v>10448</v>
      </c>
      <c r="F17095" t="s">
        <v>10449</v>
      </c>
      <c r="G17095" t="s">
        <v>10450</v>
      </c>
      <c r="H17095" t="s">
        <v>10451</v>
      </c>
      <c r="I17095" s="2">
        <v>1</v>
      </c>
      <c r="J17095" s="2">
        <v>0</v>
      </c>
      <c r="K17095" s="2">
        <v>0</v>
      </c>
      <c r="L17095" t="s">
        <v>120</v>
      </c>
      <c r="M17095" t="s">
        <v>87</v>
      </c>
      <c r="N17095" t="s">
        <v>88</v>
      </c>
      <c r="O17095" t="s">
        <v>85</v>
      </c>
      <c r="P17095" t="s">
        <v>86</v>
      </c>
      <c r="Q17095">
        <v>13</v>
      </c>
      <c r="R17095">
        <v>13</v>
      </c>
      <c r="S17095">
        <v>13</v>
      </c>
      <c r="T17095">
        <v>13</v>
      </c>
      <c r="U17095">
        <v>13</v>
      </c>
      <c r="V17095">
        <v>13</v>
      </c>
      <c r="W17095">
        <v>13</v>
      </c>
      <c r="X17095">
        <v>13</v>
      </c>
      <c r="Y17095">
        <v>13</v>
      </c>
      <c r="Z17095">
        <v>14</v>
      </c>
      <c r="AA17095">
        <v>14</v>
      </c>
      <c r="AB17095">
        <v>14</v>
      </c>
      <c r="AC17095">
        <v>14</v>
      </c>
      <c r="AD17095">
        <v>14</v>
      </c>
      <c r="AE17095">
        <v>14</v>
      </c>
      <c r="AF17095">
        <v>14</v>
      </c>
      <c r="AG17095">
        <v>14</v>
      </c>
      <c r="AH17095">
        <v>14</v>
      </c>
      <c r="AI17095">
        <v>14</v>
      </c>
      <c r="AJ17095">
        <v>14</v>
      </c>
      <c r="AK17095">
        <v>14</v>
      </c>
      <c r="AL17095">
        <v>14</v>
      </c>
      <c r="AM17095">
        <v>14</v>
      </c>
      <c r="AN17095">
        <v>14</v>
      </c>
      <c r="AO17095">
        <v>14</v>
      </c>
      <c r="AP17095">
        <v>14</v>
      </c>
      <c r="AQ17095">
        <v>15</v>
      </c>
    </row>
    <row r="17096" spans="1:43">
      <c r="A17096" t="s">
        <v>10612</v>
      </c>
      <c r="B17096" t="s">
        <v>10613</v>
      </c>
      <c r="C17096" t="s">
        <v>10606</v>
      </c>
      <c r="D17096" t="s">
        <v>10607</v>
      </c>
      <c r="E17096" t="s">
        <v>10448</v>
      </c>
      <c r="F17096" t="s">
        <v>10449</v>
      </c>
      <c r="G17096" t="s">
        <v>10450</v>
      </c>
      <c r="H17096" t="s">
        <v>10451</v>
      </c>
      <c r="I17096" s="2">
        <v>1</v>
      </c>
      <c r="J17096" s="2">
        <v>0</v>
      </c>
      <c r="K17096" s="2">
        <v>0</v>
      </c>
      <c r="L17096" t="s">
        <v>120</v>
      </c>
      <c r="M17096" t="s">
        <v>89</v>
      </c>
      <c r="N17096" t="s">
        <v>90</v>
      </c>
      <c r="O17096" t="s">
        <v>85</v>
      </c>
      <c r="P17096" t="s">
        <v>86</v>
      </c>
      <c r="Q17096">
        <v>13</v>
      </c>
      <c r="R17096">
        <v>13</v>
      </c>
      <c r="S17096">
        <v>14</v>
      </c>
      <c r="T17096">
        <v>14</v>
      </c>
      <c r="U17096">
        <v>14</v>
      </c>
      <c r="V17096">
        <v>15</v>
      </c>
      <c r="W17096">
        <v>15</v>
      </c>
      <c r="X17096">
        <v>15</v>
      </c>
      <c r="Y17096">
        <v>15</v>
      </c>
      <c r="Z17096">
        <v>16</v>
      </c>
      <c r="AA17096">
        <v>16</v>
      </c>
      <c r="AB17096">
        <v>16</v>
      </c>
      <c r="AC17096">
        <v>16</v>
      </c>
      <c r="AD17096">
        <v>16</v>
      </c>
      <c r="AE17096">
        <v>17</v>
      </c>
      <c r="AF17096">
        <v>17</v>
      </c>
      <c r="AG17096">
        <v>17</v>
      </c>
      <c r="AH17096">
        <v>17</v>
      </c>
      <c r="AI17096">
        <v>17</v>
      </c>
      <c r="AJ17096">
        <v>17</v>
      </c>
      <c r="AK17096">
        <v>17</v>
      </c>
      <c r="AL17096">
        <v>17</v>
      </c>
      <c r="AM17096">
        <v>17</v>
      </c>
      <c r="AN17096">
        <v>17</v>
      </c>
      <c r="AO17096">
        <v>17</v>
      </c>
      <c r="AP17096">
        <v>17</v>
      </c>
      <c r="AQ17096">
        <v>17</v>
      </c>
    </row>
    <row r="17097" spans="1:43">
      <c r="A17097" t="s">
        <v>10612</v>
      </c>
      <c r="B17097" t="s">
        <v>10613</v>
      </c>
      <c r="C17097" t="s">
        <v>10606</v>
      </c>
      <c r="D17097" t="s">
        <v>10607</v>
      </c>
      <c r="E17097" t="s">
        <v>10448</v>
      </c>
      <c r="F17097" t="s">
        <v>10449</v>
      </c>
      <c r="G17097" t="s">
        <v>10450</v>
      </c>
      <c r="H17097" t="s">
        <v>10451</v>
      </c>
      <c r="I17097" s="2">
        <v>1</v>
      </c>
      <c r="J17097" s="2">
        <v>0</v>
      </c>
      <c r="K17097" s="2">
        <v>0</v>
      </c>
      <c r="L17097" t="s">
        <v>120</v>
      </c>
      <c r="M17097" t="s">
        <v>83</v>
      </c>
      <c r="N17097" t="s">
        <v>91</v>
      </c>
      <c r="O17097" t="s">
        <v>85</v>
      </c>
      <c r="P17097" t="s">
        <v>86</v>
      </c>
      <c r="Q17097">
        <v>13</v>
      </c>
      <c r="R17097">
        <v>13</v>
      </c>
      <c r="S17097">
        <v>13</v>
      </c>
      <c r="T17097">
        <v>14</v>
      </c>
      <c r="U17097">
        <v>14</v>
      </c>
      <c r="V17097">
        <v>14</v>
      </c>
      <c r="W17097">
        <v>14</v>
      </c>
      <c r="X17097">
        <v>14</v>
      </c>
      <c r="Y17097">
        <v>15</v>
      </c>
      <c r="Z17097">
        <v>15</v>
      </c>
      <c r="AA17097">
        <v>15</v>
      </c>
      <c r="AB17097">
        <v>15</v>
      </c>
      <c r="AC17097">
        <v>15</v>
      </c>
      <c r="AD17097">
        <v>15</v>
      </c>
      <c r="AE17097">
        <v>16</v>
      </c>
      <c r="AF17097">
        <v>16</v>
      </c>
      <c r="AG17097">
        <v>16</v>
      </c>
      <c r="AH17097">
        <v>16</v>
      </c>
      <c r="AI17097">
        <v>16</v>
      </c>
      <c r="AJ17097">
        <v>16</v>
      </c>
      <c r="AK17097">
        <v>16</v>
      </c>
      <c r="AL17097">
        <v>17</v>
      </c>
      <c r="AM17097">
        <v>17</v>
      </c>
      <c r="AN17097">
        <v>17</v>
      </c>
      <c r="AO17097">
        <v>17</v>
      </c>
      <c r="AP17097">
        <v>17</v>
      </c>
      <c r="AQ17097">
        <v>17</v>
      </c>
    </row>
    <row r="17098" spans="1:43">
      <c r="A17098" t="s">
        <v>10614</v>
      </c>
      <c r="B17098" t="s">
        <v>10615</v>
      </c>
      <c r="C17098" t="s">
        <v>10606</v>
      </c>
      <c r="D17098" t="s">
        <v>10607</v>
      </c>
      <c r="E17098" t="s">
        <v>10448</v>
      </c>
      <c r="F17098" t="s">
        <v>10449</v>
      </c>
      <c r="G17098" t="s">
        <v>10450</v>
      </c>
      <c r="H17098" t="s">
        <v>10451</v>
      </c>
      <c r="I17098" s="2">
        <v>1</v>
      </c>
      <c r="J17098" s="2">
        <v>0</v>
      </c>
      <c r="K17098" s="2">
        <v>0</v>
      </c>
      <c r="L17098" t="s">
        <v>120</v>
      </c>
      <c r="M17098" t="s">
        <v>83</v>
      </c>
      <c r="N17098" t="s">
        <v>84</v>
      </c>
      <c r="O17098" t="s">
        <v>85</v>
      </c>
      <c r="P17098" t="s">
        <v>86</v>
      </c>
      <c r="Q17098">
        <v>26</v>
      </c>
      <c r="R17098">
        <v>26</v>
      </c>
      <c r="S17098">
        <v>26</v>
      </c>
      <c r="T17098">
        <v>27</v>
      </c>
      <c r="U17098">
        <v>27</v>
      </c>
      <c r="V17098">
        <v>28</v>
      </c>
      <c r="W17098">
        <v>28</v>
      </c>
      <c r="X17098">
        <v>28</v>
      </c>
      <c r="Y17098">
        <v>29</v>
      </c>
      <c r="Z17098">
        <v>29</v>
      </c>
      <c r="AA17098">
        <v>29</v>
      </c>
      <c r="AB17098">
        <v>30</v>
      </c>
      <c r="AC17098">
        <v>30</v>
      </c>
      <c r="AD17098">
        <v>30</v>
      </c>
      <c r="AE17098">
        <v>31</v>
      </c>
      <c r="AF17098">
        <v>31</v>
      </c>
      <c r="AG17098">
        <v>31</v>
      </c>
      <c r="AH17098">
        <v>32</v>
      </c>
      <c r="AI17098">
        <v>32</v>
      </c>
      <c r="AJ17098">
        <v>32</v>
      </c>
      <c r="AK17098">
        <v>32</v>
      </c>
      <c r="AL17098">
        <v>33</v>
      </c>
      <c r="AM17098">
        <v>33</v>
      </c>
      <c r="AN17098">
        <v>33</v>
      </c>
      <c r="AO17098">
        <v>33</v>
      </c>
      <c r="AP17098">
        <v>33</v>
      </c>
      <c r="AQ17098">
        <v>33</v>
      </c>
    </row>
    <row r="17099" spans="1:43">
      <c r="A17099" t="s">
        <v>10614</v>
      </c>
      <c r="B17099" t="s">
        <v>10615</v>
      </c>
      <c r="C17099" t="s">
        <v>10606</v>
      </c>
      <c r="D17099" t="s">
        <v>10607</v>
      </c>
      <c r="E17099" t="s">
        <v>10448</v>
      </c>
      <c r="F17099" t="s">
        <v>10449</v>
      </c>
      <c r="G17099" t="s">
        <v>10450</v>
      </c>
      <c r="H17099" t="s">
        <v>10451</v>
      </c>
      <c r="I17099" s="2">
        <v>1</v>
      </c>
      <c r="J17099" s="2">
        <v>0</v>
      </c>
      <c r="K17099" s="2">
        <v>0</v>
      </c>
      <c r="L17099" t="s">
        <v>120</v>
      </c>
      <c r="M17099" t="s">
        <v>87</v>
      </c>
      <c r="N17099" t="s">
        <v>88</v>
      </c>
      <c r="O17099" t="s">
        <v>85</v>
      </c>
      <c r="P17099" t="s">
        <v>86</v>
      </c>
      <c r="Q17099">
        <v>26</v>
      </c>
      <c r="R17099">
        <v>26</v>
      </c>
      <c r="S17099">
        <v>26</v>
      </c>
      <c r="T17099">
        <v>26</v>
      </c>
      <c r="U17099">
        <v>26</v>
      </c>
      <c r="V17099">
        <v>26</v>
      </c>
      <c r="W17099">
        <v>26</v>
      </c>
      <c r="X17099">
        <v>26</v>
      </c>
      <c r="Y17099">
        <v>27</v>
      </c>
      <c r="Z17099">
        <v>27</v>
      </c>
      <c r="AA17099">
        <v>27</v>
      </c>
      <c r="AB17099">
        <v>27</v>
      </c>
      <c r="AC17099">
        <v>27</v>
      </c>
      <c r="AD17099">
        <v>27</v>
      </c>
      <c r="AE17099">
        <v>27</v>
      </c>
      <c r="AF17099">
        <v>27</v>
      </c>
      <c r="AG17099">
        <v>27</v>
      </c>
      <c r="AH17099">
        <v>28</v>
      </c>
      <c r="AI17099">
        <v>28</v>
      </c>
      <c r="AJ17099">
        <v>28</v>
      </c>
      <c r="AK17099">
        <v>28</v>
      </c>
      <c r="AL17099">
        <v>28</v>
      </c>
      <c r="AM17099">
        <v>28</v>
      </c>
      <c r="AN17099">
        <v>28</v>
      </c>
      <c r="AO17099">
        <v>28</v>
      </c>
      <c r="AP17099">
        <v>28</v>
      </c>
      <c r="AQ17099">
        <v>29</v>
      </c>
    </row>
    <row r="17100" spans="1:43">
      <c r="A17100" t="s">
        <v>10614</v>
      </c>
      <c r="B17100" t="s">
        <v>10615</v>
      </c>
      <c r="C17100" t="s">
        <v>10606</v>
      </c>
      <c r="D17100" t="s">
        <v>10607</v>
      </c>
      <c r="E17100" t="s">
        <v>10448</v>
      </c>
      <c r="F17100" t="s">
        <v>10449</v>
      </c>
      <c r="G17100" t="s">
        <v>10450</v>
      </c>
      <c r="H17100" t="s">
        <v>10451</v>
      </c>
      <c r="I17100" s="2">
        <v>1</v>
      </c>
      <c r="J17100" s="2">
        <v>0</v>
      </c>
      <c r="K17100" s="2">
        <v>0</v>
      </c>
      <c r="L17100" t="s">
        <v>120</v>
      </c>
      <c r="M17100" t="s">
        <v>89</v>
      </c>
      <c r="N17100" t="s">
        <v>90</v>
      </c>
      <c r="O17100" t="s">
        <v>85</v>
      </c>
      <c r="P17100" t="s">
        <v>86</v>
      </c>
      <c r="Q17100">
        <v>26</v>
      </c>
      <c r="R17100">
        <v>27</v>
      </c>
      <c r="S17100">
        <v>27</v>
      </c>
      <c r="T17100">
        <v>28</v>
      </c>
      <c r="U17100">
        <v>28</v>
      </c>
      <c r="V17100">
        <v>29</v>
      </c>
      <c r="W17100">
        <v>29</v>
      </c>
      <c r="X17100">
        <v>30</v>
      </c>
      <c r="Y17100">
        <v>30</v>
      </c>
      <c r="Z17100">
        <v>31</v>
      </c>
      <c r="AA17100">
        <v>31</v>
      </c>
      <c r="AB17100">
        <v>31</v>
      </c>
      <c r="AC17100">
        <v>32</v>
      </c>
      <c r="AD17100">
        <v>32</v>
      </c>
      <c r="AE17100">
        <v>33</v>
      </c>
      <c r="AF17100">
        <v>33</v>
      </c>
      <c r="AG17100">
        <v>33</v>
      </c>
      <c r="AH17100">
        <v>33</v>
      </c>
      <c r="AI17100">
        <v>33</v>
      </c>
      <c r="AJ17100">
        <v>33</v>
      </c>
      <c r="AK17100">
        <v>33</v>
      </c>
      <c r="AL17100">
        <v>33</v>
      </c>
      <c r="AM17100">
        <v>33</v>
      </c>
      <c r="AN17100">
        <v>33</v>
      </c>
      <c r="AO17100">
        <v>33</v>
      </c>
      <c r="AP17100">
        <v>33</v>
      </c>
      <c r="AQ17100">
        <v>33</v>
      </c>
    </row>
    <row r="17101" spans="1:43">
      <c r="A17101" t="s">
        <v>10614</v>
      </c>
      <c r="B17101" t="s">
        <v>10615</v>
      </c>
      <c r="C17101" t="s">
        <v>10606</v>
      </c>
      <c r="D17101" t="s">
        <v>10607</v>
      </c>
      <c r="E17101" t="s">
        <v>10448</v>
      </c>
      <c r="F17101" t="s">
        <v>10449</v>
      </c>
      <c r="G17101" t="s">
        <v>10450</v>
      </c>
      <c r="H17101" t="s">
        <v>10451</v>
      </c>
      <c r="I17101" s="2">
        <v>1</v>
      </c>
      <c r="J17101" s="2">
        <v>0</v>
      </c>
      <c r="K17101" s="2">
        <v>0</v>
      </c>
      <c r="L17101" t="s">
        <v>120</v>
      </c>
      <c r="M17101" t="s">
        <v>83</v>
      </c>
      <c r="N17101" t="s">
        <v>91</v>
      </c>
      <c r="O17101" t="s">
        <v>85</v>
      </c>
      <c r="P17101" t="s">
        <v>86</v>
      </c>
      <c r="Q17101">
        <v>26</v>
      </c>
      <c r="R17101">
        <v>26</v>
      </c>
      <c r="S17101">
        <v>26</v>
      </c>
      <c r="T17101">
        <v>27</v>
      </c>
      <c r="U17101">
        <v>27</v>
      </c>
      <c r="V17101">
        <v>28</v>
      </c>
      <c r="W17101">
        <v>28</v>
      </c>
      <c r="X17101">
        <v>28</v>
      </c>
      <c r="Y17101">
        <v>29</v>
      </c>
      <c r="Z17101">
        <v>29</v>
      </c>
      <c r="AA17101">
        <v>29</v>
      </c>
      <c r="AB17101">
        <v>30</v>
      </c>
      <c r="AC17101">
        <v>30</v>
      </c>
      <c r="AD17101">
        <v>30</v>
      </c>
      <c r="AE17101">
        <v>31</v>
      </c>
      <c r="AF17101">
        <v>31</v>
      </c>
      <c r="AG17101">
        <v>31</v>
      </c>
      <c r="AH17101">
        <v>32</v>
      </c>
      <c r="AI17101">
        <v>32</v>
      </c>
      <c r="AJ17101">
        <v>32</v>
      </c>
      <c r="AK17101">
        <v>32</v>
      </c>
      <c r="AL17101">
        <v>33</v>
      </c>
      <c r="AM17101">
        <v>33</v>
      </c>
      <c r="AN17101">
        <v>33</v>
      </c>
      <c r="AO17101">
        <v>33</v>
      </c>
      <c r="AP17101">
        <v>33</v>
      </c>
      <c r="AQ17101">
        <v>33</v>
      </c>
    </row>
    <row r="17102" spans="1:43">
      <c r="A17102" t="s">
        <v>10616</v>
      </c>
      <c r="B17102" t="s">
        <v>10617</v>
      </c>
      <c r="C17102" t="s">
        <v>10606</v>
      </c>
      <c r="D17102" t="s">
        <v>10607</v>
      </c>
      <c r="E17102" t="s">
        <v>10448</v>
      </c>
      <c r="F17102" t="s">
        <v>10449</v>
      </c>
      <c r="G17102" t="s">
        <v>10450</v>
      </c>
      <c r="H17102" t="s">
        <v>10451</v>
      </c>
      <c r="I17102" s="2">
        <v>1</v>
      </c>
      <c r="J17102" s="2">
        <v>0</v>
      </c>
      <c r="K17102" s="2">
        <v>0</v>
      </c>
      <c r="L17102" t="s">
        <v>120</v>
      </c>
      <c r="M17102" t="s">
        <v>83</v>
      </c>
      <c r="N17102" t="s">
        <v>84</v>
      </c>
      <c r="O17102" t="s">
        <v>85</v>
      </c>
      <c r="P17102" t="s">
        <v>86</v>
      </c>
      <c r="Q17102">
        <v>13</v>
      </c>
      <c r="R17102">
        <v>13</v>
      </c>
      <c r="S17102">
        <v>13</v>
      </c>
      <c r="T17102">
        <v>13</v>
      </c>
      <c r="U17102">
        <v>13</v>
      </c>
      <c r="V17102">
        <v>13</v>
      </c>
      <c r="W17102">
        <v>14</v>
      </c>
      <c r="X17102">
        <v>14</v>
      </c>
      <c r="Y17102">
        <v>14</v>
      </c>
      <c r="Z17102">
        <v>14</v>
      </c>
      <c r="AA17102">
        <v>14</v>
      </c>
      <c r="AB17102">
        <v>14</v>
      </c>
      <c r="AC17102">
        <v>15</v>
      </c>
      <c r="AD17102">
        <v>15</v>
      </c>
      <c r="AE17102">
        <v>15</v>
      </c>
      <c r="AF17102">
        <v>15</v>
      </c>
      <c r="AG17102">
        <v>15</v>
      </c>
      <c r="AH17102">
        <v>15</v>
      </c>
      <c r="AI17102">
        <v>15</v>
      </c>
      <c r="AJ17102">
        <v>16</v>
      </c>
      <c r="AK17102">
        <v>16</v>
      </c>
      <c r="AL17102">
        <v>16</v>
      </c>
      <c r="AM17102">
        <v>16</v>
      </c>
      <c r="AN17102">
        <v>16</v>
      </c>
      <c r="AO17102">
        <v>16</v>
      </c>
      <c r="AP17102">
        <v>16</v>
      </c>
      <c r="AQ17102">
        <v>16</v>
      </c>
    </row>
    <row r="17103" spans="1:43">
      <c r="A17103" t="s">
        <v>10616</v>
      </c>
      <c r="B17103" t="s">
        <v>10617</v>
      </c>
      <c r="C17103" t="s">
        <v>10606</v>
      </c>
      <c r="D17103" t="s">
        <v>10607</v>
      </c>
      <c r="E17103" t="s">
        <v>10448</v>
      </c>
      <c r="F17103" t="s">
        <v>10449</v>
      </c>
      <c r="G17103" t="s">
        <v>10450</v>
      </c>
      <c r="H17103" t="s">
        <v>10451</v>
      </c>
      <c r="I17103" s="2">
        <v>1</v>
      </c>
      <c r="J17103" s="2">
        <v>0</v>
      </c>
      <c r="K17103" s="2">
        <v>0</v>
      </c>
      <c r="L17103" t="s">
        <v>120</v>
      </c>
      <c r="M17103" t="s">
        <v>87</v>
      </c>
      <c r="N17103" t="s">
        <v>88</v>
      </c>
      <c r="O17103" t="s">
        <v>85</v>
      </c>
      <c r="P17103" t="s">
        <v>86</v>
      </c>
      <c r="Q17103">
        <v>13</v>
      </c>
      <c r="R17103">
        <v>13</v>
      </c>
      <c r="S17103">
        <v>14</v>
      </c>
      <c r="T17103">
        <v>14</v>
      </c>
      <c r="U17103">
        <v>14</v>
      </c>
      <c r="V17103">
        <v>14</v>
      </c>
      <c r="W17103">
        <v>14</v>
      </c>
      <c r="X17103">
        <v>14</v>
      </c>
      <c r="Y17103">
        <v>14</v>
      </c>
      <c r="Z17103">
        <v>14</v>
      </c>
      <c r="AA17103">
        <v>14</v>
      </c>
      <c r="AB17103">
        <v>14</v>
      </c>
      <c r="AC17103">
        <v>14</v>
      </c>
      <c r="AD17103">
        <v>14</v>
      </c>
      <c r="AE17103">
        <v>14</v>
      </c>
      <c r="AF17103">
        <v>14</v>
      </c>
      <c r="AG17103">
        <v>14</v>
      </c>
      <c r="AH17103">
        <v>14</v>
      </c>
      <c r="AI17103">
        <v>14</v>
      </c>
      <c r="AJ17103">
        <v>15</v>
      </c>
      <c r="AK17103">
        <v>15</v>
      </c>
      <c r="AL17103">
        <v>15</v>
      </c>
      <c r="AM17103">
        <v>15</v>
      </c>
      <c r="AN17103">
        <v>15</v>
      </c>
      <c r="AO17103">
        <v>15</v>
      </c>
      <c r="AP17103">
        <v>15</v>
      </c>
      <c r="AQ17103">
        <v>15</v>
      </c>
    </row>
    <row r="17104" spans="1:43">
      <c r="A17104" t="s">
        <v>10616</v>
      </c>
      <c r="B17104" t="s">
        <v>10617</v>
      </c>
      <c r="C17104" t="s">
        <v>10606</v>
      </c>
      <c r="D17104" t="s">
        <v>10607</v>
      </c>
      <c r="E17104" t="s">
        <v>10448</v>
      </c>
      <c r="F17104" t="s">
        <v>10449</v>
      </c>
      <c r="G17104" t="s">
        <v>10450</v>
      </c>
      <c r="H17104" t="s">
        <v>10451</v>
      </c>
      <c r="I17104" s="2">
        <v>1</v>
      </c>
      <c r="J17104" s="2">
        <v>0</v>
      </c>
      <c r="K17104" s="2">
        <v>0</v>
      </c>
      <c r="L17104" t="s">
        <v>120</v>
      </c>
      <c r="M17104" t="s">
        <v>89</v>
      </c>
      <c r="N17104" t="s">
        <v>90</v>
      </c>
      <c r="O17104" t="s">
        <v>85</v>
      </c>
      <c r="P17104" t="s">
        <v>86</v>
      </c>
      <c r="Q17104">
        <v>13</v>
      </c>
      <c r="R17104">
        <v>13</v>
      </c>
      <c r="S17104">
        <v>13</v>
      </c>
      <c r="T17104">
        <v>13</v>
      </c>
      <c r="U17104">
        <v>14</v>
      </c>
      <c r="V17104">
        <v>14</v>
      </c>
      <c r="W17104">
        <v>14</v>
      </c>
      <c r="X17104">
        <v>14</v>
      </c>
      <c r="Y17104">
        <v>15</v>
      </c>
      <c r="Z17104">
        <v>15</v>
      </c>
      <c r="AA17104">
        <v>15</v>
      </c>
      <c r="AB17104">
        <v>15</v>
      </c>
      <c r="AC17104">
        <v>16</v>
      </c>
      <c r="AD17104">
        <v>16</v>
      </c>
      <c r="AE17104">
        <v>16</v>
      </c>
      <c r="AF17104">
        <v>16</v>
      </c>
      <c r="AG17104">
        <v>16</v>
      </c>
      <c r="AH17104">
        <v>16</v>
      </c>
      <c r="AI17104">
        <v>16</v>
      </c>
      <c r="AJ17104">
        <v>16</v>
      </c>
      <c r="AK17104">
        <v>16</v>
      </c>
      <c r="AL17104">
        <v>16</v>
      </c>
      <c r="AM17104">
        <v>16</v>
      </c>
      <c r="AN17104">
        <v>16</v>
      </c>
      <c r="AO17104">
        <v>16</v>
      </c>
      <c r="AP17104">
        <v>16</v>
      </c>
      <c r="AQ17104">
        <v>16</v>
      </c>
    </row>
    <row r="17105" spans="1:43">
      <c r="A17105" t="s">
        <v>10616</v>
      </c>
      <c r="B17105" t="s">
        <v>10617</v>
      </c>
      <c r="C17105" t="s">
        <v>10606</v>
      </c>
      <c r="D17105" t="s">
        <v>10607</v>
      </c>
      <c r="E17105" t="s">
        <v>10448</v>
      </c>
      <c r="F17105" t="s">
        <v>10449</v>
      </c>
      <c r="G17105" t="s">
        <v>10450</v>
      </c>
      <c r="H17105" t="s">
        <v>10451</v>
      </c>
      <c r="I17105" s="2">
        <v>1</v>
      </c>
      <c r="J17105" s="2">
        <v>0</v>
      </c>
      <c r="K17105" s="2">
        <v>0</v>
      </c>
      <c r="L17105" t="s">
        <v>120</v>
      </c>
      <c r="M17105" t="s">
        <v>83</v>
      </c>
      <c r="N17105" t="s">
        <v>91</v>
      </c>
      <c r="O17105" t="s">
        <v>85</v>
      </c>
      <c r="P17105" t="s">
        <v>86</v>
      </c>
      <c r="Q17105">
        <v>13</v>
      </c>
      <c r="R17105">
        <v>13</v>
      </c>
      <c r="S17105">
        <v>13</v>
      </c>
      <c r="T17105">
        <v>13</v>
      </c>
      <c r="U17105">
        <v>13</v>
      </c>
      <c r="V17105">
        <v>13</v>
      </c>
      <c r="W17105">
        <v>14</v>
      </c>
      <c r="X17105">
        <v>14</v>
      </c>
      <c r="Y17105">
        <v>14</v>
      </c>
      <c r="Z17105">
        <v>14</v>
      </c>
      <c r="AA17105">
        <v>14</v>
      </c>
      <c r="AB17105">
        <v>14</v>
      </c>
      <c r="AC17105">
        <v>15</v>
      </c>
      <c r="AD17105">
        <v>15</v>
      </c>
      <c r="AE17105">
        <v>15</v>
      </c>
      <c r="AF17105">
        <v>15</v>
      </c>
      <c r="AG17105">
        <v>15</v>
      </c>
      <c r="AH17105">
        <v>15</v>
      </c>
      <c r="AI17105">
        <v>15</v>
      </c>
      <c r="AJ17105">
        <v>16</v>
      </c>
      <c r="AK17105">
        <v>16</v>
      </c>
      <c r="AL17105">
        <v>16</v>
      </c>
      <c r="AM17105">
        <v>16</v>
      </c>
      <c r="AN17105">
        <v>16</v>
      </c>
      <c r="AO17105">
        <v>16</v>
      </c>
      <c r="AP17105">
        <v>16</v>
      </c>
      <c r="AQ17105">
        <v>16</v>
      </c>
    </row>
    <row r="17106" spans="1:43">
      <c r="A17106" t="s">
        <v>10618</v>
      </c>
      <c r="B17106" t="s">
        <v>10619</v>
      </c>
      <c r="C17106" t="s">
        <v>10502</v>
      </c>
      <c r="D17106" t="s">
        <v>10503</v>
      </c>
      <c r="E17106" t="s">
        <v>10448</v>
      </c>
      <c r="F17106" t="s">
        <v>10449</v>
      </c>
      <c r="G17106" t="s">
        <v>10450</v>
      </c>
      <c r="H17106" t="s">
        <v>10451</v>
      </c>
      <c r="I17106" s="2">
        <v>1</v>
      </c>
      <c r="J17106" s="2">
        <v>0</v>
      </c>
      <c r="K17106" s="2">
        <v>0</v>
      </c>
      <c r="L17106" t="s">
        <v>120</v>
      </c>
      <c r="M17106" t="s">
        <v>83</v>
      </c>
      <c r="N17106" t="s">
        <v>84</v>
      </c>
      <c r="O17106" t="s">
        <v>85</v>
      </c>
      <c r="P17106" t="s">
        <v>86</v>
      </c>
      <c r="Q17106">
        <v>4</v>
      </c>
      <c r="R17106">
        <v>4</v>
      </c>
      <c r="S17106">
        <v>4</v>
      </c>
      <c r="T17106">
        <v>4</v>
      </c>
      <c r="U17106">
        <v>4</v>
      </c>
      <c r="V17106">
        <v>4</v>
      </c>
      <c r="W17106">
        <v>4</v>
      </c>
      <c r="X17106">
        <v>4</v>
      </c>
      <c r="Y17106">
        <v>4</v>
      </c>
      <c r="Z17106">
        <v>4</v>
      </c>
      <c r="AA17106">
        <v>4</v>
      </c>
      <c r="AB17106">
        <v>4</v>
      </c>
      <c r="AC17106">
        <v>4</v>
      </c>
      <c r="AD17106">
        <v>4</v>
      </c>
      <c r="AE17106">
        <v>5</v>
      </c>
      <c r="AF17106">
        <v>5</v>
      </c>
      <c r="AG17106">
        <v>5</v>
      </c>
      <c r="AH17106">
        <v>5</v>
      </c>
      <c r="AI17106">
        <v>5</v>
      </c>
      <c r="AJ17106">
        <v>5</v>
      </c>
      <c r="AK17106">
        <v>5</v>
      </c>
      <c r="AL17106">
        <v>5</v>
      </c>
      <c r="AM17106">
        <v>5</v>
      </c>
      <c r="AN17106">
        <v>5</v>
      </c>
      <c r="AO17106">
        <v>5</v>
      </c>
      <c r="AP17106">
        <v>5</v>
      </c>
      <c r="AQ17106">
        <v>5</v>
      </c>
    </row>
    <row r="17107" spans="1:43">
      <c r="A17107" t="s">
        <v>10618</v>
      </c>
      <c r="B17107" t="s">
        <v>10619</v>
      </c>
      <c r="C17107" t="s">
        <v>10502</v>
      </c>
      <c r="D17107" t="s">
        <v>10503</v>
      </c>
      <c r="E17107" t="s">
        <v>10448</v>
      </c>
      <c r="F17107" t="s">
        <v>10449</v>
      </c>
      <c r="G17107" t="s">
        <v>10450</v>
      </c>
      <c r="H17107" t="s">
        <v>10451</v>
      </c>
      <c r="I17107" s="2">
        <v>1</v>
      </c>
      <c r="J17107" s="2">
        <v>0</v>
      </c>
      <c r="K17107" s="2">
        <v>0</v>
      </c>
      <c r="L17107" t="s">
        <v>120</v>
      </c>
      <c r="M17107" t="s">
        <v>87</v>
      </c>
      <c r="N17107" t="s">
        <v>88</v>
      </c>
      <c r="O17107" t="s">
        <v>85</v>
      </c>
      <c r="P17107" t="s">
        <v>86</v>
      </c>
      <c r="Q17107">
        <v>4</v>
      </c>
      <c r="R17107">
        <v>4</v>
      </c>
      <c r="S17107">
        <v>4</v>
      </c>
      <c r="T17107">
        <v>4</v>
      </c>
      <c r="U17107">
        <v>4</v>
      </c>
      <c r="V17107">
        <v>4</v>
      </c>
      <c r="W17107">
        <v>4</v>
      </c>
      <c r="X17107">
        <v>4</v>
      </c>
      <c r="Y17107">
        <v>4</v>
      </c>
      <c r="Z17107">
        <v>4</v>
      </c>
      <c r="AA17107">
        <v>4</v>
      </c>
      <c r="AB17107">
        <v>4</v>
      </c>
      <c r="AC17107">
        <v>4</v>
      </c>
      <c r="AD17107">
        <v>4</v>
      </c>
      <c r="AE17107">
        <v>4</v>
      </c>
      <c r="AF17107">
        <v>4</v>
      </c>
      <c r="AG17107">
        <v>4</v>
      </c>
      <c r="AH17107">
        <v>4</v>
      </c>
      <c r="AI17107">
        <v>4</v>
      </c>
      <c r="AJ17107">
        <v>4</v>
      </c>
      <c r="AK17107">
        <v>4</v>
      </c>
      <c r="AL17107">
        <v>4</v>
      </c>
      <c r="AM17107">
        <v>4</v>
      </c>
      <c r="AN17107">
        <v>4</v>
      </c>
      <c r="AO17107">
        <v>4</v>
      </c>
      <c r="AP17107">
        <v>4</v>
      </c>
      <c r="AQ17107">
        <v>4</v>
      </c>
    </row>
    <row r="17108" spans="1:43">
      <c r="A17108" t="s">
        <v>10618</v>
      </c>
      <c r="B17108" t="s">
        <v>10619</v>
      </c>
      <c r="C17108" t="s">
        <v>10502</v>
      </c>
      <c r="D17108" t="s">
        <v>10503</v>
      </c>
      <c r="E17108" t="s">
        <v>10448</v>
      </c>
      <c r="F17108" t="s">
        <v>10449</v>
      </c>
      <c r="G17108" t="s">
        <v>10450</v>
      </c>
      <c r="H17108" t="s">
        <v>10451</v>
      </c>
      <c r="I17108" s="2">
        <v>1</v>
      </c>
      <c r="J17108" s="2">
        <v>0</v>
      </c>
      <c r="K17108" s="2">
        <v>0</v>
      </c>
      <c r="L17108" t="s">
        <v>120</v>
      </c>
      <c r="M17108" t="s">
        <v>89</v>
      </c>
      <c r="N17108" t="s">
        <v>90</v>
      </c>
      <c r="O17108" t="s">
        <v>85</v>
      </c>
      <c r="P17108" t="s">
        <v>86</v>
      </c>
      <c r="Q17108">
        <v>4</v>
      </c>
      <c r="R17108">
        <v>4</v>
      </c>
      <c r="S17108">
        <v>4</v>
      </c>
      <c r="T17108">
        <v>4</v>
      </c>
      <c r="U17108">
        <v>4</v>
      </c>
      <c r="V17108">
        <v>4</v>
      </c>
      <c r="W17108">
        <v>4</v>
      </c>
      <c r="X17108">
        <v>4</v>
      </c>
      <c r="Y17108">
        <v>4</v>
      </c>
      <c r="Z17108">
        <v>5</v>
      </c>
      <c r="AA17108">
        <v>5</v>
      </c>
      <c r="AB17108">
        <v>5</v>
      </c>
      <c r="AC17108">
        <v>5</v>
      </c>
      <c r="AD17108">
        <v>5</v>
      </c>
      <c r="AE17108">
        <v>5</v>
      </c>
      <c r="AF17108">
        <v>5</v>
      </c>
      <c r="AG17108">
        <v>5</v>
      </c>
      <c r="AH17108">
        <v>5</v>
      </c>
      <c r="AI17108">
        <v>5</v>
      </c>
      <c r="AJ17108">
        <v>5</v>
      </c>
      <c r="AK17108">
        <v>5</v>
      </c>
      <c r="AL17108">
        <v>5</v>
      </c>
      <c r="AM17108">
        <v>5</v>
      </c>
      <c r="AN17108">
        <v>5</v>
      </c>
      <c r="AO17108">
        <v>5</v>
      </c>
      <c r="AP17108">
        <v>5</v>
      </c>
      <c r="AQ17108">
        <v>5</v>
      </c>
    </row>
    <row r="17109" spans="1:43">
      <c r="A17109" t="s">
        <v>10618</v>
      </c>
      <c r="B17109" t="s">
        <v>10619</v>
      </c>
      <c r="C17109" t="s">
        <v>10502</v>
      </c>
      <c r="D17109" t="s">
        <v>10503</v>
      </c>
      <c r="E17109" t="s">
        <v>10448</v>
      </c>
      <c r="F17109" t="s">
        <v>10449</v>
      </c>
      <c r="G17109" t="s">
        <v>10450</v>
      </c>
      <c r="H17109" t="s">
        <v>10451</v>
      </c>
      <c r="I17109" s="2">
        <v>1</v>
      </c>
      <c r="J17109" s="2">
        <v>0</v>
      </c>
      <c r="K17109" s="2">
        <v>0</v>
      </c>
      <c r="L17109" t="s">
        <v>120</v>
      </c>
      <c r="M17109" t="s">
        <v>83</v>
      </c>
      <c r="N17109" t="s">
        <v>91</v>
      </c>
      <c r="O17109" t="s">
        <v>85</v>
      </c>
      <c r="P17109" t="s">
        <v>86</v>
      </c>
      <c r="Q17109">
        <v>4</v>
      </c>
      <c r="R17109">
        <v>4</v>
      </c>
      <c r="S17109">
        <v>4</v>
      </c>
      <c r="T17109">
        <v>4</v>
      </c>
      <c r="U17109">
        <v>4</v>
      </c>
      <c r="V17109">
        <v>4</v>
      </c>
      <c r="W17109">
        <v>4</v>
      </c>
      <c r="X17109">
        <v>4</v>
      </c>
      <c r="Y17109">
        <v>4</v>
      </c>
      <c r="Z17109">
        <v>4</v>
      </c>
      <c r="AA17109">
        <v>4</v>
      </c>
      <c r="AB17109">
        <v>4</v>
      </c>
      <c r="AC17109">
        <v>4</v>
      </c>
      <c r="AD17109">
        <v>4</v>
      </c>
      <c r="AE17109">
        <v>5</v>
      </c>
      <c r="AF17109">
        <v>5</v>
      </c>
      <c r="AG17109">
        <v>5</v>
      </c>
      <c r="AH17109">
        <v>5</v>
      </c>
      <c r="AI17109">
        <v>5</v>
      </c>
      <c r="AJ17109">
        <v>5</v>
      </c>
      <c r="AK17109">
        <v>5</v>
      </c>
      <c r="AL17109">
        <v>5</v>
      </c>
      <c r="AM17109">
        <v>5</v>
      </c>
      <c r="AN17109">
        <v>5</v>
      </c>
      <c r="AO17109">
        <v>5</v>
      </c>
      <c r="AP17109">
        <v>5</v>
      </c>
      <c r="AQ17109">
        <v>5</v>
      </c>
    </row>
    <row r="17110" spans="1:43">
      <c r="A17110" t="s">
        <v>10620</v>
      </c>
      <c r="B17110" t="s">
        <v>10621</v>
      </c>
      <c r="C17110" t="s">
        <v>10502</v>
      </c>
      <c r="D17110" t="s">
        <v>10503</v>
      </c>
      <c r="E17110" t="s">
        <v>10448</v>
      </c>
      <c r="F17110" t="s">
        <v>10449</v>
      </c>
      <c r="G17110" t="s">
        <v>10450</v>
      </c>
      <c r="H17110" t="s">
        <v>10451</v>
      </c>
      <c r="I17110" s="2">
        <v>1</v>
      </c>
      <c r="J17110" s="2">
        <v>0</v>
      </c>
      <c r="K17110" s="2">
        <v>0</v>
      </c>
      <c r="L17110" t="s">
        <v>120</v>
      </c>
      <c r="M17110" t="s">
        <v>83</v>
      </c>
      <c r="N17110" t="s">
        <v>84</v>
      </c>
      <c r="O17110" t="s">
        <v>85</v>
      </c>
      <c r="P17110" t="s">
        <v>86</v>
      </c>
      <c r="Q17110">
        <v>8</v>
      </c>
      <c r="R17110">
        <v>8</v>
      </c>
      <c r="S17110">
        <v>9</v>
      </c>
      <c r="T17110">
        <v>9</v>
      </c>
      <c r="U17110">
        <v>9</v>
      </c>
      <c r="V17110">
        <v>9</v>
      </c>
      <c r="W17110">
        <v>9</v>
      </c>
      <c r="X17110">
        <v>9</v>
      </c>
      <c r="Y17110">
        <v>9</v>
      </c>
      <c r="Z17110">
        <v>9</v>
      </c>
      <c r="AA17110">
        <v>10</v>
      </c>
      <c r="AB17110">
        <v>10</v>
      </c>
      <c r="AC17110">
        <v>10</v>
      </c>
      <c r="AD17110">
        <v>10</v>
      </c>
      <c r="AE17110">
        <v>10</v>
      </c>
      <c r="AF17110">
        <v>10</v>
      </c>
      <c r="AG17110">
        <v>10</v>
      </c>
      <c r="AH17110">
        <v>10</v>
      </c>
      <c r="AI17110">
        <v>10</v>
      </c>
      <c r="AJ17110">
        <v>10</v>
      </c>
      <c r="AK17110">
        <v>11</v>
      </c>
      <c r="AL17110">
        <v>11</v>
      </c>
      <c r="AM17110">
        <v>11</v>
      </c>
      <c r="AN17110">
        <v>11</v>
      </c>
      <c r="AO17110">
        <v>11</v>
      </c>
      <c r="AP17110">
        <v>11</v>
      </c>
      <c r="AQ17110">
        <v>11</v>
      </c>
    </row>
    <row r="17111" spans="1:43">
      <c r="A17111" t="s">
        <v>10620</v>
      </c>
      <c r="B17111" t="s">
        <v>10621</v>
      </c>
      <c r="C17111" t="s">
        <v>10502</v>
      </c>
      <c r="D17111" t="s">
        <v>10503</v>
      </c>
      <c r="E17111" t="s">
        <v>10448</v>
      </c>
      <c r="F17111" t="s">
        <v>10449</v>
      </c>
      <c r="G17111" t="s">
        <v>10450</v>
      </c>
      <c r="H17111" t="s">
        <v>10451</v>
      </c>
      <c r="I17111" s="2">
        <v>1</v>
      </c>
      <c r="J17111" s="2">
        <v>0</v>
      </c>
      <c r="K17111" s="2">
        <v>0</v>
      </c>
      <c r="L17111" t="s">
        <v>120</v>
      </c>
      <c r="M17111" t="s">
        <v>87</v>
      </c>
      <c r="N17111" t="s">
        <v>88</v>
      </c>
      <c r="O17111" t="s">
        <v>85</v>
      </c>
      <c r="P17111" t="s">
        <v>86</v>
      </c>
      <c r="Q17111">
        <v>8</v>
      </c>
      <c r="R17111">
        <v>8</v>
      </c>
      <c r="S17111">
        <v>8</v>
      </c>
      <c r="T17111">
        <v>8</v>
      </c>
      <c r="U17111">
        <v>8</v>
      </c>
      <c r="V17111">
        <v>9</v>
      </c>
      <c r="W17111">
        <v>9</v>
      </c>
      <c r="X17111">
        <v>9</v>
      </c>
      <c r="Y17111">
        <v>9</v>
      </c>
      <c r="Z17111">
        <v>9</v>
      </c>
      <c r="AA17111">
        <v>9</v>
      </c>
      <c r="AB17111">
        <v>9</v>
      </c>
      <c r="AC17111">
        <v>9</v>
      </c>
      <c r="AD17111">
        <v>9</v>
      </c>
      <c r="AE17111">
        <v>9</v>
      </c>
      <c r="AF17111">
        <v>9</v>
      </c>
      <c r="AG17111">
        <v>9</v>
      </c>
      <c r="AH17111">
        <v>9</v>
      </c>
      <c r="AI17111">
        <v>9</v>
      </c>
      <c r="AJ17111">
        <v>9</v>
      </c>
      <c r="AK17111">
        <v>9</v>
      </c>
      <c r="AL17111">
        <v>9</v>
      </c>
      <c r="AM17111">
        <v>9</v>
      </c>
      <c r="AN17111">
        <v>9</v>
      </c>
      <c r="AO17111">
        <v>9</v>
      </c>
      <c r="AP17111">
        <v>9</v>
      </c>
      <c r="AQ17111">
        <v>9</v>
      </c>
    </row>
    <row r="17112" spans="1:43">
      <c r="A17112" t="s">
        <v>10620</v>
      </c>
      <c r="B17112" t="s">
        <v>10621</v>
      </c>
      <c r="C17112" t="s">
        <v>10502</v>
      </c>
      <c r="D17112" t="s">
        <v>10503</v>
      </c>
      <c r="E17112" t="s">
        <v>10448</v>
      </c>
      <c r="F17112" t="s">
        <v>10449</v>
      </c>
      <c r="G17112" t="s">
        <v>10450</v>
      </c>
      <c r="H17112" t="s">
        <v>10451</v>
      </c>
      <c r="I17112" s="2">
        <v>1</v>
      </c>
      <c r="J17112" s="2">
        <v>0</v>
      </c>
      <c r="K17112" s="2">
        <v>0</v>
      </c>
      <c r="L17112" t="s">
        <v>120</v>
      </c>
      <c r="M17112" t="s">
        <v>89</v>
      </c>
      <c r="N17112" t="s">
        <v>90</v>
      </c>
      <c r="O17112" t="s">
        <v>85</v>
      </c>
      <c r="P17112" t="s">
        <v>86</v>
      </c>
      <c r="Q17112">
        <v>8</v>
      </c>
      <c r="R17112">
        <v>9</v>
      </c>
      <c r="S17112">
        <v>9</v>
      </c>
      <c r="T17112">
        <v>9</v>
      </c>
      <c r="U17112">
        <v>9</v>
      </c>
      <c r="V17112">
        <v>9</v>
      </c>
      <c r="W17112">
        <v>10</v>
      </c>
      <c r="X17112">
        <v>10</v>
      </c>
      <c r="Y17112">
        <v>10</v>
      </c>
      <c r="Z17112">
        <v>10</v>
      </c>
      <c r="AA17112">
        <v>10</v>
      </c>
      <c r="AB17112">
        <v>10</v>
      </c>
      <c r="AC17112">
        <v>10</v>
      </c>
      <c r="AD17112">
        <v>11</v>
      </c>
      <c r="AE17112">
        <v>11</v>
      </c>
      <c r="AF17112">
        <v>11</v>
      </c>
      <c r="AG17112">
        <v>11</v>
      </c>
      <c r="AH17112">
        <v>11</v>
      </c>
      <c r="AI17112">
        <v>11</v>
      </c>
      <c r="AJ17112">
        <v>11</v>
      </c>
      <c r="AK17112">
        <v>11</v>
      </c>
      <c r="AL17112">
        <v>11</v>
      </c>
      <c r="AM17112">
        <v>11</v>
      </c>
      <c r="AN17112">
        <v>11</v>
      </c>
      <c r="AO17112">
        <v>11</v>
      </c>
      <c r="AP17112">
        <v>11</v>
      </c>
      <c r="AQ17112">
        <v>11</v>
      </c>
    </row>
    <row r="17113" spans="1:43">
      <c r="A17113" t="s">
        <v>10620</v>
      </c>
      <c r="B17113" t="s">
        <v>10621</v>
      </c>
      <c r="C17113" t="s">
        <v>10502</v>
      </c>
      <c r="D17113" t="s">
        <v>10503</v>
      </c>
      <c r="E17113" t="s">
        <v>10448</v>
      </c>
      <c r="F17113" t="s">
        <v>10449</v>
      </c>
      <c r="G17113" t="s">
        <v>10450</v>
      </c>
      <c r="H17113" t="s">
        <v>10451</v>
      </c>
      <c r="I17113" s="2">
        <v>1</v>
      </c>
      <c r="J17113" s="2">
        <v>0</v>
      </c>
      <c r="K17113" s="2">
        <v>0</v>
      </c>
      <c r="L17113" t="s">
        <v>120</v>
      </c>
      <c r="M17113" t="s">
        <v>83</v>
      </c>
      <c r="N17113" t="s">
        <v>91</v>
      </c>
      <c r="O17113" t="s">
        <v>85</v>
      </c>
      <c r="P17113" t="s">
        <v>86</v>
      </c>
      <c r="Q17113">
        <v>8</v>
      </c>
      <c r="R17113">
        <v>8</v>
      </c>
      <c r="S17113">
        <v>9</v>
      </c>
      <c r="T17113">
        <v>9</v>
      </c>
      <c r="U17113">
        <v>9</v>
      </c>
      <c r="V17113">
        <v>9</v>
      </c>
      <c r="W17113">
        <v>9</v>
      </c>
      <c r="X17113">
        <v>9</v>
      </c>
      <c r="Y17113">
        <v>9</v>
      </c>
      <c r="Z17113">
        <v>9</v>
      </c>
      <c r="AA17113">
        <v>10</v>
      </c>
      <c r="AB17113">
        <v>10</v>
      </c>
      <c r="AC17113">
        <v>10</v>
      </c>
      <c r="AD17113">
        <v>10</v>
      </c>
      <c r="AE17113">
        <v>10</v>
      </c>
      <c r="AF17113">
        <v>10</v>
      </c>
      <c r="AG17113">
        <v>10</v>
      </c>
      <c r="AH17113">
        <v>10</v>
      </c>
      <c r="AI17113">
        <v>10</v>
      </c>
      <c r="AJ17113">
        <v>10</v>
      </c>
      <c r="AK17113">
        <v>11</v>
      </c>
      <c r="AL17113">
        <v>11</v>
      </c>
      <c r="AM17113">
        <v>11</v>
      </c>
      <c r="AN17113">
        <v>11</v>
      </c>
      <c r="AO17113">
        <v>11</v>
      </c>
      <c r="AP17113">
        <v>11</v>
      </c>
      <c r="AQ17113">
        <v>11</v>
      </c>
    </row>
    <row r="17114" spans="1:43">
      <c r="A17114" t="s">
        <v>10622</v>
      </c>
      <c r="B17114" t="s">
        <v>10623</v>
      </c>
      <c r="C17114" t="s">
        <v>10624</v>
      </c>
      <c r="D17114" t="s">
        <v>10625</v>
      </c>
      <c r="E17114" t="s">
        <v>10448</v>
      </c>
      <c r="F17114" t="s">
        <v>10449</v>
      </c>
      <c r="G17114" t="s">
        <v>10450</v>
      </c>
      <c r="H17114" t="s">
        <v>10451</v>
      </c>
      <c r="I17114" s="2">
        <v>1</v>
      </c>
      <c r="J17114" s="2">
        <v>0</v>
      </c>
      <c r="K17114" s="2">
        <v>0</v>
      </c>
      <c r="L17114" t="s">
        <v>120</v>
      </c>
      <c r="M17114" t="s">
        <v>83</v>
      </c>
      <c r="N17114" t="s">
        <v>84</v>
      </c>
      <c r="O17114" t="s">
        <v>85</v>
      </c>
      <c r="P17114" t="s">
        <v>86</v>
      </c>
      <c r="Q17114">
        <v>16</v>
      </c>
      <c r="R17114">
        <v>17</v>
      </c>
      <c r="S17114">
        <v>17</v>
      </c>
      <c r="T17114">
        <v>17</v>
      </c>
      <c r="U17114">
        <v>17</v>
      </c>
      <c r="V17114">
        <v>18</v>
      </c>
      <c r="W17114">
        <v>18</v>
      </c>
      <c r="X17114">
        <v>18</v>
      </c>
      <c r="Y17114">
        <v>18</v>
      </c>
      <c r="Z17114">
        <v>18</v>
      </c>
      <c r="AA17114">
        <v>19</v>
      </c>
      <c r="AB17114">
        <v>19</v>
      </c>
      <c r="AC17114">
        <v>19</v>
      </c>
      <c r="AD17114">
        <v>19</v>
      </c>
      <c r="AE17114">
        <v>19</v>
      </c>
      <c r="AF17114">
        <v>20</v>
      </c>
      <c r="AG17114">
        <v>20</v>
      </c>
      <c r="AH17114">
        <v>20</v>
      </c>
      <c r="AI17114">
        <v>20</v>
      </c>
      <c r="AJ17114">
        <v>20</v>
      </c>
      <c r="AK17114">
        <v>21</v>
      </c>
      <c r="AL17114">
        <v>21</v>
      </c>
      <c r="AM17114">
        <v>21</v>
      </c>
      <c r="AN17114">
        <v>21</v>
      </c>
      <c r="AO17114">
        <v>21</v>
      </c>
      <c r="AP17114">
        <v>21</v>
      </c>
      <c r="AQ17114">
        <v>21</v>
      </c>
    </row>
    <row r="17115" spans="1:43">
      <c r="A17115" t="s">
        <v>10622</v>
      </c>
      <c r="B17115" t="s">
        <v>10623</v>
      </c>
      <c r="C17115" t="s">
        <v>10624</v>
      </c>
      <c r="D17115" t="s">
        <v>10625</v>
      </c>
      <c r="E17115" t="s">
        <v>10448</v>
      </c>
      <c r="F17115" t="s">
        <v>10449</v>
      </c>
      <c r="G17115" t="s">
        <v>10450</v>
      </c>
      <c r="H17115" t="s">
        <v>10451</v>
      </c>
      <c r="I17115" s="2">
        <v>1</v>
      </c>
      <c r="J17115" s="2">
        <v>0</v>
      </c>
      <c r="K17115" s="2">
        <v>0</v>
      </c>
      <c r="L17115" t="s">
        <v>120</v>
      </c>
      <c r="M17115" t="s">
        <v>87</v>
      </c>
      <c r="N17115" t="s">
        <v>88</v>
      </c>
      <c r="O17115" t="s">
        <v>85</v>
      </c>
      <c r="P17115" t="s">
        <v>86</v>
      </c>
      <c r="Q17115">
        <v>16</v>
      </c>
      <c r="R17115">
        <v>16</v>
      </c>
      <c r="S17115">
        <v>16</v>
      </c>
      <c r="T17115">
        <v>16</v>
      </c>
      <c r="U17115">
        <v>16</v>
      </c>
      <c r="V17115">
        <v>17</v>
      </c>
      <c r="W17115">
        <v>17</v>
      </c>
      <c r="X17115">
        <v>17</v>
      </c>
      <c r="Y17115">
        <v>17</v>
      </c>
      <c r="Z17115">
        <v>17</v>
      </c>
      <c r="AA17115">
        <v>17</v>
      </c>
      <c r="AB17115">
        <v>17</v>
      </c>
      <c r="AC17115">
        <v>17</v>
      </c>
      <c r="AD17115">
        <v>17</v>
      </c>
      <c r="AE17115">
        <v>17</v>
      </c>
      <c r="AF17115">
        <v>17</v>
      </c>
      <c r="AG17115">
        <v>17</v>
      </c>
      <c r="AH17115">
        <v>18</v>
      </c>
      <c r="AI17115">
        <v>18</v>
      </c>
      <c r="AJ17115">
        <v>18</v>
      </c>
      <c r="AK17115">
        <v>18</v>
      </c>
      <c r="AL17115">
        <v>18</v>
      </c>
      <c r="AM17115">
        <v>18</v>
      </c>
      <c r="AN17115">
        <v>18</v>
      </c>
      <c r="AO17115">
        <v>18</v>
      </c>
      <c r="AP17115">
        <v>18</v>
      </c>
      <c r="AQ17115">
        <v>18</v>
      </c>
    </row>
    <row r="17116" spans="1:43">
      <c r="A17116" t="s">
        <v>10622</v>
      </c>
      <c r="B17116" t="s">
        <v>10623</v>
      </c>
      <c r="C17116" t="s">
        <v>10624</v>
      </c>
      <c r="D17116" t="s">
        <v>10625</v>
      </c>
      <c r="E17116" t="s">
        <v>10448</v>
      </c>
      <c r="F17116" t="s">
        <v>10449</v>
      </c>
      <c r="G17116" t="s">
        <v>10450</v>
      </c>
      <c r="H17116" t="s">
        <v>10451</v>
      </c>
      <c r="I17116" s="2">
        <v>1</v>
      </c>
      <c r="J17116" s="2">
        <v>0</v>
      </c>
      <c r="K17116" s="2">
        <v>0</v>
      </c>
      <c r="L17116" t="s">
        <v>120</v>
      </c>
      <c r="M17116" t="s">
        <v>89</v>
      </c>
      <c r="N17116" t="s">
        <v>90</v>
      </c>
      <c r="O17116" t="s">
        <v>85</v>
      </c>
      <c r="P17116" t="s">
        <v>86</v>
      </c>
      <c r="Q17116">
        <v>16</v>
      </c>
      <c r="R17116">
        <v>17</v>
      </c>
      <c r="S17116">
        <v>17</v>
      </c>
      <c r="T17116">
        <v>18</v>
      </c>
      <c r="U17116">
        <v>18</v>
      </c>
      <c r="V17116">
        <v>18</v>
      </c>
      <c r="W17116">
        <v>19</v>
      </c>
      <c r="X17116">
        <v>19</v>
      </c>
      <c r="Y17116">
        <v>19</v>
      </c>
      <c r="Z17116">
        <v>19</v>
      </c>
      <c r="AA17116">
        <v>20</v>
      </c>
      <c r="AB17116">
        <v>20</v>
      </c>
      <c r="AC17116">
        <v>20</v>
      </c>
      <c r="AD17116">
        <v>21</v>
      </c>
      <c r="AE17116">
        <v>21</v>
      </c>
      <c r="AF17116">
        <v>21</v>
      </c>
      <c r="AG17116">
        <v>21</v>
      </c>
      <c r="AH17116">
        <v>21</v>
      </c>
      <c r="AI17116">
        <v>21</v>
      </c>
      <c r="AJ17116">
        <v>21</v>
      </c>
      <c r="AK17116">
        <v>21</v>
      </c>
      <c r="AL17116">
        <v>21</v>
      </c>
      <c r="AM17116">
        <v>21</v>
      </c>
      <c r="AN17116">
        <v>21</v>
      </c>
      <c r="AO17116">
        <v>21</v>
      </c>
      <c r="AP17116">
        <v>21</v>
      </c>
      <c r="AQ17116">
        <v>21</v>
      </c>
    </row>
    <row r="17117" spans="1:43">
      <c r="A17117" t="s">
        <v>10622</v>
      </c>
      <c r="B17117" t="s">
        <v>10623</v>
      </c>
      <c r="C17117" t="s">
        <v>10624</v>
      </c>
      <c r="D17117" t="s">
        <v>10625</v>
      </c>
      <c r="E17117" t="s">
        <v>10448</v>
      </c>
      <c r="F17117" t="s">
        <v>10449</v>
      </c>
      <c r="G17117" t="s">
        <v>10450</v>
      </c>
      <c r="H17117" t="s">
        <v>10451</v>
      </c>
      <c r="I17117" s="2">
        <v>1</v>
      </c>
      <c r="J17117" s="2">
        <v>0</v>
      </c>
      <c r="K17117" s="2">
        <v>0</v>
      </c>
      <c r="L17117" t="s">
        <v>120</v>
      </c>
      <c r="M17117" t="s">
        <v>83</v>
      </c>
      <c r="N17117" t="s">
        <v>91</v>
      </c>
      <c r="O17117" t="s">
        <v>85</v>
      </c>
      <c r="P17117" t="s">
        <v>86</v>
      </c>
      <c r="Q17117">
        <v>16</v>
      </c>
      <c r="R17117">
        <v>17</v>
      </c>
      <c r="S17117">
        <v>17</v>
      </c>
      <c r="T17117">
        <v>17</v>
      </c>
      <c r="U17117">
        <v>17</v>
      </c>
      <c r="V17117">
        <v>18</v>
      </c>
      <c r="W17117">
        <v>18</v>
      </c>
      <c r="X17117">
        <v>18</v>
      </c>
      <c r="Y17117">
        <v>18</v>
      </c>
      <c r="Z17117">
        <v>18</v>
      </c>
      <c r="AA17117">
        <v>19</v>
      </c>
      <c r="AB17117">
        <v>19</v>
      </c>
      <c r="AC17117">
        <v>19</v>
      </c>
      <c r="AD17117">
        <v>19</v>
      </c>
      <c r="AE17117">
        <v>19</v>
      </c>
      <c r="AF17117">
        <v>20</v>
      </c>
      <c r="AG17117">
        <v>20</v>
      </c>
      <c r="AH17117">
        <v>20</v>
      </c>
      <c r="AI17117">
        <v>20</v>
      </c>
      <c r="AJ17117">
        <v>20</v>
      </c>
      <c r="AK17117">
        <v>21</v>
      </c>
      <c r="AL17117">
        <v>21</v>
      </c>
      <c r="AM17117">
        <v>21</v>
      </c>
      <c r="AN17117">
        <v>21</v>
      </c>
      <c r="AO17117">
        <v>21</v>
      </c>
      <c r="AP17117">
        <v>21</v>
      </c>
      <c r="AQ17117">
        <v>21</v>
      </c>
    </row>
    <row r="17118" spans="1:43">
      <c r="A17118" t="s">
        <v>10626</v>
      </c>
      <c r="B17118" t="s">
        <v>10627</v>
      </c>
      <c r="C17118" t="s">
        <v>10624</v>
      </c>
      <c r="D17118" t="s">
        <v>10625</v>
      </c>
      <c r="E17118" t="s">
        <v>10448</v>
      </c>
      <c r="F17118" t="s">
        <v>10449</v>
      </c>
      <c r="G17118" t="s">
        <v>10450</v>
      </c>
      <c r="H17118" t="s">
        <v>10451</v>
      </c>
      <c r="I17118" s="2">
        <v>1</v>
      </c>
      <c r="J17118" s="2">
        <v>0</v>
      </c>
      <c r="K17118" s="2">
        <v>0</v>
      </c>
      <c r="L17118" t="s">
        <v>120</v>
      </c>
      <c r="M17118" t="s">
        <v>83</v>
      </c>
      <c r="N17118" t="s">
        <v>84</v>
      </c>
      <c r="O17118" t="s">
        <v>85</v>
      </c>
      <c r="P17118" t="s">
        <v>86</v>
      </c>
      <c r="Q17118">
        <v>40</v>
      </c>
      <c r="R17118">
        <v>40</v>
      </c>
      <c r="S17118">
        <v>41</v>
      </c>
      <c r="T17118">
        <v>42</v>
      </c>
      <c r="U17118">
        <v>42</v>
      </c>
      <c r="V17118">
        <v>43</v>
      </c>
      <c r="W17118">
        <v>43</v>
      </c>
      <c r="X17118">
        <v>44</v>
      </c>
      <c r="Y17118">
        <v>44</v>
      </c>
      <c r="Z17118">
        <v>45</v>
      </c>
      <c r="AA17118">
        <v>45</v>
      </c>
      <c r="AB17118">
        <v>46</v>
      </c>
      <c r="AC17118">
        <v>46</v>
      </c>
      <c r="AD17118">
        <v>47</v>
      </c>
      <c r="AE17118">
        <v>47</v>
      </c>
      <c r="AF17118">
        <v>48</v>
      </c>
      <c r="AG17118">
        <v>48</v>
      </c>
      <c r="AH17118">
        <v>49</v>
      </c>
      <c r="AI17118">
        <v>49</v>
      </c>
      <c r="AJ17118">
        <v>50</v>
      </c>
      <c r="AK17118">
        <v>50</v>
      </c>
      <c r="AL17118">
        <v>50</v>
      </c>
      <c r="AM17118">
        <v>51</v>
      </c>
      <c r="AN17118">
        <v>51</v>
      </c>
      <c r="AO17118">
        <v>51</v>
      </c>
      <c r="AP17118">
        <v>51</v>
      </c>
      <c r="AQ17118">
        <v>51</v>
      </c>
    </row>
    <row r="17119" spans="1:43">
      <c r="A17119" t="s">
        <v>10626</v>
      </c>
      <c r="B17119" t="s">
        <v>10627</v>
      </c>
      <c r="C17119" t="s">
        <v>10624</v>
      </c>
      <c r="D17119" t="s">
        <v>10625</v>
      </c>
      <c r="E17119" t="s">
        <v>10448</v>
      </c>
      <c r="F17119" t="s">
        <v>10449</v>
      </c>
      <c r="G17119" t="s">
        <v>10450</v>
      </c>
      <c r="H17119" t="s">
        <v>10451</v>
      </c>
      <c r="I17119" s="2">
        <v>1</v>
      </c>
      <c r="J17119" s="2">
        <v>0</v>
      </c>
      <c r="K17119" s="2">
        <v>0</v>
      </c>
      <c r="L17119" t="s">
        <v>120</v>
      </c>
      <c r="M17119" t="s">
        <v>87</v>
      </c>
      <c r="N17119" t="s">
        <v>88</v>
      </c>
      <c r="O17119" t="s">
        <v>85</v>
      </c>
      <c r="P17119" t="s">
        <v>86</v>
      </c>
      <c r="Q17119">
        <v>40</v>
      </c>
      <c r="R17119">
        <v>41</v>
      </c>
      <c r="S17119">
        <v>41</v>
      </c>
      <c r="T17119">
        <v>41</v>
      </c>
      <c r="U17119">
        <v>41</v>
      </c>
      <c r="V17119">
        <v>41</v>
      </c>
      <c r="W17119">
        <v>42</v>
      </c>
      <c r="X17119">
        <v>42</v>
      </c>
      <c r="Y17119">
        <v>42</v>
      </c>
      <c r="Z17119">
        <v>42</v>
      </c>
      <c r="AA17119">
        <v>42</v>
      </c>
      <c r="AB17119">
        <v>43</v>
      </c>
      <c r="AC17119">
        <v>43</v>
      </c>
      <c r="AD17119">
        <v>43</v>
      </c>
      <c r="AE17119">
        <v>43</v>
      </c>
      <c r="AF17119">
        <v>43</v>
      </c>
      <c r="AG17119">
        <v>44</v>
      </c>
      <c r="AH17119">
        <v>44</v>
      </c>
      <c r="AI17119">
        <v>44</v>
      </c>
      <c r="AJ17119">
        <v>44</v>
      </c>
      <c r="AK17119">
        <v>44</v>
      </c>
      <c r="AL17119">
        <v>44</v>
      </c>
      <c r="AM17119">
        <v>45</v>
      </c>
      <c r="AN17119">
        <v>45</v>
      </c>
      <c r="AO17119">
        <v>45</v>
      </c>
      <c r="AP17119">
        <v>45</v>
      </c>
      <c r="AQ17119">
        <v>45</v>
      </c>
    </row>
    <row r="17120" spans="1:43">
      <c r="A17120" t="s">
        <v>10626</v>
      </c>
      <c r="B17120" t="s">
        <v>10627</v>
      </c>
      <c r="C17120" t="s">
        <v>10624</v>
      </c>
      <c r="D17120" t="s">
        <v>10625</v>
      </c>
      <c r="E17120" t="s">
        <v>10448</v>
      </c>
      <c r="F17120" t="s">
        <v>10449</v>
      </c>
      <c r="G17120" t="s">
        <v>10450</v>
      </c>
      <c r="H17120" t="s">
        <v>10451</v>
      </c>
      <c r="I17120" s="2">
        <v>1</v>
      </c>
      <c r="J17120" s="2">
        <v>0</v>
      </c>
      <c r="K17120" s="2">
        <v>0</v>
      </c>
      <c r="L17120" t="s">
        <v>120</v>
      </c>
      <c r="M17120" t="s">
        <v>89</v>
      </c>
      <c r="N17120" t="s">
        <v>90</v>
      </c>
      <c r="O17120" t="s">
        <v>85</v>
      </c>
      <c r="P17120" t="s">
        <v>86</v>
      </c>
      <c r="Q17120">
        <v>40</v>
      </c>
      <c r="R17120">
        <v>41</v>
      </c>
      <c r="S17120">
        <v>42</v>
      </c>
      <c r="T17120">
        <v>43</v>
      </c>
      <c r="U17120">
        <v>44</v>
      </c>
      <c r="V17120">
        <v>45</v>
      </c>
      <c r="W17120">
        <v>45</v>
      </c>
      <c r="X17120">
        <v>46</v>
      </c>
      <c r="Y17120">
        <v>47</v>
      </c>
      <c r="Z17120">
        <v>47</v>
      </c>
      <c r="AA17120">
        <v>48</v>
      </c>
      <c r="AB17120">
        <v>49</v>
      </c>
      <c r="AC17120">
        <v>49</v>
      </c>
      <c r="AD17120">
        <v>50</v>
      </c>
      <c r="AE17120">
        <v>51</v>
      </c>
      <c r="AF17120">
        <v>51</v>
      </c>
      <c r="AG17120">
        <v>51</v>
      </c>
      <c r="AH17120">
        <v>51</v>
      </c>
      <c r="AI17120">
        <v>51</v>
      </c>
      <c r="AJ17120">
        <v>51</v>
      </c>
      <c r="AK17120">
        <v>51</v>
      </c>
      <c r="AL17120">
        <v>51</v>
      </c>
      <c r="AM17120">
        <v>51</v>
      </c>
      <c r="AN17120">
        <v>51</v>
      </c>
      <c r="AO17120">
        <v>51</v>
      </c>
      <c r="AP17120">
        <v>51</v>
      </c>
      <c r="AQ17120">
        <v>51</v>
      </c>
    </row>
    <row r="17121" spans="1:43">
      <c r="A17121" t="s">
        <v>10626</v>
      </c>
      <c r="B17121" t="s">
        <v>10627</v>
      </c>
      <c r="C17121" t="s">
        <v>10624</v>
      </c>
      <c r="D17121" t="s">
        <v>10625</v>
      </c>
      <c r="E17121" t="s">
        <v>10448</v>
      </c>
      <c r="F17121" t="s">
        <v>10449</v>
      </c>
      <c r="G17121" t="s">
        <v>10450</v>
      </c>
      <c r="H17121" t="s">
        <v>10451</v>
      </c>
      <c r="I17121" s="2">
        <v>1</v>
      </c>
      <c r="J17121" s="2">
        <v>0</v>
      </c>
      <c r="K17121" s="2">
        <v>0</v>
      </c>
      <c r="L17121" t="s">
        <v>120</v>
      </c>
      <c r="M17121" t="s">
        <v>83</v>
      </c>
      <c r="N17121" t="s">
        <v>91</v>
      </c>
      <c r="O17121" t="s">
        <v>85</v>
      </c>
      <c r="P17121" t="s">
        <v>86</v>
      </c>
      <c r="Q17121">
        <v>40</v>
      </c>
      <c r="R17121">
        <v>40</v>
      </c>
      <c r="S17121">
        <v>41</v>
      </c>
      <c r="T17121">
        <v>42</v>
      </c>
      <c r="U17121">
        <v>42</v>
      </c>
      <c r="V17121">
        <v>43</v>
      </c>
      <c r="W17121">
        <v>43</v>
      </c>
      <c r="X17121">
        <v>44</v>
      </c>
      <c r="Y17121">
        <v>44</v>
      </c>
      <c r="Z17121">
        <v>45</v>
      </c>
      <c r="AA17121">
        <v>45</v>
      </c>
      <c r="AB17121">
        <v>46</v>
      </c>
      <c r="AC17121">
        <v>46</v>
      </c>
      <c r="AD17121">
        <v>47</v>
      </c>
      <c r="AE17121">
        <v>47</v>
      </c>
      <c r="AF17121">
        <v>48</v>
      </c>
      <c r="AG17121">
        <v>48</v>
      </c>
      <c r="AH17121">
        <v>49</v>
      </c>
      <c r="AI17121">
        <v>49</v>
      </c>
      <c r="AJ17121">
        <v>50</v>
      </c>
      <c r="AK17121">
        <v>50</v>
      </c>
      <c r="AL17121">
        <v>50</v>
      </c>
      <c r="AM17121">
        <v>51</v>
      </c>
      <c r="AN17121">
        <v>51</v>
      </c>
      <c r="AO17121">
        <v>51</v>
      </c>
      <c r="AP17121">
        <v>51</v>
      </c>
      <c r="AQ17121">
        <v>51</v>
      </c>
    </row>
    <row r="17122" spans="1:43">
      <c r="A17122" t="s">
        <v>10628</v>
      </c>
      <c r="B17122" t="s">
        <v>10629</v>
      </c>
      <c r="C17122" t="s">
        <v>10624</v>
      </c>
      <c r="D17122" t="s">
        <v>10625</v>
      </c>
      <c r="E17122" t="s">
        <v>10448</v>
      </c>
      <c r="F17122" t="s">
        <v>10449</v>
      </c>
      <c r="G17122" t="s">
        <v>10450</v>
      </c>
      <c r="H17122" t="s">
        <v>10451</v>
      </c>
      <c r="I17122" s="2">
        <v>1</v>
      </c>
      <c r="J17122" s="2">
        <v>0</v>
      </c>
      <c r="K17122" s="2">
        <v>0</v>
      </c>
      <c r="L17122" t="s">
        <v>120</v>
      </c>
      <c r="M17122" t="s">
        <v>83</v>
      </c>
      <c r="N17122" t="s">
        <v>84</v>
      </c>
      <c r="O17122" t="s">
        <v>85</v>
      </c>
      <c r="P17122" t="s">
        <v>86</v>
      </c>
      <c r="Q17122">
        <v>10</v>
      </c>
      <c r="R17122">
        <v>11</v>
      </c>
      <c r="S17122">
        <v>11</v>
      </c>
      <c r="T17122">
        <v>11</v>
      </c>
      <c r="U17122">
        <v>11</v>
      </c>
      <c r="V17122">
        <v>11</v>
      </c>
      <c r="W17122">
        <v>11</v>
      </c>
      <c r="X17122">
        <v>11</v>
      </c>
      <c r="Y17122">
        <v>12</v>
      </c>
      <c r="Z17122">
        <v>12</v>
      </c>
      <c r="AA17122">
        <v>12</v>
      </c>
      <c r="AB17122">
        <v>12</v>
      </c>
      <c r="AC17122">
        <v>12</v>
      </c>
      <c r="AD17122">
        <v>12</v>
      </c>
      <c r="AE17122">
        <v>12</v>
      </c>
      <c r="AF17122">
        <v>12</v>
      </c>
      <c r="AG17122">
        <v>13</v>
      </c>
      <c r="AH17122">
        <v>13</v>
      </c>
      <c r="AI17122">
        <v>13</v>
      </c>
      <c r="AJ17122">
        <v>13</v>
      </c>
      <c r="AK17122">
        <v>13</v>
      </c>
      <c r="AL17122">
        <v>13</v>
      </c>
      <c r="AM17122">
        <v>13</v>
      </c>
      <c r="AN17122">
        <v>13</v>
      </c>
      <c r="AO17122">
        <v>13</v>
      </c>
      <c r="AP17122">
        <v>13</v>
      </c>
      <c r="AQ17122">
        <v>13</v>
      </c>
    </row>
    <row r="17123" spans="1:43">
      <c r="A17123" t="s">
        <v>10628</v>
      </c>
      <c r="B17123" t="s">
        <v>10629</v>
      </c>
      <c r="C17123" t="s">
        <v>10624</v>
      </c>
      <c r="D17123" t="s">
        <v>10625</v>
      </c>
      <c r="E17123" t="s">
        <v>10448</v>
      </c>
      <c r="F17123" t="s">
        <v>10449</v>
      </c>
      <c r="G17123" t="s">
        <v>10450</v>
      </c>
      <c r="H17123" t="s">
        <v>10451</v>
      </c>
      <c r="I17123" s="2">
        <v>1</v>
      </c>
      <c r="J17123" s="2">
        <v>0</v>
      </c>
      <c r="K17123" s="2">
        <v>0</v>
      </c>
      <c r="L17123" t="s">
        <v>120</v>
      </c>
      <c r="M17123" t="s">
        <v>87</v>
      </c>
      <c r="N17123" t="s">
        <v>88</v>
      </c>
      <c r="O17123" t="s">
        <v>85</v>
      </c>
      <c r="P17123" t="s">
        <v>86</v>
      </c>
      <c r="Q17123">
        <v>10</v>
      </c>
      <c r="R17123">
        <v>10</v>
      </c>
      <c r="S17123">
        <v>10</v>
      </c>
      <c r="T17123">
        <v>10</v>
      </c>
      <c r="U17123">
        <v>10</v>
      </c>
      <c r="V17123">
        <v>11</v>
      </c>
      <c r="W17123">
        <v>11</v>
      </c>
      <c r="X17123">
        <v>11</v>
      </c>
      <c r="Y17123">
        <v>11</v>
      </c>
      <c r="Z17123">
        <v>11</v>
      </c>
      <c r="AA17123">
        <v>11</v>
      </c>
      <c r="AB17123">
        <v>11</v>
      </c>
      <c r="AC17123">
        <v>11</v>
      </c>
      <c r="AD17123">
        <v>11</v>
      </c>
      <c r="AE17123">
        <v>11</v>
      </c>
      <c r="AF17123">
        <v>11</v>
      </c>
      <c r="AG17123">
        <v>11</v>
      </c>
      <c r="AH17123">
        <v>11</v>
      </c>
      <c r="AI17123">
        <v>11</v>
      </c>
      <c r="AJ17123">
        <v>11</v>
      </c>
      <c r="AK17123">
        <v>11</v>
      </c>
      <c r="AL17123">
        <v>11</v>
      </c>
      <c r="AM17123">
        <v>11</v>
      </c>
      <c r="AN17123">
        <v>11</v>
      </c>
      <c r="AO17123">
        <v>11</v>
      </c>
      <c r="AP17123">
        <v>11</v>
      </c>
      <c r="AQ17123">
        <v>12</v>
      </c>
    </row>
    <row r="17124" spans="1:43">
      <c r="A17124" t="s">
        <v>10628</v>
      </c>
      <c r="B17124" t="s">
        <v>10629</v>
      </c>
      <c r="C17124" t="s">
        <v>10624</v>
      </c>
      <c r="D17124" t="s">
        <v>10625</v>
      </c>
      <c r="E17124" t="s">
        <v>10448</v>
      </c>
      <c r="F17124" t="s">
        <v>10449</v>
      </c>
      <c r="G17124" t="s">
        <v>10450</v>
      </c>
      <c r="H17124" t="s">
        <v>10451</v>
      </c>
      <c r="I17124" s="2">
        <v>1</v>
      </c>
      <c r="J17124" s="2">
        <v>0</v>
      </c>
      <c r="K17124" s="2">
        <v>0</v>
      </c>
      <c r="L17124" t="s">
        <v>120</v>
      </c>
      <c r="M17124" t="s">
        <v>89</v>
      </c>
      <c r="N17124" t="s">
        <v>90</v>
      </c>
      <c r="O17124" t="s">
        <v>85</v>
      </c>
      <c r="P17124" t="s">
        <v>86</v>
      </c>
      <c r="Q17124">
        <v>10</v>
      </c>
      <c r="R17124">
        <v>11</v>
      </c>
      <c r="S17124">
        <v>11</v>
      </c>
      <c r="T17124">
        <v>11</v>
      </c>
      <c r="U17124">
        <v>11</v>
      </c>
      <c r="V17124">
        <v>12</v>
      </c>
      <c r="W17124">
        <v>12</v>
      </c>
      <c r="X17124">
        <v>12</v>
      </c>
      <c r="Y17124">
        <v>12</v>
      </c>
      <c r="Z17124">
        <v>12</v>
      </c>
      <c r="AA17124">
        <v>13</v>
      </c>
      <c r="AB17124">
        <v>13</v>
      </c>
      <c r="AC17124">
        <v>13</v>
      </c>
      <c r="AD17124">
        <v>13</v>
      </c>
      <c r="AE17124">
        <v>13</v>
      </c>
      <c r="AF17124">
        <v>13</v>
      </c>
      <c r="AG17124">
        <v>13</v>
      </c>
      <c r="AH17124">
        <v>13</v>
      </c>
      <c r="AI17124">
        <v>13</v>
      </c>
      <c r="AJ17124">
        <v>13</v>
      </c>
      <c r="AK17124">
        <v>13</v>
      </c>
      <c r="AL17124">
        <v>13</v>
      </c>
      <c r="AM17124">
        <v>13</v>
      </c>
      <c r="AN17124">
        <v>13</v>
      </c>
      <c r="AO17124">
        <v>13</v>
      </c>
      <c r="AP17124">
        <v>13</v>
      </c>
      <c r="AQ17124">
        <v>13</v>
      </c>
    </row>
    <row r="17125" spans="1:43">
      <c r="A17125" t="s">
        <v>10628</v>
      </c>
      <c r="B17125" t="s">
        <v>10629</v>
      </c>
      <c r="C17125" t="s">
        <v>10624</v>
      </c>
      <c r="D17125" t="s">
        <v>10625</v>
      </c>
      <c r="E17125" t="s">
        <v>10448</v>
      </c>
      <c r="F17125" t="s">
        <v>10449</v>
      </c>
      <c r="G17125" t="s">
        <v>10450</v>
      </c>
      <c r="H17125" t="s">
        <v>10451</v>
      </c>
      <c r="I17125" s="2">
        <v>1</v>
      </c>
      <c r="J17125" s="2">
        <v>0</v>
      </c>
      <c r="K17125" s="2">
        <v>0</v>
      </c>
      <c r="L17125" t="s">
        <v>120</v>
      </c>
      <c r="M17125" t="s">
        <v>83</v>
      </c>
      <c r="N17125" t="s">
        <v>91</v>
      </c>
      <c r="O17125" t="s">
        <v>85</v>
      </c>
      <c r="P17125" t="s">
        <v>86</v>
      </c>
      <c r="Q17125">
        <v>10</v>
      </c>
      <c r="R17125">
        <v>11</v>
      </c>
      <c r="S17125">
        <v>11</v>
      </c>
      <c r="T17125">
        <v>11</v>
      </c>
      <c r="U17125">
        <v>11</v>
      </c>
      <c r="V17125">
        <v>11</v>
      </c>
      <c r="W17125">
        <v>11</v>
      </c>
      <c r="X17125">
        <v>11</v>
      </c>
      <c r="Y17125">
        <v>12</v>
      </c>
      <c r="Z17125">
        <v>12</v>
      </c>
      <c r="AA17125">
        <v>12</v>
      </c>
      <c r="AB17125">
        <v>12</v>
      </c>
      <c r="AC17125">
        <v>12</v>
      </c>
      <c r="AD17125">
        <v>12</v>
      </c>
      <c r="AE17125">
        <v>12</v>
      </c>
      <c r="AF17125">
        <v>12</v>
      </c>
      <c r="AG17125">
        <v>13</v>
      </c>
      <c r="AH17125">
        <v>13</v>
      </c>
      <c r="AI17125">
        <v>13</v>
      </c>
      <c r="AJ17125">
        <v>13</v>
      </c>
      <c r="AK17125">
        <v>13</v>
      </c>
      <c r="AL17125">
        <v>13</v>
      </c>
      <c r="AM17125">
        <v>13</v>
      </c>
      <c r="AN17125">
        <v>13</v>
      </c>
      <c r="AO17125">
        <v>13</v>
      </c>
      <c r="AP17125">
        <v>13</v>
      </c>
      <c r="AQ17125">
        <v>13</v>
      </c>
    </row>
    <row r="17126" spans="1:43">
      <c r="A17126" t="s">
        <v>10630</v>
      </c>
      <c r="B17126" t="s">
        <v>10631</v>
      </c>
      <c r="C17126" t="s">
        <v>10624</v>
      </c>
      <c r="D17126" t="s">
        <v>10625</v>
      </c>
      <c r="E17126" t="s">
        <v>10448</v>
      </c>
      <c r="F17126" t="s">
        <v>10449</v>
      </c>
      <c r="G17126" t="s">
        <v>10450</v>
      </c>
      <c r="H17126" t="s">
        <v>10451</v>
      </c>
      <c r="I17126" s="2">
        <v>1</v>
      </c>
      <c r="J17126" s="2">
        <v>0</v>
      </c>
      <c r="K17126" s="2">
        <v>0</v>
      </c>
      <c r="L17126" t="s">
        <v>120</v>
      </c>
      <c r="M17126" t="s">
        <v>83</v>
      </c>
      <c r="N17126" t="s">
        <v>84</v>
      </c>
      <c r="O17126" t="s">
        <v>85</v>
      </c>
      <c r="P17126" t="s">
        <v>86</v>
      </c>
      <c r="Q17126">
        <v>15</v>
      </c>
      <c r="R17126">
        <v>15</v>
      </c>
      <c r="S17126">
        <v>15</v>
      </c>
      <c r="T17126">
        <v>16</v>
      </c>
      <c r="U17126">
        <v>16</v>
      </c>
      <c r="V17126">
        <v>16</v>
      </c>
      <c r="W17126">
        <v>16</v>
      </c>
      <c r="X17126">
        <v>16</v>
      </c>
      <c r="Y17126">
        <v>17</v>
      </c>
      <c r="Z17126">
        <v>17</v>
      </c>
      <c r="AA17126">
        <v>17</v>
      </c>
      <c r="AB17126">
        <v>17</v>
      </c>
      <c r="AC17126">
        <v>17</v>
      </c>
      <c r="AD17126">
        <v>18</v>
      </c>
      <c r="AE17126">
        <v>18</v>
      </c>
      <c r="AF17126">
        <v>18</v>
      </c>
      <c r="AG17126">
        <v>18</v>
      </c>
      <c r="AH17126">
        <v>18</v>
      </c>
      <c r="AI17126">
        <v>18</v>
      </c>
      <c r="AJ17126">
        <v>19</v>
      </c>
      <c r="AK17126">
        <v>19</v>
      </c>
      <c r="AL17126">
        <v>19</v>
      </c>
      <c r="AM17126">
        <v>19</v>
      </c>
      <c r="AN17126">
        <v>19</v>
      </c>
      <c r="AO17126">
        <v>19</v>
      </c>
      <c r="AP17126">
        <v>19</v>
      </c>
      <c r="AQ17126">
        <v>19</v>
      </c>
    </row>
    <row r="17127" spans="1:43">
      <c r="A17127" t="s">
        <v>10630</v>
      </c>
      <c r="B17127" t="s">
        <v>10631</v>
      </c>
      <c r="C17127" t="s">
        <v>10624</v>
      </c>
      <c r="D17127" t="s">
        <v>10625</v>
      </c>
      <c r="E17127" t="s">
        <v>10448</v>
      </c>
      <c r="F17127" t="s">
        <v>10449</v>
      </c>
      <c r="G17127" t="s">
        <v>10450</v>
      </c>
      <c r="H17127" t="s">
        <v>10451</v>
      </c>
      <c r="I17127" s="2">
        <v>1</v>
      </c>
      <c r="J17127" s="2">
        <v>0</v>
      </c>
      <c r="K17127" s="2">
        <v>0</v>
      </c>
      <c r="L17127" t="s">
        <v>120</v>
      </c>
      <c r="M17127" t="s">
        <v>87</v>
      </c>
      <c r="N17127" t="s">
        <v>88</v>
      </c>
      <c r="O17127" t="s">
        <v>85</v>
      </c>
      <c r="P17127" t="s">
        <v>86</v>
      </c>
      <c r="Q17127">
        <v>15</v>
      </c>
      <c r="R17127">
        <v>15</v>
      </c>
      <c r="S17127">
        <v>15</v>
      </c>
      <c r="T17127">
        <v>15</v>
      </c>
      <c r="U17127">
        <v>15</v>
      </c>
      <c r="V17127">
        <v>15</v>
      </c>
      <c r="W17127">
        <v>15</v>
      </c>
      <c r="X17127">
        <v>15</v>
      </c>
      <c r="Y17127">
        <v>15</v>
      </c>
      <c r="Z17127">
        <v>15</v>
      </c>
      <c r="AA17127">
        <v>16</v>
      </c>
      <c r="AB17127">
        <v>16</v>
      </c>
      <c r="AC17127">
        <v>16</v>
      </c>
      <c r="AD17127">
        <v>16</v>
      </c>
      <c r="AE17127">
        <v>16</v>
      </c>
      <c r="AF17127">
        <v>16</v>
      </c>
      <c r="AG17127">
        <v>16</v>
      </c>
      <c r="AH17127">
        <v>16</v>
      </c>
      <c r="AI17127">
        <v>16</v>
      </c>
      <c r="AJ17127">
        <v>16</v>
      </c>
      <c r="AK17127">
        <v>16</v>
      </c>
      <c r="AL17127">
        <v>16</v>
      </c>
      <c r="AM17127">
        <v>16</v>
      </c>
      <c r="AN17127">
        <v>16</v>
      </c>
      <c r="AO17127">
        <v>16</v>
      </c>
      <c r="AP17127">
        <v>17</v>
      </c>
      <c r="AQ17127">
        <v>17</v>
      </c>
    </row>
    <row r="17128" spans="1:43">
      <c r="A17128" t="s">
        <v>10630</v>
      </c>
      <c r="B17128" t="s">
        <v>10631</v>
      </c>
      <c r="C17128" t="s">
        <v>10624</v>
      </c>
      <c r="D17128" t="s">
        <v>10625</v>
      </c>
      <c r="E17128" t="s">
        <v>10448</v>
      </c>
      <c r="F17128" t="s">
        <v>10449</v>
      </c>
      <c r="G17128" t="s">
        <v>10450</v>
      </c>
      <c r="H17128" t="s">
        <v>10451</v>
      </c>
      <c r="I17128" s="2">
        <v>1</v>
      </c>
      <c r="J17128" s="2">
        <v>0</v>
      </c>
      <c r="K17128" s="2">
        <v>0</v>
      </c>
      <c r="L17128" t="s">
        <v>120</v>
      </c>
      <c r="M17128" t="s">
        <v>89</v>
      </c>
      <c r="N17128" t="s">
        <v>90</v>
      </c>
      <c r="O17128" t="s">
        <v>85</v>
      </c>
      <c r="P17128" t="s">
        <v>86</v>
      </c>
      <c r="Q17128">
        <v>15</v>
      </c>
      <c r="R17128">
        <v>15</v>
      </c>
      <c r="S17128">
        <v>16</v>
      </c>
      <c r="T17128">
        <v>16</v>
      </c>
      <c r="U17128">
        <v>16</v>
      </c>
      <c r="V17128">
        <v>17</v>
      </c>
      <c r="W17128">
        <v>17</v>
      </c>
      <c r="X17128">
        <v>17</v>
      </c>
      <c r="Y17128">
        <v>17</v>
      </c>
      <c r="Z17128">
        <v>18</v>
      </c>
      <c r="AA17128">
        <v>18</v>
      </c>
      <c r="AB17128">
        <v>18</v>
      </c>
      <c r="AC17128">
        <v>19</v>
      </c>
      <c r="AD17128">
        <v>19</v>
      </c>
      <c r="AE17128">
        <v>19</v>
      </c>
      <c r="AF17128">
        <v>19</v>
      </c>
      <c r="AG17128">
        <v>19</v>
      </c>
      <c r="AH17128">
        <v>19</v>
      </c>
      <c r="AI17128">
        <v>19</v>
      </c>
      <c r="AJ17128">
        <v>19</v>
      </c>
      <c r="AK17128">
        <v>19</v>
      </c>
      <c r="AL17128">
        <v>19</v>
      </c>
      <c r="AM17128">
        <v>19</v>
      </c>
      <c r="AN17128">
        <v>19</v>
      </c>
      <c r="AO17128">
        <v>19</v>
      </c>
      <c r="AP17128">
        <v>19</v>
      </c>
      <c r="AQ17128">
        <v>19</v>
      </c>
    </row>
    <row r="17129" spans="1:43">
      <c r="A17129" t="s">
        <v>10630</v>
      </c>
      <c r="B17129" t="s">
        <v>10631</v>
      </c>
      <c r="C17129" t="s">
        <v>10624</v>
      </c>
      <c r="D17129" t="s">
        <v>10625</v>
      </c>
      <c r="E17129" t="s">
        <v>10448</v>
      </c>
      <c r="F17129" t="s">
        <v>10449</v>
      </c>
      <c r="G17129" t="s">
        <v>10450</v>
      </c>
      <c r="H17129" t="s">
        <v>10451</v>
      </c>
      <c r="I17129" s="2">
        <v>1</v>
      </c>
      <c r="J17129" s="2">
        <v>0</v>
      </c>
      <c r="K17129" s="2">
        <v>0</v>
      </c>
      <c r="L17129" t="s">
        <v>120</v>
      </c>
      <c r="M17129" t="s">
        <v>83</v>
      </c>
      <c r="N17129" t="s">
        <v>91</v>
      </c>
      <c r="O17129" t="s">
        <v>85</v>
      </c>
      <c r="P17129" t="s">
        <v>86</v>
      </c>
      <c r="Q17129">
        <v>15</v>
      </c>
      <c r="R17129">
        <v>15</v>
      </c>
      <c r="S17129">
        <v>15</v>
      </c>
      <c r="T17129">
        <v>16</v>
      </c>
      <c r="U17129">
        <v>16</v>
      </c>
      <c r="V17129">
        <v>16</v>
      </c>
      <c r="W17129">
        <v>16</v>
      </c>
      <c r="X17129">
        <v>16</v>
      </c>
      <c r="Y17129">
        <v>17</v>
      </c>
      <c r="Z17129">
        <v>17</v>
      </c>
      <c r="AA17129">
        <v>17</v>
      </c>
      <c r="AB17129">
        <v>17</v>
      </c>
      <c r="AC17129">
        <v>17</v>
      </c>
      <c r="AD17129">
        <v>18</v>
      </c>
      <c r="AE17129">
        <v>18</v>
      </c>
      <c r="AF17129">
        <v>18</v>
      </c>
      <c r="AG17129">
        <v>18</v>
      </c>
      <c r="AH17129">
        <v>18</v>
      </c>
      <c r="AI17129">
        <v>18</v>
      </c>
      <c r="AJ17129">
        <v>19</v>
      </c>
      <c r="AK17129">
        <v>19</v>
      </c>
      <c r="AL17129">
        <v>19</v>
      </c>
      <c r="AM17129">
        <v>19</v>
      </c>
      <c r="AN17129">
        <v>19</v>
      </c>
      <c r="AO17129">
        <v>19</v>
      </c>
      <c r="AP17129">
        <v>19</v>
      </c>
      <c r="AQ17129">
        <v>19</v>
      </c>
    </row>
    <row r="17130" spans="1:43">
      <c r="A17130" t="s">
        <v>10632</v>
      </c>
      <c r="B17130" t="s">
        <v>10633</v>
      </c>
      <c r="C17130" t="s">
        <v>10624</v>
      </c>
      <c r="D17130" t="s">
        <v>10625</v>
      </c>
      <c r="E17130" t="s">
        <v>10448</v>
      </c>
      <c r="F17130" t="s">
        <v>10449</v>
      </c>
      <c r="G17130" t="s">
        <v>10450</v>
      </c>
      <c r="H17130" t="s">
        <v>10451</v>
      </c>
      <c r="I17130" s="2">
        <v>1</v>
      </c>
      <c r="J17130" s="2">
        <v>0</v>
      </c>
      <c r="K17130" s="2">
        <v>0</v>
      </c>
      <c r="L17130" t="s">
        <v>120</v>
      </c>
      <c r="M17130" t="s">
        <v>83</v>
      </c>
      <c r="N17130" t="s">
        <v>84</v>
      </c>
      <c r="O17130" t="s">
        <v>85</v>
      </c>
      <c r="P17130" t="s">
        <v>86</v>
      </c>
      <c r="Q17130">
        <v>10</v>
      </c>
      <c r="R17130">
        <v>10</v>
      </c>
      <c r="S17130">
        <v>10</v>
      </c>
      <c r="T17130">
        <v>10</v>
      </c>
      <c r="U17130">
        <v>10</v>
      </c>
      <c r="V17130">
        <v>10</v>
      </c>
      <c r="W17130">
        <v>10</v>
      </c>
      <c r="X17130">
        <v>11</v>
      </c>
      <c r="Y17130">
        <v>11</v>
      </c>
      <c r="Z17130">
        <v>11</v>
      </c>
      <c r="AA17130">
        <v>11</v>
      </c>
      <c r="AB17130">
        <v>11</v>
      </c>
      <c r="AC17130">
        <v>11</v>
      </c>
      <c r="AD17130">
        <v>11</v>
      </c>
      <c r="AE17130">
        <v>11</v>
      </c>
      <c r="AF17130">
        <v>11</v>
      </c>
      <c r="AG17130">
        <v>12</v>
      </c>
      <c r="AH17130">
        <v>12</v>
      </c>
      <c r="AI17130">
        <v>12</v>
      </c>
      <c r="AJ17130">
        <v>12</v>
      </c>
      <c r="AK17130">
        <v>12</v>
      </c>
      <c r="AL17130">
        <v>12</v>
      </c>
      <c r="AM17130">
        <v>12</v>
      </c>
      <c r="AN17130">
        <v>12</v>
      </c>
      <c r="AO17130">
        <v>12</v>
      </c>
      <c r="AP17130">
        <v>12</v>
      </c>
      <c r="AQ17130">
        <v>12</v>
      </c>
    </row>
    <row r="17131" spans="1:43">
      <c r="A17131" t="s">
        <v>10632</v>
      </c>
      <c r="B17131" t="s">
        <v>10633</v>
      </c>
      <c r="C17131" t="s">
        <v>10624</v>
      </c>
      <c r="D17131" t="s">
        <v>10625</v>
      </c>
      <c r="E17131" t="s">
        <v>10448</v>
      </c>
      <c r="F17131" t="s">
        <v>10449</v>
      </c>
      <c r="G17131" t="s">
        <v>10450</v>
      </c>
      <c r="H17131" t="s">
        <v>10451</v>
      </c>
      <c r="I17131" s="2">
        <v>1</v>
      </c>
      <c r="J17131" s="2">
        <v>0</v>
      </c>
      <c r="K17131" s="2">
        <v>0</v>
      </c>
      <c r="L17131" t="s">
        <v>120</v>
      </c>
      <c r="M17131" t="s">
        <v>87</v>
      </c>
      <c r="N17131" t="s">
        <v>88</v>
      </c>
      <c r="O17131" t="s">
        <v>85</v>
      </c>
      <c r="P17131" t="s">
        <v>86</v>
      </c>
      <c r="Q17131">
        <v>10</v>
      </c>
      <c r="R17131">
        <v>11</v>
      </c>
      <c r="S17131">
        <v>11</v>
      </c>
      <c r="T17131">
        <v>11</v>
      </c>
      <c r="U17131">
        <v>11</v>
      </c>
      <c r="V17131">
        <v>11</v>
      </c>
      <c r="W17131">
        <v>11</v>
      </c>
      <c r="X17131">
        <v>11</v>
      </c>
      <c r="Y17131">
        <v>11</v>
      </c>
      <c r="Z17131">
        <v>11</v>
      </c>
      <c r="AA17131">
        <v>11</v>
      </c>
      <c r="AB17131">
        <v>11</v>
      </c>
      <c r="AC17131">
        <v>11</v>
      </c>
      <c r="AD17131">
        <v>11</v>
      </c>
      <c r="AE17131">
        <v>11</v>
      </c>
      <c r="AF17131">
        <v>11</v>
      </c>
      <c r="AG17131">
        <v>11</v>
      </c>
      <c r="AH17131">
        <v>11</v>
      </c>
      <c r="AI17131">
        <v>11</v>
      </c>
      <c r="AJ17131">
        <v>11</v>
      </c>
      <c r="AK17131">
        <v>11</v>
      </c>
      <c r="AL17131">
        <v>11</v>
      </c>
      <c r="AM17131">
        <v>11</v>
      </c>
      <c r="AN17131">
        <v>12</v>
      </c>
      <c r="AO17131">
        <v>12</v>
      </c>
      <c r="AP17131">
        <v>12</v>
      </c>
      <c r="AQ17131">
        <v>12</v>
      </c>
    </row>
    <row r="17132" spans="1:43">
      <c r="A17132" t="s">
        <v>10632</v>
      </c>
      <c r="B17132" t="s">
        <v>10633</v>
      </c>
      <c r="C17132" t="s">
        <v>10624</v>
      </c>
      <c r="D17132" t="s">
        <v>10625</v>
      </c>
      <c r="E17132" t="s">
        <v>10448</v>
      </c>
      <c r="F17132" t="s">
        <v>10449</v>
      </c>
      <c r="G17132" t="s">
        <v>10450</v>
      </c>
      <c r="H17132" t="s">
        <v>10451</v>
      </c>
      <c r="I17132" s="2">
        <v>1</v>
      </c>
      <c r="J17132" s="2">
        <v>0</v>
      </c>
      <c r="K17132" s="2">
        <v>0</v>
      </c>
      <c r="L17132" t="s">
        <v>120</v>
      </c>
      <c r="M17132" t="s">
        <v>89</v>
      </c>
      <c r="N17132" t="s">
        <v>90</v>
      </c>
      <c r="O17132" t="s">
        <v>85</v>
      </c>
      <c r="P17132" t="s">
        <v>86</v>
      </c>
      <c r="Q17132">
        <v>10</v>
      </c>
      <c r="R17132">
        <v>10</v>
      </c>
      <c r="S17132">
        <v>10</v>
      </c>
      <c r="T17132">
        <v>10</v>
      </c>
      <c r="U17132">
        <v>11</v>
      </c>
      <c r="V17132">
        <v>11</v>
      </c>
      <c r="W17132">
        <v>11</v>
      </c>
      <c r="X17132">
        <v>11</v>
      </c>
      <c r="Y17132">
        <v>11</v>
      </c>
      <c r="Z17132">
        <v>11</v>
      </c>
      <c r="AA17132">
        <v>12</v>
      </c>
      <c r="AB17132">
        <v>12</v>
      </c>
      <c r="AC17132">
        <v>12</v>
      </c>
      <c r="AD17132">
        <v>12</v>
      </c>
      <c r="AE17132">
        <v>12</v>
      </c>
      <c r="AF17132">
        <v>12</v>
      </c>
      <c r="AG17132">
        <v>12</v>
      </c>
      <c r="AH17132">
        <v>12</v>
      </c>
      <c r="AI17132">
        <v>12</v>
      </c>
      <c r="AJ17132">
        <v>12</v>
      </c>
      <c r="AK17132">
        <v>12</v>
      </c>
      <c r="AL17132">
        <v>12</v>
      </c>
      <c r="AM17132">
        <v>12</v>
      </c>
      <c r="AN17132">
        <v>12</v>
      </c>
      <c r="AO17132">
        <v>12</v>
      </c>
      <c r="AP17132">
        <v>12</v>
      </c>
      <c r="AQ17132">
        <v>12</v>
      </c>
    </row>
    <row r="17133" spans="1:43">
      <c r="A17133" t="s">
        <v>10632</v>
      </c>
      <c r="B17133" t="s">
        <v>10633</v>
      </c>
      <c r="C17133" t="s">
        <v>10624</v>
      </c>
      <c r="D17133" t="s">
        <v>10625</v>
      </c>
      <c r="E17133" t="s">
        <v>10448</v>
      </c>
      <c r="F17133" t="s">
        <v>10449</v>
      </c>
      <c r="G17133" t="s">
        <v>10450</v>
      </c>
      <c r="H17133" t="s">
        <v>10451</v>
      </c>
      <c r="I17133" s="2">
        <v>1</v>
      </c>
      <c r="J17133" s="2">
        <v>0</v>
      </c>
      <c r="K17133" s="2">
        <v>0</v>
      </c>
      <c r="L17133" t="s">
        <v>120</v>
      </c>
      <c r="M17133" t="s">
        <v>83</v>
      </c>
      <c r="N17133" t="s">
        <v>91</v>
      </c>
      <c r="O17133" t="s">
        <v>85</v>
      </c>
      <c r="P17133" t="s">
        <v>86</v>
      </c>
      <c r="Q17133">
        <v>10</v>
      </c>
      <c r="R17133">
        <v>10</v>
      </c>
      <c r="S17133">
        <v>10</v>
      </c>
      <c r="T17133">
        <v>10</v>
      </c>
      <c r="U17133">
        <v>10</v>
      </c>
      <c r="V17133">
        <v>10</v>
      </c>
      <c r="W17133">
        <v>10</v>
      </c>
      <c r="X17133">
        <v>11</v>
      </c>
      <c r="Y17133">
        <v>11</v>
      </c>
      <c r="Z17133">
        <v>11</v>
      </c>
      <c r="AA17133">
        <v>11</v>
      </c>
      <c r="AB17133">
        <v>11</v>
      </c>
      <c r="AC17133">
        <v>11</v>
      </c>
      <c r="AD17133">
        <v>11</v>
      </c>
      <c r="AE17133">
        <v>11</v>
      </c>
      <c r="AF17133">
        <v>11</v>
      </c>
      <c r="AG17133">
        <v>12</v>
      </c>
      <c r="AH17133">
        <v>12</v>
      </c>
      <c r="AI17133">
        <v>12</v>
      </c>
      <c r="AJ17133">
        <v>12</v>
      </c>
      <c r="AK17133">
        <v>12</v>
      </c>
      <c r="AL17133">
        <v>12</v>
      </c>
      <c r="AM17133">
        <v>12</v>
      </c>
      <c r="AN17133">
        <v>12</v>
      </c>
      <c r="AO17133">
        <v>12</v>
      </c>
      <c r="AP17133">
        <v>12</v>
      </c>
      <c r="AQ17133">
        <v>12</v>
      </c>
    </row>
    <row r="17134" spans="1:43">
      <c r="A17134" t="s">
        <v>10634</v>
      </c>
      <c r="B17134" t="s">
        <v>10635</v>
      </c>
      <c r="C17134" t="s">
        <v>10636</v>
      </c>
      <c r="D17134" t="s">
        <v>10637</v>
      </c>
      <c r="E17134" t="s">
        <v>10448</v>
      </c>
      <c r="F17134" t="s">
        <v>10449</v>
      </c>
      <c r="G17134" t="s">
        <v>10450</v>
      </c>
      <c r="H17134" t="s">
        <v>10451</v>
      </c>
      <c r="I17134" s="2">
        <v>1</v>
      </c>
      <c r="J17134" s="2">
        <v>0</v>
      </c>
      <c r="K17134" s="2">
        <v>0</v>
      </c>
      <c r="L17134" t="s">
        <v>120</v>
      </c>
      <c r="M17134" t="s">
        <v>83</v>
      </c>
      <c r="N17134" t="s">
        <v>84</v>
      </c>
      <c r="O17134" t="s">
        <v>85</v>
      </c>
      <c r="P17134" t="s">
        <v>86</v>
      </c>
      <c r="Q17134">
        <v>6</v>
      </c>
      <c r="R17134">
        <v>6</v>
      </c>
      <c r="S17134">
        <v>6</v>
      </c>
      <c r="T17134">
        <v>6</v>
      </c>
      <c r="U17134">
        <v>6</v>
      </c>
      <c r="V17134">
        <v>6</v>
      </c>
      <c r="W17134">
        <v>6</v>
      </c>
      <c r="X17134">
        <v>6</v>
      </c>
      <c r="Y17134">
        <v>6</v>
      </c>
      <c r="Z17134">
        <v>6</v>
      </c>
      <c r="AA17134">
        <v>7</v>
      </c>
      <c r="AB17134">
        <v>7</v>
      </c>
      <c r="AC17134">
        <v>7</v>
      </c>
      <c r="AD17134">
        <v>7</v>
      </c>
      <c r="AE17134">
        <v>7</v>
      </c>
      <c r="AF17134">
        <v>7</v>
      </c>
      <c r="AG17134">
        <v>7</v>
      </c>
      <c r="AH17134">
        <v>7</v>
      </c>
      <c r="AI17134">
        <v>7</v>
      </c>
      <c r="AJ17134">
        <v>7</v>
      </c>
      <c r="AK17134">
        <v>7</v>
      </c>
      <c r="AL17134">
        <v>7</v>
      </c>
      <c r="AM17134">
        <v>7</v>
      </c>
      <c r="AN17134">
        <v>7</v>
      </c>
      <c r="AO17134">
        <v>7</v>
      </c>
      <c r="AP17134">
        <v>7</v>
      </c>
      <c r="AQ17134">
        <v>7</v>
      </c>
    </row>
    <row r="17135" spans="1:43">
      <c r="A17135" t="s">
        <v>10634</v>
      </c>
      <c r="B17135" t="s">
        <v>10635</v>
      </c>
      <c r="C17135" t="s">
        <v>10636</v>
      </c>
      <c r="D17135" t="s">
        <v>10637</v>
      </c>
      <c r="E17135" t="s">
        <v>10448</v>
      </c>
      <c r="F17135" t="s">
        <v>10449</v>
      </c>
      <c r="G17135" t="s">
        <v>10450</v>
      </c>
      <c r="H17135" t="s">
        <v>10451</v>
      </c>
      <c r="I17135" s="2">
        <v>1</v>
      </c>
      <c r="J17135" s="2">
        <v>0</v>
      </c>
      <c r="K17135" s="2">
        <v>0</v>
      </c>
      <c r="L17135" t="s">
        <v>120</v>
      </c>
      <c r="M17135" t="s">
        <v>87</v>
      </c>
      <c r="N17135" t="s">
        <v>88</v>
      </c>
      <c r="O17135" t="s">
        <v>85</v>
      </c>
      <c r="P17135" t="s">
        <v>86</v>
      </c>
      <c r="Q17135">
        <v>6</v>
      </c>
      <c r="R17135">
        <v>6</v>
      </c>
      <c r="S17135">
        <v>6</v>
      </c>
      <c r="T17135">
        <v>6</v>
      </c>
      <c r="U17135">
        <v>6</v>
      </c>
      <c r="V17135">
        <v>6</v>
      </c>
      <c r="W17135">
        <v>6</v>
      </c>
      <c r="X17135">
        <v>6</v>
      </c>
      <c r="Y17135">
        <v>6</v>
      </c>
      <c r="Z17135">
        <v>6</v>
      </c>
      <c r="AA17135">
        <v>6</v>
      </c>
      <c r="AB17135">
        <v>6</v>
      </c>
      <c r="AC17135">
        <v>6</v>
      </c>
      <c r="AD17135">
        <v>6</v>
      </c>
      <c r="AE17135">
        <v>6</v>
      </c>
      <c r="AF17135">
        <v>6</v>
      </c>
      <c r="AG17135">
        <v>6</v>
      </c>
      <c r="AH17135">
        <v>6</v>
      </c>
      <c r="AI17135">
        <v>6</v>
      </c>
      <c r="AJ17135">
        <v>6</v>
      </c>
      <c r="AK17135">
        <v>6</v>
      </c>
      <c r="AL17135">
        <v>6</v>
      </c>
      <c r="AM17135">
        <v>6</v>
      </c>
      <c r="AN17135">
        <v>6</v>
      </c>
      <c r="AO17135">
        <v>6</v>
      </c>
      <c r="AP17135">
        <v>6</v>
      </c>
      <c r="AQ17135">
        <v>6</v>
      </c>
    </row>
    <row r="17136" spans="1:43">
      <c r="A17136" t="s">
        <v>10634</v>
      </c>
      <c r="B17136" t="s">
        <v>10635</v>
      </c>
      <c r="C17136" t="s">
        <v>10636</v>
      </c>
      <c r="D17136" t="s">
        <v>10637</v>
      </c>
      <c r="E17136" t="s">
        <v>10448</v>
      </c>
      <c r="F17136" t="s">
        <v>10449</v>
      </c>
      <c r="G17136" t="s">
        <v>10450</v>
      </c>
      <c r="H17136" t="s">
        <v>10451</v>
      </c>
      <c r="I17136" s="2">
        <v>1</v>
      </c>
      <c r="J17136" s="2">
        <v>0</v>
      </c>
      <c r="K17136" s="2">
        <v>0</v>
      </c>
      <c r="L17136" t="s">
        <v>120</v>
      </c>
      <c r="M17136" t="s">
        <v>89</v>
      </c>
      <c r="N17136" t="s">
        <v>90</v>
      </c>
      <c r="O17136" t="s">
        <v>85</v>
      </c>
      <c r="P17136" t="s">
        <v>86</v>
      </c>
      <c r="Q17136">
        <v>6</v>
      </c>
      <c r="R17136">
        <v>6</v>
      </c>
      <c r="S17136">
        <v>6</v>
      </c>
      <c r="T17136">
        <v>6</v>
      </c>
      <c r="U17136">
        <v>6</v>
      </c>
      <c r="V17136">
        <v>6</v>
      </c>
      <c r="W17136">
        <v>7</v>
      </c>
      <c r="X17136">
        <v>7</v>
      </c>
      <c r="Y17136">
        <v>7</v>
      </c>
      <c r="Z17136">
        <v>7</v>
      </c>
      <c r="AA17136">
        <v>7</v>
      </c>
      <c r="AB17136">
        <v>7</v>
      </c>
      <c r="AC17136">
        <v>7</v>
      </c>
      <c r="AD17136">
        <v>7</v>
      </c>
      <c r="AE17136">
        <v>7</v>
      </c>
      <c r="AF17136">
        <v>7</v>
      </c>
      <c r="AG17136">
        <v>7</v>
      </c>
      <c r="AH17136">
        <v>7</v>
      </c>
      <c r="AI17136">
        <v>7</v>
      </c>
      <c r="AJ17136">
        <v>7</v>
      </c>
      <c r="AK17136">
        <v>7</v>
      </c>
      <c r="AL17136">
        <v>7</v>
      </c>
      <c r="AM17136">
        <v>7</v>
      </c>
      <c r="AN17136">
        <v>7</v>
      </c>
      <c r="AO17136">
        <v>7</v>
      </c>
      <c r="AP17136">
        <v>7</v>
      </c>
      <c r="AQ17136">
        <v>7</v>
      </c>
    </row>
    <row r="17137" spans="1:43">
      <c r="A17137" t="s">
        <v>10634</v>
      </c>
      <c r="B17137" t="s">
        <v>10635</v>
      </c>
      <c r="C17137" t="s">
        <v>10636</v>
      </c>
      <c r="D17137" t="s">
        <v>10637</v>
      </c>
      <c r="E17137" t="s">
        <v>10448</v>
      </c>
      <c r="F17137" t="s">
        <v>10449</v>
      </c>
      <c r="G17137" t="s">
        <v>10450</v>
      </c>
      <c r="H17137" t="s">
        <v>10451</v>
      </c>
      <c r="I17137" s="2">
        <v>1</v>
      </c>
      <c r="J17137" s="2">
        <v>0</v>
      </c>
      <c r="K17137" s="2">
        <v>0</v>
      </c>
      <c r="L17137" t="s">
        <v>120</v>
      </c>
      <c r="M17137" t="s">
        <v>83</v>
      </c>
      <c r="N17137" t="s">
        <v>91</v>
      </c>
      <c r="O17137" t="s">
        <v>85</v>
      </c>
      <c r="P17137" t="s">
        <v>86</v>
      </c>
      <c r="Q17137">
        <v>6</v>
      </c>
      <c r="R17137">
        <v>6</v>
      </c>
      <c r="S17137">
        <v>6</v>
      </c>
      <c r="T17137">
        <v>6</v>
      </c>
      <c r="U17137">
        <v>6</v>
      </c>
      <c r="V17137">
        <v>6</v>
      </c>
      <c r="W17137">
        <v>6</v>
      </c>
      <c r="X17137">
        <v>6</v>
      </c>
      <c r="Y17137">
        <v>6</v>
      </c>
      <c r="Z17137">
        <v>6</v>
      </c>
      <c r="AA17137">
        <v>7</v>
      </c>
      <c r="AB17137">
        <v>7</v>
      </c>
      <c r="AC17137">
        <v>7</v>
      </c>
      <c r="AD17137">
        <v>7</v>
      </c>
      <c r="AE17137">
        <v>7</v>
      </c>
      <c r="AF17137">
        <v>7</v>
      </c>
      <c r="AG17137">
        <v>7</v>
      </c>
      <c r="AH17137">
        <v>7</v>
      </c>
      <c r="AI17137">
        <v>7</v>
      </c>
      <c r="AJ17137">
        <v>7</v>
      </c>
      <c r="AK17137">
        <v>7</v>
      </c>
      <c r="AL17137">
        <v>7</v>
      </c>
      <c r="AM17137">
        <v>7</v>
      </c>
      <c r="AN17137">
        <v>7</v>
      </c>
      <c r="AO17137">
        <v>7</v>
      </c>
      <c r="AP17137">
        <v>7</v>
      </c>
      <c r="AQ17137">
        <v>7</v>
      </c>
    </row>
    <row r="17138" spans="1:43">
      <c r="A17138" t="s">
        <v>10638</v>
      </c>
      <c r="B17138" t="s">
        <v>10639</v>
      </c>
      <c r="C17138" t="s">
        <v>10484</v>
      </c>
      <c r="D17138" t="s">
        <v>10485</v>
      </c>
      <c r="E17138" t="s">
        <v>10448</v>
      </c>
      <c r="F17138" t="s">
        <v>10449</v>
      </c>
      <c r="G17138" t="s">
        <v>10450</v>
      </c>
      <c r="H17138" t="s">
        <v>10451</v>
      </c>
      <c r="I17138" s="2">
        <v>1</v>
      </c>
      <c r="J17138" s="2">
        <v>0</v>
      </c>
      <c r="K17138" s="2">
        <v>0</v>
      </c>
      <c r="L17138" t="s">
        <v>120</v>
      </c>
      <c r="M17138" t="s">
        <v>83</v>
      </c>
      <c r="N17138" t="s">
        <v>84</v>
      </c>
      <c r="O17138" t="s">
        <v>85</v>
      </c>
      <c r="P17138" t="s">
        <v>86</v>
      </c>
      <c r="Q17138">
        <v>7</v>
      </c>
      <c r="R17138">
        <v>7</v>
      </c>
      <c r="S17138">
        <v>7</v>
      </c>
      <c r="T17138">
        <v>7</v>
      </c>
      <c r="U17138">
        <v>7</v>
      </c>
      <c r="V17138">
        <v>7</v>
      </c>
      <c r="W17138">
        <v>7</v>
      </c>
      <c r="X17138">
        <v>7</v>
      </c>
      <c r="Y17138">
        <v>8</v>
      </c>
      <c r="Z17138">
        <v>8</v>
      </c>
      <c r="AA17138">
        <v>8</v>
      </c>
      <c r="AB17138">
        <v>8</v>
      </c>
      <c r="AC17138">
        <v>8</v>
      </c>
      <c r="AD17138">
        <v>8</v>
      </c>
      <c r="AE17138">
        <v>8</v>
      </c>
      <c r="AF17138">
        <v>8</v>
      </c>
      <c r="AG17138">
        <v>8</v>
      </c>
      <c r="AH17138">
        <v>8</v>
      </c>
      <c r="AI17138">
        <v>8</v>
      </c>
      <c r="AJ17138">
        <v>8</v>
      </c>
      <c r="AK17138">
        <v>9</v>
      </c>
      <c r="AL17138">
        <v>9</v>
      </c>
      <c r="AM17138">
        <v>9</v>
      </c>
      <c r="AN17138">
        <v>9</v>
      </c>
      <c r="AO17138">
        <v>9</v>
      </c>
      <c r="AP17138">
        <v>9</v>
      </c>
      <c r="AQ17138">
        <v>9</v>
      </c>
    </row>
    <row r="17139" spans="1:43">
      <c r="A17139" t="s">
        <v>10638</v>
      </c>
      <c r="B17139" t="s">
        <v>10639</v>
      </c>
      <c r="C17139" t="s">
        <v>10484</v>
      </c>
      <c r="D17139" t="s">
        <v>10485</v>
      </c>
      <c r="E17139" t="s">
        <v>10448</v>
      </c>
      <c r="F17139" t="s">
        <v>10449</v>
      </c>
      <c r="G17139" t="s">
        <v>10450</v>
      </c>
      <c r="H17139" t="s">
        <v>10451</v>
      </c>
      <c r="I17139" s="2">
        <v>1</v>
      </c>
      <c r="J17139" s="2">
        <v>0</v>
      </c>
      <c r="K17139" s="2">
        <v>0</v>
      </c>
      <c r="L17139" t="s">
        <v>120</v>
      </c>
      <c r="M17139" t="s">
        <v>87</v>
      </c>
      <c r="N17139" t="s">
        <v>88</v>
      </c>
      <c r="O17139" t="s">
        <v>85</v>
      </c>
      <c r="P17139" t="s">
        <v>86</v>
      </c>
      <c r="Q17139">
        <v>7</v>
      </c>
      <c r="R17139">
        <v>7</v>
      </c>
      <c r="S17139">
        <v>7</v>
      </c>
      <c r="T17139">
        <v>7</v>
      </c>
      <c r="U17139">
        <v>7</v>
      </c>
      <c r="V17139">
        <v>7</v>
      </c>
      <c r="W17139">
        <v>7</v>
      </c>
      <c r="X17139">
        <v>7</v>
      </c>
      <c r="Y17139">
        <v>7</v>
      </c>
      <c r="Z17139">
        <v>7</v>
      </c>
      <c r="AA17139">
        <v>7</v>
      </c>
      <c r="AB17139">
        <v>7</v>
      </c>
      <c r="AC17139">
        <v>7</v>
      </c>
      <c r="AD17139">
        <v>7</v>
      </c>
      <c r="AE17139">
        <v>7</v>
      </c>
      <c r="AF17139">
        <v>7</v>
      </c>
      <c r="AG17139">
        <v>7</v>
      </c>
      <c r="AH17139">
        <v>7</v>
      </c>
      <c r="AI17139">
        <v>7</v>
      </c>
      <c r="AJ17139">
        <v>7</v>
      </c>
      <c r="AK17139">
        <v>7</v>
      </c>
      <c r="AL17139">
        <v>7</v>
      </c>
      <c r="AM17139">
        <v>7</v>
      </c>
      <c r="AN17139">
        <v>7</v>
      </c>
      <c r="AO17139">
        <v>7</v>
      </c>
      <c r="AP17139">
        <v>7</v>
      </c>
      <c r="AQ17139">
        <v>8</v>
      </c>
    </row>
    <row r="17140" spans="1:43">
      <c r="A17140" t="s">
        <v>10638</v>
      </c>
      <c r="B17140" t="s">
        <v>10639</v>
      </c>
      <c r="C17140" t="s">
        <v>10484</v>
      </c>
      <c r="D17140" t="s">
        <v>10485</v>
      </c>
      <c r="E17140" t="s">
        <v>10448</v>
      </c>
      <c r="F17140" t="s">
        <v>10449</v>
      </c>
      <c r="G17140" t="s">
        <v>10450</v>
      </c>
      <c r="H17140" t="s">
        <v>10451</v>
      </c>
      <c r="I17140" s="2">
        <v>1</v>
      </c>
      <c r="J17140" s="2">
        <v>0</v>
      </c>
      <c r="K17140" s="2">
        <v>0</v>
      </c>
      <c r="L17140" t="s">
        <v>120</v>
      </c>
      <c r="M17140" t="s">
        <v>89</v>
      </c>
      <c r="N17140" t="s">
        <v>90</v>
      </c>
      <c r="O17140" t="s">
        <v>85</v>
      </c>
      <c r="P17140" t="s">
        <v>86</v>
      </c>
      <c r="Q17140">
        <v>7</v>
      </c>
      <c r="R17140">
        <v>7</v>
      </c>
      <c r="S17140">
        <v>7</v>
      </c>
      <c r="T17140">
        <v>7</v>
      </c>
      <c r="U17140">
        <v>7</v>
      </c>
      <c r="V17140">
        <v>8</v>
      </c>
      <c r="W17140">
        <v>8</v>
      </c>
      <c r="X17140">
        <v>8</v>
      </c>
      <c r="Y17140">
        <v>8</v>
      </c>
      <c r="Z17140">
        <v>8</v>
      </c>
      <c r="AA17140">
        <v>8</v>
      </c>
      <c r="AB17140">
        <v>8</v>
      </c>
      <c r="AC17140">
        <v>8</v>
      </c>
      <c r="AD17140">
        <v>9</v>
      </c>
      <c r="AE17140">
        <v>9</v>
      </c>
      <c r="AF17140">
        <v>9</v>
      </c>
      <c r="AG17140">
        <v>9</v>
      </c>
      <c r="AH17140">
        <v>9</v>
      </c>
      <c r="AI17140">
        <v>9</v>
      </c>
      <c r="AJ17140">
        <v>9</v>
      </c>
      <c r="AK17140">
        <v>9</v>
      </c>
      <c r="AL17140">
        <v>9</v>
      </c>
      <c r="AM17140">
        <v>9</v>
      </c>
      <c r="AN17140">
        <v>9</v>
      </c>
      <c r="AO17140">
        <v>9</v>
      </c>
      <c r="AP17140">
        <v>9</v>
      </c>
      <c r="AQ17140">
        <v>9</v>
      </c>
    </row>
    <row r="17141" spans="1:43">
      <c r="A17141" t="s">
        <v>10638</v>
      </c>
      <c r="B17141" t="s">
        <v>10639</v>
      </c>
      <c r="C17141" t="s">
        <v>10484</v>
      </c>
      <c r="D17141" t="s">
        <v>10485</v>
      </c>
      <c r="E17141" t="s">
        <v>10448</v>
      </c>
      <c r="F17141" t="s">
        <v>10449</v>
      </c>
      <c r="G17141" t="s">
        <v>10450</v>
      </c>
      <c r="H17141" t="s">
        <v>10451</v>
      </c>
      <c r="I17141" s="2">
        <v>1</v>
      </c>
      <c r="J17141" s="2">
        <v>0</v>
      </c>
      <c r="K17141" s="2">
        <v>0</v>
      </c>
      <c r="L17141" t="s">
        <v>120</v>
      </c>
      <c r="M17141" t="s">
        <v>83</v>
      </c>
      <c r="N17141" t="s">
        <v>91</v>
      </c>
      <c r="O17141" t="s">
        <v>85</v>
      </c>
      <c r="P17141" t="s">
        <v>86</v>
      </c>
      <c r="Q17141">
        <v>7</v>
      </c>
      <c r="R17141">
        <v>7</v>
      </c>
      <c r="S17141">
        <v>7</v>
      </c>
      <c r="T17141">
        <v>7</v>
      </c>
      <c r="U17141">
        <v>7</v>
      </c>
      <c r="V17141">
        <v>7</v>
      </c>
      <c r="W17141">
        <v>7</v>
      </c>
      <c r="X17141">
        <v>7</v>
      </c>
      <c r="Y17141">
        <v>8</v>
      </c>
      <c r="Z17141">
        <v>8</v>
      </c>
      <c r="AA17141">
        <v>8</v>
      </c>
      <c r="AB17141">
        <v>8</v>
      </c>
      <c r="AC17141">
        <v>8</v>
      </c>
      <c r="AD17141">
        <v>8</v>
      </c>
      <c r="AE17141">
        <v>8</v>
      </c>
      <c r="AF17141">
        <v>8</v>
      </c>
      <c r="AG17141">
        <v>8</v>
      </c>
      <c r="AH17141">
        <v>8</v>
      </c>
      <c r="AI17141">
        <v>8</v>
      </c>
      <c r="AJ17141">
        <v>8</v>
      </c>
      <c r="AK17141">
        <v>9</v>
      </c>
      <c r="AL17141">
        <v>9</v>
      </c>
      <c r="AM17141">
        <v>9</v>
      </c>
      <c r="AN17141">
        <v>9</v>
      </c>
      <c r="AO17141">
        <v>9</v>
      </c>
      <c r="AP17141">
        <v>9</v>
      </c>
      <c r="AQ17141">
        <v>9</v>
      </c>
    </row>
    <row r="17142" spans="1:43">
      <c r="A17142" t="s">
        <v>10640</v>
      </c>
      <c r="B17142" t="s">
        <v>10641</v>
      </c>
      <c r="C17142" t="s">
        <v>10636</v>
      </c>
      <c r="D17142" t="s">
        <v>10637</v>
      </c>
      <c r="E17142" t="s">
        <v>10448</v>
      </c>
      <c r="F17142" t="s">
        <v>10449</v>
      </c>
      <c r="G17142" t="s">
        <v>10450</v>
      </c>
      <c r="H17142" t="s">
        <v>10451</v>
      </c>
      <c r="I17142" s="2">
        <v>1</v>
      </c>
      <c r="J17142" s="2">
        <v>0</v>
      </c>
      <c r="K17142" s="2">
        <v>0</v>
      </c>
      <c r="L17142" t="s">
        <v>120</v>
      </c>
      <c r="M17142" t="s">
        <v>83</v>
      </c>
      <c r="N17142" t="s">
        <v>84</v>
      </c>
      <c r="O17142" t="s">
        <v>85</v>
      </c>
      <c r="P17142" t="s">
        <v>86</v>
      </c>
      <c r="Q17142">
        <v>21</v>
      </c>
      <c r="R17142">
        <v>21</v>
      </c>
      <c r="S17142">
        <v>21</v>
      </c>
      <c r="T17142">
        <v>21</v>
      </c>
      <c r="U17142">
        <v>22</v>
      </c>
      <c r="V17142">
        <v>22</v>
      </c>
      <c r="W17142">
        <v>22</v>
      </c>
      <c r="X17142">
        <v>23</v>
      </c>
      <c r="Y17142">
        <v>23</v>
      </c>
      <c r="Z17142">
        <v>23</v>
      </c>
      <c r="AA17142">
        <v>23</v>
      </c>
      <c r="AB17142">
        <v>24</v>
      </c>
      <c r="AC17142">
        <v>24</v>
      </c>
      <c r="AD17142">
        <v>24</v>
      </c>
      <c r="AE17142">
        <v>24</v>
      </c>
      <c r="AF17142">
        <v>25</v>
      </c>
      <c r="AG17142">
        <v>25</v>
      </c>
      <c r="AH17142">
        <v>25</v>
      </c>
      <c r="AI17142">
        <v>26</v>
      </c>
      <c r="AJ17142">
        <v>26</v>
      </c>
      <c r="AK17142">
        <v>26</v>
      </c>
      <c r="AL17142">
        <v>26</v>
      </c>
      <c r="AM17142">
        <v>26</v>
      </c>
      <c r="AN17142">
        <v>26</v>
      </c>
      <c r="AO17142">
        <v>26</v>
      </c>
      <c r="AP17142">
        <v>26</v>
      </c>
      <c r="AQ17142">
        <v>26</v>
      </c>
    </row>
    <row r="17143" spans="1:43">
      <c r="A17143" t="s">
        <v>10640</v>
      </c>
      <c r="B17143" t="s">
        <v>10641</v>
      </c>
      <c r="C17143" t="s">
        <v>10636</v>
      </c>
      <c r="D17143" t="s">
        <v>10637</v>
      </c>
      <c r="E17143" t="s">
        <v>10448</v>
      </c>
      <c r="F17143" t="s">
        <v>10449</v>
      </c>
      <c r="G17143" t="s">
        <v>10450</v>
      </c>
      <c r="H17143" t="s">
        <v>10451</v>
      </c>
      <c r="I17143" s="2">
        <v>1</v>
      </c>
      <c r="J17143" s="2">
        <v>0</v>
      </c>
      <c r="K17143" s="2">
        <v>0</v>
      </c>
      <c r="L17143" t="s">
        <v>120</v>
      </c>
      <c r="M17143" t="s">
        <v>87</v>
      </c>
      <c r="N17143" t="s">
        <v>88</v>
      </c>
      <c r="O17143" t="s">
        <v>85</v>
      </c>
      <c r="P17143" t="s">
        <v>86</v>
      </c>
      <c r="Q17143">
        <v>21</v>
      </c>
      <c r="R17143">
        <v>21</v>
      </c>
      <c r="S17143">
        <v>22</v>
      </c>
      <c r="T17143">
        <v>22</v>
      </c>
      <c r="U17143">
        <v>22</v>
      </c>
      <c r="V17143">
        <v>22</v>
      </c>
      <c r="W17143">
        <v>22</v>
      </c>
      <c r="X17143">
        <v>22</v>
      </c>
      <c r="Y17143">
        <v>22</v>
      </c>
      <c r="Z17143">
        <v>22</v>
      </c>
      <c r="AA17143">
        <v>22</v>
      </c>
      <c r="AB17143">
        <v>22</v>
      </c>
      <c r="AC17143">
        <v>23</v>
      </c>
      <c r="AD17143">
        <v>23</v>
      </c>
      <c r="AE17143">
        <v>23</v>
      </c>
      <c r="AF17143">
        <v>23</v>
      </c>
      <c r="AG17143">
        <v>23</v>
      </c>
      <c r="AH17143">
        <v>23</v>
      </c>
      <c r="AI17143">
        <v>23</v>
      </c>
      <c r="AJ17143">
        <v>23</v>
      </c>
      <c r="AK17143">
        <v>23</v>
      </c>
      <c r="AL17143">
        <v>23</v>
      </c>
      <c r="AM17143">
        <v>23</v>
      </c>
      <c r="AN17143">
        <v>24</v>
      </c>
      <c r="AO17143">
        <v>24</v>
      </c>
      <c r="AP17143">
        <v>24</v>
      </c>
      <c r="AQ17143">
        <v>24</v>
      </c>
    </row>
    <row r="17144" spans="1:43">
      <c r="A17144" t="s">
        <v>10640</v>
      </c>
      <c r="B17144" t="s">
        <v>10641</v>
      </c>
      <c r="C17144" t="s">
        <v>10636</v>
      </c>
      <c r="D17144" t="s">
        <v>10637</v>
      </c>
      <c r="E17144" t="s">
        <v>10448</v>
      </c>
      <c r="F17144" t="s">
        <v>10449</v>
      </c>
      <c r="G17144" t="s">
        <v>10450</v>
      </c>
      <c r="H17144" t="s">
        <v>10451</v>
      </c>
      <c r="I17144" s="2">
        <v>1</v>
      </c>
      <c r="J17144" s="2">
        <v>0</v>
      </c>
      <c r="K17144" s="2">
        <v>0</v>
      </c>
      <c r="L17144" t="s">
        <v>120</v>
      </c>
      <c r="M17144" t="s">
        <v>89</v>
      </c>
      <c r="N17144" t="s">
        <v>90</v>
      </c>
      <c r="O17144" t="s">
        <v>85</v>
      </c>
      <c r="P17144" t="s">
        <v>86</v>
      </c>
      <c r="Q17144">
        <v>21</v>
      </c>
      <c r="R17144">
        <v>21</v>
      </c>
      <c r="S17144">
        <v>22</v>
      </c>
      <c r="T17144">
        <v>22</v>
      </c>
      <c r="U17144">
        <v>23</v>
      </c>
      <c r="V17144">
        <v>23</v>
      </c>
      <c r="W17144">
        <v>23</v>
      </c>
      <c r="X17144">
        <v>24</v>
      </c>
      <c r="Y17144">
        <v>24</v>
      </c>
      <c r="Z17144">
        <v>25</v>
      </c>
      <c r="AA17144">
        <v>25</v>
      </c>
      <c r="AB17144">
        <v>25</v>
      </c>
      <c r="AC17144">
        <v>26</v>
      </c>
      <c r="AD17144">
        <v>26</v>
      </c>
      <c r="AE17144">
        <v>26</v>
      </c>
      <c r="AF17144">
        <v>26</v>
      </c>
      <c r="AG17144">
        <v>26</v>
      </c>
      <c r="AH17144">
        <v>26</v>
      </c>
      <c r="AI17144">
        <v>26</v>
      </c>
      <c r="AJ17144">
        <v>26</v>
      </c>
      <c r="AK17144">
        <v>26</v>
      </c>
      <c r="AL17144">
        <v>26</v>
      </c>
      <c r="AM17144">
        <v>26</v>
      </c>
      <c r="AN17144">
        <v>26</v>
      </c>
      <c r="AO17144">
        <v>26</v>
      </c>
      <c r="AP17144">
        <v>26</v>
      </c>
      <c r="AQ17144">
        <v>26</v>
      </c>
    </row>
    <row r="17145" spans="1:43">
      <c r="A17145" t="s">
        <v>10640</v>
      </c>
      <c r="B17145" t="s">
        <v>10641</v>
      </c>
      <c r="C17145" t="s">
        <v>10636</v>
      </c>
      <c r="D17145" t="s">
        <v>10637</v>
      </c>
      <c r="E17145" t="s">
        <v>10448</v>
      </c>
      <c r="F17145" t="s">
        <v>10449</v>
      </c>
      <c r="G17145" t="s">
        <v>10450</v>
      </c>
      <c r="H17145" t="s">
        <v>10451</v>
      </c>
      <c r="I17145" s="2">
        <v>1</v>
      </c>
      <c r="J17145" s="2">
        <v>0</v>
      </c>
      <c r="K17145" s="2">
        <v>0</v>
      </c>
      <c r="L17145" t="s">
        <v>120</v>
      </c>
      <c r="M17145" t="s">
        <v>83</v>
      </c>
      <c r="N17145" t="s">
        <v>91</v>
      </c>
      <c r="O17145" t="s">
        <v>85</v>
      </c>
      <c r="P17145" t="s">
        <v>86</v>
      </c>
      <c r="Q17145">
        <v>21</v>
      </c>
      <c r="R17145">
        <v>21</v>
      </c>
      <c r="S17145">
        <v>21</v>
      </c>
      <c r="T17145">
        <v>21</v>
      </c>
      <c r="U17145">
        <v>22</v>
      </c>
      <c r="V17145">
        <v>22</v>
      </c>
      <c r="W17145">
        <v>22</v>
      </c>
      <c r="X17145">
        <v>23</v>
      </c>
      <c r="Y17145">
        <v>23</v>
      </c>
      <c r="Z17145">
        <v>23</v>
      </c>
      <c r="AA17145">
        <v>23</v>
      </c>
      <c r="AB17145">
        <v>24</v>
      </c>
      <c r="AC17145">
        <v>24</v>
      </c>
      <c r="AD17145">
        <v>24</v>
      </c>
      <c r="AE17145">
        <v>24</v>
      </c>
      <c r="AF17145">
        <v>25</v>
      </c>
      <c r="AG17145">
        <v>25</v>
      </c>
      <c r="AH17145">
        <v>25</v>
      </c>
      <c r="AI17145">
        <v>26</v>
      </c>
      <c r="AJ17145">
        <v>26</v>
      </c>
      <c r="AK17145">
        <v>26</v>
      </c>
      <c r="AL17145">
        <v>26</v>
      </c>
      <c r="AM17145">
        <v>26</v>
      </c>
      <c r="AN17145">
        <v>26</v>
      </c>
      <c r="AO17145">
        <v>26</v>
      </c>
      <c r="AP17145">
        <v>26</v>
      </c>
      <c r="AQ17145">
        <v>26</v>
      </c>
    </row>
    <row r="17146" spans="1:43">
      <c r="A17146" t="s">
        <v>10642</v>
      </c>
      <c r="B17146" t="s">
        <v>10643</v>
      </c>
      <c r="C17146" t="s">
        <v>10636</v>
      </c>
      <c r="D17146" t="s">
        <v>10637</v>
      </c>
      <c r="E17146" t="s">
        <v>10448</v>
      </c>
      <c r="F17146" t="s">
        <v>10449</v>
      </c>
      <c r="G17146" t="s">
        <v>10450</v>
      </c>
      <c r="H17146" t="s">
        <v>10451</v>
      </c>
      <c r="I17146" s="2">
        <v>1</v>
      </c>
      <c r="J17146" s="2">
        <v>0</v>
      </c>
      <c r="K17146" s="2">
        <v>0</v>
      </c>
      <c r="L17146" t="s">
        <v>120</v>
      </c>
      <c r="M17146" t="s">
        <v>83</v>
      </c>
      <c r="N17146" t="s">
        <v>84</v>
      </c>
      <c r="O17146" t="s">
        <v>85</v>
      </c>
      <c r="P17146" t="s">
        <v>86</v>
      </c>
      <c r="Q17146">
        <v>8</v>
      </c>
      <c r="R17146">
        <v>8</v>
      </c>
      <c r="S17146">
        <v>8</v>
      </c>
      <c r="T17146">
        <v>8</v>
      </c>
      <c r="U17146">
        <v>8</v>
      </c>
      <c r="V17146">
        <v>8</v>
      </c>
      <c r="W17146">
        <v>8</v>
      </c>
      <c r="X17146">
        <v>9</v>
      </c>
      <c r="Y17146">
        <v>9</v>
      </c>
      <c r="Z17146">
        <v>9</v>
      </c>
      <c r="AA17146">
        <v>9</v>
      </c>
      <c r="AB17146">
        <v>9</v>
      </c>
      <c r="AC17146">
        <v>9</v>
      </c>
      <c r="AD17146">
        <v>9</v>
      </c>
      <c r="AE17146">
        <v>9</v>
      </c>
      <c r="AF17146">
        <v>9</v>
      </c>
      <c r="AG17146">
        <v>9</v>
      </c>
      <c r="AH17146">
        <v>9</v>
      </c>
      <c r="AI17146">
        <v>10</v>
      </c>
      <c r="AJ17146">
        <v>10</v>
      </c>
      <c r="AK17146">
        <v>10</v>
      </c>
      <c r="AL17146">
        <v>10</v>
      </c>
      <c r="AM17146">
        <v>10</v>
      </c>
      <c r="AN17146">
        <v>10</v>
      </c>
      <c r="AO17146">
        <v>10</v>
      </c>
      <c r="AP17146">
        <v>10</v>
      </c>
      <c r="AQ17146">
        <v>10</v>
      </c>
    </row>
    <row r="17147" spans="1:43">
      <c r="A17147" t="s">
        <v>10642</v>
      </c>
      <c r="B17147" t="s">
        <v>10643</v>
      </c>
      <c r="C17147" t="s">
        <v>10636</v>
      </c>
      <c r="D17147" t="s">
        <v>10637</v>
      </c>
      <c r="E17147" t="s">
        <v>10448</v>
      </c>
      <c r="F17147" t="s">
        <v>10449</v>
      </c>
      <c r="G17147" t="s">
        <v>10450</v>
      </c>
      <c r="H17147" t="s">
        <v>10451</v>
      </c>
      <c r="I17147" s="2">
        <v>1</v>
      </c>
      <c r="J17147" s="2">
        <v>0</v>
      </c>
      <c r="K17147" s="2">
        <v>0</v>
      </c>
      <c r="L17147" t="s">
        <v>120</v>
      </c>
      <c r="M17147" t="s">
        <v>87</v>
      </c>
      <c r="N17147" t="s">
        <v>88</v>
      </c>
      <c r="O17147" t="s">
        <v>85</v>
      </c>
      <c r="P17147" t="s">
        <v>86</v>
      </c>
      <c r="Q17147">
        <v>8</v>
      </c>
      <c r="R17147">
        <v>8</v>
      </c>
      <c r="S17147">
        <v>8</v>
      </c>
      <c r="T17147">
        <v>8</v>
      </c>
      <c r="U17147">
        <v>8</v>
      </c>
      <c r="V17147">
        <v>8</v>
      </c>
      <c r="W17147">
        <v>8</v>
      </c>
      <c r="X17147">
        <v>8</v>
      </c>
      <c r="Y17147">
        <v>8</v>
      </c>
      <c r="Z17147">
        <v>8</v>
      </c>
      <c r="AA17147">
        <v>8</v>
      </c>
      <c r="AB17147">
        <v>8</v>
      </c>
      <c r="AC17147">
        <v>8</v>
      </c>
      <c r="AD17147">
        <v>8</v>
      </c>
      <c r="AE17147">
        <v>8</v>
      </c>
      <c r="AF17147">
        <v>8</v>
      </c>
      <c r="AG17147">
        <v>8</v>
      </c>
      <c r="AH17147">
        <v>8</v>
      </c>
      <c r="AI17147">
        <v>8</v>
      </c>
      <c r="AJ17147">
        <v>8</v>
      </c>
      <c r="AK17147">
        <v>8</v>
      </c>
      <c r="AL17147">
        <v>8</v>
      </c>
      <c r="AM17147">
        <v>8</v>
      </c>
      <c r="AN17147">
        <v>8</v>
      </c>
      <c r="AO17147">
        <v>9</v>
      </c>
      <c r="AP17147">
        <v>9</v>
      </c>
      <c r="AQ17147">
        <v>9</v>
      </c>
    </row>
    <row r="17148" spans="1:43">
      <c r="A17148" t="s">
        <v>10642</v>
      </c>
      <c r="B17148" t="s">
        <v>10643</v>
      </c>
      <c r="C17148" t="s">
        <v>10636</v>
      </c>
      <c r="D17148" t="s">
        <v>10637</v>
      </c>
      <c r="E17148" t="s">
        <v>10448</v>
      </c>
      <c r="F17148" t="s">
        <v>10449</v>
      </c>
      <c r="G17148" t="s">
        <v>10450</v>
      </c>
      <c r="H17148" t="s">
        <v>10451</v>
      </c>
      <c r="I17148" s="2">
        <v>1</v>
      </c>
      <c r="J17148" s="2">
        <v>0</v>
      </c>
      <c r="K17148" s="2">
        <v>0</v>
      </c>
      <c r="L17148" t="s">
        <v>120</v>
      </c>
      <c r="M17148" t="s">
        <v>89</v>
      </c>
      <c r="N17148" t="s">
        <v>90</v>
      </c>
      <c r="O17148" t="s">
        <v>85</v>
      </c>
      <c r="P17148" t="s">
        <v>86</v>
      </c>
      <c r="Q17148">
        <v>8</v>
      </c>
      <c r="R17148">
        <v>8</v>
      </c>
      <c r="S17148">
        <v>8</v>
      </c>
      <c r="T17148">
        <v>8</v>
      </c>
      <c r="U17148">
        <v>9</v>
      </c>
      <c r="V17148">
        <v>9</v>
      </c>
      <c r="W17148">
        <v>9</v>
      </c>
      <c r="X17148">
        <v>9</v>
      </c>
      <c r="Y17148">
        <v>9</v>
      </c>
      <c r="Z17148">
        <v>9</v>
      </c>
      <c r="AA17148">
        <v>9</v>
      </c>
      <c r="AB17148">
        <v>9</v>
      </c>
      <c r="AC17148">
        <v>10</v>
      </c>
      <c r="AD17148">
        <v>10</v>
      </c>
      <c r="AE17148">
        <v>10</v>
      </c>
      <c r="AF17148">
        <v>10</v>
      </c>
      <c r="AG17148">
        <v>10</v>
      </c>
      <c r="AH17148">
        <v>10</v>
      </c>
      <c r="AI17148">
        <v>10</v>
      </c>
      <c r="AJ17148">
        <v>10</v>
      </c>
      <c r="AK17148">
        <v>10</v>
      </c>
      <c r="AL17148">
        <v>10</v>
      </c>
      <c r="AM17148">
        <v>10</v>
      </c>
      <c r="AN17148">
        <v>10</v>
      </c>
      <c r="AO17148">
        <v>10</v>
      </c>
      <c r="AP17148">
        <v>10</v>
      </c>
      <c r="AQ17148">
        <v>10</v>
      </c>
    </row>
    <row r="17149" spans="1:43">
      <c r="A17149" t="s">
        <v>10642</v>
      </c>
      <c r="B17149" t="s">
        <v>10643</v>
      </c>
      <c r="C17149" t="s">
        <v>10636</v>
      </c>
      <c r="D17149" t="s">
        <v>10637</v>
      </c>
      <c r="E17149" t="s">
        <v>10448</v>
      </c>
      <c r="F17149" t="s">
        <v>10449</v>
      </c>
      <c r="G17149" t="s">
        <v>10450</v>
      </c>
      <c r="H17149" t="s">
        <v>10451</v>
      </c>
      <c r="I17149" s="2">
        <v>1</v>
      </c>
      <c r="J17149" s="2">
        <v>0</v>
      </c>
      <c r="K17149" s="2">
        <v>0</v>
      </c>
      <c r="L17149" t="s">
        <v>120</v>
      </c>
      <c r="M17149" t="s">
        <v>83</v>
      </c>
      <c r="N17149" t="s">
        <v>91</v>
      </c>
      <c r="O17149" t="s">
        <v>85</v>
      </c>
      <c r="P17149" t="s">
        <v>86</v>
      </c>
      <c r="Q17149">
        <v>8</v>
      </c>
      <c r="R17149">
        <v>8</v>
      </c>
      <c r="S17149">
        <v>8</v>
      </c>
      <c r="T17149">
        <v>8</v>
      </c>
      <c r="U17149">
        <v>8</v>
      </c>
      <c r="V17149">
        <v>8</v>
      </c>
      <c r="W17149">
        <v>8</v>
      </c>
      <c r="X17149">
        <v>9</v>
      </c>
      <c r="Y17149">
        <v>9</v>
      </c>
      <c r="Z17149">
        <v>9</v>
      </c>
      <c r="AA17149">
        <v>9</v>
      </c>
      <c r="AB17149">
        <v>9</v>
      </c>
      <c r="AC17149">
        <v>9</v>
      </c>
      <c r="AD17149">
        <v>9</v>
      </c>
      <c r="AE17149">
        <v>9</v>
      </c>
      <c r="AF17149">
        <v>9</v>
      </c>
      <c r="AG17149">
        <v>9</v>
      </c>
      <c r="AH17149">
        <v>9</v>
      </c>
      <c r="AI17149">
        <v>10</v>
      </c>
      <c r="AJ17149">
        <v>10</v>
      </c>
      <c r="AK17149">
        <v>10</v>
      </c>
      <c r="AL17149">
        <v>10</v>
      </c>
      <c r="AM17149">
        <v>10</v>
      </c>
      <c r="AN17149">
        <v>10</v>
      </c>
      <c r="AO17149">
        <v>10</v>
      </c>
      <c r="AP17149">
        <v>10</v>
      </c>
      <c r="AQ17149">
        <v>10</v>
      </c>
    </row>
    <row r="17150" spans="1:43">
      <c r="A17150" t="s">
        <v>10644</v>
      </c>
      <c r="B17150" t="s">
        <v>10645</v>
      </c>
      <c r="C17150" t="s">
        <v>10636</v>
      </c>
      <c r="D17150" t="s">
        <v>10637</v>
      </c>
      <c r="E17150" t="s">
        <v>10448</v>
      </c>
      <c r="F17150" t="s">
        <v>10449</v>
      </c>
      <c r="G17150" t="s">
        <v>10450</v>
      </c>
      <c r="H17150" t="s">
        <v>10451</v>
      </c>
      <c r="I17150" s="2">
        <v>1</v>
      </c>
      <c r="J17150" s="2">
        <v>0</v>
      </c>
      <c r="K17150" s="2">
        <v>0</v>
      </c>
      <c r="L17150" t="s">
        <v>120</v>
      </c>
      <c r="M17150" t="s">
        <v>83</v>
      </c>
      <c r="N17150" t="s">
        <v>84</v>
      </c>
      <c r="O17150" t="s">
        <v>85</v>
      </c>
      <c r="P17150" t="s">
        <v>86</v>
      </c>
      <c r="Q17150">
        <v>19</v>
      </c>
      <c r="R17150">
        <v>19</v>
      </c>
      <c r="S17150">
        <v>19</v>
      </c>
      <c r="T17150">
        <v>20</v>
      </c>
      <c r="U17150">
        <v>20</v>
      </c>
      <c r="V17150">
        <v>20</v>
      </c>
      <c r="W17150">
        <v>20</v>
      </c>
      <c r="X17150">
        <v>21</v>
      </c>
      <c r="Y17150">
        <v>21</v>
      </c>
      <c r="Z17150">
        <v>21</v>
      </c>
      <c r="AA17150">
        <v>21</v>
      </c>
      <c r="AB17150">
        <v>22</v>
      </c>
      <c r="AC17150">
        <v>22</v>
      </c>
      <c r="AD17150">
        <v>22</v>
      </c>
      <c r="AE17150">
        <v>22</v>
      </c>
      <c r="AF17150">
        <v>22</v>
      </c>
      <c r="AG17150">
        <v>23</v>
      </c>
      <c r="AH17150">
        <v>23</v>
      </c>
      <c r="AI17150">
        <v>23</v>
      </c>
      <c r="AJ17150">
        <v>23</v>
      </c>
      <c r="AK17150">
        <v>24</v>
      </c>
      <c r="AL17150">
        <v>24</v>
      </c>
      <c r="AM17150">
        <v>24</v>
      </c>
      <c r="AN17150">
        <v>24</v>
      </c>
      <c r="AO17150">
        <v>24</v>
      </c>
      <c r="AP17150">
        <v>24</v>
      </c>
      <c r="AQ17150">
        <v>24</v>
      </c>
    </row>
    <row r="17151" spans="1:43">
      <c r="A17151" t="s">
        <v>10644</v>
      </c>
      <c r="B17151" t="s">
        <v>10645</v>
      </c>
      <c r="C17151" t="s">
        <v>10636</v>
      </c>
      <c r="D17151" t="s">
        <v>10637</v>
      </c>
      <c r="E17151" t="s">
        <v>10448</v>
      </c>
      <c r="F17151" t="s">
        <v>10449</v>
      </c>
      <c r="G17151" t="s">
        <v>10450</v>
      </c>
      <c r="H17151" t="s">
        <v>10451</v>
      </c>
      <c r="I17151" s="2">
        <v>1</v>
      </c>
      <c r="J17151" s="2">
        <v>0</v>
      </c>
      <c r="K17151" s="2">
        <v>0</v>
      </c>
      <c r="L17151" t="s">
        <v>120</v>
      </c>
      <c r="M17151" t="s">
        <v>87</v>
      </c>
      <c r="N17151" t="s">
        <v>88</v>
      </c>
      <c r="O17151" t="s">
        <v>85</v>
      </c>
      <c r="P17151" t="s">
        <v>86</v>
      </c>
      <c r="Q17151">
        <v>19</v>
      </c>
      <c r="R17151">
        <v>19</v>
      </c>
      <c r="S17151">
        <v>19</v>
      </c>
      <c r="T17151">
        <v>19</v>
      </c>
      <c r="U17151">
        <v>19</v>
      </c>
      <c r="V17151">
        <v>19</v>
      </c>
      <c r="W17151">
        <v>19</v>
      </c>
      <c r="X17151">
        <v>19</v>
      </c>
      <c r="Y17151">
        <v>19</v>
      </c>
      <c r="Z17151">
        <v>19</v>
      </c>
      <c r="AA17151">
        <v>19</v>
      </c>
      <c r="AB17151">
        <v>20</v>
      </c>
      <c r="AC17151">
        <v>20</v>
      </c>
      <c r="AD17151">
        <v>20</v>
      </c>
      <c r="AE17151">
        <v>20</v>
      </c>
      <c r="AF17151">
        <v>20</v>
      </c>
      <c r="AG17151">
        <v>20</v>
      </c>
      <c r="AH17151">
        <v>20</v>
      </c>
      <c r="AI17151">
        <v>20</v>
      </c>
      <c r="AJ17151">
        <v>20</v>
      </c>
      <c r="AK17151">
        <v>20</v>
      </c>
      <c r="AL17151">
        <v>20</v>
      </c>
      <c r="AM17151">
        <v>20</v>
      </c>
      <c r="AN17151">
        <v>21</v>
      </c>
      <c r="AO17151">
        <v>21</v>
      </c>
      <c r="AP17151">
        <v>21</v>
      </c>
      <c r="AQ17151">
        <v>21</v>
      </c>
    </row>
    <row r="17152" spans="1:43">
      <c r="A17152" t="s">
        <v>10644</v>
      </c>
      <c r="B17152" t="s">
        <v>10645</v>
      </c>
      <c r="C17152" t="s">
        <v>10636</v>
      </c>
      <c r="D17152" t="s">
        <v>10637</v>
      </c>
      <c r="E17152" t="s">
        <v>10448</v>
      </c>
      <c r="F17152" t="s">
        <v>10449</v>
      </c>
      <c r="G17152" t="s">
        <v>10450</v>
      </c>
      <c r="H17152" t="s">
        <v>10451</v>
      </c>
      <c r="I17152" s="2">
        <v>1</v>
      </c>
      <c r="J17152" s="2">
        <v>0</v>
      </c>
      <c r="K17152" s="2">
        <v>0</v>
      </c>
      <c r="L17152" t="s">
        <v>120</v>
      </c>
      <c r="M17152" t="s">
        <v>89</v>
      </c>
      <c r="N17152" t="s">
        <v>90</v>
      </c>
      <c r="O17152" t="s">
        <v>85</v>
      </c>
      <c r="P17152" t="s">
        <v>86</v>
      </c>
      <c r="Q17152">
        <v>19</v>
      </c>
      <c r="R17152">
        <v>19</v>
      </c>
      <c r="S17152">
        <v>20</v>
      </c>
      <c r="T17152">
        <v>20</v>
      </c>
      <c r="U17152">
        <v>21</v>
      </c>
      <c r="V17152">
        <v>21</v>
      </c>
      <c r="W17152">
        <v>21</v>
      </c>
      <c r="X17152">
        <v>22</v>
      </c>
      <c r="Y17152">
        <v>22</v>
      </c>
      <c r="Z17152">
        <v>22</v>
      </c>
      <c r="AA17152">
        <v>23</v>
      </c>
      <c r="AB17152">
        <v>23</v>
      </c>
      <c r="AC17152">
        <v>23</v>
      </c>
      <c r="AD17152">
        <v>24</v>
      </c>
      <c r="AE17152">
        <v>24</v>
      </c>
      <c r="AF17152">
        <v>24</v>
      </c>
      <c r="AG17152">
        <v>24</v>
      </c>
      <c r="AH17152">
        <v>24</v>
      </c>
      <c r="AI17152">
        <v>24</v>
      </c>
      <c r="AJ17152">
        <v>24</v>
      </c>
      <c r="AK17152">
        <v>24</v>
      </c>
      <c r="AL17152">
        <v>24</v>
      </c>
      <c r="AM17152">
        <v>24</v>
      </c>
      <c r="AN17152">
        <v>24</v>
      </c>
      <c r="AO17152">
        <v>24</v>
      </c>
      <c r="AP17152">
        <v>24</v>
      </c>
      <c r="AQ17152">
        <v>24</v>
      </c>
    </row>
    <row r="17153" spans="1:43">
      <c r="A17153" t="s">
        <v>10644</v>
      </c>
      <c r="B17153" t="s">
        <v>10645</v>
      </c>
      <c r="C17153" t="s">
        <v>10636</v>
      </c>
      <c r="D17153" t="s">
        <v>10637</v>
      </c>
      <c r="E17153" t="s">
        <v>10448</v>
      </c>
      <c r="F17153" t="s">
        <v>10449</v>
      </c>
      <c r="G17153" t="s">
        <v>10450</v>
      </c>
      <c r="H17153" t="s">
        <v>10451</v>
      </c>
      <c r="I17153" s="2">
        <v>1</v>
      </c>
      <c r="J17153" s="2">
        <v>0</v>
      </c>
      <c r="K17153" s="2">
        <v>0</v>
      </c>
      <c r="L17153" t="s">
        <v>120</v>
      </c>
      <c r="M17153" t="s">
        <v>83</v>
      </c>
      <c r="N17153" t="s">
        <v>91</v>
      </c>
      <c r="O17153" t="s">
        <v>85</v>
      </c>
      <c r="P17153" t="s">
        <v>86</v>
      </c>
      <c r="Q17153">
        <v>19</v>
      </c>
      <c r="R17153">
        <v>19</v>
      </c>
      <c r="S17153">
        <v>19</v>
      </c>
      <c r="T17153">
        <v>20</v>
      </c>
      <c r="U17153">
        <v>20</v>
      </c>
      <c r="V17153">
        <v>20</v>
      </c>
      <c r="W17153">
        <v>20</v>
      </c>
      <c r="X17153">
        <v>21</v>
      </c>
      <c r="Y17153">
        <v>21</v>
      </c>
      <c r="Z17153">
        <v>21</v>
      </c>
      <c r="AA17153">
        <v>21</v>
      </c>
      <c r="AB17153">
        <v>22</v>
      </c>
      <c r="AC17153">
        <v>22</v>
      </c>
      <c r="AD17153">
        <v>22</v>
      </c>
      <c r="AE17153">
        <v>22</v>
      </c>
      <c r="AF17153">
        <v>22</v>
      </c>
      <c r="AG17153">
        <v>23</v>
      </c>
      <c r="AH17153">
        <v>23</v>
      </c>
      <c r="AI17153">
        <v>23</v>
      </c>
      <c r="AJ17153">
        <v>23</v>
      </c>
      <c r="AK17153">
        <v>24</v>
      </c>
      <c r="AL17153">
        <v>24</v>
      </c>
      <c r="AM17153">
        <v>24</v>
      </c>
      <c r="AN17153">
        <v>24</v>
      </c>
      <c r="AO17153">
        <v>24</v>
      </c>
      <c r="AP17153">
        <v>24</v>
      </c>
      <c r="AQ17153">
        <v>24</v>
      </c>
    </row>
    <row r="17154" spans="1:43">
      <c r="A17154" t="s">
        <v>10646</v>
      </c>
      <c r="B17154" t="s">
        <v>10647</v>
      </c>
      <c r="C17154" t="s">
        <v>10636</v>
      </c>
      <c r="D17154" t="s">
        <v>10637</v>
      </c>
      <c r="E17154" t="s">
        <v>10448</v>
      </c>
      <c r="F17154" t="s">
        <v>10449</v>
      </c>
      <c r="G17154" t="s">
        <v>10450</v>
      </c>
      <c r="H17154" t="s">
        <v>10451</v>
      </c>
      <c r="I17154" s="2">
        <v>1</v>
      </c>
      <c r="J17154" s="2">
        <v>0</v>
      </c>
      <c r="K17154" s="2">
        <v>0</v>
      </c>
      <c r="L17154" t="s">
        <v>120</v>
      </c>
      <c r="M17154" t="s">
        <v>83</v>
      </c>
      <c r="N17154" t="s">
        <v>84</v>
      </c>
      <c r="O17154" t="s">
        <v>85</v>
      </c>
      <c r="P17154" t="s">
        <v>86</v>
      </c>
      <c r="Q17154">
        <v>5</v>
      </c>
      <c r="R17154">
        <v>6</v>
      </c>
      <c r="S17154">
        <v>6</v>
      </c>
      <c r="T17154">
        <v>6</v>
      </c>
      <c r="U17154">
        <v>6</v>
      </c>
      <c r="V17154">
        <v>6</v>
      </c>
      <c r="W17154">
        <v>6</v>
      </c>
      <c r="X17154">
        <v>6</v>
      </c>
      <c r="Y17154">
        <v>6</v>
      </c>
      <c r="Z17154">
        <v>6</v>
      </c>
      <c r="AA17154">
        <v>6</v>
      </c>
      <c r="AB17154">
        <v>6</v>
      </c>
      <c r="AC17154">
        <v>6</v>
      </c>
      <c r="AD17154">
        <v>6</v>
      </c>
      <c r="AE17154">
        <v>6</v>
      </c>
      <c r="AF17154">
        <v>7</v>
      </c>
      <c r="AG17154">
        <v>7</v>
      </c>
      <c r="AH17154">
        <v>7</v>
      </c>
      <c r="AI17154">
        <v>7</v>
      </c>
      <c r="AJ17154">
        <v>7</v>
      </c>
      <c r="AK17154">
        <v>7</v>
      </c>
      <c r="AL17154">
        <v>7</v>
      </c>
      <c r="AM17154">
        <v>7</v>
      </c>
      <c r="AN17154">
        <v>7</v>
      </c>
      <c r="AO17154">
        <v>7</v>
      </c>
      <c r="AP17154">
        <v>7</v>
      </c>
      <c r="AQ17154">
        <v>7</v>
      </c>
    </row>
    <row r="17155" spans="1:43">
      <c r="A17155" t="s">
        <v>10646</v>
      </c>
      <c r="B17155" t="s">
        <v>10647</v>
      </c>
      <c r="C17155" t="s">
        <v>10636</v>
      </c>
      <c r="D17155" t="s">
        <v>10637</v>
      </c>
      <c r="E17155" t="s">
        <v>10448</v>
      </c>
      <c r="F17155" t="s">
        <v>10449</v>
      </c>
      <c r="G17155" t="s">
        <v>10450</v>
      </c>
      <c r="H17155" t="s">
        <v>10451</v>
      </c>
      <c r="I17155" s="2">
        <v>1</v>
      </c>
      <c r="J17155" s="2">
        <v>0</v>
      </c>
      <c r="K17155" s="2">
        <v>0</v>
      </c>
      <c r="L17155" t="s">
        <v>120</v>
      </c>
      <c r="M17155" t="s">
        <v>87</v>
      </c>
      <c r="N17155" t="s">
        <v>88</v>
      </c>
      <c r="O17155" t="s">
        <v>85</v>
      </c>
      <c r="P17155" t="s">
        <v>86</v>
      </c>
      <c r="Q17155">
        <v>5</v>
      </c>
      <c r="R17155">
        <v>5</v>
      </c>
      <c r="S17155">
        <v>5</v>
      </c>
      <c r="T17155">
        <v>5</v>
      </c>
      <c r="U17155">
        <v>5</v>
      </c>
      <c r="V17155">
        <v>6</v>
      </c>
      <c r="W17155">
        <v>6</v>
      </c>
      <c r="X17155">
        <v>6</v>
      </c>
      <c r="Y17155">
        <v>6</v>
      </c>
      <c r="Z17155">
        <v>6</v>
      </c>
      <c r="AA17155">
        <v>6</v>
      </c>
      <c r="AB17155">
        <v>6</v>
      </c>
      <c r="AC17155">
        <v>6</v>
      </c>
      <c r="AD17155">
        <v>6</v>
      </c>
      <c r="AE17155">
        <v>6</v>
      </c>
      <c r="AF17155">
        <v>6</v>
      </c>
      <c r="AG17155">
        <v>6</v>
      </c>
      <c r="AH17155">
        <v>6</v>
      </c>
      <c r="AI17155">
        <v>6</v>
      </c>
      <c r="AJ17155">
        <v>6</v>
      </c>
      <c r="AK17155">
        <v>6</v>
      </c>
      <c r="AL17155">
        <v>6</v>
      </c>
      <c r="AM17155">
        <v>6</v>
      </c>
      <c r="AN17155">
        <v>6</v>
      </c>
      <c r="AO17155">
        <v>6</v>
      </c>
      <c r="AP17155">
        <v>6</v>
      </c>
      <c r="AQ17155">
        <v>6</v>
      </c>
    </row>
    <row r="17156" spans="1:43">
      <c r="A17156" t="s">
        <v>10646</v>
      </c>
      <c r="B17156" t="s">
        <v>10647</v>
      </c>
      <c r="C17156" t="s">
        <v>10636</v>
      </c>
      <c r="D17156" t="s">
        <v>10637</v>
      </c>
      <c r="E17156" t="s">
        <v>10448</v>
      </c>
      <c r="F17156" t="s">
        <v>10449</v>
      </c>
      <c r="G17156" t="s">
        <v>10450</v>
      </c>
      <c r="H17156" t="s">
        <v>10451</v>
      </c>
      <c r="I17156" s="2">
        <v>1</v>
      </c>
      <c r="J17156" s="2">
        <v>0</v>
      </c>
      <c r="K17156" s="2">
        <v>0</v>
      </c>
      <c r="L17156" t="s">
        <v>120</v>
      </c>
      <c r="M17156" t="s">
        <v>89</v>
      </c>
      <c r="N17156" t="s">
        <v>90</v>
      </c>
      <c r="O17156" t="s">
        <v>85</v>
      </c>
      <c r="P17156" t="s">
        <v>86</v>
      </c>
      <c r="Q17156">
        <v>5</v>
      </c>
      <c r="R17156">
        <v>6</v>
      </c>
      <c r="S17156">
        <v>6</v>
      </c>
      <c r="T17156">
        <v>6</v>
      </c>
      <c r="U17156">
        <v>6</v>
      </c>
      <c r="V17156">
        <v>6</v>
      </c>
      <c r="W17156">
        <v>6</v>
      </c>
      <c r="X17156">
        <v>6</v>
      </c>
      <c r="Y17156">
        <v>6</v>
      </c>
      <c r="Z17156">
        <v>6</v>
      </c>
      <c r="AA17156">
        <v>7</v>
      </c>
      <c r="AB17156">
        <v>7</v>
      </c>
      <c r="AC17156">
        <v>7</v>
      </c>
      <c r="AD17156">
        <v>7</v>
      </c>
      <c r="AE17156">
        <v>7</v>
      </c>
      <c r="AF17156">
        <v>7</v>
      </c>
      <c r="AG17156">
        <v>7</v>
      </c>
      <c r="AH17156">
        <v>7</v>
      </c>
      <c r="AI17156">
        <v>7</v>
      </c>
      <c r="AJ17156">
        <v>7</v>
      </c>
      <c r="AK17156">
        <v>7</v>
      </c>
      <c r="AL17156">
        <v>7</v>
      </c>
      <c r="AM17156">
        <v>7</v>
      </c>
      <c r="AN17156">
        <v>7</v>
      </c>
      <c r="AO17156">
        <v>7</v>
      </c>
      <c r="AP17156">
        <v>7</v>
      </c>
      <c r="AQ17156">
        <v>7</v>
      </c>
    </row>
    <row r="17157" spans="1:43">
      <c r="A17157" t="s">
        <v>10646</v>
      </c>
      <c r="B17157" t="s">
        <v>10647</v>
      </c>
      <c r="C17157" t="s">
        <v>10636</v>
      </c>
      <c r="D17157" t="s">
        <v>10637</v>
      </c>
      <c r="E17157" t="s">
        <v>10448</v>
      </c>
      <c r="F17157" t="s">
        <v>10449</v>
      </c>
      <c r="G17157" t="s">
        <v>10450</v>
      </c>
      <c r="H17157" t="s">
        <v>10451</v>
      </c>
      <c r="I17157" s="2">
        <v>1</v>
      </c>
      <c r="J17157" s="2">
        <v>0</v>
      </c>
      <c r="K17157" s="2">
        <v>0</v>
      </c>
      <c r="L17157" t="s">
        <v>120</v>
      </c>
      <c r="M17157" t="s">
        <v>83</v>
      </c>
      <c r="N17157" t="s">
        <v>91</v>
      </c>
      <c r="O17157" t="s">
        <v>85</v>
      </c>
      <c r="P17157" t="s">
        <v>86</v>
      </c>
      <c r="Q17157">
        <v>5</v>
      </c>
      <c r="R17157">
        <v>6</v>
      </c>
      <c r="S17157">
        <v>6</v>
      </c>
      <c r="T17157">
        <v>6</v>
      </c>
      <c r="U17157">
        <v>6</v>
      </c>
      <c r="V17157">
        <v>6</v>
      </c>
      <c r="W17157">
        <v>6</v>
      </c>
      <c r="X17157">
        <v>6</v>
      </c>
      <c r="Y17157">
        <v>6</v>
      </c>
      <c r="Z17157">
        <v>6</v>
      </c>
      <c r="AA17157">
        <v>6</v>
      </c>
      <c r="AB17157">
        <v>6</v>
      </c>
      <c r="AC17157">
        <v>6</v>
      </c>
      <c r="AD17157">
        <v>6</v>
      </c>
      <c r="AE17157">
        <v>6</v>
      </c>
      <c r="AF17157">
        <v>7</v>
      </c>
      <c r="AG17157">
        <v>7</v>
      </c>
      <c r="AH17157">
        <v>7</v>
      </c>
      <c r="AI17157">
        <v>7</v>
      </c>
      <c r="AJ17157">
        <v>7</v>
      </c>
      <c r="AK17157">
        <v>7</v>
      </c>
      <c r="AL17157">
        <v>7</v>
      </c>
      <c r="AM17157">
        <v>7</v>
      </c>
      <c r="AN17157">
        <v>7</v>
      </c>
      <c r="AO17157">
        <v>7</v>
      </c>
      <c r="AP17157">
        <v>7</v>
      </c>
      <c r="AQ17157">
        <v>7</v>
      </c>
    </row>
    <row r="17158" spans="1:43">
      <c r="A17158" t="s">
        <v>10648</v>
      </c>
      <c r="B17158" t="s">
        <v>10649</v>
      </c>
      <c r="C17158" t="s">
        <v>10570</v>
      </c>
      <c r="D17158" t="s">
        <v>10571</v>
      </c>
      <c r="E17158" t="s">
        <v>10448</v>
      </c>
      <c r="F17158" t="s">
        <v>10449</v>
      </c>
      <c r="G17158" t="s">
        <v>10450</v>
      </c>
      <c r="H17158" t="s">
        <v>10451</v>
      </c>
      <c r="I17158" s="2">
        <v>1</v>
      </c>
      <c r="J17158" s="2">
        <v>0</v>
      </c>
      <c r="K17158" s="2">
        <v>0</v>
      </c>
      <c r="L17158" t="s">
        <v>120</v>
      </c>
      <c r="M17158" t="s">
        <v>83</v>
      </c>
      <c r="N17158" t="s">
        <v>84</v>
      </c>
      <c r="O17158" t="s">
        <v>85</v>
      </c>
      <c r="P17158" t="s">
        <v>86</v>
      </c>
      <c r="Q17158">
        <v>11</v>
      </c>
      <c r="R17158">
        <v>11</v>
      </c>
      <c r="S17158">
        <v>12</v>
      </c>
      <c r="T17158">
        <v>12</v>
      </c>
      <c r="U17158">
        <v>12</v>
      </c>
      <c r="V17158">
        <v>12</v>
      </c>
      <c r="W17158">
        <v>12</v>
      </c>
      <c r="X17158">
        <v>12</v>
      </c>
      <c r="Y17158">
        <v>12</v>
      </c>
      <c r="Z17158">
        <v>13</v>
      </c>
      <c r="AA17158">
        <v>13</v>
      </c>
      <c r="AB17158">
        <v>13</v>
      </c>
      <c r="AC17158">
        <v>13</v>
      </c>
      <c r="AD17158">
        <v>13</v>
      </c>
      <c r="AE17158">
        <v>13</v>
      </c>
      <c r="AF17158">
        <v>13</v>
      </c>
      <c r="AG17158">
        <v>14</v>
      </c>
      <c r="AH17158">
        <v>14</v>
      </c>
      <c r="AI17158">
        <v>14</v>
      </c>
      <c r="AJ17158">
        <v>14</v>
      </c>
      <c r="AK17158">
        <v>14</v>
      </c>
      <c r="AL17158">
        <v>14</v>
      </c>
      <c r="AM17158">
        <v>14</v>
      </c>
      <c r="AN17158">
        <v>14</v>
      </c>
      <c r="AO17158">
        <v>14</v>
      </c>
      <c r="AP17158">
        <v>14</v>
      </c>
      <c r="AQ17158">
        <v>14</v>
      </c>
    </row>
    <row r="17159" spans="1:43">
      <c r="A17159" t="s">
        <v>10648</v>
      </c>
      <c r="B17159" t="s">
        <v>10649</v>
      </c>
      <c r="C17159" t="s">
        <v>10570</v>
      </c>
      <c r="D17159" t="s">
        <v>10571</v>
      </c>
      <c r="E17159" t="s">
        <v>10448</v>
      </c>
      <c r="F17159" t="s">
        <v>10449</v>
      </c>
      <c r="G17159" t="s">
        <v>10450</v>
      </c>
      <c r="H17159" t="s">
        <v>10451</v>
      </c>
      <c r="I17159" s="2">
        <v>1</v>
      </c>
      <c r="J17159" s="2">
        <v>0</v>
      </c>
      <c r="K17159" s="2">
        <v>0</v>
      </c>
      <c r="L17159" t="s">
        <v>120</v>
      </c>
      <c r="M17159" t="s">
        <v>87</v>
      </c>
      <c r="N17159" t="s">
        <v>88</v>
      </c>
      <c r="O17159" t="s">
        <v>85</v>
      </c>
      <c r="P17159" t="s">
        <v>86</v>
      </c>
      <c r="Q17159">
        <v>11</v>
      </c>
      <c r="R17159">
        <v>11</v>
      </c>
      <c r="S17159">
        <v>11</v>
      </c>
      <c r="T17159">
        <v>11</v>
      </c>
      <c r="U17159">
        <v>11</v>
      </c>
      <c r="V17159">
        <v>11</v>
      </c>
      <c r="W17159">
        <v>11</v>
      </c>
      <c r="X17159">
        <v>11</v>
      </c>
      <c r="Y17159">
        <v>12</v>
      </c>
      <c r="Z17159">
        <v>12</v>
      </c>
      <c r="AA17159">
        <v>12</v>
      </c>
      <c r="AB17159">
        <v>12</v>
      </c>
      <c r="AC17159">
        <v>12</v>
      </c>
      <c r="AD17159">
        <v>12</v>
      </c>
      <c r="AE17159">
        <v>12</v>
      </c>
      <c r="AF17159">
        <v>12</v>
      </c>
      <c r="AG17159">
        <v>12</v>
      </c>
      <c r="AH17159">
        <v>12</v>
      </c>
      <c r="AI17159">
        <v>12</v>
      </c>
      <c r="AJ17159">
        <v>12</v>
      </c>
      <c r="AK17159">
        <v>12</v>
      </c>
      <c r="AL17159">
        <v>12</v>
      </c>
      <c r="AM17159">
        <v>12</v>
      </c>
      <c r="AN17159">
        <v>12</v>
      </c>
      <c r="AO17159">
        <v>12</v>
      </c>
      <c r="AP17159">
        <v>12</v>
      </c>
      <c r="AQ17159">
        <v>12</v>
      </c>
    </row>
    <row r="17160" spans="1:43">
      <c r="A17160" t="s">
        <v>10648</v>
      </c>
      <c r="B17160" t="s">
        <v>10649</v>
      </c>
      <c r="C17160" t="s">
        <v>10570</v>
      </c>
      <c r="D17160" t="s">
        <v>10571</v>
      </c>
      <c r="E17160" t="s">
        <v>10448</v>
      </c>
      <c r="F17160" t="s">
        <v>10449</v>
      </c>
      <c r="G17160" t="s">
        <v>10450</v>
      </c>
      <c r="H17160" t="s">
        <v>10451</v>
      </c>
      <c r="I17160" s="2">
        <v>1</v>
      </c>
      <c r="J17160" s="2">
        <v>0</v>
      </c>
      <c r="K17160" s="2">
        <v>0</v>
      </c>
      <c r="L17160" t="s">
        <v>120</v>
      </c>
      <c r="M17160" t="s">
        <v>89</v>
      </c>
      <c r="N17160" t="s">
        <v>90</v>
      </c>
      <c r="O17160" t="s">
        <v>85</v>
      </c>
      <c r="P17160" t="s">
        <v>86</v>
      </c>
      <c r="Q17160">
        <v>11</v>
      </c>
      <c r="R17160">
        <v>12</v>
      </c>
      <c r="S17160">
        <v>12</v>
      </c>
      <c r="T17160">
        <v>12</v>
      </c>
      <c r="U17160">
        <v>12</v>
      </c>
      <c r="V17160">
        <v>13</v>
      </c>
      <c r="W17160">
        <v>13</v>
      </c>
      <c r="X17160">
        <v>13</v>
      </c>
      <c r="Y17160">
        <v>13</v>
      </c>
      <c r="Z17160">
        <v>13</v>
      </c>
      <c r="AA17160">
        <v>14</v>
      </c>
      <c r="AB17160">
        <v>14</v>
      </c>
      <c r="AC17160">
        <v>14</v>
      </c>
      <c r="AD17160">
        <v>14</v>
      </c>
      <c r="AE17160">
        <v>14</v>
      </c>
      <c r="AF17160">
        <v>14</v>
      </c>
      <c r="AG17160">
        <v>14</v>
      </c>
      <c r="AH17160">
        <v>14</v>
      </c>
      <c r="AI17160">
        <v>14</v>
      </c>
      <c r="AJ17160">
        <v>14</v>
      </c>
      <c r="AK17160">
        <v>14</v>
      </c>
      <c r="AL17160">
        <v>14</v>
      </c>
      <c r="AM17160">
        <v>14</v>
      </c>
      <c r="AN17160">
        <v>14</v>
      </c>
      <c r="AO17160">
        <v>14</v>
      </c>
      <c r="AP17160">
        <v>14</v>
      </c>
      <c r="AQ17160">
        <v>14</v>
      </c>
    </row>
    <row r="17161" spans="1:43">
      <c r="A17161" t="s">
        <v>10648</v>
      </c>
      <c r="B17161" t="s">
        <v>10649</v>
      </c>
      <c r="C17161" t="s">
        <v>10570</v>
      </c>
      <c r="D17161" t="s">
        <v>10571</v>
      </c>
      <c r="E17161" t="s">
        <v>10448</v>
      </c>
      <c r="F17161" t="s">
        <v>10449</v>
      </c>
      <c r="G17161" t="s">
        <v>10450</v>
      </c>
      <c r="H17161" t="s">
        <v>10451</v>
      </c>
      <c r="I17161" s="2">
        <v>1</v>
      </c>
      <c r="J17161" s="2">
        <v>0</v>
      </c>
      <c r="K17161" s="2">
        <v>0</v>
      </c>
      <c r="L17161" t="s">
        <v>120</v>
      </c>
      <c r="M17161" t="s">
        <v>83</v>
      </c>
      <c r="N17161" t="s">
        <v>91</v>
      </c>
      <c r="O17161" t="s">
        <v>85</v>
      </c>
      <c r="P17161" t="s">
        <v>86</v>
      </c>
      <c r="Q17161">
        <v>11</v>
      </c>
      <c r="R17161">
        <v>11</v>
      </c>
      <c r="S17161">
        <v>12</v>
      </c>
      <c r="T17161">
        <v>12</v>
      </c>
      <c r="U17161">
        <v>12</v>
      </c>
      <c r="V17161">
        <v>12</v>
      </c>
      <c r="W17161">
        <v>12</v>
      </c>
      <c r="X17161">
        <v>12</v>
      </c>
      <c r="Y17161">
        <v>12</v>
      </c>
      <c r="Z17161">
        <v>13</v>
      </c>
      <c r="AA17161">
        <v>13</v>
      </c>
      <c r="AB17161">
        <v>13</v>
      </c>
      <c r="AC17161">
        <v>13</v>
      </c>
      <c r="AD17161">
        <v>13</v>
      </c>
      <c r="AE17161">
        <v>13</v>
      </c>
      <c r="AF17161">
        <v>13</v>
      </c>
      <c r="AG17161">
        <v>14</v>
      </c>
      <c r="AH17161">
        <v>14</v>
      </c>
      <c r="AI17161">
        <v>14</v>
      </c>
      <c r="AJ17161">
        <v>14</v>
      </c>
      <c r="AK17161">
        <v>14</v>
      </c>
      <c r="AL17161">
        <v>14</v>
      </c>
      <c r="AM17161">
        <v>14</v>
      </c>
      <c r="AN17161">
        <v>14</v>
      </c>
      <c r="AO17161">
        <v>14</v>
      </c>
      <c r="AP17161">
        <v>14</v>
      </c>
      <c r="AQ17161">
        <v>14</v>
      </c>
    </row>
    <row r="17162" spans="1:43">
      <c r="A17162" t="s">
        <v>10650</v>
      </c>
      <c r="B17162" t="s">
        <v>10651</v>
      </c>
      <c r="C17162" t="s">
        <v>10570</v>
      </c>
      <c r="D17162" t="s">
        <v>10571</v>
      </c>
      <c r="E17162" t="s">
        <v>10448</v>
      </c>
      <c r="F17162" t="s">
        <v>10449</v>
      </c>
      <c r="G17162" t="s">
        <v>10450</v>
      </c>
      <c r="H17162" t="s">
        <v>10451</v>
      </c>
      <c r="I17162" s="2">
        <v>1</v>
      </c>
      <c r="J17162" s="2">
        <v>0</v>
      </c>
      <c r="K17162" s="2">
        <v>0</v>
      </c>
      <c r="L17162" t="s">
        <v>120</v>
      </c>
      <c r="M17162" t="s">
        <v>83</v>
      </c>
      <c r="N17162" t="s">
        <v>84</v>
      </c>
      <c r="O17162" t="s">
        <v>85</v>
      </c>
      <c r="P17162" t="s">
        <v>86</v>
      </c>
      <c r="Q17162">
        <v>22</v>
      </c>
      <c r="R17162">
        <v>23</v>
      </c>
      <c r="S17162">
        <v>23</v>
      </c>
      <c r="T17162">
        <v>23</v>
      </c>
      <c r="U17162">
        <v>24</v>
      </c>
      <c r="V17162">
        <v>24</v>
      </c>
      <c r="W17162">
        <v>24</v>
      </c>
      <c r="X17162">
        <v>25</v>
      </c>
      <c r="Y17162">
        <v>25</v>
      </c>
      <c r="Z17162">
        <v>25</v>
      </c>
      <c r="AA17162">
        <v>25</v>
      </c>
      <c r="AB17162">
        <v>26</v>
      </c>
      <c r="AC17162">
        <v>26</v>
      </c>
      <c r="AD17162">
        <v>26</v>
      </c>
      <c r="AE17162">
        <v>27</v>
      </c>
      <c r="AF17162">
        <v>27</v>
      </c>
      <c r="AG17162">
        <v>27</v>
      </c>
      <c r="AH17162">
        <v>27</v>
      </c>
      <c r="AI17162">
        <v>28</v>
      </c>
      <c r="AJ17162">
        <v>28</v>
      </c>
      <c r="AK17162">
        <v>28</v>
      </c>
      <c r="AL17162">
        <v>28</v>
      </c>
      <c r="AM17162">
        <v>28</v>
      </c>
      <c r="AN17162">
        <v>28</v>
      </c>
      <c r="AO17162">
        <v>28</v>
      </c>
      <c r="AP17162">
        <v>28</v>
      </c>
      <c r="AQ17162">
        <v>28</v>
      </c>
    </row>
    <row r="17163" spans="1:43">
      <c r="A17163" t="s">
        <v>10650</v>
      </c>
      <c r="B17163" t="s">
        <v>10651</v>
      </c>
      <c r="C17163" t="s">
        <v>10570</v>
      </c>
      <c r="D17163" t="s">
        <v>10571</v>
      </c>
      <c r="E17163" t="s">
        <v>10448</v>
      </c>
      <c r="F17163" t="s">
        <v>10449</v>
      </c>
      <c r="G17163" t="s">
        <v>10450</v>
      </c>
      <c r="H17163" t="s">
        <v>10451</v>
      </c>
      <c r="I17163" s="2">
        <v>1</v>
      </c>
      <c r="J17163" s="2">
        <v>0</v>
      </c>
      <c r="K17163" s="2">
        <v>0</v>
      </c>
      <c r="L17163" t="s">
        <v>120</v>
      </c>
      <c r="M17163" t="s">
        <v>87</v>
      </c>
      <c r="N17163" t="s">
        <v>88</v>
      </c>
      <c r="O17163" t="s">
        <v>85</v>
      </c>
      <c r="P17163" t="s">
        <v>86</v>
      </c>
      <c r="Q17163">
        <v>22</v>
      </c>
      <c r="R17163">
        <v>22</v>
      </c>
      <c r="S17163">
        <v>22</v>
      </c>
      <c r="T17163">
        <v>22</v>
      </c>
      <c r="U17163">
        <v>23</v>
      </c>
      <c r="V17163">
        <v>23</v>
      </c>
      <c r="W17163">
        <v>23</v>
      </c>
      <c r="X17163">
        <v>23</v>
      </c>
      <c r="Y17163">
        <v>23</v>
      </c>
      <c r="Z17163">
        <v>23</v>
      </c>
      <c r="AA17163">
        <v>23</v>
      </c>
      <c r="AB17163">
        <v>23</v>
      </c>
      <c r="AC17163">
        <v>23</v>
      </c>
      <c r="AD17163">
        <v>23</v>
      </c>
      <c r="AE17163">
        <v>24</v>
      </c>
      <c r="AF17163">
        <v>24</v>
      </c>
      <c r="AG17163">
        <v>24</v>
      </c>
      <c r="AH17163">
        <v>24</v>
      </c>
      <c r="AI17163">
        <v>24</v>
      </c>
      <c r="AJ17163">
        <v>24</v>
      </c>
      <c r="AK17163">
        <v>24</v>
      </c>
      <c r="AL17163">
        <v>24</v>
      </c>
      <c r="AM17163">
        <v>24</v>
      </c>
      <c r="AN17163">
        <v>24</v>
      </c>
      <c r="AO17163">
        <v>25</v>
      </c>
      <c r="AP17163">
        <v>25</v>
      </c>
      <c r="AQ17163">
        <v>25</v>
      </c>
    </row>
    <row r="17164" spans="1:43">
      <c r="A17164" t="s">
        <v>10650</v>
      </c>
      <c r="B17164" t="s">
        <v>10651</v>
      </c>
      <c r="C17164" t="s">
        <v>10570</v>
      </c>
      <c r="D17164" t="s">
        <v>10571</v>
      </c>
      <c r="E17164" t="s">
        <v>10448</v>
      </c>
      <c r="F17164" t="s">
        <v>10449</v>
      </c>
      <c r="G17164" t="s">
        <v>10450</v>
      </c>
      <c r="H17164" t="s">
        <v>10451</v>
      </c>
      <c r="I17164" s="2">
        <v>1</v>
      </c>
      <c r="J17164" s="2">
        <v>0</v>
      </c>
      <c r="K17164" s="2">
        <v>0</v>
      </c>
      <c r="L17164" t="s">
        <v>120</v>
      </c>
      <c r="M17164" t="s">
        <v>89</v>
      </c>
      <c r="N17164" t="s">
        <v>90</v>
      </c>
      <c r="O17164" t="s">
        <v>85</v>
      </c>
      <c r="P17164" t="s">
        <v>86</v>
      </c>
      <c r="Q17164">
        <v>22</v>
      </c>
      <c r="R17164">
        <v>22</v>
      </c>
      <c r="S17164">
        <v>23</v>
      </c>
      <c r="T17164">
        <v>23</v>
      </c>
      <c r="U17164">
        <v>24</v>
      </c>
      <c r="V17164">
        <v>24</v>
      </c>
      <c r="W17164">
        <v>24</v>
      </c>
      <c r="X17164">
        <v>25</v>
      </c>
      <c r="Y17164">
        <v>25</v>
      </c>
      <c r="Z17164">
        <v>26</v>
      </c>
      <c r="AA17164">
        <v>26</v>
      </c>
      <c r="AB17164">
        <v>26</v>
      </c>
      <c r="AC17164">
        <v>27</v>
      </c>
      <c r="AD17164">
        <v>27</v>
      </c>
      <c r="AE17164">
        <v>28</v>
      </c>
      <c r="AF17164">
        <v>28</v>
      </c>
      <c r="AG17164">
        <v>28</v>
      </c>
      <c r="AH17164">
        <v>28</v>
      </c>
      <c r="AI17164">
        <v>28</v>
      </c>
      <c r="AJ17164">
        <v>28</v>
      </c>
      <c r="AK17164">
        <v>28</v>
      </c>
      <c r="AL17164">
        <v>28</v>
      </c>
      <c r="AM17164">
        <v>28</v>
      </c>
      <c r="AN17164">
        <v>28</v>
      </c>
      <c r="AO17164">
        <v>28</v>
      </c>
      <c r="AP17164">
        <v>28</v>
      </c>
      <c r="AQ17164">
        <v>28</v>
      </c>
    </row>
    <row r="17165" spans="1:43">
      <c r="A17165" t="s">
        <v>10650</v>
      </c>
      <c r="B17165" t="s">
        <v>10651</v>
      </c>
      <c r="C17165" t="s">
        <v>10570</v>
      </c>
      <c r="D17165" t="s">
        <v>10571</v>
      </c>
      <c r="E17165" t="s">
        <v>10448</v>
      </c>
      <c r="F17165" t="s">
        <v>10449</v>
      </c>
      <c r="G17165" t="s">
        <v>10450</v>
      </c>
      <c r="H17165" t="s">
        <v>10451</v>
      </c>
      <c r="I17165" s="2">
        <v>1</v>
      </c>
      <c r="J17165" s="2">
        <v>0</v>
      </c>
      <c r="K17165" s="2">
        <v>0</v>
      </c>
      <c r="L17165" t="s">
        <v>120</v>
      </c>
      <c r="M17165" t="s">
        <v>83</v>
      </c>
      <c r="N17165" t="s">
        <v>91</v>
      </c>
      <c r="O17165" t="s">
        <v>85</v>
      </c>
      <c r="P17165" t="s">
        <v>86</v>
      </c>
      <c r="Q17165">
        <v>22</v>
      </c>
      <c r="R17165">
        <v>23</v>
      </c>
      <c r="S17165">
        <v>23</v>
      </c>
      <c r="T17165">
        <v>23</v>
      </c>
      <c r="U17165">
        <v>24</v>
      </c>
      <c r="V17165">
        <v>24</v>
      </c>
      <c r="W17165">
        <v>24</v>
      </c>
      <c r="X17165">
        <v>25</v>
      </c>
      <c r="Y17165">
        <v>25</v>
      </c>
      <c r="Z17165">
        <v>25</v>
      </c>
      <c r="AA17165">
        <v>25</v>
      </c>
      <c r="AB17165">
        <v>26</v>
      </c>
      <c r="AC17165">
        <v>26</v>
      </c>
      <c r="AD17165">
        <v>26</v>
      </c>
      <c r="AE17165">
        <v>27</v>
      </c>
      <c r="AF17165">
        <v>27</v>
      </c>
      <c r="AG17165">
        <v>27</v>
      </c>
      <c r="AH17165">
        <v>27</v>
      </c>
      <c r="AI17165">
        <v>28</v>
      </c>
      <c r="AJ17165">
        <v>28</v>
      </c>
      <c r="AK17165">
        <v>28</v>
      </c>
      <c r="AL17165">
        <v>28</v>
      </c>
      <c r="AM17165">
        <v>28</v>
      </c>
      <c r="AN17165">
        <v>28</v>
      </c>
      <c r="AO17165">
        <v>28</v>
      </c>
      <c r="AP17165">
        <v>28</v>
      </c>
      <c r="AQ17165">
        <v>28</v>
      </c>
    </row>
    <row r="17166" spans="1:43">
      <c r="A17166" t="s">
        <v>10652</v>
      </c>
      <c r="B17166" t="s">
        <v>10653</v>
      </c>
      <c r="C17166" t="s">
        <v>10570</v>
      </c>
      <c r="D17166" t="s">
        <v>10571</v>
      </c>
      <c r="E17166" t="s">
        <v>10448</v>
      </c>
      <c r="F17166" t="s">
        <v>10449</v>
      </c>
      <c r="G17166" t="s">
        <v>10450</v>
      </c>
      <c r="H17166" t="s">
        <v>10451</v>
      </c>
      <c r="I17166" s="2">
        <v>1</v>
      </c>
      <c r="J17166" s="2">
        <v>0</v>
      </c>
      <c r="K17166" s="2">
        <v>0</v>
      </c>
      <c r="L17166" t="s">
        <v>120</v>
      </c>
      <c r="M17166" t="s">
        <v>83</v>
      </c>
      <c r="N17166" t="s">
        <v>84</v>
      </c>
      <c r="O17166" t="s">
        <v>85</v>
      </c>
      <c r="P17166" t="s">
        <v>86</v>
      </c>
      <c r="Q17166">
        <v>12</v>
      </c>
      <c r="R17166">
        <v>12</v>
      </c>
      <c r="S17166">
        <v>13</v>
      </c>
      <c r="T17166">
        <v>13</v>
      </c>
      <c r="U17166">
        <v>13</v>
      </c>
      <c r="V17166">
        <v>13</v>
      </c>
      <c r="W17166">
        <v>13</v>
      </c>
      <c r="X17166">
        <v>14</v>
      </c>
      <c r="Y17166">
        <v>14</v>
      </c>
      <c r="Z17166">
        <v>14</v>
      </c>
      <c r="AA17166">
        <v>14</v>
      </c>
      <c r="AB17166">
        <v>14</v>
      </c>
      <c r="AC17166">
        <v>14</v>
      </c>
      <c r="AD17166">
        <v>14</v>
      </c>
      <c r="AE17166">
        <v>15</v>
      </c>
      <c r="AF17166">
        <v>15</v>
      </c>
      <c r="AG17166">
        <v>15</v>
      </c>
      <c r="AH17166">
        <v>15</v>
      </c>
      <c r="AI17166">
        <v>15</v>
      </c>
      <c r="AJ17166">
        <v>15</v>
      </c>
      <c r="AK17166">
        <v>16</v>
      </c>
      <c r="AL17166">
        <v>16</v>
      </c>
      <c r="AM17166">
        <v>16</v>
      </c>
      <c r="AN17166">
        <v>16</v>
      </c>
      <c r="AO17166">
        <v>16</v>
      </c>
      <c r="AP17166">
        <v>16</v>
      </c>
      <c r="AQ17166">
        <v>16</v>
      </c>
    </row>
    <row r="17167" spans="1:43">
      <c r="A17167" t="s">
        <v>10652</v>
      </c>
      <c r="B17167" t="s">
        <v>10653</v>
      </c>
      <c r="C17167" t="s">
        <v>10570</v>
      </c>
      <c r="D17167" t="s">
        <v>10571</v>
      </c>
      <c r="E17167" t="s">
        <v>10448</v>
      </c>
      <c r="F17167" t="s">
        <v>10449</v>
      </c>
      <c r="G17167" t="s">
        <v>10450</v>
      </c>
      <c r="H17167" t="s">
        <v>10451</v>
      </c>
      <c r="I17167" s="2">
        <v>1</v>
      </c>
      <c r="J17167" s="2">
        <v>0</v>
      </c>
      <c r="K17167" s="2">
        <v>0</v>
      </c>
      <c r="L17167" t="s">
        <v>120</v>
      </c>
      <c r="M17167" t="s">
        <v>87</v>
      </c>
      <c r="N17167" t="s">
        <v>88</v>
      </c>
      <c r="O17167" t="s">
        <v>85</v>
      </c>
      <c r="P17167" t="s">
        <v>86</v>
      </c>
      <c r="Q17167">
        <v>12</v>
      </c>
      <c r="R17167">
        <v>12</v>
      </c>
      <c r="S17167">
        <v>12</v>
      </c>
      <c r="T17167">
        <v>12</v>
      </c>
      <c r="U17167">
        <v>12</v>
      </c>
      <c r="V17167">
        <v>12</v>
      </c>
      <c r="W17167">
        <v>13</v>
      </c>
      <c r="X17167">
        <v>13</v>
      </c>
      <c r="Y17167">
        <v>13</v>
      </c>
      <c r="Z17167">
        <v>13</v>
      </c>
      <c r="AA17167">
        <v>13</v>
      </c>
      <c r="AB17167">
        <v>13</v>
      </c>
      <c r="AC17167">
        <v>13</v>
      </c>
      <c r="AD17167">
        <v>13</v>
      </c>
      <c r="AE17167">
        <v>13</v>
      </c>
      <c r="AF17167">
        <v>13</v>
      </c>
      <c r="AG17167">
        <v>13</v>
      </c>
      <c r="AH17167">
        <v>13</v>
      </c>
      <c r="AI17167">
        <v>13</v>
      </c>
      <c r="AJ17167">
        <v>13</v>
      </c>
      <c r="AK17167">
        <v>13</v>
      </c>
      <c r="AL17167">
        <v>13</v>
      </c>
      <c r="AM17167">
        <v>13</v>
      </c>
      <c r="AN17167">
        <v>13</v>
      </c>
      <c r="AO17167">
        <v>14</v>
      </c>
      <c r="AP17167">
        <v>14</v>
      </c>
      <c r="AQ17167">
        <v>14</v>
      </c>
    </row>
    <row r="17168" spans="1:43">
      <c r="A17168" t="s">
        <v>10652</v>
      </c>
      <c r="B17168" t="s">
        <v>10653</v>
      </c>
      <c r="C17168" t="s">
        <v>10570</v>
      </c>
      <c r="D17168" t="s">
        <v>10571</v>
      </c>
      <c r="E17168" t="s">
        <v>10448</v>
      </c>
      <c r="F17168" t="s">
        <v>10449</v>
      </c>
      <c r="G17168" t="s">
        <v>10450</v>
      </c>
      <c r="H17168" t="s">
        <v>10451</v>
      </c>
      <c r="I17168" s="2">
        <v>1</v>
      </c>
      <c r="J17168" s="2">
        <v>0</v>
      </c>
      <c r="K17168" s="2">
        <v>0</v>
      </c>
      <c r="L17168" t="s">
        <v>120</v>
      </c>
      <c r="M17168" t="s">
        <v>89</v>
      </c>
      <c r="N17168" t="s">
        <v>90</v>
      </c>
      <c r="O17168" t="s">
        <v>85</v>
      </c>
      <c r="P17168" t="s">
        <v>86</v>
      </c>
      <c r="Q17168">
        <v>12</v>
      </c>
      <c r="R17168">
        <v>13</v>
      </c>
      <c r="S17168">
        <v>13</v>
      </c>
      <c r="T17168">
        <v>13</v>
      </c>
      <c r="U17168">
        <v>14</v>
      </c>
      <c r="V17168">
        <v>14</v>
      </c>
      <c r="W17168">
        <v>14</v>
      </c>
      <c r="X17168">
        <v>14</v>
      </c>
      <c r="Y17168">
        <v>14</v>
      </c>
      <c r="Z17168">
        <v>15</v>
      </c>
      <c r="AA17168">
        <v>15</v>
      </c>
      <c r="AB17168">
        <v>15</v>
      </c>
      <c r="AC17168">
        <v>15</v>
      </c>
      <c r="AD17168">
        <v>16</v>
      </c>
      <c r="AE17168">
        <v>16</v>
      </c>
      <c r="AF17168">
        <v>16</v>
      </c>
      <c r="AG17168">
        <v>16</v>
      </c>
      <c r="AH17168">
        <v>16</v>
      </c>
      <c r="AI17168">
        <v>16</v>
      </c>
      <c r="AJ17168">
        <v>16</v>
      </c>
      <c r="AK17168">
        <v>16</v>
      </c>
      <c r="AL17168">
        <v>16</v>
      </c>
      <c r="AM17168">
        <v>16</v>
      </c>
      <c r="AN17168">
        <v>16</v>
      </c>
      <c r="AO17168">
        <v>16</v>
      </c>
      <c r="AP17168">
        <v>16</v>
      </c>
      <c r="AQ17168">
        <v>16</v>
      </c>
    </row>
    <row r="17169" spans="1:43">
      <c r="A17169" t="s">
        <v>10652</v>
      </c>
      <c r="B17169" t="s">
        <v>10653</v>
      </c>
      <c r="C17169" t="s">
        <v>10570</v>
      </c>
      <c r="D17169" t="s">
        <v>10571</v>
      </c>
      <c r="E17169" t="s">
        <v>10448</v>
      </c>
      <c r="F17169" t="s">
        <v>10449</v>
      </c>
      <c r="G17169" t="s">
        <v>10450</v>
      </c>
      <c r="H17169" t="s">
        <v>10451</v>
      </c>
      <c r="I17169" s="2">
        <v>1</v>
      </c>
      <c r="J17169" s="2">
        <v>0</v>
      </c>
      <c r="K17169" s="2">
        <v>0</v>
      </c>
      <c r="L17169" t="s">
        <v>120</v>
      </c>
      <c r="M17169" t="s">
        <v>83</v>
      </c>
      <c r="N17169" t="s">
        <v>91</v>
      </c>
      <c r="O17169" t="s">
        <v>85</v>
      </c>
      <c r="P17169" t="s">
        <v>86</v>
      </c>
      <c r="Q17169">
        <v>12</v>
      </c>
      <c r="R17169">
        <v>12</v>
      </c>
      <c r="S17169">
        <v>13</v>
      </c>
      <c r="T17169">
        <v>13</v>
      </c>
      <c r="U17169">
        <v>13</v>
      </c>
      <c r="V17169">
        <v>13</v>
      </c>
      <c r="W17169">
        <v>13</v>
      </c>
      <c r="X17169">
        <v>14</v>
      </c>
      <c r="Y17169">
        <v>14</v>
      </c>
      <c r="Z17169">
        <v>14</v>
      </c>
      <c r="AA17169">
        <v>14</v>
      </c>
      <c r="AB17169">
        <v>14</v>
      </c>
      <c r="AC17169">
        <v>14</v>
      </c>
      <c r="AD17169">
        <v>14</v>
      </c>
      <c r="AE17169">
        <v>15</v>
      </c>
      <c r="AF17169">
        <v>15</v>
      </c>
      <c r="AG17169">
        <v>15</v>
      </c>
      <c r="AH17169">
        <v>15</v>
      </c>
      <c r="AI17169">
        <v>15</v>
      </c>
      <c r="AJ17169">
        <v>15</v>
      </c>
      <c r="AK17169">
        <v>16</v>
      </c>
      <c r="AL17169">
        <v>16</v>
      </c>
      <c r="AM17169">
        <v>16</v>
      </c>
      <c r="AN17169">
        <v>16</v>
      </c>
      <c r="AO17169">
        <v>16</v>
      </c>
      <c r="AP17169">
        <v>16</v>
      </c>
      <c r="AQ17169">
        <v>16</v>
      </c>
    </row>
    <row r="17170" spans="1:43">
      <c r="A17170" t="s">
        <v>10654</v>
      </c>
      <c r="B17170" t="s">
        <v>10655</v>
      </c>
      <c r="C17170" t="s">
        <v>10570</v>
      </c>
      <c r="D17170" t="s">
        <v>10571</v>
      </c>
      <c r="E17170" t="s">
        <v>10448</v>
      </c>
      <c r="F17170" t="s">
        <v>10449</v>
      </c>
      <c r="G17170" t="s">
        <v>10450</v>
      </c>
      <c r="H17170" t="s">
        <v>10451</v>
      </c>
      <c r="I17170" s="2">
        <v>1</v>
      </c>
      <c r="J17170" s="2">
        <v>0</v>
      </c>
      <c r="K17170" s="2">
        <v>0</v>
      </c>
      <c r="L17170" t="s">
        <v>120</v>
      </c>
      <c r="M17170" t="s">
        <v>83</v>
      </c>
      <c r="N17170" t="s">
        <v>84</v>
      </c>
      <c r="O17170" t="s">
        <v>85</v>
      </c>
      <c r="P17170" t="s">
        <v>86</v>
      </c>
      <c r="Q17170">
        <v>24</v>
      </c>
      <c r="R17170">
        <v>24</v>
      </c>
      <c r="S17170">
        <v>25</v>
      </c>
      <c r="T17170">
        <v>25</v>
      </c>
      <c r="U17170">
        <v>25</v>
      </c>
      <c r="V17170">
        <v>26</v>
      </c>
      <c r="W17170">
        <v>26</v>
      </c>
      <c r="X17170">
        <v>26</v>
      </c>
      <c r="Y17170">
        <v>27</v>
      </c>
      <c r="Z17170">
        <v>27</v>
      </c>
      <c r="AA17170">
        <v>27</v>
      </c>
      <c r="AB17170">
        <v>28</v>
      </c>
      <c r="AC17170">
        <v>28</v>
      </c>
      <c r="AD17170">
        <v>28</v>
      </c>
      <c r="AE17170">
        <v>29</v>
      </c>
      <c r="AF17170">
        <v>29</v>
      </c>
      <c r="AG17170">
        <v>29</v>
      </c>
      <c r="AH17170">
        <v>29</v>
      </c>
      <c r="AI17170">
        <v>30</v>
      </c>
      <c r="AJ17170">
        <v>30</v>
      </c>
      <c r="AK17170">
        <v>30</v>
      </c>
      <c r="AL17170">
        <v>30</v>
      </c>
      <c r="AM17170">
        <v>30</v>
      </c>
      <c r="AN17170">
        <v>30</v>
      </c>
      <c r="AO17170">
        <v>31</v>
      </c>
      <c r="AP17170">
        <v>31</v>
      </c>
      <c r="AQ17170">
        <v>31</v>
      </c>
    </row>
    <row r="17171" spans="1:43">
      <c r="A17171" t="s">
        <v>10654</v>
      </c>
      <c r="B17171" t="s">
        <v>10655</v>
      </c>
      <c r="C17171" t="s">
        <v>10570</v>
      </c>
      <c r="D17171" t="s">
        <v>10571</v>
      </c>
      <c r="E17171" t="s">
        <v>10448</v>
      </c>
      <c r="F17171" t="s">
        <v>10449</v>
      </c>
      <c r="G17171" t="s">
        <v>10450</v>
      </c>
      <c r="H17171" t="s">
        <v>10451</v>
      </c>
      <c r="I17171" s="2">
        <v>1</v>
      </c>
      <c r="J17171" s="2">
        <v>0</v>
      </c>
      <c r="K17171" s="2">
        <v>0</v>
      </c>
      <c r="L17171" t="s">
        <v>120</v>
      </c>
      <c r="M17171" t="s">
        <v>87</v>
      </c>
      <c r="N17171" t="s">
        <v>88</v>
      </c>
      <c r="O17171" t="s">
        <v>85</v>
      </c>
      <c r="P17171" t="s">
        <v>86</v>
      </c>
      <c r="Q17171">
        <v>24</v>
      </c>
      <c r="R17171">
        <v>24</v>
      </c>
      <c r="S17171">
        <v>24</v>
      </c>
      <c r="T17171">
        <v>24</v>
      </c>
      <c r="U17171">
        <v>24</v>
      </c>
      <c r="V17171">
        <v>24</v>
      </c>
      <c r="W17171">
        <v>24</v>
      </c>
      <c r="X17171">
        <v>25</v>
      </c>
      <c r="Y17171">
        <v>25</v>
      </c>
      <c r="Z17171">
        <v>25</v>
      </c>
      <c r="AA17171">
        <v>25</v>
      </c>
      <c r="AB17171">
        <v>25</v>
      </c>
      <c r="AC17171">
        <v>25</v>
      </c>
      <c r="AD17171">
        <v>25</v>
      </c>
      <c r="AE17171">
        <v>25</v>
      </c>
      <c r="AF17171">
        <v>25</v>
      </c>
      <c r="AG17171">
        <v>26</v>
      </c>
      <c r="AH17171">
        <v>26</v>
      </c>
      <c r="AI17171">
        <v>26</v>
      </c>
      <c r="AJ17171">
        <v>26</v>
      </c>
      <c r="AK17171">
        <v>26</v>
      </c>
      <c r="AL17171">
        <v>26</v>
      </c>
      <c r="AM17171">
        <v>26</v>
      </c>
      <c r="AN17171">
        <v>26</v>
      </c>
      <c r="AO17171">
        <v>26</v>
      </c>
      <c r="AP17171">
        <v>26</v>
      </c>
      <c r="AQ17171">
        <v>27</v>
      </c>
    </row>
    <row r="17172" spans="1:43">
      <c r="A17172" t="s">
        <v>10654</v>
      </c>
      <c r="B17172" t="s">
        <v>10655</v>
      </c>
      <c r="C17172" t="s">
        <v>10570</v>
      </c>
      <c r="D17172" t="s">
        <v>10571</v>
      </c>
      <c r="E17172" t="s">
        <v>10448</v>
      </c>
      <c r="F17172" t="s">
        <v>10449</v>
      </c>
      <c r="G17172" t="s">
        <v>10450</v>
      </c>
      <c r="H17172" t="s">
        <v>10451</v>
      </c>
      <c r="I17172" s="2">
        <v>1</v>
      </c>
      <c r="J17172" s="2">
        <v>0</v>
      </c>
      <c r="K17172" s="2">
        <v>0</v>
      </c>
      <c r="L17172" t="s">
        <v>120</v>
      </c>
      <c r="M17172" t="s">
        <v>89</v>
      </c>
      <c r="N17172" t="s">
        <v>90</v>
      </c>
      <c r="O17172" t="s">
        <v>85</v>
      </c>
      <c r="P17172" t="s">
        <v>86</v>
      </c>
      <c r="Q17172">
        <v>24</v>
      </c>
      <c r="R17172">
        <v>25</v>
      </c>
      <c r="S17172">
        <v>25</v>
      </c>
      <c r="T17172">
        <v>26</v>
      </c>
      <c r="U17172">
        <v>26</v>
      </c>
      <c r="V17172">
        <v>27</v>
      </c>
      <c r="W17172">
        <v>27</v>
      </c>
      <c r="X17172">
        <v>28</v>
      </c>
      <c r="Y17172">
        <v>28</v>
      </c>
      <c r="Z17172">
        <v>29</v>
      </c>
      <c r="AA17172">
        <v>29</v>
      </c>
      <c r="AB17172">
        <v>29</v>
      </c>
      <c r="AC17172">
        <v>30</v>
      </c>
      <c r="AD17172">
        <v>30</v>
      </c>
      <c r="AE17172">
        <v>31</v>
      </c>
      <c r="AF17172">
        <v>31</v>
      </c>
      <c r="AG17172">
        <v>31</v>
      </c>
      <c r="AH17172">
        <v>31</v>
      </c>
      <c r="AI17172">
        <v>31</v>
      </c>
      <c r="AJ17172">
        <v>31</v>
      </c>
      <c r="AK17172">
        <v>31</v>
      </c>
      <c r="AL17172">
        <v>31</v>
      </c>
      <c r="AM17172">
        <v>31</v>
      </c>
      <c r="AN17172">
        <v>31</v>
      </c>
      <c r="AO17172">
        <v>31</v>
      </c>
      <c r="AP17172">
        <v>31</v>
      </c>
      <c r="AQ17172">
        <v>31</v>
      </c>
    </row>
    <row r="17173" spans="1:43">
      <c r="A17173" t="s">
        <v>10654</v>
      </c>
      <c r="B17173" t="s">
        <v>10655</v>
      </c>
      <c r="C17173" t="s">
        <v>10570</v>
      </c>
      <c r="D17173" t="s">
        <v>10571</v>
      </c>
      <c r="E17173" t="s">
        <v>10448</v>
      </c>
      <c r="F17173" t="s">
        <v>10449</v>
      </c>
      <c r="G17173" t="s">
        <v>10450</v>
      </c>
      <c r="H17173" t="s">
        <v>10451</v>
      </c>
      <c r="I17173" s="2">
        <v>1</v>
      </c>
      <c r="J17173" s="2">
        <v>0</v>
      </c>
      <c r="K17173" s="2">
        <v>0</v>
      </c>
      <c r="L17173" t="s">
        <v>120</v>
      </c>
      <c r="M17173" t="s">
        <v>83</v>
      </c>
      <c r="N17173" t="s">
        <v>91</v>
      </c>
      <c r="O17173" t="s">
        <v>85</v>
      </c>
      <c r="P17173" t="s">
        <v>86</v>
      </c>
      <c r="Q17173">
        <v>24</v>
      </c>
      <c r="R17173">
        <v>24</v>
      </c>
      <c r="S17173">
        <v>25</v>
      </c>
      <c r="T17173">
        <v>25</v>
      </c>
      <c r="U17173">
        <v>25</v>
      </c>
      <c r="V17173">
        <v>26</v>
      </c>
      <c r="W17173">
        <v>26</v>
      </c>
      <c r="X17173">
        <v>26</v>
      </c>
      <c r="Y17173">
        <v>27</v>
      </c>
      <c r="Z17173">
        <v>27</v>
      </c>
      <c r="AA17173">
        <v>27</v>
      </c>
      <c r="AB17173">
        <v>28</v>
      </c>
      <c r="AC17173">
        <v>28</v>
      </c>
      <c r="AD17173">
        <v>28</v>
      </c>
      <c r="AE17173">
        <v>29</v>
      </c>
      <c r="AF17173">
        <v>29</v>
      </c>
      <c r="AG17173">
        <v>29</v>
      </c>
      <c r="AH17173">
        <v>29</v>
      </c>
      <c r="AI17173">
        <v>30</v>
      </c>
      <c r="AJ17173">
        <v>30</v>
      </c>
      <c r="AK17173">
        <v>30</v>
      </c>
      <c r="AL17173">
        <v>30</v>
      </c>
      <c r="AM17173">
        <v>30</v>
      </c>
      <c r="AN17173">
        <v>30</v>
      </c>
      <c r="AO17173">
        <v>31</v>
      </c>
      <c r="AP17173">
        <v>31</v>
      </c>
      <c r="AQ17173">
        <v>31</v>
      </c>
    </row>
    <row r="17174" spans="1:43">
      <c r="A17174" t="s">
        <v>10656</v>
      </c>
      <c r="B17174" t="s">
        <v>10657</v>
      </c>
      <c r="C17174" t="s">
        <v>10516</v>
      </c>
      <c r="D17174" t="s">
        <v>10517</v>
      </c>
      <c r="E17174" t="s">
        <v>10448</v>
      </c>
      <c r="F17174" t="s">
        <v>10449</v>
      </c>
      <c r="G17174" t="s">
        <v>10450</v>
      </c>
      <c r="H17174" t="s">
        <v>10451</v>
      </c>
      <c r="I17174" s="2">
        <v>1</v>
      </c>
      <c r="J17174" s="2">
        <v>0</v>
      </c>
      <c r="K17174" s="2">
        <v>0</v>
      </c>
      <c r="L17174" t="s">
        <v>120</v>
      </c>
      <c r="M17174" t="s">
        <v>83</v>
      </c>
      <c r="N17174" t="s">
        <v>84</v>
      </c>
      <c r="O17174" t="s">
        <v>85</v>
      </c>
      <c r="P17174" t="s">
        <v>86</v>
      </c>
      <c r="Q17174">
        <v>0</v>
      </c>
      <c r="R17174">
        <v>0</v>
      </c>
      <c r="S17174">
        <v>0</v>
      </c>
      <c r="T17174">
        <v>0</v>
      </c>
      <c r="U17174">
        <v>0</v>
      </c>
      <c r="V17174">
        <v>0</v>
      </c>
      <c r="W17174">
        <v>0</v>
      </c>
      <c r="X17174">
        <v>0</v>
      </c>
      <c r="Y17174">
        <v>0</v>
      </c>
      <c r="Z17174">
        <v>0</v>
      </c>
      <c r="AA17174">
        <v>0</v>
      </c>
      <c r="AB17174">
        <v>0</v>
      </c>
      <c r="AC17174">
        <v>0</v>
      </c>
      <c r="AD17174">
        <v>0</v>
      </c>
      <c r="AE17174">
        <v>0</v>
      </c>
      <c r="AF17174">
        <v>0</v>
      </c>
      <c r="AG17174">
        <v>0</v>
      </c>
      <c r="AH17174">
        <v>0</v>
      </c>
      <c r="AI17174">
        <v>0</v>
      </c>
      <c r="AJ17174">
        <v>0</v>
      </c>
      <c r="AK17174">
        <v>0</v>
      </c>
      <c r="AL17174">
        <v>0</v>
      </c>
      <c r="AM17174">
        <v>0</v>
      </c>
      <c r="AN17174">
        <v>0</v>
      </c>
      <c r="AO17174">
        <v>0</v>
      </c>
      <c r="AP17174">
        <v>0</v>
      </c>
      <c r="AQ17174">
        <v>0</v>
      </c>
    </row>
    <row r="17175" spans="1:43">
      <c r="A17175" t="s">
        <v>10656</v>
      </c>
      <c r="B17175" t="s">
        <v>10657</v>
      </c>
      <c r="C17175" t="s">
        <v>10516</v>
      </c>
      <c r="D17175" t="s">
        <v>10517</v>
      </c>
      <c r="E17175" t="s">
        <v>10448</v>
      </c>
      <c r="F17175" t="s">
        <v>10449</v>
      </c>
      <c r="G17175" t="s">
        <v>10450</v>
      </c>
      <c r="H17175" t="s">
        <v>10451</v>
      </c>
      <c r="I17175" s="2">
        <v>1</v>
      </c>
      <c r="J17175" s="2">
        <v>0</v>
      </c>
      <c r="K17175" s="2">
        <v>0</v>
      </c>
      <c r="L17175" t="s">
        <v>120</v>
      </c>
      <c r="M17175" t="s">
        <v>87</v>
      </c>
      <c r="N17175" t="s">
        <v>88</v>
      </c>
      <c r="O17175" t="s">
        <v>85</v>
      </c>
      <c r="P17175" t="s">
        <v>86</v>
      </c>
      <c r="Q17175">
        <v>0</v>
      </c>
      <c r="R17175">
        <v>0</v>
      </c>
      <c r="S17175">
        <v>0</v>
      </c>
      <c r="T17175">
        <v>0</v>
      </c>
      <c r="U17175">
        <v>0</v>
      </c>
      <c r="V17175">
        <v>0</v>
      </c>
      <c r="W17175">
        <v>0</v>
      </c>
      <c r="X17175">
        <v>0</v>
      </c>
      <c r="Y17175">
        <v>0</v>
      </c>
      <c r="Z17175">
        <v>0</v>
      </c>
      <c r="AA17175">
        <v>0</v>
      </c>
      <c r="AB17175">
        <v>0</v>
      </c>
      <c r="AC17175">
        <v>0</v>
      </c>
      <c r="AD17175">
        <v>0</v>
      </c>
      <c r="AE17175">
        <v>0</v>
      </c>
      <c r="AF17175">
        <v>0</v>
      </c>
      <c r="AG17175">
        <v>0</v>
      </c>
      <c r="AH17175">
        <v>0</v>
      </c>
      <c r="AI17175">
        <v>0</v>
      </c>
      <c r="AJ17175">
        <v>0</v>
      </c>
      <c r="AK17175">
        <v>0</v>
      </c>
      <c r="AL17175">
        <v>0</v>
      </c>
      <c r="AM17175">
        <v>0</v>
      </c>
      <c r="AN17175">
        <v>0</v>
      </c>
      <c r="AO17175">
        <v>0</v>
      </c>
      <c r="AP17175">
        <v>0</v>
      </c>
      <c r="AQ17175">
        <v>0</v>
      </c>
    </row>
    <row r="17176" spans="1:43">
      <c r="A17176" t="s">
        <v>10656</v>
      </c>
      <c r="B17176" t="s">
        <v>10657</v>
      </c>
      <c r="C17176" t="s">
        <v>10516</v>
      </c>
      <c r="D17176" t="s">
        <v>10517</v>
      </c>
      <c r="E17176" t="s">
        <v>10448</v>
      </c>
      <c r="F17176" t="s">
        <v>10449</v>
      </c>
      <c r="G17176" t="s">
        <v>10450</v>
      </c>
      <c r="H17176" t="s">
        <v>10451</v>
      </c>
      <c r="I17176" s="2">
        <v>1</v>
      </c>
      <c r="J17176" s="2">
        <v>0</v>
      </c>
      <c r="K17176" s="2">
        <v>0</v>
      </c>
      <c r="L17176" t="s">
        <v>120</v>
      </c>
      <c r="M17176" t="s">
        <v>89</v>
      </c>
      <c r="N17176" t="s">
        <v>90</v>
      </c>
      <c r="O17176" t="s">
        <v>85</v>
      </c>
      <c r="P17176" t="s">
        <v>86</v>
      </c>
      <c r="Q17176">
        <v>0</v>
      </c>
      <c r="R17176">
        <v>0</v>
      </c>
      <c r="S17176">
        <v>0</v>
      </c>
      <c r="T17176">
        <v>0</v>
      </c>
      <c r="U17176">
        <v>0</v>
      </c>
      <c r="V17176">
        <v>0</v>
      </c>
      <c r="W17176">
        <v>0</v>
      </c>
      <c r="X17176">
        <v>0</v>
      </c>
      <c r="Y17176">
        <v>0</v>
      </c>
      <c r="Z17176">
        <v>0</v>
      </c>
      <c r="AA17176">
        <v>0</v>
      </c>
      <c r="AB17176">
        <v>0</v>
      </c>
      <c r="AC17176">
        <v>0</v>
      </c>
      <c r="AD17176">
        <v>0</v>
      </c>
      <c r="AE17176">
        <v>0</v>
      </c>
      <c r="AF17176">
        <v>0</v>
      </c>
      <c r="AG17176">
        <v>0</v>
      </c>
      <c r="AH17176">
        <v>0</v>
      </c>
      <c r="AI17176">
        <v>0</v>
      </c>
      <c r="AJ17176">
        <v>0</v>
      </c>
      <c r="AK17176">
        <v>0</v>
      </c>
      <c r="AL17176">
        <v>0</v>
      </c>
      <c r="AM17176">
        <v>0</v>
      </c>
      <c r="AN17176">
        <v>0</v>
      </c>
      <c r="AO17176">
        <v>0</v>
      </c>
      <c r="AP17176">
        <v>0</v>
      </c>
      <c r="AQ17176">
        <v>0</v>
      </c>
    </row>
    <row r="17177" spans="1:43">
      <c r="A17177" t="s">
        <v>10656</v>
      </c>
      <c r="B17177" t="s">
        <v>10657</v>
      </c>
      <c r="C17177" t="s">
        <v>10516</v>
      </c>
      <c r="D17177" t="s">
        <v>10517</v>
      </c>
      <c r="E17177" t="s">
        <v>10448</v>
      </c>
      <c r="F17177" t="s">
        <v>10449</v>
      </c>
      <c r="G17177" t="s">
        <v>10450</v>
      </c>
      <c r="H17177" t="s">
        <v>10451</v>
      </c>
      <c r="I17177" s="2">
        <v>1</v>
      </c>
      <c r="J17177" s="2">
        <v>0</v>
      </c>
      <c r="K17177" s="2">
        <v>0</v>
      </c>
      <c r="L17177" t="s">
        <v>120</v>
      </c>
      <c r="M17177" t="s">
        <v>83</v>
      </c>
      <c r="N17177" t="s">
        <v>91</v>
      </c>
      <c r="O17177" t="s">
        <v>85</v>
      </c>
      <c r="P17177" t="s">
        <v>86</v>
      </c>
      <c r="Q17177">
        <v>0</v>
      </c>
      <c r="R17177">
        <v>0</v>
      </c>
      <c r="S17177">
        <v>0</v>
      </c>
      <c r="T17177">
        <v>0</v>
      </c>
      <c r="U17177">
        <v>0</v>
      </c>
      <c r="V17177">
        <v>0</v>
      </c>
      <c r="W17177">
        <v>0</v>
      </c>
      <c r="X17177">
        <v>0</v>
      </c>
      <c r="Y17177">
        <v>0</v>
      </c>
      <c r="Z17177">
        <v>0</v>
      </c>
      <c r="AA17177">
        <v>0</v>
      </c>
      <c r="AB17177">
        <v>0</v>
      </c>
      <c r="AC17177">
        <v>0</v>
      </c>
      <c r="AD17177">
        <v>0</v>
      </c>
      <c r="AE17177">
        <v>0</v>
      </c>
      <c r="AF17177">
        <v>0</v>
      </c>
      <c r="AG17177">
        <v>0</v>
      </c>
      <c r="AH17177">
        <v>0</v>
      </c>
      <c r="AI17177">
        <v>0</v>
      </c>
      <c r="AJ17177">
        <v>0</v>
      </c>
      <c r="AK17177">
        <v>0</v>
      </c>
      <c r="AL17177">
        <v>0</v>
      </c>
      <c r="AM17177">
        <v>0</v>
      </c>
      <c r="AN17177">
        <v>0</v>
      </c>
      <c r="AO17177">
        <v>0</v>
      </c>
      <c r="AP17177">
        <v>0</v>
      </c>
      <c r="AQ17177">
        <v>0</v>
      </c>
    </row>
    <row r="17178" spans="1:43">
      <c r="A17178" t="s">
        <v>10658</v>
      </c>
      <c r="B17178" t="s">
        <v>10659</v>
      </c>
      <c r="C17178" t="s">
        <v>10516</v>
      </c>
      <c r="D17178" t="s">
        <v>10517</v>
      </c>
      <c r="E17178" t="s">
        <v>10448</v>
      </c>
      <c r="F17178" t="s">
        <v>10449</v>
      </c>
      <c r="G17178" t="s">
        <v>10450</v>
      </c>
      <c r="H17178" t="s">
        <v>10451</v>
      </c>
      <c r="I17178" s="2">
        <v>1</v>
      </c>
      <c r="J17178" s="2">
        <v>0</v>
      </c>
      <c r="K17178" s="2">
        <v>0</v>
      </c>
      <c r="L17178" t="s">
        <v>120</v>
      </c>
      <c r="M17178" t="s">
        <v>83</v>
      </c>
      <c r="N17178" t="s">
        <v>84</v>
      </c>
      <c r="O17178" t="s">
        <v>85</v>
      </c>
      <c r="P17178" t="s">
        <v>86</v>
      </c>
      <c r="Q17178">
        <v>18</v>
      </c>
      <c r="R17178">
        <v>19</v>
      </c>
      <c r="S17178">
        <v>19</v>
      </c>
      <c r="T17178">
        <v>19</v>
      </c>
      <c r="U17178">
        <v>20</v>
      </c>
      <c r="V17178">
        <v>20</v>
      </c>
      <c r="W17178">
        <v>20</v>
      </c>
      <c r="X17178">
        <v>20</v>
      </c>
      <c r="Y17178">
        <v>21</v>
      </c>
      <c r="Z17178">
        <v>21</v>
      </c>
      <c r="AA17178">
        <v>21</v>
      </c>
      <c r="AB17178">
        <v>21</v>
      </c>
      <c r="AC17178">
        <v>22</v>
      </c>
      <c r="AD17178">
        <v>22</v>
      </c>
      <c r="AE17178">
        <v>22</v>
      </c>
      <c r="AF17178">
        <v>22</v>
      </c>
      <c r="AG17178">
        <v>22</v>
      </c>
      <c r="AH17178">
        <v>23</v>
      </c>
      <c r="AI17178">
        <v>23</v>
      </c>
      <c r="AJ17178">
        <v>23</v>
      </c>
      <c r="AK17178">
        <v>23</v>
      </c>
      <c r="AL17178">
        <v>24</v>
      </c>
      <c r="AM17178">
        <v>24</v>
      </c>
      <c r="AN17178">
        <v>24</v>
      </c>
      <c r="AO17178">
        <v>24</v>
      </c>
      <c r="AP17178">
        <v>24</v>
      </c>
      <c r="AQ17178">
        <v>24</v>
      </c>
    </row>
    <row r="17179" spans="1:43">
      <c r="A17179" t="s">
        <v>10658</v>
      </c>
      <c r="B17179" t="s">
        <v>10659</v>
      </c>
      <c r="C17179" t="s">
        <v>10516</v>
      </c>
      <c r="D17179" t="s">
        <v>10517</v>
      </c>
      <c r="E17179" t="s">
        <v>10448</v>
      </c>
      <c r="F17179" t="s">
        <v>10449</v>
      </c>
      <c r="G17179" t="s">
        <v>10450</v>
      </c>
      <c r="H17179" t="s">
        <v>10451</v>
      </c>
      <c r="I17179" s="2">
        <v>1</v>
      </c>
      <c r="J17179" s="2">
        <v>0</v>
      </c>
      <c r="K17179" s="2">
        <v>0</v>
      </c>
      <c r="L17179" t="s">
        <v>120</v>
      </c>
      <c r="M17179" t="s">
        <v>87</v>
      </c>
      <c r="N17179" t="s">
        <v>88</v>
      </c>
      <c r="O17179" t="s">
        <v>85</v>
      </c>
      <c r="P17179" t="s">
        <v>86</v>
      </c>
      <c r="Q17179">
        <v>18</v>
      </c>
      <c r="R17179">
        <v>18</v>
      </c>
      <c r="S17179">
        <v>18</v>
      </c>
      <c r="T17179">
        <v>19</v>
      </c>
      <c r="U17179">
        <v>19</v>
      </c>
      <c r="V17179">
        <v>19</v>
      </c>
      <c r="W17179">
        <v>19</v>
      </c>
      <c r="X17179">
        <v>19</v>
      </c>
      <c r="Y17179">
        <v>19</v>
      </c>
      <c r="Z17179">
        <v>19</v>
      </c>
      <c r="AA17179">
        <v>19</v>
      </c>
      <c r="AB17179">
        <v>19</v>
      </c>
      <c r="AC17179">
        <v>19</v>
      </c>
      <c r="AD17179">
        <v>19</v>
      </c>
      <c r="AE17179">
        <v>20</v>
      </c>
      <c r="AF17179">
        <v>20</v>
      </c>
      <c r="AG17179">
        <v>20</v>
      </c>
      <c r="AH17179">
        <v>20</v>
      </c>
      <c r="AI17179">
        <v>20</v>
      </c>
      <c r="AJ17179">
        <v>20</v>
      </c>
      <c r="AK17179">
        <v>20</v>
      </c>
      <c r="AL17179">
        <v>20</v>
      </c>
      <c r="AM17179">
        <v>20</v>
      </c>
      <c r="AN17179">
        <v>20</v>
      </c>
      <c r="AO17179">
        <v>20</v>
      </c>
      <c r="AP17179">
        <v>20</v>
      </c>
      <c r="AQ17179">
        <v>20</v>
      </c>
    </row>
    <row r="17180" spans="1:43">
      <c r="A17180" t="s">
        <v>10658</v>
      </c>
      <c r="B17180" t="s">
        <v>10659</v>
      </c>
      <c r="C17180" t="s">
        <v>10516</v>
      </c>
      <c r="D17180" t="s">
        <v>10517</v>
      </c>
      <c r="E17180" t="s">
        <v>10448</v>
      </c>
      <c r="F17180" t="s">
        <v>10449</v>
      </c>
      <c r="G17180" t="s">
        <v>10450</v>
      </c>
      <c r="H17180" t="s">
        <v>10451</v>
      </c>
      <c r="I17180" s="2">
        <v>1</v>
      </c>
      <c r="J17180" s="2">
        <v>0</v>
      </c>
      <c r="K17180" s="2">
        <v>0</v>
      </c>
      <c r="L17180" t="s">
        <v>120</v>
      </c>
      <c r="M17180" t="s">
        <v>89</v>
      </c>
      <c r="N17180" t="s">
        <v>90</v>
      </c>
      <c r="O17180" t="s">
        <v>85</v>
      </c>
      <c r="P17180" t="s">
        <v>86</v>
      </c>
      <c r="Q17180">
        <v>18</v>
      </c>
      <c r="R17180">
        <v>18</v>
      </c>
      <c r="S17180">
        <v>19</v>
      </c>
      <c r="T17180">
        <v>19</v>
      </c>
      <c r="U17180">
        <v>19</v>
      </c>
      <c r="V17180">
        <v>20</v>
      </c>
      <c r="W17180">
        <v>20</v>
      </c>
      <c r="X17180">
        <v>20</v>
      </c>
      <c r="Y17180">
        <v>21</v>
      </c>
      <c r="Z17180">
        <v>21</v>
      </c>
      <c r="AA17180">
        <v>21</v>
      </c>
      <c r="AB17180">
        <v>22</v>
      </c>
      <c r="AC17180">
        <v>22</v>
      </c>
      <c r="AD17180">
        <v>22</v>
      </c>
      <c r="AE17180">
        <v>23</v>
      </c>
      <c r="AF17180">
        <v>23</v>
      </c>
      <c r="AG17180">
        <v>23</v>
      </c>
      <c r="AH17180">
        <v>23</v>
      </c>
      <c r="AI17180">
        <v>23</v>
      </c>
      <c r="AJ17180">
        <v>23</v>
      </c>
      <c r="AK17180">
        <v>23</v>
      </c>
      <c r="AL17180">
        <v>23</v>
      </c>
      <c r="AM17180">
        <v>23</v>
      </c>
      <c r="AN17180">
        <v>23</v>
      </c>
      <c r="AO17180">
        <v>23</v>
      </c>
      <c r="AP17180">
        <v>23</v>
      </c>
      <c r="AQ17180">
        <v>23</v>
      </c>
    </row>
    <row r="17181" spans="1:43">
      <c r="A17181" t="s">
        <v>10658</v>
      </c>
      <c r="B17181" t="s">
        <v>10659</v>
      </c>
      <c r="C17181" t="s">
        <v>10516</v>
      </c>
      <c r="D17181" t="s">
        <v>10517</v>
      </c>
      <c r="E17181" t="s">
        <v>10448</v>
      </c>
      <c r="F17181" t="s">
        <v>10449</v>
      </c>
      <c r="G17181" t="s">
        <v>10450</v>
      </c>
      <c r="H17181" t="s">
        <v>10451</v>
      </c>
      <c r="I17181" s="2">
        <v>1</v>
      </c>
      <c r="J17181" s="2">
        <v>0</v>
      </c>
      <c r="K17181" s="2">
        <v>0</v>
      </c>
      <c r="L17181" t="s">
        <v>120</v>
      </c>
      <c r="M17181" t="s">
        <v>83</v>
      </c>
      <c r="N17181" t="s">
        <v>91</v>
      </c>
      <c r="O17181" t="s">
        <v>85</v>
      </c>
      <c r="P17181" t="s">
        <v>86</v>
      </c>
      <c r="Q17181">
        <v>18</v>
      </c>
      <c r="R17181">
        <v>19</v>
      </c>
      <c r="S17181">
        <v>19</v>
      </c>
      <c r="T17181">
        <v>19</v>
      </c>
      <c r="U17181">
        <v>20</v>
      </c>
      <c r="V17181">
        <v>20</v>
      </c>
      <c r="W17181">
        <v>20</v>
      </c>
      <c r="X17181">
        <v>20</v>
      </c>
      <c r="Y17181">
        <v>21</v>
      </c>
      <c r="Z17181">
        <v>21</v>
      </c>
      <c r="AA17181">
        <v>21</v>
      </c>
      <c r="AB17181">
        <v>21</v>
      </c>
      <c r="AC17181">
        <v>22</v>
      </c>
      <c r="AD17181">
        <v>22</v>
      </c>
      <c r="AE17181">
        <v>22</v>
      </c>
      <c r="AF17181">
        <v>22</v>
      </c>
      <c r="AG17181">
        <v>22</v>
      </c>
      <c r="AH17181">
        <v>23</v>
      </c>
      <c r="AI17181">
        <v>23</v>
      </c>
      <c r="AJ17181">
        <v>23</v>
      </c>
      <c r="AK17181">
        <v>23</v>
      </c>
      <c r="AL17181">
        <v>24</v>
      </c>
      <c r="AM17181">
        <v>24</v>
      </c>
      <c r="AN17181">
        <v>24</v>
      </c>
      <c r="AO17181">
        <v>24</v>
      </c>
      <c r="AP17181">
        <v>24</v>
      </c>
      <c r="AQ17181">
        <v>24</v>
      </c>
    </row>
    <row r="17182" spans="1:43">
      <c r="A17182" t="s">
        <v>10660</v>
      </c>
      <c r="B17182" t="s">
        <v>10661</v>
      </c>
      <c r="C17182" t="s">
        <v>10516</v>
      </c>
      <c r="D17182" t="s">
        <v>10517</v>
      </c>
      <c r="E17182" t="s">
        <v>10448</v>
      </c>
      <c r="F17182" t="s">
        <v>10449</v>
      </c>
      <c r="G17182" t="s">
        <v>10450</v>
      </c>
      <c r="H17182" t="s">
        <v>10451</v>
      </c>
      <c r="I17182" s="2">
        <v>1</v>
      </c>
      <c r="J17182" s="2">
        <v>0</v>
      </c>
      <c r="K17182" s="2">
        <v>0</v>
      </c>
      <c r="L17182" t="s">
        <v>120</v>
      </c>
      <c r="M17182" t="s">
        <v>83</v>
      </c>
      <c r="N17182" t="s">
        <v>84</v>
      </c>
      <c r="O17182" t="s">
        <v>85</v>
      </c>
      <c r="P17182" t="s">
        <v>86</v>
      </c>
      <c r="Q17182">
        <v>16</v>
      </c>
      <c r="R17182">
        <v>16</v>
      </c>
      <c r="S17182">
        <v>16</v>
      </c>
      <c r="T17182">
        <v>16</v>
      </c>
      <c r="U17182">
        <v>17</v>
      </c>
      <c r="V17182">
        <v>17</v>
      </c>
      <c r="W17182">
        <v>17</v>
      </c>
      <c r="X17182">
        <v>17</v>
      </c>
      <c r="Y17182">
        <v>18</v>
      </c>
      <c r="Z17182">
        <v>18</v>
      </c>
      <c r="AA17182">
        <v>18</v>
      </c>
      <c r="AB17182">
        <v>18</v>
      </c>
      <c r="AC17182">
        <v>18</v>
      </c>
      <c r="AD17182">
        <v>19</v>
      </c>
      <c r="AE17182">
        <v>19</v>
      </c>
      <c r="AF17182">
        <v>19</v>
      </c>
      <c r="AG17182">
        <v>19</v>
      </c>
      <c r="AH17182">
        <v>19</v>
      </c>
      <c r="AI17182">
        <v>20</v>
      </c>
      <c r="AJ17182">
        <v>20</v>
      </c>
      <c r="AK17182">
        <v>20</v>
      </c>
      <c r="AL17182">
        <v>20</v>
      </c>
      <c r="AM17182">
        <v>20</v>
      </c>
      <c r="AN17182">
        <v>20</v>
      </c>
      <c r="AO17182">
        <v>20</v>
      </c>
      <c r="AP17182">
        <v>20</v>
      </c>
      <c r="AQ17182">
        <v>20</v>
      </c>
    </row>
    <row r="17183" spans="1:43">
      <c r="A17183" t="s">
        <v>10660</v>
      </c>
      <c r="B17183" t="s">
        <v>10661</v>
      </c>
      <c r="C17183" t="s">
        <v>10516</v>
      </c>
      <c r="D17183" t="s">
        <v>10517</v>
      </c>
      <c r="E17183" t="s">
        <v>10448</v>
      </c>
      <c r="F17183" t="s">
        <v>10449</v>
      </c>
      <c r="G17183" t="s">
        <v>10450</v>
      </c>
      <c r="H17183" t="s">
        <v>10451</v>
      </c>
      <c r="I17183" s="2">
        <v>1</v>
      </c>
      <c r="J17183" s="2">
        <v>0</v>
      </c>
      <c r="K17183" s="2">
        <v>0</v>
      </c>
      <c r="L17183" t="s">
        <v>120</v>
      </c>
      <c r="M17183" t="s">
        <v>87</v>
      </c>
      <c r="N17183" t="s">
        <v>88</v>
      </c>
      <c r="O17183" t="s">
        <v>85</v>
      </c>
      <c r="P17183" t="s">
        <v>86</v>
      </c>
      <c r="Q17183">
        <v>16</v>
      </c>
      <c r="R17183">
        <v>16</v>
      </c>
      <c r="S17183">
        <v>16</v>
      </c>
      <c r="T17183">
        <v>16</v>
      </c>
      <c r="U17183">
        <v>16</v>
      </c>
      <c r="V17183">
        <v>16</v>
      </c>
      <c r="W17183">
        <v>16</v>
      </c>
      <c r="X17183">
        <v>16</v>
      </c>
      <c r="Y17183">
        <v>16</v>
      </c>
      <c r="Z17183">
        <v>16</v>
      </c>
      <c r="AA17183">
        <v>16</v>
      </c>
      <c r="AB17183">
        <v>16</v>
      </c>
      <c r="AC17183">
        <v>17</v>
      </c>
      <c r="AD17183">
        <v>17</v>
      </c>
      <c r="AE17183">
        <v>17</v>
      </c>
      <c r="AF17183">
        <v>17</v>
      </c>
      <c r="AG17183">
        <v>17</v>
      </c>
      <c r="AH17183">
        <v>17</v>
      </c>
      <c r="AI17183">
        <v>17</v>
      </c>
      <c r="AJ17183">
        <v>17</v>
      </c>
      <c r="AK17183">
        <v>17</v>
      </c>
      <c r="AL17183">
        <v>17</v>
      </c>
      <c r="AM17183">
        <v>17</v>
      </c>
      <c r="AN17183">
        <v>17</v>
      </c>
      <c r="AO17183">
        <v>17</v>
      </c>
      <c r="AP17183">
        <v>17</v>
      </c>
      <c r="AQ17183">
        <v>17</v>
      </c>
    </row>
    <row r="17184" spans="1:43">
      <c r="A17184" t="s">
        <v>10660</v>
      </c>
      <c r="B17184" t="s">
        <v>10661</v>
      </c>
      <c r="C17184" t="s">
        <v>10516</v>
      </c>
      <c r="D17184" t="s">
        <v>10517</v>
      </c>
      <c r="E17184" t="s">
        <v>10448</v>
      </c>
      <c r="F17184" t="s">
        <v>10449</v>
      </c>
      <c r="G17184" t="s">
        <v>10450</v>
      </c>
      <c r="H17184" t="s">
        <v>10451</v>
      </c>
      <c r="I17184" s="2">
        <v>1</v>
      </c>
      <c r="J17184" s="2">
        <v>0</v>
      </c>
      <c r="K17184" s="2">
        <v>0</v>
      </c>
      <c r="L17184" t="s">
        <v>120</v>
      </c>
      <c r="M17184" t="s">
        <v>89</v>
      </c>
      <c r="N17184" t="s">
        <v>90</v>
      </c>
      <c r="O17184" t="s">
        <v>85</v>
      </c>
      <c r="P17184" t="s">
        <v>86</v>
      </c>
      <c r="Q17184">
        <v>16</v>
      </c>
      <c r="R17184">
        <v>16</v>
      </c>
      <c r="S17184">
        <v>17</v>
      </c>
      <c r="T17184">
        <v>17</v>
      </c>
      <c r="U17184">
        <v>17</v>
      </c>
      <c r="V17184">
        <v>18</v>
      </c>
      <c r="W17184">
        <v>18</v>
      </c>
      <c r="X17184">
        <v>18</v>
      </c>
      <c r="Y17184">
        <v>19</v>
      </c>
      <c r="Z17184">
        <v>19</v>
      </c>
      <c r="AA17184">
        <v>19</v>
      </c>
      <c r="AB17184">
        <v>19</v>
      </c>
      <c r="AC17184">
        <v>20</v>
      </c>
      <c r="AD17184">
        <v>20</v>
      </c>
      <c r="AE17184">
        <v>20</v>
      </c>
      <c r="AF17184">
        <v>20</v>
      </c>
      <c r="AG17184">
        <v>20</v>
      </c>
      <c r="AH17184">
        <v>20</v>
      </c>
      <c r="AI17184">
        <v>20</v>
      </c>
      <c r="AJ17184">
        <v>20</v>
      </c>
      <c r="AK17184">
        <v>20</v>
      </c>
      <c r="AL17184">
        <v>20</v>
      </c>
      <c r="AM17184">
        <v>20</v>
      </c>
      <c r="AN17184">
        <v>20</v>
      </c>
      <c r="AO17184">
        <v>20</v>
      </c>
      <c r="AP17184">
        <v>20</v>
      </c>
      <c r="AQ17184">
        <v>20</v>
      </c>
    </row>
    <row r="17185" spans="1:43">
      <c r="A17185" t="s">
        <v>10660</v>
      </c>
      <c r="B17185" t="s">
        <v>10661</v>
      </c>
      <c r="C17185" t="s">
        <v>10516</v>
      </c>
      <c r="D17185" t="s">
        <v>10517</v>
      </c>
      <c r="E17185" t="s">
        <v>10448</v>
      </c>
      <c r="F17185" t="s">
        <v>10449</v>
      </c>
      <c r="G17185" t="s">
        <v>10450</v>
      </c>
      <c r="H17185" t="s">
        <v>10451</v>
      </c>
      <c r="I17185" s="2">
        <v>1</v>
      </c>
      <c r="J17185" s="2">
        <v>0</v>
      </c>
      <c r="K17185" s="2">
        <v>0</v>
      </c>
      <c r="L17185" t="s">
        <v>120</v>
      </c>
      <c r="M17185" t="s">
        <v>83</v>
      </c>
      <c r="N17185" t="s">
        <v>91</v>
      </c>
      <c r="O17185" t="s">
        <v>85</v>
      </c>
      <c r="P17185" t="s">
        <v>86</v>
      </c>
      <c r="Q17185">
        <v>16</v>
      </c>
      <c r="R17185">
        <v>16</v>
      </c>
      <c r="S17185">
        <v>16</v>
      </c>
      <c r="T17185">
        <v>16</v>
      </c>
      <c r="U17185">
        <v>17</v>
      </c>
      <c r="V17185">
        <v>17</v>
      </c>
      <c r="W17185">
        <v>17</v>
      </c>
      <c r="X17185">
        <v>17</v>
      </c>
      <c r="Y17185">
        <v>18</v>
      </c>
      <c r="Z17185">
        <v>18</v>
      </c>
      <c r="AA17185">
        <v>18</v>
      </c>
      <c r="AB17185">
        <v>18</v>
      </c>
      <c r="AC17185">
        <v>18</v>
      </c>
      <c r="AD17185">
        <v>19</v>
      </c>
      <c r="AE17185">
        <v>19</v>
      </c>
      <c r="AF17185">
        <v>19</v>
      </c>
      <c r="AG17185">
        <v>19</v>
      </c>
      <c r="AH17185">
        <v>19</v>
      </c>
      <c r="AI17185">
        <v>20</v>
      </c>
      <c r="AJ17185">
        <v>20</v>
      </c>
      <c r="AK17185">
        <v>20</v>
      </c>
      <c r="AL17185">
        <v>20</v>
      </c>
      <c r="AM17185">
        <v>20</v>
      </c>
      <c r="AN17185">
        <v>20</v>
      </c>
      <c r="AO17185">
        <v>20</v>
      </c>
      <c r="AP17185">
        <v>20</v>
      </c>
      <c r="AQ17185">
        <v>20</v>
      </c>
    </row>
    <row r="17186" spans="1:43">
      <c r="A17186" t="s">
        <v>10662</v>
      </c>
      <c r="B17186" t="s">
        <v>10663</v>
      </c>
      <c r="C17186" t="s">
        <v>10468</v>
      </c>
      <c r="D17186" t="s">
        <v>10469</v>
      </c>
      <c r="E17186" t="s">
        <v>10448</v>
      </c>
      <c r="F17186" t="s">
        <v>10449</v>
      </c>
      <c r="G17186" t="s">
        <v>10450</v>
      </c>
      <c r="H17186" t="s">
        <v>10451</v>
      </c>
      <c r="I17186" s="2">
        <v>1</v>
      </c>
      <c r="J17186" s="2">
        <v>0</v>
      </c>
      <c r="K17186" s="2">
        <v>0</v>
      </c>
      <c r="L17186" t="s">
        <v>120</v>
      </c>
      <c r="M17186" t="s">
        <v>83</v>
      </c>
      <c r="N17186" t="s">
        <v>84</v>
      </c>
      <c r="O17186" t="s">
        <v>85</v>
      </c>
      <c r="P17186" t="s">
        <v>86</v>
      </c>
      <c r="Q17186">
        <v>8</v>
      </c>
      <c r="R17186">
        <v>8</v>
      </c>
      <c r="S17186">
        <v>8</v>
      </c>
      <c r="T17186">
        <v>8</v>
      </c>
      <c r="U17186">
        <v>8</v>
      </c>
      <c r="V17186">
        <v>9</v>
      </c>
      <c r="W17186">
        <v>9</v>
      </c>
      <c r="X17186">
        <v>9</v>
      </c>
      <c r="Y17186">
        <v>9</v>
      </c>
      <c r="Z17186">
        <v>9</v>
      </c>
      <c r="AA17186">
        <v>9</v>
      </c>
      <c r="AB17186">
        <v>9</v>
      </c>
      <c r="AC17186">
        <v>9</v>
      </c>
      <c r="AD17186">
        <v>9</v>
      </c>
      <c r="AE17186">
        <v>10</v>
      </c>
      <c r="AF17186">
        <v>10</v>
      </c>
      <c r="AG17186">
        <v>10</v>
      </c>
      <c r="AH17186">
        <v>10</v>
      </c>
      <c r="AI17186">
        <v>10</v>
      </c>
      <c r="AJ17186">
        <v>10</v>
      </c>
      <c r="AK17186">
        <v>10</v>
      </c>
      <c r="AL17186">
        <v>10</v>
      </c>
      <c r="AM17186">
        <v>10</v>
      </c>
      <c r="AN17186">
        <v>10</v>
      </c>
      <c r="AO17186">
        <v>10</v>
      </c>
      <c r="AP17186">
        <v>10</v>
      </c>
      <c r="AQ17186">
        <v>10</v>
      </c>
    </row>
    <row r="17187" spans="1:43">
      <c r="A17187" t="s">
        <v>10662</v>
      </c>
      <c r="B17187" t="s">
        <v>10663</v>
      </c>
      <c r="C17187" t="s">
        <v>10468</v>
      </c>
      <c r="D17187" t="s">
        <v>10469</v>
      </c>
      <c r="E17187" t="s">
        <v>10448</v>
      </c>
      <c r="F17187" t="s">
        <v>10449</v>
      </c>
      <c r="G17187" t="s">
        <v>10450</v>
      </c>
      <c r="H17187" t="s">
        <v>10451</v>
      </c>
      <c r="I17187" s="2">
        <v>1</v>
      </c>
      <c r="J17187" s="2">
        <v>0</v>
      </c>
      <c r="K17187" s="2">
        <v>0</v>
      </c>
      <c r="L17187" t="s">
        <v>120</v>
      </c>
      <c r="M17187" t="s">
        <v>87</v>
      </c>
      <c r="N17187" t="s">
        <v>88</v>
      </c>
      <c r="O17187" t="s">
        <v>85</v>
      </c>
      <c r="P17187" t="s">
        <v>86</v>
      </c>
      <c r="Q17187">
        <v>8</v>
      </c>
      <c r="R17187">
        <v>8</v>
      </c>
      <c r="S17187">
        <v>8</v>
      </c>
      <c r="T17187">
        <v>8</v>
      </c>
      <c r="U17187">
        <v>8</v>
      </c>
      <c r="V17187">
        <v>8</v>
      </c>
      <c r="W17187">
        <v>8</v>
      </c>
      <c r="X17187">
        <v>8</v>
      </c>
      <c r="Y17187">
        <v>8</v>
      </c>
      <c r="Z17187">
        <v>8</v>
      </c>
      <c r="AA17187">
        <v>8</v>
      </c>
      <c r="AB17187">
        <v>8</v>
      </c>
      <c r="AC17187">
        <v>8</v>
      </c>
      <c r="AD17187">
        <v>8</v>
      </c>
      <c r="AE17187">
        <v>8</v>
      </c>
      <c r="AF17187">
        <v>9</v>
      </c>
      <c r="AG17187">
        <v>9</v>
      </c>
      <c r="AH17187">
        <v>9</v>
      </c>
      <c r="AI17187">
        <v>9</v>
      </c>
      <c r="AJ17187">
        <v>9</v>
      </c>
      <c r="AK17187">
        <v>9</v>
      </c>
      <c r="AL17187">
        <v>9</v>
      </c>
      <c r="AM17187">
        <v>9</v>
      </c>
      <c r="AN17187">
        <v>9</v>
      </c>
      <c r="AO17187">
        <v>9</v>
      </c>
      <c r="AP17187">
        <v>9</v>
      </c>
      <c r="AQ17187">
        <v>9</v>
      </c>
    </row>
    <row r="17188" spans="1:43">
      <c r="A17188" t="s">
        <v>10662</v>
      </c>
      <c r="B17188" t="s">
        <v>10663</v>
      </c>
      <c r="C17188" t="s">
        <v>10468</v>
      </c>
      <c r="D17188" t="s">
        <v>10469</v>
      </c>
      <c r="E17188" t="s">
        <v>10448</v>
      </c>
      <c r="F17188" t="s">
        <v>10449</v>
      </c>
      <c r="G17188" t="s">
        <v>10450</v>
      </c>
      <c r="H17188" t="s">
        <v>10451</v>
      </c>
      <c r="I17188" s="2">
        <v>1</v>
      </c>
      <c r="J17188" s="2">
        <v>0</v>
      </c>
      <c r="K17188" s="2">
        <v>0</v>
      </c>
      <c r="L17188" t="s">
        <v>120</v>
      </c>
      <c r="M17188" t="s">
        <v>89</v>
      </c>
      <c r="N17188" t="s">
        <v>90</v>
      </c>
      <c r="O17188" t="s">
        <v>85</v>
      </c>
      <c r="P17188" t="s">
        <v>86</v>
      </c>
      <c r="Q17188">
        <v>8</v>
      </c>
      <c r="R17188">
        <v>8</v>
      </c>
      <c r="S17188">
        <v>8</v>
      </c>
      <c r="T17188">
        <v>9</v>
      </c>
      <c r="U17188">
        <v>9</v>
      </c>
      <c r="V17188">
        <v>9</v>
      </c>
      <c r="W17188">
        <v>9</v>
      </c>
      <c r="X17188">
        <v>9</v>
      </c>
      <c r="Y17188">
        <v>9</v>
      </c>
      <c r="Z17188">
        <v>10</v>
      </c>
      <c r="AA17188">
        <v>10</v>
      </c>
      <c r="AB17188">
        <v>10</v>
      </c>
      <c r="AC17188">
        <v>10</v>
      </c>
      <c r="AD17188">
        <v>10</v>
      </c>
      <c r="AE17188">
        <v>10</v>
      </c>
      <c r="AF17188">
        <v>10</v>
      </c>
      <c r="AG17188">
        <v>10</v>
      </c>
      <c r="AH17188">
        <v>10</v>
      </c>
      <c r="AI17188">
        <v>10</v>
      </c>
      <c r="AJ17188">
        <v>10</v>
      </c>
      <c r="AK17188">
        <v>10</v>
      </c>
      <c r="AL17188">
        <v>10</v>
      </c>
      <c r="AM17188">
        <v>10</v>
      </c>
      <c r="AN17188">
        <v>10</v>
      </c>
      <c r="AO17188">
        <v>10</v>
      </c>
      <c r="AP17188">
        <v>10</v>
      </c>
      <c r="AQ17188">
        <v>10</v>
      </c>
    </row>
    <row r="17189" spans="1:43">
      <c r="A17189" t="s">
        <v>10662</v>
      </c>
      <c r="B17189" t="s">
        <v>10663</v>
      </c>
      <c r="C17189" t="s">
        <v>10468</v>
      </c>
      <c r="D17189" t="s">
        <v>10469</v>
      </c>
      <c r="E17189" t="s">
        <v>10448</v>
      </c>
      <c r="F17189" t="s">
        <v>10449</v>
      </c>
      <c r="G17189" t="s">
        <v>10450</v>
      </c>
      <c r="H17189" t="s">
        <v>10451</v>
      </c>
      <c r="I17189" s="2">
        <v>1</v>
      </c>
      <c r="J17189" s="2">
        <v>0</v>
      </c>
      <c r="K17189" s="2">
        <v>0</v>
      </c>
      <c r="L17189" t="s">
        <v>120</v>
      </c>
      <c r="M17189" t="s">
        <v>83</v>
      </c>
      <c r="N17189" t="s">
        <v>91</v>
      </c>
      <c r="O17189" t="s">
        <v>85</v>
      </c>
      <c r="P17189" t="s">
        <v>86</v>
      </c>
      <c r="Q17189">
        <v>8</v>
      </c>
      <c r="R17189">
        <v>8</v>
      </c>
      <c r="S17189">
        <v>8</v>
      </c>
      <c r="T17189">
        <v>8</v>
      </c>
      <c r="U17189">
        <v>8</v>
      </c>
      <c r="V17189">
        <v>9</v>
      </c>
      <c r="W17189">
        <v>9</v>
      </c>
      <c r="X17189">
        <v>9</v>
      </c>
      <c r="Y17189">
        <v>9</v>
      </c>
      <c r="Z17189">
        <v>9</v>
      </c>
      <c r="AA17189">
        <v>9</v>
      </c>
      <c r="AB17189">
        <v>9</v>
      </c>
      <c r="AC17189">
        <v>9</v>
      </c>
      <c r="AD17189">
        <v>9</v>
      </c>
      <c r="AE17189">
        <v>10</v>
      </c>
      <c r="AF17189">
        <v>10</v>
      </c>
      <c r="AG17189">
        <v>10</v>
      </c>
      <c r="AH17189">
        <v>10</v>
      </c>
      <c r="AI17189">
        <v>10</v>
      </c>
      <c r="AJ17189">
        <v>10</v>
      </c>
      <c r="AK17189">
        <v>10</v>
      </c>
      <c r="AL17189">
        <v>10</v>
      </c>
      <c r="AM17189">
        <v>10</v>
      </c>
      <c r="AN17189">
        <v>10</v>
      </c>
      <c r="AO17189">
        <v>10</v>
      </c>
      <c r="AP17189">
        <v>10</v>
      </c>
      <c r="AQ17189">
        <v>10</v>
      </c>
    </row>
    <row r="17190" spans="1:43">
      <c r="A17190" t="s">
        <v>10664</v>
      </c>
      <c r="B17190" t="s">
        <v>10665</v>
      </c>
      <c r="C17190" t="s">
        <v>10624</v>
      </c>
      <c r="D17190" t="s">
        <v>10625</v>
      </c>
      <c r="E17190" t="s">
        <v>10448</v>
      </c>
      <c r="F17190" t="s">
        <v>10449</v>
      </c>
      <c r="G17190" t="s">
        <v>10450</v>
      </c>
      <c r="H17190" t="s">
        <v>10451</v>
      </c>
      <c r="I17190" s="2">
        <v>1</v>
      </c>
      <c r="J17190" s="2">
        <v>0</v>
      </c>
      <c r="K17190" s="2">
        <v>0</v>
      </c>
      <c r="L17190" t="s">
        <v>120</v>
      </c>
      <c r="M17190" t="s">
        <v>83</v>
      </c>
      <c r="N17190" t="s">
        <v>84</v>
      </c>
      <c r="O17190" t="s">
        <v>85</v>
      </c>
      <c r="P17190" t="s">
        <v>86</v>
      </c>
      <c r="Q17190">
        <v>9</v>
      </c>
      <c r="R17190">
        <v>9</v>
      </c>
      <c r="S17190">
        <v>9</v>
      </c>
      <c r="T17190">
        <v>9</v>
      </c>
      <c r="U17190">
        <v>9</v>
      </c>
      <c r="V17190">
        <v>9</v>
      </c>
      <c r="W17190">
        <v>9</v>
      </c>
      <c r="X17190">
        <v>10</v>
      </c>
      <c r="Y17190">
        <v>10</v>
      </c>
      <c r="Z17190">
        <v>10</v>
      </c>
      <c r="AA17190">
        <v>10</v>
      </c>
      <c r="AB17190">
        <v>10</v>
      </c>
      <c r="AC17190">
        <v>10</v>
      </c>
      <c r="AD17190">
        <v>10</v>
      </c>
      <c r="AE17190">
        <v>10</v>
      </c>
      <c r="AF17190">
        <v>10</v>
      </c>
      <c r="AG17190">
        <v>11</v>
      </c>
      <c r="AH17190">
        <v>11</v>
      </c>
      <c r="AI17190">
        <v>11</v>
      </c>
      <c r="AJ17190">
        <v>11</v>
      </c>
      <c r="AK17190">
        <v>11</v>
      </c>
      <c r="AL17190">
        <v>11</v>
      </c>
      <c r="AM17190">
        <v>11</v>
      </c>
      <c r="AN17190">
        <v>11</v>
      </c>
      <c r="AO17190">
        <v>11</v>
      </c>
      <c r="AP17190">
        <v>11</v>
      </c>
      <c r="AQ17190">
        <v>11</v>
      </c>
    </row>
    <row r="17191" spans="1:43">
      <c r="A17191" t="s">
        <v>10664</v>
      </c>
      <c r="B17191" t="s">
        <v>10665</v>
      </c>
      <c r="C17191" t="s">
        <v>10624</v>
      </c>
      <c r="D17191" t="s">
        <v>10625</v>
      </c>
      <c r="E17191" t="s">
        <v>10448</v>
      </c>
      <c r="F17191" t="s">
        <v>10449</v>
      </c>
      <c r="G17191" t="s">
        <v>10450</v>
      </c>
      <c r="H17191" t="s">
        <v>10451</v>
      </c>
      <c r="I17191" s="2">
        <v>1</v>
      </c>
      <c r="J17191" s="2">
        <v>0</v>
      </c>
      <c r="K17191" s="2">
        <v>0</v>
      </c>
      <c r="L17191" t="s">
        <v>120</v>
      </c>
      <c r="M17191" t="s">
        <v>87</v>
      </c>
      <c r="N17191" t="s">
        <v>88</v>
      </c>
      <c r="O17191" t="s">
        <v>85</v>
      </c>
      <c r="P17191" t="s">
        <v>86</v>
      </c>
      <c r="Q17191">
        <v>9</v>
      </c>
      <c r="R17191">
        <v>9</v>
      </c>
      <c r="S17191">
        <v>9</v>
      </c>
      <c r="T17191">
        <v>9</v>
      </c>
      <c r="U17191">
        <v>9</v>
      </c>
      <c r="V17191">
        <v>9</v>
      </c>
      <c r="W17191">
        <v>9</v>
      </c>
      <c r="X17191">
        <v>9</v>
      </c>
      <c r="Y17191">
        <v>9</v>
      </c>
      <c r="Z17191">
        <v>9</v>
      </c>
      <c r="AA17191">
        <v>9</v>
      </c>
      <c r="AB17191">
        <v>9</v>
      </c>
      <c r="AC17191">
        <v>9</v>
      </c>
      <c r="AD17191">
        <v>9</v>
      </c>
      <c r="AE17191">
        <v>9</v>
      </c>
      <c r="AF17191">
        <v>9</v>
      </c>
      <c r="AG17191">
        <v>9</v>
      </c>
      <c r="AH17191">
        <v>9</v>
      </c>
      <c r="AI17191">
        <v>9</v>
      </c>
      <c r="AJ17191">
        <v>9</v>
      </c>
      <c r="AK17191">
        <v>9</v>
      </c>
      <c r="AL17191">
        <v>9</v>
      </c>
      <c r="AM17191">
        <v>9</v>
      </c>
      <c r="AN17191">
        <v>10</v>
      </c>
      <c r="AO17191">
        <v>10</v>
      </c>
      <c r="AP17191">
        <v>10</v>
      </c>
      <c r="AQ17191">
        <v>10</v>
      </c>
    </row>
    <row r="17192" spans="1:43">
      <c r="A17192" t="s">
        <v>10664</v>
      </c>
      <c r="B17192" t="s">
        <v>10665</v>
      </c>
      <c r="C17192" t="s">
        <v>10624</v>
      </c>
      <c r="D17192" t="s">
        <v>10625</v>
      </c>
      <c r="E17192" t="s">
        <v>10448</v>
      </c>
      <c r="F17192" t="s">
        <v>10449</v>
      </c>
      <c r="G17192" t="s">
        <v>10450</v>
      </c>
      <c r="H17192" t="s">
        <v>10451</v>
      </c>
      <c r="I17192" s="2">
        <v>1</v>
      </c>
      <c r="J17192" s="2">
        <v>0</v>
      </c>
      <c r="K17192" s="2">
        <v>0</v>
      </c>
      <c r="L17192" t="s">
        <v>120</v>
      </c>
      <c r="M17192" t="s">
        <v>89</v>
      </c>
      <c r="N17192" t="s">
        <v>90</v>
      </c>
      <c r="O17192" t="s">
        <v>85</v>
      </c>
      <c r="P17192" t="s">
        <v>86</v>
      </c>
      <c r="Q17192">
        <v>9</v>
      </c>
      <c r="R17192">
        <v>9</v>
      </c>
      <c r="S17192">
        <v>9</v>
      </c>
      <c r="T17192">
        <v>9</v>
      </c>
      <c r="U17192">
        <v>10</v>
      </c>
      <c r="V17192">
        <v>10</v>
      </c>
      <c r="W17192">
        <v>10</v>
      </c>
      <c r="X17192">
        <v>10</v>
      </c>
      <c r="Y17192">
        <v>10</v>
      </c>
      <c r="Z17192">
        <v>10</v>
      </c>
      <c r="AA17192">
        <v>10</v>
      </c>
      <c r="AB17192">
        <v>11</v>
      </c>
      <c r="AC17192">
        <v>11</v>
      </c>
      <c r="AD17192">
        <v>11</v>
      </c>
      <c r="AE17192">
        <v>11</v>
      </c>
      <c r="AF17192">
        <v>11</v>
      </c>
      <c r="AG17192">
        <v>11</v>
      </c>
      <c r="AH17192">
        <v>11</v>
      </c>
      <c r="AI17192">
        <v>11</v>
      </c>
      <c r="AJ17192">
        <v>11</v>
      </c>
      <c r="AK17192">
        <v>11</v>
      </c>
      <c r="AL17192">
        <v>11</v>
      </c>
      <c r="AM17192">
        <v>11</v>
      </c>
      <c r="AN17192">
        <v>11</v>
      </c>
      <c r="AO17192">
        <v>11</v>
      </c>
      <c r="AP17192">
        <v>11</v>
      </c>
      <c r="AQ17192">
        <v>11</v>
      </c>
    </row>
    <row r="17193" spans="1:43">
      <c r="A17193" t="s">
        <v>10664</v>
      </c>
      <c r="B17193" t="s">
        <v>10665</v>
      </c>
      <c r="C17193" t="s">
        <v>10624</v>
      </c>
      <c r="D17193" t="s">
        <v>10625</v>
      </c>
      <c r="E17193" t="s">
        <v>10448</v>
      </c>
      <c r="F17193" t="s">
        <v>10449</v>
      </c>
      <c r="G17193" t="s">
        <v>10450</v>
      </c>
      <c r="H17193" t="s">
        <v>10451</v>
      </c>
      <c r="I17193" s="2">
        <v>1</v>
      </c>
      <c r="J17193" s="2">
        <v>0</v>
      </c>
      <c r="K17193" s="2">
        <v>0</v>
      </c>
      <c r="L17193" t="s">
        <v>120</v>
      </c>
      <c r="M17193" t="s">
        <v>83</v>
      </c>
      <c r="N17193" t="s">
        <v>91</v>
      </c>
      <c r="O17193" t="s">
        <v>85</v>
      </c>
      <c r="P17193" t="s">
        <v>86</v>
      </c>
      <c r="Q17193">
        <v>9</v>
      </c>
      <c r="R17193">
        <v>9</v>
      </c>
      <c r="S17193">
        <v>9</v>
      </c>
      <c r="T17193">
        <v>9</v>
      </c>
      <c r="U17193">
        <v>9</v>
      </c>
      <c r="V17193">
        <v>9</v>
      </c>
      <c r="W17193">
        <v>9</v>
      </c>
      <c r="X17193">
        <v>10</v>
      </c>
      <c r="Y17193">
        <v>10</v>
      </c>
      <c r="Z17193">
        <v>10</v>
      </c>
      <c r="AA17193">
        <v>10</v>
      </c>
      <c r="AB17193">
        <v>10</v>
      </c>
      <c r="AC17193">
        <v>10</v>
      </c>
      <c r="AD17193">
        <v>10</v>
      </c>
      <c r="AE17193">
        <v>10</v>
      </c>
      <c r="AF17193">
        <v>10</v>
      </c>
      <c r="AG17193">
        <v>11</v>
      </c>
      <c r="AH17193">
        <v>11</v>
      </c>
      <c r="AI17193">
        <v>11</v>
      </c>
      <c r="AJ17193">
        <v>11</v>
      </c>
      <c r="AK17193">
        <v>11</v>
      </c>
      <c r="AL17193">
        <v>11</v>
      </c>
      <c r="AM17193">
        <v>11</v>
      </c>
      <c r="AN17193">
        <v>11</v>
      </c>
      <c r="AO17193">
        <v>11</v>
      </c>
      <c r="AP17193">
        <v>11</v>
      </c>
      <c r="AQ17193">
        <v>11</v>
      </c>
    </row>
    <row r="17194" spans="1:43">
      <c r="A17194" t="s">
        <v>10666</v>
      </c>
      <c r="B17194" t="s">
        <v>10667</v>
      </c>
      <c r="C17194" t="s">
        <v>10468</v>
      </c>
      <c r="D17194" t="s">
        <v>10469</v>
      </c>
      <c r="E17194" t="s">
        <v>10448</v>
      </c>
      <c r="F17194" t="s">
        <v>10449</v>
      </c>
      <c r="G17194" t="s">
        <v>10450</v>
      </c>
      <c r="H17194" t="s">
        <v>10451</v>
      </c>
      <c r="I17194" s="2">
        <v>1</v>
      </c>
      <c r="J17194" s="2">
        <v>0</v>
      </c>
      <c r="K17194" s="2">
        <v>0</v>
      </c>
      <c r="L17194" t="s">
        <v>120</v>
      </c>
      <c r="M17194" t="s">
        <v>83</v>
      </c>
      <c r="N17194" t="s">
        <v>84</v>
      </c>
      <c r="O17194" t="s">
        <v>85</v>
      </c>
      <c r="P17194" t="s">
        <v>86</v>
      </c>
      <c r="Q17194">
        <v>8</v>
      </c>
      <c r="R17194">
        <v>8</v>
      </c>
      <c r="S17194">
        <v>8</v>
      </c>
      <c r="T17194">
        <v>8</v>
      </c>
      <c r="U17194">
        <v>8</v>
      </c>
      <c r="V17194">
        <v>9</v>
      </c>
      <c r="W17194">
        <v>9</v>
      </c>
      <c r="X17194">
        <v>9</v>
      </c>
      <c r="Y17194">
        <v>9</v>
      </c>
      <c r="Z17194">
        <v>9</v>
      </c>
      <c r="AA17194">
        <v>9</v>
      </c>
      <c r="AB17194">
        <v>9</v>
      </c>
      <c r="AC17194">
        <v>9</v>
      </c>
      <c r="AD17194">
        <v>9</v>
      </c>
      <c r="AE17194">
        <v>9</v>
      </c>
      <c r="AF17194">
        <v>10</v>
      </c>
      <c r="AG17194">
        <v>10</v>
      </c>
      <c r="AH17194">
        <v>10</v>
      </c>
      <c r="AI17194">
        <v>10</v>
      </c>
      <c r="AJ17194">
        <v>10</v>
      </c>
      <c r="AK17194">
        <v>10</v>
      </c>
      <c r="AL17194">
        <v>10</v>
      </c>
      <c r="AM17194">
        <v>10</v>
      </c>
      <c r="AN17194">
        <v>10</v>
      </c>
      <c r="AO17194">
        <v>10</v>
      </c>
      <c r="AP17194">
        <v>10</v>
      </c>
      <c r="AQ17194">
        <v>10</v>
      </c>
    </row>
    <row r="17195" spans="1:43">
      <c r="A17195" t="s">
        <v>10666</v>
      </c>
      <c r="B17195" t="s">
        <v>10667</v>
      </c>
      <c r="C17195" t="s">
        <v>10468</v>
      </c>
      <c r="D17195" t="s">
        <v>10469</v>
      </c>
      <c r="E17195" t="s">
        <v>10448</v>
      </c>
      <c r="F17195" t="s">
        <v>10449</v>
      </c>
      <c r="G17195" t="s">
        <v>10450</v>
      </c>
      <c r="H17195" t="s">
        <v>10451</v>
      </c>
      <c r="I17195" s="2">
        <v>1</v>
      </c>
      <c r="J17195" s="2">
        <v>0</v>
      </c>
      <c r="K17195" s="2">
        <v>0</v>
      </c>
      <c r="L17195" t="s">
        <v>120</v>
      </c>
      <c r="M17195" t="s">
        <v>87</v>
      </c>
      <c r="N17195" t="s">
        <v>88</v>
      </c>
      <c r="O17195" t="s">
        <v>85</v>
      </c>
      <c r="P17195" t="s">
        <v>86</v>
      </c>
      <c r="Q17195">
        <v>8</v>
      </c>
      <c r="R17195">
        <v>8</v>
      </c>
      <c r="S17195">
        <v>8</v>
      </c>
      <c r="T17195">
        <v>8</v>
      </c>
      <c r="U17195">
        <v>8</v>
      </c>
      <c r="V17195">
        <v>8</v>
      </c>
      <c r="W17195">
        <v>8</v>
      </c>
      <c r="X17195">
        <v>8</v>
      </c>
      <c r="Y17195">
        <v>8</v>
      </c>
      <c r="Z17195">
        <v>8</v>
      </c>
      <c r="AA17195">
        <v>8</v>
      </c>
      <c r="AB17195">
        <v>8</v>
      </c>
      <c r="AC17195">
        <v>8</v>
      </c>
      <c r="AD17195">
        <v>8</v>
      </c>
      <c r="AE17195">
        <v>8</v>
      </c>
      <c r="AF17195">
        <v>8</v>
      </c>
      <c r="AG17195">
        <v>8</v>
      </c>
      <c r="AH17195">
        <v>8</v>
      </c>
      <c r="AI17195">
        <v>9</v>
      </c>
      <c r="AJ17195">
        <v>9</v>
      </c>
      <c r="AK17195">
        <v>9</v>
      </c>
      <c r="AL17195">
        <v>9</v>
      </c>
      <c r="AM17195">
        <v>9</v>
      </c>
      <c r="AN17195">
        <v>9</v>
      </c>
      <c r="AO17195">
        <v>9</v>
      </c>
      <c r="AP17195">
        <v>9</v>
      </c>
      <c r="AQ17195">
        <v>9</v>
      </c>
    </row>
    <row r="17196" spans="1:43">
      <c r="A17196" t="s">
        <v>10666</v>
      </c>
      <c r="B17196" t="s">
        <v>10667</v>
      </c>
      <c r="C17196" t="s">
        <v>10468</v>
      </c>
      <c r="D17196" t="s">
        <v>10469</v>
      </c>
      <c r="E17196" t="s">
        <v>10448</v>
      </c>
      <c r="F17196" t="s">
        <v>10449</v>
      </c>
      <c r="G17196" t="s">
        <v>10450</v>
      </c>
      <c r="H17196" t="s">
        <v>10451</v>
      </c>
      <c r="I17196" s="2">
        <v>1</v>
      </c>
      <c r="J17196" s="2">
        <v>0</v>
      </c>
      <c r="K17196" s="2">
        <v>0</v>
      </c>
      <c r="L17196" t="s">
        <v>120</v>
      </c>
      <c r="M17196" t="s">
        <v>89</v>
      </c>
      <c r="N17196" t="s">
        <v>90</v>
      </c>
      <c r="O17196" t="s">
        <v>85</v>
      </c>
      <c r="P17196" t="s">
        <v>86</v>
      </c>
      <c r="Q17196">
        <v>8</v>
      </c>
      <c r="R17196">
        <v>8</v>
      </c>
      <c r="S17196">
        <v>8</v>
      </c>
      <c r="T17196">
        <v>9</v>
      </c>
      <c r="U17196">
        <v>9</v>
      </c>
      <c r="V17196">
        <v>9</v>
      </c>
      <c r="W17196">
        <v>9</v>
      </c>
      <c r="X17196">
        <v>9</v>
      </c>
      <c r="Y17196">
        <v>9</v>
      </c>
      <c r="Z17196">
        <v>9</v>
      </c>
      <c r="AA17196">
        <v>10</v>
      </c>
      <c r="AB17196">
        <v>10</v>
      </c>
      <c r="AC17196">
        <v>10</v>
      </c>
      <c r="AD17196">
        <v>10</v>
      </c>
      <c r="AE17196">
        <v>10</v>
      </c>
      <c r="AF17196">
        <v>10</v>
      </c>
      <c r="AG17196">
        <v>10</v>
      </c>
      <c r="AH17196">
        <v>10</v>
      </c>
      <c r="AI17196">
        <v>10</v>
      </c>
      <c r="AJ17196">
        <v>10</v>
      </c>
      <c r="AK17196">
        <v>10</v>
      </c>
      <c r="AL17196">
        <v>10</v>
      </c>
      <c r="AM17196">
        <v>10</v>
      </c>
      <c r="AN17196">
        <v>10</v>
      </c>
      <c r="AO17196">
        <v>10</v>
      </c>
      <c r="AP17196">
        <v>10</v>
      </c>
      <c r="AQ17196">
        <v>10</v>
      </c>
    </row>
    <row r="17197" spans="1:43">
      <c r="A17197" t="s">
        <v>10666</v>
      </c>
      <c r="B17197" t="s">
        <v>10667</v>
      </c>
      <c r="C17197" t="s">
        <v>10468</v>
      </c>
      <c r="D17197" t="s">
        <v>10469</v>
      </c>
      <c r="E17197" t="s">
        <v>10448</v>
      </c>
      <c r="F17197" t="s">
        <v>10449</v>
      </c>
      <c r="G17197" t="s">
        <v>10450</v>
      </c>
      <c r="H17197" t="s">
        <v>10451</v>
      </c>
      <c r="I17197" s="2">
        <v>1</v>
      </c>
      <c r="J17197" s="2">
        <v>0</v>
      </c>
      <c r="K17197" s="2">
        <v>0</v>
      </c>
      <c r="L17197" t="s">
        <v>120</v>
      </c>
      <c r="M17197" t="s">
        <v>83</v>
      </c>
      <c r="N17197" t="s">
        <v>91</v>
      </c>
      <c r="O17197" t="s">
        <v>85</v>
      </c>
      <c r="P17197" t="s">
        <v>86</v>
      </c>
      <c r="Q17197">
        <v>8</v>
      </c>
      <c r="R17197">
        <v>8</v>
      </c>
      <c r="S17197">
        <v>8</v>
      </c>
      <c r="T17197">
        <v>8</v>
      </c>
      <c r="U17197">
        <v>8</v>
      </c>
      <c r="V17197">
        <v>9</v>
      </c>
      <c r="W17197">
        <v>9</v>
      </c>
      <c r="X17197">
        <v>9</v>
      </c>
      <c r="Y17197">
        <v>9</v>
      </c>
      <c r="Z17197">
        <v>9</v>
      </c>
      <c r="AA17197">
        <v>9</v>
      </c>
      <c r="AB17197">
        <v>9</v>
      </c>
      <c r="AC17197">
        <v>9</v>
      </c>
      <c r="AD17197">
        <v>9</v>
      </c>
      <c r="AE17197">
        <v>9</v>
      </c>
      <c r="AF17197">
        <v>10</v>
      </c>
      <c r="AG17197">
        <v>10</v>
      </c>
      <c r="AH17197">
        <v>10</v>
      </c>
      <c r="AI17197">
        <v>10</v>
      </c>
      <c r="AJ17197">
        <v>10</v>
      </c>
      <c r="AK17197">
        <v>10</v>
      </c>
      <c r="AL17197">
        <v>10</v>
      </c>
      <c r="AM17197">
        <v>10</v>
      </c>
      <c r="AN17197">
        <v>10</v>
      </c>
      <c r="AO17197">
        <v>10</v>
      </c>
      <c r="AP17197">
        <v>10</v>
      </c>
      <c r="AQ17197">
        <v>10</v>
      </c>
    </row>
    <row r="17198" spans="1:43">
      <c r="A17198" t="s">
        <v>10668</v>
      </c>
      <c r="B17198" t="s">
        <v>10669</v>
      </c>
      <c r="C17198" t="s">
        <v>10624</v>
      </c>
      <c r="D17198" t="s">
        <v>10625</v>
      </c>
      <c r="E17198" t="s">
        <v>10448</v>
      </c>
      <c r="F17198" t="s">
        <v>10449</v>
      </c>
      <c r="G17198" t="s">
        <v>10450</v>
      </c>
      <c r="H17198" t="s">
        <v>10451</v>
      </c>
      <c r="I17198" s="2">
        <v>1</v>
      </c>
      <c r="J17198" s="2">
        <v>0</v>
      </c>
      <c r="K17198" s="2">
        <v>0</v>
      </c>
      <c r="L17198" t="s">
        <v>120</v>
      </c>
      <c r="M17198" t="s">
        <v>83</v>
      </c>
      <c r="N17198" t="s">
        <v>84</v>
      </c>
      <c r="O17198" t="s">
        <v>85</v>
      </c>
      <c r="P17198" t="s">
        <v>86</v>
      </c>
      <c r="Q17198">
        <v>45</v>
      </c>
      <c r="R17198">
        <v>45</v>
      </c>
      <c r="S17198">
        <v>46</v>
      </c>
      <c r="T17198">
        <v>47</v>
      </c>
      <c r="U17198">
        <v>47</v>
      </c>
      <c r="V17198">
        <v>48</v>
      </c>
      <c r="W17198">
        <v>49</v>
      </c>
      <c r="X17198">
        <v>49</v>
      </c>
      <c r="Y17198">
        <v>50</v>
      </c>
      <c r="Z17198">
        <v>50</v>
      </c>
      <c r="AA17198">
        <v>51</v>
      </c>
      <c r="AB17198">
        <v>51</v>
      </c>
      <c r="AC17198">
        <v>52</v>
      </c>
      <c r="AD17198">
        <v>53</v>
      </c>
      <c r="AE17198">
        <v>53</v>
      </c>
      <c r="AF17198">
        <v>54</v>
      </c>
      <c r="AG17198">
        <v>54</v>
      </c>
      <c r="AH17198">
        <v>55</v>
      </c>
      <c r="AI17198">
        <v>55</v>
      </c>
      <c r="AJ17198">
        <v>56</v>
      </c>
      <c r="AK17198">
        <v>56</v>
      </c>
      <c r="AL17198">
        <v>57</v>
      </c>
      <c r="AM17198">
        <v>57</v>
      </c>
      <c r="AN17198">
        <v>57</v>
      </c>
      <c r="AO17198">
        <v>57</v>
      </c>
      <c r="AP17198">
        <v>57</v>
      </c>
      <c r="AQ17198">
        <v>57</v>
      </c>
    </row>
    <row r="17199" spans="1:43">
      <c r="A17199" t="s">
        <v>10668</v>
      </c>
      <c r="B17199" t="s">
        <v>10669</v>
      </c>
      <c r="C17199" t="s">
        <v>10624</v>
      </c>
      <c r="D17199" t="s">
        <v>10625</v>
      </c>
      <c r="E17199" t="s">
        <v>10448</v>
      </c>
      <c r="F17199" t="s">
        <v>10449</v>
      </c>
      <c r="G17199" t="s">
        <v>10450</v>
      </c>
      <c r="H17199" t="s">
        <v>10451</v>
      </c>
      <c r="I17199" s="2">
        <v>1</v>
      </c>
      <c r="J17199" s="2">
        <v>0</v>
      </c>
      <c r="K17199" s="2">
        <v>0</v>
      </c>
      <c r="L17199" t="s">
        <v>120</v>
      </c>
      <c r="M17199" t="s">
        <v>87</v>
      </c>
      <c r="N17199" t="s">
        <v>88</v>
      </c>
      <c r="O17199" t="s">
        <v>85</v>
      </c>
      <c r="P17199" t="s">
        <v>86</v>
      </c>
      <c r="Q17199">
        <v>45</v>
      </c>
      <c r="R17199">
        <v>46</v>
      </c>
      <c r="S17199">
        <v>46</v>
      </c>
      <c r="T17199">
        <v>46</v>
      </c>
      <c r="U17199">
        <v>46</v>
      </c>
      <c r="V17199">
        <v>46</v>
      </c>
      <c r="W17199">
        <v>47</v>
      </c>
      <c r="X17199">
        <v>47</v>
      </c>
      <c r="Y17199">
        <v>47</v>
      </c>
      <c r="Z17199">
        <v>47</v>
      </c>
      <c r="AA17199">
        <v>47</v>
      </c>
      <c r="AB17199">
        <v>48</v>
      </c>
      <c r="AC17199">
        <v>48</v>
      </c>
      <c r="AD17199">
        <v>48</v>
      </c>
      <c r="AE17199">
        <v>48</v>
      </c>
      <c r="AF17199">
        <v>49</v>
      </c>
      <c r="AG17199">
        <v>49</v>
      </c>
      <c r="AH17199">
        <v>49</v>
      </c>
      <c r="AI17199">
        <v>49</v>
      </c>
      <c r="AJ17199">
        <v>49</v>
      </c>
      <c r="AK17199">
        <v>50</v>
      </c>
      <c r="AL17199">
        <v>50</v>
      </c>
      <c r="AM17199">
        <v>50</v>
      </c>
      <c r="AN17199">
        <v>50</v>
      </c>
      <c r="AO17199">
        <v>50</v>
      </c>
      <c r="AP17199">
        <v>50</v>
      </c>
      <c r="AQ17199">
        <v>51</v>
      </c>
    </row>
    <row r="17200" spans="1:43">
      <c r="A17200" t="s">
        <v>10668</v>
      </c>
      <c r="B17200" t="s">
        <v>10669</v>
      </c>
      <c r="C17200" t="s">
        <v>10624</v>
      </c>
      <c r="D17200" t="s">
        <v>10625</v>
      </c>
      <c r="E17200" t="s">
        <v>10448</v>
      </c>
      <c r="F17200" t="s">
        <v>10449</v>
      </c>
      <c r="G17200" t="s">
        <v>10450</v>
      </c>
      <c r="H17200" t="s">
        <v>10451</v>
      </c>
      <c r="I17200" s="2">
        <v>1</v>
      </c>
      <c r="J17200" s="2">
        <v>0</v>
      </c>
      <c r="K17200" s="2">
        <v>0</v>
      </c>
      <c r="L17200" t="s">
        <v>120</v>
      </c>
      <c r="M17200" t="s">
        <v>89</v>
      </c>
      <c r="N17200" t="s">
        <v>90</v>
      </c>
      <c r="O17200" t="s">
        <v>85</v>
      </c>
      <c r="P17200" t="s">
        <v>86</v>
      </c>
      <c r="Q17200">
        <v>45</v>
      </c>
      <c r="R17200">
        <v>46</v>
      </c>
      <c r="S17200">
        <v>47</v>
      </c>
      <c r="T17200">
        <v>48</v>
      </c>
      <c r="U17200">
        <v>49</v>
      </c>
      <c r="V17200">
        <v>50</v>
      </c>
      <c r="W17200">
        <v>51</v>
      </c>
      <c r="X17200">
        <v>52</v>
      </c>
      <c r="Y17200">
        <v>52</v>
      </c>
      <c r="Z17200">
        <v>53</v>
      </c>
      <c r="AA17200">
        <v>54</v>
      </c>
      <c r="AB17200">
        <v>55</v>
      </c>
      <c r="AC17200">
        <v>56</v>
      </c>
      <c r="AD17200">
        <v>56</v>
      </c>
      <c r="AE17200">
        <v>57</v>
      </c>
      <c r="AF17200">
        <v>57</v>
      </c>
      <c r="AG17200">
        <v>57</v>
      </c>
      <c r="AH17200">
        <v>57</v>
      </c>
      <c r="AI17200">
        <v>57</v>
      </c>
      <c r="AJ17200">
        <v>57</v>
      </c>
      <c r="AK17200">
        <v>57</v>
      </c>
      <c r="AL17200">
        <v>57</v>
      </c>
      <c r="AM17200">
        <v>57</v>
      </c>
      <c r="AN17200">
        <v>57</v>
      </c>
      <c r="AO17200">
        <v>57</v>
      </c>
      <c r="AP17200">
        <v>57</v>
      </c>
      <c r="AQ17200">
        <v>57</v>
      </c>
    </row>
    <row r="17201" spans="1:43">
      <c r="A17201" t="s">
        <v>10668</v>
      </c>
      <c r="B17201" t="s">
        <v>10669</v>
      </c>
      <c r="C17201" t="s">
        <v>10624</v>
      </c>
      <c r="D17201" t="s">
        <v>10625</v>
      </c>
      <c r="E17201" t="s">
        <v>10448</v>
      </c>
      <c r="F17201" t="s">
        <v>10449</v>
      </c>
      <c r="G17201" t="s">
        <v>10450</v>
      </c>
      <c r="H17201" t="s">
        <v>10451</v>
      </c>
      <c r="I17201" s="2">
        <v>1</v>
      </c>
      <c r="J17201" s="2">
        <v>0</v>
      </c>
      <c r="K17201" s="2">
        <v>0</v>
      </c>
      <c r="L17201" t="s">
        <v>120</v>
      </c>
      <c r="M17201" t="s">
        <v>83</v>
      </c>
      <c r="N17201" t="s">
        <v>91</v>
      </c>
      <c r="O17201" t="s">
        <v>85</v>
      </c>
      <c r="P17201" t="s">
        <v>86</v>
      </c>
      <c r="Q17201">
        <v>45</v>
      </c>
      <c r="R17201">
        <v>45</v>
      </c>
      <c r="S17201">
        <v>46</v>
      </c>
      <c r="T17201">
        <v>47</v>
      </c>
      <c r="U17201">
        <v>47</v>
      </c>
      <c r="V17201">
        <v>48</v>
      </c>
      <c r="W17201">
        <v>49</v>
      </c>
      <c r="X17201">
        <v>49</v>
      </c>
      <c r="Y17201">
        <v>50</v>
      </c>
      <c r="Z17201">
        <v>50</v>
      </c>
      <c r="AA17201">
        <v>51</v>
      </c>
      <c r="AB17201">
        <v>51</v>
      </c>
      <c r="AC17201">
        <v>52</v>
      </c>
      <c r="AD17201">
        <v>53</v>
      </c>
      <c r="AE17201">
        <v>53</v>
      </c>
      <c r="AF17201">
        <v>54</v>
      </c>
      <c r="AG17201">
        <v>54</v>
      </c>
      <c r="AH17201">
        <v>55</v>
      </c>
      <c r="AI17201">
        <v>55</v>
      </c>
      <c r="AJ17201">
        <v>56</v>
      </c>
      <c r="AK17201">
        <v>56</v>
      </c>
      <c r="AL17201">
        <v>57</v>
      </c>
      <c r="AM17201">
        <v>57</v>
      </c>
      <c r="AN17201">
        <v>57</v>
      </c>
      <c r="AO17201">
        <v>57</v>
      </c>
      <c r="AP17201">
        <v>57</v>
      </c>
      <c r="AQ17201">
        <v>57</v>
      </c>
    </row>
    <row r="17202" spans="1:43">
      <c r="A17202" t="s">
        <v>10670</v>
      </c>
      <c r="B17202" t="s">
        <v>10671</v>
      </c>
      <c r="C17202" t="s">
        <v>10468</v>
      </c>
      <c r="D17202" t="s">
        <v>10469</v>
      </c>
      <c r="E17202" t="s">
        <v>10448</v>
      </c>
      <c r="F17202" t="s">
        <v>10449</v>
      </c>
      <c r="G17202" t="s">
        <v>10450</v>
      </c>
      <c r="H17202" t="s">
        <v>10451</v>
      </c>
      <c r="I17202" s="2">
        <v>1</v>
      </c>
      <c r="J17202" s="2">
        <v>0</v>
      </c>
      <c r="K17202" s="2">
        <v>0</v>
      </c>
      <c r="L17202" t="s">
        <v>120</v>
      </c>
      <c r="M17202" t="s">
        <v>83</v>
      </c>
      <c r="N17202" t="s">
        <v>84</v>
      </c>
      <c r="O17202" t="s">
        <v>85</v>
      </c>
      <c r="P17202" t="s">
        <v>86</v>
      </c>
      <c r="Q17202">
        <v>33</v>
      </c>
      <c r="R17202">
        <v>33</v>
      </c>
      <c r="S17202">
        <v>34</v>
      </c>
      <c r="T17202">
        <v>34</v>
      </c>
      <c r="U17202">
        <v>35</v>
      </c>
      <c r="V17202">
        <v>35</v>
      </c>
      <c r="W17202">
        <v>36</v>
      </c>
      <c r="X17202">
        <v>36</v>
      </c>
      <c r="Y17202">
        <v>37</v>
      </c>
      <c r="Z17202">
        <v>37</v>
      </c>
      <c r="AA17202">
        <v>37</v>
      </c>
      <c r="AB17202">
        <v>38</v>
      </c>
      <c r="AC17202">
        <v>38</v>
      </c>
      <c r="AD17202">
        <v>39</v>
      </c>
      <c r="AE17202">
        <v>39</v>
      </c>
      <c r="AF17202">
        <v>40</v>
      </c>
      <c r="AG17202">
        <v>40</v>
      </c>
      <c r="AH17202">
        <v>40</v>
      </c>
      <c r="AI17202">
        <v>41</v>
      </c>
      <c r="AJ17202">
        <v>41</v>
      </c>
      <c r="AK17202">
        <v>42</v>
      </c>
      <c r="AL17202">
        <v>42</v>
      </c>
      <c r="AM17202">
        <v>42</v>
      </c>
      <c r="AN17202">
        <v>42</v>
      </c>
      <c r="AO17202">
        <v>42</v>
      </c>
      <c r="AP17202">
        <v>42</v>
      </c>
      <c r="AQ17202">
        <v>42</v>
      </c>
    </row>
    <row r="17203" spans="1:43">
      <c r="A17203" t="s">
        <v>10670</v>
      </c>
      <c r="B17203" t="s">
        <v>10671</v>
      </c>
      <c r="C17203" t="s">
        <v>10468</v>
      </c>
      <c r="D17203" t="s">
        <v>10469</v>
      </c>
      <c r="E17203" t="s">
        <v>10448</v>
      </c>
      <c r="F17203" t="s">
        <v>10449</v>
      </c>
      <c r="G17203" t="s">
        <v>10450</v>
      </c>
      <c r="H17203" t="s">
        <v>10451</v>
      </c>
      <c r="I17203" s="2">
        <v>1</v>
      </c>
      <c r="J17203" s="2">
        <v>0</v>
      </c>
      <c r="K17203" s="2">
        <v>0</v>
      </c>
      <c r="L17203" t="s">
        <v>120</v>
      </c>
      <c r="M17203" t="s">
        <v>87</v>
      </c>
      <c r="N17203" t="s">
        <v>88</v>
      </c>
      <c r="O17203" t="s">
        <v>85</v>
      </c>
      <c r="P17203" t="s">
        <v>86</v>
      </c>
      <c r="Q17203">
        <v>33</v>
      </c>
      <c r="R17203">
        <v>33</v>
      </c>
      <c r="S17203">
        <v>33</v>
      </c>
      <c r="T17203">
        <v>33</v>
      </c>
      <c r="U17203">
        <v>33</v>
      </c>
      <c r="V17203">
        <v>33</v>
      </c>
      <c r="W17203">
        <v>34</v>
      </c>
      <c r="X17203">
        <v>34</v>
      </c>
      <c r="Y17203">
        <v>34</v>
      </c>
      <c r="Z17203">
        <v>34</v>
      </c>
      <c r="AA17203">
        <v>34</v>
      </c>
      <c r="AB17203">
        <v>34</v>
      </c>
      <c r="AC17203">
        <v>34</v>
      </c>
      <c r="AD17203">
        <v>35</v>
      </c>
      <c r="AE17203">
        <v>35</v>
      </c>
      <c r="AF17203">
        <v>35</v>
      </c>
      <c r="AG17203">
        <v>35</v>
      </c>
      <c r="AH17203">
        <v>35</v>
      </c>
      <c r="AI17203">
        <v>35</v>
      </c>
      <c r="AJ17203">
        <v>36</v>
      </c>
      <c r="AK17203">
        <v>36</v>
      </c>
      <c r="AL17203">
        <v>36</v>
      </c>
      <c r="AM17203">
        <v>36</v>
      </c>
      <c r="AN17203">
        <v>36</v>
      </c>
      <c r="AO17203">
        <v>36</v>
      </c>
      <c r="AP17203">
        <v>36</v>
      </c>
      <c r="AQ17203">
        <v>37</v>
      </c>
    </row>
    <row r="17204" spans="1:43">
      <c r="A17204" t="s">
        <v>10670</v>
      </c>
      <c r="B17204" t="s">
        <v>10671</v>
      </c>
      <c r="C17204" t="s">
        <v>10468</v>
      </c>
      <c r="D17204" t="s">
        <v>10469</v>
      </c>
      <c r="E17204" t="s">
        <v>10448</v>
      </c>
      <c r="F17204" t="s">
        <v>10449</v>
      </c>
      <c r="G17204" t="s">
        <v>10450</v>
      </c>
      <c r="H17204" t="s">
        <v>10451</v>
      </c>
      <c r="I17204" s="2">
        <v>1</v>
      </c>
      <c r="J17204" s="2">
        <v>0</v>
      </c>
      <c r="K17204" s="2">
        <v>0</v>
      </c>
      <c r="L17204" t="s">
        <v>120</v>
      </c>
      <c r="M17204" t="s">
        <v>89</v>
      </c>
      <c r="N17204" t="s">
        <v>90</v>
      </c>
      <c r="O17204" t="s">
        <v>85</v>
      </c>
      <c r="P17204" t="s">
        <v>86</v>
      </c>
      <c r="Q17204">
        <v>33</v>
      </c>
      <c r="R17204">
        <v>34</v>
      </c>
      <c r="S17204">
        <v>35</v>
      </c>
      <c r="T17204">
        <v>35</v>
      </c>
      <c r="U17204">
        <v>36</v>
      </c>
      <c r="V17204">
        <v>37</v>
      </c>
      <c r="W17204">
        <v>37</v>
      </c>
      <c r="X17204">
        <v>38</v>
      </c>
      <c r="Y17204">
        <v>39</v>
      </c>
      <c r="Z17204">
        <v>39</v>
      </c>
      <c r="AA17204">
        <v>40</v>
      </c>
      <c r="AB17204">
        <v>40</v>
      </c>
      <c r="AC17204">
        <v>41</v>
      </c>
      <c r="AD17204">
        <v>42</v>
      </c>
      <c r="AE17204">
        <v>42</v>
      </c>
      <c r="AF17204">
        <v>42</v>
      </c>
      <c r="AG17204">
        <v>42</v>
      </c>
      <c r="AH17204">
        <v>42</v>
      </c>
      <c r="AI17204">
        <v>42</v>
      </c>
      <c r="AJ17204">
        <v>42</v>
      </c>
      <c r="AK17204">
        <v>42</v>
      </c>
      <c r="AL17204">
        <v>42</v>
      </c>
      <c r="AM17204">
        <v>42</v>
      </c>
      <c r="AN17204">
        <v>42</v>
      </c>
      <c r="AO17204">
        <v>42</v>
      </c>
      <c r="AP17204">
        <v>42</v>
      </c>
      <c r="AQ17204">
        <v>42</v>
      </c>
    </row>
    <row r="17205" spans="1:43">
      <c r="A17205" t="s">
        <v>10670</v>
      </c>
      <c r="B17205" t="s">
        <v>10671</v>
      </c>
      <c r="C17205" t="s">
        <v>10468</v>
      </c>
      <c r="D17205" t="s">
        <v>10469</v>
      </c>
      <c r="E17205" t="s">
        <v>10448</v>
      </c>
      <c r="F17205" t="s">
        <v>10449</v>
      </c>
      <c r="G17205" t="s">
        <v>10450</v>
      </c>
      <c r="H17205" t="s">
        <v>10451</v>
      </c>
      <c r="I17205" s="2">
        <v>1</v>
      </c>
      <c r="J17205" s="2">
        <v>0</v>
      </c>
      <c r="K17205" s="2">
        <v>0</v>
      </c>
      <c r="L17205" t="s">
        <v>120</v>
      </c>
      <c r="M17205" t="s">
        <v>83</v>
      </c>
      <c r="N17205" t="s">
        <v>91</v>
      </c>
      <c r="O17205" t="s">
        <v>85</v>
      </c>
      <c r="P17205" t="s">
        <v>86</v>
      </c>
      <c r="Q17205">
        <v>33</v>
      </c>
      <c r="R17205">
        <v>33</v>
      </c>
      <c r="S17205">
        <v>34</v>
      </c>
      <c r="T17205">
        <v>34</v>
      </c>
      <c r="U17205">
        <v>35</v>
      </c>
      <c r="V17205">
        <v>35</v>
      </c>
      <c r="W17205">
        <v>36</v>
      </c>
      <c r="X17205">
        <v>36</v>
      </c>
      <c r="Y17205">
        <v>37</v>
      </c>
      <c r="Z17205">
        <v>37</v>
      </c>
      <c r="AA17205">
        <v>37</v>
      </c>
      <c r="AB17205">
        <v>38</v>
      </c>
      <c r="AC17205">
        <v>38</v>
      </c>
      <c r="AD17205">
        <v>39</v>
      </c>
      <c r="AE17205">
        <v>39</v>
      </c>
      <c r="AF17205">
        <v>40</v>
      </c>
      <c r="AG17205">
        <v>40</v>
      </c>
      <c r="AH17205">
        <v>40</v>
      </c>
      <c r="AI17205">
        <v>41</v>
      </c>
      <c r="AJ17205">
        <v>41</v>
      </c>
      <c r="AK17205">
        <v>42</v>
      </c>
      <c r="AL17205">
        <v>42</v>
      </c>
      <c r="AM17205">
        <v>42</v>
      </c>
      <c r="AN17205">
        <v>42</v>
      </c>
      <c r="AO17205">
        <v>42</v>
      </c>
      <c r="AP17205">
        <v>42</v>
      </c>
      <c r="AQ17205">
        <v>42</v>
      </c>
    </row>
    <row r="17206" spans="1:43">
      <c r="A17206" t="s">
        <v>10672</v>
      </c>
      <c r="B17206" t="s">
        <v>10673</v>
      </c>
      <c r="C17206" t="s">
        <v>10476</v>
      </c>
      <c r="D17206" t="s">
        <v>10477</v>
      </c>
      <c r="E17206" t="s">
        <v>10448</v>
      </c>
      <c r="F17206" t="s">
        <v>10449</v>
      </c>
      <c r="G17206" t="s">
        <v>10450</v>
      </c>
      <c r="H17206" t="s">
        <v>10451</v>
      </c>
      <c r="I17206" s="2">
        <v>1</v>
      </c>
      <c r="J17206" s="2">
        <v>0</v>
      </c>
      <c r="K17206" s="2">
        <v>0</v>
      </c>
      <c r="L17206" t="s">
        <v>120</v>
      </c>
      <c r="M17206" t="s">
        <v>83</v>
      </c>
      <c r="N17206" t="s">
        <v>84</v>
      </c>
      <c r="O17206" t="s">
        <v>85</v>
      </c>
      <c r="P17206" t="s">
        <v>86</v>
      </c>
      <c r="Q17206">
        <v>46</v>
      </c>
      <c r="R17206">
        <v>46</v>
      </c>
      <c r="S17206">
        <v>47</v>
      </c>
      <c r="T17206">
        <v>47</v>
      </c>
      <c r="U17206">
        <v>48</v>
      </c>
      <c r="V17206">
        <v>49</v>
      </c>
      <c r="W17206">
        <v>49</v>
      </c>
      <c r="X17206">
        <v>50</v>
      </c>
      <c r="Y17206">
        <v>51</v>
      </c>
      <c r="Z17206">
        <v>51</v>
      </c>
      <c r="AA17206">
        <v>52</v>
      </c>
      <c r="AB17206">
        <v>52</v>
      </c>
      <c r="AC17206">
        <v>53</v>
      </c>
      <c r="AD17206">
        <v>54</v>
      </c>
      <c r="AE17206">
        <v>54</v>
      </c>
      <c r="AF17206">
        <v>55</v>
      </c>
      <c r="AG17206">
        <v>55</v>
      </c>
      <c r="AH17206">
        <v>56</v>
      </c>
      <c r="AI17206">
        <v>57</v>
      </c>
      <c r="AJ17206">
        <v>57</v>
      </c>
      <c r="AK17206">
        <v>58</v>
      </c>
      <c r="AL17206">
        <v>58</v>
      </c>
      <c r="AM17206">
        <v>58</v>
      </c>
      <c r="AN17206">
        <v>58</v>
      </c>
      <c r="AO17206">
        <v>58</v>
      </c>
      <c r="AP17206">
        <v>58</v>
      </c>
      <c r="AQ17206">
        <v>58</v>
      </c>
    </row>
    <row r="17207" spans="1:43">
      <c r="A17207" t="s">
        <v>10672</v>
      </c>
      <c r="B17207" t="s">
        <v>10673</v>
      </c>
      <c r="C17207" t="s">
        <v>10476</v>
      </c>
      <c r="D17207" t="s">
        <v>10477</v>
      </c>
      <c r="E17207" t="s">
        <v>10448</v>
      </c>
      <c r="F17207" t="s">
        <v>10449</v>
      </c>
      <c r="G17207" t="s">
        <v>10450</v>
      </c>
      <c r="H17207" t="s">
        <v>10451</v>
      </c>
      <c r="I17207" s="2">
        <v>1</v>
      </c>
      <c r="J17207" s="2">
        <v>0</v>
      </c>
      <c r="K17207" s="2">
        <v>0</v>
      </c>
      <c r="L17207" t="s">
        <v>120</v>
      </c>
      <c r="M17207" t="s">
        <v>87</v>
      </c>
      <c r="N17207" t="s">
        <v>88</v>
      </c>
      <c r="O17207" t="s">
        <v>85</v>
      </c>
      <c r="P17207" t="s">
        <v>86</v>
      </c>
      <c r="Q17207">
        <v>46</v>
      </c>
      <c r="R17207">
        <v>46</v>
      </c>
      <c r="S17207">
        <v>47</v>
      </c>
      <c r="T17207">
        <v>47</v>
      </c>
      <c r="U17207">
        <v>47</v>
      </c>
      <c r="V17207">
        <v>47</v>
      </c>
      <c r="W17207">
        <v>47</v>
      </c>
      <c r="X17207">
        <v>48</v>
      </c>
      <c r="Y17207">
        <v>48</v>
      </c>
      <c r="Z17207">
        <v>48</v>
      </c>
      <c r="AA17207">
        <v>48</v>
      </c>
      <c r="AB17207">
        <v>48</v>
      </c>
      <c r="AC17207">
        <v>49</v>
      </c>
      <c r="AD17207">
        <v>49</v>
      </c>
      <c r="AE17207">
        <v>49</v>
      </c>
      <c r="AF17207">
        <v>49</v>
      </c>
      <c r="AG17207">
        <v>50</v>
      </c>
      <c r="AH17207">
        <v>50</v>
      </c>
      <c r="AI17207">
        <v>50</v>
      </c>
      <c r="AJ17207">
        <v>50</v>
      </c>
      <c r="AK17207">
        <v>50</v>
      </c>
      <c r="AL17207">
        <v>51</v>
      </c>
      <c r="AM17207">
        <v>51</v>
      </c>
      <c r="AN17207">
        <v>51</v>
      </c>
      <c r="AO17207">
        <v>51</v>
      </c>
      <c r="AP17207">
        <v>51</v>
      </c>
      <c r="AQ17207">
        <v>52</v>
      </c>
    </row>
    <row r="17208" spans="1:43">
      <c r="A17208" t="s">
        <v>10672</v>
      </c>
      <c r="B17208" t="s">
        <v>10673</v>
      </c>
      <c r="C17208" t="s">
        <v>10476</v>
      </c>
      <c r="D17208" t="s">
        <v>10477</v>
      </c>
      <c r="E17208" t="s">
        <v>10448</v>
      </c>
      <c r="F17208" t="s">
        <v>10449</v>
      </c>
      <c r="G17208" t="s">
        <v>10450</v>
      </c>
      <c r="H17208" t="s">
        <v>10451</v>
      </c>
      <c r="I17208" s="2">
        <v>1</v>
      </c>
      <c r="J17208" s="2">
        <v>0</v>
      </c>
      <c r="K17208" s="2">
        <v>0</v>
      </c>
      <c r="L17208" t="s">
        <v>120</v>
      </c>
      <c r="M17208" t="s">
        <v>89</v>
      </c>
      <c r="N17208" t="s">
        <v>90</v>
      </c>
      <c r="O17208" t="s">
        <v>85</v>
      </c>
      <c r="P17208" t="s">
        <v>86</v>
      </c>
      <c r="Q17208">
        <v>46</v>
      </c>
      <c r="R17208">
        <v>47</v>
      </c>
      <c r="S17208">
        <v>48</v>
      </c>
      <c r="T17208">
        <v>49</v>
      </c>
      <c r="U17208">
        <v>50</v>
      </c>
      <c r="V17208">
        <v>51</v>
      </c>
      <c r="W17208">
        <v>52</v>
      </c>
      <c r="X17208">
        <v>53</v>
      </c>
      <c r="Y17208">
        <v>54</v>
      </c>
      <c r="Z17208">
        <v>54</v>
      </c>
      <c r="AA17208">
        <v>55</v>
      </c>
      <c r="AB17208">
        <v>56</v>
      </c>
      <c r="AC17208">
        <v>57</v>
      </c>
      <c r="AD17208">
        <v>58</v>
      </c>
      <c r="AE17208">
        <v>58</v>
      </c>
      <c r="AF17208">
        <v>58</v>
      </c>
      <c r="AG17208">
        <v>58</v>
      </c>
      <c r="AH17208">
        <v>58</v>
      </c>
      <c r="AI17208">
        <v>59</v>
      </c>
      <c r="AJ17208">
        <v>59</v>
      </c>
      <c r="AK17208">
        <v>59</v>
      </c>
      <c r="AL17208">
        <v>59</v>
      </c>
      <c r="AM17208">
        <v>59</v>
      </c>
      <c r="AN17208">
        <v>59</v>
      </c>
      <c r="AO17208">
        <v>59</v>
      </c>
      <c r="AP17208">
        <v>59</v>
      </c>
      <c r="AQ17208">
        <v>59</v>
      </c>
    </row>
    <row r="17209" spans="1:43">
      <c r="A17209" t="s">
        <v>10672</v>
      </c>
      <c r="B17209" t="s">
        <v>10673</v>
      </c>
      <c r="C17209" t="s">
        <v>10476</v>
      </c>
      <c r="D17209" t="s">
        <v>10477</v>
      </c>
      <c r="E17209" t="s">
        <v>10448</v>
      </c>
      <c r="F17209" t="s">
        <v>10449</v>
      </c>
      <c r="G17209" t="s">
        <v>10450</v>
      </c>
      <c r="H17209" t="s">
        <v>10451</v>
      </c>
      <c r="I17209" s="2">
        <v>1</v>
      </c>
      <c r="J17209" s="2">
        <v>0</v>
      </c>
      <c r="K17209" s="2">
        <v>0</v>
      </c>
      <c r="L17209" t="s">
        <v>120</v>
      </c>
      <c r="M17209" t="s">
        <v>83</v>
      </c>
      <c r="N17209" t="s">
        <v>91</v>
      </c>
      <c r="O17209" t="s">
        <v>85</v>
      </c>
      <c r="P17209" t="s">
        <v>86</v>
      </c>
      <c r="Q17209">
        <v>46</v>
      </c>
      <c r="R17209">
        <v>46</v>
      </c>
      <c r="S17209">
        <v>47</v>
      </c>
      <c r="T17209">
        <v>47</v>
      </c>
      <c r="U17209">
        <v>48</v>
      </c>
      <c r="V17209">
        <v>49</v>
      </c>
      <c r="W17209">
        <v>49</v>
      </c>
      <c r="X17209">
        <v>50</v>
      </c>
      <c r="Y17209">
        <v>51</v>
      </c>
      <c r="Z17209">
        <v>51</v>
      </c>
      <c r="AA17209">
        <v>52</v>
      </c>
      <c r="AB17209">
        <v>52</v>
      </c>
      <c r="AC17209">
        <v>53</v>
      </c>
      <c r="AD17209">
        <v>54</v>
      </c>
      <c r="AE17209">
        <v>54</v>
      </c>
      <c r="AF17209">
        <v>55</v>
      </c>
      <c r="AG17209">
        <v>55</v>
      </c>
      <c r="AH17209">
        <v>56</v>
      </c>
      <c r="AI17209">
        <v>57</v>
      </c>
      <c r="AJ17209">
        <v>57</v>
      </c>
      <c r="AK17209">
        <v>58</v>
      </c>
      <c r="AL17209">
        <v>58</v>
      </c>
      <c r="AM17209">
        <v>58</v>
      </c>
      <c r="AN17209">
        <v>58</v>
      </c>
      <c r="AO17209">
        <v>58</v>
      </c>
      <c r="AP17209">
        <v>58</v>
      </c>
      <c r="AQ17209">
        <v>58</v>
      </c>
    </row>
    <row r="17210" spans="1:43">
      <c r="A17210" t="s">
        <v>10674</v>
      </c>
      <c r="B17210" t="s">
        <v>10675</v>
      </c>
      <c r="C17210" t="s">
        <v>10476</v>
      </c>
      <c r="D17210" t="s">
        <v>10477</v>
      </c>
      <c r="E17210" t="s">
        <v>10448</v>
      </c>
      <c r="F17210" t="s">
        <v>10449</v>
      </c>
      <c r="G17210" t="s">
        <v>10450</v>
      </c>
      <c r="H17210" t="s">
        <v>10451</v>
      </c>
      <c r="I17210" s="2">
        <v>1</v>
      </c>
      <c r="J17210" s="2">
        <v>0</v>
      </c>
      <c r="K17210" s="2">
        <v>0</v>
      </c>
      <c r="L17210" t="s">
        <v>120</v>
      </c>
      <c r="M17210" t="s">
        <v>83</v>
      </c>
      <c r="N17210" t="s">
        <v>84</v>
      </c>
      <c r="O17210" t="s">
        <v>85</v>
      </c>
      <c r="P17210" t="s">
        <v>86</v>
      </c>
      <c r="Q17210">
        <v>26</v>
      </c>
      <c r="R17210">
        <v>26</v>
      </c>
      <c r="S17210">
        <v>27</v>
      </c>
      <c r="T17210">
        <v>27</v>
      </c>
      <c r="U17210">
        <v>28</v>
      </c>
      <c r="V17210">
        <v>28</v>
      </c>
      <c r="W17210">
        <v>28</v>
      </c>
      <c r="X17210">
        <v>29</v>
      </c>
      <c r="Y17210">
        <v>29</v>
      </c>
      <c r="Z17210">
        <v>29</v>
      </c>
      <c r="AA17210">
        <v>30</v>
      </c>
      <c r="AB17210">
        <v>30</v>
      </c>
      <c r="AC17210">
        <v>30</v>
      </c>
      <c r="AD17210">
        <v>31</v>
      </c>
      <c r="AE17210">
        <v>31</v>
      </c>
      <c r="AF17210">
        <v>31</v>
      </c>
      <c r="AG17210">
        <v>32</v>
      </c>
      <c r="AH17210">
        <v>32</v>
      </c>
      <c r="AI17210">
        <v>32</v>
      </c>
      <c r="AJ17210">
        <v>33</v>
      </c>
      <c r="AK17210">
        <v>33</v>
      </c>
      <c r="AL17210">
        <v>33</v>
      </c>
      <c r="AM17210">
        <v>33</v>
      </c>
      <c r="AN17210">
        <v>33</v>
      </c>
      <c r="AO17210">
        <v>33</v>
      </c>
      <c r="AP17210">
        <v>34</v>
      </c>
      <c r="AQ17210">
        <v>34</v>
      </c>
    </row>
    <row r="17211" spans="1:43">
      <c r="A17211" t="s">
        <v>10674</v>
      </c>
      <c r="B17211" t="s">
        <v>10675</v>
      </c>
      <c r="C17211" t="s">
        <v>10476</v>
      </c>
      <c r="D17211" t="s">
        <v>10477</v>
      </c>
      <c r="E17211" t="s">
        <v>10448</v>
      </c>
      <c r="F17211" t="s">
        <v>10449</v>
      </c>
      <c r="G17211" t="s">
        <v>10450</v>
      </c>
      <c r="H17211" t="s">
        <v>10451</v>
      </c>
      <c r="I17211" s="2">
        <v>1</v>
      </c>
      <c r="J17211" s="2">
        <v>0</v>
      </c>
      <c r="K17211" s="2">
        <v>0</v>
      </c>
      <c r="L17211" t="s">
        <v>120</v>
      </c>
      <c r="M17211" t="s">
        <v>87</v>
      </c>
      <c r="N17211" t="s">
        <v>88</v>
      </c>
      <c r="O17211" t="s">
        <v>85</v>
      </c>
      <c r="P17211" t="s">
        <v>86</v>
      </c>
      <c r="Q17211">
        <v>26</v>
      </c>
      <c r="R17211">
        <v>26</v>
      </c>
      <c r="S17211">
        <v>26</v>
      </c>
      <c r="T17211">
        <v>26</v>
      </c>
      <c r="U17211">
        <v>26</v>
      </c>
      <c r="V17211">
        <v>27</v>
      </c>
      <c r="W17211">
        <v>27</v>
      </c>
      <c r="X17211">
        <v>27</v>
      </c>
      <c r="Y17211">
        <v>27</v>
      </c>
      <c r="Z17211">
        <v>27</v>
      </c>
      <c r="AA17211">
        <v>27</v>
      </c>
      <c r="AB17211">
        <v>27</v>
      </c>
      <c r="AC17211">
        <v>27</v>
      </c>
      <c r="AD17211">
        <v>27</v>
      </c>
      <c r="AE17211">
        <v>28</v>
      </c>
      <c r="AF17211">
        <v>28</v>
      </c>
      <c r="AG17211">
        <v>28</v>
      </c>
      <c r="AH17211">
        <v>28</v>
      </c>
      <c r="AI17211">
        <v>28</v>
      </c>
      <c r="AJ17211">
        <v>28</v>
      </c>
      <c r="AK17211">
        <v>28</v>
      </c>
      <c r="AL17211">
        <v>28</v>
      </c>
      <c r="AM17211">
        <v>29</v>
      </c>
      <c r="AN17211">
        <v>29</v>
      </c>
      <c r="AO17211">
        <v>29</v>
      </c>
      <c r="AP17211">
        <v>29</v>
      </c>
      <c r="AQ17211">
        <v>29</v>
      </c>
    </row>
    <row r="17212" spans="1:43">
      <c r="A17212" t="s">
        <v>10674</v>
      </c>
      <c r="B17212" t="s">
        <v>10675</v>
      </c>
      <c r="C17212" t="s">
        <v>10476</v>
      </c>
      <c r="D17212" t="s">
        <v>10477</v>
      </c>
      <c r="E17212" t="s">
        <v>10448</v>
      </c>
      <c r="F17212" t="s">
        <v>10449</v>
      </c>
      <c r="G17212" t="s">
        <v>10450</v>
      </c>
      <c r="H17212" t="s">
        <v>10451</v>
      </c>
      <c r="I17212" s="2">
        <v>1</v>
      </c>
      <c r="J17212" s="2">
        <v>0</v>
      </c>
      <c r="K17212" s="2">
        <v>0</v>
      </c>
      <c r="L17212" t="s">
        <v>120</v>
      </c>
      <c r="M17212" t="s">
        <v>89</v>
      </c>
      <c r="N17212" t="s">
        <v>90</v>
      </c>
      <c r="O17212" t="s">
        <v>85</v>
      </c>
      <c r="P17212" t="s">
        <v>86</v>
      </c>
      <c r="Q17212">
        <v>26</v>
      </c>
      <c r="R17212">
        <v>27</v>
      </c>
      <c r="S17212">
        <v>28</v>
      </c>
      <c r="T17212">
        <v>28</v>
      </c>
      <c r="U17212">
        <v>29</v>
      </c>
      <c r="V17212">
        <v>29</v>
      </c>
      <c r="W17212">
        <v>30</v>
      </c>
      <c r="X17212">
        <v>30</v>
      </c>
      <c r="Y17212">
        <v>31</v>
      </c>
      <c r="Z17212">
        <v>31</v>
      </c>
      <c r="AA17212">
        <v>32</v>
      </c>
      <c r="AB17212">
        <v>32</v>
      </c>
      <c r="AC17212">
        <v>33</v>
      </c>
      <c r="AD17212">
        <v>33</v>
      </c>
      <c r="AE17212">
        <v>33</v>
      </c>
      <c r="AF17212">
        <v>33</v>
      </c>
      <c r="AG17212">
        <v>34</v>
      </c>
      <c r="AH17212">
        <v>34</v>
      </c>
      <c r="AI17212">
        <v>34</v>
      </c>
      <c r="AJ17212">
        <v>34</v>
      </c>
      <c r="AK17212">
        <v>34</v>
      </c>
      <c r="AL17212">
        <v>34</v>
      </c>
      <c r="AM17212">
        <v>34</v>
      </c>
      <c r="AN17212">
        <v>34</v>
      </c>
      <c r="AO17212">
        <v>34</v>
      </c>
      <c r="AP17212">
        <v>34</v>
      </c>
      <c r="AQ17212">
        <v>34</v>
      </c>
    </row>
    <row r="17213" spans="1:43">
      <c r="A17213" t="s">
        <v>10674</v>
      </c>
      <c r="B17213" t="s">
        <v>10675</v>
      </c>
      <c r="C17213" t="s">
        <v>10476</v>
      </c>
      <c r="D17213" t="s">
        <v>10477</v>
      </c>
      <c r="E17213" t="s">
        <v>10448</v>
      </c>
      <c r="F17213" t="s">
        <v>10449</v>
      </c>
      <c r="G17213" t="s">
        <v>10450</v>
      </c>
      <c r="H17213" t="s">
        <v>10451</v>
      </c>
      <c r="I17213" s="2">
        <v>1</v>
      </c>
      <c r="J17213" s="2">
        <v>0</v>
      </c>
      <c r="K17213" s="2">
        <v>0</v>
      </c>
      <c r="L17213" t="s">
        <v>120</v>
      </c>
      <c r="M17213" t="s">
        <v>83</v>
      </c>
      <c r="N17213" t="s">
        <v>91</v>
      </c>
      <c r="O17213" t="s">
        <v>85</v>
      </c>
      <c r="P17213" t="s">
        <v>86</v>
      </c>
      <c r="Q17213">
        <v>26</v>
      </c>
      <c r="R17213">
        <v>26</v>
      </c>
      <c r="S17213">
        <v>27</v>
      </c>
      <c r="T17213">
        <v>27</v>
      </c>
      <c r="U17213">
        <v>28</v>
      </c>
      <c r="V17213">
        <v>28</v>
      </c>
      <c r="W17213">
        <v>28</v>
      </c>
      <c r="X17213">
        <v>29</v>
      </c>
      <c r="Y17213">
        <v>29</v>
      </c>
      <c r="Z17213">
        <v>29</v>
      </c>
      <c r="AA17213">
        <v>30</v>
      </c>
      <c r="AB17213">
        <v>30</v>
      </c>
      <c r="AC17213">
        <v>30</v>
      </c>
      <c r="AD17213">
        <v>31</v>
      </c>
      <c r="AE17213">
        <v>31</v>
      </c>
      <c r="AF17213">
        <v>31</v>
      </c>
      <c r="AG17213">
        <v>32</v>
      </c>
      <c r="AH17213">
        <v>32</v>
      </c>
      <c r="AI17213">
        <v>32</v>
      </c>
      <c r="AJ17213">
        <v>33</v>
      </c>
      <c r="AK17213">
        <v>33</v>
      </c>
      <c r="AL17213">
        <v>33</v>
      </c>
      <c r="AM17213">
        <v>33</v>
      </c>
      <c r="AN17213">
        <v>33</v>
      </c>
      <c r="AO17213">
        <v>33</v>
      </c>
      <c r="AP17213">
        <v>34</v>
      </c>
      <c r="AQ17213">
        <v>34</v>
      </c>
    </row>
    <row r="17214" spans="1:43">
      <c r="A17214" t="s">
        <v>10676</v>
      </c>
      <c r="B17214" t="s">
        <v>10677</v>
      </c>
      <c r="C17214" t="s">
        <v>10678</v>
      </c>
      <c r="D17214" t="s">
        <v>10679</v>
      </c>
      <c r="E17214" t="s">
        <v>10448</v>
      </c>
      <c r="F17214" t="s">
        <v>10449</v>
      </c>
      <c r="G17214" t="s">
        <v>10450</v>
      </c>
      <c r="H17214" t="s">
        <v>10451</v>
      </c>
      <c r="I17214" s="2">
        <v>1</v>
      </c>
      <c r="J17214" s="2">
        <v>0</v>
      </c>
      <c r="K17214" s="2">
        <v>0</v>
      </c>
      <c r="L17214" t="s">
        <v>120</v>
      </c>
      <c r="M17214" t="s">
        <v>83</v>
      </c>
      <c r="N17214" t="s">
        <v>84</v>
      </c>
      <c r="O17214" t="s">
        <v>85</v>
      </c>
      <c r="P17214" t="s">
        <v>86</v>
      </c>
      <c r="Q17214">
        <v>70</v>
      </c>
      <c r="R17214">
        <v>71</v>
      </c>
      <c r="S17214">
        <v>72</v>
      </c>
      <c r="T17214">
        <v>73</v>
      </c>
      <c r="U17214">
        <v>74</v>
      </c>
      <c r="V17214">
        <v>75</v>
      </c>
      <c r="W17214">
        <v>76</v>
      </c>
      <c r="X17214">
        <v>77</v>
      </c>
      <c r="Y17214">
        <v>78</v>
      </c>
      <c r="Z17214">
        <v>79</v>
      </c>
      <c r="AA17214">
        <v>80</v>
      </c>
      <c r="AB17214">
        <v>81</v>
      </c>
      <c r="AC17214">
        <v>82</v>
      </c>
      <c r="AD17214">
        <v>83</v>
      </c>
      <c r="AE17214">
        <v>84</v>
      </c>
      <c r="AF17214">
        <v>85</v>
      </c>
      <c r="AG17214">
        <v>86</v>
      </c>
      <c r="AH17214">
        <v>87</v>
      </c>
      <c r="AI17214">
        <v>88</v>
      </c>
      <c r="AJ17214">
        <v>89</v>
      </c>
      <c r="AK17214">
        <v>89</v>
      </c>
      <c r="AL17214">
        <v>90</v>
      </c>
      <c r="AM17214">
        <v>90</v>
      </c>
      <c r="AN17214">
        <v>90</v>
      </c>
      <c r="AO17214">
        <v>90</v>
      </c>
      <c r="AP17214">
        <v>90</v>
      </c>
      <c r="AQ17214">
        <v>90</v>
      </c>
    </row>
    <row r="17215" spans="1:43">
      <c r="A17215" t="s">
        <v>10676</v>
      </c>
      <c r="B17215" t="s">
        <v>10677</v>
      </c>
      <c r="C17215" t="s">
        <v>10678</v>
      </c>
      <c r="D17215" t="s">
        <v>10679</v>
      </c>
      <c r="E17215" t="s">
        <v>10448</v>
      </c>
      <c r="F17215" t="s">
        <v>10449</v>
      </c>
      <c r="G17215" t="s">
        <v>10450</v>
      </c>
      <c r="H17215" t="s">
        <v>10451</v>
      </c>
      <c r="I17215" s="2">
        <v>1</v>
      </c>
      <c r="J17215" s="2">
        <v>0</v>
      </c>
      <c r="K17215" s="2">
        <v>0</v>
      </c>
      <c r="L17215" t="s">
        <v>120</v>
      </c>
      <c r="M17215" t="s">
        <v>87</v>
      </c>
      <c r="N17215" t="s">
        <v>88</v>
      </c>
      <c r="O17215" t="s">
        <v>85</v>
      </c>
      <c r="P17215" t="s">
        <v>86</v>
      </c>
      <c r="Q17215">
        <v>70</v>
      </c>
      <c r="R17215">
        <v>70</v>
      </c>
      <c r="S17215">
        <v>70</v>
      </c>
      <c r="T17215">
        <v>71</v>
      </c>
      <c r="U17215">
        <v>71</v>
      </c>
      <c r="V17215">
        <v>71</v>
      </c>
      <c r="W17215">
        <v>72</v>
      </c>
      <c r="X17215">
        <v>72</v>
      </c>
      <c r="Y17215">
        <v>72</v>
      </c>
      <c r="Z17215">
        <v>73</v>
      </c>
      <c r="AA17215">
        <v>73</v>
      </c>
      <c r="AB17215">
        <v>73</v>
      </c>
      <c r="AC17215">
        <v>74</v>
      </c>
      <c r="AD17215">
        <v>74</v>
      </c>
      <c r="AE17215">
        <v>74</v>
      </c>
      <c r="AF17215">
        <v>75</v>
      </c>
      <c r="AG17215">
        <v>75</v>
      </c>
      <c r="AH17215">
        <v>75</v>
      </c>
      <c r="AI17215">
        <v>76</v>
      </c>
      <c r="AJ17215">
        <v>76</v>
      </c>
      <c r="AK17215">
        <v>76</v>
      </c>
      <c r="AL17215">
        <v>77</v>
      </c>
      <c r="AM17215">
        <v>77</v>
      </c>
      <c r="AN17215">
        <v>77</v>
      </c>
      <c r="AO17215">
        <v>77</v>
      </c>
      <c r="AP17215">
        <v>78</v>
      </c>
      <c r="AQ17215">
        <v>78</v>
      </c>
    </row>
    <row r="17216" spans="1:43">
      <c r="A17216" t="s">
        <v>10676</v>
      </c>
      <c r="B17216" t="s">
        <v>10677</v>
      </c>
      <c r="C17216" t="s">
        <v>10678</v>
      </c>
      <c r="D17216" t="s">
        <v>10679</v>
      </c>
      <c r="E17216" t="s">
        <v>10448</v>
      </c>
      <c r="F17216" t="s">
        <v>10449</v>
      </c>
      <c r="G17216" t="s">
        <v>10450</v>
      </c>
      <c r="H17216" t="s">
        <v>10451</v>
      </c>
      <c r="I17216" s="2">
        <v>1</v>
      </c>
      <c r="J17216" s="2">
        <v>0</v>
      </c>
      <c r="K17216" s="2">
        <v>0</v>
      </c>
      <c r="L17216" t="s">
        <v>120</v>
      </c>
      <c r="M17216" t="s">
        <v>89</v>
      </c>
      <c r="N17216" t="s">
        <v>90</v>
      </c>
      <c r="O17216" t="s">
        <v>85</v>
      </c>
      <c r="P17216" t="s">
        <v>86</v>
      </c>
      <c r="Q17216">
        <v>70</v>
      </c>
      <c r="R17216">
        <v>72</v>
      </c>
      <c r="S17216">
        <v>73</v>
      </c>
      <c r="T17216">
        <v>75</v>
      </c>
      <c r="U17216">
        <v>76</v>
      </c>
      <c r="V17216">
        <v>78</v>
      </c>
      <c r="W17216">
        <v>79</v>
      </c>
      <c r="X17216">
        <v>81</v>
      </c>
      <c r="Y17216">
        <v>82</v>
      </c>
      <c r="Z17216">
        <v>83</v>
      </c>
      <c r="AA17216">
        <v>84</v>
      </c>
      <c r="AB17216">
        <v>86</v>
      </c>
      <c r="AC17216">
        <v>87</v>
      </c>
      <c r="AD17216">
        <v>88</v>
      </c>
      <c r="AE17216">
        <v>89</v>
      </c>
      <c r="AF17216">
        <v>89</v>
      </c>
      <c r="AG17216">
        <v>89</v>
      </c>
      <c r="AH17216">
        <v>89</v>
      </c>
      <c r="AI17216">
        <v>89</v>
      </c>
      <c r="AJ17216">
        <v>89</v>
      </c>
      <c r="AK17216">
        <v>89</v>
      </c>
      <c r="AL17216">
        <v>90</v>
      </c>
      <c r="AM17216">
        <v>90</v>
      </c>
      <c r="AN17216">
        <v>90</v>
      </c>
      <c r="AO17216">
        <v>90</v>
      </c>
      <c r="AP17216">
        <v>90</v>
      </c>
      <c r="AQ17216">
        <v>90</v>
      </c>
    </row>
    <row r="17217" spans="1:43">
      <c r="A17217" t="s">
        <v>10676</v>
      </c>
      <c r="B17217" t="s">
        <v>10677</v>
      </c>
      <c r="C17217" t="s">
        <v>10678</v>
      </c>
      <c r="D17217" t="s">
        <v>10679</v>
      </c>
      <c r="E17217" t="s">
        <v>10448</v>
      </c>
      <c r="F17217" t="s">
        <v>10449</v>
      </c>
      <c r="G17217" t="s">
        <v>10450</v>
      </c>
      <c r="H17217" t="s">
        <v>10451</v>
      </c>
      <c r="I17217" s="2">
        <v>1</v>
      </c>
      <c r="J17217" s="2">
        <v>0</v>
      </c>
      <c r="K17217" s="2">
        <v>0</v>
      </c>
      <c r="L17217" t="s">
        <v>120</v>
      </c>
      <c r="M17217" t="s">
        <v>83</v>
      </c>
      <c r="N17217" t="s">
        <v>91</v>
      </c>
      <c r="O17217" t="s">
        <v>85</v>
      </c>
      <c r="P17217" t="s">
        <v>86</v>
      </c>
      <c r="Q17217">
        <v>70</v>
      </c>
      <c r="R17217">
        <v>71</v>
      </c>
      <c r="S17217">
        <v>72</v>
      </c>
      <c r="T17217">
        <v>73</v>
      </c>
      <c r="U17217">
        <v>74</v>
      </c>
      <c r="V17217">
        <v>75</v>
      </c>
      <c r="W17217">
        <v>76</v>
      </c>
      <c r="X17217">
        <v>77</v>
      </c>
      <c r="Y17217">
        <v>78</v>
      </c>
      <c r="Z17217">
        <v>79</v>
      </c>
      <c r="AA17217">
        <v>80</v>
      </c>
      <c r="AB17217">
        <v>81</v>
      </c>
      <c r="AC17217">
        <v>82</v>
      </c>
      <c r="AD17217">
        <v>83</v>
      </c>
      <c r="AE17217">
        <v>84</v>
      </c>
      <c r="AF17217">
        <v>85</v>
      </c>
      <c r="AG17217">
        <v>86</v>
      </c>
      <c r="AH17217">
        <v>87</v>
      </c>
      <c r="AI17217">
        <v>88</v>
      </c>
      <c r="AJ17217">
        <v>89</v>
      </c>
      <c r="AK17217">
        <v>89</v>
      </c>
      <c r="AL17217">
        <v>90</v>
      </c>
      <c r="AM17217">
        <v>90</v>
      </c>
      <c r="AN17217">
        <v>90</v>
      </c>
      <c r="AO17217">
        <v>90</v>
      </c>
      <c r="AP17217">
        <v>90</v>
      </c>
      <c r="AQ17217">
        <v>90</v>
      </c>
    </row>
    <row r="17218" spans="1:43">
      <c r="A17218" t="s">
        <v>10680</v>
      </c>
      <c r="B17218" t="s">
        <v>10681</v>
      </c>
      <c r="C17218" t="s">
        <v>10562</v>
      </c>
      <c r="D17218" t="s">
        <v>10563</v>
      </c>
      <c r="E17218" t="s">
        <v>10448</v>
      </c>
      <c r="F17218" t="s">
        <v>10449</v>
      </c>
      <c r="G17218" t="s">
        <v>10450</v>
      </c>
      <c r="H17218" t="s">
        <v>10451</v>
      </c>
      <c r="I17218" s="2">
        <v>1</v>
      </c>
      <c r="J17218" s="2">
        <v>0</v>
      </c>
      <c r="K17218" s="2">
        <v>0</v>
      </c>
      <c r="L17218" t="s">
        <v>120</v>
      </c>
      <c r="M17218" t="s">
        <v>83</v>
      </c>
      <c r="N17218" t="s">
        <v>84</v>
      </c>
      <c r="O17218" t="s">
        <v>85</v>
      </c>
      <c r="P17218" t="s">
        <v>86</v>
      </c>
      <c r="Q17218">
        <v>47</v>
      </c>
      <c r="R17218">
        <v>48</v>
      </c>
      <c r="S17218">
        <v>49</v>
      </c>
      <c r="T17218">
        <v>49</v>
      </c>
      <c r="U17218">
        <v>50</v>
      </c>
      <c r="V17218">
        <v>51</v>
      </c>
      <c r="W17218">
        <v>51</v>
      </c>
      <c r="X17218">
        <v>52</v>
      </c>
      <c r="Y17218">
        <v>53</v>
      </c>
      <c r="Z17218">
        <v>53</v>
      </c>
      <c r="AA17218">
        <v>54</v>
      </c>
      <c r="AB17218">
        <v>55</v>
      </c>
      <c r="AC17218">
        <v>55</v>
      </c>
      <c r="AD17218">
        <v>56</v>
      </c>
      <c r="AE17218">
        <v>56</v>
      </c>
      <c r="AF17218">
        <v>57</v>
      </c>
      <c r="AG17218">
        <v>58</v>
      </c>
      <c r="AH17218">
        <v>58</v>
      </c>
      <c r="AI17218">
        <v>59</v>
      </c>
      <c r="AJ17218">
        <v>60</v>
      </c>
      <c r="AK17218">
        <v>60</v>
      </c>
      <c r="AL17218">
        <v>60</v>
      </c>
      <c r="AM17218">
        <v>60</v>
      </c>
      <c r="AN17218">
        <v>60</v>
      </c>
      <c r="AO17218">
        <v>61</v>
      </c>
      <c r="AP17218">
        <v>61</v>
      </c>
      <c r="AQ17218">
        <v>61</v>
      </c>
    </row>
    <row r="17219" spans="1:43">
      <c r="A17219" t="s">
        <v>10680</v>
      </c>
      <c r="B17219" t="s">
        <v>10681</v>
      </c>
      <c r="C17219" t="s">
        <v>10562</v>
      </c>
      <c r="D17219" t="s">
        <v>10563</v>
      </c>
      <c r="E17219" t="s">
        <v>10448</v>
      </c>
      <c r="F17219" t="s">
        <v>10449</v>
      </c>
      <c r="G17219" t="s">
        <v>10450</v>
      </c>
      <c r="H17219" t="s">
        <v>10451</v>
      </c>
      <c r="I17219" s="2">
        <v>1</v>
      </c>
      <c r="J17219" s="2">
        <v>0</v>
      </c>
      <c r="K17219" s="2">
        <v>0</v>
      </c>
      <c r="L17219" t="s">
        <v>120</v>
      </c>
      <c r="M17219" t="s">
        <v>87</v>
      </c>
      <c r="N17219" t="s">
        <v>88</v>
      </c>
      <c r="O17219" t="s">
        <v>85</v>
      </c>
      <c r="P17219" t="s">
        <v>86</v>
      </c>
      <c r="Q17219">
        <v>47</v>
      </c>
      <c r="R17219">
        <v>47</v>
      </c>
      <c r="S17219">
        <v>47</v>
      </c>
      <c r="T17219">
        <v>48</v>
      </c>
      <c r="U17219">
        <v>48</v>
      </c>
      <c r="V17219">
        <v>48</v>
      </c>
      <c r="W17219">
        <v>48</v>
      </c>
      <c r="X17219">
        <v>49</v>
      </c>
      <c r="Y17219">
        <v>49</v>
      </c>
      <c r="Z17219">
        <v>49</v>
      </c>
      <c r="AA17219">
        <v>49</v>
      </c>
      <c r="AB17219">
        <v>49</v>
      </c>
      <c r="AC17219">
        <v>50</v>
      </c>
      <c r="AD17219">
        <v>50</v>
      </c>
      <c r="AE17219">
        <v>50</v>
      </c>
      <c r="AF17219">
        <v>50</v>
      </c>
      <c r="AG17219">
        <v>50</v>
      </c>
      <c r="AH17219">
        <v>51</v>
      </c>
      <c r="AI17219">
        <v>51</v>
      </c>
      <c r="AJ17219">
        <v>51</v>
      </c>
      <c r="AK17219">
        <v>51</v>
      </c>
      <c r="AL17219">
        <v>52</v>
      </c>
      <c r="AM17219">
        <v>52</v>
      </c>
      <c r="AN17219">
        <v>52</v>
      </c>
      <c r="AO17219">
        <v>52</v>
      </c>
      <c r="AP17219">
        <v>52</v>
      </c>
      <c r="AQ17219">
        <v>52</v>
      </c>
    </row>
    <row r="17220" spans="1:43">
      <c r="A17220" t="s">
        <v>10680</v>
      </c>
      <c r="B17220" t="s">
        <v>10681</v>
      </c>
      <c r="C17220" t="s">
        <v>10562</v>
      </c>
      <c r="D17220" t="s">
        <v>10563</v>
      </c>
      <c r="E17220" t="s">
        <v>10448</v>
      </c>
      <c r="F17220" t="s">
        <v>10449</v>
      </c>
      <c r="G17220" t="s">
        <v>10450</v>
      </c>
      <c r="H17220" t="s">
        <v>10451</v>
      </c>
      <c r="I17220" s="2">
        <v>1</v>
      </c>
      <c r="J17220" s="2">
        <v>0</v>
      </c>
      <c r="K17220" s="2">
        <v>0</v>
      </c>
      <c r="L17220" t="s">
        <v>120</v>
      </c>
      <c r="M17220" t="s">
        <v>89</v>
      </c>
      <c r="N17220" t="s">
        <v>90</v>
      </c>
      <c r="O17220" t="s">
        <v>85</v>
      </c>
      <c r="P17220" t="s">
        <v>86</v>
      </c>
      <c r="Q17220">
        <v>47</v>
      </c>
      <c r="R17220">
        <v>48</v>
      </c>
      <c r="S17220">
        <v>49</v>
      </c>
      <c r="T17220">
        <v>50</v>
      </c>
      <c r="U17220">
        <v>51</v>
      </c>
      <c r="V17220">
        <v>52</v>
      </c>
      <c r="W17220">
        <v>53</v>
      </c>
      <c r="X17220">
        <v>54</v>
      </c>
      <c r="Y17220">
        <v>55</v>
      </c>
      <c r="Z17220">
        <v>56</v>
      </c>
      <c r="AA17220">
        <v>57</v>
      </c>
      <c r="AB17220">
        <v>57</v>
      </c>
      <c r="AC17220">
        <v>58</v>
      </c>
      <c r="AD17220">
        <v>59</v>
      </c>
      <c r="AE17220">
        <v>60</v>
      </c>
      <c r="AF17220">
        <v>60</v>
      </c>
      <c r="AG17220">
        <v>60</v>
      </c>
      <c r="AH17220">
        <v>60</v>
      </c>
      <c r="AI17220">
        <v>60</v>
      </c>
      <c r="AJ17220">
        <v>60</v>
      </c>
      <c r="AK17220">
        <v>60</v>
      </c>
      <c r="AL17220">
        <v>60</v>
      </c>
      <c r="AM17220">
        <v>60</v>
      </c>
      <c r="AN17220">
        <v>60</v>
      </c>
      <c r="AO17220">
        <v>60</v>
      </c>
      <c r="AP17220">
        <v>60</v>
      </c>
      <c r="AQ17220">
        <v>60</v>
      </c>
    </row>
    <row r="17221" spans="1:43">
      <c r="A17221" t="s">
        <v>10680</v>
      </c>
      <c r="B17221" t="s">
        <v>10681</v>
      </c>
      <c r="C17221" t="s">
        <v>10562</v>
      </c>
      <c r="D17221" t="s">
        <v>10563</v>
      </c>
      <c r="E17221" t="s">
        <v>10448</v>
      </c>
      <c r="F17221" t="s">
        <v>10449</v>
      </c>
      <c r="G17221" t="s">
        <v>10450</v>
      </c>
      <c r="H17221" t="s">
        <v>10451</v>
      </c>
      <c r="I17221" s="2">
        <v>1</v>
      </c>
      <c r="J17221" s="2">
        <v>0</v>
      </c>
      <c r="K17221" s="2">
        <v>0</v>
      </c>
      <c r="L17221" t="s">
        <v>120</v>
      </c>
      <c r="M17221" t="s">
        <v>83</v>
      </c>
      <c r="N17221" t="s">
        <v>91</v>
      </c>
      <c r="O17221" t="s">
        <v>85</v>
      </c>
      <c r="P17221" t="s">
        <v>86</v>
      </c>
      <c r="Q17221">
        <v>47</v>
      </c>
      <c r="R17221">
        <v>48</v>
      </c>
      <c r="S17221">
        <v>49</v>
      </c>
      <c r="T17221">
        <v>49</v>
      </c>
      <c r="U17221">
        <v>50</v>
      </c>
      <c r="V17221">
        <v>51</v>
      </c>
      <c r="W17221">
        <v>51</v>
      </c>
      <c r="X17221">
        <v>52</v>
      </c>
      <c r="Y17221">
        <v>53</v>
      </c>
      <c r="Z17221">
        <v>53</v>
      </c>
      <c r="AA17221">
        <v>54</v>
      </c>
      <c r="AB17221">
        <v>55</v>
      </c>
      <c r="AC17221">
        <v>55</v>
      </c>
      <c r="AD17221">
        <v>56</v>
      </c>
      <c r="AE17221">
        <v>56</v>
      </c>
      <c r="AF17221">
        <v>57</v>
      </c>
      <c r="AG17221">
        <v>58</v>
      </c>
      <c r="AH17221">
        <v>58</v>
      </c>
      <c r="AI17221">
        <v>59</v>
      </c>
      <c r="AJ17221">
        <v>60</v>
      </c>
      <c r="AK17221">
        <v>60</v>
      </c>
      <c r="AL17221">
        <v>60</v>
      </c>
      <c r="AM17221">
        <v>60</v>
      </c>
      <c r="AN17221">
        <v>60</v>
      </c>
      <c r="AO17221">
        <v>61</v>
      </c>
      <c r="AP17221">
        <v>61</v>
      </c>
      <c r="AQ17221">
        <v>61</v>
      </c>
    </row>
    <row r="17222" spans="1:43">
      <c r="A17222" t="s">
        <v>10682</v>
      </c>
      <c r="B17222" t="s">
        <v>10683</v>
      </c>
      <c r="C17222" t="s">
        <v>10562</v>
      </c>
      <c r="D17222" t="s">
        <v>10563</v>
      </c>
      <c r="E17222" t="s">
        <v>10448</v>
      </c>
      <c r="F17222" t="s">
        <v>10449</v>
      </c>
      <c r="G17222" t="s">
        <v>10450</v>
      </c>
      <c r="H17222" t="s">
        <v>10451</v>
      </c>
      <c r="I17222" s="2">
        <v>1</v>
      </c>
      <c r="J17222" s="2">
        <v>0</v>
      </c>
      <c r="K17222" s="2">
        <v>0</v>
      </c>
      <c r="L17222" t="s">
        <v>120</v>
      </c>
      <c r="M17222" t="s">
        <v>83</v>
      </c>
      <c r="N17222" t="s">
        <v>84</v>
      </c>
      <c r="O17222" t="s">
        <v>85</v>
      </c>
      <c r="P17222" t="s">
        <v>86</v>
      </c>
      <c r="Q17222">
        <v>10</v>
      </c>
      <c r="R17222">
        <v>10</v>
      </c>
      <c r="S17222">
        <v>10</v>
      </c>
      <c r="T17222">
        <v>10</v>
      </c>
      <c r="U17222">
        <v>10</v>
      </c>
      <c r="V17222">
        <v>10</v>
      </c>
      <c r="W17222">
        <v>11</v>
      </c>
      <c r="X17222">
        <v>11</v>
      </c>
      <c r="Y17222">
        <v>11</v>
      </c>
      <c r="Z17222">
        <v>11</v>
      </c>
      <c r="AA17222">
        <v>11</v>
      </c>
      <c r="AB17222">
        <v>11</v>
      </c>
      <c r="AC17222">
        <v>11</v>
      </c>
      <c r="AD17222">
        <v>11</v>
      </c>
      <c r="AE17222">
        <v>12</v>
      </c>
      <c r="AF17222">
        <v>12</v>
      </c>
      <c r="AG17222">
        <v>12</v>
      </c>
      <c r="AH17222">
        <v>12</v>
      </c>
      <c r="AI17222">
        <v>12</v>
      </c>
      <c r="AJ17222">
        <v>12</v>
      </c>
      <c r="AK17222">
        <v>12</v>
      </c>
      <c r="AL17222">
        <v>12</v>
      </c>
      <c r="AM17222">
        <v>12</v>
      </c>
      <c r="AN17222">
        <v>12</v>
      </c>
      <c r="AO17222">
        <v>12</v>
      </c>
      <c r="AP17222">
        <v>12</v>
      </c>
      <c r="AQ17222">
        <v>12</v>
      </c>
    </row>
    <row r="17223" spans="1:43">
      <c r="A17223" t="s">
        <v>10682</v>
      </c>
      <c r="B17223" t="s">
        <v>10683</v>
      </c>
      <c r="C17223" t="s">
        <v>10562</v>
      </c>
      <c r="D17223" t="s">
        <v>10563</v>
      </c>
      <c r="E17223" t="s">
        <v>10448</v>
      </c>
      <c r="F17223" t="s">
        <v>10449</v>
      </c>
      <c r="G17223" t="s">
        <v>10450</v>
      </c>
      <c r="H17223" t="s">
        <v>10451</v>
      </c>
      <c r="I17223" s="2">
        <v>1</v>
      </c>
      <c r="J17223" s="2">
        <v>0</v>
      </c>
      <c r="K17223" s="2">
        <v>0</v>
      </c>
      <c r="L17223" t="s">
        <v>120</v>
      </c>
      <c r="M17223" t="s">
        <v>87</v>
      </c>
      <c r="N17223" t="s">
        <v>88</v>
      </c>
      <c r="O17223" t="s">
        <v>85</v>
      </c>
      <c r="P17223" t="s">
        <v>86</v>
      </c>
      <c r="Q17223">
        <v>10</v>
      </c>
      <c r="R17223">
        <v>10</v>
      </c>
      <c r="S17223">
        <v>10</v>
      </c>
      <c r="T17223">
        <v>10</v>
      </c>
      <c r="U17223">
        <v>10</v>
      </c>
      <c r="V17223">
        <v>10</v>
      </c>
      <c r="W17223">
        <v>10</v>
      </c>
      <c r="X17223">
        <v>10</v>
      </c>
      <c r="Y17223">
        <v>10</v>
      </c>
      <c r="Z17223">
        <v>10</v>
      </c>
      <c r="AA17223">
        <v>10</v>
      </c>
      <c r="AB17223">
        <v>10</v>
      </c>
      <c r="AC17223">
        <v>10</v>
      </c>
      <c r="AD17223">
        <v>10</v>
      </c>
      <c r="AE17223">
        <v>10</v>
      </c>
      <c r="AF17223">
        <v>10</v>
      </c>
      <c r="AG17223">
        <v>10</v>
      </c>
      <c r="AH17223">
        <v>10</v>
      </c>
      <c r="AI17223">
        <v>10</v>
      </c>
      <c r="AJ17223">
        <v>11</v>
      </c>
      <c r="AK17223">
        <v>11</v>
      </c>
      <c r="AL17223">
        <v>11</v>
      </c>
      <c r="AM17223">
        <v>11</v>
      </c>
      <c r="AN17223">
        <v>11</v>
      </c>
      <c r="AO17223">
        <v>11</v>
      </c>
      <c r="AP17223">
        <v>11</v>
      </c>
      <c r="AQ17223">
        <v>11</v>
      </c>
    </row>
    <row r="17224" spans="1:43">
      <c r="A17224" t="s">
        <v>10682</v>
      </c>
      <c r="B17224" t="s">
        <v>10683</v>
      </c>
      <c r="C17224" t="s">
        <v>10562</v>
      </c>
      <c r="D17224" t="s">
        <v>10563</v>
      </c>
      <c r="E17224" t="s">
        <v>10448</v>
      </c>
      <c r="F17224" t="s">
        <v>10449</v>
      </c>
      <c r="G17224" t="s">
        <v>10450</v>
      </c>
      <c r="H17224" t="s">
        <v>10451</v>
      </c>
      <c r="I17224" s="2">
        <v>1</v>
      </c>
      <c r="J17224" s="2">
        <v>0</v>
      </c>
      <c r="K17224" s="2">
        <v>0</v>
      </c>
      <c r="L17224" t="s">
        <v>120</v>
      </c>
      <c r="M17224" t="s">
        <v>89</v>
      </c>
      <c r="N17224" t="s">
        <v>90</v>
      </c>
      <c r="O17224" t="s">
        <v>85</v>
      </c>
      <c r="P17224" t="s">
        <v>86</v>
      </c>
      <c r="Q17224">
        <v>10</v>
      </c>
      <c r="R17224">
        <v>10</v>
      </c>
      <c r="S17224">
        <v>10</v>
      </c>
      <c r="T17224">
        <v>11</v>
      </c>
      <c r="U17224">
        <v>11</v>
      </c>
      <c r="V17224">
        <v>11</v>
      </c>
      <c r="W17224">
        <v>11</v>
      </c>
      <c r="X17224">
        <v>11</v>
      </c>
      <c r="Y17224">
        <v>11</v>
      </c>
      <c r="Z17224">
        <v>12</v>
      </c>
      <c r="AA17224">
        <v>12</v>
      </c>
      <c r="AB17224">
        <v>12</v>
      </c>
      <c r="AC17224">
        <v>12</v>
      </c>
      <c r="AD17224">
        <v>12</v>
      </c>
      <c r="AE17224">
        <v>12</v>
      </c>
      <c r="AF17224">
        <v>12</v>
      </c>
      <c r="AG17224">
        <v>13</v>
      </c>
      <c r="AH17224">
        <v>13</v>
      </c>
      <c r="AI17224">
        <v>13</v>
      </c>
      <c r="AJ17224">
        <v>13</v>
      </c>
      <c r="AK17224">
        <v>13</v>
      </c>
      <c r="AL17224">
        <v>13</v>
      </c>
      <c r="AM17224">
        <v>13</v>
      </c>
      <c r="AN17224">
        <v>13</v>
      </c>
      <c r="AO17224">
        <v>13</v>
      </c>
      <c r="AP17224">
        <v>13</v>
      </c>
      <c r="AQ17224">
        <v>13</v>
      </c>
    </row>
    <row r="17225" spans="1:43">
      <c r="A17225" t="s">
        <v>10682</v>
      </c>
      <c r="B17225" t="s">
        <v>10683</v>
      </c>
      <c r="C17225" t="s">
        <v>10562</v>
      </c>
      <c r="D17225" t="s">
        <v>10563</v>
      </c>
      <c r="E17225" t="s">
        <v>10448</v>
      </c>
      <c r="F17225" t="s">
        <v>10449</v>
      </c>
      <c r="G17225" t="s">
        <v>10450</v>
      </c>
      <c r="H17225" t="s">
        <v>10451</v>
      </c>
      <c r="I17225" s="2">
        <v>1</v>
      </c>
      <c r="J17225" s="2">
        <v>0</v>
      </c>
      <c r="K17225" s="2">
        <v>0</v>
      </c>
      <c r="L17225" t="s">
        <v>120</v>
      </c>
      <c r="M17225" t="s">
        <v>83</v>
      </c>
      <c r="N17225" t="s">
        <v>91</v>
      </c>
      <c r="O17225" t="s">
        <v>85</v>
      </c>
      <c r="P17225" t="s">
        <v>86</v>
      </c>
      <c r="Q17225">
        <v>10</v>
      </c>
      <c r="R17225">
        <v>10</v>
      </c>
      <c r="S17225">
        <v>10</v>
      </c>
      <c r="T17225">
        <v>10</v>
      </c>
      <c r="U17225">
        <v>10</v>
      </c>
      <c r="V17225">
        <v>10</v>
      </c>
      <c r="W17225">
        <v>11</v>
      </c>
      <c r="X17225">
        <v>11</v>
      </c>
      <c r="Y17225">
        <v>11</v>
      </c>
      <c r="Z17225">
        <v>11</v>
      </c>
      <c r="AA17225">
        <v>11</v>
      </c>
      <c r="AB17225">
        <v>11</v>
      </c>
      <c r="AC17225">
        <v>11</v>
      </c>
      <c r="AD17225">
        <v>11</v>
      </c>
      <c r="AE17225">
        <v>12</v>
      </c>
      <c r="AF17225">
        <v>12</v>
      </c>
      <c r="AG17225">
        <v>12</v>
      </c>
      <c r="AH17225">
        <v>12</v>
      </c>
      <c r="AI17225">
        <v>12</v>
      </c>
      <c r="AJ17225">
        <v>12</v>
      </c>
      <c r="AK17225">
        <v>12</v>
      </c>
      <c r="AL17225">
        <v>12</v>
      </c>
      <c r="AM17225">
        <v>12</v>
      </c>
      <c r="AN17225">
        <v>12</v>
      </c>
      <c r="AO17225">
        <v>12</v>
      </c>
      <c r="AP17225">
        <v>12</v>
      </c>
      <c r="AQ17225">
        <v>12</v>
      </c>
    </row>
    <row r="17226" spans="1:43">
      <c r="A17226" t="s">
        <v>10684</v>
      </c>
      <c r="B17226" t="s">
        <v>10685</v>
      </c>
      <c r="C17226" t="s">
        <v>10562</v>
      </c>
      <c r="D17226" t="s">
        <v>10563</v>
      </c>
      <c r="E17226" t="s">
        <v>10448</v>
      </c>
      <c r="F17226" t="s">
        <v>10449</v>
      </c>
      <c r="G17226" t="s">
        <v>10450</v>
      </c>
      <c r="H17226" t="s">
        <v>10451</v>
      </c>
      <c r="I17226" s="2">
        <v>1</v>
      </c>
      <c r="J17226" s="2">
        <v>0</v>
      </c>
      <c r="K17226" s="2">
        <v>0</v>
      </c>
      <c r="L17226" t="s">
        <v>120</v>
      </c>
      <c r="M17226" t="s">
        <v>83</v>
      </c>
      <c r="N17226" t="s">
        <v>84</v>
      </c>
      <c r="O17226" t="s">
        <v>85</v>
      </c>
      <c r="P17226" t="s">
        <v>86</v>
      </c>
      <c r="Q17226">
        <v>15</v>
      </c>
      <c r="R17226">
        <v>15</v>
      </c>
      <c r="S17226">
        <v>15</v>
      </c>
      <c r="T17226">
        <v>15</v>
      </c>
      <c r="U17226">
        <v>15</v>
      </c>
      <c r="V17226">
        <v>16</v>
      </c>
      <c r="W17226">
        <v>16</v>
      </c>
      <c r="X17226">
        <v>16</v>
      </c>
      <c r="Y17226">
        <v>16</v>
      </c>
      <c r="Z17226">
        <v>16</v>
      </c>
      <c r="AA17226">
        <v>17</v>
      </c>
      <c r="AB17226">
        <v>17</v>
      </c>
      <c r="AC17226">
        <v>17</v>
      </c>
      <c r="AD17226">
        <v>17</v>
      </c>
      <c r="AE17226">
        <v>17</v>
      </c>
      <c r="AF17226">
        <v>18</v>
      </c>
      <c r="AG17226">
        <v>18</v>
      </c>
      <c r="AH17226">
        <v>18</v>
      </c>
      <c r="AI17226">
        <v>18</v>
      </c>
      <c r="AJ17226">
        <v>18</v>
      </c>
      <c r="AK17226">
        <v>19</v>
      </c>
      <c r="AL17226">
        <v>19</v>
      </c>
      <c r="AM17226">
        <v>19</v>
      </c>
      <c r="AN17226">
        <v>19</v>
      </c>
      <c r="AO17226">
        <v>19</v>
      </c>
      <c r="AP17226">
        <v>19</v>
      </c>
      <c r="AQ17226">
        <v>19</v>
      </c>
    </row>
    <row r="17227" spans="1:43">
      <c r="A17227" t="s">
        <v>10684</v>
      </c>
      <c r="B17227" t="s">
        <v>10685</v>
      </c>
      <c r="C17227" t="s">
        <v>10562</v>
      </c>
      <c r="D17227" t="s">
        <v>10563</v>
      </c>
      <c r="E17227" t="s">
        <v>10448</v>
      </c>
      <c r="F17227" t="s">
        <v>10449</v>
      </c>
      <c r="G17227" t="s">
        <v>10450</v>
      </c>
      <c r="H17227" t="s">
        <v>10451</v>
      </c>
      <c r="I17227" s="2">
        <v>1</v>
      </c>
      <c r="J17227" s="2">
        <v>0</v>
      </c>
      <c r="K17227" s="2">
        <v>0</v>
      </c>
      <c r="L17227" t="s">
        <v>120</v>
      </c>
      <c r="M17227" t="s">
        <v>87</v>
      </c>
      <c r="N17227" t="s">
        <v>88</v>
      </c>
      <c r="O17227" t="s">
        <v>85</v>
      </c>
      <c r="P17227" t="s">
        <v>86</v>
      </c>
      <c r="Q17227">
        <v>15</v>
      </c>
      <c r="R17227">
        <v>15</v>
      </c>
      <c r="S17227">
        <v>15</v>
      </c>
      <c r="T17227">
        <v>15</v>
      </c>
      <c r="U17227">
        <v>15</v>
      </c>
      <c r="V17227">
        <v>15</v>
      </c>
      <c r="W17227">
        <v>15</v>
      </c>
      <c r="X17227">
        <v>15</v>
      </c>
      <c r="Y17227">
        <v>15</v>
      </c>
      <c r="Z17227">
        <v>15</v>
      </c>
      <c r="AA17227">
        <v>15</v>
      </c>
      <c r="AB17227">
        <v>15</v>
      </c>
      <c r="AC17227">
        <v>15</v>
      </c>
      <c r="AD17227">
        <v>15</v>
      </c>
      <c r="AE17227">
        <v>15</v>
      </c>
      <c r="AF17227">
        <v>16</v>
      </c>
      <c r="AG17227">
        <v>16</v>
      </c>
      <c r="AH17227">
        <v>16</v>
      </c>
      <c r="AI17227">
        <v>16</v>
      </c>
      <c r="AJ17227">
        <v>16</v>
      </c>
      <c r="AK17227">
        <v>16</v>
      </c>
      <c r="AL17227">
        <v>16</v>
      </c>
      <c r="AM17227">
        <v>16</v>
      </c>
      <c r="AN17227">
        <v>16</v>
      </c>
      <c r="AO17227">
        <v>16</v>
      </c>
      <c r="AP17227">
        <v>16</v>
      </c>
      <c r="AQ17227">
        <v>16</v>
      </c>
    </row>
    <row r="17228" spans="1:43">
      <c r="A17228" t="s">
        <v>10684</v>
      </c>
      <c r="B17228" t="s">
        <v>10685</v>
      </c>
      <c r="C17228" t="s">
        <v>10562</v>
      </c>
      <c r="D17228" t="s">
        <v>10563</v>
      </c>
      <c r="E17228" t="s">
        <v>10448</v>
      </c>
      <c r="F17228" t="s">
        <v>10449</v>
      </c>
      <c r="G17228" t="s">
        <v>10450</v>
      </c>
      <c r="H17228" t="s">
        <v>10451</v>
      </c>
      <c r="I17228" s="2">
        <v>1</v>
      </c>
      <c r="J17228" s="2">
        <v>0</v>
      </c>
      <c r="K17228" s="2">
        <v>0</v>
      </c>
      <c r="L17228" t="s">
        <v>120</v>
      </c>
      <c r="M17228" t="s">
        <v>89</v>
      </c>
      <c r="N17228" t="s">
        <v>90</v>
      </c>
      <c r="O17228" t="s">
        <v>85</v>
      </c>
      <c r="P17228" t="s">
        <v>86</v>
      </c>
      <c r="Q17228">
        <v>15</v>
      </c>
      <c r="R17228">
        <v>15</v>
      </c>
      <c r="S17228">
        <v>15</v>
      </c>
      <c r="T17228">
        <v>16</v>
      </c>
      <c r="U17228">
        <v>16</v>
      </c>
      <c r="V17228">
        <v>16</v>
      </c>
      <c r="W17228">
        <v>17</v>
      </c>
      <c r="X17228">
        <v>17</v>
      </c>
      <c r="Y17228">
        <v>17</v>
      </c>
      <c r="Z17228">
        <v>17</v>
      </c>
      <c r="AA17228">
        <v>18</v>
      </c>
      <c r="AB17228">
        <v>18</v>
      </c>
      <c r="AC17228">
        <v>18</v>
      </c>
      <c r="AD17228">
        <v>19</v>
      </c>
      <c r="AE17228">
        <v>19</v>
      </c>
      <c r="AF17228">
        <v>19</v>
      </c>
      <c r="AG17228">
        <v>19</v>
      </c>
      <c r="AH17228">
        <v>19</v>
      </c>
      <c r="AI17228">
        <v>19</v>
      </c>
      <c r="AJ17228">
        <v>19</v>
      </c>
      <c r="AK17228">
        <v>19</v>
      </c>
      <c r="AL17228">
        <v>19</v>
      </c>
      <c r="AM17228">
        <v>19</v>
      </c>
      <c r="AN17228">
        <v>19</v>
      </c>
      <c r="AO17228">
        <v>19</v>
      </c>
      <c r="AP17228">
        <v>19</v>
      </c>
      <c r="AQ17228">
        <v>19</v>
      </c>
    </row>
    <row r="17229" spans="1:43">
      <c r="A17229" t="s">
        <v>10684</v>
      </c>
      <c r="B17229" t="s">
        <v>10685</v>
      </c>
      <c r="C17229" t="s">
        <v>10562</v>
      </c>
      <c r="D17229" t="s">
        <v>10563</v>
      </c>
      <c r="E17229" t="s">
        <v>10448</v>
      </c>
      <c r="F17229" t="s">
        <v>10449</v>
      </c>
      <c r="G17229" t="s">
        <v>10450</v>
      </c>
      <c r="H17229" t="s">
        <v>10451</v>
      </c>
      <c r="I17229" s="2">
        <v>1</v>
      </c>
      <c r="J17229" s="2">
        <v>0</v>
      </c>
      <c r="K17229" s="2">
        <v>0</v>
      </c>
      <c r="L17229" t="s">
        <v>120</v>
      </c>
      <c r="M17229" t="s">
        <v>83</v>
      </c>
      <c r="N17229" t="s">
        <v>91</v>
      </c>
      <c r="O17229" t="s">
        <v>85</v>
      </c>
      <c r="P17229" t="s">
        <v>86</v>
      </c>
      <c r="Q17229">
        <v>15</v>
      </c>
      <c r="R17229">
        <v>15</v>
      </c>
      <c r="S17229">
        <v>15</v>
      </c>
      <c r="T17229">
        <v>15</v>
      </c>
      <c r="U17229">
        <v>15</v>
      </c>
      <c r="V17229">
        <v>16</v>
      </c>
      <c r="W17229">
        <v>16</v>
      </c>
      <c r="X17229">
        <v>16</v>
      </c>
      <c r="Y17229">
        <v>16</v>
      </c>
      <c r="Z17229">
        <v>16</v>
      </c>
      <c r="AA17229">
        <v>17</v>
      </c>
      <c r="AB17229">
        <v>17</v>
      </c>
      <c r="AC17229">
        <v>17</v>
      </c>
      <c r="AD17229">
        <v>17</v>
      </c>
      <c r="AE17229">
        <v>17</v>
      </c>
      <c r="AF17229">
        <v>18</v>
      </c>
      <c r="AG17229">
        <v>18</v>
      </c>
      <c r="AH17229">
        <v>18</v>
      </c>
      <c r="AI17229">
        <v>18</v>
      </c>
      <c r="AJ17229">
        <v>18</v>
      </c>
      <c r="AK17229">
        <v>19</v>
      </c>
      <c r="AL17229">
        <v>19</v>
      </c>
      <c r="AM17229">
        <v>19</v>
      </c>
      <c r="AN17229">
        <v>19</v>
      </c>
      <c r="AO17229">
        <v>19</v>
      </c>
      <c r="AP17229">
        <v>19</v>
      </c>
      <c r="AQ17229">
        <v>19</v>
      </c>
    </row>
    <row r="17230" spans="1:43">
      <c r="A17230" t="s">
        <v>10686</v>
      </c>
      <c r="B17230" t="s">
        <v>10687</v>
      </c>
      <c r="C17230" t="s">
        <v>10562</v>
      </c>
      <c r="D17230" t="s">
        <v>10563</v>
      </c>
      <c r="E17230" t="s">
        <v>10448</v>
      </c>
      <c r="F17230" t="s">
        <v>10449</v>
      </c>
      <c r="G17230" t="s">
        <v>10450</v>
      </c>
      <c r="H17230" t="s">
        <v>10451</v>
      </c>
      <c r="I17230" s="2">
        <v>1</v>
      </c>
      <c r="J17230" s="2">
        <v>0</v>
      </c>
      <c r="K17230" s="2">
        <v>0</v>
      </c>
      <c r="L17230" t="s">
        <v>120</v>
      </c>
      <c r="M17230" t="s">
        <v>83</v>
      </c>
      <c r="N17230" t="s">
        <v>84</v>
      </c>
      <c r="O17230" t="s">
        <v>85</v>
      </c>
      <c r="P17230" t="s">
        <v>86</v>
      </c>
      <c r="Q17230">
        <v>85</v>
      </c>
      <c r="R17230">
        <v>86</v>
      </c>
      <c r="S17230">
        <v>88</v>
      </c>
      <c r="T17230">
        <v>89</v>
      </c>
      <c r="U17230">
        <v>90</v>
      </c>
      <c r="V17230">
        <v>91</v>
      </c>
      <c r="W17230">
        <v>92</v>
      </c>
      <c r="X17230">
        <v>94</v>
      </c>
      <c r="Y17230">
        <v>95</v>
      </c>
      <c r="Z17230">
        <v>96</v>
      </c>
      <c r="AA17230">
        <v>97</v>
      </c>
      <c r="AB17230">
        <v>98</v>
      </c>
      <c r="AC17230">
        <v>99</v>
      </c>
      <c r="AD17230">
        <v>100</v>
      </c>
      <c r="AE17230">
        <v>101</v>
      </c>
      <c r="AF17230">
        <v>102</v>
      </c>
      <c r="AG17230">
        <v>104</v>
      </c>
      <c r="AH17230">
        <v>105</v>
      </c>
      <c r="AI17230">
        <v>106</v>
      </c>
      <c r="AJ17230">
        <v>107</v>
      </c>
      <c r="AK17230">
        <v>108</v>
      </c>
      <c r="AL17230">
        <v>108</v>
      </c>
      <c r="AM17230">
        <v>108</v>
      </c>
      <c r="AN17230">
        <v>109</v>
      </c>
      <c r="AO17230">
        <v>109</v>
      </c>
      <c r="AP17230">
        <v>109</v>
      </c>
      <c r="AQ17230">
        <v>109</v>
      </c>
    </row>
    <row r="17231" spans="1:43">
      <c r="A17231" t="s">
        <v>10686</v>
      </c>
      <c r="B17231" t="s">
        <v>10687</v>
      </c>
      <c r="C17231" t="s">
        <v>10562</v>
      </c>
      <c r="D17231" t="s">
        <v>10563</v>
      </c>
      <c r="E17231" t="s">
        <v>10448</v>
      </c>
      <c r="F17231" t="s">
        <v>10449</v>
      </c>
      <c r="G17231" t="s">
        <v>10450</v>
      </c>
      <c r="H17231" t="s">
        <v>10451</v>
      </c>
      <c r="I17231" s="2">
        <v>1</v>
      </c>
      <c r="J17231" s="2">
        <v>0</v>
      </c>
      <c r="K17231" s="2">
        <v>0</v>
      </c>
      <c r="L17231" t="s">
        <v>120</v>
      </c>
      <c r="M17231" t="s">
        <v>87</v>
      </c>
      <c r="N17231" t="s">
        <v>88</v>
      </c>
      <c r="O17231" t="s">
        <v>85</v>
      </c>
      <c r="P17231" t="s">
        <v>86</v>
      </c>
      <c r="Q17231">
        <v>85</v>
      </c>
      <c r="R17231">
        <v>86</v>
      </c>
      <c r="S17231">
        <v>86</v>
      </c>
      <c r="T17231">
        <v>87</v>
      </c>
      <c r="U17231">
        <v>87</v>
      </c>
      <c r="V17231">
        <v>87</v>
      </c>
      <c r="W17231">
        <v>88</v>
      </c>
      <c r="X17231">
        <v>88</v>
      </c>
      <c r="Y17231">
        <v>89</v>
      </c>
      <c r="Z17231">
        <v>89</v>
      </c>
      <c r="AA17231">
        <v>89</v>
      </c>
      <c r="AB17231">
        <v>90</v>
      </c>
      <c r="AC17231">
        <v>90</v>
      </c>
      <c r="AD17231">
        <v>91</v>
      </c>
      <c r="AE17231">
        <v>91</v>
      </c>
      <c r="AF17231">
        <v>91</v>
      </c>
      <c r="AG17231">
        <v>92</v>
      </c>
      <c r="AH17231">
        <v>92</v>
      </c>
      <c r="AI17231">
        <v>92</v>
      </c>
      <c r="AJ17231">
        <v>93</v>
      </c>
      <c r="AK17231">
        <v>93</v>
      </c>
      <c r="AL17231">
        <v>94</v>
      </c>
      <c r="AM17231">
        <v>94</v>
      </c>
      <c r="AN17231">
        <v>94</v>
      </c>
      <c r="AO17231">
        <v>95</v>
      </c>
      <c r="AP17231">
        <v>95</v>
      </c>
      <c r="AQ17231">
        <v>95</v>
      </c>
    </row>
    <row r="17232" spans="1:43">
      <c r="A17232" t="s">
        <v>10686</v>
      </c>
      <c r="B17232" t="s">
        <v>10687</v>
      </c>
      <c r="C17232" t="s">
        <v>10562</v>
      </c>
      <c r="D17232" t="s">
        <v>10563</v>
      </c>
      <c r="E17232" t="s">
        <v>10448</v>
      </c>
      <c r="F17232" t="s">
        <v>10449</v>
      </c>
      <c r="G17232" t="s">
        <v>10450</v>
      </c>
      <c r="H17232" t="s">
        <v>10451</v>
      </c>
      <c r="I17232" s="2">
        <v>1</v>
      </c>
      <c r="J17232" s="2">
        <v>0</v>
      </c>
      <c r="K17232" s="2">
        <v>0</v>
      </c>
      <c r="L17232" t="s">
        <v>120</v>
      </c>
      <c r="M17232" t="s">
        <v>89</v>
      </c>
      <c r="N17232" t="s">
        <v>90</v>
      </c>
      <c r="O17232" t="s">
        <v>85</v>
      </c>
      <c r="P17232" t="s">
        <v>86</v>
      </c>
      <c r="Q17232">
        <v>85</v>
      </c>
      <c r="R17232">
        <v>87</v>
      </c>
      <c r="S17232">
        <v>89</v>
      </c>
      <c r="T17232">
        <v>91</v>
      </c>
      <c r="U17232">
        <v>93</v>
      </c>
      <c r="V17232">
        <v>94</v>
      </c>
      <c r="W17232">
        <v>96</v>
      </c>
      <c r="X17232">
        <v>98</v>
      </c>
      <c r="Y17232">
        <v>99</v>
      </c>
      <c r="Z17232">
        <v>101</v>
      </c>
      <c r="AA17232">
        <v>102</v>
      </c>
      <c r="AB17232">
        <v>104</v>
      </c>
      <c r="AC17232">
        <v>105</v>
      </c>
      <c r="AD17232">
        <v>107</v>
      </c>
      <c r="AE17232">
        <v>108</v>
      </c>
      <c r="AF17232">
        <v>108</v>
      </c>
      <c r="AG17232">
        <v>108</v>
      </c>
      <c r="AH17232">
        <v>108</v>
      </c>
      <c r="AI17232">
        <v>108</v>
      </c>
      <c r="AJ17232">
        <v>108</v>
      </c>
      <c r="AK17232">
        <v>108</v>
      </c>
      <c r="AL17232">
        <v>108</v>
      </c>
      <c r="AM17232">
        <v>108</v>
      </c>
      <c r="AN17232">
        <v>109</v>
      </c>
      <c r="AO17232">
        <v>109</v>
      </c>
      <c r="AP17232">
        <v>109</v>
      </c>
      <c r="AQ17232">
        <v>109</v>
      </c>
    </row>
    <row r="17233" spans="1:43">
      <c r="A17233" t="s">
        <v>10686</v>
      </c>
      <c r="B17233" t="s">
        <v>10687</v>
      </c>
      <c r="C17233" t="s">
        <v>10562</v>
      </c>
      <c r="D17233" t="s">
        <v>10563</v>
      </c>
      <c r="E17233" t="s">
        <v>10448</v>
      </c>
      <c r="F17233" t="s">
        <v>10449</v>
      </c>
      <c r="G17233" t="s">
        <v>10450</v>
      </c>
      <c r="H17233" t="s">
        <v>10451</v>
      </c>
      <c r="I17233" s="2">
        <v>1</v>
      </c>
      <c r="J17233" s="2">
        <v>0</v>
      </c>
      <c r="K17233" s="2">
        <v>0</v>
      </c>
      <c r="L17233" t="s">
        <v>120</v>
      </c>
      <c r="M17233" t="s">
        <v>83</v>
      </c>
      <c r="N17233" t="s">
        <v>91</v>
      </c>
      <c r="O17233" t="s">
        <v>85</v>
      </c>
      <c r="P17233" t="s">
        <v>86</v>
      </c>
      <c r="Q17233">
        <v>85</v>
      </c>
      <c r="R17233">
        <v>86</v>
      </c>
      <c r="S17233">
        <v>88</v>
      </c>
      <c r="T17233">
        <v>89</v>
      </c>
      <c r="U17233">
        <v>90</v>
      </c>
      <c r="V17233">
        <v>91</v>
      </c>
      <c r="W17233">
        <v>92</v>
      </c>
      <c r="X17233">
        <v>94</v>
      </c>
      <c r="Y17233">
        <v>95</v>
      </c>
      <c r="Z17233">
        <v>96</v>
      </c>
      <c r="AA17233">
        <v>97</v>
      </c>
      <c r="AB17233">
        <v>98</v>
      </c>
      <c r="AC17233">
        <v>99</v>
      </c>
      <c r="AD17233">
        <v>100</v>
      </c>
      <c r="AE17233">
        <v>101</v>
      </c>
      <c r="AF17233">
        <v>102</v>
      </c>
      <c r="AG17233">
        <v>104</v>
      </c>
      <c r="AH17233">
        <v>105</v>
      </c>
      <c r="AI17233">
        <v>106</v>
      </c>
      <c r="AJ17233">
        <v>107</v>
      </c>
      <c r="AK17233">
        <v>108</v>
      </c>
      <c r="AL17233">
        <v>108</v>
      </c>
      <c r="AM17233">
        <v>108</v>
      </c>
      <c r="AN17233">
        <v>109</v>
      </c>
      <c r="AO17233">
        <v>109</v>
      </c>
      <c r="AP17233">
        <v>109</v>
      </c>
      <c r="AQ17233">
        <v>109</v>
      </c>
    </row>
    <row r="17234" spans="1:43">
      <c r="A17234" t="s">
        <v>10688</v>
      </c>
      <c r="B17234" t="s">
        <v>10689</v>
      </c>
      <c r="C17234" t="s">
        <v>10570</v>
      </c>
      <c r="D17234" t="s">
        <v>10571</v>
      </c>
      <c r="E17234" t="s">
        <v>10448</v>
      </c>
      <c r="F17234" t="s">
        <v>10449</v>
      </c>
      <c r="G17234" t="s">
        <v>10450</v>
      </c>
      <c r="H17234" t="s">
        <v>10451</v>
      </c>
      <c r="I17234" s="2">
        <v>1</v>
      </c>
      <c r="J17234" s="2">
        <v>0</v>
      </c>
      <c r="K17234" s="2">
        <v>0</v>
      </c>
      <c r="L17234" t="s">
        <v>120</v>
      </c>
      <c r="M17234" t="s">
        <v>83</v>
      </c>
      <c r="N17234" t="s">
        <v>84</v>
      </c>
      <c r="O17234" t="s">
        <v>85</v>
      </c>
      <c r="P17234" t="s">
        <v>86</v>
      </c>
      <c r="Q17234">
        <v>46</v>
      </c>
      <c r="R17234">
        <v>46</v>
      </c>
      <c r="S17234">
        <v>47</v>
      </c>
      <c r="T17234">
        <v>48</v>
      </c>
      <c r="U17234">
        <v>48</v>
      </c>
      <c r="V17234">
        <v>49</v>
      </c>
      <c r="W17234">
        <v>49</v>
      </c>
      <c r="X17234">
        <v>50</v>
      </c>
      <c r="Y17234">
        <v>51</v>
      </c>
      <c r="Z17234">
        <v>51</v>
      </c>
      <c r="AA17234">
        <v>52</v>
      </c>
      <c r="AB17234">
        <v>52</v>
      </c>
      <c r="AC17234">
        <v>53</v>
      </c>
      <c r="AD17234">
        <v>54</v>
      </c>
      <c r="AE17234">
        <v>54</v>
      </c>
      <c r="AF17234">
        <v>55</v>
      </c>
      <c r="AG17234">
        <v>55</v>
      </c>
      <c r="AH17234">
        <v>56</v>
      </c>
      <c r="AI17234">
        <v>57</v>
      </c>
      <c r="AJ17234">
        <v>57</v>
      </c>
      <c r="AK17234">
        <v>58</v>
      </c>
      <c r="AL17234">
        <v>58</v>
      </c>
      <c r="AM17234">
        <v>58</v>
      </c>
      <c r="AN17234">
        <v>58</v>
      </c>
      <c r="AO17234">
        <v>58</v>
      </c>
      <c r="AP17234">
        <v>58</v>
      </c>
      <c r="AQ17234">
        <v>58</v>
      </c>
    </row>
    <row r="17235" spans="1:43">
      <c r="A17235" t="s">
        <v>10688</v>
      </c>
      <c r="B17235" t="s">
        <v>10689</v>
      </c>
      <c r="C17235" t="s">
        <v>10570</v>
      </c>
      <c r="D17235" t="s">
        <v>10571</v>
      </c>
      <c r="E17235" t="s">
        <v>10448</v>
      </c>
      <c r="F17235" t="s">
        <v>10449</v>
      </c>
      <c r="G17235" t="s">
        <v>10450</v>
      </c>
      <c r="H17235" t="s">
        <v>10451</v>
      </c>
      <c r="I17235" s="2">
        <v>1</v>
      </c>
      <c r="J17235" s="2">
        <v>0</v>
      </c>
      <c r="K17235" s="2">
        <v>0</v>
      </c>
      <c r="L17235" t="s">
        <v>120</v>
      </c>
      <c r="M17235" t="s">
        <v>87</v>
      </c>
      <c r="N17235" t="s">
        <v>88</v>
      </c>
      <c r="O17235" t="s">
        <v>85</v>
      </c>
      <c r="P17235" t="s">
        <v>86</v>
      </c>
      <c r="Q17235">
        <v>46</v>
      </c>
      <c r="R17235">
        <v>46</v>
      </c>
      <c r="S17235">
        <v>47</v>
      </c>
      <c r="T17235">
        <v>47</v>
      </c>
      <c r="U17235">
        <v>47</v>
      </c>
      <c r="V17235">
        <v>47</v>
      </c>
      <c r="W17235">
        <v>47</v>
      </c>
      <c r="X17235">
        <v>48</v>
      </c>
      <c r="Y17235">
        <v>48</v>
      </c>
      <c r="Z17235">
        <v>48</v>
      </c>
      <c r="AA17235">
        <v>48</v>
      </c>
      <c r="AB17235">
        <v>48</v>
      </c>
      <c r="AC17235">
        <v>49</v>
      </c>
      <c r="AD17235">
        <v>49</v>
      </c>
      <c r="AE17235">
        <v>49</v>
      </c>
      <c r="AF17235">
        <v>49</v>
      </c>
      <c r="AG17235">
        <v>50</v>
      </c>
      <c r="AH17235">
        <v>50</v>
      </c>
      <c r="AI17235">
        <v>50</v>
      </c>
      <c r="AJ17235">
        <v>50</v>
      </c>
      <c r="AK17235">
        <v>50</v>
      </c>
      <c r="AL17235">
        <v>51</v>
      </c>
      <c r="AM17235">
        <v>51</v>
      </c>
      <c r="AN17235">
        <v>51</v>
      </c>
      <c r="AO17235">
        <v>51</v>
      </c>
      <c r="AP17235">
        <v>51</v>
      </c>
      <c r="AQ17235">
        <v>51</v>
      </c>
    </row>
    <row r="17236" spans="1:43">
      <c r="A17236" t="s">
        <v>10688</v>
      </c>
      <c r="B17236" t="s">
        <v>10689</v>
      </c>
      <c r="C17236" t="s">
        <v>10570</v>
      </c>
      <c r="D17236" t="s">
        <v>10571</v>
      </c>
      <c r="E17236" t="s">
        <v>10448</v>
      </c>
      <c r="F17236" t="s">
        <v>10449</v>
      </c>
      <c r="G17236" t="s">
        <v>10450</v>
      </c>
      <c r="H17236" t="s">
        <v>10451</v>
      </c>
      <c r="I17236" s="2">
        <v>1</v>
      </c>
      <c r="J17236" s="2">
        <v>0</v>
      </c>
      <c r="K17236" s="2">
        <v>0</v>
      </c>
      <c r="L17236" t="s">
        <v>120</v>
      </c>
      <c r="M17236" t="s">
        <v>89</v>
      </c>
      <c r="N17236" t="s">
        <v>90</v>
      </c>
      <c r="O17236" t="s">
        <v>85</v>
      </c>
      <c r="P17236" t="s">
        <v>86</v>
      </c>
      <c r="Q17236">
        <v>46</v>
      </c>
      <c r="R17236">
        <v>47</v>
      </c>
      <c r="S17236">
        <v>48</v>
      </c>
      <c r="T17236">
        <v>49</v>
      </c>
      <c r="U17236">
        <v>50</v>
      </c>
      <c r="V17236">
        <v>51</v>
      </c>
      <c r="W17236">
        <v>52</v>
      </c>
      <c r="X17236">
        <v>53</v>
      </c>
      <c r="Y17236">
        <v>54</v>
      </c>
      <c r="Z17236">
        <v>54</v>
      </c>
      <c r="AA17236">
        <v>55</v>
      </c>
      <c r="AB17236">
        <v>56</v>
      </c>
      <c r="AC17236">
        <v>57</v>
      </c>
      <c r="AD17236">
        <v>58</v>
      </c>
      <c r="AE17236">
        <v>58</v>
      </c>
      <c r="AF17236">
        <v>58</v>
      </c>
      <c r="AG17236">
        <v>58</v>
      </c>
      <c r="AH17236">
        <v>58</v>
      </c>
      <c r="AI17236">
        <v>58</v>
      </c>
      <c r="AJ17236">
        <v>58</v>
      </c>
      <c r="AK17236">
        <v>58</v>
      </c>
      <c r="AL17236">
        <v>58</v>
      </c>
      <c r="AM17236">
        <v>58</v>
      </c>
      <c r="AN17236">
        <v>58</v>
      </c>
      <c r="AO17236">
        <v>58</v>
      </c>
      <c r="AP17236">
        <v>58</v>
      </c>
      <c r="AQ17236">
        <v>58</v>
      </c>
    </row>
    <row r="17237" spans="1:43">
      <c r="A17237" t="s">
        <v>10688</v>
      </c>
      <c r="B17237" t="s">
        <v>10689</v>
      </c>
      <c r="C17237" t="s">
        <v>10570</v>
      </c>
      <c r="D17237" t="s">
        <v>10571</v>
      </c>
      <c r="E17237" t="s">
        <v>10448</v>
      </c>
      <c r="F17237" t="s">
        <v>10449</v>
      </c>
      <c r="G17237" t="s">
        <v>10450</v>
      </c>
      <c r="H17237" t="s">
        <v>10451</v>
      </c>
      <c r="I17237" s="2">
        <v>1</v>
      </c>
      <c r="J17237" s="2">
        <v>0</v>
      </c>
      <c r="K17237" s="2">
        <v>0</v>
      </c>
      <c r="L17237" t="s">
        <v>120</v>
      </c>
      <c r="M17237" t="s">
        <v>83</v>
      </c>
      <c r="N17237" t="s">
        <v>91</v>
      </c>
      <c r="O17237" t="s">
        <v>85</v>
      </c>
      <c r="P17237" t="s">
        <v>86</v>
      </c>
      <c r="Q17237">
        <v>46</v>
      </c>
      <c r="R17237">
        <v>46</v>
      </c>
      <c r="S17237">
        <v>47</v>
      </c>
      <c r="T17237">
        <v>48</v>
      </c>
      <c r="U17237">
        <v>48</v>
      </c>
      <c r="V17237">
        <v>49</v>
      </c>
      <c r="W17237">
        <v>49</v>
      </c>
      <c r="X17237">
        <v>50</v>
      </c>
      <c r="Y17237">
        <v>51</v>
      </c>
      <c r="Z17237">
        <v>51</v>
      </c>
      <c r="AA17237">
        <v>52</v>
      </c>
      <c r="AB17237">
        <v>52</v>
      </c>
      <c r="AC17237">
        <v>53</v>
      </c>
      <c r="AD17237">
        <v>54</v>
      </c>
      <c r="AE17237">
        <v>54</v>
      </c>
      <c r="AF17237">
        <v>55</v>
      </c>
      <c r="AG17237">
        <v>55</v>
      </c>
      <c r="AH17237">
        <v>56</v>
      </c>
      <c r="AI17237">
        <v>57</v>
      </c>
      <c r="AJ17237">
        <v>57</v>
      </c>
      <c r="AK17237">
        <v>58</v>
      </c>
      <c r="AL17237">
        <v>58</v>
      </c>
      <c r="AM17237">
        <v>58</v>
      </c>
      <c r="AN17237">
        <v>58</v>
      </c>
      <c r="AO17237">
        <v>58</v>
      </c>
      <c r="AP17237">
        <v>58</v>
      </c>
      <c r="AQ17237">
        <v>58</v>
      </c>
    </row>
    <row r="17238" spans="1:43">
      <c r="A17238" t="s">
        <v>10690</v>
      </c>
      <c r="B17238" t="s">
        <v>10691</v>
      </c>
      <c r="C17238" t="s">
        <v>10692</v>
      </c>
      <c r="D17238" t="s">
        <v>10693</v>
      </c>
      <c r="E17238" t="s">
        <v>10448</v>
      </c>
      <c r="F17238" t="s">
        <v>10449</v>
      </c>
      <c r="G17238" t="s">
        <v>10450</v>
      </c>
      <c r="H17238" t="s">
        <v>10451</v>
      </c>
      <c r="I17238" s="2">
        <v>1</v>
      </c>
      <c r="J17238" s="2">
        <v>0</v>
      </c>
      <c r="K17238" s="2">
        <v>0</v>
      </c>
      <c r="L17238" t="s">
        <v>120</v>
      </c>
      <c r="M17238" t="s">
        <v>83</v>
      </c>
      <c r="N17238" t="s">
        <v>84</v>
      </c>
      <c r="O17238" t="s">
        <v>85</v>
      </c>
      <c r="P17238" t="s">
        <v>86</v>
      </c>
      <c r="Q17238">
        <v>9</v>
      </c>
      <c r="R17238">
        <v>9</v>
      </c>
      <c r="S17238">
        <v>9</v>
      </c>
      <c r="T17238">
        <v>10</v>
      </c>
      <c r="U17238">
        <v>10</v>
      </c>
      <c r="V17238">
        <v>10</v>
      </c>
      <c r="W17238">
        <v>10</v>
      </c>
      <c r="X17238">
        <v>10</v>
      </c>
      <c r="Y17238">
        <v>10</v>
      </c>
      <c r="Z17238">
        <v>10</v>
      </c>
      <c r="AA17238">
        <v>10</v>
      </c>
      <c r="AB17238">
        <v>11</v>
      </c>
      <c r="AC17238">
        <v>11</v>
      </c>
      <c r="AD17238">
        <v>11</v>
      </c>
      <c r="AE17238">
        <v>11</v>
      </c>
      <c r="AF17238">
        <v>11</v>
      </c>
      <c r="AG17238">
        <v>11</v>
      </c>
      <c r="AH17238">
        <v>11</v>
      </c>
      <c r="AI17238">
        <v>11</v>
      </c>
      <c r="AJ17238">
        <v>12</v>
      </c>
      <c r="AK17238">
        <v>12</v>
      </c>
      <c r="AL17238">
        <v>12</v>
      </c>
      <c r="AM17238">
        <v>12</v>
      </c>
      <c r="AN17238">
        <v>12</v>
      </c>
      <c r="AO17238">
        <v>12</v>
      </c>
      <c r="AP17238">
        <v>12</v>
      </c>
      <c r="AQ17238">
        <v>12</v>
      </c>
    </row>
    <row r="17239" spans="1:43">
      <c r="A17239" t="s">
        <v>10690</v>
      </c>
      <c r="B17239" t="s">
        <v>10691</v>
      </c>
      <c r="C17239" t="s">
        <v>10692</v>
      </c>
      <c r="D17239" t="s">
        <v>10693</v>
      </c>
      <c r="E17239" t="s">
        <v>10448</v>
      </c>
      <c r="F17239" t="s">
        <v>10449</v>
      </c>
      <c r="G17239" t="s">
        <v>10450</v>
      </c>
      <c r="H17239" t="s">
        <v>10451</v>
      </c>
      <c r="I17239" s="2">
        <v>1</v>
      </c>
      <c r="J17239" s="2">
        <v>0</v>
      </c>
      <c r="K17239" s="2">
        <v>0</v>
      </c>
      <c r="L17239" t="s">
        <v>120</v>
      </c>
      <c r="M17239" t="s">
        <v>87</v>
      </c>
      <c r="N17239" t="s">
        <v>88</v>
      </c>
      <c r="O17239" t="s">
        <v>85</v>
      </c>
      <c r="P17239" t="s">
        <v>86</v>
      </c>
      <c r="Q17239">
        <v>9</v>
      </c>
      <c r="R17239">
        <v>9</v>
      </c>
      <c r="S17239">
        <v>9</v>
      </c>
      <c r="T17239">
        <v>9</v>
      </c>
      <c r="U17239">
        <v>9</v>
      </c>
      <c r="V17239">
        <v>9</v>
      </c>
      <c r="W17239">
        <v>9</v>
      </c>
      <c r="X17239">
        <v>9</v>
      </c>
      <c r="Y17239">
        <v>9</v>
      </c>
      <c r="Z17239">
        <v>9</v>
      </c>
      <c r="AA17239">
        <v>9</v>
      </c>
      <c r="AB17239">
        <v>10</v>
      </c>
      <c r="AC17239">
        <v>10</v>
      </c>
      <c r="AD17239">
        <v>10</v>
      </c>
      <c r="AE17239">
        <v>10</v>
      </c>
      <c r="AF17239">
        <v>10</v>
      </c>
      <c r="AG17239">
        <v>10</v>
      </c>
      <c r="AH17239">
        <v>10</v>
      </c>
      <c r="AI17239">
        <v>10</v>
      </c>
      <c r="AJ17239">
        <v>10</v>
      </c>
      <c r="AK17239">
        <v>10</v>
      </c>
      <c r="AL17239">
        <v>10</v>
      </c>
      <c r="AM17239">
        <v>10</v>
      </c>
      <c r="AN17239">
        <v>10</v>
      </c>
      <c r="AO17239">
        <v>10</v>
      </c>
      <c r="AP17239">
        <v>10</v>
      </c>
      <c r="AQ17239">
        <v>10</v>
      </c>
    </row>
    <row r="17240" spans="1:43">
      <c r="A17240" t="s">
        <v>10690</v>
      </c>
      <c r="B17240" t="s">
        <v>10691</v>
      </c>
      <c r="C17240" t="s">
        <v>10692</v>
      </c>
      <c r="D17240" t="s">
        <v>10693</v>
      </c>
      <c r="E17240" t="s">
        <v>10448</v>
      </c>
      <c r="F17240" t="s">
        <v>10449</v>
      </c>
      <c r="G17240" t="s">
        <v>10450</v>
      </c>
      <c r="H17240" t="s">
        <v>10451</v>
      </c>
      <c r="I17240" s="2">
        <v>1</v>
      </c>
      <c r="J17240" s="2">
        <v>0</v>
      </c>
      <c r="K17240" s="2">
        <v>0</v>
      </c>
      <c r="L17240" t="s">
        <v>120</v>
      </c>
      <c r="M17240" t="s">
        <v>89</v>
      </c>
      <c r="N17240" t="s">
        <v>90</v>
      </c>
      <c r="O17240" t="s">
        <v>85</v>
      </c>
      <c r="P17240" t="s">
        <v>86</v>
      </c>
      <c r="Q17240">
        <v>9</v>
      </c>
      <c r="R17240">
        <v>9</v>
      </c>
      <c r="S17240">
        <v>10</v>
      </c>
      <c r="T17240">
        <v>10</v>
      </c>
      <c r="U17240">
        <v>10</v>
      </c>
      <c r="V17240">
        <v>10</v>
      </c>
      <c r="W17240">
        <v>10</v>
      </c>
      <c r="X17240">
        <v>11</v>
      </c>
      <c r="Y17240">
        <v>11</v>
      </c>
      <c r="Z17240">
        <v>11</v>
      </c>
      <c r="AA17240">
        <v>11</v>
      </c>
      <c r="AB17240">
        <v>11</v>
      </c>
      <c r="AC17240">
        <v>11</v>
      </c>
      <c r="AD17240">
        <v>12</v>
      </c>
      <c r="AE17240">
        <v>12</v>
      </c>
      <c r="AF17240">
        <v>12</v>
      </c>
      <c r="AG17240">
        <v>12</v>
      </c>
      <c r="AH17240">
        <v>12</v>
      </c>
      <c r="AI17240">
        <v>12</v>
      </c>
      <c r="AJ17240">
        <v>12</v>
      </c>
      <c r="AK17240">
        <v>12</v>
      </c>
      <c r="AL17240">
        <v>12</v>
      </c>
      <c r="AM17240">
        <v>12</v>
      </c>
      <c r="AN17240">
        <v>12</v>
      </c>
      <c r="AO17240">
        <v>12</v>
      </c>
      <c r="AP17240">
        <v>12</v>
      </c>
      <c r="AQ17240">
        <v>12</v>
      </c>
    </row>
    <row r="17241" spans="1:43">
      <c r="A17241" t="s">
        <v>10690</v>
      </c>
      <c r="B17241" t="s">
        <v>10691</v>
      </c>
      <c r="C17241" t="s">
        <v>10692</v>
      </c>
      <c r="D17241" t="s">
        <v>10693</v>
      </c>
      <c r="E17241" t="s">
        <v>10448</v>
      </c>
      <c r="F17241" t="s">
        <v>10449</v>
      </c>
      <c r="G17241" t="s">
        <v>10450</v>
      </c>
      <c r="H17241" t="s">
        <v>10451</v>
      </c>
      <c r="I17241" s="2">
        <v>1</v>
      </c>
      <c r="J17241" s="2">
        <v>0</v>
      </c>
      <c r="K17241" s="2">
        <v>0</v>
      </c>
      <c r="L17241" t="s">
        <v>120</v>
      </c>
      <c r="M17241" t="s">
        <v>83</v>
      </c>
      <c r="N17241" t="s">
        <v>91</v>
      </c>
      <c r="O17241" t="s">
        <v>85</v>
      </c>
      <c r="P17241" t="s">
        <v>86</v>
      </c>
      <c r="Q17241">
        <v>9</v>
      </c>
      <c r="R17241">
        <v>9</v>
      </c>
      <c r="S17241">
        <v>9</v>
      </c>
      <c r="T17241">
        <v>10</v>
      </c>
      <c r="U17241">
        <v>10</v>
      </c>
      <c r="V17241">
        <v>10</v>
      </c>
      <c r="W17241">
        <v>10</v>
      </c>
      <c r="X17241">
        <v>10</v>
      </c>
      <c r="Y17241">
        <v>10</v>
      </c>
      <c r="Z17241">
        <v>10</v>
      </c>
      <c r="AA17241">
        <v>10</v>
      </c>
      <c r="AB17241">
        <v>11</v>
      </c>
      <c r="AC17241">
        <v>11</v>
      </c>
      <c r="AD17241">
        <v>11</v>
      </c>
      <c r="AE17241">
        <v>11</v>
      </c>
      <c r="AF17241">
        <v>11</v>
      </c>
      <c r="AG17241">
        <v>11</v>
      </c>
      <c r="AH17241">
        <v>11</v>
      </c>
      <c r="AI17241">
        <v>11</v>
      </c>
      <c r="AJ17241">
        <v>12</v>
      </c>
      <c r="AK17241">
        <v>12</v>
      </c>
      <c r="AL17241">
        <v>12</v>
      </c>
      <c r="AM17241">
        <v>12</v>
      </c>
      <c r="AN17241">
        <v>12</v>
      </c>
      <c r="AO17241">
        <v>12</v>
      </c>
      <c r="AP17241">
        <v>12</v>
      </c>
      <c r="AQ17241">
        <v>12</v>
      </c>
    </row>
    <row r="17242" spans="1:43">
      <c r="A17242" t="s">
        <v>10694</v>
      </c>
      <c r="B17242" t="s">
        <v>10695</v>
      </c>
      <c r="C17242" t="s">
        <v>10692</v>
      </c>
      <c r="D17242" t="s">
        <v>10693</v>
      </c>
      <c r="E17242" t="s">
        <v>10448</v>
      </c>
      <c r="F17242" t="s">
        <v>10449</v>
      </c>
      <c r="G17242" t="s">
        <v>10450</v>
      </c>
      <c r="H17242" t="s">
        <v>10451</v>
      </c>
      <c r="I17242" s="2">
        <v>1</v>
      </c>
      <c r="J17242" s="2">
        <v>0</v>
      </c>
      <c r="K17242" s="2">
        <v>0</v>
      </c>
      <c r="L17242" t="s">
        <v>120</v>
      </c>
      <c r="M17242" t="s">
        <v>83</v>
      </c>
      <c r="N17242" t="s">
        <v>84</v>
      </c>
      <c r="O17242" t="s">
        <v>85</v>
      </c>
      <c r="P17242" t="s">
        <v>86</v>
      </c>
      <c r="Q17242">
        <v>12</v>
      </c>
      <c r="R17242">
        <v>13</v>
      </c>
      <c r="S17242">
        <v>13</v>
      </c>
      <c r="T17242">
        <v>13</v>
      </c>
      <c r="U17242">
        <v>13</v>
      </c>
      <c r="V17242">
        <v>13</v>
      </c>
      <c r="W17242">
        <v>13</v>
      </c>
      <c r="X17242">
        <v>14</v>
      </c>
      <c r="Y17242">
        <v>14</v>
      </c>
      <c r="Z17242">
        <v>14</v>
      </c>
      <c r="AA17242">
        <v>14</v>
      </c>
      <c r="AB17242">
        <v>14</v>
      </c>
      <c r="AC17242">
        <v>14</v>
      </c>
      <c r="AD17242">
        <v>15</v>
      </c>
      <c r="AE17242">
        <v>15</v>
      </c>
      <c r="AF17242">
        <v>15</v>
      </c>
      <c r="AG17242">
        <v>15</v>
      </c>
      <c r="AH17242">
        <v>15</v>
      </c>
      <c r="AI17242">
        <v>15</v>
      </c>
      <c r="AJ17242">
        <v>16</v>
      </c>
      <c r="AK17242">
        <v>16</v>
      </c>
      <c r="AL17242">
        <v>16</v>
      </c>
      <c r="AM17242">
        <v>16</v>
      </c>
      <c r="AN17242">
        <v>16</v>
      </c>
      <c r="AO17242">
        <v>16</v>
      </c>
      <c r="AP17242">
        <v>16</v>
      </c>
      <c r="AQ17242">
        <v>16</v>
      </c>
    </row>
    <row r="17243" spans="1:43">
      <c r="A17243" t="s">
        <v>10694</v>
      </c>
      <c r="B17243" t="s">
        <v>10695</v>
      </c>
      <c r="C17243" t="s">
        <v>10692</v>
      </c>
      <c r="D17243" t="s">
        <v>10693</v>
      </c>
      <c r="E17243" t="s">
        <v>10448</v>
      </c>
      <c r="F17243" t="s">
        <v>10449</v>
      </c>
      <c r="G17243" t="s">
        <v>10450</v>
      </c>
      <c r="H17243" t="s">
        <v>10451</v>
      </c>
      <c r="I17243" s="2">
        <v>1</v>
      </c>
      <c r="J17243" s="2">
        <v>0</v>
      </c>
      <c r="K17243" s="2">
        <v>0</v>
      </c>
      <c r="L17243" t="s">
        <v>120</v>
      </c>
      <c r="M17243" t="s">
        <v>87</v>
      </c>
      <c r="N17243" t="s">
        <v>88</v>
      </c>
      <c r="O17243" t="s">
        <v>85</v>
      </c>
      <c r="P17243" t="s">
        <v>86</v>
      </c>
      <c r="Q17243">
        <v>12</v>
      </c>
      <c r="R17243">
        <v>12</v>
      </c>
      <c r="S17243">
        <v>12</v>
      </c>
      <c r="T17243">
        <v>12</v>
      </c>
      <c r="U17243">
        <v>13</v>
      </c>
      <c r="V17243">
        <v>13</v>
      </c>
      <c r="W17243">
        <v>13</v>
      </c>
      <c r="X17243">
        <v>13</v>
      </c>
      <c r="Y17243">
        <v>13</v>
      </c>
      <c r="Z17243">
        <v>13</v>
      </c>
      <c r="AA17243">
        <v>13</v>
      </c>
      <c r="AB17243">
        <v>13</v>
      </c>
      <c r="AC17243">
        <v>13</v>
      </c>
      <c r="AD17243">
        <v>13</v>
      </c>
      <c r="AE17243">
        <v>13</v>
      </c>
      <c r="AF17243">
        <v>13</v>
      </c>
      <c r="AG17243">
        <v>13</v>
      </c>
      <c r="AH17243">
        <v>13</v>
      </c>
      <c r="AI17243">
        <v>13</v>
      </c>
      <c r="AJ17243">
        <v>13</v>
      </c>
      <c r="AK17243">
        <v>13</v>
      </c>
      <c r="AL17243">
        <v>13</v>
      </c>
      <c r="AM17243">
        <v>14</v>
      </c>
      <c r="AN17243">
        <v>14</v>
      </c>
      <c r="AO17243">
        <v>14</v>
      </c>
      <c r="AP17243">
        <v>14</v>
      </c>
      <c r="AQ17243">
        <v>14</v>
      </c>
    </row>
    <row r="17244" spans="1:43">
      <c r="A17244" t="s">
        <v>10694</v>
      </c>
      <c r="B17244" t="s">
        <v>10695</v>
      </c>
      <c r="C17244" t="s">
        <v>10692</v>
      </c>
      <c r="D17244" t="s">
        <v>10693</v>
      </c>
      <c r="E17244" t="s">
        <v>10448</v>
      </c>
      <c r="F17244" t="s">
        <v>10449</v>
      </c>
      <c r="G17244" t="s">
        <v>10450</v>
      </c>
      <c r="H17244" t="s">
        <v>10451</v>
      </c>
      <c r="I17244" s="2">
        <v>1</v>
      </c>
      <c r="J17244" s="2">
        <v>0</v>
      </c>
      <c r="K17244" s="2">
        <v>0</v>
      </c>
      <c r="L17244" t="s">
        <v>120</v>
      </c>
      <c r="M17244" t="s">
        <v>89</v>
      </c>
      <c r="N17244" t="s">
        <v>90</v>
      </c>
      <c r="O17244" t="s">
        <v>85</v>
      </c>
      <c r="P17244" t="s">
        <v>86</v>
      </c>
      <c r="Q17244">
        <v>12</v>
      </c>
      <c r="R17244">
        <v>12</v>
      </c>
      <c r="S17244">
        <v>12</v>
      </c>
      <c r="T17244">
        <v>12</v>
      </c>
      <c r="U17244">
        <v>13</v>
      </c>
      <c r="V17244">
        <v>13</v>
      </c>
      <c r="W17244">
        <v>13</v>
      </c>
      <c r="X17244">
        <v>13</v>
      </c>
      <c r="Y17244">
        <v>14</v>
      </c>
      <c r="Z17244">
        <v>14</v>
      </c>
      <c r="AA17244">
        <v>14</v>
      </c>
      <c r="AB17244">
        <v>14</v>
      </c>
      <c r="AC17244">
        <v>15</v>
      </c>
      <c r="AD17244">
        <v>15</v>
      </c>
      <c r="AE17244">
        <v>15</v>
      </c>
      <c r="AF17244">
        <v>15</v>
      </c>
      <c r="AG17244">
        <v>15</v>
      </c>
      <c r="AH17244">
        <v>15</v>
      </c>
      <c r="AI17244">
        <v>15</v>
      </c>
      <c r="AJ17244">
        <v>15</v>
      </c>
      <c r="AK17244">
        <v>15</v>
      </c>
      <c r="AL17244">
        <v>15</v>
      </c>
      <c r="AM17244">
        <v>15</v>
      </c>
      <c r="AN17244">
        <v>15</v>
      </c>
      <c r="AO17244">
        <v>15</v>
      </c>
      <c r="AP17244">
        <v>15</v>
      </c>
      <c r="AQ17244">
        <v>15</v>
      </c>
    </row>
    <row r="17245" spans="1:43">
      <c r="A17245" t="s">
        <v>10694</v>
      </c>
      <c r="B17245" t="s">
        <v>10695</v>
      </c>
      <c r="C17245" t="s">
        <v>10692</v>
      </c>
      <c r="D17245" t="s">
        <v>10693</v>
      </c>
      <c r="E17245" t="s">
        <v>10448</v>
      </c>
      <c r="F17245" t="s">
        <v>10449</v>
      </c>
      <c r="G17245" t="s">
        <v>10450</v>
      </c>
      <c r="H17245" t="s">
        <v>10451</v>
      </c>
      <c r="I17245" s="2">
        <v>1</v>
      </c>
      <c r="J17245" s="2">
        <v>0</v>
      </c>
      <c r="K17245" s="2">
        <v>0</v>
      </c>
      <c r="L17245" t="s">
        <v>120</v>
      </c>
      <c r="M17245" t="s">
        <v>83</v>
      </c>
      <c r="N17245" t="s">
        <v>91</v>
      </c>
      <c r="O17245" t="s">
        <v>85</v>
      </c>
      <c r="P17245" t="s">
        <v>86</v>
      </c>
      <c r="Q17245">
        <v>12</v>
      </c>
      <c r="R17245">
        <v>13</v>
      </c>
      <c r="S17245">
        <v>13</v>
      </c>
      <c r="T17245">
        <v>13</v>
      </c>
      <c r="U17245">
        <v>13</v>
      </c>
      <c r="V17245">
        <v>13</v>
      </c>
      <c r="W17245">
        <v>13</v>
      </c>
      <c r="X17245">
        <v>14</v>
      </c>
      <c r="Y17245">
        <v>14</v>
      </c>
      <c r="Z17245">
        <v>14</v>
      </c>
      <c r="AA17245">
        <v>14</v>
      </c>
      <c r="AB17245">
        <v>14</v>
      </c>
      <c r="AC17245">
        <v>14</v>
      </c>
      <c r="AD17245">
        <v>15</v>
      </c>
      <c r="AE17245">
        <v>15</v>
      </c>
      <c r="AF17245">
        <v>15</v>
      </c>
      <c r="AG17245">
        <v>15</v>
      </c>
      <c r="AH17245">
        <v>15</v>
      </c>
      <c r="AI17245">
        <v>15</v>
      </c>
      <c r="AJ17245">
        <v>16</v>
      </c>
      <c r="AK17245">
        <v>16</v>
      </c>
      <c r="AL17245">
        <v>16</v>
      </c>
      <c r="AM17245">
        <v>16</v>
      </c>
      <c r="AN17245">
        <v>16</v>
      </c>
      <c r="AO17245">
        <v>16</v>
      </c>
      <c r="AP17245">
        <v>16</v>
      </c>
      <c r="AQ17245">
        <v>16</v>
      </c>
    </row>
    <row r="17246" spans="1:43">
      <c r="A17246" t="s">
        <v>10696</v>
      </c>
      <c r="B17246" t="s">
        <v>10697</v>
      </c>
      <c r="C17246" t="s">
        <v>10692</v>
      </c>
      <c r="D17246" t="s">
        <v>10693</v>
      </c>
      <c r="E17246" t="s">
        <v>10448</v>
      </c>
      <c r="F17246" t="s">
        <v>10449</v>
      </c>
      <c r="G17246" t="s">
        <v>10450</v>
      </c>
      <c r="H17246" t="s">
        <v>10451</v>
      </c>
      <c r="I17246" s="2">
        <v>1</v>
      </c>
      <c r="J17246" s="2">
        <v>0</v>
      </c>
      <c r="K17246" s="2">
        <v>0</v>
      </c>
      <c r="L17246" t="s">
        <v>120</v>
      </c>
      <c r="M17246" t="s">
        <v>83</v>
      </c>
      <c r="N17246" t="s">
        <v>84</v>
      </c>
      <c r="O17246" t="s">
        <v>85</v>
      </c>
      <c r="P17246" t="s">
        <v>86</v>
      </c>
      <c r="Q17246">
        <v>7</v>
      </c>
      <c r="R17246">
        <v>7</v>
      </c>
      <c r="S17246">
        <v>7</v>
      </c>
      <c r="T17246">
        <v>7</v>
      </c>
      <c r="U17246">
        <v>7</v>
      </c>
      <c r="V17246">
        <v>7</v>
      </c>
      <c r="W17246">
        <v>7</v>
      </c>
      <c r="X17246">
        <v>7</v>
      </c>
      <c r="Y17246">
        <v>7</v>
      </c>
      <c r="Z17246">
        <v>7</v>
      </c>
      <c r="AA17246">
        <v>8</v>
      </c>
      <c r="AB17246">
        <v>8</v>
      </c>
      <c r="AC17246">
        <v>8</v>
      </c>
      <c r="AD17246">
        <v>8</v>
      </c>
      <c r="AE17246">
        <v>8</v>
      </c>
      <c r="AF17246">
        <v>8</v>
      </c>
      <c r="AG17246">
        <v>8</v>
      </c>
      <c r="AH17246">
        <v>8</v>
      </c>
      <c r="AI17246">
        <v>8</v>
      </c>
      <c r="AJ17246">
        <v>8</v>
      </c>
      <c r="AK17246">
        <v>8</v>
      </c>
      <c r="AL17246">
        <v>8</v>
      </c>
      <c r="AM17246">
        <v>9</v>
      </c>
      <c r="AN17246">
        <v>9</v>
      </c>
      <c r="AO17246">
        <v>9</v>
      </c>
      <c r="AP17246">
        <v>9</v>
      </c>
      <c r="AQ17246">
        <v>9</v>
      </c>
    </row>
    <row r="17247" spans="1:43">
      <c r="A17247" t="s">
        <v>10696</v>
      </c>
      <c r="B17247" t="s">
        <v>10697</v>
      </c>
      <c r="C17247" t="s">
        <v>10692</v>
      </c>
      <c r="D17247" t="s">
        <v>10693</v>
      </c>
      <c r="E17247" t="s">
        <v>10448</v>
      </c>
      <c r="F17247" t="s">
        <v>10449</v>
      </c>
      <c r="G17247" t="s">
        <v>10450</v>
      </c>
      <c r="H17247" t="s">
        <v>10451</v>
      </c>
      <c r="I17247" s="2">
        <v>1</v>
      </c>
      <c r="J17247" s="2">
        <v>0</v>
      </c>
      <c r="K17247" s="2">
        <v>0</v>
      </c>
      <c r="L17247" t="s">
        <v>120</v>
      </c>
      <c r="M17247" t="s">
        <v>87</v>
      </c>
      <c r="N17247" t="s">
        <v>88</v>
      </c>
      <c r="O17247" t="s">
        <v>85</v>
      </c>
      <c r="P17247" t="s">
        <v>86</v>
      </c>
      <c r="Q17247">
        <v>7</v>
      </c>
      <c r="R17247">
        <v>7</v>
      </c>
      <c r="S17247">
        <v>7</v>
      </c>
      <c r="T17247">
        <v>7</v>
      </c>
      <c r="U17247">
        <v>7</v>
      </c>
      <c r="V17247">
        <v>7</v>
      </c>
      <c r="W17247">
        <v>7</v>
      </c>
      <c r="X17247">
        <v>7</v>
      </c>
      <c r="Y17247">
        <v>7</v>
      </c>
      <c r="Z17247">
        <v>7</v>
      </c>
      <c r="AA17247">
        <v>7</v>
      </c>
      <c r="AB17247">
        <v>7</v>
      </c>
      <c r="AC17247">
        <v>7</v>
      </c>
      <c r="AD17247">
        <v>7</v>
      </c>
      <c r="AE17247">
        <v>7</v>
      </c>
      <c r="AF17247">
        <v>7</v>
      </c>
      <c r="AG17247">
        <v>7</v>
      </c>
      <c r="AH17247">
        <v>7</v>
      </c>
      <c r="AI17247">
        <v>7</v>
      </c>
      <c r="AJ17247">
        <v>7</v>
      </c>
      <c r="AK17247">
        <v>7</v>
      </c>
      <c r="AL17247">
        <v>7</v>
      </c>
      <c r="AM17247">
        <v>7</v>
      </c>
      <c r="AN17247">
        <v>7</v>
      </c>
      <c r="AO17247">
        <v>7</v>
      </c>
      <c r="AP17247">
        <v>7</v>
      </c>
      <c r="AQ17247">
        <v>7</v>
      </c>
    </row>
    <row r="17248" spans="1:43">
      <c r="A17248" t="s">
        <v>10696</v>
      </c>
      <c r="B17248" t="s">
        <v>10697</v>
      </c>
      <c r="C17248" t="s">
        <v>10692</v>
      </c>
      <c r="D17248" t="s">
        <v>10693</v>
      </c>
      <c r="E17248" t="s">
        <v>10448</v>
      </c>
      <c r="F17248" t="s">
        <v>10449</v>
      </c>
      <c r="G17248" t="s">
        <v>10450</v>
      </c>
      <c r="H17248" t="s">
        <v>10451</v>
      </c>
      <c r="I17248" s="2">
        <v>1</v>
      </c>
      <c r="J17248" s="2">
        <v>0</v>
      </c>
      <c r="K17248" s="2">
        <v>0</v>
      </c>
      <c r="L17248" t="s">
        <v>120</v>
      </c>
      <c r="M17248" t="s">
        <v>89</v>
      </c>
      <c r="N17248" t="s">
        <v>90</v>
      </c>
      <c r="O17248" t="s">
        <v>85</v>
      </c>
      <c r="P17248" t="s">
        <v>86</v>
      </c>
      <c r="Q17248">
        <v>7</v>
      </c>
      <c r="R17248">
        <v>7</v>
      </c>
      <c r="S17248">
        <v>7</v>
      </c>
      <c r="T17248">
        <v>7</v>
      </c>
      <c r="U17248">
        <v>7</v>
      </c>
      <c r="V17248">
        <v>7</v>
      </c>
      <c r="W17248">
        <v>8</v>
      </c>
      <c r="X17248">
        <v>8</v>
      </c>
      <c r="Y17248">
        <v>8</v>
      </c>
      <c r="Z17248">
        <v>8</v>
      </c>
      <c r="AA17248">
        <v>8</v>
      </c>
      <c r="AB17248">
        <v>8</v>
      </c>
      <c r="AC17248">
        <v>8</v>
      </c>
      <c r="AD17248">
        <v>8</v>
      </c>
      <c r="AE17248">
        <v>9</v>
      </c>
      <c r="AF17248">
        <v>9</v>
      </c>
      <c r="AG17248">
        <v>9</v>
      </c>
      <c r="AH17248">
        <v>9</v>
      </c>
      <c r="AI17248">
        <v>9</v>
      </c>
      <c r="AJ17248">
        <v>9</v>
      </c>
      <c r="AK17248">
        <v>9</v>
      </c>
      <c r="AL17248">
        <v>9</v>
      </c>
      <c r="AM17248">
        <v>9</v>
      </c>
      <c r="AN17248">
        <v>9</v>
      </c>
      <c r="AO17248">
        <v>9</v>
      </c>
      <c r="AP17248">
        <v>9</v>
      </c>
      <c r="AQ17248">
        <v>9</v>
      </c>
    </row>
    <row r="17249" spans="1:43">
      <c r="A17249" t="s">
        <v>10696</v>
      </c>
      <c r="B17249" t="s">
        <v>10697</v>
      </c>
      <c r="C17249" t="s">
        <v>10692</v>
      </c>
      <c r="D17249" t="s">
        <v>10693</v>
      </c>
      <c r="E17249" t="s">
        <v>10448</v>
      </c>
      <c r="F17249" t="s">
        <v>10449</v>
      </c>
      <c r="G17249" t="s">
        <v>10450</v>
      </c>
      <c r="H17249" t="s">
        <v>10451</v>
      </c>
      <c r="I17249" s="2">
        <v>1</v>
      </c>
      <c r="J17249" s="2">
        <v>0</v>
      </c>
      <c r="K17249" s="2">
        <v>0</v>
      </c>
      <c r="L17249" t="s">
        <v>120</v>
      </c>
      <c r="M17249" t="s">
        <v>83</v>
      </c>
      <c r="N17249" t="s">
        <v>91</v>
      </c>
      <c r="O17249" t="s">
        <v>85</v>
      </c>
      <c r="P17249" t="s">
        <v>86</v>
      </c>
      <c r="Q17249">
        <v>7</v>
      </c>
      <c r="R17249">
        <v>7</v>
      </c>
      <c r="S17249">
        <v>7</v>
      </c>
      <c r="T17249">
        <v>7</v>
      </c>
      <c r="U17249">
        <v>7</v>
      </c>
      <c r="V17249">
        <v>7</v>
      </c>
      <c r="W17249">
        <v>7</v>
      </c>
      <c r="X17249">
        <v>7</v>
      </c>
      <c r="Y17249">
        <v>7</v>
      </c>
      <c r="Z17249">
        <v>7</v>
      </c>
      <c r="AA17249">
        <v>8</v>
      </c>
      <c r="AB17249">
        <v>8</v>
      </c>
      <c r="AC17249">
        <v>8</v>
      </c>
      <c r="AD17249">
        <v>8</v>
      </c>
      <c r="AE17249">
        <v>8</v>
      </c>
      <c r="AF17249">
        <v>8</v>
      </c>
      <c r="AG17249">
        <v>8</v>
      </c>
      <c r="AH17249">
        <v>8</v>
      </c>
      <c r="AI17249">
        <v>8</v>
      </c>
      <c r="AJ17249">
        <v>8</v>
      </c>
      <c r="AK17249">
        <v>8</v>
      </c>
      <c r="AL17249">
        <v>8</v>
      </c>
      <c r="AM17249">
        <v>9</v>
      </c>
      <c r="AN17249">
        <v>9</v>
      </c>
      <c r="AO17249">
        <v>9</v>
      </c>
      <c r="AP17249">
        <v>9</v>
      </c>
      <c r="AQ17249">
        <v>9</v>
      </c>
    </row>
    <row r="17250" spans="1:43">
      <c r="A17250" t="s">
        <v>10698</v>
      </c>
      <c r="B17250" t="s">
        <v>10699</v>
      </c>
      <c r="C17250" t="s">
        <v>10692</v>
      </c>
      <c r="D17250" t="s">
        <v>10693</v>
      </c>
      <c r="E17250" t="s">
        <v>10448</v>
      </c>
      <c r="F17250" t="s">
        <v>10449</v>
      </c>
      <c r="G17250" t="s">
        <v>10450</v>
      </c>
      <c r="H17250" t="s">
        <v>10451</v>
      </c>
      <c r="I17250" s="2">
        <v>1</v>
      </c>
      <c r="J17250" s="2">
        <v>0</v>
      </c>
      <c r="K17250" s="2">
        <v>0</v>
      </c>
      <c r="L17250" t="s">
        <v>120</v>
      </c>
      <c r="M17250" t="s">
        <v>83</v>
      </c>
      <c r="N17250" t="s">
        <v>84</v>
      </c>
      <c r="O17250" t="s">
        <v>85</v>
      </c>
      <c r="P17250" t="s">
        <v>86</v>
      </c>
      <c r="Q17250">
        <v>7</v>
      </c>
      <c r="R17250">
        <v>8</v>
      </c>
      <c r="S17250">
        <v>8</v>
      </c>
      <c r="T17250">
        <v>8</v>
      </c>
      <c r="U17250">
        <v>8</v>
      </c>
      <c r="V17250">
        <v>8</v>
      </c>
      <c r="W17250">
        <v>8</v>
      </c>
      <c r="X17250">
        <v>8</v>
      </c>
      <c r="Y17250">
        <v>8</v>
      </c>
      <c r="Z17250">
        <v>8</v>
      </c>
      <c r="AA17250">
        <v>8</v>
      </c>
      <c r="AB17250">
        <v>9</v>
      </c>
      <c r="AC17250">
        <v>9</v>
      </c>
      <c r="AD17250">
        <v>9</v>
      </c>
      <c r="AE17250">
        <v>9</v>
      </c>
      <c r="AF17250">
        <v>9</v>
      </c>
      <c r="AG17250">
        <v>9</v>
      </c>
      <c r="AH17250">
        <v>9</v>
      </c>
      <c r="AI17250">
        <v>9</v>
      </c>
      <c r="AJ17250">
        <v>9</v>
      </c>
      <c r="AK17250">
        <v>9</v>
      </c>
      <c r="AL17250">
        <v>9</v>
      </c>
      <c r="AM17250">
        <v>9</v>
      </c>
      <c r="AN17250">
        <v>9</v>
      </c>
      <c r="AO17250">
        <v>9</v>
      </c>
      <c r="AP17250">
        <v>9</v>
      </c>
      <c r="AQ17250">
        <v>9</v>
      </c>
    </row>
    <row r="17251" spans="1:43">
      <c r="A17251" t="s">
        <v>10698</v>
      </c>
      <c r="B17251" t="s">
        <v>10699</v>
      </c>
      <c r="C17251" t="s">
        <v>10692</v>
      </c>
      <c r="D17251" t="s">
        <v>10693</v>
      </c>
      <c r="E17251" t="s">
        <v>10448</v>
      </c>
      <c r="F17251" t="s">
        <v>10449</v>
      </c>
      <c r="G17251" t="s">
        <v>10450</v>
      </c>
      <c r="H17251" t="s">
        <v>10451</v>
      </c>
      <c r="I17251" s="2">
        <v>1</v>
      </c>
      <c r="J17251" s="2">
        <v>0</v>
      </c>
      <c r="K17251" s="2">
        <v>0</v>
      </c>
      <c r="L17251" t="s">
        <v>120</v>
      </c>
      <c r="M17251" t="s">
        <v>87</v>
      </c>
      <c r="N17251" t="s">
        <v>88</v>
      </c>
      <c r="O17251" t="s">
        <v>85</v>
      </c>
      <c r="P17251" t="s">
        <v>86</v>
      </c>
      <c r="Q17251">
        <v>7</v>
      </c>
      <c r="R17251">
        <v>7</v>
      </c>
      <c r="S17251">
        <v>7</v>
      </c>
      <c r="T17251">
        <v>7</v>
      </c>
      <c r="U17251">
        <v>7</v>
      </c>
      <c r="V17251">
        <v>8</v>
      </c>
      <c r="W17251">
        <v>8</v>
      </c>
      <c r="X17251">
        <v>8</v>
      </c>
      <c r="Y17251">
        <v>8</v>
      </c>
      <c r="Z17251">
        <v>8</v>
      </c>
      <c r="AA17251">
        <v>8</v>
      </c>
      <c r="AB17251">
        <v>8</v>
      </c>
      <c r="AC17251">
        <v>8</v>
      </c>
      <c r="AD17251">
        <v>8</v>
      </c>
      <c r="AE17251">
        <v>8</v>
      </c>
      <c r="AF17251">
        <v>8</v>
      </c>
      <c r="AG17251">
        <v>8</v>
      </c>
      <c r="AH17251">
        <v>8</v>
      </c>
      <c r="AI17251">
        <v>8</v>
      </c>
      <c r="AJ17251">
        <v>8</v>
      </c>
      <c r="AK17251">
        <v>8</v>
      </c>
      <c r="AL17251">
        <v>8</v>
      </c>
      <c r="AM17251">
        <v>8</v>
      </c>
      <c r="AN17251">
        <v>8</v>
      </c>
      <c r="AO17251">
        <v>8</v>
      </c>
      <c r="AP17251">
        <v>8</v>
      </c>
      <c r="AQ17251">
        <v>8</v>
      </c>
    </row>
    <row r="17252" spans="1:43">
      <c r="A17252" t="s">
        <v>10698</v>
      </c>
      <c r="B17252" t="s">
        <v>10699</v>
      </c>
      <c r="C17252" t="s">
        <v>10692</v>
      </c>
      <c r="D17252" t="s">
        <v>10693</v>
      </c>
      <c r="E17252" t="s">
        <v>10448</v>
      </c>
      <c r="F17252" t="s">
        <v>10449</v>
      </c>
      <c r="G17252" t="s">
        <v>10450</v>
      </c>
      <c r="H17252" t="s">
        <v>10451</v>
      </c>
      <c r="I17252" s="2">
        <v>1</v>
      </c>
      <c r="J17252" s="2">
        <v>0</v>
      </c>
      <c r="K17252" s="2">
        <v>0</v>
      </c>
      <c r="L17252" t="s">
        <v>120</v>
      </c>
      <c r="M17252" t="s">
        <v>89</v>
      </c>
      <c r="N17252" t="s">
        <v>90</v>
      </c>
      <c r="O17252" t="s">
        <v>85</v>
      </c>
      <c r="P17252" t="s">
        <v>86</v>
      </c>
      <c r="Q17252">
        <v>7</v>
      </c>
      <c r="R17252">
        <v>8</v>
      </c>
      <c r="S17252">
        <v>8</v>
      </c>
      <c r="T17252">
        <v>8</v>
      </c>
      <c r="U17252">
        <v>8</v>
      </c>
      <c r="V17252">
        <v>8</v>
      </c>
      <c r="W17252">
        <v>8</v>
      </c>
      <c r="X17252">
        <v>9</v>
      </c>
      <c r="Y17252">
        <v>9</v>
      </c>
      <c r="Z17252">
        <v>9</v>
      </c>
      <c r="AA17252">
        <v>9</v>
      </c>
      <c r="AB17252">
        <v>9</v>
      </c>
      <c r="AC17252">
        <v>9</v>
      </c>
      <c r="AD17252">
        <v>9</v>
      </c>
      <c r="AE17252">
        <v>9</v>
      </c>
      <c r="AF17252">
        <v>9</v>
      </c>
      <c r="AG17252">
        <v>9</v>
      </c>
      <c r="AH17252">
        <v>9</v>
      </c>
      <c r="AI17252">
        <v>9</v>
      </c>
      <c r="AJ17252">
        <v>10</v>
      </c>
      <c r="AK17252">
        <v>10</v>
      </c>
      <c r="AL17252">
        <v>10</v>
      </c>
      <c r="AM17252">
        <v>10</v>
      </c>
      <c r="AN17252">
        <v>10</v>
      </c>
      <c r="AO17252">
        <v>10</v>
      </c>
      <c r="AP17252">
        <v>10</v>
      </c>
      <c r="AQ17252">
        <v>10</v>
      </c>
    </row>
    <row r="17253" spans="1:43">
      <c r="A17253" t="s">
        <v>10698</v>
      </c>
      <c r="B17253" t="s">
        <v>10699</v>
      </c>
      <c r="C17253" t="s">
        <v>10692</v>
      </c>
      <c r="D17253" t="s">
        <v>10693</v>
      </c>
      <c r="E17253" t="s">
        <v>10448</v>
      </c>
      <c r="F17253" t="s">
        <v>10449</v>
      </c>
      <c r="G17253" t="s">
        <v>10450</v>
      </c>
      <c r="H17253" t="s">
        <v>10451</v>
      </c>
      <c r="I17253" s="2">
        <v>1</v>
      </c>
      <c r="J17253" s="2">
        <v>0</v>
      </c>
      <c r="K17253" s="2">
        <v>0</v>
      </c>
      <c r="L17253" t="s">
        <v>120</v>
      </c>
      <c r="M17253" t="s">
        <v>83</v>
      </c>
      <c r="N17253" t="s">
        <v>91</v>
      </c>
      <c r="O17253" t="s">
        <v>85</v>
      </c>
      <c r="P17253" t="s">
        <v>86</v>
      </c>
      <c r="Q17253">
        <v>7</v>
      </c>
      <c r="R17253">
        <v>8</v>
      </c>
      <c r="S17253">
        <v>8</v>
      </c>
      <c r="T17253">
        <v>8</v>
      </c>
      <c r="U17253">
        <v>8</v>
      </c>
      <c r="V17253">
        <v>8</v>
      </c>
      <c r="W17253">
        <v>8</v>
      </c>
      <c r="X17253">
        <v>8</v>
      </c>
      <c r="Y17253">
        <v>8</v>
      </c>
      <c r="Z17253">
        <v>8</v>
      </c>
      <c r="AA17253">
        <v>8</v>
      </c>
      <c r="AB17253">
        <v>9</v>
      </c>
      <c r="AC17253">
        <v>9</v>
      </c>
      <c r="AD17253">
        <v>9</v>
      </c>
      <c r="AE17253">
        <v>9</v>
      </c>
      <c r="AF17253">
        <v>9</v>
      </c>
      <c r="AG17253">
        <v>9</v>
      </c>
      <c r="AH17253">
        <v>9</v>
      </c>
      <c r="AI17253">
        <v>9</v>
      </c>
      <c r="AJ17253">
        <v>9</v>
      </c>
      <c r="AK17253">
        <v>9</v>
      </c>
      <c r="AL17253">
        <v>9</v>
      </c>
      <c r="AM17253">
        <v>9</v>
      </c>
      <c r="AN17253">
        <v>9</v>
      </c>
      <c r="AO17253">
        <v>9</v>
      </c>
      <c r="AP17253">
        <v>9</v>
      </c>
      <c r="AQ17253">
        <v>9</v>
      </c>
    </row>
    <row r="17254" spans="1:43">
      <c r="A17254" t="s">
        <v>10700</v>
      </c>
      <c r="B17254" t="s">
        <v>10701</v>
      </c>
      <c r="C17254" t="s">
        <v>10702</v>
      </c>
      <c r="D17254" t="s">
        <v>10703</v>
      </c>
      <c r="E17254" t="s">
        <v>10448</v>
      </c>
      <c r="F17254" t="s">
        <v>10449</v>
      </c>
      <c r="G17254" t="s">
        <v>10450</v>
      </c>
      <c r="H17254" t="s">
        <v>10451</v>
      </c>
      <c r="I17254" s="2">
        <v>1</v>
      </c>
      <c r="J17254" s="2">
        <v>0</v>
      </c>
      <c r="K17254" s="2">
        <v>0</v>
      </c>
      <c r="L17254" t="s">
        <v>120</v>
      </c>
      <c r="M17254" t="s">
        <v>83</v>
      </c>
      <c r="N17254" t="s">
        <v>84</v>
      </c>
      <c r="O17254" t="s">
        <v>85</v>
      </c>
      <c r="P17254" t="s">
        <v>86</v>
      </c>
      <c r="Q17254">
        <v>27</v>
      </c>
      <c r="R17254">
        <v>28</v>
      </c>
      <c r="S17254">
        <v>28</v>
      </c>
      <c r="T17254">
        <v>28</v>
      </c>
      <c r="U17254">
        <v>29</v>
      </c>
      <c r="V17254">
        <v>29</v>
      </c>
      <c r="W17254">
        <v>30</v>
      </c>
      <c r="X17254">
        <v>30</v>
      </c>
      <c r="Y17254">
        <v>30</v>
      </c>
      <c r="Z17254">
        <v>31</v>
      </c>
      <c r="AA17254">
        <v>31</v>
      </c>
      <c r="AB17254">
        <v>31</v>
      </c>
      <c r="AC17254">
        <v>32</v>
      </c>
      <c r="AD17254">
        <v>32</v>
      </c>
      <c r="AE17254">
        <v>32</v>
      </c>
      <c r="AF17254">
        <v>33</v>
      </c>
      <c r="AG17254">
        <v>33</v>
      </c>
      <c r="AH17254">
        <v>33</v>
      </c>
      <c r="AI17254">
        <v>34</v>
      </c>
      <c r="AJ17254">
        <v>34</v>
      </c>
      <c r="AK17254">
        <v>35</v>
      </c>
      <c r="AL17254">
        <v>35</v>
      </c>
      <c r="AM17254">
        <v>35</v>
      </c>
      <c r="AN17254">
        <v>35</v>
      </c>
      <c r="AO17254">
        <v>35</v>
      </c>
      <c r="AP17254">
        <v>35</v>
      </c>
      <c r="AQ17254">
        <v>35</v>
      </c>
    </row>
    <row r="17255" spans="1:43">
      <c r="A17255" t="s">
        <v>10700</v>
      </c>
      <c r="B17255" t="s">
        <v>10701</v>
      </c>
      <c r="C17255" t="s">
        <v>10702</v>
      </c>
      <c r="D17255" t="s">
        <v>10703</v>
      </c>
      <c r="E17255" t="s">
        <v>10448</v>
      </c>
      <c r="F17255" t="s">
        <v>10449</v>
      </c>
      <c r="G17255" t="s">
        <v>10450</v>
      </c>
      <c r="H17255" t="s">
        <v>10451</v>
      </c>
      <c r="I17255" s="2">
        <v>1</v>
      </c>
      <c r="J17255" s="2">
        <v>0</v>
      </c>
      <c r="K17255" s="2">
        <v>0</v>
      </c>
      <c r="L17255" t="s">
        <v>120</v>
      </c>
      <c r="M17255" t="s">
        <v>87</v>
      </c>
      <c r="N17255" t="s">
        <v>88</v>
      </c>
      <c r="O17255" t="s">
        <v>85</v>
      </c>
      <c r="P17255" t="s">
        <v>86</v>
      </c>
      <c r="Q17255">
        <v>27</v>
      </c>
      <c r="R17255">
        <v>27</v>
      </c>
      <c r="S17255">
        <v>27</v>
      </c>
      <c r="T17255">
        <v>27</v>
      </c>
      <c r="U17255">
        <v>28</v>
      </c>
      <c r="V17255">
        <v>28</v>
      </c>
      <c r="W17255">
        <v>28</v>
      </c>
      <c r="X17255">
        <v>28</v>
      </c>
      <c r="Y17255">
        <v>28</v>
      </c>
      <c r="Z17255">
        <v>28</v>
      </c>
      <c r="AA17255">
        <v>28</v>
      </c>
      <c r="AB17255">
        <v>28</v>
      </c>
      <c r="AC17255">
        <v>29</v>
      </c>
      <c r="AD17255">
        <v>29</v>
      </c>
      <c r="AE17255">
        <v>29</v>
      </c>
      <c r="AF17255">
        <v>29</v>
      </c>
      <c r="AG17255">
        <v>29</v>
      </c>
      <c r="AH17255">
        <v>29</v>
      </c>
      <c r="AI17255">
        <v>29</v>
      </c>
      <c r="AJ17255">
        <v>29</v>
      </c>
      <c r="AK17255">
        <v>30</v>
      </c>
      <c r="AL17255">
        <v>30</v>
      </c>
      <c r="AM17255">
        <v>30</v>
      </c>
      <c r="AN17255">
        <v>30</v>
      </c>
      <c r="AO17255">
        <v>30</v>
      </c>
      <c r="AP17255">
        <v>30</v>
      </c>
      <c r="AQ17255">
        <v>30</v>
      </c>
    </row>
    <row r="17256" spans="1:43">
      <c r="A17256" t="s">
        <v>10700</v>
      </c>
      <c r="B17256" t="s">
        <v>10701</v>
      </c>
      <c r="C17256" t="s">
        <v>10702</v>
      </c>
      <c r="D17256" t="s">
        <v>10703</v>
      </c>
      <c r="E17256" t="s">
        <v>10448</v>
      </c>
      <c r="F17256" t="s">
        <v>10449</v>
      </c>
      <c r="G17256" t="s">
        <v>10450</v>
      </c>
      <c r="H17256" t="s">
        <v>10451</v>
      </c>
      <c r="I17256" s="2">
        <v>1</v>
      </c>
      <c r="J17256" s="2">
        <v>0</v>
      </c>
      <c r="K17256" s="2">
        <v>0</v>
      </c>
      <c r="L17256" t="s">
        <v>120</v>
      </c>
      <c r="M17256" t="s">
        <v>89</v>
      </c>
      <c r="N17256" t="s">
        <v>90</v>
      </c>
      <c r="O17256" t="s">
        <v>85</v>
      </c>
      <c r="P17256" t="s">
        <v>86</v>
      </c>
      <c r="Q17256">
        <v>27</v>
      </c>
      <c r="R17256">
        <v>27</v>
      </c>
      <c r="S17256">
        <v>28</v>
      </c>
      <c r="T17256">
        <v>28</v>
      </c>
      <c r="U17256">
        <v>29</v>
      </c>
      <c r="V17256">
        <v>30</v>
      </c>
      <c r="W17256">
        <v>30</v>
      </c>
      <c r="X17256">
        <v>31</v>
      </c>
      <c r="Y17256">
        <v>31</v>
      </c>
      <c r="Z17256">
        <v>32</v>
      </c>
      <c r="AA17256">
        <v>32</v>
      </c>
      <c r="AB17256">
        <v>32</v>
      </c>
      <c r="AC17256">
        <v>33</v>
      </c>
      <c r="AD17256">
        <v>33</v>
      </c>
      <c r="AE17256">
        <v>34</v>
      </c>
      <c r="AF17256">
        <v>34</v>
      </c>
      <c r="AG17256">
        <v>34</v>
      </c>
      <c r="AH17256">
        <v>34</v>
      </c>
      <c r="AI17256">
        <v>34</v>
      </c>
      <c r="AJ17256">
        <v>34</v>
      </c>
      <c r="AK17256">
        <v>34</v>
      </c>
      <c r="AL17256">
        <v>34</v>
      </c>
      <c r="AM17256">
        <v>34</v>
      </c>
      <c r="AN17256">
        <v>34</v>
      </c>
      <c r="AO17256">
        <v>34</v>
      </c>
      <c r="AP17256">
        <v>34</v>
      </c>
      <c r="AQ17256">
        <v>34</v>
      </c>
    </row>
    <row r="17257" spans="1:43">
      <c r="A17257" t="s">
        <v>10700</v>
      </c>
      <c r="B17257" t="s">
        <v>10701</v>
      </c>
      <c r="C17257" t="s">
        <v>10702</v>
      </c>
      <c r="D17257" t="s">
        <v>10703</v>
      </c>
      <c r="E17257" t="s">
        <v>10448</v>
      </c>
      <c r="F17257" t="s">
        <v>10449</v>
      </c>
      <c r="G17257" t="s">
        <v>10450</v>
      </c>
      <c r="H17257" t="s">
        <v>10451</v>
      </c>
      <c r="I17257" s="2">
        <v>1</v>
      </c>
      <c r="J17257" s="2">
        <v>0</v>
      </c>
      <c r="K17257" s="2">
        <v>0</v>
      </c>
      <c r="L17257" t="s">
        <v>120</v>
      </c>
      <c r="M17257" t="s">
        <v>83</v>
      </c>
      <c r="N17257" t="s">
        <v>91</v>
      </c>
      <c r="O17257" t="s">
        <v>85</v>
      </c>
      <c r="P17257" t="s">
        <v>86</v>
      </c>
      <c r="Q17257">
        <v>27</v>
      </c>
      <c r="R17257">
        <v>28</v>
      </c>
      <c r="S17257">
        <v>28</v>
      </c>
      <c r="T17257">
        <v>28</v>
      </c>
      <c r="U17257">
        <v>29</v>
      </c>
      <c r="V17257">
        <v>29</v>
      </c>
      <c r="W17257">
        <v>30</v>
      </c>
      <c r="X17257">
        <v>30</v>
      </c>
      <c r="Y17257">
        <v>30</v>
      </c>
      <c r="Z17257">
        <v>31</v>
      </c>
      <c r="AA17257">
        <v>31</v>
      </c>
      <c r="AB17257">
        <v>31</v>
      </c>
      <c r="AC17257">
        <v>32</v>
      </c>
      <c r="AD17257">
        <v>32</v>
      </c>
      <c r="AE17257">
        <v>32</v>
      </c>
      <c r="AF17257">
        <v>33</v>
      </c>
      <c r="AG17257">
        <v>33</v>
      </c>
      <c r="AH17257">
        <v>33</v>
      </c>
      <c r="AI17257">
        <v>34</v>
      </c>
      <c r="AJ17257">
        <v>34</v>
      </c>
      <c r="AK17257">
        <v>35</v>
      </c>
      <c r="AL17257">
        <v>35</v>
      </c>
      <c r="AM17257">
        <v>35</v>
      </c>
      <c r="AN17257">
        <v>35</v>
      </c>
      <c r="AO17257">
        <v>35</v>
      </c>
      <c r="AP17257">
        <v>35</v>
      </c>
      <c r="AQ17257">
        <v>35</v>
      </c>
    </row>
    <row r="17258" spans="1:43">
      <c r="A17258" t="s">
        <v>10704</v>
      </c>
      <c r="B17258" t="s">
        <v>10705</v>
      </c>
      <c r="C17258" t="s">
        <v>10636</v>
      </c>
      <c r="D17258" t="s">
        <v>10637</v>
      </c>
      <c r="E17258" t="s">
        <v>10448</v>
      </c>
      <c r="F17258" t="s">
        <v>10449</v>
      </c>
      <c r="G17258" t="s">
        <v>10450</v>
      </c>
      <c r="H17258" t="s">
        <v>10451</v>
      </c>
      <c r="I17258" s="2">
        <v>1</v>
      </c>
      <c r="J17258" s="2">
        <v>0</v>
      </c>
      <c r="K17258" s="2">
        <v>0</v>
      </c>
      <c r="L17258" t="s">
        <v>120</v>
      </c>
      <c r="M17258" t="s">
        <v>83</v>
      </c>
      <c r="N17258" t="s">
        <v>84</v>
      </c>
      <c r="O17258" t="s">
        <v>85</v>
      </c>
      <c r="P17258" t="s">
        <v>86</v>
      </c>
      <c r="Q17258">
        <v>7</v>
      </c>
      <c r="R17258">
        <v>7</v>
      </c>
      <c r="S17258">
        <v>7</v>
      </c>
      <c r="T17258">
        <v>7</v>
      </c>
      <c r="U17258">
        <v>7</v>
      </c>
      <c r="V17258">
        <v>7</v>
      </c>
      <c r="W17258">
        <v>7</v>
      </c>
      <c r="X17258">
        <v>7</v>
      </c>
      <c r="Y17258">
        <v>7</v>
      </c>
      <c r="Z17258">
        <v>7</v>
      </c>
      <c r="AA17258">
        <v>7</v>
      </c>
      <c r="AB17258">
        <v>8</v>
      </c>
      <c r="AC17258">
        <v>8</v>
      </c>
      <c r="AD17258">
        <v>8</v>
      </c>
      <c r="AE17258">
        <v>8</v>
      </c>
      <c r="AF17258">
        <v>8</v>
      </c>
      <c r="AG17258">
        <v>8</v>
      </c>
      <c r="AH17258">
        <v>8</v>
      </c>
      <c r="AI17258">
        <v>8</v>
      </c>
      <c r="AJ17258">
        <v>8</v>
      </c>
      <c r="AK17258">
        <v>8</v>
      </c>
      <c r="AL17258">
        <v>8</v>
      </c>
      <c r="AM17258">
        <v>8</v>
      </c>
      <c r="AN17258">
        <v>8</v>
      </c>
      <c r="AO17258">
        <v>8</v>
      </c>
      <c r="AP17258">
        <v>8</v>
      </c>
      <c r="AQ17258">
        <v>8</v>
      </c>
    </row>
    <row r="17259" spans="1:43">
      <c r="A17259" t="s">
        <v>10704</v>
      </c>
      <c r="B17259" t="s">
        <v>10705</v>
      </c>
      <c r="C17259" t="s">
        <v>10636</v>
      </c>
      <c r="D17259" t="s">
        <v>10637</v>
      </c>
      <c r="E17259" t="s">
        <v>10448</v>
      </c>
      <c r="F17259" t="s">
        <v>10449</v>
      </c>
      <c r="G17259" t="s">
        <v>10450</v>
      </c>
      <c r="H17259" t="s">
        <v>10451</v>
      </c>
      <c r="I17259" s="2">
        <v>1</v>
      </c>
      <c r="J17259" s="2">
        <v>0</v>
      </c>
      <c r="K17259" s="2">
        <v>0</v>
      </c>
      <c r="L17259" t="s">
        <v>120</v>
      </c>
      <c r="M17259" t="s">
        <v>87</v>
      </c>
      <c r="N17259" t="s">
        <v>88</v>
      </c>
      <c r="O17259" t="s">
        <v>85</v>
      </c>
      <c r="P17259" t="s">
        <v>86</v>
      </c>
      <c r="Q17259">
        <v>7</v>
      </c>
      <c r="R17259">
        <v>7</v>
      </c>
      <c r="S17259">
        <v>7</v>
      </c>
      <c r="T17259">
        <v>7</v>
      </c>
      <c r="U17259">
        <v>7</v>
      </c>
      <c r="V17259">
        <v>7</v>
      </c>
      <c r="W17259">
        <v>7</v>
      </c>
      <c r="X17259">
        <v>7</v>
      </c>
      <c r="Y17259">
        <v>7</v>
      </c>
      <c r="Z17259">
        <v>7</v>
      </c>
      <c r="AA17259">
        <v>7</v>
      </c>
      <c r="AB17259">
        <v>7</v>
      </c>
      <c r="AC17259">
        <v>7</v>
      </c>
      <c r="AD17259">
        <v>7</v>
      </c>
      <c r="AE17259">
        <v>7</v>
      </c>
      <c r="AF17259">
        <v>7</v>
      </c>
      <c r="AG17259">
        <v>7</v>
      </c>
      <c r="AH17259">
        <v>7</v>
      </c>
      <c r="AI17259">
        <v>7</v>
      </c>
      <c r="AJ17259">
        <v>7</v>
      </c>
      <c r="AK17259">
        <v>7</v>
      </c>
      <c r="AL17259">
        <v>7</v>
      </c>
      <c r="AM17259">
        <v>7</v>
      </c>
      <c r="AN17259">
        <v>7</v>
      </c>
      <c r="AO17259">
        <v>7</v>
      </c>
      <c r="AP17259">
        <v>7</v>
      </c>
      <c r="AQ17259">
        <v>7</v>
      </c>
    </row>
    <row r="17260" spans="1:43">
      <c r="A17260" t="s">
        <v>10704</v>
      </c>
      <c r="B17260" t="s">
        <v>10705</v>
      </c>
      <c r="C17260" t="s">
        <v>10636</v>
      </c>
      <c r="D17260" t="s">
        <v>10637</v>
      </c>
      <c r="E17260" t="s">
        <v>10448</v>
      </c>
      <c r="F17260" t="s">
        <v>10449</v>
      </c>
      <c r="G17260" t="s">
        <v>10450</v>
      </c>
      <c r="H17260" t="s">
        <v>10451</v>
      </c>
      <c r="I17260" s="2">
        <v>1</v>
      </c>
      <c r="J17260" s="2">
        <v>0</v>
      </c>
      <c r="K17260" s="2">
        <v>0</v>
      </c>
      <c r="L17260" t="s">
        <v>120</v>
      </c>
      <c r="M17260" t="s">
        <v>89</v>
      </c>
      <c r="N17260" t="s">
        <v>90</v>
      </c>
      <c r="O17260" t="s">
        <v>85</v>
      </c>
      <c r="P17260" t="s">
        <v>86</v>
      </c>
      <c r="Q17260">
        <v>7</v>
      </c>
      <c r="R17260">
        <v>7</v>
      </c>
      <c r="S17260">
        <v>7</v>
      </c>
      <c r="T17260">
        <v>7</v>
      </c>
      <c r="U17260">
        <v>7</v>
      </c>
      <c r="V17260">
        <v>7</v>
      </c>
      <c r="W17260">
        <v>7</v>
      </c>
      <c r="X17260">
        <v>8</v>
      </c>
      <c r="Y17260">
        <v>8</v>
      </c>
      <c r="Z17260">
        <v>8</v>
      </c>
      <c r="AA17260">
        <v>8</v>
      </c>
      <c r="AB17260">
        <v>8</v>
      </c>
      <c r="AC17260">
        <v>8</v>
      </c>
      <c r="AD17260">
        <v>8</v>
      </c>
      <c r="AE17260">
        <v>8</v>
      </c>
      <c r="AF17260">
        <v>8</v>
      </c>
      <c r="AG17260">
        <v>8</v>
      </c>
      <c r="AH17260">
        <v>8</v>
      </c>
      <c r="AI17260">
        <v>8</v>
      </c>
      <c r="AJ17260">
        <v>8</v>
      </c>
      <c r="AK17260">
        <v>8</v>
      </c>
      <c r="AL17260">
        <v>8</v>
      </c>
      <c r="AM17260">
        <v>8</v>
      </c>
      <c r="AN17260">
        <v>8</v>
      </c>
      <c r="AO17260">
        <v>8</v>
      </c>
      <c r="AP17260">
        <v>8</v>
      </c>
      <c r="AQ17260">
        <v>8</v>
      </c>
    </row>
    <row r="17261" spans="1:43">
      <c r="A17261" t="s">
        <v>10704</v>
      </c>
      <c r="B17261" t="s">
        <v>10705</v>
      </c>
      <c r="C17261" t="s">
        <v>10636</v>
      </c>
      <c r="D17261" t="s">
        <v>10637</v>
      </c>
      <c r="E17261" t="s">
        <v>10448</v>
      </c>
      <c r="F17261" t="s">
        <v>10449</v>
      </c>
      <c r="G17261" t="s">
        <v>10450</v>
      </c>
      <c r="H17261" t="s">
        <v>10451</v>
      </c>
      <c r="I17261" s="2">
        <v>1</v>
      </c>
      <c r="J17261" s="2">
        <v>0</v>
      </c>
      <c r="K17261" s="2">
        <v>0</v>
      </c>
      <c r="L17261" t="s">
        <v>120</v>
      </c>
      <c r="M17261" t="s">
        <v>83</v>
      </c>
      <c r="N17261" t="s">
        <v>91</v>
      </c>
      <c r="O17261" t="s">
        <v>85</v>
      </c>
      <c r="P17261" t="s">
        <v>86</v>
      </c>
      <c r="Q17261">
        <v>7</v>
      </c>
      <c r="R17261">
        <v>7</v>
      </c>
      <c r="S17261">
        <v>7</v>
      </c>
      <c r="T17261">
        <v>7</v>
      </c>
      <c r="U17261">
        <v>7</v>
      </c>
      <c r="V17261">
        <v>7</v>
      </c>
      <c r="W17261">
        <v>7</v>
      </c>
      <c r="X17261">
        <v>7</v>
      </c>
      <c r="Y17261">
        <v>7</v>
      </c>
      <c r="Z17261">
        <v>7</v>
      </c>
      <c r="AA17261">
        <v>7</v>
      </c>
      <c r="AB17261">
        <v>8</v>
      </c>
      <c r="AC17261">
        <v>8</v>
      </c>
      <c r="AD17261">
        <v>8</v>
      </c>
      <c r="AE17261">
        <v>8</v>
      </c>
      <c r="AF17261">
        <v>8</v>
      </c>
      <c r="AG17261">
        <v>8</v>
      </c>
      <c r="AH17261">
        <v>8</v>
      </c>
      <c r="AI17261">
        <v>8</v>
      </c>
      <c r="AJ17261">
        <v>8</v>
      </c>
      <c r="AK17261">
        <v>8</v>
      </c>
      <c r="AL17261">
        <v>8</v>
      </c>
      <c r="AM17261">
        <v>8</v>
      </c>
      <c r="AN17261">
        <v>8</v>
      </c>
      <c r="AO17261">
        <v>8</v>
      </c>
      <c r="AP17261">
        <v>8</v>
      </c>
      <c r="AQ17261">
        <v>8</v>
      </c>
    </row>
    <row r="17262" spans="1:43">
      <c r="A17262" t="s">
        <v>10706</v>
      </c>
      <c r="B17262" t="s">
        <v>10707</v>
      </c>
      <c r="C17262" t="s">
        <v>10702</v>
      </c>
      <c r="D17262" t="s">
        <v>10703</v>
      </c>
      <c r="E17262" t="s">
        <v>10448</v>
      </c>
      <c r="F17262" t="s">
        <v>10449</v>
      </c>
      <c r="G17262" t="s">
        <v>10450</v>
      </c>
      <c r="H17262" t="s">
        <v>10451</v>
      </c>
      <c r="I17262" s="2">
        <v>1</v>
      </c>
      <c r="J17262" s="2">
        <v>0</v>
      </c>
      <c r="K17262" s="2">
        <v>0</v>
      </c>
      <c r="L17262" t="s">
        <v>120</v>
      </c>
      <c r="M17262" t="s">
        <v>83</v>
      </c>
      <c r="N17262" t="s">
        <v>84</v>
      </c>
      <c r="O17262" t="s">
        <v>85</v>
      </c>
      <c r="P17262" t="s">
        <v>86</v>
      </c>
      <c r="Q17262">
        <v>12</v>
      </c>
      <c r="R17262">
        <v>12</v>
      </c>
      <c r="S17262">
        <v>12</v>
      </c>
      <c r="T17262">
        <v>12</v>
      </c>
      <c r="U17262">
        <v>12</v>
      </c>
      <c r="V17262">
        <v>13</v>
      </c>
      <c r="W17262">
        <v>13</v>
      </c>
      <c r="X17262">
        <v>13</v>
      </c>
      <c r="Y17262">
        <v>13</v>
      </c>
      <c r="Z17262">
        <v>13</v>
      </c>
      <c r="AA17262">
        <v>13</v>
      </c>
      <c r="AB17262">
        <v>13</v>
      </c>
      <c r="AC17262">
        <v>14</v>
      </c>
      <c r="AD17262">
        <v>14</v>
      </c>
      <c r="AE17262">
        <v>14</v>
      </c>
      <c r="AF17262">
        <v>14</v>
      </c>
      <c r="AG17262">
        <v>14</v>
      </c>
      <c r="AH17262">
        <v>14</v>
      </c>
      <c r="AI17262">
        <v>15</v>
      </c>
      <c r="AJ17262">
        <v>15</v>
      </c>
      <c r="AK17262">
        <v>15</v>
      </c>
      <c r="AL17262">
        <v>15</v>
      </c>
      <c r="AM17262">
        <v>15</v>
      </c>
      <c r="AN17262">
        <v>15</v>
      </c>
      <c r="AO17262">
        <v>15</v>
      </c>
      <c r="AP17262">
        <v>15</v>
      </c>
      <c r="AQ17262">
        <v>15</v>
      </c>
    </row>
    <row r="17263" spans="1:43">
      <c r="A17263" t="s">
        <v>10706</v>
      </c>
      <c r="B17263" t="s">
        <v>10707</v>
      </c>
      <c r="C17263" t="s">
        <v>10702</v>
      </c>
      <c r="D17263" t="s">
        <v>10703</v>
      </c>
      <c r="E17263" t="s">
        <v>10448</v>
      </c>
      <c r="F17263" t="s">
        <v>10449</v>
      </c>
      <c r="G17263" t="s">
        <v>10450</v>
      </c>
      <c r="H17263" t="s">
        <v>10451</v>
      </c>
      <c r="I17263" s="2">
        <v>1</v>
      </c>
      <c r="J17263" s="2">
        <v>0</v>
      </c>
      <c r="K17263" s="2">
        <v>0</v>
      </c>
      <c r="L17263" t="s">
        <v>120</v>
      </c>
      <c r="M17263" t="s">
        <v>87</v>
      </c>
      <c r="N17263" t="s">
        <v>88</v>
      </c>
      <c r="O17263" t="s">
        <v>85</v>
      </c>
      <c r="P17263" t="s">
        <v>86</v>
      </c>
      <c r="Q17263">
        <v>12</v>
      </c>
      <c r="R17263">
        <v>12</v>
      </c>
      <c r="S17263">
        <v>12</v>
      </c>
      <c r="T17263">
        <v>12</v>
      </c>
      <c r="U17263">
        <v>12</v>
      </c>
      <c r="V17263">
        <v>12</v>
      </c>
      <c r="W17263">
        <v>12</v>
      </c>
      <c r="X17263">
        <v>12</v>
      </c>
      <c r="Y17263">
        <v>12</v>
      </c>
      <c r="Z17263">
        <v>12</v>
      </c>
      <c r="AA17263">
        <v>12</v>
      </c>
      <c r="AB17263">
        <v>12</v>
      </c>
      <c r="AC17263">
        <v>12</v>
      </c>
      <c r="AD17263">
        <v>12</v>
      </c>
      <c r="AE17263">
        <v>12</v>
      </c>
      <c r="AF17263">
        <v>12</v>
      </c>
      <c r="AG17263">
        <v>12</v>
      </c>
      <c r="AH17263">
        <v>13</v>
      </c>
      <c r="AI17263">
        <v>13</v>
      </c>
      <c r="AJ17263">
        <v>13</v>
      </c>
      <c r="AK17263">
        <v>13</v>
      </c>
      <c r="AL17263">
        <v>13</v>
      </c>
      <c r="AM17263">
        <v>13</v>
      </c>
      <c r="AN17263">
        <v>13</v>
      </c>
      <c r="AO17263">
        <v>13</v>
      </c>
      <c r="AP17263">
        <v>13</v>
      </c>
      <c r="AQ17263">
        <v>13</v>
      </c>
    </row>
    <row r="17264" spans="1:43">
      <c r="A17264" t="s">
        <v>10706</v>
      </c>
      <c r="B17264" t="s">
        <v>10707</v>
      </c>
      <c r="C17264" t="s">
        <v>10702</v>
      </c>
      <c r="D17264" t="s">
        <v>10703</v>
      </c>
      <c r="E17264" t="s">
        <v>10448</v>
      </c>
      <c r="F17264" t="s">
        <v>10449</v>
      </c>
      <c r="G17264" t="s">
        <v>10450</v>
      </c>
      <c r="H17264" t="s">
        <v>10451</v>
      </c>
      <c r="I17264" s="2">
        <v>1</v>
      </c>
      <c r="J17264" s="2">
        <v>0</v>
      </c>
      <c r="K17264" s="2">
        <v>0</v>
      </c>
      <c r="L17264" t="s">
        <v>120</v>
      </c>
      <c r="M17264" t="s">
        <v>89</v>
      </c>
      <c r="N17264" t="s">
        <v>90</v>
      </c>
      <c r="O17264" t="s">
        <v>85</v>
      </c>
      <c r="P17264" t="s">
        <v>86</v>
      </c>
      <c r="Q17264">
        <v>12</v>
      </c>
      <c r="R17264">
        <v>12</v>
      </c>
      <c r="S17264">
        <v>12</v>
      </c>
      <c r="T17264">
        <v>13</v>
      </c>
      <c r="U17264">
        <v>13</v>
      </c>
      <c r="V17264">
        <v>13</v>
      </c>
      <c r="W17264">
        <v>13</v>
      </c>
      <c r="X17264">
        <v>14</v>
      </c>
      <c r="Y17264">
        <v>14</v>
      </c>
      <c r="Z17264">
        <v>14</v>
      </c>
      <c r="AA17264">
        <v>14</v>
      </c>
      <c r="AB17264">
        <v>14</v>
      </c>
      <c r="AC17264">
        <v>15</v>
      </c>
      <c r="AD17264">
        <v>15</v>
      </c>
      <c r="AE17264">
        <v>15</v>
      </c>
      <c r="AF17264">
        <v>15</v>
      </c>
      <c r="AG17264">
        <v>15</v>
      </c>
      <c r="AH17264">
        <v>15</v>
      </c>
      <c r="AI17264">
        <v>15</v>
      </c>
      <c r="AJ17264">
        <v>15</v>
      </c>
      <c r="AK17264">
        <v>15</v>
      </c>
      <c r="AL17264">
        <v>15</v>
      </c>
      <c r="AM17264">
        <v>15</v>
      </c>
      <c r="AN17264">
        <v>15</v>
      </c>
      <c r="AO17264">
        <v>15</v>
      </c>
      <c r="AP17264">
        <v>15</v>
      </c>
      <c r="AQ17264">
        <v>15</v>
      </c>
    </row>
    <row r="17265" spans="1:43">
      <c r="A17265" t="s">
        <v>10706</v>
      </c>
      <c r="B17265" t="s">
        <v>10707</v>
      </c>
      <c r="C17265" t="s">
        <v>10702</v>
      </c>
      <c r="D17265" t="s">
        <v>10703</v>
      </c>
      <c r="E17265" t="s">
        <v>10448</v>
      </c>
      <c r="F17265" t="s">
        <v>10449</v>
      </c>
      <c r="G17265" t="s">
        <v>10450</v>
      </c>
      <c r="H17265" t="s">
        <v>10451</v>
      </c>
      <c r="I17265" s="2">
        <v>1</v>
      </c>
      <c r="J17265" s="2">
        <v>0</v>
      </c>
      <c r="K17265" s="2">
        <v>0</v>
      </c>
      <c r="L17265" t="s">
        <v>120</v>
      </c>
      <c r="M17265" t="s">
        <v>83</v>
      </c>
      <c r="N17265" t="s">
        <v>91</v>
      </c>
      <c r="O17265" t="s">
        <v>85</v>
      </c>
      <c r="P17265" t="s">
        <v>86</v>
      </c>
      <c r="Q17265">
        <v>12</v>
      </c>
      <c r="R17265">
        <v>12</v>
      </c>
      <c r="S17265">
        <v>12</v>
      </c>
      <c r="T17265">
        <v>12</v>
      </c>
      <c r="U17265">
        <v>12</v>
      </c>
      <c r="V17265">
        <v>13</v>
      </c>
      <c r="W17265">
        <v>13</v>
      </c>
      <c r="X17265">
        <v>13</v>
      </c>
      <c r="Y17265">
        <v>13</v>
      </c>
      <c r="Z17265">
        <v>13</v>
      </c>
      <c r="AA17265">
        <v>13</v>
      </c>
      <c r="AB17265">
        <v>13</v>
      </c>
      <c r="AC17265">
        <v>14</v>
      </c>
      <c r="AD17265">
        <v>14</v>
      </c>
      <c r="AE17265">
        <v>14</v>
      </c>
      <c r="AF17265">
        <v>14</v>
      </c>
      <c r="AG17265">
        <v>14</v>
      </c>
      <c r="AH17265">
        <v>14</v>
      </c>
      <c r="AI17265">
        <v>15</v>
      </c>
      <c r="AJ17265">
        <v>15</v>
      </c>
      <c r="AK17265">
        <v>15</v>
      </c>
      <c r="AL17265">
        <v>15</v>
      </c>
      <c r="AM17265">
        <v>15</v>
      </c>
      <c r="AN17265">
        <v>15</v>
      </c>
      <c r="AO17265">
        <v>15</v>
      </c>
      <c r="AP17265">
        <v>15</v>
      </c>
      <c r="AQ17265">
        <v>15</v>
      </c>
    </row>
    <row r="17266" spans="1:43">
      <c r="A17266" t="s">
        <v>10708</v>
      </c>
      <c r="B17266" t="s">
        <v>10709</v>
      </c>
      <c r="C17266" t="s">
        <v>10702</v>
      </c>
      <c r="D17266" t="s">
        <v>10703</v>
      </c>
      <c r="E17266" t="s">
        <v>10448</v>
      </c>
      <c r="F17266" t="s">
        <v>10449</v>
      </c>
      <c r="G17266" t="s">
        <v>10450</v>
      </c>
      <c r="H17266" t="s">
        <v>10451</v>
      </c>
      <c r="I17266" s="2">
        <v>1</v>
      </c>
      <c r="J17266" s="2">
        <v>0</v>
      </c>
      <c r="K17266" s="2">
        <v>0</v>
      </c>
      <c r="L17266" t="s">
        <v>120</v>
      </c>
      <c r="M17266" t="s">
        <v>83</v>
      </c>
      <c r="N17266" t="s">
        <v>84</v>
      </c>
      <c r="O17266" t="s">
        <v>85</v>
      </c>
      <c r="P17266" t="s">
        <v>86</v>
      </c>
      <c r="Q17266">
        <v>92</v>
      </c>
      <c r="R17266">
        <v>93</v>
      </c>
      <c r="S17266">
        <v>94</v>
      </c>
      <c r="T17266">
        <v>96</v>
      </c>
      <c r="U17266">
        <v>97</v>
      </c>
      <c r="V17266">
        <v>98</v>
      </c>
      <c r="W17266">
        <v>100</v>
      </c>
      <c r="X17266">
        <v>101</v>
      </c>
      <c r="Y17266">
        <v>102</v>
      </c>
      <c r="Z17266">
        <v>103</v>
      </c>
      <c r="AA17266">
        <v>104</v>
      </c>
      <c r="AB17266">
        <v>106</v>
      </c>
      <c r="AC17266">
        <v>107</v>
      </c>
      <c r="AD17266">
        <v>108</v>
      </c>
      <c r="AE17266">
        <v>109</v>
      </c>
      <c r="AF17266">
        <v>110</v>
      </c>
      <c r="AG17266">
        <v>111</v>
      </c>
      <c r="AH17266">
        <v>113</v>
      </c>
      <c r="AI17266">
        <v>114</v>
      </c>
      <c r="AJ17266">
        <v>115</v>
      </c>
      <c r="AK17266">
        <v>116</v>
      </c>
      <c r="AL17266">
        <v>117</v>
      </c>
      <c r="AM17266">
        <v>117</v>
      </c>
      <c r="AN17266">
        <v>117</v>
      </c>
      <c r="AO17266">
        <v>117</v>
      </c>
      <c r="AP17266">
        <v>117</v>
      </c>
      <c r="AQ17266">
        <v>117</v>
      </c>
    </row>
    <row r="17267" spans="1:43">
      <c r="A17267" t="s">
        <v>10708</v>
      </c>
      <c r="B17267" t="s">
        <v>10709</v>
      </c>
      <c r="C17267" t="s">
        <v>10702</v>
      </c>
      <c r="D17267" t="s">
        <v>10703</v>
      </c>
      <c r="E17267" t="s">
        <v>10448</v>
      </c>
      <c r="F17267" t="s">
        <v>10449</v>
      </c>
      <c r="G17267" t="s">
        <v>10450</v>
      </c>
      <c r="H17267" t="s">
        <v>10451</v>
      </c>
      <c r="I17267" s="2">
        <v>1</v>
      </c>
      <c r="J17267" s="2">
        <v>0</v>
      </c>
      <c r="K17267" s="2">
        <v>0</v>
      </c>
      <c r="L17267" t="s">
        <v>120</v>
      </c>
      <c r="M17267" t="s">
        <v>87</v>
      </c>
      <c r="N17267" t="s">
        <v>88</v>
      </c>
      <c r="O17267" t="s">
        <v>85</v>
      </c>
      <c r="P17267" t="s">
        <v>86</v>
      </c>
      <c r="Q17267">
        <v>92</v>
      </c>
      <c r="R17267">
        <v>92</v>
      </c>
      <c r="S17267">
        <v>93</v>
      </c>
      <c r="T17267">
        <v>93</v>
      </c>
      <c r="U17267">
        <v>94</v>
      </c>
      <c r="V17267">
        <v>94</v>
      </c>
      <c r="W17267">
        <v>95</v>
      </c>
      <c r="X17267">
        <v>95</v>
      </c>
      <c r="Y17267">
        <v>95</v>
      </c>
      <c r="Z17267">
        <v>96</v>
      </c>
      <c r="AA17267">
        <v>96</v>
      </c>
      <c r="AB17267">
        <v>97</v>
      </c>
      <c r="AC17267">
        <v>97</v>
      </c>
      <c r="AD17267">
        <v>98</v>
      </c>
      <c r="AE17267">
        <v>98</v>
      </c>
      <c r="AF17267">
        <v>98</v>
      </c>
      <c r="AG17267">
        <v>99</v>
      </c>
      <c r="AH17267">
        <v>99</v>
      </c>
      <c r="AI17267">
        <v>100</v>
      </c>
      <c r="AJ17267">
        <v>100</v>
      </c>
      <c r="AK17267">
        <v>100</v>
      </c>
      <c r="AL17267">
        <v>101</v>
      </c>
      <c r="AM17267">
        <v>101</v>
      </c>
      <c r="AN17267">
        <v>102</v>
      </c>
      <c r="AO17267">
        <v>102</v>
      </c>
      <c r="AP17267">
        <v>102</v>
      </c>
      <c r="AQ17267">
        <v>103</v>
      </c>
    </row>
    <row r="17268" spans="1:43">
      <c r="A17268" t="s">
        <v>10708</v>
      </c>
      <c r="B17268" t="s">
        <v>10709</v>
      </c>
      <c r="C17268" t="s">
        <v>10702</v>
      </c>
      <c r="D17268" t="s">
        <v>10703</v>
      </c>
      <c r="E17268" t="s">
        <v>10448</v>
      </c>
      <c r="F17268" t="s">
        <v>10449</v>
      </c>
      <c r="G17268" t="s">
        <v>10450</v>
      </c>
      <c r="H17268" t="s">
        <v>10451</v>
      </c>
      <c r="I17268" s="2">
        <v>1</v>
      </c>
      <c r="J17268" s="2">
        <v>0</v>
      </c>
      <c r="K17268" s="2">
        <v>0</v>
      </c>
      <c r="L17268" t="s">
        <v>120</v>
      </c>
      <c r="M17268" t="s">
        <v>89</v>
      </c>
      <c r="N17268" t="s">
        <v>90</v>
      </c>
      <c r="O17268" t="s">
        <v>85</v>
      </c>
      <c r="P17268" t="s">
        <v>86</v>
      </c>
      <c r="Q17268">
        <v>92</v>
      </c>
      <c r="R17268">
        <v>94</v>
      </c>
      <c r="S17268">
        <v>96</v>
      </c>
      <c r="T17268">
        <v>98</v>
      </c>
      <c r="U17268">
        <v>100</v>
      </c>
      <c r="V17268">
        <v>102</v>
      </c>
      <c r="W17268">
        <v>103</v>
      </c>
      <c r="X17268">
        <v>105</v>
      </c>
      <c r="Y17268">
        <v>107</v>
      </c>
      <c r="Z17268">
        <v>108</v>
      </c>
      <c r="AA17268">
        <v>110</v>
      </c>
      <c r="AB17268">
        <v>112</v>
      </c>
      <c r="AC17268">
        <v>113</v>
      </c>
      <c r="AD17268">
        <v>115</v>
      </c>
      <c r="AE17268">
        <v>116</v>
      </c>
      <c r="AF17268">
        <v>116</v>
      </c>
      <c r="AG17268">
        <v>116</v>
      </c>
      <c r="AH17268">
        <v>116</v>
      </c>
      <c r="AI17268">
        <v>116</v>
      </c>
      <c r="AJ17268">
        <v>116</v>
      </c>
      <c r="AK17268">
        <v>117</v>
      </c>
      <c r="AL17268">
        <v>117</v>
      </c>
      <c r="AM17268">
        <v>117</v>
      </c>
      <c r="AN17268">
        <v>117</v>
      </c>
      <c r="AO17268">
        <v>117</v>
      </c>
      <c r="AP17268">
        <v>117</v>
      </c>
      <c r="AQ17268">
        <v>117</v>
      </c>
    </row>
    <row r="17269" spans="1:43">
      <c r="A17269" t="s">
        <v>10708</v>
      </c>
      <c r="B17269" t="s">
        <v>10709</v>
      </c>
      <c r="C17269" t="s">
        <v>10702</v>
      </c>
      <c r="D17269" t="s">
        <v>10703</v>
      </c>
      <c r="E17269" t="s">
        <v>10448</v>
      </c>
      <c r="F17269" t="s">
        <v>10449</v>
      </c>
      <c r="G17269" t="s">
        <v>10450</v>
      </c>
      <c r="H17269" t="s">
        <v>10451</v>
      </c>
      <c r="I17269" s="2">
        <v>1</v>
      </c>
      <c r="J17269" s="2">
        <v>0</v>
      </c>
      <c r="K17269" s="2">
        <v>0</v>
      </c>
      <c r="L17269" t="s">
        <v>120</v>
      </c>
      <c r="M17269" t="s">
        <v>83</v>
      </c>
      <c r="N17269" t="s">
        <v>91</v>
      </c>
      <c r="O17269" t="s">
        <v>85</v>
      </c>
      <c r="P17269" t="s">
        <v>86</v>
      </c>
      <c r="Q17269">
        <v>92</v>
      </c>
      <c r="R17269">
        <v>93</v>
      </c>
      <c r="S17269">
        <v>94</v>
      </c>
      <c r="T17269">
        <v>96</v>
      </c>
      <c r="U17269">
        <v>97</v>
      </c>
      <c r="V17269">
        <v>98</v>
      </c>
      <c r="W17269">
        <v>100</v>
      </c>
      <c r="X17269">
        <v>101</v>
      </c>
      <c r="Y17269">
        <v>102</v>
      </c>
      <c r="Z17269">
        <v>103</v>
      </c>
      <c r="AA17269">
        <v>104</v>
      </c>
      <c r="AB17269">
        <v>106</v>
      </c>
      <c r="AC17269">
        <v>107</v>
      </c>
      <c r="AD17269">
        <v>108</v>
      </c>
      <c r="AE17269">
        <v>109</v>
      </c>
      <c r="AF17269">
        <v>110</v>
      </c>
      <c r="AG17269">
        <v>111</v>
      </c>
      <c r="AH17269">
        <v>113</v>
      </c>
      <c r="AI17269">
        <v>114</v>
      </c>
      <c r="AJ17269">
        <v>115</v>
      </c>
      <c r="AK17269">
        <v>116</v>
      </c>
      <c r="AL17269">
        <v>117</v>
      </c>
      <c r="AM17269">
        <v>117</v>
      </c>
      <c r="AN17269">
        <v>117</v>
      </c>
      <c r="AO17269">
        <v>117</v>
      </c>
      <c r="AP17269">
        <v>117</v>
      </c>
      <c r="AQ17269">
        <v>117</v>
      </c>
    </row>
    <row r="17270" spans="1:43">
      <c r="A17270" t="s">
        <v>10710</v>
      </c>
      <c r="B17270" t="s">
        <v>10711</v>
      </c>
      <c r="C17270" t="s">
        <v>10702</v>
      </c>
      <c r="D17270" t="s">
        <v>10703</v>
      </c>
      <c r="E17270" t="s">
        <v>10448</v>
      </c>
      <c r="F17270" t="s">
        <v>10449</v>
      </c>
      <c r="G17270" t="s">
        <v>10450</v>
      </c>
      <c r="H17270" t="s">
        <v>10451</v>
      </c>
      <c r="I17270" s="2">
        <v>1</v>
      </c>
      <c r="J17270" s="2">
        <v>0</v>
      </c>
      <c r="K17270" s="2">
        <v>0</v>
      </c>
      <c r="L17270" t="s">
        <v>120</v>
      </c>
      <c r="M17270" t="s">
        <v>83</v>
      </c>
      <c r="N17270" t="s">
        <v>84</v>
      </c>
      <c r="O17270" t="s">
        <v>85</v>
      </c>
      <c r="P17270" t="s">
        <v>86</v>
      </c>
      <c r="Q17270">
        <v>4</v>
      </c>
      <c r="R17270">
        <v>4</v>
      </c>
      <c r="S17270">
        <v>4</v>
      </c>
      <c r="T17270">
        <v>5</v>
      </c>
      <c r="U17270">
        <v>5</v>
      </c>
      <c r="V17270">
        <v>5</v>
      </c>
      <c r="W17270">
        <v>5</v>
      </c>
      <c r="X17270">
        <v>5</v>
      </c>
      <c r="Y17270">
        <v>5</v>
      </c>
      <c r="Z17270">
        <v>5</v>
      </c>
      <c r="AA17270">
        <v>5</v>
      </c>
      <c r="AB17270">
        <v>5</v>
      </c>
      <c r="AC17270">
        <v>5</v>
      </c>
      <c r="AD17270">
        <v>5</v>
      </c>
      <c r="AE17270">
        <v>5</v>
      </c>
      <c r="AF17270">
        <v>5</v>
      </c>
      <c r="AG17270">
        <v>5</v>
      </c>
      <c r="AH17270">
        <v>5</v>
      </c>
      <c r="AI17270">
        <v>5</v>
      </c>
      <c r="AJ17270">
        <v>5</v>
      </c>
      <c r="AK17270">
        <v>5</v>
      </c>
      <c r="AL17270">
        <v>5</v>
      </c>
      <c r="AM17270">
        <v>5</v>
      </c>
      <c r="AN17270">
        <v>5</v>
      </c>
      <c r="AO17270">
        <v>6</v>
      </c>
      <c r="AP17270">
        <v>6</v>
      </c>
      <c r="AQ17270">
        <v>6</v>
      </c>
    </row>
    <row r="17271" spans="1:43">
      <c r="A17271" t="s">
        <v>10710</v>
      </c>
      <c r="B17271" t="s">
        <v>10711</v>
      </c>
      <c r="C17271" t="s">
        <v>10702</v>
      </c>
      <c r="D17271" t="s">
        <v>10703</v>
      </c>
      <c r="E17271" t="s">
        <v>10448</v>
      </c>
      <c r="F17271" t="s">
        <v>10449</v>
      </c>
      <c r="G17271" t="s">
        <v>10450</v>
      </c>
      <c r="H17271" t="s">
        <v>10451</v>
      </c>
      <c r="I17271" s="2">
        <v>1</v>
      </c>
      <c r="J17271" s="2">
        <v>0</v>
      </c>
      <c r="K17271" s="2">
        <v>0</v>
      </c>
      <c r="L17271" t="s">
        <v>120</v>
      </c>
      <c r="M17271" t="s">
        <v>87</v>
      </c>
      <c r="N17271" t="s">
        <v>88</v>
      </c>
      <c r="O17271" t="s">
        <v>85</v>
      </c>
      <c r="P17271" t="s">
        <v>86</v>
      </c>
      <c r="Q17271">
        <v>4</v>
      </c>
      <c r="R17271">
        <v>4</v>
      </c>
      <c r="S17271">
        <v>4</v>
      </c>
      <c r="T17271">
        <v>4</v>
      </c>
      <c r="U17271">
        <v>4</v>
      </c>
      <c r="V17271">
        <v>4</v>
      </c>
      <c r="W17271">
        <v>4</v>
      </c>
      <c r="X17271">
        <v>4</v>
      </c>
      <c r="Y17271">
        <v>4</v>
      </c>
      <c r="Z17271">
        <v>4</v>
      </c>
      <c r="AA17271">
        <v>4</v>
      </c>
      <c r="AB17271">
        <v>5</v>
      </c>
      <c r="AC17271">
        <v>5</v>
      </c>
      <c r="AD17271">
        <v>5</v>
      </c>
      <c r="AE17271">
        <v>5</v>
      </c>
      <c r="AF17271">
        <v>5</v>
      </c>
      <c r="AG17271">
        <v>5</v>
      </c>
      <c r="AH17271">
        <v>5</v>
      </c>
      <c r="AI17271">
        <v>5</v>
      </c>
      <c r="AJ17271">
        <v>5</v>
      </c>
      <c r="AK17271">
        <v>5</v>
      </c>
      <c r="AL17271">
        <v>5</v>
      </c>
      <c r="AM17271">
        <v>5</v>
      </c>
      <c r="AN17271">
        <v>5</v>
      </c>
      <c r="AO17271">
        <v>5</v>
      </c>
      <c r="AP17271">
        <v>5</v>
      </c>
      <c r="AQ17271">
        <v>5</v>
      </c>
    </row>
    <row r="17272" spans="1:43">
      <c r="A17272" t="s">
        <v>10710</v>
      </c>
      <c r="B17272" t="s">
        <v>10711</v>
      </c>
      <c r="C17272" t="s">
        <v>10702</v>
      </c>
      <c r="D17272" t="s">
        <v>10703</v>
      </c>
      <c r="E17272" t="s">
        <v>10448</v>
      </c>
      <c r="F17272" t="s">
        <v>10449</v>
      </c>
      <c r="G17272" t="s">
        <v>10450</v>
      </c>
      <c r="H17272" t="s">
        <v>10451</v>
      </c>
      <c r="I17272" s="2">
        <v>1</v>
      </c>
      <c r="J17272" s="2">
        <v>0</v>
      </c>
      <c r="K17272" s="2">
        <v>0</v>
      </c>
      <c r="L17272" t="s">
        <v>120</v>
      </c>
      <c r="M17272" t="s">
        <v>89</v>
      </c>
      <c r="N17272" t="s">
        <v>90</v>
      </c>
      <c r="O17272" t="s">
        <v>85</v>
      </c>
      <c r="P17272" t="s">
        <v>86</v>
      </c>
      <c r="Q17272">
        <v>4</v>
      </c>
      <c r="R17272">
        <v>4</v>
      </c>
      <c r="S17272">
        <v>5</v>
      </c>
      <c r="T17272">
        <v>5</v>
      </c>
      <c r="U17272">
        <v>5</v>
      </c>
      <c r="V17272">
        <v>5</v>
      </c>
      <c r="W17272">
        <v>5</v>
      </c>
      <c r="X17272">
        <v>5</v>
      </c>
      <c r="Y17272">
        <v>5</v>
      </c>
      <c r="Z17272">
        <v>5</v>
      </c>
      <c r="AA17272">
        <v>5</v>
      </c>
      <c r="AB17272">
        <v>5</v>
      </c>
      <c r="AC17272">
        <v>5</v>
      </c>
      <c r="AD17272">
        <v>5</v>
      </c>
      <c r="AE17272">
        <v>6</v>
      </c>
      <c r="AF17272">
        <v>6</v>
      </c>
      <c r="AG17272">
        <v>6</v>
      </c>
      <c r="AH17272">
        <v>6</v>
      </c>
      <c r="AI17272">
        <v>6</v>
      </c>
      <c r="AJ17272">
        <v>6</v>
      </c>
      <c r="AK17272">
        <v>6</v>
      </c>
      <c r="AL17272">
        <v>6</v>
      </c>
      <c r="AM17272">
        <v>6</v>
      </c>
      <c r="AN17272">
        <v>6</v>
      </c>
      <c r="AO17272">
        <v>6</v>
      </c>
      <c r="AP17272">
        <v>6</v>
      </c>
      <c r="AQ17272">
        <v>6</v>
      </c>
    </row>
    <row r="17273" spans="1:43">
      <c r="A17273" t="s">
        <v>10710</v>
      </c>
      <c r="B17273" t="s">
        <v>10711</v>
      </c>
      <c r="C17273" t="s">
        <v>10702</v>
      </c>
      <c r="D17273" t="s">
        <v>10703</v>
      </c>
      <c r="E17273" t="s">
        <v>10448</v>
      </c>
      <c r="F17273" t="s">
        <v>10449</v>
      </c>
      <c r="G17273" t="s">
        <v>10450</v>
      </c>
      <c r="H17273" t="s">
        <v>10451</v>
      </c>
      <c r="I17273" s="2">
        <v>1</v>
      </c>
      <c r="J17273" s="2">
        <v>0</v>
      </c>
      <c r="K17273" s="2">
        <v>0</v>
      </c>
      <c r="L17273" t="s">
        <v>120</v>
      </c>
      <c r="M17273" t="s">
        <v>83</v>
      </c>
      <c r="N17273" t="s">
        <v>91</v>
      </c>
      <c r="O17273" t="s">
        <v>85</v>
      </c>
      <c r="P17273" t="s">
        <v>86</v>
      </c>
      <c r="Q17273">
        <v>4</v>
      </c>
      <c r="R17273">
        <v>4</v>
      </c>
      <c r="S17273">
        <v>4</v>
      </c>
      <c r="T17273">
        <v>5</v>
      </c>
      <c r="U17273">
        <v>5</v>
      </c>
      <c r="V17273">
        <v>5</v>
      </c>
      <c r="W17273">
        <v>5</v>
      </c>
      <c r="X17273">
        <v>5</v>
      </c>
      <c r="Y17273">
        <v>5</v>
      </c>
      <c r="Z17273">
        <v>5</v>
      </c>
      <c r="AA17273">
        <v>5</v>
      </c>
      <c r="AB17273">
        <v>5</v>
      </c>
      <c r="AC17273">
        <v>5</v>
      </c>
      <c r="AD17273">
        <v>5</v>
      </c>
      <c r="AE17273">
        <v>5</v>
      </c>
      <c r="AF17273">
        <v>5</v>
      </c>
      <c r="AG17273">
        <v>5</v>
      </c>
      <c r="AH17273">
        <v>5</v>
      </c>
      <c r="AI17273">
        <v>5</v>
      </c>
      <c r="AJ17273">
        <v>5</v>
      </c>
      <c r="AK17273">
        <v>5</v>
      </c>
      <c r="AL17273">
        <v>5</v>
      </c>
      <c r="AM17273">
        <v>5</v>
      </c>
      <c r="AN17273">
        <v>5</v>
      </c>
      <c r="AO17273">
        <v>6</v>
      </c>
      <c r="AP17273">
        <v>6</v>
      </c>
      <c r="AQ17273">
        <v>6</v>
      </c>
    </row>
    <row r="17274" spans="1:43">
      <c r="A17274" t="s">
        <v>10712</v>
      </c>
      <c r="B17274" t="s">
        <v>10713</v>
      </c>
      <c r="C17274" t="s">
        <v>10522</v>
      </c>
      <c r="D17274" t="s">
        <v>10523</v>
      </c>
      <c r="E17274" t="s">
        <v>10448</v>
      </c>
      <c r="F17274" t="s">
        <v>10449</v>
      </c>
      <c r="G17274" t="s">
        <v>10450</v>
      </c>
      <c r="H17274" t="s">
        <v>10451</v>
      </c>
      <c r="I17274" s="2">
        <v>1</v>
      </c>
      <c r="J17274" s="2">
        <v>0</v>
      </c>
      <c r="K17274" s="2">
        <v>0</v>
      </c>
      <c r="L17274" t="s">
        <v>120</v>
      </c>
      <c r="M17274" t="s">
        <v>83</v>
      </c>
      <c r="N17274" t="s">
        <v>84</v>
      </c>
      <c r="O17274" t="s">
        <v>85</v>
      </c>
      <c r="P17274" t="s">
        <v>86</v>
      </c>
      <c r="Q17274">
        <v>7</v>
      </c>
      <c r="R17274">
        <v>7</v>
      </c>
      <c r="S17274">
        <v>7</v>
      </c>
      <c r="T17274">
        <v>7</v>
      </c>
      <c r="U17274">
        <v>7</v>
      </c>
      <c r="V17274">
        <v>7</v>
      </c>
      <c r="W17274">
        <v>8</v>
      </c>
      <c r="X17274">
        <v>8</v>
      </c>
      <c r="Y17274">
        <v>8</v>
      </c>
      <c r="Z17274">
        <v>8</v>
      </c>
      <c r="AA17274">
        <v>8</v>
      </c>
      <c r="AB17274">
        <v>8</v>
      </c>
      <c r="AC17274">
        <v>8</v>
      </c>
      <c r="AD17274">
        <v>8</v>
      </c>
      <c r="AE17274">
        <v>8</v>
      </c>
      <c r="AF17274">
        <v>8</v>
      </c>
      <c r="AG17274">
        <v>9</v>
      </c>
      <c r="AH17274">
        <v>9</v>
      </c>
      <c r="AI17274">
        <v>9</v>
      </c>
      <c r="AJ17274">
        <v>9</v>
      </c>
      <c r="AK17274">
        <v>9</v>
      </c>
      <c r="AL17274">
        <v>9</v>
      </c>
      <c r="AM17274">
        <v>9</v>
      </c>
      <c r="AN17274">
        <v>9</v>
      </c>
      <c r="AO17274">
        <v>9</v>
      </c>
      <c r="AP17274">
        <v>9</v>
      </c>
      <c r="AQ17274">
        <v>9</v>
      </c>
    </row>
    <row r="17275" spans="1:43">
      <c r="A17275" t="s">
        <v>10712</v>
      </c>
      <c r="B17275" t="s">
        <v>10713</v>
      </c>
      <c r="C17275" t="s">
        <v>10522</v>
      </c>
      <c r="D17275" t="s">
        <v>10523</v>
      </c>
      <c r="E17275" t="s">
        <v>10448</v>
      </c>
      <c r="F17275" t="s">
        <v>10449</v>
      </c>
      <c r="G17275" t="s">
        <v>10450</v>
      </c>
      <c r="H17275" t="s">
        <v>10451</v>
      </c>
      <c r="I17275" s="2">
        <v>1</v>
      </c>
      <c r="J17275" s="2">
        <v>0</v>
      </c>
      <c r="K17275" s="2">
        <v>0</v>
      </c>
      <c r="L17275" t="s">
        <v>120</v>
      </c>
      <c r="M17275" t="s">
        <v>87</v>
      </c>
      <c r="N17275" t="s">
        <v>88</v>
      </c>
      <c r="O17275" t="s">
        <v>85</v>
      </c>
      <c r="P17275" t="s">
        <v>86</v>
      </c>
      <c r="Q17275">
        <v>7</v>
      </c>
      <c r="R17275">
        <v>7</v>
      </c>
      <c r="S17275">
        <v>7</v>
      </c>
      <c r="T17275">
        <v>7</v>
      </c>
      <c r="U17275">
        <v>7</v>
      </c>
      <c r="V17275">
        <v>7</v>
      </c>
      <c r="W17275">
        <v>7</v>
      </c>
      <c r="X17275">
        <v>7</v>
      </c>
      <c r="Y17275">
        <v>7</v>
      </c>
      <c r="Z17275">
        <v>7</v>
      </c>
      <c r="AA17275">
        <v>7</v>
      </c>
      <c r="AB17275">
        <v>7</v>
      </c>
      <c r="AC17275">
        <v>7</v>
      </c>
      <c r="AD17275">
        <v>7</v>
      </c>
      <c r="AE17275">
        <v>7</v>
      </c>
      <c r="AF17275">
        <v>7</v>
      </c>
      <c r="AG17275">
        <v>7</v>
      </c>
      <c r="AH17275">
        <v>7</v>
      </c>
      <c r="AI17275">
        <v>7</v>
      </c>
      <c r="AJ17275">
        <v>8</v>
      </c>
      <c r="AK17275">
        <v>8</v>
      </c>
      <c r="AL17275">
        <v>8</v>
      </c>
      <c r="AM17275">
        <v>8</v>
      </c>
      <c r="AN17275">
        <v>8</v>
      </c>
      <c r="AO17275">
        <v>8</v>
      </c>
      <c r="AP17275">
        <v>8</v>
      </c>
      <c r="AQ17275">
        <v>8</v>
      </c>
    </row>
    <row r="17276" spans="1:43">
      <c r="A17276" t="s">
        <v>10712</v>
      </c>
      <c r="B17276" t="s">
        <v>10713</v>
      </c>
      <c r="C17276" t="s">
        <v>10522</v>
      </c>
      <c r="D17276" t="s">
        <v>10523</v>
      </c>
      <c r="E17276" t="s">
        <v>10448</v>
      </c>
      <c r="F17276" t="s">
        <v>10449</v>
      </c>
      <c r="G17276" t="s">
        <v>10450</v>
      </c>
      <c r="H17276" t="s">
        <v>10451</v>
      </c>
      <c r="I17276" s="2">
        <v>1</v>
      </c>
      <c r="J17276" s="2">
        <v>0</v>
      </c>
      <c r="K17276" s="2">
        <v>0</v>
      </c>
      <c r="L17276" t="s">
        <v>120</v>
      </c>
      <c r="M17276" t="s">
        <v>89</v>
      </c>
      <c r="N17276" t="s">
        <v>90</v>
      </c>
      <c r="O17276" t="s">
        <v>85</v>
      </c>
      <c r="P17276" t="s">
        <v>86</v>
      </c>
      <c r="Q17276">
        <v>7</v>
      </c>
      <c r="R17276">
        <v>7</v>
      </c>
      <c r="S17276">
        <v>7</v>
      </c>
      <c r="T17276">
        <v>8</v>
      </c>
      <c r="U17276">
        <v>8</v>
      </c>
      <c r="V17276">
        <v>8</v>
      </c>
      <c r="W17276">
        <v>8</v>
      </c>
      <c r="X17276">
        <v>8</v>
      </c>
      <c r="Y17276">
        <v>8</v>
      </c>
      <c r="Z17276">
        <v>8</v>
      </c>
      <c r="AA17276">
        <v>8</v>
      </c>
      <c r="AB17276">
        <v>9</v>
      </c>
      <c r="AC17276">
        <v>9</v>
      </c>
      <c r="AD17276">
        <v>9</v>
      </c>
      <c r="AE17276">
        <v>9</v>
      </c>
      <c r="AF17276">
        <v>9</v>
      </c>
      <c r="AG17276">
        <v>9</v>
      </c>
      <c r="AH17276">
        <v>9</v>
      </c>
      <c r="AI17276">
        <v>9</v>
      </c>
      <c r="AJ17276">
        <v>9</v>
      </c>
      <c r="AK17276">
        <v>9</v>
      </c>
      <c r="AL17276">
        <v>9</v>
      </c>
      <c r="AM17276">
        <v>9</v>
      </c>
      <c r="AN17276">
        <v>9</v>
      </c>
      <c r="AO17276">
        <v>9</v>
      </c>
      <c r="AP17276">
        <v>9</v>
      </c>
      <c r="AQ17276">
        <v>9</v>
      </c>
    </row>
    <row r="17277" spans="1:43">
      <c r="A17277" t="s">
        <v>10712</v>
      </c>
      <c r="B17277" t="s">
        <v>10713</v>
      </c>
      <c r="C17277" t="s">
        <v>10522</v>
      </c>
      <c r="D17277" t="s">
        <v>10523</v>
      </c>
      <c r="E17277" t="s">
        <v>10448</v>
      </c>
      <c r="F17277" t="s">
        <v>10449</v>
      </c>
      <c r="G17277" t="s">
        <v>10450</v>
      </c>
      <c r="H17277" t="s">
        <v>10451</v>
      </c>
      <c r="I17277" s="2">
        <v>1</v>
      </c>
      <c r="J17277" s="2">
        <v>0</v>
      </c>
      <c r="K17277" s="2">
        <v>0</v>
      </c>
      <c r="L17277" t="s">
        <v>120</v>
      </c>
      <c r="M17277" t="s">
        <v>83</v>
      </c>
      <c r="N17277" t="s">
        <v>91</v>
      </c>
      <c r="O17277" t="s">
        <v>85</v>
      </c>
      <c r="P17277" t="s">
        <v>86</v>
      </c>
      <c r="Q17277">
        <v>7</v>
      </c>
      <c r="R17277">
        <v>7</v>
      </c>
      <c r="S17277">
        <v>7</v>
      </c>
      <c r="T17277">
        <v>7</v>
      </c>
      <c r="U17277">
        <v>7</v>
      </c>
      <c r="V17277">
        <v>7</v>
      </c>
      <c r="W17277">
        <v>8</v>
      </c>
      <c r="X17277">
        <v>8</v>
      </c>
      <c r="Y17277">
        <v>8</v>
      </c>
      <c r="Z17277">
        <v>8</v>
      </c>
      <c r="AA17277">
        <v>8</v>
      </c>
      <c r="AB17277">
        <v>8</v>
      </c>
      <c r="AC17277">
        <v>8</v>
      </c>
      <c r="AD17277">
        <v>8</v>
      </c>
      <c r="AE17277">
        <v>8</v>
      </c>
      <c r="AF17277">
        <v>8</v>
      </c>
      <c r="AG17277">
        <v>9</v>
      </c>
      <c r="AH17277">
        <v>9</v>
      </c>
      <c r="AI17277">
        <v>9</v>
      </c>
      <c r="AJ17277">
        <v>9</v>
      </c>
      <c r="AK17277">
        <v>9</v>
      </c>
      <c r="AL17277">
        <v>9</v>
      </c>
      <c r="AM17277">
        <v>9</v>
      </c>
      <c r="AN17277">
        <v>9</v>
      </c>
      <c r="AO17277">
        <v>9</v>
      </c>
      <c r="AP17277">
        <v>9</v>
      </c>
      <c r="AQ17277">
        <v>9</v>
      </c>
    </row>
    <row r="17278" spans="1:43">
      <c r="A17278" t="s">
        <v>10714</v>
      </c>
      <c r="B17278" t="s">
        <v>10715</v>
      </c>
      <c r="C17278" t="s">
        <v>10516</v>
      </c>
      <c r="D17278" t="s">
        <v>10517</v>
      </c>
      <c r="E17278" t="s">
        <v>10448</v>
      </c>
      <c r="F17278" t="s">
        <v>10449</v>
      </c>
      <c r="G17278" t="s">
        <v>10450</v>
      </c>
      <c r="H17278" t="s">
        <v>10451</v>
      </c>
      <c r="I17278" s="2">
        <v>1</v>
      </c>
      <c r="J17278" s="2">
        <v>0</v>
      </c>
      <c r="K17278" s="2">
        <v>0</v>
      </c>
      <c r="L17278" t="s">
        <v>120</v>
      </c>
      <c r="M17278" t="s">
        <v>83</v>
      </c>
      <c r="N17278" t="s">
        <v>84</v>
      </c>
      <c r="O17278" t="s">
        <v>85</v>
      </c>
      <c r="P17278" t="s">
        <v>86</v>
      </c>
      <c r="Q17278">
        <v>7</v>
      </c>
      <c r="R17278">
        <v>7</v>
      </c>
      <c r="S17278">
        <v>7</v>
      </c>
      <c r="T17278">
        <v>7</v>
      </c>
      <c r="U17278">
        <v>7</v>
      </c>
      <c r="V17278">
        <v>7</v>
      </c>
      <c r="W17278">
        <v>7</v>
      </c>
      <c r="X17278">
        <v>7</v>
      </c>
      <c r="Y17278">
        <v>8</v>
      </c>
      <c r="Z17278">
        <v>8</v>
      </c>
      <c r="AA17278">
        <v>8</v>
      </c>
      <c r="AB17278">
        <v>8</v>
      </c>
      <c r="AC17278">
        <v>8</v>
      </c>
      <c r="AD17278">
        <v>8</v>
      </c>
      <c r="AE17278">
        <v>8</v>
      </c>
      <c r="AF17278">
        <v>8</v>
      </c>
      <c r="AG17278">
        <v>8</v>
      </c>
      <c r="AH17278">
        <v>8</v>
      </c>
      <c r="AI17278">
        <v>8</v>
      </c>
      <c r="AJ17278">
        <v>9</v>
      </c>
      <c r="AK17278">
        <v>9</v>
      </c>
      <c r="AL17278">
        <v>9</v>
      </c>
      <c r="AM17278">
        <v>9</v>
      </c>
      <c r="AN17278">
        <v>9</v>
      </c>
      <c r="AO17278">
        <v>9</v>
      </c>
      <c r="AP17278">
        <v>9</v>
      </c>
      <c r="AQ17278">
        <v>9</v>
      </c>
    </row>
    <row r="17279" spans="1:43">
      <c r="A17279" t="s">
        <v>10714</v>
      </c>
      <c r="B17279" t="s">
        <v>10715</v>
      </c>
      <c r="C17279" t="s">
        <v>10516</v>
      </c>
      <c r="D17279" t="s">
        <v>10517</v>
      </c>
      <c r="E17279" t="s">
        <v>10448</v>
      </c>
      <c r="F17279" t="s">
        <v>10449</v>
      </c>
      <c r="G17279" t="s">
        <v>10450</v>
      </c>
      <c r="H17279" t="s">
        <v>10451</v>
      </c>
      <c r="I17279" s="2">
        <v>1</v>
      </c>
      <c r="J17279" s="2">
        <v>0</v>
      </c>
      <c r="K17279" s="2">
        <v>0</v>
      </c>
      <c r="L17279" t="s">
        <v>120</v>
      </c>
      <c r="M17279" t="s">
        <v>87</v>
      </c>
      <c r="N17279" t="s">
        <v>88</v>
      </c>
      <c r="O17279" t="s">
        <v>85</v>
      </c>
      <c r="P17279" t="s">
        <v>86</v>
      </c>
      <c r="Q17279">
        <v>7</v>
      </c>
      <c r="R17279">
        <v>7</v>
      </c>
      <c r="S17279">
        <v>7</v>
      </c>
      <c r="T17279">
        <v>7</v>
      </c>
      <c r="U17279">
        <v>7</v>
      </c>
      <c r="V17279">
        <v>7</v>
      </c>
      <c r="W17279">
        <v>7</v>
      </c>
      <c r="X17279">
        <v>7</v>
      </c>
      <c r="Y17279">
        <v>7</v>
      </c>
      <c r="Z17279">
        <v>7</v>
      </c>
      <c r="AA17279">
        <v>7</v>
      </c>
      <c r="AB17279">
        <v>7</v>
      </c>
      <c r="AC17279">
        <v>7</v>
      </c>
      <c r="AD17279">
        <v>7</v>
      </c>
      <c r="AE17279">
        <v>7</v>
      </c>
      <c r="AF17279">
        <v>7</v>
      </c>
      <c r="AG17279">
        <v>7</v>
      </c>
      <c r="AH17279">
        <v>7</v>
      </c>
      <c r="AI17279">
        <v>7</v>
      </c>
      <c r="AJ17279">
        <v>7</v>
      </c>
      <c r="AK17279">
        <v>7</v>
      </c>
      <c r="AL17279">
        <v>7</v>
      </c>
      <c r="AM17279">
        <v>7</v>
      </c>
      <c r="AN17279">
        <v>7</v>
      </c>
      <c r="AO17279">
        <v>7</v>
      </c>
      <c r="AP17279">
        <v>8</v>
      </c>
      <c r="AQ17279">
        <v>8</v>
      </c>
    </row>
    <row r="17280" spans="1:43">
      <c r="A17280" t="s">
        <v>10714</v>
      </c>
      <c r="B17280" t="s">
        <v>10715</v>
      </c>
      <c r="C17280" t="s">
        <v>10516</v>
      </c>
      <c r="D17280" t="s">
        <v>10517</v>
      </c>
      <c r="E17280" t="s">
        <v>10448</v>
      </c>
      <c r="F17280" t="s">
        <v>10449</v>
      </c>
      <c r="G17280" t="s">
        <v>10450</v>
      </c>
      <c r="H17280" t="s">
        <v>10451</v>
      </c>
      <c r="I17280" s="2">
        <v>1</v>
      </c>
      <c r="J17280" s="2">
        <v>0</v>
      </c>
      <c r="K17280" s="2">
        <v>0</v>
      </c>
      <c r="L17280" t="s">
        <v>120</v>
      </c>
      <c r="M17280" t="s">
        <v>89</v>
      </c>
      <c r="N17280" t="s">
        <v>90</v>
      </c>
      <c r="O17280" t="s">
        <v>85</v>
      </c>
      <c r="P17280" t="s">
        <v>86</v>
      </c>
      <c r="Q17280">
        <v>7</v>
      </c>
      <c r="R17280">
        <v>7</v>
      </c>
      <c r="S17280">
        <v>7</v>
      </c>
      <c r="T17280">
        <v>7</v>
      </c>
      <c r="U17280">
        <v>7</v>
      </c>
      <c r="V17280">
        <v>8</v>
      </c>
      <c r="W17280">
        <v>8</v>
      </c>
      <c r="X17280">
        <v>8</v>
      </c>
      <c r="Y17280">
        <v>8</v>
      </c>
      <c r="Z17280">
        <v>8</v>
      </c>
      <c r="AA17280">
        <v>8</v>
      </c>
      <c r="AB17280">
        <v>8</v>
      </c>
      <c r="AC17280">
        <v>8</v>
      </c>
      <c r="AD17280">
        <v>9</v>
      </c>
      <c r="AE17280">
        <v>9</v>
      </c>
      <c r="AF17280">
        <v>9</v>
      </c>
      <c r="AG17280">
        <v>9</v>
      </c>
      <c r="AH17280">
        <v>9</v>
      </c>
      <c r="AI17280">
        <v>9</v>
      </c>
      <c r="AJ17280">
        <v>9</v>
      </c>
      <c r="AK17280">
        <v>9</v>
      </c>
      <c r="AL17280">
        <v>9</v>
      </c>
      <c r="AM17280">
        <v>9</v>
      </c>
      <c r="AN17280">
        <v>9</v>
      </c>
      <c r="AO17280">
        <v>9</v>
      </c>
      <c r="AP17280">
        <v>9</v>
      </c>
      <c r="AQ17280">
        <v>9</v>
      </c>
    </row>
    <row r="17281" spans="1:43">
      <c r="A17281" t="s">
        <v>10714</v>
      </c>
      <c r="B17281" t="s">
        <v>10715</v>
      </c>
      <c r="C17281" t="s">
        <v>10516</v>
      </c>
      <c r="D17281" t="s">
        <v>10517</v>
      </c>
      <c r="E17281" t="s">
        <v>10448</v>
      </c>
      <c r="F17281" t="s">
        <v>10449</v>
      </c>
      <c r="G17281" t="s">
        <v>10450</v>
      </c>
      <c r="H17281" t="s">
        <v>10451</v>
      </c>
      <c r="I17281" s="2">
        <v>1</v>
      </c>
      <c r="J17281" s="2">
        <v>0</v>
      </c>
      <c r="K17281" s="2">
        <v>0</v>
      </c>
      <c r="L17281" t="s">
        <v>120</v>
      </c>
      <c r="M17281" t="s">
        <v>83</v>
      </c>
      <c r="N17281" t="s">
        <v>91</v>
      </c>
      <c r="O17281" t="s">
        <v>85</v>
      </c>
      <c r="P17281" t="s">
        <v>86</v>
      </c>
      <c r="Q17281">
        <v>7</v>
      </c>
      <c r="R17281">
        <v>7</v>
      </c>
      <c r="S17281">
        <v>7</v>
      </c>
      <c r="T17281">
        <v>7</v>
      </c>
      <c r="U17281">
        <v>7</v>
      </c>
      <c r="V17281">
        <v>7</v>
      </c>
      <c r="W17281">
        <v>7</v>
      </c>
      <c r="X17281">
        <v>7</v>
      </c>
      <c r="Y17281">
        <v>8</v>
      </c>
      <c r="Z17281">
        <v>8</v>
      </c>
      <c r="AA17281">
        <v>8</v>
      </c>
      <c r="AB17281">
        <v>8</v>
      </c>
      <c r="AC17281">
        <v>8</v>
      </c>
      <c r="AD17281">
        <v>8</v>
      </c>
      <c r="AE17281">
        <v>8</v>
      </c>
      <c r="AF17281">
        <v>8</v>
      </c>
      <c r="AG17281">
        <v>8</v>
      </c>
      <c r="AH17281">
        <v>8</v>
      </c>
      <c r="AI17281">
        <v>8</v>
      </c>
      <c r="AJ17281">
        <v>9</v>
      </c>
      <c r="AK17281">
        <v>9</v>
      </c>
      <c r="AL17281">
        <v>9</v>
      </c>
      <c r="AM17281">
        <v>9</v>
      </c>
      <c r="AN17281">
        <v>9</v>
      </c>
      <c r="AO17281">
        <v>9</v>
      </c>
      <c r="AP17281">
        <v>9</v>
      </c>
      <c r="AQ17281">
        <v>9</v>
      </c>
    </row>
    <row r="17282" spans="1:43">
      <c r="A17282" t="s">
        <v>10716</v>
      </c>
      <c r="B17282" t="s">
        <v>10717</v>
      </c>
      <c r="C17282" t="s">
        <v>10522</v>
      </c>
      <c r="D17282" t="s">
        <v>10523</v>
      </c>
      <c r="E17282" t="s">
        <v>10448</v>
      </c>
      <c r="F17282" t="s">
        <v>10449</v>
      </c>
      <c r="G17282" t="s">
        <v>10450</v>
      </c>
      <c r="H17282" t="s">
        <v>10451</v>
      </c>
      <c r="I17282" s="2">
        <v>1</v>
      </c>
      <c r="J17282" s="2">
        <v>0</v>
      </c>
      <c r="K17282" s="2">
        <v>0</v>
      </c>
      <c r="L17282" t="s">
        <v>120</v>
      </c>
      <c r="M17282" t="s">
        <v>83</v>
      </c>
      <c r="N17282" t="s">
        <v>84</v>
      </c>
      <c r="O17282" t="s">
        <v>85</v>
      </c>
      <c r="P17282" t="s">
        <v>86</v>
      </c>
      <c r="Q17282">
        <v>15</v>
      </c>
      <c r="R17282">
        <v>15</v>
      </c>
      <c r="S17282">
        <v>15</v>
      </c>
      <c r="T17282">
        <v>15</v>
      </c>
      <c r="U17282">
        <v>16</v>
      </c>
      <c r="V17282">
        <v>16</v>
      </c>
      <c r="W17282">
        <v>16</v>
      </c>
      <c r="X17282">
        <v>16</v>
      </c>
      <c r="Y17282">
        <v>16</v>
      </c>
      <c r="Z17282">
        <v>17</v>
      </c>
      <c r="AA17282">
        <v>17</v>
      </c>
      <c r="AB17282">
        <v>17</v>
      </c>
      <c r="AC17282">
        <v>17</v>
      </c>
      <c r="AD17282">
        <v>17</v>
      </c>
      <c r="AE17282">
        <v>18</v>
      </c>
      <c r="AF17282">
        <v>18</v>
      </c>
      <c r="AG17282">
        <v>18</v>
      </c>
      <c r="AH17282">
        <v>18</v>
      </c>
      <c r="AI17282">
        <v>18</v>
      </c>
      <c r="AJ17282">
        <v>18</v>
      </c>
      <c r="AK17282">
        <v>19</v>
      </c>
      <c r="AL17282">
        <v>19</v>
      </c>
      <c r="AM17282">
        <v>19</v>
      </c>
      <c r="AN17282">
        <v>19</v>
      </c>
      <c r="AO17282">
        <v>19</v>
      </c>
      <c r="AP17282">
        <v>19</v>
      </c>
      <c r="AQ17282">
        <v>19</v>
      </c>
    </row>
    <row r="17283" spans="1:43">
      <c r="A17283" t="s">
        <v>10716</v>
      </c>
      <c r="B17283" t="s">
        <v>10717</v>
      </c>
      <c r="C17283" t="s">
        <v>10522</v>
      </c>
      <c r="D17283" t="s">
        <v>10523</v>
      </c>
      <c r="E17283" t="s">
        <v>10448</v>
      </c>
      <c r="F17283" t="s">
        <v>10449</v>
      </c>
      <c r="G17283" t="s">
        <v>10450</v>
      </c>
      <c r="H17283" t="s">
        <v>10451</v>
      </c>
      <c r="I17283" s="2">
        <v>1</v>
      </c>
      <c r="J17283" s="2">
        <v>0</v>
      </c>
      <c r="K17283" s="2">
        <v>0</v>
      </c>
      <c r="L17283" t="s">
        <v>120</v>
      </c>
      <c r="M17283" t="s">
        <v>87</v>
      </c>
      <c r="N17283" t="s">
        <v>88</v>
      </c>
      <c r="O17283" t="s">
        <v>85</v>
      </c>
      <c r="P17283" t="s">
        <v>86</v>
      </c>
      <c r="Q17283">
        <v>15</v>
      </c>
      <c r="R17283">
        <v>15</v>
      </c>
      <c r="S17283">
        <v>15</v>
      </c>
      <c r="T17283">
        <v>15</v>
      </c>
      <c r="U17283">
        <v>15</v>
      </c>
      <c r="V17283">
        <v>15</v>
      </c>
      <c r="W17283">
        <v>15</v>
      </c>
      <c r="X17283">
        <v>15</v>
      </c>
      <c r="Y17283">
        <v>15</v>
      </c>
      <c r="Z17283">
        <v>15</v>
      </c>
      <c r="AA17283">
        <v>15</v>
      </c>
      <c r="AB17283">
        <v>15</v>
      </c>
      <c r="AC17283">
        <v>15</v>
      </c>
      <c r="AD17283">
        <v>15</v>
      </c>
      <c r="AE17283">
        <v>16</v>
      </c>
      <c r="AF17283">
        <v>16</v>
      </c>
      <c r="AG17283">
        <v>16</v>
      </c>
      <c r="AH17283">
        <v>16</v>
      </c>
      <c r="AI17283">
        <v>16</v>
      </c>
      <c r="AJ17283">
        <v>16</v>
      </c>
      <c r="AK17283">
        <v>16</v>
      </c>
      <c r="AL17283">
        <v>16</v>
      </c>
      <c r="AM17283">
        <v>16</v>
      </c>
      <c r="AN17283">
        <v>16</v>
      </c>
      <c r="AO17283">
        <v>16</v>
      </c>
      <c r="AP17283">
        <v>16</v>
      </c>
      <c r="AQ17283">
        <v>16</v>
      </c>
    </row>
    <row r="17284" spans="1:43">
      <c r="A17284" t="s">
        <v>10716</v>
      </c>
      <c r="B17284" t="s">
        <v>10717</v>
      </c>
      <c r="C17284" t="s">
        <v>10522</v>
      </c>
      <c r="D17284" t="s">
        <v>10523</v>
      </c>
      <c r="E17284" t="s">
        <v>10448</v>
      </c>
      <c r="F17284" t="s">
        <v>10449</v>
      </c>
      <c r="G17284" t="s">
        <v>10450</v>
      </c>
      <c r="H17284" t="s">
        <v>10451</v>
      </c>
      <c r="I17284" s="2">
        <v>1</v>
      </c>
      <c r="J17284" s="2">
        <v>0</v>
      </c>
      <c r="K17284" s="2">
        <v>0</v>
      </c>
      <c r="L17284" t="s">
        <v>120</v>
      </c>
      <c r="M17284" t="s">
        <v>89</v>
      </c>
      <c r="N17284" t="s">
        <v>90</v>
      </c>
      <c r="O17284" t="s">
        <v>85</v>
      </c>
      <c r="P17284" t="s">
        <v>86</v>
      </c>
      <c r="Q17284">
        <v>15</v>
      </c>
      <c r="R17284">
        <v>15</v>
      </c>
      <c r="S17284">
        <v>16</v>
      </c>
      <c r="T17284">
        <v>16</v>
      </c>
      <c r="U17284">
        <v>16</v>
      </c>
      <c r="V17284">
        <v>16</v>
      </c>
      <c r="W17284">
        <v>17</v>
      </c>
      <c r="X17284">
        <v>17</v>
      </c>
      <c r="Y17284">
        <v>17</v>
      </c>
      <c r="Z17284">
        <v>18</v>
      </c>
      <c r="AA17284">
        <v>18</v>
      </c>
      <c r="AB17284">
        <v>18</v>
      </c>
      <c r="AC17284">
        <v>18</v>
      </c>
      <c r="AD17284">
        <v>19</v>
      </c>
      <c r="AE17284">
        <v>19</v>
      </c>
      <c r="AF17284">
        <v>19</v>
      </c>
      <c r="AG17284">
        <v>19</v>
      </c>
      <c r="AH17284">
        <v>19</v>
      </c>
      <c r="AI17284">
        <v>19</v>
      </c>
      <c r="AJ17284">
        <v>19</v>
      </c>
      <c r="AK17284">
        <v>19</v>
      </c>
      <c r="AL17284">
        <v>19</v>
      </c>
      <c r="AM17284">
        <v>19</v>
      </c>
      <c r="AN17284">
        <v>19</v>
      </c>
      <c r="AO17284">
        <v>19</v>
      </c>
      <c r="AP17284">
        <v>19</v>
      </c>
      <c r="AQ17284">
        <v>19</v>
      </c>
    </row>
    <row r="17285" spans="1:43">
      <c r="A17285" t="s">
        <v>10716</v>
      </c>
      <c r="B17285" t="s">
        <v>10717</v>
      </c>
      <c r="C17285" t="s">
        <v>10522</v>
      </c>
      <c r="D17285" t="s">
        <v>10523</v>
      </c>
      <c r="E17285" t="s">
        <v>10448</v>
      </c>
      <c r="F17285" t="s">
        <v>10449</v>
      </c>
      <c r="G17285" t="s">
        <v>10450</v>
      </c>
      <c r="H17285" t="s">
        <v>10451</v>
      </c>
      <c r="I17285" s="2">
        <v>1</v>
      </c>
      <c r="J17285" s="2">
        <v>0</v>
      </c>
      <c r="K17285" s="2">
        <v>0</v>
      </c>
      <c r="L17285" t="s">
        <v>120</v>
      </c>
      <c r="M17285" t="s">
        <v>83</v>
      </c>
      <c r="N17285" t="s">
        <v>91</v>
      </c>
      <c r="O17285" t="s">
        <v>85</v>
      </c>
      <c r="P17285" t="s">
        <v>86</v>
      </c>
      <c r="Q17285">
        <v>15</v>
      </c>
      <c r="R17285">
        <v>15</v>
      </c>
      <c r="S17285">
        <v>15</v>
      </c>
      <c r="T17285">
        <v>15</v>
      </c>
      <c r="U17285">
        <v>16</v>
      </c>
      <c r="V17285">
        <v>16</v>
      </c>
      <c r="W17285">
        <v>16</v>
      </c>
      <c r="X17285">
        <v>16</v>
      </c>
      <c r="Y17285">
        <v>16</v>
      </c>
      <c r="Z17285">
        <v>17</v>
      </c>
      <c r="AA17285">
        <v>17</v>
      </c>
      <c r="AB17285">
        <v>17</v>
      </c>
      <c r="AC17285">
        <v>17</v>
      </c>
      <c r="AD17285">
        <v>17</v>
      </c>
      <c r="AE17285">
        <v>18</v>
      </c>
      <c r="AF17285">
        <v>18</v>
      </c>
      <c r="AG17285">
        <v>18</v>
      </c>
      <c r="AH17285">
        <v>18</v>
      </c>
      <c r="AI17285">
        <v>18</v>
      </c>
      <c r="AJ17285">
        <v>18</v>
      </c>
      <c r="AK17285">
        <v>19</v>
      </c>
      <c r="AL17285">
        <v>19</v>
      </c>
      <c r="AM17285">
        <v>19</v>
      </c>
      <c r="AN17285">
        <v>19</v>
      </c>
      <c r="AO17285">
        <v>19</v>
      </c>
      <c r="AP17285">
        <v>19</v>
      </c>
      <c r="AQ17285">
        <v>19</v>
      </c>
    </row>
    <row r="17286" spans="1:43">
      <c r="A17286" t="s">
        <v>10718</v>
      </c>
      <c r="B17286" t="s">
        <v>10719</v>
      </c>
      <c r="C17286" t="s">
        <v>10522</v>
      </c>
      <c r="D17286" t="s">
        <v>10523</v>
      </c>
      <c r="E17286" t="s">
        <v>10448</v>
      </c>
      <c r="F17286" t="s">
        <v>10449</v>
      </c>
      <c r="G17286" t="s">
        <v>10450</v>
      </c>
      <c r="H17286" t="s">
        <v>10451</v>
      </c>
      <c r="I17286" s="2">
        <v>1</v>
      </c>
      <c r="J17286" s="2">
        <v>0</v>
      </c>
      <c r="K17286" s="2">
        <v>0</v>
      </c>
      <c r="L17286" t="s">
        <v>120</v>
      </c>
      <c r="M17286" t="s">
        <v>83</v>
      </c>
      <c r="N17286" t="s">
        <v>84</v>
      </c>
      <c r="O17286" t="s">
        <v>85</v>
      </c>
      <c r="P17286" t="s">
        <v>86</v>
      </c>
      <c r="Q17286">
        <v>7</v>
      </c>
      <c r="R17286">
        <v>7</v>
      </c>
      <c r="S17286">
        <v>7</v>
      </c>
      <c r="T17286">
        <v>7</v>
      </c>
      <c r="U17286">
        <v>8</v>
      </c>
      <c r="V17286">
        <v>8</v>
      </c>
      <c r="W17286">
        <v>8</v>
      </c>
      <c r="X17286">
        <v>8</v>
      </c>
      <c r="Y17286">
        <v>8</v>
      </c>
      <c r="Z17286">
        <v>8</v>
      </c>
      <c r="AA17286">
        <v>8</v>
      </c>
      <c r="AB17286">
        <v>8</v>
      </c>
      <c r="AC17286">
        <v>8</v>
      </c>
      <c r="AD17286">
        <v>8</v>
      </c>
      <c r="AE17286">
        <v>8</v>
      </c>
      <c r="AF17286">
        <v>9</v>
      </c>
      <c r="AG17286">
        <v>9</v>
      </c>
      <c r="AH17286">
        <v>9</v>
      </c>
      <c r="AI17286">
        <v>9</v>
      </c>
      <c r="AJ17286">
        <v>9</v>
      </c>
      <c r="AK17286">
        <v>9</v>
      </c>
      <c r="AL17286">
        <v>9</v>
      </c>
      <c r="AM17286">
        <v>9</v>
      </c>
      <c r="AN17286">
        <v>9</v>
      </c>
      <c r="AO17286">
        <v>9</v>
      </c>
      <c r="AP17286">
        <v>9</v>
      </c>
      <c r="AQ17286">
        <v>9</v>
      </c>
    </row>
    <row r="17287" spans="1:43">
      <c r="A17287" t="s">
        <v>10718</v>
      </c>
      <c r="B17287" t="s">
        <v>10719</v>
      </c>
      <c r="C17287" t="s">
        <v>10522</v>
      </c>
      <c r="D17287" t="s">
        <v>10523</v>
      </c>
      <c r="E17287" t="s">
        <v>10448</v>
      </c>
      <c r="F17287" t="s">
        <v>10449</v>
      </c>
      <c r="G17287" t="s">
        <v>10450</v>
      </c>
      <c r="H17287" t="s">
        <v>10451</v>
      </c>
      <c r="I17287" s="2">
        <v>1</v>
      </c>
      <c r="J17287" s="2">
        <v>0</v>
      </c>
      <c r="K17287" s="2">
        <v>0</v>
      </c>
      <c r="L17287" t="s">
        <v>120</v>
      </c>
      <c r="M17287" t="s">
        <v>87</v>
      </c>
      <c r="N17287" t="s">
        <v>88</v>
      </c>
      <c r="O17287" t="s">
        <v>85</v>
      </c>
      <c r="P17287" t="s">
        <v>86</v>
      </c>
      <c r="Q17287">
        <v>7</v>
      </c>
      <c r="R17287">
        <v>7</v>
      </c>
      <c r="S17287">
        <v>7</v>
      </c>
      <c r="T17287">
        <v>7</v>
      </c>
      <c r="U17287">
        <v>7</v>
      </c>
      <c r="V17287">
        <v>7</v>
      </c>
      <c r="W17287">
        <v>7</v>
      </c>
      <c r="X17287">
        <v>7</v>
      </c>
      <c r="Y17287">
        <v>7</v>
      </c>
      <c r="Z17287">
        <v>7</v>
      </c>
      <c r="AA17287">
        <v>7</v>
      </c>
      <c r="AB17287">
        <v>7</v>
      </c>
      <c r="AC17287">
        <v>7</v>
      </c>
      <c r="AD17287">
        <v>7</v>
      </c>
      <c r="AE17287">
        <v>7</v>
      </c>
      <c r="AF17287">
        <v>8</v>
      </c>
      <c r="AG17287">
        <v>8</v>
      </c>
      <c r="AH17287">
        <v>8</v>
      </c>
      <c r="AI17287">
        <v>8</v>
      </c>
      <c r="AJ17287">
        <v>8</v>
      </c>
      <c r="AK17287">
        <v>8</v>
      </c>
      <c r="AL17287">
        <v>8</v>
      </c>
      <c r="AM17287">
        <v>8</v>
      </c>
      <c r="AN17287">
        <v>8</v>
      </c>
      <c r="AO17287">
        <v>8</v>
      </c>
      <c r="AP17287">
        <v>8</v>
      </c>
      <c r="AQ17287">
        <v>8</v>
      </c>
    </row>
    <row r="17288" spans="1:43">
      <c r="A17288" t="s">
        <v>10718</v>
      </c>
      <c r="B17288" t="s">
        <v>10719</v>
      </c>
      <c r="C17288" t="s">
        <v>10522</v>
      </c>
      <c r="D17288" t="s">
        <v>10523</v>
      </c>
      <c r="E17288" t="s">
        <v>10448</v>
      </c>
      <c r="F17288" t="s">
        <v>10449</v>
      </c>
      <c r="G17288" t="s">
        <v>10450</v>
      </c>
      <c r="H17288" t="s">
        <v>10451</v>
      </c>
      <c r="I17288" s="2">
        <v>1</v>
      </c>
      <c r="J17288" s="2">
        <v>0</v>
      </c>
      <c r="K17288" s="2">
        <v>0</v>
      </c>
      <c r="L17288" t="s">
        <v>120</v>
      </c>
      <c r="M17288" t="s">
        <v>89</v>
      </c>
      <c r="N17288" t="s">
        <v>90</v>
      </c>
      <c r="O17288" t="s">
        <v>85</v>
      </c>
      <c r="P17288" t="s">
        <v>86</v>
      </c>
      <c r="Q17288">
        <v>7</v>
      </c>
      <c r="R17288">
        <v>7</v>
      </c>
      <c r="S17288">
        <v>7</v>
      </c>
      <c r="T17288">
        <v>8</v>
      </c>
      <c r="U17288">
        <v>8</v>
      </c>
      <c r="V17288">
        <v>8</v>
      </c>
      <c r="W17288">
        <v>8</v>
      </c>
      <c r="X17288">
        <v>8</v>
      </c>
      <c r="Y17288">
        <v>8</v>
      </c>
      <c r="Z17288">
        <v>8</v>
      </c>
      <c r="AA17288">
        <v>9</v>
      </c>
      <c r="AB17288">
        <v>9</v>
      </c>
      <c r="AC17288">
        <v>9</v>
      </c>
      <c r="AD17288">
        <v>9</v>
      </c>
      <c r="AE17288">
        <v>9</v>
      </c>
      <c r="AF17288">
        <v>9</v>
      </c>
      <c r="AG17288">
        <v>9</v>
      </c>
      <c r="AH17288">
        <v>9</v>
      </c>
      <c r="AI17288">
        <v>9</v>
      </c>
      <c r="AJ17288">
        <v>9</v>
      </c>
      <c r="AK17288">
        <v>9</v>
      </c>
      <c r="AL17288">
        <v>9</v>
      </c>
      <c r="AM17288">
        <v>9</v>
      </c>
      <c r="AN17288">
        <v>9</v>
      </c>
      <c r="AO17288">
        <v>9</v>
      </c>
      <c r="AP17288">
        <v>9</v>
      </c>
      <c r="AQ17288">
        <v>9</v>
      </c>
    </row>
    <row r="17289" spans="1:43">
      <c r="A17289" t="s">
        <v>10718</v>
      </c>
      <c r="B17289" t="s">
        <v>10719</v>
      </c>
      <c r="C17289" t="s">
        <v>10522</v>
      </c>
      <c r="D17289" t="s">
        <v>10523</v>
      </c>
      <c r="E17289" t="s">
        <v>10448</v>
      </c>
      <c r="F17289" t="s">
        <v>10449</v>
      </c>
      <c r="G17289" t="s">
        <v>10450</v>
      </c>
      <c r="H17289" t="s">
        <v>10451</v>
      </c>
      <c r="I17289" s="2">
        <v>1</v>
      </c>
      <c r="J17289" s="2">
        <v>0</v>
      </c>
      <c r="K17289" s="2">
        <v>0</v>
      </c>
      <c r="L17289" t="s">
        <v>120</v>
      </c>
      <c r="M17289" t="s">
        <v>83</v>
      </c>
      <c r="N17289" t="s">
        <v>91</v>
      </c>
      <c r="O17289" t="s">
        <v>85</v>
      </c>
      <c r="P17289" t="s">
        <v>86</v>
      </c>
      <c r="Q17289">
        <v>7</v>
      </c>
      <c r="R17289">
        <v>7</v>
      </c>
      <c r="S17289">
        <v>7</v>
      </c>
      <c r="T17289">
        <v>7</v>
      </c>
      <c r="U17289">
        <v>8</v>
      </c>
      <c r="V17289">
        <v>8</v>
      </c>
      <c r="W17289">
        <v>8</v>
      </c>
      <c r="X17289">
        <v>8</v>
      </c>
      <c r="Y17289">
        <v>8</v>
      </c>
      <c r="Z17289">
        <v>8</v>
      </c>
      <c r="AA17289">
        <v>8</v>
      </c>
      <c r="AB17289">
        <v>8</v>
      </c>
      <c r="AC17289">
        <v>8</v>
      </c>
      <c r="AD17289">
        <v>8</v>
      </c>
      <c r="AE17289">
        <v>8</v>
      </c>
      <c r="AF17289">
        <v>9</v>
      </c>
      <c r="AG17289">
        <v>9</v>
      </c>
      <c r="AH17289">
        <v>9</v>
      </c>
      <c r="AI17289">
        <v>9</v>
      </c>
      <c r="AJ17289">
        <v>9</v>
      </c>
      <c r="AK17289">
        <v>9</v>
      </c>
      <c r="AL17289">
        <v>9</v>
      </c>
      <c r="AM17289">
        <v>9</v>
      </c>
      <c r="AN17289">
        <v>9</v>
      </c>
      <c r="AO17289">
        <v>9</v>
      </c>
      <c r="AP17289">
        <v>9</v>
      </c>
      <c r="AQ17289">
        <v>9</v>
      </c>
    </row>
    <row r="17290" spans="1:43">
      <c r="A17290" t="s">
        <v>10720</v>
      </c>
      <c r="B17290" t="s">
        <v>10721</v>
      </c>
      <c r="C17290" t="s">
        <v>10522</v>
      </c>
      <c r="D17290" t="s">
        <v>10523</v>
      </c>
      <c r="E17290" t="s">
        <v>10448</v>
      </c>
      <c r="F17290" t="s">
        <v>10449</v>
      </c>
      <c r="G17290" t="s">
        <v>10450</v>
      </c>
      <c r="H17290" t="s">
        <v>10451</v>
      </c>
      <c r="I17290" s="2">
        <v>1</v>
      </c>
      <c r="J17290" s="2">
        <v>0</v>
      </c>
      <c r="K17290" s="2">
        <v>0</v>
      </c>
      <c r="L17290" t="s">
        <v>120</v>
      </c>
      <c r="M17290" t="s">
        <v>83</v>
      </c>
      <c r="N17290" t="s">
        <v>84</v>
      </c>
      <c r="O17290" t="s">
        <v>85</v>
      </c>
      <c r="P17290" t="s">
        <v>86</v>
      </c>
      <c r="Q17290">
        <v>2</v>
      </c>
      <c r="R17290">
        <v>2</v>
      </c>
      <c r="S17290">
        <v>2</v>
      </c>
      <c r="T17290">
        <v>2</v>
      </c>
      <c r="U17290">
        <v>2</v>
      </c>
      <c r="V17290">
        <v>2</v>
      </c>
      <c r="W17290">
        <v>2</v>
      </c>
      <c r="X17290">
        <v>2</v>
      </c>
      <c r="Y17290">
        <v>2</v>
      </c>
      <c r="Z17290">
        <v>2</v>
      </c>
      <c r="AA17290">
        <v>2</v>
      </c>
      <c r="AB17290">
        <v>2</v>
      </c>
      <c r="AC17290">
        <v>2</v>
      </c>
      <c r="AD17290">
        <v>2</v>
      </c>
      <c r="AE17290">
        <v>2</v>
      </c>
      <c r="AF17290">
        <v>2</v>
      </c>
      <c r="AG17290">
        <v>2</v>
      </c>
      <c r="AH17290">
        <v>2</v>
      </c>
      <c r="AI17290">
        <v>2</v>
      </c>
      <c r="AJ17290">
        <v>2</v>
      </c>
      <c r="AK17290">
        <v>2</v>
      </c>
      <c r="AL17290">
        <v>2</v>
      </c>
      <c r="AM17290">
        <v>2</v>
      </c>
      <c r="AN17290">
        <v>2</v>
      </c>
      <c r="AO17290">
        <v>2</v>
      </c>
      <c r="AP17290">
        <v>2</v>
      </c>
      <c r="AQ17290">
        <v>2</v>
      </c>
    </row>
    <row r="17291" spans="1:43">
      <c r="A17291" t="s">
        <v>10720</v>
      </c>
      <c r="B17291" t="s">
        <v>10721</v>
      </c>
      <c r="C17291" t="s">
        <v>10522</v>
      </c>
      <c r="D17291" t="s">
        <v>10523</v>
      </c>
      <c r="E17291" t="s">
        <v>10448</v>
      </c>
      <c r="F17291" t="s">
        <v>10449</v>
      </c>
      <c r="G17291" t="s">
        <v>10450</v>
      </c>
      <c r="H17291" t="s">
        <v>10451</v>
      </c>
      <c r="I17291" s="2">
        <v>1</v>
      </c>
      <c r="J17291" s="2">
        <v>0</v>
      </c>
      <c r="K17291" s="2">
        <v>0</v>
      </c>
      <c r="L17291" t="s">
        <v>120</v>
      </c>
      <c r="M17291" t="s">
        <v>87</v>
      </c>
      <c r="N17291" t="s">
        <v>88</v>
      </c>
      <c r="O17291" t="s">
        <v>85</v>
      </c>
      <c r="P17291" t="s">
        <v>86</v>
      </c>
      <c r="Q17291">
        <v>2</v>
      </c>
      <c r="R17291">
        <v>2</v>
      </c>
      <c r="S17291">
        <v>2</v>
      </c>
      <c r="T17291">
        <v>2</v>
      </c>
      <c r="U17291">
        <v>2</v>
      </c>
      <c r="V17291">
        <v>2</v>
      </c>
      <c r="W17291">
        <v>2</v>
      </c>
      <c r="X17291">
        <v>2</v>
      </c>
      <c r="Y17291">
        <v>2</v>
      </c>
      <c r="Z17291">
        <v>2</v>
      </c>
      <c r="AA17291">
        <v>2</v>
      </c>
      <c r="AB17291">
        <v>2</v>
      </c>
      <c r="AC17291">
        <v>2</v>
      </c>
      <c r="AD17291">
        <v>2</v>
      </c>
      <c r="AE17291">
        <v>2</v>
      </c>
      <c r="AF17291">
        <v>2</v>
      </c>
      <c r="AG17291">
        <v>2</v>
      </c>
      <c r="AH17291">
        <v>2</v>
      </c>
      <c r="AI17291">
        <v>2</v>
      </c>
      <c r="AJ17291">
        <v>2</v>
      </c>
      <c r="AK17291">
        <v>2</v>
      </c>
      <c r="AL17291">
        <v>2</v>
      </c>
      <c r="AM17291">
        <v>2</v>
      </c>
      <c r="AN17291">
        <v>2</v>
      </c>
      <c r="AO17291">
        <v>2</v>
      </c>
      <c r="AP17291">
        <v>2</v>
      </c>
      <c r="AQ17291">
        <v>2</v>
      </c>
    </row>
    <row r="17292" spans="1:43">
      <c r="A17292" t="s">
        <v>10720</v>
      </c>
      <c r="B17292" t="s">
        <v>10721</v>
      </c>
      <c r="C17292" t="s">
        <v>10522</v>
      </c>
      <c r="D17292" t="s">
        <v>10523</v>
      </c>
      <c r="E17292" t="s">
        <v>10448</v>
      </c>
      <c r="F17292" t="s">
        <v>10449</v>
      </c>
      <c r="G17292" t="s">
        <v>10450</v>
      </c>
      <c r="H17292" t="s">
        <v>10451</v>
      </c>
      <c r="I17292" s="2">
        <v>1</v>
      </c>
      <c r="J17292" s="2">
        <v>0</v>
      </c>
      <c r="K17292" s="2">
        <v>0</v>
      </c>
      <c r="L17292" t="s">
        <v>120</v>
      </c>
      <c r="M17292" t="s">
        <v>89</v>
      </c>
      <c r="N17292" t="s">
        <v>90</v>
      </c>
      <c r="O17292" t="s">
        <v>85</v>
      </c>
      <c r="P17292" t="s">
        <v>86</v>
      </c>
      <c r="Q17292">
        <v>2</v>
      </c>
      <c r="R17292">
        <v>2</v>
      </c>
      <c r="S17292">
        <v>2</v>
      </c>
      <c r="T17292">
        <v>2</v>
      </c>
      <c r="U17292">
        <v>2</v>
      </c>
      <c r="V17292">
        <v>2</v>
      </c>
      <c r="W17292">
        <v>2</v>
      </c>
      <c r="X17292">
        <v>2</v>
      </c>
      <c r="Y17292">
        <v>2</v>
      </c>
      <c r="Z17292">
        <v>2</v>
      </c>
      <c r="AA17292">
        <v>2</v>
      </c>
      <c r="AB17292">
        <v>2</v>
      </c>
      <c r="AC17292">
        <v>2</v>
      </c>
      <c r="AD17292">
        <v>2</v>
      </c>
      <c r="AE17292">
        <v>2</v>
      </c>
      <c r="AF17292">
        <v>2</v>
      </c>
      <c r="AG17292">
        <v>2</v>
      </c>
      <c r="AH17292">
        <v>2</v>
      </c>
      <c r="AI17292">
        <v>2</v>
      </c>
      <c r="AJ17292">
        <v>2</v>
      </c>
      <c r="AK17292">
        <v>2</v>
      </c>
      <c r="AL17292">
        <v>2</v>
      </c>
      <c r="AM17292">
        <v>2</v>
      </c>
      <c r="AN17292">
        <v>2</v>
      </c>
      <c r="AO17292">
        <v>2</v>
      </c>
      <c r="AP17292">
        <v>2</v>
      </c>
      <c r="AQ17292">
        <v>2</v>
      </c>
    </row>
    <row r="17293" spans="1:43">
      <c r="A17293" t="s">
        <v>10720</v>
      </c>
      <c r="B17293" t="s">
        <v>10721</v>
      </c>
      <c r="C17293" t="s">
        <v>10522</v>
      </c>
      <c r="D17293" t="s">
        <v>10523</v>
      </c>
      <c r="E17293" t="s">
        <v>10448</v>
      </c>
      <c r="F17293" t="s">
        <v>10449</v>
      </c>
      <c r="G17293" t="s">
        <v>10450</v>
      </c>
      <c r="H17293" t="s">
        <v>10451</v>
      </c>
      <c r="I17293" s="2">
        <v>1</v>
      </c>
      <c r="J17293" s="2">
        <v>0</v>
      </c>
      <c r="K17293" s="2">
        <v>0</v>
      </c>
      <c r="L17293" t="s">
        <v>120</v>
      </c>
      <c r="M17293" t="s">
        <v>83</v>
      </c>
      <c r="N17293" t="s">
        <v>91</v>
      </c>
      <c r="O17293" t="s">
        <v>85</v>
      </c>
      <c r="P17293" t="s">
        <v>86</v>
      </c>
      <c r="Q17293">
        <v>2</v>
      </c>
      <c r="R17293">
        <v>2</v>
      </c>
      <c r="S17293">
        <v>2</v>
      </c>
      <c r="T17293">
        <v>2</v>
      </c>
      <c r="U17293">
        <v>2</v>
      </c>
      <c r="V17293">
        <v>2</v>
      </c>
      <c r="W17293">
        <v>2</v>
      </c>
      <c r="X17293">
        <v>2</v>
      </c>
      <c r="Y17293">
        <v>2</v>
      </c>
      <c r="Z17293">
        <v>2</v>
      </c>
      <c r="AA17293">
        <v>2</v>
      </c>
      <c r="AB17293">
        <v>2</v>
      </c>
      <c r="AC17293">
        <v>2</v>
      </c>
      <c r="AD17293">
        <v>2</v>
      </c>
      <c r="AE17293">
        <v>2</v>
      </c>
      <c r="AF17293">
        <v>2</v>
      </c>
      <c r="AG17293">
        <v>2</v>
      </c>
      <c r="AH17293">
        <v>2</v>
      </c>
      <c r="AI17293">
        <v>2</v>
      </c>
      <c r="AJ17293">
        <v>2</v>
      </c>
      <c r="AK17293">
        <v>2</v>
      </c>
      <c r="AL17293">
        <v>2</v>
      </c>
      <c r="AM17293">
        <v>2</v>
      </c>
      <c r="AN17293">
        <v>2</v>
      </c>
      <c r="AO17293">
        <v>2</v>
      </c>
      <c r="AP17293">
        <v>2</v>
      </c>
      <c r="AQ17293">
        <v>2</v>
      </c>
    </row>
    <row r="17294" spans="1:43">
      <c r="A17294" t="s">
        <v>10722</v>
      </c>
      <c r="B17294" t="s">
        <v>10723</v>
      </c>
      <c r="C17294" t="s">
        <v>10522</v>
      </c>
      <c r="D17294" t="s">
        <v>10523</v>
      </c>
      <c r="E17294" t="s">
        <v>10448</v>
      </c>
      <c r="F17294" t="s">
        <v>10449</v>
      </c>
      <c r="G17294" t="s">
        <v>10450</v>
      </c>
      <c r="H17294" t="s">
        <v>10451</v>
      </c>
      <c r="I17294" s="2">
        <v>1</v>
      </c>
      <c r="J17294" s="2">
        <v>0</v>
      </c>
      <c r="K17294" s="2">
        <v>0</v>
      </c>
      <c r="L17294" t="s">
        <v>120</v>
      </c>
      <c r="M17294" t="s">
        <v>83</v>
      </c>
      <c r="N17294" t="s">
        <v>84</v>
      </c>
      <c r="O17294" t="s">
        <v>85</v>
      </c>
      <c r="P17294" t="s">
        <v>86</v>
      </c>
      <c r="Q17294">
        <v>25</v>
      </c>
      <c r="R17294">
        <v>26</v>
      </c>
      <c r="S17294">
        <v>26</v>
      </c>
      <c r="T17294">
        <v>26</v>
      </c>
      <c r="U17294">
        <v>27</v>
      </c>
      <c r="V17294">
        <v>27</v>
      </c>
      <c r="W17294">
        <v>28</v>
      </c>
      <c r="X17294">
        <v>28</v>
      </c>
      <c r="Y17294">
        <v>28</v>
      </c>
      <c r="Z17294">
        <v>29</v>
      </c>
      <c r="AA17294">
        <v>29</v>
      </c>
      <c r="AB17294">
        <v>29</v>
      </c>
      <c r="AC17294">
        <v>30</v>
      </c>
      <c r="AD17294">
        <v>30</v>
      </c>
      <c r="AE17294">
        <v>30</v>
      </c>
      <c r="AF17294">
        <v>31</v>
      </c>
      <c r="AG17294">
        <v>31</v>
      </c>
      <c r="AH17294">
        <v>31</v>
      </c>
      <c r="AI17294">
        <v>32</v>
      </c>
      <c r="AJ17294">
        <v>32</v>
      </c>
      <c r="AK17294">
        <v>32</v>
      </c>
      <c r="AL17294">
        <v>32</v>
      </c>
      <c r="AM17294">
        <v>32</v>
      </c>
      <c r="AN17294">
        <v>32</v>
      </c>
      <c r="AO17294">
        <v>32</v>
      </c>
      <c r="AP17294">
        <v>32</v>
      </c>
      <c r="AQ17294">
        <v>32</v>
      </c>
    </row>
    <row r="17295" spans="1:43">
      <c r="A17295" t="s">
        <v>10722</v>
      </c>
      <c r="B17295" t="s">
        <v>10723</v>
      </c>
      <c r="C17295" t="s">
        <v>10522</v>
      </c>
      <c r="D17295" t="s">
        <v>10523</v>
      </c>
      <c r="E17295" t="s">
        <v>10448</v>
      </c>
      <c r="F17295" t="s">
        <v>10449</v>
      </c>
      <c r="G17295" t="s">
        <v>10450</v>
      </c>
      <c r="H17295" t="s">
        <v>10451</v>
      </c>
      <c r="I17295" s="2">
        <v>1</v>
      </c>
      <c r="J17295" s="2">
        <v>0</v>
      </c>
      <c r="K17295" s="2">
        <v>0</v>
      </c>
      <c r="L17295" t="s">
        <v>120</v>
      </c>
      <c r="M17295" t="s">
        <v>87</v>
      </c>
      <c r="N17295" t="s">
        <v>88</v>
      </c>
      <c r="O17295" t="s">
        <v>85</v>
      </c>
      <c r="P17295" t="s">
        <v>86</v>
      </c>
      <c r="Q17295">
        <v>25</v>
      </c>
      <c r="R17295">
        <v>25</v>
      </c>
      <c r="S17295">
        <v>25</v>
      </c>
      <c r="T17295">
        <v>26</v>
      </c>
      <c r="U17295">
        <v>26</v>
      </c>
      <c r="V17295">
        <v>26</v>
      </c>
      <c r="W17295">
        <v>26</v>
      </c>
      <c r="X17295">
        <v>26</v>
      </c>
      <c r="Y17295">
        <v>26</v>
      </c>
      <c r="Z17295">
        <v>26</v>
      </c>
      <c r="AA17295">
        <v>26</v>
      </c>
      <c r="AB17295">
        <v>26</v>
      </c>
      <c r="AC17295">
        <v>27</v>
      </c>
      <c r="AD17295">
        <v>27</v>
      </c>
      <c r="AE17295">
        <v>27</v>
      </c>
      <c r="AF17295">
        <v>27</v>
      </c>
      <c r="AG17295">
        <v>27</v>
      </c>
      <c r="AH17295">
        <v>27</v>
      </c>
      <c r="AI17295">
        <v>27</v>
      </c>
      <c r="AJ17295">
        <v>27</v>
      </c>
      <c r="AK17295">
        <v>27</v>
      </c>
      <c r="AL17295">
        <v>28</v>
      </c>
      <c r="AM17295">
        <v>28</v>
      </c>
      <c r="AN17295">
        <v>28</v>
      </c>
      <c r="AO17295">
        <v>28</v>
      </c>
      <c r="AP17295">
        <v>28</v>
      </c>
      <c r="AQ17295">
        <v>28</v>
      </c>
    </row>
    <row r="17296" spans="1:43">
      <c r="A17296" t="s">
        <v>10722</v>
      </c>
      <c r="B17296" t="s">
        <v>10723</v>
      </c>
      <c r="C17296" t="s">
        <v>10522</v>
      </c>
      <c r="D17296" t="s">
        <v>10523</v>
      </c>
      <c r="E17296" t="s">
        <v>10448</v>
      </c>
      <c r="F17296" t="s">
        <v>10449</v>
      </c>
      <c r="G17296" t="s">
        <v>10450</v>
      </c>
      <c r="H17296" t="s">
        <v>10451</v>
      </c>
      <c r="I17296" s="2">
        <v>1</v>
      </c>
      <c r="J17296" s="2">
        <v>0</v>
      </c>
      <c r="K17296" s="2">
        <v>0</v>
      </c>
      <c r="L17296" t="s">
        <v>120</v>
      </c>
      <c r="M17296" t="s">
        <v>89</v>
      </c>
      <c r="N17296" t="s">
        <v>90</v>
      </c>
      <c r="O17296" t="s">
        <v>85</v>
      </c>
      <c r="P17296" t="s">
        <v>86</v>
      </c>
      <c r="Q17296">
        <v>25</v>
      </c>
      <c r="R17296">
        <v>25</v>
      </c>
      <c r="S17296">
        <v>26</v>
      </c>
      <c r="T17296">
        <v>26</v>
      </c>
      <c r="U17296">
        <v>27</v>
      </c>
      <c r="V17296">
        <v>27</v>
      </c>
      <c r="W17296">
        <v>28</v>
      </c>
      <c r="X17296">
        <v>28</v>
      </c>
      <c r="Y17296">
        <v>29</v>
      </c>
      <c r="Z17296">
        <v>29</v>
      </c>
      <c r="AA17296">
        <v>30</v>
      </c>
      <c r="AB17296">
        <v>30</v>
      </c>
      <c r="AC17296">
        <v>31</v>
      </c>
      <c r="AD17296">
        <v>31</v>
      </c>
      <c r="AE17296">
        <v>31</v>
      </c>
      <c r="AF17296">
        <v>31</v>
      </c>
      <c r="AG17296">
        <v>31</v>
      </c>
      <c r="AH17296">
        <v>31</v>
      </c>
      <c r="AI17296">
        <v>32</v>
      </c>
      <c r="AJ17296">
        <v>32</v>
      </c>
      <c r="AK17296">
        <v>32</v>
      </c>
      <c r="AL17296">
        <v>32</v>
      </c>
      <c r="AM17296">
        <v>32</v>
      </c>
      <c r="AN17296">
        <v>32</v>
      </c>
      <c r="AO17296">
        <v>32</v>
      </c>
      <c r="AP17296">
        <v>32</v>
      </c>
      <c r="AQ17296">
        <v>32</v>
      </c>
    </row>
    <row r="17297" spans="1:43">
      <c r="A17297" t="s">
        <v>10722</v>
      </c>
      <c r="B17297" t="s">
        <v>10723</v>
      </c>
      <c r="C17297" t="s">
        <v>10522</v>
      </c>
      <c r="D17297" t="s">
        <v>10523</v>
      </c>
      <c r="E17297" t="s">
        <v>10448</v>
      </c>
      <c r="F17297" t="s">
        <v>10449</v>
      </c>
      <c r="G17297" t="s">
        <v>10450</v>
      </c>
      <c r="H17297" t="s">
        <v>10451</v>
      </c>
      <c r="I17297" s="2">
        <v>1</v>
      </c>
      <c r="J17297" s="2">
        <v>0</v>
      </c>
      <c r="K17297" s="2">
        <v>0</v>
      </c>
      <c r="L17297" t="s">
        <v>120</v>
      </c>
      <c r="M17297" t="s">
        <v>83</v>
      </c>
      <c r="N17297" t="s">
        <v>91</v>
      </c>
      <c r="O17297" t="s">
        <v>85</v>
      </c>
      <c r="P17297" t="s">
        <v>86</v>
      </c>
      <c r="Q17297">
        <v>25</v>
      </c>
      <c r="R17297">
        <v>26</v>
      </c>
      <c r="S17297">
        <v>26</v>
      </c>
      <c r="T17297">
        <v>26</v>
      </c>
      <c r="U17297">
        <v>27</v>
      </c>
      <c r="V17297">
        <v>27</v>
      </c>
      <c r="W17297">
        <v>28</v>
      </c>
      <c r="X17297">
        <v>28</v>
      </c>
      <c r="Y17297">
        <v>28</v>
      </c>
      <c r="Z17297">
        <v>29</v>
      </c>
      <c r="AA17297">
        <v>29</v>
      </c>
      <c r="AB17297">
        <v>29</v>
      </c>
      <c r="AC17297">
        <v>30</v>
      </c>
      <c r="AD17297">
        <v>30</v>
      </c>
      <c r="AE17297">
        <v>30</v>
      </c>
      <c r="AF17297">
        <v>31</v>
      </c>
      <c r="AG17297">
        <v>31</v>
      </c>
      <c r="AH17297">
        <v>31</v>
      </c>
      <c r="AI17297">
        <v>32</v>
      </c>
      <c r="AJ17297">
        <v>32</v>
      </c>
      <c r="AK17297">
        <v>32</v>
      </c>
      <c r="AL17297">
        <v>32</v>
      </c>
      <c r="AM17297">
        <v>32</v>
      </c>
      <c r="AN17297">
        <v>32</v>
      </c>
      <c r="AO17297">
        <v>32</v>
      </c>
      <c r="AP17297">
        <v>32</v>
      </c>
      <c r="AQ17297">
        <v>32</v>
      </c>
    </row>
    <row r="17298" spans="1:43">
      <c r="A17298" t="s">
        <v>10724</v>
      </c>
      <c r="B17298" t="s">
        <v>10725</v>
      </c>
      <c r="C17298" t="s">
        <v>10692</v>
      </c>
      <c r="D17298" t="s">
        <v>10693</v>
      </c>
      <c r="E17298" t="s">
        <v>10448</v>
      </c>
      <c r="F17298" t="s">
        <v>10449</v>
      </c>
      <c r="G17298" t="s">
        <v>10450</v>
      </c>
      <c r="H17298" t="s">
        <v>10451</v>
      </c>
      <c r="I17298" s="2">
        <v>1</v>
      </c>
      <c r="J17298" s="2">
        <v>0</v>
      </c>
      <c r="K17298" s="2">
        <v>0</v>
      </c>
      <c r="L17298" t="s">
        <v>120</v>
      </c>
      <c r="M17298" t="s">
        <v>83</v>
      </c>
      <c r="N17298" t="s">
        <v>84</v>
      </c>
      <c r="O17298" t="s">
        <v>85</v>
      </c>
      <c r="P17298" t="s">
        <v>86</v>
      </c>
      <c r="Q17298">
        <v>6</v>
      </c>
      <c r="R17298">
        <v>6</v>
      </c>
      <c r="S17298">
        <v>6</v>
      </c>
      <c r="T17298">
        <v>6</v>
      </c>
      <c r="U17298">
        <v>6</v>
      </c>
      <c r="V17298">
        <v>6</v>
      </c>
      <c r="W17298">
        <v>6</v>
      </c>
      <c r="X17298">
        <v>6</v>
      </c>
      <c r="Y17298">
        <v>6</v>
      </c>
      <c r="Z17298">
        <v>7</v>
      </c>
      <c r="AA17298">
        <v>7</v>
      </c>
      <c r="AB17298">
        <v>7</v>
      </c>
      <c r="AC17298">
        <v>7</v>
      </c>
      <c r="AD17298">
        <v>7</v>
      </c>
      <c r="AE17298">
        <v>7</v>
      </c>
      <c r="AF17298">
        <v>7</v>
      </c>
      <c r="AG17298">
        <v>7</v>
      </c>
      <c r="AH17298">
        <v>7</v>
      </c>
      <c r="AI17298">
        <v>7</v>
      </c>
      <c r="AJ17298">
        <v>7</v>
      </c>
      <c r="AK17298">
        <v>7</v>
      </c>
      <c r="AL17298">
        <v>7</v>
      </c>
      <c r="AM17298">
        <v>7</v>
      </c>
      <c r="AN17298">
        <v>7</v>
      </c>
      <c r="AO17298">
        <v>7</v>
      </c>
      <c r="AP17298">
        <v>7</v>
      </c>
      <c r="AQ17298">
        <v>7</v>
      </c>
    </row>
    <row r="17299" spans="1:43">
      <c r="A17299" t="s">
        <v>10724</v>
      </c>
      <c r="B17299" t="s">
        <v>10725</v>
      </c>
      <c r="C17299" t="s">
        <v>10692</v>
      </c>
      <c r="D17299" t="s">
        <v>10693</v>
      </c>
      <c r="E17299" t="s">
        <v>10448</v>
      </c>
      <c r="F17299" t="s">
        <v>10449</v>
      </c>
      <c r="G17299" t="s">
        <v>10450</v>
      </c>
      <c r="H17299" t="s">
        <v>10451</v>
      </c>
      <c r="I17299" s="2">
        <v>1</v>
      </c>
      <c r="J17299" s="2">
        <v>0</v>
      </c>
      <c r="K17299" s="2">
        <v>0</v>
      </c>
      <c r="L17299" t="s">
        <v>120</v>
      </c>
      <c r="M17299" t="s">
        <v>87</v>
      </c>
      <c r="N17299" t="s">
        <v>88</v>
      </c>
      <c r="O17299" t="s">
        <v>85</v>
      </c>
      <c r="P17299" t="s">
        <v>86</v>
      </c>
      <c r="Q17299">
        <v>6</v>
      </c>
      <c r="R17299">
        <v>6</v>
      </c>
      <c r="S17299">
        <v>6</v>
      </c>
      <c r="T17299">
        <v>6</v>
      </c>
      <c r="U17299">
        <v>6</v>
      </c>
      <c r="V17299">
        <v>6</v>
      </c>
      <c r="W17299">
        <v>6</v>
      </c>
      <c r="X17299">
        <v>6</v>
      </c>
      <c r="Y17299">
        <v>6</v>
      </c>
      <c r="Z17299">
        <v>6</v>
      </c>
      <c r="AA17299">
        <v>6</v>
      </c>
      <c r="AB17299">
        <v>6</v>
      </c>
      <c r="AC17299">
        <v>6</v>
      </c>
      <c r="AD17299">
        <v>6</v>
      </c>
      <c r="AE17299">
        <v>6</v>
      </c>
      <c r="AF17299">
        <v>6</v>
      </c>
      <c r="AG17299">
        <v>6</v>
      </c>
      <c r="AH17299">
        <v>6</v>
      </c>
      <c r="AI17299">
        <v>6</v>
      </c>
      <c r="AJ17299">
        <v>6</v>
      </c>
      <c r="AK17299">
        <v>6</v>
      </c>
      <c r="AL17299">
        <v>6</v>
      </c>
      <c r="AM17299">
        <v>6</v>
      </c>
      <c r="AN17299">
        <v>6</v>
      </c>
      <c r="AO17299">
        <v>6</v>
      </c>
      <c r="AP17299">
        <v>6</v>
      </c>
      <c r="AQ17299">
        <v>6</v>
      </c>
    </row>
    <row r="17300" spans="1:43">
      <c r="A17300" t="s">
        <v>10724</v>
      </c>
      <c r="B17300" t="s">
        <v>10725</v>
      </c>
      <c r="C17300" t="s">
        <v>10692</v>
      </c>
      <c r="D17300" t="s">
        <v>10693</v>
      </c>
      <c r="E17300" t="s">
        <v>10448</v>
      </c>
      <c r="F17300" t="s">
        <v>10449</v>
      </c>
      <c r="G17300" t="s">
        <v>10450</v>
      </c>
      <c r="H17300" t="s">
        <v>10451</v>
      </c>
      <c r="I17300" s="2">
        <v>1</v>
      </c>
      <c r="J17300" s="2">
        <v>0</v>
      </c>
      <c r="K17300" s="2">
        <v>0</v>
      </c>
      <c r="L17300" t="s">
        <v>120</v>
      </c>
      <c r="M17300" t="s">
        <v>89</v>
      </c>
      <c r="N17300" t="s">
        <v>90</v>
      </c>
      <c r="O17300" t="s">
        <v>85</v>
      </c>
      <c r="P17300" t="s">
        <v>86</v>
      </c>
      <c r="Q17300">
        <v>6</v>
      </c>
      <c r="R17300">
        <v>6</v>
      </c>
      <c r="S17300">
        <v>6</v>
      </c>
      <c r="T17300">
        <v>6</v>
      </c>
      <c r="U17300">
        <v>6</v>
      </c>
      <c r="V17300">
        <v>7</v>
      </c>
      <c r="W17300">
        <v>7</v>
      </c>
      <c r="X17300">
        <v>7</v>
      </c>
      <c r="Y17300">
        <v>7</v>
      </c>
      <c r="Z17300">
        <v>7</v>
      </c>
      <c r="AA17300">
        <v>7</v>
      </c>
      <c r="AB17300">
        <v>7</v>
      </c>
      <c r="AC17300">
        <v>7</v>
      </c>
      <c r="AD17300">
        <v>7</v>
      </c>
      <c r="AE17300">
        <v>7</v>
      </c>
      <c r="AF17300">
        <v>7</v>
      </c>
      <c r="AG17300">
        <v>7</v>
      </c>
      <c r="AH17300">
        <v>7</v>
      </c>
      <c r="AI17300">
        <v>7</v>
      </c>
      <c r="AJ17300">
        <v>7</v>
      </c>
      <c r="AK17300">
        <v>7</v>
      </c>
      <c r="AL17300">
        <v>7</v>
      </c>
      <c r="AM17300">
        <v>7</v>
      </c>
      <c r="AN17300">
        <v>7</v>
      </c>
      <c r="AO17300">
        <v>7</v>
      </c>
      <c r="AP17300">
        <v>7</v>
      </c>
      <c r="AQ17300">
        <v>7</v>
      </c>
    </row>
    <row r="17301" spans="1:43">
      <c r="A17301" t="s">
        <v>10724</v>
      </c>
      <c r="B17301" t="s">
        <v>10725</v>
      </c>
      <c r="C17301" t="s">
        <v>10692</v>
      </c>
      <c r="D17301" t="s">
        <v>10693</v>
      </c>
      <c r="E17301" t="s">
        <v>10448</v>
      </c>
      <c r="F17301" t="s">
        <v>10449</v>
      </c>
      <c r="G17301" t="s">
        <v>10450</v>
      </c>
      <c r="H17301" t="s">
        <v>10451</v>
      </c>
      <c r="I17301" s="2">
        <v>1</v>
      </c>
      <c r="J17301" s="2">
        <v>0</v>
      </c>
      <c r="K17301" s="2">
        <v>0</v>
      </c>
      <c r="L17301" t="s">
        <v>120</v>
      </c>
      <c r="M17301" t="s">
        <v>83</v>
      </c>
      <c r="N17301" t="s">
        <v>91</v>
      </c>
      <c r="O17301" t="s">
        <v>85</v>
      </c>
      <c r="P17301" t="s">
        <v>86</v>
      </c>
      <c r="Q17301">
        <v>6</v>
      </c>
      <c r="R17301">
        <v>6</v>
      </c>
      <c r="S17301">
        <v>6</v>
      </c>
      <c r="T17301">
        <v>6</v>
      </c>
      <c r="U17301">
        <v>6</v>
      </c>
      <c r="V17301">
        <v>6</v>
      </c>
      <c r="W17301">
        <v>6</v>
      </c>
      <c r="X17301">
        <v>6</v>
      </c>
      <c r="Y17301">
        <v>6</v>
      </c>
      <c r="Z17301">
        <v>7</v>
      </c>
      <c r="AA17301">
        <v>7</v>
      </c>
      <c r="AB17301">
        <v>7</v>
      </c>
      <c r="AC17301">
        <v>7</v>
      </c>
      <c r="AD17301">
        <v>7</v>
      </c>
      <c r="AE17301">
        <v>7</v>
      </c>
      <c r="AF17301">
        <v>7</v>
      </c>
      <c r="AG17301">
        <v>7</v>
      </c>
      <c r="AH17301">
        <v>7</v>
      </c>
      <c r="AI17301">
        <v>7</v>
      </c>
      <c r="AJ17301">
        <v>7</v>
      </c>
      <c r="AK17301">
        <v>7</v>
      </c>
      <c r="AL17301">
        <v>7</v>
      </c>
      <c r="AM17301">
        <v>7</v>
      </c>
      <c r="AN17301">
        <v>7</v>
      </c>
      <c r="AO17301">
        <v>7</v>
      </c>
      <c r="AP17301">
        <v>7</v>
      </c>
      <c r="AQ17301">
        <v>7</v>
      </c>
    </row>
    <row r="17302" spans="1:43">
      <c r="A17302" t="s">
        <v>10726</v>
      </c>
      <c r="B17302" t="s">
        <v>10727</v>
      </c>
      <c r="C17302" t="s">
        <v>10692</v>
      </c>
      <c r="D17302" t="s">
        <v>10693</v>
      </c>
      <c r="E17302" t="s">
        <v>10448</v>
      </c>
      <c r="F17302" t="s">
        <v>10449</v>
      </c>
      <c r="G17302" t="s">
        <v>10450</v>
      </c>
      <c r="H17302" t="s">
        <v>10451</v>
      </c>
      <c r="I17302" s="2">
        <v>1</v>
      </c>
      <c r="J17302" s="2">
        <v>0</v>
      </c>
      <c r="K17302" s="2">
        <v>0</v>
      </c>
      <c r="L17302" t="s">
        <v>120</v>
      </c>
      <c r="M17302" t="s">
        <v>83</v>
      </c>
      <c r="N17302" t="s">
        <v>84</v>
      </c>
      <c r="O17302" t="s">
        <v>85</v>
      </c>
      <c r="P17302" t="s">
        <v>86</v>
      </c>
      <c r="Q17302">
        <v>10</v>
      </c>
      <c r="R17302">
        <v>11</v>
      </c>
      <c r="S17302">
        <v>11</v>
      </c>
      <c r="T17302">
        <v>11</v>
      </c>
      <c r="U17302">
        <v>11</v>
      </c>
      <c r="V17302">
        <v>11</v>
      </c>
      <c r="W17302">
        <v>11</v>
      </c>
      <c r="X17302">
        <v>11</v>
      </c>
      <c r="Y17302">
        <v>12</v>
      </c>
      <c r="Z17302">
        <v>12</v>
      </c>
      <c r="AA17302">
        <v>12</v>
      </c>
      <c r="AB17302">
        <v>12</v>
      </c>
      <c r="AC17302">
        <v>12</v>
      </c>
      <c r="AD17302">
        <v>12</v>
      </c>
      <c r="AE17302">
        <v>12</v>
      </c>
      <c r="AF17302">
        <v>12</v>
      </c>
      <c r="AG17302">
        <v>13</v>
      </c>
      <c r="AH17302">
        <v>13</v>
      </c>
      <c r="AI17302">
        <v>13</v>
      </c>
      <c r="AJ17302">
        <v>13</v>
      </c>
      <c r="AK17302">
        <v>13</v>
      </c>
      <c r="AL17302">
        <v>13</v>
      </c>
      <c r="AM17302">
        <v>13</v>
      </c>
      <c r="AN17302">
        <v>13</v>
      </c>
      <c r="AO17302">
        <v>13</v>
      </c>
      <c r="AP17302">
        <v>13</v>
      </c>
      <c r="AQ17302">
        <v>13</v>
      </c>
    </row>
    <row r="17303" spans="1:43">
      <c r="A17303" t="s">
        <v>10726</v>
      </c>
      <c r="B17303" t="s">
        <v>10727</v>
      </c>
      <c r="C17303" t="s">
        <v>10692</v>
      </c>
      <c r="D17303" t="s">
        <v>10693</v>
      </c>
      <c r="E17303" t="s">
        <v>10448</v>
      </c>
      <c r="F17303" t="s">
        <v>10449</v>
      </c>
      <c r="G17303" t="s">
        <v>10450</v>
      </c>
      <c r="H17303" t="s">
        <v>10451</v>
      </c>
      <c r="I17303" s="2">
        <v>1</v>
      </c>
      <c r="J17303" s="2">
        <v>0</v>
      </c>
      <c r="K17303" s="2">
        <v>0</v>
      </c>
      <c r="L17303" t="s">
        <v>120</v>
      </c>
      <c r="M17303" t="s">
        <v>87</v>
      </c>
      <c r="N17303" t="s">
        <v>88</v>
      </c>
      <c r="O17303" t="s">
        <v>85</v>
      </c>
      <c r="P17303" t="s">
        <v>86</v>
      </c>
      <c r="Q17303">
        <v>10</v>
      </c>
      <c r="R17303">
        <v>10</v>
      </c>
      <c r="S17303">
        <v>10</v>
      </c>
      <c r="T17303">
        <v>10</v>
      </c>
      <c r="U17303">
        <v>10</v>
      </c>
      <c r="V17303">
        <v>11</v>
      </c>
      <c r="W17303">
        <v>11</v>
      </c>
      <c r="X17303">
        <v>11</v>
      </c>
      <c r="Y17303">
        <v>11</v>
      </c>
      <c r="Z17303">
        <v>11</v>
      </c>
      <c r="AA17303">
        <v>11</v>
      </c>
      <c r="AB17303">
        <v>11</v>
      </c>
      <c r="AC17303">
        <v>11</v>
      </c>
      <c r="AD17303">
        <v>11</v>
      </c>
      <c r="AE17303">
        <v>11</v>
      </c>
      <c r="AF17303">
        <v>11</v>
      </c>
      <c r="AG17303">
        <v>11</v>
      </c>
      <c r="AH17303">
        <v>11</v>
      </c>
      <c r="AI17303">
        <v>11</v>
      </c>
      <c r="AJ17303">
        <v>11</v>
      </c>
      <c r="AK17303">
        <v>11</v>
      </c>
      <c r="AL17303">
        <v>11</v>
      </c>
      <c r="AM17303">
        <v>11</v>
      </c>
      <c r="AN17303">
        <v>11</v>
      </c>
      <c r="AO17303">
        <v>11</v>
      </c>
      <c r="AP17303">
        <v>11</v>
      </c>
      <c r="AQ17303">
        <v>11</v>
      </c>
    </row>
    <row r="17304" spans="1:43">
      <c r="A17304" t="s">
        <v>10726</v>
      </c>
      <c r="B17304" t="s">
        <v>10727</v>
      </c>
      <c r="C17304" t="s">
        <v>10692</v>
      </c>
      <c r="D17304" t="s">
        <v>10693</v>
      </c>
      <c r="E17304" t="s">
        <v>10448</v>
      </c>
      <c r="F17304" t="s">
        <v>10449</v>
      </c>
      <c r="G17304" t="s">
        <v>10450</v>
      </c>
      <c r="H17304" t="s">
        <v>10451</v>
      </c>
      <c r="I17304" s="2">
        <v>1</v>
      </c>
      <c r="J17304" s="2">
        <v>0</v>
      </c>
      <c r="K17304" s="2">
        <v>0</v>
      </c>
      <c r="L17304" t="s">
        <v>120</v>
      </c>
      <c r="M17304" t="s">
        <v>89</v>
      </c>
      <c r="N17304" t="s">
        <v>90</v>
      </c>
      <c r="O17304" t="s">
        <v>85</v>
      </c>
      <c r="P17304" t="s">
        <v>86</v>
      </c>
      <c r="Q17304">
        <v>10</v>
      </c>
      <c r="R17304">
        <v>11</v>
      </c>
      <c r="S17304">
        <v>11</v>
      </c>
      <c r="T17304">
        <v>11</v>
      </c>
      <c r="U17304">
        <v>11</v>
      </c>
      <c r="V17304">
        <v>12</v>
      </c>
      <c r="W17304">
        <v>12</v>
      </c>
      <c r="X17304">
        <v>12</v>
      </c>
      <c r="Y17304">
        <v>12</v>
      </c>
      <c r="Z17304">
        <v>12</v>
      </c>
      <c r="AA17304">
        <v>13</v>
      </c>
      <c r="AB17304">
        <v>13</v>
      </c>
      <c r="AC17304">
        <v>13</v>
      </c>
      <c r="AD17304">
        <v>13</v>
      </c>
      <c r="AE17304">
        <v>13</v>
      </c>
      <c r="AF17304">
        <v>13</v>
      </c>
      <c r="AG17304">
        <v>13</v>
      </c>
      <c r="AH17304">
        <v>13</v>
      </c>
      <c r="AI17304">
        <v>13</v>
      </c>
      <c r="AJ17304">
        <v>13</v>
      </c>
      <c r="AK17304">
        <v>13</v>
      </c>
      <c r="AL17304">
        <v>13</v>
      </c>
      <c r="AM17304">
        <v>13</v>
      </c>
      <c r="AN17304">
        <v>13</v>
      </c>
      <c r="AO17304">
        <v>13</v>
      </c>
      <c r="AP17304">
        <v>13</v>
      </c>
      <c r="AQ17304">
        <v>13</v>
      </c>
    </row>
    <row r="17305" spans="1:43">
      <c r="A17305" t="s">
        <v>10726</v>
      </c>
      <c r="B17305" t="s">
        <v>10727</v>
      </c>
      <c r="C17305" t="s">
        <v>10692</v>
      </c>
      <c r="D17305" t="s">
        <v>10693</v>
      </c>
      <c r="E17305" t="s">
        <v>10448</v>
      </c>
      <c r="F17305" t="s">
        <v>10449</v>
      </c>
      <c r="G17305" t="s">
        <v>10450</v>
      </c>
      <c r="H17305" t="s">
        <v>10451</v>
      </c>
      <c r="I17305" s="2">
        <v>1</v>
      </c>
      <c r="J17305" s="2">
        <v>0</v>
      </c>
      <c r="K17305" s="2">
        <v>0</v>
      </c>
      <c r="L17305" t="s">
        <v>120</v>
      </c>
      <c r="M17305" t="s">
        <v>83</v>
      </c>
      <c r="N17305" t="s">
        <v>91</v>
      </c>
      <c r="O17305" t="s">
        <v>85</v>
      </c>
      <c r="P17305" t="s">
        <v>86</v>
      </c>
      <c r="Q17305">
        <v>10</v>
      </c>
      <c r="R17305">
        <v>11</v>
      </c>
      <c r="S17305">
        <v>11</v>
      </c>
      <c r="T17305">
        <v>11</v>
      </c>
      <c r="U17305">
        <v>11</v>
      </c>
      <c r="V17305">
        <v>11</v>
      </c>
      <c r="W17305">
        <v>11</v>
      </c>
      <c r="X17305">
        <v>11</v>
      </c>
      <c r="Y17305">
        <v>12</v>
      </c>
      <c r="Z17305">
        <v>12</v>
      </c>
      <c r="AA17305">
        <v>12</v>
      </c>
      <c r="AB17305">
        <v>12</v>
      </c>
      <c r="AC17305">
        <v>12</v>
      </c>
      <c r="AD17305">
        <v>12</v>
      </c>
      <c r="AE17305">
        <v>12</v>
      </c>
      <c r="AF17305">
        <v>12</v>
      </c>
      <c r="AG17305">
        <v>13</v>
      </c>
      <c r="AH17305">
        <v>13</v>
      </c>
      <c r="AI17305">
        <v>13</v>
      </c>
      <c r="AJ17305">
        <v>13</v>
      </c>
      <c r="AK17305">
        <v>13</v>
      </c>
      <c r="AL17305">
        <v>13</v>
      </c>
      <c r="AM17305">
        <v>13</v>
      </c>
      <c r="AN17305">
        <v>13</v>
      </c>
      <c r="AO17305">
        <v>13</v>
      </c>
      <c r="AP17305">
        <v>13</v>
      </c>
      <c r="AQ17305">
        <v>13</v>
      </c>
    </row>
    <row r="17306" spans="1:43">
      <c r="A17306" t="s">
        <v>10728</v>
      </c>
      <c r="B17306" t="s">
        <v>10729</v>
      </c>
      <c r="C17306" t="s">
        <v>10730</v>
      </c>
      <c r="D17306" t="s">
        <v>10731</v>
      </c>
      <c r="E17306" t="s">
        <v>10732</v>
      </c>
      <c r="F17306" t="s">
        <v>10733</v>
      </c>
      <c r="G17306" t="s">
        <v>10734</v>
      </c>
      <c r="H17306" t="s">
        <v>10735</v>
      </c>
      <c r="I17306" s="2">
        <v>1</v>
      </c>
      <c r="J17306" s="2">
        <v>0</v>
      </c>
      <c r="K17306" s="2">
        <v>0</v>
      </c>
      <c r="L17306" t="s">
        <v>120</v>
      </c>
      <c r="M17306" t="s">
        <v>83</v>
      </c>
      <c r="N17306" t="s">
        <v>84</v>
      </c>
      <c r="O17306" t="s">
        <v>85</v>
      </c>
      <c r="P17306" t="s">
        <v>86</v>
      </c>
      <c r="Q17306">
        <v>25</v>
      </c>
      <c r="R17306">
        <v>25</v>
      </c>
      <c r="S17306">
        <v>25</v>
      </c>
      <c r="T17306">
        <v>26</v>
      </c>
      <c r="U17306">
        <v>26</v>
      </c>
      <c r="V17306">
        <v>26</v>
      </c>
      <c r="W17306">
        <v>27</v>
      </c>
      <c r="X17306">
        <v>27</v>
      </c>
      <c r="Y17306">
        <v>27</v>
      </c>
      <c r="Z17306">
        <v>28</v>
      </c>
      <c r="AA17306">
        <v>28</v>
      </c>
      <c r="AB17306">
        <v>28</v>
      </c>
      <c r="AC17306">
        <v>28</v>
      </c>
      <c r="AD17306">
        <v>29</v>
      </c>
      <c r="AE17306">
        <v>29</v>
      </c>
      <c r="AF17306">
        <v>29</v>
      </c>
      <c r="AG17306">
        <v>30</v>
      </c>
      <c r="AH17306">
        <v>30</v>
      </c>
      <c r="AI17306">
        <v>30</v>
      </c>
      <c r="AJ17306">
        <v>31</v>
      </c>
      <c r="AK17306">
        <v>31</v>
      </c>
      <c r="AL17306">
        <v>31</v>
      </c>
      <c r="AM17306">
        <v>31</v>
      </c>
      <c r="AN17306">
        <v>31</v>
      </c>
      <c r="AO17306">
        <v>31</v>
      </c>
      <c r="AP17306">
        <v>31</v>
      </c>
      <c r="AQ17306">
        <v>31</v>
      </c>
    </row>
    <row r="17307" spans="1:43">
      <c r="A17307" t="s">
        <v>10728</v>
      </c>
      <c r="B17307" t="s">
        <v>10729</v>
      </c>
      <c r="C17307" t="s">
        <v>10730</v>
      </c>
      <c r="D17307" t="s">
        <v>10731</v>
      </c>
      <c r="E17307" t="s">
        <v>10732</v>
      </c>
      <c r="F17307" t="s">
        <v>10733</v>
      </c>
      <c r="G17307" t="s">
        <v>10734</v>
      </c>
      <c r="H17307" t="s">
        <v>10735</v>
      </c>
      <c r="I17307" s="2">
        <v>1</v>
      </c>
      <c r="J17307" s="2">
        <v>0</v>
      </c>
      <c r="K17307" s="2">
        <v>0</v>
      </c>
      <c r="L17307" t="s">
        <v>120</v>
      </c>
      <c r="M17307" t="s">
        <v>87</v>
      </c>
      <c r="N17307" t="s">
        <v>88</v>
      </c>
      <c r="O17307" t="s">
        <v>85</v>
      </c>
      <c r="P17307" t="s">
        <v>86</v>
      </c>
      <c r="Q17307">
        <v>25</v>
      </c>
      <c r="R17307">
        <v>25</v>
      </c>
      <c r="S17307">
        <v>26</v>
      </c>
      <c r="T17307">
        <v>26</v>
      </c>
      <c r="U17307">
        <v>26</v>
      </c>
      <c r="V17307">
        <v>26</v>
      </c>
      <c r="W17307">
        <v>26</v>
      </c>
      <c r="X17307">
        <v>26</v>
      </c>
      <c r="Y17307">
        <v>26</v>
      </c>
      <c r="Z17307">
        <v>26</v>
      </c>
      <c r="AA17307">
        <v>26</v>
      </c>
      <c r="AB17307">
        <v>26</v>
      </c>
      <c r="AC17307">
        <v>27</v>
      </c>
      <c r="AD17307">
        <v>27</v>
      </c>
      <c r="AE17307">
        <v>27</v>
      </c>
      <c r="AF17307">
        <v>27</v>
      </c>
      <c r="AG17307">
        <v>27</v>
      </c>
      <c r="AH17307">
        <v>27</v>
      </c>
      <c r="AI17307">
        <v>27</v>
      </c>
      <c r="AJ17307">
        <v>27</v>
      </c>
      <c r="AK17307">
        <v>27</v>
      </c>
      <c r="AL17307">
        <v>28</v>
      </c>
      <c r="AM17307">
        <v>28</v>
      </c>
      <c r="AN17307">
        <v>28</v>
      </c>
      <c r="AO17307">
        <v>28</v>
      </c>
      <c r="AP17307">
        <v>28</v>
      </c>
      <c r="AQ17307">
        <v>28</v>
      </c>
    </row>
    <row r="17308" spans="1:43">
      <c r="A17308" t="s">
        <v>10728</v>
      </c>
      <c r="B17308" t="s">
        <v>10729</v>
      </c>
      <c r="C17308" t="s">
        <v>10730</v>
      </c>
      <c r="D17308" t="s">
        <v>10731</v>
      </c>
      <c r="E17308" t="s">
        <v>10732</v>
      </c>
      <c r="F17308" t="s">
        <v>10733</v>
      </c>
      <c r="G17308" t="s">
        <v>10734</v>
      </c>
      <c r="H17308" t="s">
        <v>10735</v>
      </c>
      <c r="I17308" s="2">
        <v>1</v>
      </c>
      <c r="J17308" s="2">
        <v>0</v>
      </c>
      <c r="K17308" s="2">
        <v>0</v>
      </c>
      <c r="L17308" t="s">
        <v>120</v>
      </c>
      <c r="M17308" t="s">
        <v>89</v>
      </c>
      <c r="N17308" t="s">
        <v>90</v>
      </c>
      <c r="O17308" t="s">
        <v>85</v>
      </c>
      <c r="P17308" t="s">
        <v>86</v>
      </c>
      <c r="Q17308">
        <v>25</v>
      </c>
      <c r="R17308">
        <v>25</v>
      </c>
      <c r="S17308">
        <v>26</v>
      </c>
      <c r="T17308">
        <v>26</v>
      </c>
      <c r="U17308">
        <v>27</v>
      </c>
      <c r="V17308">
        <v>27</v>
      </c>
      <c r="W17308">
        <v>28</v>
      </c>
      <c r="X17308">
        <v>28</v>
      </c>
      <c r="Y17308">
        <v>29</v>
      </c>
      <c r="Z17308">
        <v>29</v>
      </c>
      <c r="AA17308">
        <v>30</v>
      </c>
      <c r="AB17308">
        <v>30</v>
      </c>
      <c r="AC17308">
        <v>30</v>
      </c>
      <c r="AD17308">
        <v>31</v>
      </c>
      <c r="AE17308">
        <v>31</v>
      </c>
      <c r="AF17308">
        <v>31</v>
      </c>
      <c r="AG17308">
        <v>31</v>
      </c>
      <c r="AH17308">
        <v>31</v>
      </c>
      <c r="AI17308">
        <v>31</v>
      </c>
      <c r="AJ17308">
        <v>31</v>
      </c>
      <c r="AK17308">
        <v>31</v>
      </c>
      <c r="AL17308">
        <v>31</v>
      </c>
      <c r="AM17308">
        <v>31</v>
      </c>
      <c r="AN17308">
        <v>31</v>
      </c>
      <c r="AO17308">
        <v>31</v>
      </c>
      <c r="AP17308">
        <v>31</v>
      </c>
      <c r="AQ17308">
        <v>31</v>
      </c>
    </row>
    <row r="17309" spans="1:43">
      <c r="A17309" t="s">
        <v>10728</v>
      </c>
      <c r="B17309" t="s">
        <v>10729</v>
      </c>
      <c r="C17309" t="s">
        <v>10730</v>
      </c>
      <c r="D17309" t="s">
        <v>10731</v>
      </c>
      <c r="E17309" t="s">
        <v>10732</v>
      </c>
      <c r="F17309" t="s">
        <v>10733</v>
      </c>
      <c r="G17309" t="s">
        <v>10734</v>
      </c>
      <c r="H17309" t="s">
        <v>10735</v>
      </c>
      <c r="I17309" s="2">
        <v>1</v>
      </c>
      <c r="J17309" s="2">
        <v>0</v>
      </c>
      <c r="K17309" s="2">
        <v>0</v>
      </c>
      <c r="L17309" t="s">
        <v>120</v>
      </c>
      <c r="M17309" t="s">
        <v>83</v>
      </c>
      <c r="N17309" t="s">
        <v>91</v>
      </c>
      <c r="O17309" t="s">
        <v>85</v>
      </c>
      <c r="P17309" t="s">
        <v>86</v>
      </c>
      <c r="Q17309">
        <v>25</v>
      </c>
      <c r="R17309">
        <v>25</v>
      </c>
      <c r="S17309">
        <v>25</v>
      </c>
      <c r="T17309">
        <v>26</v>
      </c>
      <c r="U17309">
        <v>26</v>
      </c>
      <c r="V17309">
        <v>26</v>
      </c>
      <c r="W17309">
        <v>27</v>
      </c>
      <c r="X17309">
        <v>27</v>
      </c>
      <c r="Y17309">
        <v>27</v>
      </c>
      <c r="Z17309">
        <v>28</v>
      </c>
      <c r="AA17309">
        <v>28</v>
      </c>
      <c r="AB17309">
        <v>28</v>
      </c>
      <c r="AC17309">
        <v>28</v>
      </c>
      <c r="AD17309">
        <v>29</v>
      </c>
      <c r="AE17309">
        <v>29</v>
      </c>
      <c r="AF17309">
        <v>29</v>
      </c>
      <c r="AG17309">
        <v>30</v>
      </c>
      <c r="AH17309">
        <v>30</v>
      </c>
      <c r="AI17309">
        <v>30</v>
      </c>
      <c r="AJ17309">
        <v>31</v>
      </c>
      <c r="AK17309">
        <v>31</v>
      </c>
      <c r="AL17309">
        <v>31</v>
      </c>
      <c r="AM17309">
        <v>31</v>
      </c>
      <c r="AN17309">
        <v>31</v>
      </c>
      <c r="AO17309">
        <v>31</v>
      </c>
      <c r="AP17309">
        <v>31</v>
      </c>
      <c r="AQ17309">
        <v>31</v>
      </c>
    </row>
    <row r="17310" spans="1:43">
      <c r="A17310" t="s">
        <v>10736</v>
      </c>
      <c r="B17310" t="s">
        <v>10737</v>
      </c>
      <c r="C17310" t="s">
        <v>10730</v>
      </c>
      <c r="D17310" t="s">
        <v>10731</v>
      </c>
      <c r="E17310" t="s">
        <v>10732</v>
      </c>
      <c r="F17310" t="s">
        <v>10733</v>
      </c>
      <c r="G17310" t="s">
        <v>10734</v>
      </c>
      <c r="H17310" t="s">
        <v>10735</v>
      </c>
      <c r="I17310" s="2">
        <v>1</v>
      </c>
      <c r="J17310" s="2">
        <v>0</v>
      </c>
      <c r="K17310" s="2">
        <v>0</v>
      </c>
      <c r="L17310" t="s">
        <v>120</v>
      </c>
      <c r="M17310" t="s">
        <v>83</v>
      </c>
      <c r="N17310" t="s">
        <v>84</v>
      </c>
      <c r="O17310" t="s">
        <v>85</v>
      </c>
      <c r="P17310" t="s">
        <v>86</v>
      </c>
      <c r="Q17310">
        <v>18</v>
      </c>
      <c r="R17310">
        <v>18</v>
      </c>
      <c r="S17310">
        <v>18</v>
      </c>
      <c r="T17310">
        <v>19</v>
      </c>
      <c r="U17310">
        <v>19</v>
      </c>
      <c r="V17310">
        <v>19</v>
      </c>
      <c r="W17310">
        <v>19</v>
      </c>
      <c r="X17310">
        <v>20</v>
      </c>
      <c r="Y17310">
        <v>20</v>
      </c>
      <c r="Z17310">
        <v>20</v>
      </c>
      <c r="AA17310">
        <v>20</v>
      </c>
      <c r="AB17310">
        <v>20</v>
      </c>
      <c r="AC17310">
        <v>21</v>
      </c>
      <c r="AD17310">
        <v>21</v>
      </c>
      <c r="AE17310">
        <v>21</v>
      </c>
      <c r="AF17310">
        <v>21</v>
      </c>
      <c r="AG17310">
        <v>22</v>
      </c>
      <c r="AH17310">
        <v>22</v>
      </c>
      <c r="AI17310">
        <v>22</v>
      </c>
      <c r="AJ17310">
        <v>22</v>
      </c>
      <c r="AK17310">
        <v>22</v>
      </c>
      <c r="AL17310">
        <v>22</v>
      </c>
      <c r="AM17310">
        <v>23</v>
      </c>
      <c r="AN17310">
        <v>23</v>
      </c>
      <c r="AO17310">
        <v>23</v>
      </c>
      <c r="AP17310">
        <v>23</v>
      </c>
      <c r="AQ17310">
        <v>23</v>
      </c>
    </row>
    <row r="17311" spans="1:43">
      <c r="A17311" t="s">
        <v>10736</v>
      </c>
      <c r="B17311" t="s">
        <v>10737</v>
      </c>
      <c r="C17311" t="s">
        <v>10730</v>
      </c>
      <c r="D17311" t="s">
        <v>10731</v>
      </c>
      <c r="E17311" t="s">
        <v>10732</v>
      </c>
      <c r="F17311" t="s">
        <v>10733</v>
      </c>
      <c r="G17311" t="s">
        <v>10734</v>
      </c>
      <c r="H17311" t="s">
        <v>10735</v>
      </c>
      <c r="I17311" s="2">
        <v>1</v>
      </c>
      <c r="J17311" s="2">
        <v>0</v>
      </c>
      <c r="K17311" s="2">
        <v>0</v>
      </c>
      <c r="L17311" t="s">
        <v>120</v>
      </c>
      <c r="M17311" t="s">
        <v>87</v>
      </c>
      <c r="N17311" t="s">
        <v>88</v>
      </c>
      <c r="O17311" t="s">
        <v>85</v>
      </c>
      <c r="P17311" t="s">
        <v>86</v>
      </c>
      <c r="Q17311">
        <v>18</v>
      </c>
      <c r="R17311">
        <v>18</v>
      </c>
      <c r="S17311">
        <v>18</v>
      </c>
      <c r="T17311">
        <v>18</v>
      </c>
      <c r="U17311">
        <v>18</v>
      </c>
      <c r="V17311">
        <v>18</v>
      </c>
      <c r="W17311">
        <v>18</v>
      </c>
      <c r="X17311">
        <v>18</v>
      </c>
      <c r="Y17311">
        <v>18</v>
      </c>
      <c r="Z17311">
        <v>18</v>
      </c>
      <c r="AA17311">
        <v>18</v>
      </c>
      <c r="AB17311">
        <v>19</v>
      </c>
      <c r="AC17311">
        <v>19</v>
      </c>
      <c r="AD17311">
        <v>19</v>
      </c>
      <c r="AE17311">
        <v>19</v>
      </c>
      <c r="AF17311">
        <v>19</v>
      </c>
      <c r="AG17311">
        <v>19</v>
      </c>
      <c r="AH17311">
        <v>19</v>
      </c>
      <c r="AI17311">
        <v>19</v>
      </c>
      <c r="AJ17311">
        <v>19</v>
      </c>
      <c r="AK17311">
        <v>19</v>
      </c>
      <c r="AL17311">
        <v>19</v>
      </c>
      <c r="AM17311">
        <v>19</v>
      </c>
      <c r="AN17311">
        <v>19</v>
      </c>
      <c r="AO17311">
        <v>20</v>
      </c>
      <c r="AP17311">
        <v>20</v>
      </c>
      <c r="AQ17311">
        <v>20</v>
      </c>
    </row>
    <row r="17312" spans="1:43">
      <c r="A17312" t="s">
        <v>10736</v>
      </c>
      <c r="B17312" t="s">
        <v>10737</v>
      </c>
      <c r="C17312" t="s">
        <v>10730</v>
      </c>
      <c r="D17312" t="s">
        <v>10731</v>
      </c>
      <c r="E17312" t="s">
        <v>10732</v>
      </c>
      <c r="F17312" t="s">
        <v>10733</v>
      </c>
      <c r="G17312" t="s">
        <v>10734</v>
      </c>
      <c r="H17312" t="s">
        <v>10735</v>
      </c>
      <c r="I17312" s="2">
        <v>1</v>
      </c>
      <c r="J17312" s="2">
        <v>0</v>
      </c>
      <c r="K17312" s="2">
        <v>0</v>
      </c>
      <c r="L17312" t="s">
        <v>120</v>
      </c>
      <c r="M17312" t="s">
        <v>89</v>
      </c>
      <c r="N17312" t="s">
        <v>90</v>
      </c>
      <c r="O17312" t="s">
        <v>85</v>
      </c>
      <c r="P17312" t="s">
        <v>86</v>
      </c>
      <c r="Q17312">
        <v>18</v>
      </c>
      <c r="R17312">
        <v>18</v>
      </c>
      <c r="S17312">
        <v>19</v>
      </c>
      <c r="T17312">
        <v>19</v>
      </c>
      <c r="U17312">
        <v>20</v>
      </c>
      <c r="V17312">
        <v>20</v>
      </c>
      <c r="W17312">
        <v>20</v>
      </c>
      <c r="X17312">
        <v>21</v>
      </c>
      <c r="Y17312">
        <v>21</v>
      </c>
      <c r="Z17312">
        <v>21</v>
      </c>
      <c r="AA17312">
        <v>21</v>
      </c>
      <c r="AB17312">
        <v>22</v>
      </c>
      <c r="AC17312">
        <v>22</v>
      </c>
      <c r="AD17312">
        <v>22</v>
      </c>
      <c r="AE17312">
        <v>23</v>
      </c>
      <c r="AF17312">
        <v>23</v>
      </c>
      <c r="AG17312">
        <v>23</v>
      </c>
      <c r="AH17312">
        <v>23</v>
      </c>
      <c r="AI17312">
        <v>23</v>
      </c>
      <c r="AJ17312">
        <v>23</v>
      </c>
      <c r="AK17312">
        <v>23</v>
      </c>
      <c r="AL17312">
        <v>23</v>
      </c>
      <c r="AM17312">
        <v>23</v>
      </c>
      <c r="AN17312">
        <v>23</v>
      </c>
      <c r="AO17312">
        <v>23</v>
      </c>
      <c r="AP17312">
        <v>23</v>
      </c>
      <c r="AQ17312">
        <v>23</v>
      </c>
    </row>
    <row r="17313" spans="1:43">
      <c r="A17313" t="s">
        <v>10736</v>
      </c>
      <c r="B17313" t="s">
        <v>10737</v>
      </c>
      <c r="C17313" t="s">
        <v>10730</v>
      </c>
      <c r="D17313" t="s">
        <v>10731</v>
      </c>
      <c r="E17313" t="s">
        <v>10732</v>
      </c>
      <c r="F17313" t="s">
        <v>10733</v>
      </c>
      <c r="G17313" t="s">
        <v>10734</v>
      </c>
      <c r="H17313" t="s">
        <v>10735</v>
      </c>
      <c r="I17313" s="2">
        <v>1</v>
      </c>
      <c r="J17313" s="2">
        <v>0</v>
      </c>
      <c r="K17313" s="2">
        <v>0</v>
      </c>
      <c r="L17313" t="s">
        <v>120</v>
      </c>
      <c r="M17313" t="s">
        <v>83</v>
      </c>
      <c r="N17313" t="s">
        <v>91</v>
      </c>
      <c r="O17313" t="s">
        <v>85</v>
      </c>
      <c r="P17313" t="s">
        <v>86</v>
      </c>
      <c r="Q17313">
        <v>18</v>
      </c>
      <c r="R17313">
        <v>18</v>
      </c>
      <c r="S17313">
        <v>18</v>
      </c>
      <c r="T17313">
        <v>19</v>
      </c>
      <c r="U17313">
        <v>19</v>
      </c>
      <c r="V17313">
        <v>19</v>
      </c>
      <c r="W17313">
        <v>19</v>
      </c>
      <c r="X17313">
        <v>20</v>
      </c>
      <c r="Y17313">
        <v>20</v>
      </c>
      <c r="Z17313">
        <v>20</v>
      </c>
      <c r="AA17313">
        <v>20</v>
      </c>
      <c r="AB17313">
        <v>20</v>
      </c>
      <c r="AC17313">
        <v>21</v>
      </c>
      <c r="AD17313">
        <v>21</v>
      </c>
      <c r="AE17313">
        <v>21</v>
      </c>
      <c r="AF17313">
        <v>21</v>
      </c>
      <c r="AG17313">
        <v>22</v>
      </c>
      <c r="AH17313">
        <v>22</v>
      </c>
      <c r="AI17313">
        <v>22</v>
      </c>
      <c r="AJ17313">
        <v>22</v>
      </c>
      <c r="AK17313">
        <v>22</v>
      </c>
      <c r="AL17313">
        <v>22</v>
      </c>
      <c r="AM17313">
        <v>23</v>
      </c>
      <c r="AN17313">
        <v>23</v>
      </c>
      <c r="AO17313">
        <v>23</v>
      </c>
      <c r="AP17313">
        <v>23</v>
      </c>
      <c r="AQ17313">
        <v>23</v>
      </c>
    </row>
    <row r="17314" spans="1:43">
      <c r="A17314" t="s">
        <v>10738</v>
      </c>
      <c r="B17314" t="s">
        <v>10739</v>
      </c>
      <c r="C17314" t="s">
        <v>10730</v>
      </c>
      <c r="D17314" t="s">
        <v>10731</v>
      </c>
      <c r="E17314" t="s">
        <v>10732</v>
      </c>
      <c r="F17314" t="s">
        <v>10733</v>
      </c>
      <c r="G17314" t="s">
        <v>10734</v>
      </c>
      <c r="H17314" t="s">
        <v>10735</v>
      </c>
      <c r="I17314" s="2">
        <v>1</v>
      </c>
      <c r="J17314" s="2">
        <v>0</v>
      </c>
      <c r="K17314" s="2">
        <v>0</v>
      </c>
      <c r="L17314" t="s">
        <v>120</v>
      </c>
      <c r="M17314" t="s">
        <v>83</v>
      </c>
      <c r="N17314" t="s">
        <v>84</v>
      </c>
      <c r="O17314" t="s">
        <v>85</v>
      </c>
      <c r="P17314" t="s">
        <v>86</v>
      </c>
      <c r="Q17314">
        <v>19</v>
      </c>
      <c r="R17314">
        <v>19</v>
      </c>
      <c r="S17314">
        <v>19</v>
      </c>
      <c r="T17314">
        <v>20</v>
      </c>
      <c r="U17314">
        <v>20</v>
      </c>
      <c r="V17314">
        <v>20</v>
      </c>
      <c r="W17314">
        <v>20</v>
      </c>
      <c r="X17314">
        <v>21</v>
      </c>
      <c r="Y17314">
        <v>21</v>
      </c>
      <c r="Z17314">
        <v>21</v>
      </c>
      <c r="AA17314">
        <v>21</v>
      </c>
      <c r="AB17314">
        <v>21</v>
      </c>
      <c r="AC17314">
        <v>22</v>
      </c>
      <c r="AD17314">
        <v>22</v>
      </c>
      <c r="AE17314">
        <v>22</v>
      </c>
      <c r="AF17314">
        <v>22</v>
      </c>
      <c r="AG17314">
        <v>23</v>
      </c>
      <c r="AH17314">
        <v>23</v>
      </c>
      <c r="AI17314">
        <v>23</v>
      </c>
      <c r="AJ17314">
        <v>23</v>
      </c>
      <c r="AK17314">
        <v>24</v>
      </c>
      <c r="AL17314">
        <v>24</v>
      </c>
      <c r="AM17314">
        <v>24</v>
      </c>
      <c r="AN17314">
        <v>24</v>
      </c>
      <c r="AO17314">
        <v>24</v>
      </c>
      <c r="AP17314">
        <v>24</v>
      </c>
      <c r="AQ17314">
        <v>24</v>
      </c>
    </row>
    <row r="17315" spans="1:43">
      <c r="A17315" t="s">
        <v>10738</v>
      </c>
      <c r="B17315" t="s">
        <v>10739</v>
      </c>
      <c r="C17315" t="s">
        <v>10730</v>
      </c>
      <c r="D17315" t="s">
        <v>10731</v>
      </c>
      <c r="E17315" t="s">
        <v>10732</v>
      </c>
      <c r="F17315" t="s">
        <v>10733</v>
      </c>
      <c r="G17315" t="s">
        <v>10734</v>
      </c>
      <c r="H17315" t="s">
        <v>10735</v>
      </c>
      <c r="I17315" s="2">
        <v>1</v>
      </c>
      <c r="J17315" s="2">
        <v>0</v>
      </c>
      <c r="K17315" s="2">
        <v>0</v>
      </c>
      <c r="L17315" t="s">
        <v>120</v>
      </c>
      <c r="M17315" t="s">
        <v>87</v>
      </c>
      <c r="N17315" t="s">
        <v>88</v>
      </c>
      <c r="O17315" t="s">
        <v>85</v>
      </c>
      <c r="P17315" t="s">
        <v>86</v>
      </c>
      <c r="Q17315">
        <v>19</v>
      </c>
      <c r="R17315">
        <v>19</v>
      </c>
      <c r="S17315">
        <v>19</v>
      </c>
      <c r="T17315">
        <v>19</v>
      </c>
      <c r="U17315">
        <v>19</v>
      </c>
      <c r="V17315">
        <v>19</v>
      </c>
      <c r="W17315">
        <v>19</v>
      </c>
      <c r="X17315">
        <v>19</v>
      </c>
      <c r="Y17315">
        <v>19</v>
      </c>
      <c r="Z17315">
        <v>19</v>
      </c>
      <c r="AA17315">
        <v>19</v>
      </c>
      <c r="AB17315">
        <v>19</v>
      </c>
      <c r="AC17315">
        <v>20</v>
      </c>
      <c r="AD17315">
        <v>20</v>
      </c>
      <c r="AE17315">
        <v>20</v>
      </c>
      <c r="AF17315">
        <v>20</v>
      </c>
      <c r="AG17315">
        <v>20</v>
      </c>
      <c r="AH17315">
        <v>20</v>
      </c>
      <c r="AI17315">
        <v>20</v>
      </c>
      <c r="AJ17315">
        <v>20</v>
      </c>
      <c r="AK17315">
        <v>20</v>
      </c>
      <c r="AL17315">
        <v>20</v>
      </c>
      <c r="AM17315">
        <v>20</v>
      </c>
      <c r="AN17315">
        <v>20</v>
      </c>
      <c r="AO17315">
        <v>21</v>
      </c>
      <c r="AP17315">
        <v>21</v>
      </c>
      <c r="AQ17315">
        <v>21</v>
      </c>
    </row>
    <row r="17316" spans="1:43">
      <c r="A17316" t="s">
        <v>10738</v>
      </c>
      <c r="B17316" t="s">
        <v>10739</v>
      </c>
      <c r="C17316" t="s">
        <v>10730</v>
      </c>
      <c r="D17316" t="s">
        <v>10731</v>
      </c>
      <c r="E17316" t="s">
        <v>10732</v>
      </c>
      <c r="F17316" t="s">
        <v>10733</v>
      </c>
      <c r="G17316" t="s">
        <v>10734</v>
      </c>
      <c r="H17316" t="s">
        <v>10735</v>
      </c>
      <c r="I17316" s="2">
        <v>1</v>
      </c>
      <c r="J17316" s="2">
        <v>0</v>
      </c>
      <c r="K17316" s="2">
        <v>0</v>
      </c>
      <c r="L17316" t="s">
        <v>120</v>
      </c>
      <c r="M17316" t="s">
        <v>89</v>
      </c>
      <c r="N17316" t="s">
        <v>90</v>
      </c>
      <c r="O17316" t="s">
        <v>85</v>
      </c>
      <c r="P17316" t="s">
        <v>86</v>
      </c>
      <c r="Q17316">
        <v>19</v>
      </c>
      <c r="R17316">
        <v>19</v>
      </c>
      <c r="S17316">
        <v>20</v>
      </c>
      <c r="T17316">
        <v>20</v>
      </c>
      <c r="U17316">
        <v>21</v>
      </c>
      <c r="V17316">
        <v>21</v>
      </c>
      <c r="W17316">
        <v>21</v>
      </c>
      <c r="X17316">
        <v>22</v>
      </c>
      <c r="Y17316">
        <v>22</v>
      </c>
      <c r="Z17316">
        <v>22</v>
      </c>
      <c r="AA17316">
        <v>23</v>
      </c>
      <c r="AB17316">
        <v>23</v>
      </c>
      <c r="AC17316">
        <v>23</v>
      </c>
      <c r="AD17316">
        <v>23</v>
      </c>
      <c r="AE17316">
        <v>24</v>
      </c>
      <c r="AF17316">
        <v>24</v>
      </c>
      <c r="AG17316">
        <v>24</v>
      </c>
      <c r="AH17316">
        <v>24</v>
      </c>
      <c r="AI17316">
        <v>24</v>
      </c>
      <c r="AJ17316">
        <v>24</v>
      </c>
      <c r="AK17316">
        <v>24</v>
      </c>
      <c r="AL17316">
        <v>24</v>
      </c>
      <c r="AM17316">
        <v>24</v>
      </c>
      <c r="AN17316">
        <v>24</v>
      </c>
      <c r="AO17316">
        <v>24</v>
      </c>
      <c r="AP17316">
        <v>24</v>
      </c>
      <c r="AQ17316">
        <v>24</v>
      </c>
    </row>
    <row r="17317" spans="1:43">
      <c r="A17317" t="s">
        <v>10738</v>
      </c>
      <c r="B17317" t="s">
        <v>10739</v>
      </c>
      <c r="C17317" t="s">
        <v>10730</v>
      </c>
      <c r="D17317" t="s">
        <v>10731</v>
      </c>
      <c r="E17317" t="s">
        <v>10732</v>
      </c>
      <c r="F17317" t="s">
        <v>10733</v>
      </c>
      <c r="G17317" t="s">
        <v>10734</v>
      </c>
      <c r="H17317" t="s">
        <v>10735</v>
      </c>
      <c r="I17317" s="2">
        <v>1</v>
      </c>
      <c r="J17317" s="2">
        <v>0</v>
      </c>
      <c r="K17317" s="2">
        <v>0</v>
      </c>
      <c r="L17317" t="s">
        <v>120</v>
      </c>
      <c r="M17317" t="s">
        <v>83</v>
      </c>
      <c r="N17317" t="s">
        <v>91</v>
      </c>
      <c r="O17317" t="s">
        <v>85</v>
      </c>
      <c r="P17317" t="s">
        <v>86</v>
      </c>
      <c r="Q17317">
        <v>19</v>
      </c>
      <c r="R17317">
        <v>19</v>
      </c>
      <c r="S17317">
        <v>19</v>
      </c>
      <c r="T17317">
        <v>20</v>
      </c>
      <c r="U17317">
        <v>20</v>
      </c>
      <c r="V17317">
        <v>20</v>
      </c>
      <c r="W17317">
        <v>20</v>
      </c>
      <c r="X17317">
        <v>21</v>
      </c>
      <c r="Y17317">
        <v>21</v>
      </c>
      <c r="Z17317">
        <v>21</v>
      </c>
      <c r="AA17317">
        <v>21</v>
      </c>
      <c r="AB17317">
        <v>21</v>
      </c>
      <c r="AC17317">
        <v>22</v>
      </c>
      <c r="AD17317">
        <v>22</v>
      </c>
      <c r="AE17317">
        <v>22</v>
      </c>
      <c r="AF17317">
        <v>22</v>
      </c>
      <c r="AG17317">
        <v>23</v>
      </c>
      <c r="AH17317">
        <v>23</v>
      </c>
      <c r="AI17317">
        <v>23</v>
      </c>
      <c r="AJ17317">
        <v>23</v>
      </c>
      <c r="AK17317">
        <v>24</v>
      </c>
      <c r="AL17317">
        <v>24</v>
      </c>
      <c r="AM17317">
        <v>24</v>
      </c>
      <c r="AN17317">
        <v>24</v>
      </c>
      <c r="AO17317">
        <v>24</v>
      </c>
      <c r="AP17317">
        <v>24</v>
      </c>
      <c r="AQ17317">
        <v>24</v>
      </c>
    </row>
    <row r="17318" spans="1:43">
      <c r="A17318" t="s">
        <v>10740</v>
      </c>
      <c r="B17318" t="s">
        <v>10741</v>
      </c>
      <c r="C17318" t="s">
        <v>10730</v>
      </c>
      <c r="D17318" t="s">
        <v>10731</v>
      </c>
      <c r="E17318" t="s">
        <v>10732</v>
      </c>
      <c r="F17318" t="s">
        <v>10733</v>
      </c>
      <c r="G17318" t="s">
        <v>10734</v>
      </c>
      <c r="H17318" t="s">
        <v>10735</v>
      </c>
      <c r="I17318" s="2">
        <v>1</v>
      </c>
      <c r="J17318" s="2">
        <v>0</v>
      </c>
      <c r="K17318" s="2">
        <v>0</v>
      </c>
      <c r="L17318" t="s">
        <v>120</v>
      </c>
      <c r="M17318" t="s">
        <v>83</v>
      </c>
      <c r="N17318" t="s">
        <v>84</v>
      </c>
      <c r="O17318" t="s">
        <v>85</v>
      </c>
      <c r="P17318" t="s">
        <v>86</v>
      </c>
      <c r="Q17318">
        <v>28</v>
      </c>
      <c r="R17318">
        <v>28</v>
      </c>
      <c r="S17318">
        <v>28</v>
      </c>
      <c r="T17318">
        <v>29</v>
      </c>
      <c r="U17318">
        <v>29</v>
      </c>
      <c r="V17318">
        <v>30</v>
      </c>
      <c r="W17318">
        <v>30</v>
      </c>
      <c r="X17318">
        <v>30</v>
      </c>
      <c r="Y17318">
        <v>31</v>
      </c>
      <c r="Z17318">
        <v>31</v>
      </c>
      <c r="AA17318">
        <v>31</v>
      </c>
      <c r="AB17318">
        <v>32</v>
      </c>
      <c r="AC17318">
        <v>32</v>
      </c>
      <c r="AD17318">
        <v>32</v>
      </c>
      <c r="AE17318">
        <v>33</v>
      </c>
      <c r="AF17318">
        <v>33</v>
      </c>
      <c r="AG17318">
        <v>33</v>
      </c>
      <c r="AH17318">
        <v>34</v>
      </c>
      <c r="AI17318">
        <v>34</v>
      </c>
      <c r="AJ17318">
        <v>34</v>
      </c>
      <c r="AK17318">
        <v>35</v>
      </c>
      <c r="AL17318">
        <v>35</v>
      </c>
      <c r="AM17318">
        <v>35</v>
      </c>
      <c r="AN17318">
        <v>35</v>
      </c>
      <c r="AO17318">
        <v>35</v>
      </c>
      <c r="AP17318">
        <v>35</v>
      </c>
      <c r="AQ17318">
        <v>35</v>
      </c>
    </row>
    <row r="17319" spans="1:43">
      <c r="A17319" t="s">
        <v>10740</v>
      </c>
      <c r="B17319" t="s">
        <v>10741</v>
      </c>
      <c r="C17319" t="s">
        <v>10730</v>
      </c>
      <c r="D17319" t="s">
        <v>10731</v>
      </c>
      <c r="E17319" t="s">
        <v>10732</v>
      </c>
      <c r="F17319" t="s">
        <v>10733</v>
      </c>
      <c r="G17319" t="s">
        <v>10734</v>
      </c>
      <c r="H17319" t="s">
        <v>10735</v>
      </c>
      <c r="I17319" s="2">
        <v>1</v>
      </c>
      <c r="J17319" s="2">
        <v>0</v>
      </c>
      <c r="K17319" s="2">
        <v>0</v>
      </c>
      <c r="L17319" t="s">
        <v>120</v>
      </c>
      <c r="M17319" t="s">
        <v>87</v>
      </c>
      <c r="N17319" t="s">
        <v>88</v>
      </c>
      <c r="O17319" t="s">
        <v>85</v>
      </c>
      <c r="P17319" t="s">
        <v>86</v>
      </c>
      <c r="Q17319">
        <v>28</v>
      </c>
      <c r="R17319">
        <v>28</v>
      </c>
      <c r="S17319">
        <v>29</v>
      </c>
      <c r="T17319">
        <v>29</v>
      </c>
      <c r="U17319">
        <v>29</v>
      </c>
      <c r="V17319">
        <v>29</v>
      </c>
      <c r="W17319">
        <v>29</v>
      </c>
      <c r="X17319">
        <v>29</v>
      </c>
      <c r="Y17319">
        <v>29</v>
      </c>
      <c r="Z17319">
        <v>29</v>
      </c>
      <c r="AA17319">
        <v>30</v>
      </c>
      <c r="AB17319">
        <v>30</v>
      </c>
      <c r="AC17319">
        <v>30</v>
      </c>
      <c r="AD17319">
        <v>30</v>
      </c>
      <c r="AE17319">
        <v>30</v>
      </c>
      <c r="AF17319">
        <v>30</v>
      </c>
      <c r="AG17319">
        <v>30</v>
      </c>
      <c r="AH17319">
        <v>30</v>
      </c>
      <c r="AI17319">
        <v>31</v>
      </c>
      <c r="AJ17319">
        <v>31</v>
      </c>
      <c r="AK17319">
        <v>31</v>
      </c>
      <c r="AL17319">
        <v>31</v>
      </c>
      <c r="AM17319">
        <v>31</v>
      </c>
      <c r="AN17319">
        <v>31</v>
      </c>
      <c r="AO17319">
        <v>31</v>
      </c>
      <c r="AP17319">
        <v>31</v>
      </c>
      <c r="AQ17319">
        <v>32</v>
      </c>
    </row>
    <row r="17320" spans="1:43">
      <c r="A17320" t="s">
        <v>10740</v>
      </c>
      <c r="B17320" t="s">
        <v>10741</v>
      </c>
      <c r="C17320" t="s">
        <v>10730</v>
      </c>
      <c r="D17320" t="s">
        <v>10731</v>
      </c>
      <c r="E17320" t="s">
        <v>10732</v>
      </c>
      <c r="F17320" t="s">
        <v>10733</v>
      </c>
      <c r="G17320" t="s">
        <v>10734</v>
      </c>
      <c r="H17320" t="s">
        <v>10735</v>
      </c>
      <c r="I17320" s="2">
        <v>1</v>
      </c>
      <c r="J17320" s="2">
        <v>0</v>
      </c>
      <c r="K17320" s="2">
        <v>0</v>
      </c>
      <c r="L17320" t="s">
        <v>120</v>
      </c>
      <c r="M17320" t="s">
        <v>89</v>
      </c>
      <c r="N17320" t="s">
        <v>90</v>
      </c>
      <c r="O17320" t="s">
        <v>85</v>
      </c>
      <c r="P17320" t="s">
        <v>86</v>
      </c>
      <c r="Q17320">
        <v>28</v>
      </c>
      <c r="R17320">
        <v>29</v>
      </c>
      <c r="S17320">
        <v>29</v>
      </c>
      <c r="T17320">
        <v>30</v>
      </c>
      <c r="U17320">
        <v>30</v>
      </c>
      <c r="V17320">
        <v>31</v>
      </c>
      <c r="W17320">
        <v>31</v>
      </c>
      <c r="X17320">
        <v>32</v>
      </c>
      <c r="Y17320">
        <v>32</v>
      </c>
      <c r="Z17320">
        <v>33</v>
      </c>
      <c r="AA17320">
        <v>33</v>
      </c>
      <c r="AB17320">
        <v>34</v>
      </c>
      <c r="AC17320">
        <v>34</v>
      </c>
      <c r="AD17320">
        <v>35</v>
      </c>
      <c r="AE17320">
        <v>35</v>
      </c>
      <c r="AF17320">
        <v>35</v>
      </c>
      <c r="AG17320">
        <v>35</v>
      </c>
      <c r="AH17320">
        <v>35</v>
      </c>
      <c r="AI17320">
        <v>35</v>
      </c>
      <c r="AJ17320">
        <v>35</v>
      </c>
      <c r="AK17320">
        <v>35</v>
      </c>
      <c r="AL17320">
        <v>35</v>
      </c>
      <c r="AM17320">
        <v>35</v>
      </c>
      <c r="AN17320">
        <v>35</v>
      </c>
      <c r="AO17320">
        <v>35</v>
      </c>
      <c r="AP17320">
        <v>35</v>
      </c>
      <c r="AQ17320">
        <v>35</v>
      </c>
    </row>
    <row r="17321" spans="1:43">
      <c r="A17321" t="s">
        <v>10740</v>
      </c>
      <c r="B17321" t="s">
        <v>10741</v>
      </c>
      <c r="C17321" t="s">
        <v>10730</v>
      </c>
      <c r="D17321" t="s">
        <v>10731</v>
      </c>
      <c r="E17321" t="s">
        <v>10732</v>
      </c>
      <c r="F17321" t="s">
        <v>10733</v>
      </c>
      <c r="G17321" t="s">
        <v>10734</v>
      </c>
      <c r="H17321" t="s">
        <v>10735</v>
      </c>
      <c r="I17321" s="2">
        <v>1</v>
      </c>
      <c r="J17321" s="2">
        <v>0</v>
      </c>
      <c r="K17321" s="2">
        <v>0</v>
      </c>
      <c r="L17321" t="s">
        <v>120</v>
      </c>
      <c r="M17321" t="s">
        <v>83</v>
      </c>
      <c r="N17321" t="s">
        <v>91</v>
      </c>
      <c r="O17321" t="s">
        <v>85</v>
      </c>
      <c r="P17321" t="s">
        <v>86</v>
      </c>
      <c r="Q17321">
        <v>28</v>
      </c>
      <c r="R17321">
        <v>28</v>
      </c>
      <c r="S17321">
        <v>28</v>
      </c>
      <c r="T17321">
        <v>29</v>
      </c>
      <c r="U17321">
        <v>29</v>
      </c>
      <c r="V17321">
        <v>30</v>
      </c>
      <c r="W17321">
        <v>30</v>
      </c>
      <c r="X17321">
        <v>30</v>
      </c>
      <c r="Y17321">
        <v>31</v>
      </c>
      <c r="Z17321">
        <v>31</v>
      </c>
      <c r="AA17321">
        <v>31</v>
      </c>
      <c r="AB17321">
        <v>32</v>
      </c>
      <c r="AC17321">
        <v>32</v>
      </c>
      <c r="AD17321">
        <v>32</v>
      </c>
      <c r="AE17321">
        <v>33</v>
      </c>
      <c r="AF17321">
        <v>33</v>
      </c>
      <c r="AG17321">
        <v>33</v>
      </c>
      <c r="AH17321">
        <v>34</v>
      </c>
      <c r="AI17321">
        <v>34</v>
      </c>
      <c r="AJ17321">
        <v>34</v>
      </c>
      <c r="AK17321">
        <v>35</v>
      </c>
      <c r="AL17321">
        <v>35</v>
      </c>
      <c r="AM17321">
        <v>35</v>
      </c>
      <c r="AN17321">
        <v>35</v>
      </c>
      <c r="AO17321">
        <v>35</v>
      </c>
      <c r="AP17321">
        <v>35</v>
      </c>
      <c r="AQ17321">
        <v>35</v>
      </c>
    </row>
    <row r="17322" spans="1:43">
      <c r="A17322" t="s">
        <v>10742</v>
      </c>
      <c r="B17322" t="s">
        <v>10743</v>
      </c>
      <c r="C17322" t="s">
        <v>10730</v>
      </c>
      <c r="D17322" t="s">
        <v>10731</v>
      </c>
      <c r="E17322" t="s">
        <v>10732</v>
      </c>
      <c r="F17322" t="s">
        <v>10733</v>
      </c>
      <c r="G17322" t="s">
        <v>10734</v>
      </c>
      <c r="H17322" t="s">
        <v>10735</v>
      </c>
      <c r="I17322" s="2">
        <v>1</v>
      </c>
      <c r="J17322" s="2">
        <v>0</v>
      </c>
      <c r="K17322" s="2">
        <v>0</v>
      </c>
      <c r="L17322" t="s">
        <v>120</v>
      </c>
      <c r="M17322" t="s">
        <v>83</v>
      </c>
      <c r="N17322" t="s">
        <v>84</v>
      </c>
      <c r="O17322" t="s">
        <v>85</v>
      </c>
      <c r="P17322" t="s">
        <v>86</v>
      </c>
      <c r="Q17322">
        <v>13</v>
      </c>
      <c r="R17322">
        <v>13</v>
      </c>
      <c r="S17322">
        <v>13</v>
      </c>
      <c r="T17322">
        <v>13</v>
      </c>
      <c r="U17322">
        <v>14</v>
      </c>
      <c r="V17322">
        <v>14</v>
      </c>
      <c r="W17322">
        <v>14</v>
      </c>
      <c r="X17322">
        <v>14</v>
      </c>
      <c r="Y17322">
        <v>14</v>
      </c>
      <c r="Z17322">
        <v>14</v>
      </c>
      <c r="AA17322">
        <v>15</v>
      </c>
      <c r="AB17322">
        <v>15</v>
      </c>
      <c r="AC17322">
        <v>15</v>
      </c>
      <c r="AD17322">
        <v>15</v>
      </c>
      <c r="AE17322">
        <v>15</v>
      </c>
      <c r="AF17322">
        <v>15</v>
      </c>
      <c r="AG17322">
        <v>15</v>
      </c>
      <c r="AH17322">
        <v>16</v>
      </c>
      <c r="AI17322">
        <v>16</v>
      </c>
      <c r="AJ17322">
        <v>16</v>
      </c>
      <c r="AK17322">
        <v>16</v>
      </c>
      <c r="AL17322">
        <v>16</v>
      </c>
      <c r="AM17322">
        <v>16</v>
      </c>
      <c r="AN17322">
        <v>16</v>
      </c>
      <c r="AO17322">
        <v>16</v>
      </c>
      <c r="AP17322">
        <v>16</v>
      </c>
      <c r="AQ17322">
        <v>16</v>
      </c>
    </row>
    <row r="17323" spans="1:43">
      <c r="A17323" t="s">
        <v>10742</v>
      </c>
      <c r="B17323" t="s">
        <v>10743</v>
      </c>
      <c r="C17323" t="s">
        <v>10730</v>
      </c>
      <c r="D17323" t="s">
        <v>10731</v>
      </c>
      <c r="E17323" t="s">
        <v>10732</v>
      </c>
      <c r="F17323" t="s">
        <v>10733</v>
      </c>
      <c r="G17323" t="s">
        <v>10734</v>
      </c>
      <c r="H17323" t="s">
        <v>10735</v>
      </c>
      <c r="I17323" s="2">
        <v>1</v>
      </c>
      <c r="J17323" s="2">
        <v>0</v>
      </c>
      <c r="K17323" s="2">
        <v>0</v>
      </c>
      <c r="L17323" t="s">
        <v>120</v>
      </c>
      <c r="M17323" t="s">
        <v>87</v>
      </c>
      <c r="N17323" t="s">
        <v>88</v>
      </c>
      <c r="O17323" t="s">
        <v>85</v>
      </c>
      <c r="P17323" t="s">
        <v>86</v>
      </c>
      <c r="Q17323">
        <v>13</v>
      </c>
      <c r="R17323">
        <v>13</v>
      </c>
      <c r="S17323">
        <v>13</v>
      </c>
      <c r="T17323">
        <v>13</v>
      </c>
      <c r="U17323">
        <v>13</v>
      </c>
      <c r="V17323">
        <v>13</v>
      </c>
      <c r="W17323">
        <v>13</v>
      </c>
      <c r="X17323">
        <v>13</v>
      </c>
      <c r="Y17323">
        <v>13</v>
      </c>
      <c r="Z17323">
        <v>13</v>
      </c>
      <c r="AA17323">
        <v>13</v>
      </c>
      <c r="AB17323">
        <v>13</v>
      </c>
      <c r="AC17323">
        <v>13</v>
      </c>
      <c r="AD17323">
        <v>13</v>
      </c>
      <c r="AE17323">
        <v>14</v>
      </c>
      <c r="AF17323">
        <v>14</v>
      </c>
      <c r="AG17323">
        <v>14</v>
      </c>
      <c r="AH17323">
        <v>14</v>
      </c>
      <c r="AI17323">
        <v>14</v>
      </c>
      <c r="AJ17323">
        <v>14</v>
      </c>
      <c r="AK17323">
        <v>14</v>
      </c>
      <c r="AL17323">
        <v>14</v>
      </c>
      <c r="AM17323">
        <v>14</v>
      </c>
      <c r="AN17323">
        <v>14</v>
      </c>
      <c r="AO17323">
        <v>14</v>
      </c>
      <c r="AP17323">
        <v>14</v>
      </c>
      <c r="AQ17323">
        <v>14</v>
      </c>
    </row>
    <row r="17324" spans="1:43">
      <c r="A17324" t="s">
        <v>10742</v>
      </c>
      <c r="B17324" t="s">
        <v>10743</v>
      </c>
      <c r="C17324" t="s">
        <v>10730</v>
      </c>
      <c r="D17324" t="s">
        <v>10731</v>
      </c>
      <c r="E17324" t="s">
        <v>10732</v>
      </c>
      <c r="F17324" t="s">
        <v>10733</v>
      </c>
      <c r="G17324" t="s">
        <v>10734</v>
      </c>
      <c r="H17324" t="s">
        <v>10735</v>
      </c>
      <c r="I17324" s="2">
        <v>1</v>
      </c>
      <c r="J17324" s="2">
        <v>0</v>
      </c>
      <c r="K17324" s="2">
        <v>0</v>
      </c>
      <c r="L17324" t="s">
        <v>120</v>
      </c>
      <c r="M17324" t="s">
        <v>89</v>
      </c>
      <c r="N17324" t="s">
        <v>90</v>
      </c>
      <c r="O17324" t="s">
        <v>85</v>
      </c>
      <c r="P17324" t="s">
        <v>86</v>
      </c>
      <c r="Q17324">
        <v>13</v>
      </c>
      <c r="R17324">
        <v>13</v>
      </c>
      <c r="S17324">
        <v>14</v>
      </c>
      <c r="T17324">
        <v>14</v>
      </c>
      <c r="U17324">
        <v>14</v>
      </c>
      <c r="V17324">
        <v>14</v>
      </c>
      <c r="W17324">
        <v>15</v>
      </c>
      <c r="X17324">
        <v>15</v>
      </c>
      <c r="Y17324">
        <v>15</v>
      </c>
      <c r="Z17324">
        <v>15</v>
      </c>
      <c r="AA17324">
        <v>15</v>
      </c>
      <c r="AB17324">
        <v>16</v>
      </c>
      <c r="AC17324">
        <v>16</v>
      </c>
      <c r="AD17324">
        <v>16</v>
      </c>
      <c r="AE17324">
        <v>16</v>
      </c>
      <c r="AF17324">
        <v>16</v>
      </c>
      <c r="AG17324">
        <v>16</v>
      </c>
      <c r="AH17324">
        <v>16</v>
      </c>
      <c r="AI17324">
        <v>16</v>
      </c>
      <c r="AJ17324">
        <v>16</v>
      </c>
      <c r="AK17324">
        <v>16</v>
      </c>
      <c r="AL17324">
        <v>16</v>
      </c>
      <c r="AM17324">
        <v>16</v>
      </c>
      <c r="AN17324">
        <v>16</v>
      </c>
      <c r="AO17324">
        <v>16</v>
      </c>
      <c r="AP17324">
        <v>16</v>
      </c>
      <c r="AQ17324">
        <v>16</v>
      </c>
    </row>
    <row r="17325" spans="1:43">
      <c r="A17325" t="s">
        <v>10742</v>
      </c>
      <c r="B17325" t="s">
        <v>10743</v>
      </c>
      <c r="C17325" t="s">
        <v>10730</v>
      </c>
      <c r="D17325" t="s">
        <v>10731</v>
      </c>
      <c r="E17325" t="s">
        <v>10732</v>
      </c>
      <c r="F17325" t="s">
        <v>10733</v>
      </c>
      <c r="G17325" t="s">
        <v>10734</v>
      </c>
      <c r="H17325" t="s">
        <v>10735</v>
      </c>
      <c r="I17325" s="2">
        <v>1</v>
      </c>
      <c r="J17325" s="2">
        <v>0</v>
      </c>
      <c r="K17325" s="2">
        <v>0</v>
      </c>
      <c r="L17325" t="s">
        <v>120</v>
      </c>
      <c r="M17325" t="s">
        <v>83</v>
      </c>
      <c r="N17325" t="s">
        <v>91</v>
      </c>
      <c r="O17325" t="s">
        <v>85</v>
      </c>
      <c r="P17325" t="s">
        <v>86</v>
      </c>
      <c r="Q17325">
        <v>13</v>
      </c>
      <c r="R17325">
        <v>13</v>
      </c>
      <c r="S17325">
        <v>13</v>
      </c>
      <c r="T17325">
        <v>13</v>
      </c>
      <c r="U17325">
        <v>14</v>
      </c>
      <c r="V17325">
        <v>14</v>
      </c>
      <c r="W17325">
        <v>14</v>
      </c>
      <c r="X17325">
        <v>14</v>
      </c>
      <c r="Y17325">
        <v>14</v>
      </c>
      <c r="Z17325">
        <v>14</v>
      </c>
      <c r="AA17325">
        <v>15</v>
      </c>
      <c r="AB17325">
        <v>15</v>
      </c>
      <c r="AC17325">
        <v>15</v>
      </c>
      <c r="AD17325">
        <v>15</v>
      </c>
      <c r="AE17325">
        <v>15</v>
      </c>
      <c r="AF17325">
        <v>15</v>
      </c>
      <c r="AG17325">
        <v>15</v>
      </c>
      <c r="AH17325">
        <v>16</v>
      </c>
      <c r="AI17325">
        <v>16</v>
      </c>
      <c r="AJ17325">
        <v>16</v>
      </c>
      <c r="AK17325">
        <v>16</v>
      </c>
      <c r="AL17325">
        <v>16</v>
      </c>
      <c r="AM17325">
        <v>16</v>
      </c>
      <c r="AN17325">
        <v>16</v>
      </c>
      <c r="AO17325">
        <v>16</v>
      </c>
      <c r="AP17325">
        <v>16</v>
      </c>
      <c r="AQ17325">
        <v>16</v>
      </c>
    </row>
    <row r="17326" spans="1:43">
      <c r="A17326" t="s">
        <v>10744</v>
      </c>
      <c r="B17326" t="s">
        <v>10745</v>
      </c>
      <c r="C17326" t="s">
        <v>10730</v>
      </c>
      <c r="D17326" t="s">
        <v>10731</v>
      </c>
      <c r="E17326" t="s">
        <v>10732</v>
      </c>
      <c r="F17326" t="s">
        <v>10733</v>
      </c>
      <c r="G17326" t="s">
        <v>10734</v>
      </c>
      <c r="H17326" t="s">
        <v>10735</v>
      </c>
      <c r="I17326" s="2">
        <v>1</v>
      </c>
      <c r="J17326" s="2">
        <v>0</v>
      </c>
      <c r="K17326" s="2">
        <v>0</v>
      </c>
      <c r="L17326" t="s">
        <v>120</v>
      </c>
      <c r="M17326" t="s">
        <v>83</v>
      </c>
      <c r="N17326" t="s">
        <v>84</v>
      </c>
      <c r="O17326" t="s">
        <v>85</v>
      </c>
      <c r="P17326" t="s">
        <v>86</v>
      </c>
      <c r="Q17326">
        <v>7</v>
      </c>
      <c r="R17326">
        <v>7</v>
      </c>
      <c r="S17326">
        <v>7</v>
      </c>
      <c r="T17326">
        <v>7</v>
      </c>
      <c r="U17326">
        <v>7</v>
      </c>
      <c r="V17326">
        <v>7</v>
      </c>
      <c r="W17326">
        <v>8</v>
      </c>
      <c r="X17326">
        <v>8</v>
      </c>
      <c r="Y17326">
        <v>8</v>
      </c>
      <c r="Z17326">
        <v>8</v>
      </c>
      <c r="AA17326">
        <v>8</v>
      </c>
      <c r="AB17326">
        <v>8</v>
      </c>
      <c r="AC17326">
        <v>8</v>
      </c>
      <c r="AD17326">
        <v>8</v>
      </c>
      <c r="AE17326">
        <v>8</v>
      </c>
      <c r="AF17326">
        <v>8</v>
      </c>
      <c r="AG17326">
        <v>8</v>
      </c>
      <c r="AH17326">
        <v>8</v>
      </c>
      <c r="AI17326">
        <v>9</v>
      </c>
      <c r="AJ17326">
        <v>9</v>
      </c>
      <c r="AK17326">
        <v>9</v>
      </c>
      <c r="AL17326">
        <v>9</v>
      </c>
      <c r="AM17326">
        <v>9</v>
      </c>
      <c r="AN17326">
        <v>9</v>
      </c>
      <c r="AO17326">
        <v>9</v>
      </c>
      <c r="AP17326">
        <v>9</v>
      </c>
      <c r="AQ17326">
        <v>9</v>
      </c>
    </row>
    <row r="17327" spans="1:43">
      <c r="A17327" t="s">
        <v>10744</v>
      </c>
      <c r="B17327" t="s">
        <v>10745</v>
      </c>
      <c r="C17327" t="s">
        <v>10730</v>
      </c>
      <c r="D17327" t="s">
        <v>10731</v>
      </c>
      <c r="E17327" t="s">
        <v>10732</v>
      </c>
      <c r="F17327" t="s">
        <v>10733</v>
      </c>
      <c r="G17327" t="s">
        <v>10734</v>
      </c>
      <c r="H17327" t="s">
        <v>10735</v>
      </c>
      <c r="I17327" s="2">
        <v>1</v>
      </c>
      <c r="J17327" s="2">
        <v>0</v>
      </c>
      <c r="K17327" s="2">
        <v>0</v>
      </c>
      <c r="L17327" t="s">
        <v>120</v>
      </c>
      <c r="M17327" t="s">
        <v>87</v>
      </c>
      <c r="N17327" t="s">
        <v>88</v>
      </c>
      <c r="O17327" t="s">
        <v>85</v>
      </c>
      <c r="P17327" t="s">
        <v>86</v>
      </c>
      <c r="Q17327">
        <v>7</v>
      </c>
      <c r="R17327">
        <v>7</v>
      </c>
      <c r="S17327">
        <v>7</v>
      </c>
      <c r="T17327">
        <v>7</v>
      </c>
      <c r="U17327">
        <v>7</v>
      </c>
      <c r="V17327">
        <v>7</v>
      </c>
      <c r="W17327">
        <v>7</v>
      </c>
      <c r="X17327">
        <v>7</v>
      </c>
      <c r="Y17327">
        <v>7</v>
      </c>
      <c r="Z17327">
        <v>7</v>
      </c>
      <c r="AA17327">
        <v>7</v>
      </c>
      <c r="AB17327">
        <v>7</v>
      </c>
      <c r="AC17327">
        <v>7</v>
      </c>
      <c r="AD17327">
        <v>7</v>
      </c>
      <c r="AE17327">
        <v>7</v>
      </c>
      <c r="AF17327">
        <v>7</v>
      </c>
      <c r="AG17327">
        <v>7</v>
      </c>
      <c r="AH17327">
        <v>7</v>
      </c>
      <c r="AI17327">
        <v>7</v>
      </c>
      <c r="AJ17327">
        <v>7</v>
      </c>
      <c r="AK17327">
        <v>7</v>
      </c>
      <c r="AL17327">
        <v>8</v>
      </c>
      <c r="AM17327">
        <v>8</v>
      </c>
      <c r="AN17327">
        <v>8</v>
      </c>
      <c r="AO17327">
        <v>8</v>
      </c>
      <c r="AP17327">
        <v>8</v>
      </c>
      <c r="AQ17327">
        <v>8</v>
      </c>
    </row>
    <row r="17328" spans="1:43">
      <c r="A17328" t="s">
        <v>10744</v>
      </c>
      <c r="B17328" t="s">
        <v>10745</v>
      </c>
      <c r="C17328" t="s">
        <v>10730</v>
      </c>
      <c r="D17328" t="s">
        <v>10731</v>
      </c>
      <c r="E17328" t="s">
        <v>10732</v>
      </c>
      <c r="F17328" t="s">
        <v>10733</v>
      </c>
      <c r="G17328" t="s">
        <v>10734</v>
      </c>
      <c r="H17328" t="s">
        <v>10735</v>
      </c>
      <c r="I17328" s="2">
        <v>1</v>
      </c>
      <c r="J17328" s="2">
        <v>0</v>
      </c>
      <c r="K17328" s="2">
        <v>0</v>
      </c>
      <c r="L17328" t="s">
        <v>120</v>
      </c>
      <c r="M17328" t="s">
        <v>89</v>
      </c>
      <c r="N17328" t="s">
        <v>90</v>
      </c>
      <c r="O17328" t="s">
        <v>85</v>
      </c>
      <c r="P17328" t="s">
        <v>86</v>
      </c>
      <c r="Q17328">
        <v>7</v>
      </c>
      <c r="R17328">
        <v>7</v>
      </c>
      <c r="S17328">
        <v>7</v>
      </c>
      <c r="T17328">
        <v>7</v>
      </c>
      <c r="U17328">
        <v>8</v>
      </c>
      <c r="V17328">
        <v>8</v>
      </c>
      <c r="W17328">
        <v>8</v>
      </c>
      <c r="X17328">
        <v>8</v>
      </c>
      <c r="Y17328">
        <v>8</v>
      </c>
      <c r="Z17328">
        <v>8</v>
      </c>
      <c r="AA17328">
        <v>8</v>
      </c>
      <c r="AB17328">
        <v>8</v>
      </c>
      <c r="AC17328">
        <v>9</v>
      </c>
      <c r="AD17328">
        <v>9</v>
      </c>
      <c r="AE17328">
        <v>9</v>
      </c>
      <c r="AF17328">
        <v>9</v>
      </c>
      <c r="AG17328">
        <v>9</v>
      </c>
      <c r="AH17328">
        <v>9</v>
      </c>
      <c r="AI17328">
        <v>9</v>
      </c>
      <c r="AJ17328">
        <v>9</v>
      </c>
      <c r="AK17328">
        <v>9</v>
      </c>
      <c r="AL17328">
        <v>9</v>
      </c>
      <c r="AM17328">
        <v>9</v>
      </c>
      <c r="AN17328">
        <v>9</v>
      </c>
      <c r="AO17328">
        <v>9</v>
      </c>
      <c r="AP17328">
        <v>9</v>
      </c>
      <c r="AQ17328">
        <v>9</v>
      </c>
    </row>
    <row r="17329" spans="1:43">
      <c r="A17329" t="s">
        <v>10744</v>
      </c>
      <c r="B17329" t="s">
        <v>10745</v>
      </c>
      <c r="C17329" t="s">
        <v>10730</v>
      </c>
      <c r="D17329" t="s">
        <v>10731</v>
      </c>
      <c r="E17329" t="s">
        <v>10732</v>
      </c>
      <c r="F17329" t="s">
        <v>10733</v>
      </c>
      <c r="G17329" t="s">
        <v>10734</v>
      </c>
      <c r="H17329" t="s">
        <v>10735</v>
      </c>
      <c r="I17329" s="2">
        <v>1</v>
      </c>
      <c r="J17329" s="2">
        <v>0</v>
      </c>
      <c r="K17329" s="2">
        <v>0</v>
      </c>
      <c r="L17329" t="s">
        <v>120</v>
      </c>
      <c r="M17329" t="s">
        <v>83</v>
      </c>
      <c r="N17329" t="s">
        <v>91</v>
      </c>
      <c r="O17329" t="s">
        <v>85</v>
      </c>
      <c r="P17329" t="s">
        <v>86</v>
      </c>
      <c r="Q17329">
        <v>7</v>
      </c>
      <c r="R17329">
        <v>7</v>
      </c>
      <c r="S17329">
        <v>7</v>
      </c>
      <c r="T17329">
        <v>7</v>
      </c>
      <c r="U17329">
        <v>7</v>
      </c>
      <c r="V17329">
        <v>7</v>
      </c>
      <c r="W17329">
        <v>8</v>
      </c>
      <c r="X17329">
        <v>8</v>
      </c>
      <c r="Y17329">
        <v>8</v>
      </c>
      <c r="Z17329">
        <v>8</v>
      </c>
      <c r="AA17329">
        <v>8</v>
      </c>
      <c r="AB17329">
        <v>8</v>
      </c>
      <c r="AC17329">
        <v>8</v>
      </c>
      <c r="AD17329">
        <v>8</v>
      </c>
      <c r="AE17329">
        <v>8</v>
      </c>
      <c r="AF17329">
        <v>8</v>
      </c>
      <c r="AG17329">
        <v>8</v>
      </c>
      <c r="AH17329">
        <v>8</v>
      </c>
      <c r="AI17329">
        <v>9</v>
      </c>
      <c r="AJ17329">
        <v>9</v>
      </c>
      <c r="AK17329">
        <v>9</v>
      </c>
      <c r="AL17329">
        <v>9</v>
      </c>
      <c r="AM17329">
        <v>9</v>
      </c>
      <c r="AN17329">
        <v>9</v>
      </c>
      <c r="AO17329">
        <v>9</v>
      </c>
      <c r="AP17329">
        <v>9</v>
      </c>
      <c r="AQ17329">
        <v>9</v>
      </c>
    </row>
    <row r="17330" spans="1:43">
      <c r="A17330" t="s">
        <v>10746</v>
      </c>
      <c r="B17330" t="s">
        <v>10747</v>
      </c>
      <c r="C17330" t="s">
        <v>10748</v>
      </c>
      <c r="D17330" t="s">
        <v>10749</v>
      </c>
      <c r="E17330" t="s">
        <v>10732</v>
      </c>
      <c r="F17330" t="s">
        <v>10733</v>
      </c>
      <c r="G17330" t="s">
        <v>10734</v>
      </c>
      <c r="H17330" t="s">
        <v>10735</v>
      </c>
      <c r="I17330" s="2">
        <v>1</v>
      </c>
      <c r="J17330" s="2">
        <v>0</v>
      </c>
      <c r="K17330" s="2">
        <v>0</v>
      </c>
      <c r="L17330" t="s">
        <v>120</v>
      </c>
      <c r="M17330" t="s">
        <v>83</v>
      </c>
      <c r="N17330" t="s">
        <v>84</v>
      </c>
      <c r="O17330" t="s">
        <v>85</v>
      </c>
      <c r="P17330" t="s">
        <v>86</v>
      </c>
      <c r="Q17330">
        <v>12</v>
      </c>
      <c r="R17330">
        <v>12</v>
      </c>
      <c r="S17330">
        <v>12</v>
      </c>
      <c r="T17330">
        <v>13</v>
      </c>
      <c r="U17330">
        <v>13</v>
      </c>
      <c r="V17330">
        <v>13</v>
      </c>
      <c r="W17330">
        <v>13</v>
      </c>
      <c r="X17330">
        <v>13</v>
      </c>
      <c r="Y17330">
        <v>13</v>
      </c>
      <c r="Z17330">
        <v>13</v>
      </c>
      <c r="AA17330">
        <v>14</v>
      </c>
      <c r="AB17330">
        <v>14</v>
      </c>
      <c r="AC17330">
        <v>14</v>
      </c>
      <c r="AD17330">
        <v>14</v>
      </c>
      <c r="AE17330">
        <v>14</v>
      </c>
      <c r="AF17330">
        <v>14</v>
      </c>
      <c r="AG17330">
        <v>14</v>
      </c>
      <c r="AH17330">
        <v>15</v>
      </c>
      <c r="AI17330">
        <v>15</v>
      </c>
      <c r="AJ17330">
        <v>15</v>
      </c>
      <c r="AK17330">
        <v>15</v>
      </c>
      <c r="AL17330">
        <v>15</v>
      </c>
      <c r="AM17330">
        <v>15</v>
      </c>
      <c r="AN17330">
        <v>15</v>
      </c>
      <c r="AO17330">
        <v>15</v>
      </c>
      <c r="AP17330">
        <v>15</v>
      </c>
      <c r="AQ17330">
        <v>15</v>
      </c>
    </row>
    <row r="17331" spans="1:43">
      <c r="A17331" t="s">
        <v>10746</v>
      </c>
      <c r="B17331" t="s">
        <v>10747</v>
      </c>
      <c r="C17331" t="s">
        <v>10748</v>
      </c>
      <c r="D17331" t="s">
        <v>10749</v>
      </c>
      <c r="E17331" t="s">
        <v>10732</v>
      </c>
      <c r="F17331" t="s">
        <v>10733</v>
      </c>
      <c r="G17331" t="s">
        <v>10734</v>
      </c>
      <c r="H17331" t="s">
        <v>10735</v>
      </c>
      <c r="I17331" s="2">
        <v>1</v>
      </c>
      <c r="J17331" s="2">
        <v>0</v>
      </c>
      <c r="K17331" s="2">
        <v>0</v>
      </c>
      <c r="L17331" t="s">
        <v>120</v>
      </c>
      <c r="M17331" t="s">
        <v>87</v>
      </c>
      <c r="N17331" t="s">
        <v>88</v>
      </c>
      <c r="O17331" t="s">
        <v>85</v>
      </c>
      <c r="P17331" t="s">
        <v>86</v>
      </c>
      <c r="Q17331">
        <v>12</v>
      </c>
      <c r="R17331">
        <v>12</v>
      </c>
      <c r="S17331">
        <v>12</v>
      </c>
      <c r="T17331">
        <v>12</v>
      </c>
      <c r="U17331">
        <v>12</v>
      </c>
      <c r="V17331">
        <v>12</v>
      </c>
      <c r="W17331">
        <v>12</v>
      </c>
      <c r="X17331">
        <v>12</v>
      </c>
      <c r="Y17331">
        <v>12</v>
      </c>
      <c r="Z17331">
        <v>12</v>
      </c>
      <c r="AA17331">
        <v>12</v>
      </c>
      <c r="AB17331">
        <v>12</v>
      </c>
      <c r="AC17331">
        <v>13</v>
      </c>
      <c r="AD17331">
        <v>13</v>
      </c>
      <c r="AE17331">
        <v>13</v>
      </c>
      <c r="AF17331">
        <v>13</v>
      </c>
      <c r="AG17331">
        <v>13</v>
      </c>
      <c r="AH17331">
        <v>13</v>
      </c>
      <c r="AI17331">
        <v>13</v>
      </c>
      <c r="AJ17331">
        <v>13</v>
      </c>
      <c r="AK17331">
        <v>13</v>
      </c>
      <c r="AL17331">
        <v>13</v>
      </c>
      <c r="AM17331">
        <v>13</v>
      </c>
      <c r="AN17331">
        <v>13</v>
      </c>
      <c r="AO17331">
        <v>13</v>
      </c>
      <c r="AP17331">
        <v>13</v>
      </c>
      <c r="AQ17331">
        <v>13</v>
      </c>
    </row>
    <row r="17332" spans="1:43">
      <c r="A17332" t="s">
        <v>10746</v>
      </c>
      <c r="B17332" t="s">
        <v>10747</v>
      </c>
      <c r="C17332" t="s">
        <v>10748</v>
      </c>
      <c r="D17332" t="s">
        <v>10749</v>
      </c>
      <c r="E17332" t="s">
        <v>10732</v>
      </c>
      <c r="F17332" t="s">
        <v>10733</v>
      </c>
      <c r="G17332" t="s">
        <v>10734</v>
      </c>
      <c r="H17332" t="s">
        <v>10735</v>
      </c>
      <c r="I17332" s="2">
        <v>1</v>
      </c>
      <c r="J17332" s="2">
        <v>0</v>
      </c>
      <c r="K17332" s="2">
        <v>0</v>
      </c>
      <c r="L17332" t="s">
        <v>120</v>
      </c>
      <c r="M17332" t="s">
        <v>89</v>
      </c>
      <c r="N17332" t="s">
        <v>90</v>
      </c>
      <c r="O17332" t="s">
        <v>85</v>
      </c>
      <c r="P17332" t="s">
        <v>86</v>
      </c>
      <c r="Q17332">
        <v>12</v>
      </c>
      <c r="R17332">
        <v>12</v>
      </c>
      <c r="S17332">
        <v>13</v>
      </c>
      <c r="T17332">
        <v>13</v>
      </c>
      <c r="U17332">
        <v>13</v>
      </c>
      <c r="V17332">
        <v>13</v>
      </c>
      <c r="W17332">
        <v>14</v>
      </c>
      <c r="X17332">
        <v>14</v>
      </c>
      <c r="Y17332">
        <v>14</v>
      </c>
      <c r="Z17332">
        <v>14</v>
      </c>
      <c r="AA17332">
        <v>14</v>
      </c>
      <c r="AB17332">
        <v>15</v>
      </c>
      <c r="AC17332">
        <v>15</v>
      </c>
      <c r="AD17332">
        <v>15</v>
      </c>
      <c r="AE17332">
        <v>15</v>
      </c>
      <c r="AF17332">
        <v>15</v>
      </c>
      <c r="AG17332">
        <v>15</v>
      </c>
      <c r="AH17332">
        <v>15</v>
      </c>
      <c r="AI17332">
        <v>15</v>
      </c>
      <c r="AJ17332">
        <v>15</v>
      </c>
      <c r="AK17332">
        <v>15</v>
      </c>
      <c r="AL17332">
        <v>15</v>
      </c>
      <c r="AM17332">
        <v>15</v>
      </c>
      <c r="AN17332">
        <v>15</v>
      </c>
      <c r="AO17332">
        <v>15</v>
      </c>
      <c r="AP17332">
        <v>15</v>
      </c>
      <c r="AQ17332">
        <v>15</v>
      </c>
    </row>
    <row r="17333" spans="1:43">
      <c r="A17333" t="s">
        <v>10746</v>
      </c>
      <c r="B17333" t="s">
        <v>10747</v>
      </c>
      <c r="C17333" t="s">
        <v>10748</v>
      </c>
      <c r="D17333" t="s">
        <v>10749</v>
      </c>
      <c r="E17333" t="s">
        <v>10732</v>
      </c>
      <c r="F17333" t="s">
        <v>10733</v>
      </c>
      <c r="G17333" t="s">
        <v>10734</v>
      </c>
      <c r="H17333" t="s">
        <v>10735</v>
      </c>
      <c r="I17333" s="2">
        <v>1</v>
      </c>
      <c r="J17333" s="2">
        <v>0</v>
      </c>
      <c r="K17333" s="2">
        <v>0</v>
      </c>
      <c r="L17333" t="s">
        <v>120</v>
      </c>
      <c r="M17333" t="s">
        <v>83</v>
      </c>
      <c r="N17333" t="s">
        <v>91</v>
      </c>
      <c r="O17333" t="s">
        <v>85</v>
      </c>
      <c r="P17333" t="s">
        <v>86</v>
      </c>
      <c r="Q17333">
        <v>12</v>
      </c>
      <c r="R17333">
        <v>12</v>
      </c>
      <c r="S17333">
        <v>12</v>
      </c>
      <c r="T17333">
        <v>13</v>
      </c>
      <c r="U17333">
        <v>13</v>
      </c>
      <c r="V17333">
        <v>13</v>
      </c>
      <c r="W17333">
        <v>13</v>
      </c>
      <c r="X17333">
        <v>13</v>
      </c>
      <c r="Y17333">
        <v>13</v>
      </c>
      <c r="Z17333">
        <v>13</v>
      </c>
      <c r="AA17333">
        <v>14</v>
      </c>
      <c r="AB17333">
        <v>14</v>
      </c>
      <c r="AC17333">
        <v>14</v>
      </c>
      <c r="AD17333">
        <v>14</v>
      </c>
      <c r="AE17333">
        <v>14</v>
      </c>
      <c r="AF17333">
        <v>14</v>
      </c>
      <c r="AG17333">
        <v>14</v>
      </c>
      <c r="AH17333">
        <v>15</v>
      </c>
      <c r="AI17333">
        <v>15</v>
      </c>
      <c r="AJ17333">
        <v>15</v>
      </c>
      <c r="AK17333">
        <v>15</v>
      </c>
      <c r="AL17333">
        <v>15</v>
      </c>
      <c r="AM17333">
        <v>15</v>
      </c>
      <c r="AN17333">
        <v>15</v>
      </c>
      <c r="AO17333">
        <v>15</v>
      </c>
      <c r="AP17333">
        <v>15</v>
      </c>
      <c r="AQ17333">
        <v>15</v>
      </c>
    </row>
    <row r="17334" spans="1:43">
      <c r="A17334" t="s">
        <v>10750</v>
      </c>
      <c r="B17334" t="s">
        <v>10751</v>
      </c>
      <c r="C17334" t="s">
        <v>10748</v>
      </c>
      <c r="D17334" t="s">
        <v>10749</v>
      </c>
      <c r="E17334" t="s">
        <v>10732</v>
      </c>
      <c r="F17334" t="s">
        <v>10733</v>
      </c>
      <c r="G17334" t="s">
        <v>10734</v>
      </c>
      <c r="H17334" t="s">
        <v>10735</v>
      </c>
      <c r="I17334" s="2">
        <v>1</v>
      </c>
      <c r="J17334" s="2">
        <v>0</v>
      </c>
      <c r="K17334" s="2">
        <v>0</v>
      </c>
      <c r="L17334" t="s">
        <v>120</v>
      </c>
      <c r="M17334" t="s">
        <v>83</v>
      </c>
      <c r="N17334" t="s">
        <v>84</v>
      </c>
      <c r="O17334" t="s">
        <v>85</v>
      </c>
      <c r="P17334" t="s">
        <v>86</v>
      </c>
      <c r="Q17334">
        <v>30</v>
      </c>
      <c r="R17334">
        <v>30</v>
      </c>
      <c r="S17334">
        <v>31</v>
      </c>
      <c r="T17334">
        <v>31</v>
      </c>
      <c r="U17334">
        <v>31</v>
      </c>
      <c r="V17334">
        <v>32</v>
      </c>
      <c r="W17334">
        <v>32</v>
      </c>
      <c r="X17334">
        <v>33</v>
      </c>
      <c r="Y17334">
        <v>33</v>
      </c>
      <c r="Z17334">
        <v>33</v>
      </c>
      <c r="AA17334">
        <v>34</v>
      </c>
      <c r="AB17334">
        <v>34</v>
      </c>
      <c r="AC17334">
        <v>34</v>
      </c>
      <c r="AD17334">
        <v>35</v>
      </c>
      <c r="AE17334">
        <v>35</v>
      </c>
      <c r="AF17334">
        <v>35</v>
      </c>
      <c r="AG17334">
        <v>36</v>
      </c>
      <c r="AH17334">
        <v>36</v>
      </c>
      <c r="AI17334">
        <v>37</v>
      </c>
      <c r="AJ17334">
        <v>37</v>
      </c>
      <c r="AK17334">
        <v>37</v>
      </c>
      <c r="AL17334">
        <v>37</v>
      </c>
      <c r="AM17334">
        <v>37</v>
      </c>
      <c r="AN17334">
        <v>37</v>
      </c>
      <c r="AO17334">
        <v>38</v>
      </c>
      <c r="AP17334">
        <v>38</v>
      </c>
      <c r="AQ17334">
        <v>38</v>
      </c>
    </row>
    <row r="17335" spans="1:43">
      <c r="A17335" t="s">
        <v>10750</v>
      </c>
      <c r="B17335" t="s">
        <v>10751</v>
      </c>
      <c r="C17335" t="s">
        <v>10748</v>
      </c>
      <c r="D17335" t="s">
        <v>10749</v>
      </c>
      <c r="E17335" t="s">
        <v>10732</v>
      </c>
      <c r="F17335" t="s">
        <v>10733</v>
      </c>
      <c r="G17335" t="s">
        <v>10734</v>
      </c>
      <c r="H17335" t="s">
        <v>10735</v>
      </c>
      <c r="I17335" s="2">
        <v>1</v>
      </c>
      <c r="J17335" s="2">
        <v>0</v>
      </c>
      <c r="K17335" s="2">
        <v>0</v>
      </c>
      <c r="L17335" t="s">
        <v>120</v>
      </c>
      <c r="M17335" t="s">
        <v>87</v>
      </c>
      <c r="N17335" t="s">
        <v>88</v>
      </c>
      <c r="O17335" t="s">
        <v>85</v>
      </c>
      <c r="P17335" t="s">
        <v>86</v>
      </c>
      <c r="Q17335">
        <v>30</v>
      </c>
      <c r="R17335">
        <v>31</v>
      </c>
      <c r="S17335">
        <v>31</v>
      </c>
      <c r="T17335">
        <v>31</v>
      </c>
      <c r="U17335">
        <v>31</v>
      </c>
      <c r="V17335">
        <v>31</v>
      </c>
      <c r="W17335">
        <v>31</v>
      </c>
      <c r="X17335">
        <v>31</v>
      </c>
      <c r="Y17335">
        <v>31</v>
      </c>
      <c r="Z17335">
        <v>32</v>
      </c>
      <c r="AA17335">
        <v>32</v>
      </c>
      <c r="AB17335">
        <v>32</v>
      </c>
      <c r="AC17335">
        <v>32</v>
      </c>
      <c r="AD17335">
        <v>32</v>
      </c>
      <c r="AE17335">
        <v>32</v>
      </c>
      <c r="AF17335">
        <v>32</v>
      </c>
      <c r="AG17335">
        <v>33</v>
      </c>
      <c r="AH17335">
        <v>33</v>
      </c>
      <c r="AI17335">
        <v>33</v>
      </c>
      <c r="AJ17335">
        <v>33</v>
      </c>
      <c r="AK17335">
        <v>33</v>
      </c>
      <c r="AL17335">
        <v>33</v>
      </c>
      <c r="AM17335">
        <v>33</v>
      </c>
      <c r="AN17335">
        <v>33</v>
      </c>
      <c r="AO17335">
        <v>34</v>
      </c>
      <c r="AP17335">
        <v>34</v>
      </c>
      <c r="AQ17335">
        <v>34</v>
      </c>
    </row>
    <row r="17336" spans="1:43">
      <c r="A17336" t="s">
        <v>10750</v>
      </c>
      <c r="B17336" t="s">
        <v>10751</v>
      </c>
      <c r="C17336" t="s">
        <v>10748</v>
      </c>
      <c r="D17336" t="s">
        <v>10749</v>
      </c>
      <c r="E17336" t="s">
        <v>10732</v>
      </c>
      <c r="F17336" t="s">
        <v>10733</v>
      </c>
      <c r="G17336" t="s">
        <v>10734</v>
      </c>
      <c r="H17336" t="s">
        <v>10735</v>
      </c>
      <c r="I17336" s="2">
        <v>1</v>
      </c>
      <c r="J17336" s="2">
        <v>0</v>
      </c>
      <c r="K17336" s="2">
        <v>0</v>
      </c>
      <c r="L17336" t="s">
        <v>120</v>
      </c>
      <c r="M17336" t="s">
        <v>89</v>
      </c>
      <c r="N17336" t="s">
        <v>90</v>
      </c>
      <c r="O17336" t="s">
        <v>85</v>
      </c>
      <c r="P17336" t="s">
        <v>86</v>
      </c>
      <c r="Q17336">
        <v>30</v>
      </c>
      <c r="R17336">
        <v>31</v>
      </c>
      <c r="S17336">
        <v>31</v>
      </c>
      <c r="T17336">
        <v>32</v>
      </c>
      <c r="U17336">
        <v>33</v>
      </c>
      <c r="V17336">
        <v>33</v>
      </c>
      <c r="W17336">
        <v>34</v>
      </c>
      <c r="X17336">
        <v>34</v>
      </c>
      <c r="Y17336">
        <v>35</v>
      </c>
      <c r="Z17336">
        <v>35</v>
      </c>
      <c r="AA17336">
        <v>36</v>
      </c>
      <c r="AB17336">
        <v>36</v>
      </c>
      <c r="AC17336">
        <v>37</v>
      </c>
      <c r="AD17336">
        <v>37</v>
      </c>
      <c r="AE17336">
        <v>38</v>
      </c>
      <c r="AF17336">
        <v>38</v>
      </c>
      <c r="AG17336">
        <v>38</v>
      </c>
      <c r="AH17336">
        <v>38</v>
      </c>
      <c r="AI17336">
        <v>38</v>
      </c>
      <c r="AJ17336">
        <v>38</v>
      </c>
      <c r="AK17336">
        <v>38</v>
      </c>
      <c r="AL17336">
        <v>38</v>
      </c>
      <c r="AM17336">
        <v>38</v>
      </c>
      <c r="AN17336">
        <v>38</v>
      </c>
      <c r="AO17336">
        <v>38</v>
      </c>
      <c r="AP17336">
        <v>38</v>
      </c>
      <c r="AQ17336">
        <v>38</v>
      </c>
    </row>
    <row r="17337" spans="1:43">
      <c r="A17337" t="s">
        <v>10750</v>
      </c>
      <c r="B17337" t="s">
        <v>10751</v>
      </c>
      <c r="C17337" t="s">
        <v>10748</v>
      </c>
      <c r="D17337" t="s">
        <v>10749</v>
      </c>
      <c r="E17337" t="s">
        <v>10732</v>
      </c>
      <c r="F17337" t="s">
        <v>10733</v>
      </c>
      <c r="G17337" t="s">
        <v>10734</v>
      </c>
      <c r="H17337" t="s">
        <v>10735</v>
      </c>
      <c r="I17337" s="2">
        <v>1</v>
      </c>
      <c r="J17337" s="2">
        <v>0</v>
      </c>
      <c r="K17337" s="2">
        <v>0</v>
      </c>
      <c r="L17337" t="s">
        <v>120</v>
      </c>
      <c r="M17337" t="s">
        <v>83</v>
      </c>
      <c r="N17337" t="s">
        <v>91</v>
      </c>
      <c r="O17337" t="s">
        <v>85</v>
      </c>
      <c r="P17337" t="s">
        <v>86</v>
      </c>
      <c r="Q17337">
        <v>30</v>
      </c>
      <c r="R17337">
        <v>30</v>
      </c>
      <c r="S17337">
        <v>31</v>
      </c>
      <c r="T17337">
        <v>31</v>
      </c>
      <c r="U17337">
        <v>31</v>
      </c>
      <c r="V17337">
        <v>32</v>
      </c>
      <c r="W17337">
        <v>32</v>
      </c>
      <c r="X17337">
        <v>33</v>
      </c>
      <c r="Y17337">
        <v>33</v>
      </c>
      <c r="Z17337">
        <v>33</v>
      </c>
      <c r="AA17337">
        <v>34</v>
      </c>
      <c r="AB17337">
        <v>34</v>
      </c>
      <c r="AC17337">
        <v>34</v>
      </c>
      <c r="AD17337">
        <v>35</v>
      </c>
      <c r="AE17337">
        <v>35</v>
      </c>
      <c r="AF17337">
        <v>35</v>
      </c>
      <c r="AG17337">
        <v>36</v>
      </c>
      <c r="AH17337">
        <v>36</v>
      </c>
      <c r="AI17337">
        <v>37</v>
      </c>
      <c r="AJ17337">
        <v>37</v>
      </c>
      <c r="AK17337">
        <v>37</v>
      </c>
      <c r="AL17337">
        <v>37</v>
      </c>
      <c r="AM17337">
        <v>37</v>
      </c>
      <c r="AN17337">
        <v>37</v>
      </c>
      <c r="AO17337">
        <v>38</v>
      </c>
      <c r="AP17337">
        <v>38</v>
      </c>
      <c r="AQ17337">
        <v>38</v>
      </c>
    </row>
    <row r="17338" spans="1:43">
      <c r="A17338" t="s">
        <v>10752</v>
      </c>
      <c r="B17338" t="s">
        <v>10753</v>
      </c>
      <c r="C17338" t="s">
        <v>10748</v>
      </c>
      <c r="D17338" t="s">
        <v>10749</v>
      </c>
      <c r="E17338" t="s">
        <v>10732</v>
      </c>
      <c r="F17338" t="s">
        <v>10733</v>
      </c>
      <c r="G17338" t="s">
        <v>10734</v>
      </c>
      <c r="H17338" t="s">
        <v>10735</v>
      </c>
      <c r="I17338" s="2">
        <v>1</v>
      </c>
      <c r="J17338" s="2">
        <v>0</v>
      </c>
      <c r="K17338" s="2">
        <v>0</v>
      </c>
      <c r="L17338" t="s">
        <v>120</v>
      </c>
      <c r="M17338" t="s">
        <v>83</v>
      </c>
      <c r="N17338" t="s">
        <v>84</v>
      </c>
      <c r="O17338" t="s">
        <v>85</v>
      </c>
      <c r="P17338" t="s">
        <v>86</v>
      </c>
      <c r="Q17338">
        <v>12</v>
      </c>
      <c r="R17338">
        <v>12</v>
      </c>
      <c r="S17338">
        <v>12</v>
      </c>
      <c r="T17338">
        <v>12</v>
      </c>
      <c r="U17338">
        <v>12</v>
      </c>
      <c r="V17338">
        <v>13</v>
      </c>
      <c r="W17338">
        <v>13</v>
      </c>
      <c r="X17338">
        <v>13</v>
      </c>
      <c r="Y17338">
        <v>13</v>
      </c>
      <c r="Z17338">
        <v>13</v>
      </c>
      <c r="AA17338">
        <v>13</v>
      </c>
      <c r="AB17338">
        <v>14</v>
      </c>
      <c r="AC17338">
        <v>14</v>
      </c>
      <c r="AD17338">
        <v>14</v>
      </c>
      <c r="AE17338">
        <v>14</v>
      </c>
      <c r="AF17338">
        <v>14</v>
      </c>
      <c r="AG17338">
        <v>14</v>
      </c>
      <c r="AH17338">
        <v>14</v>
      </c>
      <c r="AI17338">
        <v>15</v>
      </c>
      <c r="AJ17338">
        <v>15</v>
      </c>
      <c r="AK17338">
        <v>15</v>
      </c>
      <c r="AL17338">
        <v>15</v>
      </c>
      <c r="AM17338">
        <v>15</v>
      </c>
      <c r="AN17338">
        <v>15</v>
      </c>
      <c r="AO17338">
        <v>15</v>
      </c>
      <c r="AP17338">
        <v>15</v>
      </c>
      <c r="AQ17338">
        <v>15</v>
      </c>
    </row>
    <row r="17339" spans="1:43">
      <c r="A17339" t="s">
        <v>10752</v>
      </c>
      <c r="B17339" t="s">
        <v>10753</v>
      </c>
      <c r="C17339" t="s">
        <v>10748</v>
      </c>
      <c r="D17339" t="s">
        <v>10749</v>
      </c>
      <c r="E17339" t="s">
        <v>10732</v>
      </c>
      <c r="F17339" t="s">
        <v>10733</v>
      </c>
      <c r="G17339" t="s">
        <v>10734</v>
      </c>
      <c r="H17339" t="s">
        <v>10735</v>
      </c>
      <c r="I17339" s="2">
        <v>1</v>
      </c>
      <c r="J17339" s="2">
        <v>0</v>
      </c>
      <c r="K17339" s="2">
        <v>0</v>
      </c>
      <c r="L17339" t="s">
        <v>120</v>
      </c>
      <c r="M17339" t="s">
        <v>87</v>
      </c>
      <c r="N17339" t="s">
        <v>88</v>
      </c>
      <c r="O17339" t="s">
        <v>85</v>
      </c>
      <c r="P17339" t="s">
        <v>86</v>
      </c>
      <c r="Q17339">
        <v>12</v>
      </c>
      <c r="R17339">
        <v>12</v>
      </c>
      <c r="S17339">
        <v>12</v>
      </c>
      <c r="T17339">
        <v>12</v>
      </c>
      <c r="U17339">
        <v>12</v>
      </c>
      <c r="V17339">
        <v>12</v>
      </c>
      <c r="W17339">
        <v>12</v>
      </c>
      <c r="X17339">
        <v>12</v>
      </c>
      <c r="Y17339">
        <v>12</v>
      </c>
      <c r="Z17339">
        <v>12</v>
      </c>
      <c r="AA17339">
        <v>12</v>
      </c>
      <c r="AB17339">
        <v>12</v>
      </c>
      <c r="AC17339">
        <v>12</v>
      </c>
      <c r="AD17339">
        <v>12</v>
      </c>
      <c r="AE17339">
        <v>12</v>
      </c>
      <c r="AF17339">
        <v>13</v>
      </c>
      <c r="AG17339">
        <v>13</v>
      </c>
      <c r="AH17339">
        <v>13</v>
      </c>
      <c r="AI17339">
        <v>13</v>
      </c>
      <c r="AJ17339">
        <v>13</v>
      </c>
      <c r="AK17339">
        <v>13</v>
      </c>
      <c r="AL17339">
        <v>13</v>
      </c>
      <c r="AM17339">
        <v>13</v>
      </c>
      <c r="AN17339">
        <v>13</v>
      </c>
      <c r="AO17339">
        <v>13</v>
      </c>
      <c r="AP17339">
        <v>13</v>
      </c>
      <c r="AQ17339">
        <v>13</v>
      </c>
    </row>
    <row r="17340" spans="1:43">
      <c r="A17340" t="s">
        <v>10752</v>
      </c>
      <c r="B17340" t="s">
        <v>10753</v>
      </c>
      <c r="C17340" t="s">
        <v>10748</v>
      </c>
      <c r="D17340" t="s">
        <v>10749</v>
      </c>
      <c r="E17340" t="s">
        <v>10732</v>
      </c>
      <c r="F17340" t="s">
        <v>10733</v>
      </c>
      <c r="G17340" t="s">
        <v>10734</v>
      </c>
      <c r="H17340" t="s">
        <v>10735</v>
      </c>
      <c r="I17340" s="2">
        <v>1</v>
      </c>
      <c r="J17340" s="2">
        <v>0</v>
      </c>
      <c r="K17340" s="2">
        <v>0</v>
      </c>
      <c r="L17340" t="s">
        <v>120</v>
      </c>
      <c r="M17340" t="s">
        <v>89</v>
      </c>
      <c r="N17340" t="s">
        <v>90</v>
      </c>
      <c r="O17340" t="s">
        <v>85</v>
      </c>
      <c r="P17340" t="s">
        <v>86</v>
      </c>
      <c r="Q17340">
        <v>12</v>
      </c>
      <c r="R17340">
        <v>12</v>
      </c>
      <c r="S17340">
        <v>12</v>
      </c>
      <c r="T17340">
        <v>13</v>
      </c>
      <c r="U17340">
        <v>13</v>
      </c>
      <c r="V17340">
        <v>13</v>
      </c>
      <c r="W17340">
        <v>13</v>
      </c>
      <c r="X17340">
        <v>14</v>
      </c>
      <c r="Y17340">
        <v>14</v>
      </c>
      <c r="Z17340">
        <v>14</v>
      </c>
      <c r="AA17340">
        <v>14</v>
      </c>
      <c r="AB17340">
        <v>14</v>
      </c>
      <c r="AC17340">
        <v>15</v>
      </c>
      <c r="AD17340">
        <v>15</v>
      </c>
      <c r="AE17340">
        <v>15</v>
      </c>
      <c r="AF17340">
        <v>15</v>
      </c>
      <c r="AG17340">
        <v>15</v>
      </c>
      <c r="AH17340">
        <v>15</v>
      </c>
      <c r="AI17340">
        <v>15</v>
      </c>
      <c r="AJ17340">
        <v>15</v>
      </c>
      <c r="AK17340">
        <v>15</v>
      </c>
      <c r="AL17340">
        <v>15</v>
      </c>
      <c r="AM17340">
        <v>15</v>
      </c>
      <c r="AN17340">
        <v>15</v>
      </c>
      <c r="AO17340">
        <v>15</v>
      </c>
      <c r="AP17340">
        <v>15</v>
      </c>
      <c r="AQ17340">
        <v>15</v>
      </c>
    </row>
    <row r="17341" spans="1:43">
      <c r="A17341" t="s">
        <v>10752</v>
      </c>
      <c r="B17341" t="s">
        <v>10753</v>
      </c>
      <c r="C17341" t="s">
        <v>10748</v>
      </c>
      <c r="D17341" t="s">
        <v>10749</v>
      </c>
      <c r="E17341" t="s">
        <v>10732</v>
      </c>
      <c r="F17341" t="s">
        <v>10733</v>
      </c>
      <c r="G17341" t="s">
        <v>10734</v>
      </c>
      <c r="H17341" t="s">
        <v>10735</v>
      </c>
      <c r="I17341" s="2">
        <v>1</v>
      </c>
      <c r="J17341" s="2">
        <v>0</v>
      </c>
      <c r="K17341" s="2">
        <v>0</v>
      </c>
      <c r="L17341" t="s">
        <v>120</v>
      </c>
      <c r="M17341" t="s">
        <v>83</v>
      </c>
      <c r="N17341" t="s">
        <v>91</v>
      </c>
      <c r="O17341" t="s">
        <v>85</v>
      </c>
      <c r="P17341" t="s">
        <v>86</v>
      </c>
      <c r="Q17341">
        <v>12</v>
      </c>
      <c r="R17341">
        <v>12</v>
      </c>
      <c r="S17341">
        <v>12</v>
      </c>
      <c r="T17341">
        <v>12</v>
      </c>
      <c r="U17341">
        <v>12</v>
      </c>
      <c r="V17341">
        <v>13</v>
      </c>
      <c r="W17341">
        <v>13</v>
      </c>
      <c r="X17341">
        <v>13</v>
      </c>
      <c r="Y17341">
        <v>13</v>
      </c>
      <c r="Z17341">
        <v>13</v>
      </c>
      <c r="AA17341">
        <v>13</v>
      </c>
      <c r="AB17341">
        <v>14</v>
      </c>
      <c r="AC17341">
        <v>14</v>
      </c>
      <c r="AD17341">
        <v>14</v>
      </c>
      <c r="AE17341">
        <v>14</v>
      </c>
      <c r="AF17341">
        <v>14</v>
      </c>
      <c r="AG17341">
        <v>14</v>
      </c>
      <c r="AH17341">
        <v>14</v>
      </c>
      <c r="AI17341">
        <v>15</v>
      </c>
      <c r="AJ17341">
        <v>15</v>
      </c>
      <c r="AK17341">
        <v>15</v>
      </c>
      <c r="AL17341">
        <v>15</v>
      </c>
      <c r="AM17341">
        <v>15</v>
      </c>
      <c r="AN17341">
        <v>15</v>
      </c>
      <c r="AO17341">
        <v>15</v>
      </c>
      <c r="AP17341">
        <v>15</v>
      </c>
      <c r="AQ17341">
        <v>15</v>
      </c>
    </row>
    <row r="17342" spans="1:43">
      <c r="A17342" t="s">
        <v>10754</v>
      </c>
      <c r="B17342" t="s">
        <v>10755</v>
      </c>
      <c r="C17342" t="s">
        <v>10748</v>
      </c>
      <c r="D17342" t="s">
        <v>10749</v>
      </c>
      <c r="E17342" t="s">
        <v>10732</v>
      </c>
      <c r="F17342" t="s">
        <v>10733</v>
      </c>
      <c r="G17342" t="s">
        <v>10734</v>
      </c>
      <c r="H17342" t="s">
        <v>10735</v>
      </c>
      <c r="I17342" s="2">
        <v>1</v>
      </c>
      <c r="J17342" s="2">
        <v>0</v>
      </c>
      <c r="K17342" s="2">
        <v>0</v>
      </c>
      <c r="L17342" t="s">
        <v>120</v>
      </c>
      <c r="M17342" t="s">
        <v>83</v>
      </c>
      <c r="N17342" t="s">
        <v>84</v>
      </c>
      <c r="O17342" t="s">
        <v>85</v>
      </c>
      <c r="P17342" t="s">
        <v>86</v>
      </c>
      <c r="Q17342">
        <v>42</v>
      </c>
      <c r="R17342">
        <v>42</v>
      </c>
      <c r="S17342">
        <v>43</v>
      </c>
      <c r="T17342">
        <v>43</v>
      </c>
      <c r="U17342">
        <v>44</v>
      </c>
      <c r="V17342">
        <v>44</v>
      </c>
      <c r="W17342">
        <v>45</v>
      </c>
      <c r="X17342">
        <v>46</v>
      </c>
      <c r="Y17342">
        <v>46</v>
      </c>
      <c r="Z17342">
        <v>47</v>
      </c>
      <c r="AA17342">
        <v>47</v>
      </c>
      <c r="AB17342">
        <v>48</v>
      </c>
      <c r="AC17342">
        <v>48</v>
      </c>
      <c r="AD17342">
        <v>49</v>
      </c>
      <c r="AE17342">
        <v>49</v>
      </c>
      <c r="AF17342">
        <v>50</v>
      </c>
      <c r="AG17342">
        <v>50</v>
      </c>
      <c r="AH17342">
        <v>51</v>
      </c>
      <c r="AI17342">
        <v>51</v>
      </c>
      <c r="AJ17342">
        <v>52</v>
      </c>
      <c r="AK17342">
        <v>52</v>
      </c>
      <c r="AL17342">
        <v>52</v>
      </c>
      <c r="AM17342">
        <v>52</v>
      </c>
      <c r="AN17342">
        <v>52</v>
      </c>
      <c r="AO17342">
        <v>52</v>
      </c>
      <c r="AP17342">
        <v>53</v>
      </c>
      <c r="AQ17342">
        <v>53</v>
      </c>
    </row>
    <row r="17343" spans="1:43">
      <c r="A17343" t="s">
        <v>10754</v>
      </c>
      <c r="B17343" t="s">
        <v>10755</v>
      </c>
      <c r="C17343" t="s">
        <v>10748</v>
      </c>
      <c r="D17343" t="s">
        <v>10749</v>
      </c>
      <c r="E17343" t="s">
        <v>10732</v>
      </c>
      <c r="F17343" t="s">
        <v>10733</v>
      </c>
      <c r="G17343" t="s">
        <v>10734</v>
      </c>
      <c r="H17343" t="s">
        <v>10735</v>
      </c>
      <c r="I17343" s="2">
        <v>1</v>
      </c>
      <c r="J17343" s="2">
        <v>0</v>
      </c>
      <c r="K17343" s="2">
        <v>0</v>
      </c>
      <c r="L17343" t="s">
        <v>120</v>
      </c>
      <c r="M17343" t="s">
        <v>87</v>
      </c>
      <c r="N17343" t="s">
        <v>88</v>
      </c>
      <c r="O17343" t="s">
        <v>85</v>
      </c>
      <c r="P17343" t="s">
        <v>86</v>
      </c>
      <c r="Q17343">
        <v>42</v>
      </c>
      <c r="R17343">
        <v>42</v>
      </c>
      <c r="S17343">
        <v>43</v>
      </c>
      <c r="T17343">
        <v>43</v>
      </c>
      <c r="U17343">
        <v>43</v>
      </c>
      <c r="V17343">
        <v>43</v>
      </c>
      <c r="W17343">
        <v>43</v>
      </c>
      <c r="X17343">
        <v>43</v>
      </c>
      <c r="Y17343">
        <v>44</v>
      </c>
      <c r="Z17343">
        <v>44</v>
      </c>
      <c r="AA17343">
        <v>44</v>
      </c>
      <c r="AB17343">
        <v>44</v>
      </c>
      <c r="AC17343">
        <v>44</v>
      </c>
      <c r="AD17343">
        <v>45</v>
      </c>
      <c r="AE17343">
        <v>45</v>
      </c>
      <c r="AF17343">
        <v>45</v>
      </c>
      <c r="AG17343">
        <v>45</v>
      </c>
      <c r="AH17343">
        <v>45</v>
      </c>
      <c r="AI17343">
        <v>45</v>
      </c>
      <c r="AJ17343">
        <v>46</v>
      </c>
      <c r="AK17343">
        <v>46</v>
      </c>
      <c r="AL17343">
        <v>46</v>
      </c>
      <c r="AM17343">
        <v>46</v>
      </c>
      <c r="AN17343">
        <v>46</v>
      </c>
      <c r="AO17343">
        <v>46</v>
      </c>
      <c r="AP17343">
        <v>47</v>
      </c>
      <c r="AQ17343">
        <v>47</v>
      </c>
    </row>
    <row r="17344" spans="1:43">
      <c r="A17344" t="s">
        <v>10754</v>
      </c>
      <c r="B17344" t="s">
        <v>10755</v>
      </c>
      <c r="C17344" t="s">
        <v>10748</v>
      </c>
      <c r="D17344" t="s">
        <v>10749</v>
      </c>
      <c r="E17344" t="s">
        <v>10732</v>
      </c>
      <c r="F17344" t="s">
        <v>10733</v>
      </c>
      <c r="G17344" t="s">
        <v>10734</v>
      </c>
      <c r="H17344" t="s">
        <v>10735</v>
      </c>
      <c r="I17344" s="2">
        <v>1</v>
      </c>
      <c r="J17344" s="2">
        <v>0</v>
      </c>
      <c r="K17344" s="2">
        <v>0</v>
      </c>
      <c r="L17344" t="s">
        <v>120</v>
      </c>
      <c r="M17344" t="s">
        <v>89</v>
      </c>
      <c r="N17344" t="s">
        <v>90</v>
      </c>
      <c r="O17344" t="s">
        <v>85</v>
      </c>
      <c r="P17344" t="s">
        <v>86</v>
      </c>
      <c r="Q17344">
        <v>42</v>
      </c>
      <c r="R17344">
        <v>43</v>
      </c>
      <c r="S17344">
        <v>44</v>
      </c>
      <c r="T17344">
        <v>45</v>
      </c>
      <c r="U17344">
        <v>46</v>
      </c>
      <c r="V17344">
        <v>46</v>
      </c>
      <c r="W17344">
        <v>47</v>
      </c>
      <c r="X17344">
        <v>48</v>
      </c>
      <c r="Y17344">
        <v>49</v>
      </c>
      <c r="Z17344">
        <v>49</v>
      </c>
      <c r="AA17344">
        <v>50</v>
      </c>
      <c r="AB17344">
        <v>51</v>
      </c>
      <c r="AC17344">
        <v>51</v>
      </c>
      <c r="AD17344">
        <v>52</v>
      </c>
      <c r="AE17344">
        <v>53</v>
      </c>
      <c r="AF17344">
        <v>53</v>
      </c>
      <c r="AG17344">
        <v>53</v>
      </c>
      <c r="AH17344">
        <v>53</v>
      </c>
      <c r="AI17344">
        <v>53</v>
      </c>
      <c r="AJ17344">
        <v>53</v>
      </c>
      <c r="AK17344">
        <v>53</v>
      </c>
      <c r="AL17344">
        <v>53</v>
      </c>
      <c r="AM17344">
        <v>53</v>
      </c>
      <c r="AN17344">
        <v>53</v>
      </c>
      <c r="AO17344">
        <v>53</v>
      </c>
      <c r="AP17344">
        <v>53</v>
      </c>
      <c r="AQ17344">
        <v>53</v>
      </c>
    </row>
    <row r="17345" spans="1:43">
      <c r="A17345" t="s">
        <v>10754</v>
      </c>
      <c r="B17345" t="s">
        <v>10755</v>
      </c>
      <c r="C17345" t="s">
        <v>10748</v>
      </c>
      <c r="D17345" t="s">
        <v>10749</v>
      </c>
      <c r="E17345" t="s">
        <v>10732</v>
      </c>
      <c r="F17345" t="s">
        <v>10733</v>
      </c>
      <c r="G17345" t="s">
        <v>10734</v>
      </c>
      <c r="H17345" t="s">
        <v>10735</v>
      </c>
      <c r="I17345" s="2">
        <v>1</v>
      </c>
      <c r="J17345" s="2">
        <v>0</v>
      </c>
      <c r="K17345" s="2">
        <v>0</v>
      </c>
      <c r="L17345" t="s">
        <v>120</v>
      </c>
      <c r="M17345" t="s">
        <v>83</v>
      </c>
      <c r="N17345" t="s">
        <v>91</v>
      </c>
      <c r="O17345" t="s">
        <v>85</v>
      </c>
      <c r="P17345" t="s">
        <v>86</v>
      </c>
      <c r="Q17345">
        <v>42</v>
      </c>
      <c r="R17345">
        <v>42</v>
      </c>
      <c r="S17345">
        <v>43</v>
      </c>
      <c r="T17345">
        <v>43</v>
      </c>
      <c r="U17345">
        <v>44</v>
      </c>
      <c r="V17345">
        <v>44</v>
      </c>
      <c r="W17345">
        <v>45</v>
      </c>
      <c r="X17345">
        <v>46</v>
      </c>
      <c r="Y17345">
        <v>46</v>
      </c>
      <c r="Z17345">
        <v>47</v>
      </c>
      <c r="AA17345">
        <v>47</v>
      </c>
      <c r="AB17345">
        <v>48</v>
      </c>
      <c r="AC17345">
        <v>48</v>
      </c>
      <c r="AD17345">
        <v>49</v>
      </c>
      <c r="AE17345">
        <v>49</v>
      </c>
      <c r="AF17345">
        <v>50</v>
      </c>
      <c r="AG17345">
        <v>50</v>
      </c>
      <c r="AH17345">
        <v>51</v>
      </c>
      <c r="AI17345">
        <v>51</v>
      </c>
      <c r="AJ17345">
        <v>52</v>
      </c>
      <c r="AK17345">
        <v>52</v>
      </c>
      <c r="AL17345">
        <v>52</v>
      </c>
      <c r="AM17345">
        <v>52</v>
      </c>
      <c r="AN17345">
        <v>52</v>
      </c>
      <c r="AO17345">
        <v>52</v>
      </c>
      <c r="AP17345">
        <v>53</v>
      </c>
      <c r="AQ17345">
        <v>53</v>
      </c>
    </row>
    <row r="17346" spans="1:43">
      <c r="A17346" t="s">
        <v>10756</v>
      </c>
      <c r="B17346" t="s">
        <v>10757</v>
      </c>
      <c r="C17346" t="s">
        <v>10748</v>
      </c>
      <c r="D17346" t="s">
        <v>10749</v>
      </c>
      <c r="E17346" t="s">
        <v>10732</v>
      </c>
      <c r="F17346" t="s">
        <v>10733</v>
      </c>
      <c r="G17346" t="s">
        <v>10734</v>
      </c>
      <c r="H17346" t="s">
        <v>10735</v>
      </c>
      <c r="I17346" s="2">
        <v>1</v>
      </c>
      <c r="J17346" s="2">
        <v>0</v>
      </c>
      <c r="K17346" s="2">
        <v>0</v>
      </c>
      <c r="L17346" t="s">
        <v>120</v>
      </c>
      <c r="M17346" t="s">
        <v>83</v>
      </c>
      <c r="N17346" t="s">
        <v>84</v>
      </c>
      <c r="O17346" t="s">
        <v>85</v>
      </c>
      <c r="P17346" t="s">
        <v>86</v>
      </c>
      <c r="Q17346">
        <v>11</v>
      </c>
      <c r="R17346">
        <v>11</v>
      </c>
      <c r="S17346">
        <v>11</v>
      </c>
      <c r="T17346">
        <v>11</v>
      </c>
      <c r="U17346">
        <v>11</v>
      </c>
      <c r="V17346">
        <v>11</v>
      </c>
      <c r="W17346">
        <v>11</v>
      </c>
      <c r="X17346">
        <v>12</v>
      </c>
      <c r="Y17346">
        <v>12</v>
      </c>
      <c r="Z17346">
        <v>12</v>
      </c>
      <c r="AA17346">
        <v>12</v>
      </c>
      <c r="AB17346">
        <v>12</v>
      </c>
      <c r="AC17346">
        <v>12</v>
      </c>
      <c r="AD17346">
        <v>12</v>
      </c>
      <c r="AE17346">
        <v>12</v>
      </c>
      <c r="AF17346">
        <v>13</v>
      </c>
      <c r="AG17346">
        <v>13</v>
      </c>
      <c r="AH17346">
        <v>13</v>
      </c>
      <c r="AI17346">
        <v>13</v>
      </c>
      <c r="AJ17346">
        <v>13</v>
      </c>
      <c r="AK17346">
        <v>13</v>
      </c>
      <c r="AL17346">
        <v>13</v>
      </c>
      <c r="AM17346">
        <v>13</v>
      </c>
      <c r="AN17346">
        <v>13</v>
      </c>
      <c r="AO17346">
        <v>13</v>
      </c>
      <c r="AP17346">
        <v>13</v>
      </c>
      <c r="AQ17346">
        <v>13</v>
      </c>
    </row>
    <row r="17347" spans="1:43">
      <c r="A17347" t="s">
        <v>10756</v>
      </c>
      <c r="B17347" t="s">
        <v>10757</v>
      </c>
      <c r="C17347" t="s">
        <v>10748</v>
      </c>
      <c r="D17347" t="s">
        <v>10749</v>
      </c>
      <c r="E17347" t="s">
        <v>10732</v>
      </c>
      <c r="F17347" t="s">
        <v>10733</v>
      </c>
      <c r="G17347" t="s">
        <v>10734</v>
      </c>
      <c r="H17347" t="s">
        <v>10735</v>
      </c>
      <c r="I17347" s="2">
        <v>1</v>
      </c>
      <c r="J17347" s="2">
        <v>0</v>
      </c>
      <c r="K17347" s="2">
        <v>0</v>
      </c>
      <c r="L17347" t="s">
        <v>120</v>
      </c>
      <c r="M17347" t="s">
        <v>87</v>
      </c>
      <c r="N17347" t="s">
        <v>88</v>
      </c>
      <c r="O17347" t="s">
        <v>85</v>
      </c>
      <c r="P17347" t="s">
        <v>86</v>
      </c>
      <c r="Q17347">
        <v>11</v>
      </c>
      <c r="R17347">
        <v>12</v>
      </c>
      <c r="S17347">
        <v>12</v>
      </c>
      <c r="T17347">
        <v>12</v>
      </c>
      <c r="U17347">
        <v>12</v>
      </c>
      <c r="V17347">
        <v>12</v>
      </c>
      <c r="W17347">
        <v>12</v>
      </c>
      <c r="X17347">
        <v>12</v>
      </c>
      <c r="Y17347">
        <v>12</v>
      </c>
      <c r="Z17347">
        <v>12</v>
      </c>
      <c r="AA17347">
        <v>12</v>
      </c>
      <c r="AB17347">
        <v>12</v>
      </c>
      <c r="AC17347">
        <v>12</v>
      </c>
      <c r="AD17347">
        <v>12</v>
      </c>
      <c r="AE17347">
        <v>12</v>
      </c>
      <c r="AF17347">
        <v>12</v>
      </c>
      <c r="AG17347">
        <v>12</v>
      </c>
      <c r="AH17347">
        <v>12</v>
      </c>
      <c r="AI17347">
        <v>12</v>
      </c>
      <c r="AJ17347">
        <v>12</v>
      </c>
      <c r="AK17347">
        <v>12</v>
      </c>
      <c r="AL17347">
        <v>12</v>
      </c>
      <c r="AM17347">
        <v>13</v>
      </c>
      <c r="AN17347">
        <v>13</v>
      </c>
      <c r="AO17347">
        <v>13</v>
      </c>
      <c r="AP17347">
        <v>13</v>
      </c>
      <c r="AQ17347">
        <v>13</v>
      </c>
    </row>
    <row r="17348" spans="1:43">
      <c r="A17348" t="s">
        <v>10756</v>
      </c>
      <c r="B17348" t="s">
        <v>10757</v>
      </c>
      <c r="C17348" t="s">
        <v>10748</v>
      </c>
      <c r="D17348" t="s">
        <v>10749</v>
      </c>
      <c r="E17348" t="s">
        <v>10732</v>
      </c>
      <c r="F17348" t="s">
        <v>10733</v>
      </c>
      <c r="G17348" t="s">
        <v>10734</v>
      </c>
      <c r="H17348" t="s">
        <v>10735</v>
      </c>
      <c r="I17348" s="2">
        <v>1</v>
      </c>
      <c r="J17348" s="2">
        <v>0</v>
      </c>
      <c r="K17348" s="2">
        <v>0</v>
      </c>
      <c r="L17348" t="s">
        <v>120</v>
      </c>
      <c r="M17348" t="s">
        <v>89</v>
      </c>
      <c r="N17348" t="s">
        <v>90</v>
      </c>
      <c r="O17348" t="s">
        <v>85</v>
      </c>
      <c r="P17348" t="s">
        <v>86</v>
      </c>
      <c r="Q17348">
        <v>11</v>
      </c>
      <c r="R17348">
        <v>11</v>
      </c>
      <c r="S17348">
        <v>11</v>
      </c>
      <c r="T17348">
        <v>11</v>
      </c>
      <c r="U17348">
        <v>12</v>
      </c>
      <c r="V17348">
        <v>12</v>
      </c>
      <c r="W17348">
        <v>12</v>
      </c>
      <c r="X17348">
        <v>12</v>
      </c>
      <c r="Y17348">
        <v>12</v>
      </c>
      <c r="Z17348">
        <v>13</v>
      </c>
      <c r="AA17348">
        <v>13</v>
      </c>
      <c r="AB17348">
        <v>13</v>
      </c>
      <c r="AC17348">
        <v>13</v>
      </c>
      <c r="AD17348">
        <v>13</v>
      </c>
      <c r="AE17348">
        <v>13</v>
      </c>
      <c r="AF17348">
        <v>13</v>
      </c>
      <c r="AG17348">
        <v>13</v>
      </c>
      <c r="AH17348">
        <v>13</v>
      </c>
      <c r="AI17348">
        <v>13</v>
      </c>
      <c r="AJ17348">
        <v>13</v>
      </c>
      <c r="AK17348">
        <v>13</v>
      </c>
      <c r="AL17348">
        <v>13</v>
      </c>
      <c r="AM17348">
        <v>13</v>
      </c>
      <c r="AN17348">
        <v>13</v>
      </c>
      <c r="AO17348">
        <v>13</v>
      </c>
      <c r="AP17348">
        <v>13</v>
      </c>
      <c r="AQ17348">
        <v>13</v>
      </c>
    </row>
    <row r="17349" spans="1:43">
      <c r="A17349" t="s">
        <v>10756</v>
      </c>
      <c r="B17349" t="s">
        <v>10757</v>
      </c>
      <c r="C17349" t="s">
        <v>10748</v>
      </c>
      <c r="D17349" t="s">
        <v>10749</v>
      </c>
      <c r="E17349" t="s">
        <v>10732</v>
      </c>
      <c r="F17349" t="s">
        <v>10733</v>
      </c>
      <c r="G17349" t="s">
        <v>10734</v>
      </c>
      <c r="H17349" t="s">
        <v>10735</v>
      </c>
      <c r="I17349" s="2">
        <v>1</v>
      </c>
      <c r="J17349" s="2">
        <v>0</v>
      </c>
      <c r="K17349" s="2">
        <v>0</v>
      </c>
      <c r="L17349" t="s">
        <v>120</v>
      </c>
      <c r="M17349" t="s">
        <v>83</v>
      </c>
      <c r="N17349" t="s">
        <v>91</v>
      </c>
      <c r="O17349" t="s">
        <v>85</v>
      </c>
      <c r="P17349" t="s">
        <v>86</v>
      </c>
      <c r="Q17349">
        <v>11</v>
      </c>
      <c r="R17349">
        <v>11</v>
      </c>
      <c r="S17349">
        <v>11</v>
      </c>
      <c r="T17349">
        <v>11</v>
      </c>
      <c r="U17349">
        <v>11</v>
      </c>
      <c r="V17349">
        <v>11</v>
      </c>
      <c r="W17349">
        <v>11</v>
      </c>
      <c r="X17349">
        <v>12</v>
      </c>
      <c r="Y17349">
        <v>12</v>
      </c>
      <c r="Z17349">
        <v>12</v>
      </c>
      <c r="AA17349">
        <v>12</v>
      </c>
      <c r="AB17349">
        <v>12</v>
      </c>
      <c r="AC17349">
        <v>12</v>
      </c>
      <c r="AD17349">
        <v>12</v>
      </c>
      <c r="AE17349">
        <v>12</v>
      </c>
      <c r="AF17349">
        <v>13</v>
      </c>
      <c r="AG17349">
        <v>13</v>
      </c>
      <c r="AH17349">
        <v>13</v>
      </c>
      <c r="AI17349">
        <v>13</v>
      </c>
      <c r="AJ17349">
        <v>13</v>
      </c>
      <c r="AK17349">
        <v>13</v>
      </c>
      <c r="AL17349">
        <v>13</v>
      </c>
      <c r="AM17349">
        <v>13</v>
      </c>
      <c r="AN17349">
        <v>13</v>
      </c>
      <c r="AO17349">
        <v>13</v>
      </c>
      <c r="AP17349">
        <v>13</v>
      </c>
      <c r="AQ17349">
        <v>13</v>
      </c>
    </row>
    <row r="17350" spans="1:43">
      <c r="A17350" t="s">
        <v>10758</v>
      </c>
      <c r="B17350" t="s">
        <v>10759</v>
      </c>
      <c r="C17350" t="s">
        <v>10748</v>
      </c>
      <c r="D17350" t="s">
        <v>10749</v>
      </c>
      <c r="E17350" t="s">
        <v>10732</v>
      </c>
      <c r="F17350" t="s">
        <v>10733</v>
      </c>
      <c r="G17350" t="s">
        <v>10734</v>
      </c>
      <c r="H17350" t="s">
        <v>10735</v>
      </c>
      <c r="I17350" s="2">
        <v>1</v>
      </c>
      <c r="J17350" s="2">
        <v>0</v>
      </c>
      <c r="K17350" s="2">
        <v>0</v>
      </c>
      <c r="L17350" t="s">
        <v>120</v>
      </c>
      <c r="M17350" t="s">
        <v>83</v>
      </c>
      <c r="N17350" t="s">
        <v>84</v>
      </c>
      <c r="O17350" t="s">
        <v>85</v>
      </c>
      <c r="P17350" t="s">
        <v>86</v>
      </c>
      <c r="Q17350">
        <v>9</v>
      </c>
      <c r="R17350">
        <v>9</v>
      </c>
      <c r="S17350">
        <v>9</v>
      </c>
      <c r="T17350">
        <v>9</v>
      </c>
      <c r="U17350">
        <v>10</v>
      </c>
      <c r="V17350">
        <v>10</v>
      </c>
      <c r="W17350">
        <v>10</v>
      </c>
      <c r="X17350">
        <v>10</v>
      </c>
      <c r="Y17350">
        <v>10</v>
      </c>
      <c r="Z17350">
        <v>10</v>
      </c>
      <c r="AA17350">
        <v>10</v>
      </c>
      <c r="AB17350">
        <v>10</v>
      </c>
      <c r="AC17350">
        <v>11</v>
      </c>
      <c r="AD17350">
        <v>11</v>
      </c>
      <c r="AE17350">
        <v>11</v>
      </c>
      <c r="AF17350">
        <v>11</v>
      </c>
      <c r="AG17350">
        <v>11</v>
      </c>
      <c r="AH17350">
        <v>11</v>
      </c>
      <c r="AI17350">
        <v>11</v>
      </c>
      <c r="AJ17350">
        <v>11</v>
      </c>
      <c r="AK17350">
        <v>11</v>
      </c>
      <c r="AL17350">
        <v>11</v>
      </c>
      <c r="AM17350">
        <v>11</v>
      </c>
      <c r="AN17350">
        <v>11</v>
      </c>
      <c r="AO17350">
        <v>11</v>
      </c>
      <c r="AP17350">
        <v>11</v>
      </c>
      <c r="AQ17350">
        <v>12</v>
      </c>
    </row>
    <row r="17351" spans="1:43">
      <c r="A17351" t="s">
        <v>10758</v>
      </c>
      <c r="B17351" t="s">
        <v>10759</v>
      </c>
      <c r="C17351" t="s">
        <v>10748</v>
      </c>
      <c r="D17351" t="s">
        <v>10749</v>
      </c>
      <c r="E17351" t="s">
        <v>10732</v>
      </c>
      <c r="F17351" t="s">
        <v>10733</v>
      </c>
      <c r="G17351" t="s">
        <v>10734</v>
      </c>
      <c r="H17351" t="s">
        <v>10735</v>
      </c>
      <c r="I17351" s="2">
        <v>1</v>
      </c>
      <c r="J17351" s="2">
        <v>0</v>
      </c>
      <c r="K17351" s="2">
        <v>0</v>
      </c>
      <c r="L17351" t="s">
        <v>120</v>
      </c>
      <c r="M17351" t="s">
        <v>87</v>
      </c>
      <c r="N17351" t="s">
        <v>88</v>
      </c>
      <c r="O17351" t="s">
        <v>85</v>
      </c>
      <c r="P17351" t="s">
        <v>86</v>
      </c>
      <c r="Q17351">
        <v>9</v>
      </c>
      <c r="R17351">
        <v>9</v>
      </c>
      <c r="S17351">
        <v>9</v>
      </c>
      <c r="T17351">
        <v>9</v>
      </c>
      <c r="U17351">
        <v>9</v>
      </c>
      <c r="V17351">
        <v>9</v>
      </c>
      <c r="W17351">
        <v>9</v>
      </c>
      <c r="X17351">
        <v>9</v>
      </c>
      <c r="Y17351">
        <v>9</v>
      </c>
      <c r="Z17351">
        <v>9</v>
      </c>
      <c r="AA17351">
        <v>9</v>
      </c>
      <c r="AB17351">
        <v>9</v>
      </c>
      <c r="AC17351">
        <v>9</v>
      </c>
      <c r="AD17351">
        <v>10</v>
      </c>
      <c r="AE17351">
        <v>10</v>
      </c>
      <c r="AF17351">
        <v>10</v>
      </c>
      <c r="AG17351">
        <v>10</v>
      </c>
      <c r="AH17351">
        <v>10</v>
      </c>
      <c r="AI17351">
        <v>10</v>
      </c>
      <c r="AJ17351">
        <v>10</v>
      </c>
      <c r="AK17351">
        <v>10</v>
      </c>
      <c r="AL17351">
        <v>10</v>
      </c>
      <c r="AM17351">
        <v>10</v>
      </c>
      <c r="AN17351">
        <v>10</v>
      </c>
      <c r="AO17351">
        <v>10</v>
      </c>
      <c r="AP17351">
        <v>10</v>
      </c>
      <c r="AQ17351">
        <v>10</v>
      </c>
    </row>
    <row r="17352" spans="1:43">
      <c r="A17352" t="s">
        <v>10758</v>
      </c>
      <c r="B17352" t="s">
        <v>10759</v>
      </c>
      <c r="C17352" t="s">
        <v>10748</v>
      </c>
      <c r="D17352" t="s">
        <v>10749</v>
      </c>
      <c r="E17352" t="s">
        <v>10732</v>
      </c>
      <c r="F17352" t="s">
        <v>10733</v>
      </c>
      <c r="G17352" t="s">
        <v>10734</v>
      </c>
      <c r="H17352" t="s">
        <v>10735</v>
      </c>
      <c r="I17352" s="2">
        <v>1</v>
      </c>
      <c r="J17352" s="2">
        <v>0</v>
      </c>
      <c r="K17352" s="2">
        <v>0</v>
      </c>
      <c r="L17352" t="s">
        <v>120</v>
      </c>
      <c r="M17352" t="s">
        <v>89</v>
      </c>
      <c r="N17352" t="s">
        <v>90</v>
      </c>
      <c r="O17352" t="s">
        <v>85</v>
      </c>
      <c r="P17352" t="s">
        <v>86</v>
      </c>
      <c r="Q17352">
        <v>9</v>
      </c>
      <c r="R17352">
        <v>9</v>
      </c>
      <c r="S17352">
        <v>10</v>
      </c>
      <c r="T17352">
        <v>10</v>
      </c>
      <c r="U17352">
        <v>10</v>
      </c>
      <c r="V17352">
        <v>10</v>
      </c>
      <c r="W17352">
        <v>10</v>
      </c>
      <c r="X17352">
        <v>10</v>
      </c>
      <c r="Y17352">
        <v>11</v>
      </c>
      <c r="Z17352">
        <v>11</v>
      </c>
      <c r="AA17352">
        <v>11</v>
      </c>
      <c r="AB17352">
        <v>11</v>
      </c>
      <c r="AC17352">
        <v>11</v>
      </c>
      <c r="AD17352">
        <v>11</v>
      </c>
      <c r="AE17352">
        <v>11</v>
      </c>
      <c r="AF17352">
        <v>11</v>
      </c>
      <c r="AG17352">
        <v>11</v>
      </c>
      <c r="AH17352">
        <v>12</v>
      </c>
      <c r="AI17352">
        <v>12</v>
      </c>
      <c r="AJ17352">
        <v>12</v>
      </c>
      <c r="AK17352">
        <v>12</v>
      </c>
      <c r="AL17352">
        <v>12</v>
      </c>
      <c r="AM17352">
        <v>12</v>
      </c>
      <c r="AN17352">
        <v>12</v>
      </c>
      <c r="AO17352">
        <v>12</v>
      </c>
      <c r="AP17352">
        <v>12</v>
      </c>
      <c r="AQ17352">
        <v>12</v>
      </c>
    </row>
    <row r="17353" spans="1:43">
      <c r="A17353" t="s">
        <v>10758</v>
      </c>
      <c r="B17353" t="s">
        <v>10759</v>
      </c>
      <c r="C17353" t="s">
        <v>10748</v>
      </c>
      <c r="D17353" t="s">
        <v>10749</v>
      </c>
      <c r="E17353" t="s">
        <v>10732</v>
      </c>
      <c r="F17353" t="s">
        <v>10733</v>
      </c>
      <c r="G17353" t="s">
        <v>10734</v>
      </c>
      <c r="H17353" t="s">
        <v>10735</v>
      </c>
      <c r="I17353" s="2">
        <v>1</v>
      </c>
      <c r="J17353" s="2">
        <v>0</v>
      </c>
      <c r="K17353" s="2">
        <v>0</v>
      </c>
      <c r="L17353" t="s">
        <v>120</v>
      </c>
      <c r="M17353" t="s">
        <v>83</v>
      </c>
      <c r="N17353" t="s">
        <v>91</v>
      </c>
      <c r="O17353" t="s">
        <v>85</v>
      </c>
      <c r="P17353" t="s">
        <v>86</v>
      </c>
      <c r="Q17353">
        <v>9</v>
      </c>
      <c r="R17353">
        <v>9</v>
      </c>
      <c r="S17353">
        <v>9</v>
      </c>
      <c r="T17353">
        <v>9</v>
      </c>
      <c r="U17353">
        <v>10</v>
      </c>
      <c r="V17353">
        <v>10</v>
      </c>
      <c r="W17353">
        <v>10</v>
      </c>
      <c r="X17353">
        <v>10</v>
      </c>
      <c r="Y17353">
        <v>10</v>
      </c>
      <c r="Z17353">
        <v>10</v>
      </c>
      <c r="AA17353">
        <v>10</v>
      </c>
      <c r="AB17353">
        <v>10</v>
      </c>
      <c r="AC17353">
        <v>11</v>
      </c>
      <c r="AD17353">
        <v>11</v>
      </c>
      <c r="AE17353">
        <v>11</v>
      </c>
      <c r="AF17353">
        <v>11</v>
      </c>
      <c r="AG17353">
        <v>11</v>
      </c>
      <c r="AH17353">
        <v>11</v>
      </c>
      <c r="AI17353">
        <v>11</v>
      </c>
      <c r="AJ17353">
        <v>11</v>
      </c>
      <c r="AK17353">
        <v>11</v>
      </c>
      <c r="AL17353">
        <v>11</v>
      </c>
      <c r="AM17353">
        <v>11</v>
      </c>
      <c r="AN17353">
        <v>11</v>
      </c>
      <c r="AO17353">
        <v>11</v>
      </c>
      <c r="AP17353">
        <v>11</v>
      </c>
      <c r="AQ17353">
        <v>12</v>
      </c>
    </row>
    <row r="17354" spans="1:43">
      <c r="A17354" t="s">
        <v>10760</v>
      </c>
      <c r="B17354" t="s">
        <v>10761</v>
      </c>
      <c r="C17354" t="s">
        <v>10748</v>
      </c>
      <c r="D17354" t="s">
        <v>10749</v>
      </c>
      <c r="E17354" t="s">
        <v>10732</v>
      </c>
      <c r="F17354" t="s">
        <v>10733</v>
      </c>
      <c r="G17354" t="s">
        <v>10734</v>
      </c>
      <c r="H17354" t="s">
        <v>10735</v>
      </c>
      <c r="I17354" s="2">
        <v>1</v>
      </c>
      <c r="J17354" s="2">
        <v>0</v>
      </c>
      <c r="K17354" s="2">
        <v>0</v>
      </c>
      <c r="L17354" t="s">
        <v>120</v>
      </c>
      <c r="M17354" t="s">
        <v>83</v>
      </c>
      <c r="N17354" t="s">
        <v>84</v>
      </c>
      <c r="O17354" t="s">
        <v>85</v>
      </c>
      <c r="P17354" t="s">
        <v>86</v>
      </c>
      <c r="Q17354">
        <v>17</v>
      </c>
      <c r="R17354">
        <v>17</v>
      </c>
      <c r="S17354">
        <v>18</v>
      </c>
      <c r="T17354">
        <v>18</v>
      </c>
      <c r="U17354">
        <v>18</v>
      </c>
      <c r="V17354">
        <v>18</v>
      </c>
      <c r="W17354">
        <v>19</v>
      </c>
      <c r="X17354">
        <v>19</v>
      </c>
      <c r="Y17354">
        <v>19</v>
      </c>
      <c r="Z17354">
        <v>19</v>
      </c>
      <c r="AA17354">
        <v>19</v>
      </c>
      <c r="AB17354">
        <v>20</v>
      </c>
      <c r="AC17354">
        <v>20</v>
      </c>
      <c r="AD17354">
        <v>20</v>
      </c>
      <c r="AE17354">
        <v>20</v>
      </c>
      <c r="AF17354">
        <v>21</v>
      </c>
      <c r="AG17354">
        <v>21</v>
      </c>
      <c r="AH17354">
        <v>21</v>
      </c>
      <c r="AI17354">
        <v>21</v>
      </c>
      <c r="AJ17354">
        <v>21</v>
      </c>
      <c r="AK17354">
        <v>22</v>
      </c>
      <c r="AL17354">
        <v>22</v>
      </c>
      <c r="AM17354">
        <v>22</v>
      </c>
      <c r="AN17354">
        <v>22</v>
      </c>
      <c r="AO17354">
        <v>22</v>
      </c>
      <c r="AP17354">
        <v>22</v>
      </c>
      <c r="AQ17354">
        <v>22</v>
      </c>
    </row>
    <row r="17355" spans="1:43">
      <c r="A17355" t="s">
        <v>10760</v>
      </c>
      <c r="B17355" t="s">
        <v>10761</v>
      </c>
      <c r="C17355" t="s">
        <v>10748</v>
      </c>
      <c r="D17355" t="s">
        <v>10749</v>
      </c>
      <c r="E17355" t="s">
        <v>10732</v>
      </c>
      <c r="F17355" t="s">
        <v>10733</v>
      </c>
      <c r="G17355" t="s">
        <v>10734</v>
      </c>
      <c r="H17355" t="s">
        <v>10735</v>
      </c>
      <c r="I17355" s="2">
        <v>1</v>
      </c>
      <c r="J17355" s="2">
        <v>0</v>
      </c>
      <c r="K17355" s="2">
        <v>0</v>
      </c>
      <c r="L17355" t="s">
        <v>120</v>
      </c>
      <c r="M17355" t="s">
        <v>87</v>
      </c>
      <c r="N17355" t="s">
        <v>88</v>
      </c>
      <c r="O17355" t="s">
        <v>85</v>
      </c>
      <c r="P17355" t="s">
        <v>86</v>
      </c>
      <c r="Q17355">
        <v>17</v>
      </c>
      <c r="R17355">
        <v>17</v>
      </c>
      <c r="S17355">
        <v>17</v>
      </c>
      <c r="T17355">
        <v>17</v>
      </c>
      <c r="U17355">
        <v>17</v>
      </c>
      <c r="V17355">
        <v>17</v>
      </c>
      <c r="W17355">
        <v>18</v>
      </c>
      <c r="X17355">
        <v>18</v>
      </c>
      <c r="Y17355">
        <v>18</v>
      </c>
      <c r="Z17355">
        <v>18</v>
      </c>
      <c r="AA17355">
        <v>18</v>
      </c>
      <c r="AB17355">
        <v>18</v>
      </c>
      <c r="AC17355">
        <v>18</v>
      </c>
      <c r="AD17355">
        <v>18</v>
      </c>
      <c r="AE17355">
        <v>18</v>
      </c>
      <c r="AF17355">
        <v>18</v>
      </c>
      <c r="AG17355">
        <v>18</v>
      </c>
      <c r="AH17355">
        <v>18</v>
      </c>
      <c r="AI17355">
        <v>18</v>
      </c>
      <c r="AJ17355">
        <v>18</v>
      </c>
      <c r="AK17355">
        <v>19</v>
      </c>
      <c r="AL17355">
        <v>19</v>
      </c>
      <c r="AM17355">
        <v>19</v>
      </c>
      <c r="AN17355">
        <v>19</v>
      </c>
      <c r="AO17355">
        <v>19</v>
      </c>
      <c r="AP17355">
        <v>19</v>
      </c>
      <c r="AQ17355">
        <v>19</v>
      </c>
    </row>
    <row r="17356" spans="1:43">
      <c r="A17356" t="s">
        <v>10760</v>
      </c>
      <c r="B17356" t="s">
        <v>10761</v>
      </c>
      <c r="C17356" t="s">
        <v>10748</v>
      </c>
      <c r="D17356" t="s">
        <v>10749</v>
      </c>
      <c r="E17356" t="s">
        <v>10732</v>
      </c>
      <c r="F17356" t="s">
        <v>10733</v>
      </c>
      <c r="G17356" t="s">
        <v>10734</v>
      </c>
      <c r="H17356" t="s">
        <v>10735</v>
      </c>
      <c r="I17356" s="2">
        <v>1</v>
      </c>
      <c r="J17356" s="2">
        <v>0</v>
      </c>
      <c r="K17356" s="2">
        <v>0</v>
      </c>
      <c r="L17356" t="s">
        <v>120</v>
      </c>
      <c r="M17356" t="s">
        <v>89</v>
      </c>
      <c r="N17356" t="s">
        <v>90</v>
      </c>
      <c r="O17356" t="s">
        <v>85</v>
      </c>
      <c r="P17356" t="s">
        <v>86</v>
      </c>
      <c r="Q17356">
        <v>17</v>
      </c>
      <c r="R17356">
        <v>18</v>
      </c>
      <c r="S17356">
        <v>18</v>
      </c>
      <c r="T17356">
        <v>19</v>
      </c>
      <c r="U17356">
        <v>19</v>
      </c>
      <c r="V17356">
        <v>19</v>
      </c>
      <c r="W17356">
        <v>20</v>
      </c>
      <c r="X17356">
        <v>20</v>
      </c>
      <c r="Y17356">
        <v>20</v>
      </c>
      <c r="Z17356">
        <v>20</v>
      </c>
      <c r="AA17356">
        <v>21</v>
      </c>
      <c r="AB17356">
        <v>21</v>
      </c>
      <c r="AC17356">
        <v>21</v>
      </c>
      <c r="AD17356">
        <v>22</v>
      </c>
      <c r="AE17356">
        <v>22</v>
      </c>
      <c r="AF17356">
        <v>22</v>
      </c>
      <c r="AG17356">
        <v>22</v>
      </c>
      <c r="AH17356">
        <v>22</v>
      </c>
      <c r="AI17356">
        <v>22</v>
      </c>
      <c r="AJ17356">
        <v>22</v>
      </c>
      <c r="AK17356">
        <v>22</v>
      </c>
      <c r="AL17356">
        <v>22</v>
      </c>
      <c r="AM17356">
        <v>22</v>
      </c>
      <c r="AN17356">
        <v>22</v>
      </c>
      <c r="AO17356">
        <v>22</v>
      </c>
      <c r="AP17356">
        <v>22</v>
      </c>
      <c r="AQ17356">
        <v>22</v>
      </c>
    </row>
    <row r="17357" spans="1:43">
      <c r="A17357" t="s">
        <v>10760</v>
      </c>
      <c r="B17357" t="s">
        <v>10761</v>
      </c>
      <c r="C17357" t="s">
        <v>10748</v>
      </c>
      <c r="D17357" t="s">
        <v>10749</v>
      </c>
      <c r="E17357" t="s">
        <v>10732</v>
      </c>
      <c r="F17357" t="s">
        <v>10733</v>
      </c>
      <c r="G17357" t="s">
        <v>10734</v>
      </c>
      <c r="H17357" t="s">
        <v>10735</v>
      </c>
      <c r="I17357" s="2">
        <v>1</v>
      </c>
      <c r="J17357" s="2">
        <v>0</v>
      </c>
      <c r="K17357" s="2">
        <v>0</v>
      </c>
      <c r="L17357" t="s">
        <v>120</v>
      </c>
      <c r="M17357" t="s">
        <v>83</v>
      </c>
      <c r="N17357" t="s">
        <v>91</v>
      </c>
      <c r="O17357" t="s">
        <v>85</v>
      </c>
      <c r="P17357" t="s">
        <v>86</v>
      </c>
      <c r="Q17357">
        <v>17</v>
      </c>
      <c r="R17357">
        <v>17</v>
      </c>
      <c r="S17357">
        <v>18</v>
      </c>
      <c r="T17357">
        <v>18</v>
      </c>
      <c r="U17357">
        <v>18</v>
      </c>
      <c r="V17357">
        <v>18</v>
      </c>
      <c r="W17357">
        <v>19</v>
      </c>
      <c r="X17357">
        <v>19</v>
      </c>
      <c r="Y17357">
        <v>19</v>
      </c>
      <c r="Z17357">
        <v>19</v>
      </c>
      <c r="AA17357">
        <v>19</v>
      </c>
      <c r="AB17357">
        <v>20</v>
      </c>
      <c r="AC17357">
        <v>20</v>
      </c>
      <c r="AD17357">
        <v>20</v>
      </c>
      <c r="AE17357">
        <v>20</v>
      </c>
      <c r="AF17357">
        <v>21</v>
      </c>
      <c r="AG17357">
        <v>21</v>
      </c>
      <c r="AH17357">
        <v>21</v>
      </c>
      <c r="AI17357">
        <v>21</v>
      </c>
      <c r="AJ17357">
        <v>21</v>
      </c>
      <c r="AK17357">
        <v>22</v>
      </c>
      <c r="AL17357">
        <v>22</v>
      </c>
      <c r="AM17357">
        <v>22</v>
      </c>
      <c r="AN17357">
        <v>22</v>
      </c>
      <c r="AO17357">
        <v>22</v>
      </c>
      <c r="AP17357">
        <v>22</v>
      </c>
      <c r="AQ17357">
        <v>22</v>
      </c>
    </row>
    <row r="17358" spans="1:43">
      <c r="A17358" t="s">
        <v>10762</v>
      </c>
      <c r="B17358" t="s">
        <v>10763</v>
      </c>
      <c r="C17358" t="s">
        <v>10764</v>
      </c>
      <c r="D17358" t="s">
        <v>10765</v>
      </c>
      <c r="E17358" t="s">
        <v>10732</v>
      </c>
      <c r="F17358" t="s">
        <v>10733</v>
      </c>
      <c r="G17358" t="s">
        <v>10734</v>
      </c>
      <c r="H17358" t="s">
        <v>10735</v>
      </c>
      <c r="I17358" s="2">
        <v>1</v>
      </c>
      <c r="J17358" s="2">
        <v>0</v>
      </c>
      <c r="K17358" s="2">
        <v>0</v>
      </c>
      <c r="L17358" t="s">
        <v>120</v>
      </c>
      <c r="M17358" t="s">
        <v>83</v>
      </c>
      <c r="N17358" t="s">
        <v>84</v>
      </c>
      <c r="O17358" t="s">
        <v>85</v>
      </c>
      <c r="P17358" t="s">
        <v>86</v>
      </c>
      <c r="Q17358">
        <v>50</v>
      </c>
      <c r="R17358">
        <v>50</v>
      </c>
      <c r="S17358">
        <v>51</v>
      </c>
      <c r="T17358">
        <v>52</v>
      </c>
      <c r="U17358">
        <v>53</v>
      </c>
      <c r="V17358">
        <v>53</v>
      </c>
      <c r="W17358">
        <v>54</v>
      </c>
      <c r="X17358">
        <v>55</v>
      </c>
      <c r="Y17358">
        <v>55</v>
      </c>
      <c r="Z17358">
        <v>56</v>
      </c>
      <c r="AA17358">
        <v>56</v>
      </c>
      <c r="AB17358">
        <v>57</v>
      </c>
      <c r="AC17358">
        <v>57</v>
      </c>
      <c r="AD17358">
        <v>58</v>
      </c>
      <c r="AE17358">
        <v>58</v>
      </c>
      <c r="AF17358">
        <v>59</v>
      </c>
      <c r="AG17358">
        <v>59</v>
      </c>
      <c r="AH17358">
        <v>60</v>
      </c>
      <c r="AI17358">
        <v>60</v>
      </c>
      <c r="AJ17358">
        <v>61</v>
      </c>
      <c r="AK17358">
        <v>61</v>
      </c>
      <c r="AL17358">
        <v>61</v>
      </c>
      <c r="AM17358">
        <v>61</v>
      </c>
      <c r="AN17358">
        <v>62</v>
      </c>
      <c r="AO17358">
        <v>62</v>
      </c>
      <c r="AP17358">
        <v>62</v>
      </c>
      <c r="AQ17358">
        <v>62</v>
      </c>
    </row>
    <row r="17359" spans="1:43">
      <c r="A17359" t="s">
        <v>10762</v>
      </c>
      <c r="B17359" t="s">
        <v>10763</v>
      </c>
      <c r="C17359" t="s">
        <v>10764</v>
      </c>
      <c r="D17359" t="s">
        <v>10765</v>
      </c>
      <c r="E17359" t="s">
        <v>10732</v>
      </c>
      <c r="F17359" t="s">
        <v>10733</v>
      </c>
      <c r="G17359" t="s">
        <v>10734</v>
      </c>
      <c r="H17359" t="s">
        <v>10735</v>
      </c>
      <c r="I17359" s="2">
        <v>1</v>
      </c>
      <c r="J17359" s="2">
        <v>0</v>
      </c>
      <c r="K17359" s="2">
        <v>0</v>
      </c>
      <c r="L17359" t="s">
        <v>120</v>
      </c>
      <c r="M17359" t="s">
        <v>87</v>
      </c>
      <c r="N17359" t="s">
        <v>88</v>
      </c>
      <c r="O17359" t="s">
        <v>85</v>
      </c>
      <c r="P17359" t="s">
        <v>86</v>
      </c>
      <c r="Q17359">
        <v>50</v>
      </c>
      <c r="R17359">
        <v>51</v>
      </c>
      <c r="S17359">
        <v>51</v>
      </c>
      <c r="T17359">
        <v>51</v>
      </c>
      <c r="U17359">
        <v>51</v>
      </c>
      <c r="V17359">
        <v>51</v>
      </c>
      <c r="W17359">
        <v>52</v>
      </c>
      <c r="X17359">
        <v>52</v>
      </c>
      <c r="Y17359">
        <v>52</v>
      </c>
      <c r="Z17359">
        <v>52</v>
      </c>
      <c r="AA17359">
        <v>53</v>
      </c>
      <c r="AB17359">
        <v>53</v>
      </c>
      <c r="AC17359">
        <v>53</v>
      </c>
      <c r="AD17359">
        <v>53</v>
      </c>
      <c r="AE17359">
        <v>54</v>
      </c>
      <c r="AF17359">
        <v>54</v>
      </c>
      <c r="AG17359">
        <v>54</v>
      </c>
      <c r="AH17359">
        <v>54</v>
      </c>
      <c r="AI17359">
        <v>54</v>
      </c>
      <c r="AJ17359">
        <v>55</v>
      </c>
      <c r="AK17359">
        <v>55</v>
      </c>
      <c r="AL17359">
        <v>55</v>
      </c>
      <c r="AM17359">
        <v>55</v>
      </c>
      <c r="AN17359">
        <v>56</v>
      </c>
      <c r="AO17359">
        <v>56</v>
      </c>
      <c r="AP17359">
        <v>56</v>
      </c>
      <c r="AQ17359">
        <v>56</v>
      </c>
    </row>
    <row r="17360" spans="1:43">
      <c r="A17360" t="s">
        <v>10762</v>
      </c>
      <c r="B17360" t="s">
        <v>10763</v>
      </c>
      <c r="C17360" t="s">
        <v>10764</v>
      </c>
      <c r="D17360" t="s">
        <v>10765</v>
      </c>
      <c r="E17360" t="s">
        <v>10732</v>
      </c>
      <c r="F17360" t="s">
        <v>10733</v>
      </c>
      <c r="G17360" t="s">
        <v>10734</v>
      </c>
      <c r="H17360" t="s">
        <v>10735</v>
      </c>
      <c r="I17360" s="2">
        <v>1</v>
      </c>
      <c r="J17360" s="2">
        <v>0</v>
      </c>
      <c r="K17360" s="2">
        <v>0</v>
      </c>
      <c r="L17360" t="s">
        <v>120</v>
      </c>
      <c r="M17360" t="s">
        <v>89</v>
      </c>
      <c r="N17360" t="s">
        <v>90</v>
      </c>
      <c r="O17360" t="s">
        <v>85</v>
      </c>
      <c r="P17360" t="s">
        <v>86</v>
      </c>
      <c r="Q17360">
        <v>50</v>
      </c>
      <c r="R17360">
        <v>51</v>
      </c>
      <c r="S17360">
        <v>52</v>
      </c>
      <c r="T17360">
        <v>54</v>
      </c>
      <c r="U17360">
        <v>55</v>
      </c>
      <c r="V17360">
        <v>55</v>
      </c>
      <c r="W17360">
        <v>56</v>
      </c>
      <c r="X17360">
        <v>57</v>
      </c>
      <c r="Y17360">
        <v>58</v>
      </c>
      <c r="Z17360">
        <v>58</v>
      </c>
      <c r="AA17360">
        <v>59</v>
      </c>
      <c r="AB17360">
        <v>60</v>
      </c>
      <c r="AC17360">
        <v>60</v>
      </c>
      <c r="AD17360">
        <v>61</v>
      </c>
      <c r="AE17360">
        <v>62</v>
      </c>
      <c r="AF17360">
        <v>62</v>
      </c>
      <c r="AG17360">
        <v>62</v>
      </c>
      <c r="AH17360">
        <v>62</v>
      </c>
      <c r="AI17360">
        <v>62</v>
      </c>
      <c r="AJ17360">
        <v>62</v>
      </c>
      <c r="AK17360">
        <v>62</v>
      </c>
      <c r="AL17360">
        <v>62</v>
      </c>
      <c r="AM17360">
        <v>62</v>
      </c>
      <c r="AN17360">
        <v>62</v>
      </c>
      <c r="AO17360">
        <v>62</v>
      </c>
      <c r="AP17360">
        <v>62</v>
      </c>
      <c r="AQ17360">
        <v>62</v>
      </c>
    </row>
    <row r="17361" spans="1:43">
      <c r="A17361" t="s">
        <v>10762</v>
      </c>
      <c r="B17361" t="s">
        <v>10763</v>
      </c>
      <c r="C17361" t="s">
        <v>10764</v>
      </c>
      <c r="D17361" t="s">
        <v>10765</v>
      </c>
      <c r="E17361" t="s">
        <v>10732</v>
      </c>
      <c r="F17361" t="s">
        <v>10733</v>
      </c>
      <c r="G17361" t="s">
        <v>10734</v>
      </c>
      <c r="H17361" t="s">
        <v>10735</v>
      </c>
      <c r="I17361" s="2">
        <v>1</v>
      </c>
      <c r="J17361" s="2">
        <v>0</v>
      </c>
      <c r="K17361" s="2">
        <v>0</v>
      </c>
      <c r="L17361" t="s">
        <v>120</v>
      </c>
      <c r="M17361" t="s">
        <v>83</v>
      </c>
      <c r="N17361" t="s">
        <v>91</v>
      </c>
      <c r="O17361" t="s">
        <v>85</v>
      </c>
      <c r="P17361" t="s">
        <v>86</v>
      </c>
      <c r="Q17361">
        <v>50</v>
      </c>
      <c r="R17361">
        <v>50</v>
      </c>
      <c r="S17361">
        <v>51</v>
      </c>
      <c r="T17361">
        <v>52</v>
      </c>
      <c r="U17361">
        <v>53</v>
      </c>
      <c r="V17361">
        <v>53</v>
      </c>
      <c r="W17361">
        <v>54</v>
      </c>
      <c r="X17361">
        <v>55</v>
      </c>
      <c r="Y17361">
        <v>55</v>
      </c>
      <c r="Z17361">
        <v>56</v>
      </c>
      <c r="AA17361">
        <v>56</v>
      </c>
      <c r="AB17361">
        <v>57</v>
      </c>
      <c r="AC17361">
        <v>57</v>
      </c>
      <c r="AD17361">
        <v>58</v>
      </c>
      <c r="AE17361">
        <v>58</v>
      </c>
      <c r="AF17361">
        <v>59</v>
      </c>
      <c r="AG17361">
        <v>59</v>
      </c>
      <c r="AH17361">
        <v>60</v>
      </c>
      <c r="AI17361">
        <v>60</v>
      </c>
      <c r="AJ17361">
        <v>61</v>
      </c>
      <c r="AK17361">
        <v>61</v>
      </c>
      <c r="AL17361">
        <v>61</v>
      </c>
      <c r="AM17361">
        <v>61</v>
      </c>
      <c r="AN17361">
        <v>62</v>
      </c>
      <c r="AO17361">
        <v>62</v>
      </c>
      <c r="AP17361">
        <v>62</v>
      </c>
      <c r="AQ17361">
        <v>62</v>
      </c>
    </row>
    <row r="17362" spans="1:43">
      <c r="A17362" t="s">
        <v>10766</v>
      </c>
      <c r="B17362" t="s">
        <v>10767</v>
      </c>
      <c r="C17362" t="s">
        <v>10764</v>
      </c>
      <c r="D17362" t="s">
        <v>10765</v>
      </c>
      <c r="E17362" t="s">
        <v>10732</v>
      </c>
      <c r="F17362" t="s">
        <v>10733</v>
      </c>
      <c r="G17362" t="s">
        <v>10734</v>
      </c>
      <c r="H17362" t="s">
        <v>10735</v>
      </c>
      <c r="I17362" s="2">
        <v>1</v>
      </c>
      <c r="J17362" s="2">
        <v>0</v>
      </c>
      <c r="K17362" s="2">
        <v>0</v>
      </c>
      <c r="L17362" t="s">
        <v>120</v>
      </c>
      <c r="M17362" t="s">
        <v>83</v>
      </c>
      <c r="N17362" t="s">
        <v>84</v>
      </c>
      <c r="O17362" t="s">
        <v>85</v>
      </c>
      <c r="P17362" t="s">
        <v>86</v>
      </c>
      <c r="Q17362">
        <v>0</v>
      </c>
      <c r="R17362">
        <v>0</v>
      </c>
      <c r="S17362">
        <v>0</v>
      </c>
      <c r="T17362">
        <v>0</v>
      </c>
      <c r="U17362">
        <v>0</v>
      </c>
      <c r="V17362">
        <v>0</v>
      </c>
      <c r="W17362">
        <v>0</v>
      </c>
      <c r="X17362">
        <v>0</v>
      </c>
      <c r="Y17362">
        <v>0</v>
      </c>
      <c r="Z17362">
        <v>0</v>
      </c>
      <c r="AA17362">
        <v>0</v>
      </c>
      <c r="AB17362">
        <v>0</v>
      </c>
      <c r="AC17362">
        <v>0</v>
      </c>
      <c r="AD17362">
        <v>0</v>
      </c>
      <c r="AE17362">
        <v>0</v>
      </c>
      <c r="AF17362">
        <v>0</v>
      </c>
      <c r="AG17362">
        <v>0</v>
      </c>
      <c r="AH17362">
        <v>0</v>
      </c>
      <c r="AI17362">
        <v>0</v>
      </c>
      <c r="AJ17362">
        <v>0</v>
      </c>
      <c r="AK17362">
        <v>0</v>
      </c>
      <c r="AL17362">
        <v>0</v>
      </c>
      <c r="AM17362">
        <v>0</v>
      </c>
      <c r="AN17362">
        <v>0</v>
      </c>
      <c r="AO17362">
        <v>0</v>
      </c>
      <c r="AP17362">
        <v>0</v>
      </c>
      <c r="AQ17362">
        <v>0</v>
      </c>
    </row>
    <row r="17363" spans="1:43">
      <c r="A17363" t="s">
        <v>10766</v>
      </c>
      <c r="B17363" t="s">
        <v>10767</v>
      </c>
      <c r="C17363" t="s">
        <v>10764</v>
      </c>
      <c r="D17363" t="s">
        <v>10765</v>
      </c>
      <c r="E17363" t="s">
        <v>10732</v>
      </c>
      <c r="F17363" t="s">
        <v>10733</v>
      </c>
      <c r="G17363" t="s">
        <v>10734</v>
      </c>
      <c r="H17363" t="s">
        <v>10735</v>
      </c>
      <c r="I17363" s="2">
        <v>1</v>
      </c>
      <c r="J17363" s="2">
        <v>0</v>
      </c>
      <c r="K17363" s="2">
        <v>0</v>
      </c>
      <c r="L17363" t="s">
        <v>120</v>
      </c>
      <c r="M17363" t="s">
        <v>87</v>
      </c>
      <c r="N17363" t="s">
        <v>88</v>
      </c>
      <c r="O17363" t="s">
        <v>85</v>
      </c>
      <c r="P17363" t="s">
        <v>86</v>
      </c>
      <c r="Q17363">
        <v>0</v>
      </c>
      <c r="R17363">
        <v>0</v>
      </c>
      <c r="S17363">
        <v>0</v>
      </c>
      <c r="T17363">
        <v>0</v>
      </c>
      <c r="U17363">
        <v>0</v>
      </c>
      <c r="V17363">
        <v>0</v>
      </c>
      <c r="W17363">
        <v>0</v>
      </c>
      <c r="X17363">
        <v>0</v>
      </c>
      <c r="Y17363">
        <v>0</v>
      </c>
      <c r="Z17363">
        <v>0</v>
      </c>
      <c r="AA17363">
        <v>0</v>
      </c>
      <c r="AB17363">
        <v>0</v>
      </c>
      <c r="AC17363">
        <v>0</v>
      </c>
      <c r="AD17363">
        <v>0</v>
      </c>
      <c r="AE17363">
        <v>0</v>
      </c>
      <c r="AF17363">
        <v>0</v>
      </c>
      <c r="AG17363">
        <v>0</v>
      </c>
      <c r="AH17363">
        <v>0</v>
      </c>
      <c r="AI17363">
        <v>0</v>
      </c>
      <c r="AJ17363">
        <v>0</v>
      </c>
      <c r="AK17363">
        <v>0</v>
      </c>
      <c r="AL17363">
        <v>0</v>
      </c>
      <c r="AM17363">
        <v>0</v>
      </c>
      <c r="AN17363">
        <v>0</v>
      </c>
      <c r="AO17363">
        <v>0</v>
      </c>
      <c r="AP17363">
        <v>0</v>
      </c>
      <c r="AQ17363">
        <v>0</v>
      </c>
    </row>
    <row r="17364" spans="1:43">
      <c r="A17364" t="s">
        <v>10766</v>
      </c>
      <c r="B17364" t="s">
        <v>10767</v>
      </c>
      <c r="C17364" t="s">
        <v>10764</v>
      </c>
      <c r="D17364" t="s">
        <v>10765</v>
      </c>
      <c r="E17364" t="s">
        <v>10732</v>
      </c>
      <c r="F17364" t="s">
        <v>10733</v>
      </c>
      <c r="G17364" t="s">
        <v>10734</v>
      </c>
      <c r="H17364" t="s">
        <v>10735</v>
      </c>
      <c r="I17364" s="2">
        <v>1</v>
      </c>
      <c r="J17364" s="2">
        <v>0</v>
      </c>
      <c r="K17364" s="2">
        <v>0</v>
      </c>
      <c r="L17364" t="s">
        <v>120</v>
      </c>
      <c r="M17364" t="s">
        <v>89</v>
      </c>
      <c r="N17364" t="s">
        <v>90</v>
      </c>
      <c r="O17364" t="s">
        <v>85</v>
      </c>
      <c r="P17364" t="s">
        <v>86</v>
      </c>
      <c r="Q17364">
        <v>0</v>
      </c>
      <c r="R17364">
        <v>0</v>
      </c>
      <c r="S17364">
        <v>0</v>
      </c>
      <c r="T17364">
        <v>0</v>
      </c>
      <c r="U17364">
        <v>0</v>
      </c>
      <c r="V17364">
        <v>0</v>
      </c>
      <c r="W17364">
        <v>0</v>
      </c>
      <c r="X17364">
        <v>0</v>
      </c>
      <c r="Y17364">
        <v>0</v>
      </c>
      <c r="Z17364">
        <v>0</v>
      </c>
      <c r="AA17364">
        <v>0</v>
      </c>
      <c r="AB17364">
        <v>0</v>
      </c>
      <c r="AC17364">
        <v>0</v>
      </c>
      <c r="AD17364">
        <v>0</v>
      </c>
      <c r="AE17364">
        <v>0</v>
      </c>
      <c r="AF17364">
        <v>0</v>
      </c>
      <c r="AG17364">
        <v>0</v>
      </c>
      <c r="AH17364">
        <v>0</v>
      </c>
      <c r="AI17364">
        <v>0</v>
      </c>
      <c r="AJ17364">
        <v>0</v>
      </c>
      <c r="AK17364">
        <v>0</v>
      </c>
      <c r="AL17364">
        <v>0</v>
      </c>
      <c r="AM17364">
        <v>0</v>
      </c>
      <c r="AN17364">
        <v>0</v>
      </c>
      <c r="AO17364">
        <v>0</v>
      </c>
      <c r="AP17364">
        <v>0</v>
      </c>
      <c r="AQ17364">
        <v>0</v>
      </c>
    </row>
    <row r="17365" spans="1:43">
      <c r="A17365" t="s">
        <v>10766</v>
      </c>
      <c r="B17365" t="s">
        <v>10767</v>
      </c>
      <c r="C17365" t="s">
        <v>10764</v>
      </c>
      <c r="D17365" t="s">
        <v>10765</v>
      </c>
      <c r="E17365" t="s">
        <v>10732</v>
      </c>
      <c r="F17365" t="s">
        <v>10733</v>
      </c>
      <c r="G17365" t="s">
        <v>10734</v>
      </c>
      <c r="H17365" t="s">
        <v>10735</v>
      </c>
      <c r="I17365" s="2">
        <v>1</v>
      </c>
      <c r="J17365" s="2">
        <v>0</v>
      </c>
      <c r="K17365" s="2">
        <v>0</v>
      </c>
      <c r="L17365" t="s">
        <v>120</v>
      </c>
      <c r="M17365" t="s">
        <v>83</v>
      </c>
      <c r="N17365" t="s">
        <v>91</v>
      </c>
      <c r="O17365" t="s">
        <v>85</v>
      </c>
      <c r="P17365" t="s">
        <v>86</v>
      </c>
      <c r="Q17365">
        <v>0</v>
      </c>
      <c r="R17365">
        <v>0</v>
      </c>
      <c r="S17365">
        <v>0</v>
      </c>
      <c r="T17365">
        <v>0</v>
      </c>
      <c r="U17365">
        <v>0</v>
      </c>
      <c r="V17365">
        <v>0</v>
      </c>
      <c r="W17365">
        <v>0</v>
      </c>
      <c r="X17365">
        <v>0</v>
      </c>
      <c r="Y17365">
        <v>0</v>
      </c>
      <c r="Z17365">
        <v>0</v>
      </c>
      <c r="AA17365">
        <v>0</v>
      </c>
      <c r="AB17365">
        <v>0</v>
      </c>
      <c r="AC17365">
        <v>0</v>
      </c>
      <c r="AD17365">
        <v>0</v>
      </c>
      <c r="AE17365">
        <v>0</v>
      </c>
      <c r="AF17365">
        <v>0</v>
      </c>
      <c r="AG17365">
        <v>0</v>
      </c>
      <c r="AH17365">
        <v>0</v>
      </c>
      <c r="AI17365">
        <v>0</v>
      </c>
      <c r="AJ17365">
        <v>0</v>
      </c>
      <c r="AK17365">
        <v>0</v>
      </c>
      <c r="AL17365">
        <v>0</v>
      </c>
      <c r="AM17365">
        <v>0</v>
      </c>
      <c r="AN17365">
        <v>0</v>
      </c>
      <c r="AO17365">
        <v>0</v>
      </c>
      <c r="AP17365">
        <v>0</v>
      </c>
      <c r="AQ17365">
        <v>0</v>
      </c>
    </row>
    <row r="17366" spans="1:43">
      <c r="A17366" t="s">
        <v>10768</v>
      </c>
      <c r="B17366" t="s">
        <v>10769</v>
      </c>
      <c r="C17366" t="s">
        <v>10764</v>
      </c>
      <c r="D17366" t="s">
        <v>10765</v>
      </c>
      <c r="E17366" t="s">
        <v>10732</v>
      </c>
      <c r="F17366" t="s">
        <v>10733</v>
      </c>
      <c r="G17366" t="s">
        <v>10734</v>
      </c>
      <c r="H17366" t="s">
        <v>10735</v>
      </c>
      <c r="I17366" s="2">
        <v>1</v>
      </c>
      <c r="J17366" s="2">
        <v>0</v>
      </c>
      <c r="K17366" s="2">
        <v>0</v>
      </c>
      <c r="L17366" t="s">
        <v>120</v>
      </c>
      <c r="M17366" t="s">
        <v>83</v>
      </c>
      <c r="N17366" t="s">
        <v>84</v>
      </c>
      <c r="O17366" t="s">
        <v>85</v>
      </c>
      <c r="P17366" t="s">
        <v>86</v>
      </c>
      <c r="Q17366">
        <v>15</v>
      </c>
      <c r="R17366">
        <v>15</v>
      </c>
      <c r="S17366">
        <v>15</v>
      </c>
      <c r="T17366">
        <v>15</v>
      </c>
      <c r="U17366">
        <v>15</v>
      </c>
      <c r="V17366">
        <v>16</v>
      </c>
      <c r="W17366">
        <v>16</v>
      </c>
      <c r="X17366">
        <v>16</v>
      </c>
      <c r="Y17366">
        <v>16</v>
      </c>
      <c r="Z17366">
        <v>16</v>
      </c>
      <c r="AA17366">
        <v>16</v>
      </c>
      <c r="AB17366">
        <v>17</v>
      </c>
      <c r="AC17366">
        <v>17</v>
      </c>
      <c r="AD17366">
        <v>17</v>
      </c>
      <c r="AE17366">
        <v>17</v>
      </c>
      <c r="AF17366">
        <v>17</v>
      </c>
      <c r="AG17366">
        <v>18</v>
      </c>
      <c r="AH17366">
        <v>18</v>
      </c>
      <c r="AI17366">
        <v>18</v>
      </c>
      <c r="AJ17366">
        <v>18</v>
      </c>
      <c r="AK17366">
        <v>18</v>
      </c>
      <c r="AL17366">
        <v>18</v>
      </c>
      <c r="AM17366">
        <v>18</v>
      </c>
      <c r="AN17366">
        <v>18</v>
      </c>
      <c r="AO17366">
        <v>18</v>
      </c>
      <c r="AP17366">
        <v>18</v>
      </c>
      <c r="AQ17366">
        <v>19</v>
      </c>
    </row>
    <row r="17367" spans="1:43">
      <c r="A17367" t="s">
        <v>10768</v>
      </c>
      <c r="B17367" t="s">
        <v>10769</v>
      </c>
      <c r="C17367" t="s">
        <v>10764</v>
      </c>
      <c r="D17367" t="s">
        <v>10765</v>
      </c>
      <c r="E17367" t="s">
        <v>10732</v>
      </c>
      <c r="F17367" t="s">
        <v>10733</v>
      </c>
      <c r="G17367" t="s">
        <v>10734</v>
      </c>
      <c r="H17367" t="s">
        <v>10735</v>
      </c>
      <c r="I17367" s="2">
        <v>1</v>
      </c>
      <c r="J17367" s="2">
        <v>0</v>
      </c>
      <c r="K17367" s="2">
        <v>0</v>
      </c>
      <c r="L17367" t="s">
        <v>120</v>
      </c>
      <c r="M17367" t="s">
        <v>87</v>
      </c>
      <c r="N17367" t="s">
        <v>88</v>
      </c>
      <c r="O17367" t="s">
        <v>85</v>
      </c>
      <c r="P17367" t="s">
        <v>86</v>
      </c>
      <c r="Q17367">
        <v>15</v>
      </c>
      <c r="R17367">
        <v>15</v>
      </c>
      <c r="S17367">
        <v>16</v>
      </c>
      <c r="T17367">
        <v>16</v>
      </c>
      <c r="U17367">
        <v>16</v>
      </c>
      <c r="V17367">
        <v>16</v>
      </c>
      <c r="W17367">
        <v>16</v>
      </c>
      <c r="X17367">
        <v>16</v>
      </c>
      <c r="Y17367">
        <v>16</v>
      </c>
      <c r="Z17367">
        <v>16</v>
      </c>
      <c r="AA17367">
        <v>16</v>
      </c>
      <c r="AB17367">
        <v>16</v>
      </c>
      <c r="AC17367">
        <v>16</v>
      </c>
      <c r="AD17367">
        <v>16</v>
      </c>
      <c r="AE17367">
        <v>16</v>
      </c>
      <c r="AF17367">
        <v>16</v>
      </c>
      <c r="AG17367">
        <v>16</v>
      </c>
      <c r="AH17367">
        <v>16</v>
      </c>
      <c r="AI17367">
        <v>17</v>
      </c>
      <c r="AJ17367">
        <v>17</v>
      </c>
      <c r="AK17367">
        <v>17</v>
      </c>
      <c r="AL17367">
        <v>17</v>
      </c>
      <c r="AM17367">
        <v>17</v>
      </c>
      <c r="AN17367">
        <v>17</v>
      </c>
      <c r="AO17367">
        <v>17</v>
      </c>
      <c r="AP17367">
        <v>17</v>
      </c>
      <c r="AQ17367">
        <v>17</v>
      </c>
    </row>
    <row r="17368" spans="1:43">
      <c r="A17368" t="s">
        <v>10768</v>
      </c>
      <c r="B17368" t="s">
        <v>10769</v>
      </c>
      <c r="C17368" t="s">
        <v>10764</v>
      </c>
      <c r="D17368" t="s">
        <v>10765</v>
      </c>
      <c r="E17368" t="s">
        <v>10732</v>
      </c>
      <c r="F17368" t="s">
        <v>10733</v>
      </c>
      <c r="G17368" t="s">
        <v>10734</v>
      </c>
      <c r="H17368" t="s">
        <v>10735</v>
      </c>
      <c r="I17368" s="2">
        <v>1</v>
      </c>
      <c r="J17368" s="2">
        <v>0</v>
      </c>
      <c r="K17368" s="2">
        <v>0</v>
      </c>
      <c r="L17368" t="s">
        <v>120</v>
      </c>
      <c r="M17368" t="s">
        <v>89</v>
      </c>
      <c r="N17368" t="s">
        <v>90</v>
      </c>
      <c r="O17368" t="s">
        <v>85</v>
      </c>
      <c r="P17368" t="s">
        <v>86</v>
      </c>
      <c r="Q17368">
        <v>15</v>
      </c>
      <c r="R17368">
        <v>15</v>
      </c>
      <c r="S17368">
        <v>15</v>
      </c>
      <c r="T17368">
        <v>16</v>
      </c>
      <c r="U17368">
        <v>16</v>
      </c>
      <c r="V17368">
        <v>16</v>
      </c>
      <c r="W17368">
        <v>17</v>
      </c>
      <c r="X17368">
        <v>17</v>
      </c>
      <c r="Y17368">
        <v>17</v>
      </c>
      <c r="Z17368">
        <v>17</v>
      </c>
      <c r="AA17368">
        <v>18</v>
      </c>
      <c r="AB17368">
        <v>18</v>
      </c>
      <c r="AC17368">
        <v>18</v>
      </c>
      <c r="AD17368">
        <v>18</v>
      </c>
      <c r="AE17368">
        <v>18</v>
      </c>
      <c r="AF17368">
        <v>18</v>
      </c>
      <c r="AG17368">
        <v>19</v>
      </c>
      <c r="AH17368">
        <v>19</v>
      </c>
      <c r="AI17368">
        <v>19</v>
      </c>
      <c r="AJ17368">
        <v>19</v>
      </c>
      <c r="AK17368">
        <v>19</v>
      </c>
      <c r="AL17368">
        <v>19</v>
      </c>
      <c r="AM17368">
        <v>19</v>
      </c>
      <c r="AN17368">
        <v>19</v>
      </c>
      <c r="AO17368">
        <v>19</v>
      </c>
      <c r="AP17368">
        <v>19</v>
      </c>
      <c r="AQ17368">
        <v>19</v>
      </c>
    </row>
    <row r="17369" spans="1:43">
      <c r="A17369" t="s">
        <v>10768</v>
      </c>
      <c r="B17369" t="s">
        <v>10769</v>
      </c>
      <c r="C17369" t="s">
        <v>10764</v>
      </c>
      <c r="D17369" t="s">
        <v>10765</v>
      </c>
      <c r="E17369" t="s">
        <v>10732</v>
      </c>
      <c r="F17369" t="s">
        <v>10733</v>
      </c>
      <c r="G17369" t="s">
        <v>10734</v>
      </c>
      <c r="H17369" t="s">
        <v>10735</v>
      </c>
      <c r="I17369" s="2">
        <v>1</v>
      </c>
      <c r="J17369" s="2">
        <v>0</v>
      </c>
      <c r="K17369" s="2">
        <v>0</v>
      </c>
      <c r="L17369" t="s">
        <v>120</v>
      </c>
      <c r="M17369" t="s">
        <v>83</v>
      </c>
      <c r="N17369" t="s">
        <v>91</v>
      </c>
      <c r="O17369" t="s">
        <v>85</v>
      </c>
      <c r="P17369" t="s">
        <v>86</v>
      </c>
      <c r="Q17369">
        <v>15</v>
      </c>
      <c r="R17369">
        <v>15</v>
      </c>
      <c r="S17369">
        <v>15</v>
      </c>
      <c r="T17369">
        <v>15</v>
      </c>
      <c r="U17369">
        <v>15</v>
      </c>
      <c r="V17369">
        <v>16</v>
      </c>
      <c r="W17369">
        <v>16</v>
      </c>
      <c r="X17369">
        <v>16</v>
      </c>
      <c r="Y17369">
        <v>16</v>
      </c>
      <c r="Z17369">
        <v>16</v>
      </c>
      <c r="AA17369">
        <v>16</v>
      </c>
      <c r="AB17369">
        <v>17</v>
      </c>
      <c r="AC17369">
        <v>17</v>
      </c>
      <c r="AD17369">
        <v>17</v>
      </c>
      <c r="AE17369">
        <v>17</v>
      </c>
      <c r="AF17369">
        <v>17</v>
      </c>
      <c r="AG17369">
        <v>18</v>
      </c>
      <c r="AH17369">
        <v>18</v>
      </c>
      <c r="AI17369">
        <v>18</v>
      </c>
      <c r="AJ17369">
        <v>18</v>
      </c>
      <c r="AK17369">
        <v>18</v>
      </c>
      <c r="AL17369">
        <v>18</v>
      </c>
      <c r="AM17369">
        <v>18</v>
      </c>
      <c r="AN17369">
        <v>18</v>
      </c>
      <c r="AO17369">
        <v>18</v>
      </c>
      <c r="AP17369">
        <v>18</v>
      </c>
      <c r="AQ17369">
        <v>19</v>
      </c>
    </row>
    <row r="17370" spans="1:43">
      <c r="A17370" t="s">
        <v>10770</v>
      </c>
      <c r="B17370" t="s">
        <v>10771</v>
      </c>
      <c r="C17370" t="s">
        <v>10764</v>
      </c>
      <c r="D17370" t="s">
        <v>10765</v>
      </c>
      <c r="E17370" t="s">
        <v>10732</v>
      </c>
      <c r="F17370" t="s">
        <v>10733</v>
      </c>
      <c r="G17370" t="s">
        <v>10734</v>
      </c>
      <c r="H17370" t="s">
        <v>10735</v>
      </c>
      <c r="I17370" s="2">
        <v>1</v>
      </c>
      <c r="J17370" s="2">
        <v>0</v>
      </c>
      <c r="K17370" s="2">
        <v>0</v>
      </c>
      <c r="L17370" t="s">
        <v>120</v>
      </c>
      <c r="M17370" t="s">
        <v>83</v>
      </c>
      <c r="N17370" t="s">
        <v>84</v>
      </c>
      <c r="O17370" t="s">
        <v>85</v>
      </c>
      <c r="P17370" t="s">
        <v>86</v>
      </c>
      <c r="Q17370">
        <v>47</v>
      </c>
      <c r="R17370">
        <v>48</v>
      </c>
      <c r="S17370">
        <v>49</v>
      </c>
      <c r="T17370">
        <v>49</v>
      </c>
      <c r="U17370">
        <v>50</v>
      </c>
      <c r="V17370">
        <v>51</v>
      </c>
      <c r="W17370">
        <v>51</v>
      </c>
      <c r="X17370">
        <v>52</v>
      </c>
      <c r="Y17370">
        <v>53</v>
      </c>
      <c r="Z17370">
        <v>53</v>
      </c>
      <c r="AA17370">
        <v>54</v>
      </c>
      <c r="AB17370">
        <v>54</v>
      </c>
      <c r="AC17370">
        <v>55</v>
      </c>
      <c r="AD17370">
        <v>55</v>
      </c>
      <c r="AE17370">
        <v>56</v>
      </c>
      <c r="AF17370">
        <v>56</v>
      </c>
      <c r="AG17370">
        <v>57</v>
      </c>
      <c r="AH17370">
        <v>57</v>
      </c>
      <c r="AI17370">
        <v>58</v>
      </c>
      <c r="AJ17370">
        <v>58</v>
      </c>
      <c r="AK17370">
        <v>59</v>
      </c>
      <c r="AL17370">
        <v>59</v>
      </c>
      <c r="AM17370">
        <v>59</v>
      </c>
      <c r="AN17370">
        <v>59</v>
      </c>
      <c r="AO17370">
        <v>59</v>
      </c>
      <c r="AP17370">
        <v>59</v>
      </c>
      <c r="AQ17370">
        <v>59</v>
      </c>
    </row>
    <row r="17371" spans="1:43">
      <c r="A17371" t="s">
        <v>10770</v>
      </c>
      <c r="B17371" t="s">
        <v>10771</v>
      </c>
      <c r="C17371" t="s">
        <v>10764</v>
      </c>
      <c r="D17371" t="s">
        <v>10765</v>
      </c>
      <c r="E17371" t="s">
        <v>10732</v>
      </c>
      <c r="F17371" t="s">
        <v>10733</v>
      </c>
      <c r="G17371" t="s">
        <v>10734</v>
      </c>
      <c r="H17371" t="s">
        <v>10735</v>
      </c>
      <c r="I17371" s="2">
        <v>1</v>
      </c>
      <c r="J17371" s="2">
        <v>0</v>
      </c>
      <c r="K17371" s="2">
        <v>0</v>
      </c>
      <c r="L17371" t="s">
        <v>120</v>
      </c>
      <c r="M17371" t="s">
        <v>87</v>
      </c>
      <c r="N17371" t="s">
        <v>88</v>
      </c>
      <c r="O17371" t="s">
        <v>85</v>
      </c>
      <c r="P17371" t="s">
        <v>86</v>
      </c>
      <c r="Q17371">
        <v>47</v>
      </c>
      <c r="R17371">
        <v>47</v>
      </c>
      <c r="S17371">
        <v>47</v>
      </c>
      <c r="T17371">
        <v>48</v>
      </c>
      <c r="U17371">
        <v>48</v>
      </c>
      <c r="V17371">
        <v>48</v>
      </c>
      <c r="W17371">
        <v>48</v>
      </c>
      <c r="X17371">
        <v>48</v>
      </c>
      <c r="Y17371">
        <v>49</v>
      </c>
      <c r="Z17371">
        <v>49</v>
      </c>
      <c r="AA17371">
        <v>49</v>
      </c>
      <c r="AB17371">
        <v>49</v>
      </c>
      <c r="AC17371">
        <v>50</v>
      </c>
      <c r="AD17371">
        <v>50</v>
      </c>
      <c r="AE17371">
        <v>50</v>
      </c>
      <c r="AF17371">
        <v>50</v>
      </c>
      <c r="AG17371">
        <v>50</v>
      </c>
      <c r="AH17371">
        <v>51</v>
      </c>
      <c r="AI17371">
        <v>51</v>
      </c>
      <c r="AJ17371">
        <v>51</v>
      </c>
      <c r="AK17371">
        <v>51</v>
      </c>
      <c r="AL17371">
        <v>51</v>
      </c>
      <c r="AM17371">
        <v>52</v>
      </c>
      <c r="AN17371">
        <v>52</v>
      </c>
      <c r="AO17371">
        <v>52</v>
      </c>
      <c r="AP17371">
        <v>52</v>
      </c>
      <c r="AQ17371">
        <v>52</v>
      </c>
    </row>
    <row r="17372" spans="1:43">
      <c r="A17372" t="s">
        <v>10770</v>
      </c>
      <c r="B17372" t="s">
        <v>10771</v>
      </c>
      <c r="C17372" t="s">
        <v>10764</v>
      </c>
      <c r="D17372" t="s">
        <v>10765</v>
      </c>
      <c r="E17372" t="s">
        <v>10732</v>
      </c>
      <c r="F17372" t="s">
        <v>10733</v>
      </c>
      <c r="G17372" t="s">
        <v>10734</v>
      </c>
      <c r="H17372" t="s">
        <v>10735</v>
      </c>
      <c r="I17372" s="2">
        <v>1</v>
      </c>
      <c r="J17372" s="2">
        <v>0</v>
      </c>
      <c r="K17372" s="2">
        <v>0</v>
      </c>
      <c r="L17372" t="s">
        <v>120</v>
      </c>
      <c r="M17372" t="s">
        <v>89</v>
      </c>
      <c r="N17372" t="s">
        <v>90</v>
      </c>
      <c r="O17372" t="s">
        <v>85</v>
      </c>
      <c r="P17372" t="s">
        <v>86</v>
      </c>
      <c r="Q17372">
        <v>47</v>
      </c>
      <c r="R17372">
        <v>48</v>
      </c>
      <c r="S17372">
        <v>49</v>
      </c>
      <c r="T17372">
        <v>50</v>
      </c>
      <c r="U17372">
        <v>51</v>
      </c>
      <c r="V17372">
        <v>52</v>
      </c>
      <c r="W17372">
        <v>53</v>
      </c>
      <c r="X17372">
        <v>53</v>
      </c>
      <c r="Y17372">
        <v>54</v>
      </c>
      <c r="Z17372">
        <v>55</v>
      </c>
      <c r="AA17372">
        <v>56</v>
      </c>
      <c r="AB17372">
        <v>56</v>
      </c>
      <c r="AC17372">
        <v>57</v>
      </c>
      <c r="AD17372">
        <v>58</v>
      </c>
      <c r="AE17372">
        <v>58</v>
      </c>
      <c r="AF17372">
        <v>58</v>
      </c>
      <c r="AG17372">
        <v>58</v>
      </c>
      <c r="AH17372">
        <v>58</v>
      </c>
      <c r="AI17372">
        <v>58</v>
      </c>
      <c r="AJ17372">
        <v>58</v>
      </c>
      <c r="AK17372">
        <v>59</v>
      </c>
      <c r="AL17372">
        <v>59</v>
      </c>
      <c r="AM17372">
        <v>59</v>
      </c>
      <c r="AN17372">
        <v>59</v>
      </c>
      <c r="AO17372">
        <v>59</v>
      </c>
      <c r="AP17372">
        <v>59</v>
      </c>
      <c r="AQ17372">
        <v>59</v>
      </c>
    </row>
    <row r="17373" spans="1:43">
      <c r="A17373" t="s">
        <v>10770</v>
      </c>
      <c r="B17373" t="s">
        <v>10771</v>
      </c>
      <c r="C17373" t="s">
        <v>10764</v>
      </c>
      <c r="D17373" t="s">
        <v>10765</v>
      </c>
      <c r="E17373" t="s">
        <v>10732</v>
      </c>
      <c r="F17373" t="s">
        <v>10733</v>
      </c>
      <c r="G17373" t="s">
        <v>10734</v>
      </c>
      <c r="H17373" t="s">
        <v>10735</v>
      </c>
      <c r="I17373" s="2">
        <v>1</v>
      </c>
      <c r="J17373" s="2">
        <v>0</v>
      </c>
      <c r="K17373" s="2">
        <v>0</v>
      </c>
      <c r="L17373" t="s">
        <v>120</v>
      </c>
      <c r="M17373" t="s">
        <v>83</v>
      </c>
      <c r="N17373" t="s">
        <v>91</v>
      </c>
      <c r="O17373" t="s">
        <v>85</v>
      </c>
      <c r="P17373" t="s">
        <v>86</v>
      </c>
      <c r="Q17373">
        <v>47</v>
      </c>
      <c r="R17373">
        <v>48</v>
      </c>
      <c r="S17373">
        <v>49</v>
      </c>
      <c r="T17373">
        <v>49</v>
      </c>
      <c r="U17373">
        <v>50</v>
      </c>
      <c r="V17373">
        <v>51</v>
      </c>
      <c r="W17373">
        <v>51</v>
      </c>
      <c r="X17373">
        <v>52</v>
      </c>
      <c r="Y17373">
        <v>53</v>
      </c>
      <c r="Z17373">
        <v>53</v>
      </c>
      <c r="AA17373">
        <v>54</v>
      </c>
      <c r="AB17373">
        <v>54</v>
      </c>
      <c r="AC17373">
        <v>55</v>
      </c>
      <c r="AD17373">
        <v>55</v>
      </c>
      <c r="AE17373">
        <v>56</v>
      </c>
      <c r="AF17373">
        <v>56</v>
      </c>
      <c r="AG17373">
        <v>57</v>
      </c>
      <c r="AH17373">
        <v>57</v>
      </c>
      <c r="AI17373">
        <v>58</v>
      </c>
      <c r="AJ17373">
        <v>58</v>
      </c>
      <c r="AK17373">
        <v>59</v>
      </c>
      <c r="AL17373">
        <v>59</v>
      </c>
      <c r="AM17373">
        <v>59</v>
      </c>
      <c r="AN17373">
        <v>59</v>
      </c>
      <c r="AO17373">
        <v>59</v>
      </c>
      <c r="AP17373">
        <v>59</v>
      </c>
      <c r="AQ17373">
        <v>59</v>
      </c>
    </row>
    <row r="17374" spans="1:43">
      <c r="A17374" t="s">
        <v>10772</v>
      </c>
      <c r="B17374" t="s">
        <v>10773</v>
      </c>
      <c r="C17374" t="s">
        <v>10764</v>
      </c>
      <c r="D17374" t="s">
        <v>10765</v>
      </c>
      <c r="E17374" t="s">
        <v>10732</v>
      </c>
      <c r="F17374" t="s">
        <v>10733</v>
      </c>
      <c r="G17374" t="s">
        <v>10734</v>
      </c>
      <c r="H17374" t="s">
        <v>10735</v>
      </c>
      <c r="I17374" s="2">
        <v>1</v>
      </c>
      <c r="J17374" s="2">
        <v>0</v>
      </c>
      <c r="K17374" s="2">
        <v>0</v>
      </c>
      <c r="L17374" t="s">
        <v>120</v>
      </c>
      <c r="M17374" t="s">
        <v>83</v>
      </c>
      <c r="N17374" t="s">
        <v>84</v>
      </c>
      <c r="O17374" t="s">
        <v>85</v>
      </c>
      <c r="P17374" t="s">
        <v>86</v>
      </c>
      <c r="Q17374">
        <v>40</v>
      </c>
      <c r="R17374">
        <v>41</v>
      </c>
      <c r="S17374">
        <v>42</v>
      </c>
      <c r="T17374">
        <v>42</v>
      </c>
      <c r="U17374">
        <v>43</v>
      </c>
      <c r="V17374">
        <v>43</v>
      </c>
      <c r="W17374">
        <v>44</v>
      </c>
      <c r="X17374">
        <v>44</v>
      </c>
      <c r="Y17374">
        <v>45</v>
      </c>
      <c r="Z17374">
        <v>45</v>
      </c>
      <c r="AA17374">
        <v>46</v>
      </c>
      <c r="AB17374">
        <v>46</v>
      </c>
      <c r="AC17374">
        <v>47</v>
      </c>
      <c r="AD17374">
        <v>47</v>
      </c>
      <c r="AE17374">
        <v>47</v>
      </c>
      <c r="AF17374">
        <v>48</v>
      </c>
      <c r="AG17374">
        <v>48</v>
      </c>
      <c r="AH17374">
        <v>49</v>
      </c>
      <c r="AI17374">
        <v>49</v>
      </c>
      <c r="AJ17374">
        <v>50</v>
      </c>
      <c r="AK17374">
        <v>50</v>
      </c>
      <c r="AL17374">
        <v>50</v>
      </c>
      <c r="AM17374">
        <v>50</v>
      </c>
      <c r="AN17374">
        <v>50</v>
      </c>
      <c r="AO17374">
        <v>50</v>
      </c>
      <c r="AP17374">
        <v>50</v>
      </c>
      <c r="AQ17374">
        <v>50</v>
      </c>
    </row>
    <row r="17375" spans="1:43">
      <c r="A17375" t="s">
        <v>10772</v>
      </c>
      <c r="B17375" t="s">
        <v>10773</v>
      </c>
      <c r="C17375" t="s">
        <v>10764</v>
      </c>
      <c r="D17375" t="s">
        <v>10765</v>
      </c>
      <c r="E17375" t="s">
        <v>10732</v>
      </c>
      <c r="F17375" t="s">
        <v>10733</v>
      </c>
      <c r="G17375" t="s">
        <v>10734</v>
      </c>
      <c r="H17375" t="s">
        <v>10735</v>
      </c>
      <c r="I17375" s="2">
        <v>1</v>
      </c>
      <c r="J17375" s="2">
        <v>0</v>
      </c>
      <c r="K17375" s="2">
        <v>0</v>
      </c>
      <c r="L17375" t="s">
        <v>120</v>
      </c>
      <c r="M17375" t="s">
        <v>87</v>
      </c>
      <c r="N17375" t="s">
        <v>88</v>
      </c>
      <c r="O17375" t="s">
        <v>85</v>
      </c>
      <c r="P17375" t="s">
        <v>86</v>
      </c>
      <c r="Q17375">
        <v>40</v>
      </c>
      <c r="R17375">
        <v>40</v>
      </c>
      <c r="S17375">
        <v>40</v>
      </c>
      <c r="T17375">
        <v>41</v>
      </c>
      <c r="U17375">
        <v>41</v>
      </c>
      <c r="V17375">
        <v>41</v>
      </c>
      <c r="W17375">
        <v>41</v>
      </c>
      <c r="X17375">
        <v>41</v>
      </c>
      <c r="Y17375">
        <v>42</v>
      </c>
      <c r="Z17375">
        <v>42</v>
      </c>
      <c r="AA17375">
        <v>42</v>
      </c>
      <c r="AB17375">
        <v>42</v>
      </c>
      <c r="AC17375">
        <v>42</v>
      </c>
      <c r="AD17375">
        <v>43</v>
      </c>
      <c r="AE17375">
        <v>43</v>
      </c>
      <c r="AF17375">
        <v>43</v>
      </c>
      <c r="AG17375">
        <v>43</v>
      </c>
      <c r="AH17375">
        <v>43</v>
      </c>
      <c r="AI17375">
        <v>43</v>
      </c>
      <c r="AJ17375">
        <v>44</v>
      </c>
      <c r="AK17375">
        <v>44</v>
      </c>
      <c r="AL17375">
        <v>44</v>
      </c>
      <c r="AM17375">
        <v>44</v>
      </c>
      <c r="AN17375">
        <v>44</v>
      </c>
      <c r="AO17375">
        <v>45</v>
      </c>
      <c r="AP17375">
        <v>45</v>
      </c>
      <c r="AQ17375">
        <v>45</v>
      </c>
    </row>
    <row r="17376" spans="1:43">
      <c r="A17376" t="s">
        <v>10772</v>
      </c>
      <c r="B17376" t="s">
        <v>10773</v>
      </c>
      <c r="C17376" t="s">
        <v>10764</v>
      </c>
      <c r="D17376" t="s">
        <v>10765</v>
      </c>
      <c r="E17376" t="s">
        <v>10732</v>
      </c>
      <c r="F17376" t="s">
        <v>10733</v>
      </c>
      <c r="G17376" t="s">
        <v>10734</v>
      </c>
      <c r="H17376" t="s">
        <v>10735</v>
      </c>
      <c r="I17376" s="2">
        <v>1</v>
      </c>
      <c r="J17376" s="2">
        <v>0</v>
      </c>
      <c r="K17376" s="2">
        <v>0</v>
      </c>
      <c r="L17376" t="s">
        <v>120</v>
      </c>
      <c r="M17376" t="s">
        <v>89</v>
      </c>
      <c r="N17376" t="s">
        <v>90</v>
      </c>
      <c r="O17376" t="s">
        <v>85</v>
      </c>
      <c r="P17376" t="s">
        <v>86</v>
      </c>
      <c r="Q17376">
        <v>40</v>
      </c>
      <c r="R17376">
        <v>41</v>
      </c>
      <c r="S17376">
        <v>42</v>
      </c>
      <c r="T17376">
        <v>43</v>
      </c>
      <c r="U17376">
        <v>43</v>
      </c>
      <c r="V17376">
        <v>44</v>
      </c>
      <c r="W17376">
        <v>45</v>
      </c>
      <c r="X17376">
        <v>45</v>
      </c>
      <c r="Y17376">
        <v>46</v>
      </c>
      <c r="Z17376">
        <v>47</v>
      </c>
      <c r="AA17376">
        <v>47</v>
      </c>
      <c r="AB17376">
        <v>48</v>
      </c>
      <c r="AC17376">
        <v>48</v>
      </c>
      <c r="AD17376">
        <v>49</v>
      </c>
      <c r="AE17376">
        <v>49</v>
      </c>
      <c r="AF17376">
        <v>49</v>
      </c>
      <c r="AG17376">
        <v>49</v>
      </c>
      <c r="AH17376">
        <v>49</v>
      </c>
      <c r="AI17376">
        <v>49</v>
      </c>
      <c r="AJ17376">
        <v>49</v>
      </c>
      <c r="AK17376">
        <v>49</v>
      </c>
      <c r="AL17376">
        <v>49</v>
      </c>
      <c r="AM17376">
        <v>49</v>
      </c>
      <c r="AN17376">
        <v>50</v>
      </c>
      <c r="AO17376">
        <v>50</v>
      </c>
      <c r="AP17376">
        <v>50</v>
      </c>
      <c r="AQ17376">
        <v>50</v>
      </c>
    </row>
    <row r="17377" spans="1:43">
      <c r="A17377" t="s">
        <v>10772</v>
      </c>
      <c r="B17377" t="s">
        <v>10773</v>
      </c>
      <c r="C17377" t="s">
        <v>10764</v>
      </c>
      <c r="D17377" t="s">
        <v>10765</v>
      </c>
      <c r="E17377" t="s">
        <v>10732</v>
      </c>
      <c r="F17377" t="s">
        <v>10733</v>
      </c>
      <c r="G17377" t="s">
        <v>10734</v>
      </c>
      <c r="H17377" t="s">
        <v>10735</v>
      </c>
      <c r="I17377" s="2">
        <v>1</v>
      </c>
      <c r="J17377" s="2">
        <v>0</v>
      </c>
      <c r="K17377" s="2">
        <v>0</v>
      </c>
      <c r="L17377" t="s">
        <v>120</v>
      </c>
      <c r="M17377" t="s">
        <v>83</v>
      </c>
      <c r="N17377" t="s">
        <v>91</v>
      </c>
      <c r="O17377" t="s">
        <v>85</v>
      </c>
      <c r="P17377" t="s">
        <v>86</v>
      </c>
      <c r="Q17377">
        <v>40</v>
      </c>
      <c r="R17377">
        <v>41</v>
      </c>
      <c r="S17377">
        <v>42</v>
      </c>
      <c r="T17377">
        <v>42</v>
      </c>
      <c r="U17377">
        <v>43</v>
      </c>
      <c r="V17377">
        <v>43</v>
      </c>
      <c r="W17377">
        <v>44</v>
      </c>
      <c r="X17377">
        <v>44</v>
      </c>
      <c r="Y17377">
        <v>45</v>
      </c>
      <c r="Z17377">
        <v>45</v>
      </c>
      <c r="AA17377">
        <v>46</v>
      </c>
      <c r="AB17377">
        <v>46</v>
      </c>
      <c r="AC17377">
        <v>47</v>
      </c>
      <c r="AD17377">
        <v>47</v>
      </c>
      <c r="AE17377">
        <v>47</v>
      </c>
      <c r="AF17377">
        <v>48</v>
      </c>
      <c r="AG17377">
        <v>48</v>
      </c>
      <c r="AH17377">
        <v>49</v>
      </c>
      <c r="AI17377">
        <v>49</v>
      </c>
      <c r="AJ17377">
        <v>50</v>
      </c>
      <c r="AK17377">
        <v>50</v>
      </c>
      <c r="AL17377">
        <v>50</v>
      </c>
      <c r="AM17377">
        <v>50</v>
      </c>
      <c r="AN17377">
        <v>50</v>
      </c>
      <c r="AO17377">
        <v>50</v>
      </c>
      <c r="AP17377">
        <v>50</v>
      </c>
      <c r="AQ17377">
        <v>50</v>
      </c>
    </row>
    <row r="17378" spans="1:43">
      <c r="A17378" t="s">
        <v>10774</v>
      </c>
      <c r="B17378" t="s">
        <v>10775</v>
      </c>
      <c r="C17378" t="s">
        <v>10764</v>
      </c>
      <c r="D17378" t="s">
        <v>10765</v>
      </c>
      <c r="E17378" t="s">
        <v>10732</v>
      </c>
      <c r="F17378" t="s">
        <v>10733</v>
      </c>
      <c r="G17378" t="s">
        <v>10734</v>
      </c>
      <c r="H17378" t="s">
        <v>10735</v>
      </c>
      <c r="I17378" s="2">
        <v>1</v>
      </c>
      <c r="J17378" s="2">
        <v>0</v>
      </c>
      <c r="K17378" s="2">
        <v>0</v>
      </c>
      <c r="L17378" t="s">
        <v>120</v>
      </c>
      <c r="M17378" t="s">
        <v>83</v>
      </c>
      <c r="N17378" t="s">
        <v>84</v>
      </c>
      <c r="O17378" t="s">
        <v>85</v>
      </c>
      <c r="P17378" t="s">
        <v>86</v>
      </c>
      <c r="Q17378">
        <v>101</v>
      </c>
      <c r="R17378">
        <v>102</v>
      </c>
      <c r="S17378">
        <v>104</v>
      </c>
      <c r="T17378">
        <v>105</v>
      </c>
      <c r="U17378">
        <v>107</v>
      </c>
      <c r="V17378">
        <v>108</v>
      </c>
      <c r="W17378">
        <v>109</v>
      </c>
      <c r="X17378">
        <v>111</v>
      </c>
      <c r="Y17378">
        <v>112</v>
      </c>
      <c r="Z17378">
        <v>113</v>
      </c>
      <c r="AA17378">
        <v>114</v>
      </c>
      <c r="AB17378">
        <v>115</v>
      </c>
      <c r="AC17378">
        <v>116</v>
      </c>
      <c r="AD17378">
        <v>117</v>
      </c>
      <c r="AE17378">
        <v>119</v>
      </c>
      <c r="AF17378">
        <v>120</v>
      </c>
      <c r="AG17378">
        <v>121</v>
      </c>
      <c r="AH17378">
        <v>122</v>
      </c>
      <c r="AI17378">
        <v>123</v>
      </c>
      <c r="AJ17378">
        <v>124</v>
      </c>
      <c r="AK17378">
        <v>125</v>
      </c>
      <c r="AL17378">
        <v>126</v>
      </c>
      <c r="AM17378">
        <v>126</v>
      </c>
      <c r="AN17378">
        <v>126</v>
      </c>
      <c r="AO17378">
        <v>126</v>
      </c>
      <c r="AP17378">
        <v>126</v>
      </c>
      <c r="AQ17378">
        <v>126</v>
      </c>
    </row>
    <row r="17379" spans="1:43">
      <c r="A17379" t="s">
        <v>10774</v>
      </c>
      <c r="B17379" t="s">
        <v>10775</v>
      </c>
      <c r="C17379" t="s">
        <v>10764</v>
      </c>
      <c r="D17379" t="s">
        <v>10765</v>
      </c>
      <c r="E17379" t="s">
        <v>10732</v>
      </c>
      <c r="F17379" t="s">
        <v>10733</v>
      </c>
      <c r="G17379" t="s">
        <v>10734</v>
      </c>
      <c r="H17379" t="s">
        <v>10735</v>
      </c>
      <c r="I17379" s="2">
        <v>1</v>
      </c>
      <c r="J17379" s="2">
        <v>0</v>
      </c>
      <c r="K17379" s="2">
        <v>0</v>
      </c>
      <c r="L17379" t="s">
        <v>120</v>
      </c>
      <c r="M17379" t="s">
        <v>87</v>
      </c>
      <c r="N17379" t="s">
        <v>88</v>
      </c>
      <c r="O17379" t="s">
        <v>85</v>
      </c>
      <c r="P17379" t="s">
        <v>86</v>
      </c>
      <c r="Q17379">
        <v>101</v>
      </c>
      <c r="R17379">
        <v>101</v>
      </c>
      <c r="S17379">
        <v>102</v>
      </c>
      <c r="T17379">
        <v>102</v>
      </c>
      <c r="U17379">
        <v>103</v>
      </c>
      <c r="V17379">
        <v>103</v>
      </c>
      <c r="W17379">
        <v>104</v>
      </c>
      <c r="X17379">
        <v>104</v>
      </c>
      <c r="Y17379">
        <v>105</v>
      </c>
      <c r="Z17379">
        <v>105</v>
      </c>
      <c r="AA17379">
        <v>106</v>
      </c>
      <c r="AB17379">
        <v>106</v>
      </c>
      <c r="AC17379">
        <v>106</v>
      </c>
      <c r="AD17379">
        <v>107</v>
      </c>
      <c r="AE17379">
        <v>107</v>
      </c>
      <c r="AF17379">
        <v>108</v>
      </c>
      <c r="AG17379">
        <v>108</v>
      </c>
      <c r="AH17379">
        <v>109</v>
      </c>
      <c r="AI17379">
        <v>109</v>
      </c>
      <c r="AJ17379">
        <v>110</v>
      </c>
      <c r="AK17379">
        <v>110</v>
      </c>
      <c r="AL17379">
        <v>110</v>
      </c>
      <c r="AM17379">
        <v>111</v>
      </c>
      <c r="AN17379">
        <v>111</v>
      </c>
      <c r="AO17379">
        <v>112</v>
      </c>
      <c r="AP17379">
        <v>112</v>
      </c>
      <c r="AQ17379">
        <v>113</v>
      </c>
    </row>
    <row r="17380" spans="1:43">
      <c r="A17380" t="s">
        <v>10774</v>
      </c>
      <c r="B17380" t="s">
        <v>10775</v>
      </c>
      <c r="C17380" t="s">
        <v>10764</v>
      </c>
      <c r="D17380" t="s">
        <v>10765</v>
      </c>
      <c r="E17380" t="s">
        <v>10732</v>
      </c>
      <c r="F17380" t="s">
        <v>10733</v>
      </c>
      <c r="G17380" t="s">
        <v>10734</v>
      </c>
      <c r="H17380" t="s">
        <v>10735</v>
      </c>
      <c r="I17380" s="2">
        <v>1</v>
      </c>
      <c r="J17380" s="2">
        <v>0</v>
      </c>
      <c r="K17380" s="2">
        <v>0</v>
      </c>
      <c r="L17380" t="s">
        <v>120</v>
      </c>
      <c r="M17380" t="s">
        <v>89</v>
      </c>
      <c r="N17380" t="s">
        <v>90</v>
      </c>
      <c r="O17380" t="s">
        <v>85</v>
      </c>
      <c r="P17380" t="s">
        <v>86</v>
      </c>
      <c r="Q17380">
        <v>101</v>
      </c>
      <c r="R17380">
        <v>103</v>
      </c>
      <c r="S17380">
        <v>105</v>
      </c>
      <c r="T17380">
        <v>108</v>
      </c>
      <c r="U17380">
        <v>110</v>
      </c>
      <c r="V17380">
        <v>111</v>
      </c>
      <c r="W17380">
        <v>113</v>
      </c>
      <c r="X17380">
        <v>115</v>
      </c>
      <c r="Y17380">
        <v>116</v>
      </c>
      <c r="Z17380">
        <v>118</v>
      </c>
      <c r="AA17380">
        <v>119</v>
      </c>
      <c r="AB17380">
        <v>121</v>
      </c>
      <c r="AC17380">
        <v>122</v>
      </c>
      <c r="AD17380">
        <v>124</v>
      </c>
      <c r="AE17380">
        <v>125</v>
      </c>
      <c r="AF17380">
        <v>125</v>
      </c>
      <c r="AG17380">
        <v>125</v>
      </c>
      <c r="AH17380">
        <v>125</v>
      </c>
      <c r="AI17380">
        <v>125</v>
      </c>
      <c r="AJ17380">
        <v>125</v>
      </c>
      <c r="AK17380">
        <v>126</v>
      </c>
      <c r="AL17380">
        <v>126</v>
      </c>
      <c r="AM17380">
        <v>126</v>
      </c>
      <c r="AN17380">
        <v>126</v>
      </c>
      <c r="AO17380">
        <v>126</v>
      </c>
      <c r="AP17380">
        <v>126</v>
      </c>
      <c r="AQ17380">
        <v>126</v>
      </c>
    </row>
    <row r="17381" spans="1:43">
      <c r="A17381" t="s">
        <v>10774</v>
      </c>
      <c r="B17381" t="s">
        <v>10775</v>
      </c>
      <c r="C17381" t="s">
        <v>10764</v>
      </c>
      <c r="D17381" t="s">
        <v>10765</v>
      </c>
      <c r="E17381" t="s">
        <v>10732</v>
      </c>
      <c r="F17381" t="s">
        <v>10733</v>
      </c>
      <c r="G17381" t="s">
        <v>10734</v>
      </c>
      <c r="H17381" t="s">
        <v>10735</v>
      </c>
      <c r="I17381" s="2">
        <v>1</v>
      </c>
      <c r="J17381" s="2">
        <v>0</v>
      </c>
      <c r="K17381" s="2">
        <v>0</v>
      </c>
      <c r="L17381" t="s">
        <v>120</v>
      </c>
      <c r="M17381" t="s">
        <v>83</v>
      </c>
      <c r="N17381" t="s">
        <v>91</v>
      </c>
      <c r="O17381" t="s">
        <v>85</v>
      </c>
      <c r="P17381" t="s">
        <v>86</v>
      </c>
      <c r="Q17381">
        <v>101</v>
      </c>
      <c r="R17381">
        <v>102</v>
      </c>
      <c r="S17381">
        <v>104</v>
      </c>
      <c r="T17381">
        <v>105</v>
      </c>
      <c r="U17381">
        <v>107</v>
      </c>
      <c r="V17381">
        <v>108</v>
      </c>
      <c r="W17381">
        <v>109</v>
      </c>
      <c r="X17381">
        <v>111</v>
      </c>
      <c r="Y17381">
        <v>112</v>
      </c>
      <c r="Z17381">
        <v>113</v>
      </c>
      <c r="AA17381">
        <v>114</v>
      </c>
      <c r="AB17381">
        <v>115</v>
      </c>
      <c r="AC17381">
        <v>116</v>
      </c>
      <c r="AD17381">
        <v>117</v>
      </c>
      <c r="AE17381">
        <v>119</v>
      </c>
      <c r="AF17381">
        <v>120</v>
      </c>
      <c r="AG17381">
        <v>121</v>
      </c>
      <c r="AH17381">
        <v>122</v>
      </c>
      <c r="AI17381">
        <v>123</v>
      </c>
      <c r="AJ17381">
        <v>124</v>
      </c>
      <c r="AK17381">
        <v>125</v>
      </c>
      <c r="AL17381">
        <v>126</v>
      </c>
      <c r="AM17381">
        <v>126</v>
      </c>
      <c r="AN17381">
        <v>126</v>
      </c>
      <c r="AO17381">
        <v>126</v>
      </c>
      <c r="AP17381">
        <v>126</v>
      </c>
      <c r="AQ17381">
        <v>126</v>
      </c>
    </row>
    <row r="17382" spans="1:43">
      <c r="A17382" t="s">
        <v>10776</v>
      </c>
      <c r="B17382" t="s">
        <v>10777</v>
      </c>
      <c r="C17382" t="s">
        <v>10778</v>
      </c>
      <c r="D17382" t="s">
        <v>10779</v>
      </c>
      <c r="E17382" t="s">
        <v>10732</v>
      </c>
      <c r="F17382" t="s">
        <v>10733</v>
      </c>
      <c r="G17382" t="s">
        <v>10734</v>
      </c>
      <c r="H17382" t="s">
        <v>10735</v>
      </c>
      <c r="I17382" s="2">
        <v>1</v>
      </c>
      <c r="J17382" s="2">
        <v>0</v>
      </c>
      <c r="K17382" s="2">
        <v>0</v>
      </c>
      <c r="L17382" t="s">
        <v>120</v>
      </c>
      <c r="M17382" t="s">
        <v>83</v>
      </c>
      <c r="N17382" t="s">
        <v>84</v>
      </c>
      <c r="O17382" t="s">
        <v>85</v>
      </c>
      <c r="P17382" t="s">
        <v>86</v>
      </c>
      <c r="Q17382">
        <v>11</v>
      </c>
      <c r="R17382">
        <v>11</v>
      </c>
      <c r="S17382">
        <v>11</v>
      </c>
      <c r="T17382">
        <v>11</v>
      </c>
      <c r="U17382">
        <v>11</v>
      </c>
      <c r="V17382">
        <v>12</v>
      </c>
      <c r="W17382">
        <v>12</v>
      </c>
      <c r="X17382">
        <v>12</v>
      </c>
      <c r="Y17382">
        <v>12</v>
      </c>
      <c r="Z17382">
        <v>12</v>
      </c>
      <c r="AA17382">
        <v>12</v>
      </c>
      <c r="AB17382">
        <v>12</v>
      </c>
      <c r="AC17382">
        <v>13</v>
      </c>
      <c r="AD17382">
        <v>13</v>
      </c>
      <c r="AE17382">
        <v>13</v>
      </c>
      <c r="AF17382">
        <v>13</v>
      </c>
      <c r="AG17382">
        <v>13</v>
      </c>
      <c r="AH17382">
        <v>13</v>
      </c>
      <c r="AI17382">
        <v>13</v>
      </c>
      <c r="AJ17382">
        <v>13</v>
      </c>
      <c r="AK17382">
        <v>14</v>
      </c>
      <c r="AL17382">
        <v>14</v>
      </c>
      <c r="AM17382">
        <v>14</v>
      </c>
      <c r="AN17382">
        <v>14</v>
      </c>
      <c r="AO17382">
        <v>14</v>
      </c>
      <c r="AP17382">
        <v>14</v>
      </c>
      <c r="AQ17382">
        <v>14</v>
      </c>
    </row>
    <row r="17383" spans="1:43">
      <c r="A17383" t="s">
        <v>10776</v>
      </c>
      <c r="B17383" t="s">
        <v>10777</v>
      </c>
      <c r="C17383" t="s">
        <v>10778</v>
      </c>
      <c r="D17383" t="s">
        <v>10779</v>
      </c>
      <c r="E17383" t="s">
        <v>10732</v>
      </c>
      <c r="F17383" t="s">
        <v>10733</v>
      </c>
      <c r="G17383" t="s">
        <v>10734</v>
      </c>
      <c r="H17383" t="s">
        <v>10735</v>
      </c>
      <c r="I17383" s="2">
        <v>1</v>
      </c>
      <c r="J17383" s="2">
        <v>0</v>
      </c>
      <c r="K17383" s="2">
        <v>0</v>
      </c>
      <c r="L17383" t="s">
        <v>120</v>
      </c>
      <c r="M17383" t="s">
        <v>87</v>
      </c>
      <c r="N17383" t="s">
        <v>88</v>
      </c>
      <c r="O17383" t="s">
        <v>85</v>
      </c>
      <c r="P17383" t="s">
        <v>86</v>
      </c>
      <c r="Q17383">
        <v>11</v>
      </c>
      <c r="R17383">
        <v>11</v>
      </c>
      <c r="S17383">
        <v>11</v>
      </c>
      <c r="T17383">
        <v>11</v>
      </c>
      <c r="U17383">
        <v>11</v>
      </c>
      <c r="V17383">
        <v>11</v>
      </c>
      <c r="W17383">
        <v>11</v>
      </c>
      <c r="X17383">
        <v>11</v>
      </c>
      <c r="Y17383">
        <v>11</v>
      </c>
      <c r="Z17383">
        <v>11</v>
      </c>
      <c r="AA17383">
        <v>11</v>
      </c>
      <c r="AB17383">
        <v>11</v>
      </c>
      <c r="AC17383">
        <v>11</v>
      </c>
      <c r="AD17383">
        <v>11</v>
      </c>
      <c r="AE17383">
        <v>11</v>
      </c>
      <c r="AF17383">
        <v>11</v>
      </c>
      <c r="AG17383">
        <v>11</v>
      </c>
      <c r="AH17383">
        <v>12</v>
      </c>
      <c r="AI17383">
        <v>12</v>
      </c>
      <c r="AJ17383">
        <v>12</v>
      </c>
      <c r="AK17383">
        <v>12</v>
      </c>
      <c r="AL17383">
        <v>12</v>
      </c>
      <c r="AM17383">
        <v>12</v>
      </c>
      <c r="AN17383">
        <v>12</v>
      </c>
      <c r="AO17383">
        <v>12</v>
      </c>
      <c r="AP17383">
        <v>12</v>
      </c>
      <c r="AQ17383">
        <v>12</v>
      </c>
    </row>
    <row r="17384" spans="1:43">
      <c r="A17384" t="s">
        <v>10776</v>
      </c>
      <c r="B17384" t="s">
        <v>10777</v>
      </c>
      <c r="C17384" t="s">
        <v>10778</v>
      </c>
      <c r="D17384" t="s">
        <v>10779</v>
      </c>
      <c r="E17384" t="s">
        <v>10732</v>
      </c>
      <c r="F17384" t="s">
        <v>10733</v>
      </c>
      <c r="G17384" t="s">
        <v>10734</v>
      </c>
      <c r="H17384" t="s">
        <v>10735</v>
      </c>
      <c r="I17384" s="2">
        <v>1</v>
      </c>
      <c r="J17384" s="2">
        <v>0</v>
      </c>
      <c r="K17384" s="2">
        <v>0</v>
      </c>
      <c r="L17384" t="s">
        <v>120</v>
      </c>
      <c r="M17384" t="s">
        <v>89</v>
      </c>
      <c r="N17384" t="s">
        <v>90</v>
      </c>
      <c r="O17384" t="s">
        <v>85</v>
      </c>
      <c r="P17384" t="s">
        <v>86</v>
      </c>
      <c r="Q17384">
        <v>11</v>
      </c>
      <c r="R17384">
        <v>11</v>
      </c>
      <c r="S17384">
        <v>11</v>
      </c>
      <c r="T17384">
        <v>12</v>
      </c>
      <c r="U17384">
        <v>12</v>
      </c>
      <c r="V17384">
        <v>12</v>
      </c>
      <c r="W17384">
        <v>12</v>
      </c>
      <c r="X17384">
        <v>12</v>
      </c>
      <c r="Y17384">
        <v>13</v>
      </c>
      <c r="Z17384">
        <v>13</v>
      </c>
      <c r="AA17384">
        <v>13</v>
      </c>
      <c r="AB17384">
        <v>13</v>
      </c>
      <c r="AC17384">
        <v>13</v>
      </c>
      <c r="AD17384">
        <v>14</v>
      </c>
      <c r="AE17384">
        <v>14</v>
      </c>
      <c r="AF17384">
        <v>14</v>
      </c>
      <c r="AG17384">
        <v>14</v>
      </c>
      <c r="AH17384">
        <v>14</v>
      </c>
      <c r="AI17384">
        <v>14</v>
      </c>
      <c r="AJ17384">
        <v>14</v>
      </c>
      <c r="AK17384">
        <v>14</v>
      </c>
      <c r="AL17384">
        <v>14</v>
      </c>
      <c r="AM17384">
        <v>14</v>
      </c>
      <c r="AN17384">
        <v>14</v>
      </c>
      <c r="AO17384">
        <v>14</v>
      </c>
      <c r="AP17384">
        <v>14</v>
      </c>
      <c r="AQ17384">
        <v>14</v>
      </c>
    </row>
    <row r="17385" spans="1:43">
      <c r="A17385" t="s">
        <v>10776</v>
      </c>
      <c r="B17385" t="s">
        <v>10777</v>
      </c>
      <c r="C17385" t="s">
        <v>10778</v>
      </c>
      <c r="D17385" t="s">
        <v>10779</v>
      </c>
      <c r="E17385" t="s">
        <v>10732</v>
      </c>
      <c r="F17385" t="s">
        <v>10733</v>
      </c>
      <c r="G17385" t="s">
        <v>10734</v>
      </c>
      <c r="H17385" t="s">
        <v>10735</v>
      </c>
      <c r="I17385" s="2">
        <v>1</v>
      </c>
      <c r="J17385" s="2">
        <v>0</v>
      </c>
      <c r="K17385" s="2">
        <v>0</v>
      </c>
      <c r="L17385" t="s">
        <v>120</v>
      </c>
      <c r="M17385" t="s">
        <v>83</v>
      </c>
      <c r="N17385" t="s">
        <v>91</v>
      </c>
      <c r="O17385" t="s">
        <v>85</v>
      </c>
      <c r="P17385" t="s">
        <v>86</v>
      </c>
      <c r="Q17385">
        <v>11</v>
      </c>
      <c r="R17385">
        <v>11</v>
      </c>
      <c r="S17385">
        <v>11</v>
      </c>
      <c r="T17385">
        <v>11</v>
      </c>
      <c r="U17385">
        <v>11</v>
      </c>
      <c r="V17385">
        <v>12</v>
      </c>
      <c r="W17385">
        <v>12</v>
      </c>
      <c r="X17385">
        <v>12</v>
      </c>
      <c r="Y17385">
        <v>12</v>
      </c>
      <c r="Z17385">
        <v>12</v>
      </c>
      <c r="AA17385">
        <v>12</v>
      </c>
      <c r="AB17385">
        <v>12</v>
      </c>
      <c r="AC17385">
        <v>13</v>
      </c>
      <c r="AD17385">
        <v>13</v>
      </c>
      <c r="AE17385">
        <v>13</v>
      </c>
      <c r="AF17385">
        <v>13</v>
      </c>
      <c r="AG17385">
        <v>13</v>
      </c>
      <c r="AH17385">
        <v>13</v>
      </c>
      <c r="AI17385">
        <v>13</v>
      </c>
      <c r="AJ17385">
        <v>13</v>
      </c>
      <c r="AK17385">
        <v>14</v>
      </c>
      <c r="AL17385">
        <v>14</v>
      </c>
      <c r="AM17385">
        <v>14</v>
      </c>
      <c r="AN17385">
        <v>14</v>
      </c>
      <c r="AO17385">
        <v>14</v>
      </c>
      <c r="AP17385">
        <v>14</v>
      </c>
      <c r="AQ17385">
        <v>14</v>
      </c>
    </row>
    <row r="17386" spans="1:43">
      <c r="A17386" t="s">
        <v>10780</v>
      </c>
      <c r="B17386" t="s">
        <v>10781</v>
      </c>
      <c r="C17386" t="s">
        <v>10778</v>
      </c>
      <c r="D17386" t="s">
        <v>10779</v>
      </c>
      <c r="E17386" t="s">
        <v>10732</v>
      </c>
      <c r="F17386" t="s">
        <v>10733</v>
      </c>
      <c r="G17386" t="s">
        <v>10734</v>
      </c>
      <c r="H17386" t="s">
        <v>10735</v>
      </c>
      <c r="I17386" s="2">
        <v>1</v>
      </c>
      <c r="J17386" s="2">
        <v>0</v>
      </c>
      <c r="K17386" s="2">
        <v>0</v>
      </c>
      <c r="L17386" t="s">
        <v>120</v>
      </c>
      <c r="M17386" t="s">
        <v>83</v>
      </c>
      <c r="N17386" t="s">
        <v>84</v>
      </c>
      <c r="O17386" t="s">
        <v>85</v>
      </c>
      <c r="P17386" t="s">
        <v>86</v>
      </c>
      <c r="Q17386">
        <v>42</v>
      </c>
      <c r="R17386">
        <v>43</v>
      </c>
      <c r="S17386">
        <v>44</v>
      </c>
      <c r="T17386">
        <v>44</v>
      </c>
      <c r="U17386">
        <v>45</v>
      </c>
      <c r="V17386">
        <v>45</v>
      </c>
      <c r="W17386">
        <v>46</v>
      </c>
      <c r="X17386">
        <v>46</v>
      </c>
      <c r="Y17386">
        <v>47</v>
      </c>
      <c r="Z17386">
        <v>47</v>
      </c>
      <c r="AA17386">
        <v>48</v>
      </c>
      <c r="AB17386">
        <v>49</v>
      </c>
      <c r="AC17386">
        <v>49</v>
      </c>
      <c r="AD17386">
        <v>50</v>
      </c>
      <c r="AE17386">
        <v>50</v>
      </c>
      <c r="AF17386">
        <v>51</v>
      </c>
      <c r="AG17386">
        <v>51</v>
      </c>
      <c r="AH17386">
        <v>52</v>
      </c>
      <c r="AI17386">
        <v>52</v>
      </c>
      <c r="AJ17386">
        <v>53</v>
      </c>
      <c r="AK17386">
        <v>53</v>
      </c>
      <c r="AL17386">
        <v>53</v>
      </c>
      <c r="AM17386">
        <v>53</v>
      </c>
      <c r="AN17386">
        <v>54</v>
      </c>
      <c r="AO17386">
        <v>54</v>
      </c>
      <c r="AP17386">
        <v>54</v>
      </c>
      <c r="AQ17386">
        <v>54</v>
      </c>
    </row>
    <row r="17387" spans="1:43">
      <c r="A17387" t="s">
        <v>10780</v>
      </c>
      <c r="B17387" t="s">
        <v>10781</v>
      </c>
      <c r="C17387" t="s">
        <v>10778</v>
      </c>
      <c r="D17387" t="s">
        <v>10779</v>
      </c>
      <c r="E17387" t="s">
        <v>10732</v>
      </c>
      <c r="F17387" t="s">
        <v>10733</v>
      </c>
      <c r="G17387" t="s">
        <v>10734</v>
      </c>
      <c r="H17387" t="s">
        <v>10735</v>
      </c>
      <c r="I17387" s="2">
        <v>1</v>
      </c>
      <c r="J17387" s="2">
        <v>0</v>
      </c>
      <c r="K17387" s="2">
        <v>0</v>
      </c>
      <c r="L17387" t="s">
        <v>120</v>
      </c>
      <c r="M17387" t="s">
        <v>87</v>
      </c>
      <c r="N17387" t="s">
        <v>88</v>
      </c>
      <c r="O17387" t="s">
        <v>85</v>
      </c>
      <c r="P17387" t="s">
        <v>86</v>
      </c>
      <c r="Q17387">
        <v>42</v>
      </c>
      <c r="R17387">
        <v>42</v>
      </c>
      <c r="S17387">
        <v>42</v>
      </c>
      <c r="T17387">
        <v>42</v>
      </c>
      <c r="U17387">
        <v>43</v>
      </c>
      <c r="V17387">
        <v>43</v>
      </c>
      <c r="W17387">
        <v>43</v>
      </c>
      <c r="X17387">
        <v>43</v>
      </c>
      <c r="Y17387">
        <v>43</v>
      </c>
      <c r="Z17387">
        <v>44</v>
      </c>
      <c r="AA17387">
        <v>44</v>
      </c>
      <c r="AB17387">
        <v>44</v>
      </c>
      <c r="AC17387">
        <v>44</v>
      </c>
      <c r="AD17387">
        <v>44</v>
      </c>
      <c r="AE17387">
        <v>44</v>
      </c>
      <c r="AF17387">
        <v>45</v>
      </c>
      <c r="AG17387">
        <v>45</v>
      </c>
      <c r="AH17387">
        <v>45</v>
      </c>
      <c r="AI17387">
        <v>45</v>
      </c>
      <c r="AJ17387">
        <v>45</v>
      </c>
      <c r="AK17387">
        <v>46</v>
      </c>
      <c r="AL17387">
        <v>46</v>
      </c>
      <c r="AM17387">
        <v>46</v>
      </c>
      <c r="AN17387">
        <v>46</v>
      </c>
      <c r="AO17387">
        <v>46</v>
      </c>
      <c r="AP17387">
        <v>46</v>
      </c>
      <c r="AQ17387">
        <v>47</v>
      </c>
    </row>
    <row r="17388" spans="1:43">
      <c r="A17388" t="s">
        <v>10780</v>
      </c>
      <c r="B17388" t="s">
        <v>10781</v>
      </c>
      <c r="C17388" t="s">
        <v>10778</v>
      </c>
      <c r="D17388" t="s">
        <v>10779</v>
      </c>
      <c r="E17388" t="s">
        <v>10732</v>
      </c>
      <c r="F17388" t="s">
        <v>10733</v>
      </c>
      <c r="G17388" t="s">
        <v>10734</v>
      </c>
      <c r="H17388" t="s">
        <v>10735</v>
      </c>
      <c r="I17388" s="2">
        <v>1</v>
      </c>
      <c r="J17388" s="2">
        <v>0</v>
      </c>
      <c r="K17388" s="2">
        <v>0</v>
      </c>
      <c r="L17388" t="s">
        <v>120</v>
      </c>
      <c r="M17388" t="s">
        <v>89</v>
      </c>
      <c r="N17388" t="s">
        <v>90</v>
      </c>
      <c r="O17388" t="s">
        <v>85</v>
      </c>
      <c r="P17388" t="s">
        <v>86</v>
      </c>
      <c r="Q17388">
        <v>42</v>
      </c>
      <c r="R17388">
        <v>43</v>
      </c>
      <c r="S17388">
        <v>44</v>
      </c>
      <c r="T17388">
        <v>45</v>
      </c>
      <c r="U17388">
        <v>45</v>
      </c>
      <c r="V17388">
        <v>46</v>
      </c>
      <c r="W17388">
        <v>47</v>
      </c>
      <c r="X17388">
        <v>48</v>
      </c>
      <c r="Y17388">
        <v>49</v>
      </c>
      <c r="Z17388">
        <v>49</v>
      </c>
      <c r="AA17388">
        <v>50</v>
      </c>
      <c r="AB17388">
        <v>51</v>
      </c>
      <c r="AC17388">
        <v>52</v>
      </c>
      <c r="AD17388">
        <v>52</v>
      </c>
      <c r="AE17388">
        <v>53</v>
      </c>
      <c r="AF17388">
        <v>53</v>
      </c>
      <c r="AG17388">
        <v>53</v>
      </c>
      <c r="AH17388">
        <v>53</v>
      </c>
      <c r="AI17388">
        <v>53</v>
      </c>
      <c r="AJ17388">
        <v>53</v>
      </c>
      <c r="AK17388">
        <v>53</v>
      </c>
      <c r="AL17388">
        <v>53</v>
      </c>
      <c r="AM17388">
        <v>53</v>
      </c>
      <c r="AN17388">
        <v>53</v>
      </c>
      <c r="AO17388">
        <v>53</v>
      </c>
      <c r="AP17388">
        <v>53</v>
      </c>
      <c r="AQ17388">
        <v>53</v>
      </c>
    </row>
    <row r="17389" spans="1:43">
      <c r="A17389" t="s">
        <v>10780</v>
      </c>
      <c r="B17389" t="s">
        <v>10781</v>
      </c>
      <c r="C17389" t="s">
        <v>10778</v>
      </c>
      <c r="D17389" t="s">
        <v>10779</v>
      </c>
      <c r="E17389" t="s">
        <v>10732</v>
      </c>
      <c r="F17389" t="s">
        <v>10733</v>
      </c>
      <c r="G17389" t="s">
        <v>10734</v>
      </c>
      <c r="H17389" t="s">
        <v>10735</v>
      </c>
      <c r="I17389" s="2">
        <v>1</v>
      </c>
      <c r="J17389" s="2">
        <v>0</v>
      </c>
      <c r="K17389" s="2">
        <v>0</v>
      </c>
      <c r="L17389" t="s">
        <v>120</v>
      </c>
      <c r="M17389" t="s">
        <v>83</v>
      </c>
      <c r="N17389" t="s">
        <v>91</v>
      </c>
      <c r="O17389" t="s">
        <v>85</v>
      </c>
      <c r="P17389" t="s">
        <v>86</v>
      </c>
      <c r="Q17389">
        <v>42</v>
      </c>
      <c r="R17389">
        <v>43</v>
      </c>
      <c r="S17389">
        <v>44</v>
      </c>
      <c r="T17389">
        <v>44</v>
      </c>
      <c r="U17389">
        <v>45</v>
      </c>
      <c r="V17389">
        <v>45</v>
      </c>
      <c r="W17389">
        <v>46</v>
      </c>
      <c r="X17389">
        <v>46</v>
      </c>
      <c r="Y17389">
        <v>47</v>
      </c>
      <c r="Z17389">
        <v>47</v>
      </c>
      <c r="AA17389">
        <v>48</v>
      </c>
      <c r="AB17389">
        <v>49</v>
      </c>
      <c r="AC17389">
        <v>49</v>
      </c>
      <c r="AD17389">
        <v>50</v>
      </c>
      <c r="AE17389">
        <v>50</v>
      </c>
      <c r="AF17389">
        <v>51</v>
      </c>
      <c r="AG17389">
        <v>51</v>
      </c>
      <c r="AH17389">
        <v>52</v>
      </c>
      <c r="AI17389">
        <v>52</v>
      </c>
      <c r="AJ17389">
        <v>53</v>
      </c>
      <c r="AK17389">
        <v>53</v>
      </c>
      <c r="AL17389">
        <v>53</v>
      </c>
      <c r="AM17389">
        <v>53</v>
      </c>
      <c r="AN17389">
        <v>54</v>
      </c>
      <c r="AO17389">
        <v>54</v>
      </c>
      <c r="AP17389">
        <v>54</v>
      </c>
      <c r="AQ17389">
        <v>54</v>
      </c>
    </row>
    <row r="17390" spans="1:43">
      <c r="A17390" t="s">
        <v>10782</v>
      </c>
      <c r="B17390" t="s">
        <v>10783</v>
      </c>
      <c r="C17390" t="s">
        <v>10778</v>
      </c>
      <c r="D17390" t="s">
        <v>10779</v>
      </c>
      <c r="E17390" t="s">
        <v>10732</v>
      </c>
      <c r="F17390" t="s">
        <v>10733</v>
      </c>
      <c r="G17390" t="s">
        <v>10734</v>
      </c>
      <c r="H17390" t="s">
        <v>10735</v>
      </c>
      <c r="I17390" s="2">
        <v>1</v>
      </c>
      <c r="J17390" s="2">
        <v>0</v>
      </c>
      <c r="K17390" s="2">
        <v>0</v>
      </c>
      <c r="L17390" t="s">
        <v>120</v>
      </c>
      <c r="M17390" t="s">
        <v>83</v>
      </c>
      <c r="N17390" t="s">
        <v>84</v>
      </c>
      <c r="O17390" t="s">
        <v>85</v>
      </c>
      <c r="P17390" t="s">
        <v>86</v>
      </c>
      <c r="Q17390">
        <v>16</v>
      </c>
      <c r="R17390">
        <v>16</v>
      </c>
      <c r="S17390">
        <v>16</v>
      </c>
      <c r="T17390">
        <v>16</v>
      </c>
      <c r="U17390">
        <v>16</v>
      </c>
      <c r="V17390">
        <v>17</v>
      </c>
      <c r="W17390">
        <v>17</v>
      </c>
      <c r="X17390">
        <v>17</v>
      </c>
      <c r="Y17390">
        <v>17</v>
      </c>
      <c r="Z17390">
        <v>18</v>
      </c>
      <c r="AA17390">
        <v>18</v>
      </c>
      <c r="AB17390">
        <v>18</v>
      </c>
      <c r="AC17390">
        <v>18</v>
      </c>
      <c r="AD17390">
        <v>18</v>
      </c>
      <c r="AE17390">
        <v>19</v>
      </c>
      <c r="AF17390">
        <v>19</v>
      </c>
      <c r="AG17390">
        <v>19</v>
      </c>
      <c r="AH17390">
        <v>19</v>
      </c>
      <c r="AI17390">
        <v>19</v>
      </c>
      <c r="AJ17390">
        <v>19</v>
      </c>
      <c r="AK17390">
        <v>20</v>
      </c>
      <c r="AL17390">
        <v>20</v>
      </c>
      <c r="AM17390">
        <v>20</v>
      </c>
      <c r="AN17390">
        <v>20</v>
      </c>
      <c r="AO17390">
        <v>20</v>
      </c>
      <c r="AP17390">
        <v>20</v>
      </c>
      <c r="AQ17390">
        <v>20</v>
      </c>
    </row>
    <row r="17391" spans="1:43">
      <c r="A17391" t="s">
        <v>10782</v>
      </c>
      <c r="B17391" t="s">
        <v>10783</v>
      </c>
      <c r="C17391" t="s">
        <v>10778</v>
      </c>
      <c r="D17391" t="s">
        <v>10779</v>
      </c>
      <c r="E17391" t="s">
        <v>10732</v>
      </c>
      <c r="F17391" t="s">
        <v>10733</v>
      </c>
      <c r="G17391" t="s">
        <v>10734</v>
      </c>
      <c r="H17391" t="s">
        <v>10735</v>
      </c>
      <c r="I17391" s="2">
        <v>1</v>
      </c>
      <c r="J17391" s="2">
        <v>0</v>
      </c>
      <c r="K17391" s="2">
        <v>0</v>
      </c>
      <c r="L17391" t="s">
        <v>120</v>
      </c>
      <c r="M17391" t="s">
        <v>87</v>
      </c>
      <c r="N17391" t="s">
        <v>88</v>
      </c>
      <c r="O17391" t="s">
        <v>85</v>
      </c>
      <c r="P17391" t="s">
        <v>86</v>
      </c>
      <c r="Q17391">
        <v>16</v>
      </c>
      <c r="R17391">
        <v>17</v>
      </c>
      <c r="S17391">
        <v>17</v>
      </c>
      <c r="T17391">
        <v>17</v>
      </c>
      <c r="U17391">
        <v>17</v>
      </c>
      <c r="V17391">
        <v>17</v>
      </c>
      <c r="W17391">
        <v>17</v>
      </c>
      <c r="X17391">
        <v>17</v>
      </c>
      <c r="Y17391">
        <v>17</v>
      </c>
      <c r="Z17391">
        <v>17</v>
      </c>
      <c r="AA17391">
        <v>17</v>
      </c>
      <c r="AB17391">
        <v>17</v>
      </c>
      <c r="AC17391">
        <v>17</v>
      </c>
      <c r="AD17391">
        <v>17</v>
      </c>
      <c r="AE17391">
        <v>17</v>
      </c>
      <c r="AF17391">
        <v>17</v>
      </c>
      <c r="AG17391">
        <v>18</v>
      </c>
      <c r="AH17391">
        <v>18</v>
      </c>
      <c r="AI17391">
        <v>18</v>
      </c>
      <c r="AJ17391">
        <v>18</v>
      </c>
      <c r="AK17391">
        <v>18</v>
      </c>
      <c r="AL17391">
        <v>18</v>
      </c>
      <c r="AM17391">
        <v>18</v>
      </c>
      <c r="AN17391">
        <v>18</v>
      </c>
      <c r="AO17391">
        <v>18</v>
      </c>
      <c r="AP17391">
        <v>18</v>
      </c>
      <c r="AQ17391">
        <v>18</v>
      </c>
    </row>
    <row r="17392" spans="1:43">
      <c r="A17392" t="s">
        <v>10782</v>
      </c>
      <c r="B17392" t="s">
        <v>10783</v>
      </c>
      <c r="C17392" t="s">
        <v>10778</v>
      </c>
      <c r="D17392" t="s">
        <v>10779</v>
      </c>
      <c r="E17392" t="s">
        <v>10732</v>
      </c>
      <c r="F17392" t="s">
        <v>10733</v>
      </c>
      <c r="G17392" t="s">
        <v>10734</v>
      </c>
      <c r="H17392" t="s">
        <v>10735</v>
      </c>
      <c r="I17392" s="2">
        <v>1</v>
      </c>
      <c r="J17392" s="2">
        <v>0</v>
      </c>
      <c r="K17392" s="2">
        <v>0</v>
      </c>
      <c r="L17392" t="s">
        <v>120</v>
      </c>
      <c r="M17392" t="s">
        <v>89</v>
      </c>
      <c r="N17392" t="s">
        <v>90</v>
      </c>
      <c r="O17392" t="s">
        <v>85</v>
      </c>
      <c r="P17392" t="s">
        <v>86</v>
      </c>
      <c r="Q17392">
        <v>16</v>
      </c>
      <c r="R17392">
        <v>16</v>
      </c>
      <c r="S17392">
        <v>16</v>
      </c>
      <c r="T17392">
        <v>17</v>
      </c>
      <c r="U17392">
        <v>17</v>
      </c>
      <c r="V17392">
        <v>17</v>
      </c>
      <c r="W17392">
        <v>18</v>
      </c>
      <c r="X17392">
        <v>18</v>
      </c>
      <c r="Y17392">
        <v>18</v>
      </c>
      <c r="Z17392">
        <v>19</v>
      </c>
      <c r="AA17392">
        <v>19</v>
      </c>
      <c r="AB17392">
        <v>19</v>
      </c>
      <c r="AC17392">
        <v>19</v>
      </c>
      <c r="AD17392">
        <v>20</v>
      </c>
      <c r="AE17392">
        <v>20</v>
      </c>
      <c r="AF17392">
        <v>20</v>
      </c>
      <c r="AG17392">
        <v>20</v>
      </c>
      <c r="AH17392">
        <v>20</v>
      </c>
      <c r="AI17392">
        <v>20</v>
      </c>
      <c r="AJ17392">
        <v>20</v>
      </c>
      <c r="AK17392">
        <v>20</v>
      </c>
      <c r="AL17392">
        <v>20</v>
      </c>
      <c r="AM17392">
        <v>20</v>
      </c>
      <c r="AN17392">
        <v>20</v>
      </c>
      <c r="AO17392">
        <v>20</v>
      </c>
      <c r="AP17392">
        <v>20</v>
      </c>
      <c r="AQ17392">
        <v>20</v>
      </c>
    </row>
    <row r="17393" spans="1:43">
      <c r="A17393" t="s">
        <v>10782</v>
      </c>
      <c r="B17393" t="s">
        <v>10783</v>
      </c>
      <c r="C17393" t="s">
        <v>10778</v>
      </c>
      <c r="D17393" t="s">
        <v>10779</v>
      </c>
      <c r="E17393" t="s">
        <v>10732</v>
      </c>
      <c r="F17393" t="s">
        <v>10733</v>
      </c>
      <c r="G17393" t="s">
        <v>10734</v>
      </c>
      <c r="H17393" t="s">
        <v>10735</v>
      </c>
      <c r="I17393" s="2">
        <v>1</v>
      </c>
      <c r="J17393" s="2">
        <v>0</v>
      </c>
      <c r="K17393" s="2">
        <v>0</v>
      </c>
      <c r="L17393" t="s">
        <v>120</v>
      </c>
      <c r="M17393" t="s">
        <v>83</v>
      </c>
      <c r="N17393" t="s">
        <v>91</v>
      </c>
      <c r="O17393" t="s">
        <v>85</v>
      </c>
      <c r="P17393" t="s">
        <v>86</v>
      </c>
      <c r="Q17393">
        <v>16</v>
      </c>
      <c r="R17393">
        <v>16</v>
      </c>
      <c r="S17393">
        <v>16</v>
      </c>
      <c r="T17393">
        <v>16</v>
      </c>
      <c r="U17393">
        <v>16</v>
      </c>
      <c r="V17393">
        <v>17</v>
      </c>
      <c r="W17393">
        <v>17</v>
      </c>
      <c r="X17393">
        <v>17</v>
      </c>
      <c r="Y17393">
        <v>17</v>
      </c>
      <c r="Z17393">
        <v>18</v>
      </c>
      <c r="AA17393">
        <v>18</v>
      </c>
      <c r="AB17393">
        <v>18</v>
      </c>
      <c r="AC17393">
        <v>18</v>
      </c>
      <c r="AD17393">
        <v>18</v>
      </c>
      <c r="AE17393">
        <v>19</v>
      </c>
      <c r="AF17393">
        <v>19</v>
      </c>
      <c r="AG17393">
        <v>19</v>
      </c>
      <c r="AH17393">
        <v>19</v>
      </c>
      <c r="AI17393">
        <v>19</v>
      </c>
      <c r="AJ17393">
        <v>19</v>
      </c>
      <c r="AK17393">
        <v>20</v>
      </c>
      <c r="AL17393">
        <v>20</v>
      </c>
      <c r="AM17393">
        <v>20</v>
      </c>
      <c r="AN17393">
        <v>20</v>
      </c>
      <c r="AO17393">
        <v>20</v>
      </c>
      <c r="AP17393">
        <v>20</v>
      </c>
      <c r="AQ17393">
        <v>20</v>
      </c>
    </row>
    <row r="17394" spans="1:43">
      <c r="A17394" t="s">
        <v>10784</v>
      </c>
      <c r="B17394" t="s">
        <v>10785</v>
      </c>
      <c r="C17394" t="s">
        <v>10778</v>
      </c>
      <c r="D17394" t="s">
        <v>10779</v>
      </c>
      <c r="E17394" t="s">
        <v>10732</v>
      </c>
      <c r="F17394" t="s">
        <v>10733</v>
      </c>
      <c r="G17394" t="s">
        <v>10734</v>
      </c>
      <c r="H17394" t="s">
        <v>10735</v>
      </c>
      <c r="I17394" s="2">
        <v>1</v>
      </c>
      <c r="J17394" s="2">
        <v>0</v>
      </c>
      <c r="K17394" s="2">
        <v>0</v>
      </c>
      <c r="L17394" t="s">
        <v>120</v>
      </c>
      <c r="M17394" t="s">
        <v>83</v>
      </c>
      <c r="N17394" t="s">
        <v>84</v>
      </c>
      <c r="O17394" t="s">
        <v>85</v>
      </c>
      <c r="P17394" t="s">
        <v>86</v>
      </c>
      <c r="Q17394">
        <v>10</v>
      </c>
      <c r="R17394">
        <v>10</v>
      </c>
      <c r="S17394">
        <v>10</v>
      </c>
      <c r="T17394">
        <v>10</v>
      </c>
      <c r="U17394">
        <v>10</v>
      </c>
      <c r="V17394">
        <v>10</v>
      </c>
      <c r="W17394">
        <v>11</v>
      </c>
      <c r="X17394">
        <v>11</v>
      </c>
      <c r="Y17394">
        <v>11</v>
      </c>
      <c r="Z17394">
        <v>11</v>
      </c>
      <c r="AA17394">
        <v>11</v>
      </c>
      <c r="AB17394">
        <v>11</v>
      </c>
      <c r="AC17394">
        <v>11</v>
      </c>
      <c r="AD17394">
        <v>11</v>
      </c>
      <c r="AE17394">
        <v>12</v>
      </c>
      <c r="AF17394">
        <v>12</v>
      </c>
      <c r="AG17394">
        <v>12</v>
      </c>
      <c r="AH17394">
        <v>12</v>
      </c>
      <c r="AI17394">
        <v>12</v>
      </c>
      <c r="AJ17394">
        <v>12</v>
      </c>
      <c r="AK17394">
        <v>12</v>
      </c>
      <c r="AL17394">
        <v>12</v>
      </c>
      <c r="AM17394">
        <v>12</v>
      </c>
      <c r="AN17394">
        <v>12</v>
      </c>
      <c r="AO17394">
        <v>12</v>
      </c>
      <c r="AP17394">
        <v>12</v>
      </c>
      <c r="AQ17394">
        <v>12</v>
      </c>
    </row>
    <row r="17395" spans="1:43">
      <c r="A17395" t="s">
        <v>10784</v>
      </c>
      <c r="B17395" t="s">
        <v>10785</v>
      </c>
      <c r="C17395" t="s">
        <v>10778</v>
      </c>
      <c r="D17395" t="s">
        <v>10779</v>
      </c>
      <c r="E17395" t="s">
        <v>10732</v>
      </c>
      <c r="F17395" t="s">
        <v>10733</v>
      </c>
      <c r="G17395" t="s">
        <v>10734</v>
      </c>
      <c r="H17395" t="s">
        <v>10735</v>
      </c>
      <c r="I17395" s="2">
        <v>1</v>
      </c>
      <c r="J17395" s="2">
        <v>0</v>
      </c>
      <c r="K17395" s="2">
        <v>0</v>
      </c>
      <c r="L17395" t="s">
        <v>120</v>
      </c>
      <c r="M17395" t="s">
        <v>87</v>
      </c>
      <c r="N17395" t="s">
        <v>88</v>
      </c>
      <c r="O17395" t="s">
        <v>85</v>
      </c>
      <c r="P17395" t="s">
        <v>86</v>
      </c>
      <c r="Q17395">
        <v>10</v>
      </c>
      <c r="R17395">
        <v>10</v>
      </c>
      <c r="S17395">
        <v>10</v>
      </c>
      <c r="T17395">
        <v>10</v>
      </c>
      <c r="U17395">
        <v>10</v>
      </c>
      <c r="V17395">
        <v>10</v>
      </c>
      <c r="W17395">
        <v>10</v>
      </c>
      <c r="X17395">
        <v>10</v>
      </c>
      <c r="Y17395">
        <v>10</v>
      </c>
      <c r="Z17395">
        <v>10</v>
      </c>
      <c r="AA17395">
        <v>10</v>
      </c>
      <c r="AB17395">
        <v>10</v>
      </c>
      <c r="AC17395">
        <v>10</v>
      </c>
      <c r="AD17395">
        <v>10</v>
      </c>
      <c r="AE17395">
        <v>10</v>
      </c>
      <c r="AF17395">
        <v>10</v>
      </c>
      <c r="AG17395">
        <v>10</v>
      </c>
      <c r="AH17395">
        <v>10</v>
      </c>
      <c r="AI17395">
        <v>10</v>
      </c>
      <c r="AJ17395">
        <v>10</v>
      </c>
      <c r="AK17395">
        <v>10</v>
      </c>
      <c r="AL17395">
        <v>11</v>
      </c>
      <c r="AM17395">
        <v>11</v>
      </c>
      <c r="AN17395">
        <v>11</v>
      </c>
      <c r="AO17395">
        <v>11</v>
      </c>
      <c r="AP17395">
        <v>11</v>
      </c>
      <c r="AQ17395">
        <v>11</v>
      </c>
    </row>
    <row r="17396" spans="1:43">
      <c r="A17396" t="s">
        <v>10784</v>
      </c>
      <c r="B17396" t="s">
        <v>10785</v>
      </c>
      <c r="C17396" t="s">
        <v>10778</v>
      </c>
      <c r="D17396" t="s">
        <v>10779</v>
      </c>
      <c r="E17396" t="s">
        <v>10732</v>
      </c>
      <c r="F17396" t="s">
        <v>10733</v>
      </c>
      <c r="G17396" t="s">
        <v>10734</v>
      </c>
      <c r="H17396" t="s">
        <v>10735</v>
      </c>
      <c r="I17396" s="2">
        <v>1</v>
      </c>
      <c r="J17396" s="2">
        <v>0</v>
      </c>
      <c r="K17396" s="2">
        <v>0</v>
      </c>
      <c r="L17396" t="s">
        <v>120</v>
      </c>
      <c r="M17396" t="s">
        <v>89</v>
      </c>
      <c r="N17396" t="s">
        <v>90</v>
      </c>
      <c r="O17396" t="s">
        <v>85</v>
      </c>
      <c r="P17396" t="s">
        <v>86</v>
      </c>
      <c r="Q17396">
        <v>10</v>
      </c>
      <c r="R17396">
        <v>10</v>
      </c>
      <c r="S17396">
        <v>10</v>
      </c>
      <c r="T17396">
        <v>10</v>
      </c>
      <c r="U17396">
        <v>11</v>
      </c>
      <c r="V17396">
        <v>11</v>
      </c>
      <c r="W17396">
        <v>11</v>
      </c>
      <c r="X17396">
        <v>11</v>
      </c>
      <c r="Y17396">
        <v>11</v>
      </c>
      <c r="Z17396">
        <v>12</v>
      </c>
      <c r="AA17396">
        <v>12</v>
      </c>
      <c r="AB17396">
        <v>12</v>
      </c>
      <c r="AC17396">
        <v>12</v>
      </c>
      <c r="AD17396">
        <v>12</v>
      </c>
      <c r="AE17396">
        <v>12</v>
      </c>
      <c r="AF17396">
        <v>12</v>
      </c>
      <c r="AG17396">
        <v>12</v>
      </c>
      <c r="AH17396">
        <v>12</v>
      </c>
      <c r="AI17396">
        <v>12</v>
      </c>
      <c r="AJ17396">
        <v>12</v>
      </c>
      <c r="AK17396">
        <v>12</v>
      </c>
      <c r="AL17396">
        <v>12</v>
      </c>
      <c r="AM17396">
        <v>12</v>
      </c>
      <c r="AN17396">
        <v>12</v>
      </c>
      <c r="AO17396">
        <v>12</v>
      </c>
      <c r="AP17396">
        <v>12</v>
      </c>
      <c r="AQ17396">
        <v>12</v>
      </c>
    </row>
    <row r="17397" spans="1:43">
      <c r="A17397" t="s">
        <v>10784</v>
      </c>
      <c r="B17397" t="s">
        <v>10785</v>
      </c>
      <c r="C17397" t="s">
        <v>10778</v>
      </c>
      <c r="D17397" t="s">
        <v>10779</v>
      </c>
      <c r="E17397" t="s">
        <v>10732</v>
      </c>
      <c r="F17397" t="s">
        <v>10733</v>
      </c>
      <c r="G17397" t="s">
        <v>10734</v>
      </c>
      <c r="H17397" t="s">
        <v>10735</v>
      </c>
      <c r="I17397" s="2">
        <v>1</v>
      </c>
      <c r="J17397" s="2">
        <v>0</v>
      </c>
      <c r="K17397" s="2">
        <v>0</v>
      </c>
      <c r="L17397" t="s">
        <v>120</v>
      </c>
      <c r="M17397" t="s">
        <v>83</v>
      </c>
      <c r="N17397" t="s">
        <v>91</v>
      </c>
      <c r="O17397" t="s">
        <v>85</v>
      </c>
      <c r="P17397" t="s">
        <v>86</v>
      </c>
      <c r="Q17397">
        <v>10</v>
      </c>
      <c r="R17397">
        <v>10</v>
      </c>
      <c r="S17397">
        <v>10</v>
      </c>
      <c r="T17397">
        <v>10</v>
      </c>
      <c r="U17397">
        <v>10</v>
      </c>
      <c r="V17397">
        <v>10</v>
      </c>
      <c r="W17397">
        <v>11</v>
      </c>
      <c r="X17397">
        <v>11</v>
      </c>
      <c r="Y17397">
        <v>11</v>
      </c>
      <c r="Z17397">
        <v>11</v>
      </c>
      <c r="AA17397">
        <v>11</v>
      </c>
      <c r="AB17397">
        <v>11</v>
      </c>
      <c r="AC17397">
        <v>11</v>
      </c>
      <c r="AD17397">
        <v>11</v>
      </c>
      <c r="AE17397">
        <v>12</v>
      </c>
      <c r="AF17397">
        <v>12</v>
      </c>
      <c r="AG17397">
        <v>12</v>
      </c>
      <c r="AH17397">
        <v>12</v>
      </c>
      <c r="AI17397">
        <v>12</v>
      </c>
      <c r="AJ17397">
        <v>12</v>
      </c>
      <c r="AK17397">
        <v>12</v>
      </c>
      <c r="AL17397">
        <v>12</v>
      </c>
      <c r="AM17397">
        <v>12</v>
      </c>
      <c r="AN17397">
        <v>12</v>
      </c>
      <c r="AO17397">
        <v>12</v>
      </c>
      <c r="AP17397">
        <v>12</v>
      </c>
      <c r="AQ17397">
        <v>12</v>
      </c>
    </row>
    <row r="17398" spans="1:43">
      <c r="A17398" t="s">
        <v>10786</v>
      </c>
      <c r="B17398" t="s">
        <v>10787</v>
      </c>
      <c r="C17398" t="s">
        <v>10778</v>
      </c>
      <c r="D17398" t="s">
        <v>10779</v>
      </c>
      <c r="E17398" t="s">
        <v>10732</v>
      </c>
      <c r="F17398" t="s">
        <v>10733</v>
      </c>
      <c r="G17398" t="s">
        <v>10734</v>
      </c>
      <c r="H17398" t="s">
        <v>10735</v>
      </c>
      <c r="I17398" s="2">
        <v>1</v>
      </c>
      <c r="J17398" s="2">
        <v>0</v>
      </c>
      <c r="K17398" s="2">
        <v>0</v>
      </c>
      <c r="L17398" t="s">
        <v>120</v>
      </c>
      <c r="M17398" t="s">
        <v>83</v>
      </c>
      <c r="N17398" t="s">
        <v>84</v>
      </c>
      <c r="O17398" t="s">
        <v>85</v>
      </c>
      <c r="P17398" t="s">
        <v>86</v>
      </c>
      <c r="Q17398">
        <v>38</v>
      </c>
      <c r="R17398">
        <v>39</v>
      </c>
      <c r="S17398">
        <v>39</v>
      </c>
      <c r="T17398">
        <v>40</v>
      </c>
      <c r="U17398">
        <v>40</v>
      </c>
      <c r="V17398">
        <v>41</v>
      </c>
      <c r="W17398">
        <v>41</v>
      </c>
      <c r="X17398">
        <v>42</v>
      </c>
      <c r="Y17398">
        <v>42</v>
      </c>
      <c r="Z17398">
        <v>43</v>
      </c>
      <c r="AA17398">
        <v>43</v>
      </c>
      <c r="AB17398">
        <v>44</v>
      </c>
      <c r="AC17398">
        <v>44</v>
      </c>
      <c r="AD17398">
        <v>45</v>
      </c>
      <c r="AE17398">
        <v>45</v>
      </c>
      <c r="AF17398">
        <v>46</v>
      </c>
      <c r="AG17398">
        <v>46</v>
      </c>
      <c r="AH17398">
        <v>47</v>
      </c>
      <c r="AI17398">
        <v>47</v>
      </c>
      <c r="AJ17398">
        <v>48</v>
      </c>
      <c r="AK17398">
        <v>48</v>
      </c>
      <c r="AL17398">
        <v>48</v>
      </c>
      <c r="AM17398">
        <v>48</v>
      </c>
      <c r="AN17398">
        <v>48</v>
      </c>
      <c r="AO17398">
        <v>48</v>
      </c>
      <c r="AP17398">
        <v>48</v>
      </c>
      <c r="AQ17398">
        <v>49</v>
      </c>
    </row>
    <row r="17399" spans="1:43">
      <c r="A17399" t="s">
        <v>10786</v>
      </c>
      <c r="B17399" t="s">
        <v>10787</v>
      </c>
      <c r="C17399" t="s">
        <v>10778</v>
      </c>
      <c r="D17399" t="s">
        <v>10779</v>
      </c>
      <c r="E17399" t="s">
        <v>10732</v>
      </c>
      <c r="F17399" t="s">
        <v>10733</v>
      </c>
      <c r="G17399" t="s">
        <v>10734</v>
      </c>
      <c r="H17399" t="s">
        <v>10735</v>
      </c>
      <c r="I17399" s="2">
        <v>1</v>
      </c>
      <c r="J17399" s="2">
        <v>0</v>
      </c>
      <c r="K17399" s="2">
        <v>0</v>
      </c>
      <c r="L17399" t="s">
        <v>120</v>
      </c>
      <c r="M17399" t="s">
        <v>87</v>
      </c>
      <c r="N17399" t="s">
        <v>88</v>
      </c>
      <c r="O17399" t="s">
        <v>85</v>
      </c>
      <c r="P17399" t="s">
        <v>86</v>
      </c>
      <c r="Q17399">
        <v>38</v>
      </c>
      <c r="R17399">
        <v>38</v>
      </c>
      <c r="S17399">
        <v>38</v>
      </c>
      <c r="T17399">
        <v>38</v>
      </c>
      <c r="U17399">
        <v>39</v>
      </c>
      <c r="V17399">
        <v>39</v>
      </c>
      <c r="W17399">
        <v>39</v>
      </c>
      <c r="X17399">
        <v>39</v>
      </c>
      <c r="Y17399">
        <v>39</v>
      </c>
      <c r="Z17399">
        <v>39</v>
      </c>
      <c r="AA17399">
        <v>40</v>
      </c>
      <c r="AB17399">
        <v>40</v>
      </c>
      <c r="AC17399">
        <v>40</v>
      </c>
      <c r="AD17399">
        <v>40</v>
      </c>
      <c r="AE17399">
        <v>40</v>
      </c>
      <c r="AF17399">
        <v>40</v>
      </c>
      <c r="AG17399">
        <v>41</v>
      </c>
      <c r="AH17399">
        <v>41</v>
      </c>
      <c r="AI17399">
        <v>41</v>
      </c>
      <c r="AJ17399">
        <v>41</v>
      </c>
      <c r="AK17399">
        <v>41</v>
      </c>
      <c r="AL17399">
        <v>41</v>
      </c>
      <c r="AM17399">
        <v>42</v>
      </c>
      <c r="AN17399">
        <v>42</v>
      </c>
      <c r="AO17399">
        <v>42</v>
      </c>
      <c r="AP17399">
        <v>42</v>
      </c>
      <c r="AQ17399">
        <v>42</v>
      </c>
    </row>
    <row r="17400" spans="1:43">
      <c r="A17400" t="s">
        <v>10786</v>
      </c>
      <c r="B17400" t="s">
        <v>10787</v>
      </c>
      <c r="C17400" t="s">
        <v>10778</v>
      </c>
      <c r="D17400" t="s">
        <v>10779</v>
      </c>
      <c r="E17400" t="s">
        <v>10732</v>
      </c>
      <c r="F17400" t="s">
        <v>10733</v>
      </c>
      <c r="G17400" t="s">
        <v>10734</v>
      </c>
      <c r="H17400" t="s">
        <v>10735</v>
      </c>
      <c r="I17400" s="2">
        <v>1</v>
      </c>
      <c r="J17400" s="2">
        <v>0</v>
      </c>
      <c r="K17400" s="2">
        <v>0</v>
      </c>
      <c r="L17400" t="s">
        <v>120</v>
      </c>
      <c r="M17400" t="s">
        <v>89</v>
      </c>
      <c r="N17400" t="s">
        <v>90</v>
      </c>
      <c r="O17400" t="s">
        <v>85</v>
      </c>
      <c r="P17400" t="s">
        <v>86</v>
      </c>
      <c r="Q17400">
        <v>38</v>
      </c>
      <c r="R17400">
        <v>39</v>
      </c>
      <c r="S17400">
        <v>39</v>
      </c>
      <c r="T17400">
        <v>40</v>
      </c>
      <c r="U17400">
        <v>41</v>
      </c>
      <c r="V17400">
        <v>42</v>
      </c>
      <c r="W17400">
        <v>42</v>
      </c>
      <c r="X17400">
        <v>43</v>
      </c>
      <c r="Y17400">
        <v>44</v>
      </c>
      <c r="Z17400">
        <v>45</v>
      </c>
      <c r="AA17400">
        <v>45</v>
      </c>
      <c r="AB17400">
        <v>46</v>
      </c>
      <c r="AC17400">
        <v>46</v>
      </c>
      <c r="AD17400">
        <v>47</v>
      </c>
      <c r="AE17400">
        <v>48</v>
      </c>
      <c r="AF17400">
        <v>48</v>
      </c>
      <c r="AG17400">
        <v>48</v>
      </c>
      <c r="AH17400">
        <v>48</v>
      </c>
      <c r="AI17400">
        <v>48</v>
      </c>
      <c r="AJ17400">
        <v>48</v>
      </c>
      <c r="AK17400">
        <v>48</v>
      </c>
      <c r="AL17400">
        <v>48</v>
      </c>
      <c r="AM17400">
        <v>48</v>
      </c>
      <c r="AN17400">
        <v>48</v>
      </c>
      <c r="AO17400">
        <v>48</v>
      </c>
      <c r="AP17400">
        <v>48</v>
      </c>
      <c r="AQ17400">
        <v>48</v>
      </c>
    </row>
    <row r="17401" spans="1:43">
      <c r="A17401" t="s">
        <v>10786</v>
      </c>
      <c r="B17401" t="s">
        <v>10787</v>
      </c>
      <c r="C17401" t="s">
        <v>10778</v>
      </c>
      <c r="D17401" t="s">
        <v>10779</v>
      </c>
      <c r="E17401" t="s">
        <v>10732</v>
      </c>
      <c r="F17401" t="s">
        <v>10733</v>
      </c>
      <c r="G17401" t="s">
        <v>10734</v>
      </c>
      <c r="H17401" t="s">
        <v>10735</v>
      </c>
      <c r="I17401" s="2">
        <v>1</v>
      </c>
      <c r="J17401" s="2">
        <v>0</v>
      </c>
      <c r="K17401" s="2">
        <v>0</v>
      </c>
      <c r="L17401" t="s">
        <v>120</v>
      </c>
      <c r="M17401" t="s">
        <v>83</v>
      </c>
      <c r="N17401" t="s">
        <v>91</v>
      </c>
      <c r="O17401" t="s">
        <v>85</v>
      </c>
      <c r="P17401" t="s">
        <v>86</v>
      </c>
      <c r="Q17401">
        <v>38</v>
      </c>
      <c r="R17401">
        <v>39</v>
      </c>
      <c r="S17401">
        <v>39</v>
      </c>
      <c r="T17401">
        <v>40</v>
      </c>
      <c r="U17401">
        <v>40</v>
      </c>
      <c r="V17401">
        <v>41</v>
      </c>
      <c r="W17401">
        <v>41</v>
      </c>
      <c r="X17401">
        <v>42</v>
      </c>
      <c r="Y17401">
        <v>42</v>
      </c>
      <c r="Z17401">
        <v>43</v>
      </c>
      <c r="AA17401">
        <v>43</v>
      </c>
      <c r="AB17401">
        <v>44</v>
      </c>
      <c r="AC17401">
        <v>44</v>
      </c>
      <c r="AD17401">
        <v>45</v>
      </c>
      <c r="AE17401">
        <v>45</v>
      </c>
      <c r="AF17401">
        <v>46</v>
      </c>
      <c r="AG17401">
        <v>46</v>
      </c>
      <c r="AH17401">
        <v>47</v>
      </c>
      <c r="AI17401">
        <v>47</v>
      </c>
      <c r="AJ17401">
        <v>48</v>
      </c>
      <c r="AK17401">
        <v>48</v>
      </c>
      <c r="AL17401">
        <v>48</v>
      </c>
      <c r="AM17401">
        <v>48</v>
      </c>
      <c r="AN17401">
        <v>48</v>
      </c>
      <c r="AO17401">
        <v>48</v>
      </c>
      <c r="AP17401">
        <v>48</v>
      </c>
      <c r="AQ17401">
        <v>49</v>
      </c>
    </row>
    <row r="17402" spans="1:43">
      <c r="A17402" t="s">
        <v>10788</v>
      </c>
      <c r="B17402" t="s">
        <v>10789</v>
      </c>
      <c r="C17402" t="s">
        <v>10778</v>
      </c>
      <c r="D17402" t="s">
        <v>10779</v>
      </c>
      <c r="E17402" t="s">
        <v>10732</v>
      </c>
      <c r="F17402" t="s">
        <v>10733</v>
      </c>
      <c r="G17402" t="s">
        <v>10734</v>
      </c>
      <c r="H17402" t="s">
        <v>10735</v>
      </c>
      <c r="I17402" s="2">
        <v>1</v>
      </c>
      <c r="J17402" s="2">
        <v>0</v>
      </c>
      <c r="K17402" s="2">
        <v>0</v>
      </c>
      <c r="L17402" t="s">
        <v>120</v>
      </c>
      <c r="M17402" t="s">
        <v>83</v>
      </c>
      <c r="N17402" t="s">
        <v>84</v>
      </c>
      <c r="O17402" t="s">
        <v>85</v>
      </c>
      <c r="P17402" t="s">
        <v>86</v>
      </c>
      <c r="Q17402">
        <v>7</v>
      </c>
      <c r="R17402">
        <v>7</v>
      </c>
      <c r="S17402">
        <v>7</v>
      </c>
      <c r="T17402">
        <v>7</v>
      </c>
      <c r="U17402">
        <v>7</v>
      </c>
      <c r="V17402">
        <v>7</v>
      </c>
      <c r="W17402">
        <v>7</v>
      </c>
      <c r="X17402">
        <v>7</v>
      </c>
      <c r="Y17402">
        <v>7</v>
      </c>
      <c r="Z17402">
        <v>7</v>
      </c>
      <c r="AA17402">
        <v>8</v>
      </c>
      <c r="AB17402">
        <v>8</v>
      </c>
      <c r="AC17402">
        <v>8</v>
      </c>
      <c r="AD17402">
        <v>8</v>
      </c>
      <c r="AE17402">
        <v>8</v>
      </c>
      <c r="AF17402">
        <v>8</v>
      </c>
      <c r="AG17402">
        <v>8</v>
      </c>
      <c r="AH17402">
        <v>8</v>
      </c>
      <c r="AI17402">
        <v>8</v>
      </c>
      <c r="AJ17402">
        <v>8</v>
      </c>
      <c r="AK17402">
        <v>8</v>
      </c>
      <c r="AL17402">
        <v>8</v>
      </c>
      <c r="AM17402">
        <v>8</v>
      </c>
      <c r="AN17402">
        <v>8</v>
      </c>
      <c r="AO17402">
        <v>8</v>
      </c>
      <c r="AP17402">
        <v>8</v>
      </c>
      <c r="AQ17402">
        <v>8</v>
      </c>
    </row>
    <row r="17403" spans="1:43">
      <c r="A17403" t="s">
        <v>10788</v>
      </c>
      <c r="B17403" t="s">
        <v>10789</v>
      </c>
      <c r="C17403" t="s">
        <v>10778</v>
      </c>
      <c r="D17403" t="s">
        <v>10779</v>
      </c>
      <c r="E17403" t="s">
        <v>10732</v>
      </c>
      <c r="F17403" t="s">
        <v>10733</v>
      </c>
      <c r="G17403" t="s">
        <v>10734</v>
      </c>
      <c r="H17403" t="s">
        <v>10735</v>
      </c>
      <c r="I17403" s="2">
        <v>1</v>
      </c>
      <c r="J17403" s="2">
        <v>0</v>
      </c>
      <c r="K17403" s="2">
        <v>0</v>
      </c>
      <c r="L17403" t="s">
        <v>120</v>
      </c>
      <c r="M17403" t="s">
        <v>87</v>
      </c>
      <c r="N17403" t="s">
        <v>88</v>
      </c>
      <c r="O17403" t="s">
        <v>85</v>
      </c>
      <c r="P17403" t="s">
        <v>86</v>
      </c>
      <c r="Q17403">
        <v>7</v>
      </c>
      <c r="R17403">
        <v>7</v>
      </c>
      <c r="S17403">
        <v>7</v>
      </c>
      <c r="T17403">
        <v>7</v>
      </c>
      <c r="U17403">
        <v>7</v>
      </c>
      <c r="V17403">
        <v>7</v>
      </c>
      <c r="W17403">
        <v>7</v>
      </c>
      <c r="X17403">
        <v>7</v>
      </c>
      <c r="Y17403">
        <v>7</v>
      </c>
      <c r="Z17403">
        <v>7</v>
      </c>
      <c r="AA17403">
        <v>7</v>
      </c>
      <c r="AB17403">
        <v>7</v>
      </c>
      <c r="AC17403">
        <v>7</v>
      </c>
      <c r="AD17403">
        <v>7</v>
      </c>
      <c r="AE17403">
        <v>7</v>
      </c>
      <c r="AF17403">
        <v>7</v>
      </c>
      <c r="AG17403">
        <v>7</v>
      </c>
      <c r="AH17403">
        <v>7</v>
      </c>
      <c r="AI17403">
        <v>7</v>
      </c>
      <c r="AJ17403">
        <v>7</v>
      </c>
      <c r="AK17403">
        <v>7</v>
      </c>
      <c r="AL17403">
        <v>7</v>
      </c>
      <c r="AM17403">
        <v>7</v>
      </c>
      <c r="AN17403">
        <v>7</v>
      </c>
      <c r="AO17403">
        <v>7</v>
      </c>
      <c r="AP17403">
        <v>7</v>
      </c>
      <c r="AQ17403">
        <v>7</v>
      </c>
    </row>
    <row r="17404" spans="1:43">
      <c r="A17404" t="s">
        <v>10788</v>
      </c>
      <c r="B17404" t="s">
        <v>10789</v>
      </c>
      <c r="C17404" t="s">
        <v>10778</v>
      </c>
      <c r="D17404" t="s">
        <v>10779</v>
      </c>
      <c r="E17404" t="s">
        <v>10732</v>
      </c>
      <c r="F17404" t="s">
        <v>10733</v>
      </c>
      <c r="G17404" t="s">
        <v>10734</v>
      </c>
      <c r="H17404" t="s">
        <v>10735</v>
      </c>
      <c r="I17404" s="2">
        <v>1</v>
      </c>
      <c r="J17404" s="2">
        <v>0</v>
      </c>
      <c r="K17404" s="2">
        <v>0</v>
      </c>
      <c r="L17404" t="s">
        <v>120</v>
      </c>
      <c r="M17404" t="s">
        <v>89</v>
      </c>
      <c r="N17404" t="s">
        <v>90</v>
      </c>
      <c r="O17404" t="s">
        <v>85</v>
      </c>
      <c r="P17404" t="s">
        <v>86</v>
      </c>
      <c r="Q17404">
        <v>7</v>
      </c>
      <c r="R17404">
        <v>7</v>
      </c>
      <c r="S17404">
        <v>7</v>
      </c>
      <c r="T17404">
        <v>7</v>
      </c>
      <c r="U17404">
        <v>7</v>
      </c>
      <c r="V17404">
        <v>7</v>
      </c>
      <c r="W17404">
        <v>8</v>
      </c>
      <c r="X17404">
        <v>8</v>
      </c>
      <c r="Y17404">
        <v>8</v>
      </c>
      <c r="Z17404">
        <v>8</v>
      </c>
      <c r="AA17404">
        <v>8</v>
      </c>
      <c r="AB17404">
        <v>8</v>
      </c>
      <c r="AC17404">
        <v>8</v>
      </c>
      <c r="AD17404">
        <v>8</v>
      </c>
      <c r="AE17404">
        <v>8</v>
      </c>
      <c r="AF17404">
        <v>8</v>
      </c>
      <c r="AG17404">
        <v>8</v>
      </c>
      <c r="AH17404">
        <v>8</v>
      </c>
      <c r="AI17404">
        <v>8</v>
      </c>
      <c r="AJ17404">
        <v>8</v>
      </c>
      <c r="AK17404">
        <v>9</v>
      </c>
      <c r="AL17404">
        <v>9</v>
      </c>
      <c r="AM17404">
        <v>9</v>
      </c>
      <c r="AN17404">
        <v>9</v>
      </c>
      <c r="AO17404">
        <v>9</v>
      </c>
      <c r="AP17404">
        <v>9</v>
      </c>
      <c r="AQ17404">
        <v>9</v>
      </c>
    </row>
    <row r="17405" spans="1:43">
      <c r="A17405" t="s">
        <v>10788</v>
      </c>
      <c r="B17405" t="s">
        <v>10789</v>
      </c>
      <c r="C17405" t="s">
        <v>10778</v>
      </c>
      <c r="D17405" t="s">
        <v>10779</v>
      </c>
      <c r="E17405" t="s">
        <v>10732</v>
      </c>
      <c r="F17405" t="s">
        <v>10733</v>
      </c>
      <c r="G17405" t="s">
        <v>10734</v>
      </c>
      <c r="H17405" t="s">
        <v>10735</v>
      </c>
      <c r="I17405" s="2">
        <v>1</v>
      </c>
      <c r="J17405" s="2">
        <v>0</v>
      </c>
      <c r="K17405" s="2">
        <v>0</v>
      </c>
      <c r="L17405" t="s">
        <v>120</v>
      </c>
      <c r="M17405" t="s">
        <v>83</v>
      </c>
      <c r="N17405" t="s">
        <v>91</v>
      </c>
      <c r="O17405" t="s">
        <v>85</v>
      </c>
      <c r="P17405" t="s">
        <v>86</v>
      </c>
      <c r="Q17405">
        <v>7</v>
      </c>
      <c r="R17405">
        <v>7</v>
      </c>
      <c r="S17405">
        <v>7</v>
      </c>
      <c r="T17405">
        <v>7</v>
      </c>
      <c r="U17405">
        <v>7</v>
      </c>
      <c r="V17405">
        <v>7</v>
      </c>
      <c r="W17405">
        <v>7</v>
      </c>
      <c r="X17405">
        <v>7</v>
      </c>
      <c r="Y17405">
        <v>7</v>
      </c>
      <c r="Z17405">
        <v>7</v>
      </c>
      <c r="AA17405">
        <v>8</v>
      </c>
      <c r="AB17405">
        <v>8</v>
      </c>
      <c r="AC17405">
        <v>8</v>
      </c>
      <c r="AD17405">
        <v>8</v>
      </c>
      <c r="AE17405">
        <v>8</v>
      </c>
      <c r="AF17405">
        <v>8</v>
      </c>
      <c r="AG17405">
        <v>8</v>
      </c>
      <c r="AH17405">
        <v>8</v>
      </c>
      <c r="AI17405">
        <v>8</v>
      </c>
      <c r="AJ17405">
        <v>8</v>
      </c>
      <c r="AK17405">
        <v>8</v>
      </c>
      <c r="AL17405">
        <v>8</v>
      </c>
      <c r="AM17405">
        <v>8</v>
      </c>
      <c r="AN17405">
        <v>8</v>
      </c>
      <c r="AO17405">
        <v>8</v>
      </c>
      <c r="AP17405">
        <v>8</v>
      </c>
      <c r="AQ17405">
        <v>8</v>
      </c>
    </row>
    <row r="17406" spans="1:43">
      <c r="A17406" t="s">
        <v>10790</v>
      </c>
      <c r="B17406" t="s">
        <v>10791</v>
      </c>
      <c r="C17406" t="s">
        <v>10792</v>
      </c>
      <c r="D17406" t="s">
        <v>10793</v>
      </c>
      <c r="E17406" t="s">
        <v>10732</v>
      </c>
      <c r="F17406" t="s">
        <v>10733</v>
      </c>
      <c r="G17406" t="s">
        <v>10734</v>
      </c>
      <c r="H17406" t="s">
        <v>10735</v>
      </c>
      <c r="I17406" s="2">
        <v>1</v>
      </c>
      <c r="J17406" s="2">
        <v>0</v>
      </c>
      <c r="K17406" s="2">
        <v>0</v>
      </c>
      <c r="L17406" t="s">
        <v>120</v>
      </c>
      <c r="M17406" t="s">
        <v>83</v>
      </c>
      <c r="N17406" t="s">
        <v>84</v>
      </c>
      <c r="O17406" t="s">
        <v>85</v>
      </c>
      <c r="P17406" t="s">
        <v>86</v>
      </c>
      <c r="Q17406">
        <v>46</v>
      </c>
      <c r="R17406">
        <v>46</v>
      </c>
      <c r="S17406">
        <v>47</v>
      </c>
      <c r="T17406">
        <v>48</v>
      </c>
      <c r="U17406">
        <v>48</v>
      </c>
      <c r="V17406">
        <v>49</v>
      </c>
      <c r="W17406">
        <v>49</v>
      </c>
      <c r="X17406">
        <v>50</v>
      </c>
      <c r="Y17406">
        <v>51</v>
      </c>
      <c r="Z17406">
        <v>51</v>
      </c>
      <c r="AA17406">
        <v>52</v>
      </c>
      <c r="AB17406">
        <v>52</v>
      </c>
      <c r="AC17406">
        <v>53</v>
      </c>
      <c r="AD17406">
        <v>54</v>
      </c>
      <c r="AE17406">
        <v>54</v>
      </c>
      <c r="AF17406">
        <v>55</v>
      </c>
      <c r="AG17406">
        <v>55</v>
      </c>
      <c r="AH17406">
        <v>56</v>
      </c>
      <c r="AI17406">
        <v>56</v>
      </c>
      <c r="AJ17406">
        <v>57</v>
      </c>
      <c r="AK17406">
        <v>57</v>
      </c>
      <c r="AL17406">
        <v>58</v>
      </c>
      <c r="AM17406">
        <v>58</v>
      </c>
      <c r="AN17406">
        <v>58</v>
      </c>
      <c r="AO17406">
        <v>58</v>
      </c>
      <c r="AP17406">
        <v>58</v>
      </c>
      <c r="AQ17406">
        <v>58</v>
      </c>
    </row>
    <row r="17407" spans="1:43">
      <c r="A17407" t="s">
        <v>10790</v>
      </c>
      <c r="B17407" t="s">
        <v>10791</v>
      </c>
      <c r="C17407" t="s">
        <v>10792</v>
      </c>
      <c r="D17407" t="s">
        <v>10793</v>
      </c>
      <c r="E17407" t="s">
        <v>10732</v>
      </c>
      <c r="F17407" t="s">
        <v>10733</v>
      </c>
      <c r="G17407" t="s">
        <v>10734</v>
      </c>
      <c r="H17407" t="s">
        <v>10735</v>
      </c>
      <c r="I17407" s="2">
        <v>1</v>
      </c>
      <c r="J17407" s="2">
        <v>0</v>
      </c>
      <c r="K17407" s="2">
        <v>0</v>
      </c>
      <c r="L17407" t="s">
        <v>120</v>
      </c>
      <c r="M17407" t="s">
        <v>87</v>
      </c>
      <c r="N17407" t="s">
        <v>88</v>
      </c>
      <c r="O17407" t="s">
        <v>85</v>
      </c>
      <c r="P17407" t="s">
        <v>86</v>
      </c>
      <c r="Q17407">
        <v>46</v>
      </c>
      <c r="R17407">
        <v>46</v>
      </c>
      <c r="S17407">
        <v>47</v>
      </c>
      <c r="T17407">
        <v>47</v>
      </c>
      <c r="U17407">
        <v>47</v>
      </c>
      <c r="V17407">
        <v>47</v>
      </c>
      <c r="W17407">
        <v>47</v>
      </c>
      <c r="X17407">
        <v>48</v>
      </c>
      <c r="Y17407">
        <v>48</v>
      </c>
      <c r="Z17407">
        <v>48</v>
      </c>
      <c r="AA17407">
        <v>48</v>
      </c>
      <c r="AB17407">
        <v>48</v>
      </c>
      <c r="AC17407">
        <v>49</v>
      </c>
      <c r="AD17407">
        <v>49</v>
      </c>
      <c r="AE17407">
        <v>49</v>
      </c>
      <c r="AF17407">
        <v>49</v>
      </c>
      <c r="AG17407">
        <v>49</v>
      </c>
      <c r="AH17407">
        <v>50</v>
      </c>
      <c r="AI17407">
        <v>50</v>
      </c>
      <c r="AJ17407">
        <v>50</v>
      </c>
      <c r="AK17407">
        <v>50</v>
      </c>
      <c r="AL17407">
        <v>50</v>
      </c>
      <c r="AM17407">
        <v>51</v>
      </c>
      <c r="AN17407">
        <v>51</v>
      </c>
      <c r="AO17407">
        <v>51</v>
      </c>
      <c r="AP17407">
        <v>51</v>
      </c>
      <c r="AQ17407">
        <v>51</v>
      </c>
    </row>
    <row r="17408" spans="1:43">
      <c r="A17408" t="s">
        <v>10790</v>
      </c>
      <c r="B17408" t="s">
        <v>10791</v>
      </c>
      <c r="C17408" t="s">
        <v>10792</v>
      </c>
      <c r="D17408" t="s">
        <v>10793</v>
      </c>
      <c r="E17408" t="s">
        <v>10732</v>
      </c>
      <c r="F17408" t="s">
        <v>10733</v>
      </c>
      <c r="G17408" t="s">
        <v>10734</v>
      </c>
      <c r="H17408" t="s">
        <v>10735</v>
      </c>
      <c r="I17408" s="2">
        <v>1</v>
      </c>
      <c r="J17408" s="2">
        <v>0</v>
      </c>
      <c r="K17408" s="2">
        <v>0</v>
      </c>
      <c r="L17408" t="s">
        <v>120</v>
      </c>
      <c r="M17408" t="s">
        <v>89</v>
      </c>
      <c r="N17408" t="s">
        <v>90</v>
      </c>
      <c r="O17408" t="s">
        <v>85</v>
      </c>
      <c r="P17408" t="s">
        <v>86</v>
      </c>
      <c r="Q17408">
        <v>46</v>
      </c>
      <c r="R17408">
        <v>47</v>
      </c>
      <c r="S17408">
        <v>48</v>
      </c>
      <c r="T17408">
        <v>49</v>
      </c>
      <c r="U17408">
        <v>50</v>
      </c>
      <c r="V17408">
        <v>51</v>
      </c>
      <c r="W17408">
        <v>52</v>
      </c>
      <c r="X17408">
        <v>53</v>
      </c>
      <c r="Y17408">
        <v>54</v>
      </c>
      <c r="Z17408">
        <v>54</v>
      </c>
      <c r="AA17408">
        <v>55</v>
      </c>
      <c r="AB17408">
        <v>56</v>
      </c>
      <c r="AC17408">
        <v>57</v>
      </c>
      <c r="AD17408">
        <v>57</v>
      </c>
      <c r="AE17408">
        <v>58</v>
      </c>
      <c r="AF17408">
        <v>58</v>
      </c>
      <c r="AG17408">
        <v>58</v>
      </c>
      <c r="AH17408">
        <v>58</v>
      </c>
      <c r="AI17408">
        <v>58</v>
      </c>
      <c r="AJ17408">
        <v>58</v>
      </c>
      <c r="AK17408">
        <v>58</v>
      </c>
      <c r="AL17408">
        <v>58</v>
      </c>
      <c r="AM17408">
        <v>58</v>
      </c>
      <c r="AN17408">
        <v>58</v>
      </c>
      <c r="AO17408">
        <v>58</v>
      </c>
      <c r="AP17408">
        <v>59</v>
      </c>
      <c r="AQ17408">
        <v>59</v>
      </c>
    </row>
    <row r="17409" spans="1:43">
      <c r="A17409" t="s">
        <v>10790</v>
      </c>
      <c r="B17409" t="s">
        <v>10791</v>
      </c>
      <c r="C17409" t="s">
        <v>10792</v>
      </c>
      <c r="D17409" t="s">
        <v>10793</v>
      </c>
      <c r="E17409" t="s">
        <v>10732</v>
      </c>
      <c r="F17409" t="s">
        <v>10733</v>
      </c>
      <c r="G17409" t="s">
        <v>10734</v>
      </c>
      <c r="H17409" t="s">
        <v>10735</v>
      </c>
      <c r="I17409" s="2">
        <v>1</v>
      </c>
      <c r="J17409" s="2">
        <v>0</v>
      </c>
      <c r="K17409" s="2">
        <v>0</v>
      </c>
      <c r="L17409" t="s">
        <v>120</v>
      </c>
      <c r="M17409" t="s">
        <v>83</v>
      </c>
      <c r="N17409" t="s">
        <v>91</v>
      </c>
      <c r="O17409" t="s">
        <v>85</v>
      </c>
      <c r="P17409" t="s">
        <v>86</v>
      </c>
      <c r="Q17409">
        <v>46</v>
      </c>
      <c r="R17409">
        <v>46</v>
      </c>
      <c r="S17409">
        <v>47</v>
      </c>
      <c r="T17409">
        <v>48</v>
      </c>
      <c r="U17409">
        <v>48</v>
      </c>
      <c r="V17409">
        <v>49</v>
      </c>
      <c r="W17409">
        <v>49</v>
      </c>
      <c r="X17409">
        <v>50</v>
      </c>
      <c r="Y17409">
        <v>51</v>
      </c>
      <c r="Z17409">
        <v>51</v>
      </c>
      <c r="AA17409">
        <v>52</v>
      </c>
      <c r="AB17409">
        <v>52</v>
      </c>
      <c r="AC17409">
        <v>53</v>
      </c>
      <c r="AD17409">
        <v>54</v>
      </c>
      <c r="AE17409">
        <v>54</v>
      </c>
      <c r="AF17409">
        <v>55</v>
      </c>
      <c r="AG17409">
        <v>55</v>
      </c>
      <c r="AH17409">
        <v>56</v>
      </c>
      <c r="AI17409">
        <v>56</v>
      </c>
      <c r="AJ17409">
        <v>57</v>
      </c>
      <c r="AK17409">
        <v>57</v>
      </c>
      <c r="AL17409">
        <v>58</v>
      </c>
      <c r="AM17409">
        <v>58</v>
      </c>
      <c r="AN17409">
        <v>58</v>
      </c>
      <c r="AO17409">
        <v>58</v>
      </c>
      <c r="AP17409">
        <v>58</v>
      </c>
      <c r="AQ17409">
        <v>58</v>
      </c>
    </row>
    <row r="17410" spans="1:43">
      <c r="A17410" t="s">
        <v>10794</v>
      </c>
      <c r="B17410" t="s">
        <v>10795</v>
      </c>
      <c r="C17410" t="s">
        <v>10792</v>
      </c>
      <c r="D17410" t="s">
        <v>10793</v>
      </c>
      <c r="E17410" t="s">
        <v>10732</v>
      </c>
      <c r="F17410" t="s">
        <v>10733</v>
      </c>
      <c r="G17410" t="s">
        <v>10734</v>
      </c>
      <c r="H17410" t="s">
        <v>10735</v>
      </c>
      <c r="I17410" s="2">
        <v>1</v>
      </c>
      <c r="J17410" s="2">
        <v>0</v>
      </c>
      <c r="K17410" s="2">
        <v>0</v>
      </c>
      <c r="L17410" t="s">
        <v>120</v>
      </c>
      <c r="M17410" t="s">
        <v>83</v>
      </c>
      <c r="N17410" t="s">
        <v>84</v>
      </c>
      <c r="O17410" t="s">
        <v>85</v>
      </c>
      <c r="P17410" t="s">
        <v>86</v>
      </c>
      <c r="Q17410">
        <v>28</v>
      </c>
      <c r="R17410">
        <v>28</v>
      </c>
      <c r="S17410">
        <v>29</v>
      </c>
      <c r="T17410">
        <v>29</v>
      </c>
      <c r="U17410">
        <v>30</v>
      </c>
      <c r="V17410">
        <v>30</v>
      </c>
      <c r="W17410">
        <v>30</v>
      </c>
      <c r="X17410">
        <v>31</v>
      </c>
      <c r="Y17410">
        <v>31</v>
      </c>
      <c r="Z17410">
        <v>31</v>
      </c>
      <c r="AA17410">
        <v>32</v>
      </c>
      <c r="AB17410">
        <v>32</v>
      </c>
      <c r="AC17410">
        <v>33</v>
      </c>
      <c r="AD17410">
        <v>33</v>
      </c>
      <c r="AE17410">
        <v>33</v>
      </c>
      <c r="AF17410">
        <v>34</v>
      </c>
      <c r="AG17410">
        <v>34</v>
      </c>
      <c r="AH17410">
        <v>34</v>
      </c>
      <c r="AI17410">
        <v>35</v>
      </c>
      <c r="AJ17410">
        <v>35</v>
      </c>
      <c r="AK17410">
        <v>35</v>
      </c>
      <c r="AL17410">
        <v>35</v>
      </c>
      <c r="AM17410">
        <v>36</v>
      </c>
      <c r="AN17410">
        <v>36</v>
      </c>
      <c r="AO17410">
        <v>36</v>
      </c>
      <c r="AP17410">
        <v>36</v>
      </c>
      <c r="AQ17410">
        <v>36</v>
      </c>
    </row>
    <row r="17411" spans="1:43">
      <c r="A17411" t="s">
        <v>10794</v>
      </c>
      <c r="B17411" t="s">
        <v>10795</v>
      </c>
      <c r="C17411" t="s">
        <v>10792</v>
      </c>
      <c r="D17411" t="s">
        <v>10793</v>
      </c>
      <c r="E17411" t="s">
        <v>10732</v>
      </c>
      <c r="F17411" t="s">
        <v>10733</v>
      </c>
      <c r="G17411" t="s">
        <v>10734</v>
      </c>
      <c r="H17411" t="s">
        <v>10735</v>
      </c>
      <c r="I17411" s="2">
        <v>1</v>
      </c>
      <c r="J17411" s="2">
        <v>0</v>
      </c>
      <c r="K17411" s="2">
        <v>0</v>
      </c>
      <c r="L17411" t="s">
        <v>120</v>
      </c>
      <c r="M17411" t="s">
        <v>87</v>
      </c>
      <c r="N17411" t="s">
        <v>88</v>
      </c>
      <c r="O17411" t="s">
        <v>85</v>
      </c>
      <c r="P17411" t="s">
        <v>86</v>
      </c>
      <c r="Q17411">
        <v>28</v>
      </c>
      <c r="R17411">
        <v>28</v>
      </c>
      <c r="S17411">
        <v>28</v>
      </c>
      <c r="T17411">
        <v>28</v>
      </c>
      <c r="U17411">
        <v>28</v>
      </c>
      <c r="V17411">
        <v>28</v>
      </c>
      <c r="W17411">
        <v>29</v>
      </c>
      <c r="X17411">
        <v>29</v>
      </c>
      <c r="Y17411">
        <v>29</v>
      </c>
      <c r="Z17411">
        <v>29</v>
      </c>
      <c r="AA17411">
        <v>29</v>
      </c>
      <c r="AB17411">
        <v>29</v>
      </c>
      <c r="AC17411">
        <v>29</v>
      </c>
      <c r="AD17411">
        <v>29</v>
      </c>
      <c r="AE17411">
        <v>30</v>
      </c>
      <c r="AF17411">
        <v>30</v>
      </c>
      <c r="AG17411">
        <v>30</v>
      </c>
      <c r="AH17411">
        <v>30</v>
      </c>
      <c r="AI17411">
        <v>30</v>
      </c>
      <c r="AJ17411">
        <v>30</v>
      </c>
      <c r="AK17411">
        <v>30</v>
      </c>
      <c r="AL17411">
        <v>30</v>
      </c>
      <c r="AM17411">
        <v>30</v>
      </c>
      <c r="AN17411">
        <v>31</v>
      </c>
      <c r="AO17411">
        <v>31</v>
      </c>
      <c r="AP17411">
        <v>31</v>
      </c>
      <c r="AQ17411">
        <v>31</v>
      </c>
    </row>
    <row r="17412" spans="1:43">
      <c r="A17412" t="s">
        <v>10794</v>
      </c>
      <c r="B17412" t="s">
        <v>10795</v>
      </c>
      <c r="C17412" t="s">
        <v>10792</v>
      </c>
      <c r="D17412" t="s">
        <v>10793</v>
      </c>
      <c r="E17412" t="s">
        <v>10732</v>
      </c>
      <c r="F17412" t="s">
        <v>10733</v>
      </c>
      <c r="G17412" t="s">
        <v>10734</v>
      </c>
      <c r="H17412" t="s">
        <v>10735</v>
      </c>
      <c r="I17412" s="2">
        <v>1</v>
      </c>
      <c r="J17412" s="2">
        <v>0</v>
      </c>
      <c r="K17412" s="2">
        <v>0</v>
      </c>
      <c r="L17412" t="s">
        <v>120</v>
      </c>
      <c r="M17412" t="s">
        <v>89</v>
      </c>
      <c r="N17412" t="s">
        <v>90</v>
      </c>
      <c r="O17412" t="s">
        <v>85</v>
      </c>
      <c r="P17412" t="s">
        <v>86</v>
      </c>
      <c r="Q17412">
        <v>28</v>
      </c>
      <c r="R17412">
        <v>29</v>
      </c>
      <c r="S17412">
        <v>30</v>
      </c>
      <c r="T17412">
        <v>30</v>
      </c>
      <c r="U17412">
        <v>31</v>
      </c>
      <c r="V17412">
        <v>31</v>
      </c>
      <c r="W17412">
        <v>32</v>
      </c>
      <c r="X17412">
        <v>32</v>
      </c>
      <c r="Y17412">
        <v>33</v>
      </c>
      <c r="Z17412">
        <v>33</v>
      </c>
      <c r="AA17412">
        <v>34</v>
      </c>
      <c r="AB17412">
        <v>34</v>
      </c>
      <c r="AC17412">
        <v>35</v>
      </c>
      <c r="AD17412">
        <v>35</v>
      </c>
      <c r="AE17412">
        <v>36</v>
      </c>
      <c r="AF17412">
        <v>36</v>
      </c>
      <c r="AG17412">
        <v>36</v>
      </c>
      <c r="AH17412">
        <v>36</v>
      </c>
      <c r="AI17412">
        <v>36</v>
      </c>
      <c r="AJ17412">
        <v>36</v>
      </c>
      <c r="AK17412">
        <v>36</v>
      </c>
      <c r="AL17412">
        <v>36</v>
      </c>
      <c r="AM17412">
        <v>36</v>
      </c>
      <c r="AN17412">
        <v>36</v>
      </c>
      <c r="AO17412">
        <v>36</v>
      </c>
      <c r="AP17412">
        <v>36</v>
      </c>
      <c r="AQ17412">
        <v>36</v>
      </c>
    </row>
    <row r="17413" spans="1:43">
      <c r="A17413" t="s">
        <v>10794</v>
      </c>
      <c r="B17413" t="s">
        <v>10795</v>
      </c>
      <c r="C17413" t="s">
        <v>10792</v>
      </c>
      <c r="D17413" t="s">
        <v>10793</v>
      </c>
      <c r="E17413" t="s">
        <v>10732</v>
      </c>
      <c r="F17413" t="s">
        <v>10733</v>
      </c>
      <c r="G17413" t="s">
        <v>10734</v>
      </c>
      <c r="H17413" t="s">
        <v>10735</v>
      </c>
      <c r="I17413" s="2">
        <v>1</v>
      </c>
      <c r="J17413" s="2">
        <v>0</v>
      </c>
      <c r="K17413" s="2">
        <v>0</v>
      </c>
      <c r="L17413" t="s">
        <v>120</v>
      </c>
      <c r="M17413" t="s">
        <v>83</v>
      </c>
      <c r="N17413" t="s">
        <v>91</v>
      </c>
      <c r="O17413" t="s">
        <v>85</v>
      </c>
      <c r="P17413" t="s">
        <v>86</v>
      </c>
      <c r="Q17413">
        <v>28</v>
      </c>
      <c r="R17413">
        <v>28</v>
      </c>
      <c r="S17413">
        <v>29</v>
      </c>
      <c r="T17413">
        <v>29</v>
      </c>
      <c r="U17413">
        <v>30</v>
      </c>
      <c r="V17413">
        <v>30</v>
      </c>
      <c r="W17413">
        <v>30</v>
      </c>
      <c r="X17413">
        <v>31</v>
      </c>
      <c r="Y17413">
        <v>31</v>
      </c>
      <c r="Z17413">
        <v>31</v>
      </c>
      <c r="AA17413">
        <v>32</v>
      </c>
      <c r="AB17413">
        <v>32</v>
      </c>
      <c r="AC17413">
        <v>33</v>
      </c>
      <c r="AD17413">
        <v>33</v>
      </c>
      <c r="AE17413">
        <v>33</v>
      </c>
      <c r="AF17413">
        <v>34</v>
      </c>
      <c r="AG17413">
        <v>34</v>
      </c>
      <c r="AH17413">
        <v>34</v>
      </c>
      <c r="AI17413">
        <v>35</v>
      </c>
      <c r="AJ17413">
        <v>35</v>
      </c>
      <c r="AK17413">
        <v>35</v>
      </c>
      <c r="AL17413">
        <v>35</v>
      </c>
      <c r="AM17413">
        <v>36</v>
      </c>
      <c r="AN17413">
        <v>36</v>
      </c>
      <c r="AO17413">
        <v>36</v>
      </c>
      <c r="AP17413">
        <v>36</v>
      </c>
      <c r="AQ17413">
        <v>36</v>
      </c>
    </row>
    <row r="17414" spans="1:43">
      <c r="A17414" t="s">
        <v>10796</v>
      </c>
      <c r="B17414" t="s">
        <v>10797</v>
      </c>
      <c r="C17414" t="s">
        <v>10792</v>
      </c>
      <c r="D17414" t="s">
        <v>10793</v>
      </c>
      <c r="E17414" t="s">
        <v>10732</v>
      </c>
      <c r="F17414" t="s">
        <v>10733</v>
      </c>
      <c r="G17414" t="s">
        <v>10734</v>
      </c>
      <c r="H17414" t="s">
        <v>10735</v>
      </c>
      <c r="I17414" s="2">
        <v>1</v>
      </c>
      <c r="J17414" s="2">
        <v>0</v>
      </c>
      <c r="K17414" s="2">
        <v>0</v>
      </c>
      <c r="L17414" t="s">
        <v>120</v>
      </c>
      <c r="M17414" t="s">
        <v>83</v>
      </c>
      <c r="N17414" t="s">
        <v>84</v>
      </c>
      <c r="O17414" t="s">
        <v>85</v>
      </c>
      <c r="P17414" t="s">
        <v>86</v>
      </c>
      <c r="Q17414">
        <v>101</v>
      </c>
      <c r="R17414">
        <v>102</v>
      </c>
      <c r="S17414">
        <v>104</v>
      </c>
      <c r="T17414">
        <v>105</v>
      </c>
      <c r="U17414">
        <v>107</v>
      </c>
      <c r="V17414">
        <v>108</v>
      </c>
      <c r="W17414">
        <v>109</v>
      </c>
      <c r="X17414">
        <v>111</v>
      </c>
      <c r="Y17414">
        <v>112</v>
      </c>
      <c r="Z17414">
        <v>113</v>
      </c>
      <c r="AA17414">
        <v>115</v>
      </c>
      <c r="AB17414">
        <v>116</v>
      </c>
      <c r="AC17414">
        <v>117</v>
      </c>
      <c r="AD17414">
        <v>118</v>
      </c>
      <c r="AE17414">
        <v>120</v>
      </c>
      <c r="AF17414">
        <v>121</v>
      </c>
      <c r="AG17414">
        <v>122</v>
      </c>
      <c r="AH17414">
        <v>123</v>
      </c>
      <c r="AI17414">
        <v>125</v>
      </c>
      <c r="AJ17414">
        <v>126</v>
      </c>
      <c r="AK17414">
        <v>127</v>
      </c>
      <c r="AL17414">
        <v>128</v>
      </c>
      <c r="AM17414">
        <v>128</v>
      </c>
      <c r="AN17414">
        <v>128</v>
      </c>
      <c r="AO17414">
        <v>128</v>
      </c>
      <c r="AP17414">
        <v>128</v>
      </c>
      <c r="AQ17414">
        <v>128</v>
      </c>
    </row>
    <row r="17415" spans="1:43">
      <c r="A17415" t="s">
        <v>10796</v>
      </c>
      <c r="B17415" t="s">
        <v>10797</v>
      </c>
      <c r="C17415" t="s">
        <v>10792</v>
      </c>
      <c r="D17415" t="s">
        <v>10793</v>
      </c>
      <c r="E17415" t="s">
        <v>10732</v>
      </c>
      <c r="F17415" t="s">
        <v>10733</v>
      </c>
      <c r="G17415" t="s">
        <v>10734</v>
      </c>
      <c r="H17415" t="s">
        <v>10735</v>
      </c>
      <c r="I17415" s="2">
        <v>1</v>
      </c>
      <c r="J17415" s="2">
        <v>0</v>
      </c>
      <c r="K17415" s="2">
        <v>0</v>
      </c>
      <c r="L17415" t="s">
        <v>120</v>
      </c>
      <c r="M17415" t="s">
        <v>87</v>
      </c>
      <c r="N17415" t="s">
        <v>88</v>
      </c>
      <c r="O17415" t="s">
        <v>85</v>
      </c>
      <c r="P17415" t="s">
        <v>86</v>
      </c>
      <c r="Q17415">
        <v>101</v>
      </c>
      <c r="R17415">
        <v>102</v>
      </c>
      <c r="S17415">
        <v>102</v>
      </c>
      <c r="T17415">
        <v>102</v>
      </c>
      <c r="U17415">
        <v>103</v>
      </c>
      <c r="V17415">
        <v>103</v>
      </c>
      <c r="W17415">
        <v>104</v>
      </c>
      <c r="X17415">
        <v>104</v>
      </c>
      <c r="Y17415">
        <v>105</v>
      </c>
      <c r="Z17415">
        <v>105</v>
      </c>
      <c r="AA17415">
        <v>106</v>
      </c>
      <c r="AB17415">
        <v>106</v>
      </c>
      <c r="AC17415">
        <v>106</v>
      </c>
      <c r="AD17415">
        <v>107</v>
      </c>
      <c r="AE17415">
        <v>107</v>
      </c>
      <c r="AF17415">
        <v>108</v>
      </c>
      <c r="AG17415">
        <v>108</v>
      </c>
      <c r="AH17415">
        <v>109</v>
      </c>
      <c r="AI17415">
        <v>109</v>
      </c>
      <c r="AJ17415">
        <v>109</v>
      </c>
      <c r="AK17415">
        <v>110</v>
      </c>
      <c r="AL17415">
        <v>110</v>
      </c>
      <c r="AM17415">
        <v>111</v>
      </c>
      <c r="AN17415">
        <v>111</v>
      </c>
      <c r="AO17415">
        <v>112</v>
      </c>
      <c r="AP17415">
        <v>112</v>
      </c>
      <c r="AQ17415">
        <v>112</v>
      </c>
    </row>
    <row r="17416" spans="1:43">
      <c r="A17416" t="s">
        <v>10796</v>
      </c>
      <c r="B17416" t="s">
        <v>10797</v>
      </c>
      <c r="C17416" t="s">
        <v>10792</v>
      </c>
      <c r="D17416" t="s">
        <v>10793</v>
      </c>
      <c r="E17416" t="s">
        <v>10732</v>
      </c>
      <c r="F17416" t="s">
        <v>10733</v>
      </c>
      <c r="G17416" t="s">
        <v>10734</v>
      </c>
      <c r="H17416" t="s">
        <v>10735</v>
      </c>
      <c r="I17416" s="2">
        <v>1</v>
      </c>
      <c r="J17416" s="2">
        <v>0</v>
      </c>
      <c r="K17416" s="2">
        <v>0</v>
      </c>
      <c r="L17416" t="s">
        <v>120</v>
      </c>
      <c r="M17416" t="s">
        <v>89</v>
      </c>
      <c r="N17416" t="s">
        <v>90</v>
      </c>
      <c r="O17416" t="s">
        <v>85</v>
      </c>
      <c r="P17416" t="s">
        <v>86</v>
      </c>
      <c r="Q17416">
        <v>101</v>
      </c>
      <c r="R17416">
        <v>103</v>
      </c>
      <c r="S17416">
        <v>106</v>
      </c>
      <c r="T17416">
        <v>108</v>
      </c>
      <c r="U17416">
        <v>110</v>
      </c>
      <c r="V17416">
        <v>112</v>
      </c>
      <c r="W17416">
        <v>114</v>
      </c>
      <c r="X17416">
        <v>116</v>
      </c>
      <c r="Y17416">
        <v>117</v>
      </c>
      <c r="Z17416">
        <v>119</v>
      </c>
      <c r="AA17416">
        <v>121</v>
      </c>
      <c r="AB17416">
        <v>123</v>
      </c>
      <c r="AC17416">
        <v>124</v>
      </c>
      <c r="AD17416">
        <v>126</v>
      </c>
      <c r="AE17416">
        <v>127</v>
      </c>
      <c r="AF17416">
        <v>127</v>
      </c>
      <c r="AG17416">
        <v>128</v>
      </c>
      <c r="AH17416">
        <v>128</v>
      </c>
      <c r="AI17416">
        <v>128</v>
      </c>
      <c r="AJ17416">
        <v>128</v>
      </c>
      <c r="AK17416">
        <v>128</v>
      </c>
      <c r="AL17416">
        <v>128</v>
      </c>
      <c r="AM17416">
        <v>128</v>
      </c>
      <c r="AN17416">
        <v>129</v>
      </c>
      <c r="AO17416">
        <v>129</v>
      </c>
      <c r="AP17416">
        <v>129</v>
      </c>
      <c r="AQ17416">
        <v>129</v>
      </c>
    </row>
    <row r="17417" spans="1:43">
      <c r="A17417" t="s">
        <v>10796</v>
      </c>
      <c r="B17417" t="s">
        <v>10797</v>
      </c>
      <c r="C17417" t="s">
        <v>10792</v>
      </c>
      <c r="D17417" t="s">
        <v>10793</v>
      </c>
      <c r="E17417" t="s">
        <v>10732</v>
      </c>
      <c r="F17417" t="s">
        <v>10733</v>
      </c>
      <c r="G17417" t="s">
        <v>10734</v>
      </c>
      <c r="H17417" t="s">
        <v>10735</v>
      </c>
      <c r="I17417" s="2">
        <v>1</v>
      </c>
      <c r="J17417" s="2">
        <v>0</v>
      </c>
      <c r="K17417" s="2">
        <v>0</v>
      </c>
      <c r="L17417" t="s">
        <v>120</v>
      </c>
      <c r="M17417" t="s">
        <v>83</v>
      </c>
      <c r="N17417" t="s">
        <v>91</v>
      </c>
      <c r="O17417" t="s">
        <v>85</v>
      </c>
      <c r="P17417" t="s">
        <v>86</v>
      </c>
      <c r="Q17417">
        <v>101</v>
      </c>
      <c r="R17417">
        <v>102</v>
      </c>
      <c r="S17417">
        <v>104</v>
      </c>
      <c r="T17417">
        <v>105</v>
      </c>
      <c r="U17417">
        <v>107</v>
      </c>
      <c r="V17417">
        <v>108</v>
      </c>
      <c r="W17417">
        <v>109</v>
      </c>
      <c r="X17417">
        <v>111</v>
      </c>
      <c r="Y17417">
        <v>112</v>
      </c>
      <c r="Z17417">
        <v>113</v>
      </c>
      <c r="AA17417">
        <v>115</v>
      </c>
      <c r="AB17417">
        <v>116</v>
      </c>
      <c r="AC17417">
        <v>117</v>
      </c>
      <c r="AD17417">
        <v>118</v>
      </c>
      <c r="AE17417">
        <v>120</v>
      </c>
      <c r="AF17417">
        <v>121</v>
      </c>
      <c r="AG17417">
        <v>122</v>
      </c>
      <c r="AH17417">
        <v>123</v>
      </c>
      <c r="AI17417">
        <v>125</v>
      </c>
      <c r="AJ17417">
        <v>126</v>
      </c>
      <c r="AK17417">
        <v>127</v>
      </c>
      <c r="AL17417">
        <v>128</v>
      </c>
      <c r="AM17417">
        <v>128</v>
      </c>
      <c r="AN17417">
        <v>128</v>
      </c>
      <c r="AO17417">
        <v>128</v>
      </c>
      <c r="AP17417">
        <v>128</v>
      </c>
      <c r="AQ17417">
        <v>128</v>
      </c>
    </row>
    <row r="17418" spans="1:43">
      <c r="A17418" t="s">
        <v>10798</v>
      </c>
      <c r="B17418" t="s">
        <v>10799</v>
      </c>
      <c r="C17418" t="s">
        <v>10792</v>
      </c>
      <c r="D17418" t="s">
        <v>10793</v>
      </c>
      <c r="E17418" t="s">
        <v>10732</v>
      </c>
      <c r="F17418" t="s">
        <v>10733</v>
      </c>
      <c r="G17418" t="s">
        <v>10734</v>
      </c>
      <c r="H17418" t="s">
        <v>10735</v>
      </c>
      <c r="I17418" s="2">
        <v>1</v>
      </c>
      <c r="J17418" s="2">
        <v>0</v>
      </c>
      <c r="K17418" s="2">
        <v>0</v>
      </c>
      <c r="L17418" t="s">
        <v>120</v>
      </c>
      <c r="M17418" t="s">
        <v>83</v>
      </c>
      <c r="N17418" t="s">
        <v>84</v>
      </c>
      <c r="O17418" t="s">
        <v>85</v>
      </c>
      <c r="P17418" t="s">
        <v>86</v>
      </c>
      <c r="Q17418">
        <v>23</v>
      </c>
      <c r="R17418">
        <v>24</v>
      </c>
      <c r="S17418">
        <v>24</v>
      </c>
      <c r="T17418">
        <v>24</v>
      </c>
      <c r="U17418">
        <v>25</v>
      </c>
      <c r="V17418">
        <v>25</v>
      </c>
      <c r="W17418">
        <v>25</v>
      </c>
      <c r="X17418">
        <v>26</v>
      </c>
      <c r="Y17418">
        <v>26</v>
      </c>
      <c r="Z17418">
        <v>26</v>
      </c>
      <c r="AA17418">
        <v>27</v>
      </c>
      <c r="AB17418">
        <v>27</v>
      </c>
      <c r="AC17418">
        <v>27</v>
      </c>
      <c r="AD17418">
        <v>27</v>
      </c>
      <c r="AE17418">
        <v>28</v>
      </c>
      <c r="AF17418">
        <v>28</v>
      </c>
      <c r="AG17418">
        <v>28</v>
      </c>
      <c r="AH17418">
        <v>29</v>
      </c>
      <c r="AI17418">
        <v>29</v>
      </c>
      <c r="AJ17418">
        <v>29</v>
      </c>
      <c r="AK17418">
        <v>29</v>
      </c>
      <c r="AL17418">
        <v>30</v>
      </c>
      <c r="AM17418">
        <v>30</v>
      </c>
      <c r="AN17418">
        <v>30</v>
      </c>
      <c r="AO17418">
        <v>30</v>
      </c>
      <c r="AP17418">
        <v>30</v>
      </c>
      <c r="AQ17418">
        <v>30</v>
      </c>
    </row>
    <row r="17419" spans="1:43">
      <c r="A17419" t="s">
        <v>10798</v>
      </c>
      <c r="B17419" t="s">
        <v>10799</v>
      </c>
      <c r="C17419" t="s">
        <v>10792</v>
      </c>
      <c r="D17419" t="s">
        <v>10793</v>
      </c>
      <c r="E17419" t="s">
        <v>10732</v>
      </c>
      <c r="F17419" t="s">
        <v>10733</v>
      </c>
      <c r="G17419" t="s">
        <v>10734</v>
      </c>
      <c r="H17419" t="s">
        <v>10735</v>
      </c>
      <c r="I17419" s="2">
        <v>1</v>
      </c>
      <c r="J17419" s="2">
        <v>0</v>
      </c>
      <c r="K17419" s="2">
        <v>0</v>
      </c>
      <c r="L17419" t="s">
        <v>120</v>
      </c>
      <c r="M17419" t="s">
        <v>87</v>
      </c>
      <c r="N17419" t="s">
        <v>88</v>
      </c>
      <c r="O17419" t="s">
        <v>85</v>
      </c>
      <c r="P17419" t="s">
        <v>86</v>
      </c>
      <c r="Q17419">
        <v>23</v>
      </c>
      <c r="R17419">
        <v>23</v>
      </c>
      <c r="S17419">
        <v>23</v>
      </c>
      <c r="T17419">
        <v>24</v>
      </c>
      <c r="U17419">
        <v>24</v>
      </c>
      <c r="V17419">
        <v>24</v>
      </c>
      <c r="W17419">
        <v>24</v>
      </c>
      <c r="X17419">
        <v>24</v>
      </c>
      <c r="Y17419">
        <v>24</v>
      </c>
      <c r="Z17419">
        <v>24</v>
      </c>
      <c r="AA17419">
        <v>24</v>
      </c>
      <c r="AB17419">
        <v>24</v>
      </c>
      <c r="AC17419">
        <v>24</v>
      </c>
      <c r="AD17419">
        <v>25</v>
      </c>
      <c r="AE17419">
        <v>25</v>
      </c>
      <c r="AF17419">
        <v>25</v>
      </c>
      <c r="AG17419">
        <v>25</v>
      </c>
      <c r="AH17419">
        <v>25</v>
      </c>
      <c r="AI17419">
        <v>25</v>
      </c>
      <c r="AJ17419">
        <v>25</v>
      </c>
      <c r="AK17419">
        <v>25</v>
      </c>
      <c r="AL17419">
        <v>25</v>
      </c>
      <c r="AM17419">
        <v>25</v>
      </c>
      <c r="AN17419">
        <v>26</v>
      </c>
      <c r="AO17419">
        <v>26</v>
      </c>
      <c r="AP17419">
        <v>26</v>
      </c>
      <c r="AQ17419">
        <v>26</v>
      </c>
    </row>
    <row r="17420" spans="1:43">
      <c r="A17420" t="s">
        <v>10798</v>
      </c>
      <c r="B17420" t="s">
        <v>10799</v>
      </c>
      <c r="C17420" t="s">
        <v>10792</v>
      </c>
      <c r="D17420" t="s">
        <v>10793</v>
      </c>
      <c r="E17420" t="s">
        <v>10732</v>
      </c>
      <c r="F17420" t="s">
        <v>10733</v>
      </c>
      <c r="G17420" t="s">
        <v>10734</v>
      </c>
      <c r="H17420" t="s">
        <v>10735</v>
      </c>
      <c r="I17420" s="2">
        <v>1</v>
      </c>
      <c r="J17420" s="2">
        <v>0</v>
      </c>
      <c r="K17420" s="2">
        <v>0</v>
      </c>
      <c r="L17420" t="s">
        <v>120</v>
      </c>
      <c r="M17420" t="s">
        <v>89</v>
      </c>
      <c r="N17420" t="s">
        <v>90</v>
      </c>
      <c r="O17420" t="s">
        <v>85</v>
      </c>
      <c r="P17420" t="s">
        <v>86</v>
      </c>
      <c r="Q17420">
        <v>23</v>
      </c>
      <c r="R17420">
        <v>23</v>
      </c>
      <c r="S17420">
        <v>24</v>
      </c>
      <c r="T17420">
        <v>24</v>
      </c>
      <c r="U17420">
        <v>25</v>
      </c>
      <c r="V17420">
        <v>25</v>
      </c>
      <c r="W17420">
        <v>26</v>
      </c>
      <c r="X17420">
        <v>26</v>
      </c>
      <c r="Y17420">
        <v>26</v>
      </c>
      <c r="Z17420">
        <v>27</v>
      </c>
      <c r="AA17420">
        <v>27</v>
      </c>
      <c r="AB17420">
        <v>28</v>
      </c>
      <c r="AC17420">
        <v>28</v>
      </c>
      <c r="AD17420">
        <v>28</v>
      </c>
      <c r="AE17420">
        <v>29</v>
      </c>
      <c r="AF17420">
        <v>29</v>
      </c>
      <c r="AG17420">
        <v>29</v>
      </c>
      <c r="AH17420">
        <v>29</v>
      </c>
      <c r="AI17420">
        <v>29</v>
      </c>
      <c r="AJ17420">
        <v>29</v>
      </c>
      <c r="AK17420">
        <v>29</v>
      </c>
      <c r="AL17420">
        <v>29</v>
      </c>
      <c r="AM17420">
        <v>29</v>
      </c>
      <c r="AN17420">
        <v>29</v>
      </c>
      <c r="AO17420">
        <v>29</v>
      </c>
      <c r="AP17420">
        <v>29</v>
      </c>
      <c r="AQ17420">
        <v>29</v>
      </c>
    </row>
    <row r="17421" spans="1:43">
      <c r="A17421" t="s">
        <v>10798</v>
      </c>
      <c r="B17421" t="s">
        <v>10799</v>
      </c>
      <c r="C17421" t="s">
        <v>10792</v>
      </c>
      <c r="D17421" t="s">
        <v>10793</v>
      </c>
      <c r="E17421" t="s">
        <v>10732</v>
      </c>
      <c r="F17421" t="s">
        <v>10733</v>
      </c>
      <c r="G17421" t="s">
        <v>10734</v>
      </c>
      <c r="H17421" t="s">
        <v>10735</v>
      </c>
      <c r="I17421" s="2">
        <v>1</v>
      </c>
      <c r="J17421" s="2">
        <v>0</v>
      </c>
      <c r="K17421" s="2">
        <v>0</v>
      </c>
      <c r="L17421" t="s">
        <v>120</v>
      </c>
      <c r="M17421" t="s">
        <v>83</v>
      </c>
      <c r="N17421" t="s">
        <v>91</v>
      </c>
      <c r="O17421" t="s">
        <v>85</v>
      </c>
      <c r="P17421" t="s">
        <v>86</v>
      </c>
      <c r="Q17421">
        <v>23</v>
      </c>
      <c r="R17421">
        <v>24</v>
      </c>
      <c r="S17421">
        <v>24</v>
      </c>
      <c r="T17421">
        <v>24</v>
      </c>
      <c r="U17421">
        <v>25</v>
      </c>
      <c r="V17421">
        <v>25</v>
      </c>
      <c r="W17421">
        <v>25</v>
      </c>
      <c r="X17421">
        <v>26</v>
      </c>
      <c r="Y17421">
        <v>26</v>
      </c>
      <c r="Z17421">
        <v>26</v>
      </c>
      <c r="AA17421">
        <v>27</v>
      </c>
      <c r="AB17421">
        <v>27</v>
      </c>
      <c r="AC17421">
        <v>27</v>
      </c>
      <c r="AD17421">
        <v>27</v>
      </c>
      <c r="AE17421">
        <v>28</v>
      </c>
      <c r="AF17421">
        <v>28</v>
      </c>
      <c r="AG17421">
        <v>28</v>
      </c>
      <c r="AH17421">
        <v>29</v>
      </c>
      <c r="AI17421">
        <v>29</v>
      </c>
      <c r="AJ17421">
        <v>29</v>
      </c>
      <c r="AK17421">
        <v>29</v>
      </c>
      <c r="AL17421">
        <v>30</v>
      </c>
      <c r="AM17421">
        <v>30</v>
      </c>
      <c r="AN17421">
        <v>30</v>
      </c>
      <c r="AO17421">
        <v>30</v>
      </c>
      <c r="AP17421">
        <v>30</v>
      </c>
      <c r="AQ17421">
        <v>30</v>
      </c>
    </row>
    <row r="17422" spans="1:43">
      <c r="A17422" t="s">
        <v>10800</v>
      </c>
      <c r="B17422" t="s">
        <v>10801</v>
      </c>
      <c r="C17422" t="s">
        <v>10792</v>
      </c>
      <c r="D17422" t="s">
        <v>10793</v>
      </c>
      <c r="E17422" t="s">
        <v>10732</v>
      </c>
      <c r="F17422" t="s">
        <v>10733</v>
      </c>
      <c r="G17422" t="s">
        <v>10734</v>
      </c>
      <c r="H17422" t="s">
        <v>10735</v>
      </c>
      <c r="I17422" s="2">
        <v>1</v>
      </c>
      <c r="J17422" s="2">
        <v>0</v>
      </c>
      <c r="K17422" s="2">
        <v>0</v>
      </c>
      <c r="L17422" t="s">
        <v>120</v>
      </c>
      <c r="M17422" t="s">
        <v>83</v>
      </c>
      <c r="N17422" t="s">
        <v>84</v>
      </c>
      <c r="O17422" t="s">
        <v>85</v>
      </c>
      <c r="P17422" t="s">
        <v>86</v>
      </c>
      <c r="Q17422">
        <v>50</v>
      </c>
      <c r="R17422">
        <v>50</v>
      </c>
      <c r="S17422">
        <v>51</v>
      </c>
      <c r="T17422">
        <v>52</v>
      </c>
      <c r="U17422">
        <v>52</v>
      </c>
      <c r="V17422">
        <v>53</v>
      </c>
      <c r="W17422">
        <v>54</v>
      </c>
      <c r="X17422">
        <v>54</v>
      </c>
      <c r="Y17422">
        <v>55</v>
      </c>
      <c r="Z17422">
        <v>56</v>
      </c>
      <c r="AA17422">
        <v>56</v>
      </c>
      <c r="AB17422">
        <v>57</v>
      </c>
      <c r="AC17422">
        <v>57</v>
      </c>
      <c r="AD17422">
        <v>58</v>
      </c>
      <c r="AE17422">
        <v>59</v>
      </c>
      <c r="AF17422">
        <v>59</v>
      </c>
      <c r="AG17422">
        <v>60</v>
      </c>
      <c r="AH17422">
        <v>60</v>
      </c>
      <c r="AI17422">
        <v>61</v>
      </c>
      <c r="AJ17422">
        <v>62</v>
      </c>
      <c r="AK17422">
        <v>62</v>
      </c>
      <c r="AL17422">
        <v>62</v>
      </c>
      <c r="AM17422">
        <v>62</v>
      </c>
      <c r="AN17422">
        <v>63</v>
      </c>
      <c r="AO17422">
        <v>63</v>
      </c>
      <c r="AP17422">
        <v>63</v>
      </c>
      <c r="AQ17422">
        <v>63</v>
      </c>
    </row>
    <row r="17423" spans="1:43">
      <c r="A17423" t="s">
        <v>10800</v>
      </c>
      <c r="B17423" t="s">
        <v>10801</v>
      </c>
      <c r="C17423" t="s">
        <v>10792</v>
      </c>
      <c r="D17423" t="s">
        <v>10793</v>
      </c>
      <c r="E17423" t="s">
        <v>10732</v>
      </c>
      <c r="F17423" t="s">
        <v>10733</v>
      </c>
      <c r="G17423" t="s">
        <v>10734</v>
      </c>
      <c r="H17423" t="s">
        <v>10735</v>
      </c>
      <c r="I17423" s="2">
        <v>1</v>
      </c>
      <c r="J17423" s="2">
        <v>0</v>
      </c>
      <c r="K17423" s="2">
        <v>0</v>
      </c>
      <c r="L17423" t="s">
        <v>120</v>
      </c>
      <c r="M17423" t="s">
        <v>87</v>
      </c>
      <c r="N17423" t="s">
        <v>88</v>
      </c>
      <c r="O17423" t="s">
        <v>85</v>
      </c>
      <c r="P17423" t="s">
        <v>86</v>
      </c>
      <c r="Q17423">
        <v>50</v>
      </c>
      <c r="R17423">
        <v>50</v>
      </c>
      <c r="S17423">
        <v>51</v>
      </c>
      <c r="T17423">
        <v>51</v>
      </c>
      <c r="U17423">
        <v>51</v>
      </c>
      <c r="V17423">
        <v>51</v>
      </c>
      <c r="W17423">
        <v>51</v>
      </c>
      <c r="X17423">
        <v>52</v>
      </c>
      <c r="Y17423">
        <v>52</v>
      </c>
      <c r="Z17423">
        <v>52</v>
      </c>
      <c r="AA17423">
        <v>52</v>
      </c>
      <c r="AB17423">
        <v>53</v>
      </c>
      <c r="AC17423">
        <v>53</v>
      </c>
      <c r="AD17423">
        <v>53</v>
      </c>
      <c r="AE17423">
        <v>53</v>
      </c>
      <c r="AF17423">
        <v>53</v>
      </c>
      <c r="AG17423">
        <v>54</v>
      </c>
      <c r="AH17423">
        <v>54</v>
      </c>
      <c r="AI17423">
        <v>54</v>
      </c>
      <c r="AJ17423">
        <v>54</v>
      </c>
      <c r="AK17423">
        <v>54</v>
      </c>
      <c r="AL17423">
        <v>55</v>
      </c>
      <c r="AM17423">
        <v>55</v>
      </c>
      <c r="AN17423">
        <v>55</v>
      </c>
      <c r="AO17423">
        <v>55</v>
      </c>
      <c r="AP17423">
        <v>56</v>
      </c>
      <c r="AQ17423">
        <v>56</v>
      </c>
    </row>
    <row r="17424" spans="1:43">
      <c r="A17424" t="s">
        <v>10800</v>
      </c>
      <c r="B17424" t="s">
        <v>10801</v>
      </c>
      <c r="C17424" t="s">
        <v>10792</v>
      </c>
      <c r="D17424" t="s">
        <v>10793</v>
      </c>
      <c r="E17424" t="s">
        <v>10732</v>
      </c>
      <c r="F17424" t="s">
        <v>10733</v>
      </c>
      <c r="G17424" t="s">
        <v>10734</v>
      </c>
      <c r="H17424" t="s">
        <v>10735</v>
      </c>
      <c r="I17424" s="2">
        <v>1</v>
      </c>
      <c r="J17424" s="2">
        <v>0</v>
      </c>
      <c r="K17424" s="2">
        <v>0</v>
      </c>
      <c r="L17424" t="s">
        <v>120</v>
      </c>
      <c r="M17424" t="s">
        <v>89</v>
      </c>
      <c r="N17424" t="s">
        <v>90</v>
      </c>
      <c r="O17424" t="s">
        <v>85</v>
      </c>
      <c r="P17424" t="s">
        <v>86</v>
      </c>
      <c r="Q17424">
        <v>50</v>
      </c>
      <c r="R17424">
        <v>51</v>
      </c>
      <c r="S17424">
        <v>52</v>
      </c>
      <c r="T17424">
        <v>53</v>
      </c>
      <c r="U17424">
        <v>54</v>
      </c>
      <c r="V17424">
        <v>55</v>
      </c>
      <c r="W17424">
        <v>56</v>
      </c>
      <c r="X17424">
        <v>57</v>
      </c>
      <c r="Y17424">
        <v>58</v>
      </c>
      <c r="Z17424">
        <v>59</v>
      </c>
      <c r="AA17424">
        <v>60</v>
      </c>
      <c r="AB17424">
        <v>60</v>
      </c>
      <c r="AC17424">
        <v>61</v>
      </c>
      <c r="AD17424">
        <v>62</v>
      </c>
      <c r="AE17424">
        <v>63</v>
      </c>
      <c r="AF17424">
        <v>63</v>
      </c>
      <c r="AG17424">
        <v>63</v>
      </c>
      <c r="AH17424">
        <v>63</v>
      </c>
      <c r="AI17424">
        <v>63</v>
      </c>
      <c r="AJ17424">
        <v>63</v>
      </c>
      <c r="AK17424">
        <v>63</v>
      </c>
      <c r="AL17424">
        <v>63</v>
      </c>
      <c r="AM17424">
        <v>63</v>
      </c>
      <c r="AN17424">
        <v>63</v>
      </c>
      <c r="AO17424">
        <v>63</v>
      </c>
      <c r="AP17424">
        <v>63</v>
      </c>
      <c r="AQ17424">
        <v>63</v>
      </c>
    </row>
    <row r="17425" spans="1:43">
      <c r="A17425" t="s">
        <v>10800</v>
      </c>
      <c r="B17425" t="s">
        <v>10801</v>
      </c>
      <c r="C17425" t="s">
        <v>10792</v>
      </c>
      <c r="D17425" t="s">
        <v>10793</v>
      </c>
      <c r="E17425" t="s">
        <v>10732</v>
      </c>
      <c r="F17425" t="s">
        <v>10733</v>
      </c>
      <c r="G17425" t="s">
        <v>10734</v>
      </c>
      <c r="H17425" t="s">
        <v>10735</v>
      </c>
      <c r="I17425" s="2">
        <v>1</v>
      </c>
      <c r="J17425" s="2">
        <v>0</v>
      </c>
      <c r="K17425" s="2">
        <v>0</v>
      </c>
      <c r="L17425" t="s">
        <v>120</v>
      </c>
      <c r="M17425" t="s">
        <v>83</v>
      </c>
      <c r="N17425" t="s">
        <v>91</v>
      </c>
      <c r="O17425" t="s">
        <v>85</v>
      </c>
      <c r="P17425" t="s">
        <v>86</v>
      </c>
      <c r="Q17425">
        <v>50</v>
      </c>
      <c r="R17425">
        <v>50</v>
      </c>
      <c r="S17425">
        <v>51</v>
      </c>
      <c r="T17425">
        <v>52</v>
      </c>
      <c r="U17425">
        <v>52</v>
      </c>
      <c r="V17425">
        <v>53</v>
      </c>
      <c r="W17425">
        <v>54</v>
      </c>
      <c r="X17425">
        <v>54</v>
      </c>
      <c r="Y17425">
        <v>55</v>
      </c>
      <c r="Z17425">
        <v>56</v>
      </c>
      <c r="AA17425">
        <v>56</v>
      </c>
      <c r="AB17425">
        <v>57</v>
      </c>
      <c r="AC17425">
        <v>57</v>
      </c>
      <c r="AD17425">
        <v>58</v>
      </c>
      <c r="AE17425">
        <v>59</v>
      </c>
      <c r="AF17425">
        <v>59</v>
      </c>
      <c r="AG17425">
        <v>60</v>
      </c>
      <c r="AH17425">
        <v>60</v>
      </c>
      <c r="AI17425">
        <v>61</v>
      </c>
      <c r="AJ17425">
        <v>62</v>
      </c>
      <c r="AK17425">
        <v>62</v>
      </c>
      <c r="AL17425">
        <v>62</v>
      </c>
      <c r="AM17425">
        <v>62</v>
      </c>
      <c r="AN17425">
        <v>63</v>
      </c>
      <c r="AO17425">
        <v>63</v>
      </c>
      <c r="AP17425">
        <v>63</v>
      </c>
      <c r="AQ17425">
        <v>63</v>
      </c>
    </row>
    <row r="17426" spans="1:43">
      <c r="A17426" t="s">
        <v>10802</v>
      </c>
      <c r="B17426" t="s">
        <v>10803</v>
      </c>
      <c r="C17426" t="s">
        <v>10792</v>
      </c>
      <c r="D17426" t="s">
        <v>10793</v>
      </c>
      <c r="E17426" t="s">
        <v>10732</v>
      </c>
      <c r="F17426" t="s">
        <v>10733</v>
      </c>
      <c r="G17426" t="s">
        <v>10734</v>
      </c>
      <c r="H17426" t="s">
        <v>10735</v>
      </c>
      <c r="I17426" s="2">
        <v>1</v>
      </c>
      <c r="J17426" s="2">
        <v>0</v>
      </c>
      <c r="K17426" s="2">
        <v>0</v>
      </c>
      <c r="L17426" t="s">
        <v>120</v>
      </c>
      <c r="M17426" t="s">
        <v>83</v>
      </c>
      <c r="N17426" t="s">
        <v>84</v>
      </c>
      <c r="O17426" t="s">
        <v>85</v>
      </c>
      <c r="P17426" t="s">
        <v>86</v>
      </c>
      <c r="Q17426">
        <v>7</v>
      </c>
      <c r="R17426">
        <v>7</v>
      </c>
      <c r="S17426">
        <v>7</v>
      </c>
      <c r="T17426">
        <v>8</v>
      </c>
      <c r="U17426">
        <v>8</v>
      </c>
      <c r="V17426">
        <v>8</v>
      </c>
      <c r="W17426">
        <v>8</v>
      </c>
      <c r="X17426">
        <v>8</v>
      </c>
      <c r="Y17426">
        <v>8</v>
      </c>
      <c r="Z17426">
        <v>8</v>
      </c>
      <c r="AA17426">
        <v>8</v>
      </c>
      <c r="AB17426">
        <v>8</v>
      </c>
      <c r="AC17426">
        <v>8</v>
      </c>
      <c r="AD17426">
        <v>9</v>
      </c>
      <c r="AE17426">
        <v>9</v>
      </c>
      <c r="AF17426">
        <v>9</v>
      </c>
      <c r="AG17426">
        <v>9</v>
      </c>
      <c r="AH17426">
        <v>9</v>
      </c>
      <c r="AI17426">
        <v>9</v>
      </c>
      <c r="AJ17426">
        <v>9</v>
      </c>
      <c r="AK17426">
        <v>9</v>
      </c>
      <c r="AL17426">
        <v>9</v>
      </c>
      <c r="AM17426">
        <v>9</v>
      </c>
      <c r="AN17426">
        <v>9</v>
      </c>
      <c r="AO17426">
        <v>9</v>
      </c>
      <c r="AP17426">
        <v>9</v>
      </c>
      <c r="AQ17426">
        <v>9</v>
      </c>
    </row>
    <row r="17427" spans="1:43">
      <c r="A17427" t="s">
        <v>10802</v>
      </c>
      <c r="B17427" t="s">
        <v>10803</v>
      </c>
      <c r="C17427" t="s">
        <v>10792</v>
      </c>
      <c r="D17427" t="s">
        <v>10793</v>
      </c>
      <c r="E17427" t="s">
        <v>10732</v>
      </c>
      <c r="F17427" t="s">
        <v>10733</v>
      </c>
      <c r="G17427" t="s">
        <v>10734</v>
      </c>
      <c r="H17427" t="s">
        <v>10735</v>
      </c>
      <c r="I17427" s="2">
        <v>1</v>
      </c>
      <c r="J17427" s="2">
        <v>0</v>
      </c>
      <c r="K17427" s="2">
        <v>0</v>
      </c>
      <c r="L17427" t="s">
        <v>120</v>
      </c>
      <c r="M17427" t="s">
        <v>87</v>
      </c>
      <c r="N17427" t="s">
        <v>88</v>
      </c>
      <c r="O17427" t="s">
        <v>85</v>
      </c>
      <c r="P17427" t="s">
        <v>86</v>
      </c>
      <c r="Q17427">
        <v>7</v>
      </c>
      <c r="R17427">
        <v>7</v>
      </c>
      <c r="S17427">
        <v>7</v>
      </c>
      <c r="T17427">
        <v>7</v>
      </c>
      <c r="U17427">
        <v>7</v>
      </c>
      <c r="V17427">
        <v>7</v>
      </c>
      <c r="W17427">
        <v>7</v>
      </c>
      <c r="X17427">
        <v>7</v>
      </c>
      <c r="Y17427">
        <v>7</v>
      </c>
      <c r="Z17427">
        <v>8</v>
      </c>
      <c r="AA17427">
        <v>8</v>
      </c>
      <c r="AB17427">
        <v>8</v>
      </c>
      <c r="AC17427">
        <v>8</v>
      </c>
      <c r="AD17427">
        <v>8</v>
      </c>
      <c r="AE17427">
        <v>8</v>
      </c>
      <c r="AF17427">
        <v>8</v>
      </c>
      <c r="AG17427">
        <v>8</v>
      </c>
      <c r="AH17427">
        <v>8</v>
      </c>
      <c r="AI17427">
        <v>8</v>
      </c>
      <c r="AJ17427">
        <v>8</v>
      </c>
      <c r="AK17427">
        <v>8</v>
      </c>
      <c r="AL17427">
        <v>8</v>
      </c>
      <c r="AM17427">
        <v>8</v>
      </c>
      <c r="AN17427">
        <v>8</v>
      </c>
      <c r="AO17427">
        <v>8</v>
      </c>
      <c r="AP17427">
        <v>8</v>
      </c>
      <c r="AQ17427">
        <v>8</v>
      </c>
    </row>
    <row r="17428" spans="1:43">
      <c r="A17428" t="s">
        <v>10802</v>
      </c>
      <c r="B17428" t="s">
        <v>10803</v>
      </c>
      <c r="C17428" t="s">
        <v>10792</v>
      </c>
      <c r="D17428" t="s">
        <v>10793</v>
      </c>
      <c r="E17428" t="s">
        <v>10732</v>
      </c>
      <c r="F17428" t="s">
        <v>10733</v>
      </c>
      <c r="G17428" t="s">
        <v>10734</v>
      </c>
      <c r="H17428" t="s">
        <v>10735</v>
      </c>
      <c r="I17428" s="2">
        <v>1</v>
      </c>
      <c r="J17428" s="2">
        <v>0</v>
      </c>
      <c r="K17428" s="2">
        <v>0</v>
      </c>
      <c r="L17428" t="s">
        <v>120</v>
      </c>
      <c r="M17428" t="s">
        <v>89</v>
      </c>
      <c r="N17428" t="s">
        <v>90</v>
      </c>
      <c r="O17428" t="s">
        <v>85</v>
      </c>
      <c r="P17428" t="s">
        <v>86</v>
      </c>
      <c r="Q17428">
        <v>7</v>
      </c>
      <c r="R17428">
        <v>8</v>
      </c>
      <c r="S17428">
        <v>8</v>
      </c>
      <c r="T17428">
        <v>8</v>
      </c>
      <c r="U17428">
        <v>8</v>
      </c>
      <c r="V17428">
        <v>8</v>
      </c>
      <c r="W17428">
        <v>8</v>
      </c>
      <c r="X17428">
        <v>8</v>
      </c>
      <c r="Y17428">
        <v>9</v>
      </c>
      <c r="Z17428">
        <v>9</v>
      </c>
      <c r="AA17428">
        <v>9</v>
      </c>
      <c r="AB17428">
        <v>9</v>
      </c>
      <c r="AC17428">
        <v>9</v>
      </c>
      <c r="AD17428">
        <v>9</v>
      </c>
      <c r="AE17428">
        <v>9</v>
      </c>
      <c r="AF17428">
        <v>9</v>
      </c>
      <c r="AG17428">
        <v>9</v>
      </c>
      <c r="AH17428">
        <v>9</v>
      </c>
      <c r="AI17428">
        <v>9</v>
      </c>
      <c r="AJ17428">
        <v>9</v>
      </c>
      <c r="AK17428">
        <v>9</v>
      </c>
      <c r="AL17428">
        <v>9</v>
      </c>
      <c r="AM17428">
        <v>9</v>
      </c>
      <c r="AN17428">
        <v>9</v>
      </c>
      <c r="AO17428">
        <v>9</v>
      </c>
      <c r="AP17428">
        <v>9</v>
      </c>
      <c r="AQ17428">
        <v>9</v>
      </c>
    </row>
    <row r="17429" spans="1:43">
      <c r="A17429" t="s">
        <v>10802</v>
      </c>
      <c r="B17429" t="s">
        <v>10803</v>
      </c>
      <c r="C17429" t="s">
        <v>10792</v>
      </c>
      <c r="D17429" t="s">
        <v>10793</v>
      </c>
      <c r="E17429" t="s">
        <v>10732</v>
      </c>
      <c r="F17429" t="s">
        <v>10733</v>
      </c>
      <c r="G17429" t="s">
        <v>10734</v>
      </c>
      <c r="H17429" t="s">
        <v>10735</v>
      </c>
      <c r="I17429" s="2">
        <v>1</v>
      </c>
      <c r="J17429" s="2">
        <v>0</v>
      </c>
      <c r="K17429" s="2">
        <v>0</v>
      </c>
      <c r="L17429" t="s">
        <v>120</v>
      </c>
      <c r="M17429" t="s">
        <v>83</v>
      </c>
      <c r="N17429" t="s">
        <v>91</v>
      </c>
      <c r="O17429" t="s">
        <v>85</v>
      </c>
      <c r="P17429" t="s">
        <v>86</v>
      </c>
      <c r="Q17429">
        <v>7</v>
      </c>
      <c r="R17429">
        <v>7</v>
      </c>
      <c r="S17429">
        <v>7</v>
      </c>
      <c r="T17429">
        <v>8</v>
      </c>
      <c r="U17429">
        <v>8</v>
      </c>
      <c r="V17429">
        <v>8</v>
      </c>
      <c r="W17429">
        <v>8</v>
      </c>
      <c r="X17429">
        <v>8</v>
      </c>
      <c r="Y17429">
        <v>8</v>
      </c>
      <c r="Z17429">
        <v>8</v>
      </c>
      <c r="AA17429">
        <v>8</v>
      </c>
      <c r="AB17429">
        <v>8</v>
      </c>
      <c r="AC17429">
        <v>8</v>
      </c>
      <c r="AD17429">
        <v>9</v>
      </c>
      <c r="AE17429">
        <v>9</v>
      </c>
      <c r="AF17429">
        <v>9</v>
      </c>
      <c r="AG17429">
        <v>9</v>
      </c>
      <c r="AH17429">
        <v>9</v>
      </c>
      <c r="AI17429">
        <v>9</v>
      </c>
      <c r="AJ17429">
        <v>9</v>
      </c>
      <c r="AK17429">
        <v>9</v>
      </c>
      <c r="AL17429">
        <v>9</v>
      </c>
      <c r="AM17429">
        <v>9</v>
      </c>
      <c r="AN17429">
        <v>9</v>
      </c>
      <c r="AO17429">
        <v>9</v>
      </c>
      <c r="AP17429">
        <v>9</v>
      </c>
      <c r="AQ17429">
        <v>9</v>
      </c>
    </row>
    <row r="17430" spans="1:43">
      <c r="A17430" t="s">
        <v>10804</v>
      </c>
      <c r="B17430" t="s">
        <v>10805</v>
      </c>
      <c r="C17430" t="s">
        <v>10806</v>
      </c>
      <c r="D17430" t="s">
        <v>10807</v>
      </c>
      <c r="E17430" t="s">
        <v>10732</v>
      </c>
      <c r="F17430" t="s">
        <v>10733</v>
      </c>
      <c r="G17430" t="s">
        <v>10734</v>
      </c>
      <c r="H17430" t="s">
        <v>10735</v>
      </c>
      <c r="I17430" s="2">
        <v>1</v>
      </c>
      <c r="J17430" s="2">
        <v>0</v>
      </c>
      <c r="K17430" s="2">
        <v>0</v>
      </c>
      <c r="L17430" t="s">
        <v>120</v>
      </c>
      <c r="M17430" t="s">
        <v>83</v>
      </c>
      <c r="N17430" t="s">
        <v>84</v>
      </c>
      <c r="O17430" t="s">
        <v>85</v>
      </c>
      <c r="P17430" t="s">
        <v>86</v>
      </c>
      <c r="Q17430">
        <v>23</v>
      </c>
      <c r="R17430">
        <v>24</v>
      </c>
      <c r="S17430">
        <v>24</v>
      </c>
      <c r="T17430">
        <v>24</v>
      </c>
      <c r="U17430">
        <v>25</v>
      </c>
      <c r="V17430">
        <v>25</v>
      </c>
      <c r="W17430">
        <v>25</v>
      </c>
      <c r="X17430">
        <v>25</v>
      </c>
      <c r="Y17430">
        <v>26</v>
      </c>
      <c r="Z17430">
        <v>26</v>
      </c>
      <c r="AA17430">
        <v>26</v>
      </c>
      <c r="AB17430">
        <v>27</v>
      </c>
      <c r="AC17430">
        <v>27</v>
      </c>
      <c r="AD17430">
        <v>27</v>
      </c>
      <c r="AE17430">
        <v>28</v>
      </c>
      <c r="AF17430">
        <v>28</v>
      </c>
      <c r="AG17430">
        <v>28</v>
      </c>
      <c r="AH17430">
        <v>28</v>
      </c>
      <c r="AI17430">
        <v>29</v>
      </c>
      <c r="AJ17430">
        <v>29</v>
      </c>
      <c r="AK17430">
        <v>29</v>
      </c>
      <c r="AL17430">
        <v>29</v>
      </c>
      <c r="AM17430">
        <v>29</v>
      </c>
      <c r="AN17430">
        <v>29</v>
      </c>
      <c r="AO17430">
        <v>30</v>
      </c>
      <c r="AP17430">
        <v>30</v>
      </c>
      <c r="AQ17430">
        <v>30</v>
      </c>
    </row>
    <row r="17431" spans="1:43">
      <c r="A17431" t="s">
        <v>10804</v>
      </c>
      <c r="B17431" t="s">
        <v>10805</v>
      </c>
      <c r="C17431" t="s">
        <v>10806</v>
      </c>
      <c r="D17431" t="s">
        <v>10807</v>
      </c>
      <c r="E17431" t="s">
        <v>10732</v>
      </c>
      <c r="F17431" t="s">
        <v>10733</v>
      </c>
      <c r="G17431" t="s">
        <v>10734</v>
      </c>
      <c r="H17431" t="s">
        <v>10735</v>
      </c>
      <c r="I17431" s="2">
        <v>1</v>
      </c>
      <c r="J17431" s="2">
        <v>0</v>
      </c>
      <c r="K17431" s="2">
        <v>0</v>
      </c>
      <c r="L17431" t="s">
        <v>120</v>
      </c>
      <c r="M17431" t="s">
        <v>87</v>
      </c>
      <c r="N17431" t="s">
        <v>88</v>
      </c>
      <c r="O17431" t="s">
        <v>85</v>
      </c>
      <c r="P17431" t="s">
        <v>86</v>
      </c>
      <c r="Q17431">
        <v>23</v>
      </c>
      <c r="R17431">
        <v>23</v>
      </c>
      <c r="S17431">
        <v>23</v>
      </c>
      <c r="T17431">
        <v>23</v>
      </c>
      <c r="U17431">
        <v>23</v>
      </c>
      <c r="V17431">
        <v>24</v>
      </c>
      <c r="W17431">
        <v>24</v>
      </c>
      <c r="X17431">
        <v>24</v>
      </c>
      <c r="Y17431">
        <v>24</v>
      </c>
      <c r="Z17431">
        <v>24</v>
      </c>
      <c r="AA17431">
        <v>24</v>
      </c>
      <c r="AB17431">
        <v>24</v>
      </c>
      <c r="AC17431">
        <v>24</v>
      </c>
      <c r="AD17431">
        <v>24</v>
      </c>
      <c r="AE17431">
        <v>24</v>
      </c>
      <c r="AF17431">
        <v>25</v>
      </c>
      <c r="AG17431">
        <v>25</v>
      </c>
      <c r="AH17431">
        <v>25</v>
      </c>
      <c r="AI17431">
        <v>25</v>
      </c>
      <c r="AJ17431">
        <v>25</v>
      </c>
      <c r="AK17431">
        <v>25</v>
      </c>
      <c r="AL17431">
        <v>25</v>
      </c>
      <c r="AM17431">
        <v>25</v>
      </c>
      <c r="AN17431">
        <v>25</v>
      </c>
      <c r="AO17431">
        <v>25</v>
      </c>
      <c r="AP17431">
        <v>25</v>
      </c>
      <c r="AQ17431">
        <v>26</v>
      </c>
    </row>
    <row r="17432" spans="1:43">
      <c r="A17432" t="s">
        <v>10804</v>
      </c>
      <c r="B17432" t="s">
        <v>10805</v>
      </c>
      <c r="C17432" t="s">
        <v>10806</v>
      </c>
      <c r="D17432" t="s">
        <v>10807</v>
      </c>
      <c r="E17432" t="s">
        <v>10732</v>
      </c>
      <c r="F17432" t="s">
        <v>10733</v>
      </c>
      <c r="G17432" t="s">
        <v>10734</v>
      </c>
      <c r="H17432" t="s">
        <v>10735</v>
      </c>
      <c r="I17432" s="2">
        <v>1</v>
      </c>
      <c r="J17432" s="2">
        <v>0</v>
      </c>
      <c r="K17432" s="2">
        <v>0</v>
      </c>
      <c r="L17432" t="s">
        <v>120</v>
      </c>
      <c r="M17432" t="s">
        <v>89</v>
      </c>
      <c r="N17432" t="s">
        <v>90</v>
      </c>
      <c r="O17432" t="s">
        <v>85</v>
      </c>
      <c r="P17432" t="s">
        <v>86</v>
      </c>
      <c r="Q17432">
        <v>23</v>
      </c>
      <c r="R17432">
        <v>24</v>
      </c>
      <c r="S17432">
        <v>24</v>
      </c>
      <c r="T17432">
        <v>25</v>
      </c>
      <c r="U17432">
        <v>25</v>
      </c>
      <c r="V17432">
        <v>26</v>
      </c>
      <c r="W17432">
        <v>26</v>
      </c>
      <c r="X17432">
        <v>27</v>
      </c>
      <c r="Y17432">
        <v>27</v>
      </c>
      <c r="Z17432">
        <v>28</v>
      </c>
      <c r="AA17432">
        <v>28</v>
      </c>
      <c r="AB17432">
        <v>28</v>
      </c>
      <c r="AC17432">
        <v>29</v>
      </c>
      <c r="AD17432">
        <v>29</v>
      </c>
      <c r="AE17432">
        <v>30</v>
      </c>
      <c r="AF17432">
        <v>30</v>
      </c>
      <c r="AG17432">
        <v>30</v>
      </c>
      <c r="AH17432">
        <v>30</v>
      </c>
      <c r="AI17432">
        <v>30</v>
      </c>
      <c r="AJ17432">
        <v>30</v>
      </c>
      <c r="AK17432">
        <v>30</v>
      </c>
      <c r="AL17432">
        <v>30</v>
      </c>
      <c r="AM17432">
        <v>30</v>
      </c>
      <c r="AN17432">
        <v>30</v>
      </c>
      <c r="AO17432">
        <v>30</v>
      </c>
      <c r="AP17432">
        <v>30</v>
      </c>
      <c r="AQ17432">
        <v>30</v>
      </c>
    </row>
    <row r="17433" spans="1:43">
      <c r="A17433" t="s">
        <v>10804</v>
      </c>
      <c r="B17433" t="s">
        <v>10805</v>
      </c>
      <c r="C17433" t="s">
        <v>10806</v>
      </c>
      <c r="D17433" t="s">
        <v>10807</v>
      </c>
      <c r="E17433" t="s">
        <v>10732</v>
      </c>
      <c r="F17433" t="s">
        <v>10733</v>
      </c>
      <c r="G17433" t="s">
        <v>10734</v>
      </c>
      <c r="H17433" t="s">
        <v>10735</v>
      </c>
      <c r="I17433" s="2">
        <v>1</v>
      </c>
      <c r="J17433" s="2">
        <v>0</v>
      </c>
      <c r="K17433" s="2">
        <v>0</v>
      </c>
      <c r="L17433" t="s">
        <v>120</v>
      </c>
      <c r="M17433" t="s">
        <v>83</v>
      </c>
      <c r="N17433" t="s">
        <v>91</v>
      </c>
      <c r="O17433" t="s">
        <v>85</v>
      </c>
      <c r="P17433" t="s">
        <v>86</v>
      </c>
      <c r="Q17433">
        <v>23</v>
      </c>
      <c r="R17433">
        <v>24</v>
      </c>
      <c r="S17433">
        <v>24</v>
      </c>
      <c r="T17433">
        <v>24</v>
      </c>
      <c r="U17433">
        <v>25</v>
      </c>
      <c r="V17433">
        <v>25</v>
      </c>
      <c r="W17433">
        <v>25</v>
      </c>
      <c r="X17433">
        <v>25</v>
      </c>
      <c r="Y17433">
        <v>26</v>
      </c>
      <c r="Z17433">
        <v>26</v>
      </c>
      <c r="AA17433">
        <v>26</v>
      </c>
      <c r="AB17433">
        <v>27</v>
      </c>
      <c r="AC17433">
        <v>27</v>
      </c>
      <c r="AD17433">
        <v>27</v>
      </c>
      <c r="AE17433">
        <v>28</v>
      </c>
      <c r="AF17433">
        <v>28</v>
      </c>
      <c r="AG17433">
        <v>28</v>
      </c>
      <c r="AH17433">
        <v>28</v>
      </c>
      <c r="AI17433">
        <v>29</v>
      </c>
      <c r="AJ17433">
        <v>29</v>
      </c>
      <c r="AK17433">
        <v>29</v>
      </c>
      <c r="AL17433">
        <v>29</v>
      </c>
      <c r="AM17433">
        <v>29</v>
      </c>
      <c r="AN17433">
        <v>29</v>
      </c>
      <c r="AO17433">
        <v>30</v>
      </c>
      <c r="AP17433">
        <v>30</v>
      </c>
      <c r="AQ17433">
        <v>30</v>
      </c>
    </row>
    <row r="17434" spans="1:43">
      <c r="A17434" t="s">
        <v>10808</v>
      </c>
      <c r="B17434" t="s">
        <v>10809</v>
      </c>
      <c r="C17434" t="s">
        <v>10806</v>
      </c>
      <c r="D17434" t="s">
        <v>10807</v>
      </c>
      <c r="E17434" t="s">
        <v>10732</v>
      </c>
      <c r="F17434" t="s">
        <v>10733</v>
      </c>
      <c r="G17434" t="s">
        <v>10734</v>
      </c>
      <c r="H17434" t="s">
        <v>10735</v>
      </c>
      <c r="I17434" s="2">
        <v>1</v>
      </c>
      <c r="J17434" s="2">
        <v>0</v>
      </c>
      <c r="K17434" s="2">
        <v>0</v>
      </c>
      <c r="L17434" t="s">
        <v>120</v>
      </c>
      <c r="M17434" t="s">
        <v>83</v>
      </c>
      <c r="N17434" t="s">
        <v>84</v>
      </c>
      <c r="O17434" t="s">
        <v>85</v>
      </c>
      <c r="P17434" t="s">
        <v>86</v>
      </c>
      <c r="Q17434">
        <v>85</v>
      </c>
      <c r="R17434">
        <v>86</v>
      </c>
      <c r="S17434">
        <v>87</v>
      </c>
      <c r="T17434">
        <v>88</v>
      </c>
      <c r="U17434">
        <v>89</v>
      </c>
      <c r="V17434">
        <v>90</v>
      </c>
      <c r="W17434">
        <v>92</v>
      </c>
      <c r="X17434">
        <v>93</v>
      </c>
      <c r="Y17434">
        <v>94</v>
      </c>
      <c r="Z17434">
        <v>95</v>
      </c>
      <c r="AA17434">
        <v>96</v>
      </c>
      <c r="AB17434">
        <v>97</v>
      </c>
      <c r="AC17434">
        <v>98</v>
      </c>
      <c r="AD17434">
        <v>99</v>
      </c>
      <c r="AE17434">
        <v>100</v>
      </c>
      <c r="AF17434">
        <v>101</v>
      </c>
      <c r="AG17434">
        <v>102</v>
      </c>
      <c r="AH17434">
        <v>104</v>
      </c>
      <c r="AI17434">
        <v>105</v>
      </c>
      <c r="AJ17434">
        <v>106</v>
      </c>
      <c r="AK17434">
        <v>107</v>
      </c>
      <c r="AL17434">
        <v>107</v>
      </c>
      <c r="AM17434">
        <v>107</v>
      </c>
      <c r="AN17434">
        <v>107</v>
      </c>
      <c r="AO17434">
        <v>108</v>
      </c>
      <c r="AP17434">
        <v>108</v>
      </c>
      <c r="AQ17434">
        <v>108</v>
      </c>
    </row>
    <row r="17435" spans="1:43">
      <c r="A17435" t="s">
        <v>10808</v>
      </c>
      <c r="B17435" t="s">
        <v>10809</v>
      </c>
      <c r="C17435" t="s">
        <v>10806</v>
      </c>
      <c r="D17435" t="s">
        <v>10807</v>
      </c>
      <c r="E17435" t="s">
        <v>10732</v>
      </c>
      <c r="F17435" t="s">
        <v>10733</v>
      </c>
      <c r="G17435" t="s">
        <v>10734</v>
      </c>
      <c r="H17435" t="s">
        <v>10735</v>
      </c>
      <c r="I17435" s="2">
        <v>1</v>
      </c>
      <c r="J17435" s="2">
        <v>0</v>
      </c>
      <c r="K17435" s="2">
        <v>0</v>
      </c>
      <c r="L17435" t="s">
        <v>120</v>
      </c>
      <c r="M17435" t="s">
        <v>87</v>
      </c>
      <c r="N17435" t="s">
        <v>88</v>
      </c>
      <c r="O17435" t="s">
        <v>85</v>
      </c>
      <c r="P17435" t="s">
        <v>86</v>
      </c>
      <c r="Q17435">
        <v>85</v>
      </c>
      <c r="R17435">
        <v>85</v>
      </c>
      <c r="S17435">
        <v>86</v>
      </c>
      <c r="T17435">
        <v>86</v>
      </c>
      <c r="U17435">
        <v>86</v>
      </c>
      <c r="V17435">
        <v>87</v>
      </c>
      <c r="W17435">
        <v>87</v>
      </c>
      <c r="X17435">
        <v>87</v>
      </c>
      <c r="Y17435">
        <v>88</v>
      </c>
      <c r="Z17435">
        <v>88</v>
      </c>
      <c r="AA17435">
        <v>89</v>
      </c>
      <c r="AB17435">
        <v>89</v>
      </c>
      <c r="AC17435">
        <v>89</v>
      </c>
      <c r="AD17435">
        <v>90</v>
      </c>
      <c r="AE17435">
        <v>90</v>
      </c>
      <c r="AF17435">
        <v>90</v>
      </c>
      <c r="AG17435">
        <v>91</v>
      </c>
      <c r="AH17435">
        <v>91</v>
      </c>
      <c r="AI17435">
        <v>91</v>
      </c>
      <c r="AJ17435">
        <v>92</v>
      </c>
      <c r="AK17435">
        <v>92</v>
      </c>
      <c r="AL17435">
        <v>92</v>
      </c>
      <c r="AM17435">
        <v>93</v>
      </c>
      <c r="AN17435">
        <v>93</v>
      </c>
      <c r="AO17435">
        <v>94</v>
      </c>
      <c r="AP17435">
        <v>94</v>
      </c>
      <c r="AQ17435">
        <v>94</v>
      </c>
    </row>
    <row r="17436" spans="1:43">
      <c r="A17436" t="s">
        <v>10808</v>
      </c>
      <c r="B17436" t="s">
        <v>10809</v>
      </c>
      <c r="C17436" t="s">
        <v>10806</v>
      </c>
      <c r="D17436" t="s">
        <v>10807</v>
      </c>
      <c r="E17436" t="s">
        <v>10732</v>
      </c>
      <c r="F17436" t="s">
        <v>10733</v>
      </c>
      <c r="G17436" t="s">
        <v>10734</v>
      </c>
      <c r="H17436" t="s">
        <v>10735</v>
      </c>
      <c r="I17436" s="2">
        <v>1</v>
      </c>
      <c r="J17436" s="2">
        <v>0</v>
      </c>
      <c r="K17436" s="2">
        <v>0</v>
      </c>
      <c r="L17436" t="s">
        <v>120</v>
      </c>
      <c r="M17436" t="s">
        <v>89</v>
      </c>
      <c r="N17436" t="s">
        <v>90</v>
      </c>
      <c r="O17436" t="s">
        <v>85</v>
      </c>
      <c r="P17436" t="s">
        <v>86</v>
      </c>
      <c r="Q17436">
        <v>85</v>
      </c>
      <c r="R17436">
        <v>87</v>
      </c>
      <c r="S17436">
        <v>89</v>
      </c>
      <c r="T17436">
        <v>91</v>
      </c>
      <c r="U17436">
        <v>93</v>
      </c>
      <c r="V17436">
        <v>94</v>
      </c>
      <c r="W17436">
        <v>96</v>
      </c>
      <c r="X17436">
        <v>98</v>
      </c>
      <c r="Y17436">
        <v>99</v>
      </c>
      <c r="Z17436">
        <v>101</v>
      </c>
      <c r="AA17436">
        <v>102</v>
      </c>
      <c r="AB17436">
        <v>104</v>
      </c>
      <c r="AC17436">
        <v>105</v>
      </c>
      <c r="AD17436">
        <v>107</v>
      </c>
      <c r="AE17436">
        <v>108</v>
      </c>
      <c r="AF17436">
        <v>108</v>
      </c>
      <c r="AG17436">
        <v>108</v>
      </c>
      <c r="AH17436">
        <v>108</v>
      </c>
      <c r="AI17436">
        <v>108</v>
      </c>
      <c r="AJ17436">
        <v>108</v>
      </c>
      <c r="AK17436">
        <v>108</v>
      </c>
      <c r="AL17436">
        <v>109</v>
      </c>
      <c r="AM17436">
        <v>109</v>
      </c>
      <c r="AN17436">
        <v>109</v>
      </c>
      <c r="AO17436">
        <v>109</v>
      </c>
      <c r="AP17436">
        <v>109</v>
      </c>
      <c r="AQ17436">
        <v>109</v>
      </c>
    </row>
    <row r="17437" spans="1:43">
      <c r="A17437" t="s">
        <v>10808</v>
      </c>
      <c r="B17437" t="s">
        <v>10809</v>
      </c>
      <c r="C17437" t="s">
        <v>10806</v>
      </c>
      <c r="D17437" t="s">
        <v>10807</v>
      </c>
      <c r="E17437" t="s">
        <v>10732</v>
      </c>
      <c r="F17437" t="s">
        <v>10733</v>
      </c>
      <c r="G17437" t="s">
        <v>10734</v>
      </c>
      <c r="H17437" t="s">
        <v>10735</v>
      </c>
      <c r="I17437" s="2">
        <v>1</v>
      </c>
      <c r="J17437" s="2">
        <v>0</v>
      </c>
      <c r="K17437" s="2">
        <v>0</v>
      </c>
      <c r="L17437" t="s">
        <v>120</v>
      </c>
      <c r="M17437" t="s">
        <v>83</v>
      </c>
      <c r="N17437" t="s">
        <v>91</v>
      </c>
      <c r="O17437" t="s">
        <v>85</v>
      </c>
      <c r="P17437" t="s">
        <v>86</v>
      </c>
      <c r="Q17437">
        <v>85</v>
      </c>
      <c r="R17437">
        <v>86</v>
      </c>
      <c r="S17437">
        <v>87</v>
      </c>
      <c r="T17437">
        <v>88</v>
      </c>
      <c r="U17437">
        <v>89</v>
      </c>
      <c r="V17437">
        <v>90</v>
      </c>
      <c r="W17437">
        <v>92</v>
      </c>
      <c r="X17437">
        <v>93</v>
      </c>
      <c r="Y17437">
        <v>94</v>
      </c>
      <c r="Z17437">
        <v>95</v>
      </c>
      <c r="AA17437">
        <v>96</v>
      </c>
      <c r="AB17437">
        <v>97</v>
      </c>
      <c r="AC17437">
        <v>98</v>
      </c>
      <c r="AD17437">
        <v>99</v>
      </c>
      <c r="AE17437">
        <v>100</v>
      </c>
      <c r="AF17437">
        <v>101</v>
      </c>
      <c r="AG17437">
        <v>102</v>
      </c>
      <c r="AH17437">
        <v>104</v>
      </c>
      <c r="AI17437">
        <v>105</v>
      </c>
      <c r="AJ17437">
        <v>106</v>
      </c>
      <c r="AK17437">
        <v>107</v>
      </c>
      <c r="AL17437">
        <v>107</v>
      </c>
      <c r="AM17437">
        <v>107</v>
      </c>
      <c r="AN17437">
        <v>107</v>
      </c>
      <c r="AO17437">
        <v>108</v>
      </c>
      <c r="AP17437">
        <v>108</v>
      </c>
      <c r="AQ17437">
        <v>108</v>
      </c>
    </row>
    <row r="17438" spans="1:43">
      <c r="A17438" t="s">
        <v>10810</v>
      </c>
      <c r="B17438" t="s">
        <v>10811</v>
      </c>
      <c r="C17438" t="s">
        <v>10806</v>
      </c>
      <c r="D17438" t="s">
        <v>10807</v>
      </c>
      <c r="E17438" t="s">
        <v>10732</v>
      </c>
      <c r="F17438" t="s">
        <v>10733</v>
      </c>
      <c r="G17438" t="s">
        <v>10734</v>
      </c>
      <c r="H17438" t="s">
        <v>10735</v>
      </c>
      <c r="I17438" s="2">
        <v>1</v>
      </c>
      <c r="J17438" s="2">
        <v>0</v>
      </c>
      <c r="K17438" s="2">
        <v>0</v>
      </c>
      <c r="L17438" t="s">
        <v>120</v>
      </c>
      <c r="M17438" t="s">
        <v>83</v>
      </c>
      <c r="N17438" t="s">
        <v>84</v>
      </c>
      <c r="O17438" t="s">
        <v>85</v>
      </c>
      <c r="P17438" t="s">
        <v>86</v>
      </c>
      <c r="Q17438">
        <v>48</v>
      </c>
      <c r="R17438">
        <v>49</v>
      </c>
      <c r="S17438">
        <v>50</v>
      </c>
      <c r="T17438">
        <v>50</v>
      </c>
      <c r="U17438">
        <v>51</v>
      </c>
      <c r="V17438">
        <v>52</v>
      </c>
      <c r="W17438">
        <v>52</v>
      </c>
      <c r="X17438">
        <v>53</v>
      </c>
      <c r="Y17438">
        <v>53</v>
      </c>
      <c r="Z17438">
        <v>54</v>
      </c>
      <c r="AA17438">
        <v>55</v>
      </c>
      <c r="AB17438">
        <v>55</v>
      </c>
      <c r="AC17438">
        <v>56</v>
      </c>
      <c r="AD17438">
        <v>57</v>
      </c>
      <c r="AE17438">
        <v>57</v>
      </c>
      <c r="AF17438">
        <v>58</v>
      </c>
      <c r="AG17438">
        <v>58</v>
      </c>
      <c r="AH17438">
        <v>59</v>
      </c>
      <c r="AI17438">
        <v>60</v>
      </c>
      <c r="AJ17438">
        <v>60</v>
      </c>
      <c r="AK17438">
        <v>61</v>
      </c>
      <c r="AL17438">
        <v>61</v>
      </c>
      <c r="AM17438">
        <v>61</v>
      </c>
      <c r="AN17438">
        <v>61</v>
      </c>
      <c r="AO17438">
        <v>61</v>
      </c>
      <c r="AP17438">
        <v>61</v>
      </c>
      <c r="AQ17438">
        <v>61</v>
      </c>
    </row>
    <row r="17439" spans="1:43">
      <c r="A17439" t="s">
        <v>10810</v>
      </c>
      <c r="B17439" t="s">
        <v>10811</v>
      </c>
      <c r="C17439" t="s">
        <v>10806</v>
      </c>
      <c r="D17439" t="s">
        <v>10807</v>
      </c>
      <c r="E17439" t="s">
        <v>10732</v>
      </c>
      <c r="F17439" t="s">
        <v>10733</v>
      </c>
      <c r="G17439" t="s">
        <v>10734</v>
      </c>
      <c r="H17439" t="s">
        <v>10735</v>
      </c>
      <c r="I17439" s="2">
        <v>1</v>
      </c>
      <c r="J17439" s="2">
        <v>0</v>
      </c>
      <c r="K17439" s="2">
        <v>0</v>
      </c>
      <c r="L17439" t="s">
        <v>120</v>
      </c>
      <c r="M17439" t="s">
        <v>87</v>
      </c>
      <c r="N17439" t="s">
        <v>88</v>
      </c>
      <c r="O17439" t="s">
        <v>85</v>
      </c>
      <c r="P17439" t="s">
        <v>86</v>
      </c>
      <c r="Q17439">
        <v>48</v>
      </c>
      <c r="R17439">
        <v>48</v>
      </c>
      <c r="S17439">
        <v>48</v>
      </c>
      <c r="T17439">
        <v>48</v>
      </c>
      <c r="U17439">
        <v>49</v>
      </c>
      <c r="V17439">
        <v>49</v>
      </c>
      <c r="W17439">
        <v>49</v>
      </c>
      <c r="X17439">
        <v>49</v>
      </c>
      <c r="Y17439">
        <v>49</v>
      </c>
      <c r="Z17439">
        <v>50</v>
      </c>
      <c r="AA17439">
        <v>50</v>
      </c>
      <c r="AB17439">
        <v>50</v>
      </c>
      <c r="AC17439">
        <v>50</v>
      </c>
      <c r="AD17439">
        <v>50</v>
      </c>
      <c r="AE17439">
        <v>51</v>
      </c>
      <c r="AF17439">
        <v>51</v>
      </c>
      <c r="AG17439">
        <v>51</v>
      </c>
      <c r="AH17439">
        <v>51</v>
      </c>
      <c r="AI17439">
        <v>52</v>
      </c>
      <c r="AJ17439">
        <v>52</v>
      </c>
      <c r="AK17439">
        <v>52</v>
      </c>
      <c r="AL17439">
        <v>52</v>
      </c>
      <c r="AM17439">
        <v>52</v>
      </c>
      <c r="AN17439">
        <v>53</v>
      </c>
      <c r="AO17439">
        <v>53</v>
      </c>
      <c r="AP17439">
        <v>53</v>
      </c>
      <c r="AQ17439">
        <v>53</v>
      </c>
    </row>
    <row r="17440" spans="1:43">
      <c r="A17440" t="s">
        <v>10810</v>
      </c>
      <c r="B17440" t="s">
        <v>10811</v>
      </c>
      <c r="C17440" t="s">
        <v>10806</v>
      </c>
      <c r="D17440" t="s">
        <v>10807</v>
      </c>
      <c r="E17440" t="s">
        <v>10732</v>
      </c>
      <c r="F17440" t="s">
        <v>10733</v>
      </c>
      <c r="G17440" t="s">
        <v>10734</v>
      </c>
      <c r="H17440" t="s">
        <v>10735</v>
      </c>
      <c r="I17440" s="2">
        <v>1</v>
      </c>
      <c r="J17440" s="2">
        <v>0</v>
      </c>
      <c r="K17440" s="2">
        <v>0</v>
      </c>
      <c r="L17440" t="s">
        <v>120</v>
      </c>
      <c r="M17440" t="s">
        <v>89</v>
      </c>
      <c r="N17440" t="s">
        <v>90</v>
      </c>
      <c r="O17440" t="s">
        <v>85</v>
      </c>
      <c r="P17440" t="s">
        <v>86</v>
      </c>
      <c r="Q17440">
        <v>48</v>
      </c>
      <c r="R17440">
        <v>49</v>
      </c>
      <c r="S17440">
        <v>50</v>
      </c>
      <c r="T17440">
        <v>51</v>
      </c>
      <c r="U17440">
        <v>52</v>
      </c>
      <c r="V17440">
        <v>53</v>
      </c>
      <c r="W17440">
        <v>54</v>
      </c>
      <c r="X17440">
        <v>55</v>
      </c>
      <c r="Y17440">
        <v>56</v>
      </c>
      <c r="Z17440">
        <v>56</v>
      </c>
      <c r="AA17440">
        <v>57</v>
      </c>
      <c r="AB17440">
        <v>58</v>
      </c>
      <c r="AC17440">
        <v>59</v>
      </c>
      <c r="AD17440">
        <v>60</v>
      </c>
      <c r="AE17440">
        <v>60</v>
      </c>
      <c r="AF17440">
        <v>60</v>
      </c>
      <c r="AG17440">
        <v>60</v>
      </c>
      <c r="AH17440">
        <v>61</v>
      </c>
      <c r="AI17440">
        <v>61</v>
      </c>
      <c r="AJ17440">
        <v>61</v>
      </c>
      <c r="AK17440">
        <v>61</v>
      </c>
      <c r="AL17440">
        <v>61</v>
      </c>
      <c r="AM17440">
        <v>61</v>
      </c>
      <c r="AN17440">
        <v>61</v>
      </c>
      <c r="AO17440">
        <v>61</v>
      </c>
      <c r="AP17440">
        <v>61</v>
      </c>
      <c r="AQ17440">
        <v>61</v>
      </c>
    </row>
    <row r="17441" spans="1:43">
      <c r="A17441" t="s">
        <v>10810</v>
      </c>
      <c r="B17441" t="s">
        <v>10811</v>
      </c>
      <c r="C17441" t="s">
        <v>10806</v>
      </c>
      <c r="D17441" t="s">
        <v>10807</v>
      </c>
      <c r="E17441" t="s">
        <v>10732</v>
      </c>
      <c r="F17441" t="s">
        <v>10733</v>
      </c>
      <c r="G17441" t="s">
        <v>10734</v>
      </c>
      <c r="H17441" t="s">
        <v>10735</v>
      </c>
      <c r="I17441" s="2">
        <v>1</v>
      </c>
      <c r="J17441" s="2">
        <v>0</v>
      </c>
      <c r="K17441" s="2">
        <v>0</v>
      </c>
      <c r="L17441" t="s">
        <v>120</v>
      </c>
      <c r="M17441" t="s">
        <v>83</v>
      </c>
      <c r="N17441" t="s">
        <v>91</v>
      </c>
      <c r="O17441" t="s">
        <v>85</v>
      </c>
      <c r="P17441" t="s">
        <v>86</v>
      </c>
      <c r="Q17441">
        <v>48</v>
      </c>
      <c r="R17441">
        <v>49</v>
      </c>
      <c r="S17441">
        <v>50</v>
      </c>
      <c r="T17441">
        <v>50</v>
      </c>
      <c r="U17441">
        <v>51</v>
      </c>
      <c r="V17441">
        <v>52</v>
      </c>
      <c r="W17441">
        <v>52</v>
      </c>
      <c r="X17441">
        <v>53</v>
      </c>
      <c r="Y17441">
        <v>53</v>
      </c>
      <c r="Z17441">
        <v>54</v>
      </c>
      <c r="AA17441">
        <v>55</v>
      </c>
      <c r="AB17441">
        <v>55</v>
      </c>
      <c r="AC17441">
        <v>56</v>
      </c>
      <c r="AD17441">
        <v>57</v>
      </c>
      <c r="AE17441">
        <v>57</v>
      </c>
      <c r="AF17441">
        <v>58</v>
      </c>
      <c r="AG17441">
        <v>58</v>
      </c>
      <c r="AH17441">
        <v>59</v>
      </c>
      <c r="AI17441">
        <v>60</v>
      </c>
      <c r="AJ17441">
        <v>60</v>
      </c>
      <c r="AK17441">
        <v>61</v>
      </c>
      <c r="AL17441">
        <v>61</v>
      </c>
      <c r="AM17441">
        <v>61</v>
      </c>
      <c r="AN17441">
        <v>61</v>
      </c>
      <c r="AO17441">
        <v>61</v>
      </c>
      <c r="AP17441">
        <v>61</v>
      </c>
      <c r="AQ17441">
        <v>61</v>
      </c>
    </row>
    <row r="17442" spans="1:43">
      <c r="A17442" t="s">
        <v>10812</v>
      </c>
      <c r="B17442" t="s">
        <v>10813</v>
      </c>
      <c r="C17442" t="s">
        <v>10806</v>
      </c>
      <c r="D17442" t="s">
        <v>10807</v>
      </c>
      <c r="E17442" t="s">
        <v>10732</v>
      </c>
      <c r="F17442" t="s">
        <v>10733</v>
      </c>
      <c r="G17442" t="s">
        <v>10734</v>
      </c>
      <c r="H17442" t="s">
        <v>10735</v>
      </c>
      <c r="I17442" s="2">
        <v>1</v>
      </c>
      <c r="J17442" s="2">
        <v>0</v>
      </c>
      <c r="K17442" s="2">
        <v>0</v>
      </c>
      <c r="L17442" t="s">
        <v>120</v>
      </c>
      <c r="M17442" t="s">
        <v>83</v>
      </c>
      <c r="N17442" t="s">
        <v>84</v>
      </c>
      <c r="O17442" t="s">
        <v>85</v>
      </c>
      <c r="P17442" t="s">
        <v>86</v>
      </c>
      <c r="Q17442">
        <v>159</v>
      </c>
      <c r="R17442">
        <v>161</v>
      </c>
      <c r="S17442">
        <v>163</v>
      </c>
      <c r="T17442">
        <v>165</v>
      </c>
      <c r="U17442">
        <v>168</v>
      </c>
      <c r="V17442">
        <v>170</v>
      </c>
      <c r="W17442">
        <v>172</v>
      </c>
      <c r="X17442">
        <v>174</v>
      </c>
      <c r="Y17442">
        <v>176</v>
      </c>
      <c r="Z17442">
        <v>178</v>
      </c>
      <c r="AA17442">
        <v>180</v>
      </c>
      <c r="AB17442">
        <v>182</v>
      </c>
      <c r="AC17442">
        <v>184</v>
      </c>
      <c r="AD17442">
        <v>186</v>
      </c>
      <c r="AE17442">
        <v>188</v>
      </c>
      <c r="AF17442">
        <v>190</v>
      </c>
      <c r="AG17442">
        <v>192</v>
      </c>
      <c r="AH17442">
        <v>194</v>
      </c>
      <c r="AI17442">
        <v>196</v>
      </c>
      <c r="AJ17442">
        <v>198</v>
      </c>
      <c r="AK17442">
        <v>200</v>
      </c>
      <c r="AL17442">
        <v>201</v>
      </c>
      <c r="AM17442">
        <v>201</v>
      </c>
      <c r="AN17442">
        <v>201</v>
      </c>
      <c r="AO17442">
        <v>202</v>
      </c>
      <c r="AP17442">
        <v>202</v>
      </c>
      <c r="AQ17442">
        <v>202</v>
      </c>
    </row>
    <row r="17443" spans="1:43">
      <c r="A17443" t="s">
        <v>10812</v>
      </c>
      <c r="B17443" t="s">
        <v>10813</v>
      </c>
      <c r="C17443" t="s">
        <v>10806</v>
      </c>
      <c r="D17443" t="s">
        <v>10807</v>
      </c>
      <c r="E17443" t="s">
        <v>10732</v>
      </c>
      <c r="F17443" t="s">
        <v>10733</v>
      </c>
      <c r="G17443" t="s">
        <v>10734</v>
      </c>
      <c r="H17443" t="s">
        <v>10735</v>
      </c>
      <c r="I17443" s="2">
        <v>1</v>
      </c>
      <c r="J17443" s="2">
        <v>0</v>
      </c>
      <c r="K17443" s="2">
        <v>0</v>
      </c>
      <c r="L17443" t="s">
        <v>120</v>
      </c>
      <c r="M17443" t="s">
        <v>87</v>
      </c>
      <c r="N17443" t="s">
        <v>88</v>
      </c>
      <c r="O17443" t="s">
        <v>85</v>
      </c>
      <c r="P17443" t="s">
        <v>86</v>
      </c>
      <c r="Q17443">
        <v>159</v>
      </c>
      <c r="R17443">
        <v>160</v>
      </c>
      <c r="S17443">
        <v>161</v>
      </c>
      <c r="T17443">
        <v>161</v>
      </c>
      <c r="U17443">
        <v>162</v>
      </c>
      <c r="V17443">
        <v>163</v>
      </c>
      <c r="W17443">
        <v>163</v>
      </c>
      <c r="X17443">
        <v>164</v>
      </c>
      <c r="Y17443">
        <v>165</v>
      </c>
      <c r="Z17443">
        <v>166</v>
      </c>
      <c r="AA17443">
        <v>166</v>
      </c>
      <c r="AB17443">
        <v>167</v>
      </c>
      <c r="AC17443">
        <v>168</v>
      </c>
      <c r="AD17443">
        <v>168</v>
      </c>
      <c r="AE17443">
        <v>169</v>
      </c>
      <c r="AF17443">
        <v>170</v>
      </c>
      <c r="AG17443">
        <v>170</v>
      </c>
      <c r="AH17443">
        <v>171</v>
      </c>
      <c r="AI17443">
        <v>172</v>
      </c>
      <c r="AJ17443">
        <v>172</v>
      </c>
      <c r="AK17443">
        <v>173</v>
      </c>
      <c r="AL17443">
        <v>174</v>
      </c>
      <c r="AM17443">
        <v>174</v>
      </c>
      <c r="AN17443">
        <v>175</v>
      </c>
      <c r="AO17443">
        <v>176</v>
      </c>
      <c r="AP17443">
        <v>176</v>
      </c>
      <c r="AQ17443">
        <v>177</v>
      </c>
    </row>
    <row r="17444" spans="1:43">
      <c r="A17444" t="s">
        <v>10812</v>
      </c>
      <c r="B17444" t="s">
        <v>10813</v>
      </c>
      <c r="C17444" t="s">
        <v>10806</v>
      </c>
      <c r="D17444" t="s">
        <v>10807</v>
      </c>
      <c r="E17444" t="s">
        <v>10732</v>
      </c>
      <c r="F17444" t="s">
        <v>10733</v>
      </c>
      <c r="G17444" t="s">
        <v>10734</v>
      </c>
      <c r="H17444" t="s">
        <v>10735</v>
      </c>
      <c r="I17444" s="2">
        <v>1</v>
      </c>
      <c r="J17444" s="2">
        <v>0</v>
      </c>
      <c r="K17444" s="2">
        <v>0</v>
      </c>
      <c r="L17444" t="s">
        <v>120</v>
      </c>
      <c r="M17444" t="s">
        <v>89</v>
      </c>
      <c r="N17444" t="s">
        <v>90</v>
      </c>
      <c r="O17444" t="s">
        <v>85</v>
      </c>
      <c r="P17444" t="s">
        <v>86</v>
      </c>
      <c r="Q17444">
        <v>159</v>
      </c>
      <c r="R17444">
        <v>163</v>
      </c>
      <c r="S17444">
        <v>166</v>
      </c>
      <c r="T17444">
        <v>170</v>
      </c>
      <c r="U17444">
        <v>173</v>
      </c>
      <c r="V17444">
        <v>176</v>
      </c>
      <c r="W17444">
        <v>179</v>
      </c>
      <c r="X17444">
        <v>182</v>
      </c>
      <c r="Y17444">
        <v>185</v>
      </c>
      <c r="Z17444">
        <v>188</v>
      </c>
      <c r="AA17444">
        <v>191</v>
      </c>
      <c r="AB17444">
        <v>193</v>
      </c>
      <c r="AC17444">
        <v>196</v>
      </c>
      <c r="AD17444">
        <v>199</v>
      </c>
      <c r="AE17444">
        <v>201</v>
      </c>
      <c r="AF17444">
        <v>201</v>
      </c>
      <c r="AG17444">
        <v>201</v>
      </c>
      <c r="AH17444">
        <v>202</v>
      </c>
      <c r="AI17444">
        <v>202</v>
      </c>
      <c r="AJ17444">
        <v>202</v>
      </c>
      <c r="AK17444">
        <v>202</v>
      </c>
      <c r="AL17444">
        <v>203</v>
      </c>
      <c r="AM17444">
        <v>203</v>
      </c>
      <c r="AN17444">
        <v>203</v>
      </c>
      <c r="AO17444">
        <v>203</v>
      </c>
      <c r="AP17444">
        <v>203</v>
      </c>
      <c r="AQ17444">
        <v>203</v>
      </c>
    </row>
    <row r="17445" spans="1:43">
      <c r="A17445" t="s">
        <v>10812</v>
      </c>
      <c r="B17445" t="s">
        <v>10813</v>
      </c>
      <c r="C17445" t="s">
        <v>10806</v>
      </c>
      <c r="D17445" t="s">
        <v>10807</v>
      </c>
      <c r="E17445" t="s">
        <v>10732</v>
      </c>
      <c r="F17445" t="s">
        <v>10733</v>
      </c>
      <c r="G17445" t="s">
        <v>10734</v>
      </c>
      <c r="H17445" t="s">
        <v>10735</v>
      </c>
      <c r="I17445" s="2">
        <v>1</v>
      </c>
      <c r="J17445" s="2">
        <v>0</v>
      </c>
      <c r="K17445" s="2">
        <v>0</v>
      </c>
      <c r="L17445" t="s">
        <v>120</v>
      </c>
      <c r="M17445" t="s">
        <v>83</v>
      </c>
      <c r="N17445" t="s">
        <v>91</v>
      </c>
      <c r="O17445" t="s">
        <v>85</v>
      </c>
      <c r="P17445" t="s">
        <v>86</v>
      </c>
      <c r="Q17445">
        <v>159</v>
      </c>
      <c r="R17445">
        <v>161</v>
      </c>
      <c r="S17445">
        <v>163</v>
      </c>
      <c r="T17445">
        <v>165</v>
      </c>
      <c r="U17445">
        <v>168</v>
      </c>
      <c r="V17445">
        <v>170</v>
      </c>
      <c r="W17445">
        <v>172</v>
      </c>
      <c r="X17445">
        <v>174</v>
      </c>
      <c r="Y17445">
        <v>176</v>
      </c>
      <c r="Z17445">
        <v>178</v>
      </c>
      <c r="AA17445">
        <v>180</v>
      </c>
      <c r="AB17445">
        <v>182</v>
      </c>
      <c r="AC17445">
        <v>184</v>
      </c>
      <c r="AD17445">
        <v>186</v>
      </c>
      <c r="AE17445">
        <v>188</v>
      </c>
      <c r="AF17445">
        <v>190</v>
      </c>
      <c r="AG17445">
        <v>192</v>
      </c>
      <c r="AH17445">
        <v>194</v>
      </c>
      <c r="AI17445">
        <v>196</v>
      </c>
      <c r="AJ17445">
        <v>198</v>
      </c>
      <c r="AK17445">
        <v>200</v>
      </c>
      <c r="AL17445">
        <v>201</v>
      </c>
      <c r="AM17445">
        <v>201</v>
      </c>
      <c r="AN17445">
        <v>201</v>
      </c>
      <c r="AO17445">
        <v>202</v>
      </c>
      <c r="AP17445">
        <v>202</v>
      </c>
      <c r="AQ17445">
        <v>202</v>
      </c>
    </row>
    <row r="17446" spans="1:43">
      <c r="A17446" t="s">
        <v>10814</v>
      </c>
      <c r="B17446" t="s">
        <v>10815</v>
      </c>
      <c r="C17446" t="s">
        <v>10806</v>
      </c>
      <c r="D17446" t="s">
        <v>10807</v>
      </c>
      <c r="E17446" t="s">
        <v>10732</v>
      </c>
      <c r="F17446" t="s">
        <v>10733</v>
      </c>
      <c r="G17446" t="s">
        <v>10734</v>
      </c>
      <c r="H17446" t="s">
        <v>10735</v>
      </c>
      <c r="I17446" s="2">
        <v>1</v>
      </c>
      <c r="J17446" s="2">
        <v>0</v>
      </c>
      <c r="K17446" s="2">
        <v>0</v>
      </c>
      <c r="L17446" t="s">
        <v>120</v>
      </c>
      <c r="M17446" t="s">
        <v>83</v>
      </c>
      <c r="N17446" t="s">
        <v>84</v>
      </c>
      <c r="O17446" t="s">
        <v>85</v>
      </c>
      <c r="P17446" t="s">
        <v>86</v>
      </c>
      <c r="Q17446">
        <v>41</v>
      </c>
      <c r="R17446">
        <v>42</v>
      </c>
      <c r="S17446">
        <v>43</v>
      </c>
      <c r="T17446">
        <v>43</v>
      </c>
      <c r="U17446">
        <v>44</v>
      </c>
      <c r="V17446">
        <v>44</v>
      </c>
      <c r="W17446">
        <v>45</v>
      </c>
      <c r="X17446">
        <v>45</v>
      </c>
      <c r="Y17446">
        <v>46</v>
      </c>
      <c r="Z17446">
        <v>46</v>
      </c>
      <c r="AA17446">
        <v>47</v>
      </c>
      <c r="AB17446">
        <v>48</v>
      </c>
      <c r="AC17446">
        <v>48</v>
      </c>
      <c r="AD17446">
        <v>49</v>
      </c>
      <c r="AE17446">
        <v>49</v>
      </c>
      <c r="AF17446">
        <v>50</v>
      </c>
      <c r="AG17446">
        <v>50</v>
      </c>
      <c r="AH17446">
        <v>51</v>
      </c>
      <c r="AI17446">
        <v>51</v>
      </c>
      <c r="AJ17446">
        <v>52</v>
      </c>
      <c r="AK17446">
        <v>52</v>
      </c>
      <c r="AL17446">
        <v>52</v>
      </c>
      <c r="AM17446">
        <v>53</v>
      </c>
      <c r="AN17446">
        <v>53</v>
      </c>
      <c r="AO17446">
        <v>53</v>
      </c>
      <c r="AP17446">
        <v>53</v>
      </c>
      <c r="AQ17446">
        <v>53</v>
      </c>
    </row>
    <row r="17447" spans="1:43">
      <c r="A17447" t="s">
        <v>10814</v>
      </c>
      <c r="B17447" t="s">
        <v>10815</v>
      </c>
      <c r="C17447" t="s">
        <v>10806</v>
      </c>
      <c r="D17447" t="s">
        <v>10807</v>
      </c>
      <c r="E17447" t="s">
        <v>10732</v>
      </c>
      <c r="F17447" t="s">
        <v>10733</v>
      </c>
      <c r="G17447" t="s">
        <v>10734</v>
      </c>
      <c r="H17447" t="s">
        <v>10735</v>
      </c>
      <c r="I17447" s="2">
        <v>1</v>
      </c>
      <c r="J17447" s="2">
        <v>0</v>
      </c>
      <c r="K17447" s="2">
        <v>0</v>
      </c>
      <c r="L17447" t="s">
        <v>120</v>
      </c>
      <c r="M17447" t="s">
        <v>87</v>
      </c>
      <c r="N17447" t="s">
        <v>88</v>
      </c>
      <c r="O17447" t="s">
        <v>85</v>
      </c>
      <c r="P17447" t="s">
        <v>86</v>
      </c>
      <c r="Q17447">
        <v>41</v>
      </c>
      <c r="R17447">
        <v>41</v>
      </c>
      <c r="S17447">
        <v>41</v>
      </c>
      <c r="T17447">
        <v>42</v>
      </c>
      <c r="U17447">
        <v>42</v>
      </c>
      <c r="V17447">
        <v>42</v>
      </c>
      <c r="W17447">
        <v>42</v>
      </c>
      <c r="X17447">
        <v>42</v>
      </c>
      <c r="Y17447">
        <v>42</v>
      </c>
      <c r="Z17447">
        <v>43</v>
      </c>
      <c r="AA17447">
        <v>43</v>
      </c>
      <c r="AB17447">
        <v>43</v>
      </c>
      <c r="AC17447">
        <v>43</v>
      </c>
      <c r="AD17447">
        <v>43</v>
      </c>
      <c r="AE17447">
        <v>44</v>
      </c>
      <c r="AF17447">
        <v>44</v>
      </c>
      <c r="AG17447">
        <v>44</v>
      </c>
      <c r="AH17447">
        <v>44</v>
      </c>
      <c r="AI17447">
        <v>44</v>
      </c>
      <c r="AJ17447">
        <v>44</v>
      </c>
      <c r="AK17447">
        <v>45</v>
      </c>
      <c r="AL17447">
        <v>45</v>
      </c>
      <c r="AM17447">
        <v>45</v>
      </c>
      <c r="AN17447">
        <v>45</v>
      </c>
      <c r="AO17447">
        <v>45</v>
      </c>
      <c r="AP17447">
        <v>45</v>
      </c>
      <c r="AQ17447">
        <v>46</v>
      </c>
    </row>
    <row r="17448" spans="1:43">
      <c r="A17448" t="s">
        <v>10814</v>
      </c>
      <c r="B17448" t="s">
        <v>10815</v>
      </c>
      <c r="C17448" t="s">
        <v>10806</v>
      </c>
      <c r="D17448" t="s">
        <v>10807</v>
      </c>
      <c r="E17448" t="s">
        <v>10732</v>
      </c>
      <c r="F17448" t="s">
        <v>10733</v>
      </c>
      <c r="G17448" t="s">
        <v>10734</v>
      </c>
      <c r="H17448" t="s">
        <v>10735</v>
      </c>
      <c r="I17448" s="2">
        <v>1</v>
      </c>
      <c r="J17448" s="2">
        <v>0</v>
      </c>
      <c r="K17448" s="2">
        <v>0</v>
      </c>
      <c r="L17448" t="s">
        <v>120</v>
      </c>
      <c r="M17448" t="s">
        <v>89</v>
      </c>
      <c r="N17448" t="s">
        <v>90</v>
      </c>
      <c r="O17448" t="s">
        <v>85</v>
      </c>
      <c r="P17448" t="s">
        <v>86</v>
      </c>
      <c r="Q17448">
        <v>41</v>
      </c>
      <c r="R17448">
        <v>42</v>
      </c>
      <c r="S17448">
        <v>43</v>
      </c>
      <c r="T17448">
        <v>44</v>
      </c>
      <c r="U17448">
        <v>44</v>
      </c>
      <c r="V17448">
        <v>45</v>
      </c>
      <c r="W17448">
        <v>46</v>
      </c>
      <c r="X17448">
        <v>47</v>
      </c>
      <c r="Y17448">
        <v>48</v>
      </c>
      <c r="Z17448">
        <v>48</v>
      </c>
      <c r="AA17448">
        <v>49</v>
      </c>
      <c r="AB17448">
        <v>50</v>
      </c>
      <c r="AC17448">
        <v>50</v>
      </c>
      <c r="AD17448">
        <v>51</v>
      </c>
      <c r="AE17448">
        <v>52</v>
      </c>
      <c r="AF17448">
        <v>52</v>
      </c>
      <c r="AG17448">
        <v>52</v>
      </c>
      <c r="AH17448">
        <v>52</v>
      </c>
      <c r="AI17448">
        <v>52</v>
      </c>
      <c r="AJ17448">
        <v>52</v>
      </c>
      <c r="AK17448">
        <v>52</v>
      </c>
      <c r="AL17448">
        <v>52</v>
      </c>
      <c r="AM17448">
        <v>52</v>
      </c>
      <c r="AN17448">
        <v>52</v>
      </c>
      <c r="AO17448">
        <v>52</v>
      </c>
      <c r="AP17448">
        <v>52</v>
      </c>
      <c r="AQ17448">
        <v>52</v>
      </c>
    </row>
    <row r="17449" spans="1:43">
      <c r="A17449" t="s">
        <v>10814</v>
      </c>
      <c r="B17449" t="s">
        <v>10815</v>
      </c>
      <c r="C17449" t="s">
        <v>10806</v>
      </c>
      <c r="D17449" t="s">
        <v>10807</v>
      </c>
      <c r="E17449" t="s">
        <v>10732</v>
      </c>
      <c r="F17449" t="s">
        <v>10733</v>
      </c>
      <c r="G17449" t="s">
        <v>10734</v>
      </c>
      <c r="H17449" t="s">
        <v>10735</v>
      </c>
      <c r="I17449" s="2">
        <v>1</v>
      </c>
      <c r="J17449" s="2">
        <v>0</v>
      </c>
      <c r="K17449" s="2">
        <v>0</v>
      </c>
      <c r="L17449" t="s">
        <v>120</v>
      </c>
      <c r="M17449" t="s">
        <v>83</v>
      </c>
      <c r="N17449" t="s">
        <v>91</v>
      </c>
      <c r="O17449" t="s">
        <v>85</v>
      </c>
      <c r="P17449" t="s">
        <v>86</v>
      </c>
      <c r="Q17449">
        <v>41</v>
      </c>
      <c r="R17449">
        <v>42</v>
      </c>
      <c r="S17449">
        <v>43</v>
      </c>
      <c r="T17449">
        <v>43</v>
      </c>
      <c r="U17449">
        <v>44</v>
      </c>
      <c r="V17449">
        <v>44</v>
      </c>
      <c r="W17449">
        <v>45</v>
      </c>
      <c r="X17449">
        <v>45</v>
      </c>
      <c r="Y17449">
        <v>46</v>
      </c>
      <c r="Z17449">
        <v>46</v>
      </c>
      <c r="AA17449">
        <v>47</v>
      </c>
      <c r="AB17449">
        <v>48</v>
      </c>
      <c r="AC17449">
        <v>48</v>
      </c>
      <c r="AD17449">
        <v>49</v>
      </c>
      <c r="AE17449">
        <v>49</v>
      </c>
      <c r="AF17449">
        <v>50</v>
      </c>
      <c r="AG17449">
        <v>50</v>
      </c>
      <c r="AH17449">
        <v>51</v>
      </c>
      <c r="AI17449">
        <v>51</v>
      </c>
      <c r="AJ17449">
        <v>52</v>
      </c>
      <c r="AK17449">
        <v>52</v>
      </c>
      <c r="AL17449">
        <v>52</v>
      </c>
      <c r="AM17449">
        <v>53</v>
      </c>
      <c r="AN17449">
        <v>53</v>
      </c>
      <c r="AO17449">
        <v>53</v>
      </c>
      <c r="AP17449">
        <v>53</v>
      </c>
      <c r="AQ17449">
        <v>53</v>
      </c>
    </row>
    <row r="17450" spans="1:43">
      <c r="A17450" t="s">
        <v>10816</v>
      </c>
      <c r="B17450" t="s">
        <v>10817</v>
      </c>
      <c r="C17450" t="s">
        <v>10806</v>
      </c>
      <c r="D17450" t="s">
        <v>10807</v>
      </c>
      <c r="E17450" t="s">
        <v>10732</v>
      </c>
      <c r="F17450" t="s">
        <v>10733</v>
      </c>
      <c r="G17450" t="s">
        <v>10734</v>
      </c>
      <c r="H17450" t="s">
        <v>10735</v>
      </c>
      <c r="I17450" s="2">
        <v>1</v>
      </c>
      <c r="J17450" s="2">
        <v>0</v>
      </c>
      <c r="K17450" s="2">
        <v>0</v>
      </c>
      <c r="L17450" t="s">
        <v>120</v>
      </c>
      <c r="M17450" t="s">
        <v>83</v>
      </c>
      <c r="N17450" t="s">
        <v>84</v>
      </c>
      <c r="O17450" t="s">
        <v>85</v>
      </c>
      <c r="P17450" t="s">
        <v>86</v>
      </c>
      <c r="Q17450">
        <v>7</v>
      </c>
      <c r="R17450">
        <v>7</v>
      </c>
      <c r="S17450">
        <v>7</v>
      </c>
      <c r="T17450">
        <v>7</v>
      </c>
      <c r="U17450">
        <v>7</v>
      </c>
      <c r="V17450">
        <v>7</v>
      </c>
      <c r="W17450">
        <v>7</v>
      </c>
      <c r="X17450">
        <v>7</v>
      </c>
      <c r="Y17450">
        <v>8</v>
      </c>
      <c r="Z17450">
        <v>8</v>
      </c>
      <c r="AA17450">
        <v>8</v>
      </c>
      <c r="AB17450">
        <v>8</v>
      </c>
      <c r="AC17450">
        <v>8</v>
      </c>
      <c r="AD17450">
        <v>8</v>
      </c>
      <c r="AE17450">
        <v>8</v>
      </c>
      <c r="AF17450">
        <v>8</v>
      </c>
      <c r="AG17450">
        <v>8</v>
      </c>
      <c r="AH17450">
        <v>8</v>
      </c>
      <c r="AI17450">
        <v>8</v>
      </c>
      <c r="AJ17450">
        <v>9</v>
      </c>
      <c r="AK17450">
        <v>9</v>
      </c>
      <c r="AL17450">
        <v>9</v>
      </c>
      <c r="AM17450">
        <v>9</v>
      </c>
      <c r="AN17450">
        <v>9</v>
      </c>
      <c r="AO17450">
        <v>9</v>
      </c>
      <c r="AP17450">
        <v>9</v>
      </c>
      <c r="AQ17450">
        <v>9</v>
      </c>
    </row>
    <row r="17451" spans="1:43">
      <c r="A17451" t="s">
        <v>10816</v>
      </c>
      <c r="B17451" t="s">
        <v>10817</v>
      </c>
      <c r="C17451" t="s">
        <v>10806</v>
      </c>
      <c r="D17451" t="s">
        <v>10807</v>
      </c>
      <c r="E17451" t="s">
        <v>10732</v>
      </c>
      <c r="F17451" t="s">
        <v>10733</v>
      </c>
      <c r="G17451" t="s">
        <v>10734</v>
      </c>
      <c r="H17451" t="s">
        <v>10735</v>
      </c>
      <c r="I17451" s="2">
        <v>1</v>
      </c>
      <c r="J17451" s="2">
        <v>0</v>
      </c>
      <c r="K17451" s="2">
        <v>0</v>
      </c>
      <c r="L17451" t="s">
        <v>120</v>
      </c>
      <c r="M17451" t="s">
        <v>87</v>
      </c>
      <c r="N17451" t="s">
        <v>88</v>
      </c>
      <c r="O17451" t="s">
        <v>85</v>
      </c>
      <c r="P17451" t="s">
        <v>86</v>
      </c>
      <c r="Q17451">
        <v>7</v>
      </c>
      <c r="R17451">
        <v>7</v>
      </c>
      <c r="S17451">
        <v>7</v>
      </c>
      <c r="T17451">
        <v>7</v>
      </c>
      <c r="U17451">
        <v>7</v>
      </c>
      <c r="V17451">
        <v>7</v>
      </c>
      <c r="W17451">
        <v>7</v>
      </c>
      <c r="X17451">
        <v>7</v>
      </c>
      <c r="Y17451">
        <v>7</v>
      </c>
      <c r="Z17451">
        <v>7</v>
      </c>
      <c r="AA17451">
        <v>7</v>
      </c>
      <c r="AB17451">
        <v>7</v>
      </c>
      <c r="AC17451">
        <v>7</v>
      </c>
      <c r="AD17451">
        <v>7</v>
      </c>
      <c r="AE17451">
        <v>7</v>
      </c>
      <c r="AF17451">
        <v>7</v>
      </c>
      <c r="AG17451">
        <v>7</v>
      </c>
      <c r="AH17451">
        <v>7</v>
      </c>
      <c r="AI17451">
        <v>7</v>
      </c>
      <c r="AJ17451">
        <v>7</v>
      </c>
      <c r="AK17451">
        <v>7</v>
      </c>
      <c r="AL17451">
        <v>7</v>
      </c>
      <c r="AM17451">
        <v>7</v>
      </c>
      <c r="AN17451">
        <v>7</v>
      </c>
      <c r="AO17451">
        <v>7</v>
      </c>
      <c r="AP17451">
        <v>7</v>
      </c>
      <c r="AQ17451">
        <v>8</v>
      </c>
    </row>
    <row r="17452" spans="1:43">
      <c r="A17452" t="s">
        <v>10816</v>
      </c>
      <c r="B17452" t="s">
        <v>10817</v>
      </c>
      <c r="C17452" t="s">
        <v>10806</v>
      </c>
      <c r="D17452" t="s">
        <v>10807</v>
      </c>
      <c r="E17452" t="s">
        <v>10732</v>
      </c>
      <c r="F17452" t="s">
        <v>10733</v>
      </c>
      <c r="G17452" t="s">
        <v>10734</v>
      </c>
      <c r="H17452" t="s">
        <v>10735</v>
      </c>
      <c r="I17452" s="2">
        <v>1</v>
      </c>
      <c r="J17452" s="2">
        <v>0</v>
      </c>
      <c r="K17452" s="2">
        <v>0</v>
      </c>
      <c r="L17452" t="s">
        <v>120</v>
      </c>
      <c r="M17452" t="s">
        <v>89</v>
      </c>
      <c r="N17452" t="s">
        <v>90</v>
      </c>
      <c r="O17452" t="s">
        <v>85</v>
      </c>
      <c r="P17452" t="s">
        <v>86</v>
      </c>
      <c r="Q17452">
        <v>7</v>
      </c>
      <c r="R17452">
        <v>7</v>
      </c>
      <c r="S17452">
        <v>7</v>
      </c>
      <c r="T17452">
        <v>7</v>
      </c>
      <c r="U17452">
        <v>7</v>
      </c>
      <c r="V17452">
        <v>8</v>
      </c>
      <c r="W17452">
        <v>8</v>
      </c>
      <c r="X17452">
        <v>8</v>
      </c>
      <c r="Y17452">
        <v>8</v>
      </c>
      <c r="Z17452">
        <v>8</v>
      </c>
      <c r="AA17452">
        <v>8</v>
      </c>
      <c r="AB17452">
        <v>8</v>
      </c>
      <c r="AC17452">
        <v>8</v>
      </c>
      <c r="AD17452">
        <v>9</v>
      </c>
      <c r="AE17452">
        <v>9</v>
      </c>
      <c r="AF17452">
        <v>9</v>
      </c>
      <c r="AG17452">
        <v>9</v>
      </c>
      <c r="AH17452">
        <v>9</v>
      </c>
      <c r="AI17452">
        <v>9</v>
      </c>
      <c r="AJ17452">
        <v>9</v>
      </c>
      <c r="AK17452">
        <v>9</v>
      </c>
      <c r="AL17452">
        <v>9</v>
      </c>
      <c r="AM17452">
        <v>9</v>
      </c>
      <c r="AN17452">
        <v>9</v>
      </c>
      <c r="AO17452">
        <v>9</v>
      </c>
      <c r="AP17452">
        <v>9</v>
      </c>
      <c r="AQ17452">
        <v>9</v>
      </c>
    </row>
    <row r="17453" spans="1:43">
      <c r="A17453" t="s">
        <v>10816</v>
      </c>
      <c r="B17453" t="s">
        <v>10817</v>
      </c>
      <c r="C17453" t="s">
        <v>10806</v>
      </c>
      <c r="D17453" t="s">
        <v>10807</v>
      </c>
      <c r="E17453" t="s">
        <v>10732</v>
      </c>
      <c r="F17453" t="s">
        <v>10733</v>
      </c>
      <c r="G17453" t="s">
        <v>10734</v>
      </c>
      <c r="H17453" t="s">
        <v>10735</v>
      </c>
      <c r="I17453" s="2">
        <v>1</v>
      </c>
      <c r="J17453" s="2">
        <v>0</v>
      </c>
      <c r="K17453" s="2">
        <v>0</v>
      </c>
      <c r="L17453" t="s">
        <v>120</v>
      </c>
      <c r="M17453" t="s">
        <v>83</v>
      </c>
      <c r="N17453" t="s">
        <v>91</v>
      </c>
      <c r="O17453" t="s">
        <v>85</v>
      </c>
      <c r="P17453" t="s">
        <v>86</v>
      </c>
      <c r="Q17453">
        <v>7</v>
      </c>
      <c r="R17453">
        <v>7</v>
      </c>
      <c r="S17453">
        <v>7</v>
      </c>
      <c r="T17453">
        <v>7</v>
      </c>
      <c r="U17453">
        <v>7</v>
      </c>
      <c r="V17453">
        <v>7</v>
      </c>
      <c r="W17453">
        <v>7</v>
      </c>
      <c r="X17453">
        <v>7</v>
      </c>
      <c r="Y17453">
        <v>8</v>
      </c>
      <c r="Z17453">
        <v>8</v>
      </c>
      <c r="AA17453">
        <v>8</v>
      </c>
      <c r="AB17453">
        <v>8</v>
      </c>
      <c r="AC17453">
        <v>8</v>
      </c>
      <c r="AD17453">
        <v>8</v>
      </c>
      <c r="AE17453">
        <v>8</v>
      </c>
      <c r="AF17453">
        <v>8</v>
      </c>
      <c r="AG17453">
        <v>8</v>
      </c>
      <c r="AH17453">
        <v>8</v>
      </c>
      <c r="AI17453">
        <v>8</v>
      </c>
      <c r="AJ17453">
        <v>9</v>
      </c>
      <c r="AK17453">
        <v>9</v>
      </c>
      <c r="AL17453">
        <v>9</v>
      </c>
      <c r="AM17453">
        <v>9</v>
      </c>
      <c r="AN17453">
        <v>9</v>
      </c>
      <c r="AO17453">
        <v>9</v>
      </c>
      <c r="AP17453">
        <v>9</v>
      </c>
      <c r="AQ17453">
        <v>9</v>
      </c>
    </row>
    <row r="17454" spans="1:43">
      <c r="A17454" t="s">
        <v>10818</v>
      </c>
      <c r="B17454" t="s">
        <v>10819</v>
      </c>
      <c r="C17454" t="s">
        <v>10820</v>
      </c>
      <c r="D17454" t="s">
        <v>10821</v>
      </c>
      <c r="E17454" t="s">
        <v>10732</v>
      </c>
      <c r="F17454" t="s">
        <v>10733</v>
      </c>
      <c r="G17454" t="s">
        <v>10734</v>
      </c>
      <c r="H17454" t="s">
        <v>10735</v>
      </c>
      <c r="I17454" s="2">
        <v>1</v>
      </c>
      <c r="J17454" s="2">
        <v>0</v>
      </c>
      <c r="K17454" s="2">
        <v>0</v>
      </c>
      <c r="L17454" t="s">
        <v>120</v>
      </c>
      <c r="M17454" t="s">
        <v>83</v>
      </c>
      <c r="N17454" t="s">
        <v>84</v>
      </c>
      <c r="O17454" t="s">
        <v>85</v>
      </c>
      <c r="P17454" t="s">
        <v>86</v>
      </c>
      <c r="Q17454">
        <v>105</v>
      </c>
      <c r="R17454">
        <v>106</v>
      </c>
      <c r="S17454">
        <v>108</v>
      </c>
      <c r="T17454">
        <v>109</v>
      </c>
      <c r="U17454">
        <v>111</v>
      </c>
      <c r="V17454">
        <v>112</v>
      </c>
      <c r="W17454">
        <v>114</v>
      </c>
      <c r="X17454">
        <v>115</v>
      </c>
      <c r="Y17454">
        <v>116</v>
      </c>
      <c r="Z17454">
        <v>118</v>
      </c>
      <c r="AA17454">
        <v>119</v>
      </c>
      <c r="AB17454">
        <v>120</v>
      </c>
      <c r="AC17454">
        <v>122</v>
      </c>
      <c r="AD17454">
        <v>123</v>
      </c>
      <c r="AE17454">
        <v>124</v>
      </c>
      <c r="AF17454">
        <v>125</v>
      </c>
      <c r="AG17454">
        <v>127</v>
      </c>
      <c r="AH17454">
        <v>128</v>
      </c>
      <c r="AI17454">
        <v>129</v>
      </c>
      <c r="AJ17454">
        <v>131</v>
      </c>
      <c r="AK17454">
        <v>132</v>
      </c>
      <c r="AL17454">
        <v>132</v>
      </c>
      <c r="AM17454">
        <v>133</v>
      </c>
      <c r="AN17454">
        <v>133</v>
      </c>
      <c r="AO17454">
        <v>133</v>
      </c>
      <c r="AP17454">
        <v>133</v>
      </c>
      <c r="AQ17454">
        <v>133</v>
      </c>
    </row>
    <row r="17455" spans="1:43">
      <c r="A17455" t="s">
        <v>10818</v>
      </c>
      <c r="B17455" t="s">
        <v>10819</v>
      </c>
      <c r="C17455" t="s">
        <v>10820</v>
      </c>
      <c r="D17455" t="s">
        <v>10821</v>
      </c>
      <c r="E17455" t="s">
        <v>10732</v>
      </c>
      <c r="F17455" t="s">
        <v>10733</v>
      </c>
      <c r="G17455" t="s">
        <v>10734</v>
      </c>
      <c r="H17455" t="s">
        <v>10735</v>
      </c>
      <c r="I17455" s="2">
        <v>1</v>
      </c>
      <c r="J17455" s="2">
        <v>0</v>
      </c>
      <c r="K17455" s="2">
        <v>0</v>
      </c>
      <c r="L17455" t="s">
        <v>120</v>
      </c>
      <c r="M17455" t="s">
        <v>87</v>
      </c>
      <c r="N17455" t="s">
        <v>88</v>
      </c>
      <c r="O17455" t="s">
        <v>85</v>
      </c>
      <c r="P17455" t="s">
        <v>86</v>
      </c>
      <c r="Q17455">
        <v>105</v>
      </c>
      <c r="R17455">
        <v>105</v>
      </c>
      <c r="S17455">
        <v>106</v>
      </c>
      <c r="T17455">
        <v>106</v>
      </c>
      <c r="U17455">
        <v>107</v>
      </c>
      <c r="V17455">
        <v>107</v>
      </c>
      <c r="W17455">
        <v>108</v>
      </c>
      <c r="X17455">
        <v>108</v>
      </c>
      <c r="Y17455">
        <v>109</v>
      </c>
      <c r="Z17455">
        <v>109</v>
      </c>
      <c r="AA17455">
        <v>110</v>
      </c>
      <c r="AB17455">
        <v>110</v>
      </c>
      <c r="AC17455">
        <v>111</v>
      </c>
      <c r="AD17455">
        <v>111</v>
      </c>
      <c r="AE17455">
        <v>112</v>
      </c>
      <c r="AF17455">
        <v>112</v>
      </c>
      <c r="AG17455">
        <v>113</v>
      </c>
      <c r="AH17455">
        <v>113</v>
      </c>
      <c r="AI17455">
        <v>113</v>
      </c>
      <c r="AJ17455">
        <v>114</v>
      </c>
      <c r="AK17455">
        <v>114</v>
      </c>
      <c r="AL17455">
        <v>115</v>
      </c>
      <c r="AM17455">
        <v>115</v>
      </c>
      <c r="AN17455">
        <v>116</v>
      </c>
      <c r="AO17455">
        <v>116</v>
      </c>
      <c r="AP17455">
        <v>117</v>
      </c>
      <c r="AQ17455">
        <v>117</v>
      </c>
    </row>
    <row r="17456" spans="1:43">
      <c r="A17456" t="s">
        <v>10818</v>
      </c>
      <c r="B17456" t="s">
        <v>10819</v>
      </c>
      <c r="C17456" t="s">
        <v>10820</v>
      </c>
      <c r="D17456" t="s">
        <v>10821</v>
      </c>
      <c r="E17456" t="s">
        <v>10732</v>
      </c>
      <c r="F17456" t="s">
        <v>10733</v>
      </c>
      <c r="G17456" t="s">
        <v>10734</v>
      </c>
      <c r="H17456" t="s">
        <v>10735</v>
      </c>
      <c r="I17456" s="2">
        <v>1</v>
      </c>
      <c r="J17456" s="2">
        <v>0</v>
      </c>
      <c r="K17456" s="2">
        <v>0</v>
      </c>
      <c r="L17456" t="s">
        <v>120</v>
      </c>
      <c r="M17456" t="s">
        <v>89</v>
      </c>
      <c r="N17456" t="s">
        <v>90</v>
      </c>
      <c r="O17456" t="s">
        <v>85</v>
      </c>
      <c r="P17456" t="s">
        <v>86</v>
      </c>
      <c r="Q17456">
        <v>105</v>
      </c>
      <c r="R17456">
        <v>107</v>
      </c>
      <c r="S17456">
        <v>110</v>
      </c>
      <c r="T17456">
        <v>112</v>
      </c>
      <c r="U17456">
        <v>114</v>
      </c>
      <c r="V17456">
        <v>116</v>
      </c>
      <c r="W17456">
        <v>118</v>
      </c>
      <c r="X17456">
        <v>120</v>
      </c>
      <c r="Y17456">
        <v>122</v>
      </c>
      <c r="Z17456">
        <v>124</v>
      </c>
      <c r="AA17456">
        <v>125</v>
      </c>
      <c r="AB17456">
        <v>127</v>
      </c>
      <c r="AC17456">
        <v>129</v>
      </c>
      <c r="AD17456">
        <v>131</v>
      </c>
      <c r="AE17456">
        <v>132</v>
      </c>
      <c r="AF17456">
        <v>132</v>
      </c>
      <c r="AG17456">
        <v>132</v>
      </c>
      <c r="AH17456">
        <v>133</v>
      </c>
      <c r="AI17456">
        <v>133</v>
      </c>
      <c r="AJ17456">
        <v>133</v>
      </c>
      <c r="AK17456">
        <v>133</v>
      </c>
      <c r="AL17456">
        <v>133</v>
      </c>
      <c r="AM17456">
        <v>134</v>
      </c>
      <c r="AN17456">
        <v>134</v>
      </c>
      <c r="AO17456">
        <v>134</v>
      </c>
      <c r="AP17456">
        <v>134</v>
      </c>
      <c r="AQ17456">
        <v>134</v>
      </c>
    </row>
    <row r="17457" spans="1:43">
      <c r="A17457" t="s">
        <v>10818</v>
      </c>
      <c r="B17457" t="s">
        <v>10819</v>
      </c>
      <c r="C17457" t="s">
        <v>10820</v>
      </c>
      <c r="D17457" t="s">
        <v>10821</v>
      </c>
      <c r="E17457" t="s">
        <v>10732</v>
      </c>
      <c r="F17457" t="s">
        <v>10733</v>
      </c>
      <c r="G17457" t="s">
        <v>10734</v>
      </c>
      <c r="H17457" t="s">
        <v>10735</v>
      </c>
      <c r="I17457" s="2">
        <v>1</v>
      </c>
      <c r="J17457" s="2">
        <v>0</v>
      </c>
      <c r="K17457" s="2">
        <v>0</v>
      </c>
      <c r="L17457" t="s">
        <v>120</v>
      </c>
      <c r="M17457" t="s">
        <v>83</v>
      </c>
      <c r="N17457" t="s">
        <v>91</v>
      </c>
      <c r="O17457" t="s">
        <v>85</v>
      </c>
      <c r="P17457" t="s">
        <v>86</v>
      </c>
      <c r="Q17457">
        <v>105</v>
      </c>
      <c r="R17457">
        <v>106</v>
      </c>
      <c r="S17457">
        <v>108</v>
      </c>
      <c r="T17457">
        <v>109</v>
      </c>
      <c r="U17457">
        <v>111</v>
      </c>
      <c r="V17457">
        <v>112</v>
      </c>
      <c r="W17457">
        <v>114</v>
      </c>
      <c r="X17457">
        <v>115</v>
      </c>
      <c r="Y17457">
        <v>116</v>
      </c>
      <c r="Z17457">
        <v>118</v>
      </c>
      <c r="AA17457">
        <v>119</v>
      </c>
      <c r="AB17457">
        <v>120</v>
      </c>
      <c r="AC17457">
        <v>122</v>
      </c>
      <c r="AD17457">
        <v>123</v>
      </c>
      <c r="AE17457">
        <v>124</v>
      </c>
      <c r="AF17457">
        <v>125</v>
      </c>
      <c r="AG17457">
        <v>127</v>
      </c>
      <c r="AH17457">
        <v>128</v>
      </c>
      <c r="AI17457">
        <v>129</v>
      </c>
      <c r="AJ17457">
        <v>131</v>
      </c>
      <c r="AK17457">
        <v>132</v>
      </c>
      <c r="AL17457">
        <v>132</v>
      </c>
      <c r="AM17457">
        <v>133</v>
      </c>
      <c r="AN17457">
        <v>133</v>
      </c>
      <c r="AO17457">
        <v>133</v>
      </c>
      <c r="AP17457">
        <v>133</v>
      </c>
      <c r="AQ17457">
        <v>133</v>
      </c>
    </row>
    <row r="17458" spans="1:43">
      <c r="A17458" t="s">
        <v>10822</v>
      </c>
      <c r="B17458" t="s">
        <v>10823</v>
      </c>
      <c r="C17458" t="s">
        <v>10820</v>
      </c>
      <c r="D17458" t="s">
        <v>10821</v>
      </c>
      <c r="E17458" t="s">
        <v>10732</v>
      </c>
      <c r="F17458" t="s">
        <v>10733</v>
      </c>
      <c r="G17458" t="s">
        <v>10734</v>
      </c>
      <c r="H17458" t="s">
        <v>10735</v>
      </c>
      <c r="I17458" s="2">
        <v>1</v>
      </c>
      <c r="J17458" s="2">
        <v>0</v>
      </c>
      <c r="K17458" s="2">
        <v>0</v>
      </c>
      <c r="L17458" t="s">
        <v>120</v>
      </c>
      <c r="M17458" t="s">
        <v>83</v>
      </c>
      <c r="N17458" t="s">
        <v>84</v>
      </c>
      <c r="O17458" t="s">
        <v>85</v>
      </c>
      <c r="P17458" t="s">
        <v>86</v>
      </c>
      <c r="Q17458">
        <v>275</v>
      </c>
      <c r="R17458">
        <v>279</v>
      </c>
      <c r="S17458">
        <v>283</v>
      </c>
      <c r="T17458">
        <v>286</v>
      </c>
      <c r="U17458">
        <v>290</v>
      </c>
      <c r="V17458">
        <v>294</v>
      </c>
      <c r="W17458">
        <v>298</v>
      </c>
      <c r="X17458">
        <v>301</v>
      </c>
      <c r="Y17458">
        <v>305</v>
      </c>
      <c r="Z17458">
        <v>308</v>
      </c>
      <c r="AA17458">
        <v>312</v>
      </c>
      <c r="AB17458">
        <v>315</v>
      </c>
      <c r="AC17458">
        <v>319</v>
      </c>
      <c r="AD17458">
        <v>322</v>
      </c>
      <c r="AE17458">
        <v>326</v>
      </c>
      <c r="AF17458">
        <v>329</v>
      </c>
      <c r="AG17458">
        <v>333</v>
      </c>
      <c r="AH17458">
        <v>336</v>
      </c>
      <c r="AI17458">
        <v>340</v>
      </c>
      <c r="AJ17458">
        <v>343</v>
      </c>
      <c r="AK17458">
        <v>347</v>
      </c>
      <c r="AL17458">
        <v>348</v>
      </c>
      <c r="AM17458">
        <v>349</v>
      </c>
      <c r="AN17458">
        <v>349</v>
      </c>
      <c r="AO17458">
        <v>350</v>
      </c>
      <c r="AP17458">
        <v>350</v>
      </c>
      <c r="AQ17458">
        <v>351</v>
      </c>
    </row>
    <row r="17459" spans="1:43">
      <c r="A17459" t="s">
        <v>10822</v>
      </c>
      <c r="B17459" t="s">
        <v>10823</v>
      </c>
      <c r="C17459" t="s">
        <v>10820</v>
      </c>
      <c r="D17459" t="s">
        <v>10821</v>
      </c>
      <c r="E17459" t="s">
        <v>10732</v>
      </c>
      <c r="F17459" t="s">
        <v>10733</v>
      </c>
      <c r="G17459" t="s">
        <v>10734</v>
      </c>
      <c r="H17459" t="s">
        <v>10735</v>
      </c>
      <c r="I17459" s="2">
        <v>1</v>
      </c>
      <c r="J17459" s="2">
        <v>0</v>
      </c>
      <c r="K17459" s="2">
        <v>0</v>
      </c>
      <c r="L17459" t="s">
        <v>120</v>
      </c>
      <c r="M17459" t="s">
        <v>87</v>
      </c>
      <c r="N17459" t="s">
        <v>88</v>
      </c>
      <c r="O17459" t="s">
        <v>85</v>
      </c>
      <c r="P17459" t="s">
        <v>86</v>
      </c>
      <c r="Q17459">
        <v>275</v>
      </c>
      <c r="R17459">
        <v>277</v>
      </c>
      <c r="S17459">
        <v>278</v>
      </c>
      <c r="T17459">
        <v>279</v>
      </c>
      <c r="U17459">
        <v>280</v>
      </c>
      <c r="V17459">
        <v>281</v>
      </c>
      <c r="W17459">
        <v>283</v>
      </c>
      <c r="X17459">
        <v>284</v>
      </c>
      <c r="Y17459">
        <v>285</v>
      </c>
      <c r="Z17459">
        <v>286</v>
      </c>
      <c r="AA17459">
        <v>288</v>
      </c>
      <c r="AB17459">
        <v>289</v>
      </c>
      <c r="AC17459">
        <v>290</v>
      </c>
      <c r="AD17459">
        <v>291</v>
      </c>
      <c r="AE17459">
        <v>292</v>
      </c>
      <c r="AF17459">
        <v>294</v>
      </c>
      <c r="AG17459">
        <v>295</v>
      </c>
      <c r="AH17459">
        <v>296</v>
      </c>
      <c r="AI17459">
        <v>297</v>
      </c>
      <c r="AJ17459">
        <v>298</v>
      </c>
      <c r="AK17459">
        <v>299</v>
      </c>
      <c r="AL17459">
        <v>301</v>
      </c>
      <c r="AM17459">
        <v>302</v>
      </c>
      <c r="AN17459">
        <v>303</v>
      </c>
      <c r="AO17459">
        <v>304</v>
      </c>
      <c r="AP17459">
        <v>305</v>
      </c>
      <c r="AQ17459">
        <v>306</v>
      </c>
    </row>
    <row r="17460" spans="1:43">
      <c r="A17460" t="s">
        <v>10822</v>
      </c>
      <c r="B17460" t="s">
        <v>10823</v>
      </c>
      <c r="C17460" t="s">
        <v>10820</v>
      </c>
      <c r="D17460" t="s">
        <v>10821</v>
      </c>
      <c r="E17460" t="s">
        <v>10732</v>
      </c>
      <c r="F17460" t="s">
        <v>10733</v>
      </c>
      <c r="G17460" t="s">
        <v>10734</v>
      </c>
      <c r="H17460" t="s">
        <v>10735</v>
      </c>
      <c r="I17460" s="2">
        <v>1</v>
      </c>
      <c r="J17460" s="2">
        <v>0</v>
      </c>
      <c r="K17460" s="2">
        <v>0</v>
      </c>
      <c r="L17460" t="s">
        <v>120</v>
      </c>
      <c r="M17460" t="s">
        <v>89</v>
      </c>
      <c r="N17460" t="s">
        <v>90</v>
      </c>
      <c r="O17460" t="s">
        <v>85</v>
      </c>
      <c r="P17460" t="s">
        <v>86</v>
      </c>
      <c r="Q17460">
        <v>275</v>
      </c>
      <c r="R17460">
        <v>282</v>
      </c>
      <c r="S17460">
        <v>288</v>
      </c>
      <c r="T17460">
        <v>294</v>
      </c>
      <c r="U17460">
        <v>300</v>
      </c>
      <c r="V17460">
        <v>305</v>
      </c>
      <c r="W17460">
        <v>310</v>
      </c>
      <c r="X17460">
        <v>315</v>
      </c>
      <c r="Y17460">
        <v>320</v>
      </c>
      <c r="Z17460">
        <v>325</v>
      </c>
      <c r="AA17460">
        <v>330</v>
      </c>
      <c r="AB17460">
        <v>334</v>
      </c>
      <c r="AC17460">
        <v>339</v>
      </c>
      <c r="AD17460">
        <v>344</v>
      </c>
      <c r="AE17460">
        <v>347</v>
      </c>
      <c r="AF17460">
        <v>348</v>
      </c>
      <c r="AG17460">
        <v>349</v>
      </c>
      <c r="AH17460">
        <v>349</v>
      </c>
      <c r="AI17460">
        <v>350</v>
      </c>
      <c r="AJ17460">
        <v>350</v>
      </c>
      <c r="AK17460">
        <v>351</v>
      </c>
      <c r="AL17460">
        <v>351</v>
      </c>
      <c r="AM17460">
        <v>352</v>
      </c>
      <c r="AN17460">
        <v>352</v>
      </c>
      <c r="AO17460">
        <v>353</v>
      </c>
      <c r="AP17460">
        <v>353</v>
      </c>
      <c r="AQ17460">
        <v>353</v>
      </c>
    </row>
    <row r="17461" spans="1:43">
      <c r="A17461" t="s">
        <v>10822</v>
      </c>
      <c r="B17461" t="s">
        <v>10823</v>
      </c>
      <c r="C17461" t="s">
        <v>10820</v>
      </c>
      <c r="D17461" t="s">
        <v>10821</v>
      </c>
      <c r="E17461" t="s">
        <v>10732</v>
      </c>
      <c r="F17461" t="s">
        <v>10733</v>
      </c>
      <c r="G17461" t="s">
        <v>10734</v>
      </c>
      <c r="H17461" t="s">
        <v>10735</v>
      </c>
      <c r="I17461" s="2">
        <v>1</v>
      </c>
      <c r="J17461" s="2">
        <v>0</v>
      </c>
      <c r="K17461" s="2">
        <v>0</v>
      </c>
      <c r="L17461" t="s">
        <v>120</v>
      </c>
      <c r="M17461" t="s">
        <v>83</v>
      </c>
      <c r="N17461" t="s">
        <v>91</v>
      </c>
      <c r="O17461" t="s">
        <v>85</v>
      </c>
      <c r="P17461" t="s">
        <v>86</v>
      </c>
      <c r="Q17461">
        <v>275</v>
      </c>
      <c r="R17461">
        <v>279</v>
      </c>
      <c r="S17461">
        <v>283</v>
      </c>
      <c r="T17461">
        <v>286</v>
      </c>
      <c r="U17461">
        <v>290</v>
      </c>
      <c r="V17461">
        <v>294</v>
      </c>
      <c r="W17461">
        <v>298</v>
      </c>
      <c r="X17461">
        <v>301</v>
      </c>
      <c r="Y17461">
        <v>305</v>
      </c>
      <c r="Z17461">
        <v>308</v>
      </c>
      <c r="AA17461">
        <v>312</v>
      </c>
      <c r="AB17461">
        <v>315</v>
      </c>
      <c r="AC17461">
        <v>319</v>
      </c>
      <c r="AD17461">
        <v>322</v>
      </c>
      <c r="AE17461">
        <v>326</v>
      </c>
      <c r="AF17461">
        <v>329</v>
      </c>
      <c r="AG17461">
        <v>333</v>
      </c>
      <c r="AH17461">
        <v>336</v>
      </c>
      <c r="AI17461">
        <v>340</v>
      </c>
      <c r="AJ17461">
        <v>343</v>
      </c>
      <c r="AK17461">
        <v>347</v>
      </c>
      <c r="AL17461">
        <v>348</v>
      </c>
      <c r="AM17461">
        <v>349</v>
      </c>
      <c r="AN17461">
        <v>349</v>
      </c>
      <c r="AO17461">
        <v>350</v>
      </c>
      <c r="AP17461">
        <v>350</v>
      </c>
      <c r="AQ17461">
        <v>351</v>
      </c>
    </row>
    <row r="17462" spans="1:43">
      <c r="A17462" t="s">
        <v>10824</v>
      </c>
      <c r="B17462" t="s">
        <v>10825</v>
      </c>
      <c r="C17462" t="s">
        <v>10820</v>
      </c>
      <c r="D17462" t="s">
        <v>10821</v>
      </c>
      <c r="E17462" t="s">
        <v>10732</v>
      </c>
      <c r="F17462" t="s">
        <v>10733</v>
      </c>
      <c r="G17462" t="s">
        <v>10734</v>
      </c>
      <c r="H17462" t="s">
        <v>10735</v>
      </c>
      <c r="I17462" s="2">
        <v>1</v>
      </c>
      <c r="J17462" s="2">
        <v>0</v>
      </c>
      <c r="K17462" s="2">
        <v>0</v>
      </c>
      <c r="L17462" t="s">
        <v>120</v>
      </c>
      <c r="M17462" t="s">
        <v>83</v>
      </c>
      <c r="N17462" t="s">
        <v>84</v>
      </c>
      <c r="O17462" t="s">
        <v>85</v>
      </c>
      <c r="P17462" t="s">
        <v>86</v>
      </c>
      <c r="Q17462">
        <v>55</v>
      </c>
      <c r="R17462">
        <v>55</v>
      </c>
      <c r="S17462">
        <v>56</v>
      </c>
      <c r="T17462">
        <v>57</v>
      </c>
      <c r="U17462">
        <v>58</v>
      </c>
      <c r="V17462">
        <v>59</v>
      </c>
      <c r="W17462">
        <v>59</v>
      </c>
      <c r="X17462">
        <v>60</v>
      </c>
      <c r="Y17462">
        <v>61</v>
      </c>
      <c r="Z17462">
        <v>61</v>
      </c>
      <c r="AA17462">
        <v>62</v>
      </c>
      <c r="AB17462">
        <v>63</v>
      </c>
      <c r="AC17462">
        <v>63</v>
      </c>
      <c r="AD17462">
        <v>64</v>
      </c>
      <c r="AE17462">
        <v>65</v>
      </c>
      <c r="AF17462">
        <v>65</v>
      </c>
      <c r="AG17462">
        <v>66</v>
      </c>
      <c r="AH17462">
        <v>67</v>
      </c>
      <c r="AI17462">
        <v>68</v>
      </c>
      <c r="AJ17462">
        <v>68</v>
      </c>
      <c r="AK17462">
        <v>69</v>
      </c>
      <c r="AL17462">
        <v>69</v>
      </c>
      <c r="AM17462">
        <v>69</v>
      </c>
      <c r="AN17462">
        <v>69</v>
      </c>
      <c r="AO17462">
        <v>69</v>
      </c>
      <c r="AP17462">
        <v>70</v>
      </c>
      <c r="AQ17462">
        <v>70</v>
      </c>
    </row>
    <row r="17463" spans="1:43">
      <c r="A17463" t="s">
        <v>10824</v>
      </c>
      <c r="B17463" t="s">
        <v>10825</v>
      </c>
      <c r="C17463" t="s">
        <v>10820</v>
      </c>
      <c r="D17463" t="s">
        <v>10821</v>
      </c>
      <c r="E17463" t="s">
        <v>10732</v>
      </c>
      <c r="F17463" t="s">
        <v>10733</v>
      </c>
      <c r="G17463" t="s">
        <v>10734</v>
      </c>
      <c r="H17463" t="s">
        <v>10735</v>
      </c>
      <c r="I17463" s="2">
        <v>1</v>
      </c>
      <c r="J17463" s="2">
        <v>0</v>
      </c>
      <c r="K17463" s="2">
        <v>0</v>
      </c>
      <c r="L17463" t="s">
        <v>120</v>
      </c>
      <c r="M17463" t="s">
        <v>87</v>
      </c>
      <c r="N17463" t="s">
        <v>88</v>
      </c>
      <c r="O17463" t="s">
        <v>85</v>
      </c>
      <c r="P17463" t="s">
        <v>86</v>
      </c>
      <c r="Q17463">
        <v>55</v>
      </c>
      <c r="R17463">
        <v>55</v>
      </c>
      <c r="S17463">
        <v>56</v>
      </c>
      <c r="T17463">
        <v>56</v>
      </c>
      <c r="U17463">
        <v>56</v>
      </c>
      <c r="V17463">
        <v>56</v>
      </c>
      <c r="W17463">
        <v>57</v>
      </c>
      <c r="X17463">
        <v>57</v>
      </c>
      <c r="Y17463">
        <v>57</v>
      </c>
      <c r="Z17463">
        <v>57</v>
      </c>
      <c r="AA17463">
        <v>58</v>
      </c>
      <c r="AB17463">
        <v>58</v>
      </c>
      <c r="AC17463">
        <v>58</v>
      </c>
      <c r="AD17463">
        <v>58</v>
      </c>
      <c r="AE17463">
        <v>59</v>
      </c>
      <c r="AF17463">
        <v>59</v>
      </c>
      <c r="AG17463">
        <v>59</v>
      </c>
      <c r="AH17463">
        <v>59</v>
      </c>
      <c r="AI17463">
        <v>60</v>
      </c>
      <c r="AJ17463">
        <v>60</v>
      </c>
      <c r="AK17463">
        <v>60</v>
      </c>
      <c r="AL17463">
        <v>60</v>
      </c>
      <c r="AM17463">
        <v>61</v>
      </c>
      <c r="AN17463">
        <v>61</v>
      </c>
      <c r="AO17463">
        <v>61</v>
      </c>
      <c r="AP17463">
        <v>61</v>
      </c>
      <c r="AQ17463">
        <v>61</v>
      </c>
    </row>
    <row r="17464" spans="1:43">
      <c r="A17464" t="s">
        <v>10824</v>
      </c>
      <c r="B17464" t="s">
        <v>10825</v>
      </c>
      <c r="C17464" t="s">
        <v>10820</v>
      </c>
      <c r="D17464" t="s">
        <v>10821</v>
      </c>
      <c r="E17464" t="s">
        <v>10732</v>
      </c>
      <c r="F17464" t="s">
        <v>10733</v>
      </c>
      <c r="G17464" t="s">
        <v>10734</v>
      </c>
      <c r="H17464" t="s">
        <v>10735</v>
      </c>
      <c r="I17464" s="2">
        <v>1</v>
      </c>
      <c r="J17464" s="2">
        <v>0</v>
      </c>
      <c r="K17464" s="2">
        <v>0</v>
      </c>
      <c r="L17464" t="s">
        <v>120</v>
      </c>
      <c r="M17464" t="s">
        <v>89</v>
      </c>
      <c r="N17464" t="s">
        <v>90</v>
      </c>
      <c r="O17464" t="s">
        <v>85</v>
      </c>
      <c r="P17464" t="s">
        <v>86</v>
      </c>
      <c r="Q17464">
        <v>55</v>
      </c>
      <c r="R17464">
        <v>56</v>
      </c>
      <c r="S17464">
        <v>58</v>
      </c>
      <c r="T17464">
        <v>59</v>
      </c>
      <c r="U17464">
        <v>60</v>
      </c>
      <c r="V17464">
        <v>61</v>
      </c>
      <c r="W17464">
        <v>62</v>
      </c>
      <c r="X17464">
        <v>63</v>
      </c>
      <c r="Y17464">
        <v>64</v>
      </c>
      <c r="Z17464">
        <v>65</v>
      </c>
      <c r="AA17464">
        <v>66</v>
      </c>
      <c r="AB17464">
        <v>67</v>
      </c>
      <c r="AC17464">
        <v>68</v>
      </c>
      <c r="AD17464">
        <v>69</v>
      </c>
      <c r="AE17464">
        <v>69</v>
      </c>
      <c r="AF17464">
        <v>69</v>
      </c>
      <c r="AG17464">
        <v>70</v>
      </c>
      <c r="AH17464">
        <v>70</v>
      </c>
      <c r="AI17464">
        <v>70</v>
      </c>
      <c r="AJ17464">
        <v>70</v>
      </c>
      <c r="AK17464">
        <v>70</v>
      </c>
      <c r="AL17464">
        <v>70</v>
      </c>
      <c r="AM17464">
        <v>70</v>
      </c>
      <c r="AN17464">
        <v>70</v>
      </c>
      <c r="AO17464">
        <v>71</v>
      </c>
      <c r="AP17464">
        <v>71</v>
      </c>
      <c r="AQ17464">
        <v>71</v>
      </c>
    </row>
    <row r="17465" spans="1:43">
      <c r="A17465" t="s">
        <v>10824</v>
      </c>
      <c r="B17465" t="s">
        <v>10825</v>
      </c>
      <c r="C17465" t="s">
        <v>10820</v>
      </c>
      <c r="D17465" t="s">
        <v>10821</v>
      </c>
      <c r="E17465" t="s">
        <v>10732</v>
      </c>
      <c r="F17465" t="s">
        <v>10733</v>
      </c>
      <c r="G17465" t="s">
        <v>10734</v>
      </c>
      <c r="H17465" t="s">
        <v>10735</v>
      </c>
      <c r="I17465" s="2">
        <v>1</v>
      </c>
      <c r="J17465" s="2">
        <v>0</v>
      </c>
      <c r="K17465" s="2">
        <v>0</v>
      </c>
      <c r="L17465" t="s">
        <v>120</v>
      </c>
      <c r="M17465" t="s">
        <v>83</v>
      </c>
      <c r="N17465" t="s">
        <v>91</v>
      </c>
      <c r="O17465" t="s">
        <v>85</v>
      </c>
      <c r="P17465" t="s">
        <v>86</v>
      </c>
      <c r="Q17465">
        <v>55</v>
      </c>
      <c r="R17465">
        <v>55</v>
      </c>
      <c r="S17465">
        <v>56</v>
      </c>
      <c r="T17465">
        <v>57</v>
      </c>
      <c r="U17465">
        <v>58</v>
      </c>
      <c r="V17465">
        <v>59</v>
      </c>
      <c r="W17465">
        <v>59</v>
      </c>
      <c r="X17465">
        <v>60</v>
      </c>
      <c r="Y17465">
        <v>61</v>
      </c>
      <c r="Z17465">
        <v>61</v>
      </c>
      <c r="AA17465">
        <v>62</v>
      </c>
      <c r="AB17465">
        <v>63</v>
      </c>
      <c r="AC17465">
        <v>63</v>
      </c>
      <c r="AD17465">
        <v>64</v>
      </c>
      <c r="AE17465">
        <v>65</v>
      </c>
      <c r="AF17465">
        <v>65</v>
      </c>
      <c r="AG17465">
        <v>66</v>
      </c>
      <c r="AH17465">
        <v>67</v>
      </c>
      <c r="AI17465">
        <v>68</v>
      </c>
      <c r="AJ17465">
        <v>68</v>
      </c>
      <c r="AK17465">
        <v>69</v>
      </c>
      <c r="AL17465">
        <v>69</v>
      </c>
      <c r="AM17465">
        <v>69</v>
      </c>
      <c r="AN17465">
        <v>69</v>
      </c>
      <c r="AO17465">
        <v>69</v>
      </c>
      <c r="AP17465">
        <v>70</v>
      </c>
      <c r="AQ17465">
        <v>70</v>
      </c>
    </row>
    <row r="17466" spans="1:43">
      <c r="A17466" t="s">
        <v>10826</v>
      </c>
      <c r="B17466" t="s">
        <v>10827</v>
      </c>
      <c r="C17466" t="s">
        <v>10820</v>
      </c>
      <c r="D17466" t="s">
        <v>10821</v>
      </c>
      <c r="E17466" t="s">
        <v>10732</v>
      </c>
      <c r="F17466" t="s">
        <v>10733</v>
      </c>
      <c r="G17466" t="s">
        <v>10734</v>
      </c>
      <c r="H17466" t="s">
        <v>10735</v>
      </c>
      <c r="I17466" s="2">
        <v>1</v>
      </c>
      <c r="J17466" s="2">
        <v>0</v>
      </c>
      <c r="K17466" s="2">
        <v>0</v>
      </c>
      <c r="L17466" t="s">
        <v>120</v>
      </c>
      <c r="M17466" t="s">
        <v>83</v>
      </c>
      <c r="N17466" t="s">
        <v>84</v>
      </c>
      <c r="O17466" t="s">
        <v>85</v>
      </c>
      <c r="P17466" t="s">
        <v>86</v>
      </c>
      <c r="Q17466">
        <v>51</v>
      </c>
      <c r="R17466">
        <v>52</v>
      </c>
      <c r="S17466">
        <v>52</v>
      </c>
      <c r="T17466">
        <v>53</v>
      </c>
      <c r="U17466">
        <v>54</v>
      </c>
      <c r="V17466">
        <v>54</v>
      </c>
      <c r="W17466">
        <v>55</v>
      </c>
      <c r="X17466">
        <v>56</v>
      </c>
      <c r="Y17466">
        <v>56</v>
      </c>
      <c r="Z17466">
        <v>57</v>
      </c>
      <c r="AA17466">
        <v>58</v>
      </c>
      <c r="AB17466">
        <v>58</v>
      </c>
      <c r="AC17466">
        <v>59</v>
      </c>
      <c r="AD17466">
        <v>60</v>
      </c>
      <c r="AE17466">
        <v>60</v>
      </c>
      <c r="AF17466">
        <v>61</v>
      </c>
      <c r="AG17466">
        <v>62</v>
      </c>
      <c r="AH17466">
        <v>62</v>
      </c>
      <c r="AI17466">
        <v>63</v>
      </c>
      <c r="AJ17466">
        <v>64</v>
      </c>
      <c r="AK17466">
        <v>64</v>
      </c>
      <c r="AL17466">
        <v>64</v>
      </c>
      <c r="AM17466">
        <v>65</v>
      </c>
      <c r="AN17466">
        <v>65</v>
      </c>
      <c r="AO17466">
        <v>65</v>
      </c>
      <c r="AP17466">
        <v>65</v>
      </c>
      <c r="AQ17466">
        <v>65</v>
      </c>
    </row>
    <row r="17467" spans="1:43">
      <c r="A17467" t="s">
        <v>10826</v>
      </c>
      <c r="B17467" t="s">
        <v>10827</v>
      </c>
      <c r="C17467" t="s">
        <v>10820</v>
      </c>
      <c r="D17467" t="s">
        <v>10821</v>
      </c>
      <c r="E17467" t="s">
        <v>10732</v>
      </c>
      <c r="F17467" t="s">
        <v>10733</v>
      </c>
      <c r="G17467" t="s">
        <v>10734</v>
      </c>
      <c r="H17467" t="s">
        <v>10735</v>
      </c>
      <c r="I17467" s="2">
        <v>1</v>
      </c>
      <c r="J17467" s="2">
        <v>0</v>
      </c>
      <c r="K17467" s="2">
        <v>0</v>
      </c>
      <c r="L17467" t="s">
        <v>120</v>
      </c>
      <c r="M17467" t="s">
        <v>87</v>
      </c>
      <c r="N17467" t="s">
        <v>88</v>
      </c>
      <c r="O17467" t="s">
        <v>85</v>
      </c>
      <c r="P17467" t="s">
        <v>86</v>
      </c>
      <c r="Q17467">
        <v>51</v>
      </c>
      <c r="R17467">
        <v>52</v>
      </c>
      <c r="S17467">
        <v>52</v>
      </c>
      <c r="T17467">
        <v>52</v>
      </c>
      <c r="U17467">
        <v>52</v>
      </c>
      <c r="V17467">
        <v>53</v>
      </c>
      <c r="W17467">
        <v>53</v>
      </c>
      <c r="X17467">
        <v>53</v>
      </c>
      <c r="Y17467">
        <v>53</v>
      </c>
      <c r="Z17467">
        <v>53</v>
      </c>
      <c r="AA17467">
        <v>54</v>
      </c>
      <c r="AB17467">
        <v>54</v>
      </c>
      <c r="AC17467">
        <v>54</v>
      </c>
      <c r="AD17467">
        <v>54</v>
      </c>
      <c r="AE17467">
        <v>55</v>
      </c>
      <c r="AF17467">
        <v>55</v>
      </c>
      <c r="AG17467">
        <v>55</v>
      </c>
      <c r="AH17467">
        <v>55</v>
      </c>
      <c r="AI17467">
        <v>55</v>
      </c>
      <c r="AJ17467">
        <v>56</v>
      </c>
      <c r="AK17467">
        <v>56</v>
      </c>
      <c r="AL17467">
        <v>56</v>
      </c>
      <c r="AM17467">
        <v>56</v>
      </c>
      <c r="AN17467">
        <v>57</v>
      </c>
      <c r="AO17467">
        <v>57</v>
      </c>
      <c r="AP17467">
        <v>57</v>
      </c>
      <c r="AQ17467">
        <v>57</v>
      </c>
    </row>
    <row r="17468" spans="1:43">
      <c r="A17468" t="s">
        <v>10826</v>
      </c>
      <c r="B17468" t="s">
        <v>10827</v>
      </c>
      <c r="C17468" t="s">
        <v>10820</v>
      </c>
      <c r="D17468" t="s">
        <v>10821</v>
      </c>
      <c r="E17468" t="s">
        <v>10732</v>
      </c>
      <c r="F17468" t="s">
        <v>10733</v>
      </c>
      <c r="G17468" t="s">
        <v>10734</v>
      </c>
      <c r="H17468" t="s">
        <v>10735</v>
      </c>
      <c r="I17468" s="2">
        <v>1</v>
      </c>
      <c r="J17468" s="2">
        <v>0</v>
      </c>
      <c r="K17468" s="2">
        <v>0</v>
      </c>
      <c r="L17468" t="s">
        <v>120</v>
      </c>
      <c r="M17468" t="s">
        <v>89</v>
      </c>
      <c r="N17468" t="s">
        <v>90</v>
      </c>
      <c r="O17468" t="s">
        <v>85</v>
      </c>
      <c r="P17468" t="s">
        <v>86</v>
      </c>
      <c r="Q17468">
        <v>51</v>
      </c>
      <c r="R17468">
        <v>53</v>
      </c>
      <c r="S17468">
        <v>54</v>
      </c>
      <c r="T17468">
        <v>55</v>
      </c>
      <c r="U17468">
        <v>56</v>
      </c>
      <c r="V17468">
        <v>57</v>
      </c>
      <c r="W17468">
        <v>58</v>
      </c>
      <c r="X17468">
        <v>59</v>
      </c>
      <c r="Y17468">
        <v>60</v>
      </c>
      <c r="Z17468">
        <v>61</v>
      </c>
      <c r="AA17468">
        <v>61</v>
      </c>
      <c r="AB17468">
        <v>62</v>
      </c>
      <c r="AC17468">
        <v>63</v>
      </c>
      <c r="AD17468">
        <v>64</v>
      </c>
      <c r="AE17468">
        <v>65</v>
      </c>
      <c r="AF17468">
        <v>65</v>
      </c>
      <c r="AG17468">
        <v>65</v>
      </c>
      <c r="AH17468">
        <v>65</v>
      </c>
      <c r="AI17468">
        <v>65</v>
      </c>
      <c r="AJ17468">
        <v>65</v>
      </c>
      <c r="AK17468">
        <v>65</v>
      </c>
      <c r="AL17468">
        <v>66</v>
      </c>
      <c r="AM17468">
        <v>66</v>
      </c>
      <c r="AN17468">
        <v>66</v>
      </c>
      <c r="AO17468">
        <v>66</v>
      </c>
      <c r="AP17468">
        <v>66</v>
      </c>
      <c r="AQ17468">
        <v>66</v>
      </c>
    </row>
    <row r="17469" spans="1:43">
      <c r="A17469" t="s">
        <v>10826</v>
      </c>
      <c r="B17469" t="s">
        <v>10827</v>
      </c>
      <c r="C17469" t="s">
        <v>10820</v>
      </c>
      <c r="D17469" t="s">
        <v>10821</v>
      </c>
      <c r="E17469" t="s">
        <v>10732</v>
      </c>
      <c r="F17469" t="s">
        <v>10733</v>
      </c>
      <c r="G17469" t="s">
        <v>10734</v>
      </c>
      <c r="H17469" t="s">
        <v>10735</v>
      </c>
      <c r="I17469" s="2">
        <v>1</v>
      </c>
      <c r="J17469" s="2">
        <v>0</v>
      </c>
      <c r="K17469" s="2">
        <v>0</v>
      </c>
      <c r="L17469" t="s">
        <v>120</v>
      </c>
      <c r="M17469" t="s">
        <v>83</v>
      </c>
      <c r="N17469" t="s">
        <v>91</v>
      </c>
      <c r="O17469" t="s">
        <v>85</v>
      </c>
      <c r="P17469" t="s">
        <v>86</v>
      </c>
      <c r="Q17469">
        <v>51</v>
      </c>
      <c r="R17469">
        <v>52</v>
      </c>
      <c r="S17469">
        <v>52</v>
      </c>
      <c r="T17469">
        <v>53</v>
      </c>
      <c r="U17469">
        <v>54</v>
      </c>
      <c r="V17469">
        <v>54</v>
      </c>
      <c r="W17469">
        <v>55</v>
      </c>
      <c r="X17469">
        <v>56</v>
      </c>
      <c r="Y17469">
        <v>56</v>
      </c>
      <c r="Z17469">
        <v>57</v>
      </c>
      <c r="AA17469">
        <v>58</v>
      </c>
      <c r="AB17469">
        <v>58</v>
      </c>
      <c r="AC17469">
        <v>59</v>
      </c>
      <c r="AD17469">
        <v>60</v>
      </c>
      <c r="AE17469">
        <v>60</v>
      </c>
      <c r="AF17469">
        <v>61</v>
      </c>
      <c r="AG17469">
        <v>62</v>
      </c>
      <c r="AH17469">
        <v>62</v>
      </c>
      <c r="AI17469">
        <v>63</v>
      </c>
      <c r="AJ17469">
        <v>64</v>
      </c>
      <c r="AK17469">
        <v>64</v>
      </c>
      <c r="AL17469">
        <v>64</v>
      </c>
      <c r="AM17469">
        <v>65</v>
      </c>
      <c r="AN17469">
        <v>65</v>
      </c>
      <c r="AO17469">
        <v>65</v>
      </c>
      <c r="AP17469">
        <v>65</v>
      </c>
      <c r="AQ17469">
        <v>65</v>
      </c>
    </row>
    <row r="17470" spans="1:43">
      <c r="A17470" t="s">
        <v>10828</v>
      </c>
      <c r="B17470" t="s">
        <v>10829</v>
      </c>
      <c r="C17470" t="s">
        <v>10820</v>
      </c>
      <c r="D17470" t="s">
        <v>10821</v>
      </c>
      <c r="E17470" t="s">
        <v>10732</v>
      </c>
      <c r="F17470" t="s">
        <v>10733</v>
      </c>
      <c r="G17470" t="s">
        <v>10734</v>
      </c>
      <c r="H17470" t="s">
        <v>10735</v>
      </c>
      <c r="I17470" s="2">
        <v>1</v>
      </c>
      <c r="J17470" s="2">
        <v>0</v>
      </c>
      <c r="K17470" s="2">
        <v>0</v>
      </c>
      <c r="L17470" t="s">
        <v>120</v>
      </c>
      <c r="M17470" t="s">
        <v>83</v>
      </c>
      <c r="N17470" t="s">
        <v>84</v>
      </c>
      <c r="O17470" t="s">
        <v>85</v>
      </c>
      <c r="P17470" t="s">
        <v>86</v>
      </c>
      <c r="Q17470">
        <v>48</v>
      </c>
      <c r="R17470">
        <v>48</v>
      </c>
      <c r="S17470">
        <v>49</v>
      </c>
      <c r="T17470">
        <v>50</v>
      </c>
      <c r="U17470">
        <v>50</v>
      </c>
      <c r="V17470">
        <v>51</v>
      </c>
      <c r="W17470">
        <v>52</v>
      </c>
      <c r="X17470">
        <v>52</v>
      </c>
      <c r="Y17470">
        <v>53</v>
      </c>
      <c r="Z17470">
        <v>53</v>
      </c>
      <c r="AA17470">
        <v>54</v>
      </c>
      <c r="AB17470">
        <v>55</v>
      </c>
      <c r="AC17470">
        <v>55</v>
      </c>
      <c r="AD17470">
        <v>56</v>
      </c>
      <c r="AE17470">
        <v>56</v>
      </c>
      <c r="AF17470">
        <v>57</v>
      </c>
      <c r="AG17470">
        <v>57</v>
      </c>
      <c r="AH17470">
        <v>58</v>
      </c>
      <c r="AI17470">
        <v>59</v>
      </c>
      <c r="AJ17470">
        <v>59</v>
      </c>
      <c r="AK17470">
        <v>60</v>
      </c>
      <c r="AL17470">
        <v>60</v>
      </c>
      <c r="AM17470">
        <v>60</v>
      </c>
      <c r="AN17470">
        <v>60</v>
      </c>
      <c r="AO17470">
        <v>60</v>
      </c>
      <c r="AP17470">
        <v>60</v>
      </c>
      <c r="AQ17470">
        <v>60</v>
      </c>
    </row>
    <row r="17471" spans="1:43">
      <c r="A17471" t="s">
        <v>10828</v>
      </c>
      <c r="B17471" t="s">
        <v>10829</v>
      </c>
      <c r="C17471" t="s">
        <v>10820</v>
      </c>
      <c r="D17471" t="s">
        <v>10821</v>
      </c>
      <c r="E17471" t="s">
        <v>10732</v>
      </c>
      <c r="F17471" t="s">
        <v>10733</v>
      </c>
      <c r="G17471" t="s">
        <v>10734</v>
      </c>
      <c r="H17471" t="s">
        <v>10735</v>
      </c>
      <c r="I17471" s="2">
        <v>1</v>
      </c>
      <c r="J17471" s="2">
        <v>0</v>
      </c>
      <c r="K17471" s="2">
        <v>0</v>
      </c>
      <c r="L17471" t="s">
        <v>120</v>
      </c>
      <c r="M17471" t="s">
        <v>87</v>
      </c>
      <c r="N17471" t="s">
        <v>88</v>
      </c>
      <c r="O17471" t="s">
        <v>85</v>
      </c>
      <c r="P17471" t="s">
        <v>86</v>
      </c>
      <c r="Q17471">
        <v>48</v>
      </c>
      <c r="R17471">
        <v>48</v>
      </c>
      <c r="S17471">
        <v>49</v>
      </c>
      <c r="T17471">
        <v>49</v>
      </c>
      <c r="U17471">
        <v>49</v>
      </c>
      <c r="V17471">
        <v>49</v>
      </c>
      <c r="W17471">
        <v>50</v>
      </c>
      <c r="X17471">
        <v>50</v>
      </c>
      <c r="Y17471">
        <v>50</v>
      </c>
      <c r="Z17471">
        <v>50</v>
      </c>
      <c r="AA17471">
        <v>50</v>
      </c>
      <c r="AB17471">
        <v>51</v>
      </c>
      <c r="AC17471">
        <v>51</v>
      </c>
      <c r="AD17471">
        <v>51</v>
      </c>
      <c r="AE17471">
        <v>51</v>
      </c>
      <c r="AF17471">
        <v>51</v>
      </c>
      <c r="AG17471">
        <v>52</v>
      </c>
      <c r="AH17471">
        <v>52</v>
      </c>
      <c r="AI17471">
        <v>52</v>
      </c>
      <c r="AJ17471">
        <v>52</v>
      </c>
      <c r="AK17471">
        <v>52</v>
      </c>
      <c r="AL17471">
        <v>53</v>
      </c>
      <c r="AM17471">
        <v>53</v>
      </c>
      <c r="AN17471">
        <v>53</v>
      </c>
      <c r="AO17471">
        <v>53</v>
      </c>
      <c r="AP17471">
        <v>53</v>
      </c>
      <c r="AQ17471">
        <v>54</v>
      </c>
    </row>
    <row r="17472" spans="1:43">
      <c r="A17472" t="s">
        <v>10828</v>
      </c>
      <c r="B17472" t="s">
        <v>10829</v>
      </c>
      <c r="C17472" t="s">
        <v>10820</v>
      </c>
      <c r="D17472" t="s">
        <v>10821</v>
      </c>
      <c r="E17472" t="s">
        <v>10732</v>
      </c>
      <c r="F17472" t="s">
        <v>10733</v>
      </c>
      <c r="G17472" t="s">
        <v>10734</v>
      </c>
      <c r="H17472" t="s">
        <v>10735</v>
      </c>
      <c r="I17472" s="2">
        <v>1</v>
      </c>
      <c r="J17472" s="2">
        <v>0</v>
      </c>
      <c r="K17472" s="2">
        <v>0</v>
      </c>
      <c r="L17472" t="s">
        <v>120</v>
      </c>
      <c r="M17472" t="s">
        <v>89</v>
      </c>
      <c r="N17472" t="s">
        <v>90</v>
      </c>
      <c r="O17472" t="s">
        <v>85</v>
      </c>
      <c r="P17472" t="s">
        <v>86</v>
      </c>
      <c r="Q17472">
        <v>48</v>
      </c>
      <c r="R17472">
        <v>49</v>
      </c>
      <c r="S17472">
        <v>50</v>
      </c>
      <c r="T17472">
        <v>51</v>
      </c>
      <c r="U17472">
        <v>52</v>
      </c>
      <c r="V17472">
        <v>53</v>
      </c>
      <c r="W17472">
        <v>54</v>
      </c>
      <c r="X17472">
        <v>55</v>
      </c>
      <c r="Y17472">
        <v>56</v>
      </c>
      <c r="Z17472">
        <v>56</v>
      </c>
      <c r="AA17472">
        <v>57</v>
      </c>
      <c r="AB17472">
        <v>58</v>
      </c>
      <c r="AC17472">
        <v>59</v>
      </c>
      <c r="AD17472">
        <v>60</v>
      </c>
      <c r="AE17472">
        <v>60</v>
      </c>
      <c r="AF17472">
        <v>60</v>
      </c>
      <c r="AG17472">
        <v>60</v>
      </c>
      <c r="AH17472">
        <v>60</v>
      </c>
      <c r="AI17472">
        <v>61</v>
      </c>
      <c r="AJ17472">
        <v>61</v>
      </c>
      <c r="AK17472">
        <v>61</v>
      </c>
      <c r="AL17472">
        <v>61</v>
      </c>
      <c r="AM17472">
        <v>61</v>
      </c>
      <c r="AN17472">
        <v>61</v>
      </c>
      <c r="AO17472">
        <v>61</v>
      </c>
      <c r="AP17472">
        <v>61</v>
      </c>
      <c r="AQ17472">
        <v>61</v>
      </c>
    </row>
    <row r="17473" spans="1:43">
      <c r="A17473" t="s">
        <v>10828</v>
      </c>
      <c r="B17473" t="s">
        <v>10829</v>
      </c>
      <c r="C17473" t="s">
        <v>10820</v>
      </c>
      <c r="D17473" t="s">
        <v>10821</v>
      </c>
      <c r="E17473" t="s">
        <v>10732</v>
      </c>
      <c r="F17473" t="s">
        <v>10733</v>
      </c>
      <c r="G17473" t="s">
        <v>10734</v>
      </c>
      <c r="H17473" t="s">
        <v>10735</v>
      </c>
      <c r="I17473" s="2">
        <v>1</v>
      </c>
      <c r="J17473" s="2">
        <v>0</v>
      </c>
      <c r="K17473" s="2">
        <v>0</v>
      </c>
      <c r="L17473" t="s">
        <v>120</v>
      </c>
      <c r="M17473" t="s">
        <v>83</v>
      </c>
      <c r="N17473" t="s">
        <v>91</v>
      </c>
      <c r="O17473" t="s">
        <v>85</v>
      </c>
      <c r="P17473" t="s">
        <v>86</v>
      </c>
      <c r="Q17473">
        <v>48</v>
      </c>
      <c r="R17473">
        <v>48</v>
      </c>
      <c r="S17473">
        <v>49</v>
      </c>
      <c r="T17473">
        <v>50</v>
      </c>
      <c r="U17473">
        <v>50</v>
      </c>
      <c r="V17473">
        <v>51</v>
      </c>
      <c r="W17473">
        <v>52</v>
      </c>
      <c r="X17473">
        <v>52</v>
      </c>
      <c r="Y17473">
        <v>53</v>
      </c>
      <c r="Z17473">
        <v>53</v>
      </c>
      <c r="AA17473">
        <v>54</v>
      </c>
      <c r="AB17473">
        <v>55</v>
      </c>
      <c r="AC17473">
        <v>55</v>
      </c>
      <c r="AD17473">
        <v>56</v>
      </c>
      <c r="AE17473">
        <v>56</v>
      </c>
      <c r="AF17473">
        <v>57</v>
      </c>
      <c r="AG17473">
        <v>57</v>
      </c>
      <c r="AH17473">
        <v>58</v>
      </c>
      <c r="AI17473">
        <v>59</v>
      </c>
      <c r="AJ17473">
        <v>59</v>
      </c>
      <c r="AK17473">
        <v>60</v>
      </c>
      <c r="AL17473">
        <v>60</v>
      </c>
      <c r="AM17473">
        <v>60</v>
      </c>
      <c r="AN17473">
        <v>60</v>
      </c>
      <c r="AO17473">
        <v>60</v>
      </c>
      <c r="AP17473">
        <v>60</v>
      </c>
      <c r="AQ17473">
        <v>60</v>
      </c>
    </row>
    <row r="17474" spans="1:43">
      <c r="A17474" t="s">
        <v>10830</v>
      </c>
      <c r="B17474" t="s">
        <v>10831</v>
      </c>
      <c r="C17474" t="s">
        <v>10820</v>
      </c>
      <c r="D17474" t="s">
        <v>10821</v>
      </c>
      <c r="E17474" t="s">
        <v>10732</v>
      </c>
      <c r="F17474" t="s">
        <v>10733</v>
      </c>
      <c r="G17474" t="s">
        <v>10734</v>
      </c>
      <c r="H17474" t="s">
        <v>10735</v>
      </c>
      <c r="I17474" s="2">
        <v>1</v>
      </c>
      <c r="J17474" s="2">
        <v>0</v>
      </c>
      <c r="K17474" s="2">
        <v>0</v>
      </c>
      <c r="L17474" t="s">
        <v>120</v>
      </c>
      <c r="M17474" t="s">
        <v>83</v>
      </c>
      <c r="N17474" t="s">
        <v>84</v>
      </c>
      <c r="O17474" t="s">
        <v>85</v>
      </c>
      <c r="P17474" t="s">
        <v>86</v>
      </c>
      <c r="Q17474">
        <v>36</v>
      </c>
      <c r="R17474">
        <v>37</v>
      </c>
      <c r="S17474">
        <v>37</v>
      </c>
      <c r="T17474">
        <v>38</v>
      </c>
      <c r="U17474">
        <v>38</v>
      </c>
      <c r="V17474">
        <v>39</v>
      </c>
      <c r="W17474">
        <v>39</v>
      </c>
      <c r="X17474">
        <v>40</v>
      </c>
      <c r="Y17474">
        <v>40</v>
      </c>
      <c r="Z17474">
        <v>40</v>
      </c>
      <c r="AA17474">
        <v>41</v>
      </c>
      <c r="AB17474">
        <v>41</v>
      </c>
      <c r="AC17474">
        <v>42</v>
      </c>
      <c r="AD17474">
        <v>42</v>
      </c>
      <c r="AE17474">
        <v>43</v>
      </c>
      <c r="AF17474">
        <v>43</v>
      </c>
      <c r="AG17474">
        <v>44</v>
      </c>
      <c r="AH17474">
        <v>44</v>
      </c>
      <c r="AI17474">
        <v>44</v>
      </c>
      <c r="AJ17474">
        <v>45</v>
      </c>
      <c r="AK17474">
        <v>45</v>
      </c>
      <c r="AL17474">
        <v>45</v>
      </c>
      <c r="AM17474">
        <v>46</v>
      </c>
      <c r="AN17474">
        <v>46</v>
      </c>
      <c r="AO17474">
        <v>46</v>
      </c>
      <c r="AP17474">
        <v>46</v>
      </c>
      <c r="AQ17474">
        <v>46</v>
      </c>
    </row>
    <row r="17475" spans="1:43">
      <c r="A17475" t="s">
        <v>10830</v>
      </c>
      <c r="B17475" t="s">
        <v>10831</v>
      </c>
      <c r="C17475" t="s">
        <v>10820</v>
      </c>
      <c r="D17475" t="s">
        <v>10821</v>
      </c>
      <c r="E17475" t="s">
        <v>10732</v>
      </c>
      <c r="F17475" t="s">
        <v>10733</v>
      </c>
      <c r="G17475" t="s">
        <v>10734</v>
      </c>
      <c r="H17475" t="s">
        <v>10735</v>
      </c>
      <c r="I17475" s="2">
        <v>1</v>
      </c>
      <c r="J17475" s="2">
        <v>0</v>
      </c>
      <c r="K17475" s="2">
        <v>0</v>
      </c>
      <c r="L17475" t="s">
        <v>120</v>
      </c>
      <c r="M17475" t="s">
        <v>87</v>
      </c>
      <c r="N17475" t="s">
        <v>88</v>
      </c>
      <c r="O17475" t="s">
        <v>85</v>
      </c>
      <c r="P17475" t="s">
        <v>86</v>
      </c>
      <c r="Q17475">
        <v>36</v>
      </c>
      <c r="R17475">
        <v>36</v>
      </c>
      <c r="S17475">
        <v>36</v>
      </c>
      <c r="T17475">
        <v>36</v>
      </c>
      <c r="U17475">
        <v>36</v>
      </c>
      <c r="V17475">
        <v>37</v>
      </c>
      <c r="W17475">
        <v>37</v>
      </c>
      <c r="X17475">
        <v>37</v>
      </c>
      <c r="Y17475">
        <v>37</v>
      </c>
      <c r="Z17475">
        <v>37</v>
      </c>
      <c r="AA17475">
        <v>37</v>
      </c>
      <c r="AB17475">
        <v>37</v>
      </c>
      <c r="AC17475">
        <v>38</v>
      </c>
      <c r="AD17475">
        <v>38</v>
      </c>
      <c r="AE17475">
        <v>38</v>
      </c>
      <c r="AF17475">
        <v>38</v>
      </c>
      <c r="AG17475">
        <v>38</v>
      </c>
      <c r="AH17475">
        <v>38</v>
      </c>
      <c r="AI17475">
        <v>39</v>
      </c>
      <c r="AJ17475">
        <v>39</v>
      </c>
      <c r="AK17475">
        <v>39</v>
      </c>
      <c r="AL17475">
        <v>39</v>
      </c>
      <c r="AM17475">
        <v>39</v>
      </c>
      <c r="AN17475">
        <v>39</v>
      </c>
      <c r="AO17475">
        <v>40</v>
      </c>
      <c r="AP17475">
        <v>40</v>
      </c>
      <c r="AQ17475">
        <v>40</v>
      </c>
    </row>
    <row r="17476" spans="1:43">
      <c r="A17476" t="s">
        <v>10830</v>
      </c>
      <c r="B17476" t="s">
        <v>10831</v>
      </c>
      <c r="C17476" t="s">
        <v>10820</v>
      </c>
      <c r="D17476" t="s">
        <v>10821</v>
      </c>
      <c r="E17476" t="s">
        <v>10732</v>
      </c>
      <c r="F17476" t="s">
        <v>10733</v>
      </c>
      <c r="G17476" t="s">
        <v>10734</v>
      </c>
      <c r="H17476" t="s">
        <v>10735</v>
      </c>
      <c r="I17476" s="2">
        <v>1</v>
      </c>
      <c r="J17476" s="2">
        <v>0</v>
      </c>
      <c r="K17476" s="2">
        <v>0</v>
      </c>
      <c r="L17476" t="s">
        <v>120</v>
      </c>
      <c r="M17476" t="s">
        <v>89</v>
      </c>
      <c r="N17476" t="s">
        <v>90</v>
      </c>
      <c r="O17476" t="s">
        <v>85</v>
      </c>
      <c r="P17476" t="s">
        <v>86</v>
      </c>
      <c r="Q17476">
        <v>36</v>
      </c>
      <c r="R17476">
        <v>37</v>
      </c>
      <c r="S17476">
        <v>38</v>
      </c>
      <c r="T17476">
        <v>39</v>
      </c>
      <c r="U17476">
        <v>40</v>
      </c>
      <c r="V17476">
        <v>40</v>
      </c>
      <c r="W17476">
        <v>41</v>
      </c>
      <c r="X17476">
        <v>42</v>
      </c>
      <c r="Y17476">
        <v>42</v>
      </c>
      <c r="Z17476">
        <v>43</v>
      </c>
      <c r="AA17476">
        <v>43</v>
      </c>
      <c r="AB17476">
        <v>44</v>
      </c>
      <c r="AC17476">
        <v>45</v>
      </c>
      <c r="AD17476">
        <v>45</v>
      </c>
      <c r="AE17476">
        <v>46</v>
      </c>
      <c r="AF17476">
        <v>46</v>
      </c>
      <c r="AG17476">
        <v>46</v>
      </c>
      <c r="AH17476">
        <v>46</v>
      </c>
      <c r="AI17476">
        <v>46</v>
      </c>
      <c r="AJ17476">
        <v>46</v>
      </c>
      <c r="AK17476">
        <v>46</v>
      </c>
      <c r="AL17476">
        <v>46</v>
      </c>
      <c r="AM17476">
        <v>46</v>
      </c>
      <c r="AN17476">
        <v>46</v>
      </c>
      <c r="AO17476">
        <v>46</v>
      </c>
      <c r="AP17476">
        <v>46</v>
      </c>
      <c r="AQ17476">
        <v>46</v>
      </c>
    </row>
    <row r="17477" spans="1:43">
      <c r="A17477" t="s">
        <v>10830</v>
      </c>
      <c r="B17477" t="s">
        <v>10831</v>
      </c>
      <c r="C17477" t="s">
        <v>10820</v>
      </c>
      <c r="D17477" t="s">
        <v>10821</v>
      </c>
      <c r="E17477" t="s">
        <v>10732</v>
      </c>
      <c r="F17477" t="s">
        <v>10733</v>
      </c>
      <c r="G17477" t="s">
        <v>10734</v>
      </c>
      <c r="H17477" t="s">
        <v>10735</v>
      </c>
      <c r="I17477" s="2">
        <v>1</v>
      </c>
      <c r="J17477" s="2">
        <v>0</v>
      </c>
      <c r="K17477" s="2">
        <v>0</v>
      </c>
      <c r="L17477" t="s">
        <v>120</v>
      </c>
      <c r="M17477" t="s">
        <v>83</v>
      </c>
      <c r="N17477" t="s">
        <v>91</v>
      </c>
      <c r="O17477" t="s">
        <v>85</v>
      </c>
      <c r="P17477" t="s">
        <v>86</v>
      </c>
      <c r="Q17477">
        <v>36</v>
      </c>
      <c r="R17477">
        <v>37</v>
      </c>
      <c r="S17477">
        <v>37</v>
      </c>
      <c r="T17477">
        <v>38</v>
      </c>
      <c r="U17477">
        <v>38</v>
      </c>
      <c r="V17477">
        <v>39</v>
      </c>
      <c r="W17477">
        <v>39</v>
      </c>
      <c r="X17477">
        <v>40</v>
      </c>
      <c r="Y17477">
        <v>40</v>
      </c>
      <c r="Z17477">
        <v>40</v>
      </c>
      <c r="AA17477">
        <v>41</v>
      </c>
      <c r="AB17477">
        <v>41</v>
      </c>
      <c r="AC17477">
        <v>42</v>
      </c>
      <c r="AD17477">
        <v>42</v>
      </c>
      <c r="AE17477">
        <v>43</v>
      </c>
      <c r="AF17477">
        <v>43</v>
      </c>
      <c r="AG17477">
        <v>44</v>
      </c>
      <c r="AH17477">
        <v>44</v>
      </c>
      <c r="AI17477">
        <v>44</v>
      </c>
      <c r="AJ17477">
        <v>45</v>
      </c>
      <c r="AK17477">
        <v>45</v>
      </c>
      <c r="AL17477">
        <v>45</v>
      </c>
      <c r="AM17477">
        <v>46</v>
      </c>
      <c r="AN17477">
        <v>46</v>
      </c>
      <c r="AO17477">
        <v>46</v>
      </c>
      <c r="AP17477">
        <v>46</v>
      </c>
      <c r="AQ17477">
        <v>46</v>
      </c>
    </row>
    <row r="17478" spans="1:43">
      <c r="A17478" t="s">
        <v>10832</v>
      </c>
      <c r="B17478" t="s">
        <v>10833</v>
      </c>
      <c r="C17478" t="s">
        <v>10834</v>
      </c>
      <c r="D17478" t="s">
        <v>10835</v>
      </c>
      <c r="E17478" t="s">
        <v>10732</v>
      </c>
      <c r="F17478" t="s">
        <v>10733</v>
      </c>
      <c r="G17478" t="s">
        <v>10734</v>
      </c>
      <c r="H17478" t="s">
        <v>10735</v>
      </c>
      <c r="I17478" s="2">
        <v>1</v>
      </c>
      <c r="J17478" s="2">
        <v>0</v>
      </c>
      <c r="K17478" s="2">
        <v>0</v>
      </c>
      <c r="L17478" t="s">
        <v>120</v>
      </c>
      <c r="M17478" t="s">
        <v>83</v>
      </c>
      <c r="N17478" t="s">
        <v>84</v>
      </c>
      <c r="O17478" t="s">
        <v>85</v>
      </c>
      <c r="P17478" t="s">
        <v>86</v>
      </c>
      <c r="Q17478">
        <v>16</v>
      </c>
      <c r="R17478">
        <v>16</v>
      </c>
      <c r="S17478">
        <v>17</v>
      </c>
      <c r="T17478">
        <v>17</v>
      </c>
      <c r="U17478">
        <v>17</v>
      </c>
      <c r="V17478">
        <v>17</v>
      </c>
      <c r="W17478">
        <v>18</v>
      </c>
      <c r="X17478">
        <v>18</v>
      </c>
      <c r="Y17478">
        <v>18</v>
      </c>
      <c r="Z17478">
        <v>18</v>
      </c>
      <c r="AA17478">
        <v>18</v>
      </c>
      <c r="AB17478">
        <v>19</v>
      </c>
      <c r="AC17478">
        <v>19</v>
      </c>
      <c r="AD17478">
        <v>19</v>
      </c>
      <c r="AE17478">
        <v>19</v>
      </c>
      <c r="AF17478">
        <v>19</v>
      </c>
      <c r="AG17478">
        <v>20</v>
      </c>
      <c r="AH17478">
        <v>20</v>
      </c>
      <c r="AI17478">
        <v>20</v>
      </c>
      <c r="AJ17478">
        <v>20</v>
      </c>
      <c r="AK17478">
        <v>20</v>
      </c>
      <c r="AL17478">
        <v>20</v>
      </c>
      <c r="AM17478">
        <v>20</v>
      </c>
      <c r="AN17478">
        <v>20</v>
      </c>
      <c r="AO17478">
        <v>20</v>
      </c>
      <c r="AP17478">
        <v>20</v>
      </c>
      <c r="AQ17478">
        <v>20</v>
      </c>
    </row>
    <row r="17479" spans="1:43">
      <c r="A17479" t="s">
        <v>10832</v>
      </c>
      <c r="B17479" t="s">
        <v>10833</v>
      </c>
      <c r="C17479" t="s">
        <v>10834</v>
      </c>
      <c r="D17479" t="s">
        <v>10835</v>
      </c>
      <c r="E17479" t="s">
        <v>10732</v>
      </c>
      <c r="F17479" t="s">
        <v>10733</v>
      </c>
      <c r="G17479" t="s">
        <v>10734</v>
      </c>
      <c r="H17479" t="s">
        <v>10735</v>
      </c>
      <c r="I17479" s="2">
        <v>1</v>
      </c>
      <c r="J17479" s="2">
        <v>0</v>
      </c>
      <c r="K17479" s="2">
        <v>0</v>
      </c>
      <c r="L17479" t="s">
        <v>120</v>
      </c>
      <c r="M17479" t="s">
        <v>87</v>
      </c>
      <c r="N17479" t="s">
        <v>88</v>
      </c>
      <c r="O17479" t="s">
        <v>85</v>
      </c>
      <c r="P17479" t="s">
        <v>86</v>
      </c>
      <c r="Q17479">
        <v>16</v>
      </c>
      <c r="R17479">
        <v>16</v>
      </c>
      <c r="S17479">
        <v>16</v>
      </c>
      <c r="T17479">
        <v>16</v>
      </c>
      <c r="U17479">
        <v>16</v>
      </c>
      <c r="V17479">
        <v>16</v>
      </c>
      <c r="W17479">
        <v>17</v>
      </c>
      <c r="X17479">
        <v>17</v>
      </c>
      <c r="Y17479">
        <v>17</v>
      </c>
      <c r="Z17479">
        <v>17</v>
      </c>
      <c r="AA17479">
        <v>17</v>
      </c>
      <c r="AB17479">
        <v>17</v>
      </c>
      <c r="AC17479">
        <v>17</v>
      </c>
      <c r="AD17479">
        <v>17</v>
      </c>
      <c r="AE17479">
        <v>17</v>
      </c>
      <c r="AF17479">
        <v>17</v>
      </c>
      <c r="AG17479">
        <v>17</v>
      </c>
      <c r="AH17479">
        <v>17</v>
      </c>
      <c r="AI17479">
        <v>17</v>
      </c>
      <c r="AJ17479">
        <v>17</v>
      </c>
      <c r="AK17479">
        <v>17</v>
      </c>
      <c r="AL17479">
        <v>18</v>
      </c>
      <c r="AM17479">
        <v>18</v>
      </c>
      <c r="AN17479">
        <v>18</v>
      </c>
      <c r="AO17479">
        <v>18</v>
      </c>
      <c r="AP17479">
        <v>18</v>
      </c>
      <c r="AQ17479">
        <v>18</v>
      </c>
    </row>
    <row r="17480" spans="1:43">
      <c r="A17480" t="s">
        <v>10832</v>
      </c>
      <c r="B17480" t="s">
        <v>10833</v>
      </c>
      <c r="C17480" t="s">
        <v>10834</v>
      </c>
      <c r="D17480" t="s">
        <v>10835</v>
      </c>
      <c r="E17480" t="s">
        <v>10732</v>
      </c>
      <c r="F17480" t="s">
        <v>10733</v>
      </c>
      <c r="G17480" t="s">
        <v>10734</v>
      </c>
      <c r="H17480" t="s">
        <v>10735</v>
      </c>
      <c r="I17480" s="2">
        <v>1</v>
      </c>
      <c r="J17480" s="2">
        <v>0</v>
      </c>
      <c r="K17480" s="2">
        <v>0</v>
      </c>
      <c r="L17480" t="s">
        <v>120</v>
      </c>
      <c r="M17480" t="s">
        <v>89</v>
      </c>
      <c r="N17480" t="s">
        <v>90</v>
      </c>
      <c r="O17480" t="s">
        <v>85</v>
      </c>
      <c r="P17480" t="s">
        <v>86</v>
      </c>
      <c r="Q17480">
        <v>16</v>
      </c>
      <c r="R17480">
        <v>17</v>
      </c>
      <c r="S17480">
        <v>17</v>
      </c>
      <c r="T17480">
        <v>17</v>
      </c>
      <c r="U17480">
        <v>18</v>
      </c>
      <c r="V17480">
        <v>18</v>
      </c>
      <c r="W17480">
        <v>18</v>
      </c>
      <c r="X17480">
        <v>19</v>
      </c>
      <c r="Y17480">
        <v>19</v>
      </c>
      <c r="Z17480">
        <v>19</v>
      </c>
      <c r="AA17480">
        <v>19</v>
      </c>
      <c r="AB17480">
        <v>20</v>
      </c>
      <c r="AC17480">
        <v>20</v>
      </c>
      <c r="AD17480">
        <v>20</v>
      </c>
      <c r="AE17480">
        <v>20</v>
      </c>
      <c r="AF17480">
        <v>20</v>
      </c>
      <c r="AG17480">
        <v>20</v>
      </c>
      <c r="AH17480">
        <v>20</v>
      </c>
      <c r="AI17480">
        <v>21</v>
      </c>
      <c r="AJ17480">
        <v>21</v>
      </c>
      <c r="AK17480">
        <v>21</v>
      </c>
      <c r="AL17480">
        <v>21</v>
      </c>
      <c r="AM17480">
        <v>21</v>
      </c>
      <c r="AN17480">
        <v>21</v>
      </c>
      <c r="AO17480">
        <v>21</v>
      </c>
      <c r="AP17480">
        <v>21</v>
      </c>
      <c r="AQ17480">
        <v>21</v>
      </c>
    </row>
    <row r="17481" spans="1:43">
      <c r="A17481" t="s">
        <v>10832</v>
      </c>
      <c r="B17481" t="s">
        <v>10833</v>
      </c>
      <c r="C17481" t="s">
        <v>10834</v>
      </c>
      <c r="D17481" t="s">
        <v>10835</v>
      </c>
      <c r="E17481" t="s">
        <v>10732</v>
      </c>
      <c r="F17481" t="s">
        <v>10733</v>
      </c>
      <c r="G17481" t="s">
        <v>10734</v>
      </c>
      <c r="H17481" t="s">
        <v>10735</v>
      </c>
      <c r="I17481" s="2">
        <v>1</v>
      </c>
      <c r="J17481" s="2">
        <v>0</v>
      </c>
      <c r="K17481" s="2">
        <v>0</v>
      </c>
      <c r="L17481" t="s">
        <v>120</v>
      </c>
      <c r="M17481" t="s">
        <v>83</v>
      </c>
      <c r="N17481" t="s">
        <v>91</v>
      </c>
      <c r="O17481" t="s">
        <v>85</v>
      </c>
      <c r="P17481" t="s">
        <v>86</v>
      </c>
      <c r="Q17481">
        <v>16</v>
      </c>
      <c r="R17481">
        <v>16</v>
      </c>
      <c r="S17481">
        <v>17</v>
      </c>
      <c r="T17481">
        <v>17</v>
      </c>
      <c r="U17481">
        <v>17</v>
      </c>
      <c r="V17481">
        <v>17</v>
      </c>
      <c r="W17481">
        <v>18</v>
      </c>
      <c r="X17481">
        <v>18</v>
      </c>
      <c r="Y17481">
        <v>18</v>
      </c>
      <c r="Z17481">
        <v>18</v>
      </c>
      <c r="AA17481">
        <v>18</v>
      </c>
      <c r="AB17481">
        <v>19</v>
      </c>
      <c r="AC17481">
        <v>19</v>
      </c>
      <c r="AD17481">
        <v>19</v>
      </c>
      <c r="AE17481">
        <v>19</v>
      </c>
      <c r="AF17481">
        <v>19</v>
      </c>
      <c r="AG17481">
        <v>20</v>
      </c>
      <c r="AH17481">
        <v>20</v>
      </c>
      <c r="AI17481">
        <v>20</v>
      </c>
      <c r="AJ17481">
        <v>20</v>
      </c>
      <c r="AK17481">
        <v>20</v>
      </c>
      <c r="AL17481">
        <v>20</v>
      </c>
      <c r="AM17481">
        <v>20</v>
      </c>
      <c r="AN17481">
        <v>20</v>
      </c>
      <c r="AO17481">
        <v>20</v>
      </c>
      <c r="AP17481">
        <v>20</v>
      </c>
      <c r="AQ17481">
        <v>20</v>
      </c>
    </row>
    <row r="17482" spans="1:43">
      <c r="A17482" t="s">
        <v>10836</v>
      </c>
      <c r="B17482" t="s">
        <v>10837</v>
      </c>
      <c r="C17482" t="s">
        <v>10834</v>
      </c>
      <c r="D17482" t="s">
        <v>10835</v>
      </c>
      <c r="E17482" t="s">
        <v>10732</v>
      </c>
      <c r="F17482" t="s">
        <v>10733</v>
      </c>
      <c r="G17482" t="s">
        <v>10734</v>
      </c>
      <c r="H17482" t="s">
        <v>10735</v>
      </c>
      <c r="I17482" s="2">
        <v>1</v>
      </c>
      <c r="J17482" s="2">
        <v>0</v>
      </c>
      <c r="K17482" s="2">
        <v>0</v>
      </c>
      <c r="L17482" t="s">
        <v>120</v>
      </c>
      <c r="M17482" t="s">
        <v>83</v>
      </c>
      <c r="N17482" t="s">
        <v>84</v>
      </c>
      <c r="O17482" t="s">
        <v>85</v>
      </c>
      <c r="P17482" t="s">
        <v>86</v>
      </c>
      <c r="Q17482">
        <v>20</v>
      </c>
      <c r="R17482">
        <v>20</v>
      </c>
      <c r="S17482">
        <v>20</v>
      </c>
      <c r="T17482">
        <v>20</v>
      </c>
      <c r="U17482">
        <v>21</v>
      </c>
      <c r="V17482">
        <v>21</v>
      </c>
      <c r="W17482">
        <v>21</v>
      </c>
      <c r="X17482">
        <v>22</v>
      </c>
      <c r="Y17482">
        <v>22</v>
      </c>
      <c r="Z17482">
        <v>22</v>
      </c>
      <c r="AA17482">
        <v>22</v>
      </c>
      <c r="AB17482">
        <v>22</v>
      </c>
      <c r="AC17482">
        <v>23</v>
      </c>
      <c r="AD17482">
        <v>23</v>
      </c>
      <c r="AE17482">
        <v>23</v>
      </c>
      <c r="AF17482">
        <v>23</v>
      </c>
      <c r="AG17482">
        <v>24</v>
      </c>
      <c r="AH17482">
        <v>24</v>
      </c>
      <c r="AI17482">
        <v>24</v>
      </c>
      <c r="AJ17482">
        <v>24</v>
      </c>
      <c r="AK17482">
        <v>25</v>
      </c>
      <c r="AL17482">
        <v>25</v>
      </c>
      <c r="AM17482">
        <v>25</v>
      </c>
      <c r="AN17482">
        <v>25</v>
      </c>
      <c r="AO17482">
        <v>25</v>
      </c>
      <c r="AP17482">
        <v>25</v>
      </c>
      <c r="AQ17482">
        <v>25</v>
      </c>
    </row>
    <row r="17483" spans="1:43">
      <c r="A17483" t="s">
        <v>10836</v>
      </c>
      <c r="B17483" t="s">
        <v>10837</v>
      </c>
      <c r="C17483" t="s">
        <v>10834</v>
      </c>
      <c r="D17483" t="s">
        <v>10835</v>
      </c>
      <c r="E17483" t="s">
        <v>10732</v>
      </c>
      <c r="F17483" t="s">
        <v>10733</v>
      </c>
      <c r="G17483" t="s">
        <v>10734</v>
      </c>
      <c r="H17483" t="s">
        <v>10735</v>
      </c>
      <c r="I17483" s="2">
        <v>1</v>
      </c>
      <c r="J17483" s="2">
        <v>0</v>
      </c>
      <c r="K17483" s="2">
        <v>0</v>
      </c>
      <c r="L17483" t="s">
        <v>120</v>
      </c>
      <c r="M17483" t="s">
        <v>87</v>
      </c>
      <c r="N17483" t="s">
        <v>88</v>
      </c>
      <c r="O17483" t="s">
        <v>85</v>
      </c>
      <c r="P17483" t="s">
        <v>86</v>
      </c>
      <c r="Q17483">
        <v>20</v>
      </c>
      <c r="R17483">
        <v>21</v>
      </c>
      <c r="S17483">
        <v>21</v>
      </c>
      <c r="T17483">
        <v>21</v>
      </c>
      <c r="U17483">
        <v>21</v>
      </c>
      <c r="V17483">
        <v>21</v>
      </c>
      <c r="W17483">
        <v>21</v>
      </c>
      <c r="X17483">
        <v>21</v>
      </c>
      <c r="Y17483">
        <v>21</v>
      </c>
      <c r="Z17483">
        <v>21</v>
      </c>
      <c r="AA17483">
        <v>21</v>
      </c>
      <c r="AB17483">
        <v>21</v>
      </c>
      <c r="AC17483">
        <v>22</v>
      </c>
      <c r="AD17483">
        <v>22</v>
      </c>
      <c r="AE17483">
        <v>22</v>
      </c>
      <c r="AF17483">
        <v>22</v>
      </c>
      <c r="AG17483">
        <v>22</v>
      </c>
      <c r="AH17483">
        <v>22</v>
      </c>
      <c r="AI17483">
        <v>22</v>
      </c>
      <c r="AJ17483">
        <v>22</v>
      </c>
      <c r="AK17483">
        <v>22</v>
      </c>
      <c r="AL17483">
        <v>22</v>
      </c>
      <c r="AM17483">
        <v>22</v>
      </c>
      <c r="AN17483">
        <v>22</v>
      </c>
      <c r="AO17483">
        <v>23</v>
      </c>
      <c r="AP17483">
        <v>23</v>
      </c>
      <c r="AQ17483">
        <v>23</v>
      </c>
    </row>
    <row r="17484" spans="1:43">
      <c r="A17484" t="s">
        <v>10836</v>
      </c>
      <c r="B17484" t="s">
        <v>10837</v>
      </c>
      <c r="C17484" t="s">
        <v>10834</v>
      </c>
      <c r="D17484" t="s">
        <v>10835</v>
      </c>
      <c r="E17484" t="s">
        <v>10732</v>
      </c>
      <c r="F17484" t="s">
        <v>10733</v>
      </c>
      <c r="G17484" t="s">
        <v>10734</v>
      </c>
      <c r="H17484" t="s">
        <v>10735</v>
      </c>
      <c r="I17484" s="2">
        <v>1</v>
      </c>
      <c r="J17484" s="2">
        <v>0</v>
      </c>
      <c r="K17484" s="2">
        <v>0</v>
      </c>
      <c r="L17484" t="s">
        <v>120</v>
      </c>
      <c r="M17484" t="s">
        <v>89</v>
      </c>
      <c r="N17484" t="s">
        <v>90</v>
      </c>
      <c r="O17484" t="s">
        <v>85</v>
      </c>
      <c r="P17484" t="s">
        <v>86</v>
      </c>
      <c r="Q17484">
        <v>20</v>
      </c>
      <c r="R17484">
        <v>20</v>
      </c>
      <c r="S17484">
        <v>21</v>
      </c>
      <c r="T17484">
        <v>21</v>
      </c>
      <c r="U17484">
        <v>22</v>
      </c>
      <c r="V17484">
        <v>22</v>
      </c>
      <c r="W17484">
        <v>22</v>
      </c>
      <c r="X17484">
        <v>23</v>
      </c>
      <c r="Y17484">
        <v>23</v>
      </c>
      <c r="Z17484">
        <v>23</v>
      </c>
      <c r="AA17484">
        <v>24</v>
      </c>
      <c r="AB17484">
        <v>24</v>
      </c>
      <c r="AC17484">
        <v>24</v>
      </c>
      <c r="AD17484">
        <v>25</v>
      </c>
      <c r="AE17484">
        <v>25</v>
      </c>
      <c r="AF17484">
        <v>25</v>
      </c>
      <c r="AG17484">
        <v>25</v>
      </c>
      <c r="AH17484">
        <v>25</v>
      </c>
      <c r="AI17484">
        <v>25</v>
      </c>
      <c r="AJ17484">
        <v>25</v>
      </c>
      <c r="AK17484">
        <v>25</v>
      </c>
      <c r="AL17484">
        <v>25</v>
      </c>
      <c r="AM17484">
        <v>25</v>
      </c>
      <c r="AN17484">
        <v>25</v>
      </c>
      <c r="AO17484">
        <v>25</v>
      </c>
      <c r="AP17484">
        <v>25</v>
      </c>
      <c r="AQ17484">
        <v>25</v>
      </c>
    </row>
    <row r="17485" spans="1:43">
      <c r="A17485" t="s">
        <v>10836</v>
      </c>
      <c r="B17485" t="s">
        <v>10837</v>
      </c>
      <c r="C17485" t="s">
        <v>10834</v>
      </c>
      <c r="D17485" t="s">
        <v>10835</v>
      </c>
      <c r="E17485" t="s">
        <v>10732</v>
      </c>
      <c r="F17485" t="s">
        <v>10733</v>
      </c>
      <c r="G17485" t="s">
        <v>10734</v>
      </c>
      <c r="H17485" t="s">
        <v>10735</v>
      </c>
      <c r="I17485" s="2">
        <v>1</v>
      </c>
      <c r="J17485" s="2">
        <v>0</v>
      </c>
      <c r="K17485" s="2">
        <v>0</v>
      </c>
      <c r="L17485" t="s">
        <v>120</v>
      </c>
      <c r="M17485" t="s">
        <v>83</v>
      </c>
      <c r="N17485" t="s">
        <v>91</v>
      </c>
      <c r="O17485" t="s">
        <v>85</v>
      </c>
      <c r="P17485" t="s">
        <v>86</v>
      </c>
      <c r="Q17485">
        <v>20</v>
      </c>
      <c r="R17485">
        <v>20</v>
      </c>
      <c r="S17485">
        <v>20</v>
      </c>
      <c r="T17485">
        <v>20</v>
      </c>
      <c r="U17485">
        <v>21</v>
      </c>
      <c r="V17485">
        <v>21</v>
      </c>
      <c r="W17485">
        <v>21</v>
      </c>
      <c r="X17485">
        <v>22</v>
      </c>
      <c r="Y17485">
        <v>22</v>
      </c>
      <c r="Z17485">
        <v>22</v>
      </c>
      <c r="AA17485">
        <v>22</v>
      </c>
      <c r="AB17485">
        <v>22</v>
      </c>
      <c r="AC17485">
        <v>23</v>
      </c>
      <c r="AD17485">
        <v>23</v>
      </c>
      <c r="AE17485">
        <v>23</v>
      </c>
      <c r="AF17485">
        <v>23</v>
      </c>
      <c r="AG17485">
        <v>24</v>
      </c>
      <c r="AH17485">
        <v>24</v>
      </c>
      <c r="AI17485">
        <v>24</v>
      </c>
      <c r="AJ17485">
        <v>24</v>
      </c>
      <c r="AK17485">
        <v>25</v>
      </c>
      <c r="AL17485">
        <v>25</v>
      </c>
      <c r="AM17485">
        <v>25</v>
      </c>
      <c r="AN17485">
        <v>25</v>
      </c>
      <c r="AO17485">
        <v>25</v>
      </c>
      <c r="AP17485">
        <v>25</v>
      </c>
      <c r="AQ17485">
        <v>25</v>
      </c>
    </row>
    <row r="17486" spans="1:43">
      <c r="A17486" t="s">
        <v>10838</v>
      </c>
      <c r="B17486" t="s">
        <v>10839</v>
      </c>
      <c r="C17486" t="s">
        <v>10834</v>
      </c>
      <c r="D17486" t="s">
        <v>10835</v>
      </c>
      <c r="E17486" t="s">
        <v>10732</v>
      </c>
      <c r="F17486" t="s">
        <v>10733</v>
      </c>
      <c r="G17486" t="s">
        <v>10734</v>
      </c>
      <c r="H17486" t="s">
        <v>10735</v>
      </c>
      <c r="I17486" s="2">
        <v>1</v>
      </c>
      <c r="J17486" s="2">
        <v>0</v>
      </c>
      <c r="K17486" s="2">
        <v>0</v>
      </c>
      <c r="L17486" t="s">
        <v>120</v>
      </c>
      <c r="M17486" t="s">
        <v>83</v>
      </c>
      <c r="N17486" t="s">
        <v>84</v>
      </c>
      <c r="O17486" t="s">
        <v>85</v>
      </c>
      <c r="P17486" t="s">
        <v>86</v>
      </c>
      <c r="Q17486">
        <v>14</v>
      </c>
      <c r="R17486">
        <v>14</v>
      </c>
      <c r="S17486">
        <v>15</v>
      </c>
      <c r="T17486">
        <v>15</v>
      </c>
      <c r="U17486">
        <v>15</v>
      </c>
      <c r="V17486">
        <v>15</v>
      </c>
      <c r="W17486">
        <v>15</v>
      </c>
      <c r="X17486">
        <v>16</v>
      </c>
      <c r="Y17486">
        <v>16</v>
      </c>
      <c r="Z17486">
        <v>16</v>
      </c>
      <c r="AA17486">
        <v>16</v>
      </c>
      <c r="AB17486">
        <v>16</v>
      </c>
      <c r="AC17486">
        <v>16</v>
      </c>
      <c r="AD17486">
        <v>17</v>
      </c>
      <c r="AE17486">
        <v>17</v>
      </c>
      <c r="AF17486">
        <v>17</v>
      </c>
      <c r="AG17486">
        <v>17</v>
      </c>
      <c r="AH17486">
        <v>17</v>
      </c>
      <c r="AI17486">
        <v>17</v>
      </c>
      <c r="AJ17486">
        <v>18</v>
      </c>
      <c r="AK17486">
        <v>18</v>
      </c>
      <c r="AL17486">
        <v>18</v>
      </c>
      <c r="AM17486">
        <v>18</v>
      </c>
      <c r="AN17486">
        <v>18</v>
      </c>
      <c r="AO17486">
        <v>18</v>
      </c>
      <c r="AP17486">
        <v>18</v>
      </c>
      <c r="AQ17486">
        <v>18</v>
      </c>
    </row>
    <row r="17487" spans="1:43">
      <c r="A17487" t="s">
        <v>10838</v>
      </c>
      <c r="B17487" t="s">
        <v>10839</v>
      </c>
      <c r="C17487" t="s">
        <v>10834</v>
      </c>
      <c r="D17487" t="s">
        <v>10835</v>
      </c>
      <c r="E17487" t="s">
        <v>10732</v>
      </c>
      <c r="F17487" t="s">
        <v>10733</v>
      </c>
      <c r="G17487" t="s">
        <v>10734</v>
      </c>
      <c r="H17487" t="s">
        <v>10735</v>
      </c>
      <c r="I17487" s="2">
        <v>1</v>
      </c>
      <c r="J17487" s="2">
        <v>0</v>
      </c>
      <c r="K17487" s="2">
        <v>0</v>
      </c>
      <c r="L17487" t="s">
        <v>120</v>
      </c>
      <c r="M17487" t="s">
        <v>87</v>
      </c>
      <c r="N17487" t="s">
        <v>88</v>
      </c>
      <c r="O17487" t="s">
        <v>85</v>
      </c>
      <c r="P17487" t="s">
        <v>86</v>
      </c>
      <c r="Q17487">
        <v>14</v>
      </c>
      <c r="R17487">
        <v>14</v>
      </c>
      <c r="S17487">
        <v>14</v>
      </c>
      <c r="T17487">
        <v>14</v>
      </c>
      <c r="U17487">
        <v>14</v>
      </c>
      <c r="V17487">
        <v>14</v>
      </c>
      <c r="W17487">
        <v>14</v>
      </c>
      <c r="X17487">
        <v>14</v>
      </c>
      <c r="Y17487">
        <v>15</v>
      </c>
      <c r="Z17487">
        <v>15</v>
      </c>
      <c r="AA17487">
        <v>15</v>
      </c>
      <c r="AB17487">
        <v>15</v>
      </c>
      <c r="AC17487">
        <v>15</v>
      </c>
      <c r="AD17487">
        <v>15</v>
      </c>
      <c r="AE17487">
        <v>15</v>
      </c>
      <c r="AF17487">
        <v>15</v>
      </c>
      <c r="AG17487">
        <v>15</v>
      </c>
      <c r="AH17487">
        <v>15</v>
      </c>
      <c r="AI17487">
        <v>15</v>
      </c>
      <c r="AJ17487">
        <v>15</v>
      </c>
      <c r="AK17487">
        <v>15</v>
      </c>
      <c r="AL17487">
        <v>15</v>
      </c>
      <c r="AM17487">
        <v>15</v>
      </c>
      <c r="AN17487">
        <v>15</v>
      </c>
      <c r="AO17487">
        <v>16</v>
      </c>
      <c r="AP17487">
        <v>16</v>
      </c>
      <c r="AQ17487">
        <v>16</v>
      </c>
    </row>
    <row r="17488" spans="1:43">
      <c r="A17488" t="s">
        <v>10838</v>
      </c>
      <c r="B17488" t="s">
        <v>10839</v>
      </c>
      <c r="C17488" t="s">
        <v>10834</v>
      </c>
      <c r="D17488" t="s">
        <v>10835</v>
      </c>
      <c r="E17488" t="s">
        <v>10732</v>
      </c>
      <c r="F17488" t="s">
        <v>10733</v>
      </c>
      <c r="G17488" t="s">
        <v>10734</v>
      </c>
      <c r="H17488" t="s">
        <v>10735</v>
      </c>
      <c r="I17488" s="2">
        <v>1</v>
      </c>
      <c r="J17488" s="2">
        <v>0</v>
      </c>
      <c r="K17488" s="2">
        <v>0</v>
      </c>
      <c r="L17488" t="s">
        <v>120</v>
      </c>
      <c r="M17488" t="s">
        <v>89</v>
      </c>
      <c r="N17488" t="s">
        <v>90</v>
      </c>
      <c r="O17488" t="s">
        <v>85</v>
      </c>
      <c r="P17488" t="s">
        <v>86</v>
      </c>
      <c r="Q17488">
        <v>14</v>
      </c>
      <c r="R17488">
        <v>15</v>
      </c>
      <c r="S17488">
        <v>15</v>
      </c>
      <c r="T17488">
        <v>15</v>
      </c>
      <c r="U17488">
        <v>16</v>
      </c>
      <c r="V17488">
        <v>16</v>
      </c>
      <c r="W17488">
        <v>16</v>
      </c>
      <c r="X17488">
        <v>16</v>
      </c>
      <c r="Y17488">
        <v>17</v>
      </c>
      <c r="Z17488">
        <v>17</v>
      </c>
      <c r="AA17488">
        <v>17</v>
      </c>
      <c r="AB17488">
        <v>17</v>
      </c>
      <c r="AC17488">
        <v>17</v>
      </c>
      <c r="AD17488">
        <v>18</v>
      </c>
      <c r="AE17488">
        <v>18</v>
      </c>
      <c r="AF17488">
        <v>18</v>
      </c>
      <c r="AG17488">
        <v>18</v>
      </c>
      <c r="AH17488">
        <v>18</v>
      </c>
      <c r="AI17488">
        <v>18</v>
      </c>
      <c r="AJ17488">
        <v>18</v>
      </c>
      <c r="AK17488">
        <v>18</v>
      </c>
      <c r="AL17488">
        <v>18</v>
      </c>
      <c r="AM17488">
        <v>18</v>
      </c>
      <c r="AN17488">
        <v>18</v>
      </c>
      <c r="AO17488">
        <v>18</v>
      </c>
      <c r="AP17488">
        <v>18</v>
      </c>
      <c r="AQ17488">
        <v>18</v>
      </c>
    </row>
    <row r="17489" spans="1:43">
      <c r="A17489" t="s">
        <v>10838</v>
      </c>
      <c r="B17489" t="s">
        <v>10839</v>
      </c>
      <c r="C17489" t="s">
        <v>10834</v>
      </c>
      <c r="D17489" t="s">
        <v>10835</v>
      </c>
      <c r="E17489" t="s">
        <v>10732</v>
      </c>
      <c r="F17489" t="s">
        <v>10733</v>
      </c>
      <c r="G17489" t="s">
        <v>10734</v>
      </c>
      <c r="H17489" t="s">
        <v>10735</v>
      </c>
      <c r="I17489" s="2">
        <v>1</v>
      </c>
      <c r="J17489" s="2">
        <v>0</v>
      </c>
      <c r="K17489" s="2">
        <v>0</v>
      </c>
      <c r="L17489" t="s">
        <v>120</v>
      </c>
      <c r="M17489" t="s">
        <v>83</v>
      </c>
      <c r="N17489" t="s">
        <v>91</v>
      </c>
      <c r="O17489" t="s">
        <v>85</v>
      </c>
      <c r="P17489" t="s">
        <v>86</v>
      </c>
      <c r="Q17489">
        <v>14</v>
      </c>
      <c r="R17489">
        <v>14</v>
      </c>
      <c r="S17489">
        <v>15</v>
      </c>
      <c r="T17489">
        <v>15</v>
      </c>
      <c r="U17489">
        <v>15</v>
      </c>
      <c r="V17489">
        <v>15</v>
      </c>
      <c r="W17489">
        <v>15</v>
      </c>
      <c r="X17489">
        <v>16</v>
      </c>
      <c r="Y17489">
        <v>16</v>
      </c>
      <c r="Z17489">
        <v>16</v>
      </c>
      <c r="AA17489">
        <v>16</v>
      </c>
      <c r="AB17489">
        <v>16</v>
      </c>
      <c r="AC17489">
        <v>16</v>
      </c>
      <c r="AD17489">
        <v>17</v>
      </c>
      <c r="AE17489">
        <v>17</v>
      </c>
      <c r="AF17489">
        <v>17</v>
      </c>
      <c r="AG17489">
        <v>17</v>
      </c>
      <c r="AH17489">
        <v>17</v>
      </c>
      <c r="AI17489">
        <v>17</v>
      </c>
      <c r="AJ17489">
        <v>18</v>
      </c>
      <c r="AK17489">
        <v>18</v>
      </c>
      <c r="AL17489">
        <v>18</v>
      </c>
      <c r="AM17489">
        <v>18</v>
      </c>
      <c r="AN17489">
        <v>18</v>
      </c>
      <c r="AO17489">
        <v>18</v>
      </c>
      <c r="AP17489">
        <v>18</v>
      </c>
      <c r="AQ17489">
        <v>18</v>
      </c>
    </row>
    <row r="17490" spans="1:43">
      <c r="A17490" t="s">
        <v>10840</v>
      </c>
      <c r="B17490" t="s">
        <v>10841</v>
      </c>
      <c r="C17490" t="s">
        <v>10834</v>
      </c>
      <c r="D17490" t="s">
        <v>10835</v>
      </c>
      <c r="E17490" t="s">
        <v>10732</v>
      </c>
      <c r="F17490" t="s">
        <v>10733</v>
      </c>
      <c r="G17490" t="s">
        <v>10734</v>
      </c>
      <c r="H17490" t="s">
        <v>10735</v>
      </c>
      <c r="I17490" s="2">
        <v>1</v>
      </c>
      <c r="J17490" s="2">
        <v>0</v>
      </c>
      <c r="K17490" s="2">
        <v>0</v>
      </c>
      <c r="L17490" t="s">
        <v>120</v>
      </c>
      <c r="M17490" t="s">
        <v>83</v>
      </c>
      <c r="N17490" t="s">
        <v>84</v>
      </c>
      <c r="O17490" t="s">
        <v>85</v>
      </c>
      <c r="P17490" t="s">
        <v>86</v>
      </c>
      <c r="Q17490">
        <v>10</v>
      </c>
      <c r="R17490">
        <v>11</v>
      </c>
      <c r="S17490">
        <v>11</v>
      </c>
      <c r="T17490">
        <v>11</v>
      </c>
      <c r="U17490">
        <v>11</v>
      </c>
      <c r="V17490">
        <v>11</v>
      </c>
      <c r="W17490">
        <v>11</v>
      </c>
      <c r="X17490">
        <v>11</v>
      </c>
      <c r="Y17490">
        <v>12</v>
      </c>
      <c r="Z17490">
        <v>12</v>
      </c>
      <c r="AA17490">
        <v>12</v>
      </c>
      <c r="AB17490">
        <v>12</v>
      </c>
      <c r="AC17490">
        <v>12</v>
      </c>
      <c r="AD17490">
        <v>12</v>
      </c>
      <c r="AE17490">
        <v>12</v>
      </c>
      <c r="AF17490">
        <v>12</v>
      </c>
      <c r="AG17490">
        <v>13</v>
      </c>
      <c r="AH17490">
        <v>13</v>
      </c>
      <c r="AI17490">
        <v>13</v>
      </c>
      <c r="AJ17490">
        <v>13</v>
      </c>
      <c r="AK17490">
        <v>13</v>
      </c>
      <c r="AL17490">
        <v>13</v>
      </c>
      <c r="AM17490">
        <v>13</v>
      </c>
      <c r="AN17490">
        <v>13</v>
      </c>
      <c r="AO17490">
        <v>13</v>
      </c>
      <c r="AP17490">
        <v>13</v>
      </c>
      <c r="AQ17490">
        <v>13</v>
      </c>
    </row>
    <row r="17491" spans="1:43">
      <c r="A17491" t="s">
        <v>10840</v>
      </c>
      <c r="B17491" t="s">
        <v>10841</v>
      </c>
      <c r="C17491" t="s">
        <v>10834</v>
      </c>
      <c r="D17491" t="s">
        <v>10835</v>
      </c>
      <c r="E17491" t="s">
        <v>10732</v>
      </c>
      <c r="F17491" t="s">
        <v>10733</v>
      </c>
      <c r="G17491" t="s">
        <v>10734</v>
      </c>
      <c r="H17491" t="s">
        <v>10735</v>
      </c>
      <c r="I17491" s="2">
        <v>1</v>
      </c>
      <c r="J17491" s="2">
        <v>0</v>
      </c>
      <c r="K17491" s="2">
        <v>0</v>
      </c>
      <c r="L17491" t="s">
        <v>120</v>
      </c>
      <c r="M17491" t="s">
        <v>87</v>
      </c>
      <c r="N17491" t="s">
        <v>88</v>
      </c>
      <c r="O17491" t="s">
        <v>85</v>
      </c>
      <c r="P17491" t="s">
        <v>86</v>
      </c>
      <c r="Q17491">
        <v>10</v>
      </c>
      <c r="R17491">
        <v>10</v>
      </c>
      <c r="S17491">
        <v>10</v>
      </c>
      <c r="T17491">
        <v>10</v>
      </c>
      <c r="U17491">
        <v>10</v>
      </c>
      <c r="V17491">
        <v>11</v>
      </c>
      <c r="W17491">
        <v>11</v>
      </c>
      <c r="X17491">
        <v>11</v>
      </c>
      <c r="Y17491">
        <v>11</v>
      </c>
      <c r="Z17491">
        <v>11</v>
      </c>
      <c r="AA17491">
        <v>11</v>
      </c>
      <c r="AB17491">
        <v>11</v>
      </c>
      <c r="AC17491">
        <v>11</v>
      </c>
      <c r="AD17491">
        <v>11</v>
      </c>
      <c r="AE17491">
        <v>11</v>
      </c>
      <c r="AF17491">
        <v>11</v>
      </c>
      <c r="AG17491">
        <v>11</v>
      </c>
      <c r="AH17491">
        <v>11</v>
      </c>
      <c r="AI17491">
        <v>11</v>
      </c>
      <c r="AJ17491">
        <v>11</v>
      </c>
      <c r="AK17491">
        <v>11</v>
      </c>
      <c r="AL17491">
        <v>11</v>
      </c>
      <c r="AM17491">
        <v>11</v>
      </c>
      <c r="AN17491">
        <v>11</v>
      </c>
      <c r="AO17491">
        <v>11</v>
      </c>
      <c r="AP17491">
        <v>11</v>
      </c>
      <c r="AQ17491">
        <v>11</v>
      </c>
    </row>
    <row r="17492" spans="1:43">
      <c r="A17492" t="s">
        <v>10840</v>
      </c>
      <c r="B17492" t="s">
        <v>10841</v>
      </c>
      <c r="C17492" t="s">
        <v>10834</v>
      </c>
      <c r="D17492" t="s">
        <v>10835</v>
      </c>
      <c r="E17492" t="s">
        <v>10732</v>
      </c>
      <c r="F17492" t="s">
        <v>10733</v>
      </c>
      <c r="G17492" t="s">
        <v>10734</v>
      </c>
      <c r="H17492" t="s">
        <v>10735</v>
      </c>
      <c r="I17492" s="2">
        <v>1</v>
      </c>
      <c r="J17492" s="2">
        <v>0</v>
      </c>
      <c r="K17492" s="2">
        <v>0</v>
      </c>
      <c r="L17492" t="s">
        <v>120</v>
      </c>
      <c r="M17492" t="s">
        <v>89</v>
      </c>
      <c r="N17492" t="s">
        <v>90</v>
      </c>
      <c r="O17492" t="s">
        <v>85</v>
      </c>
      <c r="P17492" t="s">
        <v>86</v>
      </c>
      <c r="Q17492">
        <v>10</v>
      </c>
      <c r="R17492">
        <v>11</v>
      </c>
      <c r="S17492">
        <v>11</v>
      </c>
      <c r="T17492">
        <v>11</v>
      </c>
      <c r="U17492">
        <v>11</v>
      </c>
      <c r="V17492">
        <v>12</v>
      </c>
      <c r="W17492">
        <v>12</v>
      </c>
      <c r="X17492">
        <v>12</v>
      </c>
      <c r="Y17492">
        <v>12</v>
      </c>
      <c r="Z17492">
        <v>12</v>
      </c>
      <c r="AA17492">
        <v>12</v>
      </c>
      <c r="AB17492">
        <v>13</v>
      </c>
      <c r="AC17492">
        <v>13</v>
      </c>
      <c r="AD17492">
        <v>13</v>
      </c>
      <c r="AE17492">
        <v>13</v>
      </c>
      <c r="AF17492">
        <v>13</v>
      </c>
      <c r="AG17492">
        <v>13</v>
      </c>
      <c r="AH17492">
        <v>13</v>
      </c>
      <c r="AI17492">
        <v>13</v>
      </c>
      <c r="AJ17492">
        <v>13</v>
      </c>
      <c r="AK17492">
        <v>13</v>
      </c>
      <c r="AL17492">
        <v>13</v>
      </c>
      <c r="AM17492">
        <v>13</v>
      </c>
      <c r="AN17492">
        <v>13</v>
      </c>
      <c r="AO17492">
        <v>13</v>
      </c>
      <c r="AP17492">
        <v>13</v>
      </c>
      <c r="AQ17492">
        <v>13</v>
      </c>
    </row>
    <row r="17493" spans="1:43">
      <c r="A17493" t="s">
        <v>10840</v>
      </c>
      <c r="B17493" t="s">
        <v>10841</v>
      </c>
      <c r="C17493" t="s">
        <v>10834</v>
      </c>
      <c r="D17493" t="s">
        <v>10835</v>
      </c>
      <c r="E17493" t="s">
        <v>10732</v>
      </c>
      <c r="F17493" t="s">
        <v>10733</v>
      </c>
      <c r="G17493" t="s">
        <v>10734</v>
      </c>
      <c r="H17493" t="s">
        <v>10735</v>
      </c>
      <c r="I17493" s="2">
        <v>1</v>
      </c>
      <c r="J17493" s="2">
        <v>0</v>
      </c>
      <c r="K17493" s="2">
        <v>0</v>
      </c>
      <c r="L17493" t="s">
        <v>120</v>
      </c>
      <c r="M17493" t="s">
        <v>83</v>
      </c>
      <c r="N17493" t="s">
        <v>91</v>
      </c>
      <c r="O17493" t="s">
        <v>85</v>
      </c>
      <c r="P17493" t="s">
        <v>86</v>
      </c>
      <c r="Q17493">
        <v>10</v>
      </c>
      <c r="R17493">
        <v>11</v>
      </c>
      <c r="S17493">
        <v>11</v>
      </c>
      <c r="T17493">
        <v>11</v>
      </c>
      <c r="U17493">
        <v>11</v>
      </c>
      <c r="V17493">
        <v>11</v>
      </c>
      <c r="W17493">
        <v>11</v>
      </c>
      <c r="X17493">
        <v>11</v>
      </c>
      <c r="Y17493">
        <v>12</v>
      </c>
      <c r="Z17493">
        <v>12</v>
      </c>
      <c r="AA17493">
        <v>12</v>
      </c>
      <c r="AB17493">
        <v>12</v>
      </c>
      <c r="AC17493">
        <v>12</v>
      </c>
      <c r="AD17493">
        <v>12</v>
      </c>
      <c r="AE17493">
        <v>12</v>
      </c>
      <c r="AF17493">
        <v>12</v>
      </c>
      <c r="AG17493">
        <v>13</v>
      </c>
      <c r="AH17493">
        <v>13</v>
      </c>
      <c r="AI17493">
        <v>13</v>
      </c>
      <c r="AJ17493">
        <v>13</v>
      </c>
      <c r="AK17493">
        <v>13</v>
      </c>
      <c r="AL17493">
        <v>13</v>
      </c>
      <c r="AM17493">
        <v>13</v>
      </c>
      <c r="AN17493">
        <v>13</v>
      </c>
      <c r="AO17493">
        <v>13</v>
      </c>
      <c r="AP17493">
        <v>13</v>
      </c>
      <c r="AQ17493">
        <v>13</v>
      </c>
    </row>
    <row r="17494" spans="1:43">
      <c r="A17494" t="s">
        <v>10842</v>
      </c>
      <c r="B17494" t="s">
        <v>10843</v>
      </c>
      <c r="C17494" t="s">
        <v>10834</v>
      </c>
      <c r="D17494" t="s">
        <v>10835</v>
      </c>
      <c r="E17494" t="s">
        <v>10732</v>
      </c>
      <c r="F17494" t="s">
        <v>10733</v>
      </c>
      <c r="G17494" t="s">
        <v>10734</v>
      </c>
      <c r="H17494" t="s">
        <v>10735</v>
      </c>
      <c r="I17494" s="2">
        <v>1</v>
      </c>
      <c r="J17494" s="2">
        <v>0</v>
      </c>
      <c r="K17494" s="2">
        <v>0</v>
      </c>
      <c r="L17494" t="s">
        <v>120</v>
      </c>
      <c r="M17494" t="s">
        <v>83</v>
      </c>
      <c r="N17494" t="s">
        <v>84</v>
      </c>
      <c r="O17494" t="s">
        <v>85</v>
      </c>
      <c r="P17494" t="s">
        <v>86</v>
      </c>
      <c r="Q17494">
        <v>37</v>
      </c>
      <c r="R17494">
        <v>38</v>
      </c>
      <c r="S17494">
        <v>38</v>
      </c>
      <c r="T17494">
        <v>39</v>
      </c>
      <c r="U17494">
        <v>39</v>
      </c>
      <c r="V17494">
        <v>40</v>
      </c>
      <c r="W17494">
        <v>40</v>
      </c>
      <c r="X17494">
        <v>41</v>
      </c>
      <c r="Y17494">
        <v>41</v>
      </c>
      <c r="Z17494">
        <v>42</v>
      </c>
      <c r="AA17494">
        <v>42</v>
      </c>
      <c r="AB17494">
        <v>42</v>
      </c>
      <c r="AC17494">
        <v>43</v>
      </c>
      <c r="AD17494">
        <v>43</v>
      </c>
      <c r="AE17494">
        <v>44</v>
      </c>
      <c r="AF17494">
        <v>44</v>
      </c>
      <c r="AG17494">
        <v>45</v>
      </c>
      <c r="AH17494">
        <v>45</v>
      </c>
      <c r="AI17494">
        <v>46</v>
      </c>
      <c r="AJ17494">
        <v>46</v>
      </c>
      <c r="AK17494">
        <v>46</v>
      </c>
      <c r="AL17494">
        <v>47</v>
      </c>
      <c r="AM17494">
        <v>47</v>
      </c>
      <c r="AN17494">
        <v>47</v>
      </c>
      <c r="AO17494">
        <v>47</v>
      </c>
      <c r="AP17494">
        <v>47</v>
      </c>
      <c r="AQ17494">
        <v>47</v>
      </c>
    </row>
    <row r="17495" spans="1:43">
      <c r="A17495" t="s">
        <v>10842</v>
      </c>
      <c r="B17495" t="s">
        <v>10843</v>
      </c>
      <c r="C17495" t="s">
        <v>10834</v>
      </c>
      <c r="D17495" t="s">
        <v>10835</v>
      </c>
      <c r="E17495" t="s">
        <v>10732</v>
      </c>
      <c r="F17495" t="s">
        <v>10733</v>
      </c>
      <c r="G17495" t="s">
        <v>10734</v>
      </c>
      <c r="H17495" t="s">
        <v>10735</v>
      </c>
      <c r="I17495" s="2">
        <v>1</v>
      </c>
      <c r="J17495" s="2">
        <v>0</v>
      </c>
      <c r="K17495" s="2">
        <v>0</v>
      </c>
      <c r="L17495" t="s">
        <v>120</v>
      </c>
      <c r="M17495" t="s">
        <v>87</v>
      </c>
      <c r="N17495" t="s">
        <v>88</v>
      </c>
      <c r="O17495" t="s">
        <v>85</v>
      </c>
      <c r="P17495" t="s">
        <v>86</v>
      </c>
      <c r="Q17495">
        <v>37</v>
      </c>
      <c r="R17495">
        <v>37</v>
      </c>
      <c r="S17495">
        <v>37</v>
      </c>
      <c r="T17495">
        <v>37</v>
      </c>
      <c r="U17495">
        <v>37</v>
      </c>
      <c r="V17495">
        <v>38</v>
      </c>
      <c r="W17495">
        <v>38</v>
      </c>
      <c r="X17495">
        <v>38</v>
      </c>
      <c r="Y17495">
        <v>38</v>
      </c>
      <c r="Z17495">
        <v>38</v>
      </c>
      <c r="AA17495">
        <v>38</v>
      </c>
      <c r="AB17495">
        <v>38</v>
      </c>
      <c r="AC17495">
        <v>39</v>
      </c>
      <c r="AD17495">
        <v>39</v>
      </c>
      <c r="AE17495">
        <v>39</v>
      </c>
      <c r="AF17495">
        <v>39</v>
      </c>
      <c r="AG17495">
        <v>39</v>
      </c>
      <c r="AH17495">
        <v>39</v>
      </c>
      <c r="AI17495">
        <v>40</v>
      </c>
      <c r="AJ17495">
        <v>40</v>
      </c>
      <c r="AK17495">
        <v>40</v>
      </c>
      <c r="AL17495">
        <v>40</v>
      </c>
      <c r="AM17495">
        <v>40</v>
      </c>
      <c r="AN17495">
        <v>40</v>
      </c>
      <c r="AO17495">
        <v>40</v>
      </c>
      <c r="AP17495">
        <v>41</v>
      </c>
      <c r="AQ17495">
        <v>41</v>
      </c>
    </row>
    <row r="17496" spans="1:43">
      <c r="A17496" t="s">
        <v>10842</v>
      </c>
      <c r="B17496" t="s">
        <v>10843</v>
      </c>
      <c r="C17496" t="s">
        <v>10834</v>
      </c>
      <c r="D17496" t="s">
        <v>10835</v>
      </c>
      <c r="E17496" t="s">
        <v>10732</v>
      </c>
      <c r="F17496" t="s">
        <v>10733</v>
      </c>
      <c r="G17496" t="s">
        <v>10734</v>
      </c>
      <c r="H17496" t="s">
        <v>10735</v>
      </c>
      <c r="I17496" s="2">
        <v>1</v>
      </c>
      <c r="J17496" s="2">
        <v>0</v>
      </c>
      <c r="K17496" s="2">
        <v>0</v>
      </c>
      <c r="L17496" t="s">
        <v>120</v>
      </c>
      <c r="M17496" t="s">
        <v>89</v>
      </c>
      <c r="N17496" t="s">
        <v>90</v>
      </c>
      <c r="O17496" t="s">
        <v>85</v>
      </c>
      <c r="P17496" t="s">
        <v>86</v>
      </c>
      <c r="Q17496">
        <v>37</v>
      </c>
      <c r="R17496">
        <v>38</v>
      </c>
      <c r="S17496">
        <v>39</v>
      </c>
      <c r="T17496">
        <v>40</v>
      </c>
      <c r="U17496">
        <v>41</v>
      </c>
      <c r="V17496">
        <v>41</v>
      </c>
      <c r="W17496">
        <v>42</v>
      </c>
      <c r="X17496">
        <v>43</v>
      </c>
      <c r="Y17496">
        <v>43</v>
      </c>
      <c r="Z17496">
        <v>44</v>
      </c>
      <c r="AA17496">
        <v>45</v>
      </c>
      <c r="AB17496">
        <v>45</v>
      </c>
      <c r="AC17496">
        <v>46</v>
      </c>
      <c r="AD17496">
        <v>46</v>
      </c>
      <c r="AE17496">
        <v>47</v>
      </c>
      <c r="AF17496">
        <v>47</v>
      </c>
      <c r="AG17496">
        <v>47</v>
      </c>
      <c r="AH17496">
        <v>47</v>
      </c>
      <c r="AI17496">
        <v>47</v>
      </c>
      <c r="AJ17496">
        <v>47</v>
      </c>
      <c r="AK17496">
        <v>47</v>
      </c>
      <c r="AL17496">
        <v>47</v>
      </c>
      <c r="AM17496">
        <v>47</v>
      </c>
      <c r="AN17496">
        <v>47</v>
      </c>
      <c r="AO17496">
        <v>47</v>
      </c>
      <c r="AP17496">
        <v>47</v>
      </c>
      <c r="AQ17496">
        <v>47</v>
      </c>
    </row>
    <row r="17497" spans="1:43">
      <c r="A17497" t="s">
        <v>10842</v>
      </c>
      <c r="B17497" t="s">
        <v>10843</v>
      </c>
      <c r="C17497" t="s">
        <v>10834</v>
      </c>
      <c r="D17497" t="s">
        <v>10835</v>
      </c>
      <c r="E17497" t="s">
        <v>10732</v>
      </c>
      <c r="F17497" t="s">
        <v>10733</v>
      </c>
      <c r="G17497" t="s">
        <v>10734</v>
      </c>
      <c r="H17497" t="s">
        <v>10735</v>
      </c>
      <c r="I17497" s="2">
        <v>1</v>
      </c>
      <c r="J17497" s="2">
        <v>0</v>
      </c>
      <c r="K17497" s="2">
        <v>0</v>
      </c>
      <c r="L17497" t="s">
        <v>120</v>
      </c>
      <c r="M17497" t="s">
        <v>83</v>
      </c>
      <c r="N17497" t="s">
        <v>91</v>
      </c>
      <c r="O17497" t="s">
        <v>85</v>
      </c>
      <c r="P17497" t="s">
        <v>86</v>
      </c>
      <c r="Q17497">
        <v>37</v>
      </c>
      <c r="R17497">
        <v>38</v>
      </c>
      <c r="S17497">
        <v>38</v>
      </c>
      <c r="T17497">
        <v>39</v>
      </c>
      <c r="U17497">
        <v>39</v>
      </c>
      <c r="V17497">
        <v>40</v>
      </c>
      <c r="W17497">
        <v>40</v>
      </c>
      <c r="X17497">
        <v>41</v>
      </c>
      <c r="Y17497">
        <v>41</v>
      </c>
      <c r="Z17497">
        <v>42</v>
      </c>
      <c r="AA17497">
        <v>42</v>
      </c>
      <c r="AB17497">
        <v>42</v>
      </c>
      <c r="AC17497">
        <v>43</v>
      </c>
      <c r="AD17497">
        <v>43</v>
      </c>
      <c r="AE17497">
        <v>44</v>
      </c>
      <c r="AF17497">
        <v>44</v>
      </c>
      <c r="AG17497">
        <v>45</v>
      </c>
      <c r="AH17497">
        <v>45</v>
      </c>
      <c r="AI17497">
        <v>46</v>
      </c>
      <c r="AJ17497">
        <v>46</v>
      </c>
      <c r="AK17497">
        <v>46</v>
      </c>
      <c r="AL17497">
        <v>47</v>
      </c>
      <c r="AM17497">
        <v>47</v>
      </c>
      <c r="AN17497">
        <v>47</v>
      </c>
      <c r="AO17497">
        <v>47</v>
      </c>
      <c r="AP17497">
        <v>47</v>
      </c>
      <c r="AQ17497">
        <v>47</v>
      </c>
    </row>
    <row r="17498" spans="1:43">
      <c r="A17498" t="s">
        <v>10844</v>
      </c>
      <c r="B17498" t="s">
        <v>10845</v>
      </c>
      <c r="C17498" t="s">
        <v>10834</v>
      </c>
      <c r="D17498" t="s">
        <v>10835</v>
      </c>
      <c r="E17498" t="s">
        <v>10732</v>
      </c>
      <c r="F17498" t="s">
        <v>10733</v>
      </c>
      <c r="G17498" t="s">
        <v>10734</v>
      </c>
      <c r="H17498" t="s">
        <v>10735</v>
      </c>
      <c r="I17498" s="2">
        <v>1</v>
      </c>
      <c r="J17498" s="2">
        <v>0</v>
      </c>
      <c r="K17498" s="2">
        <v>0</v>
      </c>
      <c r="L17498" t="s">
        <v>120</v>
      </c>
      <c r="M17498" t="s">
        <v>83</v>
      </c>
      <c r="N17498" t="s">
        <v>84</v>
      </c>
      <c r="O17498" t="s">
        <v>85</v>
      </c>
      <c r="P17498" t="s">
        <v>86</v>
      </c>
      <c r="Q17498">
        <v>10</v>
      </c>
      <c r="R17498">
        <v>10</v>
      </c>
      <c r="S17498">
        <v>10</v>
      </c>
      <c r="T17498">
        <v>10</v>
      </c>
      <c r="U17498">
        <v>10</v>
      </c>
      <c r="V17498">
        <v>10</v>
      </c>
      <c r="W17498">
        <v>10</v>
      </c>
      <c r="X17498">
        <v>11</v>
      </c>
      <c r="Y17498">
        <v>11</v>
      </c>
      <c r="Z17498">
        <v>11</v>
      </c>
      <c r="AA17498">
        <v>11</v>
      </c>
      <c r="AB17498">
        <v>11</v>
      </c>
      <c r="AC17498">
        <v>11</v>
      </c>
      <c r="AD17498">
        <v>11</v>
      </c>
      <c r="AE17498">
        <v>11</v>
      </c>
      <c r="AF17498">
        <v>12</v>
      </c>
      <c r="AG17498">
        <v>12</v>
      </c>
      <c r="AH17498">
        <v>12</v>
      </c>
      <c r="AI17498">
        <v>12</v>
      </c>
      <c r="AJ17498">
        <v>12</v>
      </c>
      <c r="AK17498">
        <v>12</v>
      </c>
      <c r="AL17498">
        <v>12</v>
      </c>
      <c r="AM17498">
        <v>12</v>
      </c>
      <c r="AN17498">
        <v>12</v>
      </c>
      <c r="AO17498">
        <v>12</v>
      </c>
      <c r="AP17498">
        <v>12</v>
      </c>
      <c r="AQ17498">
        <v>12</v>
      </c>
    </row>
    <row r="17499" spans="1:43">
      <c r="A17499" t="s">
        <v>10844</v>
      </c>
      <c r="B17499" t="s">
        <v>10845</v>
      </c>
      <c r="C17499" t="s">
        <v>10834</v>
      </c>
      <c r="D17499" t="s">
        <v>10835</v>
      </c>
      <c r="E17499" t="s">
        <v>10732</v>
      </c>
      <c r="F17499" t="s">
        <v>10733</v>
      </c>
      <c r="G17499" t="s">
        <v>10734</v>
      </c>
      <c r="H17499" t="s">
        <v>10735</v>
      </c>
      <c r="I17499" s="2">
        <v>1</v>
      </c>
      <c r="J17499" s="2">
        <v>0</v>
      </c>
      <c r="K17499" s="2">
        <v>0</v>
      </c>
      <c r="L17499" t="s">
        <v>120</v>
      </c>
      <c r="M17499" t="s">
        <v>87</v>
      </c>
      <c r="N17499" t="s">
        <v>88</v>
      </c>
      <c r="O17499" t="s">
        <v>85</v>
      </c>
      <c r="P17499" t="s">
        <v>86</v>
      </c>
      <c r="Q17499">
        <v>10</v>
      </c>
      <c r="R17499">
        <v>10</v>
      </c>
      <c r="S17499">
        <v>10</v>
      </c>
      <c r="T17499">
        <v>10</v>
      </c>
      <c r="U17499">
        <v>10</v>
      </c>
      <c r="V17499">
        <v>10</v>
      </c>
      <c r="W17499">
        <v>10</v>
      </c>
      <c r="X17499">
        <v>10</v>
      </c>
      <c r="Y17499">
        <v>10</v>
      </c>
      <c r="Z17499">
        <v>10</v>
      </c>
      <c r="AA17499">
        <v>10</v>
      </c>
      <c r="AB17499">
        <v>10</v>
      </c>
      <c r="AC17499">
        <v>10</v>
      </c>
      <c r="AD17499">
        <v>10</v>
      </c>
      <c r="AE17499">
        <v>10</v>
      </c>
      <c r="AF17499">
        <v>10</v>
      </c>
      <c r="AG17499">
        <v>10</v>
      </c>
      <c r="AH17499">
        <v>10</v>
      </c>
      <c r="AI17499">
        <v>10</v>
      </c>
      <c r="AJ17499">
        <v>10</v>
      </c>
      <c r="AK17499">
        <v>10</v>
      </c>
      <c r="AL17499">
        <v>10</v>
      </c>
      <c r="AM17499">
        <v>10</v>
      </c>
      <c r="AN17499">
        <v>11</v>
      </c>
      <c r="AO17499">
        <v>11</v>
      </c>
      <c r="AP17499">
        <v>11</v>
      </c>
      <c r="AQ17499">
        <v>11</v>
      </c>
    </row>
    <row r="17500" spans="1:43">
      <c r="A17500" t="s">
        <v>10844</v>
      </c>
      <c r="B17500" t="s">
        <v>10845</v>
      </c>
      <c r="C17500" t="s">
        <v>10834</v>
      </c>
      <c r="D17500" t="s">
        <v>10835</v>
      </c>
      <c r="E17500" t="s">
        <v>10732</v>
      </c>
      <c r="F17500" t="s">
        <v>10733</v>
      </c>
      <c r="G17500" t="s">
        <v>10734</v>
      </c>
      <c r="H17500" t="s">
        <v>10735</v>
      </c>
      <c r="I17500" s="2">
        <v>1</v>
      </c>
      <c r="J17500" s="2">
        <v>0</v>
      </c>
      <c r="K17500" s="2">
        <v>0</v>
      </c>
      <c r="L17500" t="s">
        <v>120</v>
      </c>
      <c r="M17500" t="s">
        <v>89</v>
      </c>
      <c r="N17500" t="s">
        <v>90</v>
      </c>
      <c r="O17500" t="s">
        <v>85</v>
      </c>
      <c r="P17500" t="s">
        <v>86</v>
      </c>
      <c r="Q17500">
        <v>10</v>
      </c>
      <c r="R17500">
        <v>10</v>
      </c>
      <c r="S17500">
        <v>10</v>
      </c>
      <c r="T17500">
        <v>10</v>
      </c>
      <c r="U17500">
        <v>11</v>
      </c>
      <c r="V17500">
        <v>11</v>
      </c>
      <c r="W17500">
        <v>11</v>
      </c>
      <c r="X17500">
        <v>11</v>
      </c>
      <c r="Y17500">
        <v>11</v>
      </c>
      <c r="Z17500">
        <v>11</v>
      </c>
      <c r="AA17500">
        <v>12</v>
      </c>
      <c r="AB17500">
        <v>12</v>
      </c>
      <c r="AC17500">
        <v>12</v>
      </c>
      <c r="AD17500">
        <v>12</v>
      </c>
      <c r="AE17500">
        <v>12</v>
      </c>
      <c r="AF17500">
        <v>12</v>
      </c>
      <c r="AG17500">
        <v>12</v>
      </c>
      <c r="AH17500">
        <v>12</v>
      </c>
      <c r="AI17500">
        <v>12</v>
      </c>
      <c r="AJ17500">
        <v>12</v>
      </c>
      <c r="AK17500">
        <v>12</v>
      </c>
      <c r="AL17500">
        <v>12</v>
      </c>
      <c r="AM17500">
        <v>12</v>
      </c>
      <c r="AN17500">
        <v>12</v>
      </c>
      <c r="AO17500">
        <v>12</v>
      </c>
      <c r="AP17500">
        <v>12</v>
      </c>
      <c r="AQ17500">
        <v>12</v>
      </c>
    </row>
    <row r="17501" spans="1:43">
      <c r="A17501" t="s">
        <v>10844</v>
      </c>
      <c r="B17501" t="s">
        <v>10845</v>
      </c>
      <c r="C17501" t="s">
        <v>10834</v>
      </c>
      <c r="D17501" t="s">
        <v>10835</v>
      </c>
      <c r="E17501" t="s">
        <v>10732</v>
      </c>
      <c r="F17501" t="s">
        <v>10733</v>
      </c>
      <c r="G17501" t="s">
        <v>10734</v>
      </c>
      <c r="H17501" t="s">
        <v>10735</v>
      </c>
      <c r="I17501" s="2">
        <v>1</v>
      </c>
      <c r="J17501" s="2">
        <v>0</v>
      </c>
      <c r="K17501" s="2">
        <v>0</v>
      </c>
      <c r="L17501" t="s">
        <v>120</v>
      </c>
      <c r="M17501" t="s">
        <v>83</v>
      </c>
      <c r="N17501" t="s">
        <v>91</v>
      </c>
      <c r="O17501" t="s">
        <v>85</v>
      </c>
      <c r="P17501" t="s">
        <v>86</v>
      </c>
      <c r="Q17501">
        <v>10</v>
      </c>
      <c r="R17501">
        <v>10</v>
      </c>
      <c r="S17501">
        <v>10</v>
      </c>
      <c r="T17501">
        <v>10</v>
      </c>
      <c r="U17501">
        <v>10</v>
      </c>
      <c r="V17501">
        <v>10</v>
      </c>
      <c r="W17501">
        <v>10</v>
      </c>
      <c r="X17501">
        <v>11</v>
      </c>
      <c r="Y17501">
        <v>11</v>
      </c>
      <c r="Z17501">
        <v>11</v>
      </c>
      <c r="AA17501">
        <v>11</v>
      </c>
      <c r="AB17501">
        <v>11</v>
      </c>
      <c r="AC17501">
        <v>11</v>
      </c>
      <c r="AD17501">
        <v>11</v>
      </c>
      <c r="AE17501">
        <v>11</v>
      </c>
      <c r="AF17501">
        <v>12</v>
      </c>
      <c r="AG17501">
        <v>12</v>
      </c>
      <c r="AH17501">
        <v>12</v>
      </c>
      <c r="AI17501">
        <v>12</v>
      </c>
      <c r="AJ17501">
        <v>12</v>
      </c>
      <c r="AK17501">
        <v>12</v>
      </c>
      <c r="AL17501">
        <v>12</v>
      </c>
      <c r="AM17501">
        <v>12</v>
      </c>
      <c r="AN17501">
        <v>12</v>
      </c>
      <c r="AO17501">
        <v>12</v>
      </c>
      <c r="AP17501">
        <v>12</v>
      </c>
      <c r="AQ17501">
        <v>12</v>
      </c>
    </row>
    <row r="17502" spans="1:43">
      <c r="A17502" t="s">
        <v>10846</v>
      </c>
      <c r="B17502" t="s">
        <v>10847</v>
      </c>
      <c r="C17502" t="s">
        <v>10848</v>
      </c>
      <c r="D17502" t="s">
        <v>10849</v>
      </c>
      <c r="E17502" t="s">
        <v>10732</v>
      </c>
      <c r="F17502" t="s">
        <v>10733</v>
      </c>
      <c r="G17502" t="s">
        <v>10734</v>
      </c>
      <c r="H17502" t="s">
        <v>10735</v>
      </c>
      <c r="I17502" s="2">
        <v>1</v>
      </c>
      <c r="J17502" s="2">
        <v>0</v>
      </c>
      <c r="K17502" s="2">
        <v>0</v>
      </c>
      <c r="L17502" t="s">
        <v>120</v>
      </c>
      <c r="M17502" t="s">
        <v>83</v>
      </c>
      <c r="N17502" t="s">
        <v>84</v>
      </c>
      <c r="O17502" t="s">
        <v>85</v>
      </c>
      <c r="P17502" t="s">
        <v>86</v>
      </c>
      <c r="Q17502">
        <v>27</v>
      </c>
      <c r="R17502">
        <v>27</v>
      </c>
      <c r="S17502">
        <v>27</v>
      </c>
      <c r="T17502">
        <v>28</v>
      </c>
      <c r="U17502">
        <v>28</v>
      </c>
      <c r="V17502">
        <v>28</v>
      </c>
      <c r="W17502">
        <v>29</v>
      </c>
      <c r="X17502">
        <v>29</v>
      </c>
      <c r="Y17502">
        <v>29</v>
      </c>
      <c r="Z17502">
        <v>30</v>
      </c>
      <c r="AA17502">
        <v>30</v>
      </c>
      <c r="AB17502">
        <v>30</v>
      </c>
      <c r="AC17502">
        <v>31</v>
      </c>
      <c r="AD17502">
        <v>31</v>
      </c>
      <c r="AE17502">
        <v>31</v>
      </c>
      <c r="AF17502">
        <v>32</v>
      </c>
      <c r="AG17502">
        <v>32</v>
      </c>
      <c r="AH17502">
        <v>32</v>
      </c>
      <c r="AI17502">
        <v>33</v>
      </c>
      <c r="AJ17502">
        <v>33</v>
      </c>
      <c r="AK17502">
        <v>33</v>
      </c>
      <c r="AL17502">
        <v>33</v>
      </c>
      <c r="AM17502">
        <v>34</v>
      </c>
      <c r="AN17502">
        <v>34</v>
      </c>
      <c r="AO17502">
        <v>34</v>
      </c>
      <c r="AP17502">
        <v>34</v>
      </c>
      <c r="AQ17502">
        <v>34</v>
      </c>
    </row>
    <row r="17503" spans="1:43">
      <c r="A17503" t="s">
        <v>10846</v>
      </c>
      <c r="B17503" t="s">
        <v>10847</v>
      </c>
      <c r="C17503" t="s">
        <v>10848</v>
      </c>
      <c r="D17503" t="s">
        <v>10849</v>
      </c>
      <c r="E17503" t="s">
        <v>10732</v>
      </c>
      <c r="F17503" t="s">
        <v>10733</v>
      </c>
      <c r="G17503" t="s">
        <v>10734</v>
      </c>
      <c r="H17503" t="s">
        <v>10735</v>
      </c>
      <c r="I17503" s="2">
        <v>1</v>
      </c>
      <c r="J17503" s="2">
        <v>0</v>
      </c>
      <c r="K17503" s="2">
        <v>0</v>
      </c>
      <c r="L17503" t="s">
        <v>120</v>
      </c>
      <c r="M17503" t="s">
        <v>87</v>
      </c>
      <c r="N17503" t="s">
        <v>88</v>
      </c>
      <c r="O17503" t="s">
        <v>85</v>
      </c>
      <c r="P17503" t="s">
        <v>86</v>
      </c>
      <c r="Q17503">
        <v>27</v>
      </c>
      <c r="R17503">
        <v>27</v>
      </c>
      <c r="S17503">
        <v>28</v>
      </c>
      <c r="T17503">
        <v>28</v>
      </c>
      <c r="U17503">
        <v>28</v>
      </c>
      <c r="V17503">
        <v>28</v>
      </c>
      <c r="W17503">
        <v>28</v>
      </c>
      <c r="X17503">
        <v>28</v>
      </c>
      <c r="Y17503">
        <v>28</v>
      </c>
      <c r="Z17503">
        <v>28</v>
      </c>
      <c r="AA17503">
        <v>28</v>
      </c>
      <c r="AB17503">
        <v>29</v>
      </c>
      <c r="AC17503">
        <v>29</v>
      </c>
      <c r="AD17503">
        <v>29</v>
      </c>
      <c r="AE17503">
        <v>29</v>
      </c>
      <c r="AF17503">
        <v>29</v>
      </c>
      <c r="AG17503">
        <v>29</v>
      </c>
      <c r="AH17503">
        <v>29</v>
      </c>
      <c r="AI17503">
        <v>29</v>
      </c>
      <c r="AJ17503">
        <v>30</v>
      </c>
      <c r="AK17503">
        <v>30</v>
      </c>
      <c r="AL17503">
        <v>30</v>
      </c>
      <c r="AM17503">
        <v>30</v>
      </c>
      <c r="AN17503">
        <v>30</v>
      </c>
      <c r="AO17503">
        <v>30</v>
      </c>
      <c r="AP17503">
        <v>30</v>
      </c>
      <c r="AQ17503">
        <v>30</v>
      </c>
    </row>
    <row r="17504" spans="1:43">
      <c r="A17504" t="s">
        <v>10846</v>
      </c>
      <c r="B17504" t="s">
        <v>10847</v>
      </c>
      <c r="C17504" t="s">
        <v>10848</v>
      </c>
      <c r="D17504" t="s">
        <v>10849</v>
      </c>
      <c r="E17504" t="s">
        <v>10732</v>
      </c>
      <c r="F17504" t="s">
        <v>10733</v>
      </c>
      <c r="G17504" t="s">
        <v>10734</v>
      </c>
      <c r="H17504" t="s">
        <v>10735</v>
      </c>
      <c r="I17504" s="2">
        <v>1</v>
      </c>
      <c r="J17504" s="2">
        <v>0</v>
      </c>
      <c r="K17504" s="2">
        <v>0</v>
      </c>
      <c r="L17504" t="s">
        <v>120</v>
      </c>
      <c r="M17504" t="s">
        <v>89</v>
      </c>
      <c r="N17504" t="s">
        <v>90</v>
      </c>
      <c r="O17504" t="s">
        <v>85</v>
      </c>
      <c r="P17504" t="s">
        <v>86</v>
      </c>
      <c r="Q17504">
        <v>27</v>
      </c>
      <c r="R17504">
        <v>27</v>
      </c>
      <c r="S17504">
        <v>28</v>
      </c>
      <c r="T17504">
        <v>29</v>
      </c>
      <c r="U17504">
        <v>29</v>
      </c>
      <c r="V17504">
        <v>30</v>
      </c>
      <c r="W17504">
        <v>30</v>
      </c>
      <c r="X17504">
        <v>31</v>
      </c>
      <c r="Y17504">
        <v>31</v>
      </c>
      <c r="Z17504">
        <v>32</v>
      </c>
      <c r="AA17504">
        <v>32</v>
      </c>
      <c r="AB17504">
        <v>32</v>
      </c>
      <c r="AC17504">
        <v>33</v>
      </c>
      <c r="AD17504">
        <v>33</v>
      </c>
      <c r="AE17504">
        <v>34</v>
      </c>
      <c r="AF17504">
        <v>34</v>
      </c>
      <c r="AG17504">
        <v>34</v>
      </c>
      <c r="AH17504">
        <v>34</v>
      </c>
      <c r="AI17504">
        <v>34</v>
      </c>
      <c r="AJ17504">
        <v>34</v>
      </c>
      <c r="AK17504">
        <v>34</v>
      </c>
      <c r="AL17504">
        <v>34</v>
      </c>
      <c r="AM17504">
        <v>34</v>
      </c>
      <c r="AN17504">
        <v>34</v>
      </c>
      <c r="AO17504">
        <v>34</v>
      </c>
      <c r="AP17504">
        <v>34</v>
      </c>
      <c r="AQ17504">
        <v>34</v>
      </c>
    </row>
    <row r="17505" spans="1:43">
      <c r="A17505" t="s">
        <v>10846</v>
      </c>
      <c r="B17505" t="s">
        <v>10847</v>
      </c>
      <c r="C17505" t="s">
        <v>10848</v>
      </c>
      <c r="D17505" t="s">
        <v>10849</v>
      </c>
      <c r="E17505" t="s">
        <v>10732</v>
      </c>
      <c r="F17505" t="s">
        <v>10733</v>
      </c>
      <c r="G17505" t="s">
        <v>10734</v>
      </c>
      <c r="H17505" t="s">
        <v>10735</v>
      </c>
      <c r="I17505" s="2">
        <v>1</v>
      </c>
      <c r="J17505" s="2">
        <v>0</v>
      </c>
      <c r="K17505" s="2">
        <v>0</v>
      </c>
      <c r="L17505" t="s">
        <v>120</v>
      </c>
      <c r="M17505" t="s">
        <v>83</v>
      </c>
      <c r="N17505" t="s">
        <v>91</v>
      </c>
      <c r="O17505" t="s">
        <v>85</v>
      </c>
      <c r="P17505" t="s">
        <v>86</v>
      </c>
      <c r="Q17505">
        <v>27</v>
      </c>
      <c r="R17505">
        <v>27</v>
      </c>
      <c r="S17505">
        <v>27</v>
      </c>
      <c r="T17505">
        <v>28</v>
      </c>
      <c r="U17505">
        <v>28</v>
      </c>
      <c r="V17505">
        <v>28</v>
      </c>
      <c r="W17505">
        <v>29</v>
      </c>
      <c r="X17505">
        <v>29</v>
      </c>
      <c r="Y17505">
        <v>29</v>
      </c>
      <c r="Z17505">
        <v>30</v>
      </c>
      <c r="AA17505">
        <v>30</v>
      </c>
      <c r="AB17505">
        <v>30</v>
      </c>
      <c r="AC17505">
        <v>31</v>
      </c>
      <c r="AD17505">
        <v>31</v>
      </c>
      <c r="AE17505">
        <v>31</v>
      </c>
      <c r="AF17505">
        <v>32</v>
      </c>
      <c r="AG17505">
        <v>32</v>
      </c>
      <c r="AH17505">
        <v>32</v>
      </c>
      <c r="AI17505">
        <v>33</v>
      </c>
      <c r="AJ17505">
        <v>33</v>
      </c>
      <c r="AK17505">
        <v>33</v>
      </c>
      <c r="AL17505">
        <v>33</v>
      </c>
      <c r="AM17505">
        <v>34</v>
      </c>
      <c r="AN17505">
        <v>34</v>
      </c>
      <c r="AO17505">
        <v>34</v>
      </c>
      <c r="AP17505">
        <v>34</v>
      </c>
      <c r="AQ17505">
        <v>34</v>
      </c>
    </row>
    <row r="17506" spans="1:43">
      <c r="A17506" t="s">
        <v>10850</v>
      </c>
      <c r="B17506" t="s">
        <v>10851</v>
      </c>
      <c r="C17506" t="s">
        <v>10848</v>
      </c>
      <c r="D17506" t="s">
        <v>10849</v>
      </c>
      <c r="E17506" t="s">
        <v>10732</v>
      </c>
      <c r="F17506" t="s">
        <v>10733</v>
      </c>
      <c r="G17506" t="s">
        <v>10734</v>
      </c>
      <c r="H17506" t="s">
        <v>10735</v>
      </c>
      <c r="I17506" s="2">
        <v>1</v>
      </c>
      <c r="J17506" s="2">
        <v>0</v>
      </c>
      <c r="K17506" s="2">
        <v>0</v>
      </c>
      <c r="L17506" t="s">
        <v>120</v>
      </c>
      <c r="M17506" t="s">
        <v>83</v>
      </c>
      <c r="N17506" t="s">
        <v>84</v>
      </c>
      <c r="O17506" t="s">
        <v>85</v>
      </c>
      <c r="P17506" t="s">
        <v>86</v>
      </c>
      <c r="Q17506">
        <v>22</v>
      </c>
      <c r="R17506">
        <v>22</v>
      </c>
      <c r="S17506">
        <v>22</v>
      </c>
      <c r="T17506">
        <v>23</v>
      </c>
      <c r="U17506">
        <v>23</v>
      </c>
      <c r="V17506">
        <v>23</v>
      </c>
      <c r="W17506">
        <v>23</v>
      </c>
      <c r="X17506">
        <v>24</v>
      </c>
      <c r="Y17506">
        <v>24</v>
      </c>
      <c r="Z17506">
        <v>24</v>
      </c>
      <c r="AA17506">
        <v>24</v>
      </c>
      <c r="AB17506">
        <v>25</v>
      </c>
      <c r="AC17506">
        <v>25</v>
      </c>
      <c r="AD17506">
        <v>25</v>
      </c>
      <c r="AE17506">
        <v>26</v>
      </c>
      <c r="AF17506">
        <v>26</v>
      </c>
      <c r="AG17506">
        <v>26</v>
      </c>
      <c r="AH17506">
        <v>26</v>
      </c>
      <c r="AI17506">
        <v>27</v>
      </c>
      <c r="AJ17506">
        <v>27</v>
      </c>
      <c r="AK17506">
        <v>27</v>
      </c>
      <c r="AL17506">
        <v>27</v>
      </c>
      <c r="AM17506">
        <v>27</v>
      </c>
      <c r="AN17506">
        <v>27</v>
      </c>
      <c r="AO17506">
        <v>27</v>
      </c>
      <c r="AP17506">
        <v>27</v>
      </c>
      <c r="AQ17506">
        <v>27</v>
      </c>
    </row>
    <row r="17507" spans="1:43">
      <c r="A17507" t="s">
        <v>10850</v>
      </c>
      <c r="B17507" t="s">
        <v>10851</v>
      </c>
      <c r="C17507" t="s">
        <v>10848</v>
      </c>
      <c r="D17507" t="s">
        <v>10849</v>
      </c>
      <c r="E17507" t="s">
        <v>10732</v>
      </c>
      <c r="F17507" t="s">
        <v>10733</v>
      </c>
      <c r="G17507" t="s">
        <v>10734</v>
      </c>
      <c r="H17507" t="s">
        <v>10735</v>
      </c>
      <c r="I17507" s="2">
        <v>1</v>
      </c>
      <c r="J17507" s="2">
        <v>0</v>
      </c>
      <c r="K17507" s="2">
        <v>0</v>
      </c>
      <c r="L17507" t="s">
        <v>120</v>
      </c>
      <c r="M17507" t="s">
        <v>87</v>
      </c>
      <c r="N17507" t="s">
        <v>88</v>
      </c>
      <c r="O17507" t="s">
        <v>85</v>
      </c>
      <c r="P17507" t="s">
        <v>86</v>
      </c>
      <c r="Q17507">
        <v>22</v>
      </c>
      <c r="R17507">
        <v>23</v>
      </c>
      <c r="S17507">
        <v>23</v>
      </c>
      <c r="T17507">
        <v>23</v>
      </c>
      <c r="U17507">
        <v>23</v>
      </c>
      <c r="V17507">
        <v>23</v>
      </c>
      <c r="W17507">
        <v>23</v>
      </c>
      <c r="X17507">
        <v>23</v>
      </c>
      <c r="Y17507">
        <v>23</v>
      </c>
      <c r="Z17507">
        <v>23</v>
      </c>
      <c r="AA17507">
        <v>23</v>
      </c>
      <c r="AB17507">
        <v>23</v>
      </c>
      <c r="AC17507">
        <v>24</v>
      </c>
      <c r="AD17507">
        <v>24</v>
      </c>
      <c r="AE17507">
        <v>24</v>
      </c>
      <c r="AF17507">
        <v>24</v>
      </c>
      <c r="AG17507">
        <v>24</v>
      </c>
      <c r="AH17507">
        <v>24</v>
      </c>
      <c r="AI17507">
        <v>24</v>
      </c>
      <c r="AJ17507">
        <v>24</v>
      </c>
      <c r="AK17507">
        <v>24</v>
      </c>
      <c r="AL17507">
        <v>24</v>
      </c>
      <c r="AM17507">
        <v>24</v>
      </c>
      <c r="AN17507">
        <v>25</v>
      </c>
      <c r="AO17507">
        <v>25</v>
      </c>
      <c r="AP17507">
        <v>25</v>
      </c>
      <c r="AQ17507">
        <v>25</v>
      </c>
    </row>
    <row r="17508" spans="1:43">
      <c r="A17508" t="s">
        <v>10850</v>
      </c>
      <c r="B17508" t="s">
        <v>10851</v>
      </c>
      <c r="C17508" t="s">
        <v>10848</v>
      </c>
      <c r="D17508" t="s">
        <v>10849</v>
      </c>
      <c r="E17508" t="s">
        <v>10732</v>
      </c>
      <c r="F17508" t="s">
        <v>10733</v>
      </c>
      <c r="G17508" t="s">
        <v>10734</v>
      </c>
      <c r="H17508" t="s">
        <v>10735</v>
      </c>
      <c r="I17508" s="2">
        <v>1</v>
      </c>
      <c r="J17508" s="2">
        <v>0</v>
      </c>
      <c r="K17508" s="2">
        <v>0</v>
      </c>
      <c r="L17508" t="s">
        <v>120</v>
      </c>
      <c r="M17508" t="s">
        <v>89</v>
      </c>
      <c r="N17508" t="s">
        <v>90</v>
      </c>
      <c r="O17508" t="s">
        <v>85</v>
      </c>
      <c r="P17508" t="s">
        <v>86</v>
      </c>
      <c r="Q17508">
        <v>22</v>
      </c>
      <c r="R17508">
        <v>22</v>
      </c>
      <c r="S17508">
        <v>23</v>
      </c>
      <c r="T17508">
        <v>23</v>
      </c>
      <c r="U17508">
        <v>24</v>
      </c>
      <c r="V17508">
        <v>24</v>
      </c>
      <c r="W17508">
        <v>25</v>
      </c>
      <c r="X17508">
        <v>25</v>
      </c>
      <c r="Y17508">
        <v>25</v>
      </c>
      <c r="Z17508">
        <v>26</v>
      </c>
      <c r="AA17508">
        <v>26</v>
      </c>
      <c r="AB17508">
        <v>26</v>
      </c>
      <c r="AC17508">
        <v>27</v>
      </c>
      <c r="AD17508">
        <v>27</v>
      </c>
      <c r="AE17508">
        <v>27</v>
      </c>
      <c r="AF17508">
        <v>27</v>
      </c>
      <c r="AG17508">
        <v>27</v>
      </c>
      <c r="AH17508">
        <v>27</v>
      </c>
      <c r="AI17508">
        <v>27</v>
      </c>
      <c r="AJ17508">
        <v>27</v>
      </c>
      <c r="AK17508">
        <v>27</v>
      </c>
      <c r="AL17508">
        <v>27</v>
      </c>
      <c r="AM17508">
        <v>28</v>
      </c>
      <c r="AN17508">
        <v>28</v>
      </c>
      <c r="AO17508">
        <v>28</v>
      </c>
      <c r="AP17508">
        <v>28</v>
      </c>
      <c r="AQ17508">
        <v>28</v>
      </c>
    </row>
    <row r="17509" spans="1:43">
      <c r="A17509" t="s">
        <v>10850</v>
      </c>
      <c r="B17509" t="s">
        <v>10851</v>
      </c>
      <c r="C17509" t="s">
        <v>10848</v>
      </c>
      <c r="D17509" t="s">
        <v>10849</v>
      </c>
      <c r="E17509" t="s">
        <v>10732</v>
      </c>
      <c r="F17509" t="s">
        <v>10733</v>
      </c>
      <c r="G17509" t="s">
        <v>10734</v>
      </c>
      <c r="H17509" t="s">
        <v>10735</v>
      </c>
      <c r="I17509" s="2">
        <v>1</v>
      </c>
      <c r="J17509" s="2">
        <v>0</v>
      </c>
      <c r="K17509" s="2">
        <v>0</v>
      </c>
      <c r="L17509" t="s">
        <v>120</v>
      </c>
      <c r="M17509" t="s">
        <v>83</v>
      </c>
      <c r="N17509" t="s">
        <v>91</v>
      </c>
      <c r="O17509" t="s">
        <v>85</v>
      </c>
      <c r="P17509" t="s">
        <v>86</v>
      </c>
      <c r="Q17509">
        <v>22</v>
      </c>
      <c r="R17509">
        <v>22</v>
      </c>
      <c r="S17509">
        <v>22</v>
      </c>
      <c r="T17509">
        <v>23</v>
      </c>
      <c r="U17509">
        <v>23</v>
      </c>
      <c r="V17509">
        <v>23</v>
      </c>
      <c r="W17509">
        <v>23</v>
      </c>
      <c r="X17509">
        <v>24</v>
      </c>
      <c r="Y17509">
        <v>24</v>
      </c>
      <c r="Z17509">
        <v>24</v>
      </c>
      <c r="AA17509">
        <v>24</v>
      </c>
      <c r="AB17509">
        <v>25</v>
      </c>
      <c r="AC17509">
        <v>25</v>
      </c>
      <c r="AD17509">
        <v>25</v>
      </c>
      <c r="AE17509">
        <v>26</v>
      </c>
      <c r="AF17509">
        <v>26</v>
      </c>
      <c r="AG17509">
        <v>26</v>
      </c>
      <c r="AH17509">
        <v>26</v>
      </c>
      <c r="AI17509">
        <v>27</v>
      </c>
      <c r="AJ17509">
        <v>27</v>
      </c>
      <c r="AK17509">
        <v>27</v>
      </c>
      <c r="AL17509">
        <v>27</v>
      </c>
      <c r="AM17509">
        <v>27</v>
      </c>
      <c r="AN17509">
        <v>27</v>
      </c>
      <c r="AO17509">
        <v>27</v>
      </c>
      <c r="AP17509">
        <v>27</v>
      </c>
      <c r="AQ17509">
        <v>27</v>
      </c>
    </row>
    <row r="17510" spans="1:43">
      <c r="A17510" t="s">
        <v>10852</v>
      </c>
      <c r="B17510" t="s">
        <v>10853</v>
      </c>
      <c r="C17510" t="s">
        <v>10848</v>
      </c>
      <c r="D17510" t="s">
        <v>10849</v>
      </c>
      <c r="E17510" t="s">
        <v>10732</v>
      </c>
      <c r="F17510" t="s">
        <v>10733</v>
      </c>
      <c r="G17510" t="s">
        <v>10734</v>
      </c>
      <c r="H17510" t="s">
        <v>10735</v>
      </c>
      <c r="I17510" s="2">
        <v>1</v>
      </c>
      <c r="J17510" s="2">
        <v>0</v>
      </c>
      <c r="K17510" s="2">
        <v>0</v>
      </c>
      <c r="L17510" t="s">
        <v>120</v>
      </c>
      <c r="M17510" t="s">
        <v>83</v>
      </c>
      <c r="N17510" t="s">
        <v>84</v>
      </c>
      <c r="O17510" t="s">
        <v>85</v>
      </c>
      <c r="P17510" t="s">
        <v>86</v>
      </c>
      <c r="Q17510">
        <v>21</v>
      </c>
      <c r="R17510">
        <v>21</v>
      </c>
      <c r="S17510">
        <v>22</v>
      </c>
      <c r="T17510">
        <v>22</v>
      </c>
      <c r="U17510">
        <v>22</v>
      </c>
      <c r="V17510">
        <v>22</v>
      </c>
      <c r="W17510">
        <v>23</v>
      </c>
      <c r="X17510">
        <v>23</v>
      </c>
      <c r="Y17510">
        <v>23</v>
      </c>
      <c r="Z17510">
        <v>24</v>
      </c>
      <c r="AA17510">
        <v>24</v>
      </c>
      <c r="AB17510">
        <v>24</v>
      </c>
      <c r="AC17510">
        <v>24</v>
      </c>
      <c r="AD17510">
        <v>25</v>
      </c>
      <c r="AE17510">
        <v>25</v>
      </c>
      <c r="AF17510">
        <v>25</v>
      </c>
      <c r="AG17510">
        <v>25</v>
      </c>
      <c r="AH17510">
        <v>26</v>
      </c>
      <c r="AI17510">
        <v>26</v>
      </c>
      <c r="AJ17510">
        <v>26</v>
      </c>
      <c r="AK17510">
        <v>26</v>
      </c>
      <c r="AL17510">
        <v>26</v>
      </c>
      <c r="AM17510">
        <v>26</v>
      </c>
      <c r="AN17510">
        <v>27</v>
      </c>
      <c r="AO17510">
        <v>27</v>
      </c>
      <c r="AP17510">
        <v>27</v>
      </c>
      <c r="AQ17510">
        <v>27</v>
      </c>
    </row>
    <row r="17511" spans="1:43">
      <c r="A17511" t="s">
        <v>10852</v>
      </c>
      <c r="B17511" t="s">
        <v>10853</v>
      </c>
      <c r="C17511" t="s">
        <v>10848</v>
      </c>
      <c r="D17511" t="s">
        <v>10849</v>
      </c>
      <c r="E17511" t="s">
        <v>10732</v>
      </c>
      <c r="F17511" t="s">
        <v>10733</v>
      </c>
      <c r="G17511" t="s">
        <v>10734</v>
      </c>
      <c r="H17511" t="s">
        <v>10735</v>
      </c>
      <c r="I17511" s="2">
        <v>1</v>
      </c>
      <c r="J17511" s="2">
        <v>0</v>
      </c>
      <c r="K17511" s="2">
        <v>0</v>
      </c>
      <c r="L17511" t="s">
        <v>120</v>
      </c>
      <c r="M17511" t="s">
        <v>87</v>
      </c>
      <c r="N17511" t="s">
        <v>88</v>
      </c>
      <c r="O17511" t="s">
        <v>85</v>
      </c>
      <c r="P17511" t="s">
        <v>86</v>
      </c>
      <c r="Q17511">
        <v>21</v>
      </c>
      <c r="R17511">
        <v>21</v>
      </c>
      <c r="S17511">
        <v>21</v>
      </c>
      <c r="T17511">
        <v>21</v>
      </c>
      <c r="U17511">
        <v>21</v>
      </c>
      <c r="V17511">
        <v>21</v>
      </c>
      <c r="W17511">
        <v>21</v>
      </c>
      <c r="X17511">
        <v>21</v>
      </c>
      <c r="Y17511">
        <v>22</v>
      </c>
      <c r="Z17511">
        <v>22</v>
      </c>
      <c r="AA17511">
        <v>22</v>
      </c>
      <c r="AB17511">
        <v>22</v>
      </c>
      <c r="AC17511">
        <v>22</v>
      </c>
      <c r="AD17511">
        <v>22</v>
      </c>
      <c r="AE17511">
        <v>22</v>
      </c>
      <c r="AF17511">
        <v>22</v>
      </c>
      <c r="AG17511">
        <v>22</v>
      </c>
      <c r="AH17511">
        <v>22</v>
      </c>
      <c r="AI17511">
        <v>22</v>
      </c>
      <c r="AJ17511">
        <v>23</v>
      </c>
      <c r="AK17511">
        <v>23</v>
      </c>
      <c r="AL17511">
        <v>23</v>
      </c>
      <c r="AM17511">
        <v>23</v>
      </c>
      <c r="AN17511">
        <v>23</v>
      </c>
      <c r="AO17511">
        <v>23</v>
      </c>
      <c r="AP17511">
        <v>23</v>
      </c>
      <c r="AQ17511">
        <v>23</v>
      </c>
    </row>
    <row r="17512" spans="1:43">
      <c r="A17512" t="s">
        <v>10852</v>
      </c>
      <c r="B17512" t="s">
        <v>10853</v>
      </c>
      <c r="C17512" t="s">
        <v>10848</v>
      </c>
      <c r="D17512" t="s">
        <v>10849</v>
      </c>
      <c r="E17512" t="s">
        <v>10732</v>
      </c>
      <c r="F17512" t="s">
        <v>10733</v>
      </c>
      <c r="G17512" t="s">
        <v>10734</v>
      </c>
      <c r="H17512" t="s">
        <v>10735</v>
      </c>
      <c r="I17512" s="2">
        <v>1</v>
      </c>
      <c r="J17512" s="2">
        <v>0</v>
      </c>
      <c r="K17512" s="2">
        <v>0</v>
      </c>
      <c r="L17512" t="s">
        <v>120</v>
      </c>
      <c r="M17512" t="s">
        <v>89</v>
      </c>
      <c r="N17512" t="s">
        <v>90</v>
      </c>
      <c r="O17512" t="s">
        <v>85</v>
      </c>
      <c r="P17512" t="s">
        <v>86</v>
      </c>
      <c r="Q17512">
        <v>21</v>
      </c>
      <c r="R17512">
        <v>22</v>
      </c>
      <c r="S17512">
        <v>22</v>
      </c>
      <c r="T17512">
        <v>23</v>
      </c>
      <c r="U17512">
        <v>23</v>
      </c>
      <c r="V17512">
        <v>23</v>
      </c>
      <c r="W17512">
        <v>24</v>
      </c>
      <c r="X17512">
        <v>24</v>
      </c>
      <c r="Y17512">
        <v>25</v>
      </c>
      <c r="Z17512">
        <v>25</v>
      </c>
      <c r="AA17512">
        <v>25</v>
      </c>
      <c r="AB17512">
        <v>26</v>
      </c>
      <c r="AC17512">
        <v>26</v>
      </c>
      <c r="AD17512">
        <v>26</v>
      </c>
      <c r="AE17512">
        <v>27</v>
      </c>
      <c r="AF17512">
        <v>27</v>
      </c>
      <c r="AG17512">
        <v>27</v>
      </c>
      <c r="AH17512">
        <v>27</v>
      </c>
      <c r="AI17512">
        <v>27</v>
      </c>
      <c r="AJ17512">
        <v>27</v>
      </c>
      <c r="AK17512">
        <v>27</v>
      </c>
      <c r="AL17512">
        <v>27</v>
      </c>
      <c r="AM17512">
        <v>27</v>
      </c>
      <c r="AN17512">
        <v>27</v>
      </c>
      <c r="AO17512">
        <v>27</v>
      </c>
      <c r="AP17512">
        <v>27</v>
      </c>
      <c r="AQ17512">
        <v>27</v>
      </c>
    </row>
    <row r="17513" spans="1:43">
      <c r="A17513" t="s">
        <v>10852</v>
      </c>
      <c r="B17513" t="s">
        <v>10853</v>
      </c>
      <c r="C17513" t="s">
        <v>10848</v>
      </c>
      <c r="D17513" t="s">
        <v>10849</v>
      </c>
      <c r="E17513" t="s">
        <v>10732</v>
      </c>
      <c r="F17513" t="s">
        <v>10733</v>
      </c>
      <c r="G17513" t="s">
        <v>10734</v>
      </c>
      <c r="H17513" t="s">
        <v>10735</v>
      </c>
      <c r="I17513" s="2">
        <v>1</v>
      </c>
      <c r="J17513" s="2">
        <v>0</v>
      </c>
      <c r="K17513" s="2">
        <v>0</v>
      </c>
      <c r="L17513" t="s">
        <v>120</v>
      </c>
      <c r="M17513" t="s">
        <v>83</v>
      </c>
      <c r="N17513" t="s">
        <v>91</v>
      </c>
      <c r="O17513" t="s">
        <v>85</v>
      </c>
      <c r="P17513" t="s">
        <v>86</v>
      </c>
      <c r="Q17513">
        <v>21</v>
      </c>
      <c r="R17513">
        <v>21</v>
      </c>
      <c r="S17513">
        <v>22</v>
      </c>
      <c r="T17513">
        <v>22</v>
      </c>
      <c r="U17513">
        <v>22</v>
      </c>
      <c r="V17513">
        <v>22</v>
      </c>
      <c r="W17513">
        <v>23</v>
      </c>
      <c r="X17513">
        <v>23</v>
      </c>
      <c r="Y17513">
        <v>23</v>
      </c>
      <c r="Z17513">
        <v>24</v>
      </c>
      <c r="AA17513">
        <v>24</v>
      </c>
      <c r="AB17513">
        <v>24</v>
      </c>
      <c r="AC17513">
        <v>24</v>
      </c>
      <c r="AD17513">
        <v>25</v>
      </c>
      <c r="AE17513">
        <v>25</v>
      </c>
      <c r="AF17513">
        <v>25</v>
      </c>
      <c r="AG17513">
        <v>25</v>
      </c>
      <c r="AH17513">
        <v>26</v>
      </c>
      <c r="AI17513">
        <v>26</v>
      </c>
      <c r="AJ17513">
        <v>26</v>
      </c>
      <c r="AK17513">
        <v>26</v>
      </c>
      <c r="AL17513">
        <v>26</v>
      </c>
      <c r="AM17513">
        <v>26</v>
      </c>
      <c r="AN17513">
        <v>27</v>
      </c>
      <c r="AO17513">
        <v>27</v>
      </c>
      <c r="AP17513">
        <v>27</v>
      </c>
      <c r="AQ17513">
        <v>27</v>
      </c>
    </row>
    <row r="17514" spans="1:43">
      <c r="A17514" t="s">
        <v>10854</v>
      </c>
      <c r="B17514" t="s">
        <v>10855</v>
      </c>
      <c r="C17514" t="s">
        <v>10848</v>
      </c>
      <c r="D17514" t="s">
        <v>10849</v>
      </c>
      <c r="E17514" t="s">
        <v>10732</v>
      </c>
      <c r="F17514" t="s">
        <v>10733</v>
      </c>
      <c r="G17514" t="s">
        <v>10734</v>
      </c>
      <c r="H17514" t="s">
        <v>10735</v>
      </c>
      <c r="I17514" s="2">
        <v>1</v>
      </c>
      <c r="J17514" s="2">
        <v>0</v>
      </c>
      <c r="K17514" s="2">
        <v>0</v>
      </c>
      <c r="L17514" t="s">
        <v>120</v>
      </c>
      <c r="M17514" t="s">
        <v>83</v>
      </c>
      <c r="N17514" t="s">
        <v>84</v>
      </c>
      <c r="O17514" t="s">
        <v>85</v>
      </c>
      <c r="P17514" t="s">
        <v>86</v>
      </c>
      <c r="Q17514">
        <v>12</v>
      </c>
      <c r="R17514">
        <v>12</v>
      </c>
      <c r="S17514">
        <v>12</v>
      </c>
      <c r="T17514">
        <v>12</v>
      </c>
      <c r="U17514">
        <v>13</v>
      </c>
      <c r="V17514">
        <v>13</v>
      </c>
      <c r="W17514">
        <v>13</v>
      </c>
      <c r="X17514">
        <v>13</v>
      </c>
      <c r="Y17514">
        <v>13</v>
      </c>
      <c r="Z17514">
        <v>13</v>
      </c>
      <c r="AA17514">
        <v>14</v>
      </c>
      <c r="AB17514">
        <v>14</v>
      </c>
      <c r="AC17514">
        <v>14</v>
      </c>
      <c r="AD17514">
        <v>14</v>
      </c>
      <c r="AE17514">
        <v>14</v>
      </c>
      <c r="AF17514">
        <v>14</v>
      </c>
      <c r="AG17514">
        <v>14</v>
      </c>
      <c r="AH17514">
        <v>15</v>
      </c>
      <c r="AI17514">
        <v>15</v>
      </c>
      <c r="AJ17514">
        <v>15</v>
      </c>
      <c r="AK17514">
        <v>15</v>
      </c>
      <c r="AL17514">
        <v>15</v>
      </c>
      <c r="AM17514">
        <v>15</v>
      </c>
      <c r="AN17514">
        <v>15</v>
      </c>
      <c r="AO17514">
        <v>15</v>
      </c>
      <c r="AP17514">
        <v>15</v>
      </c>
      <c r="AQ17514">
        <v>15</v>
      </c>
    </row>
    <row r="17515" spans="1:43">
      <c r="A17515" t="s">
        <v>10854</v>
      </c>
      <c r="B17515" t="s">
        <v>10855</v>
      </c>
      <c r="C17515" t="s">
        <v>10848</v>
      </c>
      <c r="D17515" t="s">
        <v>10849</v>
      </c>
      <c r="E17515" t="s">
        <v>10732</v>
      </c>
      <c r="F17515" t="s">
        <v>10733</v>
      </c>
      <c r="G17515" t="s">
        <v>10734</v>
      </c>
      <c r="H17515" t="s">
        <v>10735</v>
      </c>
      <c r="I17515" s="2">
        <v>1</v>
      </c>
      <c r="J17515" s="2">
        <v>0</v>
      </c>
      <c r="K17515" s="2">
        <v>0</v>
      </c>
      <c r="L17515" t="s">
        <v>120</v>
      </c>
      <c r="M17515" t="s">
        <v>87</v>
      </c>
      <c r="N17515" t="s">
        <v>88</v>
      </c>
      <c r="O17515" t="s">
        <v>85</v>
      </c>
      <c r="P17515" t="s">
        <v>86</v>
      </c>
      <c r="Q17515">
        <v>12</v>
      </c>
      <c r="R17515">
        <v>12</v>
      </c>
      <c r="S17515">
        <v>12</v>
      </c>
      <c r="T17515">
        <v>12</v>
      </c>
      <c r="U17515">
        <v>12</v>
      </c>
      <c r="V17515">
        <v>12</v>
      </c>
      <c r="W17515">
        <v>12</v>
      </c>
      <c r="X17515">
        <v>12</v>
      </c>
      <c r="Y17515">
        <v>12</v>
      </c>
      <c r="Z17515">
        <v>12</v>
      </c>
      <c r="AA17515">
        <v>12</v>
      </c>
      <c r="AB17515">
        <v>12</v>
      </c>
      <c r="AC17515">
        <v>12</v>
      </c>
      <c r="AD17515">
        <v>13</v>
      </c>
      <c r="AE17515">
        <v>13</v>
      </c>
      <c r="AF17515">
        <v>13</v>
      </c>
      <c r="AG17515">
        <v>13</v>
      </c>
      <c r="AH17515">
        <v>13</v>
      </c>
      <c r="AI17515">
        <v>13</v>
      </c>
      <c r="AJ17515">
        <v>13</v>
      </c>
      <c r="AK17515">
        <v>13</v>
      </c>
      <c r="AL17515">
        <v>13</v>
      </c>
      <c r="AM17515">
        <v>13</v>
      </c>
      <c r="AN17515">
        <v>13</v>
      </c>
      <c r="AO17515">
        <v>13</v>
      </c>
      <c r="AP17515">
        <v>13</v>
      </c>
      <c r="AQ17515">
        <v>13</v>
      </c>
    </row>
    <row r="17516" spans="1:43">
      <c r="A17516" t="s">
        <v>10854</v>
      </c>
      <c r="B17516" t="s">
        <v>10855</v>
      </c>
      <c r="C17516" t="s">
        <v>10848</v>
      </c>
      <c r="D17516" t="s">
        <v>10849</v>
      </c>
      <c r="E17516" t="s">
        <v>10732</v>
      </c>
      <c r="F17516" t="s">
        <v>10733</v>
      </c>
      <c r="G17516" t="s">
        <v>10734</v>
      </c>
      <c r="H17516" t="s">
        <v>10735</v>
      </c>
      <c r="I17516" s="2">
        <v>1</v>
      </c>
      <c r="J17516" s="2">
        <v>0</v>
      </c>
      <c r="K17516" s="2">
        <v>0</v>
      </c>
      <c r="L17516" t="s">
        <v>120</v>
      </c>
      <c r="M17516" t="s">
        <v>89</v>
      </c>
      <c r="N17516" t="s">
        <v>90</v>
      </c>
      <c r="O17516" t="s">
        <v>85</v>
      </c>
      <c r="P17516" t="s">
        <v>86</v>
      </c>
      <c r="Q17516">
        <v>12</v>
      </c>
      <c r="R17516">
        <v>12</v>
      </c>
      <c r="S17516">
        <v>13</v>
      </c>
      <c r="T17516">
        <v>13</v>
      </c>
      <c r="U17516">
        <v>13</v>
      </c>
      <c r="V17516">
        <v>13</v>
      </c>
      <c r="W17516">
        <v>14</v>
      </c>
      <c r="X17516">
        <v>14</v>
      </c>
      <c r="Y17516">
        <v>14</v>
      </c>
      <c r="Z17516">
        <v>14</v>
      </c>
      <c r="AA17516">
        <v>14</v>
      </c>
      <c r="AB17516">
        <v>15</v>
      </c>
      <c r="AC17516">
        <v>15</v>
      </c>
      <c r="AD17516">
        <v>15</v>
      </c>
      <c r="AE17516">
        <v>15</v>
      </c>
      <c r="AF17516">
        <v>15</v>
      </c>
      <c r="AG17516">
        <v>15</v>
      </c>
      <c r="AH17516">
        <v>15</v>
      </c>
      <c r="AI17516">
        <v>15</v>
      </c>
      <c r="AJ17516">
        <v>15</v>
      </c>
      <c r="AK17516">
        <v>15</v>
      </c>
      <c r="AL17516">
        <v>15</v>
      </c>
      <c r="AM17516">
        <v>15</v>
      </c>
      <c r="AN17516">
        <v>15</v>
      </c>
      <c r="AO17516">
        <v>15</v>
      </c>
      <c r="AP17516">
        <v>15</v>
      </c>
      <c r="AQ17516">
        <v>15</v>
      </c>
    </row>
    <row r="17517" spans="1:43">
      <c r="A17517" t="s">
        <v>10854</v>
      </c>
      <c r="B17517" t="s">
        <v>10855</v>
      </c>
      <c r="C17517" t="s">
        <v>10848</v>
      </c>
      <c r="D17517" t="s">
        <v>10849</v>
      </c>
      <c r="E17517" t="s">
        <v>10732</v>
      </c>
      <c r="F17517" t="s">
        <v>10733</v>
      </c>
      <c r="G17517" t="s">
        <v>10734</v>
      </c>
      <c r="H17517" t="s">
        <v>10735</v>
      </c>
      <c r="I17517" s="2">
        <v>1</v>
      </c>
      <c r="J17517" s="2">
        <v>0</v>
      </c>
      <c r="K17517" s="2">
        <v>0</v>
      </c>
      <c r="L17517" t="s">
        <v>120</v>
      </c>
      <c r="M17517" t="s">
        <v>83</v>
      </c>
      <c r="N17517" t="s">
        <v>91</v>
      </c>
      <c r="O17517" t="s">
        <v>85</v>
      </c>
      <c r="P17517" t="s">
        <v>86</v>
      </c>
      <c r="Q17517">
        <v>12</v>
      </c>
      <c r="R17517">
        <v>12</v>
      </c>
      <c r="S17517">
        <v>12</v>
      </c>
      <c r="T17517">
        <v>12</v>
      </c>
      <c r="U17517">
        <v>13</v>
      </c>
      <c r="V17517">
        <v>13</v>
      </c>
      <c r="W17517">
        <v>13</v>
      </c>
      <c r="X17517">
        <v>13</v>
      </c>
      <c r="Y17517">
        <v>13</v>
      </c>
      <c r="Z17517">
        <v>13</v>
      </c>
      <c r="AA17517">
        <v>14</v>
      </c>
      <c r="AB17517">
        <v>14</v>
      </c>
      <c r="AC17517">
        <v>14</v>
      </c>
      <c r="AD17517">
        <v>14</v>
      </c>
      <c r="AE17517">
        <v>14</v>
      </c>
      <c r="AF17517">
        <v>14</v>
      </c>
      <c r="AG17517">
        <v>14</v>
      </c>
      <c r="AH17517">
        <v>15</v>
      </c>
      <c r="AI17517">
        <v>15</v>
      </c>
      <c r="AJ17517">
        <v>15</v>
      </c>
      <c r="AK17517">
        <v>15</v>
      </c>
      <c r="AL17517">
        <v>15</v>
      </c>
      <c r="AM17517">
        <v>15</v>
      </c>
      <c r="AN17517">
        <v>15</v>
      </c>
      <c r="AO17517">
        <v>15</v>
      </c>
      <c r="AP17517">
        <v>15</v>
      </c>
      <c r="AQ17517">
        <v>15</v>
      </c>
    </row>
    <row r="17518" spans="1:43">
      <c r="A17518" t="s">
        <v>10856</v>
      </c>
      <c r="B17518" t="s">
        <v>10857</v>
      </c>
      <c r="C17518" t="s">
        <v>10848</v>
      </c>
      <c r="D17518" t="s">
        <v>10849</v>
      </c>
      <c r="E17518" t="s">
        <v>10732</v>
      </c>
      <c r="F17518" t="s">
        <v>10733</v>
      </c>
      <c r="G17518" t="s">
        <v>10734</v>
      </c>
      <c r="H17518" t="s">
        <v>10735</v>
      </c>
      <c r="I17518" s="2">
        <v>1</v>
      </c>
      <c r="J17518" s="2">
        <v>0</v>
      </c>
      <c r="K17518" s="2">
        <v>0</v>
      </c>
      <c r="L17518" t="s">
        <v>120</v>
      </c>
      <c r="M17518" t="s">
        <v>83</v>
      </c>
      <c r="N17518" t="s">
        <v>84</v>
      </c>
      <c r="O17518" t="s">
        <v>85</v>
      </c>
      <c r="P17518" t="s">
        <v>86</v>
      </c>
      <c r="Q17518">
        <v>17</v>
      </c>
      <c r="R17518">
        <v>17</v>
      </c>
      <c r="S17518">
        <v>17</v>
      </c>
      <c r="T17518">
        <v>17</v>
      </c>
      <c r="U17518">
        <v>18</v>
      </c>
      <c r="V17518">
        <v>18</v>
      </c>
      <c r="W17518">
        <v>18</v>
      </c>
      <c r="X17518">
        <v>18</v>
      </c>
      <c r="Y17518">
        <v>18</v>
      </c>
      <c r="Z17518">
        <v>19</v>
      </c>
      <c r="AA17518">
        <v>19</v>
      </c>
      <c r="AB17518">
        <v>19</v>
      </c>
      <c r="AC17518">
        <v>19</v>
      </c>
      <c r="AD17518">
        <v>19</v>
      </c>
      <c r="AE17518">
        <v>20</v>
      </c>
      <c r="AF17518">
        <v>20</v>
      </c>
      <c r="AG17518">
        <v>20</v>
      </c>
      <c r="AH17518">
        <v>20</v>
      </c>
      <c r="AI17518">
        <v>21</v>
      </c>
      <c r="AJ17518">
        <v>21</v>
      </c>
      <c r="AK17518">
        <v>21</v>
      </c>
      <c r="AL17518">
        <v>21</v>
      </c>
      <c r="AM17518">
        <v>21</v>
      </c>
      <c r="AN17518">
        <v>21</v>
      </c>
      <c r="AO17518">
        <v>21</v>
      </c>
      <c r="AP17518">
        <v>21</v>
      </c>
      <c r="AQ17518">
        <v>21</v>
      </c>
    </row>
    <row r="17519" spans="1:43">
      <c r="A17519" t="s">
        <v>10856</v>
      </c>
      <c r="B17519" t="s">
        <v>10857</v>
      </c>
      <c r="C17519" t="s">
        <v>10848</v>
      </c>
      <c r="D17519" t="s">
        <v>10849</v>
      </c>
      <c r="E17519" t="s">
        <v>10732</v>
      </c>
      <c r="F17519" t="s">
        <v>10733</v>
      </c>
      <c r="G17519" t="s">
        <v>10734</v>
      </c>
      <c r="H17519" t="s">
        <v>10735</v>
      </c>
      <c r="I17519" s="2">
        <v>1</v>
      </c>
      <c r="J17519" s="2">
        <v>0</v>
      </c>
      <c r="K17519" s="2">
        <v>0</v>
      </c>
      <c r="L17519" t="s">
        <v>120</v>
      </c>
      <c r="M17519" t="s">
        <v>87</v>
      </c>
      <c r="N17519" t="s">
        <v>88</v>
      </c>
      <c r="O17519" t="s">
        <v>85</v>
      </c>
      <c r="P17519" t="s">
        <v>86</v>
      </c>
      <c r="Q17519">
        <v>17</v>
      </c>
      <c r="R17519">
        <v>17</v>
      </c>
      <c r="S17519">
        <v>17</v>
      </c>
      <c r="T17519">
        <v>17</v>
      </c>
      <c r="U17519">
        <v>17</v>
      </c>
      <c r="V17519">
        <v>17</v>
      </c>
      <c r="W17519">
        <v>17</v>
      </c>
      <c r="X17519">
        <v>17</v>
      </c>
      <c r="Y17519">
        <v>17</v>
      </c>
      <c r="Z17519">
        <v>17</v>
      </c>
      <c r="AA17519">
        <v>17</v>
      </c>
      <c r="AB17519">
        <v>17</v>
      </c>
      <c r="AC17519">
        <v>17</v>
      </c>
      <c r="AD17519">
        <v>17</v>
      </c>
      <c r="AE17519">
        <v>18</v>
      </c>
      <c r="AF17519">
        <v>18</v>
      </c>
      <c r="AG17519">
        <v>18</v>
      </c>
      <c r="AH17519">
        <v>18</v>
      </c>
      <c r="AI17519">
        <v>18</v>
      </c>
      <c r="AJ17519">
        <v>18</v>
      </c>
      <c r="AK17519">
        <v>18</v>
      </c>
      <c r="AL17519">
        <v>18</v>
      </c>
      <c r="AM17519">
        <v>18</v>
      </c>
      <c r="AN17519">
        <v>18</v>
      </c>
      <c r="AO17519">
        <v>18</v>
      </c>
      <c r="AP17519">
        <v>18</v>
      </c>
      <c r="AQ17519">
        <v>18</v>
      </c>
    </row>
    <row r="17520" spans="1:43">
      <c r="A17520" t="s">
        <v>10856</v>
      </c>
      <c r="B17520" t="s">
        <v>10857</v>
      </c>
      <c r="C17520" t="s">
        <v>10848</v>
      </c>
      <c r="D17520" t="s">
        <v>10849</v>
      </c>
      <c r="E17520" t="s">
        <v>10732</v>
      </c>
      <c r="F17520" t="s">
        <v>10733</v>
      </c>
      <c r="G17520" t="s">
        <v>10734</v>
      </c>
      <c r="H17520" t="s">
        <v>10735</v>
      </c>
      <c r="I17520" s="2">
        <v>1</v>
      </c>
      <c r="J17520" s="2">
        <v>0</v>
      </c>
      <c r="K17520" s="2">
        <v>0</v>
      </c>
      <c r="L17520" t="s">
        <v>120</v>
      </c>
      <c r="M17520" t="s">
        <v>89</v>
      </c>
      <c r="N17520" t="s">
        <v>90</v>
      </c>
      <c r="O17520" t="s">
        <v>85</v>
      </c>
      <c r="P17520" t="s">
        <v>86</v>
      </c>
      <c r="Q17520">
        <v>17</v>
      </c>
      <c r="R17520">
        <v>17</v>
      </c>
      <c r="S17520">
        <v>18</v>
      </c>
      <c r="T17520">
        <v>18</v>
      </c>
      <c r="U17520">
        <v>18</v>
      </c>
      <c r="V17520">
        <v>19</v>
      </c>
      <c r="W17520">
        <v>19</v>
      </c>
      <c r="X17520">
        <v>19</v>
      </c>
      <c r="Y17520">
        <v>19</v>
      </c>
      <c r="Z17520">
        <v>20</v>
      </c>
      <c r="AA17520">
        <v>20</v>
      </c>
      <c r="AB17520">
        <v>20</v>
      </c>
      <c r="AC17520">
        <v>21</v>
      </c>
      <c r="AD17520">
        <v>21</v>
      </c>
      <c r="AE17520">
        <v>21</v>
      </c>
      <c r="AF17520">
        <v>21</v>
      </c>
      <c r="AG17520">
        <v>21</v>
      </c>
      <c r="AH17520">
        <v>21</v>
      </c>
      <c r="AI17520">
        <v>21</v>
      </c>
      <c r="AJ17520">
        <v>21</v>
      </c>
      <c r="AK17520">
        <v>21</v>
      </c>
      <c r="AL17520">
        <v>21</v>
      </c>
      <c r="AM17520">
        <v>21</v>
      </c>
      <c r="AN17520">
        <v>21</v>
      </c>
      <c r="AO17520">
        <v>21</v>
      </c>
      <c r="AP17520">
        <v>21</v>
      </c>
      <c r="AQ17520">
        <v>21</v>
      </c>
    </row>
    <row r="17521" spans="1:43">
      <c r="A17521" t="s">
        <v>10856</v>
      </c>
      <c r="B17521" t="s">
        <v>10857</v>
      </c>
      <c r="C17521" t="s">
        <v>10848</v>
      </c>
      <c r="D17521" t="s">
        <v>10849</v>
      </c>
      <c r="E17521" t="s">
        <v>10732</v>
      </c>
      <c r="F17521" t="s">
        <v>10733</v>
      </c>
      <c r="G17521" t="s">
        <v>10734</v>
      </c>
      <c r="H17521" t="s">
        <v>10735</v>
      </c>
      <c r="I17521" s="2">
        <v>1</v>
      </c>
      <c r="J17521" s="2">
        <v>0</v>
      </c>
      <c r="K17521" s="2">
        <v>0</v>
      </c>
      <c r="L17521" t="s">
        <v>120</v>
      </c>
      <c r="M17521" t="s">
        <v>83</v>
      </c>
      <c r="N17521" t="s">
        <v>91</v>
      </c>
      <c r="O17521" t="s">
        <v>85</v>
      </c>
      <c r="P17521" t="s">
        <v>86</v>
      </c>
      <c r="Q17521">
        <v>17</v>
      </c>
      <c r="R17521">
        <v>17</v>
      </c>
      <c r="S17521">
        <v>17</v>
      </c>
      <c r="T17521">
        <v>17</v>
      </c>
      <c r="U17521">
        <v>18</v>
      </c>
      <c r="V17521">
        <v>18</v>
      </c>
      <c r="W17521">
        <v>18</v>
      </c>
      <c r="X17521">
        <v>18</v>
      </c>
      <c r="Y17521">
        <v>18</v>
      </c>
      <c r="Z17521">
        <v>19</v>
      </c>
      <c r="AA17521">
        <v>19</v>
      </c>
      <c r="AB17521">
        <v>19</v>
      </c>
      <c r="AC17521">
        <v>19</v>
      </c>
      <c r="AD17521">
        <v>19</v>
      </c>
      <c r="AE17521">
        <v>20</v>
      </c>
      <c r="AF17521">
        <v>20</v>
      </c>
      <c r="AG17521">
        <v>20</v>
      </c>
      <c r="AH17521">
        <v>20</v>
      </c>
      <c r="AI17521">
        <v>21</v>
      </c>
      <c r="AJ17521">
        <v>21</v>
      </c>
      <c r="AK17521">
        <v>21</v>
      </c>
      <c r="AL17521">
        <v>21</v>
      </c>
      <c r="AM17521">
        <v>21</v>
      </c>
      <c r="AN17521">
        <v>21</v>
      </c>
      <c r="AO17521">
        <v>21</v>
      </c>
      <c r="AP17521">
        <v>21</v>
      </c>
      <c r="AQ17521">
        <v>21</v>
      </c>
    </row>
    <row r="17522" spans="1:43">
      <c r="A17522" t="s">
        <v>10858</v>
      </c>
      <c r="B17522" t="s">
        <v>10859</v>
      </c>
      <c r="C17522" t="s">
        <v>10848</v>
      </c>
      <c r="D17522" t="s">
        <v>10849</v>
      </c>
      <c r="E17522" t="s">
        <v>10732</v>
      </c>
      <c r="F17522" t="s">
        <v>10733</v>
      </c>
      <c r="G17522" t="s">
        <v>10734</v>
      </c>
      <c r="H17522" t="s">
        <v>10735</v>
      </c>
      <c r="I17522" s="2">
        <v>1</v>
      </c>
      <c r="J17522" s="2">
        <v>0</v>
      </c>
      <c r="K17522" s="2">
        <v>0</v>
      </c>
      <c r="L17522" t="s">
        <v>120</v>
      </c>
      <c r="M17522" t="s">
        <v>83</v>
      </c>
      <c r="N17522" t="s">
        <v>84</v>
      </c>
      <c r="O17522" t="s">
        <v>85</v>
      </c>
      <c r="P17522" t="s">
        <v>86</v>
      </c>
      <c r="Q17522">
        <v>18</v>
      </c>
      <c r="R17522">
        <v>18</v>
      </c>
      <c r="S17522">
        <v>19</v>
      </c>
      <c r="T17522">
        <v>19</v>
      </c>
      <c r="U17522">
        <v>19</v>
      </c>
      <c r="V17522">
        <v>19</v>
      </c>
      <c r="W17522">
        <v>20</v>
      </c>
      <c r="X17522">
        <v>20</v>
      </c>
      <c r="Y17522">
        <v>20</v>
      </c>
      <c r="Z17522">
        <v>20</v>
      </c>
      <c r="AA17522">
        <v>21</v>
      </c>
      <c r="AB17522">
        <v>21</v>
      </c>
      <c r="AC17522">
        <v>21</v>
      </c>
      <c r="AD17522">
        <v>21</v>
      </c>
      <c r="AE17522">
        <v>21</v>
      </c>
      <c r="AF17522">
        <v>22</v>
      </c>
      <c r="AG17522">
        <v>22</v>
      </c>
      <c r="AH17522">
        <v>22</v>
      </c>
      <c r="AI17522">
        <v>22</v>
      </c>
      <c r="AJ17522">
        <v>23</v>
      </c>
      <c r="AK17522">
        <v>23</v>
      </c>
      <c r="AL17522">
        <v>23</v>
      </c>
      <c r="AM17522">
        <v>23</v>
      </c>
      <c r="AN17522">
        <v>23</v>
      </c>
      <c r="AO17522">
        <v>23</v>
      </c>
      <c r="AP17522">
        <v>23</v>
      </c>
      <c r="AQ17522">
        <v>23</v>
      </c>
    </row>
    <row r="17523" spans="1:43">
      <c r="A17523" t="s">
        <v>10858</v>
      </c>
      <c r="B17523" t="s">
        <v>10859</v>
      </c>
      <c r="C17523" t="s">
        <v>10848</v>
      </c>
      <c r="D17523" t="s">
        <v>10849</v>
      </c>
      <c r="E17523" t="s">
        <v>10732</v>
      </c>
      <c r="F17523" t="s">
        <v>10733</v>
      </c>
      <c r="G17523" t="s">
        <v>10734</v>
      </c>
      <c r="H17523" t="s">
        <v>10735</v>
      </c>
      <c r="I17523" s="2">
        <v>1</v>
      </c>
      <c r="J17523" s="2">
        <v>0</v>
      </c>
      <c r="K17523" s="2">
        <v>0</v>
      </c>
      <c r="L17523" t="s">
        <v>120</v>
      </c>
      <c r="M17523" t="s">
        <v>87</v>
      </c>
      <c r="N17523" t="s">
        <v>88</v>
      </c>
      <c r="O17523" t="s">
        <v>85</v>
      </c>
      <c r="P17523" t="s">
        <v>86</v>
      </c>
      <c r="Q17523">
        <v>18</v>
      </c>
      <c r="R17523">
        <v>18</v>
      </c>
      <c r="S17523">
        <v>18</v>
      </c>
      <c r="T17523">
        <v>18</v>
      </c>
      <c r="U17523">
        <v>18</v>
      </c>
      <c r="V17523">
        <v>18</v>
      </c>
      <c r="W17523">
        <v>18</v>
      </c>
      <c r="X17523">
        <v>19</v>
      </c>
      <c r="Y17523">
        <v>19</v>
      </c>
      <c r="Z17523">
        <v>19</v>
      </c>
      <c r="AA17523">
        <v>19</v>
      </c>
      <c r="AB17523">
        <v>19</v>
      </c>
      <c r="AC17523">
        <v>19</v>
      </c>
      <c r="AD17523">
        <v>19</v>
      </c>
      <c r="AE17523">
        <v>19</v>
      </c>
      <c r="AF17523">
        <v>19</v>
      </c>
      <c r="AG17523">
        <v>19</v>
      </c>
      <c r="AH17523">
        <v>19</v>
      </c>
      <c r="AI17523">
        <v>19</v>
      </c>
      <c r="AJ17523">
        <v>19</v>
      </c>
      <c r="AK17523">
        <v>20</v>
      </c>
      <c r="AL17523">
        <v>20</v>
      </c>
      <c r="AM17523">
        <v>20</v>
      </c>
      <c r="AN17523">
        <v>20</v>
      </c>
      <c r="AO17523">
        <v>20</v>
      </c>
      <c r="AP17523">
        <v>20</v>
      </c>
      <c r="AQ17523">
        <v>20</v>
      </c>
    </row>
    <row r="17524" spans="1:43">
      <c r="A17524" t="s">
        <v>10858</v>
      </c>
      <c r="B17524" t="s">
        <v>10859</v>
      </c>
      <c r="C17524" t="s">
        <v>10848</v>
      </c>
      <c r="D17524" t="s">
        <v>10849</v>
      </c>
      <c r="E17524" t="s">
        <v>10732</v>
      </c>
      <c r="F17524" t="s">
        <v>10733</v>
      </c>
      <c r="G17524" t="s">
        <v>10734</v>
      </c>
      <c r="H17524" t="s">
        <v>10735</v>
      </c>
      <c r="I17524" s="2">
        <v>1</v>
      </c>
      <c r="J17524" s="2">
        <v>0</v>
      </c>
      <c r="K17524" s="2">
        <v>0</v>
      </c>
      <c r="L17524" t="s">
        <v>120</v>
      </c>
      <c r="M17524" t="s">
        <v>89</v>
      </c>
      <c r="N17524" t="s">
        <v>90</v>
      </c>
      <c r="O17524" t="s">
        <v>85</v>
      </c>
      <c r="P17524" t="s">
        <v>86</v>
      </c>
      <c r="Q17524">
        <v>18</v>
      </c>
      <c r="R17524">
        <v>19</v>
      </c>
      <c r="S17524">
        <v>19</v>
      </c>
      <c r="T17524">
        <v>20</v>
      </c>
      <c r="U17524">
        <v>20</v>
      </c>
      <c r="V17524">
        <v>20</v>
      </c>
      <c r="W17524">
        <v>21</v>
      </c>
      <c r="X17524">
        <v>21</v>
      </c>
      <c r="Y17524">
        <v>21</v>
      </c>
      <c r="Z17524">
        <v>22</v>
      </c>
      <c r="AA17524">
        <v>22</v>
      </c>
      <c r="AB17524">
        <v>22</v>
      </c>
      <c r="AC17524">
        <v>22</v>
      </c>
      <c r="AD17524">
        <v>23</v>
      </c>
      <c r="AE17524">
        <v>23</v>
      </c>
      <c r="AF17524">
        <v>23</v>
      </c>
      <c r="AG17524">
        <v>23</v>
      </c>
      <c r="AH17524">
        <v>23</v>
      </c>
      <c r="AI17524">
        <v>23</v>
      </c>
      <c r="AJ17524">
        <v>23</v>
      </c>
      <c r="AK17524">
        <v>23</v>
      </c>
      <c r="AL17524">
        <v>23</v>
      </c>
      <c r="AM17524">
        <v>23</v>
      </c>
      <c r="AN17524">
        <v>23</v>
      </c>
      <c r="AO17524">
        <v>23</v>
      </c>
      <c r="AP17524">
        <v>23</v>
      </c>
      <c r="AQ17524">
        <v>23</v>
      </c>
    </row>
    <row r="17525" spans="1:43">
      <c r="A17525" t="s">
        <v>10858</v>
      </c>
      <c r="B17525" t="s">
        <v>10859</v>
      </c>
      <c r="C17525" t="s">
        <v>10848</v>
      </c>
      <c r="D17525" t="s">
        <v>10849</v>
      </c>
      <c r="E17525" t="s">
        <v>10732</v>
      </c>
      <c r="F17525" t="s">
        <v>10733</v>
      </c>
      <c r="G17525" t="s">
        <v>10734</v>
      </c>
      <c r="H17525" t="s">
        <v>10735</v>
      </c>
      <c r="I17525" s="2">
        <v>1</v>
      </c>
      <c r="J17525" s="2">
        <v>0</v>
      </c>
      <c r="K17525" s="2">
        <v>0</v>
      </c>
      <c r="L17525" t="s">
        <v>120</v>
      </c>
      <c r="M17525" t="s">
        <v>83</v>
      </c>
      <c r="N17525" t="s">
        <v>91</v>
      </c>
      <c r="O17525" t="s">
        <v>85</v>
      </c>
      <c r="P17525" t="s">
        <v>86</v>
      </c>
      <c r="Q17525">
        <v>18</v>
      </c>
      <c r="R17525">
        <v>18</v>
      </c>
      <c r="S17525">
        <v>19</v>
      </c>
      <c r="T17525">
        <v>19</v>
      </c>
      <c r="U17525">
        <v>19</v>
      </c>
      <c r="V17525">
        <v>19</v>
      </c>
      <c r="W17525">
        <v>20</v>
      </c>
      <c r="X17525">
        <v>20</v>
      </c>
      <c r="Y17525">
        <v>20</v>
      </c>
      <c r="Z17525">
        <v>20</v>
      </c>
      <c r="AA17525">
        <v>21</v>
      </c>
      <c r="AB17525">
        <v>21</v>
      </c>
      <c r="AC17525">
        <v>21</v>
      </c>
      <c r="AD17525">
        <v>21</v>
      </c>
      <c r="AE17525">
        <v>21</v>
      </c>
      <c r="AF17525">
        <v>22</v>
      </c>
      <c r="AG17525">
        <v>22</v>
      </c>
      <c r="AH17525">
        <v>22</v>
      </c>
      <c r="AI17525">
        <v>22</v>
      </c>
      <c r="AJ17525">
        <v>23</v>
      </c>
      <c r="AK17525">
        <v>23</v>
      </c>
      <c r="AL17525">
        <v>23</v>
      </c>
      <c r="AM17525">
        <v>23</v>
      </c>
      <c r="AN17525">
        <v>23</v>
      </c>
      <c r="AO17525">
        <v>23</v>
      </c>
      <c r="AP17525">
        <v>23</v>
      </c>
      <c r="AQ17525">
        <v>23</v>
      </c>
    </row>
    <row r="17526" spans="1:43">
      <c r="A17526" t="s">
        <v>10860</v>
      </c>
      <c r="B17526" t="s">
        <v>10861</v>
      </c>
      <c r="C17526" t="s">
        <v>10862</v>
      </c>
      <c r="D17526" t="s">
        <v>10863</v>
      </c>
      <c r="E17526" t="s">
        <v>10732</v>
      </c>
      <c r="F17526" t="s">
        <v>10733</v>
      </c>
      <c r="G17526" t="s">
        <v>10734</v>
      </c>
      <c r="H17526" t="s">
        <v>10735</v>
      </c>
      <c r="I17526" s="2">
        <v>1</v>
      </c>
      <c r="J17526" s="2">
        <v>0</v>
      </c>
      <c r="K17526" s="2">
        <v>0</v>
      </c>
      <c r="L17526" t="s">
        <v>120</v>
      </c>
      <c r="M17526" t="s">
        <v>83</v>
      </c>
      <c r="N17526" t="s">
        <v>84</v>
      </c>
      <c r="O17526" t="s">
        <v>85</v>
      </c>
      <c r="P17526" t="s">
        <v>86</v>
      </c>
      <c r="Q17526">
        <v>10</v>
      </c>
      <c r="R17526">
        <v>10</v>
      </c>
      <c r="S17526">
        <v>10</v>
      </c>
      <c r="T17526">
        <v>10</v>
      </c>
      <c r="U17526">
        <v>10</v>
      </c>
      <c r="V17526">
        <v>10</v>
      </c>
      <c r="W17526">
        <v>10</v>
      </c>
      <c r="X17526">
        <v>10</v>
      </c>
      <c r="Y17526">
        <v>11</v>
      </c>
      <c r="Z17526">
        <v>11</v>
      </c>
      <c r="AA17526">
        <v>11</v>
      </c>
      <c r="AB17526">
        <v>11</v>
      </c>
      <c r="AC17526">
        <v>11</v>
      </c>
      <c r="AD17526">
        <v>11</v>
      </c>
      <c r="AE17526">
        <v>11</v>
      </c>
      <c r="AF17526">
        <v>11</v>
      </c>
      <c r="AG17526">
        <v>11</v>
      </c>
      <c r="AH17526">
        <v>12</v>
      </c>
      <c r="AI17526">
        <v>12</v>
      </c>
      <c r="AJ17526">
        <v>12</v>
      </c>
      <c r="AK17526">
        <v>12</v>
      </c>
      <c r="AL17526">
        <v>12</v>
      </c>
      <c r="AM17526">
        <v>12</v>
      </c>
      <c r="AN17526">
        <v>12</v>
      </c>
      <c r="AO17526">
        <v>12</v>
      </c>
      <c r="AP17526">
        <v>12</v>
      </c>
      <c r="AQ17526">
        <v>12</v>
      </c>
    </row>
    <row r="17527" spans="1:43">
      <c r="A17527" t="s">
        <v>10860</v>
      </c>
      <c r="B17527" t="s">
        <v>10861</v>
      </c>
      <c r="C17527" t="s">
        <v>10862</v>
      </c>
      <c r="D17527" t="s">
        <v>10863</v>
      </c>
      <c r="E17527" t="s">
        <v>10732</v>
      </c>
      <c r="F17527" t="s">
        <v>10733</v>
      </c>
      <c r="G17527" t="s">
        <v>10734</v>
      </c>
      <c r="H17527" t="s">
        <v>10735</v>
      </c>
      <c r="I17527" s="2">
        <v>1</v>
      </c>
      <c r="J17527" s="2">
        <v>0</v>
      </c>
      <c r="K17527" s="2">
        <v>0</v>
      </c>
      <c r="L17527" t="s">
        <v>120</v>
      </c>
      <c r="M17527" t="s">
        <v>87</v>
      </c>
      <c r="N17527" t="s">
        <v>88</v>
      </c>
      <c r="O17527" t="s">
        <v>85</v>
      </c>
      <c r="P17527" t="s">
        <v>86</v>
      </c>
      <c r="Q17527">
        <v>10</v>
      </c>
      <c r="R17527">
        <v>10</v>
      </c>
      <c r="S17527">
        <v>10</v>
      </c>
      <c r="T17527">
        <v>11</v>
      </c>
      <c r="U17527">
        <v>11</v>
      </c>
      <c r="V17527">
        <v>11</v>
      </c>
      <c r="W17527">
        <v>11</v>
      </c>
      <c r="X17527">
        <v>11</v>
      </c>
      <c r="Y17527">
        <v>11</v>
      </c>
      <c r="Z17527">
        <v>11</v>
      </c>
      <c r="AA17527">
        <v>11</v>
      </c>
      <c r="AB17527">
        <v>11</v>
      </c>
      <c r="AC17527">
        <v>11</v>
      </c>
      <c r="AD17527">
        <v>11</v>
      </c>
      <c r="AE17527">
        <v>11</v>
      </c>
      <c r="AF17527">
        <v>11</v>
      </c>
      <c r="AG17527">
        <v>11</v>
      </c>
      <c r="AH17527">
        <v>11</v>
      </c>
      <c r="AI17527">
        <v>11</v>
      </c>
      <c r="AJ17527">
        <v>11</v>
      </c>
      <c r="AK17527">
        <v>11</v>
      </c>
      <c r="AL17527">
        <v>11</v>
      </c>
      <c r="AM17527">
        <v>11</v>
      </c>
      <c r="AN17527">
        <v>11</v>
      </c>
      <c r="AO17527">
        <v>11</v>
      </c>
      <c r="AP17527">
        <v>11</v>
      </c>
      <c r="AQ17527">
        <v>11</v>
      </c>
    </row>
    <row r="17528" spans="1:43">
      <c r="A17528" t="s">
        <v>10860</v>
      </c>
      <c r="B17528" t="s">
        <v>10861</v>
      </c>
      <c r="C17528" t="s">
        <v>10862</v>
      </c>
      <c r="D17528" t="s">
        <v>10863</v>
      </c>
      <c r="E17528" t="s">
        <v>10732</v>
      </c>
      <c r="F17528" t="s">
        <v>10733</v>
      </c>
      <c r="G17528" t="s">
        <v>10734</v>
      </c>
      <c r="H17528" t="s">
        <v>10735</v>
      </c>
      <c r="I17528" s="2">
        <v>1</v>
      </c>
      <c r="J17528" s="2">
        <v>0</v>
      </c>
      <c r="K17528" s="2">
        <v>0</v>
      </c>
      <c r="L17528" t="s">
        <v>120</v>
      </c>
      <c r="M17528" t="s">
        <v>89</v>
      </c>
      <c r="N17528" t="s">
        <v>90</v>
      </c>
      <c r="O17528" t="s">
        <v>85</v>
      </c>
      <c r="P17528" t="s">
        <v>86</v>
      </c>
      <c r="Q17528">
        <v>10</v>
      </c>
      <c r="R17528">
        <v>10</v>
      </c>
      <c r="S17528">
        <v>10</v>
      </c>
      <c r="T17528">
        <v>10</v>
      </c>
      <c r="U17528">
        <v>10</v>
      </c>
      <c r="V17528">
        <v>11</v>
      </c>
      <c r="W17528">
        <v>11</v>
      </c>
      <c r="X17528">
        <v>11</v>
      </c>
      <c r="Y17528">
        <v>11</v>
      </c>
      <c r="Z17528">
        <v>11</v>
      </c>
      <c r="AA17528">
        <v>11</v>
      </c>
      <c r="AB17528">
        <v>12</v>
      </c>
      <c r="AC17528">
        <v>12</v>
      </c>
      <c r="AD17528">
        <v>12</v>
      </c>
      <c r="AE17528">
        <v>12</v>
      </c>
      <c r="AF17528">
        <v>12</v>
      </c>
      <c r="AG17528">
        <v>12</v>
      </c>
      <c r="AH17528">
        <v>12</v>
      </c>
      <c r="AI17528">
        <v>12</v>
      </c>
      <c r="AJ17528">
        <v>12</v>
      </c>
      <c r="AK17528">
        <v>12</v>
      </c>
      <c r="AL17528">
        <v>12</v>
      </c>
      <c r="AM17528">
        <v>12</v>
      </c>
      <c r="AN17528">
        <v>12</v>
      </c>
      <c r="AO17528">
        <v>12</v>
      </c>
      <c r="AP17528">
        <v>12</v>
      </c>
      <c r="AQ17528">
        <v>12</v>
      </c>
    </row>
    <row r="17529" spans="1:43">
      <c r="A17529" t="s">
        <v>10860</v>
      </c>
      <c r="B17529" t="s">
        <v>10861</v>
      </c>
      <c r="C17529" t="s">
        <v>10862</v>
      </c>
      <c r="D17529" t="s">
        <v>10863</v>
      </c>
      <c r="E17529" t="s">
        <v>10732</v>
      </c>
      <c r="F17529" t="s">
        <v>10733</v>
      </c>
      <c r="G17529" t="s">
        <v>10734</v>
      </c>
      <c r="H17529" t="s">
        <v>10735</v>
      </c>
      <c r="I17529" s="2">
        <v>1</v>
      </c>
      <c r="J17529" s="2">
        <v>0</v>
      </c>
      <c r="K17529" s="2">
        <v>0</v>
      </c>
      <c r="L17529" t="s">
        <v>120</v>
      </c>
      <c r="M17529" t="s">
        <v>83</v>
      </c>
      <c r="N17529" t="s">
        <v>91</v>
      </c>
      <c r="O17529" t="s">
        <v>85</v>
      </c>
      <c r="P17529" t="s">
        <v>86</v>
      </c>
      <c r="Q17529">
        <v>10</v>
      </c>
      <c r="R17529">
        <v>10</v>
      </c>
      <c r="S17529">
        <v>10</v>
      </c>
      <c r="T17529">
        <v>10</v>
      </c>
      <c r="U17529">
        <v>10</v>
      </c>
      <c r="V17529">
        <v>10</v>
      </c>
      <c r="W17529">
        <v>10</v>
      </c>
      <c r="X17529">
        <v>10</v>
      </c>
      <c r="Y17529">
        <v>11</v>
      </c>
      <c r="Z17529">
        <v>11</v>
      </c>
      <c r="AA17529">
        <v>11</v>
      </c>
      <c r="AB17529">
        <v>11</v>
      </c>
      <c r="AC17529">
        <v>11</v>
      </c>
      <c r="AD17529">
        <v>11</v>
      </c>
      <c r="AE17529">
        <v>11</v>
      </c>
      <c r="AF17529">
        <v>11</v>
      </c>
      <c r="AG17529">
        <v>11</v>
      </c>
      <c r="AH17529">
        <v>12</v>
      </c>
      <c r="AI17529">
        <v>12</v>
      </c>
      <c r="AJ17529">
        <v>12</v>
      </c>
      <c r="AK17529">
        <v>12</v>
      </c>
      <c r="AL17529">
        <v>12</v>
      </c>
      <c r="AM17529">
        <v>12</v>
      </c>
      <c r="AN17529">
        <v>12</v>
      </c>
      <c r="AO17529">
        <v>12</v>
      </c>
      <c r="AP17529">
        <v>12</v>
      </c>
      <c r="AQ17529">
        <v>12</v>
      </c>
    </row>
    <row r="17530" spans="1:43">
      <c r="A17530" t="s">
        <v>10864</v>
      </c>
      <c r="B17530" t="s">
        <v>10865</v>
      </c>
      <c r="C17530" t="s">
        <v>10862</v>
      </c>
      <c r="D17530" t="s">
        <v>10863</v>
      </c>
      <c r="E17530" t="s">
        <v>10732</v>
      </c>
      <c r="F17530" t="s">
        <v>10733</v>
      </c>
      <c r="G17530" t="s">
        <v>10734</v>
      </c>
      <c r="H17530" t="s">
        <v>10735</v>
      </c>
      <c r="I17530" s="2">
        <v>1</v>
      </c>
      <c r="J17530" s="2">
        <v>0</v>
      </c>
      <c r="K17530" s="2">
        <v>0</v>
      </c>
      <c r="L17530" t="s">
        <v>120</v>
      </c>
      <c r="M17530" t="s">
        <v>83</v>
      </c>
      <c r="N17530" t="s">
        <v>84</v>
      </c>
      <c r="O17530" t="s">
        <v>85</v>
      </c>
      <c r="P17530" t="s">
        <v>86</v>
      </c>
      <c r="Q17530">
        <v>0</v>
      </c>
      <c r="R17530">
        <v>0</v>
      </c>
      <c r="S17530">
        <v>0</v>
      </c>
      <c r="T17530">
        <v>0</v>
      </c>
      <c r="U17530">
        <v>0</v>
      </c>
      <c r="V17530">
        <v>0</v>
      </c>
      <c r="W17530">
        <v>0</v>
      </c>
      <c r="X17530">
        <v>0</v>
      </c>
      <c r="Y17530">
        <v>0</v>
      </c>
      <c r="Z17530">
        <v>0</v>
      </c>
      <c r="AA17530">
        <v>0</v>
      </c>
      <c r="AB17530">
        <v>0</v>
      </c>
      <c r="AC17530">
        <v>0</v>
      </c>
      <c r="AD17530">
        <v>0</v>
      </c>
      <c r="AE17530">
        <v>0</v>
      </c>
      <c r="AF17530">
        <v>0</v>
      </c>
      <c r="AG17530">
        <v>0</v>
      </c>
      <c r="AH17530">
        <v>0</v>
      </c>
      <c r="AI17530">
        <v>0</v>
      </c>
      <c r="AJ17530">
        <v>0</v>
      </c>
      <c r="AK17530">
        <v>0</v>
      </c>
      <c r="AL17530">
        <v>0</v>
      </c>
      <c r="AM17530">
        <v>0</v>
      </c>
      <c r="AN17530">
        <v>0</v>
      </c>
      <c r="AO17530">
        <v>0</v>
      </c>
      <c r="AP17530">
        <v>0</v>
      </c>
      <c r="AQ17530">
        <v>0</v>
      </c>
    </row>
    <row r="17531" spans="1:43">
      <c r="A17531" t="s">
        <v>10864</v>
      </c>
      <c r="B17531" t="s">
        <v>10865</v>
      </c>
      <c r="C17531" t="s">
        <v>10862</v>
      </c>
      <c r="D17531" t="s">
        <v>10863</v>
      </c>
      <c r="E17531" t="s">
        <v>10732</v>
      </c>
      <c r="F17531" t="s">
        <v>10733</v>
      </c>
      <c r="G17531" t="s">
        <v>10734</v>
      </c>
      <c r="H17531" t="s">
        <v>10735</v>
      </c>
      <c r="I17531" s="2">
        <v>1</v>
      </c>
      <c r="J17531" s="2">
        <v>0</v>
      </c>
      <c r="K17531" s="2">
        <v>0</v>
      </c>
      <c r="L17531" t="s">
        <v>120</v>
      </c>
      <c r="M17531" t="s">
        <v>87</v>
      </c>
      <c r="N17531" t="s">
        <v>88</v>
      </c>
      <c r="O17531" t="s">
        <v>85</v>
      </c>
      <c r="P17531" t="s">
        <v>86</v>
      </c>
      <c r="Q17531">
        <v>0</v>
      </c>
      <c r="R17531">
        <v>0</v>
      </c>
      <c r="S17531">
        <v>0</v>
      </c>
      <c r="T17531">
        <v>0</v>
      </c>
      <c r="U17531">
        <v>0</v>
      </c>
      <c r="V17531">
        <v>0</v>
      </c>
      <c r="W17531">
        <v>0</v>
      </c>
      <c r="X17531">
        <v>0</v>
      </c>
      <c r="Y17531">
        <v>0</v>
      </c>
      <c r="Z17531">
        <v>0</v>
      </c>
      <c r="AA17531">
        <v>0</v>
      </c>
      <c r="AB17531">
        <v>0</v>
      </c>
      <c r="AC17531">
        <v>0</v>
      </c>
      <c r="AD17531">
        <v>0</v>
      </c>
      <c r="AE17531">
        <v>0</v>
      </c>
      <c r="AF17531">
        <v>0</v>
      </c>
      <c r="AG17531">
        <v>0</v>
      </c>
      <c r="AH17531">
        <v>0</v>
      </c>
      <c r="AI17531">
        <v>0</v>
      </c>
      <c r="AJ17531">
        <v>0</v>
      </c>
      <c r="AK17531">
        <v>0</v>
      </c>
      <c r="AL17531">
        <v>0</v>
      </c>
      <c r="AM17531">
        <v>0</v>
      </c>
      <c r="AN17531">
        <v>0</v>
      </c>
      <c r="AO17531">
        <v>0</v>
      </c>
      <c r="AP17531">
        <v>0</v>
      </c>
      <c r="AQ17531">
        <v>0</v>
      </c>
    </row>
    <row r="17532" spans="1:43">
      <c r="A17532" t="s">
        <v>10864</v>
      </c>
      <c r="B17532" t="s">
        <v>10865</v>
      </c>
      <c r="C17532" t="s">
        <v>10862</v>
      </c>
      <c r="D17532" t="s">
        <v>10863</v>
      </c>
      <c r="E17532" t="s">
        <v>10732</v>
      </c>
      <c r="F17532" t="s">
        <v>10733</v>
      </c>
      <c r="G17532" t="s">
        <v>10734</v>
      </c>
      <c r="H17532" t="s">
        <v>10735</v>
      </c>
      <c r="I17532" s="2">
        <v>1</v>
      </c>
      <c r="J17532" s="2">
        <v>0</v>
      </c>
      <c r="K17532" s="2">
        <v>0</v>
      </c>
      <c r="L17532" t="s">
        <v>120</v>
      </c>
      <c r="M17532" t="s">
        <v>89</v>
      </c>
      <c r="N17532" t="s">
        <v>90</v>
      </c>
      <c r="O17532" t="s">
        <v>85</v>
      </c>
      <c r="P17532" t="s">
        <v>86</v>
      </c>
      <c r="Q17532">
        <v>0</v>
      </c>
      <c r="R17532">
        <v>0</v>
      </c>
      <c r="S17532">
        <v>0</v>
      </c>
      <c r="T17532">
        <v>0</v>
      </c>
      <c r="U17532">
        <v>0</v>
      </c>
      <c r="V17532">
        <v>0</v>
      </c>
      <c r="W17532">
        <v>0</v>
      </c>
      <c r="X17532">
        <v>0</v>
      </c>
      <c r="Y17532">
        <v>0</v>
      </c>
      <c r="Z17532">
        <v>0</v>
      </c>
      <c r="AA17532">
        <v>0</v>
      </c>
      <c r="AB17532">
        <v>0</v>
      </c>
      <c r="AC17532">
        <v>0</v>
      </c>
      <c r="AD17532">
        <v>0</v>
      </c>
      <c r="AE17532">
        <v>0</v>
      </c>
      <c r="AF17532">
        <v>0</v>
      </c>
      <c r="AG17532">
        <v>0</v>
      </c>
      <c r="AH17532">
        <v>0</v>
      </c>
      <c r="AI17532">
        <v>0</v>
      </c>
      <c r="AJ17532">
        <v>0</v>
      </c>
      <c r="AK17532">
        <v>0</v>
      </c>
      <c r="AL17532">
        <v>0</v>
      </c>
      <c r="AM17532">
        <v>0</v>
      </c>
      <c r="AN17532">
        <v>0</v>
      </c>
      <c r="AO17532">
        <v>0</v>
      </c>
      <c r="AP17532">
        <v>0</v>
      </c>
      <c r="AQ17532">
        <v>0</v>
      </c>
    </row>
    <row r="17533" spans="1:43">
      <c r="A17533" t="s">
        <v>10864</v>
      </c>
      <c r="B17533" t="s">
        <v>10865</v>
      </c>
      <c r="C17533" t="s">
        <v>10862</v>
      </c>
      <c r="D17533" t="s">
        <v>10863</v>
      </c>
      <c r="E17533" t="s">
        <v>10732</v>
      </c>
      <c r="F17533" t="s">
        <v>10733</v>
      </c>
      <c r="G17533" t="s">
        <v>10734</v>
      </c>
      <c r="H17533" t="s">
        <v>10735</v>
      </c>
      <c r="I17533" s="2">
        <v>1</v>
      </c>
      <c r="J17533" s="2">
        <v>0</v>
      </c>
      <c r="K17533" s="2">
        <v>0</v>
      </c>
      <c r="L17533" t="s">
        <v>120</v>
      </c>
      <c r="M17533" t="s">
        <v>83</v>
      </c>
      <c r="N17533" t="s">
        <v>91</v>
      </c>
      <c r="O17533" t="s">
        <v>85</v>
      </c>
      <c r="P17533" t="s">
        <v>86</v>
      </c>
      <c r="Q17533">
        <v>0</v>
      </c>
      <c r="R17533">
        <v>0</v>
      </c>
      <c r="S17533">
        <v>0</v>
      </c>
      <c r="T17533">
        <v>0</v>
      </c>
      <c r="U17533">
        <v>0</v>
      </c>
      <c r="V17533">
        <v>0</v>
      </c>
      <c r="W17533">
        <v>0</v>
      </c>
      <c r="X17533">
        <v>0</v>
      </c>
      <c r="Y17533">
        <v>0</v>
      </c>
      <c r="Z17533">
        <v>0</v>
      </c>
      <c r="AA17533">
        <v>0</v>
      </c>
      <c r="AB17533">
        <v>0</v>
      </c>
      <c r="AC17533">
        <v>0</v>
      </c>
      <c r="AD17533">
        <v>0</v>
      </c>
      <c r="AE17533">
        <v>0</v>
      </c>
      <c r="AF17533">
        <v>0</v>
      </c>
      <c r="AG17533">
        <v>0</v>
      </c>
      <c r="AH17533">
        <v>0</v>
      </c>
      <c r="AI17533">
        <v>0</v>
      </c>
      <c r="AJ17533">
        <v>0</v>
      </c>
      <c r="AK17533">
        <v>0</v>
      </c>
      <c r="AL17533">
        <v>0</v>
      </c>
      <c r="AM17533">
        <v>0</v>
      </c>
      <c r="AN17533">
        <v>0</v>
      </c>
      <c r="AO17533">
        <v>0</v>
      </c>
      <c r="AP17533">
        <v>0</v>
      </c>
      <c r="AQ17533">
        <v>0</v>
      </c>
    </row>
    <row r="17534" spans="1:43">
      <c r="A17534" t="s">
        <v>10866</v>
      </c>
      <c r="B17534" t="s">
        <v>10867</v>
      </c>
      <c r="C17534" t="s">
        <v>10862</v>
      </c>
      <c r="D17534" t="s">
        <v>10863</v>
      </c>
      <c r="E17534" t="s">
        <v>10732</v>
      </c>
      <c r="F17534" t="s">
        <v>10733</v>
      </c>
      <c r="G17534" t="s">
        <v>10734</v>
      </c>
      <c r="H17534" t="s">
        <v>10735</v>
      </c>
      <c r="I17534" s="2">
        <v>1</v>
      </c>
      <c r="J17534" s="2">
        <v>0</v>
      </c>
      <c r="K17534" s="2">
        <v>0</v>
      </c>
      <c r="L17534" t="s">
        <v>120</v>
      </c>
      <c r="M17534" t="s">
        <v>83</v>
      </c>
      <c r="N17534" t="s">
        <v>84</v>
      </c>
      <c r="O17534" t="s">
        <v>85</v>
      </c>
      <c r="P17534" t="s">
        <v>86</v>
      </c>
      <c r="Q17534">
        <v>4</v>
      </c>
      <c r="R17534">
        <v>4</v>
      </c>
      <c r="S17534">
        <v>4</v>
      </c>
      <c r="T17534">
        <v>4</v>
      </c>
      <c r="U17534">
        <v>4</v>
      </c>
      <c r="V17534">
        <v>4</v>
      </c>
      <c r="W17534">
        <v>4</v>
      </c>
      <c r="X17534">
        <v>5</v>
      </c>
      <c r="Y17534">
        <v>5</v>
      </c>
      <c r="Z17534">
        <v>5</v>
      </c>
      <c r="AA17534">
        <v>5</v>
      </c>
      <c r="AB17534">
        <v>5</v>
      </c>
      <c r="AC17534">
        <v>5</v>
      </c>
      <c r="AD17534">
        <v>5</v>
      </c>
      <c r="AE17534">
        <v>5</v>
      </c>
      <c r="AF17534">
        <v>5</v>
      </c>
      <c r="AG17534">
        <v>5</v>
      </c>
      <c r="AH17534">
        <v>5</v>
      </c>
      <c r="AI17534">
        <v>5</v>
      </c>
      <c r="AJ17534">
        <v>5</v>
      </c>
      <c r="AK17534">
        <v>5</v>
      </c>
      <c r="AL17534">
        <v>5</v>
      </c>
      <c r="AM17534">
        <v>5</v>
      </c>
      <c r="AN17534">
        <v>5</v>
      </c>
      <c r="AO17534">
        <v>5</v>
      </c>
      <c r="AP17534">
        <v>5</v>
      </c>
      <c r="AQ17534">
        <v>5</v>
      </c>
    </row>
    <row r="17535" spans="1:43">
      <c r="A17535" t="s">
        <v>10866</v>
      </c>
      <c r="B17535" t="s">
        <v>10867</v>
      </c>
      <c r="C17535" t="s">
        <v>10862</v>
      </c>
      <c r="D17535" t="s">
        <v>10863</v>
      </c>
      <c r="E17535" t="s">
        <v>10732</v>
      </c>
      <c r="F17535" t="s">
        <v>10733</v>
      </c>
      <c r="G17535" t="s">
        <v>10734</v>
      </c>
      <c r="H17535" t="s">
        <v>10735</v>
      </c>
      <c r="I17535" s="2">
        <v>1</v>
      </c>
      <c r="J17535" s="2">
        <v>0</v>
      </c>
      <c r="K17535" s="2">
        <v>0</v>
      </c>
      <c r="L17535" t="s">
        <v>120</v>
      </c>
      <c r="M17535" t="s">
        <v>87</v>
      </c>
      <c r="N17535" t="s">
        <v>88</v>
      </c>
      <c r="O17535" t="s">
        <v>85</v>
      </c>
      <c r="P17535" t="s">
        <v>86</v>
      </c>
      <c r="Q17535">
        <v>4</v>
      </c>
      <c r="R17535">
        <v>4</v>
      </c>
      <c r="S17535">
        <v>4</v>
      </c>
      <c r="T17535">
        <v>4</v>
      </c>
      <c r="U17535">
        <v>4</v>
      </c>
      <c r="V17535">
        <v>4</v>
      </c>
      <c r="W17535">
        <v>4</v>
      </c>
      <c r="X17535">
        <v>4</v>
      </c>
      <c r="Y17535">
        <v>4</v>
      </c>
      <c r="Z17535">
        <v>4</v>
      </c>
      <c r="AA17535">
        <v>4</v>
      </c>
      <c r="AB17535">
        <v>4</v>
      </c>
      <c r="AC17535">
        <v>4</v>
      </c>
      <c r="AD17535">
        <v>4</v>
      </c>
      <c r="AE17535">
        <v>4</v>
      </c>
      <c r="AF17535">
        <v>4</v>
      </c>
      <c r="AG17535">
        <v>4</v>
      </c>
      <c r="AH17535">
        <v>4</v>
      </c>
      <c r="AI17535">
        <v>4</v>
      </c>
      <c r="AJ17535">
        <v>4</v>
      </c>
      <c r="AK17535">
        <v>4</v>
      </c>
      <c r="AL17535">
        <v>4</v>
      </c>
      <c r="AM17535">
        <v>4</v>
      </c>
      <c r="AN17535">
        <v>5</v>
      </c>
      <c r="AO17535">
        <v>5</v>
      </c>
      <c r="AP17535">
        <v>5</v>
      </c>
      <c r="AQ17535">
        <v>5</v>
      </c>
    </row>
    <row r="17536" spans="1:43">
      <c r="A17536" t="s">
        <v>10866</v>
      </c>
      <c r="B17536" t="s">
        <v>10867</v>
      </c>
      <c r="C17536" t="s">
        <v>10862</v>
      </c>
      <c r="D17536" t="s">
        <v>10863</v>
      </c>
      <c r="E17536" t="s">
        <v>10732</v>
      </c>
      <c r="F17536" t="s">
        <v>10733</v>
      </c>
      <c r="G17536" t="s">
        <v>10734</v>
      </c>
      <c r="H17536" t="s">
        <v>10735</v>
      </c>
      <c r="I17536" s="2">
        <v>1</v>
      </c>
      <c r="J17536" s="2">
        <v>0</v>
      </c>
      <c r="K17536" s="2">
        <v>0</v>
      </c>
      <c r="L17536" t="s">
        <v>120</v>
      </c>
      <c r="M17536" t="s">
        <v>89</v>
      </c>
      <c r="N17536" t="s">
        <v>90</v>
      </c>
      <c r="O17536" t="s">
        <v>85</v>
      </c>
      <c r="P17536" t="s">
        <v>86</v>
      </c>
      <c r="Q17536">
        <v>4</v>
      </c>
      <c r="R17536">
        <v>4</v>
      </c>
      <c r="S17536">
        <v>4</v>
      </c>
      <c r="T17536">
        <v>4</v>
      </c>
      <c r="U17536">
        <v>5</v>
      </c>
      <c r="V17536">
        <v>5</v>
      </c>
      <c r="W17536">
        <v>5</v>
      </c>
      <c r="X17536">
        <v>5</v>
      </c>
      <c r="Y17536">
        <v>5</v>
      </c>
      <c r="Z17536">
        <v>5</v>
      </c>
      <c r="AA17536">
        <v>5</v>
      </c>
      <c r="AB17536">
        <v>5</v>
      </c>
      <c r="AC17536">
        <v>5</v>
      </c>
      <c r="AD17536">
        <v>5</v>
      </c>
      <c r="AE17536">
        <v>5</v>
      </c>
      <c r="AF17536">
        <v>5</v>
      </c>
      <c r="AG17536">
        <v>5</v>
      </c>
      <c r="AH17536">
        <v>5</v>
      </c>
      <c r="AI17536">
        <v>5</v>
      </c>
      <c r="AJ17536">
        <v>5</v>
      </c>
      <c r="AK17536">
        <v>5</v>
      </c>
      <c r="AL17536">
        <v>5</v>
      </c>
      <c r="AM17536">
        <v>5</v>
      </c>
      <c r="AN17536">
        <v>5</v>
      </c>
      <c r="AO17536">
        <v>5</v>
      </c>
      <c r="AP17536">
        <v>5</v>
      </c>
      <c r="AQ17536">
        <v>5</v>
      </c>
    </row>
    <row r="17537" spans="1:43">
      <c r="A17537" t="s">
        <v>10866</v>
      </c>
      <c r="B17537" t="s">
        <v>10867</v>
      </c>
      <c r="C17537" t="s">
        <v>10862</v>
      </c>
      <c r="D17537" t="s">
        <v>10863</v>
      </c>
      <c r="E17537" t="s">
        <v>10732</v>
      </c>
      <c r="F17537" t="s">
        <v>10733</v>
      </c>
      <c r="G17537" t="s">
        <v>10734</v>
      </c>
      <c r="H17537" t="s">
        <v>10735</v>
      </c>
      <c r="I17537" s="2">
        <v>1</v>
      </c>
      <c r="J17537" s="2">
        <v>0</v>
      </c>
      <c r="K17537" s="2">
        <v>0</v>
      </c>
      <c r="L17537" t="s">
        <v>120</v>
      </c>
      <c r="M17537" t="s">
        <v>83</v>
      </c>
      <c r="N17537" t="s">
        <v>91</v>
      </c>
      <c r="O17537" t="s">
        <v>85</v>
      </c>
      <c r="P17537" t="s">
        <v>86</v>
      </c>
      <c r="Q17537">
        <v>4</v>
      </c>
      <c r="R17537">
        <v>4</v>
      </c>
      <c r="S17537">
        <v>4</v>
      </c>
      <c r="T17537">
        <v>4</v>
      </c>
      <c r="U17537">
        <v>4</v>
      </c>
      <c r="V17537">
        <v>4</v>
      </c>
      <c r="W17537">
        <v>4</v>
      </c>
      <c r="X17537">
        <v>5</v>
      </c>
      <c r="Y17537">
        <v>5</v>
      </c>
      <c r="Z17537">
        <v>5</v>
      </c>
      <c r="AA17537">
        <v>5</v>
      </c>
      <c r="AB17537">
        <v>5</v>
      </c>
      <c r="AC17537">
        <v>5</v>
      </c>
      <c r="AD17537">
        <v>5</v>
      </c>
      <c r="AE17537">
        <v>5</v>
      </c>
      <c r="AF17537">
        <v>5</v>
      </c>
      <c r="AG17537">
        <v>5</v>
      </c>
      <c r="AH17537">
        <v>5</v>
      </c>
      <c r="AI17537">
        <v>5</v>
      </c>
      <c r="AJ17537">
        <v>5</v>
      </c>
      <c r="AK17537">
        <v>5</v>
      </c>
      <c r="AL17537">
        <v>5</v>
      </c>
      <c r="AM17537">
        <v>5</v>
      </c>
      <c r="AN17537">
        <v>5</v>
      </c>
      <c r="AO17537">
        <v>5</v>
      </c>
      <c r="AP17537">
        <v>5</v>
      </c>
      <c r="AQ17537">
        <v>5</v>
      </c>
    </row>
    <row r="17538" spans="1:43">
      <c r="A17538" t="s">
        <v>10868</v>
      </c>
      <c r="B17538" t="s">
        <v>10869</v>
      </c>
      <c r="C17538" t="s">
        <v>10862</v>
      </c>
      <c r="D17538" t="s">
        <v>10863</v>
      </c>
      <c r="E17538" t="s">
        <v>10732</v>
      </c>
      <c r="F17538" t="s">
        <v>10733</v>
      </c>
      <c r="G17538" t="s">
        <v>10734</v>
      </c>
      <c r="H17538" t="s">
        <v>10735</v>
      </c>
      <c r="I17538" s="2">
        <v>1</v>
      </c>
      <c r="J17538" s="2">
        <v>0</v>
      </c>
      <c r="K17538" s="2">
        <v>0</v>
      </c>
      <c r="L17538" t="s">
        <v>120</v>
      </c>
      <c r="M17538" t="s">
        <v>83</v>
      </c>
      <c r="N17538" t="s">
        <v>84</v>
      </c>
      <c r="O17538" t="s">
        <v>85</v>
      </c>
      <c r="P17538" t="s">
        <v>86</v>
      </c>
      <c r="Q17538">
        <v>10</v>
      </c>
      <c r="R17538">
        <v>10</v>
      </c>
      <c r="S17538">
        <v>10</v>
      </c>
      <c r="T17538">
        <v>10</v>
      </c>
      <c r="U17538">
        <v>10</v>
      </c>
      <c r="V17538">
        <v>10</v>
      </c>
      <c r="W17538">
        <v>10</v>
      </c>
      <c r="X17538">
        <v>11</v>
      </c>
      <c r="Y17538">
        <v>11</v>
      </c>
      <c r="Z17538">
        <v>11</v>
      </c>
      <c r="AA17538">
        <v>11</v>
      </c>
      <c r="AB17538">
        <v>11</v>
      </c>
      <c r="AC17538">
        <v>11</v>
      </c>
      <c r="AD17538">
        <v>11</v>
      </c>
      <c r="AE17538">
        <v>11</v>
      </c>
      <c r="AF17538">
        <v>12</v>
      </c>
      <c r="AG17538">
        <v>12</v>
      </c>
      <c r="AH17538">
        <v>12</v>
      </c>
      <c r="AI17538">
        <v>12</v>
      </c>
      <c r="AJ17538">
        <v>12</v>
      </c>
      <c r="AK17538">
        <v>12</v>
      </c>
      <c r="AL17538">
        <v>12</v>
      </c>
      <c r="AM17538">
        <v>12</v>
      </c>
      <c r="AN17538">
        <v>12</v>
      </c>
      <c r="AO17538">
        <v>12</v>
      </c>
      <c r="AP17538">
        <v>12</v>
      </c>
      <c r="AQ17538">
        <v>12</v>
      </c>
    </row>
    <row r="17539" spans="1:43">
      <c r="A17539" t="s">
        <v>10868</v>
      </c>
      <c r="B17539" t="s">
        <v>10869</v>
      </c>
      <c r="C17539" t="s">
        <v>10862</v>
      </c>
      <c r="D17539" t="s">
        <v>10863</v>
      </c>
      <c r="E17539" t="s">
        <v>10732</v>
      </c>
      <c r="F17539" t="s">
        <v>10733</v>
      </c>
      <c r="G17539" t="s">
        <v>10734</v>
      </c>
      <c r="H17539" t="s">
        <v>10735</v>
      </c>
      <c r="I17539" s="2">
        <v>1</v>
      </c>
      <c r="J17539" s="2">
        <v>0</v>
      </c>
      <c r="K17539" s="2">
        <v>0</v>
      </c>
      <c r="L17539" t="s">
        <v>120</v>
      </c>
      <c r="M17539" t="s">
        <v>87</v>
      </c>
      <c r="N17539" t="s">
        <v>88</v>
      </c>
      <c r="O17539" t="s">
        <v>85</v>
      </c>
      <c r="P17539" t="s">
        <v>86</v>
      </c>
      <c r="Q17539">
        <v>10</v>
      </c>
      <c r="R17539">
        <v>10</v>
      </c>
      <c r="S17539">
        <v>10</v>
      </c>
      <c r="T17539">
        <v>10</v>
      </c>
      <c r="U17539">
        <v>10</v>
      </c>
      <c r="V17539">
        <v>10</v>
      </c>
      <c r="W17539">
        <v>10</v>
      </c>
      <c r="X17539">
        <v>10</v>
      </c>
      <c r="Y17539">
        <v>10</v>
      </c>
      <c r="Z17539">
        <v>10</v>
      </c>
      <c r="AA17539">
        <v>10</v>
      </c>
      <c r="AB17539">
        <v>10</v>
      </c>
      <c r="AC17539">
        <v>10</v>
      </c>
      <c r="AD17539">
        <v>10</v>
      </c>
      <c r="AE17539">
        <v>10</v>
      </c>
      <c r="AF17539">
        <v>10</v>
      </c>
      <c r="AG17539">
        <v>10</v>
      </c>
      <c r="AH17539">
        <v>10</v>
      </c>
      <c r="AI17539">
        <v>10</v>
      </c>
      <c r="AJ17539">
        <v>10</v>
      </c>
      <c r="AK17539">
        <v>10</v>
      </c>
      <c r="AL17539">
        <v>10</v>
      </c>
      <c r="AM17539">
        <v>11</v>
      </c>
      <c r="AN17539">
        <v>11</v>
      </c>
      <c r="AO17539">
        <v>11</v>
      </c>
      <c r="AP17539">
        <v>11</v>
      </c>
      <c r="AQ17539">
        <v>11</v>
      </c>
    </row>
    <row r="17540" spans="1:43">
      <c r="A17540" t="s">
        <v>10868</v>
      </c>
      <c r="B17540" t="s">
        <v>10869</v>
      </c>
      <c r="C17540" t="s">
        <v>10862</v>
      </c>
      <c r="D17540" t="s">
        <v>10863</v>
      </c>
      <c r="E17540" t="s">
        <v>10732</v>
      </c>
      <c r="F17540" t="s">
        <v>10733</v>
      </c>
      <c r="G17540" t="s">
        <v>10734</v>
      </c>
      <c r="H17540" t="s">
        <v>10735</v>
      </c>
      <c r="I17540" s="2">
        <v>1</v>
      </c>
      <c r="J17540" s="2">
        <v>0</v>
      </c>
      <c r="K17540" s="2">
        <v>0</v>
      </c>
      <c r="L17540" t="s">
        <v>120</v>
      </c>
      <c r="M17540" t="s">
        <v>89</v>
      </c>
      <c r="N17540" t="s">
        <v>90</v>
      </c>
      <c r="O17540" t="s">
        <v>85</v>
      </c>
      <c r="P17540" t="s">
        <v>86</v>
      </c>
      <c r="Q17540">
        <v>10</v>
      </c>
      <c r="R17540">
        <v>10</v>
      </c>
      <c r="S17540">
        <v>10</v>
      </c>
      <c r="T17540">
        <v>10</v>
      </c>
      <c r="U17540">
        <v>11</v>
      </c>
      <c r="V17540">
        <v>11</v>
      </c>
      <c r="W17540">
        <v>11</v>
      </c>
      <c r="X17540">
        <v>11</v>
      </c>
      <c r="Y17540">
        <v>11</v>
      </c>
      <c r="Z17540">
        <v>11</v>
      </c>
      <c r="AA17540">
        <v>12</v>
      </c>
      <c r="AB17540">
        <v>12</v>
      </c>
      <c r="AC17540">
        <v>12</v>
      </c>
      <c r="AD17540">
        <v>12</v>
      </c>
      <c r="AE17540">
        <v>12</v>
      </c>
      <c r="AF17540">
        <v>12</v>
      </c>
      <c r="AG17540">
        <v>12</v>
      </c>
      <c r="AH17540">
        <v>12</v>
      </c>
      <c r="AI17540">
        <v>12</v>
      </c>
      <c r="AJ17540">
        <v>12</v>
      </c>
      <c r="AK17540">
        <v>12</v>
      </c>
      <c r="AL17540">
        <v>12</v>
      </c>
      <c r="AM17540">
        <v>12</v>
      </c>
      <c r="AN17540">
        <v>12</v>
      </c>
      <c r="AO17540">
        <v>12</v>
      </c>
      <c r="AP17540">
        <v>12</v>
      </c>
      <c r="AQ17540">
        <v>12</v>
      </c>
    </row>
    <row r="17541" spans="1:43">
      <c r="A17541" t="s">
        <v>10868</v>
      </c>
      <c r="B17541" t="s">
        <v>10869</v>
      </c>
      <c r="C17541" t="s">
        <v>10862</v>
      </c>
      <c r="D17541" t="s">
        <v>10863</v>
      </c>
      <c r="E17541" t="s">
        <v>10732</v>
      </c>
      <c r="F17541" t="s">
        <v>10733</v>
      </c>
      <c r="G17541" t="s">
        <v>10734</v>
      </c>
      <c r="H17541" t="s">
        <v>10735</v>
      </c>
      <c r="I17541" s="2">
        <v>1</v>
      </c>
      <c r="J17541" s="2">
        <v>0</v>
      </c>
      <c r="K17541" s="2">
        <v>0</v>
      </c>
      <c r="L17541" t="s">
        <v>120</v>
      </c>
      <c r="M17541" t="s">
        <v>83</v>
      </c>
      <c r="N17541" t="s">
        <v>91</v>
      </c>
      <c r="O17541" t="s">
        <v>85</v>
      </c>
      <c r="P17541" t="s">
        <v>86</v>
      </c>
      <c r="Q17541">
        <v>10</v>
      </c>
      <c r="R17541">
        <v>10</v>
      </c>
      <c r="S17541">
        <v>10</v>
      </c>
      <c r="T17541">
        <v>10</v>
      </c>
      <c r="U17541">
        <v>10</v>
      </c>
      <c r="V17541">
        <v>10</v>
      </c>
      <c r="W17541">
        <v>10</v>
      </c>
      <c r="X17541">
        <v>11</v>
      </c>
      <c r="Y17541">
        <v>11</v>
      </c>
      <c r="Z17541">
        <v>11</v>
      </c>
      <c r="AA17541">
        <v>11</v>
      </c>
      <c r="AB17541">
        <v>11</v>
      </c>
      <c r="AC17541">
        <v>11</v>
      </c>
      <c r="AD17541">
        <v>11</v>
      </c>
      <c r="AE17541">
        <v>11</v>
      </c>
      <c r="AF17541">
        <v>12</v>
      </c>
      <c r="AG17541">
        <v>12</v>
      </c>
      <c r="AH17541">
        <v>12</v>
      </c>
      <c r="AI17541">
        <v>12</v>
      </c>
      <c r="AJ17541">
        <v>12</v>
      </c>
      <c r="AK17541">
        <v>12</v>
      </c>
      <c r="AL17541">
        <v>12</v>
      </c>
      <c r="AM17541">
        <v>12</v>
      </c>
      <c r="AN17541">
        <v>12</v>
      </c>
      <c r="AO17541">
        <v>12</v>
      </c>
      <c r="AP17541">
        <v>12</v>
      </c>
      <c r="AQ17541">
        <v>12</v>
      </c>
    </row>
    <row r="17542" spans="1:43">
      <c r="A17542" t="s">
        <v>10870</v>
      </c>
      <c r="B17542" t="s">
        <v>10871</v>
      </c>
      <c r="C17542" t="s">
        <v>10862</v>
      </c>
      <c r="D17542" t="s">
        <v>10863</v>
      </c>
      <c r="E17542" t="s">
        <v>10732</v>
      </c>
      <c r="F17542" t="s">
        <v>10733</v>
      </c>
      <c r="G17542" t="s">
        <v>10734</v>
      </c>
      <c r="H17542" t="s">
        <v>10735</v>
      </c>
      <c r="I17542" s="2">
        <v>1</v>
      </c>
      <c r="J17542" s="2">
        <v>0</v>
      </c>
      <c r="K17542" s="2">
        <v>0</v>
      </c>
      <c r="L17542" t="s">
        <v>120</v>
      </c>
      <c r="M17542" t="s">
        <v>83</v>
      </c>
      <c r="N17542" t="s">
        <v>84</v>
      </c>
      <c r="O17542" t="s">
        <v>85</v>
      </c>
      <c r="P17542" t="s">
        <v>86</v>
      </c>
      <c r="Q17542">
        <v>0</v>
      </c>
      <c r="R17542">
        <v>0</v>
      </c>
      <c r="S17542">
        <v>0</v>
      </c>
      <c r="T17542">
        <v>0</v>
      </c>
      <c r="U17542">
        <v>0</v>
      </c>
      <c r="V17542">
        <v>0</v>
      </c>
      <c r="W17542">
        <v>0</v>
      </c>
      <c r="X17542">
        <v>0</v>
      </c>
      <c r="Y17542">
        <v>0</v>
      </c>
      <c r="Z17542">
        <v>0</v>
      </c>
      <c r="AA17542">
        <v>0</v>
      </c>
      <c r="AB17542">
        <v>0</v>
      </c>
      <c r="AC17542">
        <v>0</v>
      </c>
      <c r="AD17542">
        <v>0</v>
      </c>
      <c r="AE17542">
        <v>0</v>
      </c>
      <c r="AF17542">
        <v>0</v>
      </c>
      <c r="AG17542">
        <v>0</v>
      </c>
      <c r="AH17542">
        <v>0</v>
      </c>
      <c r="AI17542">
        <v>0</v>
      </c>
      <c r="AJ17542">
        <v>0</v>
      </c>
      <c r="AK17542">
        <v>0</v>
      </c>
      <c r="AL17542">
        <v>0</v>
      </c>
      <c r="AM17542">
        <v>0</v>
      </c>
      <c r="AN17542">
        <v>0</v>
      </c>
      <c r="AO17542">
        <v>0</v>
      </c>
      <c r="AP17542">
        <v>0</v>
      </c>
      <c r="AQ17542">
        <v>0</v>
      </c>
    </row>
    <row r="17543" spans="1:43">
      <c r="A17543" t="s">
        <v>10870</v>
      </c>
      <c r="B17543" t="s">
        <v>10871</v>
      </c>
      <c r="C17543" t="s">
        <v>10862</v>
      </c>
      <c r="D17543" t="s">
        <v>10863</v>
      </c>
      <c r="E17543" t="s">
        <v>10732</v>
      </c>
      <c r="F17543" t="s">
        <v>10733</v>
      </c>
      <c r="G17543" t="s">
        <v>10734</v>
      </c>
      <c r="H17543" t="s">
        <v>10735</v>
      </c>
      <c r="I17543" s="2">
        <v>1</v>
      </c>
      <c r="J17543" s="2">
        <v>0</v>
      </c>
      <c r="K17543" s="2">
        <v>0</v>
      </c>
      <c r="L17543" t="s">
        <v>120</v>
      </c>
      <c r="M17543" t="s">
        <v>87</v>
      </c>
      <c r="N17543" t="s">
        <v>88</v>
      </c>
      <c r="O17543" t="s">
        <v>85</v>
      </c>
      <c r="P17543" t="s">
        <v>86</v>
      </c>
      <c r="Q17543">
        <v>0</v>
      </c>
      <c r="R17543">
        <v>0</v>
      </c>
      <c r="S17543">
        <v>0</v>
      </c>
      <c r="T17543">
        <v>0</v>
      </c>
      <c r="U17543">
        <v>0</v>
      </c>
      <c r="V17543">
        <v>0</v>
      </c>
      <c r="W17543">
        <v>0</v>
      </c>
      <c r="X17543">
        <v>0</v>
      </c>
      <c r="Y17543">
        <v>0</v>
      </c>
      <c r="Z17543">
        <v>0</v>
      </c>
      <c r="AA17543">
        <v>0</v>
      </c>
      <c r="AB17543">
        <v>0</v>
      </c>
      <c r="AC17543">
        <v>0</v>
      </c>
      <c r="AD17543">
        <v>0</v>
      </c>
      <c r="AE17543">
        <v>0</v>
      </c>
      <c r="AF17543">
        <v>0</v>
      </c>
      <c r="AG17543">
        <v>0</v>
      </c>
      <c r="AH17543">
        <v>0</v>
      </c>
      <c r="AI17543">
        <v>0</v>
      </c>
      <c r="AJ17543">
        <v>0</v>
      </c>
      <c r="AK17543">
        <v>0</v>
      </c>
      <c r="AL17543">
        <v>0</v>
      </c>
      <c r="AM17543">
        <v>0</v>
      </c>
      <c r="AN17543">
        <v>0</v>
      </c>
      <c r="AO17543">
        <v>0</v>
      </c>
      <c r="AP17543">
        <v>0</v>
      </c>
      <c r="AQ17543">
        <v>0</v>
      </c>
    </row>
    <row r="17544" spans="1:43">
      <c r="A17544" t="s">
        <v>10870</v>
      </c>
      <c r="B17544" t="s">
        <v>10871</v>
      </c>
      <c r="C17544" t="s">
        <v>10862</v>
      </c>
      <c r="D17544" t="s">
        <v>10863</v>
      </c>
      <c r="E17544" t="s">
        <v>10732</v>
      </c>
      <c r="F17544" t="s">
        <v>10733</v>
      </c>
      <c r="G17544" t="s">
        <v>10734</v>
      </c>
      <c r="H17544" t="s">
        <v>10735</v>
      </c>
      <c r="I17544" s="2">
        <v>1</v>
      </c>
      <c r="J17544" s="2">
        <v>0</v>
      </c>
      <c r="K17544" s="2">
        <v>0</v>
      </c>
      <c r="L17544" t="s">
        <v>120</v>
      </c>
      <c r="M17544" t="s">
        <v>89</v>
      </c>
      <c r="N17544" t="s">
        <v>90</v>
      </c>
      <c r="O17544" t="s">
        <v>85</v>
      </c>
      <c r="P17544" t="s">
        <v>86</v>
      </c>
      <c r="Q17544">
        <v>0</v>
      </c>
      <c r="R17544">
        <v>0</v>
      </c>
      <c r="S17544">
        <v>0</v>
      </c>
      <c r="T17544">
        <v>0</v>
      </c>
      <c r="U17544">
        <v>0</v>
      </c>
      <c r="V17544">
        <v>0</v>
      </c>
      <c r="W17544">
        <v>0</v>
      </c>
      <c r="X17544">
        <v>0</v>
      </c>
      <c r="Y17544">
        <v>0</v>
      </c>
      <c r="Z17544">
        <v>0</v>
      </c>
      <c r="AA17544">
        <v>0</v>
      </c>
      <c r="AB17544">
        <v>0</v>
      </c>
      <c r="AC17544">
        <v>0</v>
      </c>
      <c r="AD17544">
        <v>0</v>
      </c>
      <c r="AE17544">
        <v>0</v>
      </c>
      <c r="AF17544">
        <v>0</v>
      </c>
      <c r="AG17544">
        <v>0</v>
      </c>
      <c r="AH17544">
        <v>0</v>
      </c>
      <c r="AI17544">
        <v>0</v>
      </c>
      <c r="AJ17544">
        <v>0</v>
      </c>
      <c r="AK17544">
        <v>0</v>
      </c>
      <c r="AL17544">
        <v>0</v>
      </c>
      <c r="AM17544">
        <v>0</v>
      </c>
      <c r="AN17544">
        <v>0</v>
      </c>
      <c r="AO17544">
        <v>0</v>
      </c>
      <c r="AP17544">
        <v>0</v>
      </c>
      <c r="AQ17544">
        <v>0</v>
      </c>
    </row>
    <row r="17545" spans="1:43">
      <c r="A17545" t="s">
        <v>10870</v>
      </c>
      <c r="B17545" t="s">
        <v>10871</v>
      </c>
      <c r="C17545" t="s">
        <v>10862</v>
      </c>
      <c r="D17545" t="s">
        <v>10863</v>
      </c>
      <c r="E17545" t="s">
        <v>10732</v>
      </c>
      <c r="F17545" t="s">
        <v>10733</v>
      </c>
      <c r="G17545" t="s">
        <v>10734</v>
      </c>
      <c r="H17545" t="s">
        <v>10735</v>
      </c>
      <c r="I17545" s="2">
        <v>1</v>
      </c>
      <c r="J17545" s="2">
        <v>0</v>
      </c>
      <c r="K17545" s="2">
        <v>0</v>
      </c>
      <c r="L17545" t="s">
        <v>120</v>
      </c>
      <c r="M17545" t="s">
        <v>83</v>
      </c>
      <c r="N17545" t="s">
        <v>91</v>
      </c>
      <c r="O17545" t="s">
        <v>85</v>
      </c>
      <c r="P17545" t="s">
        <v>86</v>
      </c>
      <c r="Q17545">
        <v>0</v>
      </c>
      <c r="R17545">
        <v>0</v>
      </c>
      <c r="S17545">
        <v>0</v>
      </c>
      <c r="T17545">
        <v>0</v>
      </c>
      <c r="U17545">
        <v>0</v>
      </c>
      <c r="V17545">
        <v>0</v>
      </c>
      <c r="W17545">
        <v>0</v>
      </c>
      <c r="X17545">
        <v>0</v>
      </c>
      <c r="Y17545">
        <v>0</v>
      </c>
      <c r="Z17545">
        <v>0</v>
      </c>
      <c r="AA17545">
        <v>0</v>
      </c>
      <c r="AB17545">
        <v>0</v>
      </c>
      <c r="AC17545">
        <v>0</v>
      </c>
      <c r="AD17545">
        <v>0</v>
      </c>
      <c r="AE17545">
        <v>0</v>
      </c>
      <c r="AF17545">
        <v>0</v>
      </c>
      <c r="AG17545">
        <v>0</v>
      </c>
      <c r="AH17545">
        <v>0</v>
      </c>
      <c r="AI17545">
        <v>0</v>
      </c>
      <c r="AJ17545">
        <v>0</v>
      </c>
      <c r="AK17545">
        <v>0</v>
      </c>
      <c r="AL17545">
        <v>0</v>
      </c>
      <c r="AM17545">
        <v>0</v>
      </c>
      <c r="AN17545">
        <v>0</v>
      </c>
      <c r="AO17545">
        <v>0</v>
      </c>
      <c r="AP17545">
        <v>0</v>
      </c>
      <c r="AQ17545">
        <v>0</v>
      </c>
    </row>
    <row r="17546" spans="1:43">
      <c r="A17546" t="s">
        <v>10872</v>
      </c>
      <c r="B17546" t="s">
        <v>10873</v>
      </c>
      <c r="C17546" t="s">
        <v>10862</v>
      </c>
      <c r="D17546" t="s">
        <v>10863</v>
      </c>
      <c r="E17546" t="s">
        <v>10732</v>
      </c>
      <c r="F17546" t="s">
        <v>10733</v>
      </c>
      <c r="G17546" t="s">
        <v>10734</v>
      </c>
      <c r="H17546" t="s">
        <v>10735</v>
      </c>
      <c r="I17546" s="2">
        <v>1</v>
      </c>
      <c r="J17546" s="2">
        <v>0</v>
      </c>
      <c r="K17546" s="2">
        <v>0</v>
      </c>
      <c r="L17546" t="s">
        <v>120</v>
      </c>
      <c r="M17546" t="s">
        <v>83</v>
      </c>
      <c r="N17546" t="s">
        <v>84</v>
      </c>
      <c r="O17546" t="s">
        <v>85</v>
      </c>
      <c r="P17546" t="s">
        <v>86</v>
      </c>
      <c r="Q17546">
        <v>166</v>
      </c>
      <c r="R17546">
        <v>168</v>
      </c>
      <c r="S17546">
        <v>170</v>
      </c>
      <c r="T17546">
        <v>173</v>
      </c>
      <c r="U17546">
        <v>175</v>
      </c>
      <c r="V17546">
        <v>177</v>
      </c>
      <c r="W17546">
        <v>179</v>
      </c>
      <c r="X17546">
        <v>182</v>
      </c>
      <c r="Y17546">
        <v>184</v>
      </c>
      <c r="Z17546">
        <v>186</v>
      </c>
      <c r="AA17546">
        <v>188</v>
      </c>
      <c r="AB17546">
        <v>190</v>
      </c>
      <c r="AC17546">
        <v>192</v>
      </c>
      <c r="AD17546">
        <v>195</v>
      </c>
      <c r="AE17546">
        <v>197</v>
      </c>
      <c r="AF17546">
        <v>199</v>
      </c>
      <c r="AG17546">
        <v>201</v>
      </c>
      <c r="AH17546">
        <v>203</v>
      </c>
      <c r="AI17546">
        <v>205</v>
      </c>
      <c r="AJ17546">
        <v>207</v>
      </c>
      <c r="AK17546">
        <v>210</v>
      </c>
      <c r="AL17546">
        <v>211</v>
      </c>
      <c r="AM17546">
        <v>211</v>
      </c>
      <c r="AN17546">
        <v>211</v>
      </c>
      <c r="AO17546">
        <v>211</v>
      </c>
      <c r="AP17546">
        <v>212</v>
      </c>
      <c r="AQ17546">
        <v>212</v>
      </c>
    </row>
    <row r="17547" spans="1:43">
      <c r="A17547" t="s">
        <v>10872</v>
      </c>
      <c r="B17547" t="s">
        <v>10873</v>
      </c>
      <c r="C17547" t="s">
        <v>10862</v>
      </c>
      <c r="D17547" t="s">
        <v>10863</v>
      </c>
      <c r="E17547" t="s">
        <v>10732</v>
      </c>
      <c r="F17547" t="s">
        <v>10733</v>
      </c>
      <c r="G17547" t="s">
        <v>10734</v>
      </c>
      <c r="H17547" t="s">
        <v>10735</v>
      </c>
      <c r="I17547" s="2">
        <v>1</v>
      </c>
      <c r="J17547" s="2">
        <v>0</v>
      </c>
      <c r="K17547" s="2">
        <v>0</v>
      </c>
      <c r="L17547" t="s">
        <v>120</v>
      </c>
      <c r="M17547" t="s">
        <v>87</v>
      </c>
      <c r="N17547" t="s">
        <v>88</v>
      </c>
      <c r="O17547" t="s">
        <v>85</v>
      </c>
      <c r="P17547" t="s">
        <v>86</v>
      </c>
      <c r="Q17547">
        <v>166</v>
      </c>
      <c r="R17547">
        <v>167</v>
      </c>
      <c r="S17547">
        <v>168</v>
      </c>
      <c r="T17547">
        <v>168</v>
      </c>
      <c r="U17547">
        <v>169</v>
      </c>
      <c r="V17547">
        <v>170</v>
      </c>
      <c r="W17547">
        <v>171</v>
      </c>
      <c r="X17547">
        <v>171</v>
      </c>
      <c r="Y17547">
        <v>172</v>
      </c>
      <c r="Z17547">
        <v>173</v>
      </c>
      <c r="AA17547">
        <v>173</v>
      </c>
      <c r="AB17547">
        <v>174</v>
      </c>
      <c r="AC17547">
        <v>175</v>
      </c>
      <c r="AD17547">
        <v>176</v>
      </c>
      <c r="AE17547">
        <v>176</v>
      </c>
      <c r="AF17547">
        <v>177</v>
      </c>
      <c r="AG17547">
        <v>178</v>
      </c>
      <c r="AH17547">
        <v>178</v>
      </c>
      <c r="AI17547">
        <v>179</v>
      </c>
      <c r="AJ17547">
        <v>180</v>
      </c>
      <c r="AK17547">
        <v>180</v>
      </c>
      <c r="AL17547">
        <v>181</v>
      </c>
      <c r="AM17547">
        <v>182</v>
      </c>
      <c r="AN17547">
        <v>182</v>
      </c>
      <c r="AO17547">
        <v>183</v>
      </c>
      <c r="AP17547">
        <v>184</v>
      </c>
      <c r="AQ17547">
        <v>184</v>
      </c>
    </row>
    <row r="17548" spans="1:43">
      <c r="A17548" t="s">
        <v>10872</v>
      </c>
      <c r="B17548" t="s">
        <v>10873</v>
      </c>
      <c r="C17548" t="s">
        <v>10862</v>
      </c>
      <c r="D17548" t="s">
        <v>10863</v>
      </c>
      <c r="E17548" t="s">
        <v>10732</v>
      </c>
      <c r="F17548" t="s">
        <v>10733</v>
      </c>
      <c r="G17548" t="s">
        <v>10734</v>
      </c>
      <c r="H17548" t="s">
        <v>10735</v>
      </c>
      <c r="I17548" s="2">
        <v>1</v>
      </c>
      <c r="J17548" s="2">
        <v>0</v>
      </c>
      <c r="K17548" s="2">
        <v>0</v>
      </c>
      <c r="L17548" t="s">
        <v>120</v>
      </c>
      <c r="M17548" t="s">
        <v>89</v>
      </c>
      <c r="N17548" t="s">
        <v>90</v>
      </c>
      <c r="O17548" t="s">
        <v>85</v>
      </c>
      <c r="P17548" t="s">
        <v>86</v>
      </c>
      <c r="Q17548">
        <v>166</v>
      </c>
      <c r="R17548">
        <v>170</v>
      </c>
      <c r="S17548">
        <v>174</v>
      </c>
      <c r="T17548">
        <v>177</v>
      </c>
      <c r="U17548">
        <v>181</v>
      </c>
      <c r="V17548">
        <v>184</v>
      </c>
      <c r="W17548">
        <v>187</v>
      </c>
      <c r="X17548">
        <v>191</v>
      </c>
      <c r="Y17548">
        <v>194</v>
      </c>
      <c r="Z17548">
        <v>197</v>
      </c>
      <c r="AA17548">
        <v>200</v>
      </c>
      <c r="AB17548">
        <v>202</v>
      </c>
      <c r="AC17548">
        <v>206</v>
      </c>
      <c r="AD17548">
        <v>208</v>
      </c>
      <c r="AE17548">
        <v>210</v>
      </c>
      <c r="AF17548">
        <v>211</v>
      </c>
      <c r="AG17548">
        <v>211</v>
      </c>
      <c r="AH17548">
        <v>212</v>
      </c>
      <c r="AI17548">
        <v>212</v>
      </c>
      <c r="AJ17548">
        <v>212</v>
      </c>
      <c r="AK17548">
        <v>213</v>
      </c>
      <c r="AL17548">
        <v>213</v>
      </c>
      <c r="AM17548">
        <v>213</v>
      </c>
      <c r="AN17548">
        <v>213</v>
      </c>
      <c r="AO17548">
        <v>214</v>
      </c>
      <c r="AP17548">
        <v>214</v>
      </c>
      <c r="AQ17548">
        <v>214</v>
      </c>
    </row>
    <row r="17549" spans="1:43">
      <c r="A17549" t="s">
        <v>10872</v>
      </c>
      <c r="B17549" t="s">
        <v>10873</v>
      </c>
      <c r="C17549" t="s">
        <v>10862</v>
      </c>
      <c r="D17549" t="s">
        <v>10863</v>
      </c>
      <c r="E17549" t="s">
        <v>10732</v>
      </c>
      <c r="F17549" t="s">
        <v>10733</v>
      </c>
      <c r="G17549" t="s">
        <v>10734</v>
      </c>
      <c r="H17549" t="s">
        <v>10735</v>
      </c>
      <c r="I17549" s="2">
        <v>1</v>
      </c>
      <c r="J17549" s="2">
        <v>0</v>
      </c>
      <c r="K17549" s="2">
        <v>0</v>
      </c>
      <c r="L17549" t="s">
        <v>120</v>
      </c>
      <c r="M17549" t="s">
        <v>83</v>
      </c>
      <c r="N17549" t="s">
        <v>91</v>
      </c>
      <c r="O17549" t="s">
        <v>85</v>
      </c>
      <c r="P17549" t="s">
        <v>86</v>
      </c>
      <c r="Q17549">
        <v>166</v>
      </c>
      <c r="R17549">
        <v>168</v>
      </c>
      <c r="S17549">
        <v>170</v>
      </c>
      <c r="T17549">
        <v>173</v>
      </c>
      <c r="U17549">
        <v>175</v>
      </c>
      <c r="V17549">
        <v>177</v>
      </c>
      <c r="W17549">
        <v>179</v>
      </c>
      <c r="X17549">
        <v>182</v>
      </c>
      <c r="Y17549">
        <v>184</v>
      </c>
      <c r="Z17549">
        <v>186</v>
      </c>
      <c r="AA17549">
        <v>188</v>
      </c>
      <c r="AB17549">
        <v>190</v>
      </c>
      <c r="AC17549">
        <v>192</v>
      </c>
      <c r="AD17549">
        <v>195</v>
      </c>
      <c r="AE17549">
        <v>197</v>
      </c>
      <c r="AF17549">
        <v>199</v>
      </c>
      <c r="AG17549">
        <v>201</v>
      </c>
      <c r="AH17549">
        <v>203</v>
      </c>
      <c r="AI17549">
        <v>205</v>
      </c>
      <c r="AJ17549">
        <v>207</v>
      </c>
      <c r="AK17549">
        <v>210</v>
      </c>
      <c r="AL17549">
        <v>211</v>
      </c>
      <c r="AM17549">
        <v>211</v>
      </c>
      <c r="AN17549">
        <v>211</v>
      </c>
      <c r="AO17549">
        <v>211</v>
      </c>
      <c r="AP17549">
        <v>212</v>
      </c>
      <c r="AQ17549">
        <v>212</v>
      </c>
    </row>
    <row r="17550" spans="1:43">
      <c r="A17550" t="s">
        <v>10874</v>
      </c>
      <c r="B17550" t="s">
        <v>10875</v>
      </c>
      <c r="C17550" t="s">
        <v>10862</v>
      </c>
      <c r="D17550" t="s">
        <v>10863</v>
      </c>
      <c r="E17550" t="s">
        <v>10732</v>
      </c>
      <c r="F17550" t="s">
        <v>10733</v>
      </c>
      <c r="G17550" t="s">
        <v>10734</v>
      </c>
      <c r="H17550" t="s">
        <v>10735</v>
      </c>
      <c r="I17550" s="2">
        <v>1</v>
      </c>
      <c r="J17550" s="2">
        <v>0</v>
      </c>
      <c r="K17550" s="2">
        <v>0</v>
      </c>
      <c r="L17550" t="s">
        <v>120</v>
      </c>
      <c r="M17550" t="s">
        <v>83</v>
      </c>
      <c r="N17550" t="s">
        <v>84</v>
      </c>
      <c r="O17550" t="s">
        <v>85</v>
      </c>
      <c r="P17550" t="s">
        <v>86</v>
      </c>
      <c r="Q17550">
        <v>25</v>
      </c>
      <c r="R17550">
        <v>26</v>
      </c>
      <c r="S17550">
        <v>26</v>
      </c>
      <c r="T17550">
        <v>27</v>
      </c>
      <c r="U17550">
        <v>27</v>
      </c>
      <c r="V17550">
        <v>27</v>
      </c>
      <c r="W17550">
        <v>28</v>
      </c>
      <c r="X17550">
        <v>28</v>
      </c>
      <c r="Y17550">
        <v>28</v>
      </c>
      <c r="Z17550">
        <v>29</v>
      </c>
      <c r="AA17550">
        <v>29</v>
      </c>
      <c r="AB17550">
        <v>29</v>
      </c>
      <c r="AC17550">
        <v>29</v>
      </c>
      <c r="AD17550">
        <v>30</v>
      </c>
      <c r="AE17550">
        <v>30</v>
      </c>
      <c r="AF17550">
        <v>30</v>
      </c>
      <c r="AG17550">
        <v>31</v>
      </c>
      <c r="AH17550">
        <v>31</v>
      </c>
      <c r="AI17550">
        <v>31</v>
      </c>
      <c r="AJ17550">
        <v>32</v>
      </c>
      <c r="AK17550">
        <v>32</v>
      </c>
      <c r="AL17550">
        <v>32</v>
      </c>
      <c r="AM17550">
        <v>32</v>
      </c>
      <c r="AN17550">
        <v>32</v>
      </c>
      <c r="AO17550">
        <v>32</v>
      </c>
      <c r="AP17550">
        <v>32</v>
      </c>
      <c r="AQ17550">
        <v>32</v>
      </c>
    </row>
    <row r="17551" spans="1:43">
      <c r="A17551" t="s">
        <v>10874</v>
      </c>
      <c r="B17551" t="s">
        <v>10875</v>
      </c>
      <c r="C17551" t="s">
        <v>10862</v>
      </c>
      <c r="D17551" t="s">
        <v>10863</v>
      </c>
      <c r="E17551" t="s">
        <v>10732</v>
      </c>
      <c r="F17551" t="s">
        <v>10733</v>
      </c>
      <c r="G17551" t="s">
        <v>10734</v>
      </c>
      <c r="H17551" t="s">
        <v>10735</v>
      </c>
      <c r="I17551" s="2">
        <v>1</v>
      </c>
      <c r="J17551" s="2">
        <v>0</v>
      </c>
      <c r="K17551" s="2">
        <v>0</v>
      </c>
      <c r="L17551" t="s">
        <v>120</v>
      </c>
      <c r="M17551" t="s">
        <v>87</v>
      </c>
      <c r="N17551" t="s">
        <v>88</v>
      </c>
      <c r="O17551" t="s">
        <v>85</v>
      </c>
      <c r="P17551" t="s">
        <v>86</v>
      </c>
      <c r="Q17551">
        <v>25</v>
      </c>
      <c r="R17551">
        <v>25</v>
      </c>
      <c r="S17551">
        <v>25</v>
      </c>
      <c r="T17551">
        <v>26</v>
      </c>
      <c r="U17551">
        <v>26</v>
      </c>
      <c r="V17551">
        <v>26</v>
      </c>
      <c r="W17551">
        <v>26</v>
      </c>
      <c r="X17551">
        <v>26</v>
      </c>
      <c r="Y17551">
        <v>26</v>
      </c>
      <c r="Z17551">
        <v>26</v>
      </c>
      <c r="AA17551">
        <v>26</v>
      </c>
      <c r="AB17551">
        <v>26</v>
      </c>
      <c r="AC17551">
        <v>27</v>
      </c>
      <c r="AD17551">
        <v>27</v>
      </c>
      <c r="AE17551">
        <v>27</v>
      </c>
      <c r="AF17551">
        <v>27</v>
      </c>
      <c r="AG17551">
        <v>27</v>
      </c>
      <c r="AH17551">
        <v>27</v>
      </c>
      <c r="AI17551">
        <v>27</v>
      </c>
      <c r="AJ17551">
        <v>27</v>
      </c>
      <c r="AK17551">
        <v>27</v>
      </c>
      <c r="AL17551">
        <v>28</v>
      </c>
      <c r="AM17551">
        <v>28</v>
      </c>
      <c r="AN17551">
        <v>28</v>
      </c>
      <c r="AO17551">
        <v>28</v>
      </c>
      <c r="AP17551">
        <v>28</v>
      </c>
      <c r="AQ17551">
        <v>28</v>
      </c>
    </row>
    <row r="17552" spans="1:43">
      <c r="A17552" t="s">
        <v>10874</v>
      </c>
      <c r="B17552" t="s">
        <v>10875</v>
      </c>
      <c r="C17552" t="s">
        <v>10862</v>
      </c>
      <c r="D17552" t="s">
        <v>10863</v>
      </c>
      <c r="E17552" t="s">
        <v>10732</v>
      </c>
      <c r="F17552" t="s">
        <v>10733</v>
      </c>
      <c r="G17552" t="s">
        <v>10734</v>
      </c>
      <c r="H17552" t="s">
        <v>10735</v>
      </c>
      <c r="I17552" s="2">
        <v>1</v>
      </c>
      <c r="J17552" s="2">
        <v>0</v>
      </c>
      <c r="K17552" s="2">
        <v>0</v>
      </c>
      <c r="L17552" t="s">
        <v>120</v>
      </c>
      <c r="M17552" t="s">
        <v>89</v>
      </c>
      <c r="N17552" t="s">
        <v>90</v>
      </c>
      <c r="O17552" t="s">
        <v>85</v>
      </c>
      <c r="P17552" t="s">
        <v>86</v>
      </c>
      <c r="Q17552">
        <v>25</v>
      </c>
      <c r="R17552">
        <v>25</v>
      </c>
      <c r="S17552">
        <v>26</v>
      </c>
      <c r="T17552">
        <v>26</v>
      </c>
      <c r="U17552">
        <v>27</v>
      </c>
      <c r="V17552">
        <v>27</v>
      </c>
      <c r="W17552">
        <v>28</v>
      </c>
      <c r="X17552">
        <v>28</v>
      </c>
      <c r="Y17552">
        <v>29</v>
      </c>
      <c r="Z17552">
        <v>29</v>
      </c>
      <c r="AA17552">
        <v>30</v>
      </c>
      <c r="AB17552">
        <v>30</v>
      </c>
      <c r="AC17552">
        <v>30</v>
      </c>
      <c r="AD17552">
        <v>31</v>
      </c>
      <c r="AE17552">
        <v>31</v>
      </c>
      <c r="AF17552">
        <v>31</v>
      </c>
      <c r="AG17552">
        <v>31</v>
      </c>
      <c r="AH17552">
        <v>31</v>
      </c>
      <c r="AI17552">
        <v>31</v>
      </c>
      <c r="AJ17552">
        <v>31</v>
      </c>
      <c r="AK17552">
        <v>31</v>
      </c>
      <c r="AL17552">
        <v>31</v>
      </c>
      <c r="AM17552">
        <v>31</v>
      </c>
      <c r="AN17552">
        <v>31</v>
      </c>
      <c r="AO17552">
        <v>31</v>
      </c>
      <c r="AP17552">
        <v>31</v>
      </c>
      <c r="AQ17552">
        <v>31</v>
      </c>
    </row>
    <row r="17553" spans="1:43">
      <c r="A17553" t="s">
        <v>10874</v>
      </c>
      <c r="B17553" t="s">
        <v>10875</v>
      </c>
      <c r="C17553" t="s">
        <v>10862</v>
      </c>
      <c r="D17553" t="s">
        <v>10863</v>
      </c>
      <c r="E17553" t="s">
        <v>10732</v>
      </c>
      <c r="F17553" t="s">
        <v>10733</v>
      </c>
      <c r="G17553" t="s">
        <v>10734</v>
      </c>
      <c r="H17553" t="s">
        <v>10735</v>
      </c>
      <c r="I17553" s="2">
        <v>1</v>
      </c>
      <c r="J17553" s="2">
        <v>0</v>
      </c>
      <c r="K17553" s="2">
        <v>0</v>
      </c>
      <c r="L17553" t="s">
        <v>120</v>
      </c>
      <c r="M17553" t="s">
        <v>83</v>
      </c>
      <c r="N17553" t="s">
        <v>91</v>
      </c>
      <c r="O17553" t="s">
        <v>85</v>
      </c>
      <c r="P17553" t="s">
        <v>86</v>
      </c>
      <c r="Q17553">
        <v>25</v>
      </c>
      <c r="R17553">
        <v>26</v>
      </c>
      <c r="S17553">
        <v>26</v>
      </c>
      <c r="T17553">
        <v>27</v>
      </c>
      <c r="U17553">
        <v>27</v>
      </c>
      <c r="V17553">
        <v>27</v>
      </c>
      <c r="W17553">
        <v>28</v>
      </c>
      <c r="X17553">
        <v>28</v>
      </c>
      <c r="Y17553">
        <v>28</v>
      </c>
      <c r="Z17553">
        <v>29</v>
      </c>
      <c r="AA17553">
        <v>29</v>
      </c>
      <c r="AB17553">
        <v>29</v>
      </c>
      <c r="AC17553">
        <v>29</v>
      </c>
      <c r="AD17553">
        <v>30</v>
      </c>
      <c r="AE17553">
        <v>30</v>
      </c>
      <c r="AF17553">
        <v>30</v>
      </c>
      <c r="AG17553">
        <v>31</v>
      </c>
      <c r="AH17553">
        <v>31</v>
      </c>
      <c r="AI17553">
        <v>31</v>
      </c>
      <c r="AJ17553">
        <v>32</v>
      </c>
      <c r="AK17553">
        <v>32</v>
      </c>
      <c r="AL17553">
        <v>32</v>
      </c>
      <c r="AM17553">
        <v>32</v>
      </c>
      <c r="AN17553">
        <v>32</v>
      </c>
      <c r="AO17553">
        <v>32</v>
      </c>
      <c r="AP17553">
        <v>32</v>
      </c>
      <c r="AQ17553">
        <v>32</v>
      </c>
    </row>
    <row r="17554" spans="1:43">
      <c r="A17554" t="s">
        <v>10876</v>
      </c>
      <c r="B17554" t="s">
        <v>10877</v>
      </c>
      <c r="C17554" t="s">
        <v>10878</v>
      </c>
      <c r="D17554" t="s">
        <v>10879</v>
      </c>
      <c r="E17554" t="s">
        <v>10732</v>
      </c>
      <c r="F17554" t="s">
        <v>10733</v>
      </c>
      <c r="G17554" t="s">
        <v>10734</v>
      </c>
      <c r="H17554" t="s">
        <v>10735</v>
      </c>
      <c r="I17554" s="2">
        <v>1</v>
      </c>
      <c r="J17554" s="2">
        <v>0</v>
      </c>
      <c r="K17554" s="2">
        <v>0</v>
      </c>
      <c r="L17554" t="s">
        <v>120</v>
      </c>
      <c r="M17554" t="s">
        <v>83</v>
      </c>
      <c r="N17554" t="s">
        <v>84</v>
      </c>
      <c r="O17554" t="s">
        <v>85</v>
      </c>
      <c r="P17554" t="s">
        <v>86</v>
      </c>
      <c r="Q17554">
        <v>13</v>
      </c>
      <c r="R17554">
        <v>13</v>
      </c>
      <c r="S17554">
        <v>13</v>
      </c>
      <c r="T17554">
        <v>13</v>
      </c>
      <c r="U17554">
        <v>14</v>
      </c>
      <c r="V17554">
        <v>14</v>
      </c>
      <c r="W17554">
        <v>14</v>
      </c>
      <c r="X17554">
        <v>14</v>
      </c>
      <c r="Y17554">
        <v>14</v>
      </c>
      <c r="Z17554">
        <v>15</v>
      </c>
      <c r="AA17554">
        <v>15</v>
      </c>
      <c r="AB17554">
        <v>15</v>
      </c>
      <c r="AC17554">
        <v>15</v>
      </c>
      <c r="AD17554">
        <v>15</v>
      </c>
      <c r="AE17554">
        <v>15</v>
      </c>
      <c r="AF17554">
        <v>15</v>
      </c>
      <c r="AG17554">
        <v>16</v>
      </c>
      <c r="AH17554">
        <v>16</v>
      </c>
      <c r="AI17554">
        <v>16</v>
      </c>
      <c r="AJ17554">
        <v>16</v>
      </c>
      <c r="AK17554">
        <v>16</v>
      </c>
      <c r="AL17554">
        <v>16</v>
      </c>
      <c r="AM17554">
        <v>16</v>
      </c>
      <c r="AN17554">
        <v>16</v>
      </c>
      <c r="AO17554">
        <v>16</v>
      </c>
      <c r="AP17554">
        <v>16</v>
      </c>
      <c r="AQ17554">
        <v>16</v>
      </c>
    </row>
    <row r="17555" spans="1:43">
      <c r="A17555" t="s">
        <v>10876</v>
      </c>
      <c r="B17555" t="s">
        <v>10877</v>
      </c>
      <c r="C17555" t="s">
        <v>10878</v>
      </c>
      <c r="D17555" t="s">
        <v>10879</v>
      </c>
      <c r="E17555" t="s">
        <v>10732</v>
      </c>
      <c r="F17555" t="s">
        <v>10733</v>
      </c>
      <c r="G17555" t="s">
        <v>10734</v>
      </c>
      <c r="H17555" t="s">
        <v>10735</v>
      </c>
      <c r="I17555" s="2">
        <v>1</v>
      </c>
      <c r="J17555" s="2">
        <v>0</v>
      </c>
      <c r="K17555" s="2">
        <v>0</v>
      </c>
      <c r="L17555" t="s">
        <v>120</v>
      </c>
      <c r="M17555" t="s">
        <v>87</v>
      </c>
      <c r="N17555" t="s">
        <v>88</v>
      </c>
      <c r="O17555" t="s">
        <v>85</v>
      </c>
      <c r="P17555" t="s">
        <v>86</v>
      </c>
      <c r="Q17555">
        <v>13</v>
      </c>
      <c r="R17555">
        <v>13</v>
      </c>
      <c r="S17555">
        <v>13</v>
      </c>
      <c r="T17555">
        <v>13</v>
      </c>
      <c r="U17555">
        <v>13</v>
      </c>
      <c r="V17555">
        <v>13</v>
      </c>
      <c r="W17555">
        <v>13</v>
      </c>
      <c r="X17555">
        <v>13</v>
      </c>
      <c r="Y17555">
        <v>13</v>
      </c>
      <c r="Z17555">
        <v>13</v>
      </c>
      <c r="AA17555">
        <v>13</v>
      </c>
      <c r="AB17555">
        <v>13</v>
      </c>
      <c r="AC17555">
        <v>13</v>
      </c>
      <c r="AD17555">
        <v>14</v>
      </c>
      <c r="AE17555">
        <v>14</v>
      </c>
      <c r="AF17555">
        <v>14</v>
      </c>
      <c r="AG17555">
        <v>14</v>
      </c>
      <c r="AH17555">
        <v>14</v>
      </c>
      <c r="AI17555">
        <v>14</v>
      </c>
      <c r="AJ17555">
        <v>14</v>
      </c>
      <c r="AK17555">
        <v>14</v>
      </c>
      <c r="AL17555">
        <v>14</v>
      </c>
      <c r="AM17555">
        <v>14</v>
      </c>
      <c r="AN17555">
        <v>14</v>
      </c>
      <c r="AO17555">
        <v>14</v>
      </c>
      <c r="AP17555">
        <v>14</v>
      </c>
      <c r="AQ17555">
        <v>14</v>
      </c>
    </row>
    <row r="17556" spans="1:43">
      <c r="A17556" t="s">
        <v>10876</v>
      </c>
      <c r="B17556" t="s">
        <v>10877</v>
      </c>
      <c r="C17556" t="s">
        <v>10878</v>
      </c>
      <c r="D17556" t="s">
        <v>10879</v>
      </c>
      <c r="E17556" t="s">
        <v>10732</v>
      </c>
      <c r="F17556" t="s">
        <v>10733</v>
      </c>
      <c r="G17556" t="s">
        <v>10734</v>
      </c>
      <c r="H17556" t="s">
        <v>10735</v>
      </c>
      <c r="I17556" s="2">
        <v>1</v>
      </c>
      <c r="J17556" s="2">
        <v>0</v>
      </c>
      <c r="K17556" s="2">
        <v>0</v>
      </c>
      <c r="L17556" t="s">
        <v>120</v>
      </c>
      <c r="M17556" t="s">
        <v>89</v>
      </c>
      <c r="N17556" t="s">
        <v>90</v>
      </c>
      <c r="O17556" t="s">
        <v>85</v>
      </c>
      <c r="P17556" t="s">
        <v>86</v>
      </c>
      <c r="Q17556">
        <v>13</v>
      </c>
      <c r="R17556">
        <v>13</v>
      </c>
      <c r="S17556">
        <v>14</v>
      </c>
      <c r="T17556">
        <v>14</v>
      </c>
      <c r="U17556">
        <v>14</v>
      </c>
      <c r="V17556">
        <v>14</v>
      </c>
      <c r="W17556">
        <v>15</v>
      </c>
      <c r="X17556">
        <v>15</v>
      </c>
      <c r="Y17556">
        <v>15</v>
      </c>
      <c r="Z17556">
        <v>15</v>
      </c>
      <c r="AA17556">
        <v>16</v>
      </c>
      <c r="AB17556">
        <v>16</v>
      </c>
      <c r="AC17556">
        <v>16</v>
      </c>
      <c r="AD17556">
        <v>16</v>
      </c>
      <c r="AE17556">
        <v>16</v>
      </c>
      <c r="AF17556">
        <v>16</v>
      </c>
      <c r="AG17556">
        <v>16</v>
      </c>
      <c r="AH17556">
        <v>16</v>
      </c>
      <c r="AI17556">
        <v>16</v>
      </c>
      <c r="AJ17556">
        <v>16</v>
      </c>
      <c r="AK17556">
        <v>16</v>
      </c>
      <c r="AL17556">
        <v>16</v>
      </c>
      <c r="AM17556">
        <v>16</v>
      </c>
      <c r="AN17556">
        <v>17</v>
      </c>
      <c r="AO17556">
        <v>17</v>
      </c>
      <c r="AP17556">
        <v>17</v>
      </c>
      <c r="AQ17556">
        <v>17</v>
      </c>
    </row>
    <row r="17557" spans="1:43">
      <c r="A17557" t="s">
        <v>10876</v>
      </c>
      <c r="B17557" t="s">
        <v>10877</v>
      </c>
      <c r="C17557" t="s">
        <v>10878</v>
      </c>
      <c r="D17557" t="s">
        <v>10879</v>
      </c>
      <c r="E17557" t="s">
        <v>10732</v>
      </c>
      <c r="F17557" t="s">
        <v>10733</v>
      </c>
      <c r="G17557" t="s">
        <v>10734</v>
      </c>
      <c r="H17557" t="s">
        <v>10735</v>
      </c>
      <c r="I17557" s="2">
        <v>1</v>
      </c>
      <c r="J17557" s="2">
        <v>0</v>
      </c>
      <c r="K17557" s="2">
        <v>0</v>
      </c>
      <c r="L17557" t="s">
        <v>120</v>
      </c>
      <c r="M17557" t="s">
        <v>83</v>
      </c>
      <c r="N17557" t="s">
        <v>91</v>
      </c>
      <c r="O17557" t="s">
        <v>85</v>
      </c>
      <c r="P17557" t="s">
        <v>86</v>
      </c>
      <c r="Q17557">
        <v>13</v>
      </c>
      <c r="R17557">
        <v>13</v>
      </c>
      <c r="S17557">
        <v>13</v>
      </c>
      <c r="T17557">
        <v>13</v>
      </c>
      <c r="U17557">
        <v>14</v>
      </c>
      <c r="V17557">
        <v>14</v>
      </c>
      <c r="W17557">
        <v>14</v>
      </c>
      <c r="X17557">
        <v>14</v>
      </c>
      <c r="Y17557">
        <v>14</v>
      </c>
      <c r="Z17557">
        <v>15</v>
      </c>
      <c r="AA17557">
        <v>15</v>
      </c>
      <c r="AB17557">
        <v>15</v>
      </c>
      <c r="AC17557">
        <v>15</v>
      </c>
      <c r="AD17557">
        <v>15</v>
      </c>
      <c r="AE17557">
        <v>15</v>
      </c>
      <c r="AF17557">
        <v>15</v>
      </c>
      <c r="AG17557">
        <v>16</v>
      </c>
      <c r="AH17557">
        <v>16</v>
      </c>
      <c r="AI17557">
        <v>16</v>
      </c>
      <c r="AJ17557">
        <v>16</v>
      </c>
      <c r="AK17557">
        <v>16</v>
      </c>
      <c r="AL17557">
        <v>16</v>
      </c>
      <c r="AM17557">
        <v>16</v>
      </c>
      <c r="AN17557">
        <v>16</v>
      </c>
      <c r="AO17557">
        <v>16</v>
      </c>
      <c r="AP17557">
        <v>16</v>
      </c>
      <c r="AQ17557">
        <v>16</v>
      </c>
    </row>
    <row r="17558" spans="1:43">
      <c r="A17558" t="s">
        <v>10880</v>
      </c>
      <c r="B17558" t="s">
        <v>10881</v>
      </c>
      <c r="C17558" t="s">
        <v>10878</v>
      </c>
      <c r="D17558" t="s">
        <v>10879</v>
      </c>
      <c r="E17558" t="s">
        <v>10732</v>
      </c>
      <c r="F17558" t="s">
        <v>10733</v>
      </c>
      <c r="G17558" t="s">
        <v>10734</v>
      </c>
      <c r="H17558" t="s">
        <v>10735</v>
      </c>
      <c r="I17558" s="2">
        <v>1</v>
      </c>
      <c r="J17558" s="2">
        <v>0</v>
      </c>
      <c r="K17558" s="2">
        <v>0</v>
      </c>
      <c r="L17558" t="s">
        <v>120</v>
      </c>
      <c r="M17558" t="s">
        <v>83</v>
      </c>
      <c r="N17558" t="s">
        <v>84</v>
      </c>
      <c r="O17558" t="s">
        <v>85</v>
      </c>
      <c r="P17558" t="s">
        <v>86</v>
      </c>
      <c r="Q17558">
        <v>113</v>
      </c>
      <c r="R17558">
        <v>114</v>
      </c>
      <c r="S17558">
        <v>116</v>
      </c>
      <c r="T17558">
        <v>117</v>
      </c>
      <c r="U17558">
        <v>119</v>
      </c>
      <c r="V17558">
        <v>120</v>
      </c>
      <c r="W17558">
        <v>122</v>
      </c>
      <c r="X17558">
        <v>123</v>
      </c>
      <c r="Y17558">
        <v>125</v>
      </c>
      <c r="Z17558">
        <v>126</v>
      </c>
      <c r="AA17558">
        <v>128</v>
      </c>
      <c r="AB17558">
        <v>129</v>
      </c>
      <c r="AC17558">
        <v>130</v>
      </c>
      <c r="AD17558">
        <v>132</v>
      </c>
      <c r="AE17558">
        <v>133</v>
      </c>
      <c r="AF17558">
        <v>134</v>
      </c>
      <c r="AG17558">
        <v>136</v>
      </c>
      <c r="AH17558">
        <v>137</v>
      </c>
      <c r="AI17558">
        <v>139</v>
      </c>
      <c r="AJ17558">
        <v>140</v>
      </c>
      <c r="AK17558">
        <v>141</v>
      </c>
      <c r="AL17558">
        <v>142</v>
      </c>
      <c r="AM17558">
        <v>142</v>
      </c>
      <c r="AN17558">
        <v>142</v>
      </c>
      <c r="AO17558">
        <v>142</v>
      </c>
      <c r="AP17558">
        <v>142</v>
      </c>
      <c r="AQ17558">
        <v>142</v>
      </c>
    </row>
    <row r="17559" spans="1:43">
      <c r="A17559" t="s">
        <v>10880</v>
      </c>
      <c r="B17559" t="s">
        <v>10881</v>
      </c>
      <c r="C17559" t="s">
        <v>10878</v>
      </c>
      <c r="D17559" t="s">
        <v>10879</v>
      </c>
      <c r="E17559" t="s">
        <v>10732</v>
      </c>
      <c r="F17559" t="s">
        <v>10733</v>
      </c>
      <c r="G17559" t="s">
        <v>10734</v>
      </c>
      <c r="H17559" t="s">
        <v>10735</v>
      </c>
      <c r="I17559" s="2">
        <v>1</v>
      </c>
      <c r="J17559" s="2">
        <v>0</v>
      </c>
      <c r="K17559" s="2">
        <v>0</v>
      </c>
      <c r="L17559" t="s">
        <v>120</v>
      </c>
      <c r="M17559" t="s">
        <v>87</v>
      </c>
      <c r="N17559" t="s">
        <v>88</v>
      </c>
      <c r="O17559" t="s">
        <v>85</v>
      </c>
      <c r="P17559" t="s">
        <v>86</v>
      </c>
      <c r="Q17559">
        <v>113</v>
      </c>
      <c r="R17559">
        <v>113</v>
      </c>
      <c r="S17559">
        <v>114</v>
      </c>
      <c r="T17559">
        <v>114</v>
      </c>
      <c r="U17559">
        <v>114</v>
      </c>
      <c r="V17559">
        <v>115</v>
      </c>
      <c r="W17559">
        <v>115</v>
      </c>
      <c r="X17559">
        <v>116</v>
      </c>
      <c r="Y17559">
        <v>116</v>
      </c>
      <c r="Z17559">
        <v>117</v>
      </c>
      <c r="AA17559">
        <v>117</v>
      </c>
      <c r="AB17559">
        <v>118</v>
      </c>
      <c r="AC17559">
        <v>118</v>
      </c>
      <c r="AD17559">
        <v>119</v>
      </c>
      <c r="AE17559">
        <v>119</v>
      </c>
      <c r="AF17559">
        <v>120</v>
      </c>
      <c r="AG17559">
        <v>120</v>
      </c>
      <c r="AH17559">
        <v>121</v>
      </c>
      <c r="AI17559">
        <v>121</v>
      </c>
      <c r="AJ17559">
        <v>122</v>
      </c>
      <c r="AK17559">
        <v>122</v>
      </c>
      <c r="AL17559">
        <v>123</v>
      </c>
      <c r="AM17559">
        <v>123</v>
      </c>
      <c r="AN17559">
        <v>124</v>
      </c>
      <c r="AO17559">
        <v>124</v>
      </c>
      <c r="AP17559">
        <v>125</v>
      </c>
      <c r="AQ17559">
        <v>125</v>
      </c>
    </row>
    <row r="17560" spans="1:43">
      <c r="A17560" t="s">
        <v>10880</v>
      </c>
      <c r="B17560" t="s">
        <v>10881</v>
      </c>
      <c r="C17560" t="s">
        <v>10878</v>
      </c>
      <c r="D17560" t="s">
        <v>10879</v>
      </c>
      <c r="E17560" t="s">
        <v>10732</v>
      </c>
      <c r="F17560" t="s">
        <v>10733</v>
      </c>
      <c r="G17560" t="s">
        <v>10734</v>
      </c>
      <c r="H17560" t="s">
        <v>10735</v>
      </c>
      <c r="I17560" s="2">
        <v>1</v>
      </c>
      <c r="J17560" s="2">
        <v>0</v>
      </c>
      <c r="K17560" s="2">
        <v>0</v>
      </c>
      <c r="L17560" t="s">
        <v>120</v>
      </c>
      <c r="M17560" t="s">
        <v>89</v>
      </c>
      <c r="N17560" t="s">
        <v>90</v>
      </c>
      <c r="O17560" t="s">
        <v>85</v>
      </c>
      <c r="P17560" t="s">
        <v>86</v>
      </c>
      <c r="Q17560">
        <v>113</v>
      </c>
      <c r="R17560">
        <v>115</v>
      </c>
      <c r="S17560">
        <v>118</v>
      </c>
      <c r="T17560">
        <v>120</v>
      </c>
      <c r="U17560">
        <v>122</v>
      </c>
      <c r="V17560">
        <v>125</v>
      </c>
      <c r="W17560">
        <v>127</v>
      </c>
      <c r="X17560">
        <v>129</v>
      </c>
      <c r="Y17560">
        <v>131</v>
      </c>
      <c r="Z17560">
        <v>133</v>
      </c>
      <c r="AA17560">
        <v>134</v>
      </c>
      <c r="AB17560">
        <v>136</v>
      </c>
      <c r="AC17560">
        <v>138</v>
      </c>
      <c r="AD17560">
        <v>140</v>
      </c>
      <c r="AE17560">
        <v>141</v>
      </c>
      <c r="AF17560">
        <v>142</v>
      </c>
      <c r="AG17560">
        <v>142</v>
      </c>
      <c r="AH17560">
        <v>142</v>
      </c>
      <c r="AI17560">
        <v>142</v>
      </c>
      <c r="AJ17560">
        <v>142</v>
      </c>
      <c r="AK17560">
        <v>142</v>
      </c>
      <c r="AL17560">
        <v>142</v>
      </c>
      <c r="AM17560">
        <v>143</v>
      </c>
      <c r="AN17560">
        <v>143</v>
      </c>
      <c r="AO17560">
        <v>143</v>
      </c>
      <c r="AP17560">
        <v>143</v>
      </c>
      <c r="AQ17560">
        <v>143</v>
      </c>
    </row>
    <row r="17561" spans="1:43">
      <c r="A17561" t="s">
        <v>10880</v>
      </c>
      <c r="B17561" t="s">
        <v>10881</v>
      </c>
      <c r="C17561" t="s">
        <v>10878</v>
      </c>
      <c r="D17561" t="s">
        <v>10879</v>
      </c>
      <c r="E17561" t="s">
        <v>10732</v>
      </c>
      <c r="F17561" t="s">
        <v>10733</v>
      </c>
      <c r="G17561" t="s">
        <v>10734</v>
      </c>
      <c r="H17561" t="s">
        <v>10735</v>
      </c>
      <c r="I17561" s="2">
        <v>1</v>
      </c>
      <c r="J17561" s="2">
        <v>0</v>
      </c>
      <c r="K17561" s="2">
        <v>0</v>
      </c>
      <c r="L17561" t="s">
        <v>120</v>
      </c>
      <c r="M17561" t="s">
        <v>83</v>
      </c>
      <c r="N17561" t="s">
        <v>91</v>
      </c>
      <c r="O17561" t="s">
        <v>85</v>
      </c>
      <c r="P17561" t="s">
        <v>86</v>
      </c>
      <c r="Q17561">
        <v>113</v>
      </c>
      <c r="R17561">
        <v>114</v>
      </c>
      <c r="S17561">
        <v>116</v>
      </c>
      <c r="T17561">
        <v>117</v>
      </c>
      <c r="U17561">
        <v>119</v>
      </c>
      <c r="V17561">
        <v>120</v>
      </c>
      <c r="W17561">
        <v>122</v>
      </c>
      <c r="X17561">
        <v>123</v>
      </c>
      <c r="Y17561">
        <v>125</v>
      </c>
      <c r="Z17561">
        <v>126</v>
      </c>
      <c r="AA17561">
        <v>128</v>
      </c>
      <c r="AB17561">
        <v>129</v>
      </c>
      <c r="AC17561">
        <v>130</v>
      </c>
      <c r="AD17561">
        <v>132</v>
      </c>
      <c r="AE17561">
        <v>133</v>
      </c>
      <c r="AF17561">
        <v>134</v>
      </c>
      <c r="AG17561">
        <v>136</v>
      </c>
      <c r="AH17561">
        <v>137</v>
      </c>
      <c r="AI17561">
        <v>139</v>
      </c>
      <c r="AJ17561">
        <v>140</v>
      </c>
      <c r="AK17561">
        <v>141</v>
      </c>
      <c r="AL17561">
        <v>142</v>
      </c>
      <c r="AM17561">
        <v>142</v>
      </c>
      <c r="AN17561">
        <v>142</v>
      </c>
      <c r="AO17561">
        <v>142</v>
      </c>
      <c r="AP17561">
        <v>142</v>
      </c>
      <c r="AQ17561">
        <v>142</v>
      </c>
    </row>
    <row r="17562" spans="1:43">
      <c r="A17562" t="s">
        <v>10882</v>
      </c>
      <c r="B17562" t="s">
        <v>10883</v>
      </c>
      <c r="C17562" t="s">
        <v>10878</v>
      </c>
      <c r="D17562" t="s">
        <v>10879</v>
      </c>
      <c r="E17562" t="s">
        <v>10732</v>
      </c>
      <c r="F17562" t="s">
        <v>10733</v>
      </c>
      <c r="G17562" t="s">
        <v>10734</v>
      </c>
      <c r="H17562" t="s">
        <v>10735</v>
      </c>
      <c r="I17562" s="2">
        <v>1</v>
      </c>
      <c r="J17562" s="2">
        <v>0</v>
      </c>
      <c r="K17562" s="2">
        <v>0</v>
      </c>
      <c r="L17562" t="s">
        <v>120</v>
      </c>
      <c r="M17562" t="s">
        <v>83</v>
      </c>
      <c r="N17562" t="s">
        <v>84</v>
      </c>
      <c r="O17562" t="s">
        <v>85</v>
      </c>
      <c r="P17562" t="s">
        <v>86</v>
      </c>
      <c r="Q17562">
        <v>4</v>
      </c>
      <c r="R17562">
        <v>4</v>
      </c>
      <c r="S17562">
        <v>4</v>
      </c>
      <c r="T17562">
        <v>4</v>
      </c>
      <c r="U17562">
        <v>4</v>
      </c>
      <c r="V17562">
        <v>4</v>
      </c>
      <c r="W17562">
        <v>4</v>
      </c>
      <c r="X17562">
        <v>4</v>
      </c>
      <c r="Y17562">
        <v>4</v>
      </c>
      <c r="Z17562">
        <v>4</v>
      </c>
      <c r="AA17562">
        <v>4</v>
      </c>
      <c r="AB17562">
        <v>4</v>
      </c>
      <c r="AC17562">
        <v>4</v>
      </c>
      <c r="AD17562">
        <v>4</v>
      </c>
      <c r="AE17562">
        <v>4</v>
      </c>
      <c r="AF17562">
        <v>4</v>
      </c>
      <c r="AG17562">
        <v>4</v>
      </c>
      <c r="AH17562">
        <v>4</v>
      </c>
      <c r="AI17562">
        <v>4</v>
      </c>
      <c r="AJ17562">
        <v>4</v>
      </c>
      <c r="AK17562">
        <v>4</v>
      </c>
      <c r="AL17562">
        <v>4</v>
      </c>
      <c r="AM17562">
        <v>4</v>
      </c>
      <c r="AN17562">
        <v>4</v>
      </c>
      <c r="AO17562">
        <v>4</v>
      </c>
      <c r="AP17562">
        <v>4</v>
      </c>
      <c r="AQ17562">
        <v>4</v>
      </c>
    </row>
    <row r="17563" spans="1:43">
      <c r="A17563" t="s">
        <v>10882</v>
      </c>
      <c r="B17563" t="s">
        <v>10883</v>
      </c>
      <c r="C17563" t="s">
        <v>10878</v>
      </c>
      <c r="D17563" t="s">
        <v>10879</v>
      </c>
      <c r="E17563" t="s">
        <v>10732</v>
      </c>
      <c r="F17563" t="s">
        <v>10733</v>
      </c>
      <c r="G17563" t="s">
        <v>10734</v>
      </c>
      <c r="H17563" t="s">
        <v>10735</v>
      </c>
      <c r="I17563" s="2">
        <v>1</v>
      </c>
      <c r="J17563" s="2">
        <v>0</v>
      </c>
      <c r="K17563" s="2">
        <v>0</v>
      </c>
      <c r="L17563" t="s">
        <v>120</v>
      </c>
      <c r="M17563" t="s">
        <v>87</v>
      </c>
      <c r="N17563" t="s">
        <v>88</v>
      </c>
      <c r="O17563" t="s">
        <v>85</v>
      </c>
      <c r="P17563" t="s">
        <v>86</v>
      </c>
      <c r="Q17563">
        <v>4</v>
      </c>
      <c r="R17563">
        <v>4</v>
      </c>
      <c r="S17563">
        <v>4</v>
      </c>
      <c r="T17563">
        <v>4</v>
      </c>
      <c r="U17563">
        <v>4</v>
      </c>
      <c r="V17563">
        <v>4</v>
      </c>
      <c r="W17563">
        <v>4</v>
      </c>
      <c r="X17563">
        <v>4</v>
      </c>
      <c r="Y17563">
        <v>4</v>
      </c>
      <c r="Z17563">
        <v>4</v>
      </c>
      <c r="AA17563">
        <v>4</v>
      </c>
      <c r="AB17563">
        <v>4</v>
      </c>
      <c r="AC17563">
        <v>4</v>
      </c>
      <c r="AD17563">
        <v>4</v>
      </c>
      <c r="AE17563">
        <v>4</v>
      </c>
      <c r="AF17563">
        <v>4</v>
      </c>
      <c r="AG17563">
        <v>4</v>
      </c>
      <c r="AH17563">
        <v>4</v>
      </c>
      <c r="AI17563">
        <v>4</v>
      </c>
      <c r="AJ17563">
        <v>4</v>
      </c>
      <c r="AK17563">
        <v>4</v>
      </c>
      <c r="AL17563">
        <v>4</v>
      </c>
      <c r="AM17563">
        <v>4</v>
      </c>
      <c r="AN17563">
        <v>4</v>
      </c>
      <c r="AO17563">
        <v>4</v>
      </c>
      <c r="AP17563">
        <v>4</v>
      </c>
      <c r="AQ17563">
        <v>4</v>
      </c>
    </row>
    <row r="17564" spans="1:43">
      <c r="A17564" t="s">
        <v>10882</v>
      </c>
      <c r="B17564" t="s">
        <v>10883</v>
      </c>
      <c r="C17564" t="s">
        <v>10878</v>
      </c>
      <c r="D17564" t="s">
        <v>10879</v>
      </c>
      <c r="E17564" t="s">
        <v>10732</v>
      </c>
      <c r="F17564" t="s">
        <v>10733</v>
      </c>
      <c r="G17564" t="s">
        <v>10734</v>
      </c>
      <c r="H17564" t="s">
        <v>10735</v>
      </c>
      <c r="I17564" s="2">
        <v>1</v>
      </c>
      <c r="J17564" s="2">
        <v>0</v>
      </c>
      <c r="K17564" s="2">
        <v>0</v>
      </c>
      <c r="L17564" t="s">
        <v>120</v>
      </c>
      <c r="M17564" t="s">
        <v>89</v>
      </c>
      <c r="N17564" t="s">
        <v>90</v>
      </c>
      <c r="O17564" t="s">
        <v>85</v>
      </c>
      <c r="P17564" t="s">
        <v>86</v>
      </c>
      <c r="Q17564">
        <v>4</v>
      </c>
      <c r="R17564">
        <v>4</v>
      </c>
      <c r="S17564">
        <v>4</v>
      </c>
      <c r="T17564">
        <v>4</v>
      </c>
      <c r="U17564">
        <v>4</v>
      </c>
      <c r="V17564">
        <v>4</v>
      </c>
      <c r="W17564">
        <v>4</v>
      </c>
      <c r="X17564">
        <v>4</v>
      </c>
      <c r="Y17564">
        <v>4</v>
      </c>
      <c r="Z17564">
        <v>4</v>
      </c>
      <c r="AA17564">
        <v>4</v>
      </c>
      <c r="AB17564">
        <v>4</v>
      </c>
      <c r="AC17564">
        <v>4</v>
      </c>
      <c r="AD17564">
        <v>4</v>
      </c>
      <c r="AE17564">
        <v>4</v>
      </c>
      <c r="AF17564">
        <v>4</v>
      </c>
      <c r="AG17564">
        <v>4</v>
      </c>
      <c r="AH17564">
        <v>4</v>
      </c>
      <c r="AI17564">
        <v>5</v>
      </c>
      <c r="AJ17564">
        <v>5</v>
      </c>
      <c r="AK17564">
        <v>5</v>
      </c>
      <c r="AL17564">
        <v>5</v>
      </c>
      <c r="AM17564">
        <v>5</v>
      </c>
      <c r="AN17564">
        <v>5</v>
      </c>
      <c r="AO17564">
        <v>5</v>
      </c>
      <c r="AP17564">
        <v>5</v>
      </c>
      <c r="AQ17564">
        <v>5</v>
      </c>
    </row>
    <row r="17565" spans="1:43">
      <c r="A17565" t="s">
        <v>10882</v>
      </c>
      <c r="B17565" t="s">
        <v>10883</v>
      </c>
      <c r="C17565" t="s">
        <v>10878</v>
      </c>
      <c r="D17565" t="s">
        <v>10879</v>
      </c>
      <c r="E17565" t="s">
        <v>10732</v>
      </c>
      <c r="F17565" t="s">
        <v>10733</v>
      </c>
      <c r="G17565" t="s">
        <v>10734</v>
      </c>
      <c r="H17565" t="s">
        <v>10735</v>
      </c>
      <c r="I17565" s="2">
        <v>1</v>
      </c>
      <c r="J17565" s="2">
        <v>0</v>
      </c>
      <c r="K17565" s="2">
        <v>0</v>
      </c>
      <c r="L17565" t="s">
        <v>120</v>
      </c>
      <c r="M17565" t="s">
        <v>83</v>
      </c>
      <c r="N17565" t="s">
        <v>91</v>
      </c>
      <c r="O17565" t="s">
        <v>85</v>
      </c>
      <c r="P17565" t="s">
        <v>86</v>
      </c>
      <c r="Q17565">
        <v>4</v>
      </c>
      <c r="R17565">
        <v>4</v>
      </c>
      <c r="S17565">
        <v>4</v>
      </c>
      <c r="T17565">
        <v>4</v>
      </c>
      <c r="U17565">
        <v>4</v>
      </c>
      <c r="V17565">
        <v>4</v>
      </c>
      <c r="W17565">
        <v>4</v>
      </c>
      <c r="X17565">
        <v>4</v>
      </c>
      <c r="Y17565">
        <v>4</v>
      </c>
      <c r="Z17565">
        <v>4</v>
      </c>
      <c r="AA17565">
        <v>4</v>
      </c>
      <c r="AB17565">
        <v>4</v>
      </c>
      <c r="AC17565">
        <v>4</v>
      </c>
      <c r="AD17565">
        <v>4</v>
      </c>
      <c r="AE17565">
        <v>4</v>
      </c>
      <c r="AF17565">
        <v>4</v>
      </c>
      <c r="AG17565">
        <v>4</v>
      </c>
      <c r="AH17565">
        <v>4</v>
      </c>
      <c r="AI17565">
        <v>4</v>
      </c>
      <c r="AJ17565">
        <v>4</v>
      </c>
      <c r="AK17565">
        <v>4</v>
      </c>
      <c r="AL17565">
        <v>4</v>
      </c>
      <c r="AM17565">
        <v>4</v>
      </c>
      <c r="AN17565">
        <v>4</v>
      </c>
      <c r="AO17565">
        <v>4</v>
      </c>
      <c r="AP17565">
        <v>4</v>
      </c>
      <c r="AQ17565">
        <v>4</v>
      </c>
    </row>
    <row r="17566" spans="1:43">
      <c r="A17566" t="s">
        <v>10884</v>
      </c>
      <c r="B17566" t="s">
        <v>10885</v>
      </c>
      <c r="C17566" t="s">
        <v>10878</v>
      </c>
      <c r="D17566" t="s">
        <v>10879</v>
      </c>
      <c r="E17566" t="s">
        <v>10732</v>
      </c>
      <c r="F17566" t="s">
        <v>10733</v>
      </c>
      <c r="G17566" t="s">
        <v>10734</v>
      </c>
      <c r="H17566" t="s">
        <v>10735</v>
      </c>
      <c r="I17566" s="2">
        <v>1</v>
      </c>
      <c r="J17566" s="2">
        <v>0</v>
      </c>
      <c r="K17566" s="2">
        <v>0</v>
      </c>
      <c r="L17566" t="s">
        <v>120</v>
      </c>
      <c r="M17566" t="s">
        <v>83</v>
      </c>
      <c r="N17566" t="s">
        <v>84</v>
      </c>
      <c r="O17566" t="s">
        <v>85</v>
      </c>
      <c r="P17566" t="s">
        <v>86</v>
      </c>
      <c r="Q17566">
        <v>9</v>
      </c>
      <c r="R17566">
        <v>9</v>
      </c>
      <c r="S17566">
        <v>10</v>
      </c>
      <c r="T17566">
        <v>10</v>
      </c>
      <c r="U17566">
        <v>10</v>
      </c>
      <c r="V17566">
        <v>10</v>
      </c>
      <c r="W17566">
        <v>10</v>
      </c>
      <c r="X17566">
        <v>10</v>
      </c>
      <c r="Y17566">
        <v>10</v>
      </c>
      <c r="Z17566">
        <v>10</v>
      </c>
      <c r="AA17566">
        <v>11</v>
      </c>
      <c r="AB17566">
        <v>11</v>
      </c>
      <c r="AC17566">
        <v>11</v>
      </c>
      <c r="AD17566">
        <v>11</v>
      </c>
      <c r="AE17566">
        <v>11</v>
      </c>
      <c r="AF17566">
        <v>11</v>
      </c>
      <c r="AG17566">
        <v>11</v>
      </c>
      <c r="AH17566">
        <v>11</v>
      </c>
      <c r="AI17566">
        <v>11</v>
      </c>
      <c r="AJ17566">
        <v>12</v>
      </c>
      <c r="AK17566">
        <v>12</v>
      </c>
      <c r="AL17566">
        <v>12</v>
      </c>
      <c r="AM17566">
        <v>12</v>
      </c>
      <c r="AN17566">
        <v>12</v>
      </c>
      <c r="AO17566">
        <v>12</v>
      </c>
      <c r="AP17566">
        <v>12</v>
      </c>
      <c r="AQ17566">
        <v>12</v>
      </c>
    </row>
    <row r="17567" spans="1:43">
      <c r="A17567" t="s">
        <v>10884</v>
      </c>
      <c r="B17567" t="s">
        <v>10885</v>
      </c>
      <c r="C17567" t="s">
        <v>10878</v>
      </c>
      <c r="D17567" t="s">
        <v>10879</v>
      </c>
      <c r="E17567" t="s">
        <v>10732</v>
      </c>
      <c r="F17567" t="s">
        <v>10733</v>
      </c>
      <c r="G17567" t="s">
        <v>10734</v>
      </c>
      <c r="H17567" t="s">
        <v>10735</v>
      </c>
      <c r="I17567" s="2">
        <v>1</v>
      </c>
      <c r="J17567" s="2">
        <v>0</v>
      </c>
      <c r="K17567" s="2">
        <v>0</v>
      </c>
      <c r="L17567" t="s">
        <v>120</v>
      </c>
      <c r="M17567" t="s">
        <v>87</v>
      </c>
      <c r="N17567" t="s">
        <v>88</v>
      </c>
      <c r="O17567" t="s">
        <v>85</v>
      </c>
      <c r="P17567" t="s">
        <v>86</v>
      </c>
      <c r="Q17567">
        <v>9</v>
      </c>
      <c r="R17567">
        <v>9</v>
      </c>
      <c r="S17567">
        <v>9</v>
      </c>
      <c r="T17567">
        <v>9</v>
      </c>
      <c r="U17567">
        <v>9</v>
      </c>
      <c r="V17567">
        <v>9</v>
      </c>
      <c r="W17567">
        <v>9</v>
      </c>
      <c r="X17567">
        <v>10</v>
      </c>
      <c r="Y17567">
        <v>10</v>
      </c>
      <c r="Z17567">
        <v>10</v>
      </c>
      <c r="AA17567">
        <v>10</v>
      </c>
      <c r="AB17567">
        <v>10</v>
      </c>
      <c r="AC17567">
        <v>10</v>
      </c>
      <c r="AD17567">
        <v>10</v>
      </c>
      <c r="AE17567">
        <v>10</v>
      </c>
      <c r="AF17567">
        <v>10</v>
      </c>
      <c r="AG17567">
        <v>10</v>
      </c>
      <c r="AH17567">
        <v>10</v>
      </c>
      <c r="AI17567">
        <v>10</v>
      </c>
      <c r="AJ17567">
        <v>10</v>
      </c>
      <c r="AK17567">
        <v>10</v>
      </c>
      <c r="AL17567">
        <v>10</v>
      </c>
      <c r="AM17567">
        <v>10</v>
      </c>
      <c r="AN17567">
        <v>10</v>
      </c>
      <c r="AO17567">
        <v>10</v>
      </c>
      <c r="AP17567">
        <v>10</v>
      </c>
      <c r="AQ17567">
        <v>10</v>
      </c>
    </row>
    <row r="17568" spans="1:43">
      <c r="A17568" t="s">
        <v>10884</v>
      </c>
      <c r="B17568" t="s">
        <v>10885</v>
      </c>
      <c r="C17568" t="s">
        <v>10878</v>
      </c>
      <c r="D17568" t="s">
        <v>10879</v>
      </c>
      <c r="E17568" t="s">
        <v>10732</v>
      </c>
      <c r="F17568" t="s">
        <v>10733</v>
      </c>
      <c r="G17568" t="s">
        <v>10734</v>
      </c>
      <c r="H17568" t="s">
        <v>10735</v>
      </c>
      <c r="I17568" s="2">
        <v>1</v>
      </c>
      <c r="J17568" s="2">
        <v>0</v>
      </c>
      <c r="K17568" s="2">
        <v>0</v>
      </c>
      <c r="L17568" t="s">
        <v>120</v>
      </c>
      <c r="M17568" t="s">
        <v>89</v>
      </c>
      <c r="N17568" t="s">
        <v>90</v>
      </c>
      <c r="O17568" t="s">
        <v>85</v>
      </c>
      <c r="P17568" t="s">
        <v>86</v>
      </c>
      <c r="Q17568">
        <v>9</v>
      </c>
      <c r="R17568">
        <v>10</v>
      </c>
      <c r="S17568">
        <v>10</v>
      </c>
      <c r="T17568">
        <v>10</v>
      </c>
      <c r="U17568">
        <v>10</v>
      </c>
      <c r="V17568">
        <v>10</v>
      </c>
      <c r="W17568">
        <v>11</v>
      </c>
      <c r="X17568">
        <v>11</v>
      </c>
      <c r="Y17568">
        <v>11</v>
      </c>
      <c r="Z17568">
        <v>11</v>
      </c>
      <c r="AA17568">
        <v>11</v>
      </c>
      <c r="AB17568">
        <v>11</v>
      </c>
      <c r="AC17568">
        <v>11</v>
      </c>
      <c r="AD17568">
        <v>12</v>
      </c>
      <c r="AE17568">
        <v>12</v>
      </c>
      <c r="AF17568">
        <v>12</v>
      </c>
      <c r="AG17568">
        <v>12</v>
      </c>
      <c r="AH17568">
        <v>12</v>
      </c>
      <c r="AI17568">
        <v>12</v>
      </c>
      <c r="AJ17568">
        <v>12</v>
      </c>
      <c r="AK17568">
        <v>12</v>
      </c>
      <c r="AL17568">
        <v>12</v>
      </c>
      <c r="AM17568">
        <v>12</v>
      </c>
      <c r="AN17568">
        <v>12</v>
      </c>
      <c r="AO17568">
        <v>12</v>
      </c>
      <c r="AP17568">
        <v>12</v>
      </c>
      <c r="AQ17568">
        <v>12</v>
      </c>
    </row>
    <row r="17569" spans="1:43">
      <c r="A17569" t="s">
        <v>10884</v>
      </c>
      <c r="B17569" t="s">
        <v>10885</v>
      </c>
      <c r="C17569" t="s">
        <v>10878</v>
      </c>
      <c r="D17569" t="s">
        <v>10879</v>
      </c>
      <c r="E17569" t="s">
        <v>10732</v>
      </c>
      <c r="F17569" t="s">
        <v>10733</v>
      </c>
      <c r="G17569" t="s">
        <v>10734</v>
      </c>
      <c r="H17569" t="s">
        <v>10735</v>
      </c>
      <c r="I17569" s="2">
        <v>1</v>
      </c>
      <c r="J17569" s="2">
        <v>0</v>
      </c>
      <c r="K17569" s="2">
        <v>0</v>
      </c>
      <c r="L17569" t="s">
        <v>120</v>
      </c>
      <c r="M17569" t="s">
        <v>83</v>
      </c>
      <c r="N17569" t="s">
        <v>91</v>
      </c>
      <c r="O17569" t="s">
        <v>85</v>
      </c>
      <c r="P17569" t="s">
        <v>86</v>
      </c>
      <c r="Q17569">
        <v>9</v>
      </c>
      <c r="R17569">
        <v>9</v>
      </c>
      <c r="S17569">
        <v>10</v>
      </c>
      <c r="T17569">
        <v>10</v>
      </c>
      <c r="U17569">
        <v>10</v>
      </c>
      <c r="V17569">
        <v>10</v>
      </c>
      <c r="W17569">
        <v>10</v>
      </c>
      <c r="X17569">
        <v>10</v>
      </c>
      <c r="Y17569">
        <v>10</v>
      </c>
      <c r="Z17569">
        <v>10</v>
      </c>
      <c r="AA17569">
        <v>11</v>
      </c>
      <c r="AB17569">
        <v>11</v>
      </c>
      <c r="AC17569">
        <v>11</v>
      </c>
      <c r="AD17569">
        <v>11</v>
      </c>
      <c r="AE17569">
        <v>11</v>
      </c>
      <c r="AF17569">
        <v>11</v>
      </c>
      <c r="AG17569">
        <v>11</v>
      </c>
      <c r="AH17569">
        <v>11</v>
      </c>
      <c r="AI17569">
        <v>11</v>
      </c>
      <c r="AJ17569">
        <v>12</v>
      </c>
      <c r="AK17569">
        <v>12</v>
      </c>
      <c r="AL17569">
        <v>12</v>
      </c>
      <c r="AM17569">
        <v>12</v>
      </c>
      <c r="AN17569">
        <v>12</v>
      </c>
      <c r="AO17569">
        <v>12</v>
      </c>
      <c r="AP17569">
        <v>12</v>
      </c>
      <c r="AQ17569">
        <v>12</v>
      </c>
    </row>
    <row r="17570" spans="1:43">
      <c r="A17570" t="s">
        <v>10886</v>
      </c>
      <c r="B17570" t="s">
        <v>10887</v>
      </c>
      <c r="C17570" t="s">
        <v>10878</v>
      </c>
      <c r="D17570" t="s">
        <v>10879</v>
      </c>
      <c r="E17570" t="s">
        <v>10732</v>
      </c>
      <c r="F17570" t="s">
        <v>10733</v>
      </c>
      <c r="G17570" t="s">
        <v>10734</v>
      </c>
      <c r="H17570" t="s">
        <v>10735</v>
      </c>
      <c r="I17570" s="2">
        <v>1</v>
      </c>
      <c r="J17570" s="2">
        <v>0</v>
      </c>
      <c r="K17570" s="2">
        <v>0</v>
      </c>
      <c r="L17570" t="s">
        <v>120</v>
      </c>
      <c r="M17570" t="s">
        <v>83</v>
      </c>
      <c r="N17570" t="s">
        <v>84</v>
      </c>
      <c r="O17570" t="s">
        <v>85</v>
      </c>
      <c r="P17570" t="s">
        <v>86</v>
      </c>
      <c r="Q17570">
        <v>19</v>
      </c>
      <c r="R17570">
        <v>20</v>
      </c>
      <c r="S17570">
        <v>20</v>
      </c>
      <c r="T17570">
        <v>20</v>
      </c>
      <c r="U17570">
        <v>20</v>
      </c>
      <c r="V17570">
        <v>21</v>
      </c>
      <c r="W17570">
        <v>21</v>
      </c>
      <c r="X17570">
        <v>21</v>
      </c>
      <c r="Y17570">
        <v>21</v>
      </c>
      <c r="Z17570">
        <v>22</v>
      </c>
      <c r="AA17570">
        <v>22</v>
      </c>
      <c r="AB17570">
        <v>22</v>
      </c>
      <c r="AC17570">
        <v>22</v>
      </c>
      <c r="AD17570">
        <v>23</v>
      </c>
      <c r="AE17570">
        <v>23</v>
      </c>
      <c r="AF17570">
        <v>23</v>
      </c>
      <c r="AG17570">
        <v>23</v>
      </c>
      <c r="AH17570">
        <v>24</v>
      </c>
      <c r="AI17570">
        <v>24</v>
      </c>
      <c r="AJ17570">
        <v>24</v>
      </c>
      <c r="AK17570">
        <v>24</v>
      </c>
      <c r="AL17570">
        <v>24</v>
      </c>
      <c r="AM17570">
        <v>24</v>
      </c>
      <c r="AN17570">
        <v>24</v>
      </c>
      <c r="AO17570">
        <v>24</v>
      </c>
      <c r="AP17570">
        <v>24</v>
      </c>
      <c r="AQ17570">
        <v>25</v>
      </c>
    </row>
    <row r="17571" spans="1:43">
      <c r="A17571" t="s">
        <v>10886</v>
      </c>
      <c r="B17571" t="s">
        <v>10887</v>
      </c>
      <c r="C17571" t="s">
        <v>10878</v>
      </c>
      <c r="D17571" t="s">
        <v>10879</v>
      </c>
      <c r="E17571" t="s">
        <v>10732</v>
      </c>
      <c r="F17571" t="s">
        <v>10733</v>
      </c>
      <c r="G17571" t="s">
        <v>10734</v>
      </c>
      <c r="H17571" t="s">
        <v>10735</v>
      </c>
      <c r="I17571" s="2">
        <v>1</v>
      </c>
      <c r="J17571" s="2">
        <v>0</v>
      </c>
      <c r="K17571" s="2">
        <v>0</v>
      </c>
      <c r="L17571" t="s">
        <v>120</v>
      </c>
      <c r="M17571" t="s">
        <v>87</v>
      </c>
      <c r="N17571" t="s">
        <v>88</v>
      </c>
      <c r="O17571" t="s">
        <v>85</v>
      </c>
      <c r="P17571" t="s">
        <v>86</v>
      </c>
      <c r="Q17571">
        <v>19</v>
      </c>
      <c r="R17571">
        <v>19</v>
      </c>
      <c r="S17571">
        <v>19</v>
      </c>
      <c r="T17571">
        <v>19</v>
      </c>
      <c r="U17571">
        <v>20</v>
      </c>
      <c r="V17571">
        <v>20</v>
      </c>
      <c r="W17571">
        <v>20</v>
      </c>
      <c r="X17571">
        <v>20</v>
      </c>
      <c r="Y17571">
        <v>20</v>
      </c>
      <c r="Z17571">
        <v>20</v>
      </c>
      <c r="AA17571">
        <v>20</v>
      </c>
      <c r="AB17571">
        <v>20</v>
      </c>
      <c r="AC17571">
        <v>20</v>
      </c>
      <c r="AD17571">
        <v>20</v>
      </c>
      <c r="AE17571">
        <v>20</v>
      </c>
      <c r="AF17571">
        <v>20</v>
      </c>
      <c r="AG17571">
        <v>21</v>
      </c>
      <c r="AH17571">
        <v>21</v>
      </c>
      <c r="AI17571">
        <v>21</v>
      </c>
      <c r="AJ17571">
        <v>21</v>
      </c>
      <c r="AK17571">
        <v>21</v>
      </c>
      <c r="AL17571">
        <v>21</v>
      </c>
      <c r="AM17571">
        <v>21</v>
      </c>
      <c r="AN17571">
        <v>21</v>
      </c>
      <c r="AO17571">
        <v>21</v>
      </c>
      <c r="AP17571">
        <v>21</v>
      </c>
      <c r="AQ17571">
        <v>21</v>
      </c>
    </row>
    <row r="17572" spans="1:43">
      <c r="A17572" t="s">
        <v>10886</v>
      </c>
      <c r="B17572" t="s">
        <v>10887</v>
      </c>
      <c r="C17572" t="s">
        <v>10878</v>
      </c>
      <c r="D17572" t="s">
        <v>10879</v>
      </c>
      <c r="E17572" t="s">
        <v>10732</v>
      </c>
      <c r="F17572" t="s">
        <v>10733</v>
      </c>
      <c r="G17572" t="s">
        <v>10734</v>
      </c>
      <c r="H17572" t="s">
        <v>10735</v>
      </c>
      <c r="I17572" s="2">
        <v>1</v>
      </c>
      <c r="J17572" s="2">
        <v>0</v>
      </c>
      <c r="K17572" s="2">
        <v>0</v>
      </c>
      <c r="L17572" t="s">
        <v>120</v>
      </c>
      <c r="M17572" t="s">
        <v>89</v>
      </c>
      <c r="N17572" t="s">
        <v>90</v>
      </c>
      <c r="O17572" t="s">
        <v>85</v>
      </c>
      <c r="P17572" t="s">
        <v>86</v>
      </c>
      <c r="Q17572">
        <v>19</v>
      </c>
      <c r="R17572">
        <v>19</v>
      </c>
      <c r="S17572">
        <v>19</v>
      </c>
      <c r="T17572">
        <v>20</v>
      </c>
      <c r="U17572">
        <v>20</v>
      </c>
      <c r="V17572">
        <v>21</v>
      </c>
      <c r="W17572">
        <v>21</v>
      </c>
      <c r="X17572">
        <v>21</v>
      </c>
      <c r="Y17572">
        <v>22</v>
      </c>
      <c r="Z17572">
        <v>22</v>
      </c>
      <c r="AA17572">
        <v>22</v>
      </c>
      <c r="AB17572">
        <v>23</v>
      </c>
      <c r="AC17572">
        <v>23</v>
      </c>
      <c r="AD17572">
        <v>23</v>
      </c>
      <c r="AE17572">
        <v>23</v>
      </c>
      <c r="AF17572">
        <v>24</v>
      </c>
      <c r="AG17572">
        <v>24</v>
      </c>
      <c r="AH17572">
        <v>24</v>
      </c>
      <c r="AI17572">
        <v>24</v>
      </c>
      <c r="AJ17572">
        <v>24</v>
      </c>
      <c r="AK17572">
        <v>24</v>
      </c>
      <c r="AL17572">
        <v>24</v>
      </c>
      <c r="AM17572">
        <v>24</v>
      </c>
      <c r="AN17572">
        <v>24</v>
      </c>
      <c r="AO17572">
        <v>24</v>
      </c>
      <c r="AP17572">
        <v>24</v>
      </c>
      <c r="AQ17572">
        <v>24</v>
      </c>
    </row>
    <row r="17573" spans="1:43">
      <c r="A17573" t="s">
        <v>10886</v>
      </c>
      <c r="B17573" t="s">
        <v>10887</v>
      </c>
      <c r="C17573" t="s">
        <v>10878</v>
      </c>
      <c r="D17573" t="s">
        <v>10879</v>
      </c>
      <c r="E17573" t="s">
        <v>10732</v>
      </c>
      <c r="F17573" t="s">
        <v>10733</v>
      </c>
      <c r="G17573" t="s">
        <v>10734</v>
      </c>
      <c r="H17573" t="s">
        <v>10735</v>
      </c>
      <c r="I17573" s="2">
        <v>1</v>
      </c>
      <c r="J17573" s="2">
        <v>0</v>
      </c>
      <c r="K17573" s="2">
        <v>0</v>
      </c>
      <c r="L17573" t="s">
        <v>120</v>
      </c>
      <c r="M17573" t="s">
        <v>83</v>
      </c>
      <c r="N17573" t="s">
        <v>91</v>
      </c>
      <c r="O17573" t="s">
        <v>85</v>
      </c>
      <c r="P17573" t="s">
        <v>86</v>
      </c>
      <c r="Q17573">
        <v>19</v>
      </c>
      <c r="R17573">
        <v>20</v>
      </c>
      <c r="S17573">
        <v>20</v>
      </c>
      <c r="T17573">
        <v>20</v>
      </c>
      <c r="U17573">
        <v>20</v>
      </c>
      <c r="V17573">
        <v>21</v>
      </c>
      <c r="W17573">
        <v>21</v>
      </c>
      <c r="X17573">
        <v>21</v>
      </c>
      <c r="Y17573">
        <v>21</v>
      </c>
      <c r="Z17573">
        <v>22</v>
      </c>
      <c r="AA17573">
        <v>22</v>
      </c>
      <c r="AB17573">
        <v>22</v>
      </c>
      <c r="AC17573">
        <v>22</v>
      </c>
      <c r="AD17573">
        <v>23</v>
      </c>
      <c r="AE17573">
        <v>23</v>
      </c>
      <c r="AF17573">
        <v>23</v>
      </c>
      <c r="AG17573">
        <v>23</v>
      </c>
      <c r="AH17573">
        <v>24</v>
      </c>
      <c r="AI17573">
        <v>24</v>
      </c>
      <c r="AJ17573">
        <v>24</v>
      </c>
      <c r="AK17573">
        <v>24</v>
      </c>
      <c r="AL17573">
        <v>24</v>
      </c>
      <c r="AM17573">
        <v>24</v>
      </c>
      <c r="AN17573">
        <v>24</v>
      </c>
      <c r="AO17573">
        <v>24</v>
      </c>
      <c r="AP17573">
        <v>24</v>
      </c>
      <c r="AQ17573">
        <v>25</v>
      </c>
    </row>
    <row r="17574" spans="1:43">
      <c r="A17574" t="s">
        <v>10888</v>
      </c>
      <c r="B17574" t="s">
        <v>10889</v>
      </c>
      <c r="C17574" t="s">
        <v>10878</v>
      </c>
      <c r="D17574" t="s">
        <v>10879</v>
      </c>
      <c r="E17574" t="s">
        <v>10732</v>
      </c>
      <c r="F17574" t="s">
        <v>10733</v>
      </c>
      <c r="G17574" t="s">
        <v>10734</v>
      </c>
      <c r="H17574" t="s">
        <v>10735</v>
      </c>
      <c r="I17574" s="2">
        <v>1</v>
      </c>
      <c r="J17574" s="2">
        <v>0</v>
      </c>
      <c r="K17574" s="2">
        <v>0</v>
      </c>
      <c r="L17574" t="s">
        <v>120</v>
      </c>
      <c r="M17574" t="s">
        <v>83</v>
      </c>
      <c r="N17574" t="s">
        <v>84</v>
      </c>
      <c r="O17574" t="s">
        <v>85</v>
      </c>
      <c r="P17574" t="s">
        <v>86</v>
      </c>
      <c r="Q17574">
        <v>3</v>
      </c>
      <c r="R17574">
        <v>3</v>
      </c>
      <c r="S17574">
        <v>3</v>
      </c>
      <c r="T17574">
        <v>3</v>
      </c>
      <c r="U17574">
        <v>3</v>
      </c>
      <c r="V17574">
        <v>3</v>
      </c>
      <c r="W17574">
        <v>3</v>
      </c>
      <c r="X17574">
        <v>3</v>
      </c>
      <c r="Y17574">
        <v>3</v>
      </c>
      <c r="Z17574">
        <v>3</v>
      </c>
      <c r="AA17574">
        <v>3</v>
      </c>
      <c r="AB17574">
        <v>3</v>
      </c>
      <c r="AC17574">
        <v>3</v>
      </c>
      <c r="AD17574">
        <v>3</v>
      </c>
      <c r="AE17574">
        <v>3</v>
      </c>
      <c r="AF17574">
        <v>3</v>
      </c>
      <c r="AG17574">
        <v>3</v>
      </c>
      <c r="AH17574">
        <v>3</v>
      </c>
      <c r="AI17574">
        <v>3</v>
      </c>
      <c r="AJ17574">
        <v>3</v>
      </c>
      <c r="AK17574">
        <v>3</v>
      </c>
      <c r="AL17574">
        <v>3</v>
      </c>
      <c r="AM17574">
        <v>3</v>
      </c>
      <c r="AN17574">
        <v>3</v>
      </c>
      <c r="AO17574">
        <v>3</v>
      </c>
      <c r="AP17574">
        <v>3</v>
      </c>
      <c r="AQ17574">
        <v>3</v>
      </c>
    </row>
    <row r="17575" spans="1:43">
      <c r="A17575" t="s">
        <v>10888</v>
      </c>
      <c r="B17575" t="s">
        <v>10889</v>
      </c>
      <c r="C17575" t="s">
        <v>10878</v>
      </c>
      <c r="D17575" t="s">
        <v>10879</v>
      </c>
      <c r="E17575" t="s">
        <v>10732</v>
      </c>
      <c r="F17575" t="s">
        <v>10733</v>
      </c>
      <c r="G17575" t="s">
        <v>10734</v>
      </c>
      <c r="H17575" t="s">
        <v>10735</v>
      </c>
      <c r="I17575" s="2">
        <v>1</v>
      </c>
      <c r="J17575" s="2">
        <v>0</v>
      </c>
      <c r="K17575" s="2">
        <v>0</v>
      </c>
      <c r="L17575" t="s">
        <v>120</v>
      </c>
      <c r="M17575" t="s">
        <v>87</v>
      </c>
      <c r="N17575" t="s">
        <v>88</v>
      </c>
      <c r="O17575" t="s">
        <v>85</v>
      </c>
      <c r="P17575" t="s">
        <v>86</v>
      </c>
      <c r="Q17575">
        <v>3</v>
      </c>
      <c r="R17575">
        <v>3</v>
      </c>
      <c r="S17575">
        <v>3</v>
      </c>
      <c r="T17575">
        <v>3</v>
      </c>
      <c r="U17575">
        <v>3</v>
      </c>
      <c r="V17575">
        <v>3</v>
      </c>
      <c r="W17575">
        <v>3</v>
      </c>
      <c r="X17575">
        <v>3</v>
      </c>
      <c r="Y17575">
        <v>3</v>
      </c>
      <c r="Z17575">
        <v>3</v>
      </c>
      <c r="AA17575">
        <v>3</v>
      </c>
      <c r="AB17575">
        <v>3</v>
      </c>
      <c r="AC17575">
        <v>3</v>
      </c>
      <c r="AD17575">
        <v>3</v>
      </c>
      <c r="AE17575">
        <v>3</v>
      </c>
      <c r="AF17575">
        <v>3</v>
      </c>
      <c r="AG17575">
        <v>3</v>
      </c>
      <c r="AH17575">
        <v>3</v>
      </c>
      <c r="AI17575">
        <v>3</v>
      </c>
      <c r="AJ17575">
        <v>3</v>
      </c>
      <c r="AK17575">
        <v>3</v>
      </c>
      <c r="AL17575">
        <v>3</v>
      </c>
      <c r="AM17575">
        <v>3</v>
      </c>
      <c r="AN17575">
        <v>3</v>
      </c>
      <c r="AO17575">
        <v>3</v>
      </c>
      <c r="AP17575">
        <v>3</v>
      </c>
      <c r="AQ17575">
        <v>3</v>
      </c>
    </row>
    <row r="17576" spans="1:43">
      <c r="A17576" t="s">
        <v>10888</v>
      </c>
      <c r="B17576" t="s">
        <v>10889</v>
      </c>
      <c r="C17576" t="s">
        <v>10878</v>
      </c>
      <c r="D17576" t="s">
        <v>10879</v>
      </c>
      <c r="E17576" t="s">
        <v>10732</v>
      </c>
      <c r="F17576" t="s">
        <v>10733</v>
      </c>
      <c r="G17576" t="s">
        <v>10734</v>
      </c>
      <c r="H17576" t="s">
        <v>10735</v>
      </c>
      <c r="I17576" s="2">
        <v>1</v>
      </c>
      <c r="J17576" s="2">
        <v>0</v>
      </c>
      <c r="K17576" s="2">
        <v>0</v>
      </c>
      <c r="L17576" t="s">
        <v>120</v>
      </c>
      <c r="M17576" t="s">
        <v>89</v>
      </c>
      <c r="N17576" t="s">
        <v>90</v>
      </c>
      <c r="O17576" t="s">
        <v>85</v>
      </c>
      <c r="P17576" t="s">
        <v>86</v>
      </c>
      <c r="Q17576">
        <v>3</v>
      </c>
      <c r="R17576">
        <v>3</v>
      </c>
      <c r="S17576">
        <v>3</v>
      </c>
      <c r="T17576">
        <v>3</v>
      </c>
      <c r="U17576">
        <v>3</v>
      </c>
      <c r="V17576">
        <v>3</v>
      </c>
      <c r="W17576">
        <v>3</v>
      </c>
      <c r="X17576">
        <v>3</v>
      </c>
      <c r="Y17576">
        <v>3</v>
      </c>
      <c r="Z17576">
        <v>3</v>
      </c>
      <c r="AA17576">
        <v>3</v>
      </c>
      <c r="AB17576">
        <v>3</v>
      </c>
      <c r="AC17576">
        <v>3</v>
      </c>
      <c r="AD17576">
        <v>3</v>
      </c>
      <c r="AE17576">
        <v>3</v>
      </c>
      <c r="AF17576">
        <v>3</v>
      </c>
      <c r="AG17576">
        <v>3</v>
      </c>
      <c r="AH17576">
        <v>3</v>
      </c>
      <c r="AI17576">
        <v>3</v>
      </c>
      <c r="AJ17576">
        <v>3</v>
      </c>
      <c r="AK17576">
        <v>3</v>
      </c>
      <c r="AL17576">
        <v>3</v>
      </c>
      <c r="AM17576">
        <v>3</v>
      </c>
      <c r="AN17576">
        <v>3</v>
      </c>
      <c r="AO17576">
        <v>3</v>
      </c>
      <c r="AP17576">
        <v>3</v>
      </c>
      <c r="AQ17576">
        <v>3</v>
      </c>
    </row>
    <row r="17577" spans="1:43">
      <c r="A17577" t="s">
        <v>10888</v>
      </c>
      <c r="B17577" t="s">
        <v>10889</v>
      </c>
      <c r="C17577" t="s">
        <v>10878</v>
      </c>
      <c r="D17577" t="s">
        <v>10879</v>
      </c>
      <c r="E17577" t="s">
        <v>10732</v>
      </c>
      <c r="F17577" t="s">
        <v>10733</v>
      </c>
      <c r="G17577" t="s">
        <v>10734</v>
      </c>
      <c r="H17577" t="s">
        <v>10735</v>
      </c>
      <c r="I17577" s="2">
        <v>1</v>
      </c>
      <c r="J17577" s="2">
        <v>0</v>
      </c>
      <c r="K17577" s="2">
        <v>0</v>
      </c>
      <c r="L17577" t="s">
        <v>120</v>
      </c>
      <c r="M17577" t="s">
        <v>83</v>
      </c>
      <c r="N17577" t="s">
        <v>91</v>
      </c>
      <c r="O17577" t="s">
        <v>85</v>
      </c>
      <c r="P17577" t="s">
        <v>86</v>
      </c>
      <c r="Q17577">
        <v>3</v>
      </c>
      <c r="R17577">
        <v>3</v>
      </c>
      <c r="S17577">
        <v>3</v>
      </c>
      <c r="T17577">
        <v>3</v>
      </c>
      <c r="U17577">
        <v>3</v>
      </c>
      <c r="V17577">
        <v>3</v>
      </c>
      <c r="W17577">
        <v>3</v>
      </c>
      <c r="X17577">
        <v>3</v>
      </c>
      <c r="Y17577">
        <v>3</v>
      </c>
      <c r="Z17577">
        <v>3</v>
      </c>
      <c r="AA17577">
        <v>3</v>
      </c>
      <c r="AB17577">
        <v>3</v>
      </c>
      <c r="AC17577">
        <v>3</v>
      </c>
      <c r="AD17577">
        <v>3</v>
      </c>
      <c r="AE17577">
        <v>3</v>
      </c>
      <c r="AF17577">
        <v>3</v>
      </c>
      <c r="AG17577">
        <v>3</v>
      </c>
      <c r="AH17577">
        <v>3</v>
      </c>
      <c r="AI17577">
        <v>3</v>
      </c>
      <c r="AJ17577">
        <v>3</v>
      </c>
      <c r="AK17577">
        <v>3</v>
      </c>
      <c r="AL17577">
        <v>3</v>
      </c>
      <c r="AM17577">
        <v>3</v>
      </c>
      <c r="AN17577">
        <v>3</v>
      </c>
      <c r="AO17577">
        <v>3</v>
      </c>
      <c r="AP17577">
        <v>3</v>
      </c>
      <c r="AQ17577">
        <v>3</v>
      </c>
    </row>
    <row r="17578" spans="1:43">
      <c r="A17578" t="s">
        <v>10890</v>
      </c>
      <c r="B17578" t="s">
        <v>10891</v>
      </c>
      <c r="C17578" t="s">
        <v>10878</v>
      </c>
      <c r="D17578" t="s">
        <v>10879</v>
      </c>
      <c r="E17578" t="s">
        <v>10732</v>
      </c>
      <c r="F17578" t="s">
        <v>10733</v>
      </c>
      <c r="G17578" t="s">
        <v>10734</v>
      </c>
      <c r="H17578" t="s">
        <v>10735</v>
      </c>
      <c r="I17578" s="2">
        <v>1</v>
      </c>
      <c r="J17578" s="2">
        <v>0</v>
      </c>
      <c r="K17578" s="2">
        <v>0</v>
      </c>
      <c r="L17578" t="s">
        <v>120</v>
      </c>
      <c r="M17578" t="s">
        <v>83</v>
      </c>
      <c r="N17578" t="s">
        <v>84</v>
      </c>
      <c r="O17578" t="s">
        <v>85</v>
      </c>
      <c r="P17578" t="s">
        <v>86</v>
      </c>
      <c r="Q17578">
        <v>16</v>
      </c>
      <c r="R17578">
        <v>16</v>
      </c>
      <c r="S17578">
        <v>16</v>
      </c>
      <c r="T17578">
        <v>17</v>
      </c>
      <c r="U17578">
        <v>17</v>
      </c>
      <c r="V17578">
        <v>17</v>
      </c>
      <c r="W17578">
        <v>17</v>
      </c>
      <c r="X17578">
        <v>17</v>
      </c>
      <c r="Y17578">
        <v>18</v>
      </c>
      <c r="Z17578">
        <v>18</v>
      </c>
      <c r="AA17578">
        <v>18</v>
      </c>
      <c r="AB17578">
        <v>18</v>
      </c>
      <c r="AC17578">
        <v>18</v>
      </c>
      <c r="AD17578">
        <v>19</v>
      </c>
      <c r="AE17578">
        <v>19</v>
      </c>
      <c r="AF17578">
        <v>19</v>
      </c>
      <c r="AG17578">
        <v>19</v>
      </c>
      <c r="AH17578">
        <v>19</v>
      </c>
      <c r="AI17578">
        <v>20</v>
      </c>
      <c r="AJ17578">
        <v>20</v>
      </c>
      <c r="AK17578">
        <v>20</v>
      </c>
      <c r="AL17578">
        <v>20</v>
      </c>
      <c r="AM17578">
        <v>20</v>
      </c>
      <c r="AN17578">
        <v>20</v>
      </c>
      <c r="AO17578">
        <v>20</v>
      </c>
      <c r="AP17578">
        <v>20</v>
      </c>
      <c r="AQ17578">
        <v>20</v>
      </c>
    </row>
    <row r="17579" spans="1:43">
      <c r="A17579" t="s">
        <v>10890</v>
      </c>
      <c r="B17579" t="s">
        <v>10891</v>
      </c>
      <c r="C17579" t="s">
        <v>10878</v>
      </c>
      <c r="D17579" t="s">
        <v>10879</v>
      </c>
      <c r="E17579" t="s">
        <v>10732</v>
      </c>
      <c r="F17579" t="s">
        <v>10733</v>
      </c>
      <c r="G17579" t="s">
        <v>10734</v>
      </c>
      <c r="H17579" t="s">
        <v>10735</v>
      </c>
      <c r="I17579" s="2">
        <v>1</v>
      </c>
      <c r="J17579" s="2">
        <v>0</v>
      </c>
      <c r="K17579" s="2">
        <v>0</v>
      </c>
      <c r="L17579" t="s">
        <v>120</v>
      </c>
      <c r="M17579" t="s">
        <v>87</v>
      </c>
      <c r="N17579" t="s">
        <v>88</v>
      </c>
      <c r="O17579" t="s">
        <v>85</v>
      </c>
      <c r="P17579" t="s">
        <v>86</v>
      </c>
      <c r="Q17579">
        <v>16</v>
      </c>
      <c r="R17579">
        <v>16</v>
      </c>
      <c r="S17579">
        <v>16</v>
      </c>
      <c r="T17579">
        <v>16</v>
      </c>
      <c r="U17579">
        <v>16</v>
      </c>
      <c r="V17579">
        <v>16</v>
      </c>
      <c r="W17579">
        <v>16</v>
      </c>
      <c r="X17579">
        <v>16</v>
      </c>
      <c r="Y17579">
        <v>16</v>
      </c>
      <c r="Z17579">
        <v>16</v>
      </c>
      <c r="AA17579">
        <v>16</v>
      </c>
      <c r="AB17579">
        <v>17</v>
      </c>
      <c r="AC17579">
        <v>17</v>
      </c>
      <c r="AD17579">
        <v>17</v>
      </c>
      <c r="AE17579">
        <v>17</v>
      </c>
      <c r="AF17579">
        <v>17</v>
      </c>
      <c r="AG17579">
        <v>17</v>
      </c>
      <c r="AH17579">
        <v>17</v>
      </c>
      <c r="AI17579">
        <v>17</v>
      </c>
      <c r="AJ17579">
        <v>17</v>
      </c>
      <c r="AK17579">
        <v>17</v>
      </c>
      <c r="AL17579">
        <v>17</v>
      </c>
      <c r="AM17579">
        <v>17</v>
      </c>
      <c r="AN17579">
        <v>17</v>
      </c>
      <c r="AO17579">
        <v>17</v>
      </c>
      <c r="AP17579">
        <v>18</v>
      </c>
      <c r="AQ17579">
        <v>18</v>
      </c>
    </row>
    <row r="17580" spans="1:43">
      <c r="A17580" t="s">
        <v>10890</v>
      </c>
      <c r="B17580" t="s">
        <v>10891</v>
      </c>
      <c r="C17580" t="s">
        <v>10878</v>
      </c>
      <c r="D17580" t="s">
        <v>10879</v>
      </c>
      <c r="E17580" t="s">
        <v>10732</v>
      </c>
      <c r="F17580" t="s">
        <v>10733</v>
      </c>
      <c r="G17580" t="s">
        <v>10734</v>
      </c>
      <c r="H17580" t="s">
        <v>10735</v>
      </c>
      <c r="I17580" s="2">
        <v>1</v>
      </c>
      <c r="J17580" s="2">
        <v>0</v>
      </c>
      <c r="K17580" s="2">
        <v>0</v>
      </c>
      <c r="L17580" t="s">
        <v>120</v>
      </c>
      <c r="M17580" t="s">
        <v>89</v>
      </c>
      <c r="N17580" t="s">
        <v>90</v>
      </c>
      <c r="O17580" t="s">
        <v>85</v>
      </c>
      <c r="P17580" t="s">
        <v>86</v>
      </c>
      <c r="Q17580">
        <v>16</v>
      </c>
      <c r="R17580">
        <v>16</v>
      </c>
      <c r="S17580">
        <v>17</v>
      </c>
      <c r="T17580">
        <v>17</v>
      </c>
      <c r="U17580">
        <v>17</v>
      </c>
      <c r="V17580">
        <v>18</v>
      </c>
      <c r="W17580">
        <v>18</v>
      </c>
      <c r="X17580">
        <v>18</v>
      </c>
      <c r="Y17580">
        <v>19</v>
      </c>
      <c r="Z17580">
        <v>19</v>
      </c>
      <c r="AA17580">
        <v>19</v>
      </c>
      <c r="AB17580">
        <v>19</v>
      </c>
      <c r="AC17580">
        <v>20</v>
      </c>
      <c r="AD17580">
        <v>20</v>
      </c>
      <c r="AE17580">
        <v>20</v>
      </c>
      <c r="AF17580">
        <v>20</v>
      </c>
      <c r="AG17580">
        <v>20</v>
      </c>
      <c r="AH17580">
        <v>20</v>
      </c>
      <c r="AI17580">
        <v>20</v>
      </c>
      <c r="AJ17580">
        <v>20</v>
      </c>
      <c r="AK17580">
        <v>20</v>
      </c>
      <c r="AL17580">
        <v>20</v>
      </c>
      <c r="AM17580">
        <v>20</v>
      </c>
      <c r="AN17580">
        <v>20</v>
      </c>
      <c r="AO17580">
        <v>20</v>
      </c>
      <c r="AP17580">
        <v>20</v>
      </c>
      <c r="AQ17580">
        <v>20</v>
      </c>
    </row>
    <row r="17581" spans="1:43">
      <c r="A17581" t="s">
        <v>10890</v>
      </c>
      <c r="B17581" t="s">
        <v>10891</v>
      </c>
      <c r="C17581" t="s">
        <v>10878</v>
      </c>
      <c r="D17581" t="s">
        <v>10879</v>
      </c>
      <c r="E17581" t="s">
        <v>10732</v>
      </c>
      <c r="F17581" t="s">
        <v>10733</v>
      </c>
      <c r="G17581" t="s">
        <v>10734</v>
      </c>
      <c r="H17581" t="s">
        <v>10735</v>
      </c>
      <c r="I17581" s="2">
        <v>1</v>
      </c>
      <c r="J17581" s="2">
        <v>0</v>
      </c>
      <c r="K17581" s="2">
        <v>0</v>
      </c>
      <c r="L17581" t="s">
        <v>120</v>
      </c>
      <c r="M17581" t="s">
        <v>83</v>
      </c>
      <c r="N17581" t="s">
        <v>91</v>
      </c>
      <c r="O17581" t="s">
        <v>85</v>
      </c>
      <c r="P17581" t="s">
        <v>86</v>
      </c>
      <c r="Q17581">
        <v>16</v>
      </c>
      <c r="R17581">
        <v>16</v>
      </c>
      <c r="S17581">
        <v>16</v>
      </c>
      <c r="T17581">
        <v>17</v>
      </c>
      <c r="U17581">
        <v>17</v>
      </c>
      <c r="V17581">
        <v>17</v>
      </c>
      <c r="W17581">
        <v>17</v>
      </c>
      <c r="X17581">
        <v>17</v>
      </c>
      <c r="Y17581">
        <v>18</v>
      </c>
      <c r="Z17581">
        <v>18</v>
      </c>
      <c r="AA17581">
        <v>18</v>
      </c>
      <c r="AB17581">
        <v>18</v>
      </c>
      <c r="AC17581">
        <v>18</v>
      </c>
      <c r="AD17581">
        <v>19</v>
      </c>
      <c r="AE17581">
        <v>19</v>
      </c>
      <c r="AF17581">
        <v>19</v>
      </c>
      <c r="AG17581">
        <v>19</v>
      </c>
      <c r="AH17581">
        <v>19</v>
      </c>
      <c r="AI17581">
        <v>20</v>
      </c>
      <c r="AJ17581">
        <v>20</v>
      </c>
      <c r="AK17581">
        <v>20</v>
      </c>
      <c r="AL17581">
        <v>20</v>
      </c>
      <c r="AM17581">
        <v>20</v>
      </c>
      <c r="AN17581">
        <v>20</v>
      </c>
      <c r="AO17581">
        <v>20</v>
      </c>
      <c r="AP17581">
        <v>20</v>
      </c>
      <c r="AQ17581">
        <v>20</v>
      </c>
    </row>
    <row r="17582" spans="1:43">
      <c r="A17582" t="s">
        <v>10892</v>
      </c>
      <c r="B17582" t="s">
        <v>10893</v>
      </c>
      <c r="C17582" t="s">
        <v>10894</v>
      </c>
      <c r="D17582" t="s">
        <v>10895</v>
      </c>
      <c r="E17582" t="s">
        <v>10732</v>
      </c>
      <c r="F17582" t="s">
        <v>10733</v>
      </c>
      <c r="G17582" t="s">
        <v>10734</v>
      </c>
      <c r="H17582" t="s">
        <v>10735</v>
      </c>
      <c r="I17582" s="2">
        <v>1</v>
      </c>
      <c r="J17582" s="2">
        <v>0</v>
      </c>
      <c r="K17582" s="2">
        <v>0</v>
      </c>
      <c r="L17582" t="s">
        <v>120</v>
      </c>
      <c r="M17582" t="s">
        <v>83</v>
      </c>
      <c r="N17582" t="s">
        <v>84</v>
      </c>
      <c r="O17582" t="s">
        <v>85</v>
      </c>
      <c r="P17582" t="s">
        <v>86</v>
      </c>
      <c r="Q17582">
        <v>4</v>
      </c>
      <c r="R17582">
        <v>4</v>
      </c>
      <c r="S17582">
        <v>4</v>
      </c>
      <c r="T17582">
        <v>4</v>
      </c>
      <c r="U17582">
        <v>5</v>
      </c>
      <c r="V17582">
        <v>5</v>
      </c>
      <c r="W17582">
        <v>5</v>
      </c>
      <c r="X17582">
        <v>5</v>
      </c>
      <c r="Y17582">
        <v>5</v>
      </c>
      <c r="Z17582">
        <v>5</v>
      </c>
      <c r="AA17582">
        <v>5</v>
      </c>
      <c r="AB17582">
        <v>5</v>
      </c>
      <c r="AC17582">
        <v>5</v>
      </c>
      <c r="AD17582">
        <v>5</v>
      </c>
      <c r="AE17582">
        <v>5</v>
      </c>
      <c r="AF17582">
        <v>5</v>
      </c>
      <c r="AG17582">
        <v>5</v>
      </c>
      <c r="AH17582">
        <v>5</v>
      </c>
      <c r="AI17582">
        <v>5</v>
      </c>
      <c r="AJ17582">
        <v>5</v>
      </c>
      <c r="AK17582">
        <v>5</v>
      </c>
      <c r="AL17582">
        <v>5</v>
      </c>
      <c r="AM17582">
        <v>5</v>
      </c>
      <c r="AN17582">
        <v>5</v>
      </c>
      <c r="AO17582">
        <v>5</v>
      </c>
      <c r="AP17582">
        <v>5</v>
      </c>
      <c r="AQ17582">
        <v>5</v>
      </c>
    </row>
    <row r="17583" spans="1:43">
      <c r="A17583" t="s">
        <v>10892</v>
      </c>
      <c r="B17583" t="s">
        <v>10893</v>
      </c>
      <c r="C17583" t="s">
        <v>10894</v>
      </c>
      <c r="D17583" t="s">
        <v>10895</v>
      </c>
      <c r="E17583" t="s">
        <v>10732</v>
      </c>
      <c r="F17583" t="s">
        <v>10733</v>
      </c>
      <c r="G17583" t="s">
        <v>10734</v>
      </c>
      <c r="H17583" t="s">
        <v>10735</v>
      </c>
      <c r="I17583" s="2">
        <v>1</v>
      </c>
      <c r="J17583" s="2">
        <v>0</v>
      </c>
      <c r="K17583" s="2">
        <v>0</v>
      </c>
      <c r="L17583" t="s">
        <v>120</v>
      </c>
      <c r="M17583" t="s">
        <v>87</v>
      </c>
      <c r="N17583" t="s">
        <v>88</v>
      </c>
      <c r="O17583" t="s">
        <v>85</v>
      </c>
      <c r="P17583" t="s">
        <v>86</v>
      </c>
      <c r="Q17583">
        <v>4</v>
      </c>
      <c r="R17583">
        <v>4</v>
      </c>
      <c r="S17583">
        <v>4</v>
      </c>
      <c r="T17583">
        <v>4</v>
      </c>
      <c r="U17583">
        <v>4</v>
      </c>
      <c r="V17583">
        <v>4</v>
      </c>
      <c r="W17583">
        <v>4</v>
      </c>
      <c r="X17583">
        <v>4</v>
      </c>
      <c r="Y17583">
        <v>4</v>
      </c>
      <c r="Z17583">
        <v>4</v>
      </c>
      <c r="AA17583">
        <v>4</v>
      </c>
      <c r="AB17583">
        <v>4</v>
      </c>
      <c r="AC17583">
        <v>5</v>
      </c>
      <c r="AD17583">
        <v>5</v>
      </c>
      <c r="AE17583">
        <v>5</v>
      </c>
      <c r="AF17583">
        <v>5</v>
      </c>
      <c r="AG17583">
        <v>5</v>
      </c>
      <c r="AH17583">
        <v>5</v>
      </c>
      <c r="AI17583">
        <v>5</v>
      </c>
      <c r="AJ17583">
        <v>5</v>
      </c>
      <c r="AK17583">
        <v>5</v>
      </c>
      <c r="AL17583">
        <v>5</v>
      </c>
      <c r="AM17583">
        <v>5</v>
      </c>
      <c r="AN17583">
        <v>5</v>
      </c>
      <c r="AO17583">
        <v>5</v>
      </c>
      <c r="AP17583">
        <v>5</v>
      </c>
      <c r="AQ17583">
        <v>5</v>
      </c>
    </row>
    <row r="17584" spans="1:43">
      <c r="A17584" t="s">
        <v>10892</v>
      </c>
      <c r="B17584" t="s">
        <v>10893</v>
      </c>
      <c r="C17584" t="s">
        <v>10894</v>
      </c>
      <c r="D17584" t="s">
        <v>10895</v>
      </c>
      <c r="E17584" t="s">
        <v>10732</v>
      </c>
      <c r="F17584" t="s">
        <v>10733</v>
      </c>
      <c r="G17584" t="s">
        <v>10734</v>
      </c>
      <c r="H17584" t="s">
        <v>10735</v>
      </c>
      <c r="I17584" s="2">
        <v>1</v>
      </c>
      <c r="J17584" s="2">
        <v>0</v>
      </c>
      <c r="K17584" s="2">
        <v>0</v>
      </c>
      <c r="L17584" t="s">
        <v>120</v>
      </c>
      <c r="M17584" t="s">
        <v>89</v>
      </c>
      <c r="N17584" t="s">
        <v>90</v>
      </c>
      <c r="O17584" t="s">
        <v>85</v>
      </c>
      <c r="P17584" t="s">
        <v>86</v>
      </c>
      <c r="Q17584">
        <v>4</v>
      </c>
      <c r="R17584">
        <v>4</v>
      </c>
      <c r="S17584">
        <v>5</v>
      </c>
      <c r="T17584">
        <v>5</v>
      </c>
      <c r="U17584">
        <v>5</v>
      </c>
      <c r="V17584">
        <v>5</v>
      </c>
      <c r="W17584">
        <v>5</v>
      </c>
      <c r="X17584">
        <v>5</v>
      </c>
      <c r="Y17584">
        <v>5</v>
      </c>
      <c r="Z17584">
        <v>5</v>
      </c>
      <c r="AA17584">
        <v>5</v>
      </c>
      <c r="AB17584">
        <v>5</v>
      </c>
      <c r="AC17584">
        <v>5</v>
      </c>
      <c r="AD17584">
        <v>5</v>
      </c>
      <c r="AE17584">
        <v>5</v>
      </c>
      <c r="AF17584">
        <v>5</v>
      </c>
      <c r="AG17584">
        <v>5</v>
      </c>
      <c r="AH17584">
        <v>5</v>
      </c>
      <c r="AI17584">
        <v>5</v>
      </c>
      <c r="AJ17584">
        <v>5</v>
      </c>
      <c r="AK17584">
        <v>5</v>
      </c>
      <c r="AL17584">
        <v>5</v>
      </c>
      <c r="AM17584">
        <v>5</v>
      </c>
      <c r="AN17584">
        <v>5</v>
      </c>
      <c r="AO17584">
        <v>5</v>
      </c>
      <c r="AP17584">
        <v>5</v>
      </c>
      <c r="AQ17584">
        <v>5</v>
      </c>
    </row>
    <row r="17585" spans="1:43">
      <c r="A17585" t="s">
        <v>10892</v>
      </c>
      <c r="B17585" t="s">
        <v>10893</v>
      </c>
      <c r="C17585" t="s">
        <v>10894</v>
      </c>
      <c r="D17585" t="s">
        <v>10895</v>
      </c>
      <c r="E17585" t="s">
        <v>10732</v>
      </c>
      <c r="F17585" t="s">
        <v>10733</v>
      </c>
      <c r="G17585" t="s">
        <v>10734</v>
      </c>
      <c r="H17585" t="s">
        <v>10735</v>
      </c>
      <c r="I17585" s="2">
        <v>1</v>
      </c>
      <c r="J17585" s="2">
        <v>0</v>
      </c>
      <c r="K17585" s="2">
        <v>0</v>
      </c>
      <c r="L17585" t="s">
        <v>120</v>
      </c>
      <c r="M17585" t="s">
        <v>83</v>
      </c>
      <c r="N17585" t="s">
        <v>91</v>
      </c>
      <c r="O17585" t="s">
        <v>85</v>
      </c>
      <c r="P17585" t="s">
        <v>86</v>
      </c>
      <c r="Q17585">
        <v>4</v>
      </c>
      <c r="R17585">
        <v>4</v>
      </c>
      <c r="S17585">
        <v>4</v>
      </c>
      <c r="T17585">
        <v>4</v>
      </c>
      <c r="U17585">
        <v>5</v>
      </c>
      <c r="V17585">
        <v>5</v>
      </c>
      <c r="W17585">
        <v>5</v>
      </c>
      <c r="X17585">
        <v>5</v>
      </c>
      <c r="Y17585">
        <v>5</v>
      </c>
      <c r="Z17585">
        <v>5</v>
      </c>
      <c r="AA17585">
        <v>5</v>
      </c>
      <c r="AB17585">
        <v>5</v>
      </c>
      <c r="AC17585">
        <v>5</v>
      </c>
      <c r="AD17585">
        <v>5</v>
      </c>
      <c r="AE17585">
        <v>5</v>
      </c>
      <c r="AF17585">
        <v>5</v>
      </c>
      <c r="AG17585">
        <v>5</v>
      </c>
      <c r="AH17585">
        <v>5</v>
      </c>
      <c r="AI17585">
        <v>5</v>
      </c>
      <c r="AJ17585">
        <v>5</v>
      </c>
      <c r="AK17585">
        <v>5</v>
      </c>
      <c r="AL17585">
        <v>5</v>
      </c>
      <c r="AM17585">
        <v>5</v>
      </c>
      <c r="AN17585">
        <v>5</v>
      </c>
      <c r="AO17585">
        <v>5</v>
      </c>
      <c r="AP17585">
        <v>5</v>
      </c>
      <c r="AQ17585">
        <v>5</v>
      </c>
    </row>
    <row r="17586" spans="1:43">
      <c r="A17586" t="s">
        <v>10896</v>
      </c>
      <c r="B17586" t="s">
        <v>10897</v>
      </c>
      <c r="C17586" t="s">
        <v>10894</v>
      </c>
      <c r="D17586" t="s">
        <v>10895</v>
      </c>
      <c r="E17586" t="s">
        <v>10732</v>
      </c>
      <c r="F17586" t="s">
        <v>10733</v>
      </c>
      <c r="G17586" t="s">
        <v>10734</v>
      </c>
      <c r="H17586" t="s">
        <v>10735</v>
      </c>
      <c r="I17586" s="2">
        <v>1</v>
      </c>
      <c r="J17586" s="2">
        <v>0</v>
      </c>
      <c r="K17586" s="2">
        <v>0</v>
      </c>
      <c r="L17586" t="s">
        <v>120</v>
      </c>
      <c r="M17586" t="s">
        <v>83</v>
      </c>
      <c r="N17586" t="s">
        <v>84</v>
      </c>
      <c r="O17586" t="s">
        <v>85</v>
      </c>
      <c r="P17586" t="s">
        <v>86</v>
      </c>
      <c r="Q17586">
        <v>47</v>
      </c>
      <c r="R17586">
        <v>48</v>
      </c>
      <c r="S17586">
        <v>48</v>
      </c>
      <c r="T17586">
        <v>49</v>
      </c>
      <c r="U17586">
        <v>50</v>
      </c>
      <c r="V17586">
        <v>50</v>
      </c>
      <c r="W17586">
        <v>51</v>
      </c>
      <c r="X17586">
        <v>51</v>
      </c>
      <c r="Y17586">
        <v>52</v>
      </c>
      <c r="Z17586">
        <v>53</v>
      </c>
      <c r="AA17586">
        <v>53</v>
      </c>
      <c r="AB17586">
        <v>54</v>
      </c>
      <c r="AC17586">
        <v>54</v>
      </c>
      <c r="AD17586">
        <v>55</v>
      </c>
      <c r="AE17586">
        <v>56</v>
      </c>
      <c r="AF17586">
        <v>56</v>
      </c>
      <c r="AG17586">
        <v>57</v>
      </c>
      <c r="AH17586">
        <v>57</v>
      </c>
      <c r="AI17586">
        <v>58</v>
      </c>
      <c r="AJ17586">
        <v>58</v>
      </c>
      <c r="AK17586">
        <v>59</v>
      </c>
      <c r="AL17586">
        <v>59</v>
      </c>
      <c r="AM17586">
        <v>59</v>
      </c>
      <c r="AN17586">
        <v>59</v>
      </c>
      <c r="AO17586">
        <v>59</v>
      </c>
      <c r="AP17586">
        <v>59</v>
      </c>
      <c r="AQ17586">
        <v>59</v>
      </c>
    </row>
    <row r="17587" spans="1:43">
      <c r="A17587" t="s">
        <v>10896</v>
      </c>
      <c r="B17587" t="s">
        <v>10897</v>
      </c>
      <c r="C17587" t="s">
        <v>10894</v>
      </c>
      <c r="D17587" t="s">
        <v>10895</v>
      </c>
      <c r="E17587" t="s">
        <v>10732</v>
      </c>
      <c r="F17587" t="s">
        <v>10733</v>
      </c>
      <c r="G17587" t="s">
        <v>10734</v>
      </c>
      <c r="H17587" t="s">
        <v>10735</v>
      </c>
      <c r="I17587" s="2">
        <v>1</v>
      </c>
      <c r="J17587" s="2">
        <v>0</v>
      </c>
      <c r="K17587" s="2">
        <v>0</v>
      </c>
      <c r="L17587" t="s">
        <v>120</v>
      </c>
      <c r="M17587" t="s">
        <v>87</v>
      </c>
      <c r="N17587" t="s">
        <v>88</v>
      </c>
      <c r="O17587" t="s">
        <v>85</v>
      </c>
      <c r="P17587" t="s">
        <v>86</v>
      </c>
      <c r="Q17587">
        <v>47</v>
      </c>
      <c r="R17587">
        <v>47</v>
      </c>
      <c r="S17587">
        <v>47</v>
      </c>
      <c r="T17587">
        <v>47</v>
      </c>
      <c r="U17587">
        <v>47</v>
      </c>
      <c r="V17587">
        <v>48</v>
      </c>
      <c r="W17587">
        <v>48</v>
      </c>
      <c r="X17587">
        <v>48</v>
      </c>
      <c r="Y17587">
        <v>48</v>
      </c>
      <c r="Z17587">
        <v>48</v>
      </c>
      <c r="AA17587">
        <v>49</v>
      </c>
      <c r="AB17587">
        <v>49</v>
      </c>
      <c r="AC17587">
        <v>49</v>
      </c>
      <c r="AD17587">
        <v>49</v>
      </c>
      <c r="AE17587">
        <v>49</v>
      </c>
      <c r="AF17587">
        <v>50</v>
      </c>
      <c r="AG17587">
        <v>50</v>
      </c>
      <c r="AH17587">
        <v>50</v>
      </c>
      <c r="AI17587">
        <v>50</v>
      </c>
      <c r="AJ17587">
        <v>50</v>
      </c>
      <c r="AK17587">
        <v>51</v>
      </c>
      <c r="AL17587">
        <v>51</v>
      </c>
      <c r="AM17587">
        <v>51</v>
      </c>
      <c r="AN17587">
        <v>51</v>
      </c>
      <c r="AO17587">
        <v>51</v>
      </c>
      <c r="AP17587">
        <v>52</v>
      </c>
      <c r="AQ17587">
        <v>52</v>
      </c>
    </row>
    <row r="17588" spans="1:43">
      <c r="A17588" t="s">
        <v>10896</v>
      </c>
      <c r="B17588" t="s">
        <v>10897</v>
      </c>
      <c r="C17588" t="s">
        <v>10894</v>
      </c>
      <c r="D17588" t="s">
        <v>10895</v>
      </c>
      <c r="E17588" t="s">
        <v>10732</v>
      </c>
      <c r="F17588" t="s">
        <v>10733</v>
      </c>
      <c r="G17588" t="s">
        <v>10734</v>
      </c>
      <c r="H17588" t="s">
        <v>10735</v>
      </c>
      <c r="I17588" s="2">
        <v>1</v>
      </c>
      <c r="J17588" s="2">
        <v>0</v>
      </c>
      <c r="K17588" s="2">
        <v>0</v>
      </c>
      <c r="L17588" t="s">
        <v>120</v>
      </c>
      <c r="M17588" t="s">
        <v>89</v>
      </c>
      <c r="N17588" t="s">
        <v>90</v>
      </c>
      <c r="O17588" t="s">
        <v>85</v>
      </c>
      <c r="P17588" t="s">
        <v>86</v>
      </c>
      <c r="Q17588">
        <v>47</v>
      </c>
      <c r="R17588">
        <v>48</v>
      </c>
      <c r="S17588">
        <v>49</v>
      </c>
      <c r="T17588">
        <v>51</v>
      </c>
      <c r="U17588">
        <v>52</v>
      </c>
      <c r="V17588">
        <v>52</v>
      </c>
      <c r="W17588">
        <v>53</v>
      </c>
      <c r="X17588">
        <v>54</v>
      </c>
      <c r="Y17588">
        <v>55</v>
      </c>
      <c r="Z17588">
        <v>56</v>
      </c>
      <c r="AA17588">
        <v>57</v>
      </c>
      <c r="AB17588">
        <v>57</v>
      </c>
      <c r="AC17588">
        <v>58</v>
      </c>
      <c r="AD17588">
        <v>59</v>
      </c>
      <c r="AE17588">
        <v>59</v>
      </c>
      <c r="AF17588">
        <v>59</v>
      </c>
      <c r="AG17588">
        <v>60</v>
      </c>
      <c r="AH17588">
        <v>60</v>
      </c>
      <c r="AI17588">
        <v>60</v>
      </c>
      <c r="AJ17588">
        <v>60</v>
      </c>
      <c r="AK17588">
        <v>60</v>
      </c>
      <c r="AL17588">
        <v>60</v>
      </c>
      <c r="AM17588">
        <v>60</v>
      </c>
      <c r="AN17588">
        <v>60</v>
      </c>
      <c r="AO17588">
        <v>60</v>
      </c>
      <c r="AP17588">
        <v>60</v>
      </c>
      <c r="AQ17588">
        <v>60</v>
      </c>
    </row>
    <row r="17589" spans="1:43">
      <c r="A17589" t="s">
        <v>10896</v>
      </c>
      <c r="B17589" t="s">
        <v>10897</v>
      </c>
      <c r="C17589" t="s">
        <v>10894</v>
      </c>
      <c r="D17589" t="s">
        <v>10895</v>
      </c>
      <c r="E17589" t="s">
        <v>10732</v>
      </c>
      <c r="F17589" t="s">
        <v>10733</v>
      </c>
      <c r="G17589" t="s">
        <v>10734</v>
      </c>
      <c r="H17589" t="s">
        <v>10735</v>
      </c>
      <c r="I17589" s="2">
        <v>1</v>
      </c>
      <c r="J17589" s="2">
        <v>0</v>
      </c>
      <c r="K17589" s="2">
        <v>0</v>
      </c>
      <c r="L17589" t="s">
        <v>120</v>
      </c>
      <c r="M17589" t="s">
        <v>83</v>
      </c>
      <c r="N17589" t="s">
        <v>91</v>
      </c>
      <c r="O17589" t="s">
        <v>85</v>
      </c>
      <c r="P17589" t="s">
        <v>86</v>
      </c>
      <c r="Q17589">
        <v>47</v>
      </c>
      <c r="R17589">
        <v>48</v>
      </c>
      <c r="S17589">
        <v>48</v>
      </c>
      <c r="T17589">
        <v>49</v>
      </c>
      <c r="U17589">
        <v>50</v>
      </c>
      <c r="V17589">
        <v>50</v>
      </c>
      <c r="W17589">
        <v>51</v>
      </c>
      <c r="X17589">
        <v>51</v>
      </c>
      <c r="Y17589">
        <v>52</v>
      </c>
      <c r="Z17589">
        <v>53</v>
      </c>
      <c r="AA17589">
        <v>53</v>
      </c>
      <c r="AB17589">
        <v>54</v>
      </c>
      <c r="AC17589">
        <v>54</v>
      </c>
      <c r="AD17589">
        <v>55</v>
      </c>
      <c r="AE17589">
        <v>56</v>
      </c>
      <c r="AF17589">
        <v>56</v>
      </c>
      <c r="AG17589">
        <v>57</v>
      </c>
      <c r="AH17589">
        <v>57</v>
      </c>
      <c r="AI17589">
        <v>58</v>
      </c>
      <c r="AJ17589">
        <v>58</v>
      </c>
      <c r="AK17589">
        <v>59</v>
      </c>
      <c r="AL17589">
        <v>59</v>
      </c>
      <c r="AM17589">
        <v>59</v>
      </c>
      <c r="AN17589">
        <v>59</v>
      </c>
      <c r="AO17589">
        <v>59</v>
      </c>
      <c r="AP17589">
        <v>59</v>
      </c>
      <c r="AQ17589">
        <v>59</v>
      </c>
    </row>
    <row r="17590" spans="1:43">
      <c r="A17590" t="s">
        <v>10898</v>
      </c>
      <c r="B17590" t="s">
        <v>10899</v>
      </c>
      <c r="C17590" t="s">
        <v>10894</v>
      </c>
      <c r="D17590" t="s">
        <v>10895</v>
      </c>
      <c r="E17590" t="s">
        <v>10732</v>
      </c>
      <c r="F17590" t="s">
        <v>10733</v>
      </c>
      <c r="G17590" t="s">
        <v>10734</v>
      </c>
      <c r="H17590" t="s">
        <v>10735</v>
      </c>
      <c r="I17590" s="2">
        <v>1</v>
      </c>
      <c r="J17590" s="2">
        <v>0</v>
      </c>
      <c r="K17590" s="2">
        <v>0</v>
      </c>
      <c r="L17590" t="s">
        <v>120</v>
      </c>
      <c r="M17590" t="s">
        <v>83</v>
      </c>
      <c r="N17590" t="s">
        <v>84</v>
      </c>
      <c r="O17590" t="s">
        <v>85</v>
      </c>
      <c r="P17590" t="s">
        <v>86</v>
      </c>
      <c r="Q17590">
        <v>24</v>
      </c>
      <c r="R17590">
        <v>24</v>
      </c>
      <c r="S17590">
        <v>25</v>
      </c>
      <c r="T17590">
        <v>25</v>
      </c>
      <c r="U17590">
        <v>25</v>
      </c>
      <c r="V17590">
        <v>26</v>
      </c>
      <c r="W17590">
        <v>26</v>
      </c>
      <c r="X17590">
        <v>26</v>
      </c>
      <c r="Y17590">
        <v>27</v>
      </c>
      <c r="Z17590">
        <v>27</v>
      </c>
      <c r="AA17590">
        <v>27</v>
      </c>
      <c r="AB17590">
        <v>28</v>
      </c>
      <c r="AC17590">
        <v>28</v>
      </c>
      <c r="AD17590">
        <v>28</v>
      </c>
      <c r="AE17590">
        <v>29</v>
      </c>
      <c r="AF17590">
        <v>29</v>
      </c>
      <c r="AG17590">
        <v>29</v>
      </c>
      <c r="AH17590">
        <v>29</v>
      </c>
      <c r="AI17590">
        <v>30</v>
      </c>
      <c r="AJ17590">
        <v>30</v>
      </c>
      <c r="AK17590">
        <v>30</v>
      </c>
      <c r="AL17590">
        <v>30</v>
      </c>
      <c r="AM17590">
        <v>30</v>
      </c>
      <c r="AN17590">
        <v>30</v>
      </c>
      <c r="AO17590">
        <v>30</v>
      </c>
      <c r="AP17590">
        <v>30</v>
      </c>
      <c r="AQ17590">
        <v>30</v>
      </c>
    </row>
    <row r="17591" spans="1:43">
      <c r="A17591" t="s">
        <v>10898</v>
      </c>
      <c r="B17591" t="s">
        <v>10899</v>
      </c>
      <c r="C17591" t="s">
        <v>10894</v>
      </c>
      <c r="D17591" t="s">
        <v>10895</v>
      </c>
      <c r="E17591" t="s">
        <v>10732</v>
      </c>
      <c r="F17591" t="s">
        <v>10733</v>
      </c>
      <c r="G17591" t="s">
        <v>10734</v>
      </c>
      <c r="H17591" t="s">
        <v>10735</v>
      </c>
      <c r="I17591" s="2">
        <v>1</v>
      </c>
      <c r="J17591" s="2">
        <v>0</v>
      </c>
      <c r="K17591" s="2">
        <v>0</v>
      </c>
      <c r="L17591" t="s">
        <v>120</v>
      </c>
      <c r="M17591" t="s">
        <v>87</v>
      </c>
      <c r="N17591" t="s">
        <v>88</v>
      </c>
      <c r="O17591" t="s">
        <v>85</v>
      </c>
      <c r="P17591" t="s">
        <v>86</v>
      </c>
      <c r="Q17591">
        <v>24</v>
      </c>
      <c r="R17591">
        <v>24</v>
      </c>
      <c r="S17591">
        <v>24</v>
      </c>
      <c r="T17591">
        <v>24</v>
      </c>
      <c r="U17591">
        <v>24</v>
      </c>
      <c r="V17591">
        <v>24</v>
      </c>
      <c r="W17591">
        <v>25</v>
      </c>
      <c r="X17591">
        <v>25</v>
      </c>
      <c r="Y17591">
        <v>25</v>
      </c>
      <c r="Z17591">
        <v>25</v>
      </c>
      <c r="AA17591">
        <v>25</v>
      </c>
      <c r="AB17591">
        <v>25</v>
      </c>
      <c r="AC17591">
        <v>25</v>
      </c>
      <c r="AD17591">
        <v>25</v>
      </c>
      <c r="AE17591">
        <v>25</v>
      </c>
      <c r="AF17591">
        <v>26</v>
      </c>
      <c r="AG17591">
        <v>26</v>
      </c>
      <c r="AH17591">
        <v>26</v>
      </c>
      <c r="AI17591">
        <v>26</v>
      </c>
      <c r="AJ17591">
        <v>26</v>
      </c>
      <c r="AK17591">
        <v>26</v>
      </c>
      <c r="AL17591">
        <v>26</v>
      </c>
      <c r="AM17591">
        <v>26</v>
      </c>
      <c r="AN17591">
        <v>26</v>
      </c>
      <c r="AO17591">
        <v>26</v>
      </c>
      <c r="AP17591">
        <v>27</v>
      </c>
      <c r="AQ17591">
        <v>27</v>
      </c>
    </row>
    <row r="17592" spans="1:43">
      <c r="A17592" t="s">
        <v>10898</v>
      </c>
      <c r="B17592" t="s">
        <v>10899</v>
      </c>
      <c r="C17592" t="s">
        <v>10894</v>
      </c>
      <c r="D17592" t="s">
        <v>10895</v>
      </c>
      <c r="E17592" t="s">
        <v>10732</v>
      </c>
      <c r="F17592" t="s">
        <v>10733</v>
      </c>
      <c r="G17592" t="s">
        <v>10734</v>
      </c>
      <c r="H17592" t="s">
        <v>10735</v>
      </c>
      <c r="I17592" s="2">
        <v>1</v>
      </c>
      <c r="J17592" s="2">
        <v>0</v>
      </c>
      <c r="K17592" s="2">
        <v>0</v>
      </c>
      <c r="L17592" t="s">
        <v>120</v>
      </c>
      <c r="M17592" t="s">
        <v>89</v>
      </c>
      <c r="N17592" t="s">
        <v>90</v>
      </c>
      <c r="O17592" t="s">
        <v>85</v>
      </c>
      <c r="P17592" t="s">
        <v>86</v>
      </c>
      <c r="Q17592">
        <v>24</v>
      </c>
      <c r="R17592">
        <v>25</v>
      </c>
      <c r="S17592">
        <v>25</v>
      </c>
      <c r="T17592">
        <v>26</v>
      </c>
      <c r="U17592">
        <v>26</v>
      </c>
      <c r="V17592">
        <v>27</v>
      </c>
      <c r="W17592">
        <v>27</v>
      </c>
      <c r="X17592">
        <v>28</v>
      </c>
      <c r="Y17592">
        <v>28</v>
      </c>
      <c r="Z17592">
        <v>29</v>
      </c>
      <c r="AA17592">
        <v>29</v>
      </c>
      <c r="AB17592">
        <v>29</v>
      </c>
      <c r="AC17592">
        <v>30</v>
      </c>
      <c r="AD17592">
        <v>30</v>
      </c>
      <c r="AE17592">
        <v>30</v>
      </c>
      <c r="AF17592">
        <v>30</v>
      </c>
      <c r="AG17592">
        <v>31</v>
      </c>
      <c r="AH17592">
        <v>31</v>
      </c>
      <c r="AI17592">
        <v>31</v>
      </c>
      <c r="AJ17592">
        <v>31</v>
      </c>
      <c r="AK17592">
        <v>31</v>
      </c>
      <c r="AL17592">
        <v>31</v>
      </c>
      <c r="AM17592">
        <v>31</v>
      </c>
      <c r="AN17592">
        <v>31</v>
      </c>
      <c r="AO17592">
        <v>31</v>
      </c>
      <c r="AP17592">
        <v>31</v>
      </c>
      <c r="AQ17592">
        <v>31</v>
      </c>
    </row>
    <row r="17593" spans="1:43">
      <c r="A17593" t="s">
        <v>10898</v>
      </c>
      <c r="B17593" t="s">
        <v>10899</v>
      </c>
      <c r="C17593" t="s">
        <v>10894</v>
      </c>
      <c r="D17593" t="s">
        <v>10895</v>
      </c>
      <c r="E17593" t="s">
        <v>10732</v>
      </c>
      <c r="F17593" t="s">
        <v>10733</v>
      </c>
      <c r="G17593" t="s">
        <v>10734</v>
      </c>
      <c r="H17593" t="s">
        <v>10735</v>
      </c>
      <c r="I17593" s="2">
        <v>1</v>
      </c>
      <c r="J17593" s="2">
        <v>0</v>
      </c>
      <c r="K17593" s="2">
        <v>0</v>
      </c>
      <c r="L17593" t="s">
        <v>120</v>
      </c>
      <c r="M17593" t="s">
        <v>83</v>
      </c>
      <c r="N17593" t="s">
        <v>91</v>
      </c>
      <c r="O17593" t="s">
        <v>85</v>
      </c>
      <c r="P17593" t="s">
        <v>86</v>
      </c>
      <c r="Q17593">
        <v>24</v>
      </c>
      <c r="R17593">
        <v>24</v>
      </c>
      <c r="S17593">
        <v>25</v>
      </c>
      <c r="T17593">
        <v>25</v>
      </c>
      <c r="U17593">
        <v>25</v>
      </c>
      <c r="V17593">
        <v>26</v>
      </c>
      <c r="W17593">
        <v>26</v>
      </c>
      <c r="X17593">
        <v>26</v>
      </c>
      <c r="Y17593">
        <v>27</v>
      </c>
      <c r="Z17593">
        <v>27</v>
      </c>
      <c r="AA17593">
        <v>27</v>
      </c>
      <c r="AB17593">
        <v>28</v>
      </c>
      <c r="AC17593">
        <v>28</v>
      </c>
      <c r="AD17593">
        <v>28</v>
      </c>
      <c r="AE17593">
        <v>29</v>
      </c>
      <c r="AF17593">
        <v>29</v>
      </c>
      <c r="AG17593">
        <v>29</v>
      </c>
      <c r="AH17593">
        <v>29</v>
      </c>
      <c r="AI17593">
        <v>30</v>
      </c>
      <c r="AJ17593">
        <v>30</v>
      </c>
      <c r="AK17593">
        <v>30</v>
      </c>
      <c r="AL17593">
        <v>30</v>
      </c>
      <c r="AM17593">
        <v>30</v>
      </c>
      <c r="AN17593">
        <v>30</v>
      </c>
      <c r="AO17593">
        <v>30</v>
      </c>
      <c r="AP17593">
        <v>30</v>
      </c>
      <c r="AQ17593">
        <v>30</v>
      </c>
    </row>
    <row r="17594" spans="1:43">
      <c r="A17594" t="s">
        <v>10900</v>
      </c>
      <c r="B17594" t="s">
        <v>10901</v>
      </c>
      <c r="C17594" t="s">
        <v>10894</v>
      </c>
      <c r="D17594" t="s">
        <v>10895</v>
      </c>
      <c r="E17594" t="s">
        <v>10732</v>
      </c>
      <c r="F17594" t="s">
        <v>10733</v>
      </c>
      <c r="G17594" t="s">
        <v>10734</v>
      </c>
      <c r="H17594" t="s">
        <v>10735</v>
      </c>
      <c r="I17594" s="2">
        <v>1</v>
      </c>
      <c r="J17594" s="2">
        <v>0</v>
      </c>
      <c r="K17594" s="2">
        <v>0</v>
      </c>
      <c r="L17594" t="s">
        <v>120</v>
      </c>
      <c r="M17594" t="s">
        <v>83</v>
      </c>
      <c r="N17594" t="s">
        <v>84</v>
      </c>
      <c r="O17594" t="s">
        <v>85</v>
      </c>
      <c r="P17594" t="s">
        <v>86</v>
      </c>
      <c r="Q17594">
        <v>7</v>
      </c>
      <c r="R17594">
        <v>7</v>
      </c>
      <c r="S17594">
        <v>7</v>
      </c>
      <c r="T17594">
        <v>8</v>
      </c>
      <c r="U17594">
        <v>8</v>
      </c>
      <c r="V17594">
        <v>8</v>
      </c>
      <c r="W17594">
        <v>8</v>
      </c>
      <c r="X17594">
        <v>8</v>
      </c>
      <c r="Y17594">
        <v>8</v>
      </c>
      <c r="Z17594">
        <v>8</v>
      </c>
      <c r="AA17594">
        <v>8</v>
      </c>
      <c r="AB17594">
        <v>8</v>
      </c>
      <c r="AC17594">
        <v>8</v>
      </c>
      <c r="AD17594">
        <v>8</v>
      </c>
      <c r="AE17594">
        <v>9</v>
      </c>
      <c r="AF17594">
        <v>9</v>
      </c>
      <c r="AG17594">
        <v>9</v>
      </c>
      <c r="AH17594">
        <v>9</v>
      </c>
      <c r="AI17594">
        <v>9</v>
      </c>
      <c r="AJ17594">
        <v>9</v>
      </c>
      <c r="AK17594">
        <v>9</v>
      </c>
      <c r="AL17594">
        <v>9</v>
      </c>
      <c r="AM17594">
        <v>9</v>
      </c>
      <c r="AN17594">
        <v>9</v>
      </c>
      <c r="AO17594">
        <v>9</v>
      </c>
      <c r="AP17594">
        <v>9</v>
      </c>
      <c r="AQ17594">
        <v>9</v>
      </c>
    </row>
    <row r="17595" spans="1:43">
      <c r="A17595" t="s">
        <v>10900</v>
      </c>
      <c r="B17595" t="s">
        <v>10901</v>
      </c>
      <c r="C17595" t="s">
        <v>10894</v>
      </c>
      <c r="D17595" t="s">
        <v>10895</v>
      </c>
      <c r="E17595" t="s">
        <v>10732</v>
      </c>
      <c r="F17595" t="s">
        <v>10733</v>
      </c>
      <c r="G17595" t="s">
        <v>10734</v>
      </c>
      <c r="H17595" t="s">
        <v>10735</v>
      </c>
      <c r="I17595" s="2">
        <v>1</v>
      </c>
      <c r="J17595" s="2">
        <v>0</v>
      </c>
      <c r="K17595" s="2">
        <v>0</v>
      </c>
      <c r="L17595" t="s">
        <v>120</v>
      </c>
      <c r="M17595" t="s">
        <v>87</v>
      </c>
      <c r="N17595" t="s">
        <v>88</v>
      </c>
      <c r="O17595" t="s">
        <v>85</v>
      </c>
      <c r="P17595" t="s">
        <v>86</v>
      </c>
      <c r="Q17595">
        <v>7</v>
      </c>
      <c r="R17595">
        <v>7</v>
      </c>
      <c r="S17595">
        <v>7</v>
      </c>
      <c r="T17595">
        <v>7</v>
      </c>
      <c r="U17595">
        <v>7</v>
      </c>
      <c r="V17595">
        <v>7</v>
      </c>
      <c r="W17595">
        <v>7</v>
      </c>
      <c r="X17595">
        <v>7</v>
      </c>
      <c r="Y17595">
        <v>7</v>
      </c>
      <c r="Z17595">
        <v>7</v>
      </c>
      <c r="AA17595">
        <v>7</v>
      </c>
      <c r="AB17595">
        <v>8</v>
      </c>
      <c r="AC17595">
        <v>8</v>
      </c>
      <c r="AD17595">
        <v>8</v>
      </c>
      <c r="AE17595">
        <v>8</v>
      </c>
      <c r="AF17595">
        <v>8</v>
      </c>
      <c r="AG17595">
        <v>8</v>
      </c>
      <c r="AH17595">
        <v>8</v>
      </c>
      <c r="AI17595">
        <v>8</v>
      </c>
      <c r="AJ17595">
        <v>8</v>
      </c>
      <c r="AK17595">
        <v>8</v>
      </c>
      <c r="AL17595">
        <v>8</v>
      </c>
      <c r="AM17595">
        <v>8</v>
      </c>
      <c r="AN17595">
        <v>8</v>
      </c>
      <c r="AO17595">
        <v>8</v>
      </c>
      <c r="AP17595">
        <v>8</v>
      </c>
      <c r="AQ17595">
        <v>8</v>
      </c>
    </row>
    <row r="17596" spans="1:43">
      <c r="A17596" t="s">
        <v>10900</v>
      </c>
      <c r="B17596" t="s">
        <v>10901</v>
      </c>
      <c r="C17596" t="s">
        <v>10894</v>
      </c>
      <c r="D17596" t="s">
        <v>10895</v>
      </c>
      <c r="E17596" t="s">
        <v>10732</v>
      </c>
      <c r="F17596" t="s">
        <v>10733</v>
      </c>
      <c r="G17596" t="s">
        <v>10734</v>
      </c>
      <c r="H17596" t="s">
        <v>10735</v>
      </c>
      <c r="I17596" s="2">
        <v>1</v>
      </c>
      <c r="J17596" s="2">
        <v>0</v>
      </c>
      <c r="K17596" s="2">
        <v>0</v>
      </c>
      <c r="L17596" t="s">
        <v>120</v>
      </c>
      <c r="M17596" t="s">
        <v>89</v>
      </c>
      <c r="N17596" t="s">
        <v>90</v>
      </c>
      <c r="O17596" t="s">
        <v>85</v>
      </c>
      <c r="P17596" t="s">
        <v>86</v>
      </c>
      <c r="Q17596">
        <v>7</v>
      </c>
      <c r="R17596">
        <v>7</v>
      </c>
      <c r="S17596">
        <v>8</v>
      </c>
      <c r="T17596">
        <v>8</v>
      </c>
      <c r="U17596">
        <v>8</v>
      </c>
      <c r="V17596">
        <v>8</v>
      </c>
      <c r="W17596">
        <v>8</v>
      </c>
      <c r="X17596">
        <v>8</v>
      </c>
      <c r="Y17596">
        <v>8</v>
      </c>
      <c r="Z17596">
        <v>9</v>
      </c>
      <c r="AA17596">
        <v>9</v>
      </c>
      <c r="AB17596">
        <v>9</v>
      </c>
      <c r="AC17596">
        <v>9</v>
      </c>
      <c r="AD17596">
        <v>9</v>
      </c>
      <c r="AE17596">
        <v>9</v>
      </c>
      <c r="AF17596">
        <v>9</v>
      </c>
      <c r="AG17596">
        <v>9</v>
      </c>
      <c r="AH17596">
        <v>9</v>
      </c>
      <c r="AI17596">
        <v>9</v>
      </c>
      <c r="AJ17596">
        <v>9</v>
      </c>
      <c r="AK17596">
        <v>9</v>
      </c>
      <c r="AL17596">
        <v>9</v>
      </c>
      <c r="AM17596">
        <v>9</v>
      </c>
      <c r="AN17596">
        <v>9</v>
      </c>
      <c r="AO17596">
        <v>9</v>
      </c>
      <c r="AP17596">
        <v>9</v>
      </c>
      <c r="AQ17596">
        <v>9</v>
      </c>
    </row>
    <row r="17597" spans="1:43">
      <c r="A17597" t="s">
        <v>10900</v>
      </c>
      <c r="B17597" t="s">
        <v>10901</v>
      </c>
      <c r="C17597" t="s">
        <v>10894</v>
      </c>
      <c r="D17597" t="s">
        <v>10895</v>
      </c>
      <c r="E17597" t="s">
        <v>10732</v>
      </c>
      <c r="F17597" t="s">
        <v>10733</v>
      </c>
      <c r="G17597" t="s">
        <v>10734</v>
      </c>
      <c r="H17597" t="s">
        <v>10735</v>
      </c>
      <c r="I17597" s="2">
        <v>1</v>
      </c>
      <c r="J17597" s="2">
        <v>0</v>
      </c>
      <c r="K17597" s="2">
        <v>0</v>
      </c>
      <c r="L17597" t="s">
        <v>120</v>
      </c>
      <c r="M17597" t="s">
        <v>83</v>
      </c>
      <c r="N17597" t="s">
        <v>91</v>
      </c>
      <c r="O17597" t="s">
        <v>85</v>
      </c>
      <c r="P17597" t="s">
        <v>86</v>
      </c>
      <c r="Q17597">
        <v>7</v>
      </c>
      <c r="R17597">
        <v>7</v>
      </c>
      <c r="S17597">
        <v>7</v>
      </c>
      <c r="T17597">
        <v>8</v>
      </c>
      <c r="U17597">
        <v>8</v>
      </c>
      <c r="V17597">
        <v>8</v>
      </c>
      <c r="W17597">
        <v>8</v>
      </c>
      <c r="X17597">
        <v>8</v>
      </c>
      <c r="Y17597">
        <v>8</v>
      </c>
      <c r="Z17597">
        <v>8</v>
      </c>
      <c r="AA17597">
        <v>8</v>
      </c>
      <c r="AB17597">
        <v>8</v>
      </c>
      <c r="AC17597">
        <v>8</v>
      </c>
      <c r="AD17597">
        <v>8</v>
      </c>
      <c r="AE17597">
        <v>9</v>
      </c>
      <c r="AF17597">
        <v>9</v>
      </c>
      <c r="AG17597">
        <v>9</v>
      </c>
      <c r="AH17597">
        <v>9</v>
      </c>
      <c r="AI17597">
        <v>9</v>
      </c>
      <c r="AJ17597">
        <v>9</v>
      </c>
      <c r="AK17597">
        <v>9</v>
      </c>
      <c r="AL17597">
        <v>9</v>
      </c>
      <c r="AM17597">
        <v>9</v>
      </c>
      <c r="AN17597">
        <v>9</v>
      </c>
      <c r="AO17597">
        <v>9</v>
      </c>
      <c r="AP17597">
        <v>9</v>
      </c>
      <c r="AQ17597">
        <v>9</v>
      </c>
    </row>
    <row r="17598" spans="1:43">
      <c r="A17598" t="s">
        <v>10902</v>
      </c>
      <c r="B17598" t="s">
        <v>10903</v>
      </c>
      <c r="C17598" t="s">
        <v>10894</v>
      </c>
      <c r="D17598" t="s">
        <v>10895</v>
      </c>
      <c r="E17598" t="s">
        <v>10732</v>
      </c>
      <c r="F17598" t="s">
        <v>10733</v>
      </c>
      <c r="G17598" t="s">
        <v>10734</v>
      </c>
      <c r="H17598" t="s">
        <v>10735</v>
      </c>
      <c r="I17598" s="2">
        <v>1</v>
      </c>
      <c r="J17598" s="2">
        <v>0</v>
      </c>
      <c r="K17598" s="2">
        <v>0</v>
      </c>
      <c r="L17598" t="s">
        <v>120</v>
      </c>
      <c r="M17598" t="s">
        <v>83</v>
      </c>
      <c r="N17598" t="s">
        <v>84</v>
      </c>
      <c r="O17598" t="s">
        <v>85</v>
      </c>
      <c r="P17598" t="s">
        <v>86</v>
      </c>
      <c r="Q17598">
        <v>30</v>
      </c>
      <c r="R17598">
        <v>31</v>
      </c>
      <c r="S17598">
        <v>31</v>
      </c>
      <c r="T17598">
        <v>32</v>
      </c>
      <c r="U17598">
        <v>32</v>
      </c>
      <c r="V17598">
        <v>33</v>
      </c>
      <c r="W17598">
        <v>33</v>
      </c>
      <c r="X17598">
        <v>33</v>
      </c>
      <c r="Y17598">
        <v>34</v>
      </c>
      <c r="Z17598">
        <v>34</v>
      </c>
      <c r="AA17598">
        <v>35</v>
      </c>
      <c r="AB17598">
        <v>35</v>
      </c>
      <c r="AC17598">
        <v>35</v>
      </c>
      <c r="AD17598">
        <v>36</v>
      </c>
      <c r="AE17598">
        <v>36</v>
      </c>
      <c r="AF17598">
        <v>36</v>
      </c>
      <c r="AG17598">
        <v>37</v>
      </c>
      <c r="AH17598">
        <v>37</v>
      </c>
      <c r="AI17598">
        <v>37</v>
      </c>
      <c r="AJ17598">
        <v>38</v>
      </c>
      <c r="AK17598">
        <v>38</v>
      </c>
      <c r="AL17598">
        <v>38</v>
      </c>
      <c r="AM17598">
        <v>38</v>
      </c>
      <c r="AN17598">
        <v>38</v>
      </c>
      <c r="AO17598">
        <v>38</v>
      </c>
      <c r="AP17598">
        <v>38</v>
      </c>
      <c r="AQ17598">
        <v>38</v>
      </c>
    </row>
    <row r="17599" spans="1:43">
      <c r="A17599" t="s">
        <v>10902</v>
      </c>
      <c r="B17599" t="s">
        <v>10903</v>
      </c>
      <c r="C17599" t="s">
        <v>10894</v>
      </c>
      <c r="D17599" t="s">
        <v>10895</v>
      </c>
      <c r="E17599" t="s">
        <v>10732</v>
      </c>
      <c r="F17599" t="s">
        <v>10733</v>
      </c>
      <c r="G17599" t="s">
        <v>10734</v>
      </c>
      <c r="H17599" t="s">
        <v>10735</v>
      </c>
      <c r="I17599" s="2">
        <v>1</v>
      </c>
      <c r="J17599" s="2">
        <v>0</v>
      </c>
      <c r="K17599" s="2">
        <v>0</v>
      </c>
      <c r="L17599" t="s">
        <v>120</v>
      </c>
      <c r="M17599" t="s">
        <v>87</v>
      </c>
      <c r="N17599" t="s">
        <v>88</v>
      </c>
      <c r="O17599" t="s">
        <v>85</v>
      </c>
      <c r="P17599" t="s">
        <v>86</v>
      </c>
      <c r="Q17599">
        <v>30</v>
      </c>
      <c r="R17599">
        <v>30</v>
      </c>
      <c r="S17599">
        <v>30</v>
      </c>
      <c r="T17599">
        <v>31</v>
      </c>
      <c r="U17599">
        <v>31</v>
      </c>
      <c r="V17599">
        <v>31</v>
      </c>
      <c r="W17599">
        <v>31</v>
      </c>
      <c r="X17599">
        <v>31</v>
      </c>
      <c r="Y17599">
        <v>31</v>
      </c>
      <c r="Z17599">
        <v>31</v>
      </c>
      <c r="AA17599">
        <v>32</v>
      </c>
      <c r="AB17599">
        <v>32</v>
      </c>
      <c r="AC17599">
        <v>32</v>
      </c>
      <c r="AD17599">
        <v>32</v>
      </c>
      <c r="AE17599">
        <v>32</v>
      </c>
      <c r="AF17599">
        <v>32</v>
      </c>
      <c r="AG17599">
        <v>32</v>
      </c>
      <c r="AH17599">
        <v>32</v>
      </c>
      <c r="AI17599">
        <v>33</v>
      </c>
      <c r="AJ17599">
        <v>33</v>
      </c>
      <c r="AK17599">
        <v>33</v>
      </c>
      <c r="AL17599">
        <v>33</v>
      </c>
      <c r="AM17599">
        <v>33</v>
      </c>
      <c r="AN17599">
        <v>33</v>
      </c>
      <c r="AO17599">
        <v>33</v>
      </c>
      <c r="AP17599">
        <v>33</v>
      </c>
      <c r="AQ17599">
        <v>34</v>
      </c>
    </row>
    <row r="17600" spans="1:43">
      <c r="A17600" t="s">
        <v>10902</v>
      </c>
      <c r="B17600" t="s">
        <v>10903</v>
      </c>
      <c r="C17600" t="s">
        <v>10894</v>
      </c>
      <c r="D17600" t="s">
        <v>10895</v>
      </c>
      <c r="E17600" t="s">
        <v>10732</v>
      </c>
      <c r="F17600" t="s">
        <v>10733</v>
      </c>
      <c r="G17600" t="s">
        <v>10734</v>
      </c>
      <c r="H17600" t="s">
        <v>10735</v>
      </c>
      <c r="I17600" s="2">
        <v>1</v>
      </c>
      <c r="J17600" s="2">
        <v>0</v>
      </c>
      <c r="K17600" s="2">
        <v>0</v>
      </c>
      <c r="L17600" t="s">
        <v>120</v>
      </c>
      <c r="M17600" t="s">
        <v>89</v>
      </c>
      <c r="N17600" t="s">
        <v>90</v>
      </c>
      <c r="O17600" t="s">
        <v>85</v>
      </c>
      <c r="P17600" t="s">
        <v>86</v>
      </c>
      <c r="Q17600">
        <v>30</v>
      </c>
      <c r="R17600">
        <v>30</v>
      </c>
      <c r="S17600">
        <v>31</v>
      </c>
      <c r="T17600">
        <v>32</v>
      </c>
      <c r="U17600">
        <v>32</v>
      </c>
      <c r="V17600">
        <v>33</v>
      </c>
      <c r="W17600">
        <v>34</v>
      </c>
      <c r="X17600">
        <v>34</v>
      </c>
      <c r="Y17600">
        <v>35</v>
      </c>
      <c r="Z17600">
        <v>35</v>
      </c>
      <c r="AA17600">
        <v>36</v>
      </c>
      <c r="AB17600">
        <v>36</v>
      </c>
      <c r="AC17600">
        <v>37</v>
      </c>
      <c r="AD17600">
        <v>37</v>
      </c>
      <c r="AE17600">
        <v>37</v>
      </c>
      <c r="AF17600">
        <v>37</v>
      </c>
      <c r="AG17600">
        <v>37</v>
      </c>
      <c r="AH17600">
        <v>38</v>
      </c>
      <c r="AI17600">
        <v>38</v>
      </c>
      <c r="AJ17600">
        <v>38</v>
      </c>
      <c r="AK17600">
        <v>38</v>
      </c>
      <c r="AL17600">
        <v>38</v>
      </c>
      <c r="AM17600">
        <v>38</v>
      </c>
      <c r="AN17600">
        <v>38</v>
      </c>
      <c r="AO17600">
        <v>38</v>
      </c>
      <c r="AP17600">
        <v>38</v>
      </c>
      <c r="AQ17600">
        <v>38</v>
      </c>
    </row>
    <row r="17601" spans="1:43">
      <c r="A17601" t="s">
        <v>10902</v>
      </c>
      <c r="B17601" t="s">
        <v>10903</v>
      </c>
      <c r="C17601" t="s">
        <v>10894</v>
      </c>
      <c r="D17601" t="s">
        <v>10895</v>
      </c>
      <c r="E17601" t="s">
        <v>10732</v>
      </c>
      <c r="F17601" t="s">
        <v>10733</v>
      </c>
      <c r="G17601" t="s">
        <v>10734</v>
      </c>
      <c r="H17601" t="s">
        <v>10735</v>
      </c>
      <c r="I17601" s="2">
        <v>1</v>
      </c>
      <c r="J17601" s="2">
        <v>0</v>
      </c>
      <c r="K17601" s="2">
        <v>0</v>
      </c>
      <c r="L17601" t="s">
        <v>120</v>
      </c>
      <c r="M17601" t="s">
        <v>83</v>
      </c>
      <c r="N17601" t="s">
        <v>91</v>
      </c>
      <c r="O17601" t="s">
        <v>85</v>
      </c>
      <c r="P17601" t="s">
        <v>86</v>
      </c>
      <c r="Q17601">
        <v>30</v>
      </c>
      <c r="R17601">
        <v>31</v>
      </c>
      <c r="S17601">
        <v>31</v>
      </c>
      <c r="T17601">
        <v>32</v>
      </c>
      <c r="U17601">
        <v>32</v>
      </c>
      <c r="V17601">
        <v>33</v>
      </c>
      <c r="W17601">
        <v>33</v>
      </c>
      <c r="X17601">
        <v>33</v>
      </c>
      <c r="Y17601">
        <v>34</v>
      </c>
      <c r="Z17601">
        <v>34</v>
      </c>
      <c r="AA17601">
        <v>35</v>
      </c>
      <c r="AB17601">
        <v>35</v>
      </c>
      <c r="AC17601">
        <v>35</v>
      </c>
      <c r="AD17601">
        <v>36</v>
      </c>
      <c r="AE17601">
        <v>36</v>
      </c>
      <c r="AF17601">
        <v>36</v>
      </c>
      <c r="AG17601">
        <v>37</v>
      </c>
      <c r="AH17601">
        <v>37</v>
      </c>
      <c r="AI17601">
        <v>37</v>
      </c>
      <c r="AJ17601">
        <v>38</v>
      </c>
      <c r="AK17601">
        <v>38</v>
      </c>
      <c r="AL17601">
        <v>38</v>
      </c>
      <c r="AM17601">
        <v>38</v>
      </c>
      <c r="AN17601">
        <v>38</v>
      </c>
      <c r="AO17601">
        <v>38</v>
      </c>
      <c r="AP17601">
        <v>38</v>
      </c>
      <c r="AQ17601">
        <v>38</v>
      </c>
    </row>
    <row r="17602" spans="1:43">
      <c r="A17602" t="s">
        <v>10904</v>
      </c>
      <c r="B17602" t="s">
        <v>10905</v>
      </c>
      <c r="C17602" t="s">
        <v>10894</v>
      </c>
      <c r="D17602" t="s">
        <v>10895</v>
      </c>
      <c r="E17602" t="s">
        <v>10732</v>
      </c>
      <c r="F17602" t="s">
        <v>10733</v>
      </c>
      <c r="G17602" t="s">
        <v>10734</v>
      </c>
      <c r="H17602" t="s">
        <v>10735</v>
      </c>
      <c r="I17602" s="2">
        <v>1</v>
      </c>
      <c r="J17602" s="2">
        <v>0</v>
      </c>
      <c r="K17602" s="2">
        <v>0</v>
      </c>
      <c r="L17602" t="s">
        <v>120</v>
      </c>
      <c r="M17602" t="s">
        <v>83</v>
      </c>
      <c r="N17602" t="s">
        <v>84</v>
      </c>
      <c r="O17602" t="s">
        <v>85</v>
      </c>
      <c r="P17602" t="s">
        <v>86</v>
      </c>
      <c r="Q17602">
        <v>12</v>
      </c>
      <c r="R17602">
        <v>12</v>
      </c>
      <c r="S17602">
        <v>12</v>
      </c>
      <c r="T17602">
        <v>13</v>
      </c>
      <c r="U17602">
        <v>13</v>
      </c>
      <c r="V17602">
        <v>13</v>
      </c>
      <c r="W17602">
        <v>13</v>
      </c>
      <c r="X17602">
        <v>13</v>
      </c>
      <c r="Y17602">
        <v>13</v>
      </c>
      <c r="Z17602">
        <v>14</v>
      </c>
      <c r="AA17602">
        <v>14</v>
      </c>
      <c r="AB17602">
        <v>14</v>
      </c>
      <c r="AC17602">
        <v>14</v>
      </c>
      <c r="AD17602">
        <v>14</v>
      </c>
      <c r="AE17602">
        <v>14</v>
      </c>
      <c r="AF17602">
        <v>14</v>
      </c>
      <c r="AG17602">
        <v>15</v>
      </c>
      <c r="AH17602">
        <v>15</v>
      </c>
      <c r="AI17602">
        <v>15</v>
      </c>
      <c r="AJ17602">
        <v>15</v>
      </c>
      <c r="AK17602">
        <v>15</v>
      </c>
      <c r="AL17602">
        <v>15</v>
      </c>
      <c r="AM17602">
        <v>15</v>
      </c>
      <c r="AN17602">
        <v>15</v>
      </c>
      <c r="AO17602">
        <v>15</v>
      </c>
      <c r="AP17602">
        <v>15</v>
      </c>
      <c r="AQ17602">
        <v>15</v>
      </c>
    </row>
    <row r="17603" spans="1:43">
      <c r="A17603" t="s">
        <v>10904</v>
      </c>
      <c r="B17603" t="s">
        <v>10905</v>
      </c>
      <c r="C17603" t="s">
        <v>10894</v>
      </c>
      <c r="D17603" t="s">
        <v>10895</v>
      </c>
      <c r="E17603" t="s">
        <v>10732</v>
      </c>
      <c r="F17603" t="s">
        <v>10733</v>
      </c>
      <c r="G17603" t="s">
        <v>10734</v>
      </c>
      <c r="H17603" t="s">
        <v>10735</v>
      </c>
      <c r="I17603" s="2">
        <v>1</v>
      </c>
      <c r="J17603" s="2">
        <v>0</v>
      </c>
      <c r="K17603" s="2">
        <v>0</v>
      </c>
      <c r="L17603" t="s">
        <v>120</v>
      </c>
      <c r="M17603" t="s">
        <v>87</v>
      </c>
      <c r="N17603" t="s">
        <v>88</v>
      </c>
      <c r="O17603" t="s">
        <v>85</v>
      </c>
      <c r="P17603" t="s">
        <v>86</v>
      </c>
      <c r="Q17603">
        <v>12</v>
      </c>
      <c r="R17603">
        <v>12</v>
      </c>
      <c r="S17603">
        <v>12</v>
      </c>
      <c r="T17603">
        <v>12</v>
      </c>
      <c r="U17603">
        <v>12</v>
      </c>
      <c r="V17603">
        <v>12</v>
      </c>
      <c r="W17603">
        <v>12</v>
      </c>
      <c r="X17603">
        <v>12</v>
      </c>
      <c r="Y17603">
        <v>12</v>
      </c>
      <c r="Z17603">
        <v>12</v>
      </c>
      <c r="AA17603">
        <v>13</v>
      </c>
      <c r="AB17603">
        <v>13</v>
      </c>
      <c r="AC17603">
        <v>13</v>
      </c>
      <c r="AD17603">
        <v>13</v>
      </c>
      <c r="AE17603">
        <v>13</v>
      </c>
      <c r="AF17603">
        <v>13</v>
      </c>
      <c r="AG17603">
        <v>13</v>
      </c>
      <c r="AH17603">
        <v>13</v>
      </c>
      <c r="AI17603">
        <v>13</v>
      </c>
      <c r="AJ17603">
        <v>13</v>
      </c>
      <c r="AK17603">
        <v>13</v>
      </c>
      <c r="AL17603">
        <v>13</v>
      </c>
      <c r="AM17603">
        <v>13</v>
      </c>
      <c r="AN17603">
        <v>13</v>
      </c>
      <c r="AO17603">
        <v>13</v>
      </c>
      <c r="AP17603">
        <v>13</v>
      </c>
      <c r="AQ17603">
        <v>13</v>
      </c>
    </row>
    <row r="17604" spans="1:43">
      <c r="A17604" t="s">
        <v>10904</v>
      </c>
      <c r="B17604" t="s">
        <v>10905</v>
      </c>
      <c r="C17604" t="s">
        <v>10894</v>
      </c>
      <c r="D17604" t="s">
        <v>10895</v>
      </c>
      <c r="E17604" t="s">
        <v>10732</v>
      </c>
      <c r="F17604" t="s">
        <v>10733</v>
      </c>
      <c r="G17604" t="s">
        <v>10734</v>
      </c>
      <c r="H17604" t="s">
        <v>10735</v>
      </c>
      <c r="I17604" s="2">
        <v>1</v>
      </c>
      <c r="J17604" s="2">
        <v>0</v>
      </c>
      <c r="K17604" s="2">
        <v>0</v>
      </c>
      <c r="L17604" t="s">
        <v>120</v>
      </c>
      <c r="M17604" t="s">
        <v>89</v>
      </c>
      <c r="N17604" t="s">
        <v>90</v>
      </c>
      <c r="O17604" t="s">
        <v>85</v>
      </c>
      <c r="P17604" t="s">
        <v>86</v>
      </c>
      <c r="Q17604">
        <v>12</v>
      </c>
      <c r="R17604">
        <v>13</v>
      </c>
      <c r="S17604">
        <v>13</v>
      </c>
      <c r="T17604">
        <v>13</v>
      </c>
      <c r="U17604">
        <v>13</v>
      </c>
      <c r="V17604">
        <v>14</v>
      </c>
      <c r="W17604">
        <v>14</v>
      </c>
      <c r="X17604">
        <v>14</v>
      </c>
      <c r="Y17604">
        <v>14</v>
      </c>
      <c r="Z17604">
        <v>14</v>
      </c>
      <c r="AA17604">
        <v>15</v>
      </c>
      <c r="AB17604">
        <v>15</v>
      </c>
      <c r="AC17604">
        <v>15</v>
      </c>
      <c r="AD17604">
        <v>15</v>
      </c>
      <c r="AE17604">
        <v>15</v>
      </c>
      <c r="AF17604">
        <v>15</v>
      </c>
      <c r="AG17604">
        <v>15</v>
      </c>
      <c r="AH17604">
        <v>15</v>
      </c>
      <c r="AI17604">
        <v>15</v>
      </c>
      <c r="AJ17604">
        <v>15</v>
      </c>
      <c r="AK17604">
        <v>15</v>
      </c>
      <c r="AL17604">
        <v>15</v>
      </c>
      <c r="AM17604">
        <v>15</v>
      </c>
      <c r="AN17604">
        <v>15</v>
      </c>
      <c r="AO17604">
        <v>15</v>
      </c>
      <c r="AP17604">
        <v>15</v>
      </c>
      <c r="AQ17604">
        <v>15</v>
      </c>
    </row>
    <row r="17605" spans="1:43">
      <c r="A17605" t="s">
        <v>10904</v>
      </c>
      <c r="B17605" t="s">
        <v>10905</v>
      </c>
      <c r="C17605" t="s">
        <v>10894</v>
      </c>
      <c r="D17605" t="s">
        <v>10895</v>
      </c>
      <c r="E17605" t="s">
        <v>10732</v>
      </c>
      <c r="F17605" t="s">
        <v>10733</v>
      </c>
      <c r="G17605" t="s">
        <v>10734</v>
      </c>
      <c r="H17605" t="s">
        <v>10735</v>
      </c>
      <c r="I17605" s="2">
        <v>1</v>
      </c>
      <c r="J17605" s="2">
        <v>0</v>
      </c>
      <c r="K17605" s="2">
        <v>0</v>
      </c>
      <c r="L17605" t="s">
        <v>120</v>
      </c>
      <c r="M17605" t="s">
        <v>83</v>
      </c>
      <c r="N17605" t="s">
        <v>91</v>
      </c>
      <c r="O17605" t="s">
        <v>85</v>
      </c>
      <c r="P17605" t="s">
        <v>86</v>
      </c>
      <c r="Q17605">
        <v>12</v>
      </c>
      <c r="R17605">
        <v>12</v>
      </c>
      <c r="S17605">
        <v>12</v>
      </c>
      <c r="T17605">
        <v>13</v>
      </c>
      <c r="U17605">
        <v>13</v>
      </c>
      <c r="V17605">
        <v>13</v>
      </c>
      <c r="W17605">
        <v>13</v>
      </c>
      <c r="X17605">
        <v>13</v>
      </c>
      <c r="Y17605">
        <v>13</v>
      </c>
      <c r="Z17605">
        <v>14</v>
      </c>
      <c r="AA17605">
        <v>14</v>
      </c>
      <c r="AB17605">
        <v>14</v>
      </c>
      <c r="AC17605">
        <v>14</v>
      </c>
      <c r="AD17605">
        <v>14</v>
      </c>
      <c r="AE17605">
        <v>14</v>
      </c>
      <c r="AF17605">
        <v>14</v>
      </c>
      <c r="AG17605">
        <v>15</v>
      </c>
      <c r="AH17605">
        <v>15</v>
      </c>
      <c r="AI17605">
        <v>15</v>
      </c>
      <c r="AJ17605">
        <v>15</v>
      </c>
      <c r="AK17605">
        <v>15</v>
      </c>
      <c r="AL17605">
        <v>15</v>
      </c>
      <c r="AM17605">
        <v>15</v>
      </c>
      <c r="AN17605">
        <v>15</v>
      </c>
      <c r="AO17605">
        <v>15</v>
      </c>
      <c r="AP17605">
        <v>15</v>
      </c>
      <c r="AQ17605">
        <v>15</v>
      </c>
    </row>
    <row r="17606" spans="1:43">
      <c r="A17606" t="s">
        <v>10906</v>
      </c>
      <c r="B17606" t="s">
        <v>10907</v>
      </c>
      <c r="C17606" t="s">
        <v>10908</v>
      </c>
      <c r="D17606" t="s">
        <v>10909</v>
      </c>
      <c r="E17606" t="s">
        <v>10732</v>
      </c>
      <c r="F17606" t="s">
        <v>10733</v>
      </c>
      <c r="G17606" t="s">
        <v>10734</v>
      </c>
      <c r="H17606" t="s">
        <v>10735</v>
      </c>
      <c r="I17606" s="2">
        <v>1</v>
      </c>
      <c r="J17606" s="2">
        <v>0</v>
      </c>
      <c r="K17606" s="2">
        <v>0</v>
      </c>
      <c r="L17606" t="s">
        <v>120</v>
      </c>
      <c r="M17606" t="s">
        <v>83</v>
      </c>
      <c r="N17606" t="s">
        <v>84</v>
      </c>
      <c r="O17606" t="s">
        <v>85</v>
      </c>
      <c r="P17606" t="s">
        <v>86</v>
      </c>
      <c r="Q17606">
        <v>32</v>
      </c>
      <c r="R17606">
        <v>32</v>
      </c>
      <c r="S17606">
        <v>33</v>
      </c>
      <c r="T17606">
        <v>33</v>
      </c>
      <c r="U17606">
        <v>33</v>
      </c>
      <c r="V17606">
        <v>34</v>
      </c>
      <c r="W17606">
        <v>34</v>
      </c>
      <c r="X17606">
        <v>35</v>
      </c>
      <c r="Y17606">
        <v>35</v>
      </c>
      <c r="Z17606">
        <v>36</v>
      </c>
      <c r="AA17606">
        <v>36</v>
      </c>
      <c r="AB17606">
        <v>36</v>
      </c>
      <c r="AC17606">
        <v>37</v>
      </c>
      <c r="AD17606">
        <v>37</v>
      </c>
      <c r="AE17606">
        <v>37</v>
      </c>
      <c r="AF17606">
        <v>38</v>
      </c>
      <c r="AG17606">
        <v>38</v>
      </c>
      <c r="AH17606">
        <v>39</v>
      </c>
      <c r="AI17606">
        <v>39</v>
      </c>
      <c r="AJ17606">
        <v>39</v>
      </c>
      <c r="AK17606">
        <v>40</v>
      </c>
      <c r="AL17606">
        <v>40</v>
      </c>
      <c r="AM17606">
        <v>40</v>
      </c>
      <c r="AN17606">
        <v>40</v>
      </c>
      <c r="AO17606">
        <v>40</v>
      </c>
      <c r="AP17606">
        <v>40</v>
      </c>
      <c r="AQ17606">
        <v>40</v>
      </c>
    </row>
    <row r="17607" spans="1:43">
      <c r="A17607" t="s">
        <v>10906</v>
      </c>
      <c r="B17607" t="s">
        <v>10907</v>
      </c>
      <c r="C17607" t="s">
        <v>10908</v>
      </c>
      <c r="D17607" t="s">
        <v>10909</v>
      </c>
      <c r="E17607" t="s">
        <v>10732</v>
      </c>
      <c r="F17607" t="s">
        <v>10733</v>
      </c>
      <c r="G17607" t="s">
        <v>10734</v>
      </c>
      <c r="H17607" t="s">
        <v>10735</v>
      </c>
      <c r="I17607" s="2">
        <v>1</v>
      </c>
      <c r="J17607" s="2">
        <v>0</v>
      </c>
      <c r="K17607" s="2">
        <v>0</v>
      </c>
      <c r="L17607" t="s">
        <v>120</v>
      </c>
      <c r="M17607" t="s">
        <v>87</v>
      </c>
      <c r="N17607" t="s">
        <v>88</v>
      </c>
      <c r="O17607" t="s">
        <v>85</v>
      </c>
      <c r="P17607" t="s">
        <v>86</v>
      </c>
      <c r="Q17607">
        <v>32</v>
      </c>
      <c r="R17607">
        <v>33</v>
      </c>
      <c r="S17607">
        <v>33</v>
      </c>
      <c r="T17607">
        <v>33</v>
      </c>
      <c r="U17607">
        <v>33</v>
      </c>
      <c r="V17607">
        <v>33</v>
      </c>
      <c r="W17607">
        <v>33</v>
      </c>
      <c r="X17607">
        <v>33</v>
      </c>
      <c r="Y17607">
        <v>34</v>
      </c>
      <c r="Z17607">
        <v>34</v>
      </c>
      <c r="AA17607">
        <v>34</v>
      </c>
      <c r="AB17607">
        <v>34</v>
      </c>
      <c r="AC17607">
        <v>34</v>
      </c>
      <c r="AD17607">
        <v>34</v>
      </c>
      <c r="AE17607">
        <v>34</v>
      </c>
      <c r="AF17607">
        <v>34</v>
      </c>
      <c r="AG17607">
        <v>35</v>
      </c>
      <c r="AH17607">
        <v>35</v>
      </c>
      <c r="AI17607">
        <v>35</v>
      </c>
      <c r="AJ17607">
        <v>35</v>
      </c>
      <c r="AK17607">
        <v>35</v>
      </c>
      <c r="AL17607">
        <v>35</v>
      </c>
      <c r="AM17607">
        <v>35</v>
      </c>
      <c r="AN17607">
        <v>36</v>
      </c>
      <c r="AO17607">
        <v>36</v>
      </c>
      <c r="AP17607">
        <v>36</v>
      </c>
      <c r="AQ17607">
        <v>36</v>
      </c>
    </row>
    <row r="17608" spans="1:43">
      <c r="A17608" t="s">
        <v>10906</v>
      </c>
      <c r="B17608" t="s">
        <v>10907</v>
      </c>
      <c r="C17608" t="s">
        <v>10908</v>
      </c>
      <c r="D17608" t="s">
        <v>10909</v>
      </c>
      <c r="E17608" t="s">
        <v>10732</v>
      </c>
      <c r="F17608" t="s">
        <v>10733</v>
      </c>
      <c r="G17608" t="s">
        <v>10734</v>
      </c>
      <c r="H17608" t="s">
        <v>10735</v>
      </c>
      <c r="I17608" s="2">
        <v>1</v>
      </c>
      <c r="J17608" s="2">
        <v>0</v>
      </c>
      <c r="K17608" s="2">
        <v>0</v>
      </c>
      <c r="L17608" t="s">
        <v>120</v>
      </c>
      <c r="M17608" t="s">
        <v>89</v>
      </c>
      <c r="N17608" t="s">
        <v>90</v>
      </c>
      <c r="O17608" t="s">
        <v>85</v>
      </c>
      <c r="P17608" t="s">
        <v>86</v>
      </c>
      <c r="Q17608">
        <v>32</v>
      </c>
      <c r="R17608">
        <v>33</v>
      </c>
      <c r="S17608">
        <v>33</v>
      </c>
      <c r="T17608">
        <v>34</v>
      </c>
      <c r="U17608">
        <v>35</v>
      </c>
      <c r="V17608">
        <v>35</v>
      </c>
      <c r="W17608">
        <v>36</v>
      </c>
      <c r="X17608">
        <v>36</v>
      </c>
      <c r="Y17608">
        <v>37</v>
      </c>
      <c r="Z17608">
        <v>38</v>
      </c>
      <c r="AA17608">
        <v>38</v>
      </c>
      <c r="AB17608">
        <v>39</v>
      </c>
      <c r="AC17608">
        <v>39</v>
      </c>
      <c r="AD17608">
        <v>40</v>
      </c>
      <c r="AE17608">
        <v>40</v>
      </c>
      <c r="AF17608">
        <v>40</v>
      </c>
      <c r="AG17608">
        <v>40</v>
      </c>
      <c r="AH17608">
        <v>40</v>
      </c>
      <c r="AI17608">
        <v>40</v>
      </c>
      <c r="AJ17608">
        <v>40</v>
      </c>
      <c r="AK17608">
        <v>40</v>
      </c>
      <c r="AL17608">
        <v>40</v>
      </c>
      <c r="AM17608">
        <v>40</v>
      </c>
      <c r="AN17608">
        <v>40</v>
      </c>
      <c r="AO17608">
        <v>40</v>
      </c>
      <c r="AP17608">
        <v>40</v>
      </c>
      <c r="AQ17608">
        <v>40</v>
      </c>
    </row>
    <row r="17609" spans="1:43">
      <c r="A17609" t="s">
        <v>10906</v>
      </c>
      <c r="B17609" t="s">
        <v>10907</v>
      </c>
      <c r="C17609" t="s">
        <v>10908</v>
      </c>
      <c r="D17609" t="s">
        <v>10909</v>
      </c>
      <c r="E17609" t="s">
        <v>10732</v>
      </c>
      <c r="F17609" t="s">
        <v>10733</v>
      </c>
      <c r="G17609" t="s">
        <v>10734</v>
      </c>
      <c r="H17609" t="s">
        <v>10735</v>
      </c>
      <c r="I17609" s="2">
        <v>1</v>
      </c>
      <c r="J17609" s="2">
        <v>0</v>
      </c>
      <c r="K17609" s="2">
        <v>0</v>
      </c>
      <c r="L17609" t="s">
        <v>120</v>
      </c>
      <c r="M17609" t="s">
        <v>83</v>
      </c>
      <c r="N17609" t="s">
        <v>91</v>
      </c>
      <c r="O17609" t="s">
        <v>85</v>
      </c>
      <c r="P17609" t="s">
        <v>86</v>
      </c>
      <c r="Q17609">
        <v>32</v>
      </c>
      <c r="R17609">
        <v>32</v>
      </c>
      <c r="S17609">
        <v>33</v>
      </c>
      <c r="T17609">
        <v>33</v>
      </c>
      <c r="U17609">
        <v>33</v>
      </c>
      <c r="V17609">
        <v>34</v>
      </c>
      <c r="W17609">
        <v>34</v>
      </c>
      <c r="X17609">
        <v>35</v>
      </c>
      <c r="Y17609">
        <v>35</v>
      </c>
      <c r="Z17609">
        <v>36</v>
      </c>
      <c r="AA17609">
        <v>36</v>
      </c>
      <c r="AB17609">
        <v>36</v>
      </c>
      <c r="AC17609">
        <v>37</v>
      </c>
      <c r="AD17609">
        <v>37</v>
      </c>
      <c r="AE17609">
        <v>37</v>
      </c>
      <c r="AF17609">
        <v>38</v>
      </c>
      <c r="AG17609">
        <v>38</v>
      </c>
      <c r="AH17609">
        <v>39</v>
      </c>
      <c r="AI17609">
        <v>39</v>
      </c>
      <c r="AJ17609">
        <v>39</v>
      </c>
      <c r="AK17609">
        <v>40</v>
      </c>
      <c r="AL17609">
        <v>40</v>
      </c>
      <c r="AM17609">
        <v>40</v>
      </c>
      <c r="AN17609">
        <v>40</v>
      </c>
      <c r="AO17609">
        <v>40</v>
      </c>
      <c r="AP17609">
        <v>40</v>
      </c>
      <c r="AQ17609">
        <v>40</v>
      </c>
    </row>
    <row r="17610" spans="1:43">
      <c r="A17610" t="s">
        <v>10910</v>
      </c>
      <c r="B17610" t="s">
        <v>10911</v>
      </c>
      <c r="C17610" t="s">
        <v>10908</v>
      </c>
      <c r="D17610" t="s">
        <v>10909</v>
      </c>
      <c r="E17610" t="s">
        <v>10732</v>
      </c>
      <c r="F17610" t="s">
        <v>10733</v>
      </c>
      <c r="G17610" t="s">
        <v>10734</v>
      </c>
      <c r="H17610" t="s">
        <v>10735</v>
      </c>
      <c r="I17610" s="2">
        <v>1</v>
      </c>
      <c r="J17610" s="2">
        <v>0</v>
      </c>
      <c r="K17610" s="2">
        <v>0</v>
      </c>
      <c r="L17610" t="s">
        <v>120</v>
      </c>
      <c r="M17610" t="s">
        <v>83</v>
      </c>
      <c r="N17610" t="s">
        <v>84</v>
      </c>
      <c r="O17610" t="s">
        <v>85</v>
      </c>
      <c r="P17610" t="s">
        <v>86</v>
      </c>
      <c r="Q17610">
        <v>49</v>
      </c>
      <c r="R17610">
        <v>49</v>
      </c>
      <c r="S17610">
        <v>50</v>
      </c>
      <c r="T17610">
        <v>51</v>
      </c>
      <c r="U17610">
        <v>51</v>
      </c>
      <c r="V17610">
        <v>52</v>
      </c>
      <c r="W17610">
        <v>53</v>
      </c>
      <c r="X17610">
        <v>53</v>
      </c>
      <c r="Y17610">
        <v>54</v>
      </c>
      <c r="Z17610">
        <v>55</v>
      </c>
      <c r="AA17610">
        <v>55</v>
      </c>
      <c r="AB17610">
        <v>56</v>
      </c>
      <c r="AC17610">
        <v>56</v>
      </c>
      <c r="AD17610">
        <v>57</v>
      </c>
      <c r="AE17610">
        <v>57</v>
      </c>
      <c r="AF17610">
        <v>58</v>
      </c>
      <c r="AG17610">
        <v>59</v>
      </c>
      <c r="AH17610">
        <v>59</v>
      </c>
      <c r="AI17610">
        <v>60</v>
      </c>
      <c r="AJ17610">
        <v>60</v>
      </c>
      <c r="AK17610">
        <v>61</v>
      </c>
      <c r="AL17610">
        <v>61</v>
      </c>
      <c r="AM17610">
        <v>61</v>
      </c>
      <c r="AN17610">
        <v>61</v>
      </c>
      <c r="AO17610">
        <v>61</v>
      </c>
      <c r="AP17610">
        <v>61</v>
      </c>
      <c r="AQ17610">
        <v>61</v>
      </c>
    </row>
    <row r="17611" spans="1:43">
      <c r="A17611" t="s">
        <v>10910</v>
      </c>
      <c r="B17611" t="s">
        <v>10911</v>
      </c>
      <c r="C17611" t="s">
        <v>10908</v>
      </c>
      <c r="D17611" t="s">
        <v>10909</v>
      </c>
      <c r="E17611" t="s">
        <v>10732</v>
      </c>
      <c r="F17611" t="s">
        <v>10733</v>
      </c>
      <c r="G17611" t="s">
        <v>10734</v>
      </c>
      <c r="H17611" t="s">
        <v>10735</v>
      </c>
      <c r="I17611" s="2">
        <v>1</v>
      </c>
      <c r="J17611" s="2">
        <v>0</v>
      </c>
      <c r="K17611" s="2">
        <v>0</v>
      </c>
      <c r="L17611" t="s">
        <v>120</v>
      </c>
      <c r="M17611" t="s">
        <v>87</v>
      </c>
      <c r="N17611" t="s">
        <v>88</v>
      </c>
      <c r="O17611" t="s">
        <v>85</v>
      </c>
      <c r="P17611" t="s">
        <v>86</v>
      </c>
      <c r="Q17611">
        <v>49</v>
      </c>
      <c r="R17611">
        <v>49</v>
      </c>
      <c r="S17611">
        <v>50</v>
      </c>
      <c r="T17611">
        <v>50</v>
      </c>
      <c r="U17611">
        <v>50</v>
      </c>
      <c r="V17611">
        <v>50</v>
      </c>
      <c r="W17611">
        <v>50</v>
      </c>
      <c r="X17611">
        <v>51</v>
      </c>
      <c r="Y17611">
        <v>51</v>
      </c>
      <c r="Z17611">
        <v>51</v>
      </c>
      <c r="AA17611">
        <v>51</v>
      </c>
      <c r="AB17611">
        <v>52</v>
      </c>
      <c r="AC17611">
        <v>52</v>
      </c>
      <c r="AD17611">
        <v>52</v>
      </c>
      <c r="AE17611">
        <v>52</v>
      </c>
      <c r="AF17611">
        <v>52</v>
      </c>
      <c r="AG17611">
        <v>53</v>
      </c>
      <c r="AH17611">
        <v>53</v>
      </c>
      <c r="AI17611">
        <v>53</v>
      </c>
      <c r="AJ17611">
        <v>53</v>
      </c>
      <c r="AK17611">
        <v>53</v>
      </c>
      <c r="AL17611">
        <v>54</v>
      </c>
      <c r="AM17611">
        <v>54</v>
      </c>
      <c r="AN17611">
        <v>54</v>
      </c>
      <c r="AO17611">
        <v>54</v>
      </c>
      <c r="AP17611">
        <v>54</v>
      </c>
      <c r="AQ17611">
        <v>55</v>
      </c>
    </row>
    <row r="17612" spans="1:43">
      <c r="A17612" t="s">
        <v>10910</v>
      </c>
      <c r="B17612" t="s">
        <v>10911</v>
      </c>
      <c r="C17612" t="s">
        <v>10908</v>
      </c>
      <c r="D17612" t="s">
        <v>10909</v>
      </c>
      <c r="E17612" t="s">
        <v>10732</v>
      </c>
      <c r="F17612" t="s">
        <v>10733</v>
      </c>
      <c r="G17612" t="s">
        <v>10734</v>
      </c>
      <c r="H17612" t="s">
        <v>10735</v>
      </c>
      <c r="I17612" s="2">
        <v>1</v>
      </c>
      <c r="J17612" s="2">
        <v>0</v>
      </c>
      <c r="K17612" s="2">
        <v>0</v>
      </c>
      <c r="L17612" t="s">
        <v>120</v>
      </c>
      <c r="M17612" t="s">
        <v>89</v>
      </c>
      <c r="N17612" t="s">
        <v>90</v>
      </c>
      <c r="O17612" t="s">
        <v>85</v>
      </c>
      <c r="P17612" t="s">
        <v>86</v>
      </c>
      <c r="Q17612">
        <v>49</v>
      </c>
      <c r="R17612">
        <v>50</v>
      </c>
      <c r="S17612">
        <v>51</v>
      </c>
      <c r="T17612">
        <v>52</v>
      </c>
      <c r="U17612">
        <v>53</v>
      </c>
      <c r="V17612">
        <v>54</v>
      </c>
      <c r="W17612">
        <v>55</v>
      </c>
      <c r="X17612">
        <v>56</v>
      </c>
      <c r="Y17612">
        <v>57</v>
      </c>
      <c r="Z17612">
        <v>58</v>
      </c>
      <c r="AA17612">
        <v>58</v>
      </c>
      <c r="AB17612">
        <v>59</v>
      </c>
      <c r="AC17612">
        <v>60</v>
      </c>
      <c r="AD17612">
        <v>61</v>
      </c>
      <c r="AE17612">
        <v>61</v>
      </c>
      <c r="AF17612">
        <v>61</v>
      </c>
      <c r="AG17612">
        <v>61</v>
      </c>
      <c r="AH17612">
        <v>62</v>
      </c>
      <c r="AI17612">
        <v>62</v>
      </c>
      <c r="AJ17612">
        <v>62</v>
      </c>
      <c r="AK17612">
        <v>62</v>
      </c>
      <c r="AL17612">
        <v>62</v>
      </c>
      <c r="AM17612">
        <v>62</v>
      </c>
      <c r="AN17612">
        <v>62</v>
      </c>
      <c r="AO17612">
        <v>62</v>
      </c>
      <c r="AP17612">
        <v>62</v>
      </c>
      <c r="AQ17612">
        <v>62</v>
      </c>
    </row>
    <row r="17613" spans="1:43">
      <c r="A17613" t="s">
        <v>10910</v>
      </c>
      <c r="B17613" t="s">
        <v>10911</v>
      </c>
      <c r="C17613" t="s">
        <v>10908</v>
      </c>
      <c r="D17613" t="s">
        <v>10909</v>
      </c>
      <c r="E17613" t="s">
        <v>10732</v>
      </c>
      <c r="F17613" t="s">
        <v>10733</v>
      </c>
      <c r="G17613" t="s">
        <v>10734</v>
      </c>
      <c r="H17613" t="s">
        <v>10735</v>
      </c>
      <c r="I17613" s="2">
        <v>1</v>
      </c>
      <c r="J17613" s="2">
        <v>0</v>
      </c>
      <c r="K17613" s="2">
        <v>0</v>
      </c>
      <c r="L17613" t="s">
        <v>120</v>
      </c>
      <c r="M17613" t="s">
        <v>83</v>
      </c>
      <c r="N17613" t="s">
        <v>91</v>
      </c>
      <c r="O17613" t="s">
        <v>85</v>
      </c>
      <c r="P17613" t="s">
        <v>86</v>
      </c>
      <c r="Q17613">
        <v>49</v>
      </c>
      <c r="R17613">
        <v>49</v>
      </c>
      <c r="S17613">
        <v>50</v>
      </c>
      <c r="T17613">
        <v>51</v>
      </c>
      <c r="U17613">
        <v>51</v>
      </c>
      <c r="V17613">
        <v>52</v>
      </c>
      <c r="W17613">
        <v>53</v>
      </c>
      <c r="X17613">
        <v>53</v>
      </c>
      <c r="Y17613">
        <v>54</v>
      </c>
      <c r="Z17613">
        <v>55</v>
      </c>
      <c r="AA17613">
        <v>55</v>
      </c>
      <c r="AB17613">
        <v>56</v>
      </c>
      <c r="AC17613">
        <v>56</v>
      </c>
      <c r="AD17613">
        <v>57</v>
      </c>
      <c r="AE17613">
        <v>57</v>
      </c>
      <c r="AF17613">
        <v>58</v>
      </c>
      <c r="AG17613">
        <v>59</v>
      </c>
      <c r="AH17613">
        <v>59</v>
      </c>
      <c r="AI17613">
        <v>60</v>
      </c>
      <c r="AJ17613">
        <v>60</v>
      </c>
      <c r="AK17613">
        <v>61</v>
      </c>
      <c r="AL17613">
        <v>61</v>
      </c>
      <c r="AM17613">
        <v>61</v>
      </c>
      <c r="AN17613">
        <v>61</v>
      </c>
      <c r="AO17613">
        <v>61</v>
      </c>
      <c r="AP17613">
        <v>61</v>
      </c>
      <c r="AQ17613">
        <v>61</v>
      </c>
    </row>
    <row r="17614" spans="1:43">
      <c r="A17614" t="s">
        <v>10912</v>
      </c>
      <c r="B17614" t="s">
        <v>10913</v>
      </c>
      <c r="C17614" t="s">
        <v>10908</v>
      </c>
      <c r="D17614" t="s">
        <v>10909</v>
      </c>
      <c r="E17614" t="s">
        <v>10732</v>
      </c>
      <c r="F17614" t="s">
        <v>10733</v>
      </c>
      <c r="G17614" t="s">
        <v>10734</v>
      </c>
      <c r="H17614" t="s">
        <v>10735</v>
      </c>
      <c r="I17614" s="2">
        <v>1</v>
      </c>
      <c r="J17614" s="2">
        <v>0</v>
      </c>
      <c r="K17614" s="2">
        <v>0</v>
      </c>
      <c r="L17614" t="s">
        <v>120</v>
      </c>
      <c r="M17614" t="s">
        <v>83</v>
      </c>
      <c r="N17614" t="s">
        <v>84</v>
      </c>
      <c r="O17614" t="s">
        <v>85</v>
      </c>
      <c r="P17614" t="s">
        <v>86</v>
      </c>
      <c r="Q17614">
        <v>18</v>
      </c>
      <c r="R17614">
        <v>18</v>
      </c>
      <c r="S17614">
        <v>19</v>
      </c>
      <c r="T17614">
        <v>19</v>
      </c>
      <c r="U17614">
        <v>19</v>
      </c>
      <c r="V17614">
        <v>19</v>
      </c>
      <c r="W17614">
        <v>20</v>
      </c>
      <c r="X17614">
        <v>20</v>
      </c>
      <c r="Y17614">
        <v>20</v>
      </c>
      <c r="Z17614">
        <v>20</v>
      </c>
      <c r="AA17614">
        <v>21</v>
      </c>
      <c r="AB17614">
        <v>21</v>
      </c>
      <c r="AC17614">
        <v>21</v>
      </c>
      <c r="AD17614">
        <v>21</v>
      </c>
      <c r="AE17614">
        <v>22</v>
      </c>
      <c r="AF17614">
        <v>22</v>
      </c>
      <c r="AG17614">
        <v>22</v>
      </c>
      <c r="AH17614">
        <v>22</v>
      </c>
      <c r="AI17614">
        <v>22</v>
      </c>
      <c r="AJ17614">
        <v>23</v>
      </c>
      <c r="AK17614">
        <v>23</v>
      </c>
      <c r="AL17614">
        <v>23</v>
      </c>
      <c r="AM17614">
        <v>23</v>
      </c>
      <c r="AN17614">
        <v>23</v>
      </c>
      <c r="AO17614">
        <v>23</v>
      </c>
      <c r="AP17614">
        <v>23</v>
      </c>
      <c r="AQ17614">
        <v>23</v>
      </c>
    </row>
    <row r="17615" spans="1:43">
      <c r="A17615" t="s">
        <v>10912</v>
      </c>
      <c r="B17615" t="s">
        <v>10913</v>
      </c>
      <c r="C17615" t="s">
        <v>10908</v>
      </c>
      <c r="D17615" t="s">
        <v>10909</v>
      </c>
      <c r="E17615" t="s">
        <v>10732</v>
      </c>
      <c r="F17615" t="s">
        <v>10733</v>
      </c>
      <c r="G17615" t="s">
        <v>10734</v>
      </c>
      <c r="H17615" t="s">
        <v>10735</v>
      </c>
      <c r="I17615" s="2">
        <v>1</v>
      </c>
      <c r="J17615" s="2">
        <v>0</v>
      </c>
      <c r="K17615" s="2">
        <v>0</v>
      </c>
      <c r="L17615" t="s">
        <v>120</v>
      </c>
      <c r="M17615" t="s">
        <v>87</v>
      </c>
      <c r="N17615" t="s">
        <v>88</v>
      </c>
      <c r="O17615" t="s">
        <v>85</v>
      </c>
      <c r="P17615" t="s">
        <v>86</v>
      </c>
      <c r="Q17615">
        <v>18</v>
      </c>
      <c r="R17615">
        <v>18</v>
      </c>
      <c r="S17615">
        <v>18</v>
      </c>
      <c r="T17615">
        <v>18</v>
      </c>
      <c r="U17615">
        <v>18</v>
      </c>
      <c r="V17615">
        <v>18</v>
      </c>
      <c r="W17615">
        <v>19</v>
      </c>
      <c r="X17615">
        <v>19</v>
      </c>
      <c r="Y17615">
        <v>19</v>
      </c>
      <c r="Z17615">
        <v>19</v>
      </c>
      <c r="AA17615">
        <v>19</v>
      </c>
      <c r="AB17615">
        <v>19</v>
      </c>
      <c r="AC17615">
        <v>19</v>
      </c>
      <c r="AD17615">
        <v>19</v>
      </c>
      <c r="AE17615">
        <v>19</v>
      </c>
      <c r="AF17615">
        <v>19</v>
      </c>
      <c r="AG17615">
        <v>19</v>
      </c>
      <c r="AH17615">
        <v>19</v>
      </c>
      <c r="AI17615">
        <v>19</v>
      </c>
      <c r="AJ17615">
        <v>20</v>
      </c>
      <c r="AK17615">
        <v>20</v>
      </c>
      <c r="AL17615">
        <v>20</v>
      </c>
      <c r="AM17615">
        <v>20</v>
      </c>
      <c r="AN17615">
        <v>20</v>
      </c>
      <c r="AO17615">
        <v>20</v>
      </c>
      <c r="AP17615">
        <v>20</v>
      </c>
      <c r="AQ17615">
        <v>20</v>
      </c>
    </row>
    <row r="17616" spans="1:43">
      <c r="A17616" t="s">
        <v>10912</v>
      </c>
      <c r="B17616" t="s">
        <v>10913</v>
      </c>
      <c r="C17616" t="s">
        <v>10908</v>
      </c>
      <c r="D17616" t="s">
        <v>10909</v>
      </c>
      <c r="E17616" t="s">
        <v>10732</v>
      </c>
      <c r="F17616" t="s">
        <v>10733</v>
      </c>
      <c r="G17616" t="s">
        <v>10734</v>
      </c>
      <c r="H17616" t="s">
        <v>10735</v>
      </c>
      <c r="I17616" s="2">
        <v>1</v>
      </c>
      <c r="J17616" s="2">
        <v>0</v>
      </c>
      <c r="K17616" s="2">
        <v>0</v>
      </c>
      <c r="L17616" t="s">
        <v>120</v>
      </c>
      <c r="M17616" t="s">
        <v>89</v>
      </c>
      <c r="N17616" t="s">
        <v>90</v>
      </c>
      <c r="O17616" t="s">
        <v>85</v>
      </c>
      <c r="P17616" t="s">
        <v>86</v>
      </c>
      <c r="Q17616">
        <v>18</v>
      </c>
      <c r="R17616">
        <v>19</v>
      </c>
      <c r="S17616">
        <v>19</v>
      </c>
      <c r="T17616">
        <v>20</v>
      </c>
      <c r="U17616">
        <v>20</v>
      </c>
      <c r="V17616">
        <v>20</v>
      </c>
      <c r="W17616">
        <v>21</v>
      </c>
      <c r="X17616">
        <v>21</v>
      </c>
      <c r="Y17616">
        <v>21</v>
      </c>
      <c r="Z17616">
        <v>22</v>
      </c>
      <c r="AA17616">
        <v>22</v>
      </c>
      <c r="AB17616">
        <v>22</v>
      </c>
      <c r="AC17616">
        <v>23</v>
      </c>
      <c r="AD17616">
        <v>23</v>
      </c>
      <c r="AE17616">
        <v>23</v>
      </c>
      <c r="AF17616">
        <v>23</v>
      </c>
      <c r="AG17616">
        <v>23</v>
      </c>
      <c r="AH17616">
        <v>23</v>
      </c>
      <c r="AI17616">
        <v>23</v>
      </c>
      <c r="AJ17616">
        <v>23</v>
      </c>
      <c r="AK17616">
        <v>23</v>
      </c>
      <c r="AL17616">
        <v>23</v>
      </c>
      <c r="AM17616">
        <v>23</v>
      </c>
      <c r="AN17616">
        <v>23</v>
      </c>
      <c r="AO17616">
        <v>23</v>
      </c>
      <c r="AP17616">
        <v>23</v>
      </c>
      <c r="AQ17616">
        <v>23</v>
      </c>
    </row>
    <row r="17617" spans="1:43">
      <c r="A17617" t="s">
        <v>10912</v>
      </c>
      <c r="B17617" t="s">
        <v>10913</v>
      </c>
      <c r="C17617" t="s">
        <v>10908</v>
      </c>
      <c r="D17617" t="s">
        <v>10909</v>
      </c>
      <c r="E17617" t="s">
        <v>10732</v>
      </c>
      <c r="F17617" t="s">
        <v>10733</v>
      </c>
      <c r="G17617" t="s">
        <v>10734</v>
      </c>
      <c r="H17617" t="s">
        <v>10735</v>
      </c>
      <c r="I17617" s="2">
        <v>1</v>
      </c>
      <c r="J17617" s="2">
        <v>0</v>
      </c>
      <c r="K17617" s="2">
        <v>0</v>
      </c>
      <c r="L17617" t="s">
        <v>120</v>
      </c>
      <c r="M17617" t="s">
        <v>83</v>
      </c>
      <c r="N17617" t="s">
        <v>91</v>
      </c>
      <c r="O17617" t="s">
        <v>85</v>
      </c>
      <c r="P17617" t="s">
        <v>86</v>
      </c>
      <c r="Q17617">
        <v>18</v>
      </c>
      <c r="R17617">
        <v>18</v>
      </c>
      <c r="S17617">
        <v>19</v>
      </c>
      <c r="T17617">
        <v>19</v>
      </c>
      <c r="U17617">
        <v>19</v>
      </c>
      <c r="V17617">
        <v>19</v>
      </c>
      <c r="W17617">
        <v>20</v>
      </c>
      <c r="X17617">
        <v>20</v>
      </c>
      <c r="Y17617">
        <v>20</v>
      </c>
      <c r="Z17617">
        <v>20</v>
      </c>
      <c r="AA17617">
        <v>21</v>
      </c>
      <c r="AB17617">
        <v>21</v>
      </c>
      <c r="AC17617">
        <v>21</v>
      </c>
      <c r="AD17617">
        <v>21</v>
      </c>
      <c r="AE17617">
        <v>22</v>
      </c>
      <c r="AF17617">
        <v>22</v>
      </c>
      <c r="AG17617">
        <v>22</v>
      </c>
      <c r="AH17617">
        <v>22</v>
      </c>
      <c r="AI17617">
        <v>22</v>
      </c>
      <c r="AJ17617">
        <v>23</v>
      </c>
      <c r="AK17617">
        <v>23</v>
      </c>
      <c r="AL17617">
        <v>23</v>
      </c>
      <c r="AM17617">
        <v>23</v>
      </c>
      <c r="AN17617">
        <v>23</v>
      </c>
      <c r="AO17617">
        <v>23</v>
      </c>
      <c r="AP17617">
        <v>23</v>
      </c>
      <c r="AQ17617">
        <v>23</v>
      </c>
    </row>
    <row r="17618" spans="1:43">
      <c r="A17618" t="s">
        <v>10914</v>
      </c>
      <c r="B17618" t="s">
        <v>10915</v>
      </c>
      <c r="C17618" t="s">
        <v>10908</v>
      </c>
      <c r="D17618" t="s">
        <v>10909</v>
      </c>
      <c r="E17618" t="s">
        <v>10732</v>
      </c>
      <c r="F17618" t="s">
        <v>10733</v>
      </c>
      <c r="G17618" t="s">
        <v>10734</v>
      </c>
      <c r="H17618" t="s">
        <v>10735</v>
      </c>
      <c r="I17618" s="2">
        <v>1</v>
      </c>
      <c r="J17618" s="2">
        <v>0</v>
      </c>
      <c r="K17618" s="2">
        <v>0</v>
      </c>
      <c r="L17618" t="s">
        <v>120</v>
      </c>
      <c r="M17618" t="s">
        <v>83</v>
      </c>
      <c r="N17618" t="s">
        <v>84</v>
      </c>
      <c r="O17618" t="s">
        <v>85</v>
      </c>
      <c r="P17618" t="s">
        <v>86</v>
      </c>
      <c r="Q17618">
        <v>13</v>
      </c>
      <c r="R17618">
        <v>13</v>
      </c>
      <c r="S17618">
        <v>13</v>
      </c>
      <c r="T17618">
        <v>14</v>
      </c>
      <c r="U17618">
        <v>14</v>
      </c>
      <c r="V17618">
        <v>14</v>
      </c>
      <c r="W17618">
        <v>14</v>
      </c>
      <c r="X17618">
        <v>14</v>
      </c>
      <c r="Y17618">
        <v>15</v>
      </c>
      <c r="Z17618">
        <v>15</v>
      </c>
      <c r="AA17618">
        <v>15</v>
      </c>
      <c r="AB17618">
        <v>15</v>
      </c>
      <c r="AC17618">
        <v>15</v>
      </c>
      <c r="AD17618">
        <v>15</v>
      </c>
      <c r="AE17618">
        <v>16</v>
      </c>
      <c r="AF17618">
        <v>16</v>
      </c>
      <c r="AG17618">
        <v>16</v>
      </c>
      <c r="AH17618">
        <v>16</v>
      </c>
      <c r="AI17618">
        <v>16</v>
      </c>
      <c r="AJ17618">
        <v>16</v>
      </c>
      <c r="AK17618">
        <v>17</v>
      </c>
      <c r="AL17618">
        <v>17</v>
      </c>
      <c r="AM17618">
        <v>17</v>
      </c>
      <c r="AN17618">
        <v>17</v>
      </c>
      <c r="AO17618">
        <v>17</v>
      </c>
      <c r="AP17618">
        <v>17</v>
      </c>
      <c r="AQ17618">
        <v>17</v>
      </c>
    </row>
    <row r="17619" spans="1:43">
      <c r="A17619" t="s">
        <v>10914</v>
      </c>
      <c r="B17619" t="s">
        <v>10915</v>
      </c>
      <c r="C17619" t="s">
        <v>10908</v>
      </c>
      <c r="D17619" t="s">
        <v>10909</v>
      </c>
      <c r="E17619" t="s">
        <v>10732</v>
      </c>
      <c r="F17619" t="s">
        <v>10733</v>
      </c>
      <c r="G17619" t="s">
        <v>10734</v>
      </c>
      <c r="H17619" t="s">
        <v>10735</v>
      </c>
      <c r="I17619" s="2">
        <v>1</v>
      </c>
      <c r="J17619" s="2">
        <v>0</v>
      </c>
      <c r="K17619" s="2">
        <v>0</v>
      </c>
      <c r="L17619" t="s">
        <v>120</v>
      </c>
      <c r="M17619" t="s">
        <v>87</v>
      </c>
      <c r="N17619" t="s">
        <v>88</v>
      </c>
      <c r="O17619" t="s">
        <v>85</v>
      </c>
      <c r="P17619" t="s">
        <v>86</v>
      </c>
      <c r="Q17619">
        <v>13</v>
      </c>
      <c r="R17619">
        <v>13</v>
      </c>
      <c r="S17619">
        <v>13</v>
      </c>
      <c r="T17619">
        <v>13</v>
      </c>
      <c r="U17619">
        <v>13</v>
      </c>
      <c r="V17619">
        <v>13</v>
      </c>
      <c r="W17619">
        <v>13</v>
      </c>
      <c r="X17619">
        <v>13</v>
      </c>
      <c r="Y17619">
        <v>13</v>
      </c>
      <c r="Z17619">
        <v>14</v>
      </c>
      <c r="AA17619">
        <v>14</v>
      </c>
      <c r="AB17619">
        <v>14</v>
      </c>
      <c r="AC17619">
        <v>14</v>
      </c>
      <c r="AD17619">
        <v>14</v>
      </c>
      <c r="AE17619">
        <v>14</v>
      </c>
      <c r="AF17619">
        <v>14</v>
      </c>
      <c r="AG17619">
        <v>14</v>
      </c>
      <c r="AH17619">
        <v>14</v>
      </c>
      <c r="AI17619">
        <v>14</v>
      </c>
      <c r="AJ17619">
        <v>14</v>
      </c>
      <c r="AK17619">
        <v>14</v>
      </c>
      <c r="AL17619">
        <v>14</v>
      </c>
      <c r="AM17619">
        <v>14</v>
      </c>
      <c r="AN17619">
        <v>14</v>
      </c>
      <c r="AO17619">
        <v>14</v>
      </c>
      <c r="AP17619">
        <v>14</v>
      </c>
      <c r="AQ17619">
        <v>14</v>
      </c>
    </row>
    <row r="17620" spans="1:43">
      <c r="A17620" t="s">
        <v>10914</v>
      </c>
      <c r="B17620" t="s">
        <v>10915</v>
      </c>
      <c r="C17620" t="s">
        <v>10908</v>
      </c>
      <c r="D17620" t="s">
        <v>10909</v>
      </c>
      <c r="E17620" t="s">
        <v>10732</v>
      </c>
      <c r="F17620" t="s">
        <v>10733</v>
      </c>
      <c r="G17620" t="s">
        <v>10734</v>
      </c>
      <c r="H17620" t="s">
        <v>10735</v>
      </c>
      <c r="I17620" s="2">
        <v>1</v>
      </c>
      <c r="J17620" s="2">
        <v>0</v>
      </c>
      <c r="K17620" s="2">
        <v>0</v>
      </c>
      <c r="L17620" t="s">
        <v>120</v>
      </c>
      <c r="M17620" t="s">
        <v>89</v>
      </c>
      <c r="N17620" t="s">
        <v>90</v>
      </c>
      <c r="O17620" t="s">
        <v>85</v>
      </c>
      <c r="P17620" t="s">
        <v>86</v>
      </c>
      <c r="Q17620">
        <v>13</v>
      </c>
      <c r="R17620">
        <v>14</v>
      </c>
      <c r="S17620">
        <v>14</v>
      </c>
      <c r="T17620">
        <v>14</v>
      </c>
      <c r="U17620">
        <v>14</v>
      </c>
      <c r="V17620">
        <v>15</v>
      </c>
      <c r="W17620">
        <v>15</v>
      </c>
      <c r="X17620">
        <v>15</v>
      </c>
      <c r="Y17620">
        <v>15</v>
      </c>
      <c r="Z17620">
        <v>16</v>
      </c>
      <c r="AA17620">
        <v>16</v>
      </c>
      <c r="AB17620">
        <v>16</v>
      </c>
      <c r="AC17620">
        <v>16</v>
      </c>
      <c r="AD17620">
        <v>17</v>
      </c>
      <c r="AE17620">
        <v>17</v>
      </c>
      <c r="AF17620">
        <v>17</v>
      </c>
      <c r="AG17620">
        <v>17</v>
      </c>
      <c r="AH17620">
        <v>17</v>
      </c>
      <c r="AI17620">
        <v>17</v>
      </c>
      <c r="AJ17620">
        <v>17</v>
      </c>
      <c r="AK17620">
        <v>17</v>
      </c>
      <c r="AL17620">
        <v>17</v>
      </c>
      <c r="AM17620">
        <v>17</v>
      </c>
      <c r="AN17620">
        <v>17</v>
      </c>
      <c r="AO17620">
        <v>17</v>
      </c>
      <c r="AP17620">
        <v>17</v>
      </c>
      <c r="AQ17620">
        <v>17</v>
      </c>
    </row>
    <row r="17621" spans="1:43">
      <c r="A17621" t="s">
        <v>10914</v>
      </c>
      <c r="B17621" t="s">
        <v>10915</v>
      </c>
      <c r="C17621" t="s">
        <v>10908</v>
      </c>
      <c r="D17621" t="s">
        <v>10909</v>
      </c>
      <c r="E17621" t="s">
        <v>10732</v>
      </c>
      <c r="F17621" t="s">
        <v>10733</v>
      </c>
      <c r="G17621" t="s">
        <v>10734</v>
      </c>
      <c r="H17621" t="s">
        <v>10735</v>
      </c>
      <c r="I17621" s="2">
        <v>1</v>
      </c>
      <c r="J17621" s="2">
        <v>0</v>
      </c>
      <c r="K17621" s="2">
        <v>0</v>
      </c>
      <c r="L17621" t="s">
        <v>120</v>
      </c>
      <c r="M17621" t="s">
        <v>83</v>
      </c>
      <c r="N17621" t="s">
        <v>91</v>
      </c>
      <c r="O17621" t="s">
        <v>85</v>
      </c>
      <c r="P17621" t="s">
        <v>86</v>
      </c>
      <c r="Q17621">
        <v>13</v>
      </c>
      <c r="R17621">
        <v>13</v>
      </c>
      <c r="S17621">
        <v>13</v>
      </c>
      <c r="T17621">
        <v>14</v>
      </c>
      <c r="U17621">
        <v>14</v>
      </c>
      <c r="V17621">
        <v>14</v>
      </c>
      <c r="W17621">
        <v>14</v>
      </c>
      <c r="X17621">
        <v>14</v>
      </c>
      <c r="Y17621">
        <v>15</v>
      </c>
      <c r="Z17621">
        <v>15</v>
      </c>
      <c r="AA17621">
        <v>15</v>
      </c>
      <c r="AB17621">
        <v>15</v>
      </c>
      <c r="AC17621">
        <v>15</v>
      </c>
      <c r="AD17621">
        <v>15</v>
      </c>
      <c r="AE17621">
        <v>16</v>
      </c>
      <c r="AF17621">
        <v>16</v>
      </c>
      <c r="AG17621">
        <v>16</v>
      </c>
      <c r="AH17621">
        <v>16</v>
      </c>
      <c r="AI17621">
        <v>16</v>
      </c>
      <c r="AJ17621">
        <v>16</v>
      </c>
      <c r="AK17621">
        <v>17</v>
      </c>
      <c r="AL17621">
        <v>17</v>
      </c>
      <c r="AM17621">
        <v>17</v>
      </c>
      <c r="AN17621">
        <v>17</v>
      </c>
      <c r="AO17621">
        <v>17</v>
      </c>
      <c r="AP17621">
        <v>17</v>
      </c>
      <c r="AQ17621">
        <v>17</v>
      </c>
    </row>
    <row r="17622" spans="1:43">
      <c r="A17622" t="s">
        <v>10916</v>
      </c>
      <c r="B17622" t="s">
        <v>10917</v>
      </c>
      <c r="C17622" t="s">
        <v>10908</v>
      </c>
      <c r="D17622" t="s">
        <v>10909</v>
      </c>
      <c r="E17622" t="s">
        <v>10732</v>
      </c>
      <c r="F17622" t="s">
        <v>10733</v>
      </c>
      <c r="G17622" t="s">
        <v>10734</v>
      </c>
      <c r="H17622" t="s">
        <v>10735</v>
      </c>
      <c r="I17622" s="2">
        <v>1</v>
      </c>
      <c r="J17622" s="2">
        <v>0</v>
      </c>
      <c r="K17622" s="2">
        <v>0</v>
      </c>
      <c r="L17622" t="s">
        <v>120</v>
      </c>
      <c r="M17622" t="s">
        <v>83</v>
      </c>
      <c r="N17622" t="s">
        <v>84</v>
      </c>
      <c r="O17622" t="s">
        <v>85</v>
      </c>
      <c r="P17622" t="s">
        <v>86</v>
      </c>
      <c r="Q17622">
        <v>11</v>
      </c>
      <c r="R17622">
        <v>11</v>
      </c>
      <c r="S17622">
        <v>11</v>
      </c>
      <c r="T17622">
        <v>11</v>
      </c>
      <c r="U17622">
        <v>11</v>
      </c>
      <c r="V17622">
        <v>11</v>
      </c>
      <c r="W17622">
        <v>12</v>
      </c>
      <c r="X17622">
        <v>12</v>
      </c>
      <c r="Y17622">
        <v>12</v>
      </c>
      <c r="Z17622">
        <v>12</v>
      </c>
      <c r="AA17622">
        <v>12</v>
      </c>
      <c r="AB17622">
        <v>12</v>
      </c>
      <c r="AC17622">
        <v>12</v>
      </c>
      <c r="AD17622">
        <v>12</v>
      </c>
      <c r="AE17622">
        <v>13</v>
      </c>
      <c r="AF17622">
        <v>13</v>
      </c>
      <c r="AG17622">
        <v>13</v>
      </c>
      <c r="AH17622">
        <v>13</v>
      </c>
      <c r="AI17622">
        <v>13</v>
      </c>
      <c r="AJ17622">
        <v>13</v>
      </c>
      <c r="AK17622">
        <v>13</v>
      </c>
      <c r="AL17622">
        <v>13</v>
      </c>
      <c r="AM17622">
        <v>13</v>
      </c>
      <c r="AN17622">
        <v>13</v>
      </c>
      <c r="AO17622">
        <v>13</v>
      </c>
      <c r="AP17622">
        <v>13</v>
      </c>
      <c r="AQ17622">
        <v>13</v>
      </c>
    </row>
    <row r="17623" spans="1:43">
      <c r="A17623" t="s">
        <v>10916</v>
      </c>
      <c r="B17623" t="s">
        <v>10917</v>
      </c>
      <c r="C17623" t="s">
        <v>10908</v>
      </c>
      <c r="D17623" t="s">
        <v>10909</v>
      </c>
      <c r="E17623" t="s">
        <v>10732</v>
      </c>
      <c r="F17623" t="s">
        <v>10733</v>
      </c>
      <c r="G17623" t="s">
        <v>10734</v>
      </c>
      <c r="H17623" t="s">
        <v>10735</v>
      </c>
      <c r="I17623" s="2">
        <v>1</v>
      </c>
      <c r="J17623" s="2">
        <v>0</v>
      </c>
      <c r="K17623" s="2">
        <v>0</v>
      </c>
      <c r="L17623" t="s">
        <v>120</v>
      </c>
      <c r="M17623" t="s">
        <v>87</v>
      </c>
      <c r="N17623" t="s">
        <v>88</v>
      </c>
      <c r="O17623" t="s">
        <v>85</v>
      </c>
      <c r="P17623" t="s">
        <v>86</v>
      </c>
      <c r="Q17623">
        <v>11</v>
      </c>
      <c r="R17623">
        <v>11</v>
      </c>
      <c r="S17623">
        <v>11</v>
      </c>
      <c r="T17623">
        <v>11</v>
      </c>
      <c r="U17623">
        <v>11</v>
      </c>
      <c r="V17623">
        <v>11</v>
      </c>
      <c r="W17623">
        <v>11</v>
      </c>
      <c r="X17623">
        <v>11</v>
      </c>
      <c r="Y17623">
        <v>11</v>
      </c>
      <c r="Z17623">
        <v>11</v>
      </c>
      <c r="AA17623">
        <v>11</v>
      </c>
      <c r="AB17623">
        <v>11</v>
      </c>
      <c r="AC17623">
        <v>11</v>
      </c>
      <c r="AD17623">
        <v>11</v>
      </c>
      <c r="AE17623">
        <v>11</v>
      </c>
      <c r="AF17623">
        <v>11</v>
      </c>
      <c r="AG17623">
        <v>11</v>
      </c>
      <c r="AH17623">
        <v>11</v>
      </c>
      <c r="AI17623">
        <v>11</v>
      </c>
      <c r="AJ17623">
        <v>11</v>
      </c>
      <c r="AK17623">
        <v>12</v>
      </c>
      <c r="AL17623">
        <v>12</v>
      </c>
      <c r="AM17623">
        <v>12</v>
      </c>
      <c r="AN17623">
        <v>12</v>
      </c>
      <c r="AO17623">
        <v>12</v>
      </c>
      <c r="AP17623">
        <v>12</v>
      </c>
      <c r="AQ17623">
        <v>12</v>
      </c>
    </row>
    <row r="17624" spans="1:43">
      <c r="A17624" t="s">
        <v>10916</v>
      </c>
      <c r="B17624" t="s">
        <v>10917</v>
      </c>
      <c r="C17624" t="s">
        <v>10908</v>
      </c>
      <c r="D17624" t="s">
        <v>10909</v>
      </c>
      <c r="E17624" t="s">
        <v>10732</v>
      </c>
      <c r="F17624" t="s">
        <v>10733</v>
      </c>
      <c r="G17624" t="s">
        <v>10734</v>
      </c>
      <c r="H17624" t="s">
        <v>10735</v>
      </c>
      <c r="I17624" s="2">
        <v>1</v>
      </c>
      <c r="J17624" s="2">
        <v>0</v>
      </c>
      <c r="K17624" s="2">
        <v>0</v>
      </c>
      <c r="L17624" t="s">
        <v>120</v>
      </c>
      <c r="M17624" t="s">
        <v>89</v>
      </c>
      <c r="N17624" t="s">
        <v>90</v>
      </c>
      <c r="O17624" t="s">
        <v>85</v>
      </c>
      <c r="P17624" t="s">
        <v>86</v>
      </c>
      <c r="Q17624">
        <v>11</v>
      </c>
      <c r="R17624">
        <v>11</v>
      </c>
      <c r="S17624">
        <v>11</v>
      </c>
      <c r="T17624">
        <v>11</v>
      </c>
      <c r="U17624">
        <v>12</v>
      </c>
      <c r="V17624">
        <v>12</v>
      </c>
      <c r="W17624">
        <v>12</v>
      </c>
      <c r="X17624">
        <v>12</v>
      </c>
      <c r="Y17624">
        <v>12</v>
      </c>
      <c r="Z17624">
        <v>13</v>
      </c>
      <c r="AA17624">
        <v>13</v>
      </c>
      <c r="AB17624">
        <v>13</v>
      </c>
      <c r="AC17624">
        <v>13</v>
      </c>
      <c r="AD17624">
        <v>13</v>
      </c>
      <c r="AE17624">
        <v>13</v>
      </c>
      <c r="AF17624">
        <v>13</v>
      </c>
      <c r="AG17624">
        <v>14</v>
      </c>
      <c r="AH17624">
        <v>14</v>
      </c>
      <c r="AI17624">
        <v>14</v>
      </c>
      <c r="AJ17624">
        <v>14</v>
      </c>
      <c r="AK17624">
        <v>14</v>
      </c>
      <c r="AL17624">
        <v>14</v>
      </c>
      <c r="AM17624">
        <v>14</v>
      </c>
      <c r="AN17624">
        <v>14</v>
      </c>
      <c r="AO17624">
        <v>14</v>
      </c>
      <c r="AP17624">
        <v>14</v>
      </c>
      <c r="AQ17624">
        <v>14</v>
      </c>
    </row>
    <row r="17625" spans="1:43">
      <c r="A17625" t="s">
        <v>10916</v>
      </c>
      <c r="B17625" t="s">
        <v>10917</v>
      </c>
      <c r="C17625" t="s">
        <v>10908</v>
      </c>
      <c r="D17625" t="s">
        <v>10909</v>
      </c>
      <c r="E17625" t="s">
        <v>10732</v>
      </c>
      <c r="F17625" t="s">
        <v>10733</v>
      </c>
      <c r="G17625" t="s">
        <v>10734</v>
      </c>
      <c r="H17625" t="s">
        <v>10735</v>
      </c>
      <c r="I17625" s="2">
        <v>1</v>
      </c>
      <c r="J17625" s="2">
        <v>0</v>
      </c>
      <c r="K17625" s="2">
        <v>0</v>
      </c>
      <c r="L17625" t="s">
        <v>120</v>
      </c>
      <c r="M17625" t="s">
        <v>83</v>
      </c>
      <c r="N17625" t="s">
        <v>91</v>
      </c>
      <c r="O17625" t="s">
        <v>85</v>
      </c>
      <c r="P17625" t="s">
        <v>86</v>
      </c>
      <c r="Q17625">
        <v>11</v>
      </c>
      <c r="R17625">
        <v>11</v>
      </c>
      <c r="S17625">
        <v>11</v>
      </c>
      <c r="T17625">
        <v>11</v>
      </c>
      <c r="U17625">
        <v>11</v>
      </c>
      <c r="V17625">
        <v>11</v>
      </c>
      <c r="W17625">
        <v>12</v>
      </c>
      <c r="X17625">
        <v>12</v>
      </c>
      <c r="Y17625">
        <v>12</v>
      </c>
      <c r="Z17625">
        <v>12</v>
      </c>
      <c r="AA17625">
        <v>12</v>
      </c>
      <c r="AB17625">
        <v>12</v>
      </c>
      <c r="AC17625">
        <v>12</v>
      </c>
      <c r="AD17625">
        <v>12</v>
      </c>
      <c r="AE17625">
        <v>13</v>
      </c>
      <c r="AF17625">
        <v>13</v>
      </c>
      <c r="AG17625">
        <v>13</v>
      </c>
      <c r="AH17625">
        <v>13</v>
      </c>
      <c r="AI17625">
        <v>13</v>
      </c>
      <c r="AJ17625">
        <v>13</v>
      </c>
      <c r="AK17625">
        <v>13</v>
      </c>
      <c r="AL17625">
        <v>13</v>
      </c>
      <c r="AM17625">
        <v>13</v>
      </c>
      <c r="AN17625">
        <v>13</v>
      </c>
      <c r="AO17625">
        <v>13</v>
      </c>
      <c r="AP17625">
        <v>13</v>
      </c>
      <c r="AQ17625">
        <v>13</v>
      </c>
    </row>
    <row r="17626" spans="1:43">
      <c r="A17626" t="s">
        <v>10918</v>
      </c>
      <c r="B17626" t="s">
        <v>10919</v>
      </c>
      <c r="C17626" t="s">
        <v>10908</v>
      </c>
      <c r="D17626" t="s">
        <v>10909</v>
      </c>
      <c r="E17626" t="s">
        <v>10732</v>
      </c>
      <c r="F17626" t="s">
        <v>10733</v>
      </c>
      <c r="G17626" t="s">
        <v>10734</v>
      </c>
      <c r="H17626" t="s">
        <v>10735</v>
      </c>
      <c r="I17626" s="2">
        <v>1</v>
      </c>
      <c r="J17626" s="2">
        <v>0</v>
      </c>
      <c r="K17626" s="2">
        <v>0</v>
      </c>
      <c r="L17626" t="s">
        <v>120</v>
      </c>
      <c r="M17626" t="s">
        <v>83</v>
      </c>
      <c r="N17626" t="s">
        <v>84</v>
      </c>
      <c r="O17626" t="s">
        <v>85</v>
      </c>
      <c r="P17626" t="s">
        <v>86</v>
      </c>
      <c r="Q17626">
        <v>8</v>
      </c>
      <c r="R17626">
        <v>8</v>
      </c>
      <c r="S17626">
        <v>8</v>
      </c>
      <c r="T17626">
        <v>8</v>
      </c>
      <c r="U17626">
        <v>8</v>
      </c>
      <c r="V17626">
        <v>9</v>
      </c>
      <c r="W17626">
        <v>9</v>
      </c>
      <c r="X17626">
        <v>9</v>
      </c>
      <c r="Y17626">
        <v>9</v>
      </c>
      <c r="Z17626">
        <v>9</v>
      </c>
      <c r="AA17626">
        <v>9</v>
      </c>
      <c r="AB17626">
        <v>9</v>
      </c>
      <c r="AC17626">
        <v>9</v>
      </c>
      <c r="AD17626">
        <v>9</v>
      </c>
      <c r="AE17626">
        <v>9</v>
      </c>
      <c r="AF17626">
        <v>10</v>
      </c>
      <c r="AG17626">
        <v>10</v>
      </c>
      <c r="AH17626">
        <v>10</v>
      </c>
      <c r="AI17626">
        <v>10</v>
      </c>
      <c r="AJ17626">
        <v>10</v>
      </c>
      <c r="AK17626">
        <v>10</v>
      </c>
      <c r="AL17626">
        <v>10</v>
      </c>
      <c r="AM17626">
        <v>10</v>
      </c>
      <c r="AN17626">
        <v>10</v>
      </c>
      <c r="AO17626">
        <v>10</v>
      </c>
      <c r="AP17626">
        <v>10</v>
      </c>
      <c r="AQ17626">
        <v>10</v>
      </c>
    </row>
    <row r="17627" spans="1:43">
      <c r="A17627" t="s">
        <v>10918</v>
      </c>
      <c r="B17627" t="s">
        <v>10919</v>
      </c>
      <c r="C17627" t="s">
        <v>10908</v>
      </c>
      <c r="D17627" t="s">
        <v>10909</v>
      </c>
      <c r="E17627" t="s">
        <v>10732</v>
      </c>
      <c r="F17627" t="s">
        <v>10733</v>
      </c>
      <c r="G17627" t="s">
        <v>10734</v>
      </c>
      <c r="H17627" t="s">
        <v>10735</v>
      </c>
      <c r="I17627" s="2">
        <v>1</v>
      </c>
      <c r="J17627" s="2">
        <v>0</v>
      </c>
      <c r="K17627" s="2">
        <v>0</v>
      </c>
      <c r="L17627" t="s">
        <v>120</v>
      </c>
      <c r="M17627" t="s">
        <v>87</v>
      </c>
      <c r="N17627" t="s">
        <v>88</v>
      </c>
      <c r="O17627" t="s">
        <v>85</v>
      </c>
      <c r="P17627" t="s">
        <v>86</v>
      </c>
      <c r="Q17627">
        <v>8</v>
      </c>
      <c r="R17627">
        <v>8</v>
      </c>
      <c r="S17627">
        <v>8</v>
      </c>
      <c r="T17627">
        <v>8</v>
      </c>
      <c r="U17627">
        <v>8</v>
      </c>
      <c r="V17627">
        <v>8</v>
      </c>
      <c r="W17627">
        <v>8</v>
      </c>
      <c r="X17627">
        <v>8</v>
      </c>
      <c r="Y17627">
        <v>8</v>
      </c>
      <c r="Z17627">
        <v>8</v>
      </c>
      <c r="AA17627">
        <v>8</v>
      </c>
      <c r="AB17627">
        <v>8</v>
      </c>
      <c r="AC17627">
        <v>8</v>
      </c>
      <c r="AD17627">
        <v>8</v>
      </c>
      <c r="AE17627">
        <v>8</v>
      </c>
      <c r="AF17627">
        <v>8</v>
      </c>
      <c r="AG17627">
        <v>8</v>
      </c>
      <c r="AH17627">
        <v>9</v>
      </c>
      <c r="AI17627">
        <v>9</v>
      </c>
      <c r="AJ17627">
        <v>9</v>
      </c>
      <c r="AK17627">
        <v>9</v>
      </c>
      <c r="AL17627">
        <v>9</v>
      </c>
      <c r="AM17627">
        <v>9</v>
      </c>
      <c r="AN17627">
        <v>9</v>
      </c>
      <c r="AO17627">
        <v>9</v>
      </c>
      <c r="AP17627">
        <v>9</v>
      </c>
      <c r="AQ17627">
        <v>9</v>
      </c>
    </row>
    <row r="17628" spans="1:43">
      <c r="A17628" t="s">
        <v>10918</v>
      </c>
      <c r="B17628" t="s">
        <v>10919</v>
      </c>
      <c r="C17628" t="s">
        <v>10908</v>
      </c>
      <c r="D17628" t="s">
        <v>10909</v>
      </c>
      <c r="E17628" t="s">
        <v>10732</v>
      </c>
      <c r="F17628" t="s">
        <v>10733</v>
      </c>
      <c r="G17628" t="s">
        <v>10734</v>
      </c>
      <c r="H17628" t="s">
        <v>10735</v>
      </c>
      <c r="I17628" s="2">
        <v>1</v>
      </c>
      <c r="J17628" s="2">
        <v>0</v>
      </c>
      <c r="K17628" s="2">
        <v>0</v>
      </c>
      <c r="L17628" t="s">
        <v>120</v>
      </c>
      <c r="M17628" t="s">
        <v>89</v>
      </c>
      <c r="N17628" t="s">
        <v>90</v>
      </c>
      <c r="O17628" t="s">
        <v>85</v>
      </c>
      <c r="P17628" t="s">
        <v>86</v>
      </c>
      <c r="Q17628">
        <v>8</v>
      </c>
      <c r="R17628">
        <v>8</v>
      </c>
      <c r="S17628">
        <v>8</v>
      </c>
      <c r="T17628">
        <v>9</v>
      </c>
      <c r="U17628">
        <v>9</v>
      </c>
      <c r="V17628">
        <v>9</v>
      </c>
      <c r="W17628">
        <v>9</v>
      </c>
      <c r="X17628">
        <v>9</v>
      </c>
      <c r="Y17628">
        <v>9</v>
      </c>
      <c r="Z17628">
        <v>10</v>
      </c>
      <c r="AA17628">
        <v>10</v>
      </c>
      <c r="AB17628">
        <v>10</v>
      </c>
      <c r="AC17628">
        <v>10</v>
      </c>
      <c r="AD17628">
        <v>10</v>
      </c>
      <c r="AE17628">
        <v>10</v>
      </c>
      <c r="AF17628">
        <v>10</v>
      </c>
      <c r="AG17628">
        <v>10</v>
      </c>
      <c r="AH17628">
        <v>10</v>
      </c>
      <c r="AI17628">
        <v>10</v>
      </c>
      <c r="AJ17628">
        <v>10</v>
      </c>
      <c r="AK17628">
        <v>10</v>
      </c>
      <c r="AL17628">
        <v>10</v>
      </c>
      <c r="AM17628">
        <v>10</v>
      </c>
      <c r="AN17628">
        <v>10</v>
      </c>
      <c r="AO17628">
        <v>10</v>
      </c>
      <c r="AP17628">
        <v>10</v>
      </c>
      <c r="AQ17628">
        <v>10</v>
      </c>
    </row>
    <row r="17629" spans="1:43">
      <c r="A17629" t="s">
        <v>10918</v>
      </c>
      <c r="B17629" t="s">
        <v>10919</v>
      </c>
      <c r="C17629" t="s">
        <v>10908</v>
      </c>
      <c r="D17629" t="s">
        <v>10909</v>
      </c>
      <c r="E17629" t="s">
        <v>10732</v>
      </c>
      <c r="F17629" t="s">
        <v>10733</v>
      </c>
      <c r="G17629" t="s">
        <v>10734</v>
      </c>
      <c r="H17629" t="s">
        <v>10735</v>
      </c>
      <c r="I17629" s="2">
        <v>1</v>
      </c>
      <c r="J17629" s="2">
        <v>0</v>
      </c>
      <c r="K17629" s="2">
        <v>0</v>
      </c>
      <c r="L17629" t="s">
        <v>120</v>
      </c>
      <c r="M17629" t="s">
        <v>83</v>
      </c>
      <c r="N17629" t="s">
        <v>91</v>
      </c>
      <c r="O17629" t="s">
        <v>85</v>
      </c>
      <c r="P17629" t="s">
        <v>86</v>
      </c>
      <c r="Q17629">
        <v>8</v>
      </c>
      <c r="R17629">
        <v>8</v>
      </c>
      <c r="S17629">
        <v>8</v>
      </c>
      <c r="T17629">
        <v>8</v>
      </c>
      <c r="U17629">
        <v>8</v>
      </c>
      <c r="V17629">
        <v>9</v>
      </c>
      <c r="W17629">
        <v>9</v>
      </c>
      <c r="X17629">
        <v>9</v>
      </c>
      <c r="Y17629">
        <v>9</v>
      </c>
      <c r="Z17629">
        <v>9</v>
      </c>
      <c r="AA17629">
        <v>9</v>
      </c>
      <c r="AB17629">
        <v>9</v>
      </c>
      <c r="AC17629">
        <v>9</v>
      </c>
      <c r="AD17629">
        <v>9</v>
      </c>
      <c r="AE17629">
        <v>9</v>
      </c>
      <c r="AF17629">
        <v>10</v>
      </c>
      <c r="AG17629">
        <v>10</v>
      </c>
      <c r="AH17629">
        <v>10</v>
      </c>
      <c r="AI17629">
        <v>10</v>
      </c>
      <c r="AJ17629">
        <v>10</v>
      </c>
      <c r="AK17629">
        <v>10</v>
      </c>
      <c r="AL17629">
        <v>10</v>
      </c>
      <c r="AM17629">
        <v>10</v>
      </c>
      <c r="AN17629">
        <v>10</v>
      </c>
      <c r="AO17629">
        <v>10</v>
      </c>
      <c r="AP17629">
        <v>10</v>
      </c>
      <c r="AQ17629">
        <v>10</v>
      </c>
    </row>
    <row r="17630" spans="1:43">
      <c r="A17630" t="s">
        <v>10920</v>
      </c>
      <c r="B17630" t="s">
        <v>10921</v>
      </c>
      <c r="C17630" t="s">
        <v>10922</v>
      </c>
      <c r="D17630" t="s">
        <v>10923</v>
      </c>
      <c r="E17630" t="s">
        <v>10732</v>
      </c>
      <c r="F17630" t="s">
        <v>10733</v>
      </c>
      <c r="G17630" t="s">
        <v>10734</v>
      </c>
      <c r="H17630" t="s">
        <v>10735</v>
      </c>
      <c r="I17630" s="2">
        <v>1</v>
      </c>
      <c r="J17630" s="2">
        <v>0</v>
      </c>
      <c r="K17630" s="2">
        <v>0</v>
      </c>
      <c r="L17630" t="s">
        <v>120</v>
      </c>
      <c r="M17630" t="s">
        <v>83</v>
      </c>
      <c r="N17630" t="s">
        <v>84</v>
      </c>
      <c r="O17630" t="s">
        <v>85</v>
      </c>
      <c r="P17630" t="s">
        <v>86</v>
      </c>
      <c r="Q17630">
        <v>112</v>
      </c>
      <c r="R17630">
        <v>113</v>
      </c>
      <c r="S17630">
        <v>115</v>
      </c>
      <c r="T17630">
        <v>116</v>
      </c>
      <c r="U17630">
        <v>118</v>
      </c>
      <c r="V17630">
        <v>120</v>
      </c>
      <c r="W17630">
        <v>121</v>
      </c>
      <c r="X17630">
        <v>123</v>
      </c>
      <c r="Y17630">
        <v>124</v>
      </c>
      <c r="Z17630">
        <v>125</v>
      </c>
      <c r="AA17630">
        <v>127</v>
      </c>
      <c r="AB17630">
        <v>128</v>
      </c>
      <c r="AC17630">
        <v>129</v>
      </c>
      <c r="AD17630">
        <v>131</v>
      </c>
      <c r="AE17630">
        <v>132</v>
      </c>
      <c r="AF17630">
        <v>134</v>
      </c>
      <c r="AG17630">
        <v>135</v>
      </c>
      <c r="AH17630">
        <v>136</v>
      </c>
      <c r="AI17630">
        <v>138</v>
      </c>
      <c r="AJ17630">
        <v>139</v>
      </c>
      <c r="AK17630">
        <v>140</v>
      </c>
      <c r="AL17630">
        <v>141</v>
      </c>
      <c r="AM17630">
        <v>141</v>
      </c>
      <c r="AN17630">
        <v>141</v>
      </c>
      <c r="AO17630">
        <v>141</v>
      </c>
      <c r="AP17630">
        <v>142</v>
      </c>
      <c r="AQ17630">
        <v>142</v>
      </c>
    </row>
    <row r="17631" spans="1:43">
      <c r="A17631" t="s">
        <v>10920</v>
      </c>
      <c r="B17631" t="s">
        <v>10921</v>
      </c>
      <c r="C17631" t="s">
        <v>10922</v>
      </c>
      <c r="D17631" t="s">
        <v>10923</v>
      </c>
      <c r="E17631" t="s">
        <v>10732</v>
      </c>
      <c r="F17631" t="s">
        <v>10733</v>
      </c>
      <c r="G17631" t="s">
        <v>10734</v>
      </c>
      <c r="H17631" t="s">
        <v>10735</v>
      </c>
      <c r="I17631" s="2">
        <v>1</v>
      </c>
      <c r="J17631" s="2">
        <v>0</v>
      </c>
      <c r="K17631" s="2">
        <v>0</v>
      </c>
      <c r="L17631" t="s">
        <v>120</v>
      </c>
      <c r="M17631" t="s">
        <v>87</v>
      </c>
      <c r="N17631" t="s">
        <v>88</v>
      </c>
      <c r="O17631" t="s">
        <v>85</v>
      </c>
      <c r="P17631" t="s">
        <v>86</v>
      </c>
      <c r="Q17631">
        <v>112</v>
      </c>
      <c r="R17631">
        <v>112</v>
      </c>
      <c r="S17631">
        <v>113</v>
      </c>
      <c r="T17631">
        <v>113</v>
      </c>
      <c r="U17631">
        <v>114</v>
      </c>
      <c r="V17631">
        <v>114</v>
      </c>
      <c r="W17631">
        <v>115</v>
      </c>
      <c r="X17631">
        <v>115</v>
      </c>
      <c r="Y17631">
        <v>116</v>
      </c>
      <c r="Z17631">
        <v>116</v>
      </c>
      <c r="AA17631">
        <v>117</v>
      </c>
      <c r="AB17631">
        <v>117</v>
      </c>
      <c r="AC17631">
        <v>118</v>
      </c>
      <c r="AD17631">
        <v>118</v>
      </c>
      <c r="AE17631">
        <v>119</v>
      </c>
      <c r="AF17631">
        <v>119</v>
      </c>
      <c r="AG17631">
        <v>120</v>
      </c>
      <c r="AH17631">
        <v>120</v>
      </c>
      <c r="AI17631">
        <v>121</v>
      </c>
      <c r="AJ17631">
        <v>121</v>
      </c>
      <c r="AK17631">
        <v>122</v>
      </c>
      <c r="AL17631">
        <v>122</v>
      </c>
      <c r="AM17631">
        <v>123</v>
      </c>
      <c r="AN17631">
        <v>123</v>
      </c>
      <c r="AO17631">
        <v>123</v>
      </c>
      <c r="AP17631">
        <v>124</v>
      </c>
      <c r="AQ17631">
        <v>124</v>
      </c>
    </row>
    <row r="17632" spans="1:43">
      <c r="A17632" t="s">
        <v>10920</v>
      </c>
      <c r="B17632" t="s">
        <v>10921</v>
      </c>
      <c r="C17632" t="s">
        <v>10922</v>
      </c>
      <c r="D17632" t="s">
        <v>10923</v>
      </c>
      <c r="E17632" t="s">
        <v>10732</v>
      </c>
      <c r="F17632" t="s">
        <v>10733</v>
      </c>
      <c r="G17632" t="s">
        <v>10734</v>
      </c>
      <c r="H17632" t="s">
        <v>10735</v>
      </c>
      <c r="I17632" s="2">
        <v>1</v>
      </c>
      <c r="J17632" s="2">
        <v>0</v>
      </c>
      <c r="K17632" s="2">
        <v>0</v>
      </c>
      <c r="L17632" t="s">
        <v>120</v>
      </c>
      <c r="M17632" t="s">
        <v>89</v>
      </c>
      <c r="N17632" t="s">
        <v>90</v>
      </c>
      <c r="O17632" t="s">
        <v>85</v>
      </c>
      <c r="P17632" t="s">
        <v>86</v>
      </c>
      <c r="Q17632">
        <v>112</v>
      </c>
      <c r="R17632">
        <v>114</v>
      </c>
      <c r="S17632">
        <v>117</v>
      </c>
      <c r="T17632">
        <v>119</v>
      </c>
      <c r="U17632">
        <v>122</v>
      </c>
      <c r="V17632">
        <v>124</v>
      </c>
      <c r="W17632">
        <v>126</v>
      </c>
      <c r="X17632">
        <v>128</v>
      </c>
      <c r="Y17632">
        <v>130</v>
      </c>
      <c r="Z17632">
        <v>132</v>
      </c>
      <c r="AA17632">
        <v>133</v>
      </c>
      <c r="AB17632">
        <v>135</v>
      </c>
      <c r="AC17632">
        <v>137</v>
      </c>
      <c r="AD17632">
        <v>139</v>
      </c>
      <c r="AE17632">
        <v>140</v>
      </c>
      <c r="AF17632">
        <v>141</v>
      </c>
      <c r="AG17632">
        <v>141</v>
      </c>
      <c r="AH17632">
        <v>141</v>
      </c>
      <c r="AI17632">
        <v>141</v>
      </c>
      <c r="AJ17632">
        <v>141</v>
      </c>
      <c r="AK17632">
        <v>142</v>
      </c>
      <c r="AL17632">
        <v>142</v>
      </c>
      <c r="AM17632">
        <v>142</v>
      </c>
      <c r="AN17632">
        <v>142</v>
      </c>
      <c r="AO17632">
        <v>142</v>
      </c>
      <c r="AP17632">
        <v>142</v>
      </c>
      <c r="AQ17632">
        <v>142</v>
      </c>
    </row>
    <row r="17633" spans="1:43">
      <c r="A17633" t="s">
        <v>10920</v>
      </c>
      <c r="B17633" t="s">
        <v>10921</v>
      </c>
      <c r="C17633" t="s">
        <v>10922</v>
      </c>
      <c r="D17633" t="s">
        <v>10923</v>
      </c>
      <c r="E17633" t="s">
        <v>10732</v>
      </c>
      <c r="F17633" t="s">
        <v>10733</v>
      </c>
      <c r="G17633" t="s">
        <v>10734</v>
      </c>
      <c r="H17633" t="s">
        <v>10735</v>
      </c>
      <c r="I17633" s="2">
        <v>1</v>
      </c>
      <c r="J17633" s="2">
        <v>0</v>
      </c>
      <c r="K17633" s="2">
        <v>0</v>
      </c>
      <c r="L17633" t="s">
        <v>120</v>
      </c>
      <c r="M17633" t="s">
        <v>83</v>
      </c>
      <c r="N17633" t="s">
        <v>91</v>
      </c>
      <c r="O17633" t="s">
        <v>85</v>
      </c>
      <c r="P17633" t="s">
        <v>86</v>
      </c>
      <c r="Q17633">
        <v>112</v>
      </c>
      <c r="R17633">
        <v>113</v>
      </c>
      <c r="S17633">
        <v>115</v>
      </c>
      <c r="T17633">
        <v>116</v>
      </c>
      <c r="U17633">
        <v>118</v>
      </c>
      <c r="V17633">
        <v>120</v>
      </c>
      <c r="W17633">
        <v>121</v>
      </c>
      <c r="X17633">
        <v>123</v>
      </c>
      <c r="Y17633">
        <v>124</v>
      </c>
      <c r="Z17633">
        <v>125</v>
      </c>
      <c r="AA17633">
        <v>127</v>
      </c>
      <c r="AB17633">
        <v>128</v>
      </c>
      <c r="AC17633">
        <v>129</v>
      </c>
      <c r="AD17633">
        <v>131</v>
      </c>
      <c r="AE17633">
        <v>132</v>
      </c>
      <c r="AF17633">
        <v>134</v>
      </c>
      <c r="AG17633">
        <v>135</v>
      </c>
      <c r="AH17633">
        <v>136</v>
      </c>
      <c r="AI17633">
        <v>138</v>
      </c>
      <c r="AJ17633">
        <v>139</v>
      </c>
      <c r="AK17633">
        <v>140</v>
      </c>
      <c r="AL17633">
        <v>141</v>
      </c>
      <c r="AM17633">
        <v>141</v>
      </c>
      <c r="AN17633">
        <v>141</v>
      </c>
      <c r="AO17633">
        <v>141</v>
      </c>
      <c r="AP17633">
        <v>142</v>
      </c>
      <c r="AQ17633">
        <v>142</v>
      </c>
    </row>
    <row r="17634" spans="1:43">
      <c r="A17634" t="s">
        <v>10924</v>
      </c>
      <c r="B17634" t="s">
        <v>10925</v>
      </c>
      <c r="C17634" t="s">
        <v>10922</v>
      </c>
      <c r="D17634" t="s">
        <v>10923</v>
      </c>
      <c r="E17634" t="s">
        <v>10732</v>
      </c>
      <c r="F17634" t="s">
        <v>10733</v>
      </c>
      <c r="G17634" t="s">
        <v>10734</v>
      </c>
      <c r="H17634" t="s">
        <v>10735</v>
      </c>
      <c r="I17634" s="2">
        <v>1</v>
      </c>
      <c r="J17634" s="2">
        <v>0</v>
      </c>
      <c r="K17634" s="2">
        <v>0</v>
      </c>
      <c r="L17634" t="s">
        <v>120</v>
      </c>
      <c r="M17634" t="s">
        <v>83</v>
      </c>
      <c r="N17634" t="s">
        <v>84</v>
      </c>
      <c r="O17634" t="s">
        <v>85</v>
      </c>
      <c r="P17634" t="s">
        <v>86</v>
      </c>
      <c r="Q17634">
        <v>37</v>
      </c>
      <c r="R17634">
        <v>38</v>
      </c>
      <c r="S17634">
        <v>38</v>
      </c>
      <c r="T17634">
        <v>39</v>
      </c>
      <c r="U17634">
        <v>39</v>
      </c>
      <c r="V17634">
        <v>40</v>
      </c>
      <c r="W17634">
        <v>40</v>
      </c>
      <c r="X17634">
        <v>40</v>
      </c>
      <c r="Y17634">
        <v>41</v>
      </c>
      <c r="Z17634">
        <v>41</v>
      </c>
      <c r="AA17634">
        <v>42</v>
      </c>
      <c r="AB17634">
        <v>42</v>
      </c>
      <c r="AC17634">
        <v>43</v>
      </c>
      <c r="AD17634">
        <v>43</v>
      </c>
      <c r="AE17634">
        <v>44</v>
      </c>
      <c r="AF17634">
        <v>44</v>
      </c>
      <c r="AG17634">
        <v>45</v>
      </c>
      <c r="AH17634">
        <v>45</v>
      </c>
      <c r="AI17634">
        <v>46</v>
      </c>
      <c r="AJ17634">
        <v>46</v>
      </c>
      <c r="AK17634">
        <v>46</v>
      </c>
      <c r="AL17634">
        <v>47</v>
      </c>
      <c r="AM17634">
        <v>47</v>
      </c>
      <c r="AN17634">
        <v>47</v>
      </c>
      <c r="AO17634">
        <v>47</v>
      </c>
      <c r="AP17634">
        <v>47</v>
      </c>
      <c r="AQ17634">
        <v>47</v>
      </c>
    </row>
    <row r="17635" spans="1:43">
      <c r="A17635" t="s">
        <v>10924</v>
      </c>
      <c r="B17635" t="s">
        <v>10925</v>
      </c>
      <c r="C17635" t="s">
        <v>10922</v>
      </c>
      <c r="D17635" t="s">
        <v>10923</v>
      </c>
      <c r="E17635" t="s">
        <v>10732</v>
      </c>
      <c r="F17635" t="s">
        <v>10733</v>
      </c>
      <c r="G17635" t="s">
        <v>10734</v>
      </c>
      <c r="H17635" t="s">
        <v>10735</v>
      </c>
      <c r="I17635" s="2">
        <v>1</v>
      </c>
      <c r="J17635" s="2">
        <v>0</v>
      </c>
      <c r="K17635" s="2">
        <v>0</v>
      </c>
      <c r="L17635" t="s">
        <v>120</v>
      </c>
      <c r="M17635" t="s">
        <v>87</v>
      </c>
      <c r="N17635" t="s">
        <v>88</v>
      </c>
      <c r="O17635" t="s">
        <v>85</v>
      </c>
      <c r="P17635" t="s">
        <v>86</v>
      </c>
      <c r="Q17635">
        <v>37</v>
      </c>
      <c r="R17635">
        <v>37</v>
      </c>
      <c r="S17635">
        <v>37</v>
      </c>
      <c r="T17635">
        <v>37</v>
      </c>
      <c r="U17635">
        <v>37</v>
      </c>
      <c r="V17635">
        <v>37</v>
      </c>
      <c r="W17635">
        <v>38</v>
      </c>
      <c r="X17635">
        <v>38</v>
      </c>
      <c r="Y17635">
        <v>38</v>
      </c>
      <c r="Z17635">
        <v>38</v>
      </c>
      <c r="AA17635">
        <v>38</v>
      </c>
      <c r="AB17635">
        <v>38</v>
      </c>
      <c r="AC17635">
        <v>38</v>
      </c>
      <c r="AD17635">
        <v>39</v>
      </c>
      <c r="AE17635">
        <v>39</v>
      </c>
      <c r="AF17635">
        <v>39</v>
      </c>
      <c r="AG17635">
        <v>39</v>
      </c>
      <c r="AH17635">
        <v>39</v>
      </c>
      <c r="AI17635">
        <v>39</v>
      </c>
      <c r="AJ17635">
        <v>39</v>
      </c>
      <c r="AK17635">
        <v>40</v>
      </c>
      <c r="AL17635">
        <v>40</v>
      </c>
      <c r="AM17635">
        <v>40</v>
      </c>
      <c r="AN17635">
        <v>40</v>
      </c>
      <c r="AO17635">
        <v>40</v>
      </c>
      <c r="AP17635">
        <v>40</v>
      </c>
      <c r="AQ17635">
        <v>40</v>
      </c>
    </row>
    <row r="17636" spans="1:43">
      <c r="A17636" t="s">
        <v>10924</v>
      </c>
      <c r="B17636" t="s">
        <v>10925</v>
      </c>
      <c r="C17636" t="s">
        <v>10922</v>
      </c>
      <c r="D17636" t="s">
        <v>10923</v>
      </c>
      <c r="E17636" t="s">
        <v>10732</v>
      </c>
      <c r="F17636" t="s">
        <v>10733</v>
      </c>
      <c r="G17636" t="s">
        <v>10734</v>
      </c>
      <c r="H17636" t="s">
        <v>10735</v>
      </c>
      <c r="I17636" s="2">
        <v>1</v>
      </c>
      <c r="J17636" s="2">
        <v>0</v>
      </c>
      <c r="K17636" s="2">
        <v>0</v>
      </c>
      <c r="L17636" t="s">
        <v>120</v>
      </c>
      <c r="M17636" t="s">
        <v>89</v>
      </c>
      <c r="N17636" t="s">
        <v>90</v>
      </c>
      <c r="O17636" t="s">
        <v>85</v>
      </c>
      <c r="P17636" t="s">
        <v>86</v>
      </c>
      <c r="Q17636">
        <v>37</v>
      </c>
      <c r="R17636">
        <v>38</v>
      </c>
      <c r="S17636">
        <v>39</v>
      </c>
      <c r="T17636">
        <v>40</v>
      </c>
      <c r="U17636">
        <v>41</v>
      </c>
      <c r="V17636">
        <v>41</v>
      </c>
      <c r="W17636">
        <v>42</v>
      </c>
      <c r="X17636">
        <v>43</v>
      </c>
      <c r="Y17636">
        <v>43</v>
      </c>
      <c r="Z17636">
        <v>44</v>
      </c>
      <c r="AA17636">
        <v>45</v>
      </c>
      <c r="AB17636">
        <v>45</v>
      </c>
      <c r="AC17636">
        <v>46</v>
      </c>
      <c r="AD17636">
        <v>47</v>
      </c>
      <c r="AE17636">
        <v>47</v>
      </c>
      <c r="AF17636">
        <v>47</v>
      </c>
      <c r="AG17636">
        <v>47</v>
      </c>
      <c r="AH17636">
        <v>47</v>
      </c>
      <c r="AI17636">
        <v>47</v>
      </c>
      <c r="AJ17636">
        <v>47</v>
      </c>
      <c r="AK17636">
        <v>47</v>
      </c>
      <c r="AL17636">
        <v>47</v>
      </c>
      <c r="AM17636">
        <v>47</v>
      </c>
      <c r="AN17636">
        <v>47</v>
      </c>
      <c r="AO17636">
        <v>47</v>
      </c>
      <c r="AP17636">
        <v>47</v>
      </c>
      <c r="AQ17636">
        <v>47</v>
      </c>
    </row>
    <row r="17637" spans="1:43">
      <c r="A17637" t="s">
        <v>10924</v>
      </c>
      <c r="B17637" t="s">
        <v>10925</v>
      </c>
      <c r="C17637" t="s">
        <v>10922</v>
      </c>
      <c r="D17637" t="s">
        <v>10923</v>
      </c>
      <c r="E17637" t="s">
        <v>10732</v>
      </c>
      <c r="F17637" t="s">
        <v>10733</v>
      </c>
      <c r="G17637" t="s">
        <v>10734</v>
      </c>
      <c r="H17637" t="s">
        <v>10735</v>
      </c>
      <c r="I17637" s="2">
        <v>1</v>
      </c>
      <c r="J17637" s="2">
        <v>0</v>
      </c>
      <c r="K17637" s="2">
        <v>0</v>
      </c>
      <c r="L17637" t="s">
        <v>120</v>
      </c>
      <c r="M17637" t="s">
        <v>83</v>
      </c>
      <c r="N17637" t="s">
        <v>91</v>
      </c>
      <c r="O17637" t="s">
        <v>85</v>
      </c>
      <c r="P17637" t="s">
        <v>86</v>
      </c>
      <c r="Q17637">
        <v>37</v>
      </c>
      <c r="R17637">
        <v>38</v>
      </c>
      <c r="S17637">
        <v>38</v>
      </c>
      <c r="T17637">
        <v>39</v>
      </c>
      <c r="U17637">
        <v>39</v>
      </c>
      <c r="V17637">
        <v>40</v>
      </c>
      <c r="W17637">
        <v>40</v>
      </c>
      <c r="X17637">
        <v>40</v>
      </c>
      <c r="Y17637">
        <v>41</v>
      </c>
      <c r="Z17637">
        <v>41</v>
      </c>
      <c r="AA17637">
        <v>42</v>
      </c>
      <c r="AB17637">
        <v>42</v>
      </c>
      <c r="AC17637">
        <v>43</v>
      </c>
      <c r="AD17637">
        <v>43</v>
      </c>
      <c r="AE17637">
        <v>44</v>
      </c>
      <c r="AF17637">
        <v>44</v>
      </c>
      <c r="AG17637">
        <v>45</v>
      </c>
      <c r="AH17637">
        <v>45</v>
      </c>
      <c r="AI17637">
        <v>46</v>
      </c>
      <c r="AJ17637">
        <v>46</v>
      </c>
      <c r="AK17637">
        <v>46</v>
      </c>
      <c r="AL17637">
        <v>47</v>
      </c>
      <c r="AM17637">
        <v>47</v>
      </c>
      <c r="AN17637">
        <v>47</v>
      </c>
      <c r="AO17637">
        <v>47</v>
      </c>
      <c r="AP17637">
        <v>47</v>
      </c>
      <c r="AQ17637">
        <v>47</v>
      </c>
    </row>
    <row r="17638" spans="1:43">
      <c r="A17638" t="s">
        <v>10926</v>
      </c>
      <c r="B17638" t="s">
        <v>10927</v>
      </c>
      <c r="C17638" t="s">
        <v>10922</v>
      </c>
      <c r="D17638" t="s">
        <v>10923</v>
      </c>
      <c r="E17638" t="s">
        <v>10732</v>
      </c>
      <c r="F17638" t="s">
        <v>10733</v>
      </c>
      <c r="G17638" t="s">
        <v>10734</v>
      </c>
      <c r="H17638" t="s">
        <v>10735</v>
      </c>
      <c r="I17638" s="2">
        <v>1</v>
      </c>
      <c r="J17638" s="2">
        <v>0</v>
      </c>
      <c r="K17638" s="2">
        <v>0</v>
      </c>
      <c r="L17638" t="s">
        <v>120</v>
      </c>
      <c r="M17638" t="s">
        <v>83</v>
      </c>
      <c r="N17638" t="s">
        <v>84</v>
      </c>
      <c r="O17638" t="s">
        <v>85</v>
      </c>
      <c r="P17638" t="s">
        <v>86</v>
      </c>
      <c r="Q17638">
        <v>36</v>
      </c>
      <c r="R17638">
        <v>36</v>
      </c>
      <c r="S17638">
        <v>37</v>
      </c>
      <c r="T17638">
        <v>37</v>
      </c>
      <c r="U17638">
        <v>38</v>
      </c>
      <c r="V17638">
        <v>38</v>
      </c>
      <c r="W17638">
        <v>39</v>
      </c>
      <c r="X17638">
        <v>39</v>
      </c>
      <c r="Y17638">
        <v>40</v>
      </c>
      <c r="Z17638">
        <v>40</v>
      </c>
      <c r="AA17638">
        <v>41</v>
      </c>
      <c r="AB17638">
        <v>41</v>
      </c>
      <c r="AC17638">
        <v>42</v>
      </c>
      <c r="AD17638">
        <v>42</v>
      </c>
      <c r="AE17638">
        <v>43</v>
      </c>
      <c r="AF17638">
        <v>43</v>
      </c>
      <c r="AG17638">
        <v>44</v>
      </c>
      <c r="AH17638">
        <v>44</v>
      </c>
      <c r="AI17638">
        <v>44</v>
      </c>
      <c r="AJ17638">
        <v>45</v>
      </c>
      <c r="AK17638">
        <v>45</v>
      </c>
      <c r="AL17638">
        <v>46</v>
      </c>
      <c r="AM17638">
        <v>46</v>
      </c>
      <c r="AN17638">
        <v>46</v>
      </c>
      <c r="AO17638">
        <v>46</v>
      </c>
      <c r="AP17638">
        <v>46</v>
      </c>
      <c r="AQ17638">
        <v>46</v>
      </c>
    </row>
    <row r="17639" spans="1:43">
      <c r="A17639" t="s">
        <v>10926</v>
      </c>
      <c r="B17639" t="s">
        <v>10927</v>
      </c>
      <c r="C17639" t="s">
        <v>10922</v>
      </c>
      <c r="D17639" t="s">
        <v>10923</v>
      </c>
      <c r="E17639" t="s">
        <v>10732</v>
      </c>
      <c r="F17639" t="s">
        <v>10733</v>
      </c>
      <c r="G17639" t="s">
        <v>10734</v>
      </c>
      <c r="H17639" t="s">
        <v>10735</v>
      </c>
      <c r="I17639" s="2">
        <v>1</v>
      </c>
      <c r="J17639" s="2">
        <v>0</v>
      </c>
      <c r="K17639" s="2">
        <v>0</v>
      </c>
      <c r="L17639" t="s">
        <v>120</v>
      </c>
      <c r="M17639" t="s">
        <v>87</v>
      </c>
      <c r="N17639" t="s">
        <v>88</v>
      </c>
      <c r="O17639" t="s">
        <v>85</v>
      </c>
      <c r="P17639" t="s">
        <v>86</v>
      </c>
      <c r="Q17639">
        <v>36</v>
      </c>
      <c r="R17639">
        <v>36</v>
      </c>
      <c r="S17639">
        <v>36</v>
      </c>
      <c r="T17639">
        <v>36</v>
      </c>
      <c r="U17639">
        <v>36</v>
      </c>
      <c r="V17639">
        <v>36</v>
      </c>
      <c r="W17639">
        <v>36</v>
      </c>
      <c r="X17639">
        <v>37</v>
      </c>
      <c r="Y17639">
        <v>37</v>
      </c>
      <c r="Z17639">
        <v>37</v>
      </c>
      <c r="AA17639">
        <v>37</v>
      </c>
      <c r="AB17639">
        <v>37</v>
      </c>
      <c r="AC17639">
        <v>37</v>
      </c>
      <c r="AD17639">
        <v>38</v>
      </c>
      <c r="AE17639">
        <v>38</v>
      </c>
      <c r="AF17639">
        <v>38</v>
      </c>
      <c r="AG17639">
        <v>38</v>
      </c>
      <c r="AH17639">
        <v>38</v>
      </c>
      <c r="AI17639">
        <v>38</v>
      </c>
      <c r="AJ17639">
        <v>38</v>
      </c>
      <c r="AK17639">
        <v>39</v>
      </c>
      <c r="AL17639">
        <v>39</v>
      </c>
      <c r="AM17639">
        <v>39</v>
      </c>
      <c r="AN17639">
        <v>39</v>
      </c>
      <c r="AO17639">
        <v>39</v>
      </c>
      <c r="AP17639">
        <v>39</v>
      </c>
      <c r="AQ17639">
        <v>39</v>
      </c>
    </row>
    <row r="17640" spans="1:43">
      <c r="A17640" t="s">
        <v>10926</v>
      </c>
      <c r="B17640" t="s">
        <v>10927</v>
      </c>
      <c r="C17640" t="s">
        <v>10922</v>
      </c>
      <c r="D17640" t="s">
        <v>10923</v>
      </c>
      <c r="E17640" t="s">
        <v>10732</v>
      </c>
      <c r="F17640" t="s">
        <v>10733</v>
      </c>
      <c r="G17640" t="s">
        <v>10734</v>
      </c>
      <c r="H17640" t="s">
        <v>10735</v>
      </c>
      <c r="I17640" s="2">
        <v>1</v>
      </c>
      <c r="J17640" s="2">
        <v>0</v>
      </c>
      <c r="K17640" s="2">
        <v>0</v>
      </c>
      <c r="L17640" t="s">
        <v>120</v>
      </c>
      <c r="M17640" t="s">
        <v>89</v>
      </c>
      <c r="N17640" t="s">
        <v>90</v>
      </c>
      <c r="O17640" t="s">
        <v>85</v>
      </c>
      <c r="P17640" t="s">
        <v>86</v>
      </c>
      <c r="Q17640">
        <v>36</v>
      </c>
      <c r="R17640">
        <v>37</v>
      </c>
      <c r="S17640">
        <v>38</v>
      </c>
      <c r="T17640">
        <v>39</v>
      </c>
      <c r="U17640">
        <v>39</v>
      </c>
      <c r="V17640">
        <v>40</v>
      </c>
      <c r="W17640">
        <v>41</v>
      </c>
      <c r="X17640">
        <v>41</v>
      </c>
      <c r="Y17640">
        <v>42</v>
      </c>
      <c r="Z17640">
        <v>43</v>
      </c>
      <c r="AA17640">
        <v>43</v>
      </c>
      <c r="AB17640">
        <v>44</v>
      </c>
      <c r="AC17640">
        <v>45</v>
      </c>
      <c r="AD17640">
        <v>45</v>
      </c>
      <c r="AE17640">
        <v>46</v>
      </c>
      <c r="AF17640">
        <v>46</v>
      </c>
      <c r="AG17640">
        <v>46</v>
      </c>
      <c r="AH17640">
        <v>46</v>
      </c>
      <c r="AI17640">
        <v>46</v>
      </c>
      <c r="AJ17640">
        <v>46</v>
      </c>
      <c r="AK17640">
        <v>46</v>
      </c>
      <c r="AL17640">
        <v>46</v>
      </c>
      <c r="AM17640">
        <v>46</v>
      </c>
      <c r="AN17640">
        <v>46</v>
      </c>
      <c r="AO17640">
        <v>46</v>
      </c>
      <c r="AP17640">
        <v>46</v>
      </c>
      <c r="AQ17640">
        <v>47</v>
      </c>
    </row>
    <row r="17641" spans="1:43">
      <c r="A17641" t="s">
        <v>10926</v>
      </c>
      <c r="B17641" t="s">
        <v>10927</v>
      </c>
      <c r="C17641" t="s">
        <v>10922</v>
      </c>
      <c r="D17641" t="s">
        <v>10923</v>
      </c>
      <c r="E17641" t="s">
        <v>10732</v>
      </c>
      <c r="F17641" t="s">
        <v>10733</v>
      </c>
      <c r="G17641" t="s">
        <v>10734</v>
      </c>
      <c r="H17641" t="s">
        <v>10735</v>
      </c>
      <c r="I17641" s="2">
        <v>1</v>
      </c>
      <c r="J17641" s="2">
        <v>0</v>
      </c>
      <c r="K17641" s="2">
        <v>0</v>
      </c>
      <c r="L17641" t="s">
        <v>120</v>
      </c>
      <c r="M17641" t="s">
        <v>83</v>
      </c>
      <c r="N17641" t="s">
        <v>91</v>
      </c>
      <c r="O17641" t="s">
        <v>85</v>
      </c>
      <c r="P17641" t="s">
        <v>86</v>
      </c>
      <c r="Q17641">
        <v>36</v>
      </c>
      <c r="R17641">
        <v>36</v>
      </c>
      <c r="S17641">
        <v>37</v>
      </c>
      <c r="T17641">
        <v>37</v>
      </c>
      <c r="U17641">
        <v>38</v>
      </c>
      <c r="V17641">
        <v>38</v>
      </c>
      <c r="W17641">
        <v>39</v>
      </c>
      <c r="X17641">
        <v>39</v>
      </c>
      <c r="Y17641">
        <v>40</v>
      </c>
      <c r="Z17641">
        <v>40</v>
      </c>
      <c r="AA17641">
        <v>41</v>
      </c>
      <c r="AB17641">
        <v>41</v>
      </c>
      <c r="AC17641">
        <v>42</v>
      </c>
      <c r="AD17641">
        <v>42</v>
      </c>
      <c r="AE17641">
        <v>43</v>
      </c>
      <c r="AF17641">
        <v>43</v>
      </c>
      <c r="AG17641">
        <v>44</v>
      </c>
      <c r="AH17641">
        <v>44</v>
      </c>
      <c r="AI17641">
        <v>44</v>
      </c>
      <c r="AJ17641">
        <v>45</v>
      </c>
      <c r="AK17641">
        <v>45</v>
      </c>
      <c r="AL17641">
        <v>46</v>
      </c>
      <c r="AM17641">
        <v>46</v>
      </c>
      <c r="AN17641">
        <v>46</v>
      </c>
      <c r="AO17641">
        <v>46</v>
      </c>
      <c r="AP17641">
        <v>46</v>
      </c>
      <c r="AQ17641">
        <v>46</v>
      </c>
    </row>
    <row r="17642" spans="1:43">
      <c r="A17642" t="s">
        <v>10928</v>
      </c>
      <c r="B17642" t="s">
        <v>10929</v>
      </c>
      <c r="C17642" t="s">
        <v>10922</v>
      </c>
      <c r="D17642" t="s">
        <v>10923</v>
      </c>
      <c r="E17642" t="s">
        <v>10732</v>
      </c>
      <c r="F17642" t="s">
        <v>10733</v>
      </c>
      <c r="G17642" t="s">
        <v>10734</v>
      </c>
      <c r="H17642" t="s">
        <v>10735</v>
      </c>
      <c r="I17642" s="2">
        <v>1</v>
      </c>
      <c r="J17642" s="2">
        <v>0</v>
      </c>
      <c r="K17642" s="2">
        <v>0</v>
      </c>
      <c r="L17642" t="s">
        <v>120</v>
      </c>
      <c r="M17642" t="s">
        <v>83</v>
      </c>
      <c r="N17642" t="s">
        <v>84</v>
      </c>
      <c r="O17642" t="s">
        <v>85</v>
      </c>
      <c r="P17642" t="s">
        <v>86</v>
      </c>
      <c r="Q17642">
        <v>42</v>
      </c>
      <c r="R17642">
        <v>42</v>
      </c>
      <c r="S17642">
        <v>43</v>
      </c>
      <c r="T17642">
        <v>44</v>
      </c>
      <c r="U17642">
        <v>44</v>
      </c>
      <c r="V17642">
        <v>45</v>
      </c>
      <c r="W17642">
        <v>45</v>
      </c>
      <c r="X17642">
        <v>46</v>
      </c>
      <c r="Y17642">
        <v>46</v>
      </c>
      <c r="Z17642">
        <v>47</v>
      </c>
      <c r="AA17642">
        <v>47</v>
      </c>
      <c r="AB17642">
        <v>48</v>
      </c>
      <c r="AC17642">
        <v>48</v>
      </c>
      <c r="AD17642">
        <v>49</v>
      </c>
      <c r="AE17642">
        <v>49</v>
      </c>
      <c r="AF17642">
        <v>50</v>
      </c>
      <c r="AG17642">
        <v>50</v>
      </c>
      <c r="AH17642">
        <v>51</v>
      </c>
      <c r="AI17642">
        <v>51</v>
      </c>
      <c r="AJ17642">
        <v>52</v>
      </c>
      <c r="AK17642">
        <v>52</v>
      </c>
      <c r="AL17642">
        <v>53</v>
      </c>
      <c r="AM17642">
        <v>53</v>
      </c>
      <c r="AN17642">
        <v>53</v>
      </c>
      <c r="AO17642">
        <v>53</v>
      </c>
      <c r="AP17642">
        <v>53</v>
      </c>
      <c r="AQ17642">
        <v>53</v>
      </c>
    </row>
    <row r="17643" spans="1:43">
      <c r="A17643" t="s">
        <v>10928</v>
      </c>
      <c r="B17643" t="s">
        <v>10929</v>
      </c>
      <c r="C17643" t="s">
        <v>10922</v>
      </c>
      <c r="D17643" t="s">
        <v>10923</v>
      </c>
      <c r="E17643" t="s">
        <v>10732</v>
      </c>
      <c r="F17643" t="s">
        <v>10733</v>
      </c>
      <c r="G17643" t="s">
        <v>10734</v>
      </c>
      <c r="H17643" t="s">
        <v>10735</v>
      </c>
      <c r="I17643" s="2">
        <v>1</v>
      </c>
      <c r="J17643" s="2">
        <v>0</v>
      </c>
      <c r="K17643" s="2">
        <v>0</v>
      </c>
      <c r="L17643" t="s">
        <v>120</v>
      </c>
      <c r="M17643" t="s">
        <v>87</v>
      </c>
      <c r="N17643" t="s">
        <v>88</v>
      </c>
      <c r="O17643" t="s">
        <v>85</v>
      </c>
      <c r="P17643" t="s">
        <v>86</v>
      </c>
      <c r="Q17643">
        <v>42</v>
      </c>
      <c r="R17643">
        <v>43</v>
      </c>
      <c r="S17643">
        <v>43</v>
      </c>
      <c r="T17643">
        <v>43</v>
      </c>
      <c r="U17643">
        <v>43</v>
      </c>
      <c r="V17643">
        <v>43</v>
      </c>
      <c r="W17643">
        <v>44</v>
      </c>
      <c r="X17643">
        <v>44</v>
      </c>
      <c r="Y17643">
        <v>44</v>
      </c>
      <c r="Z17643">
        <v>44</v>
      </c>
      <c r="AA17643">
        <v>44</v>
      </c>
      <c r="AB17643">
        <v>44</v>
      </c>
      <c r="AC17643">
        <v>45</v>
      </c>
      <c r="AD17643">
        <v>45</v>
      </c>
      <c r="AE17643">
        <v>45</v>
      </c>
      <c r="AF17643">
        <v>45</v>
      </c>
      <c r="AG17643">
        <v>45</v>
      </c>
      <c r="AH17643">
        <v>45</v>
      </c>
      <c r="AI17643">
        <v>46</v>
      </c>
      <c r="AJ17643">
        <v>46</v>
      </c>
      <c r="AK17643">
        <v>46</v>
      </c>
      <c r="AL17643">
        <v>46</v>
      </c>
      <c r="AM17643">
        <v>46</v>
      </c>
      <c r="AN17643">
        <v>47</v>
      </c>
      <c r="AO17643">
        <v>47</v>
      </c>
      <c r="AP17643">
        <v>47</v>
      </c>
      <c r="AQ17643">
        <v>47</v>
      </c>
    </row>
    <row r="17644" spans="1:43">
      <c r="A17644" t="s">
        <v>10928</v>
      </c>
      <c r="B17644" t="s">
        <v>10929</v>
      </c>
      <c r="C17644" t="s">
        <v>10922</v>
      </c>
      <c r="D17644" t="s">
        <v>10923</v>
      </c>
      <c r="E17644" t="s">
        <v>10732</v>
      </c>
      <c r="F17644" t="s">
        <v>10733</v>
      </c>
      <c r="G17644" t="s">
        <v>10734</v>
      </c>
      <c r="H17644" t="s">
        <v>10735</v>
      </c>
      <c r="I17644" s="2">
        <v>1</v>
      </c>
      <c r="J17644" s="2">
        <v>0</v>
      </c>
      <c r="K17644" s="2">
        <v>0</v>
      </c>
      <c r="L17644" t="s">
        <v>120</v>
      </c>
      <c r="M17644" t="s">
        <v>89</v>
      </c>
      <c r="N17644" t="s">
        <v>90</v>
      </c>
      <c r="O17644" t="s">
        <v>85</v>
      </c>
      <c r="P17644" t="s">
        <v>86</v>
      </c>
      <c r="Q17644">
        <v>42</v>
      </c>
      <c r="R17644">
        <v>43</v>
      </c>
      <c r="S17644">
        <v>44</v>
      </c>
      <c r="T17644">
        <v>45</v>
      </c>
      <c r="U17644">
        <v>46</v>
      </c>
      <c r="V17644">
        <v>47</v>
      </c>
      <c r="W17644">
        <v>47</v>
      </c>
      <c r="X17644">
        <v>48</v>
      </c>
      <c r="Y17644">
        <v>49</v>
      </c>
      <c r="Z17644">
        <v>50</v>
      </c>
      <c r="AA17644">
        <v>50</v>
      </c>
      <c r="AB17644">
        <v>51</v>
      </c>
      <c r="AC17644">
        <v>52</v>
      </c>
      <c r="AD17644">
        <v>52</v>
      </c>
      <c r="AE17644">
        <v>53</v>
      </c>
      <c r="AF17644">
        <v>53</v>
      </c>
      <c r="AG17644">
        <v>53</v>
      </c>
      <c r="AH17644">
        <v>53</v>
      </c>
      <c r="AI17644">
        <v>53</v>
      </c>
      <c r="AJ17644">
        <v>53</v>
      </c>
      <c r="AK17644">
        <v>53</v>
      </c>
      <c r="AL17644">
        <v>53</v>
      </c>
      <c r="AM17644">
        <v>53</v>
      </c>
      <c r="AN17644">
        <v>53</v>
      </c>
      <c r="AO17644">
        <v>53</v>
      </c>
      <c r="AP17644">
        <v>53</v>
      </c>
      <c r="AQ17644">
        <v>53</v>
      </c>
    </row>
    <row r="17645" spans="1:43">
      <c r="A17645" t="s">
        <v>10928</v>
      </c>
      <c r="B17645" t="s">
        <v>10929</v>
      </c>
      <c r="C17645" t="s">
        <v>10922</v>
      </c>
      <c r="D17645" t="s">
        <v>10923</v>
      </c>
      <c r="E17645" t="s">
        <v>10732</v>
      </c>
      <c r="F17645" t="s">
        <v>10733</v>
      </c>
      <c r="G17645" t="s">
        <v>10734</v>
      </c>
      <c r="H17645" t="s">
        <v>10735</v>
      </c>
      <c r="I17645" s="2">
        <v>1</v>
      </c>
      <c r="J17645" s="2">
        <v>0</v>
      </c>
      <c r="K17645" s="2">
        <v>0</v>
      </c>
      <c r="L17645" t="s">
        <v>120</v>
      </c>
      <c r="M17645" t="s">
        <v>83</v>
      </c>
      <c r="N17645" t="s">
        <v>91</v>
      </c>
      <c r="O17645" t="s">
        <v>85</v>
      </c>
      <c r="P17645" t="s">
        <v>86</v>
      </c>
      <c r="Q17645">
        <v>42</v>
      </c>
      <c r="R17645">
        <v>42</v>
      </c>
      <c r="S17645">
        <v>43</v>
      </c>
      <c r="T17645">
        <v>44</v>
      </c>
      <c r="U17645">
        <v>44</v>
      </c>
      <c r="V17645">
        <v>45</v>
      </c>
      <c r="W17645">
        <v>45</v>
      </c>
      <c r="X17645">
        <v>46</v>
      </c>
      <c r="Y17645">
        <v>46</v>
      </c>
      <c r="Z17645">
        <v>47</v>
      </c>
      <c r="AA17645">
        <v>47</v>
      </c>
      <c r="AB17645">
        <v>48</v>
      </c>
      <c r="AC17645">
        <v>48</v>
      </c>
      <c r="AD17645">
        <v>49</v>
      </c>
      <c r="AE17645">
        <v>49</v>
      </c>
      <c r="AF17645">
        <v>50</v>
      </c>
      <c r="AG17645">
        <v>50</v>
      </c>
      <c r="AH17645">
        <v>51</v>
      </c>
      <c r="AI17645">
        <v>51</v>
      </c>
      <c r="AJ17645">
        <v>52</v>
      </c>
      <c r="AK17645">
        <v>52</v>
      </c>
      <c r="AL17645">
        <v>53</v>
      </c>
      <c r="AM17645">
        <v>53</v>
      </c>
      <c r="AN17645">
        <v>53</v>
      </c>
      <c r="AO17645">
        <v>53</v>
      </c>
      <c r="AP17645">
        <v>53</v>
      </c>
      <c r="AQ17645">
        <v>53</v>
      </c>
    </row>
    <row r="17646" spans="1:43">
      <c r="A17646" t="s">
        <v>10930</v>
      </c>
      <c r="B17646" t="s">
        <v>10931</v>
      </c>
      <c r="C17646" t="s">
        <v>10922</v>
      </c>
      <c r="D17646" t="s">
        <v>10923</v>
      </c>
      <c r="E17646" t="s">
        <v>10732</v>
      </c>
      <c r="F17646" t="s">
        <v>10733</v>
      </c>
      <c r="G17646" t="s">
        <v>10734</v>
      </c>
      <c r="H17646" t="s">
        <v>10735</v>
      </c>
      <c r="I17646" s="2">
        <v>1</v>
      </c>
      <c r="J17646" s="2">
        <v>0</v>
      </c>
      <c r="K17646" s="2">
        <v>0</v>
      </c>
      <c r="L17646" t="s">
        <v>120</v>
      </c>
      <c r="M17646" t="s">
        <v>83</v>
      </c>
      <c r="N17646" t="s">
        <v>84</v>
      </c>
      <c r="O17646" t="s">
        <v>85</v>
      </c>
      <c r="P17646" t="s">
        <v>86</v>
      </c>
      <c r="Q17646">
        <v>62</v>
      </c>
      <c r="R17646">
        <v>62</v>
      </c>
      <c r="S17646">
        <v>63</v>
      </c>
      <c r="T17646">
        <v>64</v>
      </c>
      <c r="U17646">
        <v>65</v>
      </c>
      <c r="V17646">
        <v>66</v>
      </c>
      <c r="W17646">
        <v>67</v>
      </c>
      <c r="X17646">
        <v>68</v>
      </c>
      <c r="Y17646">
        <v>68</v>
      </c>
      <c r="Z17646">
        <v>69</v>
      </c>
      <c r="AA17646">
        <v>70</v>
      </c>
      <c r="AB17646">
        <v>71</v>
      </c>
      <c r="AC17646">
        <v>71</v>
      </c>
      <c r="AD17646">
        <v>72</v>
      </c>
      <c r="AE17646">
        <v>73</v>
      </c>
      <c r="AF17646">
        <v>74</v>
      </c>
      <c r="AG17646">
        <v>74</v>
      </c>
      <c r="AH17646">
        <v>75</v>
      </c>
      <c r="AI17646">
        <v>76</v>
      </c>
      <c r="AJ17646">
        <v>77</v>
      </c>
      <c r="AK17646">
        <v>77</v>
      </c>
      <c r="AL17646">
        <v>78</v>
      </c>
      <c r="AM17646">
        <v>78</v>
      </c>
      <c r="AN17646">
        <v>78</v>
      </c>
      <c r="AO17646">
        <v>78</v>
      </c>
      <c r="AP17646">
        <v>78</v>
      </c>
      <c r="AQ17646">
        <v>78</v>
      </c>
    </row>
    <row r="17647" spans="1:43">
      <c r="A17647" t="s">
        <v>10930</v>
      </c>
      <c r="B17647" t="s">
        <v>10931</v>
      </c>
      <c r="C17647" t="s">
        <v>10922</v>
      </c>
      <c r="D17647" t="s">
        <v>10923</v>
      </c>
      <c r="E17647" t="s">
        <v>10732</v>
      </c>
      <c r="F17647" t="s">
        <v>10733</v>
      </c>
      <c r="G17647" t="s">
        <v>10734</v>
      </c>
      <c r="H17647" t="s">
        <v>10735</v>
      </c>
      <c r="I17647" s="2">
        <v>1</v>
      </c>
      <c r="J17647" s="2">
        <v>0</v>
      </c>
      <c r="K17647" s="2">
        <v>0</v>
      </c>
      <c r="L17647" t="s">
        <v>120</v>
      </c>
      <c r="M17647" t="s">
        <v>87</v>
      </c>
      <c r="N17647" t="s">
        <v>88</v>
      </c>
      <c r="O17647" t="s">
        <v>85</v>
      </c>
      <c r="P17647" t="s">
        <v>86</v>
      </c>
      <c r="Q17647">
        <v>62</v>
      </c>
      <c r="R17647">
        <v>62</v>
      </c>
      <c r="S17647">
        <v>63</v>
      </c>
      <c r="T17647">
        <v>63</v>
      </c>
      <c r="U17647">
        <v>63</v>
      </c>
      <c r="V17647">
        <v>63</v>
      </c>
      <c r="W17647">
        <v>64</v>
      </c>
      <c r="X17647">
        <v>64</v>
      </c>
      <c r="Y17647">
        <v>64</v>
      </c>
      <c r="Z17647">
        <v>64</v>
      </c>
      <c r="AA17647">
        <v>65</v>
      </c>
      <c r="AB17647">
        <v>65</v>
      </c>
      <c r="AC17647">
        <v>65</v>
      </c>
      <c r="AD17647">
        <v>66</v>
      </c>
      <c r="AE17647">
        <v>66</v>
      </c>
      <c r="AF17647">
        <v>66</v>
      </c>
      <c r="AG17647">
        <v>66</v>
      </c>
      <c r="AH17647">
        <v>67</v>
      </c>
      <c r="AI17647">
        <v>67</v>
      </c>
      <c r="AJ17647">
        <v>67</v>
      </c>
      <c r="AK17647">
        <v>67</v>
      </c>
      <c r="AL17647">
        <v>68</v>
      </c>
      <c r="AM17647">
        <v>68</v>
      </c>
      <c r="AN17647">
        <v>68</v>
      </c>
      <c r="AO17647">
        <v>68</v>
      </c>
      <c r="AP17647">
        <v>69</v>
      </c>
      <c r="AQ17647">
        <v>69</v>
      </c>
    </row>
    <row r="17648" spans="1:43">
      <c r="A17648" t="s">
        <v>10930</v>
      </c>
      <c r="B17648" t="s">
        <v>10931</v>
      </c>
      <c r="C17648" t="s">
        <v>10922</v>
      </c>
      <c r="D17648" t="s">
        <v>10923</v>
      </c>
      <c r="E17648" t="s">
        <v>10732</v>
      </c>
      <c r="F17648" t="s">
        <v>10733</v>
      </c>
      <c r="G17648" t="s">
        <v>10734</v>
      </c>
      <c r="H17648" t="s">
        <v>10735</v>
      </c>
      <c r="I17648" s="2">
        <v>1</v>
      </c>
      <c r="J17648" s="2">
        <v>0</v>
      </c>
      <c r="K17648" s="2">
        <v>0</v>
      </c>
      <c r="L17648" t="s">
        <v>120</v>
      </c>
      <c r="M17648" t="s">
        <v>89</v>
      </c>
      <c r="N17648" t="s">
        <v>90</v>
      </c>
      <c r="O17648" t="s">
        <v>85</v>
      </c>
      <c r="P17648" t="s">
        <v>86</v>
      </c>
      <c r="Q17648">
        <v>62</v>
      </c>
      <c r="R17648">
        <v>64</v>
      </c>
      <c r="S17648">
        <v>65</v>
      </c>
      <c r="T17648">
        <v>66</v>
      </c>
      <c r="U17648">
        <v>68</v>
      </c>
      <c r="V17648">
        <v>69</v>
      </c>
      <c r="W17648">
        <v>70</v>
      </c>
      <c r="X17648">
        <v>71</v>
      </c>
      <c r="Y17648">
        <v>72</v>
      </c>
      <c r="Z17648">
        <v>73</v>
      </c>
      <c r="AA17648">
        <v>74</v>
      </c>
      <c r="AB17648">
        <v>75</v>
      </c>
      <c r="AC17648">
        <v>76</v>
      </c>
      <c r="AD17648">
        <v>77</v>
      </c>
      <c r="AE17648">
        <v>78</v>
      </c>
      <c r="AF17648">
        <v>78</v>
      </c>
      <c r="AG17648">
        <v>78</v>
      </c>
      <c r="AH17648">
        <v>78</v>
      </c>
      <c r="AI17648">
        <v>78</v>
      </c>
      <c r="AJ17648">
        <v>78</v>
      </c>
      <c r="AK17648">
        <v>79</v>
      </c>
      <c r="AL17648">
        <v>79</v>
      </c>
      <c r="AM17648">
        <v>79</v>
      </c>
      <c r="AN17648">
        <v>79</v>
      </c>
      <c r="AO17648">
        <v>79</v>
      </c>
      <c r="AP17648">
        <v>79</v>
      </c>
      <c r="AQ17648">
        <v>79</v>
      </c>
    </row>
    <row r="17649" spans="1:43">
      <c r="A17649" t="s">
        <v>10930</v>
      </c>
      <c r="B17649" t="s">
        <v>10931</v>
      </c>
      <c r="C17649" t="s">
        <v>10922</v>
      </c>
      <c r="D17649" t="s">
        <v>10923</v>
      </c>
      <c r="E17649" t="s">
        <v>10732</v>
      </c>
      <c r="F17649" t="s">
        <v>10733</v>
      </c>
      <c r="G17649" t="s">
        <v>10734</v>
      </c>
      <c r="H17649" t="s">
        <v>10735</v>
      </c>
      <c r="I17649" s="2">
        <v>1</v>
      </c>
      <c r="J17649" s="2">
        <v>0</v>
      </c>
      <c r="K17649" s="2">
        <v>0</v>
      </c>
      <c r="L17649" t="s">
        <v>120</v>
      </c>
      <c r="M17649" t="s">
        <v>83</v>
      </c>
      <c r="N17649" t="s">
        <v>91</v>
      </c>
      <c r="O17649" t="s">
        <v>85</v>
      </c>
      <c r="P17649" t="s">
        <v>86</v>
      </c>
      <c r="Q17649">
        <v>62</v>
      </c>
      <c r="R17649">
        <v>62</v>
      </c>
      <c r="S17649">
        <v>63</v>
      </c>
      <c r="T17649">
        <v>64</v>
      </c>
      <c r="U17649">
        <v>65</v>
      </c>
      <c r="V17649">
        <v>66</v>
      </c>
      <c r="W17649">
        <v>67</v>
      </c>
      <c r="X17649">
        <v>68</v>
      </c>
      <c r="Y17649">
        <v>68</v>
      </c>
      <c r="Z17649">
        <v>69</v>
      </c>
      <c r="AA17649">
        <v>70</v>
      </c>
      <c r="AB17649">
        <v>71</v>
      </c>
      <c r="AC17649">
        <v>71</v>
      </c>
      <c r="AD17649">
        <v>72</v>
      </c>
      <c r="AE17649">
        <v>73</v>
      </c>
      <c r="AF17649">
        <v>74</v>
      </c>
      <c r="AG17649">
        <v>74</v>
      </c>
      <c r="AH17649">
        <v>75</v>
      </c>
      <c r="AI17649">
        <v>76</v>
      </c>
      <c r="AJ17649">
        <v>77</v>
      </c>
      <c r="AK17649">
        <v>77</v>
      </c>
      <c r="AL17649">
        <v>78</v>
      </c>
      <c r="AM17649">
        <v>78</v>
      </c>
      <c r="AN17649">
        <v>78</v>
      </c>
      <c r="AO17649">
        <v>78</v>
      </c>
      <c r="AP17649">
        <v>78</v>
      </c>
      <c r="AQ17649">
        <v>78</v>
      </c>
    </row>
    <row r="17650" spans="1:43">
      <c r="A17650" t="s">
        <v>10932</v>
      </c>
      <c r="B17650" t="s">
        <v>10933</v>
      </c>
      <c r="C17650" t="s">
        <v>10934</v>
      </c>
      <c r="D17650" t="s">
        <v>10935</v>
      </c>
      <c r="E17650" t="s">
        <v>10732</v>
      </c>
      <c r="F17650" t="s">
        <v>10733</v>
      </c>
      <c r="G17650" t="s">
        <v>10734</v>
      </c>
      <c r="H17650" t="s">
        <v>10735</v>
      </c>
      <c r="I17650" s="2">
        <v>1</v>
      </c>
      <c r="J17650" s="2">
        <v>0</v>
      </c>
      <c r="K17650" s="2">
        <v>0</v>
      </c>
      <c r="L17650" t="s">
        <v>120</v>
      </c>
      <c r="M17650" t="s">
        <v>83</v>
      </c>
      <c r="N17650" t="s">
        <v>84</v>
      </c>
      <c r="O17650" t="s">
        <v>85</v>
      </c>
      <c r="P17650" t="s">
        <v>86</v>
      </c>
      <c r="Q17650">
        <v>51</v>
      </c>
      <c r="R17650">
        <v>51</v>
      </c>
      <c r="S17650">
        <v>52</v>
      </c>
      <c r="T17650">
        <v>53</v>
      </c>
      <c r="U17650">
        <v>53</v>
      </c>
      <c r="V17650">
        <v>54</v>
      </c>
      <c r="W17650">
        <v>55</v>
      </c>
      <c r="X17650">
        <v>55</v>
      </c>
      <c r="Y17650">
        <v>56</v>
      </c>
      <c r="Z17650">
        <v>57</v>
      </c>
      <c r="AA17650">
        <v>57</v>
      </c>
      <c r="AB17650">
        <v>58</v>
      </c>
      <c r="AC17650">
        <v>58</v>
      </c>
      <c r="AD17650">
        <v>59</v>
      </c>
      <c r="AE17650">
        <v>60</v>
      </c>
      <c r="AF17650">
        <v>60</v>
      </c>
      <c r="AG17650">
        <v>61</v>
      </c>
      <c r="AH17650">
        <v>62</v>
      </c>
      <c r="AI17650">
        <v>62</v>
      </c>
      <c r="AJ17650">
        <v>63</v>
      </c>
      <c r="AK17650">
        <v>63</v>
      </c>
      <c r="AL17650">
        <v>64</v>
      </c>
      <c r="AM17650">
        <v>64</v>
      </c>
      <c r="AN17650">
        <v>64</v>
      </c>
      <c r="AO17650">
        <v>64</v>
      </c>
      <c r="AP17650">
        <v>64</v>
      </c>
      <c r="AQ17650">
        <v>64</v>
      </c>
    </row>
    <row r="17651" spans="1:43">
      <c r="A17651" t="s">
        <v>10932</v>
      </c>
      <c r="B17651" t="s">
        <v>10933</v>
      </c>
      <c r="C17651" t="s">
        <v>10934</v>
      </c>
      <c r="D17651" t="s">
        <v>10935</v>
      </c>
      <c r="E17651" t="s">
        <v>10732</v>
      </c>
      <c r="F17651" t="s">
        <v>10733</v>
      </c>
      <c r="G17651" t="s">
        <v>10734</v>
      </c>
      <c r="H17651" t="s">
        <v>10735</v>
      </c>
      <c r="I17651" s="2">
        <v>1</v>
      </c>
      <c r="J17651" s="2">
        <v>0</v>
      </c>
      <c r="K17651" s="2">
        <v>0</v>
      </c>
      <c r="L17651" t="s">
        <v>120</v>
      </c>
      <c r="M17651" t="s">
        <v>87</v>
      </c>
      <c r="N17651" t="s">
        <v>88</v>
      </c>
      <c r="O17651" t="s">
        <v>85</v>
      </c>
      <c r="P17651" t="s">
        <v>86</v>
      </c>
      <c r="Q17651">
        <v>51</v>
      </c>
      <c r="R17651">
        <v>51</v>
      </c>
      <c r="S17651">
        <v>51</v>
      </c>
      <c r="T17651">
        <v>52</v>
      </c>
      <c r="U17651">
        <v>52</v>
      </c>
      <c r="V17651">
        <v>52</v>
      </c>
      <c r="W17651">
        <v>52</v>
      </c>
      <c r="X17651">
        <v>53</v>
      </c>
      <c r="Y17651">
        <v>53</v>
      </c>
      <c r="Z17651">
        <v>53</v>
      </c>
      <c r="AA17651">
        <v>53</v>
      </c>
      <c r="AB17651">
        <v>53</v>
      </c>
      <c r="AC17651">
        <v>54</v>
      </c>
      <c r="AD17651">
        <v>54</v>
      </c>
      <c r="AE17651">
        <v>54</v>
      </c>
      <c r="AF17651">
        <v>54</v>
      </c>
      <c r="AG17651">
        <v>55</v>
      </c>
      <c r="AH17651">
        <v>55</v>
      </c>
      <c r="AI17651">
        <v>55</v>
      </c>
      <c r="AJ17651">
        <v>55</v>
      </c>
      <c r="AK17651">
        <v>55</v>
      </c>
      <c r="AL17651">
        <v>56</v>
      </c>
      <c r="AM17651">
        <v>56</v>
      </c>
      <c r="AN17651">
        <v>56</v>
      </c>
      <c r="AO17651">
        <v>56</v>
      </c>
      <c r="AP17651">
        <v>56</v>
      </c>
      <c r="AQ17651">
        <v>57</v>
      </c>
    </row>
    <row r="17652" spans="1:43">
      <c r="A17652" t="s">
        <v>10932</v>
      </c>
      <c r="B17652" t="s">
        <v>10933</v>
      </c>
      <c r="C17652" t="s">
        <v>10934</v>
      </c>
      <c r="D17652" t="s">
        <v>10935</v>
      </c>
      <c r="E17652" t="s">
        <v>10732</v>
      </c>
      <c r="F17652" t="s">
        <v>10733</v>
      </c>
      <c r="G17652" t="s">
        <v>10734</v>
      </c>
      <c r="H17652" t="s">
        <v>10735</v>
      </c>
      <c r="I17652" s="2">
        <v>1</v>
      </c>
      <c r="J17652" s="2">
        <v>0</v>
      </c>
      <c r="K17652" s="2">
        <v>0</v>
      </c>
      <c r="L17652" t="s">
        <v>120</v>
      </c>
      <c r="M17652" t="s">
        <v>89</v>
      </c>
      <c r="N17652" t="s">
        <v>90</v>
      </c>
      <c r="O17652" t="s">
        <v>85</v>
      </c>
      <c r="P17652" t="s">
        <v>86</v>
      </c>
      <c r="Q17652">
        <v>51</v>
      </c>
      <c r="R17652">
        <v>52</v>
      </c>
      <c r="S17652">
        <v>53</v>
      </c>
      <c r="T17652">
        <v>54</v>
      </c>
      <c r="U17652">
        <v>55</v>
      </c>
      <c r="V17652">
        <v>56</v>
      </c>
      <c r="W17652">
        <v>57</v>
      </c>
      <c r="X17652">
        <v>58</v>
      </c>
      <c r="Y17652">
        <v>59</v>
      </c>
      <c r="Z17652">
        <v>60</v>
      </c>
      <c r="AA17652">
        <v>61</v>
      </c>
      <c r="AB17652">
        <v>62</v>
      </c>
      <c r="AC17652">
        <v>63</v>
      </c>
      <c r="AD17652">
        <v>63</v>
      </c>
      <c r="AE17652">
        <v>64</v>
      </c>
      <c r="AF17652">
        <v>64</v>
      </c>
      <c r="AG17652">
        <v>64</v>
      </c>
      <c r="AH17652">
        <v>64</v>
      </c>
      <c r="AI17652">
        <v>64</v>
      </c>
      <c r="AJ17652">
        <v>64</v>
      </c>
      <c r="AK17652">
        <v>64</v>
      </c>
      <c r="AL17652">
        <v>64</v>
      </c>
      <c r="AM17652">
        <v>64</v>
      </c>
      <c r="AN17652">
        <v>64</v>
      </c>
      <c r="AO17652">
        <v>64</v>
      </c>
      <c r="AP17652">
        <v>64</v>
      </c>
      <c r="AQ17652">
        <v>64</v>
      </c>
    </row>
    <row r="17653" spans="1:43">
      <c r="A17653" t="s">
        <v>10932</v>
      </c>
      <c r="B17653" t="s">
        <v>10933</v>
      </c>
      <c r="C17653" t="s">
        <v>10934</v>
      </c>
      <c r="D17653" t="s">
        <v>10935</v>
      </c>
      <c r="E17653" t="s">
        <v>10732</v>
      </c>
      <c r="F17653" t="s">
        <v>10733</v>
      </c>
      <c r="G17653" t="s">
        <v>10734</v>
      </c>
      <c r="H17653" t="s">
        <v>10735</v>
      </c>
      <c r="I17653" s="2">
        <v>1</v>
      </c>
      <c r="J17653" s="2">
        <v>0</v>
      </c>
      <c r="K17653" s="2">
        <v>0</v>
      </c>
      <c r="L17653" t="s">
        <v>120</v>
      </c>
      <c r="M17653" t="s">
        <v>83</v>
      </c>
      <c r="N17653" t="s">
        <v>91</v>
      </c>
      <c r="O17653" t="s">
        <v>85</v>
      </c>
      <c r="P17653" t="s">
        <v>86</v>
      </c>
      <c r="Q17653">
        <v>51</v>
      </c>
      <c r="R17653">
        <v>51</v>
      </c>
      <c r="S17653">
        <v>52</v>
      </c>
      <c r="T17653">
        <v>53</v>
      </c>
      <c r="U17653">
        <v>53</v>
      </c>
      <c r="V17653">
        <v>54</v>
      </c>
      <c r="W17653">
        <v>55</v>
      </c>
      <c r="X17653">
        <v>55</v>
      </c>
      <c r="Y17653">
        <v>56</v>
      </c>
      <c r="Z17653">
        <v>57</v>
      </c>
      <c r="AA17653">
        <v>57</v>
      </c>
      <c r="AB17653">
        <v>58</v>
      </c>
      <c r="AC17653">
        <v>58</v>
      </c>
      <c r="AD17653">
        <v>59</v>
      </c>
      <c r="AE17653">
        <v>60</v>
      </c>
      <c r="AF17653">
        <v>60</v>
      </c>
      <c r="AG17653">
        <v>61</v>
      </c>
      <c r="AH17653">
        <v>62</v>
      </c>
      <c r="AI17653">
        <v>62</v>
      </c>
      <c r="AJ17653">
        <v>63</v>
      </c>
      <c r="AK17653">
        <v>63</v>
      </c>
      <c r="AL17653">
        <v>64</v>
      </c>
      <c r="AM17653">
        <v>64</v>
      </c>
      <c r="AN17653">
        <v>64</v>
      </c>
      <c r="AO17653">
        <v>64</v>
      </c>
      <c r="AP17653">
        <v>64</v>
      </c>
      <c r="AQ17653">
        <v>64</v>
      </c>
    </row>
    <row r="17654" spans="1:43">
      <c r="A17654" t="s">
        <v>10936</v>
      </c>
      <c r="B17654" t="s">
        <v>10937</v>
      </c>
      <c r="C17654" t="s">
        <v>10934</v>
      </c>
      <c r="D17654" t="s">
        <v>10935</v>
      </c>
      <c r="E17654" t="s">
        <v>10732</v>
      </c>
      <c r="F17654" t="s">
        <v>10733</v>
      </c>
      <c r="G17654" t="s">
        <v>10734</v>
      </c>
      <c r="H17654" t="s">
        <v>10735</v>
      </c>
      <c r="I17654" s="2">
        <v>1</v>
      </c>
      <c r="J17654" s="2">
        <v>0</v>
      </c>
      <c r="K17654" s="2">
        <v>0</v>
      </c>
      <c r="L17654" t="s">
        <v>120</v>
      </c>
      <c r="M17654" t="s">
        <v>83</v>
      </c>
      <c r="N17654" t="s">
        <v>84</v>
      </c>
      <c r="O17654" t="s">
        <v>85</v>
      </c>
      <c r="P17654" t="s">
        <v>86</v>
      </c>
      <c r="Q17654">
        <v>12</v>
      </c>
      <c r="R17654">
        <v>12</v>
      </c>
      <c r="S17654">
        <v>12</v>
      </c>
      <c r="T17654">
        <v>13</v>
      </c>
      <c r="U17654">
        <v>13</v>
      </c>
      <c r="V17654">
        <v>13</v>
      </c>
      <c r="W17654">
        <v>13</v>
      </c>
      <c r="X17654">
        <v>13</v>
      </c>
      <c r="Y17654">
        <v>13</v>
      </c>
      <c r="Z17654">
        <v>14</v>
      </c>
      <c r="AA17654">
        <v>14</v>
      </c>
      <c r="AB17654">
        <v>14</v>
      </c>
      <c r="AC17654">
        <v>14</v>
      </c>
      <c r="AD17654">
        <v>14</v>
      </c>
      <c r="AE17654">
        <v>14</v>
      </c>
      <c r="AF17654">
        <v>14</v>
      </c>
      <c r="AG17654">
        <v>15</v>
      </c>
      <c r="AH17654">
        <v>15</v>
      </c>
      <c r="AI17654">
        <v>15</v>
      </c>
      <c r="AJ17654">
        <v>15</v>
      </c>
      <c r="AK17654">
        <v>15</v>
      </c>
      <c r="AL17654">
        <v>15</v>
      </c>
      <c r="AM17654">
        <v>15</v>
      </c>
      <c r="AN17654">
        <v>15</v>
      </c>
      <c r="AO17654">
        <v>15</v>
      </c>
      <c r="AP17654">
        <v>15</v>
      </c>
      <c r="AQ17654">
        <v>15</v>
      </c>
    </row>
    <row r="17655" spans="1:43">
      <c r="A17655" t="s">
        <v>10936</v>
      </c>
      <c r="B17655" t="s">
        <v>10937</v>
      </c>
      <c r="C17655" t="s">
        <v>10934</v>
      </c>
      <c r="D17655" t="s">
        <v>10935</v>
      </c>
      <c r="E17655" t="s">
        <v>10732</v>
      </c>
      <c r="F17655" t="s">
        <v>10733</v>
      </c>
      <c r="G17655" t="s">
        <v>10734</v>
      </c>
      <c r="H17655" t="s">
        <v>10735</v>
      </c>
      <c r="I17655" s="2">
        <v>1</v>
      </c>
      <c r="J17655" s="2">
        <v>0</v>
      </c>
      <c r="K17655" s="2">
        <v>0</v>
      </c>
      <c r="L17655" t="s">
        <v>120</v>
      </c>
      <c r="M17655" t="s">
        <v>87</v>
      </c>
      <c r="N17655" t="s">
        <v>88</v>
      </c>
      <c r="O17655" t="s">
        <v>85</v>
      </c>
      <c r="P17655" t="s">
        <v>86</v>
      </c>
      <c r="Q17655">
        <v>12</v>
      </c>
      <c r="R17655">
        <v>12</v>
      </c>
      <c r="S17655">
        <v>12</v>
      </c>
      <c r="T17655">
        <v>12</v>
      </c>
      <c r="U17655">
        <v>12</v>
      </c>
      <c r="V17655">
        <v>12</v>
      </c>
      <c r="W17655">
        <v>12</v>
      </c>
      <c r="X17655">
        <v>12</v>
      </c>
      <c r="Y17655">
        <v>12</v>
      </c>
      <c r="Z17655">
        <v>12</v>
      </c>
      <c r="AA17655">
        <v>12</v>
      </c>
      <c r="AB17655">
        <v>13</v>
      </c>
      <c r="AC17655">
        <v>13</v>
      </c>
      <c r="AD17655">
        <v>13</v>
      </c>
      <c r="AE17655">
        <v>13</v>
      </c>
      <c r="AF17655">
        <v>13</v>
      </c>
      <c r="AG17655">
        <v>13</v>
      </c>
      <c r="AH17655">
        <v>13</v>
      </c>
      <c r="AI17655">
        <v>13</v>
      </c>
      <c r="AJ17655">
        <v>13</v>
      </c>
      <c r="AK17655">
        <v>13</v>
      </c>
      <c r="AL17655">
        <v>13</v>
      </c>
      <c r="AM17655">
        <v>13</v>
      </c>
      <c r="AN17655">
        <v>13</v>
      </c>
      <c r="AO17655">
        <v>13</v>
      </c>
      <c r="AP17655">
        <v>13</v>
      </c>
      <c r="AQ17655">
        <v>13</v>
      </c>
    </row>
    <row r="17656" spans="1:43">
      <c r="A17656" t="s">
        <v>10936</v>
      </c>
      <c r="B17656" t="s">
        <v>10937</v>
      </c>
      <c r="C17656" t="s">
        <v>10934</v>
      </c>
      <c r="D17656" t="s">
        <v>10935</v>
      </c>
      <c r="E17656" t="s">
        <v>10732</v>
      </c>
      <c r="F17656" t="s">
        <v>10733</v>
      </c>
      <c r="G17656" t="s">
        <v>10734</v>
      </c>
      <c r="H17656" t="s">
        <v>10735</v>
      </c>
      <c r="I17656" s="2">
        <v>1</v>
      </c>
      <c r="J17656" s="2">
        <v>0</v>
      </c>
      <c r="K17656" s="2">
        <v>0</v>
      </c>
      <c r="L17656" t="s">
        <v>120</v>
      </c>
      <c r="M17656" t="s">
        <v>89</v>
      </c>
      <c r="N17656" t="s">
        <v>90</v>
      </c>
      <c r="O17656" t="s">
        <v>85</v>
      </c>
      <c r="P17656" t="s">
        <v>86</v>
      </c>
      <c r="Q17656">
        <v>12</v>
      </c>
      <c r="R17656">
        <v>12</v>
      </c>
      <c r="S17656">
        <v>13</v>
      </c>
      <c r="T17656">
        <v>13</v>
      </c>
      <c r="U17656">
        <v>13</v>
      </c>
      <c r="V17656">
        <v>13</v>
      </c>
      <c r="W17656">
        <v>14</v>
      </c>
      <c r="X17656">
        <v>14</v>
      </c>
      <c r="Y17656">
        <v>14</v>
      </c>
      <c r="Z17656">
        <v>14</v>
      </c>
      <c r="AA17656">
        <v>15</v>
      </c>
      <c r="AB17656">
        <v>15</v>
      </c>
      <c r="AC17656">
        <v>15</v>
      </c>
      <c r="AD17656">
        <v>15</v>
      </c>
      <c r="AE17656">
        <v>15</v>
      </c>
      <c r="AF17656">
        <v>15</v>
      </c>
      <c r="AG17656">
        <v>15</v>
      </c>
      <c r="AH17656">
        <v>15</v>
      </c>
      <c r="AI17656">
        <v>15</v>
      </c>
      <c r="AJ17656">
        <v>15</v>
      </c>
      <c r="AK17656">
        <v>15</v>
      </c>
      <c r="AL17656">
        <v>15</v>
      </c>
      <c r="AM17656">
        <v>15</v>
      </c>
      <c r="AN17656">
        <v>15</v>
      </c>
      <c r="AO17656">
        <v>15</v>
      </c>
      <c r="AP17656">
        <v>15</v>
      </c>
      <c r="AQ17656">
        <v>15</v>
      </c>
    </row>
    <row r="17657" spans="1:43">
      <c r="A17657" t="s">
        <v>10936</v>
      </c>
      <c r="B17657" t="s">
        <v>10937</v>
      </c>
      <c r="C17657" t="s">
        <v>10934</v>
      </c>
      <c r="D17657" t="s">
        <v>10935</v>
      </c>
      <c r="E17657" t="s">
        <v>10732</v>
      </c>
      <c r="F17657" t="s">
        <v>10733</v>
      </c>
      <c r="G17657" t="s">
        <v>10734</v>
      </c>
      <c r="H17657" t="s">
        <v>10735</v>
      </c>
      <c r="I17657" s="2">
        <v>1</v>
      </c>
      <c r="J17657" s="2">
        <v>0</v>
      </c>
      <c r="K17657" s="2">
        <v>0</v>
      </c>
      <c r="L17657" t="s">
        <v>120</v>
      </c>
      <c r="M17657" t="s">
        <v>83</v>
      </c>
      <c r="N17657" t="s">
        <v>91</v>
      </c>
      <c r="O17657" t="s">
        <v>85</v>
      </c>
      <c r="P17657" t="s">
        <v>86</v>
      </c>
      <c r="Q17657">
        <v>12</v>
      </c>
      <c r="R17657">
        <v>12</v>
      </c>
      <c r="S17657">
        <v>12</v>
      </c>
      <c r="T17657">
        <v>13</v>
      </c>
      <c r="U17657">
        <v>13</v>
      </c>
      <c r="V17657">
        <v>13</v>
      </c>
      <c r="W17657">
        <v>13</v>
      </c>
      <c r="X17657">
        <v>13</v>
      </c>
      <c r="Y17657">
        <v>13</v>
      </c>
      <c r="Z17657">
        <v>14</v>
      </c>
      <c r="AA17657">
        <v>14</v>
      </c>
      <c r="AB17657">
        <v>14</v>
      </c>
      <c r="AC17657">
        <v>14</v>
      </c>
      <c r="AD17657">
        <v>14</v>
      </c>
      <c r="AE17657">
        <v>14</v>
      </c>
      <c r="AF17657">
        <v>14</v>
      </c>
      <c r="AG17657">
        <v>15</v>
      </c>
      <c r="AH17657">
        <v>15</v>
      </c>
      <c r="AI17657">
        <v>15</v>
      </c>
      <c r="AJ17657">
        <v>15</v>
      </c>
      <c r="AK17657">
        <v>15</v>
      </c>
      <c r="AL17657">
        <v>15</v>
      </c>
      <c r="AM17657">
        <v>15</v>
      </c>
      <c r="AN17657">
        <v>15</v>
      </c>
      <c r="AO17657">
        <v>15</v>
      </c>
      <c r="AP17657">
        <v>15</v>
      </c>
      <c r="AQ17657">
        <v>15</v>
      </c>
    </row>
    <row r="17658" spans="1:43">
      <c r="A17658" t="s">
        <v>10938</v>
      </c>
      <c r="B17658" t="s">
        <v>10939</v>
      </c>
      <c r="C17658" t="s">
        <v>10934</v>
      </c>
      <c r="D17658" t="s">
        <v>10935</v>
      </c>
      <c r="E17658" t="s">
        <v>10732</v>
      </c>
      <c r="F17658" t="s">
        <v>10733</v>
      </c>
      <c r="G17658" t="s">
        <v>10734</v>
      </c>
      <c r="H17658" t="s">
        <v>10735</v>
      </c>
      <c r="I17658" s="2">
        <v>1</v>
      </c>
      <c r="J17658" s="2">
        <v>0</v>
      </c>
      <c r="K17658" s="2">
        <v>0</v>
      </c>
      <c r="L17658" t="s">
        <v>120</v>
      </c>
      <c r="M17658" t="s">
        <v>83</v>
      </c>
      <c r="N17658" t="s">
        <v>84</v>
      </c>
      <c r="O17658" t="s">
        <v>85</v>
      </c>
      <c r="P17658" t="s">
        <v>86</v>
      </c>
      <c r="Q17658">
        <v>0</v>
      </c>
      <c r="R17658">
        <v>0</v>
      </c>
      <c r="S17658">
        <v>0</v>
      </c>
      <c r="T17658">
        <v>0</v>
      </c>
      <c r="U17658">
        <v>0</v>
      </c>
      <c r="V17658">
        <v>0</v>
      </c>
      <c r="W17658">
        <v>0</v>
      </c>
      <c r="X17658">
        <v>0</v>
      </c>
      <c r="Y17658">
        <v>0</v>
      </c>
      <c r="Z17658">
        <v>0</v>
      </c>
      <c r="AA17658">
        <v>0</v>
      </c>
      <c r="AB17658">
        <v>0</v>
      </c>
      <c r="AC17658">
        <v>0</v>
      </c>
      <c r="AD17658">
        <v>0</v>
      </c>
      <c r="AE17658">
        <v>0</v>
      </c>
      <c r="AF17658">
        <v>0</v>
      </c>
      <c r="AG17658">
        <v>0</v>
      </c>
      <c r="AH17658">
        <v>0</v>
      </c>
      <c r="AI17658">
        <v>0</v>
      </c>
      <c r="AJ17658">
        <v>0</v>
      </c>
      <c r="AK17658">
        <v>0</v>
      </c>
      <c r="AL17658">
        <v>0</v>
      </c>
      <c r="AM17658">
        <v>0</v>
      </c>
      <c r="AN17658">
        <v>0</v>
      </c>
      <c r="AO17658">
        <v>0</v>
      </c>
      <c r="AP17658">
        <v>0</v>
      </c>
      <c r="AQ17658">
        <v>0</v>
      </c>
    </row>
    <row r="17659" spans="1:43">
      <c r="A17659" t="s">
        <v>10938</v>
      </c>
      <c r="B17659" t="s">
        <v>10939</v>
      </c>
      <c r="C17659" t="s">
        <v>10934</v>
      </c>
      <c r="D17659" t="s">
        <v>10935</v>
      </c>
      <c r="E17659" t="s">
        <v>10732</v>
      </c>
      <c r="F17659" t="s">
        <v>10733</v>
      </c>
      <c r="G17659" t="s">
        <v>10734</v>
      </c>
      <c r="H17659" t="s">
        <v>10735</v>
      </c>
      <c r="I17659" s="2">
        <v>1</v>
      </c>
      <c r="J17659" s="2">
        <v>0</v>
      </c>
      <c r="K17659" s="2">
        <v>0</v>
      </c>
      <c r="L17659" t="s">
        <v>120</v>
      </c>
      <c r="M17659" t="s">
        <v>87</v>
      </c>
      <c r="N17659" t="s">
        <v>88</v>
      </c>
      <c r="O17659" t="s">
        <v>85</v>
      </c>
      <c r="P17659" t="s">
        <v>86</v>
      </c>
      <c r="Q17659">
        <v>0</v>
      </c>
      <c r="R17659">
        <v>0</v>
      </c>
      <c r="S17659">
        <v>0</v>
      </c>
      <c r="T17659">
        <v>0</v>
      </c>
      <c r="U17659">
        <v>0</v>
      </c>
      <c r="V17659">
        <v>0</v>
      </c>
      <c r="W17659">
        <v>0</v>
      </c>
      <c r="X17659">
        <v>0</v>
      </c>
      <c r="Y17659">
        <v>0</v>
      </c>
      <c r="Z17659">
        <v>0</v>
      </c>
      <c r="AA17659">
        <v>0</v>
      </c>
      <c r="AB17659">
        <v>0</v>
      </c>
      <c r="AC17659">
        <v>0</v>
      </c>
      <c r="AD17659">
        <v>0</v>
      </c>
      <c r="AE17659">
        <v>0</v>
      </c>
      <c r="AF17659">
        <v>0</v>
      </c>
      <c r="AG17659">
        <v>0</v>
      </c>
      <c r="AH17659">
        <v>0</v>
      </c>
      <c r="AI17659">
        <v>0</v>
      </c>
      <c r="AJ17659">
        <v>0</v>
      </c>
      <c r="AK17659">
        <v>0</v>
      </c>
      <c r="AL17659">
        <v>0</v>
      </c>
      <c r="AM17659">
        <v>0</v>
      </c>
      <c r="AN17659">
        <v>0</v>
      </c>
      <c r="AO17659">
        <v>0</v>
      </c>
      <c r="AP17659">
        <v>0</v>
      </c>
      <c r="AQ17659">
        <v>0</v>
      </c>
    </row>
    <row r="17660" spans="1:43">
      <c r="A17660" t="s">
        <v>10938</v>
      </c>
      <c r="B17660" t="s">
        <v>10939</v>
      </c>
      <c r="C17660" t="s">
        <v>10934</v>
      </c>
      <c r="D17660" t="s">
        <v>10935</v>
      </c>
      <c r="E17660" t="s">
        <v>10732</v>
      </c>
      <c r="F17660" t="s">
        <v>10733</v>
      </c>
      <c r="G17660" t="s">
        <v>10734</v>
      </c>
      <c r="H17660" t="s">
        <v>10735</v>
      </c>
      <c r="I17660" s="2">
        <v>1</v>
      </c>
      <c r="J17660" s="2">
        <v>0</v>
      </c>
      <c r="K17660" s="2">
        <v>0</v>
      </c>
      <c r="L17660" t="s">
        <v>120</v>
      </c>
      <c r="M17660" t="s">
        <v>89</v>
      </c>
      <c r="N17660" t="s">
        <v>90</v>
      </c>
      <c r="O17660" t="s">
        <v>85</v>
      </c>
      <c r="P17660" t="s">
        <v>86</v>
      </c>
      <c r="Q17660">
        <v>0</v>
      </c>
      <c r="R17660">
        <v>0</v>
      </c>
      <c r="S17660">
        <v>0</v>
      </c>
      <c r="T17660">
        <v>0</v>
      </c>
      <c r="U17660">
        <v>0</v>
      </c>
      <c r="V17660">
        <v>0</v>
      </c>
      <c r="W17660">
        <v>0</v>
      </c>
      <c r="X17660">
        <v>0</v>
      </c>
      <c r="Y17660">
        <v>0</v>
      </c>
      <c r="Z17660">
        <v>0</v>
      </c>
      <c r="AA17660">
        <v>0</v>
      </c>
      <c r="AB17660">
        <v>0</v>
      </c>
      <c r="AC17660">
        <v>0</v>
      </c>
      <c r="AD17660">
        <v>0</v>
      </c>
      <c r="AE17660">
        <v>0</v>
      </c>
      <c r="AF17660">
        <v>0</v>
      </c>
      <c r="AG17660">
        <v>0</v>
      </c>
      <c r="AH17660">
        <v>0</v>
      </c>
      <c r="AI17660">
        <v>0</v>
      </c>
      <c r="AJ17660">
        <v>0</v>
      </c>
      <c r="AK17660">
        <v>0</v>
      </c>
      <c r="AL17660">
        <v>0</v>
      </c>
      <c r="AM17660">
        <v>0</v>
      </c>
      <c r="AN17660">
        <v>0</v>
      </c>
      <c r="AO17660">
        <v>0</v>
      </c>
      <c r="AP17660">
        <v>0</v>
      </c>
      <c r="AQ17660">
        <v>0</v>
      </c>
    </row>
    <row r="17661" spans="1:43">
      <c r="A17661" t="s">
        <v>10938</v>
      </c>
      <c r="B17661" t="s">
        <v>10939</v>
      </c>
      <c r="C17661" t="s">
        <v>10934</v>
      </c>
      <c r="D17661" t="s">
        <v>10935</v>
      </c>
      <c r="E17661" t="s">
        <v>10732</v>
      </c>
      <c r="F17661" t="s">
        <v>10733</v>
      </c>
      <c r="G17661" t="s">
        <v>10734</v>
      </c>
      <c r="H17661" t="s">
        <v>10735</v>
      </c>
      <c r="I17661" s="2">
        <v>1</v>
      </c>
      <c r="J17661" s="2">
        <v>0</v>
      </c>
      <c r="K17661" s="2">
        <v>0</v>
      </c>
      <c r="L17661" t="s">
        <v>120</v>
      </c>
      <c r="M17661" t="s">
        <v>83</v>
      </c>
      <c r="N17661" t="s">
        <v>91</v>
      </c>
      <c r="O17661" t="s">
        <v>85</v>
      </c>
      <c r="P17661" t="s">
        <v>86</v>
      </c>
      <c r="Q17661">
        <v>0</v>
      </c>
      <c r="R17661">
        <v>0</v>
      </c>
      <c r="S17661">
        <v>0</v>
      </c>
      <c r="T17661">
        <v>0</v>
      </c>
      <c r="U17661">
        <v>0</v>
      </c>
      <c r="V17661">
        <v>0</v>
      </c>
      <c r="W17661">
        <v>0</v>
      </c>
      <c r="X17661">
        <v>0</v>
      </c>
      <c r="Y17661">
        <v>0</v>
      </c>
      <c r="Z17661">
        <v>0</v>
      </c>
      <c r="AA17661">
        <v>0</v>
      </c>
      <c r="AB17661">
        <v>0</v>
      </c>
      <c r="AC17661">
        <v>0</v>
      </c>
      <c r="AD17661">
        <v>0</v>
      </c>
      <c r="AE17661">
        <v>0</v>
      </c>
      <c r="AF17661">
        <v>0</v>
      </c>
      <c r="AG17661">
        <v>0</v>
      </c>
      <c r="AH17661">
        <v>0</v>
      </c>
      <c r="AI17661">
        <v>0</v>
      </c>
      <c r="AJ17661">
        <v>0</v>
      </c>
      <c r="AK17661">
        <v>0</v>
      </c>
      <c r="AL17661">
        <v>0</v>
      </c>
      <c r="AM17661">
        <v>0</v>
      </c>
      <c r="AN17661">
        <v>0</v>
      </c>
      <c r="AO17661">
        <v>0</v>
      </c>
      <c r="AP17661">
        <v>0</v>
      </c>
      <c r="AQ17661">
        <v>0</v>
      </c>
    </row>
    <row r="17662" spans="1:43">
      <c r="A17662" t="s">
        <v>10940</v>
      </c>
      <c r="B17662" t="s">
        <v>10941</v>
      </c>
      <c r="C17662" t="s">
        <v>10934</v>
      </c>
      <c r="D17662" t="s">
        <v>10935</v>
      </c>
      <c r="E17662" t="s">
        <v>10732</v>
      </c>
      <c r="F17662" t="s">
        <v>10733</v>
      </c>
      <c r="G17662" t="s">
        <v>10734</v>
      </c>
      <c r="H17662" t="s">
        <v>10735</v>
      </c>
      <c r="I17662" s="2">
        <v>1</v>
      </c>
      <c r="J17662" s="2">
        <v>0</v>
      </c>
      <c r="K17662" s="2">
        <v>0</v>
      </c>
      <c r="L17662" t="s">
        <v>120</v>
      </c>
      <c r="M17662" t="s">
        <v>83</v>
      </c>
      <c r="N17662" t="s">
        <v>84</v>
      </c>
      <c r="O17662" t="s">
        <v>85</v>
      </c>
      <c r="P17662" t="s">
        <v>86</v>
      </c>
      <c r="Q17662">
        <v>24</v>
      </c>
      <c r="R17662">
        <v>24</v>
      </c>
      <c r="S17662">
        <v>25</v>
      </c>
      <c r="T17662">
        <v>25</v>
      </c>
      <c r="U17662">
        <v>25</v>
      </c>
      <c r="V17662">
        <v>26</v>
      </c>
      <c r="W17662">
        <v>26</v>
      </c>
      <c r="X17662">
        <v>26</v>
      </c>
      <c r="Y17662">
        <v>27</v>
      </c>
      <c r="Z17662">
        <v>27</v>
      </c>
      <c r="AA17662">
        <v>27</v>
      </c>
      <c r="AB17662">
        <v>28</v>
      </c>
      <c r="AC17662">
        <v>28</v>
      </c>
      <c r="AD17662">
        <v>28</v>
      </c>
      <c r="AE17662">
        <v>28</v>
      </c>
      <c r="AF17662">
        <v>29</v>
      </c>
      <c r="AG17662">
        <v>29</v>
      </c>
      <c r="AH17662">
        <v>29</v>
      </c>
      <c r="AI17662">
        <v>30</v>
      </c>
      <c r="AJ17662">
        <v>30</v>
      </c>
      <c r="AK17662">
        <v>30</v>
      </c>
      <c r="AL17662">
        <v>30</v>
      </c>
      <c r="AM17662">
        <v>30</v>
      </c>
      <c r="AN17662">
        <v>30</v>
      </c>
      <c r="AO17662">
        <v>30</v>
      </c>
      <c r="AP17662">
        <v>30</v>
      </c>
      <c r="AQ17662">
        <v>30</v>
      </c>
    </row>
    <row r="17663" spans="1:43">
      <c r="A17663" t="s">
        <v>10940</v>
      </c>
      <c r="B17663" t="s">
        <v>10941</v>
      </c>
      <c r="C17663" t="s">
        <v>10934</v>
      </c>
      <c r="D17663" t="s">
        <v>10935</v>
      </c>
      <c r="E17663" t="s">
        <v>10732</v>
      </c>
      <c r="F17663" t="s">
        <v>10733</v>
      </c>
      <c r="G17663" t="s">
        <v>10734</v>
      </c>
      <c r="H17663" t="s">
        <v>10735</v>
      </c>
      <c r="I17663" s="2">
        <v>1</v>
      </c>
      <c r="J17663" s="2">
        <v>0</v>
      </c>
      <c r="K17663" s="2">
        <v>0</v>
      </c>
      <c r="L17663" t="s">
        <v>120</v>
      </c>
      <c r="M17663" t="s">
        <v>87</v>
      </c>
      <c r="N17663" t="s">
        <v>88</v>
      </c>
      <c r="O17663" t="s">
        <v>85</v>
      </c>
      <c r="P17663" t="s">
        <v>86</v>
      </c>
      <c r="Q17663">
        <v>24</v>
      </c>
      <c r="R17663">
        <v>24</v>
      </c>
      <c r="S17663">
        <v>24</v>
      </c>
      <c r="T17663">
        <v>24</v>
      </c>
      <c r="U17663">
        <v>24</v>
      </c>
      <c r="V17663">
        <v>24</v>
      </c>
      <c r="W17663">
        <v>24</v>
      </c>
      <c r="X17663">
        <v>25</v>
      </c>
      <c r="Y17663">
        <v>25</v>
      </c>
      <c r="Z17663">
        <v>25</v>
      </c>
      <c r="AA17663">
        <v>25</v>
      </c>
      <c r="AB17663">
        <v>25</v>
      </c>
      <c r="AC17663">
        <v>25</v>
      </c>
      <c r="AD17663">
        <v>25</v>
      </c>
      <c r="AE17663">
        <v>25</v>
      </c>
      <c r="AF17663">
        <v>25</v>
      </c>
      <c r="AG17663">
        <v>26</v>
      </c>
      <c r="AH17663">
        <v>26</v>
      </c>
      <c r="AI17663">
        <v>26</v>
      </c>
      <c r="AJ17663">
        <v>26</v>
      </c>
      <c r="AK17663">
        <v>26</v>
      </c>
      <c r="AL17663">
        <v>26</v>
      </c>
      <c r="AM17663">
        <v>26</v>
      </c>
      <c r="AN17663">
        <v>26</v>
      </c>
      <c r="AO17663">
        <v>26</v>
      </c>
      <c r="AP17663">
        <v>26</v>
      </c>
      <c r="AQ17663">
        <v>27</v>
      </c>
    </row>
    <row r="17664" spans="1:43">
      <c r="A17664" t="s">
        <v>10940</v>
      </c>
      <c r="B17664" t="s">
        <v>10941</v>
      </c>
      <c r="C17664" t="s">
        <v>10934</v>
      </c>
      <c r="D17664" t="s">
        <v>10935</v>
      </c>
      <c r="E17664" t="s">
        <v>10732</v>
      </c>
      <c r="F17664" t="s">
        <v>10733</v>
      </c>
      <c r="G17664" t="s">
        <v>10734</v>
      </c>
      <c r="H17664" t="s">
        <v>10735</v>
      </c>
      <c r="I17664" s="2">
        <v>1</v>
      </c>
      <c r="J17664" s="2">
        <v>0</v>
      </c>
      <c r="K17664" s="2">
        <v>0</v>
      </c>
      <c r="L17664" t="s">
        <v>120</v>
      </c>
      <c r="M17664" t="s">
        <v>89</v>
      </c>
      <c r="N17664" t="s">
        <v>90</v>
      </c>
      <c r="O17664" t="s">
        <v>85</v>
      </c>
      <c r="P17664" t="s">
        <v>86</v>
      </c>
      <c r="Q17664">
        <v>24</v>
      </c>
      <c r="R17664">
        <v>25</v>
      </c>
      <c r="S17664">
        <v>25</v>
      </c>
      <c r="T17664">
        <v>26</v>
      </c>
      <c r="U17664">
        <v>26</v>
      </c>
      <c r="V17664">
        <v>27</v>
      </c>
      <c r="W17664">
        <v>27</v>
      </c>
      <c r="X17664">
        <v>28</v>
      </c>
      <c r="Y17664">
        <v>28</v>
      </c>
      <c r="Z17664">
        <v>29</v>
      </c>
      <c r="AA17664">
        <v>29</v>
      </c>
      <c r="AB17664">
        <v>29</v>
      </c>
      <c r="AC17664">
        <v>30</v>
      </c>
      <c r="AD17664">
        <v>30</v>
      </c>
      <c r="AE17664">
        <v>30</v>
      </c>
      <c r="AF17664">
        <v>30</v>
      </c>
      <c r="AG17664">
        <v>31</v>
      </c>
      <c r="AH17664">
        <v>31</v>
      </c>
      <c r="AI17664">
        <v>31</v>
      </c>
      <c r="AJ17664">
        <v>31</v>
      </c>
      <c r="AK17664">
        <v>31</v>
      </c>
      <c r="AL17664">
        <v>31</v>
      </c>
      <c r="AM17664">
        <v>31</v>
      </c>
      <c r="AN17664">
        <v>31</v>
      </c>
      <c r="AO17664">
        <v>31</v>
      </c>
      <c r="AP17664">
        <v>31</v>
      </c>
      <c r="AQ17664">
        <v>31</v>
      </c>
    </row>
    <row r="17665" spans="1:43">
      <c r="A17665" t="s">
        <v>10940</v>
      </c>
      <c r="B17665" t="s">
        <v>10941</v>
      </c>
      <c r="C17665" t="s">
        <v>10934</v>
      </c>
      <c r="D17665" t="s">
        <v>10935</v>
      </c>
      <c r="E17665" t="s">
        <v>10732</v>
      </c>
      <c r="F17665" t="s">
        <v>10733</v>
      </c>
      <c r="G17665" t="s">
        <v>10734</v>
      </c>
      <c r="H17665" t="s">
        <v>10735</v>
      </c>
      <c r="I17665" s="2">
        <v>1</v>
      </c>
      <c r="J17665" s="2">
        <v>0</v>
      </c>
      <c r="K17665" s="2">
        <v>0</v>
      </c>
      <c r="L17665" t="s">
        <v>120</v>
      </c>
      <c r="M17665" t="s">
        <v>83</v>
      </c>
      <c r="N17665" t="s">
        <v>91</v>
      </c>
      <c r="O17665" t="s">
        <v>85</v>
      </c>
      <c r="P17665" t="s">
        <v>86</v>
      </c>
      <c r="Q17665">
        <v>24</v>
      </c>
      <c r="R17665">
        <v>24</v>
      </c>
      <c r="S17665">
        <v>25</v>
      </c>
      <c r="T17665">
        <v>25</v>
      </c>
      <c r="U17665">
        <v>25</v>
      </c>
      <c r="V17665">
        <v>26</v>
      </c>
      <c r="W17665">
        <v>26</v>
      </c>
      <c r="X17665">
        <v>26</v>
      </c>
      <c r="Y17665">
        <v>27</v>
      </c>
      <c r="Z17665">
        <v>27</v>
      </c>
      <c r="AA17665">
        <v>27</v>
      </c>
      <c r="AB17665">
        <v>28</v>
      </c>
      <c r="AC17665">
        <v>28</v>
      </c>
      <c r="AD17665">
        <v>28</v>
      </c>
      <c r="AE17665">
        <v>28</v>
      </c>
      <c r="AF17665">
        <v>29</v>
      </c>
      <c r="AG17665">
        <v>29</v>
      </c>
      <c r="AH17665">
        <v>29</v>
      </c>
      <c r="AI17665">
        <v>30</v>
      </c>
      <c r="AJ17665">
        <v>30</v>
      </c>
      <c r="AK17665">
        <v>30</v>
      </c>
      <c r="AL17665">
        <v>30</v>
      </c>
      <c r="AM17665">
        <v>30</v>
      </c>
      <c r="AN17665">
        <v>30</v>
      </c>
      <c r="AO17665">
        <v>30</v>
      </c>
      <c r="AP17665">
        <v>30</v>
      </c>
      <c r="AQ17665">
        <v>30</v>
      </c>
    </row>
    <row r="17666" spans="1:43">
      <c r="A17666" t="s">
        <v>10942</v>
      </c>
      <c r="B17666" t="s">
        <v>10943</v>
      </c>
      <c r="C17666" t="s">
        <v>10934</v>
      </c>
      <c r="D17666" t="s">
        <v>10935</v>
      </c>
      <c r="E17666" t="s">
        <v>10732</v>
      </c>
      <c r="F17666" t="s">
        <v>10733</v>
      </c>
      <c r="G17666" t="s">
        <v>10734</v>
      </c>
      <c r="H17666" t="s">
        <v>10735</v>
      </c>
      <c r="I17666" s="2">
        <v>1</v>
      </c>
      <c r="J17666" s="2">
        <v>0</v>
      </c>
      <c r="K17666" s="2">
        <v>0</v>
      </c>
      <c r="L17666" t="s">
        <v>120</v>
      </c>
      <c r="M17666" t="s">
        <v>83</v>
      </c>
      <c r="N17666" t="s">
        <v>84</v>
      </c>
      <c r="O17666" t="s">
        <v>85</v>
      </c>
      <c r="P17666" t="s">
        <v>86</v>
      </c>
      <c r="Q17666">
        <v>10</v>
      </c>
      <c r="R17666">
        <v>10</v>
      </c>
      <c r="S17666">
        <v>10</v>
      </c>
      <c r="T17666">
        <v>10</v>
      </c>
      <c r="U17666">
        <v>11</v>
      </c>
      <c r="V17666">
        <v>11</v>
      </c>
      <c r="W17666">
        <v>11</v>
      </c>
      <c r="X17666">
        <v>11</v>
      </c>
      <c r="Y17666">
        <v>11</v>
      </c>
      <c r="Z17666">
        <v>11</v>
      </c>
      <c r="AA17666">
        <v>11</v>
      </c>
      <c r="AB17666">
        <v>11</v>
      </c>
      <c r="AC17666">
        <v>12</v>
      </c>
      <c r="AD17666">
        <v>12</v>
      </c>
      <c r="AE17666">
        <v>12</v>
      </c>
      <c r="AF17666">
        <v>12</v>
      </c>
      <c r="AG17666">
        <v>12</v>
      </c>
      <c r="AH17666">
        <v>12</v>
      </c>
      <c r="AI17666">
        <v>12</v>
      </c>
      <c r="AJ17666">
        <v>12</v>
      </c>
      <c r="AK17666">
        <v>13</v>
      </c>
      <c r="AL17666">
        <v>13</v>
      </c>
      <c r="AM17666">
        <v>13</v>
      </c>
      <c r="AN17666">
        <v>13</v>
      </c>
      <c r="AO17666">
        <v>13</v>
      </c>
      <c r="AP17666">
        <v>13</v>
      </c>
      <c r="AQ17666">
        <v>13</v>
      </c>
    </row>
    <row r="17667" spans="1:43">
      <c r="A17667" t="s">
        <v>10942</v>
      </c>
      <c r="B17667" t="s">
        <v>10943</v>
      </c>
      <c r="C17667" t="s">
        <v>10934</v>
      </c>
      <c r="D17667" t="s">
        <v>10935</v>
      </c>
      <c r="E17667" t="s">
        <v>10732</v>
      </c>
      <c r="F17667" t="s">
        <v>10733</v>
      </c>
      <c r="G17667" t="s">
        <v>10734</v>
      </c>
      <c r="H17667" t="s">
        <v>10735</v>
      </c>
      <c r="I17667" s="2">
        <v>1</v>
      </c>
      <c r="J17667" s="2">
        <v>0</v>
      </c>
      <c r="K17667" s="2">
        <v>0</v>
      </c>
      <c r="L17667" t="s">
        <v>120</v>
      </c>
      <c r="M17667" t="s">
        <v>87</v>
      </c>
      <c r="N17667" t="s">
        <v>88</v>
      </c>
      <c r="O17667" t="s">
        <v>85</v>
      </c>
      <c r="P17667" t="s">
        <v>86</v>
      </c>
      <c r="Q17667">
        <v>10</v>
      </c>
      <c r="R17667">
        <v>10</v>
      </c>
      <c r="S17667">
        <v>10</v>
      </c>
      <c r="T17667">
        <v>10</v>
      </c>
      <c r="U17667">
        <v>10</v>
      </c>
      <c r="V17667">
        <v>10</v>
      </c>
      <c r="W17667">
        <v>10</v>
      </c>
      <c r="X17667">
        <v>10</v>
      </c>
      <c r="Y17667">
        <v>10</v>
      </c>
      <c r="Z17667">
        <v>10</v>
      </c>
      <c r="AA17667">
        <v>10</v>
      </c>
      <c r="AB17667">
        <v>10</v>
      </c>
      <c r="AC17667">
        <v>10</v>
      </c>
      <c r="AD17667">
        <v>10</v>
      </c>
      <c r="AE17667">
        <v>11</v>
      </c>
      <c r="AF17667">
        <v>11</v>
      </c>
      <c r="AG17667">
        <v>11</v>
      </c>
      <c r="AH17667">
        <v>11</v>
      </c>
      <c r="AI17667">
        <v>11</v>
      </c>
      <c r="AJ17667">
        <v>11</v>
      </c>
      <c r="AK17667">
        <v>11</v>
      </c>
      <c r="AL17667">
        <v>11</v>
      </c>
      <c r="AM17667">
        <v>11</v>
      </c>
      <c r="AN17667">
        <v>11</v>
      </c>
      <c r="AO17667">
        <v>11</v>
      </c>
      <c r="AP17667">
        <v>11</v>
      </c>
      <c r="AQ17667">
        <v>11</v>
      </c>
    </row>
    <row r="17668" spans="1:43">
      <c r="A17668" t="s">
        <v>10942</v>
      </c>
      <c r="B17668" t="s">
        <v>10943</v>
      </c>
      <c r="C17668" t="s">
        <v>10934</v>
      </c>
      <c r="D17668" t="s">
        <v>10935</v>
      </c>
      <c r="E17668" t="s">
        <v>10732</v>
      </c>
      <c r="F17668" t="s">
        <v>10733</v>
      </c>
      <c r="G17668" t="s">
        <v>10734</v>
      </c>
      <c r="H17668" t="s">
        <v>10735</v>
      </c>
      <c r="I17668" s="2">
        <v>1</v>
      </c>
      <c r="J17668" s="2">
        <v>0</v>
      </c>
      <c r="K17668" s="2">
        <v>0</v>
      </c>
      <c r="L17668" t="s">
        <v>120</v>
      </c>
      <c r="M17668" t="s">
        <v>89</v>
      </c>
      <c r="N17668" t="s">
        <v>90</v>
      </c>
      <c r="O17668" t="s">
        <v>85</v>
      </c>
      <c r="P17668" t="s">
        <v>86</v>
      </c>
      <c r="Q17668">
        <v>10</v>
      </c>
      <c r="R17668">
        <v>10</v>
      </c>
      <c r="S17668">
        <v>11</v>
      </c>
      <c r="T17668">
        <v>11</v>
      </c>
      <c r="U17668">
        <v>11</v>
      </c>
      <c r="V17668">
        <v>11</v>
      </c>
      <c r="W17668">
        <v>11</v>
      </c>
      <c r="X17668">
        <v>12</v>
      </c>
      <c r="Y17668">
        <v>12</v>
      </c>
      <c r="Z17668">
        <v>12</v>
      </c>
      <c r="AA17668">
        <v>12</v>
      </c>
      <c r="AB17668">
        <v>12</v>
      </c>
      <c r="AC17668">
        <v>12</v>
      </c>
      <c r="AD17668">
        <v>13</v>
      </c>
      <c r="AE17668">
        <v>13</v>
      </c>
      <c r="AF17668">
        <v>13</v>
      </c>
      <c r="AG17668">
        <v>13</v>
      </c>
      <c r="AH17668">
        <v>13</v>
      </c>
      <c r="AI17668">
        <v>13</v>
      </c>
      <c r="AJ17668">
        <v>13</v>
      </c>
      <c r="AK17668">
        <v>13</v>
      </c>
      <c r="AL17668">
        <v>13</v>
      </c>
      <c r="AM17668">
        <v>13</v>
      </c>
      <c r="AN17668">
        <v>13</v>
      </c>
      <c r="AO17668">
        <v>13</v>
      </c>
      <c r="AP17668">
        <v>13</v>
      </c>
      <c r="AQ17668">
        <v>13</v>
      </c>
    </row>
    <row r="17669" spans="1:43">
      <c r="A17669" t="s">
        <v>10942</v>
      </c>
      <c r="B17669" t="s">
        <v>10943</v>
      </c>
      <c r="C17669" t="s">
        <v>10934</v>
      </c>
      <c r="D17669" t="s">
        <v>10935</v>
      </c>
      <c r="E17669" t="s">
        <v>10732</v>
      </c>
      <c r="F17669" t="s">
        <v>10733</v>
      </c>
      <c r="G17669" t="s">
        <v>10734</v>
      </c>
      <c r="H17669" t="s">
        <v>10735</v>
      </c>
      <c r="I17669" s="2">
        <v>1</v>
      </c>
      <c r="J17669" s="2">
        <v>0</v>
      </c>
      <c r="K17669" s="2">
        <v>0</v>
      </c>
      <c r="L17669" t="s">
        <v>120</v>
      </c>
      <c r="M17669" t="s">
        <v>83</v>
      </c>
      <c r="N17669" t="s">
        <v>91</v>
      </c>
      <c r="O17669" t="s">
        <v>85</v>
      </c>
      <c r="P17669" t="s">
        <v>86</v>
      </c>
      <c r="Q17669">
        <v>10</v>
      </c>
      <c r="R17669">
        <v>10</v>
      </c>
      <c r="S17669">
        <v>10</v>
      </c>
      <c r="T17669">
        <v>10</v>
      </c>
      <c r="U17669">
        <v>11</v>
      </c>
      <c r="V17669">
        <v>11</v>
      </c>
      <c r="W17669">
        <v>11</v>
      </c>
      <c r="X17669">
        <v>11</v>
      </c>
      <c r="Y17669">
        <v>11</v>
      </c>
      <c r="Z17669">
        <v>11</v>
      </c>
      <c r="AA17669">
        <v>11</v>
      </c>
      <c r="AB17669">
        <v>11</v>
      </c>
      <c r="AC17669">
        <v>12</v>
      </c>
      <c r="AD17669">
        <v>12</v>
      </c>
      <c r="AE17669">
        <v>12</v>
      </c>
      <c r="AF17669">
        <v>12</v>
      </c>
      <c r="AG17669">
        <v>12</v>
      </c>
      <c r="AH17669">
        <v>12</v>
      </c>
      <c r="AI17669">
        <v>12</v>
      </c>
      <c r="AJ17669">
        <v>12</v>
      </c>
      <c r="AK17669">
        <v>13</v>
      </c>
      <c r="AL17669">
        <v>13</v>
      </c>
      <c r="AM17669">
        <v>13</v>
      </c>
      <c r="AN17669">
        <v>13</v>
      </c>
      <c r="AO17669">
        <v>13</v>
      </c>
      <c r="AP17669">
        <v>13</v>
      </c>
      <c r="AQ17669">
        <v>13</v>
      </c>
    </row>
    <row r="17670" spans="1:43">
      <c r="A17670" t="s">
        <v>10944</v>
      </c>
      <c r="B17670" t="s">
        <v>10945</v>
      </c>
      <c r="C17670" t="s">
        <v>10934</v>
      </c>
      <c r="D17670" t="s">
        <v>10935</v>
      </c>
      <c r="E17670" t="s">
        <v>10732</v>
      </c>
      <c r="F17670" t="s">
        <v>10733</v>
      </c>
      <c r="G17670" t="s">
        <v>10734</v>
      </c>
      <c r="H17670" t="s">
        <v>10735</v>
      </c>
      <c r="I17670" s="2">
        <v>1</v>
      </c>
      <c r="J17670" s="2">
        <v>0</v>
      </c>
      <c r="K17670" s="2">
        <v>0</v>
      </c>
      <c r="L17670" t="s">
        <v>120</v>
      </c>
      <c r="M17670" t="s">
        <v>83</v>
      </c>
      <c r="N17670" t="s">
        <v>84</v>
      </c>
      <c r="O17670" t="s">
        <v>85</v>
      </c>
      <c r="P17670" t="s">
        <v>86</v>
      </c>
      <c r="Q17670">
        <v>0</v>
      </c>
      <c r="R17670">
        <v>0</v>
      </c>
      <c r="S17670">
        <v>0</v>
      </c>
      <c r="T17670">
        <v>0</v>
      </c>
      <c r="U17670">
        <v>0</v>
      </c>
      <c r="V17670">
        <v>0</v>
      </c>
      <c r="W17670">
        <v>0</v>
      </c>
      <c r="X17670">
        <v>0</v>
      </c>
      <c r="Y17670">
        <v>0</v>
      </c>
      <c r="Z17670">
        <v>0</v>
      </c>
      <c r="AA17670">
        <v>0</v>
      </c>
      <c r="AB17670">
        <v>0</v>
      </c>
      <c r="AC17670">
        <v>0</v>
      </c>
      <c r="AD17670">
        <v>0</v>
      </c>
      <c r="AE17670">
        <v>0</v>
      </c>
      <c r="AF17670">
        <v>0</v>
      </c>
      <c r="AG17670">
        <v>0</v>
      </c>
      <c r="AH17670">
        <v>0</v>
      </c>
      <c r="AI17670">
        <v>0</v>
      </c>
      <c r="AJ17670">
        <v>0</v>
      </c>
      <c r="AK17670">
        <v>0</v>
      </c>
      <c r="AL17670">
        <v>0</v>
      </c>
      <c r="AM17670">
        <v>0</v>
      </c>
      <c r="AN17670">
        <v>0</v>
      </c>
      <c r="AO17670">
        <v>0</v>
      </c>
      <c r="AP17670">
        <v>0</v>
      </c>
      <c r="AQ17670">
        <v>0</v>
      </c>
    </row>
    <row r="17671" spans="1:43">
      <c r="A17671" t="s">
        <v>10944</v>
      </c>
      <c r="B17671" t="s">
        <v>10945</v>
      </c>
      <c r="C17671" t="s">
        <v>10934</v>
      </c>
      <c r="D17671" t="s">
        <v>10935</v>
      </c>
      <c r="E17671" t="s">
        <v>10732</v>
      </c>
      <c r="F17671" t="s">
        <v>10733</v>
      </c>
      <c r="G17671" t="s">
        <v>10734</v>
      </c>
      <c r="H17671" t="s">
        <v>10735</v>
      </c>
      <c r="I17671" s="2">
        <v>1</v>
      </c>
      <c r="J17671" s="2">
        <v>0</v>
      </c>
      <c r="K17671" s="2">
        <v>0</v>
      </c>
      <c r="L17671" t="s">
        <v>120</v>
      </c>
      <c r="M17671" t="s">
        <v>87</v>
      </c>
      <c r="N17671" t="s">
        <v>88</v>
      </c>
      <c r="O17671" t="s">
        <v>85</v>
      </c>
      <c r="P17671" t="s">
        <v>86</v>
      </c>
      <c r="Q17671">
        <v>0</v>
      </c>
      <c r="R17671">
        <v>0</v>
      </c>
      <c r="S17671">
        <v>0</v>
      </c>
      <c r="T17671">
        <v>0</v>
      </c>
      <c r="U17671">
        <v>0</v>
      </c>
      <c r="V17671">
        <v>0</v>
      </c>
      <c r="W17671">
        <v>0</v>
      </c>
      <c r="X17671">
        <v>0</v>
      </c>
      <c r="Y17671">
        <v>0</v>
      </c>
      <c r="Z17671">
        <v>0</v>
      </c>
      <c r="AA17671">
        <v>0</v>
      </c>
      <c r="AB17671">
        <v>0</v>
      </c>
      <c r="AC17671">
        <v>0</v>
      </c>
      <c r="AD17671">
        <v>0</v>
      </c>
      <c r="AE17671">
        <v>0</v>
      </c>
      <c r="AF17671">
        <v>0</v>
      </c>
      <c r="AG17671">
        <v>0</v>
      </c>
      <c r="AH17671">
        <v>0</v>
      </c>
      <c r="AI17671">
        <v>0</v>
      </c>
      <c r="AJ17671">
        <v>0</v>
      </c>
      <c r="AK17671">
        <v>0</v>
      </c>
      <c r="AL17671">
        <v>0</v>
      </c>
      <c r="AM17671">
        <v>0</v>
      </c>
      <c r="AN17671">
        <v>0</v>
      </c>
      <c r="AO17671">
        <v>0</v>
      </c>
      <c r="AP17671">
        <v>0</v>
      </c>
      <c r="AQ17671">
        <v>0</v>
      </c>
    </row>
    <row r="17672" spans="1:43">
      <c r="A17672" t="s">
        <v>10944</v>
      </c>
      <c r="B17672" t="s">
        <v>10945</v>
      </c>
      <c r="C17672" t="s">
        <v>10934</v>
      </c>
      <c r="D17672" t="s">
        <v>10935</v>
      </c>
      <c r="E17672" t="s">
        <v>10732</v>
      </c>
      <c r="F17672" t="s">
        <v>10733</v>
      </c>
      <c r="G17672" t="s">
        <v>10734</v>
      </c>
      <c r="H17672" t="s">
        <v>10735</v>
      </c>
      <c r="I17672" s="2">
        <v>1</v>
      </c>
      <c r="J17672" s="2">
        <v>0</v>
      </c>
      <c r="K17672" s="2">
        <v>0</v>
      </c>
      <c r="L17672" t="s">
        <v>120</v>
      </c>
      <c r="M17672" t="s">
        <v>89</v>
      </c>
      <c r="N17672" t="s">
        <v>90</v>
      </c>
      <c r="O17672" t="s">
        <v>85</v>
      </c>
      <c r="P17672" t="s">
        <v>86</v>
      </c>
      <c r="Q17672">
        <v>0</v>
      </c>
      <c r="R17672">
        <v>0</v>
      </c>
      <c r="S17672">
        <v>0</v>
      </c>
      <c r="T17672">
        <v>0</v>
      </c>
      <c r="U17672">
        <v>0</v>
      </c>
      <c r="V17672">
        <v>0</v>
      </c>
      <c r="W17672">
        <v>0</v>
      </c>
      <c r="X17672">
        <v>0</v>
      </c>
      <c r="Y17672">
        <v>0</v>
      </c>
      <c r="Z17672">
        <v>0</v>
      </c>
      <c r="AA17672">
        <v>0</v>
      </c>
      <c r="AB17672">
        <v>0</v>
      </c>
      <c r="AC17672">
        <v>0</v>
      </c>
      <c r="AD17672">
        <v>0</v>
      </c>
      <c r="AE17672">
        <v>0</v>
      </c>
      <c r="AF17672">
        <v>0</v>
      </c>
      <c r="AG17672">
        <v>0</v>
      </c>
      <c r="AH17672">
        <v>0</v>
      </c>
      <c r="AI17672">
        <v>0</v>
      </c>
      <c r="AJ17672">
        <v>0</v>
      </c>
      <c r="AK17672">
        <v>0</v>
      </c>
      <c r="AL17672">
        <v>0</v>
      </c>
      <c r="AM17672">
        <v>0</v>
      </c>
      <c r="AN17672">
        <v>0</v>
      </c>
      <c r="AO17672">
        <v>0</v>
      </c>
      <c r="AP17672">
        <v>0</v>
      </c>
      <c r="AQ17672">
        <v>0</v>
      </c>
    </row>
    <row r="17673" spans="1:43">
      <c r="A17673" t="s">
        <v>10944</v>
      </c>
      <c r="B17673" t="s">
        <v>10945</v>
      </c>
      <c r="C17673" t="s">
        <v>10934</v>
      </c>
      <c r="D17673" t="s">
        <v>10935</v>
      </c>
      <c r="E17673" t="s">
        <v>10732</v>
      </c>
      <c r="F17673" t="s">
        <v>10733</v>
      </c>
      <c r="G17673" t="s">
        <v>10734</v>
      </c>
      <c r="H17673" t="s">
        <v>10735</v>
      </c>
      <c r="I17673" s="2">
        <v>1</v>
      </c>
      <c r="J17673" s="2">
        <v>0</v>
      </c>
      <c r="K17673" s="2">
        <v>0</v>
      </c>
      <c r="L17673" t="s">
        <v>120</v>
      </c>
      <c r="M17673" t="s">
        <v>83</v>
      </c>
      <c r="N17673" t="s">
        <v>91</v>
      </c>
      <c r="O17673" t="s">
        <v>85</v>
      </c>
      <c r="P17673" t="s">
        <v>86</v>
      </c>
      <c r="Q17673">
        <v>0</v>
      </c>
      <c r="R17673">
        <v>0</v>
      </c>
      <c r="S17673">
        <v>0</v>
      </c>
      <c r="T17673">
        <v>0</v>
      </c>
      <c r="U17673">
        <v>0</v>
      </c>
      <c r="V17673">
        <v>0</v>
      </c>
      <c r="W17673">
        <v>0</v>
      </c>
      <c r="X17673">
        <v>0</v>
      </c>
      <c r="Y17673">
        <v>0</v>
      </c>
      <c r="Z17673">
        <v>0</v>
      </c>
      <c r="AA17673">
        <v>0</v>
      </c>
      <c r="AB17673">
        <v>0</v>
      </c>
      <c r="AC17673">
        <v>0</v>
      </c>
      <c r="AD17673">
        <v>0</v>
      </c>
      <c r="AE17673">
        <v>0</v>
      </c>
      <c r="AF17673">
        <v>0</v>
      </c>
      <c r="AG17673">
        <v>0</v>
      </c>
      <c r="AH17673">
        <v>0</v>
      </c>
      <c r="AI17673">
        <v>0</v>
      </c>
      <c r="AJ17673">
        <v>0</v>
      </c>
      <c r="AK17673">
        <v>0</v>
      </c>
      <c r="AL17673">
        <v>0</v>
      </c>
      <c r="AM17673">
        <v>0</v>
      </c>
      <c r="AN17673">
        <v>0</v>
      </c>
      <c r="AO17673">
        <v>0</v>
      </c>
      <c r="AP17673">
        <v>0</v>
      </c>
      <c r="AQ17673">
        <v>0</v>
      </c>
    </row>
    <row r="17674" spans="1:43">
      <c r="A17674" t="s">
        <v>10946</v>
      </c>
      <c r="B17674" t="s">
        <v>10947</v>
      </c>
      <c r="C17674" t="s">
        <v>10934</v>
      </c>
      <c r="D17674" t="s">
        <v>10935</v>
      </c>
      <c r="E17674" t="s">
        <v>10732</v>
      </c>
      <c r="F17674" t="s">
        <v>10733</v>
      </c>
      <c r="G17674" t="s">
        <v>10734</v>
      </c>
      <c r="H17674" t="s">
        <v>10735</v>
      </c>
      <c r="I17674" s="2">
        <v>1</v>
      </c>
      <c r="J17674" s="2">
        <v>0</v>
      </c>
      <c r="K17674" s="2">
        <v>0</v>
      </c>
      <c r="L17674" t="s">
        <v>120</v>
      </c>
      <c r="M17674" t="s">
        <v>83</v>
      </c>
      <c r="N17674" t="s">
        <v>84</v>
      </c>
      <c r="O17674" t="s">
        <v>85</v>
      </c>
      <c r="P17674" t="s">
        <v>86</v>
      </c>
      <c r="Q17674">
        <v>20</v>
      </c>
      <c r="R17674">
        <v>20</v>
      </c>
      <c r="S17674">
        <v>20</v>
      </c>
      <c r="T17674">
        <v>20</v>
      </c>
      <c r="U17674">
        <v>21</v>
      </c>
      <c r="V17674">
        <v>21</v>
      </c>
      <c r="W17674">
        <v>21</v>
      </c>
      <c r="X17674">
        <v>21</v>
      </c>
      <c r="Y17674">
        <v>22</v>
      </c>
      <c r="Z17674">
        <v>22</v>
      </c>
      <c r="AA17674">
        <v>22</v>
      </c>
      <c r="AB17674">
        <v>22</v>
      </c>
      <c r="AC17674">
        <v>23</v>
      </c>
      <c r="AD17674">
        <v>23</v>
      </c>
      <c r="AE17674">
        <v>23</v>
      </c>
      <c r="AF17674">
        <v>23</v>
      </c>
      <c r="AG17674">
        <v>24</v>
      </c>
      <c r="AH17674">
        <v>24</v>
      </c>
      <c r="AI17674">
        <v>24</v>
      </c>
      <c r="AJ17674">
        <v>24</v>
      </c>
      <c r="AK17674">
        <v>25</v>
      </c>
      <c r="AL17674">
        <v>25</v>
      </c>
      <c r="AM17674">
        <v>25</v>
      </c>
      <c r="AN17674">
        <v>25</v>
      </c>
      <c r="AO17674">
        <v>25</v>
      </c>
      <c r="AP17674">
        <v>25</v>
      </c>
      <c r="AQ17674">
        <v>25</v>
      </c>
    </row>
    <row r="17675" spans="1:43">
      <c r="A17675" t="s">
        <v>10946</v>
      </c>
      <c r="B17675" t="s">
        <v>10947</v>
      </c>
      <c r="C17675" t="s">
        <v>10934</v>
      </c>
      <c r="D17675" t="s">
        <v>10935</v>
      </c>
      <c r="E17675" t="s">
        <v>10732</v>
      </c>
      <c r="F17675" t="s">
        <v>10733</v>
      </c>
      <c r="G17675" t="s">
        <v>10734</v>
      </c>
      <c r="H17675" t="s">
        <v>10735</v>
      </c>
      <c r="I17675" s="2">
        <v>1</v>
      </c>
      <c r="J17675" s="2">
        <v>0</v>
      </c>
      <c r="K17675" s="2">
        <v>0</v>
      </c>
      <c r="L17675" t="s">
        <v>120</v>
      </c>
      <c r="M17675" t="s">
        <v>87</v>
      </c>
      <c r="N17675" t="s">
        <v>88</v>
      </c>
      <c r="O17675" t="s">
        <v>85</v>
      </c>
      <c r="P17675" t="s">
        <v>86</v>
      </c>
      <c r="Q17675">
        <v>20</v>
      </c>
      <c r="R17675">
        <v>20</v>
      </c>
      <c r="S17675">
        <v>21</v>
      </c>
      <c r="T17675">
        <v>21</v>
      </c>
      <c r="U17675">
        <v>21</v>
      </c>
      <c r="V17675">
        <v>21</v>
      </c>
      <c r="W17675">
        <v>21</v>
      </c>
      <c r="X17675">
        <v>21</v>
      </c>
      <c r="Y17675">
        <v>21</v>
      </c>
      <c r="Z17675">
        <v>21</v>
      </c>
      <c r="AA17675">
        <v>21</v>
      </c>
      <c r="AB17675">
        <v>21</v>
      </c>
      <c r="AC17675">
        <v>21</v>
      </c>
      <c r="AD17675">
        <v>22</v>
      </c>
      <c r="AE17675">
        <v>22</v>
      </c>
      <c r="AF17675">
        <v>22</v>
      </c>
      <c r="AG17675">
        <v>22</v>
      </c>
      <c r="AH17675">
        <v>22</v>
      </c>
      <c r="AI17675">
        <v>22</v>
      </c>
      <c r="AJ17675">
        <v>22</v>
      </c>
      <c r="AK17675">
        <v>22</v>
      </c>
      <c r="AL17675">
        <v>22</v>
      </c>
      <c r="AM17675">
        <v>22</v>
      </c>
      <c r="AN17675">
        <v>22</v>
      </c>
      <c r="AO17675">
        <v>22</v>
      </c>
      <c r="AP17675">
        <v>23</v>
      </c>
      <c r="AQ17675">
        <v>23</v>
      </c>
    </row>
    <row r="17676" spans="1:43">
      <c r="A17676" t="s">
        <v>10946</v>
      </c>
      <c r="B17676" t="s">
        <v>10947</v>
      </c>
      <c r="C17676" t="s">
        <v>10934</v>
      </c>
      <c r="D17676" t="s">
        <v>10935</v>
      </c>
      <c r="E17676" t="s">
        <v>10732</v>
      </c>
      <c r="F17676" t="s">
        <v>10733</v>
      </c>
      <c r="G17676" t="s">
        <v>10734</v>
      </c>
      <c r="H17676" t="s">
        <v>10735</v>
      </c>
      <c r="I17676" s="2">
        <v>1</v>
      </c>
      <c r="J17676" s="2">
        <v>0</v>
      </c>
      <c r="K17676" s="2">
        <v>0</v>
      </c>
      <c r="L17676" t="s">
        <v>120</v>
      </c>
      <c r="M17676" t="s">
        <v>89</v>
      </c>
      <c r="N17676" t="s">
        <v>90</v>
      </c>
      <c r="O17676" t="s">
        <v>85</v>
      </c>
      <c r="P17676" t="s">
        <v>86</v>
      </c>
      <c r="Q17676">
        <v>20</v>
      </c>
      <c r="R17676">
        <v>20</v>
      </c>
      <c r="S17676">
        <v>21</v>
      </c>
      <c r="T17676">
        <v>21</v>
      </c>
      <c r="U17676">
        <v>21</v>
      </c>
      <c r="V17676">
        <v>22</v>
      </c>
      <c r="W17676">
        <v>22</v>
      </c>
      <c r="X17676">
        <v>23</v>
      </c>
      <c r="Y17676">
        <v>23</v>
      </c>
      <c r="Z17676">
        <v>23</v>
      </c>
      <c r="AA17676">
        <v>24</v>
      </c>
      <c r="AB17676">
        <v>24</v>
      </c>
      <c r="AC17676">
        <v>24</v>
      </c>
      <c r="AD17676">
        <v>25</v>
      </c>
      <c r="AE17676">
        <v>25</v>
      </c>
      <c r="AF17676">
        <v>25</v>
      </c>
      <c r="AG17676">
        <v>25</v>
      </c>
      <c r="AH17676">
        <v>25</v>
      </c>
      <c r="AI17676">
        <v>25</v>
      </c>
      <c r="AJ17676">
        <v>25</v>
      </c>
      <c r="AK17676">
        <v>25</v>
      </c>
      <c r="AL17676">
        <v>25</v>
      </c>
      <c r="AM17676">
        <v>25</v>
      </c>
      <c r="AN17676">
        <v>25</v>
      </c>
      <c r="AO17676">
        <v>25</v>
      </c>
      <c r="AP17676">
        <v>25</v>
      </c>
      <c r="AQ17676">
        <v>25</v>
      </c>
    </row>
    <row r="17677" spans="1:43">
      <c r="A17677" t="s">
        <v>10946</v>
      </c>
      <c r="B17677" t="s">
        <v>10947</v>
      </c>
      <c r="C17677" t="s">
        <v>10934</v>
      </c>
      <c r="D17677" t="s">
        <v>10935</v>
      </c>
      <c r="E17677" t="s">
        <v>10732</v>
      </c>
      <c r="F17677" t="s">
        <v>10733</v>
      </c>
      <c r="G17677" t="s">
        <v>10734</v>
      </c>
      <c r="H17677" t="s">
        <v>10735</v>
      </c>
      <c r="I17677" s="2">
        <v>1</v>
      </c>
      <c r="J17677" s="2">
        <v>0</v>
      </c>
      <c r="K17677" s="2">
        <v>0</v>
      </c>
      <c r="L17677" t="s">
        <v>120</v>
      </c>
      <c r="M17677" t="s">
        <v>83</v>
      </c>
      <c r="N17677" t="s">
        <v>91</v>
      </c>
      <c r="O17677" t="s">
        <v>85</v>
      </c>
      <c r="P17677" t="s">
        <v>86</v>
      </c>
      <c r="Q17677">
        <v>20</v>
      </c>
      <c r="R17677">
        <v>20</v>
      </c>
      <c r="S17677">
        <v>20</v>
      </c>
      <c r="T17677">
        <v>20</v>
      </c>
      <c r="U17677">
        <v>21</v>
      </c>
      <c r="V17677">
        <v>21</v>
      </c>
      <c r="W17677">
        <v>21</v>
      </c>
      <c r="X17677">
        <v>21</v>
      </c>
      <c r="Y17677">
        <v>22</v>
      </c>
      <c r="Z17677">
        <v>22</v>
      </c>
      <c r="AA17677">
        <v>22</v>
      </c>
      <c r="AB17677">
        <v>22</v>
      </c>
      <c r="AC17677">
        <v>23</v>
      </c>
      <c r="AD17677">
        <v>23</v>
      </c>
      <c r="AE17677">
        <v>23</v>
      </c>
      <c r="AF17677">
        <v>23</v>
      </c>
      <c r="AG17677">
        <v>24</v>
      </c>
      <c r="AH17677">
        <v>24</v>
      </c>
      <c r="AI17677">
        <v>24</v>
      </c>
      <c r="AJ17677">
        <v>24</v>
      </c>
      <c r="AK17677">
        <v>25</v>
      </c>
      <c r="AL17677">
        <v>25</v>
      </c>
      <c r="AM17677">
        <v>25</v>
      </c>
      <c r="AN17677">
        <v>25</v>
      </c>
      <c r="AO17677">
        <v>25</v>
      </c>
      <c r="AP17677">
        <v>25</v>
      </c>
      <c r="AQ17677">
        <v>25</v>
      </c>
    </row>
    <row r="17678" spans="1:43">
      <c r="A17678" t="s">
        <v>10948</v>
      </c>
      <c r="B17678" t="s">
        <v>10949</v>
      </c>
      <c r="C17678" t="s">
        <v>10950</v>
      </c>
      <c r="D17678" t="s">
        <v>10951</v>
      </c>
      <c r="E17678" t="s">
        <v>10732</v>
      </c>
      <c r="F17678" t="s">
        <v>10733</v>
      </c>
      <c r="G17678" t="s">
        <v>10734</v>
      </c>
      <c r="H17678" t="s">
        <v>10735</v>
      </c>
      <c r="I17678" s="2">
        <v>1</v>
      </c>
      <c r="J17678" s="2">
        <v>0</v>
      </c>
      <c r="K17678" s="2">
        <v>0</v>
      </c>
      <c r="L17678" t="s">
        <v>120</v>
      </c>
      <c r="M17678" t="s">
        <v>83</v>
      </c>
      <c r="N17678" t="s">
        <v>84</v>
      </c>
      <c r="O17678" t="s">
        <v>85</v>
      </c>
      <c r="P17678" t="s">
        <v>86</v>
      </c>
      <c r="Q17678">
        <v>11</v>
      </c>
      <c r="R17678">
        <v>11</v>
      </c>
      <c r="S17678">
        <v>11</v>
      </c>
      <c r="T17678">
        <v>11</v>
      </c>
      <c r="U17678">
        <v>12</v>
      </c>
      <c r="V17678">
        <v>12</v>
      </c>
      <c r="W17678">
        <v>12</v>
      </c>
      <c r="X17678">
        <v>12</v>
      </c>
      <c r="Y17678">
        <v>12</v>
      </c>
      <c r="Z17678">
        <v>12</v>
      </c>
      <c r="AA17678">
        <v>12</v>
      </c>
      <c r="AB17678">
        <v>13</v>
      </c>
      <c r="AC17678">
        <v>13</v>
      </c>
      <c r="AD17678">
        <v>13</v>
      </c>
      <c r="AE17678">
        <v>13</v>
      </c>
      <c r="AF17678">
        <v>13</v>
      </c>
      <c r="AG17678">
        <v>13</v>
      </c>
      <c r="AH17678">
        <v>13</v>
      </c>
      <c r="AI17678">
        <v>14</v>
      </c>
      <c r="AJ17678">
        <v>14</v>
      </c>
      <c r="AK17678">
        <v>14</v>
      </c>
      <c r="AL17678">
        <v>14</v>
      </c>
      <c r="AM17678">
        <v>14</v>
      </c>
      <c r="AN17678">
        <v>14</v>
      </c>
      <c r="AO17678">
        <v>14</v>
      </c>
      <c r="AP17678">
        <v>14</v>
      </c>
      <c r="AQ17678">
        <v>14</v>
      </c>
    </row>
    <row r="17679" spans="1:43">
      <c r="A17679" t="s">
        <v>10948</v>
      </c>
      <c r="B17679" t="s">
        <v>10949</v>
      </c>
      <c r="C17679" t="s">
        <v>10950</v>
      </c>
      <c r="D17679" t="s">
        <v>10951</v>
      </c>
      <c r="E17679" t="s">
        <v>10732</v>
      </c>
      <c r="F17679" t="s">
        <v>10733</v>
      </c>
      <c r="G17679" t="s">
        <v>10734</v>
      </c>
      <c r="H17679" t="s">
        <v>10735</v>
      </c>
      <c r="I17679" s="2">
        <v>1</v>
      </c>
      <c r="J17679" s="2">
        <v>0</v>
      </c>
      <c r="K17679" s="2">
        <v>0</v>
      </c>
      <c r="L17679" t="s">
        <v>120</v>
      </c>
      <c r="M17679" t="s">
        <v>87</v>
      </c>
      <c r="N17679" t="s">
        <v>88</v>
      </c>
      <c r="O17679" t="s">
        <v>85</v>
      </c>
      <c r="P17679" t="s">
        <v>86</v>
      </c>
      <c r="Q17679">
        <v>11</v>
      </c>
      <c r="R17679">
        <v>11</v>
      </c>
      <c r="S17679">
        <v>11</v>
      </c>
      <c r="T17679">
        <v>11</v>
      </c>
      <c r="U17679">
        <v>11</v>
      </c>
      <c r="V17679">
        <v>11</v>
      </c>
      <c r="W17679">
        <v>11</v>
      </c>
      <c r="X17679">
        <v>11</v>
      </c>
      <c r="Y17679">
        <v>11</v>
      </c>
      <c r="Z17679">
        <v>11</v>
      </c>
      <c r="AA17679">
        <v>11</v>
      </c>
      <c r="AB17679">
        <v>11</v>
      </c>
      <c r="AC17679">
        <v>11</v>
      </c>
      <c r="AD17679">
        <v>12</v>
      </c>
      <c r="AE17679">
        <v>12</v>
      </c>
      <c r="AF17679">
        <v>12</v>
      </c>
      <c r="AG17679">
        <v>12</v>
      </c>
      <c r="AH17679">
        <v>12</v>
      </c>
      <c r="AI17679">
        <v>12</v>
      </c>
      <c r="AJ17679">
        <v>12</v>
      </c>
      <c r="AK17679">
        <v>12</v>
      </c>
      <c r="AL17679">
        <v>12</v>
      </c>
      <c r="AM17679">
        <v>12</v>
      </c>
      <c r="AN17679">
        <v>12</v>
      </c>
      <c r="AO17679">
        <v>12</v>
      </c>
      <c r="AP17679">
        <v>12</v>
      </c>
      <c r="AQ17679">
        <v>12</v>
      </c>
    </row>
    <row r="17680" spans="1:43">
      <c r="A17680" t="s">
        <v>10948</v>
      </c>
      <c r="B17680" t="s">
        <v>10949</v>
      </c>
      <c r="C17680" t="s">
        <v>10950</v>
      </c>
      <c r="D17680" t="s">
        <v>10951</v>
      </c>
      <c r="E17680" t="s">
        <v>10732</v>
      </c>
      <c r="F17680" t="s">
        <v>10733</v>
      </c>
      <c r="G17680" t="s">
        <v>10734</v>
      </c>
      <c r="H17680" t="s">
        <v>10735</v>
      </c>
      <c r="I17680" s="2">
        <v>1</v>
      </c>
      <c r="J17680" s="2">
        <v>0</v>
      </c>
      <c r="K17680" s="2">
        <v>0</v>
      </c>
      <c r="L17680" t="s">
        <v>120</v>
      </c>
      <c r="M17680" t="s">
        <v>89</v>
      </c>
      <c r="N17680" t="s">
        <v>90</v>
      </c>
      <c r="O17680" t="s">
        <v>85</v>
      </c>
      <c r="P17680" t="s">
        <v>86</v>
      </c>
      <c r="Q17680">
        <v>11</v>
      </c>
      <c r="R17680">
        <v>11</v>
      </c>
      <c r="S17680">
        <v>12</v>
      </c>
      <c r="T17680">
        <v>12</v>
      </c>
      <c r="U17680">
        <v>12</v>
      </c>
      <c r="V17680">
        <v>12</v>
      </c>
      <c r="W17680">
        <v>12</v>
      </c>
      <c r="X17680">
        <v>13</v>
      </c>
      <c r="Y17680">
        <v>13</v>
      </c>
      <c r="Z17680">
        <v>13</v>
      </c>
      <c r="AA17680">
        <v>13</v>
      </c>
      <c r="AB17680">
        <v>13</v>
      </c>
      <c r="AC17680">
        <v>14</v>
      </c>
      <c r="AD17680">
        <v>14</v>
      </c>
      <c r="AE17680">
        <v>14</v>
      </c>
      <c r="AF17680">
        <v>14</v>
      </c>
      <c r="AG17680">
        <v>14</v>
      </c>
      <c r="AH17680">
        <v>14</v>
      </c>
      <c r="AI17680">
        <v>14</v>
      </c>
      <c r="AJ17680">
        <v>14</v>
      </c>
      <c r="AK17680">
        <v>14</v>
      </c>
      <c r="AL17680">
        <v>14</v>
      </c>
      <c r="AM17680">
        <v>14</v>
      </c>
      <c r="AN17680">
        <v>14</v>
      </c>
      <c r="AO17680">
        <v>14</v>
      </c>
      <c r="AP17680">
        <v>14</v>
      </c>
      <c r="AQ17680">
        <v>14</v>
      </c>
    </row>
    <row r="17681" spans="1:43">
      <c r="A17681" t="s">
        <v>10948</v>
      </c>
      <c r="B17681" t="s">
        <v>10949</v>
      </c>
      <c r="C17681" t="s">
        <v>10950</v>
      </c>
      <c r="D17681" t="s">
        <v>10951</v>
      </c>
      <c r="E17681" t="s">
        <v>10732</v>
      </c>
      <c r="F17681" t="s">
        <v>10733</v>
      </c>
      <c r="G17681" t="s">
        <v>10734</v>
      </c>
      <c r="H17681" t="s">
        <v>10735</v>
      </c>
      <c r="I17681" s="2">
        <v>1</v>
      </c>
      <c r="J17681" s="2">
        <v>0</v>
      </c>
      <c r="K17681" s="2">
        <v>0</v>
      </c>
      <c r="L17681" t="s">
        <v>120</v>
      </c>
      <c r="M17681" t="s">
        <v>83</v>
      </c>
      <c r="N17681" t="s">
        <v>91</v>
      </c>
      <c r="O17681" t="s">
        <v>85</v>
      </c>
      <c r="P17681" t="s">
        <v>86</v>
      </c>
      <c r="Q17681">
        <v>11</v>
      </c>
      <c r="R17681">
        <v>11</v>
      </c>
      <c r="S17681">
        <v>11</v>
      </c>
      <c r="T17681">
        <v>11</v>
      </c>
      <c r="U17681">
        <v>12</v>
      </c>
      <c r="V17681">
        <v>12</v>
      </c>
      <c r="W17681">
        <v>12</v>
      </c>
      <c r="X17681">
        <v>12</v>
      </c>
      <c r="Y17681">
        <v>12</v>
      </c>
      <c r="Z17681">
        <v>12</v>
      </c>
      <c r="AA17681">
        <v>12</v>
      </c>
      <c r="AB17681">
        <v>13</v>
      </c>
      <c r="AC17681">
        <v>13</v>
      </c>
      <c r="AD17681">
        <v>13</v>
      </c>
      <c r="AE17681">
        <v>13</v>
      </c>
      <c r="AF17681">
        <v>13</v>
      </c>
      <c r="AG17681">
        <v>13</v>
      </c>
      <c r="AH17681">
        <v>13</v>
      </c>
      <c r="AI17681">
        <v>14</v>
      </c>
      <c r="AJ17681">
        <v>14</v>
      </c>
      <c r="AK17681">
        <v>14</v>
      </c>
      <c r="AL17681">
        <v>14</v>
      </c>
      <c r="AM17681">
        <v>14</v>
      </c>
      <c r="AN17681">
        <v>14</v>
      </c>
      <c r="AO17681">
        <v>14</v>
      </c>
      <c r="AP17681">
        <v>14</v>
      </c>
      <c r="AQ17681">
        <v>14</v>
      </c>
    </row>
    <row r="17682" spans="1:43">
      <c r="A17682" t="s">
        <v>10952</v>
      </c>
      <c r="B17682" t="s">
        <v>10953</v>
      </c>
      <c r="C17682" t="s">
        <v>10950</v>
      </c>
      <c r="D17682" t="s">
        <v>10951</v>
      </c>
      <c r="E17682" t="s">
        <v>10732</v>
      </c>
      <c r="F17682" t="s">
        <v>10733</v>
      </c>
      <c r="G17682" t="s">
        <v>10734</v>
      </c>
      <c r="H17682" t="s">
        <v>10735</v>
      </c>
      <c r="I17682" s="2">
        <v>1</v>
      </c>
      <c r="J17682" s="2">
        <v>0</v>
      </c>
      <c r="K17682" s="2">
        <v>0</v>
      </c>
      <c r="L17682" t="s">
        <v>120</v>
      </c>
      <c r="M17682" t="s">
        <v>83</v>
      </c>
      <c r="N17682" t="s">
        <v>84</v>
      </c>
      <c r="O17682" t="s">
        <v>85</v>
      </c>
      <c r="P17682" t="s">
        <v>86</v>
      </c>
      <c r="Q17682">
        <v>13</v>
      </c>
      <c r="R17682">
        <v>13</v>
      </c>
      <c r="S17682">
        <v>14</v>
      </c>
      <c r="T17682">
        <v>14</v>
      </c>
      <c r="U17682">
        <v>14</v>
      </c>
      <c r="V17682">
        <v>14</v>
      </c>
      <c r="W17682">
        <v>14</v>
      </c>
      <c r="X17682">
        <v>14</v>
      </c>
      <c r="Y17682">
        <v>15</v>
      </c>
      <c r="Z17682">
        <v>15</v>
      </c>
      <c r="AA17682">
        <v>15</v>
      </c>
      <c r="AB17682">
        <v>15</v>
      </c>
      <c r="AC17682">
        <v>15</v>
      </c>
      <c r="AD17682">
        <v>15</v>
      </c>
      <c r="AE17682">
        <v>16</v>
      </c>
      <c r="AF17682">
        <v>16</v>
      </c>
      <c r="AG17682">
        <v>16</v>
      </c>
      <c r="AH17682">
        <v>16</v>
      </c>
      <c r="AI17682">
        <v>16</v>
      </c>
      <c r="AJ17682">
        <v>16</v>
      </c>
      <c r="AK17682">
        <v>17</v>
      </c>
      <c r="AL17682">
        <v>17</v>
      </c>
      <c r="AM17682">
        <v>17</v>
      </c>
      <c r="AN17682">
        <v>17</v>
      </c>
      <c r="AO17682">
        <v>17</v>
      </c>
      <c r="AP17682">
        <v>17</v>
      </c>
      <c r="AQ17682">
        <v>17</v>
      </c>
    </row>
    <row r="17683" spans="1:43">
      <c r="A17683" t="s">
        <v>10952</v>
      </c>
      <c r="B17683" t="s">
        <v>10953</v>
      </c>
      <c r="C17683" t="s">
        <v>10950</v>
      </c>
      <c r="D17683" t="s">
        <v>10951</v>
      </c>
      <c r="E17683" t="s">
        <v>10732</v>
      </c>
      <c r="F17683" t="s">
        <v>10733</v>
      </c>
      <c r="G17683" t="s">
        <v>10734</v>
      </c>
      <c r="H17683" t="s">
        <v>10735</v>
      </c>
      <c r="I17683" s="2">
        <v>1</v>
      </c>
      <c r="J17683" s="2">
        <v>0</v>
      </c>
      <c r="K17683" s="2">
        <v>0</v>
      </c>
      <c r="L17683" t="s">
        <v>120</v>
      </c>
      <c r="M17683" t="s">
        <v>87</v>
      </c>
      <c r="N17683" t="s">
        <v>88</v>
      </c>
      <c r="O17683" t="s">
        <v>85</v>
      </c>
      <c r="P17683" t="s">
        <v>86</v>
      </c>
      <c r="Q17683">
        <v>13</v>
      </c>
      <c r="R17683">
        <v>13</v>
      </c>
      <c r="S17683">
        <v>13</v>
      </c>
      <c r="T17683">
        <v>13</v>
      </c>
      <c r="U17683">
        <v>13</v>
      </c>
      <c r="V17683">
        <v>13</v>
      </c>
      <c r="W17683">
        <v>13</v>
      </c>
      <c r="X17683">
        <v>13</v>
      </c>
      <c r="Y17683">
        <v>14</v>
      </c>
      <c r="Z17683">
        <v>14</v>
      </c>
      <c r="AA17683">
        <v>14</v>
      </c>
      <c r="AB17683">
        <v>14</v>
      </c>
      <c r="AC17683">
        <v>14</v>
      </c>
      <c r="AD17683">
        <v>14</v>
      </c>
      <c r="AE17683">
        <v>14</v>
      </c>
      <c r="AF17683">
        <v>14</v>
      </c>
      <c r="AG17683">
        <v>14</v>
      </c>
      <c r="AH17683">
        <v>14</v>
      </c>
      <c r="AI17683">
        <v>14</v>
      </c>
      <c r="AJ17683">
        <v>14</v>
      </c>
      <c r="AK17683">
        <v>14</v>
      </c>
      <c r="AL17683">
        <v>14</v>
      </c>
      <c r="AM17683">
        <v>14</v>
      </c>
      <c r="AN17683">
        <v>14</v>
      </c>
      <c r="AO17683">
        <v>14</v>
      </c>
      <c r="AP17683">
        <v>14</v>
      </c>
      <c r="AQ17683">
        <v>15</v>
      </c>
    </row>
    <row r="17684" spans="1:43">
      <c r="A17684" t="s">
        <v>10952</v>
      </c>
      <c r="B17684" t="s">
        <v>10953</v>
      </c>
      <c r="C17684" t="s">
        <v>10950</v>
      </c>
      <c r="D17684" t="s">
        <v>10951</v>
      </c>
      <c r="E17684" t="s">
        <v>10732</v>
      </c>
      <c r="F17684" t="s">
        <v>10733</v>
      </c>
      <c r="G17684" t="s">
        <v>10734</v>
      </c>
      <c r="H17684" t="s">
        <v>10735</v>
      </c>
      <c r="I17684" s="2">
        <v>1</v>
      </c>
      <c r="J17684" s="2">
        <v>0</v>
      </c>
      <c r="K17684" s="2">
        <v>0</v>
      </c>
      <c r="L17684" t="s">
        <v>120</v>
      </c>
      <c r="M17684" t="s">
        <v>89</v>
      </c>
      <c r="N17684" t="s">
        <v>90</v>
      </c>
      <c r="O17684" t="s">
        <v>85</v>
      </c>
      <c r="P17684" t="s">
        <v>86</v>
      </c>
      <c r="Q17684">
        <v>13</v>
      </c>
      <c r="R17684">
        <v>14</v>
      </c>
      <c r="S17684">
        <v>14</v>
      </c>
      <c r="T17684">
        <v>14</v>
      </c>
      <c r="U17684">
        <v>14</v>
      </c>
      <c r="V17684">
        <v>15</v>
      </c>
      <c r="W17684">
        <v>15</v>
      </c>
      <c r="X17684">
        <v>15</v>
      </c>
      <c r="Y17684">
        <v>15</v>
      </c>
      <c r="Z17684">
        <v>16</v>
      </c>
      <c r="AA17684">
        <v>16</v>
      </c>
      <c r="AB17684">
        <v>16</v>
      </c>
      <c r="AC17684">
        <v>16</v>
      </c>
      <c r="AD17684">
        <v>17</v>
      </c>
      <c r="AE17684">
        <v>17</v>
      </c>
      <c r="AF17684">
        <v>17</v>
      </c>
      <c r="AG17684">
        <v>17</v>
      </c>
      <c r="AH17684">
        <v>17</v>
      </c>
      <c r="AI17684">
        <v>17</v>
      </c>
      <c r="AJ17684">
        <v>17</v>
      </c>
      <c r="AK17684">
        <v>17</v>
      </c>
      <c r="AL17684">
        <v>17</v>
      </c>
      <c r="AM17684">
        <v>17</v>
      </c>
      <c r="AN17684">
        <v>17</v>
      </c>
      <c r="AO17684">
        <v>17</v>
      </c>
      <c r="AP17684">
        <v>17</v>
      </c>
      <c r="AQ17684">
        <v>17</v>
      </c>
    </row>
    <row r="17685" spans="1:43">
      <c r="A17685" t="s">
        <v>10952</v>
      </c>
      <c r="B17685" t="s">
        <v>10953</v>
      </c>
      <c r="C17685" t="s">
        <v>10950</v>
      </c>
      <c r="D17685" t="s">
        <v>10951</v>
      </c>
      <c r="E17685" t="s">
        <v>10732</v>
      </c>
      <c r="F17685" t="s">
        <v>10733</v>
      </c>
      <c r="G17685" t="s">
        <v>10734</v>
      </c>
      <c r="H17685" t="s">
        <v>10735</v>
      </c>
      <c r="I17685" s="2">
        <v>1</v>
      </c>
      <c r="J17685" s="2">
        <v>0</v>
      </c>
      <c r="K17685" s="2">
        <v>0</v>
      </c>
      <c r="L17685" t="s">
        <v>120</v>
      </c>
      <c r="M17685" t="s">
        <v>83</v>
      </c>
      <c r="N17685" t="s">
        <v>91</v>
      </c>
      <c r="O17685" t="s">
        <v>85</v>
      </c>
      <c r="P17685" t="s">
        <v>86</v>
      </c>
      <c r="Q17685">
        <v>13</v>
      </c>
      <c r="R17685">
        <v>13</v>
      </c>
      <c r="S17685">
        <v>14</v>
      </c>
      <c r="T17685">
        <v>14</v>
      </c>
      <c r="U17685">
        <v>14</v>
      </c>
      <c r="V17685">
        <v>14</v>
      </c>
      <c r="W17685">
        <v>14</v>
      </c>
      <c r="X17685">
        <v>14</v>
      </c>
      <c r="Y17685">
        <v>15</v>
      </c>
      <c r="Z17685">
        <v>15</v>
      </c>
      <c r="AA17685">
        <v>15</v>
      </c>
      <c r="AB17685">
        <v>15</v>
      </c>
      <c r="AC17685">
        <v>15</v>
      </c>
      <c r="AD17685">
        <v>15</v>
      </c>
      <c r="AE17685">
        <v>16</v>
      </c>
      <c r="AF17685">
        <v>16</v>
      </c>
      <c r="AG17685">
        <v>16</v>
      </c>
      <c r="AH17685">
        <v>16</v>
      </c>
      <c r="AI17685">
        <v>16</v>
      </c>
      <c r="AJ17685">
        <v>16</v>
      </c>
      <c r="AK17685">
        <v>17</v>
      </c>
      <c r="AL17685">
        <v>17</v>
      </c>
      <c r="AM17685">
        <v>17</v>
      </c>
      <c r="AN17685">
        <v>17</v>
      </c>
      <c r="AO17685">
        <v>17</v>
      </c>
      <c r="AP17685">
        <v>17</v>
      </c>
      <c r="AQ17685">
        <v>17</v>
      </c>
    </row>
    <row r="17686" spans="1:43">
      <c r="A17686" t="s">
        <v>10954</v>
      </c>
      <c r="B17686" t="s">
        <v>10955</v>
      </c>
      <c r="C17686" t="s">
        <v>10950</v>
      </c>
      <c r="D17686" t="s">
        <v>10951</v>
      </c>
      <c r="E17686" t="s">
        <v>10732</v>
      </c>
      <c r="F17686" t="s">
        <v>10733</v>
      </c>
      <c r="G17686" t="s">
        <v>10734</v>
      </c>
      <c r="H17686" t="s">
        <v>10735</v>
      </c>
      <c r="I17686" s="2">
        <v>1</v>
      </c>
      <c r="J17686" s="2">
        <v>0</v>
      </c>
      <c r="K17686" s="2">
        <v>0</v>
      </c>
      <c r="L17686" t="s">
        <v>120</v>
      </c>
      <c r="M17686" t="s">
        <v>83</v>
      </c>
      <c r="N17686" t="s">
        <v>84</v>
      </c>
      <c r="O17686" t="s">
        <v>85</v>
      </c>
      <c r="P17686" t="s">
        <v>86</v>
      </c>
      <c r="Q17686">
        <v>56</v>
      </c>
      <c r="R17686">
        <v>57</v>
      </c>
      <c r="S17686">
        <v>57</v>
      </c>
      <c r="T17686">
        <v>58</v>
      </c>
      <c r="U17686">
        <v>59</v>
      </c>
      <c r="V17686">
        <v>60</v>
      </c>
      <c r="W17686">
        <v>60</v>
      </c>
      <c r="X17686">
        <v>61</v>
      </c>
      <c r="Y17686">
        <v>62</v>
      </c>
      <c r="Z17686">
        <v>63</v>
      </c>
      <c r="AA17686">
        <v>63</v>
      </c>
      <c r="AB17686">
        <v>64</v>
      </c>
      <c r="AC17686">
        <v>65</v>
      </c>
      <c r="AD17686">
        <v>65</v>
      </c>
      <c r="AE17686">
        <v>66</v>
      </c>
      <c r="AF17686">
        <v>67</v>
      </c>
      <c r="AG17686">
        <v>68</v>
      </c>
      <c r="AH17686">
        <v>68</v>
      </c>
      <c r="AI17686">
        <v>69</v>
      </c>
      <c r="AJ17686">
        <v>70</v>
      </c>
      <c r="AK17686">
        <v>70</v>
      </c>
      <c r="AL17686">
        <v>71</v>
      </c>
      <c r="AM17686">
        <v>71</v>
      </c>
      <c r="AN17686">
        <v>71</v>
      </c>
      <c r="AO17686">
        <v>71</v>
      </c>
      <c r="AP17686">
        <v>71</v>
      </c>
      <c r="AQ17686">
        <v>71</v>
      </c>
    </row>
    <row r="17687" spans="1:43">
      <c r="A17687" t="s">
        <v>10954</v>
      </c>
      <c r="B17687" t="s">
        <v>10955</v>
      </c>
      <c r="C17687" t="s">
        <v>10950</v>
      </c>
      <c r="D17687" t="s">
        <v>10951</v>
      </c>
      <c r="E17687" t="s">
        <v>10732</v>
      </c>
      <c r="F17687" t="s">
        <v>10733</v>
      </c>
      <c r="G17687" t="s">
        <v>10734</v>
      </c>
      <c r="H17687" t="s">
        <v>10735</v>
      </c>
      <c r="I17687" s="2">
        <v>1</v>
      </c>
      <c r="J17687" s="2">
        <v>0</v>
      </c>
      <c r="K17687" s="2">
        <v>0</v>
      </c>
      <c r="L17687" t="s">
        <v>120</v>
      </c>
      <c r="M17687" t="s">
        <v>87</v>
      </c>
      <c r="N17687" t="s">
        <v>88</v>
      </c>
      <c r="O17687" t="s">
        <v>85</v>
      </c>
      <c r="P17687" t="s">
        <v>86</v>
      </c>
      <c r="Q17687">
        <v>56</v>
      </c>
      <c r="R17687">
        <v>57</v>
      </c>
      <c r="S17687">
        <v>57</v>
      </c>
      <c r="T17687">
        <v>57</v>
      </c>
      <c r="U17687">
        <v>57</v>
      </c>
      <c r="V17687">
        <v>57</v>
      </c>
      <c r="W17687">
        <v>58</v>
      </c>
      <c r="X17687">
        <v>58</v>
      </c>
      <c r="Y17687">
        <v>58</v>
      </c>
      <c r="Z17687">
        <v>58</v>
      </c>
      <c r="AA17687">
        <v>59</v>
      </c>
      <c r="AB17687">
        <v>59</v>
      </c>
      <c r="AC17687">
        <v>59</v>
      </c>
      <c r="AD17687">
        <v>59</v>
      </c>
      <c r="AE17687">
        <v>60</v>
      </c>
      <c r="AF17687">
        <v>60</v>
      </c>
      <c r="AG17687">
        <v>60</v>
      </c>
      <c r="AH17687">
        <v>60</v>
      </c>
      <c r="AI17687">
        <v>61</v>
      </c>
      <c r="AJ17687">
        <v>61</v>
      </c>
      <c r="AK17687">
        <v>61</v>
      </c>
      <c r="AL17687">
        <v>61</v>
      </c>
      <c r="AM17687">
        <v>61</v>
      </c>
      <c r="AN17687">
        <v>62</v>
      </c>
      <c r="AO17687">
        <v>62</v>
      </c>
      <c r="AP17687">
        <v>62</v>
      </c>
      <c r="AQ17687">
        <v>62</v>
      </c>
    </row>
    <row r="17688" spans="1:43">
      <c r="A17688" t="s">
        <v>10954</v>
      </c>
      <c r="B17688" t="s">
        <v>10955</v>
      </c>
      <c r="C17688" t="s">
        <v>10950</v>
      </c>
      <c r="D17688" t="s">
        <v>10951</v>
      </c>
      <c r="E17688" t="s">
        <v>10732</v>
      </c>
      <c r="F17688" t="s">
        <v>10733</v>
      </c>
      <c r="G17688" t="s">
        <v>10734</v>
      </c>
      <c r="H17688" t="s">
        <v>10735</v>
      </c>
      <c r="I17688" s="2">
        <v>1</v>
      </c>
      <c r="J17688" s="2">
        <v>0</v>
      </c>
      <c r="K17688" s="2">
        <v>0</v>
      </c>
      <c r="L17688" t="s">
        <v>120</v>
      </c>
      <c r="M17688" t="s">
        <v>89</v>
      </c>
      <c r="N17688" t="s">
        <v>90</v>
      </c>
      <c r="O17688" t="s">
        <v>85</v>
      </c>
      <c r="P17688" t="s">
        <v>86</v>
      </c>
      <c r="Q17688">
        <v>56</v>
      </c>
      <c r="R17688">
        <v>58</v>
      </c>
      <c r="S17688">
        <v>59</v>
      </c>
      <c r="T17688">
        <v>60</v>
      </c>
      <c r="U17688">
        <v>61</v>
      </c>
      <c r="V17688">
        <v>62</v>
      </c>
      <c r="W17688">
        <v>63</v>
      </c>
      <c r="X17688">
        <v>64</v>
      </c>
      <c r="Y17688">
        <v>65</v>
      </c>
      <c r="Z17688">
        <v>66</v>
      </c>
      <c r="AA17688">
        <v>67</v>
      </c>
      <c r="AB17688">
        <v>68</v>
      </c>
      <c r="AC17688">
        <v>69</v>
      </c>
      <c r="AD17688">
        <v>70</v>
      </c>
      <c r="AE17688">
        <v>71</v>
      </c>
      <c r="AF17688">
        <v>71</v>
      </c>
      <c r="AG17688">
        <v>71</v>
      </c>
      <c r="AH17688">
        <v>71</v>
      </c>
      <c r="AI17688">
        <v>71</v>
      </c>
      <c r="AJ17688">
        <v>71</v>
      </c>
      <c r="AK17688">
        <v>71</v>
      </c>
      <c r="AL17688">
        <v>72</v>
      </c>
      <c r="AM17688">
        <v>72</v>
      </c>
      <c r="AN17688">
        <v>72</v>
      </c>
      <c r="AO17688">
        <v>72</v>
      </c>
      <c r="AP17688">
        <v>72</v>
      </c>
      <c r="AQ17688">
        <v>72</v>
      </c>
    </row>
    <row r="17689" spans="1:43">
      <c r="A17689" t="s">
        <v>10954</v>
      </c>
      <c r="B17689" t="s">
        <v>10955</v>
      </c>
      <c r="C17689" t="s">
        <v>10950</v>
      </c>
      <c r="D17689" t="s">
        <v>10951</v>
      </c>
      <c r="E17689" t="s">
        <v>10732</v>
      </c>
      <c r="F17689" t="s">
        <v>10733</v>
      </c>
      <c r="G17689" t="s">
        <v>10734</v>
      </c>
      <c r="H17689" t="s">
        <v>10735</v>
      </c>
      <c r="I17689" s="2">
        <v>1</v>
      </c>
      <c r="J17689" s="2">
        <v>0</v>
      </c>
      <c r="K17689" s="2">
        <v>0</v>
      </c>
      <c r="L17689" t="s">
        <v>120</v>
      </c>
      <c r="M17689" t="s">
        <v>83</v>
      </c>
      <c r="N17689" t="s">
        <v>91</v>
      </c>
      <c r="O17689" t="s">
        <v>85</v>
      </c>
      <c r="P17689" t="s">
        <v>86</v>
      </c>
      <c r="Q17689">
        <v>56</v>
      </c>
      <c r="R17689">
        <v>57</v>
      </c>
      <c r="S17689">
        <v>57</v>
      </c>
      <c r="T17689">
        <v>58</v>
      </c>
      <c r="U17689">
        <v>59</v>
      </c>
      <c r="V17689">
        <v>60</v>
      </c>
      <c r="W17689">
        <v>60</v>
      </c>
      <c r="X17689">
        <v>61</v>
      </c>
      <c r="Y17689">
        <v>62</v>
      </c>
      <c r="Z17689">
        <v>63</v>
      </c>
      <c r="AA17689">
        <v>63</v>
      </c>
      <c r="AB17689">
        <v>64</v>
      </c>
      <c r="AC17689">
        <v>65</v>
      </c>
      <c r="AD17689">
        <v>65</v>
      </c>
      <c r="AE17689">
        <v>66</v>
      </c>
      <c r="AF17689">
        <v>67</v>
      </c>
      <c r="AG17689">
        <v>68</v>
      </c>
      <c r="AH17689">
        <v>68</v>
      </c>
      <c r="AI17689">
        <v>69</v>
      </c>
      <c r="AJ17689">
        <v>70</v>
      </c>
      <c r="AK17689">
        <v>70</v>
      </c>
      <c r="AL17689">
        <v>71</v>
      </c>
      <c r="AM17689">
        <v>71</v>
      </c>
      <c r="AN17689">
        <v>71</v>
      </c>
      <c r="AO17689">
        <v>71</v>
      </c>
      <c r="AP17689">
        <v>71</v>
      </c>
      <c r="AQ17689">
        <v>71</v>
      </c>
    </row>
    <row r="17690" spans="1:43">
      <c r="A17690" t="s">
        <v>10956</v>
      </c>
      <c r="B17690" t="s">
        <v>10957</v>
      </c>
      <c r="C17690" t="s">
        <v>10950</v>
      </c>
      <c r="D17690" t="s">
        <v>10951</v>
      </c>
      <c r="E17690" t="s">
        <v>10732</v>
      </c>
      <c r="F17690" t="s">
        <v>10733</v>
      </c>
      <c r="G17690" t="s">
        <v>10734</v>
      </c>
      <c r="H17690" t="s">
        <v>10735</v>
      </c>
      <c r="I17690" s="2">
        <v>1</v>
      </c>
      <c r="J17690" s="2">
        <v>0</v>
      </c>
      <c r="K17690" s="2">
        <v>0</v>
      </c>
      <c r="L17690" t="s">
        <v>120</v>
      </c>
      <c r="M17690" t="s">
        <v>83</v>
      </c>
      <c r="N17690" t="s">
        <v>84</v>
      </c>
      <c r="O17690" t="s">
        <v>85</v>
      </c>
      <c r="P17690" t="s">
        <v>86</v>
      </c>
      <c r="Q17690">
        <v>4</v>
      </c>
      <c r="R17690">
        <v>4</v>
      </c>
      <c r="S17690">
        <v>4</v>
      </c>
      <c r="T17690">
        <v>4</v>
      </c>
      <c r="U17690">
        <v>4</v>
      </c>
      <c r="V17690">
        <v>4</v>
      </c>
      <c r="W17690">
        <v>5</v>
      </c>
      <c r="X17690">
        <v>5</v>
      </c>
      <c r="Y17690">
        <v>5</v>
      </c>
      <c r="Z17690">
        <v>5</v>
      </c>
      <c r="AA17690">
        <v>5</v>
      </c>
      <c r="AB17690">
        <v>5</v>
      </c>
      <c r="AC17690">
        <v>5</v>
      </c>
      <c r="AD17690">
        <v>5</v>
      </c>
      <c r="AE17690">
        <v>5</v>
      </c>
      <c r="AF17690">
        <v>5</v>
      </c>
      <c r="AG17690">
        <v>5</v>
      </c>
      <c r="AH17690">
        <v>5</v>
      </c>
      <c r="AI17690">
        <v>5</v>
      </c>
      <c r="AJ17690">
        <v>5</v>
      </c>
      <c r="AK17690">
        <v>5</v>
      </c>
      <c r="AL17690">
        <v>5</v>
      </c>
      <c r="AM17690">
        <v>5</v>
      </c>
      <c r="AN17690">
        <v>5</v>
      </c>
      <c r="AO17690">
        <v>5</v>
      </c>
      <c r="AP17690">
        <v>5</v>
      </c>
      <c r="AQ17690">
        <v>5</v>
      </c>
    </row>
    <row r="17691" spans="1:43">
      <c r="A17691" t="s">
        <v>10956</v>
      </c>
      <c r="B17691" t="s">
        <v>10957</v>
      </c>
      <c r="C17691" t="s">
        <v>10950</v>
      </c>
      <c r="D17691" t="s">
        <v>10951</v>
      </c>
      <c r="E17691" t="s">
        <v>10732</v>
      </c>
      <c r="F17691" t="s">
        <v>10733</v>
      </c>
      <c r="G17691" t="s">
        <v>10734</v>
      </c>
      <c r="H17691" t="s">
        <v>10735</v>
      </c>
      <c r="I17691" s="2">
        <v>1</v>
      </c>
      <c r="J17691" s="2">
        <v>0</v>
      </c>
      <c r="K17691" s="2">
        <v>0</v>
      </c>
      <c r="L17691" t="s">
        <v>120</v>
      </c>
      <c r="M17691" t="s">
        <v>87</v>
      </c>
      <c r="N17691" t="s">
        <v>88</v>
      </c>
      <c r="O17691" t="s">
        <v>85</v>
      </c>
      <c r="P17691" t="s">
        <v>86</v>
      </c>
      <c r="Q17691">
        <v>4</v>
      </c>
      <c r="R17691">
        <v>4</v>
      </c>
      <c r="S17691">
        <v>4</v>
      </c>
      <c r="T17691">
        <v>4</v>
      </c>
      <c r="U17691">
        <v>4</v>
      </c>
      <c r="V17691">
        <v>4</v>
      </c>
      <c r="W17691">
        <v>4</v>
      </c>
      <c r="X17691">
        <v>4</v>
      </c>
      <c r="Y17691">
        <v>4</v>
      </c>
      <c r="Z17691">
        <v>4</v>
      </c>
      <c r="AA17691">
        <v>4</v>
      </c>
      <c r="AB17691">
        <v>4</v>
      </c>
      <c r="AC17691">
        <v>4</v>
      </c>
      <c r="AD17691">
        <v>4</v>
      </c>
      <c r="AE17691">
        <v>4</v>
      </c>
      <c r="AF17691">
        <v>4</v>
      </c>
      <c r="AG17691">
        <v>4</v>
      </c>
      <c r="AH17691">
        <v>4</v>
      </c>
      <c r="AI17691">
        <v>4</v>
      </c>
      <c r="AJ17691">
        <v>4</v>
      </c>
      <c r="AK17691">
        <v>5</v>
      </c>
      <c r="AL17691">
        <v>5</v>
      </c>
      <c r="AM17691">
        <v>5</v>
      </c>
      <c r="AN17691">
        <v>5</v>
      </c>
      <c r="AO17691">
        <v>5</v>
      </c>
      <c r="AP17691">
        <v>5</v>
      </c>
      <c r="AQ17691">
        <v>5</v>
      </c>
    </row>
    <row r="17692" spans="1:43">
      <c r="A17692" t="s">
        <v>10956</v>
      </c>
      <c r="B17692" t="s">
        <v>10957</v>
      </c>
      <c r="C17692" t="s">
        <v>10950</v>
      </c>
      <c r="D17692" t="s">
        <v>10951</v>
      </c>
      <c r="E17692" t="s">
        <v>10732</v>
      </c>
      <c r="F17692" t="s">
        <v>10733</v>
      </c>
      <c r="G17692" t="s">
        <v>10734</v>
      </c>
      <c r="H17692" t="s">
        <v>10735</v>
      </c>
      <c r="I17692" s="2">
        <v>1</v>
      </c>
      <c r="J17692" s="2">
        <v>0</v>
      </c>
      <c r="K17692" s="2">
        <v>0</v>
      </c>
      <c r="L17692" t="s">
        <v>120</v>
      </c>
      <c r="M17692" t="s">
        <v>89</v>
      </c>
      <c r="N17692" t="s">
        <v>90</v>
      </c>
      <c r="O17692" t="s">
        <v>85</v>
      </c>
      <c r="P17692" t="s">
        <v>86</v>
      </c>
      <c r="Q17692">
        <v>4</v>
      </c>
      <c r="R17692">
        <v>4</v>
      </c>
      <c r="S17692">
        <v>4</v>
      </c>
      <c r="T17692">
        <v>4</v>
      </c>
      <c r="U17692">
        <v>5</v>
      </c>
      <c r="V17692">
        <v>5</v>
      </c>
      <c r="W17692">
        <v>5</v>
      </c>
      <c r="X17692">
        <v>5</v>
      </c>
      <c r="Y17692">
        <v>5</v>
      </c>
      <c r="Z17692">
        <v>5</v>
      </c>
      <c r="AA17692">
        <v>5</v>
      </c>
      <c r="AB17692">
        <v>5</v>
      </c>
      <c r="AC17692">
        <v>5</v>
      </c>
      <c r="AD17692">
        <v>5</v>
      </c>
      <c r="AE17692">
        <v>5</v>
      </c>
      <c r="AF17692">
        <v>5</v>
      </c>
      <c r="AG17692">
        <v>5</v>
      </c>
      <c r="AH17692">
        <v>5</v>
      </c>
      <c r="AI17692">
        <v>5</v>
      </c>
      <c r="AJ17692">
        <v>5</v>
      </c>
      <c r="AK17692">
        <v>5</v>
      </c>
      <c r="AL17692">
        <v>5</v>
      </c>
      <c r="AM17692">
        <v>5</v>
      </c>
      <c r="AN17692">
        <v>5</v>
      </c>
      <c r="AO17692">
        <v>5</v>
      </c>
      <c r="AP17692">
        <v>5</v>
      </c>
      <c r="AQ17692">
        <v>5</v>
      </c>
    </row>
    <row r="17693" spans="1:43">
      <c r="A17693" t="s">
        <v>10956</v>
      </c>
      <c r="B17693" t="s">
        <v>10957</v>
      </c>
      <c r="C17693" t="s">
        <v>10950</v>
      </c>
      <c r="D17693" t="s">
        <v>10951</v>
      </c>
      <c r="E17693" t="s">
        <v>10732</v>
      </c>
      <c r="F17693" t="s">
        <v>10733</v>
      </c>
      <c r="G17693" t="s">
        <v>10734</v>
      </c>
      <c r="H17693" t="s">
        <v>10735</v>
      </c>
      <c r="I17693" s="2">
        <v>1</v>
      </c>
      <c r="J17693" s="2">
        <v>0</v>
      </c>
      <c r="K17693" s="2">
        <v>0</v>
      </c>
      <c r="L17693" t="s">
        <v>120</v>
      </c>
      <c r="M17693" t="s">
        <v>83</v>
      </c>
      <c r="N17693" t="s">
        <v>91</v>
      </c>
      <c r="O17693" t="s">
        <v>85</v>
      </c>
      <c r="P17693" t="s">
        <v>86</v>
      </c>
      <c r="Q17693">
        <v>4</v>
      </c>
      <c r="R17693">
        <v>4</v>
      </c>
      <c r="S17693">
        <v>4</v>
      </c>
      <c r="T17693">
        <v>4</v>
      </c>
      <c r="U17693">
        <v>4</v>
      </c>
      <c r="V17693">
        <v>4</v>
      </c>
      <c r="W17693">
        <v>5</v>
      </c>
      <c r="X17693">
        <v>5</v>
      </c>
      <c r="Y17693">
        <v>5</v>
      </c>
      <c r="Z17693">
        <v>5</v>
      </c>
      <c r="AA17693">
        <v>5</v>
      </c>
      <c r="AB17693">
        <v>5</v>
      </c>
      <c r="AC17693">
        <v>5</v>
      </c>
      <c r="AD17693">
        <v>5</v>
      </c>
      <c r="AE17693">
        <v>5</v>
      </c>
      <c r="AF17693">
        <v>5</v>
      </c>
      <c r="AG17693">
        <v>5</v>
      </c>
      <c r="AH17693">
        <v>5</v>
      </c>
      <c r="AI17693">
        <v>5</v>
      </c>
      <c r="AJ17693">
        <v>5</v>
      </c>
      <c r="AK17693">
        <v>5</v>
      </c>
      <c r="AL17693">
        <v>5</v>
      </c>
      <c r="AM17693">
        <v>5</v>
      </c>
      <c r="AN17693">
        <v>5</v>
      </c>
      <c r="AO17693">
        <v>5</v>
      </c>
      <c r="AP17693">
        <v>5</v>
      </c>
      <c r="AQ17693">
        <v>5</v>
      </c>
    </row>
    <row r="17694" spans="1:43">
      <c r="A17694" t="s">
        <v>10958</v>
      </c>
      <c r="B17694" t="s">
        <v>10959</v>
      </c>
      <c r="C17694" t="s">
        <v>10950</v>
      </c>
      <c r="D17694" t="s">
        <v>10951</v>
      </c>
      <c r="E17694" t="s">
        <v>10732</v>
      </c>
      <c r="F17694" t="s">
        <v>10733</v>
      </c>
      <c r="G17694" t="s">
        <v>10734</v>
      </c>
      <c r="H17694" t="s">
        <v>10735</v>
      </c>
      <c r="I17694" s="2">
        <v>1</v>
      </c>
      <c r="J17694" s="2">
        <v>0</v>
      </c>
      <c r="K17694" s="2">
        <v>0</v>
      </c>
      <c r="L17694" t="s">
        <v>120</v>
      </c>
      <c r="M17694" t="s">
        <v>83</v>
      </c>
      <c r="N17694" t="s">
        <v>84</v>
      </c>
      <c r="O17694" t="s">
        <v>85</v>
      </c>
      <c r="P17694" t="s">
        <v>86</v>
      </c>
      <c r="Q17694">
        <v>15</v>
      </c>
      <c r="R17694">
        <v>15</v>
      </c>
      <c r="S17694">
        <v>16</v>
      </c>
      <c r="T17694">
        <v>16</v>
      </c>
      <c r="U17694">
        <v>16</v>
      </c>
      <c r="V17694">
        <v>16</v>
      </c>
      <c r="W17694">
        <v>16</v>
      </c>
      <c r="X17694">
        <v>17</v>
      </c>
      <c r="Y17694">
        <v>17</v>
      </c>
      <c r="Z17694">
        <v>17</v>
      </c>
      <c r="AA17694">
        <v>17</v>
      </c>
      <c r="AB17694">
        <v>17</v>
      </c>
      <c r="AC17694">
        <v>17</v>
      </c>
      <c r="AD17694">
        <v>18</v>
      </c>
      <c r="AE17694">
        <v>18</v>
      </c>
      <c r="AF17694">
        <v>18</v>
      </c>
      <c r="AG17694">
        <v>18</v>
      </c>
      <c r="AH17694">
        <v>18</v>
      </c>
      <c r="AI17694">
        <v>19</v>
      </c>
      <c r="AJ17694">
        <v>19</v>
      </c>
      <c r="AK17694">
        <v>19</v>
      </c>
      <c r="AL17694">
        <v>19</v>
      </c>
      <c r="AM17694">
        <v>19</v>
      </c>
      <c r="AN17694">
        <v>19</v>
      </c>
      <c r="AO17694">
        <v>19</v>
      </c>
      <c r="AP17694">
        <v>19</v>
      </c>
      <c r="AQ17694">
        <v>19</v>
      </c>
    </row>
    <row r="17695" spans="1:43">
      <c r="A17695" t="s">
        <v>10958</v>
      </c>
      <c r="B17695" t="s">
        <v>10959</v>
      </c>
      <c r="C17695" t="s">
        <v>10950</v>
      </c>
      <c r="D17695" t="s">
        <v>10951</v>
      </c>
      <c r="E17695" t="s">
        <v>10732</v>
      </c>
      <c r="F17695" t="s">
        <v>10733</v>
      </c>
      <c r="G17695" t="s">
        <v>10734</v>
      </c>
      <c r="H17695" t="s">
        <v>10735</v>
      </c>
      <c r="I17695" s="2">
        <v>1</v>
      </c>
      <c r="J17695" s="2">
        <v>0</v>
      </c>
      <c r="K17695" s="2">
        <v>0</v>
      </c>
      <c r="L17695" t="s">
        <v>120</v>
      </c>
      <c r="M17695" t="s">
        <v>87</v>
      </c>
      <c r="N17695" t="s">
        <v>88</v>
      </c>
      <c r="O17695" t="s">
        <v>85</v>
      </c>
      <c r="P17695" t="s">
        <v>86</v>
      </c>
      <c r="Q17695">
        <v>15</v>
      </c>
      <c r="R17695">
        <v>15</v>
      </c>
      <c r="S17695">
        <v>15</v>
      </c>
      <c r="T17695">
        <v>15</v>
      </c>
      <c r="U17695">
        <v>15</v>
      </c>
      <c r="V17695">
        <v>15</v>
      </c>
      <c r="W17695">
        <v>15</v>
      </c>
      <c r="X17695">
        <v>15</v>
      </c>
      <c r="Y17695">
        <v>15</v>
      </c>
      <c r="Z17695">
        <v>16</v>
      </c>
      <c r="AA17695">
        <v>16</v>
      </c>
      <c r="AB17695">
        <v>16</v>
      </c>
      <c r="AC17695">
        <v>16</v>
      </c>
      <c r="AD17695">
        <v>16</v>
      </c>
      <c r="AE17695">
        <v>16</v>
      </c>
      <c r="AF17695">
        <v>16</v>
      </c>
      <c r="AG17695">
        <v>16</v>
      </c>
      <c r="AH17695">
        <v>16</v>
      </c>
      <c r="AI17695">
        <v>16</v>
      </c>
      <c r="AJ17695">
        <v>16</v>
      </c>
      <c r="AK17695">
        <v>16</v>
      </c>
      <c r="AL17695">
        <v>16</v>
      </c>
      <c r="AM17695">
        <v>16</v>
      </c>
      <c r="AN17695">
        <v>16</v>
      </c>
      <c r="AO17695">
        <v>17</v>
      </c>
      <c r="AP17695">
        <v>17</v>
      </c>
      <c r="AQ17695">
        <v>17</v>
      </c>
    </row>
    <row r="17696" spans="1:43">
      <c r="A17696" t="s">
        <v>10958</v>
      </c>
      <c r="B17696" t="s">
        <v>10959</v>
      </c>
      <c r="C17696" t="s">
        <v>10950</v>
      </c>
      <c r="D17696" t="s">
        <v>10951</v>
      </c>
      <c r="E17696" t="s">
        <v>10732</v>
      </c>
      <c r="F17696" t="s">
        <v>10733</v>
      </c>
      <c r="G17696" t="s">
        <v>10734</v>
      </c>
      <c r="H17696" t="s">
        <v>10735</v>
      </c>
      <c r="I17696" s="2">
        <v>1</v>
      </c>
      <c r="J17696" s="2">
        <v>0</v>
      </c>
      <c r="K17696" s="2">
        <v>0</v>
      </c>
      <c r="L17696" t="s">
        <v>120</v>
      </c>
      <c r="M17696" t="s">
        <v>89</v>
      </c>
      <c r="N17696" t="s">
        <v>90</v>
      </c>
      <c r="O17696" t="s">
        <v>85</v>
      </c>
      <c r="P17696" t="s">
        <v>86</v>
      </c>
      <c r="Q17696">
        <v>15</v>
      </c>
      <c r="R17696">
        <v>16</v>
      </c>
      <c r="S17696">
        <v>16</v>
      </c>
      <c r="T17696">
        <v>16</v>
      </c>
      <c r="U17696">
        <v>17</v>
      </c>
      <c r="V17696">
        <v>17</v>
      </c>
      <c r="W17696">
        <v>17</v>
      </c>
      <c r="X17696">
        <v>17</v>
      </c>
      <c r="Y17696">
        <v>18</v>
      </c>
      <c r="Z17696">
        <v>18</v>
      </c>
      <c r="AA17696">
        <v>18</v>
      </c>
      <c r="AB17696">
        <v>18</v>
      </c>
      <c r="AC17696">
        <v>19</v>
      </c>
      <c r="AD17696">
        <v>19</v>
      </c>
      <c r="AE17696">
        <v>19</v>
      </c>
      <c r="AF17696">
        <v>19</v>
      </c>
      <c r="AG17696">
        <v>19</v>
      </c>
      <c r="AH17696">
        <v>19</v>
      </c>
      <c r="AI17696">
        <v>19</v>
      </c>
      <c r="AJ17696">
        <v>19</v>
      </c>
      <c r="AK17696">
        <v>19</v>
      </c>
      <c r="AL17696">
        <v>19</v>
      </c>
      <c r="AM17696">
        <v>19</v>
      </c>
      <c r="AN17696">
        <v>19</v>
      </c>
      <c r="AO17696">
        <v>19</v>
      </c>
      <c r="AP17696">
        <v>19</v>
      </c>
      <c r="AQ17696">
        <v>19</v>
      </c>
    </row>
    <row r="17697" spans="1:43">
      <c r="A17697" t="s">
        <v>10958</v>
      </c>
      <c r="B17697" t="s">
        <v>10959</v>
      </c>
      <c r="C17697" t="s">
        <v>10950</v>
      </c>
      <c r="D17697" t="s">
        <v>10951</v>
      </c>
      <c r="E17697" t="s">
        <v>10732</v>
      </c>
      <c r="F17697" t="s">
        <v>10733</v>
      </c>
      <c r="G17697" t="s">
        <v>10734</v>
      </c>
      <c r="H17697" t="s">
        <v>10735</v>
      </c>
      <c r="I17697" s="2">
        <v>1</v>
      </c>
      <c r="J17697" s="2">
        <v>0</v>
      </c>
      <c r="K17697" s="2">
        <v>0</v>
      </c>
      <c r="L17697" t="s">
        <v>120</v>
      </c>
      <c r="M17697" t="s">
        <v>83</v>
      </c>
      <c r="N17697" t="s">
        <v>91</v>
      </c>
      <c r="O17697" t="s">
        <v>85</v>
      </c>
      <c r="P17697" t="s">
        <v>86</v>
      </c>
      <c r="Q17697">
        <v>15</v>
      </c>
      <c r="R17697">
        <v>15</v>
      </c>
      <c r="S17697">
        <v>16</v>
      </c>
      <c r="T17697">
        <v>16</v>
      </c>
      <c r="U17697">
        <v>16</v>
      </c>
      <c r="V17697">
        <v>16</v>
      </c>
      <c r="W17697">
        <v>16</v>
      </c>
      <c r="X17697">
        <v>17</v>
      </c>
      <c r="Y17697">
        <v>17</v>
      </c>
      <c r="Z17697">
        <v>17</v>
      </c>
      <c r="AA17697">
        <v>17</v>
      </c>
      <c r="AB17697">
        <v>17</v>
      </c>
      <c r="AC17697">
        <v>17</v>
      </c>
      <c r="AD17697">
        <v>18</v>
      </c>
      <c r="AE17697">
        <v>18</v>
      </c>
      <c r="AF17697">
        <v>18</v>
      </c>
      <c r="AG17697">
        <v>18</v>
      </c>
      <c r="AH17697">
        <v>18</v>
      </c>
      <c r="AI17697">
        <v>19</v>
      </c>
      <c r="AJ17697">
        <v>19</v>
      </c>
      <c r="AK17697">
        <v>19</v>
      </c>
      <c r="AL17697">
        <v>19</v>
      </c>
      <c r="AM17697">
        <v>19</v>
      </c>
      <c r="AN17697">
        <v>19</v>
      </c>
      <c r="AO17697">
        <v>19</v>
      </c>
      <c r="AP17697">
        <v>19</v>
      </c>
      <c r="AQ17697">
        <v>19</v>
      </c>
    </row>
    <row r="17698" spans="1:43">
      <c r="A17698" t="s">
        <v>10960</v>
      </c>
      <c r="B17698" t="s">
        <v>10961</v>
      </c>
      <c r="C17698" t="s">
        <v>10950</v>
      </c>
      <c r="D17698" t="s">
        <v>10951</v>
      </c>
      <c r="E17698" t="s">
        <v>10732</v>
      </c>
      <c r="F17698" t="s">
        <v>10733</v>
      </c>
      <c r="G17698" t="s">
        <v>10734</v>
      </c>
      <c r="H17698" t="s">
        <v>10735</v>
      </c>
      <c r="I17698" s="2">
        <v>1</v>
      </c>
      <c r="J17698" s="2">
        <v>0</v>
      </c>
      <c r="K17698" s="2">
        <v>0</v>
      </c>
      <c r="L17698" t="s">
        <v>120</v>
      </c>
      <c r="M17698" t="s">
        <v>83</v>
      </c>
      <c r="N17698" t="s">
        <v>84</v>
      </c>
      <c r="O17698" t="s">
        <v>85</v>
      </c>
      <c r="P17698" t="s">
        <v>86</v>
      </c>
      <c r="Q17698">
        <v>45</v>
      </c>
      <c r="R17698">
        <v>45</v>
      </c>
      <c r="S17698">
        <v>46</v>
      </c>
      <c r="T17698">
        <v>47</v>
      </c>
      <c r="U17698">
        <v>47</v>
      </c>
      <c r="V17698">
        <v>48</v>
      </c>
      <c r="W17698">
        <v>49</v>
      </c>
      <c r="X17698">
        <v>49</v>
      </c>
      <c r="Y17698">
        <v>50</v>
      </c>
      <c r="Z17698">
        <v>50</v>
      </c>
      <c r="AA17698">
        <v>51</v>
      </c>
      <c r="AB17698">
        <v>51</v>
      </c>
      <c r="AC17698">
        <v>52</v>
      </c>
      <c r="AD17698">
        <v>53</v>
      </c>
      <c r="AE17698">
        <v>53</v>
      </c>
      <c r="AF17698">
        <v>54</v>
      </c>
      <c r="AG17698">
        <v>54</v>
      </c>
      <c r="AH17698">
        <v>55</v>
      </c>
      <c r="AI17698">
        <v>55</v>
      </c>
      <c r="AJ17698">
        <v>56</v>
      </c>
      <c r="AK17698">
        <v>57</v>
      </c>
      <c r="AL17698">
        <v>57</v>
      </c>
      <c r="AM17698">
        <v>57</v>
      </c>
      <c r="AN17698">
        <v>57</v>
      </c>
      <c r="AO17698">
        <v>57</v>
      </c>
      <c r="AP17698">
        <v>57</v>
      </c>
      <c r="AQ17698">
        <v>57</v>
      </c>
    </row>
    <row r="17699" spans="1:43">
      <c r="A17699" t="s">
        <v>10960</v>
      </c>
      <c r="B17699" t="s">
        <v>10961</v>
      </c>
      <c r="C17699" t="s">
        <v>10950</v>
      </c>
      <c r="D17699" t="s">
        <v>10951</v>
      </c>
      <c r="E17699" t="s">
        <v>10732</v>
      </c>
      <c r="F17699" t="s">
        <v>10733</v>
      </c>
      <c r="G17699" t="s">
        <v>10734</v>
      </c>
      <c r="H17699" t="s">
        <v>10735</v>
      </c>
      <c r="I17699" s="2">
        <v>1</v>
      </c>
      <c r="J17699" s="2">
        <v>0</v>
      </c>
      <c r="K17699" s="2">
        <v>0</v>
      </c>
      <c r="L17699" t="s">
        <v>120</v>
      </c>
      <c r="M17699" t="s">
        <v>87</v>
      </c>
      <c r="N17699" t="s">
        <v>88</v>
      </c>
      <c r="O17699" t="s">
        <v>85</v>
      </c>
      <c r="P17699" t="s">
        <v>86</v>
      </c>
      <c r="Q17699">
        <v>45</v>
      </c>
      <c r="R17699">
        <v>46</v>
      </c>
      <c r="S17699">
        <v>46</v>
      </c>
      <c r="T17699">
        <v>46</v>
      </c>
      <c r="U17699">
        <v>46</v>
      </c>
      <c r="V17699">
        <v>46</v>
      </c>
      <c r="W17699">
        <v>47</v>
      </c>
      <c r="X17699">
        <v>47</v>
      </c>
      <c r="Y17699">
        <v>47</v>
      </c>
      <c r="Z17699">
        <v>47</v>
      </c>
      <c r="AA17699">
        <v>47</v>
      </c>
      <c r="AB17699">
        <v>48</v>
      </c>
      <c r="AC17699">
        <v>48</v>
      </c>
      <c r="AD17699">
        <v>48</v>
      </c>
      <c r="AE17699">
        <v>48</v>
      </c>
      <c r="AF17699">
        <v>48</v>
      </c>
      <c r="AG17699">
        <v>49</v>
      </c>
      <c r="AH17699">
        <v>49</v>
      </c>
      <c r="AI17699">
        <v>49</v>
      </c>
      <c r="AJ17699">
        <v>49</v>
      </c>
      <c r="AK17699">
        <v>49</v>
      </c>
      <c r="AL17699">
        <v>49</v>
      </c>
      <c r="AM17699">
        <v>50</v>
      </c>
      <c r="AN17699">
        <v>50</v>
      </c>
      <c r="AO17699">
        <v>50</v>
      </c>
      <c r="AP17699">
        <v>50</v>
      </c>
      <c r="AQ17699">
        <v>50</v>
      </c>
    </row>
    <row r="17700" spans="1:43">
      <c r="A17700" t="s">
        <v>10960</v>
      </c>
      <c r="B17700" t="s">
        <v>10961</v>
      </c>
      <c r="C17700" t="s">
        <v>10950</v>
      </c>
      <c r="D17700" t="s">
        <v>10951</v>
      </c>
      <c r="E17700" t="s">
        <v>10732</v>
      </c>
      <c r="F17700" t="s">
        <v>10733</v>
      </c>
      <c r="G17700" t="s">
        <v>10734</v>
      </c>
      <c r="H17700" t="s">
        <v>10735</v>
      </c>
      <c r="I17700" s="2">
        <v>1</v>
      </c>
      <c r="J17700" s="2">
        <v>0</v>
      </c>
      <c r="K17700" s="2">
        <v>0</v>
      </c>
      <c r="L17700" t="s">
        <v>120</v>
      </c>
      <c r="M17700" t="s">
        <v>89</v>
      </c>
      <c r="N17700" t="s">
        <v>90</v>
      </c>
      <c r="O17700" t="s">
        <v>85</v>
      </c>
      <c r="P17700" t="s">
        <v>86</v>
      </c>
      <c r="Q17700">
        <v>45</v>
      </c>
      <c r="R17700">
        <v>46</v>
      </c>
      <c r="S17700">
        <v>47</v>
      </c>
      <c r="T17700">
        <v>48</v>
      </c>
      <c r="U17700">
        <v>49</v>
      </c>
      <c r="V17700">
        <v>50</v>
      </c>
      <c r="W17700">
        <v>51</v>
      </c>
      <c r="X17700">
        <v>52</v>
      </c>
      <c r="Y17700">
        <v>53</v>
      </c>
      <c r="Z17700">
        <v>53</v>
      </c>
      <c r="AA17700">
        <v>54</v>
      </c>
      <c r="AB17700">
        <v>55</v>
      </c>
      <c r="AC17700">
        <v>56</v>
      </c>
      <c r="AD17700">
        <v>56</v>
      </c>
      <c r="AE17700">
        <v>57</v>
      </c>
      <c r="AF17700">
        <v>57</v>
      </c>
      <c r="AG17700">
        <v>57</v>
      </c>
      <c r="AH17700">
        <v>57</v>
      </c>
      <c r="AI17700">
        <v>57</v>
      </c>
      <c r="AJ17700">
        <v>57</v>
      </c>
      <c r="AK17700">
        <v>57</v>
      </c>
      <c r="AL17700">
        <v>57</v>
      </c>
      <c r="AM17700">
        <v>57</v>
      </c>
      <c r="AN17700">
        <v>57</v>
      </c>
      <c r="AO17700">
        <v>58</v>
      </c>
      <c r="AP17700">
        <v>58</v>
      </c>
      <c r="AQ17700">
        <v>58</v>
      </c>
    </row>
    <row r="17701" spans="1:43">
      <c r="A17701" t="s">
        <v>10960</v>
      </c>
      <c r="B17701" t="s">
        <v>10961</v>
      </c>
      <c r="C17701" t="s">
        <v>10950</v>
      </c>
      <c r="D17701" t="s">
        <v>10951</v>
      </c>
      <c r="E17701" t="s">
        <v>10732</v>
      </c>
      <c r="F17701" t="s">
        <v>10733</v>
      </c>
      <c r="G17701" t="s">
        <v>10734</v>
      </c>
      <c r="H17701" t="s">
        <v>10735</v>
      </c>
      <c r="I17701" s="2">
        <v>1</v>
      </c>
      <c r="J17701" s="2">
        <v>0</v>
      </c>
      <c r="K17701" s="2">
        <v>0</v>
      </c>
      <c r="L17701" t="s">
        <v>120</v>
      </c>
      <c r="M17701" t="s">
        <v>83</v>
      </c>
      <c r="N17701" t="s">
        <v>91</v>
      </c>
      <c r="O17701" t="s">
        <v>85</v>
      </c>
      <c r="P17701" t="s">
        <v>86</v>
      </c>
      <c r="Q17701">
        <v>45</v>
      </c>
      <c r="R17701">
        <v>45</v>
      </c>
      <c r="S17701">
        <v>46</v>
      </c>
      <c r="T17701">
        <v>47</v>
      </c>
      <c r="U17701">
        <v>47</v>
      </c>
      <c r="V17701">
        <v>48</v>
      </c>
      <c r="W17701">
        <v>49</v>
      </c>
      <c r="X17701">
        <v>49</v>
      </c>
      <c r="Y17701">
        <v>50</v>
      </c>
      <c r="Z17701">
        <v>50</v>
      </c>
      <c r="AA17701">
        <v>51</v>
      </c>
      <c r="AB17701">
        <v>51</v>
      </c>
      <c r="AC17701">
        <v>52</v>
      </c>
      <c r="AD17701">
        <v>53</v>
      </c>
      <c r="AE17701">
        <v>53</v>
      </c>
      <c r="AF17701">
        <v>54</v>
      </c>
      <c r="AG17701">
        <v>54</v>
      </c>
      <c r="AH17701">
        <v>55</v>
      </c>
      <c r="AI17701">
        <v>55</v>
      </c>
      <c r="AJ17701">
        <v>56</v>
      </c>
      <c r="AK17701">
        <v>57</v>
      </c>
      <c r="AL17701">
        <v>57</v>
      </c>
      <c r="AM17701">
        <v>57</v>
      </c>
      <c r="AN17701">
        <v>57</v>
      </c>
      <c r="AO17701">
        <v>57</v>
      </c>
      <c r="AP17701">
        <v>57</v>
      </c>
      <c r="AQ17701">
        <v>57</v>
      </c>
    </row>
    <row r="17702" spans="1:43">
      <c r="A17702" t="s">
        <v>10962</v>
      </c>
      <c r="B17702" t="s">
        <v>10963</v>
      </c>
      <c r="C17702" t="s">
        <v>10964</v>
      </c>
      <c r="D17702" t="s">
        <v>10965</v>
      </c>
      <c r="E17702" t="s">
        <v>10732</v>
      </c>
      <c r="F17702" t="s">
        <v>10733</v>
      </c>
      <c r="G17702" t="s">
        <v>10734</v>
      </c>
      <c r="H17702" t="s">
        <v>10735</v>
      </c>
      <c r="I17702" s="2">
        <v>1</v>
      </c>
      <c r="J17702" s="2">
        <v>0</v>
      </c>
      <c r="K17702" s="2">
        <v>0</v>
      </c>
      <c r="L17702" t="s">
        <v>120</v>
      </c>
      <c r="M17702" t="s">
        <v>83</v>
      </c>
      <c r="N17702" t="s">
        <v>84</v>
      </c>
      <c r="O17702" t="s">
        <v>85</v>
      </c>
      <c r="P17702" t="s">
        <v>86</v>
      </c>
      <c r="Q17702">
        <v>11</v>
      </c>
      <c r="R17702">
        <v>11</v>
      </c>
      <c r="S17702">
        <v>12</v>
      </c>
      <c r="T17702">
        <v>12</v>
      </c>
      <c r="U17702">
        <v>12</v>
      </c>
      <c r="V17702">
        <v>12</v>
      </c>
      <c r="W17702">
        <v>12</v>
      </c>
      <c r="X17702">
        <v>12</v>
      </c>
      <c r="Y17702">
        <v>12</v>
      </c>
      <c r="Z17702">
        <v>13</v>
      </c>
      <c r="AA17702">
        <v>13</v>
      </c>
      <c r="AB17702">
        <v>13</v>
      </c>
      <c r="AC17702">
        <v>13</v>
      </c>
      <c r="AD17702">
        <v>13</v>
      </c>
      <c r="AE17702">
        <v>13</v>
      </c>
      <c r="AF17702">
        <v>13</v>
      </c>
      <c r="AG17702">
        <v>13</v>
      </c>
      <c r="AH17702">
        <v>14</v>
      </c>
      <c r="AI17702">
        <v>14</v>
      </c>
      <c r="AJ17702">
        <v>14</v>
      </c>
      <c r="AK17702">
        <v>14</v>
      </c>
      <c r="AL17702">
        <v>14</v>
      </c>
      <c r="AM17702">
        <v>14</v>
      </c>
      <c r="AN17702">
        <v>14</v>
      </c>
      <c r="AO17702">
        <v>14</v>
      </c>
      <c r="AP17702">
        <v>14</v>
      </c>
      <c r="AQ17702">
        <v>14</v>
      </c>
    </row>
    <row r="17703" spans="1:43">
      <c r="A17703" t="s">
        <v>10962</v>
      </c>
      <c r="B17703" t="s">
        <v>10963</v>
      </c>
      <c r="C17703" t="s">
        <v>10964</v>
      </c>
      <c r="D17703" t="s">
        <v>10965</v>
      </c>
      <c r="E17703" t="s">
        <v>10732</v>
      </c>
      <c r="F17703" t="s">
        <v>10733</v>
      </c>
      <c r="G17703" t="s">
        <v>10734</v>
      </c>
      <c r="H17703" t="s">
        <v>10735</v>
      </c>
      <c r="I17703" s="2">
        <v>1</v>
      </c>
      <c r="J17703" s="2">
        <v>0</v>
      </c>
      <c r="K17703" s="2">
        <v>0</v>
      </c>
      <c r="L17703" t="s">
        <v>120</v>
      </c>
      <c r="M17703" t="s">
        <v>87</v>
      </c>
      <c r="N17703" t="s">
        <v>88</v>
      </c>
      <c r="O17703" t="s">
        <v>85</v>
      </c>
      <c r="P17703" t="s">
        <v>86</v>
      </c>
      <c r="Q17703">
        <v>11</v>
      </c>
      <c r="R17703">
        <v>11</v>
      </c>
      <c r="S17703">
        <v>11</v>
      </c>
      <c r="T17703">
        <v>11</v>
      </c>
      <c r="U17703">
        <v>11</v>
      </c>
      <c r="V17703">
        <v>11</v>
      </c>
      <c r="W17703">
        <v>11</v>
      </c>
      <c r="X17703">
        <v>11</v>
      </c>
      <c r="Y17703">
        <v>12</v>
      </c>
      <c r="Z17703">
        <v>12</v>
      </c>
      <c r="AA17703">
        <v>12</v>
      </c>
      <c r="AB17703">
        <v>12</v>
      </c>
      <c r="AC17703">
        <v>12</v>
      </c>
      <c r="AD17703">
        <v>12</v>
      </c>
      <c r="AE17703">
        <v>12</v>
      </c>
      <c r="AF17703">
        <v>12</v>
      </c>
      <c r="AG17703">
        <v>12</v>
      </c>
      <c r="AH17703">
        <v>12</v>
      </c>
      <c r="AI17703">
        <v>12</v>
      </c>
      <c r="AJ17703">
        <v>12</v>
      </c>
      <c r="AK17703">
        <v>12</v>
      </c>
      <c r="AL17703">
        <v>12</v>
      </c>
      <c r="AM17703">
        <v>12</v>
      </c>
      <c r="AN17703">
        <v>12</v>
      </c>
      <c r="AO17703">
        <v>12</v>
      </c>
      <c r="AP17703">
        <v>12</v>
      </c>
      <c r="AQ17703">
        <v>12</v>
      </c>
    </row>
    <row r="17704" spans="1:43">
      <c r="A17704" t="s">
        <v>10962</v>
      </c>
      <c r="B17704" t="s">
        <v>10963</v>
      </c>
      <c r="C17704" t="s">
        <v>10964</v>
      </c>
      <c r="D17704" t="s">
        <v>10965</v>
      </c>
      <c r="E17704" t="s">
        <v>10732</v>
      </c>
      <c r="F17704" t="s">
        <v>10733</v>
      </c>
      <c r="G17704" t="s">
        <v>10734</v>
      </c>
      <c r="H17704" t="s">
        <v>10735</v>
      </c>
      <c r="I17704" s="2">
        <v>1</v>
      </c>
      <c r="J17704" s="2">
        <v>0</v>
      </c>
      <c r="K17704" s="2">
        <v>0</v>
      </c>
      <c r="L17704" t="s">
        <v>120</v>
      </c>
      <c r="M17704" t="s">
        <v>89</v>
      </c>
      <c r="N17704" t="s">
        <v>90</v>
      </c>
      <c r="O17704" t="s">
        <v>85</v>
      </c>
      <c r="P17704" t="s">
        <v>86</v>
      </c>
      <c r="Q17704">
        <v>11</v>
      </c>
      <c r="R17704">
        <v>12</v>
      </c>
      <c r="S17704">
        <v>12</v>
      </c>
      <c r="T17704">
        <v>12</v>
      </c>
      <c r="U17704">
        <v>12</v>
      </c>
      <c r="V17704">
        <v>13</v>
      </c>
      <c r="W17704">
        <v>13</v>
      </c>
      <c r="X17704">
        <v>13</v>
      </c>
      <c r="Y17704">
        <v>13</v>
      </c>
      <c r="Z17704">
        <v>13</v>
      </c>
      <c r="AA17704">
        <v>13</v>
      </c>
      <c r="AB17704">
        <v>14</v>
      </c>
      <c r="AC17704">
        <v>14</v>
      </c>
      <c r="AD17704">
        <v>14</v>
      </c>
      <c r="AE17704">
        <v>14</v>
      </c>
      <c r="AF17704">
        <v>14</v>
      </c>
      <c r="AG17704">
        <v>14</v>
      </c>
      <c r="AH17704">
        <v>14</v>
      </c>
      <c r="AI17704">
        <v>14</v>
      </c>
      <c r="AJ17704">
        <v>14</v>
      </c>
      <c r="AK17704">
        <v>14</v>
      </c>
      <c r="AL17704">
        <v>14</v>
      </c>
      <c r="AM17704">
        <v>14</v>
      </c>
      <c r="AN17704">
        <v>14</v>
      </c>
      <c r="AO17704">
        <v>14</v>
      </c>
      <c r="AP17704">
        <v>14</v>
      </c>
      <c r="AQ17704">
        <v>14</v>
      </c>
    </row>
    <row r="17705" spans="1:43">
      <c r="A17705" t="s">
        <v>10962</v>
      </c>
      <c r="B17705" t="s">
        <v>10963</v>
      </c>
      <c r="C17705" t="s">
        <v>10964</v>
      </c>
      <c r="D17705" t="s">
        <v>10965</v>
      </c>
      <c r="E17705" t="s">
        <v>10732</v>
      </c>
      <c r="F17705" t="s">
        <v>10733</v>
      </c>
      <c r="G17705" t="s">
        <v>10734</v>
      </c>
      <c r="H17705" t="s">
        <v>10735</v>
      </c>
      <c r="I17705" s="2">
        <v>1</v>
      </c>
      <c r="J17705" s="2">
        <v>0</v>
      </c>
      <c r="K17705" s="2">
        <v>0</v>
      </c>
      <c r="L17705" t="s">
        <v>120</v>
      </c>
      <c r="M17705" t="s">
        <v>83</v>
      </c>
      <c r="N17705" t="s">
        <v>91</v>
      </c>
      <c r="O17705" t="s">
        <v>85</v>
      </c>
      <c r="P17705" t="s">
        <v>86</v>
      </c>
      <c r="Q17705">
        <v>11</v>
      </c>
      <c r="R17705">
        <v>11</v>
      </c>
      <c r="S17705">
        <v>12</v>
      </c>
      <c r="T17705">
        <v>12</v>
      </c>
      <c r="U17705">
        <v>12</v>
      </c>
      <c r="V17705">
        <v>12</v>
      </c>
      <c r="W17705">
        <v>12</v>
      </c>
      <c r="X17705">
        <v>12</v>
      </c>
      <c r="Y17705">
        <v>12</v>
      </c>
      <c r="Z17705">
        <v>13</v>
      </c>
      <c r="AA17705">
        <v>13</v>
      </c>
      <c r="AB17705">
        <v>13</v>
      </c>
      <c r="AC17705">
        <v>13</v>
      </c>
      <c r="AD17705">
        <v>13</v>
      </c>
      <c r="AE17705">
        <v>13</v>
      </c>
      <c r="AF17705">
        <v>13</v>
      </c>
      <c r="AG17705">
        <v>13</v>
      </c>
      <c r="AH17705">
        <v>14</v>
      </c>
      <c r="AI17705">
        <v>14</v>
      </c>
      <c r="AJ17705">
        <v>14</v>
      </c>
      <c r="AK17705">
        <v>14</v>
      </c>
      <c r="AL17705">
        <v>14</v>
      </c>
      <c r="AM17705">
        <v>14</v>
      </c>
      <c r="AN17705">
        <v>14</v>
      </c>
      <c r="AO17705">
        <v>14</v>
      </c>
      <c r="AP17705">
        <v>14</v>
      </c>
      <c r="AQ17705">
        <v>14</v>
      </c>
    </row>
    <row r="17706" spans="1:43">
      <c r="A17706" t="s">
        <v>10966</v>
      </c>
      <c r="B17706" t="s">
        <v>10967</v>
      </c>
      <c r="C17706" t="s">
        <v>10964</v>
      </c>
      <c r="D17706" t="s">
        <v>10965</v>
      </c>
      <c r="E17706" t="s">
        <v>10732</v>
      </c>
      <c r="F17706" t="s">
        <v>10733</v>
      </c>
      <c r="G17706" t="s">
        <v>10734</v>
      </c>
      <c r="H17706" t="s">
        <v>10735</v>
      </c>
      <c r="I17706" s="2">
        <v>1</v>
      </c>
      <c r="J17706" s="2">
        <v>0</v>
      </c>
      <c r="K17706" s="2">
        <v>0</v>
      </c>
      <c r="L17706" t="s">
        <v>120</v>
      </c>
      <c r="M17706" t="s">
        <v>83</v>
      </c>
      <c r="N17706" t="s">
        <v>84</v>
      </c>
      <c r="O17706" t="s">
        <v>85</v>
      </c>
      <c r="P17706" t="s">
        <v>86</v>
      </c>
      <c r="Q17706">
        <v>2</v>
      </c>
      <c r="R17706">
        <v>2</v>
      </c>
      <c r="S17706">
        <v>2</v>
      </c>
      <c r="T17706">
        <v>2</v>
      </c>
      <c r="U17706">
        <v>2</v>
      </c>
      <c r="V17706">
        <v>2</v>
      </c>
      <c r="W17706">
        <v>2</v>
      </c>
      <c r="X17706">
        <v>2</v>
      </c>
      <c r="Y17706">
        <v>2</v>
      </c>
      <c r="Z17706">
        <v>2</v>
      </c>
      <c r="AA17706">
        <v>2</v>
      </c>
      <c r="AB17706">
        <v>2</v>
      </c>
      <c r="AC17706">
        <v>2</v>
      </c>
      <c r="AD17706">
        <v>2</v>
      </c>
      <c r="AE17706">
        <v>2</v>
      </c>
      <c r="AF17706">
        <v>2</v>
      </c>
      <c r="AG17706">
        <v>2</v>
      </c>
      <c r="AH17706">
        <v>2</v>
      </c>
      <c r="AI17706">
        <v>2</v>
      </c>
      <c r="AJ17706">
        <v>2</v>
      </c>
      <c r="AK17706">
        <v>2</v>
      </c>
      <c r="AL17706">
        <v>2</v>
      </c>
      <c r="AM17706">
        <v>2</v>
      </c>
      <c r="AN17706">
        <v>2</v>
      </c>
      <c r="AO17706">
        <v>2</v>
      </c>
      <c r="AP17706">
        <v>2</v>
      </c>
      <c r="AQ17706">
        <v>2</v>
      </c>
    </row>
    <row r="17707" spans="1:43">
      <c r="A17707" t="s">
        <v>10966</v>
      </c>
      <c r="B17707" t="s">
        <v>10967</v>
      </c>
      <c r="C17707" t="s">
        <v>10964</v>
      </c>
      <c r="D17707" t="s">
        <v>10965</v>
      </c>
      <c r="E17707" t="s">
        <v>10732</v>
      </c>
      <c r="F17707" t="s">
        <v>10733</v>
      </c>
      <c r="G17707" t="s">
        <v>10734</v>
      </c>
      <c r="H17707" t="s">
        <v>10735</v>
      </c>
      <c r="I17707" s="2">
        <v>1</v>
      </c>
      <c r="J17707" s="2">
        <v>0</v>
      </c>
      <c r="K17707" s="2">
        <v>0</v>
      </c>
      <c r="L17707" t="s">
        <v>120</v>
      </c>
      <c r="M17707" t="s">
        <v>87</v>
      </c>
      <c r="N17707" t="s">
        <v>88</v>
      </c>
      <c r="O17707" t="s">
        <v>85</v>
      </c>
      <c r="P17707" t="s">
        <v>86</v>
      </c>
      <c r="Q17707">
        <v>2</v>
      </c>
      <c r="R17707">
        <v>2</v>
      </c>
      <c r="S17707">
        <v>2</v>
      </c>
      <c r="T17707">
        <v>2</v>
      </c>
      <c r="U17707">
        <v>2</v>
      </c>
      <c r="V17707">
        <v>2</v>
      </c>
      <c r="W17707">
        <v>2</v>
      </c>
      <c r="X17707">
        <v>2</v>
      </c>
      <c r="Y17707">
        <v>2</v>
      </c>
      <c r="Z17707">
        <v>2</v>
      </c>
      <c r="AA17707">
        <v>2</v>
      </c>
      <c r="AB17707">
        <v>2</v>
      </c>
      <c r="AC17707">
        <v>2</v>
      </c>
      <c r="AD17707">
        <v>2</v>
      </c>
      <c r="AE17707">
        <v>2</v>
      </c>
      <c r="AF17707">
        <v>2</v>
      </c>
      <c r="AG17707">
        <v>2</v>
      </c>
      <c r="AH17707">
        <v>2</v>
      </c>
      <c r="AI17707">
        <v>2</v>
      </c>
      <c r="AJ17707">
        <v>2</v>
      </c>
      <c r="AK17707">
        <v>2</v>
      </c>
      <c r="AL17707">
        <v>2</v>
      </c>
      <c r="AM17707">
        <v>2</v>
      </c>
      <c r="AN17707">
        <v>2</v>
      </c>
      <c r="AO17707">
        <v>2</v>
      </c>
      <c r="AP17707">
        <v>2</v>
      </c>
      <c r="AQ17707">
        <v>2</v>
      </c>
    </row>
    <row r="17708" spans="1:43">
      <c r="A17708" t="s">
        <v>10966</v>
      </c>
      <c r="B17708" t="s">
        <v>10967</v>
      </c>
      <c r="C17708" t="s">
        <v>10964</v>
      </c>
      <c r="D17708" t="s">
        <v>10965</v>
      </c>
      <c r="E17708" t="s">
        <v>10732</v>
      </c>
      <c r="F17708" t="s">
        <v>10733</v>
      </c>
      <c r="G17708" t="s">
        <v>10734</v>
      </c>
      <c r="H17708" t="s">
        <v>10735</v>
      </c>
      <c r="I17708" s="2">
        <v>1</v>
      </c>
      <c r="J17708" s="2">
        <v>0</v>
      </c>
      <c r="K17708" s="2">
        <v>0</v>
      </c>
      <c r="L17708" t="s">
        <v>120</v>
      </c>
      <c r="M17708" t="s">
        <v>89</v>
      </c>
      <c r="N17708" t="s">
        <v>90</v>
      </c>
      <c r="O17708" t="s">
        <v>85</v>
      </c>
      <c r="P17708" t="s">
        <v>86</v>
      </c>
      <c r="Q17708">
        <v>2</v>
      </c>
      <c r="R17708">
        <v>2</v>
      </c>
      <c r="S17708">
        <v>2</v>
      </c>
      <c r="T17708">
        <v>2</v>
      </c>
      <c r="U17708">
        <v>2</v>
      </c>
      <c r="V17708">
        <v>2</v>
      </c>
      <c r="W17708">
        <v>2</v>
      </c>
      <c r="X17708">
        <v>2</v>
      </c>
      <c r="Y17708">
        <v>2</v>
      </c>
      <c r="Z17708">
        <v>2</v>
      </c>
      <c r="AA17708">
        <v>2</v>
      </c>
      <c r="AB17708">
        <v>2</v>
      </c>
      <c r="AC17708">
        <v>2</v>
      </c>
      <c r="AD17708">
        <v>2</v>
      </c>
      <c r="AE17708">
        <v>2</v>
      </c>
      <c r="AF17708">
        <v>2</v>
      </c>
      <c r="AG17708">
        <v>2</v>
      </c>
      <c r="AH17708">
        <v>2</v>
      </c>
      <c r="AI17708">
        <v>2</v>
      </c>
      <c r="AJ17708">
        <v>2</v>
      </c>
      <c r="AK17708">
        <v>2</v>
      </c>
      <c r="AL17708">
        <v>2</v>
      </c>
      <c r="AM17708">
        <v>2</v>
      </c>
      <c r="AN17708">
        <v>2</v>
      </c>
      <c r="AO17708">
        <v>2</v>
      </c>
      <c r="AP17708">
        <v>2</v>
      </c>
      <c r="AQ17708">
        <v>2</v>
      </c>
    </row>
    <row r="17709" spans="1:43">
      <c r="A17709" t="s">
        <v>10966</v>
      </c>
      <c r="B17709" t="s">
        <v>10967</v>
      </c>
      <c r="C17709" t="s">
        <v>10964</v>
      </c>
      <c r="D17709" t="s">
        <v>10965</v>
      </c>
      <c r="E17709" t="s">
        <v>10732</v>
      </c>
      <c r="F17709" t="s">
        <v>10733</v>
      </c>
      <c r="G17709" t="s">
        <v>10734</v>
      </c>
      <c r="H17709" t="s">
        <v>10735</v>
      </c>
      <c r="I17709" s="2">
        <v>1</v>
      </c>
      <c r="J17709" s="2">
        <v>0</v>
      </c>
      <c r="K17709" s="2">
        <v>0</v>
      </c>
      <c r="L17709" t="s">
        <v>120</v>
      </c>
      <c r="M17709" t="s">
        <v>83</v>
      </c>
      <c r="N17709" t="s">
        <v>91</v>
      </c>
      <c r="O17709" t="s">
        <v>85</v>
      </c>
      <c r="P17709" t="s">
        <v>86</v>
      </c>
      <c r="Q17709">
        <v>2</v>
      </c>
      <c r="R17709">
        <v>2</v>
      </c>
      <c r="S17709">
        <v>2</v>
      </c>
      <c r="T17709">
        <v>2</v>
      </c>
      <c r="U17709">
        <v>2</v>
      </c>
      <c r="V17709">
        <v>2</v>
      </c>
      <c r="W17709">
        <v>2</v>
      </c>
      <c r="X17709">
        <v>2</v>
      </c>
      <c r="Y17709">
        <v>2</v>
      </c>
      <c r="Z17709">
        <v>2</v>
      </c>
      <c r="AA17709">
        <v>2</v>
      </c>
      <c r="AB17709">
        <v>2</v>
      </c>
      <c r="AC17709">
        <v>2</v>
      </c>
      <c r="AD17709">
        <v>2</v>
      </c>
      <c r="AE17709">
        <v>2</v>
      </c>
      <c r="AF17709">
        <v>2</v>
      </c>
      <c r="AG17709">
        <v>2</v>
      </c>
      <c r="AH17709">
        <v>2</v>
      </c>
      <c r="AI17709">
        <v>2</v>
      </c>
      <c r="AJ17709">
        <v>2</v>
      </c>
      <c r="AK17709">
        <v>2</v>
      </c>
      <c r="AL17709">
        <v>2</v>
      </c>
      <c r="AM17709">
        <v>2</v>
      </c>
      <c r="AN17709">
        <v>2</v>
      </c>
      <c r="AO17709">
        <v>2</v>
      </c>
      <c r="AP17709">
        <v>2</v>
      </c>
      <c r="AQ17709">
        <v>2</v>
      </c>
    </row>
    <row r="17710" spans="1:43">
      <c r="A17710" t="s">
        <v>10968</v>
      </c>
      <c r="B17710" t="s">
        <v>10969</v>
      </c>
      <c r="C17710" t="s">
        <v>10964</v>
      </c>
      <c r="D17710" t="s">
        <v>10965</v>
      </c>
      <c r="E17710" t="s">
        <v>10732</v>
      </c>
      <c r="F17710" t="s">
        <v>10733</v>
      </c>
      <c r="G17710" t="s">
        <v>10734</v>
      </c>
      <c r="H17710" t="s">
        <v>10735</v>
      </c>
      <c r="I17710" s="2">
        <v>1</v>
      </c>
      <c r="J17710" s="2">
        <v>0</v>
      </c>
      <c r="K17710" s="2">
        <v>0</v>
      </c>
      <c r="L17710" t="s">
        <v>120</v>
      </c>
      <c r="M17710" t="s">
        <v>83</v>
      </c>
      <c r="N17710" t="s">
        <v>84</v>
      </c>
      <c r="O17710" t="s">
        <v>85</v>
      </c>
      <c r="P17710" t="s">
        <v>86</v>
      </c>
      <c r="Q17710">
        <v>25</v>
      </c>
      <c r="R17710">
        <v>26</v>
      </c>
      <c r="S17710">
        <v>26</v>
      </c>
      <c r="T17710">
        <v>26</v>
      </c>
      <c r="U17710">
        <v>27</v>
      </c>
      <c r="V17710">
        <v>27</v>
      </c>
      <c r="W17710">
        <v>27</v>
      </c>
      <c r="X17710">
        <v>28</v>
      </c>
      <c r="Y17710">
        <v>28</v>
      </c>
      <c r="Z17710">
        <v>28</v>
      </c>
      <c r="AA17710">
        <v>29</v>
      </c>
      <c r="AB17710">
        <v>29</v>
      </c>
      <c r="AC17710">
        <v>29</v>
      </c>
      <c r="AD17710">
        <v>30</v>
      </c>
      <c r="AE17710">
        <v>30</v>
      </c>
      <c r="AF17710">
        <v>30</v>
      </c>
      <c r="AG17710">
        <v>31</v>
      </c>
      <c r="AH17710">
        <v>31</v>
      </c>
      <c r="AI17710">
        <v>31</v>
      </c>
      <c r="AJ17710">
        <v>31</v>
      </c>
      <c r="AK17710">
        <v>32</v>
      </c>
      <c r="AL17710">
        <v>32</v>
      </c>
      <c r="AM17710">
        <v>32</v>
      </c>
      <c r="AN17710">
        <v>32</v>
      </c>
      <c r="AO17710">
        <v>32</v>
      </c>
      <c r="AP17710">
        <v>32</v>
      </c>
      <c r="AQ17710">
        <v>32</v>
      </c>
    </row>
    <row r="17711" spans="1:43">
      <c r="A17711" t="s">
        <v>10968</v>
      </c>
      <c r="B17711" t="s">
        <v>10969</v>
      </c>
      <c r="C17711" t="s">
        <v>10964</v>
      </c>
      <c r="D17711" t="s">
        <v>10965</v>
      </c>
      <c r="E17711" t="s">
        <v>10732</v>
      </c>
      <c r="F17711" t="s">
        <v>10733</v>
      </c>
      <c r="G17711" t="s">
        <v>10734</v>
      </c>
      <c r="H17711" t="s">
        <v>10735</v>
      </c>
      <c r="I17711" s="2">
        <v>1</v>
      </c>
      <c r="J17711" s="2">
        <v>0</v>
      </c>
      <c r="K17711" s="2">
        <v>0</v>
      </c>
      <c r="L17711" t="s">
        <v>120</v>
      </c>
      <c r="M17711" t="s">
        <v>87</v>
      </c>
      <c r="N17711" t="s">
        <v>88</v>
      </c>
      <c r="O17711" t="s">
        <v>85</v>
      </c>
      <c r="P17711" t="s">
        <v>86</v>
      </c>
      <c r="Q17711">
        <v>25</v>
      </c>
      <c r="R17711">
        <v>25</v>
      </c>
      <c r="S17711">
        <v>25</v>
      </c>
      <c r="T17711">
        <v>25</v>
      </c>
      <c r="U17711">
        <v>26</v>
      </c>
      <c r="V17711">
        <v>26</v>
      </c>
      <c r="W17711">
        <v>26</v>
      </c>
      <c r="X17711">
        <v>26</v>
      </c>
      <c r="Y17711">
        <v>26</v>
      </c>
      <c r="Z17711">
        <v>26</v>
      </c>
      <c r="AA17711">
        <v>26</v>
      </c>
      <c r="AB17711">
        <v>26</v>
      </c>
      <c r="AC17711">
        <v>26</v>
      </c>
      <c r="AD17711">
        <v>27</v>
      </c>
      <c r="AE17711">
        <v>27</v>
      </c>
      <c r="AF17711">
        <v>27</v>
      </c>
      <c r="AG17711">
        <v>27</v>
      </c>
      <c r="AH17711">
        <v>27</v>
      </c>
      <c r="AI17711">
        <v>27</v>
      </c>
      <c r="AJ17711">
        <v>27</v>
      </c>
      <c r="AK17711">
        <v>27</v>
      </c>
      <c r="AL17711">
        <v>27</v>
      </c>
      <c r="AM17711">
        <v>27</v>
      </c>
      <c r="AN17711">
        <v>28</v>
      </c>
      <c r="AO17711">
        <v>28</v>
      </c>
      <c r="AP17711">
        <v>28</v>
      </c>
      <c r="AQ17711">
        <v>28</v>
      </c>
    </row>
    <row r="17712" spans="1:43">
      <c r="A17712" t="s">
        <v>10968</v>
      </c>
      <c r="B17712" t="s">
        <v>10969</v>
      </c>
      <c r="C17712" t="s">
        <v>10964</v>
      </c>
      <c r="D17712" t="s">
        <v>10965</v>
      </c>
      <c r="E17712" t="s">
        <v>10732</v>
      </c>
      <c r="F17712" t="s">
        <v>10733</v>
      </c>
      <c r="G17712" t="s">
        <v>10734</v>
      </c>
      <c r="H17712" t="s">
        <v>10735</v>
      </c>
      <c r="I17712" s="2">
        <v>1</v>
      </c>
      <c r="J17712" s="2">
        <v>0</v>
      </c>
      <c r="K17712" s="2">
        <v>0</v>
      </c>
      <c r="L17712" t="s">
        <v>120</v>
      </c>
      <c r="M17712" t="s">
        <v>89</v>
      </c>
      <c r="N17712" t="s">
        <v>90</v>
      </c>
      <c r="O17712" t="s">
        <v>85</v>
      </c>
      <c r="P17712" t="s">
        <v>86</v>
      </c>
      <c r="Q17712">
        <v>25</v>
      </c>
      <c r="R17712">
        <v>25</v>
      </c>
      <c r="S17712">
        <v>26</v>
      </c>
      <c r="T17712">
        <v>26</v>
      </c>
      <c r="U17712">
        <v>27</v>
      </c>
      <c r="V17712">
        <v>27</v>
      </c>
      <c r="W17712">
        <v>28</v>
      </c>
      <c r="X17712">
        <v>28</v>
      </c>
      <c r="Y17712">
        <v>29</v>
      </c>
      <c r="Z17712">
        <v>29</v>
      </c>
      <c r="AA17712">
        <v>29</v>
      </c>
      <c r="AB17712">
        <v>30</v>
      </c>
      <c r="AC17712">
        <v>30</v>
      </c>
      <c r="AD17712">
        <v>31</v>
      </c>
      <c r="AE17712">
        <v>31</v>
      </c>
      <c r="AF17712">
        <v>31</v>
      </c>
      <c r="AG17712">
        <v>31</v>
      </c>
      <c r="AH17712">
        <v>31</v>
      </c>
      <c r="AI17712">
        <v>31</v>
      </c>
      <c r="AJ17712">
        <v>31</v>
      </c>
      <c r="AK17712">
        <v>31</v>
      </c>
      <c r="AL17712">
        <v>31</v>
      </c>
      <c r="AM17712">
        <v>31</v>
      </c>
      <c r="AN17712">
        <v>31</v>
      </c>
      <c r="AO17712">
        <v>31</v>
      </c>
      <c r="AP17712">
        <v>31</v>
      </c>
      <c r="AQ17712">
        <v>31</v>
      </c>
    </row>
    <row r="17713" spans="1:43">
      <c r="A17713" t="s">
        <v>10968</v>
      </c>
      <c r="B17713" t="s">
        <v>10969</v>
      </c>
      <c r="C17713" t="s">
        <v>10964</v>
      </c>
      <c r="D17713" t="s">
        <v>10965</v>
      </c>
      <c r="E17713" t="s">
        <v>10732</v>
      </c>
      <c r="F17713" t="s">
        <v>10733</v>
      </c>
      <c r="G17713" t="s">
        <v>10734</v>
      </c>
      <c r="H17713" t="s">
        <v>10735</v>
      </c>
      <c r="I17713" s="2">
        <v>1</v>
      </c>
      <c r="J17713" s="2">
        <v>0</v>
      </c>
      <c r="K17713" s="2">
        <v>0</v>
      </c>
      <c r="L17713" t="s">
        <v>120</v>
      </c>
      <c r="M17713" t="s">
        <v>83</v>
      </c>
      <c r="N17713" t="s">
        <v>91</v>
      </c>
      <c r="O17713" t="s">
        <v>85</v>
      </c>
      <c r="P17713" t="s">
        <v>86</v>
      </c>
      <c r="Q17713">
        <v>25</v>
      </c>
      <c r="R17713">
        <v>26</v>
      </c>
      <c r="S17713">
        <v>26</v>
      </c>
      <c r="T17713">
        <v>26</v>
      </c>
      <c r="U17713">
        <v>27</v>
      </c>
      <c r="V17713">
        <v>27</v>
      </c>
      <c r="W17713">
        <v>27</v>
      </c>
      <c r="X17713">
        <v>28</v>
      </c>
      <c r="Y17713">
        <v>28</v>
      </c>
      <c r="Z17713">
        <v>28</v>
      </c>
      <c r="AA17713">
        <v>29</v>
      </c>
      <c r="AB17713">
        <v>29</v>
      </c>
      <c r="AC17713">
        <v>29</v>
      </c>
      <c r="AD17713">
        <v>30</v>
      </c>
      <c r="AE17713">
        <v>30</v>
      </c>
      <c r="AF17713">
        <v>30</v>
      </c>
      <c r="AG17713">
        <v>31</v>
      </c>
      <c r="AH17713">
        <v>31</v>
      </c>
      <c r="AI17713">
        <v>31</v>
      </c>
      <c r="AJ17713">
        <v>31</v>
      </c>
      <c r="AK17713">
        <v>32</v>
      </c>
      <c r="AL17713">
        <v>32</v>
      </c>
      <c r="AM17713">
        <v>32</v>
      </c>
      <c r="AN17713">
        <v>32</v>
      </c>
      <c r="AO17713">
        <v>32</v>
      </c>
      <c r="AP17713">
        <v>32</v>
      </c>
      <c r="AQ17713">
        <v>32</v>
      </c>
    </row>
    <row r="17714" spans="1:43">
      <c r="A17714" t="s">
        <v>10970</v>
      </c>
      <c r="B17714" t="s">
        <v>10971</v>
      </c>
      <c r="C17714" t="s">
        <v>10964</v>
      </c>
      <c r="D17714" t="s">
        <v>10965</v>
      </c>
      <c r="E17714" t="s">
        <v>10732</v>
      </c>
      <c r="F17714" t="s">
        <v>10733</v>
      </c>
      <c r="G17714" t="s">
        <v>10734</v>
      </c>
      <c r="H17714" t="s">
        <v>10735</v>
      </c>
      <c r="I17714" s="2">
        <v>1</v>
      </c>
      <c r="J17714" s="2">
        <v>0</v>
      </c>
      <c r="K17714" s="2">
        <v>0</v>
      </c>
      <c r="L17714" t="s">
        <v>120</v>
      </c>
      <c r="M17714" t="s">
        <v>83</v>
      </c>
      <c r="N17714" t="s">
        <v>84</v>
      </c>
      <c r="O17714" t="s">
        <v>85</v>
      </c>
      <c r="P17714" t="s">
        <v>86</v>
      </c>
      <c r="Q17714">
        <v>35</v>
      </c>
      <c r="R17714">
        <v>35</v>
      </c>
      <c r="S17714">
        <v>36</v>
      </c>
      <c r="T17714">
        <v>36</v>
      </c>
      <c r="U17714">
        <v>37</v>
      </c>
      <c r="V17714">
        <v>37</v>
      </c>
      <c r="W17714">
        <v>38</v>
      </c>
      <c r="X17714">
        <v>38</v>
      </c>
      <c r="Y17714">
        <v>39</v>
      </c>
      <c r="Z17714">
        <v>39</v>
      </c>
      <c r="AA17714">
        <v>39</v>
      </c>
      <c r="AB17714">
        <v>40</v>
      </c>
      <c r="AC17714">
        <v>40</v>
      </c>
      <c r="AD17714">
        <v>41</v>
      </c>
      <c r="AE17714">
        <v>41</v>
      </c>
      <c r="AF17714">
        <v>41</v>
      </c>
      <c r="AG17714">
        <v>42</v>
      </c>
      <c r="AH17714">
        <v>42</v>
      </c>
      <c r="AI17714">
        <v>43</v>
      </c>
      <c r="AJ17714">
        <v>43</v>
      </c>
      <c r="AK17714">
        <v>44</v>
      </c>
      <c r="AL17714">
        <v>44</v>
      </c>
      <c r="AM17714">
        <v>44</v>
      </c>
      <c r="AN17714">
        <v>44</v>
      </c>
      <c r="AO17714">
        <v>44</v>
      </c>
      <c r="AP17714">
        <v>44</v>
      </c>
      <c r="AQ17714">
        <v>44</v>
      </c>
    </row>
    <row r="17715" spans="1:43">
      <c r="A17715" t="s">
        <v>10970</v>
      </c>
      <c r="B17715" t="s">
        <v>10971</v>
      </c>
      <c r="C17715" t="s">
        <v>10964</v>
      </c>
      <c r="D17715" t="s">
        <v>10965</v>
      </c>
      <c r="E17715" t="s">
        <v>10732</v>
      </c>
      <c r="F17715" t="s">
        <v>10733</v>
      </c>
      <c r="G17715" t="s">
        <v>10734</v>
      </c>
      <c r="H17715" t="s">
        <v>10735</v>
      </c>
      <c r="I17715" s="2">
        <v>1</v>
      </c>
      <c r="J17715" s="2">
        <v>0</v>
      </c>
      <c r="K17715" s="2">
        <v>0</v>
      </c>
      <c r="L17715" t="s">
        <v>120</v>
      </c>
      <c r="M17715" t="s">
        <v>87</v>
      </c>
      <c r="N17715" t="s">
        <v>88</v>
      </c>
      <c r="O17715" t="s">
        <v>85</v>
      </c>
      <c r="P17715" t="s">
        <v>86</v>
      </c>
      <c r="Q17715">
        <v>35</v>
      </c>
      <c r="R17715">
        <v>36</v>
      </c>
      <c r="S17715">
        <v>36</v>
      </c>
      <c r="T17715">
        <v>36</v>
      </c>
      <c r="U17715">
        <v>36</v>
      </c>
      <c r="V17715">
        <v>36</v>
      </c>
      <c r="W17715">
        <v>36</v>
      </c>
      <c r="X17715">
        <v>36</v>
      </c>
      <c r="Y17715">
        <v>37</v>
      </c>
      <c r="Z17715">
        <v>37</v>
      </c>
      <c r="AA17715">
        <v>37</v>
      </c>
      <c r="AB17715">
        <v>37</v>
      </c>
      <c r="AC17715">
        <v>37</v>
      </c>
      <c r="AD17715">
        <v>37</v>
      </c>
      <c r="AE17715">
        <v>38</v>
      </c>
      <c r="AF17715">
        <v>38</v>
      </c>
      <c r="AG17715">
        <v>38</v>
      </c>
      <c r="AH17715">
        <v>38</v>
      </c>
      <c r="AI17715">
        <v>38</v>
      </c>
      <c r="AJ17715">
        <v>38</v>
      </c>
      <c r="AK17715">
        <v>38</v>
      </c>
      <c r="AL17715">
        <v>39</v>
      </c>
      <c r="AM17715">
        <v>39</v>
      </c>
      <c r="AN17715">
        <v>39</v>
      </c>
      <c r="AO17715">
        <v>39</v>
      </c>
      <c r="AP17715">
        <v>39</v>
      </c>
      <c r="AQ17715">
        <v>39</v>
      </c>
    </row>
    <row r="17716" spans="1:43">
      <c r="A17716" t="s">
        <v>10970</v>
      </c>
      <c r="B17716" t="s">
        <v>10971</v>
      </c>
      <c r="C17716" t="s">
        <v>10964</v>
      </c>
      <c r="D17716" t="s">
        <v>10965</v>
      </c>
      <c r="E17716" t="s">
        <v>10732</v>
      </c>
      <c r="F17716" t="s">
        <v>10733</v>
      </c>
      <c r="G17716" t="s">
        <v>10734</v>
      </c>
      <c r="H17716" t="s">
        <v>10735</v>
      </c>
      <c r="I17716" s="2">
        <v>1</v>
      </c>
      <c r="J17716" s="2">
        <v>0</v>
      </c>
      <c r="K17716" s="2">
        <v>0</v>
      </c>
      <c r="L17716" t="s">
        <v>120</v>
      </c>
      <c r="M17716" t="s">
        <v>89</v>
      </c>
      <c r="N17716" t="s">
        <v>90</v>
      </c>
      <c r="O17716" t="s">
        <v>85</v>
      </c>
      <c r="P17716" t="s">
        <v>86</v>
      </c>
      <c r="Q17716">
        <v>35</v>
      </c>
      <c r="R17716">
        <v>36</v>
      </c>
      <c r="S17716">
        <v>37</v>
      </c>
      <c r="T17716">
        <v>37</v>
      </c>
      <c r="U17716">
        <v>38</v>
      </c>
      <c r="V17716">
        <v>39</v>
      </c>
      <c r="W17716">
        <v>39</v>
      </c>
      <c r="X17716">
        <v>40</v>
      </c>
      <c r="Y17716">
        <v>41</v>
      </c>
      <c r="Z17716">
        <v>41</v>
      </c>
      <c r="AA17716">
        <v>42</v>
      </c>
      <c r="AB17716">
        <v>42</v>
      </c>
      <c r="AC17716">
        <v>43</v>
      </c>
      <c r="AD17716">
        <v>44</v>
      </c>
      <c r="AE17716">
        <v>44</v>
      </c>
      <c r="AF17716">
        <v>44</v>
      </c>
      <c r="AG17716">
        <v>44</v>
      </c>
      <c r="AH17716">
        <v>44</v>
      </c>
      <c r="AI17716">
        <v>44</v>
      </c>
      <c r="AJ17716">
        <v>44</v>
      </c>
      <c r="AK17716">
        <v>44</v>
      </c>
      <c r="AL17716">
        <v>44</v>
      </c>
      <c r="AM17716">
        <v>44</v>
      </c>
      <c r="AN17716">
        <v>44</v>
      </c>
      <c r="AO17716">
        <v>44</v>
      </c>
      <c r="AP17716">
        <v>44</v>
      </c>
      <c r="AQ17716">
        <v>44</v>
      </c>
    </row>
    <row r="17717" spans="1:43">
      <c r="A17717" t="s">
        <v>10970</v>
      </c>
      <c r="B17717" t="s">
        <v>10971</v>
      </c>
      <c r="C17717" t="s">
        <v>10964</v>
      </c>
      <c r="D17717" t="s">
        <v>10965</v>
      </c>
      <c r="E17717" t="s">
        <v>10732</v>
      </c>
      <c r="F17717" t="s">
        <v>10733</v>
      </c>
      <c r="G17717" t="s">
        <v>10734</v>
      </c>
      <c r="H17717" t="s">
        <v>10735</v>
      </c>
      <c r="I17717" s="2">
        <v>1</v>
      </c>
      <c r="J17717" s="2">
        <v>0</v>
      </c>
      <c r="K17717" s="2">
        <v>0</v>
      </c>
      <c r="L17717" t="s">
        <v>120</v>
      </c>
      <c r="M17717" t="s">
        <v>83</v>
      </c>
      <c r="N17717" t="s">
        <v>91</v>
      </c>
      <c r="O17717" t="s">
        <v>85</v>
      </c>
      <c r="P17717" t="s">
        <v>86</v>
      </c>
      <c r="Q17717">
        <v>35</v>
      </c>
      <c r="R17717">
        <v>35</v>
      </c>
      <c r="S17717">
        <v>36</v>
      </c>
      <c r="T17717">
        <v>36</v>
      </c>
      <c r="U17717">
        <v>37</v>
      </c>
      <c r="V17717">
        <v>37</v>
      </c>
      <c r="W17717">
        <v>38</v>
      </c>
      <c r="X17717">
        <v>38</v>
      </c>
      <c r="Y17717">
        <v>39</v>
      </c>
      <c r="Z17717">
        <v>39</v>
      </c>
      <c r="AA17717">
        <v>39</v>
      </c>
      <c r="AB17717">
        <v>40</v>
      </c>
      <c r="AC17717">
        <v>40</v>
      </c>
      <c r="AD17717">
        <v>41</v>
      </c>
      <c r="AE17717">
        <v>41</v>
      </c>
      <c r="AF17717">
        <v>41</v>
      </c>
      <c r="AG17717">
        <v>42</v>
      </c>
      <c r="AH17717">
        <v>42</v>
      </c>
      <c r="AI17717">
        <v>43</v>
      </c>
      <c r="AJ17717">
        <v>43</v>
      </c>
      <c r="AK17717">
        <v>44</v>
      </c>
      <c r="AL17717">
        <v>44</v>
      </c>
      <c r="AM17717">
        <v>44</v>
      </c>
      <c r="AN17717">
        <v>44</v>
      </c>
      <c r="AO17717">
        <v>44</v>
      </c>
      <c r="AP17717">
        <v>44</v>
      </c>
      <c r="AQ17717">
        <v>44</v>
      </c>
    </row>
    <row r="17718" spans="1:43">
      <c r="A17718" t="s">
        <v>10972</v>
      </c>
      <c r="B17718" t="s">
        <v>10973</v>
      </c>
      <c r="C17718" t="s">
        <v>10964</v>
      </c>
      <c r="D17718" t="s">
        <v>10965</v>
      </c>
      <c r="E17718" t="s">
        <v>10732</v>
      </c>
      <c r="F17718" t="s">
        <v>10733</v>
      </c>
      <c r="G17718" t="s">
        <v>10734</v>
      </c>
      <c r="H17718" t="s">
        <v>10735</v>
      </c>
      <c r="I17718" s="2">
        <v>1</v>
      </c>
      <c r="J17718" s="2">
        <v>0</v>
      </c>
      <c r="K17718" s="2">
        <v>0</v>
      </c>
      <c r="L17718" t="s">
        <v>120</v>
      </c>
      <c r="M17718" t="s">
        <v>83</v>
      </c>
      <c r="N17718" t="s">
        <v>84</v>
      </c>
      <c r="O17718" t="s">
        <v>85</v>
      </c>
      <c r="P17718" t="s">
        <v>86</v>
      </c>
      <c r="Q17718">
        <v>11</v>
      </c>
      <c r="R17718">
        <v>11</v>
      </c>
      <c r="S17718">
        <v>11</v>
      </c>
      <c r="T17718">
        <v>11</v>
      </c>
      <c r="U17718">
        <v>11</v>
      </c>
      <c r="V17718">
        <v>11</v>
      </c>
      <c r="W17718">
        <v>11</v>
      </c>
      <c r="X17718">
        <v>12</v>
      </c>
      <c r="Y17718">
        <v>12</v>
      </c>
      <c r="Z17718">
        <v>12</v>
      </c>
      <c r="AA17718">
        <v>12</v>
      </c>
      <c r="AB17718">
        <v>12</v>
      </c>
      <c r="AC17718">
        <v>12</v>
      </c>
      <c r="AD17718">
        <v>12</v>
      </c>
      <c r="AE17718">
        <v>12</v>
      </c>
      <c r="AF17718">
        <v>13</v>
      </c>
      <c r="AG17718">
        <v>13</v>
      </c>
      <c r="AH17718">
        <v>13</v>
      </c>
      <c r="AI17718">
        <v>13</v>
      </c>
      <c r="AJ17718">
        <v>13</v>
      </c>
      <c r="AK17718">
        <v>13</v>
      </c>
      <c r="AL17718">
        <v>13</v>
      </c>
      <c r="AM17718">
        <v>13</v>
      </c>
      <c r="AN17718">
        <v>13</v>
      </c>
      <c r="AO17718">
        <v>13</v>
      </c>
      <c r="AP17718">
        <v>13</v>
      </c>
      <c r="AQ17718">
        <v>13</v>
      </c>
    </row>
    <row r="17719" spans="1:43">
      <c r="A17719" t="s">
        <v>10972</v>
      </c>
      <c r="B17719" t="s">
        <v>10973</v>
      </c>
      <c r="C17719" t="s">
        <v>10964</v>
      </c>
      <c r="D17719" t="s">
        <v>10965</v>
      </c>
      <c r="E17719" t="s">
        <v>10732</v>
      </c>
      <c r="F17719" t="s">
        <v>10733</v>
      </c>
      <c r="G17719" t="s">
        <v>10734</v>
      </c>
      <c r="H17719" t="s">
        <v>10735</v>
      </c>
      <c r="I17719" s="2">
        <v>1</v>
      </c>
      <c r="J17719" s="2">
        <v>0</v>
      </c>
      <c r="K17719" s="2">
        <v>0</v>
      </c>
      <c r="L17719" t="s">
        <v>120</v>
      </c>
      <c r="M17719" t="s">
        <v>87</v>
      </c>
      <c r="N17719" t="s">
        <v>88</v>
      </c>
      <c r="O17719" t="s">
        <v>85</v>
      </c>
      <c r="P17719" t="s">
        <v>86</v>
      </c>
      <c r="Q17719">
        <v>11</v>
      </c>
      <c r="R17719">
        <v>11</v>
      </c>
      <c r="S17719">
        <v>12</v>
      </c>
      <c r="T17719">
        <v>12</v>
      </c>
      <c r="U17719">
        <v>12</v>
      </c>
      <c r="V17719">
        <v>12</v>
      </c>
      <c r="W17719">
        <v>12</v>
      </c>
      <c r="X17719">
        <v>12</v>
      </c>
      <c r="Y17719">
        <v>12</v>
      </c>
      <c r="Z17719">
        <v>12</v>
      </c>
      <c r="AA17719">
        <v>12</v>
      </c>
      <c r="AB17719">
        <v>12</v>
      </c>
      <c r="AC17719">
        <v>12</v>
      </c>
      <c r="AD17719">
        <v>12</v>
      </c>
      <c r="AE17719">
        <v>12</v>
      </c>
      <c r="AF17719">
        <v>12</v>
      </c>
      <c r="AG17719">
        <v>12</v>
      </c>
      <c r="AH17719">
        <v>12</v>
      </c>
      <c r="AI17719">
        <v>12</v>
      </c>
      <c r="AJ17719">
        <v>12</v>
      </c>
      <c r="AK17719">
        <v>12</v>
      </c>
      <c r="AL17719">
        <v>12</v>
      </c>
      <c r="AM17719">
        <v>12</v>
      </c>
      <c r="AN17719">
        <v>12</v>
      </c>
      <c r="AO17719">
        <v>13</v>
      </c>
      <c r="AP17719">
        <v>13</v>
      </c>
      <c r="AQ17719">
        <v>13</v>
      </c>
    </row>
    <row r="17720" spans="1:43">
      <c r="A17720" t="s">
        <v>10972</v>
      </c>
      <c r="B17720" t="s">
        <v>10973</v>
      </c>
      <c r="C17720" t="s">
        <v>10964</v>
      </c>
      <c r="D17720" t="s">
        <v>10965</v>
      </c>
      <c r="E17720" t="s">
        <v>10732</v>
      </c>
      <c r="F17720" t="s">
        <v>10733</v>
      </c>
      <c r="G17720" t="s">
        <v>10734</v>
      </c>
      <c r="H17720" t="s">
        <v>10735</v>
      </c>
      <c r="I17720" s="2">
        <v>1</v>
      </c>
      <c r="J17720" s="2">
        <v>0</v>
      </c>
      <c r="K17720" s="2">
        <v>0</v>
      </c>
      <c r="L17720" t="s">
        <v>120</v>
      </c>
      <c r="M17720" t="s">
        <v>89</v>
      </c>
      <c r="N17720" t="s">
        <v>90</v>
      </c>
      <c r="O17720" t="s">
        <v>85</v>
      </c>
      <c r="P17720" t="s">
        <v>86</v>
      </c>
      <c r="Q17720">
        <v>11</v>
      </c>
      <c r="R17720">
        <v>11</v>
      </c>
      <c r="S17720">
        <v>11</v>
      </c>
      <c r="T17720">
        <v>11</v>
      </c>
      <c r="U17720">
        <v>12</v>
      </c>
      <c r="V17720">
        <v>12</v>
      </c>
      <c r="W17720">
        <v>12</v>
      </c>
      <c r="X17720">
        <v>12</v>
      </c>
      <c r="Y17720">
        <v>12</v>
      </c>
      <c r="Z17720">
        <v>12</v>
      </c>
      <c r="AA17720">
        <v>13</v>
      </c>
      <c r="AB17720">
        <v>13</v>
      </c>
      <c r="AC17720">
        <v>13</v>
      </c>
      <c r="AD17720">
        <v>13</v>
      </c>
      <c r="AE17720">
        <v>13</v>
      </c>
      <c r="AF17720">
        <v>13</v>
      </c>
      <c r="AG17720">
        <v>13</v>
      </c>
      <c r="AH17720">
        <v>13</v>
      </c>
      <c r="AI17720">
        <v>13</v>
      </c>
      <c r="AJ17720">
        <v>13</v>
      </c>
      <c r="AK17720">
        <v>13</v>
      </c>
      <c r="AL17720">
        <v>13</v>
      </c>
      <c r="AM17720">
        <v>13</v>
      </c>
      <c r="AN17720">
        <v>13</v>
      </c>
      <c r="AO17720">
        <v>13</v>
      </c>
      <c r="AP17720">
        <v>13</v>
      </c>
      <c r="AQ17720">
        <v>13</v>
      </c>
    </row>
    <row r="17721" spans="1:43">
      <c r="A17721" t="s">
        <v>10972</v>
      </c>
      <c r="B17721" t="s">
        <v>10973</v>
      </c>
      <c r="C17721" t="s">
        <v>10964</v>
      </c>
      <c r="D17721" t="s">
        <v>10965</v>
      </c>
      <c r="E17721" t="s">
        <v>10732</v>
      </c>
      <c r="F17721" t="s">
        <v>10733</v>
      </c>
      <c r="G17721" t="s">
        <v>10734</v>
      </c>
      <c r="H17721" t="s">
        <v>10735</v>
      </c>
      <c r="I17721" s="2">
        <v>1</v>
      </c>
      <c r="J17721" s="2">
        <v>0</v>
      </c>
      <c r="K17721" s="2">
        <v>0</v>
      </c>
      <c r="L17721" t="s">
        <v>120</v>
      </c>
      <c r="M17721" t="s">
        <v>83</v>
      </c>
      <c r="N17721" t="s">
        <v>91</v>
      </c>
      <c r="O17721" t="s">
        <v>85</v>
      </c>
      <c r="P17721" t="s">
        <v>86</v>
      </c>
      <c r="Q17721">
        <v>11</v>
      </c>
      <c r="R17721">
        <v>11</v>
      </c>
      <c r="S17721">
        <v>11</v>
      </c>
      <c r="T17721">
        <v>11</v>
      </c>
      <c r="U17721">
        <v>11</v>
      </c>
      <c r="V17721">
        <v>11</v>
      </c>
      <c r="W17721">
        <v>11</v>
      </c>
      <c r="X17721">
        <v>12</v>
      </c>
      <c r="Y17721">
        <v>12</v>
      </c>
      <c r="Z17721">
        <v>12</v>
      </c>
      <c r="AA17721">
        <v>12</v>
      </c>
      <c r="AB17721">
        <v>12</v>
      </c>
      <c r="AC17721">
        <v>12</v>
      </c>
      <c r="AD17721">
        <v>12</v>
      </c>
      <c r="AE17721">
        <v>12</v>
      </c>
      <c r="AF17721">
        <v>13</v>
      </c>
      <c r="AG17721">
        <v>13</v>
      </c>
      <c r="AH17721">
        <v>13</v>
      </c>
      <c r="AI17721">
        <v>13</v>
      </c>
      <c r="AJ17721">
        <v>13</v>
      </c>
      <c r="AK17721">
        <v>13</v>
      </c>
      <c r="AL17721">
        <v>13</v>
      </c>
      <c r="AM17721">
        <v>13</v>
      </c>
      <c r="AN17721">
        <v>13</v>
      </c>
      <c r="AO17721">
        <v>13</v>
      </c>
      <c r="AP17721">
        <v>13</v>
      </c>
      <c r="AQ17721">
        <v>13</v>
      </c>
    </row>
    <row r="17722" spans="1:43">
      <c r="A17722" t="s">
        <v>10974</v>
      </c>
      <c r="B17722" t="s">
        <v>10975</v>
      </c>
      <c r="C17722" t="s">
        <v>10964</v>
      </c>
      <c r="D17722" t="s">
        <v>10965</v>
      </c>
      <c r="E17722" t="s">
        <v>10732</v>
      </c>
      <c r="F17722" t="s">
        <v>10733</v>
      </c>
      <c r="G17722" t="s">
        <v>10734</v>
      </c>
      <c r="H17722" t="s">
        <v>10735</v>
      </c>
      <c r="I17722" s="2">
        <v>1</v>
      </c>
      <c r="J17722" s="2">
        <v>0</v>
      </c>
      <c r="K17722" s="2">
        <v>0</v>
      </c>
      <c r="L17722" t="s">
        <v>120</v>
      </c>
      <c r="M17722" t="s">
        <v>83</v>
      </c>
      <c r="N17722" t="s">
        <v>84</v>
      </c>
      <c r="O17722" t="s">
        <v>85</v>
      </c>
      <c r="P17722" t="s">
        <v>86</v>
      </c>
      <c r="Q17722">
        <v>6</v>
      </c>
      <c r="R17722">
        <v>6</v>
      </c>
      <c r="S17722">
        <v>6</v>
      </c>
      <c r="T17722">
        <v>6</v>
      </c>
      <c r="U17722">
        <v>6</v>
      </c>
      <c r="V17722">
        <v>6</v>
      </c>
      <c r="W17722">
        <v>7</v>
      </c>
      <c r="X17722">
        <v>7</v>
      </c>
      <c r="Y17722">
        <v>7</v>
      </c>
      <c r="Z17722">
        <v>7</v>
      </c>
      <c r="AA17722">
        <v>7</v>
      </c>
      <c r="AB17722">
        <v>7</v>
      </c>
      <c r="AC17722">
        <v>7</v>
      </c>
      <c r="AD17722">
        <v>7</v>
      </c>
      <c r="AE17722">
        <v>7</v>
      </c>
      <c r="AF17722">
        <v>7</v>
      </c>
      <c r="AG17722">
        <v>7</v>
      </c>
      <c r="AH17722">
        <v>7</v>
      </c>
      <c r="AI17722">
        <v>7</v>
      </c>
      <c r="AJ17722">
        <v>8</v>
      </c>
      <c r="AK17722">
        <v>8</v>
      </c>
      <c r="AL17722">
        <v>8</v>
      </c>
      <c r="AM17722">
        <v>8</v>
      </c>
      <c r="AN17722">
        <v>8</v>
      </c>
      <c r="AO17722">
        <v>8</v>
      </c>
      <c r="AP17722">
        <v>8</v>
      </c>
      <c r="AQ17722">
        <v>8</v>
      </c>
    </row>
    <row r="17723" spans="1:43">
      <c r="A17723" t="s">
        <v>10974</v>
      </c>
      <c r="B17723" t="s">
        <v>10975</v>
      </c>
      <c r="C17723" t="s">
        <v>10964</v>
      </c>
      <c r="D17723" t="s">
        <v>10965</v>
      </c>
      <c r="E17723" t="s">
        <v>10732</v>
      </c>
      <c r="F17723" t="s">
        <v>10733</v>
      </c>
      <c r="G17723" t="s">
        <v>10734</v>
      </c>
      <c r="H17723" t="s">
        <v>10735</v>
      </c>
      <c r="I17723" s="2">
        <v>1</v>
      </c>
      <c r="J17723" s="2">
        <v>0</v>
      </c>
      <c r="K17723" s="2">
        <v>0</v>
      </c>
      <c r="L17723" t="s">
        <v>120</v>
      </c>
      <c r="M17723" t="s">
        <v>87</v>
      </c>
      <c r="N17723" t="s">
        <v>88</v>
      </c>
      <c r="O17723" t="s">
        <v>85</v>
      </c>
      <c r="P17723" t="s">
        <v>86</v>
      </c>
      <c r="Q17723">
        <v>6</v>
      </c>
      <c r="R17723">
        <v>6</v>
      </c>
      <c r="S17723">
        <v>6</v>
      </c>
      <c r="T17723">
        <v>6</v>
      </c>
      <c r="U17723">
        <v>6</v>
      </c>
      <c r="V17723">
        <v>6</v>
      </c>
      <c r="W17723">
        <v>6</v>
      </c>
      <c r="X17723">
        <v>6</v>
      </c>
      <c r="Y17723">
        <v>6</v>
      </c>
      <c r="Z17723">
        <v>6</v>
      </c>
      <c r="AA17723">
        <v>6</v>
      </c>
      <c r="AB17723">
        <v>6</v>
      </c>
      <c r="AC17723">
        <v>6</v>
      </c>
      <c r="AD17723">
        <v>6</v>
      </c>
      <c r="AE17723">
        <v>6</v>
      </c>
      <c r="AF17723">
        <v>6</v>
      </c>
      <c r="AG17723">
        <v>6</v>
      </c>
      <c r="AH17723">
        <v>6</v>
      </c>
      <c r="AI17723">
        <v>6</v>
      </c>
      <c r="AJ17723">
        <v>6</v>
      </c>
      <c r="AK17723">
        <v>7</v>
      </c>
      <c r="AL17723">
        <v>7</v>
      </c>
      <c r="AM17723">
        <v>7</v>
      </c>
      <c r="AN17723">
        <v>7</v>
      </c>
      <c r="AO17723">
        <v>7</v>
      </c>
      <c r="AP17723">
        <v>7</v>
      </c>
      <c r="AQ17723">
        <v>7</v>
      </c>
    </row>
    <row r="17724" spans="1:43">
      <c r="A17724" t="s">
        <v>10974</v>
      </c>
      <c r="B17724" t="s">
        <v>10975</v>
      </c>
      <c r="C17724" t="s">
        <v>10964</v>
      </c>
      <c r="D17724" t="s">
        <v>10965</v>
      </c>
      <c r="E17724" t="s">
        <v>10732</v>
      </c>
      <c r="F17724" t="s">
        <v>10733</v>
      </c>
      <c r="G17724" t="s">
        <v>10734</v>
      </c>
      <c r="H17724" t="s">
        <v>10735</v>
      </c>
      <c r="I17724" s="2">
        <v>1</v>
      </c>
      <c r="J17724" s="2">
        <v>0</v>
      </c>
      <c r="K17724" s="2">
        <v>0</v>
      </c>
      <c r="L17724" t="s">
        <v>120</v>
      </c>
      <c r="M17724" t="s">
        <v>89</v>
      </c>
      <c r="N17724" t="s">
        <v>90</v>
      </c>
      <c r="O17724" t="s">
        <v>85</v>
      </c>
      <c r="P17724" t="s">
        <v>86</v>
      </c>
      <c r="Q17724">
        <v>6</v>
      </c>
      <c r="R17724">
        <v>6</v>
      </c>
      <c r="S17724">
        <v>6</v>
      </c>
      <c r="T17724">
        <v>7</v>
      </c>
      <c r="U17724">
        <v>7</v>
      </c>
      <c r="V17724">
        <v>7</v>
      </c>
      <c r="W17724">
        <v>7</v>
      </c>
      <c r="X17724">
        <v>7</v>
      </c>
      <c r="Y17724">
        <v>7</v>
      </c>
      <c r="Z17724">
        <v>7</v>
      </c>
      <c r="AA17724">
        <v>7</v>
      </c>
      <c r="AB17724">
        <v>7</v>
      </c>
      <c r="AC17724">
        <v>7</v>
      </c>
      <c r="AD17724">
        <v>8</v>
      </c>
      <c r="AE17724">
        <v>8</v>
      </c>
      <c r="AF17724">
        <v>8</v>
      </c>
      <c r="AG17724">
        <v>8</v>
      </c>
      <c r="AH17724">
        <v>8</v>
      </c>
      <c r="AI17724">
        <v>8</v>
      </c>
      <c r="AJ17724">
        <v>8</v>
      </c>
      <c r="AK17724">
        <v>8</v>
      </c>
      <c r="AL17724">
        <v>8</v>
      </c>
      <c r="AM17724">
        <v>8</v>
      </c>
      <c r="AN17724">
        <v>8</v>
      </c>
      <c r="AO17724">
        <v>8</v>
      </c>
      <c r="AP17724">
        <v>8</v>
      </c>
      <c r="AQ17724">
        <v>8</v>
      </c>
    </row>
    <row r="17725" spans="1:43">
      <c r="A17725" t="s">
        <v>10974</v>
      </c>
      <c r="B17725" t="s">
        <v>10975</v>
      </c>
      <c r="C17725" t="s">
        <v>10964</v>
      </c>
      <c r="D17725" t="s">
        <v>10965</v>
      </c>
      <c r="E17725" t="s">
        <v>10732</v>
      </c>
      <c r="F17725" t="s">
        <v>10733</v>
      </c>
      <c r="G17725" t="s">
        <v>10734</v>
      </c>
      <c r="H17725" t="s">
        <v>10735</v>
      </c>
      <c r="I17725" s="2">
        <v>1</v>
      </c>
      <c r="J17725" s="2">
        <v>0</v>
      </c>
      <c r="K17725" s="2">
        <v>0</v>
      </c>
      <c r="L17725" t="s">
        <v>120</v>
      </c>
      <c r="M17725" t="s">
        <v>83</v>
      </c>
      <c r="N17725" t="s">
        <v>91</v>
      </c>
      <c r="O17725" t="s">
        <v>85</v>
      </c>
      <c r="P17725" t="s">
        <v>86</v>
      </c>
      <c r="Q17725">
        <v>6</v>
      </c>
      <c r="R17725">
        <v>6</v>
      </c>
      <c r="S17725">
        <v>6</v>
      </c>
      <c r="T17725">
        <v>6</v>
      </c>
      <c r="U17725">
        <v>6</v>
      </c>
      <c r="V17725">
        <v>6</v>
      </c>
      <c r="W17725">
        <v>7</v>
      </c>
      <c r="X17725">
        <v>7</v>
      </c>
      <c r="Y17725">
        <v>7</v>
      </c>
      <c r="Z17725">
        <v>7</v>
      </c>
      <c r="AA17725">
        <v>7</v>
      </c>
      <c r="AB17725">
        <v>7</v>
      </c>
      <c r="AC17725">
        <v>7</v>
      </c>
      <c r="AD17725">
        <v>7</v>
      </c>
      <c r="AE17725">
        <v>7</v>
      </c>
      <c r="AF17725">
        <v>7</v>
      </c>
      <c r="AG17725">
        <v>7</v>
      </c>
      <c r="AH17725">
        <v>7</v>
      </c>
      <c r="AI17725">
        <v>7</v>
      </c>
      <c r="AJ17725">
        <v>8</v>
      </c>
      <c r="AK17725">
        <v>8</v>
      </c>
      <c r="AL17725">
        <v>8</v>
      </c>
      <c r="AM17725">
        <v>8</v>
      </c>
      <c r="AN17725">
        <v>8</v>
      </c>
      <c r="AO17725">
        <v>8</v>
      </c>
      <c r="AP17725">
        <v>8</v>
      </c>
      <c r="AQ17725">
        <v>8</v>
      </c>
    </row>
    <row r="17726" spans="1:43">
      <c r="A17726" t="s">
        <v>10976</v>
      </c>
      <c r="B17726" t="s">
        <v>10977</v>
      </c>
      <c r="C17726" t="s">
        <v>10964</v>
      </c>
      <c r="D17726" t="s">
        <v>10965</v>
      </c>
      <c r="E17726" t="s">
        <v>10732</v>
      </c>
      <c r="F17726" t="s">
        <v>10733</v>
      </c>
      <c r="G17726" t="s">
        <v>10734</v>
      </c>
      <c r="H17726" t="s">
        <v>10735</v>
      </c>
      <c r="I17726" s="2">
        <v>1</v>
      </c>
      <c r="J17726" s="2">
        <v>0</v>
      </c>
      <c r="K17726" s="2">
        <v>0</v>
      </c>
      <c r="L17726" t="s">
        <v>120</v>
      </c>
      <c r="M17726" t="s">
        <v>83</v>
      </c>
      <c r="N17726" t="s">
        <v>84</v>
      </c>
      <c r="O17726" t="s">
        <v>85</v>
      </c>
      <c r="P17726" t="s">
        <v>86</v>
      </c>
      <c r="Q17726">
        <v>13</v>
      </c>
      <c r="R17726">
        <v>13</v>
      </c>
      <c r="S17726">
        <v>13</v>
      </c>
      <c r="T17726">
        <v>14</v>
      </c>
      <c r="U17726">
        <v>14</v>
      </c>
      <c r="V17726">
        <v>14</v>
      </c>
      <c r="W17726">
        <v>14</v>
      </c>
      <c r="X17726">
        <v>14</v>
      </c>
      <c r="Y17726">
        <v>15</v>
      </c>
      <c r="Z17726">
        <v>15</v>
      </c>
      <c r="AA17726">
        <v>15</v>
      </c>
      <c r="AB17726">
        <v>15</v>
      </c>
      <c r="AC17726">
        <v>15</v>
      </c>
      <c r="AD17726">
        <v>15</v>
      </c>
      <c r="AE17726">
        <v>16</v>
      </c>
      <c r="AF17726">
        <v>16</v>
      </c>
      <c r="AG17726">
        <v>16</v>
      </c>
      <c r="AH17726">
        <v>16</v>
      </c>
      <c r="AI17726">
        <v>16</v>
      </c>
      <c r="AJ17726">
        <v>16</v>
      </c>
      <c r="AK17726">
        <v>16</v>
      </c>
      <c r="AL17726">
        <v>17</v>
      </c>
      <c r="AM17726">
        <v>17</v>
      </c>
      <c r="AN17726">
        <v>17</v>
      </c>
      <c r="AO17726">
        <v>17</v>
      </c>
      <c r="AP17726">
        <v>17</v>
      </c>
      <c r="AQ17726">
        <v>17</v>
      </c>
    </row>
    <row r="17727" spans="1:43">
      <c r="A17727" t="s">
        <v>10976</v>
      </c>
      <c r="B17727" t="s">
        <v>10977</v>
      </c>
      <c r="C17727" t="s">
        <v>10964</v>
      </c>
      <c r="D17727" t="s">
        <v>10965</v>
      </c>
      <c r="E17727" t="s">
        <v>10732</v>
      </c>
      <c r="F17727" t="s">
        <v>10733</v>
      </c>
      <c r="G17727" t="s">
        <v>10734</v>
      </c>
      <c r="H17727" t="s">
        <v>10735</v>
      </c>
      <c r="I17727" s="2">
        <v>1</v>
      </c>
      <c r="J17727" s="2">
        <v>0</v>
      </c>
      <c r="K17727" s="2">
        <v>0</v>
      </c>
      <c r="L17727" t="s">
        <v>120</v>
      </c>
      <c r="M17727" t="s">
        <v>87</v>
      </c>
      <c r="N17727" t="s">
        <v>88</v>
      </c>
      <c r="O17727" t="s">
        <v>85</v>
      </c>
      <c r="P17727" t="s">
        <v>86</v>
      </c>
      <c r="Q17727">
        <v>13</v>
      </c>
      <c r="R17727">
        <v>13</v>
      </c>
      <c r="S17727">
        <v>13</v>
      </c>
      <c r="T17727">
        <v>13</v>
      </c>
      <c r="U17727">
        <v>13</v>
      </c>
      <c r="V17727">
        <v>13</v>
      </c>
      <c r="W17727">
        <v>13</v>
      </c>
      <c r="X17727">
        <v>13</v>
      </c>
      <c r="Y17727">
        <v>13</v>
      </c>
      <c r="Z17727">
        <v>14</v>
      </c>
      <c r="AA17727">
        <v>14</v>
      </c>
      <c r="AB17727">
        <v>14</v>
      </c>
      <c r="AC17727">
        <v>14</v>
      </c>
      <c r="AD17727">
        <v>14</v>
      </c>
      <c r="AE17727">
        <v>14</v>
      </c>
      <c r="AF17727">
        <v>14</v>
      </c>
      <c r="AG17727">
        <v>14</v>
      </c>
      <c r="AH17727">
        <v>14</v>
      </c>
      <c r="AI17727">
        <v>14</v>
      </c>
      <c r="AJ17727">
        <v>14</v>
      </c>
      <c r="AK17727">
        <v>14</v>
      </c>
      <c r="AL17727">
        <v>14</v>
      </c>
      <c r="AM17727">
        <v>14</v>
      </c>
      <c r="AN17727">
        <v>14</v>
      </c>
      <c r="AO17727">
        <v>14</v>
      </c>
      <c r="AP17727">
        <v>14</v>
      </c>
      <c r="AQ17727">
        <v>14</v>
      </c>
    </row>
    <row r="17728" spans="1:43">
      <c r="A17728" t="s">
        <v>10976</v>
      </c>
      <c r="B17728" t="s">
        <v>10977</v>
      </c>
      <c r="C17728" t="s">
        <v>10964</v>
      </c>
      <c r="D17728" t="s">
        <v>10965</v>
      </c>
      <c r="E17728" t="s">
        <v>10732</v>
      </c>
      <c r="F17728" t="s">
        <v>10733</v>
      </c>
      <c r="G17728" t="s">
        <v>10734</v>
      </c>
      <c r="H17728" t="s">
        <v>10735</v>
      </c>
      <c r="I17728" s="2">
        <v>1</v>
      </c>
      <c r="J17728" s="2">
        <v>0</v>
      </c>
      <c r="K17728" s="2">
        <v>0</v>
      </c>
      <c r="L17728" t="s">
        <v>120</v>
      </c>
      <c r="M17728" t="s">
        <v>89</v>
      </c>
      <c r="N17728" t="s">
        <v>90</v>
      </c>
      <c r="O17728" t="s">
        <v>85</v>
      </c>
      <c r="P17728" t="s">
        <v>86</v>
      </c>
      <c r="Q17728">
        <v>13</v>
      </c>
      <c r="R17728">
        <v>14</v>
      </c>
      <c r="S17728">
        <v>14</v>
      </c>
      <c r="T17728">
        <v>14</v>
      </c>
      <c r="U17728">
        <v>14</v>
      </c>
      <c r="V17728">
        <v>15</v>
      </c>
      <c r="W17728">
        <v>15</v>
      </c>
      <c r="X17728">
        <v>15</v>
      </c>
      <c r="Y17728">
        <v>15</v>
      </c>
      <c r="Z17728">
        <v>16</v>
      </c>
      <c r="AA17728">
        <v>16</v>
      </c>
      <c r="AB17728">
        <v>16</v>
      </c>
      <c r="AC17728">
        <v>16</v>
      </c>
      <c r="AD17728">
        <v>16</v>
      </c>
      <c r="AE17728">
        <v>17</v>
      </c>
      <c r="AF17728">
        <v>17</v>
      </c>
      <c r="AG17728">
        <v>17</v>
      </c>
      <c r="AH17728">
        <v>17</v>
      </c>
      <c r="AI17728">
        <v>17</v>
      </c>
      <c r="AJ17728">
        <v>17</v>
      </c>
      <c r="AK17728">
        <v>17</v>
      </c>
      <c r="AL17728">
        <v>17</v>
      </c>
      <c r="AM17728">
        <v>17</v>
      </c>
      <c r="AN17728">
        <v>17</v>
      </c>
      <c r="AO17728">
        <v>17</v>
      </c>
      <c r="AP17728">
        <v>17</v>
      </c>
      <c r="AQ17728">
        <v>17</v>
      </c>
    </row>
    <row r="17729" spans="1:43">
      <c r="A17729" t="s">
        <v>10976</v>
      </c>
      <c r="B17729" t="s">
        <v>10977</v>
      </c>
      <c r="C17729" t="s">
        <v>10964</v>
      </c>
      <c r="D17729" t="s">
        <v>10965</v>
      </c>
      <c r="E17729" t="s">
        <v>10732</v>
      </c>
      <c r="F17729" t="s">
        <v>10733</v>
      </c>
      <c r="G17729" t="s">
        <v>10734</v>
      </c>
      <c r="H17729" t="s">
        <v>10735</v>
      </c>
      <c r="I17729" s="2">
        <v>1</v>
      </c>
      <c r="J17729" s="2">
        <v>0</v>
      </c>
      <c r="K17729" s="2">
        <v>0</v>
      </c>
      <c r="L17729" t="s">
        <v>120</v>
      </c>
      <c r="M17729" t="s">
        <v>83</v>
      </c>
      <c r="N17729" t="s">
        <v>91</v>
      </c>
      <c r="O17729" t="s">
        <v>85</v>
      </c>
      <c r="P17729" t="s">
        <v>86</v>
      </c>
      <c r="Q17729">
        <v>13</v>
      </c>
      <c r="R17729">
        <v>13</v>
      </c>
      <c r="S17729">
        <v>13</v>
      </c>
      <c r="T17729">
        <v>14</v>
      </c>
      <c r="U17729">
        <v>14</v>
      </c>
      <c r="V17729">
        <v>14</v>
      </c>
      <c r="W17729">
        <v>14</v>
      </c>
      <c r="X17729">
        <v>14</v>
      </c>
      <c r="Y17729">
        <v>15</v>
      </c>
      <c r="Z17729">
        <v>15</v>
      </c>
      <c r="AA17729">
        <v>15</v>
      </c>
      <c r="AB17729">
        <v>15</v>
      </c>
      <c r="AC17729">
        <v>15</v>
      </c>
      <c r="AD17729">
        <v>15</v>
      </c>
      <c r="AE17729">
        <v>16</v>
      </c>
      <c r="AF17729">
        <v>16</v>
      </c>
      <c r="AG17729">
        <v>16</v>
      </c>
      <c r="AH17729">
        <v>16</v>
      </c>
      <c r="AI17729">
        <v>16</v>
      </c>
      <c r="AJ17729">
        <v>16</v>
      </c>
      <c r="AK17729">
        <v>16</v>
      </c>
      <c r="AL17729">
        <v>17</v>
      </c>
      <c r="AM17729">
        <v>17</v>
      </c>
      <c r="AN17729">
        <v>17</v>
      </c>
      <c r="AO17729">
        <v>17</v>
      </c>
      <c r="AP17729">
        <v>17</v>
      </c>
      <c r="AQ17729">
        <v>17</v>
      </c>
    </row>
    <row r="17730" spans="1:43">
      <c r="A17730" t="s">
        <v>10978</v>
      </c>
      <c r="B17730" t="s">
        <v>10979</v>
      </c>
      <c r="C17730" t="s">
        <v>10980</v>
      </c>
      <c r="D17730" t="s">
        <v>10981</v>
      </c>
      <c r="E17730" t="s">
        <v>10982</v>
      </c>
      <c r="F17730" t="s">
        <v>10983</v>
      </c>
      <c r="G17730" t="s">
        <v>10734</v>
      </c>
      <c r="H17730" t="s">
        <v>10735</v>
      </c>
      <c r="I17730" s="2">
        <v>1</v>
      </c>
      <c r="J17730" s="2">
        <v>0</v>
      </c>
      <c r="K17730" s="2">
        <v>0</v>
      </c>
      <c r="L17730" t="s">
        <v>120</v>
      </c>
      <c r="M17730" t="s">
        <v>83</v>
      </c>
      <c r="N17730" t="s">
        <v>84</v>
      </c>
      <c r="O17730" t="s">
        <v>85</v>
      </c>
      <c r="P17730" t="s">
        <v>86</v>
      </c>
      <c r="Q17730">
        <v>15</v>
      </c>
      <c r="R17730">
        <v>16</v>
      </c>
      <c r="S17730">
        <v>16</v>
      </c>
      <c r="T17730">
        <v>16</v>
      </c>
      <c r="U17730">
        <v>17</v>
      </c>
      <c r="V17730">
        <v>17</v>
      </c>
      <c r="W17730">
        <v>18</v>
      </c>
      <c r="X17730">
        <v>18</v>
      </c>
      <c r="Y17730">
        <v>18</v>
      </c>
      <c r="Z17730">
        <v>19</v>
      </c>
      <c r="AA17730">
        <v>19</v>
      </c>
      <c r="AB17730">
        <v>19</v>
      </c>
      <c r="AC17730">
        <v>20</v>
      </c>
      <c r="AD17730">
        <v>20</v>
      </c>
      <c r="AE17730">
        <v>21</v>
      </c>
      <c r="AF17730">
        <v>21</v>
      </c>
      <c r="AG17730">
        <v>21</v>
      </c>
      <c r="AH17730">
        <v>22</v>
      </c>
      <c r="AI17730">
        <v>22</v>
      </c>
      <c r="AJ17730">
        <v>23</v>
      </c>
      <c r="AK17730">
        <v>23</v>
      </c>
      <c r="AL17730">
        <v>23</v>
      </c>
      <c r="AM17730">
        <v>24</v>
      </c>
      <c r="AN17730">
        <v>24</v>
      </c>
      <c r="AO17730">
        <v>24</v>
      </c>
      <c r="AP17730">
        <v>24</v>
      </c>
      <c r="AQ17730">
        <v>25</v>
      </c>
    </row>
    <row r="17731" spans="1:43">
      <c r="A17731" t="s">
        <v>10978</v>
      </c>
      <c r="B17731" t="s">
        <v>10979</v>
      </c>
      <c r="C17731" t="s">
        <v>10980</v>
      </c>
      <c r="D17731" t="s">
        <v>10981</v>
      </c>
      <c r="E17731" t="s">
        <v>10982</v>
      </c>
      <c r="F17731" t="s">
        <v>10983</v>
      </c>
      <c r="G17731" t="s">
        <v>10734</v>
      </c>
      <c r="H17731" t="s">
        <v>10735</v>
      </c>
      <c r="I17731" s="2">
        <v>1</v>
      </c>
      <c r="J17731" s="2">
        <v>0</v>
      </c>
      <c r="K17731" s="2">
        <v>0</v>
      </c>
      <c r="L17731" t="s">
        <v>120</v>
      </c>
      <c r="M17731" t="s">
        <v>87</v>
      </c>
      <c r="N17731" t="s">
        <v>88</v>
      </c>
      <c r="O17731" t="s">
        <v>85</v>
      </c>
      <c r="P17731" t="s">
        <v>86</v>
      </c>
      <c r="Q17731">
        <v>15</v>
      </c>
      <c r="R17731">
        <v>15</v>
      </c>
      <c r="S17731">
        <v>16</v>
      </c>
      <c r="T17731">
        <v>16</v>
      </c>
      <c r="U17731">
        <v>16</v>
      </c>
      <c r="V17731">
        <v>16</v>
      </c>
      <c r="W17731">
        <v>16</v>
      </c>
      <c r="X17731">
        <v>17</v>
      </c>
      <c r="Y17731">
        <v>17</v>
      </c>
      <c r="Z17731">
        <v>17</v>
      </c>
      <c r="AA17731">
        <v>17</v>
      </c>
      <c r="AB17731">
        <v>18</v>
      </c>
      <c r="AC17731">
        <v>18</v>
      </c>
      <c r="AD17731">
        <v>18</v>
      </c>
      <c r="AE17731">
        <v>18</v>
      </c>
      <c r="AF17731">
        <v>19</v>
      </c>
      <c r="AG17731">
        <v>19</v>
      </c>
      <c r="AH17731">
        <v>19</v>
      </c>
      <c r="AI17731">
        <v>19</v>
      </c>
      <c r="AJ17731">
        <v>20</v>
      </c>
      <c r="AK17731">
        <v>20</v>
      </c>
      <c r="AL17731">
        <v>20</v>
      </c>
      <c r="AM17731">
        <v>20</v>
      </c>
      <c r="AN17731">
        <v>21</v>
      </c>
      <c r="AO17731">
        <v>21</v>
      </c>
      <c r="AP17731">
        <v>21</v>
      </c>
      <c r="AQ17731">
        <v>21</v>
      </c>
    </row>
    <row r="17732" spans="1:43">
      <c r="A17732" t="s">
        <v>10978</v>
      </c>
      <c r="B17732" t="s">
        <v>10979</v>
      </c>
      <c r="C17732" t="s">
        <v>10980</v>
      </c>
      <c r="D17732" t="s">
        <v>10981</v>
      </c>
      <c r="E17732" t="s">
        <v>10982</v>
      </c>
      <c r="F17732" t="s">
        <v>10983</v>
      </c>
      <c r="G17732" t="s">
        <v>10734</v>
      </c>
      <c r="H17732" t="s">
        <v>10735</v>
      </c>
      <c r="I17732" s="2">
        <v>1</v>
      </c>
      <c r="J17732" s="2">
        <v>0</v>
      </c>
      <c r="K17732" s="2">
        <v>0</v>
      </c>
      <c r="L17732" t="s">
        <v>120</v>
      </c>
      <c r="M17732" t="s">
        <v>89</v>
      </c>
      <c r="N17732" t="s">
        <v>90</v>
      </c>
      <c r="O17732" t="s">
        <v>85</v>
      </c>
      <c r="P17732" t="s">
        <v>86</v>
      </c>
      <c r="Q17732">
        <v>15</v>
      </c>
      <c r="R17732">
        <v>15</v>
      </c>
      <c r="S17732">
        <v>16</v>
      </c>
      <c r="T17732">
        <v>16</v>
      </c>
      <c r="U17732">
        <v>16</v>
      </c>
      <c r="V17732">
        <v>17</v>
      </c>
      <c r="W17732">
        <v>17</v>
      </c>
      <c r="X17732">
        <v>18</v>
      </c>
      <c r="Y17732">
        <v>18</v>
      </c>
      <c r="Z17732">
        <v>19</v>
      </c>
      <c r="AA17732">
        <v>19</v>
      </c>
      <c r="AB17732">
        <v>20</v>
      </c>
      <c r="AC17732">
        <v>20</v>
      </c>
      <c r="AD17732">
        <v>21</v>
      </c>
      <c r="AE17732">
        <v>21</v>
      </c>
      <c r="AF17732">
        <v>21</v>
      </c>
      <c r="AG17732">
        <v>21</v>
      </c>
      <c r="AH17732">
        <v>22</v>
      </c>
      <c r="AI17732">
        <v>22</v>
      </c>
      <c r="AJ17732">
        <v>22</v>
      </c>
      <c r="AK17732">
        <v>22</v>
      </c>
      <c r="AL17732">
        <v>23</v>
      </c>
      <c r="AM17732">
        <v>23</v>
      </c>
      <c r="AN17732">
        <v>23</v>
      </c>
      <c r="AO17732">
        <v>23</v>
      </c>
      <c r="AP17732">
        <v>24</v>
      </c>
      <c r="AQ17732">
        <v>24</v>
      </c>
    </row>
    <row r="17733" spans="1:43">
      <c r="A17733" t="s">
        <v>10978</v>
      </c>
      <c r="B17733" t="s">
        <v>10979</v>
      </c>
      <c r="C17733" t="s">
        <v>10980</v>
      </c>
      <c r="D17733" t="s">
        <v>10981</v>
      </c>
      <c r="E17733" t="s">
        <v>10982</v>
      </c>
      <c r="F17733" t="s">
        <v>10983</v>
      </c>
      <c r="G17733" t="s">
        <v>10734</v>
      </c>
      <c r="H17733" t="s">
        <v>10735</v>
      </c>
      <c r="I17733" s="2">
        <v>1</v>
      </c>
      <c r="J17733" s="2">
        <v>0</v>
      </c>
      <c r="K17733" s="2">
        <v>0</v>
      </c>
      <c r="L17733" t="s">
        <v>120</v>
      </c>
      <c r="M17733" t="s">
        <v>83</v>
      </c>
      <c r="N17733" t="s">
        <v>91</v>
      </c>
      <c r="O17733" t="s">
        <v>85</v>
      </c>
      <c r="P17733" t="s">
        <v>86</v>
      </c>
      <c r="Q17733">
        <v>15</v>
      </c>
      <c r="R17733">
        <v>16</v>
      </c>
      <c r="S17733">
        <v>16</v>
      </c>
      <c r="T17733">
        <v>16</v>
      </c>
      <c r="U17733">
        <v>17</v>
      </c>
      <c r="V17733">
        <v>17</v>
      </c>
      <c r="W17733">
        <v>18</v>
      </c>
      <c r="X17733">
        <v>18</v>
      </c>
      <c r="Y17733">
        <v>18</v>
      </c>
      <c r="Z17733">
        <v>19</v>
      </c>
      <c r="AA17733">
        <v>19</v>
      </c>
      <c r="AB17733">
        <v>19</v>
      </c>
      <c r="AC17733">
        <v>20</v>
      </c>
      <c r="AD17733">
        <v>20</v>
      </c>
      <c r="AE17733">
        <v>21</v>
      </c>
      <c r="AF17733">
        <v>21</v>
      </c>
      <c r="AG17733">
        <v>21</v>
      </c>
      <c r="AH17733">
        <v>22</v>
      </c>
      <c r="AI17733">
        <v>22</v>
      </c>
      <c r="AJ17733">
        <v>23</v>
      </c>
      <c r="AK17733">
        <v>23</v>
      </c>
      <c r="AL17733">
        <v>23</v>
      </c>
      <c r="AM17733">
        <v>24</v>
      </c>
      <c r="AN17733">
        <v>24</v>
      </c>
      <c r="AO17733">
        <v>24</v>
      </c>
      <c r="AP17733">
        <v>24</v>
      </c>
      <c r="AQ17733">
        <v>25</v>
      </c>
    </row>
    <row r="17734" spans="1:43">
      <c r="A17734" t="s">
        <v>10984</v>
      </c>
      <c r="B17734" t="s">
        <v>10985</v>
      </c>
      <c r="C17734" t="s">
        <v>10986</v>
      </c>
      <c r="D17734" t="s">
        <v>10987</v>
      </c>
      <c r="E17734" t="s">
        <v>10982</v>
      </c>
      <c r="F17734" t="s">
        <v>10983</v>
      </c>
      <c r="G17734" t="s">
        <v>10734</v>
      </c>
      <c r="H17734" t="s">
        <v>10735</v>
      </c>
      <c r="I17734" s="2">
        <v>1</v>
      </c>
      <c r="J17734" s="2">
        <v>0</v>
      </c>
      <c r="K17734" s="2">
        <v>0</v>
      </c>
      <c r="L17734" t="s">
        <v>120</v>
      </c>
      <c r="M17734" t="s">
        <v>83</v>
      </c>
      <c r="N17734" t="s">
        <v>84</v>
      </c>
      <c r="O17734" t="s">
        <v>85</v>
      </c>
      <c r="P17734" t="s">
        <v>86</v>
      </c>
      <c r="Q17734">
        <v>8</v>
      </c>
      <c r="R17734">
        <v>8</v>
      </c>
      <c r="S17734">
        <v>8</v>
      </c>
      <c r="T17734">
        <v>8</v>
      </c>
      <c r="U17734">
        <v>8</v>
      </c>
      <c r="V17734">
        <v>9</v>
      </c>
      <c r="W17734">
        <v>9</v>
      </c>
      <c r="X17734">
        <v>9</v>
      </c>
      <c r="Y17734">
        <v>9</v>
      </c>
      <c r="Z17734">
        <v>9</v>
      </c>
      <c r="AA17734">
        <v>9</v>
      </c>
      <c r="AB17734">
        <v>10</v>
      </c>
      <c r="AC17734">
        <v>10</v>
      </c>
      <c r="AD17734">
        <v>10</v>
      </c>
      <c r="AE17734">
        <v>10</v>
      </c>
      <c r="AF17734">
        <v>10</v>
      </c>
      <c r="AG17734">
        <v>11</v>
      </c>
      <c r="AH17734">
        <v>11</v>
      </c>
      <c r="AI17734">
        <v>11</v>
      </c>
      <c r="AJ17734">
        <v>11</v>
      </c>
      <c r="AK17734">
        <v>11</v>
      </c>
      <c r="AL17734">
        <v>12</v>
      </c>
      <c r="AM17734">
        <v>12</v>
      </c>
      <c r="AN17734">
        <v>12</v>
      </c>
      <c r="AO17734">
        <v>12</v>
      </c>
      <c r="AP17734">
        <v>12</v>
      </c>
      <c r="AQ17734">
        <v>12</v>
      </c>
    </row>
    <row r="17735" spans="1:43">
      <c r="A17735" t="s">
        <v>10984</v>
      </c>
      <c r="B17735" t="s">
        <v>10985</v>
      </c>
      <c r="C17735" t="s">
        <v>10986</v>
      </c>
      <c r="D17735" t="s">
        <v>10987</v>
      </c>
      <c r="E17735" t="s">
        <v>10982</v>
      </c>
      <c r="F17735" t="s">
        <v>10983</v>
      </c>
      <c r="G17735" t="s">
        <v>10734</v>
      </c>
      <c r="H17735" t="s">
        <v>10735</v>
      </c>
      <c r="I17735" s="2">
        <v>1</v>
      </c>
      <c r="J17735" s="2">
        <v>0</v>
      </c>
      <c r="K17735" s="2">
        <v>0</v>
      </c>
      <c r="L17735" t="s">
        <v>120</v>
      </c>
      <c r="M17735" t="s">
        <v>87</v>
      </c>
      <c r="N17735" t="s">
        <v>88</v>
      </c>
      <c r="O17735" t="s">
        <v>85</v>
      </c>
      <c r="P17735" t="s">
        <v>86</v>
      </c>
      <c r="Q17735">
        <v>8</v>
      </c>
      <c r="R17735">
        <v>8</v>
      </c>
      <c r="S17735">
        <v>8</v>
      </c>
      <c r="T17735">
        <v>8</v>
      </c>
      <c r="U17735">
        <v>8</v>
      </c>
      <c r="V17735">
        <v>8</v>
      </c>
      <c r="W17735">
        <v>8</v>
      </c>
      <c r="X17735">
        <v>8</v>
      </c>
      <c r="Y17735">
        <v>8</v>
      </c>
      <c r="Z17735">
        <v>8</v>
      </c>
      <c r="AA17735">
        <v>9</v>
      </c>
      <c r="AB17735">
        <v>9</v>
      </c>
      <c r="AC17735">
        <v>9</v>
      </c>
      <c r="AD17735">
        <v>9</v>
      </c>
      <c r="AE17735">
        <v>9</v>
      </c>
      <c r="AF17735">
        <v>9</v>
      </c>
      <c r="AG17735">
        <v>9</v>
      </c>
      <c r="AH17735">
        <v>9</v>
      </c>
      <c r="AI17735">
        <v>10</v>
      </c>
      <c r="AJ17735">
        <v>10</v>
      </c>
      <c r="AK17735">
        <v>10</v>
      </c>
      <c r="AL17735">
        <v>10</v>
      </c>
      <c r="AM17735">
        <v>10</v>
      </c>
      <c r="AN17735">
        <v>10</v>
      </c>
      <c r="AO17735">
        <v>10</v>
      </c>
      <c r="AP17735">
        <v>10</v>
      </c>
      <c r="AQ17735">
        <v>11</v>
      </c>
    </row>
    <row r="17736" spans="1:43">
      <c r="A17736" t="s">
        <v>10984</v>
      </c>
      <c r="B17736" t="s">
        <v>10985</v>
      </c>
      <c r="C17736" t="s">
        <v>10986</v>
      </c>
      <c r="D17736" t="s">
        <v>10987</v>
      </c>
      <c r="E17736" t="s">
        <v>10982</v>
      </c>
      <c r="F17736" t="s">
        <v>10983</v>
      </c>
      <c r="G17736" t="s">
        <v>10734</v>
      </c>
      <c r="H17736" t="s">
        <v>10735</v>
      </c>
      <c r="I17736" s="2">
        <v>1</v>
      </c>
      <c r="J17736" s="2">
        <v>0</v>
      </c>
      <c r="K17736" s="2">
        <v>0</v>
      </c>
      <c r="L17736" t="s">
        <v>120</v>
      </c>
      <c r="M17736" t="s">
        <v>89</v>
      </c>
      <c r="N17736" t="s">
        <v>90</v>
      </c>
      <c r="O17736" t="s">
        <v>85</v>
      </c>
      <c r="P17736" t="s">
        <v>86</v>
      </c>
      <c r="Q17736">
        <v>8</v>
      </c>
      <c r="R17736">
        <v>8</v>
      </c>
      <c r="S17736">
        <v>8</v>
      </c>
      <c r="T17736">
        <v>8</v>
      </c>
      <c r="U17736">
        <v>9</v>
      </c>
      <c r="V17736">
        <v>9</v>
      </c>
      <c r="W17736">
        <v>9</v>
      </c>
      <c r="X17736">
        <v>9</v>
      </c>
      <c r="Y17736">
        <v>10</v>
      </c>
      <c r="Z17736">
        <v>10</v>
      </c>
      <c r="AA17736">
        <v>10</v>
      </c>
      <c r="AB17736">
        <v>10</v>
      </c>
      <c r="AC17736">
        <v>10</v>
      </c>
      <c r="AD17736">
        <v>11</v>
      </c>
      <c r="AE17736">
        <v>11</v>
      </c>
      <c r="AF17736">
        <v>11</v>
      </c>
      <c r="AG17736">
        <v>11</v>
      </c>
      <c r="AH17736">
        <v>11</v>
      </c>
      <c r="AI17736">
        <v>11</v>
      </c>
      <c r="AJ17736">
        <v>11</v>
      </c>
      <c r="AK17736">
        <v>12</v>
      </c>
      <c r="AL17736">
        <v>12</v>
      </c>
      <c r="AM17736">
        <v>12</v>
      </c>
      <c r="AN17736">
        <v>12</v>
      </c>
      <c r="AO17736">
        <v>12</v>
      </c>
      <c r="AP17736">
        <v>12</v>
      </c>
      <c r="AQ17736">
        <v>12</v>
      </c>
    </row>
    <row r="17737" spans="1:43">
      <c r="A17737" t="s">
        <v>10984</v>
      </c>
      <c r="B17737" t="s">
        <v>10985</v>
      </c>
      <c r="C17737" t="s">
        <v>10986</v>
      </c>
      <c r="D17737" t="s">
        <v>10987</v>
      </c>
      <c r="E17737" t="s">
        <v>10982</v>
      </c>
      <c r="F17737" t="s">
        <v>10983</v>
      </c>
      <c r="G17737" t="s">
        <v>10734</v>
      </c>
      <c r="H17737" t="s">
        <v>10735</v>
      </c>
      <c r="I17737" s="2">
        <v>1</v>
      </c>
      <c r="J17737" s="2">
        <v>0</v>
      </c>
      <c r="K17737" s="2">
        <v>0</v>
      </c>
      <c r="L17737" t="s">
        <v>120</v>
      </c>
      <c r="M17737" t="s">
        <v>83</v>
      </c>
      <c r="N17737" t="s">
        <v>91</v>
      </c>
      <c r="O17737" t="s">
        <v>85</v>
      </c>
      <c r="P17737" t="s">
        <v>86</v>
      </c>
      <c r="Q17737">
        <v>8</v>
      </c>
      <c r="R17737">
        <v>8</v>
      </c>
      <c r="S17737">
        <v>8</v>
      </c>
      <c r="T17737">
        <v>8</v>
      </c>
      <c r="U17737">
        <v>8</v>
      </c>
      <c r="V17737">
        <v>9</v>
      </c>
      <c r="W17737">
        <v>9</v>
      </c>
      <c r="X17737">
        <v>9</v>
      </c>
      <c r="Y17737">
        <v>9</v>
      </c>
      <c r="Z17737">
        <v>9</v>
      </c>
      <c r="AA17737">
        <v>9</v>
      </c>
      <c r="AB17737">
        <v>10</v>
      </c>
      <c r="AC17737">
        <v>10</v>
      </c>
      <c r="AD17737">
        <v>10</v>
      </c>
      <c r="AE17737">
        <v>10</v>
      </c>
      <c r="AF17737">
        <v>10</v>
      </c>
      <c r="AG17737">
        <v>11</v>
      </c>
      <c r="AH17737">
        <v>11</v>
      </c>
      <c r="AI17737">
        <v>11</v>
      </c>
      <c r="AJ17737">
        <v>11</v>
      </c>
      <c r="AK17737">
        <v>11</v>
      </c>
      <c r="AL17737">
        <v>12</v>
      </c>
      <c r="AM17737">
        <v>12</v>
      </c>
      <c r="AN17737">
        <v>12</v>
      </c>
      <c r="AO17737">
        <v>12</v>
      </c>
      <c r="AP17737">
        <v>12</v>
      </c>
      <c r="AQ17737">
        <v>12</v>
      </c>
    </row>
    <row r="17738" spans="1:43">
      <c r="A17738" t="s">
        <v>10988</v>
      </c>
      <c r="B17738" t="s">
        <v>10989</v>
      </c>
      <c r="C17738" t="s">
        <v>10986</v>
      </c>
      <c r="D17738" t="s">
        <v>10987</v>
      </c>
      <c r="E17738" t="s">
        <v>10982</v>
      </c>
      <c r="F17738" t="s">
        <v>10983</v>
      </c>
      <c r="G17738" t="s">
        <v>10734</v>
      </c>
      <c r="H17738" t="s">
        <v>10735</v>
      </c>
      <c r="I17738" s="2">
        <v>1</v>
      </c>
      <c r="J17738" s="2">
        <v>0</v>
      </c>
      <c r="K17738" s="2">
        <v>0</v>
      </c>
      <c r="L17738" t="s">
        <v>120</v>
      </c>
      <c r="M17738" t="s">
        <v>83</v>
      </c>
      <c r="N17738" t="s">
        <v>84</v>
      </c>
      <c r="O17738" t="s">
        <v>85</v>
      </c>
      <c r="P17738" t="s">
        <v>86</v>
      </c>
      <c r="Q17738">
        <v>3</v>
      </c>
      <c r="R17738">
        <v>3</v>
      </c>
      <c r="S17738">
        <v>4</v>
      </c>
      <c r="T17738">
        <v>4</v>
      </c>
      <c r="U17738">
        <v>4</v>
      </c>
      <c r="V17738">
        <v>4</v>
      </c>
      <c r="W17738">
        <v>4</v>
      </c>
      <c r="X17738">
        <v>4</v>
      </c>
      <c r="Y17738">
        <v>4</v>
      </c>
      <c r="Z17738">
        <v>4</v>
      </c>
      <c r="AA17738">
        <v>4</v>
      </c>
      <c r="AB17738">
        <v>4</v>
      </c>
      <c r="AC17738">
        <v>4</v>
      </c>
      <c r="AD17738">
        <v>4</v>
      </c>
      <c r="AE17738">
        <v>5</v>
      </c>
      <c r="AF17738">
        <v>5</v>
      </c>
      <c r="AG17738">
        <v>5</v>
      </c>
      <c r="AH17738">
        <v>5</v>
      </c>
      <c r="AI17738">
        <v>5</v>
      </c>
      <c r="AJ17738">
        <v>5</v>
      </c>
      <c r="AK17738">
        <v>5</v>
      </c>
      <c r="AL17738">
        <v>5</v>
      </c>
      <c r="AM17738">
        <v>5</v>
      </c>
      <c r="AN17738">
        <v>5</v>
      </c>
      <c r="AO17738">
        <v>5</v>
      </c>
      <c r="AP17738">
        <v>5</v>
      </c>
      <c r="AQ17738">
        <v>5</v>
      </c>
    </row>
    <row r="17739" spans="1:43">
      <c r="A17739" t="s">
        <v>10988</v>
      </c>
      <c r="B17739" t="s">
        <v>10989</v>
      </c>
      <c r="C17739" t="s">
        <v>10986</v>
      </c>
      <c r="D17739" t="s">
        <v>10987</v>
      </c>
      <c r="E17739" t="s">
        <v>10982</v>
      </c>
      <c r="F17739" t="s">
        <v>10983</v>
      </c>
      <c r="G17739" t="s">
        <v>10734</v>
      </c>
      <c r="H17739" t="s">
        <v>10735</v>
      </c>
      <c r="I17739" s="2">
        <v>1</v>
      </c>
      <c r="J17739" s="2">
        <v>0</v>
      </c>
      <c r="K17739" s="2">
        <v>0</v>
      </c>
      <c r="L17739" t="s">
        <v>120</v>
      </c>
      <c r="M17739" t="s">
        <v>87</v>
      </c>
      <c r="N17739" t="s">
        <v>88</v>
      </c>
      <c r="O17739" t="s">
        <v>85</v>
      </c>
      <c r="P17739" t="s">
        <v>86</v>
      </c>
      <c r="Q17739">
        <v>3</v>
      </c>
      <c r="R17739">
        <v>3</v>
      </c>
      <c r="S17739">
        <v>3</v>
      </c>
      <c r="T17739">
        <v>3</v>
      </c>
      <c r="U17739">
        <v>4</v>
      </c>
      <c r="V17739">
        <v>4</v>
      </c>
      <c r="W17739">
        <v>4</v>
      </c>
      <c r="X17739">
        <v>4</v>
      </c>
      <c r="Y17739">
        <v>4</v>
      </c>
      <c r="Z17739">
        <v>4</v>
      </c>
      <c r="AA17739">
        <v>4</v>
      </c>
      <c r="AB17739">
        <v>4</v>
      </c>
      <c r="AC17739">
        <v>4</v>
      </c>
      <c r="AD17739">
        <v>4</v>
      </c>
      <c r="AE17739">
        <v>4</v>
      </c>
      <c r="AF17739">
        <v>4</v>
      </c>
      <c r="AG17739">
        <v>4</v>
      </c>
      <c r="AH17739">
        <v>4</v>
      </c>
      <c r="AI17739">
        <v>4</v>
      </c>
      <c r="AJ17739">
        <v>4</v>
      </c>
      <c r="AK17739">
        <v>4</v>
      </c>
      <c r="AL17739">
        <v>4</v>
      </c>
      <c r="AM17739">
        <v>4</v>
      </c>
      <c r="AN17739">
        <v>5</v>
      </c>
      <c r="AO17739">
        <v>5</v>
      </c>
      <c r="AP17739">
        <v>5</v>
      </c>
      <c r="AQ17739">
        <v>5</v>
      </c>
    </row>
    <row r="17740" spans="1:43">
      <c r="A17740" t="s">
        <v>10988</v>
      </c>
      <c r="B17740" t="s">
        <v>10989</v>
      </c>
      <c r="C17740" t="s">
        <v>10986</v>
      </c>
      <c r="D17740" t="s">
        <v>10987</v>
      </c>
      <c r="E17740" t="s">
        <v>10982</v>
      </c>
      <c r="F17740" t="s">
        <v>10983</v>
      </c>
      <c r="G17740" t="s">
        <v>10734</v>
      </c>
      <c r="H17740" t="s">
        <v>10735</v>
      </c>
      <c r="I17740" s="2">
        <v>1</v>
      </c>
      <c r="J17740" s="2">
        <v>0</v>
      </c>
      <c r="K17740" s="2">
        <v>0</v>
      </c>
      <c r="L17740" t="s">
        <v>120</v>
      </c>
      <c r="M17740" t="s">
        <v>89</v>
      </c>
      <c r="N17740" t="s">
        <v>90</v>
      </c>
      <c r="O17740" t="s">
        <v>85</v>
      </c>
      <c r="P17740" t="s">
        <v>86</v>
      </c>
      <c r="Q17740">
        <v>3</v>
      </c>
      <c r="R17740">
        <v>4</v>
      </c>
      <c r="S17740">
        <v>4</v>
      </c>
      <c r="T17740">
        <v>4</v>
      </c>
      <c r="U17740">
        <v>4</v>
      </c>
      <c r="V17740">
        <v>4</v>
      </c>
      <c r="W17740">
        <v>4</v>
      </c>
      <c r="X17740">
        <v>4</v>
      </c>
      <c r="Y17740">
        <v>4</v>
      </c>
      <c r="Z17740">
        <v>4</v>
      </c>
      <c r="AA17740">
        <v>4</v>
      </c>
      <c r="AB17740">
        <v>5</v>
      </c>
      <c r="AC17740">
        <v>5</v>
      </c>
      <c r="AD17740">
        <v>5</v>
      </c>
      <c r="AE17740">
        <v>5</v>
      </c>
      <c r="AF17740">
        <v>5</v>
      </c>
      <c r="AG17740">
        <v>5</v>
      </c>
      <c r="AH17740">
        <v>5</v>
      </c>
      <c r="AI17740">
        <v>5</v>
      </c>
      <c r="AJ17740">
        <v>5</v>
      </c>
      <c r="AK17740">
        <v>5</v>
      </c>
      <c r="AL17740">
        <v>5</v>
      </c>
      <c r="AM17740">
        <v>5</v>
      </c>
      <c r="AN17740">
        <v>5</v>
      </c>
      <c r="AO17740">
        <v>5</v>
      </c>
      <c r="AP17740">
        <v>5</v>
      </c>
      <c r="AQ17740">
        <v>5</v>
      </c>
    </row>
    <row r="17741" spans="1:43">
      <c r="A17741" t="s">
        <v>10988</v>
      </c>
      <c r="B17741" t="s">
        <v>10989</v>
      </c>
      <c r="C17741" t="s">
        <v>10986</v>
      </c>
      <c r="D17741" t="s">
        <v>10987</v>
      </c>
      <c r="E17741" t="s">
        <v>10982</v>
      </c>
      <c r="F17741" t="s">
        <v>10983</v>
      </c>
      <c r="G17741" t="s">
        <v>10734</v>
      </c>
      <c r="H17741" t="s">
        <v>10735</v>
      </c>
      <c r="I17741" s="2">
        <v>1</v>
      </c>
      <c r="J17741" s="2">
        <v>0</v>
      </c>
      <c r="K17741" s="2">
        <v>0</v>
      </c>
      <c r="L17741" t="s">
        <v>120</v>
      </c>
      <c r="M17741" t="s">
        <v>83</v>
      </c>
      <c r="N17741" t="s">
        <v>91</v>
      </c>
      <c r="O17741" t="s">
        <v>85</v>
      </c>
      <c r="P17741" t="s">
        <v>86</v>
      </c>
      <c r="Q17741">
        <v>3</v>
      </c>
      <c r="R17741">
        <v>3</v>
      </c>
      <c r="S17741">
        <v>4</v>
      </c>
      <c r="T17741">
        <v>4</v>
      </c>
      <c r="U17741">
        <v>4</v>
      </c>
      <c r="V17741">
        <v>4</v>
      </c>
      <c r="W17741">
        <v>4</v>
      </c>
      <c r="X17741">
        <v>4</v>
      </c>
      <c r="Y17741">
        <v>4</v>
      </c>
      <c r="Z17741">
        <v>4</v>
      </c>
      <c r="AA17741">
        <v>4</v>
      </c>
      <c r="AB17741">
        <v>4</v>
      </c>
      <c r="AC17741">
        <v>4</v>
      </c>
      <c r="AD17741">
        <v>4</v>
      </c>
      <c r="AE17741">
        <v>5</v>
      </c>
      <c r="AF17741">
        <v>5</v>
      </c>
      <c r="AG17741">
        <v>5</v>
      </c>
      <c r="AH17741">
        <v>5</v>
      </c>
      <c r="AI17741">
        <v>5</v>
      </c>
      <c r="AJ17741">
        <v>5</v>
      </c>
      <c r="AK17741">
        <v>5</v>
      </c>
      <c r="AL17741">
        <v>5</v>
      </c>
      <c r="AM17741">
        <v>5</v>
      </c>
      <c r="AN17741">
        <v>5</v>
      </c>
      <c r="AO17741">
        <v>5</v>
      </c>
      <c r="AP17741">
        <v>5</v>
      </c>
      <c r="AQ17741">
        <v>5</v>
      </c>
    </row>
    <row r="17742" spans="1:43">
      <c r="A17742" t="s">
        <v>10990</v>
      </c>
      <c r="B17742" t="s">
        <v>10991</v>
      </c>
      <c r="C17742" t="s">
        <v>10986</v>
      </c>
      <c r="D17742" t="s">
        <v>10987</v>
      </c>
      <c r="E17742" t="s">
        <v>10982</v>
      </c>
      <c r="F17742" t="s">
        <v>10983</v>
      </c>
      <c r="G17742" t="s">
        <v>10734</v>
      </c>
      <c r="H17742" t="s">
        <v>10735</v>
      </c>
      <c r="I17742" s="2">
        <v>1</v>
      </c>
      <c r="J17742" s="2">
        <v>0</v>
      </c>
      <c r="K17742" s="2">
        <v>0</v>
      </c>
      <c r="L17742" t="s">
        <v>120</v>
      </c>
      <c r="M17742" t="s">
        <v>83</v>
      </c>
      <c r="N17742" t="s">
        <v>84</v>
      </c>
      <c r="O17742" t="s">
        <v>85</v>
      </c>
      <c r="P17742" t="s">
        <v>86</v>
      </c>
      <c r="Q17742">
        <v>33</v>
      </c>
      <c r="R17742">
        <v>34</v>
      </c>
      <c r="S17742">
        <v>35</v>
      </c>
      <c r="T17742">
        <v>36</v>
      </c>
      <c r="U17742">
        <v>36</v>
      </c>
      <c r="V17742">
        <v>37</v>
      </c>
      <c r="W17742">
        <v>38</v>
      </c>
      <c r="X17742">
        <v>39</v>
      </c>
      <c r="Y17742">
        <v>40</v>
      </c>
      <c r="Z17742">
        <v>40</v>
      </c>
      <c r="AA17742">
        <v>41</v>
      </c>
      <c r="AB17742">
        <v>42</v>
      </c>
      <c r="AC17742">
        <v>43</v>
      </c>
      <c r="AD17742">
        <v>44</v>
      </c>
      <c r="AE17742">
        <v>44</v>
      </c>
      <c r="AF17742">
        <v>45</v>
      </c>
      <c r="AG17742">
        <v>46</v>
      </c>
      <c r="AH17742">
        <v>47</v>
      </c>
      <c r="AI17742">
        <v>48</v>
      </c>
      <c r="AJ17742">
        <v>49</v>
      </c>
      <c r="AK17742">
        <v>50</v>
      </c>
      <c r="AL17742">
        <v>51</v>
      </c>
      <c r="AM17742">
        <v>51</v>
      </c>
      <c r="AN17742">
        <v>52</v>
      </c>
      <c r="AO17742">
        <v>52</v>
      </c>
      <c r="AP17742">
        <v>53</v>
      </c>
      <c r="AQ17742">
        <v>53</v>
      </c>
    </row>
    <row r="17743" spans="1:43">
      <c r="A17743" t="s">
        <v>10990</v>
      </c>
      <c r="B17743" t="s">
        <v>10991</v>
      </c>
      <c r="C17743" t="s">
        <v>10986</v>
      </c>
      <c r="D17743" t="s">
        <v>10987</v>
      </c>
      <c r="E17743" t="s">
        <v>10982</v>
      </c>
      <c r="F17743" t="s">
        <v>10983</v>
      </c>
      <c r="G17743" t="s">
        <v>10734</v>
      </c>
      <c r="H17743" t="s">
        <v>10735</v>
      </c>
      <c r="I17743" s="2">
        <v>1</v>
      </c>
      <c r="J17743" s="2">
        <v>0</v>
      </c>
      <c r="K17743" s="2">
        <v>0</v>
      </c>
      <c r="L17743" t="s">
        <v>120</v>
      </c>
      <c r="M17743" t="s">
        <v>87</v>
      </c>
      <c r="N17743" t="s">
        <v>88</v>
      </c>
      <c r="O17743" t="s">
        <v>85</v>
      </c>
      <c r="P17743" t="s">
        <v>86</v>
      </c>
      <c r="Q17743">
        <v>33</v>
      </c>
      <c r="R17743">
        <v>33</v>
      </c>
      <c r="S17743">
        <v>34</v>
      </c>
      <c r="T17743">
        <v>34</v>
      </c>
      <c r="U17743">
        <v>35</v>
      </c>
      <c r="V17743">
        <v>35</v>
      </c>
      <c r="W17743">
        <v>36</v>
      </c>
      <c r="X17743">
        <v>36</v>
      </c>
      <c r="Y17743">
        <v>37</v>
      </c>
      <c r="Z17743">
        <v>37</v>
      </c>
      <c r="AA17743">
        <v>37</v>
      </c>
      <c r="AB17743">
        <v>38</v>
      </c>
      <c r="AC17743">
        <v>38</v>
      </c>
      <c r="AD17743">
        <v>39</v>
      </c>
      <c r="AE17743">
        <v>39</v>
      </c>
      <c r="AF17743">
        <v>40</v>
      </c>
      <c r="AG17743">
        <v>41</v>
      </c>
      <c r="AH17743">
        <v>41</v>
      </c>
      <c r="AI17743">
        <v>42</v>
      </c>
      <c r="AJ17743">
        <v>42</v>
      </c>
      <c r="AK17743">
        <v>43</v>
      </c>
      <c r="AL17743">
        <v>43</v>
      </c>
      <c r="AM17743">
        <v>44</v>
      </c>
      <c r="AN17743">
        <v>45</v>
      </c>
      <c r="AO17743">
        <v>45</v>
      </c>
      <c r="AP17743">
        <v>46</v>
      </c>
      <c r="AQ17743">
        <v>46</v>
      </c>
    </row>
    <row r="17744" spans="1:43">
      <c r="A17744" t="s">
        <v>10990</v>
      </c>
      <c r="B17744" t="s">
        <v>10991</v>
      </c>
      <c r="C17744" t="s">
        <v>10986</v>
      </c>
      <c r="D17744" t="s">
        <v>10987</v>
      </c>
      <c r="E17744" t="s">
        <v>10982</v>
      </c>
      <c r="F17744" t="s">
        <v>10983</v>
      </c>
      <c r="G17744" t="s">
        <v>10734</v>
      </c>
      <c r="H17744" t="s">
        <v>10735</v>
      </c>
      <c r="I17744" s="2">
        <v>1</v>
      </c>
      <c r="J17744" s="2">
        <v>0</v>
      </c>
      <c r="K17744" s="2">
        <v>0</v>
      </c>
      <c r="L17744" t="s">
        <v>120</v>
      </c>
      <c r="M17744" t="s">
        <v>89</v>
      </c>
      <c r="N17744" t="s">
        <v>90</v>
      </c>
      <c r="O17744" t="s">
        <v>85</v>
      </c>
      <c r="P17744" t="s">
        <v>86</v>
      </c>
      <c r="Q17744">
        <v>33</v>
      </c>
      <c r="R17744">
        <v>34</v>
      </c>
      <c r="S17744">
        <v>35</v>
      </c>
      <c r="T17744">
        <v>36</v>
      </c>
      <c r="U17744">
        <v>37</v>
      </c>
      <c r="V17744">
        <v>38</v>
      </c>
      <c r="W17744">
        <v>39</v>
      </c>
      <c r="X17744">
        <v>40</v>
      </c>
      <c r="Y17744">
        <v>41</v>
      </c>
      <c r="Z17744">
        <v>42</v>
      </c>
      <c r="AA17744">
        <v>43</v>
      </c>
      <c r="AB17744">
        <v>44</v>
      </c>
      <c r="AC17744">
        <v>45</v>
      </c>
      <c r="AD17744">
        <v>46</v>
      </c>
      <c r="AE17744">
        <v>47</v>
      </c>
      <c r="AF17744">
        <v>47</v>
      </c>
      <c r="AG17744">
        <v>48</v>
      </c>
      <c r="AH17744">
        <v>48</v>
      </c>
      <c r="AI17744">
        <v>49</v>
      </c>
      <c r="AJ17744">
        <v>49</v>
      </c>
      <c r="AK17744">
        <v>50</v>
      </c>
      <c r="AL17744">
        <v>50</v>
      </c>
      <c r="AM17744">
        <v>51</v>
      </c>
      <c r="AN17744">
        <v>51</v>
      </c>
      <c r="AO17744">
        <v>52</v>
      </c>
      <c r="AP17744">
        <v>52</v>
      </c>
      <c r="AQ17744">
        <v>53</v>
      </c>
    </row>
    <row r="17745" spans="1:43">
      <c r="A17745" t="s">
        <v>10990</v>
      </c>
      <c r="B17745" t="s">
        <v>10991</v>
      </c>
      <c r="C17745" t="s">
        <v>10986</v>
      </c>
      <c r="D17745" t="s">
        <v>10987</v>
      </c>
      <c r="E17745" t="s">
        <v>10982</v>
      </c>
      <c r="F17745" t="s">
        <v>10983</v>
      </c>
      <c r="G17745" t="s">
        <v>10734</v>
      </c>
      <c r="H17745" t="s">
        <v>10735</v>
      </c>
      <c r="I17745" s="2">
        <v>1</v>
      </c>
      <c r="J17745" s="2">
        <v>0</v>
      </c>
      <c r="K17745" s="2">
        <v>0</v>
      </c>
      <c r="L17745" t="s">
        <v>120</v>
      </c>
      <c r="M17745" t="s">
        <v>83</v>
      </c>
      <c r="N17745" t="s">
        <v>91</v>
      </c>
      <c r="O17745" t="s">
        <v>85</v>
      </c>
      <c r="P17745" t="s">
        <v>86</v>
      </c>
      <c r="Q17745">
        <v>33</v>
      </c>
      <c r="R17745">
        <v>34</v>
      </c>
      <c r="S17745">
        <v>35</v>
      </c>
      <c r="T17745">
        <v>36</v>
      </c>
      <c r="U17745">
        <v>36</v>
      </c>
      <c r="V17745">
        <v>37</v>
      </c>
      <c r="W17745">
        <v>38</v>
      </c>
      <c r="X17745">
        <v>39</v>
      </c>
      <c r="Y17745">
        <v>40</v>
      </c>
      <c r="Z17745">
        <v>40</v>
      </c>
      <c r="AA17745">
        <v>41</v>
      </c>
      <c r="AB17745">
        <v>42</v>
      </c>
      <c r="AC17745">
        <v>43</v>
      </c>
      <c r="AD17745">
        <v>44</v>
      </c>
      <c r="AE17745">
        <v>44</v>
      </c>
      <c r="AF17745">
        <v>45</v>
      </c>
      <c r="AG17745">
        <v>46</v>
      </c>
      <c r="AH17745">
        <v>47</v>
      </c>
      <c r="AI17745">
        <v>48</v>
      </c>
      <c r="AJ17745">
        <v>49</v>
      </c>
      <c r="AK17745">
        <v>50</v>
      </c>
      <c r="AL17745">
        <v>51</v>
      </c>
      <c r="AM17745">
        <v>51</v>
      </c>
      <c r="AN17745">
        <v>52</v>
      </c>
      <c r="AO17745">
        <v>52</v>
      </c>
      <c r="AP17745">
        <v>53</v>
      </c>
      <c r="AQ17745">
        <v>53</v>
      </c>
    </row>
    <row r="17746" spans="1:43">
      <c r="A17746" t="s">
        <v>10992</v>
      </c>
      <c r="B17746" t="s">
        <v>10993</v>
      </c>
      <c r="C17746" t="s">
        <v>10986</v>
      </c>
      <c r="D17746" t="s">
        <v>10987</v>
      </c>
      <c r="E17746" t="s">
        <v>10982</v>
      </c>
      <c r="F17746" t="s">
        <v>10983</v>
      </c>
      <c r="G17746" t="s">
        <v>10734</v>
      </c>
      <c r="H17746" t="s">
        <v>10735</v>
      </c>
      <c r="I17746" s="2">
        <v>1</v>
      </c>
      <c r="J17746" s="2">
        <v>0</v>
      </c>
      <c r="K17746" s="2">
        <v>0</v>
      </c>
      <c r="L17746" t="s">
        <v>120</v>
      </c>
      <c r="M17746" t="s">
        <v>83</v>
      </c>
      <c r="N17746" t="s">
        <v>84</v>
      </c>
      <c r="O17746" t="s">
        <v>85</v>
      </c>
      <c r="P17746" t="s">
        <v>86</v>
      </c>
      <c r="Q17746">
        <v>54</v>
      </c>
      <c r="R17746">
        <v>55</v>
      </c>
      <c r="S17746">
        <v>56</v>
      </c>
      <c r="T17746">
        <v>58</v>
      </c>
      <c r="U17746">
        <v>59</v>
      </c>
      <c r="V17746">
        <v>60</v>
      </c>
      <c r="W17746">
        <v>61</v>
      </c>
      <c r="X17746">
        <v>63</v>
      </c>
      <c r="Y17746">
        <v>64</v>
      </c>
      <c r="Z17746">
        <v>65</v>
      </c>
      <c r="AA17746">
        <v>66</v>
      </c>
      <c r="AB17746">
        <v>68</v>
      </c>
      <c r="AC17746">
        <v>69</v>
      </c>
      <c r="AD17746">
        <v>70</v>
      </c>
      <c r="AE17746">
        <v>72</v>
      </c>
      <c r="AF17746">
        <v>73</v>
      </c>
      <c r="AG17746">
        <v>75</v>
      </c>
      <c r="AH17746">
        <v>76</v>
      </c>
      <c r="AI17746">
        <v>78</v>
      </c>
      <c r="AJ17746">
        <v>79</v>
      </c>
      <c r="AK17746">
        <v>81</v>
      </c>
      <c r="AL17746">
        <v>82</v>
      </c>
      <c r="AM17746">
        <v>83</v>
      </c>
      <c r="AN17746">
        <v>84</v>
      </c>
      <c r="AO17746">
        <v>84</v>
      </c>
      <c r="AP17746">
        <v>85</v>
      </c>
      <c r="AQ17746">
        <v>86</v>
      </c>
    </row>
    <row r="17747" spans="1:43">
      <c r="A17747" t="s">
        <v>10992</v>
      </c>
      <c r="B17747" t="s">
        <v>10993</v>
      </c>
      <c r="C17747" t="s">
        <v>10986</v>
      </c>
      <c r="D17747" t="s">
        <v>10987</v>
      </c>
      <c r="E17747" t="s">
        <v>10982</v>
      </c>
      <c r="F17747" t="s">
        <v>10983</v>
      </c>
      <c r="G17747" t="s">
        <v>10734</v>
      </c>
      <c r="H17747" t="s">
        <v>10735</v>
      </c>
      <c r="I17747" s="2">
        <v>1</v>
      </c>
      <c r="J17747" s="2">
        <v>0</v>
      </c>
      <c r="K17747" s="2">
        <v>0</v>
      </c>
      <c r="L17747" t="s">
        <v>120</v>
      </c>
      <c r="M17747" t="s">
        <v>87</v>
      </c>
      <c r="N17747" t="s">
        <v>88</v>
      </c>
      <c r="O17747" t="s">
        <v>85</v>
      </c>
      <c r="P17747" t="s">
        <v>86</v>
      </c>
      <c r="Q17747">
        <v>54</v>
      </c>
      <c r="R17747">
        <v>55</v>
      </c>
      <c r="S17747">
        <v>56</v>
      </c>
      <c r="T17747">
        <v>56</v>
      </c>
      <c r="U17747">
        <v>57</v>
      </c>
      <c r="V17747">
        <v>58</v>
      </c>
      <c r="W17747">
        <v>59</v>
      </c>
      <c r="X17747">
        <v>59</v>
      </c>
      <c r="Y17747">
        <v>60</v>
      </c>
      <c r="Z17747">
        <v>61</v>
      </c>
      <c r="AA17747">
        <v>62</v>
      </c>
      <c r="AB17747">
        <v>62</v>
      </c>
      <c r="AC17747">
        <v>63</v>
      </c>
      <c r="AD17747">
        <v>64</v>
      </c>
      <c r="AE17747">
        <v>65</v>
      </c>
      <c r="AF17747">
        <v>66</v>
      </c>
      <c r="AG17747">
        <v>67</v>
      </c>
      <c r="AH17747">
        <v>67</v>
      </c>
      <c r="AI17747">
        <v>68</v>
      </c>
      <c r="AJ17747">
        <v>69</v>
      </c>
      <c r="AK17747">
        <v>70</v>
      </c>
      <c r="AL17747">
        <v>71</v>
      </c>
      <c r="AM17747">
        <v>72</v>
      </c>
      <c r="AN17747">
        <v>73</v>
      </c>
      <c r="AO17747">
        <v>74</v>
      </c>
      <c r="AP17747">
        <v>75</v>
      </c>
      <c r="AQ17747">
        <v>76</v>
      </c>
    </row>
    <row r="17748" spans="1:43">
      <c r="A17748" t="s">
        <v>10992</v>
      </c>
      <c r="B17748" t="s">
        <v>10993</v>
      </c>
      <c r="C17748" t="s">
        <v>10986</v>
      </c>
      <c r="D17748" t="s">
        <v>10987</v>
      </c>
      <c r="E17748" t="s">
        <v>10982</v>
      </c>
      <c r="F17748" t="s">
        <v>10983</v>
      </c>
      <c r="G17748" t="s">
        <v>10734</v>
      </c>
      <c r="H17748" t="s">
        <v>10735</v>
      </c>
      <c r="I17748" s="2">
        <v>1</v>
      </c>
      <c r="J17748" s="2">
        <v>0</v>
      </c>
      <c r="K17748" s="2">
        <v>0</v>
      </c>
      <c r="L17748" t="s">
        <v>120</v>
      </c>
      <c r="M17748" t="s">
        <v>89</v>
      </c>
      <c r="N17748" t="s">
        <v>90</v>
      </c>
      <c r="O17748" t="s">
        <v>85</v>
      </c>
      <c r="P17748" t="s">
        <v>86</v>
      </c>
      <c r="Q17748">
        <v>54</v>
      </c>
      <c r="R17748">
        <v>56</v>
      </c>
      <c r="S17748">
        <v>58</v>
      </c>
      <c r="T17748">
        <v>59</v>
      </c>
      <c r="U17748">
        <v>61</v>
      </c>
      <c r="V17748">
        <v>63</v>
      </c>
      <c r="W17748">
        <v>64</v>
      </c>
      <c r="X17748">
        <v>66</v>
      </c>
      <c r="Y17748">
        <v>68</v>
      </c>
      <c r="Z17748">
        <v>69</v>
      </c>
      <c r="AA17748">
        <v>71</v>
      </c>
      <c r="AB17748">
        <v>72</v>
      </c>
      <c r="AC17748">
        <v>74</v>
      </c>
      <c r="AD17748">
        <v>76</v>
      </c>
      <c r="AE17748">
        <v>77</v>
      </c>
      <c r="AF17748">
        <v>78</v>
      </c>
      <c r="AG17748">
        <v>79</v>
      </c>
      <c r="AH17748">
        <v>79</v>
      </c>
      <c r="AI17748">
        <v>80</v>
      </c>
      <c r="AJ17748">
        <v>81</v>
      </c>
      <c r="AK17748">
        <v>82</v>
      </c>
      <c r="AL17748">
        <v>83</v>
      </c>
      <c r="AM17748">
        <v>83</v>
      </c>
      <c r="AN17748">
        <v>84</v>
      </c>
      <c r="AO17748">
        <v>85</v>
      </c>
      <c r="AP17748">
        <v>86</v>
      </c>
      <c r="AQ17748">
        <v>87</v>
      </c>
    </row>
    <row r="17749" spans="1:43">
      <c r="A17749" t="s">
        <v>10992</v>
      </c>
      <c r="B17749" t="s">
        <v>10993</v>
      </c>
      <c r="C17749" t="s">
        <v>10986</v>
      </c>
      <c r="D17749" t="s">
        <v>10987</v>
      </c>
      <c r="E17749" t="s">
        <v>10982</v>
      </c>
      <c r="F17749" t="s">
        <v>10983</v>
      </c>
      <c r="G17749" t="s">
        <v>10734</v>
      </c>
      <c r="H17749" t="s">
        <v>10735</v>
      </c>
      <c r="I17749" s="2">
        <v>1</v>
      </c>
      <c r="J17749" s="2">
        <v>0</v>
      </c>
      <c r="K17749" s="2">
        <v>0</v>
      </c>
      <c r="L17749" t="s">
        <v>120</v>
      </c>
      <c r="M17749" t="s">
        <v>83</v>
      </c>
      <c r="N17749" t="s">
        <v>91</v>
      </c>
      <c r="O17749" t="s">
        <v>85</v>
      </c>
      <c r="P17749" t="s">
        <v>86</v>
      </c>
      <c r="Q17749">
        <v>54</v>
      </c>
      <c r="R17749">
        <v>55</v>
      </c>
      <c r="S17749">
        <v>56</v>
      </c>
      <c r="T17749">
        <v>58</v>
      </c>
      <c r="U17749">
        <v>59</v>
      </c>
      <c r="V17749">
        <v>60</v>
      </c>
      <c r="W17749">
        <v>61</v>
      </c>
      <c r="X17749">
        <v>63</v>
      </c>
      <c r="Y17749">
        <v>64</v>
      </c>
      <c r="Z17749">
        <v>65</v>
      </c>
      <c r="AA17749">
        <v>66</v>
      </c>
      <c r="AB17749">
        <v>68</v>
      </c>
      <c r="AC17749">
        <v>69</v>
      </c>
      <c r="AD17749">
        <v>70</v>
      </c>
      <c r="AE17749">
        <v>72</v>
      </c>
      <c r="AF17749">
        <v>73</v>
      </c>
      <c r="AG17749">
        <v>75</v>
      </c>
      <c r="AH17749">
        <v>76</v>
      </c>
      <c r="AI17749">
        <v>78</v>
      </c>
      <c r="AJ17749">
        <v>79</v>
      </c>
      <c r="AK17749">
        <v>81</v>
      </c>
      <c r="AL17749">
        <v>82</v>
      </c>
      <c r="AM17749">
        <v>83</v>
      </c>
      <c r="AN17749">
        <v>84</v>
      </c>
      <c r="AO17749">
        <v>84</v>
      </c>
      <c r="AP17749">
        <v>85</v>
      </c>
      <c r="AQ17749">
        <v>86</v>
      </c>
    </row>
    <row r="17750" spans="1:43">
      <c r="A17750" t="s">
        <v>10994</v>
      </c>
      <c r="B17750" t="s">
        <v>10995</v>
      </c>
      <c r="C17750" t="s">
        <v>10986</v>
      </c>
      <c r="D17750" t="s">
        <v>10987</v>
      </c>
      <c r="E17750" t="s">
        <v>10982</v>
      </c>
      <c r="F17750" t="s">
        <v>10983</v>
      </c>
      <c r="G17750" t="s">
        <v>10734</v>
      </c>
      <c r="H17750" t="s">
        <v>10735</v>
      </c>
      <c r="I17750" s="2">
        <v>1</v>
      </c>
      <c r="J17750" s="2">
        <v>0</v>
      </c>
      <c r="K17750" s="2">
        <v>0</v>
      </c>
      <c r="L17750" t="s">
        <v>120</v>
      </c>
      <c r="M17750" t="s">
        <v>83</v>
      </c>
      <c r="N17750" t="s">
        <v>84</v>
      </c>
      <c r="O17750" t="s">
        <v>85</v>
      </c>
      <c r="P17750" t="s">
        <v>86</v>
      </c>
      <c r="Q17750">
        <v>28</v>
      </c>
      <c r="R17750">
        <v>29</v>
      </c>
      <c r="S17750">
        <v>29</v>
      </c>
      <c r="T17750">
        <v>30</v>
      </c>
      <c r="U17750">
        <v>30</v>
      </c>
      <c r="V17750">
        <v>31</v>
      </c>
      <c r="W17750">
        <v>31</v>
      </c>
      <c r="X17750">
        <v>31</v>
      </c>
      <c r="Y17750">
        <v>32</v>
      </c>
      <c r="Z17750">
        <v>32</v>
      </c>
      <c r="AA17750">
        <v>33</v>
      </c>
      <c r="AB17750">
        <v>33</v>
      </c>
      <c r="AC17750">
        <v>33</v>
      </c>
      <c r="AD17750">
        <v>34</v>
      </c>
      <c r="AE17750">
        <v>34</v>
      </c>
      <c r="AF17750">
        <v>34</v>
      </c>
      <c r="AG17750">
        <v>35</v>
      </c>
      <c r="AH17750">
        <v>35</v>
      </c>
      <c r="AI17750">
        <v>36</v>
      </c>
      <c r="AJ17750">
        <v>36</v>
      </c>
      <c r="AK17750">
        <v>36</v>
      </c>
      <c r="AL17750">
        <v>37</v>
      </c>
      <c r="AM17750">
        <v>37</v>
      </c>
      <c r="AN17750">
        <v>37</v>
      </c>
      <c r="AO17750">
        <v>37</v>
      </c>
      <c r="AP17750">
        <v>37</v>
      </c>
      <c r="AQ17750">
        <v>37</v>
      </c>
    </row>
    <row r="17751" spans="1:43">
      <c r="A17751" t="s">
        <v>10994</v>
      </c>
      <c r="B17751" t="s">
        <v>10995</v>
      </c>
      <c r="C17751" t="s">
        <v>10986</v>
      </c>
      <c r="D17751" t="s">
        <v>10987</v>
      </c>
      <c r="E17751" t="s">
        <v>10982</v>
      </c>
      <c r="F17751" t="s">
        <v>10983</v>
      </c>
      <c r="G17751" t="s">
        <v>10734</v>
      </c>
      <c r="H17751" t="s">
        <v>10735</v>
      </c>
      <c r="I17751" s="2">
        <v>1</v>
      </c>
      <c r="J17751" s="2">
        <v>0</v>
      </c>
      <c r="K17751" s="2">
        <v>0</v>
      </c>
      <c r="L17751" t="s">
        <v>120</v>
      </c>
      <c r="M17751" t="s">
        <v>87</v>
      </c>
      <c r="N17751" t="s">
        <v>88</v>
      </c>
      <c r="O17751" t="s">
        <v>85</v>
      </c>
      <c r="P17751" t="s">
        <v>86</v>
      </c>
      <c r="Q17751">
        <v>28</v>
      </c>
      <c r="R17751">
        <v>28</v>
      </c>
      <c r="S17751">
        <v>29</v>
      </c>
      <c r="T17751">
        <v>29</v>
      </c>
      <c r="U17751">
        <v>29</v>
      </c>
      <c r="V17751">
        <v>29</v>
      </c>
      <c r="W17751">
        <v>29</v>
      </c>
      <c r="X17751">
        <v>29</v>
      </c>
      <c r="Y17751">
        <v>29</v>
      </c>
      <c r="Z17751">
        <v>30</v>
      </c>
      <c r="AA17751">
        <v>30</v>
      </c>
      <c r="AB17751">
        <v>30</v>
      </c>
      <c r="AC17751">
        <v>30</v>
      </c>
      <c r="AD17751">
        <v>30</v>
      </c>
      <c r="AE17751">
        <v>30</v>
      </c>
      <c r="AF17751">
        <v>30</v>
      </c>
      <c r="AG17751">
        <v>31</v>
      </c>
      <c r="AH17751">
        <v>31</v>
      </c>
      <c r="AI17751">
        <v>31</v>
      </c>
      <c r="AJ17751">
        <v>31</v>
      </c>
      <c r="AK17751">
        <v>31</v>
      </c>
      <c r="AL17751">
        <v>31</v>
      </c>
      <c r="AM17751">
        <v>32</v>
      </c>
      <c r="AN17751">
        <v>32</v>
      </c>
      <c r="AO17751">
        <v>32</v>
      </c>
      <c r="AP17751">
        <v>32</v>
      </c>
      <c r="AQ17751">
        <v>32</v>
      </c>
    </row>
    <row r="17752" spans="1:43">
      <c r="A17752" t="s">
        <v>10994</v>
      </c>
      <c r="B17752" t="s">
        <v>10995</v>
      </c>
      <c r="C17752" t="s">
        <v>10986</v>
      </c>
      <c r="D17752" t="s">
        <v>10987</v>
      </c>
      <c r="E17752" t="s">
        <v>10982</v>
      </c>
      <c r="F17752" t="s">
        <v>10983</v>
      </c>
      <c r="G17752" t="s">
        <v>10734</v>
      </c>
      <c r="H17752" t="s">
        <v>10735</v>
      </c>
      <c r="I17752" s="2">
        <v>1</v>
      </c>
      <c r="J17752" s="2">
        <v>0</v>
      </c>
      <c r="K17752" s="2">
        <v>0</v>
      </c>
      <c r="L17752" t="s">
        <v>120</v>
      </c>
      <c r="M17752" t="s">
        <v>89</v>
      </c>
      <c r="N17752" t="s">
        <v>90</v>
      </c>
      <c r="O17752" t="s">
        <v>85</v>
      </c>
      <c r="P17752" t="s">
        <v>86</v>
      </c>
      <c r="Q17752">
        <v>28</v>
      </c>
      <c r="R17752">
        <v>28</v>
      </c>
      <c r="S17752">
        <v>29</v>
      </c>
      <c r="T17752">
        <v>30</v>
      </c>
      <c r="U17752">
        <v>30</v>
      </c>
      <c r="V17752">
        <v>31</v>
      </c>
      <c r="W17752">
        <v>31</v>
      </c>
      <c r="X17752">
        <v>32</v>
      </c>
      <c r="Y17752">
        <v>33</v>
      </c>
      <c r="Z17752">
        <v>33</v>
      </c>
      <c r="AA17752">
        <v>34</v>
      </c>
      <c r="AB17752">
        <v>34</v>
      </c>
      <c r="AC17752">
        <v>35</v>
      </c>
      <c r="AD17752">
        <v>35</v>
      </c>
      <c r="AE17752">
        <v>35</v>
      </c>
      <c r="AF17752">
        <v>36</v>
      </c>
      <c r="AG17752">
        <v>36</v>
      </c>
      <c r="AH17752">
        <v>36</v>
      </c>
      <c r="AI17752">
        <v>36</v>
      </c>
      <c r="AJ17752">
        <v>36</v>
      </c>
      <c r="AK17752">
        <v>36</v>
      </c>
      <c r="AL17752">
        <v>36</v>
      </c>
      <c r="AM17752">
        <v>36</v>
      </c>
      <c r="AN17752">
        <v>36</v>
      </c>
      <c r="AO17752">
        <v>36</v>
      </c>
      <c r="AP17752">
        <v>36</v>
      </c>
      <c r="AQ17752">
        <v>36</v>
      </c>
    </row>
    <row r="17753" spans="1:43">
      <c r="A17753" t="s">
        <v>10994</v>
      </c>
      <c r="B17753" t="s">
        <v>10995</v>
      </c>
      <c r="C17753" t="s">
        <v>10986</v>
      </c>
      <c r="D17753" t="s">
        <v>10987</v>
      </c>
      <c r="E17753" t="s">
        <v>10982</v>
      </c>
      <c r="F17753" t="s">
        <v>10983</v>
      </c>
      <c r="G17753" t="s">
        <v>10734</v>
      </c>
      <c r="H17753" t="s">
        <v>10735</v>
      </c>
      <c r="I17753" s="2">
        <v>1</v>
      </c>
      <c r="J17753" s="2">
        <v>0</v>
      </c>
      <c r="K17753" s="2">
        <v>0</v>
      </c>
      <c r="L17753" t="s">
        <v>120</v>
      </c>
      <c r="M17753" t="s">
        <v>83</v>
      </c>
      <c r="N17753" t="s">
        <v>91</v>
      </c>
      <c r="O17753" t="s">
        <v>85</v>
      </c>
      <c r="P17753" t="s">
        <v>86</v>
      </c>
      <c r="Q17753">
        <v>28</v>
      </c>
      <c r="R17753">
        <v>29</v>
      </c>
      <c r="S17753">
        <v>29</v>
      </c>
      <c r="T17753">
        <v>30</v>
      </c>
      <c r="U17753">
        <v>30</v>
      </c>
      <c r="V17753">
        <v>31</v>
      </c>
      <c r="W17753">
        <v>31</v>
      </c>
      <c r="X17753">
        <v>31</v>
      </c>
      <c r="Y17753">
        <v>32</v>
      </c>
      <c r="Z17753">
        <v>32</v>
      </c>
      <c r="AA17753">
        <v>33</v>
      </c>
      <c r="AB17753">
        <v>33</v>
      </c>
      <c r="AC17753">
        <v>33</v>
      </c>
      <c r="AD17753">
        <v>34</v>
      </c>
      <c r="AE17753">
        <v>34</v>
      </c>
      <c r="AF17753">
        <v>34</v>
      </c>
      <c r="AG17753">
        <v>35</v>
      </c>
      <c r="AH17753">
        <v>35</v>
      </c>
      <c r="AI17753">
        <v>36</v>
      </c>
      <c r="AJ17753">
        <v>36</v>
      </c>
      <c r="AK17753">
        <v>36</v>
      </c>
      <c r="AL17753">
        <v>37</v>
      </c>
      <c r="AM17753">
        <v>37</v>
      </c>
      <c r="AN17753">
        <v>37</v>
      </c>
      <c r="AO17753">
        <v>37</v>
      </c>
      <c r="AP17753">
        <v>37</v>
      </c>
      <c r="AQ17753">
        <v>37</v>
      </c>
    </row>
    <row r="17754" spans="1:43">
      <c r="A17754" t="s">
        <v>10996</v>
      </c>
      <c r="B17754" t="s">
        <v>10997</v>
      </c>
      <c r="C17754" t="s">
        <v>10998</v>
      </c>
      <c r="D17754" t="s">
        <v>10999</v>
      </c>
      <c r="E17754" t="s">
        <v>10982</v>
      </c>
      <c r="F17754" t="s">
        <v>10983</v>
      </c>
      <c r="G17754" t="s">
        <v>10734</v>
      </c>
      <c r="H17754" t="s">
        <v>10735</v>
      </c>
      <c r="I17754" s="2">
        <v>1</v>
      </c>
      <c r="J17754" s="2">
        <v>0</v>
      </c>
      <c r="K17754" s="2">
        <v>0</v>
      </c>
      <c r="L17754" t="s">
        <v>120</v>
      </c>
      <c r="M17754" t="s">
        <v>83</v>
      </c>
      <c r="N17754" t="s">
        <v>84</v>
      </c>
      <c r="O17754" t="s">
        <v>85</v>
      </c>
      <c r="P17754" t="s">
        <v>86</v>
      </c>
      <c r="Q17754">
        <v>37</v>
      </c>
      <c r="R17754">
        <v>38</v>
      </c>
      <c r="S17754">
        <v>38</v>
      </c>
      <c r="T17754">
        <v>39</v>
      </c>
      <c r="U17754">
        <v>40</v>
      </c>
      <c r="V17754">
        <v>41</v>
      </c>
      <c r="W17754">
        <v>42</v>
      </c>
      <c r="X17754">
        <v>43</v>
      </c>
      <c r="Y17754">
        <v>44</v>
      </c>
      <c r="Z17754">
        <v>44</v>
      </c>
      <c r="AA17754">
        <v>45</v>
      </c>
      <c r="AB17754">
        <v>46</v>
      </c>
      <c r="AC17754">
        <v>47</v>
      </c>
      <c r="AD17754">
        <v>48</v>
      </c>
      <c r="AE17754">
        <v>49</v>
      </c>
      <c r="AF17754">
        <v>50</v>
      </c>
      <c r="AG17754">
        <v>51</v>
      </c>
      <c r="AH17754">
        <v>52</v>
      </c>
      <c r="AI17754">
        <v>53</v>
      </c>
      <c r="AJ17754">
        <v>54</v>
      </c>
      <c r="AK17754">
        <v>55</v>
      </c>
      <c r="AL17754">
        <v>56</v>
      </c>
      <c r="AM17754">
        <v>56</v>
      </c>
      <c r="AN17754">
        <v>57</v>
      </c>
      <c r="AO17754">
        <v>58</v>
      </c>
      <c r="AP17754">
        <v>58</v>
      </c>
      <c r="AQ17754">
        <v>59</v>
      </c>
    </row>
    <row r="17755" spans="1:43">
      <c r="A17755" t="s">
        <v>10996</v>
      </c>
      <c r="B17755" t="s">
        <v>10997</v>
      </c>
      <c r="C17755" t="s">
        <v>10998</v>
      </c>
      <c r="D17755" t="s">
        <v>10999</v>
      </c>
      <c r="E17755" t="s">
        <v>10982</v>
      </c>
      <c r="F17755" t="s">
        <v>10983</v>
      </c>
      <c r="G17755" t="s">
        <v>10734</v>
      </c>
      <c r="H17755" t="s">
        <v>10735</v>
      </c>
      <c r="I17755" s="2">
        <v>1</v>
      </c>
      <c r="J17755" s="2">
        <v>0</v>
      </c>
      <c r="K17755" s="2">
        <v>0</v>
      </c>
      <c r="L17755" t="s">
        <v>120</v>
      </c>
      <c r="M17755" t="s">
        <v>87</v>
      </c>
      <c r="N17755" t="s">
        <v>88</v>
      </c>
      <c r="O17755" t="s">
        <v>85</v>
      </c>
      <c r="P17755" t="s">
        <v>86</v>
      </c>
      <c r="Q17755">
        <v>37</v>
      </c>
      <c r="R17755">
        <v>38</v>
      </c>
      <c r="S17755">
        <v>38</v>
      </c>
      <c r="T17755">
        <v>39</v>
      </c>
      <c r="U17755">
        <v>39</v>
      </c>
      <c r="V17755">
        <v>40</v>
      </c>
      <c r="W17755">
        <v>40</v>
      </c>
      <c r="X17755">
        <v>41</v>
      </c>
      <c r="Y17755">
        <v>41</v>
      </c>
      <c r="Z17755">
        <v>42</v>
      </c>
      <c r="AA17755">
        <v>42</v>
      </c>
      <c r="AB17755">
        <v>43</v>
      </c>
      <c r="AC17755">
        <v>43</v>
      </c>
      <c r="AD17755">
        <v>44</v>
      </c>
      <c r="AE17755">
        <v>45</v>
      </c>
      <c r="AF17755">
        <v>45</v>
      </c>
      <c r="AG17755">
        <v>46</v>
      </c>
      <c r="AH17755">
        <v>46</v>
      </c>
      <c r="AI17755">
        <v>47</v>
      </c>
      <c r="AJ17755">
        <v>48</v>
      </c>
      <c r="AK17755">
        <v>48</v>
      </c>
      <c r="AL17755">
        <v>49</v>
      </c>
      <c r="AM17755">
        <v>49</v>
      </c>
      <c r="AN17755">
        <v>50</v>
      </c>
      <c r="AO17755">
        <v>51</v>
      </c>
      <c r="AP17755">
        <v>52</v>
      </c>
      <c r="AQ17755">
        <v>52</v>
      </c>
    </row>
    <row r="17756" spans="1:43">
      <c r="A17756" t="s">
        <v>10996</v>
      </c>
      <c r="B17756" t="s">
        <v>10997</v>
      </c>
      <c r="C17756" t="s">
        <v>10998</v>
      </c>
      <c r="D17756" t="s">
        <v>10999</v>
      </c>
      <c r="E17756" t="s">
        <v>10982</v>
      </c>
      <c r="F17756" t="s">
        <v>10983</v>
      </c>
      <c r="G17756" t="s">
        <v>10734</v>
      </c>
      <c r="H17756" t="s">
        <v>10735</v>
      </c>
      <c r="I17756" s="2">
        <v>1</v>
      </c>
      <c r="J17756" s="2">
        <v>0</v>
      </c>
      <c r="K17756" s="2">
        <v>0</v>
      </c>
      <c r="L17756" t="s">
        <v>120</v>
      </c>
      <c r="M17756" t="s">
        <v>89</v>
      </c>
      <c r="N17756" t="s">
        <v>90</v>
      </c>
      <c r="O17756" t="s">
        <v>85</v>
      </c>
      <c r="P17756" t="s">
        <v>86</v>
      </c>
      <c r="Q17756">
        <v>37</v>
      </c>
      <c r="R17756">
        <v>38</v>
      </c>
      <c r="S17756">
        <v>39</v>
      </c>
      <c r="T17756">
        <v>41</v>
      </c>
      <c r="U17756">
        <v>42</v>
      </c>
      <c r="V17756">
        <v>43</v>
      </c>
      <c r="W17756">
        <v>44</v>
      </c>
      <c r="X17756">
        <v>45</v>
      </c>
      <c r="Y17756">
        <v>46</v>
      </c>
      <c r="Z17756">
        <v>47</v>
      </c>
      <c r="AA17756">
        <v>48</v>
      </c>
      <c r="AB17756">
        <v>49</v>
      </c>
      <c r="AC17756">
        <v>51</v>
      </c>
      <c r="AD17756">
        <v>52</v>
      </c>
      <c r="AE17756">
        <v>53</v>
      </c>
      <c r="AF17756">
        <v>53</v>
      </c>
      <c r="AG17756">
        <v>54</v>
      </c>
      <c r="AH17756">
        <v>54</v>
      </c>
      <c r="AI17756">
        <v>55</v>
      </c>
      <c r="AJ17756">
        <v>55</v>
      </c>
      <c r="AK17756">
        <v>56</v>
      </c>
      <c r="AL17756">
        <v>56</v>
      </c>
      <c r="AM17756">
        <v>57</v>
      </c>
      <c r="AN17756">
        <v>57</v>
      </c>
      <c r="AO17756">
        <v>58</v>
      </c>
      <c r="AP17756">
        <v>59</v>
      </c>
      <c r="AQ17756">
        <v>59</v>
      </c>
    </row>
    <row r="17757" spans="1:43">
      <c r="A17757" t="s">
        <v>10996</v>
      </c>
      <c r="B17757" t="s">
        <v>10997</v>
      </c>
      <c r="C17757" t="s">
        <v>10998</v>
      </c>
      <c r="D17757" t="s">
        <v>10999</v>
      </c>
      <c r="E17757" t="s">
        <v>10982</v>
      </c>
      <c r="F17757" t="s">
        <v>10983</v>
      </c>
      <c r="G17757" t="s">
        <v>10734</v>
      </c>
      <c r="H17757" t="s">
        <v>10735</v>
      </c>
      <c r="I17757" s="2">
        <v>1</v>
      </c>
      <c r="J17757" s="2">
        <v>0</v>
      </c>
      <c r="K17757" s="2">
        <v>0</v>
      </c>
      <c r="L17757" t="s">
        <v>120</v>
      </c>
      <c r="M17757" t="s">
        <v>83</v>
      </c>
      <c r="N17757" t="s">
        <v>91</v>
      </c>
      <c r="O17757" t="s">
        <v>85</v>
      </c>
      <c r="P17757" t="s">
        <v>86</v>
      </c>
      <c r="Q17757">
        <v>37</v>
      </c>
      <c r="R17757">
        <v>38</v>
      </c>
      <c r="S17757">
        <v>38</v>
      </c>
      <c r="T17757">
        <v>39</v>
      </c>
      <c r="U17757">
        <v>40</v>
      </c>
      <c r="V17757">
        <v>41</v>
      </c>
      <c r="W17757">
        <v>42</v>
      </c>
      <c r="X17757">
        <v>43</v>
      </c>
      <c r="Y17757">
        <v>44</v>
      </c>
      <c r="Z17757">
        <v>44</v>
      </c>
      <c r="AA17757">
        <v>45</v>
      </c>
      <c r="AB17757">
        <v>46</v>
      </c>
      <c r="AC17757">
        <v>47</v>
      </c>
      <c r="AD17757">
        <v>48</v>
      </c>
      <c r="AE17757">
        <v>49</v>
      </c>
      <c r="AF17757">
        <v>50</v>
      </c>
      <c r="AG17757">
        <v>51</v>
      </c>
      <c r="AH17757">
        <v>52</v>
      </c>
      <c r="AI17757">
        <v>53</v>
      </c>
      <c r="AJ17757">
        <v>54</v>
      </c>
      <c r="AK17757">
        <v>55</v>
      </c>
      <c r="AL17757">
        <v>56</v>
      </c>
      <c r="AM17757">
        <v>56</v>
      </c>
      <c r="AN17757">
        <v>57</v>
      </c>
      <c r="AO17757">
        <v>58</v>
      </c>
      <c r="AP17757">
        <v>58</v>
      </c>
      <c r="AQ17757">
        <v>59</v>
      </c>
    </row>
    <row r="17758" spans="1:43">
      <c r="A17758" t="s">
        <v>11000</v>
      </c>
      <c r="B17758" t="s">
        <v>11001</v>
      </c>
      <c r="C17758" t="s">
        <v>10998</v>
      </c>
      <c r="D17758" t="s">
        <v>10999</v>
      </c>
      <c r="E17758" t="s">
        <v>10982</v>
      </c>
      <c r="F17758" t="s">
        <v>10983</v>
      </c>
      <c r="G17758" t="s">
        <v>10734</v>
      </c>
      <c r="H17758" t="s">
        <v>10735</v>
      </c>
      <c r="I17758" s="2">
        <v>1</v>
      </c>
      <c r="J17758" s="2">
        <v>0</v>
      </c>
      <c r="K17758" s="2">
        <v>0</v>
      </c>
      <c r="L17758" t="s">
        <v>120</v>
      </c>
      <c r="M17758" t="s">
        <v>83</v>
      </c>
      <c r="N17758" t="s">
        <v>84</v>
      </c>
      <c r="O17758" t="s">
        <v>85</v>
      </c>
      <c r="P17758" t="s">
        <v>86</v>
      </c>
      <c r="Q17758">
        <v>23</v>
      </c>
      <c r="R17758">
        <v>23</v>
      </c>
      <c r="S17758">
        <v>24</v>
      </c>
      <c r="T17758">
        <v>24</v>
      </c>
      <c r="U17758">
        <v>25</v>
      </c>
      <c r="V17758">
        <v>25</v>
      </c>
      <c r="W17758">
        <v>26</v>
      </c>
      <c r="X17758">
        <v>26</v>
      </c>
      <c r="Y17758">
        <v>27</v>
      </c>
      <c r="Z17758">
        <v>27</v>
      </c>
      <c r="AA17758">
        <v>28</v>
      </c>
      <c r="AB17758">
        <v>28</v>
      </c>
      <c r="AC17758">
        <v>29</v>
      </c>
      <c r="AD17758">
        <v>29</v>
      </c>
      <c r="AE17758">
        <v>30</v>
      </c>
      <c r="AF17758">
        <v>31</v>
      </c>
      <c r="AG17758">
        <v>31</v>
      </c>
      <c r="AH17758">
        <v>32</v>
      </c>
      <c r="AI17758">
        <v>32</v>
      </c>
      <c r="AJ17758">
        <v>33</v>
      </c>
      <c r="AK17758">
        <v>34</v>
      </c>
      <c r="AL17758">
        <v>34</v>
      </c>
      <c r="AM17758">
        <v>35</v>
      </c>
      <c r="AN17758">
        <v>35</v>
      </c>
      <c r="AO17758">
        <v>35</v>
      </c>
      <c r="AP17758">
        <v>36</v>
      </c>
      <c r="AQ17758">
        <v>36</v>
      </c>
    </row>
    <row r="17759" spans="1:43">
      <c r="A17759" t="s">
        <v>11000</v>
      </c>
      <c r="B17759" t="s">
        <v>11001</v>
      </c>
      <c r="C17759" t="s">
        <v>10998</v>
      </c>
      <c r="D17759" t="s">
        <v>10999</v>
      </c>
      <c r="E17759" t="s">
        <v>10982</v>
      </c>
      <c r="F17759" t="s">
        <v>10983</v>
      </c>
      <c r="G17759" t="s">
        <v>10734</v>
      </c>
      <c r="H17759" t="s">
        <v>10735</v>
      </c>
      <c r="I17759" s="2">
        <v>1</v>
      </c>
      <c r="J17759" s="2">
        <v>0</v>
      </c>
      <c r="K17759" s="2">
        <v>0</v>
      </c>
      <c r="L17759" t="s">
        <v>120</v>
      </c>
      <c r="M17759" t="s">
        <v>87</v>
      </c>
      <c r="N17759" t="s">
        <v>88</v>
      </c>
      <c r="O17759" t="s">
        <v>85</v>
      </c>
      <c r="P17759" t="s">
        <v>86</v>
      </c>
      <c r="Q17759">
        <v>23</v>
      </c>
      <c r="R17759">
        <v>24</v>
      </c>
      <c r="S17759">
        <v>24</v>
      </c>
      <c r="T17759">
        <v>24</v>
      </c>
      <c r="U17759">
        <v>25</v>
      </c>
      <c r="V17759">
        <v>25</v>
      </c>
      <c r="W17759">
        <v>25</v>
      </c>
      <c r="X17759">
        <v>25</v>
      </c>
      <c r="Y17759">
        <v>26</v>
      </c>
      <c r="Z17759">
        <v>26</v>
      </c>
      <c r="AA17759">
        <v>26</v>
      </c>
      <c r="AB17759">
        <v>27</v>
      </c>
      <c r="AC17759">
        <v>27</v>
      </c>
      <c r="AD17759">
        <v>27</v>
      </c>
      <c r="AE17759">
        <v>28</v>
      </c>
      <c r="AF17759">
        <v>28</v>
      </c>
      <c r="AG17759">
        <v>28</v>
      </c>
      <c r="AH17759">
        <v>29</v>
      </c>
      <c r="AI17759">
        <v>29</v>
      </c>
      <c r="AJ17759">
        <v>30</v>
      </c>
      <c r="AK17759">
        <v>30</v>
      </c>
      <c r="AL17759">
        <v>30</v>
      </c>
      <c r="AM17759">
        <v>31</v>
      </c>
      <c r="AN17759">
        <v>31</v>
      </c>
      <c r="AO17759">
        <v>32</v>
      </c>
      <c r="AP17759">
        <v>32</v>
      </c>
      <c r="AQ17759">
        <v>32</v>
      </c>
    </row>
    <row r="17760" spans="1:43">
      <c r="A17760" t="s">
        <v>11000</v>
      </c>
      <c r="B17760" t="s">
        <v>11001</v>
      </c>
      <c r="C17760" t="s">
        <v>10998</v>
      </c>
      <c r="D17760" t="s">
        <v>10999</v>
      </c>
      <c r="E17760" t="s">
        <v>10982</v>
      </c>
      <c r="F17760" t="s">
        <v>10983</v>
      </c>
      <c r="G17760" t="s">
        <v>10734</v>
      </c>
      <c r="H17760" t="s">
        <v>10735</v>
      </c>
      <c r="I17760" s="2">
        <v>1</v>
      </c>
      <c r="J17760" s="2">
        <v>0</v>
      </c>
      <c r="K17760" s="2">
        <v>0</v>
      </c>
      <c r="L17760" t="s">
        <v>120</v>
      </c>
      <c r="M17760" t="s">
        <v>89</v>
      </c>
      <c r="N17760" t="s">
        <v>90</v>
      </c>
      <c r="O17760" t="s">
        <v>85</v>
      </c>
      <c r="P17760" t="s">
        <v>86</v>
      </c>
      <c r="Q17760">
        <v>23</v>
      </c>
      <c r="R17760">
        <v>23</v>
      </c>
      <c r="S17760">
        <v>24</v>
      </c>
      <c r="T17760">
        <v>25</v>
      </c>
      <c r="U17760">
        <v>26</v>
      </c>
      <c r="V17760">
        <v>26</v>
      </c>
      <c r="W17760">
        <v>27</v>
      </c>
      <c r="X17760">
        <v>28</v>
      </c>
      <c r="Y17760">
        <v>28</v>
      </c>
      <c r="Z17760">
        <v>29</v>
      </c>
      <c r="AA17760">
        <v>30</v>
      </c>
      <c r="AB17760">
        <v>30</v>
      </c>
      <c r="AC17760">
        <v>31</v>
      </c>
      <c r="AD17760">
        <v>32</v>
      </c>
      <c r="AE17760">
        <v>32</v>
      </c>
      <c r="AF17760">
        <v>32</v>
      </c>
      <c r="AG17760">
        <v>33</v>
      </c>
      <c r="AH17760">
        <v>33</v>
      </c>
      <c r="AI17760">
        <v>33</v>
      </c>
      <c r="AJ17760">
        <v>34</v>
      </c>
      <c r="AK17760">
        <v>34</v>
      </c>
      <c r="AL17760">
        <v>34</v>
      </c>
      <c r="AM17760">
        <v>35</v>
      </c>
      <c r="AN17760">
        <v>35</v>
      </c>
      <c r="AO17760">
        <v>36</v>
      </c>
      <c r="AP17760">
        <v>36</v>
      </c>
      <c r="AQ17760">
        <v>36</v>
      </c>
    </row>
    <row r="17761" spans="1:43">
      <c r="A17761" t="s">
        <v>11000</v>
      </c>
      <c r="B17761" t="s">
        <v>11001</v>
      </c>
      <c r="C17761" t="s">
        <v>10998</v>
      </c>
      <c r="D17761" t="s">
        <v>10999</v>
      </c>
      <c r="E17761" t="s">
        <v>10982</v>
      </c>
      <c r="F17761" t="s">
        <v>10983</v>
      </c>
      <c r="G17761" t="s">
        <v>10734</v>
      </c>
      <c r="H17761" t="s">
        <v>10735</v>
      </c>
      <c r="I17761" s="2">
        <v>1</v>
      </c>
      <c r="J17761" s="2">
        <v>0</v>
      </c>
      <c r="K17761" s="2">
        <v>0</v>
      </c>
      <c r="L17761" t="s">
        <v>120</v>
      </c>
      <c r="M17761" t="s">
        <v>83</v>
      </c>
      <c r="N17761" t="s">
        <v>91</v>
      </c>
      <c r="O17761" t="s">
        <v>85</v>
      </c>
      <c r="P17761" t="s">
        <v>86</v>
      </c>
      <c r="Q17761">
        <v>23</v>
      </c>
      <c r="R17761">
        <v>23</v>
      </c>
      <c r="S17761">
        <v>24</v>
      </c>
      <c r="T17761">
        <v>24</v>
      </c>
      <c r="U17761">
        <v>25</v>
      </c>
      <c r="V17761">
        <v>25</v>
      </c>
      <c r="W17761">
        <v>26</v>
      </c>
      <c r="X17761">
        <v>26</v>
      </c>
      <c r="Y17761">
        <v>27</v>
      </c>
      <c r="Z17761">
        <v>27</v>
      </c>
      <c r="AA17761">
        <v>28</v>
      </c>
      <c r="AB17761">
        <v>28</v>
      </c>
      <c r="AC17761">
        <v>29</v>
      </c>
      <c r="AD17761">
        <v>29</v>
      </c>
      <c r="AE17761">
        <v>30</v>
      </c>
      <c r="AF17761">
        <v>31</v>
      </c>
      <c r="AG17761">
        <v>31</v>
      </c>
      <c r="AH17761">
        <v>32</v>
      </c>
      <c r="AI17761">
        <v>32</v>
      </c>
      <c r="AJ17761">
        <v>33</v>
      </c>
      <c r="AK17761">
        <v>34</v>
      </c>
      <c r="AL17761">
        <v>34</v>
      </c>
      <c r="AM17761">
        <v>35</v>
      </c>
      <c r="AN17761">
        <v>35</v>
      </c>
      <c r="AO17761">
        <v>35</v>
      </c>
      <c r="AP17761">
        <v>36</v>
      </c>
      <c r="AQ17761">
        <v>36</v>
      </c>
    </row>
    <row r="17762" spans="1:43">
      <c r="A17762" t="s">
        <v>11002</v>
      </c>
      <c r="B17762" t="s">
        <v>11003</v>
      </c>
      <c r="C17762" t="s">
        <v>10998</v>
      </c>
      <c r="D17762" t="s">
        <v>10999</v>
      </c>
      <c r="E17762" t="s">
        <v>10982</v>
      </c>
      <c r="F17762" t="s">
        <v>10983</v>
      </c>
      <c r="G17762" t="s">
        <v>10734</v>
      </c>
      <c r="H17762" t="s">
        <v>10735</v>
      </c>
      <c r="I17762" s="2">
        <v>1</v>
      </c>
      <c r="J17762" s="2">
        <v>0</v>
      </c>
      <c r="K17762" s="2">
        <v>0</v>
      </c>
      <c r="L17762" t="s">
        <v>120</v>
      </c>
      <c r="M17762" t="s">
        <v>83</v>
      </c>
      <c r="N17762" t="s">
        <v>84</v>
      </c>
      <c r="O17762" t="s">
        <v>85</v>
      </c>
      <c r="P17762" t="s">
        <v>86</v>
      </c>
      <c r="Q17762">
        <v>6</v>
      </c>
      <c r="R17762">
        <v>6</v>
      </c>
      <c r="S17762">
        <v>6</v>
      </c>
      <c r="T17762">
        <v>6</v>
      </c>
      <c r="U17762">
        <v>6</v>
      </c>
      <c r="V17762">
        <v>6</v>
      </c>
      <c r="W17762">
        <v>6</v>
      </c>
      <c r="X17762">
        <v>7</v>
      </c>
      <c r="Y17762">
        <v>7</v>
      </c>
      <c r="Z17762">
        <v>7</v>
      </c>
      <c r="AA17762">
        <v>7</v>
      </c>
      <c r="AB17762">
        <v>7</v>
      </c>
      <c r="AC17762">
        <v>7</v>
      </c>
      <c r="AD17762">
        <v>7</v>
      </c>
      <c r="AE17762">
        <v>8</v>
      </c>
      <c r="AF17762">
        <v>8</v>
      </c>
      <c r="AG17762">
        <v>8</v>
      </c>
      <c r="AH17762">
        <v>8</v>
      </c>
      <c r="AI17762">
        <v>8</v>
      </c>
      <c r="AJ17762">
        <v>8</v>
      </c>
      <c r="AK17762">
        <v>8</v>
      </c>
      <c r="AL17762">
        <v>9</v>
      </c>
      <c r="AM17762">
        <v>9</v>
      </c>
      <c r="AN17762">
        <v>9</v>
      </c>
      <c r="AO17762">
        <v>9</v>
      </c>
      <c r="AP17762">
        <v>9</v>
      </c>
      <c r="AQ17762">
        <v>9</v>
      </c>
    </row>
    <row r="17763" spans="1:43">
      <c r="A17763" t="s">
        <v>11002</v>
      </c>
      <c r="B17763" t="s">
        <v>11003</v>
      </c>
      <c r="C17763" t="s">
        <v>10998</v>
      </c>
      <c r="D17763" t="s">
        <v>10999</v>
      </c>
      <c r="E17763" t="s">
        <v>10982</v>
      </c>
      <c r="F17763" t="s">
        <v>10983</v>
      </c>
      <c r="G17763" t="s">
        <v>10734</v>
      </c>
      <c r="H17763" t="s">
        <v>10735</v>
      </c>
      <c r="I17763" s="2">
        <v>1</v>
      </c>
      <c r="J17763" s="2">
        <v>0</v>
      </c>
      <c r="K17763" s="2">
        <v>0</v>
      </c>
      <c r="L17763" t="s">
        <v>120</v>
      </c>
      <c r="M17763" t="s">
        <v>87</v>
      </c>
      <c r="N17763" t="s">
        <v>88</v>
      </c>
      <c r="O17763" t="s">
        <v>85</v>
      </c>
      <c r="P17763" t="s">
        <v>86</v>
      </c>
      <c r="Q17763">
        <v>6</v>
      </c>
      <c r="R17763">
        <v>6</v>
      </c>
      <c r="S17763">
        <v>6</v>
      </c>
      <c r="T17763">
        <v>6</v>
      </c>
      <c r="U17763">
        <v>6</v>
      </c>
      <c r="V17763">
        <v>6</v>
      </c>
      <c r="W17763">
        <v>6</v>
      </c>
      <c r="X17763">
        <v>6</v>
      </c>
      <c r="Y17763">
        <v>6</v>
      </c>
      <c r="Z17763">
        <v>6</v>
      </c>
      <c r="AA17763">
        <v>6</v>
      </c>
      <c r="AB17763">
        <v>6</v>
      </c>
      <c r="AC17763">
        <v>7</v>
      </c>
      <c r="AD17763">
        <v>7</v>
      </c>
      <c r="AE17763">
        <v>7</v>
      </c>
      <c r="AF17763">
        <v>7</v>
      </c>
      <c r="AG17763">
        <v>7</v>
      </c>
      <c r="AH17763">
        <v>7</v>
      </c>
      <c r="AI17763">
        <v>7</v>
      </c>
      <c r="AJ17763">
        <v>7</v>
      </c>
      <c r="AK17763">
        <v>7</v>
      </c>
      <c r="AL17763">
        <v>7</v>
      </c>
      <c r="AM17763">
        <v>7</v>
      </c>
      <c r="AN17763">
        <v>8</v>
      </c>
      <c r="AO17763">
        <v>8</v>
      </c>
      <c r="AP17763">
        <v>8</v>
      </c>
      <c r="AQ17763">
        <v>8</v>
      </c>
    </row>
    <row r="17764" spans="1:43">
      <c r="A17764" t="s">
        <v>11002</v>
      </c>
      <c r="B17764" t="s">
        <v>11003</v>
      </c>
      <c r="C17764" t="s">
        <v>10998</v>
      </c>
      <c r="D17764" t="s">
        <v>10999</v>
      </c>
      <c r="E17764" t="s">
        <v>10982</v>
      </c>
      <c r="F17764" t="s">
        <v>10983</v>
      </c>
      <c r="G17764" t="s">
        <v>10734</v>
      </c>
      <c r="H17764" t="s">
        <v>10735</v>
      </c>
      <c r="I17764" s="2">
        <v>1</v>
      </c>
      <c r="J17764" s="2">
        <v>0</v>
      </c>
      <c r="K17764" s="2">
        <v>0</v>
      </c>
      <c r="L17764" t="s">
        <v>120</v>
      </c>
      <c r="M17764" t="s">
        <v>89</v>
      </c>
      <c r="N17764" t="s">
        <v>90</v>
      </c>
      <c r="O17764" t="s">
        <v>85</v>
      </c>
      <c r="P17764" t="s">
        <v>86</v>
      </c>
      <c r="Q17764">
        <v>6</v>
      </c>
      <c r="R17764">
        <v>6</v>
      </c>
      <c r="S17764">
        <v>6</v>
      </c>
      <c r="T17764">
        <v>6</v>
      </c>
      <c r="U17764">
        <v>6</v>
      </c>
      <c r="V17764">
        <v>7</v>
      </c>
      <c r="W17764">
        <v>7</v>
      </c>
      <c r="X17764">
        <v>7</v>
      </c>
      <c r="Y17764">
        <v>7</v>
      </c>
      <c r="Z17764">
        <v>7</v>
      </c>
      <c r="AA17764">
        <v>7</v>
      </c>
      <c r="AB17764">
        <v>8</v>
      </c>
      <c r="AC17764">
        <v>8</v>
      </c>
      <c r="AD17764">
        <v>8</v>
      </c>
      <c r="AE17764">
        <v>8</v>
      </c>
      <c r="AF17764">
        <v>8</v>
      </c>
      <c r="AG17764">
        <v>8</v>
      </c>
      <c r="AH17764">
        <v>8</v>
      </c>
      <c r="AI17764">
        <v>8</v>
      </c>
      <c r="AJ17764">
        <v>8</v>
      </c>
      <c r="AK17764">
        <v>9</v>
      </c>
      <c r="AL17764">
        <v>9</v>
      </c>
      <c r="AM17764">
        <v>9</v>
      </c>
      <c r="AN17764">
        <v>9</v>
      </c>
      <c r="AO17764">
        <v>9</v>
      </c>
      <c r="AP17764">
        <v>9</v>
      </c>
      <c r="AQ17764">
        <v>9</v>
      </c>
    </row>
    <row r="17765" spans="1:43">
      <c r="A17765" t="s">
        <v>11002</v>
      </c>
      <c r="B17765" t="s">
        <v>11003</v>
      </c>
      <c r="C17765" t="s">
        <v>10998</v>
      </c>
      <c r="D17765" t="s">
        <v>10999</v>
      </c>
      <c r="E17765" t="s">
        <v>10982</v>
      </c>
      <c r="F17765" t="s">
        <v>10983</v>
      </c>
      <c r="G17765" t="s">
        <v>10734</v>
      </c>
      <c r="H17765" t="s">
        <v>10735</v>
      </c>
      <c r="I17765" s="2">
        <v>1</v>
      </c>
      <c r="J17765" s="2">
        <v>0</v>
      </c>
      <c r="K17765" s="2">
        <v>0</v>
      </c>
      <c r="L17765" t="s">
        <v>120</v>
      </c>
      <c r="M17765" t="s">
        <v>83</v>
      </c>
      <c r="N17765" t="s">
        <v>91</v>
      </c>
      <c r="O17765" t="s">
        <v>85</v>
      </c>
      <c r="P17765" t="s">
        <v>86</v>
      </c>
      <c r="Q17765">
        <v>6</v>
      </c>
      <c r="R17765">
        <v>6</v>
      </c>
      <c r="S17765">
        <v>6</v>
      </c>
      <c r="T17765">
        <v>6</v>
      </c>
      <c r="U17765">
        <v>6</v>
      </c>
      <c r="V17765">
        <v>6</v>
      </c>
      <c r="W17765">
        <v>6</v>
      </c>
      <c r="X17765">
        <v>7</v>
      </c>
      <c r="Y17765">
        <v>7</v>
      </c>
      <c r="Z17765">
        <v>7</v>
      </c>
      <c r="AA17765">
        <v>7</v>
      </c>
      <c r="AB17765">
        <v>7</v>
      </c>
      <c r="AC17765">
        <v>7</v>
      </c>
      <c r="AD17765">
        <v>7</v>
      </c>
      <c r="AE17765">
        <v>8</v>
      </c>
      <c r="AF17765">
        <v>8</v>
      </c>
      <c r="AG17765">
        <v>8</v>
      </c>
      <c r="AH17765">
        <v>8</v>
      </c>
      <c r="AI17765">
        <v>8</v>
      </c>
      <c r="AJ17765">
        <v>8</v>
      </c>
      <c r="AK17765">
        <v>8</v>
      </c>
      <c r="AL17765">
        <v>9</v>
      </c>
      <c r="AM17765">
        <v>9</v>
      </c>
      <c r="AN17765">
        <v>9</v>
      </c>
      <c r="AO17765">
        <v>9</v>
      </c>
      <c r="AP17765">
        <v>9</v>
      </c>
      <c r="AQ17765">
        <v>9</v>
      </c>
    </row>
    <row r="17766" spans="1:43">
      <c r="A17766" t="s">
        <v>11004</v>
      </c>
      <c r="B17766" t="s">
        <v>11005</v>
      </c>
      <c r="C17766" t="s">
        <v>10998</v>
      </c>
      <c r="D17766" t="s">
        <v>10999</v>
      </c>
      <c r="E17766" t="s">
        <v>10982</v>
      </c>
      <c r="F17766" t="s">
        <v>10983</v>
      </c>
      <c r="G17766" t="s">
        <v>10734</v>
      </c>
      <c r="H17766" t="s">
        <v>10735</v>
      </c>
      <c r="I17766" s="2">
        <v>1</v>
      </c>
      <c r="J17766" s="2">
        <v>0</v>
      </c>
      <c r="K17766" s="2">
        <v>0</v>
      </c>
      <c r="L17766" t="s">
        <v>120</v>
      </c>
      <c r="M17766" t="s">
        <v>83</v>
      </c>
      <c r="N17766" t="s">
        <v>84</v>
      </c>
      <c r="O17766" t="s">
        <v>85</v>
      </c>
      <c r="P17766" t="s">
        <v>86</v>
      </c>
      <c r="Q17766">
        <v>11</v>
      </c>
      <c r="R17766">
        <v>12</v>
      </c>
      <c r="S17766">
        <v>12</v>
      </c>
      <c r="T17766">
        <v>12</v>
      </c>
      <c r="U17766">
        <v>12</v>
      </c>
      <c r="V17766">
        <v>13</v>
      </c>
      <c r="W17766">
        <v>13</v>
      </c>
      <c r="X17766">
        <v>13</v>
      </c>
      <c r="Y17766">
        <v>13</v>
      </c>
      <c r="Z17766">
        <v>14</v>
      </c>
      <c r="AA17766">
        <v>14</v>
      </c>
      <c r="AB17766">
        <v>14</v>
      </c>
      <c r="AC17766">
        <v>15</v>
      </c>
      <c r="AD17766">
        <v>15</v>
      </c>
      <c r="AE17766">
        <v>15</v>
      </c>
      <c r="AF17766">
        <v>15</v>
      </c>
      <c r="AG17766">
        <v>16</v>
      </c>
      <c r="AH17766">
        <v>16</v>
      </c>
      <c r="AI17766">
        <v>16</v>
      </c>
      <c r="AJ17766">
        <v>17</v>
      </c>
      <c r="AK17766">
        <v>17</v>
      </c>
      <c r="AL17766">
        <v>17</v>
      </c>
      <c r="AM17766">
        <v>17</v>
      </c>
      <c r="AN17766">
        <v>18</v>
      </c>
      <c r="AO17766">
        <v>18</v>
      </c>
      <c r="AP17766">
        <v>18</v>
      </c>
      <c r="AQ17766">
        <v>18</v>
      </c>
    </row>
    <row r="17767" spans="1:43">
      <c r="A17767" t="s">
        <v>11004</v>
      </c>
      <c r="B17767" t="s">
        <v>11005</v>
      </c>
      <c r="C17767" t="s">
        <v>10998</v>
      </c>
      <c r="D17767" t="s">
        <v>10999</v>
      </c>
      <c r="E17767" t="s">
        <v>10982</v>
      </c>
      <c r="F17767" t="s">
        <v>10983</v>
      </c>
      <c r="G17767" t="s">
        <v>10734</v>
      </c>
      <c r="H17767" t="s">
        <v>10735</v>
      </c>
      <c r="I17767" s="2">
        <v>1</v>
      </c>
      <c r="J17767" s="2">
        <v>0</v>
      </c>
      <c r="K17767" s="2">
        <v>0</v>
      </c>
      <c r="L17767" t="s">
        <v>120</v>
      </c>
      <c r="M17767" t="s">
        <v>87</v>
      </c>
      <c r="N17767" t="s">
        <v>88</v>
      </c>
      <c r="O17767" t="s">
        <v>85</v>
      </c>
      <c r="P17767" t="s">
        <v>86</v>
      </c>
      <c r="Q17767">
        <v>11</v>
      </c>
      <c r="R17767">
        <v>11</v>
      </c>
      <c r="S17767">
        <v>12</v>
      </c>
      <c r="T17767">
        <v>12</v>
      </c>
      <c r="U17767">
        <v>12</v>
      </c>
      <c r="V17767">
        <v>12</v>
      </c>
      <c r="W17767">
        <v>12</v>
      </c>
      <c r="X17767">
        <v>12</v>
      </c>
      <c r="Y17767">
        <v>12</v>
      </c>
      <c r="Z17767">
        <v>13</v>
      </c>
      <c r="AA17767">
        <v>13</v>
      </c>
      <c r="AB17767">
        <v>13</v>
      </c>
      <c r="AC17767">
        <v>13</v>
      </c>
      <c r="AD17767">
        <v>13</v>
      </c>
      <c r="AE17767">
        <v>13</v>
      </c>
      <c r="AF17767">
        <v>14</v>
      </c>
      <c r="AG17767">
        <v>14</v>
      </c>
      <c r="AH17767">
        <v>14</v>
      </c>
      <c r="AI17767">
        <v>14</v>
      </c>
      <c r="AJ17767">
        <v>14</v>
      </c>
      <c r="AK17767">
        <v>15</v>
      </c>
      <c r="AL17767">
        <v>15</v>
      </c>
      <c r="AM17767">
        <v>15</v>
      </c>
      <c r="AN17767">
        <v>15</v>
      </c>
      <c r="AO17767">
        <v>15</v>
      </c>
      <c r="AP17767">
        <v>16</v>
      </c>
      <c r="AQ17767">
        <v>16</v>
      </c>
    </row>
    <row r="17768" spans="1:43">
      <c r="A17768" t="s">
        <v>11004</v>
      </c>
      <c r="B17768" t="s">
        <v>11005</v>
      </c>
      <c r="C17768" t="s">
        <v>10998</v>
      </c>
      <c r="D17768" t="s">
        <v>10999</v>
      </c>
      <c r="E17768" t="s">
        <v>10982</v>
      </c>
      <c r="F17768" t="s">
        <v>10983</v>
      </c>
      <c r="G17768" t="s">
        <v>10734</v>
      </c>
      <c r="H17768" t="s">
        <v>10735</v>
      </c>
      <c r="I17768" s="2">
        <v>1</v>
      </c>
      <c r="J17768" s="2">
        <v>0</v>
      </c>
      <c r="K17768" s="2">
        <v>0</v>
      </c>
      <c r="L17768" t="s">
        <v>120</v>
      </c>
      <c r="M17768" t="s">
        <v>89</v>
      </c>
      <c r="N17768" t="s">
        <v>90</v>
      </c>
      <c r="O17768" t="s">
        <v>85</v>
      </c>
      <c r="P17768" t="s">
        <v>86</v>
      </c>
      <c r="Q17768">
        <v>11</v>
      </c>
      <c r="R17768">
        <v>12</v>
      </c>
      <c r="S17768">
        <v>12</v>
      </c>
      <c r="T17768">
        <v>13</v>
      </c>
      <c r="U17768">
        <v>13</v>
      </c>
      <c r="V17768">
        <v>13</v>
      </c>
      <c r="W17768">
        <v>14</v>
      </c>
      <c r="X17768">
        <v>14</v>
      </c>
      <c r="Y17768">
        <v>14</v>
      </c>
      <c r="Z17768">
        <v>15</v>
      </c>
      <c r="AA17768">
        <v>15</v>
      </c>
      <c r="AB17768">
        <v>15</v>
      </c>
      <c r="AC17768">
        <v>16</v>
      </c>
      <c r="AD17768">
        <v>16</v>
      </c>
      <c r="AE17768">
        <v>16</v>
      </c>
      <c r="AF17768">
        <v>16</v>
      </c>
      <c r="AG17768">
        <v>17</v>
      </c>
      <c r="AH17768">
        <v>17</v>
      </c>
      <c r="AI17768">
        <v>17</v>
      </c>
      <c r="AJ17768">
        <v>17</v>
      </c>
      <c r="AK17768">
        <v>17</v>
      </c>
      <c r="AL17768">
        <v>17</v>
      </c>
      <c r="AM17768">
        <v>18</v>
      </c>
      <c r="AN17768">
        <v>18</v>
      </c>
      <c r="AO17768">
        <v>18</v>
      </c>
      <c r="AP17768">
        <v>18</v>
      </c>
      <c r="AQ17768">
        <v>18</v>
      </c>
    </row>
    <row r="17769" spans="1:43">
      <c r="A17769" t="s">
        <v>11004</v>
      </c>
      <c r="B17769" t="s">
        <v>11005</v>
      </c>
      <c r="C17769" t="s">
        <v>10998</v>
      </c>
      <c r="D17769" t="s">
        <v>10999</v>
      </c>
      <c r="E17769" t="s">
        <v>10982</v>
      </c>
      <c r="F17769" t="s">
        <v>10983</v>
      </c>
      <c r="G17769" t="s">
        <v>10734</v>
      </c>
      <c r="H17769" t="s">
        <v>10735</v>
      </c>
      <c r="I17769" s="2">
        <v>1</v>
      </c>
      <c r="J17769" s="2">
        <v>0</v>
      </c>
      <c r="K17769" s="2">
        <v>0</v>
      </c>
      <c r="L17769" t="s">
        <v>120</v>
      </c>
      <c r="M17769" t="s">
        <v>83</v>
      </c>
      <c r="N17769" t="s">
        <v>91</v>
      </c>
      <c r="O17769" t="s">
        <v>85</v>
      </c>
      <c r="P17769" t="s">
        <v>86</v>
      </c>
      <c r="Q17769">
        <v>11</v>
      </c>
      <c r="R17769">
        <v>12</v>
      </c>
      <c r="S17769">
        <v>12</v>
      </c>
      <c r="T17769">
        <v>12</v>
      </c>
      <c r="U17769">
        <v>12</v>
      </c>
      <c r="V17769">
        <v>13</v>
      </c>
      <c r="W17769">
        <v>13</v>
      </c>
      <c r="X17769">
        <v>13</v>
      </c>
      <c r="Y17769">
        <v>13</v>
      </c>
      <c r="Z17769">
        <v>14</v>
      </c>
      <c r="AA17769">
        <v>14</v>
      </c>
      <c r="AB17769">
        <v>14</v>
      </c>
      <c r="AC17769">
        <v>15</v>
      </c>
      <c r="AD17769">
        <v>15</v>
      </c>
      <c r="AE17769">
        <v>15</v>
      </c>
      <c r="AF17769">
        <v>15</v>
      </c>
      <c r="AG17769">
        <v>16</v>
      </c>
      <c r="AH17769">
        <v>16</v>
      </c>
      <c r="AI17769">
        <v>16</v>
      </c>
      <c r="AJ17769">
        <v>17</v>
      </c>
      <c r="AK17769">
        <v>17</v>
      </c>
      <c r="AL17769">
        <v>17</v>
      </c>
      <c r="AM17769">
        <v>17</v>
      </c>
      <c r="AN17769">
        <v>18</v>
      </c>
      <c r="AO17769">
        <v>18</v>
      </c>
      <c r="AP17769">
        <v>18</v>
      </c>
      <c r="AQ17769">
        <v>18</v>
      </c>
    </row>
    <row r="17770" spans="1:43">
      <c r="A17770" t="s">
        <v>11006</v>
      </c>
      <c r="B17770" t="s">
        <v>11007</v>
      </c>
      <c r="C17770" t="s">
        <v>10998</v>
      </c>
      <c r="D17770" t="s">
        <v>10999</v>
      </c>
      <c r="E17770" t="s">
        <v>10982</v>
      </c>
      <c r="F17770" t="s">
        <v>10983</v>
      </c>
      <c r="G17770" t="s">
        <v>10734</v>
      </c>
      <c r="H17770" t="s">
        <v>10735</v>
      </c>
      <c r="I17770" s="2">
        <v>1</v>
      </c>
      <c r="J17770" s="2">
        <v>0</v>
      </c>
      <c r="K17770" s="2">
        <v>0</v>
      </c>
      <c r="L17770" t="s">
        <v>120</v>
      </c>
      <c r="M17770" t="s">
        <v>83</v>
      </c>
      <c r="N17770" t="s">
        <v>84</v>
      </c>
      <c r="O17770" t="s">
        <v>85</v>
      </c>
      <c r="P17770" t="s">
        <v>86</v>
      </c>
      <c r="Q17770">
        <v>40</v>
      </c>
      <c r="R17770">
        <v>41</v>
      </c>
      <c r="S17770">
        <v>42</v>
      </c>
      <c r="T17770">
        <v>43</v>
      </c>
      <c r="U17770">
        <v>44</v>
      </c>
      <c r="V17770">
        <v>45</v>
      </c>
      <c r="W17770">
        <v>46</v>
      </c>
      <c r="X17770">
        <v>47</v>
      </c>
      <c r="Y17770">
        <v>48</v>
      </c>
      <c r="Z17770">
        <v>49</v>
      </c>
      <c r="AA17770">
        <v>50</v>
      </c>
      <c r="AB17770">
        <v>51</v>
      </c>
      <c r="AC17770">
        <v>52</v>
      </c>
      <c r="AD17770">
        <v>53</v>
      </c>
      <c r="AE17770">
        <v>54</v>
      </c>
      <c r="AF17770">
        <v>55</v>
      </c>
      <c r="AG17770">
        <v>56</v>
      </c>
      <c r="AH17770">
        <v>57</v>
      </c>
      <c r="AI17770">
        <v>58</v>
      </c>
      <c r="AJ17770">
        <v>59</v>
      </c>
      <c r="AK17770">
        <v>60</v>
      </c>
      <c r="AL17770">
        <v>61</v>
      </c>
      <c r="AM17770">
        <v>62</v>
      </c>
      <c r="AN17770">
        <v>62</v>
      </c>
      <c r="AO17770">
        <v>63</v>
      </c>
      <c r="AP17770">
        <v>64</v>
      </c>
      <c r="AQ17770">
        <v>64</v>
      </c>
    </row>
    <row r="17771" spans="1:43">
      <c r="A17771" t="s">
        <v>11006</v>
      </c>
      <c r="B17771" t="s">
        <v>11007</v>
      </c>
      <c r="C17771" t="s">
        <v>10998</v>
      </c>
      <c r="D17771" t="s">
        <v>10999</v>
      </c>
      <c r="E17771" t="s">
        <v>10982</v>
      </c>
      <c r="F17771" t="s">
        <v>10983</v>
      </c>
      <c r="G17771" t="s">
        <v>10734</v>
      </c>
      <c r="H17771" t="s">
        <v>10735</v>
      </c>
      <c r="I17771" s="2">
        <v>1</v>
      </c>
      <c r="J17771" s="2">
        <v>0</v>
      </c>
      <c r="K17771" s="2">
        <v>0</v>
      </c>
      <c r="L17771" t="s">
        <v>120</v>
      </c>
      <c r="M17771" t="s">
        <v>87</v>
      </c>
      <c r="N17771" t="s">
        <v>88</v>
      </c>
      <c r="O17771" t="s">
        <v>85</v>
      </c>
      <c r="P17771" t="s">
        <v>86</v>
      </c>
      <c r="Q17771">
        <v>40</v>
      </c>
      <c r="R17771">
        <v>40</v>
      </c>
      <c r="S17771">
        <v>41</v>
      </c>
      <c r="T17771">
        <v>41</v>
      </c>
      <c r="U17771">
        <v>42</v>
      </c>
      <c r="V17771">
        <v>43</v>
      </c>
      <c r="W17771">
        <v>43</v>
      </c>
      <c r="X17771">
        <v>44</v>
      </c>
      <c r="Y17771">
        <v>44</v>
      </c>
      <c r="Z17771">
        <v>45</v>
      </c>
      <c r="AA17771">
        <v>45</v>
      </c>
      <c r="AB17771">
        <v>46</v>
      </c>
      <c r="AC17771">
        <v>46</v>
      </c>
      <c r="AD17771">
        <v>47</v>
      </c>
      <c r="AE17771">
        <v>48</v>
      </c>
      <c r="AF17771">
        <v>48</v>
      </c>
      <c r="AG17771">
        <v>49</v>
      </c>
      <c r="AH17771">
        <v>50</v>
      </c>
      <c r="AI17771">
        <v>50</v>
      </c>
      <c r="AJ17771">
        <v>51</v>
      </c>
      <c r="AK17771">
        <v>52</v>
      </c>
      <c r="AL17771">
        <v>52</v>
      </c>
      <c r="AM17771">
        <v>53</v>
      </c>
      <c r="AN17771">
        <v>54</v>
      </c>
      <c r="AO17771">
        <v>55</v>
      </c>
      <c r="AP17771">
        <v>55</v>
      </c>
      <c r="AQ17771">
        <v>56</v>
      </c>
    </row>
    <row r="17772" spans="1:43">
      <c r="A17772" t="s">
        <v>11006</v>
      </c>
      <c r="B17772" t="s">
        <v>11007</v>
      </c>
      <c r="C17772" t="s">
        <v>10998</v>
      </c>
      <c r="D17772" t="s">
        <v>10999</v>
      </c>
      <c r="E17772" t="s">
        <v>10982</v>
      </c>
      <c r="F17772" t="s">
        <v>10983</v>
      </c>
      <c r="G17772" t="s">
        <v>10734</v>
      </c>
      <c r="H17772" t="s">
        <v>10735</v>
      </c>
      <c r="I17772" s="2">
        <v>1</v>
      </c>
      <c r="J17772" s="2">
        <v>0</v>
      </c>
      <c r="K17772" s="2">
        <v>0</v>
      </c>
      <c r="L17772" t="s">
        <v>120</v>
      </c>
      <c r="M17772" t="s">
        <v>89</v>
      </c>
      <c r="N17772" t="s">
        <v>90</v>
      </c>
      <c r="O17772" t="s">
        <v>85</v>
      </c>
      <c r="P17772" t="s">
        <v>86</v>
      </c>
      <c r="Q17772">
        <v>40</v>
      </c>
      <c r="R17772">
        <v>41</v>
      </c>
      <c r="S17772">
        <v>42</v>
      </c>
      <c r="T17772">
        <v>43</v>
      </c>
      <c r="U17772">
        <v>45</v>
      </c>
      <c r="V17772">
        <v>46</v>
      </c>
      <c r="W17772">
        <v>47</v>
      </c>
      <c r="X17772">
        <v>48</v>
      </c>
      <c r="Y17772">
        <v>49</v>
      </c>
      <c r="Z17772">
        <v>51</v>
      </c>
      <c r="AA17772">
        <v>52</v>
      </c>
      <c r="AB17772">
        <v>53</v>
      </c>
      <c r="AC17772">
        <v>54</v>
      </c>
      <c r="AD17772">
        <v>55</v>
      </c>
      <c r="AE17772">
        <v>56</v>
      </c>
      <c r="AF17772">
        <v>57</v>
      </c>
      <c r="AG17772">
        <v>58</v>
      </c>
      <c r="AH17772">
        <v>58</v>
      </c>
      <c r="AI17772">
        <v>59</v>
      </c>
      <c r="AJ17772">
        <v>59</v>
      </c>
      <c r="AK17772">
        <v>60</v>
      </c>
      <c r="AL17772">
        <v>60</v>
      </c>
      <c r="AM17772">
        <v>61</v>
      </c>
      <c r="AN17772">
        <v>62</v>
      </c>
      <c r="AO17772">
        <v>62</v>
      </c>
      <c r="AP17772">
        <v>63</v>
      </c>
      <c r="AQ17772">
        <v>64</v>
      </c>
    </row>
    <row r="17773" spans="1:43">
      <c r="A17773" t="s">
        <v>11006</v>
      </c>
      <c r="B17773" t="s">
        <v>11007</v>
      </c>
      <c r="C17773" t="s">
        <v>10998</v>
      </c>
      <c r="D17773" t="s">
        <v>10999</v>
      </c>
      <c r="E17773" t="s">
        <v>10982</v>
      </c>
      <c r="F17773" t="s">
        <v>10983</v>
      </c>
      <c r="G17773" t="s">
        <v>10734</v>
      </c>
      <c r="H17773" t="s">
        <v>10735</v>
      </c>
      <c r="I17773" s="2">
        <v>1</v>
      </c>
      <c r="J17773" s="2">
        <v>0</v>
      </c>
      <c r="K17773" s="2">
        <v>0</v>
      </c>
      <c r="L17773" t="s">
        <v>120</v>
      </c>
      <c r="M17773" t="s">
        <v>83</v>
      </c>
      <c r="N17773" t="s">
        <v>91</v>
      </c>
      <c r="O17773" t="s">
        <v>85</v>
      </c>
      <c r="P17773" t="s">
        <v>86</v>
      </c>
      <c r="Q17773">
        <v>40</v>
      </c>
      <c r="R17773">
        <v>41</v>
      </c>
      <c r="S17773">
        <v>42</v>
      </c>
      <c r="T17773">
        <v>43</v>
      </c>
      <c r="U17773">
        <v>44</v>
      </c>
      <c r="V17773">
        <v>45</v>
      </c>
      <c r="W17773">
        <v>46</v>
      </c>
      <c r="X17773">
        <v>47</v>
      </c>
      <c r="Y17773">
        <v>48</v>
      </c>
      <c r="Z17773">
        <v>49</v>
      </c>
      <c r="AA17773">
        <v>50</v>
      </c>
      <c r="AB17773">
        <v>51</v>
      </c>
      <c r="AC17773">
        <v>52</v>
      </c>
      <c r="AD17773">
        <v>53</v>
      </c>
      <c r="AE17773">
        <v>54</v>
      </c>
      <c r="AF17773">
        <v>55</v>
      </c>
      <c r="AG17773">
        <v>56</v>
      </c>
      <c r="AH17773">
        <v>57</v>
      </c>
      <c r="AI17773">
        <v>58</v>
      </c>
      <c r="AJ17773">
        <v>59</v>
      </c>
      <c r="AK17773">
        <v>60</v>
      </c>
      <c r="AL17773">
        <v>61</v>
      </c>
      <c r="AM17773">
        <v>62</v>
      </c>
      <c r="AN17773">
        <v>62</v>
      </c>
      <c r="AO17773">
        <v>63</v>
      </c>
      <c r="AP17773">
        <v>64</v>
      </c>
      <c r="AQ17773">
        <v>64</v>
      </c>
    </row>
    <row r="17774" spans="1:43">
      <c r="A17774" t="s">
        <v>11008</v>
      </c>
      <c r="B17774" t="s">
        <v>11009</v>
      </c>
      <c r="C17774" t="s">
        <v>11010</v>
      </c>
      <c r="D17774" t="s">
        <v>11011</v>
      </c>
      <c r="E17774" t="s">
        <v>10982</v>
      </c>
      <c r="F17774" t="s">
        <v>10983</v>
      </c>
      <c r="G17774" t="s">
        <v>10734</v>
      </c>
      <c r="H17774" t="s">
        <v>10735</v>
      </c>
      <c r="I17774" s="2">
        <v>1</v>
      </c>
      <c r="J17774" s="2">
        <v>0</v>
      </c>
      <c r="K17774" s="2">
        <v>0</v>
      </c>
      <c r="L17774" t="s">
        <v>120</v>
      </c>
      <c r="M17774" t="s">
        <v>83</v>
      </c>
      <c r="N17774" t="s">
        <v>84</v>
      </c>
      <c r="O17774" t="s">
        <v>85</v>
      </c>
      <c r="P17774" t="s">
        <v>86</v>
      </c>
      <c r="Q17774">
        <v>23</v>
      </c>
      <c r="R17774">
        <v>23</v>
      </c>
      <c r="S17774">
        <v>24</v>
      </c>
      <c r="T17774">
        <v>24</v>
      </c>
      <c r="U17774">
        <v>25</v>
      </c>
      <c r="V17774">
        <v>26</v>
      </c>
      <c r="W17774">
        <v>26</v>
      </c>
      <c r="X17774">
        <v>27</v>
      </c>
      <c r="Y17774">
        <v>27</v>
      </c>
      <c r="Z17774">
        <v>28</v>
      </c>
      <c r="AA17774">
        <v>28</v>
      </c>
      <c r="AB17774">
        <v>29</v>
      </c>
      <c r="AC17774">
        <v>29</v>
      </c>
      <c r="AD17774">
        <v>30</v>
      </c>
      <c r="AE17774">
        <v>31</v>
      </c>
      <c r="AF17774">
        <v>31</v>
      </c>
      <c r="AG17774">
        <v>32</v>
      </c>
      <c r="AH17774">
        <v>32</v>
      </c>
      <c r="AI17774">
        <v>33</v>
      </c>
      <c r="AJ17774">
        <v>34</v>
      </c>
      <c r="AK17774">
        <v>34</v>
      </c>
      <c r="AL17774">
        <v>35</v>
      </c>
      <c r="AM17774">
        <v>35</v>
      </c>
      <c r="AN17774">
        <v>36</v>
      </c>
      <c r="AO17774">
        <v>36</v>
      </c>
      <c r="AP17774">
        <v>36</v>
      </c>
      <c r="AQ17774">
        <v>37</v>
      </c>
    </row>
    <row r="17775" spans="1:43">
      <c r="A17775" t="s">
        <v>11008</v>
      </c>
      <c r="B17775" t="s">
        <v>11009</v>
      </c>
      <c r="C17775" t="s">
        <v>11010</v>
      </c>
      <c r="D17775" t="s">
        <v>11011</v>
      </c>
      <c r="E17775" t="s">
        <v>10982</v>
      </c>
      <c r="F17775" t="s">
        <v>10983</v>
      </c>
      <c r="G17775" t="s">
        <v>10734</v>
      </c>
      <c r="H17775" t="s">
        <v>10735</v>
      </c>
      <c r="I17775" s="2">
        <v>1</v>
      </c>
      <c r="J17775" s="2">
        <v>0</v>
      </c>
      <c r="K17775" s="2">
        <v>0</v>
      </c>
      <c r="L17775" t="s">
        <v>120</v>
      </c>
      <c r="M17775" t="s">
        <v>87</v>
      </c>
      <c r="N17775" t="s">
        <v>88</v>
      </c>
      <c r="O17775" t="s">
        <v>85</v>
      </c>
      <c r="P17775" t="s">
        <v>86</v>
      </c>
      <c r="Q17775">
        <v>23</v>
      </c>
      <c r="R17775">
        <v>23</v>
      </c>
      <c r="S17775">
        <v>23</v>
      </c>
      <c r="T17775">
        <v>24</v>
      </c>
      <c r="U17775">
        <v>24</v>
      </c>
      <c r="V17775">
        <v>24</v>
      </c>
      <c r="W17775">
        <v>24</v>
      </c>
      <c r="X17775">
        <v>25</v>
      </c>
      <c r="Y17775">
        <v>25</v>
      </c>
      <c r="Z17775">
        <v>25</v>
      </c>
      <c r="AA17775">
        <v>26</v>
      </c>
      <c r="AB17775">
        <v>26</v>
      </c>
      <c r="AC17775">
        <v>26</v>
      </c>
      <c r="AD17775">
        <v>27</v>
      </c>
      <c r="AE17775">
        <v>27</v>
      </c>
      <c r="AF17775">
        <v>27</v>
      </c>
      <c r="AG17775">
        <v>28</v>
      </c>
      <c r="AH17775">
        <v>28</v>
      </c>
      <c r="AI17775">
        <v>29</v>
      </c>
      <c r="AJ17775">
        <v>29</v>
      </c>
      <c r="AK17775">
        <v>29</v>
      </c>
      <c r="AL17775">
        <v>30</v>
      </c>
      <c r="AM17775">
        <v>30</v>
      </c>
      <c r="AN17775">
        <v>31</v>
      </c>
      <c r="AO17775">
        <v>31</v>
      </c>
      <c r="AP17775">
        <v>31</v>
      </c>
      <c r="AQ17775">
        <v>32</v>
      </c>
    </row>
    <row r="17776" spans="1:43">
      <c r="A17776" t="s">
        <v>11008</v>
      </c>
      <c r="B17776" t="s">
        <v>11009</v>
      </c>
      <c r="C17776" t="s">
        <v>11010</v>
      </c>
      <c r="D17776" t="s">
        <v>11011</v>
      </c>
      <c r="E17776" t="s">
        <v>10982</v>
      </c>
      <c r="F17776" t="s">
        <v>10983</v>
      </c>
      <c r="G17776" t="s">
        <v>10734</v>
      </c>
      <c r="H17776" t="s">
        <v>10735</v>
      </c>
      <c r="I17776" s="2">
        <v>1</v>
      </c>
      <c r="J17776" s="2">
        <v>0</v>
      </c>
      <c r="K17776" s="2">
        <v>0</v>
      </c>
      <c r="L17776" t="s">
        <v>120</v>
      </c>
      <c r="M17776" t="s">
        <v>89</v>
      </c>
      <c r="N17776" t="s">
        <v>90</v>
      </c>
      <c r="O17776" t="s">
        <v>85</v>
      </c>
      <c r="P17776" t="s">
        <v>86</v>
      </c>
      <c r="Q17776">
        <v>23</v>
      </c>
      <c r="R17776">
        <v>24</v>
      </c>
      <c r="S17776">
        <v>25</v>
      </c>
      <c r="T17776">
        <v>25</v>
      </c>
      <c r="U17776">
        <v>26</v>
      </c>
      <c r="V17776">
        <v>27</v>
      </c>
      <c r="W17776">
        <v>27</v>
      </c>
      <c r="X17776">
        <v>28</v>
      </c>
      <c r="Y17776">
        <v>29</v>
      </c>
      <c r="Z17776">
        <v>29</v>
      </c>
      <c r="AA17776">
        <v>30</v>
      </c>
      <c r="AB17776">
        <v>31</v>
      </c>
      <c r="AC17776">
        <v>31</v>
      </c>
      <c r="AD17776">
        <v>32</v>
      </c>
      <c r="AE17776">
        <v>33</v>
      </c>
      <c r="AF17776">
        <v>33</v>
      </c>
      <c r="AG17776">
        <v>33</v>
      </c>
      <c r="AH17776">
        <v>34</v>
      </c>
      <c r="AI17776">
        <v>34</v>
      </c>
      <c r="AJ17776">
        <v>34</v>
      </c>
      <c r="AK17776">
        <v>35</v>
      </c>
      <c r="AL17776">
        <v>35</v>
      </c>
      <c r="AM17776">
        <v>35</v>
      </c>
      <c r="AN17776">
        <v>36</v>
      </c>
      <c r="AO17776">
        <v>36</v>
      </c>
      <c r="AP17776">
        <v>36</v>
      </c>
      <c r="AQ17776">
        <v>37</v>
      </c>
    </row>
    <row r="17777" spans="1:43">
      <c r="A17777" t="s">
        <v>11008</v>
      </c>
      <c r="B17777" t="s">
        <v>11009</v>
      </c>
      <c r="C17777" t="s">
        <v>11010</v>
      </c>
      <c r="D17777" t="s">
        <v>11011</v>
      </c>
      <c r="E17777" t="s">
        <v>10982</v>
      </c>
      <c r="F17777" t="s">
        <v>10983</v>
      </c>
      <c r="G17777" t="s">
        <v>10734</v>
      </c>
      <c r="H17777" t="s">
        <v>10735</v>
      </c>
      <c r="I17777" s="2">
        <v>1</v>
      </c>
      <c r="J17777" s="2">
        <v>0</v>
      </c>
      <c r="K17777" s="2">
        <v>0</v>
      </c>
      <c r="L17777" t="s">
        <v>120</v>
      </c>
      <c r="M17777" t="s">
        <v>83</v>
      </c>
      <c r="N17777" t="s">
        <v>91</v>
      </c>
      <c r="O17777" t="s">
        <v>85</v>
      </c>
      <c r="P17777" t="s">
        <v>86</v>
      </c>
      <c r="Q17777">
        <v>23</v>
      </c>
      <c r="R17777">
        <v>23</v>
      </c>
      <c r="S17777">
        <v>24</v>
      </c>
      <c r="T17777">
        <v>24</v>
      </c>
      <c r="U17777">
        <v>25</v>
      </c>
      <c r="V17777">
        <v>26</v>
      </c>
      <c r="W17777">
        <v>26</v>
      </c>
      <c r="X17777">
        <v>27</v>
      </c>
      <c r="Y17777">
        <v>27</v>
      </c>
      <c r="Z17777">
        <v>28</v>
      </c>
      <c r="AA17777">
        <v>28</v>
      </c>
      <c r="AB17777">
        <v>29</v>
      </c>
      <c r="AC17777">
        <v>29</v>
      </c>
      <c r="AD17777">
        <v>30</v>
      </c>
      <c r="AE17777">
        <v>31</v>
      </c>
      <c r="AF17777">
        <v>31</v>
      </c>
      <c r="AG17777">
        <v>32</v>
      </c>
      <c r="AH17777">
        <v>32</v>
      </c>
      <c r="AI17777">
        <v>33</v>
      </c>
      <c r="AJ17777">
        <v>34</v>
      </c>
      <c r="AK17777">
        <v>34</v>
      </c>
      <c r="AL17777">
        <v>35</v>
      </c>
      <c r="AM17777">
        <v>35</v>
      </c>
      <c r="AN17777">
        <v>36</v>
      </c>
      <c r="AO17777">
        <v>36</v>
      </c>
      <c r="AP17777">
        <v>36</v>
      </c>
      <c r="AQ17777">
        <v>37</v>
      </c>
    </row>
    <row r="17778" spans="1:43">
      <c r="A17778" t="s">
        <v>11012</v>
      </c>
      <c r="B17778" t="s">
        <v>11013</v>
      </c>
      <c r="C17778" t="s">
        <v>11014</v>
      </c>
      <c r="D17778" t="s">
        <v>11015</v>
      </c>
      <c r="E17778" t="s">
        <v>10982</v>
      </c>
      <c r="F17778" t="s">
        <v>10983</v>
      </c>
      <c r="G17778" t="s">
        <v>10734</v>
      </c>
      <c r="H17778" t="s">
        <v>10735</v>
      </c>
      <c r="I17778" s="2">
        <v>1</v>
      </c>
      <c r="J17778" s="2">
        <v>0</v>
      </c>
      <c r="K17778" s="2">
        <v>0</v>
      </c>
      <c r="L17778" t="s">
        <v>120</v>
      </c>
      <c r="M17778" t="s">
        <v>83</v>
      </c>
      <c r="N17778" t="s">
        <v>84</v>
      </c>
      <c r="O17778" t="s">
        <v>85</v>
      </c>
      <c r="P17778" t="s">
        <v>86</v>
      </c>
      <c r="Q17778">
        <v>9</v>
      </c>
      <c r="R17778">
        <v>10</v>
      </c>
      <c r="S17778">
        <v>10</v>
      </c>
      <c r="T17778">
        <v>10</v>
      </c>
      <c r="U17778">
        <v>10</v>
      </c>
      <c r="V17778">
        <v>10</v>
      </c>
      <c r="W17778">
        <v>11</v>
      </c>
      <c r="X17778">
        <v>11</v>
      </c>
      <c r="Y17778">
        <v>11</v>
      </c>
      <c r="Z17778">
        <v>11</v>
      </c>
      <c r="AA17778">
        <v>12</v>
      </c>
      <c r="AB17778">
        <v>12</v>
      </c>
      <c r="AC17778">
        <v>12</v>
      </c>
      <c r="AD17778">
        <v>12</v>
      </c>
      <c r="AE17778">
        <v>12</v>
      </c>
      <c r="AF17778">
        <v>13</v>
      </c>
      <c r="AG17778">
        <v>13</v>
      </c>
      <c r="AH17778">
        <v>13</v>
      </c>
      <c r="AI17778">
        <v>13</v>
      </c>
      <c r="AJ17778">
        <v>14</v>
      </c>
      <c r="AK17778">
        <v>14</v>
      </c>
      <c r="AL17778">
        <v>14</v>
      </c>
      <c r="AM17778">
        <v>14</v>
      </c>
      <c r="AN17778">
        <v>14</v>
      </c>
      <c r="AO17778">
        <v>15</v>
      </c>
      <c r="AP17778">
        <v>15</v>
      </c>
      <c r="AQ17778">
        <v>15</v>
      </c>
    </row>
    <row r="17779" spans="1:43">
      <c r="A17779" t="s">
        <v>11012</v>
      </c>
      <c r="B17779" t="s">
        <v>11013</v>
      </c>
      <c r="C17779" t="s">
        <v>11014</v>
      </c>
      <c r="D17779" t="s">
        <v>11015</v>
      </c>
      <c r="E17779" t="s">
        <v>10982</v>
      </c>
      <c r="F17779" t="s">
        <v>10983</v>
      </c>
      <c r="G17779" t="s">
        <v>10734</v>
      </c>
      <c r="H17779" t="s">
        <v>10735</v>
      </c>
      <c r="I17779" s="2">
        <v>1</v>
      </c>
      <c r="J17779" s="2">
        <v>0</v>
      </c>
      <c r="K17779" s="2">
        <v>0</v>
      </c>
      <c r="L17779" t="s">
        <v>120</v>
      </c>
      <c r="M17779" t="s">
        <v>87</v>
      </c>
      <c r="N17779" t="s">
        <v>88</v>
      </c>
      <c r="O17779" t="s">
        <v>85</v>
      </c>
      <c r="P17779" t="s">
        <v>86</v>
      </c>
      <c r="Q17779">
        <v>9</v>
      </c>
      <c r="R17779">
        <v>9</v>
      </c>
      <c r="S17779">
        <v>9</v>
      </c>
      <c r="T17779">
        <v>10</v>
      </c>
      <c r="U17779">
        <v>10</v>
      </c>
      <c r="V17779">
        <v>10</v>
      </c>
      <c r="W17779">
        <v>10</v>
      </c>
      <c r="X17779">
        <v>10</v>
      </c>
      <c r="Y17779">
        <v>10</v>
      </c>
      <c r="Z17779">
        <v>10</v>
      </c>
      <c r="AA17779">
        <v>11</v>
      </c>
      <c r="AB17779">
        <v>11</v>
      </c>
      <c r="AC17779">
        <v>11</v>
      </c>
      <c r="AD17779">
        <v>11</v>
      </c>
      <c r="AE17779">
        <v>11</v>
      </c>
      <c r="AF17779">
        <v>11</v>
      </c>
      <c r="AG17779">
        <v>11</v>
      </c>
      <c r="AH17779">
        <v>12</v>
      </c>
      <c r="AI17779">
        <v>12</v>
      </c>
      <c r="AJ17779">
        <v>12</v>
      </c>
      <c r="AK17779">
        <v>12</v>
      </c>
      <c r="AL17779">
        <v>12</v>
      </c>
      <c r="AM17779">
        <v>12</v>
      </c>
      <c r="AN17779">
        <v>12</v>
      </c>
      <c r="AO17779">
        <v>13</v>
      </c>
      <c r="AP17779">
        <v>13</v>
      </c>
      <c r="AQ17779">
        <v>13</v>
      </c>
    </row>
    <row r="17780" spans="1:43">
      <c r="A17780" t="s">
        <v>11012</v>
      </c>
      <c r="B17780" t="s">
        <v>11013</v>
      </c>
      <c r="C17780" t="s">
        <v>11014</v>
      </c>
      <c r="D17780" t="s">
        <v>11015</v>
      </c>
      <c r="E17780" t="s">
        <v>10982</v>
      </c>
      <c r="F17780" t="s">
        <v>10983</v>
      </c>
      <c r="G17780" t="s">
        <v>10734</v>
      </c>
      <c r="H17780" t="s">
        <v>10735</v>
      </c>
      <c r="I17780" s="2">
        <v>1</v>
      </c>
      <c r="J17780" s="2">
        <v>0</v>
      </c>
      <c r="K17780" s="2">
        <v>0</v>
      </c>
      <c r="L17780" t="s">
        <v>120</v>
      </c>
      <c r="M17780" t="s">
        <v>89</v>
      </c>
      <c r="N17780" t="s">
        <v>90</v>
      </c>
      <c r="O17780" t="s">
        <v>85</v>
      </c>
      <c r="P17780" t="s">
        <v>86</v>
      </c>
      <c r="Q17780">
        <v>9</v>
      </c>
      <c r="R17780">
        <v>10</v>
      </c>
      <c r="S17780">
        <v>10</v>
      </c>
      <c r="T17780">
        <v>10</v>
      </c>
      <c r="U17780">
        <v>11</v>
      </c>
      <c r="V17780">
        <v>11</v>
      </c>
      <c r="W17780">
        <v>11</v>
      </c>
      <c r="X17780">
        <v>11</v>
      </c>
      <c r="Y17780">
        <v>12</v>
      </c>
      <c r="Z17780">
        <v>12</v>
      </c>
      <c r="AA17780">
        <v>12</v>
      </c>
      <c r="AB17780">
        <v>12</v>
      </c>
      <c r="AC17780">
        <v>13</v>
      </c>
      <c r="AD17780">
        <v>13</v>
      </c>
      <c r="AE17780">
        <v>13</v>
      </c>
      <c r="AF17780">
        <v>13</v>
      </c>
      <c r="AG17780">
        <v>14</v>
      </c>
      <c r="AH17780">
        <v>14</v>
      </c>
      <c r="AI17780">
        <v>14</v>
      </c>
      <c r="AJ17780">
        <v>14</v>
      </c>
      <c r="AK17780">
        <v>14</v>
      </c>
      <c r="AL17780">
        <v>14</v>
      </c>
      <c r="AM17780">
        <v>14</v>
      </c>
      <c r="AN17780">
        <v>15</v>
      </c>
      <c r="AO17780">
        <v>15</v>
      </c>
      <c r="AP17780">
        <v>15</v>
      </c>
      <c r="AQ17780">
        <v>15</v>
      </c>
    </row>
    <row r="17781" spans="1:43">
      <c r="A17781" t="s">
        <v>11012</v>
      </c>
      <c r="B17781" t="s">
        <v>11013</v>
      </c>
      <c r="C17781" t="s">
        <v>11014</v>
      </c>
      <c r="D17781" t="s">
        <v>11015</v>
      </c>
      <c r="E17781" t="s">
        <v>10982</v>
      </c>
      <c r="F17781" t="s">
        <v>10983</v>
      </c>
      <c r="G17781" t="s">
        <v>10734</v>
      </c>
      <c r="H17781" t="s">
        <v>10735</v>
      </c>
      <c r="I17781" s="2">
        <v>1</v>
      </c>
      <c r="J17781" s="2">
        <v>0</v>
      </c>
      <c r="K17781" s="2">
        <v>0</v>
      </c>
      <c r="L17781" t="s">
        <v>120</v>
      </c>
      <c r="M17781" t="s">
        <v>83</v>
      </c>
      <c r="N17781" t="s">
        <v>91</v>
      </c>
      <c r="O17781" t="s">
        <v>85</v>
      </c>
      <c r="P17781" t="s">
        <v>86</v>
      </c>
      <c r="Q17781">
        <v>9</v>
      </c>
      <c r="R17781">
        <v>10</v>
      </c>
      <c r="S17781">
        <v>10</v>
      </c>
      <c r="T17781">
        <v>10</v>
      </c>
      <c r="U17781">
        <v>10</v>
      </c>
      <c r="V17781">
        <v>10</v>
      </c>
      <c r="W17781">
        <v>11</v>
      </c>
      <c r="X17781">
        <v>11</v>
      </c>
      <c r="Y17781">
        <v>11</v>
      </c>
      <c r="Z17781">
        <v>11</v>
      </c>
      <c r="AA17781">
        <v>12</v>
      </c>
      <c r="AB17781">
        <v>12</v>
      </c>
      <c r="AC17781">
        <v>12</v>
      </c>
      <c r="AD17781">
        <v>12</v>
      </c>
      <c r="AE17781">
        <v>12</v>
      </c>
      <c r="AF17781">
        <v>13</v>
      </c>
      <c r="AG17781">
        <v>13</v>
      </c>
      <c r="AH17781">
        <v>13</v>
      </c>
      <c r="AI17781">
        <v>13</v>
      </c>
      <c r="AJ17781">
        <v>14</v>
      </c>
      <c r="AK17781">
        <v>14</v>
      </c>
      <c r="AL17781">
        <v>14</v>
      </c>
      <c r="AM17781">
        <v>14</v>
      </c>
      <c r="AN17781">
        <v>14</v>
      </c>
      <c r="AO17781">
        <v>15</v>
      </c>
      <c r="AP17781">
        <v>15</v>
      </c>
      <c r="AQ17781">
        <v>15</v>
      </c>
    </row>
    <row r="17782" spans="1:43">
      <c r="A17782" t="s">
        <v>11016</v>
      </c>
      <c r="B17782" t="s">
        <v>11017</v>
      </c>
      <c r="C17782" t="s">
        <v>11014</v>
      </c>
      <c r="D17782" t="s">
        <v>11015</v>
      </c>
      <c r="E17782" t="s">
        <v>10982</v>
      </c>
      <c r="F17782" t="s">
        <v>10983</v>
      </c>
      <c r="G17782" t="s">
        <v>10734</v>
      </c>
      <c r="H17782" t="s">
        <v>10735</v>
      </c>
      <c r="I17782" s="2">
        <v>1</v>
      </c>
      <c r="J17782" s="2">
        <v>0</v>
      </c>
      <c r="K17782" s="2">
        <v>0</v>
      </c>
      <c r="L17782" t="s">
        <v>120</v>
      </c>
      <c r="M17782" t="s">
        <v>83</v>
      </c>
      <c r="N17782" t="s">
        <v>84</v>
      </c>
      <c r="O17782" t="s">
        <v>85</v>
      </c>
      <c r="P17782" t="s">
        <v>86</v>
      </c>
      <c r="Q17782">
        <v>13</v>
      </c>
      <c r="R17782">
        <v>14</v>
      </c>
      <c r="S17782">
        <v>14</v>
      </c>
      <c r="T17782">
        <v>14</v>
      </c>
      <c r="U17782">
        <v>15</v>
      </c>
      <c r="V17782">
        <v>15</v>
      </c>
      <c r="W17782">
        <v>15</v>
      </c>
      <c r="X17782">
        <v>16</v>
      </c>
      <c r="Y17782">
        <v>16</v>
      </c>
      <c r="Z17782">
        <v>16</v>
      </c>
      <c r="AA17782">
        <v>17</v>
      </c>
      <c r="AB17782">
        <v>17</v>
      </c>
      <c r="AC17782">
        <v>17</v>
      </c>
      <c r="AD17782">
        <v>18</v>
      </c>
      <c r="AE17782">
        <v>18</v>
      </c>
      <c r="AF17782">
        <v>18</v>
      </c>
      <c r="AG17782">
        <v>19</v>
      </c>
      <c r="AH17782">
        <v>19</v>
      </c>
      <c r="AI17782">
        <v>19</v>
      </c>
      <c r="AJ17782">
        <v>20</v>
      </c>
      <c r="AK17782">
        <v>20</v>
      </c>
      <c r="AL17782">
        <v>20</v>
      </c>
      <c r="AM17782">
        <v>21</v>
      </c>
      <c r="AN17782">
        <v>21</v>
      </c>
      <c r="AO17782">
        <v>21</v>
      </c>
      <c r="AP17782">
        <v>21</v>
      </c>
      <c r="AQ17782">
        <v>21</v>
      </c>
    </row>
    <row r="17783" spans="1:43">
      <c r="A17783" t="s">
        <v>11016</v>
      </c>
      <c r="B17783" t="s">
        <v>11017</v>
      </c>
      <c r="C17783" t="s">
        <v>11014</v>
      </c>
      <c r="D17783" t="s">
        <v>11015</v>
      </c>
      <c r="E17783" t="s">
        <v>10982</v>
      </c>
      <c r="F17783" t="s">
        <v>10983</v>
      </c>
      <c r="G17783" t="s">
        <v>10734</v>
      </c>
      <c r="H17783" t="s">
        <v>10735</v>
      </c>
      <c r="I17783" s="2">
        <v>1</v>
      </c>
      <c r="J17783" s="2">
        <v>0</v>
      </c>
      <c r="K17783" s="2">
        <v>0</v>
      </c>
      <c r="L17783" t="s">
        <v>120</v>
      </c>
      <c r="M17783" t="s">
        <v>87</v>
      </c>
      <c r="N17783" t="s">
        <v>88</v>
      </c>
      <c r="O17783" t="s">
        <v>85</v>
      </c>
      <c r="P17783" t="s">
        <v>86</v>
      </c>
      <c r="Q17783">
        <v>13</v>
      </c>
      <c r="R17783">
        <v>13</v>
      </c>
      <c r="S17783">
        <v>14</v>
      </c>
      <c r="T17783">
        <v>14</v>
      </c>
      <c r="U17783">
        <v>14</v>
      </c>
      <c r="V17783">
        <v>14</v>
      </c>
      <c r="W17783">
        <v>14</v>
      </c>
      <c r="X17783">
        <v>15</v>
      </c>
      <c r="Y17783">
        <v>15</v>
      </c>
      <c r="Z17783">
        <v>15</v>
      </c>
      <c r="AA17783">
        <v>15</v>
      </c>
      <c r="AB17783">
        <v>15</v>
      </c>
      <c r="AC17783">
        <v>15</v>
      </c>
      <c r="AD17783">
        <v>16</v>
      </c>
      <c r="AE17783">
        <v>16</v>
      </c>
      <c r="AF17783">
        <v>16</v>
      </c>
      <c r="AG17783">
        <v>16</v>
      </c>
      <c r="AH17783">
        <v>17</v>
      </c>
      <c r="AI17783">
        <v>17</v>
      </c>
      <c r="AJ17783">
        <v>17</v>
      </c>
      <c r="AK17783">
        <v>17</v>
      </c>
      <c r="AL17783">
        <v>17</v>
      </c>
      <c r="AM17783">
        <v>18</v>
      </c>
      <c r="AN17783">
        <v>18</v>
      </c>
      <c r="AO17783">
        <v>18</v>
      </c>
      <c r="AP17783">
        <v>18</v>
      </c>
      <c r="AQ17783">
        <v>19</v>
      </c>
    </row>
    <row r="17784" spans="1:43">
      <c r="A17784" t="s">
        <v>11016</v>
      </c>
      <c r="B17784" t="s">
        <v>11017</v>
      </c>
      <c r="C17784" t="s">
        <v>11014</v>
      </c>
      <c r="D17784" t="s">
        <v>11015</v>
      </c>
      <c r="E17784" t="s">
        <v>10982</v>
      </c>
      <c r="F17784" t="s">
        <v>10983</v>
      </c>
      <c r="G17784" t="s">
        <v>10734</v>
      </c>
      <c r="H17784" t="s">
        <v>10735</v>
      </c>
      <c r="I17784" s="2">
        <v>1</v>
      </c>
      <c r="J17784" s="2">
        <v>0</v>
      </c>
      <c r="K17784" s="2">
        <v>0</v>
      </c>
      <c r="L17784" t="s">
        <v>120</v>
      </c>
      <c r="M17784" t="s">
        <v>89</v>
      </c>
      <c r="N17784" t="s">
        <v>90</v>
      </c>
      <c r="O17784" t="s">
        <v>85</v>
      </c>
      <c r="P17784" t="s">
        <v>86</v>
      </c>
      <c r="Q17784">
        <v>13</v>
      </c>
      <c r="R17784">
        <v>13</v>
      </c>
      <c r="S17784">
        <v>13</v>
      </c>
      <c r="T17784">
        <v>14</v>
      </c>
      <c r="U17784">
        <v>14</v>
      </c>
      <c r="V17784">
        <v>15</v>
      </c>
      <c r="W17784">
        <v>15</v>
      </c>
      <c r="X17784">
        <v>15</v>
      </c>
      <c r="Y17784">
        <v>16</v>
      </c>
      <c r="Z17784">
        <v>16</v>
      </c>
      <c r="AA17784">
        <v>17</v>
      </c>
      <c r="AB17784">
        <v>17</v>
      </c>
      <c r="AC17784">
        <v>17</v>
      </c>
      <c r="AD17784">
        <v>18</v>
      </c>
      <c r="AE17784">
        <v>18</v>
      </c>
      <c r="AF17784">
        <v>18</v>
      </c>
      <c r="AG17784">
        <v>18</v>
      </c>
      <c r="AH17784">
        <v>19</v>
      </c>
      <c r="AI17784">
        <v>19</v>
      </c>
      <c r="AJ17784">
        <v>19</v>
      </c>
      <c r="AK17784">
        <v>19</v>
      </c>
      <c r="AL17784">
        <v>20</v>
      </c>
      <c r="AM17784">
        <v>20</v>
      </c>
      <c r="AN17784">
        <v>20</v>
      </c>
      <c r="AO17784">
        <v>20</v>
      </c>
      <c r="AP17784">
        <v>20</v>
      </c>
      <c r="AQ17784">
        <v>21</v>
      </c>
    </row>
    <row r="17785" spans="1:43">
      <c r="A17785" t="s">
        <v>11016</v>
      </c>
      <c r="B17785" t="s">
        <v>11017</v>
      </c>
      <c r="C17785" t="s">
        <v>11014</v>
      </c>
      <c r="D17785" t="s">
        <v>11015</v>
      </c>
      <c r="E17785" t="s">
        <v>10982</v>
      </c>
      <c r="F17785" t="s">
        <v>10983</v>
      </c>
      <c r="G17785" t="s">
        <v>10734</v>
      </c>
      <c r="H17785" t="s">
        <v>10735</v>
      </c>
      <c r="I17785" s="2">
        <v>1</v>
      </c>
      <c r="J17785" s="2">
        <v>0</v>
      </c>
      <c r="K17785" s="2">
        <v>0</v>
      </c>
      <c r="L17785" t="s">
        <v>120</v>
      </c>
      <c r="M17785" t="s">
        <v>83</v>
      </c>
      <c r="N17785" t="s">
        <v>91</v>
      </c>
      <c r="O17785" t="s">
        <v>85</v>
      </c>
      <c r="P17785" t="s">
        <v>86</v>
      </c>
      <c r="Q17785">
        <v>13</v>
      </c>
      <c r="R17785">
        <v>14</v>
      </c>
      <c r="S17785">
        <v>14</v>
      </c>
      <c r="T17785">
        <v>14</v>
      </c>
      <c r="U17785">
        <v>15</v>
      </c>
      <c r="V17785">
        <v>15</v>
      </c>
      <c r="W17785">
        <v>15</v>
      </c>
      <c r="X17785">
        <v>16</v>
      </c>
      <c r="Y17785">
        <v>16</v>
      </c>
      <c r="Z17785">
        <v>16</v>
      </c>
      <c r="AA17785">
        <v>17</v>
      </c>
      <c r="AB17785">
        <v>17</v>
      </c>
      <c r="AC17785">
        <v>17</v>
      </c>
      <c r="AD17785">
        <v>18</v>
      </c>
      <c r="AE17785">
        <v>18</v>
      </c>
      <c r="AF17785">
        <v>18</v>
      </c>
      <c r="AG17785">
        <v>19</v>
      </c>
      <c r="AH17785">
        <v>19</v>
      </c>
      <c r="AI17785">
        <v>19</v>
      </c>
      <c r="AJ17785">
        <v>20</v>
      </c>
      <c r="AK17785">
        <v>20</v>
      </c>
      <c r="AL17785">
        <v>20</v>
      </c>
      <c r="AM17785">
        <v>21</v>
      </c>
      <c r="AN17785">
        <v>21</v>
      </c>
      <c r="AO17785">
        <v>21</v>
      </c>
      <c r="AP17785">
        <v>21</v>
      </c>
      <c r="AQ17785">
        <v>21</v>
      </c>
    </row>
    <row r="17786" spans="1:43">
      <c r="A17786" t="s">
        <v>11018</v>
      </c>
      <c r="B17786" t="s">
        <v>11019</v>
      </c>
      <c r="C17786" t="s">
        <v>11014</v>
      </c>
      <c r="D17786" t="s">
        <v>11015</v>
      </c>
      <c r="E17786" t="s">
        <v>10982</v>
      </c>
      <c r="F17786" t="s">
        <v>10983</v>
      </c>
      <c r="G17786" t="s">
        <v>10734</v>
      </c>
      <c r="H17786" t="s">
        <v>10735</v>
      </c>
      <c r="I17786" s="2">
        <v>1</v>
      </c>
      <c r="J17786" s="2">
        <v>0</v>
      </c>
      <c r="K17786" s="2">
        <v>0</v>
      </c>
      <c r="L17786" t="s">
        <v>120</v>
      </c>
      <c r="M17786" t="s">
        <v>83</v>
      </c>
      <c r="N17786" t="s">
        <v>84</v>
      </c>
      <c r="O17786" t="s">
        <v>85</v>
      </c>
      <c r="P17786" t="s">
        <v>86</v>
      </c>
      <c r="Q17786">
        <v>21</v>
      </c>
      <c r="R17786">
        <v>21</v>
      </c>
      <c r="S17786">
        <v>22</v>
      </c>
      <c r="T17786">
        <v>22</v>
      </c>
      <c r="U17786">
        <v>23</v>
      </c>
      <c r="V17786">
        <v>23</v>
      </c>
      <c r="W17786">
        <v>24</v>
      </c>
      <c r="X17786">
        <v>24</v>
      </c>
      <c r="Y17786">
        <v>25</v>
      </c>
      <c r="Z17786">
        <v>25</v>
      </c>
      <c r="AA17786">
        <v>26</v>
      </c>
      <c r="AB17786">
        <v>26</v>
      </c>
      <c r="AC17786">
        <v>27</v>
      </c>
      <c r="AD17786">
        <v>27</v>
      </c>
      <c r="AE17786">
        <v>28</v>
      </c>
      <c r="AF17786">
        <v>28</v>
      </c>
      <c r="AG17786">
        <v>29</v>
      </c>
      <c r="AH17786">
        <v>30</v>
      </c>
      <c r="AI17786">
        <v>30</v>
      </c>
      <c r="AJ17786">
        <v>31</v>
      </c>
      <c r="AK17786">
        <v>31</v>
      </c>
      <c r="AL17786">
        <v>32</v>
      </c>
      <c r="AM17786">
        <v>32</v>
      </c>
      <c r="AN17786">
        <v>32</v>
      </c>
      <c r="AO17786">
        <v>33</v>
      </c>
      <c r="AP17786">
        <v>33</v>
      </c>
      <c r="AQ17786">
        <v>34</v>
      </c>
    </row>
    <row r="17787" spans="1:43">
      <c r="A17787" t="s">
        <v>11018</v>
      </c>
      <c r="B17787" t="s">
        <v>11019</v>
      </c>
      <c r="C17787" t="s">
        <v>11014</v>
      </c>
      <c r="D17787" t="s">
        <v>11015</v>
      </c>
      <c r="E17787" t="s">
        <v>10982</v>
      </c>
      <c r="F17787" t="s">
        <v>10983</v>
      </c>
      <c r="G17787" t="s">
        <v>10734</v>
      </c>
      <c r="H17787" t="s">
        <v>10735</v>
      </c>
      <c r="I17787" s="2">
        <v>1</v>
      </c>
      <c r="J17787" s="2">
        <v>0</v>
      </c>
      <c r="K17787" s="2">
        <v>0</v>
      </c>
      <c r="L17787" t="s">
        <v>120</v>
      </c>
      <c r="M17787" t="s">
        <v>87</v>
      </c>
      <c r="N17787" t="s">
        <v>88</v>
      </c>
      <c r="O17787" t="s">
        <v>85</v>
      </c>
      <c r="P17787" t="s">
        <v>86</v>
      </c>
      <c r="Q17787">
        <v>21</v>
      </c>
      <c r="R17787">
        <v>21</v>
      </c>
      <c r="S17787">
        <v>21</v>
      </c>
      <c r="T17787">
        <v>22</v>
      </c>
      <c r="U17787">
        <v>22</v>
      </c>
      <c r="V17787">
        <v>22</v>
      </c>
      <c r="W17787">
        <v>22</v>
      </c>
      <c r="X17787">
        <v>23</v>
      </c>
      <c r="Y17787">
        <v>23</v>
      </c>
      <c r="Z17787">
        <v>23</v>
      </c>
      <c r="AA17787">
        <v>24</v>
      </c>
      <c r="AB17787">
        <v>24</v>
      </c>
      <c r="AC17787">
        <v>24</v>
      </c>
      <c r="AD17787">
        <v>25</v>
      </c>
      <c r="AE17787">
        <v>25</v>
      </c>
      <c r="AF17787">
        <v>25</v>
      </c>
      <c r="AG17787">
        <v>26</v>
      </c>
      <c r="AH17787">
        <v>26</v>
      </c>
      <c r="AI17787">
        <v>26</v>
      </c>
      <c r="AJ17787">
        <v>27</v>
      </c>
      <c r="AK17787">
        <v>27</v>
      </c>
      <c r="AL17787">
        <v>27</v>
      </c>
      <c r="AM17787">
        <v>28</v>
      </c>
      <c r="AN17787">
        <v>28</v>
      </c>
      <c r="AO17787">
        <v>28</v>
      </c>
      <c r="AP17787">
        <v>29</v>
      </c>
      <c r="AQ17787">
        <v>29</v>
      </c>
    </row>
    <row r="17788" spans="1:43">
      <c r="A17788" t="s">
        <v>11018</v>
      </c>
      <c r="B17788" t="s">
        <v>11019</v>
      </c>
      <c r="C17788" t="s">
        <v>11014</v>
      </c>
      <c r="D17788" t="s">
        <v>11015</v>
      </c>
      <c r="E17788" t="s">
        <v>10982</v>
      </c>
      <c r="F17788" t="s">
        <v>10983</v>
      </c>
      <c r="G17788" t="s">
        <v>10734</v>
      </c>
      <c r="H17788" t="s">
        <v>10735</v>
      </c>
      <c r="I17788" s="2">
        <v>1</v>
      </c>
      <c r="J17788" s="2">
        <v>0</v>
      </c>
      <c r="K17788" s="2">
        <v>0</v>
      </c>
      <c r="L17788" t="s">
        <v>120</v>
      </c>
      <c r="M17788" t="s">
        <v>89</v>
      </c>
      <c r="N17788" t="s">
        <v>90</v>
      </c>
      <c r="O17788" t="s">
        <v>85</v>
      </c>
      <c r="P17788" t="s">
        <v>86</v>
      </c>
      <c r="Q17788">
        <v>21</v>
      </c>
      <c r="R17788">
        <v>22</v>
      </c>
      <c r="S17788">
        <v>22</v>
      </c>
      <c r="T17788">
        <v>23</v>
      </c>
      <c r="U17788">
        <v>24</v>
      </c>
      <c r="V17788">
        <v>24</v>
      </c>
      <c r="W17788">
        <v>25</v>
      </c>
      <c r="X17788">
        <v>26</v>
      </c>
      <c r="Y17788">
        <v>26</v>
      </c>
      <c r="Z17788">
        <v>27</v>
      </c>
      <c r="AA17788">
        <v>27</v>
      </c>
      <c r="AB17788">
        <v>28</v>
      </c>
      <c r="AC17788">
        <v>29</v>
      </c>
      <c r="AD17788">
        <v>29</v>
      </c>
      <c r="AE17788">
        <v>30</v>
      </c>
      <c r="AF17788">
        <v>30</v>
      </c>
      <c r="AG17788">
        <v>30</v>
      </c>
      <c r="AH17788">
        <v>31</v>
      </c>
      <c r="AI17788">
        <v>31</v>
      </c>
      <c r="AJ17788">
        <v>31</v>
      </c>
      <c r="AK17788">
        <v>32</v>
      </c>
      <c r="AL17788">
        <v>32</v>
      </c>
      <c r="AM17788">
        <v>32</v>
      </c>
      <c r="AN17788">
        <v>33</v>
      </c>
      <c r="AO17788">
        <v>33</v>
      </c>
      <c r="AP17788">
        <v>33</v>
      </c>
      <c r="AQ17788">
        <v>34</v>
      </c>
    </row>
    <row r="17789" spans="1:43">
      <c r="A17789" t="s">
        <v>11018</v>
      </c>
      <c r="B17789" t="s">
        <v>11019</v>
      </c>
      <c r="C17789" t="s">
        <v>11014</v>
      </c>
      <c r="D17789" t="s">
        <v>11015</v>
      </c>
      <c r="E17789" t="s">
        <v>10982</v>
      </c>
      <c r="F17789" t="s">
        <v>10983</v>
      </c>
      <c r="G17789" t="s">
        <v>10734</v>
      </c>
      <c r="H17789" t="s">
        <v>10735</v>
      </c>
      <c r="I17789" s="2">
        <v>1</v>
      </c>
      <c r="J17789" s="2">
        <v>0</v>
      </c>
      <c r="K17789" s="2">
        <v>0</v>
      </c>
      <c r="L17789" t="s">
        <v>120</v>
      </c>
      <c r="M17789" t="s">
        <v>83</v>
      </c>
      <c r="N17789" t="s">
        <v>91</v>
      </c>
      <c r="O17789" t="s">
        <v>85</v>
      </c>
      <c r="P17789" t="s">
        <v>86</v>
      </c>
      <c r="Q17789">
        <v>21</v>
      </c>
      <c r="R17789">
        <v>21</v>
      </c>
      <c r="S17789">
        <v>22</v>
      </c>
      <c r="T17789">
        <v>22</v>
      </c>
      <c r="U17789">
        <v>23</v>
      </c>
      <c r="V17789">
        <v>23</v>
      </c>
      <c r="W17789">
        <v>24</v>
      </c>
      <c r="X17789">
        <v>24</v>
      </c>
      <c r="Y17789">
        <v>25</v>
      </c>
      <c r="Z17789">
        <v>25</v>
      </c>
      <c r="AA17789">
        <v>26</v>
      </c>
      <c r="AB17789">
        <v>26</v>
      </c>
      <c r="AC17789">
        <v>27</v>
      </c>
      <c r="AD17789">
        <v>27</v>
      </c>
      <c r="AE17789">
        <v>28</v>
      </c>
      <c r="AF17789">
        <v>28</v>
      </c>
      <c r="AG17789">
        <v>29</v>
      </c>
      <c r="AH17789">
        <v>30</v>
      </c>
      <c r="AI17789">
        <v>30</v>
      </c>
      <c r="AJ17789">
        <v>31</v>
      </c>
      <c r="AK17789">
        <v>31</v>
      </c>
      <c r="AL17789">
        <v>32</v>
      </c>
      <c r="AM17789">
        <v>32</v>
      </c>
      <c r="AN17789">
        <v>32</v>
      </c>
      <c r="AO17789">
        <v>33</v>
      </c>
      <c r="AP17789">
        <v>33</v>
      </c>
      <c r="AQ17789">
        <v>34</v>
      </c>
    </row>
    <row r="17790" spans="1:43">
      <c r="A17790" t="s">
        <v>11020</v>
      </c>
      <c r="B17790" t="s">
        <v>11021</v>
      </c>
      <c r="C17790" t="s">
        <v>11014</v>
      </c>
      <c r="D17790" t="s">
        <v>11015</v>
      </c>
      <c r="E17790" t="s">
        <v>10982</v>
      </c>
      <c r="F17790" t="s">
        <v>10983</v>
      </c>
      <c r="G17790" t="s">
        <v>10734</v>
      </c>
      <c r="H17790" t="s">
        <v>10735</v>
      </c>
      <c r="I17790" s="2">
        <v>1</v>
      </c>
      <c r="J17790" s="2">
        <v>0</v>
      </c>
      <c r="K17790" s="2">
        <v>0</v>
      </c>
      <c r="L17790" t="s">
        <v>120</v>
      </c>
      <c r="M17790" t="s">
        <v>83</v>
      </c>
      <c r="N17790" t="s">
        <v>84</v>
      </c>
      <c r="O17790" t="s">
        <v>85</v>
      </c>
      <c r="P17790" t="s">
        <v>86</v>
      </c>
      <c r="Q17790">
        <v>11</v>
      </c>
      <c r="R17790">
        <v>12</v>
      </c>
      <c r="S17790">
        <v>12</v>
      </c>
      <c r="T17790">
        <v>12</v>
      </c>
      <c r="U17790">
        <v>12</v>
      </c>
      <c r="V17790">
        <v>13</v>
      </c>
      <c r="W17790">
        <v>13</v>
      </c>
      <c r="X17790">
        <v>13</v>
      </c>
      <c r="Y17790">
        <v>13</v>
      </c>
      <c r="Z17790">
        <v>14</v>
      </c>
      <c r="AA17790">
        <v>14</v>
      </c>
      <c r="AB17790">
        <v>14</v>
      </c>
      <c r="AC17790">
        <v>15</v>
      </c>
      <c r="AD17790">
        <v>15</v>
      </c>
      <c r="AE17790">
        <v>15</v>
      </c>
      <c r="AF17790">
        <v>15</v>
      </c>
      <c r="AG17790">
        <v>16</v>
      </c>
      <c r="AH17790">
        <v>16</v>
      </c>
      <c r="AI17790">
        <v>16</v>
      </c>
      <c r="AJ17790">
        <v>17</v>
      </c>
      <c r="AK17790">
        <v>17</v>
      </c>
      <c r="AL17790">
        <v>17</v>
      </c>
      <c r="AM17790">
        <v>17</v>
      </c>
      <c r="AN17790">
        <v>18</v>
      </c>
      <c r="AO17790">
        <v>18</v>
      </c>
      <c r="AP17790">
        <v>18</v>
      </c>
      <c r="AQ17790">
        <v>18</v>
      </c>
    </row>
    <row r="17791" spans="1:43">
      <c r="A17791" t="s">
        <v>11020</v>
      </c>
      <c r="B17791" t="s">
        <v>11021</v>
      </c>
      <c r="C17791" t="s">
        <v>11014</v>
      </c>
      <c r="D17791" t="s">
        <v>11015</v>
      </c>
      <c r="E17791" t="s">
        <v>10982</v>
      </c>
      <c r="F17791" t="s">
        <v>10983</v>
      </c>
      <c r="G17791" t="s">
        <v>10734</v>
      </c>
      <c r="H17791" t="s">
        <v>10735</v>
      </c>
      <c r="I17791" s="2">
        <v>1</v>
      </c>
      <c r="J17791" s="2">
        <v>0</v>
      </c>
      <c r="K17791" s="2">
        <v>0</v>
      </c>
      <c r="L17791" t="s">
        <v>120</v>
      </c>
      <c r="M17791" t="s">
        <v>87</v>
      </c>
      <c r="N17791" t="s">
        <v>88</v>
      </c>
      <c r="O17791" t="s">
        <v>85</v>
      </c>
      <c r="P17791" t="s">
        <v>86</v>
      </c>
      <c r="Q17791">
        <v>11</v>
      </c>
      <c r="R17791">
        <v>11</v>
      </c>
      <c r="S17791">
        <v>12</v>
      </c>
      <c r="T17791">
        <v>12</v>
      </c>
      <c r="U17791">
        <v>12</v>
      </c>
      <c r="V17791">
        <v>12</v>
      </c>
      <c r="W17791">
        <v>12</v>
      </c>
      <c r="X17791">
        <v>12</v>
      </c>
      <c r="Y17791">
        <v>12</v>
      </c>
      <c r="Z17791">
        <v>13</v>
      </c>
      <c r="AA17791">
        <v>13</v>
      </c>
      <c r="AB17791">
        <v>13</v>
      </c>
      <c r="AC17791">
        <v>13</v>
      </c>
      <c r="AD17791">
        <v>13</v>
      </c>
      <c r="AE17791">
        <v>13</v>
      </c>
      <c r="AF17791">
        <v>14</v>
      </c>
      <c r="AG17791">
        <v>14</v>
      </c>
      <c r="AH17791">
        <v>14</v>
      </c>
      <c r="AI17791">
        <v>14</v>
      </c>
      <c r="AJ17791">
        <v>14</v>
      </c>
      <c r="AK17791">
        <v>15</v>
      </c>
      <c r="AL17791">
        <v>15</v>
      </c>
      <c r="AM17791">
        <v>15</v>
      </c>
      <c r="AN17791">
        <v>15</v>
      </c>
      <c r="AO17791">
        <v>15</v>
      </c>
      <c r="AP17791">
        <v>16</v>
      </c>
      <c r="AQ17791">
        <v>16</v>
      </c>
    </row>
    <row r="17792" spans="1:43">
      <c r="A17792" t="s">
        <v>11020</v>
      </c>
      <c r="B17792" t="s">
        <v>11021</v>
      </c>
      <c r="C17792" t="s">
        <v>11014</v>
      </c>
      <c r="D17792" t="s">
        <v>11015</v>
      </c>
      <c r="E17792" t="s">
        <v>10982</v>
      </c>
      <c r="F17792" t="s">
        <v>10983</v>
      </c>
      <c r="G17792" t="s">
        <v>10734</v>
      </c>
      <c r="H17792" t="s">
        <v>10735</v>
      </c>
      <c r="I17792" s="2">
        <v>1</v>
      </c>
      <c r="J17792" s="2">
        <v>0</v>
      </c>
      <c r="K17792" s="2">
        <v>0</v>
      </c>
      <c r="L17792" t="s">
        <v>120</v>
      </c>
      <c r="M17792" t="s">
        <v>89</v>
      </c>
      <c r="N17792" t="s">
        <v>90</v>
      </c>
      <c r="O17792" t="s">
        <v>85</v>
      </c>
      <c r="P17792" t="s">
        <v>86</v>
      </c>
      <c r="Q17792">
        <v>11</v>
      </c>
      <c r="R17792">
        <v>12</v>
      </c>
      <c r="S17792">
        <v>12</v>
      </c>
      <c r="T17792">
        <v>13</v>
      </c>
      <c r="U17792">
        <v>13</v>
      </c>
      <c r="V17792">
        <v>13</v>
      </c>
      <c r="W17792">
        <v>14</v>
      </c>
      <c r="X17792">
        <v>14</v>
      </c>
      <c r="Y17792">
        <v>14</v>
      </c>
      <c r="Z17792">
        <v>15</v>
      </c>
      <c r="AA17792">
        <v>15</v>
      </c>
      <c r="AB17792">
        <v>15</v>
      </c>
      <c r="AC17792">
        <v>16</v>
      </c>
      <c r="AD17792">
        <v>16</v>
      </c>
      <c r="AE17792">
        <v>16</v>
      </c>
      <c r="AF17792">
        <v>16</v>
      </c>
      <c r="AG17792">
        <v>17</v>
      </c>
      <c r="AH17792">
        <v>17</v>
      </c>
      <c r="AI17792">
        <v>17</v>
      </c>
      <c r="AJ17792">
        <v>17</v>
      </c>
      <c r="AK17792">
        <v>17</v>
      </c>
      <c r="AL17792">
        <v>17</v>
      </c>
      <c r="AM17792">
        <v>18</v>
      </c>
      <c r="AN17792">
        <v>18</v>
      </c>
      <c r="AO17792">
        <v>18</v>
      </c>
      <c r="AP17792">
        <v>18</v>
      </c>
      <c r="AQ17792">
        <v>18</v>
      </c>
    </row>
    <row r="17793" spans="1:43">
      <c r="A17793" t="s">
        <v>11020</v>
      </c>
      <c r="B17793" t="s">
        <v>11021</v>
      </c>
      <c r="C17793" t="s">
        <v>11014</v>
      </c>
      <c r="D17793" t="s">
        <v>11015</v>
      </c>
      <c r="E17793" t="s">
        <v>10982</v>
      </c>
      <c r="F17793" t="s">
        <v>10983</v>
      </c>
      <c r="G17793" t="s">
        <v>10734</v>
      </c>
      <c r="H17793" t="s">
        <v>10735</v>
      </c>
      <c r="I17793" s="2">
        <v>1</v>
      </c>
      <c r="J17793" s="2">
        <v>0</v>
      </c>
      <c r="K17793" s="2">
        <v>0</v>
      </c>
      <c r="L17793" t="s">
        <v>120</v>
      </c>
      <c r="M17793" t="s">
        <v>83</v>
      </c>
      <c r="N17793" t="s">
        <v>91</v>
      </c>
      <c r="O17793" t="s">
        <v>85</v>
      </c>
      <c r="P17793" t="s">
        <v>86</v>
      </c>
      <c r="Q17793">
        <v>11</v>
      </c>
      <c r="R17793">
        <v>12</v>
      </c>
      <c r="S17793">
        <v>12</v>
      </c>
      <c r="T17793">
        <v>12</v>
      </c>
      <c r="U17793">
        <v>12</v>
      </c>
      <c r="V17793">
        <v>13</v>
      </c>
      <c r="W17793">
        <v>13</v>
      </c>
      <c r="X17793">
        <v>13</v>
      </c>
      <c r="Y17793">
        <v>13</v>
      </c>
      <c r="Z17793">
        <v>14</v>
      </c>
      <c r="AA17793">
        <v>14</v>
      </c>
      <c r="AB17793">
        <v>14</v>
      </c>
      <c r="AC17793">
        <v>15</v>
      </c>
      <c r="AD17793">
        <v>15</v>
      </c>
      <c r="AE17793">
        <v>15</v>
      </c>
      <c r="AF17793">
        <v>15</v>
      </c>
      <c r="AG17793">
        <v>16</v>
      </c>
      <c r="AH17793">
        <v>16</v>
      </c>
      <c r="AI17793">
        <v>16</v>
      </c>
      <c r="AJ17793">
        <v>17</v>
      </c>
      <c r="AK17793">
        <v>17</v>
      </c>
      <c r="AL17793">
        <v>17</v>
      </c>
      <c r="AM17793">
        <v>17</v>
      </c>
      <c r="AN17793">
        <v>18</v>
      </c>
      <c r="AO17793">
        <v>18</v>
      </c>
      <c r="AP17793">
        <v>18</v>
      </c>
      <c r="AQ17793">
        <v>18</v>
      </c>
    </row>
    <row r="17794" spans="1:43">
      <c r="A17794" t="s">
        <v>11022</v>
      </c>
      <c r="B17794" t="s">
        <v>11023</v>
      </c>
      <c r="C17794" t="s">
        <v>11014</v>
      </c>
      <c r="D17794" t="s">
        <v>11015</v>
      </c>
      <c r="E17794" t="s">
        <v>10982</v>
      </c>
      <c r="F17794" t="s">
        <v>10983</v>
      </c>
      <c r="G17794" t="s">
        <v>10734</v>
      </c>
      <c r="H17794" t="s">
        <v>10735</v>
      </c>
      <c r="I17794" s="2">
        <v>1</v>
      </c>
      <c r="J17794" s="2">
        <v>0</v>
      </c>
      <c r="K17794" s="2">
        <v>0</v>
      </c>
      <c r="L17794" t="s">
        <v>120</v>
      </c>
      <c r="M17794" t="s">
        <v>83</v>
      </c>
      <c r="N17794" t="s">
        <v>84</v>
      </c>
      <c r="O17794" t="s">
        <v>85</v>
      </c>
      <c r="P17794" t="s">
        <v>86</v>
      </c>
      <c r="Q17794">
        <v>10</v>
      </c>
      <c r="R17794">
        <v>10</v>
      </c>
      <c r="S17794">
        <v>10</v>
      </c>
      <c r="T17794">
        <v>10</v>
      </c>
      <c r="U17794">
        <v>11</v>
      </c>
      <c r="V17794">
        <v>11</v>
      </c>
      <c r="W17794">
        <v>11</v>
      </c>
      <c r="X17794">
        <v>11</v>
      </c>
      <c r="Y17794">
        <v>12</v>
      </c>
      <c r="Z17794">
        <v>12</v>
      </c>
      <c r="AA17794">
        <v>12</v>
      </c>
      <c r="AB17794">
        <v>12</v>
      </c>
      <c r="AC17794">
        <v>13</v>
      </c>
      <c r="AD17794">
        <v>13</v>
      </c>
      <c r="AE17794">
        <v>13</v>
      </c>
      <c r="AF17794">
        <v>13</v>
      </c>
      <c r="AG17794">
        <v>14</v>
      </c>
      <c r="AH17794">
        <v>14</v>
      </c>
      <c r="AI17794">
        <v>14</v>
      </c>
      <c r="AJ17794">
        <v>14</v>
      </c>
      <c r="AK17794">
        <v>15</v>
      </c>
      <c r="AL17794">
        <v>15</v>
      </c>
      <c r="AM17794">
        <v>15</v>
      </c>
      <c r="AN17794">
        <v>15</v>
      </c>
      <c r="AO17794">
        <v>15</v>
      </c>
      <c r="AP17794">
        <v>15</v>
      </c>
      <c r="AQ17794">
        <v>16</v>
      </c>
    </row>
    <row r="17795" spans="1:43">
      <c r="A17795" t="s">
        <v>11022</v>
      </c>
      <c r="B17795" t="s">
        <v>11023</v>
      </c>
      <c r="C17795" t="s">
        <v>11014</v>
      </c>
      <c r="D17795" t="s">
        <v>11015</v>
      </c>
      <c r="E17795" t="s">
        <v>10982</v>
      </c>
      <c r="F17795" t="s">
        <v>10983</v>
      </c>
      <c r="G17795" t="s">
        <v>10734</v>
      </c>
      <c r="H17795" t="s">
        <v>10735</v>
      </c>
      <c r="I17795" s="2">
        <v>1</v>
      </c>
      <c r="J17795" s="2">
        <v>0</v>
      </c>
      <c r="K17795" s="2">
        <v>0</v>
      </c>
      <c r="L17795" t="s">
        <v>120</v>
      </c>
      <c r="M17795" t="s">
        <v>87</v>
      </c>
      <c r="N17795" t="s">
        <v>88</v>
      </c>
      <c r="O17795" t="s">
        <v>85</v>
      </c>
      <c r="P17795" t="s">
        <v>86</v>
      </c>
      <c r="Q17795">
        <v>10</v>
      </c>
      <c r="R17795">
        <v>10</v>
      </c>
      <c r="S17795">
        <v>10</v>
      </c>
      <c r="T17795">
        <v>10</v>
      </c>
      <c r="U17795">
        <v>10</v>
      </c>
      <c r="V17795">
        <v>10</v>
      </c>
      <c r="W17795">
        <v>10</v>
      </c>
      <c r="X17795">
        <v>11</v>
      </c>
      <c r="Y17795">
        <v>11</v>
      </c>
      <c r="Z17795">
        <v>11</v>
      </c>
      <c r="AA17795">
        <v>11</v>
      </c>
      <c r="AB17795">
        <v>11</v>
      </c>
      <c r="AC17795">
        <v>11</v>
      </c>
      <c r="AD17795">
        <v>11</v>
      </c>
      <c r="AE17795">
        <v>12</v>
      </c>
      <c r="AF17795">
        <v>12</v>
      </c>
      <c r="AG17795">
        <v>12</v>
      </c>
      <c r="AH17795">
        <v>12</v>
      </c>
      <c r="AI17795">
        <v>12</v>
      </c>
      <c r="AJ17795">
        <v>12</v>
      </c>
      <c r="AK17795">
        <v>13</v>
      </c>
      <c r="AL17795">
        <v>13</v>
      </c>
      <c r="AM17795">
        <v>13</v>
      </c>
      <c r="AN17795">
        <v>13</v>
      </c>
      <c r="AO17795">
        <v>13</v>
      </c>
      <c r="AP17795">
        <v>13</v>
      </c>
      <c r="AQ17795">
        <v>14</v>
      </c>
    </row>
    <row r="17796" spans="1:43">
      <c r="A17796" t="s">
        <v>11022</v>
      </c>
      <c r="B17796" t="s">
        <v>11023</v>
      </c>
      <c r="C17796" t="s">
        <v>11014</v>
      </c>
      <c r="D17796" t="s">
        <v>11015</v>
      </c>
      <c r="E17796" t="s">
        <v>10982</v>
      </c>
      <c r="F17796" t="s">
        <v>10983</v>
      </c>
      <c r="G17796" t="s">
        <v>10734</v>
      </c>
      <c r="H17796" t="s">
        <v>10735</v>
      </c>
      <c r="I17796" s="2">
        <v>1</v>
      </c>
      <c r="J17796" s="2">
        <v>0</v>
      </c>
      <c r="K17796" s="2">
        <v>0</v>
      </c>
      <c r="L17796" t="s">
        <v>120</v>
      </c>
      <c r="M17796" t="s">
        <v>89</v>
      </c>
      <c r="N17796" t="s">
        <v>90</v>
      </c>
      <c r="O17796" t="s">
        <v>85</v>
      </c>
      <c r="P17796" t="s">
        <v>86</v>
      </c>
      <c r="Q17796">
        <v>10</v>
      </c>
      <c r="R17796">
        <v>10</v>
      </c>
      <c r="S17796">
        <v>10</v>
      </c>
      <c r="T17796">
        <v>11</v>
      </c>
      <c r="U17796">
        <v>11</v>
      </c>
      <c r="V17796">
        <v>11</v>
      </c>
      <c r="W17796">
        <v>12</v>
      </c>
      <c r="X17796">
        <v>12</v>
      </c>
      <c r="Y17796">
        <v>12</v>
      </c>
      <c r="Z17796">
        <v>13</v>
      </c>
      <c r="AA17796">
        <v>13</v>
      </c>
      <c r="AB17796">
        <v>13</v>
      </c>
      <c r="AC17796">
        <v>13</v>
      </c>
      <c r="AD17796">
        <v>14</v>
      </c>
      <c r="AE17796">
        <v>14</v>
      </c>
      <c r="AF17796">
        <v>14</v>
      </c>
      <c r="AG17796">
        <v>14</v>
      </c>
      <c r="AH17796">
        <v>14</v>
      </c>
      <c r="AI17796">
        <v>15</v>
      </c>
      <c r="AJ17796">
        <v>15</v>
      </c>
      <c r="AK17796">
        <v>15</v>
      </c>
      <c r="AL17796">
        <v>15</v>
      </c>
      <c r="AM17796">
        <v>15</v>
      </c>
      <c r="AN17796">
        <v>15</v>
      </c>
      <c r="AO17796">
        <v>15</v>
      </c>
      <c r="AP17796">
        <v>16</v>
      </c>
      <c r="AQ17796">
        <v>16</v>
      </c>
    </row>
    <row r="17797" spans="1:43">
      <c r="A17797" t="s">
        <v>11022</v>
      </c>
      <c r="B17797" t="s">
        <v>11023</v>
      </c>
      <c r="C17797" t="s">
        <v>11014</v>
      </c>
      <c r="D17797" t="s">
        <v>11015</v>
      </c>
      <c r="E17797" t="s">
        <v>10982</v>
      </c>
      <c r="F17797" t="s">
        <v>10983</v>
      </c>
      <c r="G17797" t="s">
        <v>10734</v>
      </c>
      <c r="H17797" t="s">
        <v>10735</v>
      </c>
      <c r="I17797" s="2">
        <v>1</v>
      </c>
      <c r="J17797" s="2">
        <v>0</v>
      </c>
      <c r="K17797" s="2">
        <v>0</v>
      </c>
      <c r="L17797" t="s">
        <v>120</v>
      </c>
      <c r="M17797" t="s">
        <v>83</v>
      </c>
      <c r="N17797" t="s">
        <v>91</v>
      </c>
      <c r="O17797" t="s">
        <v>85</v>
      </c>
      <c r="P17797" t="s">
        <v>86</v>
      </c>
      <c r="Q17797">
        <v>10</v>
      </c>
      <c r="R17797">
        <v>10</v>
      </c>
      <c r="S17797">
        <v>10</v>
      </c>
      <c r="T17797">
        <v>10</v>
      </c>
      <c r="U17797">
        <v>11</v>
      </c>
      <c r="V17797">
        <v>11</v>
      </c>
      <c r="W17797">
        <v>11</v>
      </c>
      <c r="X17797">
        <v>11</v>
      </c>
      <c r="Y17797">
        <v>12</v>
      </c>
      <c r="Z17797">
        <v>12</v>
      </c>
      <c r="AA17797">
        <v>12</v>
      </c>
      <c r="AB17797">
        <v>12</v>
      </c>
      <c r="AC17797">
        <v>13</v>
      </c>
      <c r="AD17797">
        <v>13</v>
      </c>
      <c r="AE17797">
        <v>13</v>
      </c>
      <c r="AF17797">
        <v>13</v>
      </c>
      <c r="AG17797">
        <v>14</v>
      </c>
      <c r="AH17797">
        <v>14</v>
      </c>
      <c r="AI17797">
        <v>14</v>
      </c>
      <c r="AJ17797">
        <v>14</v>
      </c>
      <c r="AK17797">
        <v>15</v>
      </c>
      <c r="AL17797">
        <v>15</v>
      </c>
      <c r="AM17797">
        <v>15</v>
      </c>
      <c r="AN17797">
        <v>15</v>
      </c>
      <c r="AO17797">
        <v>15</v>
      </c>
      <c r="AP17797">
        <v>15</v>
      </c>
      <c r="AQ17797">
        <v>16</v>
      </c>
    </row>
    <row r="17798" spans="1:43">
      <c r="A17798" t="s">
        <v>11024</v>
      </c>
      <c r="B17798" t="s">
        <v>11025</v>
      </c>
      <c r="C17798" t="s">
        <v>11014</v>
      </c>
      <c r="D17798" t="s">
        <v>11015</v>
      </c>
      <c r="E17798" t="s">
        <v>10982</v>
      </c>
      <c r="F17798" t="s">
        <v>10983</v>
      </c>
      <c r="G17798" t="s">
        <v>10734</v>
      </c>
      <c r="H17798" t="s">
        <v>10735</v>
      </c>
      <c r="I17798" s="2">
        <v>1</v>
      </c>
      <c r="J17798" s="2">
        <v>0</v>
      </c>
      <c r="K17798" s="2">
        <v>0</v>
      </c>
      <c r="L17798" t="s">
        <v>120</v>
      </c>
      <c r="M17798" t="s">
        <v>83</v>
      </c>
      <c r="N17798" t="s">
        <v>84</v>
      </c>
      <c r="O17798" t="s">
        <v>85</v>
      </c>
      <c r="P17798" t="s">
        <v>86</v>
      </c>
      <c r="Q17798">
        <v>15</v>
      </c>
      <c r="R17798">
        <v>15</v>
      </c>
      <c r="S17798">
        <v>15</v>
      </c>
      <c r="T17798">
        <v>16</v>
      </c>
      <c r="U17798">
        <v>16</v>
      </c>
      <c r="V17798">
        <v>16</v>
      </c>
      <c r="W17798">
        <v>17</v>
      </c>
      <c r="X17798">
        <v>17</v>
      </c>
      <c r="Y17798">
        <v>17</v>
      </c>
      <c r="Z17798">
        <v>18</v>
      </c>
      <c r="AA17798">
        <v>18</v>
      </c>
      <c r="AB17798">
        <v>19</v>
      </c>
      <c r="AC17798">
        <v>19</v>
      </c>
      <c r="AD17798">
        <v>19</v>
      </c>
      <c r="AE17798">
        <v>20</v>
      </c>
      <c r="AF17798">
        <v>20</v>
      </c>
      <c r="AG17798">
        <v>20</v>
      </c>
      <c r="AH17798">
        <v>21</v>
      </c>
      <c r="AI17798">
        <v>21</v>
      </c>
      <c r="AJ17798">
        <v>22</v>
      </c>
      <c r="AK17798">
        <v>22</v>
      </c>
      <c r="AL17798">
        <v>22</v>
      </c>
      <c r="AM17798">
        <v>23</v>
      </c>
      <c r="AN17798">
        <v>23</v>
      </c>
      <c r="AO17798">
        <v>23</v>
      </c>
      <c r="AP17798">
        <v>23</v>
      </c>
      <c r="AQ17798">
        <v>24</v>
      </c>
    </row>
    <row r="17799" spans="1:43">
      <c r="A17799" t="s">
        <v>11024</v>
      </c>
      <c r="B17799" t="s">
        <v>11025</v>
      </c>
      <c r="C17799" t="s">
        <v>11014</v>
      </c>
      <c r="D17799" t="s">
        <v>11015</v>
      </c>
      <c r="E17799" t="s">
        <v>10982</v>
      </c>
      <c r="F17799" t="s">
        <v>10983</v>
      </c>
      <c r="G17799" t="s">
        <v>10734</v>
      </c>
      <c r="H17799" t="s">
        <v>10735</v>
      </c>
      <c r="I17799" s="2">
        <v>1</v>
      </c>
      <c r="J17799" s="2">
        <v>0</v>
      </c>
      <c r="K17799" s="2">
        <v>0</v>
      </c>
      <c r="L17799" t="s">
        <v>120</v>
      </c>
      <c r="M17799" t="s">
        <v>87</v>
      </c>
      <c r="N17799" t="s">
        <v>88</v>
      </c>
      <c r="O17799" t="s">
        <v>85</v>
      </c>
      <c r="P17799" t="s">
        <v>86</v>
      </c>
      <c r="Q17799">
        <v>15</v>
      </c>
      <c r="R17799">
        <v>15</v>
      </c>
      <c r="S17799">
        <v>15</v>
      </c>
      <c r="T17799">
        <v>15</v>
      </c>
      <c r="U17799">
        <v>15</v>
      </c>
      <c r="V17799">
        <v>16</v>
      </c>
      <c r="W17799">
        <v>16</v>
      </c>
      <c r="X17799">
        <v>16</v>
      </c>
      <c r="Y17799">
        <v>16</v>
      </c>
      <c r="Z17799">
        <v>16</v>
      </c>
      <c r="AA17799">
        <v>17</v>
      </c>
      <c r="AB17799">
        <v>17</v>
      </c>
      <c r="AC17799">
        <v>17</v>
      </c>
      <c r="AD17799">
        <v>17</v>
      </c>
      <c r="AE17799">
        <v>17</v>
      </c>
      <c r="AF17799">
        <v>18</v>
      </c>
      <c r="AG17799">
        <v>18</v>
      </c>
      <c r="AH17799">
        <v>18</v>
      </c>
      <c r="AI17799">
        <v>18</v>
      </c>
      <c r="AJ17799">
        <v>19</v>
      </c>
      <c r="AK17799">
        <v>19</v>
      </c>
      <c r="AL17799">
        <v>19</v>
      </c>
      <c r="AM17799">
        <v>19</v>
      </c>
      <c r="AN17799">
        <v>20</v>
      </c>
      <c r="AO17799">
        <v>20</v>
      </c>
      <c r="AP17799">
        <v>20</v>
      </c>
      <c r="AQ17799">
        <v>21</v>
      </c>
    </row>
    <row r="17800" spans="1:43">
      <c r="A17800" t="s">
        <v>11024</v>
      </c>
      <c r="B17800" t="s">
        <v>11025</v>
      </c>
      <c r="C17800" t="s">
        <v>11014</v>
      </c>
      <c r="D17800" t="s">
        <v>11015</v>
      </c>
      <c r="E17800" t="s">
        <v>10982</v>
      </c>
      <c r="F17800" t="s">
        <v>10983</v>
      </c>
      <c r="G17800" t="s">
        <v>10734</v>
      </c>
      <c r="H17800" t="s">
        <v>10735</v>
      </c>
      <c r="I17800" s="2">
        <v>1</v>
      </c>
      <c r="J17800" s="2">
        <v>0</v>
      </c>
      <c r="K17800" s="2">
        <v>0</v>
      </c>
      <c r="L17800" t="s">
        <v>120</v>
      </c>
      <c r="M17800" t="s">
        <v>89</v>
      </c>
      <c r="N17800" t="s">
        <v>90</v>
      </c>
      <c r="O17800" t="s">
        <v>85</v>
      </c>
      <c r="P17800" t="s">
        <v>86</v>
      </c>
      <c r="Q17800">
        <v>15</v>
      </c>
      <c r="R17800">
        <v>15</v>
      </c>
      <c r="S17800">
        <v>16</v>
      </c>
      <c r="T17800">
        <v>16</v>
      </c>
      <c r="U17800">
        <v>17</v>
      </c>
      <c r="V17800">
        <v>17</v>
      </c>
      <c r="W17800">
        <v>18</v>
      </c>
      <c r="X17800">
        <v>18</v>
      </c>
      <c r="Y17800">
        <v>18</v>
      </c>
      <c r="Z17800">
        <v>19</v>
      </c>
      <c r="AA17800">
        <v>19</v>
      </c>
      <c r="AB17800">
        <v>20</v>
      </c>
      <c r="AC17800">
        <v>20</v>
      </c>
      <c r="AD17800">
        <v>21</v>
      </c>
      <c r="AE17800">
        <v>21</v>
      </c>
      <c r="AF17800">
        <v>21</v>
      </c>
      <c r="AG17800">
        <v>21</v>
      </c>
      <c r="AH17800">
        <v>22</v>
      </c>
      <c r="AI17800">
        <v>22</v>
      </c>
      <c r="AJ17800">
        <v>22</v>
      </c>
      <c r="AK17800">
        <v>22</v>
      </c>
      <c r="AL17800">
        <v>23</v>
      </c>
      <c r="AM17800">
        <v>23</v>
      </c>
      <c r="AN17800">
        <v>23</v>
      </c>
      <c r="AO17800">
        <v>23</v>
      </c>
      <c r="AP17800">
        <v>23</v>
      </c>
      <c r="AQ17800">
        <v>24</v>
      </c>
    </row>
    <row r="17801" spans="1:43">
      <c r="A17801" t="s">
        <v>11024</v>
      </c>
      <c r="B17801" t="s">
        <v>11025</v>
      </c>
      <c r="C17801" t="s">
        <v>11014</v>
      </c>
      <c r="D17801" t="s">
        <v>11015</v>
      </c>
      <c r="E17801" t="s">
        <v>10982</v>
      </c>
      <c r="F17801" t="s">
        <v>10983</v>
      </c>
      <c r="G17801" t="s">
        <v>10734</v>
      </c>
      <c r="H17801" t="s">
        <v>10735</v>
      </c>
      <c r="I17801" s="2">
        <v>1</v>
      </c>
      <c r="J17801" s="2">
        <v>0</v>
      </c>
      <c r="K17801" s="2">
        <v>0</v>
      </c>
      <c r="L17801" t="s">
        <v>120</v>
      </c>
      <c r="M17801" t="s">
        <v>83</v>
      </c>
      <c r="N17801" t="s">
        <v>91</v>
      </c>
      <c r="O17801" t="s">
        <v>85</v>
      </c>
      <c r="P17801" t="s">
        <v>86</v>
      </c>
      <c r="Q17801">
        <v>15</v>
      </c>
      <c r="R17801">
        <v>15</v>
      </c>
      <c r="S17801">
        <v>15</v>
      </c>
      <c r="T17801">
        <v>16</v>
      </c>
      <c r="U17801">
        <v>16</v>
      </c>
      <c r="V17801">
        <v>16</v>
      </c>
      <c r="W17801">
        <v>17</v>
      </c>
      <c r="X17801">
        <v>17</v>
      </c>
      <c r="Y17801">
        <v>17</v>
      </c>
      <c r="Z17801">
        <v>18</v>
      </c>
      <c r="AA17801">
        <v>18</v>
      </c>
      <c r="AB17801">
        <v>19</v>
      </c>
      <c r="AC17801">
        <v>19</v>
      </c>
      <c r="AD17801">
        <v>19</v>
      </c>
      <c r="AE17801">
        <v>20</v>
      </c>
      <c r="AF17801">
        <v>20</v>
      </c>
      <c r="AG17801">
        <v>20</v>
      </c>
      <c r="AH17801">
        <v>21</v>
      </c>
      <c r="AI17801">
        <v>21</v>
      </c>
      <c r="AJ17801">
        <v>22</v>
      </c>
      <c r="AK17801">
        <v>22</v>
      </c>
      <c r="AL17801">
        <v>22</v>
      </c>
      <c r="AM17801">
        <v>23</v>
      </c>
      <c r="AN17801">
        <v>23</v>
      </c>
      <c r="AO17801">
        <v>23</v>
      </c>
      <c r="AP17801">
        <v>23</v>
      </c>
      <c r="AQ17801">
        <v>24</v>
      </c>
    </row>
    <row r="17802" spans="1:43">
      <c r="A17802" t="s">
        <v>11026</v>
      </c>
      <c r="B17802" t="s">
        <v>11027</v>
      </c>
      <c r="C17802" t="s">
        <v>11028</v>
      </c>
      <c r="D17802" t="s">
        <v>11029</v>
      </c>
      <c r="E17802" t="s">
        <v>10982</v>
      </c>
      <c r="F17802" t="s">
        <v>10983</v>
      </c>
      <c r="G17802" t="s">
        <v>10734</v>
      </c>
      <c r="H17802" t="s">
        <v>10735</v>
      </c>
      <c r="I17802" s="2">
        <v>1</v>
      </c>
      <c r="J17802" s="2">
        <v>0</v>
      </c>
      <c r="K17802" s="2">
        <v>0</v>
      </c>
      <c r="L17802" t="s">
        <v>120</v>
      </c>
      <c r="M17802" t="s">
        <v>83</v>
      </c>
      <c r="N17802" t="s">
        <v>84</v>
      </c>
      <c r="O17802" t="s">
        <v>85</v>
      </c>
      <c r="P17802" t="s">
        <v>86</v>
      </c>
      <c r="Q17802">
        <v>15</v>
      </c>
      <c r="R17802">
        <v>16</v>
      </c>
      <c r="S17802">
        <v>16</v>
      </c>
      <c r="T17802">
        <v>16</v>
      </c>
      <c r="U17802">
        <v>17</v>
      </c>
      <c r="V17802">
        <v>17</v>
      </c>
      <c r="W17802">
        <v>17</v>
      </c>
      <c r="X17802">
        <v>18</v>
      </c>
      <c r="Y17802">
        <v>18</v>
      </c>
      <c r="Z17802">
        <v>18</v>
      </c>
      <c r="AA17802">
        <v>19</v>
      </c>
      <c r="AB17802">
        <v>19</v>
      </c>
      <c r="AC17802">
        <v>19</v>
      </c>
      <c r="AD17802">
        <v>20</v>
      </c>
      <c r="AE17802">
        <v>20</v>
      </c>
      <c r="AF17802">
        <v>21</v>
      </c>
      <c r="AG17802">
        <v>21</v>
      </c>
      <c r="AH17802">
        <v>21</v>
      </c>
      <c r="AI17802">
        <v>22</v>
      </c>
      <c r="AJ17802">
        <v>22</v>
      </c>
      <c r="AK17802">
        <v>23</v>
      </c>
      <c r="AL17802">
        <v>23</v>
      </c>
      <c r="AM17802">
        <v>23</v>
      </c>
      <c r="AN17802">
        <v>23</v>
      </c>
      <c r="AO17802">
        <v>24</v>
      </c>
      <c r="AP17802">
        <v>24</v>
      </c>
      <c r="AQ17802">
        <v>24</v>
      </c>
    </row>
    <row r="17803" spans="1:43">
      <c r="A17803" t="s">
        <v>11026</v>
      </c>
      <c r="B17803" t="s">
        <v>11027</v>
      </c>
      <c r="C17803" t="s">
        <v>11028</v>
      </c>
      <c r="D17803" t="s">
        <v>11029</v>
      </c>
      <c r="E17803" t="s">
        <v>10982</v>
      </c>
      <c r="F17803" t="s">
        <v>10983</v>
      </c>
      <c r="G17803" t="s">
        <v>10734</v>
      </c>
      <c r="H17803" t="s">
        <v>10735</v>
      </c>
      <c r="I17803" s="2">
        <v>1</v>
      </c>
      <c r="J17803" s="2">
        <v>0</v>
      </c>
      <c r="K17803" s="2">
        <v>0</v>
      </c>
      <c r="L17803" t="s">
        <v>120</v>
      </c>
      <c r="M17803" t="s">
        <v>87</v>
      </c>
      <c r="N17803" t="s">
        <v>88</v>
      </c>
      <c r="O17803" t="s">
        <v>85</v>
      </c>
      <c r="P17803" t="s">
        <v>86</v>
      </c>
      <c r="Q17803">
        <v>15</v>
      </c>
      <c r="R17803">
        <v>15</v>
      </c>
      <c r="S17803">
        <v>15</v>
      </c>
      <c r="T17803">
        <v>16</v>
      </c>
      <c r="U17803">
        <v>16</v>
      </c>
      <c r="V17803">
        <v>16</v>
      </c>
      <c r="W17803">
        <v>16</v>
      </c>
      <c r="X17803">
        <v>16</v>
      </c>
      <c r="Y17803">
        <v>17</v>
      </c>
      <c r="Z17803">
        <v>17</v>
      </c>
      <c r="AA17803">
        <v>17</v>
      </c>
      <c r="AB17803">
        <v>17</v>
      </c>
      <c r="AC17803">
        <v>18</v>
      </c>
      <c r="AD17803">
        <v>18</v>
      </c>
      <c r="AE17803">
        <v>18</v>
      </c>
      <c r="AF17803">
        <v>18</v>
      </c>
      <c r="AG17803">
        <v>18</v>
      </c>
      <c r="AH17803">
        <v>19</v>
      </c>
      <c r="AI17803">
        <v>19</v>
      </c>
      <c r="AJ17803">
        <v>19</v>
      </c>
      <c r="AK17803">
        <v>19</v>
      </c>
      <c r="AL17803">
        <v>20</v>
      </c>
      <c r="AM17803">
        <v>20</v>
      </c>
      <c r="AN17803">
        <v>20</v>
      </c>
      <c r="AO17803">
        <v>21</v>
      </c>
      <c r="AP17803">
        <v>21</v>
      </c>
      <c r="AQ17803">
        <v>21</v>
      </c>
    </row>
    <row r="17804" spans="1:43">
      <c r="A17804" t="s">
        <v>11026</v>
      </c>
      <c r="B17804" t="s">
        <v>11027</v>
      </c>
      <c r="C17804" t="s">
        <v>11028</v>
      </c>
      <c r="D17804" t="s">
        <v>11029</v>
      </c>
      <c r="E17804" t="s">
        <v>10982</v>
      </c>
      <c r="F17804" t="s">
        <v>10983</v>
      </c>
      <c r="G17804" t="s">
        <v>10734</v>
      </c>
      <c r="H17804" t="s">
        <v>10735</v>
      </c>
      <c r="I17804" s="2">
        <v>1</v>
      </c>
      <c r="J17804" s="2">
        <v>0</v>
      </c>
      <c r="K17804" s="2">
        <v>0</v>
      </c>
      <c r="L17804" t="s">
        <v>120</v>
      </c>
      <c r="M17804" t="s">
        <v>89</v>
      </c>
      <c r="N17804" t="s">
        <v>90</v>
      </c>
      <c r="O17804" t="s">
        <v>85</v>
      </c>
      <c r="P17804" t="s">
        <v>86</v>
      </c>
      <c r="Q17804">
        <v>15</v>
      </c>
      <c r="R17804">
        <v>16</v>
      </c>
      <c r="S17804">
        <v>16</v>
      </c>
      <c r="T17804">
        <v>17</v>
      </c>
      <c r="U17804">
        <v>17</v>
      </c>
      <c r="V17804">
        <v>18</v>
      </c>
      <c r="W17804">
        <v>18</v>
      </c>
      <c r="X17804">
        <v>19</v>
      </c>
      <c r="Y17804">
        <v>19</v>
      </c>
      <c r="Z17804">
        <v>19</v>
      </c>
      <c r="AA17804">
        <v>20</v>
      </c>
      <c r="AB17804">
        <v>20</v>
      </c>
      <c r="AC17804">
        <v>21</v>
      </c>
      <c r="AD17804">
        <v>21</v>
      </c>
      <c r="AE17804">
        <v>22</v>
      </c>
      <c r="AF17804">
        <v>22</v>
      </c>
      <c r="AG17804">
        <v>22</v>
      </c>
      <c r="AH17804">
        <v>22</v>
      </c>
      <c r="AI17804">
        <v>23</v>
      </c>
      <c r="AJ17804">
        <v>23</v>
      </c>
      <c r="AK17804">
        <v>23</v>
      </c>
      <c r="AL17804">
        <v>23</v>
      </c>
      <c r="AM17804">
        <v>23</v>
      </c>
      <c r="AN17804">
        <v>24</v>
      </c>
      <c r="AO17804">
        <v>24</v>
      </c>
      <c r="AP17804">
        <v>24</v>
      </c>
      <c r="AQ17804">
        <v>24</v>
      </c>
    </row>
    <row r="17805" spans="1:43">
      <c r="A17805" t="s">
        <v>11026</v>
      </c>
      <c r="B17805" t="s">
        <v>11027</v>
      </c>
      <c r="C17805" t="s">
        <v>11028</v>
      </c>
      <c r="D17805" t="s">
        <v>11029</v>
      </c>
      <c r="E17805" t="s">
        <v>10982</v>
      </c>
      <c r="F17805" t="s">
        <v>10983</v>
      </c>
      <c r="G17805" t="s">
        <v>10734</v>
      </c>
      <c r="H17805" t="s">
        <v>10735</v>
      </c>
      <c r="I17805" s="2">
        <v>1</v>
      </c>
      <c r="J17805" s="2">
        <v>0</v>
      </c>
      <c r="K17805" s="2">
        <v>0</v>
      </c>
      <c r="L17805" t="s">
        <v>120</v>
      </c>
      <c r="M17805" t="s">
        <v>83</v>
      </c>
      <c r="N17805" t="s">
        <v>91</v>
      </c>
      <c r="O17805" t="s">
        <v>85</v>
      </c>
      <c r="P17805" t="s">
        <v>86</v>
      </c>
      <c r="Q17805">
        <v>15</v>
      </c>
      <c r="R17805">
        <v>16</v>
      </c>
      <c r="S17805">
        <v>16</v>
      </c>
      <c r="T17805">
        <v>16</v>
      </c>
      <c r="U17805">
        <v>17</v>
      </c>
      <c r="V17805">
        <v>17</v>
      </c>
      <c r="W17805">
        <v>17</v>
      </c>
      <c r="X17805">
        <v>18</v>
      </c>
      <c r="Y17805">
        <v>18</v>
      </c>
      <c r="Z17805">
        <v>18</v>
      </c>
      <c r="AA17805">
        <v>19</v>
      </c>
      <c r="AB17805">
        <v>19</v>
      </c>
      <c r="AC17805">
        <v>19</v>
      </c>
      <c r="AD17805">
        <v>20</v>
      </c>
      <c r="AE17805">
        <v>20</v>
      </c>
      <c r="AF17805">
        <v>21</v>
      </c>
      <c r="AG17805">
        <v>21</v>
      </c>
      <c r="AH17805">
        <v>21</v>
      </c>
      <c r="AI17805">
        <v>22</v>
      </c>
      <c r="AJ17805">
        <v>22</v>
      </c>
      <c r="AK17805">
        <v>23</v>
      </c>
      <c r="AL17805">
        <v>23</v>
      </c>
      <c r="AM17805">
        <v>23</v>
      </c>
      <c r="AN17805">
        <v>23</v>
      </c>
      <c r="AO17805">
        <v>24</v>
      </c>
      <c r="AP17805">
        <v>24</v>
      </c>
      <c r="AQ17805">
        <v>24</v>
      </c>
    </row>
    <row r="17806" spans="1:43">
      <c r="A17806" t="s">
        <v>11030</v>
      </c>
      <c r="B17806" t="s">
        <v>11031</v>
      </c>
      <c r="C17806" t="s">
        <v>11028</v>
      </c>
      <c r="D17806" t="s">
        <v>11029</v>
      </c>
      <c r="E17806" t="s">
        <v>10982</v>
      </c>
      <c r="F17806" t="s">
        <v>10983</v>
      </c>
      <c r="G17806" t="s">
        <v>10734</v>
      </c>
      <c r="H17806" t="s">
        <v>10735</v>
      </c>
      <c r="I17806" s="2">
        <v>1</v>
      </c>
      <c r="J17806" s="2">
        <v>0</v>
      </c>
      <c r="K17806" s="2">
        <v>0</v>
      </c>
      <c r="L17806" t="s">
        <v>120</v>
      </c>
      <c r="M17806" t="s">
        <v>83</v>
      </c>
      <c r="N17806" t="s">
        <v>84</v>
      </c>
      <c r="O17806" t="s">
        <v>85</v>
      </c>
      <c r="P17806" t="s">
        <v>86</v>
      </c>
      <c r="Q17806">
        <v>15</v>
      </c>
      <c r="R17806">
        <v>15</v>
      </c>
      <c r="S17806">
        <v>16</v>
      </c>
      <c r="T17806">
        <v>16</v>
      </c>
      <c r="U17806">
        <v>16</v>
      </c>
      <c r="V17806">
        <v>17</v>
      </c>
      <c r="W17806">
        <v>17</v>
      </c>
      <c r="X17806">
        <v>17</v>
      </c>
      <c r="Y17806">
        <v>18</v>
      </c>
      <c r="Z17806">
        <v>18</v>
      </c>
      <c r="AA17806">
        <v>18</v>
      </c>
      <c r="AB17806">
        <v>19</v>
      </c>
      <c r="AC17806">
        <v>19</v>
      </c>
      <c r="AD17806">
        <v>20</v>
      </c>
      <c r="AE17806">
        <v>20</v>
      </c>
      <c r="AF17806">
        <v>20</v>
      </c>
      <c r="AG17806">
        <v>21</v>
      </c>
      <c r="AH17806">
        <v>21</v>
      </c>
      <c r="AI17806">
        <v>22</v>
      </c>
      <c r="AJ17806">
        <v>22</v>
      </c>
      <c r="AK17806">
        <v>22</v>
      </c>
      <c r="AL17806">
        <v>23</v>
      </c>
      <c r="AM17806">
        <v>23</v>
      </c>
      <c r="AN17806">
        <v>23</v>
      </c>
      <c r="AO17806">
        <v>23</v>
      </c>
      <c r="AP17806">
        <v>24</v>
      </c>
      <c r="AQ17806">
        <v>24</v>
      </c>
    </row>
    <row r="17807" spans="1:43">
      <c r="A17807" t="s">
        <v>11030</v>
      </c>
      <c r="B17807" t="s">
        <v>11031</v>
      </c>
      <c r="C17807" t="s">
        <v>11028</v>
      </c>
      <c r="D17807" t="s">
        <v>11029</v>
      </c>
      <c r="E17807" t="s">
        <v>10982</v>
      </c>
      <c r="F17807" t="s">
        <v>10983</v>
      </c>
      <c r="G17807" t="s">
        <v>10734</v>
      </c>
      <c r="H17807" t="s">
        <v>10735</v>
      </c>
      <c r="I17807" s="2">
        <v>1</v>
      </c>
      <c r="J17807" s="2">
        <v>0</v>
      </c>
      <c r="K17807" s="2">
        <v>0</v>
      </c>
      <c r="L17807" t="s">
        <v>120</v>
      </c>
      <c r="M17807" t="s">
        <v>87</v>
      </c>
      <c r="N17807" t="s">
        <v>88</v>
      </c>
      <c r="O17807" t="s">
        <v>85</v>
      </c>
      <c r="P17807" t="s">
        <v>86</v>
      </c>
      <c r="Q17807">
        <v>15</v>
      </c>
      <c r="R17807">
        <v>15</v>
      </c>
      <c r="S17807">
        <v>15</v>
      </c>
      <c r="T17807">
        <v>15</v>
      </c>
      <c r="U17807">
        <v>16</v>
      </c>
      <c r="V17807">
        <v>16</v>
      </c>
      <c r="W17807">
        <v>16</v>
      </c>
      <c r="X17807">
        <v>16</v>
      </c>
      <c r="Y17807">
        <v>16</v>
      </c>
      <c r="Z17807">
        <v>17</v>
      </c>
      <c r="AA17807">
        <v>17</v>
      </c>
      <c r="AB17807">
        <v>17</v>
      </c>
      <c r="AC17807">
        <v>17</v>
      </c>
      <c r="AD17807">
        <v>17</v>
      </c>
      <c r="AE17807">
        <v>18</v>
      </c>
      <c r="AF17807">
        <v>18</v>
      </c>
      <c r="AG17807">
        <v>18</v>
      </c>
      <c r="AH17807">
        <v>18</v>
      </c>
      <c r="AI17807">
        <v>19</v>
      </c>
      <c r="AJ17807">
        <v>19</v>
      </c>
      <c r="AK17807">
        <v>19</v>
      </c>
      <c r="AL17807">
        <v>19</v>
      </c>
      <c r="AM17807">
        <v>20</v>
      </c>
      <c r="AN17807">
        <v>20</v>
      </c>
      <c r="AO17807">
        <v>20</v>
      </c>
      <c r="AP17807">
        <v>20</v>
      </c>
      <c r="AQ17807">
        <v>21</v>
      </c>
    </row>
    <row r="17808" spans="1:43">
      <c r="A17808" t="s">
        <v>11030</v>
      </c>
      <c r="B17808" t="s">
        <v>11031</v>
      </c>
      <c r="C17808" t="s">
        <v>11028</v>
      </c>
      <c r="D17808" t="s">
        <v>11029</v>
      </c>
      <c r="E17808" t="s">
        <v>10982</v>
      </c>
      <c r="F17808" t="s">
        <v>10983</v>
      </c>
      <c r="G17808" t="s">
        <v>10734</v>
      </c>
      <c r="H17808" t="s">
        <v>10735</v>
      </c>
      <c r="I17808" s="2">
        <v>1</v>
      </c>
      <c r="J17808" s="2">
        <v>0</v>
      </c>
      <c r="K17808" s="2">
        <v>0</v>
      </c>
      <c r="L17808" t="s">
        <v>120</v>
      </c>
      <c r="M17808" t="s">
        <v>89</v>
      </c>
      <c r="N17808" t="s">
        <v>90</v>
      </c>
      <c r="O17808" t="s">
        <v>85</v>
      </c>
      <c r="P17808" t="s">
        <v>86</v>
      </c>
      <c r="Q17808">
        <v>15</v>
      </c>
      <c r="R17808">
        <v>16</v>
      </c>
      <c r="S17808">
        <v>16</v>
      </c>
      <c r="T17808">
        <v>16</v>
      </c>
      <c r="U17808">
        <v>17</v>
      </c>
      <c r="V17808">
        <v>17</v>
      </c>
      <c r="W17808">
        <v>18</v>
      </c>
      <c r="X17808">
        <v>18</v>
      </c>
      <c r="Y17808">
        <v>19</v>
      </c>
      <c r="Z17808">
        <v>19</v>
      </c>
      <c r="AA17808">
        <v>20</v>
      </c>
      <c r="AB17808">
        <v>20</v>
      </c>
      <c r="AC17808">
        <v>21</v>
      </c>
      <c r="AD17808">
        <v>21</v>
      </c>
      <c r="AE17808">
        <v>21</v>
      </c>
      <c r="AF17808">
        <v>22</v>
      </c>
      <c r="AG17808">
        <v>22</v>
      </c>
      <c r="AH17808">
        <v>22</v>
      </c>
      <c r="AI17808">
        <v>22</v>
      </c>
      <c r="AJ17808">
        <v>22</v>
      </c>
      <c r="AK17808">
        <v>23</v>
      </c>
      <c r="AL17808">
        <v>23</v>
      </c>
      <c r="AM17808">
        <v>23</v>
      </c>
      <c r="AN17808">
        <v>23</v>
      </c>
      <c r="AO17808">
        <v>23</v>
      </c>
      <c r="AP17808">
        <v>24</v>
      </c>
      <c r="AQ17808">
        <v>24</v>
      </c>
    </row>
    <row r="17809" spans="1:43">
      <c r="A17809" t="s">
        <v>11030</v>
      </c>
      <c r="B17809" t="s">
        <v>11031</v>
      </c>
      <c r="C17809" t="s">
        <v>11028</v>
      </c>
      <c r="D17809" t="s">
        <v>11029</v>
      </c>
      <c r="E17809" t="s">
        <v>10982</v>
      </c>
      <c r="F17809" t="s">
        <v>10983</v>
      </c>
      <c r="G17809" t="s">
        <v>10734</v>
      </c>
      <c r="H17809" t="s">
        <v>10735</v>
      </c>
      <c r="I17809" s="2">
        <v>1</v>
      </c>
      <c r="J17809" s="2">
        <v>0</v>
      </c>
      <c r="K17809" s="2">
        <v>0</v>
      </c>
      <c r="L17809" t="s">
        <v>120</v>
      </c>
      <c r="M17809" t="s">
        <v>83</v>
      </c>
      <c r="N17809" t="s">
        <v>91</v>
      </c>
      <c r="O17809" t="s">
        <v>85</v>
      </c>
      <c r="P17809" t="s">
        <v>86</v>
      </c>
      <c r="Q17809">
        <v>15</v>
      </c>
      <c r="R17809">
        <v>15</v>
      </c>
      <c r="S17809">
        <v>16</v>
      </c>
      <c r="T17809">
        <v>16</v>
      </c>
      <c r="U17809">
        <v>16</v>
      </c>
      <c r="V17809">
        <v>17</v>
      </c>
      <c r="W17809">
        <v>17</v>
      </c>
      <c r="X17809">
        <v>17</v>
      </c>
      <c r="Y17809">
        <v>18</v>
      </c>
      <c r="Z17809">
        <v>18</v>
      </c>
      <c r="AA17809">
        <v>18</v>
      </c>
      <c r="AB17809">
        <v>19</v>
      </c>
      <c r="AC17809">
        <v>19</v>
      </c>
      <c r="AD17809">
        <v>20</v>
      </c>
      <c r="AE17809">
        <v>20</v>
      </c>
      <c r="AF17809">
        <v>20</v>
      </c>
      <c r="AG17809">
        <v>21</v>
      </c>
      <c r="AH17809">
        <v>21</v>
      </c>
      <c r="AI17809">
        <v>22</v>
      </c>
      <c r="AJ17809">
        <v>22</v>
      </c>
      <c r="AK17809">
        <v>22</v>
      </c>
      <c r="AL17809">
        <v>23</v>
      </c>
      <c r="AM17809">
        <v>23</v>
      </c>
      <c r="AN17809">
        <v>23</v>
      </c>
      <c r="AO17809">
        <v>23</v>
      </c>
      <c r="AP17809">
        <v>24</v>
      </c>
      <c r="AQ17809">
        <v>24</v>
      </c>
    </row>
    <row r="17810" spans="1:43">
      <c r="A17810" t="s">
        <v>11032</v>
      </c>
      <c r="B17810" t="s">
        <v>11033</v>
      </c>
      <c r="C17810" t="s">
        <v>11028</v>
      </c>
      <c r="D17810" t="s">
        <v>11029</v>
      </c>
      <c r="E17810" t="s">
        <v>10982</v>
      </c>
      <c r="F17810" t="s">
        <v>10983</v>
      </c>
      <c r="G17810" t="s">
        <v>10734</v>
      </c>
      <c r="H17810" t="s">
        <v>10735</v>
      </c>
      <c r="I17810" s="2">
        <v>1</v>
      </c>
      <c r="J17810" s="2">
        <v>0</v>
      </c>
      <c r="K17810" s="2">
        <v>0</v>
      </c>
      <c r="L17810" t="s">
        <v>120</v>
      </c>
      <c r="M17810" t="s">
        <v>83</v>
      </c>
      <c r="N17810" t="s">
        <v>84</v>
      </c>
      <c r="O17810" t="s">
        <v>85</v>
      </c>
      <c r="P17810" t="s">
        <v>86</v>
      </c>
      <c r="Q17810">
        <v>23</v>
      </c>
      <c r="R17810">
        <v>23</v>
      </c>
      <c r="S17810">
        <v>24</v>
      </c>
      <c r="T17810">
        <v>24</v>
      </c>
      <c r="U17810">
        <v>25</v>
      </c>
      <c r="V17810">
        <v>25</v>
      </c>
      <c r="W17810">
        <v>26</v>
      </c>
      <c r="X17810">
        <v>27</v>
      </c>
      <c r="Y17810">
        <v>27</v>
      </c>
      <c r="Z17810">
        <v>28</v>
      </c>
      <c r="AA17810">
        <v>28</v>
      </c>
      <c r="AB17810">
        <v>29</v>
      </c>
      <c r="AC17810">
        <v>29</v>
      </c>
      <c r="AD17810">
        <v>30</v>
      </c>
      <c r="AE17810">
        <v>31</v>
      </c>
      <c r="AF17810">
        <v>31</v>
      </c>
      <c r="AG17810">
        <v>32</v>
      </c>
      <c r="AH17810">
        <v>32</v>
      </c>
      <c r="AI17810">
        <v>33</v>
      </c>
      <c r="AJ17810">
        <v>34</v>
      </c>
      <c r="AK17810">
        <v>34</v>
      </c>
      <c r="AL17810">
        <v>35</v>
      </c>
      <c r="AM17810">
        <v>35</v>
      </c>
      <c r="AN17810">
        <v>35</v>
      </c>
      <c r="AO17810">
        <v>36</v>
      </c>
      <c r="AP17810">
        <v>36</v>
      </c>
      <c r="AQ17810">
        <v>37</v>
      </c>
    </row>
    <row r="17811" spans="1:43">
      <c r="A17811" t="s">
        <v>11032</v>
      </c>
      <c r="B17811" t="s">
        <v>11033</v>
      </c>
      <c r="C17811" t="s">
        <v>11028</v>
      </c>
      <c r="D17811" t="s">
        <v>11029</v>
      </c>
      <c r="E17811" t="s">
        <v>10982</v>
      </c>
      <c r="F17811" t="s">
        <v>10983</v>
      </c>
      <c r="G17811" t="s">
        <v>10734</v>
      </c>
      <c r="H17811" t="s">
        <v>10735</v>
      </c>
      <c r="I17811" s="2">
        <v>1</v>
      </c>
      <c r="J17811" s="2">
        <v>0</v>
      </c>
      <c r="K17811" s="2">
        <v>0</v>
      </c>
      <c r="L17811" t="s">
        <v>120</v>
      </c>
      <c r="M17811" t="s">
        <v>87</v>
      </c>
      <c r="N17811" t="s">
        <v>88</v>
      </c>
      <c r="O17811" t="s">
        <v>85</v>
      </c>
      <c r="P17811" t="s">
        <v>86</v>
      </c>
      <c r="Q17811">
        <v>23</v>
      </c>
      <c r="R17811">
        <v>23</v>
      </c>
      <c r="S17811">
        <v>23</v>
      </c>
      <c r="T17811">
        <v>24</v>
      </c>
      <c r="U17811">
        <v>24</v>
      </c>
      <c r="V17811">
        <v>24</v>
      </c>
      <c r="W17811">
        <v>24</v>
      </c>
      <c r="X17811">
        <v>25</v>
      </c>
      <c r="Y17811">
        <v>25</v>
      </c>
      <c r="Z17811">
        <v>25</v>
      </c>
      <c r="AA17811">
        <v>26</v>
      </c>
      <c r="AB17811">
        <v>26</v>
      </c>
      <c r="AC17811">
        <v>26</v>
      </c>
      <c r="AD17811">
        <v>27</v>
      </c>
      <c r="AE17811">
        <v>27</v>
      </c>
      <c r="AF17811">
        <v>27</v>
      </c>
      <c r="AG17811">
        <v>28</v>
      </c>
      <c r="AH17811">
        <v>28</v>
      </c>
      <c r="AI17811">
        <v>29</v>
      </c>
      <c r="AJ17811">
        <v>29</v>
      </c>
      <c r="AK17811">
        <v>29</v>
      </c>
      <c r="AL17811">
        <v>30</v>
      </c>
      <c r="AM17811">
        <v>30</v>
      </c>
      <c r="AN17811">
        <v>30</v>
      </c>
      <c r="AO17811">
        <v>31</v>
      </c>
      <c r="AP17811">
        <v>31</v>
      </c>
      <c r="AQ17811">
        <v>32</v>
      </c>
    </row>
    <row r="17812" spans="1:43">
      <c r="A17812" t="s">
        <v>11032</v>
      </c>
      <c r="B17812" t="s">
        <v>11033</v>
      </c>
      <c r="C17812" t="s">
        <v>11028</v>
      </c>
      <c r="D17812" t="s">
        <v>11029</v>
      </c>
      <c r="E17812" t="s">
        <v>10982</v>
      </c>
      <c r="F17812" t="s">
        <v>10983</v>
      </c>
      <c r="G17812" t="s">
        <v>10734</v>
      </c>
      <c r="H17812" t="s">
        <v>10735</v>
      </c>
      <c r="I17812" s="2">
        <v>1</v>
      </c>
      <c r="J17812" s="2">
        <v>0</v>
      </c>
      <c r="K17812" s="2">
        <v>0</v>
      </c>
      <c r="L17812" t="s">
        <v>120</v>
      </c>
      <c r="M17812" t="s">
        <v>89</v>
      </c>
      <c r="N17812" t="s">
        <v>90</v>
      </c>
      <c r="O17812" t="s">
        <v>85</v>
      </c>
      <c r="P17812" t="s">
        <v>86</v>
      </c>
      <c r="Q17812">
        <v>23</v>
      </c>
      <c r="R17812">
        <v>24</v>
      </c>
      <c r="S17812">
        <v>25</v>
      </c>
      <c r="T17812">
        <v>25</v>
      </c>
      <c r="U17812">
        <v>26</v>
      </c>
      <c r="V17812">
        <v>27</v>
      </c>
      <c r="W17812">
        <v>27</v>
      </c>
      <c r="X17812">
        <v>28</v>
      </c>
      <c r="Y17812">
        <v>29</v>
      </c>
      <c r="Z17812">
        <v>29</v>
      </c>
      <c r="AA17812">
        <v>30</v>
      </c>
      <c r="AB17812">
        <v>31</v>
      </c>
      <c r="AC17812">
        <v>31</v>
      </c>
      <c r="AD17812">
        <v>32</v>
      </c>
      <c r="AE17812">
        <v>33</v>
      </c>
      <c r="AF17812">
        <v>33</v>
      </c>
      <c r="AG17812">
        <v>33</v>
      </c>
      <c r="AH17812">
        <v>34</v>
      </c>
      <c r="AI17812">
        <v>34</v>
      </c>
      <c r="AJ17812">
        <v>34</v>
      </c>
      <c r="AK17812">
        <v>35</v>
      </c>
      <c r="AL17812">
        <v>35</v>
      </c>
      <c r="AM17812">
        <v>35</v>
      </c>
      <c r="AN17812">
        <v>36</v>
      </c>
      <c r="AO17812">
        <v>36</v>
      </c>
      <c r="AP17812">
        <v>36</v>
      </c>
      <c r="AQ17812">
        <v>37</v>
      </c>
    </row>
    <row r="17813" spans="1:43">
      <c r="A17813" t="s">
        <v>11032</v>
      </c>
      <c r="B17813" t="s">
        <v>11033</v>
      </c>
      <c r="C17813" t="s">
        <v>11028</v>
      </c>
      <c r="D17813" t="s">
        <v>11029</v>
      </c>
      <c r="E17813" t="s">
        <v>10982</v>
      </c>
      <c r="F17813" t="s">
        <v>10983</v>
      </c>
      <c r="G17813" t="s">
        <v>10734</v>
      </c>
      <c r="H17813" t="s">
        <v>10735</v>
      </c>
      <c r="I17813" s="2">
        <v>1</v>
      </c>
      <c r="J17813" s="2">
        <v>0</v>
      </c>
      <c r="K17813" s="2">
        <v>0</v>
      </c>
      <c r="L17813" t="s">
        <v>120</v>
      </c>
      <c r="M17813" t="s">
        <v>83</v>
      </c>
      <c r="N17813" t="s">
        <v>91</v>
      </c>
      <c r="O17813" t="s">
        <v>85</v>
      </c>
      <c r="P17813" t="s">
        <v>86</v>
      </c>
      <c r="Q17813">
        <v>23</v>
      </c>
      <c r="R17813">
        <v>23</v>
      </c>
      <c r="S17813">
        <v>24</v>
      </c>
      <c r="T17813">
        <v>24</v>
      </c>
      <c r="U17813">
        <v>25</v>
      </c>
      <c r="V17813">
        <v>25</v>
      </c>
      <c r="W17813">
        <v>26</v>
      </c>
      <c r="X17813">
        <v>27</v>
      </c>
      <c r="Y17813">
        <v>27</v>
      </c>
      <c r="Z17813">
        <v>28</v>
      </c>
      <c r="AA17813">
        <v>28</v>
      </c>
      <c r="AB17813">
        <v>29</v>
      </c>
      <c r="AC17813">
        <v>29</v>
      </c>
      <c r="AD17813">
        <v>30</v>
      </c>
      <c r="AE17813">
        <v>31</v>
      </c>
      <c r="AF17813">
        <v>31</v>
      </c>
      <c r="AG17813">
        <v>32</v>
      </c>
      <c r="AH17813">
        <v>32</v>
      </c>
      <c r="AI17813">
        <v>33</v>
      </c>
      <c r="AJ17813">
        <v>34</v>
      </c>
      <c r="AK17813">
        <v>34</v>
      </c>
      <c r="AL17813">
        <v>35</v>
      </c>
      <c r="AM17813">
        <v>35</v>
      </c>
      <c r="AN17813">
        <v>35</v>
      </c>
      <c r="AO17813">
        <v>36</v>
      </c>
      <c r="AP17813">
        <v>36</v>
      </c>
      <c r="AQ17813">
        <v>37</v>
      </c>
    </row>
    <row r="17814" spans="1:43">
      <c r="A17814" t="s">
        <v>11034</v>
      </c>
      <c r="B17814" t="s">
        <v>11035</v>
      </c>
      <c r="C17814" t="s">
        <v>11036</v>
      </c>
      <c r="D17814" t="s">
        <v>11037</v>
      </c>
      <c r="E17814" t="s">
        <v>10982</v>
      </c>
      <c r="F17814" t="s">
        <v>10983</v>
      </c>
      <c r="G17814" t="s">
        <v>10734</v>
      </c>
      <c r="H17814" t="s">
        <v>10735</v>
      </c>
      <c r="I17814" s="2">
        <v>1</v>
      </c>
      <c r="J17814" s="2">
        <v>0</v>
      </c>
      <c r="K17814" s="2">
        <v>0</v>
      </c>
      <c r="L17814" t="s">
        <v>120</v>
      </c>
      <c r="M17814" t="s">
        <v>83</v>
      </c>
      <c r="N17814" t="s">
        <v>84</v>
      </c>
      <c r="O17814" t="s">
        <v>85</v>
      </c>
      <c r="P17814" t="s">
        <v>86</v>
      </c>
      <c r="Q17814">
        <v>11</v>
      </c>
      <c r="R17814">
        <v>11</v>
      </c>
      <c r="S17814">
        <v>12</v>
      </c>
      <c r="T17814">
        <v>12</v>
      </c>
      <c r="U17814">
        <v>12</v>
      </c>
      <c r="V17814">
        <v>12</v>
      </c>
      <c r="W17814">
        <v>13</v>
      </c>
      <c r="X17814">
        <v>13</v>
      </c>
      <c r="Y17814">
        <v>13</v>
      </c>
      <c r="Z17814">
        <v>14</v>
      </c>
      <c r="AA17814">
        <v>14</v>
      </c>
      <c r="AB17814">
        <v>14</v>
      </c>
      <c r="AC17814">
        <v>14</v>
      </c>
      <c r="AD17814">
        <v>15</v>
      </c>
      <c r="AE17814">
        <v>15</v>
      </c>
      <c r="AF17814">
        <v>15</v>
      </c>
      <c r="AG17814">
        <v>16</v>
      </c>
      <c r="AH17814">
        <v>16</v>
      </c>
      <c r="AI17814">
        <v>16</v>
      </c>
      <c r="AJ17814">
        <v>16</v>
      </c>
      <c r="AK17814">
        <v>17</v>
      </c>
      <c r="AL17814">
        <v>17</v>
      </c>
      <c r="AM17814">
        <v>17</v>
      </c>
      <c r="AN17814">
        <v>17</v>
      </c>
      <c r="AO17814">
        <v>18</v>
      </c>
      <c r="AP17814">
        <v>18</v>
      </c>
      <c r="AQ17814">
        <v>18</v>
      </c>
    </row>
    <row r="17815" spans="1:43">
      <c r="A17815" t="s">
        <v>11034</v>
      </c>
      <c r="B17815" t="s">
        <v>11035</v>
      </c>
      <c r="C17815" t="s">
        <v>11036</v>
      </c>
      <c r="D17815" t="s">
        <v>11037</v>
      </c>
      <c r="E17815" t="s">
        <v>10982</v>
      </c>
      <c r="F17815" t="s">
        <v>10983</v>
      </c>
      <c r="G17815" t="s">
        <v>10734</v>
      </c>
      <c r="H17815" t="s">
        <v>10735</v>
      </c>
      <c r="I17815" s="2">
        <v>1</v>
      </c>
      <c r="J17815" s="2">
        <v>0</v>
      </c>
      <c r="K17815" s="2">
        <v>0</v>
      </c>
      <c r="L17815" t="s">
        <v>120</v>
      </c>
      <c r="M17815" t="s">
        <v>87</v>
      </c>
      <c r="N17815" t="s">
        <v>88</v>
      </c>
      <c r="O17815" t="s">
        <v>85</v>
      </c>
      <c r="P17815" t="s">
        <v>86</v>
      </c>
      <c r="Q17815">
        <v>11</v>
      </c>
      <c r="R17815">
        <v>11</v>
      </c>
      <c r="S17815">
        <v>11</v>
      </c>
      <c r="T17815">
        <v>11</v>
      </c>
      <c r="U17815">
        <v>12</v>
      </c>
      <c r="V17815">
        <v>12</v>
      </c>
      <c r="W17815">
        <v>12</v>
      </c>
      <c r="X17815">
        <v>12</v>
      </c>
      <c r="Y17815">
        <v>12</v>
      </c>
      <c r="Z17815">
        <v>12</v>
      </c>
      <c r="AA17815">
        <v>13</v>
      </c>
      <c r="AB17815">
        <v>13</v>
      </c>
      <c r="AC17815">
        <v>13</v>
      </c>
      <c r="AD17815">
        <v>13</v>
      </c>
      <c r="AE17815">
        <v>13</v>
      </c>
      <c r="AF17815">
        <v>13</v>
      </c>
      <c r="AG17815">
        <v>14</v>
      </c>
      <c r="AH17815">
        <v>14</v>
      </c>
      <c r="AI17815">
        <v>14</v>
      </c>
      <c r="AJ17815">
        <v>14</v>
      </c>
      <c r="AK17815">
        <v>14</v>
      </c>
      <c r="AL17815">
        <v>15</v>
      </c>
      <c r="AM17815">
        <v>15</v>
      </c>
      <c r="AN17815">
        <v>15</v>
      </c>
      <c r="AO17815">
        <v>15</v>
      </c>
      <c r="AP17815">
        <v>15</v>
      </c>
      <c r="AQ17815">
        <v>16</v>
      </c>
    </row>
    <row r="17816" spans="1:43">
      <c r="A17816" t="s">
        <v>11034</v>
      </c>
      <c r="B17816" t="s">
        <v>11035</v>
      </c>
      <c r="C17816" t="s">
        <v>11036</v>
      </c>
      <c r="D17816" t="s">
        <v>11037</v>
      </c>
      <c r="E17816" t="s">
        <v>10982</v>
      </c>
      <c r="F17816" t="s">
        <v>10983</v>
      </c>
      <c r="G17816" t="s">
        <v>10734</v>
      </c>
      <c r="H17816" t="s">
        <v>10735</v>
      </c>
      <c r="I17816" s="2">
        <v>1</v>
      </c>
      <c r="J17816" s="2">
        <v>0</v>
      </c>
      <c r="K17816" s="2">
        <v>0</v>
      </c>
      <c r="L17816" t="s">
        <v>120</v>
      </c>
      <c r="M17816" t="s">
        <v>89</v>
      </c>
      <c r="N17816" t="s">
        <v>90</v>
      </c>
      <c r="O17816" t="s">
        <v>85</v>
      </c>
      <c r="P17816" t="s">
        <v>86</v>
      </c>
      <c r="Q17816">
        <v>11</v>
      </c>
      <c r="R17816">
        <v>12</v>
      </c>
      <c r="S17816">
        <v>12</v>
      </c>
      <c r="T17816">
        <v>12</v>
      </c>
      <c r="U17816">
        <v>13</v>
      </c>
      <c r="V17816">
        <v>13</v>
      </c>
      <c r="W17816">
        <v>13</v>
      </c>
      <c r="X17816">
        <v>14</v>
      </c>
      <c r="Y17816">
        <v>14</v>
      </c>
      <c r="Z17816">
        <v>14</v>
      </c>
      <c r="AA17816">
        <v>15</v>
      </c>
      <c r="AB17816">
        <v>15</v>
      </c>
      <c r="AC17816">
        <v>15</v>
      </c>
      <c r="AD17816">
        <v>16</v>
      </c>
      <c r="AE17816">
        <v>16</v>
      </c>
      <c r="AF17816">
        <v>16</v>
      </c>
      <c r="AG17816">
        <v>16</v>
      </c>
      <c r="AH17816">
        <v>16</v>
      </c>
      <c r="AI17816">
        <v>17</v>
      </c>
      <c r="AJ17816">
        <v>17</v>
      </c>
      <c r="AK17816">
        <v>17</v>
      </c>
      <c r="AL17816">
        <v>17</v>
      </c>
      <c r="AM17816">
        <v>17</v>
      </c>
      <c r="AN17816">
        <v>18</v>
      </c>
      <c r="AO17816">
        <v>18</v>
      </c>
      <c r="AP17816">
        <v>18</v>
      </c>
      <c r="AQ17816">
        <v>18</v>
      </c>
    </row>
    <row r="17817" spans="1:43">
      <c r="A17817" t="s">
        <v>11034</v>
      </c>
      <c r="B17817" t="s">
        <v>11035</v>
      </c>
      <c r="C17817" t="s">
        <v>11036</v>
      </c>
      <c r="D17817" t="s">
        <v>11037</v>
      </c>
      <c r="E17817" t="s">
        <v>10982</v>
      </c>
      <c r="F17817" t="s">
        <v>10983</v>
      </c>
      <c r="G17817" t="s">
        <v>10734</v>
      </c>
      <c r="H17817" t="s">
        <v>10735</v>
      </c>
      <c r="I17817" s="2">
        <v>1</v>
      </c>
      <c r="J17817" s="2">
        <v>0</v>
      </c>
      <c r="K17817" s="2">
        <v>0</v>
      </c>
      <c r="L17817" t="s">
        <v>120</v>
      </c>
      <c r="M17817" t="s">
        <v>83</v>
      </c>
      <c r="N17817" t="s">
        <v>91</v>
      </c>
      <c r="O17817" t="s">
        <v>85</v>
      </c>
      <c r="P17817" t="s">
        <v>86</v>
      </c>
      <c r="Q17817">
        <v>11</v>
      </c>
      <c r="R17817">
        <v>11</v>
      </c>
      <c r="S17817">
        <v>12</v>
      </c>
      <c r="T17817">
        <v>12</v>
      </c>
      <c r="U17817">
        <v>12</v>
      </c>
      <c r="V17817">
        <v>12</v>
      </c>
      <c r="W17817">
        <v>13</v>
      </c>
      <c r="X17817">
        <v>13</v>
      </c>
      <c r="Y17817">
        <v>13</v>
      </c>
      <c r="Z17817">
        <v>14</v>
      </c>
      <c r="AA17817">
        <v>14</v>
      </c>
      <c r="AB17817">
        <v>14</v>
      </c>
      <c r="AC17817">
        <v>14</v>
      </c>
      <c r="AD17817">
        <v>15</v>
      </c>
      <c r="AE17817">
        <v>15</v>
      </c>
      <c r="AF17817">
        <v>15</v>
      </c>
      <c r="AG17817">
        <v>16</v>
      </c>
      <c r="AH17817">
        <v>16</v>
      </c>
      <c r="AI17817">
        <v>16</v>
      </c>
      <c r="AJ17817">
        <v>16</v>
      </c>
      <c r="AK17817">
        <v>17</v>
      </c>
      <c r="AL17817">
        <v>17</v>
      </c>
      <c r="AM17817">
        <v>17</v>
      </c>
      <c r="AN17817">
        <v>17</v>
      </c>
      <c r="AO17817">
        <v>18</v>
      </c>
      <c r="AP17817">
        <v>18</v>
      </c>
      <c r="AQ17817">
        <v>18</v>
      </c>
    </row>
    <row r="17818" spans="1:43">
      <c r="A17818" t="s">
        <v>11038</v>
      </c>
      <c r="B17818" t="s">
        <v>11039</v>
      </c>
      <c r="C17818" t="s">
        <v>11036</v>
      </c>
      <c r="D17818" t="s">
        <v>11037</v>
      </c>
      <c r="E17818" t="s">
        <v>10982</v>
      </c>
      <c r="F17818" t="s">
        <v>10983</v>
      </c>
      <c r="G17818" t="s">
        <v>10734</v>
      </c>
      <c r="H17818" t="s">
        <v>10735</v>
      </c>
      <c r="I17818" s="2">
        <v>1</v>
      </c>
      <c r="J17818" s="2">
        <v>0</v>
      </c>
      <c r="K17818" s="2">
        <v>0</v>
      </c>
      <c r="L17818" t="s">
        <v>120</v>
      </c>
      <c r="M17818" t="s">
        <v>83</v>
      </c>
      <c r="N17818" t="s">
        <v>84</v>
      </c>
      <c r="O17818" t="s">
        <v>85</v>
      </c>
      <c r="P17818" t="s">
        <v>86</v>
      </c>
      <c r="Q17818">
        <v>15</v>
      </c>
      <c r="R17818">
        <v>16</v>
      </c>
      <c r="S17818">
        <v>16</v>
      </c>
      <c r="T17818">
        <v>17</v>
      </c>
      <c r="U17818">
        <v>17</v>
      </c>
      <c r="V17818">
        <v>17</v>
      </c>
      <c r="W17818">
        <v>18</v>
      </c>
      <c r="X17818">
        <v>18</v>
      </c>
      <c r="Y17818">
        <v>18</v>
      </c>
      <c r="Z17818">
        <v>19</v>
      </c>
      <c r="AA17818">
        <v>19</v>
      </c>
      <c r="AB17818">
        <v>19</v>
      </c>
      <c r="AC17818">
        <v>20</v>
      </c>
      <c r="AD17818">
        <v>20</v>
      </c>
      <c r="AE17818">
        <v>21</v>
      </c>
      <c r="AF17818">
        <v>21</v>
      </c>
      <c r="AG17818">
        <v>21</v>
      </c>
      <c r="AH17818">
        <v>22</v>
      </c>
      <c r="AI17818">
        <v>22</v>
      </c>
      <c r="AJ17818">
        <v>23</v>
      </c>
      <c r="AK17818">
        <v>23</v>
      </c>
      <c r="AL17818">
        <v>24</v>
      </c>
      <c r="AM17818">
        <v>24</v>
      </c>
      <c r="AN17818">
        <v>24</v>
      </c>
      <c r="AO17818">
        <v>24</v>
      </c>
      <c r="AP17818">
        <v>25</v>
      </c>
      <c r="AQ17818">
        <v>25</v>
      </c>
    </row>
    <row r="17819" spans="1:43">
      <c r="A17819" t="s">
        <v>11038</v>
      </c>
      <c r="B17819" t="s">
        <v>11039</v>
      </c>
      <c r="C17819" t="s">
        <v>11036</v>
      </c>
      <c r="D17819" t="s">
        <v>11037</v>
      </c>
      <c r="E17819" t="s">
        <v>10982</v>
      </c>
      <c r="F17819" t="s">
        <v>10983</v>
      </c>
      <c r="G17819" t="s">
        <v>10734</v>
      </c>
      <c r="H17819" t="s">
        <v>10735</v>
      </c>
      <c r="I17819" s="2">
        <v>1</v>
      </c>
      <c r="J17819" s="2">
        <v>0</v>
      </c>
      <c r="K17819" s="2">
        <v>0</v>
      </c>
      <c r="L17819" t="s">
        <v>120</v>
      </c>
      <c r="M17819" t="s">
        <v>87</v>
      </c>
      <c r="N17819" t="s">
        <v>88</v>
      </c>
      <c r="O17819" t="s">
        <v>85</v>
      </c>
      <c r="P17819" t="s">
        <v>86</v>
      </c>
      <c r="Q17819">
        <v>15</v>
      </c>
      <c r="R17819">
        <v>16</v>
      </c>
      <c r="S17819">
        <v>16</v>
      </c>
      <c r="T17819">
        <v>16</v>
      </c>
      <c r="U17819">
        <v>16</v>
      </c>
      <c r="V17819">
        <v>16</v>
      </c>
      <c r="W17819">
        <v>17</v>
      </c>
      <c r="X17819">
        <v>17</v>
      </c>
      <c r="Y17819">
        <v>17</v>
      </c>
      <c r="Z17819">
        <v>17</v>
      </c>
      <c r="AA17819">
        <v>17</v>
      </c>
      <c r="AB17819">
        <v>18</v>
      </c>
      <c r="AC17819">
        <v>18</v>
      </c>
      <c r="AD17819">
        <v>18</v>
      </c>
      <c r="AE17819">
        <v>18</v>
      </c>
      <c r="AF17819">
        <v>19</v>
      </c>
      <c r="AG17819">
        <v>19</v>
      </c>
      <c r="AH17819">
        <v>19</v>
      </c>
      <c r="AI17819">
        <v>19</v>
      </c>
      <c r="AJ17819">
        <v>20</v>
      </c>
      <c r="AK17819">
        <v>20</v>
      </c>
      <c r="AL17819">
        <v>20</v>
      </c>
      <c r="AM17819">
        <v>20</v>
      </c>
      <c r="AN17819">
        <v>21</v>
      </c>
      <c r="AO17819">
        <v>21</v>
      </c>
      <c r="AP17819">
        <v>21</v>
      </c>
      <c r="AQ17819">
        <v>21</v>
      </c>
    </row>
    <row r="17820" spans="1:43">
      <c r="A17820" t="s">
        <v>11038</v>
      </c>
      <c r="B17820" t="s">
        <v>11039</v>
      </c>
      <c r="C17820" t="s">
        <v>11036</v>
      </c>
      <c r="D17820" t="s">
        <v>11037</v>
      </c>
      <c r="E17820" t="s">
        <v>10982</v>
      </c>
      <c r="F17820" t="s">
        <v>10983</v>
      </c>
      <c r="G17820" t="s">
        <v>10734</v>
      </c>
      <c r="H17820" t="s">
        <v>10735</v>
      </c>
      <c r="I17820" s="2">
        <v>1</v>
      </c>
      <c r="J17820" s="2">
        <v>0</v>
      </c>
      <c r="K17820" s="2">
        <v>0</v>
      </c>
      <c r="L17820" t="s">
        <v>120</v>
      </c>
      <c r="M17820" t="s">
        <v>89</v>
      </c>
      <c r="N17820" t="s">
        <v>90</v>
      </c>
      <c r="O17820" t="s">
        <v>85</v>
      </c>
      <c r="P17820" t="s">
        <v>86</v>
      </c>
      <c r="Q17820">
        <v>15</v>
      </c>
      <c r="R17820">
        <v>15</v>
      </c>
      <c r="S17820">
        <v>16</v>
      </c>
      <c r="T17820">
        <v>16</v>
      </c>
      <c r="U17820">
        <v>17</v>
      </c>
      <c r="V17820">
        <v>17</v>
      </c>
      <c r="W17820">
        <v>17</v>
      </c>
      <c r="X17820">
        <v>18</v>
      </c>
      <c r="Y17820">
        <v>18</v>
      </c>
      <c r="Z17820">
        <v>19</v>
      </c>
      <c r="AA17820">
        <v>19</v>
      </c>
      <c r="AB17820">
        <v>20</v>
      </c>
      <c r="AC17820">
        <v>20</v>
      </c>
      <c r="AD17820">
        <v>21</v>
      </c>
      <c r="AE17820">
        <v>21</v>
      </c>
      <c r="AF17820">
        <v>21</v>
      </c>
      <c r="AG17820">
        <v>22</v>
      </c>
      <c r="AH17820">
        <v>22</v>
      </c>
      <c r="AI17820">
        <v>22</v>
      </c>
      <c r="AJ17820">
        <v>22</v>
      </c>
      <c r="AK17820">
        <v>23</v>
      </c>
      <c r="AL17820">
        <v>23</v>
      </c>
      <c r="AM17820">
        <v>23</v>
      </c>
      <c r="AN17820">
        <v>23</v>
      </c>
      <c r="AO17820">
        <v>24</v>
      </c>
      <c r="AP17820">
        <v>24</v>
      </c>
      <c r="AQ17820">
        <v>24</v>
      </c>
    </row>
    <row r="17821" spans="1:43">
      <c r="A17821" t="s">
        <v>11038</v>
      </c>
      <c r="B17821" t="s">
        <v>11039</v>
      </c>
      <c r="C17821" t="s">
        <v>11036</v>
      </c>
      <c r="D17821" t="s">
        <v>11037</v>
      </c>
      <c r="E17821" t="s">
        <v>10982</v>
      </c>
      <c r="F17821" t="s">
        <v>10983</v>
      </c>
      <c r="G17821" t="s">
        <v>10734</v>
      </c>
      <c r="H17821" t="s">
        <v>10735</v>
      </c>
      <c r="I17821" s="2">
        <v>1</v>
      </c>
      <c r="J17821" s="2">
        <v>0</v>
      </c>
      <c r="K17821" s="2">
        <v>0</v>
      </c>
      <c r="L17821" t="s">
        <v>120</v>
      </c>
      <c r="M17821" t="s">
        <v>83</v>
      </c>
      <c r="N17821" t="s">
        <v>91</v>
      </c>
      <c r="O17821" t="s">
        <v>85</v>
      </c>
      <c r="P17821" t="s">
        <v>86</v>
      </c>
      <c r="Q17821">
        <v>15</v>
      </c>
      <c r="R17821">
        <v>16</v>
      </c>
      <c r="S17821">
        <v>16</v>
      </c>
      <c r="T17821">
        <v>17</v>
      </c>
      <c r="U17821">
        <v>17</v>
      </c>
      <c r="V17821">
        <v>17</v>
      </c>
      <c r="W17821">
        <v>18</v>
      </c>
      <c r="X17821">
        <v>18</v>
      </c>
      <c r="Y17821">
        <v>18</v>
      </c>
      <c r="Z17821">
        <v>19</v>
      </c>
      <c r="AA17821">
        <v>19</v>
      </c>
      <c r="AB17821">
        <v>19</v>
      </c>
      <c r="AC17821">
        <v>20</v>
      </c>
      <c r="AD17821">
        <v>20</v>
      </c>
      <c r="AE17821">
        <v>21</v>
      </c>
      <c r="AF17821">
        <v>21</v>
      </c>
      <c r="AG17821">
        <v>21</v>
      </c>
      <c r="AH17821">
        <v>22</v>
      </c>
      <c r="AI17821">
        <v>22</v>
      </c>
      <c r="AJ17821">
        <v>23</v>
      </c>
      <c r="AK17821">
        <v>23</v>
      </c>
      <c r="AL17821">
        <v>24</v>
      </c>
      <c r="AM17821">
        <v>24</v>
      </c>
      <c r="AN17821">
        <v>24</v>
      </c>
      <c r="AO17821">
        <v>24</v>
      </c>
      <c r="AP17821">
        <v>25</v>
      </c>
      <c r="AQ17821">
        <v>25</v>
      </c>
    </row>
    <row r="17822" spans="1:43">
      <c r="A17822" t="s">
        <v>11040</v>
      </c>
      <c r="B17822" t="s">
        <v>11041</v>
      </c>
      <c r="C17822" t="s">
        <v>11042</v>
      </c>
      <c r="D17822" t="s">
        <v>11043</v>
      </c>
      <c r="E17822" t="s">
        <v>10982</v>
      </c>
      <c r="F17822" t="s">
        <v>10983</v>
      </c>
      <c r="G17822" t="s">
        <v>10734</v>
      </c>
      <c r="H17822" t="s">
        <v>10735</v>
      </c>
      <c r="I17822" s="2">
        <v>1</v>
      </c>
      <c r="J17822" s="2">
        <v>0</v>
      </c>
      <c r="K17822" s="2">
        <v>0</v>
      </c>
      <c r="L17822" t="s">
        <v>120</v>
      </c>
      <c r="M17822" t="s">
        <v>83</v>
      </c>
      <c r="N17822" t="s">
        <v>84</v>
      </c>
      <c r="O17822" t="s">
        <v>85</v>
      </c>
      <c r="P17822" t="s">
        <v>86</v>
      </c>
      <c r="Q17822">
        <v>17</v>
      </c>
      <c r="R17822">
        <v>17</v>
      </c>
      <c r="S17822">
        <v>17</v>
      </c>
      <c r="T17822">
        <v>18</v>
      </c>
      <c r="U17822">
        <v>18</v>
      </c>
      <c r="V17822">
        <v>18</v>
      </c>
      <c r="W17822">
        <v>19</v>
      </c>
      <c r="X17822">
        <v>19</v>
      </c>
      <c r="Y17822">
        <v>20</v>
      </c>
      <c r="Z17822">
        <v>20</v>
      </c>
      <c r="AA17822">
        <v>20</v>
      </c>
      <c r="AB17822">
        <v>21</v>
      </c>
      <c r="AC17822">
        <v>21</v>
      </c>
      <c r="AD17822">
        <v>22</v>
      </c>
      <c r="AE17822">
        <v>22</v>
      </c>
      <c r="AF17822">
        <v>23</v>
      </c>
      <c r="AG17822">
        <v>23</v>
      </c>
      <c r="AH17822">
        <v>23</v>
      </c>
      <c r="AI17822">
        <v>24</v>
      </c>
      <c r="AJ17822">
        <v>24</v>
      </c>
      <c r="AK17822">
        <v>25</v>
      </c>
      <c r="AL17822">
        <v>25</v>
      </c>
      <c r="AM17822">
        <v>25</v>
      </c>
      <c r="AN17822">
        <v>26</v>
      </c>
      <c r="AO17822">
        <v>26</v>
      </c>
      <c r="AP17822">
        <v>26</v>
      </c>
      <c r="AQ17822">
        <v>27</v>
      </c>
    </row>
    <row r="17823" spans="1:43">
      <c r="A17823" t="s">
        <v>11040</v>
      </c>
      <c r="B17823" t="s">
        <v>11041</v>
      </c>
      <c r="C17823" t="s">
        <v>11042</v>
      </c>
      <c r="D17823" t="s">
        <v>11043</v>
      </c>
      <c r="E17823" t="s">
        <v>10982</v>
      </c>
      <c r="F17823" t="s">
        <v>10983</v>
      </c>
      <c r="G17823" t="s">
        <v>10734</v>
      </c>
      <c r="H17823" t="s">
        <v>10735</v>
      </c>
      <c r="I17823" s="2">
        <v>1</v>
      </c>
      <c r="J17823" s="2">
        <v>0</v>
      </c>
      <c r="K17823" s="2">
        <v>0</v>
      </c>
      <c r="L17823" t="s">
        <v>120</v>
      </c>
      <c r="M17823" t="s">
        <v>87</v>
      </c>
      <c r="N17823" t="s">
        <v>88</v>
      </c>
      <c r="O17823" t="s">
        <v>85</v>
      </c>
      <c r="P17823" t="s">
        <v>86</v>
      </c>
      <c r="Q17823">
        <v>17</v>
      </c>
      <c r="R17823">
        <v>18</v>
      </c>
      <c r="S17823">
        <v>18</v>
      </c>
      <c r="T17823">
        <v>18</v>
      </c>
      <c r="U17823">
        <v>18</v>
      </c>
      <c r="V17823">
        <v>19</v>
      </c>
      <c r="W17823">
        <v>19</v>
      </c>
      <c r="X17823">
        <v>19</v>
      </c>
      <c r="Y17823">
        <v>19</v>
      </c>
      <c r="Z17823">
        <v>19</v>
      </c>
      <c r="AA17823">
        <v>20</v>
      </c>
      <c r="AB17823">
        <v>20</v>
      </c>
      <c r="AC17823">
        <v>20</v>
      </c>
      <c r="AD17823">
        <v>20</v>
      </c>
      <c r="AE17823">
        <v>21</v>
      </c>
      <c r="AF17823">
        <v>21</v>
      </c>
      <c r="AG17823">
        <v>21</v>
      </c>
      <c r="AH17823">
        <v>21</v>
      </c>
      <c r="AI17823">
        <v>22</v>
      </c>
      <c r="AJ17823">
        <v>22</v>
      </c>
      <c r="AK17823">
        <v>22</v>
      </c>
      <c r="AL17823">
        <v>23</v>
      </c>
      <c r="AM17823">
        <v>23</v>
      </c>
      <c r="AN17823">
        <v>23</v>
      </c>
      <c r="AO17823">
        <v>23</v>
      </c>
      <c r="AP17823">
        <v>24</v>
      </c>
      <c r="AQ17823">
        <v>24</v>
      </c>
    </row>
    <row r="17824" spans="1:43">
      <c r="A17824" t="s">
        <v>11040</v>
      </c>
      <c r="B17824" t="s">
        <v>11041</v>
      </c>
      <c r="C17824" t="s">
        <v>11042</v>
      </c>
      <c r="D17824" t="s">
        <v>11043</v>
      </c>
      <c r="E17824" t="s">
        <v>10982</v>
      </c>
      <c r="F17824" t="s">
        <v>10983</v>
      </c>
      <c r="G17824" t="s">
        <v>10734</v>
      </c>
      <c r="H17824" t="s">
        <v>10735</v>
      </c>
      <c r="I17824" s="2">
        <v>1</v>
      </c>
      <c r="J17824" s="2">
        <v>0</v>
      </c>
      <c r="K17824" s="2">
        <v>0</v>
      </c>
      <c r="L17824" t="s">
        <v>120</v>
      </c>
      <c r="M17824" t="s">
        <v>89</v>
      </c>
      <c r="N17824" t="s">
        <v>90</v>
      </c>
      <c r="O17824" t="s">
        <v>85</v>
      </c>
      <c r="P17824" t="s">
        <v>86</v>
      </c>
      <c r="Q17824">
        <v>17</v>
      </c>
      <c r="R17824">
        <v>17</v>
      </c>
      <c r="S17824">
        <v>18</v>
      </c>
      <c r="T17824">
        <v>18</v>
      </c>
      <c r="U17824">
        <v>19</v>
      </c>
      <c r="V17824">
        <v>19</v>
      </c>
      <c r="W17824">
        <v>20</v>
      </c>
      <c r="X17824">
        <v>20</v>
      </c>
      <c r="Y17824">
        <v>21</v>
      </c>
      <c r="Z17824">
        <v>21</v>
      </c>
      <c r="AA17824">
        <v>22</v>
      </c>
      <c r="AB17824">
        <v>22</v>
      </c>
      <c r="AC17824">
        <v>23</v>
      </c>
      <c r="AD17824">
        <v>23</v>
      </c>
      <c r="AE17824">
        <v>24</v>
      </c>
      <c r="AF17824">
        <v>24</v>
      </c>
      <c r="AG17824">
        <v>24</v>
      </c>
      <c r="AH17824">
        <v>24</v>
      </c>
      <c r="AI17824">
        <v>25</v>
      </c>
      <c r="AJ17824">
        <v>25</v>
      </c>
      <c r="AK17824">
        <v>25</v>
      </c>
      <c r="AL17824">
        <v>25</v>
      </c>
      <c r="AM17824">
        <v>26</v>
      </c>
      <c r="AN17824">
        <v>26</v>
      </c>
      <c r="AO17824">
        <v>26</v>
      </c>
      <c r="AP17824">
        <v>27</v>
      </c>
      <c r="AQ17824">
        <v>27</v>
      </c>
    </row>
    <row r="17825" spans="1:43">
      <c r="A17825" t="s">
        <v>11040</v>
      </c>
      <c r="B17825" t="s">
        <v>11041</v>
      </c>
      <c r="C17825" t="s">
        <v>11042</v>
      </c>
      <c r="D17825" t="s">
        <v>11043</v>
      </c>
      <c r="E17825" t="s">
        <v>10982</v>
      </c>
      <c r="F17825" t="s">
        <v>10983</v>
      </c>
      <c r="G17825" t="s">
        <v>10734</v>
      </c>
      <c r="H17825" t="s">
        <v>10735</v>
      </c>
      <c r="I17825" s="2">
        <v>1</v>
      </c>
      <c r="J17825" s="2">
        <v>0</v>
      </c>
      <c r="K17825" s="2">
        <v>0</v>
      </c>
      <c r="L17825" t="s">
        <v>120</v>
      </c>
      <c r="M17825" t="s">
        <v>83</v>
      </c>
      <c r="N17825" t="s">
        <v>91</v>
      </c>
      <c r="O17825" t="s">
        <v>85</v>
      </c>
      <c r="P17825" t="s">
        <v>86</v>
      </c>
      <c r="Q17825">
        <v>17</v>
      </c>
      <c r="R17825">
        <v>17</v>
      </c>
      <c r="S17825">
        <v>17</v>
      </c>
      <c r="T17825">
        <v>18</v>
      </c>
      <c r="U17825">
        <v>18</v>
      </c>
      <c r="V17825">
        <v>18</v>
      </c>
      <c r="W17825">
        <v>19</v>
      </c>
      <c r="X17825">
        <v>19</v>
      </c>
      <c r="Y17825">
        <v>20</v>
      </c>
      <c r="Z17825">
        <v>20</v>
      </c>
      <c r="AA17825">
        <v>20</v>
      </c>
      <c r="AB17825">
        <v>21</v>
      </c>
      <c r="AC17825">
        <v>21</v>
      </c>
      <c r="AD17825">
        <v>22</v>
      </c>
      <c r="AE17825">
        <v>22</v>
      </c>
      <c r="AF17825">
        <v>23</v>
      </c>
      <c r="AG17825">
        <v>23</v>
      </c>
      <c r="AH17825">
        <v>23</v>
      </c>
      <c r="AI17825">
        <v>24</v>
      </c>
      <c r="AJ17825">
        <v>24</v>
      </c>
      <c r="AK17825">
        <v>25</v>
      </c>
      <c r="AL17825">
        <v>25</v>
      </c>
      <c r="AM17825">
        <v>25</v>
      </c>
      <c r="AN17825">
        <v>26</v>
      </c>
      <c r="AO17825">
        <v>26</v>
      </c>
      <c r="AP17825">
        <v>26</v>
      </c>
      <c r="AQ17825">
        <v>27</v>
      </c>
    </row>
    <row r="17826" spans="1:43">
      <c r="A17826" t="s">
        <v>11044</v>
      </c>
      <c r="B17826" t="s">
        <v>11045</v>
      </c>
      <c r="C17826" t="s">
        <v>11036</v>
      </c>
      <c r="D17826" t="s">
        <v>11037</v>
      </c>
      <c r="E17826" t="s">
        <v>10982</v>
      </c>
      <c r="F17826" t="s">
        <v>10983</v>
      </c>
      <c r="G17826" t="s">
        <v>10734</v>
      </c>
      <c r="H17826" t="s">
        <v>10735</v>
      </c>
      <c r="I17826" s="2">
        <v>1</v>
      </c>
      <c r="J17826" s="2">
        <v>0</v>
      </c>
      <c r="K17826" s="2">
        <v>0</v>
      </c>
      <c r="L17826" t="s">
        <v>120</v>
      </c>
      <c r="M17826" t="s">
        <v>83</v>
      </c>
      <c r="N17826" t="s">
        <v>84</v>
      </c>
      <c r="O17826" t="s">
        <v>85</v>
      </c>
      <c r="P17826" t="s">
        <v>86</v>
      </c>
      <c r="Q17826">
        <v>28</v>
      </c>
      <c r="R17826">
        <v>28</v>
      </c>
      <c r="S17826">
        <v>29</v>
      </c>
      <c r="T17826">
        <v>30</v>
      </c>
      <c r="U17826">
        <v>30</v>
      </c>
      <c r="V17826">
        <v>31</v>
      </c>
      <c r="W17826">
        <v>32</v>
      </c>
      <c r="X17826">
        <v>32</v>
      </c>
      <c r="Y17826">
        <v>33</v>
      </c>
      <c r="Z17826">
        <v>34</v>
      </c>
      <c r="AA17826">
        <v>34</v>
      </c>
      <c r="AB17826">
        <v>35</v>
      </c>
      <c r="AC17826">
        <v>36</v>
      </c>
      <c r="AD17826">
        <v>36</v>
      </c>
      <c r="AE17826">
        <v>37</v>
      </c>
      <c r="AF17826">
        <v>38</v>
      </c>
      <c r="AG17826">
        <v>39</v>
      </c>
      <c r="AH17826">
        <v>39</v>
      </c>
      <c r="AI17826">
        <v>40</v>
      </c>
      <c r="AJ17826">
        <v>41</v>
      </c>
      <c r="AK17826">
        <v>42</v>
      </c>
      <c r="AL17826">
        <v>42</v>
      </c>
      <c r="AM17826">
        <v>43</v>
      </c>
      <c r="AN17826">
        <v>43</v>
      </c>
      <c r="AO17826">
        <v>44</v>
      </c>
      <c r="AP17826">
        <v>44</v>
      </c>
      <c r="AQ17826">
        <v>45</v>
      </c>
    </row>
    <row r="17827" spans="1:43">
      <c r="A17827" t="s">
        <v>11044</v>
      </c>
      <c r="B17827" t="s">
        <v>11045</v>
      </c>
      <c r="C17827" t="s">
        <v>11036</v>
      </c>
      <c r="D17827" t="s">
        <v>11037</v>
      </c>
      <c r="E17827" t="s">
        <v>10982</v>
      </c>
      <c r="F17827" t="s">
        <v>10983</v>
      </c>
      <c r="G17827" t="s">
        <v>10734</v>
      </c>
      <c r="H17827" t="s">
        <v>10735</v>
      </c>
      <c r="I17827" s="2">
        <v>1</v>
      </c>
      <c r="J17827" s="2">
        <v>0</v>
      </c>
      <c r="K17827" s="2">
        <v>0</v>
      </c>
      <c r="L17827" t="s">
        <v>120</v>
      </c>
      <c r="M17827" t="s">
        <v>87</v>
      </c>
      <c r="N17827" t="s">
        <v>88</v>
      </c>
      <c r="O17827" t="s">
        <v>85</v>
      </c>
      <c r="P17827" t="s">
        <v>86</v>
      </c>
      <c r="Q17827">
        <v>28</v>
      </c>
      <c r="R17827">
        <v>29</v>
      </c>
      <c r="S17827">
        <v>29</v>
      </c>
      <c r="T17827">
        <v>30</v>
      </c>
      <c r="U17827">
        <v>30</v>
      </c>
      <c r="V17827">
        <v>30</v>
      </c>
      <c r="W17827">
        <v>31</v>
      </c>
      <c r="X17827">
        <v>31</v>
      </c>
      <c r="Y17827">
        <v>31</v>
      </c>
      <c r="Z17827">
        <v>32</v>
      </c>
      <c r="AA17827">
        <v>32</v>
      </c>
      <c r="AB17827">
        <v>33</v>
      </c>
      <c r="AC17827">
        <v>33</v>
      </c>
      <c r="AD17827">
        <v>33</v>
      </c>
      <c r="AE17827">
        <v>34</v>
      </c>
      <c r="AF17827">
        <v>34</v>
      </c>
      <c r="AG17827">
        <v>35</v>
      </c>
      <c r="AH17827">
        <v>35</v>
      </c>
      <c r="AI17827">
        <v>36</v>
      </c>
      <c r="AJ17827">
        <v>36</v>
      </c>
      <c r="AK17827">
        <v>37</v>
      </c>
      <c r="AL17827">
        <v>37</v>
      </c>
      <c r="AM17827">
        <v>38</v>
      </c>
      <c r="AN17827">
        <v>38</v>
      </c>
      <c r="AO17827">
        <v>39</v>
      </c>
      <c r="AP17827">
        <v>39</v>
      </c>
      <c r="AQ17827">
        <v>40</v>
      </c>
    </row>
    <row r="17828" spans="1:43">
      <c r="A17828" t="s">
        <v>11044</v>
      </c>
      <c r="B17828" t="s">
        <v>11045</v>
      </c>
      <c r="C17828" t="s">
        <v>11036</v>
      </c>
      <c r="D17828" t="s">
        <v>11037</v>
      </c>
      <c r="E17828" t="s">
        <v>10982</v>
      </c>
      <c r="F17828" t="s">
        <v>10983</v>
      </c>
      <c r="G17828" t="s">
        <v>10734</v>
      </c>
      <c r="H17828" t="s">
        <v>10735</v>
      </c>
      <c r="I17828" s="2">
        <v>1</v>
      </c>
      <c r="J17828" s="2">
        <v>0</v>
      </c>
      <c r="K17828" s="2">
        <v>0</v>
      </c>
      <c r="L17828" t="s">
        <v>120</v>
      </c>
      <c r="M17828" t="s">
        <v>89</v>
      </c>
      <c r="N17828" t="s">
        <v>90</v>
      </c>
      <c r="O17828" t="s">
        <v>85</v>
      </c>
      <c r="P17828" t="s">
        <v>86</v>
      </c>
      <c r="Q17828">
        <v>28</v>
      </c>
      <c r="R17828">
        <v>29</v>
      </c>
      <c r="S17828">
        <v>30</v>
      </c>
      <c r="T17828">
        <v>31</v>
      </c>
      <c r="U17828">
        <v>31</v>
      </c>
      <c r="V17828">
        <v>32</v>
      </c>
      <c r="W17828">
        <v>33</v>
      </c>
      <c r="X17828">
        <v>34</v>
      </c>
      <c r="Y17828">
        <v>35</v>
      </c>
      <c r="Z17828">
        <v>36</v>
      </c>
      <c r="AA17828">
        <v>37</v>
      </c>
      <c r="AB17828">
        <v>37</v>
      </c>
      <c r="AC17828">
        <v>38</v>
      </c>
      <c r="AD17828">
        <v>39</v>
      </c>
      <c r="AE17828">
        <v>40</v>
      </c>
      <c r="AF17828">
        <v>40</v>
      </c>
      <c r="AG17828">
        <v>41</v>
      </c>
      <c r="AH17828">
        <v>41</v>
      </c>
      <c r="AI17828">
        <v>41</v>
      </c>
      <c r="AJ17828">
        <v>42</v>
      </c>
      <c r="AK17828">
        <v>42</v>
      </c>
      <c r="AL17828">
        <v>43</v>
      </c>
      <c r="AM17828">
        <v>43</v>
      </c>
      <c r="AN17828">
        <v>44</v>
      </c>
      <c r="AO17828">
        <v>44</v>
      </c>
      <c r="AP17828">
        <v>45</v>
      </c>
      <c r="AQ17828">
        <v>45</v>
      </c>
    </row>
    <row r="17829" spans="1:43">
      <c r="A17829" t="s">
        <v>11044</v>
      </c>
      <c r="B17829" t="s">
        <v>11045</v>
      </c>
      <c r="C17829" t="s">
        <v>11036</v>
      </c>
      <c r="D17829" t="s">
        <v>11037</v>
      </c>
      <c r="E17829" t="s">
        <v>10982</v>
      </c>
      <c r="F17829" t="s">
        <v>10983</v>
      </c>
      <c r="G17829" t="s">
        <v>10734</v>
      </c>
      <c r="H17829" t="s">
        <v>10735</v>
      </c>
      <c r="I17829" s="2">
        <v>1</v>
      </c>
      <c r="J17829" s="2">
        <v>0</v>
      </c>
      <c r="K17829" s="2">
        <v>0</v>
      </c>
      <c r="L17829" t="s">
        <v>120</v>
      </c>
      <c r="M17829" t="s">
        <v>83</v>
      </c>
      <c r="N17829" t="s">
        <v>91</v>
      </c>
      <c r="O17829" t="s">
        <v>85</v>
      </c>
      <c r="P17829" t="s">
        <v>86</v>
      </c>
      <c r="Q17829">
        <v>28</v>
      </c>
      <c r="R17829">
        <v>28</v>
      </c>
      <c r="S17829">
        <v>29</v>
      </c>
      <c r="T17829">
        <v>30</v>
      </c>
      <c r="U17829">
        <v>30</v>
      </c>
      <c r="V17829">
        <v>31</v>
      </c>
      <c r="W17829">
        <v>32</v>
      </c>
      <c r="X17829">
        <v>32</v>
      </c>
      <c r="Y17829">
        <v>33</v>
      </c>
      <c r="Z17829">
        <v>34</v>
      </c>
      <c r="AA17829">
        <v>34</v>
      </c>
      <c r="AB17829">
        <v>35</v>
      </c>
      <c r="AC17829">
        <v>36</v>
      </c>
      <c r="AD17829">
        <v>36</v>
      </c>
      <c r="AE17829">
        <v>37</v>
      </c>
      <c r="AF17829">
        <v>38</v>
      </c>
      <c r="AG17829">
        <v>39</v>
      </c>
      <c r="AH17829">
        <v>39</v>
      </c>
      <c r="AI17829">
        <v>40</v>
      </c>
      <c r="AJ17829">
        <v>41</v>
      </c>
      <c r="AK17829">
        <v>42</v>
      </c>
      <c r="AL17829">
        <v>42</v>
      </c>
      <c r="AM17829">
        <v>43</v>
      </c>
      <c r="AN17829">
        <v>43</v>
      </c>
      <c r="AO17829">
        <v>44</v>
      </c>
      <c r="AP17829">
        <v>44</v>
      </c>
      <c r="AQ17829">
        <v>45</v>
      </c>
    </row>
    <row r="17830" spans="1:43">
      <c r="A17830" t="s">
        <v>11046</v>
      </c>
      <c r="B17830" t="s">
        <v>11047</v>
      </c>
      <c r="C17830" t="s">
        <v>11048</v>
      </c>
      <c r="D17830" t="s">
        <v>11049</v>
      </c>
      <c r="E17830" t="s">
        <v>10982</v>
      </c>
      <c r="F17830" t="s">
        <v>10983</v>
      </c>
      <c r="G17830" t="s">
        <v>10734</v>
      </c>
      <c r="H17830" t="s">
        <v>10735</v>
      </c>
      <c r="I17830" s="2">
        <v>1</v>
      </c>
      <c r="J17830" s="2">
        <v>0</v>
      </c>
      <c r="K17830" s="2">
        <v>0</v>
      </c>
      <c r="L17830" t="s">
        <v>120</v>
      </c>
      <c r="M17830" t="s">
        <v>83</v>
      </c>
      <c r="N17830" t="s">
        <v>84</v>
      </c>
      <c r="O17830" t="s">
        <v>85</v>
      </c>
      <c r="P17830" t="s">
        <v>86</v>
      </c>
      <c r="Q17830">
        <v>11</v>
      </c>
      <c r="R17830">
        <v>11</v>
      </c>
      <c r="S17830">
        <v>11</v>
      </c>
      <c r="T17830">
        <v>11</v>
      </c>
      <c r="U17830">
        <v>12</v>
      </c>
      <c r="V17830">
        <v>12</v>
      </c>
      <c r="W17830">
        <v>12</v>
      </c>
      <c r="X17830">
        <v>12</v>
      </c>
      <c r="Y17830">
        <v>13</v>
      </c>
      <c r="Z17830">
        <v>13</v>
      </c>
      <c r="AA17830">
        <v>13</v>
      </c>
      <c r="AB17830">
        <v>13</v>
      </c>
      <c r="AC17830">
        <v>14</v>
      </c>
      <c r="AD17830">
        <v>14</v>
      </c>
      <c r="AE17830">
        <v>14</v>
      </c>
      <c r="AF17830">
        <v>14</v>
      </c>
      <c r="AG17830">
        <v>15</v>
      </c>
      <c r="AH17830">
        <v>15</v>
      </c>
      <c r="AI17830">
        <v>15</v>
      </c>
      <c r="AJ17830">
        <v>15</v>
      </c>
      <c r="AK17830">
        <v>16</v>
      </c>
      <c r="AL17830">
        <v>16</v>
      </c>
      <c r="AM17830">
        <v>16</v>
      </c>
      <c r="AN17830">
        <v>16</v>
      </c>
      <c r="AO17830">
        <v>16</v>
      </c>
      <c r="AP17830">
        <v>17</v>
      </c>
      <c r="AQ17830">
        <v>17</v>
      </c>
    </row>
    <row r="17831" spans="1:43">
      <c r="A17831" t="s">
        <v>11046</v>
      </c>
      <c r="B17831" t="s">
        <v>11047</v>
      </c>
      <c r="C17831" t="s">
        <v>11048</v>
      </c>
      <c r="D17831" t="s">
        <v>11049</v>
      </c>
      <c r="E17831" t="s">
        <v>10982</v>
      </c>
      <c r="F17831" t="s">
        <v>10983</v>
      </c>
      <c r="G17831" t="s">
        <v>10734</v>
      </c>
      <c r="H17831" t="s">
        <v>10735</v>
      </c>
      <c r="I17831" s="2">
        <v>1</v>
      </c>
      <c r="J17831" s="2">
        <v>0</v>
      </c>
      <c r="K17831" s="2">
        <v>0</v>
      </c>
      <c r="L17831" t="s">
        <v>120</v>
      </c>
      <c r="M17831" t="s">
        <v>87</v>
      </c>
      <c r="N17831" t="s">
        <v>88</v>
      </c>
      <c r="O17831" t="s">
        <v>85</v>
      </c>
      <c r="P17831" t="s">
        <v>86</v>
      </c>
      <c r="Q17831">
        <v>11</v>
      </c>
      <c r="R17831">
        <v>12</v>
      </c>
      <c r="S17831">
        <v>12</v>
      </c>
      <c r="T17831">
        <v>12</v>
      </c>
      <c r="U17831">
        <v>12</v>
      </c>
      <c r="V17831">
        <v>12</v>
      </c>
      <c r="W17831">
        <v>12</v>
      </c>
      <c r="X17831">
        <v>12</v>
      </c>
      <c r="Y17831">
        <v>13</v>
      </c>
      <c r="Z17831">
        <v>13</v>
      </c>
      <c r="AA17831">
        <v>13</v>
      </c>
      <c r="AB17831">
        <v>13</v>
      </c>
      <c r="AC17831">
        <v>13</v>
      </c>
      <c r="AD17831">
        <v>13</v>
      </c>
      <c r="AE17831">
        <v>14</v>
      </c>
      <c r="AF17831">
        <v>14</v>
      </c>
      <c r="AG17831">
        <v>14</v>
      </c>
      <c r="AH17831">
        <v>14</v>
      </c>
      <c r="AI17831">
        <v>14</v>
      </c>
      <c r="AJ17831">
        <v>14</v>
      </c>
      <c r="AK17831">
        <v>15</v>
      </c>
      <c r="AL17831">
        <v>15</v>
      </c>
      <c r="AM17831">
        <v>15</v>
      </c>
      <c r="AN17831">
        <v>15</v>
      </c>
      <c r="AO17831">
        <v>15</v>
      </c>
      <c r="AP17831">
        <v>15</v>
      </c>
      <c r="AQ17831">
        <v>16</v>
      </c>
    </row>
    <row r="17832" spans="1:43">
      <c r="A17832" t="s">
        <v>11046</v>
      </c>
      <c r="B17832" t="s">
        <v>11047</v>
      </c>
      <c r="C17832" t="s">
        <v>11048</v>
      </c>
      <c r="D17832" t="s">
        <v>11049</v>
      </c>
      <c r="E17832" t="s">
        <v>10982</v>
      </c>
      <c r="F17832" t="s">
        <v>10983</v>
      </c>
      <c r="G17832" t="s">
        <v>10734</v>
      </c>
      <c r="H17832" t="s">
        <v>10735</v>
      </c>
      <c r="I17832" s="2">
        <v>1</v>
      </c>
      <c r="J17832" s="2">
        <v>0</v>
      </c>
      <c r="K17832" s="2">
        <v>0</v>
      </c>
      <c r="L17832" t="s">
        <v>120</v>
      </c>
      <c r="M17832" t="s">
        <v>89</v>
      </c>
      <c r="N17832" t="s">
        <v>90</v>
      </c>
      <c r="O17832" t="s">
        <v>85</v>
      </c>
      <c r="P17832" t="s">
        <v>86</v>
      </c>
      <c r="Q17832">
        <v>11</v>
      </c>
      <c r="R17832">
        <v>11</v>
      </c>
      <c r="S17832">
        <v>11</v>
      </c>
      <c r="T17832">
        <v>12</v>
      </c>
      <c r="U17832">
        <v>12</v>
      </c>
      <c r="V17832">
        <v>12</v>
      </c>
      <c r="W17832">
        <v>13</v>
      </c>
      <c r="X17832">
        <v>13</v>
      </c>
      <c r="Y17832">
        <v>13</v>
      </c>
      <c r="Z17832">
        <v>13</v>
      </c>
      <c r="AA17832">
        <v>14</v>
      </c>
      <c r="AB17832">
        <v>14</v>
      </c>
      <c r="AC17832">
        <v>14</v>
      </c>
      <c r="AD17832">
        <v>15</v>
      </c>
      <c r="AE17832">
        <v>15</v>
      </c>
      <c r="AF17832">
        <v>15</v>
      </c>
      <c r="AG17832">
        <v>15</v>
      </c>
      <c r="AH17832">
        <v>15</v>
      </c>
      <c r="AI17832">
        <v>16</v>
      </c>
      <c r="AJ17832">
        <v>16</v>
      </c>
      <c r="AK17832">
        <v>16</v>
      </c>
      <c r="AL17832">
        <v>16</v>
      </c>
      <c r="AM17832">
        <v>16</v>
      </c>
      <c r="AN17832">
        <v>16</v>
      </c>
      <c r="AO17832">
        <v>17</v>
      </c>
      <c r="AP17832">
        <v>17</v>
      </c>
      <c r="AQ17832">
        <v>17</v>
      </c>
    </row>
    <row r="17833" spans="1:43">
      <c r="A17833" t="s">
        <v>11046</v>
      </c>
      <c r="B17833" t="s">
        <v>11047</v>
      </c>
      <c r="C17833" t="s">
        <v>11048</v>
      </c>
      <c r="D17833" t="s">
        <v>11049</v>
      </c>
      <c r="E17833" t="s">
        <v>10982</v>
      </c>
      <c r="F17833" t="s">
        <v>10983</v>
      </c>
      <c r="G17833" t="s">
        <v>10734</v>
      </c>
      <c r="H17833" t="s">
        <v>10735</v>
      </c>
      <c r="I17833" s="2">
        <v>1</v>
      </c>
      <c r="J17833" s="2">
        <v>0</v>
      </c>
      <c r="K17833" s="2">
        <v>0</v>
      </c>
      <c r="L17833" t="s">
        <v>120</v>
      </c>
      <c r="M17833" t="s">
        <v>83</v>
      </c>
      <c r="N17833" t="s">
        <v>91</v>
      </c>
      <c r="O17833" t="s">
        <v>85</v>
      </c>
      <c r="P17833" t="s">
        <v>86</v>
      </c>
      <c r="Q17833">
        <v>11</v>
      </c>
      <c r="R17833">
        <v>11</v>
      </c>
      <c r="S17833">
        <v>11</v>
      </c>
      <c r="T17833">
        <v>11</v>
      </c>
      <c r="U17833">
        <v>12</v>
      </c>
      <c r="V17833">
        <v>12</v>
      </c>
      <c r="W17833">
        <v>12</v>
      </c>
      <c r="X17833">
        <v>12</v>
      </c>
      <c r="Y17833">
        <v>13</v>
      </c>
      <c r="Z17833">
        <v>13</v>
      </c>
      <c r="AA17833">
        <v>13</v>
      </c>
      <c r="AB17833">
        <v>13</v>
      </c>
      <c r="AC17833">
        <v>14</v>
      </c>
      <c r="AD17833">
        <v>14</v>
      </c>
      <c r="AE17833">
        <v>14</v>
      </c>
      <c r="AF17833">
        <v>14</v>
      </c>
      <c r="AG17833">
        <v>15</v>
      </c>
      <c r="AH17833">
        <v>15</v>
      </c>
      <c r="AI17833">
        <v>15</v>
      </c>
      <c r="AJ17833">
        <v>15</v>
      </c>
      <c r="AK17833">
        <v>16</v>
      </c>
      <c r="AL17833">
        <v>16</v>
      </c>
      <c r="AM17833">
        <v>16</v>
      </c>
      <c r="AN17833">
        <v>16</v>
      </c>
      <c r="AO17833">
        <v>16</v>
      </c>
      <c r="AP17833">
        <v>17</v>
      </c>
      <c r="AQ17833">
        <v>17</v>
      </c>
    </row>
    <row r="17834" spans="1:43">
      <c r="A17834" t="s">
        <v>11050</v>
      </c>
      <c r="B17834" t="s">
        <v>11051</v>
      </c>
      <c r="C17834" t="s">
        <v>11048</v>
      </c>
      <c r="D17834" t="s">
        <v>11049</v>
      </c>
      <c r="E17834" t="s">
        <v>10982</v>
      </c>
      <c r="F17834" t="s">
        <v>10983</v>
      </c>
      <c r="G17834" t="s">
        <v>10734</v>
      </c>
      <c r="H17834" t="s">
        <v>10735</v>
      </c>
      <c r="I17834" s="2">
        <v>1</v>
      </c>
      <c r="J17834" s="2">
        <v>0</v>
      </c>
      <c r="K17834" s="2">
        <v>0</v>
      </c>
      <c r="L17834" t="s">
        <v>120</v>
      </c>
      <c r="M17834" t="s">
        <v>83</v>
      </c>
      <c r="N17834" t="s">
        <v>84</v>
      </c>
      <c r="O17834" t="s">
        <v>85</v>
      </c>
      <c r="P17834" t="s">
        <v>86</v>
      </c>
      <c r="Q17834">
        <v>19</v>
      </c>
      <c r="R17834">
        <v>20</v>
      </c>
      <c r="S17834">
        <v>20</v>
      </c>
      <c r="T17834">
        <v>21</v>
      </c>
      <c r="U17834">
        <v>21</v>
      </c>
      <c r="V17834">
        <v>22</v>
      </c>
      <c r="W17834">
        <v>22</v>
      </c>
      <c r="X17834">
        <v>23</v>
      </c>
      <c r="Y17834">
        <v>23</v>
      </c>
      <c r="Z17834">
        <v>23</v>
      </c>
      <c r="AA17834">
        <v>24</v>
      </c>
      <c r="AB17834">
        <v>24</v>
      </c>
      <c r="AC17834">
        <v>25</v>
      </c>
      <c r="AD17834">
        <v>25</v>
      </c>
      <c r="AE17834">
        <v>26</v>
      </c>
      <c r="AF17834">
        <v>26</v>
      </c>
      <c r="AG17834">
        <v>27</v>
      </c>
      <c r="AH17834">
        <v>27</v>
      </c>
      <c r="AI17834">
        <v>28</v>
      </c>
      <c r="AJ17834">
        <v>28</v>
      </c>
      <c r="AK17834">
        <v>29</v>
      </c>
      <c r="AL17834">
        <v>29</v>
      </c>
      <c r="AM17834">
        <v>30</v>
      </c>
      <c r="AN17834">
        <v>30</v>
      </c>
      <c r="AO17834">
        <v>30</v>
      </c>
      <c r="AP17834">
        <v>31</v>
      </c>
      <c r="AQ17834">
        <v>31</v>
      </c>
    </row>
    <row r="17835" spans="1:43">
      <c r="A17835" t="s">
        <v>11050</v>
      </c>
      <c r="B17835" t="s">
        <v>11051</v>
      </c>
      <c r="C17835" t="s">
        <v>11048</v>
      </c>
      <c r="D17835" t="s">
        <v>11049</v>
      </c>
      <c r="E17835" t="s">
        <v>10982</v>
      </c>
      <c r="F17835" t="s">
        <v>10983</v>
      </c>
      <c r="G17835" t="s">
        <v>10734</v>
      </c>
      <c r="H17835" t="s">
        <v>10735</v>
      </c>
      <c r="I17835" s="2">
        <v>1</v>
      </c>
      <c r="J17835" s="2">
        <v>0</v>
      </c>
      <c r="K17835" s="2">
        <v>0</v>
      </c>
      <c r="L17835" t="s">
        <v>120</v>
      </c>
      <c r="M17835" t="s">
        <v>87</v>
      </c>
      <c r="N17835" t="s">
        <v>88</v>
      </c>
      <c r="O17835" t="s">
        <v>85</v>
      </c>
      <c r="P17835" t="s">
        <v>86</v>
      </c>
      <c r="Q17835">
        <v>19</v>
      </c>
      <c r="R17835">
        <v>19</v>
      </c>
      <c r="S17835">
        <v>20</v>
      </c>
      <c r="T17835">
        <v>20</v>
      </c>
      <c r="U17835">
        <v>20</v>
      </c>
      <c r="V17835">
        <v>21</v>
      </c>
      <c r="W17835">
        <v>21</v>
      </c>
      <c r="X17835">
        <v>21</v>
      </c>
      <c r="Y17835">
        <v>21</v>
      </c>
      <c r="Z17835">
        <v>22</v>
      </c>
      <c r="AA17835">
        <v>22</v>
      </c>
      <c r="AB17835">
        <v>22</v>
      </c>
      <c r="AC17835">
        <v>22</v>
      </c>
      <c r="AD17835">
        <v>23</v>
      </c>
      <c r="AE17835">
        <v>23</v>
      </c>
      <c r="AF17835">
        <v>23</v>
      </c>
      <c r="AG17835">
        <v>24</v>
      </c>
      <c r="AH17835">
        <v>24</v>
      </c>
      <c r="AI17835">
        <v>24</v>
      </c>
      <c r="AJ17835">
        <v>25</v>
      </c>
      <c r="AK17835">
        <v>25</v>
      </c>
      <c r="AL17835">
        <v>25</v>
      </c>
      <c r="AM17835">
        <v>26</v>
      </c>
      <c r="AN17835">
        <v>26</v>
      </c>
      <c r="AO17835">
        <v>26</v>
      </c>
      <c r="AP17835">
        <v>27</v>
      </c>
      <c r="AQ17835">
        <v>27</v>
      </c>
    </row>
    <row r="17836" spans="1:43">
      <c r="A17836" t="s">
        <v>11050</v>
      </c>
      <c r="B17836" t="s">
        <v>11051</v>
      </c>
      <c r="C17836" t="s">
        <v>11048</v>
      </c>
      <c r="D17836" t="s">
        <v>11049</v>
      </c>
      <c r="E17836" t="s">
        <v>10982</v>
      </c>
      <c r="F17836" t="s">
        <v>10983</v>
      </c>
      <c r="G17836" t="s">
        <v>10734</v>
      </c>
      <c r="H17836" t="s">
        <v>10735</v>
      </c>
      <c r="I17836" s="2">
        <v>1</v>
      </c>
      <c r="J17836" s="2">
        <v>0</v>
      </c>
      <c r="K17836" s="2">
        <v>0</v>
      </c>
      <c r="L17836" t="s">
        <v>120</v>
      </c>
      <c r="M17836" t="s">
        <v>89</v>
      </c>
      <c r="N17836" t="s">
        <v>90</v>
      </c>
      <c r="O17836" t="s">
        <v>85</v>
      </c>
      <c r="P17836" t="s">
        <v>86</v>
      </c>
      <c r="Q17836">
        <v>19</v>
      </c>
      <c r="R17836">
        <v>19</v>
      </c>
      <c r="S17836">
        <v>20</v>
      </c>
      <c r="T17836">
        <v>20</v>
      </c>
      <c r="U17836">
        <v>21</v>
      </c>
      <c r="V17836">
        <v>22</v>
      </c>
      <c r="W17836">
        <v>22</v>
      </c>
      <c r="X17836">
        <v>23</v>
      </c>
      <c r="Y17836">
        <v>23</v>
      </c>
      <c r="Z17836">
        <v>24</v>
      </c>
      <c r="AA17836">
        <v>24</v>
      </c>
      <c r="AB17836">
        <v>25</v>
      </c>
      <c r="AC17836">
        <v>26</v>
      </c>
      <c r="AD17836">
        <v>26</v>
      </c>
      <c r="AE17836">
        <v>27</v>
      </c>
      <c r="AF17836">
        <v>27</v>
      </c>
      <c r="AG17836">
        <v>27</v>
      </c>
      <c r="AH17836">
        <v>27</v>
      </c>
      <c r="AI17836">
        <v>28</v>
      </c>
      <c r="AJ17836">
        <v>28</v>
      </c>
      <c r="AK17836">
        <v>28</v>
      </c>
      <c r="AL17836">
        <v>29</v>
      </c>
      <c r="AM17836">
        <v>29</v>
      </c>
      <c r="AN17836">
        <v>29</v>
      </c>
      <c r="AO17836">
        <v>29</v>
      </c>
      <c r="AP17836">
        <v>30</v>
      </c>
      <c r="AQ17836">
        <v>30</v>
      </c>
    </row>
    <row r="17837" spans="1:43">
      <c r="A17837" t="s">
        <v>11050</v>
      </c>
      <c r="B17837" t="s">
        <v>11051</v>
      </c>
      <c r="C17837" t="s">
        <v>11048</v>
      </c>
      <c r="D17837" t="s">
        <v>11049</v>
      </c>
      <c r="E17837" t="s">
        <v>10982</v>
      </c>
      <c r="F17837" t="s">
        <v>10983</v>
      </c>
      <c r="G17837" t="s">
        <v>10734</v>
      </c>
      <c r="H17837" t="s">
        <v>10735</v>
      </c>
      <c r="I17837" s="2">
        <v>1</v>
      </c>
      <c r="J17837" s="2">
        <v>0</v>
      </c>
      <c r="K17837" s="2">
        <v>0</v>
      </c>
      <c r="L17837" t="s">
        <v>120</v>
      </c>
      <c r="M17837" t="s">
        <v>83</v>
      </c>
      <c r="N17837" t="s">
        <v>91</v>
      </c>
      <c r="O17837" t="s">
        <v>85</v>
      </c>
      <c r="P17837" t="s">
        <v>86</v>
      </c>
      <c r="Q17837">
        <v>19</v>
      </c>
      <c r="R17837">
        <v>20</v>
      </c>
      <c r="S17837">
        <v>20</v>
      </c>
      <c r="T17837">
        <v>21</v>
      </c>
      <c r="U17837">
        <v>21</v>
      </c>
      <c r="V17837">
        <v>22</v>
      </c>
      <c r="W17837">
        <v>22</v>
      </c>
      <c r="X17837">
        <v>23</v>
      </c>
      <c r="Y17837">
        <v>23</v>
      </c>
      <c r="Z17837">
        <v>23</v>
      </c>
      <c r="AA17837">
        <v>24</v>
      </c>
      <c r="AB17837">
        <v>24</v>
      </c>
      <c r="AC17837">
        <v>25</v>
      </c>
      <c r="AD17837">
        <v>25</v>
      </c>
      <c r="AE17837">
        <v>26</v>
      </c>
      <c r="AF17837">
        <v>26</v>
      </c>
      <c r="AG17837">
        <v>27</v>
      </c>
      <c r="AH17837">
        <v>27</v>
      </c>
      <c r="AI17837">
        <v>28</v>
      </c>
      <c r="AJ17837">
        <v>28</v>
      </c>
      <c r="AK17837">
        <v>29</v>
      </c>
      <c r="AL17837">
        <v>29</v>
      </c>
      <c r="AM17837">
        <v>30</v>
      </c>
      <c r="AN17837">
        <v>30</v>
      </c>
      <c r="AO17837">
        <v>30</v>
      </c>
      <c r="AP17837">
        <v>31</v>
      </c>
      <c r="AQ17837">
        <v>31</v>
      </c>
    </row>
    <row r="17838" spans="1:43">
      <c r="A17838" t="s">
        <v>11052</v>
      </c>
      <c r="B17838" t="s">
        <v>11053</v>
      </c>
      <c r="C17838" t="s">
        <v>11048</v>
      </c>
      <c r="D17838" t="s">
        <v>11049</v>
      </c>
      <c r="E17838" t="s">
        <v>10982</v>
      </c>
      <c r="F17838" t="s">
        <v>10983</v>
      </c>
      <c r="G17838" t="s">
        <v>10734</v>
      </c>
      <c r="H17838" t="s">
        <v>10735</v>
      </c>
      <c r="I17838" s="2">
        <v>1</v>
      </c>
      <c r="J17838" s="2">
        <v>0</v>
      </c>
      <c r="K17838" s="2">
        <v>0</v>
      </c>
      <c r="L17838" t="s">
        <v>120</v>
      </c>
      <c r="M17838" t="s">
        <v>83</v>
      </c>
      <c r="N17838" t="s">
        <v>84</v>
      </c>
      <c r="O17838" t="s">
        <v>85</v>
      </c>
      <c r="P17838" t="s">
        <v>86</v>
      </c>
      <c r="Q17838">
        <v>20</v>
      </c>
      <c r="R17838">
        <v>20</v>
      </c>
      <c r="S17838">
        <v>21</v>
      </c>
      <c r="T17838">
        <v>21</v>
      </c>
      <c r="U17838">
        <v>22</v>
      </c>
      <c r="V17838">
        <v>22</v>
      </c>
      <c r="W17838">
        <v>23</v>
      </c>
      <c r="X17838">
        <v>23</v>
      </c>
      <c r="Y17838">
        <v>24</v>
      </c>
      <c r="Z17838">
        <v>24</v>
      </c>
      <c r="AA17838">
        <v>25</v>
      </c>
      <c r="AB17838">
        <v>25</v>
      </c>
      <c r="AC17838">
        <v>26</v>
      </c>
      <c r="AD17838">
        <v>26</v>
      </c>
      <c r="AE17838">
        <v>27</v>
      </c>
      <c r="AF17838">
        <v>27</v>
      </c>
      <c r="AG17838">
        <v>28</v>
      </c>
      <c r="AH17838">
        <v>28</v>
      </c>
      <c r="AI17838">
        <v>29</v>
      </c>
      <c r="AJ17838">
        <v>29</v>
      </c>
      <c r="AK17838">
        <v>30</v>
      </c>
      <c r="AL17838">
        <v>30</v>
      </c>
      <c r="AM17838">
        <v>31</v>
      </c>
      <c r="AN17838">
        <v>31</v>
      </c>
      <c r="AO17838">
        <v>31</v>
      </c>
      <c r="AP17838">
        <v>32</v>
      </c>
      <c r="AQ17838">
        <v>32</v>
      </c>
    </row>
    <row r="17839" spans="1:43">
      <c r="A17839" t="s">
        <v>11052</v>
      </c>
      <c r="B17839" t="s">
        <v>11053</v>
      </c>
      <c r="C17839" t="s">
        <v>11048</v>
      </c>
      <c r="D17839" t="s">
        <v>11049</v>
      </c>
      <c r="E17839" t="s">
        <v>10982</v>
      </c>
      <c r="F17839" t="s">
        <v>10983</v>
      </c>
      <c r="G17839" t="s">
        <v>10734</v>
      </c>
      <c r="H17839" t="s">
        <v>10735</v>
      </c>
      <c r="I17839" s="2">
        <v>1</v>
      </c>
      <c r="J17839" s="2">
        <v>0</v>
      </c>
      <c r="K17839" s="2">
        <v>0</v>
      </c>
      <c r="L17839" t="s">
        <v>120</v>
      </c>
      <c r="M17839" t="s">
        <v>87</v>
      </c>
      <c r="N17839" t="s">
        <v>88</v>
      </c>
      <c r="O17839" t="s">
        <v>85</v>
      </c>
      <c r="P17839" t="s">
        <v>86</v>
      </c>
      <c r="Q17839">
        <v>20</v>
      </c>
      <c r="R17839">
        <v>20</v>
      </c>
      <c r="S17839">
        <v>20</v>
      </c>
      <c r="T17839">
        <v>21</v>
      </c>
      <c r="U17839">
        <v>21</v>
      </c>
      <c r="V17839">
        <v>21</v>
      </c>
      <c r="W17839">
        <v>21</v>
      </c>
      <c r="X17839">
        <v>22</v>
      </c>
      <c r="Y17839">
        <v>22</v>
      </c>
      <c r="Z17839">
        <v>22</v>
      </c>
      <c r="AA17839">
        <v>23</v>
      </c>
      <c r="AB17839">
        <v>23</v>
      </c>
      <c r="AC17839">
        <v>23</v>
      </c>
      <c r="AD17839">
        <v>23</v>
      </c>
      <c r="AE17839">
        <v>24</v>
      </c>
      <c r="AF17839">
        <v>24</v>
      </c>
      <c r="AG17839">
        <v>24</v>
      </c>
      <c r="AH17839">
        <v>25</v>
      </c>
      <c r="AI17839">
        <v>25</v>
      </c>
      <c r="AJ17839">
        <v>25</v>
      </c>
      <c r="AK17839">
        <v>26</v>
      </c>
      <c r="AL17839">
        <v>26</v>
      </c>
      <c r="AM17839">
        <v>26</v>
      </c>
      <c r="AN17839">
        <v>27</v>
      </c>
      <c r="AO17839">
        <v>27</v>
      </c>
      <c r="AP17839">
        <v>28</v>
      </c>
      <c r="AQ17839">
        <v>28</v>
      </c>
    </row>
    <row r="17840" spans="1:43">
      <c r="A17840" t="s">
        <v>11052</v>
      </c>
      <c r="B17840" t="s">
        <v>11053</v>
      </c>
      <c r="C17840" t="s">
        <v>11048</v>
      </c>
      <c r="D17840" t="s">
        <v>11049</v>
      </c>
      <c r="E17840" t="s">
        <v>10982</v>
      </c>
      <c r="F17840" t="s">
        <v>10983</v>
      </c>
      <c r="G17840" t="s">
        <v>10734</v>
      </c>
      <c r="H17840" t="s">
        <v>10735</v>
      </c>
      <c r="I17840" s="2">
        <v>1</v>
      </c>
      <c r="J17840" s="2">
        <v>0</v>
      </c>
      <c r="K17840" s="2">
        <v>0</v>
      </c>
      <c r="L17840" t="s">
        <v>120</v>
      </c>
      <c r="M17840" t="s">
        <v>89</v>
      </c>
      <c r="N17840" t="s">
        <v>90</v>
      </c>
      <c r="O17840" t="s">
        <v>85</v>
      </c>
      <c r="P17840" t="s">
        <v>86</v>
      </c>
      <c r="Q17840">
        <v>20</v>
      </c>
      <c r="R17840">
        <v>21</v>
      </c>
      <c r="S17840">
        <v>21</v>
      </c>
      <c r="T17840">
        <v>22</v>
      </c>
      <c r="U17840">
        <v>23</v>
      </c>
      <c r="V17840">
        <v>23</v>
      </c>
      <c r="W17840">
        <v>24</v>
      </c>
      <c r="X17840">
        <v>24</v>
      </c>
      <c r="Y17840">
        <v>25</v>
      </c>
      <c r="Z17840">
        <v>26</v>
      </c>
      <c r="AA17840">
        <v>26</v>
      </c>
      <c r="AB17840">
        <v>27</v>
      </c>
      <c r="AC17840">
        <v>27</v>
      </c>
      <c r="AD17840">
        <v>28</v>
      </c>
      <c r="AE17840">
        <v>28</v>
      </c>
      <c r="AF17840">
        <v>29</v>
      </c>
      <c r="AG17840">
        <v>29</v>
      </c>
      <c r="AH17840">
        <v>29</v>
      </c>
      <c r="AI17840">
        <v>30</v>
      </c>
      <c r="AJ17840">
        <v>30</v>
      </c>
      <c r="AK17840">
        <v>30</v>
      </c>
      <c r="AL17840">
        <v>30</v>
      </c>
      <c r="AM17840">
        <v>31</v>
      </c>
      <c r="AN17840">
        <v>31</v>
      </c>
      <c r="AO17840">
        <v>31</v>
      </c>
      <c r="AP17840">
        <v>32</v>
      </c>
      <c r="AQ17840">
        <v>32</v>
      </c>
    </row>
    <row r="17841" spans="1:43">
      <c r="A17841" t="s">
        <v>11052</v>
      </c>
      <c r="B17841" t="s">
        <v>11053</v>
      </c>
      <c r="C17841" t="s">
        <v>11048</v>
      </c>
      <c r="D17841" t="s">
        <v>11049</v>
      </c>
      <c r="E17841" t="s">
        <v>10982</v>
      </c>
      <c r="F17841" t="s">
        <v>10983</v>
      </c>
      <c r="G17841" t="s">
        <v>10734</v>
      </c>
      <c r="H17841" t="s">
        <v>10735</v>
      </c>
      <c r="I17841" s="2">
        <v>1</v>
      </c>
      <c r="J17841" s="2">
        <v>0</v>
      </c>
      <c r="K17841" s="2">
        <v>0</v>
      </c>
      <c r="L17841" t="s">
        <v>120</v>
      </c>
      <c r="M17841" t="s">
        <v>83</v>
      </c>
      <c r="N17841" t="s">
        <v>91</v>
      </c>
      <c r="O17841" t="s">
        <v>85</v>
      </c>
      <c r="P17841" t="s">
        <v>86</v>
      </c>
      <c r="Q17841">
        <v>20</v>
      </c>
      <c r="R17841">
        <v>20</v>
      </c>
      <c r="S17841">
        <v>21</v>
      </c>
      <c r="T17841">
        <v>21</v>
      </c>
      <c r="U17841">
        <v>22</v>
      </c>
      <c r="V17841">
        <v>22</v>
      </c>
      <c r="W17841">
        <v>23</v>
      </c>
      <c r="X17841">
        <v>23</v>
      </c>
      <c r="Y17841">
        <v>24</v>
      </c>
      <c r="Z17841">
        <v>24</v>
      </c>
      <c r="AA17841">
        <v>25</v>
      </c>
      <c r="AB17841">
        <v>25</v>
      </c>
      <c r="AC17841">
        <v>26</v>
      </c>
      <c r="AD17841">
        <v>26</v>
      </c>
      <c r="AE17841">
        <v>27</v>
      </c>
      <c r="AF17841">
        <v>27</v>
      </c>
      <c r="AG17841">
        <v>28</v>
      </c>
      <c r="AH17841">
        <v>28</v>
      </c>
      <c r="AI17841">
        <v>29</v>
      </c>
      <c r="AJ17841">
        <v>29</v>
      </c>
      <c r="AK17841">
        <v>30</v>
      </c>
      <c r="AL17841">
        <v>30</v>
      </c>
      <c r="AM17841">
        <v>31</v>
      </c>
      <c r="AN17841">
        <v>31</v>
      </c>
      <c r="AO17841">
        <v>31</v>
      </c>
      <c r="AP17841">
        <v>32</v>
      </c>
      <c r="AQ17841">
        <v>32</v>
      </c>
    </row>
    <row r="17842" spans="1:43">
      <c r="A17842" t="s">
        <v>11054</v>
      </c>
      <c r="B17842" t="s">
        <v>11055</v>
      </c>
      <c r="C17842" t="s">
        <v>11048</v>
      </c>
      <c r="D17842" t="s">
        <v>11049</v>
      </c>
      <c r="E17842" t="s">
        <v>10982</v>
      </c>
      <c r="F17842" t="s">
        <v>10983</v>
      </c>
      <c r="G17842" t="s">
        <v>10734</v>
      </c>
      <c r="H17842" t="s">
        <v>10735</v>
      </c>
      <c r="I17842" s="2">
        <v>1</v>
      </c>
      <c r="J17842" s="2">
        <v>0</v>
      </c>
      <c r="K17842" s="2">
        <v>0</v>
      </c>
      <c r="L17842" t="s">
        <v>120</v>
      </c>
      <c r="M17842" t="s">
        <v>83</v>
      </c>
      <c r="N17842" t="s">
        <v>84</v>
      </c>
      <c r="O17842" t="s">
        <v>85</v>
      </c>
      <c r="P17842" t="s">
        <v>86</v>
      </c>
      <c r="Q17842">
        <v>31</v>
      </c>
      <c r="R17842">
        <v>32</v>
      </c>
      <c r="S17842">
        <v>33</v>
      </c>
      <c r="T17842">
        <v>34</v>
      </c>
      <c r="U17842">
        <v>34</v>
      </c>
      <c r="V17842">
        <v>35</v>
      </c>
      <c r="W17842">
        <v>36</v>
      </c>
      <c r="X17842">
        <v>36</v>
      </c>
      <c r="Y17842">
        <v>37</v>
      </c>
      <c r="Z17842">
        <v>38</v>
      </c>
      <c r="AA17842">
        <v>39</v>
      </c>
      <c r="AB17842">
        <v>39</v>
      </c>
      <c r="AC17842">
        <v>40</v>
      </c>
      <c r="AD17842">
        <v>41</v>
      </c>
      <c r="AE17842">
        <v>42</v>
      </c>
      <c r="AF17842">
        <v>43</v>
      </c>
      <c r="AG17842">
        <v>43</v>
      </c>
      <c r="AH17842">
        <v>44</v>
      </c>
      <c r="AI17842">
        <v>45</v>
      </c>
      <c r="AJ17842">
        <v>46</v>
      </c>
      <c r="AK17842">
        <v>47</v>
      </c>
      <c r="AL17842">
        <v>48</v>
      </c>
      <c r="AM17842">
        <v>48</v>
      </c>
      <c r="AN17842">
        <v>49</v>
      </c>
      <c r="AO17842">
        <v>49</v>
      </c>
      <c r="AP17842">
        <v>50</v>
      </c>
      <c r="AQ17842">
        <v>50</v>
      </c>
    </row>
    <row r="17843" spans="1:43">
      <c r="A17843" t="s">
        <v>11054</v>
      </c>
      <c r="B17843" t="s">
        <v>11055</v>
      </c>
      <c r="C17843" t="s">
        <v>11048</v>
      </c>
      <c r="D17843" t="s">
        <v>11049</v>
      </c>
      <c r="E17843" t="s">
        <v>10982</v>
      </c>
      <c r="F17843" t="s">
        <v>10983</v>
      </c>
      <c r="G17843" t="s">
        <v>10734</v>
      </c>
      <c r="H17843" t="s">
        <v>10735</v>
      </c>
      <c r="I17843" s="2">
        <v>1</v>
      </c>
      <c r="J17843" s="2">
        <v>0</v>
      </c>
      <c r="K17843" s="2">
        <v>0</v>
      </c>
      <c r="L17843" t="s">
        <v>120</v>
      </c>
      <c r="M17843" t="s">
        <v>87</v>
      </c>
      <c r="N17843" t="s">
        <v>88</v>
      </c>
      <c r="O17843" t="s">
        <v>85</v>
      </c>
      <c r="P17843" t="s">
        <v>86</v>
      </c>
      <c r="Q17843">
        <v>31</v>
      </c>
      <c r="R17843">
        <v>31</v>
      </c>
      <c r="S17843">
        <v>32</v>
      </c>
      <c r="T17843">
        <v>32</v>
      </c>
      <c r="U17843">
        <v>33</v>
      </c>
      <c r="V17843">
        <v>33</v>
      </c>
      <c r="W17843">
        <v>34</v>
      </c>
      <c r="X17843">
        <v>34</v>
      </c>
      <c r="Y17843">
        <v>34</v>
      </c>
      <c r="Z17843">
        <v>35</v>
      </c>
      <c r="AA17843">
        <v>35</v>
      </c>
      <c r="AB17843">
        <v>36</v>
      </c>
      <c r="AC17843">
        <v>36</v>
      </c>
      <c r="AD17843">
        <v>37</v>
      </c>
      <c r="AE17843">
        <v>37</v>
      </c>
      <c r="AF17843">
        <v>38</v>
      </c>
      <c r="AG17843">
        <v>38</v>
      </c>
      <c r="AH17843">
        <v>39</v>
      </c>
      <c r="AI17843">
        <v>39</v>
      </c>
      <c r="AJ17843">
        <v>40</v>
      </c>
      <c r="AK17843">
        <v>40</v>
      </c>
      <c r="AL17843">
        <v>41</v>
      </c>
      <c r="AM17843">
        <v>41</v>
      </c>
      <c r="AN17843">
        <v>42</v>
      </c>
      <c r="AO17843">
        <v>43</v>
      </c>
      <c r="AP17843">
        <v>43</v>
      </c>
      <c r="AQ17843">
        <v>44</v>
      </c>
    </row>
    <row r="17844" spans="1:43">
      <c r="A17844" t="s">
        <v>11054</v>
      </c>
      <c r="B17844" t="s">
        <v>11055</v>
      </c>
      <c r="C17844" t="s">
        <v>11048</v>
      </c>
      <c r="D17844" t="s">
        <v>11049</v>
      </c>
      <c r="E17844" t="s">
        <v>10982</v>
      </c>
      <c r="F17844" t="s">
        <v>10983</v>
      </c>
      <c r="G17844" t="s">
        <v>10734</v>
      </c>
      <c r="H17844" t="s">
        <v>10735</v>
      </c>
      <c r="I17844" s="2">
        <v>1</v>
      </c>
      <c r="J17844" s="2">
        <v>0</v>
      </c>
      <c r="K17844" s="2">
        <v>0</v>
      </c>
      <c r="L17844" t="s">
        <v>120</v>
      </c>
      <c r="M17844" t="s">
        <v>89</v>
      </c>
      <c r="N17844" t="s">
        <v>90</v>
      </c>
      <c r="O17844" t="s">
        <v>85</v>
      </c>
      <c r="P17844" t="s">
        <v>86</v>
      </c>
      <c r="Q17844">
        <v>31</v>
      </c>
      <c r="R17844">
        <v>32</v>
      </c>
      <c r="S17844">
        <v>33</v>
      </c>
      <c r="T17844">
        <v>34</v>
      </c>
      <c r="U17844">
        <v>35</v>
      </c>
      <c r="V17844">
        <v>36</v>
      </c>
      <c r="W17844">
        <v>36</v>
      </c>
      <c r="X17844">
        <v>37</v>
      </c>
      <c r="Y17844">
        <v>38</v>
      </c>
      <c r="Z17844">
        <v>39</v>
      </c>
      <c r="AA17844">
        <v>40</v>
      </c>
      <c r="AB17844">
        <v>41</v>
      </c>
      <c r="AC17844">
        <v>42</v>
      </c>
      <c r="AD17844">
        <v>43</v>
      </c>
      <c r="AE17844">
        <v>44</v>
      </c>
      <c r="AF17844">
        <v>44</v>
      </c>
      <c r="AG17844">
        <v>45</v>
      </c>
      <c r="AH17844">
        <v>45</v>
      </c>
      <c r="AI17844">
        <v>46</v>
      </c>
      <c r="AJ17844">
        <v>46</v>
      </c>
      <c r="AK17844">
        <v>46</v>
      </c>
      <c r="AL17844">
        <v>47</v>
      </c>
      <c r="AM17844">
        <v>47</v>
      </c>
      <c r="AN17844">
        <v>48</v>
      </c>
      <c r="AO17844">
        <v>48</v>
      </c>
      <c r="AP17844">
        <v>49</v>
      </c>
      <c r="AQ17844">
        <v>49</v>
      </c>
    </row>
    <row r="17845" spans="1:43">
      <c r="A17845" t="s">
        <v>11054</v>
      </c>
      <c r="B17845" t="s">
        <v>11055</v>
      </c>
      <c r="C17845" t="s">
        <v>11048</v>
      </c>
      <c r="D17845" t="s">
        <v>11049</v>
      </c>
      <c r="E17845" t="s">
        <v>10982</v>
      </c>
      <c r="F17845" t="s">
        <v>10983</v>
      </c>
      <c r="G17845" t="s">
        <v>10734</v>
      </c>
      <c r="H17845" t="s">
        <v>10735</v>
      </c>
      <c r="I17845" s="2">
        <v>1</v>
      </c>
      <c r="J17845" s="2">
        <v>0</v>
      </c>
      <c r="K17845" s="2">
        <v>0</v>
      </c>
      <c r="L17845" t="s">
        <v>120</v>
      </c>
      <c r="M17845" t="s">
        <v>83</v>
      </c>
      <c r="N17845" t="s">
        <v>91</v>
      </c>
      <c r="O17845" t="s">
        <v>85</v>
      </c>
      <c r="P17845" t="s">
        <v>86</v>
      </c>
      <c r="Q17845">
        <v>31</v>
      </c>
      <c r="R17845">
        <v>32</v>
      </c>
      <c r="S17845">
        <v>33</v>
      </c>
      <c r="T17845">
        <v>34</v>
      </c>
      <c r="U17845">
        <v>34</v>
      </c>
      <c r="V17845">
        <v>35</v>
      </c>
      <c r="W17845">
        <v>36</v>
      </c>
      <c r="X17845">
        <v>36</v>
      </c>
      <c r="Y17845">
        <v>37</v>
      </c>
      <c r="Z17845">
        <v>38</v>
      </c>
      <c r="AA17845">
        <v>39</v>
      </c>
      <c r="AB17845">
        <v>39</v>
      </c>
      <c r="AC17845">
        <v>40</v>
      </c>
      <c r="AD17845">
        <v>41</v>
      </c>
      <c r="AE17845">
        <v>42</v>
      </c>
      <c r="AF17845">
        <v>43</v>
      </c>
      <c r="AG17845">
        <v>43</v>
      </c>
      <c r="AH17845">
        <v>44</v>
      </c>
      <c r="AI17845">
        <v>45</v>
      </c>
      <c r="AJ17845">
        <v>46</v>
      </c>
      <c r="AK17845">
        <v>47</v>
      </c>
      <c r="AL17845">
        <v>48</v>
      </c>
      <c r="AM17845">
        <v>48</v>
      </c>
      <c r="AN17845">
        <v>49</v>
      </c>
      <c r="AO17845">
        <v>49</v>
      </c>
      <c r="AP17845">
        <v>50</v>
      </c>
      <c r="AQ17845">
        <v>50</v>
      </c>
    </row>
    <row r="17846" spans="1:43">
      <c r="A17846" t="s">
        <v>11056</v>
      </c>
      <c r="B17846" t="s">
        <v>11057</v>
      </c>
      <c r="C17846" t="s">
        <v>11058</v>
      </c>
      <c r="D17846" t="s">
        <v>11059</v>
      </c>
      <c r="E17846" t="s">
        <v>10982</v>
      </c>
      <c r="F17846" t="s">
        <v>10983</v>
      </c>
      <c r="G17846" t="s">
        <v>10734</v>
      </c>
      <c r="H17846" t="s">
        <v>10735</v>
      </c>
      <c r="I17846" s="2">
        <v>1</v>
      </c>
      <c r="J17846" s="2">
        <v>0</v>
      </c>
      <c r="K17846" s="2">
        <v>0</v>
      </c>
      <c r="L17846" t="s">
        <v>120</v>
      </c>
      <c r="M17846" t="s">
        <v>83</v>
      </c>
      <c r="N17846" t="s">
        <v>84</v>
      </c>
      <c r="O17846" t="s">
        <v>85</v>
      </c>
      <c r="P17846" t="s">
        <v>86</v>
      </c>
      <c r="Q17846">
        <v>25</v>
      </c>
      <c r="R17846">
        <v>26</v>
      </c>
      <c r="S17846">
        <v>26</v>
      </c>
      <c r="T17846">
        <v>26</v>
      </c>
      <c r="U17846">
        <v>27</v>
      </c>
      <c r="V17846">
        <v>27</v>
      </c>
      <c r="W17846">
        <v>27</v>
      </c>
      <c r="X17846">
        <v>28</v>
      </c>
      <c r="Y17846">
        <v>28</v>
      </c>
      <c r="Z17846">
        <v>28</v>
      </c>
      <c r="AA17846">
        <v>29</v>
      </c>
      <c r="AB17846">
        <v>29</v>
      </c>
      <c r="AC17846">
        <v>29</v>
      </c>
      <c r="AD17846">
        <v>30</v>
      </c>
      <c r="AE17846">
        <v>30</v>
      </c>
      <c r="AF17846">
        <v>30</v>
      </c>
      <c r="AG17846">
        <v>31</v>
      </c>
      <c r="AH17846">
        <v>31</v>
      </c>
      <c r="AI17846">
        <v>31</v>
      </c>
      <c r="AJ17846">
        <v>32</v>
      </c>
      <c r="AK17846">
        <v>32</v>
      </c>
      <c r="AL17846">
        <v>32</v>
      </c>
      <c r="AM17846">
        <v>32</v>
      </c>
      <c r="AN17846">
        <v>32</v>
      </c>
      <c r="AO17846">
        <v>32</v>
      </c>
      <c r="AP17846">
        <v>33</v>
      </c>
      <c r="AQ17846">
        <v>33</v>
      </c>
    </row>
    <row r="17847" spans="1:43">
      <c r="A17847" t="s">
        <v>11056</v>
      </c>
      <c r="B17847" t="s">
        <v>11057</v>
      </c>
      <c r="C17847" t="s">
        <v>11058</v>
      </c>
      <c r="D17847" t="s">
        <v>11059</v>
      </c>
      <c r="E17847" t="s">
        <v>10982</v>
      </c>
      <c r="F17847" t="s">
        <v>10983</v>
      </c>
      <c r="G17847" t="s">
        <v>10734</v>
      </c>
      <c r="H17847" t="s">
        <v>10735</v>
      </c>
      <c r="I17847" s="2">
        <v>1</v>
      </c>
      <c r="J17847" s="2">
        <v>0</v>
      </c>
      <c r="K17847" s="2">
        <v>0</v>
      </c>
      <c r="L17847" t="s">
        <v>120</v>
      </c>
      <c r="M17847" t="s">
        <v>87</v>
      </c>
      <c r="N17847" t="s">
        <v>88</v>
      </c>
      <c r="O17847" t="s">
        <v>85</v>
      </c>
      <c r="P17847" t="s">
        <v>86</v>
      </c>
      <c r="Q17847">
        <v>25</v>
      </c>
      <c r="R17847">
        <v>25</v>
      </c>
      <c r="S17847">
        <v>25</v>
      </c>
      <c r="T17847">
        <v>25</v>
      </c>
      <c r="U17847">
        <v>25</v>
      </c>
      <c r="V17847">
        <v>26</v>
      </c>
      <c r="W17847">
        <v>26</v>
      </c>
      <c r="X17847">
        <v>26</v>
      </c>
      <c r="Y17847">
        <v>26</v>
      </c>
      <c r="Z17847">
        <v>26</v>
      </c>
      <c r="AA17847">
        <v>26</v>
      </c>
      <c r="AB17847">
        <v>26</v>
      </c>
      <c r="AC17847">
        <v>26</v>
      </c>
      <c r="AD17847">
        <v>27</v>
      </c>
      <c r="AE17847">
        <v>27</v>
      </c>
      <c r="AF17847">
        <v>27</v>
      </c>
      <c r="AG17847">
        <v>27</v>
      </c>
      <c r="AH17847">
        <v>27</v>
      </c>
      <c r="AI17847">
        <v>27</v>
      </c>
      <c r="AJ17847">
        <v>27</v>
      </c>
      <c r="AK17847">
        <v>27</v>
      </c>
      <c r="AL17847">
        <v>28</v>
      </c>
      <c r="AM17847">
        <v>28</v>
      </c>
      <c r="AN17847">
        <v>28</v>
      </c>
      <c r="AO17847">
        <v>28</v>
      </c>
      <c r="AP17847">
        <v>28</v>
      </c>
      <c r="AQ17847">
        <v>28</v>
      </c>
    </row>
    <row r="17848" spans="1:43">
      <c r="A17848" t="s">
        <v>11056</v>
      </c>
      <c r="B17848" t="s">
        <v>11057</v>
      </c>
      <c r="C17848" t="s">
        <v>11058</v>
      </c>
      <c r="D17848" t="s">
        <v>11059</v>
      </c>
      <c r="E17848" t="s">
        <v>10982</v>
      </c>
      <c r="F17848" t="s">
        <v>10983</v>
      </c>
      <c r="G17848" t="s">
        <v>10734</v>
      </c>
      <c r="H17848" t="s">
        <v>10735</v>
      </c>
      <c r="I17848" s="2">
        <v>1</v>
      </c>
      <c r="J17848" s="2">
        <v>0</v>
      </c>
      <c r="K17848" s="2">
        <v>0</v>
      </c>
      <c r="L17848" t="s">
        <v>120</v>
      </c>
      <c r="M17848" t="s">
        <v>89</v>
      </c>
      <c r="N17848" t="s">
        <v>90</v>
      </c>
      <c r="O17848" t="s">
        <v>85</v>
      </c>
      <c r="P17848" t="s">
        <v>86</v>
      </c>
      <c r="Q17848">
        <v>25</v>
      </c>
      <c r="R17848">
        <v>26</v>
      </c>
      <c r="S17848">
        <v>27</v>
      </c>
      <c r="T17848">
        <v>27</v>
      </c>
      <c r="U17848">
        <v>28</v>
      </c>
      <c r="V17848">
        <v>28</v>
      </c>
      <c r="W17848">
        <v>29</v>
      </c>
      <c r="X17848">
        <v>29</v>
      </c>
      <c r="Y17848">
        <v>30</v>
      </c>
      <c r="Z17848">
        <v>30</v>
      </c>
      <c r="AA17848">
        <v>30</v>
      </c>
      <c r="AB17848">
        <v>31</v>
      </c>
      <c r="AC17848">
        <v>31</v>
      </c>
      <c r="AD17848">
        <v>32</v>
      </c>
      <c r="AE17848">
        <v>32</v>
      </c>
      <c r="AF17848">
        <v>32</v>
      </c>
      <c r="AG17848">
        <v>32</v>
      </c>
      <c r="AH17848">
        <v>32</v>
      </c>
      <c r="AI17848">
        <v>32</v>
      </c>
      <c r="AJ17848">
        <v>32</v>
      </c>
      <c r="AK17848">
        <v>33</v>
      </c>
      <c r="AL17848">
        <v>33</v>
      </c>
      <c r="AM17848">
        <v>33</v>
      </c>
      <c r="AN17848">
        <v>33</v>
      </c>
      <c r="AO17848">
        <v>33</v>
      </c>
      <c r="AP17848">
        <v>33</v>
      </c>
      <c r="AQ17848">
        <v>33</v>
      </c>
    </row>
    <row r="17849" spans="1:43">
      <c r="A17849" t="s">
        <v>11056</v>
      </c>
      <c r="B17849" t="s">
        <v>11057</v>
      </c>
      <c r="C17849" t="s">
        <v>11058</v>
      </c>
      <c r="D17849" t="s">
        <v>11059</v>
      </c>
      <c r="E17849" t="s">
        <v>10982</v>
      </c>
      <c r="F17849" t="s">
        <v>10983</v>
      </c>
      <c r="G17849" t="s">
        <v>10734</v>
      </c>
      <c r="H17849" t="s">
        <v>10735</v>
      </c>
      <c r="I17849" s="2">
        <v>1</v>
      </c>
      <c r="J17849" s="2">
        <v>0</v>
      </c>
      <c r="K17849" s="2">
        <v>0</v>
      </c>
      <c r="L17849" t="s">
        <v>120</v>
      </c>
      <c r="M17849" t="s">
        <v>83</v>
      </c>
      <c r="N17849" t="s">
        <v>91</v>
      </c>
      <c r="O17849" t="s">
        <v>85</v>
      </c>
      <c r="P17849" t="s">
        <v>86</v>
      </c>
      <c r="Q17849">
        <v>25</v>
      </c>
      <c r="R17849">
        <v>26</v>
      </c>
      <c r="S17849">
        <v>26</v>
      </c>
      <c r="T17849">
        <v>26</v>
      </c>
      <c r="U17849">
        <v>27</v>
      </c>
      <c r="V17849">
        <v>27</v>
      </c>
      <c r="W17849">
        <v>27</v>
      </c>
      <c r="X17849">
        <v>28</v>
      </c>
      <c r="Y17849">
        <v>28</v>
      </c>
      <c r="Z17849">
        <v>28</v>
      </c>
      <c r="AA17849">
        <v>29</v>
      </c>
      <c r="AB17849">
        <v>29</v>
      </c>
      <c r="AC17849">
        <v>29</v>
      </c>
      <c r="AD17849">
        <v>30</v>
      </c>
      <c r="AE17849">
        <v>30</v>
      </c>
      <c r="AF17849">
        <v>30</v>
      </c>
      <c r="AG17849">
        <v>31</v>
      </c>
      <c r="AH17849">
        <v>31</v>
      </c>
      <c r="AI17849">
        <v>31</v>
      </c>
      <c r="AJ17849">
        <v>32</v>
      </c>
      <c r="AK17849">
        <v>32</v>
      </c>
      <c r="AL17849">
        <v>32</v>
      </c>
      <c r="AM17849">
        <v>32</v>
      </c>
      <c r="AN17849">
        <v>32</v>
      </c>
      <c r="AO17849">
        <v>32</v>
      </c>
      <c r="AP17849">
        <v>33</v>
      </c>
      <c r="AQ17849">
        <v>33</v>
      </c>
    </row>
    <row r="17850" spans="1:43">
      <c r="A17850" t="s">
        <v>11060</v>
      </c>
      <c r="B17850" t="s">
        <v>11061</v>
      </c>
      <c r="C17850" t="s">
        <v>11058</v>
      </c>
      <c r="D17850" t="s">
        <v>11059</v>
      </c>
      <c r="E17850" t="s">
        <v>10982</v>
      </c>
      <c r="F17850" t="s">
        <v>10983</v>
      </c>
      <c r="G17850" t="s">
        <v>10734</v>
      </c>
      <c r="H17850" t="s">
        <v>10735</v>
      </c>
      <c r="I17850" s="2">
        <v>1</v>
      </c>
      <c r="J17850" s="2">
        <v>0</v>
      </c>
      <c r="K17850" s="2">
        <v>0</v>
      </c>
      <c r="L17850" t="s">
        <v>120</v>
      </c>
      <c r="M17850" t="s">
        <v>83</v>
      </c>
      <c r="N17850" t="s">
        <v>84</v>
      </c>
      <c r="O17850" t="s">
        <v>85</v>
      </c>
      <c r="P17850" t="s">
        <v>86</v>
      </c>
      <c r="Q17850">
        <v>50</v>
      </c>
      <c r="R17850">
        <v>51</v>
      </c>
      <c r="S17850">
        <v>53</v>
      </c>
      <c r="T17850">
        <v>54</v>
      </c>
      <c r="U17850">
        <v>55</v>
      </c>
      <c r="V17850">
        <v>56</v>
      </c>
      <c r="W17850">
        <v>57</v>
      </c>
      <c r="X17850">
        <v>58</v>
      </c>
      <c r="Y17850">
        <v>60</v>
      </c>
      <c r="Z17850">
        <v>61</v>
      </c>
      <c r="AA17850">
        <v>62</v>
      </c>
      <c r="AB17850">
        <v>63</v>
      </c>
      <c r="AC17850">
        <v>65</v>
      </c>
      <c r="AD17850">
        <v>66</v>
      </c>
      <c r="AE17850">
        <v>67</v>
      </c>
      <c r="AF17850">
        <v>69</v>
      </c>
      <c r="AG17850">
        <v>70</v>
      </c>
      <c r="AH17850">
        <v>71</v>
      </c>
      <c r="AI17850">
        <v>73</v>
      </c>
      <c r="AJ17850">
        <v>74</v>
      </c>
      <c r="AK17850">
        <v>76</v>
      </c>
      <c r="AL17850">
        <v>77</v>
      </c>
      <c r="AM17850">
        <v>77</v>
      </c>
      <c r="AN17850">
        <v>78</v>
      </c>
      <c r="AO17850">
        <v>79</v>
      </c>
      <c r="AP17850">
        <v>80</v>
      </c>
      <c r="AQ17850">
        <v>81</v>
      </c>
    </row>
    <row r="17851" spans="1:43">
      <c r="A17851" t="s">
        <v>11060</v>
      </c>
      <c r="B17851" t="s">
        <v>11061</v>
      </c>
      <c r="C17851" t="s">
        <v>11058</v>
      </c>
      <c r="D17851" t="s">
        <v>11059</v>
      </c>
      <c r="E17851" t="s">
        <v>10982</v>
      </c>
      <c r="F17851" t="s">
        <v>10983</v>
      </c>
      <c r="G17851" t="s">
        <v>10734</v>
      </c>
      <c r="H17851" t="s">
        <v>10735</v>
      </c>
      <c r="I17851" s="2">
        <v>1</v>
      </c>
      <c r="J17851" s="2">
        <v>0</v>
      </c>
      <c r="K17851" s="2">
        <v>0</v>
      </c>
      <c r="L17851" t="s">
        <v>120</v>
      </c>
      <c r="M17851" t="s">
        <v>87</v>
      </c>
      <c r="N17851" t="s">
        <v>88</v>
      </c>
      <c r="O17851" t="s">
        <v>85</v>
      </c>
      <c r="P17851" t="s">
        <v>86</v>
      </c>
      <c r="Q17851">
        <v>50</v>
      </c>
      <c r="R17851">
        <v>50</v>
      </c>
      <c r="S17851">
        <v>51</v>
      </c>
      <c r="T17851">
        <v>52</v>
      </c>
      <c r="U17851">
        <v>52</v>
      </c>
      <c r="V17851">
        <v>53</v>
      </c>
      <c r="W17851">
        <v>54</v>
      </c>
      <c r="X17851">
        <v>54</v>
      </c>
      <c r="Y17851">
        <v>55</v>
      </c>
      <c r="Z17851">
        <v>56</v>
      </c>
      <c r="AA17851">
        <v>57</v>
      </c>
      <c r="AB17851">
        <v>57</v>
      </c>
      <c r="AC17851">
        <v>58</v>
      </c>
      <c r="AD17851">
        <v>59</v>
      </c>
      <c r="AE17851">
        <v>60</v>
      </c>
      <c r="AF17851">
        <v>60</v>
      </c>
      <c r="AG17851">
        <v>61</v>
      </c>
      <c r="AH17851">
        <v>62</v>
      </c>
      <c r="AI17851">
        <v>63</v>
      </c>
      <c r="AJ17851">
        <v>64</v>
      </c>
      <c r="AK17851">
        <v>65</v>
      </c>
      <c r="AL17851">
        <v>65</v>
      </c>
      <c r="AM17851">
        <v>66</v>
      </c>
      <c r="AN17851">
        <v>67</v>
      </c>
      <c r="AO17851">
        <v>68</v>
      </c>
      <c r="AP17851">
        <v>69</v>
      </c>
      <c r="AQ17851">
        <v>70</v>
      </c>
    </row>
    <row r="17852" spans="1:43">
      <c r="A17852" t="s">
        <v>11060</v>
      </c>
      <c r="B17852" t="s">
        <v>11061</v>
      </c>
      <c r="C17852" t="s">
        <v>11058</v>
      </c>
      <c r="D17852" t="s">
        <v>11059</v>
      </c>
      <c r="E17852" t="s">
        <v>10982</v>
      </c>
      <c r="F17852" t="s">
        <v>10983</v>
      </c>
      <c r="G17852" t="s">
        <v>10734</v>
      </c>
      <c r="H17852" t="s">
        <v>10735</v>
      </c>
      <c r="I17852" s="2">
        <v>1</v>
      </c>
      <c r="J17852" s="2">
        <v>0</v>
      </c>
      <c r="K17852" s="2">
        <v>0</v>
      </c>
      <c r="L17852" t="s">
        <v>120</v>
      </c>
      <c r="M17852" t="s">
        <v>89</v>
      </c>
      <c r="N17852" t="s">
        <v>90</v>
      </c>
      <c r="O17852" t="s">
        <v>85</v>
      </c>
      <c r="P17852" t="s">
        <v>86</v>
      </c>
      <c r="Q17852">
        <v>50</v>
      </c>
      <c r="R17852">
        <v>51</v>
      </c>
      <c r="S17852">
        <v>53</v>
      </c>
      <c r="T17852">
        <v>55</v>
      </c>
      <c r="U17852">
        <v>56</v>
      </c>
      <c r="V17852">
        <v>58</v>
      </c>
      <c r="W17852">
        <v>59</v>
      </c>
      <c r="X17852">
        <v>61</v>
      </c>
      <c r="Y17852">
        <v>62</v>
      </c>
      <c r="Z17852">
        <v>64</v>
      </c>
      <c r="AA17852">
        <v>65</v>
      </c>
      <c r="AB17852">
        <v>67</v>
      </c>
      <c r="AC17852">
        <v>68</v>
      </c>
      <c r="AD17852">
        <v>70</v>
      </c>
      <c r="AE17852">
        <v>71</v>
      </c>
      <c r="AF17852">
        <v>72</v>
      </c>
      <c r="AG17852">
        <v>73</v>
      </c>
      <c r="AH17852">
        <v>73</v>
      </c>
      <c r="AI17852">
        <v>74</v>
      </c>
      <c r="AJ17852">
        <v>75</v>
      </c>
      <c r="AK17852">
        <v>76</v>
      </c>
      <c r="AL17852">
        <v>76</v>
      </c>
      <c r="AM17852">
        <v>77</v>
      </c>
      <c r="AN17852">
        <v>78</v>
      </c>
      <c r="AO17852">
        <v>79</v>
      </c>
      <c r="AP17852">
        <v>79</v>
      </c>
      <c r="AQ17852">
        <v>80</v>
      </c>
    </row>
    <row r="17853" spans="1:43">
      <c r="A17853" t="s">
        <v>11060</v>
      </c>
      <c r="B17853" t="s">
        <v>11061</v>
      </c>
      <c r="C17853" t="s">
        <v>11058</v>
      </c>
      <c r="D17853" t="s">
        <v>11059</v>
      </c>
      <c r="E17853" t="s">
        <v>10982</v>
      </c>
      <c r="F17853" t="s">
        <v>10983</v>
      </c>
      <c r="G17853" t="s">
        <v>10734</v>
      </c>
      <c r="H17853" t="s">
        <v>10735</v>
      </c>
      <c r="I17853" s="2">
        <v>1</v>
      </c>
      <c r="J17853" s="2">
        <v>0</v>
      </c>
      <c r="K17853" s="2">
        <v>0</v>
      </c>
      <c r="L17853" t="s">
        <v>120</v>
      </c>
      <c r="M17853" t="s">
        <v>83</v>
      </c>
      <c r="N17853" t="s">
        <v>91</v>
      </c>
      <c r="O17853" t="s">
        <v>85</v>
      </c>
      <c r="P17853" t="s">
        <v>86</v>
      </c>
      <c r="Q17853">
        <v>50</v>
      </c>
      <c r="R17853">
        <v>51</v>
      </c>
      <c r="S17853">
        <v>53</v>
      </c>
      <c r="T17853">
        <v>54</v>
      </c>
      <c r="U17853">
        <v>55</v>
      </c>
      <c r="V17853">
        <v>56</v>
      </c>
      <c r="W17853">
        <v>57</v>
      </c>
      <c r="X17853">
        <v>58</v>
      </c>
      <c r="Y17853">
        <v>60</v>
      </c>
      <c r="Z17853">
        <v>61</v>
      </c>
      <c r="AA17853">
        <v>62</v>
      </c>
      <c r="AB17853">
        <v>63</v>
      </c>
      <c r="AC17853">
        <v>65</v>
      </c>
      <c r="AD17853">
        <v>66</v>
      </c>
      <c r="AE17853">
        <v>67</v>
      </c>
      <c r="AF17853">
        <v>69</v>
      </c>
      <c r="AG17853">
        <v>70</v>
      </c>
      <c r="AH17853">
        <v>71</v>
      </c>
      <c r="AI17853">
        <v>73</v>
      </c>
      <c r="AJ17853">
        <v>74</v>
      </c>
      <c r="AK17853">
        <v>76</v>
      </c>
      <c r="AL17853">
        <v>77</v>
      </c>
      <c r="AM17853">
        <v>77</v>
      </c>
      <c r="AN17853">
        <v>78</v>
      </c>
      <c r="AO17853">
        <v>79</v>
      </c>
      <c r="AP17853">
        <v>80</v>
      </c>
      <c r="AQ17853">
        <v>81</v>
      </c>
    </row>
    <row r="17854" spans="1:43">
      <c r="A17854" t="s">
        <v>11062</v>
      </c>
      <c r="B17854" t="s">
        <v>11063</v>
      </c>
      <c r="C17854" t="s">
        <v>11058</v>
      </c>
      <c r="D17854" t="s">
        <v>11059</v>
      </c>
      <c r="E17854" t="s">
        <v>10982</v>
      </c>
      <c r="F17854" t="s">
        <v>10983</v>
      </c>
      <c r="G17854" t="s">
        <v>10734</v>
      </c>
      <c r="H17854" t="s">
        <v>10735</v>
      </c>
      <c r="I17854" s="2">
        <v>1</v>
      </c>
      <c r="J17854" s="2">
        <v>0</v>
      </c>
      <c r="K17854" s="2">
        <v>0</v>
      </c>
      <c r="L17854" t="s">
        <v>120</v>
      </c>
      <c r="M17854" t="s">
        <v>83</v>
      </c>
      <c r="N17854" t="s">
        <v>84</v>
      </c>
      <c r="O17854" t="s">
        <v>85</v>
      </c>
      <c r="P17854" t="s">
        <v>86</v>
      </c>
      <c r="Q17854">
        <v>43</v>
      </c>
      <c r="R17854">
        <v>44</v>
      </c>
      <c r="S17854">
        <v>45</v>
      </c>
      <c r="T17854">
        <v>46</v>
      </c>
      <c r="U17854">
        <v>47</v>
      </c>
      <c r="V17854">
        <v>48</v>
      </c>
      <c r="W17854">
        <v>49</v>
      </c>
      <c r="X17854">
        <v>50</v>
      </c>
      <c r="Y17854">
        <v>51</v>
      </c>
      <c r="Z17854">
        <v>52</v>
      </c>
      <c r="AA17854">
        <v>53</v>
      </c>
      <c r="AB17854">
        <v>55</v>
      </c>
      <c r="AC17854">
        <v>56</v>
      </c>
      <c r="AD17854">
        <v>57</v>
      </c>
      <c r="AE17854">
        <v>58</v>
      </c>
      <c r="AF17854">
        <v>59</v>
      </c>
      <c r="AG17854">
        <v>60</v>
      </c>
      <c r="AH17854">
        <v>61</v>
      </c>
      <c r="AI17854">
        <v>63</v>
      </c>
      <c r="AJ17854">
        <v>64</v>
      </c>
      <c r="AK17854">
        <v>65</v>
      </c>
      <c r="AL17854">
        <v>66</v>
      </c>
      <c r="AM17854">
        <v>67</v>
      </c>
      <c r="AN17854">
        <v>67</v>
      </c>
      <c r="AO17854">
        <v>68</v>
      </c>
      <c r="AP17854">
        <v>69</v>
      </c>
      <c r="AQ17854">
        <v>69</v>
      </c>
    </row>
    <row r="17855" spans="1:43">
      <c r="A17855" t="s">
        <v>11062</v>
      </c>
      <c r="B17855" t="s">
        <v>11063</v>
      </c>
      <c r="C17855" t="s">
        <v>11058</v>
      </c>
      <c r="D17855" t="s">
        <v>11059</v>
      </c>
      <c r="E17855" t="s">
        <v>10982</v>
      </c>
      <c r="F17855" t="s">
        <v>10983</v>
      </c>
      <c r="G17855" t="s">
        <v>10734</v>
      </c>
      <c r="H17855" t="s">
        <v>10735</v>
      </c>
      <c r="I17855" s="2">
        <v>1</v>
      </c>
      <c r="J17855" s="2">
        <v>0</v>
      </c>
      <c r="K17855" s="2">
        <v>0</v>
      </c>
      <c r="L17855" t="s">
        <v>120</v>
      </c>
      <c r="M17855" t="s">
        <v>87</v>
      </c>
      <c r="N17855" t="s">
        <v>88</v>
      </c>
      <c r="O17855" t="s">
        <v>85</v>
      </c>
      <c r="P17855" t="s">
        <v>86</v>
      </c>
      <c r="Q17855">
        <v>43</v>
      </c>
      <c r="R17855">
        <v>43</v>
      </c>
      <c r="S17855">
        <v>44</v>
      </c>
      <c r="T17855">
        <v>45</v>
      </c>
      <c r="U17855">
        <v>45</v>
      </c>
      <c r="V17855">
        <v>46</v>
      </c>
      <c r="W17855">
        <v>46</v>
      </c>
      <c r="X17855">
        <v>47</v>
      </c>
      <c r="Y17855">
        <v>48</v>
      </c>
      <c r="Z17855">
        <v>48</v>
      </c>
      <c r="AA17855">
        <v>49</v>
      </c>
      <c r="AB17855">
        <v>49</v>
      </c>
      <c r="AC17855">
        <v>50</v>
      </c>
      <c r="AD17855">
        <v>51</v>
      </c>
      <c r="AE17855">
        <v>51</v>
      </c>
      <c r="AF17855">
        <v>52</v>
      </c>
      <c r="AG17855">
        <v>53</v>
      </c>
      <c r="AH17855">
        <v>53</v>
      </c>
      <c r="AI17855">
        <v>54</v>
      </c>
      <c r="AJ17855">
        <v>55</v>
      </c>
      <c r="AK17855">
        <v>56</v>
      </c>
      <c r="AL17855">
        <v>56</v>
      </c>
      <c r="AM17855">
        <v>57</v>
      </c>
      <c r="AN17855">
        <v>58</v>
      </c>
      <c r="AO17855">
        <v>59</v>
      </c>
      <c r="AP17855">
        <v>59</v>
      </c>
      <c r="AQ17855">
        <v>60</v>
      </c>
    </row>
    <row r="17856" spans="1:43">
      <c r="A17856" t="s">
        <v>11062</v>
      </c>
      <c r="B17856" t="s">
        <v>11063</v>
      </c>
      <c r="C17856" t="s">
        <v>11058</v>
      </c>
      <c r="D17856" t="s">
        <v>11059</v>
      </c>
      <c r="E17856" t="s">
        <v>10982</v>
      </c>
      <c r="F17856" t="s">
        <v>10983</v>
      </c>
      <c r="G17856" t="s">
        <v>10734</v>
      </c>
      <c r="H17856" t="s">
        <v>10735</v>
      </c>
      <c r="I17856" s="2">
        <v>1</v>
      </c>
      <c r="J17856" s="2">
        <v>0</v>
      </c>
      <c r="K17856" s="2">
        <v>0</v>
      </c>
      <c r="L17856" t="s">
        <v>120</v>
      </c>
      <c r="M17856" t="s">
        <v>89</v>
      </c>
      <c r="N17856" t="s">
        <v>90</v>
      </c>
      <c r="O17856" t="s">
        <v>85</v>
      </c>
      <c r="P17856" t="s">
        <v>86</v>
      </c>
      <c r="Q17856">
        <v>43</v>
      </c>
      <c r="R17856">
        <v>44</v>
      </c>
      <c r="S17856">
        <v>45</v>
      </c>
      <c r="T17856">
        <v>47</v>
      </c>
      <c r="U17856">
        <v>48</v>
      </c>
      <c r="V17856">
        <v>49</v>
      </c>
      <c r="W17856">
        <v>51</v>
      </c>
      <c r="X17856">
        <v>52</v>
      </c>
      <c r="Y17856">
        <v>53</v>
      </c>
      <c r="Z17856">
        <v>55</v>
      </c>
      <c r="AA17856">
        <v>56</v>
      </c>
      <c r="AB17856">
        <v>57</v>
      </c>
      <c r="AC17856">
        <v>59</v>
      </c>
      <c r="AD17856">
        <v>60</v>
      </c>
      <c r="AE17856">
        <v>61</v>
      </c>
      <c r="AF17856">
        <v>62</v>
      </c>
      <c r="AG17856">
        <v>62</v>
      </c>
      <c r="AH17856">
        <v>63</v>
      </c>
      <c r="AI17856">
        <v>64</v>
      </c>
      <c r="AJ17856">
        <v>64</v>
      </c>
      <c r="AK17856">
        <v>65</v>
      </c>
      <c r="AL17856">
        <v>66</v>
      </c>
      <c r="AM17856">
        <v>66</v>
      </c>
      <c r="AN17856">
        <v>67</v>
      </c>
      <c r="AO17856">
        <v>68</v>
      </c>
      <c r="AP17856">
        <v>68</v>
      </c>
      <c r="AQ17856">
        <v>69</v>
      </c>
    </row>
    <row r="17857" spans="1:43">
      <c r="A17857" t="s">
        <v>11062</v>
      </c>
      <c r="B17857" t="s">
        <v>11063</v>
      </c>
      <c r="C17857" t="s">
        <v>11058</v>
      </c>
      <c r="D17857" t="s">
        <v>11059</v>
      </c>
      <c r="E17857" t="s">
        <v>10982</v>
      </c>
      <c r="F17857" t="s">
        <v>10983</v>
      </c>
      <c r="G17857" t="s">
        <v>10734</v>
      </c>
      <c r="H17857" t="s">
        <v>10735</v>
      </c>
      <c r="I17857" s="2">
        <v>1</v>
      </c>
      <c r="J17857" s="2">
        <v>0</v>
      </c>
      <c r="K17857" s="2">
        <v>0</v>
      </c>
      <c r="L17857" t="s">
        <v>120</v>
      </c>
      <c r="M17857" t="s">
        <v>83</v>
      </c>
      <c r="N17857" t="s">
        <v>91</v>
      </c>
      <c r="O17857" t="s">
        <v>85</v>
      </c>
      <c r="P17857" t="s">
        <v>86</v>
      </c>
      <c r="Q17857">
        <v>43</v>
      </c>
      <c r="R17857">
        <v>44</v>
      </c>
      <c r="S17857">
        <v>45</v>
      </c>
      <c r="T17857">
        <v>46</v>
      </c>
      <c r="U17857">
        <v>47</v>
      </c>
      <c r="V17857">
        <v>48</v>
      </c>
      <c r="W17857">
        <v>49</v>
      </c>
      <c r="X17857">
        <v>50</v>
      </c>
      <c r="Y17857">
        <v>51</v>
      </c>
      <c r="Z17857">
        <v>52</v>
      </c>
      <c r="AA17857">
        <v>53</v>
      </c>
      <c r="AB17857">
        <v>55</v>
      </c>
      <c r="AC17857">
        <v>56</v>
      </c>
      <c r="AD17857">
        <v>57</v>
      </c>
      <c r="AE17857">
        <v>58</v>
      </c>
      <c r="AF17857">
        <v>59</v>
      </c>
      <c r="AG17857">
        <v>60</v>
      </c>
      <c r="AH17857">
        <v>61</v>
      </c>
      <c r="AI17857">
        <v>63</v>
      </c>
      <c r="AJ17857">
        <v>64</v>
      </c>
      <c r="AK17857">
        <v>65</v>
      </c>
      <c r="AL17857">
        <v>66</v>
      </c>
      <c r="AM17857">
        <v>67</v>
      </c>
      <c r="AN17857">
        <v>67</v>
      </c>
      <c r="AO17857">
        <v>68</v>
      </c>
      <c r="AP17857">
        <v>69</v>
      </c>
      <c r="AQ17857">
        <v>69</v>
      </c>
    </row>
    <row r="17858" spans="1:43">
      <c r="A17858" t="s">
        <v>11064</v>
      </c>
      <c r="B17858" t="s">
        <v>11065</v>
      </c>
      <c r="C17858" t="s">
        <v>11058</v>
      </c>
      <c r="D17858" t="s">
        <v>11059</v>
      </c>
      <c r="E17858" t="s">
        <v>10982</v>
      </c>
      <c r="F17858" t="s">
        <v>10983</v>
      </c>
      <c r="G17858" t="s">
        <v>10734</v>
      </c>
      <c r="H17858" t="s">
        <v>10735</v>
      </c>
      <c r="I17858" s="2">
        <v>1</v>
      </c>
      <c r="J17858" s="2">
        <v>0</v>
      </c>
      <c r="K17858" s="2">
        <v>0</v>
      </c>
      <c r="L17858" t="s">
        <v>120</v>
      </c>
      <c r="M17858" t="s">
        <v>83</v>
      </c>
      <c r="N17858" t="s">
        <v>84</v>
      </c>
      <c r="O17858" t="s">
        <v>85</v>
      </c>
      <c r="P17858" t="s">
        <v>86</v>
      </c>
      <c r="Q17858">
        <v>83</v>
      </c>
      <c r="R17858">
        <v>85</v>
      </c>
      <c r="S17858">
        <v>87</v>
      </c>
      <c r="T17858">
        <v>89</v>
      </c>
      <c r="U17858">
        <v>91</v>
      </c>
      <c r="V17858">
        <v>93</v>
      </c>
      <c r="W17858">
        <v>95</v>
      </c>
      <c r="X17858">
        <v>97</v>
      </c>
      <c r="Y17858">
        <v>99</v>
      </c>
      <c r="Z17858">
        <v>101</v>
      </c>
      <c r="AA17858">
        <v>103</v>
      </c>
      <c r="AB17858">
        <v>105</v>
      </c>
      <c r="AC17858">
        <v>107</v>
      </c>
      <c r="AD17858">
        <v>109</v>
      </c>
      <c r="AE17858">
        <v>111</v>
      </c>
      <c r="AF17858">
        <v>114</v>
      </c>
      <c r="AG17858">
        <v>116</v>
      </c>
      <c r="AH17858">
        <v>118</v>
      </c>
      <c r="AI17858">
        <v>121</v>
      </c>
      <c r="AJ17858">
        <v>123</v>
      </c>
      <c r="AK17858">
        <v>125</v>
      </c>
      <c r="AL17858">
        <v>127</v>
      </c>
      <c r="AM17858">
        <v>128</v>
      </c>
      <c r="AN17858">
        <v>130</v>
      </c>
      <c r="AO17858">
        <v>131</v>
      </c>
      <c r="AP17858">
        <v>132</v>
      </c>
      <c r="AQ17858">
        <v>134</v>
      </c>
    </row>
    <row r="17859" spans="1:43">
      <c r="A17859" t="s">
        <v>11064</v>
      </c>
      <c r="B17859" t="s">
        <v>11065</v>
      </c>
      <c r="C17859" t="s">
        <v>11058</v>
      </c>
      <c r="D17859" t="s">
        <v>11059</v>
      </c>
      <c r="E17859" t="s">
        <v>10982</v>
      </c>
      <c r="F17859" t="s">
        <v>10983</v>
      </c>
      <c r="G17859" t="s">
        <v>10734</v>
      </c>
      <c r="H17859" t="s">
        <v>10735</v>
      </c>
      <c r="I17859" s="2">
        <v>1</v>
      </c>
      <c r="J17859" s="2">
        <v>0</v>
      </c>
      <c r="K17859" s="2">
        <v>0</v>
      </c>
      <c r="L17859" t="s">
        <v>120</v>
      </c>
      <c r="M17859" t="s">
        <v>87</v>
      </c>
      <c r="N17859" t="s">
        <v>88</v>
      </c>
      <c r="O17859" t="s">
        <v>85</v>
      </c>
      <c r="P17859" t="s">
        <v>86</v>
      </c>
      <c r="Q17859">
        <v>83</v>
      </c>
      <c r="R17859">
        <v>84</v>
      </c>
      <c r="S17859">
        <v>85</v>
      </c>
      <c r="T17859">
        <v>86</v>
      </c>
      <c r="U17859">
        <v>87</v>
      </c>
      <c r="V17859">
        <v>88</v>
      </c>
      <c r="W17859">
        <v>89</v>
      </c>
      <c r="X17859">
        <v>90</v>
      </c>
      <c r="Y17859">
        <v>92</v>
      </c>
      <c r="Z17859">
        <v>93</v>
      </c>
      <c r="AA17859">
        <v>94</v>
      </c>
      <c r="AB17859">
        <v>95</v>
      </c>
      <c r="AC17859">
        <v>96</v>
      </c>
      <c r="AD17859">
        <v>98</v>
      </c>
      <c r="AE17859">
        <v>99</v>
      </c>
      <c r="AF17859">
        <v>100</v>
      </c>
      <c r="AG17859">
        <v>101</v>
      </c>
      <c r="AH17859">
        <v>103</v>
      </c>
      <c r="AI17859">
        <v>104</v>
      </c>
      <c r="AJ17859">
        <v>106</v>
      </c>
      <c r="AK17859">
        <v>107</v>
      </c>
      <c r="AL17859">
        <v>108</v>
      </c>
      <c r="AM17859">
        <v>110</v>
      </c>
      <c r="AN17859">
        <v>111</v>
      </c>
      <c r="AO17859">
        <v>113</v>
      </c>
      <c r="AP17859">
        <v>114</v>
      </c>
      <c r="AQ17859">
        <v>116</v>
      </c>
    </row>
    <row r="17860" spans="1:43">
      <c r="A17860" t="s">
        <v>11064</v>
      </c>
      <c r="B17860" t="s">
        <v>11065</v>
      </c>
      <c r="C17860" t="s">
        <v>11058</v>
      </c>
      <c r="D17860" t="s">
        <v>11059</v>
      </c>
      <c r="E17860" t="s">
        <v>10982</v>
      </c>
      <c r="F17860" t="s">
        <v>10983</v>
      </c>
      <c r="G17860" t="s">
        <v>10734</v>
      </c>
      <c r="H17860" t="s">
        <v>10735</v>
      </c>
      <c r="I17860" s="2">
        <v>1</v>
      </c>
      <c r="J17860" s="2">
        <v>0</v>
      </c>
      <c r="K17860" s="2">
        <v>0</v>
      </c>
      <c r="L17860" t="s">
        <v>120</v>
      </c>
      <c r="M17860" t="s">
        <v>89</v>
      </c>
      <c r="N17860" t="s">
        <v>90</v>
      </c>
      <c r="O17860" t="s">
        <v>85</v>
      </c>
      <c r="P17860" t="s">
        <v>86</v>
      </c>
      <c r="Q17860">
        <v>83</v>
      </c>
      <c r="R17860">
        <v>86</v>
      </c>
      <c r="S17860">
        <v>88</v>
      </c>
      <c r="T17860">
        <v>91</v>
      </c>
      <c r="U17860">
        <v>94</v>
      </c>
      <c r="V17860">
        <v>96</v>
      </c>
      <c r="W17860">
        <v>99</v>
      </c>
      <c r="X17860">
        <v>101</v>
      </c>
      <c r="Y17860">
        <v>104</v>
      </c>
      <c r="Z17860">
        <v>106</v>
      </c>
      <c r="AA17860">
        <v>109</v>
      </c>
      <c r="AB17860">
        <v>111</v>
      </c>
      <c r="AC17860">
        <v>114</v>
      </c>
      <c r="AD17860">
        <v>116</v>
      </c>
      <c r="AE17860">
        <v>119</v>
      </c>
      <c r="AF17860">
        <v>120</v>
      </c>
      <c r="AG17860">
        <v>121</v>
      </c>
      <c r="AH17860">
        <v>122</v>
      </c>
      <c r="AI17860">
        <v>123</v>
      </c>
      <c r="AJ17860">
        <v>125</v>
      </c>
      <c r="AK17860">
        <v>126</v>
      </c>
      <c r="AL17860">
        <v>127</v>
      </c>
      <c r="AM17860">
        <v>128</v>
      </c>
      <c r="AN17860">
        <v>130</v>
      </c>
      <c r="AO17860">
        <v>131</v>
      </c>
      <c r="AP17860">
        <v>133</v>
      </c>
      <c r="AQ17860">
        <v>134</v>
      </c>
    </row>
    <row r="17861" spans="1:43">
      <c r="A17861" t="s">
        <v>11064</v>
      </c>
      <c r="B17861" t="s">
        <v>11065</v>
      </c>
      <c r="C17861" t="s">
        <v>11058</v>
      </c>
      <c r="D17861" t="s">
        <v>11059</v>
      </c>
      <c r="E17861" t="s">
        <v>10982</v>
      </c>
      <c r="F17861" t="s">
        <v>10983</v>
      </c>
      <c r="G17861" t="s">
        <v>10734</v>
      </c>
      <c r="H17861" t="s">
        <v>10735</v>
      </c>
      <c r="I17861" s="2">
        <v>1</v>
      </c>
      <c r="J17861" s="2">
        <v>0</v>
      </c>
      <c r="K17861" s="2">
        <v>0</v>
      </c>
      <c r="L17861" t="s">
        <v>120</v>
      </c>
      <c r="M17861" t="s">
        <v>83</v>
      </c>
      <c r="N17861" t="s">
        <v>91</v>
      </c>
      <c r="O17861" t="s">
        <v>85</v>
      </c>
      <c r="P17861" t="s">
        <v>86</v>
      </c>
      <c r="Q17861">
        <v>83</v>
      </c>
      <c r="R17861">
        <v>85</v>
      </c>
      <c r="S17861">
        <v>87</v>
      </c>
      <c r="T17861">
        <v>89</v>
      </c>
      <c r="U17861">
        <v>91</v>
      </c>
      <c r="V17861">
        <v>93</v>
      </c>
      <c r="W17861">
        <v>95</v>
      </c>
      <c r="X17861">
        <v>97</v>
      </c>
      <c r="Y17861">
        <v>99</v>
      </c>
      <c r="Z17861">
        <v>101</v>
      </c>
      <c r="AA17861">
        <v>103</v>
      </c>
      <c r="AB17861">
        <v>105</v>
      </c>
      <c r="AC17861">
        <v>107</v>
      </c>
      <c r="AD17861">
        <v>109</v>
      </c>
      <c r="AE17861">
        <v>111</v>
      </c>
      <c r="AF17861">
        <v>114</v>
      </c>
      <c r="AG17861">
        <v>116</v>
      </c>
      <c r="AH17861">
        <v>118</v>
      </c>
      <c r="AI17861">
        <v>121</v>
      </c>
      <c r="AJ17861">
        <v>123</v>
      </c>
      <c r="AK17861">
        <v>125</v>
      </c>
      <c r="AL17861">
        <v>127</v>
      </c>
      <c r="AM17861">
        <v>128</v>
      </c>
      <c r="AN17861">
        <v>130</v>
      </c>
      <c r="AO17861">
        <v>131</v>
      </c>
      <c r="AP17861">
        <v>132</v>
      </c>
      <c r="AQ17861">
        <v>134</v>
      </c>
    </row>
    <row r="17862" spans="1:43">
      <c r="A17862" t="s">
        <v>11066</v>
      </c>
      <c r="B17862" t="s">
        <v>11067</v>
      </c>
      <c r="C17862" t="s">
        <v>11068</v>
      </c>
      <c r="D17862" t="s">
        <v>11069</v>
      </c>
      <c r="E17862" t="s">
        <v>10982</v>
      </c>
      <c r="F17862" t="s">
        <v>10983</v>
      </c>
      <c r="G17862" t="s">
        <v>10734</v>
      </c>
      <c r="H17862" t="s">
        <v>10735</v>
      </c>
      <c r="I17862" s="2">
        <v>1</v>
      </c>
      <c r="J17862" s="2">
        <v>0</v>
      </c>
      <c r="K17862" s="2">
        <v>0</v>
      </c>
      <c r="L17862" t="s">
        <v>120</v>
      </c>
      <c r="M17862" t="s">
        <v>83</v>
      </c>
      <c r="N17862" t="s">
        <v>84</v>
      </c>
      <c r="O17862" t="s">
        <v>85</v>
      </c>
      <c r="P17862" t="s">
        <v>86</v>
      </c>
      <c r="Q17862">
        <v>13</v>
      </c>
      <c r="R17862">
        <v>13</v>
      </c>
      <c r="S17862">
        <v>13</v>
      </c>
      <c r="T17862">
        <v>13</v>
      </c>
      <c r="U17862">
        <v>13</v>
      </c>
      <c r="V17862">
        <v>14</v>
      </c>
      <c r="W17862">
        <v>14</v>
      </c>
      <c r="X17862">
        <v>14</v>
      </c>
      <c r="Y17862">
        <v>14</v>
      </c>
      <c r="Z17862">
        <v>14</v>
      </c>
      <c r="AA17862">
        <v>14</v>
      </c>
      <c r="AB17862">
        <v>15</v>
      </c>
      <c r="AC17862">
        <v>15</v>
      </c>
      <c r="AD17862">
        <v>15</v>
      </c>
      <c r="AE17862">
        <v>15</v>
      </c>
      <c r="AF17862">
        <v>15</v>
      </c>
      <c r="AG17862">
        <v>15</v>
      </c>
      <c r="AH17862">
        <v>16</v>
      </c>
      <c r="AI17862">
        <v>16</v>
      </c>
      <c r="AJ17862">
        <v>16</v>
      </c>
      <c r="AK17862">
        <v>16</v>
      </c>
      <c r="AL17862">
        <v>16</v>
      </c>
      <c r="AM17862">
        <v>16</v>
      </c>
      <c r="AN17862">
        <v>16</v>
      </c>
      <c r="AO17862">
        <v>16</v>
      </c>
      <c r="AP17862">
        <v>16</v>
      </c>
      <c r="AQ17862">
        <v>17</v>
      </c>
    </row>
    <row r="17863" spans="1:43">
      <c r="A17863" t="s">
        <v>11066</v>
      </c>
      <c r="B17863" t="s">
        <v>11067</v>
      </c>
      <c r="C17863" t="s">
        <v>11068</v>
      </c>
      <c r="D17863" t="s">
        <v>11069</v>
      </c>
      <c r="E17863" t="s">
        <v>10982</v>
      </c>
      <c r="F17863" t="s">
        <v>10983</v>
      </c>
      <c r="G17863" t="s">
        <v>10734</v>
      </c>
      <c r="H17863" t="s">
        <v>10735</v>
      </c>
      <c r="I17863" s="2">
        <v>1</v>
      </c>
      <c r="J17863" s="2">
        <v>0</v>
      </c>
      <c r="K17863" s="2">
        <v>0</v>
      </c>
      <c r="L17863" t="s">
        <v>120</v>
      </c>
      <c r="M17863" t="s">
        <v>87</v>
      </c>
      <c r="N17863" t="s">
        <v>88</v>
      </c>
      <c r="O17863" t="s">
        <v>85</v>
      </c>
      <c r="P17863" t="s">
        <v>86</v>
      </c>
      <c r="Q17863">
        <v>13</v>
      </c>
      <c r="R17863">
        <v>13</v>
      </c>
      <c r="S17863">
        <v>13</v>
      </c>
      <c r="T17863">
        <v>13</v>
      </c>
      <c r="U17863">
        <v>13</v>
      </c>
      <c r="V17863">
        <v>13</v>
      </c>
      <c r="W17863">
        <v>13</v>
      </c>
      <c r="X17863">
        <v>13</v>
      </c>
      <c r="Y17863">
        <v>13</v>
      </c>
      <c r="Z17863">
        <v>13</v>
      </c>
      <c r="AA17863">
        <v>13</v>
      </c>
      <c r="AB17863">
        <v>13</v>
      </c>
      <c r="AC17863">
        <v>13</v>
      </c>
      <c r="AD17863">
        <v>13</v>
      </c>
      <c r="AE17863">
        <v>13</v>
      </c>
      <c r="AF17863">
        <v>14</v>
      </c>
      <c r="AG17863">
        <v>14</v>
      </c>
      <c r="AH17863">
        <v>14</v>
      </c>
      <c r="AI17863">
        <v>14</v>
      </c>
      <c r="AJ17863">
        <v>14</v>
      </c>
      <c r="AK17863">
        <v>14</v>
      </c>
      <c r="AL17863">
        <v>14</v>
      </c>
      <c r="AM17863">
        <v>14</v>
      </c>
      <c r="AN17863">
        <v>14</v>
      </c>
      <c r="AO17863">
        <v>14</v>
      </c>
      <c r="AP17863">
        <v>14</v>
      </c>
      <c r="AQ17863">
        <v>14</v>
      </c>
    </row>
    <row r="17864" spans="1:43">
      <c r="A17864" t="s">
        <v>11066</v>
      </c>
      <c r="B17864" t="s">
        <v>11067</v>
      </c>
      <c r="C17864" t="s">
        <v>11068</v>
      </c>
      <c r="D17864" t="s">
        <v>11069</v>
      </c>
      <c r="E17864" t="s">
        <v>10982</v>
      </c>
      <c r="F17864" t="s">
        <v>10983</v>
      </c>
      <c r="G17864" t="s">
        <v>10734</v>
      </c>
      <c r="H17864" t="s">
        <v>10735</v>
      </c>
      <c r="I17864" s="2">
        <v>1</v>
      </c>
      <c r="J17864" s="2">
        <v>0</v>
      </c>
      <c r="K17864" s="2">
        <v>0</v>
      </c>
      <c r="L17864" t="s">
        <v>120</v>
      </c>
      <c r="M17864" t="s">
        <v>89</v>
      </c>
      <c r="N17864" t="s">
        <v>90</v>
      </c>
      <c r="O17864" t="s">
        <v>85</v>
      </c>
      <c r="P17864" t="s">
        <v>86</v>
      </c>
      <c r="Q17864">
        <v>13</v>
      </c>
      <c r="R17864">
        <v>13</v>
      </c>
      <c r="S17864">
        <v>13</v>
      </c>
      <c r="T17864">
        <v>14</v>
      </c>
      <c r="U17864">
        <v>14</v>
      </c>
      <c r="V17864">
        <v>14</v>
      </c>
      <c r="W17864">
        <v>14</v>
      </c>
      <c r="X17864">
        <v>15</v>
      </c>
      <c r="Y17864">
        <v>15</v>
      </c>
      <c r="Z17864">
        <v>15</v>
      </c>
      <c r="AA17864">
        <v>15</v>
      </c>
      <c r="AB17864">
        <v>16</v>
      </c>
      <c r="AC17864">
        <v>16</v>
      </c>
      <c r="AD17864">
        <v>16</v>
      </c>
      <c r="AE17864">
        <v>16</v>
      </c>
      <c r="AF17864">
        <v>16</v>
      </c>
      <c r="AG17864">
        <v>16</v>
      </c>
      <c r="AH17864">
        <v>16</v>
      </c>
      <c r="AI17864">
        <v>16</v>
      </c>
      <c r="AJ17864">
        <v>16</v>
      </c>
      <c r="AK17864">
        <v>16</v>
      </c>
      <c r="AL17864">
        <v>16</v>
      </c>
      <c r="AM17864">
        <v>17</v>
      </c>
      <c r="AN17864">
        <v>17</v>
      </c>
      <c r="AO17864">
        <v>17</v>
      </c>
      <c r="AP17864">
        <v>17</v>
      </c>
      <c r="AQ17864">
        <v>17</v>
      </c>
    </row>
    <row r="17865" spans="1:43">
      <c r="A17865" t="s">
        <v>11066</v>
      </c>
      <c r="B17865" t="s">
        <v>11067</v>
      </c>
      <c r="C17865" t="s">
        <v>11068</v>
      </c>
      <c r="D17865" t="s">
        <v>11069</v>
      </c>
      <c r="E17865" t="s">
        <v>10982</v>
      </c>
      <c r="F17865" t="s">
        <v>10983</v>
      </c>
      <c r="G17865" t="s">
        <v>10734</v>
      </c>
      <c r="H17865" t="s">
        <v>10735</v>
      </c>
      <c r="I17865" s="2">
        <v>1</v>
      </c>
      <c r="J17865" s="2">
        <v>0</v>
      </c>
      <c r="K17865" s="2">
        <v>0</v>
      </c>
      <c r="L17865" t="s">
        <v>120</v>
      </c>
      <c r="M17865" t="s">
        <v>83</v>
      </c>
      <c r="N17865" t="s">
        <v>91</v>
      </c>
      <c r="O17865" t="s">
        <v>85</v>
      </c>
      <c r="P17865" t="s">
        <v>86</v>
      </c>
      <c r="Q17865">
        <v>13</v>
      </c>
      <c r="R17865">
        <v>13</v>
      </c>
      <c r="S17865">
        <v>13</v>
      </c>
      <c r="T17865">
        <v>13</v>
      </c>
      <c r="U17865">
        <v>13</v>
      </c>
      <c r="V17865">
        <v>14</v>
      </c>
      <c r="W17865">
        <v>14</v>
      </c>
      <c r="X17865">
        <v>14</v>
      </c>
      <c r="Y17865">
        <v>14</v>
      </c>
      <c r="Z17865">
        <v>14</v>
      </c>
      <c r="AA17865">
        <v>14</v>
      </c>
      <c r="AB17865">
        <v>15</v>
      </c>
      <c r="AC17865">
        <v>15</v>
      </c>
      <c r="AD17865">
        <v>15</v>
      </c>
      <c r="AE17865">
        <v>15</v>
      </c>
      <c r="AF17865">
        <v>15</v>
      </c>
      <c r="AG17865">
        <v>15</v>
      </c>
      <c r="AH17865">
        <v>16</v>
      </c>
      <c r="AI17865">
        <v>16</v>
      </c>
      <c r="AJ17865">
        <v>16</v>
      </c>
      <c r="AK17865">
        <v>16</v>
      </c>
      <c r="AL17865">
        <v>16</v>
      </c>
      <c r="AM17865">
        <v>16</v>
      </c>
      <c r="AN17865">
        <v>16</v>
      </c>
      <c r="AO17865">
        <v>16</v>
      </c>
      <c r="AP17865">
        <v>16</v>
      </c>
      <c r="AQ17865">
        <v>17</v>
      </c>
    </row>
    <row r="17866" spans="1:43">
      <c r="A17866" t="s">
        <v>11070</v>
      </c>
      <c r="B17866" t="s">
        <v>11071</v>
      </c>
      <c r="C17866" t="s">
        <v>11068</v>
      </c>
      <c r="D17866" t="s">
        <v>11069</v>
      </c>
      <c r="E17866" t="s">
        <v>10982</v>
      </c>
      <c r="F17866" t="s">
        <v>10983</v>
      </c>
      <c r="G17866" t="s">
        <v>10734</v>
      </c>
      <c r="H17866" t="s">
        <v>10735</v>
      </c>
      <c r="I17866" s="2">
        <v>1</v>
      </c>
      <c r="J17866" s="2">
        <v>0</v>
      </c>
      <c r="K17866" s="2">
        <v>0</v>
      </c>
      <c r="L17866" t="s">
        <v>120</v>
      </c>
      <c r="M17866" t="s">
        <v>83</v>
      </c>
      <c r="N17866" t="s">
        <v>84</v>
      </c>
      <c r="O17866" t="s">
        <v>85</v>
      </c>
      <c r="P17866" t="s">
        <v>86</v>
      </c>
      <c r="Q17866">
        <v>90</v>
      </c>
      <c r="R17866">
        <v>92</v>
      </c>
      <c r="S17866">
        <v>94</v>
      </c>
      <c r="T17866">
        <v>97</v>
      </c>
      <c r="U17866">
        <v>99</v>
      </c>
      <c r="V17866">
        <v>101</v>
      </c>
      <c r="W17866">
        <v>103</v>
      </c>
      <c r="X17866">
        <v>105</v>
      </c>
      <c r="Y17866">
        <v>107</v>
      </c>
      <c r="Z17866">
        <v>109</v>
      </c>
      <c r="AA17866">
        <v>112</v>
      </c>
      <c r="AB17866">
        <v>114</v>
      </c>
      <c r="AC17866">
        <v>116</v>
      </c>
      <c r="AD17866">
        <v>118</v>
      </c>
      <c r="AE17866">
        <v>121</v>
      </c>
      <c r="AF17866">
        <v>123</v>
      </c>
      <c r="AG17866">
        <v>125</v>
      </c>
      <c r="AH17866">
        <v>128</v>
      </c>
      <c r="AI17866">
        <v>130</v>
      </c>
      <c r="AJ17866">
        <v>133</v>
      </c>
      <c r="AK17866">
        <v>136</v>
      </c>
      <c r="AL17866">
        <v>137</v>
      </c>
      <c r="AM17866">
        <v>139</v>
      </c>
      <c r="AN17866">
        <v>140</v>
      </c>
      <c r="AO17866">
        <v>142</v>
      </c>
      <c r="AP17866">
        <v>143</v>
      </c>
      <c r="AQ17866">
        <v>145</v>
      </c>
    </row>
    <row r="17867" spans="1:43">
      <c r="A17867" t="s">
        <v>11070</v>
      </c>
      <c r="B17867" t="s">
        <v>11071</v>
      </c>
      <c r="C17867" t="s">
        <v>11068</v>
      </c>
      <c r="D17867" t="s">
        <v>11069</v>
      </c>
      <c r="E17867" t="s">
        <v>10982</v>
      </c>
      <c r="F17867" t="s">
        <v>10983</v>
      </c>
      <c r="G17867" t="s">
        <v>10734</v>
      </c>
      <c r="H17867" t="s">
        <v>10735</v>
      </c>
      <c r="I17867" s="2">
        <v>1</v>
      </c>
      <c r="J17867" s="2">
        <v>0</v>
      </c>
      <c r="K17867" s="2">
        <v>0</v>
      </c>
      <c r="L17867" t="s">
        <v>120</v>
      </c>
      <c r="M17867" t="s">
        <v>87</v>
      </c>
      <c r="N17867" t="s">
        <v>88</v>
      </c>
      <c r="O17867" t="s">
        <v>85</v>
      </c>
      <c r="P17867" t="s">
        <v>86</v>
      </c>
      <c r="Q17867">
        <v>90</v>
      </c>
      <c r="R17867">
        <v>92</v>
      </c>
      <c r="S17867">
        <v>93</v>
      </c>
      <c r="T17867">
        <v>94</v>
      </c>
      <c r="U17867">
        <v>95</v>
      </c>
      <c r="V17867">
        <v>96</v>
      </c>
      <c r="W17867">
        <v>98</v>
      </c>
      <c r="X17867">
        <v>99</v>
      </c>
      <c r="Y17867">
        <v>100</v>
      </c>
      <c r="Z17867">
        <v>101</v>
      </c>
      <c r="AA17867">
        <v>103</v>
      </c>
      <c r="AB17867">
        <v>104</v>
      </c>
      <c r="AC17867">
        <v>105</v>
      </c>
      <c r="AD17867">
        <v>107</v>
      </c>
      <c r="AE17867">
        <v>108</v>
      </c>
      <c r="AF17867">
        <v>110</v>
      </c>
      <c r="AG17867">
        <v>111</v>
      </c>
      <c r="AH17867">
        <v>112</v>
      </c>
      <c r="AI17867">
        <v>114</v>
      </c>
      <c r="AJ17867">
        <v>115</v>
      </c>
      <c r="AK17867">
        <v>117</v>
      </c>
      <c r="AL17867">
        <v>119</v>
      </c>
      <c r="AM17867">
        <v>120</v>
      </c>
      <c r="AN17867">
        <v>122</v>
      </c>
      <c r="AO17867">
        <v>123</v>
      </c>
      <c r="AP17867">
        <v>125</v>
      </c>
      <c r="AQ17867">
        <v>127</v>
      </c>
    </row>
    <row r="17868" spans="1:43">
      <c r="A17868" t="s">
        <v>11070</v>
      </c>
      <c r="B17868" t="s">
        <v>11071</v>
      </c>
      <c r="C17868" t="s">
        <v>11068</v>
      </c>
      <c r="D17868" t="s">
        <v>11069</v>
      </c>
      <c r="E17868" t="s">
        <v>10982</v>
      </c>
      <c r="F17868" t="s">
        <v>10983</v>
      </c>
      <c r="G17868" t="s">
        <v>10734</v>
      </c>
      <c r="H17868" t="s">
        <v>10735</v>
      </c>
      <c r="I17868" s="2">
        <v>1</v>
      </c>
      <c r="J17868" s="2">
        <v>0</v>
      </c>
      <c r="K17868" s="2">
        <v>0</v>
      </c>
      <c r="L17868" t="s">
        <v>120</v>
      </c>
      <c r="M17868" t="s">
        <v>89</v>
      </c>
      <c r="N17868" t="s">
        <v>90</v>
      </c>
      <c r="O17868" t="s">
        <v>85</v>
      </c>
      <c r="P17868" t="s">
        <v>86</v>
      </c>
      <c r="Q17868">
        <v>90</v>
      </c>
      <c r="R17868">
        <v>93</v>
      </c>
      <c r="S17868">
        <v>96</v>
      </c>
      <c r="T17868">
        <v>99</v>
      </c>
      <c r="U17868">
        <v>102</v>
      </c>
      <c r="V17868">
        <v>104</v>
      </c>
      <c r="W17868">
        <v>107</v>
      </c>
      <c r="X17868">
        <v>110</v>
      </c>
      <c r="Y17868">
        <v>112</v>
      </c>
      <c r="Z17868">
        <v>115</v>
      </c>
      <c r="AA17868">
        <v>118</v>
      </c>
      <c r="AB17868">
        <v>120</v>
      </c>
      <c r="AC17868">
        <v>123</v>
      </c>
      <c r="AD17868">
        <v>126</v>
      </c>
      <c r="AE17868">
        <v>128</v>
      </c>
      <c r="AF17868">
        <v>129</v>
      </c>
      <c r="AG17868">
        <v>131</v>
      </c>
      <c r="AH17868">
        <v>132</v>
      </c>
      <c r="AI17868">
        <v>134</v>
      </c>
      <c r="AJ17868">
        <v>135</v>
      </c>
      <c r="AK17868">
        <v>136</v>
      </c>
      <c r="AL17868">
        <v>138</v>
      </c>
      <c r="AM17868">
        <v>139</v>
      </c>
      <c r="AN17868">
        <v>141</v>
      </c>
      <c r="AO17868">
        <v>142</v>
      </c>
      <c r="AP17868">
        <v>144</v>
      </c>
      <c r="AQ17868">
        <v>145</v>
      </c>
    </row>
    <row r="17869" spans="1:43">
      <c r="A17869" t="s">
        <v>11070</v>
      </c>
      <c r="B17869" t="s">
        <v>11071</v>
      </c>
      <c r="C17869" t="s">
        <v>11068</v>
      </c>
      <c r="D17869" t="s">
        <v>11069</v>
      </c>
      <c r="E17869" t="s">
        <v>10982</v>
      </c>
      <c r="F17869" t="s">
        <v>10983</v>
      </c>
      <c r="G17869" t="s">
        <v>10734</v>
      </c>
      <c r="H17869" t="s">
        <v>10735</v>
      </c>
      <c r="I17869" s="2">
        <v>1</v>
      </c>
      <c r="J17869" s="2">
        <v>0</v>
      </c>
      <c r="K17869" s="2">
        <v>0</v>
      </c>
      <c r="L17869" t="s">
        <v>120</v>
      </c>
      <c r="M17869" t="s">
        <v>83</v>
      </c>
      <c r="N17869" t="s">
        <v>91</v>
      </c>
      <c r="O17869" t="s">
        <v>85</v>
      </c>
      <c r="P17869" t="s">
        <v>86</v>
      </c>
      <c r="Q17869">
        <v>90</v>
      </c>
      <c r="R17869">
        <v>92</v>
      </c>
      <c r="S17869">
        <v>94</v>
      </c>
      <c r="T17869">
        <v>97</v>
      </c>
      <c r="U17869">
        <v>99</v>
      </c>
      <c r="V17869">
        <v>101</v>
      </c>
      <c r="W17869">
        <v>103</v>
      </c>
      <c r="X17869">
        <v>105</v>
      </c>
      <c r="Y17869">
        <v>107</v>
      </c>
      <c r="Z17869">
        <v>109</v>
      </c>
      <c r="AA17869">
        <v>112</v>
      </c>
      <c r="AB17869">
        <v>114</v>
      </c>
      <c r="AC17869">
        <v>116</v>
      </c>
      <c r="AD17869">
        <v>118</v>
      </c>
      <c r="AE17869">
        <v>121</v>
      </c>
      <c r="AF17869">
        <v>123</v>
      </c>
      <c r="AG17869">
        <v>125</v>
      </c>
      <c r="AH17869">
        <v>128</v>
      </c>
      <c r="AI17869">
        <v>130</v>
      </c>
      <c r="AJ17869">
        <v>133</v>
      </c>
      <c r="AK17869">
        <v>136</v>
      </c>
      <c r="AL17869">
        <v>137</v>
      </c>
      <c r="AM17869">
        <v>139</v>
      </c>
      <c r="AN17869">
        <v>140</v>
      </c>
      <c r="AO17869">
        <v>142</v>
      </c>
      <c r="AP17869">
        <v>143</v>
      </c>
      <c r="AQ17869">
        <v>145</v>
      </c>
    </row>
    <row r="17870" spans="1:43">
      <c r="A17870" t="s">
        <v>11072</v>
      </c>
      <c r="B17870" t="s">
        <v>11073</v>
      </c>
      <c r="C17870" t="s">
        <v>11074</v>
      </c>
      <c r="D17870" t="s">
        <v>11075</v>
      </c>
      <c r="E17870" t="s">
        <v>10982</v>
      </c>
      <c r="F17870" t="s">
        <v>10983</v>
      </c>
      <c r="G17870" t="s">
        <v>10734</v>
      </c>
      <c r="H17870" t="s">
        <v>10735</v>
      </c>
      <c r="I17870" s="2">
        <v>1</v>
      </c>
      <c r="J17870" s="2">
        <v>0</v>
      </c>
      <c r="K17870" s="2">
        <v>0</v>
      </c>
      <c r="L17870" t="s">
        <v>120</v>
      </c>
      <c r="M17870" t="s">
        <v>83</v>
      </c>
      <c r="N17870" t="s">
        <v>84</v>
      </c>
      <c r="O17870" t="s">
        <v>85</v>
      </c>
      <c r="P17870" t="s">
        <v>86</v>
      </c>
      <c r="Q17870">
        <v>13</v>
      </c>
      <c r="R17870">
        <v>13</v>
      </c>
      <c r="S17870">
        <v>14</v>
      </c>
      <c r="T17870">
        <v>14</v>
      </c>
      <c r="U17870">
        <v>14</v>
      </c>
      <c r="V17870">
        <v>14</v>
      </c>
      <c r="W17870">
        <v>15</v>
      </c>
      <c r="X17870">
        <v>15</v>
      </c>
      <c r="Y17870">
        <v>15</v>
      </c>
      <c r="Z17870">
        <v>16</v>
      </c>
      <c r="AA17870">
        <v>16</v>
      </c>
      <c r="AB17870">
        <v>16</v>
      </c>
      <c r="AC17870">
        <v>17</v>
      </c>
      <c r="AD17870">
        <v>17</v>
      </c>
      <c r="AE17870">
        <v>17</v>
      </c>
      <c r="AF17870">
        <v>18</v>
      </c>
      <c r="AG17870">
        <v>18</v>
      </c>
      <c r="AH17870">
        <v>18</v>
      </c>
      <c r="AI17870">
        <v>19</v>
      </c>
      <c r="AJ17870">
        <v>19</v>
      </c>
      <c r="AK17870">
        <v>19</v>
      </c>
      <c r="AL17870">
        <v>20</v>
      </c>
      <c r="AM17870">
        <v>20</v>
      </c>
      <c r="AN17870">
        <v>20</v>
      </c>
      <c r="AO17870">
        <v>20</v>
      </c>
      <c r="AP17870">
        <v>21</v>
      </c>
      <c r="AQ17870">
        <v>21</v>
      </c>
    </row>
    <row r="17871" spans="1:43">
      <c r="A17871" t="s">
        <v>11072</v>
      </c>
      <c r="B17871" t="s">
        <v>11073</v>
      </c>
      <c r="C17871" t="s">
        <v>11074</v>
      </c>
      <c r="D17871" t="s">
        <v>11075</v>
      </c>
      <c r="E17871" t="s">
        <v>10982</v>
      </c>
      <c r="F17871" t="s">
        <v>10983</v>
      </c>
      <c r="G17871" t="s">
        <v>10734</v>
      </c>
      <c r="H17871" t="s">
        <v>10735</v>
      </c>
      <c r="I17871" s="2">
        <v>1</v>
      </c>
      <c r="J17871" s="2">
        <v>0</v>
      </c>
      <c r="K17871" s="2">
        <v>0</v>
      </c>
      <c r="L17871" t="s">
        <v>120</v>
      </c>
      <c r="M17871" t="s">
        <v>87</v>
      </c>
      <c r="N17871" t="s">
        <v>88</v>
      </c>
      <c r="O17871" t="s">
        <v>85</v>
      </c>
      <c r="P17871" t="s">
        <v>86</v>
      </c>
      <c r="Q17871">
        <v>13</v>
      </c>
      <c r="R17871">
        <v>13</v>
      </c>
      <c r="S17871">
        <v>13</v>
      </c>
      <c r="T17871">
        <v>13</v>
      </c>
      <c r="U17871">
        <v>14</v>
      </c>
      <c r="V17871">
        <v>14</v>
      </c>
      <c r="W17871">
        <v>14</v>
      </c>
      <c r="X17871">
        <v>14</v>
      </c>
      <c r="Y17871">
        <v>14</v>
      </c>
      <c r="Z17871">
        <v>14</v>
      </c>
      <c r="AA17871">
        <v>15</v>
      </c>
      <c r="AB17871">
        <v>15</v>
      </c>
      <c r="AC17871">
        <v>15</v>
      </c>
      <c r="AD17871">
        <v>15</v>
      </c>
      <c r="AE17871">
        <v>15</v>
      </c>
      <c r="AF17871">
        <v>16</v>
      </c>
      <c r="AG17871">
        <v>16</v>
      </c>
      <c r="AH17871">
        <v>16</v>
      </c>
      <c r="AI17871">
        <v>16</v>
      </c>
      <c r="AJ17871">
        <v>16</v>
      </c>
      <c r="AK17871">
        <v>17</v>
      </c>
      <c r="AL17871">
        <v>17</v>
      </c>
      <c r="AM17871">
        <v>17</v>
      </c>
      <c r="AN17871">
        <v>17</v>
      </c>
      <c r="AO17871">
        <v>18</v>
      </c>
      <c r="AP17871">
        <v>18</v>
      </c>
      <c r="AQ17871">
        <v>18</v>
      </c>
    </row>
    <row r="17872" spans="1:43">
      <c r="A17872" t="s">
        <v>11072</v>
      </c>
      <c r="B17872" t="s">
        <v>11073</v>
      </c>
      <c r="C17872" t="s">
        <v>11074</v>
      </c>
      <c r="D17872" t="s">
        <v>11075</v>
      </c>
      <c r="E17872" t="s">
        <v>10982</v>
      </c>
      <c r="F17872" t="s">
        <v>10983</v>
      </c>
      <c r="G17872" t="s">
        <v>10734</v>
      </c>
      <c r="H17872" t="s">
        <v>10735</v>
      </c>
      <c r="I17872" s="2">
        <v>1</v>
      </c>
      <c r="J17872" s="2">
        <v>0</v>
      </c>
      <c r="K17872" s="2">
        <v>0</v>
      </c>
      <c r="L17872" t="s">
        <v>120</v>
      </c>
      <c r="M17872" t="s">
        <v>89</v>
      </c>
      <c r="N17872" t="s">
        <v>90</v>
      </c>
      <c r="O17872" t="s">
        <v>85</v>
      </c>
      <c r="P17872" t="s">
        <v>86</v>
      </c>
      <c r="Q17872">
        <v>13</v>
      </c>
      <c r="R17872">
        <v>13</v>
      </c>
      <c r="S17872">
        <v>14</v>
      </c>
      <c r="T17872">
        <v>14</v>
      </c>
      <c r="U17872">
        <v>15</v>
      </c>
      <c r="V17872">
        <v>15</v>
      </c>
      <c r="W17872">
        <v>15</v>
      </c>
      <c r="X17872">
        <v>16</v>
      </c>
      <c r="Y17872">
        <v>16</v>
      </c>
      <c r="Z17872">
        <v>17</v>
      </c>
      <c r="AA17872">
        <v>17</v>
      </c>
      <c r="AB17872">
        <v>17</v>
      </c>
      <c r="AC17872">
        <v>18</v>
      </c>
      <c r="AD17872">
        <v>18</v>
      </c>
      <c r="AE17872">
        <v>19</v>
      </c>
      <c r="AF17872">
        <v>19</v>
      </c>
      <c r="AG17872">
        <v>19</v>
      </c>
      <c r="AH17872">
        <v>19</v>
      </c>
      <c r="AI17872">
        <v>19</v>
      </c>
      <c r="AJ17872">
        <v>19</v>
      </c>
      <c r="AK17872">
        <v>20</v>
      </c>
      <c r="AL17872">
        <v>20</v>
      </c>
      <c r="AM17872">
        <v>20</v>
      </c>
      <c r="AN17872">
        <v>20</v>
      </c>
      <c r="AO17872">
        <v>21</v>
      </c>
      <c r="AP17872">
        <v>21</v>
      </c>
      <c r="AQ17872">
        <v>21</v>
      </c>
    </row>
    <row r="17873" spans="1:43">
      <c r="A17873" t="s">
        <v>11072</v>
      </c>
      <c r="B17873" t="s">
        <v>11073</v>
      </c>
      <c r="C17873" t="s">
        <v>11074</v>
      </c>
      <c r="D17873" t="s">
        <v>11075</v>
      </c>
      <c r="E17873" t="s">
        <v>10982</v>
      </c>
      <c r="F17873" t="s">
        <v>10983</v>
      </c>
      <c r="G17873" t="s">
        <v>10734</v>
      </c>
      <c r="H17873" t="s">
        <v>10735</v>
      </c>
      <c r="I17873" s="2">
        <v>1</v>
      </c>
      <c r="J17873" s="2">
        <v>0</v>
      </c>
      <c r="K17873" s="2">
        <v>0</v>
      </c>
      <c r="L17873" t="s">
        <v>120</v>
      </c>
      <c r="M17873" t="s">
        <v>83</v>
      </c>
      <c r="N17873" t="s">
        <v>91</v>
      </c>
      <c r="O17873" t="s">
        <v>85</v>
      </c>
      <c r="P17873" t="s">
        <v>86</v>
      </c>
      <c r="Q17873">
        <v>13</v>
      </c>
      <c r="R17873">
        <v>13</v>
      </c>
      <c r="S17873">
        <v>14</v>
      </c>
      <c r="T17873">
        <v>14</v>
      </c>
      <c r="U17873">
        <v>14</v>
      </c>
      <c r="V17873">
        <v>14</v>
      </c>
      <c r="W17873">
        <v>15</v>
      </c>
      <c r="X17873">
        <v>15</v>
      </c>
      <c r="Y17873">
        <v>15</v>
      </c>
      <c r="Z17873">
        <v>16</v>
      </c>
      <c r="AA17873">
        <v>16</v>
      </c>
      <c r="AB17873">
        <v>16</v>
      </c>
      <c r="AC17873">
        <v>17</v>
      </c>
      <c r="AD17873">
        <v>17</v>
      </c>
      <c r="AE17873">
        <v>17</v>
      </c>
      <c r="AF17873">
        <v>18</v>
      </c>
      <c r="AG17873">
        <v>18</v>
      </c>
      <c r="AH17873">
        <v>18</v>
      </c>
      <c r="AI17873">
        <v>19</v>
      </c>
      <c r="AJ17873">
        <v>19</v>
      </c>
      <c r="AK17873">
        <v>19</v>
      </c>
      <c r="AL17873">
        <v>20</v>
      </c>
      <c r="AM17873">
        <v>20</v>
      </c>
      <c r="AN17873">
        <v>20</v>
      </c>
      <c r="AO17873">
        <v>20</v>
      </c>
      <c r="AP17873">
        <v>21</v>
      </c>
      <c r="AQ17873">
        <v>21</v>
      </c>
    </row>
    <row r="17874" spans="1:43">
      <c r="A17874" t="s">
        <v>11076</v>
      </c>
      <c r="B17874" t="s">
        <v>11077</v>
      </c>
      <c r="C17874" t="s">
        <v>11074</v>
      </c>
      <c r="D17874" t="s">
        <v>11075</v>
      </c>
      <c r="E17874" t="s">
        <v>10982</v>
      </c>
      <c r="F17874" t="s">
        <v>10983</v>
      </c>
      <c r="G17874" t="s">
        <v>10734</v>
      </c>
      <c r="H17874" t="s">
        <v>10735</v>
      </c>
      <c r="I17874" s="2">
        <v>1</v>
      </c>
      <c r="J17874" s="2">
        <v>0</v>
      </c>
      <c r="K17874" s="2">
        <v>0</v>
      </c>
      <c r="L17874" t="s">
        <v>120</v>
      </c>
      <c r="M17874" t="s">
        <v>83</v>
      </c>
      <c r="N17874" t="s">
        <v>84</v>
      </c>
      <c r="O17874" t="s">
        <v>85</v>
      </c>
      <c r="P17874" t="s">
        <v>86</v>
      </c>
      <c r="Q17874">
        <v>23</v>
      </c>
      <c r="R17874">
        <v>23</v>
      </c>
      <c r="S17874">
        <v>24</v>
      </c>
      <c r="T17874">
        <v>24</v>
      </c>
      <c r="U17874">
        <v>25</v>
      </c>
      <c r="V17874">
        <v>26</v>
      </c>
      <c r="W17874">
        <v>26</v>
      </c>
      <c r="X17874">
        <v>27</v>
      </c>
      <c r="Y17874">
        <v>27</v>
      </c>
      <c r="Z17874">
        <v>28</v>
      </c>
      <c r="AA17874">
        <v>28</v>
      </c>
      <c r="AB17874">
        <v>29</v>
      </c>
      <c r="AC17874">
        <v>29</v>
      </c>
      <c r="AD17874">
        <v>30</v>
      </c>
      <c r="AE17874">
        <v>31</v>
      </c>
      <c r="AF17874">
        <v>31</v>
      </c>
      <c r="AG17874">
        <v>32</v>
      </c>
      <c r="AH17874">
        <v>32</v>
      </c>
      <c r="AI17874">
        <v>33</v>
      </c>
      <c r="AJ17874">
        <v>34</v>
      </c>
      <c r="AK17874">
        <v>34</v>
      </c>
      <c r="AL17874">
        <v>35</v>
      </c>
      <c r="AM17874">
        <v>35</v>
      </c>
      <c r="AN17874">
        <v>36</v>
      </c>
      <c r="AO17874">
        <v>36</v>
      </c>
      <c r="AP17874">
        <v>36</v>
      </c>
      <c r="AQ17874">
        <v>37</v>
      </c>
    </row>
    <row r="17875" spans="1:43">
      <c r="A17875" t="s">
        <v>11076</v>
      </c>
      <c r="B17875" t="s">
        <v>11077</v>
      </c>
      <c r="C17875" t="s">
        <v>11074</v>
      </c>
      <c r="D17875" t="s">
        <v>11075</v>
      </c>
      <c r="E17875" t="s">
        <v>10982</v>
      </c>
      <c r="F17875" t="s">
        <v>10983</v>
      </c>
      <c r="G17875" t="s">
        <v>10734</v>
      </c>
      <c r="H17875" t="s">
        <v>10735</v>
      </c>
      <c r="I17875" s="2">
        <v>1</v>
      </c>
      <c r="J17875" s="2">
        <v>0</v>
      </c>
      <c r="K17875" s="2">
        <v>0</v>
      </c>
      <c r="L17875" t="s">
        <v>120</v>
      </c>
      <c r="M17875" t="s">
        <v>87</v>
      </c>
      <c r="N17875" t="s">
        <v>88</v>
      </c>
      <c r="O17875" t="s">
        <v>85</v>
      </c>
      <c r="P17875" t="s">
        <v>86</v>
      </c>
      <c r="Q17875">
        <v>23</v>
      </c>
      <c r="R17875">
        <v>23</v>
      </c>
      <c r="S17875">
        <v>23</v>
      </c>
      <c r="T17875">
        <v>24</v>
      </c>
      <c r="U17875">
        <v>24</v>
      </c>
      <c r="V17875">
        <v>24</v>
      </c>
      <c r="W17875">
        <v>25</v>
      </c>
      <c r="X17875">
        <v>25</v>
      </c>
      <c r="Y17875">
        <v>25</v>
      </c>
      <c r="Z17875">
        <v>25</v>
      </c>
      <c r="AA17875">
        <v>26</v>
      </c>
      <c r="AB17875">
        <v>26</v>
      </c>
      <c r="AC17875">
        <v>26</v>
      </c>
      <c r="AD17875">
        <v>27</v>
      </c>
      <c r="AE17875">
        <v>27</v>
      </c>
      <c r="AF17875">
        <v>28</v>
      </c>
      <c r="AG17875">
        <v>28</v>
      </c>
      <c r="AH17875">
        <v>28</v>
      </c>
      <c r="AI17875">
        <v>29</v>
      </c>
      <c r="AJ17875">
        <v>29</v>
      </c>
      <c r="AK17875">
        <v>29</v>
      </c>
      <c r="AL17875">
        <v>30</v>
      </c>
      <c r="AM17875">
        <v>30</v>
      </c>
      <c r="AN17875">
        <v>31</v>
      </c>
      <c r="AO17875">
        <v>31</v>
      </c>
      <c r="AP17875">
        <v>32</v>
      </c>
      <c r="AQ17875">
        <v>32</v>
      </c>
    </row>
    <row r="17876" spans="1:43">
      <c r="A17876" t="s">
        <v>11076</v>
      </c>
      <c r="B17876" t="s">
        <v>11077</v>
      </c>
      <c r="C17876" t="s">
        <v>11074</v>
      </c>
      <c r="D17876" t="s">
        <v>11075</v>
      </c>
      <c r="E17876" t="s">
        <v>10982</v>
      </c>
      <c r="F17876" t="s">
        <v>10983</v>
      </c>
      <c r="G17876" t="s">
        <v>10734</v>
      </c>
      <c r="H17876" t="s">
        <v>10735</v>
      </c>
      <c r="I17876" s="2">
        <v>1</v>
      </c>
      <c r="J17876" s="2">
        <v>0</v>
      </c>
      <c r="K17876" s="2">
        <v>0</v>
      </c>
      <c r="L17876" t="s">
        <v>120</v>
      </c>
      <c r="M17876" t="s">
        <v>89</v>
      </c>
      <c r="N17876" t="s">
        <v>90</v>
      </c>
      <c r="O17876" t="s">
        <v>85</v>
      </c>
      <c r="P17876" t="s">
        <v>86</v>
      </c>
      <c r="Q17876">
        <v>23</v>
      </c>
      <c r="R17876">
        <v>24</v>
      </c>
      <c r="S17876">
        <v>25</v>
      </c>
      <c r="T17876">
        <v>25</v>
      </c>
      <c r="U17876">
        <v>26</v>
      </c>
      <c r="V17876">
        <v>27</v>
      </c>
      <c r="W17876">
        <v>27</v>
      </c>
      <c r="X17876">
        <v>28</v>
      </c>
      <c r="Y17876">
        <v>29</v>
      </c>
      <c r="Z17876">
        <v>29</v>
      </c>
      <c r="AA17876">
        <v>30</v>
      </c>
      <c r="AB17876">
        <v>31</v>
      </c>
      <c r="AC17876">
        <v>31</v>
      </c>
      <c r="AD17876">
        <v>32</v>
      </c>
      <c r="AE17876">
        <v>33</v>
      </c>
      <c r="AF17876">
        <v>33</v>
      </c>
      <c r="AG17876">
        <v>33</v>
      </c>
      <c r="AH17876">
        <v>34</v>
      </c>
      <c r="AI17876">
        <v>34</v>
      </c>
      <c r="AJ17876">
        <v>34</v>
      </c>
      <c r="AK17876">
        <v>35</v>
      </c>
      <c r="AL17876">
        <v>35</v>
      </c>
      <c r="AM17876">
        <v>36</v>
      </c>
      <c r="AN17876">
        <v>36</v>
      </c>
      <c r="AO17876">
        <v>36</v>
      </c>
      <c r="AP17876">
        <v>37</v>
      </c>
      <c r="AQ17876">
        <v>37</v>
      </c>
    </row>
    <row r="17877" spans="1:43">
      <c r="A17877" t="s">
        <v>11076</v>
      </c>
      <c r="B17877" t="s">
        <v>11077</v>
      </c>
      <c r="C17877" t="s">
        <v>11074</v>
      </c>
      <c r="D17877" t="s">
        <v>11075</v>
      </c>
      <c r="E17877" t="s">
        <v>10982</v>
      </c>
      <c r="F17877" t="s">
        <v>10983</v>
      </c>
      <c r="G17877" t="s">
        <v>10734</v>
      </c>
      <c r="H17877" t="s">
        <v>10735</v>
      </c>
      <c r="I17877" s="2">
        <v>1</v>
      </c>
      <c r="J17877" s="2">
        <v>0</v>
      </c>
      <c r="K17877" s="2">
        <v>0</v>
      </c>
      <c r="L17877" t="s">
        <v>120</v>
      </c>
      <c r="M17877" t="s">
        <v>83</v>
      </c>
      <c r="N17877" t="s">
        <v>91</v>
      </c>
      <c r="O17877" t="s">
        <v>85</v>
      </c>
      <c r="P17877" t="s">
        <v>86</v>
      </c>
      <c r="Q17877">
        <v>23</v>
      </c>
      <c r="R17877">
        <v>23</v>
      </c>
      <c r="S17877">
        <v>24</v>
      </c>
      <c r="T17877">
        <v>24</v>
      </c>
      <c r="U17877">
        <v>25</v>
      </c>
      <c r="V17877">
        <v>26</v>
      </c>
      <c r="W17877">
        <v>26</v>
      </c>
      <c r="X17877">
        <v>27</v>
      </c>
      <c r="Y17877">
        <v>27</v>
      </c>
      <c r="Z17877">
        <v>28</v>
      </c>
      <c r="AA17877">
        <v>28</v>
      </c>
      <c r="AB17877">
        <v>29</v>
      </c>
      <c r="AC17877">
        <v>29</v>
      </c>
      <c r="AD17877">
        <v>30</v>
      </c>
      <c r="AE17877">
        <v>31</v>
      </c>
      <c r="AF17877">
        <v>31</v>
      </c>
      <c r="AG17877">
        <v>32</v>
      </c>
      <c r="AH17877">
        <v>32</v>
      </c>
      <c r="AI17877">
        <v>33</v>
      </c>
      <c r="AJ17877">
        <v>34</v>
      </c>
      <c r="AK17877">
        <v>34</v>
      </c>
      <c r="AL17877">
        <v>35</v>
      </c>
      <c r="AM17877">
        <v>35</v>
      </c>
      <c r="AN17877">
        <v>36</v>
      </c>
      <c r="AO17877">
        <v>36</v>
      </c>
      <c r="AP17877">
        <v>36</v>
      </c>
      <c r="AQ17877">
        <v>37</v>
      </c>
    </row>
    <row r="17878" spans="1:43">
      <c r="A17878" t="s">
        <v>11078</v>
      </c>
      <c r="B17878" t="s">
        <v>11079</v>
      </c>
      <c r="C17878" t="s">
        <v>11068</v>
      </c>
      <c r="D17878" t="s">
        <v>11069</v>
      </c>
      <c r="E17878" t="s">
        <v>10982</v>
      </c>
      <c r="F17878" t="s">
        <v>10983</v>
      </c>
      <c r="G17878" t="s">
        <v>10734</v>
      </c>
      <c r="H17878" t="s">
        <v>10735</v>
      </c>
      <c r="I17878" s="2">
        <v>1</v>
      </c>
      <c r="J17878" s="2">
        <v>0</v>
      </c>
      <c r="K17878" s="2">
        <v>0</v>
      </c>
      <c r="L17878" t="s">
        <v>120</v>
      </c>
      <c r="M17878" t="s">
        <v>83</v>
      </c>
      <c r="N17878" t="s">
        <v>84</v>
      </c>
      <c r="O17878" t="s">
        <v>85</v>
      </c>
      <c r="P17878" t="s">
        <v>86</v>
      </c>
      <c r="Q17878">
        <v>56</v>
      </c>
      <c r="R17878">
        <v>58</v>
      </c>
      <c r="S17878">
        <v>59</v>
      </c>
      <c r="T17878">
        <v>60</v>
      </c>
      <c r="U17878">
        <v>62</v>
      </c>
      <c r="V17878">
        <v>63</v>
      </c>
      <c r="W17878">
        <v>64</v>
      </c>
      <c r="X17878">
        <v>66</v>
      </c>
      <c r="Y17878">
        <v>67</v>
      </c>
      <c r="Z17878">
        <v>68</v>
      </c>
      <c r="AA17878">
        <v>70</v>
      </c>
      <c r="AB17878">
        <v>71</v>
      </c>
      <c r="AC17878">
        <v>72</v>
      </c>
      <c r="AD17878">
        <v>74</v>
      </c>
      <c r="AE17878">
        <v>75</v>
      </c>
      <c r="AF17878">
        <v>77</v>
      </c>
      <c r="AG17878">
        <v>78</v>
      </c>
      <c r="AH17878">
        <v>80</v>
      </c>
      <c r="AI17878">
        <v>81</v>
      </c>
      <c r="AJ17878">
        <v>83</v>
      </c>
      <c r="AK17878">
        <v>85</v>
      </c>
      <c r="AL17878">
        <v>86</v>
      </c>
      <c r="AM17878">
        <v>87</v>
      </c>
      <c r="AN17878">
        <v>88</v>
      </c>
      <c r="AO17878">
        <v>88</v>
      </c>
      <c r="AP17878">
        <v>89</v>
      </c>
      <c r="AQ17878">
        <v>90</v>
      </c>
    </row>
    <row r="17879" spans="1:43">
      <c r="A17879" t="s">
        <v>11078</v>
      </c>
      <c r="B17879" t="s">
        <v>11079</v>
      </c>
      <c r="C17879" t="s">
        <v>11068</v>
      </c>
      <c r="D17879" t="s">
        <v>11069</v>
      </c>
      <c r="E17879" t="s">
        <v>10982</v>
      </c>
      <c r="F17879" t="s">
        <v>10983</v>
      </c>
      <c r="G17879" t="s">
        <v>10734</v>
      </c>
      <c r="H17879" t="s">
        <v>10735</v>
      </c>
      <c r="I17879" s="2">
        <v>1</v>
      </c>
      <c r="J17879" s="2">
        <v>0</v>
      </c>
      <c r="K17879" s="2">
        <v>0</v>
      </c>
      <c r="L17879" t="s">
        <v>120</v>
      </c>
      <c r="M17879" t="s">
        <v>87</v>
      </c>
      <c r="N17879" t="s">
        <v>88</v>
      </c>
      <c r="O17879" t="s">
        <v>85</v>
      </c>
      <c r="P17879" t="s">
        <v>86</v>
      </c>
      <c r="Q17879">
        <v>56</v>
      </c>
      <c r="R17879">
        <v>57</v>
      </c>
      <c r="S17879">
        <v>57</v>
      </c>
      <c r="T17879">
        <v>58</v>
      </c>
      <c r="U17879">
        <v>59</v>
      </c>
      <c r="V17879">
        <v>60</v>
      </c>
      <c r="W17879">
        <v>60</v>
      </c>
      <c r="X17879">
        <v>61</v>
      </c>
      <c r="Y17879">
        <v>62</v>
      </c>
      <c r="Z17879">
        <v>63</v>
      </c>
      <c r="AA17879">
        <v>64</v>
      </c>
      <c r="AB17879">
        <v>64</v>
      </c>
      <c r="AC17879">
        <v>65</v>
      </c>
      <c r="AD17879">
        <v>66</v>
      </c>
      <c r="AE17879">
        <v>67</v>
      </c>
      <c r="AF17879">
        <v>68</v>
      </c>
      <c r="AG17879">
        <v>69</v>
      </c>
      <c r="AH17879">
        <v>70</v>
      </c>
      <c r="AI17879">
        <v>71</v>
      </c>
      <c r="AJ17879">
        <v>72</v>
      </c>
      <c r="AK17879">
        <v>73</v>
      </c>
      <c r="AL17879">
        <v>74</v>
      </c>
      <c r="AM17879">
        <v>75</v>
      </c>
      <c r="AN17879">
        <v>76</v>
      </c>
      <c r="AO17879">
        <v>77</v>
      </c>
      <c r="AP17879">
        <v>78</v>
      </c>
      <c r="AQ17879">
        <v>79</v>
      </c>
    </row>
    <row r="17880" spans="1:43">
      <c r="A17880" t="s">
        <v>11078</v>
      </c>
      <c r="B17880" t="s">
        <v>11079</v>
      </c>
      <c r="C17880" t="s">
        <v>11068</v>
      </c>
      <c r="D17880" t="s">
        <v>11069</v>
      </c>
      <c r="E17880" t="s">
        <v>10982</v>
      </c>
      <c r="F17880" t="s">
        <v>10983</v>
      </c>
      <c r="G17880" t="s">
        <v>10734</v>
      </c>
      <c r="H17880" t="s">
        <v>10735</v>
      </c>
      <c r="I17880" s="2">
        <v>1</v>
      </c>
      <c r="J17880" s="2">
        <v>0</v>
      </c>
      <c r="K17880" s="2">
        <v>0</v>
      </c>
      <c r="L17880" t="s">
        <v>120</v>
      </c>
      <c r="M17880" t="s">
        <v>89</v>
      </c>
      <c r="N17880" t="s">
        <v>90</v>
      </c>
      <c r="O17880" t="s">
        <v>85</v>
      </c>
      <c r="P17880" t="s">
        <v>86</v>
      </c>
      <c r="Q17880">
        <v>56</v>
      </c>
      <c r="R17880">
        <v>58</v>
      </c>
      <c r="S17880">
        <v>60</v>
      </c>
      <c r="T17880">
        <v>61</v>
      </c>
      <c r="U17880">
        <v>63</v>
      </c>
      <c r="V17880">
        <v>65</v>
      </c>
      <c r="W17880">
        <v>66</v>
      </c>
      <c r="X17880">
        <v>68</v>
      </c>
      <c r="Y17880">
        <v>70</v>
      </c>
      <c r="Z17880">
        <v>71</v>
      </c>
      <c r="AA17880">
        <v>73</v>
      </c>
      <c r="AB17880">
        <v>75</v>
      </c>
      <c r="AC17880">
        <v>76</v>
      </c>
      <c r="AD17880">
        <v>78</v>
      </c>
      <c r="AE17880">
        <v>80</v>
      </c>
      <c r="AF17880">
        <v>80</v>
      </c>
      <c r="AG17880">
        <v>81</v>
      </c>
      <c r="AH17880">
        <v>82</v>
      </c>
      <c r="AI17880">
        <v>83</v>
      </c>
      <c r="AJ17880">
        <v>84</v>
      </c>
      <c r="AK17880">
        <v>85</v>
      </c>
      <c r="AL17880">
        <v>86</v>
      </c>
      <c r="AM17880">
        <v>86</v>
      </c>
      <c r="AN17880">
        <v>87</v>
      </c>
      <c r="AO17880">
        <v>88</v>
      </c>
      <c r="AP17880">
        <v>89</v>
      </c>
      <c r="AQ17880">
        <v>90</v>
      </c>
    </row>
    <row r="17881" spans="1:43">
      <c r="A17881" t="s">
        <v>11078</v>
      </c>
      <c r="B17881" t="s">
        <v>11079</v>
      </c>
      <c r="C17881" t="s">
        <v>11068</v>
      </c>
      <c r="D17881" t="s">
        <v>11069</v>
      </c>
      <c r="E17881" t="s">
        <v>10982</v>
      </c>
      <c r="F17881" t="s">
        <v>10983</v>
      </c>
      <c r="G17881" t="s">
        <v>10734</v>
      </c>
      <c r="H17881" t="s">
        <v>10735</v>
      </c>
      <c r="I17881" s="2">
        <v>1</v>
      </c>
      <c r="J17881" s="2">
        <v>0</v>
      </c>
      <c r="K17881" s="2">
        <v>0</v>
      </c>
      <c r="L17881" t="s">
        <v>120</v>
      </c>
      <c r="M17881" t="s">
        <v>83</v>
      </c>
      <c r="N17881" t="s">
        <v>91</v>
      </c>
      <c r="O17881" t="s">
        <v>85</v>
      </c>
      <c r="P17881" t="s">
        <v>86</v>
      </c>
      <c r="Q17881">
        <v>56</v>
      </c>
      <c r="R17881">
        <v>58</v>
      </c>
      <c r="S17881">
        <v>59</v>
      </c>
      <c r="T17881">
        <v>60</v>
      </c>
      <c r="U17881">
        <v>62</v>
      </c>
      <c r="V17881">
        <v>63</v>
      </c>
      <c r="W17881">
        <v>64</v>
      </c>
      <c r="X17881">
        <v>66</v>
      </c>
      <c r="Y17881">
        <v>67</v>
      </c>
      <c r="Z17881">
        <v>68</v>
      </c>
      <c r="AA17881">
        <v>70</v>
      </c>
      <c r="AB17881">
        <v>71</v>
      </c>
      <c r="AC17881">
        <v>72</v>
      </c>
      <c r="AD17881">
        <v>74</v>
      </c>
      <c r="AE17881">
        <v>75</v>
      </c>
      <c r="AF17881">
        <v>77</v>
      </c>
      <c r="AG17881">
        <v>78</v>
      </c>
      <c r="AH17881">
        <v>80</v>
      </c>
      <c r="AI17881">
        <v>81</v>
      </c>
      <c r="AJ17881">
        <v>83</v>
      </c>
      <c r="AK17881">
        <v>85</v>
      </c>
      <c r="AL17881">
        <v>86</v>
      </c>
      <c r="AM17881">
        <v>87</v>
      </c>
      <c r="AN17881">
        <v>88</v>
      </c>
      <c r="AO17881">
        <v>88</v>
      </c>
      <c r="AP17881">
        <v>89</v>
      </c>
      <c r="AQ17881">
        <v>90</v>
      </c>
    </row>
    <row r="17882" spans="1:43">
      <c r="A17882" t="s">
        <v>11080</v>
      </c>
      <c r="B17882" t="s">
        <v>11081</v>
      </c>
      <c r="C17882" t="s">
        <v>11082</v>
      </c>
      <c r="D17882" t="s">
        <v>11083</v>
      </c>
      <c r="E17882" t="s">
        <v>10982</v>
      </c>
      <c r="F17882" t="s">
        <v>10983</v>
      </c>
      <c r="G17882" t="s">
        <v>10734</v>
      </c>
      <c r="H17882" t="s">
        <v>10735</v>
      </c>
      <c r="I17882" s="2">
        <v>1</v>
      </c>
      <c r="J17882" s="2">
        <v>0</v>
      </c>
      <c r="K17882" s="2">
        <v>0</v>
      </c>
      <c r="L17882" t="s">
        <v>120</v>
      </c>
      <c r="M17882" t="s">
        <v>83</v>
      </c>
      <c r="N17882" t="s">
        <v>84</v>
      </c>
      <c r="O17882" t="s">
        <v>85</v>
      </c>
      <c r="P17882" t="s">
        <v>86</v>
      </c>
      <c r="Q17882">
        <v>4</v>
      </c>
      <c r="R17882">
        <v>4</v>
      </c>
      <c r="S17882">
        <v>4</v>
      </c>
      <c r="T17882">
        <v>4</v>
      </c>
      <c r="U17882">
        <v>4</v>
      </c>
      <c r="V17882">
        <v>4</v>
      </c>
      <c r="W17882">
        <v>4</v>
      </c>
      <c r="X17882">
        <v>4</v>
      </c>
      <c r="Y17882">
        <v>5</v>
      </c>
      <c r="Z17882">
        <v>5</v>
      </c>
      <c r="AA17882">
        <v>5</v>
      </c>
      <c r="AB17882">
        <v>5</v>
      </c>
      <c r="AC17882">
        <v>5</v>
      </c>
      <c r="AD17882">
        <v>5</v>
      </c>
      <c r="AE17882">
        <v>5</v>
      </c>
      <c r="AF17882">
        <v>5</v>
      </c>
      <c r="AG17882">
        <v>5</v>
      </c>
      <c r="AH17882">
        <v>5</v>
      </c>
      <c r="AI17882">
        <v>6</v>
      </c>
      <c r="AJ17882">
        <v>6</v>
      </c>
      <c r="AK17882">
        <v>6</v>
      </c>
      <c r="AL17882">
        <v>6</v>
      </c>
      <c r="AM17882">
        <v>6</v>
      </c>
      <c r="AN17882">
        <v>6</v>
      </c>
      <c r="AO17882">
        <v>6</v>
      </c>
      <c r="AP17882">
        <v>6</v>
      </c>
      <c r="AQ17882">
        <v>6</v>
      </c>
    </row>
    <row r="17883" spans="1:43">
      <c r="A17883" t="s">
        <v>11080</v>
      </c>
      <c r="B17883" t="s">
        <v>11081</v>
      </c>
      <c r="C17883" t="s">
        <v>11082</v>
      </c>
      <c r="D17883" t="s">
        <v>11083</v>
      </c>
      <c r="E17883" t="s">
        <v>10982</v>
      </c>
      <c r="F17883" t="s">
        <v>10983</v>
      </c>
      <c r="G17883" t="s">
        <v>10734</v>
      </c>
      <c r="H17883" t="s">
        <v>10735</v>
      </c>
      <c r="I17883" s="2">
        <v>1</v>
      </c>
      <c r="J17883" s="2">
        <v>0</v>
      </c>
      <c r="K17883" s="2">
        <v>0</v>
      </c>
      <c r="L17883" t="s">
        <v>120</v>
      </c>
      <c r="M17883" t="s">
        <v>87</v>
      </c>
      <c r="N17883" t="s">
        <v>88</v>
      </c>
      <c r="O17883" t="s">
        <v>85</v>
      </c>
      <c r="P17883" t="s">
        <v>86</v>
      </c>
      <c r="Q17883">
        <v>4</v>
      </c>
      <c r="R17883">
        <v>4</v>
      </c>
      <c r="S17883">
        <v>4</v>
      </c>
      <c r="T17883">
        <v>4</v>
      </c>
      <c r="U17883">
        <v>4</v>
      </c>
      <c r="V17883">
        <v>4</v>
      </c>
      <c r="W17883">
        <v>4</v>
      </c>
      <c r="X17883">
        <v>4</v>
      </c>
      <c r="Y17883">
        <v>4</v>
      </c>
      <c r="Z17883">
        <v>4</v>
      </c>
      <c r="AA17883">
        <v>4</v>
      </c>
      <c r="AB17883">
        <v>4</v>
      </c>
      <c r="AC17883">
        <v>4</v>
      </c>
      <c r="AD17883">
        <v>5</v>
      </c>
      <c r="AE17883">
        <v>5</v>
      </c>
      <c r="AF17883">
        <v>5</v>
      </c>
      <c r="AG17883">
        <v>5</v>
      </c>
      <c r="AH17883">
        <v>5</v>
      </c>
      <c r="AI17883">
        <v>5</v>
      </c>
      <c r="AJ17883">
        <v>5</v>
      </c>
      <c r="AK17883">
        <v>5</v>
      </c>
      <c r="AL17883">
        <v>5</v>
      </c>
      <c r="AM17883">
        <v>5</v>
      </c>
      <c r="AN17883">
        <v>5</v>
      </c>
      <c r="AO17883">
        <v>5</v>
      </c>
      <c r="AP17883">
        <v>5</v>
      </c>
      <c r="AQ17883">
        <v>5</v>
      </c>
    </row>
    <row r="17884" spans="1:43">
      <c r="A17884" t="s">
        <v>11080</v>
      </c>
      <c r="B17884" t="s">
        <v>11081</v>
      </c>
      <c r="C17884" t="s">
        <v>11082</v>
      </c>
      <c r="D17884" t="s">
        <v>11083</v>
      </c>
      <c r="E17884" t="s">
        <v>10982</v>
      </c>
      <c r="F17884" t="s">
        <v>10983</v>
      </c>
      <c r="G17884" t="s">
        <v>10734</v>
      </c>
      <c r="H17884" t="s">
        <v>10735</v>
      </c>
      <c r="I17884" s="2">
        <v>1</v>
      </c>
      <c r="J17884" s="2">
        <v>0</v>
      </c>
      <c r="K17884" s="2">
        <v>0</v>
      </c>
      <c r="L17884" t="s">
        <v>120</v>
      </c>
      <c r="M17884" t="s">
        <v>89</v>
      </c>
      <c r="N17884" t="s">
        <v>90</v>
      </c>
      <c r="O17884" t="s">
        <v>85</v>
      </c>
      <c r="P17884" t="s">
        <v>86</v>
      </c>
      <c r="Q17884">
        <v>4</v>
      </c>
      <c r="R17884">
        <v>4</v>
      </c>
      <c r="S17884">
        <v>4</v>
      </c>
      <c r="T17884">
        <v>4</v>
      </c>
      <c r="U17884">
        <v>4</v>
      </c>
      <c r="V17884">
        <v>4</v>
      </c>
      <c r="W17884">
        <v>5</v>
      </c>
      <c r="X17884">
        <v>5</v>
      </c>
      <c r="Y17884">
        <v>5</v>
      </c>
      <c r="Z17884">
        <v>5</v>
      </c>
      <c r="AA17884">
        <v>5</v>
      </c>
      <c r="AB17884">
        <v>5</v>
      </c>
      <c r="AC17884">
        <v>5</v>
      </c>
      <c r="AD17884">
        <v>5</v>
      </c>
      <c r="AE17884">
        <v>6</v>
      </c>
      <c r="AF17884">
        <v>6</v>
      </c>
      <c r="AG17884">
        <v>6</v>
      </c>
      <c r="AH17884">
        <v>6</v>
      </c>
      <c r="AI17884">
        <v>6</v>
      </c>
      <c r="AJ17884">
        <v>6</v>
      </c>
      <c r="AK17884">
        <v>6</v>
      </c>
      <c r="AL17884">
        <v>6</v>
      </c>
      <c r="AM17884">
        <v>6</v>
      </c>
      <c r="AN17884">
        <v>6</v>
      </c>
      <c r="AO17884">
        <v>6</v>
      </c>
      <c r="AP17884">
        <v>6</v>
      </c>
      <c r="AQ17884">
        <v>6</v>
      </c>
    </row>
    <row r="17885" spans="1:43">
      <c r="A17885" t="s">
        <v>11080</v>
      </c>
      <c r="B17885" t="s">
        <v>11081</v>
      </c>
      <c r="C17885" t="s">
        <v>11082</v>
      </c>
      <c r="D17885" t="s">
        <v>11083</v>
      </c>
      <c r="E17885" t="s">
        <v>10982</v>
      </c>
      <c r="F17885" t="s">
        <v>10983</v>
      </c>
      <c r="G17885" t="s">
        <v>10734</v>
      </c>
      <c r="H17885" t="s">
        <v>10735</v>
      </c>
      <c r="I17885" s="2">
        <v>1</v>
      </c>
      <c r="J17885" s="2">
        <v>0</v>
      </c>
      <c r="K17885" s="2">
        <v>0</v>
      </c>
      <c r="L17885" t="s">
        <v>120</v>
      </c>
      <c r="M17885" t="s">
        <v>83</v>
      </c>
      <c r="N17885" t="s">
        <v>91</v>
      </c>
      <c r="O17885" t="s">
        <v>85</v>
      </c>
      <c r="P17885" t="s">
        <v>86</v>
      </c>
      <c r="Q17885">
        <v>4</v>
      </c>
      <c r="R17885">
        <v>4</v>
      </c>
      <c r="S17885">
        <v>4</v>
      </c>
      <c r="T17885">
        <v>4</v>
      </c>
      <c r="U17885">
        <v>4</v>
      </c>
      <c r="V17885">
        <v>4</v>
      </c>
      <c r="W17885">
        <v>4</v>
      </c>
      <c r="X17885">
        <v>4</v>
      </c>
      <c r="Y17885">
        <v>5</v>
      </c>
      <c r="Z17885">
        <v>5</v>
      </c>
      <c r="AA17885">
        <v>5</v>
      </c>
      <c r="AB17885">
        <v>5</v>
      </c>
      <c r="AC17885">
        <v>5</v>
      </c>
      <c r="AD17885">
        <v>5</v>
      </c>
      <c r="AE17885">
        <v>5</v>
      </c>
      <c r="AF17885">
        <v>5</v>
      </c>
      <c r="AG17885">
        <v>5</v>
      </c>
      <c r="AH17885">
        <v>5</v>
      </c>
      <c r="AI17885">
        <v>6</v>
      </c>
      <c r="AJ17885">
        <v>6</v>
      </c>
      <c r="AK17885">
        <v>6</v>
      </c>
      <c r="AL17885">
        <v>6</v>
      </c>
      <c r="AM17885">
        <v>6</v>
      </c>
      <c r="AN17885">
        <v>6</v>
      </c>
      <c r="AO17885">
        <v>6</v>
      </c>
      <c r="AP17885">
        <v>6</v>
      </c>
      <c r="AQ17885">
        <v>6</v>
      </c>
    </row>
    <row r="17886" spans="1:43">
      <c r="A17886" t="s">
        <v>11084</v>
      </c>
      <c r="B17886" t="s">
        <v>11085</v>
      </c>
      <c r="C17886" t="s">
        <v>11068</v>
      </c>
      <c r="D17886" t="s">
        <v>11069</v>
      </c>
      <c r="E17886" t="s">
        <v>10982</v>
      </c>
      <c r="F17886" t="s">
        <v>10983</v>
      </c>
      <c r="G17886" t="s">
        <v>10734</v>
      </c>
      <c r="H17886" t="s">
        <v>10735</v>
      </c>
      <c r="I17886" s="2">
        <v>1</v>
      </c>
      <c r="J17886" s="2">
        <v>0</v>
      </c>
      <c r="K17886" s="2">
        <v>0</v>
      </c>
      <c r="L17886" t="s">
        <v>120</v>
      </c>
      <c r="M17886" t="s">
        <v>83</v>
      </c>
      <c r="N17886" t="s">
        <v>84</v>
      </c>
      <c r="O17886" t="s">
        <v>85</v>
      </c>
      <c r="P17886" t="s">
        <v>86</v>
      </c>
      <c r="Q17886">
        <v>4</v>
      </c>
      <c r="R17886">
        <v>4</v>
      </c>
      <c r="S17886">
        <v>4</v>
      </c>
      <c r="T17886">
        <v>4</v>
      </c>
      <c r="U17886">
        <v>4</v>
      </c>
      <c r="V17886">
        <v>4</v>
      </c>
      <c r="W17886">
        <v>4</v>
      </c>
      <c r="X17886">
        <v>4</v>
      </c>
      <c r="Y17886">
        <v>5</v>
      </c>
      <c r="Z17886">
        <v>5</v>
      </c>
      <c r="AA17886">
        <v>5</v>
      </c>
      <c r="AB17886">
        <v>5</v>
      </c>
      <c r="AC17886">
        <v>5</v>
      </c>
      <c r="AD17886">
        <v>5</v>
      </c>
      <c r="AE17886">
        <v>5</v>
      </c>
      <c r="AF17886">
        <v>5</v>
      </c>
      <c r="AG17886">
        <v>5</v>
      </c>
      <c r="AH17886">
        <v>5</v>
      </c>
      <c r="AI17886">
        <v>6</v>
      </c>
      <c r="AJ17886">
        <v>6</v>
      </c>
      <c r="AK17886">
        <v>6</v>
      </c>
      <c r="AL17886">
        <v>6</v>
      </c>
      <c r="AM17886">
        <v>6</v>
      </c>
      <c r="AN17886">
        <v>6</v>
      </c>
      <c r="AO17886">
        <v>6</v>
      </c>
      <c r="AP17886">
        <v>6</v>
      </c>
      <c r="AQ17886">
        <v>6</v>
      </c>
    </row>
    <row r="17887" spans="1:43">
      <c r="A17887" t="s">
        <v>11084</v>
      </c>
      <c r="B17887" t="s">
        <v>11085</v>
      </c>
      <c r="C17887" t="s">
        <v>11068</v>
      </c>
      <c r="D17887" t="s">
        <v>11069</v>
      </c>
      <c r="E17887" t="s">
        <v>10982</v>
      </c>
      <c r="F17887" t="s">
        <v>10983</v>
      </c>
      <c r="G17887" t="s">
        <v>10734</v>
      </c>
      <c r="H17887" t="s">
        <v>10735</v>
      </c>
      <c r="I17887" s="2">
        <v>1</v>
      </c>
      <c r="J17887" s="2">
        <v>0</v>
      </c>
      <c r="K17887" s="2">
        <v>0</v>
      </c>
      <c r="L17887" t="s">
        <v>120</v>
      </c>
      <c r="M17887" t="s">
        <v>87</v>
      </c>
      <c r="N17887" t="s">
        <v>88</v>
      </c>
      <c r="O17887" t="s">
        <v>85</v>
      </c>
      <c r="P17887" t="s">
        <v>86</v>
      </c>
      <c r="Q17887">
        <v>4</v>
      </c>
      <c r="R17887">
        <v>4</v>
      </c>
      <c r="S17887">
        <v>4</v>
      </c>
      <c r="T17887">
        <v>4</v>
      </c>
      <c r="U17887">
        <v>4</v>
      </c>
      <c r="V17887">
        <v>4</v>
      </c>
      <c r="W17887">
        <v>4</v>
      </c>
      <c r="X17887">
        <v>4</v>
      </c>
      <c r="Y17887">
        <v>4</v>
      </c>
      <c r="Z17887">
        <v>4</v>
      </c>
      <c r="AA17887">
        <v>4</v>
      </c>
      <c r="AB17887">
        <v>4</v>
      </c>
      <c r="AC17887">
        <v>4</v>
      </c>
      <c r="AD17887">
        <v>5</v>
      </c>
      <c r="AE17887">
        <v>5</v>
      </c>
      <c r="AF17887">
        <v>5</v>
      </c>
      <c r="AG17887">
        <v>5</v>
      </c>
      <c r="AH17887">
        <v>5</v>
      </c>
      <c r="AI17887">
        <v>5</v>
      </c>
      <c r="AJ17887">
        <v>5</v>
      </c>
      <c r="AK17887">
        <v>5</v>
      </c>
      <c r="AL17887">
        <v>5</v>
      </c>
      <c r="AM17887">
        <v>5</v>
      </c>
      <c r="AN17887">
        <v>5</v>
      </c>
      <c r="AO17887">
        <v>5</v>
      </c>
      <c r="AP17887">
        <v>5</v>
      </c>
      <c r="AQ17887">
        <v>5</v>
      </c>
    </row>
    <row r="17888" spans="1:43">
      <c r="A17888" t="s">
        <v>11084</v>
      </c>
      <c r="B17888" t="s">
        <v>11085</v>
      </c>
      <c r="C17888" t="s">
        <v>11068</v>
      </c>
      <c r="D17888" t="s">
        <v>11069</v>
      </c>
      <c r="E17888" t="s">
        <v>10982</v>
      </c>
      <c r="F17888" t="s">
        <v>10983</v>
      </c>
      <c r="G17888" t="s">
        <v>10734</v>
      </c>
      <c r="H17888" t="s">
        <v>10735</v>
      </c>
      <c r="I17888" s="2">
        <v>1</v>
      </c>
      <c r="J17888" s="2">
        <v>0</v>
      </c>
      <c r="K17888" s="2">
        <v>0</v>
      </c>
      <c r="L17888" t="s">
        <v>120</v>
      </c>
      <c r="M17888" t="s">
        <v>89</v>
      </c>
      <c r="N17888" t="s">
        <v>90</v>
      </c>
      <c r="O17888" t="s">
        <v>85</v>
      </c>
      <c r="P17888" t="s">
        <v>86</v>
      </c>
      <c r="Q17888">
        <v>4</v>
      </c>
      <c r="R17888">
        <v>4</v>
      </c>
      <c r="S17888">
        <v>4</v>
      </c>
      <c r="T17888">
        <v>4</v>
      </c>
      <c r="U17888">
        <v>4</v>
      </c>
      <c r="V17888">
        <v>4</v>
      </c>
      <c r="W17888">
        <v>5</v>
      </c>
      <c r="X17888">
        <v>5</v>
      </c>
      <c r="Y17888">
        <v>5</v>
      </c>
      <c r="Z17888">
        <v>5</v>
      </c>
      <c r="AA17888">
        <v>5</v>
      </c>
      <c r="AB17888">
        <v>5</v>
      </c>
      <c r="AC17888">
        <v>5</v>
      </c>
      <c r="AD17888">
        <v>5</v>
      </c>
      <c r="AE17888">
        <v>6</v>
      </c>
      <c r="AF17888">
        <v>6</v>
      </c>
      <c r="AG17888">
        <v>6</v>
      </c>
      <c r="AH17888">
        <v>6</v>
      </c>
      <c r="AI17888">
        <v>6</v>
      </c>
      <c r="AJ17888">
        <v>6</v>
      </c>
      <c r="AK17888">
        <v>6</v>
      </c>
      <c r="AL17888">
        <v>6</v>
      </c>
      <c r="AM17888">
        <v>6</v>
      </c>
      <c r="AN17888">
        <v>6</v>
      </c>
      <c r="AO17888">
        <v>6</v>
      </c>
      <c r="AP17888">
        <v>6</v>
      </c>
      <c r="AQ17888">
        <v>6</v>
      </c>
    </row>
    <row r="17889" spans="1:43">
      <c r="A17889" t="s">
        <v>11084</v>
      </c>
      <c r="B17889" t="s">
        <v>11085</v>
      </c>
      <c r="C17889" t="s">
        <v>11068</v>
      </c>
      <c r="D17889" t="s">
        <v>11069</v>
      </c>
      <c r="E17889" t="s">
        <v>10982</v>
      </c>
      <c r="F17889" t="s">
        <v>10983</v>
      </c>
      <c r="G17889" t="s">
        <v>10734</v>
      </c>
      <c r="H17889" t="s">
        <v>10735</v>
      </c>
      <c r="I17889" s="2">
        <v>1</v>
      </c>
      <c r="J17889" s="2">
        <v>0</v>
      </c>
      <c r="K17889" s="2">
        <v>0</v>
      </c>
      <c r="L17889" t="s">
        <v>120</v>
      </c>
      <c r="M17889" t="s">
        <v>83</v>
      </c>
      <c r="N17889" t="s">
        <v>91</v>
      </c>
      <c r="O17889" t="s">
        <v>85</v>
      </c>
      <c r="P17889" t="s">
        <v>86</v>
      </c>
      <c r="Q17889">
        <v>4</v>
      </c>
      <c r="R17889">
        <v>4</v>
      </c>
      <c r="S17889">
        <v>4</v>
      </c>
      <c r="T17889">
        <v>4</v>
      </c>
      <c r="U17889">
        <v>4</v>
      </c>
      <c r="V17889">
        <v>4</v>
      </c>
      <c r="W17889">
        <v>4</v>
      </c>
      <c r="X17889">
        <v>4</v>
      </c>
      <c r="Y17889">
        <v>5</v>
      </c>
      <c r="Z17889">
        <v>5</v>
      </c>
      <c r="AA17889">
        <v>5</v>
      </c>
      <c r="AB17889">
        <v>5</v>
      </c>
      <c r="AC17889">
        <v>5</v>
      </c>
      <c r="AD17889">
        <v>5</v>
      </c>
      <c r="AE17889">
        <v>5</v>
      </c>
      <c r="AF17889">
        <v>5</v>
      </c>
      <c r="AG17889">
        <v>5</v>
      </c>
      <c r="AH17889">
        <v>5</v>
      </c>
      <c r="AI17889">
        <v>6</v>
      </c>
      <c r="AJ17889">
        <v>6</v>
      </c>
      <c r="AK17889">
        <v>6</v>
      </c>
      <c r="AL17889">
        <v>6</v>
      </c>
      <c r="AM17889">
        <v>6</v>
      </c>
      <c r="AN17889">
        <v>6</v>
      </c>
      <c r="AO17889">
        <v>6</v>
      </c>
      <c r="AP17889">
        <v>6</v>
      </c>
      <c r="AQ17889">
        <v>6</v>
      </c>
    </row>
    <row r="17890" spans="1:43">
      <c r="A17890" t="s">
        <v>11086</v>
      </c>
      <c r="B17890" t="s">
        <v>11087</v>
      </c>
      <c r="C17890" t="s">
        <v>11068</v>
      </c>
      <c r="D17890" t="s">
        <v>11069</v>
      </c>
      <c r="E17890" t="s">
        <v>10982</v>
      </c>
      <c r="F17890" t="s">
        <v>10983</v>
      </c>
      <c r="G17890" t="s">
        <v>10734</v>
      </c>
      <c r="H17890" t="s">
        <v>10735</v>
      </c>
      <c r="I17890" s="2">
        <v>1</v>
      </c>
      <c r="J17890" s="2">
        <v>0</v>
      </c>
      <c r="K17890" s="2">
        <v>0</v>
      </c>
      <c r="L17890" t="s">
        <v>120</v>
      </c>
      <c r="M17890" t="s">
        <v>83</v>
      </c>
      <c r="N17890" t="s">
        <v>84</v>
      </c>
      <c r="O17890" t="s">
        <v>85</v>
      </c>
      <c r="P17890" t="s">
        <v>86</v>
      </c>
      <c r="Q17890">
        <v>33</v>
      </c>
      <c r="R17890">
        <v>34</v>
      </c>
      <c r="S17890">
        <v>35</v>
      </c>
      <c r="T17890">
        <v>35</v>
      </c>
      <c r="U17890">
        <v>36</v>
      </c>
      <c r="V17890">
        <v>37</v>
      </c>
      <c r="W17890">
        <v>38</v>
      </c>
      <c r="X17890">
        <v>38</v>
      </c>
      <c r="Y17890">
        <v>39</v>
      </c>
      <c r="Z17890">
        <v>40</v>
      </c>
      <c r="AA17890">
        <v>41</v>
      </c>
      <c r="AB17890">
        <v>42</v>
      </c>
      <c r="AC17890">
        <v>42</v>
      </c>
      <c r="AD17890">
        <v>43</v>
      </c>
      <c r="AE17890">
        <v>44</v>
      </c>
      <c r="AF17890">
        <v>45</v>
      </c>
      <c r="AG17890">
        <v>46</v>
      </c>
      <c r="AH17890">
        <v>47</v>
      </c>
      <c r="AI17890">
        <v>48</v>
      </c>
      <c r="AJ17890">
        <v>49</v>
      </c>
      <c r="AK17890">
        <v>50</v>
      </c>
      <c r="AL17890">
        <v>50</v>
      </c>
      <c r="AM17890">
        <v>51</v>
      </c>
      <c r="AN17890">
        <v>51</v>
      </c>
      <c r="AO17890">
        <v>52</v>
      </c>
      <c r="AP17890">
        <v>53</v>
      </c>
      <c r="AQ17890">
        <v>53</v>
      </c>
    </row>
    <row r="17891" spans="1:43">
      <c r="A17891" t="s">
        <v>11086</v>
      </c>
      <c r="B17891" t="s">
        <v>11087</v>
      </c>
      <c r="C17891" t="s">
        <v>11068</v>
      </c>
      <c r="D17891" t="s">
        <v>11069</v>
      </c>
      <c r="E17891" t="s">
        <v>10982</v>
      </c>
      <c r="F17891" t="s">
        <v>10983</v>
      </c>
      <c r="G17891" t="s">
        <v>10734</v>
      </c>
      <c r="H17891" t="s">
        <v>10735</v>
      </c>
      <c r="I17891" s="2">
        <v>1</v>
      </c>
      <c r="J17891" s="2">
        <v>0</v>
      </c>
      <c r="K17891" s="2">
        <v>0</v>
      </c>
      <c r="L17891" t="s">
        <v>120</v>
      </c>
      <c r="M17891" t="s">
        <v>87</v>
      </c>
      <c r="N17891" t="s">
        <v>88</v>
      </c>
      <c r="O17891" t="s">
        <v>85</v>
      </c>
      <c r="P17891" t="s">
        <v>86</v>
      </c>
      <c r="Q17891">
        <v>33</v>
      </c>
      <c r="R17891">
        <v>33</v>
      </c>
      <c r="S17891">
        <v>34</v>
      </c>
      <c r="T17891">
        <v>34</v>
      </c>
      <c r="U17891">
        <v>35</v>
      </c>
      <c r="V17891">
        <v>35</v>
      </c>
      <c r="W17891">
        <v>35</v>
      </c>
      <c r="X17891">
        <v>36</v>
      </c>
      <c r="Y17891">
        <v>36</v>
      </c>
      <c r="Z17891">
        <v>37</v>
      </c>
      <c r="AA17891">
        <v>37</v>
      </c>
      <c r="AB17891">
        <v>38</v>
      </c>
      <c r="AC17891">
        <v>38</v>
      </c>
      <c r="AD17891">
        <v>39</v>
      </c>
      <c r="AE17891">
        <v>39</v>
      </c>
      <c r="AF17891">
        <v>40</v>
      </c>
      <c r="AG17891">
        <v>40</v>
      </c>
      <c r="AH17891">
        <v>41</v>
      </c>
      <c r="AI17891">
        <v>41</v>
      </c>
      <c r="AJ17891">
        <v>42</v>
      </c>
      <c r="AK17891">
        <v>42</v>
      </c>
      <c r="AL17891">
        <v>43</v>
      </c>
      <c r="AM17891">
        <v>44</v>
      </c>
      <c r="AN17891">
        <v>44</v>
      </c>
      <c r="AO17891">
        <v>45</v>
      </c>
      <c r="AP17891">
        <v>45</v>
      </c>
      <c r="AQ17891">
        <v>46</v>
      </c>
    </row>
    <row r="17892" spans="1:43">
      <c r="A17892" t="s">
        <v>11086</v>
      </c>
      <c r="B17892" t="s">
        <v>11087</v>
      </c>
      <c r="C17892" t="s">
        <v>11068</v>
      </c>
      <c r="D17892" t="s">
        <v>11069</v>
      </c>
      <c r="E17892" t="s">
        <v>10982</v>
      </c>
      <c r="F17892" t="s">
        <v>10983</v>
      </c>
      <c r="G17892" t="s">
        <v>10734</v>
      </c>
      <c r="H17892" t="s">
        <v>10735</v>
      </c>
      <c r="I17892" s="2">
        <v>1</v>
      </c>
      <c r="J17892" s="2">
        <v>0</v>
      </c>
      <c r="K17892" s="2">
        <v>0</v>
      </c>
      <c r="L17892" t="s">
        <v>120</v>
      </c>
      <c r="M17892" t="s">
        <v>89</v>
      </c>
      <c r="N17892" t="s">
        <v>90</v>
      </c>
      <c r="O17892" t="s">
        <v>85</v>
      </c>
      <c r="P17892" t="s">
        <v>86</v>
      </c>
      <c r="Q17892">
        <v>33</v>
      </c>
      <c r="R17892">
        <v>34</v>
      </c>
      <c r="S17892">
        <v>35</v>
      </c>
      <c r="T17892">
        <v>37</v>
      </c>
      <c r="U17892">
        <v>38</v>
      </c>
      <c r="V17892">
        <v>39</v>
      </c>
      <c r="W17892">
        <v>40</v>
      </c>
      <c r="X17892">
        <v>41</v>
      </c>
      <c r="Y17892">
        <v>42</v>
      </c>
      <c r="Z17892">
        <v>42</v>
      </c>
      <c r="AA17892">
        <v>43</v>
      </c>
      <c r="AB17892">
        <v>44</v>
      </c>
      <c r="AC17892">
        <v>46</v>
      </c>
      <c r="AD17892">
        <v>47</v>
      </c>
      <c r="AE17892">
        <v>47</v>
      </c>
      <c r="AF17892">
        <v>48</v>
      </c>
      <c r="AG17892">
        <v>48</v>
      </c>
      <c r="AH17892">
        <v>49</v>
      </c>
      <c r="AI17892">
        <v>49</v>
      </c>
      <c r="AJ17892">
        <v>50</v>
      </c>
      <c r="AK17892">
        <v>50</v>
      </c>
      <c r="AL17892">
        <v>51</v>
      </c>
      <c r="AM17892">
        <v>51</v>
      </c>
      <c r="AN17892">
        <v>52</v>
      </c>
      <c r="AO17892">
        <v>52</v>
      </c>
      <c r="AP17892">
        <v>53</v>
      </c>
      <c r="AQ17892">
        <v>53</v>
      </c>
    </row>
    <row r="17893" spans="1:43">
      <c r="A17893" t="s">
        <v>11086</v>
      </c>
      <c r="B17893" t="s">
        <v>11087</v>
      </c>
      <c r="C17893" t="s">
        <v>11068</v>
      </c>
      <c r="D17893" t="s">
        <v>11069</v>
      </c>
      <c r="E17893" t="s">
        <v>10982</v>
      </c>
      <c r="F17893" t="s">
        <v>10983</v>
      </c>
      <c r="G17893" t="s">
        <v>10734</v>
      </c>
      <c r="H17893" t="s">
        <v>10735</v>
      </c>
      <c r="I17893" s="2">
        <v>1</v>
      </c>
      <c r="J17893" s="2">
        <v>0</v>
      </c>
      <c r="K17893" s="2">
        <v>0</v>
      </c>
      <c r="L17893" t="s">
        <v>120</v>
      </c>
      <c r="M17893" t="s">
        <v>83</v>
      </c>
      <c r="N17893" t="s">
        <v>91</v>
      </c>
      <c r="O17893" t="s">
        <v>85</v>
      </c>
      <c r="P17893" t="s">
        <v>86</v>
      </c>
      <c r="Q17893">
        <v>33</v>
      </c>
      <c r="R17893">
        <v>34</v>
      </c>
      <c r="S17893">
        <v>35</v>
      </c>
      <c r="T17893">
        <v>35</v>
      </c>
      <c r="U17893">
        <v>36</v>
      </c>
      <c r="V17893">
        <v>37</v>
      </c>
      <c r="W17893">
        <v>38</v>
      </c>
      <c r="X17893">
        <v>38</v>
      </c>
      <c r="Y17893">
        <v>39</v>
      </c>
      <c r="Z17893">
        <v>40</v>
      </c>
      <c r="AA17893">
        <v>41</v>
      </c>
      <c r="AB17893">
        <v>42</v>
      </c>
      <c r="AC17893">
        <v>42</v>
      </c>
      <c r="AD17893">
        <v>43</v>
      </c>
      <c r="AE17893">
        <v>44</v>
      </c>
      <c r="AF17893">
        <v>45</v>
      </c>
      <c r="AG17893">
        <v>46</v>
      </c>
      <c r="AH17893">
        <v>47</v>
      </c>
      <c r="AI17893">
        <v>48</v>
      </c>
      <c r="AJ17893">
        <v>49</v>
      </c>
      <c r="AK17893">
        <v>50</v>
      </c>
      <c r="AL17893">
        <v>50</v>
      </c>
      <c r="AM17893">
        <v>51</v>
      </c>
      <c r="AN17893">
        <v>51</v>
      </c>
      <c r="AO17893">
        <v>52</v>
      </c>
      <c r="AP17893">
        <v>53</v>
      </c>
      <c r="AQ17893">
        <v>53</v>
      </c>
    </row>
    <row r="17894" spans="1:43">
      <c r="A17894" t="s">
        <v>11088</v>
      </c>
      <c r="B17894" t="s">
        <v>11089</v>
      </c>
      <c r="C17894" t="s">
        <v>11090</v>
      </c>
      <c r="D17894" t="s">
        <v>11091</v>
      </c>
      <c r="E17894" t="s">
        <v>10982</v>
      </c>
      <c r="F17894" t="s">
        <v>10983</v>
      </c>
      <c r="G17894" t="s">
        <v>10734</v>
      </c>
      <c r="H17894" t="s">
        <v>10735</v>
      </c>
      <c r="I17894" s="2">
        <v>1</v>
      </c>
      <c r="J17894" s="2">
        <v>0</v>
      </c>
      <c r="K17894" s="2">
        <v>0</v>
      </c>
      <c r="L17894" t="s">
        <v>120</v>
      </c>
      <c r="M17894" t="s">
        <v>83</v>
      </c>
      <c r="N17894" t="s">
        <v>84</v>
      </c>
      <c r="O17894" t="s">
        <v>85</v>
      </c>
      <c r="P17894" t="s">
        <v>86</v>
      </c>
      <c r="Q17894">
        <v>15</v>
      </c>
      <c r="R17894">
        <v>15</v>
      </c>
      <c r="S17894">
        <v>15</v>
      </c>
      <c r="T17894">
        <v>16</v>
      </c>
      <c r="U17894">
        <v>16</v>
      </c>
      <c r="V17894">
        <v>16</v>
      </c>
      <c r="W17894">
        <v>17</v>
      </c>
      <c r="X17894">
        <v>17</v>
      </c>
      <c r="Y17894">
        <v>17</v>
      </c>
      <c r="Z17894">
        <v>18</v>
      </c>
      <c r="AA17894">
        <v>18</v>
      </c>
      <c r="AB17894">
        <v>18</v>
      </c>
      <c r="AC17894">
        <v>19</v>
      </c>
      <c r="AD17894">
        <v>19</v>
      </c>
      <c r="AE17894">
        <v>20</v>
      </c>
      <c r="AF17894">
        <v>20</v>
      </c>
      <c r="AG17894">
        <v>20</v>
      </c>
      <c r="AH17894">
        <v>21</v>
      </c>
      <c r="AI17894">
        <v>21</v>
      </c>
      <c r="AJ17894">
        <v>21</v>
      </c>
      <c r="AK17894">
        <v>22</v>
      </c>
      <c r="AL17894">
        <v>22</v>
      </c>
      <c r="AM17894">
        <v>22</v>
      </c>
      <c r="AN17894">
        <v>23</v>
      </c>
      <c r="AO17894">
        <v>23</v>
      </c>
      <c r="AP17894">
        <v>23</v>
      </c>
      <c r="AQ17894">
        <v>23</v>
      </c>
    </row>
    <row r="17895" spans="1:43">
      <c r="A17895" t="s">
        <v>11088</v>
      </c>
      <c r="B17895" t="s">
        <v>11089</v>
      </c>
      <c r="C17895" t="s">
        <v>11090</v>
      </c>
      <c r="D17895" t="s">
        <v>11091</v>
      </c>
      <c r="E17895" t="s">
        <v>10982</v>
      </c>
      <c r="F17895" t="s">
        <v>10983</v>
      </c>
      <c r="G17895" t="s">
        <v>10734</v>
      </c>
      <c r="H17895" t="s">
        <v>10735</v>
      </c>
      <c r="I17895" s="2">
        <v>1</v>
      </c>
      <c r="J17895" s="2">
        <v>0</v>
      </c>
      <c r="K17895" s="2">
        <v>0</v>
      </c>
      <c r="L17895" t="s">
        <v>120</v>
      </c>
      <c r="M17895" t="s">
        <v>87</v>
      </c>
      <c r="N17895" t="s">
        <v>88</v>
      </c>
      <c r="O17895" t="s">
        <v>85</v>
      </c>
      <c r="P17895" t="s">
        <v>86</v>
      </c>
      <c r="Q17895">
        <v>15</v>
      </c>
      <c r="R17895">
        <v>15</v>
      </c>
      <c r="S17895">
        <v>15</v>
      </c>
      <c r="T17895">
        <v>15</v>
      </c>
      <c r="U17895">
        <v>15</v>
      </c>
      <c r="V17895">
        <v>15</v>
      </c>
      <c r="W17895">
        <v>16</v>
      </c>
      <c r="X17895">
        <v>16</v>
      </c>
      <c r="Y17895">
        <v>16</v>
      </c>
      <c r="Z17895">
        <v>16</v>
      </c>
      <c r="AA17895">
        <v>17</v>
      </c>
      <c r="AB17895">
        <v>17</v>
      </c>
      <c r="AC17895">
        <v>17</v>
      </c>
      <c r="AD17895">
        <v>17</v>
      </c>
      <c r="AE17895">
        <v>17</v>
      </c>
      <c r="AF17895">
        <v>18</v>
      </c>
      <c r="AG17895">
        <v>18</v>
      </c>
      <c r="AH17895">
        <v>18</v>
      </c>
      <c r="AI17895">
        <v>18</v>
      </c>
      <c r="AJ17895">
        <v>19</v>
      </c>
      <c r="AK17895">
        <v>19</v>
      </c>
      <c r="AL17895">
        <v>19</v>
      </c>
      <c r="AM17895">
        <v>19</v>
      </c>
      <c r="AN17895">
        <v>20</v>
      </c>
      <c r="AO17895">
        <v>20</v>
      </c>
      <c r="AP17895">
        <v>20</v>
      </c>
      <c r="AQ17895">
        <v>20</v>
      </c>
    </row>
    <row r="17896" spans="1:43">
      <c r="A17896" t="s">
        <v>11088</v>
      </c>
      <c r="B17896" t="s">
        <v>11089</v>
      </c>
      <c r="C17896" t="s">
        <v>11090</v>
      </c>
      <c r="D17896" t="s">
        <v>11091</v>
      </c>
      <c r="E17896" t="s">
        <v>10982</v>
      </c>
      <c r="F17896" t="s">
        <v>10983</v>
      </c>
      <c r="G17896" t="s">
        <v>10734</v>
      </c>
      <c r="H17896" t="s">
        <v>10735</v>
      </c>
      <c r="I17896" s="2">
        <v>1</v>
      </c>
      <c r="J17896" s="2">
        <v>0</v>
      </c>
      <c r="K17896" s="2">
        <v>0</v>
      </c>
      <c r="L17896" t="s">
        <v>120</v>
      </c>
      <c r="M17896" t="s">
        <v>89</v>
      </c>
      <c r="N17896" t="s">
        <v>90</v>
      </c>
      <c r="O17896" t="s">
        <v>85</v>
      </c>
      <c r="P17896" t="s">
        <v>86</v>
      </c>
      <c r="Q17896">
        <v>15</v>
      </c>
      <c r="R17896">
        <v>15</v>
      </c>
      <c r="S17896">
        <v>16</v>
      </c>
      <c r="T17896">
        <v>16</v>
      </c>
      <c r="U17896">
        <v>17</v>
      </c>
      <c r="V17896">
        <v>17</v>
      </c>
      <c r="W17896">
        <v>17</v>
      </c>
      <c r="X17896">
        <v>18</v>
      </c>
      <c r="Y17896">
        <v>18</v>
      </c>
      <c r="Z17896">
        <v>19</v>
      </c>
      <c r="AA17896">
        <v>19</v>
      </c>
      <c r="AB17896">
        <v>20</v>
      </c>
      <c r="AC17896">
        <v>20</v>
      </c>
      <c r="AD17896">
        <v>20</v>
      </c>
      <c r="AE17896">
        <v>21</v>
      </c>
      <c r="AF17896">
        <v>21</v>
      </c>
      <c r="AG17896">
        <v>21</v>
      </c>
      <c r="AH17896">
        <v>21</v>
      </c>
      <c r="AI17896">
        <v>22</v>
      </c>
      <c r="AJ17896">
        <v>22</v>
      </c>
      <c r="AK17896">
        <v>22</v>
      </c>
      <c r="AL17896">
        <v>22</v>
      </c>
      <c r="AM17896">
        <v>23</v>
      </c>
      <c r="AN17896">
        <v>23</v>
      </c>
      <c r="AO17896">
        <v>23</v>
      </c>
      <c r="AP17896">
        <v>23</v>
      </c>
      <c r="AQ17896">
        <v>23</v>
      </c>
    </row>
    <row r="17897" spans="1:43">
      <c r="A17897" t="s">
        <v>11088</v>
      </c>
      <c r="B17897" t="s">
        <v>11089</v>
      </c>
      <c r="C17897" t="s">
        <v>11090</v>
      </c>
      <c r="D17897" t="s">
        <v>11091</v>
      </c>
      <c r="E17897" t="s">
        <v>10982</v>
      </c>
      <c r="F17897" t="s">
        <v>10983</v>
      </c>
      <c r="G17897" t="s">
        <v>10734</v>
      </c>
      <c r="H17897" t="s">
        <v>10735</v>
      </c>
      <c r="I17897" s="2">
        <v>1</v>
      </c>
      <c r="J17897" s="2">
        <v>0</v>
      </c>
      <c r="K17897" s="2">
        <v>0</v>
      </c>
      <c r="L17897" t="s">
        <v>120</v>
      </c>
      <c r="M17897" t="s">
        <v>83</v>
      </c>
      <c r="N17897" t="s">
        <v>91</v>
      </c>
      <c r="O17897" t="s">
        <v>85</v>
      </c>
      <c r="P17897" t="s">
        <v>86</v>
      </c>
      <c r="Q17897">
        <v>15</v>
      </c>
      <c r="R17897">
        <v>15</v>
      </c>
      <c r="S17897">
        <v>15</v>
      </c>
      <c r="T17897">
        <v>16</v>
      </c>
      <c r="U17897">
        <v>16</v>
      </c>
      <c r="V17897">
        <v>16</v>
      </c>
      <c r="W17897">
        <v>17</v>
      </c>
      <c r="X17897">
        <v>17</v>
      </c>
      <c r="Y17897">
        <v>17</v>
      </c>
      <c r="Z17897">
        <v>18</v>
      </c>
      <c r="AA17897">
        <v>18</v>
      </c>
      <c r="AB17897">
        <v>18</v>
      </c>
      <c r="AC17897">
        <v>19</v>
      </c>
      <c r="AD17897">
        <v>19</v>
      </c>
      <c r="AE17897">
        <v>20</v>
      </c>
      <c r="AF17897">
        <v>20</v>
      </c>
      <c r="AG17897">
        <v>20</v>
      </c>
      <c r="AH17897">
        <v>21</v>
      </c>
      <c r="AI17897">
        <v>21</v>
      </c>
      <c r="AJ17897">
        <v>21</v>
      </c>
      <c r="AK17897">
        <v>22</v>
      </c>
      <c r="AL17897">
        <v>22</v>
      </c>
      <c r="AM17897">
        <v>22</v>
      </c>
      <c r="AN17897">
        <v>23</v>
      </c>
      <c r="AO17897">
        <v>23</v>
      </c>
      <c r="AP17897">
        <v>23</v>
      </c>
      <c r="AQ17897">
        <v>23</v>
      </c>
    </row>
    <row r="17898" spans="1:43">
      <c r="A17898" t="s">
        <v>11092</v>
      </c>
      <c r="B17898" t="s">
        <v>11093</v>
      </c>
      <c r="C17898" t="s">
        <v>11090</v>
      </c>
      <c r="D17898" t="s">
        <v>11091</v>
      </c>
      <c r="E17898" t="s">
        <v>10982</v>
      </c>
      <c r="F17898" t="s">
        <v>10983</v>
      </c>
      <c r="G17898" t="s">
        <v>10734</v>
      </c>
      <c r="H17898" t="s">
        <v>10735</v>
      </c>
      <c r="I17898" s="2">
        <v>1</v>
      </c>
      <c r="J17898" s="2">
        <v>0</v>
      </c>
      <c r="K17898" s="2">
        <v>0</v>
      </c>
      <c r="L17898" t="s">
        <v>120</v>
      </c>
      <c r="M17898" t="s">
        <v>83</v>
      </c>
      <c r="N17898" t="s">
        <v>84</v>
      </c>
      <c r="O17898" t="s">
        <v>85</v>
      </c>
      <c r="P17898" t="s">
        <v>86</v>
      </c>
      <c r="Q17898">
        <v>4</v>
      </c>
      <c r="R17898">
        <v>4</v>
      </c>
      <c r="S17898">
        <v>4</v>
      </c>
      <c r="T17898">
        <v>4</v>
      </c>
      <c r="U17898">
        <v>4</v>
      </c>
      <c r="V17898">
        <v>5</v>
      </c>
      <c r="W17898">
        <v>5</v>
      </c>
      <c r="X17898">
        <v>5</v>
      </c>
      <c r="Y17898">
        <v>5</v>
      </c>
      <c r="Z17898">
        <v>5</v>
      </c>
      <c r="AA17898">
        <v>5</v>
      </c>
      <c r="AB17898">
        <v>5</v>
      </c>
      <c r="AC17898">
        <v>5</v>
      </c>
      <c r="AD17898">
        <v>5</v>
      </c>
      <c r="AE17898">
        <v>5</v>
      </c>
      <c r="AF17898">
        <v>5</v>
      </c>
      <c r="AG17898">
        <v>6</v>
      </c>
      <c r="AH17898">
        <v>6</v>
      </c>
      <c r="AI17898">
        <v>6</v>
      </c>
      <c r="AJ17898">
        <v>6</v>
      </c>
      <c r="AK17898">
        <v>6</v>
      </c>
      <c r="AL17898">
        <v>6</v>
      </c>
      <c r="AM17898">
        <v>6</v>
      </c>
      <c r="AN17898">
        <v>6</v>
      </c>
      <c r="AO17898">
        <v>6</v>
      </c>
      <c r="AP17898">
        <v>6</v>
      </c>
      <c r="AQ17898">
        <v>6</v>
      </c>
    </row>
    <row r="17899" spans="1:43">
      <c r="A17899" t="s">
        <v>11092</v>
      </c>
      <c r="B17899" t="s">
        <v>11093</v>
      </c>
      <c r="C17899" t="s">
        <v>11090</v>
      </c>
      <c r="D17899" t="s">
        <v>11091</v>
      </c>
      <c r="E17899" t="s">
        <v>10982</v>
      </c>
      <c r="F17899" t="s">
        <v>10983</v>
      </c>
      <c r="G17899" t="s">
        <v>10734</v>
      </c>
      <c r="H17899" t="s">
        <v>10735</v>
      </c>
      <c r="I17899" s="2">
        <v>1</v>
      </c>
      <c r="J17899" s="2">
        <v>0</v>
      </c>
      <c r="K17899" s="2">
        <v>0</v>
      </c>
      <c r="L17899" t="s">
        <v>120</v>
      </c>
      <c r="M17899" t="s">
        <v>87</v>
      </c>
      <c r="N17899" t="s">
        <v>88</v>
      </c>
      <c r="O17899" t="s">
        <v>85</v>
      </c>
      <c r="P17899" t="s">
        <v>86</v>
      </c>
      <c r="Q17899">
        <v>4</v>
      </c>
      <c r="R17899">
        <v>4</v>
      </c>
      <c r="S17899">
        <v>4</v>
      </c>
      <c r="T17899">
        <v>4</v>
      </c>
      <c r="U17899">
        <v>4</v>
      </c>
      <c r="V17899">
        <v>4</v>
      </c>
      <c r="W17899">
        <v>4</v>
      </c>
      <c r="X17899">
        <v>4</v>
      </c>
      <c r="Y17899">
        <v>4</v>
      </c>
      <c r="Z17899">
        <v>4</v>
      </c>
      <c r="AA17899">
        <v>5</v>
      </c>
      <c r="AB17899">
        <v>5</v>
      </c>
      <c r="AC17899">
        <v>5</v>
      </c>
      <c r="AD17899">
        <v>5</v>
      </c>
      <c r="AE17899">
        <v>5</v>
      </c>
      <c r="AF17899">
        <v>5</v>
      </c>
      <c r="AG17899">
        <v>5</v>
      </c>
      <c r="AH17899">
        <v>5</v>
      </c>
      <c r="AI17899">
        <v>5</v>
      </c>
      <c r="AJ17899">
        <v>5</v>
      </c>
      <c r="AK17899">
        <v>5</v>
      </c>
      <c r="AL17899">
        <v>5</v>
      </c>
      <c r="AM17899">
        <v>5</v>
      </c>
      <c r="AN17899">
        <v>5</v>
      </c>
      <c r="AO17899">
        <v>5</v>
      </c>
      <c r="AP17899">
        <v>6</v>
      </c>
      <c r="AQ17899">
        <v>6</v>
      </c>
    </row>
    <row r="17900" spans="1:43">
      <c r="A17900" t="s">
        <v>11092</v>
      </c>
      <c r="B17900" t="s">
        <v>11093</v>
      </c>
      <c r="C17900" t="s">
        <v>11090</v>
      </c>
      <c r="D17900" t="s">
        <v>11091</v>
      </c>
      <c r="E17900" t="s">
        <v>10982</v>
      </c>
      <c r="F17900" t="s">
        <v>10983</v>
      </c>
      <c r="G17900" t="s">
        <v>10734</v>
      </c>
      <c r="H17900" t="s">
        <v>10735</v>
      </c>
      <c r="I17900" s="2">
        <v>1</v>
      </c>
      <c r="J17900" s="2">
        <v>0</v>
      </c>
      <c r="K17900" s="2">
        <v>0</v>
      </c>
      <c r="L17900" t="s">
        <v>120</v>
      </c>
      <c r="M17900" t="s">
        <v>89</v>
      </c>
      <c r="N17900" t="s">
        <v>90</v>
      </c>
      <c r="O17900" t="s">
        <v>85</v>
      </c>
      <c r="P17900" t="s">
        <v>86</v>
      </c>
      <c r="Q17900">
        <v>4</v>
      </c>
      <c r="R17900">
        <v>4</v>
      </c>
      <c r="S17900">
        <v>4</v>
      </c>
      <c r="T17900">
        <v>4</v>
      </c>
      <c r="U17900">
        <v>5</v>
      </c>
      <c r="V17900">
        <v>5</v>
      </c>
      <c r="W17900">
        <v>5</v>
      </c>
      <c r="X17900">
        <v>5</v>
      </c>
      <c r="Y17900">
        <v>5</v>
      </c>
      <c r="Z17900">
        <v>5</v>
      </c>
      <c r="AA17900">
        <v>5</v>
      </c>
      <c r="AB17900">
        <v>5</v>
      </c>
      <c r="AC17900">
        <v>6</v>
      </c>
      <c r="AD17900">
        <v>6</v>
      </c>
      <c r="AE17900">
        <v>6</v>
      </c>
      <c r="AF17900">
        <v>6</v>
      </c>
      <c r="AG17900">
        <v>6</v>
      </c>
      <c r="AH17900">
        <v>6</v>
      </c>
      <c r="AI17900">
        <v>6</v>
      </c>
      <c r="AJ17900">
        <v>6</v>
      </c>
      <c r="AK17900">
        <v>6</v>
      </c>
      <c r="AL17900">
        <v>6</v>
      </c>
      <c r="AM17900">
        <v>6</v>
      </c>
      <c r="AN17900">
        <v>6</v>
      </c>
      <c r="AO17900">
        <v>6</v>
      </c>
      <c r="AP17900">
        <v>6</v>
      </c>
      <c r="AQ17900">
        <v>6</v>
      </c>
    </row>
    <row r="17901" spans="1:43">
      <c r="A17901" t="s">
        <v>11092</v>
      </c>
      <c r="B17901" t="s">
        <v>11093</v>
      </c>
      <c r="C17901" t="s">
        <v>11090</v>
      </c>
      <c r="D17901" t="s">
        <v>11091</v>
      </c>
      <c r="E17901" t="s">
        <v>10982</v>
      </c>
      <c r="F17901" t="s">
        <v>10983</v>
      </c>
      <c r="G17901" t="s">
        <v>10734</v>
      </c>
      <c r="H17901" t="s">
        <v>10735</v>
      </c>
      <c r="I17901" s="2">
        <v>1</v>
      </c>
      <c r="J17901" s="2">
        <v>0</v>
      </c>
      <c r="K17901" s="2">
        <v>0</v>
      </c>
      <c r="L17901" t="s">
        <v>120</v>
      </c>
      <c r="M17901" t="s">
        <v>83</v>
      </c>
      <c r="N17901" t="s">
        <v>91</v>
      </c>
      <c r="O17901" t="s">
        <v>85</v>
      </c>
      <c r="P17901" t="s">
        <v>86</v>
      </c>
      <c r="Q17901">
        <v>4</v>
      </c>
      <c r="R17901">
        <v>4</v>
      </c>
      <c r="S17901">
        <v>4</v>
      </c>
      <c r="T17901">
        <v>4</v>
      </c>
      <c r="U17901">
        <v>4</v>
      </c>
      <c r="V17901">
        <v>5</v>
      </c>
      <c r="W17901">
        <v>5</v>
      </c>
      <c r="X17901">
        <v>5</v>
      </c>
      <c r="Y17901">
        <v>5</v>
      </c>
      <c r="Z17901">
        <v>5</v>
      </c>
      <c r="AA17901">
        <v>5</v>
      </c>
      <c r="AB17901">
        <v>5</v>
      </c>
      <c r="AC17901">
        <v>5</v>
      </c>
      <c r="AD17901">
        <v>5</v>
      </c>
      <c r="AE17901">
        <v>5</v>
      </c>
      <c r="AF17901">
        <v>5</v>
      </c>
      <c r="AG17901">
        <v>6</v>
      </c>
      <c r="AH17901">
        <v>6</v>
      </c>
      <c r="AI17901">
        <v>6</v>
      </c>
      <c r="AJ17901">
        <v>6</v>
      </c>
      <c r="AK17901">
        <v>6</v>
      </c>
      <c r="AL17901">
        <v>6</v>
      </c>
      <c r="AM17901">
        <v>6</v>
      </c>
      <c r="AN17901">
        <v>6</v>
      </c>
      <c r="AO17901">
        <v>6</v>
      </c>
      <c r="AP17901">
        <v>6</v>
      </c>
      <c r="AQ17901">
        <v>6</v>
      </c>
    </row>
    <row r="17902" spans="1:43">
      <c r="A17902" t="s">
        <v>11094</v>
      </c>
      <c r="B17902" t="s">
        <v>11095</v>
      </c>
      <c r="C17902" t="s">
        <v>11090</v>
      </c>
      <c r="D17902" t="s">
        <v>11091</v>
      </c>
      <c r="E17902" t="s">
        <v>10982</v>
      </c>
      <c r="F17902" t="s">
        <v>10983</v>
      </c>
      <c r="G17902" t="s">
        <v>10734</v>
      </c>
      <c r="H17902" t="s">
        <v>10735</v>
      </c>
      <c r="I17902" s="2">
        <v>1</v>
      </c>
      <c r="J17902" s="2">
        <v>0</v>
      </c>
      <c r="K17902" s="2">
        <v>0</v>
      </c>
      <c r="L17902" t="s">
        <v>120</v>
      </c>
      <c r="M17902" t="s">
        <v>83</v>
      </c>
      <c r="N17902" t="s">
        <v>84</v>
      </c>
      <c r="O17902" t="s">
        <v>85</v>
      </c>
      <c r="P17902" t="s">
        <v>86</v>
      </c>
      <c r="Q17902">
        <v>8</v>
      </c>
      <c r="R17902">
        <v>9</v>
      </c>
      <c r="S17902">
        <v>9</v>
      </c>
      <c r="T17902">
        <v>9</v>
      </c>
      <c r="U17902">
        <v>9</v>
      </c>
      <c r="V17902">
        <v>9</v>
      </c>
      <c r="W17902">
        <v>10</v>
      </c>
      <c r="X17902">
        <v>10</v>
      </c>
      <c r="Y17902">
        <v>10</v>
      </c>
      <c r="Z17902">
        <v>10</v>
      </c>
      <c r="AA17902">
        <v>10</v>
      </c>
      <c r="AB17902">
        <v>11</v>
      </c>
      <c r="AC17902">
        <v>11</v>
      </c>
      <c r="AD17902">
        <v>11</v>
      </c>
      <c r="AE17902">
        <v>11</v>
      </c>
      <c r="AF17902">
        <v>11</v>
      </c>
      <c r="AG17902">
        <v>12</v>
      </c>
      <c r="AH17902">
        <v>12</v>
      </c>
      <c r="AI17902">
        <v>12</v>
      </c>
      <c r="AJ17902">
        <v>12</v>
      </c>
      <c r="AK17902">
        <v>13</v>
      </c>
      <c r="AL17902">
        <v>13</v>
      </c>
      <c r="AM17902">
        <v>13</v>
      </c>
      <c r="AN17902">
        <v>13</v>
      </c>
      <c r="AO17902">
        <v>13</v>
      </c>
      <c r="AP17902">
        <v>13</v>
      </c>
      <c r="AQ17902">
        <v>13</v>
      </c>
    </row>
    <row r="17903" spans="1:43">
      <c r="A17903" t="s">
        <v>11094</v>
      </c>
      <c r="B17903" t="s">
        <v>11095</v>
      </c>
      <c r="C17903" t="s">
        <v>11090</v>
      </c>
      <c r="D17903" t="s">
        <v>11091</v>
      </c>
      <c r="E17903" t="s">
        <v>10982</v>
      </c>
      <c r="F17903" t="s">
        <v>10983</v>
      </c>
      <c r="G17903" t="s">
        <v>10734</v>
      </c>
      <c r="H17903" t="s">
        <v>10735</v>
      </c>
      <c r="I17903" s="2">
        <v>1</v>
      </c>
      <c r="J17903" s="2">
        <v>0</v>
      </c>
      <c r="K17903" s="2">
        <v>0</v>
      </c>
      <c r="L17903" t="s">
        <v>120</v>
      </c>
      <c r="M17903" t="s">
        <v>87</v>
      </c>
      <c r="N17903" t="s">
        <v>88</v>
      </c>
      <c r="O17903" t="s">
        <v>85</v>
      </c>
      <c r="P17903" t="s">
        <v>86</v>
      </c>
      <c r="Q17903">
        <v>8</v>
      </c>
      <c r="R17903">
        <v>8</v>
      </c>
      <c r="S17903">
        <v>9</v>
      </c>
      <c r="T17903">
        <v>9</v>
      </c>
      <c r="U17903">
        <v>9</v>
      </c>
      <c r="V17903">
        <v>9</v>
      </c>
      <c r="W17903">
        <v>9</v>
      </c>
      <c r="X17903">
        <v>9</v>
      </c>
      <c r="Y17903">
        <v>9</v>
      </c>
      <c r="Z17903">
        <v>9</v>
      </c>
      <c r="AA17903">
        <v>9</v>
      </c>
      <c r="AB17903">
        <v>10</v>
      </c>
      <c r="AC17903">
        <v>10</v>
      </c>
      <c r="AD17903">
        <v>10</v>
      </c>
      <c r="AE17903">
        <v>10</v>
      </c>
      <c r="AF17903">
        <v>10</v>
      </c>
      <c r="AG17903">
        <v>10</v>
      </c>
      <c r="AH17903">
        <v>10</v>
      </c>
      <c r="AI17903">
        <v>11</v>
      </c>
      <c r="AJ17903">
        <v>11</v>
      </c>
      <c r="AK17903">
        <v>11</v>
      </c>
      <c r="AL17903">
        <v>11</v>
      </c>
      <c r="AM17903">
        <v>11</v>
      </c>
      <c r="AN17903">
        <v>11</v>
      </c>
      <c r="AO17903">
        <v>11</v>
      </c>
      <c r="AP17903">
        <v>12</v>
      </c>
      <c r="AQ17903">
        <v>12</v>
      </c>
    </row>
    <row r="17904" spans="1:43">
      <c r="A17904" t="s">
        <v>11094</v>
      </c>
      <c r="B17904" t="s">
        <v>11095</v>
      </c>
      <c r="C17904" t="s">
        <v>11090</v>
      </c>
      <c r="D17904" t="s">
        <v>11091</v>
      </c>
      <c r="E17904" t="s">
        <v>10982</v>
      </c>
      <c r="F17904" t="s">
        <v>10983</v>
      </c>
      <c r="G17904" t="s">
        <v>10734</v>
      </c>
      <c r="H17904" t="s">
        <v>10735</v>
      </c>
      <c r="I17904" s="2">
        <v>1</v>
      </c>
      <c r="J17904" s="2">
        <v>0</v>
      </c>
      <c r="K17904" s="2">
        <v>0</v>
      </c>
      <c r="L17904" t="s">
        <v>120</v>
      </c>
      <c r="M17904" t="s">
        <v>89</v>
      </c>
      <c r="N17904" t="s">
        <v>90</v>
      </c>
      <c r="O17904" t="s">
        <v>85</v>
      </c>
      <c r="P17904" t="s">
        <v>86</v>
      </c>
      <c r="Q17904">
        <v>8</v>
      </c>
      <c r="R17904">
        <v>9</v>
      </c>
      <c r="S17904">
        <v>9</v>
      </c>
      <c r="T17904">
        <v>9</v>
      </c>
      <c r="U17904">
        <v>10</v>
      </c>
      <c r="V17904">
        <v>10</v>
      </c>
      <c r="W17904">
        <v>10</v>
      </c>
      <c r="X17904">
        <v>10</v>
      </c>
      <c r="Y17904">
        <v>11</v>
      </c>
      <c r="Z17904">
        <v>11</v>
      </c>
      <c r="AA17904">
        <v>11</v>
      </c>
      <c r="AB17904">
        <v>11</v>
      </c>
      <c r="AC17904">
        <v>11</v>
      </c>
      <c r="AD17904">
        <v>12</v>
      </c>
      <c r="AE17904">
        <v>12</v>
      </c>
      <c r="AF17904">
        <v>12</v>
      </c>
      <c r="AG17904">
        <v>12</v>
      </c>
      <c r="AH17904">
        <v>12</v>
      </c>
      <c r="AI17904">
        <v>12</v>
      </c>
      <c r="AJ17904">
        <v>13</v>
      </c>
      <c r="AK17904">
        <v>13</v>
      </c>
      <c r="AL17904">
        <v>13</v>
      </c>
      <c r="AM17904">
        <v>13</v>
      </c>
      <c r="AN17904">
        <v>13</v>
      </c>
      <c r="AO17904">
        <v>13</v>
      </c>
      <c r="AP17904">
        <v>13</v>
      </c>
      <c r="AQ17904">
        <v>13</v>
      </c>
    </row>
    <row r="17905" spans="1:43">
      <c r="A17905" t="s">
        <v>11094</v>
      </c>
      <c r="B17905" t="s">
        <v>11095</v>
      </c>
      <c r="C17905" t="s">
        <v>11090</v>
      </c>
      <c r="D17905" t="s">
        <v>11091</v>
      </c>
      <c r="E17905" t="s">
        <v>10982</v>
      </c>
      <c r="F17905" t="s">
        <v>10983</v>
      </c>
      <c r="G17905" t="s">
        <v>10734</v>
      </c>
      <c r="H17905" t="s">
        <v>10735</v>
      </c>
      <c r="I17905" s="2">
        <v>1</v>
      </c>
      <c r="J17905" s="2">
        <v>0</v>
      </c>
      <c r="K17905" s="2">
        <v>0</v>
      </c>
      <c r="L17905" t="s">
        <v>120</v>
      </c>
      <c r="M17905" t="s">
        <v>83</v>
      </c>
      <c r="N17905" t="s">
        <v>91</v>
      </c>
      <c r="O17905" t="s">
        <v>85</v>
      </c>
      <c r="P17905" t="s">
        <v>86</v>
      </c>
      <c r="Q17905">
        <v>8</v>
      </c>
      <c r="R17905">
        <v>9</v>
      </c>
      <c r="S17905">
        <v>9</v>
      </c>
      <c r="T17905">
        <v>9</v>
      </c>
      <c r="U17905">
        <v>9</v>
      </c>
      <c r="V17905">
        <v>9</v>
      </c>
      <c r="W17905">
        <v>10</v>
      </c>
      <c r="X17905">
        <v>10</v>
      </c>
      <c r="Y17905">
        <v>10</v>
      </c>
      <c r="Z17905">
        <v>10</v>
      </c>
      <c r="AA17905">
        <v>10</v>
      </c>
      <c r="AB17905">
        <v>11</v>
      </c>
      <c r="AC17905">
        <v>11</v>
      </c>
      <c r="AD17905">
        <v>11</v>
      </c>
      <c r="AE17905">
        <v>11</v>
      </c>
      <c r="AF17905">
        <v>11</v>
      </c>
      <c r="AG17905">
        <v>12</v>
      </c>
      <c r="AH17905">
        <v>12</v>
      </c>
      <c r="AI17905">
        <v>12</v>
      </c>
      <c r="AJ17905">
        <v>12</v>
      </c>
      <c r="AK17905">
        <v>13</v>
      </c>
      <c r="AL17905">
        <v>13</v>
      </c>
      <c r="AM17905">
        <v>13</v>
      </c>
      <c r="AN17905">
        <v>13</v>
      </c>
      <c r="AO17905">
        <v>13</v>
      </c>
      <c r="AP17905">
        <v>13</v>
      </c>
      <c r="AQ17905">
        <v>13</v>
      </c>
    </row>
    <row r="17906" spans="1:43">
      <c r="A17906" t="s">
        <v>11096</v>
      </c>
      <c r="B17906" t="s">
        <v>11097</v>
      </c>
      <c r="C17906" t="s">
        <v>11090</v>
      </c>
      <c r="D17906" t="s">
        <v>11091</v>
      </c>
      <c r="E17906" t="s">
        <v>10982</v>
      </c>
      <c r="F17906" t="s">
        <v>10983</v>
      </c>
      <c r="G17906" t="s">
        <v>10734</v>
      </c>
      <c r="H17906" t="s">
        <v>10735</v>
      </c>
      <c r="I17906" s="2">
        <v>1</v>
      </c>
      <c r="J17906" s="2">
        <v>0</v>
      </c>
      <c r="K17906" s="2">
        <v>0</v>
      </c>
      <c r="L17906" t="s">
        <v>120</v>
      </c>
      <c r="M17906" t="s">
        <v>83</v>
      </c>
      <c r="N17906" t="s">
        <v>84</v>
      </c>
      <c r="O17906" t="s">
        <v>85</v>
      </c>
      <c r="P17906" t="s">
        <v>86</v>
      </c>
      <c r="Q17906">
        <v>12</v>
      </c>
      <c r="R17906">
        <v>13</v>
      </c>
      <c r="S17906">
        <v>13</v>
      </c>
      <c r="T17906">
        <v>13</v>
      </c>
      <c r="U17906">
        <v>13</v>
      </c>
      <c r="V17906">
        <v>14</v>
      </c>
      <c r="W17906">
        <v>14</v>
      </c>
      <c r="X17906">
        <v>14</v>
      </c>
      <c r="Y17906">
        <v>15</v>
      </c>
      <c r="Z17906">
        <v>15</v>
      </c>
      <c r="AA17906">
        <v>15</v>
      </c>
      <c r="AB17906">
        <v>16</v>
      </c>
      <c r="AC17906">
        <v>16</v>
      </c>
      <c r="AD17906">
        <v>16</v>
      </c>
      <c r="AE17906">
        <v>16</v>
      </c>
      <c r="AF17906">
        <v>17</v>
      </c>
      <c r="AG17906">
        <v>17</v>
      </c>
      <c r="AH17906">
        <v>17</v>
      </c>
      <c r="AI17906">
        <v>18</v>
      </c>
      <c r="AJ17906">
        <v>18</v>
      </c>
      <c r="AK17906">
        <v>18</v>
      </c>
      <c r="AL17906">
        <v>19</v>
      </c>
      <c r="AM17906">
        <v>19</v>
      </c>
      <c r="AN17906">
        <v>19</v>
      </c>
      <c r="AO17906">
        <v>19</v>
      </c>
      <c r="AP17906">
        <v>19</v>
      </c>
      <c r="AQ17906">
        <v>20</v>
      </c>
    </row>
    <row r="17907" spans="1:43">
      <c r="A17907" t="s">
        <v>11096</v>
      </c>
      <c r="B17907" t="s">
        <v>11097</v>
      </c>
      <c r="C17907" t="s">
        <v>11090</v>
      </c>
      <c r="D17907" t="s">
        <v>11091</v>
      </c>
      <c r="E17907" t="s">
        <v>10982</v>
      </c>
      <c r="F17907" t="s">
        <v>10983</v>
      </c>
      <c r="G17907" t="s">
        <v>10734</v>
      </c>
      <c r="H17907" t="s">
        <v>10735</v>
      </c>
      <c r="I17907" s="2">
        <v>1</v>
      </c>
      <c r="J17907" s="2">
        <v>0</v>
      </c>
      <c r="K17907" s="2">
        <v>0</v>
      </c>
      <c r="L17907" t="s">
        <v>120</v>
      </c>
      <c r="M17907" t="s">
        <v>87</v>
      </c>
      <c r="N17907" t="s">
        <v>88</v>
      </c>
      <c r="O17907" t="s">
        <v>85</v>
      </c>
      <c r="P17907" t="s">
        <v>86</v>
      </c>
      <c r="Q17907">
        <v>12</v>
      </c>
      <c r="R17907">
        <v>12</v>
      </c>
      <c r="S17907">
        <v>13</v>
      </c>
      <c r="T17907">
        <v>13</v>
      </c>
      <c r="U17907">
        <v>13</v>
      </c>
      <c r="V17907">
        <v>13</v>
      </c>
      <c r="W17907">
        <v>13</v>
      </c>
      <c r="X17907">
        <v>13</v>
      </c>
      <c r="Y17907">
        <v>14</v>
      </c>
      <c r="Z17907">
        <v>14</v>
      </c>
      <c r="AA17907">
        <v>14</v>
      </c>
      <c r="AB17907">
        <v>14</v>
      </c>
      <c r="AC17907">
        <v>14</v>
      </c>
      <c r="AD17907">
        <v>14</v>
      </c>
      <c r="AE17907">
        <v>15</v>
      </c>
      <c r="AF17907">
        <v>15</v>
      </c>
      <c r="AG17907">
        <v>15</v>
      </c>
      <c r="AH17907">
        <v>15</v>
      </c>
      <c r="AI17907">
        <v>15</v>
      </c>
      <c r="AJ17907">
        <v>16</v>
      </c>
      <c r="AK17907">
        <v>16</v>
      </c>
      <c r="AL17907">
        <v>16</v>
      </c>
      <c r="AM17907">
        <v>16</v>
      </c>
      <c r="AN17907">
        <v>17</v>
      </c>
      <c r="AO17907">
        <v>17</v>
      </c>
      <c r="AP17907">
        <v>17</v>
      </c>
      <c r="AQ17907">
        <v>17</v>
      </c>
    </row>
    <row r="17908" spans="1:43">
      <c r="A17908" t="s">
        <v>11096</v>
      </c>
      <c r="B17908" t="s">
        <v>11097</v>
      </c>
      <c r="C17908" t="s">
        <v>11090</v>
      </c>
      <c r="D17908" t="s">
        <v>11091</v>
      </c>
      <c r="E17908" t="s">
        <v>10982</v>
      </c>
      <c r="F17908" t="s">
        <v>10983</v>
      </c>
      <c r="G17908" t="s">
        <v>10734</v>
      </c>
      <c r="H17908" t="s">
        <v>10735</v>
      </c>
      <c r="I17908" s="2">
        <v>1</v>
      </c>
      <c r="J17908" s="2">
        <v>0</v>
      </c>
      <c r="K17908" s="2">
        <v>0</v>
      </c>
      <c r="L17908" t="s">
        <v>120</v>
      </c>
      <c r="M17908" t="s">
        <v>89</v>
      </c>
      <c r="N17908" t="s">
        <v>90</v>
      </c>
      <c r="O17908" t="s">
        <v>85</v>
      </c>
      <c r="P17908" t="s">
        <v>86</v>
      </c>
      <c r="Q17908">
        <v>12</v>
      </c>
      <c r="R17908">
        <v>13</v>
      </c>
      <c r="S17908">
        <v>13</v>
      </c>
      <c r="T17908">
        <v>14</v>
      </c>
      <c r="U17908">
        <v>14</v>
      </c>
      <c r="V17908">
        <v>14</v>
      </c>
      <c r="W17908">
        <v>15</v>
      </c>
      <c r="X17908">
        <v>15</v>
      </c>
      <c r="Y17908">
        <v>15</v>
      </c>
      <c r="Z17908">
        <v>16</v>
      </c>
      <c r="AA17908">
        <v>16</v>
      </c>
      <c r="AB17908">
        <v>16</v>
      </c>
      <c r="AC17908">
        <v>17</v>
      </c>
      <c r="AD17908">
        <v>17</v>
      </c>
      <c r="AE17908">
        <v>18</v>
      </c>
      <c r="AF17908">
        <v>18</v>
      </c>
      <c r="AG17908">
        <v>18</v>
      </c>
      <c r="AH17908">
        <v>18</v>
      </c>
      <c r="AI17908">
        <v>18</v>
      </c>
      <c r="AJ17908">
        <v>18</v>
      </c>
      <c r="AK17908">
        <v>19</v>
      </c>
      <c r="AL17908">
        <v>19</v>
      </c>
      <c r="AM17908">
        <v>19</v>
      </c>
      <c r="AN17908">
        <v>19</v>
      </c>
      <c r="AO17908">
        <v>19</v>
      </c>
      <c r="AP17908">
        <v>20</v>
      </c>
      <c r="AQ17908">
        <v>20</v>
      </c>
    </row>
    <row r="17909" spans="1:43">
      <c r="A17909" t="s">
        <v>11096</v>
      </c>
      <c r="B17909" t="s">
        <v>11097</v>
      </c>
      <c r="C17909" t="s">
        <v>11090</v>
      </c>
      <c r="D17909" t="s">
        <v>11091</v>
      </c>
      <c r="E17909" t="s">
        <v>10982</v>
      </c>
      <c r="F17909" t="s">
        <v>10983</v>
      </c>
      <c r="G17909" t="s">
        <v>10734</v>
      </c>
      <c r="H17909" t="s">
        <v>10735</v>
      </c>
      <c r="I17909" s="2">
        <v>1</v>
      </c>
      <c r="J17909" s="2">
        <v>0</v>
      </c>
      <c r="K17909" s="2">
        <v>0</v>
      </c>
      <c r="L17909" t="s">
        <v>120</v>
      </c>
      <c r="M17909" t="s">
        <v>83</v>
      </c>
      <c r="N17909" t="s">
        <v>91</v>
      </c>
      <c r="O17909" t="s">
        <v>85</v>
      </c>
      <c r="P17909" t="s">
        <v>86</v>
      </c>
      <c r="Q17909">
        <v>12</v>
      </c>
      <c r="R17909">
        <v>13</v>
      </c>
      <c r="S17909">
        <v>13</v>
      </c>
      <c r="T17909">
        <v>13</v>
      </c>
      <c r="U17909">
        <v>13</v>
      </c>
      <c r="V17909">
        <v>14</v>
      </c>
      <c r="W17909">
        <v>14</v>
      </c>
      <c r="X17909">
        <v>14</v>
      </c>
      <c r="Y17909">
        <v>15</v>
      </c>
      <c r="Z17909">
        <v>15</v>
      </c>
      <c r="AA17909">
        <v>15</v>
      </c>
      <c r="AB17909">
        <v>16</v>
      </c>
      <c r="AC17909">
        <v>16</v>
      </c>
      <c r="AD17909">
        <v>16</v>
      </c>
      <c r="AE17909">
        <v>16</v>
      </c>
      <c r="AF17909">
        <v>17</v>
      </c>
      <c r="AG17909">
        <v>17</v>
      </c>
      <c r="AH17909">
        <v>17</v>
      </c>
      <c r="AI17909">
        <v>18</v>
      </c>
      <c r="AJ17909">
        <v>18</v>
      </c>
      <c r="AK17909">
        <v>18</v>
      </c>
      <c r="AL17909">
        <v>19</v>
      </c>
      <c r="AM17909">
        <v>19</v>
      </c>
      <c r="AN17909">
        <v>19</v>
      </c>
      <c r="AO17909">
        <v>19</v>
      </c>
      <c r="AP17909">
        <v>19</v>
      </c>
      <c r="AQ17909">
        <v>20</v>
      </c>
    </row>
    <row r="17910" spans="1:43">
      <c r="A17910" t="s">
        <v>11098</v>
      </c>
      <c r="B17910" t="s">
        <v>11099</v>
      </c>
      <c r="C17910" t="s">
        <v>11082</v>
      </c>
      <c r="D17910" t="s">
        <v>11083</v>
      </c>
      <c r="E17910" t="s">
        <v>10982</v>
      </c>
      <c r="F17910" t="s">
        <v>10983</v>
      </c>
      <c r="G17910" t="s">
        <v>10734</v>
      </c>
      <c r="H17910" t="s">
        <v>10735</v>
      </c>
      <c r="I17910" s="2">
        <v>1</v>
      </c>
      <c r="J17910" s="2">
        <v>0</v>
      </c>
      <c r="K17910" s="2">
        <v>0</v>
      </c>
      <c r="L17910" t="s">
        <v>120</v>
      </c>
      <c r="M17910" t="s">
        <v>83</v>
      </c>
      <c r="N17910" t="s">
        <v>84</v>
      </c>
      <c r="O17910" t="s">
        <v>85</v>
      </c>
      <c r="P17910" t="s">
        <v>86</v>
      </c>
      <c r="Q17910">
        <v>10</v>
      </c>
      <c r="R17910">
        <v>10</v>
      </c>
      <c r="S17910">
        <v>10</v>
      </c>
      <c r="T17910">
        <v>10</v>
      </c>
      <c r="U17910">
        <v>10</v>
      </c>
      <c r="V17910">
        <v>11</v>
      </c>
      <c r="W17910">
        <v>11</v>
      </c>
      <c r="X17910">
        <v>11</v>
      </c>
      <c r="Y17910">
        <v>11</v>
      </c>
      <c r="Z17910">
        <v>12</v>
      </c>
      <c r="AA17910">
        <v>12</v>
      </c>
      <c r="AB17910">
        <v>12</v>
      </c>
      <c r="AC17910">
        <v>12</v>
      </c>
      <c r="AD17910">
        <v>13</v>
      </c>
      <c r="AE17910">
        <v>13</v>
      </c>
      <c r="AF17910">
        <v>13</v>
      </c>
      <c r="AG17910">
        <v>13</v>
      </c>
      <c r="AH17910">
        <v>14</v>
      </c>
      <c r="AI17910">
        <v>14</v>
      </c>
      <c r="AJ17910">
        <v>14</v>
      </c>
      <c r="AK17910">
        <v>14</v>
      </c>
      <c r="AL17910">
        <v>15</v>
      </c>
      <c r="AM17910">
        <v>15</v>
      </c>
      <c r="AN17910">
        <v>15</v>
      </c>
      <c r="AO17910">
        <v>15</v>
      </c>
      <c r="AP17910">
        <v>15</v>
      </c>
      <c r="AQ17910">
        <v>15</v>
      </c>
    </row>
    <row r="17911" spans="1:43">
      <c r="A17911" t="s">
        <v>11098</v>
      </c>
      <c r="B17911" t="s">
        <v>11099</v>
      </c>
      <c r="C17911" t="s">
        <v>11082</v>
      </c>
      <c r="D17911" t="s">
        <v>11083</v>
      </c>
      <c r="E17911" t="s">
        <v>10982</v>
      </c>
      <c r="F17911" t="s">
        <v>10983</v>
      </c>
      <c r="G17911" t="s">
        <v>10734</v>
      </c>
      <c r="H17911" t="s">
        <v>10735</v>
      </c>
      <c r="I17911" s="2">
        <v>1</v>
      </c>
      <c r="J17911" s="2">
        <v>0</v>
      </c>
      <c r="K17911" s="2">
        <v>0</v>
      </c>
      <c r="L17911" t="s">
        <v>120</v>
      </c>
      <c r="M17911" t="s">
        <v>87</v>
      </c>
      <c r="N17911" t="s">
        <v>88</v>
      </c>
      <c r="O17911" t="s">
        <v>85</v>
      </c>
      <c r="P17911" t="s">
        <v>86</v>
      </c>
      <c r="Q17911">
        <v>10</v>
      </c>
      <c r="R17911">
        <v>10</v>
      </c>
      <c r="S17911">
        <v>10</v>
      </c>
      <c r="T17911">
        <v>10</v>
      </c>
      <c r="U17911">
        <v>10</v>
      </c>
      <c r="V17911">
        <v>10</v>
      </c>
      <c r="W17911">
        <v>10</v>
      </c>
      <c r="X17911">
        <v>10</v>
      </c>
      <c r="Y17911">
        <v>11</v>
      </c>
      <c r="Z17911">
        <v>11</v>
      </c>
      <c r="AA17911">
        <v>11</v>
      </c>
      <c r="AB17911">
        <v>11</v>
      </c>
      <c r="AC17911">
        <v>11</v>
      </c>
      <c r="AD17911">
        <v>11</v>
      </c>
      <c r="AE17911">
        <v>11</v>
      </c>
      <c r="AF17911">
        <v>12</v>
      </c>
      <c r="AG17911">
        <v>12</v>
      </c>
      <c r="AH17911">
        <v>12</v>
      </c>
      <c r="AI17911">
        <v>12</v>
      </c>
      <c r="AJ17911">
        <v>12</v>
      </c>
      <c r="AK17911">
        <v>12</v>
      </c>
      <c r="AL17911">
        <v>13</v>
      </c>
      <c r="AM17911">
        <v>13</v>
      </c>
      <c r="AN17911">
        <v>13</v>
      </c>
      <c r="AO17911">
        <v>13</v>
      </c>
      <c r="AP17911">
        <v>13</v>
      </c>
      <c r="AQ17911">
        <v>13</v>
      </c>
    </row>
    <row r="17912" spans="1:43">
      <c r="A17912" t="s">
        <v>11098</v>
      </c>
      <c r="B17912" t="s">
        <v>11099</v>
      </c>
      <c r="C17912" t="s">
        <v>11082</v>
      </c>
      <c r="D17912" t="s">
        <v>11083</v>
      </c>
      <c r="E17912" t="s">
        <v>10982</v>
      </c>
      <c r="F17912" t="s">
        <v>10983</v>
      </c>
      <c r="G17912" t="s">
        <v>10734</v>
      </c>
      <c r="H17912" t="s">
        <v>10735</v>
      </c>
      <c r="I17912" s="2">
        <v>1</v>
      </c>
      <c r="J17912" s="2">
        <v>0</v>
      </c>
      <c r="K17912" s="2">
        <v>0</v>
      </c>
      <c r="L17912" t="s">
        <v>120</v>
      </c>
      <c r="M17912" t="s">
        <v>89</v>
      </c>
      <c r="N17912" t="s">
        <v>90</v>
      </c>
      <c r="O17912" t="s">
        <v>85</v>
      </c>
      <c r="P17912" t="s">
        <v>86</v>
      </c>
      <c r="Q17912">
        <v>10</v>
      </c>
      <c r="R17912">
        <v>10</v>
      </c>
      <c r="S17912">
        <v>10</v>
      </c>
      <c r="T17912">
        <v>11</v>
      </c>
      <c r="U17912">
        <v>11</v>
      </c>
      <c r="V17912">
        <v>11</v>
      </c>
      <c r="W17912">
        <v>11</v>
      </c>
      <c r="X17912">
        <v>12</v>
      </c>
      <c r="Y17912">
        <v>12</v>
      </c>
      <c r="Z17912">
        <v>12</v>
      </c>
      <c r="AA17912">
        <v>13</v>
      </c>
      <c r="AB17912">
        <v>13</v>
      </c>
      <c r="AC17912">
        <v>13</v>
      </c>
      <c r="AD17912">
        <v>14</v>
      </c>
      <c r="AE17912">
        <v>14</v>
      </c>
      <c r="AF17912">
        <v>14</v>
      </c>
      <c r="AG17912">
        <v>14</v>
      </c>
      <c r="AH17912">
        <v>14</v>
      </c>
      <c r="AI17912">
        <v>14</v>
      </c>
      <c r="AJ17912">
        <v>14</v>
      </c>
      <c r="AK17912">
        <v>15</v>
      </c>
      <c r="AL17912">
        <v>15</v>
      </c>
      <c r="AM17912">
        <v>15</v>
      </c>
      <c r="AN17912">
        <v>15</v>
      </c>
      <c r="AO17912">
        <v>15</v>
      </c>
      <c r="AP17912">
        <v>15</v>
      </c>
      <c r="AQ17912">
        <v>16</v>
      </c>
    </row>
    <row r="17913" spans="1:43">
      <c r="A17913" t="s">
        <v>11098</v>
      </c>
      <c r="B17913" t="s">
        <v>11099</v>
      </c>
      <c r="C17913" t="s">
        <v>11082</v>
      </c>
      <c r="D17913" t="s">
        <v>11083</v>
      </c>
      <c r="E17913" t="s">
        <v>10982</v>
      </c>
      <c r="F17913" t="s">
        <v>10983</v>
      </c>
      <c r="G17913" t="s">
        <v>10734</v>
      </c>
      <c r="H17913" t="s">
        <v>10735</v>
      </c>
      <c r="I17913" s="2">
        <v>1</v>
      </c>
      <c r="J17913" s="2">
        <v>0</v>
      </c>
      <c r="K17913" s="2">
        <v>0</v>
      </c>
      <c r="L17913" t="s">
        <v>120</v>
      </c>
      <c r="M17913" t="s">
        <v>83</v>
      </c>
      <c r="N17913" t="s">
        <v>91</v>
      </c>
      <c r="O17913" t="s">
        <v>85</v>
      </c>
      <c r="P17913" t="s">
        <v>86</v>
      </c>
      <c r="Q17913">
        <v>10</v>
      </c>
      <c r="R17913">
        <v>10</v>
      </c>
      <c r="S17913">
        <v>10</v>
      </c>
      <c r="T17913">
        <v>10</v>
      </c>
      <c r="U17913">
        <v>10</v>
      </c>
      <c r="V17913">
        <v>11</v>
      </c>
      <c r="W17913">
        <v>11</v>
      </c>
      <c r="X17913">
        <v>11</v>
      </c>
      <c r="Y17913">
        <v>11</v>
      </c>
      <c r="Z17913">
        <v>12</v>
      </c>
      <c r="AA17913">
        <v>12</v>
      </c>
      <c r="AB17913">
        <v>12</v>
      </c>
      <c r="AC17913">
        <v>12</v>
      </c>
      <c r="AD17913">
        <v>13</v>
      </c>
      <c r="AE17913">
        <v>13</v>
      </c>
      <c r="AF17913">
        <v>13</v>
      </c>
      <c r="AG17913">
        <v>13</v>
      </c>
      <c r="AH17913">
        <v>14</v>
      </c>
      <c r="AI17913">
        <v>14</v>
      </c>
      <c r="AJ17913">
        <v>14</v>
      </c>
      <c r="AK17913">
        <v>14</v>
      </c>
      <c r="AL17913">
        <v>15</v>
      </c>
      <c r="AM17913">
        <v>15</v>
      </c>
      <c r="AN17913">
        <v>15</v>
      </c>
      <c r="AO17913">
        <v>15</v>
      </c>
      <c r="AP17913">
        <v>15</v>
      </c>
      <c r="AQ17913">
        <v>15</v>
      </c>
    </row>
    <row r="17914" spans="1:43">
      <c r="A17914" t="s">
        <v>11100</v>
      </c>
      <c r="B17914" t="s">
        <v>11101</v>
      </c>
      <c r="C17914" t="s">
        <v>11082</v>
      </c>
      <c r="D17914" t="s">
        <v>11083</v>
      </c>
      <c r="E17914" t="s">
        <v>10982</v>
      </c>
      <c r="F17914" t="s">
        <v>10983</v>
      </c>
      <c r="G17914" t="s">
        <v>10734</v>
      </c>
      <c r="H17914" t="s">
        <v>10735</v>
      </c>
      <c r="I17914" s="2">
        <v>1</v>
      </c>
      <c r="J17914" s="2">
        <v>0</v>
      </c>
      <c r="K17914" s="2">
        <v>0</v>
      </c>
      <c r="L17914" t="s">
        <v>120</v>
      </c>
      <c r="M17914" t="s">
        <v>83</v>
      </c>
      <c r="N17914" t="s">
        <v>84</v>
      </c>
      <c r="O17914" t="s">
        <v>85</v>
      </c>
      <c r="P17914" t="s">
        <v>86</v>
      </c>
      <c r="Q17914">
        <v>42</v>
      </c>
      <c r="R17914">
        <v>43</v>
      </c>
      <c r="S17914">
        <v>44</v>
      </c>
      <c r="T17914">
        <v>45</v>
      </c>
      <c r="U17914">
        <v>46</v>
      </c>
      <c r="V17914">
        <v>47</v>
      </c>
      <c r="W17914">
        <v>48</v>
      </c>
      <c r="X17914">
        <v>49</v>
      </c>
      <c r="Y17914">
        <v>50</v>
      </c>
      <c r="Z17914">
        <v>51</v>
      </c>
      <c r="AA17914">
        <v>52</v>
      </c>
      <c r="AB17914">
        <v>53</v>
      </c>
      <c r="AC17914">
        <v>55</v>
      </c>
      <c r="AD17914">
        <v>56</v>
      </c>
      <c r="AE17914">
        <v>57</v>
      </c>
      <c r="AF17914">
        <v>58</v>
      </c>
      <c r="AG17914">
        <v>59</v>
      </c>
      <c r="AH17914">
        <v>60</v>
      </c>
      <c r="AI17914">
        <v>61</v>
      </c>
      <c r="AJ17914">
        <v>63</v>
      </c>
      <c r="AK17914">
        <v>64</v>
      </c>
      <c r="AL17914">
        <v>65</v>
      </c>
      <c r="AM17914">
        <v>65</v>
      </c>
      <c r="AN17914">
        <v>66</v>
      </c>
      <c r="AO17914">
        <v>67</v>
      </c>
      <c r="AP17914">
        <v>67</v>
      </c>
      <c r="AQ17914">
        <v>68</v>
      </c>
    </row>
    <row r="17915" spans="1:43">
      <c r="A17915" t="s">
        <v>11100</v>
      </c>
      <c r="B17915" t="s">
        <v>11101</v>
      </c>
      <c r="C17915" t="s">
        <v>11082</v>
      </c>
      <c r="D17915" t="s">
        <v>11083</v>
      </c>
      <c r="E17915" t="s">
        <v>10982</v>
      </c>
      <c r="F17915" t="s">
        <v>10983</v>
      </c>
      <c r="G17915" t="s">
        <v>10734</v>
      </c>
      <c r="H17915" t="s">
        <v>10735</v>
      </c>
      <c r="I17915" s="2">
        <v>1</v>
      </c>
      <c r="J17915" s="2">
        <v>0</v>
      </c>
      <c r="K17915" s="2">
        <v>0</v>
      </c>
      <c r="L17915" t="s">
        <v>120</v>
      </c>
      <c r="M17915" t="s">
        <v>87</v>
      </c>
      <c r="N17915" t="s">
        <v>88</v>
      </c>
      <c r="O17915" t="s">
        <v>85</v>
      </c>
      <c r="P17915" t="s">
        <v>86</v>
      </c>
      <c r="Q17915">
        <v>42</v>
      </c>
      <c r="R17915">
        <v>43</v>
      </c>
      <c r="S17915">
        <v>43</v>
      </c>
      <c r="T17915">
        <v>44</v>
      </c>
      <c r="U17915">
        <v>44</v>
      </c>
      <c r="V17915">
        <v>45</v>
      </c>
      <c r="W17915">
        <v>45</v>
      </c>
      <c r="X17915">
        <v>46</v>
      </c>
      <c r="Y17915">
        <v>47</v>
      </c>
      <c r="Z17915">
        <v>47</v>
      </c>
      <c r="AA17915">
        <v>48</v>
      </c>
      <c r="AB17915">
        <v>48</v>
      </c>
      <c r="AC17915">
        <v>49</v>
      </c>
      <c r="AD17915">
        <v>50</v>
      </c>
      <c r="AE17915">
        <v>50</v>
      </c>
      <c r="AF17915">
        <v>51</v>
      </c>
      <c r="AG17915">
        <v>52</v>
      </c>
      <c r="AH17915">
        <v>52</v>
      </c>
      <c r="AI17915">
        <v>53</v>
      </c>
      <c r="AJ17915">
        <v>54</v>
      </c>
      <c r="AK17915">
        <v>55</v>
      </c>
      <c r="AL17915">
        <v>55</v>
      </c>
      <c r="AM17915">
        <v>56</v>
      </c>
      <c r="AN17915">
        <v>57</v>
      </c>
      <c r="AO17915">
        <v>58</v>
      </c>
      <c r="AP17915">
        <v>58</v>
      </c>
      <c r="AQ17915">
        <v>59</v>
      </c>
    </row>
    <row r="17916" spans="1:43">
      <c r="A17916" t="s">
        <v>11100</v>
      </c>
      <c r="B17916" t="s">
        <v>11101</v>
      </c>
      <c r="C17916" t="s">
        <v>11082</v>
      </c>
      <c r="D17916" t="s">
        <v>11083</v>
      </c>
      <c r="E17916" t="s">
        <v>10982</v>
      </c>
      <c r="F17916" t="s">
        <v>10983</v>
      </c>
      <c r="G17916" t="s">
        <v>10734</v>
      </c>
      <c r="H17916" t="s">
        <v>10735</v>
      </c>
      <c r="I17916" s="2">
        <v>1</v>
      </c>
      <c r="J17916" s="2">
        <v>0</v>
      </c>
      <c r="K17916" s="2">
        <v>0</v>
      </c>
      <c r="L17916" t="s">
        <v>120</v>
      </c>
      <c r="M17916" t="s">
        <v>89</v>
      </c>
      <c r="N17916" t="s">
        <v>90</v>
      </c>
      <c r="O17916" t="s">
        <v>85</v>
      </c>
      <c r="P17916" t="s">
        <v>86</v>
      </c>
      <c r="Q17916">
        <v>42</v>
      </c>
      <c r="R17916">
        <v>43</v>
      </c>
      <c r="S17916">
        <v>45</v>
      </c>
      <c r="T17916">
        <v>46</v>
      </c>
      <c r="U17916">
        <v>47</v>
      </c>
      <c r="V17916">
        <v>48</v>
      </c>
      <c r="W17916">
        <v>50</v>
      </c>
      <c r="X17916">
        <v>51</v>
      </c>
      <c r="Y17916">
        <v>52</v>
      </c>
      <c r="Z17916">
        <v>54</v>
      </c>
      <c r="AA17916">
        <v>55</v>
      </c>
      <c r="AB17916">
        <v>56</v>
      </c>
      <c r="AC17916">
        <v>57</v>
      </c>
      <c r="AD17916">
        <v>59</v>
      </c>
      <c r="AE17916">
        <v>60</v>
      </c>
      <c r="AF17916">
        <v>60</v>
      </c>
      <c r="AG17916">
        <v>61</v>
      </c>
      <c r="AH17916">
        <v>62</v>
      </c>
      <c r="AI17916">
        <v>62</v>
      </c>
      <c r="AJ17916">
        <v>63</v>
      </c>
      <c r="AK17916">
        <v>64</v>
      </c>
      <c r="AL17916">
        <v>64</v>
      </c>
      <c r="AM17916">
        <v>65</v>
      </c>
      <c r="AN17916">
        <v>66</v>
      </c>
      <c r="AO17916">
        <v>66</v>
      </c>
      <c r="AP17916">
        <v>67</v>
      </c>
      <c r="AQ17916">
        <v>68</v>
      </c>
    </row>
    <row r="17917" spans="1:43">
      <c r="A17917" t="s">
        <v>11100</v>
      </c>
      <c r="B17917" t="s">
        <v>11101</v>
      </c>
      <c r="C17917" t="s">
        <v>11082</v>
      </c>
      <c r="D17917" t="s">
        <v>11083</v>
      </c>
      <c r="E17917" t="s">
        <v>10982</v>
      </c>
      <c r="F17917" t="s">
        <v>10983</v>
      </c>
      <c r="G17917" t="s">
        <v>10734</v>
      </c>
      <c r="H17917" t="s">
        <v>10735</v>
      </c>
      <c r="I17917" s="2">
        <v>1</v>
      </c>
      <c r="J17917" s="2">
        <v>0</v>
      </c>
      <c r="K17917" s="2">
        <v>0</v>
      </c>
      <c r="L17917" t="s">
        <v>120</v>
      </c>
      <c r="M17917" t="s">
        <v>83</v>
      </c>
      <c r="N17917" t="s">
        <v>91</v>
      </c>
      <c r="O17917" t="s">
        <v>85</v>
      </c>
      <c r="P17917" t="s">
        <v>86</v>
      </c>
      <c r="Q17917">
        <v>42</v>
      </c>
      <c r="R17917">
        <v>43</v>
      </c>
      <c r="S17917">
        <v>44</v>
      </c>
      <c r="T17917">
        <v>45</v>
      </c>
      <c r="U17917">
        <v>46</v>
      </c>
      <c r="V17917">
        <v>47</v>
      </c>
      <c r="W17917">
        <v>48</v>
      </c>
      <c r="X17917">
        <v>49</v>
      </c>
      <c r="Y17917">
        <v>50</v>
      </c>
      <c r="Z17917">
        <v>51</v>
      </c>
      <c r="AA17917">
        <v>52</v>
      </c>
      <c r="AB17917">
        <v>53</v>
      </c>
      <c r="AC17917">
        <v>55</v>
      </c>
      <c r="AD17917">
        <v>56</v>
      </c>
      <c r="AE17917">
        <v>57</v>
      </c>
      <c r="AF17917">
        <v>58</v>
      </c>
      <c r="AG17917">
        <v>59</v>
      </c>
      <c r="AH17917">
        <v>60</v>
      </c>
      <c r="AI17917">
        <v>61</v>
      </c>
      <c r="AJ17917">
        <v>63</v>
      </c>
      <c r="AK17917">
        <v>64</v>
      </c>
      <c r="AL17917">
        <v>65</v>
      </c>
      <c r="AM17917">
        <v>65</v>
      </c>
      <c r="AN17917">
        <v>66</v>
      </c>
      <c r="AO17917">
        <v>67</v>
      </c>
      <c r="AP17917">
        <v>67</v>
      </c>
      <c r="AQ17917">
        <v>68</v>
      </c>
    </row>
    <row r="17918" spans="1:43">
      <c r="A17918" t="s">
        <v>11102</v>
      </c>
      <c r="B17918" t="s">
        <v>11103</v>
      </c>
      <c r="C17918" t="s">
        <v>11082</v>
      </c>
      <c r="D17918" t="s">
        <v>11083</v>
      </c>
      <c r="E17918" t="s">
        <v>10982</v>
      </c>
      <c r="F17918" t="s">
        <v>10983</v>
      </c>
      <c r="G17918" t="s">
        <v>10734</v>
      </c>
      <c r="H17918" t="s">
        <v>10735</v>
      </c>
      <c r="I17918" s="2">
        <v>1</v>
      </c>
      <c r="J17918" s="2">
        <v>0</v>
      </c>
      <c r="K17918" s="2">
        <v>0</v>
      </c>
      <c r="L17918" t="s">
        <v>120</v>
      </c>
      <c r="M17918" t="s">
        <v>83</v>
      </c>
      <c r="N17918" t="s">
        <v>84</v>
      </c>
      <c r="O17918" t="s">
        <v>85</v>
      </c>
      <c r="P17918" t="s">
        <v>86</v>
      </c>
      <c r="Q17918">
        <v>49</v>
      </c>
      <c r="R17918">
        <v>50</v>
      </c>
      <c r="S17918">
        <v>51</v>
      </c>
      <c r="T17918">
        <v>52</v>
      </c>
      <c r="U17918">
        <v>53</v>
      </c>
      <c r="V17918">
        <v>54</v>
      </c>
      <c r="W17918">
        <v>55</v>
      </c>
      <c r="X17918">
        <v>57</v>
      </c>
      <c r="Y17918">
        <v>58</v>
      </c>
      <c r="Z17918">
        <v>59</v>
      </c>
      <c r="AA17918">
        <v>60</v>
      </c>
      <c r="AB17918">
        <v>61</v>
      </c>
      <c r="AC17918">
        <v>62</v>
      </c>
      <c r="AD17918">
        <v>64</v>
      </c>
      <c r="AE17918">
        <v>65</v>
      </c>
      <c r="AF17918">
        <v>66</v>
      </c>
      <c r="AG17918">
        <v>68</v>
      </c>
      <c r="AH17918">
        <v>69</v>
      </c>
      <c r="AI17918">
        <v>70</v>
      </c>
      <c r="AJ17918">
        <v>72</v>
      </c>
      <c r="AK17918">
        <v>73</v>
      </c>
      <c r="AL17918">
        <v>74</v>
      </c>
      <c r="AM17918">
        <v>75</v>
      </c>
      <c r="AN17918">
        <v>76</v>
      </c>
      <c r="AO17918">
        <v>76</v>
      </c>
      <c r="AP17918">
        <v>77</v>
      </c>
      <c r="AQ17918">
        <v>78</v>
      </c>
    </row>
    <row r="17919" spans="1:43">
      <c r="A17919" t="s">
        <v>11102</v>
      </c>
      <c r="B17919" t="s">
        <v>11103</v>
      </c>
      <c r="C17919" t="s">
        <v>11082</v>
      </c>
      <c r="D17919" t="s">
        <v>11083</v>
      </c>
      <c r="E17919" t="s">
        <v>10982</v>
      </c>
      <c r="F17919" t="s">
        <v>10983</v>
      </c>
      <c r="G17919" t="s">
        <v>10734</v>
      </c>
      <c r="H17919" t="s">
        <v>10735</v>
      </c>
      <c r="I17919" s="2">
        <v>1</v>
      </c>
      <c r="J17919" s="2">
        <v>0</v>
      </c>
      <c r="K17919" s="2">
        <v>0</v>
      </c>
      <c r="L17919" t="s">
        <v>120</v>
      </c>
      <c r="M17919" t="s">
        <v>87</v>
      </c>
      <c r="N17919" t="s">
        <v>88</v>
      </c>
      <c r="O17919" t="s">
        <v>85</v>
      </c>
      <c r="P17919" t="s">
        <v>86</v>
      </c>
      <c r="Q17919">
        <v>49</v>
      </c>
      <c r="R17919">
        <v>50</v>
      </c>
      <c r="S17919">
        <v>50</v>
      </c>
      <c r="T17919">
        <v>51</v>
      </c>
      <c r="U17919">
        <v>52</v>
      </c>
      <c r="V17919">
        <v>52</v>
      </c>
      <c r="W17919">
        <v>53</v>
      </c>
      <c r="X17919">
        <v>54</v>
      </c>
      <c r="Y17919">
        <v>54</v>
      </c>
      <c r="Z17919">
        <v>55</v>
      </c>
      <c r="AA17919">
        <v>56</v>
      </c>
      <c r="AB17919">
        <v>56</v>
      </c>
      <c r="AC17919">
        <v>57</v>
      </c>
      <c r="AD17919">
        <v>58</v>
      </c>
      <c r="AE17919">
        <v>59</v>
      </c>
      <c r="AF17919">
        <v>59</v>
      </c>
      <c r="AG17919">
        <v>60</v>
      </c>
      <c r="AH17919">
        <v>61</v>
      </c>
      <c r="AI17919">
        <v>62</v>
      </c>
      <c r="AJ17919">
        <v>63</v>
      </c>
      <c r="AK17919">
        <v>63</v>
      </c>
      <c r="AL17919">
        <v>64</v>
      </c>
      <c r="AM17919">
        <v>65</v>
      </c>
      <c r="AN17919">
        <v>66</v>
      </c>
      <c r="AO17919">
        <v>67</v>
      </c>
      <c r="AP17919">
        <v>68</v>
      </c>
      <c r="AQ17919">
        <v>69</v>
      </c>
    </row>
    <row r="17920" spans="1:43">
      <c r="A17920" t="s">
        <v>11102</v>
      </c>
      <c r="B17920" t="s">
        <v>11103</v>
      </c>
      <c r="C17920" t="s">
        <v>11082</v>
      </c>
      <c r="D17920" t="s">
        <v>11083</v>
      </c>
      <c r="E17920" t="s">
        <v>10982</v>
      </c>
      <c r="F17920" t="s">
        <v>10983</v>
      </c>
      <c r="G17920" t="s">
        <v>10734</v>
      </c>
      <c r="H17920" t="s">
        <v>10735</v>
      </c>
      <c r="I17920" s="2">
        <v>1</v>
      </c>
      <c r="J17920" s="2">
        <v>0</v>
      </c>
      <c r="K17920" s="2">
        <v>0</v>
      </c>
      <c r="L17920" t="s">
        <v>120</v>
      </c>
      <c r="M17920" t="s">
        <v>89</v>
      </c>
      <c r="N17920" t="s">
        <v>90</v>
      </c>
      <c r="O17920" t="s">
        <v>85</v>
      </c>
      <c r="P17920" t="s">
        <v>86</v>
      </c>
      <c r="Q17920">
        <v>49</v>
      </c>
      <c r="R17920">
        <v>51</v>
      </c>
      <c r="S17920">
        <v>52</v>
      </c>
      <c r="T17920">
        <v>54</v>
      </c>
      <c r="U17920">
        <v>55</v>
      </c>
      <c r="V17920">
        <v>57</v>
      </c>
      <c r="W17920">
        <v>58</v>
      </c>
      <c r="X17920">
        <v>60</v>
      </c>
      <c r="Y17920">
        <v>61</v>
      </c>
      <c r="Z17920">
        <v>63</v>
      </c>
      <c r="AA17920">
        <v>64</v>
      </c>
      <c r="AB17920">
        <v>65</v>
      </c>
      <c r="AC17920">
        <v>67</v>
      </c>
      <c r="AD17920">
        <v>69</v>
      </c>
      <c r="AE17920">
        <v>70</v>
      </c>
      <c r="AF17920">
        <v>70</v>
      </c>
      <c r="AG17920">
        <v>71</v>
      </c>
      <c r="AH17920">
        <v>72</v>
      </c>
      <c r="AI17920">
        <v>73</v>
      </c>
      <c r="AJ17920">
        <v>73</v>
      </c>
      <c r="AK17920">
        <v>74</v>
      </c>
      <c r="AL17920">
        <v>75</v>
      </c>
      <c r="AM17920">
        <v>76</v>
      </c>
      <c r="AN17920">
        <v>76</v>
      </c>
      <c r="AO17920">
        <v>77</v>
      </c>
      <c r="AP17920">
        <v>78</v>
      </c>
      <c r="AQ17920">
        <v>79</v>
      </c>
    </row>
    <row r="17921" spans="1:43">
      <c r="A17921" t="s">
        <v>11102</v>
      </c>
      <c r="B17921" t="s">
        <v>11103</v>
      </c>
      <c r="C17921" t="s">
        <v>11082</v>
      </c>
      <c r="D17921" t="s">
        <v>11083</v>
      </c>
      <c r="E17921" t="s">
        <v>10982</v>
      </c>
      <c r="F17921" t="s">
        <v>10983</v>
      </c>
      <c r="G17921" t="s">
        <v>10734</v>
      </c>
      <c r="H17921" t="s">
        <v>10735</v>
      </c>
      <c r="I17921" s="2">
        <v>1</v>
      </c>
      <c r="J17921" s="2">
        <v>0</v>
      </c>
      <c r="K17921" s="2">
        <v>0</v>
      </c>
      <c r="L17921" t="s">
        <v>120</v>
      </c>
      <c r="M17921" t="s">
        <v>83</v>
      </c>
      <c r="N17921" t="s">
        <v>91</v>
      </c>
      <c r="O17921" t="s">
        <v>85</v>
      </c>
      <c r="P17921" t="s">
        <v>86</v>
      </c>
      <c r="Q17921">
        <v>49</v>
      </c>
      <c r="R17921">
        <v>50</v>
      </c>
      <c r="S17921">
        <v>51</v>
      </c>
      <c r="T17921">
        <v>52</v>
      </c>
      <c r="U17921">
        <v>53</v>
      </c>
      <c r="V17921">
        <v>54</v>
      </c>
      <c r="W17921">
        <v>55</v>
      </c>
      <c r="X17921">
        <v>57</v>
      </c>
      <c r="Y17921">
        <v>58</v>
      </c>
      <c r="Z17921">
        <v>59</v>
      </c>
      <c r="AA17921">
        <v>60</v>
      </c>
      <c r="AB17921">
        <v>61</v>
      </c>
      <c r="AC17921">
        <v>62</v>
      </c>
      <c r="AD17921">
        <v>64</v>
      </c>
      <c r="AE17921">
        <v>65</v>
      </c>
      <c r="AF17921">
        <v>66</v>
      </c>
      <c r="AG17921">
        <v>68</v>
      </c>
      <c r="AH17921">
        <v>69</v>
      </c>
      <c r="AI17921">
        <v>70</v>
      </c>
      <c r="AJ17921">
        <v>72</v>
      </c>
      <c r="AK17921">
        <v>73</v>
      </c>
      <c r="AL17921">
        <v>74</v>
      </c>
      <c r="AM17921">
        <v>75</v>
      </c>
      <c r="AN17921">
        <v>76</v>
      </c>
      <c r="AO17921">
        <v>76</v>
      </c>
      <c r="AP17921">
        <v>77</v>
      </c>
      <c r="AQ17921">
        <v>78</v>
      </c>
    </row>
    <row r="17922" spans="1:43">
      <c r="A17922" t="s">
        <v>11104</v>
      </c>
      <c r="B17922" t="s">
        <v>11105</v>
      </c>
      <c r="C17922" t="s">
        <v>11082</v>
      </c>
      <c r="D17922" t="s">
        <v>11083</v>
      </c>
      <c r="E17922" t="s">
        <v>10982</v>
      </c>
      <c r="F17922" t="s">
        <v>10983</v>
      </c>
      <c r="G17922" t="s">
        <v>10734</v>
      </c>
      <c r="H17922" t="s">
        <v>10735</v>
      </c>
      <c r="I17922" s="2">
        <v>1</v>
      </c>
      <c r="J17922" s="2">
        <v>0</v>
      </c>
      <c r="K17922" s="2">
        <v>0</v>
      </c>
      <c r="L17922" t="s">
        <v>120</v>
      </c>
      <c r="M17922" t="s">
        <v>83</v>
      </c>
      <c r="N17922" t="s">
        <v>84</v>
      </c>
      <c r="O17922" t="s">
        <v>85</v>
      </c>
      <c r="P17922" t="s">
        <v>86</v>
      </c>
      <c r="Q17922">
        <v>29</v>
      </c>
      <c r="R17922">
        <v>30</v>
      </c>
      <c r="S17922">
        <v>30</v>
      </c>
      <c r="T17922">
        <v>31</v>
      </c>
      <c r="U17922">
        <v>32</v>
      </c>
      <c r="V17922">
        <v>33</v>
      </c>
      <c r="W17922">
        <v>33</v>
      </c>
      <c r="X17922">
        <v>34</v>
      </c>
      <c r="Y17922">
        <v>35</v>
      </c>
      <c r="Z17922">
        <v>35</v>
      </c>
      <c r="AA17922">
        <v>36</v>
      </c>
      <c r="AB17922">
        <v>37</v>
      </c>
      <c r="AC17922">
        <v>37</v>
      </c>
      <c r="AD17922">
        <v>38</v>
      </c>
      <c r="AE17922">
        <v>39</v>
      </c>
      <c r="AF17922">
        <v>40</v>
      </c>
      <c r="AG17922">
        <v>40</v>
      </c>
      <c r="AH17922">
        <v>41</v>
      </c>
      <c r="AI17922">
        <v>42</v>
      </c>
      <c r="AJ17922">
        <v>43</v>
      </c>
      <c r="AK17922">
        <v>44</v>
      </c>
      <c r="AL17922">
        <v>44</v>
      </c>
      <c r="AM17922">
        <v>45</v>
      </c>
      <c r="AN17922">
        <v>45</v>
      </c>
      <c r="AO17922">
        <v>46</v>
      </c>
      <c r="AP17922">
        <v>46</v>
      </c>
      <c r="AQ17922">
        <v>47</v>
      </c>
    </row>
    <row r="17923" spans="1:43">
      <c r="A17923" t="s">
        <v>11104</v>
      </c>
      <c r="B17923" t="s">
        <v>11105</v>
      </c>
      <c r="C17923" t="s">
        <v>11082</v>
      </c>
      <c r="D17923" t="s">
        <v>11083</v>
      </c>
      <c r="E17923" t="s">
        <v>10982</v>
      </c>
      <c r="F17923" t="s">
        <v>10983</v>
      </c>
      <c r="G17923" t="s">
        <v>10734</v>
      </c>
      <c r="H17923" t="s">
        <v>10735</v>
      </c>
      <c r="I17923" s="2">
        <v>1</v>
      </c>
      <c r="J17923" s="2">
        <v>0</v>
      </c>
      <c r="K17923" s="2">
        <v>0</v>
      </c>
      <c r="L17923" t="s">
        <v>120</v>
      </c>
      <c r="M17923" t="s">
        <v>87</v>
      </c>
      <c r="N17923" t="s">
        <v>88</v>
      </c>
      <c r="O17923" t="s">
        <v>85</v>
      </c>
      <c r="P17923" t="s">
        <v>86</v>
      </c>
      <c r="Q17923">
        <v>29</v>
      </c>
      <c r="R17923">
        <v>29</v>
      </c>
      <c r="S17923">
        <v>30</v>
      </c>
      <c r="T17923">
        <v>30</v>
      </c>
      <c r="U17923">
        <v>30</v>
      </c>
      <c r="V17923">
        <v>31</v>
      </c>
      <c r="W17923">
        <v>31</v>
      </c>
      <c r="X17923">
        <v>32</v>
      </c>
      <c r="Y17923">
        <v>32</v>
      </c>
      <c r="Z17923">
        <v>32</v>
      </c>
      <c r="AA17923">
        <v>33</v>
      </c>
      <c r="AB17923">
        <v>33</v>
      </c>
      <c r="AC17923">
        <v>34</v>
      </c>
      <c r="AD17923">
        <v>34</v>
      </c>
      <c r="AE17923">
        <v>35</v>
      </c>
      <c r="AF17923">
        <v>35</v>
      </c>
      <c r="AG17923">
        <v>35</v>
      </c>
      <c r="AH17923">
        <v>36</v>
      </c>
      <c r="AI17923">
        <v>36</v>
      </c>
      <c r="AJ17923">
        <v>37</v>
      </c>
      <c r="AK17923">
        <v>37</v>
      </c>
      <c r="AL17923">
        <v>38</v>
      </c>
      <c r="AM17923">
        <v>38</v>
      </c>
      <c r="AN17923">
        <v>39</v>
      </c>
      <c r="AO17923">
        <v>40</v>
      </c>
      <c r="AP17923">
        <v>40</v>
      </c>
      <c r="AQ17923">
        <v>41</v>
      </c>
    </row>
    <row r="17924" spans="1:43">
      <c r="A17924" t="s">
        <v>11104</v>
      </c>
      <c r="B17924" t="s">
        <v>11105</v>
      </c>
      <c r="C17924" t="s">
        <v>11082</v>
      </c>
      <c r="D17924" t="s">
        <v>11083</v>
      </c>
      <c r="E17924" t="s">
        <v>10982</v>
      </c>
      <c r="F17924" t="s">
        <v>10983</v>
      </c>
      <c r="G17924" t="s">
        <v>10734</v>
      </c>
      <c r="H17924" t="s">
        <v>10735</v>
      </c>
      <c r="I17924" s="2">
        <v>1</v>
      </c>
      <c r="J17924" s="2">
        <v>0</v>
      </c>
      <c r="K17924" s="2">
        <v>0</v>
      </c>
      <c r="L17924" t="s">
        <v>120</v>
      </c>
      <c r="M17924" t="s">
        <v>89</v>
      </c>
      <c r="N17924" t="s">
        <v>90</v>
      </c>
      <c r="O17924" t="s">
        <v>85</v>
      </c>
      <c r="P17924" t="s">
        <v>86</v>
      </c>
      <c r="Q17924">
        <v>29</v>
      </c>
      <c r="R17924">
        <v>30</v>
      </c>
      <c r="S17924">
        <v>31</v>
      </c>
      <c r="T17924">
        <v>32</v>
      </c>
      <c r="U17924">
        <v>33</v>
      </c>
      <c r="V17924">
        <v>34</v>
      </c>
      <c r="W17924">
        <v>35</v>
      </c>
      <c r="X17924">
        <v>36</v>
      </c>
      <c r="Y17924">
        <v>36</v>
      </c>
      <c r="Z17924">
        <v>37</v>
      </c>
      <c r="AA17924">
        <v>38</v>
      </c>
      <c r="AB17924">
        <v>39</v>
      </c>
      <c r="AC17924">
        <v>40</v>
      </c>
      <c r="AD17924">
        <v>41</v>
      </c>
      <c r="AE17924">
        <v>42</v>
      </c>
      <c r="AF17924">
        <v>42</v>
      </c>
      <c r="AG17924">
        <v>42</v>
      </c>
      <c r="AH17924">
        <v>43</v>
      </c>
      <c r="AI17924">
        <v>43</v>
      </c>
      <c r="AJ17924">
        <v>44</v>
      </c>
      <c r="AK17924">
        <v>44</v>
      </c>
      <c r="AL17924">
        <v>45</v>
      </c>
      <c r="AM17924">
        <v>45</v>
      </c>
      <c r="AN17924">
        <v>46</v>
      </c>
      <c r="AO17924">
        <v>46</v>
      </c>
      <c r="AP17924">
        <v>47</v>
      </c>
      <c r="AQ17924">
        <v>47</v>
      </c>
    </row>
    <row r="17925" spans="1:43">
      <c r="A17925" t="s">
        <v>11104</v>
      </c>
      <c r="B17925" t="s">
        <v>11105</v>
      </c>
      <c r="C17925" t="s">
        <v>11082</v>
      </c>
      <c r="D17925" t="s">
        <v>11083</v>
      </c>
      <c r="E17925" t="s">
        <v>10982</v>
      </c>
      <c r="F17925" t="s">
        <v>10983</v>
      </c>
      <c r="G17925" t="s">
        <v>10734</v>
      </c>
      <c r="H17925" t="s">
        <v>10735</v>
      </c>
      <c r="I17925" s="2">
        <v>1</v>
      </c>
      <c r="J17925" s="2">
        <v>0</v>
      </c>
      <c r="K17925" s="2">
        <v>0</v>
      </c>
      <c r="L17925" t="s">
        <v>120</v>
      </c>
      <c r="M17925" t="s">
        <v>83</v>
      </c>
      <c r="N17925" t="s">
        <v>91</v>
      </c>
      <c r="O17925" t="s">
        <v>85</v>
      </c>
      <c r="P17925" t="s">
        <v>86</v>
      </c>
      <c r="Q17925">
        <v>29</v>
      </c>
      <c r="R17925">
        <v>30</v>
      </c>
      <c r="S17925">
        <v>30</v>
      </c>
      <c r="T17925">
        <v>31</v>
      </c>
      <c r="U17925">
        <v>32</v>
      </c>
      <c r="V17925">
        <v>33</v>
      </c>
      <c r="W17925">
        <v>33</v>
      </c>
      <c r="X17925">
        <v>34</v>
      </c>
      <c r="Y17925">
        <v>35</v>
      </c>
      <c r="Z17925">
        <v>35</v>
      </c>
      <c r="AA17925">
        <v>36</v>
      </c>
      <c r="AB17925">
        <v>37</v>
      </c>
      <c r="AC17925">
        <v>37</v>
      </c>
      <c r="AD17925">
        <v>38</v>
      </c>
      <c r="AE17925">
        <v>39</v>
      </c>
      <c r="AF17925">
        <v>40</v>
      </c>
      <c r="AG17925">
        <v>40</v>
      </c>
      <c r="AH17925">
        <v>41</v>
      </c>
      <c r="AI17925">
        <v>42</v>
      </c>
      <c r="AJ17925">
        <v>43</v>
      </c>
      <c r="AK17925">
        <v>44</v>
      </c>
      <c r="AL17925">
        <v>44</v>
      </c>
      <c r="AM17925">
        <v>45</v>
      </c>
      <c r="AN17925">
        <v>45</v>
      </c>
      <c r="AO17925">
        <v>46</v>
      </c>
      <c r="AP17925">
        <v>46</v>
      </c>
      <c r="AQ17925">
        <v>47</v>
      </c>
    </row>
    <row r="17926" spans="1:43">
      <c r="A17926" t="s">
        <v>11106</v>
      </c>
      <c r="B17926" t="s">
        <v>11107</v>
      </c>
      <c r="C17926" t="s">
        <v>11010</v>
      </c>
      <c r="D17926" t="s">
        <v>11011</v>
      </c>
      <c r="E17926" t="s">
        <v>10982</v>
      </c>
      <c r="F17926" t="s">
        <v>10983</v>
      </c>
      <c r="G17926" t="s">
        <v>10734</v>
      </c>
      <c r="H17926" t="s">
        <v>10735</v>
      </c>
      <c r="I17926" s="2">
        <v>1</v>
      </c>
      <c r="J17926" s="2">
        <v>0</v>
      </c>
      <c r="K17926" s="2">
        <v>0</v>
      </c>
      <c r="L17926" t="s">
        <v>120</v>
      </c>
      <c r="M17926" t="s">
        <v>83</v>
      </c>
      <c r="N17926" t="s">
        <v>84</v>
      </c>
      <c r="O17926" t="s">
        <v>85</v>
      </c>
      <c r="P17926" t="s">
        <v>86</v>
      </c>
      <c r="Q17926">
        <v>49</v>
      </c>
      <c r="R17926">
        <v>50</v>
      </c>
      <c r="S17926">
        <v>51</v>
      </c>
      <c r="T17926">
        <v>52</v>
      </c>
      <c r="U17926">
        <v>53</v>
      </c>
      <c r="V17926">
        <v>54</v>
      </c>
      <c r="W17926">
        <v>55</v>
      </c>
      <c r="X17926">
        <v>56</v>
      </c>
      <c r="Y17926">
        <v>58</v>
      </c>
      <c r="Z17926">
        <v>59</v>
      </c>
      <c r="AA17926">
        <v>60</v>
      </c>
      <c r="AB17926">
        <v>61</v>
      </c>
      <c r="AC17926">
        <v>62</v>
      </c>
      <c r="AD17926">
        <v>64</v>
      </c>
      <c r="AE17926">
        <v>65</v>
      </c>
      <c r="AF17926">
        <v>66</v>
      </c>
      <c r="AG17926">
        <v>67</v>
      </c>
      <c r="AH17926">
        <v>69</v>
      </c>
      <c r="AI17926">
        <v>70</v>
      </c>
      <c r="AJ17926">
        <v>71</v>
      </c>
      <c r="AK17926">
        <v>73</v>
      </c>
      <c r="AL17926">
        <v>74</v>
      </c>
      <c r="AM17926">
        <v>75</v>
      </c>
      <c r="AN17926">
        <v>75</v>
      </c>
      <c r="AO17926">
        <v>76</v>
      </c>
      <c r="AP17926">
        <v>77</v>
      </c>
      <c r="AQ17926">
        <v>78</v>
      </c>
    </row>
    <row r="17927" spans="1:43">
      <c r="A17927" t="s">
        <v>11106</v>
      </c>
      <c r="B17927" t="s">
        <v>11107</v>
      </c>
      <c r="C17927" t="s">
        <v>11010</v>
      </c>
      <c r="D17927" t="s">
        <v>11011</v>
      </c>
      <c r="E17927" t="s">
        <v>10982</v>
      </c>
      <c r="F17927" t="s">
        <v>10983</v>
      </c>
      <c r="G17927" t="s">
        <v>10734</v>
      </c>
      <c r="H17927" t="s">
        <v>10735</v>
      </c>
      <c r="I17927" s="2">
        <v>1</v>
      </c>
      <c r="J17927" s="2">
        <v>0</v>
      </c>
      <c r="K17927" s="2">
        <v>0</v>
      </c>
      <c r="L17927" t="s">
        <v>120</v>
      </c>
      <c r="M17927" t="s">
        <v>87</v>
      </c>
      <c r="N17927" t="s">
        <v>88</v>
      </c>
      <c r="O17927" t="s">
        <v>85</v>
      </c>
      <c r="P17927" t="s">
        <v>86</v>
      </c>
      <c r="Q17927">
        <v>49</v>
      </c>
      <c r="R17927">
        <v>50</v>
      </c>
      <c r="S17927">
        <v>50</v>
      </c>
      <c r="T17927">
        <v>51</v>
      </c>
      <c r="U17927">
        <v>52</v>
      </c>
      <c r="V17927">
        <v>52</v>
      </c>
      <c r="W17927">
        <v>53</v>
      </c>
      <c r="X17927">
        <v>54</v>
      </c>
      <c r="Y17927">
        <v>54</v>
      </c>
      <c r="Z17927">
        <v>55</v>
      </c>
      <c r="AA17927">
        <v>56</v>
      </c>
      <c r="AB17927">
        <v>56</v>
      </c>
      <c r="AC17927">
        <v>57</v>
      </c>
      <c r="AD17927">
        <v>58</v>
      </c>
      <c r="AE17927">
        <v>59</v>
      </c>
      <c r="AF17927">
        <v>59</v>
      </c>
      <c r="AG17927">
        <v>60</v>
      </c>
      <c r="AH17927">
        <v>61</v>
      </c>
      <c r="AI17927">
        <v>62</v>
      </c>
      <c r="AJ17927">
        <v>62</v>
      </c>
      <c r="AK17927">
        <v>63</v>
      </c>
      <c r="AL17927">
        <v>64</v>
      </c>
      <c r="AM17927">
        <v>65</v>
      </c>
      <c r="AN17927">
        <v>66</v>
      </c>
      <c r="AO17927">
        <v>67</v>
      </c>
      <c r="AP17927">
        <v>68</v>
      </c>
      <c r="AQ17927">
        <v>69</v>
      </c>
    </row>
    <row r="17928" spans="1:43">
      <c r="A17928" t="s">
        <v>11106</v>
      </c>
      <c r="B17928" t="s">
        <v>11107</v>
      </c>
      <c r="C17928" t="s">
        <v>11010</v>
      </c>
      <c r="D17928" t="s">
        <v>11011</v>
      </c>
      <c r="E17928" t="s">
        <v>10982</v>
      </c>
      <c r="F17928" t="s">
        <v>10983</v>
      </c>
      <c r="G17928" t="s">
        <v>10734</v>
      </c>
      <c r="H17928" t="s">
        <v>10735</v>
      </c>
      <c r="I17928" s="2">
        <v>1</v>
      </c>
      <c r="J17928" s="2">
        <v>0</v>
      </c>
      <c r="K17928" s="2">
        <v>0</v>
      </c>
      <c r="L17928" t="s">
        <v>120</v>
      </c>
      <c r="M17928" t="s">
        <v>89</v>
      </c>
      <c r="N17928" t="s">
        <v>90</v>
      </c>
      <c r="O17928" t="s">
        <v>85</v>
      </c>
      <c r="P17928" t="s">
        <v>86</v>
      </c>
      <c r="Q17928">
        <v>49</v>
      </c>
      <c r="R17928">
        <v>51</v>
      </c>
      <c r="S17928">
        <v>52</v>
      </c>
      <c r="T17928">
        <v>54</v>
      </c>
      <c r="U17928">
        <v>55</v>
      </c>
      <c r="V17928">
        <v>57</v>
      </c>
      <c r="W17928">
        <v>58</v>
      </c>
      <c r="X17928">
        <v>59</v>
      </c>
      <c r="Y17928">
        <v>61</v>
      </c>
      <c r="Z17928">
        <v>62</v>
      </c>
      <c r="AA17928">
        <v>64</v>
      </c>
      <c r="AB17928">
        <v>65</v>
      </c>
      <c r="AC17928">
        <v>67</v>
      </c>
      <c r="AD17928">
        <v>68</v>
      </c>
      <c r="AE17928">
        <v>69</v>
      </c>
      <c r="AF17928">
        <v>70</v>
      </c>
      <c r="AG17928">
        <v>71</v>
      </c>
      <c r="AH17928">
        <v>71</v>
      </c>
      <c r="AI17928">
        <v>72</v>
      </c>
      <c r="AJ17928">
        <v>73</v>
      </c>
      <c r="AK17928">
        <v>74</v>
      </c>
      <c r="AL17928">
        <v>74</v>
      </c>
      <c r="AM17928">
        <v>75</v>
      </c>
      <c r="AN17928">
        <v>76</v>
      </c>
      <c r="AO17928">
        <v>77</v>
      </c>
      <c r="AP17928">
        <v>77</v>
      </c>
      <c r="AQ17928">
        <v>78</v>
      </c>
    </row>
    <row r="17929" spans="1:43">
      <c r="A17929" t="s">
        <v>11106</v>
      </c>
      <c r="B17929" t="s">
        <v>11107</v>
      </c>
      <c r="C17929" t="s">
        <v>11010</v>
      </c>
      <c r="D17929" t="s">
        <v>11011</v>
      </c>
      <c r="E17929" t="s">
        <v>10982</v>
      </c>
      <c r="F17929" t="s">
        <v>10983</v>
      </c>
      <c r="G17929" t="s">
        <v>10734</v>
      </c>
      <c r="H17929" t="s">
        <v>10735</v>
      </c>
      <c r="I17929" s="2">
        <v>1</v>
      </c>
      <c r="J17929" s="2">
        <v>0</v>
      </c>
      <c r="K17929" s="2">
        <v>0</v>
      </c>
      <c r="L17929" t="s">
        <v>120</v>
      </c>
      <c r="M17929" t="s">
        <v>83</v>
      </c>
      <c r="N17929" t="s">
        <v>91</v>
      </c>
      <c r="O17929" t="s">
        <v>85</v>
      </c>
      <c r="P17929" t="s">
        <v>86</v>
      </c>
      <c r="Q17929">
        <v>49</v>
      </c>
      <c r="R17929">
        <v>50</v>
      </c>
      <c r="S17929">
        <v>51</v>
      </c>
      <c r="T17929">
        <v>52</v>
      </c>
      <c r="U17929">
        <v>53</v>
      </c>
      <c r="V17929">
        <v>54</v>
      </c>
      <c r="W17929">
        <v>55</v>
      </c>
      <c r="X17929">
        <v>56</v>
      </c>
      <c r="Y17929">
        <v>58</v>
      </c>
      <c r="Z17929">
        <v>59</v>
      </c>
      <c r="AA17929">
        <v>60</v>
      </c>
      <c r="AB17929">
        <v>61</v>
      </c>
      <c r="AC17929">
        <v>62</v>
      </c>
      <c r="AD17929">
        <v>64</v>
      </c>
      <c r="AE17929">
        <v>65</v>
      </c>
      <c r="AF17929">
        <v>66</v>
      </c>
      <c r="AG17929">
        <v>67</v>
      </c>
      <c r="AH17929">
        <v>69</v>
      </c>
      <c r="AI17929">
        <v>70</v>
      </c>
      <c r="AJ17929">
        <v>71</v>
      </c>
      <c r="AK17929">
        <v>73</v>
      </c>
      <c r="AL17929">
        <v>74</v>
      </c>
      <c r="AM17929">
        <v>75</v>
      </c>
      <c r="AN17929">
        <v>75</v>
      </c>
      <c r="AO17929">
        <v>76</v>
      </c>
      <c r="AP17929">
        <v>77</v>
      </c>
      <c r="AQ17929">
        <v>78</v>
      </c>
    </row>
    <row r="17930" spans="1:43">
      <c r="A17930" t="s">
        <v>11108</v>
      </c>
      <c r="B17930" t="s">
        <v>11109</v>
      </c>
      <c r="C17930" t="s">
        <v>11010</v>
      </c>
      <c r="D17930" t="s">
        <v>11011</v>
      </c>
      <c r="E17930" t="s">
        <v>10982</v>
      </c>
      <c r="F17930" t="s">
        <v>10983</v>
      </c>
      <c r="G17930" t="s">
        <v>10734</v>
      </c>
      <c r="H17930" t="s">
        <v>10735</v>
      </c>
      <c r="I17930" s="2">
        <v>1</v>
      </c>
      <c r="J17930" s="2">
        <v>0</v>
      </c>
      <c r="K17930" s="2">
        <v>0</v>
      </c>
      <c r="L17930" t="s">
        <v>120</v>
      </c>
      <c r="M17930" t="s">
        <v>83</v>
      </c>
      <c r="N17930" t="s">
        <v>84</v>
      </c>
      <c r="O17930" t="s">
        <v>85</v>
      </c>
      <c r="P17930" t="s">
        <v>86</v>
      </c>
      <c r="Q17930">
        <v>20</v>
      </c>
      <c r="R17930">
        <v>21</v>
      </c>
      <c r="S17930">
        <v>21</v>
      </c>
      <c r="T17930">
        <v>22</v>
      </c>
      <c r="U17930">
        <v>22</v>
      </c>
      <c r="V17930">
        <v>23</v>
      </c>
      <c r="W17930">
        <v>23</v>
      </c>
      <c r="X17930">
        <v>24</v>
      </c>
      <c r="Y17930">
        <v>24</v>
      </c>
      <c r="Z17930">
        <v>25</v>
      </c>
      <c r="AA17930">
        <v>25</v>
      </c>
      <c r="AB17930">
        <v>26</v>
      </c>
      <c r="AC17930">
        <v>26</v>
      </c>
      <c r="AD17930">
        <v>27</v>
      </c>
      <c r="AE17930">
        <v>27</v>
      </c>
      <c r="AF17930">
        <v>28</v>
      </c>
      <c r="AG17930">
        <v>28</v>
      </c>
      <c r="AH17930">
        <v>29</v>
      </c>
      <c r="AI17930">
        <v>29</v>
      </c>
      <c r="AJ17930">
        <v>30</v>
      </c>
      <c r="AK17930">
        <v>30</v>
      </c>
      <c r="AL17930">
        <v>31</v>
      </c>
      <c r="AM17930">
        <v>31</v>
      </c>
      <c r="AN17930">
        <v>32</v>
      </c>
      <c r="AO17930">
        <v>32</v>
      </c>
      <c r="AP17930">
        <v>32</v>
      </c>
      <c r="AQ17930">
        <v>33</v>
      </c>
    </row>
    <row r="17931" spans="1:43">
      <c r="A17931" t="s">
        <v>11108</v>
      </c>
      <c r="B17931" t="s">
        <v>11109</v>
      </c>
      <c r="C17931" t="s">
        <v>11010</v>
      </c>
      <c r="D17931" t="s">
        <v>11011</v>
      </c>
      <c r="E17931" t="s">
        <v>10982</v>
      </c>
      <c r="F17931" t="s">
        <v>10983</v>
      </c>
      <c r="G17931" t="s">
        <v>10734</v>
      </c>
      <c r="H17931" t="s">
        <v>10735</v>
      </c>
      <c r="I17931" s="2">
        <v>1</v>
      </c>
      <c r="J17931" s="2">
        <v>0</v>
      </c>
      <c r="K17931" s="2">
        <v>0</v>
      </c>
      <c r="L17931" t="s">
        <v>120</v>
      </c>
      <c r="M17931" t="s">
        <v>87</v>
      </c>
      <c r="N17931" t="s">
        <v>88</v>
      </c>
      <c r="O17931" t="s">
        <v>85</v>
      </c>
      <c r="P17931" t="s">
        <v>86</v>
      </c>
      <c r="Q17931">
        <v>20</v>
      </c>
      <c r="R17931">
        <v>20</v>
      </c>
      <c r="S17931">
        <v>21</v>
      </c>
      <c r="T17931">
        <v>21</v>
      </c>
      <c r="U17931">
        <v>21</v>
      </c>
      <c r="V17931">
        <v>22</v>
      </c>
      <c r="W17931">
        <v>22</v>
      </c>
      <c r="X17931">
        <v>22</v>
      </c>
      <c r="Y17931">
        <v>22</v>
      </c>
      <c r="Z17931">
        <v>23</v>
      </c>
      <c r="AA17931">
        <v>23</v>
      </c>
      <c r="AB17931">
        <v>23</v>
      </c>
      <c r="AC17931">
        <v>24</v>
      </c>
      <c r="AD17931">
        <v>24</v>
      </c>
      <c r="AE17931">
        <v>24</v>
      </c>
      <c r="AF17931">
        <v>24</v>
      </c>
      <c r="AG17931">
        <v>25</v>
      </c>
      <c r="AH17931">
        <v>25</v>
      </c>
      <c r="AI17931">
        <v>25</v>
      </c>
      <c r="AJ17931">
        <v>26</v>
      </c>
      <c r="AK17931">
        <v>26</v>
      </c>
      <c r="AL17931">
        <v>27</v>
      </c>
      <c r="AM17931">
        <v>27</v>
      </c>
      <c r="AN17931">
        <v>27</v>
      </c>
      <c r="AO17931">
        <v>28</v>
      </c>
      <c r="AP17931">
        <v>28</v>
      </c>
      <c r="AQ17931">
        <v>28</v>
      </c>
    </row>
    <row r="17932" spans="1:43">
      <c r="A17932" t="s">
        <v>11108</v>
      </c>
      <c r="B17932" t="s">
        <v>11109</v>
      </c>
      <c r="C17932" t="s">
        <v>11010</v>
      </c>
      <c r="D17932" t="s">
        <v>11011</v>
      </c>
      <c r="E17932" t="s">
        <v>10982</v>
      </c>
      <c r="F17932" t="s">
        <v>10983</v>
      </c>
      <c r="G17932" t="s">
        <v>10734</v>
      </c>
      <c r="H17932" t="s">
        <v>10735</v>
      </c>
      <c r="I17932" s="2">
        <v>1</v>
      </c>
      <c r="J17932" s="2">
        <v>0</v>
      </c>
      <c r="K17932" s="2">
        <v>0</v>
      </c>
      <c r="L17932" t="s">
        <v>120</v>
      </c>
      <c r="M17932" t="s">
        <v>89</v>
      </c>
      <c r="N17932" t="s">
        <v>90</v>
      </c>
      <c r="O17932" t="s">
        <v>85</v>
      </c>
      <c r="P17932" t="s">
        <v>86</v>
      </c>
      <c r="Q17932">
        <v>20</v>
      </c>
      <c r="R17932">
        <v>20</v>
      </c>
      <c r="S17932">
        <v>21</v>
      </c>
      <c r="T17932">
        <v>21</v>
      </c>
      <c r="U17932">
        <v>22</v>
      </c>
      <c r="V17932">
        <v>23</v>
      </c>
      <c r="W17932">
        <v>23</v>
      </c>
      <c r="X17932">
        <v>24</v>
      </c>
      <c r="Y17932">
        <v>25</v>
      </c>
      <c r="Z17932">
        <v>25</v>
      </c>
      <c r="AA17932">
        <v>26</v>
      </c>
      <c r="AB17932">
        <v>26</v>
      </c>
      <c r="AC17932">
        <v>27</v>
      </c>
      <c r="AD17932">
        <v>28</v>
      </c>
      <c r="AE17932">
        <v>28</v>
      </c>
      <c r="AF17932">
        <v>28</v>
      </c>
      <c r="AG17932">
        <v>29</v>
      </c>
      <c r="AH17932">
        <v>29</v>
      </c>
      <c r="AI17932">
        <v>29</v>
      </c>
      <c r="AJ17932">
        <v>30</v>
      </c>
      <c r="AK17932">
        <v>30</v>
      </c>
      <c r="AL17932">
        <v>30</v>
      </c>
      <c r="AM17932">
        <v>30</v>
      </c>
      <c r="AN17932">
        <v>31</v>
      </c>
      <c r="AO17932">
        <v>31</v>
      </c>
      <c r="AP17932">
        <v>31</v>
      </c>
      <c r="AQ17932">
        <v>32</v>
      </c>
    </row>
    <row r="17933" spans="1:43">
      <c r="A17933" t="s">
        <v>11108</v>
      </c>
      <c r="B17933" t="s">
        <v>11109</v>
      </c>
      <c r="C17933" t="s">
        <v>11010</v>
      </c>
      <c r="D17933" t="s">
        <v>11011</v>
      </c>
      <c r="E17933" t="s">
        <v>10982</v>
      </c>
      <c r="F17933" t="s">
        <v>10983</v>
      </c>
      <c r="G17933" t="s">
        <v>10734</v>
      </c>
      <c r="H17933" t="s">
        <v>10735</v>
      </c>
      <c r="I17933" s="2">
        <v>1</v>
      </c>
      <c r="J17933" s="2">
        <v>0</v>
      </c>
      <c r="K17933" s="2">
        <v>0</v>
      </c>
      <c r="L17933" t="s">
        <v>120</v>
      </c>
      <c r="M17933" t="s">
        <v>83</v>
      </c>
      <c r="N17933" t="s">
        <v>91</v>
      </c>
      <c r="O17933" t="s">
        <v>85</v>
      </c>
      <c r="P17933" t="s">
        <v>86</v>
      </c>
      <c r="Q17933">
        <v>20</v>
      </c>
      <c r="R17933">
        <v>21</v>
      </c>
      <c r="S17933">
        <v>21</v>
      </c>
      <c r="T17933">
        <v>22</v>
      </c>
      <c r="U17933">
        <v>22</v>
      </c>
      <c r="V17933">
        <v>23</v>
      </c>
      <c r="W17933">
        <v>23</v>
      </c>
      <c r="X17933">
        <v>24</v>
      </c>
      <c r="Y17933">
        <v>24</v>
      </c>
      <c r="Z17933">
        <v>25</v>
      </c>
      <c r="AA17933">
        <v>25</v>
      </c>
      <c r="AB17933">
        <v>26</v>
      </c>
      <c r="AC17933">
        <v>26</v>
      </c>
      <c r="AD17933">
        <v>27</v>
      </c>
      <c r="AE17933">
        <v>27</v>
      </c>
      <c r="AF17933">
        <v>28</v>
      </c>
      <c r="AG17933">
        <v>28</v>
      </c>
      <c r="AH17933">
        <v>29</v>
      </c>
      <c r="AI17933">
        <v>29</v>
      </c>
      <c r="AJ17933">
        <v>30</v>
      </c>
      <c r="AK17933">
        <v>30</v>
      </c>
      <c r="AL17933">
        <v>31</v>
      </c>
      <c r="AM17933">
        <v>31</v>
      </c>
      <c r="AN17933">
        <v>32</v>
      </c>
      <c r="AO17933">
        <v>32</v>
      </c>
      <c r="AP17933">
        <v>32</v>
      </c>
      <c r="AQ17933">
        <v>33</v>
      </c>
    </row>
    <row r="17934" spans="1:43">
      <c r="A17934" t="s">
        <v>11110</v>
      </c>
      <c r="B17934" t="s">
        <v>11111</v>
      </c>
      <c r="C17934" t="s">
        <v>11010</v>
      </c>
      <c r="D17934" t="s">
        <v>11011</v>
      </c>
      <c r="E17934" t="s">
        <v>10982</v>
      </c>
      <c r="F17934" t="s">
        <v>10983</v>
      </c>
      <c r="G17934" t="s">
        <v>10734</v>
      </c>
      <c r="H17934" t="s">
        <v>10735</v>
      </c>
      <c r="I17934" s="2">
        <v>1</v>
      </c>
      <c r="J17934" s="2">
        <v>0</v>
      </c>
      <c r="K17934" s="2">
        <v>0</v>
      </c>
      <c r="L17934" t="s">
        <v>120</v>
      </c>
      <c r="M17934" t="s">
        <v>83</v>
      </c>
      <c r="N17934" t="s">
        <v>84</v>
      </c>
      <c r="O17934" t="s">
        <v>85</v>
      </c>
      <c r="P17934" t="s">
        <v>86</v>
      </c>
      <c r="Q17934">
        <v>3</v>
      </c>
      <c r="R17934">
        <v>3</v>
      </c>
      <c r="S17934">
        <v>3</v>
      </c>
      <c r="T17934">
        <v>4</v>
      </c>
      <c r="U17934">
        <v>4</v>
      </c>
      <c r="V17934">
        <v>4</v>
      </c>
      <c r="W17934">
        <v>4</v>
      </c>
      <c r="X17934">
        <v>4</v>
      </c>
      <c r="Y17934">
        <v>4</v>
      </c>
      <c r="Z17934">
        <v>4</v>
      </c>
      <c r="AA17934">
        <v>4</v>
      </c>
      <c r="AB17934">
        <v>4</v>
      </c>
      <c r="AC17934">
        <v>4</v>
      </c>
      <c r="AD17934">
        <v>4</v>
      </c>
      <c r="AE17934">
        <v>4</v>
      </c>
      <c r="AF17934">
        <v>5</v>
      </c>
      <c r="AG17934">
        <v>5</v>
      </c>
      <c r="AH17934">
        <v>5</v>
      </c>
      <c r="AI17934">
        <v>5</v>
      </c>
      <c r="AJ17934">
        <v>5</v>
      </c>
      <c r="AK17934">
        <v>5</v>
      </c>
      <c r="AL17934">
        <v>5</v>
      </c>
      <c r="AM17934">
        <v>5</v>
      </c>
      <c r="AN17934">
        <v>5</v>
      </c>
      <c r="AO17934">
        <v>5</v>
      </c>
      <c r="AP17934">
        <v>5</v>
      </c>
      <c r="AQ17934">
        <v>5</v>
      </c>
    </row>
    <row r="17935" spans="1:43">
      <c r="A17935" t="s">
        <v>11110</v>
      </c>
      <c r="B17935" t="s">
        <v>11111</v>
      </c>
      <c r="C17935" t="s">
        <v>11010</v>
      </c>
      <c r="D17935" t="s">
        <v>11011</v>
      </c>
      <c r="E17935" t="s">
        <v>10982</v>
      </c>
      <c r="F17935" t="s">
        <v>10983</v>
      </c>
      <c r="G17935" t="s">
        <v>10734</v>
      </c>
      <c r="H17935" t="s">
        <v>10735</v>
      </c>
      <c r="I17935" s="2">
        <v>1</v>
      </c>
      <c r="J17935" s="2">
        <v>0</v>
      </c>
      <c r="K17935" s="2">
        <v>0</v>
      </c>
      <c r="L17935" t="s">
        <v>120</v>
      </c>
      <c r="M17935" t="s">
        <v>87</v>
      </c>
      <c r="N17935" t="s">
        <v>88</v>
      </c>
      <c r="O17935" t="s">
        <v>85</v>
      </c>
      <c r="P17935" t="s">
        <v>86</v>
      </c>
      <c r="Q17935">
        <v>3</v>
      </c>
      <c r="R17935">
        <v>3</v>
      </c>
      <c r="S17935">
        <v>3</v>
      </c>
      <c r="T17935">
        <v>3</v>
      </c>
      <c r="U17935">
        <v>3</v>
      </c>
      <c r="V17935">
        <v>4</v>
      </c>
      <c r="W17935">
        <v>4</v>
      </c>
      <c r="X17935">
        <v>4</v>
      </c>
      <c r="Y17935">
        <v>4</v>
      </c>
      <c r="Z17935">
        <v>4</v>
      </c>
      <c r="AA17935">
        <v>4</v>
      </c>
      <c r="AB17935">
        <v>4</v>
      </c>
      <c r="AC17935">
        <v>4</v>
      </c>
      <c r="AD17935">
        <v>4</v>
      </c>
      <c r="AE17935">
        <v>4</v>
      </c>
      <c r="AF17935">
        <v>4</v>
      </c>
      <c r="AG17935">
        <v>4</v>
      </c>
      <c r="AH17935">
        <v>4</v>
      </c>
      <c r="AI17935">
        <v>4</v>
      </c>
      <c r="AJ17935">
        <v>4</v>
      </c>
      <c r="AK17935">
        <v>4</v>
      </c>
      <c r="AL17935">
        <v>4</v>
      </c>
      <c r="AM17935">
        <v>4</v>
      </c>
      <c r="AN17935">
        <v>4</v>
      </c>
      <c r="AO17935">
        <v>4</v>
      </c>
      <c r="AP17935">
        <v>5</v>
      </c>
      <c r="AQ17935">
        <v>5</v>
      </c>
    </row>
    <row r="17936" spans="1:43">
      <c r="A17936" t="s">
        <v>11110</v>
      </c>
      <c r="B17936" t="s">
        <v>11111</v>
      </c>
      <c r="C17936" t="s">
        <v>11010</v>
      </c>
      <c r="D17936" t="s">
        <v>11011</v>
      </c>
      <c r="E17936" t="s">
        <v>10982</v>
      </c>
      <c r="F17936" t="s">
        <v>10983</v>
      </c>
      <c r="G17936" t="s">
        <v>10734</v>
      </c>
      <c r="H17936" t="s">
        <v>10735</v>
      </c>
      <c r="I17936" s="2">
        <v>1</v>
      </c>
      <c r="J17936" s="2">
        <v>0</v>
      </c>
      <c r="K17936" s="2">
        <v>0</v>
      </c>
      <c r="L17936" t="s">
        <v>120</v>
      </c>
      <c r="M17936" t="s">
        <v>89</v>
      </c>
      <c r="N17936" t="s">
        <v>90</v>
      </c>
      <c r="O17936" t="s">
        <v>85</v>
      </c>
      <c r="P17936" t="s">
        <v>86</v>
      </c>
      <c r="Q17936">
        <v>3</v>
      </c>
      <c r="R17936">
        <v>3</v>
      </c>
      <c r="S17936">
        <v>4</v>
      </c>
      <c r="T17936">
        <v>4</v>
      </c>
      <c r="U17936">
        <v>4</v>
      </c>
      <c r="V17936">
        <v>4</v>
      </c>
      <c r="W17936">
        <v>4</v>
      </c>
      <c r="X17936">
        <v>4</v>
      </c>
      <c r="Y17936">
        <v>4</v>
      </c>
      <c r="Z17936">
        <v>4</v>
      </c>
      <c r="AA17936">
        <v>4</v>
      </c>
      <c r="AB17936">
        <v>4</v>
      </c>
      <c r="AC17936">
        <v>5</v>
      </c>
      <c r="AD17936">
        <v>5</v>
      </c>
      <c r="AE17936">
        <v>5</v>
      </c>
      <c r="AF17936">
        <v>5</v>
      </c>
      <c r="AG17936">
        <v>5</v>
      </c>
      <c r="AH17936">
        <v>5</v>
      </c>
      <c r="AI17936">
        <v>5</v>
      </c>
      <c r="AJ17936">
        <v>5</v>
      </c>
      <c r="AK17936">
        <v>5</v>
      </c>
      <c r="AL17936">
        <v>5</v>
      </c>
      <c r="AM17936">
        <v>5</v>
      </c>
      <c r="AN17936">
        <v>5</v>
      </c>
      <c r="AO17936">
        <v>5</v>
      </c>
      <c r="AP17936">
        <v>5</v>
      </c>
      <c r="AQ17936">
        <v>5</v>
      </c>
    </row>
    <row r="17937" spans="1:43">
      <c r="A17937" t="s">
        <v>11110</v>
      </c>
      <c r="B17937" t="s">
        <v>11111</v>
      </c>
      <c r="C17937" t="s">
        <v>11010</v>
      </c>
      <c r="D17937" t="s">
        <v>11011</v>
      </c>
      <c r="E17937" t="s">
        <v>10982</v>
      </c>
      <c r="F17937" t="s">
        <v>10983</v>
      </c>
      <c r="G17937" t="s">
        <v>10734</v>
      </c>
      <c r="H17937" t="s">
        <v>10735</v>
      </c>
      <c r="I17937" s="2">
        <v>1</v>
      </c>
      <c r="J17937" s="2">
        <v>0</v>
      </c>
      <c r="K17937" s="2">
        <v>0</v>
      </c>
      <c r="L17937" t="s">
        <v>120</v>
      </c>
      <c r="M17937" t="s">
        <v>83</v>
      </c>
      <c r="N17937" t="s">
        <v>91</v>
      </c>
      <c r="O17937" t="s">
        <v>85</v>
      </c>
      <c r="P17937" t="s">
        <v>86</v>
      </c>
      <c r="Q17937">
        <v>3</v>
      </c>
      <c r="R17937">
        <v>3</v>
      </c>
      <c r="S17937">
        <v>3</v>
      </c>
      <c r="T17937">
        <v>4</v>
      </c>
      <c r="U17937">
        <v>4</v>
      </c>
      <c r="V17937">
        <v>4</v>
      </c>
      <c r="W17937">
        <v>4</v>
      </c>
      <c r="X17937">
        <v>4</v>
      </c>
      <c r="Y17937">
        <v>4</v>
      </c>
      <c r="Z17937">
        <v>4</v>
      </c>
      <c r="AA17937">
        <v>4</v>
      </c>
      <c r="AB17937">
        <v>4</v>
      </c>
      <c r="AC17937">
        <v>4</v>
      </c>
      <c r="AD17937">
        <v>4</v>
      </c>
      <c r="AE17937">
        <v>4</v>
      </c>
      <c r="AF17937">
        <v>5</v>
      </c>
      <c r="AG17937">
        <v>5</v>
      </c>
      <c r="AH17937">
        <v>5</v>
      </c>
      <c r="AI17937">
        <v>5</v>
      </c>
      <c r="AJ17937">
        <v>5</v>
      </c>
      <c r="AK17937">
        <v>5</v>
      </c>
      <c r="AL17937">
        <v>5</v>
      </c>
      <c r="AM17937">
        <v>5</v>
      </c>
      <c r="AN17937">
        <v>5</v>
      </c>
      <c r="AO17937">
        <v>5</v>
      </c>
      <c r="AP17937">
        <v>5</v>
      </c>
      <c r="AQ17937">
        <v>5</v>
      </c>
    </row>
    <row r="17938" spans="1:43">
      <c r="A17938" t="s">
        <v>11112</v>
      </c>
      <c r="B17938" t="s">
        <v>11113</v>
      </c>
      <c r="C17938" t="s">
        <v>11010</v>
      </c>
      <c r="D17938" t="s">
        <v>11011</v>
      </c>
      <c r="E17938" t="s">
        <v>10982</v>
      </c>
      <c r="F17938" t="s">
        <v>10983</v>
      </c>
      <c r="G17938" t="s">
        <v>10734</v>
      </c>
      <c r="H17938" t="s">
        <v>10735</v>
      </c>
      <c r="I17938" s="2">
        <v>1</v>
      </c>
      <c r="J17938" s="2">
        <v>0</v>
      </c>
      <c r="K17938" s="2">
        <v>0</v>
      </c>
      <c r="L17938" t="s">
        <v>120</v>
      </c>
      <c r="M17938" t="s">
        <v>83</v>
      </c>
      <c r="N17938" t="s">
        <v>84</v>
      </c>
      <c r="O17938" t="s">
        <v>85</v>
      </c>
      <c r="P17938" t="s">
        <v>86</v>
      </c>
      <c r="Q17938">
        <v>11</v>
      </c>
      <c r="R17938">
        <v>12</v>
      </c>
      <c r="S17938">
        <v>12</v>
      </c>
      <c r="T17938">
        <v>12</v>
      </c>
      <c r="U17938">
        <v>12</v>
      </c>
      <c r="V17938">
        <v>13</v>
      </c>
      <c r="W17938">
        <v>13</v>
      </c>
      <c r="X17938">
        <v>13</v>
      </c>
      <c r="Y17938">
        <v>13</v>
      </c>
      <c r="Z17938">
        <v>14</v>
      </c>
      <c r="AA17938">
        <v>14</v>
      </c>
      <c r="AB17938">
        <v>14</v>
      </c>
      <c r="AC17938">
        <v>14</v>
      </c>
      <c r="AD17938">
        <v>15</v>
      </c>
      <c r="AE17938">
        <v>15</v>
      </c>
      <c r="AF17938">
        <v>15</v>
      </c>
      <c r="AG17938">
        <v>16</v>
      </c>
      <c r="AH17938">
        <v>16</v>
      </c>
      <c r="AI17938">
        <v>16</v>
      </c>
      <c r="AJ17938">
        <v>17</v>
      </c>
      <c r="AK17938">
        <v>17</v>
      </c>
      <c r="AL17938">
        <v>17</v>
      </c>
      <c r="AM17938">
        <v>17</v>
      </c>
      <c r="AN17938">
        <v>17</v>
      </c>
      <c r="AO17938">
        <v>18</v>
      </c>
      <c r="AP17938">
        <v>18</v>
      </c>
      <c r="AQ17938">
        <v>18</v>
      </c>
    </row>
    <row r="17939" spans="1:43">
      <c r="A17939" t="s">
        <v>11112</v>
      </c>
      <c r="B17939" t="s">
        <v>11113</v>
      </c>
      <c r="C17939" t="s">
        <v>11010</v>
      </c>
      <c r="D17939" t="s">
        <v>11011</v>
      </c>
      <c r="E17939" t="s">
        <v>10982</v>
      </c>
      <c r="F17939" t="s">
        <v>10983</v>
      </c>
      <c r="G17939" t="s">
        <v>10734</v>
      </c>
      <c r="H17939" t="s">
        <v>10735</v>
      </c>
      <c r="I17939" s="2">
        <v>1</v>
      </c>
      <c r="J17939" s="2">
        <v>0</v>
      </c>
      <c r="K17939" s="2">
        <v>0</v>
      </c>
      <c r="L17939" t="s">
        <v>120</v>
      </c>
      <c r="M17939" t="s">
        <v>87</v>
      </c>
      <c r="N17939" t="s">
        <v>88</v>
      </c>
      <c r="O17939" t="s">
        <v>85</v>
      </c>
      <c r="P17939" t="s">
        <v>86</v>
      </c>
      <c r="Q17939">
        <v>11</v>
      </c>
      <c r="R17939">
        <v>11</v>
      </c>
      <c r="S17939">
        <v>11</v>
      </c>
      <c r="T17939">
        <v>12</v>
      </c>
      <c r="U17939">
        <v>12</v>
      </c>
      <c r="V17939">
        <v>12</v>
      </c>
      <c r="W17939">
        <v>12</v>
      </c>
      <c r="X17939">
        <v>12</v>
      </c>
      <c r="Y17939">
        <v>12</v>
      </c>
      <c r="Z17939">
        <v>13</v>
      </c>
      <c r="AA17939">
        <v>13</v>
      </c>
      <c r="AB17939">
        <v>13</v>
      </c>
      <c r="AC17939">
        <v>13</v>
      </c>
      <c r="AD17939">
        <v>13</v>
      </c>
      <c r="AE17939">
        <v>13</v>
      </c>
      <c r="AF17939">
        <v>14</v>
      </c>
      <c r="AG17939">
        <v>14</v>
      </c>
      <c r="AH17939">
        <v>14</v>
      </c>
      <c r="AI17939">
        <v>14</v>
      </c>
      <c r="AJ17939">
        <v>14</v>
      </c>
      <c r="AK17939">
        <v>14</v>
      </c>
      <c r="AL17939">
        <v>15</v>
      </c>
      <c r="AM17939">
        <v>15</v>
      </c>
      <c r="AN17939">
        <v>15</v>
      </c>
      <c r="AO17939">
        <v>15</v>
      </c>
      <c r="AP17939">
        <v>15</v>
      </c>
      <c r="AQ17939">
        <v>16</v>
      </c>
    </row>
    <row r="17940" spans="1:43">
      <c r="A17940" t="s">
        <v>11112</v>
      </c>
      <c r="B17940" t="s">
        <v>11113</v>
      </c>
      <c r="C17940" t="s">
        <v>11010</v>
      </c>
      <c r="D17940" t="s">
        <v>11011</v>
      </c>
      <c r="E17940" t="s">
        <v>10982</v>
      </c>
      <c r="F17940" t="s">
        <v>10983</v>
      </c>
      <c r="G17940" t="s">
        <v>10734</v>
      </c>
      <c r="H17940" t="s">
        <v>10735</v>
      </c>
      <c r="I17940" s="2">
        <v>1</v>
      </c>
      <c r="J17940" s="2">
        <v>0</v>
      </c>
      <c r="K17940" s="2">
        <v>0</v>
      </c>
      <c r="L17940" t="s">
        <v>120</v>
      </c>
      <c r="M17940" t="s">
        <v>89</v>
      </c>
      <c r="N17940" t="s">
        <v>90</v>
      </c>
      <c r="O17940" t="s">
        <v>85</v>
      </c>
      <c r="P17940" t="s">
        <v>86</v>
      </c>
      <c r="Q17940">
        <v>11</v>
      </c>
      <c r="R17940">
        <v>12</v>
      </c>
      <c r="S17940">
        <v>12</v>
      </c>
      <c r="T17940">
        <v>12</v>
      </c>
      <c r="U17940">
        <v>13</v>
      </c>
      <c r="V17940">
        <v>13</v>
      </c>
      <c r="W17940">
        <v>13</v>
      </c>
      <c r="X17940">
        <v>14</v>
      </c>
      <c r="Y17940">
        <v>14</v>
      </c>
      <c r="Z17940">
        <v>14</v>
      </c>
      <c r="AA17940">
        <v>15</v>
      </c>
      <c r="AB17940">
        <v>15</v>
      </c>
      <c r="AC17940">
        <v>16</v>
      </c>
      <c r="AD17940">
        <v>16</v>
      </c>
      <c r="AE17940">
        <v>16</v>
      </c>
      <c r="AF17940">
        <v>16</v>
      </c>
      <c r="AG17940">
        <v>16</v>
      </c>
      <c r="AH17940">
        <v>17</v>
      </c>
      <c r="AI17940">
        <v>17</v>
      </c>
      <c r="AJ17940">
        <v>17</v>
      </c>
      <c r="AK17940">
        <v>17</v>
      </c>
      <c r="AL17940">
        <v>17</v>
      </c>
      <c r="AM17940">
        <v>17</v>
      </c>
      <c r="AN17940">
        <v>18</v>
      </c>
      <c r="AO17940">
        <v>18</v>
      </c>
      <c r="AP17940">
        <v>18</v>
      </c>
      <c r="AQ17940">
        <v>18</v>
      </c>
    </row>
    <row r="17941" spans="1:43">
      <c r="A17941" t="s">
        <v>11112</v>
      </c>
      <c r="B17941" t="s">
        <v>11113</v>
      </c>
      <c r="C17941" t="s">
        <v>11010</v>
      </c>
      <c r="D17941" t="s">
        <v>11011</v>
      </c>
      <c r="E17941" t="s">
        <v>10982</v>
      </c>
      <c r="F17941" t="s">
        <v>10983</v>
      </c>
      <c r="G17941" t="s">
        <v>10734</v>
      </c>
      <c r="H17941" t="s">
        <v>10735</v>
      </c>
      <c r="I17941" s="2">
        <v>1</v>
      </c>
      <c r="J17941" s="2">
        <v>0</v>
      </c>
      <c r="K17941" s="2">
        <v>0</v>
      </c>
      <c r="L17941" t="s">
        <v>120</v>
      </c>
      <c r="M17941" t="s">
        <v>83</v>
      </c>
      <c r="N17941" t="s">
        <v>91</v>
      </c>
      <c r="O17941" t="s">
        <v>85</v>
      </c>
      <c r="P17941" t="s">
        <v>86</v>
      </c>
      <c r="Q17941">
        <v>11</v>
      </c>
      <c r="R17941">
        <v>12</v>
      </c>
      <c r="S17941">
        <v>12</v>
      </c>
      <c r="T17941">
        <v>12</v>
      </c>
      <c r="U17941">
        <v>12</v>
      </c>
      <c r="V17941">
        <v>13</v>
      </c>
      <c r="W17941">
        <v>13</v>
      </c>
      <c r="X17941">
        <v>13</v>
      </c>
      <c r="Y17941">
        <v>13</v>
      </c>
      <c r="Z17941">
        <v>14</v>
      </c>
      <c r="AA17941">
        <v>14</v>
      </c>
      <c r="AB17941">
        <v>14</v>
      </c>
      <c r="AC17941">
        <v>14</v>
      </c>
      <c r="AD17941">
        <v>15</v>
      </c>
      <c r="AE17941">
        <v>15</v>
      </c>
      <c r="AF17941">
        <v>15</v>
      </c>
      <c r="AG17941">
        <v>16</v>
      </c>
      <c r="AH17941">
        <v>16</v>
      </c>
      <c r="AI17941">
        <v>16</v>
      </c>
      <c r="AJ17941">
        <v>17</v>
      </c>
      <c r="AK17941">
        <v>17</v>
      </c>
      <c r="AL17941">
        <v>17</v>
      </c>
      <c r="AM17941">
        <v>17</v>
      </c>
      <c r="AN17941">
        <v>17</v>
      </c>
      <c r="AO17941">
        <v>18</v>
      </c>
      <c r="AP17941">
        <v>18</v>
      </c>
      <c r="AQ17941">
        <v>18</v>
      </c>
    </row>
    <row r="17942" spans="1:43">
      <c r="A17942" t="s">
        <v>11114</v>
      </c>
      <c r="B17942" t="s">
        <v>11115</v>
      </c>
      <c r="C17942" t="s">
        <v>10998</v>
      </c>
      <c r="D17942" t="s">
        <v>10999</v>
      </c>
      <c r="E17942" t="s">
        <v>10982</v>
      </c>
      <c r="F17942" t="s">
        <v>10983</v>
      </c>
      <c r="G17942" t="s">
        <v>10734</v>
      </c>
      <c r="H17942" t="s">
        <v>10735</v>
      </c>
      <c r="I17942" s="2">
        <v>1</v>
      </c>
      <c r="J17942" s="2">
        <v>0</v>
      </c>
      <c r="K17942" s="2">
        <v>0</v>
      </c>
      <c r="L17942" t="s">
        <v>120</v>
      </c>
      <c r="M17942" t="s">
        <v>83</v>
      </c>
      <c r="N17942" t="s">
        <v>84</v>
      </c>
      <c r="O17942" t="s">
        <v>85</v>
      </c>
      <c r="P17942" t="s">
        <v>86</v>
      </c>
      <c r="Q17942">
        <v>22</v>
      </c>
      <c r="R17942">
        <v>23</v>
      </c>
      <c r="S17942">
        <v>23</v>
      </c>
      <c r="T17942">
        <v>24</v>
      </c>
      <c r="U17942">
        <v>24</v>
      </c>
      <c r="V17942">
        <v>25</v>
      </c>
      <c r="W17942">
        <v>25</v>
      </c>
      <c r="X17942">
        <v>26</v>
      </c>
      <c r="Y17942">
        <v>26</v>
      </c>
      <c r="Z17942">
        <v>27</v>
      </c>
      <c r="AA17942">
        <v>28</v>
      </c>
      <c r="AB17942">
        <v>28</v>
      </c>
      <c r="AC17942">
        <v>29</v>
      </c>
      <c r="AD17942">
        <v>29</v>
      </c>
      <c r="AE17942">
        <v>30</v>
      </c>
      <c r="AF17942">
        <v>30</v>
      </c>
      <c r="AG17942">
        <v>31</v>
      </c>
      <c r="AH17942">
        <v>32</v>
      </c>
      <c r="AI17942">
        <v>32</v>
      </c>
      <c r="AJ17942">
        <v>33</v>
      </c>
      <c r="AK17942">
        <v>33</v>
      </c>
      <c r="AL17942">
        <v>34</v>
      </c>
      <c r="AM17942">
        <v>34</v>
      </c>
      <c r="AN17942">
        <v>35</v>
      </c>
      <c r="AO17942">
        <v>35</v>
      </c>
      <c r="AP17942">
        <v>35</v>
      </c>
      <c r="AQ17942">
        <v>36</v>
      </c>
    </row>
    <row r="17943" spans="1:43">
      <c r="A17943" t="s">
        <v>11114</v>
      </c>
      <c r="B17943" t="s">
        <v>11115</v>
      </c>
      <c r="C17943" t="s">
        <v>10998</v>
      </c>
      <c r="D17943" t="s">
        <v>10999</v>
      </c>
      <c r="E17943" t="s">
        <v>10982</v>
      </c>
      <c r="F17943" t="s">
        <v>10983</v>
      </c>
      <c r="G17943" t="s">
        <v>10734</v>
      </c>
      <c r="H17943" t="s">
        <v>10735</v>
      </c>
      <c r="I17943" s="2">
        <v>1</v>
      </c>
      <c r="J17943" s="2">
        <v>0</v>
      </c>
      <c r="K17943" s="2">
        <v>0</v>
      </c>
      <c r="L17943" t="s">
        <v>120</v>
      </c>
      <c r="M17943" t="s">
        <v>87</v>
      </c>
      <c r="N17943" t="s">
        <v>88</v>
      </c>
      <c r="O17943" t="s">
        <v>85</v>
      </c>
      <c r="P17943" t="s">
        <v>86</v>
      </c>
      <c r="Q17943">
        <v>22</v>
      </c>
      <c r="R17943">
        <v>22</v>
      </c>
      <c r="S17943">
        <v>23</v>
      </c>
      <c r="T17943">
        <v>23</v>
      </c>
      <c r="U17943">
        <v>23</v>
      </c>
      <c r="V17943">
        <v>24</v>
      </c>
      <c r="W17943">
        <v>24</v>
      </c>
      <c r="X17943">
        <v>24</v>
      </c>
      <c r="Y17943">
        <v>25</v>
      </c>
      <c r="Z17943">
        <v>25</v>
      </c>
      <c r="AA17943">
        <v>25</v>
      </c>
      <c r="AB17943">
        <v>25</v>
      </c>
      <c r="AC17943">
        <v>26</v>
      </c>
      <c r="AD17943">
        <v>26</v>
      </c>
      <c r="AE17943">
        <v>26</v>
      </c>
      <c r="AF17943">
        <v>27</v>
      </c>
      <c r="AG17943">
        <v>27</v>
      </c>
      <c r="AH17943">
        <v>28</v>
      </c>
      <c r="AI17943">
        <v>28</v>
      </c>
      <c r="AJ17943">
        <v>28</v>
      </c>
      <c r="AK17943">
        <v>29</v>
      </c>
      <c r="AL17943">
        <v>29</v>
      </c>
      <c r="AM17943">
        <v>29</v>
      </c>
      <c r="AN17943">
        <v>30</v>
      </c>
      <c r="AO17943">
        <v>30</v>
      </c>
      <c r="AP17943">
        <v>31</v>
      </c>
      <c r="AQ17943">
        <v>31</v>
      </c>
    </row>
    <row r="17944" spans="1:43">
      <c r="A17944" t="s">
        <v>11114</v>
      </c>
      <c r="B17944" t="s">
        <v>11115</v>
      </c>
      <c r="C17944" t="s">
        <v>10998</v>
      </c>
      <c r="D17944" t="s">
        <v>10999</v>
      </c>
      <c r="E17944" t="s">
        <v>10982</v>
      </c>
      <c r="F17944" t="s">
        <v>10983</v>
      </c>
      <c r="G17944" t="s">
        <v>10734</v>
      </c>
      <c r="H17944" t="s">
        <v>10735</v>
      </c>
      <c r="I17944" s="2">
        <v>1</v>
      </c>
      <c r="J17944" s="2">
        <v>0</v>
      </c>
      <c r="K17944" s="2">
        <v>0</v>
      </c>
      <c r="L17944" t="s">
        <v>120</v>
      </c>
      <c r="M17944" t="s">
        <v>89</v>
      </c>
      <c r="N17944" t="s">
        <v>90</v>
      </c>
      <c r="O17944" t="s">
        <v>85</v>
      </c>
      <c r="P17944" t="s">
        <v>86</v>
      </c>
      <c r="Q17944">
        <v>22</v>
      </c>
      <c r="R17944">
        <v>22</v>
      </c>
      <c r="S17944">
        <v>23</v>
      </c>
      <c r="T17944">
        <v>24</v>
      </c>
      <c r="U17944">
        <v>24</v>
      </c>
      <c r="V17944">
        <v>25</v>
      </c>
      <c r="W17944">
        <v>26</v>
      </c>
      <c r="X17944">
        <v>26</v>
      </c>
      <c r="Y17944">
        <v>27</v>
      </c>
      <c r="Z17944">
        <v>28</v>
      </c>
      <c r="AA17944">
        <v>28</v>
      </c>
      <c r="AB17944">
        <v>29</v>
      </c>
      <c r="AC17944">
        <v>30</v>
      </c>
      <c r="AD17944">
        <v>30</v>
      </c>
      <c r="AE17944">
        <v>31</v>
      </c>
      <c r="AF17944">
        <v>31</v>
      </c>
      <c r="AG17944">
        <v>31</v>
      </c>
      <c r="AH17944">
        <v>32</v>
      </c>
      <c r="AI17944">
        <v>32</v>
      </c>
      <c r="AJ17944">
        <v>32</v>
      </c>
      <c r="AK17944">
        <v>33</v>
      </c>
      <c r="AL17944">
        <v>33</v>
      </c>
      <c r="AM17944">
        <v>33</v>
      </c>
      <c r="AN17944">
        <v>34</v>
      </c>
      <c r="AO17944">
        <v>34</v>
      </c>
      <c r="AP17944">
        <v>35</v>
      </c>
      <c r="AQ17944">
        <v>35</v>
      </c>
    </row>
    <row r="17945" spans="1:43">
      <c r="A17945" t="s">
        <v>11114</v>
      </c>
      <c r="B17945" t="s">
        <v>11115</v>
      </c>
      <c r="C17945" t="s">
        <v>10998</v>
      </c>
      <c r="D17945" t="s">
        <v>10999</v>
      </c>
      <c r="E17945" t="s">
        <v>10982</v>
      </c>
      <c r="F17945" t="s">
        <v>10983</v>
      </c>
      <c r="G17945" t="s">
        <v>10734</v>
      </c>
      <c r="H17945" t="s">
        <v>10735</v>
      </c>
      <c r="I17945" s="2">
        <v>1</v>
      </c>
      <c r="J17945" s="2">
        <v>0</v>
      </c>
      <c r="K17945" s="2">
        <v>0</v>
      </c>
      <c r="L17945" t="s">
        <v>120</v>
      </c>
      <c r="M17945" t="s">
        <v>83</v>
      </c>
      <c r="N17945" t="s">
        <v>91</v>
      </c>
      <c r="O17945" t="s">
        <v>85</v>
      </c>
      <c r="P17945" t="s">
        <v>86</v>
      </c>
      <c r="Q17945">
        <v>22</v>
      </c>
      <c r="R17945">
        <v>23</v>
      </c>
      <c r="S17945">
        <v>23</v>
      </c>
      <c r="T17945">
        <v>24</v>
      </c>
      <c r="U17945">
        <v>24</v>
      </c>
      <c r="V17945">
        <v>25</v>
      </c>
      <c r="W17945">
        <v>25</v>
      </c>
      <c r="X17945">
        <v>26</v>
      </c>
      <c r="Y17945">
        <v>26</v>
      </c>
      <c r="Z17945">
        <v>27</v>
      </c>
      <c r="AA17945">
        <v>28</v>
      </c>
      <c r="AB17945">
        <v>28</v>
      </c>
      <c r="AC17945">
        <v>29</v>
      </c>
      <c r="AD17945">
        <v>29</v>
      </c>
      <c r="AE17945">
        <v>30</v>
      </c>
      <c r="AF17945">
        <v>30</v>
      </c>
      <c r="AG17945">
        <v>31</v>
      </c>
      <c r="AH17945">
        <v>32</v>
      </c>
      <c r="AI17945">
        <v>32</v>
      </c>
      <c r="AJ17945">
        <v>33</v>
      </c>
      <c r="AK17945">
        <v>33</v>
      </c>
      <c r="AL17945">
        <v>34</v>
      </c>
      <c r="AM17945">
        <v>34</v>
      </c>
      <c r="AN17945">
        <v>35</v>
      </c>
      <c r="AO17945">
        <v>35</v>
      </c>
      <c r="AP17945">
        <v>35</v>
      </c>
      <c r="AQ17945">
        <v>36</v>
      </c>
    </row>
    <row r="17946" spans="1:43">
      <c r="A17946" t="s">
        <v>11116</v>
      </c>
      <c r="B17946" t="s">
        <v>11117</v>
      </c>
      <c r="C17946" t="s">
        <v>11118</v>
      </c>
      <c r="D17946" t="s">
        <v>11119</v>
      </c>
      <c r="E17946" t="s">
        <v>10982</v>
      </c>
      <c r="F17946" t="s">
        <v>10983</v>
      </c>
      <c r="G17946" t="s">
        <v>10734</v>
      </c>
      <c r="H17946" t="s">
        <v>10735</v>
      </c>
      <c r="I17946" s="2">
        <v>1</v>
      </c>
      <c r="J17946" s="2">
        <v>0</v>
      </c>
      <c r="K17946" s="2">
        <v>0</v>
      </c>
      <c r="L17946" t="s">
        <v>120</v>
      </c>
      <c r="M17946" t="s">
        <v>83</v>
      </c>
      <c r="N17946" t="s">
        <v>84</v>
      </c>
      <c r="O17946" t="s">
        <v>85</v>
      </c>
      <c r="P17946" t="s">
        <v>86</v>
      </c>
      <c r="Q17946">
        <v>22</v>
      </c>
      <c r="R17946">
        <v>23</v>
      </c>
      <c r="S17946">
        <v>23</v>
      </c>
      <c r="T17946">
        <v>24</v>
      </c>
      <c r="U17946">
        <v>24</v>
      </c>
      <c r="V17946">
        <v>25</v>
      </c>
      <c r="W17946">
        <v>25</v>
      </c>
      <c r="X17946">
        <v>26</v>
      </c>
      <c r="Y17946">
        <v>26</v>
      </c>
      <c r="Z17946">
        <v>27</v>
      </c>
      <c r="AA17946">
        <v>27</v>
      </c>
      <c r="AB17946">
        <v>28</v>
      </c>
      <c r="AC17946">
        <v>28</v>
      </c>
      <c r="AD17946">
        <v>29</v>
      </c>
      <c r="AE17946">
        <v>30</v>
      </c>
      <c r="AF17946">
        <v>30</v>
      </c>
      <c r="AG17946">
        <v>31</v>
      </c>
      <c r="AH17946">
        <v>31</v>
      </c>
      <c r="AI17946">
        <v>32</v>
      </c>
      <c r="AJ17946">
        <v>33</v>
      </c>
      <c r="AK17946">
        <v>33</v>
      </c>
      <c r="AL17946">
        <v>34</v>
      </c>
      <c r="AM17946">
        <v>34</v>
      </c>
      <c r="AN17946">
        <v>34</v>
      </c>
      <c r="AO17946">
        <v>35</v>
      </c>
      <c r="AP17946">
        <v>35</v>
      </c>
      <c r="AQ17946">
        <v>36</v>
      </c>
    </row>
    <row r="17947" spans="1:43">
      <c r="A17947" t="s">
        <v>11116</v>
      </c>
      <c r="B17947" t="s">
        <v>11117</v>
      </c>
      <c r="C17947" t="s">
        <v>11118</v>
      </c>
      <c r="D17947" t="s">
        <v>11119</v>
      </c>
      <c r="E17947" t="s">
        <v>10982</v>
      </c>
      <c r="F17947" t="s">
        <v>10983</v>
      </c>
      <c r="G17947" t="s">
        <v>10734</v>
      </c>
      <c r="H17947" t="s">
        <v>10735</v>
      </c>
      <c r="I17947" s="2">
        <v>1</v>
      </c>
      <c r="J17947" s="2">
        <v>0</v>
      </c>
      <c r="K17947" s="2">
        <v>0</v>
      </c>
      <c r="L17947" t="s">
        <v>120</v>
      </c>
      <c r="M17947" t="s">
        <v>87</v>
      </c>
      <c r="N17947" t="s">
        <v>88</v>
      </c>
      <c r="O17947" t="s">
        <v>85</v>
      </c>
      <c r="P17947" t="s">
        <v>86</v>
      </c>
      <c r="Q17947">
        <v>22</v>
      </c>
      <c r="R17947">
        <v>22</v>
      </c>
      <c r="S17947">
        <v>23</v>
      </c>
      <c r="T17947">
        <v>23</v>
      </c>
      <c r="U17947">
        <v>23</v>
      </c>
      <c r="V17947">
        <v>23</v>
      </c>
      <c r="W17947">
        <v>24</v>
      </c>
      <c r="X17947">
        <v>24</v>
      </c>
      <c r="Y17947">
        <v>24</v>
      </c>
      <c r="Z17947">
        <v>25</v>
      </c>
      <c r="AA17947">
        <v>25</v>
      </c>
      <c r="AB17947">
        <v>25</v>
      </c>
      <c r="AC17947">
        <v>26</v>
      </c>
      <c r="AD17947">
        <v>26</v>
      </c>
      <c r="AE17947">
        <v>26</v>
      </c>
      <c r="AF17947">
        <v>27</v>
      </c>
      <c r="AG17947">
        <v>27</v>
      </c>
      <c r="AH17947">
        <v>27</v>
      </c>
      <c r="AI17947">
        <v>28</v>
      </c>
      <c r="AJ17947">
        <v>28</v>
      </c>
      <c r="AK17947">
        <v>28</v>
      </c>
      <c r="AL17947">
        <v>29</v>
      </c>
      <c r="AM17947">
        <v>29</v>
      </c>
      <c r="AN17947">
        <v>30</v>
      </c>
      <c r="AO17947">
        <v>30</v>
      </c>
      <c r="AP17947">
        <v>30</v>
      </c>
      <c r="AQ17947">
        <v>31</v>
      </c>
    </row>
    <row r="17948" spans="1:43">
      <c r="A17948" t="s">
        <v>11116</v>
      </c>
      <c r="B17948" t="s">
        <v>11117</v>
      </c>
      <c r="C17948" t="s">
        <v>11118</v>
      </c>
      <c r="D17948" t="s">
        <v>11119</v>
      </c>
      <c r="E17948" t="s">
        <v>10982</v>
      </c>
      <c r="F17948" t="s">
        <v>10983</v>
      </c>
      <c r="G17948" t="s">
        <v>10734</v>
      </c>
      <c r="H17948" t="s">
        <v>10735</v>
      </c>
      <c r="I17948" s="2">
        <v>1</v>
      </c>
      <c r="J17948" s="2">
        <v>0</v>
      </c>
      <c r="K17948" s="2">
        <v>0</v>
      </c>
      <c r="L17948" t="s">
        <v>120</v>
      </c>
      <c r="M17948" t="s">
        <v>89</v>
      </c>
      <c r="N17948" t="s">
        <v>90</v>
      </c>
      <c r="O17948" t="s">
        <v>85</v>
      </c>
      <c r="P17948" t="s">
        <v>86</v>
      </c>
      <c r="Q17948">
        <v>22</v>
      </c>
      <c r="R17948">
        <v>23</v>
      </c>
      <c r="S17948">
        <v>24</v>
      </c>
      <c r="T17948">
        <v>24</v>
      </c>
      <c r="U17948">
        <v>25</v>
      </c>
      <c r="V17948">
        <v>26</v>
      </c>
      <c r="W17948">
        <v>26</v>
      </c>
      <c r="X17948">
        <v>27</v>
      </c>
      <c r="Y17948">
        <v>28</v>
      </c>
      <c r="Z17948">
        <v>28</v>
      </c>
      <c r="AA17948">
        <v>29</v>
      </c>
      <c r="AB17948">
        <v>30</v>
      </c>
      <c r="AC17948">
        <v>30</v>
      </c>
      <c r="AD17948">
        <v>31</v>
      </c>
      <c r="AE17948">
        <v>32</v>
      </c>
      <c r="AF17948">
        <v>32</v>
      </c>
      <c r="AG17948">
        <v>32</v>
      </c>
      <c r="AH17948">
        <v>33</v>
      </c>
      <c r="AI17948">
        <v>33</v>
      </c>
      <c r="AJ17948">
        <v>33</v>
      </c>
      <c r="AK17948">
        <v>34</v>
      </c>
      <c r="AL17948">
        <v>34</v>
      </c>
      <c r="AM17948">
        <v>34</v>
      </c>
      <c r="AN17948">
        <v>35</v>
      </c>
      <c r="AO17948">
        <v>35</v>
      </c>
      <c r="AP17948">
        <v>35</v>
      </c>
      <c r="AQ17948">
        <v>36</v>
      </c>
    </row>
    <row r="17949" spans="1:43">
      <c r="A17949" t="s">
        <v>11116</v>
      </c>
      <c r="B17949" t="s">
        <v>11117</v>
      </c>
      <c r="C17949" t="s">
        <v>11118</v>
      </c>
      <c r="D17949" t="s">
        <v>11119</v>
      </c>
      <c r="E17949" t="s">
        <v>10982</v>
      </c>
      <c r="F17949" t="s">
        <v>10983</v>
      </c>
      <c r="G17949" t="s">
        <v>10734</v>
      </c>
      <c r="H17949" t="s">
        <v>10735</v>
      </c>
      <c r="I17949" s="2">
        <v>1</v>
      </c>
      <c r="J17949" s="2">
        <v>0</v>
      </c>
      <c r="K17949" s="2">
        <v>0</v>
      </c>
      <c r="L17949" t="s">
        <v>120</v>
      </c>
      <c r="M17949" t="s">
        <v>83</v>
      </c>
      <c r="N17949" t="s">
        <v>91</v>
      </c>
      <c r="O17949" t="s">
        <v>85</v>
      </c>
      <c r="P17949" t="s">
        <v>86</v>
      </c>
      <c r="Q17949">
        <v>22</v>
      </c>
      <c r="R17949">
        <v>23</v>
      </c>
      <c r="S17949">
        <v>23</v>
      </c>
      <c r="T17949">
        <v>24</v>
      </c>
      <c r="U17949">
        <v>24</v>
      </c>
      <c r="V17949">
        <v>25</v>
      </c>
      <c r="W17949">
        <v>25</v>
      </c>
      <c r="X17949">
        <v>26</v>
      </c>
      <c r="Y17949">
        <v>26</v>
      </c>
      <c r="Z17949">
        <v>27</v>
      </c>
      <c r="AA17949">
        <v>27</v>
      </c>
      <c r="AB17949">
        <v>28</v>
      </c>
      <c r="AC17949">
        <v>28</v>
      </c>
      <c r="AD17949">
        <v>29</v>
      </c>
      <c r="AE17949">
        <v>30</v>
      </c>
      <c r="AF17949">
        <v>30</v>
      </c>
      <c r="AG17949">
        <v>31</v>
      </c>
      <c r="AH17949">
        <v>31</v>
      </c>
      <c r="AI17949">
        <v>32</v>
      </c>
      <c r="AJ17949">
        <v>33</v>
      </c>
      <c r="AK17949">
        <v>33</v>
      </c>
      <c r="AL17949">
        <v>34</v>
      </c>
      <c r="AM17949">
        <v>34</v>
      </c>
      <c r="AN17949">
        <v>34</v>
      </c>
      <c r="AO17949">
        <v>35</v>
      </c>
      <c r="AP17949">
        <v>35</v>
      </c>
      <c r="AQ17949">
        <v>36</v>
      </c>
    </row>
    <row r="17950" spans="1:43">
      <c r="A17950" t="s">
        <v>11120</v>
      </c>
      <c r="B17950" t="s">
        <v>11121</v>
      </c>
      <c r="C17950" t="s">
        <v>11118</v>
      </c>
      <c r="D17950" t="s">
        <v>11119</v>
      </c>
      <c r="E17950" t="s">
        <v>10982</v>
      </c>
      <c r="F17950" t="s">
        <v>10983</v>
      </c>
      <c r="G17950" t="s">
        <v>10734</v>
      </c>
      <c r="H17950" t="s">
        <v>10735</v>
      </c>
      <c r="I17950" s="2">
        <v>1</v>
      </c>
      <c r="J17950" s="2">
        <v>0</v>
      </c>
      <c r="K17950" s="2">
        <v>0</v>
      </c>
      <c r="L17950" t="s">
        <v>120</v>
      </c>
      <c r="M17950" t="s">
        <v>83</v>
      </c>
      <c r="N17950" t="s">
        <v>84</v>
      </c>
      <c r="O17950" t="s">
        <v>85</v>
      </c>
      <c r="P17950" t="s">
        <v>86</v>
      </c>
      <c r="Q17950">
        <v>41</v>
      </c>
      <c r="R17950">
        <v>41</v>
      </c>
      <c r="S17950">
        <v>42</v>
      </c>
      <c r="T17950">
        <v>43</v>
      </c>
      <c r="U17950">
        <v>44</v>
      </c>
      <c r="V17950">
        <v>45</v>
      </c>
      <c r="W17950">
        <v>46</v>
      </c>
      <c r="X17950">
        <v>47</v>
      </c>
      <c r="Y17950">
        <v>48</v>
      </c>
      <c r="Z17950">
        <v>49</v>
      </c>
      <c r="AA17950">
        <v>50</v>
      </c>
      <c r="AB17950">
        <v>51</v>
      </c>
      <c r="AC17950">
        <v>52</v>
      </c>
      <c r="AD17950">
        <v>53</v>
      </c>
      <c r="AE17950">
        <v>54</v>
      </c>
      <c r="AF17950">
        <v>55</v>
      </c>
      <c r="AG17950">
        <v>56</v>
      </c>
      <c r="AH17950">
        <v>57</v>
      </c>
      <c r="AI17950">
        <v>59</v>
      </c>
      <c r="AJ17950">
        <v>60</v>
      </c>
      <c r="AK17950">
        <v>61</v>
      </c>
      <c r="AL17950">
        <v>62</v>
      </c>
      <c r="AM17950">
        <v>62</v>
      </c>
      <c r="AN17950">
        <v>63</v>
      </c>
      <c r="AO17950">
        <v>64</v>
      </c>
      <c r="AP17950">
        <v>64</v>
      </c>
      <c r="AQ17950">
        <v>65</v>
      </c>
    </row>
    <row r="17951" spans="1:43">
      <c r="A17951" t="s">
        <v>11120</v>
      </c>
      <c r="B17951" t="s">
        <v>11121</v>
      </c>
      <c r="C17951" t="s">
        <v>11118</v>
      </c>
      <c r="D17951" t="s">
        <v>11119</v>
      </c>
      <c r="E17951" t="s">
        <v>10982</v>
      </c>
      <c r="F17951" t="s">
        <v>10983</v>
      </c>
      <c r="G17951" t="s">
        <v>10734</v>
      </c>
      <c r="H17951" t="s">
        <v>10735</v>
      </c>
      <c r="I17951" s="2">
        <v>1</v>
      </c>
      <c r="J17951" s="2">
        <v>0</v>
      </c>
      <c r="K17951" s="2">
        <v>0</v>
      </c>
      <c r="L17951" t="s">
        <v>120</v>
      </c>
      <c r="M17951" t="s">
        <v>87</v>
      </c>
      <c r="N17951" t="s">
        <v>88</v>
      </c>
      <c r="O17951" t="s">
        <v>85</v>
      </c>
      <c r="P17951" t="s">
        <v>86</v>
      </c>
      <c r="Q17951">
        <v>41</v>
      </c>
      <c r="R17951">
        <v>42</v>
      </c>
      <c r="S17951">
        <v>42</v>
      </c>
      <c r="T17951">
        <v>43</v>
      </c>
      <c r="U17951">
        <v>43</v>
      </c>
      <c r="V17951">
        <v>44</v>
      </c>
      <c r="W17951">
        <v>44</v>
      </c>
      <c r="X17951">
        <v>45</v>
      </c>
      <c r="Y17951">
        <v>45</v>
      </c>
      <c r="Z17951">
        <v>46</v>
      </c>
      <c r="AA17951">
        <v>47</v>
      </c>
      <c r="AB17951">
        <v>47</v>
      </c>
      <c r="AC17951">
        <v>48</v>
      </c>
      <c r="AD17951">
        <v>48</v>
      </c>
      <c r="AE17951">
        <v>49</v>
      </c>
      <c r="AF17951">
        <v>50</v>
      </c>
      <c r="AG17951">
        <v>50</v>
      </c>
      <c r="AH17951">
        <v>51</v>
      </c>
      <c r="AI17951">
        <v>52</v>
      </c>
      <c r="AJ17951">
        <v>52</v>
      </c>
      <c r="AK17951">
        <v>53</v>
      </c>
      <c r="AL17951">
        <v>54</v>
      </c>
      <c r="AM17951">
        <v>54</v>
      </c>
      <c r="AN17951">
        <v>55</v>
      </c>
      <c r="AO17951">
        <v>56</v>
      </c>
      <c r="AP17951">
        <v>57</v>
      </c>
      <c r="AQ17951">
        <v>57</v>
      </c>
    </row>
    <row r="17952" spans="1:43">
      <c r="A17952" t="s">
        <v>11120</v>
      </c>
      <c r="B17952" t="s">
        <v>11121</v>
      </c>
      <c r="C17952" t="s">
        <v>11118</v>
      </c>
      <c r="D17952" t="s">
        <v>11119</v>
      </c>
      <c r="E17952" t="s">
        <v>10982</v>
      </c>
      <c r="F17952" t="s">
        <v>10983</v>
      </c>
      <c r="G17952" t="s">
        <v>10734</v>
      </c>
      <c r="H17952" t="s">
        <v>10735</v>
      </c>
      <c r="I17952" s="2">
        <v>1</v>
      </c>
      <c r="J17952" s="2">
        <v>0</v>
      </c>
      <c r="K17952" s="2">
        <v>0</v>
      </c>
      <c r="L17952" t="s">
        <v>120</v>
      </c>
      <c r="M17952" t="s">
        <v>89</v>
      </c>
      <c r="N17952" t="s">
        <v>90</v>
      </c>
      <c r="O17952" t="s">
        <v>85</v>
      </c>
      <c r="P17952" t="s">
        <v>86</v>
      </c>
      <c r="Q17952">
        <v>41</v>
      </c>
      <c r="R17952">
        <v>42</v>
      </c>
      <c r="S17952">
        <v>43</v>
      </c>
      <c r="T17952">
        <v>45</v>
      </c>
      <c r="U17952">
        <v>46</v>
      </c>
      <c r="V17952">
        <v>47</v>
      </c>
      <c r="W17952">
        <v>48</v>
      </c>
      <c r="X17952">
        <v>50</v>
      </c>
      <c r="Y17952">
        <v>51</v>
      </c>
      <c r="Z17952">
        <v>52</v>
      </c>
      <c r="AA17952">
        <v>53</v>
      </c>
      <c r="AB17952">
        <v>54</v>
      </c>
      <c r="AC17952">
        <v>56</v>
      </c>
      <c r="AD17952">
        <v>57</v>
      </c>
      <c r="AE17952">
        <v>58</v>
      </c>
      <c r="AF17952">
        <v>59</v>
      </c>
      <c r="AG17952">
        <v>59</v>
      </c>
      <c r="AH17952">
        <v>60</v>
      </c>
      <c r="AI17952">
        <v>60</v>
      </c>
      <c r="AJ17952">
        <v>61</v>
      </c>
      <c r="AK17952">
        <v>62</v>
      </c>
      <c r="AL17952">
        <v>62</v>
      </c>
      <c r="AM17952">
        <v>63</v>
      </c>
      <c r="AN17952">
        <v>64</v>
      </c>
      <c r="AO17952">
        <v>64</v>
      </c>
      <c r="AP17952">
        <v>65</v>
      </c>
      <c r="AQ17952">
        <v>66</v>
      </c>
    </row>
    <row r="17953" spans="1:43">
      <c r="A17953" t="s">
        <v>11120</v>
      </c>
      <c r="B17953" t="s">
        <v>11121</v>
      </c>
      <c r="C17953" t="s">
        <v>11118</v>
      </c>
      <c r="D17953" t="s">
        <v>11119</v>
      </c>
      <c r="E17953" t="s">
        <v>10982</v>
      </c>
      <c r="F17953" t="s">
        <v>10983</v>
      </c>
      <c r="G17953" t="s">
        <v>10734</v>
      </c>
      <c r="H17953" t="s">
        <v>10735</v>
      </c>
      <c r="I17953" s="2">
        <v>1</v>
      </c>
      <c r="J17953" s="2">
        <v>0</v>
      </c>
      <c r="K17953" s="2">
        <v>0</v>
      </c>
      <c r="L17953" t="s">
        <v>120</v>
      </c>
      <c r="M17953" t="s">
        <v>83</v>
      </c>
      <c r="N17953" t="s">
        <v>91</v>
      </c>
      <c r="O17953" t="s">
        <v>85</v>
      </c>
      <c r="P17953" t="s">
        <v>86</v>
      </c>
      <c r="Q17953">
        <v>41</v>
      </c>
      <c r="R17953">
        <v>41</v>
      </c>
      <c r="S17953">
        <v>42</v>
      </c>
      <c r="T17953">
        <v>43</v>
      </c>
      <c r="U17953">
        <v>44</v>
      </c>
      <c r="V17953">
        <v>45</v>
      </c>
      <c r="W17953">
        <v>46</v>
      </c>
      <c r="X17953">
        <v>47</v>
      </c>
      <c r="Y17953">
        <v>48</v>
      </c>
      <c r="Z17953">
        <v>49</v>
      </c>
      <c r="AA17953">
        <v>50</v>
      </c>
      <c r="AB17953">
        <v>51</v>
      </c>
      <c r="AC17953">
        <v>52</v>
      </c>
      <c r="AD17953">
        <v>53</v>
      </c>
      <c r="AE17953">
        <v>54</v>
      </c>
      <c r="AF17953">
        <v>55</v>
      </c>
      <c r="AG17953">
        <v>56</v>
      </c>
      <c r="AH17953">
        <v>57</v>
      </c>
      <c r="AI17953">
        <v>59</v>
      </c>
      <c r="AJ17953">
        <v>60</v>
      </c>
      <c r="AK17953">
        <v>61</v>
      </c>
      <c r="AL17953">
        <v>62</v>
      </c>
      <c r="AM17953">
        <v>62</v>
      </c>
      <c r="AN17953">
        <v>63</v>
      </c>
      <c r="AO17953">
        <v>64</v>
      </c>
      <c r="AP17953">
        <v>64</v>
      </c>
      <c r="AQ17953">
        <v>65</v>
      </c>
    </row>
    <row r="17954" spans="1:43">
      <c r="A17954" t="s">
        <v>11122</v>
      </c>
      <c r="B17954" t="s">
        <v>11123</v>
      </c>
      <c r="C17954" t="s">
        <v>11118</v>
      </c>
      <c r="D17954" t="s">
        <v>11119</v>
      </c>
      <c r="E17954" t="s">
        <v>10982</v>
      </c>
      <c r="F17954" t="s">
        <v>10983</v>
      </c>
      <c r="G17954" t="s">
        <v>10734</v>
      </c>
      <c r="H17954" t="s">
        <v>10735</v>
      </c>
      <c r="I17954" s="2">
        <v>1</v>
      </c>
      <c r="J17954" s="2">
        <v>0</v>
      </c>
      <c r="K17954" s="2">
        <v>0</v>
      </c>
      <c r="L17954" t="s">
        <v>120</v>
      </c>
      <c r="M17954" t="s">
        <v>83</v>
      </c>
      <c r="N17954" t="s">
        <v>84</v>
      </c>
      <c r="O17954" t="s">
        <v>85</v>
      </c>
      <c r="P17954" t="s">
        <v>86</v>
      </c>
      <c r="Q17954">
        <v>22</v>
      </c>
      <c r="R17954">
        <v>22</v>
      </c>
      <c r="S17954">
        <v>23</v>
      </c>
      <c r="T17954">
        <v>23</v>
      </c>
      <c r="U17954">
        <v>24</v>
      </c>
      <c r="V17954">
        <v>24</v>
      </c>
      <c r="W17954">
        <v>25</v>
      </c>
      <c r="X17954">
        <v>25</v>
      </c>
      <c r="Y17954">
        <v>26</v>
      </c>
      <c r="Z17954">
        <v>26</v>
      </c>
      <c r="AA17954">
        <v>27</v>
      </c>
      <c r="AB17954">
        <v>27</v>
      </c>
      <c r="AC17954">
        <v>28</v>
      </c>
      <c r="AD17954">
        <v>29</v>
      </c>
      <c r="AE17954">
        <v>29</v>
      </c>
      <c r="AF17954">
        <v>30</v>
      </c>
      <c r="AG17954">
        <v>30</v>
      </c>
      <c r="AH17954">
        <v>31</v>
      </c>
      <c r="AI17954">
        <v>32</v>
      </c>
      <c r="AJ17954">
        <v>32</v>
      </c>
      <c r="AK17954">
        <v>33</v>
      </c>
      <c r="AL17954">
        <v>33</v>
      </c>
      <c r="AM17954">
        <v>34</v>
      </c>
      <c r="AN17954">
        <v>34</v>
      </c>
      <c r="AO17954">
        <v>34</v>
      </c>
      <c r="AP17954">
        <v>35</v>
      </c>
      <c r="AQ17954">
        <v>35</v>
      </c>
    </row>
    <row r="17955" spans="1:43">
      <c r="A17955" t="s">
        <v>11122</v>
      </c>
      <c r="B17955" t="s">
        <v>11123</v>
      </c>
      <c r="C17955" t="s">
        <v>11118</v>
      </c>
      <c r="D17955" t="s">
        <v>11119</v>
      </c>
      <c r="E17955" t="s">
        <v>10982</v>
      </c>
      <c r="F17955" t="s">
        <v>10983</v>
      </c>
      <c r="G17955" t="s">
        <v>10734</v>
      </c>
      <c r="H17955" t="s">
        <v>10735</v>
      </c>
      <c r="I17955" s="2">
        <v>1</v>
      </c>
      <c r="J17955" s="2">
        <v>0</v>
      </c>
      <c r="K17955" s="2">
        <v>0</v>
      </c>
      <c r="L17955" t="s">
        <v>120</v>
      </c>
      <c r="M17955" t="s">
        <v>87</v>
      </c>
      <c r="N17955" t="s">
        <v>88</v>
      </c>
      <c r="O17955" t="s">
        <v>85</v>
      </c>
      <c r="P17955" t="s">
        <v>86</v>
      </c>
      <c r="Q17955">
        <v>22</v>
      </c>
      <c r="R17955">
        <v>22</v>
      </c>
      <c r="S17955">
        <v>22</v>
      </c>
      <c r="T17955">
        <v>23</v>
      </c>
      <c r="U17955">
        <v>23</v>
      </c>
      <c r="V17955">
        <v>23</v>
      </c>
      <c r="W17955">
        <v>23</v>
      </c>
      <c r="X17955">
        <v>24</v>
      </c>
      <c r="Y17955">
        <v>24</v>
      </c>
      <c r="Z17955">
        <v>24</v>
      </c>
      <c r="AA17955">
        <v>25</v>
      </c>
      <c r="AB17955">
        <v>25</v>
      </c>
      <c r="AC17955">
        <v>25</v>
      </c>
      <c r="AD17955">
        <v>26</v>
      </c>
      <c r="AE17955">
        <v>26</v>
      </c>
      <c r="AF17955">
        <v>26</v>
      </c>
      <c r="AG17955">
        <v>27</v>
      </c>
      <c r="AH17955">
        <v>27</v>
      </c>
      <c r="AI17955">
        <v>27</v>
      </c>
      <c r="AJ17955">
        <v>28</v>
      </c>
      <c r="AK17955">
        <v>28</v>
      </c>
      <c r="AL17955">
        <v>28</v>
      </c>
      <c r="AM17955">
        <v>29</v>
      </c>
      <c r="AN17955">
        <v>29</v>
      </c>
      <c r="AO17955">
        <v>30</v>
      </c>
      <c r="AP17955">
        <v>30</v>
      </c>
      <c r="AQ17955">
        <v>30</v>
      </c>
    </row>
    <row r="17956" spans="1:43">
      <c r="A17956" t="s">
        <v>11122</v>
      </c>
      <c r="B17956" t="s">
        <v>11123</v>
      </c>
      <c r="C17956" t="s">
        <v>11118</v>
      </c>
      <c r="D17956" t="s">
        <v>11119</v>
      </c>
      <c r="E17956" t="s">
        <v>10982</v>
      </c>
      <c r="F17956" t="s">
        <v>10983</v>
      </c>
      <c r="G17956" t="s">
        <v>10734</v>
      </c>
      <c r="H17956" t="s">
        <v>10735</v>
      </c>
      <c r="I17956" s="2">
        <v>1</v>
      </c>
      <c r="J17956" s="2">
        <v>0</v>
      </c>
      <c r="K17956" s="2">
        <v>0</v>
      </c>
      <c r="L17956" t="s">
        <v>120</v>
      </c>
      <c r="M17956" t="s">
        <v>89</v>
      </c>
      <c r="N17956" t="s">
        <v>90</v>
      </c>
      <c r="O17956" t="s">
        <v>85</v>
      </c>
      <c r="P17956" t="s">
        <v>86</v>
      </c>
      <c r="Q17956">
        <v>22</v>
      </c>
      <c r="R17956">
        <v>23</v>
      </c>
      <c r="S17956">
        <v>23</v>
      </c>
      <c r="T17956">
        <v>24</v>
      </c>
      <c r="U17956">
        <v>25</v>
      </c>
      <c r="V17956">
        <v>25</v>
      </c>
      <c r="W17956">
        <v>26</v>
      </c>
      <c r="X17956">
        <v>27</v>
      </c>
      <c r="Y17956">
        <v>27</v>
      </c>
      <c r="Z17956">
        <v>28</v>
      </c>
      <c r="AA17956">
        <v>29</v>
      </c>
      <c r="AB17956">
        <v>29</v>
      </c>
      <c r="AC17956">
        <v>30</v>
      </c>
      <c r="AD17956">
        <v>31</v>
      </c>
      <c r="AE17956">
        <v>31</v>
      </c>
      <c r="AF17956">
        <v>32</v>
      </c>
      <c r="AG17956">
        <v>32</v>
      </c>
      <c r="AH17956">
        <v>32</v>
      </c>
      <c r="AI17956">
        <v>33</v>
      </c>
      <c r="AJ17956">
        <v>33</v>
      </c>
      <c r="AK17956">
        <v>33</v>
      </c>
      <c r="AL17956">
        <v>33</v>
      </c>
      <c r="AM17956">
        <v>34</v>
      </c>
      <c r="AN17956">
        <v>34</v>
      </c>
      <c r="AO17956">
        <v>35</v>
      </c>
      <c r="AP17956">
        <v>35</v>
      </c>
      <c r="AQ17956">
        <v>35</v>
      </c>
    </row>
    <row r="17957" spans="1:43">
      <c r="A17957" t="s">
        <v>11122</v>
      </c>
      <c r="B17957" t="s">
        <v>11123</v>
      </c>
      <c r="C17957" t="s">
        <v>11118</v>
      </c>
      <c r="D17957" t="s">
        <v>11119</v>
      </c>
      <c r="E17957" t="s">
        <v>10982</v>
      </c>
      <c r="F17957" t="s">
        <v>10983</v>
      </c>
      <c r="G17957" t="s">
        <v>10734</v>
      </c>
      <c r="H17957" t="s">
        <v>10735</v>
      </c>
      <c r="I17957" s="2">
        <v>1</v>
      </c>
      <c r="J17957" s="2">
        <v>0</v>
      </c>
      <c r="K17957" s="2">
        <v>0</v>
      </c>
      <c r="L17957" t="s">
        <v>120</v>
      </c>
      <c r="M17957" t="s">
        <v>83</v>
      </c>
      <c r="N17957" t="s">
        <v>91</v>
      </c>
      <c r="O17957" t="s">
        <v>85</v>
      </c>
      <c r="P17957" t="s">
        <v>86</v>
      </c>
      <c r="Q17957">
        <v>22</v>
      </c>
      <c r="R17957">
        <v>22</v>
      </c>
      <c r="S17957">
        <v>23</v>
      </c>
      <c r="T17957">
        <v>23</v>
      </c>
      <c r="U17957">
        <v>24</v>
      </c>
      <c r="V17957">
        <v>24</v>
      </c>
      <c r="W17957">
        <v>25</v>
      </c>
      <c r="X17957">
        <v>25</v>
      </c>
      <c r="Y17957">
        <v>26</v>
      </c>
      <c r="Z17957">
        <v>26</v>
      </c>
      <c r="AA17957">
        <v>27</v>
      </c>
      <c r="AB17957">
        <v>27</v>
      </c>
      <c r="AC17957">
        <v>28</v>
      </c>
      <c r="AD17957">
        <v>29</v>
      </c>
      <c r="AE17957">
        <v>29</v>
      </c>
      <c r="AF17957">
        <v>30</v>
      </c>
      <c r="AG17957">
        <v>30</v>
      </c>
      <c r="AH17957">
        <v>31</v>
      </c>
      <c r="AI17957">
        <v>32</v>
      </c>
      <c r="AJ17957">
        <v>32</v>
      </c>
      <c r="AK17957">
        <v>33</v>
      </c>
      <c r="AL17957">
        <v>33</v>
      </c>
      <c r="AM17957">
        <v>34</v>
      </c>
      <c r="AN17957">
        <v>34</v>
      </c>
      <c r="AO17957">
        <v>34</v>
      </c>
      <c r="AP17957">
        <v>35</v>
      </c>
      <c r="AQ17957">
        <v>35</v>
      </c>
    </row>
    <row r="17958" spans="1:43">
      <c r="A17958" t="s">
        <v>11124</v>
      </c>
      <c r="B17958" t="s">
        <v>11125</v>
      </c>
      <c r="C17958" t="s">
        <v>11118</v>
      </c>
      <c r="D17958" t="s">
        <v>11119</v>
      </c>
      <c r="E17958" t="s">
        <v>10982</v>
      </c>
      <c r="F17958" t="s">
        <v>10983</v>
      </c>
      <c r="G17958" t="s">
        <v>10734</v>
      </c>
      <c r="H17958" t="s">
        <v>10735</v>
      </c>
      <c r="I17958" s="2">
        <v>1</v>
      </c>
      <c r="J17958" s="2">
        <v>0</v>
      </c>
      <c r="K17958" s="2">
        <v>0</v>
      </c>
      <c r="L17958" t="s">
        <v>120</v>
      </c>
      <c r="M17958" t="s">
        <v>83</v>
      </c>
      <c r="N17958" t="s">
        <v>84</v>
      </c>
      <c r="O17958" t="s">
        <v>85</v>
      </c>
      <c r="P17958" t="s">
        <v>86</v>
      </c>
      <c r="Q17958">
        <v>27</v>
      </c>
      <c r="R17958">
        <v>27</v>
      </c>
      <c r="S17958">
        <v>28</v>
      </c>
      <c r="T17958">
        <v>28</v>
      </c>
      <c r="U17958">
        <v>29</v>
      </c>
      <c r="V17958">
        <v>30</v>
      </c>
      <c r="W17958">
        <v>30</v>
      </c>
      <c r="X17958">
        <v>31</v>
      </c>
      <c r="Y17958">
        <v>32</v>
      </c>
      <c r="Z17958">
        <v>32</v>
      </c>
      <c r="AA17958">
        <v>33</v>
      </c>
      <c r="AB17958">
        <v>34</v>
      </c>
      <c r="AC17958">
        <v>34</v>
      </c>
      <c r="AD17958">
        <v>35</v>
      </c>
      <c r="AE17958">
        <v>36</v>
      </c>
      <c r="AF17958">
        <v>36</v>
      </c>
      <c r="AG17958">
        <v>37</v>
      </c>
      <c r="AH17958">
        <v>38</v>
      </c>
      <c r="AI17958">
        <v>38</v>
      </c>
      <c r="AJ17958">
        <v>39</v>
      </c>
      <c r="AK17958">
        <v>40</v>
      </c>
      <c r="AL17958">
        <v>40</v>
      </c>
      <c r="AM17958">
        <v>41</v>
      </c>
      <c r="AN17958">
        <v>41</v>
      </c>
      <c r="AO17958">
        <v>42</v>
      </c>
      <c r="AP17958">
        <v>42</v>
      </c>
      <c r="AQ17958">
        <v>43</v>
      </c>
    </row>
    <row r="17959" spans="1:43">
      <c r="A17959" t="s">
        <v>11124</v>
      </c>
      <c r="B17959" t="s">
        <v>11125</v>
      </c>
      <c r="C17959" t="s">
        <v>11118</v>
      </c>
      <c r="D17959" t="s">
        <v>11119</v>
      </c>
      <c r="E17959" t="s">
        <v>10982</v>
      </c>
      <c r="F17959" t="s">
        <v>10983</v>
      </c>
      <c r="G17959" t="s">
        <v>10734</v>
      </c>
      <c r="H17959" t="s">
        <v>10735</v>
      </c>
      <c r="I17959" s="2">
        <v>1</v>
      </c>
      <c r="J17959" s="2">
        <v>0</v>
      </c>
      <c r="K17959" s="2">
        <v>0</v>
      </c>
      <c r="L17959" t="s">
        <v>120</v>
      </c>
      <c r="M17959" t="s">
        <v>87</v>
      </c>
      <c r="N17959" t="s">
        <v>88</v>
      </c>
      <c r="O17959" t="s">
        <v>85</v>
      </c>
      <c r="P17959" t="s">
        <v>86</v>
      </c>
      <c r="Q17959">
        <v>27</v>
      </c>
      <c r="R17959">
        <v>28</v>
      </c>
      <c r="S17959">
        <v>28</v>
      </c>
      <c r="T17959">
        <v>28</v>
      </c>
      <c r="U17959">
        <v>29</v>
      </c>
      <c r="V17959">
        <v>29</v>
      </c>
      <c r="W17959">
        <v>30</v>
      </c>
      <c r="X17959">
        <v>30</v>
      </c>
      <c r="Y17959">
        <v>30</v>
      </c>
      <c r="Z17959">
        <v>31</v>
      </c>
      <c r="AA17959">
        <v>31</v>
      </c>
      <c r="AB17959">
        <v>31</v>
      </c>
      <c r="AC17959">
        <v>32</v>
      </c>
      <c r="AD17959">
        <v>32</v>
      </c>
      <c r="AE17959">
        <v>33</v>
      </c>
      <c r="AF17959">
        <v>33</v>
      </c>
      <c r="AG17959">
        <v>33</v>
      </c>
      <c r="AH17959">
        <v>34</v>
      </c>
      <c r="AI17959">
        <v>34</v>
      </c>
      <c r="AJ17959">
        <v>35</v>
      </c>
      <c r="AK17959">
        <v>35</v>
      </c>
      <c r="AL17959">
        <v>36</v>
      </c>
      <c r="AM17959">
        <v>36</v>
      </c>
      <c r="AN17959">
        <v>37</v>
      </c>
      <c r="AO17959">
        <v>37</v>
      </c>
      <c r="AP17959">
        <v>38</v>
      </c>
      <c r="AQ17959">
        <v>38</v>
      </c>
    </row>
    <row r="17960" spans="1:43">
      <c r="A17960" t="s">
        <v>11124</v>
      </c>
      <c r="B17960" t="s">
        <v>11125</v>
      </c>
      <c r="C17960" t="s">
        <v>11118</v>
      </c>
      <c r="D17960" t="s">
        <v>11119</v>
      </c>
      <c r="E17960" t="s">
        <v>10982</v>
      </c>
      <c r="F17960" t="s">
        <v>10983</v>
      </c>
      <c r="G17960" t="s">
        <v>10734</v>
      </c>
      <c r="H17960" t="s">
        <v>10735</v>
      </c>
      <c r="I17960" s="2">
        <v>1</v>
      </c>
      <c r="J17960" s="2">
        <v>0</v>
      </c>
      <c r="K17960" s="2">
        <v>0</v>
      </c>
      <c r="L17960" t="s">
        <v>120</v>
      </c>
      <c r="M17960" t="s">
        <v>89</v>
      </c>
      <c r="N17960" t="s">
        <v>90</v>
      </c>
      <c r="O17960" t="s">
        <v>85</v>
      </c>
      <c r="P17960" t="s">
        <v>86</v>
      </c>
      <c r="Q17960">
        <v>27</v>
      </c>
      <c r="R17960">
        <v>28</v>
      </c>
      <c r="S17960">
        <v>29</v>
      </c>
      <c r="T17960">
        <v>29</v>
      </c>
      <c r="U17960">
        <v>30</v>
      </c>
      <c r="V17960">
        <v>31</v>
      </c>
      <c r="W17960">
        <v>32</v>
      </c>
      <c r="X17960">
        <v>33</v>
      </c>
      <c r="Y17960">
        <v>33</v>
      </c>
      <c r="Z17960">
        <v>34</v>
      </c>
      <c r="AA17960">
        <v>35</v>
      </c>
      <c r="AB17960">
        <v>36</v>
      </c>
      <c r="AC17960">
        <v>37</v>
      </c>
      <c r="AD17960">
        <v>37</v>
      </c>
      <c r="AE17960">
        <v>38</v>
      </c>
      <c r="AF17960">
        <v>38</v>
      </c>
      <c r="AG17960">
        <v>39</v>
      </c>
      <c r="AH17960">
        <v>39</v>
      </c>
      <c r="AI17960">
        <v>40</v>
      </c>
      <c r="AJ17960">
        <v>40</v>
      </c>
      <c r="AK17960">
        <v>40</v>
      </c>
      <c r="AL17960">
        <v>41</v>
      </c>
      <c r="AM17960">
        <v>41</v>
      </c>
      <c r="AN17960">
        <v>42</v>
      </c>
      <c r="AO17960">
        <v>42</v>
      </c>
      <c r="AP17960">
        <v>43</v>
      </c>
      <c r="AQ17960">
        <v>43</v>
      </c>
    </row>
    <row r="17961" spans="1:43">
      <c r="A17961" t="s">
        <v>11124</v>
      </c>
      <c r="B17961" t="s">
        <v>11125</v>
      </c>
      <c r="C17961" t="s">
        <v>11118</v>
      </c>
      <c r="D17961" t="s">
        <v>11119</v>
      </c>
      <c r="E17961" t="s">
        <v>10982</v>
      </c>
      <c r="F17961" t="s">
        <v>10983</v>
      </c>
      <c r="G17961" t="s">
        <v>10734</v>
      </c>
      <c r="H17961" t="s">
        <v>10735</v>
      </c>
      <c r="I17961" s="2">
        <v>1</v>
      </c>
      <c r="J17961" s="2">
        <v>0</v>
      </c>
      <c r="K17961" s="2">
        <v>0</v>
      </c>
      <c r="L17961" t="s">
        <v>120</v>
      </c>
      <c r="M17961" t="s">
        <v>83</v>
      </c>
      <c r="N17961" t="s">
        <v>91</v>
      </c>
      <c r="O17961" t="s">
        <v>85</v>
      </c>
      <c r="P17961" t="s">
        <v>86</v>
      </c>
      <c r="Q17961">
        <v>27</v>
      </c>
      <c r="R17961">
        <v>27</v>
      </c>
      <c r="S17961">
        <v>28</v>
      </c>
      <c r="T17961">
        <v>28</v>
      </c>
      <c r="U17961">
        <v>29</v>
      </c>
      <c r="V17961">
        <v>30</v>
      </c>
      <c r="W17961">
        <v>30</v>
      </c>
      <c r="X17961">
        <v>31</v>
      </c>
      <c r="Y17961">
        <v>32</v>
      </c>
      <c r="Z17961">
        <v>32</v>
      </c>
      <c r="AA17961">
        <v>33</v>
      </c>
      <c r="AB17961">
        <v>34</v>
      </c>
      <c r="AC17961">
        <v>34</v>
      </c>
      <c r="AD17961">
        <v>35</v>
      </c>
      <c r="AE17961">
        <v>36</v>
      </c>
      <c r="AF17961">
        <v>36</v>
      </c>
      <c r="AG17961">
        <v>37</v>
      </c>
      <c r="AH17961">
        <v>38</v>
      </c>
      <c r="AI17961">
        <v>38</v>
      </c>
      <c r="AJ17961">
        <v>39</v>
      </c>
      <c r="AK17961">
        <v>40</v>
      </c>
      <c r="AL17961">
        <v>40</v>
      </c>
      <c r="AM17961">
        <v>41</v>
      </c>
      <c r="AN17961">
        <v>41</v>
      </c>
      <c r="AO17961">
        <v>42</v>
      </c>
      <c r="AP17961">
        <v>42</v>
      </c>
      <c r="AQ17961">
        <v>43</v>
      </c>
    </row>
    <row r="17962" spans="1:43">
      <c r="A17962" t="s">
        <v>11126</v>
      </c>
      <c r="B17962" t="s">
        <v>11127</v>
      </c>
      <c r="C17962" t="s">
        <v>11128</v>
      </c>
      <c r="D17962" t="s">
        <v>11129</v>
      </c>
      <c r="E17962" t="s">
        <v>10982</v>
      </c>
      <c r="F17962" t="s">
        <v>10983</v>
      </c>
      <c r="G17962" t="s">
        <v>10734</v>
      </c>
      <c r="H17962" t="s">
        <v>10735</v>
      </c>
      <c r="I17962" s="2">
        <v>1</v>
      </c>
      <c r="J17962" s="2">
        <v>0</v>
      </c>
      <c r="K17962" s="2">
        <v>0</v>
      </c>
      <c r="L17962" t="s">
        <v>120</v>
      </c>
      <c r="M17962" t="s">
        <v>83</v>
      </c>
      <c r="N17962" t="s">
        <v>84</v>
      </c>
      <c r="O17962" t="s">
        <v>85</v>
      </c>
      <c r="P17962" t="s">
        <v>86</v>
      </c>
      <c r="Q17962">
        <v>28</v>
      </c>
      <c r="R17962">
        <v>28</v>
      </c>
      <c r="S17962">
        <v>29</v>
      </c>
      <c r="T17962">
        <v>30</v>
      </c>
      <c r="U17962">
        <v>30</v>
      </c>
      <c r="V17962">
        <v>31</v>
      </c>
      <c r="W17962">
        <v>32</v>
      </c>
      <c r="X17962">
        <v>32</v>
      </c>
      <c r="Y17962">
        <v>33</v>
      </c>
      <c r="Z17962">
        <v>34</v>
      </c>
      <c r="AA17962">
        <v>34</v>
      </c>
      <c r="AB17962">
        <v>35</v>
      </c>
      <c r="AC17962">
        <v>36</v>
      </c>
      <c r="AD17962">
        <v>36</v>
      </c>
      <c r="AE17962">
        <v>37</v>
      </c>
      <c r="AF17962">
        <v>38</v>
      </c>
      <c r="AG17962">
        <v>38</v>
      </c>
      <c r="AH17962">
        <v>39</v>
      </c>
      <c r="AI17962">
        <v>40</v>
      </c>
      <c r="AJ17962">
        <v>41</v>
      </c>
      <c r="AK17962">
        <v>42</v>
      </c>
      <c r="AL17962">
        <v>42</v>
      </c>
      <c r="AM17962">
        <v>43</v>
      </c>
      <c r="AN17962">
        <v>43</v>
      </c>
      <c r="AO17962">
        <v>43</v>
      </c>
      <c r="AP17962">
        <v>44</v>
      </c>
      <c r="AQ17962">
        <v>44</v>
      </c>
    </row>
    <row r="17963" spans="1:43">
      <c r="A17963" t="s">
        <v>11126</v>
      </c>
      <c r="B17963" t="s">
        <v>11127</v>
      </c>
      <c r="C17963" t="s">
        <v>11128</v>
      </c>
      <c r="D17963" t="s">
        <v>11129</v>
      </c>
      <c r="E17963" t="s">
        <v>10982</v>
      </c>
      <c r="F17963" t="s">
        <v>10983</v>
      </c>
      <c r="G17963" t="s">
        <v>10734</v>
      </c>
      <c r="H17963" t="s">
        <v>10735</v>
      </c>
      <c r="I17963" s="2">
        <v>1</v>
      </c>
      <c r="J17963" s="2">
        <v>0</v>
      </c>
      <c r="K17963" s="2">
        <v>0</v>
      </c>
      <c r="L17963" t="s">
        <v>120</v>
      </c>
      <c r="M17963" t="s">
        <v>87</v>
      </c>
      <c r="N17963" t="s">
        <v>88</v>
      </c>
      <c r="O17963" t="s">
        <v>85</v>
      </c>
      <c r="P17963" t="s">
        <v>86</v>
      </c>
      <c r="Q17963">
        <v>28</v>
      </c>
      <c r="R17963">
        <v>29</v>
      </c>
      <c r="S17963">
        <v>29</v>
      </c>
      <c r="T17963">
        <v>30</v>
      </c>
      <c r="U17963">
        <v>30</v>
      </c>
      <c r="V17963">
        <v>30</v>
      </c>
      <c r="W17963">
        <v>31</v>
      </c>
      <c r="X17963">
        <v>31</v>
      </c>
      <c r="Y17963">
        <v>31</v>
      </c>
      <c r="Z17963">
        <v>32</v>
      </c>
      <c r="AA17963">
        <v>32</v>
      </c>
      <c r="AB17963">
        <v>33</v>
      </c>
      <c r="AC17963">
        <v>33</v>
      </c>
      <c r="AD17963">
        <v>33</v>
      </c>
      <c r="AE17963">
        <v>34</v>
      </c>
      <c r="AF17963">
        <v>34</v>
      </c>
      <c r="AG17963">
        <v>35</v>
      </c>
      <c r="AH17963">
        <v>35</v>
      </c>
      <c r="AI17963">
        <v>36</v>
      </c>
      <c r="AJ17963">
        <v>36</v>
      </c>
      <c r="AK17963">
        <v>37</v>
      </c>
      <c r="AL17963">
        <v>37</v>
      </c>
      <c r="AM17963">
        <v>37</v>
      </c>
      <c r="AN17963">
        <v>38</v>
      </c>
      <c r="AO17963">
        <v>38</v>
      </c>
      <c r="AP17963">
        <v>39</v>
      </c>
      <c r="AQ17963">
        <v>40</v>
      </c>
    </row>
    <row r="17964" spans="1:43">
      <c r="A17964" t="s">
        <v>11126</v>
      </c>
      <c r="B17964" t="s">
        <v>11127</v>
      </c>
      <c r="C17964" t="s">
        <v>11128</v>
      </c>
      <c r="D17964" t="s">
        <v>11129</v>
      </c>
      <c r="E17964" t="s">
        <v>10982</v>
      </c>
      <c r="F17964" t="s">
        <v>10983</v>
      </c>
      <c r="G17964" t="s">
        <v>10734</v>
      </c>
      <c r="H17964" t="s">
        <v>10735</v>
      </c>
      <c r="I17964" s="2">
        <v>1</v>
      </c>
      <c r="J17964" s="2">
        <v>0</v>
      </c>
      <c r="K17964" s="2">
        <v>0</v>
      </c>
      <c r="L17964" t="s">
        <v>120</v>
      </c>
      <c r="M17964" t="s">
        <v>89</v>
      </c>
      <c r="N17964" t="s">
        <v>90</v>
      </c>
      <c r="O17964" t="s">
        <v>85</v>
      </c>
      <c r="P17964" t="s">
        <v>86</v>
      </c>
      <c r="Q17964">
        <v>28</v>
      </c>
      <c r="R17964">
        <v>29</v>
      </c>
      <c r="S17964">
        <v>30</v>
      </c>
      <c r="T17964">
        <v>31</v>
      </c>
      <c r="U17964">
        <v>31</v>
      </c>
      <c r="V17964">
        <v>32</v>
      </c>
      <c r="W17964">
        <v>33</v>
      </c>
      <c r="X17964">
        <v>34</v>
      </c>
      <c r="Y17964">
        <v>35</v>
      </c>
      <c r="Z17964">
        <v>36</v>
      </c>
      <c r="AA17964">
        <v>36</v>
      </c>
      <c r="AB17964">
        <v>37</v>
      </c>
      <c r="AC17964">
        <v>38</v>
      </c>
      <c r="AD17964">
        <v>39</v>
      </c>
      <c r="AE17964">
        <v>40</v>
      </c>
      <c r="AF17964">
        <v>40</v>
      </c>
      <c r="AG17964">
        <v>40</v>
      </c>
      <c r="AH17964">
        <v>41</v>
      </c>
      <c r="AI17964">
        <v>41</v>
      </c>
      <c r="AJ17964">
        <v>41</v>
      </c>
      <c r="AK17964">
        <v>42</v>
      </c>
      <c r="AL17964">
        <v>42</v>
      </c>
      <c r="AM17964">
        <v>43</v>
      </c>
      <c r="AN17964">
        <v>43</v>
      </c>
      <c r="AO17964">
        <v>43</v>
      </c>
      <c r="AP17964">
        <v>44</v>
      </c>
      <c r="AQ17964">
        <v>44</v>
      </c>
    </row>
    <row r="17965" spans="1:43">
      <c r="A17965" t="s">
        <v>11126</v>
      </c>
      <c r="B17965" t="s">
        <v>11127</v>
      </c>
      <c r="C17965" t="s">
        <v>11128</v>
      </c>
      <c r="D17965" t="s">
        <v>11129</v>
      </c>
      <c r="E17965" t="s">
        <v>10982</v>
      </c>
      <c r="F17965" t="s">
        <v>10983</v>
      </c>
      <c r="G17965" t="s">
        <v>10734</v>
      </c>
      <c r="H17965" t="s">
        <v>10735</v>
      </c>
      <c r="I17965" s="2">
        <v>1</v>
      </c>
      <c r="J17965" s="2">
        <v>0</v>
      </c>
      <c r="K17965" s="2">
        <v>0</v>
      </c>
      <c r="L17965" t="s">
        <v>120</v>
      </c>
      <c r="M17965" t="s">
        <v>83</v>
      </c>
      <c r="N17965" t="s">
        <v>91</v>
      </c>
      <c r="O17965" t="s">
        <v>85</v>
      </c>
      <c r="P17965" t="s">
        <v>86</v>
      </c>
      <c r="Q17965">
        <v>28</v>
      </c>
      <c r="R17965">
        <v>28</v>
      </c>
      <c r="S17965">
        <v>29</v>
      </c>
      <c r="T17965">
        <v>30</v>
      </c>
      <c r="U17965">
        <v>30</v>
      </c>
      <c r="V17965">
        <v>31</v>
      </c>
      <c r="W17965">
        <v>32</v>
      </c>
      <c r="X17965">
        <v>32</v>
      </c>
      <c r="Y17965">
        <v>33</v>
      </c>
      <c r="Z17965">
        <v>34</v>
      </c>
      <c r="AA17965">
        <v>34</v>
      </c>
      <c r="AB17965">
        <v>35</v>
      </c>
      <c r="AC17965">
        <v>36</v>
      </c>
      <c r="AD17965">
        <v>36</v>
      </c>
      <c r="AE17965">
        <v>37</v>
      </c>
      <c r="AF17965">
        <v>38</v>
      </c>
      <c r="AG17965">
        <v>38</v>
      </c>
      <c r="AH17965">
        <v>39</v>
      </c>
      <c r="AI17965">
        <v>40</v>
      </c>
      <c r="AJ17965">
        <v>41</v>
      </c>
      <c r="AK17965">
        <v>42</v>
      </c>
      <c r="AL17965">
        <v>42</v>
      </c>
      <c r="AM17965">
        <v>43</v>
      </c>
      <c r="AN17965">
        <v>43</v>
      </c>
      <c r="AO17965">
        <v>43</v>
      </c>
      <c r="AP17965">
        <v>44</v>
      </c>
      <c r="AQ17965">
        <v>44</v>
      </c>
    </row>
    <row r="17966" spans="1:43">
      <c r="A17966" t="s">
        <v>11130</v>
      </c>
      <c r="B17966" t="s">
        <v>11131</v>
      </c>
      <c r="C17966" t="s">
        <v>11042</v>
      </c>
      <c r="D17966" t="s">
        <v>11043</v>
      </c>
      <c r="E17966" t="s">
        <v>10982</v>
      </c>
      <c r="F17966" t="s">
        <v>10983</v>
      </c>
      <c r="G17966" t="s">
        <v>10734</v>
      </c>
      <c r="H17966" t="s">
        <v>10735</v>
      </c>
      <c r="I17966" s="2">
        <v>1</v>
      </c>
      <c r="J17966" s="2">
        <v>0</v>
      </c>
      <c r="K17966" s="2">
        <v>0</v>
      </c>
      <c r="L17966" t="s">
        <v>120</v>
      </c>
      <c r="M17966" t="s">
        <v>83</v>
      </c>
      <c r="N17966" t="s">
        <v>84</v>
      </c>
      <c r="O17966" t="s">
        <v>85</v>
      </c>
      <c r="P17966" t="s">
        <v>86</v>
      </c>
      <c r="Q17966">
        <v>37</v>
      </c>
      <c r="R17966">
        <v>37</v>
      </c>
      <c r="S17966">
        <v>38</v>
      </c>
      <c r="T17966">
        <v>39</v>
      </c>
      <c r="U17966">
        <v>40</v>
      </c>
      <c r="V17966">
        <v>41</v>
      </c>
      <c r="W17966">
        <v>42</v>
      </c>
      <c r="X17966">
        <v>43</v>
      </c>
      <c r="Y17966">
        <v>43</v>
      </c>
      <c r="Z17966">
        <v>44</v>
      </c>
      <c r="AA17966">
        <v>45</v>
      </c>
      <c r="AB17966">
        <v>46</v>
      </c>
      <c r="AC17966">
        <v>47</v>
      </c>
      <c r="AD17966">
        <v>48</v>
      </c>
      <c r="AE17966">
        <v>49</v>
      </c>
      <c r="AF17966">
        <v>50</v>
      </c>
      <c r="AG17966">
        <v>51</v>
      </c>
      <c r="AH17966">
        <v>52</v>
      </c>
      <c r="AI17966">
        <v>53</v>
      </c>
      <c r="AJ17966">
        <v>54</v>
      </c>
      <c r="AK17966">
        <v>55</v>
      </c>
      <c r="AL17966">
        <v>55</v>
      </c>
      <c r="AM17966">
        <v>56</v>
      </c>
      <c r="AN17966">
        <v>57</v>
      </c>
      <c r="AO17966">
        <v>57</v>
      </c>
      <c r="AP17966">
        <v>58</v>
      </c>
      <c r="AQ17966">
        <v>59</v>
      </c>
    </row>
    <row r="17967" spans="1:43">
      <c r="A17967" t="s">
        <v>11130</v>
      </c>
      <c r="B17967" t="s">
        <v>11131</v>
      </c>
      <c r="C17967" t="s">
        <v>11042</v>
      </c>
      <c r="D17967" t="s">
        <v>11043</v>
      </c>
      <c r="E17967" t="s">
        <v>10982</v>
      </c>
      <c r="F17967" t="s">
        <v>10983</v>
      </c>
      <c r="G17967" t="s">
        <v>10734</v>
      </c>
      <c r="H17967" t="s">
        <v>10735</v>
      </c>
      <c r="I17967" s="2">
        <v>1</v>
      </c>
      <c r="J17967" s="2">
        <v>0</v>
      </c>
      <c r="K17967" s="2">
        <v>0</v>
      </c>
      <c r="L17967" t="s">
        <v>120</v>
      </c>
      <c r="M17967" t="s">
        <v>87</v>
      </c>
      <c r="N17967" t="s">
        <v>88</v>
      </c>
      <c r="O17967" t="s">
        <v>85</v>
      </c>
      <c r="P17967" t="s">
        <v>86</v>
      </c>
      <c r="Q17967">
        <v>37</v>
      </c>
      <c r="R17967">
        <v>38</v>
      </c>
      <c r="S17967">
        <v>38</v>
      </c>
      <c r="T17967">
        <v>39</v>
      </c>
      <c r="U17967">
        <v>39</v>
      </c>
      <c r="V17967">
        <v>40</v>
      </c>
      <c r="W17967">
        <v>40</v>
      </c>
      <c r="X17967">
        <v>41</v>
      </c>
      <c r="Y17967">
        <v>41</v>
      </c>
      <c r="Z17967">
        <v>42</v>
      </c>
      <c r="AA17967">
        <v>42</v>
      </c>
      <c r="AB17967">
        <v>43</v>
      </c>
      <c r="AC17967">
        <v>43</v>
      </c>
      <c r="AD17967">
        <v>44</v>
      </c>
      <c r="AE17967">
        <v>45</v>
      </c>
      <c r="AF17967">
        <v>45</v>
      </c>
      <c r="AG17967">
        <v>46</v>
      </c>
      <c r="AH17967">
        <v>46</v>
      </c>
      <c r="AI17967">
        <v>47</v>
      </c>
      <c r="AJ17967">
        <v>48</v>
      </c>
      <c r="AK17967">
        <v>48</v>
      </c>
      <c r="AL17967">
        <v>49</v>
      </c>
      <c r="AM17967">
        <v>49</v>
      </c>
      <c r="AN17967">
        <v>50</v>
      </c>
      <c r="AO17967">
        <v>51</v>
      </c>
      <c r="AP17967">
        <v>52</v>
      </c>
      <c r="AQ17967">
        <v>52</v>
      </c>
    </row>
    <row r="17968" spans="1:43">
      <c r="A17968" t="s">
        <v>11130</v>
      </c>
      <c r="B17968" t="s">
        <v>11131</v>
      </c>
      <c r="C17968" t="s">
        <v>11042</v>
      </c>
      <c r="D17968" t="s">
        <v>11043</v>
      </c>
      <c r="E17968" t="s">
        <v>10982</v>
      </c>
      <c r="F17968" t="s">
        <v>10983</v>
      </c>
      <c r="G17968" t="s">
        <v>10734</v>
      </c>
      <c r="H17968" t="s">
        <v>10735</v>
      </c>
      <c r="I17968" s="2">
        <v>1</v>
      </c>
      <c r="J17968" s="2">
        <v>0</v>
      </c>
      <c r="K17968" s="2">
        <v>0</v>
      </c>
      <c r="L17968" t="s">
        <v>120</v>
      </c>
      <c r="M17968" t="s">
        <v>89</v>
      </c>
      <c r="N17968" t="s">
        <v>90</v>
      </c>
      <c r="O17968" t="s">
        <v>85</v>
      </c>
      <c r="P17968" t="s">
        <v>86</v>
      </c>
      <c r="Q17968">
        <v>37</v>
      </c>
      <c r="R17968">
        <v>38</v>
      </c>
      <c r="S17968">
        <v>39</v>
      </c>
      <c r="T17968">
        <v>40</v>
      </c>
      <c r="U17968">
        <v>42</v>
      </c>
      <c r="V17968">
        <v>43</v>
      </c>
      <c r="W17968">
        <v>44</v>
      </c>
      <c r="X17968">
        <v>45</v>
      </c>
      <c r="Y17968">
        <v>46</v>
      </c>
      <c r="Z17968">
        <v>47</v>
      </c>
      <c r="AA17968">
        <v>48</v>
      </c>
      <c r="AB17968">
        <v>49</v>
      </c>
      <c r="AC17968">
        <v>50</v>
      </c>
      <c r="AD17968">
        <v>51</v>
      </c>
      <c r="AE17968">
        <v>52</v>
      </c>
      <c r="AF17968">
        <v>53</v>
      </c>
      <c r="AG17968">
        <v>53</v>
      </c>
      <c r="AH17968">
        <v>54</v>
      </c>
      <c r="AI17968">
        <v>54</v>
      </c>
      <c r="AJ17968">
        <v>55</v>
      </c>
      <c r="AK17968">
        <v>56</v>
      </c>
      <c r="AL17968">
        <v>56</v>
      </c>
      <c r="AM17968">
        <v>57</v>
      </c>
      <c r="AN17968">
        <v>58</v>
      </c>
      <c r="AO17968">
        <v>58</v>
      </c>
      <c r="AP17968">
        <v>59</v>
      </c>
      <c r="AQ17968">
        <v>60</v>
      </c>
    </row>
    <row r="17969" spans="1:43">
      <c r="A17969" t="s">
        <v>11130</v>
      </c>
      <c r="B17969" t="s">
        <v>11131</v>
      </c>
      <c r="C17969" t="s">
        <v>11042</v>
      </c>
      <c r="D17969" t="s">
        <v>11043</v>
      </c>
      <c r="E17969" t="s">
        <v>10982</v>
      </c>
      <c r="F17969" t="s">
        <v>10983</v>
      </c>
      <c r="G17969" t="s">
        <v>10734</v>
      </c>
      <c r="H17969" t="s">
        <v>10735</v>
      </c>
      <c r="I17969" s="2">
        <v>1</v>
      </c>
      <c r="J17969" s="2">
        <v>0</v>
      </c>
      <c r="K17969" s="2">
        <v>0</v>
      </c>
      <c r="L17969" t="s">
        <v>120</v>
      </c>
      <c r="M17969" t="s">
        <v>83</v>
      </c>
      <c r="N17969" t="s">
        <v>91</v>
      </c>
      <c r="O17969" t="s">
        <v>85</v>
      </c>
      <c r="P17969" t="s">
        <v>86</v>
      </c>
      <c r="Q17969">
        <v>37</v>
      </c>
      <c r="R17969">
        <v>37</v>
      </c>
      <c r="S17969">
        <v>38</v>
      </c>
      <c r="T17969">
        <v>39</v>
      </c>
      <c r="U17969">
        <v>40</v>
      </c>
      <c r="V17969">
        <v>41</v>
      </c>
      <c r="W17969">
        <v>42</v>
      </c>
      <c r="X17969">
        <v>43</v>
      </c>
      <c r="Y17969">
        <v>43</v>
      </c>
      <c r="Z17969">
        <v>44</v>
      </c>
      <c r="AA17969">
        <v>45</v>
      </c>
      <c r="AB17969">
        <v>46</v>
      </c>
      <c r="AC17969">
        <v>47</v>
      </c>
      <c r="AD17969">
        <v>48</v>
      </c>
      <c r="AE17969">
        <v>49</v>
      </c>
      <c r="AF17969">
        <v>50</v>
      </c>
      <c r="AG17969">
        <v>51</v>
      </c>
      <c r="AH17969">
        <v>52</v>
      </c>
      <c r="AI17969">
        <v>53</v>
      </c>
      <c r="AJ17969">
        <v>54</v>
      </c>
      <c r="AK17969">
        <v>55</v>
      </c>
      <c r="AL17969">
        <v>55</v>
      </c>
      <c r="AM17969">
        <v>56</v>
      </c>
      <c r="AN17969">
        <v>57</v>
      </c>
      <c r="AO17969">
        <v>57</v>
      </c>
      <c r="AP17969">
        <v>58</v>
      </c>
      <c r="AQ17969">
        <v>59</v>
      </c>
    </row>
    <row r="17970" spans="1:43">
      <c r="A17970" t="s">
        <v>11132</v>
      </c>
      <c r="B17970" t="s">
        <v>11133</v>
      </c>
      <c r="C17970" t="s">
        <v>11134</v>
      </c>
      <c r="D17970" t="s">
        <v>11135</v>
      </c>
      <c r="E17970" t="s">
        <v>10982</v>
      </c>
      <c r="F17970" t="s">
        <v>10983</v>
      </c>
      <c r="G17970" t="s">
        <v>10734</v>
      </c>
      <c r="H17970" t="s">
        <v>10735</v>
      </c>
      <c r="I17970" s="2">
        <v>1</v>
      </c>
      <c r="J17970" s="2">
        <v>0</v>
      </c>
      <c r="K17970" s="2">
        <v>0</v>
      </c>
      <c r="L17970" t="s">
        <v>120</v>
      </c>
      <c r="M17970" t="s">
        <v>83</v>
      </c>
      <c r="N17970" t="s">
        <v>84</v>
      </c>
      <c r="O17970" t="s">
        <v>85</v>
      </c>
      <c r="P17970" t="s">
        <v>86</v>
      </c>
      <c r="Q17970">
        <v>4</v>
      </c>
      <c r="R17970">
        <v>4</v>
      </c>
      <c r="S17970">
        <v>4</v>
      </c>
      <c r="T17970">
        <v>4</v>
      </c>
      <c r="U17970">
        <v>4</v>
      </c>
      <c r="V17970">
        <v>4</v>
      </c>
      <c r="W17970">
        <v>4</v>
      </c>
      <c r="X17970">
        <v>4</v>
      </c>
      <c r="Y17970">
        <v>4</v>
      </c>
      <c r="Z17970">
        <v>4</v>
      </c>
      <c r="AA17970">
        <v>5</v>
      </c>
      <c r="AB17970">
        <v>5</v>
      </c>
      <c r="AC17970">
        <v>5</v>
      </c>
      <c r="AD17970">
        <v>5</v>
      </c>
      <c r="AE17970">
        <v>5</v>
      </c>
      <c r="AF17970">
        <v>5</v>
      </c>
      <c r="AG17970">
        <v>5</v>
      </c>
      <c r="AH17970">
        <v>5</v>
      </c>
      <c r="AI17970">
        <v>5</v>
      </c>
      <c r="AJ17970">
        <v>5</v>
      </c>
      <c r="AK17970">
        <v>5</v>
      </c>
      <c r="AL17970">
        <v>6</v>
      </c>
      <c r="AM17970">
        <v>6</v>
      </c>
      <c r="AN17970">
        <v>6</v>
      </c>
      <c r="AO17970">
        <v>6</v>
      </c>
      <c r="AP17970">
        <v>6</v>
      </c>
      <c r="AQ17970">
        <v>6</v>
      </c>
    </row>
    <row r="17971" spans="1:43">
      <c r="A17971" t="s">
        <v>11132</v>
      </c>
      <c r="B17971" t="s">
        <v>11133</v>
      </c>
      <c r="C17971" t="s">
        <v>11134</v>
      </c>
      <c r="D17971" t="s">
        <v>11135</v>
      </c>
      <c r="E17971" t="s">
        <v>10982</v>
      </c>
      <c r="F17971" t="s">
        <v>10983</v>
      </c>
      <c r="G17971" t="s">
        <v>10734</v>
      </c>
      <c r="H17971" t="s">
        <v>10735</v>
      </c>
      <c r="I17971" s="2">
        <v>1</v>
      </c>
      <c r="J17971" s="2">
        <v>0</v>
      </c>
      <c r="K17971" s="2">
        <v>0</v>
      </c>
      <c r="L17971" t="s">
        <v>120</v>
      </c>
      <c r="M17971" t="s">
        <v>87</v>
      </c>
      <c r="N17971" t="s">
        <v>88</v>
      </c>
      <c r="O17971" t="s">
        <v>85</v>
      </c>
      <c r="P17971" t="s">
        <v>86</v>
      </c>
      <c r="Q17971">
        <v>4</v>
      </c>
      <c r="R17971">
        <v>4</v>
      </c>
      <c r="S17971">
        <v>4</v>
      </c>
      <c r="T17971">
        <v>4</v>
      </c>
      <c r="U17971">
        <v>4</v>
      </c>
      <c r="V17971">
        <v>4</v>
      </c>
      <c r="W17971">
        <v>4</v>
      </c>
      <c r="X17971">
        <v>4</v>
      </c>
      <c r="Y17971">
        <v>4</v>
      </c>
      <c r="Z17971">
        <v>4</v>
      </c>
      <c r="AA17971">
        <v>4</v>
      </c>
      <c r="AB17971">
        <v>4</v>
      </c>
      <c r="AC17971">
        <v>4</v>
      </c>
      <c r="AD17971">
        <v>4</v>
      </c>
      <c r="AE17971">
        <v>4</v>
      </c>
      <c r="AF17971">
        <v>4</v>
      </c>
      <c r="AG17971">
        <v>4</v>
      </c>
      <c r="AH17971">
        <v>5</v>
      </c>
      <c r="AI17971">
        <v>5</v>
      </c>
      <c r="AJ17971">
        <v>5</v>
      </c>
      <c r="AK17971">
        <v>5</v>
      </c>
      <c r="AL17971">
        <v>5</v>
      </c>
      <c r="AM17971">
        <v>5</v>
      </c>
      <c r="AN17971">
        <v>5</v>
      </c>
      <c r="AO17971">
        <v>5</v>
      </c>
      <c r="AP17971">
        <v>5</v>
      </c>
      <c r="AQ17971">
        <v>5</v>
      </c>
    </row>
    <row r="17972" spans="1:43">
      <c r="A17972" t="s">
        <v>11132</v>
      </c>
      <c r="B17972" t="s">
        <v>11133</v>
      </c>
      <c r="C17972" t="s">
        <v>11134</v>
      </c>
      <c r="D17972" t="s">
        <v>11135</v>
      </c>
      <c r="E17972" t="s">
        <v>10982</v>
      </c>
      <c r="F17972" t="s">
        <v>10983</v>
      </c>
      <c r="G17972" t="s">
        <v>10734</v>
      </c>
      <c r="H17972" t="s">
        <v>10735</v>
      </c>
      <c r="I17972" s="2">
        <v>1</v>
      </c>
      <c r="J17972" s="2">
        <v>0</v>
      </c>
      <c r="K17972" s="2">
        <v>0</v>
      </c>
      <c r="L17972" t="s">
        <v>120</v>
      </c>
      <c r="M17972" t="s">
        <v>89</v>
      </c>
      <c r="N17972" t="s">
        <v>90</v>
      </c>
      <c r="O17972" t="s">
        <v>85</v>
      </c>
      <c r="P17972" t="s">
        <v>86</v>
      </c>
      <c r="Q17972">
        <v>4</v>
      </c>
      <c r="R17972">
        <v>4</v>
      </c>
      <c r="S17972">
        <v>4</v>
      </c>
      <c r="T17972">
        <v>4</v>
      </c>
      <c r="U17972">
        <v>4</v>
      </c>
      <c r="V17972">
        <v>4</v>
      </c>
      <c r="W17972">
        <v>4</v>
      </c>
      <c r="X17972">
        <v>4</v>
      </c>
      <c r="Y17972">
        <v>5</v>
      </c>
      <c r="Z17972">
        <v>5</v>
      </c>
      <c r="AA17972">
        <v>5</v>
      </c>
      <c r="AB17972">
        <v>5</v>
      </c>
      <c r="AC17972">
        <v>5</v>
      </c>
      <c r="AD17972">
        <v>5</v>
      </c>
      <c r="AE17972">
        <v>5</v>
      </c>
      <c r="AF17972">
        <v>5</v>
      </c>
      <c r="AG17972">
        <v>5</v>
      </c>
      <c r="AH17972">
        <v>5</v>
      </c>
      <c r="AI17972">
        <v>5</v>
      </c>
      <c r="AJ17972">
        <v>5</v>
      </c>
      <c r="AK17972">
        <v>6</v>
      </c>
      <c r="AL17972">
        <v>6</v>
      </c>
      <c r="AM17972">
        <v>6</v>
      </c>
      <c r="AN17972">
        <v>6</v>
      </c>
      <c r="AO17972">
        <v>6</v>
      </c>
      <c r="AP17972">
        <v>6</v>
      </c>
      <c r="AQ17972">
        <v>6</v>
      </c>
    </row>
    <row r="17973" spans="1:43">
      <c r="A17973" t="s">
        <v>11132</v>
      </c>
      <c r="B17973" t="s">
        <v>11133</v>
      </c>
      <c r="C17973" t="s">
        <v>11134</v>
      </c>
      <c r="D17973" t="s">
        <v>11135</v>
      </c>
      <c r="E17973" t="s">
        <v>10982</v>
      </c>
      <c r="F17973" t="s">
        <v>10983</v>
      </c>
      <c r="G17973" t="s">
        <v>10734</v>
      </c>
      <c r="H17973" t="s">
        <v>10735</v>
      </c>
      <c r="I17973" s="2">
        <v>1</v>
      </c>
      <c r="J17973" s="2">
        <v>0</v>
      </c>
      <c r="K17973" s="2">
        <v>0</v>
      </c>
      <c r="L17973" t="s">
        <v>120</v>
      </c>
      <c r="M17973" t="s">
        <v>83</v>
      </c>
      <c r="N17973" t="s">
        <v>91</v>
      </c>
      <c r="O17973" t="s">
        <v>85</v>
      </c>
      <c r="P17973" t="s">
        <v>86</v>
      </c>
      <c r="Q17973">
        <v>4</v>
      </c>
      <c r="R17973">
        <v>4</v>
      </c>
      <c r="S17973">
        <v>4</v>
      </c>
      <c r="T17973">
        <v>4</v>
      </c>
      <c r="U17973">
        <v>4</v>
      </c>
      <c r="V17973">
        <v>4</v>
      </c>
      <c r="W17973">
        <v>4</v>
      </c>
      <c r="X17973">
        <v>4</v>
      </c>
      <c r="Y17973">
        <v>4</v>
      </c>
      <c r="Z17973">
        <v>4</v>
      </c>
      <c r="AA17973">
        <v>5</v>
      </c>
      <c r="AB17973">
        <v>5</v>
      </c>
      <c r="AC17973">
        <v>5</v>
      </c>
      <c r="AD17973">
        <v>5</v>
      </c>
      <c r="AE17973">
        <v>5</v>
      </c>
      <c r="AF17973">
        <v>5</v>
      </c>
      <c r="AG17973">
        <v>5</v>
      </c>
      <c r="AH17973">
        <v>5</v>
      </c>
      <c r="AI17973">
        <v>5</v>
      </c>
      <c r="AJ17973">
        <v>5</v>
      </c>
      <c r="AK17973">
        <v>5</v>
      </c>
      <c r="AL17973">
        <v>6</v>
      </c>
      <c r="AM17973">
        <v>6</v>
      </c>
      <c r="AN17973">
        <v>6</v>
      </c>
      <c r="AO17973">
        <v>6</v>
      </c>
      <c r="AP17973">
        <v>6</v>
      </c>
      <c r="AQ17973">
        <v>6</v>
      </c>
    </row>
    <row r="17974" spans="1:43">
      <c r="A17974" t="s">
        <v>11136</v>
      </c>
      <c r="B17974" t="s">
        <v>11137</v>
      </c>
      <c r="C17974" t="s">
        <v>11134</v>
      </c>
      <c r="D17974" t="s">
        <v>11135</v>
      </c>
      <c r="E17974" t="s">
        <v>10982</v>
      </c>
      <c r="F17974" t="s">
        <v>10983</v>
      </c>
      <c r="G17974" t="s">
        <v>10734</v>
      </c>
      <c r="H17974" t="s">
        <v>10735</v>
      </c>
      <c r="I17974" s="2">
        <v>1</v>
      </c>
      <c r="J17974" s="2">
        <v>0</v>
      </c>
      <c r="K17974" s="2">
        <v>0</v>
      </c>
      <c r="L17974" t="s">
        <v>120</v>
      </c>
      <c r="M17974" t="s">
        <v>83</v>
      </c>
      <c r="N17974" t="s">
        <v>84</v>
      </c>
      <c r="O17974" t="s">
        <v>85</v>
      </c>
      <c r="P17974" t="s">
        <v>86</v>
      </c>
      <c r="Q17974">
        <v>6</v>
      </c>
      <c r="R17974">
        <v>6</v>
      </c>
      <c r="S17974">
        <v>6</v>
      </c>
      <c r="T17974">
        <v>6</v>
      </c>
      <c r="U17974">
        <v>7</v>
      </c>
      <c r="V17974">
        <v>7</v>
      </c>
      <c r="W17974">
        <v>7</v>
      </c>
      <c r="X17974">
        <v>7</v>
      </c>
      <c r="Y17974">
        <v>7</v>
      </c>
      <c r="Z17974">
        <v>7</v>
      </c>
      <c r="AA17974">
        <v>7</v>
      </c>
      <c r="AB17974">
        <v>8</v>
      </c>
      <c r="AC17974">
        <v>8</v>
      </c>
      <c r="AD17974">
        <v>8</v>
      </c>
      <c r="AE17974">
        <v>8</v>
      </c>
      <c r="AF17974">
        <v>8</v>
      </c>
      <c r="AG17974">
        <v>8</v>
      </c>
      <c r="AH17974">
        <v>8</v>
      </c>
      <c r="AI17974">
        <v>9</v>
      </c>
      <c r="AJ17974">
        <v>9</v>
      </c>
      <c r="AK17974">
        <v>9</v>
      </c>
      <c r="AL17974">
        <v>9</v>
      </c>
      <c r="AM17974">
        <v>9</v>
      </c>
      <c r="AN17974">
        <v>9</v>
      </c>
      <c r="AO17974">
        <v>9</v>
      </c>
      <c r="AP17974">
        <v>10</v>
      </c>
      <c r="AQ17974">
        <v>10</v>
      </c>
    </row>
    <row r="17975" spans="1:43">
      <c r="A17975" t="s">
        <v>11136</v>
      </c>
      <c r="B17975" t="s">
        <v>11137</v>
      </c>
      <c r="C17975" t="s">
        <v>11134</v>
      </c>
      <c r="D17975" t="s">
        <v>11135</v>
      </c>
      <c r="E17975" t="s">
        <v>10982</v>
      </c>
      <c r="F17975" t="s">
        <v>10983</v>
      </c>
      <c r="G17975" t="s">
        <v>10734</v>
      </c>
      <c r="H17975" t="s">
        <v>10735</v>
      </c>
      <c r="I17975" s="2">
        <v>1</v>
      </c>
      <c r="J17975" s="2">
        <v>0</v>
      </c>
      <c r="K17975" s="2">
        <v>0</v>
      </c>
      <c r="L17975" t="s">
        <v>120</v>
      </c>
      <c r="M17975" t="s">
        <v>87</v>
      </c>
      <c r="N17975" t="s">
        <v>88</v>
      </c>
      <c r="O17975" t="s">
        <v>85</v>
      </c>
      <c r="P17975" t="s">
        <v>86</v>
      </c>
      <c r="Q17975">
        <v>6</v>
      </c>
      <c r="R17975">
        <v>6</v>
      </c>
      <c r="S17975">
        <v>6</v>
      </c>
      <c r="T17975">
        <v>6</v>
      </c>
      <c r="U17975">
        <v>6</v>
      </c>
      <c r="V17975">
        <v>6</v>
      </c>
      <c r="W17975">
        <v>6</v>
      </c>
      <c r="X17975">
        <v>7</v>
      </c>
      <c r="Y17975">
        <v>7</v>
      </c>
      <c r="Z17975">
        <v>7</v>
      </c>
      <c r="AA17975">
        <v>7</v>
      </c>
      <c r="AB17975">
        <v>7</v>
      </c>
      <c r="AC17975">
        <v>7</v>
      </c>
      <c r="AD17975">
        <v>7</v>
      </c>
      <c r="AE17975">
        <v>7</v>
      </c>
      <c r="AF17975">
        <v>7</v>
      </c>
      <c r="AG17975">
        <v>7</v>
      </c>
      <c r="AH17975">
        <v>7</v>
      </c>
      <c r="AI17975">
        <v>8</v>
      </c>
      <c r="AJ17975">
        <v>8</v>
      </c>
      <c r="AK17975">
        <v>8</v>
      </c>
      <c r="AL17975">
        <v>8</v>
      </c>
      <c r="AM17975">
        <v>8</v>
      </c>
      <c r="AN17975">
        <v>8</v>
      </c>
      <c r="AO17975">
        <v>8</v>
      </c>
      <c r="AP17975">
        <v>8</v>
      </c>
      <c r="AQ17975">
        <v>8</v>
      </c>
    </row>
    <row r="17976" spans="1:43">
      <c r="A17976" t="s">
        <v>11136</v>
      </c>
      <c r="B17976" t="s">
        <v>11137</v>
      </c>
      <c r="C17976" t="s">
        <v>11134</v>
      </c>
      <c r="D17976" t="s">
        <v>11135</v>
      </c>
      <c r="E17976" t="s">
        <v>10982</v>
      </c>
      <c r="F17976" t="s">
        <v>10983</v>
      </c>
      <c r="G17976" t="s">
        <v>10734</v>
      </c>
      <c r="H17976" t="s">
        <v>10735</v>
      </c>
      <c r="I17976" s="2">
        <v>1</v>
      </c>
      <c r="J17976" s="2">
        <v>0</v>
      </c>
      <c r="K17976" s="2">
        <v>0</v>
      </c>
      <c r="L17976" t="s">
        <v>120</v>
      </c>
      <c r="M17976" t="s">
        <v>89</v>
      </c>
      <c r="N17976" t="s">
        <v>90</v>
      </c>
      <c r="O17976" t="s">
        <v>85</v>
      </c>
      <c r="P17976" t="s">
        <v>86</v>
      </c>
      <c r="Q17976">
        <v>6</v>
      </c>
      <c r="R17976">
        <v>6</v>
      </c>
      <c r="S17976">
        <v>6</v>
      </c>
      <c r="T17976">
        <v>7</v>
      </c>
      <c r="U17976">
        <v>7</v>
      </c>
      <c r="V17976">
        <v>7</v>
      </c>
      <c r="W17976">
        <v>7</v>
      </c>
      <c r="X17976">
        <v>7</v>
      </c>
      <c r="Y17976">
        <v>8</v>
      </c>
      <c r="Z17976">
        <v>8</v>
      </c>
      <c r="AA17976">
        <v>8</v>
      </c>
      <c r="AB17976">
        <v>8</v>
      </c>
      <c r="AC17976">
        <v>8</v>
      </c>
      <c r="AD17976">
        <v>8</v>
      </c>
      <c r="AE17976">
        <v>9</v>
      </c>
      <c r="AF17976">
        <v>9</v>
      </c>
      <c r="AG17976">
        <v>9</v>
      </c>
      <c r="AH17976">
        <v>9</v>
      </c>
      <c r="AI17976">
        <v>9</v>
      </c>
      <c r="AJ17976">
        <v>9</v>
      </c>
      <c r="AK17976">
        <v>9</v>
      </c>
      <c r="AL17976">
        <v>9</v>
      </c>
      <c r="AM17976">
        <v>9</v>
      </c>
      <c r="AN17976">
        <v>9</v>
      </c>
      <c r="AO17976">
        <v>10</v>
      </c>
      <c r="AP17976">
        <v>10</v>
      </c>
      <c r="AQ17976">
        <v>10</v>
      </c>
    </row>
    <row r="17977" spans="1:43">
      <c r="A17977" t="s">
        <v>11136</v>
      </c>
      <c r="B17977" t="s">
        <v>11137</v>
      </c>
      <c r="C17977" t="s">
        <v>11134</v>
      </c>
      <c r="D17977" t="s">
        <v>11135</v>
      </c>
      <c r="E17977" t="s">
        <v>10982</v>
      </c>
      <c r="F17977" t="s">
        <v>10983</v>
      </c>
      <c r="G17977" t="s">
        <v>10734</v>
      </c>
      <c r="H17977" t="s">
        <v>10735</v>
      </c>
      <c r="I17977" s="2">
        <v>1</v>
      </c>
      <c r="J17977" s="2">
        <v>0</v>
      </c>
      <c r="K17977" s="2">
        <v>0</v>
      </c>
      <c r="L17977" t="s">
        <v>120</v>
      </c>
      <c r="M17977" t="s">
        <v>83</v>
      </c>
      <c r="N17977" t="s">
        <v>91</v>
      </c>
      <c r="O17977" t="s">
        <v>85</v>
      </c>
      <c r="P17977" t="s">
        <v>86</v>
      </c>
      <c r="Q17977">
        <v>6</v>
      </c>
      <c r="R17977">
        <v>6</v>
      </c>
      <c r="S17977">
        <v>6</v>
      </c>
      <c r="T17977">
        <v>6</v>
      </c>
      <c r="U17977">
        <v>7</v>
      </c>
      <c r="V17977">
        <v>7</v>
      </c>
      <c r="W17977">
        <v>7</v>
      </c>
      <c r="X17977">
        <v>7</v>
      </c>
      <c r="Y17977">
        <v>7</v>
      </c>
      <c r="Z17977">
        <v>7</v>
      </c>
      <c r="AA17977">
        <v>7</v>
      </c>
      <c r="AB17977">
        <v>8</v>
      </c>
      <c r="AC17977">
        <v>8</v>
      </c>
      <c r="AD17977">
        <v>8</v>
      </c>
      <c r="AE17977">
        <v>8</v>
      </c>
      <c r="AF17977">
        <v>8</v>
      </c>
      <c r="AG17977">
        <v>8</v>
      </c>
      <c r="AH17977">
        <v>8</v>
      </c>
      <c r="AI17977">
        <v>9</v>
      </c>
      <c r="AJ17977">
        <v>9</v>
      </c>
      <c r="AK17977">
        <v>9</v>
      </c>
      <c r="AL17977">
        <v>9</v>
      </c>
      <c r="AM17977">
        <v>9</v>
      </c>
      <c r="AN17977">
        <v>9</v>
      </c>
      <c r="AO17977">
        <v>9</v>
      </c>
      <c r="AP17977">
        <v>10</v>
      </c>
      <c r="AQ17977">
        <v>10</v>
      </c>
    </row>
    <row r="17978" spans="1:43">
      <c r="A17978" t="s">
        <v>11138</v>
      </c>
      <c r="B17978" t="s">
        <v>11139</v>
      </c>
      <c r="C17978" t="s">
        <v>11134</v>
      </c>
      <c r="D17978" t="s">
        <v>11135</v>
      </c>
      <c r="E17978" t="s">
        <v>10982</v>
      </c>
      <c r="F17978" t="s">
        <v>10983</v>
      </c>
      <c r="G17978" t="s">
        <v>10734</v>
      </c>
      <c r="H17978" t="s">
        <v>10735</v>
      </c>
      <c r="I17978" s="2">
        <v>1</v>
      </c>
      <c r="J17978" s="2">
        <v>0</v>
      </c>
      <c r="K17978" s="2">
        <v>0</v>
      </c>
      <c r="L17978" t="s">
        <v>120</v>
      </c>
      <c r="M17978" t="s">
        <v>83</v>
      </c>
      <c r="N17978" t="s">
        <v>84</v>
      </c>
      <c r="O17978" t="s">
        <v>85</v>
      </c>
      <c r="P17978" t="s">
        <v>86</v>
      </c>
      <c r="Q17978">
        <v>10</v>
      </c>
      <c r="R17978">
        <v>10</v>
      </c>
      <c r="S17978">
        <v>10</v>
      </c>
      <c r="T17978">
        <v>11</v>
      </c>
      <c r="U17978">
        <v>11</v>
      </c>
      <c r="V17978">
        <v>11</v>
      </c>
      <c r="W17978">
        <v>11</v>
      </c>
      <c r="X17978">
        <v>12</v>
      </c>
      <c r="Y17978">
        <v>12</v>
      </c>
      <c r="Z17978">
        <v>12</v>
      </c>
      <c r="AA17978">
        <v>12</v>
      </c>
      <c r="AB17978">
        <v>13</v>
      </c>
      <c r="AC17978">
        <v>13</v>
      </c>
      <c r="AD17978">
        <v>13</v>
      </c>
      <c r="AE17978">
        <v>13</v>
      </c>
      <c r="AF17978">
        <v>14</v>
      </c>
      <c r="AG17978">
        <v>14</v>
      </c>
      <c r="AH17978">
        <v>14</v>
      </c>
      <c r="AI17978">
        <v>14</v>
      </c>
      <c r="AJ17978">
        <v>15</v>
      </c>
      <c r="AK17978">
        <v>15</v>
      </c>
      <c r="AL17978">
        <v>15</v>
      </c>
      <c r="AM17978">
        <v>15</v>
      </c>
      <c r="AN17978">
        <v>15</v>
      </c>
      <c r="AO17978">
        <v>16</v>
      </c>
      <c r="AP17978">
        <v>16</v>
      </c>
      <c r="AQ17978">
        <v>16</v>
      </c>
    </row>
    <row r="17979" spans="1:43">
      <c r="A17979" t="s">
        <v>11138</v>
      </c>
      <c r="B17979" t="s">
        <v>11139</v>
      </c>
      <c r="C17979" t="s">
        <v>11134</v>
      </c>
      <c r="D17979" t="s">
        <v>11135</v>
      </c>
      <c r="E17979" t="s">
        <v>10982</v>
      </c>
      <c r="F17979" t="s">
        <v>10983</v>
      </c>
      <c r="G17979" t="s">
        <v>10734</v>
      </c>
      <c r="H17979" t="s">
        <v>10735</v>
      </c>
      <c r="I17979" s="2">
        <v>1</v>
      </c>
      <c r="J17979" s="2">
        <v>0</v>
      </c>
      <c r="K17979" s="2">
        <v>0</v>
      </c>
      <c r="L17979" t="s">
        <v>120</v>
      </c>
      <c r="M17979" t="s">
        <v>87</v>
      </c>
      <c r="N17979" t="s">
        <v>88</v>
      </c>
      <c r="O17979" t="s">
        <v>85</v>
      </c>
      <c r="P17979" t="s">
        <v>86</v>
      </c>
      <c r="Q17979">
        <v>10</v>
      </c>
      <c r="R17979">
        <v>10</v>
      </c>
      <c r="S17979">
        <v>10</v>
      </c>
      <c r="T17979">
        <v>10</v>
      </c>
      <c r="U17979">
        <v>10</v>
      </c>
      <c r="V17979">
        <v>11</v>
      </c>
      <c r="W17979">
        <v>11</v>
      </c>
      <c r="X17979">
        <v>11</v>
      </c>
      <c r="Y17979">
        <v>11</v>
      </c>
      <c r="Z17979">
        <v>11</v>
      </c>
      <c r="AA17979">
        <v>11</v>
      </c>
      <c r="AB17979">
        <v>11</v>
      </c>
      <c r="AC17979">
        <v>12</v>
      </c>
      <c r="AD17979">
        <v>12</v>
      </c>
      <c r="AE17979">
        <v>12</v>
      </c>
      <c r="AF17979">
        <v>12</v>
      </c>
      <c r="AG17979">
        <v>12</v>
      </c>
      <c r="AH17979">
        <v>12</v>
      </c>
      <c r="AI17979">
        <v>12</v>
      </c>
      <c r="AJ17979">
        <v>13</v>
      </c>
      <c r="AK17979">
        <v>13</v>
      </c>
      <c r="AL17979">
        <v>13</v>
      </c>
      <c r="AM17979">
        <v>13</v>
      </c>
      <c r="AN17979">
        <v>13</v>
      </c>
      <c r="AO17979">
        <v>14</v>
      </c>
      <c r="AP17979">
        <v>14</v>
      </c>
      <c r="AQ17979">
        <v>14</v>
      </c>
    </row>
    <row r="17980" spans="1:43">
      <c r="A17980" t="s">
        <v>11138</v>
      </c>
      <c r="B17980" t="s">
        <v>11139</v>
      </c>
      <c r="C17980" t="s">
        <v>11134</v>
      </c>
      <c r="D17980" t="s">
        <v>11135</v>
      </c>
      <c r="E17980" t="s">
        <v>10982</v>
      </c>
      <c r="F17980" t="s">
        <v>10983</v>
      </c>
      <c r="G17980" t="s">
        <v>10734</v>
      </c>
      <c r="H17980" t="s">
        <v>10735</v>
      </c>
      <c r="I17980" s="2">
        <v>1</v>
      </c>
      <c r="J17980" s="2">
        <v>0</v>
      </c>
      <c r="K17980" s="2">
        <v>0</v>
      </c>
      <c r="L17980" t="s">
        <v>120</v>
      </c>
      <c r="M17980" t="s">
        <v>89</v>
      </c>
      <c r="N17980" t="s">
        <v>90</v>
      </c>
      <c r="O17980" t="s">
        <v>85</v>
      </c>
      <c r="P17980" t="s">
        <v>86</v>
      </c>
      <c r="Q17980">
        <v>10</v>
      </c>
      <c r="R17980">
        <v>10</v>
      </c>
      <c r="S17980">
        <v>11</v>
      </c>
      <c r="T17980">
        <v>11</v>
      </c>
      <c r="U17980">
        <v>11</v>
      </c>
      <c r="V17980">
        <v>12</v>
      </c>
      <c r="W17980">
        <v>12</v>
      </c>
      <c r="X17980">
        <v>12</v>
      </c>
      <c r="Y17980">
        <v>12</v>
      </c>
      <c r="Z17980">
        <v>13</v>
      </c>
      <c r="AA17980">
        <v>13</v>
      </c>
      <c r="AB17980">
        <v>13</v>
      </c>
      <c r="AC17980">
        <v>14</v>
      </c>
      <c r="AD17980">
        <v>14</v>
      </c>
      <c r="AE17980">
        <v>14</v>
      </c>
      <c r="AF17980">
        <v>14</v>
      </c>
      <c r="AG17980">
        <v>14</v>
      </c>
      <c r="AH17980">
        <v>15</v>
      </c>
      <c r="AI17980">
        <v>15</v>
      </c>
      <c r="AJ17980">
        <v>15</v>
      </c>
      <c r="AK17980">
        <v>15</v>
      </c>
      <c r="AL17980">
        <v>15</v>
      </c>
      <c r="AM17980">
        <v>15</v>
      </c>
      <c r="AN17980">
        <v>16</v>
      </c>
      <c r="AO17980">
        <v>16</v>
      </c>
      <c r="AP17980">
        <v>16</v>
      </c>
      <c r="AQ17980">
        <v>16</v>
      </c>
    </row>
    <row r="17981" spans="1:43">
      <c r="A17981" t="s">
        <v>11138</v>
      </c>
      <c r="B17981" t="s">
        <v>11139</v>
      </c>
      <c r="C17981" t="s">
        <v>11134</v>
      </c>
      <c r="D17981" t="s">
        <v>11135</v>
      </c>
      <c r="E17981" t="s">
        <v>10982</v>
      </c>
      <c r="F17981" t="s">
        <v>10983</v>
      </c>
      <c r="G17981" t="s">
        <v>10734</v>
      </c>
      <c r="H17981" t="s">
        <v>10735</v>
      </c>
      <c r="I17981" s="2">
        <v>1</v>
      </c>
      <c r="J17981" s="2">
        <v>0</v>
      </c>
      <c r="K17981" s="2">
        <v>0</v>
      </c>
      <c r="L17981" t="s">
        <v>120</v>
      </c>
      <c r="M17981" t="s">
        <v>83</v>
      </c>
      <c r="N17981" t="s">
        <v>91</v>
      </c>
      <c r="O17981" t="s">
        <v>85</v>
      </c>
      <c r="P17981" t="s">
        <v>86</v>
      </c>
      <c r="Q17981">
        <v>10</v>
      </c>
      <c r="R17981">
        <v>10</v>
      </c>
      <c r="S17981">
        <v>10</v>
      </c>
      <c r="T17981">
        <v>11</v>
      </c>
      <c r="U17981">
        <v>11</v>
      </c>
      <c r="V17981">
        <v>11</v>
      </c>
      <c r="W17981">
        <v>11</v>
      </c>
      <c r="X17981">
        <v>12</v>
      </c>
      <c r="Y17981">
        <v>12</v>
      </c>
      <c r="Z17981">
        <v>12</v>
      </c>
      <c r="AA17981">
        <v>12</v>
      </c>
      <c r="AB17981">
        <v>13</v>
      </c>
      <c r="AC17981">
        <v>13</v>
      </c>
      <c r="AD17981">
        <v>13</v>
      </c>
      <c r="AE17981">
        <v>13</v>
      </c>
      <c r="AF17981">
        <v>14</v>
      </c>
      <c r="AG17981">
        <v>14</v>
      </c>
      <c r="AH17981">
        <v>14</v>
      </c>
      <c r="AI17981">
        <v>14</v>
      </c>
      <c r="AJ17981">
        <v>15</v>
      </c>
      <c r="AK17981">
        <v>15</v>
      </c>
      <c r="AL17981">
        <v>15</v>
      </c>
      <c r="AM17981">
        <v>15</v>
      </c>
      <c r="AN17981">
        <v>15</v>
      </c>
      <c r="AO17981">
        <v>16</v>
      </c>
      <c r="AP17981">
        <v>16</v>
      </c>
      <c r="AQ17981">
        <v>16</v>
      </c>
    </row>
    <row r="17982" spans="1:43">
      <c r="A17982" t="s">
        <v>11140</v>
      </c>
      <c r="B17982" t="s">
        <v>11141</v>
      </c>
      <c r="C17982" t="s">
        <v>11042</v>
      </c>
      <c r="D17982" t="s">
        <v>11043</v>
      </c>
      <c r="E17982" t="s">
        <v>10982</v>
      </c>
      <c r="F17982" t="s">
        <v>10983</v>
      </c>
      <c r="G17982" t="s">
        <v>10734</v>
      </c>
      <c r="H17982" t="s">
        <v>10735</v>
      </c>
      <c r="I17982" s="2">
        <v>1</v>
      </c>
      <c r="J17982" s="2">
        <v>0</v>
      </c>
      <c r="K17982" s="2">
        <v>0</v>
      </c>
      <c r="L17982" t="s">
        <v>120</v>
      </c>
      <c r="M17982" t="s">
        <v>83</v>
      </c>
      <c r="N17982" t="s">
        <v>84</v>
      </c>
      <c r="O17982" t="s">
        <v>85</v>
      </c>
      <c r="P17982" t="s">
        <v>86</v>
      </c>
      <c r="Q17982">
        <v>19</v>
      </c>
      <c r="R17982">
        <v>19</v>
      </c>
      <c r="S17982">
        <v>20</v>
      </c>
      <c r="T17982">
        <v>20</v>
      </c>
      <c r="U17982">
        <v>21</v>
      </c>
      <c r="V17982">
        <v>21</v>
      </c>
      <c r="W17982">
        <v>22</v>
      </c>
      <c r="X17982">
        <v>22</v>
      </c>
      <c r="Y17982">
        <v>23</v>
      </c>
      <c r="Z17982">
        <v>23</v>
      </c>
      <c r="AA17982">
        <v>23</v>
      </c>
      <c r="AB17982">
        <v>24</v>
      </c>
      <c r="AC17982">
        <v>24</v>
      </c>
      <c r="AD17982">
        <v>25</v>
      </c>
      <c r="AE17982">
        <v>25</v>
      </c>
      <c r="AF17982">
        <v>26</v>
      </c>
      <c r="AG17982">
        <v>26</v>
      </c>
      <c r="AH17982">
        <v>27</v>
      </c>
      <c r="AI17982">
        <v>27</v>
      </c>
      <c r="AJ17982">
        <v>28</v>
      </c>
      <c r="AK17982">
        <v>28</v>
      </c>
      <c r="AL17982">
        <v>29</v>
      </c>
      <c r="AM17982">
        <v>29</v>
      </c>
      <c r="AN17982">
        <v>29</v>
      </c>
      <c r="AO17982">
        <v>30</v>
      </c>
      <c r="AP17982">
        <v>30</v>
      </c>
      <c r="AQ17982">
        <v>31</v>
      </c>
    </row>
    <row r="17983" spans="1:43">
      <c r="A17983" t="s">
        <v>11140</v>
      </c>
      <c r="B17983" t="s">
        <v>11141</v>
      </c>
      <c r="C17983" t="s">
        <v>11042</v>
      </c>
      <c r="D17983" t="s">
        <v>11043</v>
      </c>
      <c r="E17983" t="s">
        <v>10982</v>
      </c>
      <c r="F17983" t="s">
        <v>10983</v>
      </c>
      <c r="G17983" t="s">
        <v>10734</v>
      </c>
      <c r="H17983" t="s">
        <v>10735</v>
      </c>
      <c r="I17983" s="2">
        <v>1</v>
      </c>
      <c r="J17983" s="2">
        <v>0</v>
      </c>
      <c r="K17983" s="2">
        <v>0</v>
      </c>
      <c r="L17983" t="s">
        <v>120</v>
      </c>
      <c r="M17983" t="s">
        <v>87</v>
      </c>
      <c r="N17983" t="s">
        <v>88</v>
      </c>
      <c r="O17983" t="s">
        <v>85</v>
      </c>
      <c r="P17983" t="s">
        <v>86</v>
      </c>
      <c r="Q17983">
        <v>19</v>
      </c>
      <c r="R17983">
        <v>19</v>
      </c>
      <c r="S17983">
        <v>19</v>
      </c>
      <c r="T17983">
        <v>20</v>
      </c>
      <c r="U17983">
        <v>20</v>
      </c>
      <c r="V17983">
        <v>20</v>
      </c>
      <c r="W17983">
        <v>20</v>
      </c>
      <c r="X17983">
        <v>21</v>
      </c>
      <c r="Y17983">
        <v>21</v>
      </c>
      <c r="Z17983">
        <v>21</v>
      </c>
      <c r="AA17983">
        <v>21</v>
      </c>
      <c r="AB17983">
        <v>22</v>
      </c>
      <c r="AC17983">
        <v>22</v>
      </c>
      <c r="AD17983">
        <v>22</v>
      </c>
      <c r="AE17983">
        <v>23</v>
      </c>
      <c r="AF17983">
        <v>23</v>
      </c>
      <c r="AG17983">
        <v>23</v>
      </c>
      <c r="AH17983">
        <v>24</v>
      </c>
      <c r="AI17983">
        <v>24</v>
      </c>
      <c r="AJ17983">
        <v>24</v>
      </c>
      <c r="AK17983">
        <v>25</v>
      </c>
      <c r="AL17983">
        <v>25</v>
      </c>
      <c r="AM17983">
        <v>25</v>
      </c>
      <c r="AN17983">
        <v>26</v>
      </c>
      <c r="AO17983">
        <v>26</v>
      </c>
      <c r="AP17983">
        <v>26</v>
      </c>
      <c r="AQ17983">
        <v>27</v>
      </c>
    </row>
    <row r="17984" spans="1:43">
      <c r="A17984" t="s">
        <v>11140</v>
      </c>
      <c r="B17984" t="s">
        <v>11141</v>
      </c>
      <c r="C17984" t="s">
        <v>11042</v>
      </c>
      <c r="D17984" t="s">
        <v>11043</v>
      </c>
      <c r="E17984" t="s">
        <v>10982</v>
      </c>
      <c r="F17984" t="s">
        <v>10983</v>
      </c>
      <c r="G17984" t="s">
        <v>10734</v>
      </c>
      <c r="H17984" t="s">
        <v>10735</v>
      </c>
      <c r="I17984" s="2">
        <v>1</v>
      </c>
      <c r="J17984" s="2">
        <v>0</v>
      </c>
      <c r="K17984" s="2">
        <v>0</v>
      </c>
      <c r="L17984" t="s">
        <v>120</v>
      </c>
      <c r="M17984" t="s">
        <v>89</v>
      </c>
      <c r="N17984" t="s">
        <v>90</v>
      </c>
      <c r="O17984" t="s">
        <v>85</v>
      </c>
      <c r="P17984" t="s">
        <v>86</v>
      </c>
      <c r="Q17984">
        <v>19</v>
      </c>
      <c r="R17984">
        <v>20</v>
      </c>
      <c r="S17984">
        <v>20</v>
      </c>
      <c r="T17984">
        <v>21</v>
      </c>
      <c r="U17984">
        <v>22</v>
      </c>
      <c r="V17984">
        <v>22</v>
      </c>
      <c r="W17984">
        <v>23</v>
      </c>
      <c r="X17984">
        <v>23</v>
      </c>
      <c r="Y17984">
        <v>24</v>
      </c>
      <c r="Z17984">
        <v>24</v>
      </c>
      <c r="AA17984">
        <v>25</v>
      </c>
      <c r="AB17984">
        <v>25</v>
      </c>
      <c r="AC17984">
        <v>26</v>
      </c>
      <c r="AD17984">
        <v>27</v>
      </c>
      <c r="AE17984">
        <v>27</v>
      </c>
      <c r="AF17984">
        <v>27</v>
      </c>
      <c r="AG17984">
        <v>28</v>
      </c>
      <c r="AH17984">
        <v>28</v>
      </c>
      <c r="AI17984">
        <v>28</v>
      </c>
      <c r="AJ17984">
        <v>29</v>
      </c>
      <c r="AK17984">
        <v>29</v>
      </c>
      <c r="AL17984">
        <v>29</v>
      </c>
      <c r="AM17984">
        <v>30</v>
      </c>
      <c r="AN17984">
        <v>30</v>
      </c>
      <c r="AO17984">
        <v>30</v>
      </c>
      <c r="AP17984">
        <v>31</v>
      </c>
      <c r="AQ17984">
        <v>31</v>
      </c>
    </row>
    <row r="17985" spans="1:43">
      <c r="A17985" t="s">
        <v>11140</v>
      </c>
      <c r="B17985" t="s">
        <v>11141</v>
      </c>
      <c r="C17985" t="s">
        <v>11042</v>
      </c>
      <c r="D17985" t="s">
        <v>11043</v>
      </c>
      <c r="E17985" t="s">
        <v>10982</v>
      </c>
      <c r="F17985" t="s">
        <v>10983</v>
      </c>
      <c r="G17985" t="s">
        <v>10734</v>
      </c>
      <c r="H17985" t="s">
        <v>10735</v>
      </c>
      <c r="I17985" s="2">
        <v>1</v>
      </c>
      <c r="J17985" s="2">
        <v>0</v>
      </c>
      <c r="K17985" s="2">
        <v>0</v>
      </c>
      <c r="L17985" t="s">
        <v>120</v>
      </c>
      <c r="M17985" t="s">
        <v>83</v>
      </c>
      <c r="N17985" t="s">
        <v>91</v>
      </c>
      <c r="O17985" t="s">
        <v>85</v>
      </c>
      <c r="P17985" t="s">
        <v>86</v>
      </c>
      <c r="Q17985">
        <v>19</v>
      </c>
      <c r="R17985">
        <v>19</v>
      </c>
      <c r="S17985">
        <v>20</v>
      </c>
      <c r="T17985">
        <v>20</v>
      </c>
      <c r="U17985">
        <v>21</v>
      </c>
      <c r="V17985">
        <v>21</v>
      </c>
      <c r="W17985">
        <v>22</v>
      </c>
      <c r="X17985">
        <v>22</v>
      </c>
      <c r="Y17985">
        <v>23</v>
      </c>
      <c r="Z17985">
        <v>23</v>
      </c>
      <c r="AA17985">
        <v>23</v>
      </c>
      <c r="AB17985">
        <v>24</v>
      </c>
      <c r="AC17985">
        <v>24</v>
      </c>
      <c r="AD17985">
        <v>25</v>
      </c>
      <c r="AE17985">
        <v>25</v>
      </c>
      <c r="AF17985">
        <v>26</v>
      </c>
      <c r="AG17985">
        <v>26</v>
      </c>
      <c r="AH17985">
        <v>27</v>
      </c>
      <c r="AI17985">
        <v>27</v>
      </c>
      <c r="AJ17985">
        <v>28</v>
      </c>
      <c r="AK17985">
        <v>28</v>
      </c>
      <c r="AL17985">
        <v>29</v>
      </c>
      <c r="AM17985">
        <v>29</v>
      </c>
      <c r="AN17985">
        <v>29</v>
      </c>
      <c r="AO17985">
        <v>30</v>
      </c>
      <c r="AP17985">
        <v>30</v>
      </c>
      <c r="AQ17985">
        <v>31</v>
      </c>
    </row>
    <row r="17986" spans="1:43">
      <c r="A17986" t="s">
        <v>11142</v>
      </c>
      <c r="B17986" t="s">
        <v>11143</v>
      </c>
      <c r="C17986" t="s">
        <v>11042</v>
      </c>
      <c r="D17986" t="s">
        <v>11043</v>
      </c>
      <c r="E17986" t="s">
        <v>10982</v>
      </c>
      <c r="F17986" t="s">
        <v>10983</v>
      </c>
      <c r="G17986" t="s">
        <v>10734</v>
      </c>
      <c r="H17986" t="s">
        <v>10735</v>
      </c>
      <c r="I17986" s="2">
        <v>1</v>
      </c>
      <c r="J17986" s="2">
        <v>0</v>
      </c>
      <c r="K17986" s="2">
        <v>0</v>
      </c>
      <c r="L17986" t="s">
        <v>120</v>
      </c>
      <c r="M17986" t="s">
        <v>83</v>
      </c>
      <c r="N17986" t="s">
        <v>84</v>
      </c>
      <c r="O17986" t="s">
        <v>85</v>
      </c>
      <c r="P17986" t="s">
        <v>86</v>
      </c>
      <c r="Q17986">
        <v>14</v>
      </c>
      <c r="R17986">
        <v>15</v>
      </c>
      <c r="S17986">
        <v>15</v>
      </c>
      <c r="T17986">
        <v>15</v>
      </c>
      <c r="U17986">
        <v>16</v>
      </c>
      <c r="V17986">
        <v>16</v>
      </c>
      <c r="W17986">
        <v>16</v>
      </c>
      <c r="X17986">
        <v>17</v>
      </c>
      <c r="Y17986">
        <v>17</v>
      </c>
      <c r="Z17986">
        <v>18</v>
      </c>
      <c r="AA17986">
        <v>18</v>
      </c>
      <c r="AB17986">
        <v>18</v>
      </c>
      <c r="AC17986">
        <v>19</v>
      </c>
      <c r="AD17986">
        <v>19</v>
      </c>
      <c r="AE17986">
        <v>19</v>
      </c>
      <c r="AF17986">
        <v>20</v>
      </c>
      <c r="AG17986">
        <v>20</v>
      </c>
      <c r="AH17986">
        <v>20</v>
      </c>
      <c r="AI17986">
        <v>21</v>
      </c>
      <c r="AJ17986">
        <v>21</v>
      </c>
      <c r="AK17986">
        <v>22</v>
      </c>
      <c r="AL17986">
        <v>22</v>
      </c>
      <c r="AM17986">
        <v>22</v>
      </c>
      <c r="AN17986">
        <v>22</v>
      </c>
      <c r="AO17986">
        <v>23</v>
      </c>
      <c r="AP17986">
        <v>23</v>
      </c>
      <c r="AQ17986">
        <v>23</v>
      </c>
    </row>
    <row r="17987" spans="1:43">
      <c r="A17987" t="s">
        <v>11142</v>
      </c>
      <c r="B17987" t="s">
        <v>11143</v>
      </c>
      <c r="C17987" t="s">
        <v>11042</v>
      </c>
      <c r="D17987" t="s">
        <v>11043</v>
      </c>
      <c r="E17987" t="s">
        <v>10982</v>
      </c>
      <c r="F17987" t="s">
        <v>10983</v>
      </c>
      <c r="G17987" t="s">
        <v>10734</v>
      </c>
      <c r="H17987" t="s">
        <v>10735</v>
      </c>
      <c r="I17987" s="2">
        <v>1</v>
      </c>
      <c r="J17987" s="2">
        <v>0</v>
      </c>
      <c r="K17987" s="2">
        <v>0</v>
      </c>
      <c r="L17987" t="s">
        <v>120</v>
      </c>
      <c r="M17987" t="s">
        <v>87</v>
      </c>
      <c r="N17987" t="s">
        <v>88</v>
      </c>
      <c r="O17987" t="s">
        <v>85</v>
      </c>
      <c r="P17987" t="s">
        <v>86</v>
      </c>
      <c r="Q17987">
        <v>14</v>
      </c>
      <c r="R17987">
        <v>15</v>
      </c>
      <c r="S17987">
        <v>15</v>
      </c>
      <c r="T17987">
        <v>15</v>
      </c>
      <c r="U17987">
        <v>15</v>
      </c>
      <c r="V17987">
        <v>15</v>
      </c>
      <c r="W17987">
        <v>15</v>
      </c>
      <c r="X17987">
        <v>16</v>
      </c>
      <c r="Y17987">
        <v>16</v>
      </c>
      <c r="Z17987">
        <v>16</v>
      </c>
      <c r="AA17987">
        <v>16</v>
      </c>
      <c r="AB17987">
        <v>17</v>
      </c>
      <c r="AC17987">
        <v>17</v>
      </c>
      <c r="AD17987">
        <v>17</v>
      </c>
      <c r="AE17987">
        <v>17</v>
      </c>
      <c r="AF17987">
        <v>17</v>
      </c>
      <c r="AG17987">
        <v>18</v>
      </c>
      <c r="AH17987">
        <v>18</v>
      </c>
      <c r="AI17987">
        <v>18</v>
      </c>
      <c r="AJ17987">
        <v>18</v>
      </c>
      <c r="AK17987">
        <v>19</v>
      </c>
      <c r="AL17987">
        <v>19</v>
      </c>
      <c r="AM17987">
        <v>19</v>
      </c>
      <c r="AN17987">
        <v>19</v>
      </c>
      <c r="AO17987">
        <v>20</v>
      </c>
      <c r="AP17987">
        <v>20</v>
      </c>
      <c r="AQ17987">
        <v>20</v>
      </c>
    </row>
    <row r="17988" spans="1:43">
      <c r="A17988" t="s">
        <v>11142</v>
      </c>
      <c r="B17988" t="s">
        <v>11143</v>
      </c>
      <c r="C17988" t="s">
        <v>11042</v>
      </c>
      <c r="D17988" t="s">
        <v>11043</v>
      </c>
      <c r="E17988" t="s">
        <v>10982</v>
      </c>
      <c r="F17988" t="s">
        <v>10983</v>
      </c>
      <c r="G17988" t="s">
        <v>10734</v>
      </c>
      <c r="H17988" t="s">
        <v>10735</v>
      </c>
      <c r="I17988" s="2">
        <v>1</v>
      </c>
      <c r="J17988" s="2">
        <v>0</v>
      </c>
      <c r="K17988" s="2">
        <v>0</v>
      </c>
      <c r="L17988" t="s">
        <v>120</v>
      </c>
      <c r="M17988" t="s">
        <v>89</v>
      </c>
      <c r="N17988" t="s">
        <v>90</v>
      </c>
      <c r="O17988" t="s">
        <v>85</v>
      </c>
      <c r="P17988" t="s">
        <v>86</v>
      </c>
      <c r="Q17988">
        <v>14</v>
      </c>
      <c r="R17988">
        <v>14</v>
      </c>
      <c r="S17988">
        <v>15</v>
      </c>
      <c r="T17988">
        <v>15</v>
      </c>
      <c r="U17988">
        <v>15</v>
      </c>
      <c r="V17988">
        <v>16</v>
      </c>
      <c r="W17988">
        <v>16</v>
      </c>
      <c r="X17988">
        <v>17</v>
      </c>
      <c r="Y17988">
        <v>17</v>
      </c>
      <c r="Z17988">
        <v>18</v>
      </c>
      <c r="AA17988">
        <v>18</v>
      </c>
      <c r="AB17988">
        <v>18</v>
      </c>
      <c r="AC17988">
        <v>19</v>
      </c>
      <c r="AD17988">
        <v>19</v>
      </c>
      <c r="AE17988">
        <v>20</v>
      </c>
      <c r="AF17988">
        <v>20</v>
      </c>
      <c r="AG17988">
        <v>20</v>
      </c>
      <c r="AH17988">
        <v>20</v>
      </c>
      <c r="AI17988">
        <v>21</v>
      </c>
      <c r="AJ17988">
        <v>21</v>
      </c>
      <c r="AK17988">
        <v>21</v>
      </c>
      <c r="AL17988">
        <v>21</v>
      </c>
      <c r="AM17988">
        <v>22</v>
      </c>
      <c r="AN17988">
        <v>22</v>
      </c>
      <c r="AO17988">
        <v>22</v>
      </c>
      <c r="AP17988">
        <v>22</v>
      </c>
      <c r="AQ17988">
        <v>23</v>
      </c>
    </row>
    <row r="17989" spans="1:43">
      <c r="A17989" t="s">
        <v>11142</v>
      </c>
      <c r="B17989" t="s">
        <v>11143</v>
      </c>
      <c r="C17989" t="s">
        <v>11042</v>
      </c>
      <c r="D17989" t="s">
        <v>11043</v>
      </c>
      <c r="E17989" t="s">
        <v>10982</v>
      </c>
      <c r="F17989" t="s">
        <v>10983</v>
      </c>
      <c r="G17989" t="s">
        <v>10734</v>
      </c>
      <c r="H17989" t="s">
        <v>10735</v>
      </c>
      <c r="I17989" s="2">
        <v>1</v>
      </c>
      <c r="J17989" s="2">
        <v>0</v>
      </c>
      <c r="K17989" s="2">
        <v>0</v>
      </c>
      <c r="L17989" t="s">
        <v>120</v>
      </c>
      <c r="M17989" t="s">
        <v>83</v>
      </c>
      <c r="N17989" t="s">
        <v>91</v>
      </c>
      <c r="O17989" t="s">
        <v>85</v>
      </c>
      <c r="P17989" t="s">
        <v>86</v>
      </c>
      <c r="Q17989">
        <v>14</v>
      </c>
      <c r="R17989">
        <v>15</v>
      </c>
      <c r="S17989">
        <v>15</v>
      </c>
      <c r="T17989">
        <v>15</v>
      </c>
      <c r="U17989">
        <v>16</v>
      </c>
      <c r="V17989">
        <v>16</v>
      </c>
      <c r="W17989">
        <v>16</v>
      </c>
      <c r="X17989">
        <v>17</v>
      </c>
      <c r="Y17989">
        <v>17</v>
      </c>
      <c r="Z17989">
        <v>18</v>
      </c>
      <c r="AA17989">
        <v>18</v>
      </c>
      <c r="AB17989">
        <v>18</v>
      </c>
      <c r="AC17989">
        <v>19</v>
      </c>
      <c r="AD17989">
        <v>19</v>
      </c>
      <c r="AE17989">
        <v>19</v>
      </c>
      <c r="AF17989">
        <v>20</v>
      </c>
      <c r="AG17989">
        <v>20</v>
      </c>
      <c r="AH17989">
        <v>20</v>
      </c>
      <c r="AI17989">
        <v>21</v>
      </c>
      <c r="AJ17989">
        <v>21</v>
      </c>
      <c r="AK17989">
        <v>22</v>
      </c>
      <c r="AL17989">
        <v>22</v>
      </c>
      <c r="AM17989">
        <v>22</v>
      </c>
      <c r="AN17989">
        <v>22</v>
      </c>
      <c r="AO17989">
        <v>23</v>
      </c>
      <c r="AP17989">
        <v>23</v>
      </c>
      <c r="AQ17989">
        <v>23</v>
      </c>
    </row>
    <row r="17990" spans="1:43">
      <c r="A17990" t="s">
        <v>11144</v>
      </c>
      <c r="B17990" t="s">
        <v>11145</v>
      </c>
      <c r="C17990" t="s">
        <v>11146</v>
      </c>
      <c r="D17990" t="s">
        <v>11147</v>
      </c>
      <c r="E17990" t="s">
        <v>10982</v>
      </c>
      <c r="F17990" t="s">
        <v>10983</v>
      </c>
      <c r="G17990" t="s">
        <v>10734</v>
      </c>
      <c r="H17990" t="s">
        <v>10735</v>
      </c>
      <c r="I17990" s="2">
        <v>1</v>
      </c>
      <c r="J17990" s="2">
        <v>0</v>
      </c>
      <c r="K17990" s="2">
        <v>0</v>
      </c>
      <c r="L17990" t="s">
        <v>120</v>
      </c>
      <c r="M17990" t="s">
        <v>83</v>
      </c>
      <c r="N17990" t="s">
        <v>84</v>
      </c>
      <c r="O17990" t="s">
        <v>85</v>
      </c>
      <c r="P17990" t="s">
        <v>86</v>
      </c>
      <c r="Q17990">
        <v>58</v>
      </c>
      <c r="R17990">
        <v>60</v>
      </c>
      <c r="S17990">
        <v>61</v>
      </c>
      <c r="T17990">
        <v>62</v>
      </c>
      <c r="U17990">
        <v>64</v>
      </c>
      <c r="V17990">
        <v>65</v>
      </c>
      <c r="W17990">
        <v>66</v>
      </c>
      <c r="X17990">
        <v>68</v>
      </c>
      <c r="Y17990">
        <v>69</v>
      </c>
      <c r="Z17990">
        <v>70</v>
      </c>
      <c r="AA17990">
        <v>72</v>
      </c>
      <c r="AB17990">
        <v>73</v>
      </c>
      <c r="AC17990">
        <v>75</v>
      </c>
      <c r="AD17990">
        <v>76</v>
      </c>
      <c r="AE17990">
        <v>78</v>
      </c>
      <c r="AF17990">
        <v>79</v>
      </c>
      <c r="AG17990">
        <v>81</v>
      </c>
      <c r="AH17990">
        <v>82</v>
      </c>
      <c r="AI17990">
        <v>84</v>
      </c>
      <c r="AJ17990">
        <v>86</v>
      </c>
      <c r="AK17990">
        <v>87</v>
      </c>
      <c r="AL17990">
        <v>88</v>
      </c>
      <c r="AM17990">
        <v>89</v>
      </c>
      <c r="AN17990">
        <v>90</v>
      </c>
      <c r="AO17990">
        <v>91</v>
      </c>
      <c r="AP17990">
        <v>92</v>
      </c>
      <c r="AQ17990">
        <v>93</v>
      </c>
    </row>
    <row r="17991" spans="1:43">
      <c r="A17991" t="s">
        <v>11144</v>
      </c>
      <c r="B17991" t="s">
        <v>11145</v>
      </c>
      <c r="C17991" t="s">
        <v>11146</v>
      </c>
      <c r="D17991" t="s">
        <v>11147</v>
      </c>
      <c r="E17991" t="s">
        <v>10982</v>
      </c>
      <c r="F17991" t="s">
        <v>10983</v>
      </c>
      <c r="G17991" t="s">
        <v>10734</v>
      </c>
      <c r="H17991" t="s">
        <v>10735</v>
      </c>
      <c r="I17991" s="2">
        <v>1</v>
      </c>
      <c r="J17991" s="2">
        <v>0</v>
      </c>
      <c r="K17991" s="2">
        <v>0</v>
      </c>
      <c r="L17991" t="s">
        <v>120</v>
      </c>
      <c r="M17991" t="s">
        <v>87</v>
      </c>
      <c r="N17991" t="s">
        <v>88</v>
      </c>
      <c r="O17991" t="s">
        <v>85</v>
      </c>
      <c r="P17991" t="s">
        <v>86</v>
      </c>
      <c r="Q17991">
        <v>58</v>
      </c>
      <c r="R17991">
        <v>58</v>
      </c>
      <c r="S17991">
        <v>59</v>
      </c>
      <c r="T17991">
        <v>60</v>
      </c>
      <c r="U17991">
        <v>61</v>
      </c>
      <c r="V17991">
        <v>62</v>
      </c>
      <c r="W17991">
        <v>62</v>
      </c>
      <c r="X17991">
        <v>63</v>
      </c>
      <c r="Y17991">
        <v>64</v>
      </c>
      <c r="Z17991">
        <v>65</v>
      </c>
      <c r="AA17991">
        <v>66</v>
      </c>
      <c r="AB17991">
        <v>66</v>
      </c>
      <c r="AC17991">
        <v>67</v>
      </c>
      <c r="AD17991">
        <v>68</v>
      </c>
      <c r="AE17991">
        <v>69</v>
      </c>
      <c r="AF17991">
        <v>70</v>
      </c>
      <c r="AG17991">
        <v>71</v>
      </c>
      <c r="AH17991">
        <v>72</v>
      </c>
      <c r="AI17991">
        <v>73</v>
      </c>
      <c r="AJ17991">
        <v>74</v>
      </c>
      <c r="AK17991">
        <v>75</v>
      </c>
      <c r="AL17991">
        <v>76</v>
      </c>
      <c r="AM17991">
        <v>77</v>
      </c>
      <c r="AN17991">
        <v>78</v>
      </c>
      <c r="AO17991">
        <v>79</v>
      </c>
      <c r="AP17991">
        <v>80</v>
      </c>
      <c r="AQ17991">
        <v>81</v>
      </c>
    </row>
    <row r="17992" spans="1:43">
      <c r="A17992" t="s">
        <v>11144</v>
      </c>
      <c r="B17992" t="s">
        <v>11145</v>
      </c>
      <c r="C17992" t="s">
        <v>11146</v>
      </c>
      <c r="D17992" t="s">
        <v>11147</v>
      </c>
      <c r="E17992" t="s">
        <v>10982</v>
      </c>
      <c r="F17992" t="s">
        <v>10983</v>
      </c>
      <c r="G17992" t="s">
        <v>10734</v>
      </c>
      <c r="H17992" t="s">
        <v>10735</v>
      </c>
      <c r="I17992" s="2">
        <v>1</v>
      </c>
      <c r="J17992" s="2">
        <v>0</v>
      </c>
      <c r="K17992" s="2">
        <v>0</v>
      </c>
      <c r="L17992" t="s">
        <v>120</v>
      </c>
      <c r="M17992" t="s">
        <v>89</v>
      </c>
      <c r="N17992" t="s">
        <v>90</v>
      </c>
      <c r="O17992" t="s">
        <v>85</v>
      </c>
      <c r="P17992" t="s">
        <v>86</v>
      </c>
      <c r="Q17992">
        <v>58</v>
      </c>
      <c r="R17992">
        <v>60</v>
      </c>
      <c r="S17992">
        <v>61</v>
      </c>
      <c r="T17992">
        <v>63</v>
      </c>
      <c r="U17992">
        <v>65</v>
      </c>
      <c r="V17992">
        <v>67</v>
      </c>
      <c r="W17992">
        <v>69</v>
      </c>
      <c r="X17992">
        <v>70</v>
      </c>
      <c r="Y17992">
        <v>72</v>
      </c>
      <c r="Z17992">
        <v>74</v>
      </c>
      <c r="AA17992">
        <v>75</v>
      </c>
      <c r="AB17992">
        <v>77</v>
      </c>
      <c r="AC17992">
        <v>79</v>
      </c>
      <c r="AD17992">
        <v>81</v>
      </c>
      <c r="AE17992">
        <v>82</v>
      </c>
      <c r="AF17992">
        <v>83</v>
      </c>
      <c r="AG17992">
        <v>84</v>
      </c>
      <c r="AH17992">
        <v>85</v>
      </c>
      <c r="AI17992">
        <v>86</v>
      </c>
      <c r="AJ17992">
        <v>86</v>
      </c>
      <c r="AK17992">
        <v>87</v>
      </c>
      <c r="AL17992">
        <v>88</v>
      </c>
      <c r="AM17992">
        <v>89</v>
      </c>
      <c r="AN17992">
        <v>90</v>
      </c>
      <c r="AO17992">
        <v>91</v>
      </c>
      <c r="AP17992">
        <v>92</v>
      </c>
      <c r="AQ17992">
        <v>93</v>
      </c>
    </row>
    <row r="17993" spans="1:43">
      <c r="A17993" t="s">
        <v>11144</v>
      </c>
      <c r="B17993" t="s">
        <v>11145</v>
      </c>
      <c r="C17993" t="s">
        <v>11146</v>
      </c>
      <c r="D17993" t="s">
        <v>11147</v>
      </c>
      <c r="E17993" t="s">
        <v>10982</v>
      </c>
      <c r="F17993" t="s">
        <v>10983</v>
      </c>
      <c r="G17993" t="s">
        <v>10734</v>
      </c>
      <c r="H17993" t="s">
        <v>10735</v>
      </c>
      <c r="I17993" s="2">
        <v>1</v>
      </c>
      <c r="J17993" s="2">
        <v>0</v>
      </c>
      <c r="K17993" s="2">
        <v>0</v>
      </c>
      <c r="L17993" t="s">
        <v>120</v>
      </c>
      <c r="M17993" t="s">
        <v>83</v>
      </c>
      <c r="N17993" t="s">
        <v>91</v>
      </c>
      <c r="O17993" t="s">
        <v>85</v>
      </c>
      <c r="P17993" t="s">
        <v>86</v>
      </c>
      <c r="Q17993">
        <v>58</v>
      </c>
      <c r="R17993">
        <v>60</v>
      </c>
      <c r="S17993">
        <v>61</v>
      </c>
      <c r="T17993">
        <v>62</v>
      </c>
      <c r="U17993">
        <v>64</v>
      </c>
      <c r="V17993">
        <v>65</v>
      </c>
      <c r="W17993">
        <v>66</v>
      </c>
      <c r="X17993">
        <v>68</v>
      </c>
      <c r="Y17993">
        <v>69</v>
      </c>
      <c r="Z17993">
        <v>70</v>
      </c>
      <c r="AA17993">
        <v>72</v>
      </c>
      <c r="AB17993">
        <v>73</v>
      </c>
      <c r="AC17993">
        <v>75</v>
      </c>
      <c r="AD17993">
        <v>76</v>
      </c>
      <c r="AE17993">
        <v>78</v>
      </c>
      <c r="AF17993">
        <v>79</v>
      </c>
      <c r="AG17993">
        <v>81</v>
      </c>
      <c r="AH17993">
        <v>82</v>
      </c>
      <c r="AI17993">
        <v>84</v>
      </c>
      <c r="AJ17993">
        <v>86</v>
      </c>
      <c r="AK17993">
        <v>87</v>
      </c>
      <c r="AL17993">
        <v>88</v>
      </c>
      <c r="AM17993">
        <v>89</v>
      </c>
      <c r="AN17993">
        <v>90</v>
      </c>
      <c r="AO17993">
        <v>91</v>
      </c>
      <c r="AP17993">
        <v>92</v>
      </c>
      <c r="AQ17993">
        <v>93</v>
      </c>
    </row>
    <row r="17994" spans="1:43">
      <c r="A17994" t="s">
        <v>11148</v>
      </c>
      <c r="B17994" t="s">
        <v>11149</v>
      </c>
      <c r="C17994" t="s">
        <v>11134</v>
      </c>
      <c r="D17994" t="s">
        <v>11135</v>
      </c>
      <c r="E17994" t="s">
        <v>10982</v>
      </c>
      <c r="F17994" t="s">
        <v>10983</v>
      </c>
      <c r="G17994" t="s">
        <v>10734</v>
      </c>
      <c r="H17994" t="s">
        <v>10735</v>
      </c>
      <c r="I17994" s="2">
        <v>1</v>
      </c>
      <c r="J17994" s="2">
        <v>0</v>
      </c>
      <c r="K17994" s="2">
        <v>0</v>
      </c>
      <c r="L17994" t="s">
        <v>120</v>
      </c>
      <c r="M17994" t="s">
        <v>83</v>
      </c>
      <c r="N17994" t="s">
        <v>84</v>
      </c>
      <c r="O17994" t="s">
        <v>85</v>
      </c>
      <c r="P17994" t="s">
        <v>86</v>
      </c>
      <c r="Q17994">
        <v>14</v>
      </c>
      <c r="R17994">
        <v>15</v>
      </c>
      <c r="S17994">
        <v>15</v>
      </c>
      <c r="T17994">
        <v>15</v>
      </c>
      <c r="U17994">
        <v>16</v>
      </c>
      <c r="V17994">
        <v>16</v>
      </c>
      <c r="W17994">
        <v>16</v>
      </c>
      <c r="X17994">
        <v>17</v>
      </c>
      <c r="Y17994">
        <v>17</v>
      </c>
      <c r="Z17994">
        <v>17</v>
      </c>
      <c r="AA17994">
        <v>18</v>
      </c>
      <c r="AB17994">
        <v>18</v>
      </c>
      <c r="AC17994">
        <v>18</v>
      </c>
      <c r="AD17994">
        <v>19</v>
      </c>
      <c r="AE17994">
        <v>19</v>
      </c>
      <c r="AF17994">
        <v>19</v>
      </c>
      <c r="AG17994">
        <v>20</v>
      </c>
      <c r="AH17994">
        <v>20</v>
      </c>
      <c r="AI17994">
        <v>21</v>
      </c>
      <c r="AJ17994">
        <v>21</v>
      </c>
      <c r="AK17994">
        <v>21</v>
      </c>
      <c r="AL17994">
        <v>22</v>
      </c>
      <c r="AM17994">
        <v>22</v>
      </c>
      <c r="AN17994">
        <v>22</v>
      </c>
      <c r="AO17994">
        <v>22</v>
      </c>
      <c r="AP17994">
        <v>23</v>
      </c>
      <c r="AQ17994">
        <v>23</v>
      </c>
    </row>
    <row r="17995" spans="1:43">
      <c r="A17995" t="s">
        <v>11148</v>
      </c>
      <c r="B17995" t="s">
        <v>11149</v>
      </c>
      <c r="C17995" t="s">
        <v>11134</v>
      </c>
      <c r="D17995" t="s">
        <v>11135</v>
      </c>
      <c r="E17995" t="s">
        <v>10982</v>
      </c>
      <c r="F17995" t="s">
        <v>10983</v>
      </c>
      <c r="G17995" t="s">
        <v>10734</v>
      </c>
      <c r="H17995" t="s">
        <v>10735</v>
      </c>
      <c r="I17995" s="2">
        <v>1</v>
      </c>
      <c r="J17995" s="2">
        <v>0</v>
      </c>
      <c r="K17995" s="2">
        <v>0</v>
      </c>
      <c r="L17995" t="s">
        <v>120</v>
      </c>
      <c r="M17995" t="s">
        <v>87</v>
      </c>
      <c r="N17995" t="s">
        <v>88</v>
      </c>
      <c r="O17995" t="s">
        <v>85</v>
      </c>
      <c r="P17995" t="s">
        <v>86</v>
      </c>
      <c r="Q17995">
        <v>14</v>
      </c>
      <c r="R17995">
        <v>14</v>
      </c>
      <c r="S17995">
        <v>15</v>
      </c>
      <c r="T17995">
        <v>15</v>
      </c>
      <c r="U17995">
        <v>15</v>
      </c>
      <c r="V17995">
        <v>15</v>
      </c>
      <c r="W17995">
        <v>15</v>
      </c>
      <c r="X17995">
        <v>15</v>
      </c>
      <c r="Y17995">
        <v>16</v>
      </c>
      <c r="Z17995">
        <v>16</v>
      </c>
      <c r="AA17995">
        <v>16</v>
      </c>
      <c r="AB17995">
        <v>16</v>
      </c>
      <c r="AC17995">
        <v>16</v>
      </c>
      <c r="AD17995">
        <v>17</v>
      </c>
      <c r="AE17995">
        <v>17</v>
      </c>
      <c r="AF17995">
        <v>17</v>
      </c>
      <c r="AG17995">
        <v>17</v>
      </c>
      <c r="AH17995">
        <v>18</v>
      </c>
      <c r="AI17995">
        <v>18</v>
      </c>
      <c r="AJ17995">
        <v>18</v>
      </c>
      <c r="AK17995">
        <v>18</v>
      </c>
      <c r="AL17995">
        <v>19</v>
      </c>
      <c r="AM17995">
        <v>19</v>
      </c>
      <c r="AN17995">
        <v>19</v>
      </c>
      <c r="AO17995">
        <v>19</v>
      </c>
      <c r="AP17995">
        <v>20</v>
      </c>
      <c r="AQ17995">
        <v>20</v>
      </c>
    </row>
    <row r="17996" spans="1:43">
      <c r="A17996" t="s">
        <v>11148</v>
      </c>
      <c r="B17996" t="s">
        <v>11149</v>
      </c>
      <c r="C17996" t="s">
        <v>11134</v>
      </c>
      <c r="D17996" t="s">
        <v>11135</v>
      </c>
      <c r="E17996" t="s">
        <v>10982</v>
      </c>
      <c r="F17996" t="s">
        <v>10983</v>
      </c>
      <c r="G17996" t="s">
        <v>10734</v>
      </c>
      <c r="H17996" t="s">
        <v>10735</v>
      </c>
      <c r="I17996" s="2">
        <v>1</v>
      </c>
      <c r="J17996" s="2">
        <v>0</v>
      </c>
      <c r="K17996" s="2">
        <v>0</v>
      </c>
      <c r="L17996" t="s">
        <v>120</v>
      </c>
      <c r="M17996" t="s">
        <v>89</v>
      </c>
      <c r="N17996" t="s">
        <v>90</v>
      </c>
      <c r="O17996" t="s">
        <v>85</v>
      </c>
      <c r="P17996" t="s">
        <v>86</v>
      </c>
      <c r="Q17996">
        <v>14</v>
      </c>
      <c r="R17996">
        <v>15</v>
      </c>
      <c r="S17996">
        <v>15</v>
      </c>
      <c r="T17996">
        <v>16</v>
      </c>
      <c r="U17996">
        <v>16</v>
      </c>
      <c r="V17996">
        <v>17</v>
      </c>
      <c r="W17996">
        <v>17</v>
      </c>
      <c r="X17996">
        <v>17</v>
      </c>
      <c r="Y17996">
        <v>18</v>
      </c>
      <c r="Z17996">
        <v>18</v>
      </c>
      <c r="AA17996">
        <v>19</v>
      </c>
      <c r="AB17996">
        <v>19</v>
      </c>
      <c r="AC17996">
        <v>20</v>
      </c>
      <c r="AD17996">
        <v>20</v>
      </c>
      <c r="AE17996">
        <v>20</v>
      </c>
      <c r="AF17996">
        <v>21</v>
      </c>
      <c r="AG17996">
        <v>21</v>
      </c>
      <c r="AH17996">
        <v>21</v>
      </c>
      <c r="AI17996">
        <v>21</v>
      </c>
      <c r="AJ17996">
        <v>21</v>
      </c>
      <c r="AK17996">
        <v>22</v>
      </c>
      <c r="AL17996">
        <v>22</v>
      </c>
      <c r="AM17996">
        <v>22</v>
      </c>
      <c r="AN17996">
        <v>22</v>
      </c>
      <c r="AO17996">
        <v>23</v>
      </c>
      <c r="AP17996">
        <v>23</v>
      </c>
      <c r="AQ17996">
        <v>23</v>
      </c>
    </row>
    <row r="17997" spans="1:43">
      <c r="A17997" t="s">
        <v>11148</v>
      </c>
      <c r="B17997" t="s">
        <v>11149</v>
      </c>
      <c r="C17997" t="s">
        <v>11134</v>
      </c>
      <c r="D17997" t="s">
        <v>11135</v>
      </c>
      <c r="E17997" t="s">
        <v>10982</v>
      </c>
      <c r="F17997" t="s">
        <v>10983</v>
      </c>
      <c r="G17997" t="s">
        <v>10734</v>
      </c>
      <c r="H17997" t="s">
        <v>10735</v>
      </c>
      <c r="I17997" s="2">
        <v>1</v>
      </c>
      <c r="J17997" s="2">
        <v>0</v>
      </c>
      <c r="K17997" s="2">
        <v>0</v>
      </c>
      <c r="L17997" t="s">
        <v>120</v>
      </c>
      <c r="M17997" t="s">
        <v>83</v>
      </c>
      <c r="N17997" t="s">
        <v>91</v>
      </c>
      <c r="O17997" t="s">
        <v>85</v>
      </c>
      <c r="P17997" t="s">
        <v>86</v>
      </c>
      <c r="Q17997">
        <v>14</v>
      </c>
      <c r="R17997">
        <v>15</v>
      </c>
      <c r="S17997">
        <v>15</v>
      </c>
      <c r="T17997">
        <v>15</v>
      </c>
      <c r="U17997">
        <v>16</v>
      </c>
      <c r="V17997">
        <v>16</v>
      </c>
      <c r="W17997">
        <v>16</v>
      </c>
      <c r="X17997">
        <v>17</v>
      </c>
      <c r="Y17997">
        <v>17</v>
      </c>
      <c r="Z17997">
        <v>17</v>
      </c>
      <c r="AA17997">
        <v>18</v>
      </c>
      <c r="AB17997">
        <v>18</v>
      </c>
      <c r="AC17997">
        <v>18</v>
      </c>
      <c r="AD17997">
        <v>19</v>
      </c>
      <c r="AE17997">
        <v>19</v>
      </c>
      <c r="AF17997">
        <v>19</v>
      </c>
      <c r="AG17997">
        <v>20</v>
      </c>
      <c r="AH17997">
        <v>20</v>
      </c>
      <c r="AI17997">
        <v>21</v>
      </c>
      <c r="AJ17997">
        <v>21</v>
      </c>
      <c r="AK17997">
        <v>21</v>
      </c>
      <c r="AL17997">
        <v>22</v>
      </c>
      <c r="AM17997">
        <v>22</v>
      </c>
      <c r="AN17997">
        <v>22</v>
      </c>
      <c r="AO17997">
        <v>22</v>
      </c>
      <c r="AP17997">
        <v>23</v>
      </c>
      <c r="AQ17997">
        <v>23</v>
      </c>
    </row>
    <row r="17998" spans="1:43">
      <c r="A17998" t="s">
        <v>11150</v>
      </c>
      <c r="B17998" t="s">
        <v>11151</v>
      </c>
      <c r="C17998" t="s">
        <v>11146</v>
      </c>
      <c r="D17998" t="s">
        <v>11147</v>
      </c>
      <c r="E17998" t="s">
        <v>10982</v>
      </c>
      <c r="F17998" t="s">
        <v>10983</v>
      </c>
      <c r="G17998" t="s">
        <v>10734</v>
      </c>
      <c r="H17998" t="s">
        <v>10735</v>
      </c>
      <c r="I17998" s="2">
        <v>1</v>
      </c>
      <c r="J17998" s="2">
        <v>0</v>
      </c>
      <c r="K17998" s="2">
        <v>0</v>
      </c>
      <c r="L17998" t="s">
        <v>120</v>
      </c>
      <c r="M17998" t="s">
        <v>83</v>
      </c>
      <c r="N17998" t="s">
        <v>84</v>
      </c>
      <c r="O17998" t="s">
        <v>85</v>
      </c>
      <c r="P17998" t="s">
        <v>86</v>
      </c>
      <c r="Q17998">
        <v>13</v>
      </c>
      <c r="R17998">
        <v>13</v>
      </c>
      <c r="S17998">
        <v>13</v>
      </c>
      <c r="T17998">
        <v>14</v>
      </c>
      <c r="U17998">
        <v>14</v>
      </c>
      <c r="V17998">
        <v>14</v>
      </c>
      <c r="W17998">
        <v>15</v>
      </c>
      <c r="X17998">
        <v>15</v>
      </c>
      <c r="Y17998">
        <v>15</v>
      </c>
      <c r="Z17998">
        <v>16</v>
      </c>
      <c r="AA17998">
        <v>16</v>
      </c>
      <c r="AB17998">
        <v>16</v>
      </c>
      <c r="AC17998">
        <v>16</v>
      </c>
      <c r="AD17998">
        <v>17</v>
      </c>
      <c r="AE17998">
        <v>17</v>
      </c>
      <c r="AF17998">
        <v>17</v>
      </c>
      <c r="AG17998">
        <v>18</v>
      </c>
      <c r="AH17998">
        <v>18</v>
      </c>
      <c r="AI17998">
        <v>18</v>
      </c>
      <c r="AJ17998">
        <v>19</v>
      </c>
      <c r="AK17998">
        <v>19</v>
      </c>
      <c r="AL17998">
        <v>19</v>
      </c>
      <c r="AM17998">
        <v>20</v>
      </c>
      <c r="AN17998">
        <v>20</v>
      </c>
      <c r="AO17998">
        <v>20</v>
      </c>
      <c r="AP17998">
        <v>20</v>
      </c>
      <c r="AQ17998">
        <v>21</v>
      </c>
    </row>
    <row r="17999" spans="1:43">
      <c r="A17999" t="s">
        <v>11150</v>
      </c>
      <c r="B17999" t="s">
        <v>11151</v>
      </c>
      <c r="C17999" t="s">
        <v>11146</v>
      </c>
      <c r="D17999" t="s">
        <v>11147</v>
      </c>
      <c r="E17999" t="s">
        <v>10982</v>
      </c>
      <c r="F17999" t="s">
        <v>10983</v>
      </c>
      <c r="G17999" t="s">
        <v>10734</v>
      </c>
      <c r="H17999" t="s">
        <v>10735</v>
      </c>
      <c r="I17999" s="2">
        <v>1</v>
      </c>
      <c r="J17999" s="2">
        <v>0</v>
      </c>
      <c r="K17999" s="2">
        <v>0</v>
      </c>
      <c r="L17999" t="s">
        <v>120</v>
      </c>
      <c r="M17999" t="s">
        <v>87</v>
      </c>
      <c r="N17999" t="s">
        <v>88</v>
      </c>
      <c r="O17999" t="s">
        <v>85</v>
      </c>
      <c r="P17999" t="s">
        <v>86</v>
      </c>
      <c r="Q17999">
        <v>13</v>
      </c>
      <c r="R17999">
        <v>13</v>
      </c>
      <c r="S17999">
        <v>13</v>
      </c>
      <c r="T17999">
        <v>13</v>
      </c>
      <c r="U17999">
        <v>13</v>
      </c>
      <c r="V17999">
        <v>14</v>
      </c>
      <c r="W17999">
        <v>14</v>
      </c>
      <c r="X17999">
        <v>14</v>
      </c>
      <c r="Y17999">
        <v>14</v>
      </c>
      <c r="Z17999">
        <v>14</v>
      </c>
      <c r="AA17999">
        <v>14</v>
      </c>
      <c r="AB17999">
        <v>15</v>
      </c>
      <c r="AC17999">
        <v>15</v>
      </c>
      <c r="AD17999">
        <v>15</v>
      </c>
      <c r="AE17999">
        <v>15</v>
      </c>
      <c r="AF17999">
        <v>15</v>
      </c>
      <c r="AG17999">
        <v>16</v>
      </c>
      <c r="AH17999">
        <v>16</v>
      </c>
      <c r="AI17999">
        <v>16</v>
      </c>
      <c r="AJ17999">
        <v>16</v>
      </c>
      <c r="AK17999">
        <v>16</v>
      </c>
      <c r="AL17999">
        <v>17</v>
      </c>
      <c r="AM17999">
        <v>17</v>
      </c>
      <c r="AN17999">
        <v>17</v>
      </c>
      <c r="AO17999">
        <v>17</v>
      </c>
      <c r="AP17999">
        <v>18</v>
      </c>
      <c r="AQ17999">
        <v>18</v>
      </c>
    </row>
    <row r="18000" spans="1:43">
      <c r="A18000" t="s">
        <v>11150</v>
      </c>
      <c r="B18000" t="s">
        <v>11151</v>
      </c>
      <c r="C18000" t="s">
        <v>11146</v>
      </c>
      <c r="D18000" t="s">
        <v>11147</v>
      </c>
      <c r="E18000" t="s">
        <v>10982</v>
      </c>
      <c r="F18000" t="s">
        <v>10983</v>
      </c>
      <c r="G18000" t="s">
        <v>10734</v>
      </c>
      <c r="H18000" t="s">
        <v>10735</v>
      </c>
      <c r="I18000" s="2">
        <v>1</v>
      </c>
      <c r="J18000" s="2">
        <v>0</v>
      </c>
      <c r="K18000" s="2">
        <v>0</v>
      </c>
      <c r="L18000" t="s">
        <v>120</v>
      </c>
      <c r="M18000" t="s">
        <v>89</v>
      </c>
      <c r="N18000" t="s">
        <v>90</v>
      </c>
      <c r="O18000" t="s">
        <v>85</v>
      </c>
      <c r="P18000" t="s">
        <v>86</v>
      </c>
      <c r="Q18000">
        <v>13</v>
      </c>
      <c r="R18000">
        <v>13</v>
      </c>
      <c r="S18000">
        <v>14</v>
      </c>
      <c r="T18000">
        <v>14</v>
      </c>
      <c r="U18000">
        <v>15</v>
      </c>
      <c r="V18000">
        <v>15</v>
      </c>
      <c r="W18000">
        <v>15</v>
      </c>
      <c r="X18000">
        <v>16</v>
      </c>
      <c r="Y18000">
        <v>16</v>
      </c>
      <c r="Z18000">
        <v>16</v>
      </c>
      <c r="AA18000">
        <v>17</v>
      </c>
      <c r="AB18000">
        <v>17</v>
      </c>
      <c r="AC18000">
        <v>18</v>
      </c>
      <c r="AD18000">
        <v>18</v>
      </c>
      <c r="AE18000">
        <v>18</v>
      </c>
      <c r="AF18000">
        <v>18</v>
      </c>
      <c r="AG18000">
        <v>19</v>
      </c>
      <c r="AH18000">
        <v>19</v>
      </c>
      <c r="AI18000">
        <v>19</v>
      </c>
      <c r="AJ18000">
        <v>19</v>
      </c>
      <c r="AK18000">
        <v>19</v>
      </c>
      <c r="AL18000">
        <v>20</v>
      </c>
      <c r="AM18000">
        <v>20</v>
      </c>
      <c r="AN18000">
        <v>20</v>
      </c>
      <c r="AO18000">
        <v>20</v>
      </c>
      <c r="AP18000">
        <v>21</v>
      </c>
      <c r="AQ18000">
        <v>21</v>
      </c>
    </row>
    <row r="18001" spans="1:43">
      <c r="A18001" t="s">
        <v>11150</v>
      </c>
      <c r="B18001" t="s">
        <v>11151</v>
      </c>
      <c r="C18001" t="s">
        <v>11146</v>
      </c>
      <c r="D18001" t="s">
        <v>11147</v>
      </c>
      <c r="E18001" t="s">
        <v>10982</v>
      </c>
      <c r="F18001" t="s">
        <v>10983</v>
      </c>
      <c r="G18001" t="s">
        <v>10734</v>
      </c>
      <c r="H18001" t="s">
        <v>10735</v>
      </c>
      <c r="I18001" s="2">
        <v>1</v>
      </c>
      <c r="J18001" s="2">
        <v>0</v>
      </c>
      <c r="K18001" s="2">
        <v>0</v>
      </c>
      <c r="L18001" t="s">
        <v>120</v>
      </c>
      <c r="M18001" t="s">
        <v>83</v>
      </c>
      <c r="N18001" t="s">
        <v>91</v>
      </c>
      <c r="O18001" t="s">
        <v>85</v>
      </c>
      <c r="P18001" t="s">
        <v>86</v>
      </c>
      <c r="Q18001">
        <v>13</v>
      </c>
      <c r="R18001">
        <v>13</v>
      </c>
      <c r="S18001">
        <v>13</v>
      </c>
      <c r="T18001">
        <v>14</v>
      </c>
      <c r="U18001">
        <v>14</v>
      </c>
      <c r="V18001">
        <v>14</v>
      </c>
      <c r="W18001">
        <v>15</v>
      </c>
      <c r="X18001">
        <v>15</v>
      </c>
      <c r="Y18001">
        <v>15</v>
      </c>
      <c r="Z18001">
        <v>16</v>
      </c>
      <c r="AA18001">
        <v>16</v>
      </c>
      <c r="AB18001">
        <v>16</v>
      </c>
      <c r="AC18001">
        <v>16</v>
      </c>
      <c r="AD18001">
        <v>17</v>
      </c>
      <c r="AE18001">
        <v>17</v>
      </c>
      <c r="AF18001">
        <v>17</v>
      </c>
      <c r="AG18001">
        <v>18</v>
      </c>
      <c r="AH18001">
        <v>18</v>
      </c>
      <c r="AI18001">
        <v>18</v>
      </c>
      <c r="AJ18001">
        <v>19</v>
      </c>
      <c r="AK18001">
        <v>19</v>
      </c>
      <c r="AL18001">
        <v>19</v>
      </c>
      <c r="AM18001">
        <v>20</v>
      </c>
      <c r="AN18001">
        <v>20</v>
      </c>
      <c r="AO18001">
        <v>20</v>
      </c>
      <c r="AP18001">
        <v>20</v>
      </c>
      <c r="AQ18001">
        <v>21</v>
      </c>
    </row>
    <row r="18002" spans="1:43">
      <c r="A18002" t="s">
        <v>11152</v>
      </c>
      <c r="B18002" t="s">
        <v>11153</v>
      </c>
      <c r="C18002" t="s">
        <v>11146</v>
      </c>
      <c r="D18002" t="s">
        <v>11147</v>
      </c>
      <c r="E18002" t="s">
        <v>10982</v>
      </c>
      <c r="F18002" t="s">
        <v>10983</v>
      </c>
      <c r="G18002" t="s">
        <v>10734</v>
      </c>
      <c r="H18002" t="s">
        <v>10735</v>
      </c>
      <c r="I18002" s="2">
        <v>1</v>
      </c>
      <c r="J18002" s="2">
        <v>0</v>
      </c>
      <c r="K18002" s="2">
        <v>0</v>
      </c>
      <c r="L18002" t="s">
        <v>120</v>
      </c>
      <c r="M18002" t="s">
        <v>83</v>
      </c>
      <c r="N18002" t="s">
        <v>84</v>
      </c>
      <c r="O18002" t="s">
        <v>85</v>
      </c>
      <c r="P18002" t="s">
        <v>86</v>
      </c>
      <c r="Q18002">
        <v>51</v>
      </c>
      <c r="R18002">
        <v>52</v>
      </c>
      <c r="S18002">
        <v>53</v>
      </c>
      <c r="T18002">
        <v>54</v>
      </c>
      <c r="U18002">
        <v>55</v>
      </c>
      <c r="V18002">
        <v>57</v>
      </c>
      <c r="W18002">
        <v>58</v>
      </c>
      <c r="X18002">
        <v>59</v>
      </c>
      <c r="Y18002">
        <v>60</v>
      </c>
      <c r="Z18002">
        <v>61</v>
      </c>
      <c r="AA18002">
        <v>63</v>
      </c>
      <c r="AB18002">
        <v>64</v>
      </c>
      <c r="AC18002">
        <v>65</v>
      </c>
      <c r="AD18002">
        <v>66</v>
      </c>
      <c r="AE18002">
        <v>68</v>
      </c>
      <c r="AF18002">
        <v>69</v>
      </c>
      <c r="AG18002">
        <v>70</v>
      </c>
      <c r="AH18002">
        <v>72</v>
      </c>
      <c r="AI18002">
        <v>73</v>
      </c>
      <c r="AJ18002">
        <v>75</v>
      </c>
      <c r="AK18002">
        <v>76</v>
      </c>
      <c r="AL18002">
        <v>77</v>
      </c>
      <c r="AM18002">
        <v>78</v>
      </c>
      <c r="AN18002">
        <v>79</v>
      </c>
      <c r="AO18002">
        <v>79</v>
      </c>
      <c r="AP18002">
        <v>80</v>
      </c>
      <c r="AQ18002">
        <v>81</v>
      </c>
    </row>
    <row r="18003" spans="1:43">
      <c r="A18003" t="s">
        <v>11152</v>
      </c>
      <c r="B18003" t="s">
        <v>11153</v>
      </c>
      <c r="C18003" t="s">
        <v>11146</v>
      </c>
      <c r="D18003" t="s">
        <v>11147</v>
      </c>
      <c r="E18003" t="s">
        <v>10982</v>
      </c>
      <c r="F18003" t="s">
        <v>10983</v>
      </c>
      <c r="G18003" t="s">
        <v>10734</v>
      </c>
      <c r="H18003" t="s">
        <v>10735</v>
      </c>
      <c r="I18003" s="2">
        <v>1</v>
      </c>
      <c r="J18003" s="2">
        <v>0</v>
      </c>
      <c r="K18003" s="2">
        <v>0</v>
      </c>
      <c r="L18003" t="s">
        <v>120</v>
      </c>
      <c r="M18003" t="s">
        <v>87</v>
      </c>
      <c r="N18003" t="s">
        <v>88</v>
      </c>
      <c r="O18003" t="s">
        <v>85</v>
      </c>
      <c r="P18003" t="s">
        <v>86</v>
      </c>
      <c r="Q18003">
        <v>51</v>
      </c>
      <c r="R18003">
        <v>52</v>
      </c>
      <c r="S18003">
        <v>53</v>
      </c>
      <c r="T18003">
        <v>53</v>
      </c>
      <c r="U18003">
        <v>54</v>
      </c>
      <c r="V18003">
        <v>55</v>
      </c>
      <c r="W18003">
        <v>55</v>
      </c>
      <c r="X18003">
        <v>56</v>
      </c>
      <c r="Y18003">
        <v>57</v>
      </c>
      <c r="Z18003">
        <v>57</v>
      </c>
      <c r="AA18003">
        <v>58</v>
      </c>
      <c r="AB18003">
        <v>59</v>
      </c>
      <c r="AC18003">
        <v>60</v>
      </c>
      <c r="AD18003">
        <v>60</v>
      </c>
      <c r="AE18003">
        <v>61</v>
      </c>
      <c r="AF18003">
        <v>62</v>
      </c>
      <c r="AG18003">
        <v>63</v>
      </c>
      <c r="AH18003">
        <v>64</v>
      </c>
      <c r="AI18003">
        <v>64</v>
      </c>
      <c r="AJ18003">
        <v>65</v>
      </c>
      <c r="AK18003">
        <v>66</v>
      </c>
      <c r="AL18003">
        <v>67</v>
      </c>
      <c r="AM18003">
        <v>68</v>
      </c>
      <c r="AN18003">
        <v>69</v>
      </c>
      <c r="AO18003">
        <v>70</v>
      </c>
      <c r="AP18003">
        <v>71</v>
      </c>
      <c r="AQ18003">
        <v>72</v>
      </c>
    </row>
    <row r="18004" spans="1:43">
      <c r="A18004" t="s">
        <v>11152</v>
      </c>
      <c r="B18004" t="s">
        <v>11153</v>
      </c>
      <c r="C18004" t="s">
        <v>11146</v>
      </c>
      <c r="D18004" t="s">
        <v>11147</v>
      </c>
      <c r="E18004" t="s">
        <v>10982</v>
      </c>
      <c r="F18004" t="s">
        <v>10983</v>
      </c>
      <c r="G18004" t="s">
        <v>10734</v>
      </c>
      <c r="H18004" t="s">
        <v>10735</v>
      </c>
      <c r="I18004" s="2">
        <v>1</v>
      </c>
      <c r="J18004" s="2">
        <v>0</v>
      </c>
      <c r="K18004" s="2">
        <v>0</v>
      </c>
      <c r="L18004" t="s">
        <v>120</v>
      </c>
      <c r="M18004" t="s">
        <v>89</v>
      </c>
      <c r="N18004" t="s">
        <v>90</v>
      </c>
      <c r="O18004" t="s">
        <v>85</v>
      </c>
      <c r="P18004" t="s">
        <v>86</v>
      </c>
      <c r="Q18004">
        <v>51</v>
      </c>
      <c r="R18004">
        <v>53</v>
      </c>
      <c r="S18004">
        <v>54</v>
      </c>
      <c r="T18004">
        <v>56</v>
      </c>
      <c r="U18004">
        <v>58</v>
      </c>
      <c r="V18004">
        <v>59</v>
      </c>
      <c r="W18004">
        <v>61</v>
      </c>
      <c r="X18004">
        <v>62</v>
      </c>
      <c r="Y18004">
        <v>64</v>
      </c>
      <c r="Z18004">
        <v>65</v>
      </c>
      <c r="AA18004">
        <v>66</v>
      </c>
      <c r="AB18004">
        <v>68</v>
      </c>
      <c r="AC18004">
        <v>70</v>
      </c>
      <c r="AD18004">
        <v>71</v>
      </c>
      <c r="AE18004">
        <v>72</v>
      </c>
      <c r="AF18004">
        <v>73</v>
      </c>
      <c r="AG18004">
        <v>74</v>
      </c>
      <c r="AH18004">
        <v>75</v>
      </c>
      <c r="AI18004">
        <v>75</v>
      </c>
      <c r="AJ18004">
        <v>76</v>
      </c>
      <c r="AK18004">
        <v>77</v>
      </c>
      <c r="AL18004">
        <v>78</v>
      </c>
      <c r="AM18004">
        <v>79</v>
      </c>
      <c r="AN18004">
        <v>79</v>
      </c>
      <c r="AO18004">
        <v>80</v>
      </c>
      <c r="AP18004">
        <v>81</v>
      </c>
      <c r="AQ18004">
        <v>82</v>
      </c>
    </row>
    <row r="18005" spans="1:43">
      <c r="A18005" t="s">
        <v>11152</v>
      </c>
      <c r="B18005" t="s">
        <v>11153</v>
      </c>
      <c r="C18005" t="s">
        <v>11146</v>
      </c>
      <c r="D18005" t="s">
        <v>11147</v>
      </c>
      <c r="E18005" t="s">
        <v>10982</v>
      </c>
      <c r="F18005" t="s">
        <v>10983</v>
      </c>
      <c r="G18005" t="s">
        <v>10734</v>
      </c>
      <c r="H18005" t="s">
        <v>10735</v>
      </c>
      <c r="I18005" s="2">
        <v>1</v>
      </c>
      <c r="J18005" s="2">
        <v>0</v>
      </c>
      <c r="K18005" s="2">
        <v>0</v>
      </c>
      <c r="L18005" t="s">
        <v>120</v>
      </c>
      <c r="M18005" t="s">
        <v>83</v>
      </c>
      <c r="N18005" t="s">
        <v>91</v>
      </c>
      <c r="O18005" t="s">
        <v>85</v>
      </c>
      <c r="P18005" t="s">
        <v>86</v>
      </c>
      <c r="Q18005">
        <v>51</v>
      </c>
      <c r="R18005">
        <v>52</v>
      </c>
      <c r="S18005">
        <v>53</v>
      </c>
      <c r="T18005">
        <v>54</v>
      </c>
      <c r="U18005">
        <v>55</v>
      </c>
      <c r="V18005">
        <v>57</v>
      </c>
      <c r="W18005">
        <v>58</v>
      </c>
      <c r="X18005">
        <v>59</v>
      </c>
      <c r="Y18005">
        <v>60</v>
      </c>
      <c r="Z18005">
        <v>61</v>
      </c>
      <c r="AA18005">
        <v>63</v>
      </c>
      <c r="AB18005">
        <v>64</v>
      </c>
      <c r="AC18005">
        <v>65</v>
      </c>
      <c r="AD18005">
        <v>66</v>
      </c>
      <c r="AE18005">
        <v>68</v>
      </c>
      <c r="AF18005">
        <v>69</v>
      </c>
      <c r="AG18005">
        <v>70</v>
      </c>
      <c r="AH18005">
        <v>72</v>
      </c>
      <c r="AI18005">
        <v>73</v>
      </c>
      <c r="AJ18005">
        <v>75</v>
      </c>
      <c r="AK18005">
        <v>76</v>
      </c>
      <c r="AL18005">
        <v>77</v>
      </c>
      <c r="AM18005">
        <v>78</v>
      </c>
      <c r="AN18005">
        <v>79</v>
      </c>
      <c r="AO18005">
        <v>79</v>
      </c>
      <c r="AP18005">
        <v>80</v>
      </c>
      <c r="AQ18005">
        <v>81</v>
      </c>
    </row>
    <row r="18006" spans="1:43">
      <c r="A18006" t="s">
        <v>11154</v>
      </c>
      <c r="B18006" t="s">
        <v>11155</v>
      </c>
      <c r="C18006" t="s">
        <v>11074</v>
      </c>
      <c r="D18006" t="s">
        <v>11075</v>
      </c>
      <c r="E18006" t="s">
        <v>10982</v>
      </c>
      <c r="F18006" t="s">
        <v>10983</v>
      </c>
      <c r="G18006" t="s">
        <v>10734</v>
      </c>
      <c r="H18006" t="s">
        <v>10735</v>
      </c>
      <c r="I18006" s="2">
        <v>1</v>
      </c>
      <c r="J18006" s="2">
        <v>0</v>
      </c>
      <c r="K18006" s="2">
        <v>0</v>
      </c>
      <c r="L18006" t="s">
        <v>120</v>
      </c>
      <c r="M18006" t="s">
        <v>83</v>
      </c>
      <c r="N18006" t="s">
        <v>84</v>
      </c>
      <c r="O18006" t="s">
        <v>85</v>
      </c>
      <c r="P18006" t="s">
        <v>86</v>
      </c>
      <c r="Q18006">
        <v>8</v>
      </c>
      <c r="R18006">
        <v>8</v>
      </c>
      <c r="S18006">
        <v>8</v>
      </c>
      <c r="T18006">
        <v>9</v>
      </c>
      <c r="U18006">
        <v>9</v>
      </c>
      <c r="V18006">
        <v>9</v>
      </c>
      <c r="W18006">
        <v>9</v>
      </c>
      <c r="X18006">
        <v>9</v>
      </c>
      <c r="Y18006">
        <v>10</v>
      </c>
      <c r="Z18006">
        <v>10</v>
      </c>
      <c r="AA18006">
        <v>10</v>
      </c>
      <c r="AB18006">
        <v>10</v>
      </c>
      <c r="AC18006">
        <v>10</v>
      </c>
      <c r="AD18006">
        <v>11</v>
      </c>
      <c r="AE18006">
        <v>11</v>
      </c>
      <c r="AF18006">
        <v>11</v>
      </c>
      <c r="AG18006">
        <v>11</v>
      </c>
      <c r="AH18006">
        <v>11</v>
      </c>
      <c r="AI18006">
        <v>12</v>
      </c>
      <c r="AJ18006">
        <v>12</v>
      </c>
      <c r="AK18006">
        <v>12</v>
      </c>
      <c r="AL18006">
        <v>12</v>
      </c>
      <c r="AM18006">
        <v>12</v>
      </c>
      <c r="AN18006">
        <v>12</v>
      </c>
      <c r="AO18006">
        <v>13</v>
      </c>
      <c r="AP18006">
        <v>13</v>
      </c>
      <c r="AQ18006">
        <v>13</v>
      </c>
    </row>
    <row r="18007" spans="1:43">
      <c r="A18007" t="s">
        <v>11154</v>
      </c>
      <c r="B18007" t="s">
        <v>11155</v>
      </c>
      <c r="C18007" t="s">
        <v>11074</v>
      </c>
      <c r="D18007" t="s">
        <v>11075</v>
      </c>
      <c r="E18007" t="s">
        <v>10982</v>
      </c>
      <c r="F18007" t="s">
        <v>10983</v>
      </c>
      <c r="G18007" t="s">
        <v>10734</v>
      </c>
      <c r="H18007" t="s">
        <v>10735</v>
      </c>
      <c r="I18007" s="2">
        <v>1</v>
      </c>
      <c r="J18007" s="2">
        <v>0</v>
      </c>
      <c r="K18007" s="2">
        <v>0</v>
      </c>
      <c r="L18007" t="s">
        <v>120</v>
      </c>
      <c r="M18007" t="s">
        <v>87</v>
      </c>
      <c r="N18007" t="s">
        <v>88</v>
      </c>
      <c r="O18007" t="s">
        <v>85</v>
      </c>
      <c r="P18007" t="s">
        <v>86</v>
      </c>
      <c r="Q18007">
        <v>8</v>
      </c>
      <c r="R18007">
        <v>8</v>
      </c>
      <c r="S18007">
        <v>8</v>
      </c>
      <c r="T18007">
        <v>8</v>
      </c>
      <c r="U18007">
        <v>8</v>
      </c>
      <c r="V18007">
        <v>9</v>
      </c>
      <c r="W18007">
        <v>9</v>
      </c>
      <c r="X18007">
        <v>9</v>
      </c>
      <c r="Y18007">
        <v>9</v>
      </c>
      <c r="Z18007">
        <v>9</v>
      </c>
      <c r="AA18007">
        <v>9</v>
      </c>
      <c r="AB18007">
        <v>9</v>
      </c>
      <c r="AC18007">
        <v>9</v>
      </c>
      <c r="AD18007">
        <v>9</v>
      </c>
      <c r="AE18007">
        <v>10</v>
      </c>
      <c r="AF18007">
        <v>10</v>
      </c>
      <c r="AG18007">
        <v>10</v>
      </c>
      <c r="AH18007">
        <v>10</v>
      </c>
      <c r="AI18007">
        <v>10</v>
      </c>
      <c r="AJ18007">
        <v>10</v>
      </c>
      <c r="AK18007">
        <v>10</v>
      </c>
      <c r="AL18007">
        <v>11</v>
      </c>
      <c r="AM18007">
        <v>11</v>
      </c>
      <c r="AN18007">
        <v>11</v>
      </c>
      <c r="AO18007">
        <v>11</v>
      </c>
      <c r="AP18007">
        <v>11</v>
      </c>
      <c r="AQ18007">
        <v>11</v>
      </c>
    </row>
    <row r="18008" spans="1:43">
      <c r="A18008" t="s">
        <v>11154</v>
      </c>
      <c r="B18008" t="s">
        <v>11155</v>
      </c>
      <c r="C18008" t="s">
        <v>11074</v>
      </c>
      <c r="D18008" t="s">
        <v>11075</v>
      </c>
      <c r="E18008" t="s">
        <v>10982</v>
      </c>
      <c r="F18008" t="s">
        <v>10983</v>
      </c>
      <c r="G18008" t="s">
        <v>10734</v>
      </c>
      <c r="H18008" t="s">
        <v>10735</v>
      </c>
      <c r="I18008" s="2">
        <v>1</v>
      </c>
      <c r="J18008" s="2">
        <v>0</v>
      </c>
      <c r="K18008" s="2">
        <v>0</v>
      </c>
      <c r="L18008" t="s">
        <v>120</v>
      </c>
      <c r="M18008" t="s">
        <v>89</v>
      </c>
      <c r="N18008" t="s">
        <v>90</v>
      </c>
      <c r="O18008" t="s">
        <v>85</v>
      </c>
      <c r="P18008" t="s">
        <v>86</v>
      </c>
      <c r="Q18008">
        <v>8</v>
      </c>
      <c r="R18008">
        <v>8</v>
      </c>
      <c r="S18008">
        <v>9</v>
      </c>
      <c r="T18008">
        <v>9</v>
      </c>
      <c r="U18008">
        <v>9</v>
      </c>
      <c r="V18008">
        <v>9</v>
      </c>
      <c r="W18008">
        <v>10</v>
      </c>
      <c r="X18008">
        <v>10</v>
      </c>
      <c r="Y18008">
        <v>10</v>
      </c>
      <c r="Z18008">
        <v>10</v>
      </c>
      <c r="AA18008">
        <v>11</v>
      </c>
      <c r="AB18008">
        <v>11</v>
      </c>
      <c r="AC18008">
        <v>11</v>
      </c>
      <c r="AD18008">
        <v>11</v>
      </c>
      <c r="AE18008">
        <v>12</v>
      </c>
      <c r="AF18008">
        <v>12</v>
      </c>
      <c r="AG18008">
        <v>12</v>
      </c>
      <c r="AH18008">
        <v>12</v>
      </c>
      <c r="AI18008">
        <v>12</v>
      </c>
      <c r="AJ18008">
        <v>12</v>
      </c>
      <c r="AK18008">
        <v>12</v>
      </c>
      <c r="AL18008">
        <v>12</v>
      </c>
      <c r="AM18008">
        <v>12</v>
      </c>
      <c r="AN18008">
        <v>13</v>
      </c>
      <c r="AO18008">
        <v>13</v>
      </c>
      <c r="AP18008">
        <v>13</v>
      </c>
      <c r="AQ18008">
        <v>13</v>
      </c>
    </row>
    <row r="18009" spans="1:43">
      <c r="A18009" t="s">
        <v>11154</v>
      </c>
      <c r="B18009" t="s">
        <v>11155</v>
      </c>
      <c r="C18009" t="s">
        <v>11074</v>
      </c>
      <c r="D18009" t="s">
        <v>11075</v>
      </c>
      <c r="E18009" t="s">
        <v>10982</v>
      </c>
      <c r="F18009" t="s">
        <v>10983</v>
      </c>
      <c r="G18009" t="s">
        <v>10734</v>
      </c>
      <c r="H18009" t="s">
        <v>10735</v>
      </c>
      <c r="I18009" s="2">
        <v>1</v>
      </c>
      <c r="J18009" s="2">
        <v>0</v>
      </c>
      <c r="K18009" s="2">
        <v>0</v>
      </c>
      <c r="L18009" t="s">
        <v>120</v>
      </c>
      <c r="M18009" t="s">
        <v>83</v>
      </c>
      <c r="N18009" t="s">
        <v>91</v>
      </c>
      <c r="O18009" t="s">
        <v>85</v>
      </c>
      <c r="P18009" t="s">
        <v>86</v>
      </c>
      <c r="Q18009">
        <v>8</v>
      </c>
      <c r="R18009">
        <v>8</v>
      </c>
      <c r="S18009">
        <v>8</v>
      </c>
      <c r="T18009">
        <v>9</v>
      </c>
      <c r="U18009">
        <v>9</v>
      </c>
      <c r="V18009">
        <v>9</v>
      </c>
      <c r="W18009">
        <v>9</v>
      </c>
      <c r="X18009">
        <v>9</v>
      </c>
      <c r="Y18009">
        <v>10</v>
      </c>
      <c r="Z18009">
        <v>10</v>
      </c>
      <c r="AA18009">
        <v>10</v>
      </c>
      <c r="AB18009">
        <v>10</v>
      </c>
      <c r="AC18009">
        <v>10</v>
      </c>
      <c r="AD18009">
        <v>11</v>
      </c>
      <c r="AE18009">
        <v>11</v>
      </c>
      <c r="AF18009">
        <v>11</v>
      </c>
      <c r="AG18009">
        <v>11</v>
      </c>
      <c r="AH18009">
        <v>11</v>
      </c>
      <c r="AI18009">
        <v>12</v>
      </c>
      <c r="AJ18009">
        <v>12</v>
      </c>
      <c r="AK18009">
        <v>12</v>
      </c>
      <c r="AL18009">
        <v>12</v>
      </c>
      <c r="AM18009">
        <v>12</v>
      </c>
      <c r="AN18009">
        <v>12</v>
      </c>
      <c r="AO18009">
        <v>13</v>
      </c>
      <c r="AP18009">
        <v>13</v>
      </c>
      <c r="AQ18009">
        <v>13</v>
      </c>
    </row>
    <row r="18010" spans="1:43">
      <c r="A18010" t="s">
        <v>11156</v>
      </c>
      <c r="B18010" t="s">
        <v>11157</v>
      </c>
      <c r="C18010" t="s">
        <v>11074</v>
      </c>
      <c r="D18010" t="s">
        <v>11075</v>
      </c>
      <c r="E18010" t="s">
        <v>10982</v>
      </c>
      <c r="F18010" t="s">
        <v>10983</v>
      </c>
      <c r="G18010" t="s">
        <v>10734</v>
      </c>
      <c r="H18010" t="s">
        <v>10735</v>
      </c>
      <c r="I18010" s="2">
        <v>1</v>
      </c>
      <c r="J18010" s="2">
        <v>0</v>
      </c>
      <c r="K18010" s="2">
        <v>0</v>
      </c>
      <c r="L18010" t="s">
        <v>120</v>
      </c>
      <c r="M18010" t="s">
        <v>83</v>
      </c>
      <c r="N18010" t="s">
        <v>84</v>
      </c>
      <c r="O18010" t="s">
        <v>85</v>
      </c>
      <c r="P18010" t="s">
        <v>86</v>
      </c>
      <c r="Q18010">
        <v>18</v>
      </c>
      <c r="R18010">
        <v>18</v>
      </c>
      <c r="S18010">
        <v>19</v>
      </c>
      <c r="T18010">
        <v>19</v>
      </c>
      <c r="U18010">
        <v>19</v>
      </c>
      <c r="V18010">
        <v>20</v>
      </c>
      <c r="W18010">
        <v>20</v>
      </c>
      <c r="X18010">
        <v>21</v>
      </c>
      <c r="Y18010">
        <v>21</v>
      </c>
      <c r="Z18010">
        <v>21</v>
      </c>
      <c r="AA18010">
        <v>22</v>
      </c>
      <c r="AB18010">
        <v>22</v>
      </c>
      <c r="AC18010">
        <v>23</v>
      </c>
      <c r="AD18010">
        <v>23</v>
      </c>
      <c r="AE18010">
        <v>24</v>
      </c>
      <c r="AF18010">
        <v>24</v>
      </c>
      <c r="AG18010">
        <v>25</v>
      </c>
      <c r="AH18010">
        <v>25</v>
      </c>
      <c r="AI18010">
        <v>25</v>
      </c>
      <c r="AJ18010">
        <v>26</v>
      </c>
      <c r="AK18010">
        <v>26</v>
      </c>
      <c r="AL18010">
        <v>27</v>
      </c>
      <c r="AM18010">
        <v>27</v>
      </c>
      <c r="AN18010">
        <v>27</v>
      </c>
      <c r="AO18010">
        <v>28</v>
      </c>
      <c r="AP18010">
        <v>28</v>
      </c>
      <c r="AQ18010">
        <v>28</v>
      </c>
    </row>
    <row r="18011" spans="1:43">
      <c r="A18011" t="s">
        <v>11156</v>
      </c>
      <c r="B18011" t="s">
        <v>11157</v>
      </c>
      <c r="C18011" t="s">
        <v>11074</v>
      </c>
      <c r="D18011" t="s">
        <v>11075</v>
      </c>
      <c r="E18011" t="s">
        <v>10982</v>
      </c>
      <c r="F18011" t="s">
        <v>10983</v>
      </c>
      <c r="G18011" t="s">
        <v>10734</v>
      </c>
      <c r="H18011" t="s">
        <v>10735</v>
      </c>
      <c r="I18011" s="2">
        <v>1</v>
      </c>
      <c r="J18011" s="2">
        <v>0</v>
      </c>
      <c r="K18011" s="2">
        <v>0</v>
      </c>
      <c r="L18011" t="s">
        <v>120</v>
      </c>
      <c r="M18011" t="s">
        <v>87</v>
      </c>
      <c r="N18011" t="s">
        <v>88</v>
      </c>
      <c r="O18011" t="s">
        <v>85</v>
      </c>
      <c r="P18011" t="s">
        <v>86</v>
      </c>
      <c r="Q18011">
        <v>18</v>
      </c>
      <c r="R18011">
        <v>18</v>
      </c>
      <c r="S18011">
        <v>18</v>
      </c>
      <c r="T18011">
        <v>18</v>
      </c>
      <c r="U18011">
        <v>19</v>
      </c>
      <c r="V18011">
        <v>19</v>
      </c>
      <c r="W18011">
        <v>19</v>
      </c>
      <c r="X18011">
        <v>19</v>
      </c>
      <c r="Y18011">
        <v>19</v>
      </c>
      <c r="Z18011">
        <v>20</v>
      </c>
      <c r="AA18011">
        <v>20</v>
      </c>
      <c r="AB18011">
        <v>20</v>
      </c>
      <c r="AC18011">
        <v>21</v>
      </c>
      <c r="AD18011">
        <v>21</v>
      </c>
      <c r="AE18011">
        <v>21</v>
      </c>
      <c r="AF18011">
        <v>21</v>
      </c>
      <c r="AG18011">
        <v>22</v>
      </c>
      <c r="AH18011">
        <v>22</v>
      </c>
      <c r="AI18011">
        <v>22</v>
      </c>
      <c r="AJ18011">
        <v>22</v>
      </c>
      <c r="AK18011">
        <v>23</v>
      </c>
      <c r="AL18011">
        <v>23</v>
      </c>
      <c r="AM18011">
        <v>23</v>
      </c>
      <c r="AN18011">
        <v>24</v>
      </c>
      <c r="AO18011">
        <v>24</v>
      </c>
      <c r="AP18011">
        <v>24</v>
      </c>
      <c r="AQ18011">
        <v>25</v>
      </c>
    </row>
    <row r="18012" spans="1:43">
      <c r="A18012" t="s">
        <v>11156</v>
      </c>
      <c r="B18012" t="s">
        <v>11157</v>
      </c>
      <c r="C18012" t="s">
        <v>11074</v>
      </c>
      <c r="D18012" t="s">
        <v>11075</v>
      </c>
      <c r="E18012" t="s">
        <v>10982</v>
      </c>
      <c r="F18012" t="s">
        <v>10983</v>
      </c>
      <c r="G18012" t="s">
        <v>10734</v>
      </c>
      <c r="H18012" t="s">
        <v>10735</v>
      </c>
      <c r="I18012" s="2">
        <v>1</v>
      </c>
      <c r="J18012" s="2">
        <v>0</v>
      </c>
      <c r="K18012" s="2">
        <v>0</v>
      </c>
      <c r="L18012" t="s">
        <v>120</v>
      </c>
      <c r="M18012" t="s">
        <v>89</v>
      </c>
      <c r="N18012" t="s">
        <v>90</v>
      </c>
      <c r="O18012" t="s">
        <v>85</v>
      </c>
      <c r="P18012" t="s">
        <v>86</v>
      </c>
      <c r="Q18012">
        <v>18</v>
      </c>
      <c r="R18012">
        <v>18</v>
      </c>
      <c r="S18012">
        <v>19</v>
      </c>
      <c r="T18012">
        <v>20</v>
      </c>
      <c r="U18012">
        <v>20</v>
      </c>
      <c r="V18012">
        <v>21</v>
      </c>
      <c r="W18012">
        <v>21</v>
      </c>
      <c r="X18012">
        <v>22</v>
      </c>
      <c r="Y18012">
        <v>22</v>
      </c>
      <c r="Z18012">
        <v>23</v>
      </c>
      <c r="AA18012">
        <v>23</v>
      </c>
      <c r="AB18012">
        <v>24</v>
      </c>
      <c r="AC18012">
        <v>24</v>
      </c>
      <c r="AD18012">
        <v>25</v>
      </c>
      <c r="AE18012">
        <v>25</v>
      </c>
      <c r="AF18012">
        <v>25</v>
      </c>
      <c r="AG18012">
        <v>26</v>
      </c>
      <c r="AH18012">
        <v>26</v>
      </c>
      <c r="AI18012">
        <v>26</v>
      </c>
      <c r="AJ18012">
        <v>26</v>
      </c>
      <c r="AK18012">
        <v>27</v>
      </c>
      <c r="AL18012">
        <v>27</v>
      </c>
      <c r="AM18012">
        <v>27</v>
      </c>
      <c r="AN18012">
        <v>28</v>
      </c>
      <c r="AO18012">
        <v>28</v>
      </c>
      <c r="AP18012">
        <v>28</v>
      </c>
      <c r="AQ18012">
        <v>28</v>
      </c>
    </row>
    <row r="18013" spans="1:43">
      <c r="A18013" t="s">
        <v>11156</v>
      </c>
      <c r="B18013" t="s">
        <v>11157</v>
      </c>
      <c r="C18013" t="s">
        <v>11074</v>
      </c>
      <c r="D18013" t="s">
        <v>11075</v>
      </c>
      <c r="E18013" t="s">
        <v>10982</v>
      </c>
      <c r="F18013" t="s">
        <v>10983</v>
      </c>
      <c r="G18013" t="s">
        <v>10734</v>
      </c>
      <c r="H18013" t="s">
        <v>10735</v>
      </c>
      <c r="I18013" s="2">
        <v>1</v>
      </c>
      <c r="J18013" s="2">
        <v>0</v>
      </c>
      <c r="K18013" s="2">
        <v>0</v>
      </c>
      <c r="L18013" t="s">
        <v>120</v>
      </c>
      <c r="M18013" t="s">
        <v>83</v>
      </c>
      <c r="N18013" t="s">
        <v>91</v>
      </c>
      <c r="O18013" t="s">
        <v>85</v>
      </c>
      <c r="P18013" t="s">
        <v>86</v>
      </c>
      <c r="Q18013">
        <v>18</v>
      </c>
      <c r="R18013">
        <v>18</v>
      </c>
      <c r="S18013">
        <v>19</v>
      </c>
      <c r="T18013">
        <v>19</v>
      </c>
      <c r="U18013">
        <v>19</v>
      </c>
      <c r="V18013">
        <v>20</v>
      </c>
      <c r="W18013">
        <v>20</v>
      </c>
      <c r="X18013">
        <v>21</v>
      </c>
      <c r="Y18013">
        <v>21</v>
      </c>
      <c r="Z18013">
        <v>21</v>
      </c>
      <c r="AA18013">
        <v>22</v>
      </c>
      <c r="AB18013">
        <v>22</v>
      </c>
      <c r="AC18013">
        <v>23</v>
      </c>
      <c r="AD18013">
        <v>23</v>
      </c>
      <c r="AE18013">
        <v>24</v>
      </c>
      <c r="AF18013">
        <v>24</v>
      </c>
      <c r="AG18013">
        <v>25</v>
      </c>
      <c r="AH18013">
        <v>25</v>
      </c>
      <c r="AI18013">
        <v>25</v>
      </c>
      <c r="AJ18013">
        <v>26</v>
      </c>
      <c r="AK18013">
        <v>26</v>
      </c>
      <c r="AL18013">
        <v>27</v>
      </c>
      <c r="AM18013">
        <v>27</v>
      </c>
      <c r="AN18013">
        <v>27</v>
      </c>
      <c r="AO18013">
        <v>28</v>
      </c>
      <c r="AP18013">
        <v>28</v>
      </c>
      <c r="AQ18013">
        <v>28</v>
      </c>
    </row>
    <row r="18014" spans="1:43">
      <c r="A18014" t="s">
        <v>11158</v>
      </c>
      <c r="B18014" t="s">
        <v>11159</v>
      </c>
      <c r="C18014" t="s">
        <v>11074</v>
      </c>
      <c r="D18014" t="s">
        <v>11075</v>
      </c>
      <c r="E18014" t="s">
        <v>10982</v>
      </c>
      <c r="F18014" t="s">
        <v>10983</v>
      </c>
      <c r="G18014" t="s">
        <v>10734</v>
      </c>
      <c r="H18014" t="s">
        <v>10735</v>
      </c>
      <c r="I18014" s="2">
        <v>1</v>
      </c>
      <c r="J18014" s="2">
        <v>0</v>
      </c>
      <c r="K18014" s="2">
        <v>0</v>
      </c>
      <c r="L18014" t="s">
        <v>120</v>
      </c>
      <c r="M18014" t="s">
        <v>83</v>
      </c>
      <c r="N18014" t="s">
        <v>84</v>
      </c>
      <c r="O18014" t="s">
        <v>85</v>
      </c>
      <c r="P18014" t="s">
        <v>86</v>
      </c>
      <c r="Q18014">
        <v>18</v>
      </c>
      <c r="R18014">
        <v>19</v>
      </c>
      <c r="S18014">
        <v>19</v>
      </c>
      <c r="T18014">
        <v>20</v>
      </c>
      <c r="U18014">
        <v>20</v>
      </c>
      <c r="V18014">
        <v>21</v>
      </c>
      <c r="W18014">
        <v>21</v>
      </c>
      <c r="X18014">
        <v>21</v>
      </c>
      <c r="Y18014">
        <v>22</v>
      </c>
      <c r="Z18014">
        <v>22</v>
      </c>
      <c r="AA18014">
        <v>23</v>
      </c>
      <c r="AB18014">
        <v>23</v>
      </c>
      <c r="AC18014">
        <v>24</v>
      </c>
      <c r="AD18014">
        <v>24</v>
      </c>
      <c r="AE18014">
        <v>24</v>
      </c>
      <c r="AF18014">
        <v>25</v>
      </c>
      <c r="AG18014">
        <v>25</v>
      </c>
      <c r="AH18014">
        <v>26</v>
      </c>
      <c r="AI18014">
        <v>26</v>
      </c>
      <c r="AJ18014">
        <v>27</v>
      </c>
      <c r="AK18014">
        <v>27</v>
      </c>
      <c r="AL18014">
        <v>28</v>
      </c>
      <c r="AM18014">
        <v>28</v>
      </c>
      <c r="AN18014">
        <v>28</v>
      </c>
      <c r="AO18014">
        <v>29</v>
      </c>
      <c r="AP18014">
        <v>29</v>
      </c>
      <c r="AQ18014">
        <v>29</v>
      </c>
    </row>
    <row r="18015" spans="1:43">
      <c r="A18015" t="s">
        <v>11158</v>
      </c>
      <c r="B18015" t="s">
        <v>11159</v>
      </c>
      <c r="C18015" t="s">
        <v>11074</v>
      </c>
      <c r="D18015" t="s">
        <v>11075</v>
      </c>
      <c r="E18015" t="s">
        <v>10982</v>
      </c>
      <c r="F18015" t="s">
        <v>10983</v>
      </c>
      <c r="G18015" t="s">
        <v>10734</v>
      </c>
      <c r="H18015" t="s">
        <v>10735</v>
      </c>
      <c r="I18015" s="2">
        <v>1</v>
      </c>
      <c r="J18015" s="2">
        <v>0</v>
      </c>
      <c r="K18015" s="2">
        <v>0</v>
      </c>
      <c r="L18015" t="s">
        <v>120</v>
      </c>
      <c r="M18015" t="s">
        <v>87</v>
      </c>
      <c r="N18015" t="s">
        <v>88</v>
      </c>
      <c r="O18015" t="s">
        <v>85</v>
      </c>
      <c r="P18015" t="s">
        <v>86</v>
      </c>
      <c r="Q18015">
        <v>18</v>
      </c>
      <c r="R18015">
        <v>18</v>
      </c>
      <c r="S18015">
        <v>19</v>
      </c>
      <c r="T18015">
        <v>19</v>
      </c>
      <c r="U18015">
        <v>19</v>
      </c>
      <c r="V18015">
        <v>19</v>
      </c>
      <c r="W18015">
        <v>20</v>
      </c>
      <c r="X18015">
        <v>20</v>
      </c>
      <c r="Y18015">
        <v>20</v>
      </c>
      <c r="Z18015">
        <v>20</v>
      </c>
      <c r="AA18015">
        <v>21</v>
      </c>
      <c r="AB18015">
        <v>21</v>
      </c>
      <c r="AC18015">
        <v>21</v>
      </c>
      <c r="AD18015">
        <v>22</v>
      </c>
      <c r="AE18015">
        <v>22</v>
      </c>
      <c r="AF18015">
        <v>22</v>
      </c>
      <c r="AG18015">
        <v>22</v>
      </c>
      <c r="AH18015">
        <v>23</v>
      </c>
      <c r="AI18015">
        <v>23</v>
      </c>
      <c r="AJ18015">
        <v>23</v>
      </c>
      <c r="AK18015">
        <v>24</v>
      </c>
      <c r="AL18015">
        <v>24</v>
      </c>
      <c r="AM18015">
        <v>24</v>
      </c>
      <c r="AN18015">
        <v>25</v>
      </c>
      <c r="AO18015">
        <v>25</v>
      </c>
      <c r="AP18015">
        <v>25</v>
      </c>
      <c r="AQ18015">
        <v>26</v>
      </c>
    </row>
    <row r="18016" spans="1:43">
      <c r="A18016" t="s">
        <v>11158</v>
      </c>
      <c r="B18016" t="s">
        <v>11159</v>
      </c>
      <c r="C18016" t="s">
        <v>11074</v>
      </c>
      <c r="D18016" t="s">
        <v>11075</v>
      </c>
      <c r="E18016" t="s">
        <v>10982</v>
      </c>
      <c r="F18016" t="s">
        <v>10983</v>
      </c>
      <c r="G18016" t="s">
        <v>10734</v>
      </c>
      <c r="H18016" t="s">
        <v>10735</v>
      </c>
      <c r="I18016" s="2">
        <v>1</v>
      </c>
      <c r="J18016" s="2">
        <v>0</v>
      </c>
      <c r="K18016" s="2">
        <v>0</v>
      </c>
      <c r="L18016" t="s">
        <v>120</v>
      </c>
      <c r="M18016" t="s">
        <v>89</v>
      </c>
      <c r="N18016" t="s">
        <v>90</v>
      </c>
      <c r="O18016" t="s">
        <v>85</v>
      </c>
      <c r="P18016" t="s">
        <v>86</v>
      </c>
      <c r="Q18016">
        <v>18</v>
      </c>
      <c r="R18016">
        <v>18</v>
      </c>
      <c r="S18016">
        <v>19</v>
      </c>
      <c r="T18016">
        <v>19</v>
      </c>
      <c r="U18016">
        <v>20</v>
      </c>
      <c r="V18016">
        <v>20</v>
      </c>
      <c r="W18016">
        <v>21</v>
      </c>
      <c r="X18016">
        <v>21</v>
      </c>
      <c r="Y18016">
        <v>22</v>
      </c>
      <c r="Z18016">
        <v>23</v>
      </c>
      <c r="AA18016">
        <v>23</v>
      </c>
      <c r="AB18016">
        <v>24</v>
      </c>
      <c r="AC18016">
        <v>24</v>
      </c>
      <c r="AD18016">
        <v>25</v>
      </c>
      <c r="AE18016">
        <v>25</v>
      </c>
      <c r="AF18016">
        <v>25</v>
      </c>
      <c r="AG18016">
        <v>26</v>
      </c>
      <c r="AH18016">
        <v>26</v>
      </c>
      <c r="AI18016">
        <v>26</v>
      </c>
      <c r="AJ18016">
        <v>26</v>
      </c>
      <c r="AK18016">
        <v>27</v>
      </c>
      <c r="AL18016">
        <v>27</v>
      </c>
      <c r="AM18016">
        <v>27</v>
      </c>
      <c r="AN18016">
        <v>28</v>
      </c>
      <c r="AO18016">
        <v>28</v>
      </c>
      <c r="AP18016">
        <v>28</v>
      </c>
      <c r="AQ18016">
        <v>28</v>
      </c>
    </row>
    <row r="18017" spans="1:43">
      <c r="A18017" t="s">
        <v>11158</v>
      </c>
      <c r="B18017" t="s">
        <v>11159</v>
      </c>
      <c r="C18017" t="s">
        <v>11074</v>
      </c>
      <c r="D18017" t="s">
        <v>11075</v>
      </c>
      <c r="E18017" t="s">
        <v>10982</v>
      </c>
      <c r="F18017" t="s">
        <v>10983</v>
      </c>
      <c r="G18017" t="s">
        <v>10734</v>
      </c>
      <c r="H18017" t="s">
        <v>10735</v>
      </c>
      <c r="I18017" s="2">
        <v>1</v>
      </c>
      <c r="J18017" s="2">
        <v>0</v>
      </c>
      <c r="K18017" s="2">
        <v>0</v>
      </c>
      <c r="L18017" t="s">
        <v>120</v>
      </c>
      <c r="M18017" t="s">
        <v>83</v>
      </c>
      <c r="N18017" t="s">
        <v>91</v>
      </c>
      <c r="O18017" t="s">
        <v>85</v>
      </c>
      <c r="P18017" t="s">
        <v>86</v>
      </c>
      <c r="Q18017">
        <v>18</v>
      </c>
      <c r="R18017">
        <v>19</v>
      </c>
      <c r="S18017">
        <v>19</v>
      </c>
      <c r="T18017">
        <v>20</v>
      </c>
      <c r="U18017">
        <v>20</v>
      </c>
      <c r="V18017">
        <v>21</v>
      </c>
      <c r="W18017">
        <v>21</v>
      </c>
      <c r="X18017">
        <v>21</v>
      </c>
      <c r="Y18017">
        <v>22</v>
      </c>
      <c r="Z18017">
        <v>22</v>
      </c>
      <c r="AA18017">
        <v>23</v>
      </c>
      <c r="AB18017">
        <v>23</v>
      </c>
      <c r="AC18017">
        <v>24</v>
      </c>
      <c r="AD18017">
        <v>24</v>
      </c>
      <c r="AE18017">
        <v>24</v>
      </c>
      <c r="AF18017">
        <v>25</v>
      </c>
      <c r="AG18017">
        <v>25</v>
      </c>
      <c r="AH18017">
        <v>26</v>
      </c>
      <c r="AI18017">
        <v>26</v>
      </c>
      <c r="AJ18017">
        <v>27</v>
      </c>
      <c r="AK18017">
        <v>27</v>
      </c>
      <c r="AL18017">
        <v>28</v>
      </c>
      <c r="AM18017">
        <v>28</v>
      </c>
      <c r="AN18017">
        <v>28</v>
      </c>
      <c r="AO18017">
        <v>29</v>
      </c>
      <c r="AP18017">
        <v>29</v>
      </c>
      <c r="AQ18017">
        <v>29</v>
      </c>
    </row>
    <row r="18018" spans="1:43">
      <c r="A18018" t="s">
        <v>11160</v>
      </c>
      <c r="B18018" t="s">
        <v>11161</v>
      </c>
      <c r="C18018" t="s">
        <v>11074</v>
      </c>
      <c r="D18018" t="s">
        <v>11075</v>
      </c>
      <c r="E18018" t="s">
        <v>10982</v>
      </c>
      <c r="F18018" t="s">
        <v>10983</v>
      </c>
      <c r="G18018" t="s">
        <v>10734</v>
      </c>
      <c r="H18018" t="s">
        <v>10735</v>
      </c>
      <c r="I18018" s="2">
        <v>1</v>
      </c>
      <c r="J18018" s="2">
        <v>0</v>
      </c>
      <c r="K18018" s="2">
        <v>0</v>
      </c>
      <c r="L18018" t="s">
        <v>120</v>
      </c>
      <c r="M18018" t="s">
        <v>83</v>
      </c>
      <c r="N18018" t="s">
        <v>84</v>
      </c>
      <c r="O18018" t="s">
        <v>85</v>
      </c>
      <c r="P18018" t="s">
        <v>86</v>
      </c>
      <c r="Q18018">
        <v>12</v>
      </c>
      <c r="R18018">
        <v>13</v>
      </c>
      <c r="S18018">
        <v>13</v>
      </c>
      <c r="T18018">
        <v>13</v>
      </c>
      <c r="U18018">
        <v>14</v>
      </c>
      <c r="V18018">
        <v>14</v>
      </c>
      <c r="W18018">
        <v>14</v>
      </c>
      <c r="X18018">
        <v>14</v>
      </c>
      <c r="Y18018">
        <v>15</v>
      </c>
      <c r="Z18018">
        <v>15</v>
      </c>
      <c r="AA18018">
        <v>15</v>
      </c>
      <c r="AB18018">
        <v>16</v>
      </c>
      <c r="AC18018">
        <v>16</v>
      </c>
      <c r="AD18018">
        <v>16</v>
      </c>
      <c r="AE18018">
        <v>17</v>
      </c>
      <c r="AF18018">
        <v>17</v>
      </c>
      <c r="AG18018">
        <v>17</v>
      </c>
      <c r="AH18018">
        <v>17</v>
      </c>
      <c r="AI18018">
        <v>18</v>
      </c>
      <c r="AJ18018">
        <v>18</v>
      </c>
      <c r="AK18018">
        <v>18</v>
      </c>
      <c r="AL18018">
        <v>19</v>
      </c>
      <c r="AM18018">
        <v>19</v>
      </c>
      <c r="AN18018">
        <v>19</v>
      </c>
      <c r="AO18018">
        <v>19</v>
      </c>
      <c r="AP18018">
        <v>20</v>
      </c>
      <c r="AQ18018">
        <v>20</v>
      </c>
    </row>
    <row r="18019" spans="1:43">
      <c r="A18019" t="s">
        <v>11160</v>
      </c>
      <c r="B18019" t="s">
        <v>11161</v>
      </c>
      <c r="C18019" t="s">
        <v>11074</v>
      </c>
      <c r="D18019" t="s">
        <v>11075</v>
      </c>
      <c r="E18019" t="s">
        <v>10982</v>
      </c>
      <c r="F18019" t="s">
        <v>10983</v>
      </c>
      <c r="G18019" t="s">
        <v>10734</v>
      </c>
      <c r="H18019" t="s">
        <v>10735</v>
      </c>
      <c r="I18019" s="2">
        <v>1</v>
      </c>
      <c r="J18019" s="2">
        <v>0</v>
      </c>
      <c r="K18019" s="2">
        <v>0</v>
      </c>
      <c r="L18019" t="s">
        <v>120</v>
      </c>
      <c r="M18019" t="s">
        <v>87</v>
      </c>
      <c r="N18019" t="s">
        <v>88</v>
      </c>
      <c r="O18019" t="s">
        <v>85</v>
      </c>
      <c r="P18019" t="s">
        <v>86</v>
      </c>
      <c r="Q18019">
        <v>12</v>
      </c>
      <c r="R18019">
        <v>12</v>
      </c>
      <c r="S18019">
        <v>13</v>
      </c>
      <c r="T18019">
        <v>13</v>
      </c>
      <c r="U18019">
        <v>13</v>
      </c>
      <c r="V18019">
        <v>13</v>
      </c>
      <c r="W18019">
        <v>13</v>
      </c>
      <c r="X18019">
        <v>13</v>
      </c>
      <c r="Y18019">
        <v>14</v>
      </c>
      <c r="Z18019">
        <v>14</v>
      </c>
      <c r="AA18019">
        <v>14</v>
      </c>
      <c r="AB18019">
        <v>14</v>
      </c>
      <c r="AC18019">
        <v>14</v>
      </c>
      <c r="AD18019">
        <v>15</v>
      </c>
      <c r="AE18019">
        <v>15</v>
      </c>
      <c r="AF18019">
        <v>15</v>
      </c>
      <c r="AG18019">
        <v>15</v>
      </c>
      <c r="AH18019">
        <v>15</v>
      </c>
      <c r="AI18019">
        <v>16</v>
      </c>
      <c r="AJ18019">
        <v>16</v>
      </c>
      <c r="AK18019">
        <v>16</v>
      </c>
      <c r="AL18019">
        <v>16</v>
      </c>
      <c r="AM18019">
        <v>16</v>
      </c>
      <c r="AN18019">
        <v>17</v>
      </c>
      <c r="AO18019">
        <v>17</v>
      </c>
      <c r="AP18019">
        <v>17</v>
      </c>
      <c r="AQ18019">
        <v>17</v>
      </c>
    </row>
    <row r="18020" spans="1:43">
      <c r="A18020" t="s">
        <v>11160</v>
      </c>
      <c r="B18020" t="s">
        <v>11161</v>
      </c>
      <c r="C18020" t="s">
        <v>11074</v>
      </c>
      <c r="D18020" t="s">
        <v>11075</v>
      </c>
      <c r="E18020" t="s">
        <v>10982</v>
      </c>
      <c r="F18020" t="s">
        <v>10983</v>
      </c>
      <c r="G18020" t="s">
        <v>10734</v>
      </c>
      <c r="H18020" t="s">
        <v>10735</v>
      </c>
      <c r="I18020" s="2">
        <v>1</v>
      </c>
      <c r="J18020" s="2">
        <v>0</v>
      </c>
      <c r="K18020" s="2">
        <v>0</v>
      </c>
      <c r="L18020" t="s">
        <v>120</v>
      </c>
      <c r="M18020" t="s">
        <v>89</v>
      </c>
      <c r="N18020" t="s">
        <v>90</v>
      </c>
      <c r="O18020" t="s">
        <v>85</v>
      </c>
      <c r="P18020" t="s">
        <v>86</v>
      </c>
      <c r="Q18020">
        <v>12</v>
      </c>
      <c r="R18020">
        <v>12</v>
      </c>
      <c r="S18020">
        <v>12</v>
      </c>
      <c r="T18020">
        <v>13</v>
      </c>
      <c r="U18020">
        <v>13</v>
      </c>
      <c r="V18020">
        <v>13</v>
      </c>
      <c r="W18020">
        <v>14</v>
      </c>
      <c r="X18020">
        <v>14</v>
      </c>
      <c r="Y18020">
        <v>15</v>
      </c>
      <c r="Z18020">
        <v>15</v>
      </c>
      <c r="AA18020">
        <v>15</v>
      </c>
      <c r="AB18020">
        <v>16</v>
      </c>
      <c r="AC18020">
        <v>16</v>
      </c>
      <c r="AD18020">
        <v>16</v>
      </c>
      <c r="AE18020">
        <v>17</v>
      </c>
      <c r="AF18020">
        <v>17</v>
      </c>
      <c r="AG18020">
        <v>17</v>
      </c>
      <c r="AH18020">
        <v>17</v>
      </c>
      <c r="AI18020">
        <v>17</v>
      </c>
      <c r="AJ18020">
        <v>18</v>
      </c>
      <c r="AK18020">
        <v>18</v>
      </c>
      <c r="AL18020">
        <v>18</v>
      </c>
      <c r="AM18020">
        <v>18</v>
      </c>
      <c r="AN18020">
        <v>18</v>
      </c>
      <c r="AO18020">
        <v>18</v>
      </c>
      <c r="AP18020">
        <v>19</v>
      </c>
      <c r="AQ18020">
        <v>19</v>
      </c>
    </row>
    <row r="18021" spans="1:43">
      <c r="A18021" t="s">
        <v>11160</v>
      </c>
      <c r="B18021" t="s">
        <v>11161</v>
      </c>
      <c r="C18021" t="s">
        <v>11074</v>
      </c>
      <c r="D18021" t="s">
        <v>11075</v>
      </c>
      <c r="E18021" t="s">
        <v>10982</v>
      </c>
      <c r="F18021" t="s">
        <v>10983</v>
      </c>
      <c r="G18021" t="s">
        <v>10734</v>
      </c>
      <c r="H18021" t="s">
        <v>10735</v>
      </c>
      <c r="I18021" s="2">
        <v>1</v>
      </c>
      <c r="J18021" s="2">
        <v>0</v>
      </c>
      <c r="K18021" s="2">
        <v>0</v>
      </c>
      <c r="L18021" t="s">
        <v>120</v>
      </c>
      <c r="M18021" t="s">
        <v>83</v>
      </c>
      <c r="N18021" t="s">
        <v>91</v>
      </c>
      <c r="O18021" t="s">
        <v>85</v>
      </c>
      <c r="P18021" t="s">
        <v>86</v>
      </c>
      <c r="Q18021">
        <v>12</v>
      </c>
      <c r="R18021">
        <v>13</v>
      </c>
      <c r="S18021">
        <v>13</v>
      </c>
      <c r="T18021">
        <v>13</v>
      </c>
      <c r="U18021">
        <v>14</v>
      </c>
      <c r="V18021">
        <v>14</v>
      </c>
      <c r="W18021">
        <v>14</v>
      </c>
      <c r="X18021">
        <v>14</v>
      </c>
      <c r="Y18021">
        <v>15</v>
      </c>
      <c r="Z18021">
        <v>15</v>
      </c>
      <c r="AA18021">
        <v>15</v>
      </c>
      <c r="AB18021">
        <v>16</v>
      </c>
      <c r="AC18021">
        <v>16</v>
      </c>
      <c r="AD18021">
        <v>16</v>
      </c>
      <c r="AE18021">
        <v>17</v>
      </c>
      <c r="AF18021">
        <v>17</v>
      </c>
      <c r="AG18021">
        <v>17</v>
      </c>
      <c r="AH18021">
        <v>17</v>
      </c>
      <c r="AI18021">
        <v>18</v>
      </c>
      <c r="AJ18021">
        <v>18</v>
      </c>
      <c r="AK18021">
        <v>18</v>
      </c>
      <c r="AL18021">
        <v>19</v>
      </c>
      <c r="AM18021">
        <v>19</v>
      </c>
      <c r="AN18021">
        <v>19</v>
      </c>
      <c r="AO18021">
        <v>19</v>
      </c>
      <c r="AP18021">
        <v>20</v>
      </c>
      <c r="AQ18021">
        <v>20</v>
      </c>
    </row>
    <row r="18022" spans="1:43">
      <c r="A18022" t="s">
        <v>11162</v>
      </c>
      <c r="B18022" t="s">
        <v>11163</v>
      </c>
      <c r="C18022" t="s">
        <v>11036</v>
      </c>
      <c r="D18022" t="s">
        <v>11037</v>
      </c>
      <c r="E18022" t="s">
        <v>10982</v>
      </c>
      <c r="F18022" t="s">
        <v>10983</v>
      </c>
      <c r="G18022" t="s">
        <v>10734</v>
      </c>
      <c r="H18022" t="s">
        <v>10735</v>
      </c>
      <c r="I18022" s="2">
        <v>1</v>
      </c>
      <c r="J18022" s="2">
        <v>0</v>
      </c>
      <c r="K18022" s="2">
        <v>0</v>
      </c>
      <c r="L18022" t="s">
        <v>120</v>
      </c>
      <c r="M18022" t="s">
        <v>83</v>
      </c>
      <c r="N18022" t="s">
        <v>84</v>
      </c>
      <c r="O18022" t="s">
        <v>85</v>
      </c>
      <c r="P18022" t="s">
        <v>86</v>
      </c>
      <c r="Q18022">
        <v>2</v>
      </c>
      <c r="R18022">
        <v>2</v>
      </c>
      <c r="S18022">
        <v>2</v>
      </c>
      <c r="T18022">
        <v>2</v>
      </c>
      <c r="U18022">
        <v>2</v>
      </c>
      <c r="V18022">
        <v>2</v>
      </c>
      <c r="W18022">
        <v>3</v>
      </c>
      <c r="X18022">
        <v>3</v>
      </c>
      <c r="Y18022">
        <v>3</v>
      </c>
      <c r="Z18022">
        <v>3</v>
      </c>
      <c r="AA18022">
        <v>3</v>
      </c>
      <c r="AB18022">
        <v>3</v>
      </c>
      <c r="AC18022">
        <v>3</v>
      </c>
      <c r="AD18022">
        <v>3</v>
      </c>
      <c r="AE18022">
        <v>3</v>
      </c>
      <c r="AF18022">
        <v>3</v>
      </c>
      <c r="AG18022">
        <v>3</v>
      </c>
      <c r="AH18022">
        <v>3</v>
      </c>
      <c r="AI18022">
        <v>3</v>
      </c>
      <c r="AJ18022">
        <v>3</v>
      </c>
      <c r="AK18022">
        <v>3</v>
      </c>
      <c r="AL18022">
        <v>3</v>
      </c>
      <c r="AM18022">
        <v>3</v>
      </c>
      <c r="AN18022">
        <v>3</v>
      </c>
      <c r="AO18022">
        <v>3</v>
      </c>
      <c r="AP18022">
        <v>3</v>
      </c>
      <c r="AQ18022">
        <v>4</v>
      </c>
    </row>
    <row r="18023" spans="1:43">
      <c r="A18023" t="s">
        <v>11162</v>
      </c>
      <c r="B18023" t="s">
        <v>11163</v>
      </c>
      <c r="C18023" t="s">
        <v>11036</v>
      </c>
      <c r="D18023" t="s">
        <v>11037</v>
      </c>
      <c r="E18023" t="s">
        <v>10982</v>
      </c>
      <c r="F18023" t="s">
        <v>10983</v>
      </c>
      <c r="G18023" t="s">
        <v>10734</v>
      </c>
      <c r="H18023" t="s">
        <v>10735</v>
      </c>
      <c r="I18023" s="2">
        <v>1</v>
      </c>
      <c r="J18023" s="2">
        <v>0</v>
      </c>
      <c r="K18023" s="2">
        <v>0</v>
      </c>
      <c r="L18023" t="s">
        <v>120</v>
      </c>
      <c r="M18023" t="s">
        <v>87</v>
      </c>
      <c r="N18023" t="s">
        <v>88</v>
      </c>
      <c r="O18023" t="s">
        <v>85</v>
      </c>
      <c r="P18023" t="s">
        <v>86</v>
      </c>
      <c r="Q18023">
        <v>2</v>
      </c>
      <c r="R18023">
        <v>2</v>
      </c>
      <c r="S18023">
        <v>2</v>
      </c>
      <c r="T18023">
        <v>2</v>
      </c>
      <c r="U18023">
        <v>2</v>
      </c>
      <c r="V18023">
        <v>2</v>
      </c>
      <c r="W18023">
        <v>2</v>
      </c>
      <c r="X18023">
        <v>2</v>
      </c>
      <c r="Y18023">
        <v>2</v>
      </c>
      <c r="Z18023">
        <v>2</v>
      </c>
      <c r="AA18023">
        <v>2</v>
      </c>
      <c r="AB18023">
        <v>3</v>
      </c>
      <c r="AC18023">
        <v>3</v>
      </c>
      <c r="AD18023">
        <v>3</v>
      </c>
      <c r="AE18023">
        <v>3</v>
      </c>
      <c r="AF18023">
        <v>3</v>
      </c>
      <c r="AG18023">
        <v>3</v>
      </c>
      <c r="AH18023">
        <v>3</v>
      </c>
      <c r="AI18023">
        <v>3</v>
      </c>
      <c r="AJ18023">
        <v>3</v>
      </c>
      <c r="AK18023">
        <v>3</v>
      </c>
      <c r="AL18023">
        <v>3</v>
      </c>
      <c r="AM18023">
        <v>3</v>
      </c>
      <c r="AN18023">
        <v>3</v>
      </c>
      <c r="AO18023">
        <v>3</v>
      </c>
      <c r="AP18023">
        <v>3</v>
      </c>
      <c r="AQ18023">
        <v>3</v>
      </c>
    </row>
    <row r="18024" spans="1:43">
      <c r="A18024" t="s">
        <v>11162</v>
      </c>
      <c r="B18024" t="s">
        <v>11163</v>
      </c>
      <c r="C18024" t="s">
        <v>11036</v>
      </c>
      <c r="D18024" t="s">
        <v>11037</v>
      </c>
      <c r="E18024" t="s">
        <v>10982</v>
      </c>
      <c r="F18024" t="s">
        <v>10983</v>
      </c>
      <c r="G18024" t="s">
        <v>10734</v>
      </c>
      <c r="H18024" t="s">
        <v>10735</v>
      </c>
      <c r="I18024" s="2">
        <v>1</v>
      </c>
      <c r="J18024" s="2">
        <v>0</v>
      </c>
      <c r="K18024" s="2">
        <v>0</v>
      </c>
      <c r="L18024" t="s">
        <v>120</v>
      </c>
      <c r="M18024" t="s">
        <v>89</v>
      </c>
      <c r="N18024" t="s">
        <v>90</v>
      </c>
      <c r="O18024" t="s">
        <v>85</v>
      </c>
      <c r="P18024" t="s">
        <v>86</v>
      </c>
      <c r="Q18024">
        <v>2</v>
      </c>
      <c r="R18024">
        <v>2</v>
      </c>
      <c r="S18024">
        <v>2</v>
      </c>
      <c r="T18024">
        <v>2</v>
      </c>
      <c r="U18024">
        <v>3</v>
      </c>
      <c r="V18024">
        <v>3</v>
      </c>
      <c r="W18024">
        <v>3</v>
      </c>
      <c r="X18024">
        <v>3</v>
      </c>
      <c r="Y18024">
        <v>3</v>
      </c>
      <c r="Z18024">
        <v>3</v>
      </c>
      <c r="AA18024">
        <v>3</v>
      </c>
      <c r="AB18024">
        <v>3</v>
      </c>
      <c r="AC18024">
        <v>3</v>
      </c>
      <c r="AD18024">
        <v>3</v>
      </c>
      <c r="AE18024">
        <v>3</v>
      </c>
      <c r="AF18024">
        <v>3</v>
      </c>
      <c r="AG18024">
        <v>3</v>
      </c>
      <c r="AH18024">
        <v>3</v>
      </c>
      <c r="AI18024">
        <v>3</v>
      </c>
      <c r="AJ18024">
        <v>3</v>
      </c>
      <c r="AK18024">
        <v>3</v>
      </c>
      <c r="AL18024">
        <v>3</v>
      </c>
      <c r="AM18024">
        <v>3</v>
      </c>
      <c r="AN18024">
        <v>3</v>
      </c>
      <c r="AO18024">
        <v>3</v>
      </c>
      <c r="AP18024">
        <v>4</v>
      </c>
      <c r="AQ18024">
        <v>4</v>
      </c>
    </row>
    <row r="18025" spans="1:43">
      <c r="A18025" t="s">
        <v>11162</v>
      </c>
      <c r="B18025" t="s">
        <v>11163</v>
      </c>
      <c r="C18025" t="s">
        <v>11036</v>
      </c>
      <c r="D18025" t="s">
        <v>11037</v>
      </c>
      <c r="E18025" t="s">
        <v>10982</v>
      </c>
      <c r="F18025" t="s">
        <v>10983</v>
      </c>
      <c r="G18025" t="s">
        <v>10734</v>
      </c>
      <c r="H18025" t="s">
        <v>10735</v>
      </c>
      <c r="I18025" s="2">
        <v>1</v>
      </c>
      <c r="J18025" s="2">
        <v>0</v>
      </c>
      <c r="K18025" s="2">
        <v>0</v>
      </c>
      <c r="L18025" t="s">
        <v>120</v>
      </c>
      <c r="M18025" t="s">
        <v>83</v>
      </c>
      <c r="N18025" t="s">
        <v>91</v>
      </c>
      <c r="O18025" t="s">
        <v>85</v>
      </c>
      <c r="P18025" t="s">
        <v>86</v>
      </c>
      <c r="Q18025">
        <v>2</v>
      </c>
      <c r="R18025">
        <v>2</v>
      </c>
      <c r="S18025">
        <v>2</v>
      </c>
      <c r="T18025">
        <v>2</v>
      </c>
      <c r="U18025">
        <v>2</v>
      </c>
      <c r="V18025">
        <v>2</v>
      </c>
      <c r="W18025">
        <v>3</v>
      </c>
      <c r="X18025">
        <v>3</v>
      </c>
      <c r="Y18025">
        <v>3</v>
      </c>
      <c r="Z18025">
        <v>3</v>
      </c>
      <c r="AA18025">
        <v>3</v>
      </c>
      <c r="AB18025">
        <v>3</v>
      </c>
      <c r="AC18025">
        <v>3</v>
      </c>
      <c r="AD18025">
        <v>3</v>
      </c>
      <c r="AE18025">
        <v>3</v>
      </c>
      <c r="AF18025">
        <v>3</v>
      </c>
      <c r="AG18025">
        <v>3</v>
      </c>
      <c r="AH18025">
        <v>3</v>
      </c>
      <c r="AI18025">
        <v>3</v>
      </c>
      <c r="AJ18025">
        <v>3</v>
      </c>
      <c r="AK18025">
        <v>3</v>
      </c>
      <c r="AL18025">
        <v>3</v>
      </c>
      <c r="AM18025">
        <v>3</v>
      </c>
      <c r="AN18025">
        <v>3</v>
      </c>
      <c r="AO18025">
        <v>3</v>
      </c>
      <c r="AP18025">
        <v>3</v>
      </c>
      <c r="AQ18025">
        <v>4</v>
      </c>
    </row>
    <row r="18026" spans="1:43">
      <c r="A18026" t="s">
        <v>11164</v>
      </c>
      <c r="B18026" t="s">
        <v>11165</v>
      </c>
      <c r="C18026" t="s">
        <v>11042</v>
      </c>
      <c r="D18026" t="s">
        <v>11043</v>
      </c>
      <c r="E18026" t="s">
        <v>10982</v>
      </c>
      <c r="F18026" t="s">
        <v>10983</v>
      </c>
      <c r="G18026" t="s">
        <v>10734</v>
      </c>
      <c r="H18026" t="s">
        <v>10735</v>
      </c>
      <c r="I18026" s="2">
        <v>1</v>
      </c>
      <c r="J18026" s="2">
        <v>0</v>
      </c>
      <c r="K18026" s="2">
        <v>0</v>
      </c>
      <c r="L18026" t="s">
        <v>120</v>
      </c>
      <c r="M18026" t="s">
        <v>83</v>
      </c>
      <c r="N18026" t="s">
        <v>84</v>
      </c>
      <c r="O18026" t="s">
        <v>85</v>
      </c>
      <c r="P18026" t="s">
        <v>86</v>
      </c>
      <c r="Q18026">
        <v>7</v>
      </c>
      <c r="R18026">
        <v>7</v>
      </c>
      <c r="S18026">
        <v>7</v>
      </c>
      <c r="T18026">
        <v>7</v>
      </c>
      <c r="U18026">
        <v>7</v>
      </c>
      <c r="V18026">
        <v>7</v>
      </c>
      <c r="W18026">
        <v>8</v>
      </c>
      <c r="X18026">
        <v>8</v>
      </c>
      <c r="Y18026">
        <v>8</v>
      </c>
      <c r="Z18026">
        <v>8</v>
      </c>
      <c r="AA18026">
        <v>8</v>
      </c>
      <c r="AB18026">
        <v>8</v>
      </c>
      <c r="AC18026">
        <v>9</v>
      </c>
      <c r="AD18026">
        <v>9</v>
      </c>
      <c r="AE18026">
        <v>9</v>
      </c>
      <c r="AF18026">
        <v>9</v>
      </c>
      <c r="AG18026">
        <v>9</v>
      </c>
      <c r="AH18026">
        <v>9</v>
      </c>
      <c r="AI18026">
        <v>10</v>
      </c>
      <c r="AJ18026">
        <v>10</v>
      </c>
      <c r="AK18026">
        <v>10</v>
      </c>
      <c r="AL18026">
        <v>10</v>
      </c>
      <c r="AM18026">
        <v>10</v>
      </c>
      <c r="AN18026">
        <v>10</v>
      </c>
      <c r="AO18026">
        <v>11</v>
      </c>
      <c r="AP18026">
        <v>11</v>
      </c>
      <c r="AQ18026">
        <v>11</v>
      </c>
    </row>
    <row r="18027" spans="1:43">
      <c r="A18027" t="s">
        <v>11164</v>
      </c>
      <c r="B18027" t="s">
        <v>11165</v>
      </c>
      <c r="C18027" t="s">
        <v>11042</v>
      </c>
      <c r="D18027" t="s">
        <v>11043</v>
      </c>
      <c r="E18027" t="s">
        <v>10982</v>
      </c>
      <c r="F18027" t="s">
        <v>10983</v>
      </c>
      <c r="G18027" t="s">
        <v>10734</v>
      </c>
      <c r="H18027" t="s">
        <v>10735</v>
      </c>
      <c r="I18027" s="2">
        <v>1</v>
      </c>
      <c r="J18027" s="2">
        <v>0</v>
      </c>
      <c r="K18027" s="2">
        <v>0</v>
      </c>
      <c r="L18027" t="s">
        <v>120</v>
      </c>
      <c r="M18027" t="s">
        <v>87</v>
      </c>
      <c r="N18027" t="s">
        <v>88</v>
      </c>
      <c r="O18027" t="s">
        <v>85</v>
      </c>
      <c r="P18027" t="s">
        <v>86</v>
      </c>
      <c r="Q18027">
        <v>7</v>
      </c>
      <c r="R18027">
        <v>7</v>
      </c>
      <c r="S18027">
        <v>7</v>
      </c>
      <c r="T18027">
        <v>7</v>
      </c>
      <c r="U18027">
        <v>7</v>
      </c>
      <c r="V18027">
        <v>7</v>
      </c>
      <c r="W18027">
        <v>7</v>
      </c>
      <c r="X18027">
        <v>7</v>
      </c>
      <c r="Y18027">
        <v>7</v>
      </c>
      <c r="Z18027">
        <v>7</v>
      </c>
      <c r="AA18027">
        <v>8</v>
      </c>
      <c r="AB18027">
        <v>8</v>
      </c>
      <c r="AC18027">
        <v>8</v>
      </c>
      <c r="AD18027">
        <v>8</v>
      </c>
      <c r="AE18027">
        <v>8</v>
      </c>
      <c r="AF18027">
        <v>8</v>
      </c>
      <c r="AG18027">
        <v>8</v>
      </c>
      <c r="AH18027">
        <v>8</v>
      </c>
      <c r="AI18027">
        <v>8</v>
      </c>
      <c r="AJ18027">
        <v>9</v>
      </c>
      <c r="AK18027">
        <v>9</v>
      </c>
      <c r="AL18027">
        <v>9</v>
      </c>
      <c r="AM18027">
        <v>9</v>
      </c>
      <c r="AN18027">
        <v>9</v>
      </c>
      <c r="AO18027">
        <v>9</v>
      </c>
      <c r="AP18027">
        <v>9</v>
      </c>
      <c r="AQ18027">
        <v>9</v>
      </c>
    </row>
    <row r="18028" spans="1:43">
      <c r="A18028" t="s">
        <v>11164</v>
      </c>
      <c r="B18028" t="s">
        <v>11165</v>
      </c>
      <c r="C18028" t="s">
        <v>11042</v>
      </c>
      <c r="D18028" t="s">
        <v>11043</v>
      </c>
      <c r="E18028" t="s">
        <v>10982</v>
      </c>
      <c r="F18028" t="s">
        <v>10983</v>
      </c>
      <c r="G18028" t="s">
        <v>10734</v>
      </c>
      <c r="H18028" t="s">
        <v>10735</v>
      </c>
      <c r="I18028" s="2">
        <v>1</v>
      </c>
      <c r="J18028" s="2">
        <v>0</v>
      </c>
      <c r="K18028" s="2">
        <v>0</v>
      </c>
      <c r="L18028" t="s">
        <v>120</v>
      </c>
      <c r="M18028" t="s">
        <v>89</v>
      </c>
      <c r="N18028" t="s">
        <v>90</v>
      </c>
      <c r="O18028" t="s">
        <v>85</v>
      </c>
      <c r="P18028" t="s">
        <v>86</v>
      </c>
      <c r="Q18028">
        <v>7</v>
      </c>
      <c r="R18028">
        <v>7</v>
      </c>
      <c r="S18028">
        <v>7</v>
      </c>
      <c r="T18028">
        <v>7</v>
      </c>
      <c r="U18028">
        <v>8</v>
      </c>
      <c r="V18028">
        <v>8</v>
      </c>
      <c r="W18028">
        <v>8</v>
      </c>
      <c r="X18028">
        <v>8</v>
      </c>
      <c r="Y18028">
        <v>8</v>
      </c>
      <c r="Z18028">
        <v>9</v>
      </c>
      <c r="AA18028">
        <v>9</v>
      </c>
      <c r="AB18028">
        <v>9</v>
      </c>
      <c r="AC18028">
        <v>9</v>
      </c>
      <c r="AD18028">
        <v>9</v>
      </c>
      <c r="AE18028">
        <v>10</v>
      </c>
      <c r="AF18028">
        <v>10</v>
      </c>
      <c r="AG18028">
        <v>10</v>
      </c>
      <c r="AH18028">
        <v>10</v>
      </c>
      <c r="AI18028">
        <v>10</v>
      </c>
      <c r="AJ18028">
        <v>10</v>
      </c>
      <c r="AK18028">
        <v>10</v>
      </c>
      <c r="AL18028">
        <v>10</v>
      </c>
      <c r="AM18028">
        <v>10</v>
      </c>
      <c r="AN18028">
        <v>11</v>
      </c>
      <c r="AO18028">
        <v>11</v>
      </c>
      <c r="AP18028">
        <v>11</v>
      </c>
      <c r="AQ18028">
        <v>11</v>
      </c>
    </row>
    <row r="18029" spans="1:43">
      <c r="A18029" t="s">
        <v>11164</v>
      </c>
      <c r="B18029" t="s">
        <v>11165</v>
      </c>
      <c r="C18029" t="s">
        <v>11042</v>
      </c>
      <c r="D18029" t="s">
        <v>11043</v>
      </c>
      <c r="E18029" t="s">
        <v>10982</v>
      </c>
      <c r="F18029" t="s">
        <v>10983</v>
      </c>
      <c r="G18029" t="s">
        <v>10734</v>
      </c>
      <c r="H18029" t="s">
        <v>10735</v>
      </c>
      <c r="I18029" s="2">
        <v>1</v>
      </c>
      <c r="J18029" s="2">
        <v>0</v>
      </c>
      <c r="K18029" s="2">
        <v>0</v>
      </c>
      <c r="L18029" t="s">
        <v>120</v>
      </c>
      <c r="M18029" t="s">
        <v>83</v>
      </c>
      <c r="N18029" t="s">
        <v>91</v>
      </c>
      <c r="O18029" t="s">
        <v>85</v>
      </c>
      <c r="P18029" t="s">
        <v>86</v>
      </c>
      <c r="Q18029">
        <v>7</v>
      </c>
      <c r="R18029">
        <v>7</v>
      </c>
      <c r="S18029">
        <v>7</v>
      </c>
      <c r="T18029">
        <v>7</v>
      </c>
      <c r="U18029">
        <v>7</v>
      </c>
      <c r="V18029">
        <v>7</v>
      </c>
      <c r="W18029">
        <v>8</v>
      </c>
      <c r="X18029">
        <v>8</v>
      </c>
      <c r="Y18029">
        <v>8</v>
      </c>
      <c r="Z18029">
        <v>8</v>
      </c>
      <c r="AA18029">
        <v>8</v>
      </c>
      <c r="AB18029">
        <v>8</v>
      </c>
      <c r="AC18029">
        <v>9</v>
      </c>
      <c r="AD18029">
        <v>9</v>
      </c>
      <c r="AE18029">
        <v>9</v>
      </c>
      <c r="AF18029">
        <v>9</v>
      </c>
      <c r="AG18029">
        <v>9</v>
      </c>
      <c r="AH18029">
        <v>9</v>
      </c>
      <c r="AI18029">
        <v>10</v>
      </c>
      <c r="AJ18029">
        <v>10</v>
      </c>
      <c r="AK18029">
        <v>10</v>
      </c>
      <c r="AL18029">
        <v>10</v>
      </c>
      <c r="AM18029">
        <v>10</v>
      </c>
      <c r="AN18029">
        <v>10</v>
      </c>
      <c r="AO18029">
        <v>11</v>
      </c>
      <c r="AP18029">
        <v>11</v>
      </c>
      <c r="AQ18029">
        <v>11</v>
      </c>
    </row>
    <row r="18030" spans="1:43">
      <c r="A18030" t="s">
        <v>11166</v>
      </c>
      <c r="B18030" t="s">
        <v>11167</v>
      </c>
      <c r="C18030" t="s">
        <v>11036</v>
      </c>
      <c r="D18030" t="s">
        <v>11037</v>
      </c>
      <c r="E18030" t="s">
        <v>10982</v>
      </c>
      <c r="F18030" t="s">
        <v>10983</v>
      </c>
      <c r="G18030" t="s">
        <v>10734</v>
      </c>
      <c r="H18030" t="s">
        <v>10735</v>
      </c>
      <c r="I18030" s="2">
        <v>1</v>
      </c>
      <c r="J18030" s="2">
        <v>0</v>
      </c>
      <c r="K18030" s="2">
        <v>0</v>
      </c>
      <c r="L18030" t="s">
        <v>120</v>
      </c>
      <c r="M18030" t="s">
        <v>83</v>
      </c>
      <c r="N18030" t="s">
        <v>84</v>
      </c>
      <c r="O18030" t="s">
        <v>85</v>
      </c>
      <c r="P18030" t="s">
        <v>86</v>
      </c>
      <c r="Q18030">
        <v>5</v>
      </c>
      <c r="R18030">
        <v>6</v>
      </c>
      <c r="S18030">
        <v>6</v>
      </c>
      <c r="T18030">
        <v>6</v>
      </c>
      <c r="U18030">
        <v>6</v>
      </c>
      <c r="V18030">
        <v>6</v>
      </c>
      <c r="W18030">
        <v>6</v>
      </c>
      <c r="X18030">
        <v>6</v>
      </c>
      <c r="Y18030">
        <v>6</v>
      </c>
      <c r="Z18030">
        <v>7</v>
      </c>
      <c r="AA18030">
        <v>7</v>
      </c>
      <c r="AB18030">
        <v>7</v>
      </c>
      <c r="AC18030">
        <v>7</v>
      </c>
      <c r="AD18030">
        <v>7</v>
      </c>
      <c r="AE18030">
        <v>7</v>
      </c>
      <c r="AF18030">
        <v>7</v>
      </c>
      <c r="AG18030">
        <v>8</v>
      </c>
      <c r="AH18030">
        <v>8</v>
      </c>
      <c r="AI18030">
        <v>8</v>
      </c>
      <c r="AJ18030">
        <v>8</v>
      </c>
      <c r="AK18030">
        <v>8</v>
      </c>
      <c r="AL18030">
        <v>8</v>
      </c>
      <c r="AM18030">
        <v>8</v>
      </c>
      <c r="AN18030">
        <v>8</v>
      </c>
      <c r="AO18030">
        <v>9</v>
      </c>
      <c r="AP18030">
        <v>9</v>
      </c>
      <c r="AQ18030">
        <v>9</v>
      </c>
    </row>
    <row r="18031" spans="1:43">
      <c r="A18031" t="s">
        <v>11166</v>
      </c>
      <c r="B18031" t="s">
        <v>11167</v>
      </c>
      <c r="C18031" t="s">
        <v>11036</v>
      </c>
      <c r="D18031" t="s">
        <v>11037</v>
      </c>
      <c r="E18031" t="s">
        <v>10982</v>
      </c>
      <c r="F18031" t="s">
        <v>10983</v>
      </c>
      <c r="G18031" t="s">
        <v>10734</v>
      </c>
      <c r="H18031" t="s">
        <v>10735</v>
      </c>
      <c r="I18031" s="2">
        <v>1</v>
      </c>
      <c r="J18031" s="2">
        <v>0</v>
      </c>
      <c r="K18031" s="2">
        <v>0</v>
      </c>
      <c r="L18031" t="s">
        <v>120</v>
      </c>
      <c r="M18031" t="s">
        <v>87</v>
      </c>
      <c r="N18031" t="s">
        <v>88</v>
      </c>
      <c r="O18031" t="s">
        <v>85</v>
      </c>
      <c r="P18031" t="s">
        <v>86</v>
      </c>
      <c r="Q18031">
        <v>5</v>
      </c>
      <c r="R18031">
        <v>5</v>
      </c>
      <c r="S18031">
        <v>6</v>
      </c>
      <c r="T18031">
        <v>6</v>
      </c>
      <c r="U18031">
        <v>6</v>
      </c>
      <c r="V18031">
        <v>6</v>
      </c>
      <c r="W18031">
        <v>6</v>
      </c>
      <c r="X18031">
        <v>6</v>
      </c>
      <c r="Y18031">
        <v>6</v>
      </c>
      <c r="Z18031">
        <v>6</v>
      </c>
      <c r="AA18031">
        <v>6</v>
      </c>
      <c r="AB18031">
        <v>6</v>
      </c>
      <c r="AC18031">
        <v>6</v>
      </c>
      <c r="AD18031">
        <v>6</v>
      </c>
      <c r="AE18031">
        <v>6</v>
      </c>
      <c r="AF18031">
        <v>7</v>
      </c>
      <c r="AG18031">
        <v>7</v>
      </c>
      <c r="AH18031">
        <v>7</v>
      </c>
      <c r="AI18031">
        <v>7</v>
      </c>
      <c r="AJ18031">
        <v>7</v>
      </c>
      <c r="AK18031">
        <v>7</v>
      </c>
      <c r="AL18031">
        <v>7</v>
      </c>
      <c r="AM18031">
        <v>7</v>
      </c>
      <c r="AN18031">
        <v>7</v>
      </c>
      <c r="AO18031">
        <v>7</v>
      </c>
      <c r="AP18031">
        <v>7</v>
      </c>
      <c r="AQ18031">
        <v>8</v>
      </c>
    </row>
    <row r="18032" spans="1:43">
      <c r="A18032" t="s">
        <v>11166</v>
      </c>
      <c r="B18032" t="s">
        <v>11167</v>
      </c>
      <c r="C18032" t="s">
        <v>11036</v>
      </c>
      <c r="D18032" t="s">
        <v>11037</v>
      </c>
      <c r="E18032" t="s">
        <v>10982</v>
      </c>
      <c r="F18032" t="s">
        <v>10983</v>
      </c>
      <c r="G18032" t="s">
        <v>10734</v>
      </c>
      <c r="H18032" t="s">
        <v>10735</v>
      </c>
      <c r="I18032" s="2">
        <v>1</v>
      </c>
      <c r="J18032" s="2">
        <v>0</v>
      </c>
      <c r="K18032" s="2">
        <v>0</v>
      </c>
      <c r="L18032" t="s">
        <v>120</v>
      </c>
      <c r="M18032" t="s">
        <v>89</v>
      </c>
      <c r="N18032" t="s">
        <v>90</v>
      </c>
      <c r="O18032" t="s">
        <v>85</v>
      </c>
      <c r="P18032" t="s">
        <v>86</v>
      </c>
      <c r="Q18032">
        <v>5</v>
      </c>
      <c r="R18032">
        <v>6</v>
      </c>
      <c r="S18032">
        <v>6</v>
      </c>
      <c r="T18032">
        <v>6</v>
      </c>
      <c r="U18032">
        <v>6</v>
      </c>
      <c r="V18032">
        <v>6</v>
      </c>
      <c r="W18032">
        <v>6</v>
      </c>
      <c r="X18032">
        <v>7</v>
      </c>
      <c r="Y18032">
        <v>7</v>
      </c>
      <c r="Z18032">
        <v>7</v>
      </c>
      <c r="AA18032">
        <v>7</v>
      </c>
      <c r="AB18032">
        <v>7</v>
      </c>
      <c r="AC18032">
        <v>7</v>
      </c>
      <c r="AD18032">
        <v>8</v>
      </c>
      <c r="AE18032">
        <v>8</v>
      </c>
      <c r="AF18032">
        <v>8</v>
      </c>
      <c r="AG18032">
        <v>8</v>
      </c>
      <c r="AH18032">
        <v>8</v>
      </c>
      <c r="AI18032">
        <v>8</v>
      </c>
      <c r="AJ18032">
        <v>8</v>
      </c>
      <c r="AK18032">
        <v>8</v>
      </c>
      <c r="AL18032">
        <v>8</v>
      </c>
      <c r="AM18032">
        <v>8</v>
      </c>
      <c r="AN18032">
        <v>8</v>
      </c>
      <c r="AO18032">
        <v>9</v>
      </c>
      <c r="AP18032">
        <v>9</v>
      </c>
      <c r="AQ18032">
        <v>9</v>
      </c>
    </row>
    <row r="18033" spans="1:43">
      <c r="A18033" t="s">
        <v>11166</v>
      </c>
      <c r="B18033" t="s">
        <v>11167</v>
      </c>
      <c r="C18033" t="s">
        <v>11036</v>
      </c>
      <c r="D18033" t="s">
        <v>11037</v>
      </c>
      <c r="E18033" t="s">
        <v>10982</v>
      </c>
      <c r="F18033" t="s">
        <v>10983</v>
      </c>
      <c r="G18033" t="s">
        <v>10734</v>
      </c>
      <c r="H18033" t="s">
        <v>10735</v>
      </c>
      <c r="I18033" s="2">
        <v>1</v>
      </c>
      <c r="J18033" s="2">
        <v>0</v>
      </c>
      <c r="K18033" s="2">
        <v>0</v>
      </c>
      <c r="L18033" t="s">
        <v>120</v>
      </c>
      <c r="M18033" t="s">
        <v>83</v>
      </c>
      <c r="N18033" t="s">
        <v>91</v>
      </c>
      <c r="O18033" t="s">
        <v>85</v>
      </c>
      <c r="P18033" t="s">
        <v>86</v>
      </c>
      <c r="Q18033">
        <v>5</v>
      </c>
      <c r="R18033">
        <v>6</v>
      </c>
      <c r="S18033">
        <v>6</v>
      </c>
      <c r="T18033">
        <v>6</v>
      </c>
      <c r="U18033">
        <v>6</v>
      </c>
      <c r="V18033">
        <v>6</v>
      </c>
      <c r="W18033">
        <v>6</v>
      </c>
      <c r="X18033">
        <v>6</v>
      </c>
      <c r="Y18033">
        <v>6</v>
      </c>
      <c r="Z18033">
        <v>7</v>
      </c>
      <c r="AA18033">
        <v>7</v>
      </c>
      <c r="AB18033">
        <v>7</v>
      </c>
      <c r="AC18033">
        <v>7</v>
      </c>
      <c r="AD18033">
        <v>7</v>
      </c>
      <c r="AE18033">
        <v>7</v>
      </c>
      <c r="AF18033">
        <v>7</v>
      </c>
      <c r="AG18033">
        <v>8</v>
      </c>
      <c r="AH18033">
        <v>8</v>
      </c>
      <c r="AI18033">
        <v>8</v>
      </c>
      <c r="AJ18033">
        <v>8</v>
      </c>
      <c r="AK18033">
        <v>8</v>
      </c>
      <c r="AL18033">
        <v>8</v>
      </c>
      <c r="AM18033">
        <v>8</v>
      </c>
      <c r="AN18033">
        <v>8</v>
      </c>
      <c r="AO18033">
        <v>9</v>
      </c>
      <c r="AP18033">
        <v>9</v>
      </c>
      <c r="AQ18033">
        <v>9</v>
      </c>
    </row>
    <row r="18034" spans="1:43">
      <c r="A18034" t="s">
        <v>11168</v>
      </c>
      <c r="B18034" t="s">
        <v>11169</v>
      </c>
      <c r="C18034" t="s">
        <v>11146</v>
      </c>
      <c r="D18034" t="s">
        <v>11147</v>
      </c>
      <c r="E18034" t="s">
        <v>10982</v>
      </c>
      <c r="F18034" t="s">
        <v>10983</v>
      </c>
      <c r="G18034" t="s">
        <v>10734</v>
      </c>
      <c r="H18034" t="s">
        <v>10735</v>
      </c>
      <c r="I18034" s="2">
        <v>1</v>
      </c>
      <c r="J18034" s="2">
        <v>0</v>
      </c>
      <c r="K18034" s="2">
        <v>0</v>
      </c>
      <c r="L18034" t="s">
        <v>120</v>
      </c>
      <c r="M18034" t="s">
        <v>83</v>
      </c>
      <c r="N18034" t="s">
        <v>84</v>
      </c>
      <c r="O18034" t="s">
        <v>85</v>
      </c>
      <c r="P18034" t="s">
        <v>86</v>
      </c>
      <c r="Q18034">
        <v>7</v>
      </c>
      <c r="R18034">
        <v>7</v>
      </c>
      <c r="S18034">
        <v>8</v>
      </c>
      <c r="T18034">
        <v>8</v>
      </c>
      <c r="U18034">
        <v>8</v>
      </c>
      <c r="V18034">
        <v>8</v>
      </c>
      <c r="W18034">
        <v>8</v>
      </c>
      <c r="X18034">
        <v>8</v>
      </c>
      <c r="Y18034">
        <v>9</v>
      </c>
      <c r="Z18034">
        <v>9</v>
      </c>
      <c r="AA18034">
        <v>9</v>
      </c>
      <c r="AB18034">
        <v>9</v>
      </c>
      <c r="AC18034">
        <v>9</v>
      </c>
      <c r="AD18034">
        <v>9</v>
      </c>
      <c r="AE18034">
        <v>10</v>
      </c>
      <c r="AF18034">
        <v>10</v>
      </c>
      <c r="AG18034">
        <v>10</v>
      </c>
      <c r="AH18034">
        <v>10</v>
      </c>
      <c r="AI18034">
        <v>10</v>
      </c>
      <c r="AJ18034">
        <v>11</v>
      </c>
      <c r="AK18034">
        <v>11</v>
      </c>
      <c r="AL18034">
        <v>11</v>
      </c>
      <c r="AM18034">
        <v>11</v>
      </c>
      <c r="AN18034">
        <v>11</v>
      </c>
      <c r="AO18034">
        <v>11</v>
      </c>
      <c r="AP18034">
        <v>11</v>
      </c>
      <c r="AQ18034">
        <v>12</v>
      </c>
    </row>
    <row r="18035" spans="1:43">
      <c r="A18035" t="s">
        <v>11168</v>
      </c>
      <c r="B18035" t="s">
        <v>11169</v>
      </c>
      <c r="C18035" t="s">
        <v>11146</v>
      </c>
      <c r="D18035" t="s">
        <v>11147</v>
      </c>
      <c r="E18035" t="s">
        <v>10982</v>
      </c>
      <c r="F18035" t="s">
        <v>10983</v>
      </c>
      <c r="G18035" t="s">
        <v>10734</v>
      </c>
      <c r="H18035" t="s">
        <v>10735</v>
      </c>
      <c r="I18035" s="2">
        <v>1</v>
      </c>
      <c r="J18035" s="2">
        <v>0</v>
      </c>
      <c r="K18035" s="2">
        <v>0</v>
      </c>
      <c r="L18035" t="s">
        <v>120</v>
      </c>
      <c r="M18035" t="s">
        <v>87</v>
      </c>
      <c r="N18035" t="s">
        <v>88</v>
      </c>
      <c r="O18035" t="s">
        <v>85</v>
      </c>
      <c r="P18035" t="s">
        <v>86</v>
      </c>
      <c r="Q18035">
        <v>7</v>
      </c>
      <c r="R18035">
        <v>7</v>
      </c>
      <c r="S18035">
        <v>7</v>
      </c>
      <c r="T18035">
        <v>7</v>
      </c>
      <c r="U18035">
        <v>8</v>
      </c>
      <c r="V18035">
        <v>8</v>
      </c>
      <c r="W18035">
        <v>8</v>
      </c>
      <c r="X18035">
        <v>8</v>
      </c>
      <c r="Y18035">
        <v>8</v>
      </c>
      <c r="Z18035">
        <v>8</v>
      </c>
      <c r="AA18035">
        <v>8</v>
      </c>
      <c r="AB18035">
        <v>8</v>
      </c>
      <c r="AC18035">
        <v>8</v>
      </c>
      <c r="AD18035">
        <v>8</v>
      </c>
      <c r="AE18035">
        <v>9</v>
      </c>
      <c r="AF18035">
        <v>9</v>
      </c>
      <c r="AG18035">
        <v>9</v>
      </c>
      <c r="AH18035">
        <v>9</v>
      </c>
      <c r="AI18035">
        <v>9</v>
      </c>
      <c r="AJ18035">
        <v>9</v>
      </c>
      <c r="AK18035">
        <v>9</v>
      </c>
      <c r="AL18035">
        <v>9</v>
      </c>
      <c r="AM18035">
        <v>10</v>
      </c>
      <c r="AN18035">
        <v>10</v>
      </c>
      <c r="AO18035">
        <v>10</v>
      </c>
      <c r="AP18035">
        <v>10</v>
      </c>
      <c r="AQ18035">
        <v>10</v>
      </c>
    </row>
    <row r="18036" spans="1:43">
      <c r="A18036" t="s">
        <v>11168</v>
      </c>
      <c r="B18036" t="s">
        <v>11169</v>
      </c>
      <c r="C18036" t="s">
        <v>11146</v>
      </c>
      <c r="D18036" t="s">
        <v>11147</v>
      </c>
      <c r="E18036" t="s">
        <v>10982</v>
      </c>
      <c r="F18036" t="s">
        <v>10983</v>
      </c>
      <c r="G18036" t="s">
        <v>10734</v>
      </c>
      <c r="H18036" t="s">
        <v>10735</v>
      </c>
      <c r="I18036" s="2">
        <v>1</v>
      </c>
      <c r="J18036" s="2">
        <v>0</v>
      </c>
      <c r="K18036" s="2">
        <v>0</v>
      </c>
      <c r="L18036" t="s">
        <v>120</v>
      </c>
      <c r="M18036" t="s">
        <v>89</v>
      </c>
      <c r="N18036" t="s">
        <v>90</v>
      </c>
      <c r="O18036" t="s">
        <v>85</v>
      </c>
      <c r="P18036" t="s">
        <v>86</v>
      </c>
      <c r="Q18036">
        <v>7</v>
      </c>
      <c r="R18036">
        <v>8</v>
      </c>
      <c r="S18036">
        <v>8</v>
      </c>
      <c r="T18036">
        <v>8</v>
      </c>
      <c r="U18036">
        <v>8</v>
      </c>
      <c r="V18036">
        <v>8</v>
      </c>
      <c r="W18036">
        <v>9</v>
      </c>
      <c r="X18036">
        <v>9</v>
      </c>
      <c r="Y18036">
        <v>9</v>
      </c>
      <c r="Z18036">
        <v>9</v>
      </c>
      <c r="AA18036">
        <v>10</v>
      </c>
      <c r="AB18036">
        <v>10</v>
      </c>
      <c r="AC18036">
        <v>10</v>
      </c>
      <c r="AD18036">
        <v>10</v>
      </c>
      <c r="AE18036">
        <v>10</v>
      </c>
      <c r="AF18036">
        <v>10</v>
      </c>
      <c r="AG18036">
        <v>11</v>
      </c>
      <c r="AH18036">
        <v>11</v>
      </c>
      <c r="AI18036">
        <v>11</v>
      </c>
      <c r="AJ18036">
        <v>11</v>
      </c>
      <c r="AK18036">
        <v>11</v>
      </c>
      <c r="AL18036">
        <v>11</v>
      </c>
      <c r="AM18036">
        <v>11</v>
      </c>
      <c r="AN18036">
        <v>11</v>
      </c>
      <c r="AO18036">
        <v>11</v>
      </c>
      <c r="AP18036">
        <v>12</v>
      </c>
      <c r="AQ18036">
        <v>12</v>
      </c>
    </row>
    <row r="18037" spans="1:43">
      <c r="A18037" t="s">
        <v>11168</v>
      </c>
      <c r="B18037" t="s">
        <v>11169</v>
      </c>
      <c r="C18037" t="s">
        <v>11146</v>
      </c>
      <c r="D18037" t="s">
        <v>11147</v>
      </c>
      <c r="E18037" t="s">
        <v>10982</v>
      </c>
      <c r="F18037" t="s">
        <v>10983</v>
      </c>
      <c r="G18037" t="s">
        <v>10734</v>
      </c>
      <c r="H18037" t="s">
        <v>10735</v>
      </c>
      <c r="I18037" s="2">
        <v>1</v>
      </c>
      <c r="J18037" s="2">
        <v>0</v>
      </c>
      <c r="K18037" s="2">
        <v>0</v>
      </c>
      <c r="L18037" t="s">
        <v>120</v>
      </c>
      <c r="M18037" t="s">
        <v>83</v>
      </c>
      <c r="N18037" t="s">
        <v>91</v>
      </c>
      <c r="O18037" t="s">
        <v>85</v>
      </c>
      <c r="P18037" t="s">
        <v>86</v>
      </c>
      <c r="Q18037">
        <v>7</v>
      </c>
      <c r="R18037">
        <v>7</v>
      </c>
      <c r="S18037">
        <v>8</v>
      </c>
      <c r="T18037">
        <v>8</v>
      </c>
      <c r="U18037">
        <v>8</v>
      </c>
      <c r="V18037">
        <v>8</v>
      </c>
      <c r="W18037">
        <v>8</v>
      </c>
      <c r="X18037">
        <v>8</v>
      </c>
      <c r="Y18037">
        <v>9</v>
      </c>
      <c r="Z18037">
        <v>9</v>
      </c>
      <c r="AA18037">
        <v>9</v>
      </c>
      <c r="AB18037">
        <v>9</v>
      </c>
      <c r="AC18037">
        <v>9</v>
      </c>
      <c r="AD18037">
        <v>9</v>
      </c>
      <c r="AE18037">
        <v>10</v>
      </c>
      <c r="AF18037">
        <v>10</v>
      </c>
      <c r="AG18037">
        <v>10</v>
      </c>
      <c r="AH18037">
        <v>10</v>
      </c>
      <c r="AI18037">
        <v>10</v>
      </c>
      <c r="AJ18037">
        <v>11</v>
      </c>
      <c r="AK18037">
        <v>11</v>
      </c>
      <c r="AL18037">
        <v>11</v>
      </c>
      <c r="AM18037">
        <v>11</v>
      </c>
      <c r="AN18037">
        <v>11</v>
      </c>
      <c r="AO18037">
        <v>11</v>
      </c>
      <c r="AP18037">
        <v>11</v>
      </c>
      <c r="AQ18037">
        <v>12</v>
      </c>
    </row>
    <row r="18038" spans="1:43">
      <c r="A18038" t="s">
        <v>11170</v>
      </c>
      <c r="B18038" t="s">
        <v>11171</v>
      </c>
      <c r="C18038" t="s">
        <v>11134</v>
      </c>
      <c r="D18038" t="s">
        <v>11135</v>
      </c>
      <c r="E18038" t="s">
        <v>10982</v>
      </c>
      <c r="F18038" t="s">
        <v>10983</v>
      </c>
      <c r="G18038" t="s">
        <v>10734</v>
      </c>
      <c r="H18038" t="s">
        <v>10735</v>
      </c>
      <c r="I18038" s="2">
        <v>1</v>
      </c>
      <c r="J18038" s="2">
        <v>0</v>
      </c>
      <c r="K18038" s="2">
        <v>0</v>
      </c>
      <c r="L18038" t="s">
        <v>120</v>
      </c>
      <c r="M18038" t="s">
        <v>83</v>
      </c>
      <c r="N18038" t="s">
        <v>84</v>
      </c>
      <c r="O18038" t="s">
        <v>85</v>
      </c>
      <c r="P18038" t="s">
        <v>86</v>
      </c>
      <c r="Q18038">
        <v>7</v>
      </c>
      <c r="R18038">
        <v>8</v>
      </c>
      <c r="S18038">
        <v>8</v>
      </c>
      <c r="T18038">
        <v>8</v>
      </c>
      <c r="U18038">
        <v>8</v>
      </c>
      <c r="V18038">
        <v>8</v>
      </c>
      <c r="W18038">
        <v>8</v>
      </c>
      <c r="X18038">
        <v>9</v>
      </c>
      <c r="Y18038">
        <v>9</v>
      </c>
      <c r="Z18038">
        <v>9</v>
      </c>
      <c r="AA18038">
        <v>9</v>
      </c>
      <c r="AB18038">
        <v>9</v>
      </c>
      <c r="AC18038">
        <v>10</v>
      </c>
      <c r="AD18038">
        <v>10</v>
      </c>
      <c r="AE18038">
        <v>10</v>
      </c>
      <c r="AF18038">
        <v>10</v>
      </c>
      <c r="AG18038">
        <v>10</v>
      </c>
      <c r="AH18038">
        <v>11</v>
      </c>
      <c r="AI18038">
        <v>11</v>
      </c>
      <c r="AJ18038">
        <v>11</v>
      </c>
      <c r="AK18038">
        <v>11</v>
      </c>
      <c r="AL18038">
        <v>11</v>
      </c>
      <c r="AM18038">
        <v>11</v>
      </c>
      <c r="AN18038">
        <v>12</v>
      </c>
      <c r="AO18038">
        <v>12</v>
      </c>
      <c r="AP18038">
        <v>12</v>
      </c>
      <c r="AQ18038">
        <v>12</v>
      </c>
    </row>
    <row r="18039" spans="1:43">
      <c r="A18039" t="s">
        <v>11170</v>
      </c>
      <c r="B18039" t="s">
        <v>11171</v>
      </c>
      <c r="C18039" t="s">
        <v>11134</v>
      </c>
      <c r="D18039" t="s">
        <v>11135</v>
      </c>
      <c r="E18039" t="s">
        <v>10982</v>
      </c>
      <c r="F18039" t="s">
        <v>10983</v>
      </c>
      <c r="G18039" t="s">
        <v>10734</v>
      </c>
      <c r="H18039" t="s">
        <v>10735</v>
      </c>
      <c r="I18039" s="2">
        <v>1</v>
      </c>
      <c r="J18039" s="2">
        <v>0</v>
      </c>
      <c r="K18039" s="2">
        <v>0</v>
      </c>
      <c r="L18039" t="s">
        <v>120</v>
      </c>
      <c r="M18039" t="s">
        <v>87</v>
      </c>
      <c r="N18039" t="s">
        <v>88</v>
      </c>
      <c r="O18039" t="s">
        <v>85</v>
      </c>
      <c r="P18039" t="s">
        <v>86</v>
      </c>
      <c r="Q18039">
        <v>7</v>
      </c>
      <c r="R18039">
        <v>7</v>
      </c>
      <c r="S18039">
        <v>8</v>
      </c>
      <c r="T18039">
        <v>8</v>
      </c>
      <c r="U18039">
        <v>8</v>
      </c>
      <c r="V18039">
        <v>8</v>
      </c>
      <c r="W18039">
        <v>8</v>
      </c>
      <c r="X18039">
        <v>8</v>
      </c>
      <c r="Y18039">
        <v>8</v>
      </c>
      <c r="Z18039">
        <v>8</v>
      </c>
      <c r="AA18039">
        <v>8</v>
      </c>
      <c r="AB18039">
        <v>8</v>
      </c>
      <c r="AC18039">
        <v>9</v>
      </c>
      <c r="AD18039">
        <v>9</v>
      </c>
      <c r="AE18039">
        <v>9</v>
      </c>
      <c r="AF18039">
        <v>9</v>
      </c>
      <c r="AG18039">
        <v>9</v>
      </c>
      <c r="AH18039">
        <v>9</v>
      </c>
      <c r="AI18039">
        <v>9</v>
      </c>
      <c r="AJ18039">
        <v>9</v>
      </c>
      <c r="AK18039">
        <v>10</v>
      </c>
      <c r="AL18039">
        <v>10</v>
      </c>
      <c r="AM18039">
        <v>10</v>
      </c>
      <c r="AN18039">
        <v>10</v>
      </c>
      <c r="AO18039">
        <v>10</v>
      </c>
      <c r="AP18039">
        <v>10</v>
      </c>
      <c r="AQ18039">
        <v>10</v>
      </c>
    </row>
    <row r="18040" spans="1:43">
      <c r="A18040" t="s">
        <v>11170</v>
      </c>
      <c r="B18040" t="s">
        <v>11171</v>
      </c>
      <c r="C18040" t="s">
        <v>11134</v>
      </c>
      <c r="D18040" t="s">
        <v>11135</v>
      </c>
      <c r="E18040" t="s">
        <v>10982</v>
      </c>
      <c r="F18040" t="s">
        <v>10983</v>
      </c>
      <c r="G18040" t="s">
        <v>10734</v>
      </c>
      <c r="H18040" t="s">
        <v>10735</v>
      </c>
      <c r="I18040" s="2">
        <v>1</v>
      </c>
      <c r="J18040" s="2">
        <v>0</v>
      </c>
      <c r="K18040" s="2">
        <v>0</v>
      </c>
      <c r="L18040" t="s">
        <v>120</v>
      </c>
      <c r="M18040" t="s">
        <v>89</v>
      </c>
      <c r="N18040" t="s">
        <v>90</v>
      </c>
      <c r="O18040" t="s">
        <v>85</v>
      </c>
      <c r="P18040" t="s">
        <v>86</v>
      </c>
      <c r="Q18040">
        <v>7</v>
      </c>
      <c r="R18040">
        <v>8</v>
      </c>
      <c r="S18040">
        <v>8</v>
      </c>
      <c r="T18040">
        <v>8</v>
      </c>
      <c r="U18040">
        <v>8</v>
      </c>
      <c r="V18040">
        <v>9</v>
      </c>
      <c r="W18040">
        <v>9</v>
      </c>
      <c r="X18040">
        <v>9</v>
      </c>
      <c r="Y18040">
        <v>9</v>
      </c>
      <c r="Z18040">
        <v>10</v>
      </c>
      <c r="AA18040">
        <v>10</v>
      </c>
      <c r="AB18040">
        <v>10</v>
      </c>
      <c r="AC18040">
        <v>10</v>
      </c>
      <c r="AD18040">
        <v>10</v>
      </c>
      <c r="AE18040">
        <v>11</v>
      </c>
      <c r="AF18040">
        <v>11</v>
      </c>
      <c r="AG18040">
        <v>11</v>
      </c>
      <c r="AH18040">
        <v>11</v>
      </c>
      <c r="AI18040">
        <v>11</v>
      </c>
      <c r="AJ18040">
        <v>11</v>
      </c>
      <c r="AK18040">
        <v>11</v>
      </c>
      <c r="AL18040">
        <v>11</v>
      </c>
      <c r="AM18040">
        <v>12</v>
      </c>
      <c r="AN18040">
        <v>12</v>
      </c>
      <c r="AO18040">
        <v>12</v>
      </c>
      <c r="AP18040">
        <v>12</v>
      </c>
      <c r="AQ18040">
        <v>12</v>
      </c>
    </row>
    <row r="18041" spans="1:43">
      <c r="A18041" t="s">
        <v>11170</v>
      </c>
      <c r="B18041" t="s">
        <v>11171</v>
      </c>
      <c r="C18041" t="s">
        <v>11134</v>
      </c>
      <c r="D18041" t="s">
        <v>11135</v>
      </c>
      <c r="E18041" t="s">
        <v>10982</v>
      </c>
      <c r="F18041" t="s">
        <v>10983</v>
      </c>
      <c r="G18041" t="s">
        <v>10734</v>
      </c>
      <c r="H18041" t="s">
        <v>10735</v>
      </c>
      <c r="I18041" s="2">
        <v>1</v>
      </c>
      <c r="J18041" s="2">
        <v>0</v>
      </c>
      <c r="K18041" s="2">
        <v>0</v>
      </c>
      <c r="L18041" t="s">
        <v>120</v>
      </c>
      <c r="M18041" t="s">
        <v>83</v>
      </c>
      <c r="N18041" t="s">
        <v>91</v>
      </c>
      <c r="O18041" t="s">
        <v>85</v>
      </c>
      <c r="P18041" t="s">
        <v>86</v>
      </c>
      <c r="Q18041">
        <v>7</v>
      </c>
      <c r="R18041">
        <v>8</v>
      </c>
      <c r="S18041">
        <v>8</v>
      </c>
      <c r="T18041">
        <v>8</v>
      </c>
      <c r="U18041">
        <v>8</v>
      </c>
      <c r="V18041">
        <v>8</v>
      </c>
      <c r="W18041">
        <v>8</v>
      </c>
      <c r="X18041">
        <v>9</v>
      </c>
      <c r="Y18041">
        <v>9</v>
      </c>
      <c r="Z18041">
        <v>9</v>
      </c>
      <c r="AA18041">
        <v>9</v>
      </c>
      <c r="AB18041">
        <v>9</v>
      </c>
      <c r="AC18041">
        <v>10</v>
      </c>
      <c r="AD18041">
        <v>10</v>
      </c>
      <c r="AE18041">
        <v>10</v>
      </c>
      <c r="AF18041">
        <v>10</v>
      </c>
      <c r="AG18041">
        <v>10</v>
      </c>
      <c r="AH18041">
        <v>11</v>
      </c>
      <c r="AI18041">
        <v>11</v>
      </c>
      <c r="AJ18041">
        <v>11</v>
      </c>
      <c r="AK18041">
        <v>11</v>
      </c>
      <c r="AL18041">
        <v>11</v>
      </c>
      <c r="AM18041">
        <v>11</v>
      </c>
      <c r="AN18041">
        <v>12</v>
      </c>
      <c r="AO18041">
        <v>12</v>
      </c>
      <c r="AP18041">
        <v>12</v>
      </c>
      <c r="AQ18041">
        <v>12</v>
      </c>
    </row>
    <row r="18042" spans="1:43">
      <c r="A18042" t="s">
        <v>11172</v>
      </c>
      <c r="B18042" t="s">
        <v>11173</v>
      </c>
      <c r="C18042" t="s">
        <v>11146</v>
      </c>
      <c r="D18042" t="s">
        <v>11147</v>
      </c>
      <c r="E18042" t="s">
        <v>10982</v>
      </c>
      <c r="F18042" t="s">
        <v>10983</v>
      </c>
      <c r="G18042" t="s">
        <v>10734</v>
      </c>
      <c r="H18042" t="s">
        <v>10735</v>
      </c>
      <c r="I18042" s="2">
        <v>1</v>
      </c>
      <c r="J18042" s="2">
        <v>0</v>
      </c>
      <c r="K18042" s="2">
        <v>0</v>
      </c>
      <c r="L18042" t="s">
        <v>120</v>
      </c>
      <c r="M18042" t="s">
        <v>83</v>
      </c>
      <c r="N18042" t="s">
        <v>84</v>
      </c>
      <c r="O18042" t="s">
        <v>85</v>
      </c>
      <c r="P18042" t="s">
        <v>86</v>
      </c>
      <c r="Q18042">
        <v>4</v>
      </c>
      <c r="R18042">
        <v>4</v>
      </c>
      <c r="S18042">
        <v>4</v>
      </c>
      <c r="T18042">
        <v>4</v>
      </c>
      <c r="U18042">
        <v>4</v>
      </c>
      <c r="V18042">
        <v>4</v>
      </c>
      <c r="W18042">
        <v>4</v>
      </c>
      <c r="X18042">
        <v>4</v>
      </c>
      <c r="Y18042">
        <v>4</v>
      </c>
      <c r="Z18042">
        <v>4</v>
      </c>
      <c r="AA18042">
        <v>4</v>
      </c>
      <c r="AB18042">
        <v>4</v>
      </c>
      <c r="AC18042">
        <v>4</v>
      </c>
      <c r="AD18042">
        <v>5</v>
      </c>
      <c r="AE18042">
        <v>5</v>
      </c>
      <c r="AF18042">
        <v>5</v>
      </c>
      <c r="AG18042">
        <v>5</v>
      </c>
      <c r="AH18042">
        <v>5</v>
      </c>
      <c r="AI18042">
        <v>5</v>
      </c>
      <c r="AJ18042">
        <v>5</v>
      </c>
      <c r="AK18042">
        <v>5</v>
      </c>
      <c r="AL18042">
        <v>5</v>
      </c>
      <c r="AM18042">
        <v>5</v>
      </c>
      <c r="AN18042">
        <v>5</v>
      </c>
      <c r="AO18042">
        <v>5</v>
      </c>
      <c r="AP18042">
        <v>6</v>
      </c>
      <c r="AQ18042">
        <v>6</v>
      </c>
    </row>
    <row r="18043" spans="1:43">
      <c r="A18043" t="s">
        <v>11172</v>
      </c>
      <c r="B18043" t="s">
        <v>11173</v>
      </c>
      <c r="C18043" t="s">
        <v>11146</v>
      </c>
      <c r="D18043" t="s">
        <v>11147</v>
      </c>
      <c r="E18043" t="s">
        <v>10982</v>
      </c>
      <c r="F18043" t="s">
        <v>10983</v>
      </c>
      <c r="G18043" t="s">
        <v>10734</v>
      </c>
      <c r="H18043" t="s">
        <v>10735</v>
      </c>
      <c r="I18043" s="2">
        <v>1</v>
      </c>
      <c r="J18043" s="2">
        <v>0</v>
      </c>
      <c r="K18043" s="2">
        <v>0</v>
      </c>
      <c r="L18043" t="s">
        <v>120</v>
      </c>
      <c r="M18043" t="s">
        <v>87</v>
      </c>
      <c r="N18043" t="s">
        <v>88</v>
      </c>
      <c r="O18043" t="s">
        <v>85</v>
      </c>
      <c r="P18043" t="s">
        <v>86</v>
      </c>
      <c r="Q18043">
        <v>4</v>
      </c>
      <c r="R18043">
        <v>5</v>
      </c>
      <c r="S18043">
        <v>5</v>
      </c>
      <c r="T18043">
        <v>5</v>
      </c>
      <c r="U18043">
        <v>5</v>
      </c>
      <c r="V18043">
        <v>5</v>
      </c>
      <c r="W18043">
        <v>5</v>
      </c>
      <c r="X18043">
        <v>5</v>
      </c>
      <c r="Y18043">
        <v>5</v>
      </c>
      <c r="Z18043">
        <v>5</v>
      </c>
      <c r="AA18043">
        <v>5</v>
      </c>
      <c r="AB18043">
        <v>5</v>
      </c>
      <c r="AC18043">
        <v>5</v>
      </c>
      <c r="AD18043">
        <v>5</v>
      </c>
      <c r="AE18043">
        <v>5</v>
      </c>
      <c r="AF18043">
        <v>5</v>
      </c>
      <c r="AG18043">
        <v>5</v>
      </c>
      <c r="AH18043">
        <v>5</v>
      </c>
      <c r="AI18043">
        <v>5</v>
      </c>
      <c r="AJ18043">
        <v>5</v>
      </c>
      <c r="AK18043">
        <v>5</v>
      </c>
      <c r="AL18043">
        <v>6</v>
      </c>
      <c r="AM18043">
        <v>6</v>
      </c>
      <c r="AN18043">
        <v>6</v>
      </c>
      <c r="AO18043">
        <v>6</v>
      </c>
      <c r="AP18043">
        <v>6</v>
      </c>
      <c r="AQ18043">
        <v>6</v>
      </c>
    </row>
    <row r="18044" spans="1:43">
      <c r="A18044" t="s">
        <v>11172</v>
      </c>
      <c r="B18044" t="s">
        <v>11173</v>
      </c>
      <c r="C18044" t="s">
        <v>11146</v>
      </c>
      <c r="D18044" t="s">
        <v>11147</v>
      </c>
      <c r="E18044" t="s">
        <v>10982</v>
      </c>
      <c r="F18044" t="s">
        <v>10983</v>
      </c>
      <c r="G18044" t="s">
        <v>10734</v>
      </c>
      <c r="H18044" t="s">
        <v>10735</v>
      </c>
      <c r="I18044" s="2">
        <v>1</v>
      </c>
      <c r="J18044" s="2">
        <v>0</v>
      </c>
      <c r="K18044" s="2">
        <v>0</v>
      </c>
      <c r="L18044" t="s">
        <v>120</v>
      </c>
      <c r="M18044" t="s">
        <v>89</v>
      </c>
      <c r="N18044" t="s">
        <v>90</v>
      </c>
      <c r="O18044" t="s">
        <v>85</v>
      </c>
      <c r="P18044" t="s">
        <v>86</v>
      </c>
      <c r="Q18044">
        <v>4</v>
      </c>
      <c r="R18044">
        <v>4</v>
      </c>
      <c r="S18044">
        <v>4</v>
      </c>
      <c r="T18044">
        <v>4</v>
      </c>
      <c r="U18044">
        <v>4</v>
      </c>
      <c r="V18044">
        <v>4</v>
      </c>
      <c r="W18044">
        <v>4</v>
      </c>
      <c r="X18044">
        <v>4</v>
      </c>
      <c r="Y18044">
        <v>4</v>
      </c>
      <c r="Z18044">
        <v>4</v>
      </c>
      <c r="AA18044">
        <v>5</v>
      </c>
      <c r="AB18044">
        <v>5</v>
      </c>
      <c r="AC18044">
        <v>5</v>
      </c>
      <c r="AD18044">
        <v>5</v>
      </c>
      <c r="AE18044">
        <v>5</v>
      </c>
      <c r="AF18044">
        <v>5</v>
      </c>
      <c r="AG18044">
        <v>5</v>
      </c>
      <c r="AH18044">
        <v>5</v>
      </c>
      <c r="AI18044">
        <v>5</v>
      </c>
      <c r="AJ18044">
        <v>5</v>
      </c>
      <c r="AK18044">
        <v>5</v>
      </c>
      <c r="AL18044">
        <v>5</v>
      </c>
      <c r="AM18044">
        <v>5</v>
      </c>
      <c r="AN18044">
        <v>5</v>
      </c>
      <c r="AO18044">
        <v>6</v>
      </c>
      <c r="AP18044">
        <v>6</v>
      </c>
      <c r="AQ18044">
        <v>6</v>
      </c>
    </row>
    <row r="18045" spans="1:43">
      <c r="A18045" t="s">
        <v>11172</v>
      </c>
      <c r="B18045" t="s">
        <v>11173</v>
      </c>
      <c r="C18045" t="s">
        <v>11146</v>
      </c>
      <c r="D18045" t="s">
        <v>11147</v>
      </c>
      <c r="E18045" t="s">
        <v>10982</v>
      </c>
      <c r="F18045" t="s">
        <v>10983</v>
      </c>
      <c r="G18045" t="s">
        <v>10734</v>
      </c>
      <c r="H18045" t="s">
        <v>10735</v>
      </c>
      <c r="I18045" s="2">
        <v>1</v>
      </c>
      <c r="J18045" s="2">
        <v>0</v>
      </c>
      <c r="K18045" s="2">
        <v>0</v>
      </c>
      <c r="L18045" t="s">
        <v>120</v>
      </c>
      <c r="M18045" t="s">
        <v>83</v>
      </c>
      <c r="N18045" t="s">
        <v>91</v>
      </c>
      <c r="O18045" t="s">
        <v>85</v>
      </c>
      <c r="P18045" t="s">
        <v>86</v>
      </c>
      <c r="Q18045">
        <v>4</v>
      </c>
      <c r="R18045">
        <v>4</v>
      </c>
      <c r="S18045">
        <v>4</v>
      </c>
      <c r="T18045">
        <v>4</v>
      </c>
      <c r="U18045">
        <v>4</v>
      </c>
      <c r="V18045">
        <v>4</v>
      </c>
      <c r="W18045">
        <v>4</v>
      </c>
      <c r="X18045">
        <v>4</v>
      </c>
      <c r="Y18045">
        <v>4</v>
      </c>
      <c r="Z18045">
        <v>4</v>
      </c>
      <c r="AA18045">
        <v>4</v>
      </c>
      <c r="AB18045">
        <v>4</v>
      </c>
      <c r="AC18045">
        <v>4</v>
      </c>
      <c r="AD18045">
        <v>5</v>
      </c>
      <c r="AE18045">
        <v>5</v>
      </c>
      <c r="AF18045">
        <v>5</v>
      </c>
      <c r="AG18045">
        <v>5</v>
      </c>
      <c r="AH18045">
        <v>5</v>
      </c>
      <c r="AI18045">
        <v>5</v>
      </c>
      <c r="AJ18045">
        <v>5</v>
      </c>
      <c r="AK18045">
        <v>5</v>
      </c>
      <c r="AL18045">
        <v>5</v>
      </c>
      <c r="AM18045">
        <v>5</v>
      </c>
      <c r="AN18045">
        <v>5</v>
      </c>
      <c r="AO18045">
        <v>5</v>
      </c>
      <c r="AP18045">
        <v>6</v>
      </c>
      <c r="AQ18045">
        <v>6</v>
      </c>
    </row>
    <row r="18046" spans="1:43">
      <c r="A18046" t="s">
        <v>11174</v>
      </c>
      <c r="B18046" t="s">
        <v>11175</v>
      </c>
      <c r="C18046" t="s">
        <v>11176</v>
      </c>
      <c r="D18046" t="s">
        <v>11177</v>
      </c>
      <c r="E18046" t="s">
        <v>10982</v>
      </c>
      <c r="F18046" t="s">
        <v>10983</v>
      </c>
      <c r="G18046" t="s">
        <v>10734</v>
      </c>
      <c r="H18046" t="s">
        <v>10735</v>
      </c>
      <c r="I18046" s="2">
        <v>1</v>
      </c>
      <c r="J18046" s="2">
        <v>0</v>
      </c>
      <c r="K18046" s="2">
        <v>0</v>
      </c>
      <c r="L18046" t="s">
        <v>120</v>
      </c>
      <c r="M18046" t="s">
        <v>83</v>
      </c>
      <c r="N18046" t="s">
        <v>84</v>
      </c>
      <c r="O18046" t="s">
        <v>85</v>
      </c>
      <c r="P18046" t="s">
        <v>86</v>
      </c>
      <c r="Q18046">
        <v>82</v>
      </c>
      <c r="R18046">
        <v>84</v>
      </c>
      <c r="S18046">
        <v>86</v>
      </c>
      <c r="T18046">
        <v>88</v>
      </c>
      <c r="U18046">
        <v>89</v>
      </c>
      <c r="V18046">
        <v>91</v>
      </c>
      <c r="W18046">
        <v>93</v>
      </c>
      <c r="X18046">
        <v>95</v>
      </c>
      <c r="Y18046">
        <v>97</v>
      </c>
      <c r="Z18046">
        <v>99</v>
      </c>
      <c r="AA18046">
        <v>101</v>
      </c>
      <c r="AB18046">
        <v>103</v>
      </c>
      <c r="AC18046">
        <v>105</v>
      </c>
      <c r="AD18046">
        <v>107</v>
      </c>
      <c r="AE18046">
        <v>109</v>
      </c>
      <c r="AF18046">
        <v>111</v>
      </c>
      <c r="AG18046">
        <v>114</v>
      </c>
      <c r="AH18046">
        <v>116</v>
      </c>
      <c r="AI18046">
        <v>118</v>
      </c>
      <c r="AJ18046">
        <v>120</v>
      </c>
      <c r="AK18046">
        <v>123</v>
      </c>
      <c r="AL18046">
        <v>124</v>
      </c>
      <c r="AM18046">
        <v>126</v>
      </c>
      <c r="AN18046">
        <v>127</v>
      </c>
      <c r="AO18046">
        <v>128</v>
      </c>
      <c r="AP18046">
        <v>129</v>
      </c>
      <c r="AQ18046">
        <v>131</v>
      </c>
    </row>
    <row r="18047" spans="1:43">
      <c r="A18047" t="s">
        <v>11174</v>
      </c>
      <c r="B18047" t="s">
        <v>11175</v>
      </c>
      <c r="C18047" t="s">
        <v>11176</v>
      </c>
      <c r="D18047" t="s">
        <v>11177</v>
      </c>
      <c r="E18047" t="s">
        <v>10982</v>
      </c>
      <c r="F18047" t="s">
        <v>10983</v>
      </c>
      <c r="G18047" t="s">
        <v>10734</v>
      </c>
      <c r="H18047" t="s">
        <v>10735</v>
      </c>
      <c r="I18047" s="2">
        <v>1</v>
      </c>
      <c r="J18047" s="2">
        <v>0</v>
      </c>
      <c r="K18047" s="2">
        <v>0</v>
      </c>
      <c r="L18047" t="s">
        <v>120</v>
      </c>
      <c r="M18047" t="s">
        <v>87</v>
      </c>
      <c r="N18047" t="s">
        <v>88</v>
      </c>
      <c r="O18047" t="s">
        <v>85</v>
      </c>
      <c r="P18047" t="s">
        <v>86</v>
      </c>
      <c r="Q18047">
        <v>82</v>
      </c>
      <c r="R18047">
        <v>83</v>
      </c>
      <c r="S18047">
        <v>84</v>
      </c>
      <c r="T18047">
        <v>85</v>
      </c>
      <c r="U18047">
        <v>86</v>
      </c>
      <c r="V18047">
        <v>88</v>
      </c>
      <c r="W18047">
        <v>89</v>
      </c>
      <c r="X18047">
        <v>90</v>
      </c>
      <c r="Y18047">
        <v>91</v>
      </c>
      <c r="Z18047">
        <v>92</v>
      </c>
      <c r="AA18047">
        <v>93</v>
      </c>
      <c r="AB18047">
        <v>94</v>
      </c>
      <c r="AC18047">
        <v>96</v>
      </c>
      <c r="AD18047">
        <v>97</v>
      </c>
      <c r="AE18047">
        <v>98</v>
      </c>
      <c r="AF18047">
        <v>99</v>
      </c>
      <c r="AG18047">
        <v>101</v>
      </c>
      <c r="AH18047">
        <v>102</v>
      </c>
      <c r="AI18047">
        <v>103</v>
      </c>
      <c r="AJ18047">
        <v>105</v>
      </c>
      <c r="AK18047">
        <v>106</v>
      </c>
      <c r="AL18047">
        <v>107</v>
      </c>
      <c r="AM18047">
        <v>109</v>
      </c>
      <c r="AN18047">
        <v>110</v>
      </c>
      <c r="AO18047">
        <v>112</v>
      </c>
      <c r="AP18047">
        <v>113</v>
      </c>
      <c r="AQ18047">
        <v>115</v>
      </c>
    </row>
    <row r="18048" spans="1:43">
      <c r="A18048" t="s">
        <v>11174</v>
      </c>
      <c r="B18048" t="s">
        <v>11175</v>
      </c>
      <c r="C18048" t="s">
        <v>11176</v>
      </c>
      <c r="D18048" t="s">
        <v>11177</v>
      </c>
      <c r="E18048" t="s">
        <v>10982</v>
      </c>
      <c r="F18048" t="s">
        <v>10983</v>
      </c>
      <c r="G18048" t="s">
        <v>10734</v>
      </c>
      <c r="H18048" t="s">
        <v>10735</v>
      </c>
      <c r="I18048" s="2">
        <v>1</v>
      </c>
      <c r="J18048" s="2">
        <v>0</v>
      </c>
      <c r="K18048" s="2">
        <v>0</v>
      </c>
      <c r="L18048" t="s">
        <v>120</v>
      </c>
      <c r="M18048" t="s">
        <v>89</v>
      </c>
      <c r="N18048" t="s">
        <v>90</v>
      </c>
      <c r="O18048" t="s">
        <v>85</v>
      </c>
      <c r="P18048" t="s">
        <v>86</v>
      </c>
      <c r="Q18048">
        <v>82</v>
      </c>
      <c r="R18048">
        <v>84</v>
      </c>
      <c r="S18048">
        <v>87</v>
      </c>
      <c r="T18048">
        <v>89</v>
      </c>
      <c r="U18048">
        <v>92</v>
      </c>
      <c r="V18048">
        <v>94</v>
      </c>
      <c r="W18048">
        <v>97</v>
      </c>
      <c r="X18048">
        <v>99</v>
      </c>
      <c r="Y18048">
        <v>102</v>
      </c>
      <c r="Z18048">
        <v>104</v>
      </c>
      <c r="AA18048">
        <v>106</v>
      </c>
      <c r="AB18048">
        <v>109</v>
      </c>
      <c r="AC18048">
        <v>112</v>
      </c>
      <c r="AD18048">
        <v>114</v>
      </c>
      <c r="AE18048">
        <v>116</v>
      </c>
      <c r="AF18048">
        <v>117</v>
      </c>
      <c r="AG18048">
        <v>118</v>
      </c>
      <c r="AH18048">
        <v>119</v>
      </c>
      <c r="AI18048">
        <v>121</v>
      </c>
      <c r="AJ18048">
        <v>122</v>
      </c>
      <c r="AK18048">
        <v>123</v>
      </c>
      <c r="AL18048">
        <v>124</v>
      </c>
      <c r="AM18048">
        <v>125</v>
      </c>
      <c r="AN18048">
        <v>127</v>
      </c>
      <c r="AO18048">
        <v>128</v>
      </c>
      <c r="AP18048">
        <v>129</v>
      </c>
      <c r="AQ18048">
        <v>131</v>
      </c>
    </row>
    <row r="18049" spans="1:43">
      <c r="A18049" t="s">
        <v>11174</v>
      </c>
      <c r="B18049" t="s">
        <v>11175</v>
      </c>
      <c r="C18049" t="s">
        <v>11176</v>
      </c>
      <c r="D18049" t="s">
        <v>11177</v>
      </c>
      <c r="E18049" t="s">
        <v>10982</v>
      </c>
      <c r="F18049" t="s">
        <v>10983</v>
      </c>
      <c r="G18049" t="s">
        <v>10734</v>
      </c>
      <c r="H18049" t="s">
        <v>10735</v>
      </c>
      <c r="I18049" s="2">
        <v>1</v>
      </c>
      <c r="J18049" s="2">
        <v>0</v>
      </c>
      <c r="K18049" s="2">
        <v>0</v>
      </c>
      <c r="L18049" t="s">
        <v>120</v>
      </c>
      <c r="M18049" t="s">
        <v>83</v>
      </c>
      <c r="N18049" t="s">
        <v>91</v>
      </c>
      <c r="O18049" t="s">
        <v>85</v>
      </c>
      <c r="P18049" t="s">
        <v>86</v>
      </c>
      <c r="Q18049">
        <v>82</v>
      </c>
      <c r="R18049">
        <v>84</v>
      </c>
      <c r="S18049">
        <v>86</v>
      </c>
      <c r="T18049">
        <v>88</v>
      </c>
      <c r="U18049">
        <v>89</v>
      </c>
      <c r="V18049">
        <v>91</v>
      </c>
      <c r="W18049">
        <v>93</v>
      </c>
      <c r="X18049">
        <v>95</v>
      </c>
      <c r="Y18049">
        <v>97</v>
      </c>
      <c r="Z18049">
        <v>99</v>
      </c>
      <c r="AA18049">
        <v>101</v>
      </c>
      <c r="AB18049">
        <v>103</v>
      </c>
      <c r="AC18049">
        <v>105</v>
      </c>
      <c r="AD18049">
        <v>107</v>
      </c>
      <c r="AE18049">
        <v>109</v>
      </c>
      <c r="AF18049">
        <v>111</v>
      </c>
      <c r="AG18049">
        <v>114</v>
      </c>
      <c r="AH18049">
        <v>116</v>
      </c>
      <c r="AI18049">
        <v>118</v>
      </c>
      <c r="AJ18049">
        <v>120</v>
      </c>
      <c r="AK18049">
        <v>123</v>
      </c>
      <c r="AL18049">
        <v>124</v>
      </c>
      <c r="AM18049">
        <v>126</v>
      </c>
      <c r="AN18049">
        <v>127</v>
      </c>
      <c r="AO18049">
        <v>128</v>
      </c>
      <c r="AP18049">
        <v>129</v>
      </c>
      <c r="AQ18049">
        <v>131</v>
      </c>
    </row>
    <row r="18050" spans="1:43">
      <c r="A18050" t="s">
        <v>11178</v>
      </c>
      <c r="B18050" t="s">
        <v>11179</v>
      </c>
      <c r="C18050" t="s">
        <v>11176</v>
      </c>
      <c r="D18050" t="s">
        <v>11177</v>
      </c>
      <c r="E18050" t="s">
        <v>10982</v>
      </c>
      <c r="F18050" t="s">
        <v>10983</v>
      </c>
      <c r="G18050" t="s">
        <v>10734</v>
      </c>
      <c r="H18050" t="s">
        <v>10735</v>
      </c>
      <c r="I18050" s="2">
        <v>1</v>
      </c>
      <c r="J18050" s="2">
        <v>0</v>
      </c>
      <c r="K18050" s="2">
        <v>0</v>
      </c>
      <c r="L18050" t="s">
        <v>120</v>
      </c>
      <c r="M18050" t="s">
        <v>83</v>
      </c>
      <c r="N18050" t="s">
        <v>84</v>
      </c>
      <c r="O18050" t="s">
        <v>85</v>
      </c>
      <c r="P18050" t="s">
        <v>86</v>
      </c>
      <c r="Q18050">
        <v>44</v>
      </c>
      <c r="R18050">
        <v>45</v>
      </c>
      <c r="S18050">
        <v>46</v>
      </c>
      <c r="T18050">
        <v>47</v>
      </c>
      <c r="U18050">
        <v>48</v>
      </c>
      <c r="V18050">
        <v>49</v>
      </c>
      <c r="W18050">
        <v>50</v>
      </c>
      <c r="X18050">
        <v>51</v>
      </c>
      <c r="Y18050">
        <v>52</v>
      </c>
      <c r="Z18050">
        <v>54</v>
      </c>
      <c r="AA18050">
        <v>55</v>
      </c>
      <c r="AB18050">
        <v>56</v>
      </c>
      <c r="AC18050">
        <v>57</v>
      </c>
      <c r="AD18050">
        <v>58</v>
      </c>
      <c r="AE18050">
        <v>59</v>
      </c>
      <c r="AF18050">
        <v>60</v>
      </c>
      <c r="AG18050">
        <v>61</v>
      </c>
      <c r="AH18050">
        <v>62</v>
      </c>
      <c r="AI18050">
        <v>64</v>
      </c>
      <c r="AJ18050">
        <v>65</v>
      </c>
      <c r="AK18050">
        <v>66</v>
      </c>
      <c r="AL18050">
        <v>67</v>
      </c>
      <c r="AM18050">
        <v>68</v>
      </c>
      <c r="AN18050">
        <v>68</v>
      </c>
      <c r="AO18050">
        <v>69</v>
      </c>
      <c r="AP18050">
        <v>70</v>
      </c>
      <c r="AQ18050">
        <v>71</v>
      </c>
    </row>
    <row r="18051" spans="1:43">
      <c r="A18051" t="s">
        <v>11178</v>
      </c>
      <c r="B18051" t="s">
        <v>11179</v>
      </c>
      <c r="C18051" t="s">
        <v>11176</v>
      </c>
      <c r="D18051" t="s">
        <v>11177</v>
      </c>
      <c r="E18051" t="s">
        <v>10982</v>
      </c>
      <c r="F18051" t="s">
        <v>10983</v>
      </c>
      <c r="G18051" t="s">
        <v>10734</v>
      </c>
      <c r="H18051" t="s">
        <v>10735</v>
      </c>
      <c r="I18051" s="2">
        <v>1</v>
      </c>
      <c r="J18051" s="2">
        <v>0</v>
      </c>
      <c r="K18051" s="2">
        <v>0</v>
      </c>
      <c r="L18051" t="s">
        <v>120</v>
      </c>
      <c r="M18051" t="s">
        <v>87</v>
      </c>
      <c r="N18051" t="s">
        <v>88</v>
      </c>
      <c r="O18051" t="s">
        <v>85</v>
      </c>
      <c r="P18051" t="s">
        <v>86</v>
      </c>
      <c r="Q18051">
        <v>44</v>
      </c>
      <c r="R18051">
        <v>44</v>
      </c>
      <c r="S18051">
        <v>45</v>
      </c>
      <c r="T18051">
        <v>46</v>
      </c>
      <c r="U18051">
        <v>46</v>
      </c>
      <c r="V18051">
        <v>47</v>
      </c>
      <c r="W18051">
        <v>47</v>
      </c>
      <c r="X18051">
        <v>48</v>
      </c>
      <c r="Y18051">
        <v>49</v>
      </c>
      <c r="Z18051">
        <v>49</v>
      </c>
      <c r="AA18051">
        <v>50</v>
      </c>
      <c r="AB18051">
        <v>50</v>
      </c>
      <c r="AC18051">
        <v>51</v>
      </c>
      <c r="AD18051">
        <v>52</v>
      </c>
      <c r="AE18051">
        <v>52</v>
      </c>
      <c r="AF18051">
        <v>53</v>
      </c>
      <c r="AG18051">
        <v>54</v>
      </c>
      <c r="AH18051">
        <v>55</v>
      </c>
      <c r="AI18051">
        <v>55</v>
      </c>
      <c r="AJ18051">
        <v>56</v>
      </c>
      <c r="AK18051">
        <v>57</v>
      </c>
      <c r="AL18051">
        <v>58</v>
      </c>
      <c r="AM18051">
        <v>58</v>
      </c>
      <c r="AN18051">
        <v>59</v>
      </c>
      <c r="AO18051">
        <v>60</v>
      </c>
      <c r="AP18051">
        <v>61</v>
      </c>
      <c r="AQ18051">
        <v>62</v>
      </c>
    </row>
    <row r="18052" spans="1:43">
      <c r="A18052" t="s">
        <v>11178</v>
      </c>
      <c r="B18052" t="s">
        <v>11179</v>
      </c>
      <c r="C18052" t="s">
        <v>11176</v>
      </c>
      <c r="D18052" t="s">
        <v>11177</v>
      </c>
      <c r="E18052" t="s">
        <v>10982</v>
      </c>
      <c r="F18052" t="s">
        <v>10983</v>
      </c>
      <c r="G18052" t="s">
        <v>10734</v>
      </c>
      <c r="H18052" t="s">
        <v>10735</v>
      </c>
      <c r="I18052" s="2">
        <v>1</v>
      </c>
      <c r="J18052" s="2">
        <v>0</v>
      </c>
      <c r="K18052" s="2">
        <v>0</v>
      </c>
      <c r="L18052" t="s">
        <v>120</v>
      </c>
      <c r="M18052" t="s">
        <v>89</v>
      </c>
      <c r="N18052" t="s">
        <v>90</v>
      </c>
      <c r="O18052" t="s">
        <v>85</v>
      </c>
      <c r="P18052" t="s">
        <v>86</v>
      </c>
      <c r="Q18052">
        <v>44</v>
      </c>
      <c r="R18052">
        <v>45</v>
      </c>
      <c r="S18052">
        <v>46</v>
      </c>
      <c r="T18052">
        <v>48</v>
      </c>
      <c r="U18052">
        <v>49</v>
      </c>
      <c r="V18052">
        <v>51</v>
      </c>
      <c r="W18052">
        <v>52</v>
      </c>
      <c r="X18052">
        <v>53</v>
      </c>
      <c r="Y18052">
        <v>54</v>
      </c>
      <c r="Z18052">
        <v>56</v>
      </c>
      <c r="AA18052">
        <v>57</v>
      </c>
      <c r="AB18052">
        <v>58</v>
      </c>
      <c r="AC18052">
        <v>60</v>
      </c>
      <c r="AD18052">
        <v>61</v>
      </c>
      <c r="AE18052">
        <v>62</v>
      </c>
      <c r="AF18052">
        <v>63</v>
      </c>
      <c r="AG18052">
        <v>63</v>
      </c>
      <c r="AH18052">
        <v>64</v>
      </c>
      <c r="AI18052">
        <v>65</v>
      </c>
      <c r="AJ18052">
        <v>65</v>
      </c>
      <c r="AK18052">
        <v>66</v>
      </c>
      <c r="AL18052">
        <v>66</v>
      </c>
      <c r="AM18052">
        <v>67</v>
      </c>
      <c r="AN18052">
        <v>68</v>
      </c>
      <c r="AO18052">
        <v>69</v>
      </c>
      <c r="AP18052">
        <v>69</v>
      </c>
      <c r="AQ18052">
        <v>70</v>
      </c>
    </row>
    <row r="18053" spans="1:43">
      <c r="A18053" t="s">
        <v>11178</v>
      </c>
      <c r="B18053" t="s">
        <v>11179</v>
      </c>
      <c r="C18053" t="s">
        <v>11176</v>
      </c>
      <c r="D18053" t="s">
        <v>11177</v>
      </c>
      <c r="E18053" t="s">
        <v>10982</v>
      </c>
      <c r="F18053" t="s">
        <v>10983</v>
      </c>
      <c r="G18053" t="s">
        <v>10734</v>
      </c>
      <c r="H18053" t="s">
        <v>10735</v>
      </c>
      <c r="I18053" s="2">
        <v>1</v>
      </c>
      <c r="J18053" s="2">
        <v>0</v>
      </c>
      <c r="K18053" s="2">
        <v>0</v>
      </c>
      <c r="L18053" t="s">
        <v>120</v>
      </c>
      <c r="M18053" t="s">
        <v>83</v>
      </c>
      <c r="N18053" t="s">
        <v>91</v>
      </c>
      <c r="O18053" t="s">
        <v>85</v>
      </c>
      <c r="P18053" t="s">
        <v>86</v>
      </c>
      <c r="Q18053">
        <v>44</v>
      </c>
      <c r="R18053">
        <v>45</v>
      </c>
      <c r="S18053">
        <v>46</v>
      </c>
      <c r="T18053">
        <v>47</v>
      </c>
      <c r="U18053">
        <v>48</v>
      </c>
      <c r="V18053">
        <v>49</v>
      </c>
      <c r="W18053">
        <v>50</v>
      </c>
      <c r="X18053">
        <v>51</v>
      </c>
      <c r="Y18053">
        <v>52</v>
      </c>
      <c r="Z18053">
        <v>54</v>
      </c>
      <c r="AA18053">
        <v>55</v>
      </c>
      <c r="AB18053">
        <v>56</v>
      </c>
      <c r="AC18053">
        <v>57</v>
      </c>
      <c r="AD18053">
        <v>58</v>
      </c>
      <c r="AE18053">
        <v>59</v>
      </c>
      <c r="AF18053">
        <v>60</v>
      </c>
      <c r="AG18053">
        <v>61</v>
      </c>
      <c r="AH18053">
        <v>62</v>
      </c>
      <c r="AI18053">
        <v>64</v>
      </c>
      <c r="AJ18053">
        <v>65</v>
      </c>
      <c r="AK18053">
        <v>66</v>
      </c>
      <c r="AL18053">
        <v>67</v>
      </c>
      <c r="AM18053">
        <v>68</v>
      </c>
      <c r="AN18053">
        <v>68</v>
      </c>
      <c r="AO18053">
        <v>69</v>
      </c>
      <c r="AP18053">
        <v>70</v>
      </c>
      <c r="AQ18053">
        <v>71</v>
      </c>
    </row>
    <row r="18054" spans="1:43">
      <c r="A18054" t="s">
        <v>11180</v>
      </c>
      <c r="B18054" t="s">
        <v>11181</v>
      </c>
      <c r="C18054" t="s">
        <v>11176</v>
      </c>
      <c r="D18054" t="s">
        <v>11177</v>
      </c>
      <c r="E18054" t="s">
        <v>10982</v>
      </c>
      <c r="F18054" t="s">
        <v>10983</v>
      </c>
      <c r="G18054" t="s">
        <v>10734</v>
      </c>
      <c r="H18054" t="s">
        <v>10735</v>
      </c>
      <c r="I18054" s="2">
        <v>1</v>
      </c>
      <c r="J18054" s="2">
        <v>0</v>
      </c>
      <c r="K18054" s="2">
        <v>0</v>
      </c>
      <c r="L18054" t="s">
        <v>120</v>
      </c>
      <c r="M18054" t="s">
        <v>83</v>
      </c>
      <c r="N18054" t="s">
        <v>84</v>
      </c>
      <c r="O18054" t="s">
        <v>85</v>
      </c>
      <c r="P18054" t="s">
        <v>86</v>
      </c>
      <c r="Q18054">
        <v>7</v>
      </c>
      <c r="R18054">
        <v>7</v>
      </c>
      <c r="S18054">
        <v>7</v>
      </c>
      <c r="T18054">
        <v>7</v>
      </c>
      <c r="U18054">
        <v>8</v>
      </c>
      <c r="V18054">
        <v>8</v>
      </c>
      <c r="W18054">
        <v>8</v>
      </c>
      <c r="X18054">
        <v>8</v>
      </c>
      <c r="Y18054">
        <v>8</v>
      </c>
      <c r="Z18054">
        <v>8</v>
      </c>
      <c r="AA18054">
        <v>9</v>
      </c>
      <c r="AB18054">
        <v>9</v>
      </c>
      <c r="AC18054">
        <v>9</v>
      </c>
      <c r="AD18054">
        <v>9</v>
      </c>
      <c r="AE18054">
        <v>9</v>
      </c>
      <c r="AF18054">
        <v>9</v>
      </c>
      <c r="AG18054">
        <v>10</v>
      </c>
      <c r="AH18054">
        <v>10</v>
      </c>
      <c r="AI18054">
        <v>10</v>
      </c>
      <c r="AJ18054">
        <v>10</v>
      </c>
      <c r="AK18054">
        <v>10</v>
      </c>
      <c r="AL18054">
        <v>10</v>
      </c>
      <c r="AM18054">
        <v>11</v>
      </c>
      <c r="AN18054">
        <v>11</v>
      </c>
      <c r="AO18054">
        <v>11</v>
      </c>
      <c r="AP18054">
        <v>11</v>
      </c>
      <c r="AQ18054">
        <v>11</v>
      </c>
    </row>
    <row r="18055" spans="1:43">
      <c r="A18055" t="s">
        <v>11180</v>
      </c>
      <c r="B18055" t="s">
        <v>11181</v>
      </c>
      <c r="C18055" t="s">
        <v>11176</v>
      </c>
      <c r="D18055" t="s">
        <v>11177</v>
      </c>
      <c r="E18055" t="s">
        <v>10982</v>
      </c>
      <c r="F18055" t="s">
        <v>10983</v>
      </c>
      <c r="G18055" t="s">
        <v>10734</v>
      </c>
      <c r="H18055" t="s">
        <v>10735</v>
      </c>
      <c r="I18055" s="2">
        <v>1</v>
      </c>
      <c r="J18055" s="2">
        <v>0</v>
      </c>
      <c r="K18055" s="2">
        <v>0</v>
      </c>
      <c r="L18055" t="s">
        <v>120</v>
      </c>
      <c r="M18055" t="s">
        <v>87</v>
      </c>
      <c r="N18055" t="s">
        <v>88</v>
      </c>
      <c r="O18055" t="s">
        <v>85</v>
      </c>
      <c r="P18055" t="s">
        <v>86</v>
      </c>
      <c r="Q18055">
        <v>7</v>
      </c>
      <c r="R18055">
        <v>7</v>
      </c>
      <c r="S18055">
        <v>7</v>
      </c>
      <c r="T18055">
        <v>7</v>
      </c>
      <c r="U18055">
        <v>7</v>
      </c>
      <c r="V18055">
        <v>7</v>
      </c>
      <c r="W18055">
        <v>7</v>
      </c>
      <c r="X18055">
        <v>7</v>
      </c>
      <c r="Y18055">
        <v>8</v>
      </c>
      <c r="Z18055">
        <v>8</v>
      </c>
      <c r="AA18055">
        <v>8</v>
      </c>
      <c r="AB18055">
        <v>8</v>
      </c>
      <c r="AC18055">
        <v>8</v>
      </c>
      <c r="AD18055">
        <v>8</v>
      </c>
      <c r="AE18055">
        <v>8</v>
      </c>
      <c r="AF18055">
        <v>8</v>
      </c>
      <c r="AG18055">
        <v>8</v>
      </c>
      <c r="AH18055">
        <v>9</v>
      </c>
      <c r="AI18055">
        <v>9</v>
      </c>
      <c r="AJ18055">
        <v>9</v>
      </c>
      <c r="AK18055">
        <v>9</v>
      </c>
      <c r="AL18055">
        <v>9</v>
      </c>
      <c r="AM18055">
        <v>9</v>
      </c>
      <c r="AN18055">
        <v>9</v>
      </c>
      <c r="AO18055">
        <v>9</v>
      </c>
      <c r="AP18055">
        <v>9</v>
      </c>
      <c r="AQ18055">
        <v>10</v>
      </c>
    </row>
    <row r="18056" spans="1:43">
      <c r="A18056" t="s">
        <v>11180</v>
      </c>
      <c r="B18056" t="s">
        <v>11181</v>
      </c>
      <c r="C18056" t="s">
        <v>11176</v>
      </c>
      <c r="D18056" t="s">
        <v>11177</v>
      </c>
      <c r="E18056" t="s">
        <v>10982</v>
      </c>
      <c r="F18056" t="s">
        <v>10983</v>
      </c>
      <c r="G18056" t="s">
        <v>10734</v>
      </c>
      <c r="H18056" t="s">
        <v>10735</v>
      </c>
      <c r="I18056" s="2">
        <v>1</v>
      </c>
      <c r="J18056" s="2">
        <v>0</v>
      </c>
      <c r="K18056" s="2">
        <v>0</v>
      </c>
      <c r="L18056" t="s">
        <v>120</v>
      </c>
      <c r="M18056" t="s">
        <v>89</v>
      </c>
      <c r="N18056" t="s">
        <v>90</v>
      </c>
      <c r="O18056" t="s">
        <v>85</v>
      </c>
      <c r="P18056" t="s">
        <v>86</v>
      </c>
      <c r="Q18056">
        <v>7</v>
      </c>
      <c r="R18056">
        <v>7</v>
      </c>
      <c r="S18056">
        <v>7</v>
      </c>
      <c r="T18056">
        <v>8</v>
      </c>
      <c r="U18056">
        <v>8</v>
      </c>
      <c r="V18056">
        <v>8</v>
      </c>
      <c r="W18056">
        <v>8</v>
      </c>
      <c r="X18056">
        <v>8</v>
      </c>
      <c r="Y18056">
        <v>9</v>
      </c>
      <c r="Z18056">
        <v>9</v>
      </c>
      <c r="AA18056">
        <v>9</v>
      </c>
      <c r="AB18056">
        <v>9</v>
      </c>
      <c r="AC18056">
        <v>9</v>
      </c>
      <c r="AD18056">
        <v>10</v>
      </c>
      <c r="AE18056">
        <v>10</v>
      </c>
      <c r="AF18056">
        <v>10</v>
      </c>
      <c r="AG18056">
        <v>10</v>
      </c>
      <c r="AH18056">
        <v>10</v>
      </c>
      <c r="AI18056">
        <v>10</v>
      </c>
      <c r="AJ18056">
        <v>10</v>
      </c>
      <c r="AK18056">
        <v>10</v>
      </c>
      <c r="AL18056">
        <v>11</v>
      </c>
      <c r="AM18056">
        <v>11</v>
      </c>
      <c r="AN18056">
        <v>11</v>
      </c>
      <c r="AO18056">
        <v>11</v>
      </c>
      <c r="AP18056">
        <v>11</v>
      </c>
      <c r="AQ18056">
        <v>11</v>
      </c>
    </row>
    <row r="18057" spans="1:43">
      <c r="A18057" t="s">
        <v>11180</v>
      </c>
      <c r="B18057" t="s">
        <v>11181</v>
      </c>
      <c r="C18057" t="s">
        <v>11176</v>
      </c>
      <c r="D18057" t="s">
        <v>11177</v>
      </c>
      <c r="E18057" t="s">
        <v>10982</v>
      </c>
      <c r="F18057" t="s">
        <v>10983</v>
      </c>
      <c r="G18057" t="s">
        <v>10734</v>
      </c>
      <c r="H18057" t="s">
        <v>10735</v>
      </c>
      <c r="I18057" s="2">
        <v>1</v>
      </c>
      <c r="J18057" s="2">
        <v>0</v>
      </c>
      <c r="K18057" s="2">
        <v>0</v>
      </c>
      <c r="L18057" t="s">
        <v>120</v>
      </c>
      <c r="M18057" t="s">
        <v>83</v>
      </c>
      <c r="N18057" t="s">
        <v>91</v>
      </c>
      <c r="O18057" t="s">
        <v>85</v>
      </c>
      <c r="P18057" t="s">
        <v>86</v>
      </c>
      <c r="Q18057">
        <v>7</v>
      </c>
      <c r="R18057">
        <v>7</v>
      </c>
      <c r="S18057">
        <v>7</v>
      </c>
      <c r="T18057">
        <v>7</v>
      </c>
      <c r="U18057">
        <v>8</v>
      </c>
      <c r="V18057">
        <v>8</v>
      </c>
      <c r="W18057">
        <v>8</v>
      </c>
      <c r="X18057">
        <v>8</v>
      </c>
      <c r="Y18057">
        <v>8</v>
      </c>
      <c r="Z18057">
        <v>8</v>
      </c>
      <c r="AA18057">
        <v>9</v>
      </c>
      <c r="AB18057">
        <v>9</v>
      </c>
      <c r="AC18057">
        <v>9</v>
      </c>
      <c r="AD18057">
        <v>9</v>
      </c>
      <c r="AE18057">
        <v>9</v>
      </c>
      <c r="AF18057">
        <v>9</v>
      </c>
      <c r="AG18057">
        <v>10</v>
      </c>
      <c r="AH18057">
        <v>10</v>
      </c>
      <c r="AI18057">
        <v>10</v>
      </c>
      <c r="AJ18057">
        <v>10</v>
      </c>
      <c r="AK18057">
        <v>10</v>
      </c>
      <c r="AL18057">
        <v>10</v>
      </c>
      <c r="AM18057">
        <v>11</v>
      </c>
      <c r="AN18057">
        <v>11</v>
      </c>
      <c r="AO18057">
        <v>11</v>
      </c>
      <c r="AP18057">
        <v>11</v>
      </c>
      <c r="AQ18057">
        <v>11</v>
      </c>
    </row>
    <row r="18058" spans="1:43">
      <c r="A18058" t="s">
        <v>11182</v>
      </c>
      <c r="B18058" t="s">
        <v>11183</v>
      </c>
      <c r="C18058" t="s">
        <v>11176</v>
      </c>
      <c r="D18058" t="s">
        <v>11177</v>
      </c>
      <c r="E18058" t="s">
        <v>10982</v>
      </c>
      <c r="F18058" t="s">
        <v>10983</v>
      </c>
      <c r="G18058" t="s">
        <v>10734</v>
      </c>
      <c r="H18058" t="s">
        <v>10735</v>
      </c>
      <c r="I18058" s="2">
        <v>1</v>
      </c>
      <c r="J18058" s="2">
        <v>0</v>
      </c>
      <c r="K18058" s="2">
        <v>0</v>
      </c>
      <c r="L18058" t="s">
        <v>120</v>
      </c>
      <c r="M18058" t="s">
        <v>83</v>
      </c>
      <c r="N18058" t="s">
        <v>84</v>
      </c>
      <c r="O18058" t="s">
        <v>85</v>
      </c>
      <c r="P18058" t="s">
        <v>86</v>
      </c>
      <c r="Q18058">
        <v>11</v>
      </c>
      <c r="R18058">
        <v>11</v>
      </c>
      <c r="S18058">
        <v>11</v>
      </c>
      <c r="T18058">
        <v>12</v>
      </c>
      <c r="U18058">
        <v>12</v>
      </c>
      <c r="V18058">
        <v>12</v>
      </c>
      <c r="W18058">
        <v>12</v>
      </c>
      <c r="X18058">
        <v>13</v>
      </c>
      <c r="Y18058">
        <v>13</v>
      </c>
      <c r="Z18058">
        <v>13</v>
      </c>
      <c r="AA18058">
        <v>13</v>
      </c>
      <c r="AB18058">
        <v>14</v>
      </c>
      <c r="AC18058">
        <v>14</v>
      </c>
      <c r="AD18058">
        <v>14</v>
      </c>
      <c r="AE18058">
        <v>15</v>
      </c>
      <c r="AF18058">
        <v>15</v>
      </c>
      <c r="AG18058">
        <v>15</v>
      </c>
      <c r="AH18058">
        <v>15</v>
      </c>
      <c r="AI18058">
        <v>16</v>
      </c>
      <c r="AJ18058">
        <v>16</v>
      </c>
      <c r="AK18058">
        <v>16</v>
      </c>
      <c r="AL18058">
        <v>17</v>
      </c>
      <c r="AM18058">
        <v>17</v>
      </c>
      <c r="AN18058">
        <v>17</v>
      </c>
      <c r="AO18058">
        <v>17</v>
      </c>
      <c r="AP18058">
        <v>17</v>
      </c>
      <c r="AQ18058">
        <v>17</v>
      </c>
    </row>
    <row r="18059" spans="1:43">
      <c r="A18059" t="s">
        <v>11182</v>
      </c>
      <c r="B18059" t="s">
        <v>11183</v>
      </c>
      <c r="C18059" t="s">
        <v>11176</v>
      </c>
      <c r="D18059" t="s">
        <v>11177</v>
      </c>
      <c r="E18059" t="s">
        <v>10982</v>
      </c>
      <c r="F18059" t="s">
        <v>10983</v>
      </c>
      <c r="G18059" t="s">
        <v>10734</v>
      </c>
      <c r="H18059" t="s">
        <v>10735</v>
      </c>
      <c r="I18059" s="2">
        <v>1</v>
      </c>
      <c r="J18059" s="2">
        <v>0</v>
      </c>
      <c r="K18059" s="2">
        <v>0</v>
      </c>
      <c r="L18059" t="s">
        <v>120</v>
      </c>
      <c r="M18059" t="s">
        <v>87</v>
      </c>
      <c r="N18059" t="s">
        <v>88</v>
      </c>
      <c r="O18059" t="s">
        <v>85</v>
      </c>
      <c r="P18059" t="s">
        <v>86</v>
      </c>
      <c r="Q18059">
        <v>11</v>
      </c>
      <c r="R18059">
        <v>11</v>
      </c>
      <c r="S18059">
        <v>11</v>
      </c>
      <c r="T18059">
        <v>11</v>
      </c>
      <c r="U18059">
        <v>11</v>
      </c>
      <c r="V18059">
        <v>11</v>
      </c>
      <c r="W18059">
        <v>12</v>
      </c>
      <c r="X18059">
        <v>12</v>
      </c>
      <c r="Y18059">
        <v>12</v>
      </c>
      <c r="Z18059">
        <v>12</v>
      </c>
      <c r="AA18059">
        <v>12</v>
      </c>
      <c r="AB18059">
        <v>12</v>
      </c>
      <c r="AC18059">
        <v>13</v>
      </c>
      <c r="AD18059">
        <v>13</v>
      </c>
      <c r="AE18059">
        <v>13</v>
      </c>
      <c r="AF18059">
        <v>13</v>
      </c>
      <c r="AG18059">
        <v>13</v>
      </c>
      <c r="AH18059">
        <v>13</v>
      </c>
      <c r="AI18059">
        <v>14</v>
      </c>
      <c r="AJ18059">
        <v>14</v>
      </c>
      <c r="AK18059">
        <v>14</v>
      </c>
      <c r="AL18059">
        <v>14</v>
      </c>
      <c r="AM18059">
        <v>14</v>
      </c>
      <c r="AN18059">
        <v>15</v>
      </c>
      <c r="AO18059">
        <v>15</v>
      </c>
      <c r="AP18059">
        <v>15</v>
      </c>
      <c r="AQ18059">
        <v>15</v>
      </c>
    </row>
    <row r="18060" spans="1:43">
      <c r="A18060" t="s">
        <v>11182</v>
      </c>
      <c r="B18060" t="s">
        <v>11183</v>
      </c>
      <c r="C18060" t="s">
        <v>11176</v>
      </c>
      <c r="D18060" t="s">
        <v>11177</v>
      </c>
      <c r="E18060" t="s">
        <v>10982</v>
      </c>
      <c r="F18060" t="s">
        <v>10983</v>
      </c>
      <c r="G18060" t="s">
        <v>10734</v>
      </c>
      <c r="H18060" t="s">
        <v>10735</v>
      </c>
      <c r="I18060" s="2">
        <v>1</v>
      </c>
      <c r="J18060" s="2">
        <v>0</v>
      </c>
      <c r="K18060" s="2">
        <v>0</v>
      </c>
      <c r="L18060" t="s">
        <v>120</v>
      </c>
      <c r="M18060" t="s">
        <v>89</v>
      </c>
      <c r="N18060" t="s">
        <v>90</v>
      </c>
      <c r="O18060" t="s">
        <v>85</v>
      </c>
      <c r="P18060" t="s">
        <v>86</v>
      </c>
      <c r="Q18060">
        <v>11</v>
      </c>
      <c r="R18060">
        <v>11</v>
      </c>
      <c r="S18060">
        <v>12</v>
      </c>
      <c r="T18060">
        <v>12</v>
      </c>
      <c r="U18060">
        <v>12</v>
      </c>
      <c r="V18060">
        <v>13</v>
      </c>
      <c r="W18060">
        <v>13</v>
      </c>
      <c r="X18060">
        <v>13</v>
      </c>
      <c r="Y18060">
        <v>14</v>
      </c>
      <c r="Z18060">
        <v>14</v>
      </c>
      <c r="AA18060">
        <v>14</v>
      </c>
      <c r="AB18060">
        <v>15</v>
      </c>
      <c r="AC18060">
        <v>15</v>
      </c>
      <c r="AD18060">
        <v>15</v>
      </c>
      <c r="AE18060">
        <v>16</v>
      </c>
      <c r="AF18060">
        <v>16</v>
      </c>
      <c r="AG18060">
        <v>16</v>
      </c>
      <c r="AH18060">
        <v>16</v>
      </c>
      <c r="AI18060">
        <v>16</v>
      </c>
      <c r="AJ18060">
        <v>16</v>
      </c>
      <c r="AK18060">
        <v>16</v>
      </c>
      <c r="AL18060">
        <v>17</v>
      </c>
      <c r="AM18060">
        <v>17</v>
      </c>
      <c r="AN18060">
        <v>17</v>
      </c>
      <c r="AO18060">
        <v>17</v>
      </c>
      <c r="AP18060">
        <v>17</v>
      </c>
      <c r="AQ18060">
        <v>17</v>
      </c>
    </row>
    <row r="18061" spans="1:43">
      <c r="A18061" t="s">
        <v>11182</v>
      </c>
      <c r="B18061" t="s">
        <v>11183</v>
      </c>
      <c r="C18061" t="s">
        <v>11176</v>
      </c>
      <c r="D18061" t="s">
        <v>11177</v>
      </c>
      <c r="E18061" t="s">
        <v>10982</v>
      </c>
      <c r="F18061" t="s">
        <v>10983</v>
      </c>
      <c r="G18061" t="s">
        <v>10734</v>
      </c>
      <c r="H18061" t="s">
        <v>10735</v>
      </c>
      <c r="I18061" s="2">
        <v>1</v>
      </c>
      <c r="J18061" s="2">
        <v>0</v>
      </c>
      <c r="K18061" s="2">
        <v>0</v>
      </c>
      <c r="L18061" t="s">
        <v>120</v>
      </c>
      <c r="M18061" t="s">
        <v>83</v>
      </c>
      <c r="N18061" t="s">
        <v>91</v>
      </c>
      <c r="O18061" t="s">
        <v>85</v>
      </c>
      <c r="P18061" t="s">
        <v>86</v>
      </c>
      <c r="Q18061">
        <v>11</v>
      </c>
      <c r="R18061">
        <v>11</v>
      </c>
      <c r="S18061">
        <v>11</v>
      </c>
      <c r="T18061">
        <v>12</v>
      </c>
      <c r="U18061">
        <v>12</v>
      </c>
      <c r="V18061">
        <v>12</v>
      </c>
      <c r="W18061">
        <v>12</v>
      </c>
      <c r="X18061">
        <v>13</v>
      </c>
      <c r="Y18061">
        <v>13</v>
      </c>
      <c r="Z18061">
        <v>13</v>
      </c>
      <c r="AA18061">
        <v>13</v>
      </c>
      <c r="AB18061">
        <v>14</v>
      </c>
      <c r="AC18061">
        <v>14</v>
      </c>
      <c r="AD18061">
        <v>14</v>
      </c>
      <c r="AE18061">
        <v>15</v>
      </c>
      <c r="AF18061">
        <v>15</v>
      </c>
      <c r="AG18061">
        <v>15</v>
      </c>
      <c r="AH18061">
        <v>15</v>
      </c>
      <c r="AI18061">
        <v>16</v>
      </c>
      <c r="AJ18061">
        <v>16</v>
      </c>
      <c r="AK18061">
        <v>16</v>
      </c>
      <c r="AL18061">
        <v>17</v>
      </c>
      <c r="AM18061">
        <v>17</v>
      </c>
      <c r="AN18061">
        <v>17</v>
      </c>
      <c r="AO18061">
        <v>17</v>
      </c>
      <c r="AP18061">
        <v>17</v>
      </c>
      <c r="AQ18061">
        <v>17</v>
      </c>
    </row>
    <row r="18062" spans="1:43">
      <c r="A18062" t="s">
        <v>11184</v>
      </c>
      <c r="B18062" t="s">
        <v>11185</v>
      </c>
      <c r="C18062" t="s">
        <v>11176</v>
      </c>
      <c r="D18062" t="s">
        <v>11177</v>
      </c>
      <c r="E18062" t="s">
        <v>10982</v>
      </c>
      <c r="F18062" t="s">
        <v>10983</v>
      </c>
      <c r="G18062" t="s">
        <v>10734</v>
      </c>
      <c r="H18062" t="s">
        <v>10735</v>
      </c>
      <c r="I18062" s="2">
        <v>1</v>
      </c>
      <c r="J18062" s="2">
        <v>0</v>
      </c>
      <c r="K18062" s="2">
        <v>0</v>
      </c>
      <c r="L18062" t="s">
        <v>120</v>
      </c>
      <c r="M18062" t="s">
        <v>83</v>
      </c>
      <c r="N18062" t="s">
        <v>84</v>
      </c>
      <c r="O18062" t="s">
        <v>85</v>
      </c>
      <c r="P18062" t="s">
        <v>86</v>
      </c>
      <c r="Q18062">
        <v>18</v>
      </c>
      <c r="R18062">
        <v>18</v>
      </c>
      <c r="S18062">
        <v>19</v>
      </c>
      <c r="T18062">
        <v>19</v>
      </c>
      <c r="U18062">
        <v>20</v>
      </c>
      <c r="V18062">
        <v>20</v>
      </c>
      <c r="W18062">
        <v>20</v>
      </c>
      <c r="X18062">
        <v>21</v>
      </c>
      <c r="Y18062">
        <v>21</v>
      </c>
      <c r="Z18062">
        <v>22</v>
      </c>
      <c r="AA18062">
        <v>22</v>
      </c>
      <c r="AB18062">
        <v>23</v>
      </c>
      <c r="AC18062">
        <v>23</v>
      </c>
      <c r="AD18062">
        <v>23</v>
      </c>
      <c r="AE18062">
        <v>24</v>
      </c>
      <c r="AF18062">
        <v>24</v>
      </c>
      <c r="AG18062">
        <v>25</v>
      </c>
      <c r="AH18062">
        <v>25</v>
      </c>
      <c r="AI18062">
        <v>26</v>
      </c>
      <c r="AJ18062">
        <v>26</v>
      </c>
      <c r="AK18062">
        <v>27</v>
      </c>
      <c r="AL18062">
        <v>27</v>
      </c>
      <c r="AM18062">
        <v>27</v>
      </c>
      <c r="AN18062">
        <v>28</v>
      </c>
      <c r="AO18062">
        <v>28</v>
      </c>
      <c r="AP18062">
        <v>28</v>
      </c>
      <c r="AQ18062">
        <v>29</v>
      </c>
    </row>
    <row r="18063" spans="1:43">
      <c r="A18063" t="s">
        <v>11184</v>
      </c>
      <c r="B18063" t="s">
        <v>11185</v>
      </c>
      <c r="C18063" t="s">
        <v>11176</v>
      </c>
      <c r="D18063" t="s">
        <v>11177</v>
      </c>
      <c r="E18063" t="s">
        <v>10982</v>
      </c>
      <c r="F18063" t="s">
        <v>10983</v>
      </c>
      <c r="G18063" t="s">
        <v>10734</v>
      </c>
      <c r="H18063" t="s">
        <v>10735</v>
      </c>
      <c r="I18063" s="2">
        <v>1</v>
      </c>
      <c r="J18063" s="2">
        <v>0</v>
      </c>
      <c r="K18063" s="2">
        <v>0</v>
      </c>
      <c r="L18063" t="s">
        <v>120</v>
      </c>
      <c r="M18063" t="s">
        <v>87</v>
      </c>
      <c r="N18063" t="s">
        <v>88</v>
      </c>
      <c r="O18063" t="s">
        <v>85</v>
      </c>
      <c r="P18063" t="s">
        <v>86</v>
      </c>
      <c r="Q18063">
        <v>18</v>
      </c>
      <c r="R18063">
        <v>18</v>
      </c>
      <c r="S18063">
        <v>18</v>
      </c>
      <c r="T18063">
        <v>19</v>
      </c>
      <c r="U18063">
        <v>19</v>
      </c>
      <c r="V18063">
        <v>19</v>
      </c>
      <c r="W18063">
        <v>19</v>
      </c>
      <c r="X18063">
        <v>19</v>
      </c>
      <c r="Y18063">
        <v>20</v>
      </c>
      <c r="Z18063">
        <v>20</v>
      </c>
      <c r="AA18063">
        <v>20</v>
      </c>
      <c r="AB18063">
        <v>20</v>
      </c>
      <c r="AC18063">
        <v>21</v>
      </c>
      <c r="AD18063">
        <v>21</v>
      </c>
      <c r="AE18063">
        <v>21</v>
      </c>
      <c r="AF18063">
        <v>22</v>
      </c>
      <c r="AG18063">
        <v>22</v>
      </c>
      <c r="AH18063">
        <v>22</v>
      </c>
      <c r="AI18063">
        <v>22</v>
      </c>
      <c r="AJ18063">
        <v>23</v>
      </c>
      <c r="AK18063">
        <v>23</v>
      </c>
      <c r="AL18063">
        <v>23</v>
      </c>
      <c r="AM18063">
        <v>24</v>
      </c>
      <c r="AN18063">
        <v>24</v>
      </c>
      <c r="AO18063">
        <v>24</v>
      </c>
      <c r="AP18063">
        <v>25</v>
      </c>
      <c r="AQ18063">
        <v>25</v>
      </c>
    </row>
    <row r="18064" spans="1:43">
      <c r="A18064" t="s">
        <v>11184</v>
      </c>
      <c r="B18064" t="s">
        <v>11185</v>
      </c>
      <c r="C18064" t="s">
        <v>11176</v>
      </c>
      <c r="D18064" t="s">
        <v>11177</v>
      </c>
      <c r="E18064" t="s">
        <v>10982</v>
      </c>
      <c r="F18064" t="s">
        <v>10983</v>
      </c>
      <c r="G18064" t="s">
        <v>10734</v>
      </c>
      <c r="H18064" t="s">
        <v>10735</v>
      </c>
      <c r="I18064" s="2">
        <v>1</v>
      </c>
      <c r="J18064" s="2">
        <v>0</v>
      </c>
      <c r="K18064" s="2">
        <v>0</v>
      </c>
      <c r="L18064" t="s">
        <v>120</v>
      </c>
      <c r="M18064" t="s">
        <v>89</v>
      </c>
      <c r="N18064" t="s">
        <v>90</v>
      </c>
      <c r="O18064" t="s">
        <v>85</v>
      </c>
      <c r="P18064" t="s">
        <v>86</v>
      </c>
      <c r="Q18064">
        <v>18</v>
      </c>
      <c r="R18064">
        <v>19</v>
      </c>
      <c r="S18064">
        <v>19</v>
      </c>
      <c r="T18064">
        <v>20</v>
      </c>
      <c r="U18064">
        <v>20</v>
      </c>
      <c r="V18064">
        <v>21</v>
      </c>
      <c r="W18064">
        <v>21</v>
      </c>
      <c r="X18064">
        <v>22</v>
      </c>
      <c r="Y18064">
        <v>22</v>
      </c>
      <c r="Z18064">
        <v>23</v>
      </c>
      <c r="AA18064">
        <v>23</v>
      </c>
      <c r="AB18064">
        <v>24</v>
      </c>
      <c r="AC18064">
        <v>25</v>
      </c>
      <c r="AD18064">
        <v>25</v>
      </c>
      <c r="AE18064">
        <v>26</v>
      </c>
      <c r="AF18064">
        <v>26</v>
      </c>
      <c r="AG18064">
        <v>26</v>
      </c>
      <c r="AH18064">
        <v>26</v>
      </c>
      <c r="AI18064">
        <v>27</v>
      </c>
      <c r="AJ18064">
        <v>27</v>
      </c>
      <c r="AK18064">
        <v>27</v>
      </c>
      <c r="AL18064">
        <v>27</v>
      </c>
      <c r="AM18064">
        <v>28</v>
      </c>
      <c r="AN18064">
        <v>28</v>
      </c>
      <c r="AO18064">
        <v>28</v>
      </c>
      <c r="AP18064">
        <v>28</v>
      </c>
      <c r="AQ18064">
        <v>29</v>
      </c>
    </row>
    <row r="18065" spans="1:43">
      <c r="A18065" t="s">
        <v>11184</v>
      </c>
      <c r="B18065" t="s">
        <v>11185</v>
      </c>
      <c r="C18065" t="s">
        <v>11176</v>
      </c>
      <c r="D18065" t="s">
        <v>11177</v>
      </c>
      <c r="E18065" t="s">
        <v>10982</v>
      </c>
      <c r="F18065" t="s">
        <v>10983</v>
      </c>
      <c r="G18065" t="s">
        <v>10734</v>
      </c>
      <c r="H18065" t="s">
        <v>10735</v>
      </c>
      <c r="I18065" s="2">
        <v>1</v>
      </c>
      <c r="J18065" s="2">
        <v>0</v>
      </c>
      <c r="K18065" s="2">
        <v>0</v>
      </c>
      <c r="L18065" t="s">
        <v>120</v>
      </c>
      <c r="M18065" t="s">
        <v>83</v>
      </c>
      <c r="N18065" t="s">
        <v>91</v>
      </c>
      <c r="O18065" t="s">
        <v>85</v>
      </c>
      <c r="P18065" t="s">
        <v>86</v>
      </c>
      <c r="Q18065">
        <v>18</v>
      </c>
      <c r="R18065">
        <v>18</v>
      </c>
      <c r="S18065">
        <v>19</v>
      </c>
      <c r="T18065">
        <v>19</v>
      </c>
      <c r="U18065">
        <v>20</v>
      </c>
      <c r="V18065">
        <v>20</v>
      </c>
      <c r="W18065">
        <v>20</v>
      </c>
      <c r="X18065">
        <v>21</v>
      </c>
      <c r="Y18065">
        <v>21</v>
      </c>
      <c r="Z18065">
        <v>22</v>
      </c>
      <c r="AA18065">
        <v>22</v>
      </c>
      <c r="AB18065">
        <v>23</v>
      </c>
      <c r="AC18065">
        <v>23</v>
      </c>
      <c r="AD18065">
        <v>23</v>
      </c>
      <c r="AE18065">
        <v>24</v>
      </c>
      <c r="AF18065">
        <v>24</v>
      </c>
      <c r="AG18065">
        <v>25</v>
      </c>
      <c r="AH18065">
        <v>25</v>
      </c>
      <c r="AI18065">
        <v>26</v>
      </c>
      <c r="AJ18065">
        <v>26</v>
      </c>
      <c r="AK18065">
        <v>27</v>
      </c>
      <c r="AL18065">
        <v>27</v>
      </c>
      <c r="AM18065">
        <v>27</v>
      </c>
      <c r="AN18065">
        <v>28</v>
      </c>
      <c r="AO18065">
        <v>28</v>
      </c>
      <c r="AP18065">
        <v>28</v>
      </c>
      <c r="AQ18065">
        <v>29</v>
      </c>
    </row>
    <row r="18066" spans="1:43">
      <c r="A18066" t="s">
        <v>11186</v>
      </c>
      <c r="B18066" t="s">
        <v>11187</v>
      </c>
      <c r="C18066" t="s">
        <v>11176</v>
      </c>
      <c r="D18066" t="s">
        <v>11177</v>
      </c>
      <c r="E18066" t="s">
        <v>10982</v>
      </c>
      <c r="F18066" t="s">
        <v>10983</v>
      </c>
      <c r="G18066" t="s">
        <v>10734</v>
      </c>
      <c r="H18066" t="s">
        <v>10735</v>
      </c>
      <c r="I18066" s="2">
        <v>1</v>
      </c>
      <c r="J18066" s="2">
        <v>0</v>
      </c>
      <c r="K18066" s="2">
        <v>0</v>
      </c>
      <c r="L18066" t="s">
        <v>120</v>
      </c>
      <c r="M18066" t="s">
        <v>83</v>
      </c>
      <c r="N18066" t="s">
        <v>84</v>
      </c>
      <c r="O18066" t="s">
        <v>85</v>
      </c>
      <c r="P18066" t="s">
        <v>86</v>
      </c>
      <c r="Q18066">
        <v>2</v>
      </c>
      <c r="R18066">
        <v>2</v>
      </c>
      <c r="S18066">
        <v>2</v>
      </c>
      <c r="T18066">
        <v>2</v>
      </c>
      <c r="U18066">
        <v>2</v>
      </c>
      <c r="V18066">
        <v>2</v>
      </c>
      <c r="W18066">
        <v>2</v>
      </c>
      <c r="X18066">
        <v>2</v>
      </c>
      <c r="Y18066">
        <v>2</v>
      </c>
      <c r="Z18066">
        <v>2</v>
      </c>
      <c r="AA18066">
        <v>3</v>
      </c>
      <c r="AB18066">
        <v>3</v>
      </c>
      <c r="AC18066">
        <v>3</v>
      </c>
      <c r="AD18066">
        <v>3</v>
      </c>
      <c r="AE18066">
        <v>3</v>
      </c>
      <c r="AF18066">
        <v>3</v>
      </c>
      <c r="AG18066">
        <v>3</v>
      </c>
      <c r="AH18066">
        <v>3</v>
      </c>
      <c r="AI18066">
        <v>3</v>
      </c>
      <c r="AJ18066">
        <v>3</v>
      </c>
      <c r="AK18066">
        <v>3</v>
      </c>
      <c r="AL18066">
        <v>3</v>
      </c>
      <c r="AM18066">
        <v>3</v>
      </c>
      <c r="AN18066">
        <v>3</v>
      </c>
      <c r="AO18066">
        <v>3</v>
      </c>
      <c r="AP18066">
        <v>3</v>
      </c>
      <c r="AQ18066">
        <v>3</v>
      </c>
    </row>
    <row r="18067" spans="1:43">
      <c r="A18067" t="s">
        <v>11186</v>
      </c>
      <c r="B18067" t="s">
        <v>11187</v>
      </c>
      <c r="C18067" t="s">
        <v>11176</v>
      </c>
      <c r="D18067" t="s">
        <v>11177</v>
      </c>
      <c r="E18067" t="s">
        <v>10982</v>
      </c>
      <c r="F18067" t="s">
        <v>10983</v>
      </c>
      <c r="G18067" t="s">
        <v>10734</v>
      </c>
      <c r="H18067" t="s">
        <v>10735</v>
      </c>
      <c r="I18067" s="2">
        <v>1</v>
      </c>
      <c r="J18067" s="2">
        <v>0</v>
      </c>
      <c r="K18067" s="2">
        <v>0</v>
      </c>
      <c r="L18067" t="s">
        <v>120</v>
      </c>
      <c r="M18067" t="s">
        <v>87</v>
      </c>
      <c r="N18067" t="s">
        <v>88</v>
      </c>
      <c r="O18067" t="s">
        <v>85</v>
      </c>
      <c r="P18067" t="s">
        <v>86</v>
      </c>
      <c r="Q18067">
        <v>2</v>
      </c>
      <c r="R18067">
        <v>2</v>
      </c>
      <c r="S18067">
        <v>2</v>
      </c>
      <c r="T18067">
        <v>2</v>
      </c>
      <c r="U18067">
        <v>2</v>
      </c>
      <c r="V18067">
        <v>2</v>
      </c>
      <c r="W18067">
        <v>2</v>
      </c>
      <c r="X18067">
        <v>2</v>
      </c>
      <c r="Y18067">
        <v>2</v>
      </c>
      <c r="Z18067">
        <v>2</v>
      </c>
      <c r="AA18067">
        <v>2</v>
      </c>
      <c r="AB18067">
        <v>2</v>
      </c>
      <c r="AC18067">
        <v>2</v>
      </c>
      <c r="AD18067">
        <v>2</v>
      </c>
      <c r="AE18067">
        <v>2</v>
      </c>
      <c r="AF18067">
        <v>2</v>
      </c>
      <c r="AG18067">
        <v>3</v>
      </c>
      <c r="AH18067">
        <v>3</v>
      </c>
      <c r="AI18067">
        <v>3</v>
      </c>
      <c r="AJ18067">
        <v>3</v>
      </c>
      <c r="AK18067">
        <v>3</v>
      </c>
      <c r="AL18067">
        <v>3</v>
      </c>
      <c r="AM18067">
        <v>3</v>
      </c>
      <c r="AN18067">
        <v>3</v>
      </c>
      <c r="AO18067">
        <v>3</v>
      </c>
      <c r="AP18067">
        <v>3</v>
      </c>
      <c r="AQ18067">
        <v>3</v>
      </c>
    </row>
    <row r="18068" spans="1:43">
      <c r="A18068" t="s">
        <v>11186</v>
      </c>
      <c r="B18068" t="s">
        <v>11187</v>
      </c>
      <c r="C18068" t="s">
        <v>11176</v>
      </c>
      <c r="D18068" t="s">
        <v>11177</v>
      </c>
      <c r="E18068" t="s">
        <v>10982</v>
      </c>
      <c r="F18068" t="s">
        <v>10983</v>
      </c>
      <c r="G18068" t="s">
        <v>10734</v>
      </c>
      <c r="H18068" t="s">
        <v>10735</v>
      </c>
      <c r="I18068" s="2">
        <v>1</v>
      </c>
      <c r="J18068" s="2">
        <v>0</v>
      </c>
      <c r="K18068" s="2">
        <v>0</v>
      </c>
      <c r="L18068" t="s">
        <v>120</v>
      </c>
      <c r="M18068" t="s">
        <v>89</v>
      </c>
      <c r="N18068" t="s">
        <v>90</v>
      </c>
      <c r="O18068" t="s">
        <v>85</v>
      </c>
      <c r="P18068" t="s">
        <v>86</v>
      </c>
      <c r="Q18068">
        <v>2</v>
      </c>
      <c r="R18068">
        <v>2</v>
      </c>
      <c r="S18068">
        <v>2</v>
      </c>
      <c r="T18068">
        <v>2</v>
      </c>
      <c r="U18068">
        <v>2</v>
      </c>
      <c r="V18068">
        <v>2</v>
      </c>
      <c r="W18068">
        <v>2</v>
      </c>
      <c r="X18068">
        <v>3</v>
      </c>
      <c r="Y18068">
        <v>3</v>
      </c>
      <c r="Z18068">
        <v>3</v>
      </c>
      <c r="AA18068">
        <v>3</v>
      </c>
      <c r="AB18068">
        <v>3</v>
      </c>
      <c r="AC18068">
        <v>3</v>
      </c>
      <c r="AD18068">
        <v>3</v>
      </c>
      <c r="AE18068">
        <v>3</v>
      </c>
      <c r="AF18068">
        <v>3</v>
      </c>
      <c r="AG18068">
        <v>3</v>
      </c>
      <c r="AH18068">
        <v>3</v>
      </c>
      <c r="AI18068">
        <v>3</v>
      </c>
      <c r="AJ18068">
        <v>3</v>
      </c>
      <c r="AK18068">
        <v>3</v>
      </c>
      <c r="AL18068">
        <v>3</v>
      </c>
      <c r="AM18068">
        <v>3</v>
      </c>
      <c r="AN18068">
        <v>3</v>
      </c>
      <c r="AO18068">
        <v>3</v>
      </c>
      <c r="AP18068">
        <v>3</v>
      </c>
      <c r="AQ18068">
        <v>3</v>
      </c>
    </row>
    <row r="18069" spans="1:43">
      <c r="A18069" t="s">
        <v>11186</v>
      </c>
      <c r="B18069" t="s">
        <v>11187</v>
      </c>
      <c r="C18069" t="s">
        <v>11176</v>
      </c>
      <c r="D18069" t="s">
        <v>11177</v>
      </c>
      <c r="E18069" t="s">
        <v>10982</v>
      </c>
      <c r="F18069" t="s">
        <v>10983</v>
      </c>
      <c r="G18069" t="s">
        <v>10734</v>
      </c>
      <c r="H18069" t="s">
        <v>10735</v>
      </c>
      <c r="I18069" s="2">
        <v>1</v>
      </c>
      <c r="J18069" s="2">
        <v>0</v>
      </c>
      <c r="K18069" s="2">
        <v>0</v>
      </c>
      <c r="L18069" t="s">
        <v>120</v>
      </c>
      <c r="M18069" t="s">
        <v>83</v>
      </c>
      <c r="N18069" t="s">
        <v>91</v>
      </c>
      <c r="O18069" t="s">
        <v>85</v>
      </c>
      <c r="P18069" t="s">
        <v>86</v>
      </c>
      <c r="Q18069">
        <v>2</v>
      </c>
      <c r="R18069">
        <v>2</v>
      </c>
      <c r="S18069">
        <v>2</v>
      </c>
      <c r="T18069">
        <v>2</v>
      </c>
      <c r="U18069">
        <v>2</v>
      </c>
      <c r="V18069">
        <v>2</v>
      </c>
      <c r="W18069">
        <v>2</v>
      </c>
      <c r="X18069">
        <v>2</v>
      </c>
      <c r="Y18069">
        <v>2</v>
      </c>
      <c r="Z18069">
        <v>2</v>
      </c>
      <c r="AA18069">
        <v>3</v>
      </c>
      <c r="AB18069">
        <v>3</v>
      </c>
      <c r="AC18069">
        <v>3</v>
      </c>
      <c r="AD18069">
        <v>3</v>
      </c>
      <c r="AE18069">
        <v>3</v>
      </c>
      <c r="AF18069">
        <v>3</v>
      </c>
      <c r="AG18069">
        <v>3</v>
      </c>
      <c r="AH18069">
        <v>3</v>
      </c>
      <c r="AI18069">
        <v>3</v>
      </c>
      <c r="AJ18069">
        <v>3</v>
      </c>
      <c r="AK18069">
        <v>3</v>
      </c>
      <c r="AL18069">
        <v>3</v>
      </c>
      <c r="AM18069">
        <v>3</v>
      </c>
      <c r="AN18069">
        <v>3</v>
      </c>
      <c r="AO18069">
        <v>3</v>
      </c>
      <c r="AP18069">
        <v>3</v>
      </c>
      <c r="AQ18069">
        <v>3</v>
      </c>
    </row>
    <row r="18070" spans="1:43">
      <c r="A18070" t="s">
        <v>11188</v>
      </c>
      <c r="B18070" t="s">
        <v>11189</v>
      </c>
      <c r="C18070" t="s">
        <v>11176</v>
      </c>
      <c r="D18070" t="s">
        <v>11177</v>
      </c>
      <c r="E18070" t="s">
        <v>10982</v>
      </c>
      <c r="F18070" t="s">
        <v>10983</v>
      </c>
      <c r="G18070" t="s">
        <v>10734</v>
      </c>
      <c r="H18070" t="s">
        <v>10735</v>
      </c>
      <c r="I18070" s="2">
        <v>1</v>
      </c>
      <c r="J18070" s="2">
        <v>0</v>
      </c>
      <c r="K18070" s="2">
        <v>0</v>
      </c>
      <c r="L18070" t="s">
        <v>120</v>
      </c>
      <c r="M18070" t="s">
        <v>83</v>
      </c>
      <c r="N18070" t="s">
        <v>84</v>
      </c>
      <c r="O18070" t="s">
        <v>85</v>
      </c>
      <c r="P18070" t="s">
        <v>86</v>
      </c>
      <c r="Q18070">
        <v>36</v>
      </c>
      <c r="R18070">
        <v>37</v>
      </c>
      <c r="S18070">
        <v>37</v>
      </c>
      <c r="T18070">
        <v>38</v>
      </c>
      <c r="U18070">
        <v>39</v>
      </c>
      <c r="V18070">
        <v>40</v>
      </c>
      <c r="W18070">
        <v>41</v>
      </c>
      <c r="X18070">
        <v>42</v>
      </c>
      <c r="Y18070">
        <v>42</v>
      </c>
      <c r="Z18070">
        <v>43</v>
      </c>
      <c r="AA18070">
        <v>44</v>
      </c>
      <c r="AB18070">
        <v>45</v>
      </c>
      <c r="AC18070">
        <v>46</v>
      </c>
      <c r="AD18070">
        <v>47</v>
      </c>
      <c r="AE18070">
        <v>48</v>
      </c>
      <c r="AF18070">
        <v>49</v>
      </c>
      <c r="AG18070">
        <v>50</v>
      </c>
      <c r="AH18070">
        <v>50</v>
      </c>
      <c r="AI18070">
        <v>51</v>
      </c>
      <c r="AJ18070">
        <v>52</v>
      </c>
      <c r="AK18070">
        <v>53</v>
      </c>
      <c r="AL18070">
        <v>54</v>
      </c>
      <c r="AM18070">
        <v>55</v>
      </c>
      <c r="AN18070">
        <v>55</v>
      </c>
      <c r="AO18070">
        <v>56</v>
      </c>
      <c r="AP18070">
        <v>56</v>
      </c>
      <c r="AQ18070">
        <v>57</v>
      </c>
    </row>
    <row r="18071" spans="1:43">
      <c r="A18071" t="s">
        <v>11188</v>
      </c>
      <c r="B18071" t="s">
        <v>11189</v>
      </c>
      <c r="C18071" t="s">
        <v>11176</v>
      </c>
      <c r="D18071" t="s">
        <v>11177</v>
      </c>
      <c r="E18071" t="s">
        <v>10982</v>
      </c>
      <c r="F18071" t="s">
        <v>10983</v>
      </c>
      <c r="G18071" t="s">
        <v>10734</v>
      </c>
      <c r="H18071" t="s">
        <v>10735</v>
      </c>
      <c r="I18071" s="2">
        <v>1</v>
      </c>
      <c r="J18071" s="2">
        <v>0</v>
      </c>
      <c r="K18071" s="2">
        <v>0</v>
      </c>
      <c r="L18071" t="s">
        <v>120</v>
      </c>
      <c r="M18071" t="s">
        <v>87</v>
      </c>
      <c r="N18071" t="s">
        <v>88</v>
      </c>
      <c r="O18071" t="s">
        <v>85</v>
      </c>
      <c r="P18071" t="s">
        <v>86</v>
      </c>
      <c r="Q18071">
        <v>36</v>
      </c>
      <c r="R18071">
        <v>37</v>
      </c>
      <c r="S18071">
        <v>37</v>
      </c>
      <c r="T18071">
        <v>38</v>
      </c>
      <c r="U18071">
        <v>38</v>
      </c>
      <c r="V18071">
        <v>39</v>
      </c>
      <c r="W18071">
        <v>39</v>
      </c>
      <c r="X18071">
        <v>40</v>
      </c>
      <c r="Y18071">
        <v>40</v>
      </c>
      <c r="Z18071">
        <v>41</v>
      </c>
      <c r="AA18071">
        <v>41</v>
      </c>
      <c r="AB18071">
        <v>42</v>
      </c>
      <c r="AC18071">
        <v>42</v>
      </c>
      <c r="AD18071">
        <v>43</v>
      </c>
      <c r="AE18071">
        <v>43</v>
      </c>
      <c r="AF18071">
        <v>44</v>
      </c>
      <c r="AG18071">
        <v>45</v>
      </c>
      <c r="AH18071">
        <v>45</v>
      </c>
      <c r="AI18071">
        <v>46</v>
      </c>
      <c r="AJ18071">
        <v>46</v>
      </c>
      <c r="AK18071">
        <v>47</v>
      </c>
      <c r="AL18071">
        <v>48</v>
      </c>
      <c r="AM18071">
        <v>48</v>
      </c>
      <c r="AN18071">
        <v>49</v>
      </c>
      <c r="AO18071">
        <v>49</v>
      </c>
      <c r="AP18071">
        <v>50</v>
      </c>
      <c r="AQ18071">
        <v>51</v>
      </c>
    </row>
    <row r="18072" spans="1:43">
      <c r="A18072" t="s">
        <v>11188</v>
      </c>
      <c r="B18072" t="s">
        <v>11189</v>
      </c>
      <c r="C18072" t="s">
        <v>11176</v>
      </c>
      <c r="D18072" t="s">
        <v>11177</v>
      </c>
      <c r="E18072" t="s">
        <v>10982</v>
      </c>
      <c r="F18072" t="s">
        <v>10983</v>
      </c>
      <c r="G18072" t="s">
        <v>10734</v>
      </c>
      <c r="H18072" t="s">
        <v>10735</v>
      </c>
      <c r="I18072" s="2">
        <v>1</v>
      </c>
      <c r="J18072" s="2">
        <v>0</v>
      </c>
      <c r="K18072" s="2">
        <v>0</v>
      </c>
      <c r="L18072" t="s">
        <v>120</v>
      </c>
      <c r="M18072" t="s">
        <v>89</v>
      </c>
      <c r="N18072" t="s">
        <v>90</v>
      </c>
      <c r="O18072" t="s">
        <v>85</v>
      </c>
      <c r="P18072" t="s">
        <v>86</v>
      </c>
      <c r="Q18072">
        <v>36</v>
      </c>
      <c r="R18072">
        <v>37</v>
      </c>
      <c r="S18072">
        <v>38</v>
      </c>
      <c r="T18072">
        <v>39</v>
      </c>
      <c r="U18072">
        <v>41</v>
      </c>
      <c r="V18072">
        <v>42</v>
      </c>
      <c r="W18072">
        <v>43</v>
      </c>
      <c r="X18072">
        <v>44</v>
      </c>
      <c r="Y18072">
        <v>45</v>
      </c>
      <c r="Z18072">
        <v>46</v>
      </c>
      <c r="AA18072">
        <v>47</v>
      </c>
      <c r="AB18072">
        <v>48</v>
      </c>
      <c r="AC18072">
        <v>49</v>
      </c>
      <c r="AD18072">
        <v>50</v>
      </c>
      <c r="AE18072">
        <v>51</v>
      </c>
      <c r="AF18072">
        <v>51</v>
      </c>
      <c r="AG18072">
        <v>52</v>
      </c>
      <c r="AH18072">
        <v>52</v>
      </c>
      <c r="AI18072">
        <v>53</v>
      </c>
      <c r="AJ18072">
        <v>53</v>
      </c>
      <c r="AK18072">
        <v>54</v>
      </c>
      <c r="AL18072">
        <v>54</v>
      </c>
      <c r="AM18072">
        <v>55</v>
      </c>
      <c r="AN18072">
        <v>56</v>
      </c>
      <c r="AO18072">
        <v>56</v>
      </c>
      <c r="AP18072">
        <v>57</v>
      </c>
      <c r="AQ18072">
        <v>57</v>
      </c>
    </row>
    <row r="18073" spans="1:43">
      <c r="A18073" t="s">
        <v>11188</v>
      </c>
      <c r="B18073" t="s">
        <v>11189</v>
      </c>
      <c r="C18073" t="s">
        <v>11176</v>
      </c>
      <c r="D18073" t="s">
        <v>11177</v>
      </c>
      <c r="E18073" t="s">
        <v>10982</v>
      </c>
      <c r="F18073" t="s">
        <v>10983</v>
      </c>
      <c r="G18073" t="s">
        <v>10734</v>
      </c>
      <c r="H18073" t="s">
        <v>10735</v>
      </c>
      <c r="I18073" s="2">
        <v>1</v>
      </c>
      <c r="J18073" s="2">
        <v>0</v>
      </c>
      <c r="K18073" s="2">
        <v>0</v>
      </c>
      <c r="L18073" t="s">
        <v>120</v>
      </c>
      <c r="M18073" t="s">
        <v>83</v>
      </c>
      <c r="N18073" t="s">
        <v>91</v>
      </c>
      <c r="O18073" t="s">
        <v>85</v>
      </c>
      <c r="P18073" t="s">
        <v>86</v>
      </c>
      <c r="Q18073">
        <v>36</v>
      </c>
      <c r="R18073">
        <v>37</v>
      </c>
      <c r="S18073">
        <v>37</v>
      </c>
      <c r="T18073">
        <v>38</v>
      </c>
      <c r="U18073">
        <v>39</v>
      </c>
      <c r="V18073">
        <v>40</v>
      </c>
      <c r="W18073">
        <v>41</v>
      </c>
      <c r="X18073">
        <v>42</v>
      </c>
      <c r="Y18073">
        <v>42</v>
      </c>
      <c r="Z18073">
        <v>43</v>
      </c>
      <c r="AA18073">
        <v>44</v>
      </c>
      <c r="AB18073">
        <v>45</v>
      </c>
      <c r="AC18073">
        <v>46</v>
      </c>
      <c r="AD18073">
        <v>47</v>
      </c>
      <c r="AE18073">
        <v>48</v>
      </c>
      <c r="AF18073">
        <v>49</v>
      </c>
      <c r="AG18073">
        <v>50</v>
      </c>
      <c r="AH18073">
        <v>50</v>
      </c>
      <c r="AI18073">
        <v>51</v>
      </c>
      <c r="AJ18073">
        <v>52</v>
      </c>
      <c r="AK18073">
        <v>53</v>
      </c>
      <c r="AL18073">
        <v>54</v>
      </c>
      <c r="AM18073">
        <v>55</v>
      </c>
      <c r="AN18073">
        <v>55</v>
      </c>
      <c r="AO18073">
        <v>56</v>
      </c>
      <c r="AP18073">
        <v>56</v>
      </c>
      <c r="AQ18073">
        <v>57</v>
      </c>
    </row>
    <row r="18074" spans="1:43">
      <c r="A18074" t="s">
        <v>11190</v>
      </c>
      <c r="B18074" t="s">
        <v>11191</v>
      </c>
      <c r="C18074" t="s">
        <v>11176</v>
      </c>
      <c r="D18074" t="s">
        <v>11177</v>
      </c>
      <c r="E18074" t="s">
        <v>10982</v>
      </c>
      <c r="F18074" t="s">
        <v>10983</v>
      </c>
      <c r="G18074" t="s">
        <v>10734</v>
      </c>
      <c r="H18074" t="s">
        <v>10735</v>
      </c>
      <c r="I18074" s="2">
        <v>1</v>
      </c>
      <c r="J18074" s="2">
        <v>0</v>
      </c>
      <c r="K18074" s="2">
        <v>0</v>
      </c>
      <c r="L18074" t="s">
        <v>120</v>
      </c>
      <c r="M18074" t="s">
        <v>83</v>
      </c>
      <c r="N18074" t="s">
        <v>84</v>
      </c>
      <c r="O18074" t="s">
        <v>85</v>
      </c>
      <c r="P18074" t="s">
        <v>86</v>
      </c>
      <c r="Q18074">
        <v>5</v>
      </c>
      <c r="R18074">
        <v>5</v>
      </c>
      <c r="S18074">
        <v>5</v>
      </c>
      <c r="T18074">
        <v>6</v>
      </c>
      <c r="U18074">
        <v>6</v>
      </c>
      <c r="V18074">
        <v>6</v>
      </c>
      <c r="W18074">
        <v>6</v>
      </c>
      <c r="X18074">
        <v>6</v>
      </c>
      <c r="Y18074">
        <v>6</v>
      </c>
      <c r="Z18074">
        <v>6</v>
      </c>
      <c r="AA18074">
        <v>6</v>
      </c>
      <c r="AB18074">
        <v>7</v>
      </c>
      <c r="AC18074">
        <v>7</v>
      </c>
      <c r="AD18074">
        <v>7</v>
      </c>
      <c r="AE18074">
        <v>7</v>
      </c>
      <c r="AF18074">
        <v>7</v>
      </c>
      <c r="AG18074">
        <v>7</v>
      </c>
      <c r="AH18074">
        <v>7</v>
      </c>
      <c r="AI18074">
        <v>7</v>
      </c>
      <c r="AJ18074">
        <v>8</v>
      </c>
      <c r="AK18074">
        <v>8</v>
      </c>
      <c r="AL18074">
        <v>8</v>
      </c>
      <c r="AM18074">
        <v>8</v>
      </c>
      <c r="AN18074">
        <v>8</v>
      </c>
      <c r="AO18074">
        <v>8</v>
      </c>
      <c r="AP18074">
        <v>8</v>
      </c>
      <c r="AQ18074">
        <v>8</v>
      </c>
    </row>
    <row r="18075" spans="1:43">
      <c r="A18075" t="s">
        <v>11190</v>
      </c>
      <c r="B18075" t="s">
        <v>11191</v>
      </c>
      <c r="C18075" t="s">
        <v>11176</v>
      </c>
      <c r="D18075" t="s">
        <v>11177</v>
      </c>
      <c r="E18075" t="s">
        <v>10982</v>
      </c>
      <c r="F18075" t="s">
        <v>10983</v>
      </c>
      <c r="G18075" t="s">
        <v>10734</v>
      </c>
      <c r="H18075" t="s">
        <v>10735</v>
      </c>
      <c r="I18075" s="2">
        <v>1</v>
      </c>
      <c r="J18075" s="2">
        <v>0</v>
      </c>
      <c r="K18075" s="2">
        <v>0</v>
      </c>
      <c r="L18075" t="s">
        <v>120</v>
      </c>
      <c r="M18075" t="s">
        <v>87</v>
      </c>
      <c r="N18075" t="s">
        <v>88</v>
      </c>
      <c r="O18075" t="s">
        <v>85</v>
      </c>
      <c r="P18075" t="s">
        <v>86</v>
      </c>
      <c r="Q18075">
        <v>5</v>
      </c>
      <c r="R18075">
        <v>5</v>
      </c>
      <c r="S18075">
        <v>5</v>
      </c>
      <c r="T18075">
        <v>5</v>
      </c>
      <c r="U18075">
        <v>5</v>
      </c>
      <c r="V18075">
        <v>6</v>
      </c>
      <c r="W18075">
        <v>6</v>
      </c>
      <c r="X18075">
        <v>6</v>
      </c>
      <c r="Y18075">
        <v>6</v>
      </c>
      <c r="Z18075">
        <v>6</v>
      </c>
      <c r="AA18075">
        <v>6</v>
      </c>
      <c r="AB18075">
        <v>6</v>
      </c>
      <c r="AC18075">
        <v>6</v>
      </c>
      <c r="AD18075">
        <v>6</v>
      </c>
      <c r="AE18075">
        <v>6</v>
      </c>
      <c r="AF18075">
        <v>6</v>
      </c>
      <c r="AG18075">
        <v>6</v>
      </c>
      <c r="AH18075">
        <v>6</v>
      </c>
      <c r="AI18075">
        <v>7</v>
      </c>
      <c r="AJ18075">
        <v>7</v>
      </c>
      <c r="AK18075">
        <v>7</v>
      </c>
      <c r="AL18075">
        <v>7</v>
      </c>
      <c r="AM18075">
        <v>7</v>
      </c>
      <c r="AN18075">
        <v>7</v>
      </c>
      <c r="AO18075">
        <v>7</v>
      </c>
      <c r="AP18075">
        <v>7</v>
      </c>
      <c r="AQ18075">
        <v>7</v>
      </c>
    </row>
    <row r="18076" spans="1:43">
      <c r="A18076" t="s">
        <v>11190</v>
      </c>
      <c r="B18076" t="s">
        <v>11191</v>
      </c>
      <c r="C18076" t="s">
        <v>11176</v>
      </c>
      <c r="D18076" t="s">
        <v>11177</v>
      </c>
      <c r="E18076" t="s">
        <v>10982</v>
      </c>
      <c r="F18076" t="s">
        <v>10983</v>
      </c>
      <c r="G18076" t="s">
        <v>10734</v>
      </c>
      <c r="H18076" t="s">
        <v>10735</v>
      </c>
      <c r="I18076" s="2">
        <v>1</v>
      </c>
      <c r="J18076" s="2">
        <v>0</v>
      </c>
      <c r="K18076" s="2">
        <v>0</v>
      </c>
      <c r="L18076" t="s">
        <v>120</v>
      </c>
      <c r="M18076" t="s">
        <v>89</v>
      </c>
      <c r="N18076" t="s">
        <v>90</v>
      </c>
      <c r="O18076" t="s">
        <v>85</v>
      </c>
      <c r="P18076" t="s">
        <v>86</v>
      </c>
      <c r="Q18076">
        <v>5</v>
      </c>
      <c r="R18076">
        <v>5</v>
      </c>
      <c r="S18076">
        <v>6</v>
      </c>
      <c r="T18076">
        <v>6</v>
      </c>
      <c r="U18076">
        <v>6</v>
      </c>
      <c r="V18076">
        <v>6</v>
      </c>
      <c r="W18076">
        <v>6</v>
      </c>
      <c r="X18076">
        <v>6</v>
      </c>
      <c r="Y18076">
        <v>7</v>
      </c>
      <c r="Z18076">
        <v>7</v>
      </c>
      <c r="AA18076">
        <v>7</v>
      </c>
      <c r="AB18076">
        <v>7</v>
      </c>
      <c r="AC18076">
        <v>7</v>
      </c>
      <c r="AD18076">
        <v>7</v>
      </c>
      <c r="AE18076">
        <v>7</v>
      </c>
      <c r="AF18076">
        <v>7</v>
      </c>
      <c r="AG18076">
        <v>8</v>
      </c>
      <c r="AH18076">
        <v>8</v>
      </c>
      <c r="AI18076">
        <v>8</v>
      </c>
      <c r="AJ18076">
        <v>8</v>
      </c>
      <c r="AK18076">
        <v>8</v>
      </c>
      <c r="AL18076">
        <v>8</v>
      </c>
      <c r="AM18076">
        <v>8</v>
      </c>
      <c r="AN18076">
        <v>8</v>
      </c>
      <c r="AO18076">
        <v>8</v>
      </c>
      <c r="AP18076">
        <v>8</v>
      </c>
      <c r="AQ18076">
        <v>8</v>
      </c>
    </row>
    <row r="18077" spans="1:43">
      <c r="A18077" t="s">
        <v>11190</v>
      </c>
      <c r="B18077" t="s">
        <v>11191</v>
      </c>
      <c r="C18077" t="s">
        <v>11176</v>
      </c>
      <c r="D18077" t="s">
        <v>11177</v>
      </c>
      <c r="E18077" t="s">
        <v>10982</v>
      </c>
      <c r="F18077" t="s">
        <v>10983</v>
      </c>
      <c r="G18077" t="s">
        <v>10734</v>
      </c>
      <c r="H18077" t="s">
        <v>10735</v>
      </c>
      <c r="I18077" s="2">
        <v>1</v>
      </c>
      <c r="J18077" s="2">
        <v>0</v>
      </c>
      <c r="K18077" s="2">
        <v>0</v>
      </c>
      <c r="L18077" t="s">
        <v>120</v>
      </c>
      <c r="M18077" t="s">
        <v>83</v>
      </c>
      <c r="N18077" t="s">
        <v>91</v>
      </c>
      <c r="O18077" t="s">
        <v>85</v>
      </c>
      <c r="P18077" t="s">
        <v>86</v>
      </c>
      <c r="Q18077">
        <v>5</v>
      </c>
      <c r="R18077">
        <v>5</v>
      </c>
      <c r="S18077">
        <v>5</v>
      </c>
      <c r="T18077">
        <v>6</v>
      </c>
      <c r="U18077">
        <v>6</v>
      </c>
      <c r="V18077">
        <v>6</v>
      </c>
      <c r="W18077">
        <v>6</v>
      </c>
      <c r="X18077">
        <v>6</v>
      </c>
      <c r="Y18077">
        <v>6</v>
      </c>
      <c r="Z18077">
        <v>6</v>
      </c>
      <c r="AA18077">
        <v>6</v>
      </c>
      <c r="AB18077">
        <v>7</v>
      </c>
      <c r="AC18077">
        <v>7</v>
      </c>
      <c r="AD18077">
        <v>7</v>
      </c>
      <c r="AE18077">
        <v>7</v>
      </c>
      <c r="AF18077">
        <v>7</v>
      </c>
      <c r="AG18077">
        <v>7</v>
      </c>
      <c r="AH18077">
        <v>7</v>
      </c>
      <c r="AI18077">
        <v>7</v>
      </c>
      <c r="AJ18077">
        <v>8</v>
      </c>
      <c r="AK18077">
        <v>8</v>
      </c>
      <c r="AL18077">
        <v>8</v>
      </c>
      <c r="AM18077">
        <v>8</v>
      </c>
      <c r="AN18077">
        <v>8</v>
      </c>
      <c r="AO18077">
        <v>8</v>
      </c>
      <c r="AP18077">
        <v>8</v>
      </c>
      <c r="AQ18077">
        <v>8</v>
      </c>
    </row>
    <row r="18078" spans="1:43">
      <c r="A18078" t="s">
        <v>11192</v>
      </c>
      <c r="B18078" t="s">
        <v>11193</v>
      </c>
      <c r="C18078" t="s">
        <v>11194</v>
      </c>
      <c r="D18078" t="s">
        <v>11195</v>
      </c>
      <c r="E18078" t="s">
        <v>10982</v>
      </c>
      <c r="F18078" t="s">
        <v>10983</v>
      </c>
      <c r="G18078" t="s">
        <v>10734</v>
      </c>
      <c r="H18078" t="s">
        <v>10735</v>
      </c>
      <c r="I18078" s="2">
        <v>1</v>
      </c>
      <c r="J18078" s="2">
        <v>0</v>
      </c>
      <c r="K18078" s="2">
        <v>0</v>
      </c>
      <c r="L18078" t="s">
        <v>120</v>
      </c>
      <c r="M18078" t="s">
        <v>83</v>
      </c>
      <c r="N18078" t="s">
        <v>84</v>
      </c>
      <c r="O18078" t="s">
        <v>85</v>
      </c>
      <c r="P18078" t="s">
        <v>86</v>
      </c>
      <c r="Q18078">
        <v>151</v>
      </c>
      <c r="R18078">
        <v>155</v>
      </c>
      <c r="S18078">
        <v>159</v>
      </c>
      <c r="T18078">
        <v>162</v>
      </c>
      <c r="U18078">
        <v>166</v>
      </c>
      <c r="V18078">
        <v>169</v>
      </c>
      <c r="W18078">
        <v>173</v>
      </c>
      <c r="X18078">
        <v>177</v>
      </c>
      <c r="Y18078">
        <v>180</v>
      </c>
      <c r="Z18078">
        <v>184</v>
      </c>
      <c r="AA18078">
        <v>188</v>
      </c>
      <c r="AB18078">
        <v>192</v>
      </c>
      <c r="AC18078">
        <v>196</v>
      </c>
      <c r="AD18078">
        <v>200</v>
      </c>
      <c r="AE18078">
        <v>204</v>
      </c>
      <c r="AF18078">
        <v>208</v>
      </c>
      <c r="AG18078">
        <v>212</v>
      </c>
      <c r="AH18078">
        <v>217</v>
      </c>
      <c r="AI18078">
        <v>221</v>
      </c>
      <c r="AJ18078">
        <v>225</v>
      </c>
      <c r="AK18078">
        <v>230</v>
      </c>
      <c r="AL18078">
        <v>234</v>
      </c>
      <c r="AM18078">
        <v>237</v>
      </c>
      <c r="AN18078">
        <v>240</v>
      </c>
      <c r="AO18078">
        <v>243</v>
      </c>
      <c r="AP18078">
        <v>246</v>
      </c>
      <c r="AQ18078">
        <v>250</v>
      </c>
    </row>
    <row r="18079" spans="1:43">
      <c r="A18079" t="s">
        <v>11192</v>
      </c>
      <c r="B18079" t="s">
        <v>11193</v>
      </c>
      <c r="C18079" t="s">
        <v>11194</v>
      </c>
      <c r="D18079" t="s">
        <v>11195</v>
      </c>
      <c r="E18079" t="s">
        <v>10982</v>
      </c>
      <c r="F18079" t="s">
        <v>10983</v>
      </c>
      <c r="G18079" t="s">
        <v>10734</v>
      </c>
      <c r="H18079" t="s">
        <v>10735</v>
      </c>
      <c r="I18079" s="2">
        <v>1</v>
      </c>
      <c r="J18079" s="2">
        <v>0</v>
      </c>
      <c r="K18079" s="2">
        <v>0</v>
      </c>
      <c r="L18079" t="s">
        <v>120</v>
      </c>
      <c r="M18079" t="s">
        <v>87</v>
      </c>
      <c r="N18079" t="s">
        <v>88</v>
      </c>
      <c r="O18079" t="s">
        <v>85</v>
      </c>
      <c r="P18079" t="s">
        <v>86</v>
      </c>
      <c r="Q18079">
        <v>151</v>
      </c>
      <c r="R18079">
        <v>153</v>
      </c>
      <c r="S18079">
        <v>155</v>
      </c>
      <c r="T18079">
        <v>157</v>
      </c>
      <c r="U18079">
        <v>159</v>
      </c>
      <c r="V18079">
        <v>161</v>
      </c>
      <c r="W18079">
        <v>163</v>
      </c>
      <c r="X18079">
        <v>166</v>
      </c>
      <c r="Y18079">
        <v>168</v>
      </c>
      <c r="Z18079">
        <v>170</v>
      </c>
      <c r="AA18079">
        <v>172</v>
      </c>
      <c r="AB18079">
        <v>174</v>
      </c>
      <c r="AC18079">
        <v>177</v>
      </c>
      <c r="AD18079">
        <v>179</v>
      </c>
      <c r="AE18079">
        <v>181</v>
      </c>
      <c r="AF18079">
        <v>184</v>
      </c>
      <c r="AG18079">
        <v>186</v>
      </c>
      <c r="AH18079">
        <v>189</v>
      </c>
      <c r="AI18079">
        <v>191</v>
      </c>
      <c r="AJ18079">
        <v>194</v>
      </c>
      <c r="AK18079">
        <v>197</v>
      </c>
      <c r="AL18079">
        <v>199</v>
      </c>
      <c r="AM18079">
        <v>202</v>
      </c>
      <c r="AN18079">
        <v>205</v>
      </c>
      <c r="AO18079">
        <v>208</v>
      </c>
      <c r="AP18079">
        <v>210</v>
      </c>
      <c r="AQ18079">
        <v>213</v>
      </c>
    </row>
    <row r="18080" spans="1:43">
      <c r="A18080" t="s">
        <v>11192</v>
      </c>
      <c r="B18080" t="s">
        <v>11193</v>
      </c>
      <c r="C18080" t="s">
        <v>11194</v>
      </c>
      <c r="D18080" t="s">
        <v>11195</v>
      </c>
      <c r="E18080" t="s">
        <v>10982</v>
      </c>
      <c r="F18080" t="s">
        <v>10983</v>
      </c>
      <c r="G18080" t="s">
        <v>10734</v>
      </c>
      <c r="H18080" t="s">
        <v>10735</v>
      </c>
      <c r="I18080" s="2">
        <v>1</v>
      </c>
      <c r="J18080" s="2">
        <v>0</v>
      </c>
      <c r="K18080" s="2">
        <v>0</v>
      </c>
      <c r="L18080" t="s">
        <v>120</v>
      </c>
      <c r="M18080" t="s">
        <v>89</v>
      </c>
      <c r="N18080" t="s">
        <v>90</v>
      </c>
      <c r="O18080" t="s">
        <v>85</v>
      </c>
      <c r="P18080" t="s">
        <v>86</v>
      </c>
      <c r="Q18080">
        <v>151</v>
      </c>
      <c r="R18080">
        <v>156</v>
      </c>
      <c r="S18080">
        <v>161</v>
      </c>
      <c r="T18080">
        <v>165</v>
      </c>
      <c r="U18080">
        <v>170</v>
      </c>
      <c r="V18080">
        <v>175</v>
      </c>
      <c r="W18080">
        <v>180</v>
      </c>
      <c r="X18080">
        <v>184</v>
      </c>
      <c r="Y18080">
        <v>189</v>
      </c>
      <c r="Z18080">
        <v>194</v>
      </c>
      <c r="AA18080">
        <v>198</v>
      </c>
      <c r="AB18080">
        <v>203</v>
      </c>
      <c r="AC18080">
        <v>208</v>
      </c>
      <c r="AD18080">
        <v>213</v>
      </c>
      <c r="AE18080">
        <v>217</v>
      </c>
      <c r="AF18080">
        <v>220</v>
      </c>
      <c r="AG18080">
        <v>223</v>
      </c>
      <c r="AH18080">
        <v>226</v>
      </c>
      <c r="AI18080">
        <v>229</v>
      </c>
      <c r="AJ18080">
        <v>232</v>
      </c>
      <c r="AK18080">
        <v>235</v>
      </c>
      <c r="AL18080">
        <v>238</v>
      </c>
      <c r="AM18080">
        <v>241</v>
      </c>
      <c r="AN18080">
        <v>244</v>
      </c>
      <c r="AO18080">
        <v>247</v>
      </c>
      <c r="AP18080">
        <v>250</v>
      </c>
      <c r="AQ18080">
        <v>253</v>
      </c>
    </row>
    <row r="18081" spans="1:43">
      <c r="A18081" t="s">
        <v>11192</v>
      </c>
      <c r="B18081" t="s">
        <v>11193</v>
      </c>
      <c r="C18081" t="s">
        <v>11194</v>
      </c>
      <c r="D18081" t="s">
        <v>11195</v>
      </c>
      <c r="E18081" t="s">
        <v>10982</v>
      </c>
      <c r="F18081" t="s">
        <v>10983</v>
      </c>
      <c r="G18081" t="s">
        <v>10734</v>
      </c>
      <c r="H18081" t="s">
        <v>10735</v>
      </c>
      <c r="I18081" s="2">
        <v>1</v>
      </c>
      <c r="J18081" s="2">
        <v>0</v>
      </c>
      <c r="K18081" s="2">
        <v>0</v>
      </c>
      <c r="L18081" t="s">
        <v>120</v>
      </c>
      <c r="M18081" t="s">
        <v>83</v>
      </c>
      <c r="N18081" t="s">
        <v>91</v>
      </c>
      <c r="O18081" t="s">
        <v>85</v>
      </c>
      <c r="P18081" t="s">
        <v>86</v>
      </c>
      <c r="Q18081">
        <v>151</v>
      </c>
      <c r="R18081">
        <v>155</v>
      </c>
      <c r="S18081">
        <v>159</v>
      </c>
      <c r="T18081">
        <v>162</v>
      </c>
      <c r="U18081">
        <v>166</v>
      </c>
      <c r="V18081">
        <v>169</v>
      </c>
      <c r="W18081">
        <v>173</v>
      </c>
      <c r="X18081">
        <v>177</v>
      </c>
      <c r="Y18081">
        <v>180</v>
      </c>
      <c r="Z18081">
        <v>184</v>
      </c>
      <c r="AA18081">
        <v>188</v>
      </c>
      <c r="AB18081">
        <v>192</v>
      </c>
      <c r="AC18081">
        <v>196</v>
      </c>
      <c r="AD18081">
        <v>200</v>
      </c>
      <c r="AE18081">
        <v>204</v>
      </c>
      <c r="AF18081">
        <v>208</v>
      </c>
      <c r="AG18081">
        <v>212</v>
      </c>
      <c r="AH18081">
        <v>217</v>
      </c>
      <c r="AI18081">
        <v>221</v>
      </c>
      <c r="AJ18081">
        <v>225</v>
      </c>
      <c r="AK18081">
        <v>230</v>
      </c>
      <c r="AL18081">
        <v>234</v>
      </c>
      <c r="AM18081">
        <v>237</v>
      </c>
      <c r="AN18081">
        <v>240</v>
      </c>
      <c r="AO18081">
        <v>243</v>
      </c>
      <c r="AP18081">
        <v>246</v>
      </c>
      <c r="AQ18081">
        <v>250</v>
      </c>
    </row>
    <row r="18082" spans="1:43">
      <c r="A18082" t="s">
        <v>11196</v>
      </c>
      <c r="B18082" t="s">
        <v>11197</v>
      </c>
      <c r="C18082" t="s">
        <v>10980</v>
      </c>
      <c r="D18082" t="s">
        <v>10981</v>
      </c>
      <c r="E18082" t="s">
        <v>10982</v>
      </c>
      <c r="F18082" t="s">
        <v>10983</v>
      </c>
      <c r="G18082" t="s">
        <v>10734</v>
      </c>
      <c r="H18082" t="s">
        <v>10735</v>
      </c>
      <c r="I18082" s="2">
        <v>1</v>
      </c>
      <c r="J18082" s="2">
        <v>0</v>
      </c>
      <c r="K18082" s="2">
        <v>0</v>
      </c>
      <c r="L18082" t="s">
        <v>120</v>
      </c>
      <c r="M18082" t="s">
        <v>83</v>
      </c>
      <c r="N18082" t="s">
        <v>84</v>
      </c>
      <c r="O18082" t="s">
        <v>85</v>
      </c>
      <c r="P18082" t="s">
        <v>86</v>
      </c>
      <c r="Q18082">
        <v>40</v>
      </c>
      <c r="R18082">
        <v>41</v>
      </c>
      <c r="S18082">
        <v>42</v>
      </c>
      <c r="T18082">
        <v>43</v>
      </c>
      <c r="U18082">
        <v>44</v>
      </c>
      <c r="V18082">
        <v>45</v>
      </c>
      <c r="W18082">
        <v>46</v>
      </c>
      <c r="X18082">
        <v>47</v>
      </c>
      <c r="Y18082">
        <v>48</v>
      </c>
      <c r="Z18082">
        <v>49</v>
      </c>
      <c r="AA18082">
        <v>50</v>
      </c>
      <c r="AB18082">
        <v>51</v>
      </c>
      <c r="AC18082">
        <v>52</v>
      </c>
      <c r="AD18082">
        <v>53</v>
      </c>
      <c r="AE18082">
        <v>54</v>
      </c>
      <c r="AF18082">
        <v>55</v>
      </c>
      <c r="AG18082">
        <v>56</v>
      </c>
      <c r="AH18082">
        <v>57</v>
      </c>
      <c r="AI18082">
        <v>58</v>
      </c>
      <c r="AJ18082">
        <v>60</v>
      </c>
      <c r="AK18082">
        <v>61</v>
      </c>
      <c r="AL18082">
        <v>61</v>
      </c>
      <c r="AM18082">
        <v>62</v>
      </c>
      <c r="AN18082">
        <v>63</v>
      </c>
      <c r="AO18082">
        <v>63</v>
      </c>
      <c r="AP18082">
        <v>64</v>
      </c>
      <c r="AQ18082">
        <v>65</v>
      </c>
    </row>
    <row r="18083" spans="1:43">
      <c r="A18083" t="s">
        <v>11196</v>
      </c>
      <c r="B18083" t="s">
        <v>11197</v>
      </c>
      <c r="C18083" t="s">
        <v>10980</v>
      </c>
      <c r="D18083" t="s">
        <v>10981</v>
      </c>
      <c r="E18083" t="s">
        <v>10982</v>
      </c>
      <c r="F18083" t="s">
        <v>10983</v>
      </c>
      <c r="G18083" t="s">
        <v>10734</v>
      </c>
      <c r="H18083" t="s">
        <v>10735</v>
      </c>
      <c r="I18083" s="2">
        <v>1</v>
      </c>
      <c r="J18083" s="2">
        <v>0</v>
      </c>
      <c r="K18083" s="2">
        <v>0</v>
      </c>
      <c r="L18083" t="s">
        <v>120</v>
      </c>
      <c r="M18083" t="s">
        <v>87</v>
      </c>
      <c r="N18083" t="s">
        <v>88</v>
      </c>
      <c r="O18083" t="s">
        <v>85</v>
      </c>
      <c r="P18083" t="s">
        <v>86</v>
      </c>
      <c r="Q18083">
        <v>40</v>
      </c>
      <c r="R18083">
        <v>41</v>
      </c>
      <c r="S18083">
        <v>41</v>
      </c>
      <c r="T18083">
        <v>42</v>
      </c>
      <c r="U18083">
        <v>42</v>
      </c>
      <c r="V18083">
        <v>43</v>
      </c>
      <c r="W18083">
        <v>43</v>
      </c>
      <c r="X18083">
        <v>44</v>
      </c>
      <c r="Y18083">
        <v>44</v>
      </c>
      <c r="Z18083">
        <v>45</v>
      </c>
      <c r="AA18083">
        <v>46</v>
      </c>
      <c r="AB18083">
        <v>46</v>
      </c>
      <c r="AC18083">
        <v>47</v>
      </c>
      <c r="AD18083">
        <v>47</v>
      </c>
      <c r="AE18083">
        <v>48</v>
      </c>
      <c r="AF18083">
        <v>49</v>
      </c>
      <c r="AG18083">
        <v>49</v>
      </c>
      <c r="AH18083">
        <v>50</v>
      </c>
      <c r="AI18083">
        <v>51</v>
      </c>
      <c r="AJ18083">
        <v>51</v>
      </c>
      <c r="AK18083">
        <v>52</v>
      </c>
      <c r="AL18083">
        <v>53</v>
      </c>
      <c r="AM18083">
        <v>53</v>
      </c>
      <c r="AN18083">
        <v>54</v>
      </c>
      <c r="AO18083">
        <v>55</v>
      </c>
      <c r="AP18083">
        <v>56</v>
      </c>
      <c r="AQ18083">
        <v>56</v>
      </c>
    </row>
    <row r="18084" spans="1:43">
      <c r="A18084" t="s">
        <v>11196</v>
      </c>
      <c r="B18084" t="s">
        <v>11197</v>
      </c>
      <c r="C18084" t="s">
        <v>10980</v>
      </c>
      <c r="D18084" t="s">
        <v>10981</v>
      </c>
      <c r="E18084" t="s">
        <v>10982</v>
      </c>
      <c r="F18084" t="s">
        <v>10983</v>
      </c>
      <c r="G18084" t="s">
        <v>10734</v>
      </c>
      <c r="H18084" t="s">
        <v>10735</v>
      </c>
      <c r="I18084" s="2">
        <v>1</v>
      </c>
      <c r="J18084" s="2">
        <v>0</v>
      </c>
      <c r="K18084" s="2">
        <v>0</v>
      </c>
      <c r="L18084" t="s">
        <v>120</v>
      </c>
      <c r="M18084" t="s">
        <v>89</v>
      </c>
      <c r="N18084" t="s">
        <v>90</v>
      </c>
      <c r="O18084" t="s">
        <v>85</v>
      </c>
      <c r="P18084" t="s">
        <v>86</v>
      </c>
      <c r="Q18084">
        <v>40</v>
      </c>
      <c r="R18084">
        <v>41</v>
      </c>
      <c r="S18084">
        <v>42</v>
      </c>
      <c r="T18084">
        <v>44</v>
      </c>
      <c r="U18084">
        <v>45</v>
      </c>
      <c r="V18084">
        <v>46</v>
      </c>
      <c r="W18084">
        <v>47</v>
      </c>
      <c r="X18084">
        <v>49</v>
      </c>
      <c r="Y18084">
        <v>50</v>
      </c>
      <c r="Z18084">
        <v>51</v>
      </c>
      <c r="AA18084">
        <v>52</v>
      </c>
      <c r="AB18084">
        <v>53</v>
      </c>
      <c r="AC18084">
        <v>55</v>
      </c>
      <c r="AD18084">
        <v>56</v>
      </c>
      <c r="AE18084">
        <v>57</v>
      </c>
      <c r="AF18084">
        <v>57</v>
      </c>
      <c r="AG18084">
        <v>58</v>
      </c>
      <c r="AH18084">
        <v>59</v>
      </c>
      <c r="AI18084">
        <v>59</v>
      </c>
      <c r="AJ18084">
        <v>60</v>
      </c>
      <c r="AK18084">
        <v>60</v>
      </c>
      <c r="AL18084">
        <v>61</v>
      </c>
      <c r="AM18084">
        <v>61</v>
      </c>
      <c r="AN18084">
        <v>62</v>
      </c>
      <c r="AO18084">
        <v>63</v>
      </c>
      <c r="AP18084">
        <v>63</v>
      </c>
      <c r="AQ18084">
        <v>64</v>
      </c>
    </row>
    <row r="18085" spans="1:43">
      <c r="A18085" t="s">
        <v>11196</v>
      </c>
      <c r="B18085" t="s">
        <v>11197</v>
      </c>
      <c r="C18085" t="s">
        <v>10980</v>
      </c>
      <c r="D18085" t="s">
        <v>10981</v>
      </c>
      <c r="E18085" t="s">
        <v>10982</v>
      </c>
      <c r="F18085" t="s">
        <v>10983</v>
      </c>
      <c r="G18085" t="s">
        <v>10734</v>
      </c>
      <c r="H18085" t="s">
        <v>10735</v>
      </c>
      <c r="I18085" s="2">
        <v>1</v>
      </c>
      <c r="J18085" s="2">
        <v>0</v>
      </c>
      <c r="K18085" s="2">
        <v>0</v>
      </c>
      <c r="L18085" t="s">
        <v>120</v>
      </c>
      <c r="M18085" t="s">
        <v>83</v>
      </c>
      <c r="N18085" t="s">
        <v>91</v>
      </c>
      <c r="O18085" t="s">
        <v>85</v>
      </c>
      <c r="P18085" t="s">
        <v>86</v>
      </c>
      <c r="Q18085">
        <v>40</v>
      </c>
      <c r="R18085">
        <v>41</v>
      </c>
      <c r="S18085">
        <v>42</v>
      </c>
      <c r="T18085">
        <v>43</v>
      </c>
      <c r="U18085">
        <v>44</v>
      </c>
      <c r="V18085">
        <v>45</v>
      </c>
      <c r="W18085">
        <v>46</v>
      </c>
      <c r="X18085">
        <v>47</v>
      </c>
      <c r="Y18085">
        <v>48</v>
      </c>
      <c r="Z18085">
        <v>49</v>
      </c>
      <c r="AA18085">
        <v>50</v>
      </c>
      <c r="AB18085">
        <v>51</v>
      </c>
      <c r="AC18085">
        <v>52</v>
      </c>
      <c r="AD18085">
        <v>53</v>
      </c>
      <c r="AE18085">
        <v>54</v>
      </c>
      <c r="AF18085">
        <v>55</v>
      </c>
      <c r="AG18085">
        <v>56</v>
      </c>
      <c r="AH18085">
        <v>57</v>
      </c>
      <c r="AI18085">
        <v>58</v>
      </c>
      <c r="AJ18085">
        <v>60</v>
      </c>
      <c r="AK18085">
        <v>61</v>
      </c>
      <c r="AL18085">
        <v>61</v>
      </c>
      <c r="AM18085">
        <v>62</v>
      </c>
      <c r="AN18085">
        <v>63</v>
      </c>
      <c r="AO18085">
        <v>63</v>
      </c>
      <c r="AP18085">
        <v>64</v>
      </c>
      <c r="AQ18085">
        <v>65</v>
      </c>
    </row>
    <row r="18086" spans="1:43">
      <c r="A18086" t="s">
        <v>11198</v>
      </c>
      <c r="B18086" t="s">
        <v>11199</v>
      </c>
      <c r="C18086" t="s">
        <v>10980</v>
      </c>
      <c r="D18086" t="s">
        <v>10981</v>
      </c>
      <c r="E18086" t="s">
        <v>10982</v>
      </c>
      <c r="F18086" t="s">
        <v>10983</v>
      </c>
      <c r="G18086" t="s">
        <v>10734</v>
      </c>
      <c r="H18086" t="s">
        <v>10735</v>
      </c>
      <c r="I18086" s="2">
        <v>1</v>
      </c>
      <c r="J18086" s="2">
        <v>0</v>
      </c>
      <c r="K18086" s="2">
        <v>0</v>
      </c>
      <c r="L18086" t="s">
        <v>120</v>
      </c>
      <c r="M18086" t="s">
        <v>83</v>
      </c>
      <c r="N18086" t="s">
        <v>84</v>
      </c>
      <c r="O18086" t="s">
        <v>85</v>
      </c>
      <c r="P18086" t="s">
        <v>86</v>
      </c>
      <c r="Q18086">
        <v>28</v>
      </c>
      <c r="R18086">
        <v>28</v>
      </c>
      <c r="S18086">
        <v>29</v>
      </c>
      <c r="T18086">
        <v>30</v>
      </c>
      <c r="U18086">
        <v>30</v>
      </c>
      <c r="V18086">
        <v>31</v>
      </c>
      <c r="W18086">
        <v>32</v>
      </c>
      <c r="X18086">
        <v>32</v>
      </c>
      <c r="Y18086">
        <v>33</v>
      </c>
      <c r="Z18086">
        <v>34</v>
      </c>
      <c r="AA18086">
        <v>34</v>
      </c>
      <c r="AB18086">
        <v>35</v>
      </c>
      <c r="AC18086">
        <v>36</v>
      </c>
      <c r="AD18086">
        <v>36</v>
      </c>
      <c r="AE18086">
        <v>37</v>
      </c>
      <c r="AF18086">
        <v>38</v>
      </c>
      <c r="AG18086">
        <v>39</v>
      </c>
      <c r="AH18086">
        <v>39</v>
      </c>
      <c r="AI18086">
        <v>40</v>
      </c>
      <c r="AJ18086">
        <v>41</v>
      </c>
      <c r="AK18086">
        <v>42</v>
      </c>
      <c r="AL18086">
        <v>42</v>
      </c>
      <c r="AM18086">
        <v>43</v>
      </c>
      <c r="AN18086">
        <v>43</v>
      </c>
      <c r="AO18086">
        <v>44</v>
      </c>
      <c r="AP18086">
        <v>44</v>
      </c>
      <c r="AQ18086">
        <v>44</v>
      </c>
    </row>
    <row r="18087" spans="1:43">
      <c r="A18087" t="s">
        <v>11198</v>
      </c>
      <c r="B18087" t="s">
        <v>11199</v>
      </c>
      <c r="C18087" t="s">
        <v>10980</v>
      </c>
      <c r="D18087" t="s">
        <v>10981</v>
      </c>
      <c r="E18087" t="s">
        <v>10982</v>
      </c>
      <c r="F18087" t="s">
        <v>10983</v>
      </c>
      <c r="G18087" t="s">
        <v>10734</v>
      </c>
      <c r="H18087" t="s">
        <v>10735</v>
      </c>
      <c r="I18087" s="2">
        <v>1</v>
      </c>
      <c r="J18087" s="2">
        <v>0</v>
      </c>
      <c r="K18087" s="2">
        <v>0</v>
      </c>
      <c r="L18087" t="s">
        <v>120</v>
      </c>
      <c r="M18087" t="s">
        <v>87</v>
      </c>
      <c r="N18087" t="s">
        <v>88</v>
      </c>
      <c r="O18087" t="s">
        <v>85</v>
      </c>
      <c r="P18087" t="s">
        <v>86</v>
      </c>
      <c r="Q18087">
        <v>28</v>
      </c>
      <c r="R18087">
        <v>28</v>
      </c>
      <c r="S18087">
        <v>28</v>
      </c>
      <c r="T18087">
        <v>29</v>
      </c>
      <c r="U18087">
        <v>29</v>
      </c>
      <c r="V18087">
        <v>29</v>
      </c>
      <c r="W18087">
        <v>30</v>
      </c>
      <c r="X18087">
        <v>30</v>
      </c>
      <c r="Y18087">
        <v>31</v>
      </c>
      <c r="Z18087">
        <v>31</v>
      </c>
      <c r="AA18087">
        <v>31</v>
      </c>
      <c r="AB18087">
        <v>32</v>
      </c>
      <c r="AC18087">
        <v>32</v>
      </c>
      <c r="AD18087">
        <v>33</v>
      </c>
      <c r="AE18087">
        <v>33</v>
      </c>
      <c r="AF18087">
        <v>33</v>
      </c>
      <c r="AG18087">
        <v>34</v>
      </c>
      <c r="AH18087">
        <v>34</v>
      </c>
      <c r="AI18087">
        <v>35</v>
      </c>
      <c r="AJ18087">
        <v>35</v>
      </c>
      <c r="AK18087">
        <v>36</v>
      </c>
      <c r="AL18087">
        <v>36</v>
      </c>
      <c r="AM18087">
        <v>37</v>
      </c>
      <c r="AN18087">
        <v>37</v>
      </c>
      <c r="AO18087">
        <v>38</v>
      </c>
      <c r="AP18087">
        <v>38</v>
      </c>
      <c r="AQ18087">
        <v>39</v>
      </c>
    </row>
    <row r="18088" spans="1:43">
      <c r="A18088" t="s">
        <v>11198</v>
      </c>
      <c r="B18088" t="s">
        <v>11199</v>
      </c>
      <c r="C18088" t="s">
        <v>10980</v>
      </c>
      <c r="D18088" t="s">
        <v>10981</v>
      </c>
      <c r="E18088" t="s">
        <v>10982</v>
      </c>
      <c r="F18088" t="s">
        <v>10983</v>
      </c>
      <c r="G18088" t="s">
        <v>10734</v>
      </c>
      <c r="H18088" t="s">
        <v>10735</v>
      </c>
      <c r="I18088" s="2">
        <v>1</v>
      </c>
      <c r="J18088" s="2">
        <v>0</v>
      </c>
      <c r="K18088" s="2">
        <v>0</v>
      </c>
      <c r="L18088" t="s">
        <v>120</v>
      </c>
      <c r="M18088" t="s">
        <v>89</v>
      </c>
      <c r="N18088" t="s">
        <v>90</v>
      </c>
      <c r="O18088" t="s">
        <v>85</v>
      </c>
      <c r="P18088" t="s">
        <v>86</v>
      </c>
      <c r="Q18088">
        <v>28</v>
      </c>
      <c r="R18088">
        <v>29</v>
      </c>
      <c r="S18088">
        <v>30</v>
      </c>
      <c r="T18088">
        <v>31</v>
      </c>
      <c r="U18088">
        <v>32</v>
      </c>
      <c r="V18088">
        <v>32</v>
      </c>
      <c r="W18088">
        <v>33</v>
      </c>
      <c r="X18088">
        <v>34</v>
      </c>
      <c r="Y18088">
        <v>35</v>
      </c>
      <c r="Z18088">
        <v>36</v>
      </c>
      <c r="AA18088">
        <v>37</v>
      </c>
      <c r="AB18088">
        <v>37</v>
      </c>
      <c r="AC18088">
        <v>38</v>
      </c>
      <c r="AD18088">
        <v>39</v>
      </c>
      <c r="AE18088">
        <v>40</v>
      </c>
      <c r="AF18088">
        <v>40</v>
      </c>
      <c r="AG18088">
        <v>41</v>
      </c>
      <c r="AH18088">
        <v>41</v>
      </c>
      <c r="AI18088">
        <v>41</v>
      </c>
      <c r="AJ18088">
        <v>42</v>
      </c>
      <c r="AK18088">
        <v>42</v>
      </c>
      <c r="AL18088">
        <v>42</v>
      </c>
      <c r="AM18088">
        <v>43</v>
      </c>
      <c r="AN18088">
        <v>43</v>
      </c>
      <c r="AO18088">
        <v>44</v>
      </c>
      <c r="AP18088">
        <v>44</v>
      </c>
      <c r="AQ18088">
        <v>45</v>
      </c>
    </row>
    <row r="18089" spans="1:43">
      <c r="A18089" t="s">
        <v>11198</v>
      </c>
      <c r="B18089" t="s">
        <v>11199</v>
      </c>
      <c r="C18089" t="s">
        <v>10980</v>
      </c>
      <c r="D18089" t="s">
        <v>10981</v>
      </c>
      <c r="E18089" t="s">
        <v>10982</v>
      </c>
      <c r="F18089" t="s">
        <v>10983</v>
      </c>
      <c r="G18089" t="s">
        <v>10734</v>
      </c>
      <c r="H18089" t="s">
        <v>10735</v>
      </c>
      <c r="I18089" s="2">
        <v>1</v>
      </c>
      <c r="J18089" s="2">
        <v>0</v>
      </c>
      <c r="K18089" s="2">
        <v>0</v>
      </c>
      <c r="L18089" t="s">
        <v>120</v>
      </c>
      <c r="M18089" t="s">
        <v>83</v>
      </c>
      <c r="N18089" t="s">
        <v>91</v>
      </c>
      <c r="O18089" t="s">
        <v>85</v>
      </c>
      <c r="P18089" t="s">
        <v>86</v>
      </c>
      <c r="Q18089">
        <v>28</v>
      </c>
      <c r="R18089">
        <v>28</v>
      </c>
      <c r="S18089">
        <v>29</v>
      </c>
      <c r="T18089">
        <v>30</v>
      </c>
      <c r="U18089">
        <v>30</v>
      </c>
      <c r="V18089">
        <v>31</v>
      </c>
      <c r="W18089">
        <v>32</v>
      </c>
      <c r="X18089">
        <v>32</v>
      </c>
      <c r="Y18089">
        <v>33</v>
      </c>
      <c r="Z18089">
        <v>34</v>
      </c>
      <c r="AA18089">
        <v>34</v>
      </c>
      <c r="AB18089">
        <v>35</v>
      </c>
      <c r="AC18089">
        <v>36</v>
      </c>
      <c r="AD18089">
        <v>36</v>
      </c>
      <c r="AE18089">
        <v>37</v>
      </c>
      <c r="AF18089">
        <v>38</v>
      </c>
      <c r="AG18089">
        <v>39</v>
      </c>
      <c r="AH18089">
        <v>39</v>
      </c>
      <c r="AI18089">
        <v>40</v>
      </c>
      <c r="AJ18089">
        <v>41</v>
      </c>
      <c r="AK18089">
        <v>42</v>
      </c>
      <c r="AL18089">
        <v>42</v>
      </c>
      <c r="AM18089">
        <v>43</v>
      </c>
      <c r="AN18089">
        <v>43</v>
      </c>
      <c r="AO18089">
        <v>44</v>
      </c>
      <c r="AP18089">
        <v>44</v>
      </c>
      <c r="AQ18089">
        <v>44</v>
      </c>
    </row>
    <row r="18090" spans="1:43">
      <c r="A18090" t="s">
        <v>11200</v>
      </c>
      <c r="B18090" t="s">
        <v>11201</v>
      </c>
      <c r="C18090" t="s">
        <v>11194</v>
      </c>
      <c r="D18090" t="s">
        <v>11195</v>
      </c>
      <c r="E18090" t="s">
        <v>10982</v>
      </c>
      <c r="F18090" t="s">
        <v>10983</v>
      </c>
      <c r="G18090" t="s">
        <v>10734</v>
      </c>
      <c r="H18090" t="s">
        <v>10735</v>
      </c>
      <c r="I18090" s="2">
        <v>1</v>
      </c>
      <c r="J18090" s="2">
        <v>0</v>
      </c>
      <c r="K18090" s="2">
        <v>0</v>
      </c>
      <c r="L18090" t="s">
        <v>120</v>
      </c>
      <c r="M18090" t="s">
        <v>83</v>
      </c>
      <c r="N18090" t="s">
        <v>84</v>
      </c>
      <c r="O18090" t="s">
        <v>85</v>
      </c>
      <c r="P18090" t="s">
        <v>86</v>
      </c>
      <c r="Q18090">
        <v>18</v>
      </c>
      <c r="R18090">
        <v>19</v>
      </c>
      <c r="S18090">
        <v>19</v>
      </c>
      <c r="T18090">
        <v>19</v>
      </c>
      <c r="U18090">
        <v>20</v>
      </c>
      <c r="V18090">
        <v>20</v>
      </c>
      <c r="W18090">
        <v>21</v>
      </c>
      <c r="X18090">
        <v>21</v>
      </c>
      <c r="Y18090">
        <v>22</v>
      </c>
      <c r="Z18090">
        <v>22</v>
      </c>
      <c r="AA18090">
        <v>22</v>
      </c>
      <c r="AB18090">
        <v>23</v>
      </c>
      <c r="AC18090">
        <v>23</v>
      </c>
      <c r="AD18090">
        <v>24</v>
      </c>
      <c r="AE18090">
        <v>24</v>
      </c>
      <c r="AF18090">
        <v>25</v>
      </c>
      <c r="AG18090">
        <v>25</v>
      </c>
      <c r="AH18090">
        <v>26</v>
      </c>
      <c r="AI18090">
        <v>26</v>
      </c>
      <c r="AJ18090">
        <v>27</v>
      </c>
      <c r="AK18090">
        <v>27</v>
      </c>
      <c r="AL18090">
        <v>28</v>
      </c>
      <c r="AM18090">
        <v>28</v>
      </c>
      <c r="AN18090">
        <v>28</v>
      </c>
      <c r="AO18090">
        <v>29</v>
      </c>
      <c r="AP18090">
        <v>29</v>
      </c>
      <c r="AQ18090">
        <v>29</v>
      </c>
    </row>
    <row r="18091" spans="1:43">
      <c r="A18091" t="s">
        <v>11200</v>
      </c>
      <c r="B18091" t="s">
        <v>11201</v>
      </c>
      <c r="C18091" t="s">
        <v>11194</v>
      </c>
      <c r="D18091" t="s">
        <v>11195</v>
      </c>
      <c r="E18091" t="s">
        <v>10982</v>
      </c>
      <c r="F18091" t="s">
        <v>10983</v>
      </c>
      <c r="G18091" t="s">
        <v>10734</v>
      </c>
      <c r="H18091" t="s">
        <v>10735</v>
      </c>
      <c r="I18091" s="2">
        <v>1</v>
      </c>
      <c r="J18091" s="2">
        <v>0</v>
      </c>
      <c r="K18091" s="2">
        <v>0</v>
      </c>
      <c r="L18091" t="s">
        <v>120</v>
      </c>
      <c r="M18091" t="s">
        <v>87</v>
      </c>
      <c r="N18091" t="s">
        <v>88</v>
      </c>
      <c r="O18091" t="s">
        <v>85</v>
      </c>
      <c r="P18091" t="s">
        <v>86</v>
      </c>
      <c r="Q18091">
        <v>18</v>
      </c>
      <c r="R18091">
        <v>18</v>
      </c>
      <c r="S18091">
        <v>18</v>
      </c>
      <c r="T18091">
        <v>19</v>
      </c>
      <c r="U18091">
        <v>19</v>
      </c>
      <c r="V18091">
        <v>19</v>
      </c>
      <c r="W18091">
        <v>19</v>
      </c>
      <c r="X18091">
        <v>20</v>
      </c>
      <c r="Y18091">
        <v>20</v>
      </c>
      <c r="Z18091">
        <v>20</v>
      </c>
      <c r="AA18091">
        <v>20</v>
      </c>
      <c r="AB18091">
        <v>21</v>
      </c>
      <c r="AC18091">
        <v>21</v>
      </c>
      <c r="AD18091">
        <v>21</v>
      </c>
      <c r="AE18091">
        <v>21</v>
      </c>
      <c r="AF18091">
        <v>22</v>
      </c>
      <c r="AG18091">
        <v>22</v>
      </c>
      <c r="AH18091">
        <v>22</v>
      </c>
      <c r="AI18091">
        <v>23</v>
      </c>
      <c r="AJ18091">
        <v>23</v>
      </c>
      <c r="AK18091">
        <v>23</v>
      </c>
      <c r="AL18091">
        <v>24</v>
      </c>
      <c r="AM18091">
        <v>24</v>
      </c>
      <c r="AN18091">
        <v>24</v>
      </c>
      <c r="AO18091">
        <v>25</v>
      </c>
      <c r="AP18091">
        <v>25</v>
      </c>
      <c r="AQ18091">
        <v>25</v>
      </c>
    </row>
    <row r="18092" spans="1:43">
      <c r="A18092" t="s">
        <v>11200</v>
      </c>
      <c r="B18092" t="s">
        <v>11201</v>
      </c>
      <c r="C18092" t="s">
        <v>11194</v>
      </c>
      <c r="D18092" t="s">
        <v>11195</v>
      </c>
      <c r="E18092" t="s">
        <v>10982</v>
      </c>
      <c r="F18092" t="s">
        <v>10983</v>
      </c>
      <c r="G18092" t="s">
        <v>10734</v>
      </c>
      <c r="H18092" t="s">
        <v>10735</v>
      </c>
      <c r="I18092" s="2">
        <v>1</v>
      </c>
      <c r="J18092" s="2">
        <v>0</v>
      </c>
      <c r="K18092" s="2">
        <v>0</v>
      </c>
      <c r="L18092" t="s">
        <v>120</v>
      </c>
      <c r="M18092" t="s">
        <v>89</v>
      </c>
      <c r="N18092" t="s">
        <v>90</v>
      </c>
      <c r="O18092" t="s">
        <v>85</v>
      </c>
      <c r="P18092" t="s">
        <v>86</v>
      </c>
      <c r="Q18092">
        <v>18</v>
      </c>
      <c r="R18092">
        <v>19</v>
      </c>
      <c r="S18092">
        <v>19</v>
      </c>
      <c r="T18092">
        <v>20</v>
      </c>
      <c r="U18092">
        <v>21</v>
      </c>
      <c r="V18092">
        <v>21</v>
      </c>
      <c r="W18092">
        <v>22</v>
      </c>
      <c r="X18092">
        <v>22</v>
      </c>
      <c r="Y18092">
        <v>23</v>
      </c>
      <c r="Z18092">
        <v>23</v>
      </c>
      <c r="AA18092">
        <v>24</v>
      </c>
      <c r="AB18092">
        <v>24</v>
      </c>
      <c r="AC18092">
        <v>25</v>
      </c>
      <c r="AD18092">
        <v>26</v>
      </c>
      <c r="AE18092">
        <v>26</v>
      </c>
      <c r="AF18092">
        <v>26</v>
      </c>
      <c r="AG18092">
        <v>27</v>
      </c>
      <c r="AH18092">
        <v>27</v>
      </c>
      <c r="AI18092">
        <v>27</v>
      </c>
      <c r="AJ18092">
        <v>27</v>
      </c>
      <c r="AK18092">
        <v>28</v>
      </c>
      <c r="AL18092">
        <v>28</v>
      </c>
      <c r="AM18092">
        <v>28</v>
      </c>
      <c r="AN18092">
        <v>28</v>
      </c>
      <c r="AO18092">
        <v>29</v>
      </c>
      <c r="AP18092">
        <v>29</v>
      </c>
      <c r="AQ18092">
        <v>29</v>
      </c>
    </row>
    <row r="18093" spans="1:43">
      <c r="A18093" t="s">
        <v>11200</v>
      </c>
      <c r="B18093" t="s">
        <v>11201</v>
      </c>
      <c r="C18093" t="s">
        <v>11194</v>
      </c>
      <c r="D18093" t="s">
        <v>11195</v>
      </c>
      <c r="E18093" t="s">
        <v>10982</v>
      </c>
      <c r="F18093" t="s">
        <v>10983</v>
      </c>
      <c r="G18093" t="s">
        <v>10734</v>
      </c>
      <c r="H18093" t="s">
        <v>10735</v>
      </c>
      <c r="I18093" s="2">
        <v>1</v>
      </c>
      <c r="J18093" s="2">
        <v>0</v>
      </c>
      <c r="K18093" s="2">
        <v>0</v>
      </c>
      <c r="L18093" t="s">
        <v>120</v>
      </c>
      <c r="M18093" t="s">
        <v>83</v>
      </c>
      <c r="N18093" t="s">
        <v>91</v>
      </c>
      <c r="O18093" t="s">
        <v>85</v>
      </c>
      <c r="P18093" t="s">
        <v>86</v>
      </c>
      <c r="Q18093">
        <v>18</v>
      </c>
      <c r="R18093">
        <v>19</v>
      </c>
      <c r="S18093">
        <v>19</v>
      </c>
      <c r="T18093">
        <v>19</v>
      </c>
      <c r="U18093">
        <v>20</v>
      </c>
      <c r="V18093">
        <v>20</v>
      </c>
      <c r="W18093">
        <v>21</v>
      </c>
      <c r="X18093">
        <v>21</v>
      </c>
      <c r="Y18093">
        <v>22</v>
      </c>
      <c r="Z18093">
        <v>22</v>
      </c>
      <c r="AA18093">
        <v>22</v>
      </c>
      <c r="AB18093">
        <v>23</v>
      </c>
      <c r="AC18093">
        <v>23</v>
      </c>
      <c r="AD18093">
        <v>24</v>
      </c>
      <c r="AE18093">
        <v>24</v>
      </c>
      <c r="AF18093">
        <v>25</v>
      </c>
      <c r="AG18093">
        <v>25</v>
      </c>
      <c r="AH18093">
        <v>26</v>
      </c>
      <c r="AI18093">
        <v>26</v>
      </c>
      <c r="AJ18093">
        <v>27</v>
      </c>
      <c r="AK18093">
        <v>27</v>
      </c>
      <c r="AL18093">
        <v>28</v>
      </c>
      <c r="AM18093">
        <v>28</v>
      </c>
      <c r="AN18093">
        <v>28</v>
      </c>
      <c r="AO18093">
        <v>29</v>
      </c>
      <c r="AP18093">
        <v>29</v>
      </c>
      <c r="AQ18093">
        <v>29</v>
      </c>
    </row>
    <row r="18094" spans="1:43">
      <c r="A18094" t="s">
        <v>11202</v>
      </c>
      <c r="B18094" t="s">
        <v>11203</v>
      </c>
      <c r="C18094" t="s">
        <v>11204</v>
      </c>
      <c r="D18094" t="s">
        <v>11205</v>
      </c>
      <c r="E18094" t="s">
        <v>11206</v>
      </c>
      <c r="F18094" t="s">
        <v>11207</v>
      </c>
      <c r="G18094" t="s">
        <v>10734</v>
      </c>
      <c r="H18094" t="s">
        <v>10735</v>
      </c>
      <c r="I18094" s="2">
        <v>0</v>
      </c>
      <c r="J18094" s="2">
        <v>0</v>
      </c>
      <c r="K18094" s="2">
        <v>1</v>
      </c>
      <c r="L18094" t="s">
        <v>995</v>
      </c>
      <c r="M18094" t="s">
        <v>83</v>
      </c>
      <c r="N18094" t="s">
        <v>84</v>
      </c>
      <c r="O18094" t="s">
        <v>85</v>
      </c>
      <c r="P18094" t="s">
        <v>86</v>
      </c>
      <c r="Q18094">
        <v>27</v>
      </c>
      <c r="R18094">
        <v>28</v>
      </c>
      <c r="S18094">
        <v>29</v>
      </c>
      <c r="T18094">
        <v>30</v>
      </c>
      <c r="U18094">
        <v>30</v>
      </c>
      <c r="V18094">
        <v>31</v>
      </c>
      <c r="W18094">
        <v>32</v>
      </c>
      <c r="X18094">
        <v>33</v>
      </c>
      <c r="Y18094">
        <v>33</v>
      </c>
      <c r="Z18094">
        <v>34</v>
      </c>
      <c r="AA18094">
        <v>35</v>
      </c>
      <c r="AB18094">
        <v>36</v>
      </c>
      <c r="AC18094">
        <v>37</v>
      </c>
      <c r="AD18094">
        <v>38</v>
      </c>
      <c r="AE18094">
        <v>39</v>
      </c>
      <c r="AF18094">
        <v>39</v>
      </c>
      <c r="AG18094">
        <v>40</v>
      </c>
      <c r="AH18094">
        <v>41</v>
      </c>
      <c r="AI18094">
        <v>42</v>
      </c>
      <c r="AJ18094">
        <v>43</v>
      </c>
      <c r="AK18094">
        <v>44</v>
      </c>
      <c r="AL18094">
        <v>45</v>
      </c>
      <c r="AM18094">
        <v>46</v>
      </c>
      <c r="AN18094">
        <v>46</v>
      </c>
      <c r="AO18094">
        <v>47</v>
      </c>
      <c r="AP18094">
        <v>47</v>
      </c>
      <c r="AQ18094">
        <v>48</v>
      </c>
    </row>
    <row r="18095" spans="1:43">
      <c r="A18095" t="s">
        <v>11202</v>
      </c>
      <c r="B18095" t="s">
        <v>11203</v>
      </c>
      <c r="C18095" t="s">
        <v>11204</v>
      </c>
      <c r="D18095" t="s">
        <v>11205</v>
      </c>
      <c r="E18095" t="s">
        <v>11206</v>
      </c>
      <c r="F18095" t="s">
        <v>11207</v>
      </c>
      <c r="G18095" t="s">
        <v>10734</v>
      </c>
      <c r="H18095" t="s">
        <v>10735</v>
      </c>
      <c r="I18095" s="2">
        <v>0</v>
      </c>
      <c r="J18095" s="2">
        <v>0</v>
      </c>
      <c r="K18095" s="2">
        <v>1</v>
      </c>
      <c r="L18095" t="s">
        <v>995</v>
      </c>
      <c r="M18095" t="s">
        <v>87</v>
      </c>
      <c r="N18095" t="s">
        <v>88</v>
      </c>
      <c r="O18095" t="s">
        <v>85</v>
      </c>
      <c r="P18095" t="s">
        <v>86</v>
      </c>
      <c r="Q18095">
        <v>27</v>
      </c>
      <c r="R18095">
        <v>28</v>
      </c>
      <c r="S18095">
        <v>28</v>
      </c>
      <c r="T18095">
        <v>28</v>
      </c>
      <c r="U18095">
        <v>29</v>
      </c>
      <c r="V18095">
        <v>29</v>
      </c>
      <c r="W18095">
        <v>30</v>
      </c>
      <c r="X18095">
        <v>30</v>
      </c>
      <c r="Y18095">
        <v>31</v>
      </c>
      <c r="Z18095">
        <v>31</v>
      </c>
      <c r="AA18095">
        <v>32</v>
      </c>
      <c r="AB18095">
        <v>32</v>
      </c>
      <c r="AC18095">
        <v>33</v>
      </c>
      <c r="AD18095">
        <v>34</v>
      </c>
      <c r="AE18095">
        <v>34</v>
      </c>
      <c r="AF18095">
        <v>35</v>
      </c>
      <c r="AG18095">
        <v>35</v>
      </c>
      <c r="AH18095">
        <v>36</v>
      </c>
      <c r="AI18095">
        <v>37</v>
      </c>
      <c r="AJ18095">
        <v>37</v>
      </c>
      <c r="AK18095">
        <v>38</v>
      </c>
      <c r="AL18095">
        <v>38</v>
      </c>
      <c r="AM18095">
        <v>39</v>
      </c>
      <c r="AN18095">
        <v>40</v>
      </c>
      <c r="AO18095">
        <v>40</v>
      </c>
      <c r="AP18095">
        <v>41</v>
      </c>
      <c r="AQ18095">
        <v>42</v>
      </c>
    </row>
    <row r="18096" spans="1:43">
      <c r="A18096" t="s">
        <v>11202</v>
      </c>
      <c r="B18096" t="s">
        <v>11203</v>
      </c>
      <c r="C18096" t="s">
        <v>11204</v>
      </c>
      <c r="D18096" t="s">
        <v>11205</v>
      </c>
      <c r="E18096" t="s">
        <v>11206</v>
      </c>
      <c r="F18096" t="s">
        <v>11207</v>
      </c>
      <c r="G18096" t="s">
        <v>10734</v>
      </c>
      <c r="H18096" t="s">
        <v>10735</v>
      </c>
      <c r="I18096" s="2">
        <v>0</v>
      </c>
      <c r="J18096" s="2">
        <v>0</v>
      </c>
      <c r="K18096" s="2">
        <v>1</v>
      </c>
      <c r="L18096" t="s">
        <v>995</v>
      </c>
      <c r="M18096" t="s">
        <v>89</v>
      </c>
      <c r="N18096" t="s">
        <v>90</v>
      </c>
      <c r="O18096" t="s">
        <v>85</v>
      </c>
      <c r="P18096" t="s">
        <v>86</v>
      </c>
      <c r="Q18096">
        <v>27</v>
      </c>
      <c r="R18096">
        <v>28</v>
      </c>
      <c r="S18096">
        <v>29</v>
      </c>
      <c r="T18096">
        <v>30</v>
      </c>
      <c r="U18096">
        <v>31</v>
      </c>
      <c r="V18096">
        <v>31</v>
      </c>
      <c r="W18096">
        <v>32</v>
      </c>
      <c r="X18096">
        <v>33</v>
      </c>
      <c r="Y18096">
        <v>34</v>
      </c>
      <c r="Z18096">
        <v>35</v>
      </c>
      <c r="AA18096">
        <v>36</v>
      </c>
      <c r="AB18096">
        <v>37</v>
      </c>
      <c r="AC18096">
        <v>38</v>
      </c>
      <c r="AD18096">
        <v>39</v>
      </c>
      <c r="AE18096">
        <v>40</v>
      </c>
      <c r="AF18096">
        <v>41</v>
      </c>
      <c r="AG18096">
        <v>41</v>
      </c>
      <c r="AH18096">
        <v>42</v>
      </c>
      <c r="AI18096">
        <v>42</v>
      </c>
      <c r="AJ18096">
        <v>43</v>
      </c>
      <c r="AK18096">
        <v>44</v>
      </c>
      <c r="AL18096">
        <v>44</v>
      </c>
      <c r="AM18096">
        <v>45</v>
      </c>
      <c r="AN18096">
        <v>45</v>
      </c>
      <c r="AO18096">
        <v>46</v>
      </c>
      <c r="AP18096">
        <v>47</v>
      </c>
      <c r="AQ18096">
        <v>47</v>
      </c>
    </row>
    <row r="18097" spans="1:43">
      <c r="A18097" t="s">
        <v>11202</v>
      </c>
      <c r="B18097" t="s">
        <v>11203</v>
      </c>
      <c r="C18097" t="s">
        <v>11204</v>
      </c>
      <c r="D18097" t="s">
        <v>11205</v>
      </c>
      <c r="E18097" t="s">
        <v>11206</v>
      </c>
      <c r="F18097" t="s">
        <v>11207</v>
      </c>
      <c r="G18097" t="s">
        <v>10734</v>
      </c>
      <c r="H18097" t="s">
        <v>10735</v>
      </c>
      <c r="I18097" s="2">
        <v>0</v>
      </c>
      <c r="J18097" s="2">
        <v>0</v>
      </c>
      <c r="K18097" s="2">
        <v>1</v>
      </c>
      <c r="L18097" t="s">
        <v>995</v>
      </c>
      <c r="M18097" t="s">
        <v>83</v>
      </c>
      <c r="N18097" t="s">
        <v>91</v>
      </c>
      <c r="O18097" t="s">
        <v>85</v>
      </c>
      <c r="P18097" t="s">
        <v>86</v>
      </c>
      <c r="Q18097">
        <v>27</v>
      </c>
      <c r="R18097">
        <v>28</v>
      </c>
      <c r="S18097">
        <v>29</v>
      </c>
      <c r="T18097">
        <v>30</v>
      </c>
      <c r="U18097">
        <v>30</v>
      </c>
      <c r="V18097">
        <v>31</v>
      </c>
      <c r="W18097">
        <v>32</v>
      </c>
      <c r="X18097">
        <v>33</v>
      </c>
      <c r="Y18097">
        <v>33</v>
      </c>
      <c r="Z18097">
        <v>34</v>
      </c>
      <c r="AA18097">
        <v>35</v>
      </c>
      <c r="AB18097">
        <v>36</v>
      </c>
      <c r="AC18097">
        <v>37</v>
      </c>
      <c r="AD18097">
        <v>38</v>
      </c>
      <c r="AE18097">
        <v>39</v>
      </c>
      <c r="AF18097">
        <v>39</v>
      </c>
      <c r="AG18097">
        <v>40</v>
      </c>
      <c r="AH18097">
        <v>41</v>
      </c>
      <c r="AI18097">
        <v>42</v>
      </c>
      <c r="AJ18097">
        <v>43</v>
      </c>
      <c r="AK18097">
        <v>44</v>
      </c>
      <c r="AL18097">
        <v>45</v>
      </c>
      <c r="AM18097">
        <v>46</v>
      </c>
      <c r="AN18097">
        <v>46</v>
      </c>
      <c r="AO18097">
        <v>47</v>
      </c>
      <c r="AP18097">
        <v>47</v>
      </c>
      <c r="AQ18097">
        <v>48</v>
      </c>
    </row>
    <row r="18098" spans="1:43">
      <c r="A18098" t="s">
        <v>11208</v>
      </c>
      <c r="B18098" t="s">
        <v>11209</v>
      </c>
      <c r="C18098" t="s">
        <v>11204</v>
      </c>
      <c r="D18098" t="s">
        <v>11205</v>
      </c>
      <c r="E18098" t="s">
        <v>11206</v>
      </c>
      <c r="F18098" t="s">
        <v>11207</v>
      </c>
      <c r="G18098" t="s">
        <v>10734</v>
      </c>
      <c r="H18098" t="s">
        <v>10735</v>
      </c>
      <c r="I18098" s="2">
        <v>0</v>
      </c>
      <c r="J18098" s="2">
        <v>0</v>
      </c>
      <c r="K18098" s="2">
        <v>1</v>
      </c>
      <c r="L18098" t="s">
        <v>995</v>
      </c>
      <c r="M18098" t="s">
        <v>83</v>
      </c>
      <c r="N18098" t="s">
        <v>84</v>
      </c>
      <c r="O18098" t="s">
        <v>85</v>
      </c>
      <c r="P18098" t="s">
        <v>86</v>
      </c>
      <c r="Q18098">
        <v>36</v>
      </c>
      <c r="R18098">
        <v>37</v>
      </c>
      <c r="S18098">
        <v>38</v>
      </c>
      <c r="T18098">
        <v>39</v>
      </c>
      <c r="U18098">
        <v>40</v>
      </c>
      <c r="V18098">
        <v>41</v>
      </c>
      <c r="W18098">
        <v>42</v>
      </c>
      <c r="X18098">
        <v>44</v>
      </c>
      <c r="Y18098">
        <v>45</v>
      </c>
      <c r="Z18098">
        <v>46</v>
      </c>
      <c r="AA18098">
        <v>47</v>
      </c>
      <c r="AB18098">
        <v>48</v>
      </c>
      <c r="AC18098">
        <v>49</v>
      </c>
      <c r="AD18098">
        <v>50</v>
      </c>
      <c r="AE18098">
        <v>51</v>
      </c>
      <c r="AF18098">
        <v>53</v>
      </c>
      <c r="AG18098">
        <v>54</v>
      </c>
      <c r="AH18098">
        <v>55</v>
      </c>
      <c r="AI18098">
        <v>56</v>
      </c>
      <c r="AJ18098">
        <v>58</v>
      </c>
      <c r="AK18098">
        <v>59</v>
      </c>
      <c r="AL18098">
        <v>60</v>
      </c>
      <c r="AM18098">
        <v>61</v>
      </c>
      <c r="AN18098">
        <v>62</v>
      </c>
      <c r="AO18098">
        <v>63</v>
      </c>
      <c r="AP18098">
        <v>63</v>
      </c>
      <c r="AQ18098">
        <v>64</v>
      </c>
    </row>
    <row r="18099" spans="1:43">
      <c r="A18099" t="s">
        <v>11208</v>
      </c>
      <c r="B18099" t="s">
        <v>11209</v>
      </c>
      <c r="C18099" t="s">
        <v>11204</v>
      </c>
      <c r="D18099" t="s">
        <v>11205</v>
      </c>
      <c r="E18099" t="s">
        <v>11206</v>
      </c>
      <c r="F18099" t="s">
        <v>11207</v>
      </c>
      <c r="G18099" t="s">
        <v>10734</v>
      </c>
      <c r="H18099" t="s">
        <v>10735</v>
      </c>
      <c r="I18099" s="2">
        <v>0</v>
      </c>
      <c r="J18099" s="2">
        <v>0</v>
      </c>
      <c r="K18099" s="2">
        <v>1</v>
      </c>
      <c r="L18099" t="s">
        <v>995</v>
      </c>
      <c r="M18099" t="s">
        <v>87</v>
      </c>
      <c r="N18099" t="s">
        <v>88</v>
      </c>
      <c r="O18099" t="s">
        <v>85</v>
      </c>
      <c r="P18099" t="s">
        <v>86</v>
      </c>
      <c r="Q18099">
        <v>36</v>
      </c>
      <c r="R18099">
        <v>37</v>
      </c>
      <c r="S18099">
        <v>37</v>
      </c>
      <c r="T18099">
        <v>38</v>
      </c>
      <c r="U18099">
        <v>39</v>
      </c>
      <c r="V18099">
        <v>39</v>
      </c>
      <c r="W18099">
        <v>40</v>
      </c>
      <c r="X18099">
        <v>41</v>
      </c>
      <c r="Y18099">
        <v>41</v>
      </c>
      <c r="Z18099">
        <v>42</v>
      </c>
      <c r="AA18099">
        <v>43</v>
      </c>
      <c r="AB18099">
        <v>43</v>
      </c>
      <c r="AC18099">
        <v>44</v>
      </c>
      <c r="AD18099">
        <v>45</v>
      </c>
      <c r="AE18099">
        <v>46</v>
      </c>
      <c r="AF18099">
        <v>46</v>
      </c>
      <c r="AG18099">
        <v>47</v>
      </c>
      <c r="AH18099">
        <v>48</v>
      </c>
      <c r="AI18099">
        <v>49</v>
      </c>
      <c r="AJ18099">
        <v>50</v>
      </c>
      <c r="AK18099">
        <v>50</v>
      </c>
      <c r="AL18099">
        <v>51</v>
      </c>
      <c r="AM18099">
        <v>52</v>
      </c>
      <c r="AN18099">
        <v>53</v>
      </c>
      <c r="AO18099">
        <v>54</v>
      </c>
      <c r="AP18099">
        <v>55</v>
      </c>
      <c r="AQ18099">
        <v>56</v>
      </c>
    </row>
    <row r="18100" spans="1:43">
      <c r="A18100" t="s">
        <v>11208</v>
      </c>
      <c r="B18100" t="s">
        <v>11209</v>
      </c>
      <c r="C18100" t="s">
        <v>11204</v>
      </c>
      <c r="D18100" t="s">
        <v>11205</v>
      </c>
      <c r="E18100" t="s">
        <v>11206</v>
      </c>
      <c r="F18100" t="s">
        <v>11207</v>
      </c>
      <c r="G18100" t="s">
        <v>10734</v>
      </c>
      <c r="H18100" t="s">
        <v>10735</v>
      </c>
      <c r="I18100" s="2">
        <v>0</v>
      </c>
      <c r="J18100" s="2">
        <v>0</v>
      </c>
      <c r="K18100" s="2">
        <v>1</v>
      </c>
      <c r="L18100" t="s">
        <v>995</v>
      </c>
      <c r="M18100" t="s">
        <v>89</v>
      </c>
      <c r="N18100" t="s">
        <v>90</v>
      </c>
      <c r="O18100" t="s">
        <v>85</v>
      </c>
      <c r="P18100" t="s">
        <v>86</v>
      </c>
      <c r="Q18100">
        <v>36</v>
      </c>
      <c r="R18100">
        <v>37</v>
      </c>
      <c r="S18100">
        <v>38</v>
      </c>
      <c r="T18100">
        <v>40</v>
      </c>
      <c r="U18100">
        <v>41</v>
      </c>
      <c r="V18100">
        <v>42</v>
      </c>
      <c r="W18100">
        <v>44</v>
      </c>
      <c r="X18100">
        <v>45</v>
      </c>
      <c r="Y18100">
        <v>46</v>
      </c>
      <c r="Z18100">
        <v>48</v>
      </c>
      <c r="AA18100">
        <v>49</v>
      </c>
      <c r="AB18100">
        <v>50</v>
      </c>
      <c r="AC18100">
        <v>52</v>
      </c>
      <c r="AD18100">
        <v>53</v>
      </c>
      <c r="AE18100">
        <v>54</v>
      </c>
      <c r="AF18100">
        <v>55</v>
      </c>
      <c r="AG18100">
        <v>56</v>
      </c>
      <c r="AH18100">
        <v>56</v>
      </c>
      <c r="AI18100">
        <v>57</v>
      </c>
      <c r="AJ18100">
        <v>58</v>
      </c>
      <c r="AK18100">
        <v>59</v>
      </c>
      <c r="AL18100">
        <v>60</v>
      </c>
      <c r="AM18100">
        <v>60</v>
      </c>
      <c r="AN18100">
        <v>61</v>
      </c>
      <c r="AO18100">
        <v>62</v>
      </c>
      <c r="AP18100">
        <v>63</v>
      </c>
      <c r="AQ18100">
        <v>64</v>
      </c>
    </row>
    <row r="18101" spans="1:43">
      <c r="A18101" t="s">
        <v>11208</v>
      </c>
      <c r="B18101" t="s">
        <v>11209</v>
      </c>
      <c r="C18101" t="s">
        <v>11204</v>
      </c>
      <c r="D18101" t="s">
        <v>11205</v>
      </c>
      <c r="E18101" t="s">
        <v>11206</v>
      </c>
      <c r="F18101" t="s">
        <v>11207</v>
      </c>
      <c r="G18101" t="s">
        <v>10734</v>
      </c>
      <c r="H18101" t="s">
        <v>10735</v>
      </c>
      <c r="I18101" s="2">
        <v>0</v>
      </c>
      <c r="J18101" s="2">
        <v>0</v>
      </c>
      <c r="K18101" s="2">
        <v>1</v>
      </c>
      <c r="L18101" t="s">
        <v>995</v>
      </c>
      <c r="M18101" t="s">
        <v>83</v>
      </c>
      <c r="N18101" t="s">
        <v>91</v>
      </c>
      <c r="O18101" t="s">
        <v>85</v>
      </c>
      <c r="P18101" t="s">
        <v>86</v>
      </c>
      <c r="Q18101">
        <v>36</v>
      </c>
      <c r="R18101">
        <v>37</v>
      </c>
      <c r="S18101">
        <v>38</v>
      </c>
      <c r="T18101">
        <v>39</v>
      </c>
      <c r="U18101">
        <v>40</v>
      </c>
      <c r="V18101">
        <v>41</v>
      </c>
      <c r="W18101">
        <v>42</v>
      </c>
      <c r="X18101">
        <v>44</v>
      </c>
      <c r="Y18101">
        <v>45</v>
      </c>
      <c r="Z18101">
        <v>46</v>
      </c>
      <c r="AA18101">
        <v>47</v>
      </c>
      <c r="AB18101">
        <v>48</v>
      </c>
      <c r="AC18101">
        <v>49</v>
      </c>
      <c r="AD18101">
        <v>50</v>
      </c>
      <c r="AE18101">
        <v>51</v>
      </c>
      <c r="AF18101">
        <v>53</v>
      </c>
      <c r="AG18101">
        <v>54</v>
      </c>
      <c r="AH18101">
        <v>55</v>
      </c>
      <c r="AI18101">
        <v>56</v>
      </c>
      <c r="AJ18101">
        <v>58</v>
      </c>
      <c r="AK18101">
        <v>59</v>
      </c>
      <c r="AL18101">
        <v>60</v>
      </c>
      <c r="AM18101">
        <v>61</v>
      </c>
      <c r="AN18101">
        <v>62</v>
      </c>
      <c r="AO18101">
        <v>63</v>
      </c>
      <c r="AP18101">
        <v>63</v>
      </c>
      <c r="AQ18101">
        <v>64</v>
      </c>
    </row>
    <row r="18102" spans="1:43">
      <c r="A18102" t="s">
        <v>11210</v>
      </c>
      <c r="B18102" t="s">
        <v>11211</v>
      </c>
      <c r="C18102" t="s">
        <v>11212</v>
      </c>
      <c r="D18102" t="s">
        <v>11213</v>
      </c>
      <c r="E18102" t="s">
        <v>11206</v>
      </c>
      <c r="F18102" t="s">
        <v>11207</v>
      </c>
      <c r="G18102" t="s">
        <v>10734</v>
      </c>
      <c r="H18102" t="s">
        <v>10735</v>
      </c>
      <c r="I18102" s="2">
        <v>0</v>
      </c>
      <c r="J18102" s="2">
        <v>0</v>
      </c>
      <c r="K18102" s="2">
        <v>1</v>
      </c>
      <c r="L18102" t="s">
        <v>995</v>
      </c>
      <c r="M18102" t="s">
        <v>83</v>
      </c>
      <c r="N18102" t="s">
        <v>84</v>
      </c>
      <c r="O18102" t="s">
        <v>85</v>
      </c>
      <c r="P18102" t="s">
        <v>86</v>
      </c>
      <c r="Q18102">
        <v>21</v>
      </c>
      <c r="R18102">
        <v>21</v>
      </c>
      <c r="S18102">
        <v>22</v>
      </c>
      <c r="T18102">
        <v>22</v>
      </c>
      <c r="U18102">
        <v>23</v>
      </c>
      <c r="V18102">
        <v>24</v>
      </c>
      <c r="W18102">
        <v>24</v>
      </c>
      <c r="X18102">
        <v>25</v>
      </c>
      <c r="Y18102">
        <v>25</v>
      </c>
      <c r="Z18102">
        <v>26</v>
      </c>
      <c r="AA18102">
        <v>27</v>
      </c>
      <c r="AB18102">
        <v>27</v>
      </c>
      <c r="AC18102">
        <v>28</v>
      </c>
      <c r="AD18102">
        <v>28</v>
      </c>
      <c r="AE18102">
        <v>29</v>
      </c>
      <c r="AF18102">
        <v>30</v>
      </c>
      <c r="AG18102">
        <v>31</v>
      </c>
      <c r="AH18102">
        <v>31</v>
      </c>
      <c r="AI18102">
        <v>32</v>
      </c>
      <c r="AJ18102">
        <v>33</v>
      </c>
      <c r="AK18102">
        <v>33</v>
      </c>
      <c r="AL18102">
        <v>34</v>
      </c>
      <c r="AM18102">
        <v>34</v>
      </c>
      <c r="AN18102">
        <v>35</v>
      </c>
      <c r="AO18102">
        <v>35</v>
      </c>
      <c r="AP18102">
        <v>36</v>
      </c>
      <c r="AQ18102">
        <v>36</v>
      </c>
    </row>
    <row r="18103" spans="1:43">
      <c r="A18103" t="s">
        <v>11210</v>
      </c>
      <c r="B18103" t="s">
        <v>11211</v>
      </c>
      <c r="C18103" t="s">
        <v>11212</v>
      </c>
      <c r="D18103" t="s">
        <v>11213</v>
      </c>
      <c r="E18103" t="s">
        <v>11206</v>
      </c>
      <c r="F18103" t="s">
        <v>11207</v>
      </c>
      <c r="G18103" t="s">
        <v>10734</v>
      </c>
      <c r="H18103" t="s">
        <v>10735</v>
      </c>
      <c r="I18103" s="2">
        <v>0</v>
      </c>
      <c r="J18103" s="2">
        <v>0</v>
      </c>
      <c r="K18103" s="2">
        <v>1</v>
      </c>
      <c r="L18103" t="s">
        <v>995</v>
      </c>
      <c r="M18103" t="s">
        <v>87</v>
      </c>
      <c r="N18103" t="s">
        <v>88</v>
      </c>
      <c r="O18103" t="s">
        <v>85</v>
      </c>
      <c r="P18103" t="s">
        <v>86</v>
      </c>
      <c r="Q18103">
        <v>21</v>
      </c>
      <c r="R18103">
        <v>22</v>
      </c>
      <c r="S18103">
        <v>22</v>
      </c>
      <c r="T18103">
        <v>23</v>
      </c>
      <c r="U18103">
        <v>23</v>
      </c>
      <c r="V18103">
        <v>23</v>
      </c>
      <c r="W18103">
        <v>24</v>
      </c>
      <c r="X18103">
        <v>24</v>
      </c>
      <c r="Y18103">
        <v>24</v>
      </c>
      <c r="Z18103">
        <v>25</v>
      </c>
      <c r="AA18103">
        <v>25</v>
      </c>
      <c r="AB18103">
        <v>26</v>
      </c>
      <c r="AC18103">
        <v>26</v>
      </c>
      <c r="AD18103">
        <v>26</v>
      </c>
      <c r="AE18103">
        <v>27</v>
      </c>
      <c r="AF18103">
        <v>27</v>
      </c>
      <c r="AG18103">
        <v>28</v>
      </c>
      <c r="AH18103">
        <v>28</v>
      </c>
      <c r="AI18103">
        <v>29</v>
      </c>
      <c r="AJ18103">
        <v>29</v>
      </c>
      <c r="AK18103">
        <v>30</v>
      </c>
      <c r="AL18103">
        <v>30</v>
      </c>
      <c r="AM18103">
        <v>31</v>
      </c>
      <c r="AN18103">
        <v>31</v>
      </c>
      <c r="AO18103">
        <v>32</v>
      </c>
      <c r="AP18103">
        <v>32</v>
      </c>
      <c r="AQ18103">
        <v>33</v>
      </c>
    </row>
    <row r="18104" spans="1:43">
      <c r="A18104" t="s">
        <v>11210</v>
      </c>
      <c r="B18104" t="s">
        <v>11211</v>
      </c>
      <c r="C18104" t="s">
        <v>11212</v>
      </c>
      <c r="D18104" t="s">
        <v>11213</v>
      </c>
      <c r="E18104" t="s">
        <v>11206</v>
      </c>
      <c r="F18104" t="s">
        <v>11207</v>
      </c>
      <c r="G18104" t="s">
        <v>10734</v>
      </c>
      <c r="H18104" t="s">
        <v>10735</v>
      </c>
      <c r="I18104" s="2">
        <v>0</v>
      </c>
      <c r="J18104" s="2">
        <v>0</v>
      </c>
      <c r="K18104" s="2">
        <v>1</v>
      </c>
      <c r="L18104" t="s">
        <v>995</v>
      </c>
      <c r="M18104" t="s">
        <v>89</v>
      </c>
      <c r="N18104" t="s">
        <v>90</v>
      </c>
      <c r="O18104" t="s">
        <v>85</v>
      </c>
      <c r="P18104" t="s">
        <v>86</v>
      </c>
      <c r="Q18104">
        <v>21</v>
      </c>
      <c r="R18104">
        <v>22</v>
      </c>
      <c r="S18104">
        <v>22</v>
      </c>
      <c r="T18104">
        <v>23</v>
      </c>
      <c r="U18104">
        <v>24</v>
      </c>
      <c r="V18104">
        <v>25</v>
      </c>
      <c r="W18104">
        <v>25</v>
      </c>
      <c r="X18104">
        <v>26</v>
      </c>
      <c r="Y18104">
        <v>27</v>
      </c>
      <c r="Z18104">
        <v>28</v>
      </c>
      <c r="AA18104">
        <v>28</v>
      </c>
      <c r="AB18104">
        <v>29</v>
      </c>
      <c r="AC18104">
        <v>30</v>
      </c>
      <c r="AD18104">
        <v>31</v>
      </c>
      <c r="AE18104">
        <v>31</v>
      </c>
      <c r="AF18104">
        <v>32</v>
      </c>
      <c r="AG18104">
        <v>32</v>
      </c>
      <c r="AH18104">
        <v>32</v>
      </c>
      <c r="AI18104">
        <v>33</v>
      </c>
      <c r="AJ18104">
        <v>33</v>
      </c>
      <c r="AK18104">
        <v>34</v>
      </c>
      <c r="AL18104">
        <v>34</v>
      </c>
      <c r="AM18104">
        <v>35</v>
      </c>
      <c r="AN18104">
        <v>35</v>
      </c>
      <c r="AO18104">
        <v>36</v>
      </c>
      <c r="AP18104">
        <v>36</v>
      </c>
      <c r="AQ18104">
        <v>37</v>
      </c>
    </row>
    <row r="18105" spans="1:43">
      <c r="A18105" t="s">
        <v>11210</v>
      </c>
      <c r="B18105" t="s">
        <v>11211</v>
      </c>
      <c r="C18105" t="s">
        <v>11212</v>
      </c>
      <c r="D18105" t="s">
        <v>11213</v>
      </c>
      <c r="E18105" t="s">
        <v>11206</v>
      </c>
      <c r="F18105" t="s">
        <v>11207</v>
      </c>
      <c r="G18105" t="s">
        <v>10734</v>
      </c>
      <c r="H18105" t="s">
        <v>10735</v>
      </c>
      <c r="I18105" s="2">
        <v>0</v>
      </c>
      <c r="J18105" s="2">
        <v>0</v>
      </c>
      <c r="K18105" s="2">
        <v>1</v>
      </c>
      <c r="L18105" t="s">
        <v>995</v>
      </c>
      <c r="M18105" t="s">
        <v>83</v>
      </c>
      <c r="N18105" t="s">
        <v>91</v>
      </c>
      <c r="O18105" t="s">
        <v>85</v>
      </c>
      <c r="P18105" t="s">
        <v>86</v>
      </c>
      <c r="Q18105">
        <v>21</v>
      </c>
      <c r="R18105">
        <v>21</v>
      </c>
      <c r="S18105">
        <v>22</v>
      </c>
      <c r="T18105">
        <v>22</v>
      </c>
      <c r="U18105">
        <v>23</v>
      </c>
      <c r="V18105">
        <v>24</v>
      </c>
      <c r="W18105">
        <v>24</v>
      </c>
      <c r="X18105">
        <v>25</v>
      </c>
      <c r="Y18105">
        <v>25</v>
      </c>
      <c r="Z18105">
        <v>26</v>
      </c>
      <c r="AA18105">
        <v>27</v>
      </c>
      <c r="AB18105">
        <v>27</v>
      </c>
      <c r="AC18105">
        <v>28</v>
      </c>
      <c r="AD18105">
        <v>28</v>
      </c>
      <c r="AE18105">
        <v>29</v>
      </c>
      <c r="AF18105">
        <v>30</v>
      </c>
      <c r="AG18105">
        <v>31</v>
      </c>
      <c r="AH18105">
        <v>31</v>
      </c>
      <c r="AI18105">
        <v>32</v>
      </c>
      <c r="AJ18105">
        <v>33</v>
      </c>
      <c r="AK18105">
        <v>33</v>
      </c>
      <c r="AL18105">
        <v>34</v>
      </c>
      <c r="AM18105">
        <v>34</v>
      </c>
      <c r="AN18105">
        <v>35</v>
      </c>
      <c r="AO18105">
        <v>35</v>
      </c>
      <c r="AP18105">
        <v>36</v>
      </c>
      <c r="AQ18105">
        <v>36</v>
      </c>
    </row>
    <row r="18106" spans="1:43">
      <c r="A18106" t="s">
        <v>11214</v>
      </c>
      <c r="B18106" t="s">
        <v>11215</v>
      </c>
      <c r="C18106" t="s">
        <v>11204</v>
      </c>
      <c r="D18106" t="s">
        <v>11205</v>
      </c>
      <c r="E18106" t="s">
        <v>11206</v>
      </c>
      <c r="F18106" t="s">
        <v>11207</v>
      </c>
      <c r="G18106" t="s">
        <v>10734</v>
      </c>
      <c r="H18106" t="s">
        <v>10735</v>
      </c>
      <c r="I18106" s="2">
        <v>0</v>
      </c>
      <c r="J18106" s="2">
        <v>0</v>
      </c>
      <c r="K18106" s="2">
        <v>1</v>
      </c>
      <c r="L18106" t="s">
        <v>995</v>
      </c>
      <c r="M18106" t="s">
        <v>83</v>
      </c>
      <c r="N18106" t="s">
        <v>84</v>
      </c>
      <c r="O18106" t="s">
        <v>85</v>
      </c>
      <c r="P18106" t="s">
        <v>86</v>
      </c>
      <c r="Q18106">
        <v>48</v>
      </c>
      <c r="R18106">
        <v>49</v>
      </c>
      <c r="S18106">
        <v>50</v>
      </c>
      <c r="T18106">
        <v>51</v>
      </c>
      <c r="U18106">
        <v>53</v>
      </c>
      <c r="V18106">
        <v>54</v>
      </c>
      <c r="W18106">
        <v>55</v>
      </c>
      <c r="X18106">
        <v>57</v>
      </c>
      <c r="Y18106">
        <v>58</v>
      </c>
      <c r="Z18106">
        <v>60</v>
      </c>
      <c r="AA18106">
        <v>61</v>
      </c>
      <c r="AB18106">
        <v>63</v>
      </c>
      <c r="AC18106">
        <v>64</v>
      </c>
      <c r="AD18106">
        <v>65</v>
      </c>
      <c r="AE18106">
        <v>67</v>
      </c>
      <c r="AF18106">
        <v>69</v>
      </c>
      <c r="AG18106">
        <v>70</v>
      </c>
      <c r="AH18106">
        <v>72</v>
      </c>
      <c r="AI18106">
        <v>74</v>
      </c>
      <c r="AJ18106">
        <v>75</v>
      </c>
      <c r="AK18106">
        <v>77</v>
      </c>
      <c r="AL18106">
        <v>78</v>
      </c>
      <c r="AM18106">
        <v>79</v>
      </c>
      <c r="AN18106">
        <v>80</v>
      </c>
      <c r="AO18106">
        <v>81</v>
      </c>
      <c r="AP18106">
        <v>83</v>
      </c>
      <c r="AQ18106">
        <v>84</v>
      </c>
    </row>
    <row r="18107" spans="1:43">
      <c r="A18107" t="s">
        <v>11214</v>
      </c>
      <c r="B18107" t="s">
        <v>11215</v>
      </c>
      <c r="C18107" t="s">
        <v>11204</v>
      </c>
      <c r="D18107" t="s">
        <v>11205</v>
      </c>
      <c r="E18107" t="s">
        <v>11206</v>
      </c>
      <c r="F18107" t="s">
        <v>11207</v>
      </c>
      <c r="G18107" t="s">
        <v>10734</v>
      </c>
      <c r="H18107" t="s">
        <v>10735</v>
      </c>
      <c r="I18107" s="2">
        <v>0</v>
      </c>
      <c r="J18107" s="2">
        <v>0</v>
      </c>
      <c r="K18107" s="2">
        <v>1</v>
      </c>
      <c r="L18107" t="s">
        <v>995</v>
      </c>
      <c r="M18107" t="s">
        <v>87</v>
      </c>
      <c r="N18107" t="s">
        <v>88</v>
      </c>
      <c r="O18107" t="s">
        <v>85</v>
      </c>
      <c r="P18107" t="s">
        <v>86</v>
      </c>
      <c r="Q18107">
        <v>48</v>
      </c>
      <c r="R18107">
        <v>49</v>
      </c>
      <c r="S18107">
        <v>50</v>
      </c>
      <c r="T18107">
        <v>51</v>
      </c>
      <c r="U18107">
        <v>51</v>
      </c>
      <c r="V18107">
        <v>52</v>
      </c>
      <c r="W18107">
        <v>53</v>
      </c>
      <c r="X18107">
        <v>54</v>
      </c>
      <c r="Y18107">
        <v>55</v>
      </c>
      <c r="Z18107">
        <v>56</v>
      </c>
      <c r="AA18107">
        <v>57</v>
      </c>
      <c r="AB18107">
        <v>58</v>
      </c>
      <c r="AC18107">
        <v>58</v>
      </c>
      <c r="AD18107">
        <v>59</v>
      </c>
      <c r="AE18107">
        <v>60</v>
      </c>
      <c r="AF18107">
        <v>61</v>
      </c>
      <c r="AG18107">
        <v>62</v>
      </c>
      <c r="AH18107">
        <v>64</v>
      </c>
      <c r="AI18107">
        <v>65</v>
      </c>
      <c r="AJ18107">
        <v>66</v>
      </c>
      <c r="AK18107">
        <v>67</v>
      </c>
      <c r="AL18107">
        <v>68</v>
      </c>
      <c r="AM18107">
        <v>69</v>
      </c>
      <c r="AN18107">
        <v>70</v>
      </c>
      <c r="AO18107">
        <v>71</v>
      </c>
      <c r="AP18107">
        <v>73</v>
      </c>
      <c r="AQ18107">
        <v>74</v>
      </c>
    </row>
    <row r="18108" spans="1:43">
      <c r="A18108" t="s">
        <v>11214</v>
      </c>
      <c r="B18108" t="s">
        <v>11215</v>
      </c>
      <c r="C18108" t="s">
        <v>11204</v>
      </c>
      <c r="D18108" t="s">
        <v>11205</v>
      </c>
      <c r="E18108" t="s">
        <v>11206</v>
      </c>
      <c r="F18108" t="s">
        <v>11207</v>
      </c>
      <c r="G18108" t="s">
        <v>10734</v>
      </c>
      <c r="H18108" t="s">
        <v>10735</v>
      </c>
      <c r="I18108" s="2">
        <v>0</v>
      </c>
      <c r="J18108" s="2">
        <v>0</v>
      </c>
      <c r="K18108" s="2">
        <v>1</v>
      </c>
      <c r="L18108" t="s">
        <v>995</v>
      </c>
      <c r="M18108" t="s">
        <v>89</v>
      </c>
      <c r="N18108" t="s">
        <v>90</v>
      </c>
      <c r="O18108" t="s">
        <v>85</v>
      </c>
      <c r="P18108" t="s">
        <v>86</v>
      </c>
      <c r="Q18108">
        <v>48</v>
      </c>
      <c r="R18108">
        <v>50</v>
      </c>
      <c r="S18108">
        <v>51</v>
      </c>
      <c r="T18108">
        <v>53</v>
      </c>
      <c r="U18108">
        <v>55</v>
      </c>
      <c r="V18108">
        <v>57</v>
      </c>
      <c r="W18108">
        <v>58</v>
      </c>
      <c r="X18108">
        <v>60</v>
      </c>
      <c r="Y18108">
        <v>62</v>
      </c>
      <c r="Z18108">
        <v>63</v>
      </c>
      <c r="AA18108">
        <v>65</v>
      </c>
      <c r="AB18108">
        <v>67</v>
      </c>
      <c r="AC18108">
        <v>68</v>
      </c>
      <c r="AD18108">
        <v>70</v>
      </c>
      <c r="AE18108">
        <v>72</v>
      </c>
      <c r="AF18108">
        <v>73</v>
      </c>
      <c r="AG18108">
        <v>74</v>
      </c>
      <c r="AH18108">
        <v>75</v>
      </c>
      <c r="AI18108">
        <v>76</v>
      </c>
      <c r="AJ18108">
        <v>77</v>
      </c>
      <c r="AK18108">
        <v>78</v>
      </c>
      <c r="AL18108">
        <v>79</v>
      </c>
      <c r="AM18108">
        <v>80</v>
      </c>
      <c r="AN18108">
        <v>81</v>
      </c>
      <c r="AO18108">
        <v>82</v>
      </c>
      <c r="AP18108">
        <v>83</v>
      </c>
      <c r="AQ18108">
        <v>84</v>
      </c>
    </row>
    <row r="18109" spans="1:43">
      <c r="A18109" t="s">
        <v>11214</v>
      </c>
      <c r="B18109" t="s">
        <v>11215</v>
      </c>
      <c r="C18109" t="s">
        <v>11204</v>
      </c>
      <c r="D18109" t="s">
        <v>11205</v>
      </c>
      <c r="E18109" t="s">
        <v>11206</v>
      </c>
      <c r="F18109" t="s">
        <v>11207</v>
      </c>
      <c r="G18109" t="s">
        <v>10734</v>
      </c>
      <c r="H18109" t="s">
        <v>10735</v>
      </c>
      <c r="I18109" s="2">
        <v>0</v>
      </c>
      <c r="J18109" s="2">
        <v>0</v>
      </c>
      <c r="K18109" s="2">
        <v>1</v>
      </c>
      <c r="L18109" t="s">
        <v>995</v>
      </c>
      <c r="M18109" t="s">
        <v>83</v>
      </c>
      <c r="N18109" t="s">
        <v>91</v>
      </c>
      <c r="O18109" t="s">
        <v>85</v>
      </c>
      <c r="P18109" t="s">
        <v>86</v>
      </c>
      <c r="Q18109">
        <v>48</v>
      </c>
      <c r="R18109">
        <v>49</v>
      </c>
      <c r="S18109">
        <v>50</v>
      </c>
      <c r="T18109">
        <v>51</v>
      </c>
      <c r="U18109">
        <v>53</v>
      </c>
      <c r="V18109">
        <v>54</v>
      </c>
      <c r="W18109">
        <v>55</v>
      </c>
      <c r="X18109">
        <v>57</v>
      </c>
      <c r="Y18109">
        <v>58</v>
      </c>
      <c r="Z18109">
        <v>60</v>
      </c>
      <c r="AA18109">
        <v>61</v>
      </c>
      <c r="AB18109">
        <v>63</v>
      </c>
      <c r="AC18109">
        <v>64</v>
      </c>
      <c r="AD18109">
        <v>65</v>
      </c>
      <c r="AE18109">
        <v>67</v>
      </c>
      <c r="AF18109">
        <v>69</v>
      </c>
      <c r="AG18109">
        <v>70</v>
      </c>
      <c r="AH18109">
        <v>72</v>
      </c>
      <c r="AI18109">
        <v>74</v>
      </c>
      <c r="AJ18109">
        <v>75</v>
      </c>
      <c r="AK18109">
        <v>77</v>
      </c>
      <c r="AL18109">
        <v>78</v>
      </c>
      <c r="AM18109">
        <v>79</v>
      </c>
      <c r="AN18109">
        <v>80</v>
      </c>
      <c r="AO18109">
        <v>81</v>
      </c>
      <c r="AP18109">
        <v>83</v>
      </c>
      <c r="AQ18109">
        <v>84</v>
      </c>
    </row>
    <row r="18110" spans="1:43">
      <c r="A18110" t="s">
        <v>11216</v>
      </c>
      <c r="B18110" t="s">
        <v>11217</v>
      </c>
      <c r="C18110" t="s">
        <v>11218</v>
      </c>
      <c r="D18110" t="s">
        <v>11219</v>
      </c>
      <c r="E18110" t="s">
        <v>11206</v>
      </c>
      <c r="F18110" t="s">
        <v>11207</v>
      </c>
      <c r="G18110" t="s">
        <v>10734</v>
      </c>
      <c r="H18110" t="s">
        <v>10735</v>
      </c>
      <c r="I18110" s="2">
        <v>0</v>
      </c>
      <c r="J18110" s="2">
        <v>0</v>
      </c>
      <c r="K18110" s="2">
        <v>1</v>
      </c>
      <c r="L18110" t="s">
        <v>995</v>
      </c>
      <c r="M18110" t="s">
        <v>83</v>
      </c>
      <c r="N18110" t="s">
        <v>84</v>
      </c>
      <c r="O18110" t="s">
        <v>85</v>
      </c>
      <c r="P18110" t="s">
        <v>86</v>
      </c>
      <c r="Q18110">
        <v>18</v>
      </c>
      <c r="R18110">
        <v>19</v>
      </c>
      <c r="S18110">
        <v>19</v>
      </c>
      <c r="T18110">
        <v>20</v>
      </c>
      <c r="U18110">
        <v>20</v>
      </c>
      <c r="V18110">
        <v>21</v>
      </c>
      <c r="W18110">
        <v>21</v>
      </c>
      <c r="X18110">
        <v>22</v>
      </c>
      <c r="Y18110">
        <v>22</v>
      </c>
      <c r="Z18110">
        <v>23</v>
      </c>
      <c r="AA18110">
        <v>23</v>
      </c>
      <c r="AB18110">
        <v>24</v>
      </c>
      <c r="AC18110">
        <v>24</v>
      </c>
      <c r="AD18110">
        <v>25</v>
      </c>
      <c r="AE18110">
        <v>25</v>
      </c>
      <c r="AF18110">
        <v>26</v>
      </c>
      <c r="AG18110">
        <v>27</v>
      </c>
      <c r="AH18110">
        <v>27</v>
      </c>
      <c r="AI18110">
        <v>28</v>
      </c>
      <c r="AJ18110">
        <v>28</v>
      </c>
      <c r="AK18110">
        <v>29</v>
      </c>
      <c r="AL18110">
        <v>29</v>
      </c>
      <c r="AM18110">
        <v>30</v>
      </c>
      <c r="AN18110">
        <v>30</v>
      </c>
      <c r="AO18110">
        <v>31</v>
      </c>
      <c r="AP18110">
        <v>31</v>
      </c>
      <c r="AQ18110">
        <v>31</v>
      </c>
    </row>
    <row r="18111" spans="1:43">
      <c r="A18111" t="s">
        <v>11216</v>
      </c>
      <c r="B18111" t="s">
        <v>11217</v>
      </c>
      <c r="C18111" t="s">
        <v>11218</v>
      </c>
      <c r="D18111" t="s">
        <v>11219</v>
      </c>
      <c r="E18111" t="s">
        <v>11206</v>
      </c>
      <c r="F18111" t="s">
        <v>11207</v>
      </c>
      <c r="G18111" t="s">
        <v>10734</v>
      </c>
      <c r="H18111" t="s">
        <v>10735</v>
      </c>
      <c r="I18111" s="2">
        <v>0</v>
      </c>
      <c r="J18111" s="2">
        <v>0</v>
      </c>
      <c r="K18111" s="2">
        <v>1</v>
      </c>
      <c r="L18111" t="s">
        <v>995</v>
      </c>
      <c r="M18111" t="s">
        <v>87</v>
      </c>
      <c r="N18111" t="s">
        <v>88</v>
      </c>
      <c r="O18111" t="s">
        <v>85</v>
      </c>
      <c r="P18111" t="s">
        <v>86</v>
      </c>
      <c r="Q18111">
        <v>18</v>
      </c>
      <c r="R18111">
        <v>18</v>
      </c>
      <c r="S18111">
        <v>19</v>
      </c>
      <c r="T18111">
        <v>19</v>
      </c>
      <c r="U18111">
        <v>19</v>
      </c>
      <c r="V18111">
        <v>20</v>
      </c>
      <c r="W18111">
        <v>20</v>
      </c>
      <c r="X18111">
        <v>20</v>
      </c>
      <c r="Y18111">
        <v>21</v>
      </c>
      <c r="Z18111">
        <v>21</v>
      </c>
      <c r="AA18111">
        <v>21</v>
      </c>
      <c r="AB18111">
        <v>22</v>
      </c>
      <c r="AC18111">
        <v>22</v>
      </c>
      <c r="AD18111">
        <v>22</v>
      </c>
      <c r="AE18111">
        <v>23</v>
      </c>
      <c r="AF18111">
        <v>23</v>
      </c>
      <c r="AG18111">
        <v>23</v>
      </c>
      <c r="AH18111">
        <v>24</v>
      </c>
      <c r="AI18111">
        <v>24</v>
      </c>
      <c r="AJ18111">
        <v>24</v>
      </c>
      <c r="AK18111">
        <v>25</v>
      </c>
      <c r="AL18111">
        <v>25</v>
      </c>
      <c r="AM18111">
        <v>26</v>
      </c>
      <c r="AN18111">
        <v>26</v>
      </c>
      <c r="AO18111">
        <v>27</v>
      </c>
      <c r="AP18111">
        <v>27</v>
      </c>
      <c r="AQ18111">
        <v>27</v>
      </c>
    </row>
    <row r="18112" spans="1:43">
      <c r="A18112" t="s">
        <v>11216</v>
      </c>
      <c r="B18112" t="s">
        <v>11217</v>
      </c>
      <c r="C18112" t="s">
        <v>11218</v>
      </c>
      <c r="D18112" t="s">
        <v>11219</v>
      </c>
      <c r="E18112" t="s">
        <v>11206</v>
      </c>
      <c r="F18112" t="s">
        <v>11207</v>
      </c>
      <c r="G18112" t="s">
        <v>10734</v>
      </c>
      <c r="H18112" t="s">
        <v>10735</v>
      </c>
      <c r="I18112" s="2">
        <v>0</v>
      </c>
      <c r="J18112" s="2">
        <v>0</v>
      </c>
      <c r="K18112" s="2">
        <v>1</v>
      </c>
      <c r="L18112" t="s">
        <v>995</v>
      </c>
      <c r="M18112" t="s">
        <v>89</v>
      </c>
      <c r="N18112" t="s">
        <v>90</v>
      </c>
      <c r="O18112" t="s">
        <v>85</v>
      </c>
      <c r="P18112" t="s">
        <v>86</v>
      </c>
      <c r="Q18112">
        <v>18</v>
      </c>
      <c r="R18112">
        <v>19</v>
      </c>
      <c r="S18112">
        <v>20</v>
      </c>
      <c r="T18112">
        <v>20</v>
      </c>
      <c r="U18112">
        <v>21</v>
      </c>
      <c r="V18112">
        <v>22</v>
      </c>
      <c r="W18112">
        <v>22</v>
      </c>
      <c r="X18112">
        <v>23</v>
      </c>
      <c r="Y18112">
        <v>24</v>
      </c>
      <c r="Z18112">
        <v>24</v>
      </c>
      <c r="AA18112">
        <v>25</v>
      </c>
      <c r="AB18112">
        <v>25</v>
      </c>
      <c r="AC18112">
        <v>26</v>
      </c>
      <c r="AD18112">
        <v>27</v>
      </c>
      <c r="AE18112">
        <v>27</v>
      </c>
      <c r="AF18112">
        <v>28</v>
      </c>
      <c r="AG18112">
        <v>28</v>
      </c>
      <c r="AH18112">
        <v>28</v>
      </c>
      <c r="AI18112">
        <v>29</v>
      </c>
      <c r="AJ18112">
        <v>29</v>
      </c>
      <c r="AK18112">
        <v>29</v>
      </c>
      <c r="AL18112">
        <v>30</v>
      </c>
      <c r="AM18112">
        <v>30</v>
      </c>
      <c r="AN18112">
        <v>30</v>
      </c>
      <c r="AO18112">
        <v>31</v>
      </c>
      <c r="AP18112">
        <v>31</v>
      </c>
      <c r="AQ18112">
        <v>31</v>
      </c>
    </row>
    <row r="18113" spans="1:43">
      <c r="A18113" t="s">
        <v>11216</v>
      </c>
      <c r="B18113" t="s">
        <v>11217</v>
      </c>
      <c r="C18113" t="s">
        <v>11218</v>
      </c>
      <c r="D18113" t="s">
        <v>11219</v>
      </c>
      <c r="E18113" t="s">
        <v>11206</v>
      </c>
      <c r="F18113" t="s">
        <v>11207</v>
      </c>
      <c r="G18113" t="s">
        <v>10734</v>
      </c>
      <c r="H18113" t="s">
        <v>10735</v>
      </c>
      <c r="I18113" s="2">
        <v>0</v>
      </c>
      <c r="J18113" s="2">
        <v>0</v>
      </c>
      <c r="K18113" s="2">
        <v>1</v>
      </c>
      <c r="L18113" t="s">
        <v>995</v>
      </c>
      <c r="M18113" t="s">
        <v>83</v>
      </c>
      <c r="N18113" t="s">
        <v>91</v>
      </c>
      <c r="O18113" t="s">
        <v>85</v>
      </c>
      <c r="P18113" t="s">
        <v>86</v>
      </c>
      <c r="Q18113">
        <v>18</v>
      </c>
      <c r="R18113">
        <v>19</v>
      </c>
      <c r="S18113">
        <v>19</v>
      </c>
      <c r="T18113">
        <v>20</v>
      </c>
      <c r="U18113">
        <v>20</v>
      </c>
      <c r="V18113">
        <v>21</v>
      </c>
      <c r="W18113">
        <v>21</v>
      </c>
      <c r="X18113">
        <v>22</v>
      </c>
      <c r="Y18113">
        <v>22</v>
      </c>
      <c r="Z18113">
        <v>23</v>
      </c>
      <c r="AA18113">
        <v>23</v>
      </c>
      <c r="AB18113">
        <v>24</v>
      </c>
      <c r="AC18113">
        <v>24</v>
      </c>
      <c r="AD18113">
        <v>25</v>
      </c>
      <c r="AE18113">
        <v>25</v>
      </c>
      <c r="AF18113">
        <v>26</v>
      </c>
      <c r="AG18113">
        <v>27</v>
      </c>
      <c r="AH18113">
        <v>27</v>
      </c>
      <c r="AI18113">
        <v>28</v>
      </c>
      <c r="AJ18113">
        <v>28</v>
      </c>
      <c r="AK18113">
        <v>29</v>
      </c>
      <c r="AL18113">
        <v>29</v>
      </c>
      <c r="AM18113">
        <v>30</v>
      </c>
      <c r="AN18113">
        <v>30</v>
      </c>
      <c r="AO18113">
        <v>31</v>
      </c>
      <c r="AP18113">
        <v>31</v>
      </c>
      <c r="AQ18113">
        <v>31</v>
      </c>
    </row>
    <row r="18114" spans="1:43">
      <c r="A18114" t="s">
        <v>11220</v>
      </c>
      <c r="B18114" t="s">
        <v>11221</v>
      </c>
      <c r="C18114" t="s">
        <v>11218</v>
      </c>
      <c r="D18114" t="s">
        <v>11219</v>
      </c>
      <c r="E18114" t="s">
        <v>11206</v>
      </c>
      <c r="F18114" t="s">
        <v>11207</v>
      </c>
      <c r="G18114" t="s">
        <v>10734</v>
      </c>
      <c r="H18114" t="s">
        <v>10735</v>
      </c>
      <c r="I18114" s="2">
        <v>0</v>
      </c>
      <c r="J18114" s="2">
        <v>0</v>
      </c>
      <c r="K18114" s="2">
        <v>1</v>
      </c>
      <c r="L18114" t="s">
        <v>995</v>
      </c>
      <c r="M18114" t="s">
        <v>83</v>
      </c>
      <c r="N18114" t="s">
        <v>84</v>
      </c>
      <c r="O18114" t="s">
        <v>85</v>
      </c>
      <c r="P18114" t="s">
        <v>86</v>
      </c>
      <c r="Q18114">
        <v>4</v>
      </c>
      <c r="R18114">
        <v>5</v>
      </c>
      <c r="S18114">
        <v>5</v>
      </c>
      <c r="T18114">
        <v>5</v>
      </c>
      <c r="U18114">
        <v>5</v>
      </c>
      <c r="V18114">
        <v>5</v>
      </c>
      <c r="W18114">
        <v>5</v>
      </c>
      <c r="X18114">
        <v>5</v>
      </c>
      <c r="Y18114">
        <v>5</v>
      </c>
      <c r="Z18114">
        <v>6</v>
      </c>
      <c r="AA18114">
        <v>6</v>
      </c>
      <c r="AB18114">
        <v>6</v>
      </c>
      <c r="AC18114">
        <v>6</v>
      </c>
      <c r="AD18114">
        <v>6</v>
      </c>
      <c r="AE18114">
        <v>6</v>
      </c>
      <c r="AF18114">
        <v>6</v>
      </c>
      <c r="AG18114">
        <v>7</v>
      </c>
      <c r="AH18114">
        <v>7</v>
      </c>
      <c r="AI18114">
        <v>7</v>
      </c>
      <c r="AJ18114">
        <v>7</v>
      </c>
      <c r="AK18114">
        <v>7</v>
      </c>
      <c r="AL18114">
        <v>7</v>
      </c>
      <c r="AM18114">
        <v>7</v>
      </c>
      <c r="AN18114">
        <v>7</v>
      </c>
      <c r="AO18114">
        <v>8</v>
      </c>
      <c r="AP18114">
        <v>8</v>
      </c>
      <c r="AQ18114">
        <v>8</v>
      </c>
    </row>
    <row r="18115" spans="1:43">
      <c r="A18115" t="s">
        <v>11220</v>
      </c>
      <c r="B18115" t="s">
        <v>11221</v>
      </c>
      <c r="C18115" t="s">
        <v>11218</v>
      </c>
      <c r="D18115" t="s">
        <v>11219</v>
      </c>
      <c r="E18115" t="s">
        <v>11206</v>
      </c>
      <c r="F18115" t="s">
        <v>11207</v>
      </c>
      <c r="G18115" t="s">
        <v>10734</v>
      </c>
      <c r="H18115" t="s">
        <v>10735</v>
      </c>
      <c r="I18115" s="2">
        <v>0</v>
      </c>
      <c r="J18115" s="2">
        <v>0</v>
      </c>
      <c r="K18115" s="2">
        <v>1</v>
      </c>
      <c r="L18115" t="s">
        <v>995</v>
      </c>
      <c r="M18115" t="s">
        <v>87</v>
      </c>
      <c r="N18115" t="s">
        <v>88</v>
      </c>
      <c r="O18115" t="s">
        <v>85</v>
      </c>
      <c r="P18115" t="s">
        <v>86</v>
      </c>
      <c r="Q18115">
        <v>4</v>
      </c>
      <c r="R18115">
        <v>4</v>
      </c>
      <c r="S18115">
        <v>5</v>
      </c>
      <c r="T18115">
        <v>5</v>
      </c>
      <c r="U18115">
        <v>5</v>
      </c>
      <c r="V18115">
        <v>5</v>
      </c>
      <c r="W18115">
        <v>5</v>
      </c>
      <c r="X18115">
        <v>5</v>
      </c>
      <c r="Y18115">
        <v>5</v>
      </c>
      <c r="Z18115">
        <v>5</v>
      </c>
      <c r="AA18115">
        <v>5</v>
      </c>
      <c r="AB18115">
        <v>5</v>
      </c>
      <c r="AC18115">
        <v>5</v>
      </c>
      <c r="AD18115">
        <v>5</v>
      </c>
      <c r="AE18115">
        <v>6</v>
      </c>
      <c r="AF18115">
        <v>6</v>
      </c>
      <c r="AG18115">
        <v>6</v>
      </c>
      <c r="AH18115">
        <v>6</v>
      </c>
      <c r="AI18115">
        <v>6</v>
      </c>
      <c r="AJ18115">
        <v>6</v>
      </c>
      <c r="AK18115">
        <v>6</v>
      </c>
      <c r="AL18115">
        <v>6</v>
      </c>
      <c r="AM18115">
        <v>6</v>
      </c>
      <c r="AN18115">
        <v>6</v>
      </c>
      <c r="AO18115">
        <v>7</v>
      </c>
      <c r="AP18115">
        <v>7</v>
      </c>
      <c r="AQ18115">
        <v>7</v>
      </c>
    </row>
    <row r="18116" spans="1:43">
      <c r="A18116" t="s">
        <v>11220</v>
      </c>
      <c r="B18116" t="s">
        <v>11221</v>
      </c>
      <c r="C18116" t="s">
        <v>11218</v>
      </c>
      <c r="D18116" t="s">
        <v>11219</v>
      </c>
      <c r="E18116" t="s">
        <v>11206</v>
      </c>
      <c r="F18116" t="s">
        <v>11207</v>
      </c>
      <c r="G18116" t="s">
        <v>10734</v>
      </c>
      <c r="H18116" t="s">
        <v>10735</v>
      </c>
      <c r="I18116" s="2">
        <v>0</v>
      </c>
      <c r="J18116" s="2">
        <v>0</v>
      </c>
      <c r="K18116" s="2">
        <v>1</v>
      </c>
      <c r="L18116" t="s">
        <v>995</v>
      </c>
      <c r="M18116" t="s">
        <v>89</v>
      </c>
      <c r="N18116" t="s">
        <v>90</v>
      </c>
      <c r="O18116" t="s">
        <v>85</v>
      </c>
      <c r="P18116" t="s">
        <v>86</v>
      </c>
      <c r="Q18116">
        <v>4</v>
      </c>
      <c r="R18116">
        <v>5</v>
      </c>
      <c r="S18116">
        <v>5</v>
      </c>
      <c r="T18116">
        <v>5</v>
      </c>
      <c r="U18116">
        <v>5</v>
      </c>
      <c r="V18116">
        <v>5</v>
      </c>
      <c r="W18116">
        <v>5</v>
      </c>
      <c r="X18116">
        <v>6</v>
      </c>
      <c r="Y18116">
        <v>6</v>
      </c>
      <c r="Z18116">
        <v>6</v>
      </c>
      <c r="AA18116">
        <v>6</v>
      </c>
      <c r="AB18116">
        <v>6</v>
      </c>
      <c r="AC18116">
        <v>6</v>
      </c>
      <c r="AD18116">
        <v>7</v>
      </c>
      <c r="AE18116">
        <v>7</v>
      </c>
      <c r="AF18116">
        <v>7</v>
      </c>
      <c r="AG18116">
        <v>7</v>
      </c>
      <c r="AH18116">
        <v>7</v>
      </c>
      <c r="AI18116">
        <v>7</v>
      </c>
      <c r="AJ18116">
        <v>7</v>
      </c>
      <c r="AK18116">
        <v>7</v>
      </c>
      <c r="AL18116">
        <v>7</v>
      </c>
      <c r="AM18116">
        <v>7</v>
      </c>
      <c r="AN18116">
        <v>8</v>
      </c>
      <c r="AO18116">
        <v>8</v>
      </c>
      <c r="AP18116">
        <v>8</v>
      </c>
      <c r="AQ18116">
        <v>8</v>
      </c>
    </row>
    <row r="18117" spans="1:43">
      <c r="A18117" t="s">
        <v>11220</v>
      </c>
      <c r="B18117" t="s">
        <v>11221</v>
      </c>
      <c r="C18117" t="s">
        <v>11218</v>
      </c>
      <c r="D18117" t="s">
        <v>11219</v>
      </c>
      <c r="E18117" t="s">
        <v>11206</v>
      </c>
      <c r="F18117" t="s">
        <v>11207</v>
      </c>
      <c r="G18117" t="s">
        <v>10734</v>
      </c>
      <c r="H18117" t="s">
        <v>10735</v>
      </c>
      <c r="I18117" s="2">
        <v>0</v>
      </c>
      <c r="J18117" s="2">
        <v>0</v>
      </c>
      <c r="K18117" s="2">
        <v>1</v>
      </c>
      <c r="L18117" t="s">
        <v>995</v>
      </c>
      <c r="M18117" t="s">
        <v>83</v>
      </c>
      <c r="N18117" t="s">
        <v>91</v>
      </c>
      <c r="O18117" t="s">
        <v>85</v>
      </c>
      <c r="P18117" t="s">
        <v>86</v>
      </c>
      <c r="Q18117">
        <v>4</v>
      </c>
      <c r="R18117">
        <v>5</v>
      </c>
      <c r="S18117">
        <v>5</v>
      </c>
      <c r="T18117">
        <v>5</v>
      </c>
      <c r="U18117">
        <v>5</v>
      </c>
      <c r="V18117">
        <v>5</v>
      </c>
      <c r="W18117">
        <v>5</v>
      </c>
      <c r="X18117">
        <v>5</v>
      </c>
      <c r="Y18117">
        <v>5</v>
      </c>
      <c r="Z18117">
        <v>6</v>
      </c>
      <c r="AA18117">
        <v>6</v>
      </c>
      <c r="AB18117">
        <v>6</v>
      </c>
      <c r="AC18117">
        <v>6</v>
      </c>
      <c r="AD18117">
        <v>6</v>
      </c>
      <c r="AE18117">
        <v>6</v>
      </c>
      <c r="AF18117">
        <v>6</v>
      </c>
      <c r="AG18117">
        <v>7</v>
      </c>
      <c r="AH18117">
        <v>7</v>
      </c>
      <c r="AI18117">
        <v>7</v>
      </c>
      <c r="AJ18117">
        <v>7</v>
      </c>
      <c r="AK18117">
        <v>7</v>
      </c>
      <c r="AL18117">
        <v>7</v>
      </c>
      <c r="AM18117">
        <v>7</v>
      </c>
      <c r="AN18117">
        <v>7</v>
      </c>
      <c r="AO18117">
        <v>8</v>
      </c>
      <c r="AP18117">
        <v>8</v>
      </c>
      <c r="AQ18117">
        <v>8</v>
      </c>
    </row>
    <row r="18118" spans="1:43">
      <c r="A18118" t="s">
        <v>11222</v>
      </c>
      <c r="B18118" t="s">
        <v>11223</v>
      </c>
      <c r="C18118" t="s">
        <v>11218</v>
      </c>
      <c r="D18118" t="s">
        <v>11219</v>
      </c>
      <c r="E18118" t="s">
        <v>11206</v>
      </c>
      <c r="F18118" t="s">
        <v>11207</v>
      </c>
      <c r="G18118" t="s">
        <v>10734</v>
      </c>
      <c r="H18118" t="s">
        <v>10735</v>
      </c>
      <c r="I18118" s="2">
        <v>0</v>
      </c>
      <c r="J18118" s="2">
        <v>0</v>
      </c>
      <c r="K18118" s="2">
        <v>1</v>
      </c>
      <c r="L18118" t="s">
        <v>995</v>
      </c>
      <c r="M18118" t="s">
        <v>83</v>
      </c>
      <c r="N18118" t="s">
        <v>84</v>
      </c>
      <c r="O18118" t="s">
        <v>85</v>
      </c>
      <c r="P18118" t="s">
        <v>86</v>
      </c>
      <c r="Q18118">
        <v>3</v>
      </c>
      <c r="R18118">
        <v>3</v>
      </c>
      <c r="S18118">
        <v>3</v>
      </c>
      <c r="T18118">
        <v>3</v>
      </c>
      <c r="U18118">
        <v>3</v>
      </c>
      <c r="V18118">
        <v>3</v>
      </c>
      <c r="W18118">
        <v>3</v>
      </c>
      <c r="X18118">
        <v>3</v>
      </c>
      <c r="Y18118">
        <v>3</v>
      </c>
      <c r="Z18118">
        <v>3</v>
      </c>
      <c r="AA18118">
        <v>3</v>
      </c>
      <c r="AB18118">
        <v>4</v>
      </c>
      <c r="AC18118">
        <v>4</v>
      </c>
      <c r="AD18118">
        <v>4</v>
      </c>
      <c r="AE18118">
        <v>4</v>
      </c>
      <c r="AF18118">
        <v>4</v>
      </c>
      <c r="AG18118">
        <v>4</v>
      </c>
      <c r="AH18118">
        <v>4</v>
      </c>
      <c r="AI18118">
        <v>4</v>
      </c>
      <c r="AJ18118">
        <v>4</v>
      </c>
      <c r="AK18118">
        <v>4</v>
      </c>
      <c r="AL18118">
        <v>4</v>
      </c>
      <c r="AM18118">
        <v>4</v>
      </c>
      <c r="AN18118">
        <v>5</v>
      </c>
      <c r="AO18118">
        <v>5</v>
      </c>
      <c r="AP18118">
        <v>5</v>
      </c>
      <c r="AQ18118">
        <v>5</v>
      </c>
    </row>
    <row r="18119" spans="1:43">
      <c r="A18119" t="s">
        <v>11222</v>
      </c>
      <c r="B18119" t="s">
        <v>11223</v>
      </c>
      <c r="C18119" t="s">
        <v>11218</v>
      </c>
      <c r="D18119" t="s">
        <v>11219</v>
      </c>
      <c r="E18119" t="s">
        <v>11206</v>
      </c>
      <c r="F18119" t="s">
        <v>11207</v>
      </c>
      <c r="G18119" t="s">
        <v>10734</v>
      </c>
      <c r="H18119" t="s">
        <v>10735</v>
      </c>
      <c r="I18119" s="2">
        <v>0</v>
      </c>
      <c r="J18119" s="2">
        <v>0</v>
      </c>
      <c r="K18119" s="2">
        <v>1</v>
      </c>
      <c r="L18119" t="s">
        <v>995</v>
      </c>
      <c r="M18119" t="s">
        <v>87</v>
      </c>
      <c r="N18119" t="s">
        <v>88</v>
      </c>
      <c r="O18119" t="s">
        <v>85</v>
      </c>
      <c r="P18119" t="s">
        <v>86</v>
      </c>
      <c r="Q18119">
        <v>3</v>
      </c>
      <c r="R18119">
        <v>3</v>
      </c>
      <c r="S18119">
        <v>3</v>
      </c>
      <c r="T18119">
        <v>3</v>
      </c>
      <c r="U18119">
        <v>3</v>
      </c>
      <c r="V18119">
        <v>3</v>
      </c>
      <c r="W18119">
        <v>3</v>
      </c>
      <c r="X18119">
        <v>3</v>
      </c>
      <c r="Y18119">
        <v>3</v>
      </c>
      <c r="Z18119">
        <v>3</v>
      </c>
      <c r="AA18119">
        <v>3</v>
      </c>
      <c r="AB18119">
        <v>3</v>
      </c>
      <c r="AC18119">
        <v>3</v>
      </c>
      <c r="AD18119">
        <v>3</v>
      </c>
      <c r="AE18119">
        <v>3</v>
      </c>
      <c r="AF18119">
        <v>3</v>
      </c>
      <c r="AG18119">
        <v>3</v>
      </c>
      <c r="AH18119">
        <v>4</v>
      </c>
      <c r="AI18119">
        <v>4</v>
      </c>
      <c r="AJ18119">
        <v>4</v>
      </c>
      <c r="AK18119">
        <v>4</v>
      </c>
      <c r="AL18119">
        <v>4</v>
      </c>
      <c r="AM18119">
        <v>4</v>
      </c>
      <c r="AN18119">
        <v>4</v>
      </c>
      <c r="AO18119">
        <v>4</v>
      </c>
      <c r="AP18119">
        <v>4</v>
      </c>
      <c r="AQ18119">
        <v>4</v>
      </c>
    </row>
    <row r="18120" spans="1:43">
      <c r="A18120" t="s">
        <v>11222</v>
      </c>
      <c r="B18120" t="s">
        <v>11223</v>
      </c>
      <c r="C18120" t="s">
        <v>11218</v>
      </c>
      <c r="D18120" t="s">
        <v>11219</v>
      </c>
      <c r="E18120" t="s">
        <v>11206</v>
      </c>
      <c r="F18120" t="s">
        <v>11207</v>
      </c>
      <c r="G18120" t="s">
        <v>10734</v>
      </c>
      <c r="H18120" t="s">
        <v>10735</v>
      </c>
      <c r="I18120" s="2">
        <v>0</v>
      </c>
      <c r="J18120" s="2">
        <v>0</v>
      </c>
      <c r="K18120" s="2">
        <v>1</v>
      </c>
      <c r="L18120" t="s">
        <v>995</v>
      </c>
      <c r="M18120" t="s">
        <v>89</v>
      </c>
      <c r="N18120" t="s">
        <v>90</v>
      </c>
      <c r="O18120" t="s">
        <v>85</v>
      </c>
      <c r="P18120" t="s">
        <v>86</v>
      </c>
      <c r="Q18120">
        <v>3</v>
      </c>
      <c r="R18120">
        <v>3</v>
      </c>
      <c r="S18120">
        <v>3</v>
      </c>
      <c r="T18120">
        <v>3</v>
      </c>
      <c r="U18120">
        <v>3</v>
      </c>
      <c r="V18120">
        <v>3</v>
      </c>
      <c r="W18120">
        <v>3</v>
      </c>
      <c r="X18120">
        <v>3</v>
      </c>
      <c r="Y18120">
        <v>4</v>
      </c>
      <c r="Z18120">
        <v>4</v>
      </c>
      <c r="AA18120">
        <v>4</v>
      </c>
      <c r="AB18120">
        <v>4</v>
      </c>
      <c r="AC18120">
        <v>4</v>
      </c>
      <c r="AD18120">
        <v>4</v>
      </c>
      <c r="AE18120">
        <v>4</v>
      </c>
      <c r="AF18120">
        <v>4</v>
      </c>
      <c r="AG18120">
        <v>4</v>
      </c>
      <c r="AH18120">
        <v>4</v>
      </c>
      <c r="AI18120">
        <v>4</v>
      </c>
      <c r="AJ18120">
        <v>4</v>
      </c>
      <c r="AK18120">
        <v>4</v>
      </c>
      <c r="AL18120">
        <v>4</v>
      </c>
      <c r="AM18120">
        <v>5</v>
      </c>
      <c r="AN18120">
        <v>5</v>
      </c>
      <c r="AO18120">
        <v>5</v>
      </c>
      <c r="AP18120">
        <v>5</v>
      </c>
      <c r="AQ18120">
        <v>5</v>
      </c>
    </row>
    <row r="18121" spans="1:43">
      <c r="A18121" t="s">
        <v>11222</v>
      </c>
      <c r="B18121" t="s">
        <v>11223</v>
      </c>
      <c r="C18121" t="s">
        <v>11218</v>
      </c>
      <c r="D18121" t="s">
        <v>11219</v>
      </c>
      <c r="E18121" t="s">
        <v>11206</v>
      </c>
      <c r="F18121" t="s">
        <v>11207</v>
      </c>
      <c r="G18121" t="s">
        <v>10734</v>
      </c>
      <c r="H18121" t="s">
        <v>10735</v>
      </c>
      <c r="I18121" s="2">
        <v>0</v>
      </c>
      <c r="J18121" s="2">
        <v>0</v>
      </c>
      <c r="K18121" s="2">
        <v>1</v>
      </c>
      <c r="L18121" t="s">
        <v>995</v>
      </c>
      <c r="M18121" t="s">
        <v>83</v>
      </c>
      <c r="N18121" t="s">
        <v>91</v>
      </c>
      <c r="O18121" t="s">
        <v>85</v>
      </c>
      <c r="P18121" t="s">
        <v>86</v>
      </c>
      <c r="Q18121">
        <v>3</v>
      </c>
      <c r="R18121">
        <v>3</v>
      </c>
      <c r="S18121">
        <v>3</v>
      </c>
      <c r="T18121">
        <v>3</v>
      </c>
      <c r="U18121">
        <v>3</v>
      </c>
      <c r="V18121">
        <v>3</v>
      </c>
      <c r="W18121">
        <v>3</v>
      </c>
      <c r="X18121">
        <v>3</v>
      </c>
      <c r="Y18121">
        <v>3</v>
      </c>
      <c r="Z18121">
        <v>3</v>
      </c>
      <c r="AA18121">
        <v>3</v>
      </c>
      <c r="AB18121">
        <v>4</v>
      </c>
      <c r="AC18121">
        <v>4</v>
      </c>
      <c r="AD18121">
        <v>4</v>
      </c>
      <c r="AE18121">
        <v>4</v>
      </c>
      <c r="AF18121">
        <v>4</v>
      </c>
      <c r="AG18121">
        <v>4</v>
      </c>
      <c r="AH18121">
        <v>4</v>
      </c>
      <c r="AI18121">
        <v>4</v>
      </c>
      <c r="AJ18121">
        <v>4</v>
      </c>
      <c r="AK18121">
        <v>4</v>
      </c>
      <c r="AL18121">
        <v>4</v>
      </c>
      <c r="AM18121">
        <v>4</v>
      </c>
      <c r="AN18121">
        <v>5</v>
      </c>
      <c r="AO18121">
        <v>5</v>
      </c>
      <c r="AP18121">
        <v>5</v>
      </c>
      <c r="AQ18121">
        <v>5</v>
      </c>
    </row>
    <row r="18122" spans="1:43">
      <c r="A18122" t="s">
        <v>11224</v>
      </c>
      <c r="B18122" t="s">
        <v>11225</v>
      </c>
      <c r="C18122" t="s">
        <v>11212</v>
      </c>
      <c r="D18122" t="s">
        <v>11213</v>
      </c>
      <c r="E18122" t="s">
        <v>11206</v>
      </c>
      <c r="F18122" t="s">
        <v>11207</v>
      </c>
      <c r="G18122" t="s">
        <v>10734</v>
      </c>
      <c r="H18122" t="s">
        <v>10735</v>
      </c>
      <c r="I18122" s="2">
        <v>0</v>
      </c>
      <c r="J18122" s="2">
        <v>0</v>
      </c>
      <c r="K18122" s="2">
        <v>1</v>
      </c>
      <c r="L18122" t="s">
        <v>995</v>
      </c>
      <c r="M18122" t="s">
        <v>83</v>
      </c>
      <c r="N18122" t="s">
        <v>84</v>
      </c>
      <c r="O18122" t="s">
        <v>85</v>
      </c>
      <c r="P18122" t="s">
        <v>86</v>
      </c>
      <c r="Q18122">
        <v>4</v>
      </c>
      <c r="R18122">
        <v>4</v>
      </c>
      <c r="S18122">
        <v>4</v>
      </c>
      <c r="T18122">
        <v>4</v>
      </c>
      <c r="U18122">
        <v>4</v>
      </c>
      <c r="V18122">
        <v>4</v>
      </c>
      <c r="W18122">
        <v>4</v>
      </c>
      <c r="X18122">
        <v>5</v>
      </c>
      <c r="Y18122">
        <v>5</v>
      </c>
      <c r="Z18122">
        <v>5</v>
      </c>
      <c r="AA18122">
        <v>5</v>
      </c>
      <c r="AB18122">
        <v>5</v>
      </c>
      <c r="AC18122">
        <v>5</v>
      </c>
      <c r="AD18122">
        <v>5</v>
      </c>
      <c r="AE18122">
        <v>5</v>
      </c>
      <c r="AF18122">
        <v>5</v>
      </c>
      <c r="AG18122">
        <v>6</v>
      </c>
      <c r="AH18122">
        <v>6</v>
      </c>
      <c r="AI18122">
        <v>6</v>
      </c>
      <c r="AJ18122">
        <v>6</v>
      </c>
      <c r="AK18122">
        <v>6</v>
      </c>
      <c r="AL18122">
        <v>6</v>
      </c>
      <c r="AM18122">
        <v>6</v>
      </c>
      <c r="AN18122">
        <v>6</v>
      </c>
      <c r="AO18122">
        <v>6</v>
      </c>
      <c r="AP18122">
        <v>7</v>
      </c>
      <c r="AQ18122">
        <v>7</v>
      </c>
    </row>
    <row r="18123" spans="1:43">
      <c r="A18123" t="s">
        <v>11224</v>
      </c>
      <c r="B18123" t="s">
        <v>11225</v>
      </c>
      <c r="C18123" t="s">
        <v>11212</v>
      </c>
      <c r="D18123" t="s">
        <v>11213</v>
      </c>
      <c r="E18123" t="s">
        <v>11206</v>
      </c>
      <c r="F18123" t="s">
        <v>11207</v>
      </c>
      <c r="G18123" t="s">
        <v>10734</v>
      </c>
      <c r="H18123" t="s">
        <v>10735</v>
      </c>
      <c r="I18123" s="2">
        <v>0</v>
      </c>
      <c r="J18123" s="2">
        <v>0</v>
      </c>
      <c r="K18123" s="2">
        <v>1</v>
      </c>
      <c r="L18123" t="s">
        <v>995</v>
      </c>
      <c r="M18123" t="s">
        <v>87</v>
      </c>
      <c r="N18123" t="s">
        <v>88</v>
      </c>
      <c r="O18123" t="s">
        <v>85</v>
      </c>
      <c r="P18123" t="s">
        <v>86</v>
      </c>
      <c r="Q18123">
        <v>4</v>
      </c>
      <c r="R18123">
        <v>4</v>
      </c>
      <c r="S18123">
        <v>4</v>
      </c>
      <c r="T18123">
        <v>4</v>
      </c>
      <c r="U18123">
        <v>4</v>
      </c>
      <c r="V18123">
        <v>4</v>
      </c>
      <c r="W18123">
        <v>4</v>
      </c>
      <c r="X18123">
        <v>4</v>
      </c>
      <c r="Y18123">
        <v>4</v>
      </c>
      <c r="Z18123">
        <v>4</v>
      </c>
      <c r="AA18123">
        <v>4</v>
      </c>
      <c r="AB18123">
        <v>4</v>
      </c>
      <c r="AC18123">
        <v>5</v>
      </c>
      <c r="AD18123">
        <v>5</v>
      </c>
      <c r="AE18123">
        <v>5</v>
      </c>
      <c r="AF18123">
        <v>5</v>
      </c>
      <c r="AG18123">
        <v>5</v>
      </c>
      <c r="AH18123">
        <v>5</v>
      </c>
      <c r="AI18123">
        <v>5</v>
      </c>
      <c r="AJ18123">
        <v>5</v>
      </c>
      <c r="AK18123">
        <v>5</v>
      </c>
      <c r="AL18123">
        <v>5</v>
      </c>
      <c r="AM18123">
        <v>5</v>
      </c>
      <c r="AN18123">
        <v>5</v>
      </c>
      <c r="AO18123">
        <v>6</v>
      </c>
      <c r="AP18123">
        <v>6</v>
      </c>
      <c r="AQ18123">
        <v>6</v>
      </c>
    </row>
    <row r="18124" spans="1:43">
      <c r="A18124" t="s">
        <v>11224</v>
      </c>
      <c r="B18124" t="s">
        <v>11225</v>
      </c>
      <c r="C18124" t="s">
        <v>11212</v>
      </c>
      <c r="D18124" t="s">
        <v>11213</v>
      </c>
      <c r="E18124" t="s">
        <v>11206</v>
      </c>
      <c r="F18124" t="s">
        <v>11207</v>
      </c>
      <c r="G18124" t="s">
        <v>10734</v>
      </c>
      <c r="H18124" t="s">
        <v>10735</v>
      </c>
      <c r="I18124" s="2">
        <v>0</v>
      </c>
      <c r="J18124" s="2">
        <v>0</v>
      </c>
      <c r="K18124" s="2">
        <v>1</v>
      </c>
      <c r="L18124" t="s">
        <v>995</v>
      </c>
      <c r="M18124" t="s">
        <v>89</v>
      </c>
      <c r="N18124" t="s">
        <v>90</v>
      </c>
      <c r="O18124" t="s">
        <v>85</v>
      </c>
      <c r="P18124" t="s">
        <v>86</v>
      </c>
      <c r="Q18124">
        <v>4</v>
      </c>
      <c r="R18124">
        <v>4</v>
      </c>
      <c r="S18124">
        <v>4</v>
      </c>
      <c r="T18124">
        <v>4</v>
      </c>
      <c r="U18124">
        <v>4</v>
      </c>
      <c r="V18124">
        <v>4</v>
      </c>
      <c r="W18124">
        <v>5</v>
      </c>
      <c r="X18124">
        <v>5</v>
      </c>
      <c r="Y18124">
        <v>5</v>
      </c>
      <c r="Z18124">
        <v>5</v>
      </c>
      <c r="AA18124">
        <v>5</v>
      </c>
      <c r="AB18124">
        <v>5</v>
      </c>
      <c r="AC18124">
        <v>5</v>
      </c>
      <c r="AD18124">
        <v>6</v>
      </c>
      <c r="AE18124">
        <v>6</v>
      </c>
      <c r="AF18124">
        <v>6</v>
      </c>
      <c r="AG18124">
        <v>6</v>
      </c>
      <c r="AH18124">
        <v>6</v>
      </c>
      <c r="AI18124">
        <v>6</v>
      </c>
      <c r="AJ18124">
        <v>6</v>
      </c>
      <c r="AK18124">
        <v>6</v>
      </c>
      <c r="AL18124">
        <v>6</v>
      </c>
      <c r="AM18124">
        <v>6</v>
      </c>
      <c r="AN18124">
        <v>6</v>
      </c>
      <c r="AO18124">
        <v>7</v>
      </c>
      <c r="AP18124">
        <v>7</v>
      </c>
      <c r="AQ18124">
        <v>7</v>
      </c>
    </row>
    <row r="18125" spans="1:43">
      <c r="A18125" t="s">
        <v>11224</v>
      </c>
      <c r="B18125" t="s">
        <v>11225</v>
      </c>
      <c r="C18125" t="s">
        <v>11212</v>
      </c>
      <c r="D18125" t="s">
        <v>11213</v>
      </c>
      <c r="E18125" t="s">
        <v>11206</v>
      </c>
      <c r="F18125" t="s">
        <v>11207</v>
      </c>
      <c r="G18125" t="s">
        <v>10734</v>
      </c>
      <c r="H18125" t="s">
        <v>10735</v>
      </c>
      <c r="I18125" s="2">
        <v>0</v>
      </c>
      <c r="J18125" s="2">
        <v>0</v>
      </c>
      <c r="K18125" s="2">
        <v>1</v>
      </c>
      <c r="L18125" t="s">
        <v>995</v>
      </c>
      <c r="M18125" t="s">
        <v>83</v>
      </c>
      <c r="N18125" t="s">
        <v>91</v>
      </c>
      <c r="O18125" t="s">
        <v>85</v>
      </c>
      <c r="P18125" t="s">
        <v>86</v>
      </c>
      <c r="Q18125">
        <v>4</v>
      </c>
      <c r="R18125">
        <v>4</v>
      </c>
      <c r="S18125">
        <v>4</v>
      </c>
      <c r="T18125">
        <v>4</v>
      </c>
      <c r="U18125">
        <v>4</v>
      </c>
      <c r="V18125">
        <v>4</v>
      </c>
      <c r="W18125">
        <v>4</v>
      </c>
      <c r="X18125">
        <v>5</v>
      </c>
      <c r="Y18125">
        <v>5</v>
      </c>
      <c r="Z18125">
        <v>5</v>
      </c>
      <c r="AA18125">
        <v>5</v>
      </c>
      <c r="AB18125">
        <v>5</v>
      </c>
      <c r="AC18125">
        <v>5</v>
      </c>
      <c r="AD18125">
        <v>5</v>
      </c>
      <c r="AE18125">
        <v>5</v>
      </c>
      <c r="AF18125">
        <v>5</v>
      </c>
      <c r="AG18125">
        <v>6</v>
      </c>
      <c r="AH18125">
        <v>6</v>
      </c>
      <c r="AI18125">
        <v>6</v>
      </c>
      <c r="AJ18125">
        <v>6</v>
      </c>
      <c r="AK18125">
        <v>6</v>
      </c>
      <c r="AL18125">
        <v>6</v>
      </c>
      <c r="AM18125">
        <v>6</v>
      </c>
      <c r="AN18125">
        <v>6</v>
      </c>
      <c r="AO18125">
        <v>6</v>
      </c>
      <c r="AP18125">
        <v>7</v>
      </c>
      <c r="AQ18125">
        <v>7</v>
      </c>
    </row>
    <row r="18126" spans="1:43">
      <c r="A18126" t="s">
        <v>11226</v>
      </c>
      <c r="B18126" t="s">
        <v>11227</v>
      </c>
      <c r="C18126" t="s">
        <v>11212</v>
      </c>
      <c r="D18126" t="s">
        <v>11213</v>
      </c>
      <c r="E18126" t="s">
        <v>11206</v>
      </c>
      <c r="F18126" t="s">
        <v>11207</v>
      </c>
      <c r="G18126" t="s">
        <v>10734</v>
      </c>
      <c r="H18126" t="s">
        <v>10735</v>
      </c>
      <c r="I18126" s="2">
        <v>0</v>
      </c>
      <c r="J18126" s="2">
        <v>0</v>
      </c>
      <c r="K18126" s="2">
        <v>1</v>
      </c>
      <c r="L18126" t="s">
        <v>995</v>
      </c>
      <c r="M18126" t="s">
        <v>83</v>
      </c>
      <c r="N18126" t="s">
        <v>84</v>
      </c>
      <c r="O18126" t="s">
        <v>85</v>
      </c>
      <c r="P18126" t="s">
        <v>86</v>
      </c>
      <c r="Q18126">
        <v>17</v>
      </c>
      <c r="R18126">
        <v>17</v>
      </c>
      <c r="S18126">
        <v>18</v>
      </c>
      <c r="T18126">
        <v>18</v>
      </c>
      <c r="U18126">
        <v>19</v>
      </c>
      <c r="V18126">
        <v>19</v>
      </c>
      <c r="W18126">
        <v>20</v>
      </c>
      <c r="X18126">
        <v>20</v>
      </c>
      <c r="Y18126">
        <v>21</v>
      </c>
      <c r="Z18126">
        <v>21</v>
      </c>
      <c r="AA18126">
        <v>22</v>
      </c>
      <c r="AB18126">
        <v>22</v>
      </c>
      <c r="AC18126">
        <v>23</v>
      </c>
      <c r="AD18126">
        <v>23</v>
      </c>
      <c r="AE18126">
        <v>24</v>
      </c>
      <c r="AF18126">
        <v>24</v>
      </c>
      <c r="AG18126">
        <v>25</v>
      </c>
      <c r="AH18126">
        <v>26</v>
      </c>
      <c r="AI18126">
        <v>26</v>
      </c>
      <c r="AJ18126">
        <v>27</v>
      </c>
      <c r="AK18126">
        <v>27</v>
      </c>
      <c r="AL18126">
        <v>28</v>
      </c>
      <c r="AM18126">
        <v>28</v>
      </c>
      <c r="AN18126">
        <v>29</v>
      </c>
      <c r="AO18126">
        <v>29</v>
      </c>
      <c r="AP18126">
        <v>29</v>
      </c>
      <c r="AQ18126">
        <v>30</v>
      </c>
    </row>
    <row r="18127" spans="1:43">
      <c r="A18127" t="s">
        <v>11226</v>
      </c>
      <c r="B18127" t="s">
        <v>11227</v>
      </c>
      <c r="C18127" t="s">
        <v>11212</v>
      </c>
      <c r="D18127" t="s">
        <v>11213</v>
      </c>
      <c r="E18127" t="s">
        <v>11206</v>
      </c>
      <c r="F18127" t="s">
        <v>11207</v>
      </c>
      <c r="G18127" t="s">
        <v>10734</v>
      </c>
      <c r="H18127" t="s">
        <v>10735</v>
      </c>
      <c r="I18127" s="2">
        <v>0</v>
      </c>
      <c r="J18127" s="2">
        <v>0</v>
      </c>
      <c r="K18127" s="2">
        <v>1</v>
      </c>
      <c r="L18127" t="s">
        <v>995</v>
      </c>
      <c r="M18127" t="s">
        <v>87</v>
      </c>
      <c r="N18127" t="s">
        <v>88</v>
      </c>
      <c r="O18127" t="s">
        <v>85</v>
      </c>
      <c r="P18127" t="s">
        <v>86</v>
      </c>
      <c r="Q18127">
        <v>17</v>
      </c>
      <c r="R18127">
        <v>17</v>
      </c>
      <c r="S18127">
        <v>17</v>
      </c>
      <c r="T18127">
        <v>18</v>
      </c>
      <c r="U18127">
        <v>18</v>
      </c>
      <c r="V18127">
        <v>18</v>
      </c>
      <c r="W18127">
        <v>19</v>
      </c>
      <c r="X18127">
        <v>19</v>
      </c>
      <c r="Y18127">
        <v>19</v>
      </c>
      <c r="Z18127">
        <v>20</v>
      </c>
      <c r="AA18127">
        <v>20</v>
      </c>
      <c r="AB18127">
        <v>20</v>
      </c>
      <c r="AC18127">
        <v>21</v>
      </c>
      <c r="AD18127">
        <v>21</v>
      </c>
      <c r="AE18127">
        <v>21</v>
      </c>
      <c r="AF18127">
        <v>22</v>
      </c>
      <c r="AG18127">
        <v>22</v>
      </c>
      <c r="AH18127">
        <v>22</v>
      </c>
      <c r="AI18127">
        <v>23</v>
      </c>
      <c r="AJ18127">
        <v>23</v>
      </c>
      <c r="AK18127">
        <v>23</v>
      </c>
      <c r="AL18127">
        <v>24</v>
      </c>
      <c r="AM18127">
        <v>24</v>
      </c>
      <c r="AN18127">
        <v>25</v>
      </c>
      <c r="AO18127">
        <v>25</v>
      </c>
      <c r="AP18127">
        <v>26</v>
      </c>
      <c r="AQ18127">
        <v>26</v>
      </c>
    </row>
    <row r="18128" spans="1:43">
      <c r="A18128" t="s">
        <v>11226</v>
      </c>
      <c r="B18128" t="s">
        <v>11227</v>
      </c>
      <c r="C18128" t="s">
        <v>11212</v>
      </c>
      <c r="D18128" t="s">
        <v>11213</v>
      </c>
      <c r="E18128" t="s">
        <v>11206</v>
      </c>
      <c r="F18128" t="s">
        <v>11207</v>
      </c>
      <c r="G18128" t="s">
        <v>10734</v>
      </c>
      <c r="H18128" t="s">
        <v>10735</v>
      </c>
      <c r="I18128" s="2">
        <v>0</v>
      </c>
      <c r="J18128" s="2">
        <v>0</v>
      </c>
      <c r="K18128" s="2">
        <v>1</v>
      </c>
      <c r="L18128" t="s">
        <v>995</v>
      </c>
      <c r="M18128" t="s">
        <v>89</v>
      </c>
      <c r="N18128" t="s">
        <v>90</v>
      </c>
      <c r="O18128" t="s">
        <v>85</v>
      </c>
      <c r="P18128" t="s">
        <v>86</v>
      </c>
      <c r="Q18128">
        <v>17</v>
      </c>
      <c r="R18128">
        <v>18</v>
      </c>
      <c r="S18128">
        <v>18</v>
      </c>
      <c r="T18128">
        <v>19</v>
      </c>
      <c r="U18128">
        <v>20</v>
      </c>
      <c r="V18128">
        <v>20</v>
      </c>
      <c r="W18128">
        <v>21</v>
      </c>
      <c r="X18128">
        <v>21</v>
      </c>
      <c r="Y18128">
        <v>22</v>
      </c>
      <c r="Z18128">
        <v>23</v>
      </c>
      <c r="AA18128">
        <v>23</v>
      </c>
      <c r="AB18128">
        <v>24</v>
      </c>
      <c r="AC18128">
        <v>24</v>
      </c>
      <c r="AD18128">
        <v>25</v>
      </c>
      <c r="AE18128">
        <v>26</v>
      </c>
      <c r="AF18128">
        <v>26</v>
      </c>
      <c r="AG18128">
        <v>26</v>
      </c>
      <c r="AH18128">
        <v>27</v>
      </c>
      <c r="AI18128">
        <v>27</v>
      </c>
      <c r="AJ18128">
        <v>27</v>
      </c>
      <c r="AK18128">
        <v>28</v>
      </c>
      <c r="AL18128">
        <v>28</v>
      </c>
      <c r="AM18128">
        <v>29</v>
      </c>
      <c r="AN18128">
        <v>29</v>
      </c>
      <c r="AO18128">
        <v>29</v>
      </c>
      <c r="AP18128">
        <v>30</v>
      </c>
      <c r="AQ18128">
        <v>30</v>
      </c>
    </row>
    <row r="18129" spans="1:43">
      <c r="A18129" t="s">
        <v>11226</v>
      </c>
      <c r="B18129" t="s">
        <v>11227</v>
      </c>
      <c r="C18129" t="s">
        <v>11212</v>
      </c>
      <c r="D18129" t="s">
        <v>11213</v>
      </c>
      <c r="E18129" t="s">
        <v>11206</v>
      </c>
      <c r="F18129" t="s">
        <v>11207</v>
      </c>
      <c r="G18129" t="s">
        <v>10734</v>
      </c>
      <c r="H18129" t="s">
        <v>10735</v>
      </c>
      <c r="I18129" s="2">
        <v>0</v>
      </c>
      <c r="J18129" s="2">
        <v>0</v>
      </c>
      <c r="K18129" s="2">
        <v>1</v>
      </c>
      <c r="L18129" t="s">
        <v>995</v>
      </c>
      <c r="M18129" t="s">
        <v>83</v>
      </c>
      <c r="N18129" t="s">
        <v>91</v>
      </c>
      <c r="O18129" t="s">
        <v>85</v>
      </c>
      <c r="P18129" t="s">
        <v>86</v>
      </c>
      <c r="Q18129">
        <v>17</v>
      </c>
      <c r="R18129">
        <v>17</v>
      </c>
      <c r="S18129">
        <v>18</v>
      </c>
      <c r="T18129">
        <v>18</v>
      </c>
      <c r="U18129">
        <v>19</v>
      </c>
      <c r="V18129">
        <v>19</v>
      </c>
      <c r="W18129">
        <v>20</v>
      </c>
      <c r="X18129">
        <v>20</v>
      </c>
      <c r="Y18129">
        <v>21</v>
      </c>
      <c r="Z18129">
        <v>21</v>
      </c>
      <c r="AA18129">
        <v>22</v>
      </c>
      <c r="AB18129">
        <v>22</v>
      </c>
      <c r="AC18129">
        <v>23</v>
      </c>
      <c r="AD18129">
        <v>23</v>
      </c>
      <c r="AE18129">
        <v>24</v>
      </c>
      <c r="AF18129">
        <v>24</v>
      </c>
      <c r="AG18129">
        <v>25</v>
      </c>
      <c r="AH18129">
        <v>26</v>
      </c>
      <c r="AI18129">
        <v>26</v>
      </c>
      <c r="AJ18129">
        <v>27</v>
      </c>
      <c r="AK18129">
        <v>27</v>
      </c>
      <c r="AL18129">
        <v>28</v>
      </c>
      <c r="AM18129">
        <v>28</v>
      </c>
      <c r="AN18129">
        <v>29</v>
      </c>
      <c r="AO18129">
        <v>29</v>
      </c>
      <c r="AP18129">
        <v>29</v>
      </c>
      <c r="AQ18129">
        <v>30</v>
      </c>
    </row>
    <row r="18130" spans="1:43">
      <c r="A18130" t="s">
        <v>11228</v>
      </c>
      <c r="B18130" t="s">
        <v>11229</v>
      </c>
      <c r="C18130" t="s">
        <v>11230</v>
      </c>
      <c r="D18130" t="s">
        <v>11231</v>
      </c>
      <c r="E18130" t="s">
        <v>11206</v>
      </c>
      <c r="F18130" t="s">
        <v>11207</v>
      </c>
      <c r="G18130" t="s">
        <v>10734</v>
      </c>
      <c r="H18130" t="s">
        <v>10735</v>
      </c>
      <c r="I18130" s="2">
        <v>0</v>
      </c>
      <c r="J18130" s="2">
        <v>0</v>
      </c>
      <c r="K18130" s="2">
        <v>1</v>
      </c>
      <c r="L18130" t="s">
        <v>995</v>
      </c>
      <c r="M18130" t="s">
        <v>83</v>
      </c>
      <c r="N18130" t="s">
        <v>84</v>
      </c>
      <c r="O18130" t="s">
        <v>85</v>
      </c>
      <c r="P18130" t="s">
        <v>86</v>
      </c>
      <c r="Q18130">
        <v>20</v>
      </c>
      <c r="R18130">
        <v>20</v>
      </c>
      <c r="S18130">
        <v>21</v>
      </c>
      <c r="T18130">
        <v>21</v>
      </c>
      <c r="U18130">
        <v>22</v>
      </c>
      <c r="V18130">
        <v>23</v>
      </c>
      <c r="W18130">
        <v>23</v>
      </c>
      <c r="X18130">
        <v>24</v>
      </c>
      <c r="Y18130">
        <v>24</v>
      </c>
      <c r="Z18130">
        <v>25</v>
      </c>
      <c r="AA18130">
        <v>25</v>
      </c>
      <c r="AB18130">
        <v>26</v>
      </c>
      <c r="AC18130">
        <v>27</v>
      </c>
      <c r="AD18130">
        <v>27</v>
      </c>
      <c r="AE18130">
        <v>28</v>
      </c>
      <c r="AF18130">
        <v>29</v>
      </c>
      <c r="AG18130">
        <v>29</v>
      </c>
      <c r="AH18130">
        <v>30</v>
      </c>
      <c r="AI18130">
        <v>31</v>
      </c>
      <c r="AJ18130">
        <v>31</v>
      </c>
      <c r="AK18130">
        <v>32</v>
      </c>
      <c r="AL18130">
        <v>33</v>
      </c>
      <c r="AM18130">
        <v>33</v>
      </c>
      <c r="AN18130">
        <v>33</v>
      </c>
      <c r="AO18130">
        <v>34</v>
      </c>
      <c r="AP18130">
        <v>34</v>
      </c>
      <c r="AQ18130">
        <v>35</v>
      </c>
    </row>
    <row r="18131" spans="1:43">
      <c r="A18131" t="s">
        <v>11228</v>
      </c>
      <c r="B18131" t="s">
        <v>11229</v>
      </c>
      <c r="C18131" t="s">
        <v>11230</v>
      </c>
      <c r="D18131" t="s">
        <v>11231</v>
      </c>
      <c r="E18131" t="s">
        <v>11206</v>
      </c>
      <c r="F18131" t="s">
        <v>11207</v>
      </c>
      <c r="G18131" t="s">
        <v>10734</v>
      </c>
      <c r="H18131" t="s">
        <v>10735</v>
      </c>
      <c r="I18131" s="2">
        <v>0</v>
      </c>
      <c r="J18131" s="2">
        <v>0</v>
      </c>
      <c r="K18131" s="2">
        <v>1</v>
      </c>
      <c r="L18131" t="s">
        <v>995</v>
      </c>
      <c r="M18131" t="s">
        <v>87</v>
      </c>
      <c r="N18131" t="s">
        <v>88</v>
      </c>
      <c r="O18131" t="s">
        <v>85</v>
      </c>
      <c r="P18131" t="s">
        <v>86</v>
      </c>
      <c r="Q18131">
        <v>20</v>
      </c>
      <c r="R18131">
        <v>20</v>
      </c>
      <c r="S18131">
        <v>20</v>
      </c>
      <c r="T18131">
        <v>21</v>
      </c>
      <c r="U18131">
        <v>21</v>
      </c>
      <c r="V18131">
        <v>21</v>
      </c>
      <c r="W18131">
        <v>22</v>
      </c>
      <c r="X18131">
        <v>22</v>
      </c>
      <c r="Y18131">
        <v>22</v>
      </c>
      <c r="Z18131">
        <v>23</v>
      </c>
      <c r="AA18131">
        <v>23</v>
      </c>
      <c r="AB18131">
        <v>24</v>
      </c>
      <c r="AC18131">
        <v>24</v>
      </c>
      <c r="AD18131">
        <v>24</v>
      </c>
      <c r="AE18131">
        <v>25</v>
      </c>
      <c r="AF18131">
        <v>25</v>
      </c>
      <c r="AG18131">
        <v>26</v>
      </c>
      <c r="AH18131">
        <v>26</v>
      </c>
      <c r="AI18131">
        <v>26</v>
      </c>
      <c r="AJ18131">
        <v>27</v>
      </c>
      <c r="AK18131">
        <v>27</v>
      </c>
      <c r="AL18131">
        <v>28</v>
      </c>
      <c r="AM18131">
        <v>28</v>
      </c>
      <c r="AN18131">
        <v>29</v>
      </c>
      <c r="AO18131">
        <v>29</v>
      </c>
      <c r="AP18131">
        <v>30</v>
      </c>
      <c r="AQ18131">
        <v>30</v>
      </c>
    </row>
    <row r="18132" spans="1:43">
      <c r="A18132" t="s">
        <v>11228</v>
      </c>
      <c r="B18132" t="s">
        <v>11229</v>
      </c>
      <c r="C18132" t="s">
        <v>11230</v>
      </c>
      <c r="D18132" t="s">
        <v>11231</v>
      </c>
      <c r="E18132" t="s">
        <v>11206</v>
      </c>
      <c r="F18132" t="s">
        <v>11207</v>
      </c>
      <c r="G18132" t="s">
        <v>10734</v>
      </c>
      <c r="H18132" t="s">
        <v>10735</v>
      </c>
      <c r="I18132" s="2">
        <v>0</v>
      </c>
      <c r="J18132" s="2">
        <v>0</v>
      </c>
      <c r="K18132" s="2">
        <v>1</v>
      </c>
      <c r="L18132" t="s">
        <v>995</v>
      </c>
      <c r="M18132" t="s">
        <v>89</v>
      </c>
      <c r="N18132" t="s">
        <v>90</v>
      </c>
      <c r="O18132" t="s">
        <v>85</v>
      </c>
      <c r="P18132" t="s">
        <v>86</v>
      </c>
      <c r="Q18132">
        <v>20</v>
      </c>
      <c r="R18132">
        <v>21</v>
      </c>
      <c r="S18132">
        <v>21</v>
      </c>
      <c r="T18132">
        <v>22</v>
      </c>
      <c r="U18132">
        <v>23</v>
      </c>
      <c r="V18132">
        <v>24</v>
      </c>
      <c r="W18132">
        <v>24</v>
      </c>
      <c r="X18132">
        <v>25</v>
      </c>
      <c r="Y18132">
        <v>26</v>
      </c>
      <c r="Z18132">
        <v>26</v>
      </c>
      <c r="AA18132">
        <v>27</v>
      </c>
      <c r="AB18132">
        <v>28</v>
      </c>
      <c r="AC18132">
        <v>29</v>
      </c>
      <c r="AD18132">
        <v>29</v>
      </c>
      <c r="AE18132">
        <v>30</v>
      </c>
      <c r="AF18132">
        <v>30</v>
      </c>
      <c r="AG18132">
        <v>31</v>
      </c>
      <c r="AH18132">
        <v>31</v>
      </c>
      <c r="AI18132">
        <v>32</v>
      </c>
      <c r="AJ18132">
        <v>32</v>
      </c>
      <c r="AK18132">
        <v>32</v>
      </c>
      <c r="AL18132">
        <v>33</v>
      </c>
      <c r="AM18132">
        <v>33</v>
      </c>
      <c r="AN18132">
        <v>34</v>
      </c>
      <c r="AO18132">
        <v>34</v>
      </c>
      <c r="AP18132">
        <v>35</v>
      </c>
      <c r="AQ18132">
        <v>35</v>
      </c>
    </row>
    <row r="18133" spans="1:43">
      <c r="A18133" t="s">
        <v>11228</v>
      </c>
      <c r="B18133" t="s">
        <v>11229</v>
      </c>
      <c r="C18133" t="s">
        <v>11230</v>
      </c>
      <c r="D18133" t="s">
        <v>11231</v>
      </c>
      <c r="E18133" t="s">
        <v>11206</v>
      </c>
      <c r="F18133" t="s">
        <v>11207</v>
      </c>
      <c r="G18133" t="s">
        <v>10734</v>
      </c>
      <c r="H18133" t="s">
        <v>10735</v>
      </c>
      <c r="I18133" s="2">
        <v>0</v>
      </c>
      <c r="J18133" s="2">
        <v>0</v>
      </c>
      <c r="K18133" s="2">
        <v>1</v>
      </c>
      <c r="L18133" t="s">
        <v>995</v>
      </c>
      <c r="M18133" t="s">
        <v>83</v>
      </c>
      <c r="N18133" t="s">
        <v>91</v>
      </c>
      <c r="O18133" t="s">
        <v>85</v>
      </c>
      <c r="P18133" t="s">
        <v>86</v>
      </c>
      <c r="Q18133">
        <v>20</v>
      </c>
      <c r="R18133">
        <v>20</v>
      </c>
      <c r="S18133">
        <v>21</v>
      </c>
      <c r="T18133">
        <v>21</v>
      </c>
      <c r="U18133">
        <v>22</v>
      </c>
      <c r="V18133">
        <v>23</v>
      </c>
      <c r="W18133">
        <v>23</v>
      </c>
      <c r="X18133">
        <v>24</v>
      </c>
      <c r="Y18133">
        <v>24</v>
      </c>
      <c r="Z18133">
        <v>25</v>
      </c>
      <c r="AA18133">
        <v>25</v>
      </c>
      <c r="AB18133">
        <v>26</v>
      </c>
      <c r="AC18133">
        <v>27</v>
      </c>
      <c r="AD18133">
        <v>27</v>
      </c>
      <c r="AE18133">
        <v>28</v>
      </c>
      <c r="AF18133">
        <v>29</v>
      </c>
      <c r="AG18133">
        <v>29</v>
      </c>
      <c r="AH18133">
        <v>30</v>
      </c>
      <c r="AI18133">
        <v>31</v>
      </c>
      <c r="AJ18133">
        <v>31</v>
      </c>
      <c r="AK18133">
        <v>32</v>
      </c>
      <c r="AL18133">
        <v>33</v>
      </c>
      <c r="AM18133">
        <v>33</v>
      </c>
      <c r="AN18133">
        <v>33</v>
      </c>
      <c r="AO18133">
        <v>34</v>
      </c>
      <c r="AP18133">
        <v>34</v>
      </c>
      <c r="AQ18133">
        <v>35</v>
      </c>
    </row>
    <row r="18134" spans="1:43">
      <c r="A18134" t="s">
        <v>11232</v>
      </c>
      <c r="B18134" t="s">
        <v>11233</v>
      </c>
      <c r="C18134" t="s">
        <v>11234</v>
      </c>
      <c r="D18134" t="s">
        <v>11235</v>
      </c>
      <c r="E18134" t="s">
        <v>11206</v>
      </c>
      <c r="F18134" t="s">
        <v>11207</v>
      </c>
      <c r="G18134" t="s">
        <v>10734</v>
      </c>
      <c r="H18134" t="s">
        <v>10735</v>
      </c>
      <c r="I18134" s="2">
        <v>0</v>
      </c>
      <c r="J18134" s="2">
        <v>0</v>
      </c>
      <c r="K18134" s="2">
        <v>1</v>
      </c>
      <c r="L18134" t="s">
        <v>995</v>
      </c>
      <c r="M18134" t="s">
        <v>83</v>
      </c>
      <c r="N18134" t="s">
        <v>84</v>
      </c>
      <c r="O18134" t="s">
        <v>85</v>
      </c>
      <c r="P18134" t="s">
        <v>86</v>
      </c>
      <c r="Q18134">
        <v>13</v>
      </c>
      <c r="R18134">
        <v>13</v>
      </c>
      <c r="S18134">
        <v>14</v>
      </c>
      <c r="T18134">
        <v>14</v>
      </c>
      <c r="U18134">
        <v>14</v>
      </c>
      <c r="V18134">
        <v>15</v>
      </c>
      <c r="W18134">
        <v>15</v>
      </c>
      <c r="X18134">
        <v>15</v>
      </c>
      <c r="Y18134">
        <v>16</v>
      </c>
      <c r="Z18134">
        <v>16</v>
      </c>
      <c r="AA18134">
        <v>17</v>
      </c>
      <c r="AB18134">
        <v>17</v>
      </c>
      <c r="AC18134">
        <v>17</v>
      </c>
      <c r="AD18134">
        <v>18</v>
      </c>
      <c r="AE18134">
        <v>18</v>
      </c>
      <c r="AF18134">
        <v>19</v>
      </c>
      <c r="AG18134">
        <v>19</v>
      </c>
      <c r="AH18134">
        <v>20</v>
      </c>
      <c r="AI18134">
        <v>20</v>
      </c>
      <c r="AJ18134">
        <v>20</v>
      </c>
      <c r="AK18134">
        <v>21</v>
      </c>
      <c r="AL18134">
        <v>21</v>
      </c>
      <c r="AM18134">
        <v>22</v>
      </c>
      <c r="AN18134">
        <v>22</v>
      </c>
      <c r="AO18134">
        <v>22</v>
      </c>
      <c r="AP18134">
        <v>22</v>
      </c>
      <c r="AQ18134">
        <v>23</v>
      </c>
    </row>
    <row r="18135" spans="1:43">
      <c r="A18135" t="s">
        <v>11232</v>
      </c>
      <c r="B18135" t="s">
        <v>11233</v>
      </c>
      <c r="C18135" t="s">
        <v>11234</v>
      </c>
      <c r="D18135" t="s">
        <v>11235</v>
      </c>
      <c r="E18135" t="s">
        <v>11206</v>
      </c>
      <c r="F18135" t="s">
        <v>11207</v>
      </c>
      <c r="G18135" t="s">
        <v>10734</v>
      </c>
      <c r="H18135" t="s">
        <v>10735</v>
      </c>
      <c r="I18135" s="2">
        <v>0</v>
      </c>
      <c r="J18135" s="2">
        <v>0</v>
      </c>
      <c r="K18135" s="2">
        <v>1</v>
      </c>
      <c r="L18135" t="s">
        <v>995</v>
      </c>
      <c r="M18135" t="s">
        <v>87</v>
      </c>
      <c r="N18135" t="s">
        <v>88</v>
      </c>
      <c r="O18135" t="s">
        <v>85</v>
      </c>
      <c r="P18135" t="s">
        <v>86</v>
      </c>
      <c r="Q18135">
        <v>13</v>
      </c>
      <c r="R18135">
        <v>13</v>
      </c>
      <c r="S18135">
        <v>13</v>
      </c>
      <c r="T18135">
        <v>14</v>
      </c>
      <c r="U18135">
        <v>14</v>
      </c>
      <c r="V18135">
        <v>14</v>
      </c>
      <c r="W18135">
        <v>14</v>
      </c>
      <c r="X18135">
        <v>14</v>
      </c>
      <c r="Y18135">
        <v>15</v>
      </c>
      <c r="Z18135">
        <v>15</v>
      </c>
      <c r="AA18135">
        <v>15</v>
      </c>
      <c r="AB18135">
        <v>15</v>
      </c>
      <c r="AC18135">
        <v>16</v>
      </c>
      <c r="AD18135">
        <v>16</v>
      </c>
      <c r="AE18135">
        <v>16</v>
      </c>
      <c r="AF18135">
        <v>16</v>
      </c>
      <c r="AG18135">
        <v>17</v>
      </c>
      <c r="AH18135">
        <v>17</v>
      </c>
      <c r="AI18135">
        <v>17</v>
      </c>
      <c r="AJ18135">
        <v>18</v>
      </c>
      <c r="AK18135">
        <v>18</v>
      </c>
      <c r="AL18135">
        <v>18</v>
      </c>
      <c r="AM18135">
        <v>19</v>
      </c>
      <c r="AN18135">
        <v>19</v>
      </c>
      <c r="AO18135">
        <v>19</v>
      </c>
      <c r="AP18135">
        <v>19</v>
      </c>
      <c r="AQ18135">
        <v>20</v>
      </c>
    </row>
    <row r="18136" spans="1:43">
      <c r="A18136" t="s">
        <v>11232</v>
      </c>
      <c r="B18136" t="s">
        <v>11233</v>
      </c>
      <c r="C18136" t="s">
        <v>11234</v>
      </c>
      <c r="D18136" t="s">
        <v>11235</v>
      </c>
      <c r="E18136" t="s">
        <v>11206</v>
      </c>
      <c r="F18136" t="s">
        <v>11207</v>
      </c>
      <c r="G18136" t="s">
        <v>10734</v>
      </c>
      <c r="H18136" t="s">
        <v>10735</v>
      </c>
      <c r="I18136" s="2">
        <v>0</v>
      </c>
      <c r="J18136" s="2">
        <v>0</v>
      </c>
      <c r="K18136" s="2">
        <v>1</v>
      </c>
      <c r="L18136" t="s">
        <v>995</v>
      </c>
      <c r="M18136" t="s">
        <v>89</v>
      </c>
      <c r="N18136" t="s">
        <v>90</v>
      </c>
      <c r="O18136" t="s">
        <v>85</v>
      </c>
      <c r="P18136" t="s">
        <v>86</v>
      </c>
      <c r="Q18136">
        <v>13</v>
      </c>
      <c r="R18136">
        <v>14</v>
      </c>
      <c r="S18136">
        <v>14</v>
      </c>
      <c r="T18136">
        <v>14</v>
      </c>
      <c r="U18136">
        <v>15</v>
      </c>
      <c r="V18136">
        <v>15</v>
      </c>
      <c r="W18136">
        <v>16</v>
      </c>
      <c r="X18136">
        <v>16</v>
      </c>
      <c r="Y18136">
        <v>17</v>
      </c>
      <c r="Z18136">
        <v>17</v>
      </c>
      <c r="AA18136">
        <v>18</v>
      </c>
      <c r="AB18136">
        <v>18</v>
      </c>
      <c r="AC18136">
        <v>19</v>
      </c>
      <c r="AD18136">
        <v>19</v>
      </c>
      <c r="AE18136">
        <v>20</v>
      </c>
      <c r="AF18136">
        <v>20</v>
      </c>
      <c r="AG18136">
        <v>20</v>
      </c>
      <c r="AH18136">
        <v>20</v>
      </c>
      <c r="AI18136">
        <v>21</v>
      </c>
      <c r="AJ18136">
        <v>21</v>
      </c>
      <c r="AK18136">
        <v>21</v>
      </c>
      <c r="AL18136">
        <v>21</v>
      </c>
      <c r="AM18136">
        <v>22</v>
      </c>
      <c r="AN18136">
        <v>22</v>
      </c>
      <c r="AO18136">
        <v>22</v>
      </c>
      <c r="AP18136">
        <v>23</v>
      </c>
      <c r="AQ18136">
        <v>23</v>
      </c>
    </row>
    <row r="18137" spans="1:43">
      <c r="A18137" t="s">
        <v>11232</v>
      </c>
      <c r="B18137" t="s">
        <v>11233</v>
      </c>
      <c r="C18137" t="s">
        <v>11234</v>
      </c>
      <c r="D18137" t="s">
        <v>11235</v>
      </c>
      <c r="E18137" t="s">
        <v>11206</v>
      </c>
      <c r="F18137" t="s">
        <v>11207</v>
      </c>
      <c r="G18137" t="s">
        <v>10734</v>
      </c>
      <c r="H18137" t="s">
        <v>10735</v>
      </c>
      <c r="I18137" s="2">
        <v>0</v>
      </c>
      <c r="J18137" s="2">
        <v>0</v>
      </c>
      <c r="K18137" s="2">
        <v>1</v>
      </c>
      <c r="L18137" t="s">
        <v>995</v>
      </c>
      <c r="M18137" t="s">
        <v>83</v>
      </c>
      <c r="N18137" t="s">
        <v>91</v>
      </c>
      <c r="O18137" t="s">
        <v>85</v>
      </c>
      <c r="P18137" t="s">
        <v>86</v>
      </c>
      <c r="Q18137">
        <v>13</v>
      </c>
      <c r="R18137">
        <v>13</v>
      </c>
      <c r="S18137">
        <v>14</v>
      </c>
      <c r="T18137">
        <v>14</v>
      </c>
      <c r="U18137">
        <v>14</v>
      </c>
      <c r="V18137">
        <v>15</v>
      </c>
      <c r="W18137">
        <v>15</v>
      </c>
      <c r="X18137">
        <v>15</v>
      </c>
      <c r="Y18137">
        <v>16</v>
      </c>
      <c r="Z18137">
        <v>16</v>
      </c>
      <c r="AA18137">
        <v>17</v>
      </c>
      <c r="AB18137">
        <v>17</v>
      </c>
      <c r="AC18137">
        <v>17</v>
      </c>
      <c r="AD18137">
        <v>18</v>
      </c>
      <c r="AE18137">
        <v>18</v>
      </c>
      <c r="AF18137">
        <v>19</v>
      </c>
      <c r="AG18137">
        <v>19</v>
      </c>
      <c r="AH18137">
        <v>20</v>
      </c>
      <c r="AI18137">
        <v>20</v>
      </c>
      <c r="AJ18137">
        <v>20</v>
      </c>
      <c r="AK18137">
        <v>21</v>
      </c>
      <c r="AL18137">
        <v>21</v>
      </c>
      <c r="AM18137">
        <v>22</v>
      </c>
      <c r="AN18137">
        <v>22</v>
      </c>
      <c r="AO18137">
        <v>22</v>
      </c>
      <c r="AP18137">
        <v>22</v>
      </c>
      <c r="AQ18137">
        <v>23</v>
      </c>
    </row>
    <row r="18138" spans="1:43">
      <c r="A18138" t="s">
        <v>11236</v>
      </c>
      <c r="B18138" t="s">
        <v>11237</v>
      </c>
      <c r="C18138" t="s">
        <v>11234</v>
      </c>
      <c r="D18138" t="s">
        <v>11235</v>
      </c>
      <c r="E18138" t="s">
        <v>11206</v>
      </c>
      <c r="F18138" t="s">
        <v>11207</v>
      </c>
      <c r="G18138" t="s">
        <v>10734</v>
      </c>
      <c r="H18138" t="s">
        <v>10735</v>
      </c>
      <c r="I18138" s="2">
        <v>0</v>
      </c>
      <c r="J18138" s="2">
        <v>0</v>
      </c>
      <c r="K18138" s="2">
        <v>1</v>
      </c>
      <c r="L18138" t="s">
        <v>995</v>
      </c>
      <c r="M18138" t="s">
        <v>83</v>
      </c>
      <c r="N18138" t="s">
        <v>84</v>
      </c>
      <c r="O18138" t="s">
        <v>85</v>
      </c>
      <c r="P18138" t="s">
        <v>86</v>
      </c>
      <c r="Q18138">
        <v>6</v>
      </c>
      <c r="R18138">
        <v>6</v>
      </c>
      <c r="S18138">
        <v>6</v>
      </c>
      <c r="T18138">
        <v>6</v>
      </c>
      <c r="U18138">
        <v>7</v>
      </c>
      <c r="V18138">
        <v>7</v>
      </c>
      <c r="W18138">
        <v>7</v>
      </c>
      <c r="X18138">
        <v>7</v>
      </c>
      <c r="Y18138">
        <v>7</v>
      </c>
      <c r="Z18138">
        <v>7</v>
      </c>
      <c r="AA18138">
        <v>8</v>
      </c>
      <c r="AB18138">
        <v>8</v>
      </c>
      <c r="AC18138">
        <v>8</v>
      </c>
      <c r="AD18138">
        <v>8</v>
      </c>
      <c r="AE18138">
        <v>8</v>
      </c>
      <c r="AF18138">
        <v>8</v>
      </c>
      <c r="AG18138">
        <v>9</v>
      </c>
      <c r="AH18138">
        <v>9</v>
      </c>
      <c r="AI18138">
        <v>9</v>
      </c>
      <c r="AJ18138">
        <v>9</v>
      </c>
      <c r="AK18138">
        <v>10</v>
      </c>
      <c r="AL18138">
        <v>10</v>
      </c>
      <c r="AM18138">
        <v>10</v>
      </c>
      <c r="AN18138">
        <v>10</v>
      </c>
      <c r="AO18138">
        <v>10</v>
      </c>
      <c r="AP18138">
        <v>10</v>
      </c>
      <c r="AQ18138">
        <v>10</v>
      </c>
    </row>
    <row r="18139" spans="1:43">
      <c r="A18139" t="s">
        <v>11236</v>
      </c>
      <c r="B18139" t="s">
        <v>11237</v>
      </c>
      <c r="C18139" t="s">
        <v>11234</v>
      </c>
      <c r="D18139" t="s">
        <v>11235</v>
      </c>
      <c r="E18139" t="s">
        <v>11206</v>
      </c>
      <c r="F18139" t="s">
        <v>11207</v>
      </c>
      <c r="G18139" t="s">
        <v>10734</v>
      </c>
      <c r="H18139" t="s">
        <v>10735</v>
      </c>
      <c r="I18139" s="2">
        <v>0</v>
      </c>
      <c r="J18139" s="2">
        <v>0</v>
      </c>
      <c r="K18139" s="2">
        <v>1</v>
      </c>
      <c r="L18139" t="s">
        <v>995</v>
      </c>
      <c r="M18139" t="s">
        <v>87</v>
      </c>
      <c r="N18139" t="s">
        <v>88</v>
      </c>
      <c r="O18139" t="s">
        <v>85</v>
      </c>
      <c r="P18139" t="s">
        <v>86</v>
      </c>
      <c r="Q18139">
        <v>6</v>
      </c>
      <c r="R18139">
        <v>6</v>
      </c>
      <c r="S18139">
        <v>6</v>
      </c>
      <c r="T18139">
        <v>6</v>
      </c>
      <c r="U18139">
        <v>6</v>
      </c>
      <c r="V18139">
        <v>6</v>
      </c>
      <c r="W18139">
        <v>6</v>
      </c>
      <c r="X18139">
        <v>7</v>
      </c>
      <c r="Y18139">
        <v>7</v>
      </c>
      <c r="Z18139">
        <v>7</v>
      </c>
      <c r="AA18139">
        <v>7</v>
      </c>
      <c r="AB18139">
        <v>7</v>
      </c>
      <c r="AC18139">
        <v>7</v>
      </c>
      <c r="AD18139">
        <v>7</v>
      </c>
      <c r="AE18139">
        <v>7</v>
      </c>
      <c r="AF18139">
        <v>7</v>
      </c>
      <c r="AG18139">
        <v>8</v>
      </c>
      <c r="AH18139">
        <v>8</v>
      </c>
      <c r="AI18139">
        <v>8</v>
      </c>
      <c r="AJ18139">
        <v>8</v>
      </c>
      <c r="AK18139">
        <v>8</v>
      </c>
      <c r="AL18139">
        <v>8</v>
      </c>
      <c r="AM18139">
        <v>8</v>
      </c>
      <c r="AN18139">
        <v>9</v>
      </c>
      <c r="AO18139">
        <v>9</v>
      </c>
      <c r="AP18139">
        <v>9</v>
      </c>
      <c r="AQ18139">
        <v>9</v>
      </c>
    </row>
    <row r="18140" spans="1:43">
      <c r="A18140" t="s">
        <v>11236</v>
      </c>
      <c r="B18140" t="s">
        <v>11237</v>
      </c>
      <c r="C18140" t="s">
        <v>11234</v>
      </c>
      <c r="D18140" t="s">
        <v>11235</v>
      </c>
      <c r="E18140" t="s">
        <v>11206</v>
      </c>
      <c r="F18140" t="s">
        <v>11207</v>
      </c>
      <c r="G18140" t="s">
        <v>10734</v>
      </c>
      <c r="H18140" t="s">
        <v>10735</v>
      </c>
      <c r="I18140" s="2">
        <v>0</v>
      </c>
      <c r="J18140" s="2">
        <v>0</v>
      </c>
      <c r="K18140" s="2">
        <v>1</v>
      </c>
      <c r="L18140" t="s">
        <v>995</v>
      </c>
      <c r="M18140" t="s">
        <v>89</v>
      </c>
      <c r="N18140" t="s">
        <v>90</v>
      </c>
      <c r="O18140" t="s">
        <v>85</v>
      </c>
      <c r="P18140" t="s">
        <v>86</v>
      </c>
      <c r="Q18140">
        <v>6</v>
      </c>
      <c r="R18140">
        <v>6</v>
      </c>
      <c r="S18140">
        <v>6</v>
      </c>
      <c r="T18140">
        <v>7</v>
      </c>
      <c r="U18140">
        <v>7</v>
      </c>
      <c r="V18140">
        <v>7</v>
      </c>
      <c r="W18140">
        <v>7</v>
      </c>
      <c r="X18140">
        <v>7</v>
      </c>
      <c r="Y18140">
        <v>8</v>
      </c>
      <c r="Z18140">
        <v>8</v>
      </c>
      <c r="AA18140">
        <v>8</v>
      </c>
      <c r="AB18140">
        <v>8</v>
      </c>
      <c r="AC18140">
        <v>8</v>
      </c>
      <c r="AD18140">
        <v>9</v>
      </c>
      <c r="AE18140">
        <v>9</v>
      </c>
      <c r="AF18140">
        <v>9</v>
      </c>
      <c r="AG18140">
        <v>9</v>
      </c>
      <c r="AH18140">
        <v>9</v>
      </c>
      <c r="AI18140">
        <v>9</v>
      </c>
      <c r="AJ18140">
        <v>10</v>
      </c>
      <c r="AK18140">
        <v>10</v>
      </c>
      <c r="AL18140">
        <v>10</v>
      </c>
      <c r="AM18140">
        <v>10</v>
      </c>
      <c r="AN18140">
        <v>10</v>
      </c>
      <c r="AO18140">
        <v>10</v>
      </c>
      <c r="AP18140">
        <v>10</v>
      </c>
      <c r="AQ18140">
        <v>10</v>
      </c>
    </row>
    <row r="18141" spans="1:43">
      <c r="A18141" t="s">
        <v>11236</v>
      </c>
      <c r="B18141" t="s">
        <v>11237</v>
      </c>
      <c r="C18141" t="s">
        <v>11234</v>
      </c>
      <c r="D18141" t="s">
        <v>11235</v>
      </c>
      <c r="E18141" t="s">
        <v>11206</v>
      </c>
      <c r="F18141" t="s">
        <v>11207</v>
      </c>
      <c r="G18141" t="s">
        <v>10734</v>
      </c>
      <c r="H18141" t="s">
        <v>10735</v>
      </c>
      <c r="I18141" s="2">
        <v>0</v>
      </c>
      <c r="J18141" s="2">
        <v>0</v>
      </c>
      <c r="K18141" s="2">
        <v>1</v>
      </c>
      <c r="L18141" t="s">
        <v>995</v>
      </c>
      <c r="M18141" t="s">
        <v>83</v>
      </c>
      <c r="N18141" t="s">
        <v>91</v>
      </c>
      <c r="O18141" t="s">
        <v>85</v>
      </c>
      <c r="P18141" t="s">
        <v>86</v>
      </c>
      <c r="Q18141">
        <v>6</v>
      </c>
      <c r="R18141">
        <v>6</v>
      </c>
      <c r="S18141">
        <v>6</v>
      </c>
      <c r="T18141">
        <v>6</v>
      </c>
      <c r="U18141">
        <v>7</v>
      </c>
      <c r="V18141">
        <v>7</v>
      </c>
      <c r="W18141">
        <v>7</v>
      </c>
      <c r="X18141">
        <v>7</v>
      </c>
      <c r="Y18141">
        <v>7</v>
      </c>
      <c r="Z18141">
        <v>7</v>
      </c>
      <c r="AA18141">
        <v>8</v>
      </c>
      <c r="AB18141">
        <v>8</v>
      </c>
      <c r="AC18141">
        <v>8</v>
      </c>
      <c r="AD18141">
        <v>8</v>
      </c>
      <c r="AE18141">
        <v>8</v>
      </c>
      <c r="AF18141">
        <v>8</v>
      </c>
      <c r="AG18141">
        <v>9</v>
      </c>
      <c r="AH18141">
        <v>9</v>
      </c>
      <c r="AI18141">
        <v>9</v>
      </c>
      <c r="AJ18141">
        <v>9</v>
      </c>
      <c r="AK18141">
        <v>10</v>
      </c>
      <c r="AL18141">
        <v>10</v>
      </c>
      <c r="AM18141">
        <v>10</v>
      </c>
      <c r="AN18141">
        <v>10</v>
      </c>
      <c r="AO18141">
        <v>10</v>
      </c>
      <c r="AP18141">
        <v>10</v>
      </c>
      <c r="AQ18141">
        <v>10</v>
      </c>
    </row>
    <row r="18142" spans="1:43">
      <c r="A18142" t="s">
        <v>11238</v>
      </c>
      <c r="B18142" t="s">
        <v>11239</v>
      </c>
      <c r="C18142" t="s">
        <v>11234</v>
      </c>
      <c r="D18142" t="s">
        <v>11235</v>
      </c>
      <c r="E18142" t="s">
        <v>11206</v>
      </c>
      <c r="F18142" t="s">
        <v>11207</v>
      </c>
      <c r="G18142" t="s">
        <v>10734</v>
      </c>
      <c r="H18142" t="s">
        <v>10735</v>
      </c>
      <c r="I18142" s="2">
        <v>0</v>
      </c>
      <c r="J18142" s="2">
        <v>0</v>
      </c>
      <c r="K18142" s="2">
        <v>1</v>
      </c>
      <c r="L18142" t="s">
        <v>995</v>
      </c>
      <c r="M18142" t="s">
        <v>83</v>
      </c>
      <c r="N18142" t="s">
        <v>84</v>
      </c>
      <c r="O18142" t="s">
        <v>85</v>
      </c>
      <c r="P18142" t="s">
        <v>86</v>
      </c>
      <c r="Q18142">
        <v>35</v>
      </c>
      <c r="R18142">
        <v>36</v>
      </c>
      <c r="S18142">
        <v>37</v>
      </c>
      <c r="T18142">
        <v>38</v>
      </c>
      <c r="U18142">
        <v>39</v>
      </c>
      <c r="V18142">
        <v>39</v>
      </c>
      <c r="W18142">
        <v>40</v>
      </c>
      <c r="X18142">
        <v>41</v>
      </c>
      <c r="Y18142">
        <v>42</v>
      </c>
      <c r="Z18142">
        <v>44</v>
      </c>
      <c r="AA18142">
        <v>45</v>
      </c>
      <c r="AB18142">
        <v>46</v>
      </c>
      <c r="AC18142">
        <v>47</v>
      </c>
      <c r="AD18142">
        <v>48</v>
      </c>
      <c r="AE18142">
        <v>49</v>
      </c>
      <c r="AF18142">
        <v>50</v>
      </c>
      <c r="AG18142">
        <v>51</v>
      </c>
      <c r="AH18142">
        <v>52</v>
      </c>
      <c r="AI18142">
        <v>54</v>
      </c>
      <c r="AJ18142">
        <v>55</v>
      </c>
      <c r="AK18142">
        <v>56</v>
      </c>
      <c r="AL18142">
        <v>57</v>
      </c>
      <c r="AM18142">
        <v>58</v>
      </c>
      <c r="AN18142">
        <v>59</v>
      </c>
      <c r="AO18142">
        <v>60</v>
      </c>
      <c r="AP18142">
        <v>60</v>
      </c>
      <c r="AQ18142">
        <v>61</v>
      </c>
    </row>
    <row r="18143" spans="1:43">
      <c r="A18143" t="s">
        <v>11238</v>
      </c>
      <c r="B18143" t="s">
        <v>11239</v>
      </c>
      <c r="C18143" t="s">
        <v>11234</v>
      </c>
      <c r="D18143" t="s">
        <v>11235</v>
      </c>
      <c r="E18143" t="s">
        <v>11206</v>
      </c>
      <c r="F18143" t="s">
        <v>11207</v>
      </c>
      <c r="G18143" t="s">
        <v>10734</v>
      </c>
      <c r="H18143" t="s">
        <v>10735</v>
      </c>
      <c r="I18143" s="2">
        <v>0</v>
      </c>
      <c r="J18143" s="2">
        <v>0</v>
      </c>
      <c r="K18143" s="2">
        <v>1</v>
      </c>
      <c r="L18143" t="s">
        <v>995</v>
      </c>
      <c r="M18143" t="s">
        <v>87</v>
      </c>
      <c r="N18143" t="s">
        <v>88</v>
      </c>
      <c r="O18143" t="s">
        <v>85</v>
      </c>
      <c r="P18143" t="s">
        <v>86</v>
      </c>
      <c r="Q18143">
        <v>35</v>
      </c>
      <c r="R18143">
        <v>36</v>
      </c>
      <c r="S18143">
        <v>37</v>
      </c>
      <c r="T18143">
        <v>37</v>
      </c>
      <c r="U18143">
        <v>38</v>
      </c>
      <c r="V18143">
        <v>38</v>
      </c>
      <c r="W18143">
        <v>39</v>
      </c>
      <c r="X18143">
        <v>40</v>
      </c>
      <c r="Y18143">
        <v>40</v>
      </c>
      <c r="Z18143">
        <v>41</v>
      </c>
      <c r="AA18143">
        <v>42</v>
      </c>
      <c r="AB18143">
        <v>42</v>
      </c>
      <c r="AC18143">
        <v>43</v>
      </c>
      <c r="AD18143">
        <v>44</v>
      </c>
      <c r="AE18143">
        <v>44</v>
      </c>
      <c r="AF18143">
        <v>45</v>
      </c>
      <c r="AG18143">
        <v>46</v>
      </c>
      <c r="AH18143">
        <v>47</v>
      </c>
      <c r="AI18143">
        <v>47</v>
      </c>
      <c r="AJ18143">
        <v>48</v>
      </c>
      <c r="AK18143">
        <v>49</v>
      </c>
      <c r="AL18143">
        <v>50</v>
      </c>
      <c r="AM18143">
        <v>51</v>
      </c>
      <c r="AN18143">
        <v>52</v>
      </c>
      <c r="AO18143">
        <v>52</v>
      </c>
      <c r="AP18143">
        <v>53</v>
      </c>
      <c r="AQ18143">
        <v>54</v>
      </c>
    </row>
    <row r="18144" spans="1:43">
      <c r="A18144" t="s">
        <v>11238</v>
      </c>
      <c r="B18144" t="s">
        <v>11239</v>
      </c>
      <c r="C18144" t="s">
        <v>11234</v>
      </c>
      <c r="D18144" t="s">
        <v>11235</v>
      </c>
      <c r="E18144" t="s">
        <v>11206</v>
      </c>
      <c r="F18144" t="s">
        <v>11207</v>
      </c>
      <c r="G18144" t="s">
        <v>10734</v>
      </c>
      <c r="H18144" t="s">
        <v>10735</v>
      </c>
      <c r="I18144" s="2">
        <v>0</v>
      </c>
      <c r="J18144" s="2">
        <v>0</v>
      </c>
      <c r="K18144" s="2">
        <v>1</v>
      </c>
      <c r="L18144" t="s">
        <v>995</v>
      </c>
      <c r="M18144" t="s">
        <v>89</v>
      </c>
      <c r="N18144" t="s">
        <v>90</v>
      </c>
      <c r="O18144" t="s">
        <v>85</v>
      </c>
      <c r="P18144" t="s">
        <v>86</v>
      </c>
      <c r="Q18144">
        <v>35</v>
      </c>
      <c r="R18144">
        <v>36</v>
      </c>
      <c r="S18144">
        <v>38</v>
      </c>
      <c r="T18144">
        <v>39</v>
      </c>
      <c r="U18144">
        <v>40</v>
      </c>
      <c r="V18144">
        <v>41</v>
      </c>
      <c r="W18144">
        <v>43</v>
      </c>
      <c r="X18144">
        <v>44</v>
      </c>
      <c r="Y18144">
        <v>45</v>
      </c>
      <c r="Z18144">
        <v>46</v>
      </c>
      <c r="AA18144">
        <v>47</v>
      </c>
      <c r="AB18144">
        <v>49</v>
      </c>
      <c r="AC18144">
        <v>50</v>
      </c>
      <c r="AD18144">
        <v>51</v>
      </c>
      <c r="AE18144">
        <v>52</v>
      </c>
      <c r="AF18144">
        <v>53</v>
      </c>
      <c r="AG18144">
        <v>54</v>
      </c>
      <c r="AH18144">
        <v>55</v>
      </c>
      <c r="AI18144">
        <v>55</v>
      </c>
      <c r="AJ18144">
        <v>56</v>
      </c>
      <c r="AK18144">
        <v>57</v>
      </c>
      <c r="AL18144">
        <v>58</v>
      </c>
      <c r="AM18144">
        <v>58</v>
      </c>
      <c r="AN18144">
        <v>59</v>
      </c>
      <c r="AO18144">
        <v>60</v>
      </c>
      <c r="AP18144">
        <v>61</v>
      </c>
      <c r="AQ18144">
        <v>61</v>
      </c>
    </row>
    <row r="18145" spans="1:43">
      <c r="A18145" t="s">
        <v>11238</v>
      </c>
      <c r="B18145" t="s">
        <v>11239</v>
      </c>
      <c r="C18145" t="s">
        <v>11234</v>
      </c>
      <c r="D18145" t="s">
        <v>11235</v>
      </c>
      <c r="E18145" t="s">
        <v>11206</v>
      </c>
      <c r="F18145" t="s">
        <v>11207</v>
      </c>
      <c r="G18145" t="s">
        <v>10734</v>
      </c>
      <c r="H18145" t="s">
        <v>10735</v>
      </c>
      <c r="I18145" s="2">
        <v>0</v>
      </c>
      <c r="J18145" s="2">
        <v>0</v>
      </c>
      <c r="K18145" s="2">
        <v>1</v>
      </c>
      <c r="L18145" t="s">
        <v>995</v>
      </c>
      <c r="M18145" t="s">
        <v>83</v>
      </c>
      <c r="N18145" t="s">
        <v>91</v>
      </c>
      <c r="O18145" t="s">
        <v>85</v>
      </c>
      <c r="P18145" t="s">
        <v>86</v>
      </c>
      <c r="Q18145">
        <v>35</v>
      </c>
      <c r="R18145">
        <v>36</v>
      </c>
      <c r="S18145">
        <v>37</v>
      </c>
      <c r="T18145">
        <v>38</v>
      </c>
      <c r="U18145">
        <v>39</v>
      </c>
      <c r="V18145">
        <v>39</v>
      </c>
      <c r="W18145">
        <v>40</v>
      </c>
      <c r="X18145">
        <v>41</v>
      </c>
      <c r="Y18145">
        <v>42</v>
      </c>
      <c r="Z18145">
        <v>44</v>
      </c>
      <c r="AA18145">
        <v>45</v>
      </c>
      <c r="AB18145">
        <v>46</v>
      </c>
      <c r="AC18145">
        <v>47</v>
      </c>
      <c r="AD18145">
        <v>48</v>
      </c>
      <c r="AE18145">
        <v>49</v>
      </c>
      <c r="AF18145">
        <v>50</v>
      </c>
      <c r="AG18145">
        <v>51</v>
      </c>
      <c r="AH18145">
        <v>52</v>
      </c>
      <c r="AI18145">
        <v>54</v>
      </c>
      <c r="AJ18145">
        <v>55</v>
      </c>
      <c r="AK18145">
        <v>56</v>
      </c>
      <c r="AL18145">
        <v>57</v>
      </c>
      <c r="AM18145">
        <v>58</v>
      </c>
      <c r="AN18145">
        <v>59</v>
      </c>
      <c r="AO18145">
        <v>60</v>
      </c>
      <c r="AP18145">
        <v>60</v>
      </c>
      <c r="AQ18145">
        <v>61</v>
      </c>
    </row>
    <row r="18146" spans="1:43">
      <c r="A18146" t="s">
        <v>11240</v>
      </c>
      <c r="B18146" t="s">
        <v>11241</v>
      </c>
      <c r="C18146" t="s">
        <v>11234</v>
      </c>
      <c r="D18146" t="s">
        <v>11235</v>
      </c>
      <c r="E18146" t="s">
        <v>11206</v>
      </c>
      <c r="F18146" t="s">
        <v>11207</v>
      </c>
      <c r="G18146" t="s">
        <v>10734</v>
      </c>
      <c r="H18146" t="s">
        <v>10735</v>
      </c>
      <c r="I18146" s="2">
        <v>0</v>
      </c>
      <c r="J18146" s="2">
        <v>0</v>
      </c>
      <c r="K18146" s="2">
        <v>1</v>
      </c>
      <c r="L18146" t="s">
        <v>995</v>
      </c>
      <c r="M18146" t="s">
        <v>83</v>
      </c>
      <c r="N18146" t="s">
        <v>84</v>
      </c>
      <c r="O18146" t="s">
        <v>85</v>
      </c>
      <c r="P18146" t="s">
        <v>86</v>
      </c>
      <c r="Q18146">
        <v>16</v>
      </c>
      <c r="R18146">
        <v>16</v>
      </c>
      <c r="S18146">
        <v>17</v>
      </c>
      <c r="T18146">
        <v>17</v>
      </c>
      <c r="U18146">
        <v>18</v>
      </c>
      <c r="V18146">
        <v>18</v>
      </c>
      <c r="W18146">
        <v>18</v>
      </c>
      <c r="X18146">
        <v>19</v>
      </c>
      <c r="Y18146">
        <v>19</v>
      </c>
      <c r="Z18146">
        <v>20</v>
      </c>
      <c r="AA18146">
        <v>20</v>
      </c>
      <c r="AB18146">
        <v>21</v>
      </c>
      <c r="AC18146">
        <v>21</v>
      </c>
      <c r="AD18146">
        <v>22</v>
      </c>
      <c r="AE18146">
        <v>22</v>
      </c>
      <c r="AF18146">
        <v>23</v>
      </c>
      <c r="AG18146">
        <v>23</v>
      </c>
      <c r="AH18146">
        <v>24</v>
      </c>
      <c r="AI18146">
        <v>24</v>
      </c>
      <c r="AJ18146">
        <v>25</v>
      </c>
      <c r="AK18146">
        <v>26</v>
      </c>
      <c r="AL18146">
        <v>26</v>
      </c>
      <c r="AM18146">
        <v>26</v>
      </c>
      <c r="AN18146">
        <v>27</v>
      </c>
      <c r="AO18146">
        <v>27</v>
      </c>
      <c r="AP18146">
        <v>27</v>
      </c>
      <c r="AQ18146">
        <v>28</v>
      </c>
    </row>
    <row r="18147" spans="1:43">
      <c r="A18147" t="s">
        <v>11240</v>
      </c>
      <c r="B18147" t="s">
        <v>11241</v>
      </c>
      <c r="C18147" t="s">
        <v>11234</v>
      </c>
      <c r="D18147" t="s">
        <v>11235</v>
      </c>
      <c r="E18147" t="s">
        <v>11206</v>
      </c>
      <c r="F18147" t="s">
        <v>11207</v>
      </c>
      <c r="G18147" t="s">
        <v>10734</v>
      </c>
      <c r="H18147" t="s">
        <v>10735</v>
      </c>
      <c r="I18147" s="2">
        <v>0</v>
      </c>
      <c r="J18147" s="2">
        <v>0</v>
      </c>
      <c r="K18147" s="2">
        <v>1</v>
      </c>
      <c r="L18147" t="s">
        <v>995</v>
      </c>
      <c r="M18147" t="s">
        <v>87</v>
      </c>
      <c r="N18147" t="s">
        <v>88</v>
      </c>
      <c r="O18147" t="s">
        <v>85</v>
      </c>
      <c r="P18147" t="s">
        <v>86</v>
      </c>
      <c r="Q18147">
        <v>16</v>
      </c>
      <c r="R18147">
        <v>16</v>
      </c>
      <c r="S18147">
        <v>16</v>
      </c>
      <c r="T18147">
        <v>17</v>
      </c>
      <c r="U18147">
        <v>17</v>
      </c>
      <c r="V18147">
        <v>17</v>
      </c>
      <c r="W18147">
        <v>17</v>
      </c>
      <c r="X18147">
        <v>18</v>
      </c>
      <c r="Y18147">
        <v>18</v>
      </c>
      <c r="Z18147">
        <v>18</v>
      </c>
      <c r="AA18147">
        <v>18</v>
      </c>
      <c r="AB18147">
        <v>19</v>
      </c>
      <c r="AC18147">
        <v>19</v>
      </c>
      <c r="AD18147">
        <v>19</v>
      </c>
      <c r="AE18147">
        <v>20</v>
      </c>
      <c r="AF18147">
        <v>20</v>
      </c>
      <c r="AG18147">
        <v>20</v>
      </c>
      <c r="AH18147">
        <v>21</v>
      </c>
      <c r="AI18147">
        <v>21</v>
      </c>
      <c r="AJ18147">
        <v>22</v>
      </c>
      <c r="AK18147">
        <v>22</v>
      </c>
      <c r="AL18147">
        <v>22</v>
      </c>
      <c r="AM18147">
        <v>23</v>
      </c>
      <c r="AN18147">
        <v>23</v>
      </c>
      <c r="AO18147">
        <v>23</v>
      </c>
      <c r="AP18147">
        <v>24</v>
      </c>
      <c r="AQ18147">
        <v>24</v>
      </c>
    </row>
    <row r="18148" spans="1:43">
      <c r="A18148" t="s">
        <v>11240</v>
      </c>
      <c r="B18148" t="s">
        <v>11241</v>
      </c>
      <c r="C18148" t="s">
        <v>11234</v>
      </c>
      <c r="D18148" t="s">
        <v>11235</v>
      </c>
      <c r="E18148" t="s">
        <v>11206</v>
      </c>
      <c r="F18148" t="s">
        <v>11207</v>
      </c>
      <c r="G18148" t="s">
        <v>10734</v>
      </c>
      <c r="H18148" t="s">
        <v>10735</v>
      </c>
      <c r="I18148" s="2">
        <v>0</v>
      </c>
      <c r="J18148" s="2">
        <v>0</v>
      </c>
      <c r="K18148" s="2">
        <v>1</v>
      </c>
      <c r="L18148" t="s">
        <v>995</v>
      </c>
      <c r="M18148" t="s">
        <v>89</v>
      </c>
      <c r="N18148" t="s">
        <v>90</v>
      </c>
      <c r="O18148" t="s">
        <v>85</v>
      </c>
      <c r="P18148" t="s">
        <v>86</v>
      </c>
      <c r="Q18148">
        <v>16</v>
      </c>
      <c r="R18148">
        <v>17</v>
      </c>
      <c r="S18148">
        <v>17</v>
      </c>
      <c r="T18148">
        <v>18</v>
      </c>
      <c r="U18148">
        <v>18</v>
      </c>
      <c r="V18148">
        <v>19</v>
      </c>
      <c r="W18148">
        <v>19</v>
      </c>
      <c r="X18148">
        <v>20</v>
      </c>
      <c r="Y18148">
        <v>21</v>
      </c>
      <c r="Z18148">
        <v>21</v>
      </c>
      <c r="AA18148">
        <v>22</v>
      </c>
      <c r="AB18148">
        <v>22</v>
      </c>
      <c r="AC18148">
        <v>23</v>
      </c>
      <c r="AD18148">
        <v>23</v>
      </c>
      <c r="AE18148">
        <v>24</v>
      </c>
      <c r="AF18148">
        <v>24</v>
      </c>
      <c r="AG18148">
        <v>25</v>
      </c>
      <c r="AH18148">
        <v>25</v>
      </c>
      <c r="AI18148">
        <v>25</v>
      </c>
      <c r="AJ18148">
        <v>26</v>
      </c>
      <c r="AK18148">
        <v>26</v>
      </c>
      <c r="AL18148">
        <v>26</v>
      </c>
      <c r="AM18148">
        <v>27</v>
      </c>
      <c r="AN18148">
        <v>27</v>
      </c>
      <c r="AO18148">
        <v>27</v>
      </c>
      <c r="AP18148">
        <v>28</v>
      </c>
      <c r="AQ18148">
        <v>28</v>
      </c>
    </row>
    <row r="18149" spans="1:43">
      <c r="A18149" t="s">
        <v>11240</v>
      </c>
      <c r="B18149" t="s">
        <v>11241</v>
      </c>
      <c r="C18149" t="s">
        <v>11234</v>
      </c>
      <c r="D18149" t="s">
        <v>11235</v>
      </c>
      <c r="E18149" t="s">
        <v>11206</v>
      </c>
      <c r="F18149" t="s">
        <v>11207</v>
      </c>
      <c r="G18149" t="s">
        <v>10734</v>
      </c>
      <c r="H18149" t="s">
        <v>10735</v>
      </c>
      <c r="I18149" s="2">
        <v>0</v>
      </c>
      <c r="J18149" s="2">
        <v>0</v>
      </c>
      <c r="K18149" s="2">
        <v>1</v>
      </c>
      <c r="L18149" t="s">
        <v>995</v>
      </c>
      <c r="M18149" t="s">
        <v>83</v>
      </c>
      <c r="N18149" t="s">
        <v>91</v>
      </c>
      <c r="O18149" t="s">
        <v>85</v>
      </c>
      <c r="P18149" t="s">
        <v>86</v>
      </c>
      <c r="Q18149">
        <v>16</v>
      </c>
      <c r="R18149">
        <v>16</v>
      </c>
      <c r="S18149">
        <v>17</v>
      </c>
      <c r="T18149">
        <v>17</v>
      </c>
      <c r="U18149">
        <v>18</v>
      </c>
      <c r="V18149">
        <v>18</v>
      </c>
      <c r="W18149">
        <v>18</v>
      </c>
      <c r="X18149">
        <v>19</v>
      </c>
      <c r="Y18149">
        <v>19</v>
      </c>
      <c r="Z18149">
        <v>20</v>
      </c>
      <c r="AA18149">
        <v>20</v>
      </c>
      <c r="AB18149">
        <v>21</v>
      </c>
      <c r="AC18149">
        <v>21</v>
      </c>
      <c r="AD18149">
        <v>22</v>
      </c>
      <c r="AE18149">
        <v>22</v>
      </c>
      <c r="AF18149">
        <v>23</v>
      </c>
      <c r="AG18149">
        <v>23</v>
      </c>
      <c r="AH18149">
        <v>24</v>
      </c>
      <c r="AI18149">
        <v>24</v>
      </c>
      <c r="AJ18149">
        <v>25</v>
      </c>
      <c r="AK18149">
        <v>26</v>
      </c>
      <c r="AL18149">
        <v>26</v>
      </c>
      <c r="AM18149">
        <v>26</v>
      </c>
      <c r="AN18149">
        <v>27</v>
      </c>
      <c r="AO18149">
        <v>27</v>
      </c>
      <c r="AP18149">
        <v>27</v>
      </c>
      <c r="AQ18149">
        <v>28</v>
      </c>
    </row>
    <row r="18150" spans="1:43">
      <c r="A18150" t="s">
        <v>11242</v>
      </c>
      <c r="B18150" t="s">
        <v>11243</v>
      </c>
      <c r="C18150" t="s">
        <v>11244</v>
      </c>
      <c r="D18150" t="s">
        <v>11245</v>
      </c>
      <c r="E18150" t="s">
        <v>11206</v>
      </c>
      <c r="F18150" t="s">
        <v>11207</v>
      </c>
      <c r="G18150" t="s">
        <v>10734</v>
      </c>
      <c r="H18150" t="s">
        <v>10735</v>
      </c>
      <c r="I18150" s="2">
        <v>0</v>
      </c>
      <c r="J18150" s="2">
        <v>0</v>
      </c>
      <c r="K18150" s="2">
        <v>1</v>
      </c>
      <c r="L18150" t="s">
        <v>995</v>
      </c>
      <c r="M18150" t="s">
        <v>83</v>
      </c>
      <c r="N18150" t="s">
        <v>84</v>
      </c>
      <c r="O18150" t="s">
        <v>85</v>
      </c>
      <c r="P18150" t="s">
        <v>86</v>
      </c>
      <c r="Q18150">
        <v>22</v>
      </c>
      <c r="R18150">
        <v>22</v>
      </c>
      <c r="S18150">
        <v>23</v>
      </c>
      <c r="T18150">
        <v>24</v>
      </c>
      <c r="U18150">
        <v>24</v>
      </c>
      <c r="V18150">
        <v>25</v>
      </c>
      <c r="W18150">
        <v>25</v>
      </c>
      <c r="X18150">
        <v>26</v>
      </c>
      <c r="Y18150">
        <v>27</v>
      </c>
      <c r="Z18150">
        <v>27</v>
      </c>
      <c r="AA18150">
        <v>28</v>
      </c>
      <c r="AB18150">
        <v>29</v>
      </c>
      <c r="AC18150">
        <v>29</v>
      </c>
      <c r="AD18150">
        <v>30</v>
      </c>
      <c r="AE18150">
        <v>31</v>
      </c>
      <c r="AF18150">
        <v>31</v>
      </c>
      <c r="AG18150">
        <v>32</v>
      </c>
      <c r="AH18150">
        <v>33</v>
      </c>
      <c r="AI18150">
        <v>34</v>
      </c>
      <c r="AJ18150">
        <v>35</v>
      </c>
      <c r="AK18150">
        <v>35</v>
      </c>
      <c r="AL18150">
        <v>36</v>
      </c>
      <c r="AM18150">
        <v>36</v>
      </c>
      <c r="AN18150">
        <v>37</v>
      </c>
      <c r="AO18150">
        <v>37</v>
      </c>
      <c r="AP18150">
        <v>38</v>
      </c>
      <c r="AQ18150">
        <v>38</v>
      </c>
    </row>
    <row r="18151" spans="1:43">
      <c r="A18151" t="s">
        <v>11242</v>
      </c>
      <c r="B18151" t="s">
        <v>11243</v>
      </c>
      <c r="C18151" t="s">
        <v>11244</v>
      </c>
      <c r="D18151" t="s">
        <v>11245</v>
      </c>
      <c r="E18151" t="s">
        <v>11206</v>
      </c>
      <c r="F18151" t="s">
        <v>11207</v>
      </c>
      <c r="G18151" t="s">
        <v>10734</v>
      </c>
      <c r="H18151" t="s">
        <v>10735</v>
      </c>
      <c r="I18151" s="2">
        <v>0</v>
      </c>
      <c r="J18151" s="2">
        <v>0</v>
      </c>
      <c r="K18151" s="2">
        <v>1</v>
      </c>
      <c r="L18151" t="s">
        <v>995</v>
      </c>
      <c r="M18151" t="s">
        <v>87</v>
      </c>
      <c r="N18151" t="s">
        <v>88</v>
      </c>
      <c r="O18151" t="s">
        <v>85</v>
      </c>
      <c r="P18151" t="s">
        <v>86</v>
      </c>
      <c r="Q18151">
        <v>22</v>
      </c>
      <c r="R18151">
        <v>22</v>
      </c>
      <c r="S18151">
        <v>22</v>
      </c>
      <c r="T18151">
        <v>23</v>
      </c>
      <c r="U18151">
        <v>23</v>
      </c>
      <c r="V18151">
        <v>23</v>
      </c>
      <c r="W18151">
        <v>24</v>
      </c>
      <c r="X18151">
        <v>24</v>
      </c>
      <c r="Y18151">
        <v>25</v>
      </c>
      <c r="Z18151">
        <v>25</v>
      </c>
      <c r="AA18151">
        <v>26</v>
      </c>
      <c r="AB18151">
        <v>26</v>
      </c>
      <c r="AC18151">
        <v>26</v>
      </c>
      <c r="AD18151">
        <v>27</v>
      </c>
      <c r="AE18151">
        <v>27</v>
      </c>
      <c r="AF18151">
        <v>28</v>
      </c>
      <c r="AG18151">
        <v>28</v>
      </c>
      <c r="AH18151">
        <v>29</v>
      </c>
      <c r="AI18151">
        <v>29</v>
      </c>
      <c r="AJ18151">
        <v>30</v>
      </c>
      <c r="AK18151">
        <v>30</v>
      </c>
      <c r="AL18151">
        <v>31</v>
      </c>
      <c r="AM18151">
        <v>31</v>
      </c>
      <c r="AN18151">
        <v>32</v>
      </c>
      <c r="AO18151">
        <v>32</v>
      </c>
      <c r="AP18151">
        <v>33</v>
      </c>
      <c r="AQ18151">
        <v>33</v>
      </c>
    </row>
    <row r="18152" spans="1:43">
      <c r="A18152" t="s">
        <v>11242</v>
      </c>
      <c r="B18152" t="s">
        <v>11243</v>
      </c>
      <c r="C18152" t="s">
        <v>11244</v>
      </c>
      <c r="D18152" t="s">
        <v>11245</v>
      </c>
      <c r="E18152" t="s">
        <v>11206</v>
      </c>
      <c r="F18152" t="s">
        <v>11207</v>
      </c>
      <c r="G18152" t="s">
        <v>10734</v>
      </c>
      <c r="H18152" t="s">
        <v>10735</v>
      </c>
      <c r="I18152" s="2">
        <v>0</v>
      </c>
      <c r="J18152" s="2">
        <v>0</v>
      </c>
      <c r="K18152" s="2">
        <v>1</v>
      </c>
      <c r="L18152" t="s">
        <v>995</v>
      </c>
      <c r="M18152" t="s">
        <v>89</v>
      </c>
      <c r="N18152" t="s">
        <v>90</v>
      </c>
      <c r="O18152" t="s">
        <v>85</v>
      </c>
      <c r="P18152" t="s">
        <v>86</v>
      </c>
      <c r="Q18152">
        <v>22</v>
      </c>
      <c r="R18152">
        <v>23</v>
      </c>
      <c r="S18152">
        <v>24</v>
      </c>
      <c r="T18152">
        <v>24</v>
      </c>
      <c r="U18152">
        <v>25</v>
      </c>
      <c r="V18152">
        <v>26</v>
      </c>
      <c r="W18152">
        <v>27</v>
      </c>
      <c r="X18152">
        <v>27</v>
      </c>
      <c r="Y18152">
        <v>28</v>
      </c>
      <c r="Z18152">
        <v>29</v>
      </c>
      <c r="AA18152">
        <v>30</v>
      </c>
      <c r="AB18152">
        <v>31</v>
      </c>
      <c r="AC18152">
        <v>31</v>
      </c>
      <c r="AD18152">
        <v>32</v>
      </c>
      <c r="AE18152">
        <v>33</v>
      </c>
      <c r="AF18152">
        <v>33</v>
      </c>
      <c r="AG18152">
        <v>34</v>
      </c>
      <c r="AH18152">
        <v>34</v>
      </c>
      <c r="AI18152">
        <v>35</v>
      </c>
      <c r="AJ18152">
        <v>35</v>
      </c>
      <c r="AK18152">
        <v>36</v>
      </c>
      <c r="AL18152">
        <v>36</v>
      </c>
      <c r="AM18152">
        <v>37</v>
      </c>
      <c r="AN18152">
        <v>37</v>
      </c>
      <c r="AO18152">
        <v>38</v>
      </c>
      <c r="AP18152">
        <v>38</v>
      </c>
      <c r="AQ18152">
        <v>39</v>
      </c>
    </row>
    <row r="18153" spans="1:43">
      <c r="A18153" t="s">
        <v>11242</v>
      </c>
      <c r="B18153" t="s">
        <v>11243</v>
      </c>
      <c r="C18153" t="s">
        <v>11244</v>
      </c>
      <c r="D18153" t="s">
        <v>11245</v>
      </c>
      <c r="E18153" t="s">
        <v>11206</v>
      </c>
      <c r="F18153" t="s">
        <v>11207</v>
      </c>
      <c r="G18153" t="s">
        <v>10734</v>
      </c>
      <c r="H18153" t="s">
        <v>10735</v>
      </c>
      <c r="I18153" s="2">
        <v>0</v>
      </c>
      <c r="J18153" s="2">
        <v>0</v>
      </c>
      <c r="K18153" s="2">
        <v>1</v>
      </c>
      <c r="L18153" t="s">
        <v>995</v>
      </c>
      <c r="M18153" t="s">
        <v>83</v>
      </c>
      <c r="N18153" t="s">
        <v>91</v>
      </c>
      <c r="O18153" t="s">
        <v>85</v>
      </c>
      <c r="P18153" t="s">
        <v>86</v>
      </c>
      <c r="Q18153">
        <v>22</v>
      </c>
      <c r="R18153">
        <v>22</v>
      </c>
      <c r="S18153">
        <v>23</v>
      </c>
      <c r="T18153">
        <v>24</v>
      </c>
      <c r="U18153">
        <v>24</v>
      </c>
      <c r="V18153">
        <v>25</v>
      </c>
      <c r="W18153">
        <v>25</v>
      </c>
      <c r="X18153">
        <v>26</v>
      </c>
      <c r="Y18153">
        <v>27</v>
      </c>
      <c r="Z18153">
        <v>27</v>
      </c>
      <c r="AA18153">
        <v>28</v>
      </c>
      <c r="AB18153">
        <v>29</v>
      </c>
      <c r="AC18153">
        <v>29</v>
      </c>
      <c r="AD18153">
        <v>30</v>
      </c>
      <c r="AE18153">
        <v>31</v>
      </c>
      <c r="AF18153">
        <v>31</v>
      </c>
      <c r="AG18153">
        <v>32</v>
      </c>
      <c r="AH18153">
        <v>33</v>
      </c>
      <c r="AI18153">
        <v>34</v>
      </c>
      <c r="AJ18153">
        <v>35</v>
      </c>
      <c r="AK18153">
        <v>35</v>
      </c>
      <c r="AL18153">
        <v>36</v>
      </c>
      <c r="AM18153">
        <v>36</v>
      </c>
      <c r="AN18153">
        <v>37</v>
      </c>
      <c r="AO18153">
        <v>37</v>
      </c>
      <c r="AP18153">
        <v>38</v>
      </c>
      <c r="AQ18153">
        <v>38</v>
      </c>
    </row>
    <row r="18154" spans="1:43">
      <c r="A18154" t="s">
        <v>11246</v>
      </c>
      <c r="B18154" t="s">
        <v>11247</v>
      </c>
      <c r="C18154" t="s">
        <v>11248</v>
      </c>
      <c r="D18154" t="s">
        <v>11249</v>
      </c>
      <c r="E18154" t="s">
        <v>11206</v>
      </c>
      <c r="F18154" t="s">
        <v>11207</v>
      </c>
      <c r="G18154" t="s">
        <v>10734</v>
      </c>
      <c r="H18154" t="s">
        <v>10735</v>
      </c>
      <c r="I18154" s="2">
        <v>0</v>
      </c>
      <c r="J18154" s="2">
        <v>0</v>
      </c>
      <c r="K18154" s="2">
        <v>1</v>
      </c>
      <c r="L18154" t="s">
        <v>995</v>
      </c>
      <c r="M18154" t="s">
        <v>83</v>
      </c>
      <c r="N18154" t="s">
        <v>84</v>
      </c>
      <c r="O18154" t="s">
        <v>85</v>
      </c>
      <c r="P18154" t="s">
        <v>86</v>
      </c>
      <c r="Q18154">
        <v>92</v>
      </c>
      <c r="R18154">
        <v>94</v>
      </c>
      <c r="S18154">
        <v>97</v>
      </c>
      <c r="T18154">
        <v>100</v>
      </c>
      <c r="U18154">
        <v>102</v>
      </c>
      <c r="V18154">
        <v>105</v>
      </c>
      <c r="W18154">
        <v>107</v>
      </c>
      <c r="X18154">
        <v>110</v>
      </c>
      <c r="Y18154">
        <v>113</v>
      </c>
      <c r="Z18154">
        <v>116</v>
      </c>
      <c r="AA18154">
        <v>118</v>
      </c>
      <c r="AB18154">
        <v>121</v>
      </c>
      <c r="AC18154">
        <v>124</v>
      </c>
      <c r="AD18154">
        <v>127</v>
      </c>
      <c r="AE18154">
        <v>130</v>
      </c>
      <c r="AF18154">
        <v>133</v>
      </c>
      <c r="AG18154">
        <v>136</v>
      </c>
      <c r="AH18154">
        <v>139</v>
      </c>
      <c r="AI18154">
        <v>143</v>
      </c>
      <c r="AJ18154">
        <v>146</v>
      </c>
      <c r="AK18154">
        <v>149</v>
      </c>
      <c r="AL18154">
        <v>152</v>
      </c>
      <c r="AM18154">
        <v>154</v>
      </c>
      <c r="AN18154">
        <v>157</v>
      </c>
      <c r="AO18154">
        <v>159</v>
      </c>
      <c r="AP18154">
        <v>161</v>
      </c>
      <c r="AQ18154">
        <v>164</v>
      </c>
    </row>
    <row r="18155" spans="1:43">
      <c r="A18155" t="s">
        <v>11246</v>
      </c>
      <c r="B18155" t="s">
        <v>11247</v>
      </c>
      <c r="C18155" t="s">
        <v>11248</v>
      </c>
      <c r="D18155" t="s">
        <v>11249</v>
      </c>
      <c r="E18155" t="s">
        <v>11206</v>
      </c>
      <c r="F18155" t="s">
        <v>11207</v>
      </c>
      <c r="G18155" t="s">
        <v>10734</v>
      </c>
      <c r="H18155" t="s">
        <v>10735</v>
      </c>
      <c r="I18155" s="2">
        <v>0</v>
      </c>
      <c r="J18155" s="2">
        <v>0</v>
      </c>
      <c r="K18155" s="2">
        <v>1</v>
      </c>
      <c r="L18155" t="s">
        <v>995</v>
      </c>
      <c r="M18155" t="s">
        <v>87</v>
      </c>
      <c r="N18155" t="s">
        <v>88</v>
      </c>
      <c r="O18155" t="s">
        <v>85</v>
      </c>
      <c r="P18155" t="s">
        <v>86</v>
      </c>
      <c r="Q18155">
        <v>92</v>
      </c>
      <c r="R18155">
        <v>94</v>
      </c>
      <c r="S18155">
        <v>95</v>
      </c>
      <c r="T18155">
        <v>97</v>
      </c>
      <c r="U18155">
        <v>99</v>
      </c>
      <c r="V18155">
        <v>100</v>
      </c>
      <c r="W18155">
        <v>102</v>
      </c>
      <c r="X18155">
        <v>104</v>
      </c>
      <c r="Y18155">
        <v>105</v>
      </c>
      <c r="Z18155">
        <v>107</v>
      </c>
      <c r="AA18155">
        <v>109</v>
      </c>
      <c r="AB18155">
        <v>111</v>
      </c>
      <c r="AC18155">
        <v>112</v>
      </c>
      <c r="AD18155">
        <v>114</v>
      </c>
      <c r="AE18155">
        <v>116</v>
      </c>
      <c r="AF18155">
        <v>118</v>
      </c>
      <c r="AG18155">
        <v>120</v>
      </c>
      <c r="AH18155">
        <v>122</v>
      </c>
      <c r="AI18155">
        <v>124</v>
      </c>
      <c r="AJ18155">
        <v>127</v>
      </c>
      <c r="AK18155">
        <v>129</v>
      </c>
      <c r="AL18155">
        <v>131</v>
      </c>
      <c r="AM18155">
        <v>133</v>
      </c>
      <c r="AN18155">
        <v>135</v>
      </c>
      <c r="AO18155">
        <v>138</v>
      </c>
      <c r="AP18155">
        <v>140</v>
      </c>
      <c r="AQ18155">
        <v>143</v>
      </c>
    </row>
    <row r="18156" spans="1:43">
      <c r="A18156" t="s">
        <v>11246</v>
      </c>
      <c r="B18156" t="s">
        <v>11247</v>
      </c>
      <c r="C18156" t="s">
        <v>11248</v>
      </c>
      <c r="D18156" t="s">
        <v>11249</v>
      </c>
      <c r="E18156" t="s">
        <v>11206</v>
      </c>
      <c r="F18156" t="s">
        <v>11207</v>
      </c>
      <c r="G18156" t="s">
        <v>10734</v>
      </c>
      <c r="H18156" t="s">
        <v>10735</v>
      </c>
      <c r="I18156" s="2">
        <v>0</v>
      </c>
      <c r="J18156" s="2">
        <v>0</v>
      </c>
      <c r="K18156" s="2">
        <v>1</v>
      </c>
      <c r="L18156" t="s">
        <v>995</v>
      </c>
      <c r="M18156" t="s">
        <v>89</v>
      </c>
      <c r="N18156" t="s">
        <v>90</v>
      </c>
      <c r="O18156" t="s">
        <v>85</v>
      </c>
      <c r="P18156" t="s">
        <v>86</v>
      </c>
      <c r="Q18156">
        <v>92</v>
      </c>
      <c r="R18156">
        <v>95</v>
      </c>
      <c r="S18156">
        <v>99</v>
      </c>
      <c r="T18156">
        <v>102</v>
      </c>
      <c r="U18156">
        <v>105</v>
      </c>
      <c r="V18156">
        <v>109</v>
      </c>
      <c r="W18156">
        <v>112</v>
      </c>
      <c r="X18156">
        <v>115</v>
      </c>
      <c r="Y18156">
        <v>118</v>
      </c>
      <c r="Z18156">
        <v>122</v>
      </c>
      <c r="AA18156">
        <v>125</v>
      </c>
      <c r="AB18156">
        <v>128</v>
      </c>
      <c r="AC18156">
        <v>132</v>
      </c>
      <c r="AD18156">
        <v>135</v>
      </c>
      <c r="AE18156">
        <v>138</v>
      </c>
      <c r="AF18156">
        <v>140</v>
      </c>
      <c r="AG18156">
        <v>142</v>
      </c>
      <c r="AH18156">
        <v>145</v>
      </c>
      <c r="AI18156">
        <v>147</v>
      </c>
      <c r="AJ18156">
        <v>149</v>
      </c>
      <c r="AK18156">
        <v>151</v>
      </c>
      <c r="AL18156">
        <v>153</v>
      </c>
      <c r="AM18156">
        <v>156</v>
      </c>
      <c r="AN18156">
        <v>158</v>
      </c>
      <c r="AO18156">
        <v>160</v>
      </c>
      <c r="AP18156">
        <v>163</v>
      </c>
      <c r="AQ18156">
        <v>165</v>
      </c>
    </row>
    <row r="18157" spans="1:43">
      <c r="A18157" t="s">
        <v>11246</v>
      </c>
      <c r="B18157" t="s">
        <v>11247</v>
      </c>
      <c r="C18157" t="s">
        <v>11248</v>
      </c>
      <c r="D18157" t="s">
        <v>11249</v>
      </c>
      <c r="E18157" t="s">
        <v>11206</v>
      </c>
      <c r="F18157" t="s">
        <v>11207</v>
      </c>
      <c r="G18157" t="s">
        <v>10734</v>
      </c>
      <c r="H18157" t="s">
        <v>10735</v>
      </c>
      <c r="I18157" s="2">
        <v>0</v>
      </c>
      <c r="J18157" s="2">
        <v>0</v>
      </c>
      <c r="K18157" s="2">
        <v>1</v>
      </c>
      <c r="L18157" t="s">
        <v>995</v>
      </c>
      <c r="M18157" t="s">
        <v>83</v>
      </c>
      <c r="N18157" t="s">
        <v>91</v>
      </c>
      <c r="O18157" t="s">
        <v>85</v>
      </c>
      <c r="P18157" t="s">
        <v>86</v>
      </c>
      <c r="Q18157">
        <v>92</v>
      </c>
      <c r="R18157">
        <v>94</v>
      </c>
      <c r="S18157">
        <v>97</v>
      </c>
      <c r="T18157">
        <v>100</v>
      </c>
      <c r="U18157">
        <v>102</v>
      </c>
      <c r="V18157">
        <v>105</v>
      </c>
      <c r="W18157">
        <v>107</v>
      </c>
      <c r="X18157">
        <v>110</v>
      </c>
      <c r="Y18157">
        <v>113</v>
      </c>
      <c r="Z18157">
        <v>116</v>
      </c>
      <c r="AA18157">
        <v>118</v>
      </c>
      <c r="AB18157">
        <v>121</v>
      </c>
      <c r="AC18157">
        <v>124</v>
      </c>
      <c r="AD18157">
        <v>127</v>
      </c>
      <c r="AE18157">
        <v>130</v>
      </c>
      <c r="AF18157">
        <v>133</v>
      </c>
      <c r="AG18157">
        <v>136</v>
      </c>
      <c r="AH18157">
        <v>139</v>
      </c>
      <c r="AI18157">
        <v>143</v>
      </c>
      <c r="AJ18157">
        <v>146</v>
      </c>
      <c r="AK18157">
        <v>149</v>
      </c>
      <c r="AL18157">
        <v>152</v>
      </c>
      <c r="AM18157">
        <v>154</v>
      </c>
      <c r="AN18157">
        <v>157</v>
      </c>
      <c r="AO18157">
        <v>159</v>
      </c>
      <c r="AP18157">
        <v>161</v>
      </c>
      <c r="AQ18157">
        <v>164</v>
      </c>
    </row>
    <row r="18158" spans="1:43">
      <c r="A18158" t="s">
        <v>11250</v>
      </c>
      <c r="B18158" t="s">
        <v>11251</v>
      </c>
      <c r="C18158" t="s">
        <v>11244</v>
      </c>
      <c r="D18158" t="s">
        <v>11245</v>
      </c>
      <c r="E18158" t="s">
        <v>11206</v>
      </c>
      <c r="F18158" t="s">
        <v>11207</v>
      </c>
      <c r="G18158" t="s">
        <v>10734</v>
      </c>
      <c r="H18158" t="s">
        <v>10735</v>
      </c>
      <c r="I18158" s="2">
        <v>0</v>
      </c>
      <c r="J18158" s="2">
        <v>0</v>
      </c>
      <c r="K18158" s="2">
        <v>1</v>
      </c>
      <c r="L18158" t="s">
        <v>995</v>
      </c>
      <c r="M18158" t="s">
        <v>83</v>
      </c>
      <c r="N18158" t="s">
        <v>84</v>
      </c>
      <c r="O18158" t="s">
        <v>85</v>
      </c>
      <c r="P18158" t="s">
        <v>86</v>
      </c>
      <c r="Q18158">
        <v>9</v>
      </c>
      <c r="R18158">
        <v>9</v>
      </c>
      <c r="S18158">
        <v>10</v>
      </c>
      <c r="T18158">
        <v>10</v>
      </c>
      <c r="U18158">
        <v>10</v>
      </c>
      <c r="V18158">
        <v>10</v>
      </c>
      <c r="W18158">
        <v>11</v>
      </c>
      <c r="X18158">
        <v>11</v>
      </c>
      <c r="Y18158">
        <v>11</v>
      </c>
      <c r="Z18158">
        <v>11</v>
      </c>
      <c r="AA18158">
        <v>12</v>
      </c>
      <c r="AB18158">
        <v>12</v>
      </c>
      <c r="AC18158">
        <v>12</v>
      </c>
      <c r="AD18158">
        <v>13</v>
      </c>
      <c r="AE18158">
        <v>13</v>
      </c>
      <c r="AF18158">
        <v>13</v>
      </c>
      <c r="AG18158">
        <v>13</v>
      </c>
      <c r="AH18158">
        <v>14</v>
      </c>
      <c r="AI18158">
        <v>14</v>
      </c>
      <c r="AJ18158">
        <v>14</v>
      </c>
      <c r="AK18158">
        <v>15</v>
      </c>
      <c r="AL18158">
        <v>15</v>
      </c>
      <c r="AM18158">
        <v>15</v>
      </c>
      <c r="AN18158">
        <v>15</v>
      </c>
      <c r="AO18158">
        <v>16</v>
      </c>
      <c r="AP18158">
        <v>16</v>
      </c>
      <c r="AQ18158">
        <v>16</v>
      </c>
    </row>
    <row r="18159" spans="1:43">
      <c r="A18159" t="s">
        <v>11250</v>
      </c>
      <c r="B18159" t="s">
        <v>11251</v>
      </c>
      <c r="C18159" t="s">
        <v>11244</v>
      </c>
      <c r="D18159" t="s">
        <v>11245</v>
      </c>
      <c r="E18159" t="s">
        <v>11206</v>
      </c>
      <c r="F18159" t="s">
        <v>11207</v>
      </c>
      <c r="G18159" t="s">
        <v>10734</v>
      </c>
      <c r="H18159" t="s">
        <v>10735</v>
      </c>
      <c r="I18159" s="2">
        <v>0</v>
      </c>
      <c r="J18159" s="2">
        <v>0</v>
      </c>
      <c r="K18159" s="2">
        <v>1</v>
      </c>
      <c r="L18159" t="s">
        <v>995</v>
      </c>
      <c r="M18159" t="s">
        <v>87</v>
      </c>
      <c r="N18159" t="s">
        <v>88</v>
      </c>
      <c r="O18159" t="s">
        <v>85</v>
      </c>
      <c r="P18159" t="s">
        <v>86</v>
      </c>
      <c r="Q18159">
        <v>9</v>
      </c>
      <c r="R18159">
        <v>9</v>
      </c>
      <c r="S18159">
        <v>9</v>
      </c>
      <c r="T18159">
        <v>9</v>
      </c>
      <c r="U18159">
        <v>10</v>
      </c>
      <c r="V18159">
        <v>10</v>
      </c>
      <c r="W18159">
        <v>10</v>
      </c>
      <c r="X18159">
        <v>10</v>
      </c>
      <c r="Y18159">
        <v>10</v>
      </c>
      <c r="Z18159">
        <v>10</v>
      </c>
      <c r="AA18159">
        <v>11</v>
      </c>
      <c r="AB18159">
        <v>11</v>
      </c>
      <c r="AC18159">
        <v>11</v>
      </c>
      <c r="AD18159">
        <v>11</v>
      </c>
      <c r="AE18159">
        <v>11</v>
      </c>
      <c r="AF18159">
        <v>12</v>
      </c>
      <c r="AG18159">
        <v>12</v>
      </c>
      <c r="AH18159">
        <v>12</v>
      </c>
      <c r="AI18159">
        <v>12</v>
      </c>
      <c r="AJ18159">
        <v>12</v>
      </c>
      <c r="AK18159">
        <v>13</v>
      </c>
      <c r="AL18159">
        <v>13</v>
      </c>
      <c r="AM18159">
        <v>13</v>
      </c>
      <c r="AN18159">
        <v>13</v>
      </c>
      <c r="AO18159">
        <v>13</v>
      </c>
      <c r="AP18159">
        <v>14</v>
      </c>
      <c r="AQ18159">
        <v>14</v>
      </c>
    </row>
    <row r="18160" spans="1:43">
      <c r="A18160" t="s">
        <v>11250</v>
      </c>
      <c r="B18160" t="s">
        <v>11251</v>
      </c>
      <c r="C18160" t="s">
        <v>11244</v>
      </c>
      <c r="D18160" t="s">
        <v>11245</v>
      </c>
      <c r="E18160" t="s">
        <v>11206</v>
      </c>
      <c r="F18160" t="s">
        <v>11207</v>
      </c>
      <c r="G18160" t="s">
        <v>10734</v>
      </c>
      <c r="H18160" t="s">
        <v>10735</v>
      </c>
      <c r="I18160" s="2">
        <v>0</v>
      </c>
      <c r="J18160" s="2">
        <v>0</v>
      </c>
      <c r="K18160" s="2">
        <v>1</v>
      </c>
      <c r="L18160" t="s">
        <v>995</v>
      </c>
      <c r="M18160" t="s">
        <v>89</v>
      </c>
      <c r="N18160" t="s">
        <v>90</v>
      </c>
      <c r="O18160" t="s">
        <v>85</v>
      </c>
      <c r="P18160" t="s">
        <v>86</v>
      </c>
      <c r="Q18160">
        <v>9</v>
      </c>
      <c r="R18160">
        <v>9</v>
      </c>
      <c r="S18160">
        <v>10</v>
      </c>
      <c r="T18160">
        <v>10</v>
      </c>
      <c r="U18160">
        <v>10</v>
      </c>
      <c r="V18160">
        <v>11</v>
      </c>
      <c r="W18160">
        <v>11</v>
      </c>
      <c r="X18160">
        <v>11</v>
      </c>
      <c r="Y18160">
        <v>12</v>
      </c>
      <c r="Z18160">
        <v>12</v>
      </c>
      <c r="AA18160">
        <v>12</v>
      </c>
      <c r="AB18160">
        <v>13</v>
      </c>
      <c r="AC18160">
        <v>13</v>
      </c>
      <c r="AD18160">
        <v>13</v>
      </c>
      <c r="AE18160">
        <v>14</v>
      </c>
      <c r="AF18160">
        <v>14</v>
      </c>
      <c r="AG18160">
        <v>14</v>
      </c>
      <c r="AH18160">
        <v>14</v>
      </c>
      <c r="AI18160">
        <v>15</v>
      </c>
      <c r="AJ18160">
        <v>15</v>
      </c>
      <c r="AK18160">
        <v>15</v>
      </c>
      <c r="AL18160">
        <v>15</v>
      </c>
      <c r="AM18160">
        <v>15</v>
      </c>
      <c r="AN18160">
        <v>16</v>
      </c>
      <c r="AO18160">
        <v>16</v>
      </c>
      <c r="AP18160">
        <v>16</v>
      </c>
      <c r="AQ18160">
        <v>16</v>
      </c>
    </row>
    <row r="18161" spans="1:43">
      <c r="A18161" t="s">
        <v>11250</v>
      </c>
      <c r="B18161" t="s">
        <v>11251</v>
      </c>
      <c r="C18161" t="s">
        <v>11244</v>
      </c>
      <c r="D18161" t="s">
        <v>11245</v>
      </c>
      <c r="E18161" t="s">
        <v>11206</v>
      </c>
      <c r="F18161" t="s">
        <v>11207</v>
      </c>
      <c r="G18161" t="s">
        <v>10734</v>
      </c>
      <c r="H18161" t="s">
        <v>10735</v>
      </c>
      <c r="I18161" s="2">
        <v>0</v>
      </c>
      <c r="J18161" s="2">
        <v>0</v>
      </c>
      <c r="K18161" s="2">
        <v>1</v>
      </c>
      <c r="L18161" t="s">
        <v>995</v>
      </c>
      <c r="M18161" t="s">
        <v>83</v>
      </c>
      <c r="N18161" t="s">
        <v>91</v>
      </c>
      <c r="O18161" t="s">
        <v>85</v>
      </c>
      <c r="P18161" t="s">
        <v>86</v>
      </c>
      <c r="Q18161">
        <v>9</v>
      </c>
      <c r="R18161">
        <v>9</v>
      </c>
      <c r="S18161">
        <v>10</v>
      </c>
      <c r="T18161">
        <v>10</v>
      </c>
      <c r="U18161">
        <v>10</v>
      </c>
      <c r="V18161">
        <v>10</v>
      </c>
      <c r="W18161">
        <v>11</v>
      </c>
      <c r="X18161">
        <v>11</v>
      </c>
      <c r="Y18161">
        <v>11</v>
      </c>
      <c r="Z18161">
        <v>11</v>
      </c>
      <c r="AA18161">
        <v>12</v>
      </c>
      <c r="AB18161">
        <v>12</v>
      </c>
      <c r="AC18161">
        <v>12</v>
      </c>
      <c r="AD18161">
        <v>13</v>
      </c>
      <c r="AE18161">
        <v>13</v>
      </c>
      <c r="AF18161">
        <v>13</v>
      </c>
      <c r="AG18161">
        <v>13</v>
      </c>
      <c r="AH18161">
        <v>14</v>
      </c>
      <c r="AI18161">
        <v>14</v>
      </c>
      <c r="AJ18161">
        <v>14</v>
      </c>
      <c r="AK18161">
        <v>15</v>
      </c>
      <c r="AL18161">
        <v>15</v>
      </c>
      <c r="AM18161">
        <v>15</v>
      </c>
      <c r="AN18161">
        <v>15</v>
      </c>
      <c r="AO18161">
        <v>16</v>
      </c>
      <c r="AP18161">
        <v>16</v>
      </c>
      <c r="AQ18161">
        <v>16</v>
      </c>
    </row>
    <row r="18162" spans="1:43">
      <c r="A18162" t="s">
        <v>11252</v>
      </c>
      <c r="B18162" t="s">
        <v>11253</v>
      </c>
      <c r="C18162" t="s">
        <v>11254</v>
      </c>
      <c r="D18162" t="s">
        <v>11255</v>
      </c>
      <c r="E18162" t="s">
        <v>11206</v>
      </c>
      <c r="F18162" t="s">
        <v>11207</v>
      </c>
      <c r="G18162" t="s">
        <v>10734</v>
      </c>
      <c r="H18162" t="s">
        <v>10735</v>
      </c>
      <c r="I18162" s="2">
        <v>0</v>
      </c>
      <c r="J18162" s="2">
        <v>0</v>
      </c>
      <c r="K18162" s="2">
        <v>1</v>
      </c>
      <c r="L18162" t="s">
        <v>995</v>
      </c>
      <c r="M18162" t="s">
        <v>83</v>
      </c>
      <c r="N18162" t="s">
        <v>84</v>
      </c>
      <c r="O18162" t="s">
        <v>85</v>
      </c>
      <c r="P18162" t="s">
        <v>86</v>
      </c>
      <c r="Q18162">
        <v>27</v>
      </c>
      <c r="R18162">
        <v>28</v>
      </c>
      <c r="S18162">
        <v>29</v>
      </c>
      <c r="T18162">
        <v>29</v>
      </c>
      <c r="U18162">
        <v>30</v>
      </c>
      <c r="V18162">
        <v>31</v>
      </c>
      <c r="W18162">
        <v>32</v>
      </c>
      <c r="X18162">
        <v>32</v>
      </c>
      <c r="Y18162">
        <v>33</v>
      </c>
      <c r="Z18162">
        <v>34</v>
      </c>
      <c r="AA18162">
        <v>35</v>
      </c>
      <c r="AB18162">
        <v>36</v>
      </c>
      <c r="AC18162">
        <v>37</v>
      </c>
      <c r="AD18162">
        <v>37</v>
      </c>
      <c r="AE18162">
        <v>38</v>
      </c>
      <c r="AF18162">
        <v>39</v>
      </c>
      <c r="AG18162">
        <v>40</v>
      </c>
      <c r="AH18162">
        <v>41</v>
      </c>
      <c r="AI18162">
        <v>42</v>
      </c>
      <c r="AJ18162">
        <v>43</v>
      </c>
      <c r="AK18162">
        <v>44</v>
      </c>
      <c r="AL18162">
        <v>45</v>
      </c>
      <c r="AM18162">
        <v>45</v>
      </c>
      <c r="AN18162">
        <v>46</v>
      </c>
      <c r="AO18162">
        <v>47</v>
      </c>
      <c r="AP18162">
        <v>48</v>
      </c>
      <c r="AQ18162">
        <v>48</v>
      </c>
    </row>
    <row r="18163" spans="1:43">
      <c r="A18163" t="s">
        <v>11252</v>
      </c>
      <c r="B18163" t="s">
        <v>11253</v>
      </c>
      <c r="C18163" t="s">
        <v>11254</v>
      </c>
      <c r="D18163" t="s">
        <v>11255</v>
      </c>
      <c r="E18163" t="s">
        <v>11206</v>
      </c>
      <c r="F18163" t="s">
        <v>11207</v>
      </c>
      <c r="G18163" t="s">
        <v>10734</v>
      </c>
      <c r="H18163" t="s">
        <v>10735</v>
      </c>
      <c r="I18163" s="2">
        <v>0</v>
      </c>
      <c r="J18163" s="2">
        <v>0</v>
      </c>
      <c r="K18163" s="2">
        <v>1</v>
      </c>
      <c r="L18163" t="s">
        <v>995</v>
      </c>
      <c r="M18163" t="s">
        <v>87</v>
      </c>
      <c r="N18163" t="s">
        <v>88</v>
      </c>
      <c r="O18163" t="s">
        <v>85</v>
      </c>
      <c r="P18163" t="s">
        <v>86</v>
      </c>
      <c r="Q18163">
        <v>27</v>
      </c>
      <c r="R18163">
        <v>27</v>
      </c>
      <c r="S18163">
        <v>28</v>
      </c>
      <c r="T18163">
        <v>28</v>
      </c>
      <c r="U18163">
        <v>29</v>
      </c>
      <c r="V18163">
        <v>29</v>
      </c>
      <c r="W18163">
        <v>30</v>
      </c>
      <c r="X18163">
        <v>30</v>
      </c>
      <c r="Y18163">
        <v>31</v>
      </c>
      <c r="Z18163">
        <v>31</v>
      </c>
      <c r="AA18163">
        <v>32</v>
      </c>
      <c r="AB18163">
        <v>32</v>
      </c>
      <c r="AC18163">
        <v>33</v>
      </c>
      <c r="AD18163">
        <v>33</v>
      </c>
      <c r="AE18163">
        <v>34</v>
      </c>
      <c r="AF18163">
        <v>35</v>
      </c>
      <c r="AG18163">
        <v>35</v>
      </c>
      <c r="AH18163">
        <v>36</v>
      </c>
      <c r="AI18163">
        <v>36</v>
      </c>
      <c r="AJ18163">
        <v>37</v>
      </c>
      <c r="AK18163">
        <v>38</v>
      </c>
      <c r="AL18163">
        <v>38</v>
      </c>
      <c r="AM18163">
        <v>39</v>
      </c>
      <c r="AN18163">
        <v>40</v>
      </c>
      <c r="AO18163">
        <v>40</v>
      </c>
      <c r="AP18163">
        <v>41</v>
      </c>
      <c r="AQ18163">
        <v>42</v>
      </c>
    </row>
    <row r="18164" spans="1:43">
      <c r="A18164" t="s">
        <v>11252</v>
      </c>
      <c r="B18164" t="s">
        <v>11253</v>
      </c>
      <c r="C18164" t="s">
        <v>11254</v>
      </c>
      <c r="D18164" t="s">
        <v>11255</v>
      </c>
      <c r="E18164" t="s">
        <v>11206</v>
      </c>
      <c r="F18164" t="s">
        <v>11207</v>
      </c>
      <c r="G18164" t="s">
        <v>10734</v>
      </c>
      <c r="H18164" t="s">
        <v>10735</v>
      </c>
      <c r="I18164" s="2">
        <v>0</v>
      </c>
      <c r="J18164" s="2">
        <v>0</v>
      </c>
      <c r="K18164" s="2">
        <v>1</v>
      </c>
      <c r="L18164" t="s">
        <v>995</v>
      </c>
      <c r="M18164" t="s">
        <v>89</v>
      </c>
      <c r="N18164" t="s">
        <v>90</v>
      </c>
      <c r="O18164" t="s">
        <v>85</v>
      </c>
      <c r="P18164" t="s">
        <v>86</v>
      </c>
      <c r="Q18164">
        <v>27</v>
      </c>
      <c r="R18164">
        <v>28</v>
      </c>
      <c r="S18164">
        <v>29</v>
      </c>
      <c r="T18164">
        <v>30</v>
      </c>
      <c r="U18164">
        <v>31</v>
      </c>
      <c r="V18164">
        <v>32</v>
      </c>
      <c r="W18164">
        <v>33</v>
      </c>
      <c r="X18164">
        <v>34</v>
      </c>
      <c r="Y18164">
        <v>35</v>
      </c>
      <c r="Z18164">
        <v>36</v>
      </c>
      <c r="AA18164">
        <v>37</v>
      </c>
      <c r="AB18164">
        <v>38</v>
      </c>
      <c r="AC18164">
        <v>39</v>
      </c>
      <c r="AD18164">
        <v>40</v>
      </c>
      <c r="AE18164">
        <v>41</v>
      </c>
      <c r="AF18164">
        <v>42</v>
      </c>
      <c r="AG18164">
        <v>42</v>
      </c>
      <c r="AH18164">
        <v>43</v>
      </c>
      <c r="AI18164">
        <v>44</v>
      </c>
      <c r="AJ18164">
        <v>44</v>
      </c>
      <c r="AK18164">
        <v>45</v>
      </c>
      <c r="AL18164">
        <v>45</v>
      </c>
      <c r="AM18164">
        <v>46</v>
      </c>
      <c r="AN18164">
        <v>47</v>
      </c>
      <c r="AO18164">
        <v>47</v>
      </c>
      <c r="AP18164">
        <v>48</v>
      </c>
      <c r="AQ18164">
        <v>49</v>
      </c>
    </row>
    <row r="18165" spans="1:43">
      <c r="A18165" t="s">
        <v>11252</v>
      </c>
      <c r="B18165" t="s">
        <v>11253</v>
      </c>
      <c r="C18165" t="s">
        <v>11254</v>
      </c>
      <c r="D18165" t="s">
        <v>11255</v>
      </c>
      <c r="E18165" t="s">
        <v>11206</v>
      </c>
      <c r="F18165" t="s">
        <v>11207</v>
      </c>
      <c r="G18165" t="s">
        <v>10734</v>
      </c>
      <c r="H18165" t="s">
        <v>10735</v>
      </c>
      <c r="I18165" s="2">
        <v>0</v>
      </c>
      <c r="J18165" s="2">
        <v>0</v>
      </c>
      <c r="K18165" s="2">
        <v>1</v>
      </c>
      <c r="L18165" t="s">
        <v>995</v>
      </c>
      <c r="M18165" t="s">
        <v>83</v>
      </c>
      <c r="N18165" t="s">
        <v>91</v>
      </c>
      <c r="O18165" t="s">
        <v>85</v>
      </c>
      <c r="P18165" t="s">
        <v>86</v>
      </c>
      <c r="Q18165">
        <v>27</v>
      </c>
      <c r="R18165">
        <v>28</v>
      </c>
      <c r="S18165">
        <v>29</v>
      </c>
      <c r="T18165">
        <v>29</v>
      </c>
      <c r="U18165">
        <v>30</v>
      </c>
      <c r="V18165">
        <v>31</v>
      </c>
      <c r="W18165">
        <v>32</v>
      </c>
      <c r="X18165">
        <v>32</v>
      </c>
      <c r="Y18165">
        <v>33</v>
      </c>
      <c r="Z18165">
        <v>34</v>
      </c>
      <c r="AA18165">
        <v>35</v>
      </c>
      <c r="AB18165">
        <v>36</v>
      </c>
      <c r="AC18165">
        <v>37</v>
      </c>
      <c r="AD18165">
        <v>37</v>
      </c>
      <c r="AE18165">
        <v>38</v>
      </c>
      <c r="AF18165">
        <v>39</v>
      </c>
      <c r="AG18165">
        <v>40</v>
      </c>
      <c r="AH18165">
        <v>41</v>
      </c>
      <c r="AI18165">
        <v>42</v>
      </c>
      <c r="AJ18165">
        <v>43</v>
      </c>
      <c r="AK18165">
        <v>44</v>
      </c>
      <c r="AL18165">
        <v>45</v>
      </c>
      <c r="AM18165">
        <v>45</v>
      </c>
      <c r="AN18165">
        <v>46</v>
      </c>
      <c r="AO18165">
        <v>47</v>
      </c>
      <c r="AP18165">
        <v>48</v>
      </c>
      <c r="AQ18165">
        <v>48</v>
      </c>
    </row>
    <row r="18166" spans="1:43">
      <c r="A18166" t="s">
        <v>11256</v>
      </c>
      <c r="B18166" t="s">
        <v>11257</v>
      </c>
      <c r="C18166" t="s">
        <v>11244</v>
      </c>
      <c r="D18166" t="s">
        <v>11245</v>
      </c>
      <c r="E18166" t="s">
        <v>11206</v>
      </c>
      <c r="F18166" t="s">
        <v>11207</v>
      </c>
      <c r="G18166" t="s">
        <v>10734</v>
      </c>
      <c r="H18166" t="s">
        <v>10735</v>
      </c>
      <c r="I18166" s="2">
        <v>0</v>
      </c>
      <c r="J18166" s="2">
        <v>0</v>
      </c>
      <c r="K18166" s="2">
        <v>1</v>
      </c>
      <c r="L18166" t="s">
        <v>995</v>
      </c>
      <c r="M18166" t="s">
        <v>83</v>
      </c>
      <c r="N18166" t="s">
        <v>84</v>
      </c>
      <c r="O18166" t="s">
        <v>85</v>
      </c>
      <c r="P18166" t="s">
        <v>86</v>
      </c>
      <c r="Q18166">
        <v>27</v>
      </c>
      <c r="R18166">
        <v>28</v>
      </c>
      <c r="S18166">
        <v>29</v>
      </c>
      <c r="T18166">
        <v>30</v>
      </c>
      <c r="U18166">
        <v>30</v>
      </c>
      <c r="V18166">
        <v>31</v>
      </c>
      <c r="W18166">
        <v>32</v>
      </c>
      <c r="X18166">
        <v>33</v>
      </c>
      <c r="Y18166">
        <v>34</v>
      </c>
      <c r="Z18166">
        <v>34</v>
      </c>
      <c r="AA18166">
        <v>35</v>
      </c>
      <c r="AB18166">
        <v>36</v>
      </c>
      <c r="AC18166">
        <v>37</v>
      </c>
      <c r="AD18166">
        <v>38</v>
      </c>
      <c r="AE18166">
        <v>39</v>
      </c>
      <c r="AF18166">
        <v>40</v>
      </c>
      <c r="AG18166">
        <v>40</v>
      </c>
      <c r="AH18166">
        <v>41</v>
      </c>
      <c r="AI18166">
        <v>42</v>
      </c>
      <c r="AJ18166">
        <v>43</v>
      </c>
      <c r="AK18166">
        <v>44</v>
      </c>
      <c r="AL18166">
        <v>45</v>
      </c>
      <c r="AM18166">
        <v>46</v>
      </c>
      <c r="AN18166">
        <v>46</v>
      </c>
      <c r="AO18166">
        <v>47</v>
      </c>
      <c r="AP18166">
        <v>48</v>
      </c>
      <c r="AQ18166">
        <v>48</v>
      </c>
    </row>
    <row r="18167" spans="1:43">
      <c r="A18167" t="s">
        <v>11256</v>
      </c>
      <c r="B18167" t="s">
        <v>11257</v>
      </c>
      <c r="C18167" t="s">
        <v>11244</v>
      </c>
      <c r="D18167" t="s">
        <v>11245</v>
      </c>
      <c r="E18167" t="s">
        <v>11206</v>
      </c>
      <c r="F18167" t="s">
        <v>11207</v>
      </c>
      <c r="G18167" t="s">
        <v>10734</v>
      </c>
      <c r="H18167" t="s">
        <v>10735</v>
      </c>
      <c r="I18167" s="2">
        <v>0</v>
      </c>
      <c r="J18167" s="2">
        <v>0</v>
      </c>
      <c r="K18167" s="2">
        <v>1</v>
      </c>
      <c r="L18167" t="s">
        <v>995</v>
      </c>
      <c r="M18167" t="s">
        <v>87</v>
      </c>
      <c r="N18167" t="s">
        <v>88</v>
      </c>
      <c r="O18167" t="s">
        <v>85</v>
      </c>
      <c r="P18167" t="s">
        <v>86</v>
      </c>
      <c r="Q18167">
        <v>27</v>
      </c>
      <c r="R18167">
        <v>28</v>
      </c>
      <c r="S18167">
        <v>28</v>
      </c>
      <c r="T18167">
        <v>29</v>
      </c>
      <c r="U18167">
        <v>29</v>
      </c>
      <c r="V18167">
        <v>30</v>
      </c>
      <c r="W18167">
        <v>30</v>
      </c>
      <c r="X18167">
        <v>31</v>
      </c>
      <c r="Y18167">
        <v>31</v>
      </c>
      <c r="Z18167">
        <v>32</v>
      </c>
      <c r="AA18167">
        <v>32</v>
      </c>
      <c r="AB18167">
        <v>33</v>
      </c>
      <c r="AC18167">
        <v>33</v>
      </c>
      <c r="AD18167">
        <v>34</v>
      </c>
      <c r="AE18167">
        <v>34</v>
      </c>
      <c r="AF18167">
        <v>35</v>
      </c>
      <c r="AG18167">
        <v>35</v>
      </c>
      <c r="AH18167">
        <v>36</v>
      </c>
      <c r="AI18167">
        <v>37</v>
      </c>
      <c r="AJ18167">
        <v>37</v>
      </c>
      <c r="AK18167">
        <v>38</v>
      </c>
      <c r="AL18167">
        <v>39</v>
      </c>
      <c r="AM18167">
        <v>39</v>
      </c>
      <c r="AN18167">
        <v>40</v>
      </c>
      <c r="AO18167">
        <v>41</v>
      </c>
      <c r="AP18167">
        <v>41</v>
      </c>
      <c r="AQ18167">
        <v>42</v>
      </c>
    </row>
    <row r="18168" spans="1:43">
      <c r="A18168" t="s">
        <v>11256</v>
      </c>
      <c r="B18168" t="s">
        <v>11257</v>
      </c>
      <c r="C18168" t="s">
        <v>11244</v>
      </c>
      <c r="D18168" t="s">
        <v>11245</v>
      </c>
      <c r="E18168" t="s">
        <v>11206</v>
      </c>
      <c r="F18168" t="s">
        <v>11207</v>
      </c>
      <c r="G18168" t="s">
        <v>10734</v>
      </c>
      <c r="H18168" t="s">
        <v>10735</v>
      </c>
      <c r="I18168" s="2">
        <v>0</v>
      </c>
      <c r="J18168" s="2">
        <v>0</v>
      </c>
      <c r="K18168" s="2">
        <v>1</v>
      </c>
      <c r="L18168" t="s">
        <v>995</v>
      </c>
      <c r="M18168" t="s">
        <v>89</v>
      </c>
      <c r="N18168" t="s">
        <v>90</v>
      </c>
      <c r="O18168" t="s">
        <v>85</v>
      </c>
      <c r="P18168" t="s">
        <v>86</v>
      </c>
      <c r="Q18168">
        <v>27</v>
      </c>
      <c r="R18168">
        <v>28</v>
      </c>
      <c r="S18168">
        <v>29</v>
      </c>
      <c r="T18168">
        <v>30</v>
      </c>
      <c r="U18168">
        <v>31</v>
      </c>
      <c r="V18168">
        <v>32</v>
      </c>
      <c r="W18168">
        <v>33</v>
      </c>
      <c r="X18168">
        <v>34</v>
      </c>
      <c r="Y18168">
        <v>35</v>
      </c>
      <c r="Z18168">
        <v>35</v>
      </c>
      <c r="AA18168">
        <v>36</v>
      </c>
      <c r="AB18168">
        <v>37</v>
      </c>
      <c r="AC18168">
        <v>38</v>
      </c>
      <c r="AD18168">
        <v>40</v>
      </c>
      <c r="AE18168">
        <v>40</v>
      </c>
      <c r="AF18168">
        <v>41</v>
      </c>
      <c r="AG18168">
        <v>41</v>
      </c>
      <c r="AH18168">
        <v>42</v>
      </c>
      <c r="AI18168">
        <v>43</v>
      </c>
      <c r="AJ18168">
        <v>43</v>
      </c>
      <c r="AK18168">
        <v>44</v>
      </c>
      <c r="AL18168">
        <v>44</v>
      </c>
      <c r="AM18168">
        <v>45</v>
      </c>
      <c r="AN18168">
        <v>46</v>
      </c>
      <c r="AO18168">
        <v>46</v>
      </c>
      <c r="AP18168">
        <v>47</v>
      </c>
      <c r="AQ18168">
        <v>48</v>
      </c>
    </row>
    <row r="18169" spans="1:43">
      <c r="A18169" t="s">
        <v>11256</v>
      </c>
      <c r="B18169" t="s">
        <v>11257</v>
      </c>
      <c r="C18169" t="s">
        <v>11244</v>
      </c>
      <c r="D18169" t="s">
        <v>11245</v>
      </c>
      <c r="E18169" t="s">
        <v>11206</v>
      </c>
      <c r="F18169" t="s">
        <v>11207</v>
      </c>
      <c r="G18169" t="s">
        <v>10734</v>
      </c>
      <c r="H18169" t="s">
        <v>10735</v>
      </c>
      <c r="I18169" s="2">
        <v>0</v>
      </c>
      <c r="J18169" s="2">
        <v>0</v>
      </c>
      <c r="K18169" s="2">
        <v>1</v>
      </c>
      <c r="L18169" t="s">
        <v>995</v>
      </c>
      <c r="M18169" t="s">
        <v>83</v>
      </c>
      <c r="N18169" t="s">
        <v>91</v>
      </c>
      <c r="O18169" t="s">
        <v>85</v>
      </c>
      <c r="P18169" t="s">
        <v>86</v>
      </c>
      <c r="Q18169">
        <v>27</v>
      </c>
      <c r="R18169">
        <v>28</v>
      </c>
      <c r="S18169">
        <v>29</v>
      </c>
      <c r="T18169">
        <v>30</v>
      </c>
      <c r="U18169">
        <v>30</v>
      </c>
      <c r="V18169">
        <v>31</v>
      </c>
      <c r="W18169">
        <v>32</v>
      </c>
      <c r="X18169">
        <v>33</v>
      </c>
      <c r="Y18169">
        <v>34</v>
      </c>
      <c r="Z18169">
        <v>34</v>
      </c>
      <c r="AA18169">
        <v>35</v>
      </c>
      <c r="AB18169">
        <v>36</v>
      </c>
      <c r="AC18169">
        <v>37</v>
      </c>
      <c r="AD18169">
        <v>38</v>
      </c>
      <c r="AE18169">
        <v>39</v>
      </c>
      <c r="AF18169">
        <v>40</v>
      </c>
      <c r="AG18169">
        <v>40</v>
      </c>
      <c r="AH18169">
        <v>41</v>
      </c>
      <c r="AI18169">
        <v>42</v>
      </c>
      <c r="AJ18169">
        <v>43</v>
      </c>
      <c r="AK18169">
        <v>44</v>
      </c>
      <c r="AL18169">
        <v>45</v>
      </c>
      <c r="AM18169">
        <v>46</v>
      </c>
      <c r="AN18169">
        <v>46</v>
      </c>
      <c r="AO18169">
        <v>47</v>
      </c>
      <c r="AP18169">
        <v>48</v>
      </c>
      <c r="AQ18169">
        <v>48</v>
      </c>
    </row>
    <row r="18170" spans="1:43">
      <c r="A18170" t="s">
        <v>11258</v>
      </c>
      <c r="B18170" t="s">
        <v>11259</v>
      </c>
      <c r="C18170" t="s">
        <v>11260</v>
      </c>
      <c r="D18170" t="s">
        <v>11261</v>
      </c>
      <c r="E18170" t="s">
        <v>11206</v>
      </c>
      <c r="F18170" t="s">
        <v>11207</v>
      </c>
      <c r="G18170" t="s">
        <v>10734</v>
      </c>
      <c r="H18170" t="s">
        <v>10735</v>
      </c>
      <c r="I18170" s="2">
        <v>0</v>
      </c>
      <c r="J18170" s="2">
        <v>0</v>
      </c>
      <c r="K18170" s="2">
        <v>1</v>
      </c>
      <c r="L18170" t="s">
        <v>995</v>
      </c>
      <c r="M18170" t="s">
        <v>83</v>
      </c>
      <c r="N18170" t="s">
        <v>84</v>
      </c>
      <c r="O18170" t="s">
        <v>85</v>
      </c>
      <c r="P18170" t="s">
        <v>86</v>
      </c>
      <c r="Q18170">
        <v>21</v>
      </c>
      <c r="R18170">
        <v>21</v>
      </c>
      <c r="S18170">
        <v>22</v>
      </c>
      <c r="T18170">
        <v>23</v>
      </c>
      <c r="U18170">
        <v>23</v>
      </c>
      <c r="V18170">
        <v>24</v>
      </c>
      <c r="W18170">
        <v>24</v>
      </c>
      <c r="X18170">
        <v>25</v>
      </c>
      <c r="Y18170">
        <v>26</v>
      </c>
      <c r="Z18170">
        <v>26</v>
      </c>
      <c r="AA18170">
        <v>27</v>
      </c>
      <c r="AB18170">
        <v>27</v>
      </c>
      <c r="AC18170">
        <v>28</v>
      </c>
      <c r="AD18170">
        <v>29</v>
      </c>
      <c r="AE18170">
        <v>29</v>
      </c>
      <c r="AF18170">
        <v>30</v>
      </c>
      <c r="AG18170">
        <v>31</v>
      </c>
      <c r="AH18170">
        <v>32</v>
      </c>
      <c r="AI18170">
        <v>32</v>
      </c>
      <c r="AJ18170">
        <v>33</v>
      </c>
      <c r="AK18170">
        <v>34</v>
      </c>
      <c r="AL18170">
        <v>34</v>
      </c>
      <c r="AM18170">
        <v>35</v>
      </c>
      <c r="AN18170">
        <v>36</v>
      </c>
      <c r="AO18170">
        <v>36</v>
      </c>
      <c r="AP18170">
        <v>37</v>
      </c>
      <c r="AQ18170">
        <v>37</v>
      </c>
    </row>
    <row r="18171" spans="1:43">
      <c r="A18171" t="s">
        <v>11258</v>
      </c>
      <c r="B18171" t="s">
        <v>11259</v>
      </c>
      <c r="C18171" t="s">
        <v>11260</v>
      </c>
      <c r="D18171" t="s">
        <v>11261</v>
      </c>
      <c r="E18171" t="s">
        <v>11206</v>
      </c>
      <c r="F18171" t="s">
        <v>11207</v>
      </c>
      <c r="G18171" t="s">
        <v>10734</v>
      </c>
      <c r="H18171" t="s">
        <v>10735</v>
      </c>
      <c r="I18171" s="2">
        <v>0</v>
      </c>
      <c r="J18171" s="2">
        <v>0</v>
      </c>
      <c r="K18171" s="2">
        <v>1</v>
      </c>
      <c r="L18171" t="s">
        <v>995</v>
      </c>
      <c r="M18171" t="s">
        <v>87</v>
      </c>
      <c r="N18171" t="s">
        <v>88</v>
      </c>
      <c r="O18171" t="s">
        <v>85</v>
      </c>
      <c r="P18171" t="s">
        <v>86</v>
      </c>
      <c r="Q18171">
        <v>21</v>
      </c>
      <c r="R18171">
        <v>21</v>
      </c>
      <c r="S18171">
        <v>21</v>
      </c>
      <c r="T18171">
        <v>22</v>
      </c>
      <c r="U18171">
        <v>22</v>
      </c>
      <c r="V18171">
        <v>22</v>
      </c>
      <c r="W18171">
        <v>23</v>
      </c>
      <c r="X18171">
        <v>23</v>
      </c>
      <c r="Y18171">
        <v>24</v>
      </c>
      <c r="Z18171">
        <v>24</v>
      </c>
      <c r="AA18171">
        <v>24</v>
      </c>
      <c r="AB18171">
        <v>25</v>
      </c>
      <c r="AC18171">
        <v>25</v>
      </c>
      <c r="AD18171">
        <v>26</v>
      </c>
      <c r="AE18171">
        <v>26</v>
      </c>
      <c r="AF18171">
        <v>27</v>
      </c>
      <c r="AG18171">
        <v>27</v>
      </c>
      <c r="AH18171">
        <v>27</v>
      </c>
      <c r="AI18171">
        <v>28</v>
      </c>
      <c r="AJ18171">
        <v>28</v>
      </c>
      <c r="AK18171">
        <v>29</v>
      </c>
      <c r="AL18171">
        <v>29</v>
      </c>
      <c r="AM18171">
        <v>30</v>
      </c>
      <c r="AN18171">
        <v>30</v>
      </c>
      <c r="AO18171">
        <v>31</v>
      </c>
      <c r="AP18171">
        <v>32</v>
      </c>
      <c r="AQ18171">
        <v>32</v>
      </c>
    </row>
    <row r="18172" spans="1:43">
      <c r="A18172" t="s">
        <v>11258</v>
      </c>
      <c r="B18172" t="s">
        <v>11259</v>
      </c>
      <c r="C18172" t="s">
        <v>11260</v>
      </c>
      <c r="D18172" t="s">
        <v>11261</v>
      </c>
      <c r="E18172" t="s">
        <v>11206</v>
      </c>
      <c r="F18172" t="s">
        <v>11207</v>
      </c>
      <c r="G18172" t="s">
        <v>10734</v>
      </c>
      <c r="H18172" t="s">
        <v>10735</v>
      </c>
      <c r="I18172" s="2">
        <v>0</v>
      </c>
      <c r="J18172" s="2">
        <v>0</v>
      </c>
      <c r="K18172" s="2">
        <v>1</v>
      </c>
      <c r="L18172" t="s">
        <v>995</v>
      </c>
      <c r="M18172" t="s">
        <v>89</v>
      </c>
      <c r="N18172" t="s">
        <v>90</v>
      </c>
      <c r="O18172" t="s">
        <v>85</v>
      </c>
      <c r="P18172" t="s">
        <v>86</v>
      </c>
      <c r="Q18172">
        <v>21</v>
      </c>
      <c r="R18172">
        <v>22</v>
      </c>
      <c r="S18172">
        <v>23</v>
      </c>
      <c r="T18172">
        <v>23</v>
      </c>
      <c r="U18172">
        <v>24</v>
      </c>
      <c r="V18172">
        <v>25</v>
      </c>
      <c r="W18172">
        <v>26</v>
      </c>
      <c r="X18172">
        <v>26</v>
      </c>
      <c r="Y18172">
        <v>27</v>
      </c>
      <c r="Z18172">
        <v>28</v>
      </c>
      <c r="AA18172">
        <v>29</v>
      </c>
      <c r="AB18172">
        <v>29</v>
      </c>
      <c r="AC18172">
        <v>30</v>
      </c>
      <c r="AD18172">
        <v>31</v>
      </c>
      <c r="AE18172">
        <v>32</v>
      </c>
      <c r="AF18172">
        <v>32</v>
      </c>
      <c r="AG18172">
        <v>33</v>
      </c>
      <c r="AH18172">
        <v>33</v>
      </c>
      <c r="AI18172">
        <v>33</v>
      </c>
      <c r="AJ18172">
        <v>34</v>
      </c>
      <c r="AK18172">
        <v>34</v>
      </c>
      <c r="AL18172">
        <v>35</v>
      </c>
      <c r="AM18172">
        <v>35</v>
      </c>
      <c r="AN18172">
        <v>36</v>
      </c>
      <c r="AO18172">
        <v>37</v>
      </c>
      <c r="AP18172">
        <v>37</v>
      </c>
      <c r="AQ18172">
        <v>38</v>
      </c>
    </row>
    <row r="18173" spans="1:43">
      <c r="A18173" t="s">
        <v>11258</v>
      </c>
      <c r="B18173" t="s">
        <v>11259</v>
      </c>
      <c r="C18173" t="s">
        <v>11260</v>
      </c>
      <c r="D18173" t="s">
        <v>11261</v>
      </c>
      <c r="E18173" t="s">
        <v>11206</v>
      </c>
      <c r="F18173" t="s">
        <v>11207</v>
      </c>
      <c r="G18173" t="s">
        <v>10734</v>
      </c>
      <c r="H18173" t="s">
        <v>10735</v>
      </c>
      <c r="I18173" s="2">
        <v>0</v>
      </c>
      <c r="J18173" s="2">
        <v>0</v>
      </c>
      <c r="K18173" s="2">
        <v>1</v>
      </c>
      <c r="L18173" t="s">
        <v>995</v>
      </c>
      <c r="M18173" t="s">
        <v>83</v>
      </c>
      <c r="N18173" t="s">
        <v>91</v>
      </c>
      <c r="O18173" t="s">
        <v>85</v>
      </c>
      <c r="P18173" t="s">
        <v>86</v>
      </c>
      <c r="Q18173">
        <v>21</v>
      </c>
      <c r="R18173">
        <v>21</v>
      </c>
      <c r="S18173">
        <v>22</v>
      </c>
      <c r="T18173">
        <v>23</v>
      </c>
      <c r="U18173">
        <v>23</v>
      </c>
      <c r="V18173">
        <v>24</v>
      </c>
      <c r="W18173">
        <v>24</v>
      </c>
      <c r="X18173">
        <v>25</v>
      </c>
      <c r="Y18173">
        <v>26</v>
      </c>
      <c r="Z18173">
        <v>26</v>
      </c>
      <c r="AA18173">
        <v>27</v>
      </c>
      <c r="AB18173">
        <v>27</v>
      </c>
      <c r="AC18173">
        <v>28</v>
      </c>
      <c r="AD18173">
        <v>29</v>
      </c>
      <c r="AE18173">
        <v>29</v>
      </c>
      <c r="AF18173">
        <v>30</v>
      </c>
      <c r="AG18173">
        <v>31</v>
      </c>
      <c r="AH18173">
        <v>32</v>
      </c>
      <c r="AI18173">
        <v>32</v>
      </c>
      <c r="AJ18173">
        <v>33</v>
      </c>
      <c r="AK18173">
        <v>34</v>
      </c>
      <c r="AL18173">
        <v>34</v>
      </c>
      <c r="AM18173">
        <v>35</v>
      </c>
      <c r="AN18173">
        <v>36</v>
      </c>
      <c r="AO18173">
        <v>36</v>
      </c>
      <c r="AP18173">
        <v>37</v>
      </c>
      <c r="AQ18173">
        <v>37</v>
      </c>
    </row>
    <row r="18174" spans="1:43">
      <c r="A18174" t="s">
        <v>11262</v>
      </c>
      <c r="B18174" t="s">
        <v>11263</v>
      </c>
      <c r="C18174" t="s">
        <v>11254</v>
      </c>
      <c r="D18174" t="s">
        <v>11255</v>
      </c>
      <c r="E18174" t="s">
        <v>11206</v>
      </c>
      <c r="F18174" t="s">
        <v>11207</v>
      </c>
      <c r="G18174" t="s">
        <v>10734</v>
      </c>
      <c r="H18174" t="s">
        <v>10735</v>
      </c>
      <c r="I18174" s="2">
        <v>0</v>
      </c>
      <c r="J18174" s="2">
        <v>0</v>
      </c>
      <c r="K18174" s="2">
        <v>1</v>
      </c>
      <c r="L18174" t="s">
        <v>995</v>
      </c>
      <c r="M18174" t="s">
        <v>83</v>
      </c>
      <c r="N18174" t="s">
        <v>84</v>
      </c>
      <c r="O18174" t="s">
        <v>85</v>
      </c>
      <c r="P18174" t="s">
        <v>86</v>
      </c>
      <c r="Q18174">
        <v>14</v>
      </c>
      <c r="R18174">
        <v>15</v>
      </c>
      <c r="S18174">
        <v>15</v>
      </c>
      <c r="T18174">
        <v>16</v>
      </c>
      <c r="U18174">
        <v>16</v>
      </c>
      <c r="V18174">
        <v>16</v>
      </c>
      <c r="W18174">
        <v>17</v>
      </c>
      <c r="X18174">
        <v>17</v>
      </c>
      <c r="Y18174">
        <v>18</v>
      </c>
      <c r="Z18174">
        <v>18</v>
      </c>
      <c r="AA18174">
        <v>18</v>
      </c>
      <c r="AB18174">
        <v>19</v>
      </c>
      <c r="AC18174">
        <v>19</v>
      </c>
      <c r="AD18174">
        <v>20</v>
      </c>
      <c r="AE18174">
        <v>20</v>
      </c>
      <c r="AF18174">
        <v>21</v>
      </c>
      <c r="AG18174">
        <v>21</v>
      </c>
      <c r="AH18174">
        <v>22</v>
      </c>
      <c r="AI18174">
        <v>22</v>
      </c>
      <c r="AJ18174">
        <v>23</v>
      </c>
      <c r="AK18174">
        <v>23</v>
      </c>
      <c r="AL18174">
        <v>24</v>
      </c>
      <c r="AM18174">
        <v>24</v>
      </c>
      <c r="AN18174">
        <v>24</v>
      </c>
      <c r="AO18174">
        <v>25</v>
      </c>
      <c r="AP18174">
        <v>25</v>
      </c>
      <c r="AQ18174">
        <v>26</v>
      </c>
    </row>
    <row r="18175" spans="1:43">
      <c r="A18175" t="s">
        <v>11262</v>
      </c>
      <c r="B18175" t="s">
        <v>11263</v>
      </c>
      <c r="C18175" t="s">
        <v>11254</v>
      </c>
      <c r="D18175" t="s">
        <v>11255</v>
      </c>
      <c r="E18175" t="s">
        <v>11206</v>
      </c>
      <c r="F18175" t="s">
        <v>11207</v>
      </c>
      <c r="G18175" t="s">
        <v>10734</v>
      </c>
      <c r="H18175" t="s">
        <v>10735</v>
      </c>
      <c r="I18175" s="2">
        <v>0</v>
      </c>
      <c r="J18175" s="2">
        <v>0</v>
      </c>
      <c r="K18175" s="2">
        <v>1</v>
      </c>
      <c r="L18175" t="s">
        <v>995</v>
      </c>
      <c r="M18175" t="s">
        <v>87</v>
      </c>
      <c r="N18175" t="s">
        <v>88</v>
      </c>
      <c r="O18175" t="s">
        <v>85</v>
      </c>
      <c r="P18175" t="s">
        <v>86</v>
      </c>
      <c r="Q18175">
        <v>14</v>
      </c>
      <c r="R18175">
        <v>14</v>
      </c>
      <c r="S18175">
        <v>15</v>
      </c>
      <c r="T18175">
        <v>15</v>
      </c>
      <c r="U18175">
        <v>15</v>
      </c>
      <c r="V18175">
        <v>15</v>
      </c>
      <c r="W18175">
        <v>16</v>
      </c>
      <c r="X18175">
        <v>16</v>
      </c>
      <c r="Y18175">
        <v>16</v>
      </c>
      <c r="Z18175">
        <v>17</v>
      </c>
      <c r="AA18175">
        <v>17</v>
      </c>
      <c r="AB18175">
        <v>17</v>
      </c>
      <c r="AC18175">
        <v>17</v>
      </c>
      <c r="AD18175">
        <v>18</v>
      </c>
      <c r="AE18175">
        <v>18</v>
      </c>
      <c r="AF18175">
        <v>18</v>
      </c>
      <c r="AG18175">
        <v>19</v>
      </c>
      <c r="AH18175">
        <v>19</v>
      </c>
      <c r="AI18175">
        <v>19</v>
      </c>
      <c r="AJ18175">
        <v>20</v>
      </c>
      <c r="AK18175">
        <v>20</v>
      </c>
      <c r="AL18175">
        <v>20</v>
      </c>
      <c r="AM18175">
        <v>21</v>
      </c>
      <c r="AN18175">
        <v>21</v>
      </c>
      <c r="AO18175">
        <v>21</v>
      </c>
      <c r="AP18175">
        <v>22</v>
      </c>
      <c r="AQ18175">
        <v>22</v>
      </c>
    </row>
    <row r="18176" spans="1:43">
      <c r="A18176" t="s">
        <v>11262</v>
      </c>
      <c r="B18176" t="s">
        <v>11263</v>
      </c>
      <c r="C18176" t="s">
        <v>11254</v>
      </c>
      <c r="D18176" t="s">
        <v>11255</v>
      </c>
      <c r="E18176" t="s">
        <v>11206</v>
      </c>
      <c r="F18176" t="s">
        <v>11207</v>
      </c>
      <c r="G18176" t="s">
        <v>10734</v>
      </c>
      <c r="H18176" t="s">
        <v>10735</v>
      </c>
      <c r="I18176" s="2">
        <v>0</v>
      </c>
      <c r="J18176" s="2">
        <v>0</v>
      </c>
      <c r="K18176" s="2">
        <v>1</v>
      </c>
      <c r="L18176" t="s">
        <v>995</v>
      </c>
      <c r="M18176" t="s">
        <v>89</v>
      </c>
      <c r="N18176" t="s">
        <v>90</v>
      </c>
      <c r="O18176" t="s">
        <v>85</v>
      </c>
      <c r="P18176" t="s">
        <v>86</v>
      </c>
      <c r="Q18176">
        <v>14</v>
      </c>
      <c r="R18176">
        <v>15</v>
      </c>
      <c r="S18176">
        <v>16</v>
      </c>
      <c r="T18176">
        <v>16</v>
      </c>
      <c r="U18176">
        <v>17</v>
      </c>
      <c r="V18176">
        <v>17</v>
      </c>
      <c r="W18176">
        <v>18</v>
      </c>
      <c r="X18176">
        <v>18</v>
      </c>
      <c r="Y18176">
        <v>19</v>
      </c>
      <c r="Z18176">
        <v>19</v>
      </c>
      <c r="AA18176">
        <v>20</v>
      </c>
      <c r="AB18176">
        <v>20</v>
      </c>
      <c r="AC18176">
        <v>21</v>
      </c>
      <c r="AD18176">
        <v>21</v>
      </c>
      <c r="AE18176">
        <v>22</v>
      </c>
      <c r="AF18176">
        <v>22</v>
      </c>
      <c r="AG18176">
        <v>22</v>
      </c>
      <c r="AH18176">
        <v>23</v>
      </c>
      <c r="AI18176">
        <v>23</v>
      </c>
      <c r="AJ18176">
        <v>23</v>
      </c>
      <c r="AK18176">
        <v>24</v>
      </c>
      <c r="AL18176">
        <v>24</v>
      </c>
      <c r="AM18176">
        <v>24</v>
      </c>
      <c r="AN18176">
        <v>25</v>
      </c>
      <c r="AO18176">
        <v>25</v>
      </c>
      <c r="AP18176">
        <v>25</v>
      </c>
      <c r="AQ18176">
        <v>26</v>
      </c>
    </row>
    <row r="18177" spans="1:43">
      <c r="A18177" t="s">
        <v>11262</v>
      </c>
      <c r="B18177" t="s">
        <v>11263</v>
      </c>
      <c r="C18177" t="s">
        <v>11254</v>
      </c>
      <c r="D18177" t="s">
        <v>11255</v>
      </c>
      <c r="E18177" t="s">
        <v>11206</v>
      </c>
      <c r="F18177" t="s">
        <v>11207</v>
      </c>
      <c r="G18177" t="s">
        <v>10734</v>
      </c>
      <c r="H18177" t="s">
        <v>10735</v>
      </c>
      <c r="I18177" s="2">
        <v>0</v>
      </c>
      <c r="J18177" s="2">
        <v>0</v>
      </c>
      <c r="K18177" s="2">
        <v>1</v>
      </c>
      <c r="L18177" t="s">
        <v>995</v>
      </c>
      <c r="M18177" t="s">
        <v>83</v>
      </c>
      <c r="N18177" t="s">
        <v>91</v>
      </c>
      <c r="O18177" t="s">
        <v>85</v>
      </c>
      <c r="P18177" t="s">
        <v>86</v>
      </c>
      <c r="Q18177">
        <v>14</v>
      </c>
      <c r="R18177">
        <v>15</v>
      </c>
      <c r="S18177">
        <v>15</v>
      </c>
      <c r="T18177">
        <v>16</v>
      </c>
      <c r="U18177">
        <v>16</v>
      </c>
      <c r="V18177">
        <v>16</v>
      </c>
      <c r="W18177">
        <v>17</v>
      </c>
      <c r="X18177">
        <v>17</v>
      </c>
      <c r="Y18177">
        <v>18</v>
      </c>
      <c r="Z18177">
        <v>18</v>
      </c>
      <c r="AA18177">
        <v>18</v>
      </c>
      <c r="AB18177">
        <v>19</v>
      </c>
      <c r="AC18177">
        <v>19</v>
      </c>
      <c r="AD18177">
        <v>20</v>
      </c>
      <c r="AE18177">
        <v>20</v>
      </c>
      <c r="AF18177">
        <v>21</v>
      </c>
      <c r="AG18177">
        <v>21</v>
      </c>
      <c r="AH18177">
        <v>22</v>
      </c>
      <c r="AI18177">
        <v>22</v>
      </c>
      <c r="AJ18177">
        <v>23</v>
      </c>
      <c r="AK18177">
        <v>23</v>
      </c>
      <c r="AL18177">
        <v>24</v>
      </c>
      <c r="AM18177">
        <v>24</v>
      </c>
      <c r="AN18177">
        <v>24</v>
      </c>
      <c r="AO18177">
        <v>25</v>
      </c>
      <c r="AP18177">
        <v>25</v>
      </c>
      <c r="AQ18177">
        <v>26</v>
      </c>
    </row>
    <row r="18178" spans="1:43">
      <c r="A18178" t="s">
        <v>11264</v>
      </c>
      <c r="B18178" t="s">
        <v>11265</v>
      </c>
      <c r="C18178" t="s">
        <v>11244</v>
      </c>
      <c r="D18178" t="s">
        <v>11245</v>
      </c>
      <c r="E18178" t="s">
        <v>11206</v>
      </c>
      <c r="F18178" t="s">
        <v>11207</v>
      </c>
      <c r="G18178" t="s">
        <v>10734</v>
      </c>
      <c r="H18178" t="s">
        <v>10735</v>
      </c>
      <c r="I18178" s="2">
        <v>0</v>
      </c>
      <c r="J18178" s="2">
        <v>0</v>
      </c>
      <c r="K18178" s="2">
        <v>1</v>
      </c>
      <c r="L18178" t="s">
        <v>995</v>
      </c>
      <c r="M18178" t="s">
        <v>83</v>
      </c>
      <c r="N18178" t="s">
        <v>84</v>
      </c>
      <c r="O18178" t="s">
        <v>85</v>
      </c>
      <c r="P18178" t="s">
        <v>86</v>
      </c>
      <c r="Q18178">
        <v>7</v>
      </c>
      <c r="R18178">
        <v>8</v>
      </c>
      <c r="S18178">
        <v>8</v>
      </c>
      <c r="T18178">
        <v>8</v>
      </c>
      <c r="U18178">
        <v>8</v>
      </c>
      <c r="V18178">
        <v>8</v>
      </c>
      <c r="W18178">
        <v>9</v>
      </c>
      <c r="X18178">
        <v>9</v>
      </c>
      <c r="Y18178">
        <v>9</v>
      </c>
      <c r="Z18178">
        <v>9</v>
      </c>
      <c r="AA18178">
        <v>10</v>
      </c>
      <c r="AB18178">
        <v>10</v>
      </c>
      <c r="AC18178">
        <v>10</v>
      </c>
      <c r="AD18178">
        <v>10</v>
      </c>
      <c r="AE18178">
        <v>11</v>
      </c>
      <c r="AF18178">
        <v>11</v>
      </c>
      <c r="AG18178">
        <v>11</v>
      </c>
      <c r="AH18178">
        <v>11</v>
      </c>
      <c r="AI18178">
        <v>12</v>
      </c>
      <c r="AJ18178">
        <v>12</v>
      </c>
      <c r="AK18178">
        <v>12</v>
      </c>
      <c r="AL18178">
        <v>12</v>
      </c>
      <c r="AM18178">
        <v>12</v>
      </c>
      <c r="AN18178">
        <v>13</v>
      </c>
      <c r="AO18178">
        <v>13</v>
      </c>
      <c r="AP18178">
        <v>13</v>
      </c>
      <c r="AQ18178">
        <v>13</v>
      </c>
    </row>
    <row r="18179" spans="1:43">
      <c r="A18179" t="s">
        <v>11264</v>
      </c>
      <c r="B18179" t="s">
        <v>11265</v>
      </c>
      <c r="C18179" t="s">
        <v>11244</v>
      </c>
      <c r="D18179" t="s">
        <v>11245</v>
      </c>
      <c r="E18179" t="s">
        <v>11206</v>
      </c>
      <c r="F18179" t="s">
        <v>11207</v>
      </c>
      <c r="G18179" t="s">
        <v>10734</v>
      </c>
      <c r="H18179" t="s">
        <v>10735</v>
      </c>
      <c r="I18179" s="2">
        <v>0</v>
      </c>
      <c r="J18179" s="2">
        <v>0</v>
      </c>
      <c r="K18179" s="2">
        <v>1</v>
      </c>
      <c r="L18179" t="s">
        <v>995</v>
      </c>
      <c r="M18179" t="s">
        <v>87</v>
      </c>
      <c r="N18179" t="s">
        <v>88</v>
      </c>
      <c r="O18179" t="s">
        <v>85</v>
      </c>
      <c r="P18179" t="s">
        <v>86</v>
      </c>
      <c r="Q18179">
        <v>7</v>
      </c>
      <c r="R18179">
        <v>8</v>
      </c>
      <c r="S18179">
        <v>8</v>
      </c>
      <c r="T18179">
        <v>8</v>
      </c>
      <c r="U18179">
        <v>8</v>
      </c>
      <c r="V18179">
        <v>8</v>
      </c>
      <c r="W18179">
        <v>8</v>
      </c>
      <c r="X18179">
        <v>8</v>
      </c>
      <c r="Y18179">
        <v>8</v>
      </c>
      <c r="Z18179">
        <v>9</v>
      </c>
      <c r="AA18179">
        <v>9</v>
      </c>
      <c r="AB18179">
        <v>9</v>
      </c>
      <c r="AC18179">
        <v>9</v>
      </c>
      <c r="AD18179">
        <v>9</v>
      </c>
      <c r="AE18179">
        <v>9</v>
      </c>
      <c r="AF18179">
        <v>9</v>
      </c>
      <c r="AG18179">
        <v>10</v>
      </c>
      <c r="AH18179">
        <v>10</v>
      </c>
      <c r="AI18179">
        <v>10</v>
      </c>
      <c r="AJ18179">
        <v>10</v>
      </c>
      <c r="AK18179">
        <v>10</v>
      </c>
      <c r="AL18179">
        <v>11</v>
      </c>
      <c r="AM18179">
        <v>11</v>
      </c>
      <c r="AN18179">
        <v>11</v>
      </c>
      <c r="AO18179">
        <v>11</v>
      </c>
      <c r="AP18179">
        <v>11</v>
      </c>
      <c r="AQ18179">
        <v>11</v>
      </c>
    </row>
    <row r="18180" spans="1:43">
      <c r="A18180" t="s">
        <v>11264</v>
      </c>
      <c r="B18180" t="s">
        <v>11265</v>
      </c>
      <c r="C18180" t="s">
        <v>11244</v>
      </c>
      <c r="D18180" t="s">
        <v>11245</v>
      </c>
      <c r="E18180" t="s">
        <v>11206</v>
      </c>
      <c r="F18180" t="s">
        <v>11207</v>
      </c>
      <c r="G18180" t="s">
        <v>10734</v>
      </c>
      <c r="H18180" t="s">
        <v>10735</v>
      </c>
      <c r="I18180" s="2">
        <v>0</v>
      </c>
      <c r="J18180" s="2">
        <v>0</v>
      </c>
      <c r="K18180" s="2">
        <v>1</v>
      </c>
      <c r="L18180" t="s">
        <v>995</v>
      </c>
      <c r="M18180" t="s">
        <v>89</v>
      </c>
      <c r="N18180" t="s">
        <v>90</v>
      </c>
      <c r="O18180" t="s">
        <v>85</v>
      </c>
      <c r="P18180" t="s">
        <v>86</v>
      </c>
      <c r="Q18180">
        <v>7</v>
      </c>
      <c r="R18180">
        <v>7</v>
      </c>
      <c r="S18180">
        <v>7</v>
      </c>
      <c r="T18180">
        <v>7</v>
      </c>
      <c r="U18180">
        <v>8</v>
      </c>
      <c r="V18180">
        <v>8</v>
      </c>
      <c r="W18180">
        <v>8</v>
      </c>
      <c r="X18180">
        <v>8</v>
      </c>
      <c r="Y18180">
        <v>9</v>
      </c>
      <c r="Z18180">
        <v>9</v>
      </c>
      <c r="AA18180">
        <v>9</v>
      </c>
      <c r="AB18180">
        <v>9</v>
      </c>
      <c r="AC18180">
        <v>10</v>
      </c>
      <c r="AD18180">
        <v>10</v>
      </c>
      <c r="AE18180">
        <v>10</v>
      </c>
      <c r="AF18180">
        <v>10</v>
      </c>
      <c r="AG18180">
        <v>11</v>
      </c>
      <c r="AH18180">
        <v>11</v>
      </c>
      <c r="AI18180">
        <v>11</v>
      </c>
      <c r="AJ18180">
        <v>11</v>
      </c>
      <c r="AK18180">
        <v>11</v>
      </c>
      <c r="AL18180">
        <v>11</v>
      </c>
      <c r="AM18180">
        <v>12</v>
      </c>
      <c r="AN18180">
        <v>12</v>
      </c>
      <c r="AO18180">
        <v>12</v>
      </c>
      <c r="AP18180">
        <v>12</v>
      </c>
      <c r="AQ18180">
        <v>12</v>
      </c>
    </row>
    <row r="18181" spans="1:43">
      <c r="A18181" t="s">
        <v>11264</v>
      </c>
      <c r="B18181" t="s">
        <v>11265</v>
      </c>
      <c r="C18181" t="s">
        <v>11244</v>
      </c>
      <c r="D18181" t="s">
        <v>11245</v>
      </c>
      <c r="E18181" t="s">
        <v>11206</v>
      </c>
      <c r="F18181" t="s">
        <v>11207</v>
      </c>
      <c r="G18181" t="s">
        <v>10734</v>
      </c>
      <c r="H18181" t="s">
        <v>10735</v>
      </c>
      <c r="I18181" s="2">
        <v>0</v>
      </c>
      <c r="J18181" s="2">
        <v>0</v>
      </c>
      <c r="K18181" s="2">
        <v>1</v>
      </c>
      <c r="L18181" t="s">
        <v>995</v>
      </c>
      <c r="M18181" t="s">
        <v>83</v>
      </c>
      <c r="N18181" t="s">
        <v>91</v>
      </c>
      <c r="O18181" t="s">
        <v>85</v>
      </c>
      <c r="P18181" t="s">
        <v>86</v>
      </c>
      <c r="Q18181">
        <v>7</v>
      </c>
      <c r="R18181">
        <v>8</v>
      </c>
      <c r="S18181">
        <v>8</v>
      </c>
      <c r="T18181">
        <v>8</v>
      </c>
      <c r="U18181">
        <v>8</v>
      </c>
      <c r="V18181">
        <v>8</v>
      </c>
      <c r="W18181">
        <v>9</v>
      </c>
      <c r="X18181">
        <v>9</v>
      </c>
      <c r="Y18181">
        <v>9</v>
      </c>
      <c r="Z18181">
        <v>9</v>
      </c>
      <c r="AA18181">
        <v>10</v>
      </c>
      <c r="AB18181">
        <v>10</v>
      </c>
      <c r="AC18181">
        <v>10</v>
      </c>
      <c r="AD18181">
        <v>10</v>
      </c>
      <c r="AE18181">
        <v>11</v>
      </c>
      <c r="AF18181">
        <v>11</v>
      </c>
      <c r="AG18181">
        <v>11</v>
      </c>
      <c r="AH18181">
        <v>11</v>
      </c>
      <c r="AI18181">
        <v>12</v>
      </c>
      <c r="AJ18181">
        <v>12</v>
      </c>
      <c r="AK18181">
        <v>12</v>
      </c>
      <c r="AL18181">
        <v>12</v>
      </c>
      <c r="AM18181">
        <v>12</v>
      </c>
      <c r="AN18181">
        <v>13</v>
      </c>
      <c r="AO18181">
        <v>13</v>
      </c>
      <c r="AP18181">
        <v>13</v>
      </c>
      <c r="AQ18181">
        <v>13</v>
      </c>
    </row>
    <row r="18182" spans="1:43">
      <c r="A18182" t="s">
        <v>11266</v>
      </c>
      <c r="B18182" t="s">
        <v>11267</v>
      </c>
      <c r="C18182" t="s">
        <v>11254</v>
      </c>
      <c r="D18182" t="s">
        <v>11255</v>
      </c>
      <c r="E18182" t="s">
        <v>11206</v>
      </c>
      <c r="F18182" t="s">
        <v>11207</v>
      </c>
      <c r="G18182" t="s">
        <v>10734</v>
      </c>
      <c r="H18182" t="s">
        <v>10735</v>
      </c>
      <c r="I18182" s="2">
        <v>0</v>
      </c>
      <c r="J18182" s="2">
        <v>0</v>
      </c>
      <c r="K18182" s="2">
        <v>1</v>
      </c>
      <c r="L18182" t="s">
        <v>995</v>
      </c>
      <c r="M18182" t="s">
        <v>83</v>
      </c>
      <c r="N18182" t="s">
        <v>84</v>
      </c>
      <c r="O18182" t="s">
        <v>85</v>
      </c>
      <c r="P18182" t="s">
        <v>86</v>
      </c>
      <c r="Q18182">
        <v>22</v>
      </c>
      <c r="R18182">
        <v>23</v>
      </c>
      <c r="S18182">
        <v>24</v>
      </c>
      <c r="T18182">
        <v>24</v>
      </c>
      <c r="U18182">
        <v>25</v>
      </c>
      <c r="V18182">
        <v>25</v>
      </c>
      <c r="W18182">
        <v>26</v>
      </c>
      <c r="X18182">
        <v>27</v>
      </c>
      <c r="Y18182">
        <v>27</v>
      </c>
      <c r="Z18182">
        <v>28</v>
      </c>
      <c r="AA18182">
        <v>29</v>
      </c>
      <c r="AB18182">
        <v>29</v>
      </c>
      <c r="AC18182">
        <v>30</v>
      </c>
      <c r="AD18182">
        <v>31</v>
      </c>
      <c r="AE18182">
        <v>32</v>
      </c>
      <c r="AF18182">
        <v>32</v>
      </c>
      <c r="AG18182">
        <v>33</v>
      </c>
      <c r="AH18182">
        <v>34</v>
      </c>
      <c r="AI18182">
        <v>35</v>
      </c>
      <c r="AJ18182">
        <v>36</v>
      </c>
      <c r="AK18182">
        <v>36</v>
      </c>
      <c r="AL18182">
        <v>37</v>
      </c>
      <c r="AM18182">
        <v>38</v>
      </c>
      <c r="AN18182">
        <v>38</v>
      </c>
      <c r="AO18182">
        <v>39</v>
      </c>
      <c r="AP18182">
        <v>39</v>
      </c>
      <c r="AQ18182">
        <v>40</v>
      </c>
    </row>
    <row r="18183" spans="1:43">
      <c r="A18183" t="s">
        <v>11266</v>
      </c>
      <c r="B18183" t="s">
        <v>11267</v>
      </c>
      <c r="C18183" t="s">
        <v>11254</v>
      </c>
      <c r="D18183" t="s">
        <v>11255</v>
      </c>
      <c r="E18183" t="s">
        <v>11206</v>
      </c>
      <c r="F18183" t="s">
        <v>11207</v>
      </c>
      <c r="G18183" t="s">
        <v>10734</v>
      </c>
      <c r="H18183" t="s">
        <v>10735</v>
      </c>
      <c r="I18183" s="2">
        <v>0</v>
      </c>
      <c r="J18183" s="2">
        <v>0</v>
      </c>
      <c r="K18183" s="2">
        <v>1</v>
      </c>
      <c r="L18183" t="s">
        <v>995</v>
      </c>
      <c r="M18183" t="s">
        <v>87</v>
      </c>
      <c r="N18183" t="s">
        <v>88</v>
      </c>
      <c r="O18183" t="s">
        <v>85</v>
      </c>
      <c r="P18183" t="s">
        <v>86</v>
      </c>
      <c r="Q18183">
        <v>22</v>
      </c>
      <c r="R18183">
        <v>23</v>
      </c>
      <c r="S18183">
        <v>23</v>
      </c>
      <c r="T18183">
        <v>23</v>
      </c>
      <c r="U18183">
        <v>24</v>
      </c>
      <c r="V18183">
        <v>24</v>
      </c>
      <c r="W18183">
        <v>25</v>
      </c>
      <c r="X18183">
        <v>25</v>
      </c>
      <c r="Y18183">
        <v>25</v>
      </c>
      <c r="Z18183">
        <v>26</v>
      </c>
      <c r="AA18183">
        <v>26</v>
      </c>
      <c r="AB18183">
        <v>27</v>
      </c>
      <c r="AC18183">
        <v>27</v>
      </c>
      <c r="AD18183">
        <v>28</v>
      </c>
      <c r="AE18183">
        <v>28</v>
      </c>
      <c r="AF18183">
        <v>28</v>
      </c>
      <c r="AG18183">
        <v>29</v>
      </c>
      <c r="AH18183">
        <v>29</v>
      </c>
      <c r="AI18183">
        <v>30</v>
      </c>
      <c r="AJ18183">
        <v>30</v>
      </c>
      <c r="AK18183">
        <v>31</v>
      </c>
      <c r="AL18183">
        <v>32</v>
      </c>
      <c r="AM18183">
        <v>32</v>
      </c>
      <c r="AN18183">
        <v>33</v>
      </c>
      <c r="AO18183">
        <v>33</v>
      </c>
      <c r="AP18183">
        <v>34</v>
      </c>
      <c r="AQ18183">
        <v>34</v>
      </c>
    </row>
    <row r="18184" spans="1:43">
      <c r="A18184" t="s">
        <v>11266</v>
      </c>
      <c r="B18184" t="s">
        <v>11267</v>
      </c>
      <c r="C18184" t="s">
        <v>11254</v>
      </c>
      <c r="D18184" t="s">
        <v>11255</v>
      </c>
      <c r="E18184" t="s">
        <v>11206</v>
      </c>
      <c r="F18184" t="s">
        <v>11207</v>
      </c>
      <c r="G18184" t="s">
        <v>10734</v>
      </c>
      <c r="H18184" t="s">
        <v>10735</v>
      </c>
      <c r="I18184" s="2">
        <v>0</v>
      </c>
      <c r="J18184" s="2">
        <v>0</v>
      </c>
      <c r="K18184" s="2">
        <v>1</v>
      </c>
      <c r="L18184" t="s">
        <v>995</v>
      </c>
      <c r="M18184" t="s">
        <v>89</v>
      </c>
      <c r="N18184" t="s">
        <v>90</v>
      </c>
      <c r="O18184" t="s">
        <v>85</v>
      </c>
      <c r="P18184" t="s">
        <v>86</v>
      </c>
      <c r="Q18184">
        <v>22</v>
      </c>
      <c r="R18184">
        <v>22</v>
      </c>
      <c r="S18184">
        <v>23</v>
      </c>
      <c r="T18184">
        <v>24</v>
      </c>
      <c r="U18184">
        <v>25</v>
      </c>
      <c r="V18184">
        <v>26</v>
      </c>
      <c r="W18184">
        <v>26</v>
      </c>
      <c r="X18184">
        <v>27</v>
      </c>
      <c r="Y18184">
        <v>28</v>
      </c>
      <c r="Z18184">
        <v>29</v>
      </c>
      <c r="AA18184">
        <v>30</v>
      </c>
      <c r="AB18184">
        <v>30</v>
      </c>
      <c r="AC18184">
        <v>31</v>
      </c>
      <c r="AD18184">
        <v>32</v>
      </c>
      <c r="AE18184">
        <v>33</v>
      </c>
      <c r="AF18184">
        <v>33</v>
      </c>
      <c r="AG18184">
        <v>34</v>
      </c>
      <c r="AH18184">
        <v>34</v>
      </c>
      <c r="AI18184">
        <v>35</v>
      </c>
      <c r="AJ18184">
        <v>35</v>
      </c>
      <c r="AK18184">
        <v>36</v>
      </c>
      <c r="AL18184">
        <v>36</v>
      </c>
      <c r="AM18184">
        <v>37</v>
      </c>
      <c r="AN18184">
        <v>38</v>
      </c>
      <c r="AO18184">
        <v>38</v>
      </c>
      <c r="AP18184">
        <v>39</v>
      </c>
      <c r="AQ18184">
        <v>39</v>
      </c>
    </row>
    <row r="18185" spans="1:43">
      <c r="A18185" t="s">
        <v>11266</v>
      </c>
      <c r="B18185" t="s">
        <v>11267</v>
      </c>
      <c r="C18185" t="s">
        <v>11254</v>
      </c>
      <c r="D18185" t="s">
        <v>11255</v>
      </c>
      <c r="E18185" t="s">
        <v>11206</v>
      </c>
      <c r="F18185" t="s">
        <v>11207</v>
      </c>
      <c r="G18185" t="s">
        <v>10734</v>
      </c>
      <c r="H18185" t="s">
        <v>10735</v>
      </c>
      <c r="I18185" s="2">
        <v>0</v>
      </c>
      <c r="J18185" s="2">
        <v>0</v>
      </c>
      <c r="K18185" s="2">
        <v>1</v>
      </c>
      <c r="L18185" t="s">
        <v>995</v>
      </c>
      <c r="M18185" t="s">
        <v>83</v>
      </c>
      <c r="N18185" t="s">
        <v>91</v>
      </c>
      <c r="O18185" t="s">
        <v>85</v>
      </c>
      <c r="P18185" t="s">
        <v>86</v>
      </c>
      <c r="Q18185">
        <v>22</v>
      </c>
      <c r="R18185">
        <v>23</v>
      </c>
      <c r="S18185">
        <v>24</v>
      </c>
      <c r="T18185">
        <v>24</v>
      </c>
      <c r="U18185">
        <v>25</v>
      </c>
      <c r="V18185">
        <v>25</v>
      </c>
      <c r="W18185">
        <v>26</v>
      </c>
      <c r="X18185">
        <v>27</v>
      </c>
      <c r="Y18185">
        <v>27</v>
      </c>
      <c r="Z18185">
        <v>28</v>
      </c>
      <c r="AA18185">
        <v>29</v>
      </c>
      <c r="AB18185">
        <v>29</v>
      </c>
      <c r="AC18185">
        <v>30</v>
      </c>
      <c r="AD18185">
        <v>31</v>
      </c>
      <c r="AE18185">
        <v>32</v>
      </c>
      <c r="AF18185">
        <v>32</v>
      </c>
      <c r="AG18185">
        <v>33</v>
      </c>
      <c r="AH18185">
        <v>34</v>
      </c>
      <c r="AI18185">
        <v>35</v>
      </c>
      <c r="AJ18185">
        <v>36</v>
      </c>
      <c r="AK18185">
        <v>36</v>
      </c>
      <c r="AL18185">
        <v>37</v>
      </c>
      <c r="AM18185">
        <v>38</v>
      </c>
      <c r="AN18185">
        <v>38</v>
      </c>
      <c r="AO18185">
        <v>39</v>
      </c>
      <c r="AP18185">
        <v>39</v>
      </c>
      <c r="AQ18185">
        <v>40</v>
      </c>
    </row>
    <row r="18186" spans="1:43">
      <c r="A18186" t="s">
        <v>11268</v>
      </c>
      <c r="B18186" t="s">
        <v>11269</v>
      </c>
      <c r="C18186" t="s">
        <v>11270</v>
      </c>
      <c r="D18186" t="s">
        <v>11271</v>
      </c>
      <c r="E18186" t="s">
        <v>11206</v>
      </c>
      <c r="F18186" t="s">
        <v>11207</v>
      </c>
      <c r="G18186" t="s">
        <v>10734</v>
      </c>
      <c r="H18186" t="s">
        <v>10735</v>
      </c>
      <c r="I18186" s="2">
        <v>0</v>
      </c>
      <c r="J18186" s="2">
        <v>0</v>
      </c>
      <c r="K18186" s="2">
        <v>1</v>
      </c>
      <c r="L18186" t="s">
        <v>995</v>
      </c>
      <c r="M18186" t="s">
        <v>83</v>
      </c>
      <c r="N18186" t="s">
        <v>84</v>
      </c>
      <c r="O18186" t="s">
        <v>85</v>
      </c>
      <c r="P18186" t="s">
        <v>86</v>
      </c>
      <c r="Q18186">
        <v>23</v>
      </c>
      <c r="R18186">
        <v>23</v>
      </c>
      <c r="S18186">
        <v>24</v>
      </c>
      <c r="T18186">
        <v>25</v>
      </c>
      <c r="U18186">
        <v>25</v>
      </c>
      <c r="V18186">
        <v>26</v>
      </c>
      <c r="W18186">
        <v>27</v>
      </c>
      <c r="X18186">
        <v>27</v>
      </c>
      <c r="Y18186">
        <v>28</v>
      </c>
      <c r="Z18186">
        <v>29</v>
      </c>
      <c r="AA18186">
        <v>29</v>
      </c>
      <c r="AB18186">
        <v>30</v>
      </c>
      <c r="AC18186">
        <v>31</v>
      </c>
      <c r="AD18186">
        <v>31</v>
      </c>
      <c r="AE18186">
        <v>32</v>
      </c>
      <c r="AF18186">
        <v>33</v>
      </c>
      <c r="AG18186">
        <v>34</v>
      </c>
      <c r="AH18186">
        <v>34</v>
      </c>
      <c r="AI18186">
        <v>35</v>
      </c>
      <c r="AJ18186">
        <v>36</v>
      </c>
      <c r="AK18186">
        <v>37</v>
      </c>
      <c r="AL18186">
        <v>37</v>
      </c>
      <c r="AM18186">
        <v>38</v>
      </c>
      <c r="AN18186">
        <v>38</v>
      </c>
      <c r="AO18186">
        <v>39</v>
      </c>
      <c r="AP18186">
        <v>40</v>
      </c>
      <c r="AQ18186">
        <v>40</v>
      </c>
    </row>
    <row r="18187" spans="1:43">
      <c r="A18187" t="s">
        <v>11268</v>
      </c>
      <c r="B18187" t="s">
        <v>11269</v>
      </c>
      <c r="C18187" t="s">
        <v>11270</v>
      </c>
      <c r="D18187" t="s">
        <v>11271</v>
      </c>
      <c r="E18187" t="s">
        <v>11206</v>
      </c>
      <c r="F18187" t="s">
        <v>11207</v>
      </c>
      <c r="G18187" t="s">
        <v>10734</v>
      </c>
      <c r="H18187" t="s">
        <v>10735</v>
      </c>
      <c r="I18187" s="2">
        <v>0</v>
      </c>
      <c r="J18187" s="2">
        <v>0</v>
      </c>
      <c r="K18187" s="2">
        <v>1</v>
      </c>
      <c r="L18187" t="s">
        <v>995</v>
      </c>
      <c r="M18187" t="s">
        <v>87</v>
      </c>
      <c r="N18187" t="s">
        <v>88</v>
      </c>
      <c r="O18187" t="s">
        <v>85</v>
      </c>
      <c r="P18187" t="s">
        <v>86</v>
      </c>
      <c r="Q18187">
        <v>23</v>
      </c>
      <c r="R18187">
        <v>23</v>
      </c>
      <c r="S18187">
        <v>23</v>
      </c>
      <c r="T18187">
        <v>24</v>
      </c>
      <c r="U18187">
        <v>24</v>
      </c>
      <c r="V18187">
        <v>25</v>
      </c>
      <c r="W18187">
        <v>25</v>
      </c>
      <c r="X18187">
        <v>25</v>
      </c>
      <c r="Y18187">
        <v>26</v>
      </c>
      <c r="Z18187">
        <v>26</v>
      </c>
      <c r="AA18187">
        <v>27</v>
      </c>
      <c r="AB18187">
        <v>27</v>
      </c>
      <c r="AC18187">
        <v>28</v>
      </c>
      <c r="AD18187">
        <v>28</v>
      </c>
      <c r="AE18187">
        <v>29</v>
      </c>
      <c r="AF18187">
        <v>29</v>
      </c>
      <c r="AG18187">
        <v>30</v>
      </c>
      <c r="AH18187">
        <v>30</v>
      </c>
      <c r="AI18187">
        <v>31</v>
      </c>
      <c r="AJ18187">
        <v>31</v>
      </c>
      <c r="AK18187">
        <v>32</v>
      </c>
      <c r="AL18187">
        <v>32</v>
      </c>
      <c r="AM18187">
        <v>33</v>
      </c>
      <c r="AN18187">
        <v>33</v>
      </c>
      <c r="AO18187">
        <v>34</v>
      </c>
      <c r="AP18187">
        <v>35</v>
      </c>
      <c r="AQ18187">
        <v>35</v>
      </c>
    </row>
    <row r="18188" spans="1:43">
      <c r="A18188" t="s">
        <v>11268</v>
      </c>
      <c r="B18188" t="s">
        <v>11269</v>
      </c>
      <c r="C18188" t="s">
        <v>11270</v>
      </c>
      <c r="D18188" t="s">
        <v>11271</v>
      </c>
      <c r="E18188" t="s">
        <v>11206</v>
      </c>
      <c r="F18188" t="s">
        <v>11207</v>
      </c>
      <c r="G18188" t="s">
        <v>10734</v>
      </c>
      <c r="H18188" t="s">
        <v>10735</v>
      </c>
      <c r="I18188" s="2">
        <v>0</v>
      </c>
      <c r="J18188" s="2">
        <v>0</v>
      </c>
      <c r="K18188" s="2">
        <v>1</v>
      </c>
      <c r="L18188" t="s">
        <v>995</v>
      </c>
      <c r="M18188" t="s">
        <v>89</v>
      </c>
      <c r="N18188" t="s">
        <v>90</v>
      </c>
      <c r="O18188" t="s">
        <v>85</v>
      </c>
      <c r="P18188" t="s">
        <v>86</v>
      </c>
      <c r="Q18188">
        <v>23</v>
      </c>
      <c r="R18188">
        <v>24</v>
      </c>
      <c r="S18188">
        <v>25</v>
      </c>
      <c r="T18188">
        <v>26</v>
      </c>
      <c r="U18188">
        <v>26</v>
      </c>
      <c r="V18188">
        <v>27</v>
      </c>
      <c r="W18188">
        <v>28</v>
      </c>
      <c r="X18188">
        <v>29</v>
      </c>
      <c r="Y18188">
        <v>30</v>
      </c>
      <c r="Z18188">
        <v>30</v>
      </c>
      <c r="AA18188">
        <v>31</v>
      </c>
      <c r="AB18188">
        <v>32</v>
      </c>
      <c r="AC18188">
        <v>33</v>
      </c>
      <c r="AD18188">
        <v>34</v>
      </c>
      <c r="AE18188">
        <v>34</v>
      </c>
      <c r="AF18188">
        <v>35</v>
      </c>
      <c r="AG18188">
        <v>35</v>
      </c>
      <c r="AH18188">
        <v>36</v>
      </c>
      <c r="AI18188">
        <v>36</v>
      </c>
      <c r="AJ18188">
        <v>37</v>
      </c>
      <c r="AK18188">
        <v>37</v>
      </c>
      <c r="AL18188">
        <v>38</v>
      </c>
      <c r="AM18188">
        <v>38</v>
      </c>
      <c r="AN18188">
        <v>39</v>
      </c>
      <c r="AO18188">
        <v>39</v>
      </c>
      <c r="AP18188">
        <v>40</v>
      </c>
      <c r="AQ18188">
        <v>40</v>
      </c>
    </row>
    <row r="18189" spans="1:43">
      <c r="A18189" t="s">
        <v>11268</v>
      </c>
      <c r="B18189" t="s">
        <v>11269</v>
      </c>
      <c r="C18189" t="s">
        <v>11270</v>
      </c>
      <c r="D18189" t="s">
        <v>11271</v>
      </c>
      <c r="E18189" t="s">
        <v>11206</v>
      </c>
      <c r="F18189" t="s">
        <v>11207</v>
      </c>
      <c r="G18189" t="s">
        <v>10734</v>
      </c>
      <c r="H18189" t="s">
        <v>10735</v>
      </c>
      <c r="I18189" s="2">
        <v>0</v>
      </c>
      <c r="J18189" s="2">
        <v>0</v>
      </c>
      <c r="K18189" s="2">
        <v>1</v>
      </c>
      <c r="L18189" t="s">
        <v>995</v>
      </c>
      <c r="M18189" t="s">
        <v>83</v>
      </c>
      <c r="N18189" t="s">
        <v>91</v>
      </c>
      <c r="O18189" t="s">
        <v>85</v>
      </c>
      <c r="P18189" t="s">
        <v>86</v>
      </c>
      <c r="Q18189">
        <v>23</v>
      </c>
      <c r="R18189">
        <v>23</v>
      </c>
      <c r="S18189">
        <v>24</v>
      </c>
      <c r="T18189">
        <v>25</v>
      </c>
      <c r="U18189">
        <v>25</v>
      </c>
      <c r="V18189">
        <v>26</v>
      </c>
      <c r="W18189">
        <v>27</v>
      </c>
      <c r="X18189">
        <v>27</v>
      </c>
      <c r="Y18189">
        <v>28</v>
      </c>
      <c r="Z18189">
        <v>29</v>
      </c>
      <c r="AA18189">
        <v>29</v>
      </c>
      <c r="AB18189">
        <v>30</v>
      </c>
      <c r="AC18189">
        <v>31</v>
      </c>
      <c r="AD18189">
        <v>31</v>
      </c>
      <c r="AE18189">
        <v>32</v>
      </c>
      <c r="AF18189">
        <v>33</v>
      </c>
      <c r="AG18189">
        <v>34</v>
      </c>
      <c r="AH18189">
        <v>34</v>
      </c>
      <c r="AI18189">
        <v>35</v>
      </c>
      <c r="AJ18189">
        <v>36</v>
      </c>
      <c r="AK18189">
        <v>37</v>
      </c>
      <c r="AL18189">
        <v>37</v>
      </c>
      <c r="AM18189">
        <v>38</v>
      </c>
      <c r="AN18189">
        <v>38</v>
      </c>
      <c r="AO18189">
        <v>39</v>
      </c>
      <c r="AP18189">
        <v>40</v>
      </c>
      <c r="AQ18189">
        <v>40</v>
      </c>
    </row>
    <row r="18190" spans="1:43">
      <c r="A18190" t="s">
        <v>11272</v>
      </c>
      <c r="B18190" t="s">
        <v>11273</v>
      </c>
      <c r="C18190" t="s">
        <v>11248</v>
      </c>
      <c r="D18190" t="s">
        <v>11249</v>
      </c>
      <c r="E18190" t="s">
        <v>11206</v>
      </c>
      <c r="F18190" t="s">
        <v>11207</v>
      </c>
      <c r="G18190" t="s">
        <v>10734</v>
      </c>
      <c r="H18190" t="s">
        <v>10735</v>
      </c>
      <c r="I18190" s="2">
        <v>0</v>
      </c>
      <c r="J18190" s="2">
        <v>0</v>
      </c>
      <c r="K18190" s="2">
        <v>1</v>
      </c>
      <c r="L18190" t="s">
        <v>995</v>
      </c>
      <c r="M18190" t="s">
        <v>83</v>
      </c>
      <c r="N18190" t="s">
        <v>84</v>
      </c>
      <c r="O18190" t="s">
        <v>85</v>
      </c>
      <c r="P18190" t="s">
        <v>86</v>
      </c>
      <c r="Q18190">
        <v>33</v>
      </c>
      <c r="R18190">
        <v>34</v>
      </c>
      <c r="S18190">
        <v>34</v>
      </c>
      <c r="T18190">
        <v>35</v>
      </c>
      <c r="U18190">
        <v>36</v>
      </c>
      <c r="V18190">
        <v>37</v>
      </c>
      <c r="W18190">
        <v>38</v>
      </c>
      <c r="X18190">
        <v>39</v>
      </c>
      <c r="Y18190">
        <v>40</v>
      </c>
      <c r="Z18190">
        <v>41</v>
      </c>
      <c r="AA18190">
        <v>42</v>
      </c>
      <c r="AB18190">
        <v>43</v>
      </c>
      <c r="AC18190">
        <v>44</v>
      </c>
      <c r="AD18190">
        <v>45</v>
      </c>
      <c r="AE18190">
        <v>46</v>
      </c>
      <c r="AF18190">
        <v>47</v>
      </c>
      <c r="AG18190">
        <v>48</v>
      </c>
      <c r="AH18190">
        <v>49</v>
      </c>
      <c r="AI18190">
        <v>50</v>
      </c>
      <c r="AJ18190">
        <v>52</v>
      </c>
      <c r="AK18190">
        <v>53</v>
      </c>
      <c r="AL18190">
        <v>54</v>
      </c>
      <c r="AM18190">
        <v>54</v>
      </c>
      <c r="AN18190">
        <v>55</v>
      </c>
      <c r="AO18190">
        <v>56</v>
      </c>
      <c r="AP18190">
        <v>57</v>
      </c>
      <c r="AQ18190">
        <v>57</v>
      </c>
    </row>
    <row r="18191" spans="1:43">
      <c r="A18191" t="s">
        <v>11272</v>
      </c>
      <c r="B18191" t="s">
        <v>11273</v>
      </c>
      <c r="C18191" t="s">
        <v>11248</v>
      </c>
      <c r="D18191" t="s">
        <v>11249</v>
      </c>
      <c r="E18191" t="s">
        <v>11206</v>
      </c>
      <c r="F18191" t="s">
        <v>11207</v>
      </c>
      <c r="G18191" t="s">
        <v>10734</v>
      </c>
      <c r="H18191" t="s">
        <v>10735</v>
      </c>
      <c r="I18191" s="2">
        <v>0</v>
      </c>
      <c r="J18191" s="2">
        <v>0</v>
      </c>
      <c r="K18191" s="2">
        <v>1</v>
      </c>
      <c r="L18191" t="s">
        <v>995</v>
      </c>
      <c r="M18191" t="s">
        <v>87</v>
      </c>
      <c r="N18191" t="s">
        <v>88</v>
      </c>
      <c r="O18191" t="s">
        <v>85</v>
      </c>
      <c r="P18191" t="s">
        <v>86</v>
      </c>
      <c r="Q18191">
        <v>33</v>
      </c>
      <c r="R18191">
        <v>34</v>
      </c>
      <c r="S18191">
        <v>35</v>
      </c>
      <c r="T18191">
        <v>35</v>
      </c>
      <c r="U18191">
        <v>36</v>
      </c>
      <c r="V18191">
        <v>36</v>
      </c>
      <c r="W18191">
        <v>37</v>
      </c>
      <c r="X18191">
        <v>37</v>
      </c>
      <c r="Y18191">
        <v>38</v>
      </c>
      <c r="Z18191">
        <v>39</v>
      </c>
      <c r="AA18191">
        <v>39</v>
      </c>
      <c r="AB18191">
        <v>40</v>
      </c>
      <c r="AC18191">
        <v>41</v>
      </c>
      <c r="AD18191">
        <v>41</v>
      </c>
      <c r="AE18191">
        <v>42</v>
      </c>
      <c r="AF18191">
        <v>43</v>
      </c>
      <c r="AG18191">
        <v>43</v>
      </c>
      <c r="AH18191">
        <v>44</v>
      </c>
      <c r="AI18191">
        <v>45</v>
      </c>
      <c r="AJ18191">
        <v>46</v>
      </c>
      <c r="AK18191">
        <v>46</v>
      </c>
      <c r="AL18191">
        <v>47</v>
      </c>
      <c r="AM18191">
        <v>48</v>
      </c>
      <c r="AN18191">
        <v>49</v>
      </c>
      <c r="AO18191">
        <v>50</v>
      </c>
      <c r="AP18191">
        <v>51</v>
      </c>
      <c r="AQ18191">
        <v>51</v>
      </c>
    </row>
    <row r="18192" spans="1:43">
      <c r="A18192" t="s">
        <v>11272</v>
      </c>
      <c r="B18192" t="s">
        <v>11273</v>
      </c>
      <c r="C18192" t="s">
        <v>11248</v>
      </c>
      <c r="D18192" t="s">
        <v>11249</v>
      </c>
      <c r="E18192" t="s">
        <v>11206</v>
      </c>
      <c r="F18192" t="s">
        <v>11207</v>
      </c>
      <c r="G18192" t="s">
        <v>10734</v>
      </c>
      <c r="H18192" t="s">
        <v>10735</v>
      </c>
      <c r="I18192" s="2">
        <v>0</v>
      </c>
      <c r="J18192" s="2">
        <v>0</v>
      </c>
      <c r="K18192" s="2">
        <v>1</v>
      </c>
      <c r="L18192" t="s">
        <v>995</v>
      </c>
      <c r="M18192" t="s">
        <v>89</v>
      </c>
      <c r="N18192" t="s">
        <v>90</v>
      </c>
      <c r="O18192" t="s">
        <v>85</v>
      </c>
      <c r="P18192" t="s">
        <v>86</v>
      </c>
      <c r="Q18192">
        <v>33</v>
      </c>
      <c r="R18192">
        <v>34</v>
      </c>
      <c r="S18192">
        <v>35</v>
      </c>
      <c r="T18192">
        <v>37</v>
      </c>
      <c r="U18192">
        <v>38</v>
      </c>
      <c r="V18192">
        <v>39</v>
      </c>
      <c r="W18192">
        <v>40</v>
      </c>
      <c r="X18192">
        <v>41</v>
      </c>
      <c r="Y18192">
        <v>42</v>
      </c>
      <c r="Z18192">
        <v>43</v>
      </c>
      <c r="AA18192">
        <v>45</v>
      </c>
      <c r="AB18192">
        <v>46</v>
      </c>
      <c r="AC18192">
        <v>47</v>
      </c>
      <c r="AD18192">
        <v>48</v>
      </c>
      <c r="AE18192">
        <v>49</v>
      </c>
      <c r="AF18192">
        <v>50</v>
      </c>
      <c r="AG18192">
        <v>50</v>
      </c>
      <c r="AH18192">
        <v>51</v>
      </c>
      <c r="AI18192">
        <v>52</v>
      </c>
      <c r="AJ18192">
        <v>53</v>
      </c>
      <c r="AK18192">
        <v>53</v>
      </c>
      <c r="AL18192">
        <v>54</v>
      </c>
      <c r="AM18192">
        <v>55</v>
      </c>
      <c r="AN18192">
        <v>55</v>
      </c>
      <c r="AO18192">
        <v>56</v>
      </c>
      <c r="AP18192">
        <v>57</v>
      </c>
      <c r="AQ18192">
        <v>58</v>
      </c>
    </row>
    <row r="18193" spans="1:43">
      <c r="A18193" t="s">
        <v>11272</v>
      </c>
      <c r="B18193" t="s">
        <v>11273</v>
      </c>
      <c r="C18193" t="s">
        <v>11248</v>
      </c>
      <c r="D18193" t="s">
        <v>11249</v>
      </c>
      <c r="E18193" t="s">
        <v>11206</v>
      </c>
      <c r="F18193" t="s">
        <v>11207</v>
      </c>
      <c r="G18193" t="s">
        <v>10734</v>
      </c>
      <c r="H18193" t="s">
        <v>10735</v>
      </c>
      <c r="I18193" s="2">
        <v>0</v>
      </c>
      <c r="J18193" s="2">
        <v>0</v>
      </c>
      <c r="K18193" s="2">
        <v>1</v>
      </c>
      <c r="L18193" t="s">
        <v>995</v>
      </c>
      <c r="M18193" t="s">
        <v>83</v>
      </c>
      <c r="N18193" t="s">
        <v>91</v>
      </c>
      <c r="O18193" t="s">
        <v>85</v>
      </c>
      <c r="P18193" t="s">
        <v>86</v>
      </c>
      <c r="Q18193">
        <v>33</v>
      </c>
      <c r="R18193">
        <v>34</v>
      </c>
      <c r="S18193">
        <v>34</v>
      </c>
      <c r="T18193">
        <v>35</v>
      </c>
      <c r="U18193">
        <v>36</v>
      </c>
      <c r="V18193">
        <v>37</v>
      </c>
      <c r="W18193">
        <v>38</v>
      </c>
      <c r="X18193">
        <v>39</v>
      </c>
      <c r="Y18193">
        <v>40</v>
      </c>
      <c r="Z18193">
        <v>41</v>
      </c>
      <c r="AA18193">
        <v>42</v>
      </c>
      <c r="AB18193">
        <v>43</v>
      </c>
      <c r="AC18193">
        <v>44</v>
      </c>
      <c r="AD18193">
        <v>45</v>
      </c>
      <c r="AE18193">
        <v>46</v>
      </c>
      <c r="AF18193">
        <v>47</v>
      </c>
      <c r="AG18193">
        <v>48</v>
      </c>
      <c r="AH18193">
        <v>49</v>
      </c>
      <c r="AI18193">
        <v>50</v>
      </c>
      <c r="AJ18193">
        <v>52</v>
      </c>
      <c r="AK18193">
        <v>53</v>
      </c>
      <c r="AL18193">
        <v>54</v>
      </c>
      <c r="AM18193">
        <v>54</v>
      </c>
      <c r="AN18193">
        <v>55</v>
      </c>
      <c r="AO18193">
        <v>56</v>
      </c>
      <c r="AP18193">
        <v>57</v>
      </c>
      <c r="AQ18193">
        <v>57</v>
      </c>
    </row>
    <row r="18194" spans="1:43">
      <c r="A18194" t="s">
        <v>11274</v>
      </c>
      <c r="B18194" t="s">
        <v>11275</v>
      </c>
      <c r="C18194" t="s">
        <v>11270</v>
      </c>
      <c r="D18194" t="s">
        <v>11271</v>
      </c>
      <c r="E18194" t="s">
        <v>11206</v>
      </c>
      <c r="F18194" t="s">
        <v>11207</v>
      </c>
      <c r="G18194" t="s">
        <v>10734</v>
      </c>
      <c r="H18194" t="s">
        <v>10735</v>
      </c>
      <c r="I18194" s="2">
        <v>0</v>
      </c>
      <c r="J18194" s="2">
        <v>0</v>
      </c>
      <c r="K18194" s="2">
        <v>1</v>
      </c>
      <c r="L18194" t="s">
        <v>995</v>
      </c>
      <c r="M18194" t="s">
        <v>83</v>
      </c>
      <c r="N18194" t="s">
        <v>84</v>
      </c>
      <c r="O18194" t="s">
        <v>85</v>
      </c>
      <c r="P18194" t="s">
        <v>86</v>
      </c>
      <c r="Q18194">
        <v>10</v>
      </c>
      <c r="R18194">
        <v>11</v>
      </c>
      <c r="S18194">
        <v>11</v>
      </c>
      <c r="T18194">
        <v>11</v>
      </c>
      <c r="U18194">
        <v>12</v>
      </c>
      <c r="V18194">
        <v>12</v>
      </c>
      <c r="W18194">
        <v>12</v>
      </c>
      <c r="X18194">
        <v>13</v>
      </c>
      <c r="Y18194">
        <v>13</v>
      </c>
      <c r="Z18194">
        <v>13</v>
      </c>
      <c r="AA18194">
        <v>13</v>
      </c>
      <c r="AB18194">
        <v>14</v>
      </c>
      <c r="AC18194">
        <v>14</v>
      </c>
      <c r="AD18194">
        <v>14</v>
      </c>
      <c r="AE18194">
        <v>15</v>
      </c>
      <c r="AF18194">
        <v>15</v>
      </c>
      <c r="AG18194">
        <v>15</v>
      </c>
      <c r="AH18194">
        <v>16</v>
      </c>
      <c r="AI18194">
        <v>16</v>
      </c>
      <c r="AJ18194">
        <v>17</v>
      </c>
      <c r="AK18194">
        <v>17</v>
      </c>
      <c r="AL18194">
        <v>17</v>
      </c>
      <c r="AM18194">
        <v>17</v>
      </c>
      <c r="AN18194">
        <v>18</v>
      </c>
      <c r="AO18194">
        <v>18</v>
      </c>
      <c r="AP18194">
        <v>18</v>
      </c>
      <c r="AQ18194">
        <v>18</v>
      </c>
    </row>
    <row r="18195" spans="1:43">
      <c r="A18195" t="s">
        <v>11274</v>
      </c>
      <c r="B18195" t="s">
        <v>11275</v>
      </c>
      <c r="C18195" t="s">
        <v>11270</v>
      </c>
      <c r="D18195" t="s">
        <v>11271</v>
      </c>
      <c r="E18195" t="s">
        <v>11206</v>
      </c>
      <c r="F18195" t="s">
        <v>11207</v>
      </c>
      <c r="G18195" t="s">
        <v>10734</v>
      </c>
      <c r="H18195" t="s">
        <v>10735</v>
      </c>
      <c r="I18195" s="2">
        <v>0</v>
      </c>
      <c r="J18195" s="2">
        <v>0</v>
      </c>
      <c r="K18195" s="2">
        <v>1</v>
      </c>
      <c r="L18195" t="s">
        <v>995</v>
      </c>
      <c r="M18195" t="s">
        <v>87</v>
      </c>
      <c r="N18195" t="s">
        <v>88</v>
      </c>
      <c r="O18195" t="s">
        <v>85</v>
      </c>
      <c r="P18195" t="s">
        <v>86</v>
      </c>
      <c r="Q18195">
        <v>10</v>
      </c>
      <c r="R18195">
        <v>11</v>
      </c>
      <c r="S18195">
        <v>11</v>
      </c>
      <c r="T18195">
        <v>11</v>
      </c>
      <c r="U18195">
        <v>11</v>
      </c>
      <c r="V18195">
        <v>11</v>
      </c>
      <c r="W18195">
        <v>11</v>
      </c>
      <c r="X18195">
        <v>12</v>
      </c>
      <c r="Y18195">
        <v>12</v>
      </c>
      <c r="Z18195">
        <v>12</v>
      </c>
      <c r="AA18195">
        <v>12</v>
      </c>
      <c r="AB18195">
        <v>12</v>
      </c>
      <c r="AC18195">
        <v>13</v>
      </c>
      <c r="AD18195">
        <v>13</v>
      </c>
      <c r="AE18195">
        <v>13</v>
      </c>
      <c r="AF18195">
        <v>13</v>
      </c>
      <c r="AG18195">
        <v>14</v>
      </c>
      <c r="AH18195">
        <v>14</v>
      </c>
      <c r="AI18195">
        <v>14</v>
      </c>
      <c r="AJ18195">
        <v>14</v>
      </c>
      <c r="AK18195">
        <v>15</v>
      </c>
      <c r="AL18195">
        <v>15</v>
      </c>
      <c r="AM18195">
        <v>15</v>
      </c>
      <c r="AN18195">
        <v>15</v>
      </c>
      <c r="AO18195">
        <v>16</v>
      </c>
      <c r="AP18195">
        <v>16</v>
      </c>
      <c r="AQ18195">
        <v>16</v>
      </c>
    </row>
    <row r="18196" spans="1:43">
      <c r="A18196" t="s">
        <v>11274</v>
      </c>
      <c r="B18196" t="s">
        <v>11275</v>
      </c>
      <c r="C18196" t="s">
        <v>11270</v>
      </c>
      <c r="D18196" t="s">
        <v>11271</v>
      </c>
      <c r="E18196" t="s">
        <v>11206</v>
      </c>
      <c r="F18196" t="s">
        <v>11207</v>
      </c>
      <c r="G18196" t="s">
        <v>10734</v>
      </c>
      <c r="H18196" t="s">
        <v>10735</v>
      </c>
      <c r="I18196" s="2">
        <v>0</v>
      </c>
      <c r="J18196" s="2">
        <v>0</v>
      </c>
      <c r="K18196" s="2">
        <v>1</v>
      </c>
      <c r="L18196" t="s">
        <v>995</v>
      </c>
      <c r="M18196" t="s">
        <v>89</v>
      </c>
      <c r="N18196" t="s">
        <v>90</v>
      </c>
      <c r="O18196" t="s">
        <v>85</v>
      </c>
      <c r="P18196" t="s">
        <v>86</v>
      </c>
      <c r="Q18196">
        <v>10</v>
      </c>
      <c r="R18196">
        <v>10</v>
      </c>
      <c r="S18196">
        <v>10</v>
      </c>
      <c r="T18196">
        <v>11</v>
      </c>
      <c r="U18196">
        <v>11</v>
      </c>
      <c r="V18196">
        <v>11</v>
      </c>
      <c r="W18196">
        <v>12</v>
      </c>
      <c r="X18196">
        <v>12</v>
      </c>
      <c r="Y18196">
        <v>13</v>
      </c>
      <c r="Z18196">
        <v>13</v>
      </c>
      <c r="AA18196">
        <v>13</v>
      </c>
      <c r="AB18196">
        <v>14</v>
      </c>
      <c r="AC18196">
        <v>14</v>
      </c>
      <c r="AD18196">
        <v>14</v>
      </c>
      <c r="AE18196">
        <v>15</v>
      </c>
      <c r="AF18196">
        <v>15</v>
      </c>
      <c r="AG18196">
        <v>15</v>
      </c>
      <c r="AH18196">
        <v>15</v>
      </c>
      <c r="AI18196">
        <v>16</v>
      </c>
      <c r="AJ18196">
        <v>16</v>
      </c>
      <c r="AK18196">
        <v>16</v>
      </c>
      <c r="AL18196">
        <v>16</v>
      </c>
      <c r="AM18196">
        <v>17</v>
      </c>
      <c r="AN18196">
        <v>17</v>
      </c>
      <c r="AO18196">
        <v>17</v>
      </c>
      <c r="AP18196">
        <v>17</v>
      </c>
      <c r="AQ18196">
        <v>18</v>
      </c>
    </row>
    <row r="18197" spans="1:43">
      <c r="A18197" t="s">
        <v>11274</v>
      </c>
      <c r="B18197" t="s">
        <v>11275</v>
      </c>
      <c r="C18197" t="s">
        <v>11270</v>
      </c>
      <c r="D18197" t="s">
        <v>11271</v>
      </c>
      <c r="E18197" t="s">
        <v>11206</v>
      </c>
      <c r="F18197" t="s">
        <v>11207</v>
      </c>
      <c r="G18197" t="s">
        <v>10734</v>
      </c>
      <c r="H18197" t="s">
        <v>10735</v>
      </c>
      <c r="I18197" s="2">
        <v>0</v>
      </c>
      <c r="J18197" s="2">
        <v>0</v>
      </c>
      <c r="K18197" s="2">
        <v>1</v>
      </c>
      <c r="L18197" t="s">
        <v>995</v>
      </c>
      <c r="M18197" t="s">
        <v>83</v>
      </c>
      <c r="N18197" t="s">
        <v>91</v>
      </c>
      <c r="O18197" t="s">
        <v>85</v>
      </c>
      <c r="P18197" t="s">
        <v>86</v>
      </c>
      <c r="Q18197">
        <v>10</v>
      </c>
      <c r="R18197">
        <v>11</v>
      </c>
      <c r="S18197">
        <v>11</v>
      </c>
      <c r="T18197">
        <v>11</v>
      </c>
      <c r="U18197">
        <v>12</v>
      </c>
      <c r="V18197">
        <v>12</v>
      </c>
      <c r="W18197">
        <v>12</v>
      </c>
      <c r="X18197">
        <v>13</v>
      </c>
      <c r="Y18197">
        <v>13</v>
      </c>
      <c r="Z18197">
        <v>13</v>
      </c>
      <c r="AA18197">
        <v>13</v>
      </c>
      <c r="AB18197">
        <v>14</v>
      </c>
      <c r="AC18197">
        <v>14</v>
      </c>
      <c r="AD18197">
        <v>14</v>
      </c>
      <c r="AE18197">
        <v>15</v>
      </c>
      <c r="AF18197">
        <v>15</v>
      </c>
      <c r="AG18197">
        <v>15</v>
      </c>
      <c r="AH18197">
        <v>16</v>
      </c>
      <c r="AI18197">
        <v>16</v>
      </c>
      <c r="AJ18197">
        <v>17</v>
      </c>
      <c r="AK18197">
        <v>17</v>
      </c>
      <c r="AL18197">
        <v>17</v>
      </c>
      <c r="AM18197">
        <v>17</v>
      </c>
      <c r="AN18197">
        <v>18</v>
      </c>
      <c r="AO18197">
        <v>18</v>
      </c>
      <c r="AP18197">
        <v>18</v>
      </c>
      <c r="AQ18197">
        <v>18</v>
      </c>
    </row>
    <row r="18198" spans="1:43">
      <c r="A18198" t="s">
        <v>11276</v>
      </c>
      <c r="B18198" t="s">
        <v>11277</v>
      </c>
      <c r="C18198" t="s">
        <v>11270</v>
      </c>
      <c r="D18198" t="s">
        <v>11271</v>
      </c>
      <c r="E18198" t="s">
        <v>11206</v>
      </c>
      <c r="F18198" t="s">
        <v>11207</v>
      </c>
      <c r="G18198" t="s">
        <v>10734</v>
      </c>
      <c r="H18198" t="s">
        <v>10735</v>
      </c>
      <c r="I18198" s="2">
        <v>0</v>
      </c>
      <c r="J18198" s="2">
        <v>0</v>
      </c>
      <c r="K18198" s="2">
        <v>1</v>
      </c>
      <c r="L18198" t="s">
        <v>995</v>
      </c>
      <c r="M18198" t="s">
        <v>83</v>
      </c>
      <c r="N18198" t="s">
        <v>84</v>
      </c>
      <c r="O18198" t="s">
        <v>85</v>
      </c>
      <c r="P18198" t="s">
        <v>86</v>
      </c>
      <c r="Q18198">
        <v>8</v>
      </c>
      <c r="R18198">
        <v>8</v>
      </c>
      <c r="S18198">
        <v>9</v>
      </c>
      <c r="T18198">
        <v>9</v>
      </c>
      <c r="U18198">
        <v>9</v>
      </c>
      <c r="V18198">
        <v>9</v>
      </c>
      <c r="W18198">
        <v>10</v>
      </c>
      <c r="X18198">
        <v>10</v>
      </c>
      <c r="Y18198">
        <v>10</v>
      </c>
      <c r="Z18198">
        <v>10</v>
      </c>
      <c r="AA18198">
        <v>10</v>
      </c>
      <c r="AB18198">
        <v>11</v>
      </c>
      <c r="AC18198">
        <v>11</v>
      </c>
      <c r="AD18198">
        <v>11</v>
      </c>
      <c r="AE18198">
        <v>12</v>
      </c>
      <c r="AF18198">
        <v>12</v>
      </c>
      <c r="AG18198">
        <v>12</v>
      </c>
      <c r="AH18198">
        <v>12</v>
      </c>
      <c r="AI18198">
        <v>13</v>
      </c>
      <c r="AJ18198">
        <v>13</v>
      </c>
      <c r="AK18198">
        <v>13</v>
      </c>
      <c r="AL18198">
        <v>13</v>
      </c>
      <c r="AM18198">
        <v>14</v>
      </c>
      <c r="AN18198">
        <v>14</v>
      </c>
      <c r="AO18198">
        <v>14</v>
      </c>
      <c r="AP18198">
        <v>14</v>
      </c>
      <c r="AQ18198">
        <v>14</v>
      </c>
    </row>
    <row r="18199" spans="1:43">
      <c r="A18199" t="s">
        <v>11276</v>
      </c>
      <c r="B18199" t="s">
        <v>11277</v>
      </c>
      <c r="C18199" t="s">
        <v>11270</v>
      </c>
      <c r="D18199" t="s">
        <v>11271</v>
      </c>
      <c r="E18199" t="s">
        <v>11206</v>
      </c>
      <c r="F18199" t="s">
        <v>11207</v>
      </c>
      <c r="G18199" t="s">
        <v>10734</v>
      </c>
      <c r="H18199" t="s">
        <v>10735</v>
      </c>
      <c r="I18199" s="2">
        <v>0</v>
      </c>
      <c r="J18199" s="2">
        <v>0</v>
      </c>
      <c r="K18199" s="2">
        <v>1</v>
      </c>
      <c r="L18199" t="s">
        <v>995</v>
      </c>
      <c r="M18199" t="s">
        <v>87</v>
      </c>
      <c r="N18199" t="s">
        <v>88</v>
      </c>
      <c r="O18199" t="s">
        <v>85</v>
      </c>
      <c r="P18199" t="s">
        <v>86</v>
      </c>
      <c r="Q18199">
        <v>8</v>
      </c>
      <c r="R18199">
        <v>8</v>
      </c>
      <c r="S18199">
        <v>8</v>
      </c>
      <c r="T18199">
        <v>9</v>
      </c>
      <c r="U18199">
        <v>9</v>
      </c>
      <c r="V18199">
        <v>9</v>
      </c>
      <c r="W18199">
        <v>9</v>
      </c>
      <c r="X18199">
        <v>9</v>
      </c>
      <c r="Y18199">
        <v>9</v>
      </c>
      <c r="Z18199">
        <v>9</v>
      </c>
      <c r="AA18199">
        <v>10</v>
      </c>
      <c r="AB18199">
        <v>10</v>
      </c>
      <c r="AC18199">
        <v>10</v>
      </c>
      <c r="AD18199">
        <v>10</v>
      </c>
      <c r="AE18199">
        <v>10</v>
      </c>
      <c r="AF18199">
        <v>10</v>
      </c>
      <c r="AG18199">
        <v>11</v>
      </c>
      <c r="AH18199">
        <v>11</v>
      </c>
      <c r="AI18199">
        <v>11</v>
      </c>
      <c r="AJ18199">
        <v>11</v>
      </c>
      <c r="AK18199">
        <v>11</v>
      </c>
      <c r="AL18199">
        <v>11</v>
      </c>
      <c r="AM18199">
        <v>12</v>
      </c>
      <c r="AN18199">
        <v>12</v>
      </c>
      <c r="AO18199">
        <v>12</v>
      </c>
      <c r="AP18199">
        <v>12</v>
      </c>
      <c r="AQ18199">
        <v>13</v>
      </c>
    </row>
    <row r="18200" spans="1:43">
      <c r="A18200" t="s">
        <v>11276</v>
      </c>
      <c r="B18200" t="s">
        <v>11277</v>
      </c>
      <c r="C18200" t="s">
        <v>11270</v>
      </c>
      <c r="D18200" t="s">
        <v>11271</v>
      </c>
      <c r="E18200" t="s">
        <v>11206</v>
      </c>
      <c r="F18200" t="s">
        <v>11207</v>
      </c>
      <c r="G18200" t="s">
        <v>10734</v>
      </c>
      <c r="H18200" t="s">
        <v>10735</v>
      </c>
      <c r="I18200" s="2">
        <v>0</v>
      </c>
      <c r="J18200" s="2">
        <v>0</v>
      </c>
      <c r="K18200" s="2">
        <v>1</v>
      </c>
      <c r="L18200" t="s">
        <v>995</v>
      </c>
      <c r="M18200" t="s">
        <v>89</v>
      </c>
      <c r="N18200" t="s">
        <v>90</v>
      </c>
      <c r="O18200" t="s">
        <v>85</v>
      </c>
      <c r="P18200" t="s">
        <v>86</v>
      </c>
      <c r="Q18200">
        <v>8</v>
      </c>
      <c r="R18200">
        <v>9</v>
      </c>
      <c r="S18200">
        <v>9</v>
      </c>
      <c r="T18200">
        <v>9</v>
      </c>
      <c r="U18200">
        <v>9</v>
      </c>
      <c r="V18200">
        <v>10</v>
      </c>
      <c r="W18200">
        <v>10</v>
      </c>
      <c r="X18200">
        <v>10</v>
      </c>
      <c r="Y18200">
        <v>11</v>
      </c>
      <c r="Z18200">
        <v>11</v>
      </c>
      <c r="AA18200">
        <v>11</v>
      </c>
      <c r="AB18200">
        <v>11</v>
      </c>
      <c r="AC18200">
        <v>12</v>
      </c>
      <c r="AD18200">
        <v>12</v>
      </c>
      <c r="AE18200">
        <v>12</v>
      </c>
      <c r="AF18200">
        <v>12</v>
      </c>
      <c r="AG18200">
        <v>13</v>
      </c>
      <c r="AH18200">
        <v>13</v>
      </c>
      <c r="AI18200">
        <v>13</v>
      </c>
      <c r="AJ18200">
        <v>13</v>
      </c>
      <c r="AK18200">
        <v>13</v>
      </c>
      <c r="AL18200">
        <v>14</v>
      </c>
      <c r="AM18200">
        <v>14</v>
      </c>
      <c r="AN18200">
        <v>14</v>
      </c>
      <c r="AO18200">
        <v>14</v>
      </c>
      <c r="AP18200">
        <v>14</v>
      </c>
      <c r="AQ18200">
        <v>14</v>
      </c>
    </row>
    <row r="18201" spans="1:43">
      <c r="A18201" t="s">
        <v>11276</v>
      </c>
      <c r="B18201" t="s">
        <v>11277</v>
      </c>
      <c r="C18201" t="s">
        <v>11270</v>
      </c>
      <c r="D18201" t="s">
        <v>11271</v>
      </c>
      <c r="E18201" t="s">
        <v>11206</v>
      </c>
      <c r="F18201" t="s">
        <v>11207</v>
      </c>
      <c r="G18201" t="s">
        <v>10734</v>
      </c>
      <c r="H18201" t="s">
        <v>10735</v>
      </c>
      <c r="I18201" s="2">
        <v>0</v>
      </c>
      <c r="J18201" s="2">
        <v>0</v>
      </c>
      <c r="K18201" s="2">
        <v>1</v>
      </c>
      <c r="L18201" t="s">
        <v>995</v>
      </c>
      <c r="M18201" t="s">
        <v>83</v>
      </c>
      <c r="N18201" t="s">
        <v>91</v>
      </c>
      <c r="O18201" t="s">
        <v>85</v>
      </c>
      <c r="P18201" t="s">
        <v>86</v>
      </c>
      <c r="Q18201">
        <v>8</v>
      </c>
      <c r="R18201">
        <v>8</v>
      </c>
      <c r="S18201">
        <v>9</v>
      </c>
      <c r="T18201">
        <v>9</v>
      </c>
      <c r="U18201">
        <v>9</v>
      </c>
      <c r="V18201">
        <v>9</v>
      </c>
      <c r="W18201">
        <v>10</v>
      </c>
      <c r="X18201">
        <v>10</v>
      </c>
      <c r="Y18201">
        <v>10</v>
      </c>
      <c r="Z18201">
        <v>10</v>
      </c>
      <c r="AA18201">
        <v>10</v>
      </c>
      <c r="AB18201">
        <v>11</v>
      </c>
      <c r="AC18201">
        <v>11</v>
      </c>
      <c r="AD18201">
        <v>11</v>
      </c>
      <c r="AE18201">
        <v>12</v>
      </c>
      <c r="AF18201">
        <v>12</v>
      </c>
      <c r="AG18201">
        <v>12</v>
      </c>
      <c r="AH18201">
        <v>12</v>
      </c>
      <c r="AI18201">
        <v>13</v>
      </c>
      <c r="AJ18201">
        <v>13</v>
      </c>
      <c r="AK18201">
        <v>13</v>
      </c>
      <c r="AL18201">
        <v>13</v>
      </c>
      <c r="AM18201">
        <v>14</v>
      </c>
      <c r="AN18201">
        <v>14</v>
      </c>
      <c r="AO18201">
        <v>14</v>
      </c>
      <c r="AP18201">
        <v>14</v>
      </c>
      <c r="AQ18201">
        <v>14</v>
      </c>
    </row>
    <row r="18202" spans="1:43">
      <c r="A18202" t="s">
        <v>11278</v>
      </c>
      <c r="B18202" t="s">
        <v>11279</v>
      </c>
      <c r="C18202" t="s">
        <v>11280</v>
      </c>
      <c r="D18202" t="s">
        <v>11281</v>
      </c>
      <c r="E18202" t="s">
        <v>11206</v>
      </c>
      <c r="F18202" t="s">
        <v>11207</v>
      </c>
      <c r="G18202" t="s">
        <v>10734</v>
      </c>
      <c r="H18202" t="s">
        <v>10735</v>
      </c>
      <c r="I18202" s="2">
        <v>0</v>
      </c>
      <c r="J18202" s="2">
        <v>0</v>
      </c>
      <c r="K18202" s="2">
        <v>1</v>
      </c>
      <c r="L18202" t="s">
        <v>995</v>
      </c>
      <c r="M18202" t="s">
        <v>83</v>
      </c>
      <c r="N18202" t="s">
        <v>84</v>
      </c>
      <c r="O18202" t="s">
        <v>85</v>
      </c>
      <c r="P18202" t="s">
        <v>86</v>
      </c>
      <c r="Q18202">
        <v>31</v>
      </c>
      <c r="R18202">
        <v>32</v>
      </c>
      <c r="S18202">
        <v>33</v>
      </c>
      <c r="T18202">
        <v>34</v>
      </c>
      <c r="U18202">
        <v>35</v>
      </c>
      <c r="V18202">
        <v>35</v>
      </c>
      <c r="W18202">
        <v>36</v>
      </c>
      <c r="X18202">
        <v>37</v>
      </c>
      <c r="Y18202">
        <v>38</v>
      </c>
      <c r="Z18202">
        <v>39</v>
      </c>
      <c r="AA18202">
        <v>40</v>
      </c>
      <c r="AB18202">
        <v>41</v>
      </c>
      <c r="AC18202">
        <v>42</v>
      </c>
      <c r="AD18202">
        <v>43</v>
      </c>
      <c r="AE18202">
        <v>44</v>
      </c>
      <c r="AF18202">
        <v>45</v>
      </c>
      <c r="AG18202">
        <v>46</v>
      </c>
      <c r="AH18202">
        <v>47</v>
      </c>
      <c r="AI18202">
        <v>48</v>
      </c>
      <c r="AJ18202">
        <v>49</v>
      </c>
      <c r="AK18202">
        <v>50</v>
      </c>
      <c r="AL18202">
        <v>51</v>
      </c>
      <c r="AM18202">
        <v>52</v>
      </c>
      <c r="AN18202">
        <v>53</v>
      </c>
      <c r="AO18202">
        <v>53</v>
      </c>
      <c r="AP18202">
        <v>54</v>
      </c>
      <c r="AQ18202">
        <v>55</v>
      </c>
    </row>
    <row r="18203" spans="1:43">
      <c r="A18203" t="s">
        <v>11278</v>
      </c>
      <c r="B18203" t="s">
        <v>11279</v>
      </c>
      <c r="C18203" t="s">
        <v>11280</v>
      </c>
      <c r="D18203" t="s">
        <v>11281</v>
      </c>
      <c r="E18203" t="s">
        <v>11206</v>
      </c>
      <c r="F18203" t="s">
        <v>11207</v>
      </c>
      <c r="G18203" t="s">
        <v>10734</v>
      </c>
      <c r="H18203" t="s">
        <v>10735</v>
      </c>
      <c r="I18203" s="2">
        <v>0</v>
      </c>
      <c r="J18203" s="2">
        <v>0</v>
      </c>
      <c r="K18203" s="2">
        <v>1</v>
      </c>
      <c r="L18203" t="s">
        <v>995</v>
      </c>
      <c r="M18203" t="s">
        <v>87</v>
      </c>
      <c r="N18203" t="s">
        <v>88</v>
      </c>
      <c r="O18203" t="s">
        <v>85</v>
      </c>
      <c r="P18203" t="s">
        <v>86</v>
      </c>
      <c r="Q18203">
        <v>31</v>
      </c>
      <c r="R18203">
        <v>31</v>
      </c>
      <c r="S18203">
        <v>32</v>
      </c>
      <c r="T18203">
        <v>33</v>
      </c>
      <c r="U18203">
        <v>33</v>
      </c>
      <c r="V18203">
        <v>34</v>
      </c>
      <c r="W18203">
        <v>34</v>
      </c>
      <c r="X18203">
        <v>35</v>
      </c>
      <c r="Y18203">
        <v>35</v>
      </c>
      <c r="Z18203">
        <v>36</v>
      </c>
      <c r="AA18203">
        <v>37</v>
      </c>
      <c r="AB18203">
        <v>37</v>
      </c>
      <c r="AC18203">
        <v>38</v>
      </c>
      <c r="AD18203">
        <v>38</v>
      </c>
      <c r="AE18203">
        <v>39</v>
      </c>
      <c r="AF18203">
        <v>40</v>
      </c>
      <c r="AG18203">
        <v>40</v>
      </c>
      <c r="AH18203">
        <v>41</v>
      </c>
      <c r="AI18203">
        <v>42</v>
      </c>
      <c r="AJ18203">
        <v>43</v>
      </c>
      <c r="AK18203">
        <v>43</v>
      </c>
      <c r="AL18203">
        <v>44</v>
      </c>
      <c r="AM18203">
        <v>45</v>
      </c>
      <c r="AN18203">
        <v>46</v>
      </c>
      <c r="AO18203">
        <v>46</v>
      </c>
      <c r="AP18203">
        <v>47</v>
      </c>
      <c r="AQ18203">
        <v>48</v>
      </c>
    </row>
    <row r="18204" spans="1:43">
      <c r="A18204" t="s">
        <v>11278</v>
      </c>
      <c r="B18204" t="s">
        <v>11279</v>
      </c>
      <c r="C18204" t="s">
        <v>11280</v>
      </c>
      <c r="D18204" t="s">
        <v>11281</v>
      </c>
      <c r="E18204" t="s">
        <v>11206</v>
      </c>
      <c r="F18204" t="s">
        <v>11207</v>
      </c>
      <c r="G18204" t="s">
        <v>10734</v>
      </c>
      <c r="H18204" t="s">
        <v>10735</v>
      </c>
      <c r="I18204" s="2">
        <v>0</v>
      </c>
      <c r="J18204" s="2">
        <v>0</v>
      </c>
      <c r="K18204" s="2">
        <v>1</v>
      </c>
      <c r="L18204" t="s">
        <v>995</v>
      </c>
      <c r="M18204" t="s">
        <v>89</v>
      </c>
      <c r="N18204" t="s">
        <v>90</v>
      </c>
      <c r="O18204" t="s">
        <v>85</v>
      </c>
      <c r="P18204" t="s">
        <v>86</v>
      </c>
      <c r="Q18204">
        <v>31</v>
      </c>
      <c r="R18204">
        <v>33</v>
      </c>
      <c r="S18204">
        <v>34</v>
      </c>
      <c r="T18204">
        <v>35</v>
      </c>
      <c r="U18204">
        <v>36</v>
      </c>
      <c r="V18204">
        <v>37</v>
      </c>
      <c r="W18204">
        <v>38</v>
      </c>
      <c r="X18204">
        <v>39</v>
      </c>
      <c r="Y18204">
        <v>40</v>
      </c>
      <c r="Z18204">
        <v>41</v>
      </c>
      <c r="AA18204">
        <v>42</v>
      </c>
      <c r="AB18204">
        <v>44</v>
      </c>
      <c r="AC18204">
        <v>45</v>
      </c>
      <c r="AD18204">
        <v>46</v>
      </c>
      <c r="AE18204">
        <v>47</v>
      </c>
      <c r="AF18204">
        <v>47</v>
      </c>
      <c r="AG18204">
        <v>48</v>
      </c>
      <c r="AH18204">
        <v>49</v>
      </c>
      <c r="AI18204">
        <v>49</v>
      </c>
      <c r="AJ18204">
        <v>50</v>
      </c>
      <c r="AK18204">
        <v>51</v>
      </c>
      <c r="AL18204">
        <v>51</v>
      </c>
      <c r="AM18204">
        <v>52</v>
      </c>
      <c r="AN18204">
        <v>53</v>
      </c>
      <c r="AO18204">
        <v>54</v>
      </c>
      <c r="AP18204">
        <v>54</v>
      </c>
      <c r="AQ18204">
        <v>55</v>
      </c>
    </row>
    <row r="18205" spans="1:43">
      <c r="A18205" t="s">
        <v>11278</v>
      </c>
      <c r="B18205" t="s">
        <v>11279</v>
      </c>
      <c r="C18205" t="s">
        <v>11280</v>
      </c>
      <c r="D18205" t="s">
        <v>11281</v>
      </c>
      <c r="E18205" t="s">
        <v>11206</v>
      </c>
      <c r="F18205" t="s">
        <v>11207</v>
      </c>
      <c r="G18205" t="s">
        <v>10734</v>
      </c>
      <c r="H18205" t="s">
        <v>10735</v>
      </c>
      <c r="I18205" s="2">
        <v>0</v>
      </c>
      <c r="J18205" s="2">
        <v>0</v>
      </c>
      <c r="K18205" s="2">
        <v>1</v>
      </c>
      <c r="L18205" t="s">
        <v>995</v>
      </c>
      <c r="M18205" t="s">
        <v>83</v>
      </c>
      <c r="N18205" t="s">
        <v>91</v>
      </c>
      <c r="O18205" t="s">
        <v>85</v>
      </c>
      <c r="P18205" t="s">
        <v>86</v>
      </c>
      <c r="Q18205">
        <v>31</v>
      </c>
      <c r="R18205">
        <v>32</v>
      </c>
      <c r="S18205">
        <v>33</v>
      </c>
      <c r="T18205">
        <v>34</v>
      </c>
      <c r="U18205">
        <v>35</v>
      </c>
      <c r="V18205">
        <v>35</v>
      </c>
      <c r="W18205">
        <v>36</v>
      </c>
      <c r="X18205">
        <v>37</v>
      </c>
      <c r="Y18205">
        <v>38</v>
      </c>
      <c r="Z18205">
        <v>39</v>
      </c>
      <c r="AA18205">
        <v>40</v>
      </c>
      <c r="AB18205">
        <v>41</v>
      </c>
      <c r="AC18205">
        <v>42</v>
      </c>
      <c r="AD18205">
        <v>43</v>
      </c>
      <c r="AE18205">
        <v>44</v>
      </c>
      <c r="AF18205">
        <v>45</v>
      </c>
      <c r="AG18205">
        <v>46</v>
      </c>
      <c r="AH18205">
        <v>47</v>
      </c>
      <c r="AI18205">
        <v>48</v>
      </c>
      <c r="AJ18205">
        <v>49</v>
      </c>
      <c r="AK18205">
        <v>50</v>
      </c>
      <c r="AL18205">
        <v>51</v>
      </c>
      <c r="AM18205">
        <v>52</v>
      </c>
      <c r="AN18205">
        <v>53</v>
      </c>
      <c r="AO18205">
        <v>53</v>
      </c>
      <c r="AP18205">
        <v>54</v>
      </c>
      <c r="AQ18205">
        <v>55</v>
      </c>
    </row>
    <row r="18206" spans="1:43">
      <c r="A18206" t="s">
        <v>11282</v>
      </c>
      <c r="B18206" t="s">
        <v>11283</v>
      </c>
      <c r="C18206" t="s">
        <v>11248</v>
      </c>
      <c r="D18206" t="s">
        <v>11249</v>
      </c>
      <c r="E18206" t="s">
        <v>11206</v>
      </c>
      <c r="F18206" t="s">
        <v>11207</v>
      </c>
      <c r="G18206" t="s">
        <v>10734</v>
      </c>
      <c r="H18206" t="s">
        <v>10735</v>
      </c>
      <c r="I18206" s="2">
        <v>0</v>
      </c>
      <c r="J18206" s="2">
        <v>0</v>
      </c>
      <c r="K18206" s="2">
        <v>1</v>
      </c>
      <c r="L18206" t="s">
        <v>995</v>
      </c>
      <c r="M18206" t="s">
        <v>83</v>
      </c>
      <c r="N18206" t="s">
        <v>84</v>
      </c>
      <c r="O18206" t="s">
        <v>85</v>
      </c>
      <c r="P18206" t="s">
        <v>86</v>
      </c>
      <c r="Q18206">
        <v>39</v>
      </c>
      <c r="R18206">
        <v>40</v>
      </c>
      <c r="S18206">
        <v>41</v>
      </c>
      <c r="T18206">
        <v>42</v>
      </c>
      <c r="U18206">
        <v>43</v>
      </c>
      <c r="V18206">
        <v>44</v>
      </c>
      <c r="W18206">
        <v>45</v>
      </c>
      <c r="X18206">
        <v>46</v>
      </c>
      <c r="Y18206">
        <v>47</v>
      </c>
      <c r="Z18206">
        <v>49</v>
      </c>
      <c r="AA18206">
        <v>50</v>
      </c>
      <c r="AB18206">
        <v>51</v>
      </c>
      <c r="AC18206">
        <v>52</v>
      </c>
      <c r="AD18206">
        <v>53</v>
      </c>
      <c r="AE18206">
        <v>55</v>
      </c>
      <c r="AF18206">
        <v>56</v>
      </c>
      <c r="AG18206">
        <v>57</v>
      </c>
      <c r="AH18206">
        <v>58</v>
      </c>
      <c r="AI18206">
        <v>60</v>
      </c>
      <c r="AJ18206">
        <v>61</v>
      </c>
      <c r="AK18206">
        <v>62</v>
      </c>
      <c r="AL18206">
        <v>63</v>
      </c>
      <c r="AM18206">
        <v>64</v>
      </c>
      <c r="AN18206">
        <v>65</v>
      </c>
      <c r="AO18206">
        <v>66</v>
      </c>
      <c r="AP18206">
        <v>67</v>
      </c>
      <c r="AQ18206">
        <v>68</v>
      </c>
    </row>
    <row r="18207" spans="1:43">
      <c r="A18207" t="s">
        <v>11282</v>
      </c>
      <c r="B18207" t="s">
        <v>11283</v>
      </c>
      <c r="C18207" t="s">
        <v>11248</v>
      </c>
      <c r="D18207" t="s">
        <v>11249</v>
      </c>
      <c r="E18207" t="s">
        <v>11206</v>
      </c>
      <c r="F18207" t="s">
        <v>11207</v>
      </c>
      <c r="G18207" t="s">
        <v>10734</v>
      </c>
      <c r="H18207" t="s">
        <v>10735</v>
      </c>
      <c r="I18207" s="2">
        <v>0</v>
      </c>
      <c r="J18207" s="2">
        <v>0</v>
      </c>
      <c r="K18207" s="2">
        <v>1</v>
      </c>
      <c r="L18207" t="s">
        <v>995</v>
      </c>
      <c r="M18207" t="s">
        <v>87</v>
      </c>
      <c r="N18207" t="s">
        <v>88</v>
      </c>
      <c r="O18207" t="s">
        <v>85</v>
      </c>
      <c r="P18207" t="s">
        <v>86</v>
      </c>
      <c r="Q18207">
        <v>39</v>
      </c>
      <c r="R18207">
        <v>40</v>
      </c>
      <c r="S18207">
        <v>41</v>
      </c>
      <c r="T18207">
        <v>41</v>
      </c>
      <c r="U18207">
        <v>42</v>
      </c>
      <c r="V18207">
        <v>43</v>
      </c>
      <c r="W18207">
        <v>43</v>
      </c>
      <c r="X18207">
        <v>44</v>
      </c>
      <c r="Y18207">
        <v>45</v>
      </c>
      <c r="Z18207">
        <v>46</v>
      </c>
      <c r="AA18207">
        <v>46</v>
      </c>
      <c r="AB18207">
        <v>47</v>
      </c>
      <c r="AC18207">
        <v>48</v>
      </c>
      <c r="AD18207">
        <v>49</v>
      </c>
      <c r="AE18207">
        <v>49</v>
      </c>
      <c r="AF18207">
        <v>50</v>
      </c>
      <c r="AG18207">
        <v>51</v>
      </c>
      <c r="AH18207">
        <v>52</v>
      </c>
      <c r="AI18207">
        <v>53</v>
      </c>
      <c r="AJ18207">
        <v>54</v>
      </c>
      <c r="AK18207">
        <v>55</v>
      </c>
      <c r="AL18207">
        <v>56</v>
      </c>
      <c r="AM18207">
        <v>57</v>
      </c>
      <c r="AN18207">
        <v>58</v>
      </c>
      <c r="AO18207">
        <v>59</v>
      </c>
      <c r="AP18207">
        <v>60</v>
      </c>
      <c r="AQ18207">
        <v>61</v>
      </c>
    </row>
    <row r="18208" spans="1:43">
      <c r="A18208" t="s">
        <v>11282</v>
      </c>
      <c r="B18208" t="s">
        <v>11283</v>
      </c>
      <c r="C18208" t="s">
        <v>11248</v>
      </c>
      <c r="D18208" t="s">
        <v>11249</v>
      </c>
      <c r="E18208" t="s">
        <v>11206</v>
      </c>
      <c r="F18208" t="s">
        <v>11207</v>
      </c>
      <c r="G18208" t="s">
        <v>10734</v>
      </c>
      <c r="H18208" t="s">
        <v>10735</v>
      </c>
      <c r="I18208" s="2">
        <v>0</v>
      </c>
      <c r="J18208" s="2">
        <v>0</v>
      </c>
      <c r="K18208" s="2">
        <v>1</v>
      </c>
      <c r="L18208" t="s">
        <v>995</v>
      </c>
      <c r="M18208" t="s">
        <v>89</v>
      </c>
      <c r="N18208" t="s">
        <v>90</v>
      </c>
      <c r="O18208" t="s">
        <v>85</v>
      </c>
      <c r="P18208" t="s">
        <v>86</v>
      </c>
      <c r="Q18208">
        <v>39</v>
      </c>
      <c r="R18208">
        <v>40</v>
      </c>
      <c r="S18208">
        <v>42</v>
      </c>
      <c r="T18208">
        <v>43</v>
      </c>
      <c r="U18208">
        <v>45</v>
      </c>
      <c r="V18208">
        <v>46</v>
      </c>
      <c r="W18208">
        <v>47</v>
      </c>
      <c r="X18208">
        <v>49</v>
      </c>
      <c r="Y18208">
        <v>50</v>
      </c>
      <c r="Z18208">
        <v>51</v>
      </c>
      <c r="AA18208">
        <v>53</v>
      </c>
      <c r="AB18208">
        <v>54</v>
      </c>
      <c r="AC18208">
        <v>55</v>
      </c>
      <c r="AD18208">
        <v>57</v>
      </c>
      <c r="AE18208">
        <v>58</v>
      </c>
      <c r="AF18208">
        <v>59</v>
      </c>
      <c r="AG18208">
        <v>60</v>
      </c>
      <c r="AH18208">
        <v>61</v>
      </c>
      <c r="AI18208">
        <v>61</v>
      </c>
      <c r="AJ18208">
        <v>62</v>
      </c>
      <c r="AK18208">
        <v>63</v>
      </c>
      <c r="AL18208">
        <v>64</v>
      </c>
      <c r="AM18208">
        <v>65</v>
      </c>
      <c r="AN18208">
        <v>66</v>
      </c>
      <c r="AO18208">
        <v>67</v>
      </c>
      <c r="AP18208">
        <v>68</v>
      </c>
      <c r="AQ18208">
        <v>69</v>
      </c>
    </row>
    <row r="18209" spans="1:43">
      <c r="A18209" t="s">
        <v>11282</v>
      </c>
      <c r="B18209" t="s">
        <v>11283</v>
      </c>
      <c r="C18209" t="s">
        <v>11248</v>
      </c>
      <c r="D18209" t="s">
        <v>11249</v>
      </c>
      <c r="E18209" t="s">
        <v>11206</v>
      </c>
      <c r="F18209" t="s">
        <v>11207</v>
      </c>
      <c r="G18209" t="s">
        <v>10734</v>
      </c>
      <c r="H18209" t="s">
        <v>10735</v>
      </c>
      <c r="I18209" s="2">
        <v>0</v>
      </c>
      <c r="J18209" s="2">
        <v>0</v>
      </c>
      <c r="K18209" s="2">
        <v>1</v>
      </c>
      <c r="L18209" t="s">
        <v>995</v>
      </c>
      <c r="M18209" t="s">
        <v>83</v>
      </c>
      <c r="N18209" t="s">
        <v>91</v>
      </c>
      <c r="O18209" t="s">
        <v>85</v>
      </c>
      <c r="P18209" t="s">
        <v>86</v>
      </c>
      <c r="Q18209">
        <v>39</v>
      </c>
      <c r="R18209">
        <v>40</v>
      </c>
      <c r="S18209">
        <v>41</v>
      </c>
      <c r="T18209">
        <v>42</v>
      </c>
      <c r="U18209">
        <v>43</v>
      </c>
      <c r="V18209">
        <v>44</v>
      </c>
      <c r="W18209">
        <v>45</v>
      </c>
      <c r="X18209">
        <v>46</v>
      </c>
      <c r="Y18209">
        <v>47</v>
      </c>
      <c r="Z18209">
        <v>49</v>
      </c>
      <c r="AA18209">
        <v>50</v>
      </c>
      <c r="AB18209">
        <v>51</v>
      </c>
      <c r="AC18209">
        <v>52</v>
      </c>
      <c r="AD18209">
        <v>53</v>
      </c>
      <c r="AE18209">
        <v>55</v>
      </c>
      <c r="AF18209">
        <v>56</v>
      </c>
      <c r="AG18209">
        <v>57</v>
      </c>
      <c r="AH18209">
        <v>58</v>
      </c>
      <c r="AI18209">
        <v>60</v>
      </c>
      <c r="AJ18209">
        <v>61</v>
      </c>
      <c r="AK18209">
        <v>62</v>
      </c>
      <c r="AL18209">
        <v>63</v>
      </c>
      <c r="AM18209">
        <v>64</v>
      </c>
      <c r="AN18209">
        <v>65</v>
      </c>
      <c r="AO18209">
        <v>66</v>
      </c>
      <c r="AP18209">
        <v>67</v>
      </c>
      <c r="AQ18209">
        <v>68</v>
      </c>
    </row>
    <row r="18210" spans="1:43">
      <c r="A18210" t="s">
        <v>11284</v>
      </c>
      <c r="B18210" t="s">
        <v>11285</v>
      </c>
      <c r="C18210" t="s">
        <v>11280</v>
      </c>
      <c r="D18210" t="s">
        <v>11281</v>
      </c>
      <c r="E18210" t="s">
        <v>11206</v>
      </c>
      <c r="F18210" t="s">
        <v>11207</v>
      </c>
      <c r="G18210" t="s">
        <v>10734</v>
      </c>
      <c r="H18210" t="s">
        <v>10735</v>
      </c>
      <c r="I18210" s="2">
        <v>0</v>
      </c>
      <c r="J18210" s="2">
        <v>0</v>
      </c>
      <c r="K18210" s="2">
        <v>1</v>
      </c>
      <c r="L18210" t="s">
        <v>995</v>
      </c>
      <c r="M18210" t="s">
        <v>83</v>
      </c>
      <c r="N18210" t="s">
        <v>84</v>
      </c>
      <c r="O18210" t="s">
        <v>85</v>
      </c>
      <c r="P18210" t="s">
        <v>86</v>
      </c>
      <c r="Q18210">
        <v>5</v>
      </c>
      <c r="R18210">
        <v>5</v>
      </c>
      <c r="S18210">
        <v>5</v>
      </c>
      <c r="T18210">
        <v>5</v>
      </c>
      <c r="U18210">
        <v>5</v>
      </c>
      <c r="V18210">
        <v>6</v>
      </c>
      <c r="W18210">
        <v>6</v>
      </c>
      <c r="X18210">
        <v>6</v>
      </c>
      <c r="Y18210">
        <v>6</v>
      </c>
      <c r="Z18210">
        <v>6</v>
      </c>
      <c r="AA18210">
        <v>6</v>
      </c>
      <c r="AB18210">
        <v>7</v>
      </c>
      <c r="AC18210">
        <v>7</v>
      </c>
      <c r="AD18210">
        <v>7</v>
      </c>
      <c r="AE18210">
        <v>7</v>
      </c>
      <c r="AF18210">
        <v>7</v>
      </c>
      <c r="AG18210">
        <v>7</v>
      </c>
      <c r="AH18210">
        <v>7</v>
      </c>
      <c r="AI18210">
        <v>8</v>
      </c>
      <c r="AJ18210">
        <v>8</v>
      </c>
      <c r="AK18210">
        <v>8</v>
      </c>
      <c r="AL18210">
        <v>8</v>
      </c>
      <c r="AM18210">
        <v>8</v>
      </c>
      <c r="AN18210">
        <v>8</v>
      </c>
      <c r="AO18210">
        <v>8</v>
      </c>
      <c r="AP18210">
        <v>9</v>
      </c>
      <c r="AQ18210">
        <v>9</v>
      </c>
    </row>
    <row r="18211" spans="1:43">
      <c r="A18211" t="s">
        <v>11284</v>
      </c>
      <c r="B18211" t="s">
        <v>11285</v>
      </c>
      <c r="C18211" t="s">
        <v>11280</v>
      </c>
      <c r="D18211" t="s">
        <v>11281</v>
      </c>
      <c r="E18211" t="s">
        <v>11206</v>
      </c>
      <c r="F18211" t="s">
        <v>11207</v>
      </c>
      <c r="G18211" t="s">
        <v>10734</v>
      </c>
      <c r="H18211" t="s">
        <v>10735</v>
      </c>
      <c r="I18211" s="2">
        <v>0</v>
      </c>
      <c r="J18211" s="2">
        <v>0</v>
      </c>
      <c r="K18211" s="2">
        <v>1</v>
      </c>
      <c r="L18211" t="s">
        <v>995</v>
      </c>
      <c r="M18211" t="s">
        <v>87</v>
      </c>
      <c r="N18211" t="s">
        <v>88</v>
      </c>
      <c r="O18211" t="s">
        <v>85</v>
      </c>
      <c r="P18211" t="s">
        <v>86</v>
      </c>
      <c r="Q18211">
        <v>5</v>
      </c>
      <c r="R18211">
        <v>5</v>
      </c>
      <c r="S18211">
        <v>5</v>
      </c>
      <c r="T18211">
        <v>5</v>
      </c>
      <c r="U18211">
        <v>5</v>
      </c>
      <c r="V18211">
        <v>5</v>
      </c>
      <c r="W18211">
        <v>5</v>
      </c>
      <c r="X18211">
        <v>6</v>
      </c>
      <c r="Y18211">
        <v>6</v>
      </c>
      <c r="Z18211">
        <v>6</v>
      </c>
      <c r="AA18211">
        <v>6</v>
      </c>
      <c r="AB18211">
        <v>6</v>
      </c>
      <c r="AC18211">
        <v>6</v>
      </c>
      <c r="AD18211">
        <v>6</v>
      </c>
      <c r="AE18211">
        <v>6</v>
      </c>
      <c r="AF18211">
        <v>6</v>
      </c>
      <c r="AG18211">
        <v>6</v>
      </c>
      <c r="AH18211">
        <v>7</v>
      </c>
      <c r="AI18211">
        <v>7</v>
      </c>
      <c r="AJ18211">
        <v>7</v>
      </c>
      <c r="AK18211">
        <v>7</v>
      </c>
      <c r="AL18211">
        <v>7</v>
      </c>
      <c r="AM18211">
        <v>7</v>
      </c>
      <c r="AN18211">
        <v>7</v>
      </c>
      <c r="AO18211">
        <v>7</v>
      </c>
      <c r="AP18211">
        <v>8</v>
      </c>
      <c r="AQ18211">
        <v>8</v>
      </c>
    </row>
    <row r="18212" spans="1:43">
      <c r="A18212" t="s">
        <v>11284</v>
      </c>
      <c r="B18212" t="s">
        <v>11285</v>
      </c>
      <c r="C18212" t="s">
        <v>11280</v>
      </c>
      <c r="D18212" t="s">
        <v>11281</v>
      </c>
      <c r="E18212" t="s">
        <v>11206</v>
      </c>
      <c r="F18212" t="s">
        <v>11207</v>
      </c>
      <c r="G18212" t="s">
        <v>10734</v>
      </c>
      <c r="H18212" t="s">
        <v>10735</v>
      </c>
      <c r="I18212" s="2">
        <v>0</v>
      </c>
      <c r="J18212" s="2">
        <v>0</v>
      </c>
      <c r="K18212" s="2">
        <v>1</v>
      </c>
      <c r="L18212" t="s">
        <v>995</v>
      </c>
      <c r="M18212" t="s">
        <v>89</v>
      </c>
      <c r="N18212" t="s">
        <v>90</v>
      </c>
      <c r="O18212" t="s">
        <v>85</v>
      </c>
      <c r="P18212" t="s">
        <v>86</v>
      </c>
      <c r="Q18212">
        <v>5</v>
      </c>
      <c r="R18212">
        <v>5</v>
      </c>
      <c r="S18212">
        <v>5</v>
      </c>
      <c r="T18212">
        <v>6</v>
      </c>
      <c r="U18212">
        <v>6</v>
      </c>
      <c r="V18212">
        <v>6</v>
      </c>
      <c r="W18212">
        <v>6</v>
      </c>
      <c r="X18212">
        <v>6</v>
      </c>
      <c r="Y18212">
        <v>6</v>
      </c>
      <c r="Z18212">
        <v>7</v>
      </c>
      <c r="AA18212">
        <v>7</v>
      </c>
      <c r="AB18212">
        <v>7</v>
      </c>
      <c r="AC18212">
        <v>7</v>
      </c>
      <c r="AD18212">
        <v>7</v>
      </c>
      <c r="AE18212">
        <v>7</v>
      </c>
      <c r="AF18212">
        <v>8</v>
      </c>
      <c r="AG18212">
        <v>8</v>
      </c>
      <c r="AH18212">
        <v>8</v>
      </c>
      <c r="AI18212">
        <v>8</v>
      </c>
      <c r="AJ18212">
        <v>8</v>
      </c>
      <c r="AK18212">
        <v>8</v>
      </c>
      <c r="AL18212">
        <v>8</v>
      </c>
      <c r="AM18212">
        <v>8</v>
      </c>
      <c r="AN18212">
        <v>8</v>
      </c>
      <c r="AO18212">
        <v>9</v>
      </c>
      <c r="AP18212">
        <v>9</v>
      </c>
      <c r="AQ18212">
        <v>9</v>
      </c>
    </row>
    <row r="18213" spans="1:43">
      <c r="A18213" t="s">
        <v>11284</v>
      </c>
      <c r="B18213" t="s">
        <v>11285</v>
      </c>
      <c r="C18213" t="s">
        <v>11280</v>
      </c>
      <c r="D18213" t="s">
        <v>11281</v>
      </c>
      <c r="E18213" t="s">
        <v>11206</v>
      </c>
      <c r="F18213" t="s">
        <v>11207</v>
      </c>
      <c r="G18213" t="s">
        <v>10734</v>
      </c>
      <c r="H18213" t="s">
        <v>10735</v>
      </c>
      <c r="I18213" s="2">
        <v>0</v>
      </c>
      <c r="J18213" s="2">
        <v>0</v>
      </c>
      <c r="K18213" s="2">
        <v>1</v>
      </c>
      <c r="L18213" t="s">
        <v>995</v>
      </c>
      <c r="M18213" t="s">
        <v>83</v>
      </c>
      <c r="N18213" t="s">
        <v>91</v>
      </c>
      <c r="O18213" t="s">
        <v>85</v>
      </c>
      <c r="P18213" t="s">
        <v>86</v>
      </c>
      <c r="Q18213">
        <v>5</v>
      </c>
      <c r="R18213">
        <v>5</v>
      </c>
      <c r="S18213">
        <v>5</v>
      </c>
      <c r="T18213">
        <v>5</v>
      </c>
      <c r="U18213">
        <v>5</v>
      </c>
      <c r="V18213">
        <v>6</v>
      </c>
      <c r="W18213">
        <v>6</v>
      </c>
      <c r="X18213">
        <v>6</v>
      </c>
      <c r="Y18213">
        <v>6</v>
      </c>
      <c r="Z18213">
        <v>6</v>
      </c>
      <c r="AA18213">
        <v>6</v>
      </c>
      <c r="AB18213">
        <v>7</v>
      </c>
      <c r="AC18213">
        <v>7</v>
      </c>
      <c r="AD18213">
        <v>7</v>
      </c>
      <c r="AE18213">
        <v>7</v>
      </c>
      <c r="AF18213">
        <v>7</v>
      </c>
      <c r="AG18213">
        <v>7</v>
      </c>
      <c r="AH18213">
        <v>7</v>
      </c>
      <c r="AI18213">
        <v>8</v>
      </c>
      <c r="AJ18213">
        <v>8</v>
      </c>
      <c r="AK18213">
        <v>8</v>
      </c>
      <c r="AL18213">
        <v>8</v>
      </c>
      <c r="AM18213">
        <v>8</v>
      </c>
      <c r="AN18213">
        <v>8</v>
      </c>
      <c r="AO18213">
        <v>8</v>
      </c>
      <c r="AP18213">
        <v>9</v>
      </c>
      <c r="AQ18213">
        <v>9</v>
      </c>
    </row>
    <row r="18214" spans="1:43">
      <c r="A18214" t="s">
        <v>11286</v>
      </c>
      <c r="B18214" t="s">
        <v>11287</v>
      </c>
      <c r="C18214" t="s">
        <v>11280</v>
      </c>
      <c r="D18214" t="s">
        <v>11281</v>
      </c>
      <c r="E18214" t="s">
        <v>11206</v>
      </c>
      <c r="F18214" t="s">
        <v>11207</v>
      </c>
      <c r="G18214" t="s">
        <v>10734</v>
      </c>
      <c r="H18214" t="s">
        <v>10735</v>
      </c>
      <c r="I18214" s="2">
        <v>0</v>
      </c>
      <c r="J18214" s="2">
        <v>0</v>
      </c>
      <c r="K18214" s="2">
        <v>1</v>
      </c>
      <c r="L18214" t="s">
        <v>995</v>
      </c>
      <c r="M18214" t="s">
        <v>83</v>
      </c>
      <c r="N18214" t="s">
        <v>84</v>
      </c>
      <c r="O18214" t="s">
        <v>85</v>
      </c>
      <c r="P18214" t="s">
        <v>86</v>
      </c>
      <c r="Q18214">
        <v>16</v>
      </c>
      <c r="R18214">
        <v>16</v>
      </c>
      <c r="S18214">
        <v>17</v>
      </c>
      <c r="T18214">
        <v>17</v>
      </c>
      <c r="U18214">
        <v>18</v>
      </c>
      <c r="V18214">
        <v>18</v>
      </c>
      <c r="W18214">
        <v>19</v>
      </c>
      <c r="X18214">
        <v>19</v>
      </c>
      <c r="Y18214">
        <v>20</v>
      </c>
      <c r="Z18214">
        <v>20</v>
      </c>
      <c r="AA18214">
        <v>21</v>
      </c>
      <c r="AB18214">
        <v>21</v>
      </c>
      <c r="AC18214">
        <v>22</v>
      </c>
      <c r="AD18214">
        <v>22</v>
      </c>
      <c r="AE18214">
        <v>23</v>
      </c>
      <c r="AF18214">
        <v>23</v>
      </c>
      <c r="AG18214">
        <v>24</v>
      </c>
      <c r="AH18214">
        <v>24</v>
      </c>
      <c r="AI18214">
        <v>25</v>
      </c>
      <c r="AJ18214">
        <v>25</v>
      </c>
      <c r="AK18214">
        <v>26</v>
      </c>
      <c r="AL18214">
        <v>26</v>
      </c>
      <c r="AM18214">
        <v>27</v>
      </c>
      <c r="AN18214">
        <v>27</v>
      </c>
      <c r="AO18214">
        <v>28</v>
      </c>
      <c r="AP18214">
        <v>28</v>
      </c>
      <c r="AQ18214">
        <v>28</v>
      </c>
    </row>
    <row r="18215" spans="1:43">
      <c r="A18215" t="s">
        <v>11286</v>
      </c>
      <c r="B18215" t="s">
        <v>11287</v>
      </c>
      <c r="C18215" t="s">
        <v>11280</v>
      </c>
      <c r="D18215" t="s">
        <v>11281</v>
      </c>
      <c r="E18215" t="s">
        <v>11206</v>
      </c>
      <c r="F18215" t="s">
        <v>11207</v>
      </c>
      <c r="G18215" t="s">
        <v>10734</v>
      </c>
      <c r="H18215" t="s">
        <v>10735</v>
      </c>
      <c r="I18215" s="2">
        <v>0</v>
      </c>
      <c r="J18215" s="2">
        <v>0</v>
      </c>
      <c r="K18215" s="2">
        <v>1</v>
      </c>
      <c r="L18215" t="s">
        <v>995</v>
      </c>
      <c r="M18215" t="s">
        <v>87</v>
      </c>
      <c r="N18215" t="s">
        <v>88</v>
      </c>
      <c r="O18215" t="s">
        <v>85</v>
      </c>
      <c r="P18215" t="s">
        <v>86</v>
      </c>
      <c r="Q18215">
        <v>16</v>
      </c>
      <c r="R18215">
        <v>16</v>
      </c>
      <c r="S18215">
        <v>16</v>
      </c>
      <c r="T18215">
        <v>17</v>
      </c>
      <c r="U18215">
        <v>17</v>
      </c>
      <c r="V18215">
        <v>17</v>
      </c>
      <c r="W18215">
        <v>18</v>
      </c>
      <c r="X18215">
        <v>18</v>
      </c>
      <c r="Y18215">
        <v>18</v>
      </c>
      <c r="Z18215">
        <v>19</v>
      </c>
      <c r="AA18215">
        <v>19</v>
      </c>
      <c r="AB18215">
        <v>19</v>
      </c>
      <c r="AC18215">
        <v>19</v>
      </c>
      <c r="AD18215">
        <v>20</v>
      </c>
      <c r="AE18215">
        <v>20</v>
      </c>
      <c r="AF18215">
        <v>20</v>
      </c>
      <c r="AG18215">
        <v>21</v>
      </c>
      <c r="AH18215">
        <v>21</v>
      </c>
      <c r="AI18215">
        <v>22</v>
      </c>
      <c r="AJ18215">
        <v>22</v>
      </c>
      <c r="AK18215">
        <v>22</v>
      </c>
      <c r="AL18215">
        <v>23</v>
      </c>
      <c r="AM18215">
        <v>23</v>
      </c>
      <c r="AN18215">
        <v>24</v>
      </c>
      <c r="AO18215">
        <v>24</v>
      </c>
      <c r="AP18215">
        <v>24</v>
      </c>
      <c r="AQ18215">
        <v>25</v>
      </c>
    </row>
    <row r="18216" spans="1:43">
      <c r="A18216" t="s">
        <v>11286</v>
      </c>
      <c r="B18216" t="s">
        <v>11287</v>
      </c>
      <c r="C18216" t="s">
        <v>11280</v>
      </c>
      <c r="D18216" t="s">
        <v>11281</v>
      </c>
      <c r="E18216" t="s">
        <v>11206</v>
      </c>
      <c r="F18216" t="s">
        <v>11207</v>
      </c>
      <c r="G18216" t="s">
        <v>10734</v>
      </c>
      <c r="H18216" t="s">
        <v>10735</v>
      </c>
      <c r="I18216" s="2">
        <v>0</v>
      </c>
      <c r="J18216" s="2">
        <v>0</v>
      </c>
      <c r="K18216" s="2">
        <v>1</v>
      </c>
      <c r="L18216" t="s">
        <v>995</v>
      </c>
      <c r="M18216" t="s">
        <v>89</v>
      </c>
      <c r="N18216" t="s">
        <v>90</v>
      </c>
      <c r="O18216" t="s">
        <v>85</v>
      </c>
      <c r="P18216" t="s">
        <v>86</v>
      </c>
      <c r="Q18216">
        <v>16</v>
      </c>
      <c r="R18216">
        <v>17</v>
      </c>
      <c r="S18216">
        <v>17</v>
      </c>
      <c r="T18216">
        <v>18</v>
      </c>
      <c r="U18216">
        <v>19</v>
      </c>
      <c r="V18216">
        <v>19</v>
      </c>
      <c r="W18216">
        <v>20</v>
      </c>
      <c r="X18216">
        <v>20</v>
      </c>
      <c r="Y18216">
        <v>21</v>
      </c>
      <c r="Z18216">
        <v>21</v>
      </c>
      <c r="AA18216">
        <v>22</v>
      </c>
      <c r="AB18216">
        <v>22</v>
      </c>
      <c r="AC18216">
        <v>23</v>
      </c>
      <c r="AD18216">
        <v>24</v>
      </c>
      <c r="AE18216">
        <v>24</v>
      </c>
      <c r="AF18216">
        <v>24</v>
      </c>
      <c r="AG18216">
        <v>25</v>
      </c>
      <c r="AH18216">
        <v>25</v>
      </c>
      <c r="AI18216">
        <v>26</v>
      </c>
      <c r="AJ18216">
        <v>26</v>
      </c>
      <c r="AK18216">
        <v>26</v>
      </c>
      <c r="AL18216">
        <v>27</v>
      </c>
      <c r="AM18216">
        <v>27</v>
      </c>
      <c r="AN18216">
        <v>27</v>
      </c>
      <c r="AO18216">
        <v>28</v>
      </c>
      <c r="AP18216">
        <v>28</v>
      </c>
      <c r="AQ18216">
        <v>29</v>
      </c>
    </row>
    <row r="18217" spans="1:43">
      <c r="A18217" t="s">
        <v>11286</v>
      </c>
      <c r="B18217" t="s">
        <v>11287</v>
      </c>
      <c r="C18217" t="s">
        <v>11280</v>
      </c>
      <c r="D18217" t="s">
        <v>11281</v>
      </c>
      <c r="E18217" t="s">
        <v>11206</v>
      </c>
      <c r="F18217" t="s">
        <v>11207</v>
      </c>
      <c r="G18217" t="s">
        <v>10734</v>
      </c>
      <c r="H18217" t="s">
        <v>10735</v>
      </c>
      <c r="I18217" s="2">
        <v>0</v>
      </c>
      <c r="J18217" s="2">
        <v>0</v>
      </c>
      <c r="K18217" s="2">
        <v>1</v>
      </c>
      <c r="L18217" t="s">
        <v>995</v>
      </c>
      <c r="M18217" t="s">
        <v>83</v>
      </c>
      <c r="N18217" t="s">
        <v>91</v>
      </c>
      <c r="O18217" t="s">
        <v>85</v>
      </c>
      <c r="P18217" t="s">
        <v>86</v>
      </c>
      <c r="Q18217">
        <v>16</v>
      </c>
      <c r="R18217">
        <v>16</v>
      </c>
      <c r="S18217">
        <v>17</v>
      </c>
      <c r="T18217">
        <v>17</v>
      </c>
      <c r="U18217">
        <v>18</v>
      </c>
      <c r="V18217">
        <v>18</v>
      </c>
      <c r="W18217">
        <v>19</v>
      </c>
      <c r="X18217">
        <v>19</v>
      </c>
      <c r="Y18217">
        <v>20</v>
      </c>
      <c r="Z18217">
        <v>20</v>
      </c>
      <c r="AA18217">
        <v>21</v>
      </c>
      <c r="AB18217">
        <v>21</v>
      </c>
      <c r="AC18217">
        <v>22</v>
      </c>
      <c r="AD18217">
        <v>22</v>
      </c>
      <c r="AE18217">
        <v>23</v>
      </c>
      <c r="AF18217">
        <v>23</v>
      </c>
      <c r="AG18217">
        <v>24</v>
      </c>
      <c r="AH18217">
        <v>24</v>
      </c>
      <c r="AI18217">
        <v>25</v>
      </c>
      <c r="AJ18217">
        <v>25</v>
      </c>
      <c r="AK18217">
        <v>26</v>
      </c>
      <c r="AL18217">
        <v>26</v>
      </c>
      <c r="AM18217">
        <v>27</v>
      </c>
      <c r="AN18217">
        <v>27</v>
      </c>
      <c r="AO18217">
        <v>28</v>
      </c>
      <c r="AP18217">
        <v>28</v>
      </c>
      <c r="AQ18217">
        <v>28</v>
      </c>
    </row>
    <row r="18218" spans="1:43">
      <c r="A18218" t="s">
        <v>11288</v>
      </c>
      <c r="B18218" t="s">
        <v>11289</v>
      </c>
      <c r="C18218" t="s">
        <v>11280</v>
      </c>
      <c r="D18218" t="s">
        <v>11281</v>
      </c>
      <c r="E18218" t="s">
        <v>11206</v>
      </c>
      <c r="F18218" t="s">
        <v>11207</v>
      </c>
      <c r="G18218" t="s">
        <v>10734</v>
      </c>
      <c r="H18218" t="s">
        <v>10735</v>
      </c>
      <c r="I18218" s="2">
        <v>0</v>
      </c>
      <c r="J18218" s="2">
        <v>0</v>
      </c>
      <c r="K18218" s="2">
        <v>1</v>
      </c>
      <c r="L18218" t="s">
        <v>995</v>
      </c>
      <c r="M18218" t="s">
        <v>83</v>
      </c>
      <c r="N18218" t="s">
        <v>84</v>
      </c>
      <c r="O18218" t="s">
        <v>85</v>
      </c>
      <c r="P18218" t="s">
        <v>86</v>
      </c>
      <c r="Q18218">
        <v>20</v>
      </c>
      <c r="R18218">
        <v>20</v>
      </c>
      <c r="S18218">
        <v>21</v>
      </c>
      <c r="T18218">
        <v>21</v>
      </c>
      <c r="U18218">
        <v>22</v>
      </c>
      <c r="V18218">
        <v>22</v>
      </c>
      <c r="W18218">
        <v>23</v>
      </c>
      <c r="X18218">
        <v>23</v>
      </c>
      <c r="Y18218">
        <v>24</v>
      </c>
      <c r="Z18218">
        <v>25</v>
      </c>
      <c r="AA18218">
        <v>25</v>
      </c>
      <c r="AB18218">
        <v>26</v>
      </c>
      <c r="AC18218">
        <v>26</v>
      </c>
      <c r="AD18218">
        <v>27</v>
      </c>
      <c r="AE18218">
        <v>28</v>
      </c>
      <c r="AF18218">
        <v>28</v>
      </c>
      <c r="AG18218">
        <v>29</v>
      </c>
      <c r="AH18218">
        <v>30</v>
      </c>
      <c r="AI18218">
        <v>30</v>
      </c>
      <c r="AJ18218">
        <v>31</v>
      </c>
      <c r="AK18218">
        <v>32</v>
      </c>
      <c r="AL18218">
        <v>32</v>
      </c>
      <c r="AM18218">
        <v>33</v>
      </c>
      <c r="AN18218">
        <v>33</v>
      </c>
      <c r="AO18218">
        <v>34</v>
      </c>
      <c r="AP18218">
        <v>34</v>
      </c>
      <c r="AQ18218">
        <v>35</v>
      </c>
    </row>
    <row r="18219" spans="1:43">
      <c r="A18219" t="s">
        <v>11288</v>
      </c>
      <c r="B18219" t="s">
        <v>11289</v>
      </c>
      <c r="C18219" t="s">
        <v>11280</v>
      </c>
      <c r="D18219" t="s">
        <v>11281</v>
      </c>
      <c r="E18219" t="s">
        <v>11206</v>
      </c>
      <c r="F18219" t="s">
        <v>11207</v>
      </c>
      <c r="G18219" t="s">
        <v>10734</v>
      </c>
      <c r="H18219" t="s">
        <v>10735</v>
      </c>
      <c r="I18219" s="2">
        <v>0</v>
      </c>
      <c r="J18219" s="2">
        <v>0</v>
      </c>
      <c r="K18219" s="2">
        <v>1</v>
      </c>
      <c r="L18219" t="s">
        <v>995</v>
      </c>
      <c r="M18219" t="s">
        <v>87</v>
      </c>
      <c r="N18219" t="s">
        <v>88</v>
      </c>
      <c r="O18219" t="s">
        <v>85</v>
      </c>
      <c r="P18219" t="s">
        <v>86</v>
      </c>
      <c r="Q18219">
        <v>20</v>
      </c>
      <c r="R18219">
        <v>21</v>
      </c>
      <c r="S18219">
        <v>21</v>
      </c>
      <c r="T18219">
        <v>21</v>
      </c>
      <c r="U18219">
        <v>22</v>
      </c>
      <c r="V18219">
        <v>22</v>
      </c>
      <c r="W18219">
        <v>23</v>
      </c>
      <c r="X18219">
        <v>23</v>
      </c>
      <c r="Y18219">
        <v>23</v>
      </c>
      <c r="Z18219">
        <v>24</v>
      </c>
      <c r="AA18219">
        <v>24</v>
      </c>
      <c r="AB18219">
        <v>24</v>
      </c>
      <c r="AC18219">
        <v>25</v>
      </c>
      <c r="AD18219">
        <v>25</v>
      </c>
      <c r="AE18219">
        <v>26</v>
      </c>
      <c r="AF18219">
        <v>26</v>
      </c>
      <c r="AG18219">
        <v>26</v>
      </c>
      <c r="AH18219">
        <v>27</v>
      </c>
      <c r="AI18219">
        <v>27</v>
      </c>
      <c r="AJ18219">
        <v>28</v>
      </c>
      <c r="AK18219">
        <v>28</v>
      </c>
      <c r="AL18219">
        <v>29</v>
      </c>
      <c r="AM18219">
        <v>29</v>
      </c>
      <c r="AN18219">
        <v>30</v>
      </c>
      <c r="AO18219">
        <v>30</v>
      </c>
      <c r="AP18219">
        <v>31</v>
      </c>
      <c r="AQ18219">
        <v>31</v>
      </c>
    </row>
    <row r="18220" spans="1:43">
      <c r="A18220" t="s">
        <v>11288</v>
      </c>
      <c r="B18220" t="s">
        <v>11289</v>
      </c>
      <c r="C18220" t="s">
        <v>11280</v>
      </c>
      <c r="D18220" t="s">
        <v>11281</v>
      </c>
      <c r="E18220" t="s">
        <v>11206</v>
      </c>
      <c r="F18220" t="s">
        <v>11207</v>
      </c>
      <c r="G18220" t="s">
        <v>10734</v>
      </c>
      <c r="H18220" t="s">
        <v>10735</v>
      </c>
      <c r="I18220" s="2">
        <v>0</v>
      </c>
      <c r="J18220" s="2">
        <v>0</v>
      </c>
      <c r="K18220" s="2">
        <v>1</v>
      </c>
      <c r="L18220" t="s">
        <v>995</v>
      </c>
      <c r="M18220" t="s">
        <v>89</v>
      </c>
      <c r="N18220" t="s">
        <v>90</v>
      </c>
      <c r="O18220" t="s">
        <v>85</v>
      </c>
      <c r="P18220" t="s">
        <v>86</v>
      </c>
      <c r="Q18220">
        <v>20</v>
      </c>
      <c r="R18220">
        <v>21</v>
      </c>
      <c r="S18220">
        <v>21</v>
      </c>
      <c r="T18220">
        <v>22</v>
      </c>
      <c r="U18220">
        <v>23</v>
      </c>
      <c r="V18220">
        <v>23</v>
      </c>
      <c r="W18220">
        <v>24</v>
      </c>
      <c r="X18220">
        <v>25</v>
      </c>
      <c r="Y18220">
        <v>25</v>
      </c>
      <c r="Z18220">
        <v>26</v>
      </c>
      <c r="AA18220">
        <v>27</v>
      </c>
      <c r="AB18220">
        <v>27</v>
      </c>
      <c r="AC18220">
        <v>28</v>
      </c>
      <c r="AD18220">
        <v>29</v>
      </c>
      <c r="AE18220">
        <v>30</v>
      </c>
      <c r="AF18220">
        <v>30</v>
      </c>
      <c r="AG18220">
        <v>30</v>
      </c>
      <c r="AH18220">
        <v>31</v>
      </c>
      <c r="AI18220">
        <v>31</v>
      </c>
      <c r="AJ18220">
        <v>32</v>
      </c>
      <c r="AK18220">
        <v>32</v>
      </c>
      <c r="AL18220">
        <v>33</v>
      </c>
      <c r="AM18220">
        <v>33</v>
      </c>
      <c r="AN18220">
        <v>33</v>
      </c>
      <c r="AO18220">
        <v>34</v>
      </c>
      <c r="AP18220">
        <v>34</v>
      </c>
      <c r="AQ18220">
        <v>35</v>
      </c>
    </row>
    <row r="18221" spans="1:43">
      <c r="A18221" t="s">
        <v>11288</v>
      </c>
      <c r="B18221" t="s">
        <v>11289</v>
      </c>
      <c r="C18221" t="s">
        <v>11280</v>
      </c>
      <c r="D18221" t="s">
        <v>11281</v>
      </c>
      <c r="E18221" t="s">
        <v>11206</v>
      </c>
      <c r="F18221" t="s">
        <v>11207</v>
      </c>
      <c r="G18221" t="s">
        <v>10734</v>
      </c>
      <c r="H18221" t="s">
        <v>10735</v>
      </c>
      <c r="I18221" s="2">
        <v>0</v>
      </c>
      <c r="J18221" s="2">
        <v>0</v>
      </c>
      <c r="K18221" s="2">
        <v>1</v>
      </c>
      <c r="L18221" t="s">
        <v>995</v>
      </c>
      <c r="M18221" t="s">
        <v>83</v>
      </c>
      <c r="N18221" t="s">
        <v>91</v>
      </c>
      <c r="O18221" t="s">
        <v>85</v>
      </c>
      <c r="P18221" t="s">
        <v>86</v>
      </c>
      <c r="Q18221">
        <v>20</v>
      </c>
      <c r="R18221">
        <v>20</v>
      </c>
      <c r="S18221">
        <v>21</v>
      </c>
      <c r="T18221">
        <v>21</v>
      </c>
      <c r="U18221">
        <v>22</v>
      </c>
      <c r="V18221">
        <v>22</v>
      </c>
      <c r="W18221">
        <v>23</v>
      </c>
      <c r="X18221">
        <v>23</v>
      </c>
      <c r="Y18221">
        <v>24</v>
      </c>
      <c r="Z18221">
        <v>25</v>
      </c>
      <c r="AA18221">
        <v>25</v>
      </c>
      <c r="AB18221">
        <v>26</v>
      </c>
      <c r="AC18221">
        <v>26</v>
      </c>
      <c r="AD18221">
        <v>27</v>
      </c>
      <c r="AE18221">
        <v>28</v>
      </c>
      <c r="AF18221">
        <v>28</v>
      </c>
      <c r="AG18221">
        <v>29</v>
      </c>
      <c r="AH18221">
        <v>30</v>
      </c>
      <c r="AI18221">
        <v>30</v>
      </c>
      <c r="AJ18221">
        <v>31</v>
      </c>
      <c r="AK18221">
        <v>32</v>
      </c>
      <c r="AL18221">
        <v>32</v>
      </c>
      <c r="AM18221">
        <v>33</v>
      </c>
      <c r="AN18221">
        <v>33</v>
      </c>
      <c r="AO18221">
        <v>34</v>
      </c>
      <c r="AP18221">
        <v>34</v>
      </c>
      <c r="AQ18221">
        <v>35</v>
      </c>
    </row>
    <row r="18222" spans="1:43">
      <c r="A18222" t="s">
        <v>11290</v>
      </c>
      <c r="B18222" t="s">
        <v>11291</v>
      </c>
      <c r="C18222" t="s">
        <v>11248</v>
      </c>
      <c r="D18222" t="s">
        <v>11249</v>
      </c>
      <c r="E18222" t="s">
        <v>11206</v>
      </c>
      <c r="F18222" t="s">
        <v>11207</v>
      </c>
      <c r="G18222" t="s">
        <v>10734</v>
      </c>
      <c r="H18222" t="s">
        <v>10735</v>
      </c>
      <c r="I18222" s="2">
        <v>0</v>
      </c>
      <c r="J18222" s="2">
        <v>0</v>
      </c>
      <c r="K18222" s="2">
        <v>1</v>
      </c>
      <c r="L18222" t="s">
        <v>995</v>
      </c>
      <c r="M18222" t="s">
        <v>83</v>
      </c>
      <c r="N18222" t="s">
        <v>84</v>
      </c>
      <c r="O18222" t="s">
        <v>85</v>
      </c>
      <c r="P18222" t="s">
        <v>86</v>
      </c>
      <c r="Q18222">
        <v>72</v>
      </c>
      <c r="R18222">
        <v>74</v>
      </c>
      <c r="S18222">
        <v>76</v>
      </c>
      <c r="T18222">
        <v>78</v>
      </c>
      <c r="U18222">
        <v>80</v>
      </c>
      <c r="V18222">
        <v>83</v>
      </c>
      <c r="W18222">
        <v>85</v>
      </c>
      <c r="X18222">
        <v>87</v>
      </c>
      <c r="Y18222">
        <v>89</v>
      </c>
      <c r="Z18222">
        <v>91</v>
      </c>
      <c r="AA18222">
        <v>93</v>
      </c>
      <c r="AB18222">
        <v>96</v>
      </c>
      <c r="AC18222">
        <v>98</v>
      </c>
      <c r="AD18222">
        <v>100</v>
      </c>
      <c r="AE18222">
        <v>102</v>
      </c>
      <c r="AF18222">
        <v>105</v>
      </c>
      <c r="AG18222">
        <v>107</v>
      </c>
      <c r="AH18222">
        <v>110</v>
      </c>
      <c r="AI18222">
        <v>112</v>
      </c>
      <c r="AJ18222">
        <v>115</v>
      </c>
      <c r="AK18222">
        <v>117</v>
      </c>
      <c r="AL18222">
        <v>119</v>
      </c>
      <c r="AM18222">
        <v>121</v>
      </c>
      <c r="AN18222">
        <v>123</v>
      </c>
      <c r="AO18222">
        <v>124</v>
      </c>
      <c r="AP18222">
        <v>126</v>
      </c>
      <c r="AQ18222">
        <v>128</v>
      </c>
    </row>
    <row r="18223" spans="1:43">
      <c r="A18223" t="s">
        <v>11290</v>
      </c>
      <c r="B18223" t="s">
        <v>11291</v>
      </c>
      <c r="C18223" t="s">
        <v>11248</v>
      </c>
      <c r="D18223" t="s">
        <v>11249</v>
      </c>
      <c r="E18223" t="s">
        <v>11206</v>
      </c>
      <c r="F18223" t="s">
        <v>11207</v>
      </c>
      <c r="G18223" t="s">
        <v>10734</v>
      </c>
      <c r="H18223" t="s">
        <v>10735</v>
      </c>
      <c r="I18223" s="2">
        <v>0</v>
      </c>
      <c r="J18223" s="2">
        <v>0</v>
      </c>
      <c r="K18223" s="2">
        <v>1</v>
      </c>
      <c r="L18223" t="s">
        <v>995</v>
      </c>
      <c r="M18223" t="s">
        <v>87</v>
      </c>
      <c r="N18223" t="s">
        <v>88</v>
      </c>
      <c r="O18223" t="s">
        <v>85</v>
      </c>
      <c r="P18223" t="s">
        <v>86</v>
      </c>
      <c r="Q18223">
        <v>72</v>
      </c>
      <c r="R18223">
        <v>73</v>
      </c>
      <c r="S18223">
        <v>74</v>
      </c>
      <c r="T18223">
        <v>76</v>
      </c>
      <c r="U18223">
        <v>77</v>
      </c>
      <c r="V18223">
        <v>78</v>
      </c>
      <c r="W18223">
        <v>80</v>
      </c>
      <c r="X18223">
        <v>81</v>
      </c>
      <c r="Y18223">
        <v>82</v>
      </c>
      <c r="Z18223">
        <v>84</v>
      </c>
      <c r="AA18223">
        <v>85</v>
      </c>
      <c r="AB18223">
        <v>86</v>
      </c>
      <c r="AC18223">
        <v>88</v>
      </c>
      <c r="AD18223">
        <v>89</v>
      </c>
      <c r="AE18223">
        <v>91</v>
      </c>
      <c r="AF18223">
        <v>92</v>
      </c>
      <c r="AG18223">
        <v>94</v>
      </c>
      <c r="AH18223">
        <v>96</v>
      </c>
      <c r="AI18223">
        <v>97</v>
      </c>
      <c r="AJ18223">
        <v>99</v>
      </c>
      <c r="AK18223">
        <v>101</v>
      </c>
      <c r="AL18223">
        <v>103</v>
      </c>
      <c r="AM18223">
        <v>104</v>
      </c>
      <c r="AN18223">
        <v>106</v>
      </c>
      <c r="AO18223">
        <v>108</v>
      </c>
      <c r="AP18223">
        <v>110</v>
      </c>
      <c r="AQ18223">
        <v>112</v>
      </c>
    </row>
    <row r="18224" spans="1:43">
      <c r="A18224" t="s">
        <v>11290</v>
      </c>
      <c r="B18224" t="s">
        <v>11291</v>
      </c>
      <c r="C18224" t="s">
        <v>11248</v>
      </c>
      <c r="D18224" t="s">
        <v>11249</v>
      </c>
      <c r="E18224" t="s">
        <v>11206</v>
      </c>
      <c r="F18224" t="s">
        <v>11207</v>
      </c>
      <c r="G18224" t="s">
        <v>10734</v>
      </c>
      <c r="H18224" t="s">
        <v>10735</v>
      </c>
      <c r="I18224" s="2">
        <v>0</v>
      </c>
      <c r="J18224" s="2">
        <v>0</v>
      </c>
      <c r="K18224" s="2">
        <v>1</v>
      </c>
      <c r="L18224" t="s">
        <v>995</v>
      </c>
      <c r="M18224" t="s">
        <v>89</v>
      </c>
      <c r="N18224" t="s">
        <v>90</v>
      </c>
      <c r="O18224" t="s">
        <v>85</v>
      </c>
      <c r="P18224" t="s">
        <v>86</v>
      </c>
      <c r="Q18224">
        <v>72</v>
      </c>
      <c r="R18224">
        <v>75</v>
      </c>
      <c r="S18224">
        <v>77</v>
      </c>
      <c r="T18224">
        <v>80</v>
      </c>
      <c r="U18224">
        <v>83</v>
      </c>
      <c r="V18224">
        <v>85</v>
      </c>
      <c r="W18224">
        <v>88</v>
      </c>
      <c r="X18224">
        <v>90</v>
      </c>
      <c r="Y18224">
        <v>93</v>
      </c>
      <c r="Z18224">
        <v>95</v>
      </c>
      <c r="AA18224">
        <v>98</v>
      </c>
      <c r="AB18224">
        <v>100</v>
      </c>
      <c r="AC18224">
        <v>103</v>
      </c>
      <c r="AD18224">
        <v>106</v>
      </c>
      <c r="AE18224">
        <v>108</v>
      </c>
      <c r="AF18224">
        <v>110</v>
      </c>
      <c r="AG18224">
        <v>111</v>
      </c>
      <c r="AH18224">
        <v>113</v>
      </c>
      <c r="AI18224">
        <v>114</v>
      </c>
      <c r="AJ18224">
        <v>116</v>
      </c>
      <c r="AK18224">
        <v>118</v>
      </c>
      <c r="AL18224">
        <v>119</v>
      </c>
      <c r="AM18224">
        <v>121</v>
      </c>
      <c r="AN18224">
        <v>123</v>
      </c>
      <c r="AO18224">
        <v>124</v>
      </c>
      <c r="AP18224">
        <v>126</v>
      </c>
      <c r="AQ18224">
        <v>128</v>
      </c>
    </row>
    <row r="18225" spans="1:43">
      <c r="A18225" t="s">
        <v>11290</v>
      </c>
      <c r="B18225" t="s">
        <v>11291</v>
      </c>
      <c r="C18225" t="s">
        <v>11248</v>
      </c>
      <c r="D18225" t="s">
        <v>11249</v>
      </c>
      <c r="E18225" t="s">
        <v>11206</v>
      </c>
      <c r="F18225" t="s">
        <v>11207</v>
      </c>
      <c r="G18225" t="s">
        <v>10734</v>
      </c>
      <c r="H18225" t="s">
        <v>10735</v>
      </c>
      <c r="I18225" s="2">
        <v>0</v>
      </c>
      <c r="J18225" s="2">
        <v>0</v>
      </c>
      <c r="K18225" s="2">
        <v>1</v>
      </c>
      <c r="L18225" t="s">
        <v>995</v>
      </c>
      <c r="M18225" t="s">
        <v>83</v>
      </c>
      <c r="N18225" t="s">
        <v>91</v>
      </c>
      <c r="O18225" t="s">
        <v>85</v>
      </c>
      <c r="P18225" t="s">
        <v>86</v>
      </c>
      <c r="Q18225">
        <v>72</v>
      </c>
      <c r="R18225">
        <v>74</v>
      </c>
      <c r="S18225">
        <v>76</v>
      </c>
      <c r="T18225">
        <v>78</v>
      </c>
      <c r="U18225">
        <v>80</v>
      </c>
      <c r="V18225">
        <v>83</v>
      </c>
      <c r="W18225">
        <v>85</v>
      </c>
      <c r="X18225">
        <v>87</v>
      </c>
      <c r="Y18225">
        <v>89</v>
      </c>
      <c r="Z18225">
        <v>91</v>
      </c>
      <c r="AA18225">
        <v>93</v>
      </c>
      <c r="AB18225">
        <v>96</v>
      </c>
      <c r="AC18225">
        <v>98</v>
      </c>
      <c r="AD18225">
        <v>100</v>
      </c>
      <c r="AE18225">
        <v>102</v>
      </c>
      <c r="AF18225">
        <v>105</v>
      </c>
      <c r="AG18225">
        <v>107</v>
      </c>
      <c r="AH18225">
        <v>110</v>
      </c>
      <c r="AI18225">
        <v>112</v>
      </c>
      <c r="AJ18225">
        <v>115</v>
      </c>
      <c r="AK18225">
        <v>117</v>
      </c>
      <c r="AL18225">
        <v>119</v>
      </c>
      <c r="AM18225">
        <v>121</v>
      </c>
      <c r="AN18225">
        <v>123</v>
      </c>
      <c r="AO18225">
        <v>124</v>
      </c>
      <c r="AP18225">
        <v>126</v>
      </c>
      <c r="AQ18225">
        <v>128</v>
      </c>
    </row>
    <row r="18226" spans="1:43">
      <c r="A18226" t="s">
        <v>11292</v>
      </c>
      <c r="B18226" t="s">
        <v>11293</v>
      </c>
      <c r="C18226" t="s">
        <v>11294</v>
      </c>
      <c r="D18226" t="s">
        <v>11295</v>
      </c>
      <c r="E18226" t="s">
        <v>11206</v>
      </c>
      <c r="F18226" t="s">
        <v>11207</v>
      </c>
      <c r="G18226" t="s">
        <v>10734</v>
      </c>
      <c r="H18226" t="s">
        <v>10735</v>
      </c>
      <c r="I18226" s="2">
        <v>0</v>
      </c>
      <c r="J18226" s="2">
        <v>0</v>
      </c>
      <c r="K18226" s="2">
        <v>1</v>
      </c>
      <c r="L18226" t="s">
        <v>995</v>
      </c>
      <c r="M18226" t="s">
        <v>83</v>
      </c>
      <c r="N18226" t="s">
        <v>84</v>
      </c>
      <c r="O18226" t="s">
        <v>85</v>
      </c>
      <c r="P18226" t="s">
        <v>86</v>
      </c>
      <c r="Q18226">
        <v>13</v>
      </c>
      <c r="R18226">
        <v>13</v>
      </c>
      <c r="S18226">
        <v>13</v>
      </c>
      <c r="T18226">
        <v>14</v>
      </c>
      <c r="U18226">
        <v>14</v>
      </c>
      <c r="V18226">
        <v>14</v>
      </c>
      <c r="W18226">
        <v>15</v>
      </c>
      <c r="X18226">
        <v>15</v>
      </c>
      <c r="Y18226">
        <v>16</v>
      </c>
      <c r="Z18226">
        <v>16</v>
      </c>
      <c r="AA18226">
        <v>16</v>
      </c>
      <c r="AB18226">
        <v>17</v>
      </c>
      <c r="AC18226">
        <v>17</v>
      </c>
      <c r="AD18226">
        <v>18</v>
      </c>
      <c r="AE18226">
        <v>18</v>
      </c>
      <c r="AF18226">
        <v>18</v>
      </c>
      <c r="AG18226">
        <v>19</v>
      </c>
      <c r="AH18226">
        <v>19</v>
      </c>
      <c r="AI18226">
        <v>20</v>
      </c>
      <c r="AJ18226">
        <v>20</v>
      </c>
      <c r="AK18226">
        <v>21</v>
      </c>
      <c r="AL18226">
        <v>21</v>
      </c>
      <c r="AM18226">
        <v>21</v>
      </c>
      <c r="AN18226">
        <v>22</v>
      </c>
      <c r="AO18226">
        <v>22</v>
      </c>
      <c r="AP18226">
        <v>22</v>
      </c>
      <c r="AQ18226">
        <v>23</v>
      </c>
    </row>
    <row r="18227" spans="1:43">
      <c r="A18227" t="s">
        <v>11292</v>
      </c>
      <c r="B18227" t="s">
        <v>11293</v>
      </c>
      <c r="C18227" t="s">
        <v>11294</v>
      </c>
      <c r="D18227" t="s">
        <v>11295</v>
      </c>
      <c r="E18227" t="s">
        <v>11206</v>
      </c>
      <c r="F18227" t="s">
        <v>11207</v>
      </c>
      <c r="G18227" t="s">
        <v>10734</v>
      </c>
      <c r="H18227" t="s">
        <v>10735</v>
      </c>
      <c r="I18227" s="2">
        <v>0</v>
      </c>
      <c r="J18227" s="2">
        <v>0</v>
      </c>
      <c r="K18227" s="2">
        <v>1</v>
      </c>
      <c r="L18227" t="s">
        <v>995</v>
      </c>
      <c r="M18227" t="s">
        <v>87</v>
      </c>
      <c r="N18227" t="s">
        <v>88</v>
      </c>
      <c r="O18227" t="s">
        <v>85</v>
      </c>
      <c r="P18227" t="s">
        <v>86</v>
      </c>
      <c r="Q18227">
        <v>13</v>
      </c>
      <c r="R18227">
        <v>13</v>
      </c>
      <c r="S18227">
        <v>13</v>
      </c>
      <c r="T18227">
        <v>13</v>
      </c>
      <c r="U18227">
        <v>13</v>
      </c>
      <c r="V18227">
        <v>14</v>
      </c>
      <c r="W18227">
        <v>14</v>
      </c>
      <c r="X18227">
        <v>14</v>
      </c>
      <c r="Y18227">
        <v>14</v>
      </c>
      <c r="Z18227">
        <v>15</v>
      </c>
      <c r="AA18227">
        <v>15</v>
      </c>
      <c r="AB18227">
        <v>15</v>
      </c>
      <c r="AC18227">
        <v>15</v>
      </c>
      <c r="AD18227">
        <v>16</v>
      </c>
      <c r="AE18227">
        <v>16</v>
      </c>
      <c r="AF18227">
        <v>16</v>
      </c>
      <c r="AG18227">
        <v>16</v>
      </c>
      <c r="AH18227">
        <v>17</v>
      </c>
      <c r="AI18227">
        <v>17</v>
      </c>
      <c r="AJ18227">
        <v>17</v>
      </c>
      <c r="AK18227">
        <v>18</v>
      </c>
      <c r="AL18227">
        <v>18</v>
      </c>
      <c r="AM18227">
        <v>18</v>
      </c>
      <c r="AN18227">
        <v>19</v>
      </c>
      <c r="AO18227">
        <v>19</v>
      </c>
      <c r="AP18227">
        <v>19</v>
      </c>
      <c r="AQ18227">
        <v>20</v>
      </c>
    </row>
    <row r="18228" spans="1:43">
      <c r="A18228" t="s">
        <v>11292</v>
      </c>
      <c r="B18228" t="s">
        <v>11293</v>
      </c>
      <c r="C18228" t="s">
        <v>11294</v>
      </c>
      <c r="D18228" t="s">
        <v>11295</v>
      </c>
      <c r="E18228" t="s">
        <v>11206</v>
      </c>
      <c r="F18228" t="s">
        <v>11207</v>
      </c>
      <c r="G18228" t="s">
        <v>10734</v>
      </c>
      <c r="H18228" t="s">
        <v>10735</v>
      </c>
      <c r="I18228" s="2">
        <v>0</v>
      </c>
      <c r="J18228" s="2">
        <v>0</v>
      </c>
      <c r="K18228" s="2">
        <v>1</v>
      </c>
      <c r="L18228" t="s">
        <v>995</v>
      </c>
      <c r="M18228" t="s">
        <v>89</v>
      </c>
      <c r="N18228" t="s">
        <v>90</v>
      </c>
      <c r="O18228" t="s">
        <v>85</v>
      </c>
      <c r="P18228" t="s">
        <v>86</v>
      </c>
      <c r="Q18228">
        <v>13</v>
      </c>
      <c r="R18228">
        <v>13</v>
      </c>
      <c r="S18228">
        <v>14</v>
      </c>
      <c r="T18228">
        <v>14</v>
      </c>
      <c r="U18228">
        <v>15</v>
      </c>
      <c r="V18228">
        <v>15</v>
      </c>
      <c r="W18228">
        <v>16</v>
      </c>
      <c r="X18228">
        <v>16</v>
      </c>
      <c r="Y18228">
        <v>16</v>
      </c>
      <c r="Z18228">
        <v>17</v>
      </c>
      <c r="AA18228">
        <v>17</v>
      </c>
      <c r="AB18228">
        <v>18</v>
      </c>
      <c r="AC18228">
        <v>18</v>
      </c>
      <c r="AD18228">
        <v>19</v>
      </c>
      <c r="AE18228">
        <v>19</v>
      </c>
      <c r="AF18228">
        <v>19</v>
      </c>
      <c r="AG18228">
        <v>20</v>
      </c>
      <c r="AH18228">
        <v>20</v>
      </c>
      <c r="AI18228">
        <v>20</v>
      </c>
      <c r="AJ18228">
        <v>21</v>
      </c>
      <c r="AK18228">
        <v>21</v>
      </c>
      <c r="AL18228">
        <v>21</v>
      </c>
      <c r="AM18228">
        <v>22</v>
      </c>
      <c r="AN18228">
        <v>22</v>
      </c>
      <c r="AO18228">
        <v>22</v>
      </c>
      <c r="AP18228">
        <v>23</v>
      </c>
      <c r="AQ18228">
        <v>23</v>
      </c>
    </row>
    <row r="18229" spans="1:43">
      <c r="A18229" t="s">
        <v>11292</v>
      </c>
      <c r="B18229" t="s">
        <v>11293</v>
      </c>
      <c r="C18229" t="s">
        <v>11294</v>
      </c>
      <c r="D18229" t="s">
        <v>11295</v>
      </c>
      <c r="E18229" t="s">
        <v>11206</v>
      </c>
      <c r="F18229" t="s">
        <v>11207</v>
      </c>
      <c r="G18229" t="s">
        <v>10734</v>
      </c>
      <c r="H18229" t="s">
        <v>10735</v>
      </c>
      <c r="I18229" s="2">
        <v>0</v>
      </c>
      <c r="J18229" s="2">
        <v>0</v>
      </c>
      <c r="K18229" s="2">
        <v>1</v>
      </c>
      <c r="L18229" t="s">
        <v>995</v>
      </c>
      <c r="M18229" t="s">
        <v>83</v>
      </c>
      <c r="N18229" t="s">
        <v>91</v>
      </c>
      <c r="O18229" t="s">
        <v>85</v>
      </c>
      <c r="P18229" t="s">
        <v>86</v>
      </c>
      <c r="Q18229">
        <v>13</v>
      </c>
      <c r="R18229">
        <v>13</v>
      </c>
      <c r="S18229">
        <v>13</v>
      </c>
      <c r="T18229">
        <v>14</v>
      </c>
      <c r="U18229">
        <v>14</v>
      </c>
      <c r="V18229">
        <v>14</v>
      </c>
      <c r="W18229">
        <v>15</v>
      </c>
      <c r="X18229">
        <v>15</v>
      </c>
      <c r="Y18229">
        <v>16</v>
      </c>
      <c r="Z18229">
        <v>16</v>
      </c>
      <c r="AA18229">
        <v>16</v>
      </c>
      <c r="AB18229">
        <v>17</v>
      </c>
      <c r="AC18229">
        <v>17</v>
      </c>
      <c r="AD18229">
        <v>18</v>
      </c>
      <c r="AE18229">
        <v>18</v>
      </c>
      <c r="AF18229">
        <v>18</v>
      </c>
      <c r="AG18229">
        <v>19</v>
      </c>
      <c r="AH18229">
        <v>19</v>
      </c>
      <c r="AI18229">
        <v>20</v>
      </c>
      <c r="AJ18229">
        <v>20</v>
      </c>
      <c r="AK18229">
        <v>21</v>
      </c>
      <c r="AL18229">
        <v>21</v>
      </c>
      <c r="AM18229">
        <v>21</v>
      </c>
      <c r="AN18229">
        <v>22</v>
      </c>
      <c r="AO18229">
        <v>22</v>
      </c>
      <c r="AP18229">
        <v>22</v>
      </c>
      <c r="AQ18229">
        <v>23</v>
      </c>
    </row>
    <row r="18230" spans="1:43">
      <c r="A18230" t="s">
        <v>11296</v>
      </c>
      <c r="B18230" t="s">
        <v>11297</v>
      </c>
      <c r="C18230" t="s">
        <v>11294</v>
      </c>
      <c r="D18230" t="s">
        <v>11295</v>
      </c>
      <c r="E18230" t="s">
        <v>11206</v>
      </c>
      <c r="F18230" t="s">
        <v>11207</v>
      </c>
      <c r="G18230" t="s">
        <v>10734</v>
      </c>
      <c r="H18230" t="s">
        <v>10735</v>
      </c>
      <c r="I18230" s="2">
        <v>0</v>
      </c>
      <c r="J18230" s="2">
        <v>0</v>
      </c>
      <c r="K18230" s="2">
        <v>1</v>
      </c>
      <c r="L18230" t="s">
        <v>995</v>
      </c>
      <c r="M18230" t="s">
        <v>83</v>
      </c>
      <c r="N18230" t="s">
        <v>84</v>
      </c>
      <c r="O18230" t="s">
        <v>85</v>
      </c>
      <c r="P18230" t="s">
        <v>86</v>
      </c>
      <c r="Q18230">
        <v>14</v>
      </c>
      <c r="R18230">
        <v>15</v>
      </c>
      <c r="S18230">
        <v>15</v>
      </c>
      <c r="T18230">
        <v>15</v>
      </c>
      <c r="U18230">
        <v>16</v>
      </c>
      <c r="V18230">
        <v>16</v>
      </c>
      <c r="W18230">
        <v>17</v>
      </c>
      <c r="X18230">
        <v>17</v>
      </c>
      <c r="Y18230">
        <v>18</v>
      </c>
      <c r="Z18230">
        <v>18</v>
      </c>
      <c r="AA18230">
        <v>18</v>
      </c>
      <c r="AB18230">
        <v>19</v>
      </c>
      <c r="AC18230">
        <v>19</v>
      </c>
      <c r="AD18230">
        <v>20</v>
      </c>
      <c r="AE18230">
        <v>20</v>
      </c>
      <c r="AF18230">
        <v>21</v>
      </c>
      <c r="AG18230">
        <v>21</v>
      </c>
      <c r="AH18230">
        <v>22</v>
      </c>
      <c r="AI18230">
        <v>22</v>
      </c>
      <c r="AJ18230">
        <v>23</v>
      </c>
      <c r="AK18230">
        <v>23</v>
      </c>
      <c r="AL18230">
        <v>24</v>
      </c>
      <c r="AM18230">
        <v>24</v>
      </c>
      <c r="AN18230">
        <v>24</v>
      </c>
      <c r="AO18230">
        <v>25</v>
      </c>
      <c r="AP18230">
        <v>25</v>
      </c>
      <c r="AQ18230">
        <v>25</v>
      </c>
    </row>
    <row r="18231" spans="1:43">
      <c r="A18231" t="s">
        <v>11296</v>
      </c>
      <c r="B18231" t="s">
        <v>11297</v>
      </c>
      <c r="C18231" t="s">
        <v>11294</v>
      </c>
      <c r="D18231" t="s">
        <v>11295</v>
      </c>
      <c r="E18231" t="s">
        <v>11206</v>
      </c>
      <c r="F18231" t="s">
        <v>11207</v>
      </c>
      <c r="G18231" t="s">
        <v>10734</v>
      </c>
      <c r="H18231" t="s">
        <v>10735</v>
      </c>
      <c r="I18231" s="2">
        <v>0</v>
      </c>
      <c r="J18231" s="2">
        <v>0</v>
      </c>
      <c r="K18231" s="2">
        <v>1</v>
      </c>
      <c r="L18231" t="s">
        <v>995</v>
      </c>
      <c r="M18231" t="s">
        <v>87</v>
      </c>
      <c r="N18231" t="s">
        <v>88</v>
      </c>
      <c r="O18231" t="s">
        <v>85</v>
      </c>
      <c r="P18231" t="s">
        <v>86</v>
      </c>
      <c r="Q18231">
        <v>14</v>
      </c>
      <c r="R18231">
        <v>14</v>
      </c>
      <c r="S18231">
        <v>15</v>
      </c>
      <c r="T18231">
        <v>15</v>
      </c>
      <c r="U18231">
        <v>15</v>
      </c>
      <c r="V18231">
        <v>15</v>
      </c>
      <c r="W18231">
        <v>16</v>
      </c>
      <c r="X18231">
        <v>16</v>
      </c>
      <c r="Y18231">
        <v>16</v>
      </c>
      <c r="Z18231">
        <v>16</v>
      </c>
      <c r="AA18231">
        <v>17</v>
      </c>
      <c r="AB18231">
        <v>17</v>
      </c>
      <c r="AC18231">
        <v>17</v>
      </c>
      <c r="AD18231">
        <v>18</v>
      </c>
      <c r="AE18231">
        <v>18</v>
      </c>
      <c r="AF18231">
        <v>18</v>
      </c>
      <c r="AG18231">
        <v>19</v>
      </c>
      <c r="AH18231">
        <v>19</v>
      </c>
      <c r="AI18231">
        <v>19</v>
      </c>
      <c r="AJ18231">
        <v>20</v>
      </c>
      <c r="AK18231">
        <v>20</v>
      </c>
      <c r="AL18231">
        <v>20</v>
      </c>
      <c r="AM18231">
        <v>21</v>
      </c>
      <c r="AN18231">
        <v>21</v>
      </c>
      <c r="AO18231">
        <v>21</v>
      </c>
      <c r="AP18231">
        <v>22</v>
      </c>
      <c r="AQ18231">
        <v>22</v>
      </c>
    </row>
    <row r="18232" spans="1:43">
      <c r="A18232" t="s">
        <v>11296</v>
      </c>
      <c r="B18232" t="s">
        <v>11297</v>
      </c>
      <c r="C18232" t="s">
        <v>11294</v>
      </c>
      <c r="D18232" t="s">
        <v>11295</v>
      </c>
      <c r="E18232" t="s">
        <v>11206</v>
      </c>
      <c r="F18232" t="s">
        <v>11207</v>
      </c>
      <c r="G18232" t="s">
        <v>10734</v>
      </c>
      <c r="H18232" t="s">
        <v>10735</v>
      </c>
      <c r="I18232" s="2">
        <v>0</v>
      </c>
      <c r="J18232" s="2">
        <v>0</v>
      </c>
      <c r="K18232" s="2">
        <v>1</v>
      </c>
      <c r="L18232" t="s">
        <v>995</v>
      </c>
      <c r="M18232" t="s">
        <v>89</v>
      </c>
      <c r="N18232" t="s">
        <v>90</v>
      </c>
      <c r="O18232" t="s">
        <v>85</v>
      </c>
      <c r="P18232" t="s">
        <v>86</v>
      </c>
      <c r="Q18232">
        <v>14</v>
      </c>
      <c r="R18232">
        <v>15</v>
      </c>
      <c r="S18232">
        <v>15</v>
      </c>
      <c r="T18232">
        <v>16</v>
      </c>
      <c r="U18232">
        <v>17</v>
      </c>
      <c r="V18232">
        <v>17</v>
      </c>
      <c r="W18232">
        <v>18</v>
      </c>
      <c r="X18232">
        <v>18</v>
      </c>
      <c r="Y18232">
        <v>19</v>
      </c>
      <c r="Z18232">
        <v>19</v>
      </c>
      <c r="AA18232">
        <v>20</v>
      </c>
      <c r="AB18232">
        <v>20</v>
      </c>
      <c r="AC18232">
        <v>21</v>
      </c>
      <c r="AD18232">
        <v>21</v>
      </c>
      <c r="AE18232">
        <v>22</v>
      </c>
      <c r="AF18232">
        <v>22</v>
      </c>
      <c r="AG18232">
        <v>22</v>
      </c>
      <c r="AH18232">
        <v>23</v>
      </c>
      <c r="AI18232">
        <v>23</v>
      </c>
      <c r="AJ18232">
        <v>23</v>
      </c>
      <c r="AK18232">
        <v>24</v>
      </c>
      <c r="AL18232">
        <v>24</v>
      </c>
      <c r="AM18232">
        <v>24</v>
      </c>
      <c r="AN18232">
        <v>25</v>
      </c>
      <c r="AO18232">
        <v>25</v>
      </c>
      <c r="AP18232">
        <v>25</v>
      </c>
      <c r="AQ18232">
        <v>26</v>
      </c>
    </row>
    <row r="18233" spans="1:43">
      <c r="A18233" t="s">
        <v>11296</v>
      </c>
      <c r="B18233" t="s">
        <v>11297</v>
      </c>
      <c r="C18233" t="s">
        <v>11294</v>
      </c>
      <c r="D18233" t="s">
        <v>11295</v>
      </c>
      <c r="E18233" t="s">
        <v>11206</v>
      </c>
      <c r="F18233" t="s">
        <v>11207</v>
      </c>
      <c r="G18233" t="s">
        <v>10734</v>
      </c>
      <c r="H18233" t="s">
        <v>10735</v>
      </c>
      <c r="I18233" s="2">
        <v>0</v>
      </c>
      <c r="J18233" s="2">
        <v>0</v>
      </c>
      <c r="K18233" s="2">
        <v>1</v>
      </c>
      <c r="L18233" t="s">
        <v>995</v>
      </c>
      <c r="M18233" t="s">
        <v>83</v>
      </c>
      <c r="N18233" t="s">
        <v>91</v>
      </c>
      <c r="O18233" t="s">
        <v>85</v>
      </c>
      <c r="P18233" t="s">
        <v>86</v>
      </c>
      <c r="Q18233">
        <v>14</v>
      </c>
      <c r="R18233">
        <v>15</v>
      </c>
      <c r="S18233">
        <v>15</v>
      </c>
      <c r="T18233">
        <v>15</v>
      </c>
      <c r="U18233">
        <v>16</v>
      </c>
      <c r="V18233">
        <v>16</v>
      </c>
      <c r="W18233">
        <v>17</v>
      </c>
      <c r="X18233">
        <v>17</v>
      </c>
      <c r="Y18233">
        <v>18</v>
      </c>
      <c r="Z18233">
        <v>18</v>
      </c>
      <c r="AA18233">
        <v>18</v>
      </c>
      <c r="AB18233">
        <v>19</v>
      </c>
      <c r="AC18233">
        <v>19</v>
      </c>
      <c r="AD18233">
        <v>20</v>
      </c>
      <c r="AE18233">
        <v>20</v>
      </c>
      <c r="AF18233">
        <v>21</v>
      </c>
      <c r="AG18233">
        <v>21</v>
      </c>
      <c r="AH18233">
        <v>22</v>
      </c>
      <c r="AI18233">
        <v>22</v>
      </c>
      <c r="AJ18233">
        <v>23</v>
      </c>
      <c r="AK18233">
        <v>23</v>
      </c>
      <c r="AL18233">
        <v>24</v>
      </c>
      <c r="AM18233">
        <v>24</v>
      </c>
      <c r="AN18233">
        <v>24</v>
      </c>
      <c r="AO18233">
        <v>25</v>
      </c>
      <c r="AP18233">
        <v>25</v>
      </c>
      <c r="AQ18233">
        <v>25</v>
      </c>
    </row>
    <row r="18234" spans="1:43">
      <c r="A18234" t="s">
        <v>11298</v>
      </c>
      <c r="B18234" t="s">
        <v>11299</v>
      </c>
      <c r="C18234" t="s">
        <v>11294</v>
      </c>
      <c r="D18234" t="s">
        <v>11295</v>
      </c>
      <c r="E18234" t="s">
        <v>11206</v>
      </c>
      <c r="F18234" t="s">
        <v>11207</v>
      </c>
      <c r="G18234" t="s">
        <v>10734</v>
      </c>
      <c r="H18234" t="s">
        <v>10735</v>
      </c>
      <c r="I18234" s="2">
        <v>0</v>
      </c>
      <c r="J18234" s="2">
        <v>0</v>
      </c>
      <c r="K18234" s="2">
        <v>1</v>
      </c>
      <c r="L18234" t="s">
        <v>995</v>
      </c>
      <c r="M18234" t="s">
        <v>83</v>
      </c>
      <c r="N18234" t="s">
        <v>84</v>
      </c>
      <c r="O18234" t="s">
        <v>85</v>
      </c>
      <c r="P18234" t="s">
        <v>86</v>
      </c>
      <c r="Q18234">
        <v>28</v>
      </c>
      <c r="R18234">
        <v>28</v>
      </c>
      <c r="S18234">
        <v>29</v>
      </c>
      <c r="T18234">
        <v>30</v>
      </c>
      <c r="U18234">
        <v>31</v>
      </c>
      <c r="V18234">
        <v>32</v>
      </c>
      <c r="W18234">
        <v>32</v>
      </c>
      <c r="X18234">
        <v>33</v>
      </c>
      <c r="Y18234">
        <v>34</v>
      </c>
      <c r="Z18234">
        <v>35</v>
      </c>
      <c r="AA18234">
        <v>36</v>
      </c>
      <c r="AB18234">
        <v>37</v>
      </c>
      <c r="AC18234">
        <v>37</v>
      </c>
      <c r="AD18234">
        <v>38</v>
      </c>
      <c r="AE18234">
        <v>39</v>
      </c>
      <c r="AF18234">
        <v>40</v>
      </c>
      <c r="AG18234">
        <v>41</v>
      </c>
      <c r="AH18234">
        <v>42</v>
      </c>
      <c r="AI18234">
        <v>43</v>
      </c>
      <c r="AJ18234">
        <v>44</v>
      </c>
      <c r="AK18234">
        <v>45</v>
      </c>
      <c r="AL18234">
        <v>46</v>
      </c>
      <c r="AM18234">
        <v>46</v>
      </c>
      <c r="AN18234">
        <v>47</v>
      </c>
      <c r="AO18234">
        <v>48</v>
      </c>
      <c r="AP18234">
        <v>49</v>
      </c>
      <c r="AQ18234">
        <v>49</v>
      </c>
    </row>
    <row r="18235" spans="1:43">
      <c r="A18235" t="s">
        <v>11298</v>
      </c>
      <c r="B18235" t="s">
        <v>11299</v>
      </c>
      <c r="C18235" t="s">
        <v>11294</v>
      </c>
      <c r="D18235" t="s">
        <v>11295</v>
      </c>
      <c r="E18235" t="s">
        <v>11206</v>
      </c>
      <c r="F18235" t="s">
        <v>11207</v>
      </c>
      <c r="G18235" t="s">
        <v>10734</v>
      </c>
      <c r="H18235" t="s">
        <v>10735</v>
      </c>
      <c r="I18235" s="2">
        <v>0</v>
      </c>
      <c r="J18235" s="2">
        <v>0</v>
      </c>
      <c r="K18235" s="2">
        <v>1</v>
      </c>
      <c r="L18235" t="s">
        <v>995</v>
      </c>
      <c r="M18235" t="s">
        <v>87</v>
      </c>
      <c r="N18235" t="s">
        <v>88</v>
      </c>
      <c r="O18235" t="s">
        <v>85</v>
      </c>
      <c r="P18235" t="s">
        <v>86</v>
      </c>
      <c r="Q18235">
        <v>28</v>
      </c>
      <c r="R18235">
        <v>29</v>
      </c>
      <c r="S18235">
        <v>29</v>
      </c>
      <c r="T18235">
        <v>30</v>
      </c>
      <c r="U18235">
        <v>30</v>
      </c>
      <c r="V18235">
        <v>31</v>
      </c>
      <c r="W18235">
        <v>31</v>
      </c>
      <c r="X18235">
        <v>32</v>
      </c>
      <c r="Y18235">
        <v>32</v>
      </c>
      <c r="Z18235">
        <v>33</v>
      </c>
      <c r="AA18235">
        <v>33</v>
      </c>
      <c r="AB18235">
        <v>34</v>
      </c>
      <c r="AC18235">
        <v>35</v>
      </c>
      <c r="AD18235">
        <v>35</v>
      </c>
      <c r="AE18235">
        <v>36</v>
      </c>
      <c r="AF18235">
        <v>36</v>
      </c>
      <c r="AG18235">
        <v>37</v>
      </c>
      <c r="AH18235">
        <v>38</v>
      </c>
      <c r="AI18235">
        <v>38</v>
      </c>
      <c r="AJ18235">
        <v>39</v>
      </c>
      <c r="AK18235">
        <v>39</v>
      </c>
      <c r="AL18235">
        <v>40</v>
      </c>
      <c r="AM18235">
        <v>41</v>
      </c>
      <c r="AN18235">
        <v>42</v>
      </c>
      <c r="AO18235">
        <v>42</v>
      </c>
      <c r="AP18235">
        <v>43</v>
      </c>
      <c r="AQ18235">
        <v>44</v>
      </c>
    </row>
    <row r="18236" spans="1:43">
      <c r="A18236" t="s">
        <v>11298</v>
      </c>
      <c r="B18236" t="s">
        <v>11299</v>
      </c>
      <c r="C18236" t="s">
        <v>11294</v>
      </c>
      <c r="D18236" t="s">
        <v>11295</v>
      </c>
      <c r="E18236" t="s">
        <v>11206</v>
      </c>
      <c r="F18236" t="s">
        <v>11207</v>
      </c>
      <c r="G18236" t="s">
        <v>10734</v>
      </c>
      <c r="H18236" t="s">
        <v>10735</v>
      </c>
      <c r="I18236" s="2">
        <v>0</v>
      </c>
      <c r="J18236" s="2">
        <v>0</v>
      </c>
      <c r="K18236" s="2">
        <v>1</v>
      </c>
      <c r="L18236" t="s">
        <v>995</v>
      </c>
      <c r="M18236" t="s">
        <v>89</v>
      </c>
      <c r="N18236" t="s">
        <v>90</v>
      </c>
      <c r="O18236" t="s">
        <v>85</v>
      </c>
      <c r="P18236" t="s">
        <v>86</v>
      </c>
      <c r="Q18236">
        <v>28</v>
      </c>
      <c r="R18236">
        <v>29</v>
      </c>
      <c r="S18236">
        <v>30</v>
      </c>
      <c r="T18236">
        <v>31</v>
      </c>
      <c r="U18236">
        <v>32</v>
      </c>
      <c r="V18236">
        <v>33</v>
      </c>
      <c r="W18236">
        <v>34</v>
      </c>
      <c r="X18236">
        <v>35</v>
      </c>
      <c r="Y18236">
        <v>36</v>
      </c>
      <c r="Z18236">
        <v>37</v>
      </c>
      <c r="AA18236">
        <v>38</v>
      </c>
      <c r="AB18236">
        <v>39</v>
      </c>
      <c r="AC18236">
        <v>40</v>
      </c>
      <c r="AD18236">
        <v>41</v>
      </c>
      <c r="AE18236">
        <v>42</v>
      </c>
      <c r="AF18236">
        <v>43</v>
      </c>
      <c r="AG18236">
        <v>43</v>
      </c>
      <c r="AH18236">
        <v>44</v>
      </c>
      <c r="AI18236">
        <v>44</v>
      </c>
      <c r="AJ18236">
        <v>45</v>
      </c>
      <c r="AK18236">
        <v>46</v>
      </c>
      <c r="AL18236">
        <v>46</v>
      </c>
      <c r="AM18236">
        <v>47</v>
      </c>
      <c r="AN18236">
        <v>48</v>
      </c>
      <c r="AO18236">
        <v>48</v>
      </c>
      <c r="AP18236">
        <v>49</v>
      </c>
      <c r="AQ18236">
        <v>50</v>
      </c>
    </row>
    <row r="18237" spans="1:43">
      <c r="A18237" t="s">
        <v>11298</v>
      </c>
      <c r="B18237" t="s">
        <v>11299</v>
      </c>
      <c r="C18237" t="s">
        <v>11294</v>
      </c>
      <c r="D18237" t="s">
        <v>11295</v>
      </c>
      <c r="E18237" t="s">
        <v>11206</v>
      </c>
      <c r="F18237" t="s">
        <v>11207</v>
      </c>
      <c r="G18237" t="s">
        <v>10734</v>
      </c>
      <c r="H18237" t="s">
        <v>10735</v>
      </c>
      <c r="I18237" s="2">
        <v>0</v>
      </c>
      <c r="J18237" s="2">
        <v>0</v>
      </c>
      <c r="K18237" s="2">
        <v>1</v>
      </c>
      <c r="L18237" t="s">
        <v>995</v>
      </c>
      <c r="M18237" t="s">
        <v>83</v>
      </c>
      <c r="N18237" t="s">
        <v>91</v>
      </c>
      <c r="O18237" t="s">
        <v>85</v>
      </c>
      <c r="P18237" t="s">
        <v>86</v>
      </c>
      <c r="Q18237">
        <v>28</v>
      </c>
      <c r="R18237">
        <v>28</v>
      </c>
      <c r="S18237">
        <v>29</v>
      </c>
      <c r="T18237">
        <v>30</v>
      </c>
      <c r="U18237">
        <v>31</v>
      </c>
      <c r="V18237">
        <v>32</v>
      </c>
      <c r="W18237">
        <v>32</v>
      </c>
      <c r="X18237">
        <v>33</v>
      </c>
      <c r="Y18237">
        <v>34</v>
      </c>
      <c r="Z18237">
        <v>35</v>
      </c>
      <c r="AA18237">
        <v>36</v>
      </c>
      <c r="AB18237">
        <v>37</v>
      </c>
      <c r="AC18237">
        <v>37</v>
      </c>
      <c r="AD18237">
        <v>38</v>
      </c>
      <c r="AE18237">
        <v>39</v>
      </c>
      <c r="AF18237">
        <v>40</v>
      </c>
      <c r="AG18237">
        <v>41</v>
      </c>
      <c r="AH18237">
        <v>42</v>
      </c>
      <c r="AI18237">
        <v>43</v>
      </c>
      <c r="AJ18237">
        <v>44</v>
      </c>
      <c r="AK18237">
        <v>45</v>
      </c>
      <c r="AL18237">
        <v>46</v>
      </c>
      <c r="AM18237">
        <v>46</v>
      </c>
      <c r="AN18237">
        <v>47</v>
      </c>
      <c r="AO18237">
        <v>48</v>
      </c>
      <c r="AP18237">
        <v>49</v>
      </c>
      <c r="AQ18237">
        <v>49</v>
      </c>
    </row>
    <row r="18238" spans="1:43">
      <c r="A18238" t="s">
        <v>11300</v>
      </c>
      <c r="B18238" t="s">
        <v>11301</v>
      </c>
      <c r="C18238" t="s">
        <v>11294</v>
      </c>
      <c r="D18238" t="s">
        <v>11295</v>
      </c>
      <c r="E18238" t="s">
        <v>11206</v>
      </c>
      <c r="F18238" t="s">
        <v>11207</v>
      </c>
      <c r="G18238" t="s">
        <v>10734</v>
      </c>
      <c r="H18238" t="s">
        <v>10735</v>
      </c>
      <c r="I18238" s="2">
        <v>0</v>
      </c>
      <c r="J18238" s="2">
        <v>0</v>
      </c>
      <c r="K18238" s="2">
        <v>1</v>
      </c>
      <c r="L18238" t="s">
        <v>995</v>
      </c>
      <c r="M18238" t="s">
        <v>83</v>
      </c>
      <c r="N18238" t="s">
        <v>84</v>
      </c>
      <c r="O18238" t="s">
        <v>85</v>
      </c>
      <c r="P18238" t="s">
        <v>86</v>
      </c>
      <c r="Q18238">
        <v>21</v>
      </c>
      <c r="R18238">
        <v>21</v>
      </c>
      <c r="S18238">
        <v>22</v>
      </c>
      <c r="T18238">
        <v>22</v>
      </c>
      <c r="U18238">
        <v>23</v>
      </c>
      <c r="V18238">
        <v>23</v>
      </c>
      <c r="W18238">
        <v>24</v>
      </c>
      <c r="X18238">
        <v>25</v>
      </c>
      <c r="Y18238">
        <v>25</v>
      </c>
      <c r="Z18238">
        <v>26</v>
      </c>
      <c r="AA18238">
        <v>27</v>
      </c>
      <c r="AB18238">
        <v>27</v>
      </c>
      <c r="AC18238">
        <v>28</v>
      </c>
      <c r="AD18238">
        <v>28</v>
      </c>
      <c r="AE18238">
        <v>29</v>
      </c>
      <c r="AF18238">
        <v>30</v>
      </c>
      <c r="AG18238">
        <v>30</v>
      </c>
      <c r="AH18238">
        <v>31</v>
      </c>
      <c r="AI18238">
        <v>32</v>
      </c>
      <c r="AJ18238">
        <v>33</v>
      </c>
      <c r="AK18238">
        <v>33</v>
      </c>
      <c r="AL18238">
        <v>34</v>
      </c>
      <c r="AM18238">
        <v>34</v>
      </c>
      <c r="AN18238">
        <v>35</v>
      </c>
      <c r="AO18238">
        <v>35</v>
      </c>
      <c r="AP18238">
        <v>36</v>
      </c>
      <c r="AQ18238">
        <v>36</v>
      </c>
    </row>
    <row r="18239" spans="1:43">
      <c r="A18239" t="s">
        <v>11300</v>
      </c>
      <c r="B18239" t="s">
        <v>11301</v>
      </c>
      <c r="C18239" t="s">
        <v>11294</v>
      </c>
      <c r="D18239" t="s">
        <v>11295</v>
      </c>
      <c r="E18239" t="s">
        <v>11206</v>
      </c>
      <c r="F18239" t="s">
        <v>11207</v>
      </c>
      <c r="G18239" t="s">
        <v>10734</v>
      </c>
      <c r="H18239" t="s">
        <v>10735</v>
      </c>
      <c r="I18239" s="2">
        <v>0</v>
      </c>
      <c r="J18239" s="2">
        <v>0</v>
      </c>
      <c r="K18239" s="2">
        <v>1</v>
      </c>
      <c r="L18239" t="s">
        <v>995</v>
      </c>
      <c r="M18239" t="s">
        <v>87</v>
      </c>
      <c r="N18239" t="s">
        <v>88</v>
      </c>
      <c r="O18239" t="s">
        <v>85</v>
      </c>
      <c r="P18239" t="s">
        <v>86</v>
      </c>
      <c r="Q18239">
        <v>21</v>
      </c>
      <c r="R18239">
        <v>22</v>
      </c>
      <c r="S18239">
        <v>22</v>
      </c>
      <c r="T18239">
        <v>22</v>
      </c>
      <c r="U18239">
        <v>23</v>
      </c>
      <c r="V18239">
        <v>23</v>
      </c>
      <c r="W18239">
        <v>24</v>
      </c>
      <c r="X18239">
        <v>24</v>
      </c>
      <c r="Y18239">
        <v>24</v>
      </c>
      <c r="Z18239">
        <v>25</v>
      </c>
      <c r="AA18239">
        <v>25</v>
      </c>
      <c r="AB18239">
        <v>26</v>
      </c>
      <c r="AC18239">
        <v>26</v>
      </c>
      <c r="AD18239">
        <v>26</v>
      </c>
      <c r="AE18239">
        <v>27</v>
      </c>
      <c r="AF18239">
        <v>27</v>
      </c>
      <c r="AG18239">
        <v>28</v>
      </c>
      <c r="AH18239">
        <v>28</v>
      </c>
      <c r="AI18239">
        <v>29</v>
      </c>
      <c r="AJ18239">
        <v>29</v>
      </c>
      <c r="AK18239">
        <v>30</v>
      </c>
      <c r="AL18239">
        <v>30</v>
      </c>
      <c r="AM18239">
        <v>31</v>
      </c>
      <c r="AN18239">
        <v>31</v>
      </c>
      <c r="AO18239">
        <v>32</v>
      </c>
      <c r="AP18239">
        <v>32</v>
      </c>
      <c r="AQ18239">
        <v>33</v>
      </c>
    </row>
    <row r="18240" spans="1:43">
      <c r="A18240" t="s">
        <v>11300</v>
      </c>
      <c r="B18240" t="s">
        <v>11301</v>
      </c>
      <c r="C18240" t="s">
        <v>11294</v>
      </c>
      <c r="D18240" t="s">
        <v>11295</v>
      </c>
      <c r="E18240" t="s">
        <v>11206</v>
      </c>
      <c r="F18240" t="s">
        <v>11207</v>
      </c>
      <c r="G18240" t="s">
        <v>10734</v>
      </c>
      <c r="H18240" t="s">
        <v>10735</v>
      </c>
      <c r="I18240" s="2">
        <v>0</v>
      </c>
      <c r="J18240" s="2">
        <v>0</v>
      </c>
      <c r="K18240" s="2">
        <v>1</v>
      </c>
      <c r="L18240" t="s">
        <v>995</v>
      </c>
      <c r="M18240" t="s">
        <v>89</v>
      </c>
      <c r="N18240" t="s">
        <v>90</v>
      </c>
      <c r="O18240" t="s">
        <v>85</v>
      </c>
      <c r="P18240" t="s">
        <v>86</v>
      </c>
      <c r="Q18240">
        <v>21</v>
      </c>
      <c r="R18240">
        <v>22</v>
      </c>
      <c r="S18240">
        <v>22</v>
      </c>
      <c r="T18240">
        <v>23</v>
      </c>
      <c r="U18240">
        <v>24</v>
      </c>
      <c r="V18240">
        <v>25</v>
      </c>
      <c r="W18240">
        <v>25</v>
      </c>
      <c r="X18240">
        <v>26</v>
      </c>
      <c r="Y18240">
        <v>27</v>
      </c>
      <c r="Z18240">
        <v>27</v>
      </c>
      <c r="AA18240">
        <v>28</v>
      </c>
      <c r="AB18240">
        <v>29</v>
      </c>
      <c r="AC18240">
        <v>30</v>
      </c>
      <c r="AD18240">
        <v>30</v>
      </c>
      <c r="AE18240">
        <v>31</v>
      </c>
      <c r="AF18240">
        <v>32</v>
      </c>
      <c r="AG18240">
        <v>32</v>
      </c>
      <c r="AH18240">
        <v>32</v>
      </c>
      <c r="AI18240">
        <v>33</v>
      </c>
      <c r="AJ18240">
        <v>33</v>
      </c>
      <c r="AK18240">
        <v>34</v>
      </c>
      <c r="AL18240">
        <v>34</v>
      </c>
      <c r="AM18240">
        <v>35</v>
      </c>
      <c r="AN18240">
        <v>35</v>
      </c>
      <c r="AO18240">
        <v>36</v>
      </c>
      <c r="AP18240">
        <v>36</v>
      </c>
      <c r="AQ18240">
        <v>37</v>
      </c>
    </row>
    <row r="18241" spans="1:43">
      <c r="A18241" t="s">
        <v>11300</v>
      </c>
      <c r="B18241" t="s">
        <v>11301</v>
      </c>
      <c r="C18241" t="s">
        <v>11294</v>
      </c>
      <c r="D18241" t="s">
        <v>11295</v>
      </c>
      <c r="E18241" t="s">
        <v>11206</v>
      </c>
      <c r="F18241" t="s">
        <v>11207</v>
      </c>
      <c r="G18241" t="s">
        <v>10734</v>
      </c>
      <c r="H18241" t="s">
        <v>10735</v>
      </c>
      <c r="I18241" s="2">
        <v>0</v>
      </c>
      <c r="J18241" s="2">
        <v>0</v>
      </c>
      <c r="K18241" s="2">
        <v>1</v>
      </c>
      <c r="L18241" t="s">
        <v>995</v>
      </c>
      <c r="M18241" t="s">
        <v>83</v>
      </c>
      <c r="N18241" t="s">
        <v>91</v>
      </c>
      <c r="O18241" t="s">
        <v>85</v>
      </c>
      <c r="P18241" t="s">
        <v>86</v>
      </c>
      <c r="Q18241">
        <v>21</v>
      </c>
      <c r="R18241">
        <v>21</v>
      </c>
      <c r="S18241">
        <v>22</v>
      </c>
      <c r="T18241">
        <v>22</v>
      </c>
      <c r="U18241">
        <v>23</v>
      </c>
      <c r="V18241">
        <v>23</v>
      </c>
      <c r="W18241">
        <v>24</v>
      </c>
      <c r="X18241">
        <v>25</v>
      </c>
      <c r="Y18241">
        <v>25</v>
      </c>
      <c r="Z18241">
        <v>26</v>
      </c>
      <c r="AA18241">
        <v>27</v>
      </c>
      <c r="AB18241">
        <v>27</v>
      </c>
      <c r="AC18241">
        <v>28</v>
      </c>
      <c r="AD18241">
        <v>28</v>
      </c>
      <c r="AE18241">
        <v>29</v>
      </c>
      <c r="AF18241">
        <v>30</v>
      </c>
      <c r="AG18241">
        <v>30</v>
      </c>
      <c r="AH18241">
        <v>31</v>
      </c>
      <c r="AI18241">
        <v>32</v>
      </c>
      <c r="AJ18241">
        <v>33</v>
      </c>
      <c r="AK18241">
        <v>33</v>
      </c>
      <c r="AL18241">
        <v>34</v>
      </c>
      <c r="AM18241">
        <v>34</v>
      </c>
      <c r="AN18241">
        <v>35</v>
      </c>
      <c r="AO18241">
        <v>35</v>
      </c>
      <c r="AP18241">
        <v>36</v>
      </c>
      <c r="AQ18241">
        <v>36</v>
      </c>
    </row>
    <row r="18242" spans="1:43">
      <c r="A18242" t="s">
        <v>11302</v>
      </c>
      <c r="B18242" t="s">
        <v>11303</v>
      </c>
      <c r="C18242" t="s">
        <v>11294</v>
      </c>
      <c r="D18242" t="s">
        <v>11295</v>
      </c>
      <c r="E18242" t="s">
        <v>11206</v>
      </c>
      <c r="F18242" t="s">
        <v>11207</v>
      </c>
      <c r="G18242" t="s">
        <v>10734</v>
      </c>
      <c r="H18242" t="s">
        <v>10735</v>
      </c>
      <c r="I18242" s="2">
        <v>0</v>
      </c>
      <c r="J18242" s="2">
        <v>0</v>
      </c>
      <c r="K18242" s="2">
        <v>1</v>
      </c>
      <c r="L18242" t="s">
        <v>995</v>
      </c>
      <c r="M18242" t="s">
        <v>83</v>
      </c>
      <c r="N18242" t="s">
        <v>84</v>
      </c>
      <c r="O18242" t="s">
        <v>85</v>
      </c>
      <c r="P18242" t="s">
        <v>86</v>
      </c>
      <c r="Q18242">
        <v>10</v>
      </c>
      <c r="R18242">
        <v>11</v>
      </c>
      <c r="S18242">
        <v>11</v>
      </c>
      <c r="T18242">
        <v>11</v>
      </c>
      <c r="U18242">
        <v>11</v>
      </c>
      <c r="V18242">
        <v>12</v>
      </c>
      <c r="W18242">
        <v>12</v>
      </c>
      <c r="X18242">
        <v>12</v>
      </c>
      <c r="Y18242">
        <v>13</v>
      </c>
      <c r="Z18242">
        <v>13</v>
      </c>
      <c r="AA18242">
        <v>13</v>
      </c>
      <c r="AB18242">
        <v>14</v>
      </c>
      <c r="AC18242">
        <v>14</v>
      </c>
      <c r="AD18242">
        <v>14</v>
      </c>
      <c r="AE18242">
        <v>15</v>
      </c>
      <c r="AF18242">
        <v>15</v>
      </c>
      <c r="AG18242">
        <v>15</v>
      </c>
      <c r="AH18242">
        <v>16</v>
      </c>
      <c r="AI18242">
        <v>16</v>
      </c>
      <c r="AJ18242">
        <v>16</v>
      </c>
      <c r="AK18242">
        <v>17</v>
      </c>
      <c r="AL18242">
        <v>17</v>
      </c>
      <c r="AM18242">
        <v>17</v>
      </c>
      <c r="AN18242">
        <v>18</v>
      </c>
      <c r="AO18242">
        <v>18</v>
      </c>
      <c r="AP18242">
        <v>18</v>
      </c>
      <c r="AQ18242">
        <v>18</v>
      </c>
    </row>
    <row r="18243" spans="1:43">
      <c r="A18243" t="s">
        <v>11302</v>
      </c>
      <c r="B18243" t="s">
        <v>11303</v>
      </c>
      <c r="C18243" t="s">
        <v>11294</v>
      </c>
      <c r="D18243" t="s">
        <v>11295</v>
      </c>
      <c r="E18243" t="s">
        <v>11206</v>
      </c>
      <c r="F18243" t="s">
        <v>11207</v>
      </c>
      <c r="G18243" t="s">
        <v>10734</v>
      </c>
      <c r="H18243" t="s">
        <v>10735</v>
      </c>
      <c r="I18243" s="2">
        <v>0</v>
      </c>
      <c r="J18243" s="2">
        <v>0</v>
      </c>
      <c r="K18243" s="2">
        <v>1</v>
      </c>
      <c r="L18243" t="s">
        <v>995</v>
      </c>
      <c r="M18243" t="s">
        <v>87</v>
      </c>
      <c r="N18243" t="s">
        <v>88</v>
      </c>
      <c r="O18243" t="s">
        <v>85</v>
      </c>
      <c r="P18243" t="s">
        <v>86</v>
      </c>
      <c r="Q18243">
        <v>10</v>
      </c>
      <c r="R18243">
        <v>10</v>
      </c>
      <c r="S18243">
        <v>11</v>
      </c>
      <c r="T18243">
        <v>11</v>
      </c>
      <c r="U18243">
        <v>11</v>
      </c>
      <c r="V18243">
        <v>11</v>
      </c>
      <c r="W18243">
        <v>11</v>
      </c>
      <c r="X18243">
        <v>12</v>
      </c>
      <c r="Y18243">
        <v>12</v>
      </c>
      <c r="Z18243">
        <v>12</v>
      </c>
      <c r="AA18243">
        <v>12</v>
      </c>
      <c r="AB18243">
        <v>12</v>
      </c>
      <c r="AC18243">
        <v>13</v>
      </c>
      <c r="AD18243">
        <v>13</v>
      </c>
      <c r="AE18243">
        <v>13</v>
      </c>
      <c r="AF18243">
        <v>13</v>
      </c>
      <c r="AG18243">
        <v>13</v>
      </c>
      <c r="AH18243">
        <v>14</v>
      </c>
      <c r="AI18243">
        <v>14</v>
      </c>
      <c r="AJ18243">
        <v>14</v>
      </c>
      <c r="AK18243">
        <v>14</v>
      </c>
      <c r="AL18243">
        <v>15</v>
      </c>
      <c r="AM18243">
        <v>15</v>
      </c>
      <c r="AN18243">
        <v>15</v>
      </c>
      <c r="AO18243">
        <v>15</v>
      </c>
      <c r="AP18243">
        <v>16</v>
      </c>
      <c r="AQ18243">
        <v>16</v>
      </c>
    </row>
    <row r="18244" spans="1:43">
      <c r="A18244" t="s">
        <v>11302</v>
      </c>
      <c r="B18244" t="s">
        <v>11303</v>
      </c>
      <c r="C18244" t="s">
        <v>11294</v>
      </c>
      <c r="D18244" t="s">
        <v>11295</v>
      </c>
      <c r="E18244" t="s">
        <v>11206</v>
      </c>
      <c r="F18244" t="s">
        <v>11207</v>
      </c>
      <c r="G18244" t="s">
        <v>10734</v>
      </c>
      <c r="H18244" t="s">
        <v>10735</v>
      </c>
      <c r="I18244" s="2">
        <v>0</v>
      </c>
      <c r="J18244" s="2">
        <v>0</v>
      </c>
      <c r="K18244" s="2">
        <v>1</v>
      </c>
      <c r="L18244" t="s">
        <v>995</v>
      </c>
      <c r="M18244" t="s">
        <v>89</v>
      </c>
      <c r="N18244" t="s">
        <v>90</v>
      </c>
      <c r="O18244" t="s">
        <v>85</v>
      </c>
      <c r="P18244" t="s">
        <v>86</v>
      </c>
      <c r="Q18244">
        <v>10</v>
      </c>
      <c r="R18244">
        <v>11</v>
      </c>
      <c r="S18244">
        <v>11</v>
      </c>
      <c r="T18244">
        <v>12</v>
      </c>
      <c r="U18244">
        <v>12</v>
      </c>
      <c r="V18244">
        <v>12</v>
      </c>
      <c r="W18244">
        <v>13</v>
      </c>
      <c r="X18244">
        <v>13</v>
      </c>
      <c r="Y18244">
        <v>13</v>
      </c>
      <c r="Z18244">
        <v>14</v>
      </c>
      <c r="AA18244">
        <v>14</v>
      </c>
      <c r="AB18244">
        <v>15</v>
      </c>
      <c r="AC18244">
        <v>15</v>
      </c>
      <c r="AD18244">
        <v>15</v>
      </c>
      <c r="AE18244">
        <v>16</v>
      </c>
      <c r="AF18244">
        <v>16</v>
      </c>
      <c r="AG18244">
        <v>16</v>
      </c>
      <c r="AH18244">
        <v>16</v>
      </c>
      <c r="AI18244">
        <v>17</v>
      </c>
      <c r="AJ18244">
        <v>17</v>
      </c>
      <c r="AK18244">
        <v>17</v>
      </c>
      <c r="AL18244">
        <v>17</v>
      </c>
      <c r="AM18244">
        <v>18</v>
      </c>
      <c r="AN18244">
        <v>18</v>
      </c>
      <c r="AO18244">
        <v>18</v>
      </c>
      <c r="AP18244">
        <v>18</v>
      </c>
      <c r="AQ18244">
        <v>19</v>
      </c>
    </row>
    <row r="18245" spans="1:43">
      <c r="A18245" t="s">
        <v>11302</v>
      </c>
      <c r="B18245" t="s">
        <v>11303</v>
      </c>
      <c r="C18245" t="s">
        <v>11294</v>
      </c>
      <c r="D18245" t="s">
        <v>11295</v>
      </c>
      <c r="E18245" t="s">
        <v>11206</v>
      </c>
      <c r="F18245" t="s">
        <v>11207</v>
      </c>
      <c r="G18245" t="s">
        <v>10734</v>
      </c>
      <c r="H18245" t="s">
        <v>10735</v>
      </c>
      <c r="I18245" s="2">
        <v>0</v>
      </c>
      <c r="J18245" s="2">
        <v>0</v>
      </c>
      <c r="K18245" s="2">
        <v>1</v>
      </c>
      <c r="L18245" t="s">
        <v>995</v>
      </c>
      <c r="M18245" t="s">
        <v>83</v>
      </c>
      <c r="N18245" t="s">
        <v>91</v>
      </c>
      <c r="O18245" t="s">
        <v>85</v>
      </c>
      <c r="P18245" t="s">
        <v>86</v>
      </c>
      <c r="Q18245">
        <v>10</v>
      </c>
      <c r="R18245">
        <v>11</v>
      </c>
      <c r="S18245">
        <v>11</v>
      </c>
      <c r="T18245">
        <v>11</v>
      </c>
      <c r="U18245">
        <v>11</v>
      </c>
      <c r="V18245">
        <v>12</v>
      </c>
      <c r="W18245">
        <v>12</v>
      </c>
      <c r="X18245">
        <v>12</v>
      </c>
      <c r="Y18245">
        <v>13</v>
      </c>
      <c r="Z18245">
        <v>13</v>
      </c>
      <c r="AA18245">
        <v>13</v>
      </c>
      <c r="AB18245">
        <v>14</v>
      </c>
      <c r="AC18245">
        <v>14</v>
      </c>
      <c r="AD18245">
        <v>14</v>
      </c>
      <c r="AE18245">
        <v>15</v>
      </c>
      <c r="AF18245">
        <v>15</v>
      </c>
      <c r="AG18245">
        <v>15</v>
      </c>
      <c r="AH18245">
        <v>16</v>
      </c>
      <c r="AI18245">
        <v>16</v>
      </c>
      <c r="AJ18245">
        <v>16</v>
      </c>
      <c r="AK18245">
        <v>17</v>
      </c>
      <c r="AL18245">
        <v>17</v>
      </c>
      <c r="AM18245">
        <v>17</v>
      </c>
      <c r="AN18245">
        <v>18</v>
      </c>
      <c r="AO18245">
        <v>18</v>
      </c>
      <c r="AP18245">
        <v>18</v>
      </c>
      <c r="AQ18245">
        <v>18</v>
      </c>
    </row>
    <row r="18246" spans="1:43">
      <c r="A18246" t="s">
        <v>11304</v>
      </c>
      <c r="B18246" t="s">
        <v>11305</v>
      </c>
      <c r="C18246" t="s">
        <v>11306</v>
      </c>
      <c r="D18246" t="s">
        <v>11307</v>
      </c>
      <c r="E18246" t="s">
        <v>11206</v>
      </c>
      <c r="F18246" t="s">
        <v>11207</v>
      </c>
      <c r="G18246" t="s">
        <v>10734</v>
      </c>
      <c r="H18246" t="s">
        <v>10735</v>
      </c>
      <c r="I18246" s="2">
        <v>0</v>
      </c>
      <c r="J18246" s="2">
        <v>0</v>
      </c>
      <c r="K18246" s="2">
        <v>1</v>
      </c>
      <c r="L18246" t="s">
        <v>995</v>
      </c>
      <c r="M18246" t="s">
        <v>83</v>
      </c>
      <c r="N18246" t="s">
        <v>84</v>
      </c>
      <c r="O18246" t="s">
        <v>85</v>
      </c>
      <c r="P18246" t="s">
        <v>86</v>
      </c>
      <c r="Q18246">
        <v>23</v>
      </c>
      <c r="R18246">
        <v>24</v>
      </c>
      <c r="S18246">
        <v>24</v>
      </c>
      <c r="T18246">
        <v>25</v>
      </c>
      <c r="U18246">
        <v>26</v>
      </c>
      <c r="V18246">
        <v>26</v>
      </c>
      <c r="W18246">
        <v>27</v>
      </c>
      <c r="X18246">
        <v>28</v>
      </c>
      <c r="Y18246">
        <v>28</v>
      </c>
      <c r="Z18246">
        <v>29</v>
      </c>
      <c r="AA18246">
        <v>30</v>
      </c>
      <c r="AB18246">
        <v>30</v>
      </c>
      <c r="AC18246">
        <v>31</v>
      </c>
      <c r="AD18246">
        <v>32</v>
      </c>
      <c r="AE18246">
        <v>33</v>
      </c>
      <c r="AF18246">
        <v>33</v>
      </c>
      <c r="AG18246">
        <v>34</v>
      </c>
      <c r="AH18246">
        <v>35</v>
      </c>
      <c r="AI18246">
        <v>36</v>
      </c>
      <c r="AJ18246">
        <v>37</v>
      </c>
      <c r="AK18246">
        <v>37</v>
      </c>
      <c r="AL18246">
        <v>38</v>
      </c>
      <c r="AM18246">
        <v>39</v>
      </c>
      <c r="AN18246">
        <v>39</v>
      </c>
      <c r="AO18246">
        <v>40</v>
      </c>
      <c r="AP18246">
        <v>40</v>
      </c>
      <c r="AQ18246">
        <v>41</v>
      </c>
    </row>
    <row r="18247" spans="1:43">
      <c r="A18247" t="s">
        <v>11304</v>
      </c>
      <c r="B18247" t="s">
        <v>11305</v>
      </c>
      <c r="C18247" t="s">
        <v>11306</v>
      </c>
      <c r="D18247" t="s">
        <v>11307</v>
      </c>
      <c r="E18247" t="s">
        <v>11206</v>
      </c>
      <c r="F18247" t="s">
        <v>11207</v>
      </c>
      <c r="G18247" t="s">
        <v>10734</v>
      </c>
      <c r="H18247" t="s">
        <v>10735</v>
      </c>
      <c r="I18247" s="2">
        <v>0</v>
      </c>
      <c r="J18247" s="2">
        <v>0</v>
      </c>
      <c r="K18247" s="2">
        <v>1</v>
      </c>
      <c r="L18247" t="s">
        <v>995</v>
      </c>
      <c r="M18247" t="s">
        <v>87</v>
      </c>
      <c r="N18247" t="s">
        <v>88</v>
      </c>
      <c r="O18247" t="s">
        <v>85</v>
      </c>
      <c r="P18247" t="s">
        <v>86</v>
      </c>
      <c r="Q18247">
        <v>23</v>
      </c>
      <c r="R18247">
        <v>23</v>
      </c>
      <c r="S18247">
        <v>24</v>
      </c>
      <c r="T18247">
        <v>24</v>
      </c>
      <c r="U18247">
        <v>24</v>
      </c>
      <c r="V18247">
        <v>25</v>
      </c>
      <c r="W18247">
        <v>25</v>
      </c>
      <c r="X18247">
        <v>26</v>
      </c>
      <c r="Y18247">
        <v>26</v>
      </c>
      <c r="Z18247">
        <v>26</v>
      </c>
      <c r="AA18247">
        <v>27</v>
      </c>
      <c r="AB18247">
        <v>27</v>
      </c>
      <c r="AC18247">
        <v>28</v>
      </c>
      <c r="AD18247">
        <v>28</v>
      </c>
      <c r="AE18247">
        <v>29</v>
      </c>
      <c r="AF18247">
        <v>29</v>
      </c>
      <c r="AG18247">
        <v>30</v>
      </c>
      <c r="AH18247">
        <v>30</v>
      </c>
      <c r="AI18247">
        <v>31</v>
      </c>
      <c r="AJ18247">
        <v>31</v>
      </c>
      <c r="AK18247">
        <v>32</v>
      </c>
      <c r="AL18247">
        <v>32</v>
      </c>
      <c r="AM18247">
        <v>33</v>
      </c>
      <c r="AN18247">
        <v>34</v>
      </c>
      <c r="AO18247">
        <v>34</v>
      </c>
      <c r="AP18247">
        <v>35</v>
      </c>
      <c r="AQ18247">
        <v>35</v>
      </c>
    </row>
    <row r="18248" spans="1:43">
      <c r="A18248" t="s">
        <v>11304</v>
      </c>
      <c r="B18248" t="s">
        <v>11305</v>
      </c>
      <c r="C18248" t="s">
        <v>11306</v>
      </c>
      <c r="D18248" t="s">
        <v>11307</v>
      </c>
      <c r="E18248" t="s">
        <v>11206</v>
      </c>
      <c r="F18248" t="s">
        <v>11207</v>
      </c>
      <c r="G18248" t="s">
        <v>10734</v>
      </c>
      <c r="H18248" t="s">
        <v>10735</v>
      </c>
      <c r="I18248" s="2">
        <v>0</v>
      </c>
      <c r="J18248" s="2">
        <v>0</v>
      </c>
      <c r="K18248" s="2">
        <v>1</v>
      </c>
      <c r="L18248" t="s">
        <v>995</v>
      </c>
      <c r="M18248" t="s">
        <v>89</v>
      </c>
      <c r="N18248" t="s">
        <v>90</v>
      </c>
      <c r="O18248" t="s">
        <v>85</v>
      </c>
      <c r="P18248" t="s">
        <v>86</v>
      </c>
      <c r="Q18248">
        <v>23</v>
      </c>
      <c r="R18248">
        <v>24</v>
      </c>
      <c r="S18248">
        <v>25</v>
      </c>
      <c r="T18248">
        <v>26</v>
      </c>
      <c r="U18248">
        <v>27</v>
      </c>
      <c r="V18248">
        <v>27</v>
      </c>
      <c r="W18248">
        <v>28</v>
      </c>
      <c r="X18248">
        <v>29</v>
      </c>
      <c r="Y18248">
        <v>30</v>
      </c>
      <c r="Z18248">
        <v>31</v>
      </c>
      <c r="AA18248">
        <v>32</v>
      </c>
      <c r="AB18248">
        <v>32</v>
      </c>
      <c r="AC18248">
        <v>33</v>
      </c>
      <c r="AD18248">
        <v>34</v>
      </c>
      <c r="AE18248">
        <v>35</v>
      </c>
      <c r="AF18248">
        <v>35</v>
      </c>
      <c r="AG18248">
        <v>36</v>
      </c>
      <c r="AH18248">
        <v>36</v>
      </c>
      <c r="AI18248">
        <v>37</v>
      </c>
      <c r="AJ18248">
        <v>37</v>
      </c>
      <c r="AK18248">
        <v>38</v>
      </c>
      <c r="AL18248">
        <v>38</v>
      </c>
      <c r="AM18248">
        <v>39</v>
      </c>
      <c r="AN18248">
        <v>39</v>
      </c>
      <c r="AO18248">
        <v>40</v>
      </c>
      <c r="AP18248">
        <v>40</v>
      </c>
      <c r="AQ18248">
        <v>41</v>
      </c>
    </row>
    <row r="18249" spans="1:43">
      <c r="A18249" t="s">
        <v>11304</v>
      </c>
      <c r="B18249" t="s">
        <v>11305</v>
      </c>
      <c r="C18249" t="s">
        <v>11306</v>
      </c>
      <c r="D18249" t="s">
        <v>11307</v>
      </c>
      <c r="E18249" t="s">
        <v>11206</v>
      </c>
      <c r="F18249" t="s">
        <v>11207</v>
      </c>
      <c r="G18249" t="s">
        <v>10734</v>
      </c>
      <c r="H18249" t="s">
        <v>10735</v>
      </c>
      <c r="I18249" s="2">
        <v>0</v>
      </c>
      <c r="J18249" s="2">
        <v>0</v>
      </c>
      <c r="K18249" s="2">
        <v>1</v>
      </c>
      <c r="L18249" t="s">
        <v>995</v>
      </c>
      <c r="M18249" t="s">
        <v>83</v>
      </c>
      <c r="N18249" t="s">
        <v>91</v>
      </c>
      <c r="O18249" t="s">
        <v>85</v>
      </c>
      <c r="P18249" t="s">
        <v>86</v>
      </c>
      <c r="Q18249">
        <v>23</v>
      </c>
      <c r="R18249">
        <v>24</v>
      </c>
      <c r="S18249">
        <v>24</v>
      </c>
      <c r="T18249">
        <v>25</v>
      </c>
      <c r="U18249">
        <v>26</v>
      </c>
      <c r="V18249">
        <v>26</v>
      </c>
      <c r="W18249">
        <v>27</v>
      </c>
      <c r="X18249">
        <v>28</v>
      </c>
      <c r="Y18249">
        <v>28</v>
      </c>
      <c r="Z18249">
        <v>29</v>
      </c>
      <c r="AA18249">
        <v>30</v>
      </c>
      <c r="AB18249">
        <v>30</v>
      </c>
      <c r="AC18249">
        <v>31</v>
      </c>
      <c r="AD18249">
        <v>32</v>
      </c>
      <c r="AE18249">
        <v>33</v>
      </c>
      <c r="AF18249">
        <v>33</v>
      </c>
      <c r="AG18249">
        <v>34</v>
      </c>
      <c r="AH18249">
        <v>35</v>
      </c>
      <c r="AI18249">
        <v>36</v>
      </c>
      <c r="AJ18249">
        <v>37</v>
      </c>
      <c r="AK18249">
        <v>37</v>
      </c>
      <c r="AL18249">
        <v>38</v>
      </c>
      <c r="AM18249">
        <v>39</v>
      </c>
      <c r="AN18249">
        <v>39</v>
      </c>
      <c r="AO18249">
        <v>40</v>
      </c>
      <c r="AP18249">
        <v>40</v>
      </c>
      <c r="AQ18249">
        <v>41</v>
      </c>
    </row>
    <row r="18250" spans="1:43">
      <c r="A18250" t="s">
        <v>11308</v>
      </c>
      <c r="B18250" t="s">
        <v>11309</v>
      </c>
      <c r="C18250" t="s">
        <v>11306</v>
      </c>
      <c r="D18250" t="s">
        <v>11307</v>
      </c>
      <c r="E18250" t="s">
        <v>11206</v>
      </c>
      <c r="F18250" t="s">
        <v>11207</v>
      </c>
      <c r="G18250" t="s">
        <v>10734</v>
      </c>
      <c r="H18250" t="s">
        <v>10735</v>
      </c>
      <c r="I18250" s="2">
        <v>0</v>
      </c>
      <c r="J18250" s="2">
        <v>0</v>
      </c>
      <c r="K18250" s="2">
        <v>1</v>
      </c>
      <c r="L18250" t="s">
        <v>995</v>
      </c>
      <c r="M18250" t="s">
        <v>83</v>
      </c>
      <c r="N18250" t="s">
        <v>84</v>
      </c>
      <c r="O18250" t="s">
        <v>85</v>
      </c>
      <c r="P18250" t="s">
        <v>86</v>
      </c>
      <c r="Q18250">
        <v>7</v>
      </c>
      <c r="R18250">
        <v>7</v>
      </c>
      <c r="S18250">
        <v>7</v>
      </c>
      <c r="T18250">
        <v>7</v>
      </c>
      <c r="U18250">
        <v>8</v>
      </c>
      <c r="V18250">
        <v>8</v>
      </c>
      <c r="W18250">
        <v>8</v>
      </c>
      <c r="X18250">
        <v>8</v>
      </c>
      <c r="Y18250">
        <v>8</v>
      </c>
      <c r="Z18250">
        <v>9</v>
      </c>
      <c r="AA18250">
        <v>9</v>
      </c>
      <c r="AB18250">
        <v>9</v>
      </c>
      <c r="AC18250">
        <v>9</v>
      </c>
      <c r="AD18250">
        <v>9</v>
      </c>
      <c r="AE18250">
        <v>10</v>
      </c>
      <c r="AF18250">
        <v>10</v>
      </c>
      <c r="AG18250">
        <v>10</v>
      </c>
      <c r="AH18250">
        <v>10</v>
      </c>
      <c r="AI18250">
        <v>11</v>
      </c>
      <c r="AJ18250">
        <v>11</v>
      </c>
      <c r="AK18250">
        <v>11</v>
      </c>
      <c r="AL18250">
        <v>11</v>
      </c>
      <c r="AM18250">
        <v>11</v>
      </c>
      <c r="AN18250">
        <v>12</v>
      </c>
      <c r="AO18250">
        <v>12</v>
      </c>
      <c r="AP18250">
        <v>12</v>
      </c>
      <c r="AQ18250">
        <v>12</v>
      </c>
    </row>
    <row r="18251" spans="1:43">
      <c r="A18251" t="s">
        <v>11308</v>
      </c>
      <c r="B18251" t="s">
        <v>11309</v>
      </c>
      <c r="C18251" t="s">
        <v>11306</v>
      </c>
      <c r="D18251" t="s">
        <v>11307</v>
      </c>
      <c r="E18251" t="s">
        <v>11206</v>
      </c>
      <c r="F18251" t="s">
        <v>11207</v>
      </c>
      <c r="G18251" t="s">
        <v>10734</v>
      </c>
      <c r="H18251" t="s">
        <v>10735</v>
      </c>
      <c r="I18251" s="2">
        <v>0</v>
      </c>
      <c r="J18251" s="2">
        <v>0</v>
      </c>
      <c r="K18251" s="2">
        <v>1</v>
      </c>
      <c r="L18251" t="s">
        <v>995</v>
      </c>
      <c r="M18251" t="s">
        <v>87</v>
      </c>
      <c r="N18251" t="s">
        <v>88</v>
      </c>
      <c r="O18251" t="s">
        <v>85</v>
      </c>
      <c r="P18251" t="s">
        <v>86</v>
      </c>
      <c r="Q18251">
        <v>7</v>
      </c>
      <c r="R18251">
        <v>7</v>
      </c>
      <c r="S18251">
        <v>7</v>
      </c>
      <c r="T18251">
        <v>7</v>
      </c>
      <c r="U18251">
        <v>7</v>
      </c>
      <c r="V18251">
        <v>7</v>
      </c>
      <c r="W18251">
        <v>7</v>
      </c>
      <c r="X18251">
        <v>8</v>
      </c>
      <c r="Y18251">
        <v>8</v>
      </c>
      <c r="Z18251">
        <v>8</v>
      </c>
      <c r="AA18251">
        <v>8</v>
      </c>
      <c r="AB18251">
        <v>8</v>
      </c>
      <c r="AC18251">
        <v>8</v>
      </c>
      <c r="AD18251">
        <v>8</v>
      </c>
      <c r="AE18251">
        <v>8</v>
      </c>
      <c r="AF18251">
        <v>9</v>
      </c>
      <c r="AG18251">
        <v>9</v>
      </c>
      <c r="AH18251">
        <v>9</v>
      </c>
      <c r="AI18251">
        <v>9</v>
      </c>
      <c r="AJ18251">
        <v>9</v>
      </c>
      <c r="AK18251">
        <v>9</v>
      </c>
      <c r="AL18251">
        <v>10</v>
      </c>
      <c r="AM18251">
        <v>10</v>
      </c>
      <c r="AN18251">
        <v>10</v>
      </c>
      <c r="AO18251">
        <v>10</v>
      </c>
      <c r="AP18251">
        <v>10</v>
      </c>
      <c r="AQ18251">
        <v>10</v>
      </c>
    </row>
    <row r="18252" spans="1:43">
      <c r="A18252" t="s">
        <v>11308</v>
      </c>
      <c r="B18252" t="s">
        <v>11309</v>
      </c>
      <c r="C18252" t="s">
        <v>11306</v>
      </c>
      <c r="D18252" t="s">
        <v>11307</v>
      </c>
      <c r="E18252" t="s">
        <v>11206</v>
      </c>
      <c r="F18252" t="s">
        <v>11207</v>
      </c>
      <c r="G18252" t="s">
        <v>10734</v>
      </c>
      <c r="H18252" t="s">
        <v>10735</v>
      </c>
      <c r="I18252" s="2">
        <v>0</v>
      </c>
      <c r="J18252" s="2">
        <v>0</v>
      </c>
      <c r="K18252" s="2">
        <v>1</v>
      </c>
      <c r="L18252" t="s">
        <v>995</v>
      </c>
      <c r="M18252" t="s">
        <v>89</v>
      </c>
      <c r="N18252" t="s">
        <v>90</v>
      </c>
      <c r="O18252" t="s">
        <v>85</v>
      </c>
      <c r="P18252" t="s">
        <v>86</v>
      </c>
      <c r="Q18252">
        <v>7</v>
      </c>
      <c r="R18252">
        <v>7</v>
      </c>
      <c r="S18252">
        <v>7</v>
      </c>
      <c r="T18252">
        <v>8</v>
      </c>
      <c r="U18252">
        <v>8</v>
      </c>
      <c r="V18252">
        <v>8</v>
      </c>
      <c r="W18252">
        <v>8</v>
      </c>
      <c r="X18252">
        <v>9</v>
      </c>
      <c r="Y18252">
        <v>9</v>
      </c>
      <c r="Z18252">
        <v>9</v>
      </c>
      <c r="AA18252">
        <v>9</v>
      </c>
      <c r="AB18252">
        <v>10</v>
      </c>
      <c r="AC18252">
        <v>10</v>
      </c>
      <c r="AD18252">
        <v>10</v>
      </c>
      <c r="AE18252">
        <v>10</v>
      </c>
      <c r="AF18252">
        <v>10</v>
      </c>
      <c r="AG18252">
        <v>11</v>
      </c>
      <c r="AH18252">
        <v>11</v>
      </c>
      <c r="AI18252">
        <v>11</v>
      </c>
      <c r="AJ18252">
        <v>11</v>
      </c>
      <c r="AK18252">
        <v>11</v>
      </c>
      <c r="AL18252">
        <v>11</v>
      </c>
      <c r="AM18252">
        <v>11</v>
      </c>
      <c r="AN18252">
        <v>12</v>
      </c>
      <c r="AO18252">
        <v>12</v>
      </c>
      <c r="AP18252">
        <v>12</v>
      </c>
      <c r="AQ18252">
        <v>12</v>
      </c>
    </row>
    <row r="18253" spans="1:43">
      <c r="A18253" t="s">
        <v>11308</v>
      </c>
      <c r="B18253" t="s">
        <v>11309</v>
      </c>
      <c r="C18253" t="s">
        <v>11306</v>
      </c>
      <c r="D18253" t="s">
        <v>11307</v>
      </c>
      <c r="E18253" t="s">
        <v>11206</v>
      </c>
      <c r="F18253" t="s">
        <v>11207</v>
      </c>
      <c r="G18253" t="s">
        <v>10734</v>
      </c>
      <c r="H18253" t="s">
        <v>10735</v>
      </c>
      <c r="I18253" s="2">
        <v>0</v>
      </c>
      <c r="J18253" s="2">
        <v>0</v>
      </c>
      <c r="K18253" s="2">
        <v>1</v>
      </c>
      <c r="L18253" t="s">
        <v>995</v>
      </c>
      <c r="M18253" t="s">
        <v>83</v>
      </c>
      <c r="N18253" t="s">
        <v>91</v>
      </c>
      <c r="O18253" t="s">
        <v>85</v>
      </c>
      <c r="P18253" t="s">
        <v>86</v>
      </c>
      <c r="Q18253">
        <v>7</v>
      </c>
      <c r="R18253">
        <v>7</v>
      </c>
      <c r="S18253">
        <v>7</v>
      </c>
      <c r="T18253">
        <v>7</v>
      </c>
      <c r="U18253">
        <v>8</v>
      </c>
      <c r="V18253">
        <v>8</v>
      </c>
      <c r="W18253">
        <v>8</v>
      </c>
      <c r="X18253">
        <v>8</v>
      </c>
      <c r="Y18253">
        <v>8</v>
      </c>
      <c r="Z18253">
        <v>9</v>
      </c>
      <c r="AA18253">
        <v>9</v>
      </c>
      <c r="AB18253">
        <v>9</v>
      </c>
      <c r="AC18253">
        <v>9</v>
      </c>
      <c r="AD18253">
        <v>9</v>
      </c>
      <c r="AE18253">
        <v>10</v>
      </c>
      <c r="AF18253">
        <v>10</v>
      </c>
      <c r="AG18253">
        <v>10</v>
      </c>
      <c r="AH18253">
        <v>10</v>
      </c>
      <c r="AI18253">
        <v>11</v>
      </c>
      <c r="AJ18253">
        <v>11</v>
      </c>
      <c r="AK18253">
        <v>11</v>
      </c>
      <c r="AL18253">
        <v>11</v>
      </c>
      <c r="AM18253">
        <v>11</v>
      </c>
      <c r="AN18253">
        <v>12</v>
      </c>
      <c r="AO18253">
        <v>12</v>
      </c>
      <c r="AP18253">
        <v>12</v>
      </c>
      <c r="AQ18253">
        <v>12</v>
      </c>
    </row>
    <row r="18254" spans="1:43">
      <c r="A18254" t="s">
        <v>11310</v>
      </c>
      <c r="B18254" t="s">
        <v>11311</v>
      </c>
      <c r="C18254" t="s">
        <v>11306</v>
      </c>
      <c r="D18254" t="s">
        <v>11307</v>
      </c>
      <c r="E18254" t="s">
        <v>11206</v>
      </c>
      <c r="F18254" t="s">
        <v>11207</v>
      </c>
      <c r="G18254" t="s">
        <v>10734</v>
      </c>
      <c r="H18254" t="s">
        <v>10735</v>
      </c>
      <c r="I18254" s="2">
        <v>0</v>
      </c>
      <c r="J18254" s="2">
        <v>0</v>
      </c>
      <c r="K18254" s="2">
        <v>1</v>
      </c>
      <c r="L18254" t="s">
        <v>995</v>
      </c>
      <c r="M18254" t="s">
        <v>83</v>
      </c>
      <c r="N18254" t="s">
        <v>84</v>
      </c>
      <c r="O18254" t="s">
        <v>85</v>
      </c>
      <c r="P18254" t="s">
        <v>86</v>
      </c>
      <c r="Q18254">
        <v>17</v>
      </c>
      <c r="R18254">
        <v>18</v>
      </c>
      <c r="S18254">
        <v>18</v>
      </c>
      <c r="T18254">
        <v>19</v>
      </c>
      <c r="U18254">
        <v>19</v>
      </c>
      <c r="V18254">
        <v>20</v>
      </c>
      <c r="W18254">
        <v>20</v>
      </c>
      <c r="X18254">
        <v>21</v>
      </c>
      <c r="Y18254">
        <v>21</v>
      </c>
      <c r="Z18254">
        <v>22</v>
      </c>
      <c r="AA18254">
        <v>22</v>
      </c>
      <c r="AB18254">
        <v>23</v>
      </c>
      <c r="AC18254">
        <v>23</v>
      </c>
      <c r="AD18254">
        <v>24</v>
      </c>
      <c r="AE18254">
        <v>24</v>
      </c>
      <c r="AF18254">
        <v>25</v>
      </c>
      <c r="AG18254">
        <v>26</v>
      </c>
      <c r="AH18254">
        <v>26</v>
      </c>
      <c r="AI18254">
        <v>27</v>
      </c>
      <c r="AJ18254">
        <v>27</v>
      </c>
      <c r="AK18254">
        <v>28</v>
      </c>
      <c r="AL18254">
        <v>28</v>
      </c>
      <c r="AM18254">
        <v>29</v>
      </c>
      <c r="AN18254">
        <v>29</v>
      </c>
      <c r="AO18254">
        <v>30</v>
      </c>
      <c r="AP18254">
        <v>30</v>
      </c>
      <c r="AQ18254">
        <v>31</v>
      </c>
    </row>
    <row r="18255" spans="1:43">
      <c r="A18255" t="s">
        <v>11310</v>
      </c>
      <c r="B18255" t="s">
        <v>11311</v>
      </c>
      <c r="C18255" t="s">
        <v>11306</v>
      </c>
      <c r="D18255" t="s">
        <v>11307</v>
      </c>
      <c r="E18255" t="s">
        <v>11206</v>
      </c>
      <c r="F18255" t="s">
        <v>11207</v>
      </c>
      <c r="G18255" t="s">
        <v>10734</v>
      </c>
      <c r="H18255" t="s">
        <v>10735</v>
      </c>
      <c r="I18255" s="2">
        <v>0</v>
      </c>
      <c r="J18255" s="2">
        <v>0</v>
      </c>
      <c r="K18255" s="2">
        <v>1</v>
      </c>
      <c r="L18255" t="s">
        <v>995</v>
      </c>
      <c r="M18255" t="s">
        <v>87</v>
      </c>
      <c r="N18255" t="s">
        <v>88</v>
      </c>
      <c r="O18255" t="s">
        <v>85</v>
      </c>
      <c r="P18255" t="s">
        <v>86</v>
      </c>
      <c r="Q18255">
        <v>17</v>
      </c>
      <c r="R18255">
        <v>17</v>
      </c>
      <c r="S18255">
        <v>18</v>
      </c>
      <c r="T18255">
        <v>18</v>
      </c>
      <c r="U18255">
        <v>18</v>
      </c>
      <c r="V18255">
        <v>19</v>
      </c>
      <c r="W18255">
        <v>19</v>
      </c>
      <c r="X18255">
        <v>19</v>
      </c>
      <c r="Y18255">
        <v>20</v>
      </c>
      <c r="Z18255">
        <v>20</v>
      </c>
      <c r="AA18255">
        <v>20</v>
      </c>
      <c r="AB18255">
        <v>21</v>
      </c>
      <c r="AC18255">
        <v>21</v>
      </c>
      <c r="AD18255">
        <v>21</v>
      </c>
      <c r="AE18255">
        <v>22</v>
      </c>
      <c r="AF18255">
        <v>22</v>
      </c>
      <c r="AG18255">
        <v>22</v>
      </c>
      <c r="AH18255">
        <v>23</v>
      </c>
      <c r="AI18255">
        <v>23</v>
      </c>
      <c r="AJ18255">
        <v>23</v>
      </c>
      <c r="AK18255">
        <v>24</v>
      </c>
      <c r="AL18255">
        <v>24</v>
      </c>
      <c r="AM18255">
        <v>25</v>
      </c>
      <c r="AN18255">
        <v>25</v>
      </c>
      <c r="AO18255">
        <v>26</v>
      </c>
      <c r="AP18255">
        <v>26</v>
      </c>
      <c r="AQ18255">
        <v>26</v>
      </c>
    </row>
    <row r="18256" spans="1:43">
      <c r="A18256" t="s">
        <v>11310</v>
      </c>
      <c r="B18256" t="s">
        <v>11311</v>
      </c>
      <c r="C18256" t="s">
        <v>11306</v>
      </c>
      <c r="D18256" t="s">
        <v>11307</v>
      </c>
      <c r="E18256" t="s">
        <v>11206</v>
      </c>
      <c r="F18256" t="s">
        <v>11207</v>
      </c>
      <c r="G18256" t="s">
        <v>10734</v>
      </c>
      <c r="H18256" t="s">
        <v>10735</v>
      </c>
      <c r="I18256" s="2">
        <v>0</v>
      </c>
      <c r="J18256" s="2">
        <v>0</v>
      </c>
      <c r="K18256" s="2">
        <v>1</v>
      </c>
      <c r="L18256" t="s">
        <v>995</v>
      </c>
      <c r="M18256" t="s">
        <v>89</v>
      </c>
      <c r="N18256" t="s">
        <v>90</v>
      </c>
      <c r="O18256" t="s">
        <v>85</v>
      </c>
      <c r="P18256" t="s">
        <v>86</v>
      </c>
      <c r="Q18256">
        <v>17</v>
      </c>
      <c r="R18256">
        <v>18</v>
      </c>
      <c r="S18256">
        <v>19</v>
      </c>
      <c r="T18256">
        <v>19</v>
      </c>
      <c r="U18256">
        <v>20</v>
      </c>
      <c r="V18256">
        <v>21</v>
      </c>
      <c r="W18256">
        <v>21</v>
      </c>
      <c r="X18256">
        <v>22</v>
      </c>
      <c r="Y18256">
        <v>22</v>
      </c>
      <c r="Z18256">
        <v>23</v>
      </c>
      <c r="AA18256">
        <v>24</v>
      </c>
      <c r="AB18256">
        <v>24</v>
      </c>
      <c r="AC18256">
        <v>25</v>
      </c>
      <c r="AD18256">
        <v>26</v>
      </c>
      <c r="AE18256">
        <v>26</v>
      </c>
      <c r="AF18256">
        <v>26</v>
      </c>
      <c r="AG18256">
        <v>27</v>
      </c>
      <c r="AH18256">
        <v>27</v>
      </c>
      <c r="AI18256">
        <v>28</v>
      </c>
      <c r="AJ18256">
        <v>28</v>
      </c>
      <c r="AK18256">
        <v>28</v>
      </c>
      <c r="AL18256">
        <v>29</v>
      </c>
      <c r="AM18256">
        <v>29</v>
      </c>
      <c r="AN18256">
        <v>29</v>
      </c>
      <c r="AO18256">
        <v>30</v>
      </c>
      <c r="AP18256">
        <v>30</v>
      </c>
      <c r="AQ18256">
        <v>31</v>
      </c>
    </row>
    <row r="18257" spans="1:43">
      <c r="A18257" t="s">
        <v>11310</v>
      </c>
      <c r="B18257" t="s">
        <v>11311</v>
      </c>
      <c r="C18257" t="s">
        <v>11306</v>
      </c>
      <c r="D18257" t="s">
        <v>11307</v>
      </c>
      <c r="E18257" t="s">
        <v>11206</v>
      </c>
      <c r="F18257" t="s">
        <v>11207</v>
      </c>
      <c r="G18257" t="s">
        <v>10734</v>
      </c>
      <c r="H18257" t="s">
        <v>10735</v>
      </c>
      <c r="I18257" s="2">
        <v>0</v>
      </c>
      <c r="J18257" s="2">
        <v>0</v>
      </c>
      <c r="K18257" s="2">
        <v>1</v>
      </c>
      <c r="L18257" t="s">
        <v>995</v>
      </c>
      <c r="M18257" t="s">
        <v>83</v>
      </c>
      <c r="N18257" t="s">
        <v>91</v>
      </c>
      <c r="O18257" t="s">
        <v>85</v>
      </c>
      <c r="P18257" t="s">
        <v>86</v>
      </c>
      <c r="Q18257">
        <v>17</v>
      </c>
      <c r="R18257">
        <v>18</v>
      </c>
      <c r="S18257">
        <v>18</v>
      </c>
      <c r="T18257">
        <v>19</v>
      </c>
      <c r="U18257">
        <v>19</v>
      </c>
      <c r="V18257">
        <v>20</v>
      </c>
      <c r="W18257">
        <v>20</v>
      </c>
      <c r="X18257">
        <v>21</v>
      </c>
      <c r="Y18257">
        <v>21</v>
      </c>
      <c r="Z18257">
        <v>22</v>
      </c>
      <c r="AA18257">
        <v>22</v>
      </c>
      <c r="AB18257">
        <v>23</v>
      </c>
      <c r="AC18257">
        <v>23</v>
      </c>
      <c r="AD18257">
        <v>24</v>
      </c>
      <c r="AE18257">
        <v>24</v>
      </c>
      <c r="AF18257">
        <v>25</v>
      </c>
      <c r="AG18257">
        <v>26</v>
      </c>
      <c r="AH18257">
        <v>26</v>
      </c>
      <c r="AI18257">
        <v>27</v>
      </c>
      <c r="AJ18257">
        <v>27</v>
      </c>
      <c r="AK18257">
        <v>28</v>
      </c>
      <c r="AL18257">
        <v>28</v>
      </c>
      <c r="AM18257">
        <v>29</v>
      </c>
      <c r="AN18257">
        <v>29</v>
      </c>
      <c r="AO18257">
        <v>30</v>
      </c>
      <c r="AP18257">
        <v>30</v>
      </c>
      <c r="AQ18257">
        <v>31</v>
      </c>
    </row>
    <row r="18258" spans="1:43">
      <c r="A18258" t="s">
        <v>11312</v>
      </c>
      <c r="B18258" t="s">
        <v>11313</v>
      </c>
      <c r="C18258" t="s">
        <v>11314</v>
      </c>
      <c r="D18258" t="s">
        <v>11315</v>
      </c>
      <c r="E18258" t="s">
        <v>11206</v>
      </c>
      <c r="F18258" t="s">
        <v>11207</v>
      </c>
      <c r="G18258" t="s">
        <v>10734</v>
      </c>
      <c r="H18258" t="s">
        <v>10735</v>
      </c>
      <c r="I18258" s="2">
        <v>0</v>
      </c>
      <c r="J18258" s="2">
        <v>0</v>
      </c>
      <c r="K18258" s="2">
        <v>1</v>
      </c>
      <c r="L18258" t="s">
        <v>995</v>
      </c>
      <c r="M18258" t="s">
        <v>83</v>
      </c>
      <c r="N18258" t="s">
        <v>84</v>
      </c>
      <c r="O18258" t="s">
        <v>85</v>
      </c>
      <c r="P18258" t="s">
        <v>86</v>
      </c>
      <c r="Q18258">
        <v>25</v>
      </c>
      <c r="R18258">
        <v>25</v>
      </c>
      <c r="S18258">
        <v>26</v>
      </c>
      <c r="T18258">
        <v>26</v>
      </c>
      <c r="U18258">
        <v>27</v>
      </c>
      <c r="V18258">
        <v>27</v>
      </c>
      <c r="W18258">
        <v>27</v>
      </c>
      <c r="X18258">
        <v>28</v>
      </c>
      <c r="Y18258">
        <v>28</v>
      </c>
      <c r="Z18258">
        <v>29</v>
      </c>
      <c r="AA18258">
        <v>29</v>
      </c>
      <c r="AB18258">
        <v>29</v>
      </c>
      <c r="AC18258">
        <v>30</v>
      </c>
      <c r="AD18258">
        <v>30</v>
      </c>
      <c r="AE18258">
        <v>31</v>
      </c>
      <c r="AF18258">
        <v>31</v>
      </c>
      <c r="AG18258">
        <v>31</v>
      </c>
      <c r="AH18258">
        <v>32</v>
      </c>
      <c r="AI18258">
        <v>32</v>
      </c>
      <c r="AJ18258">
        <v>33</v>
      </c>
      <c r="AK18258">
        <v>33</v>
      </c>
      <c r="AL18258">
        <v>33</v>
      </c>
      <c r="AM18258">
        <v>33</v>
      </c>
      <c r="AN18258">
        <v>34</v>
      </c>
      <c r="AO18258">
        <v>34</v>
      </c>
      <c r="AP18258">
        <v>34</v>
      </c>
      <c r="AQ18258">
        <v>34</v>
      </c>
    </row>
    <row r="18259" spans="1:43">
      <c r="A18259" t="s">
        <v>11312</v>
      </c>
      <c r="B18259" t="s">
        <v>11313</v>
      </c>
      <c r="C18259" t="s">
        <v>11314</v>
      </c>
      <c r="D18259" t="s">
        <v>11315</v>
      </c>
      <c r="E18259" t="s">
        <v>11206</v>
      </c>
      <c r="F18259" t="s">
        <v>11207</v>
      </c>
      <c r="G18259" t="s">
        <v>10734</v>
      </c>
      <c r="H18259" t="s">
        <v>10735</v>
      </c>
      <c r="I18259" s="2">
        <v>0</v>
      </c>
      <c r="J18259" s="2">
        <v>0</v>
      </c>
      <c r="K18259" s="2">
        <v>1</v>
      </c>
      <c r="L18259" t="s">
        <v>995</v>
      </c>
      <c r="M18259" t="s">
        <v>87</v>
      </c>
      <c r="N18259" t="s">
        <v>88</v>
      </c>
      <c r="O18259" t="s">
        <v>85</v>
      </c>
      <c r="P18259" t="s">
        <v>86</v>
      </c>
      <c r="Q18259">
        <v>25</v>
      </c>
      <c r="R18259">
        <v>25</v>
      </c>
      <c r="S18259">
        <v>25</v>
      </c>
      <c r="T18259">
        <v>25</v>
      </c>
      <c r="U18259">
        <v>25</v>
      </c>
      <c r="V18259">
        <v>26</v>
      </c>
      <c r="W18259">
        <v>26</v>
      </c>
      <c r="X18259">
        <v>26</v>
      </c>
      <c r="Y18259">
        <v>26</v>
      </c>
      <c r="Z18259">
        <v>26</v>
      </c>
      <c r="AA18259">
        <v>26</v>
      </c>
      <c r="AB18259">
        <v>27</v>
      </c>
      <c r="AC18259">
        <v>27</v>
      </c>
      <c r="AD18259">
        <v>27</v>
      </c>
      <c r="AE18259">
        <v>27</v>
      </c>
      <c r="AF18259">
        <v>27</v>
      </c>
      <c r="AG18259">
        <v>28</v>
      </c>
      <c r="AH18259">
        <v>28</v>
      </c>
      <c r="AI18259">
        <v>28</v>
      </c>
      <c r="AJ18259">
        <v>28</v>
      </c>
      <c r="AK18259">
        <v>28</v>
      </c>
      <c r="AL18259">
        <v>28</v>
      </c>
      <c r="AM18259">
        <v>29</v>
      </c>
      <c r="AN18259">
        <v>29</v>
      </c>
      <c r="AO18259">
        <v>29</v>
      </c>
      <c r="AP18259">
        <v>29</v>
      </c>
      <c r="AQ18259">
        <v>30</v>
      </c>
    </row>
    <row r="18260" spans="1:43">
      <c r="A18260" t="s">
        <v>11312</v>
      </c>
      <c r="B18260" t="s">
        <v>11313</v>
      </c>
      <c r="C18260" t="s">
        <v>11314</v>
      </c>
      <c r="D18260" t="s">
        <v>11315</v>
      </c>
      <c r="E18260" t="s">
        <v>11206</v>
      </c>
      <c r="F18260" t="s">
        <v>11207</v>
      </c>
      <c r="G18260" t="s">
        <v>10734</v>
      </c>
      <c r="H18260" t="s">
        <v>10735</v>
      </c>
      <c r="I18260" s="2">
        <v>0</v>
      </c>
      <c r="J18260" s="2">
        <v>0</v>
      </c>
      <c r="K18260" s="2">
        <v>1</v>
      </c>
      <c r="L18260" t="s">
        <v>995</v>
      </c>
      <c r="M18260" t="s">
        <v>89</v>
      </c>
      <c r="N18260" t="s">
        <v>90</v>
      </c>
      <c r="O18260" t="s">
        <v>85</v>
      </c>
      <c r="P18260" t="s">
        <v>86</v>
      </c>
      <c r="Q18260">
        <v>25</v>
      </c>
      <c r="R18260">
        <v>26</v>
      </c>
      <c r="S18260">
        <v>26</v>
      </c>
      <c r="T18260">
        <v>27</v>
      </c>
      <c r="U18260">
        <v>28</v>
      </c>
      <c r="V18260">
        <v>28</v>
      </c>
      <c r="W18260">
        <v>29</v>
      </c>
      <c r="X18260">
        <v>29</v>
      </c>
      <c r="Y18260">
        <v>30</v>
      </c>
      <c r="Z18260">
        <v>30</v>
      </c>
      <c r="AA18260">
        <v>31</v>
      </c>
      <c r="AB18260">
        <v>31</v>
      </c>
      <c r="AC18260">
        <v>32</v>
      </c>
      <c r="AD18260">
        <v>32</v>
      </c>
      <c r="AE18260">
        <v>33</v>
      </c>
      <c r="AF18260">
        <v>33</v>
      </c>
      <c r="AG18260">
        <v>33</v>
      </c>
      <c r="AH18260">
        <v>33</v>
      </c>
      <c r="AI18260">
        <v>33</v>
      </c>
      <c r="AJ18260">
        <v>34</v>
      </c>
      <c r="AK18260">
        <v>34</v>
      </c>
      <c r="AL18260">
        <v>34</v>
      </c>
      <c r="AM18260">
        <v>34</v>
      </c>
      <c r="AN18260">
        <v>34</v>
      </c>
      <c r="AO18260">
        <v>34</v>
      </c>
      <c r="AP18260">
        <v>34</v>
      </c>
      <c r="AQ18260">
        <v>35</v>
      </c>
    </row>
    <row r="18261" spans="1:43">
      <c r="A18261" t="s">
        <v>11312</v>
      </c>
      <c r="B18261" t="s">
        <v>11313</v>
      </c>
      <c r="C18261" t="s">
        <v>11314</v>
      </c>
      <c r="D18261" t="s">
        <v>11315</v>
      </c>
      <c r="E18261" t="s">
        <v>11206</v>
      </c>
      <c r="F18261" t="s">
        <v>11207</v>
      </c>
      <c r="G18261" t="s">
        <v>10734</v>
      </c>
      <c r="H18261" t="s">
        <v>10735</v>
      </c>
      <c r="I18261" s="2">
        <v>0</v>
      </c>
      <c r="J18261" s="2">
        <v>0</v>
      </c>
      <c r="K18261" s="2">
        <v>1</v>
      </c>
      <c r="L18261" t="s">
        <v>995</v>
      </c>
      <c r="M18261" t="s">
        <v>83</v>
      </c>
      <c r="N18261" t="s">
        <v>91</v>
      </c>
      <c r="O18261" t="s">
        <v>85</v>
      </c>
      <c r="P18261" t="s">
        <v>86</v>
      </c>
      <c r="Q18261">
        <v>25</v>
      </c>
      <c r="R18261">
        <v>25</v>
      </c>
      <c r="S18261">
        <v>26</v>
      </c>
      <c r="T18261">
        <v>26</v>
      </c>
      <c r="U18261">
        <v>27</v>
      </c>
      <c r="V18261">
        <v>27</v>
      </c>
      <c r="W18261">
        <v>27</v>
      </c>
      <c r="X18261">
        <v>28</v>
      </c>
      <c r="Y18261">
        <v>28</v>
      </c>
      <c r="Z18261">
        <v>29</v>
      </c>
      <c r="AA18261">
        <v>29</v>
      </c>
      <c r="AB18261">
        <v>29</v>
      </c>
      <c r="AC18261">
        <v>30</v>
      </c>
      <c r="AD18261">
        <v>30</v>
      </c>
      <c r="AE18261">
        <v>31</v>
      </c>
      <c r="AF18261">
        <v>31</v>
      </c>
      <c r="AG18261">
        <v>31</v>
      </c>
      <c r="AH18261">
        <v>32</v>
      </c>
      <c r="AI18261">
        <v>32</v>
      </c>
      <c r="AJ18261">
        <v>33</v>
      </c>
      <c r="AK18261">
        <v>33</v>
      </c>
      <c r="AL18261">
        <v>33</v>
      </c>
      <c r="AM18261">
        <v>33</v>
      </c>
      <c r="AN18261">
        <v>34</v>
      </c>
      <c r="AO18261">
        <v>34</v>
      </c>
      <c r="AP18261">
        <v>34</v>
      </c>
      <c r="AQ18261">
        <v>34</v>
      </c>
    </row>
    <row r="18262" spans="1:43">
      <c r="A18262" t="s">
        <v>11316</v>
      </c>
      <c r="B18262" t="s">
        <v>11317</v>
      </c>
      <c r="C18262" t="s">
        <v>11314</v>
      </c>
      <c r="D18262" t="s">
        <v>11315</v>
      </c>
      <c r="E18262" t="s">
        <v>11206</v>
      </c>
      <c r="F18262" t="s">
        <v>11207</v>
      </c>
      <c r="G18262" t="s">
        <v>10734</v>
      </c>
      <c r="H18262" t="s">
        <v>10735</v>
      </c>
      <c r="I18262" s="2">
        <v>0</v>
      </c>
      <c r="J18262" s="2">
        <v>0</v>
      </c>
      <c r="K18262" s="2">
        <v>1</v>
      </c>
      <c r="L18262" t="s">
        <v>995</v>
      </c>
      <c r="M18262" t="s">
        <v>83</v>
      </c>
      <c r="N18262" t="s">
        <v>84</v>
      </c>
      <c r="O18262" t="s">
        <v>85</v>
      </c>
      <c r="P18262" t="s">
        <v>86</v>
      </c>
      <c r="Q18262">
        <v>7</v>
      </c>
      <c r="R18262">
        <v>8</v>
      </c>
      <c r="S18262">
        <v>8</v>
      </c>
      <c r="T18262">
        <v>8</v>
      </c>
      <c r="U18262">
        <v>8</v>
      </c>
      <c r="V18262">
        <v>8</v>
      </c>
      <c r="W18262">
        <v>9</v>
      </c>
      <c r="X18262">
        <v>9</v>
      </c>
      <c r="Y18262">
        <v>9</v>
      </c>
      <c r="Z18262">
        <v>9</v>
      </c>
      <c r="AA18262">
        <v>10</v>
      </c>
      <c r="AB18262">
        <v>10</v>
      </c>
      <c r="AC18262">
        <v>10</v>
      </c>
      <c r="AD18262">
        <v>10</v>
      </c>
      <c r="AE18262">
        <v>10</v>
      </c>
      <c r="AF18262">
        <v>11</v>
      </c>
      <c r="AG18262">
        <v>11</v>
      </c>
      <c r="AH18262">
        <v>11</v>
      </c>
      <c r="AI18262">
        <v>11</v>
      </c>
      <c r="AJ18262">
        <v>12</v>
      </c>
      <c r="AK18262">
        <v>12</v>
      </c>
      <c r="AL18262">
        <v>12</v>
      </c>
      <c r="AM18262">
        <v>12</v>
      </c>
      <c r="AN18262">
        <v>13</v>
      </c>
      <c r="AO18262">
        <v>13</v>
      </c>
      <c r="AP18262">
        <v>13</v>
      </c>
      <c r="AQ18262">
        <v>13</v>
      </c>
    </row>
    <row r="18263" spans="1:43">
      <c r="A18263" t="s">
        <v>11316</v>
      </c>
      <c r="B18263" t="s">
        <v>11317</v>
      </c>
      <c r="C18263" t="s">
        <v>11314</v>
      </c>
      <c r="D18263" t="s">
        <v>11315</v>
      </c>
      <c r="E18263" t="s">
        <v>11206</v>
      </c>
      <c r="F18263" t="s">
        <v>11207</v>
      </c>
      <c r="G18263" t="s">
        <v>10734</v>
      </c>
      <c r="H18263" t="s">
        <v>10735</v>
      </c>
      <c r="I18263" s="2">
        <v>0</v>
      </c>
      <c r="J18263" s="2">
        <v>0</v>
      </c>
      <c r="K18263" s="2">
        <v>1</v>
      </c>
      <c r="L18263" t="s">
        <v>995</v>
      </c>
      <c r="M18263" t="s">
        <v>87</v>
      </c>
      <c r="N18263" t="s">
        <v>88</v>
      </c>
      <c r="O18263" t="s">
        <v>85</v>
      </c>
      <c r="P18263" t="s">
        <v>86</v>
      </c>
      <c r="Q18263">
        <v>7</v>
      </c>
      <c r="R18263">
        <v>7</v>
      </c>
      <c r="S18263">
        <v>8</v>
      </c>
      <c r="T18263">
        <v>8</v>
      </c>
      <c r="U18263">
        <v>8</v>
      </c>
      <c r="V18263">
        <v>8</v>
      </c>
      <c r="W18263">
        <v>8</v>
      </c>
      <c r="X18263">
        <v>8</v>
      </c>
      <c r="Y18263">
        <v>8</v>
      </c>
      <c r="Z18263">
        <v>9</v>
      </c>
      <c r="AA18263">
        <v>9</v>
      </c>
      <c r="AB18263">
        <v>9</v>
      </c>
      <c r="AC18263">
        <v>9</v>
      </c>
      <c r="AD18263">
        <v>9</v>
      </c>
      <c r="AE18263">
        <v>9</v>
      </c>
      <c r="AF18263">
        <v>9</v>
      </c>
      <c r="AG18263">
        <v>10</v>
      </c>
      <c r="AH18263">
        <v>10</v>
      </c>
      <c r="AI18263">
        <v>10</v>
      </c>
      <c r="AJ18263">
        <v>10</v>
      </c>
      <c r="AK18263">
        <v>10</v>
      </c>
      <c r="AL18263">
        <v>10</v>
      </c>
      <c r="AM18263">
        <v>11</v>
      </c>
      <c r="AN18263">
        <v>11</v>
      </c>
      <c r="AO18263">
        <v>11</v>
      </c>
      <c r="AP18263">
        <v>11</v>
      </c>
      <c r="AQ18263">
        <v>11</v>
      </c>
    </row>
    <row r="18264" spans="1:43">
      <c r="A18264" t="s">
        <v>11316</v>
      </c>
      <c r="B18264" t="s">
        <v>11317</v>
      </c>
      <c r="C18264" t="s">
        <v>11314</v>
      </c>
      <c r="D18264" t="s">
        <v>11315</v>
      </c>
      <c r="E18264" t="s">
        <v>11206</v>
      </c>
      <c r="F18264" t="s">
        <v>11207</v>
      </c>
      <c r="G18264" t="s">
        <v>10734</v>
      </c>
      <c r="H18264" t="s">
        <v>10735</v>
      </c>
      <c r="I18264" s="2">
        <v>0</v>
      </c>
      <c r="J18264" s="2">
        <v>0</v>
      </c>
      <c r="K18264" s="2">
        <v>1</v>
      </c>
      <c r="L18264" t="s">
        <v>995</v>
      </c>
      <c r="M18264" t="s">
        <v>89</v>
      </c>
      <c r="N18264" t="s">
        <v>90</v>
      </c>
      <c r="O18264" t="s">
        <v>85</v>
      </c>
      <c r="P18264" t="s">
        <v>86</v>
      </c>
      <c r="Q18264">
        <v>7</v>
      </c>
      <c r="R18264">
        <v>8</v>
      </c>
      <c r="S18264">
        <v>8</v>
      </c>
      <c r="T18264">
        <v>8</v>
      </c>
      <c r="U18264">
        <v>9</v>
      </c>
      <c r="V18264">
        <v>9</v>
      </c>
      <c r="W18264">
        <v>9</v>
      </c>
      <c r="X18264">
        <v>9</v>
      </c>
      <c r="Y18264">
        <v>10</v>
      </c>
      <c r="Z18264">
        <v>10</v>
      </c>
      <c r="AA18264">
        <v>10</v>
      </c>
      <c r="AB18264">
        <v>10</v>
      </c>
      <c r="AC18264">
        <v>11</v>
      </c>
      <c r="AD18264">
        <v>11</v>
      </c>
      <c r="AE18264">
        <v>11</v>
      </c>
      <c r="AF18264">
        <v>11</v>
      </c>
      <c r="AG18264">
        <v>12</v>
      </c>
      <c r="AH18264">
        <v>12</v>
      </c>
      <c r="AI18264">
        <v>12</v>
      </c>
      <c r="AJ18264">
        <v>12</v>
      </c>
      <c r="AK18264">
        <v>12</v>
      </c>
      <c r="AL18264">
        <v>12</v>
      </c>
      <c r="AM18264">
        <v>12</v>
      </c>
      <c r="AN18264">
        <v>13</v>
      </c>
      <c r="AO18264">
        <v>13</v>
      </c>
      <c r="AP18264">
        <v>13</v>
      </c>
      <c r="AQ18264">
        <v>13</v>
      </c>
    </row>
    <row r="18265" spans="1:43">
      <c r="A18265" t="s">
        <v>11316</v>
      </c>
      <c r="B18265" t="s">
        <v>11317</v>
      </c>
      <c r="C18265" t="s">
        <v>11314</v>
      </c>
      <c r="D18265" t="s">
        <v>11315</v>
      </c>
      <c r="E18265" t="s">
        <v>11206</v>
      </c>
      <c r="F18265" t="s">
        <v>11207</v>
      </c>
      <c r="G18265" t="s">
        <v>10734</v>
      </c>
      <c r="H18265" t="s">
        <v>10735</v>
      </c>
      <c r="I18265" s="2">
        <v>0</v>
      </c>
      <c r="J18265" s="2">
        <v>0</v>
      </c>
      <c r="K18265" s="2">
        <v>1</v>
      </c>
      <c r="L18265" t="s">
        <v>995</v>
      </c>
      <c r="M18265" t="s">
        <v>83</v>
      </c>
      <c r="N18265" t="s">
        <v>91</v>
      </c>
      <c r="O18265" t="s">
        <v>85</v>
      </c>
      <c r="P18265" t="s">
        <v>86</v>
      </c>
      <c r="Q18265">
        <v>7</v>
      </c>
      <c r="R18265">
        <v>8</v>
      </c>
      <c r="S18265">
        <v>8</v>
      </c>
      <c r="T18265">
        <v>8</v>
      </c>
      <c r="U18265">
        <v>8</v>
      </c>
      <c r="V18265">
        <v>8</v>
      </c>
      <c r="W18265">
        <v>9</v>
      </c>
      <c r="X18265">
        <v>9</v>
      </c>
      <c r="Y18265">
        <v>9</v>
      </c>
      <c r="Z18265">
        <v>9</v>
      </c>
      <c r="AA18265">
        <v>10</v>
      </c>
      <c r="AB18265">
        <v>10</v>
      </c>
      <c r="AC18265">
        <v>10</v>
      </c>
      <c r="AD18265">
        <v>10</v>
      </c>
      <c r="AE18265">
        <v>10</v>
      </c>
      <c r="AF18265">
        <v>11</v>
      </c>
      <c r="AG18265">
        <v>11</v>
      </c>
      <c r="AH18265">
        <v>11</v>
      </c>
      <c r="AI18265">
        <v>11</v>
      </c>
      <c r="AJ18265">
        <v>12</v>
      </c>
      <c r="AK18265">
        <v>12</v>
      </c>
      <c r="AL18265">
        <v>12</v>
      </c>
      <c r="AM18265">
        <v>12</v>
      </c>
      <c r="AN18265">
        <v>13</v>
      </c>
      <c r="AO18265">
        <v>13</v>
      </c>
      <c r="AP18265">
        <v>13</v>
      </c>
      <c r="AQ18265">
        <v>13</v>
      </c>
    </row>
    <row r="18266" spans="1:43">
      <c r="A18266" t="s">
        <v>11318</v>
      </c>
      <c r="B18266" t="s">
        <v>11319</v>
      </c>
      <c r="C18266" t="s">
        <v>11306</v>
      </c>
      <c r="D18266" t="s">
        <v>11307</v>
      </c>
      <c r="E18266" t="s">
        <v>11206</v>
      </c>
      <c r="F18266" t="s">
        <v>11207</v>
      </c>
      <c r="G18266" t="s">
        <v>10734</v>
      </c>
      <c r="H18266" t="s">
        <v>10735</v>
      </c>
      <c r="I18266" s="2">
        <v>0</v>
      </c>
      <c r="J18266" s="2">
        <v>0</v>
      </c>
      <c r="K18266" s="2">
        <v>1</v>
      </c>
      <c r="L18266" t="s">
        <v>995</v>
      </c>
      <c r="M18266" t="s">
        <v>83</v>
      </c>
      <c r="N18266" t="s">
        <v>84</v>
      </c>
      <c r="O18266" t="s">
        <v>85</v>
      </c>
      <c r="P18266" t="s">
        <v>86</v>
      </c>
      <c r="Q18266">
        <v>9</v>
      </c>
      <c r="R18266">
        <v>9</v>
      </c>
      <c r="S18266">
        <v>9</v>
      </c>
      <c r="T18266">
        <v>9</v>
      </c>
      <c r="U18266">
        <v>10</v>
      </c>
      <c r="V18266">
        <v>10</v>
      </c>
      <c r="W18266">
        <v>10</v>
      </c>
      <c r="X18266">
        <v>10</v>
      </c>
      <c r="Y18266">
        <v>11</v>
      </c>
      <c r="Z18266">
        <v>11</v>
      </c>
      <c r="AA18266">
        <v>11</v>
      </c>
      <c r="AB18266">
        <v>11</v>
      </c>
      <c r="AC18266">
        <v>12</v>
      </c>
      <c r="AD18266">
        <v>12</v>
      </c>
      <c r="AE18266">
        <v>12</v>
      </c>
      <c r="AF18266">
        <v>12</v>
      </c>
      <c r="AG18266">
        <v>13</v>
      </c>
      <c r="AH18266">
        <v>13</v>
      </c>
      <c r="AI18266">
        <v>13</v>
      </c>
      <c r="AJ18266">
        <v>14</v>
      </c>
      <c r="AK18266">
        <v>14</v>
      </c>
      <c r="AL18266">
        <v>14</v>
      </c>
      <c r="AM18266">
        <v>14</v>
      </c>
      <c r="AN18266">
        <v>15</v>
      </c>
      <c r="AO18266">
        <v>15</v>
      </c>
      <c r="AP18266">
        <v>15</v>
      </c>
      <c r="AQ18266">
        <v>15</v>
      </c>
    </row>
    <row r="18267" spans="1:43">
      <c r="A18267" t="s">
        <v>11318</v>
      </c>
      <c r="B18267" t="s">
        <v>11319</v>
      </c>
      <c r="C18267" t="s">
        <v>11306</v>
      </c>
      <c r="D18267" t="s">
        <v>11307</v>
      </c>
      <c r="E18267" t="s">
        <v>11206</v>
      </c>
      <c r="F18267" t="s">
        <v>11207</v>
      </c>
      <c r="G18267" t="s">
        <v>10734</v>
      </c>
      <c r="H18267" t="s">
        <v>10735</v>
      </c>
      <c r="I18267" s="2">
        <v>0</v>
      </c>
      <c r="J18267" s="2">
        <v>0</v>
      </c>
      <c r="K18267" s="2">
        <v>1</v>
      </c>
      <c r="L18267" t="s">
        <v>995</v>
      </c>
      <c r="M18267" t="s">
        <v>87</v>
      </c>
      <c r="N18267" t="s">
        <v>88</v>
      </c>
      <c r="O18267" t="s">
        <v>85</v>
      </c>
      <c r="P18267" t="s">
        <v>86</v>
      </c>
      <c r="Q18267">
        <v>9</v>
      </c>
      <c r="R18267">
        <v>9</v>
      </c>
      <c r="S18267">
        <v>9</v>
      </c>
      <c r="T18267">
        <v>9</v>
      </c>
      <c r="U18267">
        <v>9</v>
      </c>
      <c r="V18267">
        <v>9</v>
      </c>
      <c r="W18267">
        <v>9</v>
      </c>
      <c r="X18267">
        <v>10</v>
      </c>
      <c r="Y18267">
        <v>10</v>
      </c>
      <c r="Z18267">
        <v>10</v>
      </c>
      <c r="AA18267">
        <v>10</v>
      </c>
      <c r="AB18267">
        <v>10</v>
      </c>
      <c r="AC18267">
        <v>10</v>
      </c>
      <c r="AD18267">
        <v>11</v>
      </c>
      <c r="AE18267">
        <v>11</v>
      </c>
      <c r="AF18267">
        <v>11</v>
      </c>
      <c r="AG18267">
        <v>11</v>
      </c>
      <c r="AH18267">
        <v>11</v>
      </c>
      <c r="AI18267">
        <v>11</v>
      </c>
      <c r="AJ18267">
        <v>12</v>
      </c>
      <c r="AK18267">
        <v>12</v>
      </c>
      <c r="AL18267">
        <v>12</v>
      </c>
      <c r="AM18267">
        <v>12</v>
      </c>
      <c r="AN18267">
        <v>12</v>
      </c>
      <c r="AO18267">
        <v>13</v>
      </c>
      <c r="AP18267">
        <v>13</v>
      </c>
      <c r="AQ18267">
        <v>13</v>
      </c>
    </row>
    <row r="18268" spans="1:43">
      <c r="A18268" t="s">
        <v>11318</v>
      </c>
      <c r="B18268" t="s">
        <v>11319</v>
      </c>
      <c r="C18268" t="s">
        <v>11306</v>
      </c>
      <c r="D18268" t="s">
        <v>11307</v>
      </c>
      <c r="E18268" t="s">
        <v>11206</v>
      </c>
      <c r="F18268" t="s">
        <v>11207</v>
      </c>
      <c r="G18268" t="s">
        <v>10734</v>
      </c>
      <c r="H18268" t="s">
        <v>10735</v>
      </c>
      <c r="I18268" s="2">
        <v>0</v>
      </c>
      <c r="J18268" s="2">
        <v>0</v>
      </c>
      <c r="K18268" s="2">
        <v>1</v>
      </c>
      <c r="L18268" t="s">
        <v>995</v>
      </c>
      <c r="M18268" t="s">
        <v>89</v>
      </c>
      <c r="N18268" t="s">
        <v>90</v>
      </c>
      <c r="O18268" t="s">
        <v>85</v>
      </c>
      <c r="P18268" t="s">
        <v>86</v>
      </c>
      <c r="Q18268">
        <v>9</v>
      </c>
      <c r="R18268">
        <v>9</v>
      </c>
      <c r="S18268">
        <v>9</v>
      </c>
      <c r="T18268">
        <v>10</v>
      </c>
      <c r="U18268">
        <v>10</v>
      </c>
      <c r="V18268">
        <v>10</v>
      </c>
      <c r="W18268">
        <v>11</v>
      </c>
      <c r="X18268">
        <v>11</v>
      </c>
      <c r="Y18268">
        <v>11</v>
      </c>
      <c r="Z18268">
        <v>11</v>
      </c>
      <c r="AA18268">
        <v>12</v>
      </c>
      <c r="AB18268">
        <v>12</v>
      </c>
      <c r="AC18268">
        <v>12</v>
      </c>
      <c r="AD18268">
        <v>13</v>
      </c>
      <c r="AE18268">
        <v>13</v>
      </c>
      <c r="AF18268">
        <v>13</v>
      </c>
      <c r="AG18268">
        <v>13</v>
      </c>
      <c r="AH18268">
        <v>14</v>
      </c>
      <c r="AI18268">
        <v>14</v>
      </c>
      <c r="AJ18268">
        <v>14</v>
      </c>
      <c r="AK18268">
        <v>14</v>
      </c>
      <c r="AL18268">
        <v>14</v>
      </c>
      <c r="AM18268">
        <v>14</v>
      </c>
      <c r="AN18268">
        <v>15</v>
      </c>
      <c r="AO18268">
        <v>15</v>
      </c>
      <c r="AP18268">
        <v>15</v>
      </c>
      <c r="AQ18268">
        <v>15</v>
      </c>
    </row>
    <row r="18269" spans="1:43">
      <c r="A18269" t="s">
        <v>11318</v>
      </c>
      <c r="B18269" t="s">
        <v>11319</v>
      </c>
      <c r="C18269" t="s">
        <v>11306</v>
      </c>
      <c r="D18269" t="s">
        <v>11307</v>
      </c>
      <c r="E18269" t="s">
        <v>11206</v>
      </c>
      <c r="F18269" t="s">
        <v>11207</v>
      </c>
      <c r="G18269" t="s">
        <v>10734</v>
      </c>
      <c r="H18269" t="s">
        <v>10735</v>
      </c>
      <c r="I18269" s="2">
        <v>0</v>
      </c>
      <c r="J18269" s="2">
        <v>0</v>
      </c>
      <c r="K18269" s="2">
        <v>1</v>
      </c>
      <c r="L18269" t="s">
        <v>995</v>
      </c>
      <c r="M18269" t="s">
        <v>83</v>
      </c>
      <c r="N18269" t="s">
        <v>91</v>
      </c>
      <c r="O18269" t="s">
        <v>85</v>
      </c>
      <c r="P18269" t="s">
        <v>86</v>
      </c>
      <c r="Q18269">
        <v>9</v>
      </c>
      <c r="R18269">
        <v>9</v>
      </c>
      <c r="S18269">
        <v>9</v>
      </c>
      <c r="T18269">
        <v>9</v>
      </c>
      <c r="U18269">
        <v>10</v>
      </c>
      <c r="V18269">
        <v>10</v>
      </c>
      <c r="W18269">
        <v>10</v>
      </c>
      <c r="X18269">
        <v>10</v>
      </c>
      <c r="Y18269">
        <v>11</v>
      </c>
      <c r="Z18269">
        <v>11</v>
      </c>
      <c r="AA18269">
        <v>11</v>
      </c>
      <c r="AB18269">
        <v>11</v>
      </c>
      <c r="AC18269">
        <v>12</v>
      </c>
      <c r="AD18269">
        <v>12</v>
      </c>
      <c r="AE18269">
        <v>12</v>
      </c>
      <c r="AF18269">
        <v>12</v>
      </c>
      <c r="AG18269">
        <v>13</v>
      </c>
      <c r="AH18269">
        <v>13</v>
      </c>
      <c r="AI18269">
        <v>13</v>
      </c>
      <c r="AJ18269">
        <v>14</v>
      </c>
      <c r="AK18269">
        <v>14</v>
      </c>
      <c r="AL18269">
        <v>14</v>
      </c>
      <c r="AM18269">
        <v>14</v>
      </c>
      <c r="AN18269">
        <v>15</v>
      </c>
      <c r="AO18269">
        <v>15</v>
      </c>
      <c r="AP18269">
        <v>15</v>
      </c>
      <c r="AQ18269">
        <v>15</v>
      </c>
    </row>
    <row r="18270" spans="1:43">
      <c r="A18270" t="s">
        <v>11320</v>
      </c>
      <c r="B18270" t="s">
        <v>11321</v>
      </c>
      <c r="C18270" t="s">
        <v>11322</v>
      </c>
      <c r="D18270" t="s">
        <v>11323</v>
      </c>
      <c r="E18270" t="s">
        <v>11206</v>
      </c>
      <c r="F18270" t="s">
        <v>11207</v>
      </c>
      <c r="G18270" t="s">
        <v>10734</v>
      </c>
      <c r="H18270" t="s">
        <v>10735</v>
      </c>
      <c r="I18270" s="2">
        <v>0</v>
      </c>
      <c r="J18270" s="2">
        <v>0</v>
      </c>
      <c r="K18270" s="2">
        <v>1</v>
      </c>
      <c r="L18270" t="s">
        <v>995</v>
      </c>
      <c r="M18270" t="s">
        <v>83</v>
      </c>
      <c r="N18270" t="s">
        <v>84</v>
      </c>
      <c r="O18270" t="s">
        <v>85</v>
      </c>
      <c r="P18270" t="s">
        <v>86</v>
      </c>
      <c r="Q18270">
        <v>16</v>
      </c>
      <c r="R18270">
        <v>16</v>
      </c>
      <c r="S18270">
        <v>17</v>
      </c>
      <c r="T18270">
        <v>17</v>
      </c>
      <c r="U18270">
        <v>17</v>
      </c>
      <c r="V18270">
        <v>18</v>
      </c>
      <c r="W18270">
        <v>18</v>
      </c>
      <c r="X18270">
        <v>19</v>
      </c>
      <c r="Y18270">
        <v>19</v>
      </c>
      <c r="Z18270">
        <v>20</v>
      </c>
      <c r="AA18270">
        <v>20</v>
      </c>
      <c r="AB18270">
        <v>21</v>
      </c>
      <c r="AC18270">
        <v>21</v>
      </c>
      <c r="AD18270">
        <v>22</v>
      </c>
      <c r="AE18270">
        <v>22</v>
      </c>
      <c r="AF18270">
        <v>23</v>
      </c>
      <c r="AG18270">
        <v>23</v>
      </c>
      <c r="AH18270">
        <v>24</v>
      </c>
      <c r="AI18270">
        <v>24</v>
      </c>
      <c r="AJ18270">
        <v>25</v>
      </c>
      <c r="AK18270">
        <v>25</v>
      </c>
      <c r="AL18270">
        <v>26</v>
      </c>
      <c r="AM18270">
        <v>26</v>
      </c>
      <c r="AN18270">
        <v>27</v>
      </c>
      <c r="AO18270">
        <v>27</v>
      </c>
      <c r="AP18270">
        <v>27</v>
      </c>
      <c r="AQ18270">
        <v>28</v>
      </c>
    </row>
    <row r="18271" spans="1:43">
      <c r="A18271" t="s">
        <v>11320</v>
      </c>
      <c r="B18271" t="s">
        <v>11321</v>
      </c>
      <c r="C18271" t="s">
        <v>11322</v>
      </c>
      <c r="D18271" t="s">
        <v>11323</v>
      </c>
      <c r="E18271" t="s">
        <v>11206</v>
      </c>
      <c r="F18271" t="s">
        <v>11207</v>
      </c>
      <c r="G18271" t="s">
        <v>10734</v>
      </c>
      <c r="H18271" t="s">
        <v>10735</v>
      </c>
      <c r="I18271" s="2">
        <v>0</v>
      </c>
      <c r="J18271" s="2">
        <v>0</v>
      </c>
      <c r="K18271" s="2">
        <v>1</v>
      </c>
      <c r="L18271" t="s">
        <v>995</v>
      </c>
      <c r="M18271" t="s">
        <v>87</v>
      </c>
      <c r="N18271" t="s">
        <v>88</v>
      </c>
      <c r="O18271" t="s">
        <v>85</v>
      </c>
      <c r="P18271" t="s">
        <v>86</v>
      </c>
      <c r="Q18271">
        <v>16</v>
      </c>
      <c r="R18271">
        <v>16</v>
      </c>
      <c r="S18271">
        <v>16</v>
      </c>
      <c r="T18271">
        <v>16</v>
      </c>
      <c r="U18271">
        <v>17</v>
      </c>
      <c r="V18271">
        <v>17</v>
      </c>
      <c r="W18271">
        <v>17</v>
      </c>
      <c r="X18271">
        <v>17</v>
      </c>
      <c r="Y18271">
        <v>18</v>
      </c>
      <c r="Z18271">
        <v>18</v>
      </c>
      <c r="AA18271">
        <v>18</v>
      </c>
      <c r="AB18271">
        <v>19</v>
      </c>
      <c r="AC18271">
        <v>19</v>
      </c>
      <c r="AD18271">
        <v>19</v>
      </c>
      <c r="AE18271">
        <v>20</v>
      </c>
      <c r="AF18271">
        <v>20</v>
      </c>
      <c r="AG18271">
        <v>20</v>
      </c>
      <c r="AH18271">
        <v>21</v>
      </c>
      <c r="AI18271">
        <v>21</v>
      </c>
      <c r="AJ18271">
        <v>21</v>
      </c>
      <c r="AK18271">
        <v>22</v>
      </c>
      <c r="AL18271">
        <v>22</v>
      </c>
      <c r="AM18271">
        <v>22</v>
      </c>
      <c r="AN18271">
        <v>23</v>
      </c>
      <c r="AO18271">
        <v>23</v>
      </c>
      <c r="AP18271">
        <v>24</v>
      </c>
      <c r="AQ18271">
        <v>24</v>
      </c>
    </row>
    <row r="18272" spans="1:43">
      <c r="A18272" t="s">
        <v>11320</v>
      </c>
      <c r="B18272" t="s">
        <v>11321</v>
      </c>
      <c r="C18272" t="s">
        <v>11322</v>
      </c>
      <c r="D18272" t="s">
        <v>11323</v>
      </c>
      <c r="E18272" t="s">
        <v>11206</v>
      </c>
      <c r="F18272" t="s">
        <v>11207</v>
      </c>
      <c r="G18272" t="s">
        <v>10734</v>
      </c>
      <c r="H18272" t="s">
        <v>10735</v>
      </c>
      <c r="I18272" s="2">
        <v>0</v>
      </c>
      <c r="J18272" s="2">
        <v>0</v>
      </c>
      <c r="K18272" s="2">
        <v>1</v>
      </c>
      <c r="L18272" t="s">
        <v>995</v>
      </c>
      <c r="M18272" t="s">
        <v>89</v>
      </c>
      <c r="N18272" t="s">
        <v>90</v>
      </c>
      <c r="O18272" t="s">
        <v>85</v>
      </c>
      <c r="P18272" t="s">
        <v>86</v>
      </c>
      <c r="Q18272">
        <v>16</v>
      </c>
      <c r="R18272">
        <v>16</v>
      </c>
      <c r="S18272">
        <v>17</v>
      </c>
      <c r="T18272">
        <v>18</v>
      </c>
      <c r="U18272">
        <v>18</v>
      </c>
      <c r="V18272">
        <v>19</v>
      </c>
      <c r="W18272">
        <v>19</v>
      </c>
      <c r="X18272">
        <v>20</v>
      </c>
      <c r="Y18272">
        <v>20</v>
      </c>
      <c r="Z18272">
        <v>21</v>
      </c>
      <c r="AA18272">
        <v>21</v>
      </c>
      <c r="AB18272">
        <v>22</v>
      </c>
      <c r="AC18272">
        <v>23</v>
      </c>
      <c r="AD18272">
        <v>23</v>
      </c>
      <c r="AE18272">
        <v>24</v>
      </c>
      <c r="AF18272">
        <v>24</v>
      </c>
      <c r="AG18272">
        <v>24</v>
      </c>
      <c r="AH18272">
        <v>25</v>
      </c>
      <c r="AI18272">
        <v>25</v>
      </c>
      <c r="AJ18272">
        <v>25</v>
      </c>
      <c r="AK18272">
        <v>26</v>
      </c>
      <c r="AL18272">
        <v>26</v>
      </c>
      <c r="AM18272">
        <v>26</v>
      </c>
      <c r="AN18272">
        <v>27</v>
      </c>
      <c r="AO18272">
        <v>27</v>
      </c>
      <c r="AP18272">
        <v>28</v>
      </c>
      <c r="AQ18272">
        <v>28</v>
      </c>
    </row>
    <row r="18273" spans="1:43">
      <c r="A18273" t="s">
        <v>11320</v>
      </c>
      <c r="B18273" t="s">
        <v>11321</v>
      </c>
      <c r="C18273" t="s">
        <v>11322</v>
      </c>
      <c r="D18273" t="s">
        <v>11323</v>
      </c>
      <c r="E18273" t="s">
        <v>11206</v>
      </c>
      <c r="F18273" t="s">
        <v>11207</v>
      </c>
      <c r="G18273" t="s">
        <v>10734</v>
      </c>
      <c r="H18273" t="s">
        <v>10735</v>
      </c>
      <c r="I18273" s="2">
        <v>0</v>
      </c>
      <c r="J18273" s="2">
        <v>0</v>
      </c>
      <c r="K18273" s="2">
        <v>1</v>
      </c>
      <c r="L18273" t="s">
        <v>995</v>
      </c>
      <c r="M18273" t="s">
        <v>83</v>
      </c>
      <c r="N18273" t="s">
        <v>91</v>
      </c>
      <c r="O18273" t="s">
        <v>85</v>
      </c>
      <c r="P18273" t="s">
        <v>86</v>
      </c>
      <c r="Q18273">
        <v>16</v>
      </c>
      <c r="R18273">
        <v>16</v>
      </c>
      <c r="S18273">
        <v>17</v>
      </c>
      <c r="T18273">
        <v>17</v>
      </c>
      <c r="U18273">
        <v>17</v>
      </c>
      <c r="V18273">
        <v>18</v>
      </c>
      <c r="W18273">
        <v>18</v>
      </c>
      <c r="X18273">
        <v>19</v>
      </c>
      <c r="Y18273">
        <v>19</v>
      </c>
      <c r="Z18273">
        <v>20</v>
      </c>
      <c r="AA18273">
        <v>20</v>
      </c>
      <c r="AB18273">
        <v>21</v>
      </c>
      <c r="AC18273">
        <v>21</v>
      </c>
      <c r="AD18273">
        <v>22</v>
      </c>
      <c r="AE18273">
        <v>22</v>
      </c>
      <c r="AF18273">
        <v>23</v>
      </c>
      <c r="AG18273">
        <v>23</v>
      </c>
      <c r="AH18273">
        <v>24</v>
      </c>
      <c r="AI18273">
        <v>24</v>
      </c>
      <c r="AJ18273">
        <v>25</v>
      </c>
      <c r="AK18273">
        <v>25</v>
      </c>
      <c r="AL18273">
        <v>26</v>
      </c>
      <c r="AM18273">
        <v>26</v>
      </c>
      <c r="AN18273">
        <v>27</v>
      </c>
      <c r="AO18273">
        <v>27</v>
      </c>
      <c r="AP18273">
        <v>27</v>
      </c>
      <c r="AQ18273">
        <v>28</v>
      </c>
    </row>
    <row r="18274" spans="1:43">
      <c r="A18274" t="s">
        <v>11324</v>
      </c>
      <c r="B18274" t="s">
        <v>11325</v>
      </c>
      <c r="C18274" t="s">
        <v>11212</v>
      </c>
      <c r="D18274" t="s">
        <v>11213</v>
      </c>
      <c r="E18274" t="s">
        <v>11206</v>
      </c>
      <c r="F18274" t="s">
        <v>11207</v>
      </c>
      <c r="G18274" t="s">
        <v>10734</v>
      </c>
      <c r="H18274" t="s">
        <v>10735</v>
      </c>
      <c r="I18274" s="2">
        <v>0</v>
      </c>
      <c r="J18274" s="2">
        <v>0</v>
      </c>
      <c r="K18274" s="2">
        <v>1</v>
      </c>
      <c r="L18274" t="s">
        <v>995</v>
      </c>
      <c r="M18274" t="s">
        <v>83</v>
      </c>
      <c r="N18274" t="s">
        <v>84</v>
      </c>
      <c r="O18274" t="s">
        <v>85</v>
      </c>
      <c r="P18274" t="s">
        <v>86</v>
      </c>
      <c r="Q18274">
        <v>42</v>
      </c>
      <c r="R18274">
        <v>44</v>
      </c>
      <c r="S18274">
        <v>45</v>
      </c>
      <c r="T18274">
        <v>46</v>
      </c>
      <c r="U18274">
        <v>47</v>
      </c>
      <c r="V18274">
        <v>48</v>
      </c>
      <c r="W18274">
        <v>50</v>
      </c>
      <c r="X18274">
        <v>51</v>
      </c>
      <c r="Y18274">
        <v>52</v>
      </c>
      <c r="Z18274">
        <v>53</v>
      </c>
      <c r="AA18274">
        <v>55</v>
      </c>
      <c r="AB18274">
        <v>56</v>
      </c>
      <c r="AC18274">
        <v>57</v>
      </c>
      <c r="AD18274">
        <v>59</v>
      </c>
      <c r="AE18274">
        <v>60</v>
      </c>
      <c r="AF18274">
        <v>61</v>
      </c>
      <c r="AG18274">
        <v>63</v>
      </c>
      <c r="AH18274">
        <v>64</v>
      </c>
      <c r="AI18274">
        <v>66</v>
      </c>
      <c r="AJ18274">
        <v>67</v>
      </c>
      <c r="AK18274">
        <v>69</v>
      </c>
      <c r="AL18274">
        <v>70</v>
      </c>
      <c r="AM18274">
        <v>71</v>
      </c>
      <c r="AN18274">
        <v>72</v>
      </c>
      <c r="AO18274">
        <v>73</v>
      </c>
      <c r="AP18274">
        <v>74</v>
      </c>
      <c r="AQ18274">
        <v>75</v>
      </c>
    </row>
    <row r="18275" spans="1:43">
      <c r="A18275" t="s">
        <v>11324</v>
      </c>
      <c r="B18275" t="s">
        <v>11325</v>
      </c>
      <c r="C18275" t="s">
        <v>11212</v>
      </c>
      <c r="D18275" t="s">
        <v>11213</v>
      </c>
      <c r="E18275" t="s">
        <v>11206</v>
      </c>
      <c r="F18275" t="s">
        <v>11207</v>
      </c>
      <c r="G18275" t="s">
        <v>10734</v>
      </c>
      <c r="H18275" t="s">
        <v>10735</v>
      </c>
      <c r="I18275" s="2">
        <v>0</v>
      </c>
      <c r="J18275" s="2">
        <v>0</v>
      </c>
      <c r="K18275" s="2">
        <v>1</v>
      </c>
      <c r="L18275" t="s">
        <v>995</v>
      </c>
      <c r="M18275" t="s">
        <v>87</v>
      </c>
      <c r="N18275" t="s">
        <v>88</v>
      </c>
      <c r="O18275" t="s">
        <v>85</v>
      </c>
      <c r="P18275" t="s">
        <v>86</v>
      </c>
      <c r="Q18275">
        <v>42</v>
      </c>
      <c r="R18275">
        <v>43</v>
      </c>
      <c r="S18275">
        <v>44</v>
      </c>
      <c r="T18275">
        <v>44</v>
      </c>
      <c r="U18275">
        <v>45</v>
      </c>
      <c r="V18275">
        <v>46</v>
      </c>
      <c r="W18275">
        <v>47</v>
      </c>
      <c r="X18275">
        <v>47</v>
      </c>
      <c r="Y18275">
        <v>48</v>
      </c>
      <c r="Z18275">
        <v>49</v>
      </c>
      <c r="AA18275">
        <v>50</v>
      </c>
      <c r="AB18275">
        <v>51</v>
      </c>
      <c r="AC18275">
        <v>51</v>
      </c>
      <c r="AD18275">
        <v>52</v>
      </c>
      <c r="AE18275">
        <v>53</v>
      </c>
      <c r="AF18275">
        <v>54</v>
      </c>
      <c r="AG18275">
        <v>55</v>
      </c>
      <c r="AH18275">
        <v>56</v>
      </c>
      <c r="AI18275">
        <v>57</v>
      </c>
      <c r="AJ18275">
        <v>58</v>
      </c>
      <c r="AK18275">
        <v>59</v>
      </c>
      <c r="AL18275">
        <v>60</v>
      </c>
      <c r="AM18275">
        <v>61</v>
      </c>
      <c r="AN18275">
        <v>62</v>
      </c>
      <c r="AO18275">
        <v>63</v>
      </c>
      <c r="AP18275">
        <v>64</v>
      </c>
      <c r="AQ18275">
        <v>65</v>
      </c>
    </row>
    <row r="18276" spans="1:43">
      <c r="A18276" t="s">
        <v>11324</v>
      </c>
      <c r="B18276" t="s">
        <v>11325</v>
      </c>
      <c r="C18276" t="s">
        <v>11212</v>
      </c>
      <c r="D18276" t="s">
        <v>11213</v>
      </c>
      <c r="E18276" t="s">
        <v>11206</v>
      </c>
      <c r="F18276" t="s">
        <v>11207</v>
      </c>
      <c r="G18276" t="s">
        <v>10734</v>
      </c>
      <c r="H18276" t="s">
        <v>10735</v>
      </c>
      <c r="I18276" s="2">
        <v>0</v>
      </c>
      <c r="J18276" s="2">
        <v>0</v>
      </c>
      <c r="K18276" s="2">
        <v>1</v>
      </c>
      <c r="L18276" t="s">
        <v>995</v>
      </c>
      <c r="M18276" t="s">
        <v>89</v>
      </c>
      <c r="N18276" t="s">
        <v>90</v>
      </c>
      <c r="O18276" t="s">
        <v>85</v>
      </c>
      <c r="P18276" t="s">
        <v>86</v>
      </c>
      <c r="Q18276">
        <v>42</v>
      </c>
      <c r="R18276">
        <v>43</v>
      </c>
      <c r="S18276">
        <v>45</v>
      </c>
      <c r="T18276">
        <v>46</v>
      </c>
      <c r="U18276">
        <v>48</v>
      </c>
      <c r="V18276">
        <v>50</v>
      </c>
      <c r="W18276">
        <v>51</v>
      </c>
      <c r="X18276">
        <v>53</v>
      </c>
      <c r="Y18276">
        <v>54</v>
      </c>
      <c r="Z18276">
        <v>56</v>
      </c>
      <c r="AA18276">
        <v>57</v>
      </c>
      <c r="AB18276">
        <v>59</v>
      </c>
      <c r="AC18276">
        <v>60</v>
      </c>
      <c r="AD18276">
        <v>62</v>
      </c>
      <c r="AE18276">
        <v>63</v>
      </c>
      <c r="AF18276">
        <v>64</v>
      </c>
      <c r="AG18276">
        <v>65</v>
      </c>
      <c r="AH18276">
        <v>66</v>
      </c>
      <c r="AI18276">
        <v>67</v>
      </c>
      <c r="AJ18276">
        <v>68</v>
      </c>
      <c r="AK18276">
        <v>68</v>
      </c>
      <c r="AL18276">
        <v>69</v>
      </c>
      <c r="AM18276">
        <v>70</v>
      </c>
      <c r="AN18276">
        <v>71</v>
      </c>
      <c r="AO18276">
        <v>72</v>
      </c>
      <c r="AP18276">
        <v>73</v>
      </c>
      <c r="AQ18276">
        <v>74</v>
      </c>
    </row>
    <row r="18277" spans="1:43">
      <c r="A18277" t="s">
        <v>11324</v>
      </c>
      <c r="B18277" t="s">
        <v>11325</v>
      </c>
      <c r="C18277" t="s">
        <v>11212</v>
      </c>
      <c r="D18277" t="s">
        <v>11213</v>
      </c>
      <c r="E18277" t="s">
        <v>11206</v>
      </c>
      <c r="F18277" t="s">
        <v>11207</v>
      </c>
      <c r="G18277" t="s">
        <v>10734</v>
      </c>
      <c r="H18277" t="s">
        <v>10735</v>
      </c>
      <c r="I18277" s="2">
        <v>0</v>
      </c>
      <c r="J18277" s="2">
        <v>0</v>
      </c>
      <c r="K18277" s="2">
        <v>1</v>
      </c>
      <c r="L18277" t="s">
        <v>995</v>
      </c>
      <c r="M18277" t="s">
        <v>83</v>
      </c>
      <c r="N18277" t="s">
        <v>91</v>
      </c>
      <c r="O18277" t="s">
        <v>85</v>
      </c>
      <c r="P18277" t="s">
        <v>86</v>
      </c>
      <c r="Q18277">
        <v>42</v>
      </c>
      <c r="R18277">
        <v>44</v>
      </c>
      <c r="S18277">
        <v>45</v>
      </c>
      <c r="T18277">
        <v>46</v>
      </c>
      <c r="U18277">
        <v>47</v>
      </c>
      <c r="V18277">
        <v>48</v>
      </c>
      <c r="W18277">
        <v>50</v>
      </c>
      <c r="X18277">
        <v>51</v>
      </c>
      <c r="Y18277">
        <v>52</v>
      </c>
      <c r="Z18277">
        <v>53</v>
      </c>
      <c r="AA18277">
        <v>55</v>
      </c>
      <c r="AB18277">
        <v>56</v>
      </c>
      <c r="AC18277">
        <v>57</v>
      </c>
      <c r="AD18277">
        <v>59</v>
      </c>
      <c r="AE18277">
        <v>60</v>
      </c>
      <c r="AF18277">
        <v>61</v>
      </c>
      <c r="AG18277">
        <v>63</v>
      </c>
      <c r="AH18277">
        <v>64</v>
      </c>
      <c r="AI18277">
        <v>66</v>
      </c>
      <c r="AJ18277">
        <v>67</v>
      </c>
      <c r="AK18277">
        <v>69</v>
      </c>
      <c r="AL18277">
        <v>70</v>
      </c>
      <c r="AM18277">
        <v>71</v>
      </c>
      <c r="AN18277">
        <v>72</v>
      </c>
      <c r="AO18277">
        <v>73</v>
      </c>
      <c r="AP18277">
        <v>74</v>
      </c>
      <c r="AQ18277">
        <v>75</v>
      </c>
    </row>
    <row r="18278" spans="1:43">
      <c r="A18278" t="s">
        <v>11326</v>
      </c>
      <c r="B18278" t="s">
        <v>11327</v>
      </c>
      <c r="C18278" t="s">
        <v>11322</v>
      </c>
      <c r="D18278" t="s">
        <v>11323</v>
      </c>
      <c r="E18278" t="s">
        <v>11206</v>
      </c>
      <c r="F18278" t="s">
        <v>11207</v>
      </c>
      <c r="G18278" t="s">
        <v>10734</v>
      </c>
      <c r="H18278" t="s">
        <v>10735</v>
      </c>
      <c r="I18278" s="2">
        <v>0</v>
      </c>
      <c r="J18278" s="2">
        <v>0</v>
      </c>
      <c r="K18278" s="2">
        <v>1</v>
      </c>
      <c r="L18278" t="s">
        <v>995</v>
      </c>
      <c r="M18278" t="s">
        <v>83</v>
      </c>
      <c r="N18278" t="s">
        <v>84</v>
      </c>
      <c r="O18278" t="s">
        <v>85</v>
      </c>
      <c r="P18278" t="s">
        <v>86</v>
      </c>
      <c r="Q18278">
        <v>18</v>
      </c>
      <c r="R18278">
        <v>19</v>
      </c>
      <c r="S18278">
        <v>19</v>
      </c>
      <c r="T18278">
        <v>20</v>
      </c>
      <c r="U18278">
        <v>20</v>
      </c>
      <c r="V18278">
        <v>21</v>
      </c>
      <c r="W18278">
        <v>21</v>
      </c>
      <c r="X18278">
        <v>22</v>
      </c>
      <c r="Y18278">
        <v>22</v>
      </c>
      <c r="Z18278">
        <v>23</v>
      </c>
      <c r="AA18278">
        <v>24</v>
      </c>
      <c r="AB18278">
        <v>24</v>
      </c>
      <c r="AC18278">
        <v>25</v>
      </c>
      <c r="AD18278">
        <v>25</v>
      </c>
      <c r="AE18278">
        <v>26</v>
      </c>
      <c r="AF18278">
        <v>26</v>
      </c>
      <c r="AG18278">
        <v>27</v>
      </c>
      <c r="AH18278">
        <v>28</v>
      </c>
      <c r="AI18278">
        <v>28</v>
      </c>
      <c r="AJ18278">
        <v>29</v>
      </c>
      <c r="AK18278">
        <v>30</v>
      </c>
      <c r="AL18278">
        <v>30</v>
      </c>
      <c r="AM18278">
        <v>31</v>
      </c>
      <c r="AN18278">
        <v>31</v>
      </c>
      <c r="AO18278">
        <v>31</v>
      </c>
      <c r="AP18278">
        <v>32</v>
      </c>
      <c r="AQ18278">
        <v>32</v>
      </c>
    </row>
    <row r="18279" spans="1:43">
      <c r="A18279" t="s">
        <v>11326</v>
      </c>
      <c r="B18279" t="s">
        <v>11327</v>
      </c>
      <c r="C18279" t="s">
        <v>11322</v>
      </c>
      <c r="D18279" t="s">
        <v>11323</v>
      </c>
      <c r="E18279" t="s">
        <v>11206</v>
      </c>
      <c r="F18279" t="s">
        <v>11207</v>
      </c>
      <c r="G18279" t="s">
        <v>10734</v>
      </c>
      <c r="H18279" t="s">
        <v>10735</v>
      </c>
      <c r="I18279" s="2">
        <v>0</v>
      </c>
      <c r="J18279" s="2">
        <v>0</v>
      </c>
      <c r="K18279" s="2">
        <v>1</v>
      </c>
      <c r="L18279" t="s">
        <v>995</v>
      </c>
      <c r="M18279" t="s">
        <v>87</v>
      </c>
      <c r="N18279" t="s">
        <v>88</v>
      </c>
      <c r="O18279" t="s">
        <v>85</v>
      </c>
      <c r="P18279" t="s">
        <v>86</v>
      </c>
      <c r="Q18279">
        <v>18</v>
      </c>
      <c r="R18279">
        <v>18</v>
      </c>
      <c r="S18279">
        <v>19</v>
      </c>
      <c r="T18279">
        <v>19</v>
      </c>
      <c r="U18279">
        <v>19</v>
      </c>
      <c r="V18279">
        <v>20</v>
      </c>
      <c r="W18279">
        <v>20</v>
      </c>
      <c r="X18279">
        <v>20</v>
      </c>
      <c r="Y18279">
        <v>21</v>
      </c>
      <c r="Z18279">
        <v>21</v>
      </c>
      <c r="AA18279">
        <v>21</v>
      </c>
      <c r="AB18279">
        <v>22</v>
      </c>
      <c r="AC18279">
        <v>22</v>
      </c>
      <c r="AD18279">
        <v>23</v>
      </c>
      <c r="AE18279">
        <v>23</v>
      </c>
      <c r="AF18279">
        <v>23</v>
      </c>
      <c r="AG18279">
        <v>24</v>
      </c>
      <c r="AH18279">
        <v>24</v>
      </c>
      <c r="AI18279">
        <v>25</v>
      </c>
      <c r="AJ18279">
        <v>25</v>
      </c>
      <c r="AK18279">
        <v>25</v>
      </c>
      <c r="AL18279">
        <v>26</v>
      </c>
      <c r="AM18279">
        <v>26</v>
      </c>
      <c r="AN18279">
        <v>27</v>
      </c>
      <c r="AO18279">
        <v>27</v>
      </c>
      <c r="AP18279">
        <v>28</v>
      </c>
      <c r="AQ18279">
        <v>28</v>
      </c>
    </row>
    <row r="18280" spans="1:43">
      <c r="A18280" t="s">
        <v>11326</v>
      </c>
      <c r="B18280" t="s">
        <v>11327</v>
      </c>
      <c r="C18280" t="s">
        <v>11322</v>
      </c>
      <c r="D18280" t="s">
        <v>11323</v>
      </c>
      <c r="E18280" t="s">
        <v>11206</v>
      </c>
      <c r="F18280" t="s">
        <v>11207</v>
      </c>
      <c r="G18280" t="s">
        <v>10734</v>
      </c>
      <c r="H18280" t="s">
        <v>10735</v>
      </c>
      <c r="I18280" s="2">
        <v>0</v>
      </c>
      <c r="J18280" s="2">
        <v>0</v>
      </c>
      <c r="K18280" s="2">
        <v>1</v>
      </c>
      <c r="L18280" t="s">
        <v>995</v>
      </c>
      <c r="M18280" t="s">
        <v>89</v>
      </c>
      <c r="N18280" t="s">
        <v>90</v>
      </c>
      <c r="O18280" t="s">
        <v>85</v>
      </c>
      <c r="P18280" t="s">
        <v>86</v>
      </c>
      <c r="Q18280">
        <v>18</v>
      </c>
      <c r="R18280">
        <v>19</v>
      </c>
      <c r="S18280">
        <v>20</v>
      </c>
      <c r="T18280">
        <v>20</v>
      </c>
      <c r="U18280">
        <v>21</v>
      </c>
      <c r="V18280">
        <v>22</v>
      </c>
      <c r="W18280">
        <v>22</v>
      </c>
      <c r="X18280">
        <v>23</v>
      </c>
      <c r="Y18280">
        <v>24</v>
      </c>
      <c r="Z18280">
        <v>24</v>
      </c>
      <c r="AA18280">
        <v>25</v>
      </c>
      <c r="AB18280">
        <v>26</v>
      </c>
      <c r="AC18280">
        <v>26</v>
      </c>
      <c r="AD18280">
        <v>27</v>
      </c>
      <c r="AE18280">
        <v>28</v>
      </c>
      <c r="AF18280">
        <v>28</v>
      </c>
      <c r="AG18280">
        <v>28</v>
      </c>
      <c r="AH18280">
        <v>29</v>
      </c>
      <c r="AI18280">
        <v>29</v>
      </c>
      <c r="AJ18280">
        <v>30</v>
      </c>
      <c r="AK18280">
        <v>30</v>
      </c>
      <c r="AL18280">
        <v>30</v>
      </c>
      <c r="AM18280">
        <v>31</v>
      </c>
      <c r="AN18280">
        <v>31</v>
      </c>
      <c r="AO18280">
        <v>32</v>
      </c>
      <c r="AP18280">
        <v>32</v>
      </c>
      <c r="AQ18280">
        <v>32</v>
      </c>
    </row>
    <row r="18281" spans="1:43">
      <c r="A18281" t="s">
        <v>11326</v>
      </c>
      <c r="B18281" t="s">
        <v>11327</v>
      </c>
      <c r="C18281" t="s">
        <v>11322</v>
      </c>
      <c r="D18281" t="s">
        <v>11323</v>
      </c>
      <c r="E18281" t="s">
        <v>11206</v>
      </c>
      <c r="F18281" t="s">
        <v>11207</v>
      </c>
      <c r="G18281" t="s">
        <v>10734</v>
      </c>
      <c r="H18281" t="s">
        <v>10735</v>
      </c>
      <c r="I18281" s="2">
        <v>0</v>
      </c>
      <c r="J18281" s="2">
        <v>0</v>
      </c>
      <c r="K18281" s="2">
        <v>1</v>
      </c>
      <c r="L18281" t="s">
        <v>995</v>
      </c>
      <c r="M18281" t="s">
        <v>83</v>
      </c>
      <c r="N18281" t="s">
        <v>91</v>
      </c>
      <c r="O18281" t="s">
        <v>85</v>
      </c>
      <c r="P18281" t="s">
        <v>86</v>
      </c>
      <c r="Q18281">
        <v>18</v>
      </c>
      <c r="R18281">
        <v>19</v>
      </c>
      <c r="S18281">
        <v>19</v>
      </c>
      <c r="T18281">
        <v>20</v>
      </c>
      <c r="U18281">
        <v>20</v>
      </c>
      <c r="V18281">
        <v>21</v>
      </c>
      <c r="W18281">
        <v>21</v>
      </c>
      <c r="X18281">
        <v>22</v>
      </c>
      <c r="Y18281">
        <v>22</v>
      </c>
      <c r="Z18281">
        <v>23</v>
      </c>
      <c r="AA18281">
        <v>24</v>
      </c>
      <c r="AB18281">
        <v>24</v>
      </c>
      <c r="AC18281">
        <v>25</v>
      </c>
      <c r="AD18281">
        <v>25</v>
      </c>
      <c r="AE18281">
        <v>26</v>
      </c>
      <c r="AF18281">
        <v>26</v>
      </c>
      <c r="AG18281">
        <v>27</v>
      </c>
      <c r="AH18281">
        <v>28</v>
      </c>
      <c r="AI18281">
        <v>28</v>
      </c>
      <c r="AJ18281">
        <v>29</v>
      </c>
      <c r="AK18281">
        <v>30</v>
      </c>
      <c r="AL18281">
        <v>30</v>
      </c>
      <c r="AM18281">
        <v>31</v>
      </c>
      <c r="AN18281">
        <v>31</v>
      </c>
      <c r="AO18281">
        <v>31</v>
      </c>
      <c r="AP18281">
        <v>32</v>
      </c>
      <c r="AQ18281">
        <v>32</v>
      </c>
    </row>
    <row r="18282" spans="1:43">
      <c r="A18282" t="s">
        <v>11328</v>
      </c>
      <c r="B18282" t="s">
        <v>11329</v>
      </c>
      <c r="C18282" t="s">
        <v>11322</v>
      </c>
      <c r="D18282" t="s">
        <v>11323</v>
      </c>
      <c r="E18282" t="s">
        <v>11206</v>
      </c>
      <c r="F18282" t="s">
        <v>11207</v>
      </c>
      <c r="G18282" t="s">
        <v>10734</v>
      </c>
      <c r="H18282" t="s">
        <v>10735</v>
      </c>
      <c r="I18282" s="2">
        <v>0</v>
      </c>
      <c r="J18282" s="2">
        <v>0</v>
      </c>
      <c r="K18282" s="2">
        <v>1</v>
      </c>
      <c r="L18282" t="s">
        <v>995</v>
      </c>
      <c r="M18282" t="s">
        <v>83</v>
      </c>
      <c r="N18282" t="s">
        <v>84</v>
      </c>
      <c r="O18282" t="s">
        <v>85</v>
      </c>
      <c r="P18282" t="s">
        <v>86</v>
      </c>
      <c r="Q18282">
        <v>37</v>
      </c>
      <c r="R18282">
        <v>38</v>
      </c>
      <c r="S18282">
        <v>39</v>
      </c>
      <c r="T18282">
        <v>40</v>
      </c>
      <c r="U18282">
        <v>41</v>
      </c>
      <c r="V18282">
        <v>42</v>
      </c>
      <c r="W18282">
        <v>43</v>
      </c>
      <c r="X18282">
        <v>44</v>
      </c>
      <c r="Y18282">
        <v>45</v>
      </c>
      <c r="Z18282">
        <v>46</v>
      </c>
      <c r="AA18282">
        <v>47</v>
      </c>
      <c r="AB18282">
        <v>49</v>
      </c>
      <c r="AC18282">
        <v>50</v>
      </c>
      <c r="AD18282">
        <v>51</v>
      </c>
      <c r="AE18282">
        <v>52</v>
      </c>
      <c r="AF18282">
        <v>53</v>
      </c>
      <c r="AG18282">
        <v>55</v>
      </c>
      <c r="AH18282">
        <v>56</v>
      </c>
      <c r="AI18282">
        <v>57</v>
      </c>
      <c r="AJ18282">
        <v>58</v>
      </c>
      <c r="AK18282">
        <v>60</v>
      </c>
      <c r="AL18282">
        <v>61</v>
      </c>
      <c r="AM18282">
        <v>62</v>
      </c>
      <c r="AN18282">
        <v>62</v>
      </c>
      <c r="AO18282">
        <v>63</v>
      </c>
      <c r="AP18282">
        <v>64</v>
      </c>
      <c r="AQ18282">
        <v>65</v>
      </c>
    </row>
    <row r="18283" spans="1:43">
      <c r="A18283" t="s">
        <v>11328</v>
      </c>
      <c r="B18283" t="s">
        <v>11329</v>
      </c>
      <c r="C18283" t="s">
        <v>11322</v>
      </c>
      <c r="D18283" t="s">
        <v>11323</v>
      </c>
      <c r="E18283" t="s">
        <v>11206</v>
      </c>
      <c r="F18283" t="s">
        <v>11207</v>
      </c>
      <c r="G18283" t="s">
        <v>10734</v>
      </c>
      <c r="H18283" t="s">
        <v>10735</v>
      </c>
      <c r="I18283" s="2">
        <v>0</v>
      </c>
      <c r="J18283" s="2">
        <v>0</v>
      </c>
      <c r="K18283" s="2">
        <v>1</v>
      </c>
      <c r="L18283" t="s">
        <v>995</v>
      </c>
      <c r="M18283" t="s">
        <v>87</v>
      </c>
      <c r="N18283" t="s">
        <v>88</v>
      </c>
      <c r="O18283" t="s">
        <v>85</v>
      </c>
      <c r="P18283" t="s">
        <v>86</v>
      </c>
      <c r="Q18283">
        <v>37</v>
      </c>
      <c r="R18283">
        <v>37</v>
      </c>
      <c r="S18283">
        <v>38</v>
      </c>
      <c r="T18283">
        <v>39</v>
      </c>
      <c r="U18283">
        <v>39</v>
      </c>
      <c r="V18283">
        <v>40</v>
      </c>
      <c r="W18283">
        <v>41</v>
      </c>
      <c r="X18283">
        <v>41</v>
      </c>
      <c r="Y18283">
        <v>42</v>
      </c>
      <c r="Z18283">
        <v>43</v>
      </c>
      <c r="AA18283">
        <v>43</v>
      </c>
      <c r="AB18283">
        <v>44</v>
      </c>
      <c r="AC18283">
        <v>45</v>
      </c>
      <c r="AD18283">
        <v>45</v>
      </c>
      <c r="AE18283">
        <v>46</v>
      </c>
      <c r="AF18283">
        <v>47</v>
      </c>
      <c r="AG18283">
        <v>48</v>
      </c>
      <c r="AH18283">
        <v>49</v>
      </c>
      <c r="AI18283">
        <v>49</v>
      </c>
      <c r="AJ18283">
        <v>50</v>
      </c>
      <c r="AK18283">
        <v>51</v>
      </c>
      <c r="AL18283">
        <v>52</v>
      </c>
      <c r="AM18283">
        <v>53</v>
      </c>
      <c r="AN18283">
        <v>54</v>
      </c>
      <c r="AO18283">
        <v>55</v>
      </c>
      <c r="AP18283">
        <v>56</v>
      </c>
      <c r="AQ18283">
        <v>57</v>
      </c>
    </row>
    <row r="18284" spans="1:43">
      <c r="A18284" t="s">
        <v>11328</v>
      </c>
      <c r="B18284" t="s">
        <v>11329</v>
      </c>
      <c r="C18284" t="s">
        <v>11322</v>
      </c>
      <c r="D18284" t="s">
        <v>11323</v>
      </c>
      <c r="E18284" t="s">
        <v>11206</v>
      </c>
      <c r="F18284" t="s">
        <v>11207</v>
      </c>
      <c r="G18284" t="s">
        <v>10734</v>
      </c>
      <c r="H18284" t="s">
        <v>10735</v>
      </c>
      <c r="I18284" s="2">
        <v>0</v>
      </c>
      <c r="J18284" s="2">
        <v>0</v>
      </c>
      <c r="K18284" s="2">
        <v>1</v>
      </c>
      <c r="L18284" t="s">
        <v>995</v>
      </c>
      <c r="M18284" t="s">
        <v>89</v>
      </c>
      <c r="N18284" t="s">
        <v>90</v>
      </c>
      <c r="O18284" t="s">
        <v>85</v>
      </c>
      <c r="P18284" t="s">
        <v>86</v>
      </c>
      <c r="Q18284">
        <v>37</v>
      </c>
      <c r="R18284">
        <v>39</v>
      </c>
      <c r="S18284">
        <v>40</v>
      </c>
      <c r="T18284">
        <v>41</v>
      </c>
      <c r="U18284">
        <v>43</v>
      </c>
      <c r="V18284">
        <v>44</v>
      </c>
      <c r="W18284">
        <v>45</v>
      </c>
      <c r="X18284">
        <v>47</v>
      </c>
      <c r="Y18284">
        <v>48</v>
      </c>
      <c r="Z18284">
        <v>49</v>
      </c>
      <c r="AA18284">
        <v>51</v>
      </c>
      <c r="AB18284">
        <v>52</v>
      </c>
      <c r="AC18284">
        <v>53</v>
      </c>
      <c r="AD18284">
        <v>55</v>
      </c>
      <c r="AE18284">
        <v>56</v>
      </c>
      <c r="AF18284">
        <v>57</v>
      </c>
      <c r="AG18284">
        <v>57</v>
      </c>
      <c r="AH18284">
        <v>58</v>
      </c>
      <c r="AI18284">
        <v>59</v>
      </c>
      <c r="AJ18284">
        <v>60</v>
      </c>
      <c r="AK18284">
        <v>60</v>
      </c>
      <c r="AL18284">
        <v>61</v>
      </c>
      <c r="AM18284">
        <v>62</v>
      </c>
      <c r="AN18284">
        <v>63</v>
      </c>
      <c r="AO18284">
        <v>64</v>
      </c>
      <c r="AP18284">
        <v>65</v>
      </c>
      <c r="AQ18284">
        <v>66</v>
      </c>
    </row>
    <row r="18285" spans="1:43">
      <c r="A18285" t="s">
        <v>11328</v>
      </c>
      <c r="B18285" t="s">
        <v>11329</v>
      </c>
      <c r="C18285" t="s">
        <v>11322</v>
      </c>
      <c r="D18285" t="s">
        <v>11323</v>
      </c>
      <c r="E18285" t="s">
        <v>11206</v>
      </c>
      <c r="F18285" t="s">
        <v>11207</v>
      </c>
      <c r="G18285" t="s">
        <v>10734</v>
      </c>
      <c r="H18285" t="s">
        <v>10735</v>
      </c>
      <c r="I18285" s="2">
        <v>0</v>
      </c>
      <c r="J18285" s="2">
        <v>0</v>
      </c>
      <c r="K18285" s="2">
        <v>1</v>
      </c>
      <c r="L18285" t="s">
        <v>995</v>
      </c>
      <c r="M18285" t="s">
        <v>83</v>
      </c>
      <c r="N18285" t="s">
        <v>91</v>
      </c>
      <c r="O18285" t="s">
        <v>85</v>
      </c>
      <c r="P18285" t="s">
        <v>86</v>
      </c>
      <c r="Q18285">
        <v>37</v>
      </c>
      <c r="R18285">
        <v>38</v>
      </c>
      <c r="S18285">
        <v>39</v>
      </c>
      <c r="T18285">
        <v>40</v>
      </c>
      <c r="U18285">
        <v>41</v>
      </c>
      <c r="V18285">
        <v>42</v>
      </c>
      <c r="W18285">
        <v>43</v>
      </c>
      <c r="X18285">
        <v>44</v>
      </c>
      <c r="Y18285">
        <v>45</v>
      </c>
      <c r="Z18285">
        <v>46</v>
      </c>
      <c r="AA18285">
        <v>47</v>
      </c>
      <c r="AB18285">
        <v>49</v>
      </c>
      <c r="AC18285">
        <v>50</v>
      </c>
      <c r="AD18285">
        <v>51</v>
      </c>
      <c r="AE18285">
        <v>52</v>
      </c>
      <c r="AF18285">
        <v>53</v>
      </c>
      <c r="AG18285">
        <v>55</v>
      </c>
      <c r="AH18285">
        <v>56</v>
      </c>
      <c r="AI18285">
        <v>57</v>
      </c>
      <c r="AJ18285">
        <v>58</v>
      </c>
      <c r="AK18285">
        <v>60</v>
      </c>
      <c r="AL18285">
        <v>61</v>
      </c>
      <c r="AM18285">
        <v>62</v>
      </c>
      <c r="AN18285">
        <v>62</v>
      </c>
      <c r="AO18285">
        <v>63</v>
      </c>
      <c r="AP18285">
        <v>64</v>
      </c>
      <c r="AQ18285">
        <v>65</v>
      </c>
    </row>
    <row r="18286" spans="1:43">
      <c r="A18286" t="s">
        <v>11330</v>
      </c>
      <c r="B18286" t="s">
        <v>11331</v>
      </c>
      <c r="C18286" t="s">
        <v>11230</v>
      </c>
      <c r="D18286" t="s">
        <v>11231</v>
      </c>
      <c r="E18286" t="s">
        <v>11206</v>
      </c>
      <c r="F18286" t="s">
        <v>11207</v>
      </c>
      <c r="G18286" t="s">
        <v>10734</v>
      </c>
      <c r="H18286" t="s">
        <v>10735</v>
      </c>
      <c r="I18286" s="2">
        <v>0</v>
      </c>
      <c r="J18286" s="2">
        <v>0</v>
      </c>
      <c r="K18286" s="2">
        <v>1</v>
      </c>
      <c r="L18286" t="s">
        <v>995</v>
      </c>
      <c r="M18286" t="s">
        <v>83</v>
      </c>
      <c r="N18286" t="s">
        <v>84</v>
      </c>
      <c r="O18286" t="s">
        <v>85</v>
      </c>
      <c r="P18286" t="s">
        <v>86</v>
      </c>
      <c r="Q18286">
        <v>14</v>
      </c>
      <c r="R18286">
        <v>14</v>
      </c>
      <c r="S18286">
        <v>15</v>
      </c>
      <c r="T18286">
        <v>15</v>
      </c>
      <c r="U18286">
        <v>16</v>
      </c>
      <c r="V18286">
        <v>16</v>
      </c>
      <c r="W18286">
        <v>16</v>
      </c>
      <c r="X18286">
        <v>17</v>
      </c>
      <c r="Y18286">
        <v>17</v>
      </c>
      <c r="Z18286">
        <v>18</v>
      </c>
      <c r="AA18286">
        <v>18</v>
      </c>
      <c r="AB18286">
        <v>19</v>
      </c>
      <c r="AC18286">
        <v>19</v>
      </c>
      <c r="AD18286">
        <v>19</v>
      </c>
      <c r="AE18286">
        <v>20</v>
      </c>
      <c r="AF18286">
        <v>20</v>
      </c>
      <c r="AG18286">
        <v>21</v>
      </c>
      <c r="AH18286">
        <v>21</v>
      </c>
      <c r="AI18286">
        <v>22</v>
      </c>
      <c r="AJ18286">
        <v>22</v>
      </c>
      <c r="AK18286">
        <v>23</v>
      </c>
      <c r="AL18286">
        <v>23</v>
      </c>
      <c r="AM18286">
        <v>24</v>
      </c>
      <c r="AN18286">
        <v>24</v>
      </c>
      <c r="AO18286">
        <v>24</v>
      </c>
      <c r="AP18286">
        <v>25</v>
      </c>
      <c r="AQ18286">
        <v>25</v>
      </c>
    </row>
    <row r="18287" spans="1:43">
      <c r="A18287" t="s">
        <v>11330</v>
      </c>
      <c r="B18287" t="s">
        <v>11331</v>
      </c>
      <c r="C18287" t="s">
        <v>11230</v>
      </c>
      <c r="D18287" t="s">
        <v>11231</v>
      </c>
      <c r="E18287" t="s">
        <v>11206</v>
      </c>
      <c r="F18287" t="s">
        <v>11207</v>
      </c>
      <c r="G18287" t="s">
        <v>10734</v>
      </c>
      <c r="H18287" t="s">
        <v>10735</v>
      </c>
      <c r="I18287" s="2">
        <v>0</v>
      </c>
      <c r="J18287" s="2">
        <v>0</v>
      </c>
      <c r="K18287" s="2">
        <v>1</v>
      </c>
      <c r="L18287" t="s">
        <v>995</v>
      </c>
      <c r="M18287" t="s">
        <v>87</v>
      </c>
      <c r="N18287" t="s">
        <v>88</v>
      </c>
      <c r="O18287" t="s">
        <v>85</v>
      </c>
      <c r="P18287" t="s">
        <v>86</v>
      </c>
      <c r="Q18287">
        <v>14</v>
      </c>
      <c r="R18287">
        <v>14</v>
      </c>
      <c r="S18287">
        <v>14</v>
      </c>
      <c r="T18287">
        <v>15</v>
      </c>
      <c r="U18287">
        <v>15</v>
      </c>
      <c r="V18287">
        <v>15</v>
      </c>
      <c r="W18287">
        <v>15</v>
      </c>
      <c r="X18287">
        <v>16</v>
      </c>
      <c r="Y18287">
        <v>16</v>
      </c>
      <c r="Z18287">
        <v>16</v>
      </c>
      <c r="AA18287">
        <v>17</v>
      </c>
      <c r="AB18287">
        <v>17</v>
      </c>
      <c r="AC18287">
        <v>17</v>
      </c>
      <c r="AD18287">
        <v>17</v>
      </c>
      <c r="AE18287">
        <v>18</v>
      </c>
      <c r="AF18287">
        <v>18</v>
      </c>
      <c r="AG18287">
        <v>18</v>
      </c>
      <c r="AH18287">
        <v>19</v>
      </c>
      <c r="AI18287">
        <v>19</v>
      </c>
      <c r="AJ18287">
        <v>19</v>
      </c>
      <c r="AK18287">
        <v>20</v>
      </c>
      <c r="AL18287">
        <v>20</v>
      </c>
      <c r="AM18287">
        <v>20</v>
      </c>
      <c r="AN18287">
        <v>21</v>
      </c>
      <c r="AO18287">
        <v>21</v>
      </c>
      <c r="AP18287">
        <v>21</v>
      </c>
      <c r="AQ18287">
        <v>22</v>
      </c>
    </row>
    <row r="18288" spans="1:43">
      <c r="A18288" t="s">
        <v>11330</v>
      </c>
      <c r="B18288" t="s">
        <v>11331</v>
      </c>
      <c r="C18288" t="s">
        <v>11230</v>
      </c>
      <c r="D18288" t="s">
        <v>11231</v>
      </c>
      <c r="E18288" t="s">
        <v>11206</v>
      </c>
      <c r="F18288" t="s">
        <v>11207</v>
      </c>
      <c r="G18288" t="s">
        <v>10734</v>
      </c>
      <c r="H18288" t="s">
        <v>10735</v>
      </c>
      <c r="I18288" s="2">
        <v>0</v>
      </c>
      <c r="J18288" s="2">
        <v>0</v>
      </c>
      <c r="K18288" s="2">
        <v>1</v>
      </c>
      <c r="L18288" t="s">
        <v>995</v>
      </c>
      <c r="M18288" t="s">
        <v>89</v>
      </c>
      <c r="N18288" t="s">
        <v>90</v>
      </c>
      <c r="O18288" t="s">
        <v>85</v>
      </c>
      <c r="P18288" t="s">
        <v>86</v>
      </c>
      <c r="Q18288">
        <v>14</v>
      </c>
      <c r="R18288">
        <v>15</v>
      </c>
      <c r="S18288">
        <v>15</v>
      </c>
      <c r="T18288">
        <v>16</v>
      </c>
      <c r="U18288">
        <v>16</v>
      </c>
      <c r="V18288">
        <v>17</v>
      </c>
      <c r="W18288">
        <v>17</v>
      </c>
      <c r="X18288">
        <v>18</v>
      </c>
      <c r="Y18288">
        <v>18</v>
      </c>
      <c r="Z18288">
        <v>19</v>
      </c>
      <c r="AA18288">
        <v>19</v>
      </c>
      <c r="AB18288">
        <v>20</v>
      </c>
      <c r="AC18288">
        <v>20</v>
      </c>
      <c r="AD18288">
        <v>21</v>
      </c>
      <c r="AE18288">
        <v>21</v>
      </c>
      <c r="AF18288">
        <v>22</v>
      </c>
      <c r="AG18288">
        <v>22</v>
      </c>
      <c r="AH18288">
        <v>22</v>
      </c>
      <c r="AI18288">
        <v>22</v>
      </c>
      <c r="AJ18288">
        <v>23</v>
      </c>
      <c r="AK18288">
        <v>23</v>
      </c>
      <c r="AL18288">
        <v>23</v>
      </c>
      <c r="AM18288">
        <v>24</v>
      </c>
      <c r="AN18288">
        <v>24</v>
      </c>
      <c r="AO18288">
        <v>24</v>
      </c>
      <c r="AP18288">
        <v>25</v>
      </c>
      <c r="AQ18288">
        <v>25</v>
      </c>
    </row>
    <row r="18289" spans="1:43">
      <c r="A18289" t="s">
        <v>11330</v>
      </c>
      <c r="B18289" t="s">
        <v>11331</v>
      </c>
      <c r="C18289" t="s">
        <v>11230</v>
      </c>
      <c r="D18289" t="s">
        <v>11231</v>
      </c>
      <c r="E18289" t="s">
        <v>11206</v>
      </c>
      <c r="F18289" t="s">
        <v>11207</v>
      </c>
      <c r="G18289" t="s">
        <v>10734</v>
      </c>
      <c r="H18289" t="s">
        <v>10735</v>
      </c>
      <c r="I18289" s="2">
        <v>0</v>
      </c>
      <c r="J18289" s="2">
        <v>0</v>
      </c>
      <c r="K18289" s="2">
        <v>1</v>
      </c>
      <c r="L18289" t="s">
        <v>995</v>
      </c>
      <c r="M18289" t="s">
        <v>83</v>
      </c>
      <c r="N18289" t="s">
        <v>91</v>
      </c>
      <c r="O18289" t="s">
        <v>85</v>
      </c>
      <c r="P18289" t="s">
        <v>86</v>
      </c>
      <c r="Q18289">
        <v>14</v>
      </c>
      <c r="R18289">
        <v>14</v>
      </c>
      <c r="S18289">
        <v>15</v>
      </c>
      <c r="T18289">
        <v>15</v>
      </c>
      <c r="U18289">
        <v>16</v>
      </c>
      <c r="V18289">
        <v>16</v>
      </c>
      <c r="W18289">
        <v>16</v>
      </c>
      <c r="X18289">
        <v>17</v>
      </c>
      <c r="Y18289">
        <v>17</v>
      </c>
      <c r="Z18289">
        <v>18</v>
      </c>
      <c r="AA18289">
        <v>18</v>
      </c>
      <c r="AB18289">
        <v>19</v>
      </c>
      <c r="AC18289">
        <v>19</v>
      </c>
      <c r="AD18289">
        <v>19</v>
      </c>
      <c r="AE18289">
        <v>20</v>
      </c>
      <c r="AF18289">
        <v>20</v>
      </c>
      <c r="AG18289">
        <v>21</v>
      </c>
      <c r="AH18289">
        <v>21</v>
      </c>
      <c r="AI18289">
        <v>22</v>
      </c>
      <c r="AJ18289">
        <v>22</v>
      </c>
      <c r="AK18289">
        <v>23</v>
      </c>
      <c r="AL18289">
        <v>23</v>
      </c>
      <c r="AM18289">
        <v>24</v>
      </c>
      <c r="AN18289">
        <v>24</v>
      </c>
      <c r="AO18289">
        <v>24</v>
      </c>
      <c r="AP18289">
        <v>25</v>
      </c>
      <c r="AQ18289">
        <v>25</v>
      </c>
    </row>
    <row r="18290" spans="1:43">
      <c r="A18290" t="s">
        <v>11332</v>
      </c>
      <c r="B18290" t="s">
        <v>11333</v>
      </c>
      <c r="C18290" t="s">
        <v>11230</v>
      </c>
      <c r="D18290" t="s">
        <v>11231</v>
      </c>
      <c r="E18290" t="s">
        <v>11206</v>
      </c>
      <c r="F18290" t="s">
        <v>11207</v>
      </c>
      <c r="G18290" t="s">
        <v>10734</v>
      </c>
      <c r="H18290" t="s">
        <v>10735</v>
      </c>
      <c r="I18290" s="2">
        <v>0</v>
      </c>
      <c r="J18290" s="2">
        <v>0</v>
      </c>
      <c r="K18290" s="2">
        <v>1</v>
      </c>
      <c r="L18290" t="s">
        <v>995</v>
      </c>
      <c r="M18290" t="s">
        <v>83</v>
      </c>
      <c r="N18290" t="s">
        <v>84</v>
      </c>
      <c r="O18290" t="s">
        <v>85</v>
      </c>
      <c r="P18290" t="s">
        <v>86</v>
      </c>
      <c r="Q18290">
        <v>14</v>
      </c>
      <c r="R18290">
        <v>14</v>
      </c>
      <c r="S18290">
        <v>15</v>
      </c>
      <c r="T18290">
        <v>15</v>
      </c>
      <c r="U18290">
        <v>16</v>
      </c>
      <c r="V18290">
        <v>16</v>
      </c>
      <c r="W18290">
        <v>16</v>
      </c>
      <c r="X18290">
        <v>17</v>
      </c>
      <c r="Y18290">
        <v>17</v>
      </c>
      <c r="Z18290">
        <v>18</v>
      </c>
      <c r="AA18290">
        <v>18</v>
      </c>
      <c r="AB18290">
        <v>18</v>
      </c>
      <c r="AC18290">
        <v>19</v>
      </c>
      <c r="AD18290">
        <v>19</v>
      </c>
      <c r="AE18290">
        <v>20</v>
      </c>
      <c r="AF18290">
        <v>20</v>
      </c>
      <c r="AG18290">
        <v>21</v>
      </c>
      <c r="AH18290">
        <v>21</v>
      </c>
      <c r="AI18290">
        <v>22</v>
      </c>
      <c r="AJ18290">
        <v>22</v>
      </c>
      <c r="AK18290">
        <v>23</v>
      </c>
      <c r="AL18290">
        <v>23</v>
      </c>
      <c r="AM18290">
        <v>23</v>
      </c>
      <c r="AN18290">
        <v>24</v>
      </c>
      <c r="AO18290">
        <v>24</v>
      </c>
      <c r="AP18290">
        <v>24</v>
      </c>
      <c r="AQ18290">
        <v>25</v>
      </c>
    </row>
    <row r="18291" spans="1:43">
      <c r="A18291" t="s">
        <v>11332</v>
      </c>
      <c r="B18291" t="s">
        <v>11333</v>
      </c>
      <c r="C18291" t="s">
        <v>11230</v>
      </c>
      <c r="D18291" t="s">
        <v>11231</v>
      </c>
      <c r="E18291" t="s">
        <v>11206</v>
      </c>
      <c r="F18291" t="s">
        <v>11207</v>
      </c>
      <c r="G18291" t="s">
        <v>10734</v>
      </c>
      <c r="H18291" t="s">
        <v>10735</v>
      </c>
      <c r="I18291" s="2">
        <v>0</v>
      </c>
      <c r="J18291" s="2">
        <v>0</v>
      </c>
      <c r="K18291" s="2">
        <v>1</v>
      </c>
      <c r="L18291" t="s">
        <v>995</v>
      </c>
      <c r="M18291" t="s">
        <v>87</v>
      </c>
      <c r="N18291" t="s">
        <v>88</v>
      </c>
      <c r="O18291" t="s">
        <v>85</v>
      </c>
      <c r="P18291" t="s">
        <v>86</v>
      </c>
      <c r="Q18291">
        <v>14</v>
      </c>
      <c r="R18291">
        <v>14</v>
      </c>
      <c r="S18291">
        <v>14</v>
      </c>
      <c r="T18291">
        <v>15</v>
      </c>
      <c r="U18291">
        <v>15</v>
      </c>
      <c r="V18291">
        <v>15</v>
      </c>
      <c r="W18291">
        <v>15</v>
      </c>
      <c r="X18291">
        <v>16</v>
      </c>
      <c r="Y18291">
        <v>16</v>
      </c>
      <c r="Z18291">
        <v>16</v>
      </c>
      <c r="AA18291">
        <v>16</v>
      </c>
      <c r="AB18291">
        <v>17</v>
      </c>
      <c r="AC18291">
        <v>17</v>
      </c>
      <c r="AD18291">
        <v>17</v>
      </c>
      <c r="AE18291">
        <v>18</v>
      </c>
      <c r="AF18291">
        <v>18</v>
      </c>
      <c r="AG18291">
        <v>18</v>
      </c>
      <c r="AH18291">
        <v>18</v>
      </c>
      <c r="AI18291">
        <v>19</v>
      </c>
      <c r="AJ18291">
        <v>19</v>
      </c>
      <c r="AK18291">
        <v>19</v>
      </c>
      <c r="AL18291">
        <v>20</v>
      </c>
      <c r="AM18291">
        <v>20</v>
      </c>
      <c r="AN18291">
        <v>20</v>
      </c>
      <c r="AO18291">
        <v>21</v>
      </c>
      <c r="AP18291">
        <v>21</v>
      </c>
      <c r="AQ18291">
        <v>22</v>
      </c>
    </row>
    <row r="18292" spans="1:43">
      <c r="A18292" t="s">
        <v>11332</v>
      </c>
      <c r="B18292" t="s">
        <v>11333</v>
      </c>
      <c r="C18292" t="s">
        <v>11230</v>
      </c>
      <c r="D18292" t="s">
        <v>11231</v>
      </c>
      <c r="E18292" t="s">
        <v>11206</v>
      </c>
      <c r="F18292" t="s">
        <v>11207</v>
      </c>
      <c r="G18292" t="s">
        <v>10734</v>
      </c>
      <c r="H18292" t="s">
        <v>10735</v>
      </c>
      <c r="I18292" s="2">
        <v>0</v>
      </c>
      <c r="J18292" s="2">
        <v>0</v>
      </c>
      <c r="K18292" s="2">
        <v>1</v>
      </c>
      <c r="L18292" t="s">
        <v>995</v>
      </c>
      <c r="M18292" t="s">
        <v>89</v>
      </c>
      <c r="N18292" t="s">
        <v>90</v>
      </c>
      <c r="O18292" t="s">
        <v>85</v>
      </c>
      <c r="P18292" t="s">
        <v>86</v>
      </c>
      <c r="Q18292">
        <v>14</v>
      </c>
      <c r="R18292">
        <v>15</v>
      </c>
      <c r="S18292">
        <v>15</v>
      </c>
      <c r="T18292">
        <v>16</v>
      </c>
      <c r="U18292">
        <v>16</v>
      </c>
      <c r="V18292">
        <v>17</v>
      </c>
      <c r="W18292">
        <v>17</v>
      </c>
      <c r="X18292">
        <v>18</v>
      </c>
      <c r="Y18292">
        <v>18</v>
      </c>
      <c r="Z18292">
        <v>19</v>
      </c>
      <c r="AA18292">
        <v>19</v>
      </c>
      <c r="AB18292">
        <v>20</v>
      </c>
      <c r="AC18292">
        <v>20</v>
      </c>
      <c r="AD18292">
        <v>21</v>
      </c>
      <c r="AE18292">
        <v>21</v>
      </c>
      <c r="AF18292">
        <v>21</v>
      </c>
      <c r="AG18292">
        <v>22</v>
      </c>
      <c r="AH18292">
        <v>22</v>
      </c>
      <c r="AI18292">
        <v>22</v>
      </c>
      <c r="AJ18292">
        <v>23</v>
      </c>
      <c r="AK18292">
        <v>23</v>
      </c>
      <c r="AL18292">
        <v>23</v>
      </c>
      <c r="AM18292">
        <v>24</v>
      </c>
      <c r="AN18292">
        <v>24</v>
      </c>
      <c r="AO18292">
        <v>24</v>
      </c>
      <c r="AP18292">
        <v>25</v>
      </c>
      <c r="AQ18292">
        <v>25</v>
      </c>
    </row>
    <row r="18293" spans="1:43">
      <c r="A18293" t="s">
        <v>11332</v>
      </c>
      <c r="B18293" t="s">
        <v>11333</v>
      </c>
      <c r="C18293" t="s">
        <v>11230</v>
      </c>
      <c r="D18293" t="s">
        <v>11231</v>
      </c>
      <c r="E18293" t="s">
        <v>11206</v>
      </c>
      <c r="F18293" t="s">
        <v>11207</v>
      </c>
      <c r="G18293" t="s">
        <v>10734</v>
      </c>
      <c r="H18293" t="s">
        <v>10735</v>
      </c>
      <c r="I18293" s="2">
        <v>0</v>
      </c>
      <c r="J18293" s="2">
        <v>0</v>
      </c>
      <c r="K18293" s="2">
        <v>1</v>
      </c>
      <c r="L18293" t="s">
        <v>995</v>
      </c>
      <c r="M18293" t="s">
        <v>83</v>
      </c>
      <c r="N18293" t="s">
        <v>91</v>
      </c>
      <c r="O18293" t="s">
        <v>85</v>
      </c>
      <c r="P18293" t="s">
        <v>86</v>
      </c>
      <c r="Q18293">
        <v>14</v>
      </c>
      <c r="R18293">
        <v>14</v>
      </c>
      <c r="S18293">
        <v>15</v>
      </c>
      <c r="T18293">
        <v>15</v>
      </c>
      <c r="U18293">
        <v>16</v>
      </c>
      <c r="V18293">
        <v>16</v>
      </c>
      <c r="W18293">
        <v>16</v>
      </c>
      <c r="X18293">
        <v>17</v>
      </c>
      <c r="Y18293">
        <v>17</v>
      </c>
      <c r="Z18293">
        <v>18</v>
      </c>
      <c r="AA18293">
        <v>18</v>
      </c>
      <c r="AB18293">
        <v>18</v>
      </c>
      <c r="AC18293">
        <v>19</v>
      </c>
      <c r="AD18293">
        <v>19</v>
      </c>
      <c r="AE18293">
        <v>20</v>
      </c>
      <c r="AF18293">
        <v>20</v>
      </c>
      <c r="AG18293">
        <v>21</v>
      </c>
      <c r="AH18293">
        <v>21</v>
      </c>
      <c r="AI18293">
        <v>22</v>
      </c>
      <c r="AJ18293">
        <v>22</v>
      </c>
      <c r="AK18293">
        <v>23</v>
      </c>
      <c r="AL18293">
        <v>23</v>
      </c>
      <c r="AM18293">
        <v>23</v>
      </c>
      <c r="AN18293">
        <v>24</v>
      </c>
      <c r="AO18293">
        <v>24</v>
      </c>
      <c r="AP18293">
        <v>24</v>
      </c>
      <c r="AQ18293">
        <v>25</v>
      </c>
    </row>
    <row r="18294" spans="1:43">
      <c r="A18294" t="s">
        <v>11334</v>
      </c>
      <c r="B18294" t="s">
        <v>11335</v>
      </c>
      <c r="C18294" t="s">
        <v>11230</v>
      </c>
      <c r="D18294" t="s">
        <v>11231</v>
      </c>
      <c r="E18294" t="s">
        <v>11206</v>
      </c>
      <c r="F18294" t="s">
        <v>11207</v>
      </c>
      <c r="G18294" t="s">
        <v>10734</v>
      </c>
      <c r="H18294" t="s">
        <v>10735</v>
      </c>
      <c r="I18294" s="2">
        <v>0</v>
      </c>
      <c r="J18294" s="2">
        <v>0</v>
      </c>
      <c r="K18294" s="2">
        <v>1</v>
      </c>
      <c r="L18294" t="s">
        <v>995</v>
      </c>
      <c r="M18294" t="s">
        <v>83</v>
      </c>
      <c r="N18294" t="s">
        <v>84</v>
      </c>
      <c r="O18294" t="s">
        <v>85</v>
      </c>
      <c r="P18294" t="s">
        <v>86</v>
      </c>
      <c r="Q18294">
        <v>10</v>
      </c>
      <c r="R18294">
        <v>10</v>
      </c>
      <c r="S18294">
        <v>10</v>
      </c>
      <c r="T18294">
        <v>11</v>
      </c>
      <c r="U18294">
        <v>11</v>
      </c>
      <c r="V18294">
        <v>11</v>
      </c>
      <c r="W18294">
        <v>11</v>
      </c>
      <c r="X18294">
        <v>12</v>
      </c>
      <c r="Y18294">
        <v>12</v>
      </c>
      <c r="Z18294">
        <v>12</v>
      </c>
      <c r="AA18294">
        <v>13</v>
      </c>
      <c r="AB18294">
        <v>13</v>
      </c>
      <c r="AC18294">
        <v>13</v>
      </c>
      <c r="AD18294">
        <v>13</v>
      </c>
      <c r="AE18294">
        <v>14</v>
      </c>
      <c r="AF18294">
        <v>14</v>
      </c>
      <c r="AG18294">
        <v>14</v>
      </c>
      <c r="AH18294">
        <v>15</v>
      </c>
      <c r="AI18294">
        <v>15</v>
      </c>
      <c r="AJ18294">
        <v>15</v>
      </c>
      <c r="AK18294">
        <v>16</v>
      </c>
      <c r="AL18294">
        <v>16</v>
      </c>
      <c r="AM18294">
        <v>16</v>
      </c>
      <c r="AN18294">
        <v>17</v>
      </c>
      <c r="AO18294">
        <v>17</v>
      </c>
      <c r="AP18294">
        <v>17</v>
      </c>
      <c r="AQ18294">
        <v>17</v>
      </c>
    </row>
    <row r="18295" spans="1:43">
      <c r="A18295" t="s">
        <v>11334</v>
      </c>
      <c r="B18295" t="s">
        <v>11335</v>
      </c>
      <c r="C18295" t="s">
        <v>11230</v>
      </c>
      <c r="D18295" t="s">
        <v>11231</v>
      </c>
      <c r="E18295" t="s">
        <v>11206</v>
      </c>
      <c r="F18295" t="s">
        <v>11207</v>
      </c>
      <c r="G18295" t="s">
        <v>10734</v>
      </c>
      <c r="H18295" t="s">
        <v>10735</v>
      </c>
      <c r="I18295" s="2">
        <v>0</v>
      </c>
      <c r="J18295" s="2">
        <v>0</v>
      </c>
      <c r="K18295" s="2">
        <v>1</v>
      </c>
      <c r="L18295" t="s">
        <v>995</v>
      </c>
      <c r="M18295" t="s">
        <v>87</v>
      </c>
      <c r="N18295" t="s">
        <v>88</v>
      </c>
      <c r="O18295" t="s">
        <v>85</v>
      </c>
      <c r="P18295" t="s">
        <v>86</v>
      </c>
      <c r="Q18295">
        <v>10</v>
      </c>
      <c r="R18295">
        <v>10</v>
      </c>
      <c r="S18295">
        <v>10</v>
      </c>
      <c r="T18295">
        <v>10</v>
      </c>
      <c r="U18295">
        <v>10</v>
      </c>
      <c r="V18295">
        <v>11</v>
      </c>
      <c r="W18295">
        <v>11</v>
      </c>
      <c r="X18295">
        <v>11</v>
      </c>
      <c r="Y18295">
        <v>11</v>
      </c>
      <c r="Z18295">
        <v>11</v>
      </c>
      <c r="AA18295">
        <v>11</v>
      </c>
      <c r="AB18295">
        <v>12</v>
      </c>
      <c r="AC18295">
        <v>12</v>
      </c>
      <c r="AD18295">
        <v>12</v>
      </c>
      <c r="AE18295">
        <v>12</v>
      </c>
      <c r="AF18295">
        <v>12</v>
      </c>
      <c r="AG18295">
        <v>13</v>
      </c>
      <c r="AH18295">
        <v>13</v>
      </c>
      <c r="AI18295">
        <v>13</v>
      </c>
      <c r="AJ18295">
        <v>13</v>
      </c>
      <c r="AK18295">
        <v>14</v>
      </c>
      <c r="AL18295">
        <v>14</v>
      </c>
      <c r="AM18295">
        <v>14</v>
      </c>
      <c r="AN18295">
        <v>14</v>
      </c>
      <c r="AO18295">
        <v>14</v>
      </c>
      <c r="AP18295">
        <v>15</v>
      </c>
      <c r="AQ18295">
        <v>15</v>
      </c>
    </row>
    <row r="18296" spans="1:43">
      <c r="A18296" t="s">
        <v>11334</v>
      </c>
      <c r="B18296" t="s">
        <v>11335</v>
      </c>
      <c r="C18296" t="s">
        <v>11230</v>
      </c>
      <c r="D18296" t="s">
        <v>11231</v>
      </c>
      <c r="E18296" t="s">
        <v>11206</v>
      </c>
      <c r="F18296" t="s">
        <v>11207</v>
      </c>
      <c r="G18296" t="s">
        <v>10734</v>
      </c>
      <c r="H18296" t="s">
        <v>10735</v>
      </c>
      <c r="I18296" s="2">
        <v>0</v>
      </c>
      <c r="J18296" s="2">
        <v>0</v>
      </c>
      <c r="K18296" s="2">
        <v>1</v>
      </c>
      <c r="L18296" t="s">
        <v>995</v>
      </c>
      <c r="M18296" t="s">
        <v>89</v>
      </c>
      <c r="N18296" t="s">
        <v>90</v>
      </c>
      <c r="O18296" t="s">
        <v>85</v>
      </c>
      <c r="P18296" t="s">
        <v>86</v>
      </c>
      <c r="Q18296">
        <v>10</v>
      </c>
      <c r="R18296">
        <v>10</v>
      </c>
      <c r="S18296">
        <v>11</v>
      </c>
      <c r="T18296">
        <v>11</v>
      </c>
      <c r="U18296">
        <v>11</v>
      </c>
      <c r="V18296">
        <v>12</v>
      </c>
      <c r="W18296">
        <v>12</v>
      </c>
      <c r="X18296">
        <v>12</v>
      </c>
      <c r="Y18296">
        <v>13</v>
      </c>
      <c r="Z18296">
        <v>13</v>
      </c>
      <c r="AA18296">
        <v>13</v>
      </c>
      <c r="AB18296">
        <v>14</v>
      </c>
      <c r="AC18296">
        <v>14</v>
      </c>
      <c r="AD18296">
        <v>14</v>
      </c>
      <c r="AE18296">
        <v>15</v>
      </c>
      <c r="AF18296">
        <v>15</v>
      </c>
      <c r="AG18296">
        <v>15</v>
      </c>
      <c r="AH18296">
        <v>15</v>
      </c>
      <c r="AI18296">
        <v>16</v>
      </c>
      <c r="AJ18296">
        <v>16</v>
      </c>
      <c r="AK18296">
        <v>16</v>
      </c>
      <c r="AL18296">
        <v>16</v>
      </c>
      <c r="AM18296">
        <v>16</v>
      </c>
      <c r="AN18296">
        <v>17</v>
      </c>
      <c r="AO18296">
        <v>17</v>
      </c>
      <c r="AP18296">
        <v>17</v>
      </c>
      <c r="AQ18296">
        <v>17</v>
      </c>
    </row>
    <row r="18297" spans="1:43">
      <c r="A18297" t="s">
        <v>11334</v>
      </c>
      <c r="B18297" t="s">
        <v>11335</v>
      </c>
      <c r="C18297" t="s">
        <v>11230</v>
      </c>
      <c r="D18297" t="s">
        <v>11231</v>
      </c>
      <c r="E18297" t="s">
        <v>11206</v>
      </c>
      <c r="F18297" t="s">
        <v>11207</v>
      </c>
      <c r="G18297" t="s">
        <v>10734</v>
      </c>
      <c r="H18297" t="s">
        <v>10735</v>
      </c>
      <c r="I18297" s="2">
        <v>0</v>
      </c>
      <c r="J18297" s="2">
        <v>0</v>
      </c>
      <c r="K18297" s="2">
        <v>1</v>
      </c>
      <c r="L18297" t="s">
        <v>995</v>
      </c>
      <c r="M18297" t="s">
        <v>83</v>
      </c>
      <c r="N18297" t="s">
        <v>91</v>
      </c>
      <c r="O18297" t="s">
        <v>85</v>
      </c>
      <c r="P18297" t="s">
        <v>86</v>
      </c>
      <c r="Q18297">
        <v>10</v>
      </c>
      <c r="R18297">
        <v>10</v>
      </c>
      <c r="S18297">
        <v>10</v>
      </c>
      <c r="T18297">
        <v>11</v>
      </c>
      <c r="U18297">
        <v>11</v>
      </c>
      <c r="V18297">
        <v>11</v>
      </c>
      <c r="W18297">
        <v>11</v>
      </c>
      <c r="X18297">
        <v>12</v>
      </c>
      <c r="Y18297">
        <v>12</v>
      </c>
      <c r="Z18297">
        <v>12</v>
      </c>
      <c r="AA18297">
        <v>13</v>
      </c>
      <c r="AB18297">
        <v>13</v>
      </c>
      <c r="AC18297">
        <v>13</v>
      </c>
      <c r="AD18297">
        <v>13</v>
      </c>
      <c r="AE18297">
        <v>14</v>
      </c>
      <c r="AF18297">
        <v>14</v>
      </c>
      <c r="AG18297">
        <v>14</v>
      </c>
      <c r="AH18297">
        <v>15</v>
      </c>
      <c r="AI18297">
        <v>15</v>
      </c>
      <c r="AJ18297">
        <v>15</v>
      </c>
      <c r="AK18297">
        <v>16</v>
      </c>
      <c r="AL18297">
        <v>16</v>
      </c>
      <c r="AM18297">
        <v>16</v>
      </c>
      <c r="AN18297">
        <v>17</v>
      </c>
      <c r="AO18297">
        <v>17</v>
      </c>
      <c r="AP18297">
        <v>17</v>
      </c>
      <c r="AQ18297">
        <v>17</v>
      </c>
    </row>
    <row r="18298" spans="1:43">
      <c r="A18298" t="s">
        <v>11336</v>
      </c>
      <c r="B18298" t="s">
        <v>11337</v>
      </c>
      <c r="C18298" t="s">
        <v>11230</v>
      </c>
      <c r="D18298" t="s">
        <v>11231</v>
      </c>
      <c r="E18298" t="s">
        <v>11206</v>
      </c>
      <c r="F18298" t="s">
        <v>11207</v>
      </c>
      <c r="G18298" t="s">
        <v>10734</v>
      </c>
      <c r="H18298" t="s">
        <v>10735</v>
      </c>
      <c r="I18298" s="2">
        <v>0</v>
      </c>
      <c r="J18298" s="2">
        <v>0</v>
      </c>
      <c r="K18298" s="2">
        <v>1</v>
      </c>
      <c r="L18298" t="s">
        <v>995</v>
      </c>
      <c r="M18298" t="s">
        <v>83</v>
      </c>
      <c r="N18298" t="s">
        <v>84</v>
      </c>
      <c r="O18298" t="s">
        <v>85</v>
      </c>
      <c r="P18298" t="s">
        <v>86</v>
      </c>
      <c r="Q18298">
        <v>11</v>
      </c>
      <c r="R18298">
        <v>11</v>
      </c>
      <c r="S18298">
        <v>12</v>
      </c>
      <c r="T18298">
        <v>12</v>
      </c>
      <c r="U18298">
        <v>12</v>
      </c>
      <c r="V18298">
        <v>13</v>
      </c>
      <c r="W18298">
        <v>13</v>
      </c>
      <c r="X18298">
        <v>13</v>
      </c>
      <c r="Y18298">
        <v>14</v>
      </c>
      <c r="Z18298">
        <v>14</v>
      </c>
      <c r="AA18298">
        <v>14</v>
      </c>
      <c r="AB18298">
        <v>15</v>
      </c>
      <c r="AC18298">
        <v>15</v>
      </c>
      <c r="AD18298">
        <v>15</v>
      </c>
      <c r="AE18298">
        <v>16</v>
      </c>
      <c r="AF18298">
        <v>16</v>
      </c>
      <c r="AG18298">
        <v>16</v>
      </c>
      <c r="AH18298">
        <v>17</v>
      </c>
      <c r="AI18298">
        <v>17</v>
      </c>
      <c r="AJ18298">
        <v>18</v>
      </c>
      <c r="AK18298">
        <v>18</v>
      </c>
      <c r="AL18298">
        <v>18</v>
      </c>
      <c r="AM18298">
        <v>19</v>
      </c>
      <c r="AN18298">
        <v>19</v>
      </c>
      <c r="AO18298">
        <v>19</v>
      </c>
      <c r="AP18298">
        <v>19</v>
      </c>
      <c r="AQ18298">
        <v>20</v>
      </c>
    </row>
    <row r="18299" spans="1:43">
      <c r="A18299" t="s">
        <v>11336</v>
      </c>
      <c r="B18299" t="s">
        <v>11337</v>
      </c>
      <c r="C18299" t="s">
        <v>11230</v>
      </c>
      <c r="D18299" t="s">
        <v>11231</v>
      </c>
      <c r="E18299" t="s">
        <v>11206</v>
      </c>
      <c r="F18299" t="s">
        <v>11207</v>
      </c>
      <c r="G18299" t="s">
        <v>10734</v>
      </c>
      <c r="H18299" t="s">
        <v>10735</v>
      </c>
      <c r="I18299" s="2">
        <v>0</v>
      </c>
      <c r="J18299" s="2">
        <v>0</v>
      </c>
      <c r="K18299" s="2">
        <v>1</v>
      </c>
      <c r="L18299" t="s">
        <v>995</v>
      </c>
      <c r="M18299" t="s">
        <v>87</v>
      </c>
      <c r="N18299" t="s">
        <v>88</v>
      </c>
      <c r="O18299" t="s">
        <v>85</v>
      </c>
      <c r="P18299" t="s">
        <v>86</v>
      </c>
      <c r="Q18299">
        <v>11</v>
      </c>
      <c r="R18299">
        <v>11</v>
      </c>
      <c r="S18299">
        <v>11</v>
      </c>
      <c r="T18299">
        <v>12</v>
      </c>
      <c r="U18299">
        <v>12</v>
      </c>
      <c r="V18299">
        <v>12</v>
      </c>
      <c r="W18299">
        <v>12</v>
      </c>
      <c r="X18299">
        <v>12</v>
      </c>
      <c r="Y18299">
        <v>13</v>
      </c>
      <c r="Z18299">
        <v>13</v>
      </c>
      <c r="AA18299">
        <v>13</v>
      </c>
      <c r="AB18299">
        <v>13</v>
      </c>
      <c r="AC18299">
        <v>13</v>
      </c>
      <c r="AD18299">
        <v>14</v>
      </c>
      <c r="AE18299">
        <v>14</v>
      </c>
      <c r="AF18299">
        <v>14</v>
      </c>
      <c r="AG18299">
        <v>14</v>
      </c>
      <c r="AH18299">
        <v>15</v>
      </c>
      <c r="AI18299">
        <v>15</v>
      </c>
      <c r="AJ18299">
        <v>15</v>
      </c>
      <c r="AK18299">
        <v>15</v>
      </c>
      <c r="AL18299">
        <v>16</v>
      </c>
      <c r="AM18299">
        <v>16</v>
      </c>
      <c r="AN18299">
        <v>16</v>
      </c>
      <c r="AO18299">
        <v>16</v>
      </c>
      <c r="AP18299">
        <v>17</v>
      </c>
      <c r="AQ18299">
        <v>17</v>
      </c>
    </row>
    <row r="18300" spans="1:43">
      <c r="A18300" t="s">
        <v>11336</v>
      </c>
      <c r="B18300" t="s">
        <v>11337</v>
      </c>
      <c r="C18300" t="s">
        <v>11230</v>
      </c>
      <c r="D18300" t="s">
        <v>11231</v>
      </c>
      <c r="E18300" t="s">
        <v>11206</v>
      </c>
      <c r="F18300" t="s">
        <v>11207</v>
      </c>
      <c r="G18300" t="s">
        <v>10734</v>
      </c>
      <c r="H18300" t="s">
        <v>10735</v>
      </c>
      <c r="I18300" s="2">
        <v>0</v>
      </c>
      <c r="J18300" s="2">
        <v>0</v>
      </c>
      <c r="K18300" s="2">
        <v>1</v>
      </c>
      <c r="L18300" t="s">
        <v>995</v>
      </c>
      <c r="M18300" t="s">
        <v>89</v>
      </c>
      <c r="N18300" t="s">
        <v>90</v>
      </c>
      <c r="O18300" t="s">
        <v>85</v>
      </c>
      <c r="P18300" t="s">
        <v>86</v>
      </c>
      <c r="Q18300">
        <v>11</v>
      </c>
      <c r="R18300">
        <v>12</v>
      </c>
      <c r="S18300">
        <v>12</v>
      </c>
      <c r="T18300">
        <v>12</v>
      </c>
      <c r="U18300">
        <v>13</v>
      </c>
      <c r="V18300">
        <v>13</v>
      </c>
      <c r="W18300">
        <v>14</v>
      </c>
      <c r="X18300">
        <v>14</v>
      </c>
      <c r="Y18300">
        <v>14</v>
      </c>
      <c r="Z18300">
        <v>15</v>
      </c>
      <c r="AA18300">
        <v>15</v>
      </c>
      <c r="AB18300">
        <v>16</v>
      </c>
      <c r="AC18300">
        <v>16</v>
      </c>
      <c r="AD18300">
        <v>16</v>
      </c>
      <c r="AE18300">
        <v>17</v>
      </c>
      <c r="AF18300">
        <v>17</v>
      </c>
      <c r="AG18300">
        <v>17</v>
      </c>
      <c r="AH18300">
        <v>17</v>
      </c>
      <c r="AI18300">
        <v>18</v>
      </c>
      <c r="AJ18300">
        <v>18</v>
      </c>
      <c r="AK18300">
        <v>18</v>
      </c>
      <c r="AL18300">
        <v>18</v>
      </c>
      <c r="AM18300">
        <v>19</v>
      </c>
      <c r="AN18300">
        <v>19</v>
      </c>
      <c r="AO18300">
        <v>19</v>
      </c>
      <c r="AP18300">
        <v>19</v>
      </c>
      <c r="AQ18300">
        <v>20</v>
      </c>
    </row>
    <row r="18301" spans="1:43">
      <c r="A18301" t="s">
        <v>11336</v>
      </c>
      <c r="B18301" t="s">
        <v>11337</v>
      </c>
      <c r="C18301" t="s">
        <v>11230</v>
      </c>
      <c r="D18301" t="s">
        <v>11231</v>
      </c>
      <c r="E18301" t="s">
        <v>11206</v>
      </c>
      <c r="F18301" t="s">
        <v>11207</v>
      </c>
      <c r="G18301" t="s">
        <v>10734</v>
      </c>
      <c r="H18301" t="s">
        <v>10735</v>
      </c>
      <c r="I18301" s="2">
        <v>0</v>
      </c>
      <c r="J18301" s="2">
        <v>0</v>
      </c>
      <c r="K18301" s="2">
        <v>1</v>
      </c>
      <c r="L18301" t="s">
        <v>995</v>
      </c>
      <c r="M18301" t="s">
        <v>83</v>
      </c>
      <c r="N18301" t="s">
        <v>91</v>
      </c>
      <c r="O18301" t="s">
        <v>85</v>
      </c>
      <c r="P18301" t="s">
        <v>86</v>
      </c>
      <c r="Q18301">
        <v>11</v>
      </c>
      <c r="R18301">
        <v>11</v>
      </c>
      <c r="S18301">
        <v>12</v>
      </c>
      <c r="T18301">
        <v>12</v>
      </c>
      <c r="U18301">
        <v>12</v>
      </c>
      <c r="V18301">
        <v>13</v>
      </c>
      <c r="W18301">
        <v>13</v>
      </c>
      <c r="X18301">
        <v>13</v>
      </c>
      <c r="Y18301">
        <v>14</v>
      </c>
      <c r="Z18301">
        <v>14</v>
      </c>
      <c r="AA18301">
        <v>14</v>
      </c>
      <c r="AB18301">
        <v>15</v>
      </c>
      <c r="AC18301">
        <v>15</v>
      </c>
      <c r="AD18301">
        <v>15</v>
      </c>
      <c r="AE18301">
        <v>16</v>
      </c>
      <c r="AF18301">
        <v>16</v>
      </c>
      <c r="AG18301">
        <v>16</v>
      </c>
      <c r="AH18301">
        <v>17</v>
      </c>
      <c r="AI18301">
        <v>17</v>
      </c>
      <c r="AJ18301">
        <v>18</v>
      </c>
      <c r="AK18301">
        <v>18</v>
      </c>
      <c r="AL18301">
        <v>18</v>
      </c>
      <c r="AM18301">
        <v>19</v>
      </c>
      <c r="AN18301">
        <v>19</v>
      </c>
      <c r="AO18301">
        <v>19</v>
      </c>
      <c r="AP18301">
        <v>19</v>
      </c>
      <c r="AQ18301">
        <v>20</v>
      </c>
    </row>
    <row r="18302" spans="1:43">
      <c r="A18302" t="s">
        <v>11338</v>
      </c>
      <c r="B18302" t="s">
        <v>11339</v>
      </c>
      <c r="C18302" t="s">
        <v>11322</v>
      </c>
      <c r="D18302" t="s">
        <v>11323</v>
      </c>
      <c r="E18302" t="s">
        <v>11206</v>
      </c>
      <c r="F18302" t="s">
        <v>11207</v>
      </c>
      <c r="G18302" t="s">
        <v>10734</v>
      </c>
      <c r="H18302" t="s">
        <v>10735</v>
      </c>
      <c r="I18302" s="2">
        <v>0</v>
      </c>
      <c r="J18302" s="2">
        <v>0</v>
      </c>
      <c r="K18302" s="2">
        <v>1</v>
      </c>
      <c r="L18302" t="s">
        <v>995</v>
      </c>
      <c r="M18302" t="s">
        <v>83</v>
      </c>
      <c r="N18302" t="s">
        <v>84</v>
      </c>
      <c r="O18302" t="s">
        <v>85</v>
      </c>
      <c r="P18302" t="s">
        <v>86</v>
      </c>
      <c r="Q18302">
        <v>13</v>
      </c>
      <c r="R18302">
        <v>13</v>
      </c>
      <c r="S18302">
        <v>13</v>
      </c>
      <c r="T18302">
        <v>14</v>
      </c>
      <c r="U18302">
        <v>14</v>
      </c>
      <c r="V18302">
        <v>15</v>
      </c>
      <c r="W18302">
        <v>15</v>
      </c>
      <c r="X18302">
        <v>15</v>
      </c>
      <c r="Y18302">
        <v>16</v>
      </c>
      <c r="Z18302">
        <v>16</v>
      </c>
      <c r="AA18302">
        <v>16</v>
      </c>
      <c r="AB18302">
        <v>17</v>
      </c>
      <c r="AC18302">
        <v>17</v>
      </c>
      <c r="AD18302">
        <v>18</v>
      </c>
      <c r="AE18302">
        <v>18</v>
      </c>
      <c r="AF18302">
        <v>18</v>
      </c>
      <c r="AG18302">
        <v>19</v>
      </c>
      <c r="AH18302">
        <v>19</v>
      </c>
      <c r="AI18302">
        <v>20</v>
      </c>
      <c r="AJ18302">
        <v>20</v>
      </c>
      <c r="AK18302">
        <v>21</v>
      </c>
      <c r="AL18302">
        <v>21</v>
      </c>
      <c r="AM18302">
        <v>21</v>
      </c>
      <c r="AN18302">
        <v>22</v>
      </c>
      <c r="AO18302">
        <v>22</v>
      </c>
      <c r="AP18302">
        <v>22</v>
      </c>
      <c r="AQ18302">
        <v>23</v>
      </c>
    </row>
    <row r="18303" spans="1:43">
      <c r="A18303" t="s">
        <v>11338</v>
      </c>
      <c r="B18303" t="s">
        <v>11339</v>
      </c>
      <c r="C18303" t="s">
        <v>11322</v>
      </c>
      <c r="D18303" t="s">
        <v>11323</v>
      </c>
      <c r="E18303" t="s">
        <v>11206</v>
      </c>
      <c r="F18303" t="s">
        <v>11207</v>
      </c>
      <c r="G18303" t="s">
        <v>10734</v>
      </c>
      <c r="H18303" t="s">
        <v>10735</v>
      </c>
      <c r="I18303" s="2">
        <v>0</v>
      </c>
      <c r="J18303" s="2">
        <v>0</v>
      </c>
      <c r="K18303" s="2">
        <v>1</v>
      </c>
      <c r="L18303" t="s">
        <v>995</v>
      </c>
      <c r="M18303" t="s">
        <v>87</v>
      </c>
      <c r="N18303" t="s">
        <v>88</v>
      </c>
      <c r="O18303" t="s">
        <v>85</v>
      </c>
      <c r="P18303" t="s">
        <v>86</v>
      </c>
      <c r="Q18303">
        <v>13</v>
      </c>
      <c r="R18303">
        <v>13</v>
      </c>
      <c r="S18303">
        <v>13</v>
      </c>
      <c r="T18303">
        <v>13</v>
      </c>
      <c r="U18303">
        <v>14</v>
      </c>
      <c r="V18303">
        <v>14</v>
      </c>
      <c r="W18303">
        <v>14</v>
      </c>
      <c r="X18303">
        <v>14</v>
      </c>
      <c r="Y18303">
        <v>14</v>
      </c>
      <c r="Z18303">
        <v>15</v>
      </c>
      <c r="AA18303">
        <v>15</v>
      </c>
      <c r="AB18303">
        <v>15</v>
      </c>
      <c r="AC18303">
        <v>15</v>
      </c>
      <c r="AD18303">
        <v>16</v>
      </c>
      <c r="AE18303">
        <v>16</v>
      </c>
      <c r="AF18303">
        <v>16</v>
      </c>
      <c r="AG18303">
        <v>17</v>
      </c>
      <c r="AH18303">
        <v>17</v>
      </c>
      <c r="AI18303">
        <v>17</v>
      </c>
      <c r="AJ18303">
        <v>17</v>
      </c>
      <c r="AK18303">
        <v>18</v>
      </c>
      <c r="AL18303">
        <v>18</v>
      </c>
      <c r="AM18303">
        <v>18</v>
      </c>
      <c r="AN18303">
        <v>19</v>
      </c>
      <c r="AO18303">
        <v>19</v>
      </c>
      <c r="AP18303">
        <v>19</v>
      </c>
      <c r="AQ18303">
        <v>20</v>
      </c>
    </row>
    <row r="18304" spans="1:43">
      <c r="A18304" t="s">
        <v>11338</v>
      </c>
      <c r="B18304" t="s">
        <v>11339</v>
      </c>
      <c r="C18304" t="s">
        <v>11322</v>
      </c>
      <c r="D18304" t="s">
        <v>11323</v>
      </c>
      <c r="E18304" t="s">
        <v>11206</v>
      </c>
      <c r="F18304" t="s">
        <v>11207</v>
      </c>
      <c r="G18304" t="s">
        <v>10734</v>
      </c>
      <c r="H18304" t="s">
        <v>10735</v>
      </c>
      <c r="I18304" s="2">
        <v>0</v>
      </c>
      <c r="J18304" s="2">
        <v>0</v>
      </c>
      <c r="K18304" s="2">
        <v>1</v>
      </c>
      <c r="L18304" t="s">
        <v>995</v>
      </c>
      <c r="M18304" t="s">
        <v>89</v>
      </c>
      <c r="N18304" t="s">
        <v>90</v>
      </c>
      <c r="O18304" t="s">
        <v>85</v>
      </c>
      <c r="P18304" t="s">
        <v>86</v>
      </c>
      <c r="Q18304">
        <v>13</v>
      </c>
      <c r="R18304">
        <v>13</v>
      </c>
      <c r="S18304">
        <v>14</v>
      </c>
      <c r="T18304">
        <v>14</v>
      </c>
      <c r="U18304">
        <v>15</v>
      </c>
      <c r="V18304">
        <v>15</v>
      </c>
      <c r="W18304">
        <v>16</v>
      </c>
      <c r="X18304">
        <v>16</v>
      </c>
      <c r="Y18304">
        <v>17</v>
      </c>
      <c r="Z18304">
        <v>17</v>
      </c>
      <c r="AA18304">
        <v>17</v>
      </c>
      <c r="AB18304">
        <v>18</v>
      </c>
      <c r="AC18304">
        <v>18</v>
      </c>
      <c r="AD18304">
        <v>19</v>
      </c>
      <c r="AE18304">
        <v>19</v>
      </c>
      <c r="AF18304">
        <v>20</v>
      </c>
      <c r="AG18304">
        <v>20</v>
      </c>
      <c r="AH18304">
        <v>20</v>
      </c>
      <c r="AI18304">
        <v>20</v>
      </c>
      <c r="AJ18304">
        <v>21</v>
      </c>
      <c r="AK18304">
        <v>21</v>
      </c>
      <c r="AL18304">
        <v>21</v>
      </c>
      <c r="AM18304">
        <v>21</v>
      </c>
      <c r="AN18304">
        <v>22</v>
      </c>
      <c r="AO18304">
        <v>22</v>
      </c>
      <c r="AP18304">
        <v>22</v>
      </c>
      <c r="AQ18304">
        <v>23</v>
      </c>
    </row>
    <row r="18305" spans="1:43">
      <c r="A18305" t="s">
        <v>11338</v>
      </c>
      <c r="B18305" t="s">
        <v>11339</v>
      </c>
      <c r="C18305" t="s">
        <v>11322</v>
      </c>
      <c r="D18305" t="s">
        <v>11323</v>
      </c>
      <c r="E18305" t="s">
        <v>11206</v>
      </c>
      <c r="F18305" t="s">
        <v>11207</v>
      </c>
      <c r="G18305" t="s">
        <v>10734</v>
      </c>
      <c r="H18305" t="s">
        <v>10735</v>
      </c>
      <c r="I18305" s="2">
        <v>0</v>
      </c>
      <c r="J18305" s="2">
        <v>0</v>
      </c>
      <c r="K18305" s="2">
        <v>1</v>
      </c>
      <c r="L18305" t="s">
        <v>995</v>
      </c>
      <c r="M18305" t="s">
        <v>83</v>
      </c>
      <c r="N18305" t="s">
        <v>91</v>
      </c>
      <c r="O18305" t="s">
        <v>85</v>
      </c>
      <c r="P18305" t="s">
        <v>86</v>
      </c>
      <c r="Q18305">
        <v>13</v>
      </c>
      <c r="R18305">
        <v>13</v>
      </c>
      <c r="S18305">
        <v>13</v>
      </c>
      <c r="T18305">
        <v>14</v>
      </c>
      <c r="U18305">
        <v>14</v>
      </c>
      <c r="V18305">
        <v>15</v>
      </c>
      <c r="W18305">
        <v>15</v>
      </c>
      <c r="X18305">
        <v>15</v>
      </c>
      <c r="Y18305">
        <v>16</v>
      </c>
      <c r="Z18305">
        <v>16</v>
      </c>
      <c r="AA18305">
        <v>16</v>
      </c>
      <c r="AB18305">
        <v>17</v>
      </c>
      <c r="AC18305">
        <v>17</v>
      </c>
      <c r="AD18305">
        <v>18</v>
      </c>
      <c r="AE18305">
        <v>18</v>
      </c>
      <c r="AF18305">
        <v>18</v>
      </c>
      <c r="AG18305">
        <v>19</v>
      </c>
      <c r="AH18305">
        <v>19</v>
      </c>
      <c r="AI18305">
        <v>20</v>
      </c>
      <c r="AJ18305">
        <v>20</v>
      </c>
      <c r="AK18305">
        <v>21</v>
      </c>
      <c r="AL18305">
        <v>21</v>
      </c>
      <c r="AM18305">
        <v>21</v>
      </c>
      <c r="AN18305">
        <v>22</v>
      </c>
      <c r="AO18305">
        <v>22</v>
      </c>
      <c r="AP18305">
        <v>22</v>
      </c>
      <c r="AQ18305">
        <v>23</v>
      </c>
    </row>
    <row r="18306" spans="1:43">
      <c r="A18306" t="s">
        <v>11340</v>
      </c>
      <c r="B18306" t="s">
        <v>11341</v>
      </c>
      <c r="C18306" t="s">
        <v>11342</v>
      </c>
      <c r="D18306" t="s">
        <v>11343</v>
      </c>
      <c r="E18306" t="s">
        <v>11206</v>
      </c>
      <c r="F18306" t="s">
        <v>11207</v>
      </c>
      <c r="G18306" t="s">
        <v>10734</v>
      </c>
      <c r="H18306" t="s">
        <v>10735</v>
      </c>
      <c r="I18306" s="2">
        <v>0</v>
      </c>
      <c r="J18306" s="2">
        <v>0</v>
      </c>
      <c r="K18306" s="2">
        <v>1</v>
      </c>
      <c r="L18306" t="s">
        <v>995</v>
      </c>
      <c r="M18306" t="s">
        <v>83</v>
      </c>
      <c r="N18306" t="s">
        <v>84</v>
      </c>
      <c r="O18306" t="s">
        <v>85</v>
      </c>
      <c r="P18306" t="s">
        <v>86</v>
      </c>
      <c r="Q18306">
        <v>17</v>
      </c>
      <c r="R18306">
        <v>18</v>
      </c>
      <c r="S18306">
        <v>18</v>
      </c>
      <c r="T18306">
        <v>19</v>
      </c>
      <c r="U18306">
        <v>19</v>
      </c>
      <c r="V18306">
        <v>20</v>
      </c>
      <c r="W18306">
        <v>20</v>
      </c>
      <c r="X18306">
        <v>21</v>
      </c>
      <c r="Y18306">
        <v>21</v>
      </c>
      <c r="Z18306">
        <v>22</v>
      </c>
      <c r="AA18306">
        <v>22</v>
      </c>
      <c r="AB18306">
        <v>23</v>
      </c>
      <c r="AC18306">
        <v>24</v>
      </c>
      <c r="AD18306">
        <v>24</v>
      </c>
      <c r="AE18306">
        <v>25</v>
      </c>
      <c r="AF18306">
        <v>25</v>
      </c>
      <c r="AG18306">
        <v>26</v>
      </c>
      <c r="AH18306">
        <v>26</v>
      </c>
      <c r="AI18306">
        <v>27</v>
      </c>
      <c r="AJ18306">
        <v>28</v>
      </c>
      <c r="AK18306">
        <v>28</v>
      </c>
      <c r="AL18306">
        <v>29</v>
      </c>
      <c r="AM18306">
        <v>29</v>
      </c>
      <c r="AN18306">
        <v>30</v>
      </c>
      <c r="AO18306">
        <v>30</v>
      </c>
      <c r="AP18306">
        <v>30</v>
      </c>
      <c r="AQ18306">
        <v>31</v>
      </c>
    </row>
    <row r="18307" spans="1:43">
      <c r="A18307" t="s">
        <v>11340</v>
      </c>
      <c r="B18307" t="s">
        <v>11341</v>
      </c>
      <c r="C18307" t="s">
        <v>11342</v>
      </c>
      <c r="D18307" t="s">
        <v>11343</v>
      </c>
      <c r="E18307" t="s">
        <v>11206</v>
      </c>
      <c r="F18307" t="s">
        <v>11207</v>
      </c>
      <c r="G18307" t="s">
        <v>10734</v>
      </c>
      <c r="H18307" t="s">
        <v>10735</v>
      </c>
      <c r="I18307" s="2">
        <v>0</v>
      </c>
      <c r="J18307" s="2">
        <v>0</v>
      </c>
      <c r="K18307" s="2">
        <v>1</v>
      </c>
      <c r="L18307" t="s">
        <v>995</v>
      </c>
      <c r="M18307" t="s">
        <v>87</v>
      </c>
      <c r="N18307" t="s">
        <v>88</v>
      </c>
      <c r="O18307" t="s">
        <v>85</v>
      </c>
      <c r="P18307" t="s">
        <v>86</v>
      </c>
      <c r="Q18307">
        <v>17</v>
      </c>
      <c r="R18307">
        <v>18</v>
      </c>
      <c r="S18307">
        <v>18</v>
      </c>
      <c r="T18307">
        <v>18</v>
      </c>
      <c r="U18307">
        <v>19</v>
      </c>
      <c r="V18307">
        <v>19</v>
      </c>
      <c r="W18307">
        <v>19</v>
      </c>
      <c r="X18307">
        <v>19</v>
      </c>
      <c r="Y18307">
        <v>20</v>
      </c>
      <c r="Z18307">
        <v>20</v>
      </c>
      <c r="AA18307">
        <v>20</v>
      </c>
      <c r="AB18307">
        <v>21</v>
      </c>
      <c r="AC18307">
        <v>21</v>
      </c>
      <c r="AD18307">
        <v>21</v>
      </c>
      <c r="AE18307">
        <v>22</v>
      </c>
      <c r="AF18307">
        <v>22</v>
      </c>
      <c r="AG18307">
        <v>23</v>
      </c>
      <c r="AH18307">
        <v>23</v>
      </c>
      <c r="AI18307">
        <v>23</v>
      </c>
      <c r="AJ18307">
        <v>24</v>
      </c>
      <c r="AK18307">
        <v>24</v>
      </c>
      <c r="AL18307">
        <v>25</v>
      </c>
      <c r="AM18307">
        <v>25</v>
      </c>
      <c r="AN18307">
        <v>25</v>
      </c>
      <c r="AO18307">
        <v>26</v>
      </c>
      <c r="AP18307">
        <v>26</v>
      </c>
      <c r="AQ18307">
        <v>27</v>
      </c>
    </row>
    <row r="18308" spans="1:43">
      <c r="A18308" t="s">
        <v>11340</v>
      </c>
      <c r="B18308" t="s">
        <v>11341</v>
      </c>
      <c r="C18308" t="s">
        <v>11342</v>
      </c>
      <c r="D18308" t="s">
        <v>11343</v>
      </c>
      <c r="E18308" t="s">
        <v>11206</v>
      </c>
      <c r="F18308" t="s">
        <v>11207</v>
      </c>
      <c r="G18308" t="s">
        <v>10734</v>
      </c>
      <c r="H18308" t="s">
        <v>10735</v>
      </c>
      <c r="I18308" s="2">
        <v>0</v>
      </c>
      <c r="J18308" s="2">
        <v>0</v>
      </c>
      <c r="K18308" s="2">
        <v>1</v>
      </c>
      <c r="L18308" t="s">
        <v>995</v>
      </c>
      <c r="M18308" t="s">
        <v>89</v>
      </c>
      <c r="N18308" t="s">
        <v>90</v>
      </c>
      <c r="O18308" t="s">
        <v>85</v>
      </c>
      <c r="P18308" t="s">
        <v>86</v>
      </c>
      <c r="Q18308">
        <v>17</v>
      </c>
      <c r="R18308">
        <v>17</v>
      </c>
      <c r="S18308">
        <v>18</v>
      </c>
      <c r="T18308">
        <v>19</v>
      </c>
      <c r="U18308">
        <v>19</v>
      </c>
      <c r="V18308">
        <v>20</v>
      </c>
      <c r="W18308">
        <v>20</v>
      </c>
      <c r="X18308">
        <v>21</v>
      </c>
      <c r="Y18308">
        <v>22</v>
      </c>
      <c r="Z18308">
        <v>22</v>
      </c>
      <c r="AA18308">
        <v>23</v>
      </c>
      <c r="AB18308">
        <v>23</v>
      </c>
      <c r="AC18308">
        <v>24</v>
      </c>
      <c r="AD18308">
        <v>25</v>
      </c>
      <c r="AE18308">
        <v>25</v>
      </c>
      <c r="AF18308">
        <v>26</v>
      </c>
      <c r="AG18308">
        <v>26</v>
      </c>
      <c r="AH18308">
        <v>26</v>
      </c>
      <c r="AI18308">
        <v>27</v>
      </c>
      <c r="AJ18308">
        <v>27</v>
      </c>
      <c r="AK18308">
        <v>28</v>
      </c>
      <c r="AL18308">
        <v>28</v>
      </c>
      <c r="AM18308">
        <v>28</v>
      </c>
      <c r="AN18308">
        <v>29</v>
      </c>
      <c r="AO18308">
        <v>29</v>
      </c>
      <c r="AP18308">
        <v>30</v>
      </c>
      <c r="AQ18308">
        <v>30</v>
      </c>
    </row>
    <row r="18309" spans="1:43">
      <c r="A18309" t="s">
        <v>11340</v>
      </c>
      <c r="B18309" t="s">
        <v>11341</v>
      </c>
      <c r="C18309" t="s">
        <v>11342</v>
      </c>
      <c r="D18309" t="s">
        <v>11343</v>
      </c>
      <c r="E18309" t="s">
        <v>11206</v>
      </c>
      <c r="F18309" t="s">
        <v>11207</v>
      </c>
      <c r="G18309" t="s">
        <v>10734</v>
      </c>
      <c r="H18309" t="s">
        <v>10735</v>
      </c>
      <c r="I18309" s="2">
        <v>0</v>
      </c>
      <c r="J18309" s="2">
        <v>0</v>
      </c>
      <c r="K18309" s="2">
        <v>1</v>
      </c>
      <c r="L18309" t="s">
        <v>995</v>
      </c>
      <c r="M18309" t="s">
        <v>83</v>
      </c>
      <c r="N18309" t="s">
        <v>91</v>
      </c>
      <c r="O18309" t="s">
        <v>85</v>
      </c>
      <c r="P18309" t="s">
        <v>86</v>
      </c>
      <c r="Q18309">
        <v>17</v>
      </c>
      <c r="R18309">
        <v>18</v>
      </c>
      <c r="S18309">
        <v>18</v>
      </c>
      <c r="T18309">
        <v>19</v>
      </c>
      <c r="U18309">
        <v>19</v>
      </c>
      <c r="V18309">
        <v>20</v>
      </c>
      <c r="W18309">
        <v>20</v>
      </c>
      <c r="X18309">
        <v>21</v>
      </c>
      <c r="Y18309">
        <v>21</v>
      </c>
      <c r="Z18309">
        <v>22</v>
      </c>
      <c r="AA18309">
        <v>22</v>
      </c>
      <c r="AB18309">
        <v>23</v>
      </c>
      <c r="AC18309">
        <v>24</v>
      </c>
      <c r="AD18309">
        <v>24</v>
      </c>
      <c r="AE18309">
        <v>25</v>
      </c>
      <c r="AF18309">
        <v>25</v>
      </c>
      <c r="AG18309">
        <v>26</v>
      </c>
      <c r="AH18309">
        <v>26</v>
      </c>
      <c r="AI18309">
        <v>27</v>
      </c>
      <c r="AJ18309">
        <v>28</v>
      </c>
      <c r="AK18309">
        <v>28</v>
      </c>
      <c r="AL18309">
        <v>29</v>
      </c>
      <c r="AM18309">
        <v>29</v>
      </c>
      <c r="AN18309">
        <v>30</v>
      </c>
      <c r="AO18309">
        <v>30</v>
      </c>
      <c r="AP18309">
        <v>30</v>
      </c>
      <c r="AQ18309">
        <v>31</v>
      </c>
    </row>
    <row r="18310" spans="1:43">
      <c r="A18310" t="s">
        <v>11344</v>
      </c>
      <c r="B18310" t="s">
        <v>11345</v>
      </c>
      <c r="C18310" t="s">
        <v>11342</v>
      </c>
      <c r="D18310" t="s">
        <v>11343</v>
      </c>
      <c r="E18310" t="s">
        <v>11206</v>
      </c>
      <c r="F18310" t="s">
        <v>11207</v>
      </c>
      <c r="G18310" t="s">
        <v>10734</v>
      </c>
      <c r="H18310" t="s">
        <v>10735</v>
      </c>
      <c r="I18310" s="2">
        <v>0</v>
      </c>
      <c r="J18310" s="2">
        <v>0</v>
      </c>
      <c r="K18310" s="2">
        <v>1</v>
      </c>
      <c r="L18310" t="s">
        <v>995</v>
      </c>
      <c r="M18310" t="s">
        <v>83</v>
      </c>
      <c r="N18310" t="s">
        <v>84</v>
      </c>
      <c r="O18310" t="s">
        <v>85</v>
      </c>
      <c r="P18310" t="s">
        <v>86</v>
      </c>
      <c r="Q18310">
        <v>16</v>
      </c>
      <c r="R18310">
        <v>16</v>
      </c>
      <c r="S18310">
        <v>17</v>
      </c>
      <c r="T18310">
        <v>17</v>
      </c>
      <c r="U18310">
        <v>18</v>
      </c>
      <c r="V18310">
        <v>18</v>
      </c>
      <c r="W18310">
        <v>19</v>
      </c>
      <c r="X18310">
        <v>19</v>
      </c>
      <c r="Y18310">
        <v>20</v>
      </c>
      <c r="Z18310">
        <v>20</v>
      </c>
      <c r="AA18310">
        <v>21</v>
      </c>
      <c r="AB18310">
        <v>21</v>
      </c>
      <c r="AC18310">
        <v>22</v>
      </c>
      <c r="AD18310">
        <v>22</v>
      </c>
      <c r="AE18310">
        <v>23</v>
      </c>
      <c r="AF18310">
        <v>23</v>
      </c>
      <c r="AG18310">
        <v>24</v>
      </c>
      <c r="AH18310">
        <v>24</v>
      </c>
      <c r="AI18310">
        <v>25</v>
      </c>
      <c r="AJ18310">
        <v>25</v>
      </c>
      <c r="AK18310">
        <v>26</v>
      </c>
      <c r="AL18310">
        <v>26</v>
      </c>
      <c r="AM18310">
        <v>27</v>
      </c>
      <c r="AN18310">
        <v>27</v>
      </c>
      <c r="AO18310">
        <v>28</v>
      </c>
      <c r="AP18310">
        <v>28</v>
      </c>
      <c r="AQ18310">
        <v>28</v>
      </c>
    </row>
    <row r="18311" spans="1:43">
      <c r="A18311" t="s">
        <v>11344</v>
      </c>
      <c r="B18311" t="s">
        <v>11345</v>
      </c>
      <c r="C18311" t="s">
        <v>11342</v>
      </c>
      <c r="D18311" t="s">
        <v>11343</v>
      </c>
      <c r="E18311" t="s">
        <v>11206</v>
      </c>
      <c r="F18311" t="s">
        <v>11207</v>
      </c>
      <c r="G18311" t="s">
        <v>10734</v>
      </c>
      <c r="H18311" t="s">
        <v>10735</v>
      </c>
      <c r="I18311" s="2">
        <v>0</v>
      </c>
      <c r="J18311" s="2">
        <v>0</v>
      </c>
      <c r="K18311" s="2">
        <v>1</v>
      </c>
      <c r="L18311" t="s">
        <v>995</v>
      </c>
      <c r="M18311" t="s">
        <v>87</v>
      </c>
      <c r="N18311" t="s">
        <v>88</v>
      </c>
      <c r="O18311" t="s">
        <v>85</v>
      </c>
      <c r="P18311" t="s">
        <v>86</v>
      </c>
      <c r="Q18311">
        <v>16</v>
      </c>
      <c r="R18311">
        <v>16</v>
      </c>
      <c r="S18311">
        <v>16</v>
      </c>
      <c r="T18311">
        <v>17</v>
      </c>
      <c r="U18311">
        <v>17</v>
      </c>
      <c r="V18311">
        <v>17</v>
      </c>
      <c r="W18311">
        <v>18</v>
      </c>
      <c r="X18311">
        <v>18</v>
      </c>
      <c r="Y18311">
        <v>18</v>
      </c>
      <c r="Z18311">
        <v>18</v>
      </c>
      <c r="AA18311">
        <v>19</v>
      </c>
      <c r="AB18311">
        <v>19</v>
      </c>
      <c r="AC18311">
        <v>19</v>
      </c>
      <c r="AD18311">
        <v>20</v>
      </c>
      <c r="AE18311">
        <v>20</v>
      </c>
      <c r="AF18311">
        <v>20</v>
      </c>
      <c r="AG18311">
        <v>21</v>
      </c>
      <c r="AH18311">
        <v>21</v>
      </c>
      <c r="AI18311">
        <v>21</v>
      </c>
      <c r="AJ18311">
        <v>22</v>
      </c>
      <c r="AK18311">
        <v>22</v>
      </c>
      <c r="AL18311">
        <v>23</v>
      </c>
      <c r="AM18311">
        <v>23</v>
      </c>
      <c r="AN18311">
        <v>23</v>
      </c>
      <c r="AO18311">
        <v>24</v>
      </c>
      <c r="AP18311">
        <v>24</v>
      </c>
      <c r="AQ18311">
        <v>25</v>
      </c>
    </row>
    <row r="18312" spans="1:43">
      <c r="A18312" t="s">
        <v>11344</v>
      </c>
      <c r="B18312" t="s">
        <v>11345</v>
      </c>
      <c r="C18312" t="s">
        <v>11342</v>
      </c>
      <c r="D18312" t="s">
        <v>11343</v>
      </c>
      <c r="E18312" t="s">
        <v>11206</v>
      </c>
      <c r="F18312" t="s">
        <v>11207</v>
      </c>
      <c r="G18312" t="s">
        <v>10734</v>
      </c>
      <c r="H18312" t="s">
        <v>10735</v>
      </c>
      <c r="I18312" s="2">
        <v>0</v>
      </c>
      <c r="J18312" s="2">
        <v>0</v>
      </c>
      <c r="K18312" s="2">
        <v>1</v>
      </c>
      <c r="L18312" t="s">
        <v>995</v>
      </c>
      <c r="M18312" t="s">
        <v>89</v>
      </c>
      <c r="N18312" t="s">
        <v>90</v>
      </c>
      <c r="O18312" t="s">
        <v>85</v>
      </c>
      <c r="P18312" t="s">
        <v>86</v>
      </c>
      <c r="Q18312">
        <v>16</v>
      </c>
      <c r="R18312">
        <v>17</v>
      </c>
      <c r="S18312">
        <v>17</v>
      </c>
      <c r="T18312">
        <v>18</v>
      </c>
      <c r="U18312">
        <v>19</v>
      </c>
      <c r="V18312">
        <v>19</v>
      </c>
      <c r="W18312">
        <v>20</v>
      </c>
      <c r="X18312">
        <v>20</v>
      </c>
      <c r="Y18312">
        <v>21</v>
      </c>
      <c r="Z18312">
        <v>21</v>
      </c>
      <c r="AA18312">
        <v>22</v>
      </c>
      <c r="AB18312">
        <v>23</v>
      </c>
      <c r="AC18312">
        <v>23</v>
      </c>
      <c r="AD18312">
        <v>24</v>
      </c>
      <c r="AE18312">
        <v>24</v>
      </c>
      <c r="AF18312">
        <v>25</v>
      </c>
      <c r="AG18312">
        <v>25</v>
      </c>
      <c r="AH18312">
        <v>25</v>
      </c>
      <c r="AI18312">
        <v>26</v>
      </c>
      <c r="AJ18312">
        <v>26</v>
      </c>
      <c r="AK18312">
        <v>26</v>
      </c>
      <c r="AL18312">
        <v>27</v>
      </c>
      <c r="AM18312">
        <v>27</v>
      </c>
      <c r="AN18312">
        <v>27</v>
      </c>
      <c r="AO18312">
        <v>28</v>
      </c>
      <c r="AP18312">
        <v>28</v>
      </c>
      <c r="AQ18312">
        <v>29</v>
      </c>
    </row>
    <row r="18313" spans="1:43">
      <c r="A18313" t="s">
        <v>11344</v>
      </c>
      <c r="B18313" t="s">
        <v>11345</v>
      </c>
      <c r="C18313" t="s">
        <v>11342</v>
      </c>
      <c r="D18313" t="s">
        <v>11343</v>
      </c>
      <c r="E18313" t="s">
        <v>11206</v>
      </c>
      <c r="F18313" t="s">
        <v>11207</v>
      </c>
      <c r="G18313" t="s">
        <v>10734</v>
      </c>
      <c r="H18313" t="s">
        <v>10735</v>
      </c>
      <c r="I18313" s="2">
        <v>0</v>
      </c>
      <c r="J18313" s="2">
        <v>0</v>
      </c>
      <c r="K18313" s="2">
        <v>1</v>
      </c>
      <c r="L18313" t="s">
        <v>995</v>
      </c>
      <c r="M18313" t="s">
        <v>83</v>
      </c>
      <c r="N18313" t="s">
        <v>91</v>
      </c>
      <c r="O18313" t="s">
        <v>85</v>
      </c>
      <c r="P18313" t="s">
        <v>86</v>
      </c>
      <c r="Q18313">
        <v>16</v>
      </c>
      <c r="R18313">
        <v>16</v>
      </c>
      <c r="S18313">
        <v>17</v>
      </c>
      <c r="T18313">
        <v>17</v>
      </c>
      <c r="U18313">
        <v>18</v>
      </c>
      <c r="V18313">
        <v>18</v>
      </c>
      <c r="W18313">
        <v>19</v>
      </c>
      <c r="X18313">
        <v>19</v>
      </c>
      <c r="Y18313">
        <v>20</v>
      </c>
      <c r="Z18313">
        <v>20</v>
      </c>
      <c r="AA18313">
        <v>21</v>
      </c>
      <c r="AB18313">
        <v>21</v>
      </c>
      <c r="AC18313">
        <v>22</v>
      </c>
      <c r="AD18313">
        <v>22</v>
      </c>
      <c r="AE18313">
        <v>23</v>
      </c>
      <c r="AF18313">
        <v>23</v>
      </c>
      <c r="AG18313">
        <v>24</v>
      </c>
      <c r="AH18313">
        <v>24</v>
      </c>
      <c r="AI18313">
        <v>25</v>
      </c>
      <c r="AJ18313">
        <v>25</v>
      </c>
      <c r="AK18313">
        <v>26</v>
      </c>
      <c r="AL18313">
        <v>26</v>
      </c>
      <c r="AM18313">
        <v>27</v>
      </c>
      <c r="AN18313">
        <v>27</v>
      </c>
      <c r="AO18313">
        <v>28</v>
      </c>
      <c r="AP18313">
        <v>28</v>
      </c>
      <c r="AQ18313">
        <v>28</v>
      </c>
    </row>
    <row r="18314" spans="1:43">
      <c r="A18314" t="s">
        <v>11346</v>
      </c>
      <c r="B18314" t="s">
        <v>11347</v>
      </c>
      <c r="C18314" t="s">
        <v>11342</v>
      </c>
      <c r="D18314" t="s">
        <v>11343</v>
      </c>
      <c r="E18314" t="s">
        <v>11206</v>
      </c>
      <c r="F18314" t="s">
        <v>11207</v>
      </c>
      <c r="G18314" t="s">
        <v>10734</v>
      </c>
      <c r="H18314" t="s">
        <v>10735</v>
      </c>
      <c r="I18314" s="2">
        <v>0</v>
      </c>
      <c r="J18314" s="2">
        <v>0</v>
      </c>
      <c r="K18314" s="2">
        <v>1</v>
      </c>
      <c r="L18314" t="s">
        <v>995</v>
      </c>
      <c r="M18314" t="s">
        <v>83</v>
      </c>
      <c r="N18314" t="s">
        <v>84</v>
      </c>
      <c r="O18314" t="s">
        <v>85</v>
      </c>
      <c r="P18314" t="s">
        <v>86</v>
      </c>
      <c r="Q18314">
        <v>43</v>
      </c>
      <c r="R18314">
        <v>44</v>
      </c>
      <c r="S18314">
        <v>45</v>
      </c>
      <c r="T18314">
        <v>46</v>
      </c>
      <c r="U18314">
        <v>48</v>
      </c>
      <c r="V18314">
        <v>49</v>
      </c>
      <c r="W18314">
        <v>50</v>
      </c>
      <c r="X18314">
        <v>51</v>
      </c>
      <c r="Y18314">
        <v>52</v>
      </c>
      <c r="Z18314">
        <v>53</v>
      </c>
      <c r="AA18314">
        <v>55</v>
      </c>
      <c r="AB18314">
        <v>56</v>
      </c>
      <c r="AC18314">
        <v>57</v>
      </c>
      <c r="AD18314">
        <v>58</v>
      </c>
      <c r="AE18314">
        <v>60</v>
      </c>
      <c r="AF18314">
        <v>61</v>
      </c>
      <c r="AG18314">
        <v>62</v>
      </c>
      <c r="AH18314">
        <v>64</v>
      </c>
      <c r="AI18314">
        <v>65</v>
      </c>
      <c r="AJ18314">
        <v>67</v>
      </c>
      <c r="AK18314">
        <v>68</v>
      </c>
      <c r="AL18314">
        <v>69</v>
      </c>
      <c r="AM18314">
        <v>70</v>
      </c>
      <c r="AN18314">
        <v>71</v>
      </c>
      <c r="AO18314">
        <v>72</v>
      </c>
      <c r="AP18314">
        <v>73</v>
      </c>
      <c r="AQ18314">
        <v>74</v>
      </c>
    </row>
    <row r="18315" spans="1:43">
      <c r="A18315" t="s">
        <v>11346</v>
      </c>
      <c r="B18315" t="s">
        <v>11347</v>
      </c>
      <c r="C18315" t="s">
        <v>11342</v>
      </c>
      <c r="D18315" t="s">
        <v>11343</v>
      </c>
      <c r="E18315" t="s">
        <v>11206</v>
      </c>
      <c r="F18315" t="s">
        <v>11207</v>
      </c>
      <c r="G18315" t="s">
        <v>10734</v>
      </c>
      <c r="H18315" t="s">
        <v>10735</v>
      </c>
      <c r="I18315" s="2">
        <v>0</v>
      </c>
      <c r="J18315" s="2">
        <v>0</v>
      </c>
      <c r="K18315" s="2">
        <v>1</v>
      </c>
      <c r="L18315" t="s">
        <v>995</v>
      </c>
      <c r="M18315" t="s">
        <v>87</v>
      </c>
      <c r="N18315" t="s">
        <v>88</v>
      </c>
      <c r="O18315" t="s">
        <v>85</v>
      </c>
      <c r="P18315" t="s">
        <v>86</v>
      </c>
      <c r="Q18315">
        <v>43</v>
      </c>
      <c r="R18315">
        <v>43</v>
      </c>
      <c r="S18315">
        <v>44</v>
      </c>
      <c r="T18315">
        <v>45</v>
      </c>
      <c r="U18315">
        <v>45</v>
      </c>
      <c r="V18315">
        <v>46</v>
      </c>
      <c r="W18315">
        <v>47</v>
      </c>
      <c r="X18315">
        <v>48</v>
      </c>
      <c r="Y18315">
        <v>48</v>
      </c>
      <c r="Z18315">
        <v>49</v>
      </c>
      <c r="AA18315">
        <v>50</v>
      </c>
      <c r="AB18315">
        <v>51</v>
      </c>
      <c r="AC18315">
        <v>51</v>
      </c>
      <c r="AD18315">
        <v>52</v>
      </c>
      <c r="AE18315">
        <v>53</v>
      </c>
      <c r="AF18315">
        <v>54</v>
      </c>
      <c r="AG18315">
        <v>55</v>
      </c>
      <c r="AH18315">
        <v>55</v>
      </c>
      <c r="AI18315">
        <v>56</v>
      </c>
      <c r="AJ18315">
        <v>57</v>
      </c>
      <c r="AK18315">
        <v>58</v>
      </c>
      <c r="AL18315">
        <v>59</v>
      </c>
      <c r="AM18315">
        <v>60</v>
      </c>
      <c r="AN18315">
        <v>61</v>
      </c>
      <c r="AO18315">
        <v>62</v>
      </c>
      <c r="AP18315">
        <v>63</v>
      </c>
      <c r="AQ18315">
        <v>64</v>
      </c>
    </row>
    <row r="18316" spans="1:43">
      <c r="A18316" t="s">
        <v>11346</v>
      </c>
      <c r="B18316" t="s">
        <v>11347</v>
      </c>
      <c r="C18316" t="s">
        <v>11342</v>
      </c>
      <c r="D18316" t="s">
        <v>11343</v>
      </c>
      <c r="E18316" t="s">
        <v>11206</v>
      </c>
      <c r="F18316" t="s">
        <v>11207</v>
      </c>
      <c r="G18316" t="s">
        <v>10734</v>
      </c>
      <c r="H18316" t="s">
        <v>10735</v>
      </c>
      <c r="I18316" s="2">
        <v>0</v>
      </c>
      <c r="J18316" s="2">
        <v>0</v>
      </c>
      <c r="K18316" s="2">
        <v>1</v>
      </c>
      <c r="L18316" t="s">
        <v>995</v>
      </c>
      <c r="M18316" t="s">
        <v>89</v>
      </c>
      <c r="N18316" t="s">
        <v>90</v>
      </c>
      <c r="O18316" t="s">
        <v>85</v>
      </c>
      <c r="P18316" t="s">
        <v>86</v>
      </c>
      <c r="Q18316">
        <v>43</v>
      </c>
      <c r="R18316">
        <v>44</v>
      </c>
      <c r="S18316">
        <v>46</v>
      </c>
      <c r="T18316">
        <v>47</v>
      </c>
      <c r="U18316">
        <v>48</v>
      </c>
      <c r="V18316">
        <v>50</v>
      </c>
      <c r="W18316">
        <v>51</v>
      </c>
      <c r="X18316">
        <v>53</v>
      </c>
      <c r="Y18316">
        <v>54</v>
      </c>
      <c r="Z18316">
        <v>56</v>
      </c>
      <c r="AA18316">
        <v>57</v>
      </c>
      <c r="AB18316">
        <v>59</v>
      </c>
      <c r="AC18316">
        <v>60</v>
      </c>
      <c r="AD18316">
        <v>62</v>
      </c>
      <c r="AE18316">
        <v>63</v>
      </c>
      <c r="AF18316">
        <v>64</v>
      </c>
      <c r="AG18316">
        <v>65</v>
      </c>
      <c r="AH18316">
        <v>65</v>
      </c>
      <c r="AI18316">
        <v>66</v>
      </c>
      <c r="AJ18316">
        <v>67</v>
      </c>
      <c r="AK18316">
        <v>68</v>
      </c>
      <c r="AL18316">
        <v>69</v>
      </c>
      <c r="AM18316">
        <v>70</v>
      </c>
      <c r="AN18316">
        <v>71</v>
      </c>
      <c r="AO18316">
        <v>71</v>
      </c>
      <c r="AP18316">
        <v>72</v>
      </c>
      <c r="AQ18316">
        <v>73</v>
      </c>
    </row>
    <row r="18317" spans="1:43">
      <c r="A18317" t="s">
        <v>11346</v>
      </c>
      <c r="B18317" t="s">
        <v>11347</v>
      </c>
      <c r="C18317" t="s">
        <v>11342</v>
      </c>
      <c r="D18317" t="s">
        <v>11343</v>
      </c>
      <c r="E18317" t="s">
        <v>11206</v>
      </c>
      <c r="F18317" t="s">
        <v>11207</v>
      </c>
      <c r="G18317" t="s">
        <v>10734</v>
      </c>
      <c r="H18317" t="s">
        <v>10735</v>
      </c>
      <c r="I18317" s="2">
        <v>0</v>
      </c>
      <c r="J18317" s="2">
        <v>0</v>
      </c>
      <c r="K18317" s="2">
        <v>1</v>
      </c>
      <c r="L18317" t="s">
        <v>995</v>
      </c>
      <c r="M18317" t="s">
        <v>83</v>
      </c>
      <c r="N18317" t="s">
        <v>91</v>
      </c>
      <c r="O18317" t="s">
        <v>85</v>
      </c>
      <c r="P18317" t="s">
        <v>86</v>
      </c>
      <c r="Q18317">
        <v>43</v>
      </c>
      <c r="R18317">
        <v>44</v>
      </c>
      <c r="S18317">
        <v>45</v>
      </c>
      <c r="T18317">
        <v>46</v>
      </c>
      <c r="U18317">
        <v>48</v>
      </c>
      <c r="V18317">
        <v>49</v>
      </c>
      <c r="W18317">
        <v>50</v>
      </c>
      <c r="X18317">
        <v>51</v>
      </c>
      <c r="Y18317">
        <v>52</v>
      </c>
      <c r="Z18317">
        <v>53</v>
      </c>
      <c r="AA18317">
        <v>55</v>
      </c>
      <c r="AB18317">
        <v>56</v>
      </c>
      <c r="AC18317">
        <v>57</v>
      </c>
      <c r="AD18317">
        <v>58</v>
      </c>
      <c r="AE18317">
        <v>60</v>
      </c>
      <c r="AF18317">
        <v>61</v>
      </c>
      <c r="AG18317">
        <v>62</v>
      </c>
      <c r="AH18317">
        <v>64</v>
      </c>
      <c r="AI18317">
        <v>65</v>
      </c>
      <c r="AJ18317">
        <v>67</v>
      </c>
      <c r="AK18317">
        <v>68</v>
      </c>
      <c r="AL18317">
        <v>69</v>
      </c>
      <c r="AM18317">
        <v>70</v>
      </c>
      <c r="AN18317">
        <v>71</v>
      </c>
      <c r="AO18317">
        <v>72</v>
      </c>
      <c r="AP18317">
        <v>73</v>
      </c>
      <c r="AQ18317">
        <v>74</v>
      </c>
    </row>
    <row r="18318" spans="1:43">
      <c r="A18318" t="s">
        <v>11348</v>
      </c>
      <c r="B18318" t="s">
        <v>11349</v>
      </c>
      <c r="C18318" t="s">
        <v>11350</v>
      </c>
      <c r="D18318" t="s">
        <v>11351</v>
      </c>
      <c r="E18318" t="s">
        <v>11206</v>
      </c>
      <c r="F18318" t="s">
        <v>11207</v>
      </c>
      <c r="G18318" t="s">
        <v>10734</v>
      </c>
      <c r="H18318" t="s">
        <v>10735</v>
      </c>
      <c r="I18318" s="2">
        <v>0</v>
      </c>
      <c r="J18318" s="2">
        <v>0</v>
      </c>
      <c r="K18318" s="2">
        <v>1</v>
      </c>
      <c r="L18318" t="s">
        <v>995</v>
      </c>
      <c r="M18318" t="s">
        <v>83</v>
      </c>
      <c r="N18318" t="s">
        <v>84</v>
      </c>
      <c r="O18318" t="s">
        <v>85</v>
      </c>
      <c r="P18318" t="s">
        <v>86</v>
      </c>
      <c r="Q18318">
        <v>35</v>
      </c>
      <c r="R18318">
        <v>36</v>
      </c>
      <c r="S18318">
        <v>37</v>
      </c>
      <c r="T18318">
        <v>38</v>
      </c>
      <c r="U18318">
        <v>39</v>
      </c>
      <c r="V18318">
        <v>40</v>
      </c>
      <c r="W18318">
        <v>41</v>
      </c>
      <c r="X18318">
        <v>42</v>
      </c>
      <c r="Y18318">
        <v>43</v>
      </c>
      <c r="Z18318">
        <v>44</v>
      </c>
      <c r="AA18318">
        <v>45</v>
      </c>
      <c r="AB18318">
        <v>46</v>
      </c>
      <c r="AC18318">
        <v>47</v>
      </c>
      <c r="AD18318">
        <v>48</v>
      </c>
      <c r="AE18318">
        <v>50</v>
      </c>
      <c r="AF18318">
        <v>51</v>
      </c>
      <c r="AG18318">
        <v>52</v>
      </c>
      <c r="AH18318">
        <v>53</v>
      </c>
      <c r="AI18318">
        <v>54</v>
      </c>
      <c r="AJ18318">
        <v>56</v>
      </c>
      <c r="AK18318">
        <v>57</v>
      </c>
      <c r="AL18318">
        <v>58</v>
      </c>
      <c r="AM18318">
        <v>59</v>
      </c>
      <c r="AN18318">
        <v>59</v>
      </c>
      <c r="AO18318">
        <v>60</v>
      </c>
      <c r="AP18318">
        <v>61</v>
      </c>
      <c r="AQ18318">
        <v>62</v>
      </c>
    </row>
    <row r="18319" spans="1:43">
      <c r="A18319" t="s">
        <v>11348</v>
      </c>
      <c r="B18319" t="s">
        <v>11349</v>
      </c>
      <c r="C18319" t="s">
        <v>11350</v>
      </c>
      <c r="D18319" t="s">
        <v>11351</v>
      </c>
      <c r="E18319" t="s">
        <v>11206</v>
      </c>
      <c r="F18319" t="s">
        <v>11207</v>
      </c>
      <c r="G18319" t="s">
        <v>10734</v>
      </c>
      <c r="H18319" t="s">
        <v>10735</v>
      </c>
      <c r="I18319" s="2">
        <v>0</v>
      </c>
      <c r="J18319" s="2">
        <v>0</v>
      </c>
      <c r="K18319" s="2">
        <v>1</v>
      </c>
      <c r="L18319" t="s">
        <v>995</v>
      </c>
      <c r="M18319" t="s">
        <v>87</v>
      </c>
      <c r="N18319" t="s">
        <v>88</v>
      </c>
      <c r="O18319" t="s">
        <v>85</v>
      </c>
      <c r="P18319" t="s">
        <v>86</v>
      </c>
      <c r="Q18319">
        <v>35</v>
      </c>
      <c r="R18319">
        <v>35</v>
      </c>
      <c r="S18319">
        <v>36</v>
      </c>
      <c r="T18319">
        <v>37</v>
      </c>
      <c r="U18319">
        <v>37</v>
      </c>
      <c r="V18319">
        <v>38</v>
      </c>
      <c r="W18319">
        <v>38</v>
      </c>
      <c r="X18319">
        <v>39</v>
      </c>
      <c r="Y18319">
        <v>40</v>
      </c>
      <c r="Z18319">
        <v>40</v>
      </c>
      <c r="AA18319">
        <v>41</v>
      </c>
      <c r="AB18319">
        <v>42</v>
      </c>
      <c r="AC18319">
        <v>42</v>
      </c>
      <c r="AD18319">
        <v>43</v>
      </c>
      <c r="AE18319">
        <v>44</v>
      </c>
      <c r="AF18319">
        <v>45</v>
      </c>
      <c r="AG18319">
        <v>45</v>
      </c>
      <c r="AH18319">
        <v>46</v>
      </c>
      <c r="AI18319">
        <v>47</v>
      </c>
      <c r="AJ18319">
        <v>48</v>
      </c>
      <c r="AK18319">
        <v>49</v>
      </c>
      <c r="AL18319">
        <v>49</v>
      </c>
      <c r="AM18319">
        <v>50</v>
      </c>
      <c r="AN18319">
        <v>51</v>
      </c>
      <c r="AO18319">
        <v>52</v>
      </c>
      <c r="AP18319">
        <v>53</v>
      </c>
      <c r="AQ18319">
        <v>54</v>
      </c>
    </row>
    <row r="18320" spans="1:43">
      <c r="A18320" t="s">
        <v>11348</v>
      </c>
      <c r="B18320" t="s">
        <v>11349</v>
      </c>
      <c r="C18320" t="s">
        <v>11350</v>
      </c>
      <c r="D18320" t="s">
        <v>11351</v>
      </c>
      <c r="E18320" t="s">
        <v>11206</v>
      </c>
      <c r="F18320" t="s">
        <v>11207</v>
      </c>
      <c r="G18320" t="s">
        <v>10734</v>
      </c>
      <c r="H18320" t="s">
        <v>10735</v>
      </c>
      <c r="I18320" s="2">
        <v>0</v>
      </c>
      <c r="J18320" s="2">
        <v>0</v>
      </c>
      <c r="K18320" s="2">
        <v>1</v>
      </c>
      <c r="L18320" t="s">
        <v>995</v>
      </c>
      <c r="M18320" t="s">
        <v>89</v>
      </c>
      <c r="N18320" t="s">
        <v>90</v>
      </c>
      <c r="O18320" t="s">
        <v>85</v>
      </c>
      <c r="P18320" t="s">
        <v>86</v>
      </c>
      <c r="Q18320">
        <v>35</v>
      </c>
      <c r="R18320">
        <v>37</v>
      </c>
      <c r="S18320">
        <v>38</v>
      </c>
      <c r="T18320">
        <v>39</v>
      </c>
      <c r="U18320">
        <v>40</v>
      </c>
      <c r="V18320">
        <v>42</v>
      </c>
      <c r="W18320">
        <v>43</v>
      </c>
      <c r="X18320">
        <v>44</v>
      </c>
      <c r="Y18320">
        <v>46</v>
      </c>
      <c r="Z18320">
        <v>47</v>
      </c>
      <c r="AA18320">
        <v>48</v>
      </c>
      <c r="AB18320">
        <v>49</v>
      </c>
      <c r="AC18320">
        <v>51</v>
      </c>
      <c r="AD18320">
        <v>52</v>
      </c>
      <c r="AE18320">
        <v>53</v>
      </c>
      <c r="AF18320">
        <v>54</v>
      </c>
      <c r="AG18320">
        <v>55</v>
      </c>
      <c r="AH18320">
        <v>55</v>
      </c>
      <c r="AI18320">
        <v>56</v>
      </c>
      <c r="AJ18320">
        <v>57</v>
      </c>
      <c r="AK18320">
        <v>58</v>
      </c>
      <c r="AL18320">
        <v>58</v>
      </c>
      <c r="AM18320">
        <v>59</v>
      </c>
      <c r="AN18320">
        <v>60</v>
      </c>
      <c r="AO18320">
        <v>61</v>
      </c>
      <c r="AP18320">
        <v>61</v>
      </c>
      <c r="AQ18320">
        <v>62</v>
      </c>
    </row>
    <row r="18321" spans="1:43">
      <c r="A18321" t="s">
        <v>11348</v>
      </c>
      <c r="B18321" t="s">
        <v>11349</v>
      </c>
      <c r="C18321" t="s">
        <v>11350</v>
      </c>
      <c r="D18321" t="s">
        <v>11351</v>
      </c>
      <c r="E18321" t="s">
        <v>11206</v>
      </c>
      <c r="F18321" t="s">
        <v>11207</v>
      </c>
      <c r="G18321" t="s">
        <v>10734</v>
      </c>
      <c r="H18321" t="s">
        <v>10735</v>
      </c>
      <c r="I18321" s="2">
        <v>0</v>
      </c>
      <c r="J18321" s="2">
        <v>0</v>
      </c>
      <c r="K18321" s="2">
        <v>1</v>
      </c>
      <c r="L18321" t="s">
        <v>995</v>
      </c>
      <c r="M18321" t="s">
        <v>83</v>
      </c>
      <c r="N18321" t="s">
        <v>91</v>
      </c>
      <c r="O18321" t="s">
        <v>85</v>
      </c>
      <c r="P18321" t="s">
        <v>86</v>
      </c>
      <c r="Q18321">
        <v>35</v>
      </c>
      <c r="R18321">
        <v>36</v>
      </c>
      <c r="S18321">
        <v>37</v>
      </c>
      <c r="T18321">
        <v>38</v>
      </c>
      <c r="U18321">
        <v>39</v>
      </c>
      <c r="V18321">
        <v>40</v>
      </c>
      <c r="W18321">
        <v>41</v>
      </c>
      <c r="X18321">
        <v>42</v>
      </c>
      <c r="Y18321">
        <v>43</v>
      </c>
      <c r="Z18321">
        <v>44</v>
      </c>
      <c r="AA18321">
        <v>45</v>
      </c>
      <c r="AB18321">
        <v>46</v>
      </c>
      <c r="AC18321">
        <v>47</v>
      </c>
      <c r="AD18321">
        <v>48</v>
      </c>
      <c r="AE18321">
        <v>50</v>
      </c>
      <c r="AF18321">
        <v>51</v>
      </c>
      <c r="AG18321">
        <v>52</v>
      </c>
      <c r="AH18321">
        <v>53</v>
      </c>
      <c r="AI18321">
        <v>54</v>
      </c>
      <c r="AJ18321">
        <v>56</v>
      </c>
      <c r="AK18321">
        <v>57</v>
      </c>
      <c r="AL18321">
        <v>58</v>
      </c>
      <c r="AM18321">
        <v>59</v>
      </c>
      <c r="AN18321">
        <v>59</v>
      </c>
      <c r="AO18321">
        <v>60</v>
      </c>
      <c r="AP18321">
        <v>61</v>
      </c>
      <c r="AQ18321">
        <v>62</v>
      </c>
    </row>
    <row r="18322" spans="1:43">
      <c r="A18322" t="s">
        <v>11352</v>
      </c>
      <c r="B18322" t="s">
        <v>11353</v>
      </c>
      <c r="C18322" t="s">
        <v>11342</v>
      </c>
      <c r="D18322" t="s">
        <v>11343</v>
      </c>
      <c r="E18322" t="s">
        <v>11206</v>
      </c>
      <c r="F18322" t="s">
        <v>11207</v>
      </c>
      <c r="G18322" t="s">
        <v>10734</v>
      </c>
      <c r="H18322" t="s">
        <v>10735</v>
      </c>
      <c r="I18322" s="2">
        <v>0</v>
      </c>
      <c r="J18322" s="2">
        <v>0</v>
      </c>
      <c r="K18322" s="2">
        <v>1</v>
      </c>
      <c r="L18322" t="s">
        <v>995</v>
      </c>
      <c r="M18322" t="s">
        <v>83</v>
      </c>
      <c r="N18322" t="s">
        <v>84</v>
      </c>
      <c r="O18322" t="s">
        <v>85</v>
      </c>
      <c r="P18322" t="s">
        <v>86</v>
      </c>
      <c r="Q18322">
        <v>42</v>
      </c>
      <c r="R18322">
        <v>43</v>
      </c>
      <c r="S18322">
        <v>44</v>
      </c>
      <c r="T18322">
        <v>45</v>
      </c>
      <c r="U18322">
        <v>47</v>
      </c>
      <c r="V18322">
        <v>48</v>
      </c>
      <c r="W18322">
        <v>49</v>
      </c>
      <c r="X18322">
        <v>50</v>
      </c>
      <c r="Y18322">
        <v>51</v>
      </c>
      <c r="Z18322">
        <v>53</v>
      </c>
      <c r="AA18322">
        <v>54</v>
      </c>
      <c r="AB18322">
        <v>55</v>
      </c>
      <c r="AC18322">
        <v>57</v>
      </c>
      <c r="AD18322">
        <v>58</v>
      </c>
      <c r="AE18322">
        <v>59</v>
      </c>
      <c r="AF18322">
        <v>61</v>
      </c>
      <c r="AG18322">
        <v>62</v>
      </c>
      <c r="AH18322">
        <v>63</v>
      </c>
      <c r="AI18322">
        <v>65</v>
      </c>
      <c r="AJ18322">
        <v>66</v>
      </c>
      <c r="AK18322">
        <v>68</v>
      </c>
      <c r="AL18322">
        <v>69</v>
      </c>
      <c r="AM18322">
        <v>70</v>
      </c>
      <c r="AN18322">
        <v>71</v>
      </c>
      <c r="AO18322">
        <v>72</v>
      </c>
      <c r="AP18322">
        <v>73</v>
      </c>
      <c r="AQ18322">
        <v>74</v>
      </c>
    </row>
    <row r="18323" spans="1:43">
      <c r="A18323" t="s">
        <v>11352</v>
      </c>
      <c r="B18323" t="s">
        <v>11353</v>
      </c>
      <c r="C18323" t="s">
        <v>11342</v>
      </c>
      <c r="D18323" t="s">
        <v>11343</v>
      </c>
      <c r="E18323" t="s">
        <v>11206</v>
      </c>
      <c r="F18323" t="s">
        <v>11207</v>
      </c>
      <c r="G18323" t="s">
        <v>10734</v>
      </c>
      <c r="H18323" t="s">
        <v>10735</v>
      </c>
      <c r="I18323" s="2">
        <v>0</v>
      </c>
      <c r="J18323" s="2">
        <v>0</v>
      </c>
      <c r="K18323" s="2">
        <v>1</v>
      </c>
      <c r="L18323" t="s">
        <v>995</v>
      </c>
      <c r="M18323" t="s">
        <v>87</v>
      </c>
      <c r="N18323" t="s">
        <v>88</v>
      </c>
      <c r="O18323" t="s">
        <v>85</v>
      </c>
      <c r="P18323" t="s">
        <v>86</v>
      </c>
      <c r="Q18323">
        <v>42</v>
      </c>
      <c r="R18323">
        <v>42</v>
      </c>
      <c r="S18323">
        <v>43</v>
      </c>
      <c r="T18323">
        <v>44</v>
      </c>
      <c r="U18323">
        <v>45</v>
      </c>
      <c r="V18323">
        <v>45</v>
      </c>
      <c r="W18323">
        <v>46</v>
      </c>
      <c r="X18323">
        <v>47</v>
      </c>
      <c r="Y18323">
        <v>48</v>
      </c>
      <c r="Z18323">
        <v>48</v>
      </c>
      <c r="AA18323">
        <v>49</v>
      </c>
      <c r="AB18323">
        <v>50</v>
      </c>
      <c r="AC18323">
        <v>51</v>
      </c>
      <c r="AD18323">
        <v>52</v>
      </c>
      <c r="AE18323">
        <v>53</v>
      </c>
      <c r="AF18323">
        <v>53</v>
      </c>
      <c r="AG18323">
        <v>54</v>
      </c>
      <c r="AH18323">
        <v>55</v>
      </c>
      <c r="AI18323">
        <v>56</v>
      </c>
      <c r="AJ18323">
        <v>57</v>
      </c>
      <c r="AK18323">
        <v>58</v>
      </c>
      <c r="AL18323">
        <v>59</v>
      </c>
      <c r="AM18323">
        <v>60</v>
      </c>
      <c r="AN18323">
        <v>61</v>
      </c>
      <c r="AO18323">
        <v>62</v>
      </c>
      <c r="AP18323">
        <v>63</v>
      </c>
      <c r="AQ18323">
        <v>65</v>
      </c>
    </row>
    <row r="18324" spans="1:43">
      <c r="A18324" t="s">
        <v>11352</v>
      </c>
      <c r="B18324" t="s">
        <v>11353</v>
      </c>
      <c r="C18324" t="s">
        <v>11342</v>
      </c>
      <c r="D18324" t="s">
        <v>11343</v>
      </c>
      <c r="E18324" t="s">
        <v>11206</v>
      </c>
      <c r="F18324" t="s">
        <v>11207</v>
      </c>
      <c r="G18324" t="s">
        <v>10734</v>
      </c>
      <c r="H18324" t="s">
        <v>10735</v>
      </c>
      <c r="I18324" s="2">
        <v>0</v>
      </c>
      <c r="J18324" s="2">
        <v>0</v>
      </c>
      <c r="K18324" s="2">
        <v>1</v>
      </c>
      <c r="L18324" t="s">
        <v>995</v>
      </c>
      <c r="M18324" t="s">
        <v>89</v>
      </c>
      <c r="N18324" t="s">
        <v>90</v>
      </c>
      <c r="O18324" t="s">
        <v>85</v>
      </c>
      <c r="P18324" t="s">
        <v>86</v>
      </c>
      <c r="Q18324">
        <v>42</v>
      </c>
      <c r="R18324">
        <v>44</v>
      </c>
      <c r="S18324">
        <v>45</v>
      </c>
      <c r="T18324">
        <v>47</v>
      </c>
      <c r="U18324">
        <v>48</v>
      </c>
      <c r="V18324">
        <v>50</v>
      </c>
      <c r="W18324">
        <v>52</v>
      </c>
      <c r="X18324">
        <v>53</v>
      </c>
      <c r="Y18324">
        <v>54</v>
      </c>
      <c r="Z18324">
        <v>56</v>
      </c>
      <c r="AA18324">
        <v>57</v>
      </c>
      <c r="AB18324">
        <v>59</v>
      </c>
      <c r="AC18324">
        <v>60</v>
      </c>
      <c r="AD18324">
        <v>62</v>
      </c>
      <c r="AE18324">
        <v>63</v>
      </c>
      <c r="AF18324">
        <v>64</v>
      </c>
      <c r="AG18324">
        <v>65</v>
      </c>
      <c r="AH18324">
        <v>66</v>
      </c>
      <c r="AI18324">
        <v>67</v>
      </c>
      <c r="AJ18324">
        <v>68</v>
      </c>
      <c r="AK18324">
        <v>69</v>
      </c>
      <c r="AL18324">
        <v>70</v>
      </c>
      <c r="AM18324">
        <v>71</v>
      </c>
      <c r="AN18324">
        <v>72</v>
      </c>
      <c r="AO18324">
        <v>73</v>
      </c>
      <c r="AP18324">
        <v>74</v>
      </c>
      <c r="AQ18324">
        <v>75</v>
      </c>
    </row>
    <row r="18325" spans="1:43">
      <c r="A18325" t="s">
        <v>11352</v>
      </c>
      <c r="B18325" t="s">
        <v>11353</v>
      </c>
      <c r="C18325" t="s">
        <v>11342</v>
      </c>
      <c r="D18325" t="s">
        <v>11343</v>
      </c>
      <c r="E18325" t="s">
        <v>11206</v>
      </c>
      <c r="F18325" t="s">
        <v>11207</v>
      </c>
      <c r="G18325" t="s">
        <v>10734</v>
      </c>
      <c r="H18325" t="s">
        <v>10735</v>
      </c>
      <c r="I18325" s="2">
        <v>0</v>
      </c>
      <c r="J18325" s="2">
        <v>0</v>
      </c>
      <c r="K18325" s="2">
        <v>1</v>
      </c>
      <c r="L18325" t="s">
        <v>995</v>
      </c>
      <c r="M18325" t="s">
        <v>83</v>
      </c>
      <c r="N18325" t="s">
        <v>91</v>
      </c>
      <c r="O18325" t="s">
        <v>85</v>
      </c>
      <c r="P18325" t="s">
        <v>86</v>
      </c>
      <c r="Q18325">
        <v>42</v>
      </c>
      <c r="R18325">
        <v>43</v>
      </c>
      <c r="S18325">
        <v>44</v>
      </c>
      <c r="T18325">
        <v>45</v>
      </c>
      <c r="U18325">
        <v>47</v>
      </c>
      <c r="V18325">
        <v>48</v>
      </c>
      <c r="W18325">
        <v>49</v>
      </c>
      <c r="X18325">
        <v>50</v>
      </c>
      <c r="Y18325">
        <v>51</v>
      </c>
      <c r="Z18325">
        <v>53</v>
      </c>
      <c r="AA18325">
        <v>54</v>
      </c>
      <c r="AB18325">
        <v>55</v>
      </c>
      <c r="AC18325">
        <v>57</v>
      </c>
      <c r="AD18325">
        <v>58</v>
      </c>
      <c r="AE18325">
        <v>59</v>
      </c>
      <c r="AF18325">
        <v>61</v>
      </c>
      <c r="AG18325">
        <v>62</v>
      </c>
      <c r="AH18325">
        <v>63</v>
      </c>
      <c r="AI18325">
        <v>65</v>
      </c>
      <c r="AJ18325">
        <v>66</v>
      </c>
      <c r="AK18325">
        <v>68</v>
      </c>
      <c r="AL18325">
        <v>69</v>
      </c>
      <c r="AM18325">
        <v>70</v>
      </c>
      <c r="AN18325">
        <v>71</v>
      </c>
      <c r="AO18325">
        <v>72</v>
      </c>
      <c r="AP18325">
        <v>73</v>
      </c>
      <c r="AQ18325">
        <v>74</v>
      </c>
    </row>
    <row r="18326" spans="1:43">
      <c r="A18326" t="s">
        <v>11354</v>
      </c>
      <c r="B18326" t="s">
        <v>11355</v>
      </c>
      <c r="C18326" t="s">
        <v>11350</v>
      </c>
      <c r="D18326" t="s">
        <v>11351</v>
      </c>
      <c r="E18326" t="s">
        <v>11206</v>
      </c>
      <c r="F18326" t="s">
        <v>11207</v>
      </c>
      <c r="G18326" t="s">
        <v>10734</v>
      </c>
      <c r="H18326" t="s">
        <v>10735</v>
      </c>
      <c r="I18326" s="2">
        <v>0</v>
      </c>
      <c r="J18326" s="2">
        <v>0</v>
      </c>
      <c r="K18326" s="2">
        <v>1</v>
      </c>
      <c r="L18326" t="s">
        <v>995</v>
      </c>
      <c r="M18326" t="s">
        <v>83</v>
      </c>
      <c r="N18326" t="s">
        <v>84</v>
      </c>
      <c r="O18326" t="s">
        <v>85</v>
      </c>
      <c r="P18326" t="s">
        <v>86</v>
      </c>
      <c r="Q18326">
        <v>6</v>
      </c>
      <c r="R18326">
        <v>6</v>
      </c>
      <c r="S18326">
        <v>7</v>
      </c>
      <c r="T18326">
        <v>7</v>
      </c>
      <c r="U18326">
        <v>7</v>
      </c>
      <c r="V18326">
        <v>7</v>
      </c>
      <c r="W18326">
        <v>7</v>
      </c>
      <c r="X18326">
        <v>7</v>
      </c>
      <c r="Y18326">
        <v>8</v>
      </c>
      <c r="Z18326">
        <v>8</v>
      </c>
      <c r="AA18326">
        <v>8</v>
      </c>
      <c r="AB18326">
        <v>8</v>
      </c>
      <c r="AC18326">
        <v>8</v>
      </c>
      <c r="AD18326">
        <v>9</v>
      </c>
      <c r="AE18326">
        <v>9</v>
      </c>
      <c r="AF18326">
        <v>9</v>
      </c>
      <c r="AG18326">
        <v>9</v>
      </c>
      <c r="AH18326">
        <v>9</v>
      </c>
      <c r="AI18326">
        <v>10</v>
      </c>
      <c r="AJ18326">
        <v>10</v>
      </c>
      <c r="AK18326">
        <v>10</v>
      </c>
      <c r="AL18326">
        <v>10</v>
      </c>
      <c r="AM18326">
        <v>10</v>
      </c>
      <c r="AN18326">
        <v>10</v>
      </c>
      <c r="AO18326">
        <v>11</v>
      </c>
      <c r="AP18326">
        <v>11</v>
      </c>
      <c r="AQ18326">
        <v>11</v>
      </c>
    </row>
    <row r="18327" spans="1:43">
      <c r="A18327" t="s">
        <v>11354</v>
      </c>
      <c r="B18327" t="s">
        <v>11355</v>
      </c>
      <c r="C18327" t="s">
        <v>11350</v>
      </c>
      <c r="D18327" t="s">
        <v>11351</v>
      </c>
      <c r="E18327" t="s">
        <v>11206</v>
      </c>
      <c r="F18327" t="s">
        <v>11207</v>
      </c>
      <c r="G18327" t="s">
        <v>10734</v>
      </c>
      <c r="H18327" t="s">
        <v>10735</v>
      </c>
      <c r="I18327" s="2">
        <v>0</v>
      </c>
      <c r="J18327" s="2">
        <v>0</v>
      </c>
      <c r="K18327" s="2">
        <v>1</v>
      </c>
      <c r="L18327" t="s">
        <v>995</v>
      </c>
      <c r="M18327" t="s">
        <v>87</v>
      </c>
      <c r="N18327" t="s">
        <v>88</v>
      </c>
      <c r="O18327" t="s">
        <v>85</v>
      </c>
      <c r="P18327" t="s">
        <v>86</v>
      </c>
      <c r="Q18327">
        <v>6</v>
      </c>
      <c r="R18327">
        <v>6</v>
      </c>
      <c r="S18327">
        <v>6</v>
      </c>
      <c r="T18327">
        <v>6</v>
      </c>
      <c r="U18327">
        <v>7</v>
      </c>
      <c r="V18327">
        <v>7</v>
      </c>
      <c r="W18327">
        <v>7</v>
      </c>
      <c r="X18327">
        <v>7</v>
      </c>
      <c r="Y18327">
        <v>7</v>
      </c>
      <c r="Z18327">
        <v>7</v>
      </c>
      <c r="AA18327">
        <v>7</v>
      </c>
      <c r="AB18327">
        <v>7</v>
      </c>
      <c r="AC18327">
        <v>7</v>
      </c>
      <c r="AD18327">
        <v>8</v>
      </c>
      <c r="AE18327">
        <v>8</v>
      </c>
      <c r="AF18327">
        <v>8</v>
      </c>
      <c r="AG18327">
        <v>8</v>
      </c>
      <c r="AH18327">
        <v>8</v>
      </c>
      <c r="AI18327">
        <v>8</v>
      </c>
      <c r="AJ18327">
        <v>8</v>
      </c>
      <c r="AK18327">
        <v>9</v>
      </c>
      <c r="AL18327">
        <v>9</v>
      </c>
      <c r="AM18327">
        <v>9</v>
      </c>
      <c r="AN18327">
        <v>9</v>
      </c>
      <c r="AO18327">
        <v>9</v>
      </c>
      <c r="AP18327">
        <v>9</v>
      </c>
      <c r="AQ18327">
        <v>10</v>
      </c>
    </row>
    <row r="18328" spans="1:43">
      <c r="A18328" t="s">
        <v>11354</v>
      </c>
      <c r="B18328" t="s">
        <v>11355</v>
      </c>
      <c r="C18328" t="s">
        <v>11350</v>
      </c>
      <c r="D18328" t="s">
        <v>11351</v>
      </c>
      <c r="E18328" t="s">
        <v>11206</v>
      </c>
      <c r="F18328" t="s">
        <v>11207</v>
      </c>
      <c r="G18328" t="s">
        <v>10734</v>
      </c>
      <c r="H18328" t="s">
        <v>10735</v>
      </c>
      <c r="I18328" s="2">
        <v>0</v>
      </c>
      <c r="J18328" s="2">
        <v>0</v>
      </c>
      <c r="K18328" s="2">
        <v>1</v>
      </c>
      <c r="L18328" t="s">
        <v>995</v>
      </c>
      <c r="M18328" t="s">
        <v>89</v>
      </c>
      <c r="N18328" t="s">
        <v>90</v>
      </c>
      <c r="O18328" t="s">
        <v>85</v>
      </c>
      <c r="P18328" t="s">
        <v>86</v>
      </c>
      <c r="Q18328">
        <v>6</v>
      </c>
      <c r="R18328">
        <v>6</v>
      </c>
      <c r="S18328">
        <v>7</v>
      </c>
      <c r="T18328">
        <v>7</v>
      </c>
      <c r="U18328">
        <v>7</v>
      </c>
      <c r="V18328">
        <v>7</v>
      </c>
      <c r="W18328">
        <v>8</v>
      </c>
      <c r="X18328">
        <v>8</v>
      </c>
      <c r="Y18328">
        <v>8</v>
      </c>
      <c r="Z18328">
        <v>8</v>
      </c>
      <c r="AA18328">
        <v>8</v>
      </c>
      <c r="AB18328">
        <v>9</v>
      </c>
      <c r="AC18328">
        <v>9</v>
      </c>
      <c r="AD18328">
        <v>9</v>
      </c>
      <c r="AE18328">
        <v>9</v>
      </c>
      <c r="AF18328">
        <v>9</v>
      </c>
      <c r="AG18328">
        <v>10</v>
      </c>
      <c r="AH18328">
        <v>10</v>
      </c>
      <c r="AI18328">
        <v>10</v>
      </c>
      <c r="AJ18328">
        <v>10</v>
      </c>
      <c r="AK18328">
        <v>10</v>
      </c>
      <c r="AL18328">
        <v>10</v>
      </c>
      <c r="AM18328">
        <v>10</v>
      </c>
      <c r="AN18328">
        <v>11</v>
      </c>
      <c r="AO18328">
        <v>11</v>
      </c>
      <c r="AP18328">
        <v>11</v>
      </c>
      <c r="AQ18328">
        <v>11</v>
      </c>
    </row>
    <row r="18329" spans="1:43">
      <c r="A18329" t="s">
        <v>11354</v>
      </c>
      <c r="B18329" t="s">
        <v>11355</v>
      </c>
      <c r="C18329" t="s">
        <v>11350</v>
      </c>
      <c r="D18329" t="s">
        <v>11351</v>
      </c>
      <c r="E18329" t="s">
        <v>11206</v>
      </c>
      <c r="F18329" t="s">
        <v>11207</v>
      </c>
      <c r="G18329" t="s">
        <v>10734</v>
      </c>
      <c r="H18329" t="s">
        <v>10735</v>
      </c>
      <c r="I18329" s="2">
        <v>0</v>
      </c>
      <c r="J18329" s="2">
        <v>0</v>
      </c>
      <c r="K18329" s="2">
        <v>1</v>
      </c>
      <c r="L18329" t="s">
        <v>995</v>
      </c>
      <c r="M18329" t="s">
        <v>83</v>
      </c>
      <c r="N18329" t="s">
        <v>91</v>
      </c>
      <c r="O18329" t="s">
        <v>85</v>
      </c>
      <c r="P18329" t="s">
        <v>86</v>
      </c>
      <c r="Q18329">
        <v>6</v>
      </c>
      <c r="R18329">
        <v>6</v>
      </c>
      <c r="S18329">
        <v>7</v>
      </c>
      <c r="T18329">
        <v>7</v>
      </c>
      <c r="U18329">
        <v>7</v>
      </c>
      <c r="V18329">
        <v>7</v>
      </c>
      <c r="W18329">
        <v>7</v>
      </c>
      <c r="X18329">
        <v>7</v>
      </c>
      <c r="Y18329">
        <v>8</v>
      </c>
      <c r="Z18329">
        <v>8</v>
      </c>
      <c r="AA18329">
        <v>8</v>
      </c>
      <c r="AB18329">
        <v>8</v>
      </c>
      <c r="AC18329">
        <v>8</v>
      </c>
      <c r="AD18329">
        <v>9</v>
      </c>
      <c r="AE18329">
        <v>9</v>
      </c>
      <c r="AF18329">
        <v>9</v>
      </c>
      <c r="AG18329">
        <v>9</v>
      </c>
      <c r="AH18329">
        <v>9</v>
      </c>
      <c r="AI18329">
        <v>10</v>
      </c>
      <c r="AJ18329">
        <v>10</v>
      </c>
      <c r="AK18329">
        <v>10</v>
      </c>
      <c r="AL18329">
        <v>10</v>
      </c>
      <c r="AM18329">
        <v>10</v>
      </c>
      <c r="AN18329">
        <v>10</v>
      </c>
      <c r="AO18329">
        <v>11</v>
      </c>
      <c r="AP18329">
        <v>11</v>
      </c>
      <c r="AQ18329">
        <v>11</v>
      </c>
    </row>
    <row r="18330" spans="1:43">
      <c r="A18330" t="s">
        <v>11356</v>
      </c>
      <c r="B18330" t="s">
        <v>11357</v>
      </c>
      <c r="C18330" t="s">
        <v>11350</v>
      </c>
      <c r="D18330" t="s">
        <v>11351</v>
      </c>
      <c r="E18330" t="s">
        <v>11206</v>
      </c>
      <c r="F18330" t="s">
        <v>11207</v>
      </c>
      <c r="G18330" t="s">
        <v>10734</v>
      </c>
      <c r="H18330" t="s">
        <v>10735</v>
      </c>
      <c r="I18330" s="2">
        <v>0</v>
      </c>
      <c r="J18330" s="2">
        <v>0</v>
      </c>
      <c r="K18330" s="2">
        <v>1</v>
      </c>
      <c r="L18330" t="s">
        <v>995</v>
      </c>
      <c r="M18330" t="s">
        <v>83</v>
      </c>
      <c r="N18330" t="s">
        <v>84</v>
      </c>
      <c r="O18330" t="s">
        <v>85</v>
      </c>
      <c r="P18330" t="s">
        <v>86</v>
      </c>
      <c r="Q18330">
        <v>28</v>
      </c>
      <c r="R18330">
        <v>28</v>
      </c>
      <c r="S18330">
        <v>29</v>
      </c>
      <c r="T18330">
        <v>30</v>
      </c>
      <c r="U18330">
        <v>31</v>
      </c>
      <c r="V18330">
        <v>31</v>
      </c>
      <c r="W18330">
        <v>32</v>
      </c>
      <c r="X18330">
        <v>33</v>
      </c>
      <c r="Y18330">
        <v>34</v>
      </c>
      <c r="Z18330">
        <v>35</v>
      </c>
      <c r="AA18330">
        <v>35</v>
      </c>
      <c r="AB18330">
        <v>36</v>
      </c>
      <c r="AC18330">
        <v>37</v>
      </c>
      <c r="AD18330">
        <v>38</v>
      </c>
      <c r="AE18330">
        <v>39</v>
      </c>
      <c r="AF18330">
        <v>40</v>
      </c>
      <c r="AG18330">
        <v>41</v>
      </c>
      <c r="AH18330">
        <v>42</v>
      </c>
      <c r="AI18330">
        <v>43</v>
      </c>
      <c r="AJ18330">
        <v>44</v>
      </c>
      <c r="AK18330">
        <v>45</v>
      </c>
      <c r="AL18330">
        <v>45</v>
      </c>
      <c r="AM18330">
        <v>46</v>
      </c>
      <c r="AN18330">
        <v>47</v>
      </c>
      <c r="AO18330">
        <v>47</v>
      </c>
      <c r="AP18330">
        <v>48</v>
      </c>
      <c r="AQ18330">
        <v>49</v>
      </c>
    </row>
    <row r="18331" spans="1:43">
      <c r="A18331" t="s">
        <v>11356</v>
      </c>
      <c r="B18331" t="s">
        <v>11357</v>
      </c>
      <c r="C18331" t="s">
        <v>11350</v>
      </c>
      <c r="D18331" t="s">
        <v>11351</v>
      </c>
      <c r="E18331" t="s">
        <v>11206</v>
      </c>
      <c r="F18331" t="s">
        <v>11207</v>
      </c>
      <c r="G18331" t="s">
        <v>10734</v>
      </c>
      <c r="H18331" t="s">
        <v>10735</v>
      </c>
      <c r="I18331" s="2">
        <v>0</v>
      </c>
      <c r="J18331" s="2">
        <v>0</v>
      </c>
      <c r="K18331" s="2">
        <v>1</v>
      </c>
      <c r="L18331" t="s">
        <v>995</v>
      </c>
      <c r="M18331" t="s">
        <v>87</v>
      </c>
      <c r="N18331" t="s">
        <v>88</v>
      </c>
      <c r="O18331" t="s">
        <v>85</v>
      </c>
      <c r="P18331" t="s">
        <v>86</v>
      </c>
      <c r="Q18331">
        <v>28</v>
      </c>
      <c r="R18331">
        <v>29</v>
      </c>
      <c r="S18331">
        <v>29</v>
      </c>
      <c r="T18331">
        <v>30</v>
      </c>
      <c r="U18331">
        <v>30</v>
      </c>
      <c r="V18331">
        <v>31</v>
      </c>
      <c r="W18331">
        <v>31</v>
      </c>
      <c r="X18331">
        <v>32</v>
      </c>
      <c r="Y18331">
        <v>32</v>
      </c>
      <c r="Z18331">
        <v>33</v>
      </c>
      <c r="AA18331">
        <v>33</v>
      </c>
      <c r="AB18331">
        <v>34</v>
      </c>
      <c r="AC18331">
        <v>34</v>
      </c>
      <c r="AD18331">
        <v>35</v>
      </c>
      <c r="AE18331">
        <v>35</v>
      </c>
      <c r="AF18331">
        <v>36</v>
      </c>
      <c r="AG18331">
        <v>37</v>
      </c>
      <c r="AH18331">
        <v>37</v>
      </c>
      <c r="AI18331">
        <v>38</v>
      </c>
      <c r="AJ18331">
        <v>39</v>
      </c>
      <c r="AK18331">
        <v>39</v>
      </c>
      <c r="AL18331">
        <v>40</v>
      </c>
      <c r="AM18331">
        <v>41</v>
      </c>
      <c r="AN18331">
        <v>41</v>
      </c>
      <c r="AO18331">
        <v>42</v>
      </c>
      <c r="AP18331">
        <v>43</v>
      </c>
      <c r="AQ18331">
        <v>43</v>
      </c>
    </row>
    <row r="18332" spans="1:43">
      <c r="A18332" t="s">
        <v>11356</v>
      </c>
      <c r="B18332" t="s">
        <v>11357</v>
      </c>
      <c r="C18332" t="s">
        <v>11350</v>
      </c>
      <c r="D18332" t="s">
        <v>11351</v>
      </c>
      <c r="E18332" t="s">
        <v>11206</v>
      </c>
      <c r="F18332" t="s">
        <v>11207</v>
      </c>
      <c r="G18332" t="s">
        <v>10734</v>
      </c>
      <c r="H18332" t="s">
        <v>10735</v>
      </c>
      <c r="I18332" s="2">
        <v>0</v>
      </c>
      <c r="J18332" s="2">
        <v>0</v>
      </c>
      <c r="K18332" s="2">
        <v>1</v>
      </c>
      <c r="L18332" t="s">
        <v>995</v>
      </c>
      <c r="M18332" t="s">
        <v>89</v>
      </c>
      <c r="N18332" t="s">
        <v>90</v>
      </c>
      <c r="O18332" t="s">
        <v>85</v>
      </c>
      <c r="P18332" t="s">
        <v>86</v>
      </c>
      <c r="Q18332">
        <v>28</v>
      </c>
      <c r="R18332">
        <v>29</v>
      </c>
      <c r="S18332">
        <v>30</v>
      </c>
      <c r="T18332">
        <v>31</v>
      </c>
      <c r="U18332">
        <v>32</v>
      </c>
      <c r="V18332">
        <v>33</v>
      </c>
      <c r="W18332">
        <v>34</v>
      </c>
      <c r="X18332">
        <v>35</v>
      </c>
      <c r="Y18332">
        <v>36</v>
      </c>
      <c r="Z18332">
        <v>37</v>
      </c>
      <c r="AA18332">
        <v>38</v>
      </c>
      <c r="AB18332">
        <v>39</v>
      </c>
      <c r="AC18332">
        <v>40</v>
      </c>
      <c r="AD18332">
        <v>41</v>
      </c>
      <c r="AE18332">
        <v>42</v>
      </c>
      <c r="AF18332">
        <v>42</v>
      </c>
      <c r="AG18332">
        <v>43</v>
      </c>
      <c r="AH18332">
        <v>43</v>
      </c>
      <c r="AI18332">
        <v>44</v>
      </c>
      <c r="AJ18332">
        <v>44</v>
      </c>
      <c r="AK18332">
        <v>45</v>
      </c>
      <c r="AL18332">
        <v>46</v>
      </c>
      <c r="AM18332">
        <v>46</v>
      </c>
      <c r="AN18332">
        <v>47</v>
      </c>
      <c r="AO18332">
        <v>48</v>
      </c>
      <c r="AP18332">
        <v>48</v>
      </c>
      <c r="AQ18332">
        <v>49</v>
      </c>
    </row>
    <row r="18333" spans="1:43">
      <c r="A18333" t="s">
        <v>11356</v>
      </c>
      <c r="B18333" t="s">
        <v>11357</v>
      </c>
      <c r="C18333" t="s">
        <v>11350</v>
      </c>
      <c r="D18333" t="s">
        <v>11351</v>
      </c>
      <c r="E18333" t="s">
        <v>11206</v>
      </c>
      <c r="F18333" t="s">
        <v>11207</v>
      </c>
      <c r="G18333" t="s">
        <v>10734</v>
      </c>
      <c r="H18333" t="s">
        <v>10735</v>
      </c>
      <c r="I18333" s="2">
        <v>0</v>
      </c>
      <c r="J18333" s="2">
        <v>0</v>
      </c>
      <c r="K18333" s="2">
        <v>1</v>
      </c>
      <c r="L18333" t="s">
        <v>995</v>
      </c>
      <c r="M18333" t="s">
        <v>83</v>
      </c>
      <c r="N18333" t="s">
        <v>91</v>
      </c>
      <c r="O18333" t="s">
        <v>85</v>
      </c>
      <c r="P18333" t="s">
        <v>86</v>
      </c>
      <c r="Q18333">
        <v>28</v>
      </c>
      <c r="R18333">
        <v>28</v>
      </c>
      <c r="S18333">
        <v>29</v>
      </c>
      <c r="T18333">
        <v>30</v>
      </c>
      <c r="U18333">
        <v>31</v>
      </c>
      <c r="V18333">
        <v>31</v>
      </c>
      <c r="W18333">
        <v>32</v>
      </c>
      <c r="X18333">
        <v>33</v>
      </c>
      <c r="Y18333">
        <v>34</v>
      </c>
      <c r="Z18333">
        <v>35</v>
      </c>
      <c r="AA18333">
        <v>35</v>
      </c>
      <c r="AB18333">
        <v>36</v>
      </c>
      <c r="AC18333">
        <v>37</v>
      </c>
      <c r="AD18333">
        <v>38</v>
      </c>
      <c r="AE18333">
        <v>39</v>
      </c>
      <c r="AF18333">
        <v>40</v>
      </c>
      <c r="AG18333">
        <v>41</v>
      </c>
      <c r="AH18333">
        <v>42</v>
      </c>
      <c r="AI18333">
        <v>43</v>
      </c>
      <c r="AJ18333">
        <v>44</v>
      </c>
      <c r="AK18333">
        <v>45</v>
      </c>
      <c r="AL18333">
        <v>45</v>
      </c>
      <c r="AM18333">
        <v>46</v>
      </c>
      <c r="AN18333">
        <v>47</v>
      </c>
      <c r="AO18333">
        <v>47</v>
      </c>
      <c r="AP18333">
        <v>48</v>
      </c>
      <c r="AQ18333">
        <v>49</v>
      </c>
    </row>
    <row r="18334" spans="1:43">
      <c r="A18334" t="s">
        <v>11358</v>
      </c>
      <c r="B18334" t="s">
        <v>11359</v>
      </c>
      <c r="C18334" t="s">
        <v>11360</v>
      </c>
      <c r="D18334" t="s">
        <v>11361</v>
      </c>
      <c r="E18334" t="s">
        <v>11206</v>
      </c>
      <c r="F18334" t="s">
        <v>11207</v>
      </c>
      <c r="G18334" t="s">
        <v>10734</v>
      </c>
      <c r="H18334" t="s">
        <v>10735</v>
      </c>
      <c r="I18334" s="2">
        <v>0</v>
      </c>
      <c r="J18334" s="2">
        <v>0</v>
      </c>
      <c r="K18334" s="2">
        <v>1</v>
      </c>
      <c r="L18334" t="s">
        <v>995</v>
      </c>
      <c r="M18334" t="s">
        <v>83</v>
      </c>
      <c r="N18334" t="s">
        <v>84</v>
      </c>
      <c r="O18334" t="s">
        <v>85</v>
      </c>
      <c r="P18334" t="s">
        <v>86</v>
      </c>
      <c r="Q18334">
        <v>6</v>
      </c>
      <c r="R18334">
        <v>6</v>
      </c>
      <c r="S18334">
        <v>7</v>
      </c>
      <c r="T18334">
        <v>7</v>
      </c>
      <c r="U18334">
        <v>7</v>
      </c>
      <c r="V18334">
        <v>7</v>
      </c>
      <c r="W18334">
        <v>7</v>
      </c>
      <c r="X18334">
        <v>8</v>
      </c>
      <c r="Y18334">
        <v>8</v>
      </c>
      <c r="Z18334">
        <v>8</v>
      </c>
      <c r="AA18334">
        <v>8</v>
      </c>
      <c r="AB18334">
        <v>8</v>
      </c>
      <c r="AC18334">
        <v>8</v>
      </c>
      <c r="AD18334">
        <v>9</v>
      </c>
      <c r="AE18334">
        <v>9</v>
      </c>
      <c r="AF18334">
        <v>9</v>
      </c>
      <c r="AG18334">
        <v>9</v>
      </c>
      <c r="AH18334">
        <v>10</v>
      </c>
      <c r="AI18334">
        <v>10</v>
      </c>
      <c r="AJ18334">
        <v>10</v>
      </c>
      <c r="AK18334">
        <v>10</v>
      </c>
      <c r="AL18334">
        <v>10</v>
      </c>
      <c r="AM18334">
        <v>11</v>
      </c>
      <c r="AN18334">
        <v>11</v>
      </c>
      <c r="AO18334">
        <v>11</v>
      </c>
      <c r="AP18334">
        <v>11</v>
      </c>
      <c r="AQ18334">
        <v>11</v>
      </c>
    </row>
    <row r="18335" spans="1:43">
      <c r="A18335" t="s">
        <v>11358</v>
      </c>
      <c r="B18335" t="s">
        <v>11359</v>
      </c>
      <c r="C18335" t="s">
        <v>11360</v>
      </c>
      <c r="D18335" t="s">
        <v>11361</v>
      </c>
      <c r="E18335" t="s">
        <v>11206</v>
      </c>
      <c r="F18335" t="s">
        <v>11207</v>
      </c>
      <c r="G18335" t="s">
        <v>10734</v>
      </c>
      <c r="H18335" t="s">
        <v>10735</v>
      </c>
      <c r="I18335" s="2">
        <v>0</v>
      </c>
      <c r="J18335" s="2">
        <v>0</v>
      </c>
      <c r="K18335" s="2">
        <v>1</v>
      </c>
      <c r="L18335" t="s">
        <v>995</v>
      </c>
      <c r="M18335" t="s">
        <v>87</v>
      </c>
      <c r="N18335" t="s">
        <v>88</v>
      </c>
      <c r="O18335" t="s">
        <v>85</v>
      </c>
      <c r="P18335" t="s">
        <v>86</v>
      </c>
      <c r="Q18335">
        <v>6</v>
      </c>
      <c r="R18335">
        <v>6</v>
      </c>
      <c r="S18335">
        <v>6</v>
      </c>
      <c r="T18335">
        <v>7</v>
      </c>
      <c r="U18335">
        <v>7</v>
      </c>
      <c r="V18335">
        <v>7</v>
      </c>
      <c r="W18335">
        <v>7</v>
      </c>
      <c r="X18335">
        <v>7</v>
      </c>
      <c r="Y18335">
        <v>7</v>
      </c>
      <c r="Z18335">
        <v>7</v>
      </c>
      <c r="AA18335">
        <v>7</v>
      </c>
      <c r="AB18335">
        <v>7</v>
      </c>
      <c r="AC18335">
        <v>8</v>
      </c>
      <c r="AD18335">
        <v>8</v>
      </c>
      <c r="AE18335">
        <v>8</v>
      </c>
      <c r="AF18335">
        <v>8</v>
      </c>
      <c r="AG18335">
        <v>8</v>
      </c>
      <c r="AH18335">
        <v>8</v>
      </c>
      <c r="AI18335">
        <v>8</v>
      </c>
      <c r="AJ18335">
        <v>9</v>
      </c>
      <c r="AK18335">
        <v>9</v>
      </c>
      <c r="AL18335">
        <v>9</v>
      </c>
      <c r="AM18335">
        <v>9</v>
      </c>
      <c r="AN18335">
        <v>9</v>
      </c>
      <c r="AO18335">
        <v>9</v>
      </c>
      <c r="AP18335">
        <v>9</v>
      </c>
      <c r="AQ18335">
        <v>10</v>
      </c>
    </row>
    <row r="18336" spans="1:43">
      <c r="A18336" t="s">
        <v>11358</v>
      </c>
      <c r="B18336" t="s">
        <v>11359</v>
      </c>
      <c r="C18336" t="s">
        <v>11360</v>
      </c>
      <c r="D18336" t="s">
        <v>11361</v>
      </c>
      <c r="E18336" t="s">
        <v>11206</v>
      </c>
      <c r="F18336" t="s">
        <v>11207</v>
      </c>
      <c r="G18336" t="s">
        <v>10734</v>
      </c>
      <c r="H18336" t="s">
        <v>10735</v>
      </c>
      <c r="I18336" s="2">
        <v>0</v>
      </c>
      <c r="J18336" s="2">
        <v>0</v>
      </c>
      <c r="K18336" s="2">
        <v>1</v>
      </c>
      <c r="L18336" t="s">
        <v>995</v>
      </c>
      <c r="M18336" t="s">
        <v>89</v>
      </c>
      <c r="N18336" t="s">
        <v>90</v>
      </c>
      <c r="O18336" t="s">
        <v>85</v>
      </c>
      <c r="P18336" t="s">
        <v>86</v>
      </c>
      <c r="Q18336">
        <v>6</v>
      </c>
      <c r="R18336">
        <v>7</v>
      </c>
      <c r="S18336">
        <v>7</v>
      </c>
      <c r="T18336">
        <v>7</v>
      </c>
      <c r="U18336">
        <v>7</v>
      </c>
      <c r="V18336">
        <v>7</v>
      </c>
      <c r="W18336">
        <v>8</v>
      </c>
      <c r="X18336">
        <v>8</v>
      </c>
      <c r="Y18336">
        <v>8</v>
      </c>
      <c r="Z18336">
        <v>8</v>
      </c>
      <c r="AA18336">
        <v>9</v>
      </c>
      <c r="AB18336">
        <v>9</v>
      </c>
      <c r="AC18336">
        <v>9</v>
      </c>
      <c r="AD18336">
        <v>9</v>
      </c>
      <c r="AE18336">
        <v>10</v>
      </c>
      <c r="AF18336">
        <v>10</v>
      </c>
      <c r="AG18336">
        <v>10</v>
      </c>
      <c r="AH18336">
        <v>10</v>
      </c>
      <c r="AI18336">
        <v>10</v>
      </c>
      <c r="AJ18336">
        <v>10</v>
      </c>
      <c r="AK18336">
        <v>10</v>
      </c>
      <c r="AL18336">
        <v>10</v>
      </c>
      <c r="AM18336">
        <v>11</v>
      </c>
      <c r="AN18336">
        <v>11</v>
      </c>
      <c r="AO18336">
        <v>11</v>
      </c>
      <c r="AP18336">
        <v>11</v>
      </c>
      <c r="AQ18336">
        <v>11</v>
      </c>
    </row>
    <row r="18337" spans="1:43">
      <c r="A18337" t="s">
        <v>11358</v>
      </c>
      <c r="B18337" t="s">
        <v>11359</v>
      </c>
      <c r="C18337" t="s">
        <v>11360</v>
      </c>
      <c r="D18337" t="s">
        <v>11361</v>
      </c>
      <c r="E18337" t="s">
        <v>11206</v>
      </c>
      <c r="F18337" t="s">
        <v>11207</v>
      </c>
      <c r="G18337" t="s">
        <v>10734</v>
      </c>
      <c r="H18337" t="s">
        <v>10735</v>
      </c>
      <c r="I18337" s="2">
        <v>0</v>
      </c>
      <c r="J18337" s="2">
        <v>0</v>
      </c>
      <c r="K18337" s="2">
        <v>1</v>
      </c>
      <c r="L18337" t="s">
        <v>995</v>
      </c>
      <c r="M18337" t="s">
        <v>83</v>
      </c>
      <c r="N18337" t="s">
        <v>91</v>
      </c>
      <c r="O18337" t="s">
        <v>85</v>
      </c>
      <c r="P18337" t="s">
        <v>86</v>
      </c>
      <c r="Q18337">
        <v>6</v>
      </c>
      <c r="R18337">
        <v>6</v>
      </c>
      <c r="S18337">
        <v>7</v>
      </c>
      <c r="T18337">
        <v>7</v>
      </c>
      <c r="U18337">
        <v>7</v>
      </c>
      <c r="V18337">
        <v>7</v>
      </c>
      <c r="W18337">
        <v>7</v>
      </c>
      <c r="X18337">
        <v>8</v>
      </c>
      <c r="Y18337">
        <v>8</v>
      </c>
      <c r="Z18337">
        <v>8</v>
      </c>
      <c r="AA18337">
        <v>8</v>
      </c>
      <c r="AB18337">
        <v>8</v>
      </c>
      <c r="AC18337">
        <v>8</v>
      </c>
      <c r="AD18337">
        <v>9</v>
      </c>
      <c r="AE18337">
        <v>9</v>
      </c>
      <c r="AF18337">
        <v>9</v>
      </c>
      <c r="AG18337">
        <v>9</v>
      </c>
      <c r="AH18337">
        <v>10</v>
      </c>
      <c r="AI18337">
        <v>10</v>
      </c>
      <c r="AJ18337">
        <v>10</v>
      </c>
      <c r="AK18337">
        <v>10</v>
      </c>
      <c r="AL18337">
        <v>10</v>
      </c>
      <c r="AM18337">
        <v>11</v>
      </c>
      <c r="AN18337">
        <v>11</v>
      </c>
      <c r="AO18337">
        <v>11</v>
      </c>
      <c r="AP18337">
        <v>11</v>
      </c>
      <c r="AQ18337">
        <v>11</v>
      </c>
    </row>
    <row r="18338" spans="1:43">
      <c r="A18338" t="s">
        <v>11362</v>
      </c>
      <c r="B18338" t="s">
        <v>11363</v>
      </c>
      <c r="C18338" t="s">
        <v>11314</v>
      </c>
      <c r="D18338" t="s">
        <v>11315</v>
      </c>
      <c r="E18338" t="s">
        <v>11206</v>
      </c>
      <c r="F18338" t="s">
        <v>11207</v>
      </c>
      <c r="G18338" t="s">
        <v>10734</v>
      </c>
      <c r="H18338" t="s">
        <v>10735</v>
      </c>
      <c r="I18338" s="2">
        <v>0</v>
      </c>
      <c r="J18338" s="2">
        <v>0</v>
      </c>
      <c r="K18338" s="2">
        <v>1</v>
      </c>
      <c r="L18338" t="s">
        <v>995</v>
      </c>
      <c r="M18338" t="s">
        <v>83</v>
      </c>
      <c r="N18338" t="s">
        <v>84</v>
      </c>
      <c r="O18338" t="s">
        <v>85</v>
      </c>
      <c r="P18338" t="s">
        <v>86</v>
      </c>
      <c r="Q18338">
        <v>8</v>
      </c>
      <c r="R18338">
        <v>8</v>
      </c>
      <c r="S18338">
        <v>9</v>
      </c>
      <c r="T18338">
        <v>9</v>
      </c>
      <c r="U18338">
        <v>9</v>
      </c>
      <c r="V18338">
        <v>9</v>
      </c>
      <c r="W18338">
        <v>9</v>
      </c>
      <c r="X18338">
        <v>10</v>
      </c>
      <c r="Y18338">
        <v>10</v>
      </c>
      <c r="Z18338">
        <v>10</v>
      </c>
      <c r="AA18338">
        <v>10</v>
      </c>
      <c r="AB18338">
        <v>11</v>
      </c>
      <c r="AC18338">
        <v>11</v>
      </c>
      <c r="AD18338">
        <v>11</v>
      </c>
      <c r="AE18338">
        <v>11</v>
      </c>
      <c r="AF18338">
        <v>12</v>
      </c>
      <c r="AG18338">
        <v>12</v>
      </c>
      <c r="AH18338">
        <v>12</v>
      </c>
      <c r="AI18338">
        <v>12</v>
      </c>
      <c r="AJ18338">
        <v>13</v>
      </c>
      <c r="AK18338">
        <v>13</v>
      </c>
      <c r="AL18338">
        <v>13</v>
      </c>
      <c r="AM18338">
        <v>13</v>
      </c>
      <c r="AN18338">
        <v>14</v>
      </c>
      <c r="AO18338">
        <v>14</v>
      </c>
      <c r="AP18338">
        <v>14</v>
      </c>
      <c r="AQ18338">
        <v>14</v>
      </c>
    </row>
    <row r="18339" spans="1:43">
      <c r="A18339" t="s">
        <v>11362</v>
      </c>
      <c r="B18339" t="s">
        <v>11363</v>
      </c>
      <c r="C18339" t="s">
        <v>11314</v>
      </c>
      <c r="D18339" t="s">
        <v>11315</v>
      </c>
      <c r="E18339" t="s">
        <v>11206</v>
      </c>
      <c r="F18339" t="s">
        <v>11207</v>
      </c>
      <c r="G18339" t="s">
        <v>10734</v>
      </c>
      <c r="H18339" t="s">
        <v>10735</v>
      </c>
      <c r="I18339" s="2">
        <v>0</v>
      </c>
      <c r="J18339" s="2">
        <v>0</v>
      </c>
      <c r="K18339" s="2">
        <v>1</v>
      </c>
      <c r="L18339" t="s">
        <v>995</v>
      </c>
      <c r="M18339" t="s">
        <v>87</v>
      </c>
      <c r="N18339" t="s">
        <v>88</v>
      </c>
      <c r="O18339" t="s">
        <v>85</v>
      </c>
      <c r="P18339" t="s">
        <v>86</v>
      </c>
      <c r="Q18339">
        <v>8</v>
      </c>
      <c r="R18339">
        <v>8</v>
      </c>
      <c r="S18339">
        <v>8</v>
      </c>
      <c r="T18339">
        <v>8</v>
      </c>
      <c r="U18339">
        <v>9</v>
      </c>
      <c r="V18339">
        <v>9</v>
      </c>
      <c r="W18339">
        <v>9</v>
      </c>
      <c r="X18339">
        <v>9</v>
      </c>
      <c r="Y18339">
        <v>9</v>
      </c>
      <c r="Z18339">
        <v>9</v>
      </c>
      <c r="AA18339">
        <v>9</v>
      </c>
      <c r="AB18339">
        <v>10</v>
      </c>
      <c r="AC18339">
        <v>10</v>
      </c>
      <c r="AD18339">
        <v>10</v>
      </c>
      <c r="AE18339">
        <v>10</v>
      </c>
      <c r="AF18339">
        <v>10</v>
      </c>
      <c r="AG18339">
        <v>10</v>
      </c>
      <c r="AH18339">
        <v>11</v>
      </c>
      <c r="AI18339">
        <v>11</v>
      </c>
      <c r="AJ18339">
        <v>11</v>
      </c>
      <c r="AK18339">
        <v>11</v>
      </c>
      <c r="AL18339">
        <v>11</v>
      </c>
      <c r="AM18339">
        <v>12</v>
      </c>
      <c r="AN18339">
        <v>12</v>
      </c>
      <c r="AO18339">
        <v>12</v>
      </c>
      <c r="AP18339">
        <v>12</v>
      </c>
      <c r="AQ18339">
        <v>12</v>
      </c>
    </row>
    <row r="18340" spans="1:43">
      <c r="A18340" t="s">
        <v>11362</v>
      </c>
      <c r="B18340" t="s">
        <v>11363</v>
      </c>
      <c r="C18340" t="s">
        <v>11314</v>
      </c>
      <c r="D18340" t="s">
        <v>11315</v>
      </c>
      <c r="E18340" t="s">
        <v>11206</v>
      </c>
      <c r="F18340" t="s">
        <v>11207</v>
      </c>
      <c r="G18340" t="s">
        <v>10734</v>
      </c>
      <c r="H18340" t="s">
        <v>10735</v>
      </c>
      <c r="I18340" s="2">
        <v>0</v>
      </c>
      <c r="J18340" s="2">
        <v>0</v>
      </c>
      <c r="K18340" s="2">
        <v>1</v>
      </c>
      <c r="L18340" t="s">
        <v>995</v>
      </c>
      <c r="M18340" t="s">
        <v>89</v>
      </c>
      <c r="N18340" t="s">
        <v>90</v>
      </c>
      <c r="O18340" t="s">
        <v>85</v>
      </c>
      <c r="P18340" t="s">
        <v>86</v>
      </c>
      <c r="Q18340">
        <v>8</v>
      </c>
      <c r="R18340">
        <v>8</v>
      </c>
      <c r="S18340">
        <v>9</v>
      </c>
      <c r="T18340">
        <v>9</v>
      </c>
      <c r="U18340">
        <v>9</v>
      </c>
      <c r="V18340">
        <v>10</v>
      </c>
      <c r="W18340">
        <v>10</v>
      </c>
      <c r="X18340">
        <v>10</v>
      </c>
      <c r="Y18340">
        <v>10</v>
      </c>
      <c r="Z18340">
        <v>11</v>
      </c>
      <c r="AA18340">
        <v>11</v>
      </c>
      <c r="AB18340">
        <v>11</v>
      </c>
      <c r="AC18340">
        <v>12</v>
      </c>
      <c r="AD18340">
        <v>12</v>
      </c>
      <c r="AE18340">
        <v>12</v>
      </c>
      <c r="AF18340">
        <v>12</v>
      </c>
      <c r="AG18340">
        <v>13</v>
      </c>
      <c r="AH18340">
        <v>13</v>
      </c>
      <c r="AI18340">
        <v>13</v>
      </c>
      <c r="AJ18340">
        <v>13</v>
      </c>
      <c r="AK18340">
        <v>13</v>
      </c>
      <c r="AL18340">
        <v>13</v>
      </c>
      <c r="AM18340">
        <v>14</v>
      </c>
      <c r="AN18340">
        <v>14</v>
      </c>
      <c r="AO18340">
        <v>14</v>
      </c>
      <c r="AP18340">
        <v>14</v>
      </c>
      <c r="AQ18340">
        <v>14</v>
      </c>
    </row>
    <row r="18341" spans="1:43">
      <c r="A18341" t="s">
        <v>11362</v>
      </c>
      <c r="B18341" t="s">
        <v>11363</v>
      </c>
      <c r="C18341" t="s">
        <v>11314</v>
      </c>
      <c r="D18341" t="s">
        <v>11315</v>
      </c>
      <c r="E18341" t="s">
        <v>11206</v>
      </c>
      <c r="F18341" t="s">
        <v>11207</v>
      </c>
      <c r="G18341" t="s">
        <v>10734</v>
      </c>
      <c r="H18341" t="s">
        <v>10735</v>
      </c>
      <c r="I18341" s="2">
        <v>0</v>
      </c>
      <c r="J18341" s="2">
        <v>0</v>
      </c>
      <c r="K18341" s="2">
        <v>1</v>
      </c>
      <c r="L18341" t="s">
        <v>995</v>
      </c>
      <c r="M18341" t="s">
        <v>83</v>
      </c>
      <c r="N18341" t="s">
        <v>91</v>
      </c>
      <c r="O18341" t="s">
        <v>85</v>
      </c>
      <c r="P18341" t="s">
        <v>86</v>
      </c>
      <c r="Q18341">
        <v>8</v>
      </c>
      <c r="R18341">
        <v>8</v>
      </c>
      <c r="S18341">
        <v>9</v>
      </c>
      <c r="T18341">
        <v>9</v>
      </c>
      <c r="U18341">
        <v>9</v>
      </c>
      <c r="V18341">
        <v>9</v>
      </c>
      <c r="W18341">
        <v>9</v>
      </c>
      <c r="X18341">
        <v>10</v>
      </c>
      <c r="Y18341">
        <v>10</v>
      </c>
      <c r="Z18341">
        <v>10</v>
      </c>
      <c r="AA18341">
        <v>10</v>
      </c>
      <c r="AB18341">
        <v>11</v>
      </c>
      <c r="AC18341">
        <v>11</v>
      </c>
      <c r="AD18341">
        <v>11</v>
      </c>
      <c r="AE18341">
        <v>11</v>
      </c>
      <c r="AF18341">
        <v>12</v>
      </c>
      <c r="AG18341">
        <v>12</v>
      </c>
      <c r="AH18341">
        <v>12</v>
      </c>
      <c r="AI18341">
        <v>12</v>
      </c>
      <c r="AJ18341">
        <v>13</v>
      </c>
      <c r="AK18341">
        <v>13</v>
      </c>
      <c r="AL18341">
        <v>13</v>
      </c>
      <c r="AM18341">
        <v>13</v>
      </c>
      <c r="AN18341">
        <v>14</v>
      </c>
      <c r="AO18341">
        <v>14</v>
      </c>
      <c r="AP18341">
        <v>14</v>
      </c>
      <c r="AQ18341">
        <v>14</v>
      </c>
    </row>
    <row r="18342" spans="1:43">
      <c r="A18342" t="s">
        <v>11364</v>
      </c>
      <c r="B18342" t="s">
        <v>11365</v>
      </c>
      <c r="C18342" t="s">
        <v>11360</v>
      </c>
      <c r="D18342" t="s">
        <v>11361</v>
      </c>
      <c r="E18342" t="s">
        <v>11206</v>
      </c>
      <c r="F18342" t="s">
        <v>11207</v>
      </c>
      <c r="G18342" t="s">
        <v>10734</v>
      </c>
      <c r="H18342" t="s">
        <v>10735</v>
      </c>
      <c r="I18342" s="2">
        <v>0</v>
      </c>
      <c r="J18342" s="2">
        <v>0</v>
      </c>
      <c r="K18342" s="2">
        <v>1</v>
      </c>
      <c r="L18342" t="s">
        <v>995</v>
      </c>
      <c r="M18342" t="s">
        <v>83</v>
      </c>
      <c r="N18342" t="s">
        <v>84</v>
      </c>
      <c r="O18342" t="s">
        <v>85</v>
      </c>
      <c r="P18342" t="s">
        <v>86</v>
      </c>
      <c r="Q18342">
        <v>10</v>
      </c>
      <c r="R18342">
        <v>10</v>
      </c>
      <c r="S18342">
        <v>10</v>
      </c>
      <c r="T18342">
        <v>11</v>
      </c>
      <c r="U18342">
        <v>11</v>
      </c>
      <c r="V18342">
        <v>11</v>
      </c>
      <c r="W18342">
        <v>12</v>
      </c>
      <c r="X18342">
        <v>12</v>
      </c>
      <c r="Y18342">
        <v>12</v>
      </c>
      <c r="Z18342">
        <v>12</v>
      </c>
      <c r="AA18342">
        <v>13</v>
      </c>
      <c r="AB18342">
        <v>13</v>
      </c>
      <c r="AC18342">
        <v>13</v>
      </c>
      <c r="AD18342">
        <v>14</v>
      </c>
      <c r="AE18342">
        <v>14</v>
      </c>
      <c r="AF18342">
        <v>14</v>
      </c>
      <c r="AG18342">
        <v>15</v>
      </c>
      <c r="AH18342">
        <v>15</v>
      </c>
      <c r="AI18342">
        <v>15</v>
      </c>
      <c r="AJ18342">
        <v>16</v>
      </c>
      <c r="AK18342">
        <v>16</v>
      </c>
      <c r="AL18342">
        <v>16</v>
      </c>
      <c r="AM18342">
        <v>17</v>
      </c>
      <c r="AN18342">
        <v>17</v>
      </c>
      <c r="AO18342">
        <v>17</v>
      </c>
      <c r="AP18342">
        <v>17</v>
      </c>
      <c r="AQ18342">
        <v>17</v>
      </c>
    </row>
    <row r="18343" spans="1:43">
      <c r="A18343" t="s">
        <v>11364</v>
      </c>
      <c r="B18343" t="s">
        <v>11365</v>
      </c>
      <c r="C18343" t="s">
        <v>11360</v>
      </c>
      <c r="D18343" t="s">
        <v>11361</v>
      </c>
      <c r="E18343" t="s">
        <v>11206</v>
      </c>
      <c r="F18343" t="s">
        <v>11207</v>
      </c>
      <c r="G18343" t="s">
        <v>10734</v>
      </c>
      <c r="H18343" t="s">
        <v>10735</v>
      </c>
      <c r="I18343" s="2">
        <v>0</v>
      </c>
      <c r="J18343" s="2">
        <v>0</v>
      </c>
      <c r="K18343" s="2">
        <v>1</v>
      </c>
      <c r="L18343" t="s">
        <v>995</v>
      </c>
      <c r="M18343" t="s">
        <v>87</v>
      </c>
      <c r="N18343" t="s">
        <v>88</v>
      </c>
      <c r="O18343" t="s">
        <v>85</v>
      </c>
      <c r="P18343" t="s">
        <v>86</v>
      </c>
      <c r="Q18343">
        <v>10</v>
      </c>
      <c r="R18343">
        <v>10</v>
      </c>
      <c r="S18343">
        <v>10</v>
      </c>
      <c r="T18343">
        <v>10</v>
      </c>
      <c r="U18343">
        <v>10</v>
      </c>
      <c r="V18343">
        <v>11</v>
      </c>
      <c r="W18343">
        <v>11</v>
      </c>
      <c r="X18343">
        <v>11</v>
      </c>
      <c r="Y18343">
        <v>11</v>
      </c>
      <c r="Z18343">
        <v>11</v>
      </c>
      <c r="AA18343">
        <v>12</v>
      </c>
      <c r="AB18343">
        <v>12</v>
      </c>
      <c r="AC18343">
        <v>12</v>
      </c>
      <c r="AD18343">
        <v>12</v>
      </c>
      <c r="AE18343">
        <v>12</v>
      </c>
      <c r="AF18343">
        <v>13</v>
      </c>
      <c r="AG18343">
        <v>13</v>
      </c>
      <c r="AH18343">
        <v>13</v>
      </c>
      <c r="AI18343">
        <v>13</v>
      </c>
      <c r="AJ18343">
        <v>13</v>
      </c>
      <c r="AK18343">
        <v>14</v>
      </c>
      <c r="AL18343">
        <v>14</v>
      </c>
      <c r="AM18343">
        <v>14</v>
      </c>
      <c r="AN18343">
        <v>14</v>
      </c>
      <c r="AO18343">
        <v>15</v>
      </c>
      <c r="AP18343">
        <v>15</v>
      </c>
      <c r="AQ18343">
        <v>15</v>
      </c>
    </row>
    <row r="18344" spans="1:43">
      <c r="A18344" t="s">
        <v>11364</v>
      </c>
      <c r="B18344" t="s">
        <v>11365</v>
      </c>
      <c r="C18344" t="s">
        <v>11360</v>
      </c>
      <c r="D18344" t="s">
        <v>11361</v>
      </c>
      <c r="E18344" t="s">
        <v>11206</v>
      </c>
      <c r="F18344" t="s">
        <v>11207</v>
      </c>
      <c r="G18344" t="s">
        <v>10734</v>
      </c>
      <c r="H18344" t="s">
        <v>10735</v>
      </c>
      <c r="I18344" s="2">
        <v>0</v>
      </c>
      <c r="J18344" s="2">
        <v>0</v>
      </c>
      <c r="K18344" s="2">
        <v>1</v>
      </c>
      <c r="L18344" t="s">
        <v>995</v>
      </c>
      <c r="M18344" t="s">
        <v>89</v>
      </c>
      <c r="N18344" t="s">
        <v>90</v>
      </c>
      <c r="O18344" t="s">
        <v>85</v>
      </c>
      <c r="P18344" t="s">
        <v>86</v>
      </c>
      <c r="Q18344">
        <v>10</v>
      </c>
      <c r="R18344">
        <v>10</v>
      </c>
      <c r="S18344">
        <v>11</v>
      </c>
      <c r="T18344">
        <v>11</v>
      </c>
      <c r="U18344">
        <v>11</v>
      </c>
      <c r="V18344">
        <v>12</v>
      </c>
      <c r="W18344">
        <v>12</v>
      </c>
      <c r="X18344">
        <v>12</v>
      </c>
      <c r="Y18344">
        <v>13</v>
      </c>
      <c r="Z18344">
        <v>13</v>
      </c>
      <c r="AA18344">
        <v>14</v>
      </c>
      <c r="AB18344">
        <v>14</v>
      </c>
      <c r="AC18344">
        <v>14</v>
      </c>
      <c r="AD18344">
        <v>15</v>
      </c>
      <c r="AE18344">
        <v>15</v>
      </c>
      <c r="AF18344">
        <v>15</v>
      </c>
      <c r="AG18344">
        <v>15</v>
      </c>
      <c r="AH18344">
        <v>16</v>
      </c>
      <c r="AI18344">
        <v>16</v>
      </c>
      <c r="AJ18344">
        <v>16</v>
      </c>
      <c r="AK18344">
        <v>16</v>
      </c>
      <c r="AL18344">
        <v>16</v>
      </c>
      <c r="AM18344">
        <v>17</v>
      </c>
      <c r="AN18344">
        <v>17</v>
      </c>
      <c r="AO18344">
        <v>17</v>
      </c>
      <c r="AP18344">
        <v>17</v>
      </c>
      <c r="AQ18344">
        <v>18</v>
      </c>
    </row>
    <row r="18345" spans="1:43">
      <c r="A18345" t="s">
        <v>11364</v>
      </c>
      <c r="B18345" t="s">
        <v>11365</v>
      </c>
      <c r="C18345" t="s">
        <v>11360</v>
      </c>
      <c r="D18345" t="s">
        <v>11361</v>
      </c>
      <c r="E18345" t="s">
        <v>11206</v>
      </c>
      <c r="F18345" t="s">
        <v>11207</v>
      </c>
      <c r="G18345" t="s">
        <v>10734</v>
      </c>
      <c r="H18345" t="s">
        <v>10735</v>
      </c>
      <c r="I18345" s="2">
        <v>0</v>
      </c>
      <c r="J18345" s="2">
        <v>0</v>
      </c>
      <c r="K18345" s="2">
        <v>1</v>
      </c>
      <c r="L18345" t="s">
        <v>995</v>
      </c>
      <c r="M18345" t="s">
        <v>83</v>
      </c>
      <c r="N18345" t="s">
        <v>91</v>
      </c>
      <c r="O18345" t="s">
        <v>85</v>
      </c>
      <c r="P18345" t="s">
        <v>86</v>
      </c>
      <c r="Q18345">
        <v>10</v>
      </c>
      <c r="R18345">
        <v>10</v>
      </c>
      <c r="S18345">
        <v>10</v>
      </c>
      <c r="T18345">
        <v>11</v>
      </c>
      <c r="U18345">
        <v>11</v>
      </c>
      <c r="V18345">
        <v>11</v>
      </c>
      <c r="W18345">
        <v>12</v>
      </c>
      <c r="X18345">
        <v>12</v>
      </c>
      <c r="Y18345">
        <v>12</v>
      </c>
      <c r="Z18345">
        <v>12</v>
      </c>
      <c r="AA18345">
        <v>13</v>
      </c>
      <c r="AB18345">
        <v>13</v>
      </c>
      <c r="AC18345">
        <v>13</v>
      </c>
      <c r="AD18345">
        <v>14</v>
      </c>
      <c r="AE18345">
        <v>14</v>
      </c>
      <c r="AF18345">
        <v>14</v>
      </c>
      <c r="AG18345">
        <v>15</v>
      </c>
      <c r="AH18345">
        <v>15</v>
      </c>
      <c r="AI18345">
        <v>15</v>
      </c>
      <c r="AJ18345">
        <v>16</v>
      </c>
      <c r="AK18345">
        <v>16</v>
      </c>
      <c r="AL18345">
        <v>16</v>
      </c>
      <c r="AM18345">
        <v>17</v>
      </c>
      <c r="AN18345">
        <v>17</v>
      </c>
      <c r="AO18345">
        <v>17</v>
      </c>
      <c r="AP18345">
        <v>17</v>
      </c>
      <c r="AQ18345">
        <v>17</v>
      </c>
    </row>
    <row r="18346" spans="1:43">
      <c r="A18346" t="s">
        <v>11366</v>
      </c>
      <c r="B18346" t="s">
        <v>11367</v>
      </c>
      <c r="C18346" t="s">
        <v>11360</v>
      </c>
      <c r="D18346" t="s">
        <v>11361</v>
      </c>
      <c r="E18346" t="s">
        <v>11206</v>
      </c>
      <c r="F18346" t="s">
        <v>11207</v>
      </c>
      <c r="G18346" t="s">
        <v>10734</v>
      </c>
      <c r="H18346" t="s">
        <v>10735</v>
      </c>
      <c r="I18346" s="2">
        <v>0</v>
      </c>
      <c r="J18346" s="2">
        <v>0</v>
      </c>
      <c r="K18346" s="2">
        <v>1</v>
      </c>
      <c r="L18346" t="s">
        <v>995</v>
      </c>
      <c r="M18346" t="s">
        <v>83</v>
      </c>
      <c r="N18346" t="s">
        <v>84</v>
      </c>
      <c r="O18346" t="s">
        <v>85</v>
      </c>
      <c r="P18346" t="s">
        <v>86</v>
      </c>
      <c r="Q18346">
        <v>5</v>
      </c>
      <c r="R18346">
        <v>5</v>
      </c>
      <c r="S18346">
        <v>5</v>
      </c>
      <c r="T18346">
        <v>5</v>
      </c>
      <c r="U18346">
        <v>5</v>
      </c>
      <c r="V18346">
        <v>5</v>
      </c>
      <c r="W18346">
        <v>6</v>
      </c>
      <c r="X18346">
        <v>6</v>
      </c>
      <c r="Y18346">
        <v>6</v>
      </c>
      <c r="Z18346">
        <v>6</v>
      </c>
      <c r="AA18346">
        <v>6</v>
      </c>
      <c r="AB18346">
        <v>6</v>
      </c>
      <c r="AC18346">
        <v>6</v>
      </c>
      <c r="AD18346">
        <v>7</v>
      </c>
      <c r="AE18346">
        <v>7</v>
      </c>
      <c r="AF18346">
        <v>7</v>
      </c>
      <c r="AG18346">
        <v>7</v>
      </c>
      <c r="AH18346">
        <v>7</v>
      </c>
      <c r="AI18346">
        <v>7</v>
      </c>
      <c r="AJ18346">
        <v>7</v>
      </c>
      <c r="AK18346">
        <v>8</v>
      </c>
      <c r="AL18346">
        <v>8</v>
      </c>
      <c r="AM18346">
        <v>8</v>
      </c>
      <c r="AN18346">
        <v>8</v>
      </c>
      <c r="AO18346">
        <v>8</v>
      </c>
      <c r="AP18346">
        <v>8</v>
      </c>
      <c r="AQ18346">
        <v>8</v>
      </c>
    </row>
    <row r="18347" spans="1:43">
      <c r="A18347" t="s">
        <v>11366</v>
      </c>
      <c r="B18347" t="s">
        <v>11367</v>
      </c>
      <c r="C18347" t="s">
        <v>11360</v>
      </c>
      <c r="D18347" t="s">
        <v>11361</v>
      </c>
      <c r="E18347" t="s">
        <v>11206</v>
      </c>
      <c r="F18347" t="s">
        <v>11207</v>
      </c>
      <c r="G18347" t="s">
        <v>10734</v>
      </c>
      <c r="H18347" t="s">
        <v>10735</v>
      </c>
      <c r="I18347" s="2">
        <v>0</v>
      </c>
      <c r="J18347" s="2">
        <v>0</v>
      </c>
      <c r="K18347" s="2">
        <v>1</v>
      </c>
      <c r="L18347" t="s">
        <v>995</v>
      </c>
      <c r="M18347" t="s">
        <v>87</v>
      </c>
      <c r="N18347" t="s">
        <v>88</v>
      </c>
      <c r="O18347" t="s">
        <v>85</v>
      </c>
      <c r="P18347" t="s">
        <v>86</v>
      </c>
      <c r="Q18347">
        <v>5</v>
      </c>
      <c r="R18347">
        <v>5</v>
      </c>
      <c r="S18347">
        <v>5</v>
      </c>
      <c r="T18347">
        <v>5</v>
      </c>
      <c r="U18347">
        <v>5</v>
      </c>
      <c r="V18347">
        <v>5</v>
      </c>
      <c r="W18347">
        <v>5</v>
      </c>
      <c r="X18347">
        <v>5</v>
      </c>
      <c r="Y18347">
        <v>5</v>
      </c>
      <c r="Z18347">
        <v>5</v>
      </c>
      <c r="AA18347">
        <v>6</v>
      </c>
      <c r="AB18347">
        <v>6</v>
      </c>
      <c r="AC18347">
        <v>6</v>
      </c>
      <c r="AD18347">
        <v>6</v>
      </c>
      <c r="AE18347">
        <v>6</v>
      </c>
      <c r="AF18347">
        <v>6</v>
      </c>
      <c r="AG18347">
        <v>6</v>
      </c>
      <c r="AH18347">
        <v>6</v>
      </c>
      <c r="AI18347">
        <v>6</v>
      </c>
      <c r="AJ18347">
        <v>6</v>
      </c>
      <c r="AK18347">
        <v>7</v>
      </c>
      <c r="AL18347">
        <v>7</v>
      </c>
      <c r="AM18347">
        <v>7</v>
      </c>
      <c r="AN18347">
        <v>7</v>
      </c>
      <c r="AO18347">
        <v>7</v>
      </c>
      <c r="AP18347">
        <v>7</v>
      </c>
      <c r="AQ18347">
        <v>7</v>
      </c>
    </row>
    <row r="18348" spans="1:43">
      <c r="A18348" t="s">
        <v>11366</v>
      </c>
      <c r="B18348" t="s">
        <v>11367</v>
      </c>
      <c r="C18348" t="s">
        <v>11360</v>
      </c>
      <c r="D18348" t="s">
        <v>11361</v>
      </c>
      <c r="E18348" t="s">
        <v>11206</v>
      </c>
      <c r="F18348" t="s">
        <v>11207</v>
      </c>
      <c r="G18348" t="s">
        <v>10734</v>
      </c>
      <c r="H18348" t="s">
        <v>10735</v>
      </c>
      <c r="I18348" s="2">
        <v>0</v>
      </c>
      <c r="J18348" s="2">
        <v>0</v>
      </c>
      <c r="K18348" s="2">
        <v>1</v>
      </c>
      <c r="L18348" t="s">
        <v>995</v>
      </c>
      <c r="M18348" t="s">
        <v>89</v>
      </c>
      <c r="N18348" t="s">
        <v>90</v>
      </c>
      <c r="O18348" t="s">
        <v>85</v>
      </c>
      <c r="P18348" t="s">
        <v>86</v>
      </c>
      <c r="Q18348">
        <v>5</v>
      </c>
      <c r="R18348">
        <v>5</v>
      </c>
      <c r="S18348">
        <v>5</v>
      </c>
      <c r="T18348">
        <v>5</v>
      </c>
      <c r="U18348">
        <v>5</v>
      </c>
      <c r="V18348">
        <v>6</v>
      </c>
      <c r="W18348">
        <v>6</v>
      </c>
      <c r="X18348">
        <v>6</v>
      </c>
      <c r="Y18348">
        <v>6</v>
      </c>
      <c r="Z18348">
        <v>6</v>
      </c>
      <c r="AA18348">
        <v>6</v>
      </c>
      <c r="AB18348">
        <v>7</v>
      </c>
      <c r="AC18348">
        <v>7</v>
      </c>
      <c r="AD18348">
        <v>7</v>
      </c>
      <c r="AE18348">
        <v>7</v>
      </c>
      <c r="AF18348">
        <v>7</v>
      </c>
      <c r="AG18348">
        <v>7</v>
      </c>
      <c r="AH18348">
        <v>7</v>
      </c>
      <c r="AI18348">
        <v>8</v>
      </c>
      <c r="AJ18348">
        <v>8</v>
      </c>
      <c r="AK18348">
        <v>8</v>
      </c>
      <c r="AL18348">
        <v>8</v>
      </c>
      <c r="AM18348">
        <v>8</v>
      </c>
      <c r="AN18348">
        <v>8</v>
      </c>
      <c r="AO18348">
        <v>8</v>
      </c>
      <c r="AP18348">
        <v>8</v>
      </c>
      <c r="AQ18348">
        <v>8</v>
      </c>
    </row>
    <row r="18349" spans="1:43">
      <c r="A18349" t="s">
        <v>11366</v>
      </c>
      <c r="B18349" t="s">
        <v>11367</v>
      </c>
      <c r="C18349" t="s">
        <v>11360</v>
      </c>
      <c r="D18349" t="s">
        <v>11361</v>
      </c>
      <c r="E18349" t="s">
        <v>11206</v>
      </c>
      <c r="F18349" t="s">
        <v>11207</v>
      </c>
      <c r="G18349" t="s">
        <v>10734</v>
      </c>
      <c r="H18349" t="s">
        <v>10735</v>
      </c>
      <c r="I18349" s="2">
        <v>0</v>
      </c>
      <c r="J18349" s="2">
        <v>0</v>
      </c>
      <c r="K18349" s="2">
        <v>1</v>
      </c>
      <c r="L18349" t="s">
        <v>995</v>
      </c>
      <c r="M18349" t="s">
        <v>83</v>
      </c>
      <c r="N18349" t="s">
        <v>91</v>
      </c>
      <c r="O18349" t="s">
        <v>85</v>
      </c>
      <c r="P18349" t="s">
        <v>86</v>
      </c>
      <c r="Q18349">
        <v>5</v>
      </c>
      <c r="R18349">
        <v>5</v>
      </c>
      <c r="S18349">
        <v>5</v>
      </c>
      <c r="T18349">
        <v>5</v>
      </c>
      <c r="U18349">
        <v>5</v>
      </c>
      <c r="V18349">
        <v>5</v>
      </c>
      <c r="W18349">
        <v>6</v>
      </c>
      <c r="X18349">
        <v>6</v>
      </c>
      <c r="Y18349">
        <v>6</v>
      </c>
      <c r="Z18349">
        <v>6</v>
      </c>
      <c r="AA18349">
        <v>6</v>
      </c>
      <c r="AB18349">
        <v>6</v>
      </c>
      <c r="AC18349">
        <v>6</v>
      </c>
      <c r="AD18349">
        <v>7</v>
      </c>
      <c r="AE18349">
        <v>7</v>
      </c>
      <c r="AF18349">
        <v>7</v>
      </c>
      <c r="AG18349">
        <v>7</v>
      </c>
      <c r="AH18349">
        <v>7</v>
      </c>
      <c r="AI18349">
        <v>7</v>
      </c>
      <c r="AJ18349">
        <v>7</v>
      </c>
      <c r="AK18349">
        <v>8</v>
      </c>
      <c r="AL18349">
        <v>8</v>
      </c>
      <c r="AM18349">
        <v>8</v>
      </c>
      <c r="AN18349">
        <v>8</v>
      </c>
      <c r="AO18349">
        <v>8</v>
      </c>
      <c r="AP18349">
        <v>8</v>
      </c>
      <c r="AQ18349">
        <v>8</v>
      </c>
    </row>
    <row r="18350" spans="1:43">
      <c r="A18350" t="s">
        <v>11368</v>
      </c>
      <c r="B18350" t="s">
        <v>11369</v>
      </c>
      <c r="C18350" t="s">
        <v>11360</v>
      </c>
      <c r="D18350" t="s">
        <v>11361</v>
      </c>
      <c r="E18350" t="s">
        <v>11206</v>
      </c>
      <c r="F18350" t="s">
        <v>11207</v>
      </c>
      <c r="G18350" t="s">
        <v>10734</v>
      </c>
      <c r="H18350" t="s">
        <v>10735</v>
      </c>
      <c r="I18350" s="2">
        <v>0</v>
      </c>
      <c r="J18350" s="2">
        <v>0</v>
      </c>
      <c r="K18350" s="2">
        <v>1</v>
      </c>
      <c r="L18350" t="s">
        <v>995</v>
      </c>
      <c r="M18350" t="s">
        <v>83</v>
      </c>
      <c r="N18350" t="s">
        <v>84</v>
      </c>
      <c r="O18350" t="s">
        <v>85</v>
      </c>
      <c r="P18350" t="s">
        <v>86</v>
      </c>
      <c r="Q18350">
        <v>8</v>
      </c>
      <c r="R18350">
        <v>9</v>
      </c>
      <c r="S18350">
        <v>9</v>
      </c>
      <c r="T18350">
        <v>9</v>
      </c>
      <c r="U18350">
        <v>9</v>
      </c>
      <c r="V18350">
        <v>9</v>
      </c>
      <c r="W18350">
        <v>10</v>
      </c>
      <c r="X18350">
        <v>10</v>
      </c>
      <c r="Y18350">
        <v>10</v>
      </c>
      <c r="Z18350">
        <v>10</v>
      </c>
      <c r="AA18350">
        <v>11</v>
      </c>
      <c r="AB18350">
        <v>11</v>
      </c>
      <c r="AC18350">
        <v>11</v>
      </c>
      <c r="AD18350">
        <v>12</v>
      </c>
      <c r="AE18350">
        <v>12</v>
      </c>
      <c r="AF18350">
        <v>12</v>
      </c>
      <c r="AG18350">
        <v>12</v>
      </c>
      <c r="AH18350">
        <v>13</v>
      </c>
      <c r="AI18350">
        <v>13</v>
      </c>
      <c r="AJ18350">
        <v>13</v>
      </c>
      <c r="AK18350">
        <v>14</v>
      </c>
      <c r="AL18350">
        <v>14</v>
      </c>
      <c r="AM18350">
        <v>14</v>
      </c>
      <c r="AN18350">
        <v>14</v>
      </c>
      <c r="AO18350">
        <v>14</v>
      </c>
      <c r="AP18350">
        <v>15</v>
      </c>
      <c r="AQ18350">
        <v>15</v>
      </c>
    </row>
    <row r="18351" spans="1:43">
      <c r="A18351" t="s">
        <v>11368</v>
      </c>
      <c r="B18351" t="s">
        <v>11369</v>
      </c>
      <c r="C18351" t="s">
        <v>11360</v>
      </c>
      <c r="D18351" t="s">
        <v>11361</v>
      </c>
      <c r="E18351" t="s">
        <v>11206</v>
      </c>
      <c r="F18351" t="s">
        <v>11207</v>
      </c>
      <c r="G18351" t="s">
        <v>10734</v>
      </c>
      <c r="H18351" t="s">
        <v>10735</v>
      </c>
      <c r="I18351" s="2">
        <v>0</v>
      </c>
      <c r="J18351" s="2">
        <v>0</v>
      </c>
      <c r="K18351" s="2">
        <v>1</v>
      </c>
      <c r="L18351" t="s">
        <v>995</v>
      </c>
      <c r="M18351" t="s">
        <v>87</v>
      </c>
      <c r="N18351" t="s">
        <v>88</v>
      </c>
      <c r="O18351" t="s">
        <v>85</v>
      </c>
      <c r="P18351" t="s">
        <v>86</v>
      </c>
      <c r="Q18351">
        <v>8</v>
      </c>
      <c r="R18351">
        <v>8</v>
      </c>
      <c r="S18351">
        <v>9</v>
      </c>
      <c r="T18351">
        <v>9</v>
      </c>
      <c r="U18351">
        <v>9</v>
      </c>
      <c r="V18351">
        <v>9</v>
      </c>
      <c r="W18351">
        <v>9</v>
      </c>
      <c r="X18351">
        <v>9</v>
      </c>
      <c r="Y18351">
        <v>9</v>
      </c>
      <c r="Z18351">
        <v>10</v>
      </c>
      <c r="AA18351">
        <v>10</v>
      </c>
      <c r="AB18351">
        <v>10</v>
      </c>
      <c r="AC18351">
        <v>10</v>
      </c>
      <c r="AD18351">
        <v>10</v>
      </c>
      <c r="AE18351">
        <v>10</v>
      </c>
      <c r="AF18351">
        <v>11</v>
      </c>
      <c r="AG18351">
        <v>11</v>
      </c>
      <c r="AH18351">
        <v>11</v>
      </c>
      <c r="AI18351">
        <v>11</v>
      </c>
      <c r="AJ18351">
        <v>11</v>
      </c>
      <c r="AK18351">
        <v>12</v>
      </c>
      <c r="AL18351">
        <v>12</v>
      </c>
      <c r="AM18351">
        <v>12</v>
      </c>
      <c r="AN18351">
        <v>12</v>
      </c>
      <c r="AO18351">
        <v>12</v>
      </c>
      <c r="AP18351">
        <v>13</v>
      </c>
      <c r="AQ18351">
        <v>13</v>
      </c>
    </row>
    <row r="18352" spans="1:43">
      <c r="A18352" t="s">
        <v>11368</v>
      </c>
      <c r="B18352" t="s">
        <v>11369</v>
      </c>
      <c r="C18352" t="s">
        <v>11360</v>
      </c>
      <c r="D18352" t="s">
        <v>11361</v>
      </c>
      <c r="E18352" t="s">
        <v>11206</v>
      </c>
      <c r="F18352" t="s">
        <v>11207</v>
      </c>
      <c r="G18352" t="s">
        <v>10734</v>
      </c>
      <c r="H18352" t="s">
        <v>10735</v>
      </c>
      <c r="I18352" s="2">
        <v>0</v>
      </c>
      <c r="J18352" s="2">
        <v>0</v>
      </c>
      <c r="K18352" s="2">
        <v>1</v>
      </c>
      <c r="L18352" t="s">
        <v>995</v>
      </c>
      <c r="M18352" t="s">
        <v>89</v>
      </c>
      <c r="N18352" t="s">
        <v>90</v>
      </c>
      <c r="O18352" t="s">
        <v>85</v>
      </c>
      <c r="P18352" t="s">
        <v>86</v>
      </c>
      <c r="Q18352">
        <v>8</v>
      </c>
      <c r="R18352">
        <v>9</v>
      </c>
      <c r="S18352">
        <v>9</v>
      </c>
      <c r="T18352">
        <v>9</v>
      </c>
      <c r="U18352">
        <v>10</v>
      </c>
      <c r="V18352">
        <v>10</v>
      </c>
      <c r="W18352">
        <v>10</v>
      </c>
      <c r="X18352">
        <v>11</v>
      </c>
      <c r="Y18352">
        <v>11</v>
      </c>
      <c r="Z18352">
        <v>11</v>
      </c>
      <c r="AA18352">
        <v>11</v>
      </c>
      <c r="AB18352">
        <v>12</v>
      </c>
      <c r="AC18352">
        <v>12</v>
      </c>
      <c r="AD18352">
        <v>12</v>
      </c>
      <c r="AE18352">
        <v>13</v>
      </c>
      <c r="AF18352">
        <v>13</v>
      </c>
      <c r="AG18352">
        <v>13</v>
      </c>
      <c r="AH18352">
        <v>13</v>
      </c>
      <c r="AI18352">
        <v>13</v>
      </c>
      <c r="AJ18352">
        <v>14</v>
      </c>
      <c r="AK18352">
        <v>14</v>
      </c>
      <c r="AL18352">
        <v>14</v>
      </c>
      <c r="AM18352">
        <v>14</v>
      </c>
      <c r="AN18352">
        <v>14</v>
      </c>
      <c r="AO18352">
        <v>14</v>
      </c>
      <c r="AP18352">
        <v>15</v>
      </c>
      <c r="AQ18352">
        <v>15</v>
      </c>
    </row>
    <row r="18353" spans="1:43">
      <c r="A18353" t="s">
        <v>11368</v>
      </c>
      <c r="B18353" t="s">
        <v>11369</v>
      </c>
      <c r="C18353" t="s">
        <v>11360</v>
      </c>
      <c r="D18353" t="s">
        <v>11361</v>
      </c>
      <c r="E18353" t="s">
        <v>11206</v>
      </c>
      <c r="F18353" t="s">
        <v>11207</v>
      </c>
      <c r="G18353" t="s">
        <v>10734</v>
      </c>
      <c r="H18353" t="s">
        <v>10735</v>
      </c>
      <c r="I18353" s="2">
        <v>0</v>
      </c>
      <c r="J18353" s="2">
        <v>0</v>
      </c>
      <c r="K18353" s="2">
        <v>1</v>
      </c>
      <c r="L18353" t="s">
        <v>995</v>
      </c>
      <c r="M18353" t="s">
        <v>83</v>
      </c>
      <c r="N18353" t="s">
        <v>91</v>
      </c>
      <c r="O18353" t="s">
        <v>85</v>
      </c>
      <c r="P18353" t="s">
        <v>86</v>
      </c>
      <c r="Q18353">
        <v>8</v>
      </c>
      <c r="R18353">
        <v>9</v>
      </c>
      <c r="S18353">
        <v>9</v>
      </c>
      <c r="T18353">
        <v>9</v>
      </c>
      <c r="U18353">
        <v>9</v>
      </c>
      <c r="V18353">
        <v>9</v>
      </c>
      <c r="W18353">
        <v>10</v>
      </c>
      <c r="X18353">
        <v>10</v>
      </c>
      <c r="Y18353">
        <v>10</v>
      </c>
      <c r="Z18353">
        <v>10</v>
      </c>
      <c r="AA18353">
        <v>11</v>
      </c>
      <c r="AB18353">
        <v>11</v>
      </c>
      <c r="AC18353">
        <v>11</v>
      </c>
      <c r="AD18353">
        <v>12</v>
      </c>
      <c r="AE18353">
        <v>12</v>
      </c>
      <c r="AF18353">
        <v>12</v>
      </c>
      <c r="AG18353">
        <v>12</v>
      </c>
      <c r="AH18353">
        <v>13</v>
      </c>
      <c r="AI18353">
        <v>13</v>
      </c>
      <c r="AJ18353">
        <v>13</v>
      </c>
      <c r="AK18353">
        <v>14</v>
      </c>
      <c r="AL18353">
        <v>14</v>
      </c>
      <c r="AM18353">
        <v>14</v>
      </c>
      <c r="AN18353">
        <v>14</v>
      </c>
      <c r="AO18353">
        <v>14</v>
      </c>
      <c r="AP18353">
        <v>15</v>
      </c>
      <c r="AQ18353">
        <v>15</v>
      </c>
    </row>
    <row r="18354" spans="1:43">
      <c r="A18354" t="s">
        <v>11370</v>
      </c>
      <c r="B18354" t="s">
        <v>11371</v>
      </c>
      <c r="C18354" t="s">
        <v>11314</v>
      </c>
      <c r="D18354" t="s">
        <v>11315</v>
      </c>
      <c r="E18354" t="s">
        <v>11206</v>
      </c>
      <c r="F18354" t="s">
        <v>11207</v>
      </c>
      <c r="G18354" t="s">
        <v>10734</v>
      </c>
      <c r="H18354" t="s">
        <v>10735</v>
      </c>
      <c r="I18354" s="2">
        <v>0</v>
      </c>
      <c r="J18354" s="2">
        <v>0</v>
      </c>
      <c r="K18354" s="2">
        <v>1</v>
      </c>
      <c r="L18354" t="s">
        <v>995</v>
      </c>
      <c r="M18354" t="s">
        <v>83</v>
      </c>
      <c r="N18354" t="s">
        <v>84</v>
      </c>
      <c r="O18354" t="s">
        <v>85</v>
      </c>
      <c r="P18354" t="s">
        <v>86</v>
      </c>
      <c r="Q18354">
        <v>32</v>
      </c>
      <c r="R18354">
        <v>33</v>
      </c>
      <c r="S18354">
        <v>34</v>
      </c>
      <c r="T18354">
        <v>35</v>
      </c>
      <c r="U18354">
        <v>36</v>
      </c>
      <c r="V18354">
        <v>37</v>
      </c>
      <c r="W18354">
        <v>38</v>
      </c>
      <c r="X18354">
        <v>39</v>
      </c>
      <c r="Y18354">
        <v>40</v>
      </c>
      <c r="Z18354">
        <v>41</v>
      </c>
      <c r="AA18354">
        <v>42</v>
      </c>
      <c r="AB18354">
        <v>43</v>
      </c>
      <c r="AC18354">
        <v>44</v>
      </c>
      <c r="AD18354">
        <v>45</v>
      </c>
      <c r="AE18354">
        <v>46</v>
      </c>
      <c r="AF18354">
        <v>47</v>
      </c>
      <c r="AG18354">
        <v>48</v>
      </c>
      <c r="AH18354">
        <v>49</v>
      </c>
      <c r="AI18354">
        <v>50</v>
      </c>
      <c r="AJ18354">
        <v>51</v>
      </c>
      <c r="AK18354">
        <v>52</v>
      </c>
      <c r="AL18354">
        <v>53</v>
      </c>
      <c r="AM18354">
        <v>54</v>
      </c>
      <c r="AN18354">
        <v>55</v>
      </c>
      <c r="AO18354">
        <v>55</v>
      </c>
      <c r="AP18354">
        <v>56</v>
      </c>
      <c r="AQ18354">
        <v>57</v>
      </c>
    </row>
    <row r="18355" spans="1:43">
      <c r="A18355" t="s">
        <v>11370</v>
      </c>
      <c r="B18355" t="s">
        <v>11371</v>
      </c>
      <c r="C18355" t="s">
        <v>11314</v>
      </c>
      <c r="D18355" t="s">
        <v>11315</v>
      </c>
      <c r="E18355" t="s">
        <v>11206</v>
      </c>
      <c r="F18355" t="s">
        <v>11207</v>
      </c>
      <c r="G18355" t="s">
        <v>10734</v>
      </c>
      <c r="H18355" t="s">
        <v>10735</v>
      </c>
      <c r="I18355" s="2">
        <v>0</v>
      </c>
      <c r="J18355" s="2">
        <v>0</v>
      </c>
      <c r="K18355" s="2">
        <v>1</v>
      </c>
      <c r="L18355" t="s">
        <v>995</v>
      </c>
      <c r="M18355" t="s">
        <v>87</v>
      </c>
      <c r="N18355" t="s">
        <v>88</v>
      </c>
      <c r="O18355" t="s">
        <v>85</v>
      </c>
      <c r="P18355" t="s">
        <v>86</v>
      </c>
      <c r="Q18355">
        <v>32</v>
      </c>
      <c r="R18355">
        <v>33</v>
      </c>
      <c r="S18355">
        <v>33</v>
      </c>
      <c r="T18355">
        <v>34</v>
      </c>
      <c r="U18355">
        <v>34</v>
      </c>
      <c r="V18355">
        <v>35</v>
      </c>
      <c r="W18355">
        <v>35</v>
      </c>
      <c r="X18355">
        <v>36</v>
      </c>
      <c r="Y18355">
        <v>37</v>
      </c>
      <c r="Z18355">
        <v>37</v>
      </c>
      <c r="AA18355">
        <v>38</v>
      </c>
      <c r="AB18355">
        <v>38</v>
      </c>
      <c r="AC18355">
        <v>39</v>
      </c>
      <c r="AD18355">
        <v>40</v>
      </c>
      <c r="AE18355">
        <v>40</v>
      </c>
      <c r="AF18355">
        <v>41</v>
      </c>
      <c r="AG18355">
        <v>42</v>
      </c>
      <c r="AH18355">
        <v>42</v>
      </c>
      <c r="AI18355">
        <v>43</v>
      </c>
      <c r="AJ18355">
        <v>44</v>
      </c>
      <c r="AK18355">
        <v>45</v>
      </c>
      <c r="AL18355">
        <v>45</v>
      </c>
      <c r="AM18355">
        <v>46</v>
      </c>
      <c r="AN18355">
        <v>47</v>
      </c>
      <c r="AO18355">
        <v>48</v>
      </c>
      <c r="AP18355">
        <v>49</v>
      </c>
      <c r="AQ18355">
        <v>50</v>
      </c>
    </row>
    <row r="18356" spans="1:43">
      <c r="A18356" t="s">
        <v>11370</v>
      </c>
      <c r="B18356" t="s">
        <v>11371</v>
      </c>
      <c r="C18356" t="s">
        <v>11314</v>
      </c>
      <c r="D18356" t="s">
        <v>11315</v>
      </c>
      <c r="E18356" t="s">
        <v>11206</v>
      </c>
      <c r="F18356" t="s">
        <v>11207</v>
      </c>
      <c r="G18356" t="s">
        <v>10734</v>
      </c>
      <c r="H18356" t="s">
        <v>10735</v>
      </c>
      <c r="I18356" s="2">
        <v>0</v>
      </c>
      <c r="J18356" s="2">
        <v>0</v>
      </c>
      <c r="K18356" s="2">
        <v>1</v>
      </c>
      <c r="L18356" t="s">
        <v>995</v>
      </c>
      <c r="M18356" t="s">
        <v>89</v>
      </c>
      <c r="N18356" t="s">
        <v>90</v>
      </c>
      <c r="O18356" t="s">
        <v>85</v>
      </c>
      <c r="P18356" t="s">
        <v>86</v>
      </c>
      <c r="Q18356">
        <v>32</v>
      </c>
      <c r="R18356">
        <v>33</v>
      </c>
      <c r="S18356">
        <v>34</v>
      </c>
      <c r="T18356">
        <v>35</v>
      </c>
      <c r="U18356">
        <v>36</v>
      </c>
      <c r="V18356">
        <v>37</v>
      </c>
      <c r="W18356">
        <v>39</v>
      </c>
      <c r="X18356">
        <v>40</v>
      </c>
      <c r="Y18356">
        <v>41</v>
      </c>
      <c r="Z18356">
        <v>42</v>
      </c>
      <c r="AA18356">
        <v>43</v>
      </c>
      <c r="AB18356">
        <v>44</v>
      </c>
      <c r="AC18356">
        <v>46</v>
      </c>
      <c r="AD18356">
        <v>47</v>
      </c>
      <c r="AE18356">
        <v>48</v>
      </c>
      <c r="AF18356">
        <v>48</v>
      </c>
      <c r="AG18356">
        <v>49</v>
      </c>
      <c r="AH18356">
        <v>50</v>
      </c>
      <c r="AI18356">
        <v>51</v>
      </c>
      <c r="AJ18356">
        <v>51</v>
      </c>
      <c r="AK18356">
        <v>52</v>
      </c>
      <c r="AL18356">
        <v>53</v>
      </c>
      <c r="AM18356">
        <v>53</v>
      </c>
      <c r="AN18356">
        <v>54</v>
      </c>
      <c r="AO18356">
        <v>55</v>
      </c>
      <c r="AP18356">
        <v>56</v>
      </c>
      <c r="AQ18356">
        <v>56</v>
      </c>
    </row>
    <row r="18357" spans="1:43">
      <c r="A18357" t="s">
        <v>11370</v>
      </c>
      <c r="B18357" t="s">
        <v>11371</v>
      </c>
      <c r="C18357" t="s">
        <v>11314</v>
      </c>
      <c r="D18357" t="s">
        <v>11315</v>
      </c>
      <c r="E18357" t="s">
        <v>11206</v>
      </c>
      <c r="F18357" t="s">
        <v>11207</v>
      </c>
      <c r="G18357" t="s">
        <v>10734</v>
      </c>
      <c r="H18357" t="s">
        <v>10735</v>
      </c>
      <c r="I18357" s="2">
        <v>0</v>
      </c>
      <c r="J18357" s="2">
        <v>0</v>
      </c>
      <c r="K18357" s="2">
        <v>1</v>
      </c>
      <c r="L18357" t="s">
        <v>995</v>
      </c>
      <c r="M18357" t="s">
        <v>83</v>
      </c>
      <c r="N18357" t="s">
        <v>91</v>
      </c>
      <c r="O18357" t="s">
        <v>85</v>
      </c>
      <c r="P18357" t="s">
        <v>86</v>
      </c>
      <c r="Q18357">
        <v>32</v>
      </c>
      <c r="R18357">
        <v>33</v>
      </c>
      <c r="S18357">
        <v>34</v>
      </c>
      <c r="T18357">
        <v>35</v>
      </c>
      <c r="U18357">
        <v>36</v>
      </c>
      <c r="V18357">
        <v>37</v>
      </c>
      <c r="W18357">
        <v>38</v>
      </c>
      <c r="X18357">
        <v>39</v>
      </c>
      <c r="Y18357">
        <v>40</v>
      </c>
      <c r="Z18357">
        <v>41</v>
      </c>
      <c r="AA18357">
        <v>42</v>
      </c>
      <c r="AB18357">
        <v>43</v>
      </c>
      <c r="AC18357">
        <v>44</v>
      </c>
      <c r="AD18357">
        <v>45</v>
      </c>
      <c r="AE18357">
        <v>46</v>
      </c>
      <c r="AF18357">
        <v>47</v>
      </c>
      <c r="AG18357">
        <v>48</v>
      </c>
      <c r="AH18357">
        <v>49</v>
      </c>
      <c r="AI18357">
        <v>50</v>
      </c>
      <c r="AJ18357">
        <v>51</v>
      </c>
      <c r="AK18357">
        <v>52</v>
      </c>
      <c r="AL18357">
        <v>53</v>
      </c>
      <c r="AM18357">
        <v>54</v>
      </c>
      <c r="AN18357">
        <v>55</v>
      </c>
      <c r="AO18357">
        <v>55</v>
      </c>
      <c r="AP18357">
        <v>56</v>
      </c>
      <c r="AQ18357">
        <v>57</v>
      </c>
    </row>
    <row r="18358" spans="1:43">
      <c r="A18358" t="s">
        <v>11372</v>
      </c>
      <c r="B18358" t="s">
        <v>11373</v>
      </c>
      <c r="C18358" t="s">
        <v>11314</v>
      </c>
      <c r="D18358" t="s">
        <v>11315</v>
      </c>
      <c r="E18358" t="s">
        <v>11206</v>
      </c>
      <c r="F18358" t="s">
        <v>11207</v>
      </c>
      <c r="G18358" t="s">
        <v>10734</v>
      </c>
      <c r="H18358" t="s">
        <v>10735</v>
      </c>
      <c r="I18358" s="2">
        <v>0</v>
      </c>
      <c r="J18358" s="2">
        <v>0</v>
      </c>
      <c r="K18358" s="2">
        <v>1</v>
      </c>
      <c r="L18358" t="s">
        <v>995</v>
      </c>
      <c r="M18358" t="s">
        <v>83</v>
      </c>
      <c r="N18358" t="s">
        <v>84</v>
      </c>
      <c r="O18358" t="s">
        <v>85</v>
      </c>
      <c r="P18358" t="s">
        <v>86</v>
      </c>
      <c r="Q18358">
        <v>8</v>
      </c>
      <c r="R18358">
        <v>8</v>
      </c>
      <c r="S18358">
        <v>8</v>
      </c>
      <c r="T18358">
        <v>9</v>
      </c>
      <c r="U18358">
        <v>9</v>
      </c>
      <c r="V18358">
        <v>9</v>
      </c>
      <c r="W18358">
        <v>9</v>
      </c>
      <c r="X18358">
        <v>9</v>
      </c>
      <c r="Y18358">
        <v>10</v>
      </c>
      <c r="Z18358">
        <v>10</v>
      </c>
      <c r="AA18358">
        <v>10</v>
      </c>
      <c r="AB18358">
        <v>10</v>
      </c>
      <c r="AC18358">
        <v>11</v>
      </c>
      <c r="AD18358">
        <v>11</v>
      </c>
      <c r="AE18358">
        <v>11</v>
      </c>
      <c r="AF18358">
        <v>11</v>
      </c>
      <c r="AG18358">
        <v>12</v>
      </c>
      <c r="AH18358">
        <v>12</v>
      </c>
      <c r="AI18358">
        <v>12</v>
      </c>
      <c r="AJ18358">
        <v>13</v>
      </c>
      <c r="AK18358">
        <v>13</v>
      </c>
      <c r="AL18358">
        <v>13</v>
      </c>
      <c r="AM18358">
        <v>13</v>
      </c>
      <c r="AN18358">
        <v>13</v>
      </c>
      <c r="AO18358">
        <v>14</v>
      </c>
      <c r="AP18358">
        <v>14</v>
      </c>
      <c r="AQ18358">
        <v>14</v>
      </c>
    </row>
    <row r="18359" spans="1:43">
      <c r="A18359" t="s">
        <v>11372</v>
      </c>
      <c r="B18359" t="s">
        <v>11373</v>
      </c>
      <c r="C18359" t="s">
        <v>11314</v>
      </c>
      <c r="D18359" t="s">
        <v>11315</v>
      </c>
      <c r="E18359" t="s">
        <v>11206</v>
      </c>
      <c r="F18359" t="s">
        <v>11207</v>
      </c>
      <c r="G18359" t="s">
        <v>10734</v>
      </c>
      <c r="H18359" t="s">
        <v>10735</v>
      </c>
      <c r="I18359" s="2">
        <v>0</v>
      </c>
      <c r="J18359" s="2">
        <v>0</v>
      </c>
      <c r="K18359" s="2">
        <v>1</v>
      </c>
      <c r="L18359" t="s">
        <v>995</v>
      </c>
      <c r="M18359" t="s">
        <v>87</v>
      </c>
      <c r="N18359" t="s">
        <v>88</v>
      </c>
      <c r="O18359" t="s">
        <v>85</v>
      </c>
      <c r="P18359" t="s">
        <v>86</v>
      </c>
      <c r="Q18359">
        <v>8</v>
      </c>
      <c r="R18359">
        <v>8</v>
      </c>
      <c r="S18359">
        <v>8</v>
      </c>
      <c r="T18359">
        <v>8</v>
      </c>
      <c r="U18359">
        <v>8</v>
      </c>
      <c r="V18359">
        <v>9</v>
      </c>
      <c r="W18359">
        <v>9</v>
      </c>
      <c r="X18359">
        <v>9</v>
      </c>
      <c r="Y18359">
        <v>9</v>
      </c>
      <c r="Z18359">
        <v>9</v>
      </c>
      <c r="AA18359">
        <v>9</v>
      </c>
      <c r="AB18359">
        <v>9</v>
      </c>
      <c r="AC18359">
        <v>10</v>
      </c>
      <c r="AD18359">
        <v>10</v>
      </c>
      <c r="AE18359">
        <v>10</v>
      </c>
      <c r="AF18359">
        <v>10</v>
      </c>
      <c r="AG18359">
        <v>10</v>
      </c>
      <c r="AH18359">
        <v>10</v>
      </c>
      <c r="AI18359">
        <v>11</v>
      </c>
      <c r="AJ18359">
        <v>11</v>
      </c>
      <c r="AK18359">
        <v>11</v>
      </c>
      <c r="AL18359">
        <v>11</v>
      </c>
      <c r="AM18359">
        <v>11</v>
      </c>
      <c r="AN18359">
        <v>12</v>
      </c>
      <c r="AO18359">
        <v>12</v>
      </c>
      <c r="AP18359">
        <v>12</v>
      </c>
      <c r="AQ18359">
        <v>12</v>
      </c>
    </row>
    <row r="18360" spans="1:43">
      <c r="A18360" t="s">
        <v>11372</v>
      </c>
      <c r="B18360" t="s">
        <v>11373</v>
      </c>
      <c r="C18360" t="s">
        <v>11314</v>
      </c>
      <c r="D18360" t="s">
        <v>11315</v>
      </c>
      <c r="E18360" t="s">
        <v>11206</v>
      </c>
      <c r="F18360" t="s">
        <v>11207</v>
      </c>
      <c r="G18360" t="s">
        <v>10734</v>
      </c>
      <c r="H18360" t="s">
        <v>10735</v>
      </c>
      <c r="I18360" s="2">
        <v>0</v>
      </c>
      <c r="J18360" s="2">
        <v>0</v>
      </c>
      <c r="K18360" s="2">
        <v>1</v>
      </c>
      <c r="L18360" t="s">
        <v>995</v>
      </c>
      <c r="M18360" t="s">
        <v>89</v>
      </c>
      <c r="N18360" t="s">
        <v>90</v>
      </c>
      <c r="O18360" t="s">
        <v>85</v>
      </c>
      <c r="P18360" t="s">
        <v>86</v>
      </c>
      <c r="Q18360">
        <v>8</v>
      </c>
      <c r="R18360">
        <v>8</v>
      </c>
      <c r="S18360">
        <v>9</v>
      </c>
      <c r="T18360">
        <v>9</v>
      </c>
      <c r="U18360">
        <v>9</v>
      </c>
      <c r="V18360">
        <v>9</v>
      </c>
      <c r="W18360">
        <v>10</v>
      </c>
      <c r="X18360">
        <v>10</v>
      </c>
      <c r="Y18360">
        <v>10</v>
      </c>
      <c r="Z18360">
        <v>11</v>
      </c>
      <c r="AA18360">
        <v>11</v>
      </c>
      <c r="AB18360">
        <v>11</v>
      </c>
      <c r="AC18360">
        <v>11</v>
      </c>
      <c r="AD18360">
        <v>12</v>
      </c>
      <c r="AE18360">
        <v>12</v>
      </c>
      <c r="AF18360">
        <v>12</v>
      </c>
      <c r="AG18360">
        <v>12</v>
      </c>
      <c r="AH18360">
        <v>12</v>
      </c>
      <c r="AI18360">
        <v>13</v>
      </c>
      <c r="AJ18360">
        <v>13</v>
      </c>
      <c r="AK18360">
        <v>13</v>
      </c>
      <c r="AL18360">
        <v>13</v>
      </c>
      <c r="AM18360">
        <v>13</v>
      </c>
      <c r="AN18360">
        <v>13</v>
      </c>
      <c r="AO18360">
        <v>14</v>
      </c>
      <c r="AP18360">
        <v>14</v>
      </c>
      <c r="AQ18360">
        <v>14</v>
      </c>
    </row>
    <row r="18361" spans="1:43">
      <c r="A18361" t="s">
        <v>11372</v>
      </c>
      <c r="B18361" t="s">
        <v>11373</v>
      </c>
      <c r="C18361" t="s">
        <v>11314</v>
      </c>
      <c r="D18361" t="s">
        <v>11315</v>
      </c>
      <c r="E18361" t="s">
        <v>11206</v>
      </c>
      <c r="F18361" t="s">
        <v>11207</v>
      </c>
      <c r="G18361" t="s">
        <v>10734</v>
      </c>
      <c r="H18361" t="s">
        <v>10735</v>
      </c>
      <c r="I18361" s="2">
        <v>0</v>
      </c>
      <c r="J18361" s="2">
        <v>0</v>
      </c>
      <c r="K18361" s="2">
        <v>1</v>
      </c>
      <c r="L18361" t="s">
        <v>995</v>
      </c>
      <c r="M18361" t="s">
        <v>83</v>
      </c>
      <c r="N18361" t="s">
        <v>91</v>
      </c>
      <c r="O18361" t="s">
        <v>85</v>
      </c>
      <c r="P18361" t="s">
        <v>86</v>
      </c>
      <c r="Q18361">
        <v>8</v>
      </c>
      <c r="R18361">
        <v>8</v>
      </c>
      <c r="S18361">
        <v>8</v>
      </c>
      <c r="T18361">
        <v>9</v>
      </c>
      <c r="U18361">
        <v>9</v>
      </c>
      <c r="V18361">
        <v>9</v>
      </c>
      <c r="W18361">
        <v>9</v>
      </c>
      <c r="X18361">
        <v>9</v>
      </c>
      <c r="Y18361">
        <v>10</v>
      </c>
      <c r="Z18361">
        <v>10</v>
      </c>
      <c r="AA18361">
        <v>10</v>
      </c>
      <c r="AB18361">
        <v>10</v>
      </c>
      <c r="AC18361">
        <v>11</v>
      </c>
      <c r="AD18361">
        <v>11</v>
      </c>
      <c r="AE18361">
        <v>11</v>
      </c>
      <c r="AF18361">
        <v>11</v>
      </c>
      <c r="AG18361">
        <v>12</v>
      </c>
      <c r="AH18361">
        <v>12</v>
      </c>
      <c r="AI18361">
        <v>12</v>
      </c>
      <c r="AJ18361">
        <v>13</v>
      </c>
      <c r="AK18361">
        <v>13</v>
      </c>
      <c r="AL18361">
        <v>13</v>
      </c>
      <c r="AM18361">
        <v>13</v>
      </c>
      <c r="AN18361">
        <v>13</v>
      </c>
      <c r="AO18361">
        <v>14</v>
      </c>
      <c r="AP18361">
        <v>14</v>
      </c>
      <c r="AQ18361">
        <v>14</v>
      </c>
    </row>
    <row r="18362" spans="1:43">
      <c r="A18362" t="s">
        <v>11374</v>
      </c>
      <c r="B18362" t="s">
        <v>11375</v>
      </c>
      <c r="C18362" t="s">
        <v>11376</v>
      </c>
      <c r="D18362" t="s">
        <v>11377</v>
      </c>
      <c r="E18362" t="s">
        <v>11206</v>
      </c>
      <c r="F18362" t="s">
        <v>11207</v>
      </c>
      <c r="G18362" t="s">
        <v>10734</v>
      </c>
      <c r="H18362" t="s">
        <v>10735</v>
      </c>
      <c r="I18362" s="2">
        <v>0</v>
      </c>
      <c r="J18362" s="2">
        <v>0</v>
      </c>
      <c r="K18362" s="2">
        <v>1</v>
      </c>
      <c r="L18362" t="s">
        <v>995</v>
      </c>
      <c r="M18362" t="s">
        <v>83</v>
      </c>
      <c r="N18362" t="s">
        <v>84</v>
      </c>
      <c r="O18362" t="s">
        <v>85</v>
      </c>
      <c r="P18362" t="s">
        <v>86</v>
      </c>
      <c r="Q18362">
        <v>15</v>
      </c>
      <c r="R18362">
        <v>15</v>
      </c>
      <c r="S18362">
        <v>16</v>
      </c>
      <c r="T18362">
        <v>16</v>
      </c>
      <c r="U18362">
        <v>16</v>
      </c>
      <c r="V18362">
        <v>17</v>
      </c>
      <c r="W18362">
        <v>17</v>
      </c>
      <c r="X18362">
        <v>18</v>
      </c>
      <c r="Y18362">
        <v>18</v>
      </c>
      <c r="Z18362">
        <v>19</v>
      </c>
      <c r="AA18362">
        <v>19</v>
      </c>
      <c r="AB18362">
        <v>19</v>
      </c>
      <c r="AC18362">
        <v>20</v>
      </c>
      <c r="AD18362">
        <v>20</v>
      </c>
      <c r="AE18362">
        <v>21</v>
      </c>
      <c r="AF18362">
        <v>21</v>
      </c>
      <c r="AG18362">
        <v>22</v>
      </c>
      <c r="AH18362">
        <v>22</v>
      </c>
      <c r="AI18362">
        <v>23</v>
      </c>
      <c r="AJ18362">
        <v>23</v>
      </c>
      <c r="AK18362">
        <v>24</v>
      </c>
      <c r="AL18362">
        <v>24</v>
      </c>
      <c r="AM18362">
        <v>25</v>
      </c>
      <c r="AN18362">
        <v>25</v>
      </c>
      <c r="AO18362">
        <v>25</v>
      </c>
      <c r="AP18362">
        <v>26</v>
      </c>
      <c r="AQ18362">
        <v>26</v>
      </c>
    </row>
    <row r="18363" spans="1:43">
      <c r="A18363" t="s">
        <v>11374</v>
      </c>
      <c r="B18363" t="s">
        <v>11375</v>
      </c>
      <c r="C18363" t="s">
        <v>11376</v>
      </c>
      <c r="D18363" t="s">
        <v>11377</v>
      </c>
      <c r="E18363" t="s">
        <v>11206</v>
      </c>
      <c r="F18363" t="s">
        <v>11207</v>
      </c>
      <c r="G18363" t="s">
        <v>10734</v>
      </c>
      <c r="H18363" t="s">
        <v>10735</v>
      </c>
      <c r="I18363" s="2">
        <v>0</v>
      </c>
      <c r="J18363" s="2">
        <v>0</v>
      </c>
      <c r="K18363" s="2">
        <v>1</v>
      </c>
      <c r="L18363" t="s">
        <v>995</v>
      </c>
      <c r="M18363" t="s">
        <v>87</v>
      </c>
      <c r="N18363" t="s">
        <v>88</v>
      </c>
      <c r="O18363" t="s">
        <v>85</v>
      </c>
      <c r="P18363" t="s">
        <v>86</v>
      </c>
      <c r="Q18363">
        <v>15</v>
      </c>
      <c r="R18363">
        <v>15</v>
      </c>
      <c r="S18363">
        <v>15</v>
      </c>
      <c r="T18363">
        <v>15</v>
      </c>
      <c r="U18363">
        <v>16</v>
      </c>
      <c r="V18363">
        <v>16</v>
      </c>
      <c r="W18363">
        <v>16</v>
      </c>
      <c r="X18363">
        <v>16</v>
      </c>
      <c r="Y18363">
        <v>17</v>
      </c>
      <c r="Z18363">
        <v>17</v>
      </c>
      <c r="AA18363">
        <v>17</v>
      </c>
      <c r="AB18363">
        <v>18</v>
      </c>
      <c r="AC18363">
        <v>18</v>
      </c>
      <c r="AD18363">
        <v>18</v>
      </c>
      <c r="AE18363">
        <v>18</v>
      </c>
      <c r="AF18363">
        <v>19</v>
      </c>
      <c r="AG18363">
        <v>19</v>
      </c>
      <c r="AH18363">
        <v>19</v>
      </c>
      <c r="AI18363">
        <v>20</v>
      </c>
      <c r="AJ18363">
        <v>20</v>
      </c>
      <c r="AK18363">
        <v>20</v>
      </c>
      <c r="AL18363">
        <v>21</v>
      </c>
      <c r="AM18363">
        <v>21</v>
      </c>
      <c r="AN18363">
        <v>22</v>
      </c>
      <c r="AO18363">
        <v>22</v>
      </c>
      <c r="AP18363">
        <v>22</v>
      </c>
      <c r="AQ18363">
        <v>23</v>
      </c>
    </row>
    <row r="18364" spans="1:43">
      <c r="A18364" t="s">
        <v>11374</v>
      </c>
      <c r="B18364" t="s">
        <v>11375</v>
      </c>
      <c r="C18364" t="s">
        <v>11376</v>
      </c>
      <c r="D18364" t="s">
        <v>11377</v>
      </c>
      <c r="E18364" t="s">
        <v>11206</v>
      </c>
      <c r="F18364" t="s">
        <v>11207</v>
      </c>
      <c r="G18364" t="s">
        <v>10734</v>
      </c>
      <c r="H18364" t="s">
        <v>10735</v>
      </c>
      <c r="I18364" s="2">
        <v>0</v>
      </c>
      <c r="J18364" s="2">
        <v>0</v>
      </c>
      <c r="K18364" s="2">
        <v>1</v>
      </c>
      <c r="L18364" t="s">
        <v>995</v>
      </c>
      <c r="M18364" t="s">
        <v>89</v>
      </c>
      <c r="N18364" t="s">
        <v>90</v>
      </c>
      <c r="O18364" t="s">
        <v>85</v>
      </c>
      <c r="P18364" t="s">
        <v>86</v>
      </c>
      <c r="Q18364">
        <v>15</v>
      </c>
      <c r="R18364">
        <v>15</v>
      </c>
      <c r="S18364">
        <v>16</v>
      </c>
      <c r="T18364">
        <v>16</v>
      </c>
      <c r="U18364">
        <v>17</v>
      </c>
      <c r="V18364">
        <v>18</v>
      </c>
      <c r="W18364">
        <v>18</v>
      </c>
      <c r="X18364">
        <v>19</v>
      </c>
      <c r="Y18364">
        <v>19</v>
      </c>
      <c r="Z18364">
        <v>20</v>
      </c>
      <c r="AA18364">
        <v>20</v>
      </c>
      <c r="AB18364">
        <v>21</v>
      </c>
      <c r="AC18364">
        <v>21</v>
      </c>
      <c r="AD18364">
        <v>22</v>
      </c>
      <c r="AE18364">
        <v>22</v>
      </c>
      <c r="AF18364">
        <v>23</v>
      </c>
      <c r="AG18364">
        <v>23</v>
      </c>
      <c r="AH18364">
        <v>23</v>
      </c>
      <c r="AI18364">
        <v>24</v>
      </c>
      <c r="AJ18364">
        <v>24</v>
      </c>
      <c r="AK18364">
        <v>24</v>
      </c>
      <c r="AL18364">
        <v>25</v>
      </c>
      <c r="AM18364">
        <v>25</v>
      </c>
      <c r="AN18364">
        <v>25</v>
      </c>
      <c r="AO18364">
        <v>26</v>
      </c>
      <c r="AP18364">
        <v>26</v>
      </c>
      <c r="AQ18364">
        <v>26</v>
      </c>
    </row>
    <row r="18365" spans="1:43">
      <c r="A18365" t="s">
        <v>11374</v>
      </c>
      <c r="B18365" t="s">
        <v>11375</v>
      </c>
      <c r="C18365" t="s">
        <v>11376</v>
      </c>
      <c r="D18365" t="s">
        <v>11377</v>
      </c>
      <c r="E18365" t="s">
        <v>11206</v>
      </c>
      <c r="F18365" t="s">
        <v>11207</v>
      </c>
      <c r="G18365" t="s">
        <v>10734</v>
      </c>
      <c r="H18365" t="s">
        <v>10735</v>
      </c>
      <c r="I18365" s="2">
        <v>0</v>
      </c>
      <c r="J18365" s="2">
        <v>0</v>
      </c>
      <c r="K18365" s="2">
        <v>1</v>
      </c>
      <c r="L18365" t="s">
        <v>995</v>
      </c>
      <c r="M18365" t="s">
        <v>83</v>
      </c>
      <c r="N18365" t="s">
        <v>91</v>
      </c>
      <c r="O18365" t="s">
        <v>85</v>
      </c>
      <c r="P18365" t="s">
        <v>86</v>
      </c>
      <c r="Q18365">
        <v>15</v>
      </c>
      <c r="R18365">
        <v>15</v>
      </c>
      <c r="S18365">
        <v>16</v>
      </c>
      <c r="T18365">
        <v>16</v>
      </c>
      <c r="U18365">
        <v>16</v>
      </c>
      <c r="V18365">
        <v>17</v>
      </c>
      <c r="W18365">
        <v>17</v>
      </c>
      <c r="X18365">
        <v>18</v>
      </c>
      <c r="Y18365">
        <v>18</v>
      </c>
      <c r="Z18365">
        <v>19</v>
      </c>
      <c r="AA18365">
        <v>19</v>
      </c>
      <c r="AB18365">
        <v>19</v>
      </c>
      <c r="AC18365">
        <v>20</v>
      </c>
      <c r="AD18365">
        <v>20</v>
      </c>
      <c r="AE18365">
        <v>21</v>
      </c>
      <c r="AF18365">
        <v>21</v>
      </c>
      <c r="AG18365">
        <v>22</v>
      </c>
      <c r="AH18365">
        <v>22</v>
      </c>
      <c r="AI18365">
        <v>23</v>
      </c>
      <c r="AJ18365">
        <v>23</v>
      </c>
      <c r="AK18365">
        <v>24</v>
      </c>
      <c r="AL18365">
        <v>24</v>
      </c>
      <c r="AM18365">
        <v>25</v>
      </c>
      <c r="AN18365">
        <v>25</v>
      </c>
      <c r="AO18365">
        <v>25</v>
      </c>
      <c r="AP18365">
        <v>26</v>
      </c>
      <c r="AQ18365">
        <v>26</v>
      </c>
    </row>
    <row r="18366" spans="1:43">
      <c r="A18366" t="s">
        <v>11378</v>
      </c>
      <c r="B18366" t="s">
        <v>11379</v>
      </c>
      <c r="C18366" t="s">
        <v>11376</v>
      </c>
      <c r="D18366" t="s">
        <v>11377</v>
      </c>
      <c r="E18366" t="s">
        <v>11206</v>
      </c>
      <c r="F18366" t="s">
        <v>11207</v>
      </c>
      <c r="G18366" t="s">
        <v>10734</v>
      </c>
      <c r="H18366" t="s">
        <v>10735</v>
      </c>
      <c r="I18366" s="2">
        <v>0</v>
      </c>
      <c r="J18366" s="2">
        <v>0</v>
      </c>
      <c r="K18366" s="2">
        <v>1</v>
      </c>
      <c r="L18366" t="s">
        <v>995</v>
      </c>
      <c r="M18366" t="s">
        <v>83</v>
      </c>
      <c r="N18366" t="s">
        <v>84</v>
      </c>
      <c r="O18366" t="s">
        <v>85</v>
      </c>
      <c r="P18366" t="s">
        <v>86</v>
      </c>
      <c r="Q18366">
        <v>17</v>
      </c>
      <c r="R18366">
        <v>17</v>
      </c>
      <c r="S18366">
        <v>18</v>
      </c>
      <c r="T18366">
        <v>18</v>
      </c>
      <c r="U18366">
        <v>19</v>
      </c>
      <c r="V18366">
        <v>19</v>
      </c>
      <c r="W18366">
        <v>20</v>
      </c>
      <c r="X18366">
        <v>20</v>
      </c>
      <c r="Y18366">
        <v>21</v>
      </c>
      <c r="Z18366">
        <v>21</v>
      </c>
      <c r="AA18366">
        <v>22</v>
      </c>
      <c r="AB18366">
        <v>22</v>
      </c>
      <c r="AC18366">
        <v>23</v>
      </c>
      <c r="AD18366">
        <v>23</v>
      </c>
      <c r="AE18366">
        <v>24</v>
      </c>
      <c r="AF18366">
        <v>25</v>
      </c>
      <c r="AG18366">
        <v>25</v>
      </c>
      <c r="AH18366">
        <v>26</v>
      </c>
      <c r="AI18366">
        <v>26</v>
      </c>
      <c r="AJ18366">
        <v>27</v>
      </c>
      <c r="AK18366">
        <v>28</v>
      </c>
      <c r="AL18366">
        <v>28</v>
      </c>
      <c r="AM18366">
        <v>28</v>
      </c>
      <c r="AN18366">
        <v>29</v>
      </c>
      <c r="AO18366">
        <v>29</v>
      </c>
      <c r="AP18366">
        <v>30</v>
      </c>
      <c r="AQ18366">
        <v>30</v>
      </c>
    </row>
    <row r="18367" spans="1:43">
      <c r="A18367" t="s">
        <v>11378</v>
      </c>
      <c r="B18367" t="s">
        <v>11379</v>
      </c>
      <c r="C18367" t="s">
        <v>11376</v>
      </c>
      <c r="D18367" t="s">
        <v>11377</v>
      </c>
      <c r="E18367" t="s">
        <v>11206</v>
      </c>
      <c r="F18367" t="s">
        <v>11207</v>
      </c>
      <c r="G18367" t="s">
        <v>10734</v>
      </c>
      <c r="H18367" t="s">
        <v>10735</v>
      </c>
      <c r="I18367" s="2">
        <v>0</v>
      </c>
      <c r="J18367" s="2">
        <v>0</v>
      </c>
      <c r="K18367" s="2">
        <v>1</v>
      </c>
      <c r="L18367" t="s">
        <v>995</v>
      </c>
      <c r="M18367" t="s">
        <v>87</v>
      </c>
      <c r="N18367" t="s">
        <v>88</v>
      </c>
      <c r="O18367" t="s">
        <v>85</v>
      </c>
      <c r="P18367" t="s">
        <v>86</v>
      </c>
      <c r="Q18367">
        <v>17</v>
      </c>
      <c r="R18367">
        <v>17</v>
      </c>
      <c r="S18367">
        <v>17</v>
      </c>
      <c r="T18367">
        <v>18</v>
      </c>
      <c r="U18367">
        <v>18</v>
      </c>
      <c r="V18367">
        <v>18</v>
      </c>
      <c r="W18367">
        <v>19</v>
      </c>
      <c r="X18367">
        <v>19</v>
      </c>
      <c r="Y18367">
        <v>19</v>
      </c>
      <c r="Z18367">
        <v>20</v>
      </c>
      <c r="AA18367">
        <v>20</v>
      </c>
      <c r="AB18367">
        <v>20</v>
      </c>
      <c r="AC18367">
        <v>21</v>
      </c>
      <c r="AD18367">
        <v>21</v>
      </c>
      <c r="AE18367">
        <v>21</v>
      </c>
      <c r="AF18367">
        <v>22</v>
      </c>
      <c r="AG18367">
        <v>22</v>
      </c>
      <c r="AH18367">
        <v>22</v>
      </c>
      <c r="AI18367">
        <v>23</v>
      </c>
      <c r="AJ18367">
        <v>23</v>
      </c>
      <c r="AK18367">
        <v>24</v>
      </c>
      <c r="AL18367">
        <v>24</v>
      </c>
      <c r="AM18367">
        <v>24</v>
      </c>
      <c r="AN18367">
        <v>25</v>
      </c>
      <c r="AO18367">
        <v>25</v>
      </c>
      <c r="AP18367">
        <v>26</v>
      </c>
      <c r="AQ18367">
        <v>26</v>
      </c>
    </row>
    <row r="18368" spans="1:43">
      <c r="A18368" t="s">
        <v>11378</v>
      </c>
      <c r="B18368" t="s">
        <v>11379</v>
      </c>
      <c r="C18368" t="s">
        <v>11376</v>
      </c>
      <c r="D18368" t="s">
        <v>11377</v>
      </c>
      <c r="E18368" t="s">
        <v>11206</v>
      </c>
      <c r="F18368" t="s">
        <v>11207</v>
      </c>
      <c r="G18368" t="s">
        <v>10734</v>
      </c>
      <c r="H18368" t="s">
        <v>10735</v>
      </c>
      <c r="I18368" s="2">
        <v>0</v>
      </c>
      <c r="J18368" s="2">
        <v>0</v>
      </c>
      <c r="K18368" s="2">
        <v>1</v>
      </c>
      <c r="L18368" t="s">
        <v>995</v>
      </c>
      <c r="M18368" t="s">
        <v>89</v>
      </c>
      <c r="N18368" t="s">
        <v>90</v>
      </c>
      <c r="O18368" t="s">
        <v>85</v>
      </c>
      <c r="P18368" t="s">
        <v>86</v>
      </c>
      <c r="Q18368">
        <v>17</v>
      </c>
      <c r="R18368">
        <v>18</v>
      </c>
      <c r="S18368">
        <v>18</v>
      </c>
      <c r="T18368">
        <v>19</v>
      </c>
      <c r="U18368">
        <v>20</v>
      </c>
      <c r="V18368">
        <v>20</v>
      </c>
      <c r="W18368">
        <v>21</v>
      </c>
      <c r="X18368">
        <v>21</v>
      </c>
      <c r="Y18368">
        <v>22</v>
      </c>
      <c r="Z18368">
        <v>23</v>
      </c>
      <c r="AA18368">
        <v>23</v>
      </c>
      <c r="AB18368">
        <v>24</v>
      </c>
      <c r="AC18368">
        <v>25</v>
      </c>
      <c r="AD18368">
        <v>25</v>
      </c>
      <c r="AE18368">
        <v>26</v>
      </c>
      <c r="AF18368">
        <v>26</v>
      </c>
      <c r="AG18368">
        <v>26</v>
      </c>
      <c r="AH18368">
        <v>27</v>
      </c>
      <c r="AI18368">
        <v>27</v>
      </c>
      <c r="AJ18368">
        <v>28</v>
      </c>
      <c r="AK18368">
        <v>28</v>
      </c>
      <c r="AL18368">
        <v>28</v>
      </c>
      <c r="AM18368">
        <v>29</v>
      </c>
      <c r="AN18368">
        <v>29</v>
      </c>
      <c r="AO18368">
        <v>30</v>
      </c>
      <c r="AP18368">
        <v>30</v>
      </c>
      <c r="AQ18368">
        <v>30</v>
      </c>
    </row>
    <row r="18369" spans="1:43">
      <c r="A18369" t="s">
        <v>11378</v>
      </c>
      <c r="B18369" t="s">
        <v>11379</v>
      </c>
      <c r="C18369" t="s">
        <v>11376</v>
      </c>
      <c r="D18369" t="s">
        <v>11377</v>
      </c>
      <c r="E18369" t="s">
        <v>11206</v>
      </c>
      <c r="F18369" t="s">
        <v>11207</v>
      </c>
      <c r="G18369" t="s">
        <v>10734</v>
      </c>
      <c r="H18369" t="s">
        <v>10735</v>
      </c>
      <c r="I18369" s="2">
        <v>0</v>
      </c>
      <c r="J18369" s="2">
        <v>0</v>
      </c>
      <c r="K18369" s="2">
        <v>1</v>
      </c>
      <c r="L18369" t="s">
        <v>995</v>
      </c>
      <c r="M18369" t="s">
        <v>83</v>
      </c>
      <c r="N18369" t="s">
        <v>91</v>
      </c>
      <c r="O18369" t="s">
        <v>85</v>
      </c>
      <c r="P18369" t="s">
        <v>86</v>
      </c>
      <c r="Q18369">
        <v>17</v>
      </c>
      <c r="R18369">
        <v>17</v>
      </c>
      <c r="S18369">
        <v>18</v>
      </c>
      <c r="T18369">
        <v>18</v>
      </c>
      <c r="U18369">
        <v>19</v>
      </c>
      <c r="V18369">
        <v>19</v>
      </c>
      <c r="W18369">
        <v>20</v>
      </c>
      <c r="X18369">
        <v>20</v>
      </c>
      <c r="Y18369">
        <v>21</v>
      </c>
      <c r="Z18369">
        <v>21</v>
      </c>
      <c r="AA18369">
        <v>22</v>
      </c>
      <c r="AB18369">
        <v>22</v>
      </c>
      <c r="AC18369">
        <v>23</v>
      </c>
      <c r="AD18369">
        <v>23</v>
      </c>
      <c r="AE18369">
        <v>24</v>
      </c>
      <c r="AF18369">
        <v>25</v>
      </c>
      <c r="AG18369">
        <v>25</v>
      </c>
      <c r="AH18369">
        <v>26</v>
      </c>
      <c r="AI18369">
        <v>26</v>
      </c>
      <c r="AJ18369">
        <v>27</v>
      </c>
      <c r="AK18369">
        <v>28</v>
      </c>
      <c r="AL18369">
        <v>28</v>
      </c>
      <c r="AM18369">
        <v>28</v>
      </c>
      <c r="AN18369">
        <v>29</v>
      </c>
      <c r="AO18369">
        <v>29</v>
      </c>
      <c r="AP18369">
        <v>30</v>
      </c>
      <c r="AQ18369">
        <v>30</v>
      </c>
    </row>
    <row r="18370" spans="1:43">
      <c r="A18370" t="s">
        <v>11380</v>
      </c>
      <c r="B18370" t="s">
        <v>11381</v>
      </c>
      <c r="C18370" t="s">
        <v>11382</v>
      </c>
      <c r="D18370" t="s">
        <v>11383</v>
      </c>
      <c r="E18370" t="s">
        <v>11206</v>
      </c>
      <c r="F18370" t="s">
        <v>11207</v>
      </c>
      <c r="G18370" t="s">
        <v>10734</v>
      </c>
      <c r="H18370" t="s">
        <v>10735</v>
      </c>
      <c r="I18370" s="2">
        <v>0</v>
      </c>
      <c r="J18370" s="2">
        <v>0</v>
      </c>
      <c r="K18370" s="2">
        <v>1</v>
      </c>
      <c r="L18370" t="s">
        <v>995</v>
      </c>
      <c r="M18370" t="s">
        <v>83</v>
      </c>
      <c r="N18370" t="s">
        <v>84</v>
      </c>
      <c r="O18370" t="s">
        <v>85</v>
      </c>
      <c r="P18370" t="s">
        <v>86</v>
      </c>
      <c r="Q18370">
        <v>12</v>
      </c>
      <c r="R18370">
        <v>13</v>
      </c>
      <c r="S18370">
        <v>13</v>
      </c>
      <c r="T18370">
        <v>14</v>
      </c>
      <c r="U18370">
        <v>14</v>
      </c>
      <c r="V18370">
        <v>14</v>
      </c>
      <c r="W18370">
        <v>15</v>
      </c>
      <c r="X18370">
        <v>15</v>
      </c>
      <c r="Y18370">
        <v>15</v>
      </c>
      <c r="Z18370">
        <v>16</v>
      </c>
      <c r="AA18370">
        <v>16</v>
      </c>
      <c r="AB18370">
        <v>16</v>
      </c>
      <c r="AC18370">
        <v>17</v>
      </c>
      <c r="AD18370">
        <v>17</v>
      </c>
      <c r="AE18370">
        <v>18</v>
      </c>
      <c r="AF18370">
        <v>18</v>
      </c>
      <c r="AG18370">
        <v>18</v>
      </c>
      <c r="AH18370">
        <v>19</v>
      </c>
      <c r="AI18370">
        <v>19</v>
      </c>
      <c r="AJ18370">
        <v>20</v>
      </c>
      <c r="AK18370">
        <v>20</v>
      </c>
      <c r="AL18370">
        <v>21</v>
      </c>
      <c r="AM18370">
        <v>21</v>
      </c>
      <c r="AN18370">
        <v>21</v>
      </c>
      <c r="AO18370">
        <v>21</v>
      </c>
      <c r="AP18370">
        <v>22</v>
      </c>
      <c r="AQ18370">
        <v>22</v>
      </c>
    </row>
    <row r="18371" spans="1:43">
      <c r="A18371" t="s">
        <v>11380</v>
      </c>
      <c r="B18371" t="s">
        <v>11381</v>
      </c>
      <c r="C18371" t="s">
        <v>11382</v>
      </c>
      <c r="D18371" t="s">
        <v>11383</v>
      </c>
      <c r="E18371" t="s">
        <v>11206</v>
      </c>
      <c r="F18371" t="s">
        <v>11207</v>
      </c>
      <c r="G18371" t="s">
        <v>10734</v>
      </c>
      <c r="H18371" t="s">
        <v>10735</v>
      </c>
      <c r="I18371" s="2">
        <v>0</v>
      </c>
      <c r="J18371" s="2">
        <v>0</v>
      </c>
      <c r="K18371" s="2">
        <v>1</v>
      </c>
      <c r="L18371" t="s">
        <v>995</v>
      </c>
      <c r="M18371" t="s">
        <v>87</v>
      </c>
      <c r="N18371" t="s">
        <v>88</v>
      </c>
      <c r="O18371" t="s">
        <v>85</v>
      </c>
      <c r="P18371" t="s">
        <v>86</v>
      </c>
      <c r="Q18371">
        <v>12</v>
      </c>
      <c r="R18371">
        <v>13</v>
      </c>
      <c r="S18371">
        <v>13</v>
      </c>
      <c r="T18371">
        <v>13</v>
      </c>
      <c r="U18371">
        <v>13</v>
      </c>
      <c r="V18371">
        <v>13</v>
      </c>
      <c r="W18371">
        <v>14</v>
      </c>
      <c r="X18371">
        <v>14</v>
      </c>
      <c r="Y18371">
        <v>14</v>
      </c>
      <c r="Z18371">
        <v>14</v>
      </c>
      <c r="AA18371">
        <v>15</v>
      </c>
      <c r="AB18371">
        <v>15</v>
      </c>
      <c r="AC18371">
        <v>15</v>
      </c>
      <c r="AD18371">
        <v>15</v>
      </c>
      <c r="AE18371">
        <v>16</v>
      </c>
      <c r="AF18371">
        <v>16</v>
      </c>
      <c r="AG18371">
        <v>16</v>
      </c>
      <c r="AH18371">
        <v>16</v>
      </c>
      <c r="AI18371">
        <v>17</v>
      </c>
      <c r="AJ18371">
        <v>17</v>
      </c>
      <c r="AK18371">
        <v>17</v>
      </c>
      <c r="AL18371">
        <v>18</v>
      </c>
      <c r="AM18371">
        <v>18</v>
      </c>
      <c r="AN18371">
        <v>18</v>
      </c>
      <c r="AO18371">
        <v>19</v>
      </c>
      <c r="AP18371">
        <v>19</v>
      </c>
      <c r="AQ18371">
        <v>19</v>
      </c>
    </row>
    <row r="18372" spans="1:43">
      <c r="A18372" t="s">
        <v>11380</v>
      </c>
      <c r="B18372" t="s">
        <v>11381</v>
      </c>
      <c r="C18372" t="s">
        <v>11382</v>
      </c>
      <c r="D18372" t="s">
        <v>11383</v>
      </c>
      <c r="E18372" t="s">
        <v>11206</v>
      </c>
      <c r="F18372" t="s">
        <v>11207</v>
      </c>
      <c r="G18372" t="s">
        <v>10734</v>
      </c>
      <c r="H18372" t="s">
        <v>10735</v>
      </c>
      <c r="I18372" s="2">
        <v>0</v>
      </c>
      <c r="J18372" s="2">
        <v>0</v>
      </c>
      <c r="K18372" s="2">
        <v>1</v>
      </c>
      <c r="L18372" t="s">
        <v>995</v>
      </c>
      <c r="M18372" t="s">
        <v>89</v>
      </c>
      <c r="N18372" t="s">
        <v>90</v>
      </c>
      <c r="O18372" t="s">
        <v>85</v>
      </c>
      <c r="P18372" t="s">
        <v>86</v>
      </c>
      <c r="Q18372">
        <v>12</v>
      </c>
      <c r="R18372">
        <v>12</v>
      </c>
      <c r="S18372">
        <v>13</v>
      </c>
      <c r="T18372">
        <v>13</v>
      </c>
      <c r="U18372">
        <v>13</v>
      </c>
      <c r="V18372">
        <v>14</v>
      </c>
      <c r="W18372">
        <v>14</v>
      </c>
      <c r="X18372">
        <v>15</v>
      </c>
      <c r="Y18372">
        <v>15</v>
      </c>
      <c r="Z18372">
        <v>16</v>
      </c>
      <c r="AA18372">
        <v>16</v>
      </c>
      <c r="AB18372">
        <v>17</v>
      </c>
      <c r="AC18372">
        <v>17</v>
      </c>
      <c r="AD18372">
        <v>17</v>
      </c>
      <c r="AE18372">
        <v>18</v>
      </c>
      <c r="AF18372">
        <v>18</v>
      </c>
      <c r="AG18372">
        <v>18</v>
      </c>
      <c r="AH18372">
        <v>19</v>
      </c>
      <c r="AI18372">
        <v>19</v>
      </c>
      <c r="AJ18372">
        <v>19</v>
      </c>
      <c r="AK18372">
        <v>20</v>
      </c>
      <c r="AL18372">
        <v>20</v>
      </c>
      <c r="AM18372">
        <v>20</v>
      </c>
      <c r="AN18372">
        <v>20</v>
      </c>
      <c r="AO18372">
        <v>21</v>
      </c>
      <c r="AP18372">
        <v>21</v>
      </c>
      <c r="AQ18372">
        <v>21</v>
      </c>
    </row>
    <row r="18373" spans="1:43">
      <c r="A18373" t="s">
        <v>11380</v>
      </c>
      <c r="B18373" t="s">
        <v>11381</v>
      </c>
      <c r="C18373" t="s">
        <v>11382</v>
      </c>
      <c r="D18373" t="s">
        <v>11383</v>
      </c>
      <c r="E18373" t="s">
        <v>11206</v>
      </c>
      <c r="F18373" t="s">
        <v>11207</v>
      </c>
      <c r="G18373" t="s">
        <v>10734</v>
      </c>
      <c r="H18373" t="s">
        <v>10735</v>
      </c>
      <c r="I18373" s="2">
        <v>0</v>
      </c>
      <c r="J18373" s="2">
        <v>0</v>
      </c>
      <c r="K18373" s="2">
        <v>1</v>
      </c>
      <c r="L18373" t="s">
        <v>995</v>
      </c>
      <c r="M18373" t="s">
        <v>83</v>
      </c>
      <c r="N18373" t="s">
        <v>91</v>
      </c>
      <c r="O18373" t="s">
        <v>85</v>
      </c>
      <c r="P18373" t="s">
        <v>86</v>
      </c>
      <c r="Q18373">
        <v>12</v>
      </c>
      <c r="R18373">
        <v>13</v>
      </c>
      <c r="S18373">
        <v>13</v>
      </c>
      <c r="T18373">
        <v>14</v>
      </c>
      <c r="U18373">
        <v>14</v>
      </c>
      <c r="V18373">
        <v>14</v>
      </c>
      <c r="W18373">
        <v>15</v>
      </c>
      <c r="X18373">
        <v>15</v>
      </c>
      <c r="Y18373">
        <v>15</v>
      </c>
      <c r="Z18373">
        <v>16</v>
      </c>
      <c r="AA18373">
        <v>16</v>
      </c>
      <c r="AB18373">
        <v>16</v>
      </c>
      <c r="AC18373">
        <v>17</v>
      </c>
      <c r="AD18373">
        <v>17</v>
      </c>
      <c r="AE18373">
        <v>18</v>
      </c>
      <c r="AF18373">
        <v>18</v>
      </c>
      <c r="AG18373">
        <v>18</v>
      </c>
      <c r="AH18373">
        <v>19</v>
      </c>
      <c r="AI18373">
        <v>19</v>
      </c>
      <c r="AJ18373">
        <v>20</v>
      </c>
      <c r="AK18373">
        <v>20</v>
      </c>
      <c r="AL18373">
        <v>21</v>
      </c>
      <c r="AM18373">
        <v>21</v>
      </c>
      <c r="AN18373">
        <v>21</v>
      </c>
      <c r="AO18373">
        <v>21</v>
      </c>
      <c r="AP18373">
        <v>22</v>
      </c>
      <c r="AQ18373">
        <v>22</v>
      </c>
    </row>
    <row r="18374" spans="1:43">
      <c r="A18374" t="s">
        <v>11384</v>
      </c>
      <c r="B18374" t="s">
        <v>11385</v>
      </c>
      <c r="C18374" t="s">
        <v>11382</v>
      </c>
      <c r="D18374" t="s">
        <v>11383</v>
      </c>
      <c r="E18374" t="s">
        <v>11206</v>
      </c>
      <c r="F18374" t="s">
        <v>11207</v>
      </c>
      <c r="G18374" t="s">
        <v>10734</v>
      </c>
      <c r="H18374" t="s">
        <v>10735</v>
      </c>
      <c r="I18374" s="2">
        <v>0</v>
      </c>
      <c r="J18374" s="2">
        <v>0</v>
      </c>
      <c r="K18374" s="2">
        <v>1</v>
      </c>
      <c r="L18374" t="s">
        <v>995</v>
      </c>
      <c r="M18374" t="s">
        <v>83</v>
      </c>
      <c r="N18374" t="s">
        <v>84</v>
      </c>
      <c r="O18374" t="s">
        <v>85</v>
      </c>
      <c r="P18374" t="s">
        <v>86</v>
      </c>
      <c r="Q18374">
        <v>8</v>
      </c>
      <c r="R18374">
        <v>8</v>
      </c>
      <c r="S18374">
        <v>8</v>
      </c>
      <c r="T18374">
        <v>9</v>
      </c>
      <c r="U18374">
        <v>9</v>
      </c>
      <c r="V18374">
        <v>9</v>
      </c>
      <c r="W18374">
        <v>9</v>
      </c>
      <c r="X18374">
        <v>9</v>
      </c>
      <c r="Y18374">
        <v>10</v>
      </c>
      <c r="Z18374">
        <v>10</v>
      </c>
      <c r="AA18374">
        <v>10</v>
      </c>
      <c r="AB18374">
        <v>10</v>
      </c>
      <c r="AC18374">
        <v>11</v>
      </c>
      <c r="AD18374">
        <v>11</v>
      </c>
      <c r="AE18374">
        <v>11</v>
      </c>
      <c r="AF18374">
        <v>11</v>
      </c>
      <c r="AG18374">
        <v>12</v>
      </c>
      <c r="AH18374">
        <v>12</v>
      </c>
      <c r="AI18374">
        <v>12</v>
      </c>
      <c r="AJ18374">
        <v>12</v>
      </c>
      <c r="AK18374">
        <v>13</v>
      </c>
      <c r="AL18374">
        <v>13</v>
      </c>
      <c r="AM18374">
        <v>13</v>
      </c>
      <c r="AN18374">
        <v>13</v>
      </c>
      <c r="AO18374">
        <v>14</v>
      </c>
      <c r="AP18374">
        <v>14</v>
      </c>
      <c r="AQ18374">
        <v>14</v>
      </c>
    </row>
    <row r="18375" spans="1:43">
      <c r="A18375" t="s">
        <v>11384</v>
      </c>
      <c r="B18375" t="s">
        <v>11385</v>
      </c>
      <c r="C18375" t="s">
        <v>11382</v>
      </c>
      <c r="D18375" t="s">
        <v>11383</v>
      </c>
      <c r="E18375" t="s">
        <v>11206</v>
      </c>
      <c r="F18375" t="s">
        <v>11207</v>
      </c>
      <c r="G18375" t="s">
        <v>10734</v>
      </c>
      <c r="H18375" t="s">
        <v>10735</v>
      </c>
      <c r="I18375" s="2">
        <v>0</v>
      </c>
      <c r="J18375" s="2">
        <v>0</v>
      </c>
      <c r="K18375" s="2">
        <v>1</v>
      </c>
      <c r="L18375" t="s">
        <v>995</v>
      </c>
      <c r="M18375" t="s">
        <v>87</v>
      </c>
      <c r="N18375" t="s">
        <v>88</v>
      </c>
      <c r="O18375" t="s">
        <v>85</v>
      </c>
      <c r="P18375" t="s">
        <v>86</v>
      </c>
      <c r="Q18375">
        <v>8</v>
      </c>
      <c r="R18375">
        <v>8</v>
      </c>
      <c r="S18375">
        <v>8</v>
      </c>
      <c r="T18375">
        <v>8</v>
      </c>
      <c r="U18375">
        <v>8</v>
      </c>
      <c r="V18375">
        <v>8</v>
      </c>
      <c r="W18375">
        <v>9</v>
      </c>
      <c r="X18375">
        <v>9</v>
      </c>
      <c r="Y18375">
        <v>9</v>
      </c>
      <c r="Z18375">
        <v>9</v>
      </c>
      <c r="AA18375">
        <v>9</v>
      </c>
      <c r="AB18375">
        <v>9</v>
      </c>
      <c r="AC18375">
        <v>10</v>
      </c>
      <c r="AD18375">
        <v>10</v>
      </c>
      <c r="AE18375">
        <v>10</v>
      </c>
      <c r="AF18375">
        <v>10</v>
      </c>
      <c r="AG18375">
        <v>10</v>
      </c>
      <c r="AH18375">
        <v>10</v>
      </c>
      <c r="AI18375">
        <v>11</v>
      </c>
      <c r="AJ18375">
        <v>11</v>
      </c>
      <c r="AK18375">
        <v>11</v>
      </c>
      <c r="AL18375">
        <v>11</v>
      </c>
      <c r="AM18375">
        <v>11</v>
      </c>
      <c r="AN18375">
        <v>11</v>
      </c>
      <c r="AO18375">
        <v>12</v>
      </c>
      <c r="AP18375">
        <v>12</v>
      </c>
      <c r="AQ18375">
        <v>12</v>
      </c>
    </row>
    <row r="18376" spans="1:43">
      <c r="A18376" t="s">
        <v>11384</v>
      </c>
      <c r="B18376" t="s">
        <v>11385</v>
      </c>
      <c r="C18376" t="s">
        <v>11382</v>
      </c>
      <c r="D18376" t="s">
        <v>11383</v>
      </c>
      <c r="E18376" t="s">
        <v>11206</v>
      </c>
      <c r="F18376" t="s">
        <v>11207</v>
      </c>
      <c r="G18376" t="s">
        <v>10734</v>
      </c>
      <c r="H18376" t="s">
        <v>10735</v>
      </c>
      <c r="I18376" s="2">
        <v>0</v>
      </c>
      <c r="J18376" s="2">
        <v>0</v>
      </c>
      <c r="K18376" s="2">
        <v>1</v>
      </c>
      <c r="L18376" t="s">
        <v>995</v>
      </c>
      <c r="M18376" t="s">
        <v>89</v>
      </c>
      <c r="N18376" t="s">
        <v>90</v>
      </c>
      <c r="O18376" t="s">
        <v>85</v>
      </c>
      <c r="P18376" t="s">
        <v>86</v>
      </c>
      <c r="Q18376">
        <v>8</v>
      </c>
      <c r="R18376">
        <v>8</v>
      </c>
      <c r="S18376">
        <v>9</v>
      </c>
      <c r="T18376">
        <v>9</v>
      </c>
      <c r="U18376">
        <v>9</v>
      </c>
      <c r="V18376">
        <v>9</v>
      </c>
      <c r="W18376">
        <v>10</v>
      </c>
      <c r="X18376">
        <v>10</v>
      </c>
      <c r="Y18376">
        <v>10</v>
      </c>
      <c r="Z18376">
        <v>10</v>
      </c>
      <c r="AA18376">
        <v>11</v>
      </c>
      <c r="AB18376">
        <v>11</v>
      </c>
      <c r="AC18376">
        <v>11</v>
      </c>
      <c r="AD18376">
        <v>12</v>
      </c>
      <c r="AE18376">
        <v>12</v>
      </c>
      <c r="AF18376">
        <v>12</v>
      </c>
      <c r="AG18376">
        <v>12</v>
      </c>
      <c r="AH18376">
        <v>12</v>
      </c>
      <c r="AI18376">
        <v>13</v>
      </c>
      <c r="AJ18376">
        <v>13</v>
      </c>
      <c r="AK18376">
        <v>13</v>
      </c>
      <c r="AL18376">
        <v>13</v>
      </c>
      <c r="AM18376">
        <v>13</v>
      </c>
      <c r="AN18376">
        <v>13</v>
      </c>
      <c r="AO18376">
        <v>14</v>
      </c>
      <c r="AP18376">
        <v>14</v>
      </c>
      <c r="AQ18376">
        <v>14</v>
      </c>
    </row>
    <row r="18377" spans="1:43">
      <c r="A18377" t="s">
        <v>11384</v>
      </c>
      <c r="B18377" t="s">
        <v>11385</v>
      </c>
      <c r="C18377" t="s">
        <v>11382</v>
      </c>
      <c r="D18377" t="s">
        <v>11383</v>
      </c>
      <c r="E18377" t="s">
        <v>11206</v>
      </c>
      <c r="F18377" t="s">
        <v>11207</v>
      </c>
      <c r="G18377" t="s">
        <v>10734</v>
      </c>
      <c r="H18377" t="s">
        <v>10735</v>
      </c>
      <c r="I18377" s="2">
        <v>0</v>
      </c>
      <c r="J18377" s="2">
        <v>0</v>
      </c>
      <c r="K18377" s="2">
        <v>1</v>
      </c>
      <c r="L18377" t="s">
        <v>995</v>
      </c>
      <c r="M18377" t="s">
        <v>83</v>
      </c>
      <c r="N18377" t="s">
        <v>91</v>
      </c>
      <c r="O18377" t="s">
        <v>85</v>
      </c>
      <c r="P18377" t="s">
        <v>86</v>
      </c>
      <c r="Q18377">
        <v>8</v>
      </c>
      <c r="R18377">
        <v>8</v>
      </c>
      <c r="S18377">
        <v>8</v>
      </c>
      <c r="T18377">
        <v>9</v>
      </c>
      <c r="U18377">
        <v>9</v>
      </c>
      <c r="V18377">
        <v>9</v>
      </c>
      <c r="W18377">
        <v>9</v>
      </c>
      <c r="X18377">
        <v>9</v>
      </c>
      <c r="Y18377">
        <v>10</v>
      </c>
      <c r="Z18377">
        <v>10</v>
      </c>
      <c r="AA18377">
        <v>10</v>
      </c>
      <c r="AB18377">
        <v>10</v>
      </c>
      <c r="AC18377">
        <v>11</v>
      </c>
      <c r="AD18377">
        <v>11</v>
      </c>
      <c r="AE18377">
        <v>11</v>
      </c>
      <c r="AF18377">
        <v>11</v>
      </c>
      <c r="AG18377">
        <v>12</v>
      </c>
      <c r="AH18377">
        <v>12</v>
      </c>
      <c r="AI18377">
        <v>12</v>
      </c>
      <c r="AJ18377">
        <v>12</v>
      </c>
      <c r="AK18377">
        <v>13</v>
      </c>
      <c r="AL18377">
        <v>13</v>
      </c>
      <c r="AM18377">
        <v>13</v>
      </c>
      <c r="AN18377">
        <v>13</v>
      </c>
      <c r="AO18377">
        <v>14</v>
      </c>
      <c r="AP18377">
        <v>14</v>
      </c>
      <c r="AQ18377">
        <v>14</v>
      </c>
    </row>
    <row r="18378" spans="1:43">
      <c r="A18378" t="s">
        <v>11386</v>
      </c>
      <c r="B18378" t="s">
        <v>11387</v>
      </c>
      <c r="C18378" t="s">
        <v>11382</v>
      </c>
      <c r="D18378" t="s">
        <v>11383</v>
      </c>
      <c r="E18378" t="s">
        <v>11206</v>
      </c>
      <c r="F18378" t="s">
        <v>11207</v>
      </c>
      <c r="G18378" t="s">
        <v>10734</v>
      </c>
      <c r="H18378" t="s">
        <v>10735</v>
      </c>
      <c r="I18378" s="2">
        <v>0</v>
      </c>
      <c r="J18378" s="2">
        <v>0</v>
      </c>
      <c r="K18378" s="2">
        <v>1</v>
      </c>
      <c r="L18378" t="s">
        <v>995</v>
      </c>
      <c r="M18378" t="s">
        <v>83</v>
      </c>
      <c r="N18378" t="s">
        <v>84</v>
      </c>
      <c r="O18378" t="s">
        <v>85</v>
      </c>
      <c r="P18378" t="s">
        <v>86</v>
      </c>
      <c r="Q18378">
        <v>32</v>
      </c>
      <c r="R18378">
        <v>33</v>
      </c>
      <c r="S18378">
        <v>33</v>
      </c>
      <c r="T18378">
        <v>34</v>
      </c>
      <c r="U18378">
        <v>35</v>
      </c>
      <c r="V18378">
        <v>36</v>
      </c>
      <c r="W18378">
        <v>37</v>
      </c>
      <c r="X18378">
        <v>38</v>
      </c>
      <c r="Y18378">
        <v>39</v>
      </c>
      <c r="Z18378">
        <v>40</v>
      </c>
      <c r="AA18378">
        <v>41</v>
      </c>
      <c r="AB18378">
        <v>42</v>
      </c>
      <c r="AC18378">
        <v>43</v>
      </c>
      <c r="AD18378">
        <v>44</v>
      </c>
      <c r="AE18378">
        <v>45</v>
      </c>
      <c r="AF18378">
        <v>46</v>
      </c>
      <c r="AG18378">
        <v>47</v>
      </c>
      <c r="AH18378">
        <v>48</v>
      </c>
      <c r="AI18378">
        <v>49</v>
      </c>
      <c r="AJ18378">
        <v>50</v>
      </c>
      <c r="AK18378">
        <v>51</v>
      </c>
      <c r="AL18378">
        <v>52</v>
      </c>
      <c r="AM18378">
        <v>53</v>
      </c>
      <c r="AN18378">
        <v>54</v>
      </c>
      <c r="AO18378">
        <v>54</v>
      </c>
      <c r="AP18378">
        <v>55</v>
      </c>
      <c r="AQ18378">
        <v>56</v>
      </c>
    </row>
    <row r="18379" spans="1:43">
      <c r="A18379" t="s">
        <v>11386</v>
      </c>
      <c r="B18379" t="s">
        <v>11387</v>
      </c>
      <c r="C18379" t="s">
        <v>11382</v>
      </c>
      <c r="D18379" t="s">
        <v>11383</v>
      </c>
      <c r="E18379" t="s">
        <v>11206</v>
      </c>
      <c r="F18379" t="s">
        <v>11207</v>
      </c>
      <c r="G18379" t="s">
        <v>10734</v>
      </c>
      <c r="H18379" t="s">
        <v>10735</v>
      </c>
      <c r="I18379" s="2">
        <v>0</v>
      </c>
      <c r="J18379" s="2">
        <v>0</v>
      </c>
      <c r="K18379" s="2">
        <v>1</v>
      </c>
      <c r="L18379" t="s">
        <v>995</v>
      </c>
      <c r="M18379" t="s">
        <v>87</v>
      </c>
      <c r="N18379" t="s">
        <v>88</v>
      </c>
      <c r="O18379" t="s">
        <v>85</v>
      </c>
      <c r="P18379" t="s">
        <v>86</v>
      </c>
      <c r="Q18379">
        <v>32</v>
      </c>
      <c r="R18379">
        <v>33</v>
      </c>
      <c r="S18379">
        <v>34</v>
      </c>
      <c r="T18379">
        <v>34</v>
      </c>
      <c r="U18379">
        <v>35</v>
      </c>
      <c r="V18379">
        <v>35</v>
      </c>
      <c r="W18379">
        <v>36</v>
      </c>
      <c r="X18379">
        <v>36</v>
      </c>
      <c r="Y18379">
        <v>37</v>
      </c>
      <c r="Z18379">
        <v>37</v>
      </c>
      <c r="AA18379">
        <v>38</v>
      </c>
      <c r="AB18379">
        <v>39</v>
      </c>
      <c r="AC18379">
        <v>39</v>
      </c>
      <c r="AD18379">
        <v>40</v>
      </c>
      <c r="AE18379">
        <v>41</v>
      </c>
      <c r="AF18379">
        <v>41</v>
      </c>
      <c r="AG18379">
        <v>42</v>
      </c>
      <c r="AH18379">
        <v>43</v>
      </c>
      <c r="AI18379">
        <v>43</v>
      </c>
      <c r="AJ18379">
        <v>44</v>
      </c>
      <c r="AK18379">
        <v>45</v>
      </c>
      <c r="AL18379">
        <v>46</v>
      </c>
      <c r="AM18379">
        <v>46</v>
      </c>
      <c r="AN18379">
        <v>47</v>
      </c>
      <c r="AO18379">
        <v>48</v>
      </c>
      <c r="AP18379">
        <v>49</v>
      </c>
      <c r="AQ18379">
        <v>50</v>
      </c>
    </row>
    <row r="18380" spans="1:43">
      <c r="A18380" t="s">
        <v>11386</v>
      </c>
      <c r="B18380" t="s">
        <v>11387</v>
      </c>
      <c r="C18380" t="s">
        <v>11382</v>
      </c>
      <c r="D18380" t="s">
        <v>11383</v>
      </c>
      <c r="E18380" t="s">
        <v>11206</v>
      </c>
      <c r="F18380" t="s">
        <v>11207</v>
      </c>
      <c r="G18380" t="s">
        <v>10734</v>
      </c>
      <c r="H18380" t="s">
        <v>10735</v>
      </c>
      <c r="I18380" s="2">
        <v>0</v>
      </c>
      <c r="J18380" s="2">
        <v>0</v>
      </c>
      <c r="K18380" s="2">
        <v>1</v>
      </c>
      <c r="L18380" t="s">
        <v>995</v>
      </c>
      <c r="M18380" t="s">
        <v>89</v>
      </c>
      <c r="N18380" t="s">
        <v>90</v>
      </c>
      <c r="O18380" t="s">
        <v>85</v>
      </c>
      <c r="P18380" t="s">
        <v>86</v>
      </c>
      <c r="Q18380">
        <v>32</v>
      </c>
      <c r="R18380">
        <v>33</v>
      </c>
      <c r="S18380">
        <v>34</v>
      </c>
      <c r="T18380">
        <v>35</v>
      </c>
      <c r="U18380">
        <v>37</v>
      </c>
      <c r="V18380">
        <v>38</v>
      </c>
      <c r="W18380">
        <v>39</v>
      </c>
      <c r="X18380">
        <v>40</v>
      </c>
      <c r="Y18380">
        <v>41</v>
      </c>
      <c r="Z18380">
        <v>42</v>
      </c>
      <c r="AA18380">
        <v>43</v>
      </c>
      <c r="AB18380">
        <v>44</v>
      </c>
      <c r="AC18380">
        <v>46</v>
      </c>
      <c r="AD18380">
        <v>47</v>
      </c>
      <c r="AE18380">
        <v>48</v>
      </c>
      <c r="AF18380">
        <v>49</v>
      </c>
      <c r="AG18380">
        <v>49</v>
      </c>
      <c r="AH18380">
        <v>50</v>
      </c>
      <c r="AI18380">
        <v>51</v>
      </c>
      <c r="AJ18380">
        <v>51</v>
      </c>
      <c r="AK18380">
        <v>52</v>
      </c>
      <c r="AL18380">
        <v>53</v>
      </c>
      <c r="AM18380">
        <v>54</v>
      </c>
      <c r="AN18380">
        <v>54</v>
      </c>
      <c r="AO18380">
        <v>55</v>
      </c>
      <c r="AP18380">
        <v>56</v>
      </c>
      <c r="AQ18380">
        <v>57</v>
      </c>
    </row>
    <row r="18381" spans="1:43">
      <c r="A18381" t="s">
        <v>11386</v>
      </c>
      <c r="B18381" t="s">
        <v>11387</v>
      </c>
      <c r="C18381" t="s">
        <v>11382</v>
      </c>
      <c r="D18381" t="s">
        <v>11383</v>
      </c>
      <c r="E18381" t="s">
        <v>11206</v>
      </c>
      <c r="F18381" t="s">
        <v>11207</v>
      </c>
      <c r="G18381" t="s">
        <v>10734</v>
      </c>
      <c r="H18381" t="s">
        <v>10735</v>
      </c>
      <c r="I18381" s="2">
        <v>0</v>
      </c>
      <c r="J18381" s="2">
        <v>0</v>
      </c>
      <c r="K18381" s="2">
        <v>1</v>
      </c>
      <c r="L18381" t="s">
        <v>995</v>
      </c>
      <c r="M18381" t="s">
        <v>83</v>
      </c>
      <c r="N18381" t="s">
        <v>91</v>
      </c>
      <c r="O18381" t="s">
        <v>85</v>
      </c>
      <c r="P18381" t="s">
        <v>86</v>
      </c>
      <c r="Q18381">
        <v>32</v>
      </c>
      <c r="R18381">
        <v>33</v>
      </c>
      <c r="S18381">
        <v>33</v>
      </c>
      <c r="T18381">
        <v>34</v>
      </c>
      <c r="U18381">
        <v>35</v>
      </c>
      <c r="V18381">
        <v>36</v>
      </c>
      <c r="W18381">
        <v>37</v>
      </c>
      <c r="X18381">
        <v>38</v>
      </c>
      <c r="Y18381">
        <v>39</v>
      </c>
      <c r="Z18381">
        <v>40</v>
      </c>
      <c r="AA18381">
        <v>41</v>
      </c>
      <c r="AB18381">
        <v>42</v>
      </c>
      <c r="AC18381">
        <v>43</v>
      </c>
      <c r="AD18381">
        <v>44</v>
      </c>
      <c r="AE18381">
        <v>45</v>
      </c>
      <c r="AF18381">
        <v>46</v>
      </c>
      <c r="AG18381">
        <v>47</v>
      </c>
      <c r="AH18381">
        <v>48</v>
      </c>
      <c r="AI18381">
        <v>49</v>
      </c>
      <c r="AJ18381">
        <v>50</v>
      </c>
      <c r="AK18381">
        <v>51</v>
      </c>
      <c r="AL18381">
        <v>52</v>
      </c>
      <c r="AM18381">
        <v>53</v>
      </c>
      <c r="AN18381">
        <v>54</v>
      </c>
      <c r="AO18381">
        <v>54</v>
      </c>
      <c r="AP18381">
        <v>55</v>
      </c>
      <c r="AQ18381">
        <v>56</v>
      </c>
    </row>
    <row r="18382" spans="1:43">
      <c r="A18382" t="s">
        <v>11388</v>
      </c>
      <c r="B18382" t="s">
        <v>11389</v>
      </c>
      <c r="C18382" t="s">
        <v>11382</v>
      </c>
      <c r="D18382" t="s">
        <v>11383</v>
      </c>
      <c r="E18382" t="s">
        <v>11206</v>
      </c>
      <c r="F18382" t="s">
        <v>11207</v>
      </c>
      <c r="G18382" t="s">
        <v>10734</v>
      </c>
      <c r="H18382" t="s">
        <v>10735</v>
      </c>
      <c r="I18382" s="2">
        <v>0</v>
      </c>
      <c r="J18382" s="2">
        <v>0</v>
      </c>
      <c r="K18382" s="2">
        <v>1</v>
      </c>
      <c r="L18382" t="s">
        <v>995</v>
      </c>
      <c r="M18382" t="s">
        <v>83</v>
      </c>
      <c r="N18382" t="s">
        <v>84</v>
      </c>
      <c r="O18382" t="s">
        <v>85</v>
      </c>
      <c r="P18382" t="s">
        <v>86</v>
      </c>
      <c r="Q18382">
        <v>16</v>
      </c>
      <c r="R18382">
        <v>16</v>
      </c>
      <c r="S18382">
        <v>17</v>
      </c>
      <c r="T18382">
        <v>17</v>
      </c>
      <c r="U18382">
        <v>17</v>
      </c>
      <c r="V18382">
        <v>18</v>
      </c>
      <c r="W18382">
        <v>18</v>
      </c>
      <c r="X18382">
        <v>19</v>
      </c>
      <c r="Y18382">
        <v>19</v>
      </c>
      <c r="Z18382">
        <v>20</v>
      </c>
      <c r="AA18382">
        <v>20</v>
      </c>
      <c r="AB18382">
        <v>21</v>
      </c>
      <c r="AC18382">
        <v>21</v>
      </c>
      <c r="AD18382">
        <v>22</v>
      </c>
      <c r="AE18382">
        <v>22</v>
      </c>
      <c r="AF18382">
        <v>23</v>
      </c>
      <c r="AG18382">
        <v>23</v>
      </c>
      <c r="AH18382">
        <v>24</v>
      </c>
      <c r="AI18382">
        <v>24</v>
      </c>
      <c r="AJ18382">
        <v>25</v>
      </c>
      <c r="AK18382">
        <v>26</v>
      </c>
      <c r="AL18382">
        <v>26</v>
      </c>
      <c r="AM18382">
        <v>26</v>
      </c>
      <c r="AN18382">
        <v>27</v>
      </c>
      <c r="AO18382">
        <v>27</v>
      </c>
      <c r="AP18382">
        <v>27</v>
      </c>
      <c r="AQ18382">
        <v>28</v>
      </c>
    </row>
    <row r="18383" spans="1:43">
      <c r="A18383" t="s">
        <v>11388</v>
      </c>
      <c r="B18383" t="s">
        <v>11389</v>
      </c>
      <c r="C18383" t="s">
        <v>11382</v>
      </c>
      <c r="D18383" t="s">
        <v>11383</v>
      </c>
      <c r="E18383" t="s">
        <v>11206</v>
      </c>
      <c r="F18383" t="s">
        <v>11207</v>
      </c>
      <c r="G18383" t="s">
        <v>10734</v>
      </c>
      <c r="H18383" t="s">
        <v>10735</v>
      </c>
      <c r="I18383" s="2">
        <v>0</v>
      </c>
      <c r="J18383" s="2">
        <v>0</v>
      </c>
      <c r="K18383" s="2">
        <v>1</v>
      </c>
      <c r="L18383" t="s">
        <v>995</v>
      </c>
      <c r="M18383" t="s">
        <v>87</v>
      </c>
      <c r="N18383" t="s">
        <v>88</v>
      </c>
      <c r="O18383" t="s">
        <v>85</v>
      </c>
      <c r="P18383" t="s">
        <v>86</v>
      </c>
      <c r="Q18383">
        <v>16</v>
      </c>
      <c r="R18383">
        <v>16</v>
      </c>
      <c r="S18383">
        <v>16</v>
      </c>
      <c r="T18383">
        <v>16</v>
      </c>
      <c r="U18383">
        <v>17</v>
      </c>
      <c r="V18383">
        <v>17</v>
      </c>
      <c r="W18383">
        <v>17</v>
      </c>
      <c r="X18383">
        <v>18</v>
      </c>
      <c r="Y18383">
        <v>18</v>
      </c>
      <c r="Z18383">
        <v>18</v>
      </c>
      <c r="AA18383">
        <v>18</v>
      </c>
      <c r="AB18383">
        <v>19</v>
      </c>
      <c r="AC18383">
        <v>19</v>
      </c>
      <c r="AD18383">
        <v>19</v>
      </c>
      <c r="AE18383">
        <v>20</v>
      </c>
      <c r="AF18383">
        <v>20</v>
      </c>
      <c r="AG18383">
        <v>20</v>
      </c>
      <c r="AH18383">
        <v>21</v>
      </c>
      <c r="AI18383">
        <v>21</v>
      </c>
      <c r="AJ18383">
        <v>21</v>
      </c>
      <c r="AK18383">
        <v>22</v>
      </c>
      <c r="AL18383">
        <v>22</v>
      </c>
      <c r="AM18383">
        <v>23</v>
      </c>
      <c r="AN18383">
        <v>23</v>
      </c>
      <c r="AO18383">
        <v>23</v>
      </c>
      <c r="AP18383">
        <v>24</v>
      </c>
      <c r="AQ18383">
        <v>24</v>
      </c>
    </row>
    <row r="18384" spans="1:43">
      <c r="A18384" t="s">
        <v>11388</v>
      </c>
      <c r="B18384" t="s">
        <v>11389</v>
      </c>
      <c r="C18384" t="s">
        <v>11382</v>
      </c>
      <c r="D18384" t="s">
        <v>11383</v>
      </c>
      <c r="E18384" t="s">
        <v>11206</v>
      </c>
      <c r="F18384" t="s">
        <v>11207</v>
      </c>
      <c r="G18384" t="s">
        <v>10734</v>
      </c>
      <c r="H18384" t="s">
        <v>10735</v>
      </c>
      <c r="I18384" s="2">
        <v>0</v>
      </c>
      <c r="J18384" s="2">
        <v>0</v>
      </c>
      <c r="K18384" s="2">
        <v>1</v>
      </c>
      <c r="L18384" t="s">
        <v>995</v>
      </c>
      <c r="M18384" t="s">
        <v>89</v>
      </c>
      <c r="N18384" t="s">
        <v>90</v>
      </c>
      <c r="O18384" t="s">
        <v>85</v>
      </c>
      <c r="P18384" t="s">
        <v>86</v>
      </c>
      <c r="Q18384">
        <v>16</v>
      </c>
      <c r="R18384">
        <v>16</v>
      </c>
      <c r="S18384">
        <v>17</v>
      </c>
      <c r="T18384">
        <v>18</v>
      </c>
      <c r="U18384">
        <v>18</v>
      </c>
      <c r="V18384">
        <v>19</v>
      </c>
      <c r="W18384">
        <v>19</v>
      </c>
      <c r="X18384">
        <v>20</v>
      </c>
      <c r="Y18384">
        <v>20</v>
      </c>
      <c r="Z18384">
        <v>21</v>
      </c>
      <c r="AA18384">
        <v>22</v>
      </c>
      <c r="AB18384">
        <v>22</v>
      </c>
      <c r="AC18384">
        <v>23</v>
      </c>
      <c r="AD18384">
        <v>23</v>
      </c>
      <c r="AE18384">
        <v>24</v>
      </c>
      <c r="AF18384">
        <v>24</v>
      </c>
      <c r="AG18384">
        <v>24</v>
      </c>
      <c r="AH18384">
        <v>25</v>
      </c>
      <c r="AI18384">
        <v>25</v>
      </c>
      <c r="AJ18384">
        <v>25</v>
      </c>
      <c r="AK18384">
        <v>26</v>
      </c>
      <c r="AL18384">
        <v>26</v>
      </c>
      <c r="AM18384">
        <v>27</v>
      </c>
      <c r="AN18384">
        <v>27</v>
      </c>
      <c r="AO18384">
        <v>27</v>
      </c>
      <c r="AP18384">
        <v>28</v>
      </c>
      <c r="AQ18384">
        <v>28</v>
      </c>
    </row>
    <row r="18385" spans="1:43">
      <c r="A18385" t="s">
        <v>11388</v>
      </c>
      <c r="B18385" t="s">
        <v>11389</v>
      </c>
      <c r="C18385" t="s">
        <v>11382</v>
      </c>
      <c r="D18385" t="s">
        <v>11383</v>
      </c>
      <c r="E18385" t="s">
        <v>11206</v>
      </c>
      <c r="F18385" t="s">
        <v>11207</v>
      </c>
      <c r="G18385" t="s">
        <v>10734</v>
      </c>
      <c r="H18385" t="s">
        <v>10735</v>
      </c>
      <c r="I18385" s="2">
        <v>0</v>
      </c>
      <c r="J18385" s="2">
        <v>0</v>
      </c>
      <c r="K18385" s="2">
        <v>1</v>
      </c>
      <c r="L18385" t="s">
        <v>995</v>
      </c>
      <c r="M18385" t="s">
        <v>83</v>
      </c>
      <c r="N18385" t="s">
        <v>91</v>
      </c>
      <c r="O18385" t="s">
        <v>85</v>
      </c>
      <c r="P18385" t="s">
        <v>86</v>
      </c>
      <c r="Q18385">
        <v>16</v>
      </c>
      <c r="R18385">
        <v>16</v>
      </c>
      <c r="S18385">
        <v>17</v>
      </c>
      <c r="T18385">
        <v>17</v>
      </c>
      <c r="U18385">
        <v>17</v>
      </c>
      <c r="V18385">
        <v>18</v>
      </c>
      <c r="W18385">
        <v>18</v>
      </c>
      <c r="X18385">
        <v>19</v>
      </c>
      <c r="Y18385">
        <v>19</v>
      </c>
      <c r="Z18385">
        <v>20</v>
      </c>
      <c r="AA18385">
        <v>20</v>
      </c>
      <c r="AB18385">
        <v>21</v>
      </c>
      <c r="AC18385">
        <v>21</v>
      </c>
      <c r="AD18385">
        <v>22</v>
      </c>
      <c r="AE18385">
        <v>22</v>
      </c>
      <c r="AF18385">
        <v>23</v>
      </c>
      <c r="AG18385">
        <v>23</v>
      </c>
      <c r="AH18385">
        <v>24</v>
      </c>
      <c r="AI18385">
        <v>24</v>
      </c>
      <c r="AJ18385">
        <v>25</v>
      </c>
      <c r="AK18385">
        <v>26</v>
      </c>
      <c r="AL18385">
        <v>26</v>
      </c>
      <c r="AM18385">
        <v>26</v>
      </c>
      <c r="AN18385">
        <v>27</v>
      </c>
      <c r="AO18385">
        <v>27</v>
      </c>
      <c r="AP18385">
        <v>27</v>
      </c>
      <c r="AQ18385">
        <v>28</v>
      </c>
    </row>
    <row r="18386" spans="1:43">
      <c r="A18386" t="s">
        <v>11390</v>
      </c>
      <c r="B18386" t="s">
        <v>11391</v>
      </c>
      <c r="C18386" t="s">
        <v>11376</v>
      </c>
      <c r="D18386" t="s">
        <v>11377</v>
      </c>
      <c r="E18386" t="s">
        <v>11206</v>
      </c>
      <c r="F18386" t="s">
        <v>11207</v>
      </c>
      <c r="G18386" t="s">
        <v>10734</v>
      </c>
      <c r="H18386" t="s">
        <v>10735</v>
      </c>
      <c r="I18386" s="2">
        <v>0</v>
      </c>
      <c r="J18386" s="2">
        <v>0</v>
      </c>
      <c r="K18386" s="2">
        <v>1</v>
      </c>
      <c r="L18386" t="s">
        <v>995</v>
      </c>
      <c r="M18386" t="s">
        <v>83</v>
      </c>
      <c r="N18386" t="s">
        <v>84</v>
      </c>
      <c r="O18386" t="s">
        <v>85</v>
      </c>
      <c r="P18386" t="s">
        <v>86</v>
      </c>
      <c r="Q18386">
        <v>8</v>
      </c>
      <c r="R18386">
        <v>8</v>
      </c>
      <c r="S18386">
        <v>9</v>
      </c>
      <c r="T18386">
        <v>9</v>
      </c>
      <c r="U18386">
        <v>9</v>
      </c>
      <c r="V18386">
        <v>9</v>
      </c>
      <c r="W18386">
        <v>9</v>
      </c>
      <c r="X18386">
        <v>10</v>
      </c>
      <c r="Y18386">
        <v>10</v>
      </c>
      <c r="Z18386">
        <v>10</v>
      </c>
      <c r="AA18386">
        <v>10</v>
      </c>
      <c r="AB18386">
        <v>11</v>
      </c>
      <c r="AC18386">
        <v>11</v>
      </c>
      <c r="AD18386">
        <v>11</v>
      </c>
      <c r="AE18386">
        <v>11</v>
      </c>
      <c r="AF18386">
        <v>12</v>
      </c>
      <c r="AG18386">
        <v>12</v>
      </c>
      <c r="AH18386">
        <v>12</v>
      </c>
      <c r="AI18386">
        <v>13</v>
      </c>
      <c r="AJ18386">
        <v>13</v>
      </c>
      <c r="AK18386">
        <v>13</v>
      </c>
      <c r="AL18386">
        <v>13</v>
      </c>
      <c r="AM18386">
        <v>14</v>
      </c>
      <c r="AN18386">
        <v>14</v>
      </c>
      <c r="AO18386">
        <v>14</v>
      </c>
      <c r="AP18386">
        <v>14</v>
      </c>
      <c r="AQ18386">
        <v>14</v>
      </c>
    </row>
    <row r="18387" spans="1:43">
      <c r="A18387" t="s">
        <v>11390</v>
      </c>
      <c r="B18387" t="s">
        <v>11391</v>
      </c>
      <c r="C18387" t="s">
        <v>11376</v>
      </c>
      <c r="D18387" t="s">
        <v>11377</v>
      </c>
      <c r="E18387" t="s">
        <v>11206</v>
      </c>
      <c r="F18387" t="s">
        <v>11207</v>
      </c>
      <c r="G18387" t="s">
        <v>10734</v>
      </c>
      <c r="H18387" t="s">
        <v>10735</v>
      </c>
      <c r="I18387" s="2">
        <v>0</v>
      </c>
      <c r="J18387" s="2">
        <v>0</v>
      </c>
      <c r="K18387" s="2">
        <v>1</v>
      </c>
      <c r="L18387" t="s">
        <v>995</v>
      </c>
      <c r="M18387" t="s">
        <v>87</v>
      </c>
      <c r="N18387" t="s">
        <v>88</v>
      </c>
      <c r="O18387" t="s">
        <v>85</v>
      </c>
      <c r="P18387" t="s">
        <v>86</v>
      </c>
      <c r="Q18387">
        <v>8</v>
      </c>
      <c r="R18387">
        <v>8</v>
      </c>
      <c r="S18387">
        <v>8</v>
      </c>
      <c r="T18387">
        <v>8</v>
      </c>
      <c r="U18387">
        <v>9</v>
      </c>
      <c r="V18387">
        <v>9</v>
      </c>
      <c r="W18387">
        <v>9</v>
      </c>
      <c r="X18387">
        <v>9</v>
      </c>
      <c r="Y18387">
        <v>9</v>
      </c>
      <c r="Z18387">
        <v>9</v>
      </c>
      <c r="AA18387">
        <v>10</v>
      </c>
      <c r="AB18387">
        <v>10</v>
      </c>
      <c r="AC18387">
        <v>10</v>
      </c>
      <c r="AD18387">
        <v>10</v>
      </c>
      <c r="AE18387">
        <v>10</v>
      </c>
      <c r="AF18387">
        <v>10</v>
      </c>
      <c r="AG18387">
        <v>11</v>
      </c>
      <c r="AH18387">
        <v>11</v>
      </c>
      <c r="AI18387">
        <v>11</v>
      </c>
      <c r="AJ18387">
        <v>11</v>
      </c>
      <c r="AK18387">
        <v>11</v>
      </c>
      <c r="AL18387">
        <v>11</v>
      </c>
      <c r="AM18387">
        <v>12</v>
      </c>
      <c r="AN18387">
        <v>12</v>
      </c>
      <c r="AO18387">
        <v>12</v>
      </c>
      <c r="AP18387">
        <v>12</v>
      </c>
      <c r="AQ18387">
        <v>13</v>
      </c>
    </row>
    <row r="18388" spans="1:43">
      <c r="A18388" t="s">
        <v>11390</v>
      </c>
      <c r="B18388" t="s">
        <v>11391</v>
      </c>
      <c r="C18388" t="s">
        <v>11376</v>
      </c>
      <c r="D18388" t="s">
        <v>11377</v>
      </c>
      <c r="E18388" t="s">
        <v>11206</v>
      </c>
      <c r="F18388" t="s">
        <v>11207</v>
      </c>
      <c r="G18388" t="s">
        <v>10734</v>
      </c>
      <c r="H18388" t="s">
        <v>10735</v>
      </c>
      <c r="I18388" s="2">
        <v>0</v>
      </c>
      <c r="J18388" s="2">
        <v>0</v>
      </c>
      <c r="K18388" s="2">
        <v>1</v>
      </c>
      <c r="L18388" t="s">
        <v>995</v>
      </c>
      <c r="M18388" t="s">
        <v>89</v>
      </c>
      <c r="N18388" t="s">
        <v>90</v>
      </c>
      <c r="O18388" t="s">
        <v>85</v>
      </c>
      <c r="P18388" t="s">
        <v>86</v>
      </c>
      <c r="Q18388">
        <v>8</v>
      </c>
      <c r="R18388">
        <v>9</v>
      </c>
      <c r="S18388">
        <v>9</v>
      </c>
      <c r="T18388">
        <v>9</v>
      </c>
      <c r="U18388">
        <v>9</v>
      </c>
      <c r="V18388">
        <v>10</v>
      </c>
      <c r="W18388">
        <v>10</v>
      </c>
      <c r="X18388">
        <v>10</v>
      </c>
      <c r="Y18388">
        <v>11</v>
      </c>
      <c r="Z18388">
        <v>11</v>
      </c>
      <c r="AA18388">
        <v>11</v>
      </c>
      <c r="AB18388">
        <v>11</v>
      </c>
      <c r="AC18388">
        <v>12</v>
      </c>
      <c r="AD18388">
        <v>12</v>
      </c>
      <c r="AE18388">
        <v>12</v>
      </c>
      <c r="AF18388">
        <v>12</v>
      </c>
      <c r="AG18388">
        <v>13</v>
      </c>
      <c r="AH18388">
        <v>13</v>
      </c>
      <c r="AI18388">
        <v>13</v>
      </c>
      <c r="AJ18388">
        <v>13</v>
      </c>
      <c r="AK18388">
        <v>13</v>
      </c>
      <c r="AL18388">
        <v>14</v>
      </c>
      <c r="AM18388">
        <v>14</v>
      </c>
      <c r="AN18388">
        <v>14</v>
      </c>
      <c r="AO18388">
        <v>14</v>
      </c>
      <c r="AP18388">
        <v>14</v>
      </c>
      <c r="AQ18388">
        <v>15</v>
      </c>
    </row>
    <row r="18389" spans="1:43">
      <c r="A18389" t="s">
        <v>11390</v>
      </c>
      <c r="B18389" t="s">
        <v>11391</v>
      </c>
      <c r="C18389" t="s">
        <v>11376</v>
      </c>
      <c r="D18389" t="s">
        <v>11377</v>
      </c>
      <c r="E18389" t="s">
        <v>11206</v>
      </c>
      <c r="F18389" t="s">
        <v>11207</v>
      </c>
      <c r="G18389" t="s">
        <v>10734</v>
      </c>
      <c r="H18389" t="s">
        <v>10735</v>
      </c>
      <c r="I18389" s="2">
        <v>0</v>
      </c>
      <c r="J18389" s="2">
        <v>0</v>
      </c>
      <c r="K18389" s="2">
        <v>1</v>
      </c>
      <c r="L18389" t="s">
        <v>995</v>
      </c>
      <c r="M18389" t="s">
        <v>83</v>
      </c>
      <c r="N18389" t="s">
        <v>91</v>
      </c>
      <c r="O18389" t="s">
        <v>85</v>
      </c>
      <c r="P18389" t="s">
        <v>86</v>
      </c>
      <c r="Q18389">
        <v>8</v>
      </c>
      <c r="R18389">
        <v>8</v>
      </c>
      <c r="S18389">
        <v>9</v>
      </c>
      <c r="T18389">
        <v>9</v>
      </c>
      <c r="U18389">
        <v>9</v>
      </c>
      <c r="V18389">
        <v>9</v>
      </c>
      <c r="W18389">
        <v>9</v>
      </c>
      <c r="X18389">
        <v>10</v>
      </c>
      <c r="Y18389">
        <v>10</v>
      </c>
      <c r="Z18389">
        <v>10</v>
      </c>
      <c r="AA18389">
        <v>10</v>
      </c>
      <c r="AB18389">
        <v>11</v>
      </c>
      <c r="AC18389">
        <v>11</v>
      </c>
      <c r="AD18389">
        <v>11</v>
      </c>
      <c r="AE18389">
        <v>11</v>
      </c>
      <c r="AF18389">
        <v>12</v>
      </c>
      <c r="AG18389">
        <v>12</v>
      </c>
      <c r="AH18389">
        <v>12</v>
      </c>
      <c r="AI18389">
        <v>13</v>
      </c>
      <c r="AJ18389">
        <v>13</v>
      </c>
      <c r="AK18389">
        <v>13</v>
      </c>
      <c r="AL18389">
        <v>13</v>
      </c>
      <c r="AM18389">
        <v>14</v>
      </c>
      <c r="AN18389">
        <v>14</v>
      </c>
      <c r="AO18389">
        <v>14</v>
      </c>
      <c r="AP18389">
        <v>14</v>
      </c>
      <c r="AQ18389">
        <v>14</v>
      </c>
    </row>
    <row r="18390" spans="1:43">
      <c r="A18390" t="s">
        <v>11392</v>
      </c>
      <c r="B18390" t="s">
        <v>11393</v>
      </c>
      <c r="C18390" t="s">
        <v>11394</v>
      </c>
      <c r="D18390" t="s">
        <v>11395</v>
      </c>
      <c r="E18390" t="s">
        <v>11206</v>
      </c>
      <c r="F18390" t="s">
        <v>11207</v>
      </c>
      <c r="G18390" t="s">
        <v>10734</v>
      </c>
      <c r="H18390" t="s">
        <v>10735</v>
      </c>
      <c r="I18390" s="2">
        <v>0</v>
      </c>
      <c r="J18390" s="2">
        <v>0</v>
      </c>
      <c r="K18390" s="2">
        <v>1</v>
      </c>
      <c r="L18390" t="s">
        <v>995</v>
      </c>
      <c r="M18390" t="s">
        <v>83</v>
      </c>
      <c r="N18390" t="s">
        <v>84</v>
      </c>
      <c r="O18390" t="s">
        <v>85</v>
      </c>
      <c r="P18390" t="s">
        <v>86</v>
      </c>
      <c r="Q18390">
        <v>5</v>
      </c>
      <c r="R18390">
        <v>5</v>
      </c>
      <c r="S18390">
        <v>5</v>
      </c>
      <c r="T18390">
        <v>5</v>
      </c>
      <c r="U18390">
        <v>5</v>
      </c>
      <c r="V18390">
        <v>5</v>
      </c>
      <c r="W18390">
        <v>6</v>
      </c>
      <c r="X18390">
        <v>6</v>
      </c>
      <c r="Y18390">
        <v>6</v>
      </c>
      <c r="Z18390">
        <v>6</v>
      </c>
      <c r="AA18390">
        <v>6</v>
      </c>
      <c r="AB18390">
        <v>6</v>
      </c>
      <c r="AC18390">
        <v>6</v>
      </c>
      <c r="AD18390">
        <v>7</v>
      </c>
      <c r="AE18390">
        <v>7</v>
      </c>
      <c r="AF18390">
        <v>7</v>
      </c>
      <c r="AG18390">
        <v>7</v>
      </c>
      <c r="AH18390">
        <v>7</v>
      </c>
      <c r="AI18390">
        <v>7</v>
      </c>
      <c r="AJ18390">
        <v>8</v>
      </c>
      <c r="AK18390">
        <v>8</v>
      </c>
      <c r="AL18390">
        <v>8</v>
      </c>
      <c r="AM18390">
        <v>8</v>
      </c>
      <c r="AN18390">
        <v>8</v>
      </c>
      <c r="AO18390">
        <v>8</v>
      </c>
      <c r="AP18390">
        <v>8</v>
      </c>
      <c r="AQ18390">
        <v>8</v>
      </c>
    </row>
    <row r="18391" spans="1:43">
      <c r="A18391" t="s">
        <v>11392</v>
      </c>
      <c r="B18391" t="s">
        <v>11393</v>
      </c>
      <c r="C18391" t="s">
        <v>11394</v>
      </c>
      <c r="D18391" t="s">
        <v>11395</v>
      </c>
      <c r="E18391" t="s">
        <v>11206</v>
      </c>
      <c r="F18391" t="s">
        <v>11207</v>
      </c>
      <c r="G18391" t="s">
        <v>10734</v>
      </c>
      <c r="H18391" t="s">
        <v>10735</v>
      </c>
      <c r="I18391" s="2">
        <v>0</v>
      </c>
      <c r="J18391" s="2">
        <v>0</v>
      </c>
      <c r="K18391" s="2">
        <v>1</v>
      </c>
      <c r="L18391" t="s">
        <v>995</v>
      </c>
      <c r="M18391" t="s">
        <v>87</v>
      </c>
      <c r="N18391" t="s">
        <v>88</v>
      </c>
      <c r="O18391" t="s">
        <v>85</v>
      </c>
      <c r="P18391" t="s">
        <v>86</v>
      </c>
      <c r="Q18391">
        <v>5</v>
      </c>
      <c r="R18391">
        <v>5</v>
      </c>
      <c r="S18391">
        <v>5</v>
      </c>
      <c r="T18391">
        <v>5</v>
      </c>
      <c r="U18391">
        <v>5</v>
      </c>
      <c r="V18391">
        <v>5</v>
      </c>
      <c r="W18391">
        <v>5</v>
      </c>
      <c r="X18391">
        <v>5</v>
      </c>
      <c r="Y18391">
        <v>5</v>
      </c>
      <c r="Z18391">
        <v>5</v>
      </c>
      <c r="AA18391">
        <v>6</v>
      </c>
      <c r="AB18391">
        <v>6</v>
      </c>
      <c r="AC18391">
        <v>6</v>
      </c>
      <c r="AD18391">
        <v>6</v>
      </c>
      <c r="AE18391">
        <v>6</v>
      </c>
      <c r="AF18391">
        <v>6</v>
      </c>
      <c r="AG18391">
        <v>6</v>
      </c>
      <c r="AH18391">
        <v>6</v>
      </c>
      <c r="AI18391">
        <v>6</v>
      </c>
      <c r="AJ18391">
        <v>6</v>
      </c>
      <c r="AK18391">
        <v>7</v>
      </c>
      <c r="AL18391">
        <v>7</v>
      </c>
      <c r="AM18391">
        <v>7</v>
      </c>
      <c r="AN18391">
        <v>7</v>
      </c>
      <c r="AO18391">
        <v>7</v>
      </c>
      <c r="AP18391">
        <v>7</v>
      </c>
      <c r="AQ18391">
        <v>7</v>
      </c>
    </row>
    <row r="18392" spans="1:43">
      <c r="A18392" t="s">
        <v>11392</v>
      </c>
      <c r="B18392" t="s">
        <v>11393</v>
      </c>
      <c r="C18392" t="s">
        <v>11394</v>
      </c>
      <c r="D18392" t="s">
        <v>11395</v>
      </c>
      <c r="E18392" t="s">
        <v>11206</v>
      </c>
      <c r="F18392" t="s">
        <v>11207</v>
      </c>
      <c r="G18392" t="s">
        <v>10734</v>
      </c>
      <c r="H18392" t="s">
        <v>10735</v>
      </c>
      <c r="I18392" s="2">
        <v>0</v>
      </c>
      <c r="J18392" s="2">
        <v>0</v>
      </c>
      <c r="K18392" s="2">
        <v>1</v>
      </c>
      <c r="L18392" t="s">
        <v>995</v>
      </c>
      <c r="M18392" t="s">
        <v>89</v>
      </c>
      <c r="N18392" t="s">
        <v>90</v>
      </c>
      <c r="O18392" t="s">
        <v>85</v>
      </c>
      <c r="P18392" t="s">
        <v>86</v>
      </c>
      <c r="Q18392">
        <v>5</v>
      </c>
      <c r="R18392">
        <v>5</v>
      </c>
      <c r="S18392">
        <v>5</v>
      </c>
      <c r="T18392">
        <v>5</v>
      </c>
      <c r="U18392">
        <v>5</v>
      </c>
      <c r="V18392">
        <v>6</v>
      </c>
      <c r="W18392">
        <v>6</v>
      </c>
      <c r="X18392">
        <v>6</v>
      </c>
      <c r="Y18392">
        <v>6</v>
      </c>
      <c r="Z18392">
        <v>6</v>
      </c>
      <c r="AA18392">
        <v>6</v>
      </c>
      <c r="AB18392">
        <v>7</v>
      </c>
      <c r="AC18392">
        <v>7</v>
      </c>
      <c r="AD18392">
        <v>7</v>
      </c>
      <c r="AE18392">
        <v>7</v>
      </c>
      <c r="AF18392">
        <v>7</v>
      </c>
      <c r="AG18392">
        <v>7</v>
      </c>
      <c r="AH18392">
        <v>7</v>
      </c>
      <c r="AI18392">
        <v>8</v>
      </c>
      <c r="AJ18392">
        <v>8</v>
      </c>
      <c r="AK18392">
        <v>8</v>
      </c>
      <c r="AL18392">
        <v>8</v>
      </c>
      <c r="AM18392">
        <v>8</v>
      </c>
      <c r="AN18392">
        <v>8</v>
      </c>
      <c r="AO18392">
        <v>8</v>
      </c>
      <c r="AP18392">
        <v>8</v>
      </c>
      <c r="AQ18392">
        <v>8</v>
      </c>
    </row>
    <row r="18393" spans="1:43">
      <c r="A18393" t="s">
        <v>11392</v>
      </c>
      <c r="B18393" t="s">
        <v>11393</v>
      </c>
      <c r="C18393" t="s">
        <v>11394</v>
      </c>
      <c r="D18393" t="s">
        <v>11395</v>
      </c>
      <c r="E18393" t="s">
        <v>11206</v>
      </c>
      <c r="F18393" t="s">
        <v>11207</v>
      </c>
      <c r="G18393" t="s">
        <v>10734</v>
      </c>
      <c r="H18393" t="s">
        <v>10735</v>
      </c>
      <c r="I18393" s="2">
        <v>0</v>
      </c>
      <c r="J18393" s="2">
        <v>0</v>
      </c>
      <c r="K18393" s="2">
        <v>1</v>
      </c>
      <c r="L18393" t="s">
        <v>995</v>
      </c>
      <c r="M18393" t="s">
        <v>83</v>
      </c>
      <c r="N18393" t="s">
        <v>91</v>
      </c>
      <c r="O18393" t="s">
        <v>85</v>
      </c>
      <c r="P18393" t="s">
        <v>86</v>
      </c>
      <c r="Q18393">
        <v>5</v>
      </c>
      <c r="R18393">
        <v>5</v>
      </c>
      <c r="S18393">
        <v>5</v>
      </c>
      <c r="T18393">
        <v>5</v>
      </c>
      <c r="U18393">
        <v>5</v>
      </c>
      <c r="V18393">
        <v>5</v>
      </c>
      <c r="W18393">
        <v>6</v>
      </c>
      <c r="X18393">
        <v>6</v>
      </c>
      <c r="Y18393">
        <v>6</v>
      </c>
      <c r="Z18393">
        <v>6</v>
      </c>
      <c r="AA18393">
        <v>6</v>
      </c>
      <c r="AB18393">
        <v>6</v>
      </c>
      <c r="AC18393">
        <v>6</v>
      </c>
      <c r="AD18393">
        <v>7</v>
      </c>
      <c r="AE18393">
        <v>7</v>
      </c>
      <c r="AF18393">
        <v>7</v>
      </c>
      <c r="AG18393">
        <v>7</v>
      </c>
      <c r="AH18393">
        <v>7</v>
      </c>
      <c r="AI18393">
        <v>7</v>
      </c>
      <c r="AJ18393">
        <v>8</v>
      </c>
      <c r="AK18393">
        <v>8</v>
      </c>
      <c r="AL18393">
        <v>8</v>
      </c>
      <c r="AM18393">
        <v>8</v>
      </c>
      <c r="AN18393">
        <v>8</v>
      </c>
      <c r="AO18393">
        <v>8</v>
      </c>
      <c r="AP18393">
        <v>8</v>
      </c>
      <c r="AQ18393">
        <v>8</v>
      </c>
    </row>
    <row r="18394" spans="1:43">
      <c r="A18394" t="s">
        <v>11396</v>
      </c>
      <c r="B18394" t="s">
        <v>11397</v>
      </c>
      <c r="C18394" t="s">
        <v>11398</v>
      </c>
      <c r="D18394" t="s">
        <v>11399</v>
      </c>
      <c r="E18394" t="s">
        <v>11206</v>
      </c>
      <c r="F18394" t="s">
        <v>11207</v>
      </c>
      <c r="G18394" t="s">
        <v>10734</v>
      </c>
      <c r="H18394" t="s">
        <v>10735</v>
      </c>
      <c r="I18394" s="2">
        <v>0</v>
      </c>
      <c r="J18394" s="2">
        <v>0</v>
      </c>
      <c r="K18394" s="2">
        <v>1</v>
      </c>
      <c r="L18394" t="s">
        <v>995</v>
      </c>
      <c r="M18394" t="s">
        <v>83</v>
      </c>
      <c r="N18394" t="s">
        <v>84</v>
      </c>
      <c r="O18394" t="s">
        <v>85</v>
      </c>
      <c r="P18394" t="s">
        <v>86</v>
      </c>
      <c r="Q18394">
        <v>23</v>
      </c>
      <c r="R18394">
        <v>24</v>
      </c>
      <c r="S18394">
        <v>25</v>
      </c>
      <c r="T18394">
        <v>25</v>
      </c>
      <c r="U18394">
        <v>26</v>
      </c>
      <c r="V18394">
        <v>27</v>
      </c>
      <c r="W18394">
        <v>27</v>
      </c>
      <c r="X18394">
        <v>28</v>
      </c>
      <c r="Y18394">
        <v>29</v>
      </c>
      <c r="Z18394">
        <v>29</v>
      </c>
      <c r="AA18394">
        <v>30</v>
      </c>
      <c r="AB18394">
        <v>31</v>
      </c>
      <c r="AC18394">
        <v>32</v>
      </c>
      <c r="AD18394">
        <v>32</v>
      </c>
      <c r="AE18394">
        <v>33</v>
      </c>
      <c r="AF18394">
        <v>34</v>
      </c>
      <c r="AG18394">
        <v>35</v>
      </c>
      <c r="AH18394">
        <v>35</v>
      </c>
      <c r="AI18394">
        <v>36</v>
      </c>
      <c r="AJ18394">
        <v>37</v>
      </c>
      <c r="AK18394">
        <v>38</v>
      </c>
      <c r="AL18394">
        <v>39</v>
      </c>
      <c r="AM18394">
        <v>39</v>
      </c>
      <c r="AN18394">
        <v>40</v>
      </c>
      <c r="AO18394">
        <v>40</v>
      </c>
      <c r="AP18394">
        <v>41</v>
      </c>
      <c r="AQ18394">
        <v>42</v>
      </c>
    </row>
    <row r="18395" spans="1:43">
      <c r="A18395" t="s">
        <v>11396</v>
      </c>
      <c r="B18395" t="s">
        <v>11397</v>
      </c>
      <c r="C18395" t="s">
        <v>11398</v>
      </c>
      <c r="D18395" t="s">
        <v>11399</v>
      </c>
      <c r="E18395" t="s">
        <v>11206</v>
      </c>
      <c r="F18395" t="s">
        <v>11207</v>
      </c>
      <c r="G18395" t="s">
        <v>10734</v>
      </c>
      <c r="H18395" t="s">
        <v>10735</v>
      </c>
      <c r="I18395" s="2">
        <v>0</v>
      </c>
      <c r="J18395" s="2">
        <v>0</v>
      </c>
      <c r="K18395" s="2">
        <v>1</v>
      </c>
      <c r="L18395" t="s">
        <v>995</v>
      </c>
      <c r="M18395" t="s">
        <v>87</v>
      </c>
      <c r="N18395" t="s">
        <v>88</v>
      </c>
      <c r="O18395" t="s">
        <v>85</v>
      </c>
      <c r="P18395" t="s">
        <v>86</v>
      </c>
      <c r="Q18395">
        <v>23</v>
      </c>
      <c r="R18395">
        <v>24</v>
      </c>
      <c r="S18395">
        <v>24</v>
      </c>
      <c r="T18395">
        <v>24</v>
      </c>
      <c r="U18395">
        <v>25</v>
      </c>
      <c r="V18395">
        <v>25</v>
      </c>
      <c r="W18395">
        <v>26</v>
      </c>
      <c r="X18395">
        <v>26</v>
      </c>
      <c r="Y18395">
        <v>27</v>
      </c>
      <c r="Z18395">
        <v>27</v>
      </c>
      <c r="AA18395">
        <v>27</v>
      </c>
      <c r="AB18395">
        <v>28</v>
      </c>
      <c r="AC18395">
        <v>28</v>
      </c>
      <c r="AD18395">
        <v>29</v>
      </c>
      <c r="AE18395">
        <v>29</v>
      </c>
      <c r="AF18395">
        <v>30</v>
      </c>
      <c r="AG18395">
        <v>30</v>
      </c>
      <c r="AH18395">
        <v>31</v>
      </c>
      <c r="AI18395">
        <v>31</v>
      </c>
      <c r="AJ18395">
        <v>32</v>
      </c>
      <c r="AK18395">
        <v>33</v>
      </c>
      <c r="AL18395">
        <v>33</v>
      </c>
      <c r="AM18395">
        <v>34</v>
      </c>
      <c r="AN18395">
        <v>34</v>
      </c>
      <c r="AO18395">
        <v>35</v>
      </c>
      <c r="AP18395">
        <v>35</v>
      </c>
      <c r="AQ18395">
        <v>36</v>
      </c>
    </row>
    <row r="18396" spans="1:43">
      <c r="A18396" t="s">
        <v>11396</v>
      </c>
      <c r="B18396" t="s">
        <v>11397</v>
      </c>
      <c r="C18396" t="s">
        <v>11398</v>
      </c>
      <c r="D18396" t="s">
        <v>11399</v>
      </c>
      <c r="E18396" t="s">
        <v>11206</v>
      </c>
      <c r="F18396" t="s">
        <v>11207</v>
      </c>
      <c r="G18396" t="s">
        <v>10734</v>
      </c>
      <c r="H18396" t="s">
        <v>10735</v>
      </c>
      <c r="I18396" s="2">
        <v>0</v>
      </c>
      <c r="J18396" s="2">
        <v>0</v>
      </c>
      <c r="K18396" s="2">
        <v>1</v>
      </c>
      <c r="L18396" t="s">
        <v>995</v>
      </c>
      <c r="M18396" t="s">
        <v>89</v>
      </c>
      <c r="N18396" t="s">
        <v>90</v>
      </c>
      <c r="O18396" t="s">
        <v>85</v>
      </c>
      <c r="P18396" t="s">
        <v>86</v>
      </c>
      <c r="Q18396">
        <v>23</v>
      </c>
      <c r="R18396">
        <v>24</v>
      </c>
      <c r="S18396">
        <v>24</v>
      </c>
      <c r="T18396">
        <v>25</v>
      </c>
      <c r="U18396">
        <v>26</v>
      </c>
      <c r="V18396">
        <v>27</v>
      </c>
      <c r="W18396">
        <v>28</v>
      </c>
      <c r="X18396">
        <v>29</v>
      </c>
      <c r="Y18396">
        <v>29</v>
      </c>
      <c r="Z18396">
        <v>30</v>
      </c>
      <c r="AA18396">
        <v>31</v>
      </c>
      <c r="AB18396">
        <v>32</v>
      </c>
      <c r="AC18396">
        <v>33</v>
      </c>
      <c r="AD18396">
        <v>34</v>
      </c>
      <c r="AE18396">
        <v>34</v>
      </c>
      <c r="AF18396">
        <v>35</v>
      </c>
      <c r="AG18396">
        <v>35</v>
      </c>
      <c r="AH18396">
        <v>36</v>
      </c>
      <c r="AI18396">
        <v>36</v>
      </c>
      <c r="AJ18396">
        <v>37</v>
      </c>
      <c r="AK18396">
        <v>38</v>
      </c>
      <c r="AL18396">
        <v>38</v>
      </c>
      <c r="AM18396">
        <v>39</v>
      </c>
      <c r="AN18396">
        <v>39</v>
      </c>
      <c r="AO18396">
        <v>40</v>
      </c>
      <c r="AP18396">
        <v>40</v>
      </c>
      <c r="AQ18396">
        <v>41</v>
      </c>
    </row>
    <row r="18397" spans="1:43">
      <c r="A18397" t="s">
        <v>11396</v>
      </c>
      <c r="B18397" t="s">
        <v>11397</v>
      </c>
      <c r="C18397" t="s">
        <v>11398</v>
      </c>
      <c r="D18397" t="s">
        <v>11399</v>
      </c>
      <c r="E18397" t="s">
        <v>11206</v>
      </c>
      <c r="F18397" t="s">
        <v>11207</v>
      </c>
      <c r="G18397" t="s">
        <v>10734</v>
      </c>
      <c r="H18397" t="s">
        <v>10735</v>
      </c>
      <c r="I18397" s="2">
        <v>0</v>
      </c>
      <c r="J18397" s="2">
        <v>0</v>
      </c>
      <c r="K18397" s="2">
        <v>1</v>
      </c>
      <c r="L18397" t="s">
        <v>995</v>
      </c>
      <c r="M18397" t="s">
        <v>83</v>
      </c>
      <c r="N18397" t="s">
        <v>91</v>
      </c>
      <c r="O18397" t="s">
        <v>85</v>
      </c>
      <c r="P18397" t="s">
        <v>86</v>
      </c>
      <c r="Q18397">
        <v>23</v>
      </c>
      <c r="R18397">
        <v>24</v>
      </c>
      <c r="S18397">
        <v>25</v>
      </c>
      <c r="T18397">
        <v>25</v>
      </c>
      <c r="U18397">
        <v>26</v>
      </c>
      <c r="V18397">
        <v>27</v>
      </c>
      <c r="W18397">
        <v>27</v>
      </c>
      <c r="X18397">
        <v>28</v>
      </c>
      <c r="Y18397">
        <v>29</v>
      </c>
      <c r="Z18397">
        <v>29</v>
      </c>
      <c r="AA18397">
        <v>30</v>
      </c>
      <c r="AB18397">
        <v>31</v>
      </c>
      <c r="AC18397">
        <v>32</v>
      </c>
      <c r="AD18397">
        <v>32</v>
      </c>
      <c r="AE18397">
        <v>33</v>
      </c>
      <c r="AF18397">
        <v>34</v>
      </c>
      <c r="AG18397">
        <v>35</v>
      </c>
      <c r="AH18397">
        <v>35</v>
      </c>
      <c r="AI18397">
        <v>36</v>
      </c>
      <c r="AJ18397">
        <v>37</v>
      </c>
      <c r="AK18397">
        <v>38</v>
      </c>
      <c r="AL18397">
        <v>39</v>
      </c>
      <c r="AM18397">
        <v>39</v>
      </c>
      <c r="AN18397">
        <v>40</v>
      </c>
      <c r="AO18397">
        <v>40</v>
      </c>
      <c r="AP18397">
        <v>41</v>
      </c>
      <c r="AQ18397">
        <v>42</v>
      </c>
    </row>
    <row r="18398" spans="1:43">
      <c r="A18398" t="s">
        <v>11400</v>
      </c>
      <c r="B18398" t="s">
        <v>11401</v>
      </c>
      <c r="C18398" t="s">
        <v>11402</v>
      </c>
      <c r="D18398" t="s">
        <v>11403</v>
      </c>
      <c r="E18398" t="s">
        <v>11206</v>
      </c>
      <c r="F18398" t="s">
        <v>11207</v>
      </c>
      <c r="G18398" t="s">
        <v>10734</v>
      </c>
      <c r="H18398" t="s">
        <v>10735</v>
      </c>
      <c r="I18398" s="2">
        <v>0</v>
      </c>
      <c r="J18398" s="2">
        <v>0</v>
      </c>
      <c r="K18398" s="2">
        <v>1</v>
      </c>
      <c r="L18398" t="s">
        <v>995</v>
      </c>
      <c r="M18398" t="s">
        <v>83</v>
      </c>
      <c r="N18398" t="s">
        <v>84</v>
      </c>
      <c r="O18398" t="s">
        <v>85</v>
      </c>
      <c r="P18398" t="s">
        <v>86</v>
      </c>
      <c r="Q18398">
        <v>7</v>
      </c>
      <c r="R18398">
        <v>8</v>
      </c>
      <c r="S18398">
        <v>8</v>
      </c>
      <c r="T18398">
        <v>8</v>
      </c>
      <c r="U18398">
        <v>8</v>
      </c>
      <c r="V18398">
        <v>8</v>
      </c>
      <c r="W18398">
        <v>9</v>
      </c>
      <c r="X18398">
        <v>9</v>
      </c>
      <c r="Y18398">
        <v>9</v>
      </c>
      <c r="Z18398">
        <v>9</v>
      </c>
      <c r="AA18398">
        <v>9</v>
      </c>
      <c r="AB18398">
        <v>10</v>
      </c>
      <c r="AC18398">
        <v>10</v>
      </c>
      <c r="AD18398">
        <v>10</v>
      </c>
      <c r="AE18398">
        <v>10</v>
      </c>
      <c r="AF18398">
        <v>11</v>
      </c>
      <c r="AG18398">
        <v>11</v>
      </c>
      <c r="AH18398">
        <v>11</v>
      </c>
      <c r="AI18398">
        <v>11</v>
      </c>
      <c r="AJ18398">
        <v>12</v>
      </c>
      <c r="AK18398">
        <v>12</v>
      </c>
      <c r="AL18398">
        <v>12</v>
      </c>
      <c r="AM18398">
        <v>12</v>
      </c>
      <c r="AN18398">
        <v>13</v>
      </c>
      <c r="AO18398">
        <v>13</v>
      </c>
      <c r="AP18398">
        <v>13</v>
      </c>
      <c r="AQ18398">
        <v>13</v>
      </c>
    </row>
    <row r="18399" spans="1:43">
      <c r="A18399" t="s">
        <v>11400</v>
      </c>
      <c r="B18399" t="s">
        <v>11401</v>
      </c>
      <c r="C18399" t="s">
        <v>11402</v>
      </c>
      <c r="D18399" t="s">
        <v>11403</v>
      </c>
      <c r="E18399" t="s">
        <v>11206</v>
      </c>
      <c r="F18399" t="s">
        <v>11207</v>
      </c>
      <c r="G18399" t="s">
        <v>10734</v>
      </c>
      <c r="H18399" t="s">
        <v>10735</v>
      </c>
      <c r="I18399" s="2">
        <v>0</v>
      </c>
      <c r="J18399" s="2">
        <v>0</v>
      </c>
      <c r="K18399" s="2">
        <v>1</v>
      </c>
      <c r="L18399" t="s">
        <v>995</v>
      </c>
      <c r="M18399" t="s">
        <v>87</v>
      </c>
      <c r="N18399" t="s">
        <v>88</v>
      </c>
      <c r="O18399" t="s">
        <v>85</v>
      </c>
      <c r="P18399" t="s">
        <v>86</v>
      </c>
      <c r="Q18399">
        <v>7</v>
      </c>
      <c r="R18399">
        <v>7</v>
      </c>
      <c r="S18399">
        <v>8</v>
      </c>
      <c r="T18399">
        <v>8</v>
      </c>
      <c r="U18399">
        <v>8</v>
      </c>
      <c r="V18399">
        <v>8</v>
      </c>
      <c r="W18399">
        <v>8</v>
      </c>
      <c r="X18399">
        <v>8</v>
      </c>
      <c r="Y18399">
        <v>8</v>
      </c>
      <c r="Z18399">
        <v>8</v>
      </c>
      <c r="AA18399">
        <v>9</v>
      </c>
      <c r="AB18399">
        <v>9</v>
      </c>
      <c r="AC18399">
        <v>9</v>
      </c>
      <c r="AD18399">
        <v>9</v>
      </c>
      <c r="AE18399">
        <v>9</v>
      </c>
      <c r="AF18399">
        <v>9</v>
      </c>
      <c r="AG18399">
        <v>10</v>
      </c>
      <c r="AH18399">
        <v>10</v>
      </c>
      <c r="AI18399">
        <v>10</v>
      </c>
      <c r="AJ18399">
        <v>10</v>
      </c>
      <c r="AK18399">
        <v>10</v>
      </c>
      <c r="AL18399">
        <v>10</v>
      </c>
      <c r="AM18399">
        <v>11</v>
      </c>
      <c r="AN18399">
        <v>11</v>
      </c>
      <c r="AO18399">
        <v>11</v>
      </c>
      <c r="AP18399">
        <v>11</v>
      </c>
      <c r="AQ18399">
        <v>11</v>
      </c>
    </row>
    <row r="18400" spans="1:43">
      <c r="A18400" t="s">
        <v>11400</v>
      </c>
      <c r="B18400" t="s">
        <v>11401</v>
      </c>
      <c r="C18400" t="s">
        <v>11402</v>
      </c>
      <c r="D18400" t="s">
        <v>11403</v>
      </c>
      <c r="E18400" t="s">
        <v>11206</v>
      </c>
      <c r="F18400" t="s">
        <v>11207</v>
      </c>
      <c r="G18400" t="s">
        <v>10734</v>
      </c>
      <c r="H18400" t="s">
        <v>10735</v>
      </c>
      <c r="I18400" s="2">
        <v>0</v>
      </c>
      <c r="J18400" s="2">
        <v>0</v>
      </c>
      <c r="K18400" s="2">
        <v>1</v>
      </c>
      <c r="L18400" t="s">
        <v>995</v>
      </c>
      <c r="M18400" t="s">
        <v>89</v>
      </c>
      <c r="N18400" t="s">
        <v>90</v>
      </c>
      <c r="O18400" t="s">
        <v>85</v>
      </c>
      <c r="P18400" t="s">
        <v>86</v>
      </c>
      <c r="Q18400">
        <v>7</v>
      </c>
      <c r="R18400">
        <v>8</v>
      </c>
      <c r="S18400">
        <v>8</v>
      </c>
      <c r="T18400">
        <v>8</v>
      </c>
      <c r="U18400">
        <v>9</v>
      </c>
      <c r="V18400">
        <v>9</v>
      </c>
      <c r="W18400">
        <v>9</v>
      </c>
      <c r="X18400">
        <v>9</v>
      </c>
      <c r="Y18400">
        <v>10</v>
      </c>
      <c r="Z18400">
        <v>10</v>
      </c>
      <c r="AA18400">
        <v>10</v>
      </c>
      <c r="AB18400">
        <v>10</v>
      </c>
      <c r="AC18400">
        <v>11</v>
      </c>
      <c r="AD18400">
        <v>11</v>
      </c>
      <c r="AE18400">
        <v>11</v>
      </c>
      <c r="AF18400">
        <v>11</v>
      </c>
      <c r="AG18400">
        <v>11</v>
      </c>
      <c r="AH18400">
        <v>12</v>
      </c>
      <c r="AI18400">
        <v>12</v>
      </c>
      <c r="AJ18400">
        <v>12</v>
      </c>
      <c r="AK18400">
        <v>12</v>
      </c>
      <c r="AL18400">
        <v>12</v>
      </c>
      <c r="AM18400">
        <v>12</v>
      </c>
      <c r="AN18400">
        <v>13</v>
      </c>
      <c r="AO18400">
        <v>13</v>
      </c>
      <c r="AP18400">
        <v>13</v>
      </c>
      <c r="AQ18400">
        <v>13</v>
      </c>
    </row>
    <row r="18401" spans="1:43">
      <c r="A18401" t="s">
        <v>11400</v>
      </c>
      <c r="B18401" t="s">
        <v>11401</v>
      </c>
      <c r="C18401" t="s">
        <v>11402</v>
      </c>
      <c r="D18401" t="s">
        <v>11403</v>
      </c>
      <c r="E18401" t="s">
        <v>11206</v>
      </c>
      <c r="F18401" t="s">
        <v>11207</v>
      </c>
      <c r="G18401" t="s">
        <v>10734</v>
      </c>
      <c r="H18401" t="s">
        <v>10735</v>
      </c>
      <c r="I18401" s="2">
        <v>0</v>
      </c>
      <c r="J18401" s="2">
        <v>0</v>
      </c>
      <c r="K18401" s="2">
        <v>1</v>
      </c>
      <c r="L18401" t="s">
        <v>995</v>
      </c>
      <c r="M18401" t="s">
        <v>83</v>
      </c>
      <c r="N18401" t="s">
        <v>91</v>
      </c>
      <c r="O18401" t="s">
        <v>85</v>
      </c>
      <c r="P18401" t="s">
        <v>86</v>
      </c>
      <c r="Q18401">
        <v>7</v>
      </c>
      <c r="R18401">
        <v>8</v>
      </c>
      <c r="S18401">
        <v>8</v>
      </c>
      <c r="T18401">
        <v>8</v>
      </c>
      <c r="U18401">
        <v>8</v>
      </c>
      <c r="V18401">
        <v>8</v>
      </c>
      <c r="W18401">
        <v>9</v>
      </c>
      <c r="X18401">
        <v>9</v>
      </c>
      <c r="Y18401">
        <v>9</v>
      </c>
      <c r="Z18401">
        <v>9</v>
      </c>
      <c r="AA18401">
        <v>9</v>
      </c>
      <c r="AB18401">
        <v>10</v>
      </c>
      <c r="AC18401">
        <v>10</v>
      </c>
      <c r="AD18401">
        <v>10</v>
      </c>
      <c r="AE18401">
        <v>10</v>
      </c>
      <c r="AF18401">
        <v>11</v>
      </c>
      <c r="AG18401">
        <v>11</v>
      </c>
      <c r="AH18401">
        <v>11</v>
      </c>
      <c r="AI18401">
        <v>11</v>
      </c>
      <c r="AJ18401">
        <v>12</v>
      </c>
      <c r="AK18401">
        <v>12</v>
      </c>
      <c r="AL18401">
        <v>12</v>
      </c>
      <c r="AM18401">
        <v>12</v>
      </c>
      <c r="AN18401">
        <v>13</v>
      </c>
      <c r="AO18401">
        <v>13</v>
      </c>
      <c r="AP18401">
        <v>13</v>
      </c>
      <c r="AQ18401">
        <v>13</v>
      </c>
    </row>
    <row r="18402" spans="1:43">
      <c r="A18402" t="s">
        <v>11404</v>
      </c>
      <c r="B18402" t="s">
        <v>11405</v>
      </c>
      <c r="C18402" t="s">
        <v>11402</v>
      </c>
      <c r="D18402" t="s">
        <v>11403</v>
      </c>
      <c r="E18402" t="s">
        <v>11206</v>
      </c>
      <c r="F18402" t="s">
        <v>11207</v>
      </c>
      <c r="G18402" t="s">
        <v>10734</v>
      </c>
      <c r="H18402" t="s">
        <v>10735</v>
      </c>
      <c r="I18402" s="2">
        <v>0</v>
      </c>
      <c r="J18402" s="2">
        <v>0</v>
      </c>
      <c r="K18402" s="2">
        <v>1</v>
      </c>
      <c r="L18402" t="s">
        <v>995</v>
      </c>
      <c r="M18402" t="s">
        <v>83</v>
      </c>
      <c r="N18402" t="s">
        <v>84</v>
      </c>
      <c r="O18402" t="s">
        <v>85</v>
      </c>
      <c r="P18402" t="s">
        <v>86</v>
      </c>
      <c r="Q18402">
        <v>10</v>
      </c>
      <c r="R18402">
        <v>11</v>
      </c>
      <c r="S18402">
        <v>11</v>
      </c>
      <c r="T18402">
        <v>11</v>
      </c>
      <c r="U18402">
        <v>11</v>
      </c>
      <c r="V18402">
        <v>12</v>
      </c>
      <c r="W18402">
        <v>12</v>
      </c>
      <c r="X18402">
        <v>12</v>
      </c>
      <c r="Y18402">
        <v>13</v>
      </c>
      <c r="Z18402">
        <v>13</v>
      </c>
      <c r="AA18402">
        <v>13</v>
      </c>
      <c r="AB18402">
        <v>14</v>
      </c>
      <c r="AC18402">
        <v>14</v>
      </c>
      <c r="AD18402">
        <v>14</v>
      </c>
      <c r="AE18402">
        <v>14</v>
      </c>
      <c r="AF18402">
        <v>15</v>
      </c>
      <c r="AG18402">
        <v>15</v>
      </c>
      <c r="AH18402">
        <v>16</v>
      </c>
      <c r="AI18402">
        <v>16</v>
      </c>
      <c r="AJ18402">
        <v>16</v>
      </c>
      <c r="AK18402">
        <v>17</v>
      </c>
      <c r="AL18402">
        <v>17</v>
      </c>
      <c r="AM18402">
        <v>17</v>
      </c>
      <c r="AN18402">
        <v>17</v>
      </c>
      <c r="AO18402">
        <v>18</v>
      </c>
      <c r="AP18402">
        <v>18</v>
      </c>
      <c r="AQ18402">
        <v>18</v>
      </c>
    </row>
    <row r="18403" spans="1:43">
      <c r="A18403" t="s">
        <v>11404</v>
      </c>
      <c r="B18403" t="s">
        <v>11405</v>
      </c>
      <c r="C18403" t="s">
        <v>11402</v>
      </c>
      <c r="D18403" t="s">
        <v>11403</v>
      </c>
      <c r="E18403" t="s">
        <v>11206</v>
      </c>
      <c r="F18403" t="s">
        <v>11207</v>
      </c>
      <c r="G18403" t="s">
        <v>10734</v>
      </c>
      <c r="H18403" t="s">
        <v>10735</v>
      </c>
      <c r="I18403" s="2">
        <v>0</v>
      </c>
      <c r="J18403" s="2">
        <v>0</v>
      </c>
      <c r="K18403" s="2">
        <v>1</v>
      </c>
      <c r="L18403" t="s">
        <v>995</v>
      </c>
      <c r="M18403" t="s">
        <v>87</v>
      </c>
      <c r="N18403" t="s">
        <v>88</v>
      </c>
      <c r="O18403" t="s">
        <v>85</v>
      </c>
      <c r="P18403" t="s">
        <v>86</v>
      </c>
      <c r="Q18403">
        <v>10</v>
      </c>
      <c r="R18403">
        <v>10</v>
      </c>
      <c r="S18403">
        <v>11</v>
      </c>
      <c r="T18403">
        <v>11</v>
      </c>
      <c r="U18403">
        <v>11</v>
      </c>
      <c r="V18403">
        <v>11</v>
      </c>
      <c r="W18403">
        <v>11</v>
      </c>
      <c r="X18403">
        <v>11</v>
      </c>
      <c r="Y18403">
        <v>12</v>
      </c>
      <c r="Z18403">
        <v>12</v>
      </c>
      <c r="AA18403">
        <v>12</v>
      </c>
      <c r="AB18403">
        <v>12</v>
      </c>
      <c r="AC18403">
        <v>12</v>
      </c>
      <c r="AD18403">
        <v>13</v>
      </c>
      <c r="AE18403">
        <v>13</v>
      </c>
      <c r="AF18403">
        <v>13</v>
      </c>
      <c r="AG18403">
        <v>13</v>
      </c>
      <c r="AH18403">
        <v>14</v>
      </c>
      <c r="AI18403">
        <v>14</v>
      </c>
      <c r="AJ18403">
        <v>14</v>
      </c>
      <c r="AK18403">
        <v>14</v>
      </c>
      <c r="AL18403">
        <v>14</v>
      </c>
      <c r="AM18403">
        <v>15</v>
      </c>
      <c r="AN18403">
        <v>15</v>
      </c>
      <c r="AO18403">
        <v>15</v>
      </c>
      <c r="AP18403">
        <v>15</v>
      </c>
      <c r="AQ18403">
        <v>16</v>
      </c>
    </row>
    <row r="18404" spans="1:43">
      <c r="A18404" t="s">
        <v>11404</v>
      </c>
      <c r="B18404" t="s">
        <v>11405</v>
      </c>
      <c r="C18404" t="s">
        <v>11402</v>
      </c>
      <c r="D18404" t="s">
        <v>11403</v>
      </c>
      <c r="E18404" t="s">
        <v>11206</v>
      </c>
      <c r="F18404" t="s">
        <v>11207</v>
      </c>
      <c r="G18404" t="s">
        <v>10734</v>
      </c>
      <c r="H18404" t="s">
        <v>10735</v>
      </c>
      <c r="I18404" s="2">
        <v>0</v>
      </c>
      <c r="J18404" s="2">
        <v>0</v>
      </c>
      <c r="K18404" s="2">
        <v>1</v>
      </c>
      <c r="L18404" t="s">
        <v>995</v>
      </c>
      <c r="M18404" t="s">
        <v>89</v>
      </c>
      <c r="N18404" t="s">
        <v>90</v>
      </c>
      <c r="O18404" t="s">
        <v>85</v>
      </c>
      <c r="P18404" t="s">
        <v>86</v>
      </c>
      <c r="Q18404">
        <v>10</v>
      </c>
      <c r="R18404">
        <v>11</v>
      </c>
      <c r="S18404">
        <v>11</v>
      </c>
      <c r="T18404">
        <v>11</v>
      </c>
      <c r="U18404">
        <v>12</v>
      </c>
      <c r="V18404">
        <v>12</v>
      </c>
      <c r="W18404">
        <v>13</v>
      </c>
      <c r="X18404">
        <v>13</v>
      </c>
      <c r="Y18404">
        <v>13</v>
      </c>
      <c r="Z18404">
        <v>14</v>
      </c>
      <c r="AA18404">
        <v>14</v>
      </c>
      <c r="AB18404">
        <v>14</v>
      </c>
      <c r="AC18404">
        <v>15</v>
      </c>
      <c r="AD18404">
        <v>15</v>
      </c>
      <c r="AE18404">
        <v>15</v>
      </c>
      <c r="AF18404">
        <v>16</v>
      </c>
      <c r="AG18404">
        <v>16</v>
      </c>
      <c r="AH18404">
        <v>16</v>
      </c>
      <c r="AI18404">
        <v>16</v>
      </c>
      <c r="AJ18404">
        <v>17</v>
      </c>
      <c r="AK18404">
        <v>17</v>
      </c>
      <c r="AL18404">
        <v>17</v>
      </c>
      <c r="AM18404">
        <v>17</v>
      </c>
      <c r="AN18404">
        <v>18</v>
      </c>
      <c r="AO18404">
        <v>18</v>
      </c>
      <c r="AP18404">
        <v>18</v>
      </c>
      <c r="AQ18404">
        <v>18</v>
      </c>
    </row>
    <row r="18405" spans="1:43">
      <c r="A18405" t="s">
        <v>11404</v>
      </c>
      <c r="B18405" t="s">
        <v>11405</v>
      </c>
      <c r="C18405" t="s">
        <v>11402</v>
      </c>
      <c r="D18405" t="s">
        <v>11403</v>
      </c>
      <c r="E18405" t="s">
        <v>11206</v>
      </c>
      <c r="F18405" t="s">
        <v>11207</v>
      </c>
      <c r="G18405" t="s">
        <v>10734</v>
      </c>
      <c r="H18405" t="s">
        <v>10735</v>
      </c>
      <c r="I18405" s="2">
        <v>0</v>
      </c>
      <c r="J18405" s="2">
        <v>0</v>
      </c>
      <c r="K18405" s="2">
        <v>1</v>
      </c>
      <c r="L18405" t="s">
        <v>995</v>
      </c>
      <c r="M18405" t="s">
        <v>83</v>
      </c>
      <c r="N18405" t="s">
        <v>91</v>
      </c>
      <c r="O18405" t="s">
        <v>85</v>
      </c>
      <c r="P18405" t="s">
        <v>86</v>
      </c>
      <c r="Q18405">
        <v>10</v>
      </c>
      <c r="R18405">
        <v>11</v>
      </c>
      <c r="S18405">
        <v>11</v>
      </c>
      <c r="T18405">
        <v>11</v>
      </c>
      <c r="U18405">
        <v>11</v>
      </c>
      <c r="V18405">
        <v>12</v>
      </c>
      <c r="W18405">
        <v>12</v>
      </c>
      <c r="X18405">
        <v>12</v>
      </c>
      <c r="Y18405">
        <v>13</v>
      </c>
      <c r="Z18405">
        <v>13</v>
      </c>
      <c r="AA18405">
        <v>13</v>
      </c>
      <c r="AB18405">
        <v>14</v>
      </c>
      <c r="AC18405">
        <v>14</v>
      </c>
      <c r="AD18405">
        <v>14</v>
      </c>
      <c r="AE18405">
        <v>14</v>
      </c>
      <c r="AF18405">
        <v>15</v>
      </c>
      <c r="AG18405">
        <v>15</v>
      </c>
      <c r="AH18405">
        <v>16</v>
      </c>
      <c r="AI18405">
        <v>16</v>
      </c>
      <c r="AJ18405">
        <v>16</v>
      </c>
      <c r="AK18405">
        <v>17</v>
      </c>
      <c r="AL18405">
        <v>17</v>
      </c>
      <c r="AM18405">
        <v>17</v>
      </c>
      <c r="AN18405">
        <v>17</v>
      </c>
      <c r="AO18405">
        <v>18</v>
      </c>
      <c r="AP18405">
        <v>18</v>
      </c>
      <c r="AQ18405">
        <v>18</v>
      </c>
    </row>
    <row r="18406" spans="1:43">
      <c r="A18406" t="s">
        <v>11406</v>
      </c>
      <c r="B18406" t="s">
        <v>11407</v>
      </c>
      <c r="C18406" t="s">
        <v>11398</v>
      </c>
      <c r="D18406" t="s">
        <v>11399</v>
      </c>
      <c r="E18406" t="s">
        <v>11206</v>
      </c>
      <c r="F18406" t="s">
        <v>11207</v>
      </c>
      <c r="G18406" t="s">
        <v>10734</v>
      </c>
      <c r="H18406" t="s">
        <v>10735</v>
      </c>
      <c r="I18406" s="2">
        <v>0</v>
      </c>
      <c r="J18406" s="2">
        <v>0</v>
      </c>
      <c r="K18406" s="2">
        <v>1</v>
      </c>
      <c r="L18406" t="s">
        <v>995</v>
      </c>
      <c r="M18406" t="s">
        <v>83</v>
      </c>
      <c r="N18406" t="s">
        <v>84</v>
      </c>
      <c r="O18406" t="s">
        <v>85</v>
      </c>
      <c r="P18406" t="s">
        <v>86</v>
      </c>
      <c r="Q18406">
        <v>7</v>
      </c>
      <c r="R18406">
        <v>8</v>
      </c>
      <c r="S18406">
        <v>8</v>
      </c>
      <c r="T18406">
        <v>8</v>
      </c>
      <c r="U18406">
        <v>8</v>
      </c>
      <c r="V18406">
        <v>8</v>
      </c>
      <c r="W18406">
        <v>9</v>
      </c>
      <c r="X18406">
        <v>9</v>
      </c>
      <c r="Y18406">
        <v>9</v>
      </c>
      <c r="Z18406">
        <v>9</v>
      </c>
      <c r="AA18406">
        <v>9</v>
      </c>
      <c r="AB18406">
        <v>10</v>
      </c>
      <c r="AC18406">
        <v>10</v>
      </c>
      <c r="AD18406">
        <v>10</v>
      </c>
      <c r="AE18406">
        <v>10</v>
      </c>
      <c r="AF18406">
        <v>11</v>
      </c>
      <c r="AG18406">
        <v>11</v>
      </c>
      <c r="AH18406">
        <v>11</v>
      </c>
      <c r="AI18406">
        <v>11</v>
      </c>
      <c r="AJ18406">
        <v>12</v>
      </c>
      <c r="AK18406">
        <v>12</v>
      </c>
      <c r="AL18406">
        <v>12</v>
      </c>
      <c r="AM18406">
        <v>12</v>
      </c>
      <c r="AN18406">
        <v>12</v>
      </c>
      <c r="AO18406">
        <v>13</v>
      </c>
      <c r="AP18406">
        <v>13</v>
      </c>
      <c r="AQ18406">
        <v>13</v>
      </c>
    </row>
    <row r="18407" spans="1:43">
      <c r="A18407" t="s">
        <v>11406</v>
      </c>
      <c r="B18407" t="s">
        <v>11407</v>
      </c>
      <c r="C18407" t="s">
        <v>11398</v>
      </c>
      <c r="D18407" t="s">
        <v>11399</v>
      </c>
      <c r="E18407" t="s">
        <v>11206</v>
      </c>
      <c r="F18407" t="s">
        <v>11207</v>
      </c>
      <c r="G18407" t="s">
        <v>10734</v>
      </c>
      <c r="H18407" t="s">
        <v>10735</v>
      </c>
      <c r="I18407" s="2">
        <v>0</v>
      </c>
      <c r="J18407" s="2">
        <v>0</v>
      </c>
      <c r="K18407" s="2">
        <v>1</v>
      </c>
      <c r="L18407" t="s">
        <v>995</v>
      </c>
      <c r="M18407" t="s">
        <v>87</v>
      </c>
      <c r="N18407" t="s">
        <v>88</v>
      </c>
      <c r="O18407" t="s">
        <v>85</v>
      </c>
      <c r="P18407" t="s">
        <v>86</v>
      </c>
      <c r="Q18407">
        <v>7</v>
      </c>
      <c r="R18407">
        <v>7</v>
      </c>
      <c r="S18407">
        <v>8</v>
      </c>
      <c r="T18407">
        <v>8</v>
      </c>
      <c r="U18407">
        <v>8</v>
      </c>
      <c r="V18407">
        <v>8</v>
      </c>
      <c r="W18407">
        <v>8</v>
      </c>
      <c r="X18407">
        <v>8</v>
      </c>
      <c r="Y18407">
        <v>8</v>
      </c>
      <c r="Z18407">
        <v>8</v>
      </c>
      <c r="AA18407">
        <v>9</v>
      </c>
      <c r="AB18407">
        <v>9</v>
      </c>
      <c r="AC18407">
        <v>9</v>
      </c>
      <c r="AD18407">
        <v>9</v>
      </c>
      <c r="AE18407">
        <v>9</v>
      </c>
      <c r="AF18407">
        <v>9</v>
      </c>
      <c r="AG18407">
        <v>10</v>
      </c>
      <c r="AH18407">
        <v>10</v>
      </c>
      <c r="AI18407">
        <v>10</v>
      </c>
      <c r="AJ18407">
        <v>10</v>
      </c>
      <c r="AK18407">
        <v>10</v>
      </c>
      <c r="AL18407">
        <v>10</v>
      </c>
      <c r="AM18407">
        <v>11</v>
      </c>
      <c r="AN18407">
        <v>11</v>
      </c>
      <c r="AO18407">
        <v>11</v>
      </c>
      <c r="AP18407">
        <v>11</v>
      </c>
      <c r="AQ18407">
        <v>11</v>
      </c>
    </row>
    <row r="18408" spans="1:43">
      <c r="A18408" t="s">
        <v>11406</v>
      </c>
      <c r="B18408" t="s">
        <v>11407</v>
      </c>
      <c r="C18408" t="s">
        <v>11398</v>
      </c>
      <c r="D18408" t="s">
        <v>11399</v>
      </c>
      <c r="E18408" t="s">
        <v>11206</v>
      </c>
      <c r="F18408" t="s">
        <v>11207</v>
      </c>
      <c r="G18408" t="s">
        <v>10734</v>
      </c>
      <c r="H18408" t="s">
        <v>10735</v>
      </c>
      <c r="I18408" s="2">
        <v>0</v>
      </c>
      <c r="J18408" s="2">
        <v>0</v>
      </c>
      <c r="K18408" s="2">
        <v>1</v>
      </c>
      <c r="L18408" t="s">
        <v>995</v>
      </c>
      <c r="M18408" t="s">
        <v>89</v>
      </c>
      <c r="N18408" t="s">
        <v>90</v>
      </c>
      <c r="O18408" t="s">
        <v>85</v>
      </c>
      <c r="P18408" t="s">
        <v>86</v>
      </c>
      <c r="Q18408">
        <v>7</v>
      </c>
      <c r="R18408">
        <v>8</v>
      </c>
      <c r="S18408">
        <v>8</v>
      </c>
      <c r="T18408">
        <v>8</v>
      </c>
      <c r="U18408">
        <v>8</v>
      </c>
      <c r="V18408">
        <v>9</v>
      </c>
      <c r="W18408">
        <v>9</v>
      </c>
      <c r="X18408">
        <v>9</v>
      </c>
      <c r="Y18408">
        <v>10</v>
      </c>
      <c r="Z18408">
        <v>10</v>
      </c>
      <c r="AA18408">
        <v>10</v>
      </c>
      <c r="AB18408">
        <v>10</v>
      </c>
      <c r="AC18408">
        <v>11</v>
      </c>
      <c r="AD18408">
        <v>11</v>
      </c>
      <c r="AE18408">
        <v>11</v>
      </c>
      <c r="AF18408">
        <v>11</v>
      </c>
      <c r="AG18408">
        <v>11</v>
      </c>
      <c r="AH18408">
        <v>12</v>
      </c>
      <c r="AI18408">
        <v>12</v>
      </c>
      <c r="AJ18408">
        <v>12</v>
      </c>
      <c r="AK18408">
        <v>12</v>
      </c>
      <c r="AL18408">
        <v>12</v>
      </c>
      <c r="AM18408">
        <v>12</v>
      </c>
      <c r="AN18408">
        <v>13</v>
      </c>
      <c r="AO18408">
        <v>13</v>
      </c>
      <c r="AP18408">
        <v>13</v>
      </c>
      <c r="AQ18408">
        <v>13</v>
      </c>
    </row>
    <row r="18409" spans="1:43">
      <c r="A18409" t="s">
        <v>11406</v>
      </c>
      <c r="B18409" t="s">
        <v>11407</v>
      </c>
      <c r="C18409" t="s">
        <v>11398</v>
      </c>
      <c r="D18409" t="s">
        <v>11399</v>
      </c>
      <c r="E18409" t="s">
        <v>11206</v>
      </c>
      <c r="F18409" t="s">
        <v>11207</v>
      </c>
      <c r="G18409" t="s">
        <v>10734</v>
      </c>
      <c r="H18409" t="s">
        <v>10735</v>
      </c>
      <c r="I18409" s="2">
        <v>0</v>
      </c>
      <c r="J18409" s="2">
        <v>0</v>
      </c>
      <c r="K18409" s="2">
        <v>1</v>
      </c>
      <c r="L18409" t="s">
        <v>995</v>
      </c>
      <c r="M18409" t="s">
        <v>83</v>
      </c>
      <c r="N18409" t="s">
        <v>91</v>
      </c>
      <c r="O18409" t="s">
        <v>85</v>
      </c>
      <c r="P18409" t="s">
        <v>86</v>
      </c>
      <c r="Q18409">
        <v>7</v>
      </c>
      <c r="R18409">
        <v>8</v>
      </c>
      <c r="S18409">
        <v>8</v>
      </c>
      <c r="T18409">
        <v>8</v>
      </c>
      <c r="U18409">
        <v>8</v>
      </c>
      <c r="V18409">
        <v>8</v>
      </c>
      <c r="W18409">
        <v>9</v>
      </c>
      <c r="X18409">
        <v>9</v>
      </c>
      <c r="Y18409">
        <v>9</v>
      </c>
      <c r="Z18409">
        <v>9</v>
      </c>
      <c r="AA18409">
        <v>9</v>
      </c>
      <c r="AB18409">
        <v>10</v>
      </c>
      <c r="AC18409">
        <v>10</v>
      </c>
      <c r="AD18409">
        <v>10</v>
      </c>
      <c r="AE18409">
        <v>10</v>
      </c>
      <c r="AF18409">
        <v>11</v>
      </c>
      <c r="AG18409">
        <v>11</v>
      </c>
      <c r="AH18409">
        <v>11</v>
      </c>
      <c r="AI18409">
        <v>11</v>
      </c>
      <c r="AJ18409">
        <v>12</v>
      </c>
      <c r="AK18409">
        <v>12</v>
      </c>
      <c r="AL18409">
        <v>12</v>
      </c>
      <c r="AM18409">
        <v>12</v>
      </c>
      <c r="AN18409">
        <v>12</v>
      </c>
      <c r="AO18409">
        <v>13</v>
      </c>
      <c r="AP18409">
        <v>13</v>
      </c>
      <c r="AQ18409">
        <v>13</v>
      </c>
    </row>
    <row r="18410" spans="1:43">
      <c r="A18410" t="s">
        <v>11408</v>
      </c>
      <c r="B18410" t="s">
        <v>11409</v>
      </c>
      <c r="C18410" t="s">
        <v>11402</v>
      </c>
      <c r="D18410" t="s">
        <v>11403</v>
      </c>
      <c r="E18410" t="s">
        <v>11206</v>
      </c>
      <c r="F18410" t="s">
        <v>11207</v>
      </c>
      <c r="G18410" t="s">
        <v>10734</v>
      </c>
      <c r="H18410" t="s">
        <v>10735</v>
      </c>
      <c r="I18410" s="2">
        <v>0</v>
      </c>
      <c r="J18410" s="2">
        <v>0</v>
      </c>
      <c r="K18410" s="2">
        <v>1</v>
      </c>
      <c r="L18410" t="s">
        <v>995</v>
      </c>
      <c r="M18410" t="s">
        <v>83</v>
      </c>
      <c r="N18410" t="s">
        <v>84</v>
      </c>
      <c r="O18410" t="s">
        <v>85</v>
      </c>
      <c r="P18410" t="s">
        <v>86</v>
      </c>
      <c r="Q18410">
        <v>16</v>
      </c>
      <c r="R18410">
        <v>16</v>
      </c>
      <c r="S18410">
        <v>17</v>
      </c>
      <c r="T18410">
        <v>17</v>
      </c>
      <c r="U18410">
        <v>18</v>
      </c>
      <c r="V18410">
        <v>18</v>
      </c>
      <c r="W18410">
        <v>19</v>
      </c>
      <c r="X18410">
        <v>19</v>
      </c>
      <c r="Y18410">
        <v>20</v>
      </c>
      <c r="Z18410">
        <v>20</v>
      </c>
      <c r="AA18410">
        <v>21</v>
      </c>
      <c r="AB18410">
        <v>21</v>
      </c>
      <c r="AC18410">
        <v>22</v>
      </c>
      <c r="AD18410">
        <v>22</v>
      </c>
      <c r="AE18410">
        <v>23</v>
      </c>
      <c r="AF18410">
        <v>23</v>
      </c>
      <c r="AG18410">
        <v>24</v>
      </c>
      <c r="AH18410">
        <v>24</v>
      </c>
      <c r="AI18410">
        <v>25</v>
      </c>
      <c r="AJ18410">
        <v>25</v>
      </c>
      <c r="AK18410">
        <v>26</v>
      </c>
      <c r="AL18410">
        <v>26</v>
      </c>
      <c r="AM18410">
        <v>27</v>
      </c>
      <c r="AN18410">
        <v>27</v>
      </c>
      <c r="AO18410">
        <v>28</v>
      </c>
      <c r="AP18410">
        <v>28</v>
      </c>
      <c r="AQ18410">
        <v>28</v>
      </c>
    </row>
    <row r="18411" spans="1:43">
      <c r="A18411" t="s">
        <v>11408</v>
      </c>
      <c r="B18411" t="s">
        <v>11409</v>
      </c>
      <c r="C18411" t="s">
        <v>11402</v>
      </c>
      <c r="D18411" t="s">
        <v>11403</v>
      </c>
      <c r="E18411" t="s">
        <v>11206</v>
      </c>
      <c r="F18411" t="s">
        <v>11207</v>
      </c>
      <c r="G18411" t="s">
        <v>10734</v>
      </c>
      <c r="H18411" t="s">
        <v>10735</v>
      </c>
      <c r="I18411" s="2">
        <v>0</v>
      </c>
      <c r="J18411" s="2">
        <v>0</v>
      </c>
      <c r="K18411" s="2">
        <v>1</v>
      </c>
      <c r="L18411" t="s">
        <v>995</v>
      </c>
      <c r="M18411" t="s">
        <v>87</v>
      </c>
      <c r="N18411" t="s">
        <v>88</v>
      </c>
      <c r="O18411" t="s">
        <v>85</v>
      </c>
      <c r="P18411" t="s">
        <v>86</v>
      </c>
      <c r="Q18411">
        <v>16</v>
      </c>
      <c r="R18411">
        <v>16</v>
      </c>
      <c r="S18411">
        <v>16</v>
      </c>
      <c r="T18411">
        <v>17</v>
      </c>
      <c r="U18411">
        <v>17</v>
      </c>
      <c r="V18411">
        <v>17</v>
      </c>
      <c r="W18411">
        <v>18</v>
      </c>
      <c r="X18411">
        <v>18</v>
      </c>
      <c r="Y18411">
        <v>18</v>
      </c>
      <c r="Z18411">
        <v>18</v>
      </c>
      <c r="AA18411">
        <v>19</v>
      </c>
      <c r="AB18411">
        <v>19</v>
      </c>
      <c r="AC18411">
        <v>19</v>
      </c>
      <c r="AD18411">
        <v>20</v>
      </c>
      <c r="AE18411">
        <v>20</v>
      </c>
      <c r="AF18411">
        <v>20</v>
      </c>
      <c r="AG18411">
        <v>21</v>
      </c>
      <c r="AH18411">
        <v>21</v>
      </c>
      <c r="AI18411">
        <v>21</v>
      </c>
      <c r="AJ18411">
        <v>22</v>
      </c>
      <c r="AK18411">
        <v>22</v>
      </c>
      <c r="AL18411">
        <v>23</v>
      </c>
      <c r="AM18411">
        <v>23</v>
      </c>
      <c r="AN18411">
        <v>23</v>
      </c>
      <c r="AO18411">
        <v>24</v>
      </c>
      <c r="AP18411">
        <v>24</v>
      </c>
      <c r="AQ18411">
        <v>25</v>
      </c>
    </row>
    <row r="18412" spans="1:43">
      <c r="A18412" t="s">
        <v>11408</v>
      </c>
      <c r="B18412" t="s">
        <v>11409</v>
      </c>
      <c r="C18412" t="s">
        <v>11402</v>
      </c>
      <c r="D18412" t="s">
        <v>11403</v>
      </c>
      <c r="E18412" t="s">
        <v>11206</v>
      </c>
      <c r="F18412" t="s">
        <v>11207</v>
      </c>
      <c r="G18412" t="s">
        <v>10734</v>
      </c>
      <c r="H18412" t="s">
        <v>10735</v>
      </c>
      <c r="I18412" s="2">
        <v>0</v>
      </c>
      <c r="J18412" s="2">
        <v>0</v>
      </c>
      <c r="K18412" s="2">
        <v>1</v>
      </c>
      <c r="L18412" t="s">
        <v>995</v>
      </c>
      <c r="M18412" t="s">
        <v>89</v>
      </c>
      <c r="N18412" t="s">
        <v>90</v>
      </c>
      <c r="O18412" t="s">
        <v>85</v>
      </c>
      <c r="P18412" t="s">
        <v>86</v>
      </c>
      <c r="Q18412">
        <v>16</v>
      </c>
      <c r="R18412">
        <v>17</v>
      </c>
      <c r="S18412">
        <v>17</v>
      </c>
      <c r="T18412">
        <v>18</v>
      </c>
      <c r="U18412">
        <v>19</v>
      </c>
      <c r="V18412">
        <v>19</v>
      </c>
      <c r="W18412">
        <v>20</v>
      </c>
      <c r="X18412">
        <v>20</v>
      </c>
      <c r="Y18412">
        <v>21</v>
      </c>
      <c r="Z18412">
        <v>21</v>
      </c>
      <c r="AA18412">
        <v>22</v>
      </c>
      <c r="AB18412">
        <v>23</v>
      </c>
      <c r="AC18412">
        <v>23</v>
      </c>
      <c r="AD18412">
        <v>24</v>
      </c>
      <c r="AE18412">
        <v>24</v>
      </c>
      <c r="AF18412">
        <v>25</v>
      </c>
      <c r="AG18412">
        <v>25</v>
      </c>
      <c r="AH18412">
        <v>25</v>
      </c>
      <c r="AI18412">
        <v>26</v>
      </c>
      <c r="AJ18412">
        <v>26</v>
      </c>
      <c r="AK18412">
        <v>26</v>
      </c>
      <c r="AL18412">
        <v>27</v>
      </c>
      <c r="AM18412">
        <v>27</v>
      </c>
      <c r="AN18412">
        <v>27</v>
      </c>
      <c r="AO18412">
        <v>28</v>
      </c>
      <c r="AP18412">
        <v>28</v>
      </c>
      <c r="AQ18412">
        <v>29</v>
      </c>
    </row>
    <row r="18413" spans="1:43">
      <c r="A18413" t="s">
        <v>11408</v>
      </c>
      <c r="B18413" t="s">
        <v>11409</v>
      </c>
      <c r="C18413" t="s">
        <v>11402</v>
      </c>
      <c r="D18413" t="s">
        <v>11403</v>
      </c>
      <c r="E18413" t="s">
        <v>11206</v>
      </c>
      <c r="F18413" t="s">
        <v>11207</v>
      </c>
      <c r="G18413" t="s">
        <v>10734</v>
      </c>
      <c r="H18413" t="s">
        <v>10735</v>
      </c>
      <c r="I18413" s="2">
        <v>0</v>
      </c>
      <c r="J18413" s="2">
        <v>0</v>
      </c>
      <c r="K18413" s="2">
        <v>1</v>
      </c>
      <c r="L18413" t="s">
        <v>995</v>
      </c>
      <c r="M18413" t="s">
        <v>83</v>
      </c>
      <c r="N18413" t="s">
        <v>91</v>
      </c>
      <c r="O18413" t="s">
        <v>85</v>
      </c>
      <c r="P18413" t="s">
        <v>86</v>
      </c>
      <c r="Q18413">
        <v>16</v>
      </c>
      <c r="R18413">
        <v>16</v>
      </c>
      <c r="S18413">
        <v>17</v>
      </c>
      <c r="T18413">
        <v>17</v>
      </c>
      <c r="U18413">
        <v>18</v>
      </c>
      <c r="V18413">
        <v>18</v>
      </c>
      <c r="W18413">
        <v>19</v>
      </c>
      <c r="X18413">
        <v>19</v>
      </c>
      <c r="Y18413">
        <v>20</v>
      </c>
      <c r="Z18413">
        <v>20</v>
      </c>
      <c r="AA18413">
        <v>21</v>
      </c>
      <c r="AB18413">
        <v>21</v>
      </c>
      <c r="AC18413">
        <v>22</v>
      </c>
      <c r="AD18413">
        <v>22</v>
      </c>
      <c r="AE18413">
        <v>23</v>
      </c>
      <c r="AF18413">
        <v>23</v>
      </c>
      <c r="AG18413">
        <v>24</v>
      </c>
      <c r="AH18413">
        <v>24</v>
      </c>
      <c r="AI18413">
        <v>25</v>
      </c>
      <c r="AJ18413">
        <v>25</v>
      </c>
      <c r="AK18413">
        <v>26</v>
      </c>
      <c r="AL18413">
        <v>26</v>
      </c>
      <c r="AM18413">
        <v>27</v>
      </c>
      <c r="AN18413">
        <v>27</v>
      </c>
      <c r="AO18413">
        <v>28</v>
      </c>
      <c r="AP18413">
        <v>28</v>
      </c>
      <c r="AQ18413">
        <v>28</v>
      </c>
    </row>
    <row r="18414" spans="1:43">
      <c r="A18414" t="s">
        <v>11410</v>
      </c>
      <c r="B18414" t="s">
        <v>11411</v>
      </c>
      <c r="C18414" t="s">
        <v>11402</v>
      </c>
      <c r="D18414" t="s">
        <v>11403</v>
      </c>
      <c r="E18414" t="s">
        <v>11206</v>
      </c>
      <c r="F18414" t="s">
        <v>11207</v>
      </c>
      <c r="G18414" t="s">
        <v>10734</v>
      </c>
      <c r="H18414" t="s">
        <v>10735</v>
      </c>
      <c r="I18414" s="2">
        <v>0</v>
      </c>
      <c r="J18414" s="2">
        <v>0</v>
      </c>
      <c r="K18414" s="2">
        <v>1</v>
      </c>
      <c r="L18414" t="s">
        <v>995</v>
      </c>
      <c r="M18414" t="s">
        <v>83</v>
      </c>
      <c r="N18414" t="s">
        <v>84</v>
      </c>
      <c r="O18414" t="s">
        <v>85</v>
      </c>
      <c r="P18414" t="s">
        <v>86</v>
      </c>
      <c r="Q18414">
        <v>83</v>
      </c>
      <c r="R18414">
        <v>85</v>
      </c>
      <c r="S18414">
        <v>87</v>
      </c>
      <c r="T18414">
        <v>90</v>
      </c>
      <c r="U18414">
        <v>92</v>
      </c>
      <c r="V18414">
        <v>94</v>
      </c>
      <c r="W18414">
        <v>97</v>
      </c>
      <c r="X18414">
        <v>99</v>
      </c>
      <c r="Y18414">
        <v>101</v>
      </c>
      <c r="Z18414">
        <v>104</v>
      </c>
      <c r="AA18414">
        <v>107</v>
      </c>
      <c r="AB18414">
        <v>109</v>
      </c>
      <c r="AC18414">
        <v>112</v>
      </c>
      <c r="AD18414">
        <v>114</v>
      </c>
      <c r="AE18414">
        <v>117</v>
      </c>
      <c r="AF18414">
        <v>120</v>
      </c>
      <c r="AG18414">
        <v>122</v>
      </c>
      <c r="AH18414">
        <v>125</v>
      </c>
      <c r="AI18414">
        <v>128</v>
      </c>
      <c r="AJ18414">
        <v>131</v>
      </c>
      <c r="AK18414">
        <v>134</v>
      </c>
      <c r="AL18414">
        <v>137</v>
      </c>
      <c r="AM18414">
        <v>139</v>
      </c>
      <c r="AN18414">
        <v>141</v>
      </c>
      <c r="AO18414">
        <v>143</v>
      </c>
      <c r="AP18414">
        <v>145</v>
      </c>
      <c r="AQ18414">
        <v>147</v>
      </c>
    </row>
    <row r="18415" spans="1:43">
      <c r="A18415" t="s">
        <v>11410</v>
      </c>
      <c r="B18415" t="s">
        <v>11411</v>
      </c>
      <c r="C18415" t="s">
        <v>11402</v>
      </c>
      <c r="D18415" t="s">
        <v>11403</v>
      </c>
      <c r="E18415" t="s">
        <v>11206</v>
      </c>
      <c r="F18415" t="s">
        <v>11207</v>
      </c>
      <c r="G18415" t="s">
        <v>10734</v>
      </c>
      <c r="H18415" t="s">
        <v>10735</v>
      </c>
      <c r="I18415" s="2">
        <v>0</v>
      </c>
      <c r="J18415" s="2">
        <v>0</v>
      </c>
      <c r="K18415" s="2">
        <v>1</v>
      </c>
      <c r="L18415" t="s">
        <v>995</v>
      </c>
      <c r="M18415" t="s">
        <v>87</v>
      </c>
      <c r="N18415" t="s">
        <v>88</v>
      </c>
      <c r="O18415" t="s">
        <v>85</v>
      </c>
      <c r="P18415" t="s">
        <v>86</v>
      </c>
      <c r="Q18415">
        <v>83</v>
      </c>
      <c r="R18415">
        <v>84</v>
      </c>
      <c r="S18415">
        <v>86</v>
      </c>
      <c r="T18415">
        <v>87</v>
      </c>
      <c r="U18415">
        <v>89</v>
      </c>
      <c r="V18415">
        <v>90</v>
      </c>
      <c r="W18415">
        <v>92</v>
      </c>
      <c r="X18415">
        <v>93</v>
      </c>
      <c r="Y18415">
        <v>95</v>
      </c>
      <c r="Z18415">
        <v>96</v>
      </c>
      <c r="AA18415">
        <v>98</v>
      </c>
      <c r="AB18415">
        <v>100</v>
      </c>
      <c r="AC18415">
        <v>101</v>
      </c>
      <c r="AD18415">
        <v>103</v>
      </c>
      <c r="AE18415">
        <v>105</v>
      </c>
      <c r="AF18415">
        <v>106</v>
      </c>
      <c r="AG18415">
        <v>108</v>
      </c>
      <c r="AH18415">
        <v>110</v>
      </c>
      <c r="AI18415">
        <v>112</v>
      </c>
      <c r="AJ18415">
        <v>114</v>
      </c>
      <c r="AK18415">
        <v>116</v>
      </c>
      <c r="AL18415">
        <v>118</v>
      </c>
      <c r="AM18415">
        <v>120</v>
      </c>
      <c r="AN18415">
        <v>122</v>
      </c>
      <c r="AO18415">
        <v>124</v>
      </c>
      <c r="AP18415">
        <v>126</v>
      </c>
      <c r="AQ18415">
        <v>128</v>
      </c>
    </row>
    <row r="18416" spans="1:43">
      <c r="A18416" t="s">
        <v>11410</v>
      </c>
      <c r="B18416" t="s">
        <v>11411</v>
      </c>
      <c r="C18416" t="s">
        <v>11402</v>
      </c>
      <c r="D18416" t="s">
        <v>11403</v>
      </c>
      <c r="E18416" t="s">
        <v>11206</v>
      </c>
      <c r="F18416" t="s">
        <v>11207</v>
      </c>
      <c r="G18416" t="s">
        <v>10734</v>
      </c>
      <c r="H18416" t="s">
        <v>10735</v>
      </c>
      <c r="I18416" s="2">
        <v>0</v>
      </c>
      <c r="J18416" s="2">
        <v>0</v>
      </c>
      <c r="K18416" s="2">
        <v>1</v>
      </c>
      <c r="L18416" t="s">
        <v>995</v>
      </c>
      <c r="M18416" t="s">
        <v>89</v>
      </c>
      <c r="N18416" t="s">
        <v>90</v>
      </c>
      <c r="O18416" t="s">
        <v>85</v>
      </c>
      <c r="P18416" t="s">
        <v>86</v>
      </c>
      <c r="Q18416">
        <v>83</v>
      </c>
      <c r="R18416">
        <v>85</v>
      </c>
      <c r="S18416">
        <v>89</v>
      </c>
      <c r="T18416">
        <v>92</v>
      </c>
      <c r="U18416">
        <v>95</v>
      </c>
      <c r="V18416">
        <v>98</v>
      </c>
      <c r="W18416">
        <v>101</v>
      </c>
      <c r="X18416">
        <v>103</v>
      </c>
      <c r="Y18416">
        <v>106</v>
      </c>
      <c r="Z18416">
        <v>109</v>
      </c>
      <c r="AA18416">
        <v>112</v>
      </c>
      <c r="AB18416">
        <v>115</v>
      </c>
      <c r="AC18416">
        <v>118</v>
      </c>
      <c r="AD18416">
        <v>122</v>
      </c>
      <c r="AE18416">
        <v>124</v>
      </c>
      <c r="AF18416">
        <v>126</v>
      </c>
      <c r="AG18416">
        <v>128</v>
      </c>
      <c r="AH18416">
        <v>130</v>
      </c>
      <c r="AI18416">
        <v>131</v>
      </c>
      <c r="AJ18416">
        <v>133</v>
      </c>
      <c r="AK18416">
        <v>135</v>
      </c>
      <c r="AL18416">
        <v>137</v>
      </c>
      <c r="AM18416">
        <v>139</v>
      </c>
      <c r="AN18416">
        <v>141</v>
      </c>
      <c r="AO18416">
        <v>143</v>
      </c>
      <c r="AP18416">
        <v>145</v>
      </c>
      <c r="AQ18416">
        <v>147</v>
      </c>
    </row>
    <row r="18417" spans="1:43">
      <c r="A18417" t="s">
        <v>11410</v>
      </c>
      <c r="B18417" t="s">
        <v>11411</v>
      </c>
      <c r="C18417" t="s">
        <v>11402</v>
      </c>
      <c r="D18417" t="s">
        <v>11403</v>
      </c>
      <c r="E18417" t="s">
        <v>11206</v>
      </c>
      <c r="F18417" t="s">
        <v>11207</v>
      </c>
      <c r="G18417" t="s">
        <v>10734</v>
      </c>
      <c r="H18417" t="s">
        <v>10735</v>
      </c>
      <c r="I18417" s="2">
        <v>0</v>
      </c>
      <c r="J18417" s="2">
        <v>0</v>
      </c>
      <c r="K18417" s="2">
        <v>1</v>
      </c>
      <c r="L18417" t="s">
        <v>995</v>
      </c>
      <c r="M18417" t="s">
        <v>83</v>
      </c>
      <c r="N18417" t="s">
        <v>91</v>
      </c>
      <c r="O18417" t="s">
        <v>85</v>
      </c>
      <c r="P18417" t="s">
        <v>86</v>
      </c>
      <c r="Q18417">
        <v>83</v>
      </c>
      <c r="R18417">
        <v>85</v>
      </c>
      <c r="S18417">
        <v>87</v>
      </c>
      <c r="T18417">
        <v>90</v>
      </c>
      <c r="U18417">
        <v>92</v>
      </c>
      <c r="V18417">
        <v>94</v>
      </c>
      <c r="W18417">
        <v>97</v>
      </c>
      <c r="X18417">
        <v>99</v>
      </c>
      <c r="Y18417">
        <v>101</v>
      </c>
      <c r="Z18417">
        <v>104</v>
      </c>
      <c r="AA18417">
        <v>107</v>
      </c>
      <c r="AB18417">
        <v>109</v>
      </c>
      <c r="AC18417">
        <v>112</v>
      </c>
      <c r="AD18417">
        <v>114</v>
      </c>
      <c r="AE18417">
        <v>117</v>
      </c>
      <c r="AF18417">
        <v>120</v>
      </c>
      <c r="AG18417">
        <v>122</v>
      </c>
      <c r="AH18417">
        <v>125</v>
      </c>
      <c r="AI18417">
        <v>128</v>
      </c>
      <c r="AJ18417">
        <v>131</v>
      </c>
      <c r="AK18417">
        <v>134</v>
      </c>
      <c r="AL18417">
        <v>137</v>
      </c>
      <c r="AM18417">
        <v>139</v>
      </c>
      <c r="AN18417">
        <v>141</v>
      </c>
      <c r="AO18417">
        <v>143</v>
      </c>
      <c r="AP18417">
        <v>145</v>
      </c>
      <c r="AQ18417">
        <v>147</v>
      </c>
    </row>
    <row r="18418" spans="1:43">
      <c r="A18418" t="s">
        <v>11412</v>
      </c>
      <c r="B18418" t="s">
        <v>11413</v>
      </c>
      <c r="C18418" t="s">
        <v>11394</v>
      </c>
      <c r="D18418" t="s">
        <v>11395</v>
      </c>
      <c r="E18418" t="s">
        <v>11206</v>
      </c>
      <c r="F18418" t="s">
        <v>11207</v>
      </c>
      <c r="G18418" t="s">
        <v>10734</v>
      </c>
      <c r="H18418" t="s">
        <v>10735</v>
      </c>
      <c r="I18418" s="2">
        <v>0</v>
      </c>
      <c r="J18418" s="2">
        <v>0</v>
      </c>
      <c r="K18418" s="2">
        <v>1</v>
      </c>
      <c r="L18418" t="s">
        <v>995</v>
      </c>
      <c r="M18418" t="s">
        <v>83</v>
      </c>
      <c r="N18418" t="s">
        <v>84</v>
      </c>
      <c r="O18418" t="s">
        <v>85</v>
      </c>
      <c r="P18418" t="s">
        <v>86</v>
      </c>
      <c r="Q18418">
        <v>15</v>
      </c>
      <c r="R18418">
        <v>15</v>
      </c>
      <c r="S18418">
        <v>15</v>
      </c>
      <c r="T18418">
        <v>16</v>
      </c>
      <c r="U18418">
        <v>16</v>
      </c>
      <c r="V18418">
        <v>17</v>
      </c>
      <c r="W18418">
        <v>17</v>
      </c>
      <c r="X18418">
        <v>18</v>
      </c>
      <c r="Y18418">
        <v>18</v>
      </c>
      <c r="Z18418">
        <v>18</v>
      </c>
      <c r="AA18418">
        <v>19</v>
      </c>
      <c r="AB18418">
        <v>19</v>
      </c>
      <c r="AC18418">
        <v>20</v>
      </c>
      <c r="AD18418">
        <v>20</v>
      </c>
      <c r="AE18418">
        <v>21</v>
      </c>
      <c r="AF18418">
        <v>21</v>
      </c>
      <c r="AG18418">
        <v>22</v>
      </c>
      <c r="AH18418">
        <v>22</v>
      </c>
      <c r="AI18418">
        <v>23</v>
      </c>
      <c r="AJ18418">
        <v>23</v>
      </c>
      <c r="AK18418">
        <v>24</v>
      </c>
      <c r="AL18418">
        <v>24</v>
      </c>
      <c r="AM18418">
        <v>24</v>
      </c>
      <c r="AN18418">
        <v>25</v>
      </c>
      <c r="AO18418">
        <v>25</v>
      </c>
      <c r="AP18418">
        <v>26</v>
      </c>
      <c r="AQ18418">
        <v>26</v>
      </c>
    </row>
    <row r="18419" spans="1:43">
      <c r="A18419" t="s">
        <v>11412</v>
      </c>
      <c r="B18419" t="s">
        <v>11413</v>
      </c>
      <c r="C18419" t="s">
        <v>11394</v>
      </c>
      <c r="D18419" t="s">
        <v>11395</v>
      </c>
      <c r="E18419" t="s">
        <v>11206</v>
      </c>
      <c r="F18419" t="s">
        <v>11207</v>
      </c>
      <c r="G18419" t="s">
        <v>10734</v>
      </c>
      <c r="H18419" t="s">
        <v>10735</v>
      </c>
      <c r="I18419" s="2">
        <v>0</v>
      </c>
      <c r="J18419" s="2">
        <v>0</v>
      </c>
      <c r="K18419" s="2">
        <v>1</v>
      </c>
      <c r="L18419" t="s">
        <v>995</v>
      </c>
      <c r="M18419" t="s">
        <v>87</v>
      </c>
      <c r="N18419" t="s">
        <v>88</v>
      </c>
      <c r="O18419" t="s">
        <v>85</v>
      </c>
      <c r="P18419" t="s">
        <v>86</v>
      </c>
      <c r="Q18419">
        <v>15</v>
      </c>
      <c r="R18419">
        <v>15</v>
      </c>
      <c r="S18419">
        <v>15</v>
      </c>
      <c r="T18419">
        <v>15</v>
      </c>
      <c r="U18419">
        <v>16</v>
      </c>
      <c r="V18419">
        <v>16</v>
      </c>
      <c r="W18419">
        <v>16</v>
      </c>
      <c r="X18419">
        <v>16</v>
      </c>
      <c r="Y18419">
        <v>17</v>
      </c>
      <c r="Z18419">
        <v>17</v>
      </c>
      <c r="AA18419">
        <v>17</v>
      </c>
      <c r="AB18419">
        <v>17</v>
      </c>
      <c r="AC18419">
        <v>18</v>
      </c>
      <c r="AD18419">
        <v>18</v>
      </c>
      <c r="AE18419">
        <v>18</v>
      </c>
      <c r="AF18419">
        <v>19</v>
      </c>
      <c r="AG18419">
        <v>19</v>
      </c>
      <c r="AH18419">
        <v>19</v>
      </c>
      <c r="AI18419">
        <v>20</v>
      </c>
      <c r="AJ18419">
        <v>20</v>
      </c>
      <c r="AK18419">
        <v>20</v>
      </c>
      <c r="AL18419">
        <v>21</v>
      </c>
      <c r="AM18419">
        <v>21</v>
      </c>
      <c r="AN18419">
        <v>21</v>
      </c>
      <c r="AO18419">
        <v>22</v>
      </c>
      <c r="AP18419">
        <v>22</v>
      </c>
      <c r="AQ18419">
        <v>22</v>
      </c>
    </row>
    <row r="18420" spans="1:43">
      <c r="A18420" t="s">
        <v>11412</v>
      </c>
      <c r="B18420" t="s">
        <v>11413</v>
      </c>
      <c r="C18420" t="s">
        <v>11394</v>
      </c>
      <c r="D18420" t="s">
        <v>11395</v>
      </c>
      <c r="E18420" t="s">
        <v>11206</v>
      </c>
      <c r="F18420" t="s">
        <v>11207</v>
      </c>
      <c r="G18420" t="s">
        <v>10734</v>
      </c>
      <c r="H18420" t="s">
        <v>10735</v>
      </c>
      <c r="I18420" s="2">
        <v>0</v>
      </c>
      <c r="J18420" s="2">
        <v>0</v>
      </c>
      <c r="K18420" s="2">
        <v>1</v>
      </c>
      <c r="L18420" t="s">
        <v>995</v>
      </c>
      <c r="M18420" t="s">
        <v>89</v>
      </c>
      <c r="N18420" t="s">
        <v>90</v>
      </c>
      <c r="O18420" t="s">
        <v>85</v>
      </c>
      <c r="P18420" t="s">
        <v>86</v>
      </c>
      <c r="Q18420">
        <v>15</v>
      </c>
      <c r="R18420">
        <v>15</v>
      </c>
      <c r="S18420">
        <v>16</v>
      </c>
      <c r="T18420">
        <v>16</v>
      </c>
      <c r="U18420">
        <v>17</v>
      </c>
      <c r="V18420">
        <v>17</v>
      </c>
      <c r="W18420">
        <v>18</v>
      </c>
      <c r="X18420">
        <v>18</v>
      </c>
      <c r="Y18420">
        <v>19</v>
      </c>
      <c r="Z18420">
        <v>20</v>
      </c>
      <c r="AA18420">
        <v>20</v>
      </c>
      <c r="AB18420">
        <v>21</v>
      </c>
      <c r="AC18420">
        <v>21</v>
      </c>
      <c r="AD18420">
        <v>22</v>
      </c>
      <c r="AE18420">
        <v>22</v>
      </c>
      <c r="AF18420">
        <v>22</v>
      </c>
      <c r="AG18420">
        <v>23</v>
      </c>
      <c r="AH18420">
        <v>23</v>
      </c>
      <c r="AI18420">
        <v>23</v>
      </c>
      <c r="AJ18420">
        <v>24</v>
      </c>
      <c r="AK18420">
        <v>24</v>
      </c>
      <c r="AL18420">
        <v>24</v>
      </c>
      <c r="AM18420">
        <v>25</v>
      </c>
      <c r="AN18420">
        <v>25</v>
      </c>
      <c r="AO18420">
        <v>25</v>
      </c>
      <c r="AP18420">
        <v>26</v>
      </c>
      <c r="AQ18420">
        <v>26</v>
      </c>
    </row>
    <row r="18421" spans="1:43">
      <c r="A18421" t="s">
        <v>11412</v>
      </c>
      <c r="B18421" t="s">
        <v>11413</v>
      </c>
      <c r="C18421" t="s">
        <v>11394</v>
      </c>
      <c r="D18421" t="s">
        <v>11395</v>
      </c>
      <c r="E18421" t="s">
        <v>11206</v>
      </c>
      <c r="F18421" t="s">
        <v>11207</v>
      </c>
      <c r="G18421" t="s">
        <v>10734</v>
      </c>
      <c r="H18421" t="s">
        <v>10735</v>
      </c>
      <c r="I18421" s="2">
        <v>0</v>
      </c>
      <c r="J18421" s="2">
        <v>0</v>
      </c>
      <c r="K18421" s="2">
        <v>1</v>
      </c>
      <c r="L18421" t="s">
        <v>995</v>
      </c>
      <c r="M18421" t="s">
        <v>83</v>
      </c>
      <c r="N18421" t="s">
        <v>91</v>
      </c>
      <c r="O18421" t="s">
        <v>85</v>
      </c>
      <c r="P18421" t="s">
        <v>86</v>
      </c>
      <c r="Q18421">
        <v>15</v>
      </c>
      <c r="R18421">
        <v>15</v>
      </c>
      <c r="S18421">
        <v>15</v>
      </c>
      <c r="T18421">
        <v>16</v>
      </c>
      <c r="U18421">
        <v>16</v>
      </c>
      <c r="V18421">
        <v>17</v>
      </c>
      <c r="W18421">
        <v>17</v>
      </c>
      <c r="X18421">
        <v>18</v>
      </c>
      <c r="Y18421">
        <v>18</v>
      </c>
      <c r="Z18421">
        <v>18</v>
      </c>
      <c r="AA18421">
        <v>19</v>
      </c>
      <c r="AB18421">
        <v>19</v>
      </c>
      <c r="AC18421">
        <v>20</v>
      </c>
      <c r="AD18421">
        <v>20</v>
      </c>
      <c r="AE18421">
        <v>21</v>
      </c>
      <c r="AF18421">
        <v>21</v>
      </c>
      <c r="AG18421">
        <v>22</v>
      </c>
      <c r="AH18421">
        <v>22</v>
      </c>
      <c r="AI18421">
        <v>23</v>
      </c>
      <c r="AJ18421">
        <v>23</v>
      </c>
      <c r="AK18421">
        <v>24</v>
      </c>
      <c r="AL18421">
        <v>24</v>
      </c>
      <c r="AM18421">
        <v>24</v>
      </c>
      <c r="AN18421">
        <v>25</v>
      </c>
      <c r="AO18421">
        <v>25</v>
      </c>
      <c r="AP18421">
        <v>26</v>
      </c>
      <c r="AQ18421">
        <v>26</v>
      </c>
    </row>
    <row r="18422" spans="1:43">
      <c r="A18422" t="s">
        <v>11414</v>
      </c>
      <c r="B18422" t="s">
        <v>11415</v>
      </c>
      <c r="C18422" t="s">
        <v>11394</v>
      </c>
      <c r="D18422" t="s">
        <v>11395</v>
      </c>
      <c r="E18422" t="s">
        <v>11206</v>
      </c>
      <c r="F18422" t="s">
        <v>11207</v>
      </c>
      <c r="G18422" t="s">
        <v>10734</v>
      </c>
      <c r="H18422" t="s">
        <v>10735</v>
      </c>
      <c r="I18422" s="2">
        <v>0</v>
      </c>
      <c r="J18422" s="2">
        <v>0</v>
      </c>
      <c r="K18422" s="2">
        <v>1</v>
      </c>
      <c r="L18422" t="s">
        <v>995</v>
      </c>
      <c r="M18422" t="s">
        <v>83</v>
      </c>
      <c r="N18422" t="s">
        <v>84</v>
      </c>
      <c r="O18422" t="s">
        <v>85</v>
      </c>
      <c r="P18422" t="s">
        <v>86</v>
      </c>
      <c r="Q18422">
        <v>15</v>
      </c>
      <c r="R18422">
        <v>15</v>
      </c>
      <c r="S18422">
        <v>16</v>
      </c>
      <c r="T18422">
        <v>16</v>
      </c>
      <c r="U18422">
        <v>16</v>
      </c>
      <c r="V18422">
        <v>17</v>
      </c>
      <c r="W18422">
        <v>17</v>
      </c>
      <c r="X18422">
        <v>18</v>
      </c>
      <c r="Y18422">
        <v>18</v>
      </c>
      <c r="Z18422">
        <v>19</v>
      </c>
      <c r="AA18422">
        <v>19</v>
      </c>
      <c r="AB18422">
        <v>20</v>
      </c>
      <c r="AC18422">
        <v>20</v>
      </c>
      <c r="AD18422">
        <v>20</v>
      </c>
      <c r="AE18422">
        <v>21</v>
      </c>
      <c r="AF18422">
        <v>21</v>
      </c>
      <c r="AG18422">
        <v>22</v>
      </c>
      <c r="AH18422">
        <v>22</v>
      </c>
      <c r="AI18422">
        <v>23</v>
      </c>
      <c r="AJ18422">
        <v>24</v>
      </c>
      <c r="AK18422">
        <v>24</v>
      </c>
      <c r="AL18422">
        <v>24</v>
      </c>
      <c r="AM18422">
        <v>25</v>
      </c>
      <c r="AN18422">
        <v>25</v>
      </c>
      <c r="AO18422">
        <v>26</v>
      </c>
      <c r="AP18422">
        <v>26</v>
      </c>
      <c r="AQ18422">
        <v>26</v>
      </c>
    </row>
    <row r="18423" spans="1:43">
      <c r="A18423" t="s">
        <v>11414</v>
      </c>
      <c r="B18423" t="s">
        <v>11415</v>
      </c>
      <c r="C18423" t="s">
        <v>11394</v>
      </c>
      <c r="D18423" t="s">
        <v>11395</v>
      </c>
      <c r="E18423" t="s">
        <v>11206</v>
      </c>
      <c r="F18423" t="s">
        <v>11207</v>
      </c>
      <c r="G18423" t="s">
        <v>10734</v>
      </c>
      <c r="H18423" t="s">
        <v>10735</v>
      </c>
      <c r="I18423" s="2">
        <v>0</v>
      </c>
      <c r="J18423" s="2">
        <v>0</v>
      </c>
      <c r="K18423" s="2">
        <v>1</v>
      </c>
      <c r="L18423" t="s">
        <v>995</v>
      </c>
      <c r="M18423" t="s">
        <v>87</v>
      </c>
      <c r="N18423" t="s">
        <v>88</v>
      </c>
      <c r="O18423" t="s">
        <v>85</v>
      </c>
      <c r="P18423" t="s">
        <v>86</v>
      </c>
      <c r="Q18423">
        <v>15</v>
      </c>
      <c r="R18423">
        <v>15</v>
      </c>
      <c r="S18423">
        <v>15</v>
      </c>
      <c r="T18423">
        <v>16</v>
      </c>
      <c r="U18423">
        <v>16</v>
      </c>
      <c r="V18423">
        <v>16</v>
      </c>
      <c r="W18423">
        <v>16</v>
      </c>
      <c r="X18423">
        <v>17</v>
      </c>
      <c r="Y18423">
        <v>17</v>
      </c>
      <c r="Z18423">
        <v>17</v>
      </c>
      <c r="AA18423">
        <v>17</v>
      </c>
      <c r="AB18423">
        <v>18</v>
      </c>
      <c r="AC18423">
        <v>18</v>
      </c>
      <c r="AD18423">
        <v>18</v>
      </c>
      <c r="AE18423">
        <v>19</v>
      </c>
      <c r="AF18423">
        <v>19</v>
      </c>
      <c r="AG18423">
        <v>19</v>
      </c>
      <c r="AH18423">
        <v>20</v>
      </c>
      <c r="AI18423">
        <v>20</v>
      </c>
      <c r="AJ18423">
        <v>20</v>
      </c>
      <c r="AK18423">
        <v>21</v>
      </c>
      <c r="AL18423">
        <v>21</v>
      </c>
      <c r="AM18423">
        <v>21</v>
      </c>
      <c r="AN18423">
        <v>22</v>
      </c>
      <c r="AO18423">
        <v>22</v>
      </c>
      <c r="AP18423">
        <v>22</v>
      </c>
      <c r="AQ18423">
        <v>23</v>
      </c>
    </row>
    <row r="18424" spans="1:43">
      <c r="A18424" t="s">
        <v>11414</v>
      </c>
      <c r="B18424" t="s">
        <v>11415</v>
      </c>
      <c r="C18424" t="s">
        <v>11394</v>
      </c>
      <c r="D18424" t="s">
        <v>11395</v>
      </c>
      <c r="E18424" t="s">
        <v>11206</v>
      </c>
      <c r="F18424" t="s">
        <v>11207</v>
      </c>
      <c r="G18424" t="s">
        <v>10734</v>
      </c>
      <c r="H18424" t="s">
        <v>10735</v>
      </c>
      <c r="I18424" s="2">
        <v>0</v>
      </c>
      <c r="J18424" s="2">
        <v>0</v>
      </c>
      <c r="K18424" s="2">
        <v>1</v>
      </c>
      <c r="L18424" t="s">
        <v>995</v>
      </c>
      <c r="M18424" t="s">
        <v>89</v>
      </c>
      <c r="N18424" t="s">
        <v>90</v>
      </c>
      <c r="O18424" t="s">
        <v>85</v>
      </c>
      <c r="P18424" t="s">
        <v>86</v>
      </c>
      <c r="Q18424">
        <v>15</v>
      </c>
      <c r="R18424">
        <v>16</v>
      </c>
      <c r="S18424">
        <v>16</v>
      </c>
      <c r="T18424">
        <v>17</v>
      </c>
      <c r="U18424">
        <v>17</v>
      </c>
      <c r="V18424">
        <v>18</v>
      </c>
      <c r="W18424">
        <v>18</v>
      </c>
      <c r="X18424">
        <v>19</v>
      </c>
      <c r="Y18424">
        <v>19</v>
      </c>
      <c r="Z18424">
        <v>20</v>
      </c>
      <c r="AA18424">
        <v>20</v>
      </c>
      <c r="AB18424">
        <v>21</v>
      </c>
      <c r="AC18424">
        <v>21</v>
      </c>
      <c r="AD18424">
        <v>22</v>
      </c>
      <c r="AE18424">
        <v>22</v>
      </c>
      <c r="AF18424">
        <v>23</v>
      </c>
      <c r="AG18424">
        <v>23</v>
      </c>
      <c r="AH18424">
        <v>23</v>
      </c>
      <c r="AI18424">
        <v>24</v>
      </c>
      <c r="AJ18424">
        <v>24</v>
      </c>
      <c r="AK18424">
        <v>24</v>
      </c>
      <c r="AL18424">
        <v>25</v>
      </c>
      <c r="AM18424">
        <v>25</v>
      </c>
      <c r="AN18424">
        <v>25</v>
      </c>
      <c r="AO18424">
        <v>26</v>
      </c>
      <c r="AP18424">
        <v>26</v>
      </c>
      <c r="AQ18424">
        <v>26</v>
      </c>
    </row>
    <row r="18425" spans="1:43">
      <c r="A18425" t="s">
        <v>11414</v>
      </c>
      <c r="B18425" t="s">
        <v>11415</v>
      </c>
      <c r="C18425" t="s">
        <v>11394</v>
      </c>
      <c r="D18425" t="s">
        <v>11395</v>
      </c>
      <c r="E18425" t="s">
        <v>11206</v>
      </c>
      <c r="F18425" t="s">
        <v>11207</v>
      </c>
      <c r="G18425" t="s">
        <v>10734</v>
      </c>
      <c r="H18425" t="s">
        <v>10735</v>
      </c>
      <c r="I18425" s="2">
        <v>0</v>
      </c>
      <c r="J18425" s="2">
        <v>0</v>
      </c>
      <c r="K18425" s="2">
        <v>1</v>
      </c>
      <c r="L18425" t="s">
        <v>995</v>
      </c>
      <c r="M18425" t="s">
        <v>83</v>
      </c>
      <c r="N18425" t="s">
        <v>91</v>
      </c>
      <c r="O18425" t="s">
        <v>85</v>
      </c>
      <c r="P18425" t="s">
        <v>86</v>
      </c>
      <c r="Q18425">
        <v>15</v>
      </c>
      <c r="R18425">
        <v>15</v>
      </c>
      <c r="S18425">
        <v>16</v>
      </c>
      <c r="T18425">
        <v>16</v>
      </c>
      <c r="U18425">
        <v>16</v>
      </c>
      <c r="V18425">
        <v>17</v>
      </c>
      <c r="W18425">
        <v>17</v>
      </c>
      <c r="X18425">
        <v>18</v>
      </c>
      <c r="Y18425">
        <v>18</v>
      </c>
      <c r="Z18425">
        <v>19</v>
      </c>
      <c r="AA18425">
        <v>19</v>
      </c>
      <c r="AB18425">
        <v>20</v>
      </c>
      <c r="AC18425">
        <v>20</v>
      </c>
      <c r="AD18425">
        <v>20</v>
      </c>
      <c r="AE18425">
        <v>21</v>
      </c>
      <c r="AF18425">
        <v>21</v>
      </c>
      <c r="AG18425">
        <v>22</v>
      </c>
      <c r="AH18425">
        <v>22</v>
      </c>
      <c r="AI18425">
        <v>23</v>
      </c>
      <c r="AJ18425">
        <v>24</v>
      </c>
      <c r="AK18425">
        <v>24</v>
      </c>
      <c r="AL18425">
        <v>24</v>
      </c>
      <c r="AM18425">
        <v>25</v>
      </c>
      <c r="AN18425">
        <v>25</v>
      </c>
      <c r="AO18425">
        <v>26</v>
      </c>
      <c r="AP18425">
        <v>26</v>
      </c>
      <c r="AQ18425">
        <v>26</v>
      </c>
    </row>
    <row r="18426" spans="1:43">
      <c r="A18426" t="s">
        <v>11416</v>
      </c>
      <c r="B18426" t="s">
        <v>11417</v>
      </c>
      <c r="C18426" t="s">
        <v>11418</v>
      </c>
      <c r="D18426" t="s">
        <v>11419</v>
      </c>
      <c r="E18426" t="s">
        <v>11206</v>
      </c>
      <c r="F18426" t="s">
        <v>11207</v>
      </c>
      <c r="G18426" t="s">
        <v>10734</v>
      </c>
      <c r="H18426" t="s">
        <v>10735</v>
      </c>
      <c r="I18426" s="2">
        <v>0</v>
      </c>
      <c r="J18426" s="2">
        <v>0</v>
      </c>
      <c r="K18426" s="2">
        <v>1</v>
      </c>
      <c r="L18426" t="s">
        <v>995</v>
      </c>
      <c r="M18426" t="s">
        <v>83</v>
      </c>
      <c r="N18426" t="s">
        <v>84</v>
      </c>
      <c r="O18426" t="s">
        <v>85</v>
      </c>
      <c r="P18426" t="s">
        <v>86</v>
      </c>
      <c r="Q18426">
        <v>8</v>
      </c>
      <c r="R18426">
        <v>8</v>
      </c>
      <c r="S18426">
        <v>9</v>
      </c>
      <c r="T18426">
        <v>9</v>
      </c>
      <c r="U18426">
        <v>9</v>
      </c>
      <c r="V18426">
        <v>9</v>
      </c>
      <c r="W18426">
        <v>9</v>
      </c>
      <c r="X18426">
        <v>9</v>
      </c>
      <c r="Y18426">
        <v>9</v>
      </c>
      <c r="Z18426">
        <v>9</v>
      </c>
      <c r="AA18426">
        <v>10</v>
      </c>
      <c r="AB18426">
        <v>10</v>
      </c>
      <c r="AC18426">
        <v>10</v>
      </c>
      <c r="AD18426">
        <v>10</v>
      </c>
      <c r="AE18426">
        <v>10</v>
      </c>
      <c r="AF18426">
        <v>10</v>
      </c>
      <c r="AG18426">
        <v>10</v>
      </c>
      <c r="AH18426">
        <v>10</v>
      </c>
      <c r="AI18426">
        <v>11</v>
      </c>
      <c r="AJ18426">
        <v>11</v>
      </c>
      <c r="AK18426">
        <v>11</v>
      </c>
      <c r="AL18426">
        <v>11</v>
      </c>
      <c r="AM18426">
        <v>11</v>
      </c>
      <c r="AN18426">
        <v>11</v>
      </c>
      <c r="AO18426">
        <v>11</v>
      </c>
      <c r="AP18426">
        <v>11</v>
      </c>
      <c r="AQ18426">
        <v>11</v>
      </c>
    </row>
    <row r="18427" spans="1:43">
      <c r="A18427" t="s">
        <v>11416</v>
      </c>
      <c r="B18427" t="s">
        <v>11417</v>
      </c>
      <c r="C18427" t="s">
        <v>11418</v>
      </c>
      <c r="D18427" t="s">
        <v>11419</v>
      </c>
      <c r="E18427" t="s">
        <v>11206</v>
      </c>
      <c r="F18427" t="s">
        <v>11207</v>
      </c>
      <c r="G18427" t="s">
        <v>10734</v>
      </c>
      <c r="H18427" t="s">
        <v>10735</v>
      </c>
      <c r="I18427" s="2">
        <v>0</v>
      </c>
      <c r="J18427" s="2">
        <v>0</v>
      </c>
      <c r="K18427" s="2">
        <v>1</v>
      </c>
      <c r="L18427" t="s">
        <v>995</v>
      </c>
      <c r="M18427" t="s">
        <v>87</v>
      </c>
      <c r="N18427" t="s">
        <v>88</v>
      </c>
      <c r="O18427" t="s">
        <v>85</v>
      </c>
      <c r="P18427" t="s">
        <v>86</v>
      </c>
      <c r="Q18427">
        <v>8</v>
      </c>
      <c r="R18427">
        <v>8</v>
      </c>
      <c r="S18427">
        <v>8</v>
      </c>
      <c r="T18427">
        <v>8</v>
      </c>
      <c r="U18427">
        <v>8</v>
      </c>
      <c r="V18427">
        <v>8</v>
      </c>
      <c r="W18427">
        <v>8</v>
      </c>
      <c r="X18427">
        <v>9</v>
      </c>
      <c r="Y18427">
        <v>9</v>
      </c>
      <c r="Z18427">
        <v>9</v>
      </c>
      <c r="AA18427">
        <v>9</v>
      </c>
      <c r="AB18427">
        <v>9</v>
      </c>
      <c r="AC18427">
        <v>9</v>
      </c>
      <c r="AD18427">
        <v>9</v>
      </c>
      <c r="AE18427">
        <v>9</v>
      </c>
      <c r="AF18427">
        <v>9</v>
      </c>
      <c r="AG18427">
        <v>9</v>
      </c>
      <c r="AH18427">
        <v>9</v>
      </c>
      <c r="AI18427">
        <v>9</v>
      </c>
      <c r="AJ18427">
        <v>9</v>
      </c>
      <c r="AK18427">
        <v>9</v>
      </c>
      <c r="AL18427">
        <v>9</v>
      </c>
      <c r="AM18427">
        <v>9</v>
      </c>
      <c r="AN18427">
        <v>9</v>
      </c>
      <c r="AO18427">
        <v>9</v>
      </c>
      <c r="AP18427">
        <v>10</v>
      </c>
      <c r="AQ18427">
        <v>10</v>
      </c>
    </row>
    <row r="18428" spans="1:43">
      <c r="A18428" t="s">
        <v>11416</v>
      </c>
      <c r="B18428" t="s">
        <v>11417</v>
      </c>
      <c r="C18428" t="s">
        <v>11418</v>
      </c>
      <c r="D18428" t="s">
        <v>11419</v>
      </c>
      <c r="E18428" t="s">
        <v>11206</v>
      </c>
      <c r="F18428" t="s">
        <v>11207</v>
      </c>
      <c r="G18428" t="s">
        <v>10734</v>
      </c>
      <c r="H18428" t="s">
        <v>10735</v>
      </c>
      <c r="I18428" s="2">
        <v>0</v>
      </c>
      <c r="J18428" s="2">
        <v>0</v>
      </c>
      <c r="K18428" s="2">
        <v>1</v>
      </c>
      <c r="L18428" t="s">
        <v>995</v>
      </c>
      <c r="M18428" t="s">
        <v>89</v>
      </c>
      <c r="N18428" t="s">
        <v>90</v>
      </c>
      <c r="O18428" t="s">
        <v>85</v>
      </c>
      <c r="P18428" t="s">
        <v>86</v>
      </c>
      <c r="Q18428">
        <v>8</v>
      </c>
      <c r="R18428">
        <v>9</v>
      </c>
      <c r="S18428">
        <v>9</v>
      </c>
      <c r="T18428">
        <v>9</v>
      </c>
      <c r="U18428">
        <v>9</v>
      </c>
      <c r="V18428">
        <v>9</v>
      </c>
      <c r="W18428">
        <v>9</v>
      </c>
      <c r="X18428">
        <v>10</v>
      </c>
      <c r="Y18428">
        <v>10</v>
      </c>
      <c r="Z18428">
        <v>10</v>
      </c>
      <c r="AA18428">
        <v>10</v>
      </c>
      <c r="AB18428">
        <v>10</v>
      </c>
      <c r="AC18428">
        <v>10</v>
      </c>
      <c r="AD18428">
        <v>11</v>
      </c>
      <c r="AE18428">
        <v>11</v>
      </c>
      <c r="AF18428">
        <v>11</v>
      </c>
      <c r="AG18428">
        <v>11</v>
      </c>
      <c r="AH18428">
        <v>11</v>
      </c>
      <c r="AI18428">
        <v>11</v>
      </c>
      <c r="AJ18428">
        <v>11</v>
      </c>
      <c r="AK18428">
        <v>11</v>
      </c>
      <c r="AL18428">
        <v>11</v>
      </c>
      <c r="AM18428">
        <v>11</v>
      </c>
      <c r="AN18428">
        <v>11</v>
      </c>
      <c r="AO18428">
        <v>11</v>
      </c>
      <c r="AP18428">
        <v>11</v>
      </c>
      <c r="AQ18428">
        <v>11</v>
      </c>
    </row>
    <row r="18429" spans="1:43">
      <c r="A18429" t="s">
        <v>11416</v>
      </c>
      <c r="B18429" t="s">
        <v>11417</v>
      </c>
      <c r="C18429" t="s">
        <v>11418</v>
      </c>
      <c r="D18429" t="s">
        <v>11419</v>
      </c>
      <c r="E18429" t="s">
        <v>11206</v>
      </c>
      <c r="F18429" t="s">
        <v>11207</v>
      </c>
      <c r="G18429" t="s">
        <v>10734</v>
      </c>
      <c r="H18429" t="s">
        <v>10735</v>
      </c>
      <c r="I18429" s="2">
        <v>0</v>
      </c>
      <c r="J18429" s="2">
        <v>0</v>
      </c>
      <c r="K18429" s="2">
        <v>1</v>
      </c>
      <c r="L18429" t="s">
        <v>995</v>
      </c>
      <c r="M18429" t="s">
        <v>83</v>
      </c>
      <c r="N18429" t="s">
        <v>91</v>
      </c>
      <c r="O18429" t="s">
        <v>85</v>
      </c>
      <c r="P18429" t="s">
        <v>86</v>
      </c>
      <c r="Q18429">
        <v>8</v>
      </c>
      <c r="R18429">
        <v>8</v>
      </c>
      <c r="S18429">
        <v>9</v>
      </c>
      <c r="T18429">
        <v>9</v>
      </c>
      <c r="U18429">
        <v>9</v>
      </c>
      <c r="V18429">
        <v>9</v>
      </c>
      <c r="W18429">
        <v>9</v>
      </c>
      <c r="X18429">
        <v>9</v>
      </c>
      <c r="Y18429">
        <v>9</v>
      </c>
      <c r="Z18429">
        <v>9</v>
      </c>
      <c r="AA18429">
        <v>10</v>
      </c>
      <c r="AB18429">
        <v>10</v>
      </c>
      <c r="AC18429">
        <v>10</v>
      </c>
      <c r="AD18429">
        <v>10</v>
      </c>
      <c r="AE18429">
        <v>10</v>
      </c>
      <c r="AF18429">
        <v>10</v>
      </c>
      <c r="AG18429">
        <v>10</v>
      </c>
      <c r="AH18429">
        <v>10</v>
      </c>
      <c r="AI18429">
        <v>11</v>
      </c>
      <c r="AJ18429">
        <v>11</v>
      </c>
      <c r="AK18429">
        <v>11</v>
      </c>
      <c r="AL18429">
        <v>11</v>
      </c>
      <c r="AM18429">
        <v>11</v>
      </c>
      <c r="AN18429">
        <v>11</v>
      </c>
      <c r="AO18429">
        <v>11</v>
      </c>
      <c r="AP18429">
        <v>11</v>
      </c>
      <c r="AQ18429">
        <v>11</v>
      </c>
    </row>
    <row r="18430" spans="1:43">
      <c r="A18430" t="s">
        <v>11420</v>
      </c>
      <c r="B18430" t="s">
        <v>11421</v>
      </c>
      <c r="C18430" t="s">
        <v>11402</v>
      </c>
      <c r="D18430" t="s">
        <v>11403</v>
      </c>
      <c r="E18430" t="s">
        <v>11206</v>
      </c>
      <c r="F18430" t="s">
        <v>11207</v>
      </c>
      <c r="G18430" t="s">
        <v>10734</v>
      </c>
      <c r="H18430" t="s">
        <v>10735</v>
      </c>
      <c r="I18430" s="2">
        <v>0</v>
      </c>
      <c r="J18430" s="2">
        <v>0</v>
      </c>
      <c r="K18430" s="2">
        <v>1</v>
      </c>
      <c r="L18430" t="s">
        <v>995</v>
      </c>
      <c r="M18430" t="s">
        <v>83</v>
      </c>
      <c r="N18430" t="s">
        <v>84</v>
      </c>
      <c r="O18430" t="s">
        <v>85</v>
      </c>
      <c r="P18430" t="s">
        <v>86</v>
      </c>
      <c r="Q18430">
        <v>30</v>
      </c>
      <c r="R18430">
        <v>31</v>
      </c>
      <c r="S18430">
        <v>32</v>
      </c>
      <c r="T18430">
        <v>33</v>
      </c>
      <c r="U18430">
        <v>33</v>
      </c>
      <c r="V18430">
        <v>34</v>
      </c>
      <c r="W18430">
        <v>35</v>
      </c>
      <c r="X18430">
        <v>36</v>
      </c>
      <c r="Y18430">
        <v>37</v>
      </c>
      <c r="Z18430">
        <v>38</v>
      </c>
      <c r="AA18430">
        <v>39</v>
      </c>
      <c r="AB18430">
        <v>40</v>
      </c>
      <c r="AC18430">
        <v>41</v>
      </c>
      <c r="AD18430">
        <v>42</v>
      </c>
      <c r="AE18430">
        <v>43</v>
      </c>
      <c r="AF18430">
        <v>44</v>
      </c>
      <c r="AG18430">
        <v>45</v>
      </c>
      <c r="AH18430">
        <v>46</v>
      </c>
      <c r="AI18430">
        <v>47</v>
      </c>
      <c r="AJ18430">
        <v>48</v>
      </c>
      <c r="AK18430">
        <v>49</v>
      </c>
      <c r="AL18430">
        <v>50</v>
      </c>
      <c r="AM18430">
        <v>50</v>
      </c>
      <c r="AN18430">
        <v>51</v>
      </c>
      <c r="AO18430">
        <v>52</v>
      </c>
      <c r="AP18430">
        <v>53</v>
      </c>
      <c r="AQ18430">
        <v>53</v>
      </c>
    </row>
    <row r="18431" spans="1:43">
      <c r="A18431" t="s">
        <v>11420</v>
      </c>
      <c r="B18431" t="s">
        <v>11421</v>
      </c>
      <c r="C18431" t="s">
        <v>11402</v>
      </c>
      <c r="D18431" t="s">
        <v>11403</v>
      </c>
      <c r="E18431" t="s">
        <v>11206</v>
      </c>
      <c r="F18431" t="s">
        <v>11207</v>
      </c>
      <c r="G18431" t="s">
        <v>10734</v>
      </c>
      <c r="H18431" t="s">
        <v>10735</v>
      </c>
      <c r="I18431" s="2">
        <v>0</v>
      </c>
      <c r="J18431" s="2">
        <v>0</v>
      </c>
      <c r="K18431" s="2">
        <v>1</v>
      </c>
      <c r="L18431" t="s">
        <v>995</v>
      </c>
      <c r="M18431" t="s">
        <v>87</v>
      </c>
      <c r="N18431" t="s">
        <v>88</v>
      </c>
      <c r="O18431" t="s">
        <v>85</v>
      </c>
      <c r="P18431" t="s">
        <v>86</v>
      </c>
      <c r="Q18431">
        <v>30</v>
      </c>
      <c r="R18431">
        <v>30</v>
      </c>
      <c r="S18431">
        <v>31</v>
      </c>
      <c r="T18431">
        <v>31</v>
      </c>
      <c r="U18431">
        <v>32</v>
      </c>
      <c r="V18431">
        <v>33</v>
      </c>
      <c r="W18431">
        <v>33</v>
      </c>
      <c r="X18431">
        <v>34</v>
      </c>
      <c r="Y18431">
        <v>34</v>
      </c>
      <c r="Z18431">
        <v>35</v>
      </c>
      <c r="AA18431">
        <v>35</v>
      </c>
      <c r="AB18431">
        <v>36</v>
      </c>
      <c r="AC18431">
        <v>37</v>
      </c>
      <c r="AD18431">
        <v>37</v>
      </c>
      <c r="AE18431">
        <v>38</v>
      </c>
      <c r="AF18431">
        <v>38</v>
      </c>
      <c r="AG18431">
        <v>39</v>
      </c>
      <c r="AH18431">
        <v>40</v>
      </c>
      <c r="AI18431">
        <v>40</v>
      </c>
      <c r="AJ18431">
        <v>41</v>
      </c>
      <c r="AK18431">
        <v>42</v>
      </c>
      <c r="AL18431">
        <v>43</v>
      </c>
      <c r="AM18431">
        <v>43</v>
      </c>
      <c r="AN18431">
        <v>44</v>
      </c>
      <c r="AO18431">
        <v>45</v>
      </c>
      <c r="AP18431">
        <v>46</v>
      </c>
      <c r="AQ18431">
        <v>46</v>
      </c>
    </row>
    <row r="18432" spans="1:43">
      <c r="A18432" t="s">
        <v>11420</v>
      </c>
      <c r="B18432" t="s">
        <v>11421</v>
      </c>
      <c r="C18432" t="s">
        <v>11402</v>
      </c>
      <c r="D18432" t="s">
        <v>11403</v>
      </c>
      <c r="E18432" t="s">
        <v>11206</v>
      </c>
      <c r="F18432" t="s">
        <v>11207</v>
      </c>
      <c r="G18432" t="s">
        <v>10734</v>
      </c>
      <c r="H18432" t="s">
        <v>10735</v>
      </c>
      <c r="I18432" s="2">
        <v>0</v>
      </c>
      <c r="J18432" s="2">
        <v>0</v>
      </c>
      <c r="K18432" s="2">
        <v>1</v>
      </c>
      <c r="L18432" t="s">
        <v>995</v>
      </c>
      <c r="M18432" t="s">
        <v>89</v>
      </c>
      <c r="N18432" t="s">
        <v>90</v>
      </c>
      <c r="O18432" t="s">
        <v>85</v>
      </c>
      <c r="P18432" t="s">
        <v>86</v>
      </c>
      <c r="Q18432">
        <v>30</v>
      </c>
      <c r="R18432">
        <v>32</v>
      </c>
      <c r="S18432">
        <v>33</v>
      </c>
      <c r="T18432">
        <v>34</v>
      </c>
      <c r="U18432">
        <v>35</v>
      </c>
      <c r="V18432">
        <v>36</v>
      </c>
      <c r="W18432">
        <v>37</v>
      </c>
      <c r="X18432">
        <v>38</v>
      </c>
      <c r="Y18432">
        <v>39</v>
      </c>
      <c r="Z18432">
        <v>40</v>
      </c>
      <c r="AA18432">
        <v>41</v>
      </c>
      <c r="AB18432">
        <v>42</v>
      </c>
      <c r="AC18432">
        <v>44</v>
      </c>
      <c r="AD18432">
        <v>45</v>
      </c>
      <c r="AE18432">
        <v>46</v>
      </c>
      <c r="AF18432">
        <v>46</v>
      </c>
      <c r="AG18432">
        <v>47</v>
      </c>
      <c r="AH18432">
        <v>48</v>
      </c>
      <c r="AI18432">
        <v>48</v>
      </c>
      <c r="AJ18432">
        <v>49</v>
      </c>
      <c r="AK18432">
        <v>50</v>
      </c>
      <c r="AL18432">
        <v>50</v>
      </c>
      <c r="AM18432">
        <v>51</v>
      </c>
      <c r="AN18432">
        <v>52</v>
      </c>
      <c r="AO18432">
        <v>52</v>
      </c>
      <c r="AP18432">
        <v>53</v>
      </c>
      <c r="AQ18432">
        <v>54</v>
      </c>
    </row>
    <row r="18433" spans="1:43">
      <c r="A18433" t="s">
        <v>11420</v>
      </c>
      <c r="B18433" t="s">
        <v>11421</v>
      </c>
      <c r="C18433" t="s">
        <v>11402</v>
      </c>
      <c r="D18433" t="s">
        <v>11403</v>
      </c>
      <c r="E18433" t="s">
        <v>11206</v>
      </c>
      <c r="F18433" t="s">
        <v>11207</v>
      </c>
      <c r="G18433" t="s">
        <v>10734</v>
      </c>
      <c r="H18433" t="s">
        <v>10735</v>
      </c>
      <c r="I18433" s="2">
        <v>0</v>
      </c>
      <c r="J18433" s="2">
        <v>0</v>
      </c>
      <c r="K18433" s="2">
        <v>1</v>
      </c>
      <c r="L18433" t="s">
        <v>995</v>
      </c>
      <c r="M18433" t="s">
        <v>83</v>
      </c>
      <c r="N18433" t="s">
        <v>91</v>
      </c>
      <c r="O18433" t="s">
        <v>85</v>
      </c>
      <c r="P18433" t="s">
        <v>86</v>
      </c>
      <c r="Q18433">
        <v>30</v>
      </c>
      <c r="R18433">
        <v>31</v>
      </c>
      <c r="S18433">
        <v>32</v>
      </c>
      <c r="T18433">
        <v>33</v>
      </c>
      <c r="U18433">
        <v>33</v>
      </c>
      <c r="V18433">
        <v>34</v>
      </c>
      <c r="W18433">
        <v>35</v>
      </c>
      <c r="X18433">
        <v>36</v>
      </c>
      <c r="Y18433">
        <v>37</v>
      </c>
      <c r="Z18433">
        <v>38</v>
      </c>
      <c r="AA18433">
        <v>39</v>
      </c>
      <c r="AB18433">
        <v>40</v>
      </c>
      <c r="AC18433">
        <v>41</v>
      </c>
      <c r="AD18433">
        <v>42</v>
      </c>
      <c r="AE18433">
        <v>43</v>
      </c>
      <c r="AF18433">
        <v>44</v>
      </c>
      <c r="AG18433">
        <v>45</v>
      </c>
      <c r="AH18433">
        <v>46</v>
      </c>
      <c r="AI18433">
        <v>47</v>
      </c>
      <c r="AJ18433">
        <v>48</v>
      </c>
      <c r="AK18433">
        <v>49</v>
      </c>
      <c r="AL18433">
        <v>50</v>
      </c>
      <c r="AM18433">
        <v>50</v>
      </c>
      <c r="AN18433">
        <v>51</v>
      </c>
      <c r="AO18433">
        <v>52</v>
      </c>
      <c r="AP18433">
        <v>53</v>
      </c>
      <c r="AQ18433">
        <v>53</v>
      </c>
    </row>
    <row r="18434" spans="1:43">
      <c r="A18434" t="s">
        <v>11422</v>
      </c>
      <c r="B18434" t="s">
        <v>11423</v>
      </c>
      <c r="C18434" t="s">
        <v>11418</v>
      </c>
      <c r="D18434" t="s">
        <v>11419</v>
      </c>
      <c r="E18434" t="s">
        <v>11206</v>
      </c>
      <c r="F18434" t="s">
        <v>11207</v>
      </c>
      <c r="G18434" t="s">
        <v>10734</v>
      </c>
      <c r="H18434" t="s">
        <v>10735</v>
      </c>
      <c r="I18434" s="2">
        <v>0</v>
      </c>
      <c r="J18434" s="2">
        <v>0</v>
      </c>
      <c r="K18434" s="2">
        <v>1</v>
      </c>
      <c r="L18434" t="s">
        <v>995</v>
      </c>
      <c r="M18434" t="s">
        <v>83</v>
      </c>
      <c r="N18434" t="s">
        <v>84</v>
      </c>
      <c r="O18434" t="s">
        <v>85</v>
      </c>
      <c r="P18434" t="s">
        <v>86</v>
      </c>
      <c r="Q18434">
        <v>13</v>
      </c>
      <c r="R18434">
        <v>14</v>
      </c>
      <c r="S18434">
        <v>14</v>
      </c>
      <c r="T18434">
        <v>14</v>
      </c>
      <c r="U18434">
        <v>14</v>
      </c>
      <c r="V18434">
        <v>14</v>
      </c>
      <c r="W18434">
        <v>15</v>
      </c>
      <c r="X18434">
        <v>15</v>
      </c>
      <c r="Y18434">
        <v>15</v>
      </c>
      <c r="Z18434">
        <v>15</v>
      </c>
      <c r="AA18434">
        <v>15</v>
      </c>
      <c r="AB18434">
        <v>16</v>
      </c>
      <c r="AC18434">
        <v>16</v>
      </c>
      <c r="AD18434">
        <v>16</v>
      </c>
      <c r="AE18434">
        <v>16</v>
      </c>
      <c r="AF18434">
        <v>16</v>
      </c>
      <c r="AG18434">
        <v>17</v>
      </c>
      <c r="AH18434">
        <v>17</v>
      </c>
      <c r="AI18434">
        <v>17</v>
      </c>
      <c r="AJ18434">
        <v>17</v>
      </c>
      <c r="AK18434">
        <v>17</v>
      </c>
      <c r="AL18434">
        <v>18</v>
      </c>
      <c r="AM18434">
        <v>18</v>
      </c>
      <c r="AN18434">
        <v>18</v>
      </c>
      <c r="AO18434">
        <v>18</v>
      </c>
      <c r="AP18434">
        <v>18</v>
      </c>
      <c r="AQ18434">
        <v>18</v>
      </c>
    </row>
    <row r="18435" spans="1:43">
      <c r="A18435" t="s">
        <v>11422</v>
      </c>
      <c r="B18435" t="s">
        <v>11423</v>
      </c>
      <c r="C18435" t="s">
        <v>11418</v>
      </c>
      <c r="D18435" t="s">
        <v>11419</v>
      </c>
      <c r="E18435" t="s">
        <v>11206</v>
      </c>
      <c r="F18435" t="s">
        <v>11207</v>
      </c>
      <c r="G18435" t="s">
        <v>10734</v>
      </c>
      <c r="H18435" t="s">
        <v>10735</v>
      </c>
      <c r="I18435" s="2">
        <v>0</v>
      </c>
      <c r="J18435" s="2">
        <v>0</v>
      </c>
      <c r="K18435" s="2">
        <v>1</v>
      </c>
      <c r="L18435" t="s">
        <v>995</v>
      </c>
      <c r="M18435" t="s">
        <v>87</v>
      </c>
      <c r="N18435" t="s">
        <v>88</v>
      </c>
      <c r="O18435" t="s">
        <v>85</v>
      </c>
      <c r="P18435" t="s">
        <v>86</v>
      </c>
      <c r="Q18435">
        <v>13</v>
      </c>
      <c r="R18435">
        <v>13</v>
      </c>
      <c r="S18435">
        <v>13</v>
      </c>
      <c r="T18435">
        <v>14</v>
      </c>
      <c r="U18435">
        <v>14</v>
      </c>
      <c r="V18435">
        <v>14</v>
      </c>
      <c r="W18435">
        <v>14</v>
      </c>
      <c r="X18435">
        <v>14</v>
      </c>
      <c r="Y18435">
        <v>14</v>
      </c>
      <c r="Z18435">
        <v>14</v>
      </c>
      <c r="AA18435">
        <v>14</v>
      </c>
      <c r="AB18435">
        <v>14</v>
      </c>
      <c r="AC18435">
        <v>14</v>
      </c>
      <c r="AD18435">
        <v>14</v>
      </c>
      <c r="AE18435">
        <v>14</v>
      </c>
      <c r="AF18435">
        <v>15</v>
      </c>
      <c r="AG18435">
        <v>15</v>
      </c>
      <c r="AH18435">
        <v>15</v>
      </c>
      <c r="AI18435">
        <v>15</v>
      </c>
      <c r="AJ18435">
        <v>15</v>
      </c>
      <c r="AK18435">
        <v>15</v>
      </c>
      <c r="AL18435">
        <v>15</v>
      </c>
      <c r="AM18435">
        <v>15</v>
      </c>
      <c r="AN18435">
        <v>15</v>
      </c>
      <c r="AO18435">
        <v>15</v>
      </c>
      <c r="AP18435">
        <v>15</v>
      </c>
      <c r="AQ18435">
        <v>16</v>
      </c>
    </row>
    <row r="18436" spans="1:43">
      <c r="A18436" t="s">
        <v>11422</v>
      </c>
      <c r="B18436" t="s">
        <v>11423</v>
      </c>
      <c r="C18436" t="s">
        <v>11418</v>
      </c>
      <c r="D18436" t="s">
        <v>11419</v>
      </c>
      <c r="E18436" t="s">
        <v>11206</v>
      </c>
      <c r="F18436" t="s">
        <v>11207</v>
      </c>
      <c r="G18436" t="s">
        <v>10734</v>
      </c>
      <c r="H18436" t="s">
        <v>10735</v>
      </c>
      <c r="I18436" s="2">
        <v>0</v>
      </c>
      <c r="J18436" s="2">
        <v>0</v>
      </c>
      <c r="K18436" s="2">
        <v>1</v>
      </c>
      <c r="L18436" t="s">
        <v>995</v>
      </c>
      <c r="M18436" t="s">
        <v>89</v>
      </c>
      <c r="N18436" t="s">
        <v>90</v>
      </c>
      <c r="O18436" t="s">
        <v>85</v>
      </c>
      <c r="P18436" t="s">
        <v>86</v>
      </c>
      <c r="Q18436">
        <v>13</v>
      </c>
      <c r="R18436">
        <v>13</v>
      </c>
      <c r="S18436">
        <v>13</v>
      </c>
      <c r="T18436">
        <v>13</v>
      </c>
      <c r="U18436">
        <v>14</v>
      </c>
      <c r="V18436">
        <v>14</v>
      </c>
      <c r="W18436">
        <v>14</v>
      </c>
      <c r="X18436">
        <v>15</v>
      </c>
      <c r="Y18436">
        <v>15</v>
      </c>
      <c r="Z18436">
        <v>15</v>
      </c>
      <c r="AA18436">
        <v>15</v>
      </c>
      <c r="AB18436">
        <v>16</v>
      </c>
      <c r="AC18436">
        <v>16</v>
      </c>
      <c r="AD18436">
        <v>16</v>
      </c>
      <c r="AE18436">
        <v>16</v>
      </c>
      <c r="AF18436">
        <v>16</v>
      </c>
      <c r="AG18436">
        <v>17</v>
      </c>
      <c r="AH18436">
        <v>17</v>
      </c>
      <c r="AI18436">
        <v>17</v>
      </c>
      <c r="AJ18436">
        <v>17</v>
      </c>
      <c r="AK18436">
        <v>17</v>
      </c>
      <c r="AL18436">
        <v>17</v>
      </c>
      <c r="AM18436">
        <v>17</v>
      </c>
      <c r="AN18436">
        <v>17</v>
      </c>
      <c r="AO18436">
        <v>17</v>
      </c>
      <c r="AP18436">
        <v>17</v>
      </c>
      <c r="AQ18436">
        <v>17</v>
      </c>
    </row>
    <row r="18437" spans="1:43">
      <c r="A18437" t="s">
        <v>11422</v>
      </c>
      <c r="B18437" t="s">
        <v>11423</v>
      </c>
      <c r="C18437" t="s">
        <v>11418</v>
      </c>
      <c r="D18437" t="s">
        <v>11419</v>
      </c>
      <c r="E18437" t="s">
        <v>11206</v>
      </c>
      <c r="F18437" t="s">
        <v>11207</v>
      </c>
      <c r="G18437" t="s">
        <v>10734</v>
      </c>
      <c r="H18437" t="s">
        <v>10735</v>
      </c>
      <c r="I18437" s="2">
        <v>0</v>
      </c>
      <c r="J18437" s="2">
        <v>0</v>
      </c>
      <c r="K18437" s="2">
        <v>1</v>
      </c>
      <c r="L18437" t="s">
        <v>995</v>
      </c>
      <c r="M18437" t="s">
        <v>83</v>
      </c>
      <c r="N18437" t="s">
        <v>91</v>
      </c>
      <c r="O18437" t="s">
        <v>85</v>
      </c>
      <c r="P18437" t="s">
        <v>86</v>
      </c>
      <c r="Q18437">
        <v>13</v>
      </c>
      <c r="R18437">
        <v>14</v>
      </c>
      <c r="S18437">
        <v>14</v>
      </c>
      <c r="T18437">
        <v>14</v>
      </c>
      <c r="U18437">
        <v>14</v>
      </c>
      <c r="V18437">
        <v>14</v>
      </c>
      <c r="W18437">
        <v>15</v>
      </c>
      <c r="X18437">
        <v>15</v>
      </c>
      <c r="Y18437">
        <v>15</v>
      </c>
      <c r="Z18437">
        <v>15</v>
      </c>
      <c r="AA18437">
        <v>15</v>
      </c>
      <c r="AB18437">
        <v>16</v>
      </c>
      <c r="AC18437">
        <v>16</v>
      </c>
      <c r="AD18437">
        <v>16</v>
      </c>
      <c r="AE18437">
        <v>16</v>
      </c>
      <c r="AF18437">
        <v>16</v>
      </c>
      <c r="AG18437">
        <v>17</v>
      </c>
      <c r="AH18437">
        <v>17</v>
      </c>
      <c r="AI18437">
        <v>17</v>
      </c>
      <c r="AJ18437">
        <v>17</v>
      </c>
      <c r="AK18437">
        <v>17</v>
      </c>
      <c r="AL18437">
        <v>18</v>
      </c>
      <c r="AM18437">
        <v>18</v>
      </c>
      <c r="AN18437">
        <v>18</v>
      </c>
      <c r="AO18437">
        <v>18</v>
      </c>
      <c r="AP18437">
        <v>18</v>
      </c>
      <c r="AQ18437">
        <v>18</v>
      </c>
    </row>
    <row r="18438" spans="1:43">
      <c r="A18438" t="s">
        <v>11424</v>
      </c>
      <c r="B18438" t="s">
        <v>11425</v>
      </c>
      <c r="C18438" t="s">
        <v>11418</v>
      </c>
      <c r="D18438" t="s">
        <v>11419</v>
      </c>
      <c r="E18438" t="s">
        <v>11206</v>
      </c>
      <c r="F18438" t="s">
        <v>11207</v>
      </c>
      <c r="G18438" t="s">
        <v>10734</v>
      </c>
      <c r="H18438" t="s">
        <v>10735</v>
      </c>
      <c r="I18438" s="2">
        <v>0</v>
      </c>
      <c r="J18438" s="2">
        <v>0</v>
      </c>
      <c r="K18438" s="2">
        <v>1</v>
      </c>
      <c r="L18438" t="s">
        <v>995</v>
      </c>
      <c r="M18438" t="s">
        <v>83</v>
      </c>
      <c r="N18438" t="s">
        <v>84</v>
      </c>
      <c r="O18438" t="s">
        <v>85</v>
      </c>
      <c r="P18438" t="s">
        <v>86</v>
      </c>
      <c r="Q18438">
        <v>4</v>
      </c>
      <c r="R18438">
        <v>4</v>
      </c>
      <c r="S18438">
        <v>4</v>
      </c>
      <c r="T18438">
        <v>4</v>
      </c>
      <c r="U18438">
        <v>4</v>
      </c>
      <c r="V18438">
        <v>4</v>
      </c>
      <c r="W18438">
        <v>4</v>
      </c>
      <c r="X18438">
        <v>4</v>
      </c>
      <c r="Y18438">
        <v>4</v>
      </c>
      <c r="Z18438">
        <v>4</v>
      </c>
      <c r="AA18438">
        <v>4</v>
      </c>
      <c r="AB18438">
        <v>5</v>
      </c>
      <c r="AC18438">
        <v>5</v>
      </c>
      <c r="AD18438">
        <v>5</v>
      </c>
      <c r="AE18438">
        <v>5</v>
      </c>
      <c r="AF18438">
        <v>5</v>
      </c>
      <c r="AG18438">
        <v>5</v>
      </c>
      <c r="AH18438">
        <v>5</v>
      </c>
      <c r="AI18438">
        <v>5</v>
      </c>
      <c r="AJ18438">
        <v>5</v>
      </c>
      <c r="AK18438">
        <v>5</v>
      </c>
      <c r="AL18438">
        <v>5</v>
      </c>
      <c r="AM18438">
        <v>5</v>
      </c>
      <c r="AN18438">
        <v>5</v>
      </c>
      <c r="AO18438">
        <v>5</v>
      </c>
      <c r="AP18438">
        <v>5</v>
      </c>
      <c r="AQ18438">
        <v>5</v>
      </c>
    </row>
    <row r="18439" spans="1:43">
      <c r="A18439" t="s">
        <v>11424</v>
      </c>
      <c r="B18439" t="s">
        <v>11425</v>
      </c>
      <c r="C18439" t="s">
        <v>11418</v>
      </c>
      <c r="D18439" t="s">
        <v>11419</v>
      </c>
      <c r="E18439" t="s">
        <v>11206</v>
      </c>
      <c r="F18439" t="s">
        <v>11207</v>
      </c>
      <c r="G18439" t="s">
        <v>10734</v>
      </c>
      <c r="H18439" t="s">
        <v>10735</v>
      </c>
      <c r="I18439" s="2">
        <v>0</v>
      </c>
      <c r="J18439" s="2">
        <v>0</v>
      </c>
      <c r="K18439" s="2">
        <v>1</v>
      </c>
      <c r="L18439" t="s">
        <v>995</v>
      </c>
      <c r="M18439" t="s">
        <v>87</v>
      </c>
      <c r="N18439" t="s">
        <v>88</v>
      </c>
      <c r="O18439" t="s">
        <v>85</v>
      </c>
      <c r="P18439" t="s">
        <v>86</v>
      </c>
      <c r="Q18439">
        <v>4</v>
      </c>
      <c r="R18439">
        <v>4</v>
      </c>
      <c r="S18439">
        <v>4</v>
      </c>
      <c r="T18439">
        <v>4</v>
      </c>
      <c r="U18439">
        <v>4</v>
      </c>
      <c r="V18439">
        <v>4</v>
      </c>
      <c r="W18439">
        <v>4</v>
      </c>
      <c r="X18439">
        <v>4</v>
      </c>
      <c r="Y18439">
        <v>4</v>
      </c>
      <c r="Z18439">
        <v>4</v>
      </c>
      <c r="AA18439">
        <v>4</v>
      </c>
      <c r="AB18439">
        <v>4</v>
      </c>
      <c r="AC18439">
        <v>4</v>
      </c>
      <c r="AD18439">
        <v>4</v>
      </c>
      <c r="AE18439">
        <v>4</v>
      </c>
      <c r="AF18439">
        <v>4</v>
      </c>
      <c r="AG18439">
        <v>4</v>
      </c>
      <c r="AH18439">
        <v>4</v>
      </c>
      <c r="AI18439">
        <v>4</v>
      </c>
      <c r="AJ18439">
        <v>4</v>
      </c>
      <c r="AK18439">
        <v>4</v>
      </c>
      <c r="AL18439">
        <v>4</v>
      </c>
      <c r="AM18439">
        <v>4</v>
      </c>
      <c r="AN18439">
        <v>4</v>
      </c>
      <c r="AO18439">
        <v>4</v>
      </c>
      <c r="AP18439">
        <v>4</v>
      </c>
      <c r="AQ18439">
        <v>5</v>
      </c>
    </row>
    <row r="18440" spans="1:43">
      <c r="A18440" t="s">
        <v>11424</v>
      </c>
      <c r="B18440" t="s">
        <v>11425</v>
      </c>
      <c r="C18440" t="s">
        <v>11418</v>
      </c>
      <c r="D18440" t="s">
        <v>11419</v>
      </c>
      <c r="E18440" t="s">
        <v>11206</v>
      </c>
      <c r="F18440" t="s">
        <v>11207</v>
      </c>
      <c r="G18440" t="s">
        <v>10734</v>
      </c>
      <c r="H18440" t="s">
        <v>10735</v>
      </c>
      <c r="I18440" s="2">
        <v>0</v>
      </c>
      <c r="J18440" s="2">
        <v>0</v>
      </c>
      <c r="K18440" s="2">
        <v>1</v>
      </c>
      <c r="L18440" t="s">
        <v>995</v>
      </c>
      <c r="M18440" t="s">
        <v>89</v>
      </c>
      <c r="N18440" t="s">
        <v>90</v>
      </c>
      <c r="O18440" t="s">
        <v>85</v>
      </c>
      <c r="P18440" t="s">
        <v>86</v>
      </c>
      <c r="Q18440">
        <v>4</v>
      </c>
      <c r="R18440">
        <v>4</v>
      </c>
      <c r="S18440">
        <v>4</v>
      </c>
      <c r="T18440">
        <v>4</v>
      </c>
      <c r="U18440">
        <v>4</v>
      </c>
      <c r="V18440">
        <v>4</v>
      </c>
      <c r="W18440">
        <v>4</v>
      </c>
      <c r="X18440">
        <v>5</v>
      </c>
      <c r="Y18440">
        <v>5</v>
      </c>
      <c r="Z18440">
        <v>5</v>
      </c>
      <c r="AA18440">
        <v>5</v>
      </c>
      <c r="AB18440">
        <v>5</v>
      </c>
      <c r="AC18440">
        <v>5</v>
      </c>
      <c r="AD18440">
        <v>5</v>
      </c>
      <c r="AE18440">
        <v>5</v>
      </c>
      <c r="AF18440">
        <v>5</v>
      </c>
      <c r="AG18440">
        <v>5</v>
      </c>
      <c r="AH18440">
        <v>5</v>
      </c>
      <c r="AI18440">
        <v>5</v>
      </c>
      <c r="AJ18440">
        <v>5</v>
      </c>
      <c r="AK18440">
        <v>5</v>
      </c>
      <c r="AL18440">
        <v>5</v>
      </c>
      <c r="AM18440">
        <v>5</v>
      </c>
      <c r="AN18440">
        <v>5</v>
      </c>
      <c r="AO18440">
        <v>5</v>
      </c>
      <c r="AP18440">
        <v>5</v>
      </c>
      <c r="AQ18440">
        <v>5</v>
      </c>
    </row>
    <row r="18441" spans="1:43">
      <c r="A18441" t="s">
        <v>11424</v>
      </c>
      <c r="B18441" t="s">
        <v>11425</v>
      </c>
      <c r="C18441" t="s">
        <v>11418</v>
      </c>
      <c r="D18441" t="s">
        <v>11419</v>
      </c>
      <c r="E18441" t="s">
        <v>11206</v>
      </c>
      <c r="F18441" t="s">
        <v>11207</v>
      </c>
      <c r="G18441" t="s">
        <v>10734</v>
      </c>
      <c r="H18441" t="s">
        <v>10735</v>
      </c>
      <c r="I18441" s="2">
        <v>0</v>
      </c>
      <c r="J18441" s="2">
        <v>0</v>
      </c>
      <c r="K18441" s="2">
        <v>1</v>
      </c>
      <c r="L18441" t="s">
        <v>995</v>
      </c>
      <c r="M18441" t="s">
        <v>83</v>
      </c>
      <c r="N18441" t="s">
        <v>91</v>
      </c>
      <c r="O18441" t="s">
        <v>85</v>
      </c>
      <c r="P18441" t="s">
        <v>86</v>
      </c>
      <c r="Q18441">
        <v>4</v>
      </c>
      <c r="R18441">
        <v>4</v>
      </c>
      <c r="S18441">
        <v>4</v>
      </c>
      <c r="T18441">
        <v>4</v>
      </c>
      <c r="U18441">
        <v>4</v>
      </c>
      <c r="V18441">
        <v>4</v>
      </c>
      <c r="W18441">
        <v>4</v>
      </c>
      <c r="X18441">
        <v>4</v>
      </c>
      <c r="Y18441">
        <v>4</v>
      </c>
      <c r="Z18441">
        <v>4</v>
      </c>
      <c r="AA18441">
        <v>4</v>
      </c>
      <c r="AB18441">
        <v>5</v>
      </c>
      <c r="AC18441">
        <v>5</v>
      </c>
      <c r="AD18441">
        <v>5</v>
      </c>
      <c r="AE18441">
        <v>5</v>
      </c>
      <c r="AF18441">
        <v>5</v>
      </c>
      <c r="AG18441">
        <v>5</v>
      </c>
      <c r="AH18441">
        <v>5</v>
      </c>
      <c r="AI18441">
        <v>5</v>
      </c>
      <c r="AJ18441">
        <v>5</v>
      </c>
      <c r="AK18441">
        <v>5</v>
      </c>
      <c r="AL18441">
        <v>5</v>
      </c>
      <c r="AM18441">
        <v>5</v>
      </c>
      <c r="AN18441">
        <v>5</v>
      </c>
      <c r="AO18441">
        <v>5</v>
      </c>
      <c r="AP18441">
        <v>5</v>
      </c>
      <c r="AQ18441">
        <v>5</v>
      </c>
    </row>
    <row r="18442" spans="1:43">
      <c r="A18442" t="s">
        <v>11426</v>
      </c>
      <c r="B18442" t="s">
        <v>11427</v>
      </c>
      <c r="C18442" t="s">
        <v>11394</v>
      </c>
      <c r="D18442" t="s">
        <v>11395</v>
      </c>
      <c r="E18442" t="s">
        <v>11206</v>
      </c>
      <c r="F18442" t="s">
        <v>11207</v>
      </c>
      <c r="G18442" t="s">
        <v>10734</v>
      </c>
      <c r="H18442" t="s">
        <v>10735</v>
      </c>
      <c r="I18442" s="2">
        <v>0</v>
      </c>
      <c r="J18442" s="2">
        <v>0</v>
      </c>
      <c r="K18442" s="2">
        <v>1</v>
      </c>
      <c r="L18442" t="s">
        <v>995</v>
      </c>
      <c r="M18442" t="s">
        <v>83</v>
      </c>
      <c r="N18442" t="s">
        <v>84</v>
      </c>
      <c r="O18442" t="s">
        <v>85</v>
      </c>
      <c r="P18442" t="s">
        <v>86</v>
      </c>
      <c r="Q18442">
        <v>16</v>
      </c>
      <c r="R18442">
        <v>17</v>
      </c>
      <c r="S18442">
        <v>17</v>
      </c>
      <c r="T18442">
        <v>18</v>
      </c>
      <c r="U18442">
        <v>18</v>
      </c>
      <c r="V18442">
        <v>19</v>
      </c>
      <c r="W18442">
        <v>19</v>
      </c>
      <c r="X18442">
        <v>20</v>
      </c>
      <c r="Y18442">
        <v>20</v>
      </c>
      <c r="Z18442">
        <v>21</v>
      </c>
      <c r="AA18442">
        <v>21</v>
      </c>
      <c r="AB18442">
        <v>22</v>
      </c>
      <c r="AC18442">
        <v>22</v>
      </c>
      <c r="AD18442">
        <v>23</v>
      </c>
      <c r="AE18442">
        <v>23</v>
      </c>
      <c r="AF18442">
        <v>24</v>
      </c>
      <c r="AG18442">
        <v>24</v>
      </c>
      <c r="AH18442">
        <v>25</v>
      </c>
      <c r="AI18442">
        <v>26</v>
      </c>
      <c r="AJ18442">
        <v>26</v>
      </c>
      <c r="AK18442">
        <v>27</v>
      </c>
      <c r="AL18442">
        <v>27</v>
      </c>
      <c r="AM18442">
        <v>28</v>
      </c>
      <c r="AN18442">
        <v>28</v>
      </c>
      <c r="AO18442">
        <v>28</v>
      </c>
      <c r="AP18442">
        <v>29</v>
      </c>
      <c r="AQ18442">
        <v>29</v>
      </c>
    </row>
    <row r="18443" spans="1:43">
      <c r="A18443" t="s">
        <v>11426</v>
      </c>
      <c r="B18443" t="s">
        <v>11427</v>
      </c>
      <c r="C18443" t="s">
        <v>11394</v>
      </c>
      <c r="D18443" t="s">
        <v>11395</v>
      </c>
      <c r="E18443" t="s">
        <v>11206</v>
      </c>
      <c r="F18443" t="s">
        <v>11207</v>
      </c>
      <c r="G18443" t="s">
        <v>10734</v>
      </c>
      <c r="H18443" t="s">
        <v>10735</v>
      </c>
      <c r="I18443" s="2">
        <v>0</v>
      </c>
      <c r="J18443" s="2">
        <v>0</v>
      </c>
      <c r="K18443" s="2">
        <v>1</v>
      </c>
      <c r="L18443" t="s">
        <v>995</v>
      </c>
      <c r="M18443" t="s">
        <v>87</v>
      </c>
      <c r="N18443" t="s">
        <v>88</v>
      </c>
      <c r="O18443" t="s">
        <v>85</v>
      </c>
      <c r="P18443" t="s">
        <v>86</v>
      </c>
      <c r="Q18443">
        <v>16</v>
      </c>
      <c r="R18443">
        <v>17</v>
      </c>
      <c r="S18443">
        <v>17</v>
      </c>
      <c r="T18443">
        <v>17</v>
      </c>
      <c r="U18443">
        <v>17</v>
      </c>
      <c r="V18443">
        <v>18</v>
      </c>
      <c r="W18443">
        <v>18</v>
      </c>
      <c r="X18443">
        <v>18</v>
      </c>
      <c r="Y18443">
        <v>19</v>
      </c>
      <c r="Z18443">
        <v>19</v>
      </c>
      <c r="AA18443">
        <v>19</v>
      </c>
      <c r="AB18443">
        <v>20</v>
      </c>
      <c r="AC18443">
        <v>20</v>
      </c>
      <c r="AD18443">
        <v>20</v>
      </c>
      <c r="AE18443">
        <v>21</v>
      </c>
      <c r="AF18443">
        <v>21</v>
      </c>
      <c r="AG18443">
        <v>21</v>
      </c>
      <c r="AH18443">
        <v>22</v>
      </c>
      <c r="AI18443">
        <v>22</v>
      </c>
      <c r="AJ18443">
        <v>22</v>
      </c>
      <c r="AK18443">
        <v>23</v>
      </c>
      <c r="AL18443">
        <v>23</v>
      </c>
      <c r="AM18443">
        <v>24</v>
      </c>
      <c r="AN18443">
        <v>24</v>
      </c>
      <c r="AO18443">
        <v>24</v>
      </c>
      <c r="AP18443">
        <v>25</v>
      </c>
      <c r="AQ18443">
        <v>25</v>
      </c>
    </row>
    <row r="18444" spans="1:43">
      <c r="A18444" t="s">
        <v>11426</v>
      </c>
      <c r="B18444" t="s">
        <v>11427</v>
      </c>
      <c r="C18444" t="s">
        <v>11394</v>
      </c>
      <c r="D18444" t="s">
        <v>11395</v>
      </c>
      <c r="E18444" t="s">
        <v>11206</v>
      </c>
      <c r="F18444" t="s">
        <v>11207</v>
      </c>
      <c r="G18444" t="s">
        <v>10734</v>
      </c>
      <c r="H18444" t="s">
        <v>10735</v>
      </c>
      <c r="I18444" s="2">
        <v>0</v>
      </c>
      <c r="J18444" s="2">
        <v>0</v>
      </c>
      <c r="K18444" s="2">
        <v>1</v>
      </c>
      <c r="L18444" t="s">
        <v>995</v>
      </c>
      <c r="M18444" t="s">
        <v>89</v>
      </c>
      <c r="N18444" t="s">
        <v>90</v>
      </c>
      <c r="O18444" t="s">
        <v>85</v>
      </c>
      <c r="P18444" t="s">
        <v>86</v>
      </c>
      <c r="Q18444">
        <v>16</v>
      </c>
      <c r="R18444">
        <v>16</v>
      </c>
      <c r="S18444">
        <v>17</v>
      </c>
      <c r="T18444">
        <v>17</v>
      </c>
      <c r="U18444">
        <v>18</v>
      </c>
      <c r="V18444">
        <v>19</v>
      </c>
      <c r="W18444">
        <v>19</v>
      </c>
      <c r="X18444">
        <v>20</v>
      </c>
      <c r="Y18444">
        <v>20</v>
      </c>
      <c r="Z18444">
        <v>21</v>
      </c>
      <c r="AA18444">
        <v>22</v>
      </c>
      <c r="AB18444">
        <v>22</v>
      </c>
      <c r="AC18444">
        <v>23</v>
      </c>
      <c r="AD18444">
        <v>23</v>
      </c>
      <c r="AE18444">
        <v>24</v>
      </c>
      <c r="AF18444">
        <v>24</v>
      </c>
      <c r="AG18444">
        <v>25</v>
      </c>
      <c r="AH18444">
        <v>25</v>
      </c>
      <c r="AI18444">
        <v>25</v>
      </c>
      <c r="AJ18444">
        <v>26</v>
      </c>
      <c r="AK18444">
        <v>26</v>
      </c>
      <c r="AL18444">
        <v>26</v>
      </c>
      <c r="AM18444">
        <v>27</v>
      </c>
      <c r="AN18444">
        <v>27</v>
      </c>
      <c r="AO18444">
        <v>28</v>
      </c>
      <c r="AP18444">
        <v>28</v>
      </c>
      <c r="AQ18444">
        <v>28</v>
      </c>
    </row>
    <row r="18445" spans="1:43">
      <c r="A18445" t="s">
        <v>11426</v>
      </c>
      <c r="B18445" t="s">
        <v>11427</v>
      </c>
      <c r="C18445" t="s">
        <v>11394</v>
      </c>
      <c r="D18445" t="s">
        <v>11395</v>
      </c>
      <c r="E18445" t="s">
        <v>11206</v>
      </c>
      <c r="F18445" t="s">
        <v>11207</v>
      </c>
      <c r="G18445" t="s">
        <v>10734</v>
      </c>
      <c r="H18445" t="s">
        <v>10735</v>
      </c>
      <c r="I18445" s="2">
        <v>0</v>
      </c>
      <c r="J18445" s="2">
        <v>0</v>
      </c>
      <c r="K18445" s="2">
        <v>1</v>
      </c>
      <c r="L18445" t="s">
        <v>995</v>
      </c>
      <c r="M18445" t="s">
        <v>83</v>
      </c>
      <c r="N18445" t="s">
        <v>91</v>
      </c>
      <c r="O18445" t="s">
        <v>85</v>
      </c>
      <c r="P18445" t="s">
        <v>86</v>
      </c>
      <c r="Q18445">
        <v>16</v>
      </c>
      <c r="R18445">
        <v>17</v>
      </c>
      <c r="S18445">
        <v>17</v>
      </c>
      <c r="T18445">
        <v>18</v>
      </c>
      <c r="U18445">
        <v>18</v>
      </c>
      <c r="V18445">
        <v>19</v>
      </c>
      <c r="W18445">
        <v>19</v>
      </c>
      <c r="X18445">
        <v>20</v>
      </c>
      <c r="Y18445">
        <v>20</v>
      </c>
      <c r="Z18445">
        <v>21</v>
      </c>
      <c r="AA18445">
        <v>21</v>
      </c>
      <c r="AB18445">
        <v>22</v>
      </c>
      <c r="AC18445">
        <v>22</v>
      </c>
      <c r="AD18445">
        <v>23</v>
      </c>
      <c r="AE18445">
        <v>23</v>
      </c>
      <c r="AF18445">
        <v>24</v>
      </c>
      <c r="AG18445">
        <v>24</v>
      </c>
      <c r="AH18445">
        <v>25</v>
      </c>
      <c r="AI18445">
        <v>26</v>
      </c>
      <c r="AJ18445">
        <v>26</v>
      </c>
      <c r="AK18445">
        <v>27</v>
      </c>
      <c r="AL18445">
        <v>27</v>
      </c>
      <c r="AM18445">
        <v>28</v>
      </c>
      <c r="AN18445">
        <v>28</v>
      </c>
      <c r="AO18445">
        <v>28</v>
      </c>
      <c r="AP18445">
        <v>29</v>
      </c>
      <c r="AQ18445">
        <v>29</v>
      </c>
    </row>
    <row r="18446" spans="1:43">
      <c r="A18446" t="s">
        <v>11428</v>
      </c>
      <c r="B18446" t="s">
        <v>11429</v>
      </c>
      <c r="C18446" t="s">
        <v>11394</v>
      </c>
      <c r="D18446" t="s">
        <v>11395</v>
      </c>
      <c r="E18446" t="s">
        <v>11206</v>
      </c>
      <c r="F18446" t="s">
        <v>11207</v>
      </c>
      <c r="G18446" t="s">
        <v>10734</v>
      </c>
      <c r="H18446" t="s">
        <v>10735</v>
      </c>
      <c r="I18446" s="2">
        <v>0</v>
      </c>
      <c r="J18446" s="2">
        <v>0</v>
      </c>
      <c r="K18446" s="2">
        <v>1</v>
      </c>
      <c r="L18446" t="s">
        <v>995</v>
      </c>
      <c r="M18446" t="s">
        <v>83</v>
      </c>
      <c r="N18446" t="s">
        <v>84</v>
      </c>
      <c r="O18446" t="s">
        <v>85</v>
      </c>
      <c r="P18446" t="s">
        <v>86</v>
      </c>
      <c r="Q18446">
        <v>14</v>
      </c>
      <c r="R18446">
        <v>15</v>
      </c>
      <c r="S18446">
        <v>15</v>
      </c>
      <c r="T18446">
        <v>16</v>
      </c>
      <c r="U18446">
        <v>16</v>
      </c>
      <c r="V18446">
        <v>16</v>
      </c>
      <c r="W18446">
        <v>17</v>
      </c>
      <c r="X18446">
        <v>17</v>
      </c>
      <c r="Y18446">
        <v>18</v>
      </c>
      <c r="Z18446">
        <v>18</v>
      </c>
      <c r="AA18446">
        <v>19</v>
      </c>
      <c r="AB18446">
        <v>19</v>
      </c>
      <c r="AC18446">
        <v>19</v>
      </c>
      <c r="AD18446">
        <v>20</v>
      </c>
      <c r="AE18446">
        <v>20</v>
      </c>
      <c r="AF18446">
        <v>21</v>
      </c>
      <c r="AG18446">
        <v>21</v>
      </c>
      <c r="AH18446">
        <v>22</v>
      </c>
      <c r="AI18446">
        <v>22</v>
      </c>
      <c r="AJ18446">
        <v>23</v>
      </c>
      <c r="AK18446">
        <v>23</v>
      </c>
      <c r="AL18446">
        <v>24</v>
      </c>
      <c r="AM18446">
        <v>24</v>
      </c>
      <c r="AN18446">
        <v>24</v>
      </c>
      <c r="AO18446">
        <v>25</v>
      </c>
      <c r="AP18446">
        <v>25</v>
      </c>
      <c r="AQ18446">
        <v>26</v>
      </c>
    </row>
    <row r="18447" spans="1:43">
      <c r="A18447" t="s">
        <v>11428</v>
      </c>
      <c r="B18447" t="s">
        <v>11429</v>
      </c>
      <c r="C18447" t="s">
        <v>11394</v>
      </c>
      <c r="D18447" t="s">
        <v>11395</v>
      </c>
      <c r="E18447" t="s">
        <v>11206</v>
      </c>
      <c r="F18447" t="s">
        <v>11207</v>
      </c>
      <c r="G18447" t="s">
        <v>10734</v>
      </c>
      <c r="H18447" t="s">
        <v>10735</v>
      </c>
      <c r="I18447" s="2">
        <v>0</v>
      </c>
      <c r="J18447" s="2">
        <v>0</v>
      </c>
      <c r="K18447" s="2">
        <v>1</v>
      </c>
      <c r="L18447" t="s">
        <v>995</v>
      </c>
      <c r="M18447" t="s">
        <v>87</v>
      </c>
      <c r="N18447" t="s">
        <v>88</v>
      </c>
      <c r="O18447" t="s">
        <v>85</v>
      </c>
      <c r="P18447" t="s">
        <v>86</v>
      </c>
      <c r="Q18447">
        <v>14</v>
      </c>
      <c r="R18447">
        <v>15</v>
      </c>
      <c r="S18447">
        <v>15</v>
      </c>
      <c r="T18447">
        <v>15</v>
      </c>
      <c r="U18447">
        <v>15</v>
      </c>
      <c r="V18447">
        <v>16</v>
      </c>
      <c r="W18447">
        <v>16</v>
      </c>
      <c r="X18447">
        <v>16</v>
      </c>
      <c r="Y18447">
        <v>16</v>
      </c>
      <c r="Z18447">
        <v>17</v>
      </c>
      <c r="AA18447">
        <v>17</v>
      </c>
      <c r="AB18447">
        <v>17</v>
      </c>
      <c r="AC18447">
        <v>17</v>
      </c>
      <c r="AD18447">
        <v>18</v>
      </c>
      <c r="AE18447">
        <v>18</v>
      </c>
      <c r="AF18447">
        <v>18</v>
      </c>
      <c r="AG18447">
        <v>19</v>
      </c>
      <c r="AH18447">
        <v>19</v>
      </c>
      <c r="AI18447">
        <v>19</v>
      </c>
      <c r="AJ18447">
        <v>20</v>
      </c>
      <c r="AK18447">
        <v>20</v>
      </c>
      <c r="AL18447">
        <v>20</v>
      </c>
      <c r="AM18447">
        <v>21</v>
      </c>
      <c r="AN18447">
        <v>21</v>
      </c>
      <c r="AO18447">
        <v>21</v>
      </c>
      <c r="AP18447">
        <v>22</v>
      </c>
      <c r="AQ18447">
        <v>22</v>
      </c>
    </row>
    <row r="18448" spans="1:43">
      <c r="A18448" t="s">
        <v>11428</v>
      </c>
      <c r="B18448" t="s">
        <v>11429</v>
      </c>
      <c r="C18448" t="s">
        <v>11394</v>
      </c>
      <c r="D18448" t="s">
        <v>11395</v>
      </c>
      <c r="E18448" t="s">
        <v>11206</v>
      </c>
      <c r="F18448" t="s">
        <v>11207</v>
      </c>
      <c r="G18448" t="s">
        <v>10734</v>
      </c>
      <c r="H18448" t="s">
        <v>10735</v>
      </c>
      <c r="I18448" s="2">
        <v>0</v>
      </c>
      <c r="J18448" s="2">
        <v>0</v>
      </c>
      <c r="K18448" s="2">
        <v>1</v>
      </c>
      <c r="L18448" t="s">
        <v>995</v>
      </c>
      <c r="M18448" t="s">
        <v>89</v>
      </c>
      <c r="N18448" t="s">
        <v>90</v>
      </c>
      <c r="O18448" t="s">
        <v>85</v>
      </c>
      <c r="P18448" t="s">
        <v>86</v>
      </c>
      <c r="Q18448">
        <v>14</v>
      </c>
      <c r="R18448">
        <v>14</v>
      </c>
      <c r="S18448">
        <v>15</v>
      </c>
      <c r="T18448">
        <v>15</v>
      </c>
      <c r="U18448">
        <v>16</v>
      </c>
      <c r="V18448">
        <v>16</v>
      </c>
      <c r="W18448">
        <v>17</v>
      </c>
      <c r="X18448">
        <v>17</v>
      </c>
      <c r="Y18448">
        <v>18</v>
      </c>
      <c r="Z18448">
        <v>18</v>
      </c>
      <c r="AA18448">
        <v>19</v>
      </c>
      <c r="AB18448">
        <v>19</v>
      </c>
      <c r="AC18448">
        <v>20</v>
      </c>
      <c r="AD18448">
        <v>20</v>
      </c>
      <c r="AE18448">
        <v>21</v>
      </c>
      <c r="AF18448">
        <v>21</v>
      </c>
      <c r="AG18448">
        <v>21</v>
      </c>
      <c r="AH18448">
        <v>22</v>
      </c>
      <c r="AI18448">
        <v>22</v>
      </c>
      <c r="AJ18448">
        <v>22</v>
      </c>
      <c r="AK18448">
        <v>23</v>
      </c>
      <c r="AL18448">
        <v>23</v>
      </c>
      <c r="AM18448">
        <v>23</v>
      </c>
      <c r="AN18448">
        <v>24</v>
      </c>
      <c r="AO18448">
        <v>24</v>
      </c>
      <c r="AP18448">
        <v>24</v>
      </c>
      <c r="AQ18448">
        <v>25</v>
      </c>
    </row>
    <row r="18449" spans="1:43">
      <c r="A18449" t="s">
        <v>11428</v>
      </c>
      <c r="B18449" t="s">
        <v>11429</v>
      </c>
      <c r="C18449" t="s">
        <v>11394</v>
      </c>
      <c r="D18449" t="s">
        <v>11395</v>
      </c>
      <c r="E18449" t="s">
        <v>11206</v>
      </c>
      <c r="F18449" t="s">
        <v>11207</v>
      </c>
      <c r="G18449" t="s">
        <v>10734</v>
      </c>
      <c r="H18449" t="s">
        <v>10735</v>
      </c>
      <c r="I18449" s="2">
        <v>0</v>
      </c>
      <c r="J18449" s="2">
        <v>0</v>
      </c>
      <c r="K18449" s="2">
        <v>1</v>
      </c>
      <c r="L18449" t="s">
        <v>995</v>
      </c>
      <c r="M18449" t="s">
        <v>83</v>
      </c>
      <c r="N18449" t="s">
        <v>91</v>
      </c>
      <c r="O18449" t="s">
        <v>85</v>
      </c>
      <c r="P18449" t="s">
        <v>86</v>
      </c>
      <c r="Q18449">
        <v>14</v>
      </c>
      <c r="R18449">
        <v>15</v>
      </c>
      <c r="S18449">
        <v>15</v>
      </c>
      <c r="T18449">
        <v>16</v>
      </c>
      <c r="U18449">
        <v>16</v>
      </c>
      <c r="V18449">
        <v>16</v>
      </c>
      <c r="W18449">
        <v>17</v>
      </c>
      <c r="X18449">
        <v>17</v>
      </c>
      <c r="Y18449">
        <v>18</v>
      </c>
      <c r="Z18449">
        <v>18</v>
      </c>
      <c r="AA18449">
        <v>19</v>
      </c>
      <c r="AB18449">
        <v>19</v>
      </c>
      <c r="AC18449">
        <v>19</v>
      </c>
      <c r="AD18449">
        <v>20</v>
      </c>
      <c r="AE18449">
        <v>20</v>
      </c>
      <c r="AF18449">
        <v>21</v>
      </c>
      <c r="AG18449">
        <v>21</v>
      </c>
      <c r="AH18449">
        <v>22</v>
      </c>
      <c r="AI18449">
        <v>22</v>
      </c>
      <c r="AJ18449">
        <v>23</v>
      </c>
      <c r="AK18449">
        <v>23</v>
      </c>
      <c r="AL18449">
        <v>24</v>
      </c>
      <c r="AM18449">
        <v>24</v>
      </c>
      <c r="AN18449">
        <v>24</v>
      </c>
      <c r="AO18449">
        <v>25</v>
      </c>
      <c r="AP18449">
        <v>25</v>
      </c>
      <c r="AQ18449">
        <v>26</v>
      </c>
    </row>
    <row r="18450" spans="1:43">
      <c r="A18450" t="s">
        <v>11430</v>
      </c>
      <c r="B18450" t="s">
        <v>11431</v>
      </c>
      <c r="C18450" t="s">
        <v>11418</v>
      </c>
      <c r="D18450" t="s">
        <v>11419</v>
      </c>
      <c r="E18450" t="s">
        <v>11206</v>
      </c>
      <c r="F18450" t="s">
        <v>11207</v>
      </c>
      <c r="G18450" t="s">
        <v>10734</v>
      </c>
      <c r="H18450" t="s">
        <v>10735</v>
      </c>
      <c r="I18450" s="2">
        <v>0</v>
      </c>
      <c r="J18450" s="2">
        <v>0</v>
      </c>
      <c r="K18450" s="2">
        <v>1</v>
      </c>
      <c r="L18450" t="s">
        <v>995</v>
      </c>
      <c r="M18450" t="s">
        <v>83</v>
      </c>
      <c r="N18450" t="s">
        <v>84</v>
      </c>
      <c r="O18450" t="s">
        <v>85</v>
      </c>
      <c r="P18450" t="s">
        <v>86</v>
      </c>
      <c r="Q18450">
        <v>8</v>
      </c>
      <c r="R18450">
        <v>8</v>
      </c>
      <c r="S18450">
        <v>8</v>
      </c>
      <c r="T18450">
        <v>9</v>
      </c>
      <c r="U18450">
        <v>9</v>
      </c>
      <c r="V18450">
        <v>9</v>
      </c>
      <c r="W18450">
        <v>9</v>
      </c>
      <c r="X18450">
        <v>9</v>
      </c>
      <c r="Y18450">
        <v>9</v>
      </c>
      <c r="Z18450">
        <v>9</v>
      </c>
      <c r="AA18450">
        <v>9</v>
      </c>
      <c r="AB18450">
        <v>10</v>
      </c>
      <c r="AC18450">
        <v>10</v>
      </c>
      <c r="AD18450">
        <v>10</v>
      </c>
      <c r="AE18450">
        <v>10</v>
      </c>
      <c r="AF18450">
        <v>10</v>
      </c>
      <c r="AG18450">
        <v>10</v>
      </c>
      <c r="AH18450">
        <v>10</v>
      </c>
      <c r="AI18450">
        <v>10</v>
      </c>
      <c r="AJ18450">
        <v>10</v>
      </c>
      <c r="AK18450">
        <v>11</v>
      </c>
      <c r="AL18450">
        <v>11</v>
      </c>
      <c r="AM18450">
        <v>11</v>
      </c>
      <c r="AN18450">
        <v>11</v>
      </c>
      <c r="AO18450">
        <v>11</v>
      </c>
      <c r="AP18450">
        <v>11</v>
      </c>
      <c r="AQ18450">
        <v>11</v>
      </c>
    </row>
    <row r="18451" spans="1:43">
      <c r="A18451" t="s">
        <v>11430</v>
      </c>
      <c r="B18451" t="s">
        <v>11431</v>
      </c>
      <c r="C18451" t="s">
        <v>11418</v>
      </c>
      <c r="D18451" t="s">
        <v>11419</v>
      </c>
      <c r="E18451" t="s">
        <v>11206</v>
      </c>
      <c r="F18451" t="s">
        <v>11207</v>
      </c>
      <c r="G18451" t="s">
        <v>10734</v>
      </c>
      <c r="H18451" t="s">
        <v>10735</v>
      </c>
      <c r="I18451" s="2">
        <v>0</v>
      </c>
      <c r="J18451" s="2">
        <v>0</v>
      </c>
      <c r="K18451" s="2">
        <v>1</v>
      </c>
      <c r="L18451" t="s">
        <v>995</v>
      </c>
      <c r="M18451" t="s">
        <v>87</v>
      </c>
      <c r="N18451" t="s">
        <v>88</v>
      </c>
      <c r="O18451" t="s">
        <v>85</v>
      </c>
      <c r="P18451" t="s">
        <v>86</v>
      </c>
      <c r="Q18451">
        <v>8</v>
      </c>
      <c r="R18451">
        <v>8</v>
      </c>
      <c r="S18451">
        <v>8</v>
      </c>
      <c r="T18451">
        <v>8</v>
      </c>
      <c r="U18451">
        <v>8</v>
      </c>
      <c r="V18451">
        <v>8</v>
      </c>
      <c r="W18451">
        <v>8</v>
      </c>
      <c r="X18451">
        <v>8</v>
      </c>
      <c r="Y18451">
        <v>8</v>
      </c>
      <c r="Z18451">
        <v>9</v>
      </c>
      <c r="AA18451">
        <v>9</v>
      </c>
      <c r="AB18451">
        <v>9</v>
      </c>
      <c r="AC18451">
        <v>9</v>
      </c>
      <c r="AD18451">
        <v>9</v>
      </c>
      <c r="AE18451">
        <v>9</v>
      </c>
      <c r="AF18451">
        <v>9</v>
      </c>
      <c r="AG18451">
        <v>9</v>
      </c>
      <c r="AH18451">
        <v>9</v>
      </c>
      <c r="AI18451">
        <v>9</v>
      </c>
      <c r="AJ18451">
        <v>9</v>
      </c>
      <c r="AK18451">
        <v>9</v>
      </c>
      <c r="AL18451">
        <v>9</v>
      </c>
      <c r="AM18451">
        <v>9</v>
      </c>
      <c r="AN18451">
        <v>9</v>
      </c>
      <c r="AO18451">
        <v>9</v>
      </c>
      <c r="AP18451">
        <v>9</v>
      </c>
      <c r="AQ18451">
        <v>9</v>
      </c>
    </row>
    <row r="18452" spans="1:43">
      <c r="A18452" t="s">
        <v>11430</v>
      </c>
      <c r="B18452" t="s">
        <v>11431</v>
      </c>
      <c r="C18452" t="s">
        <v>11418</v>
      </c>
      <c r="D18452" t="s">
        <v>11419</v>
      </c>
      <c r="E18452" t="s">
        <v>11206</v>
      </c>
      <c r="F18452" t="s">
        <v>11207</v>
      </c>
      <c r="G18452" t="s">
        <v>10734</v>
      </c>
      <c r="H18452" t="s">
        <v>10735</v>
      </c>
      <c r="I18452" s="2">
        <v>0</v>
      </c>
      <c r="J18452" s="2">
        <v>0</v>
      </c>
      <c r="K18452" s="2">
        <v>1</v>
      </c>
      <c r="L18452" t="s">
        <v>995</v>
      </c>
      <c r="M18452" t="s">
        <v>89</v>
      </c>
      <c r="N18452" t="s">
        <v>90</v>
      </c>
      <c r="O18452" t="s">
        <v>85</v>
      </c>
      <c r="P18452" t="s">
        <v>86</v>
      </c>
      <c r="Q18452">
        <v>8</v>
      </c>
      <c r="R18452">
        <v>8</v>
      </c>
      <c r="S18452">
        <v>9</v>
      </c>
      <c r="T18452">
        <v>9</v>
      </c>
      <c r="U18452">
        <v>9</v>
      </c>
      <c r="V18452">
        <v>9</v>
      </c>
      <c r="W18452">
        <v>9</v>
      </c>
      <c r="X18452">
        <v>10</v>
      </c>
      <c r="Y18452">
        <v>10</v>
      </c>
      <c r="Z18452">
        <v>10</v>
      </c>
      <c r="AA18452">
        <v>10</v>
      </c>
      <c r="AB18452">
        <v>10</v>
      </c>
      <c r="AC18452">
        <v>10</v>
      </c>
      <c r="AD18452">
        <v>10</v>
      </c>
      <c r="AE18452">
        <v>11</v>
      </c>
      <c r="AF18452">
        <v>11</v>
      </c>
      <c r="AG18452">
        <v>11</v>
      </c>
      <c r="AH18452">
        <v>11</v>
      </c>
      <c r="AI18452">
        <v>11</v>
      </c>
      <c r="AJ18452">
        <v>11</v>
      </c>
      <c r="AK18452">
        <v>11</v>
      </c>
      <c r="AL18452">
        <v>11</v>
      </c>
      <c r="AM18452">
        <v>11</v>
      </c>
      <c r="AN18452">
        <v>11</v>
      </c>
      <c r="AO18452">
        <v>11</v>
      </c>
      <c r="AP18452">
        <v>11</v>
      </c>
      <c r="AQ18452">
        <v>11</v>
      </c>
    </row>
    <row r="18453" spans="1:43">
      <c r="A18453" t="s">
        <v>11430</v>
      </c>
      <c r="B18453" t="s">
        <v>11431</v>
      </c>
      <c r="C18453" t="s">
        <v>11418</v>
      </c>
      <c r="D18453" t="s">
        <v>11419</v>
      </c>
      <c r="E18453" t="s">
        <v>11206</v>
      </c>
      <c r="F18453" t="s">
        <v>11207</v>
      </c>
      <c r="G18453" t="s">
        <v>10734</v>
      </c>
      <c r="H18453" t="s">
        <v>10735</v>
      </c>
      <c r="I18453" s="2">
        <v>0</v>
      </c>
      <c r="J18453" s="2">
        <v>0</v>
      </c>
      <c r="K18453" s="2">
        <v>1</v>
      </c>
      <c r="L18453" t="s">
        <v>995</v>
      </c>
      <c r="M18453" t="s">
        <v>83</v>
      </c>
      <c r="N18453" t="s">
        <v>91</v>
      </c>
      <c r="O18453" t="s">
        <v>85</v>
      </c>
      <c r="P18453" t="s">
        <v>86</v>
      </c>
      <c r="Q18453">
        <v>8</v>
      </c>
      <c r="R18453">
        <v>8</v>
      </c>
      <c r="S18453">
        <v>8</v>
      </c>
      <c r="T18453">
        <v>9</v>
      </c>
      <c r="U18453">
        <v>9</v>
      </c>
      <c r="V18453">
        <v>9</v>
      </c>
      <c r="W18453">
        <v>9</v>
      </c>
      <c r="X18453">
        <v>9</v>
      </c>
      <c r="Y18453">
        <v>9</v>
      </c>
      <c r="Z18453">
        <v>9</v>
      </c>
      <c r="AA18453">
        <v>9</v>
      </c>
      <c r="AB18453">
        <v>10</v>
      </c>
      <c r="AC18453">
        <v>10</v>
      </c>
      <c r="AD18453">
        <v>10</v>
      </c>
      <c r="AE18453">
        <v>10</v>
      </c>
      <c r="AF18453">
        <v>10</v>
      </c>
      <c r="AG18453">
        <v>10</v>
      </c>
      <c r="AH18453">
        <v>10</v>
      </c>
      <c r="AI18453">
        <v>10</v>
      </c>
      <c r="AJ18453">
        <v>10</v>
      </c>
      <c r="AK18453">
        <v>11</v>
      </c>
      <c r="AL18453">
        <v>11</v>
      </c>
      <c r="AM18453">
        <v>11</v>
      </c>
      <c r="AN18453">
        <v>11</v>
      </c>
      <c r="AO18453">
        <v>11</v>
      </c>
      <c r="AP18453">
        <v>11</v>
      </c>
      <c r="AQ18453">
        <v>11</v>
      </c>
    </row>
    <row r="18454" spans="1:43">
      <c r="A18454" t="s">
        <v>11432</v>
      </c>
      <c r="B18454" t="s">
        <v>11433</v>
      </c>
      <c r="C18454" t="s">
        <v>11204</v>
      </c>
      <c r="D18454" t="s">
        <v>11205</v>
      </c>
      <c r="E18454" t="s">
        <v>11206</v>
      </c>
      <c r="F18454" t="s">
        <v>11207</v>
      </c>
      <c r="G18454" t="s">
        <v>10734</v>
      </c>
      <c r="H18454" t="s">
        <v>10735</v>
      </c>
      <c r="I18454" s="2">
        <v>0</v>
      </c>
      <c r="J18454" s="2">
        <v>0</v>
      </c>
      <c r="K18454" s="2">
        <v>1</v>
      </c>
      <c r="L18454" t="s">
        <v>995</v>
      </c>
      <c r="M18454" t="s">
        <v>83</v>
      </c>
      <c r="N18454" t="s">
        <v>84</v>
      </c>
      <c r="O18454" t="s">
        <v>85</v>
      </c>
      <c r="P18454" t="s">
        <v>86</v>
      </c>
      <c r="Q18454">
        <v>70</v>
      </c>
      <c r="R18454">
        <v>71</v>
      </c>
      <c r="S18454">
        <v>73</v>
      </c>
      <c r="T18454">
        <v>75</v>
      </c>
      <c r="U18454">
        <v>77</v>
      </c>
      <c r="V18454">
        <v>79</v>
      </c>
      <c r="W18454">
        <v>81</v>
      </c>
      <c r="X18454">
        <v>83</v>
      </c>
      <c r="Y18454">
        <v>85</v>
      </c>
      <c r="Z18454">
        <v>87</v>
      </c>
      <c r="AA18454">
        <v>89</v>
      </c>
      <c r="AB18454">
        <v>92</v>
      </c>
      <c r="AC18454">
        <v>94</v>
      </c>
      <c r="AD18454">
        <v>96</v>
      </c>
      <c r="AE18454">
        <v>98</v>
      </c>
      <c r="AF18454">
        <v>101</v>
      </c>
      <c r="AG18454">
        <v>103</v>
      </c>
      <c r="AH18454">
        <v>106</v>
      </c>
      <c r="AI18454">
        <v>108</v>
      </c>
      <c r="AJ18454">
        <v>111</v>
      </c>
      <c r="AK18454">
        <v>113</v>
      </c>
      <c r="AL18454">
        <v>115</v>
      </c>
      <c r="AM18454">
        <v>117</v>
      </c>
      <c r="AN18454">
        <v>119</v>
      </c>
      <c r="AO18454">
        <v>120</v>
      </c>
      <c r="AP18454">
        <v>122</v>
      </c>
      <c r="AQ18454">
        <v>124</v>
      </c>
    </row>
    <row r="18455" spans="1:43">
      <c r="A18455" t="s">
        <v>11432</v>
      </c>
      <c r="B18455" t="s">
        <v>11433</v>
      </c>
      <c r="C18455" t="s">
        <v>11204</v>
      </c>
      <c r="D18455" t="s">
        <v>11205</v>
      </c>
      <c r="E18455" t="s">
        <v>11206</v>
      </c>
      <c r="F18455" t="s">
        <v>11207</v>
      </c>
      <c r="G18455" t="s">
        <v>10734</v>
      </c>
      <c r="H18455" t="s">
        <v>10735</v>
      </c>
      <c r="I18455" s="2">
        <v>0</v>
      </c>
      <c r="J18455" s="2">
        <v>0</v>
      </c>
      <c r="K18455" s="2">
        <v>1</v>
      </c>
      <c r="L18455" t="s">
        <v>995</v>
      </c>
      <c r="M18455" t="s">
        <v>87</v>
      </c>
      <c r="N18455" t="s">
        <v>88</v>
      </c>
      <c r="O18455" t="s">
        <v>85</v>
      </c>
      <c r="P18455" t="s">
        <v>86</v>
      </c>
      <c r="Q18455">
        <v>70</v>
      </c>
      <c r="R18455">
        <v>71</v>
      </c>
      <c r="S18455">
        <v>72</v>
      </c>
      <c r="T18455">
        <v>74</v>
      </c>
      <c r="U18455">
        <v>75</v>
      </c>
      <c r="V18455">
        <v>76</v>
      </c>
      <c r="W18455">
        <v>77</v>
      </c>
      <c r="X18455">
        <v>78</v>
      </c>
      <c r="Y18455">
        <v>80</v>
      </c>
      <c r="Z18455">
        <v>81</v>
      </c>
      <c r="AA18455">
        <v>82</v>
      </c>
      <c r="AB18455">
        <v>84</v>
      </c>
      <c r="AC18455">
        <v>85</v>
      </c>
      <c r="AD18455">
        <v>87</v>
      </c>
      <c r="AE18455">
        <v>88</v>
      </c>
      <c r="AF18455">
        <v>89</v>
      </c>
      <c r="AG18455">
        <v>91</v>
      </c>
      <c r="AH18455">
        <v>93</v>
      </c>
      <c r="AI18455">
        <v>94</v>
      </c>
      <c r="AJ18455">
        <v>96</v>
      </c>
      <c r="AK18455">
        <v>97</v>
      </c>
      <c r="AL18455">
        <v>99</v>
      </c>
      <c r="AM18455">
        <v>101</v>
      </c>
      <c r="AN18455">
        <v>102</v>
      </c>
      <c r="AO18455">
        <v>104</v>
      </c>
      <c r="AP18455">
        <v>106</v>
      </c>
      <c r="AQ18455">
        <v>108</v>
      </c>
    </row>
    <row r="18456" spans="1:43">
      <c r="A18456" t="s">
        <v>11432</v>
      </c>
      <c r="B18456" t="s">
        <v>11433</v>
      </c>
      <c r="C18456" t="s">
        <v>11204</v>
      </c>
      <c r="D18456" t="s">
        <v>11205</v>
      </c>
      <c r="E18456" t="s">
        <v>11206</v>
      </c>
      <c r="F18456" t="s">
        <v>11207</v>
      </c>
      <c r="G18456" t="s">
        <v>10734</v>
      </c>
      <c r="H18456" t="s">
        <v>10735</v>
      </c>
      <c r="I18456" s="2">
        <v>0</v>
      </c>
      <c r="J18456" s="2">
        <v>0</v>
      </c>
      <c r="K18456" s="2">
        <v>1</v>
      </c>
      <c r="L18456" t="s">
        <v>995</v>
      </c>
      <c r="M18456" t="s">
        <v>89</v>
      </c>
      <c r="N18456" t="s">
        <v>90</v>
      </c>
      <c r="O18456" t="s">
        <v>85</v>
      </c>
      <c r="P18456" t="s">
        <v>86</v>
      </c>
      <c r="Q18456">
        <v>70</v>
      </c>
      <c r="R18456">
        <v>73</v>
      </c>
      <c r="S18456">
        <v>75</v>
      </c>
      <c r="T18456">
        <v>78</v>
      </c>
      <c r="U18456">
        <v>80</v>
      </c>
      <c r="V18456">
        <v>83</v>
      </c>
      <c r="W18456">
        <v>85</v>
      </c>
      <c r="X18456">
        <v>88</v>
      </c>
      <c r="Y18456">
        <v>90</v>
      </c>
      <c r="Z18456">
        <v>93</v>
      </c>
      <c r="AA18456">
        <v>95</v>
      </c>
      <c r="AB18456">
        <v>98</v>
      </c>
      <c r="AC18456">
        <v>101</v>
      </c>
      <c r="AD18456">
        <v>103</v>
      </c>
      <c r="AE18456">
        <v>106</v>
      </c>
      <c r="AF18456">
        <v>107</v>
      </c>
      <c r="AG18456">
        <v>109</v>
      </c>
      <c r="AH18456">
        <v>110</v>
      </c>
      <c r="AI18456">
        <v>112</v>
      </c>
      <c r="AJ18456">
        <v>114</v>
      </c>
      <c r="AK18456">
        <v>115</v>
      </c>
      <c r="AL18456">
        <v>117</v>
      </c>
      <c r="AM18456">
        <v>119</v>
      </c>
      <c r="AN18456">
        <v>120</v>
      </c>
      <c r="AO18456">
        <v>122</v>
      </c>
      <c r="AP18456">
        <v>124</v>
      </c>
      <c r="AQ18456">
        <v>126</v>
      </c>
    </row>
    <row r="18457" spans="1:43">
      <c r="A18457" t="s">
        <v>11432</v>
      </c>
      <c r="B18457" t="s">
        <v>11433</v>
      </c>
      <c r="C18457" t="s">
        <v>11204</v>
      </c>
      <c r="D18457" t="s">
        <v>11205</v>
      </c>
      <c r="E18457" t="s">
        <v>11206</v>
      </c>
      <c r="F18457" t="s">
        <v>11207</v>
      </c>
      <c r="G18457" t="s">
        <v>10734</v>
      </c>
      <c r="H18457" t="s">
        <v>10735</v>
      </c>
      <c r="I18457" s="2">
        <v>0</v>
      </c>
      <c r="J18457" s="2">
        <v>0</v>
      </c>
      <c r="K18457" s="2">
        <v>1</v>
      </c>
      <c r="L18457" t="s">
        <v>995</v>
      </c>
      <c r="M18457" t="s">
        <v>83</v>
      </c>
      <c r="N18457" t="s">
        <v>91</v>
      </c>
      <c r="O18457" t="s">
        <v>85</v>
      </c>
      <c r="P18457" t="s">
        <v>86</v>
      </c>
      <c r="Q18457">
        <v>70</v>
      </c>
      <c r="R18457">
        <v>71</v>
      </c>
      <c r="S18457">
        <v>73</v>
      </c>
      <c r="T18457">
        <v>75</v>
      </c>
      <c r="U18457">
        <v>77</v>
      </c>
      <c r="V18457">
        <v>79</v>
      </c>
      <c r="W18457">
        <v>81</v>
      </c>
      <c r="X18457">
        <v>83</v>
      </c>
      <c r="Y18457">
        <v>85</v>
      </c>
      <c r="Z18457">
        <v>87</v>
      </c>
      <c r="AA18457">
        <v>89</v>
      </c>
      <c r="AB18457">
        <v>92</v>
      </c>
      <c r="AC18457">
        <v>94</v>
      </c>
      <c r="AD18457">
        <v>96</v>
      </c>
      <c r="AE18457">
        <v>98</v>
      </c>
      <c r="AF18457">
        <v>101</v>
      </c>
      <c r="AG18457">
        <v>103</v>
      </c>
      <c r="AH18457">
        <v>106</v>
      </c>
      <c r="AI18457">
        <v>108</v>
      </c>
      <c r="AJ18457">
        <v>111</v>
      </c>
      <c r="AK18457">
        <v>113</v>
      </c>
      <c r="AL18457">
        <v>115</v>
      </c>
      <c r="AM18457">
        <v>117</v>
      </c>
      <c r="AN18457">
        <v>119</v>
      </c>
      <c r="AO18457">
        <v>120</v>
      </c>
      <c r="AP18457">
        <v>122</v>
      </c>
      <c r="AQ18457">
        <v>124</v>
      </c>
    </row>
    <row r="18458" spans="1:43">
      <c r="A18458" t="s">
        <v>11434</v>
      </c>
      <c r="B18458" t="s">
        <v>11435</v>
      </c>
      <c r="C18458" t="s">
        <v>11436</v>
      </c>
      <c r="D18458" t="s">
        <v>11437</v>
      </c>
      <c r="E18458" t="s">
        <v>11206</v>
      </c>
      <c r="F18458" t="s">
        <v>11207</v>
      </c>
      <c r="G18458" t="s">
        <v>10734</v>
      </c>
      <c r="H18458" t="s">
        <v>10735</v>
      </c>
      <c r="I18458" s="2">
        <v>0</v>
      </c>
      <c r="J18458" s="2">
        <v>0</v>
      </c>
      <c r="K18458" s="2">
        <v>1</v>
      </c>
      <c r="L18458" t="s">
        <v>995</v>
      </c>
      <c r="M18458" t="s">
        <v>83</v>
      </c>
      <c r="N18458" t="s">
        <v>84</v>
      </c>
      <c r="O18458" t="s">
        <v>85</v>
      </c>
      <c r="P18458" t="s">
        <v>86</v>
      </c>
      <c r="Q18458">
        <v>6</v>
      </c>
      <c r="R18458">
        <v>6</v>
      </c>
      <c r="S18458">
        <v>6</v>
      </c>
      <c r="T18458">
        <v>6</v>
      </c>
      <c r="U18458">
        <v>7</v>
      </c>
      <c r="V18458">
        <v>7</v>
      </c>
      <c r="W18458">
        <v>7</v>
      </c>
      <c r="X18458">
        <v>7</v>
      </c>
      <c r="Y18458">
        <v>7</v>
      </c>
      <c r="Z18458">
        <v>7</v>
      </c>
      <c r="AA18458">
        <v>8</v>
      </c>
      <c r="AB18458">
        <v>8</v>
      </c>
      <c r="AC18458">
        <v>8</v>
      </c>
      <c r="AD18458">
        <v>8</v>
      </c>
      <c r="AE18458">
        <v>8</v>
      </c>
      <c r="AF18458">
        <v>9</v>
      </c>
      <c r="AG18458">
        <v>9</v>
      </c>
      <c r="AH18458">
        <v>9</v>
      </c>
      <c r="AI18458">
        <v>9</v>
      </c>
      <c r="AJ18458">
        <v>9</v>
      </c>
      <c r="AK18458">
        <v>10</v>
      </c>
      <c r="AL18458">
        <v>10</v>
      </c>
      <c r="AM18458">
        <v>10</v>
      </c>
      <c r="AN18458">
        <v>10</v>
      </c>
      <c r="AO18458">
        <v>10</v>
      </c>
      <c r="AP18458">
        <v>10</v>
      </c>
      <c r="AQ18458">
        <v>10</v>
      </c>
    </row>
    <row r="18459" spans="1:43">
      <c r="A18459" t="s">
        <v>11434</v>
      </c>
      <c r="B18459" t="s">
        <v>11435</v>
      </c>
      <c r="C18459" t="s">
        <v>11436</v>
      </c>
      <c r="D18459" t="s">
        <v>11437</v>
      </c>
      <c r="E18459" t="s">
        <v>11206</v>
      </c>
      <c r="F18459" t="s">
        <v>11207</v>
      </c>
      <c r="G18459" t="s">
        <v>10734</v>
      </c>
      <c r="H18459" t="s">
        <v>10735</v>
      </c>
      <c r="I18459" s="2">
        <v>0</v>
      </c>
      <c r="J18459" s="2">
        <v>0</v>
      </c>
      <c r="K18459" s="2">
        <v>1</v>
      </c>
      <c r="L18459" t="s">
        <v>995</v>
      </c>
      <c r="M18459" t="s">
        <v>87</v>
      </c>
      <c r="N18459" t="s">
        <v>88</v>
      </c>
      <c r="O18459" t="s">
        <v>85</v>
      </c>
      <c r="P18459" t="s">
        <v>86</v>
      </c>
      <c r="Q18459">
        <v>6</v>
      </c>
      <c r="R18459">
        <v>6</v>
      </c>
      <c r="S18459">
        <v>6</v>
      </c>
      <c r="T18459">
        <v>6</v>
      </c>
      <c r="U18459">
        <v>6</v>
      </c>
      <c r="V18459">
        <v>6</v>
      </c>
      <c r="W18459">
        <v>6</v>
      </c>
      <c r="X18459">
        <v>7</v>
      </c>
      <c r="Y18459">
        <v>7</v>
      </c>
      <c r="Z18459">
        <v>7</v>
      </c>
      <c r="AA18459">
        <v>7</v>
      </c>
      <c r="AB18459">
        <v>7</v>
      </c>
      <c r="AC18459">
        <v>7</v>
      </c>
      <c r="AD18459">
        <v>7</v>
      </c>
      <c r="AE18459">
        <v>7</v>
      </c>
      <c r="AF18459">
        <v>8</v>
      </c>
      <c r="AG18459">
        <v>8</v>
      </c>
      <c r="AH18459">
        <v>8</v>
      </c>
      <c r="AI18459">
        <v>8</v>
      </c>
      <c r="AJ18459">
        <v>8</v>
      </c>
      <c r="AK18459">
        <v>8</v>
      </c>
      <c r="AL18459">
        <v>8</v>
      </c>
      <c r="AM18459">
        <v>8</v>
      </c>
      <c r="AN18459">
        <v>9</v>
      </c>
      <c r="AO18459">
        <v>9</v>
      </c>
      <c r="AP18459">
        <v>9</v>
      </c>
      <c r="AQ18459">
        <v>9</v>
      </c>
    </row>
    <row r="18460" spans="1:43">
      <c r="A18460" t="s">
        <v>11434</v>
      </c>
      <c r="B18460" t="s">
        <v>11435</v>
      </c>
      <c r="C18460" t="s">
        <v>11436</v>
      </c>
      <c r="D18460" t="s">
        <v>11437</v>
      </c>
      <c r="E18460" t="s">
        <v>11206</v>
      </c>
      <c r="F18460" t="s">
        <v>11207</v>
      </c>
      <c r="G18460" t="s">
        <v>10734</v>
      </c>
      <c r="H18460" t="s">
        <v>10735</v>
      </c>
      <c r="I18460" s="2">
        <v>0</v>
      </c>
      <c r="J18460" s="2">
        <v>0</v>
      </c>
      <c r="K18460" s="2">
        <v>1</v>
      </c>
      <c r="L18460" t="s">
        <v>995</v>
      </c>
      <c r="M18460" t="s">
        <v>89</v>
      </c>
      <c r="N18460" t="s">
        <v>90</v>
      </c>
      <c r="O18460" t="s">
        <v>85</v>
      </c>
      <c r="P18460" t="s">
        <v>86</v>
      </c>
      <c r="Q18460">
        <v>6</v>
      </c>
      <c r="R18460">
        <v>6</v>
      </c>
      <c r="S18460">
        <v>6</v>
      </c>
      <c r="T18460">
        <v>7</v>
      </c>
      <c r="U18460">
        <v>7</v>
      </c>
      <c r="V18460">
        <v>7</v>
      </c>
      <c r="W18460">
        <v>7</v>
      </c>
      <c r="X18460">
        <v>7</v>
      </c>
      <c r="Y18460">
        <v>8</v>
      </c>
      <c r="Z18460">
        <v>8</v>
      </c>
      <c r="AA18460">
        <v>8</v>
      </c>
      <c r="AB18460">
        <v>8</v>
      </c>
      <c r="AC18460">
        <v>8</v>
      </c>
      <c r="AD18460">
        <v>9</v>
      </c>
      <c r="AE18460">
        <v>9</v>
      </c>
      <c r="AF18460">
        <v>9</v>
      </c>
      <c r="AG18460">
        <v>9</v>
      </c>
      <c r="AH18460">
        <v>9</v>
      </c>
      <c r="AI18460">
        <v>9</v>
      </c>
      <c r="AJ18460">
        <v>10</v>
      </c>
      <c r="AK18460">
        <v>10</v>
      </c>
      <c r="AL18460">
        <v>10</v>
      </c>
      <c r="AM18460">
        <v>10</v>
      </c>
      <c r="AN18460">
        <v>10</v>
      </c>
      <c r="AO18460">
        <v>10</v>
      </c>
      <c r="AP18460">
        <v>10</v>
      </c>
      <c r="AQ18460">
        <v>10</v>
      </c>
    </row>
    <row r="18461" spans="1:43">
      <c r="A18461" t="s">
        <v>11434</v>
      </c>
      <c r="B18461" t="s">
        <v>11435</v>
      </c>
      <c r="C18461" t="s">
        <v>11436</v>
      </c>
      <c r="D18461" t="s">
        <v>11437</v>
      </c>
      <c r="E18461" t="s">
        <v>11206</v>
      </c>
      <c r="F18461" t="s">
        <v>11207</v>
      </c>
      <c r="G18461" t="s">
        <v>10734</v>
      </c>
      <c r="H18461" t="s">
        <v>10735</v>
      </c>
      <c r="I18461" s="2">
        <v>0</v>
      </c>
      <c r="J18461" s="2">
        <v>0</v>
      </c>
      <c r="K18461" s="2">
        <v>1</v>
      </c>
      <c r="L18461" t="s">
        <v>995</v>
      </c>
      <c r="M18461" t="s">
        <v>83</v>
      </c>
      <c r="N18461" t="s">
        <v>91</v>
      </c>
      <c r="O18461" t="s">
        <v>85</v>
      </c>
      <c r="P18461" t="s">
        <v>86</v>
      </c>
      <c r="Q18461">
        <v>6</v>
      </c>
      <c r="R18461">
        <v>6</v>
      </c>
      <c r="S18461">
        <v>6</v>
      </c>
      <c r="T18461">
        <v>6</v>
      </c>
      <c r="U18461">
        <v>7</v>
      </c>
      <c r="V18461">
        <v>7</v>
      </c>
      <c r="W18461">
        <v>7</v>
      </c>
      <c r="X18461">
        <v>7</v>
      </c>
      <c r="Y18461">
        <v>7</v>
      </c>
      <c r="Z18461">
        <v>7</v>
      </c>
      <c r="AA18461">
        <v>8</v>
      </c>
      <c r="AB18461">
        <v>8</v>
      </c>
      <c r="AC18461">
        <v>8</v>
      </c>
      <c r="AD18461">
        <v>8</v>
      </c>
      <c r="AE18461">
        <v>8</v>
      </c>
      <c r="AF18461">
        <v>9</v>
      </c>
      <c r="AG18461">
        <v>9</v>
      </c>
      <c r="AH18461">
        <v>9</v>
      </c>
      <c r="AI18461">
        <v>9</v>
      </c>
      <c r="AJ18461">
        <v>9</v>
      </c>
      <c r="AK18461">
        <v>10</v>
      </c>
      <c r="AL18461">
        <v>10</v>
      </c>
      <c r="AM18461">
        <v>10</v>
      </c>
      <c r="AN18461">
        <v>10</v>
      </c>
      <c r="AO18461">
        <v>10</v>
      </c>
      <c r="AP18461">
        <v>10</v>
      </c>
      <c r="AQ18461">
        <v>10</v>
      </c>
    </row>
    <row r="18462" spans="1:43">
      <c r="A18462" t="s">
        <v>11438</v>
      </c>
      <c r="B18462" t="s">
        <v>11439</v>
      </c>
      <c r="C18462" t="s">
        <v>11436</v>
      </c>
      <c r="D18462" t="s">
        <v>11437</v>
      </c>
      <c r="E18462" t="s">
        <v>11206</v>
      </c>
      <c r="F18462" t="s">
        <v>11207</v>
      </c>
      <c r="G18462" t="s">
        <v>10734</v>
      </c>
      <c r="H18462" t="s">
        <v>10735</v>
      </c>
      <c r="I18462" s="2">
        <v>0</v>
      </c>
      <c r="J18462" s="2">
        <v>0</v>
      </c>
      <c r="K18462" s="2">
        <v>1</v>
      </c>
      <c r="L18462" t="s">
        <v>995</v>
      </c>
      <c r="M18462" t="s">
        <v>83</v>
      </c>
      <c r="N18462" t="s">
        <v>84</v>
      </c>
      <c r="O18462" t="s">
        <v>85</v>
      </c>
      <c r="P18462" t="s">
        <v>86</v>
      </c>
      <c r="Q18462">
        <v>5</v>
      </c>
      <c r="R18462">
        <v>5</v>
      </c>
      <c r="S18462">
        <v>5</v>
      </c>
      <c r="T18462">
        <v>5</v>
      </c>
      <c r="U18462">
        <v>6</v>
      </c>
      <c r="V18462">
        <v>6</v>
      </c>
      <c r="W18462">
        <v>6</v>
      </c>
      <c r="X18462">
        <v>6</v>
      </c>
      <c r="Y18462">
        <v>6</v>
      </c>
      <c r="Z18462">
        <v>6</v>
      </c>
      <c r="AA18462">
        <v>6</v>
      </c>
      <c r="AB18462">
        <v>7</v>
      </c>
      <c r="AC18462">
        <v>7</v>
      </c>
      <c r="AD18462">
        <v>7</v>
      </c>
      <c r="AE18462">
        <v>7</v>
      </c>
      <c r="AF18462">
        <v>7</v>
      </c>
      <c r="AG18462">
        <v>7</v>
      </c>
      <c r="AH18462">
        <v>8</v>
      </c>
      <c r="AI18462">
        <v>8</v>
      </c>
      <c r="AJ18462">
        <v>8</v>
      </c>
      <c r="AK18462">
        <v>8</v>
      </c>
      <c r="AL18462">
        <v>8</v>
      </c>
      <c r="AM18462">
        <v>8</v>
      </c>
      <c r="AN18462">
        <v>8</v>
      </c>
      <c r="AO18462">
        <v>9</v>
      </c>
      <c r="AP18462">
        <v>9</v>
      </c>
      <c r="AQ18462">
        <v>9</v>
      </c>
    </row>
    <row r="18463" spans="1:43">
      <c r="A18463" t="s">
        <v>11438</v>
      </c>
      <c r="B18463" t="s">
        <v>11439</v>
      </c>
      <c r="C18463" t="s">
        <v>11436</v>
      </c>
      <c r="D18463" t="s">
        <v>11437</v>
      </c>
      <c r="E18463" t="s">
        <v>11206</v>
      </c>
      <c r="F18463" t="s">
        <v>11207</v>
      </c>
      <c r="G18463" t="s">
        <v>10734</v>
      </c>
      <c r="H18463" t="s">
        <v>10735</v>
      </c>
      <c r="I18463" s="2">
        <v>0</v>
      </c>
      <c r="J18463" s="2">
        <v>0</v>
      </c>
      <c r="K18463" s="2">
        <v>1</v>
      </c>
      <c r="L18463" t="s">
        <v>995</v>
      </c>
      <c r="M18463" t="s">
        <v>87</v>
      </c>
      <c r="N18463" t="s">
        <v>88</v>
      </c>
      <c r="O18463" t="s">
        <v>85</v>
      </c>
      <c r="P18463" t="s">
        <v>86</v>
      </c>
      <c r="Q18463">
        <v>5</v>
      </c>
      <c r="R18463">
        <v>5</v>
      </c>
      <c r="S18463">
        <v>5</v>
      </c>
      <c r="T18463">
        <v>5</v>
      </c>
      <c r="U18463">
        <v>5</v>
      </c>
      <c r="V18463">
        <v>5</v>
      </c>
      <c r="W18463">
        <v>5</v>
      </c>
      <c r="X18463">
        <v>6</v>
      </c>
      <c r="Y18463">
        <v>6</v>
      </c>
      <c r="Z18463">
        <v>6</v>
      </c>
      <c r="AA18463">
        <v>6</v>
      </c>
      <c r="AB18463">
        <v>6</v>
      </c>
      <c r="AC18463">
        <v>6</v>
      </c>
      <c r="AD18463">
        <v>6</v>
      </c>
      <c r="AE18463">
        <v>6</v>
      </c>
      <c r="AF18463">
        <v>6</v>
      </c>
      <c r="AG18463">
        <v>6</v>
      </c>
      <c r="AH18463">
        <v>7</v>
      </c>
      <c r="AI18463">
        <v>7</v>
      </c>
      <c r="AJ18463">
        <v>7</v>
      </c>
      <c r="AK18463">
        <v>7</v>
      </c>
      <c r="AL18463">
        <v>7</v>
      </c>
      <c r="AM18463">
        <v>7</v>
      </c>
      <c r="AN18463">
        <v>7</v>
      </c>
      <c r="AO18463">
        <v>7</v>
      </c>
      <c r="AP18463">
        <v>8</v>
      </c>
      <c r="AQ18463">
        <v>8</v>
      </c>
    </row>
    <row r="18464" spans="1:43">
      <c r="A18464" t="s">
        <v>11438</v>
      </c>
      <c r="B18464" t="s">
        <v>11439</v>
      </c>
      <c r="C18464" t="s">
        <v>11436</v>
      </c>
      <c r="D18464" t="s">
        <v>11437</v>
      </c>
      <c r="E18464" t="s">
        <v>11206</v>
      </c>
      <c r="F18464" t="s">
        <v>11207</v>
      </c>
      <c r="G18464" t="s">
        <v>10734</v>
      </c>
      <c r="H18464" t="s">
        <v>10735</v>
      </c>
      <c r="I18464" s="2">
        <v>0</v>
      </c>
      <c r="J18464" s="2">
        <v>0</v>
      </c>
      <c r="K18464" s="2">
        <v>1</v>
      </c>
      <c r="L18464" t="s">
        <v>995</v>
      </c>
      <c r="M18464" t="s">
        <v>89</v>
      </c>
      <c r="N18464" t="s">
        <v>90</v>
      </c>
      <c r="O18464" t="s">
        <v>85</v>
      </c>
      <c r="P18464" t="s">
        <v>86</v>
      </c>
      <c r="Q18464">
        <v>5</v>
      </c>
      <c r="R18464">
        <v>5</v>
      </c>
      <c r="S18464">
        <v>5</v>
      </c>
      <c r="T18464">
        <v>6</v>
      </c>
      <c r="U18464">
        <v>6</v>
      </c>
      <c r="V18464">
        <v>6</v>
      </c>
      <c r="W18464">
        <v>6</v>
      </c>
      <c r="X18464">
        <v>6</v>
      </c>
      <c r="Y18464">
        <v>6</v>
      </c>
      <c r="Z18464">
        <v>7</v>
      </c>
      <c r="AA18464">
        <v>7</v>
      </c>
      <c r="AB18464">
        <v>7</v>
      </c>
      <c r="AC18464">
        <v>7</v>
      </c>
      <c r="AD18464">
        <v>7</v>
      </c>
      <c r="AE18464">
        <v>8</v>
      </c>
      <c r="AF18464">
        <v>8</v>
      </c>
      <c r="AG18464">
        <v>8</v>
      </c>
      <c r="AH18464">
        <v>8</v>
      </c>
      <c r="AI18464">
        <v>8</v>
      </c>
      <c r="AJ18464">
        <v>8</v>
      </c>
      <c r="AK18464">
        <v>8</v>
      </c>
      <c r="AL18464">
        <v>8</v>
      </c>
      <c r="AM18464">
        <v>8</v>
      </c>
      <c r="AN18464">
        <v>8</v>
      </c>
      <c r="AO18464">
        <v>9</v>
      </c>
      <c r="AP18464">
        <v>9</v>
      </c>
      <c r="AQ18464">
        <v>9</v>
      </c>
    </row>
    <row r="18465" spans="1:43">
      <c r="A18465" t="s">
        <v>11438</v>
      </c>
      <c r="B18465" t="s">
        <v>11439</v>
      </c>
      <c r="C18465" t="s">
        <v>11436</v>
      </c>
      <c r="D18465" t="s">
        <v>11437</v>
      </c>
      <c r="E18465" t="s">
        <v>11206</v>
      </c>
      <c r="F18465" t="s">
        <v>11207</v>
      </c>
      <c r="G18465" t="s">
        <v>10734</v>
      </c>
      <c r="H18465" t="s">
        <v>10735</v>
      </c>
      <c r="I18465" s="2">
        <v>0</v>
      </c>
      <c r="J18465" s="2">
        <v>0</v>
      </c>
      <c r="K18465" s="2">
        <v>1</v>
      </c>
      <c r="L18465" t="s">
        <v>995</v>
      </c>
      <c r="M18465" t="s">
        <v>83</v>
      </c>
      <c r="N18465" t="s">
        <v>91</v>
      </c>
      <c r="O18465" t="s">
        <v>85</v>
      </c>
      <c r="P18465" t="s">
        <v>86</v>
      </c>
      <c r="Q18465">
        <v>5</v>
      </c>
      <c r="R18465">
        <v>5</v>
      </c>
      <c r="S18465">
        <v>5</v>
      </c>
      <c r="T18465">
        <v>5</v>
      </c>
      <c r="U18465">
        <v>6</v>
      </c>
      <c r="V18465">
        <v>6</v>
      </c>
      <c r="W18465">
        <v>6</v>
      </c>
      <c r="X18465">
        <v>6</v>
      </c>
      <c r="Y18465">
        <v>6</v>
      </c>
      <c r="Z18465">
        <v>6</v>
      </c>
      <c r="AA18465">
        <v>6</v>
      </c>
      <c r="AB18465">
        <v>7</v>
      </c>
      <c r="AC18465">
        <v>7</v>
      </c>
      <c r="AD18465">
        <v>7</v>
      </c>
      <c r="AE18465">
        <v>7</v>
      </c>
      <c r="AF18465">
        <v>7</v>
      </c>
      <c r="AG18465">
        <v>7</v>
      </c>
      <c r="AH18465">
        <v>8</v>
      </c>
      <c r="AI18465">
        <v>8</v>
      </c>
      <c r="AJ18465">
        <v>8</v>
      </c>
      <c r="AK18465">
        <v>8</v>
      </c>
      <c r="AL18465">
        <v>8</v>
      </c>
      <c r="AM18465">
        <v>8</v>
      </c>
      <c r="AN18465">
        <v>8</v>
      </c>
      <c r="AO18465">
        <v>9</v>
      </c>
      <c r="AP18465">
        <v>9</v>
      </c>
      <c r="AQ18465">
        <v>9</v>
      </c>
    </row>
    <row r="18466" spans="1:43">
      <c r="A18466" t="s">
        <v>11440</v>
      </c>
      <c r="B18466" t="s">
        <v>11441</v>
      </c>
      <c r="C18466" t="s">
        <v>11436</v>
      </c>
      <c r="D18466" t="s">
        <v>11437</v>
      </c>
      <c r="E18466" t="s">
        <v>11206</v>
      </c>
      <c r="F18466" t="s">
        <v>11207</v>
      </c>
      <c r="G18466" t="s">
        <v>10734</v>
      </c>
      <c r="H18466" t="s">
        <v>10735</v>
      </c>
      <c r="I18466" s="2">
        <v>0</v>
      </c>
      <c r="J18466" s="2">
        <v>0</v>
      </c>
      <c r="K18466" s="2">
        <v>1</v>
      </c>
      <c r="L18466" t="s">
        <v>995</v>
      </c>
      <c r="M18466" t="s">
        <v>83</v>
      </c>
      <c r="N18466" t="s">
        <v>84</v>
      </c>
      <c r="O18466" t="s">
        <v>85</v>
      </c>
      <c r="P18466" t="s">
        <v>86</v>
      </c>
      <c r="Q18466">
        <v>21</v>
      </c>
      <c r="R18466">
        <v>22</v>
      </c>
      <c r="S18466">
        <v>22</v>
      </c>
      <c r="T18466">
        <v>23</v>
      </c>
      <c r="U18466">
        <v>23</v>
      </c>
      <c r="V18466">
        <v>24</v>
      </c>
      <c r="W18466">
        <v>24</v>
      </c>
      <c r="X18466">
        <v>25</v>
      </c>
      <c r="Y18466">
        <v>26</v>
      </c>
      <c r="Z18466">
        <v>26</v>
      </c>
      <c r="AA18466">
        <v>27</v>
      </c>
      <c r="AB18466">
        <v>28</v>
      </c>
      <c r="AC18466">
        <v>28</v>
      </c>
      <c r="AD18466">
        <v>29</v>
      </c>
      <c r="AE18466">
        <v>30</v>
      </c>
      <c r="AF18466">
        <v>30</v>
      </c>
      <c r="AG18466">
        <v>31</v>
      </c>
      <c r="AH18466">
        <v>32</v>
      </c>
      <c r="AI18466">
        <v>32</v>
      </c>
      <c r="AJ18466">
        <v>33</v>
      </c>
      <c r="AK18466">
        <v>34</v>
      </c>
      <c r="AL18466">
        <v>35</v>
      </c>
      <c r="AM18466">
        <v>35</v>
      </c>
      <c r="AN18466">
        <v>36</v>
      </c>
      <c r="AO18466">
        <v>36</v>
      </c>
      <c r="AP18466">
        <v>37</v>
      </c>
      <c r="AQ18466">
        <v>37</v>
      </c>
    </row>
    <row r="18467" spans="1:43">
      <c r="A18467" t="s">
        <v>11440</v>
      </c>
      <c r="B18467" t="s">
        <v>11441</v>
      </c>
      <c r="C18467" t="s">
        <v>11436</v>
      </c>
      <c r="D18467" t="s">
        <v>11437</v>
      </c>
      <c r="E18467" t="s">
        <v>11206</v>
      </c>
      <c r="F18467" t="s">
        <v>11207</v>
      </c>
      <c r="G18467" t="s">
        <v>10734</v>
      </c>
      <c r="H18467" t="s">
        <v>10735</v>
      </c>
      <c r="I18467" s="2">
        <v>0</v>
      </c>
      <c r="J18467" s="2">
        <v>0</v>
      </c>
      <c r="K18467" s="2">
        <v>1</v>
      </c>
      <c r="L18467" t="s">
        <v>995</v>
      </c>
      <c r="M18467" t="s">
        <v>87</v>
      </c>
      <c r="N18467" t="s">
        <v>88</v>
      </c>
      <c r="O18467" t="s">
        <v>85</v>
      </c>
      <c r="P18467" t="s">
        <v>86</v>
      </c>
      <c r="Q18467">
        <v>21</v>
      </c>
      <c r="R18467">
        <v>21</v>
      </c>
      <c r="S18467">
        <v>22</v>
      </c>
      <c r="T18467">
        <v>22</v>
      </c>
      <c r="U18467">
        <v>22</v>
      </c>
      <c r="V18467">
        <v>23</v>
      </c>
      <c r="W18467">
        <v>23</v>
      </c>
      <c r="X18467">
        <v>23</v>
      </c>
      <c r="Y18467">
        <v>24</v>
      </c>
      <c r="Z18467">
        <v>24</v>
      </c>
      <c r="AA18467">
        <v>25</v>
      </c>
      <c r="AB18467">
        <v>25</v>
      </c>
      <c r="AC18467">
        <v>25</v>
      </c>
      <c r="AD18467">
        <v>26</v>
      </c>
      <c r="AE18467">
        <v>26</v>
      </c>
      <c r="AF18467">
        <v>27</v>
      </c>
      <c r="AG18467">
        <v>27</v>
      </c>
      <c r="AH18467">
        <v>28</v>
      </c>
      <c r="AI18467">
        <v>28</v>
      </c>
      <c r="AJ18467">
        <v>29</v>
      </c>
      <c r="AK18467">
        <v>29</v>
      </c>
      <c r="AL18467">
        <v>30</v>
      </c>
      <c r="AM18467">
        <v>30</v>
      </c>
      <c r="AN18467">
        <v>31</v>
      </c>
      <c r="AO18467">
        <v>31</v>
      </c>
      <c r="AP18467">
        <v>32</v>
      </c>
      <c r="AQ18467">
        <v>32</v>
      </c>
    </row>
    <row r="18468" spans="1:43">
      <c r="A18468" t="s">
        <v>11440</v>
      </c>
      <c r="B18468" t="s">
        <v>11441</v>
      </c>
      <c r="C18468" t="s">
        <v>11436</v>
      </c>
      <c r="D18468" t="s">
        <v>11437</v>
      </c>
      <c r="E18468" t="s">
        <v>11206</v>
      </c>
      <c r="F18468" t="s">
        <v>11207</v>
      </c>
      <c r="G18468" t="s">
        <v>10734</v>
      </c>
      <c r="H18468" t="s">
        <v>10735</v>
      </c>
      <c r="I18468" s="2">
        <v>0</v>
      </c>
      <c r="J18468" s="2">
        <v>0</v>
      </c>
      <c r="K18468" s="2">
        <v>1</v>
      </c>
      <c r="L18468" t="s">
        <v>995</v>
      </c>
      <c r="M18468" t="s">
        <v>89</v>
      </c>
      <c r="N18468" t="s">
        <v>90</v>
      </c>
      <c r="O18468" t="s">
        <v>85</v>
      </c>
      <c r="P18468" t="s">
        <v>86</v>
      </c>
      <c r="Q18468">
        <v>21</v>
      </c>
      <c r="R18468">
        <v>22</v>
      </c>
      <c r="S18468">
        <v>23</v>
      </c>
      <c r="T18468">
        <v>23</v>
      </c>
      <c r="U18468">
        <v>24</v>
      </c>
      <c r="V18468">
        <v>25</v>
      </c>
      <c r="W18468">
        <v>26</v>
      </c>
      <c r="X18468">
        <v>26</v>
      </c>
      <c r="Y18468">
        <v>27</v>
      </c>
      <c r="Z18468">
        <v>28</v>
      </c>
      <c r="AA18468">
        <v>29</v>
      </c>
      <c r="AB18468">
        <v>29</v>
      </c>
      <c r="AC18468">
        <v>30</v>
      </c>
      <c r="AD18468">
        <v>31</v>
      </c>
      <c r="AE18468">
        <v>32</v>
      </c>
      <c r="AF18468">
        <v>32</v>
      </c>
      <c r="AG18468">
        <v>33</v>
      </c>
      <c r="AH18468">
        <v>33</v>
      </c>
      <c r="AI18468">
        <v>33</v>
      </c>
      <c r="AJ18468">
        <v>34</v>
      </c>
      <c r="AK18468">
        <v>34</v>
      </c>
      <c r="AL18468">
        <v>35</v>
      </c>
      <c r="AM18468">
        <v>35</v>
      </c>
      <c r="AN18468">
        <v>36</v>
      </c>
      <c r="AO18468">
        <v>36</v>
      </c>
      <c r="AP18468">
        <v>37</v>
      </c>
      <c r="AQ18468">
        <v>37</v>
      </c>
    </row>
    <row r="18469" spans="1:43">
      <c r="A18469" t="s">
        <v>11440</v>
      </c>
      <c r="B18469" t="s">
        <v>11441</v>
      </c>
      <c r="C18469" t="s">
        <v>11436</v>
      </c>
      <c r="D18469" t="s">
        <v>11437</v>
      </c>
      <c r="E18469" t="s">
        <v>11206</v>
      </c>
      <c r="F18469" t="s">
        <v>11207</v>
      </c>
      <c r="G18469" t="s">
        <v>10734</v>
      </c>
      <c r="H18469" t="s">
        <v>10735</v>
      </c>
      <c r="I18469" s="2">
        <v>0</v>
      </c>
      <c r="J18469" s="2">
        <v>0</v>
      </c>
      <c r="K18469" s="2">
        <v>1</v>
      </c>
      <c r="L18469" t="s">
        <v>995</v>
      </c>
      <c r="M18469" t="s">
        <v>83</v>
      </c>
      <c r="N18469" t="s">
        <v>91</v>
      </c>
      <c r="O18469" t="s">
        <v>85</v>
      </c>
      <c r="P18469" t="s">
        <v>86</v>
      </c>
      <c r="Q18469">
        <v>21</v>
      </c>
      <c r="R18469">
        <v>22</v>
      </c>
      <c r="S18469">
        <v>22</v>
      </c>
      <c r="T18469">
        <v>23</v>
      </c>
      <c r="U18469">
        <v>23</v>
      </c>
      <c r="V18469">
        <v>24</v>
      </c>
      <c r="W18469">
        <v>24</v>
      </c>
      <c r="X18469">
        <v>25</v>
      </c>
      <c r="Y18469">
        <v>26</v>
      </c>
      <c r="Z18469">
        <v>26</v>
      </c>
      <c r="AA18469">
        <v>27</v>
      </c>
      <c r="AB18469">
        <v>28</v>
      </c>
      <c r="AC18469">
        <v>28</v>
      </c>
      <c r="AD18469">
        <v>29</v>
      </c>
      <c r="AE18469">
        <v>30</v>
      </c>
      <c r="AF18469">
        <v>30</v>
      </c>
      <c r="AG18469">
        <v>31</v>
      </c>
      <c r="AH18469">
        <v>32</v>
      </c>
      <c r="AI18469">
        <v>32</v>
      </c>
      <c r="AJ18469">
        <v>33</v>
      </c>
      <c r="AK18469">
        <v>34</v>
      </c>
      <c r="AL18469">
        <v>35</v>
      </c>
      <c r="AM18469">
        <v>35</v>
      </c>
      <c r="AN18469">
        <v>36</v>
      </c>
      <c r="AO18469">
        <v>36</v>
      </c>
      <c r="AP18469">
        <v>37</v>
      </c>
      <c r="AQ18469">
        <v>37</v>
      </c>
    </row>
    <row r="18470" spans="1:43">
      <c r="A18470" t="s">
        <v>11442</v>
      </c>
      <c r="B18470" t="s">
        <v>11443</v>
      </c>
      <c r="C18470" t="s">
        <v>11444</v>
      </c>
      <c r="D18470" t="s">
        <v>11445</v>
      </c>
      <c r="E18470" t="s">
        <v>11206</v>
      </c>
      <c r="F18470" t="s">
        <v>11207</v>
      </c>
      <c r="G18470" t="s">
        <v>10734</v>
      </c>
      <c r="H18470" t="s">
        <v>10735</v>
      </c>
      <c r="I18470" s="2">
        <v>0</v>
      </c>
      <c r="J18470" s="2">
        <v>0</v>
      </c>
      <c r="K18470" s="2">
        <v>1</v>
      </c>
      <c r="L18470" t="s">
        <v>995</v>
      </c>
      <c r="M18470" t="s">
        <v>83</v>
      </c>
      <c r="N18470" t="s">
        <v>84</v>
      </c>
      <c r="O18470" t="s">
        <v>85</v>
      </c>
      <c r="P18470" t="s">
        <v>86</v>
      </c>
      <c r="Q18470">
        <v>21</v>
      </c>
      <c r="R18470">
        <v>22</v>
      </c>
      <c r="S18470">
        <v>22</v>
      </c>
      <c r="T18470">
        <v>23</v>
      </c>
      <c r="U18470">
        <v>23</v>
      </c>
      <c r="V18470">
        <v>24</v>
      </c>
      <c r="W18470">
        <v>25</v>
      </c>
      <c r="X18470">
        <v>25</v>
      </c>
      <c r="Y18470">
        <v>26</v>
      </c>
      <c r="Z18470">
        <v>26</v>
      </c>
      <c r="AA18470">
        <v>27</v>
      </c>
      <c r="AB18470">
        <v>28</v>
      </c>
      <c r="AC18470">
        <v>28</v>
      </c>
      <c r="AD18470">
        <v>29</v>
      </c>
      <c r="AE18470">
        <v>30</v>
      </c>
      <c r="AF18470">
        <v>30</v>
      </c>
      <c r="AG18470">
        <v>31</v>
      </c>
      <c r="AH18470">
        <v>32</v>
      </c>
      <c r="AI18470">
        <v>33</v>
      </c>
      <c r="AJ18470">
        <v>33</v>
      </c>
      <c r="AK18470">
        <v>34</v>
      </c>
      <c r="AL18470">
        <v>35</v>
      </c>
      <c r="AM18470">
        <v>35</v>
      </c>
      <c r="AN18470">
        <v>36</v>
      </c>
      <c r="AO18470">
        <v>36</v>
      </c>
      <c r="AP18470">
        <v>37</v>
      </c>
      <c r="AQ18470">
        <v>37</v>
      </c>
    </row>
    <row r="18471" spans="1:43">
      <c r="A18471" t="s">
        <v>11442</v>
      </c>
      <c r="B18471" t="s">
        <v>11443</v>
      </c>
      <c r="C18471" t="s">
        <v>11444</v>
      </c>
      <c r="D18471" t="s">
        <v>11445</v>
      </c>
      <c r="E18471" t="s">
        <v>11206</v>
      </c>
      <c r="F18471" t="s">
        <v>11207</v>
      </c>
      <c r="G18471" t="s">
        <v>10734</v>
      </c>
      <c r="H18471" t="s">
        <v>10735</v>
      </c>
      <c r="I18471" s="2">
        <v>0</v>
      </c>
      <c r="J18471" s="2">
        <v>0</v>
      </c>
      <c r="K18471" s="2">
        <v>1</v>
      </c>
      <c r="L18471" t="s">
        <v>995</v>
      </c>
      <c r="M18471" t="s">
        <v>87</v>
      </c>
      <c r="N18471" t="s">
        <v>88</v>
      </c>
      <c r="O18471" t="s">
        <v>85</v>
      </c>
      <c r="P18471" t="s">
        <v>86</v>
      </c>
      <c r="Q18471">
        <v>21</v>
      </c>
      <c r="R18471">
        <v>21</v>
      </c>
      <c r="S18471">
        <v>22</v>
      </c>
      <c r="T18471">
        <v>22</v>
      </c>
      <c r="U18471">
        <v>22</v>
      </c>
      <c r="V18471">
        <v>23</v>
      </c>
      <c r="W18471">
        <v>23</v>
      </c>
      <c r="X18471">
        <v>23</v>
      </c>
      <c r="Y18471">
        <v>24</v>
      </c>
      <c r="Z18471">
        <v>24</v>
      </c>
      <c r="AA18471">
        <v>25</v>
      </c>
      <c r="AB18471">
        <v>25</v>
      </c>
      <c r="AC18471">
        <v>25</v>
      </c>
      <c r="AD18471">
        <v>26</v>
      </c>
      <c r="AE18471">
        <v>26</v>
      </c>
      <c r="AF18471">
        <v>27</v>
      </c>
      <c r="AG18471">
        <v>27</v>
      </c>
      <c r="AH18471">
        <v>28</v>
      </c>
      <c r="AI18471">
        <v>28</v>
      </c>
      <c r="AJ18471">
        <v>29</v>
      </c>
      <c r="AK18471">
        <v>29</v>
      </c>
      <c r="AL18471">
        <v>30</v>
      </c>
      <c r="AM18471">
        <v>30</v>
      </c>
      <c r="AN18471">
        <v>31</v>
      </c>
      <c r="AO18471">
        <v>31</v>
      </c>
      <c r="AP18471">
        <v>32</v>
      </c>
      <c r="AQ18471">
        <v>32</v>
      </c>
    </row>
    <row r="18472" spans="1:43">
      <c r="A18472" t="s">
        <v>11442</v>
      </c>
      <c r="B18472" t="s">
        <v>11443</v>
      </c>
      <c r="C18472" t="s">
        <v>11444</v>
      </c>
      <c r="D18472" t="s">
        <v>11445</v>
      </c>
      <c r="E18472" t="s">
        <v>11206</v>
      </c>
      <c r="F18472" t="s">
        <v>11207</v>
      </c>
      <c r="G18472" t="s">
        <v>10734</v>
      </c>
      <c r="H18472" t="s">
        <v>10735</v>
      </c>
      <c r="I18472" s="2">
        <v>0</v>
      </c>
      <c r="J18472" s="2">
        <v>0</v>
      </c>
      <c r="K18472" s="2">
        <v>1</v>
      </c>
      <c r="L18472" t="s">
        <v>995</v>
      </c>
      <c r="M18472" t="s">
        <v>89</v>
      </c>
      <c r="N18472" t="s">
        <v>90</v>
      </c>
      <c r="O18472" t="s">
        <v>85</v>
      </c>
      <c r="P18472" t="s">
        <v>86</v>
      </c>
      <c r="Q18472">
        <v>21</v>
      </c>
      <c r="R18472">
        <v>22</v>
      </c>
      <c r="S18472">
        <v>23</v>
      </c>
      <c r="T18472">
        <v>24</v>
      </c>
      <c r="U18472">
        <v>24</v>
      </c>
      <c r="V18472">
        <v>25</v>
      </c>
      <c r="W18472">
        <v>26</v>
      </c>
      <c r="X18472">
        <v>27</v>
      </c>
      <c r="Y18472">
        <v>27</v>
      </c>
      <c r="Z18472">
        <v>28</v>
      </c>
      <c r="AA18472">
        <v>29</v>
      </c>
      <c r="AB18472">
        <v>30</v>
      </c>
      <c r="AC18472">
        <v>30</v>
      </c>
      <c r="AD18472">
        <v>31</v>
      </c>
      <c r="AE18472">
        <v>32</v>
      </c>
      <c r="AF18472">
        <v>32</v>
      </c>
      <c r="AG18472">
        <v>33</v>
      </c>
      <c r="AH18472">
        <v>33</v>
      </c>
      <c r="AI18472">
        <v>34</v>
      </c>
      <c r="AJ18472">
        <v>34</v>
      </c>
      <c r="AK18472">
        <v>34</v>
      </c>
      <c r="AL18472">
        <v>35</v>
      </c>
      <c r="AM18472">
        <v>35</v>
      </c>
      <c r="AN18472">
        <v>36</v>
      </c>
      <c r="AO18472">
        <v>36</v>
      </c>
      <c r="AP18472">
        <v>37</v>
      </c>
      <c r="AQ18472">
        <v>37</v>
      </c>
    </row>
    <row r="18473" spans="1:43">
      <c r="A18473" t="s">
        <v>11442</v>
      </c>
      <c r="B18473" t="s">
        <v>11443</v>
      </c>
      <c r="C18473" t="s">
        <v>11444</v>
      </c>
      <c r="D18473" t="s">
        <v>11445</v>
      </c>
      <c r="E18473" t="s">
        <v>11206</v>
      </c>
      <c r="F18473" t="s">
        <v>11207</v>
      </c>
      <c r="G18473" t="s">
        <v>10734</v>
      </c>
      <c r="H18473" t="s">
        <v>10735</v>
      </c>
      <c r="I18473" s="2">
        <v>0</v>
      </c>
      <c r="J18473" s="2">
        <v>0</v>
      </c>
      <c r="K18473" s="2">
        <v>1</v>
      </c>
      <c r="L18473" t="s">
        <v>995</v>
      </c>
      <c r="M18473" t="s">
        <v>83</v>
      </c>
      <c r="N18473" t="s">
        <v>91</v>
      </c>
      <c r="O18473" t="s">
        <v>85</v>
      </c>
      <c r="P18473" t="s">
        <v>86</v>
      </c>
      <c r="Q18473">
        <v>21</v>
      </c>
      <c r="R18473">
        <v>22</v>
      </c>
      <c r="S18473">
        <v>22</v>
      </c>
      <c r="T18473">
        <v>23</v>
      </c>
      <c r="U18473">
        <v>23</v>
      </c>
      <c r="V18473">
        <v>24</v>
      </c>
      <c r="W18473">
        <v>25</v>
      </c>
      <c r="X18473">
        <v>25</v>
      </c>
      <c r="Y18473">
        <v>26</v>
      </c>
      <c r="Z18473">
        <v>26</v>
      </c>
      <c r="AA18473">
        <v>27</v>
      </c>
      <c r="AB18473">
        <v>28</v>
      </c>
      <c r="AC18473">
        <v>28</v>
      </c>
      <c r="AD18473">
        <v>29</v>
      </c>
      <c r="AE18473">
        <v>30</v>
      </c>
      <c r="AF18473">
        <v>30</v>
      </c>
      <c r="AG18473">
        <v>31</v>
      </c>
      <c r="AH18473">
        <v>32</v>
      </c>
      <c r="AI18473">
        <v>33</v>
      </c>
      <c r="AJ18473">
        <v>33</v>
      </c>
      <c r="AK18473">
        <v>34</v>
      </c>
      <c r="AL18473">
        <v>35</v>
      </c>
      <c r="AM18473">
        <v>35</v>
      </c>
      <c r="AN18473">
        <v>36</v>
      </c>
      <c r="AO18473">
        <v>36</v>
      </c>
      <c r="AP18473">
        <v>37</v>
      </c>
      <c r="AQ18473">
        <v>37</v>
      </c>
    </row>
    <row r="18474" spans="1:43">
      <c r="A18474" t="s">
        <v>11446</v>
      </c>
      <c r="B18474" t="s">
        <v>11447</v>
      </c>
      <c r="C18474" t="s">
        <v>11448</v>
      </c>
      <c r="D18474" t="s">
        <v>11449</v>
      </c>
      <c r="E18474" t="s">
        <v>11206</v>
      </c>
      <c r="F18474" t="s">
        <v>11207</v>
      </c>
      <c r="G18474" t="s">
        <v>10734</v>
      </c>
      <c r="H18474" t="s">
        <v>10735</v>
      </c>
      <c r="I18474" s="2">
        <v>0</v>
      </c>
      <c r="J18474" s="2">
        <v>0</v>
      </c>
      <c r="K18474" s="2">
        <v>1</v>
      </c>
      <c r="L18474" t="s">
        <v>995</v>
      </c>
      <c r="M18474" t="s">
        <v>83</v>
      </c>
      <c r="N18474" t="s">
        <v>84</v>
      </c>
      <c r="O18474" t="s">
        <v>85</v>
      </c>
      <c r="P18474" t="s">
        <v>86</v>
      </c>
      <c r="Q18474">
        <v>60</v>
      </c>
      <c r="R18474">
        <v>62</v>
      </c>
      <c r="S18474">
        <v>64</v>
      </c>
      <c r="T18474">
        <v>65</v>
      </c>
      <c r="U18474">
        <v>67</v>
      </c>
      <c r="V18474">
        <v>69</v>
      </c>
      <c r="W18474">
        <v>70</v>
      </c>
      <c r="X18474">
        <v>72</v>
      </c>
      <c r="Y18474">
        <v>74</v>
      </c>
      <c r="Z18474">
        <v>76</v>
      </c>
      <c r="AA18474">
        <v>78</v>
      </c>
      <c r="AB18474">
        <v>80</v>
      </c>
      <c r="AC18474">
        <v>81</v>
      </c>
      <c r="AD18474">
        <v>83</v>
      </c>
      <c r="AE18474">
        <v>85</v>
      </c>
      <c r="AF18474">
        <v>87</v>
      </c>
      <c r="AG18474">
        <v>89</v>
      </c>
      <c r="AH18474">
        <v>91</v>
      </c>
      <c r="AI18474">
        <v>93</v>
      </c>
      <c r="AJ18474">
        <v>96</v>
      </c>
      <c r="AK18474">
        <v>98</v>
      </c>
      <c r="AL18474">
        <v>99</v>
      </c>
      <c r="AM18474">
        <v>101</v>
      </c>
      <c r="AN18474">
        <v>102</v>
      </c>
      <c r="AO18474">
        <v>104</v>
      </c>
      <c r="AP18474">
        <v>105</v>
      </c>
      <c r="AQ18474">
        <v>107</v>
      </c>
    </row>
    <row r="18475" spans="1:43">
      <c r="A18475" t="s">
        <v>11446</v>
      </c>
      <c r="B18475" t="s">
        <v>11447</v>
      </c>
      <c r="C18475" t="s">
        <v>11448</v>
      </c>
      <c r="D18475" t="s">
        <v>11449</v>
      </c>
      <c r="E18475" t="s">
        <v>11206</v>
      </c>
      <c r="F18475" t="s">
        <v>11207</v>
      </c>
      <c r="G18475" t="s">
        <v>10734</v>
      </c>
      <c r="H18475" t="s">
        <v>10735</v>
      </c>
      <c r="I18475" s="2">
        <v>0</v>
      </c>
      <c r="J18475" s="2">
        <v>0</v>
      </c>
      <c r="K18475" s="2">
        <v>1</v>
      </c>
      <c r="L18475" t="s">
        <v>995</v>
      </c>
      <c r="M18475" t="s">
        <v>87</v>
      </c>
      <c r="N18475" t="s">
        <v>88</v>
      </c>
      <c r="O18475" t="s">
        <v>85</v>
      </c>
      <c r="P18475" t="s">
        <v>86</v>
      </c>
      <c r="Q18475">
        <v>60</v>
      </c>
      <c r="R18475">
        <v>61</v>
      </c>
      <c r="S18475">
        <v>62</v>
      </c>
      <c r="T18475">
        <v>63</v>
      </c>
      <c r="U18475">
        <v>64</v>
      </c>
      <c r="V18475">
        <v>65</v>
      </c>
      <c r="W18475">
        <v>66</v>
      </c>
      <c r="X18475">
        <v>67</v>
      </c>
      <c r="Y18475">
        <v>68</v>
      </c>
      <c r="Z18475">
        <v>70</v>
      </c>
      <c r="AA18475">
        <v>71</v>
      </c>
      <c r="AB18475">
        <v>72</v>
      </c>
      <c r="AC18475">
        <v>73</v>
      </c>
      <c r="AD18475">
        <v>74</v>
      </c>
      <c r="AE18475">
        <v>76</v>
      </c>
      <c r="AF18475">
        <v>77</v>
      </c>
      <c r="AG18475">
        <v>78</v>
      </c>
      <c r="AH18475">
        <v>80</v>
      </c>
      <c r="AI18475">
        <v>81</v>
      </c>
      <c r="AJ18475">
        <v>82</v>
      </c>
      <c r="AK18475">
        <v>84</v>
      </c>
      <c r="AL18475">
        <v>85</v>
      </c>
      <c r="AM18475">
        <v>87</v>
      </c>
      <c r="AN18475">
        <v>88</v>
      </c>
      <c r="AO18475">
        <v>90</v>
      </c>
      <c r="AP18475">
        <v>91</v>
      </c>
      <c r="AQ18475">
        <v>93</v>
      </c>
    </row>
    <row r="18476" spans="1:43">
      <c r="A18476" t="s">
        <v>11446</v>
      </c>
      <c r="B18476" t="s">
        <v>11447</v>
      </c>
      <c r="C18476" t="s">
        <v>11448</v>
      </c>
      <c r="D18476" t="s">
        <v>11449</v>
      </c>
      <c r="E18476" t="s">
        <v>11206</v>
      </c>
      <c r="F18476" t="s">
        <v>11207</v>
      </c>
      <c r="G18476" t="s">
        <v>10734</v>
      </c>
      <c r="H18476" t="s">
        <v>10735</v>
      </c>
      <c r="I18476" s="2">
        <v>0</v>
      </c>
      <c r="J18476" s="2">
        <v>0</v>
      </c>
      <c r="K18476" s="2">
        <v>1</v>
      </c>
      <c r="L18476" t="s">
        <v>995</v>
      </c>
      <c r="M18476" t="s">
        <v>89</v>
      </c>
      <c r="N18476" t="s">
        <v>90</v>
      </c>
      <c r="O18476" t="s">
        <v>85</v>
      </c>
      <c r="P18476" t="s">
        <v>86</v>
      </c>
      <c r="Q18476">
        <v>60</v>
      </c>
      <c r="R18476">
        <v>62</v>
      </c>
      <c r="S18476">
        <v>64</v>
      </c>
      <c r="T18476">
        <v>66</v>
      </c>
      <c r="U18476">
        <v>69</v>
      </c>
      <c r="V18476">
        <v>71</v>
      </c>
      <c r="W18476">
        <v>73</v>
      </c>
      <c r="X18476">
        <v>75</v>
      </c>
      <c r="Y18476">
        <v>77</v>
      </c>
      <c r="Z18476">
        <v>79</v>
      </c>
      <c r="AA18476">
        <v>82</v>
      </c>
      <c r="AB18476">
        <v>84</v>
      </c>
      <c r="AC18476">
        <v>86</v>
      </c>
      <c r="AD18476">
        <v>88</v>
      </c>
      <c r="AE18476">
        <v>90</v>
      </c>
      <c r="AF18476">
        <v>91</v>
      </c>
      <c r="AG18476">
        <v>93</v>
      </c>
      <c r="AH18476">
        <v>94</v>
      </c>
      <c r="AI18476">
        <v>95</v>
      </c>
      <c r="AJ18476">
        <v>97</v>
      </c>
      <c r="AK18476">
        <v>98</v>
      </c>
      <c r="AL18476">
        <v>99</v>
      </c>
      <c r="AM18476">
        <v>101</v>
      </c>
      <c r="AN18476">
        <v>102</v>
      </c>
      <c r="AO18476">
        <v>104</v>
      </c>
      <c r="AP18476">
        <v>105</v>
      </c>
      <c r="AQ18476">
        <v>107</v>
      </c>
    </row>
    <row r="18477" spans="1:43">
      <c r="A18477" t="s">
        <v>11446</v>
      </c>
      <c r="B18477" t="s">
        <v>11447</v>
      </c>
      <c r="C18477" t="s">
        <v>11448</v>
      </c>
      <c r="D18477" t="s">
        <v>11449</v>
      </c>
      <c r="E18477" t="s">
        <v>11206</v>
      </c>
      <c r="F18477" t="s">
        <v>11207</v>
      </c>
      <c r="G18477" t="s">
        <v>10734</v>
      </c>
      <c r="H18477" t="s">
        <v>10735</v>
      </c>
      <c r="I18477" s="2">
        <v>0</v>
      </c>
      <c r="J18477" s="2">
        <v>0</v>
      </c>
      <c r="K18477" s="2">
        <v>1</v>
      </c>
      <c r="L18477" t="s">
        <v>995</v>
      </c>
      <c r="M18477" t="s">
        <v>83</v>
      </c>
      <c r="N18477" t="s">
        <v>91</v>
      </c>
      <c r="O18477" t="s">
        <v>85</v>
      </c>
      <c r="P18477" t="s">
        <v>86</v>
      </c>
      <c r="Q18477">
        <v>60</v>
      </c>
      <c r="R18477">
        <v>62</v>
      </c>
      <c r="S18477">
        <v>64</v>
      </c>
      <c r="T18477">
        <v>65</v>
      </c>
      <c r="U18477">
        <v>67</v>
      </c>
      <c r="V18477">
        <v>69</v>
      </c>
      <c r="W18477">
        <v>70</v>
      </c>
      <c r="X18477">
        <v>72</v>
      </c>
      <c r="Y18477">
        <v>74</v>
      </c>
      <c r="Z18477">
        <v>76</v>
      </c>
      <c r="AA18477">
        <v>78</v>
      </c>
      <c r="AB18477">
        <v>80</v>
      </c>
      <c r="AC18477">
        <v>81</v>
      </c>
      <c r="AD18477">
        <v>83</v>
      </c>
      <c r="AE18477">
        <v>85</v>
      </c>
      <c r="AF18477">
        <v>87</v>
      </c>
      <c r="AG18477">
        <v>89</v>
      </c>
      <c r="AH18477">
        <v>91</v>
      </c>
      <c r="AI18477">
        <v>93</v>
      </c>
      <c r="AJ18477">
        <v>96</v>
      </c>
      <c r="AK18477">
        <v>98</v>
      </c>
      <c r="AL18477">
        <v>99</v>
      </c>
      <c r="AM18477">
        <v>101</v>
      </c>
      <c r="AN18477">
        <v>102</v>
      </c>
      <c r="AO18477">
        <v>104</v>
      </c>
      <c r="AP18477">
        <v>105</v>
      </c>
      <c r="AQ18477">
        <v>107</v>
      </c>
    </row>
    <row r="18478" spans="1:43">
      <c r="A18478" t="s">
        <v>11450</v>
      </c>
      <c r="B18478" t="s">
        <v>11451</v>
      </c>
      <c r="C18478" t="s">
        <v>11436</v>
      </c>
      <c r="D18478" t="s">
        <v>11437</v>
      </c>
      <c r="E18478" t="s">
        <v>11206</v>
      </c>
      <c r="F18478" t="s">
        <v>11207</v>
      </c>
      <c r="G18478" t="s">
        <v>10734</v>
      </c>
      <c r="H18478" t="s">
        <v>10735</v>
      </c>
      <c r="I18478" s="2">
        <v>0</v>
      </c>
      <c r="J18478" s="2">
        <v>0</v>
      </c>
      <c r="K18478" s="2">
        <v>1</v>
      </c>
      <c r="L18478" t="s">
        <v>995</v>
      </c>
      <c r="M18478" t="s">
        <v>83</v>
      </c>
      <c r="N18478" t="s">
        <v>84</v>
      </c>
      <c r="O18478" t="s">
        <v>85</v>
      </c>
      <c r="P18478" t="s">
        <v>86</v>
      </c>
      <c r="Q18478">
        <v>26</v>
      </c>
      <c r="R18478">
        <v>27</v>
      </c>
      <c r="S18478">
        <v>28</v>
      </c>
      <c r="T18478">
        <v>29</v>
      </c>
      <c r="U18478">
        <v>29</v>
      </c>
      <c r="V18478">
        <v>30</v>
      </c>
      <c r="W18478">
        <v>31</v>
      </c>
      <c r="X18478">
        <v>32</v>
      </c>
      <c r="Y18478">
        <v>32</v>
      </c>
      <c r="Z18478">
        <v>33</v>
      </c>
      <c r="AA18478">
        <v>34</v>
      </c>
      <c r="AB18478">
        <v>35</v>
      </c>
      <c r="AC18478">
        <v>36</v>
      </c>
      <c r="AD18478">
        <v>36</v>
      </c>
      <c r="AE18478">
        <v>37</v>
      </c>
      <c r="AF18478">
        <v>38</v>
      </c>
      <c r="AG18478">
        <v>39</v>
      </c>
      <c r="AH18478">
        <v>40</v>
      </c>
      <c r="AI18478">
        <v>41</v>
      </c>
      <c r="AJ18478">
        <v>42</v>
      </c>
      <c r="AK18478">
        <v>43</v>
      </c>
      <c r="AL18478">
        <v>43</v>
      </c>
      <c r="AM18478">
        <v>44</v>
      </c>
      <c r="AN18478">
        <v>45</v>
      </c>
      <c r="AO18478">
        <v>45</v>
      </c>
      <c r="AP18478">
        <v>46</v>
      </c>
      <c r="AQ18478">
        <v>47</v>
      </c>
    </row>
    <row r="18479" spans="1:43">
      <c r="A18479" t="s">
        <v>11450</v>
      </c>
      <c r="B18479" t="s">
        <v>11451</v>
      </c>
      <c r="C18479" t="s">
        <v>11436</v>
      </c>
      <c r="D18479" t="s">
        <v>11437</v>
      </c>
      <c r="E18479" t="s">
        <v>11206</v>
      </c>
      <c r="F18479" t="s">
        <v>11207</v>
      </c>
      <c r="G18479" t="s">
        <v>10734</v>
      </c>
      <c r="H18479" t="s">
        <v>10735</v>
      </c>
      <c r="I18479" s="2">
        <v>0</v>
      </c>
      <c r="J18479" s="2">
        <v>0</v>
      </c>
      <c r="K18479" s="2">
        <v>1</v>
      </c>
      <c r="L18479" t="s">
        <v>995</v>
      </c>
      <c r="M18479" t="s">
        <v>87</v>
      </c>
      <c r="N18479" t="s">
        <v>88</v>
      </c>
      <c r="O18479" t="s">
        <v>85</v>
      </c>
      <c r="P18479" t="s">
        <v>86</v>
      </c>
      <c r="Q18479">
        <v>26</v>
      </c>
      <c r="R18479">
        <v>27</v>
      </c>
      <c r="S18479">
        <v>27</v>
      </c>
      <c r="T18479">
        <v>28</v>
      </c>
      <c r="U18479">
        <v>28</v>
      </c>
      <c r="V18479">
        <v>28</v>
      </c>
      <c r="W18479">
        <v>29</v>
      </c>
      <c r="X18479">
        <v>29</v>
      </c>
      <c r="Y18479">
        <v>30</v>
      </c>
      <c r="Z18479">
        <v>30</v>
      </c>
      <c r="AA18479">
        <v>31</v>
      </c>
      <c r="AB18479">
        <v>31</v>
      </c>
      <c r="AC18479">
        <v>32</v>
      </c>
      <c r="AD18479">
        <v>33</v>
      </c>
      <c r="AE18479">
        <v>33</v>
      </c>
      <c r="AF18479">
        <v>34</v>
      </c>
      <c r="AG18479">
        <v>34</v>
      </c>
      <c r="AH18479">
        <v>35</v>
      </c>
      <c r="AI18479">
        <v>35</v>
      </c>
      <c r="AJ18479">
        <v>36</v>
      </c>
      <c r="AK18479">
        <v>37</v>
      </c>
      <c r="AL18479">
        <v>37</v>
      </c>
      <c r="AM18479">
        <v>38</v>
      </c>
      <c r="AN18479">
        <v>39</v>
      </c>
      <c r="AO18479">
        <v>39</v>
      </c>
      <c r="AP18479">
        <v>40</v>
      </c>
      <c r="AQ18479">
        <v>41</v>
      </c>
    </row>
    <row r="18480" spans="1:43">
      <c r="A18480" t="s">
        <v>11450</v>
      </c>
      <c r="B18480" t="s">
        <v>11451</v>
      </c>
      <c r="C18480" t="s">
        <v>11436</v>
      </c>
      <c r="D18480" t="s">
        <v>11437</v>
      </c>
      <c r="E18480" t="s">
        <v>11206</v>
      </c>
      <c r="F18480" t="s">
        <v>11207</v>
      </c>
      <c r="G18480" t="s">
        <v>10734</v>
      </c>
      <c r="H18480" t="s">
        <v>10735</v>
      </c>
      <c r="I18480" s="2">
        <v>0</v>
      </c>
      <c r="J18480" s="2">
        <v>0</v>
      </c>
      <c r="K18480" s="2">
        <v>1</v>
      </c>
      <c r="L18480" t="s">
        <v>995</v>
      </c>
      <c r="M18480" t="s">
        <v>89</v>
      </c>
      <c r="N18480" t="s">
        <v>90</v>
      </c>
      <c r="O18480" t="s">
        <v>85</v>
      </c>
      <c r="P18480" t="s">
        <v>86</v>
      </c>
      <c r="Q18480">
        <v>26</v>
      </c>
      <c r="R18480">
        <v>27</v>
      </c>
      <c r="S18480">
        <v>28</v>
      </c>
      <c r="T18480">
        <v>29</v>
      </c>
      <c r="U18480">
        <v>29</v>
      </c>
      <c r="V18480">
        <v>30</v>
      </c>
      <c r="W18480">
        <v>31</v>
      </c>
      <c r="X18480">
        <v>32</v>
      </c>
      <c r="Y18480">
        <v>33</v>
      </c>
      <c r="Z18480">
        <v>34</v>
      </c>
      <c r="AA18480">
        <v>35</v>
      </c>
      <c r="AB18480">
        <v>36</v>
      </c>
      <c r="AC18480">
        <v>37</v>
      </c>
      <c r="AD18480">
        <v>38</v>
      </c>
      <c r="AE18480">
        <v>39</v>
      </c>
      <c r="AF18480">
        <v>39</v>
      </c>
      <c r="AG18480">
        <v>40</v>
      </c>
      <c r="AH18480">
        <v>40</v>
      </c>
      <c r="AI18480">
        <v>41</v>
      </c>
      <c r="AJ18480">
        <v>42</v>
      </c>
      <c r="AK18480">
        <v>42</v>
      </c>
      <c r="AL18480">
        <v>43</v>
      </c>
      <c r="AM18480">
        <v>43</v>
      </c>
      <c r="AN18480">
        <v>44</v>
      </c>
      <c r="AO18480">
        <v>45</v>
      </c>
      <c r="AP18480">
        <v>45</v>
      </c>
      <c r="AQ18480">
        <v>46</v>
      </c>
    </row>
    <row r="18481" spans="1:43">
      <c r="A18481" t="s">
        <v>11450</v>
      </c>
      <c r="B18481" t="s">
        <v>11451</v>
      </c>
      <c r="C18481" t="s">
        <v>11436</v>
      </c>
      <c r="D18481" t="s">
        <v>11437</v>
      </c>
      <c r="E18481" t="s">
        <v>11206</v>
      </c>
      <c r="F18481" t="s">
        <v>11207</v>
      </c>
      <c r="G18481" t="s">
        <v>10734</v>
      </c>
      <c r="H18481" t="s">
        <v>10735</v>
      </c>
      <c r="I18481" s="2">
        <v>0</v>
      </c>
      <c r="J18481" s="2">
        <v>0</v>
      </c>
      <c r="K18481" s="2">
        <v>1</v>
      </c>
      <c r="L18481" t="s">
        <v>995</v>
      </c>
      <c r="M18481" t="s">
        <v>83</v>
      </c>
      <c r="N18481" t="s">
        <v>91</v>
      </c>
      <c r="O18481" t="s">
        <v>85</v>
      </c>
      <c r="P18481" t="s">
        <v>86</v>
      </c>
      <c r="Q18481">
        <v>26</v>
      </c>
      <c r="R18481">
        <v>27</v>
      </c>
      <c r="S18481">
        <v>28</v>
      </c>
      <c r="T18481">
        <v>29</v>
      </c>
      <c r="U18481">
        <v>29</v>
      </c>
      <c r="V18481">
        <v>30</v>
      </c>
      <c r="W18481">
        <v>31</v>
      </c>
      <c r="X18481">
        <v>32</v>
      </c>
      <c r="Y18481">
        <v>32</v>
      </c>
      <c r="Z18481">
        <v>33</v>
      </c>
      <c r="AA18481">
        <v>34</v>
      </c>
      <c r="AB18481">
        <v>35</v>
      </c>
      <c r="AC18481">
        <v>36</v>
      </c>
      <c r="AD18481">
        <v>36</v>
      </c>
      <c r="AE18481">
        <v>37</v>
      </c>
      <c r="AF18481">
        <v>38</v>
      </c>
      <c r="AG18481">
        <v>39</v>
      </c>
      <c r="AH18481">
        <v>40</v>
      </c>
      <c r="AI18481">
        <v>41</v>
      </c>
      <c r="AJ18481">
        <v>42</v>
      </c>
      <c r="AK18481">
        <v>43</v>
      </c>
      <c r="AL18481">
        <v>43</v>
      </c>
      <c r="AM18481">
        <v>44</v>
      </c>
      <c r="AN18481">
        <v>45</v>
      </c>
      <c r="AO18481">
        <v>45</v>
      </c>
      <c r="AP18481">
        <v>46</v>
      </c>
      <c r="AQ18481">
        <v>47</v>
      </c>
    </row>
    <row r="18482" spans="1:43">
      <c r="A18482" t="s">
        <v>11452</v>
      </c>
      <c r="B18482" t="s">
        <v>11453</v>
      </c>
      <c r="C18482" t="s">
        <v>11454</v>
      </c>
      <c r="D18482" t="s">
        <v>11455</v>
      </c>
      <c r="E18482" t="s">
        <v>11206</v>
      </c>
      <c r="F18482" t="s">
        <v>11207</v>
      </c>
      <c r="G18482" t="s">
        <v>10734</v>
      </c>
      <c r="H18482" t="s">
        <v>10735</v>
      </c>
      <c r="I18482" s="2">
        <v>0</v>
      </c>
      <c r="J18482" s="2">
        <v>0</v>
      </c>
      <c r="K18482" s="2">
        <v>1</v>
      </c>
      <c r="L18482" t="s">
        <v>995</v>
      </c>
      <c r="M18482" t="s">
        <v>83</v>
      </c>
      <c r="N18482" t="s">
        <v>84</v>
      </c>
      <c r="O18482" t="s">
        <v>85</v>
      </c>
      <c r="P18482" t="s">
        <v>86</v>
      </c>
      <c r="Q18482">
        <v>6</v>
      </c>
      <c r="R18482">
        <v>6</v>
      </c>
      <c r="S18482">
        <v>6</v>
      </c>
      <c r="T18482">
        <v>6</v>
      </c>
      <c r="U18482">
        <v>6</v>
      </c>
      <c r="V18482">
        <v>6</v>
      </c>
      <c r="W18482">
        <v>6</v>
      </c>
      <c r="X18482">
        <v>7</v>
      </c>
      <c r="Y18482">
        <v>7</v>
      </c>
      <c r="Z18482">
        <v>7</v>
      </c>
      <c r="AA18482">
        <v>7</v>
      </c>
      <c r="AB18482">
        <v>7</v>
      </c>
      <c r="AC18482">
        <v>7</v>
      </c>
      <c r="AD18482">
        <v>8</v>
      </c>
      <c r="AE18482">
        <v>8</v>
      </c>
      <c r="AF18482">
        <v>8</v>
      </c>
      <c r="AG18482">
        <v>8</v>
      </c>
      <c r="AH18482">
        <v>8</v>
      </c>
      <c r="AI18482">
        <v>9</v>
      </c>
      <c r="AJ18482">
        <v>9</v>
      </c>
      <c r="AK18482">
        <v>9</v>
      </c>
      <c r="AL18482">
        <v>9</v>
      </c>
      <c r="AM18482">
        <v>9</v>
      </c>
      <c r="AN18482">
        <v>9</v>
      </c>
      <c r="AO18482">
        <v>10</v>
      </c>
      <c r="AP18482">
        <v>10</v>
      </c>
      <c r="AQ18482">
        <v>10</v>
      </c>
    </row>
    <row r="18483" spans="1:43">
      <c r="A18483" t="s">
        <v>11452</v>
      </c>
      <c r="B18483" t="s">
        <v>11453</v>
      </c>
      <c r="C18483" t="s">
        <v>11454</v>
      </c>
      <c r="D18483" t="s">
        <v>11455</v>
      </c>
      <c r="E18483" t="s">
        <v>11206</v>
      </c>
      <c r="F18483" t="s">
        <v>11207</v>
      </c>
      <c r="G18483" t="s">
        <v>10734</v>
      </c>
      <c r="H18483" t="s">
        <v>10735</v>
      </c>
      <c r="I18483" s="2">
        <v>0</v>
      </c>
      <c r="J18483" s="2">
        <v>0</v>
      </c>
      <c r="K18483" s="2">
        <v>1</v>
      </c>
      <c r="L18483" t="s">
        <v>995</v>
      </c>
      <c r="M18483" t="s">
        <v>87</v>
      </c>
      <c r="N18483" t="s">
        <v>88</v>
      </c>
      <c r="O18483" t="s">
        <v>85</v>
      </c>
      <c r="P18483" t="s">
        <v>86</v>
      </c>
      <c r="Q18483">
        <v>6</v>
      </c>
      <c r="R18483">
        <v>6</v>
      </c>
      <c r="S18483">
        <v>6</v>
      </c>
      <c r="T18483">
        <v>6</v>
      </c>
      <c r="U18483">
        <v>6</v>
      </c>
      <c r="V18483">
        <v>6</v>
      </c>
      <c r="W18483">
        <v>6</v>
      </c>
      <c r="X18483">
        <v>6</v>
      </c>
      <c r="Y18483">
        <v>6</v>
      </c>
      <c r="Z18483">
        <v>6</v>
      </c>
      <c r="AA18483">
        <v>7</v>
      </c>
      <c r="AB18483">
        <v>7</v>
      </c>
      <c r="AC18483">
        <v>7</v>
      </c>
      <c r="AD18483">
        <v>7</v>
      </c>
      <c r="AE18483">
        <v>7</v>
      </c>
      <c r="AF18483">
        <v>7</v>
      </c>
      <c r="AG18483">
        <v>7</v>
      </c>
      <c r="AH18483">
        <v>7</v>
      </c>
      <c r="AI18483">
        <v>7</v>
      </c>
      <c r="AJ18483">
        <v>8</v>
      </c>
      <c r="AK18483">
        <v>8</v>
      </c>
      <c r="AL18483">
        <v>8</v>
      </c>
      <c r="AM18483">
        <v>8</v>
      </c>
      <c r="AN18483">
        <v>8</v>
      </c>
      <c r="AO18483">
        <v>8</v>
      </c>
      <c r="AP18483">
        <v>8</v>
      </c>
      <c r="AQ18483">
        <v>9</v>
      </c>
    </row>
    <row r="18484" spans="1:43">
      <c r="A18484" t="s">
        <v>11452</v>
      </c>
      <c r="B18484" t="s">
        <v>11453</v>
      </c>
      <c r="C18484" t="s">
        <v>11454</v>
      </c>
      <c r="D18484" t="s">
        <v>11455</v>
      </c>
      <c r="E18484" t="s">
        <v>11206</v>
      </c>
      <c r="F18484" t="s">
        <v>11207</v>
      </c>
      <c r="G18484" t="s">
        <v>10734</v>
      </c>
      <c r="H18484" t="s">
        <v>10735</v>
      </c>
      <c r="I18484" s="2">
        <v>0</v>
      </c>
      <c r="J18484" s="2">
        <v>0</v>
      </c>
      <c r="K18484" s="2">
        <v>1</v>
      </c>
      <c r="L18484" t="s">
        <v>995</v>
      </c>
      <c r="M18484" t="s">
        <v>89</v>
      </c>
      <c r="N18484" t="s">
        <v>90</v>
      </c>
      <c r="O18484" t="s">
        <v>85</v>
      </c>
      <c r="P18484" t="s">
        <v>86</v>
      </c>
      <c r="Q18484">
        <v>6</v>
      </c>
      <c r="R18484">
        <v>6</v>
      </c>
      <c r="S18484">
        <v>6</v>
      </c>
      <c r="T18484">
        <v>6</v>
      </c>
      <c r="U18484">
        <v>6</v>
      </c>
      <c r="V18484">
        <v>7</v>
      </c>
      <c r="W18484">
        <v>7</v>
      </c>
      <c r="X18484">
        <v>7</v>
      </c>
      <c r="Y18484">
        <v>7</v>
      </c>
      <c r="Z18484">
        <v>7</v>
      </c>
      <c r="AA18484">
        <v>8</v>
      </c>
      <c r="AB18484">
        <v>8</v>
      </c>
      <c r="AC18484">
        <v>8</v>
      </c>
      <c r="AD18484">
        <v>8</v>
      </c>
      <c r="AE18484">
        <v>8</v>
      </c>
      <c r="AF18484">
        <v>8</v>
      </c>
      <c r="AG18484">
        <v>9</v>
      </c>
      <c r="AH18484">
        <v>9</v>
      </c>
      <c r="AI18484">
        <v>9</v>
      </c>
      <c r="AJ18484">
        <v>9</v>
      </c>
      <c r="AK18484">
        <v>9</v>
      </c>
      <c r="AL18484">
        <v>9</v>
      </c>
      <c r="AM18484">
        <v>9</v>
      </c>
      <c r="AN18484">
        <v>9</v>
      </c>
      <c r="AO18484">
        <v>10</v>
      </c>
      <c r="AP18484">
        <v>10</v>
      </c>
      <c r="AQ18484">
        <v>10</v>
      </c>
    </row>
    <row r="18485" spans="1:43">
      <c r="A18485" t="s">
        <v>11452</v>
      </c>
      <c r="B18485" t="s">
        <v>11453</v>
      </c>
      <c r="C18485" t="s">
        <v>11454</v>
      </c>
      <c r="D18485" t="s">
        <v>11455</v>
      </c>
      <c r="E18485" t="s">
        <v>11206</v>
      </c>
      <c r="F18485" t="s">
        <v>11207</v>
      </c>
      <c r="G18485" t="s">
        <v>10734</v>
      </c>
      <c r="H18485" t="s">
        <v>10735</v>
      </c>
      <c r="I18485" s="2">
        <v>0</v>
      </c>
      <c r="J18485" s="2">
        <v>0</v>
      </c>
      <c r="K18485" s="2">
        <v>1</v>
      </c>
      <c r="L18485" t="s">
        <v>995</v>
      </c>
      <c r="M18485" t="s">
        <v>83</v>
      </c>
      <c r="N18485" t="s">
        <v>91</v>
      </c>
      <c r="O18485" t="s">
        <v>85</v>
      </c>
      <c r="P18485" t="s">
        <v>86</v>
      </c>
      <c r="Q18485">
        <v>6</v>
      </c>
      <c r="R18485">
        <v>6</v>
      </c>
      <c r="S18485">
        <v>6</v>
      </c>
      <c r="T18485">
        <v>6</v>
      </c>
      <c r="U18485">
        <v>6</v>
      </c>
      <c r="V18485">
        <v>6</v>
      </c>
      <c r="W18485">
        <v>6</v>
      </c>
      <c r="X18485">
        <v>7</v>
      </c>
      <c r="Y18485">
        <v>7</v>
      </c>
      <c r="Z18485">
        <v>7</v>
      </c>
      <c r="AA18485">
        <v>7</v>
      </c>
      <c r="AB18485">
        <v>7</v>
      </c>
      <c r="AC18485">
        <v>7</v>
      </c>
      <c r="AD18485">
        <v>8</v>
      </c>
      <c r="AE18485">
        <v>8</v>
      </c>
      <c r="AF18485">
        <v>8</v>
      </c>
      <c r="AG18485">
        <v>8</v>
      </c>
      <c r="AH18485">
        <v>8</v>
      </c>
      <c r="AI18485">
        <v>9</v>
      </c>
      <c r="AJ18485">
        <v>9</v>
      </c>
      <c r="AK18485">
        <v>9</v>
      </c>
      <c r="AL18485">
        <v>9</v>
      </c>
      <c r="AM18485">
        <v>9</v>
      </c>
      <c r="AN18485">
        <v>9</v>
      </c>
      <c r="AO18485">
        <v>10</v>
      </c>
      <c r="AP18485">
        <v>10</v>
      </c>
      <c r="AQ18485">
        <v>10</v>
      </c>
    </row>
    <row r="18486" spans="1:43">
      <c r="A18486" t="s">
        <v>11456</v>
      </c>
      <c r="B18486" t="s">
        <v>11457</v>
      </c>
      <c r="C18486" t="s">
        <v>11454</v>
      </c>
      <c r="D18486" t="s">
        <v>11455</v>
      </c>
      <c r="E18486" t="s">
        <v>11206</v>
      </c>
      <c r="F18486" t="s">
        <v>11207</v>
      </c>
      <c r="G18486" t="s">
        <v>10734</v>
      </c>
      <c r="H18486" t="s">
        <v>10735</v>
      </c>
      <c r="I18486" s="2">
        <v>0</v>
      </c>
      <c r="J18486" s="2">
        <v>0</v>
      </c>
      <c r="K18486" s="2">
        <v>1</v>
      </c>
      <c r="L18486" t="s">
        <v>995</v>
      </c>
      <c r="M18486" t="s">
        <v>83</v>
      </c>
      <c r="N18486" t="s">
        <v>84</v>
      </c>
      <c r="O18486" t="s">
        <v>85</v>
      </c>
      <c r="P18486" t="s">
        <v>86</v>
      </c>
      <c r="Q18486">
        <v>43</v>
      </c>
      <c r="R18486">
        <v>44</v>
      </c>
      <c r="S18486">
        <v>45</v>
      </c>
      <c r="T18486">
        <v>47</v>
      </c>
      <c r="U18486">
        <v>48</v>
      </c>
      <c r="V18486">
        <v>49</v>
      </c>
      <c r="W18486">
        <v>50</v>
      </c>
      <c r="X18486">
        <v>51</v>
      </c>
      <c r="Y18486">
        <v>53</v>
      </c>
      <c r="Z18486">
        <v>54</v>
      </c>
      <c r="AA18486">
        <v>55</v>
      </c>
      <c r="AB18486">
        <v>57</v>
      </c>
      <c r="AC18486">
        <v>58</v>
      </c>
      <c r="AD18486">
        <v>59</v>
      </c>
      <c r="AE18486">
        <v>61</v>
      </c>
      <c r="AF18486">
        <v>62</v>
      </c>
      <c r="AG18486">
        <v>64</v>
      </c>
      <c r="AH18486">
        <v>65</v>
      </c>
      <c r="AI18486">
        <v>67</v>
      </c>
      <c r="AJ18486">
        <v>68</v>
      </c>
      <c r="AK18486">
        <v>70</v>
      </c>
      <c r="AL18486">
        <v>71</v>
      </c>
      <c r="AM18486">
        <v>72</v>
      </c>
      <c r="AN18486">
        <v>73</v>
      </c>
      <c r="AO18486">
        <v>74</v>
      </c>
      <c r="AP18486">
        <v>75</v>
      </c>
      <c r="AQ18486">
        <v>76</v>
      </c>
    </row>
    <row r="18487" spans="1:43">
      <c r="A18487" t="s">
        <v>11456</v>
      </c>
      <c r="B18487" t="s">
        <v>11457</v>
      </c>
      <c r="C18487" t="s">
        <v>11454</v>
      </c>
      <c r="D18487" t="s">
        <v>11455</v>
      </c>
      <c r="E18487" t="s">
        <v>11206</v>
      </c>
      <c r="F18487" t="s">
        <v>11207</v>
      </c>
      <c r="G18487" t="s">
        <v>10734</v>
      </c>
      <c r="H18487" t="s">
        <v>10735</v>
      </c>
      <c r="I18487" s="2">
        <v>0</v>
      </c>
      <c r="J18487" s="2">
        <v>0</v>
      </c>
      <c r="K18487" s="2">
        <v>1</v>
      </c>
      <c r="L18487" t="s">
        <v>995</v>
      </c>
      <c r="M18487" t="s">
        <v>87</v>
      </c>
      <c r="N18487" t="s">
        <v>88</v>
      </c>
      <c r="O18487" t="s">
        <v>85</v>
      </c>
      <c r="P18487" t="s">
        <v>86</v>
      </c>
      <c r="Q18487">
        <v>43</v>
      </c>
      <c r="R18487">
        <v>43</v>
      </c>
      <c r="S18487">
        <v>44</v>
      </c>
      <c r="T18487">
        <v>45</v>
      </c>
      <c r="U18487">
        <v>46</v>
      </c>
      <c r="V18487">
        <v>46</v>
      </c>
      <c r="W18487">
        <v>47</v>
      </c>
      <c r="X18487">
        <v>48</v>
      </c>
      <c r="Y18487">
        <v>49</v>
      </c>
      <c r="Z18487">
        <v>50</v>
      </c>
      <c r="AA18487">
        <v>50</v>
      </c>
      <c r="AB18487">
        <v>51</v>
      </c>
      <c r="AC18487">
        <v>52</v>
      </c>
      <c r="AD18487">
        <v>53</v>
      </c>
      <c r="AE18487">
        <v>54</v>
      </c>
      <c r="AF18487">
        <v>55</v>
      </c>
      <c r="AG18487">
        <v>56</v>
      </c>
      <c r="AH18487">
        <v>57</v>
      </c>
      <c r="AI18487">
        <v>58</v>
      </c>
      <c r="AJ18487">
        <v>59</v>
      </c>
      <c r="AK18487">
        <v>60</v>
      </c>
      <c r="AL18487">
        <v>61</v>
      </c>
      <c r="AM18487">
        <v>62</v>
      </c>
      <c r="AN18487">
        <v>63</v>
      </c>
      <c r="AO18487">
        <v>64</v>
      </c>
      <c r="AP18487">
        <v>65</v>
      </c>
      <c r="AQ18487">
        <v>66</v>
      </c>
    </row>
    <row r="18488" spans="1:43">
      <c r="A18488" t="s">
        <v>11456</v>
      </c>
      <c r="B18488" t="s">
        <v>11457</v>
      </c>
      <c r="C18488" t="s">
        <v>11454</v>
      </c>
      <c r="D18488" t="s">
        <v>11455</v>
      </c>
      <c r="E18488" t="s">
        <v>11206</v>
      </c>
      <c r="F18488" t="s">
        <v>11207</v>
      </c>
      <c r="G18488" t="s">
        <v>10734</v>
      </c>
      <c r="H18488" t="s">
        <v>10735</v>
      </c>
      <c r="I18488" s="2">
        <v>0</v>
      </c>
      <c r="J18488" s="2">
        <v>0</v>
      </c>
      <c r="K18488" s="2">
        <v>1</v>
      </c>
      <c r="L18488" t="s">
        <v>995</v>
      </c>
      <c r="M18488" t="s">
        <v>89</v>
      </c>
      <c r="N18488" t="s">
        <v>90</v>
      </c>
      <c r="O18488" t="s">
        <v>85</v>
      </c>
      <c r="P18488" t="s">
        <v>86</v>
      </c>
      <c r="Q18488">
        <v>43</v>
      </c>
      <c r="R18488">
        <v>45</v>
      </c>
      <c r="S18488">
        <v>47</v>
      </c>
      <c r="T18488">
        <v>48</v>
      </c>
      <c r="U18488">
        <v>50</v>
      </c>
      <c r="V18488">
        <v>51</v>
      </c>
      <c r="W18488">
        <v>53</v>
      </c>
      <c r="X18488">
        <v>54</v>
      </c>
      <c r="Y18488">
        <v>56</v>
      </c>
      <c r="Z18488">
        <v>57</v>
      </c>
      <c r="AA18488">
        <v>59</v>
      </c>
      <c r="AB18488">
        <v>60</v>
      </c>
      <c r="AC18488">
        <v>62</v>
      </c>
      <c r="AD18488">
        <v>64</v>
      </c>
      <c r="AE18488">
        <v>65</v>
      </c>
      <c r="AF18488">
        <v>66</v>
      </c>
      <c r="AG18488">
        <v>67</v>
      </c>
      <c r="AH18488">
        <v>68</v>
      </c>
      <c r="AI18488">
        <v>69</v>
      </c>
      <c r="AJ18488">
        <v>70</v>
      </c>
      <c r="AK18488">
        <v>70</v>
      </c>
      <c r="AL18488">
        <v>71</v>
      </c>
      <c r="AM18488">
        <v>72</v>
      </c>
      <c r="AN18488">
        <v>73</v>
      </c>
      <c r="AO18488">
        <v>74</v>
      </c>
      <c r="AP18488">
        <v>75</v>
      </c>
      <c r="AQ18488">
        <v>76</v>
      </c>
    </row>
    <row r="18489" spans="1:43">
      <c r="A18489" t="s">
        <v>11456</v>
      </c>
      <c r="B18489" t="s">
        <v>11457</v>
      </c>
      <c r="C18489" t="s">
        <v>11454</v>
      </c>
      <c r="D18489" t="s">
        <v>11455</v>
      </c>
      <c r="E18489" t="s">
        <v>11206</v>
      </c>
      <c r="F18489" t="s">
        <v>11207</v>
      </c>
      <c r="G18489" t="s">
        <v>10734</v>
      </c>
      <c r="H18489" t="s">
        <v>10735</v>
      </c>
      <c r="I18489" s="2">
        <v>0</v>
      </c>
      <c r="J18489" s="2">
        <v>0</v>
      </c>
      <c r="K18489" s="2">
        <v>1</v>
      </c>
      <c r="L18489" t="s">
        <v>995</v>
      </c>
      <c r="M18489" t="s">
        <v>83</v>
      </c>
      <c r="N18489" t="s">
        <v>91</v>
      </c>
      <c r="O18489" t="s">
        <v>85</v>
      </c>
      <c r="P18489" t="s">
        <v>86</v>
      </c>
      <c r="Q18489">
        <v>43</v>
      </c>
      <c r="R18489">
        <v>44</v>
      </c>
      <c r="S18489">
        <v>45</v>
      </c>
      <c r="T18489">
        <v>47</v>
      </c>
      <c r="U18489">
        <v>48</v>
      </c>
      <c r="V18489">
        <v>49</v>
      </c>
      <c r="W18489">
        <v>50</v>
      </c>
      <c r="X18489">
        <v>51</v>
      </c>
      <c r="Y18489">
        <v>53</v>
      </c>
      <c r="Z18489">
        <v>54</v>
      </c>
      <c r="AA18489">
        <v>55</v>
      </c>
      <c r="AB18489">
        <v>57</v>
      </c>
      <c r="AC18489">
        <v>58</v>
      </c>
      <c r="AD18489">
        <v>59</v>
      </c>
      <c r="AE18489">
        <v>61</v>
      </c>
      <c r="AF18489">
        <v>62</v>
      </c>
      <c r="AG18489">
        <v>64</v>
      </c>
      <c r="AH18489">
        <v>65</v>
      </c>
      <c r="AI18489">
        <v>67</v>
      </c>
      <c r="AJ18489">
        <v>68</v>
      </c>
      <c r="AK18489">
        <v>70</v>
      </c>
      <c r="AL18489">
        <v>71</v>
      </c>
      <c r="AM18489">
        <v>72</v>
      </c>
      <c r="AN18489">
        <v>73</v>
      </c>
      <c r="AO18489">
        <v>74</v>
      </c>
      <c r="AP18489">
        <v>75</v>
      </c>
      <c r="AQ18489">
        <v>76</v>
      </c>
    </row>
    <row r="18490" spans="1:43">
      <c r="A18490" t="s">
        <v>11458</v>
      </c>
      <c r="B18490" t="s">
        <v>11459</v>
      </c>
      <c r="C18490" t="s">
        <v>11460</v>
      </c>
      <c r="D18490" t="s">
        <v>11461</v>
      </c>
      <c r="E18490" t="s">
        <v>11206</v>
      </c>
      <c r="F18490" t="s">
        <v>11207</v>
      </c>
      <c r="G18490" t="s">
        <v>10734</v>
      </c>
      <c r="H18490" t="s">
        <v>10735</v>
      </c>
      <c r="I18490" s="2">
        <v>0</v>
      </c>
      <c r="J18490" s="2">
        <v>0</v>
      </c>
      <c r="K18490" s="2">
        <v>1</v>
      </c>
      <c r="L18490" t="s">
        <v>995</v>
      </c>
      <c r="M18490" t="s">
        <v>83</v>
      </c>
      <c r="N18490" t="s">
        <v>84</v>
      </c>
      <c r="O18490" t="s">
        <v>85</v>
      </c>
      <c r="P18490" t="s">
        <v>86</v>
      </c>
      <c r="Q18490">
        <v>23</v>
      </c>
      <c r="R18490">
        <v>24</v>
      </c>
      <c r="S18490">
        <v>25</v>
      </c>
      <c r="T18490">
        <v>25</v>
      </c>
      <c r="U18490">
        <v>26</v>
      </c>
      <c r="V18490">
        <v>26</v>
      </c>
      <c r="W18490">
        <v>27</v>
      </c>
      <c r="X18490">
        <v>28</v>
      </c>
      <c r="Y18490">
        <v>28</v>
      </c>
      <c r="Z18490">
        <v>29</v>
      </c>
      <c r="AA18490">
        <v>30</v>
      </c>
      <c r="AB18490">
        <v>31</v>
      </c>
      <c r="AC18490">
        <v>31</v>
      </c>
      <c r="AD18490">
        <v>32</v>
      </c>
      <c r="AE18490">
        <v>33</v>
      </c>
      <c r="AF18490">
        <v>34</v>
      </c>
      <c r="AG18490">
        <v>34</v>
      </c>
      <c r="AH18490">
        <v>35</v>
      </c>
      <c r="AI18490">
        <v>36</v>
      </c>
      <c r="AJ18490">
        <v>37</v>
      </c>
      <c r="AK18490">
        <v>38</v>
      </c>
      <c r="AL18490">
        <v>38</v>
      </c>
      <c r="AM18490">
        <v>39</v>
      </c>
      <c r="AN18490">
        <v>39</v>
      </c>
      <c r="AO18490">
        <v>40</v>
      </c>
      <c r="AP18490">
        <v>40</v>
      </c>
      <c r="AQ18490">
        <v>41</v>
      </c>
    </row>
    <row r="18491" spans="1:43">
      <c r="A18491" t="s">
        <v>11458</v>
      </c>
      <c r="B18491" t="s">
        <v>11459</v>
      </c>
      <c r="C18491" t="s">
        <v>11460</v>
      </c>
      <c r="D18491" t="s">
        <v>11461</v>
      </c>
      <c r="E18491" t="s">
        <v>11206</v>
      </c>
      <c r="F18491" t="s">
        <v>11207</v>
      </c>
      <c r="G18491" t="s">
        <v>10734</v>
      </c>
      <c r="H18491" t="s">
        <v>10735</v>
      </c>
      <c r="I18491" s="2">
        <v>0</v>
      </c>
      <c r="J18491" s="2">
        <v>0</v>
      </c>
      <c r="K18491" s="2">
        <v>1</v>
      </c>
      <c r="L18491" t="s">
        <v>995</v>
      </c>
      <c r="M18491" t="s">
        <v>87</v>
      </c>
      <c r="N18491" t="s">
        <v>88</v>
      </c>
      <c r="O18491" t="s">
        <v>85</v>
      </c>
      <c r="P18491" t="s">
        <v>86</v>
      </c>
      <c r="Q18491">
        <v>23</v>
      </c>
      <c r="R18491">
        <v>23</v>
      </c>
      <c r="S18491">
        <v>24</v>
      </c>
      <c r="T18491">
        <v>24</v>
      </c>
      <c r="U18491">
        <v>25</v>
      </c>
      <c r="V18491">
        <v>25</v>
      </c>
      <c r="W18491">
        <v>26</v>
      </c>
      <c r="X18491">
        <v>26</v>
      </c>
      <c r="Y18491">
        <v>26</v>
      </c>
      <c r="Z18491">
        <v>27</v>
      </c>
      <c r="AA18491">
        <v>27</v>
      </c>
      <c r="AB18491">
        <v>28</v>
      </c>
      <c r="AC18491">
        <v>28</v>
      </c>
      <c r="AD18491">
        <v>29</v>
      </c>
      <c r="AE18491">
        <v>29</v>
      </c>
      <c r="AF18491">
        <v>30</v>
      </c>
      <c r="AG18491">
        <v>30</v>
      </c>
      <c r="AH18491">
        <v>31</v>
      </c>
      <c r="AI18491">
        <v>31</v>
      </c>
      <c r="AJ18491">
        <v>32</v>
      </c>
      <c r="AK18491">
        <v>32</v>
      </c>
      <c r="AL18491">
        <v>33</v>
      </c>
      <c r="AM18491">
        <v>33</v>
      </c>
      <c r="AN18491">
        <v>34</v>
      </c>
      <c r="AO18491">
        <v>34</v>
      </c>
      <c r="AP18491">
        <v>35</v>
      </c>
      <c r="AQ18491">
        <v>36</v>
      </c>
    </row>
    <row r="18492" spans="1:43">
      <c r="A18492" t="s">
        <v>11458</v>
      </c>
      <c r="B18492" t="s">
        <v>11459</v>
      </c>
      <c r="C18492" t="s">
        <v>11460</v>
      </c>
      <c r="D18492" t="s">
        <v>11461</v>
      </c>
      <c r="E18492" t="s">
        <v>11206</v>
      </c>
      <c r="F18492" t="s">
        <v>11207</v>
      </c>
      <c r="G18492" t="s">
        <v>10734</v>
      </c>
      <c r="H18492" t="s">
        <v>10735</v>
      </c>
      <c r="I18492" s="2">
        <v>0</v>
      </c>
      <c r="J18492" s="2">
        <v>0</v>
      </c>
      <c r="K18492" s="2">
        <v>1</v>
      </c>
      <c r="L18492" t="s">
        <v>995</v>
      </c>
      <c r="M18492" t="s">
        <v>89</v>
      </c>
      <c r="N18492" t="s">
        <v>90</v>
      </c>
      <c r="O18492" t="s">
        <v>85</v>
      </c>
      <c r="P18492" t="s">
        <v>86</v>
      </c>
      <c r="Q18492">
        <v>23</v>
      </c>
      <c r="R18492">
        <v>24</v>
      </c>
      <c r="S18492">
        <v>25</v>
      </c>
      <c r="T18492">
        <v>26</v>
      </c>
      <c r="U18492">
        <v>27</v>
      </c>
      <c r="V18492">
        <v>28</v>
      </c>
      <c r="W18492">
        <v>29</v>
      </c>
      <c r="X18492">
        <v>29</v>
      </c>
      <c r="Y18492">
        <v>30</v>
      </c>
      <c r="Z18492">
        <v>31</v>
      </c>
      <c r="AA18492">
        <v>32</v>
      </c>
      <c r="AB18492">
        <v>33</v>
      </c>
      <c r="AC18492">
        <v>34</v>
      </c>
      <c r="AD18492">
        <v>34</v>
      </c>
      <c r="AE18492">
        <v>35</v>
      </c>
      <c r="AF18492">
        <v>36</v>
      </c>
      <c r="AG18492">
        <v>36</v>
      </c>
      <c r="AH18492">
        <v>37</v>
      </c>
      <c r="AI18492">
        <v>37</v>
      </c>
      <c r="AJ18492">
        <v>38</v>
      </c>
      <c r="AK18492">
        <v>38</v>
      </c>
      <c r="AL18492">
        <v>39</v>
      </c>
      <c r="AM18492">
        <v>39</v>
      </c>
      <c r="AN18492">
        <v>40</v>
      </c>
      <c r="AO18492">
        <v>40</v>
      </c>
      <c r="AP18492">
        <v>41</v>
      </c>
      <c r="AQ18492">
        <v>41</v>
      </c>
    </row>
    <row r="18493" spans="1:43">
      <c r="A18493" t="s">
        <v>11458</v>
      </c>
      <c r="B18493" t="s">
        <v>11459</v>
      </c>
      <c r="C18493" t="s">
        <v>11460</v>
      </c>
      <c r="D18493" t="s">
        <v>11461</v>
      </c>
      <c r="E18493" t="s">
        <v>11206</v>
      </c>
      <c r="F18493" t="s">
        <v>11207</v>
      </c>
      <c r="G18493" t="s">
        <v>10734</v>
      </c>
      <c r="H18493" t="s">
        <v>10735</v>
      </c>
      <c r="I18493" s="2">
        <v>0</v>
      </c>
      <c r="J18493" s="2">
        <v>0</v>
      </c>
      <c r="K18493" s="2">
        <v>1</v>
      </c>
      <c r="L18493" t="s">
        <v>995</v>
      </c>
      <c r="M18493" t="s">
        <v>83</v>
      </c>
      <c r="N18493" t="s">
        <v>91</v>
      </c>
      <c r="O18493" t="s">
        <v>85</v>
      </c>
      <c r="P18493" t="s">
        <v>86</v>
      </c>
      <c r="Q18493">
        <v>23</v>
      </c>
      <c r="R18493">
        <v>24</v>
      </c>
      <c r="S18493">
        <v>25</v>
      </c>
      <c r="T18493">
        <v>25</v>
      </c>
      <c r="U18493">
        <v>26</v>
      </c>
      <c r="V18493">
        <v>26</v>
      </c>
      <c r="W18493">
        <v>27</v>
      </c>
      <c r="X18493">
        <v>28</v>
      </c>
      <c r="Y18493">
        <v>28</v>
      </c>
      <c r="Z18493">
        <v>29</v>
      </c>
      <c r="AA18493">
        <v>30</v>
      </c>
      <c r="AB18493">
        <v>31</v>
      </c>
      <c r="AC18493">
        <v>31</v>
      </c>
      <c r="AD18493">
        <v>32</v>
      </c>
      <c r="AE18493">
        <v>33</v>
      </c>
      <c r="AF18493">
        <v>34</v>
      </c>
      <c r="AG18493">
        <v>34</v>
      </c>
      <c r="AH18493">
        <v>35</v>
      </c>
      <c r="AI18493">
        <v>36</v>
      </c>
      <c r="AJ18493">
        <v>37</v>
      </c>
      <c r="AK18493">
        <v>38</v>
      </c>
      <c r="AL18493">
        <v>38</v>
      </c>
      <c r="AM18493">
        <v>39</v>
      </c>
      <c r="AN18493">
        <v>39</v>
      </c>
      <c r="AO18493">
        <v>40</v>
      </c>
      <c r="AP18493">
        <v>40</v>
      </c>
      <c r="AQ18493">
        <v>41</v>
      </c>
    </row>
    <row r="18494" spans="1:43">
      <c r="A18494" t="s">
        <v>11462</v>
      </c>
      <c r="B18494" t="s">
        <v>11463</v>
      </c>
      <c r="C18494" t="s">
        <v>11460</v>
      </c>
      <c r="D18494" t="s">
        <v>11461</v>
      </c>
      <c r="E18494" t="s">
        <v>11206</v>
      </c>
      <c r="F18494" t="s">
        <v>11207</v>
      </c>
      <c r="G18494" t="s">
        <v>10734</v>
      </c>
      <c r="H18494" t="s">
        <v>10735</v>
      </c>
      <c r="I18494" s="2">
        <v>0</v>
      </c>
      <c r="J18494" s="2">
        <v>0</v>
      </c>
      <c r="K18494" s="2">
        <v>1</v>
      </c>
      <c r="L18494" t="s">
        <v>995</v>
      </c>
      <c r="M18494" t="s">
        <v>83</v>
      </c>
      <c r="N18494" t="s">
        <v>84</v>
      </c>
      <c r="O18494" t="s">
        <v>85</v>
      </c>
      <c r="P18494" t="s">
        <v>86</v>
      </c>
      <c r="Q18494">
        <v>12</v>
      </c>
      <c r="R18494">
        <v>13</v>
      </c>
      <c r="S18494">
        <v>13</v>
      </c>
      <c r="T18494">
        <v>13</v>
      </c>
      <c r="U18494">
        <v>14</v>
      </c>
      <c r="V18494">
        <v>14</v>
      </c>
      <c r="W18494">
        <v>14</v>
      </c>
      <c r="X18494">
        <v>15</v>
      </c>
      <c r="Y18494">
        <v>15</v>
      </c>
      <c r="Z18494">
        <v>15</v>
      </c>
      <c r="AA18494">
        <v>16</v>
      </c>
      <c r="AB18494">
        <v>16</v>
      </c>
      <c r="AC18494">
        <v>16</v>
      </c>
      <c r="AD18494">
        <v>17</v>
      </c>
      <c r="AE18494">
        <v>17</v>
      </c>
      <c r="AF18494">
        <v>18</v>
      </c>
      <c r="AG18494">
        <v>18</v>
      </c>
      <c r="AH18494">
        <v>18</v>
      </c>
      <c r="AI18494">
        <v>19</v>
      </c>
      <c r="AJ18494">
        <v>19</v>
      </c>
      <c r="AK18494">
        <v>20</v>
      </c>
      <c r="AL18494">
        <v>20</v>
      </c>
      <c r="AM18494">
        <v>20</v>
      </c>
      <c r="AN18494">
        <v>21</v>
      </c>
      <c r="AO18494">
        <v>21</v>
      </c>
      <c r="AP18494">
        <v>21</v>
      </c>
      <c r="AQ18494">
        <v>22</v>
      </c>
    </row>
    <row r="18495" spans="1:43">
      <c r="A18495" t="s">
        <v>11462</v>
      </c>
      <c r="B18495" t="s">
        <v>11463</v>
      </c>
      <c r="C18495" t="s">
        <v>11460</v>
      </c>
      <c r="D18495" t="s">
        <v>11461</v>
      </c>
      <c r="E18495" t="s">
        <v>11206</v>
      </c>
      <c r="F18495" t="s">
        <v>11207</v>
      </c>
      <c r="G18495" t="s">
        <v>10734</v>
      </c>
      <c r="H18495" t="s">
        <v>10735</v>
      </c>
      <c r="I18495" s="2">
        <v>0</v>
      </c>
      <c r="J18495" s="2">
        <v>0</v>
      </c>
      <c r="K18495" s="2">
        <v>1</v>
      </c>
      <c r="L18495" t="s">
        <v>995</v>
      </c>
      <c r="M18495" t="s">
        <v>87</v>
      </c>
      <c r="N18495" t="s">
        <v>88</v>
      </c>
      <c r="O18495" t="s">
        <v>85</v>
      </c>
      <c r="P18495" t="s">
        <v>86</v>
      </c>
      <c r="Q18495">
        <v>12</v>
      </c>
      <c r="R18495">
        <v>12</v>
      </c>
      <c r="S18495">
        <v>13</v>
      </c>
      <c r="T18495">
        <v>13</v>
      </c>
      <c r="U18495">
        <v>13</v>
      </c>
      <c r="V18495">
        <v>13</v>
      </c>
      <c r="W18495">
        <v>13</v>
      </c>
      <c r="X18495">
        <v>14</v>
      </c>
      <c r="Y18495">
        <v>14</v>
      </c>
      <c r="Z18495">
        <v>14</v>
      </c>
      <c r="AA18495">
        <v>14</v>
      </c>
      <c r="AB18495">
        <v>15</v>
      </c>
      <c r="AC18495">
        <v>15</v>
      </c>
      <c r="AD18495">
        <v>15</v>
      </c>
      <c r="AE18495">
        <v>15</v>
      </c>
      <c r="AF18495">
        <v>16</v>
      </c>
      <c r="AG18495">
        <v>16</v>
      </c>
      <c r="AH18495">
        <v>16</v>
      </c>
      <c r="AI18495">
        <v>16</v>
      </c>
      <c r="AJ18495">
        <v>17</v>
      </c>
      <c r="AK18495">
        <v>17</v>
      </c>
      <c r="AL18495">
        <v>17</v>
      </c>
      <c r="AM18495">
        <v>17</v>
      </c>
      <c r="AN18495">
        <v>18</v>
      </c>
      <c r="AO18495">
        <v>18</v>
      </c>
      <c r="AP18495">
        <v>18</v>
      </c>
      <c r="AQ18495">
        <v>19</v>
      </c>
    </row>
    <row r="18496" spans="1:43">
      <c r="A18496" t="s">
        <v>11462</v>
      </c>
      <c r="B18496" t="s">
        <v>11463</v>
      </c>
      <c r="C18496" t="s">
        <v>11460</v>
      </c>
      <c r="D18496" t="s">
        <v>11461</v>
      </c>
      <c r="E18496" t="s">
        <v>11206</v>
      </c>
      <c r="F18496" t="s">
        <v>11207</v>
      </c>
      <c r="G18496" t="s">
        <v>10734</v>
      </c>
      <c r="H18496" t="s">
        <v>10735</v>
      </c>
      <c r="I18496" s="2">
        <v>0</v>
      </c>
      <c r="J18496" s="2">
        <v>0</v>
      </c>
      <c r="K18496" s="2">
        <v>1</v>
      </c>
      <c r="L18496" t="s">
        <v>995</v>
      </c>
      <c r="M18496" t="s">
        <v>89</v>
      </c>
      <c r="N18496" t="s">
        <v>90</v>
      </c>
      <c r="O18496" t="s">
        <v>85</v>
      </c>
      <c r="P18496" t="s">
        <v>86</v>
      </c>
      <c r="Q18496">
        <v>12</v>
      </c>
      <c r="R18496">
        <v>13</v>
      </c>
      <c r="S18496">
        <v>13</v>
      </c>
      <c r="T18496">
        <v>14</v>
      </c>
      <c r="U18496">
        <v>14</v>
      </c>
      <c r="V18496">
        <v>15</v>
      </c>
      <c r="W18496">
        <v>15</v>
      </c>
      <c r="X18496">
        <v>15</v>
      </c>
      <c r="Y18496">
        <v>16</v>
      </c>
      <c r="Z18496">
        <v>16</v>
      </c>
      <c r="AA18496">
        <v>17</v>
      </c>
      <c r="AB18496">
        <v>17</v>
      </c>
      <c r="AC18496">
        <v>18</v>
      </c>
      <c r="AD18496">
        <v>18</v>
      </c>
      <c r="AE18496">
        <v>18</v>
      </c>
      <c r="AF18496">
        <v>19</v>
      </c>
      <c r="AG18496">
        <v>19</v>
      </c>
      <c r="AH18496">
        <v>19</v>
      </c>
      <c r="AI18496">
        <v>19</v>
      </c>
      <c r="AJ18496">
        <v>20</v>
      </c>
      <c r="AK18496">
        <v>20</v>
      </c>
      <c r="AL18496">
        <v>20</v>
      </c>
      <c r="AM18496">
        <v>21</v>
      </c>
      <c r="AN18496">
        <v>21</v>
      </c>
      <c r="AO18496">
        <v>21</v>
      </c>
      <c r="AP18496">
        <v>21</v>
      </c>
      <c r="AQ18496">
        <v>22</v>
      </c>
    </row>
    <row r="18497" spans="1:43">
      <c r="A18497" t="s">
        <v>11462</v>
      </c>
      <c r="B18497" t="s">
        <v>11463</v>
      </c>
      <c r="C18497" t="s">
        <v>11460</v>
      </c>
      <c r="D18497" t="s">
        <v>11461</v>
      </c>
      <c r="E18497" t="s">
        <v>11206</v>
      </c>
      <c r="F18497" t="s">
        <v>11207</v>
      </c>
      <c r="G18497" t="s">
        <v>10734</v>
      </c>
      <c r="H18497" t="s">
        <v>10735</v>
      </c>
      <c r="I18497" s="2">
        <v>0</v>
      </c>
      <c r="J18497" s="2">
        <v>0</v>
      </c>
      <c r="K18497" s="2">
        <v>1</v>
      </c>
      <c r="L18497" t="s">
        <v>995</v>
      </c>
      <c r="M18497" t="s">
        <v>83</v>
      </c>
      <c r="N18497" t="s">
        <v>91</v>
      </c>
      <c r="O18497" t="s">
        <v>85</v>
      </c>
      <c r="P18497" t="s">
        <v>86</v>
      </c>
      <c r="Q18497">
        <v>12</v>
      </c>
      <c r="R18497">
        <v>13</v>
      </c>
      <c r="S18497">
        <v>13</v>
      </c>
      <c r="T18497">
        <v>13</v>
      </c>
      <c r="U18497">
        <v>14</v>
      </c>
      <c r="V18497">
        <v>14</v>
      </c>
      <c r="W18497">
        <v>14</v>
      </c>
      <c r="X18497">
        <v>15</v>
      </c>
      <c r="Y18497">
        <v>15</v>
      </c>
      <c r="Z18497">
        <v>15</v>
      </c>
      <c r="AA18497">
        <v>16</v>
      </c>
      <c r="AB18497">
        <v>16</v>
      </c>
      <c r="AC18497">
        <v>16</v>
      </c>
      <c r="AD18497">
        <v>17</v>
      </c>
      <c r="AE18497">
        <v>17</v>
      </c>
      <c r="AF18497">
        <v>18</v>
      </c>
      <c r="AG18497">
        <v>18</v>
      </c>
      <c r="AH18497">
        <v>18</v>
      </c>
      <c r="AI18497">
        <v>19</v>
      </c>
      <c r="AJ18497">
        <v>19</v>
      </c>
      <c r="AK18497">
        <v>20</v>
      </c>
      <c r="AL18497">
        <v>20</v>
      </c>
      <c r="AM18497">
        <v>20</v>
      </c>
      <c r="AN18497">
        <v>21</v>
      </c>
      <c r="AO18497">
        <v>21</v>
      </c>
      <c r="AP18497">
        <v>21</v>
      </c>
      <c r="AQ18497">
        <v>22</v>
      </c>
    </row>
    <row r="18498" spans="1:43">
      <c r="A18498" t="s">
        <v>11464</v>
      </c>
      <c r="B18498" t="s">
        <v>11465</v>
      </c>
      <c r="C18498" t="s">
        <v>11460</v>
      </c>
      <c r="D18498" t="s">
        <v>11461</v>
      </c>
      <c r="E18498" t="s">
        <v>11206</v>
      </c>
      <c r="F18498" t="s">
        <v>11207</v>
      </c>
      <c r="G18498" t="s">
        <v>10734</v>
      </c>
      <c r="H18498" t="s">
        <v>10735</v>
      </c>
      <c r="I18498" s="2">
        <v>0</v>
      </c>
      <c r="J18498" s="2">
        <v>0</v>
      </c>
      <c r="K18498" s="2">
        <v>1</v>
      </c>
      <c r="L18498" t="s">
        <v>995</v>
      </c>
      <c r="M18498" t="s">
        <v>83</v>
      </c>
      <c r="N18498" t="s">
        <v>84</v>
      </c>
      <c r="O18498" t="s">
        <v>85</v>
      </c>
      <c r="P18498" t="s">
        <v>86</v>
      </c>
      <c r="Q18498">
        <v>9</v>
      </c>
      <c r="R18498">
        <v>10</v>
      </c>
      <c r="S18498">
        <v>10</v>
      </c>
      <c r="T18498">
        <v>10</v>
      </c>
      <c r="U18498">
        <v>10</v>
      </c>
      <c r="V18498">
        <v>11</v>
      </c>
      <c r="W18498">
        <v>11</v>
      </c>
      <c r="X18498">
        <v>11</v>
      </c>
      <c r="Y18498">
        <v>12</v>
      </c>
      <c r="Z18498">
        <v>12</v>
      </c>
      <c r="AA18498">
        <v>12</v>
      </c>
      <c r="AB18498">
        <v>12</v>
      </c>
      <c r="AC18498">
        <v>13</v>
      </c>
      <c r="AD18498">
        <v>13</v>
      </c>
      <c r="AE18498">
        <v>13</v>
      </c>
      <c r="AF18498">
        <v>14</v>
      </c>
      <c r="AG18498">
        <v>14</v>
      </c>
      <c r="AH18498">
        <v>14</v>
      </c>
      <c r="AI18498">
        <v>15</v>
      </c>
      <c r="AJ18498">
        <v>15</v>
      </c>
      <c r="AK18498">
        <v>15</v>
      </c>
      <c r="AL18498">
        <v>16</v>
      </c>
      <c r="AM18498">
        <v>16</v>
      </c>
      <c r="AN18498">
        <v>16</v>
      </c>
      <c r="AO18498">
        <v>16</v>
      </c>
      <c r="AP18498">
        <v>16</v>
      </c>
      <c r="AQ18498">
        <v>17</v>
      </c>
    </row>
    <row r="18499" spans="1:43">
      <c r="A18499" t="s">
        <v>11464</v>
      </c>
      <c r="B18499" t="s">
        <v>11465</v>
      </c>
      <c r="C18499" t="s">
        <v>11460</v>
      </c>
      <c r="D18499" t="s">
        <v>11461</v>
      </c>
      <c r="E18499" t="s">
        <v>11206</v>
      </c>
      <c r="F18499" t="s">
        <v>11207</v>
      </c>
      <c r="G18499" t="s">
        <v>10734</v>
      </c>
      <c r="H18499" t="s">
        <v>10735</v>
      </c>
      <c r="I18499" s="2">
        <v>0</v>
      </c>
      <c r="J18499" s="2">
        <v>0</v>
      </c>
      <c r="K18499" s="2">
        <v>1</v>
      </c>
      <c r="L18499" t="s">
        <v>995</v>
      </c>
      <c r="M18499" t="s">
        <v>87</v>
      </c>
      <c r="N18499" t="s">
        <v>88</v>
      </c>
      <c r="O18499" t="s">
        <v>85</v>
      </c>
      <c r="P18499" t="s">
        <v>86</v>
      </c>
      <c r="Q18499">
        <v>9</v>
      </c>
      <c r="R18499">
        <v>10</v>
      </c>
      <c r="S18499">
        <v>10</v>
      </c>
      <c r="T18499">
        <v>10</v>
      </c>
      <c r="U18499">
        <v>10</v>
      </c>
      <c r="V18499">
        <v>10</v>
      </c>
      <c r="W18499">
        <v>10</v>
      </c>
      <c r="X18499">
        <v>11</v>
      </c>
      <c r="Y18499">
        <v>11</v>
      </c>
      <c r="Z18499">
        <v>11</v>
      </c>
      <c r="AA18499">
        <v>11</v>
      </c>
      <c r="AB18499">
        <v>11</v>
      </c>
      <c r="AC18499">
        <v>11</v>
      </c>
      <c r="AD18499">
        <v>12</v>
      </c>
      <c r="AE18499">
        <v>12</v>
      </c>
      <c r="AF18499">
        <v>12</v>
      </c>
      <c r="AG18499">
        <v>12</v>
      </c>
      <c r="AH18499">
        <v>12</v>
      </c>
      <c r="AI18499">
        <v>13</v>
      </c>
      <c r="AJ18499">
        <v>13</v>
      </c>
      <c r="AK18499">
        <v>13</v>
      </c>
      <c r="AL18499">
        <v>13</v>
      </c>
      <c r="AM18499">
        <v>14</v>
      </c>
      <c r="AN18499">
        <v>14</v>
      </c>
      <c r="AO18499">
        <v>14</v>
      </c>
      <c r="AP18499">
        <v>14</v>
      </c>
      <c r="AQ18499">
        <v>15</v>
      </c>
    </row>
    <row r="18500" spans="1:43">
      <c r="A18500" t="s">
        <v>11464</v>
      </c>
      <c r="B18500" t="s">
        <v>11465</v>
      </c>
      <c r="C18500" t="s">
        <v>11460</v>
      </c>
      <c r="D18500" t="s">
        <v>11461</v>
      </c>
      <c r="E18500" t="s">
        <v>11206</v>
      </c>
      <c r="F18500" t="s">
        <v>11207</v>
      </c>
      <c r="G18500" t="s">
        <v>10734</v>
      </c>
      <c r="H18500" t="s">
        <v>10735</v>
      </c>
      <c r="I18500" s="2">
        <v>0</v>
      </c>
      <c r="J18500" s="2">
        <v>0</v>
      </c>
      <c r="K18500" s="2">
        <v>1</v>
      </c>
      <c r="L18500" t="s">
        <v>995</v>
      </c>
      <c r="M18500" t="s">
        <v>89</v>
      </c>
      <c r="N18500" t="s">
        <v>90</v>
      </c>
      <c r="O18500" t="s">
        <v>85</v>
      </c>
      <c r="P18500" t="s">
        <v>86</v>
      </c>
      <c r="Q18500">
        <v>9</v>
      </c>
      <c r="R18500">
        <v>9</v>
      </c>
      <c r="S18500">
        <v>9</v>
      </c>
      <c r="T18500">
        <v>10</v>
      </c>
      <c r="U18500">
        <v>10</v>
      </c>
      <c r="V18500">
        <v>10</v>
      </c>
      <c r="W18500">
        <v>11</v>
      </c>
      <c r="X18500">
        <v>11</v>
      </c>
      <c r="Y18500">
        <v>11</v>
      </c>
      <c r="Z18500">
        <v>12</v>
      </c>
      <c r="AA18500">
        <v>12</v>
      </c>
      <c r="AB18500">
        <v>12</v>
      </c>
      <c r="AC18500">
        <v>13</v>
      </c>
      <c r="AD18500">
        <v>13</v>
      </c>
      <c r="AE18500">
        <v>13</v>
      </c>
      <c r="AF18500">
        <v>13</v>
      </c>
      <c r="AG18500">
        <v>14</v>
      </c>
      <c r="AH18500">
        <v>14</v>
      </c>
      <c r="AI18500">
        <v>14</v>
      </c>
      <c r="AJ18500">
        <v>14</v>
      </c>
      <c r="AK18500">
        <v>14</v>
      </c>
      <c r="AL18500">
        <v>15</v>
      </c>
      <c r="AM18500">
        <v>15</v>
      </c>
      <c r="AN18500">
        <v>15</v>
      </c>
      <c r="AO18500">
        <v>15</v>
      </c>
      <c r="AP18500">
        <v>16</v>
      </c>
      <c r="AQ18500">
        <v>16</v>
      </c>
    </row>
    <row r="18501" spans="1:43">
      <c r="A18501" t="s">
        <v>11464</v>
      </c>
      <c r="B18501" t="s">
        <v>11465</v>
      </c>
      <c r="C18501" t="s">
        <v>11460</v>
      </c>
      <c r="D18501" t="s">
        <v>11461</v>
      </c>
      <c r="E18501" t="s">
        <v>11206</v>
      </c>
      <c r="F18501" t="s">
        <v>11207</v>
      </c>
      <c r="G18501" t="s">
        <v>10734</v>
      </c>
      <c r="H18501" t="s">
        <v>10735</v>
      </c>
      <c r="I18501" s="2">
        <v>0</v>
      </c>
      <c r="J18501" s="2">
        <v>0</v>
      </c>
      <c r="K18501" s="2">
        <v>1</v>
      </c>
      <c r="L18501" t="s">
        <v>995</v>
      </c>
      <c r="M18501" t="s">
        <v>83</v>
      </c>
      <c r="N18501" t="s">
        <v>91</v>
      </c>
      <c r="O18501" t="s">
        <v>85</v>
      </c>
      <c r="P18501" t="s">
        <v>86</v>
      </c>
      <c r="Q18501">
        <v>9</v>
      </c>
      <c r="R18501">
        <v>10</v>
      </c>
      <c r="S18501">
        <v>10</v>
      </c>
      <c r="T18501">
        <v>10</v>
      </c>
      <c r="U18501">
        <v>10</v>
      </c>
      <c r="V18501">
        <v>11</v>
      </c>
      <c r="W18501">
        <v>11</v>
      </c>
      <c r="X18501">
        <v>11</v>
      </c>
      <c r="Y18501">
        <v>12</v>
      </c>
      <c r="Z18501">
        <v>12</v>
      </c>
      <c r="AA18501">
        <v>12</v>
      </c>
      <c r="AB18501">
        <v>12</v>
      </c>
      <c r="AC18501">
        <v>13</v>
      </c>
      <c r="AD18501">
        <v>13</v>
      </c>
      <c r="AE18501">
        <v>13</v>
      </c>
      <c r="AF18501">
        <v>14</v>
      </c>
      <c r="AG18501">
        <v>14</v>
      </c>
      <c r="AH18501">
        <v>14</v>
      </c>
      <c r="AI18501">
        <v>15</v>
      </c>
      <c r="AJ18501">
        <v>15</v>
      </c>
      <c r="AK18501">
        <v>15</v>
      </c>
      <c r="AL18501">
        <v>16</v>
      </c>
      <c r="AM18501">
        <v>16</v>
      </c>
      <c r="AN18501">
        <v>16</v>
      </c>
      <c r="AO18501">
        <v>16</v>
      </c>
      <c r="AP18501">
        <v>16</v>
      </c>
      <c r="AQ18501">
        <v>17</v>
      </c>
    </row>
    <row r="18502" spans="1:43">
      <c r="A18502" t="s">
        <v>11466</v>
      </c>
      <c r="B18502" t="s">
        <v>11467</v>
      </c>
      <c r="C18502" t="s">
        <v>11454</v>
      </c>
      <c r="D18502" t="s">
        <v>11455</v>
      </c>
      <c r="E18502" t="s">
        <v>11206</v>
      </c>
      <c r="F18502" t="s">
        <v>11207</v>
      </c>
      <c r="G18502" t="s">
        <v>10734</v>
      </c>
      <c r="H18502" t="s">
        <v>10735</v>
      </c>
      <c r="I18502" s="2">
        <v>0</v>
      </c>
      <c r="J18502" s="2">
        <v>0</v>
      </c>
      <c r="K18502" s="2">
        <v>1</v>
      </c>
      <c r="L18502" t="s">
        <v>995</v>
      </c>
      <c r="M18502" t="s">
        <v>83</v>
      </c>
      <c r="N18502" t="s">
        <v>84</v>
      </c>
      <c r="O18502" t="s">
        <v>85</v>
      </c>
      <c r="P18502" t="s">
        <v>86</v>
      </c>
      <c r="Q18502">
        <v>13</v>
      </c>
      <c r="R18502">
        <v>14</v>
      </c>
      <c r="S18502">
        <v>14</v>
      </c>
      <c r="T18502">
        <v>14</v>
      </c>
      <c r="U18502">
        <v>15</v>
      </c>
      <c r="V18502">
        <v>15</v>
      </c>
      <c r="W18502">
        <v>15</v>
      </c>
      <c r="X18502">
        <v>16</v>
      </c>
      <c r="Y18502">
        <v>16</v>
      </c>
      <c r="Z18502">
        <v>17</v>
      </c>
      <c r="AA18502">
        <v>17</v>
      </c>
      <c r="AB18502">
        <v>17</v>
      </c>
      <c r="AC18502">
        <v>18</v>
      </c>
      <c r="AD18502">
        <v>18</v>
      </c>
      <c r="AE18502">
        <v>19</v>
      </c>
      <c r="AF18502">
        <v>19</v>
      </c>
      <c r="AG18502">
        <v>20</v>
      </c>
      <c r="AH18502">
        <v>20</v>
      </c>
      <c r="AI18502">
        <v>20</v>
      </c>
      <c r="AJ18502">
        <v>21</v>
      </c>
      <c r="AK18502">
        <v>21</v>
      </c>
      <c r="AL18502">
        <v>22</v>
      </c>
      <c r="AM18502">
        <v>22</v>
      </c>
      <c r="AN18502">
        <v>22</v>
      </c>
      <c r="AO18502">
        <v>23</v>
      </c>
      <c r="AP18502">
        <v>23</v>
      </c>
      <c r="AQ18502">
        <v>23</v>
      </c>
    </row>
    <row r="18503" spans="1:43">
      <c r="A18503" t="s">
        <v>11466</v>
      </c>
      <c r="B18503" t="s">
        <v>11467</v>
      </c>
      <c r="C18503" t="s">
        <v>11454</v>
      </c>
      <c r="D18503" t="s">
        <v>11455</v>
      </c>
      <c r="E18503" t="s">
        <v>11206</v>
      </c>
      <c r="F18503" t="s">
        <v>11207</v>
      </c>
      <c r="G18503" t="s">
        <v>10734</v>
      </c>
      <c r="H18503" t="s">
        <v>10735</v>
      </c>
      <c r="I18503" s="2">
        <v>0</v>
      </c>
      <c r="J18503" s="2">
        <v>0</v>
      </c>
      <c r="K18503" s="2">
        <v>1</v>
      </c>
      <c r="L18503" t="s">
        <v>995</v>
      </c>
      <c r="M18503" t="s">
        <v>87</v>
      </c>
      <c r="N18503" t="s">
        <v>88</v>
      </c>
      <c r="O18503" t="s">
        <v>85</v>
      </c>
      <c r="P18503" t="s">
        <v>86</v>
      </c>
      <c r="Q18503">
        <v>13</v>
      </c>
      <c r="R18503">
        <v>13</v>
      </c>
      <c r="S18503">
        <v>14</v>
      </c>
      <c r="T18503">
        <v>14</v>
      </c>
      <c r="U18503">
        <v>14</v>
      </c>
      <c r="V18503">
        <v>14</v>
      </c>
      <c r="W18503">
        <v>14</v>
      </c>
      <c r="X18503">
        <v>15</v>
      </c>
      <c r="Y18503">
        <v>15</v>
      </c>
      <c r="Z18503">
        <v>15</v>
      </c>
      <c r="AA18503">
        <v>15</v>
      </c>
      <c r="AB18503">
        <v>16</v>
      </c>
      <c r="AC18503">
        <v>16</v>
      </c>
      <c r="AD18503">
        <v>16</v>
      </c>
      <c r="AE18503">
        <v>17</v>
      </c>
      <c r="AF18503">
        <v>17</v>
      </c>
      <c r="AG18503">
        <v>17</v>
      </c>
      <c r="AH18503">
        <v>17</v>
      </c>
      <c r="AI18503">
        <v>18</v>
      </c>
      <c r="AJ18503">
        <v>18</v>
      </c>
      <c r="AK18503">
        <v>18</v>
      </c>
      <c r="AL18503">
        <v>19</v>
      </c>
      <c r="AM18503">
        <v>19</v>
      </c>
      <c r="AN18503">
        <v>19</v>
      </c>
      <c r="AO18503">
        <v>20</v>
      </c>
      <c r="AP18503">
        <v>20</v>
      </c>
      <c r="AQ18503">
        <v>20</v>
      </c>
    </row>
    <row r="18504" spans="1:43">
      <c r="A18504" t="s">
        <v>11466</v>
      </c>
      <c r="B18504" t="s">
        <v>11467</v>
      </c>
      <c r="C18504" t="s">
        <v>11454</v>
      </c>
      <c r="D18504" t="s">
        <v>11455</v>
      </c>
      <c r="E18504" t="s">
        <v>11206</v>
      </c>
      <c r="F18504" t="s">
        <v>11207</v>
      </c>
      <c r="G18504" t="s">
        <v>10734</v>
      </c>
      <c r="H18504" t="s">
        <v>10735</v>
      </c>
      <c r="I18504" s="2">
        <v>0</v>
      </c>
      <c r="J18504" s="2">
        <v>0</v>
      </c>
      <c r="K18504" s="2">
        <v>1</v>
      </c>
      <c r="L18504" t="s">
        <v>995</v>
      </c>
      <c r="M18504" t="s">
        <v>89</v>
      </c>
      <c r="N18504" t="s">
        <v>90</v>
      </c>
      <c r="O18504" t="s">
        <v>85</v>
      </c>
      <c r="P18504" t="s">
        <v>86</v>
      </c>
      <c r="Q18504">
        <v>13</v>
      </c>
      <c r="R18504">
        <v>14</v>
      </c>
      <c r="S18504">
        <v>14</v>
      </c>
      <c r="T18504">
        <v>15</v>
      </c>
      <c r="U18504">
        <v>15</v>
      </c>
      <c r="V18504">
        <v>16</v>
      </c>
      <c r="W18504">
        <v>16</v>
      </c>
      <c r="X18504">
        <v>17</v>
      </c>
      <c r="Y18504">
        <v>17</v>
      </c>
      <c r="Z18504">
        <v>18</v>
      </c>
      <c r="AA18504">
        <v>18</v>
      </c>
      <c r="AB18504">
        <v>19</v>
      </c>
      <c r="AC18504">
        <v>19</v>
      </c>
      <c r="AD18504">
        <v>20</v>
      </c>
      <c r="AE18504">
        <v>20</v>
      </c>
      <c r="AF18504">
        <v>20</v>
      </c>
      <c r="AG18504">
        <v>20</v>
      </c>
      <c r="AH18504">
        <v>21</v>
      </c>
      <c r="AI18504">
        <v>21</v>
      </c>
      <c r="AJ18504">
        <v>21</v>
      </c>
      <c r="AK18504">
        <v>22</v>
      </c>
      <c r="AL18504">
        <v>22</v>
      </c>
      <c r="AM18504">
        <v>22</v>
      </c>
      <c r="AN18504">
        <v>23</v>
      </c>
      <c r="AO18504">
        <v>23</v>
      </c>
      <c r="AP18504">
        <v>23</v>
      </c>
      <c r="AQ18504">
        <v>23</v>
      </c>
    </row>
    <row r="18505" spans="1:43">
      <c r="A18505" t="s">
        <v>11466</v>
      </c>
      <c r="B18505" t="s">
        <v>11467</v>
      </c>
      <c r="C18505" t="s">
        <v>11454</v>
      </c>
      <c r="D18505" t="s">
        <v>11455</v>
      </c>
      <c r="E18505" t="s">
        <v>11206</v>
      </c>
      <c r="F18505" t="s">
        <v>11207</v>
      </c>
      <c r="G18505" t="s">
        <v>10734</v>
      </c>
      <c r="H18505" t="s">
        <v>10735</v>
      </c>
      <c r="I18505" s="2">
        <v>0</v>
      </c>
      <c r="J18505" s="2">
        <v>0</v>
      </c>
      <c r="K18505" s="2">
        <v>1</v>
      </c>
      <c r="L18505" t="s">
        <v>995</v>
      </c>
      <c r="M18505" t="s">
        <v>83</v>
      </c>
      <c r="N18505" t="s">
        <v>91</v>
      </c>
      <c r="O18505" t="s">
        <v>85</v>
      </c>
      <c r="P18505" t="s">
        <v>86</v>
      </c>
      <c r="Q18505">
        <v>13</v>
      </c>
      <c r="R18505">
        <v>14</v>
      </c>
      <c r="S18505">
        <v>14</v>
      </c>
      <c r="T18505">
        <v>14</v>
      </c>
      <c r="U18505">
        <v>15</v>
      </c>
      <c r="V18505">
        <v>15</v>
      </c>
      <c r="W18505">
        <v>15</v>
      </c>
      <c r="X18505">
        <v>16</v>
      </c>
      <c r="Y18505">
        <v>16</v>
      </c>
      <c r="Z18505">
        <v>17</v>
      </c>
      <c r="AA18505">
        <v>17</v>
      </c>
      <c r="AB18505">
        <v>17</v>
      </c>
      <c r="AC18505">
        <v>18</v>
      </c>
      <c r="AD18505">
        <v>18</v>
      </c>
      <c r="AE18505">
        <v>19</v>
      </c>
      <c r="AF18505">
        <v>19</v>
      </c>
      <c r="AG18505">
        <v>20</v>
      </c>
      <c r="AH18505">
        <v>20</v>
      </c>
      <c r="AI18505">
        <v>20</v>
      </c>
      <c r="AJ18505">
        <v>21</v>
      </c>
      <c r="AK18505">
        <v>21</v>
      </c>
      <c r="AL18505">
        <v>22</v>
      </c>
      <c r="AM18505">
        <v>22</v>
      </c>
      <c r="AN18505">
        <v>22</v>
      </c>
      <c r="AO18505">
        <v>23</v>
      </c>
      <c r="AP18505">
        <v>23</v>
      </c>
      <c r="AQ18505">
        <v>23</v>
      </c>
    </row>
    <row r="18506" spans="1:43">
      <c r="A18506" t="s">
        <v>11468</v>
      </c>
      <c r="B18506" t="s">
        <v>11469</v>
      </c>
      <c r="C18506" t="s">
        <v>11218</v>
      </c>
      <c r="D18506" t="s">
        <v>11219</v>
      </c>
      <c r="E18506" t="s">
        <v>11206</v>
      </c>
      <c r="F18506" t="s">
        <v>11207</v>
      </c>
      <c r="G18506" t="s">
        <v>10734</v>
      </c>
      <c r="H18506" t="s">
        <v>10735</v>
      </c>
      <c r="I18506" s="2">
        <v>0</v>
      </c>
      <c r="J18506" s="2">
        <v>0</v>
      </c>
      <c r="K18506" s="2">
        <v>1</v>
      </c>
      <c r="L18506" t="s">
        <v>995</v>
      </c>
      <c r="M18506" t="s">
        <v>83</v>
      </c>
      <c r="N18506" t="s">
        <v>84</v>
      </c>
      <c r="O18506" t="s">
        <v>85</v>
      </c>
      <c r="P18506" t="s">
        <v>86</v>
      </c>
      <c r="Q18506">
        <v>14</v>
      </c>
      <c r="R18506">
        <v>14</v>
      </c>
      <c r="S18506">
        <v>14</v>
      </c>
      <c r="T18506">
        <v>15</v>
      </c>
      <c r="U18506">
        <v>15</v>
      </c>
      <c r="V18506">
        <v>16</v>
      </c>
      <c r="W18506">
        <v>16</v>
      </c>
      <c r="X18506">
        <v>16</v>
      </c>
      <c r="Y18506">
        <v>17</v>
      </c>
      <c r="Z18506">
        <v>17</v>
      </c>
      <c r="AA18506">
        <v>18</v>
      </c>
      <c r="AB18506">
        <v>18</v>
      </c>
      <c r="AC18506">
        <v>18</v>
      </c>
      <c r="AD18506">
        <v>19</v>
      </c>
      <c r="AE18506">
        <v>19</v>
      </c>
      <c r="AF18506">
        <v>20</v>
      </c>
      <c r="AG18506">
        <v>20</v>
      </c>
      <c r="AH18506">
        <v>21</v>
      </c>
      <c r="AI18506">
        <v>21</v>
      </c>
      <c r="AJ18506">
        <v>22</v>
      </c>
      <c r="AK18506">
        <v>22</v>
      </c>
      <c r="AL18506">
        <v>23</v>
      </c>
      <c r="AM18506">
        <v>23</v>
      </c>
      <c r="AN18506">
        <v>23</v>
      </c>
      <c r="AO18506">
        <v>23</v>
      </c>
      <c r="AP18506">
        <v>24</v>
      </c>
      <c r="AQ18506">
        <v>24</v>
      </c>
    </row>
    <row r="18507" spans="1:43">
      <c r="A18507" t="s">
        <v>11468</v>
      </c>
      <c r="B18507" t="s">
        <v>11469</v>
      </c>
      <c r="C18507" t="s">
        <v>11218</v>
      </c>
      <c r="D18507" t="s">
        <v>11219</v>
      </c>
      <c r="E18507" t="s">
        <v>11206</v>
      </c>
      <c r="F18507" t="s">
        <v>11207</v>
      </c>
      <c r="G18507" t="s">
        <v>10734</v>
      </c>
      <c r="H18507" t="s">
        <v>10735</v>
      </c>
      <c r="I18507" s="2">
        <v>0</v>
      </c>
      <c r="J18507" s="2">
        <v>0</v>
      </c>
      <c r="K18507" s="2">
        <v>1</v>
      </c>
      <c r="L18507" t="s">
        <v>995</v>
      </c>
      <c r="M18507" t="s">
        <v>87</v>
      </c>
      <c r="N18507" t="s">
        <v>88</v>
      </c>
      <c r="O18507" t="s">
        <v>85</v>
      </c>
      <c r="P18507" t="s">
        <v>86</v>
      </c>
      <c r="Q18507">
        <v>14</v>
      </c>
      <c r="R18507">
        <v>14</v>
      </c>
      <c r="S18507">
        <v>14</v>
      </c>
      <c r="T18507">
        <v>14</v>
      </c>
      <c r="U18507">
        <v>15</v>
      </c>
      <c r="V18507">
        <v>15</v>
      </c>
      <c r="W18507">
        <v>15</v>
      </c>
      <c r="X18507">
        <v>15</v>
      </c>
      <c r="Y18507">
        <v>16</v>
      </c>
      <c r="Z18507">
        <v>16</v>
      </c>
      <c r="AA18507">
        <v>16</v>
      </c>
      <c r="AB18507">
        <v>16</v>
      </c>
      <c r="AC18507">
        <v>17</v>
      </c>
      <c r="AD18507">
        <v>17</v>
      </c>
      <c r="AE18507">
        <v>17</v>
      </c>
      <c r="AF18507">
        <v>17</v>
      </c>
      <c r="AG18507">
        <v>18</v>
      </c>
      <c r="AH18507">
        <v>18</v>
      </c>
      <c r="AI18507">
        <v>18</v>
      </c>
      <c r="AJ18507">
        <v>19</v>
      </c>
      <c r="AK18507">
        <v>19</v>
      </c>
      <c r="AL18507">
        <v>19</v>
      </c>
      <c r="AM18507">
        <v>20</v>
      </c>
      <c r="AN18507">
        <v>20</v>
      </c>
      <c r="AO18507">
        <v>20</v>
      </c>
      <c r="AP18507">
        <v>21</v>
      </c>
      <c r="AQ18507">
        <v>21</v>
      </c>
    </row>
    <row r="18508" spans="1:43">
      <c r="A18508" t="s">
        <v>11468</v>
      </c>
      <c r="B18508" t="s">
        <v>11469</v>
      </c>
      <c r="C18508" t="s">
        <v>11218</v>
      </c>
      <c r="D18508" t="s">
        <v>11219</v>
      </c>
      <c r="E18508" t="s">
        <v>11206</v>
      </c>
      <c r="F18508" t="s">
        <v>11207</v>
      </c>
      <c r="G18508" t="s">
        <v>10734</v>
      </c>
      <c r="H18508" t="s">
        <v>10735</v>
      </c>
      <c r="I18508" s="2">
        <v>0</v>
      </c>
      <c r="J18508" s="2">
        <v>0</v>
      </c>
      <c r="K18508" s="2">
        <v>1</v>
      </c>
      <c r="L18508" t="s">
        <v>995</v>
      </c>
      <c r="M18508" t="s">
        <v>89</v>
      </c>
      <c r="N18508" t="s">
        <v>90</v>
      </c>
      <c r="O18508" t="s">
        <v>85</v>
      </c>
      <c r="P18508" t="s">
        <v>86</v>
      </c>
      <c r="Q18508">
        <v>14</v>
      </c>
      <c r="R18508">
        <v>14</v>
      </c>
      <c r="S18508">
        <v>15</v>
      </c>
      <c r="T18508">
        <v>15</v>
      </c>
      <c r="U18508">
        <v>16</v>
      </c>
      <c r="V18508">
        <v>16</v>
      </c>
      <c r="W18508">
        <v>17</v>
      </c>
      <c r="X18508">
        <v>17</v>
      </c>
      <c r="Y18508">
        <v>18</v>
      </c>
      <c r="Z18508">
        <v>18</v>
      </c>
      <c r="AA18508">
        <v>19</v>
      </c>
      <c r="AB18508">
        <v>19</v>
      </c>
      <c r="AC18508">
        <v>20</v>
      </c>
      <c r="AD18508">
        <v>20</v>
      </c>
      <c r="AE18508">
        <v>21</v>
      </c>
      <c r="AF18508">
        <v>21</v>
      </c>
      <c r="AG18508">
        <v>21</v>
      </c>
      <c r="AH18508">
        <v>22</v>
      </c>
      <c r="AI18508">
        <v>22</v>
      </c>
      <c r="AJ18508">
        <v>22</v>
      </c>
      <c r="AK18508">
        <v>22</v>
      </c>
      <c r="AL18508">
        <v>23</v>
      </c>
      <c r="AM18508">
        <v>23</v>
      </c>
      <c r="AN18508">
        <v>23</v>
      </c>
      <c r="AO18508">
        <v>24</v>
      </c>
      <c r="AP18508">
        <v>24</v>
      </c>
      <c r="AQ18508">
        <v>24</v>
      </c>
    </row>
    <row r="18509" spans="1:43">
      <c r="A18509" t="s">
        <v>11468</v>
      </c>
      <c r="B18509" t="s">
        <v>11469</v>
      </c>
      <c r="C18509" t="s">
        <v>11218</v>
      </c>
      <c r="D18509" t="s">
        <v>11219</v>
      </c>
      <c r="E18509" t="s">
        <v>11206</v>
      </c>
      <c r="F18509" t="s">
        <v>11207</v>
      </c>
      <c r="G18509" t="s">
        <v>10734</v>
      </c>
      <c r="H18509" t="s">
        <v>10735</v>
      </c>
      <c r="I18509" s="2">
        <v>0</v>
      </c>
      <c r="J18509" s="2">
        <v>0</v>
      </c>
      <c r="K18509" s="2">
        <v>1</v>
      </c>
      <c r="L18509" t="s">
        <v>995</v>
      </c>
      <c r="M18509" t="s">
        <v>83</v>
      </c>
      <c r="N18509" t="s">
        <v>91</v>
      </c>
      <c r="O18509" t="s">
        <v>85</v>
      </c>
      <c r="P18509" t="s">
        <v>86</v>
      </c>
      <c r="Q18509">
        <v>14</v>
      </c>
      <c r="R18509">
        <v>14</v>
      </c>
      <c r="S18509">
        <v>14</v>
      </c>
      <c r="T18509">
        <v>15</v>
      </c>
      <c r="U18509">
        <v>15</v>
      </c>
      <c r="V18509">
        <v>16</v>
      </c>
      <c r="W18509">
        <v>16</v>
      </c>
      <c r="X18509">
        <v>16</v>
      </c>
      <c r="Y18509">
        <v>17</v>
      </c>
      <c r="Z18509">
        <v>17</v>
      </c>
      <c r="AA18509">
        <v>18</v>
      </c>
      <c r="AB18509">
        <v>18</v>
      </c>
      <c r="AC18509">
        <v>18</v>
      </c>
      <c r="AD18509">
        <v>19</v>
      </c>
      <c r="AE18509">
        <v>19</v>
      </c>
      <c r="AF18509">
        <v>20</v>
      </c>
      <c r="AG18509">
        <v>20</v>
      </c>
      <c r="AH18509">
        <v>21</v>
      </c>
      <c r="AI18509">
        <v>21</v>
      </c>
      <c r="AJ18509">
        <v>22</v>
      </c>
      <c r="AK18509">
        <v>22</v>
      </c>
      <c r="AL18509">
        <v>23</v>
      </c>
      <c r="AM18509">
        <v>23</v>
      </c>
      <c r="AN18509">
        <v>23</v>
      </c>
      <c r="AO18509">
        <v>23</v>
      </c>
      <c r="AP18509">
        <v>24</v>
      </c>
      <c r="AQ18509">
        <v>24</v>
      </c>
    </row>
    <row r="18510" spans="1:43">
      <c r="A18510" t="s">
        <v>11470</v>
      </c>
      <c r="B18510" t="s">
        <v>11471</v>
      </c>
      <c r="C18510" t="s">
        <v>11454</v>
      </c>
      <c r="D18510" t="s">
        <v>11455</v>
      </c>
      <c r="E18510" t="s">
        <v>11206</v>
      </c>
      <c r="F18510" t="s">
        <v>11207</v>
      </c>
      <c r="G18510" t="s">
        <v>10734</v>
      </c>
      <c r="H18510" t="s">
        <v>10735</v>
      </c>
      <c r="I18510" s="2">
        <v>0</v>
      </c>
      <c r="J18510" s="2">
        <v>0</v>
      </c>
      <c r="K18510" s="2">
        <v>1</v>
      </c>
      <c r="L18510" t="s">
        <v>995</v>
      </c>
      <c r="M18510" t="s">
        <v>83</v>
      </c>
      <c r="N18510" t="s">
        <v>84</v>
      </c>
      <c r="O18510" t="s">
        <v>85</v>
      </c>
      <c r="P18510" t="s">
        <v>86</v>
      </c>
      <c r="Q18510">
        <v>7</v>
      </c>
      <c r="R18510">
        <v>7</v>
      </c>
      <c r="S18510">
        <v>8</v>
      </c>
      <c r="T18510">
        <v>8</v>
      </c>
      <c r="U18510">
        <v>8</v>
      </c>
      <c r="V18510">
        <v>8</v>
      </c>
      <c r="W18510">
        <v>8</v>
      </c>
      <c r="X18510">
        <v>9</v>
      </c>
      <c r="Y18510">
        <v>9</v>
      </c>
      <c r="Z18510">
        <v>9</v>
      </c>
      <c r="AA18510">
        <v>9</v>
      </c>
      <c r="AB18510">
        <v>10</v>
      </c>
      <c r="AC18510">
        <v>10</v>
      </c>
      <c r="AD18510">
        <v>10</v>
      </c>
      <c r="AE18510">
        <v>10</v>
      </c>
      <c r="AF18510">
        <v>11</v>
      </c>
      <c r="AG18510">
        <v>11</v>
      </c>
      <c r="AH18510">
        <v>11</v>
      </c>
      <c r="AI18510">
        <v>11</v>
      </c>
      <c r="AJ18510">
        <v>12</v>
      </c>
      <c r="AK18510">
        <v>12</v>
      </c>
      <c r="AL18510">
        <v>12</v>
      </c>
      <c r="AM18510">
        <v>12</v>
      </c>
      <c r="AN18510">
        <v>12</v>
      </c>
      <c r="AO18510">
        <v>12</v>
      </c>
      <c r="AP18510">
        <v>13</v>
      </c>
      <c r="AQ18510">
        <v>13</v>
      </c>
    </row>
    <row r="18511" spans="1:43">
      <c r="A18511" t="s">
        <v>11470</v>
      </c>
      <c r="B18511" t="s">
        <v>11471</v>
      </c>
      <c r="C18511" t="s">
        <v>11454</v>
      </c>
      <c r="D18511" t="s">
        <v>11455</v>
      </c>
      <c r="E18511" t="s">
        <v>11206</v>
      </c>
      <c r="F18511" t="s">
        <v>11207</v>
      </c>
      <c r="G18511" t="s">
        <v>10734</v>
      </c>
      <c r="H18511" t="s">
        <v>10735</v>
      </c>
      <c r="I18511" s="2">
        <v>0</v>
      </c>
      <c r="J18511" s="2">
        <v>0</v>
      </c>
      <c r="K18511" s="2">
        <v>1</v>
      </c>
      <c r="L18511" t="s">
        <v>995</v>
      </c>
      <c r="M18511" t="s">
        <v>87</v>
      </c>
      <c r="N18511" t="s">
        <v>88</v>
      </c>
      <c r="O18511" t="s">
        <v>85</v>
      </c>
      <c r="P18511" t="s">
        <v>86</v>
      </c>
      <c r="Q18511">
        <v>7</v>
      </c>
      <c r="R18511">
        <v>7</v>
      </c>
      <c r="S18511">
        <v>7</v>
      </c>
      <c r="T18511">
        <v>8</v>
      </c>
      <c r="U18511">
        <v>8</v>
      </c>
      <c r="V18511">
        <v>8</v>
      </c>
      <c r="W18511">
        <v>8</v>
      </c>
      <c r="X18511">
        <v>8</v>
      </c>
      <c r="Y18511">
        <v>8</v>
      </c>
      <c r="Z18511">
        <v>8</v>
      </c>
      <c r="AA18511">
        <v>9</v>
      </c>
      <c r="AB18511">
        <v>9</v>
      </c>
      <c r="AC18511">
        <v>9</v>
      </c>
      <c r="AD18511">
        <v>9</v>
      </c>
      <c r="AE18511">
        <v>9</v>
      </c>
      <c r="AF18511">
        <v>9</v>
      </c>
      <c r="AG18511">
        <v>9</v>
      </c>
      <c r="AH18511">
        <v>10</v>
      </c>
      <c r="AI18511">
        <v>10</v>
      </c>
      <c r="AJ18511">
        <v>10</v>
      </c>
      <c r="AK18511">
        <v>10</v>
      </c>
      <c r="AL18511">
        <v>10</v>
      </c>
      <c r="AM18511">
        <v>10</v>
      </c>
      <c r="AN18511">
        <v>11</v>
      </c>
      <c r="AO18511">
        <v>11</v>
      </c>
      <c r="AP18511">
        <v>11</v>
      </c>
      <c r="AQ18511">
        <v>11</v>
      </c>
    </row>
    <row r="18512" spans="1:43">
      <c r="A18512" t="s">
        <v>11470</v>
      </c>
      <c r="B18512" t="s">
        <v>11471</v>
      </c>
      <c r="C18512" t="s">
        <v>11454</v>
      </c>
      <c r="D18512" t="s">
        <v>11455</v>
      </c>
      <c r="E18512" t="s">
        <v>11206</v>
      </c>
      <c r="F18512" t="s">
        <v>11207</v>
      </c>
      <c r="G18512" t="s">
        <v>10734</v>
      </c>
      <c r="H18512" t="s">
        <v>10735</v>
      </c>
      <c r="I18512" s="2">
        <v>0</v>
      </c>
      <c r="J18512" s="2">
        <v>0</v>
      </c>
      <c r="K18512" s="2">
        <v>1</v>
      </c>
      <c r="L18512" t="s">
        <v>995</v>
      </c>
      <c r="M18512" t="s">
        <v>89</v>
      </c>
      <c r="N18512" t="s">
        <v>90</v>
      </c>
      <c r="O18512" t="s">
        <v>85</v>
      </c>
      <c r="P18512" t="s">
        <v>86</v>
      </c>
      <c r="Q18512">
        <v>7</v>
      </c>
      <c r="R18512">
        <v>8</v>
      </c>
      <c r="S18512">
        <v>8</v>
      </c>
      <c r="T18512">
        <v>8</v>
      </c>
      <c r="U18512">
        <v>8</v>
      </c>
      <c r="V18512">
        <v>9</v>
      </c>
      <c r="W18512">
        <v>9</v>
      </c>
      <c r="X18512">
        <v>9</v>
      </c>
      <c r="Y18512">
        <v>9</v>
      </c>
      <c r="Z18512">
        <v>10</v>
      </c>
      <c r="AA18512">
        <v>10</v>
      </c>
      <c r="AB18512">
        <v>10</v>
      </c>
      <c r="AC18512">
        <v>10</v>
      </c>
      <c r="AD18512">
        <v>11</v>
      </c>
      <c r="AE18512">
        <v>11</v>
      </c>
      <c r="AF18512">
        <v>11</v>
      </c>
      <c r="AG18512">
        <v>11</v>
      </c>
      <c r="AH18512">
        <v>11</v>
      </c>
      <c r="AI18512">
        <v>12</v>
      </c>
      <c r="AJ18512">
        <v>12</v>
      </c>
      <c r="AK18512">
        <v>12</v>
      </c>
      <c r="AL18512">
        <v>12</v>
      </c>
      <c r="AM18512">
        <v>12</v>
      </c>
      <c r="AN18512">
        <v>12</v>
      </c>
      <c r="AO18512">
        <v>13</v>
      </c>
      <c r="AP18512">
        <v>13</v>
      </c>
      <c r="AQ18512">
        <v>13</v>
      </c>
    </row>
    <row r="18513" spans="1:43">
      <c r="A18513" t="s">
        <v>11470</v>
      </c>
      <c r="B18513" t="s">
        <v>11471</v>
      </c>
      <c r="C18513" t="s">
        <v>11454</v>
      </c>
      <c r="D18513" t="s">
        <v>11455</v>
      </c>
      <c r="E18513" t="s">
        <v>11206</v>
      </c>
      <c r="F18513" t="s">
        <v>11207</v>
      </c>
      <c r="G18513" t="s">
        <v>10734</v>
      </c>
      <c r="H18513" t="s">
        <v>10735</v>
      </c>
      <c r="I18513" s="2">
        <v>0</v>
      </c>
      <c r="J18513" s="2">
        <v>0</v>
      </c>
      <c r="K18513" s="2">
        <v>1</v>
      </c>
      <c r="L18513" t="s">
        <v>995</v>
      </c>
      <c r="M18513" t="s">
        <v>83</v>
      </c>
      <c r="N18513" t="s">
        <v>91</v>
      </c>
      <c r="O18513" t="s">
        <v>85</v>
      </c>
      <c r="P18513" t="s">
        <v>86</v>
      </c>
      <c r="Q18513">
        <v>7</v>
      </c>
      <c r="R18513">
        <v>7</v>
      </c>
      <c r="S18513">
        <v>8</v>
      </c>
      <c r="T18513">
        <v>8</v>
      </c>
      <c r="U18513">
        <v>8</v>
      </c>
      <c r="V18513">
        <v>8</v>
      </c>
      <c r="W18513">
        <v>8</v>
      </c>
      <c r="X18513">
        <v>9</v>
      </c>
      <c r="Y18513">
        <v>9</v>
      </c>
      <c r="Z18513">
        <v>9</v>
      </c>
      <c r="AA18513">
        <v>9</v>
      </c>
      <c r="AB18513">
        <v>10</v>
      </c>
      <c r="AC18513">
        <v>10</v>
      </c>
      <c r="AD18513">
        <v>10</v>
      </c>
      <c r="AE18513">
        <v>10</v>
      </c>
      <c r="AF18513">
        <v>11</v>
      </c>
      <c r="AG18513">
        <v>11</v>
      </c>
      <c r="AH18513">
        <v>11</v>
      </c>
      <c r="AI18513">
        <v>11</v>
      </c>
      <c r="AJ18513">
        <v>12</v>
      </c>
      <c r="AK18513">
        <v>12</v>
      </c>
      <c r="AL18513">
        <v>12</v>
      </c>
      <c r="AM18513">
        <v>12</v>
      </c>
      <c r="AN18513">
        <v>12</v>
      </c>
      <c r="AO18513">
        <v>12</v>
      </c>
      <c r="AP18513">
        <v>13</v>
      </c>
      <c r="AQ18513">
        <v>13</v>
      </c>
    </row>
    <row r="18514" spans="1:43">
      <c r="A18514" t="s">
        <v>11472</v>
      </c>
      <c r="B18514" t="s">
        <v>11473</v>
      </c>
      <c r="C18514" t="s">
        <v>11444</v>
      </c>
      <c r="D18514" t="s">
        <v>11445</v>
      </c>
      <c r="E18514" t="s">
        <v>11206</v>
      </c>
      <c r="F18514" t="s">
        <v>11207</v>
      </c>
      <c r="G18514" t="s">
        <v>10734</v>
      </c>
      <c r="H18514" t="s">
        <v>10735</v>
      </c>
      <c r="I18514" s="2">
        <v>0</v>
      </c>
      <c r="J18514" s="2">
        <v>0</v>
      </c>
      <c r="K18514" s="2">
        <v>1</v>
      </c>
      <c r="L18514" t="s">
        <v>995</v>
      </c>
      <c r="M18514" t="s">
        <v>83</v>
      </c>
      <c r="N18514" t="s">
        <v>84</v>
      </c>
      <c r="O18514" t="s">
        <v>85</v>
      </c>
      <c r="P18514" t="s">
        <v>86</v>
      </c>
      <c r="Q18514">
        <v>24</v>
      </c>
      <c r="R18514">
        <v>24</v>
      </c>
      <c r="S18514">
        <v>25</v>
      </c>
      <c r="T18514">
        <v>26</v>
      </c>
      <c r="U18514">
        <v>26</v>
      </c>
      <c r="V18514">
        <v>27</v>
      </c>
      <c r="W18514">
        <v>28</v>
      </c>
      <c r="X18514">
        <v>28</v>
      </c>
      <c r="Y18514">
        <v>29</v>
      </c>
      <c r="Z18514">
        <v>30</v>
      </c>
      <c r="AA18514">
        <v>30</v>
      </c>
      <c r="AB18514">
        <v>31</v>
      </c>
      <c r="AC18514">
        <v>32</v>
      </c>
      <c r="AD18514">
        <v>33</v>
      </c>
      <c r="AE18514">
        <v>33</v>
      </c>
      <c r="AF18514">
        <v>34</v>
      </c>
      <c r="AG18514">
        <v>35</v>
      </c>
      <c r="AH18514">
        <v>36</v>
      </c>
      <c r="AI18514">
        <v>37</v>
      </c>
      <c r="AJ18514">
        <v>37</v>
      </c>
      <c r="AK18514">
        <v>38</v>
      </c>
      <c r="AL18514">
        <v>39</v>
      </c>
      <c r="AM18514">
        <v>40</v>
      </c>
      <c r="AN18514">
        <v>40</v>
      </c>
      <c r="AO18514">
        <v>41</v>
      </c>
      <c r="AP18514">
        <v>41</v>
      </c>
      <c r="AQ18514">
        <v>42</v>
      </c>
    </row>
    <row r="18515" spans="1:43">
      <c r="A18515" t="s">
        <v>11472</v>
      </c>
      <c r="B18515" t="s">
        <v>11473</v>
      </c>
      <c r="C18515" t="s">
        <v>11444</v>
      </c>
      <c r="D18515" t="s">
        <v>11445</v>
      </c>
      <c r="E18515" t="s">
        <v>11206</v>
      </c>
      <c r="F18515" t="s">
        <v>11207</v>
      </c>
      <c r="G18515" t="s">
        <v>10734</v>
      </c>
      <c r="H18515" t="s">
        <v>10735</v>
      </c>
      <c r="I18515" s="2">
        <v>0</v>
      </c>
      <c r="J18515" s="2">
        <v>0</v>
      </c>
      <c r="K18515" s="2">
        <v>1</v>
      </c>
      <c r="L18515" t="s">
        <v>995</v>
      </c>
      <c r="M18515" t="s">
        <v>87</v>
      </c>
      <c r="N18515" t="s">
        <v>88</v>
      </c>
      <c r="O18515" t="s">
        <v>85</v>
      </c>
      <c r="P18515" t="s">
        <v>86</v>
      </c>
      <c r="Q18515">
        <v>24</v>
      </c>
      <c r="R18515">
        <v>25</v>
      </c>
      <c r="S18515">
        <v>25</v>
      </c>
      <c r="T18515">
        <v>26</v>
      </c>
      <c r="U18515">
        <v>26</v>
      </c>
      <c r="V18515">
        <v>26</v>
      </c>
      <c r="W18515">
        <v>27</v>
      </c>
      <c r="X18515">
        <v>27</v>
      </c>
      <c r="Y18515">
        <v>28</v>
      </c>
      <c r="Z18515">
        <v>28</v>
      </c>
      <c r="AA18515">
        <v>29</v>
      </c>
      <c r="AB18515">
        <v>29</v>
      </c>
      <c r="AC18515">
        <v>30</v>
      </c>
      <c r="AD18515">
        <v>30</v>
      </c>
      <c r="AE18515">
        <v>31</v>
      </c>
      <c r="AF18515">
        <v>31</v>
      </c>
      <c r="AG18515">
        <v>32</v>
      </c>
      <c r="AH18515">
        <v>32</v>
      </c>
      <c r="AI18515">
        <v>33</v>
      </c>
      <c r="AJ18515">
        <v>33</v>
      </c>
      <c r="AK18515">
        <v>34</v>
      </c>
      <c r="AL18515">
        <v>34</v>
      </c>
      <c r="AM18515">
        <v>35</v>
      </c>
      <c r="AN18515">
        <v>35</v>
      </c>
      <c r="AO18515">
        <v>36</v>
      </c>
      <c r="AP18515">
        <v>37</v>
      </c>
      <c r="AQ18515">
        <v>37</v>
      </c>
    </row>
    <row r="18516" spans="1:43">
      <c r="A18516" t="s">
        <v>11472</v>
      </c>
      <c r="B18516" t="s">
        <v>11473</v>
      </c>
      <c r="C18516" t="s">
        <v>11444</v>
      </c>
      <c r="D18516" t="s">
        <v>11445</v>
      </c>
      <c r="E18516" t="s">
        <v>11206</v>
      </c>
      <c r="F18516" t="s">
        <v>11207</v>
      </c>
      <c r="G18516" t="s">
        <v>10734</v>
      </c>
      <c r="H18516" t="s">
        <v>10735</v>
      </c>
      <c r="I18516" s="2">
        <v>0</v>
      </c>
      <c r="J18516" s="2">
        <v>0</v>
      </c>
      <c r="K18516" s="2">
        <v>1</v>
      </c>
      <c r="L18516" t="s">
        <v>995</v>
      </c>
      <c r="M18516" t="s">
        <v>89</v>
      </c>
      <c r="N18516" t="s">
        <v>90</v>
      </c>
      <c r="O18516" t="s">
        <v>85</v>
      </c>
      <c r="P18516" t="s">
        <v>86</v>
      </c>
      <c r="Q18516">
        <v>24</v>
      </c>
      <c r="R18516">
        <v>25</v>
      </c>
      <c r="S18516">
        <v>26</v>
      </c>
      <c r="T18516">
        <v>26</v>
      </c>
      <c r="U18516">
        <v>27</v>
      </c>
      <c r="V18516">
        <v>28</v>
      </c>
      <c r="W18516">
        <v>29</v>
      </c>
      <c r="X18516">
        <v>30</v>
      </c>
      <c r="Y18516">
        <v>31</v>
      </c>
      <c r="Z18516">
        <v>32</v>
      </c>
      <c r="AA18516">
        <v>32</v>
      </c>
      <c r="AB18516">
        <v>33</v>
      </c>
      <c r="AC18516">
        <v>34</v>
      </c>
      <c r="AD18516">
        <v>35</v>
      </c>
      <c r="AE18516">
        <v>36</v>
      </c>
      <c r="AF18516">
        <v>36</v>
      </c>
      <c r="AG18516">
        <v>37</v>
      </c>
      <c r="AH18516">
        <v>37</v>
      </c>
      <c r="AI18516">
        <v>38</v>
      </c>
      <c r="AJ18516">
        <v>38</v>
      </c>
      <c r="AK18516">
        <v>39</v>
      </c>
      <c r="AL18516">
        <v>39</v>
      </c>
      <c r="AM18516">
        <v>40</v>
      </c>
      <c r="AN18516">
        <v>40</v>
      </c>
      <c r="AO18516">
        <v>41</v>
      </c>
      <c r="AP18516">
        <v>41</v>
      </c>
      <c r="AQ18516">
        <v>42</v>
      </c>
    </row>
    <row r="18517" spans="1:43">
      <c r="A18517" t="s">
        <v>11472</v>
      </c>
      <c r="B18517" t="s">
        <v>11473</v>
      </c>
      <c r="C18517" t="s">
        <v>11444</v>
      </c>
      <c r="D18517" t="s">
        <v>11445</v>
      </c>
      <c r="E18517" t="s">
        <v>11206</v>
      </c>
      <c r="F18517" t="s">
        <v>11207</v>
      </c>
      <c r="G18517" t="s">
        <v>10734</v>
      </c>
      <c r="H18517" t="s">
        <v>10735</v>
      </c>
      <c r="I18517" s="2">
        <v>0</v>
      </c>
      <c r="J18517" s="2">
        <v>0</v>
      </c>
      <c r="K18517" s="2">
        <v>1</v>
      </c>
      <c r="L18517" t="s">
        <v>995</v>
      </c>
      <c r="M18517" t="s">
        <v>83</v>
      </c>
      <c r="N18517" t="s">
        <v>91</v>
      </c>
      <c r="O18517" t="s">
        <v>85</v>
      </c>
      <c r="P18517" t="s">
        <v>86</v>
      </c>
      <c r="Q18517">
        <v>24</v>
      </c>
      <c r="R18517">
        <v>24</v>
      </c>
      <c r="S18517">
        <v>25</v>
      </c>
      <c r="T18517">
        <v>26</v>
      </c>
      <c r="U18517">
        <v>26</v>
      </c>
      <c r="V18517">
        <v>27</v>
      </c>
      <c r="W18517">
        <v>28</v>
      </c>
      <c r="X18517">
        <v>28</v>
      </c>
      <c r="Y18517">
        <v>29</v>
      </c>
      <c r="Z18517">
        <v>30</v>
      </c>
      <c r="AA18517">
        <v>30</v>
      </c>
      <c r="AB18517">
        <v>31</v>
      </c>
      <c r="AC18517">
        <v>32</v>
      </c>
      <c r="AD18517">
        <v>33</v>
      </c>
      <c r="AE18517">
        <v>33</v>
      </c>
      <c r="AF18517">
        <v>34</v>
      </c>
      <c r="AG18517">
        <v>35</v>
      </c>
      <c r="AH18517">
        <v>36</v>
      </c>
      <c r="AI18517">
        <v>37</v>
      </c>
      <c r="AJ18517">
        <v>37</v>
      </c>
      <c r="AK18517">
        <v>38</v>
      </c>
      <c r="AL18517">
        <v>39</v>
      </c>
      <c r="AM18517">
        <v>40</v>
      </c>
      <c r="AN18517">
        <v>40</v>
      </c>
      <c r="AO18517">
        <v>41</v>
      </c>
      <c r="AP18517">
        <v>41</v>
      </c>
      <c r="AQ18517">
        <v>42</v>
      </c>
    </row>
    <row r="18518" spans="1:43">
      <c r="A18518" t="s">
        <v>11474</v>
      </c>
      <c r="B18518" t="s">
        <v>11475</v>
      </c>
      <c r="C18518" t="s">
        <v>11444</v>
      </c>
      <c r="D18518" t="s">
        <v>11445</v>
      </c>
      <c r="E18518" t="s">
        <v>11206</v>
      </c>
      <c r="F18518" t="s">
        <v>11207</v>
      </c>
      <c r="G18518" t="s">
        <v>10734</v>
      </c>
      <c r="H18518" t="s">
        <v>10735</v>
      </c>
      <c r="I18518" s="2">
        <v>0</v>
      </c>
      <c r="J18518" s="2">
        <v>0</v>
      </c>
      <c r="K18518" s="2">
        <v>1</v>
      </c>
      <c r="L18518" t="s">
        <v>995</v>
      </c>
      <c r="M18518" t="s">
        <v>83</v>
      </c>
      <c r="N18518" t="s">
        <v>84</v>
      </c>
      <c r="O18518" t="s">
        <v>85</v>
      </c>
      <c r="P18518" t="s">
        <v>86</v>
      </c>
      <c r="Q18518">
        <v>13</v>
      </c>
      <c r="R18518">
        <v>13</v>
      </c>
      <c r="S18518">
        <v>14</v>
      </c>
      <c r="T18518">
        <v>14</v>
      </c>
      <c r="U18518">
        <v>15</v>
      </c>
      <c r="V18518">
        <v>15</v>
      </c>
      <c r="W18518">
        <v>15</v>
      </c>
      <c r="X18518">
        <v>16</v>
      </c>
      <c r="Y18518">
        <v>16</v>
      </c>
      <c r="Z18518">
        <v>16</v>
      </c>
      <c r="AA18518">
        <v>17</v>
      </c>
      <c r="AB18518">
        <v>17</v>
      </c>
      <c r="AC18518">
        <v>18</v>
      </c>
      <c r="AD18518">
        <v>18</v>
      </c>
      <c r="AE18518">
        <v>18</v>
      </c>
      <c r="AF18518">
        <v>19</v>
      </c>
      <c r="AG18518">
        <v>19</v>
      </c>
      <c r="AH18518">
        <v>20</v>
      </c>
      <c r="AI18518">
        <v>20</v>
      </c>
      <c r="AJ18518">
        <v>21</v>
      </c>
      <c r="AK18518">
        <v>21</v>
      </c>
      <c r="AL18518">
        <v>22</v>
      </c>
      <c r="AM18518">
        <v>22</v>
      </c>
      <c r="AN18518">
        <v>22</v>
      </c>
      <c r="AO18518">
        <v>22</v>
      </c>
      <c r="AP18518">
        <v>23</v>
      </c>
      <c r="AQ18518">
        <v>23</v>
      </c>
    </row>
    <row r="18519" spans="1:43">
      <c r="A18519" t="s">
        <v>11474</v>
      </c>
      <c r="B18519" t="s">
        <v>11475</v>
      </c>
      <c r="C18519" t="s">
        <v>11444</v>
      </c>
      <c r="D18519" t="s">
        <v>11445</v>
      </c>
      <c r="E18519" t="s">
        <v>11206</v>
      </c>
      <c r="F18519" t="s">
        <v>11207</v>
      </c>
      <c r="G18519" t="s">
        <v>10734</v>
      </c>
      <c r="H18519" t="s">
        <v>10735</v>
      </c>
      <c r="I18519" s="2">
        <v>0</v>
      </c>
      <c r="J18519" s="2">
        <v>0</v>
      </c>
      <c r="K18519" s="2">
        <v>1</v>
      </c>
      <c r="L18519" t="s">
        <v>995</v>
      </c>
      <c r="M18519" t="s">
        <v>87</v>
      </c>
      <c r="N18519" t="s">
        <v>88</v>
      </c>
      <c r="O18519" t="s">
        <v>85</v>
      </c>
      <c r="P18519" t="s">
        <v>86</v>
      </c>
      <c r="Q18519">
        <v>13</v>
      </c>
      <c r="R18519">
        <v>13</v>
      </c>
      <c r="S18519">
        <v>13</v>
      </c>
      <c r="T18519">
        <v>14</v>
      </c>
      <c r="U18519">
        <v>14</v>
      </c>
      <c r="V18519">
        <v>14</v>
      </c>
      <c r="W18519">
        <v>14</v>
      </c>
      <c r="X18519">
        <v>15</v>
      </c>
      <c r="Y18519">
        <v>15</v>
      </c>
      <c r="Z18519">
        <v>15</v>
      </c>
      <c r="AA18519">
        <v>15</v>
      </c>
      <c r="AB18519">
        <v>16</v>
      </c>
      <c r="AC18519">
        <v>16</v>
      </c>
      <c r="AD18519">
        <v>16</v>
      </c>
      <c r="AE18519">
        <v>16</v>
      </c>
      <c r="AF18519">
        <v>17</v>
      </c>
      <c r="AG18519">
        <v>17</v>
      </c>
      <c r="AH18519">
        <v>17</v>
      </c>
      <c r="AI18519">
        <v>18</v>
      </c>
      <c r="AJ18519">
        <v>18</v>
      </c>
      <c r="AK18519">
        <v>18</v>
      </c>
      <c r="AL18519">
        <v>18</v>
      </c>
      <c r="AM18519">
        <v>19</v>
      </c>
      <c r="AN18519">
        <v>19</v>
      </c>
      <c r="AO18519">
        <v>19</v>
      </c>
      <c r="AP18519">
        <v>20</v>
      </c>
      <c r="AQ18519">
        <v>20</v>
      </c>
    </row>
    <row r="18520" spans="1:43">
      <c r="A18520" t="s">
        <v>11474</v>
      </c>
      <c r="B18520" t="s">
        <v>11475</v>
      </c>
      <c r="C18520" t="s">
        <v>11444</v>
      </c>
      <c r="D18520" t="s">
        <v>11445</v>
      </c>
      <c r="E18520" t="s">
        <v>11206</v>
      </c>
      <c r="F18520" t="s">
        <v>11207</v>
      </c>
      <c r="G18520" t="s">
        <v>10734</v>
      </c>
      <c r="H18520" t="s">
        <v>10735</v>
      </c>
      <c r="I18520" s="2">
        <v>0</v>
      </c>
      <c r="J18520" s="2">
        <v>0</v>
      </c>
      <c r="K18520" s="2">
        <v>1</v>
      </c>
      <c r="L18520" t="s">
        <v>995</v>
      </c>
      <c r="M18520" t="s">
        <v>89</v>
      </c>
      <c r="N18520" t="s">
        <v>90</v>
      </c>
      <c r="O18520" t="s">
        <v>85</v>
      </c>
      <c r="P18520" t="s">
        <v>86</v>
      </c>
      <c r="Q18520">
        <v>13</v>
      </c>
      <c r="R18520">
        <v>14</v>
      </c>
      <c r="S18520">
        <v>14</v>
      </c>
      <c r="T18520">
        <v>15</v>
      </c>
      <c r="U18520">
        <v>15</v>
      </c>
      <c r="V18520">
        <v>16</v>
      </c>
      <c r="W18520">
        <v>16</v>
      </c>
      <c r="X18520">
        <v>17</v>
      </c>
      <c r="Y18520">
        <v>17</v>
      </c>
      <c r="Z18520">
        <v>17</v>
      </c>
      <c r="AA18520">
        <v>18</v>
      </c>
      <c r="AB18520">
        <v>18</v>
      </c>
      <c r="AC18520">
        <v>19</v>
      </c>
      <c r="AD18520">
        <v>19</v>
      </c>
      <c r="AE18520">
        <v>20</v>
      </c>
      <c r="AF18520">
        <v>20</v>
      </c>
      <c r="AG18520">
        <v>20</v>
      </c>
      <c r="AH18520">
        <v>21</v>
      </c>
      <c r="AI18520">
        <v>21</v>
      </c>
      <c r="AJ18520">
        <v>21</v>
      </c>
      <c r="AK18520">
        <v>21</v>
      </c>
      <c r="AL18520">
        <v>22</v>
      </c>
      <c r="AM18520">
        <v>22</v>
      </c>
      <c r="AN18520">
        <v>22</v>
      </c>
      <c r="AO18520">
        <v>23</v>
      </c>
      <c r="AP18520">
        <v>23</v>
      </c>
      <c r="AQ18520">
        <v>23</v>
      </c>
    </row>
    <row r="18521" spans="1:43">
      <c r="A18521" t="s">
        <v>11474</v>
      </c>
      <c r="B18521" t="s">
        <v>11475</v>
      </c>
      <c r="C18521" t="s">
        <v>11444</v>
      </c>
      <c r="D18521" t="s">
        <v>11445</v>
      </c>
      <c r="E18521" t="s">
        <v>11206</v>
      </c>
      <c r="F18521" t="s">
        <v>11207</v>
      </c>
      <c r="G18521" t="s">
        <v>10734</v>
      </c>
      <c r="H18521" t="s">
        <v>10735</v>
      </c>
      <c r="I18521" s="2">
        <v>0</v>
      </c>
      <c r="J18521" s="2">
        <v>0</v>
      </c>
      <c r="K18521" s="2">
        <v>1</v>
      </c>
      <c r="L18521" t="s">
        <v>995</v>
      </c>
      <c r="M18521" t="s">
        <v>83</v>
      </c>
      <c r="N18521" t="s">
        <v>91</v>
      </c>
      <c r="O18521" t="s">
        <v>85</v>
      </c>
      <c r="P18521" t="s">
        <v>86</v>
      </c>
      <c r="Q18521">
        <v>13</v>
      </c>
      <c r="R18521">
        <v>13</v>
      </c>
      <c r="S18521">
        <v>14</v>
      </c>
      <c r="T18521">
        <v>14</v>
      </c>
      <c r="U18521">
        <v>15</v>
      </c>
      <c r="V18521">
        <v>15</v>
      </c>
      <c r="W18521">
        <v>15</v>
      </c>
      <c r="X18521">
        <v>16</v>
      </c>
      <c r="Y18521">
        <v>16</v>
      </c>
      <c r="Z18521">
        <v>16</v>
      </c>
      <c r="AA18521">
        <v>17</v>
      </c>
      <c r="AB18521">
        <v>17</v>
      </c>
      <c r="AC18521">
        <v>18</v>
      </c>
      <c r="AD18521">
        <v>18</v>
      </c>
      <c r="AE18521">
        <v>18</v>
      </c>
      <c r="AF18521">
        <v>19</v>
      </c>
      <c r="AG18521">
        <v>19</v>
      </c>
      <c r="AH18521">
        <v>20</v>
      </c>
      <c r="AI18521">
        <v>20</v>
      </c>
      <c r="AJ18521">
        <v>21</v>
      </c>
      <c r="AK18521">
        <v>21</v>
      </c>
      <c r="AL18521">
        <v>22</v>
      </c>
      <c r="AM18521">
        <v>22</v>
      </c>
      <c r="AN18521">
        <v>22</v>
      </c>
      <c r="AO18521">
        <v>22</v>
      </c>
      <c r="AP18521">
        <v>23</v>
      </c>
      <c r="AQ18521">
        <v>23</v>
      </c>
    </row>
    <row r="18522" spans="1:43">
      <c r="A18522" t="s">
        <v>11476</v>
      </c>
      <c r="B18522" t="s">
        <v>11477</v>
      </c>
      <c r="C18522" t="s">
        <v>11448</v>
      </c>
      <c r="D18522" t="s">
        <v>11449</v>
      </c>
      <c r="E18522" t="s">
        <v>11206</v>
      </c>
      <c r="F18522" t="s">
        <v>11207</v>
      </c>
      <c r="G18522" t="s">
        <v>10734</v>
      </c>
      <c r="H18522" t="s">
        <v>10735</v>
      </c>
      <c r="I18522" s="2">
        <v>0</v>
      </c>
      <c r="J18522" s="2">
        <v>0</v>
      </c>
      <c r="K18522" s="2">
        <v>1</v>
      </c>
      <c r="L18522" t="s">
        <v>995</v>
      </c>
      <c r="M18522" t="s">
        <v>83</v>
      </c>
      <c r="N18522" t="s">
        <v>84</v>
      </c>
      <c r="O18522" t="s">
        <v>85</v>
      </c>
      <c r="P18522" t="s">
        <v>86</v>
      </c>
      <c r="Q18522">
        <v>43</v>
      </c>
      <c r="R18522">
        <v>44</v>
      </c>
      <c r="S18522">
        <v>46</v>
      </c>
      <c r="T18522">
        <v>47</v>
      </c>
      <c r="U18522">
        <v>48</v>
      </c>
      <c r="V18522">
        <v>49</v>
      </c>
      <c r="W18522">
        <v>50</v>
      </c>
      <c r="X18522">
        <v>52</v>
      </c>
      <c r="Y18522">
        <v>53</v>
      </c>
      <c r="Z18522">
        <v>54</v>
      </c>
      <c r="AA18522">
        <v>55</v>
      </c>
      <c r="AB18522">
        <v>57</v>
      </c>
      <c r="AC18522">
        <v>58</v>
      </c>
      <c r="AD18522">
        <v>60</v>
      </c>
      <c r="AE18522">
        <v>61</v>
      </c>
      <c r="AF18522">
        <v>62</v>
      </c>
      <c r="AG18522">
        <v>64</v>
      </c>
      <c r="AH18522">
        <v>65</v>
      </c>
      <c r="AI18522">
        <v>67</v>
      </c>
      <c r="AJ18522">
        <v>68</v>
      </c>
      <c r="AK18522">
        <v>70</v>
      </c>
      <c r="AL18522">
        <v>71</v>
      </c>
      <c r="AM18522">
        <v>72</v>
      </c>
      <c r="AN18522">
        <v>73</v>
      </c>
      <c r="AO18522">
        <v>74</v>
      </c>
      <c r="AP18522">
        <v>75</v>
      </c>
      <c r="AQ18522">
        <v>76</v>
      </c>
    </row>
    <row r="18523" spans="1:43">
      <c r="A18523" t="s">
        <v>11476</v>
      </c>
      <c r="B18523" t="s">
        <v>11477</v>
      </c>
      <c r="C18523" t="s">
        <v>11448</v>
      </c>
      <c r="D18523" t="s">
        <v>11449</v>
      </c>
      <c r="E18523" t="s">
        <v>11206</v>
      </c>
      <c r="F18523" t="s">
        <v>11207</v>
      </c>
      <c r="G18523" t="s">
        <v>10734</v>
      </c>
      <c r="H18523" t="s">
        <v>10735</v>
      </c>
      <c r="I18523" s="2">
        <v>0</v>
      </c>
      <c r="J18523" s="2">
        <v>0</v>
      </c>
      <c r="K18523" s="2">
        <v>1</v>
      </c>
      <c r="L18523" t="s">
        <v>995</v>
      </c>
      <c r="M18523" t="s">
        <v>87</v>
      </c>
      <c r="N18523" t="s">
        <v>88</v>
      </c>
      <c r="O18523" t="s">
        <v>85</v>
      </c>
      <c r="P18523" t="s">
        <v>86</v>
      </c>
      <c r="Q18523">
        <v>43</v>
      </c>
      <c r="R18523">
        <v>43</v>
      </c>
      <c r="S18523">
        <v>44</v>
      </c>
      <c r="T18523">
        <v>45</v>
      </c>
      <c r="U18523">
        <v>46</v>
      </c>
      <c r="V18523">
        <v>47</v>
      </c>
      <c r="W18523">
        <v>47</v>
      </c>
      <c r="X18523">
        <v>48</v>
      </c>
      <c r="Y18523">
        <v>49</v>
      </c>
      <c r="Z18523">
        <v>50</v>
      </c>
      <c r="AA18523">
        <v>50</v>
      </c>
      <c r="AB18523">
        <v>51</v>
      </c>
      <c r="AC18523">
        <v>52</v>
      </c>
      <c r="AD18523">
        <v>53</v>
      </c>
      <c r="AE18523">
        <v>54</v>
      </c>
      <c r="AF18523">
        <v>55</v>
      </c>
      <c r="AG18523">
        <v>56</v>
      </c>
      <c r="AH18523">
        <v>57</v>
      </c>
      <c r="AI18523">
        <v>58</v>
      </c>
      <c r="AJ18523">
        <v>59</v>
      </c>
      <c r="AK18523">
        <v>60</v>
      </c>
      <c r="AL18523">
        <v>61</v>
      </c>
      <c r="AM18523">
        <v>62</v>
      </c>
      <c r="AN18523">
        <v>63</v>
      </c>
      <c r="AO18523">
        <v>64</v>
      </c>
      <c r="AP18523">
        <v>65</v>
      </c>
      <c r="AQ18523">
        <v>66</v>
      </c>
    </row>
    <row r="18524" spans="1:43">
      <c r="A18524" t="s">
        <v>11476</v>
      </c>
      <c r="B18524" t="s">
        <v>11477</v>
      </c>
      <c r="C18524" t="s">
        <v>11448</v>
      </c>
      <c r="D18524" t="s">
        <v>11449</v>
      </c>
      <c r="E18524" t="s">
        <v>11206</v>
      </c>
      <c r="F18524" t="s">
        <v>11207</v>
      </c>
      <c r="G18524" t="s">
        <v>10734</v>
      </c>
      <c r="H18524" t="s">
        <v>10735</v>
      </c>
      <c r="I18524" s="2">
        <v>0</v>
      </c>
      <c r="J18524" s="2">
        <v>0</v>
      </c>
      <c r="K18524" s="2">
        <v>1</v>
      </c>
      <c r="L18524" t="s">
        <v>995</v>
      </c>
      <c r="M18524" t="s">
        <v>89</v>
      </c>
      <c r="N18524" t="s">
        <v>90</v>
      </c>
      <c r="O18524" t="s">
        <v>85</v>
      </c>
      <c r="P18524" t="s">
        <v>86</v>
      </c>
      <c r="Q18524">
        <v>43</v>
      </c>
      <c r="R18524">
        <v>44</v>
      </c>
      <c r="S18524">
        <v>46</v>
      </c>
      <c r="T18524">
        <v>47</v>
      </c>
      <c r="U18524">
        <v>49</v>
      </c>
      <c r="V18524">
        <v>50</v>
      </c>
      <c r="W18524">
        <v>52</v>
      </c>
      <c r="X18524">
        <v>53</v>
      </c>
      <c r="Y18524">
        <v>55</v>
      </c>
      <c r="Z18524">
        <v>57</v>
      </c>
      <c r="AA18524">
        <v>58</v>
      </c>
      <c r="AB18524">
        <v>60</v>
      </c>
      <c r="AC18524">
        <v>61</v>
      </c>
      <c r="AD18524">
        <v>63</v>
      </c>
      <c r="AE18524">
        <v>64</v>
      </c>
      <c r="AF18524">
        <v>65</v>
      </c>
      <c r="AG18524">
        <v>66</v>
      </c>
      <c r="AH18524">
        <v>67</v>
      </c>
      <c r="AI18524">
        <v>68</v>
      </c>
      <c r="AJ18524">
        <v>69</v>
      </c>
      <c r="AK18524">
        <v>70</v>
      </c>
      <c r="AL18524">
        <v>71</v>
      </c>
      <c r="AM18524">
        <v>72</v>
      </c>
      <c r="AN18524">
        <v>73</v>
      </c>
      <c r="AO18524">
        <v>74</v>
      </c>
      <c r="AP18524">
        <v>75</v>
      </c>
      <c r="AQ18524">
        <v>76</v>
      </c>
    </row>
    <row r="18525" spans="1:43">
      <c r="A18525" t="s">
        <v>11476</v>
      </c>
      <c r="B18525" t="s">
        <v>11477</v>
      </c>
      <c r="C18525" t="s">
        <v>11448</v>
      </c>
      <c r="D18525" t="s">
        <v>11449</v>
      </c>
      <c r="E18525" t="s">
        <v>11206</v>
      </c>
      <c r="F18525" t="s">
        <v>11207</v>
      </c>
      <c r="G18525" t="s">
        <v>10734</v>
      </c>
      <c r="H18525" t="s">
        <v>10735</v>
      </c>
      <c r="I18525" s="2">
        <v>0</v>
      </c>
      <c r="J18525" s="2">
        <v>0</v>
      </c>
      <c r="K18525" s="2">
        <v>1</v>
      </c>
      <c r="L18525" t="s">
        <v>995</v>
      </c>
      <c r="M18525" t="s">
        <v>83</v>
      </c>
      <c r="N18525" t="s">
        <v>91</v>
      </c>
      <c r="O18525" t="s">
        <v>85</v>
      </c>
      <c r="P18525" t="s">
        <v>86</v>
      </c>
      <c r="Q18525">
        <v>43</v>
      </c>
      <c r="R18525">
        <v>44</v>
      </c>
      <c r="S18525">
        <v>46</v>
      </c>
      <c r="T18525">
        <v>47</v>
      </c>
      <c r="U18525">
        <v>48</v>
      </c>
      <c r="V18525">
        <v>49</v>
      </c>
      <c r="W18525">
        <v>50</v>
      </c>
      <c r="X18525">
        <v>52</v>
      </c>
      <c r="Y18525">
        <v>53</v>
      </c>
      <c r="Z18525">
        <v>54</v>
      </c>
      <c r="AA18525">
        <v>55</v>
      </c>
      <c r="AB18525">
        <v>57</v>
      </c>
      <c r="AC18525">
        <v>58</v>
      </c>
      <c r="AD18525">
        <v>60</v>
      </c>
      <c r="AE18525">
        <v>61</v>
      </c>
      <c r="AF18525">
        <v>62</v>
      </c>
      <c r="AG18525">
        <v>64</v>
      </c>
      <c r="AH18525">
        <v>65</v>
      </c>
      <c r="AI18525">
        <v>67</v>
      </c>
      <c r="AJ18525">
        <v>68</v>
      </c>
      <c r="AK18525">
        <v>70</v>
      </c>
      <c r="AL18525">
        <v>71</v>
      </c>
      <c r="AM18525">
        <v>72</v>
      </c>
      <c r="AN18525">
        <v>73</v>
      </c>
      <c r="AO18525">
        <v>74</v>
      </c>
      <c r="AP18525">
        <v>75</v>
      </c>
      <c r="AQ18525">
        <v>76</v>
      </c>
    </row>
    <row r="18526" spans="1:43">
      <c r="A18526" t="s">
        <v>11478</v>
      </c>
      <c r="B18526" t="s">
        <v>11479</v>
      </c>
      <c r="C18526" t="s">
        <v>11448</v>
      </c>
      <c r="D18526" t="s">
        <v>11449</v>
      </c>
      <c r="E18526" t="s">
        <v>11206</v>
      </c>
      <c r="F18526" t="s">
        <v>11207</v>
      </c>
      <c r="G18526" t="s">
        <v>10734</v>
      </c>
      <c r="H18526" t="s">
        <v>10735</v>
      </c>
      <c r="I18526" s="2">
        <v>0</v>
      </c>
      <c r="J18526" s="2">
        <v>0</v>
      </c>
      <c r="K18526" s="2">
        <v>1</v>
      </c>
      <c r="L18526" t="s">
        <v>995</v>
      </c>
      <c r="M18526" t="s">
        <v>83</v>
      </c>
      <c r="N18526" t="s">
        <v>84</v>
      </c>
      <c r="O18526" t="s">
        <v>85</v>
      </c>
      <c r="P18526" t="s">
        <v>86</v>
      </c>
      <c r="Q18526">
        <v>132</v>
      </c>
      <c r="R18526">
        <v>135</v>
      </c>
      <c r="S18526">
        <v>139</v>
      </c>
      <c r="T18526">
        <v>143</v>
      </c>
      <c r="U18526">
        <v>146</v>
      </c>
      <c r="V18526">
        <v>150</v>
      </c>
      <c r="W18526">
        <v>154</v>
      </c>
      <c r="X18526">
        <v>158</v>
      </c>
      <c r="Y18526">
        <v>162</v>
      </c>
      <c r="Z18526">
        <v>166</v>
      </c>
      <c r="AA18526">
        <v>170</v>
      </c>
      <c r="AB18526">
        <v>174</v>
      </c>
      <c r="AC18526">
        <v>178</v>
      </c>
      <c r="AD18526">
        <v>182</v>
      </c>
      <c r="AE18526">
        <v>186</v>
      </c>
      <c r="AF18526">
        <v>191</v>
      </c>
      <c r="AG18526">
        <v>195</v>
      </c>
      <c r="AH18526">
        <v>200</v>
      </c>
      <c r="AI18526">
        <v>204</v>
      </c>
      <c r="AJ18526">
        <v>209</v>
      </c>
      <c r="AK18526">
        <v>214</v>
      </c>
      <c r="AL18526">
        <v>218</v>
      </c>
      <c r="AM18526">
        <v>221</v>
      </c>
      <c r="AN18526">
        <v>224</v>
      </c>
      <c r="AO18526">
        <v>227</v>
      </c>
      <c r="AP18526">
        <v>230</v>
      </c>
      <c r="AQ18526">
        <v>234</v>
      </c>
    </row>
    <row r="18527" spans="1:43">
      <c r="A18527" t="s">
        <v>11478</v>
      </c>
      <c r="B18527" t="s">
        <v>11479</v>
      </c>
      <c r="C18527" t="s">
        <v>11448</v>
      </c>
      <c r="D18527" t="s">
        <v>11449</v>
      </c>
      <c r="E18527" t="s">
        <v>11206</v>
      </c>
      <c r="F18527" t="s">
        <v>11207</v>
      </c>
      <c r="G18527" t="s">
        <v>10734</v>
      </c>
      <c r="H18527" t="s">
        <v>10735</v>
      </c>
      <c r="I18527" s="2">
        <v>0</v>
      </c>
      <c r="J18527" s="2">
        <v>0</v>
      </c>
      <c r="K18527" s="2">
        <v>1</v>
      </c>
      <c r="L18527" t="s">
        <v>995</v>
      </c>
      <c r="M18527" t="s">
        <v>87</v>
      </c>
      <c r="N18527" t="s">
        <v>88</v>
      </c>
      <c r="O18527" t="s">
        <v>85</v>
      </c>
      <c r="P18527" t="s">
        <v>86</v>
      </c>
      <c r="Q18527">
        <v>132</v>
      </c>
      <c r="R18527">
        <v>134</v>
      </c>
      <c r="S18527">
        <v>136</v>
      </c>
      <c r="T18527">
        <v>139</v>
      </c>
      <c r="U18527">
        <v>141</v>
      </c>
      <c r="V18527">
        <v>143</v>
      </c>
      <c r="W18527">
        <v>146</v>
      </c>
      <c r="X18527">
        <v>148</v>
      </c>
      <c r="Y18527">
        <v>150</v>
      </c>
      <c r="Z18527">
        <v>153</v>
      </c>
      <c r="AA18527">
        <v>155</v>
      </c>
      <c r="AB18527">
        <v>158</v>
      </c>
      <c r="AC18527">
        <v>161</v>
      </c>
      <c r="AD18527">
        <v>163</v>
      </c>
      <c r="AE18527">
        <v>166</v>
      </c>
      <c r="AF18527">
        <v>169</v>
      </c>
      <c r="AG18527">
        <v>172</v>
      </c>
      <c r="AH18527">
        <v>175</v>
      </c>
      <c r="AI18527">
        <v>178</v>
      </c>
      <c r="AJ18527">
        <v>181</v>
      </c>
      <c r="AK18527">
        <v>184</v>
      </c>
      <c r="AL18527">
        <v>187</v>
      </c>
      <c r="AM18527">
        <v>190</v>
      </c>
      <c r="AN18527">
        <v>193</v>
      </c>
      <c r="AO18527">
        <v>197</v>
      </c>
      <c r="AP18527">
        <v>200</v>
      </c>
      <c r="AQ18527">
        <v>204</v>
      </c>
    </row>
    <row r="18528" spans="1:43">
      <c r="A18528" t="s">
        <v>11478</v>
      </c>
      <c r="B18528" t="s">
        <v>11479</v>
      </c>
      <c r="C18528" t="s">
        <v>11448</v>
      </c>
      <c r="D18528" t="s">
        <v>11449</v>
      </c>
      <c r="E18528" t="s">
        <v>11206</v>
      </c>
      <c r="F18528" t="s">
        <v>11207</v>
      </c>
      <c r="G18528" t="s">
        <v>10734</v>
      </c>
      <c r="H18528" t="s">
        <v>10735</v>
      </c>
      <c r="I18528" s="2">
        <v>0</v>
      </c>
      <c r="J18528" s="2">
        <v>0</v>
      </c>
      <c r="K18528" s="2">
        <v>1</v>
      </c>
      <c r="L18528" t="s">
        <v>995</v>
      </c>
      <c r="M18528" t="s">
        <v>89</v>
      </c>
      <c r="N18528" t="s">
        <v>90</v>
      </c>
      <c r="O18528" t="s">
        <v>85</v>
      </c>
      <c r="P18528" t="s">
        <v>86</v>
      </c>
      <c r="Q18528">
        <v>132</v>
      </c>
      <c r="R18528">
        <v>137</v>
      </c>
      <c r="S18528">
        <v>142</v>
      </c>
      <c r="T18528">
        <v>147</v>
      </c>
      <c r="U18528">
        <v>151</v>
      </c>
      <c r="V18528">
        <v>156</v>
      </c>
      <c r="W18528">
        <v>161</v>
      </c>
      <c r="X18528">
        <v>165</v>
      </c>
      <c r="Y18528">
        <v>170</v>
      </c>
      <c r="Z18528">
        <v>175</v>
      </c>
      <c r="AA18528">
        <v>180</v>
      </c>
      <c r="AB18528">
        <v>184</v>
      </c>
      <c r="AC18528">
        <v>189</v>
      </c>
      <c r="AD18528">
        <v>194</v>
      </c>
      <c r="AE18528">
        <v>199</v>
      </c>
      <c r="AF18528">
        <v>201</v>
      </c>
      <c r="AG18528">
        <v>204</v>
      </c>
      <c r="AH18528">
        <v>207</v>
      </c>
      <c r="AI18528">
        <v>210</v>
      </c>
      <c r="AJ18528">
        <v>213</v>
      </c>
      <c r="AK18528">
        <v>216</v>
      </c>
      <c r="AL18528">
        <v>219</v>
      </c>
      <c r="AM18528">
        <v>222</v>
      </c>
      <c r="AN18528">
        <v>225</v>
      </c>
      <c r="AO18528">
        <v>228</v>
      </c>
      <c r="AP18528">
        <v>232</v>
      </c>
      <c r="AQ18528">
        <v>235</v>
      </c>
    </row>
    <row r="18529" spans="1:43">
      <c r="A18529" t="s">
        <v>11478</v>
      </c>
      <c r="B18529" t="s">
        <v>11479</v>
      </c>
      <c r="C18529" t="s">
        <v>11448</v>
      </c>
      <c r="D18529" t="s">
        <v>11449</v>
      </c>
      <c r="E18529" t="s">
        <v>11206</v>
      </c>
      <c r="F18529" t="s">
        <v>11207</v>
      </c>
      <c r="G18529" t="s">
        <v>10734</v>
      </c>
      <c r="H18529" t="s">
        <v>10735</v>
      </c>
      <c r="I18529" s="2">
        <v>0</v>
      </c>
      <c r="J18529" s="2">
        <v>0</v>
      </c>
      <c r="K18529" s="2">
        <v>1</v>
      </c>
      <c r="L18529" t="s">
        <v>995</v>
      </c>
      <c r="M18529" t="s">
        <v>83</v>
      </c>
      <c r="N18529" t="s">
        <v>91</v>
      </c>
      <c r="O18529" t="s">
        <v>85</v>
      </c>
      <c r="P18529" t="s">
        <v>86</v>
      </c>
      <c r="Q18529">
        <v>132</v>
      </c>
      <c r="R18529">
        <v>135</v>
      </c>
      <c r="S18529">
        <v>139</v>
      </c>
      <c r="T18529">
        <v>143</v>
      </c>
      <c r="U18529">
        <v>146</v>
      </c>
      <c r="V18529">
        <v>150</v>
      </c>
      <c r="W18529">
        <v>154</v>
      </c>
      <c r="X18529">
        <v>158</v>
      </c>
      <c r="Y18529">
        <v>162</v>
      </c>
      <c r="Z18529">
        <v>166</v>
      </c>
      <c r="AA18529">
        <v>170</v>
      </c>
      <c r="AB18529">
        <v>174</v>
      </c>
      <c r="AC18529">
        <v>178</v>
      </c>
      <c r="AD18529">
        <v>182</v>
      </c>
      <c r="AE18529">
        <v>186</v>
      </c>
      <c r="AF18529">
        <v>191</v>
      </c>
      <c r="AG18529">
        <v>195</v>
      </c>
      <c r="AH18529">
        <v>200</v>
      </c>
      <c r="AI18529">
        <v>204</v>
      </c>
      <c r="AJ18529">
        <v>209</v>
      </c>
      <c r="AK18529">
        <v>214</v>
      </c>
      <c r="AL18529">
        <v>218</v>
      </c>
      <c r="AM18529">
        <v>221</v>
      </c>
      <c r="AN18529">
        <v>224</v>
      </c>
      <c r="AO18529">
        <v>227</v>
      </c>
      <c r="AP18529">
        <v>230</v>
      </c>
      <c r="AQ18529">
        <v>234</v>
      </c>
    </row>
    <row r="18530" spans="1:43">
      <c r="A18530" t="s">
        <v>11480</v>
      </c>
      <c r="B18530" t="s">
        <v>11481</v>
      </c>
      <c r="C18530" t="s">
        <v>11448</v>
      </c>
      <c r="D18530" t="s">
        <v>11449</v>
      </c>
      <c r="E18530" t="s">
        <v>11206</v>
      </c>
      <c r="F18530" t="s">
        <v>11207</v>
      </c>
      <c r="G18530" t="s">
        <v>10734</v>
      </c>
      <c r="H18530" t="s">
        <v>10735</v>
      </c>
      <c r="I18530" s="2">
        <v>0</v>
      </c>
      <c r="J18530" s="2">
        <v>0</v>
      </c>
      <c r="K18530" s="2">
        <v>1</v>
      </c>
      <c r="L18530" t="s">
        <v>995</v>
      </c>
      <c r="M18530" t="s">
        <v>83</v>
      </c>
      <c r="N18530" t="s">
        <v>84</v>
      </c>
      <c r="O18530" t="s">
        <v>85</v>
      </c>
      <c r="P18530" t="s">
        <v>86</v>
      </c>
      <c r="Q18530">
        <v>16</v>
      </c>
      <c r="R18530">
        <v>16</v>
      </c>
      <c r="S18530">
        <v>17</v>
      </c>
      <c r="T18530">
        <v>17</v>
      </c>
      <c r="U18530">
        <v>18</v>
      </c>
      <c r="V18530">
        <v>18</v>
      </c>
      <c r="W18530">
        <v>19</v>
      </c>
      <c r="X18530">
        <v>19</v>
      </c>
      <c r="Y18530">
        <v>19</v>
      </c>
      <c r="Z18530">
        <v>20</v>
      </c>
      <c r="AA18530">
        <v>20</v>
      </c>
      <c r="AB18530">
        <v>21</v>
      </c>
      <c r="AC18530">
        <v>21</v>
      </c>
      <c r="AD18530">
        <v>22</v>
      </c>
      <c r="AE18530">
        <v>22</v>
      </c>
      <c r="AF18530">
        <v>23</v>
      </c>
      <c r="AG18530">
        <v>23</v>
      </c>
      <c r="AH18530">
        <v>24</v>
      </c>
      <c r="AI18530">
        <v>25</v>
      </c>
      <c r="AJ18530">
        <v>25</v>
      </c>
      <c r="AK18530">
        <v>26</v>
      </c>
      <c r="AL18530">
        <v>26</v>
      </c>
      <c r="AM18530">
        <v>27</v>
      </c>
      <c r="AN18530">
        <v>27</v>
      </c>
      <c r="AO18530">
        <v>27</v>
      </c>
      <c r="AP18530">
        <v>28</v>
      </c>
      <c r="AQ18530">
        <v>28</v>
      </c>
    </row>
    <row r="18531" spans="1:43">
      <c r="A18531" t="s">
        <v>11480</v>
      </c>
      <c r="B18531" t="s">
        <v>11481</v>
      </c>
      <c r="C18531" t="s">
        <v>11448</v>
      </c>
      <c r="D18531" t="s">
        <v>11449</v>
      </c>
      <c r="E18531" t="s">
        <v>11206</v>
      </c>
      <c r="F18531" t="s">
        <v>11207</v>
      </c>
      <c r="G18531" t="s">
        <v>10734</v>
      </c>
      <c r="H18531" t="s">
        <v>10735</v>
      </c>
      <c r="I18531" s="2">
        <v>0</v>
      </c>
      <c r="J18531" s="2">
        <v>0</v>
      </c>
      <c r="K18531" s="2">
        <v>1</v>
      </c>
      <c r="L18531" t="s">
        <v>995</v>
      </c>
      <c r="M18531" t="s">
        <v>87</v>
      </c>
      <c r="N18531" t="s">
        <v>88</v>
      </c>
      <c r="O18531" t="s">
        <v>85</v>
      </c>
      <c r="P18531" t="s">
        <v>86</v>
      </c>
      <c r="Q18531">
        <v>16</v>
      </c>
      <c r="R18531">
        <v>16</v>
      </c>
      <c r="S18531">
        <v>16</v>
      </c>
      <c r="T18531">
        <v>17</v>
      </c>
      <c r="U18531">
        <v>17</v>
      </c>
      <c r="V18531">
        <v>17</v>
      </c>
      <c r="W18531">
        <v>17</v>
      </c>
      <c r="X18531">
        <v>18</v>
      </c>
      <c r="Y18531">
        <v>18</v>
      </c>
      <c r="Z18531">
        <v>18</v>
      </c>
      <c r="AA18531">
        <v>19</v>
      </c>
      <c r="AB18531">
        <v>19</v>
      </c>
      <c r="AC18531">
        <v>19</v>
      </c>
      <c r="AD18531">
        <v>20</v>
      </c>
      <c r="AE18531">
        <v>20</v>
      </c>
      <c r="AF18531">
        <v>20</v>
      </c>
      <c r="AG18531">
        <v>21</v>
      </c>
      <c r="AH18531">
        <v>21</v>
      </c>
      <c r="AI18531">
        <v>21</v>
      </c>
      <c r="AJ18531">
        <v>22</v>
      </c>
      <c r="AK18531">
        <v>22</v>
      </c>
      <c r="AL18531">
        <v>22</v>
      </c>
      <c r="AM18531">
        <v>23</v>
      </c>
      <c r="AN18531">
        <v>23</v>
      </c>
      <c r="AO18531">
        <v>24</v>
      </c>
      <c r="AP18531">
        <v>24</v>
      </c>
      <c r="AQ18531">
        <v>24</v>
      </c>
    </row>
    <row r="18532" spans="1:43">
      <c r="A18532" t="s">
        <v>11480</v>
      </c>
      <c r="B18532" t="s">
        <v>11481</v>
      </c>
      <c r="C18532" t="s">
        <v>11448</v>
      </c>
      <c r="D18532" t="s">
        <v>11449</v>
      </c>
      <c r="E18532" t="s">
        <v>11206</v>
      </c>
      <c r="F18532" t="s">
        <v>11207</v>
      </c>
      <c r="G18532" t="s">
        <v>10734</v>
      </c>
      <c r="H18532" t="s">
        <v>10735</v>
      </c>
      <c r="I18532" s="2">
        <v>0</v>
      </c>
      <c r="J18532" s="2">
        <v>0</v>
      </c>
      <c r="K18532" s="2">
        <v>1</v>
      </c>
      <c r="L18532" t="s">
        <v>995</v>
      </c>
      <c r="M18532" t="s">
        <v>89</v>
      </c>
      <c r="N18532" t="s">
        <v>90</v>
      </c>
      <c r="O18532" t="s">
        <v>85</v>
      </c>
      <c r="P18532" t="s">
        <v>86</v>
      </c>
      <c r="Q18532">
        <v>16</v>
      </c>
      <c r="R18532">
        <v>17</v>
      </c>
      <c r="S18532">
        <v>17</v>
      </c>
      <c r="T18532">
        <v>18</v>
      </c>
      <c r="U18532">
        <v>18</v>
      </c>
      <c r="V18532">
        <v>19</v>
      </c>
      <c r="W18532">
        <v>19</v>
      </c>
      <c r="X18532">
        <v>20</v>
      </c>
      <c r="Y18532">
        <v>21</v>
      </c>
      <c r="Z18532">
        <v>21</v>
      </c>
      <c r="AA18532">
        <v>22</v>
      </c>
      <c r="AB18532">
        <v>22</v>
      </c>
      <c r="AC18532">
        <v>23</v>
      </c>
      <c r="AD18532">
        <v>24</v>
      </c>
      <c r="AE18532">
        <v>24</v>
      </c>
      <c r="AF18532">
        <v>24</v>
      </c>
      <c r="AG18532">
        <v>25</v>
      </c>
      <c r="AH18532">
        <v>25</v>
      </c>
      <c r="AI18532">
        <v>25</v>
      </c>
      <c r="AJ18532">
        <v>26</v>
      </c>
      <c r="AK18532">
        <v>26</v>
      </c>
      <c r="AL18532">
        <v>26</v>
      </c>
      <c r="AM18532">
        <v>27</v>
      </c>
      <c r="AN18532">
        <v>27</v>
      </c>
      <c r="AO18532">
        <v>27</v>
      </c>
      <c r="AP18532">
        <v>28</v>
      </c>
      <c r="AQ18532">
        <v>28</v>
      </c>
    </row>
    <row r="18533" spans="1:43">
      <c r="A18533" t="s">
        <v>11480</v>
      </c>
      <c r="B18533" t="s">
        <v>11481</v>
      </c>
      <c r="C18533" t="s">
        <v>11448</v>
      </c>
      <c r="D18533" t="s">
        <v>11449</v>
      </c>
      <c r="E18533" t="s">
        <v>11206</v>
      </c>
      <c r="F18533" t="s">
        <v>11207</v>
      </c>
      <c r="G18533" t="s">
        <v>10734</v>
      </c>
      <c r="H18533" t="s">
        <v>10735</v>
      </c>
      <c r="I18533" s="2">
        <v>0</v>
      </c>
      <c r="J18533" s="2">
        <v>0</v>
      </c>
      <c r="K18533" s="2">
        <v>1</v>
      </c>
      <c r="L18533" t="s">
        <v>995</v>
      </c>
      <c r="M18533" t="s">
        <v>83</v>
      </c>
      <c r="N18533" t="s">
        <v>91</v>
      </c>
      <c r="O18533" t="s">
        <v>85</v>
      </c>
      <c r="P18533" t="s">
        <v>86</v>
      </c>
      <c r="Q18533">
        <v>16</v>
      </c>
      <c r="R18533">
        <v>16</v>
      </c>
      <c r="S18533">
        <v>17</v>
      </c>
      <c r="T18533">
        <v>17</v>
      </c>
      <c r="U18533">
        <v>18</v>
      </c>
      <c r="V18533">
        <v>18</v>
      </c>
      <c r="W18533">
        <v>19</v>
      </c>
      <c r="X18533">
        <v>19</v>
      </c>
      <c r="Y18533">
        <v>19</v>
      </c>
      <c r="Z18533">
        <v>20</v>
      </c>
      <c r="AA18533">
        <v>20</v>
      </c>
      <c r="AB18533">
        <v>21</v>
      </c>
      <c r="AC18533">
        <v>21</v>
      </c>
      <c r="AD18533">
        <v>22</v>
      </c>
      <c r="AE18533">
        <v>22</v>
      </c>
      <c r="AF18533">
        <v>23</v>
      </c>
      <c r="AG18533">
        <v>23</v>
      </c>
      <c r="AH18533">
        <v>24</v>
      </c>
      <c r="AI18533">
        <v>25</v>
      </c>
      <c r="AJ18533">
        <v>25</v>
      </c>
      <c r="AK18533">
        <v>26</v>
      </c>
      <c r="AL18533">
        <v>26</v>
      </c>
      <c r="AM18533">
        <v>27</v>
      </c>
      <c r="AN18533">
        <v>27</v>
      </c>
      <c r="AO18533">
        <v>27</v>
      </c>
      <c r="AP18533">
        <v>28</v>
      </c>
      <c r="AQ18533">
        <v>28</v>
      </c>
    </row>
    <row r="18534" spans="1:43">
      <c r="A18534" t="s">
        <v>11482</v>
      </c>
      <c r="B18534" t="s">
        <v>11483</v>
      </c>
      <c r="C18534" t="s">
        <v>11444</v>
      </c>
      <c r="D18534" t="s">
        <v>11445</v>
      </c>
      <c r="E18534" t="s">
        <v>11206</v>
      </c>
      <c r="F18534" t="s">
        <v>11207</v>
      </c>
      <c r="G18534" t="s">
        <v>10734</v>
      </c>
      <c r="H18534" t="s">
        <v>10735</v>
      </c>
      <c r="I18534" s="2">
        <v>0</v>
      </c>
      <c r="J18534" s="2">
        <v>0</v>
      </c>
      <c r="K18534" s="2">
        <v>1</v>
      </c>
      <c r="L18534" t="s">
        <v>995</v>
      </c>
      <c r="M18534" t="s">
        <v>83</v>
      </c>
      <c r="N18534" t="s">
        <v>84</v>
      </c>
      <c r="O18534" t="s">
        <v>85</v>
      </c>
      <c r="P18534" t="s">
        <v>86</v>
      </c>
      <c r="Q18534">
        <v>15</v>
      </c>
      <c r="R18534">
        <v>15</v>
      </c>
      <c r="S18534">
        <v>16</v>
      </c>
      <c r="T18534">
        <v>16</v>
      </c>
      <c r="U18534">
        <v>16</v>
      </c>
      <c r="V18534">
        <v>17</v>
      </c>
      <c r="W18534">
        <v>17</v>
      </c>
      <c r="X18534">
        <v>18</v>
      </c>
      <c r="Y18534">
        <v>18</v>
      </c>
      <c r="Z18534">
        <v>19</v>
      </c>
      <c r="AA18534">
        <v>19</v>
      </c>
      <c r="AB18534">
        <v>19</v>
      </c>
      <c r="AC18534">
        <v>20</v>
      </c>
      <c r="AD18534">
        <v>20</v>
      </c>
      <c r="AE18534">
        <v>21</v>
      </c>
      <c r="AF18534">
        <v>21</v>
      </c>
      <c r="AG18534">
        <v>22</v>
      </c>
      <c r="AH18534">
        <v>22</v>
      </c>
      <c r="AI18534">
        <v>23</v>
      </c>
      <c r="AJ18534">
        <v>23</v>
      </c>
      <c r="AK18534">
        <v>24</v>
      </c>
      <c r="AL18534">
        <v>24</v>
      </c>
      <c r="AM18534">
        <v>25</v>
      </c>
      <c r="AN18534">
        <v>25</v>
      </c>
      <c r="AO18534">
        <v>25</v>
      </c>
      <c r="AP18534">
        <v>26</v>
      </c>
      <c r="AQ18534">
        <v>26</v>
      </c>
    </row>
    <row r="18535" spans="1:43">
      <c r="A18535" t="s">
        <v>11482</v>
      </c>
      <c r="B18535" t="s">
        <v>11483</v>
      </c>
      <c r="C18535" t="s">
        <v>11444</v>
      </c>
      <c r="D18535" t="s">
        <v>11445</v>
      </c>
      <c r="E18535" t="s">
        <v>11206</v>
      </c>
      <c r="F18535" t="s">
        <v>11207</v>
      </c>
      <c r="G18535" t="s">
        <v>10734</v>
      </c>
      <c r="H18535" t="s">
        <v>10735</v>
      </c>
      <c r="I18535" s="2">
        <v>0</v>
      </c>
      <c r="J18535" s="2">
        <v>0</v>
      </c>
      <c r="K18535" s="2">
        <v>1</v>
      </c>
      <c r="L18535" t="s">
        <v>995</v>
      </c>
      <c r="M18535" t="s">
        <v>87</v>
      </c>
      <c r="N18535" t="s">
        <v>88</v>
      </c>
      <c r="O18535" t="s">
        <v>85</v>
      </c>
      <c r="P18535" t="s">
        <v>86</v>
      </c>
      <c r="Q18535">
        <v>15</v>
      </c>
      <c r="R18535">
        <v>15</v>
      </c>
      <c r="S18535">
        <v>15</v>
      </c>
      <c r="T18535">
        <v>15</v>
      </c>
      <c r="U18535">
        <v>16</v>
      </c>
      <c r="V18535">
        <v>16</v>
      </c>
      <c r="W18535">
        <v>16</v>
      </c>
      <c r="X18535">
        <v>16</v>
      </c>
      <c r="Y18535">
        <v>17</v>
      </c>
      <c r="Z18535">
        <v>17</v>
      </c>
      <c r="AA18535">
        <v>17</v>
      </c>
      <c r="AB18535">
        <v>18</v>
      </c>
      <c r="AC18535">
        <v>18</v>
      </c>
      <c r="AD18535">
        <v>18</v>
      </c>
      <c r="AE18535">
        <v>18</v>
      </c>
      <c r="AF18535">
        <v>19</v>
      </c>
      <c r="AG18535">
        <v>19</v>
      </c>
      <c r="AH18535">
        <v>19</v>
      </c>
      <c r="AI18535">
        <v>20</v>
      </c>
      <c r="AJ18535">
        <v>20</v>
      </c>
      <c r="AK18535">
        <v>20</v>
      </c>
      <c r="AL18535">
        <v>21</v>
      </c>
      <c r="AM18535">
        <v>21</v>
      </c>
      <c r="AN18535">
        <v>22</v>
      </c>
      <c r="AO18535">
        <v>22</v>
      </c>
      <c r="AP18535">
        <v>22</v>
      </c>
      <c r="AQ18535">
        <v>23</v>
      </c>
    </row>
    <row r="18536" spans="1:43">
      <c r="A18536" t="s">
        <v>11482</v>
      </c>
      <c r="B18536" t="s">
        <v>11483</v>
      </c>
      <c r="C18536" t="s">
        <v>11444</v>
      </c>
      <c r="D18536" t="s">
        <v>11445</v>
      </c>
      <c r="E18536" t="s">
        <v>11206</v>
      </c>
      <c r="F18536" t="s">
        <v>11207</v>
      </c>
      <c r="G18536" t="s">
        <v>10734</v>
      </c>
      <c r="H18536" t="s">
        <v>10735</v>
      </c>
      <c r="I18536" s="2">
        <v>0</v>
      </c>
      <c r="J18536" s="2">
        <v>0</v>
      </c>
      <c r="K18536" s="2">
        <v>1</v>
      </c>
      <c r="L18536" t="s">
        <v>995</v>
      </c>
      <c r="M18536" t="s">
        <v>89</v>
      </c>
      <c r="N18536" t="s">
        <v>90</v>
      </c>
      <c r="O18536" t="s">
        <v>85</v>
      </c>
      <c r="P18536" t="s">
        <v>86</v>
      </c>
      <c r="Q18536">
        <v>15</v>
      </c>
      <c r="R18536">
        <v>15</v>
      </c>
      <c r="S18536">
        <v>16</v>
      </c>
      <c r="T18536">
        <v>17</v>
      </c>
      <c r="U18536">
        <v>17</v>
      </c>
      <c r="V18536">
        <v>18</v>
      </c>
      <c r="W18536">
        <v>18</v>
      </c>
      <c r="X18536">
        <v>19</v>
      </c>
      <c r="Y18536">
        <v>19</v>
      </c>
      <c r="Z18536">
        <v>20</v>
      </c>
      <c r="AA18536">
        <v>20</v>
      </c>
      <c r="AB18536">
        <v>21</v>
      </c>
      <c r="AC18536">
        <v>21</v>
      </c>
      <c r="AD18536">
        <v>22</v>
      </c>
      <c r="AE18536">
        <v>22</v>
      </c>
      <c r="AF18536">
        <v>23</v>
      </c>
      <c r="AG18536">
        <v>23</v>
      </c>
      <c r="AH18536">
        <v>23</v>
      </c>
      <c r="AI18536">
        <v>24</v>
      </c>
      <c r="AJ18536">
        <v>24</v>
      </c>
      <c r="AK18536">
        <v>24</v>
      </c>
      <c r="AL18536">
        <v>25</v>
      </c>
      <c r="AM18536">
        <v>25</v>
      </c>
      <c r="AN18536">
        <v>25</v>
      </c>
      <c r="AO18536">
        <v>26</v>
      </c>
      <c r="AP18536">
        <v>26</v>
      </c>
      <c r="AQ18536">
        <v>26</v>
      </c>
    </row>
    <row r="18537" spans="1:43">
      <c r="A18537" t="s">
        <v>11482</v>
      </c>
      <c r="B18537" t="s">
        <v>11483</v>
      </c>
      <c r="C18537" t="s">
        <v>11444</v>
      </c>
      <c r="D18537" t="s">
        <v>11445</v>
      </c>
      <c r="E18537" t="s">
        <v>11206</v>
      </c>
      <c r="F18537" t="s">
        <v>11207</v>
      </c>
      <c r="G18537" t="s">
        <v>10734</v>
      </c>
      <c r="H18537" t="s">
        <v>10735</v>
      </c>
      <c r="I18537" s="2">
        <v>0</v>
      </c>
      <c r="J18537" s="2">
        <v>0</v>
      </c>
      <c r="K18537" s="2">
        <v>1</v>
      </c>
      <c r="L18537" t="s">
        <v>995</v>
      </c>
      <c r="M18537" t="s">
        <v>83</v>
      </c>
      <c r="N18537" t="s">
        <v>91</v>
      </c>
      <c r="O18537" t="s">
        <v>85</v>
      </c>
      <c r="P18537" t="s">
        <v>86</v>
      </c>
      <c r="Q18537">
        <v>15</v>
      </c>
      <c r="R18537">
        <v>15</v>
      </c>
      <c r="S18537">
        <v>16</v>
      </c>
      <c r="T18537">
        <v>16</v>
      </c>
      <c r="U18537">
        <v>16</v>
      </c>
      <c r="V18537">
        <v>17</v>
      </c>
      <c r="W18537">
        <v>17</v>
      </c>
      <c r="X18537">
        <v>18</v>
      </c>
      <c r="Y18537">
        <v>18</v>
      </c>
      <c r="Z18537">
        <v>19</v>
      </c>
      <c r="AA18537">
        <v>19</v>
      </c>
      <c r="AB18537">
        <v>19</v>
      </c>
      <c r="AC18537">
        <v>20</v>
      </c>
      <c r="AD18537">
        <v>20</v>
      </c>
      <c r="AE18537">
        <v>21</v>
      </c>
      <c r="AF18537">
        <v>21</v>
      </c>
      <c r="AG18537">
        <v>22</v>
      </c>
      <c r="AH18537">
        <v>22</v>
      </c>
      <c r="AI18537">
        <v>23</v>
      </c>
      <c r="AJ18537">
        <v>23</v>
      </c>
      <c r="AK18537">
        <v>24</v>
      </c>
      <c r="AL18537">
        <v>24</v>
      </c>
      <c r="AM18537">
        <v>25</v>
      </c>
      <c r="AN18537">
        <v>25</v>
      </c>
      <c r="AO18537">
        <v>25</v>
      </c>
      <c r="AP18537">
        <v>26</v>
      </c>
      <c r="AQ18537">
        <v>26</v>
      </c>
    </row>
    <row r="18538" spans="1:43">
      <c r="A18538" t="s">
        <v>11484</v>
      </c>
      <c r="B18538" t="s">
        <v>11485</v>
      </c>
      <c r="C18538" t="s">
        <v>11486</v>
      </c>
      <c r="D18538" t="s">
        <v>11487</v>
      </c>
      <c r="E18538" t="s">
        <v>11206</v>
      </c>
      <c r="F18538" t="s">
        <v>11207</v>
      </c>
      <c r="G18538" t="s">
        <v>10734</v>
      </c>
      <c r="H18538" t="s">
        <v>10735</v>
      </c>
      <c r="I18538" s="2">
        <v>0</v>
      </c>
      <c r="J18538" s="2">
        <v>0</v>
      </c>
      <c r="K18538" s="2">
        <v>1</v>
      </c>
      <c r="L18538" t="s">
        <v>995</v>
      </c>
      <c r="M18538" t="s">
        <v>83</v>
      </c>
      <c r="N18538" t="s">
        <v>84</v>
      </c>
      <c r="O18538" t="s">
        <v>85</v>
      </c>
      <c r="P18538" t="s">
        <v>86</v>
      </c>
      <c r="Q18538">
        <v>19</v>
      </c>
      <c r="R18538">
        <v>20</v>
      </c>
      <c r="S18538">
        <v>21</v>
      </c>
      <c r="T18538">
        <v>21</v>
      </c>
      <c r="U18538">
        <v>22</v>
      </c>
      <c r="V18538">
        <v>22</v>
      </c>
      <c r="W18538">
        <v>23</v>
      </c>
      <c r="X18538">
        <v>23</v>
      </c>
      <c r="Y18538">
        <v>24</v>
      </c>
      <c r="Z18538">
        <v>24</v>
      </c>
      <c r="AA18538">
        <v>25</v>
      </c>
      <c r="AB18538">
        <v>26</v>
      </c>
      <c r="AC18538">
        <v>26</v>
      </c>
      <c r="AD18538">
        <v>27</v>
      </c>
      <c r="AE18538">
        <v>27</v>
      </c>
      <c r="AF18538">
        <v>28</v>
      </c>
      <c r="AG18538">
        <v>29</v>
      </c>
      <c r="AH18538">
        <v>29</v>
      </c>
      <c r="AI18538">
        <v>30</v>
      </c>
      <c r="AJ18538">
        <v>31</v>
      </c>
      <c r="AK18538">
        <v>31</v>
      </c>
      <c r="AL18538">
        <v>32</v>
      </c>
      <c r="AM18538">
        <v>32</v>
      </c>
      <c r="AN18538">
        <v>33</v>
      </c>
      <c r="AO18538">
        <v>33</v>
      </c>
      <c r="AP18538">
        <v>34</v>
      </c>
      <c r="AQ18538">
        <v>34</v>
      </c>
    </row>
    <row r="18539" spans="1:43">
      <c r="A18539" t="s">
        <v>11484</v>
      </c>
      <c r="B18539" t="s">
        <v>11485</v>
      </c>
      <c r="C18539" t="s">
        <v>11486</v>
      </c>
      <c r="D18539" t="s">
        <v>11487</v>
      </c>
      <c r="E18539" t="s">
        <v>11206</v>
      </c>
      <c r="F18539" t="s">
        <v>11207</v>
      </c>
      <c r="G18539" t="s">
        <v>10734</v>
      </c>
      <c r="H18539" t="s">
        <v>10735</v>
      </c>
      <c r="I18539" s="2">
        <v>0</v>
      </c>
      <c r="J18539" s="2">
        <v>0</v>
      </c>
      <c r="K18539" s="2">
        <v>1</v>
      </c>
      <c r="L18539" t="s">
        <v>995</v>
      </c>
      <c r="M18539" t="s">
        <v>87</v>
      </c>
      <c r="N18539" t="s">
        <v>88</v>
      </c>
      <c r="O18539" t="s">
        <v>85</v>
      </c>
      <c r="P18539" t="s">
        <v>86</v>
      </c>
      <c r="Q18539">
        <v>19</v>
      </c>
      <c r="R18539">
        <v>20</v>
      </c>
      <c r="S18539">
        <v>20</v>
      </c>
      <c r="T18539">
        <v>20</v>
      </c>
      <c r="U18539">
        <v>21</v>
      </c>
      <c r="V18539">
        <v>21</v>
      </c>
      <c r="W18539">
        <v>21</v>
      </c>
      <c r="X18539">
        <v>22</v>
      </c>
      <c r="Y18539">
        <v>22</v>
      </c>
      <c r="Z18539">
        <v>22</v>
      </c>
      <c r="AA18539">
        <v>23</v>
      </c>
      <c r="AB18539">
        <v>23</v>
      </c>
      <c r="AC18539">
        <v>24</v>
      </c>
      <c r="AD18539">
        <v>24</v>
      </c>
      <c r="AE18539">
        <v>24</v>
      </c>
      <c r="AF18539">
        <v>25</v>
      </c>
      <c r="AG18539">
        <v>25</v>
      </c>
      <c r="AH18539">
        <v>26</v>
      </c>
      <c r="AI18539">
        <v>26</v>
      </c>
      <c r="AJ18539">
        <v>27</v>
      </c>
      <c r="AK18539">
        <v>27</v>
      </c>
      <c r="AL18539">
        <v>27</v>
      </c>
      <c r="AM18539">
        <v>28</v>
      </c>
      <c r="AN18539">
        <v>28</v>
      </c>
      <c r="AO18539">
        <v>29</v>
      </c>
      <c r="AP18539">
        <v>29</v>
      </c>
      <c r="AQ18539">
        <v>30</v>
      </c>
    </row>
    <row r="18540" spans="1:43">
      <c r="A18540" t="s">
        <v>11484</v>
      </c>
      <c r="B18540" t="s">
        <v>11485</v>
      </c>
      <c r="C18540" t="s">
        <v>11486</v>
      </c>
      <c r="D18540" t="s">
        <v>11487</v>
      </c>
      <c r="E18540" t="s">
        <v>11206</v>
      </c>
      <c r="F18540" t="s">
        <v>11207</v>
      </c>
      <c r="G18540" t="s">
        <v>10734</v>
      </c>
      <c r="H18540" t="s">
        <v>10735</v>
      </c>
      <c r="I18540" s="2">
        <v>0</v>
      </c>
      <c r="J18540" s="2">
        <v>0</v>
      </c>
      <c r="K18540" s="2">
        <v>1</v>
      </c>
      <c r="L18540" t="s">
        <v>995</v>
      </c>
      <c r="M18540" t="s">
        <v>89</v>
      </c>
      <c r="N18540" t="s">
        <v>90</v>
      </c>
      <c r="O18540" t="s">
        <v>85</v>
      </c>
      <c r="P18540" t="s">
        <v>86</v>
      </c>
      <c r="Q18540">
        <v>19</v>
      </c>
      <c r="R18540">
        <v>19</v>
      </c>
      <c r="S18540">
        <v>20</v>
      </c>
      <c r="T18540">
        <v>21</v>
      </c>
      <c r="U18540">
        <v>21</v>
      </c>
      <c r="V18540">
        <v>22</v>
      </c>
      <c r="W18540">
        <v>23</v>
      </c>
      <c r="X18540">
        <v>24</v>
      </c>
      <c r="Y18540">
        <v>24</v>
      </c>
      <c r="Z18540">
        <v>25</v>
      </c>
      <c r="AA18540">
        <v>26</v>
      </c>
      <c r="AB18540">
        <v>26</v>
      </c>
      <c r="AC18540">
        <v>27</v>
      </c>
      <c r="AD18540">
        <v>28</v>
      </c>
      <c r="AE18540">
        <v>28</v>
      </c>
      <c r="AF18540">
        <v>29</v>
      </c>
      <c r="AG18540">
        <v>29</v>
      </c>
      <c r="AH18540">
        <v>30</v>
      </c>
      <c r="AI18540">
        <v>30</v>
      </c>
      <c r="AJ18540">
        <v>30</v>
      </c>
      <c r="AK18540">
        <v>31</v>
      </c>
      <c r="AL18540">
        <v>31</v>
      </c>
      <c r="AM18540">
        <v>32</v>
      </c>
      <c r="AN18540">
        <v>32</v>
      </c>
      <c r="AO18540">
        <v>33</v>
      </c>
      <c r="AP18540">
        <v>33</v>
      </c>
      <c r="AQ18540">
        <v>33</v>
      </c>
    </row>
    <row r="18541" spans="1:43">
      <c r="A18541" t="s">
        <v>11484</v>
      </c>
      <c r="B18541" t="s">
        <v>11485</v>
      </c>
      <c r="C18541" t="s">
        <v>11486</v>
      </c>
      <c r="D18541" t="s">
        <v>11487</v>
      </c>
      <c r="E18541" t="s">
        <v>11206</v>
      </c>
      <c r="F18541" t="s">
        <v>11207</v>
      </c>
      <c r="G18541" t="s">
        <v>10734</v>
      </c>
      <c r="H18541" t="s">
        <v>10735</v>
      </c>
      <c r="I18541" s="2">
        <v>0</v>
      </c>
      <c r="J18541" s="2">
        <v>0</v>
      </c>
      <c r="K18541" s="2">
        <v>1</v>
      </c>
      <c r="L18541" t="s">
        <v>995</v>
      </c>
      <c r="M18541" t="s">
        <v>83</v>
      </c>
      <c r="N18541" t="s">
        <v>91</v>
      </c>
      <c r="O18541" t="s">
        <v>85</v>
      </c>
      <c r="P18541" t="s">
        <v>86</v>
      </c>
      <c r="Q18541">
        <v>19</v>
      </c>
      <c r="R18541">
        <v>20</v>
      </c>
      <c r="S18541">
        <v>21</v>
      </c>
      <c r="T18541">
        <v>21</v>
      </c>
      <c r="U18541">
        <v>22</v>
      </c>
      <c r="V18541">
        <v>22</v>
      </c>
      <c r="W18541">
        <v>23</v>
      </c>
      <c r="X18541">
        <v>23</v>
      </c>
      <c r="Y18541">
        <v>24</v>
      </c>
      <c r="Z18541">
        <v>24</v>
      </c>
      <c r="AA18541">
        <v>25</v>
      </c>
      <c r="AB18541">
        <v>26</v>
      </c>
      <c r="AC18541">
        <v>26</v>
      </c>
      <c r="AD18541">
        <v>27</v>
      </c>
      <c r="AE18541">
        <v>27</v>
      </c>
      <c r="AF18541">
        <v>28</v>
      </c>
      <c r="AG18541">
        <v>29</v>
      </c>
      <c r="AH18541">
        <v>29</v>
      </c>
      <c r="AI18541">
        <v>30</v>
      </c>
      <c r="AJ18541">
        <v>31</v>
      </c>
      <c r="AK18541">
        <v>31</v>
      </c>
      <c r="AL18541">
        <v>32</v>
      </c>
      <c r="AM18541">
        <v>32</v>
      </c>
      <c r="AN18541">
        <v>33</v>
      </c>
      <c r="AO18541">
        <v>33</v>
      </c>
      <c r="AP18541">
        <v>34</v>
      </c>
      <c r="AQ18541">
        <v>34</v>
      </c>
    </row>
    <row r="18542" spans="1:43">
      <c r="A18542" t="s">
        <v>11488</v>
      </c>
      <c r="B18542" t="s">
        <v>11489</v>
      </c>
      <c r="C18542" t="s">
        <v>11486</v>
      </c>
      <c r="D18542" t="s">
        <v>11487</v>
      </c>
      <c r="E18542" t="s">
        <v>11206</v>
      </c>
      <c r="F18542" t="s">
        <v>11207</v>
      </c>
      <c r="G18542" t="s">
        <v>10734</v>
      </c>
      <c r="H18542" t="s">
        <v>10735</v>
      </c>
      <c r="I18542" s="2">
        <v>0</v>
      </c>
      <c r="J18542" s="2">
        <v>0</v>
      </c>
      <c r="K18542" s="2">
        <v>1</v>
      </c>
      <c r="L18542" t="s">
        <v>995</v>
      </c>
      <c r="M18542" t="s">
        <v>83</v>
      </c>
      <c r="N18542" t="s">
        <v>84</v>
      </c>
      <c r="O18542" t="s">
        <v>85</v>
      </c>
      <c r="P18542" t="s">
        <v>86</v>
      </c>
      <c r="Q18542">
        <v>9</v>
      </c>
      <c r="R18542">
        <v>9</v>
      </c>
      <c r="S18542">
        <v>9</v>
      </c>
      <c r="T18542">
        <v>9</v>
      </c>
      <c r="U18542">
        <v>9</v>
      </c>
      <c r="V18542">
        <v>10</v>
      </c>
      <c r="W18542">
        <v>10</v>
      </c>
      <c r="X18542">
        <v>10</v>
      </c>
      <c r="Y18542">
        <v>10</v>
      </c>
      <c r="Z18542">
        <v>11</v>
      </c>
      <c r="AA18542">
        <v>11</v>
      </c>
      <c r="AB18542">
        <v>11</v>
      </c>
      <c r="AC18542">
        <v>12</v>
      </c>
      <c r="AD18542">
        <v>12</v>
      </c>
      <c r="AE18542">
        <v>12</v>
      </c>
      <c r="AF18542">
        <v>12</v>
      </c>
      <c r="AG18542">
        <v>13</v>
      </c>
      <c r="AH18542">
        <v>13</v>
      </c>
      <c r="AI18542">
        <v>13</v>
      </c>
      <c r="AJ18542">
        <v>13</v>
      </c>
      <c r="AK18542">
        <v>14</v>
      </c>
      <c r="AL18542">
        <v>14</v>
      </c>
      <c r="AM18542">
        <v>14</v>
      </c>
      <c r="AN18542">
        <v>14</v>
      </c>
      <c r="AO18542">
        <v>15</v>
      </c>
      <c r="AP18542">
        <v>15</v>
      </c>
      <c r="AQ18542">
        <v>15</v>
      </c>
    </row>
    <row r="18543" spans="1:43">
      <c r="A18543" t="s">
        <v>11488</v>
      </c>
      <c r="B18543" t="s">
        <v>11489</v>
      </c>
      <c r="C18543" t="s">
        <v>11486</v>
      </c>
      <c r="D18543" t="s">
        <v>11487</v>
      </c>
      <c r="E18543" t="s">
        <v>11206</v>
      </c>
      <c r="F18543" t="s">
        <v>11207</v>
      </c>
      <c r="G18543" t="s">
        <v>10734</v>
      </c>
      <c r="H18543" t="s">
        <v>10735</v>
      </c>
      <c r="I18543" s="2">
        <v>0</v>
      </c>
      <c r="J18543" s="2">
        <v>0</v>
      </c>
      <c r="K18543" s="2">
        <v>1</v>
      </c>
      <c r="L18543" t="s">
        <v>995</v>
      </c>
      <c r="M18543" t="s">
        <v>87</v>
      </c>
      <c r="N18543" t="s">
        <v>88</v>
      </c>
      <c r="O18543" t="s">
        <v>85</v>
      </c>
      <c r="P18543" t="s">
        <v>86</v>
      </c>
      <c r="Q18543">
        <v>9</v>
      </c>
      <c r="R18543">
        <v>10</v>
      </c>
      <c r="S18543">
        <v>10</v>
      </c>
      <c r="T18543">
        <v>10</v>
      </c>
      <c r="U18543">
        <v>10</v>
      </c>
      <c r="V18543">
        <v>10</v>
      </c>
      <c r="W18543">
        <v>10</v>
      </c>
      <c r="X18543">
        <v>11</v>
      </c>
      <c r="Y18543">
        <v>11</v>
      </c>
      <c r="Z18543">
        <v>11</v>
      </c>
      <c r="AA18543">
        <v>11</v>
      </c>
      <c r="AB18543">
        <v>11</v>
      </c>
      <c r="AC18543">
        <v>11</v>
      </c>
      <c r="AD18543">
        <v>12</v>
      </c>
      <c r="AE18543">
        <v>12</v>
      </c>
      <c r="AF18543">
        <v>12</v>
      </c>
      <c r="AG18543">
        <v>12</v>
      </c>
      <c r="AH18543">
        <v>12</v>
      </c>
      <c r="AI18543">
        <v>12</v>
      </c>
      <c r="AJ18543">
        <v>13</v>
      </c>
      <c r="AK18543">
        <v>13</v>
      </c>
      <c r="AL18543">
        <v>13</v>
      </c>
      <c r="AM18543">
        <v>13</v>
      </c>
      <c r="AN18543">
        <v>13</v>
      </c>
      <c r="AO18543">
        <v>14</v>
      </c>
      <c r="AP18543">
        <v>14</v>
      </c>
      <c r="AQ18543">
        <v>14</v>
      </c>
    </row>
    <row r="18544" spans="1:43">
      <c r="A18544" t="s">
        <v>11488</v>
      </c>
      <c r="B18544" t="s">
        <v>11489</v>
      </c>
      <c r="C18544" t="s">
        <v>11486</v>
      </c>
      <c r="D18544" t="s">
        <v>11487</v>
      </c>
      <c r="E18544" t="s">
        <v>11206</v>
      </c>
      <c r="F18544" t="s">
        <v>11207</v>
      </c>
      <c r="G18544" t="s">
        <v>10734</v>
      </c>
      <c r="H18544" t="s">
        <v>10735</v>
      </c>
      <c r="I18544" s="2">
        <v>0</v>
      </c>
      <c r="J18544" s="2">
        <v>0</v>
      </c>
      <c r="K18544" s="2">
        <v>1</v>
      </c>
      <c r="L18544" t="s">
        <v>995</v>
      </c>
      <c r="M18544" t="s">
        <v>89</v>
      </c>
      <c r="N18544" t="s">
        <v>90</v>
      </c>
      <c r="O18544" t="s">
        <v>85</v>
      </c>
      <c r="P18544" t="s">
        <v>86</v>
      </c>
      <c r="Q18544">
        <v>9</v>
      </c>
      <c r="R18544">
        <v>9</v>
      </c>
      <c r="S18544">
        <v>9</v>
      </c>
      <c r="T18544">
        <v>10</v>
      </c>
      <c r="U18544">
        <v>10</v>
      </c>
      <c r="V18544">
        <v>10</v>
      </c>
      <c r="W18544">
        <v>10</v>
      </c>
      <c r="X18544">
        <v>11</v>
      </c>
      <c r="Y18544">
        <v>11</v>
      </c>
      <c r="Z18544">
        <v>11</v>
      </c>
      <c r="AA18544">
        <v>12</v>
      </c>
      <c r="AB18544">
        <v>12</v>
      </c>
      <c r="AC18544">
        <v>12</v>
      </c>
      <c r="AD18544">
        <v>13</v>
      </c>
      <c r="AE18544">
        <v>13</v>
      </c>
      <c r="AF18544">
        <v>13</v>
      </c>
      <c r="AG18544">
        <v>13</v>
      </c>
      <c r="AH18544">
        <v>13</v>
      </c>
      <c r="AI18544">
        <v>14</v>
      </c>
      <c r="AJ18544">
        <v>14</v>
      </c>
      <c r="AK18544">
        <v>14</v>
      </c>
      <c r="AL18544">
        <v>14</v>
      </c>
      <c r="AM18544">
        <v>14</v>
      </c>
      <c r="AN18544">
        <v>14</v>
      </c>
      <c r="AO18544">
        <v>15</v>
      </c>
      <c r="AP18544">
        <v>15</v>
      </c>
      <c r="AQ18544">
        <v>15</v>
      </c>
    </row>
    <row r="18545" spans="1:43">
      <c r="A18545" t="s">
        <v>11488</v>
      </c>
      <c r="B18545" t="s">
        <v>11489</v>
      </c>
      <c r="C18545" t="s">
        <v>11486</v>
      </c>
      <c r="D18545" t="s">
        <v>11487</v>
      </c>
      <c r="E18545" t="s">
        <v>11206</v>
      </c>
      <c r="F18545" t="s">
        <v>11207</v>
      </c>
      <c r="G18545" t="s">
        <v>10734</v>
      </c>
      <c r="H18545" t="s">
        <v>10735</v>
      </c>
      <c r="I18545" s="2">
        <v>0</v>
      </c>
      <c r="J18545" s="2">
        <v>0</v>
      </c>
      <c r="K18545" s="2">
        <v>1</v>
      </c>
      <c r="L18545" t="s">
        <v>995</v>
      </c>
      <c r="M18545" t="s">
        <v>83</v>
      </c>
      <c r="N18545" t="s">
        <v>91</v>
      </c>
      <c r="O18545" t="s">
        <v>85</v>
      </c>
      <c r="P18545" t="s">
        <v>86</v>
      </c>
      <c r="Q18545">
        <v>9</v>
      </c>
      <c r="R18545">
        <v>9</v>
      </c>
      <c r="S18545">
        <v>9</v>
      </c>
      <c r="T18545">
        <v>9</v>
      </c>
      <c r="U18545">
        <v>9</v>
      </c>
      <c r="V18545">
        <v>10</v>
      </c>
      <c r="W18545">
        <v>10</v>
      </c>
      <c r="X18545">
        <v>10</v>
      </c>
      <c r="Y18545">
        <v>10</v>
      </c>
      <c r="Z18545">
        <v>11</v>
      </c>
      <c r="AA18545">
        <v>11</v>
      </c>
      <c r="AB18545">
        <v>11</v>
      </c>
      <c r="AC18545">
        <v>12</v>
      </c>
      <c r="AD18545">
        <v>12</v>
      </c>
      <c r="AE18545">
        <v>12</v>
      </c>
      <c r="AF18545">
        <v>12</v>
      </c>
      <c r="AG18545">
        <v>13</v>
      </c>
      <c r="AH18545">
        <v>13</v>
      </c>
      <c r="AI18545">
        <v>13</v>
      </c>
      <c r="AJ18545">
        <v>13</v>
      </c>
      <c r="AK18545">
        <v>14</v>
      </c>
      <c r="AL18545">
        <v>14</v>
      </c>
      <c r="AM18545">
        <v>14</v>
      </c>
      <c r="AN18545">
        <v>14</v>
      </c>
      <c r="AO18545">
        <v>15</v>
      </c>
      <c r="AP18545">
        <v>15</v>
      </c>
      <c r="AQ18545">
        <v>15</v>
      </c>
    </row>
    <row r="18546" spans="1:43">
      <c r="A18546" t="s">
        <v>11490</v>
      </c>
      <c r="B18546" t="s">
        <v>11491</v>
      </c>
      <c r="C18546" t="s">
        <v>11492</v>
      </c>
      <c r="D18546" t="s">
        <v>11493</v>
      </c>
      <c r="E18546" t="s">
        <v>11206</v>
      </c>
      <c r="F18546" t="s">
        <v>11207</v>
      </c>
      <c r="G18546" t="s">
        <v>10734</v>
      </c>
      <c r="H18546" t="s">
        <v>10735</v>
      </c>
      <c r="I18546" s="2">
        <v>0</v>
      </c>
      <c r="J18546" s="2">
        <v>0</v>
      </c>
      <c r="K18546" s="2">
        <v>1</v>
      </c>
      <c r="L18546" t="s">
        <v>995</v>
      </c>
      <c r="M18546" t="s">
        <v>83</v>
      </c>
      <c r="N18546" t="s">
        <v>84</v>
      </c>
      <c r="O18546" t="s">
        <v>85</v>
      </c>
      <c r="P18546" t="s">
        <v>86</v>
      </c>
      <c r="Q18546">
        <v>10</v>
      </c>
      <c r="R18546">
        <v>10</v>
      </c>
      <c r="S18546">
        <v>11</v>
      </c>
      <c r="T18546">
        <v>11</v>
      </c>
      <c r="U18546">
        <v>11</v>
      </c>
      <c r="V18546">
        <v>12</v>
      </c>
      <c r="W18546">
        <v>12</v>
      </c>
      <c r="X18546">
        <v>12</v>
      </c>
      <c r="Y18546">
        <v>12</v>
      </c>
      <c r="Z18546">
        <v>13</v>
      </c>
      <c r="AA18546">
        <v>13</v>
      </c>
      <c r="AB18546">
        <v>13</v>
      </c>
      <c r="AC18546">
        <v>14</v>
      </c>
      <c r="AD18546">
        <v>14</v>
      </c>
      <c r="AE18546">
        <v>14</v>
      </c>
      <c r="AF18546">
        <v>15</v>
      </c>
      <c r="AG18546">
        <v>15</v>
      </c>
      <c r="AH18546">
        <v>15</v>
      </c>
      <c r="AI18546">
        <v>16</v>
      </c>
      <c r="AJ18546">
        <v>16</v>
      </c>
      <c r="AK18546">
        <v>16</v>
      </c>
      <c r="AL18546">
        <v>17</v>
      </c>
      <c r="AM18546">
        <v>17</v>
      </c>
      <c r="AN18546">
        <v>17</v>
      </c>
      <c r="AO18546">
        <v>17</v>
      </c>
      <c r="AP18546">
        <v>18</v>
      </c>
      <c r="AQ18546">
        <v>18</v>
      </c>
    </row>
    <row r="18547" spans="1:43">
      <c r="A18547" t="s">
        <v>11490</v>
      </c>
      <c r="B18547" t="s">
        <v>11491</v>
      </c>
      <c r="C18547" t="s">
        <v>11492</v>
      </c>
      <c r="D18547" t="s">
        <v>11493</v>
      </c>
      <c r="E18547" t="s">
        <v>11206</v>
      </c>
      <c r="F18547" t="s">
        <v>11207</v>
      </c>
      <c r="G18547" t="s">
        <v>10734</v>
      </c>
      <c r="H18547" t="s">
        <v>10735</v>
      </c>
      <c r="I18547" s="2">
        <v>0</v>
      </c>
      <c r="J18547" s="2">
        <v>0</v>
      </c>
      <c r="K18547" s="2">
        <v>1</v>
      </c>
      <c r="L18547" t="s">
        <v>995</v>
      </c>
      <c r="M18547" t="s">
        <v>87</v>
      </c>
      <c r="N18547" t="s">
        <v>88</v>
      </c>
      <c r="O18547" t="s">
        <v>85</v>
      </c>
      <c r="P18547" t="s">
        <v>86</v>
      </c>
      <c r="Q18547">
        <v>10</v>
      </c>
      <c r="R18547">
        <v>10</v>
      </c>
      <c r="S18547">
        <v>10</v>
      </c>
      <c r="T18547">
        <v>11</v>
      </c>
      <c r="U18547">
        <v>11</v>
      </c>
      <c r="V18547">
        <v>11</v>
      </c>
      <c r="W18547">
        <v>11</v>
      </c>
      <c r="X18547">
        <v>11</v>
      </c>
      <c r="Y18547">
        <v>11</v>
      </c>
      <c r="Z18547">
        <v>12</v>
      </c>
      <c r="AA18547">
        <v>12</v>
      </c>
      <c r="AB18547">
        <v>12</v>
      </c>
      <c r="AC18547">
        <v>12</v>
      </c>
      <c r="AD18547">
        <v>12</v>
      </c>
      <c r="AE18547">
        <v>13</v>
      </c>
      <c r="AF18547">
        <v>13</v>
      </c>
      <c r="AG18547">
        <v>13</v>
      </c>
      <c r="AH18547">
        <v>13</v>
      </c>
      <c r="AI18547">
        <v>14</v>
      </c>
      <c r="AJ18547">
        <v>14</v>
      </c>
      <c r="AK18547">
        <v>14</v>
      </c>
      <c r="AL18547">
        <v>14</v>
      </c>
      <c r="AM18547">
        <v>15</v>
      </c>
      <c r="AN18547">
        <v>15</v>
      </c>
      <c r="AO18547">
        <v>15</v>
      </c>
      <c r="AP18547">
        <v>15</v>
      </c>
      <c r="AQ18547">
        <v>16</v>
      </c>
    </row>
    <row r="18548" spans="1:43">
      <c r="A18548" t="s">
        <v>11490</v>
      </c>
      <c r="B18548" t="s">
        <v>11491</v>
      </c>
      <c r="C18548" t="s">
        <v>11492</v>
      </c>
      <c r="D18548" t="s">
        <v>11493</v>
      </c>
      <c r="E18548" t="s">
        <v>11206</v>
      </c>
      <c r="F18548" t="s">
        <v>11207</v>
      </c>
      <c r="G18548" t="s">
        <v>10734</v>
      </c>
      <c r="H18548" t="s">
        <v>10735</v>
      </c>
      <c r="I18548" s="2">
        <v>0</v>
      </c>
      <c r="J18548" s="2">
        <v>0</v>
      </c>
      <c r="K18548" s="2">
        <v>1</v>
      </c>
      <c r="L18548" t="s">
        <v>995</v>
      </c>
      <c r="M18548" t="s">
        <v>89</v>
      </c>
      <c r="N18548" t="s">
        <v>90</v>
      </c>
      <c r="O18548" t="s">
        <v>85</v>
      </c>
      <c r="P18548" t="s">
        <v>86</v>
      </c>
      <c r="Q18548">
        <v>10</v>
      </c>
      <c r="R18548">
        <v>11</v>
      </c>
      <c r="S18548">
        <v>11</v>
      </c>
      <c r="T18548">
        <v>11</v>
      </c>
      <c r="U18548">
        <v>12</v>
      </c>
      <c r="V18548">
        <v>12</v>
      </c>
      <c r="W18548">
        <v>12</v>
      </c>
      <c r="X18548">
        <v>13</v>
      </c>
      <c r="Y18548">
        <v>13</v>
      </c>
      <c r="Z18548">
        <v>14</v>
      </c>
      <c r="AA18548">
        <v>14</v>
      </c>
      <c r="AB18548">
        <v>14</v>
      </c>
      <c r="AC18548">
        <v>15</v>
      </c>
      <c r="AD18548">
        <v>15</v>
      </c>
      <c r="AE18548">
        <v>15</v>
      </c>
      <c r="AF18548">
        <v>16</v>
      </c>
      <c r="AG18548">
        <v>16</v>
      </c>
      <c r="AH18548">
        <v>16</v>
      </c>
      <c r="AI18548">
        <v>16</v>
      </c>
      <c r="AJ18548">
        <v>16</v>
      </c>
      <c r="AK18548">
        <v>17</v>
      </c>
      <c r="AL18548">
        <v>17</v>
      </c>
      <c r="AM18548">
        <v>17</v>
      </c>
      <c r="AN18548">
        <v>17</v>
      </c>
      <c r="AO18548">
        <v>18</v>
      </c>
      <c r="AP18548">
        <v>18</v>
      </c>
      <c r="AQ18548">
        <v>18</v>
      </c>
    </row>
    <row r="18549" spans="1:43">
      <c r="A18549" t="s">
        <v>11490</v>
      </c>
      <c r="B18549" t="s">
        <v>11491</v>
      </c>
      <c r="C18549" t="s">
        <v>11492</v>
      </c>
      <c r="D18549" t="s">
        <v>11493</v>
      </c>
      <c r="E18549" t="s">
        <v>11206</v>
      </c>
      <c r="F18549" t="s">
        <v>11207</v>
      </c>
      <c r="G18549" t="s">
        <v>10734</v>
      </c>
      <c r="H18549" t="s">
        <v>10735</v>
      </c>
      <c r="I18549" s="2">
        <v>0</v>
      </c>
      <c r="J18549" s="2">
        <v>0</v>
      </c>
      <c r="K18549" s="2">
        <v>1</v>
      </c>
      <c r="L18549" t="s">
        <v>995</v>
      </c>
      <c r="M18549" t="s">
        <v>83</v>
      </c>
      <c r="N18549" t="s">
        <v>91</v>
      </c>
      <c r="O18549" t="s">
        <v>85</v>
      </c>
      <c r="P18549" t="s">
        <v>86</v>
      </c>
      <c r="Q18549">
        <v>10</v>
      </c>
      <c r="R18549">
        <v>10</v>
      </c>
      <c r="S18549">
        <v>11</v>
      </c>
      <c r="T18549">
        <v>11</v>
      </c>
      <c r="U18549">
        <v>11</v>
      </c>
      <c r="V18549">
        <v>12</v>
      </c>
      <c r="W18549">
        <v>12</v>
      </c>
      <c r="X18549">
        <v>12</v>
      </c>
      <c r="Y18549">
        <v>12</v>
      </c>
      <c r="Z18549">
        <v>13</v>
      </c>
      <c r="AA18549">
        <v>13</v>
      </c>
      <c r="AB18549">
        <v>13</v>
      </c>
      <c r="AC18549">
        <v>14</v>
      </c>
      <c r="AD18549">
        <v>14</v>
      </c>
      <c r="AE18549">
        <v>14</v>
      </c>
      <c r="AF18549">
        <v>15</v>
      </c>
      <c r="AG18549">
        <v>15</v>
      </c>
      <c r="AH18549">
        <v>15</v>
      </c>
      <c r="AI18549">
        <v>16</v>
      </c>
      <c r="AJ18549">
        <v>16</v>
      </c>
      <c r="AK18549">
        <v>16</v>
      </c>
      <c r="AL18549">
        <v>17</v>
      </c>
      <c r="AM18549">
        <v>17</v>
      </c>
      <c r="AN18549">
        <v>17</v>
      </c>
      <c r="AO18549">
        <v>17</v>
      </c>
      <c r="AP18549">
        <v>18</v>
      </c>
      <c r="AQ18549">
        <v>18</v>
      </c>
    </row>
    <row r="18550" spans="1:43">
      <c r="A18550" t="s">
        <v>11494</v>
      </c>
      <c r="B18550" t="s">
        <v>11495</v>
      </c>
      <c r="C18550" t="s">
        <v>11492</v>
      </c>
      <c r="D18550" t="s">
        <v>11493</v>
      </c>
      <c r="E18550" t="s">
        <v>11206</v>
      </c>
      <c r="F18550" t="s">
        <v>11207</v>
      </c>
      <c r="G18550" t="s">
        <v>10734</v>
      </c>
      <c r="H18550" t="s">
        <v>10735</v>
      </c>
      <c r="I18550" s="2">
        <v>0</v>
      </c>
      <c r="J18550" s="2">
        <v>0</v>
      </c>
      <c r="K18550" s="2">
        <v>1</v>
      </c>
      <c r="L18550" t="s">
        <v>995</v>
      </c>
      <c r="M18550" t="s">
        <v>83</v>
      </c>
      <c r="N18550" t="s">
        <v>84</v>
      </c>
      <c r="O18550" t="s">
        <v>85</v>
      </c>
      <c r="P18550" t="s">
        <v>86</v>
      </c>
      <c r="Q18550">
        <v>42</v>
      </c>
      <c r="R18550">
        <v>43</v>
      </c>
      <c r="S18550">
        <v>44</v>
      </c>
      <c r="T18550">
        <v>45</v>
      </c>
      <c r="U18550">
        <v>47</v>
      </c>
      <c r="V18550">
        <v>48</v>
      </c>
      <c r="W18550">
        <v>49</v>
      </c>
      <c r="X18550">
        <v>50</v>
      </c>
      <c r="Y18550">
        <v>51</v>
      </c>
      <c r="Z18550">
        <v>53</v>
      </c>
      <c r="AA18550">
        <v>54</v>
      </c>
      <c r="AB18550">
        <v>55</v>
      </c>
      <c r="AC18550">
        <v>57</v>
      </c>
      <c r="AD18550">
        <v>58</v>
      </c>
      <c r="AE18550">
        <v>59</v>
      </c>
      <c r="AF18550">
        <v>61</v>
      </c>
      <c r="AG18550">
        <v>62</v>
      </c>
      <c r="AH18550">
        <v>64</v>
      </c>
      <c r="AI18550">
        <v>65</v>
      </c>
      <c r="AJ18550">
        <v>67</v>
      </c>
      <c r="AK18550">
        <v>68</v>
      </c>
      <c r="AL18550">
        <v>69</v>
      </c>
      <c r="AM18550">
        <v>70</v>
      </c>
      <c r="AN18550">
        <v>71</v>
      </c>
      <c r="AO18550">
        <v>72</v>
      </c>
      <c r="AP18550">
        <v>73</v>
      </c>
      <c r="AQ18550">
        <v>74</v>
      </c>
    </row>
    <row r="18551" spans="1:43">
      <c r="A18551" t="s">
        <v>11494</v>
      </c>
      <c r="B18551" t="s">
        <v>11495</v>
      </c>
      <c r="C18551" t="s">
        <v>11492</v>
      </c>
      <c r="D18551" t="s">
        <v>11493</v>
      </c>
      <c r="E18551" t="s">
        <v>11206</v>
      </c>
      <c r="F18551" t="s">
        <v>11207</v>
      </c>
      <c r="G18551" t="s">
        <v>10734</v>
      </c>
      <c r="H18551" t="s">
        <v>10735</v>
      </c>
      <c r="I18551" s="2">
        <v>0</v>
      </c>
      <c r="J18551" s="2">
        <v>0</v>
      </c>
      <c r="K18551" s="2">
        <v>1</v>
      </c>
      <c r="L18551" t="s">
        <v>995</v>
      </c>
      <c r="M18551" t="s">
        <v>87</v>
      </c>
      <c r="N18551" t="s">
        <v>88</v>
      </c>
      <c r="O18551" t="s">
        <v>85</v>
      </c>
      <c r="P18551" t="s">
        <v>86</v>
      </c>
      <c r="Q18551">
        <v>42</v>
      </c>
      <c r="R18551">
        <v>42</v>
      </c>
      <c r="S18551">
        <v>43</v>
      </c>
      <c r="T18551">
        <v>44</v>
      </c>
      <c r="U18551">
        <v>45</v>
      </c>
      <c r="V18551">
        <v>45</v>
      </c>
      <c r="W18551">
        <v>46</v>
      </c>
      <c r="X18551">
        <v>47</v>
      </c>
      <c r="Y18551">
        <v>47</v>
      </c>
      <c r="Z18551">
        <v>48</v>
      </c>
      <c r="AA18551">
        <v>49</v>
      </c>
      <c r="AB18551">
        <v>50</v>
      </c>
      <c r="AC18551">
        <v>51</v>
      </c>
      <c r="AD18551">
        <v>52</v>
      </c>
      <c r="AE18551">
        <v>52</v>
      </c>
      <c r="AF18551">
        <v>53</v>
      </c>
      <c r="AG18551">
        <v>54</v>
      </c>
      <c r="AH18551">
        <v>55</v>
      </c>
      <c r="AI18551">
        <v>56</v>
      </c>
      <c r="AJ18551">
        <v>57</v>
      </c>
      <c r="AK18551">
        <v>58</v>
      </c>
      <c r="AL18551">
        <v>59</v>
      </c>
      <c r="AM18551">
        <v>60</v>
      </c>
      <c r="AN18551">
        <v>61</v>
      </c>
      <c r="AO18551">
        <v>62</v>
      </c>
      <c r="AP18551">
        <v>63</v>
      </c>
      <c r="AQ18551">
        <v>64</v>
      </c>
    </row>
    <row r="18552" spans="1:43">
      <c r="A18552" t="s">
        <v>11494</v>
      </c>
      <c r="B18552" t="s">
        <v>11495</v>
      </c>
      <c r="C18552" t="s">
        <v>11492</v>
      </c>
      <c r="D18552" t="s">
        <v>11493</v>
      </c>
      <c r="E18552" t="s">
        <v>11206</v>
      </c>
      <c r="F18552" t="s">
        <v>11207</v>
      </c>
      <c r="G18552" t="s">
        <v>10734</v>
      </c>
      <c r="H18552" t="s">
        <v>10735</v>
      </c>
      <c r="I18552" s="2">
        <v>0</v>
      </c>
      <c r="J18552" s="2">
        <v>0</v>
      </c>
      <c r="K18552" s="2">
        <v>1</v>
      </c>
      <c r="L18552" t="s">
        <v>995</v>
      </c>
      <c r="M18552" t="s">
        <v>89</v>
      </c>
      <c r="N18552" t="s">
        <v>90</v>
      </c>
      <c r="O18552" t="s">
        <v>85</v>
      </c>
      <c r="P18552" t="s">
        <v>86</v>
      </c>
      <c r="Q18552">
        <v>42</v>
      </c>
      <c r="R18552">
        <v>44</v>
      </c>
      <c r="S18552">
        <v>45</v>
      </c>
      <c r="T18552">
        <v>47</v>
      </c>
      <c r="U18552">
        <v>48</v>
      </c>
      <c r="V18552">
        <v>50</v>
      </c>
      <c r="W18552">
        <v>51</v>
      </c>
      <c r="X18552">
        <v>53</v>
      </c>
      <c r="Y18552">
        <v>54</v>
      </c>
      <c r="Z18552">
        <v>56</v>
      </c>
      <c r="AA18552">
        <v>57</v>
      </c>
      <c r="AB18552">
        <v>59</v>
      </c>
      <c r="AC18552">
        <v>61</v>
      </c>
      <c r="AD18552">
        <v>62</v>
      </c>
      <c r="AE18552">
        <v>64</v>
      </c>
      <c r="AF18552">
        <v>65</v>
      </c>
      <c r="AG18552">
        <v>65</v>
      </c>
      <c r="AH18552">
        <v>66</v>
      </c>
      <c r="AI18552">
        <v>67</v>
      </c>
      <c r="AJ18552">
        <v>68</v>
      </c>
      <c r="AK18552">
        <v>69</v>
      </c>
      <c r="AL18552">
        <v>70</v>
      </c>
      <c r="AM18552">
        <v>71</v>
      </c>
      <c r="AN18552">
        <v>72</v>
      </c>
      <c r="AO18552">
        <v>73</v>
      </c>
      <c r="AP18552">
        <v>74</v>
      </c>
      <c r="AQ18552">
        <v>75</v>
      </c>
    </row>
    <row r="18553" spans="1:43">
      <c r="A18553" t="s">
        <v>11494</v>
      </c>
      <c r="B18553" t="s">
        <v>11495</v>
      </c>
      <c r="C18553" t="s">
        <v>11492</v>
      </c>
      <c r="D18553" t="s">
        <v>11493</v>
      </c>
      <c r="E18553" t="s">
        <v>11206</v>
      </c>
      <c r="F18553" t="s">
        <v>11207</v>
      </c>
      <c r="G18553" t="s">
        <v>10734</v>
      </c>
      <c r="H18553" t="s">
        <v>10735</v>
      </c>
      <c r="I18553" s="2">
        <v>0</v>
      </c>
      <c r="J18553" s="2">
        <v>0</v>
      </c>
      <c r="K18553" s="2">
        <v>1</v>
      </c>
      <c r="L18553" t="s">
        <v>995</v>
      </c>
      <c r="M18553" t="s">
        <v>83</v>
      </c>
      <c r="N18553" t="s">
        <v>91</v>
      </c>
      <c r="O18553" t="s">
        <v>85</v>
      </c>
      <c r="P18553" t="s">
        <v>86</v>
      </c>
      <c r="Q18553">
        <v>42</v>
      </c>
      <c r="R18553">
        <v>43</v>
      </c>
      <c r="S18553">
        <v>44</v>
      </c>
      <c r="T18553">
        <v>45</v>
      </c>
      <c r="U18553">
        <v>47</v>
      </c>
      <c r="V18553">
        <v>48</v>
      </c>
      <c r="W18553">
        <v>49</v>
      </c>
      <c r="X18553">
        <v>50</v>
      </c>
      <c r="Y18553">
        <v>51</v>
      </c>
      <c r="Z18553">
        <v>53</v>
      </c>
      <c r="AA18553">
        <v>54</v>
      </c>
      <c r="AB18553">
        <v>55</v>
      </c>
      <c r="AC18553">
        <v>57</v>
      </c>
      <c r="AD18553">
        <v>58</v>
      </c>
      <c r="AE18553">
        <v>59</v>
      </c>
      <c r="AF18553">
        <v>61</v>
      </c>
      <c r="AG18553">
        <v>62</v>
      </c>
      <c r="AH18553">
        <v>64</v>
      </c>
      <c r="AI18553">
        <v>65</v>
      </c>
      <c r="AJ18553">
        <v>67</v>
      </c>
      <c r="AK18553">
        <v>68</v>
      </c>
      <c r="AL18553">
        <v>69</v>
      </c>
      <c r="AM18553">
        <v>70</v>
      </c>
      <c r="AN18553">
        <v>71</v>
      </c>
      <c r="AO18553">
        <v>72</v>
      </c>
      <c r="AP18553">
        <v>73</v>
      </c>
      <c r="AQ18553">
        <v>74</v>
      </c>
    </row>
    <row r="18554" spans="1:43">
      <c r="A18554" t="s">
        <v>11496</v>
      </c>
      <c r="B18554" t="s">
        <v>11497</v>
      </c>
      <c r="C18554" t="s">
        <v>11492</v>
      </c>
      <c r="D18554" t="s">
        <v>11493</v>
      </c>
      <c r="E18554" t="s">
        <v>11206</v>
      </c>
      <c r="F18554" t="s">
        <v>11207</v>
      </c>
      <c r="G18554" t="s">
        <v>10734</v>
      </c>
      <c r="H18554" t="s">
        <v>10735</v>
      </c>
      <c r="I18554" s="2">
        <v>0</v>
      </c>
      <c r="J18554" s="2">
        <v>0</v>
      </c>
      <c r="K18554" s="2">
        <v>1</v>
      </c>
      <c r="L18554" t="s">
        <v>995</v>
      </c>
      <c r="M18554" t="s">
        <v>83</v>
      </c>
      <c r="N18554" t="s">
        <v>84</v>
      </c>
      <c r="O18554" t="s">
        <v>85</v>
      </c>
      <c r="P18554" t="s">
        <v>86</v>
      </c>
      <c r="Q18554">
        <v>3</v>
      </c>
      <c r="R18554">
        <v>3</v>
      </c>
      <c r="S18554">
        <v>3</v>
      </c>
      <c r="T18554">
        <v>3</v>
      </c>
      <c r="U18554">
        <v>3</v>
      </c>
      <c r="V18554">
        <v>3</v>
      </c>
      <c r="W18554">
        <v>3</v>
      </c>
      <c r="X18554">
        <v>4</v>
      </c>
      <c r="Y18554">
        <v>4</v>
      </c>
      <c r="Z18554">
        <v>4</v>
      </c>
      <c r="AA18554">
        <v>4</v>
      </c>
      <c r="AB18554">
        <v>4</v>
      </c>
      <c r="AC18554">
        <v>4</v>
      </c>
      <c r="AD18554">
        <v>4</v>
      </c>
      <c r="AE18554">
        <v>4</v>
      </c>
      <c r="AF18554">
        <v>4</v>
      </c>
      <c r="AG18554">
        <v>4</v>
      </c>
      <c r="AH18554">
        <v>4</v>
      </c>
      <c r="AI18554">
        <v>5</v>
      </c>
      <c r="AJ18554">
        <v>5</v>
      </c>
      <c r="AK18554">
        <v>5</v>
      </c>
      <c r="AL18554">
        <v>5</v>
      </c>
      <c r="AM18554">
        <v>5</v>
      </c>
      <c r="AN18554">
        <v>5</v>
      </c>
      <c r="AO18554">
        <v>5</v>
      </c>
      <c r="AP18554">
        <v>5</v>
      </c>
      <c r="AQ18554">
        <v>5</v>
      </c>
    </row>
    <row r="18555" spans="1:43">
      <c r="A18555" t="s">
        <v>11496</v>
      </c>
      <c r="B18555" t="s">
        <v>11497</v>
      </c>
      <c r="C18555" t="s">
        <v>11492</v>
      </c>
      <c r="D18555" t="s">
        <v>11493</v>
      </c>
      <c r="E18555" t="s">
        <v>11206</v>
      </c>
      <c r="F18555" t="s">
        <v>11207</v>
      </c>
      <c r="G18555" t="s">
        <v>10734</v>
      </c>
      <c r="H18555" t="s">
        <v>10735</v>
      </c>
      <c r="I18555" s="2">
        <v>0</v>
      </c>
      <c r="J18555" s="2">
        <v>0</v>
      </c>
      <c r="K18555" s="2">
        <v>1</v>
      </c>
      <c r="L18555" t="s">
        <v>995</v>
      </c>
      <c r="M18555" t="s">
        <v>87</v>
      </c>
      <c r="N18555" t="s">
        <v>88</v>
      </c>
      <c r="O18555" t="s">
        <v>85</v>
      </c>
      <c r="P18555" t="s">
        <v>86</v>
      </c>
      <c r="Q18555">
        <v>3</v>
      </c>
      <c r="R18555">
        <v>3</v>
      </c>
      <c r="S18555">
        <v>3</v>
      </c>
      <c r="T18555">
        <v>3</v>
      </c>
      <c r="U18555">
        <v>3</v>
      </c>
      <c r="V18555">
        <v>3</v>
      </c>
      <c r="W18555">
        <v>3</v>
      </c>
      <c r="X18555">
        <v>3</v>
      </c>
      <c r="Y18555">
        <v>3</v>
      </c>
      <c r="Z18555">
        <v>3</v>
      </c>
      <c r="AA18555">
        <v>3</v>
      </c>
      <c r="AB18555">
        <v>4</v>
      </c>
      <c r="AC18555">
        <v>4</v>
      </c>
      <c r="AD18555">
        <v>4</v>
      </c>
      <c r="AE18555">
        <v>4</v>
      </c>
      <c r="AF18555">
        <v>4</v>
      </c>
      <c r="AG18555">
        <v>4</v>
      </c>
      <c r="AH18555">
        <v>4</v>
      </c>
      <c r="AI18555">
        <v>4</v>
      </c>
      <c r="AJ18555">
        <v>4</v>
      </c>
      <c r="AK18555">
        <v>4</v>
      </c>
      <c r="AL18555">
        <v>4</v>
      </c>
      <c r="AM18555">
        <v>4</v>
      </c>
      <c r="AN18555">
        <v>4</v>
      </c>
      <c r="AO18555">
        <v>4</v>
      </c>
      <c r="AP18555">
        <v>5</v>
      </c>
      <c r="AQ18555">
        <v>5</v>
      </c>
    </row>
    <row r="18556" spans="1:43">
      <c r="A18556" t="s">
        <v>11496</v>
      </c>
      <c r="B18556" t="s">
        <v>11497</v>
      </c>
      <c r="C18556" t="s">
        <v>11492</v>
      </c>
      <c r="D18556" t="s">
        <v>11493</v>
      </c>
      <c r="E18556" t="s">
        <v>11206</v>
      </c>
      <c r="F18556" t="s">
        <v>11207</v>
      </c>
      <c r="G18556" t="s">
        <v>10734</v>
      </c>
      <c r="H18556" t="s">
        <v>10735</v>
      </c>
      <c r="I18556" s="2">
        <v>0</v>
      </c>
      <c r="J18556" s="2">
        <v>0</v>
      </c>
      <c r="K18556" s="2">
        <v>1</v>
      </c>
      <c r="L18556" t="s">
        <v>995</v>
      </c>
      <c r="M18556" t="s">
        <v>89</v>
      </c>
      <c r="N18556" t="s">
        <v>90</v>
      </c>
      <c r="O18556" t="s">
        <v>85</v>
      </c>
      <c r="P18556" t="s">
        <v>86</v>
      </c>
      <c r="Q18556">
        <v>3</v>
      </c>
      <c r="R18556">
        <v>3</v>
      </c>
      <c r="S18556">
        <v>3</v>
      </c>
      <c r="T18556">
        <v>3</v>
      </c>
      <c r="U18556">
        <v>3</v>
      </c>
      <c r="V18556">
        <v>4</v>
      </c>
      <c r="W18556">
        <v>4</v>
      </c>
      <c r="X18556">
        <v>4</v>
      </c>
      <c r="Y18556">
        <v>4</v>
      </c>
      <c r="Z18556">
        <v>4</v>
      </c>
      <c r="AA18556">
        <v>4</v>
      </c>
      <c r="AB18556">
        <v>4</v>
      </c>
      <c r="AC18556">
        <v>4</v>
      </c>
      <c r="AD18556">
        <v>4</v>
      </c>
      <c r="AE18556">
        <v>4</v>
      </c>
      <c r="AF18556">
        <v>5</v>
      </c>
      <c r="AG18556">
        <v>5</v>
      </c>
      <c r="AH18556">
        <v>5</v>
      </c>
      <c r="AI18556">
        <v>5</v>
      </c>
      <c r="AJ18556">
        <v>5</v>
      </c>
      <c r="AK18556">
        <v>5</v>
      </c>
      <c r="AL18556">
        <v>5</v>
      </c>
      <c r="AM18556">
        <v>5</v>
      </c>
      <c r="AN18556">
        <v>5</v>
      </c>
      <c r="AO18556">
        <v>5</v>
      </c>
      <c r="AP18556">
        <v>5</v>
      </c>
      <c r="AQ18556">
        <v>5</v>
      </c>
    </row>
    <row r="18557" spans="1:43">
      <c r="A18557" t="s">
        <v>11496</v>
      </c>
      <c r="B18557" t="s">
        <v>11497</v>
      </c>
      <c r="C18557" t="s">
        <v>11492</v>
      </c>
      <c r="D18557" t="s">
        <v>11493</v>
      </c>
      <c r="E18557" t="s">
        <v>11206</v>
      </c>
      <c r="F18557" t="s">
        <v>11207</v>
      </c>
      <c r="G18557" t="s">
        <v>10734</v>
      </c>
      <c r="H18557" t="s">
        <v>10735</v>
      </c>
      <c r="I18557" s="2">
        <v>0</v>
      </c>
      <c r="J18557" s="2">
        <v>0</v>
      </c>
      <c r="K18557" s="2">
        <v>1</v>
      </c>
      <c r="L18557" t="s">
        <v>995</v>
      </c>
      <c r="M18557" t="s">
        <v>83</v>
      </c>
      <c r="N18557" t="s">
        <v>91</v>
      </c>
      <c r="O18557" t="s">
        <v>85</v>
      </c>
      <c r="P18557" t="s">
        <v>86</v>
      </c>
      <c r="Q18557">
        <v>3</v>
      </c>
      <c r="R18557">
        <v>3</v>
      </c>
      <c r="S18557">
        <v>3</v>
      </c>
      <c r="T18557">
        <v>3</v>
      </c>
      <c r="U18557">
        <v>3</v>
      </c>
      <c r="V18557">
        <v>3</v>
      </c>
      <c r="W18557">
        <v>3</v>
      </c>
      <c r="X18557">
        <v>4</v>
      </c>
      <c r="Y18557">
        <v>4</v>
      </c>
      <c r="Z18557">
        <v>4</v>
      </c>
      <c r="AA18557">
        <v>4</v>
      </c>
      <c r="AB18557">
        <v>4</v>
      </c>
      <c r="AC18557">
        <v>4</v>
      </c>
      <c r="AD18557">
        <v>4</v>
      </c>
      <c r="AE18557">
        <v>4</v>
      </c>
      <c r="AF18557">
        <v>4</v>
      </c>
      <c r="AG18557">
        <v>4</v>
      </c>
      <c r="AH18557">
        <v>4</v>
      </c>
      <c r="AI18557">
        <v>5</v>
      </c>
      <c r="AJ18557">
        <v>5</v>
      </c>
      <c r="AK18557">
        <v>5</v>
      </c>
      <c r="AL18557">
        <v>5</v>
      </c>
      <c r="AM18557">
        <v>5</v>
      </c>
      <c r="AN18557">
        <v>5</v>
      </c>
      <c r="AO18557">
        <v>5</v>
      </c>
      <c r="AP18557">
        <v>5</v>
      </c>
      <c r="AQ18557">
        <v>5</v>
      </c>
    </row>
    <row r="18558" spans="1:43">
      <c r="A18558" t="s">
        <v>11498</v>
      </c>
      <c r="B18558" t="s">
        <v>11499</v>
      </c>
      <c r="C18558" t="s">
        <v>11486</v>
      </c>
      <c r="D18558" t="s">
        <v>11487</v>
      </c>
      <c r="E18558" t="s">
        <v>11206</v>
      </c>
      <c r="F18558" t="s">
        <v>11207</v>
      </c>
      <c r="G18558" t="s">
        <v>10734</v>
      </c>
      <c r="H18558" t="s">
        <v>10735</v>
      </c>
      <c r="I18558" s="2">
        <v>0</v>
      </c>
      <c r="J18558" s="2">
        <v>0</v>
      </c>
      <c r="K18558" s="2">
        <v>1</v>
      </c>
      <c r="L18558" t="s">
        <v>995</v>
      </c>
      <c r="M18558" t="s">
        <v>83</v>
      </c>
      <c r="N18558" t="s">
        <v>84</v>
      </c>
      <c r="O18558" t="s">
        <v>85</v>
      </c>
      <c r="P18558" t="s">
        <v>86</v>
      </c>
      <c r="Q18558">
        <v>6</v>
      </c>
      <c r="R18558">
        <v>6</v>
      </c>
      <c r="S18558">
        <v>7</v>
      </c>
      <c r="T18558">
        <v>7</v>
      </c>
      <c r="U18558">
        <v>7</v>
      </c>
      <c r="V18558">
        <v>7</v>
      </c>
      <c r="W18558">
        <v>7</v>
      </c>
      <c r="X18558">
        <v>7</v>
      </c>
      <c r="Y18558">
        <v>8</v>
      </c>
      <c r="Z18558">
        <v>8</v>
      </c>
      <c r="AA18558">
        <v>8</v>
      </c>
      <c r="AB18558">
        <v>8</v>
      </c>
      <c r="AC18558">
        <v>8</v>
      </c>
      <c r="AD18558">
        <v>9</v>
      </c>
      <c r="AE18558">
        <v>9</v>
      </c>
      <c r="AF18558">
        <v>9</v>
      </c>
      <c r="AG18558">
        <v>9</v>
      </c>
      <c r="AH18558">
        <v>9</v>
      </c>
      <c r="AI18558">
        <v>10</v>
      </c>
      <c r="AJ18558">
        <v>10</v>
      </c>
      <c r="AK18558">
        <v>10</v>
      </c>
      <c r="AL18558">
        <v>10</v>
      </c>
      <c r="AM18558">
        <v>10</v>
      </c>
      <c r="AN18558">
        <v>10</v>
      </c>
      <c r="AO18558">
        <v>11</v>
      </c>
      <c r="AP18558">
        <v>11</v>
      </c>
      <c r="AQ18558">
        <v>11</v>
      </c>
    </row>
    <row r="18559" spans="1:43">
      <c r="A18559" t="s">
        <v>11498</v>
      </c>
      <c r="B18559" t="s">
        <v>11499</v>
      </c>
      <c r="C18559" t="s">
        <v>11486</v>
      </c>
      <c r="D18559" t="s">
        <v>11487</v>
      </c>
      <c r="E18559" t="s">
        <v>11206</v>
      </c>
      <c r="F18559" t="s">
        <v>11207</v>
      </c>
      <c r="G18559" t="s">
        <v>10734</v>
      </c>
      <c r="H18559" t="s">
        <v>10735</v>
      </c>
      <c r="I18559" s="2">
        <v>0</v>
      </c>
      <c r="J18559" s="2">
        <v>0</v>
      </c>
      <c r="K18559" s="2">
        <v>1</v>
      </c>
      <c r="L18559" t="s">
        <v>995</v>
      </c>
      <c r="M18559" t="s">
        <v>87</v>
      </c>
      <c r="N18559" t="s">
        <v>88</v>
      </c>
      <c r="O18559" t="s">
        <v>85</v>
      </c>
      <c r="P18559" t="s">
        <v>86</v>
      </c>
      <c r="Q18559">
        <v>6</v>
      </c>
      <c r="R18559">
        <v>6</v>
      </c>
      <c r="S18559">
        <v>6</v>
      </c>
      <c r="T18559">
        <v>6</v>
      </c>
      <c r="U18559">
        <v>7</v>
      </c>
      <c r="V18559">
        <v>7</v>
      </c>
      <c r="W18559">
        <v>7</v>
      </c>
      <c r="X18559">
        <v>7</v>
      </c>
      <c r="Y18559">
        <v>7</v>
      </c>
      <c r="Z18559">
        <v>7</v>
      </c>
      <c r="AA18559">
        <v>7</v>
      </c>
      <c r="AB18559">
        <v>7</v>
      </c>
      <c r="AC18559">
        <v>8</v>
      </c>
      <c r="AD18559">
        <v>8</v>
      </c>
      <c r="AE18559">
        <v>8</v>
      </c>
      <c r="AF18559">
        <v>8</v>
      </c>
      <c r="AG18559">
        <v>8</v>
      </c>
      <c r="AH18559">
        <v>8</v>
      </c>
      <c r="AI18559">
        <v>8</v>
      </c>
      <c r="AJ18559">
        <v>8</v>
      </c>
      <c r="AK18559">
        <v>9</v>
      </c>
      <c r="AL18559">
        <v>9</v>
      </c>
      <c r="AM18559">
        <v>9</v>
      </c>
      <c r="AN18559">
        <v>9</v>
      </c>
      <c r="AO18559">
        <v>9</v>
      </c>
      <c r="AP18559">
        <v>9</v>
      </c>
      <c r="AQ18559">
        <v>10</v>
      </c>
    </row>
    <row r="18560" spans="1:43">
      <c r="A18560" t="s">
        <v>11498</v>
      </c>
      <c r="B18560" t="s">
        <v>11499</v>
      </c>
      <c r="C18560" t="s">
        <v>11486</v>
      </c>
      <c r="D18560" t="s">
        <v>11487</v>
      </c>
      <c r="E18560" t="s">
        <v>11206</v>
      </c>
      <c r="F18560" t="s">
        <v>11207</v>
      </c>
      <c r="G18560" t="s">
        <v>10734</v>
      </c>
      <c r="H18560" t="s">
        <v>10735</v>
      </c>
      <c r="I18560" s="2">
        <v>0</v>
      </c>
      <c r="J18560" s="2">
        <v>0</v>
      </c>
      <c r="K18560" s="2">
        <v>1</v>
      </c>
      <c r="L18560" t="s">
        <v>995</v>
      </c>
      <c r="M18560" t="s">
        <v>89</v>
      </c>
      <c r="N18560" t="s">
        <v>90</v>
      </c>
      <c r="O18560" t="s">
        <v>85</v>
      </c>
      <c r="P18560" t="s">
        <v>86</v>
      </c>
      <c r="Q18560">
        <v>6</v>
      </c>
      <c r="R18560">
        <v>6</v>
      </c>
      <c r="S18560">
        <v>7</v>
      </c>
      <c r="T18560">
        <v>7</v>
      </c>
      <c r="U18560">
        <v>7</v>
      </c>
      <c r="V18560">
        <v>7</v>
      </c>
      <c r="W18560">
        <v>8</v>
      </c>
      <c r="X18560">
        <v>8</v>
      </c>
      <c r="Y18560">
        <v>8</v>
      </c>
      <c r="Z18560">
        <v>8</v>
      </c>
      <c r="AA18560">
        <v>8</v>
      </c>
      <c r="AB18560">
        <v>9</v>
      </c>
      <c r="AC18560">
        <v>9</v>
      </c>
      <c r="AD18560">
        <v>9</v>
      </c>
      <c r="AE18560">
        <v>9</v>
      </c>
      <c r="AF18560">
        <v>9</v>
      </c>
      <c r="AG18560">
        <v>10</v>
      </c>
      <c r="AH18560">
        <v>10</v>
      </c>
      <c r="AI18560">
        <v>10</v>
      </c>
      <c r="AJ18560">
        <v>10</v>
      </c>
      <c r="AK18560">
        <v>10</v>
      </c>
      <c r="AL18560">
        <v>10</v>
      </c>
      <c r="AM18560">
        <v>10</v>
      </c>
      <c r="AN18560">
        <v>11</v>
      </c>
      <c r="AO18560">
        <v>11</v>
      </c>
      <c r="AP18560">
        <v>11</v>
      </c>
      <c r="AQ18560">
        <v>11</v>
      </c>
    </row>
    <row r="18561" spans="1:43">
      <c r="A18561" t="s">
        <v>11498</v>
      </c>
      <c r="B18561" t="s">
        <v>11499</v>
      </c>
      <c r="C18561" t="s">
        <v>11486</v>
      </c>
      <c r="D18561" t="s">
        <v>11487</v>
      </c>
      <c r="E18561" t="s">
        <v>11206</v>
      </c>
      <c r="F18561" t="s">
        <v>11207</v>
      </c>
      <c r="G18561" t="s">
        <v>10734</v>
      </c>
      <c r="H18561" t="s">
        <v>10735</v>
      </c>
      <c r="I18561" s="2">
        <v>0</v>
      </c>
      <c r="J18561" s="2">
        <v>0</v>
      </c>
      <c r="K18561" s="2">
        <v>1</v>
      </c>
      <c r="L18561" t="s">
        <v>995</v>
      </c>
      <c r="M18561" t="s">
        <v>83</v>
      </c>
      <c r="N18561" t="s">
        <v>91</v>
      </c>
      <c r="O18561" t="s">
        <v>85</v>
      </c>
      <c r="P18561" t="s">
        <v>86</v>
      </c>
      <c r="Q18561">
        <v>6</v>
      </c>
      <c r="R18561">
        <v>6</v>
      </c>
      <c r="S18561">
        <v>7</v>
      </c>
      <c r="T18561">
        <v>7</v>
      </c>
      <c r="U18561">
        <v>7</v>
      </c>
      <c r="V18561">
        <v>7</v>
      </c>
      <c r="W18561">
        <v>7</v>
      </c>
      <c r="X18561">
        <v>7</v>
      </c>
      <c r="Y18561">
        <v>8</v>
      </c>
      <c r="Z18561">
        <v>8</v>
      </c>
      <c r="AA18561">
        <v>8</v>
      </c>
      <c r="AB18561">
        <v>8</v>
      </c>
      <c r="AC18561">
        <v>8</v>
      </c>
      <c r="AD18561">
        <v>9</v>
      </c>
      <c r="AE18561">
        <v>9</v>
      </c>
      <c r="AF18561">
        <v>9</v>
      </c>
      <c r="AG18561">
        <v>9</v>
      </c>
      <c r="AH18561">
        <v>9</v>
      </c>
      <c r="AI18561">
        <v>10</v>
      </c>
      <c r="AJ18561">
        <v>10</v>
      </c>
      <c r="AK18561">
        <v>10</v>
      </c>
      <c r="AL18561">
        <v>10</v>
      </c>
      <c r="AM18561">
        <v>10</v>
      </c>
      <c r="AN18561">
        <v>10</v>
      </c>
      <c r="AO18561">
        <v>11</v>
      </c>
      <c r="AP18561">
        <v>11</v>
      </c>
      <c r="AQ18561">
        <v>11</v>
      </c>
    </row>
    <row r="18562" spans="1:43">
      <c r="A18562" t="s">
        <v>11500</v>
      </c>
      <c r="B18562" t="s">
        <v>11501</v>
      </c>
      <c r="C18562" t="s">
        <v>11486</v>
      </c>
      <c r="D18562" t="s">
        <v>11487</v>
      </c>
      <c r="E18562" t="s">
        <v>11206</v>
      </c>
      <c r="F18562" t="s">
        <v>11207</v>
      </c>
      <c r="G18562" t="s">
        <v>10734</v>
      </c>
      <c r="H18562" t="s">
        <v>10735</v>
      </c>
      <c r="I18562" s="2">
        <v>0</v>
      </c>
      <c r="J18562" s="2">
        <v>0</v>
      </c>
      <c r="K18562" s="2">
        <v>1</v>
      </c>
      <c r="L18562" t="s">
        <v>995</v>
      </c>
      <c r="M18562" t="s">
        <v>83</v>
      </c>
      <c r="N18562" t="s">
        <v>84</v>
      </c>
      <c r="O18562" t="s">
        <v>85</v>
      </c>
      <c r="P18562" t="s">
        <v>86</v>
      </c>
      <c r="Q18562">
        <v>6</v>
      </c>
      <c r="R18562">
        <v>7</v>
      </c>
      <c r="S18562">
        <v>7</v>
      </c>
      <c r="T18562">
        <v>7</v>
      </c>
      <c r="U18562">
        <v>7</v>
      </c>
      <c r="V18562">
        <v>7</v>
      </c>
      <c r="W18562">
        <v>8</v>
      </c>
      <c r="X18562">
        <v>8</v>
      </c>
      <c r="Y18562">
        <v>8</v>
      </c>
      <c r="Z18562">
        <v>8</v>
      </c>
      <c r="AA18562">
        <v>8</v>
      </c>
      <c r="AB18562">
        <v>8</v>
      </c>
      <c r="AC18562">
        <v>9</v>
      </c>
      <c r="AD18562">
        <v>9</v>
      </c>
      <c r="AE18562">
        <v>9</v>
      </c>
      <c r="AF18562">
        <v>9</v>
      </c>
      <c r="AG18562">
        <v>10</v>
      </c>
      <c r="AH18562">
        <v>10</v>
      </c>
      <c r="AI18562">
        <v>10</v>
      </c>
      <c r="AJ18562">
        <v>10</v>
      </c>
      <c r="AK18562">
        <v>10</v>
      </c>
      <c r="AL18562">
        <v>11</v>
      </c>
      <c r="AM18562">
        <v>11</v>
      </c>
      <c r="AN18562">
        <v>11</v>
      </c>
      <c r="AO18562">
        <v>11</v>
      </c>
      <c r="AP18562">
        <v>11</v>
      </c>
      <c r="AQ18562">
        <v>11</v>
      </c>
    </row>
    <row r="18563" spans="1:43">
      <c r="A18563" t="s">
        <v>11500</v>
      </c>
      <c r="B18563" t="s">
        <v>11501</v>
      </c>
      <c r="C18563" t="s">
        <v>11486</v>
      </c>
      <c r="D18563" t="s">
        <v>11487</v>
      </c>
      <c r="E18563" t="s">
        <v>11206</v>
      </c>
      <c r="F18563" t="s">
        <v>11207</v>
      </c>
      <c r="G18563" t="s">
        <v>10734</v>
      </c>
      <c r="H18563" t="s">
        <v>10735</v>
      </c>
      <c r="I18563" s="2">
        <v>0</v>
      </c>
      <c r="J18563" s="2">
        <v>0</v>
      </c>
      <c r="K18563" s="2">
        <v>1</v>
      </c>
      <c r="L18563" t="s">
        <v>995</v>
      </c>
      <c r="M18563" t="s">
        <v>87</v>
      </c>
      <c r="N18563" t="s">
        <v>88</v>
      </c>
      <c r="O18563" t="s">
        <v>85</v>
      </c>
      <c r="P18563" t="s">
        <v>86</v>
      </c>
      <c r="Q18563">
        <v>6</v>
      </c>
      <c r="R18563">
        <v>6</v>
      </c>
      <c r="S18563">
        <v>7</v>
      </c>
      <c r="T18563">
        <v>7</v>
      </c>
      <c r="U18563">
        <v>7</v>
      </c>
      <c r="V18563">
        <v>7</v>
      </c>
      <c r="W18563">
        <v>7</v>
      </c>
      <c r="X18563">
        <v>7</v>
      </c>
      <c r="Y18563">
        <v>7</v>
      </c>
      <c r="Z18563">
        <v>7</v>
      </c>
      <c r="AA18563">
        <v>8</v>
      </c>
      <c r="AB18563">
        <v>8</v>
      </c>
      <c r="AC18563">
        <v>8</v>
      </c>
      <c r="AD18563">
        <v>8</v>
      </c>
      <c r="AE18563">
        <v>8</v>
      </c>
      <c r="AF18563">
        <v>8</v>
      </c>
      <c r="AG18563">
        <v>8</v>
      </c>
      <c r="AH18563">
        <v>8</v>
      </c>
      <c r="AI18563">
        <v>9</v>
      </c>
      <c r="AJ18563">
        <v>9</v>
      </c>
      <c r="AK18563">
        <v>9</v>
      </c>
      <c r="AL18563">
        <v>9</v>
      </c>
      <c r="AM18563">
        <v>9</v>
      </c>
      <c r="AN18563">
        <v>9</v>
      </c>
      <c r="AO18563">
        <v>10</v>
      </c>
      <c r="AP18563">
        <v>10</v>
      </c>
      <c r="AQ18563">
        <v>10</v>
      </c>
    </row>
    <row r="18564" spans="1:43">
      <c r="A18564" t="s">
        <v>11500</v>
      </c>
      <c r="B18564" t="s">
        <v>11501</v>
      </c>
      <c r="C18564" t="s">
        <v>11486</v>
      </c>
      <c r="D18564" t="s">
        <v>11487</v>
      </c>
      <c r="E18564" t="s">
        <v>11206</v>
      </c>
      <c r="F18564" t="s">
        <v>11207</v>
      </c>
      <c r="G18564" t="s">
        <v>10734</v>
      </c>
      <c r="H18564" t="s">
        <v>10735</v>
      </c>
      <c r="I18564" s="2">
        <v>0</v>
      </c>
      <c r="J18564" s="2">
        <v>0</v>
      </c>
      <c r="K18564" s="2">
        <v>1</v>
      </c>
      <c r="L18564" t="s">
        <v>995</v>
      </c>
      <c r="M18564" t="s">
        <v>89</v>
      </c>
      <c r="N18564" t="s">
        <v>90</v>
      </c>
      <c r="O18564" t="s">
        <v>85</v>
      </c>
      <c r="P18564" t="s">
        <v>86</v>
      </c>
      <c r="Q18564">
        <v>6</v>
      </c>
      <c r="R18564">
        <v>6</v>
      </c>
      <c r="S18564">
        <v>6</v>
      </c>
      <c r="T18564">
        <v>6</v>
      </c>
      <c r="U18564">
        <v>6</v>
      </c>
      <c r="V18564">
        <v>7</v>
      </c>
      <c r="W18564">
        <v>7</v>
      </c>
      <c r="X18564">
        <v>7</v>
      </c>
      <c r="Y18564">
        <v>7</v>
      </c>
      <c r="Z18564">
        <v>8</v>
      </c>
      <c r="AA18564">
        <v>8</v>
      </c>
      <c r="AB18564">
        <v>8</v>
      </c>
      <c r="AC18564">
        <v>8</v>
      </c>
      <c r="AD18564">
        <v>9</v>
      </c>
      <c r="AE18564">
        <v>9</v>
      </c>
      <c r="AF18564">
        <v>9</v>
      </c>
      <c r="AG18564">
        <v>9</v>
      </c>
      <c r="AH18564">
        <v>9</v>
      </c>
      <c r="AI18564">
        <v>9</v>
      </c>
      <c r="AJ18564">
        <v>9</v>
      </c>
      <c r="AK18564">
        <v>10</v>
      </c>
      <c r="AL18564">
        <v>10</v>
      </c>
      <c r="AM18564">
        <v>10</v>
      </c>
      <c r="AN18564">
        <v>10</v>
      </c>
      <c r="AO18564">
        <v>10</v>
      </c>
      <c r="AP18564">
        <v>10</v>
      </c>
      <c r="AQ18564">
        <v>10</v>
      </c>
    </row>
    <row r="18565" spans="1:43">
      <c r="A18565" t="s">
        <v>11500</v>
      </c>
      <c r="B18565" t="s">
        <v>11501</v>
      </c>
      <c r="C18565" t="s">
        <v>11486</v>
      </c>
      <c r="D18565" t="s">
        <v>11487</v>
      </c>
      <c r="E18565" t="s">
        <v>11206</v>
      </c>
      <c r="F18565" t="s">
        <v>11207</v>
      </c>
      <c r="G18565" t="s">
        <v>10734</v>
      </c>
      <c r="H18565" t="s">
        <v>10735</v>
      </c>
      <c r="I18565" s="2">
        <v>0</v>
      </c>
      <c r="J18565" s="2">
        <v>0</v>
      </c>
      <c r="K18565" s="2">
        <v>1</v>
      </c>
      <c r="L18565" t="s">
        <v>995</v>
      </c>
      <c r="M18565" t="s">
        <v>83</v>
      </c>
      <c r="N18565" t="s">
        <v>91</v>
      </c>
      <c r="O18565" t="s">
        <v>85</v>
      </c>
      <c r="P18565" t="s">
        <v>86</v>
      </c>
      <c r="Q18565">
        <v>6</v>
      </c>
      <c r="R18565">
        <v>7</v>
      </c>
      <c r="S18565">
        <v>7</v>
      </c>
      <c r="T18565">
        <v>7</v>
      </c>
      <c r="U18565">
        <v>7</v>
      </c>
      <c r="V18565">
        <v>7</v>
      </c>
      <c r="W18565">
        <v>8</v>
      </c>
      <c r="X18565">
        <v>8</v>
      </c>
      <c r="Y18565">
        <v>8</v>
      </c>
      <c r="Z18565">
        <v>8</v>
      </c>
      <c r="AA18565">
        <v>8</v>
      </c>
      <c r="AB18565">
        <v>8</v>
      </c>
      <c r="AC18565">
        <v>9</v>
      </c>
      <c r="AD18565">
        <v>9</v>
      </c>
      <c r="AE18565">
        <v>9</v>
      </c>
      <c r="AF18565">
        <v>9</v>
      </c>
      <c r="AG18565">
        <v>10</v>
      </c>
      <c r="AH18565">
        <v>10</v>
      </c>
      <c r="AI18565">
        <v>10</v>
      </c>
      <c r="AJ18565">
        <v>10</v>
      </c>
      <c r="AK18565">
        <v>10</v>
      </c>
      <c r="AL18565">
        <v>11</v>
      </c>
      <c r="AM18565">
        <v>11</v>
      </c>
      <c r="AN18565">
        <v>11</v>
      </c>
      <c r="AO18565">
        <v>11</v>
      </c>
      <c r="AP18565">
        <v>11</v>
      </c>
      <c r="AQ18565">
        <v>11</v>
      </c>
    </row>
    <row r="18566" spans="1:43">
      <c r="A18566" t="s">
        <v>11502</v>
      </c>
      <c r="B18566" t="s">
        <v>11503</v>
      </c>
      <c r="C18566" t="s">
        <v>11492</v>
      </c>
      <c r="D18566" t="s">
        <v>11493</v>
      </c>
      <c r="E18566" t="s">
        <v>11206</v>
      </c>
      <c r="F18566" t="s">
        <v>11207</v>
      </c>
      <c r="G18566" t="s">
        <v>10734</v>
      </c>
      <c r="H18566" t="s">
        <v>10735</v>
      </c>
      <c r="I18566" s="2">
        <v>0</v>
      </c>
      <c r="J18566" s="2">
        <v>0</v>
      </c>
      <c r="K18566" s="2">
        <v>1</v>
      </c>
      <c r="L18566" t="s">
        <v>995</v>
      </c>
      <c r="M18566" t="s">
        <v>83</v>
      </c>
      <c r="N18566" t="s">
        <v>84</v>
      </c>
      <c r="O18566" t="s">
        <v>85</v>
      </c>
      <c r="P18566" t="s">
        <v>86</v>
      </c>
      <c r="Q18566">
        <v>49</v>
      </c>
      <c r="R18566">
        <v>50</v>
      </c>
      <c r="S18566">
        <v>52</v>
      </c>
      <c r="T18566">
        <v>53</v>
      </c>
      <c r="U18566">
        <v>54</v>
      </c>
      <c r="V18566">
        <v>56</v>
      </c>
      <c r="W18566">
        <v>57</v>
      </c>
      <c r="X18566">
        <v>58</v>
      </c>
      <c r="Y18566">
        <v>60</v>
      </c>
      <c r="Z18566">
        <v>61</v>
      </c>
      <c r="AA18566">
        <v>63</v>
      </c>
      <c r="AB18566">
        <v>64</v>
      </c>
      <c r="AC18566">
        <v>66</v>
      </c>
      <c r="AD18566">
        <v>67</v>
      </c>
      <c r="AE18566">
        <v>69</v>
      </c>
      <c r="AF18566">
        <v>71</v>
      </c>
      <c r="AG18566">
        <v>72</v>
      </c>
      <c r="AH18566">
        <v>74</v>
      </c>
      <c r="AI18566">
        <v>76</v>
      </c>
      <c r="AJ18566">
        <v>78</v>
      </c>
      <c r="AK18566">
        <v>79</v>
      </c>
      <c r="AL18566">
        <v>81</v>
      </c>
      <c r="AM18566">
        <v>82</v>
      </c>
      <c r="AN18566">
        <v>83</v>
      </c>
      <c r="AO18566">
        <v>84</v>
      </c>
      <c r="AP18566">
        <v>85</v>
      </c>
      <c r="AQ18566">
        <v>86</v>
      </c>
    </row>
    <row r="18567" spans="1:43">
      <c r="A18567" t="s">
        <v>11502</v>
      </c>
      <c r="B18567" t="s">
        <v>11503</v>
      </c>
      <c r="C18567" t="s">
        <v>11492</v>
      </c>
      <c r="D18567" t="s">
        <v>11493</v>
      </c>
      <c r="E18567" t="s">
        <v>11206</v>
      </c>
      <c r="F18567" t="s">
        <v>11207</v>
      </c>
      <c r="G18567" t="s">
        <v>10734</v>
      </c>
      <c r="H18567" t="s">
        <v>10735</v>
      </c>
      <c r="I18567" s="2">
        <v>0</v>
      </c>
      <c r="J18567" s="2">
        <v>0</v>
      </c>
      <c r="K18567" s="2">
        <v>1</v>
      </c>
      <c r="L18567" t="s">
        <v>995</v>
      </c>
      <c r="M18567" t="s">
        <v>87</v>
      </c>
      <c r="N18567" t="s">
        <v>88</v>
      </c>
      <c r="O18567" t="s">
        <v>85</v>
      </c>
      <c r="P18567" t="s">
        <v>86</v>
      </c>
      <c r="Q18567">
        <v>49</v>
      </c>
      <c r="R18567">
        <v>50</v>
      </c>
      <c r="S18567">
        <v>51</v>
      </c>
      <c r="T18567">
        <v>52</v>
      </c>
      <c r="U18567">
        <v>53</v>
      </c>
      <c r="V18567">
        <v>54</v>
      </c>
      <c r="W18567">
        <v>55</v>
      </c>
      <c r="X18567">
        <v>55</v>
      </c>
      <c r="Y18567">
        <v>56</v>
      </c>
      <c r="Z18567">
        <v>57</v>
      </c>
      <c r="AA18567">
        <v>58</v>
      </c>
      <c r="AB18567">
        <v>59</v>
      </c>
      <c r="AC18567">
        <v>60</v>
      </c>
      <c r="AD18567">
        <v>61</v>
      </c>
      <c r="AE18567">
        <v>62</v>
      </c>
      <c r="AF18567">
        <v>63</v>
      </c>
      <c r="AG18567">
        <v>64</v>
      </c>
      <c r="AH18567">
        <v>65</v>
      </c>
      <c r="AI18567">
        <v>66</v>
      </c>
      <c r="AJ18567">
        <v>67</v>
      </c>
      <c r="AK18567">
        <v>69</v>
      </c>
      <c r="AL18567">
        <v>70</v>
      </c>
      <c r="AM18567">
        <v>71</v>
      </c>
      <c r="AN18567">
        <v>72</v>
      </c>
      <c r="AO18567">
        <v>73</v>
      </c>
      <c r="AP18567">
        <v>75</v>
      </c>
      <c r="AQ18567">
        <v>76</v>
      </c>
    </row>
    <row r="18568" spans="1:43">
      <c r="A18568" t="s">
        <v>11502</v>
      </c>
      <c r="B18568" t="s">
        <v>11503</v>
      </c>
      <c r="C18568" t="s">
        <v>11492</v>
      </c>
      <c r="D18568" t="s">
        <v>11493</v>
      </c>
      <c r="E18568" t="s">
        <v>11206</v>
      </c>
      <c r="F18568" t="s">
        <v>11207</v>
      </c>
      <c r="G18568" t="s">
        <v>10734</v>
      </c>
      <c r="H18568" t="s">
        <v>10735</v>
      </c>
      <c r="I18568" s="2">
        <v>0</v>
      </c>
      <c r="J18568" s="2">
        <v>0</v>
      </c>
      <c r="K18568" s="2">
        <v>1</v>
      </c>
      <c r="L18568" t="s">
        <v>995</v>
      </c>
      <c r="M18568" t="s">
        <v>89</v>
      </c>
      <c r="N18568" t="s">
        <v>90</v>
      </c>
      <c r="O18568" t="s">
        <v>85</v>
      </c>
      <c r="P18568" t="s">
        <v>86</v>
      </c>
      <c r="Q18568">
        <v>49</v>
      </c>
      <c r="R18568">
        <v>51</v>
      </c>
      <c r="S18568">
        <v>53</v>
      </c>
      <c r="T18568">
        <v>55</v>
      </c>
      <c r="U18568">
        <v>56</v>
      </c>
      <c r="V18568">
        <v>58</v>
      </c>
      <c r="W18568">
        <v>60</v>
      </c>
      <c r="X18568">
        <v>62</v>
      </c>
      <c r="Y18568">
        <v>63</v>
      </c>
      <c r="Z18568">
        <v>65</v>
      </c>
      <c r="AA18568">
        <v>67</v>
      </c>
      <c r="AB18568">
        <v>69</v>
      </c>
      <c r="AC18568">
        <v>71</v>
      </c>
      <c r="AD18568">
        <v>72</v>
      </c>
      <c r="AE18568">
        <v>74</v>
      </c>
      <c r="AF18568">
        <v>75</v>
      </c>
      <c r="AG18568">
        <v>76</v>
      </c>
      <c r="AH18568">
        <v>77</v>
      </c>
      <c r="AI18568">
        <v>78</v>
      </c>
      <c r="AJ18568">
        <v>79</v>
      </c>
      <c r="AK18568">
        <v>80</v>
      </c>
      <c r="AL18568">
        <v>81</v>
      </c>
      <c r="AM18568">
        <v>82</v>
      </c>
      <c r="AN18568">
        <v>84</v>
      </c>
      <c r="AO18568">
        <v>85</v>
      </c>
      <c r="AP18568">
        <v>86</v>
      </c>
      <c r="AQ18568">
        <v>87</v>
      </c>
    </row>
    <row r="18569" spans="1:43">
      <c r="A18569" t="s">
        <v>11502</v>
      </c>
      <c r="B18569" t="s">
        <v>11503</v>
      </c>
      <c r="C18569" t="s">
        <v>11492</v>
      </c>
      <c r="D18569" t="s">
        <v>11493</v>
      </c>
      <c r="E18569" t="s">
        <v>11206</v>
      </c>
      <c r="F18569" t="s">
        <v>11207</v>
      </c>
      <c r="G18569" t="s">
        <v>10734</v>
      </c>
      <c r="H18569" t="s">
        <v>10735</v>
      </c>
      <c r="I18569" s="2">
        <v>0</v>
      </c>
      <c r="J18569" s="2">
        <v>0</v>
      </c>
      <c r="K18569" s="2">
        <v>1</v>
      </c>
      <c r="L18569" t="s">
        <v>995</v>
      </c>
      <c r="M18569" t="s">
        <v>83</v>
      </c>
      <c r="N18569" t="s">
        <v>91</v>
      </c>
      <c r="O18569" t="s">
        <v>85</v>
      </c>
      <c r="P18569" t="s">
        <v>86</v>
      </c>
      <c r="Q18569">
        <v>49</v>
      </c>
      <c r="R18569">
        <v>50</v>
      </c>
      <c r="S18569">
        <v>52</v>
      </c>
      <c r="T18569">
        <v>53</v>
      </c>
      <c r="U18569">
        <v>54</v>
      </c>
      <c r="V18569">
        <v>56</v>
      </c>
      <c r="W18569">
        <v>57</v>
      </c>
      <c r="X18569">
        <v>58</v>
      </c>
      <c r="Y18569">
        <v>60</v>
      </c>
      <c r="Z18569">
        <v>61</v>
      </c>
      <c r="AA18569">
        <v>63</v>
      </c>
      <c r="AB18569">
        <v>64</v>
      </c>
      <c r="AC18569">
        <v>66</v>
      </c>
      <c r="AD18569">
        <v>67</v>
      </c>
      <c r="AE18569">
        <v>69</v>
      </c>
      <c r="AF18569">
        <v>71</v>
      </c>
      <c r="AG18569">
        <v>72</v>
      </c>
      <c r="AH18569">
        <v>74</v>
      </c>
      <c r="AI18569">
        <v>76</v>
      </c>
      <c r="AJ18569">
        <v>78</v>
      </c>
      <c r="AK18569">
        <v>79</v>
      </c>
      <c r="AL18569">
        <v>81</v>
      </c>
      <c r="AM18569">
        <v>82</v>
      </c>
      <c r="AN18569">
        <v>83</v>
      </c>
      <c r="AO18569">
        <v>84</v>
      </c>
      <c r="AP18569">
        <v>85</v>
      </c>
      <c r="AQ18569">
        <v>86</v>
      </c>
    </row>
    <row r="18570" spans="1:43">
      <c r="A18570" t="s">
        <v>11504</v>
      </c>
      <c r="B18570" t="s">
        <v>11505</v>
      </c>
      <c r="C18570" t="s">
        <v>11492</v>
      </c>
      <c r="D18570" t="s">
        <v>11493</v>
      </c>
      <c r="E18570" t="s">
        <v>11206</v>
      </c>
      <c r="F18570" t="s">
        <v>11207</v>
      </c>
      <c r="G18570" t="s">
        <v>10734</v>
      </c>
      <c r="H18570" t="s">
        <v>10735</v>
      </c>
      <c r="I18570" s="2">
        <v>0</v>
      </c>
      <c r="J18570" s="2">
        <v>0</v>
      </c>
      <c r="K18570" s="2">
        <v>1</v>
      </c>
      <c r="L18570" t="s">
        <v>995</v>
      </c>
      <c r="M18570" t="s">
        <v>83</v>
      </c>
      <c r="N18570" t="s">
        <v>84</v>
      </c>
      <c r="O18570" t="s">
        <v>85</v>
      </c>
      <c r="P18570" t="s">
        <v>86</v>
      </c>
      <c r="Q18570">
        <v>29</v>
      </c>
      <c r="R18570">
        <v>30</v>
      </c>
      <c r="S18570">
        <v>31</v>
      </c>
      <c r="T18570">
        <v>32</v>
      </c>
      <c r="U18570">
        <v>32</v>
      </c>
      <c r="V18570">
        <v>33</v>
      </c>
      <c r="W18570">
        <v>34</v>
      </c>
      <c r="X18570">
        <v>35</v>
      </c>
      <c r="Y18570">
        <v>36</v>
      </c>
      <c r="Z18570">
        <v>37</v>
      </c>
      <c r="AA18570">
        <v>38</v>
      </c>
      <c r="AB18570">
        <v>38</v>
      </c>
      <c r="AC18570">
        <v>39</v>
      </c>
      <c r="AD18570">
        <v>40</v>
      </c>
      <c r="AE18570">
        <v>41</v>
      </c>
      <c r="AF18570">
        <v>42</v>
      </c>
      <c r="AG18570">
        <v>43</v>
      </c>
      <c r="AH18570">
        <v>44</v>
      </c>
      <c r="AI18570">
        <v>45</v>
      </c>
      <c r="AJ18570">
        <v>46</v>
      </c>
      <c r="AK18570">
        <v>47</v>
      </c>
      <c r="AL18570">
        <v>48</v>
      </c>
      <c r="AM18570">
        <v>49</v>
      </c>
      <c r="AN18570">
        <v>49</v>
      </c>
      <c r="AO18570">
        <v>50</v>
      </c>
      <c r="AP18570">
        <v>51</v>
      </c>
      <c r="AQ18570">
        <v>51</v>
      </c>
    </row>
    <row r="18571" spans="1:43">
      <c r="A18571" t="s">
        <v>11504</v>
      </c>
      <c r="B18571" t="s">
        <v>11505</v>
      </c>
      <c r="C18571" t="s">
        <v>11492</v>
      </c>
      <c r="D18571" t="s">
        <v>11493</v>
      </c>
      <c r="E18571" t="s">
        <v>11206</v>
      </c>
      <c r="F18571" t="s">
        <v>11207</v>
      </c>
      <c r="G18571" t="s">
        <v>10734</v>
      </c>
      <c r="H18571" t="s">
        <v>10735</v>
      </c>
      <c r="I18571" s="2">
        <v>0</v>
      </c>
      <c r="J18571" s="2">
        <v>0</v>
      </c>
      <c r="K18571" s="2">
        <v>1</v>
      </c>
      <c r="L18571" t="s">
        <v>995</v>
      </c>
      <c r="M18571" t="s">
        <v>87</v>
      </c>
      <c r="N18571" t="s">
        <v>88</v>
      </c>
      <c r="O18571" t="s">
        <v>85</v>
      </c>
      <c r="P18571" t="s">
        <v>86</v>
      </c>
      <c r="Q18571">
        <v>29</v>
      </c>
      <c r="R18571">
        <v>29</v>
      </c>
      <c r="S18571">
        <v>30</v>
      </c>
      <c r="T18571">
        <v>31</v>
      </c>
      <c r="U18571">
        <v>31</v>
      </c>
      <c r="V18571">
        <v>32</v>
      </c>
      <c r="W18571">
        <v>32</v>
      </c>
      <c r="X18571">
        <v>33</v>
      </c>
      <c r="Y18571">
        <v>33</v>
      </c>
      <c r="Z18571">
        <v>34</v>
      </c>
      <c r="AA18571">
        <v>34</v>
      </c>
      <c r="AB18571">
        <v>35</v>
      </c>
      <c r="AC18571">
        <v>35</v>
      </c>
      <c r="AD18571">
        <v>36</v>
      </c>
      <c r="AE18571">
        <v>37</v>
      </c>
      <c r="AF18571">
        <v>37</v>
      </c>
      <c r="AG18571">
        <v>38</v>
      </c>
      <c r="AH18571">
        <v>38</v>
      </c>
      <c r="AI18571">
        <v>39</v>
      </c>
      <c r="AJ18571">
        <v>40</v>
      </c>
      <c r="AK18571">
        <v>40</v>
      </c>
      <c r="AL18571">
        <v>41</v>
      </c>
      <c r="AM18571">
        <v>42</v>
      </c>
      <c r="AN18571">
        <v>43</v>
      </c>
      <c r="AO18571">
        <v>43</v>
      </c>
      <c r="AP18571">
        <v>44</v>
      </c>
      <c r="AQ18571">
        <v>45</v>
      </c>
    </row>
    <row r="18572" spans="1:43">
      <c r="A18572" t="s">
        <v>11504</v>
      </c>
      <c r="B18572" t="s">
        <v>11505</v>
      </c>
      <c r="C18572" t="s">
        <v>11492</v>
      </c>
      <c r="D18572" t="s">
        <v>11493</v>
      </c>
      <c r="E18572" t="s">
        <v>11206</v>
      </c>
      <c r="F18572" t="s">
        <v>11207</v>
      </c>
      <c r="G18572" t="s">
        <v>10734</v>
      </c>
      <c r="H18572" t="s">
        <v>10735</v>
      </c>
      <c r="I18572" s="2">
        <v>0</v>
      </c>
      <c r="J18572" s="2">
        <v>0</v>
      </c>
      <c r="K18572" s="2">
        <v>1</v>
      </c>
      <c r="L18572" t="s">
        <v>995</v>
      </c>
      <c r="M18572" t="s">
        <v>89</v>
      </c>
      <c r="N18572" t="s">
        <v>90</v>
      </c>
      <c r="O18572" t="s">
        <v>85</v>
      </c>
      <c r="P18572" t="s">
        <v>86</v>
      </c>
      <c r="Q18572">
        <v>29</v>
      </c>
      <c r="R18572">
        <v>30</v>
      </c>
      <c r="S18572">
        <v>31</v>
      </c>
      <c r="T18572">
        <v>32</v>
      </c>
      <c r="U18572">
        <v>33</v>
      </c>
      <c r="V18572">
        <v>34</v>
      </c>
      <c r="W18572">
        <v>35</v>
      </c>
      <c r="X18572">
        <v>36</v>
      </c>
      <c r="Y18572">
        <v>37</v>
      </c>
      <c r="Z18572">
        <v>38</v>
      </c>
      <c r="AA18572">
        <v>39</v>
      </c>
      <c r="AB18572">
        <v>40</v>
      </c>
      <c r="AC18572">
        <v>41</v>
      </c>
      <c r="AD18572">
        <v>42</v>
      </c>
      <c r="AE18572">
        <v>43</v>
      </c>
      <c r="AF18572">
        <v>44</v>
      </c>
      <c r="AG18572">
        <v>44</v>
      </c>
      <c r="AH18572">
        <v>45</v>
      </c>
      <c r="AI18572">
        <v>46</v>
      </c>
      <c r="AJ18572">
        <v>46</v>
      </c>
      <c r="AK18572">
        <v>47</v>
      </c>
      <c r="AL18572">
        <v>47</v>
      </c>
      <c r="AM18572">
        <v>48</v>
      </c>
      <c r="AN18572">
        <v>49</v>
      </c>
      <c r="AO18572">
        <v>49</v>
      </c>
      <c r="AP18572">
        <v>50</v>
      </c>
      <c r="AQ18572">
        <v>51</v>
      </c>
    </row>
    <row r="18573" spans="1:43">
      <c r="A18573" t="s">
        <v>11504</v>
      </c>
      <c r="B18573" t="s">
        <v>11505</v>
      </c>
      <c r="C18573" t="s">
        <v>11492</v>
      </c>
      <c r="D18573" t="s">
        <v>11493</v>
      </c>
      <c r="E18573" t="s">
        <v>11206</v>
      </c>
      <c r="F18573" t="s">
        <v>11207</v>
      </c>
      <c r="G18573" t="s">
        <v>10734</v>
      </c>
      <c r="H18573" t="s">
        <v>10735</v>
      </c>
      <c r="I18573" s="2">
        <v>0</v>
      </c>
      <c r="J18573" s="2">
        <v>0</v>
      </c>
      <c r="K18573" s="2">
        <v>1</v>
      </c>
      <c r="L18573" t="s">
        <v>995</v>
      </c>
      <c r="M18573" t="s">
        <v>83</v>
      </c>
      <c r="N18573" t="s">
        <v>91</v>
      </c>
      <c r="O18573" t="s">
        <v>85</v>
      </c>
      <c r="P18573" t="s">
        <v>86</v>
      </c>
      <c r="Q18573">
        <v>29</v>
      </c>
      <c r="R18573">
        <v>30</v>
      </c>
      <c r="S18573">
        <v>31</v>
      </c>
      <c r="T18573">
        <v>32</v>
      </c>
      <c r="U18573">
        <v>32</v>
      </c>
      <c r="V18573">
        <v>33</v>
      </c>
      <c r="W18573">
        <v>34</v>
      </c>
      <c r="X18573">
        <v>35</v>
      </c>
      <c r="Y18573">
        <v>36</v>
      </c>
      <c r="Z18573">
        <v>37</v>
      </c>
      <c r="AA18573">
        <v>38</v>
      </c>
      <c r="AB18573">
        <v>38</v>
      </c>
      <c r="AC18573">
        <v>39</v>
      </c>
      <c r="AD18573">
        <v>40</v>
      </c>
      <c r="AE18573">
        <v>41</v>
      </c>
      <c r="AF18573">
        <v>42</v>
      </c>
      <c r="AG18573">
        <v>43</v>
      </c>
      <c r="AH18573">
        <v>44</v>
      </c>
      <c r="AI18573">
        <v>45</v>
      </c>
      <c r="AJ18573">
        <v>46</v>
      </c>
      <c r="AK18573">
        <v>47</v>
      </c>
      <c r="AL18573">
        <v>48</v>
      </c>
      <c r="AM18573">
        <v>49</v>
      </c>
      <c r="AN18573">
        <v>49</v>
      </c>
      <c r="AO18573">
        <v>50</v>
      </c>
      <c r="AP18573">
        <v>51</v>
      </c>
      <c r="AQ18573">
        <v>51</v>
      </c>
    </row>
    <row r="18574" spans="1:43">
      <c r="A18574" t="s">
        <v>11506</v>
      </c>
      <c r="B18574" t="s">
        <v>11507</v>
      </c>
      <c r="C18574" t="s">
        <v>11508</v>
      </c>
      <c r="D18574" t="s">
        <v>11509</v>
      </c>
      <c r="E18574" t="s">
        <v>11206</v>
      </c>
      <c r="F18574" t="s">
        <v>11207</v>
      </c>
      <c r="G18574" t="s">
        <v>10734</v>
      </c>
      <c r="H18574" t="s">
        <v>10735</v>
      </c>
      <c r="I18574" s="2">
        <v>0</v>
      </c>
      <c r="J18574" s="2">
        <v>0</v>
      </c>
      <c r="K18574" s="2">
        <v>1</v>
      </c>
      <c r="L18574" t="s">
        <v>995</v>
      </c>
      <c r="M18574" t="s">
        <v>83</v>
      </c>
      <c r="N18574" t="s">
        <v>84</v>
      </c>
      <c r="O18574" t="s">
        <v>85</v>
      </c>
      <c r="P18574" t="s">
        <v>86</v>
      </c>
      <c r="Q18574">
        <v>22</v>
      </c>
      <c r="R18574">
        <v>22</v>
      </c>
      <c r="S18574">
        <v>23</v>
      </c>
      <c r="T18574">
        <v>23</v>
      </c>
      <c r="U18574">
        <v>24</v>
      </c>
      <c r="V18574">
        <v>24</v>
      </c>
      <c r="W18574">
        <v>25</v>
      </c>
      <c r="X18574">
        <v>26</v>
      </c>
      <c r="Y18574">
        <v>26</v>
      </c>
      <c r="Z18574">
        <v>27</v>
      </c>
      <c r="AA18574">
        <v>28</v>
      </c>
      <c r="AB18574">
        <v>28</v>
      </c>
      <c r="AC18574">
        <v>29</v>
      </c>
      <c r="AD18574">
        <v>30</v>
      </c>
      <c r="AE18574">
        <v>30</v>
      </c>
      <c r="AF18574">
        <v>31</v>
      </c>
      <c r="AG18574">
        <v>32</v>
      </c>
      <c r="AH18574">
        <v>33</v>
      </c>
      <c r="AI18574">
        <v>33</v>
      </c>
      <c r="AJ18574">
        <v>34</v>
      </c>
      <c r="AK18574">
        <v>35</v>
      </c>
      <c r="AL18574">
        <v>36</v>
      </c>
      <c r="AM18574">
        <v>36</v>
      </c>
      <c r="AN18574">
        <v>37</v>
      </c>
      <c r="AO18574">
        <v>37</v>
      </c>
      <c r="AP18574">
        <v>38</v>
      </c>
      <c r="AQ18574">
        <v>38</v>
      </c>
    </row>
    <row r="18575" spans="1:43">
      <c r="A18575" t="s">
        <v>11506</v>
      </c>
      <c r="B18575" t="s">
        <v>11507</v>
      </c>
      <c r="C18575" t="s">
        <v>11508</v>
      </c>
      <c r="D18575" t="s">
        <v>11509</v>
      </c>
      <c r="E18575" t="s">
        <v>11206</v>
      </c>
      <c r="F18575" t="s">
        <v>11207</v>
      </c>
      <c r="G18575" t="s">
        <v>10734</v>
      </c>
      <c r="H18575" t="s">
        <v>10735</v>
      </c>
      <c r="I18575" s="2">
        <v>0</v>
      </c>
      <c r="J18575" s="2">
        <v>0</v>
      </c>
      <c r="K18575" s="2">
        <v>1</v>
      </c>
      <c r="L18575" t="s">
        <v>995</v>
      </c>
      <c r="M18575" t="s">
        <v>87</v>
      </c>
      <c r="N18575" t="s">
        <v>88</v>
      </c>
      <c r="O18575" t="s">
        <v>85</v>
      </c>
      <c r="P18575" t="s">
        <v>86</v>
      </c>
      <c r="Q18575">
        <v>22</v>
      </c>
      <c r="R18575">
        <v>23</v>
      </c>
      <c r="S18575">
        <v>23</v>
      </c>
      <c r="T18575">
        <v>23</v>
      </c>
      <c r="U18575">
        <v>24</v>
      </c>
      <c r="V18575">
        <v>24</v>
      </c>
      <c r="W18575">
        <v>25</v>
      </c>
      <c r="X18575">
        <v>25</v>
      </c>
      <c r="Y18575">
        <v>25</v>
      </c>
      <c r="Z18575">
        <v>26</v>
      </c>
      <c r="AA18575">
        <v>26</v>
      </c>
      <c r="AB18575">
        <v>27</v>
      </c>
      <c r="AC18575">
        <v>27</v>
      </c>
      <c r="AD18575">
        <v>27</v>
      </c>
      <c r="AE18575">
        <v>28</v>
      </c>
      <c r="AF18575">
        <v>28</v>
      </c>
      <c r="AG18575">
        <v>29</v>
      </c>
      <c r="AH18575">
        <v>29</v>
      </c>
      <c r="AI18575">
        <v>30</v>
      </c>
      <c r="AJ18575">
        <v>30</v>
      </c>
      <c r="AK18575">
        <v>31</v>
      </c>
      <c r="AL18575">
        <v>31</v>
      </c>
      <c r="AM18575">
        <v>32</v>
      </c>
      <c r="AN18575">
        <v>32</v>
      </c>
      <c r="AO18575">
        <v>33</v>
      </c>
      <c r="AP18575">
        <v>33</v>
      </c>
      <c r="AQ18575">
        <v>34</v>
      </c>
    </row>
    <row r="18576" spans="1:43">
      <c r="A18576" t="s">
        <v>11506</v>
      </c>
      <c r="B18576" t="s">
        <v>11507</v>
      </c>
      <c r="C18576" t="s">
        <v>11508</v>
      </c>
      <c r="D18576" t="s">
        <v>11509</v>
      </c>
      <c r="E18576" t="s">
        <v>11206</v>
      </c>
      <c r="F18576" t="s">
        <v>11207</v>
      </c>
      <c r="G18576" t="s">
        <v>10734</v>
      </c>
      <c r="H18576" t="s">
        <v>10735</v>
      </c>
      <c r="I18576" s="2">
        <v>0</v>
      </c>
      <c r="J18576" s="2">
        <v>0</v>
      </c>
      <c r="K18576" s="2">
        <v>1</v>
      </c>
      <c r="L18576" t="s">
        <v>995</v>
      </c>
      <c r="M18576" t="s">
        <v>89</v>
      </c>
      <c r="N18576" t="s">
        <v>90</v>
      </c>
      <c r="O18576" t="s">
        <v>85</v>
      </c>
      <c r="P18576" t="s">
        <v>86</v>
      </c>
      <c r="Q18576">
        <v>22</v>
      </c>
      <c r="R18576">
        <v>22</v>
      </c>
      <c r="S18576">
        <v>23</v>
      </c>
      <c r="T18576">
        <v>24</v>
      </c>
      <c r="U18576">
        <v>25</v>
      </c>
      <c r="V18576">
        <v>26</v>
      </c>
      <c r="W18576">
        <v>26</v>
      </c>
      <c r="X18576">
        <v>27</v>
      </c>
      <c r="Y18576">
        <v>28</v>
      </c>
      <c r="Z18576">
        <v>29</v>
      </c>
      <c r="AA18576">
        <v>29</v>
      </c>
      <c r="AB18576">
        <v>30</v>
      </c>
      <c r="AC18576">
        <v>31</v>
      </c>
      <c r="AD18576">
        <v>32</v>
      </c>
      <c r="AE18576">
        <v>33</v>
      </c>
      <c r="AF18576">
        <v>33</v>
      </c>
      <c r="AG18576">
        <v>34</v>
      </c>
      <c r="AH18576">
        <v>34</v>
      </c>
      <c r="AI18576">
        <v>34</v>
      </c>
      <c r="AJ18576">
        <v>35</v>
      </c>
      <c r="AK18576">
        <v>35</v>
      </c>
      <c r="AL18576">
        <v>36</v>
      </c>
      <c r="AM18576">
        <v>36</v>
      </c>
      <c r="AN18576">
        <v>37</v>
      </c>
      <c r="AO18576">
        <v>37</v>
      </c>
      <c r="AP18576">
        <v>38</v>
      </c>
      <c r="AQ18576">
        <v>38</v>
      </c>
    </row>
    <row r="18577" spans="1:43">
      <c r="A18577" t="s">
        <v>11506</v>
      </c>
      <c r="B18577" t="s">
        <v>11507</v>
      </c>
      <c r="C18577" t="s">
        <v>11508</v>
      </c>
      <c r="D18577" t="s">
        <v>11509</v>
      </c>
      <c r="E18577" t="s">
        <v>11206</v>
      </c>
      <c r="F18577" t="s">
        <v>11207</v>
      </c>
      <c r="G18577" t="s">
        <v>10734</v>
      </c>
      <c r="H18577" t="s">
        <v>10735</v>
      </c>
      <c r="I18577" s="2">
        <v>0</v>
      </c>
      <c r="J18577" s="2">
        <v>0</v>
      </c>
      <c r="K18577" s="2">
        <v>1</v>
      </c>
      <c r="L18577" t="s">
        <v>995</v>
      </c>
      <c r="M18577" t="s">
        <v>83</v>
      </c>
      <c r="N18577" t="s">
        <v>91</v>
      </c>
      <c r="O18577" t="s">
        <v>85</v>
      </c>
      <c r="P18577" t="s">
        <v>86</v>
      </c>
      <c r="Q18577">
        <v>22</v>
      </c>
      <c r="R18577">
        <v>22</v>
      </c>
      <c r="S18577">
        <v>23</v>
      </c>
      <c r="T18577">
        <v>23</v>
      </c>
      <c r="U18577">
        <v>24</v>
      </c>
      <c r="V18577">
        <v>24</v>
      </c>
      <c r="W18577">
        <v>25</v>
      </c>
      <c r="X18577">
        <v>26</v>
      </c>
      <c r="Y18577">
        <v>26</v>
      </c>
      <c r="Z18577">
        <v>27</v>
      </c>
      <c r="AA18577">
        <v>28</v>
      </c>
      <c r="AB18577">
        <v>28</v>
      </c>
      <c r="AC18577">
        <v>29</v>
      </c>
      <c r="AD18577">
        <v>30</v>
      </c>
      <c r="AE18577">
        <v>30</v>
      </c>
      <c r="AF18577">
        <v>31</v>
      </c>
      <c r="AG18577">
        <v>32</v>
      </c>
      <c r="AH18577">
        <v>33</v>
      </c>
      <c r="AI18577">
        <v>33</v>
      </c>
      <c r="AJ18577">
        <v>34</v>
      </c>
      <c r="AK18577">
        <v>35</v>
      </c>
      <c r="AL18577">
        <v>36</v>
      </c>
      <c r="AM18577">
        <v>36</v>
      </c>
      <c r="AN18577">
        <v>37</v>
      </c>
      <c r="AO18577">
        <v>37</v>
      </c>
      <c r="AP18577">
        <v>38</v>
      </c>
      <c r="AQ18577">
        <v>38</v>
      </c>
    </row>
    <row r="18578" spans="1:43">
      <c r="A18578" t="s">
        <v>11510</v>
      </c>
      <c r="B18578" t="s">
        <v>11511</v>
      </c>
      <c r="C18578" t="s">
        <v>11350</v>
      </c>
      <c r="D18578" t="s">
        <v>11351</v>
      </c>
      <c r="E18578" t="s">
        <v>11206</v>
      </c>
      <c r="F18578" t="s">
        <v>11207</v>
      </c>
      <c r="G18578" t="s">
        <v>10734</v>
      </c>
      <c r="H18578" t="s">
        <v>10735</v>
      </c>
      <c r="I18578" s="2">
        <v>0</v>
      </c>
      <c r="J18578" s="2">
        <v>0</v>
      </c>
      <c r="K18578" s="2">
        <v>1</v>
      </c>
      <c r="L18578" t="s">
        <v>995</v>
      </c>
      <c r="M18578" t="s">
        <v>83</v>
      </c>
      <c r="N18578" t="s">
        <v>84</v>
      </c>
      <c r="O18578" t="s">
        <v>85</v>
      </c>
      <c r="P18578" t="s">
        <v>86</v>
      </c>
      <c r="Q18578">
        <v>44</v>
      </c>
      <c r="R18578">
        <v>46</v>
      </c>
      <c r="S18578">
        <v>47</v>
      </c>
      <c r="T18578">
        <v>48</v>
      </c>
      <c r="U18578">
        <v>49</v>
      </c>
      <c r="V18578">
        <v>50</v>
      </c>
      <c r="W18578">
        <v>52</v>
      </c>
      <c r="X18578">
        <v>53</v>
      </c>
      <c r="Y18578">
        <v>54</v>
      </c>
      <c r="Z18578">
        <v>56</v>
      </c>
      <c r="AA18578">
        <v>57</v>
      </c>
      <c r="AB18578">
        <v>58</v>
      </c>
      <c r="AC18578">
        <v>60</v>
      </c>
      <c r="AD18578">
        <v>61</v>
      </c>
      <c r="AE18578">
        <v>63</v>
      </c>
      <c r="AF18578">
        <v>64</v>
      </c>
      <c r="AG18578">
        <v>66</v>
      </c>
      <c r="AH18578">
        <v>67</v>
      </c>
      <c r="AI18578">
        <v>69</v>
      </c>
      <c r="AJ18578">
        <v>70</v>
      </c>
      <c r="AK18578">
        <v>72</v>
      </c>
      <c r="AL18578">
        <v>73</v>
      </c>
      <c r="AM18578">
        <v>74</v>
      </c>
      <c r="AN18578">
        <v>75</v>
      </c>
      <c r="AO18578">
        <v>76</v>
      </c>
      <c r="AP18578">
        <v>77</v>
      </c>
      <c r="AQ18578">
        <v>78</v>
      </c>
    </row>
    <row r="18579" spans="1:43">
      <c r="A18579" t="s">
        <v>11510</v>
      </c>
      <c r="B18579" t="s">
        <v>11511</v>
      </c>
      <c r="C18579" t="s">
        <v>11350</v>
      </c>
      <c r="D18579" t="s">
        <v>11351</v>
      </c>
      <c r="E18579" t="s">
        <v>11206</v>
      </c>
      <c r="F18579" t="s">
        <v>11207</v>
      </c>
      <c r="G18579" t="s">
        <v>10734</v>
      </c>
      <c r="H18579" t="s">
        <v>10735</v>
      </c>
      <c r="I18579" s="2">
        <v>0</v>
      </c>
      <c r="J18579" s="2">
        <v>0</v>
      </c>
      <c r="K18579" s="2">
        <v>1</v>
      </c>
      <c r="L18579" t="s">
        <v>995</v>
      </c>
      <c r="M18579" t="s">
        <v>87</v>
      </c>
      <c r="N18579" t="s">
        <v>88</v>
      </c>
      <c r="O18579" t="s">
        <v>85</v>
      </c>
      <c r="P18579" t="s">
        <v>86</v>
      </c>
      <c r="Q18579">
        <v>44</v>
      </c>
      <c r="R18579">
        <v>45</v>
      </c>
      <c r="S18579">
        <v>45</v>
      </c>
      <c r="T18579">
        <v>46</v>
      </c>
      <c r="U18579">
        <v>47</v>
      </c>
      <c r="V18579">
        <v>48</v>
      </c>
      <c r="W18579">
        <v>49</v>
      </c>
      <c r="X18579">
        <v>49</v>
      </c>
      <c r="Y18579">
        <v>50</v>
      </c>
      <c r="Z18579">
        <v>51</v>
      </c>
      <c r="AA18579">
        <v>52</v>
      </c>
      <c r="AB18579">
        <v>53</v>
      </c>
      <c r="AC18579">
        <v>54</v>
      </c>
      <c r="AD18579">
        <v>54</v>
      </c>
      <c r="AE18579">
        <v>55</v>
      </c>
      <c r="AF18579">
        <v>56</v>
      </c>
      <c r="AG18579">
        <v>57</v>
      </c>
      <c r="AH18579">
        <v>58</v>
      </c>
      <c r="AI18579">
        <v>59</v>
      </c>
      <c r="AJ18579">
        <v>60</v>
      </c>
      <c r="AK18579">
        <v>61</v>
      </c>
      <c r="AL18579">
        <v>62</v>
      </c>
      <c r="AM18579">
        <v>63</v>
      </c>
      <c r="AN18579">
        <v>64</v>
      </c>
      <c r="AO18579">
        <v>66</v>
      </c>
      <c r="AP18579">
        <v>67</v>
      </c>
      <c r="AQ18579">
        <v>68</v>
      </c>
    </row>
    <row r="18580" spans="1:43">
      <c r="A18580" t="s">
        <v>11510</v>
      </c>
      <c r="B18580" t="s">
        <v>11511</v>
      </c>
      <c r="C18580" t="s">
        <v>11350</v>
      </c>
      <c r="D18580" t="s">
        <v>11351</v>
      </c>
      <c r="E18580" t="s">
        <v>11206</v>
      </c>
      <c r="F18580" t="s">
        <v>11207</v>
      </c>
      <c r="G18580" t="s">
        <v>10734</v>
      </c>
      <c r="H18580" t="s">
        <v>10735</v>
      </c>
      <c r="I18580" s="2">
        <v>0</v>
      </c>
      <c r="J18580" s="2">
        <v>0</v>
      </c>
      <c r="K18580" s="2">
        <v>1</v>
      </c>
      <c r="L18580" t="s">
        <v>995</v>
      </c>
      <c r="M18580" t="s">
        <v>89</v>
      </c>
      <c r="N18580" t="s">
        <v>90</v>
      </c>
      <c r="O18580" t="s">
        <v>85</v>
      </c>
      <c r="P18580" t="s">
        <v>86</v>
      </c>
      <c r="Q18580">
        <v>44</v>
      </c>
      <c r="R18580">
        <v>45</v>
      </c>
      <c r="S18580">
        <v>47</v>
      </c>
      <c r="T18580">
        <v>49</v>
      </c>
      <c r="U18580">
        <v>50</v>
      </c>
      <c r="V18580">
        <v>52</v>
      </c>
      <c r="W18580">
        <v>53</v>
      </c>
      <c r="X18580">
        <v>55</v>
      </c>
      <c r="Y18580">
        <v>56</v>
      </c>
      <c r="Z18580">
        <v>58</v>
      </c>
      <c r="AA18580">
        <v>60</v>
      </c>
      <c r="AB18580">
        <v>61</v>
      </c>
      <c r="AC18580">
        <v>63</v>
      </c>
      <c r="AD18580">
        <v>65</v>
      </c>
      <c r="AE18580">
        <v>66</v>
      </c>
      <c r="AF18580">
        <v>67</v>
      </c>
      <c r="AG18580">
        <v>68</v>
      </c>
      <c r="AH18580">
        <v>69</v>
      </c>
      <c r="AI18580">
        <v>70</v>
      </c>
      <c r="AJ18580">
        <v>71</v>
      </c>
      <c r="AK18580">
        <v>72</v>
      </c>
      <c r="AL18580">
        <v>73</v>
      </c>
      <c r="AM18580">
        <v>74</v>
      </c>
      <c r="AN18580">
        <v>75</v>
      </c>
      <c r="AO18580">
        <v>76</v>
      </c>
      <c r="AP18580">
        <v>77</v>
      </c>
      <c r="AQ18580">
        <v>78</v>
      </c>
    </row>
    <row r="18581" spans="1:43">
      <c r="A18581" t="s">
        <v>11510</v>
      </c>
      <c r="B18581" t="s">
        <v>11511</v>
      </c>
      <c r="C18581" t="s">
        <v>11350</v>
      </c>
      <c r="D18581" t="s">
        <v>11351</v>
      </c>
      <c r="E18581" t="s">
        <v>11206</v>
      </c>
      <c r="F18581" t="s">
        <v>11207</v>
      </c>
      <c r="G18581" t="s">
        <v>10734</v>
      </c>
      <c r="H18581" t="s">
        <v>10735</v>
      </c>
      <c r="I18581" s="2">
        <v>0</v>
      </c>
      <c r="J18581" s="2">
        <v>0</v>
      </c>
      <c r="K18581" s="2">
        <v>1</v>
      </c>
      <c r="L18581" t="s">
        <v>995</v>
      </c>
      <c r="M18581" t="s">
        <v>83</v>
      </c>
      <c r="N18581" t="s">
        <v>91</v>
      </c>
      <c r="O18581" t="s">
        <v>85</v>
      </c>
      <c r="P18581" t="s">
        <v>86</v>
      </c>
      <c r="Q18581">
        <v>44</v>
      </c>
      <c r="R18581">
        <v>46</v>
      </c>
      <c r="S18581">
        <v>47</v>
      </c>
      <c r="T18581">
        <v>48</v>
      </c>
      <c r="U18581">
        <v>49</v>
      </c>
      <c r="V18581">
        <v>50</v>
      </c>
      <c r="W18581">
        <v>52</v>
      </c>
      <c r="X18581">
        <v>53</v>
      </c>
      <c r="Y18581">
        <v>54</v>
      </c>
      <c r="Z18581">
        <v>56</v>
      </c>
      <c r="AA18581">
        <v>57</v>
      </c>
      <c r="AB18581">
        <v>58</v>
      </c>
      <c r="AC18581">
        <v>60</v>
      </c>
      <c r="AD18581">
        <v>61</v>
      </c>
      <c r="AE18581">
        <v>63</v>
      </c>
      <c r="AF18581">
        <v>64</v>
      </c>
      <c r="AG18581">
        <v>66</v>
      </c>
      <c r="AH18581">
        <v>67</v>
      </c>
      <c r="AI18581">
        <v>69</v>
      </c>
      <c r="AJ18581">
        <v>70</v>
      </c>
      <c r="AK18581">
        <v>72</v>
      </c>
      <c r="AL18581">
        <v>73</v>
      </c>
      <c r="AM18581">
        <v>74</v>
      </c>
      <c r="AN18581">
        <v>75</v>
      </c>
      <c r="AO18581">
        <v>76</v>
      </c>
      <c r="AP18581">
        <v>77</v>
      </c>
      <c r="AQ18581">
        <v>78</v>
      </c>
    </row>
    <row r="18582" spans="1:43">
      <c r="A18582" t="s">
        <v>11512</v>
      </c>
      <c r="B18582" t="s">
        <v>11513</v>
      </c>
      <c r="C18582" t="s">
        <v>11508</v>
      </c>
      <c r="D18582" t="s">
        <v>11509</v>
      </c>
      <c r="E18582" t="s">
        <v>11206</v>
      </c>
      <c r="F18582" t="s">
        <v>11207</v>
      </c>
      <c r="G18582" t="s">
        <v>10734</v>
      </c>
      <c r="H18582" t="s">
        <v>10735</v>
      </c>
      <c r="I18582" s="2">
        <v>0</v>
      </c>
      <c r="J18582" s="2">
        <v>0</v>
      </c>
      <c r="K18582" s="2">
        <v>1</v>
      </c>
      <c r="L18582" t="s">
        <v>995</v>
      </c>
      <c r="M18582" t="s">
        <v>83</v>
      </c>
      <c r="N18582" t="s">
        <v>84</v>
      </c>
      <c r="O18582" t="s">
        <v>85</v>
      </c>
      <c r="P18582" t="s">
        <v>86</v>
      </c>
      <c r="Q18582">
        <v>14</v>
      </c>
      <c r="R18582">
        <v>14</v>
      </c>
      <c r="S18582">
        <v>14</v>
      </c>
      <c r="T18582">
        <v>15</v>
      </c>
      <c r="U18582">
        <v>15</v>
      </c>
      <c r="V18582">
        <v>15</v>
      </c>
      <c r="W18582">
        <v>16</v>
      </c>
      <c r="X18582">
        <v>16</v>
      </c>
      <c r="Y18582">
        <v>17</v>
      </c>
      <c r="Z18582">
        <v>17</v>
      </c>
      <c r="AA18582">
        <v>17</v>
      </c>
      <c r="AB18582">
        <v>18</v>
      </c>
      <c r="AC18582">
        <v>18</v>
      </c>
      <c r="AD18582">
        <v>19</v>
      </c>
      <c r="AE18582">
        <v>19</v>
      </c>
      <c r="AF18582">
        <v>20</v>
      </c>
      <c r="AG18582">
        <v>20</v>
      </c>
      <c r="AH18582">
        <v>21</v>
      </c>
      <c r="AI18582">
        <v>21</v>
      </c>
      <c r="AJ18582">
        <v>22</v>
      </c>
      <c r="AK18582">
        <v>22</v>
      </c>
      <c r="AL18582">
        <v>22</v>
      </c>
      <c r="AM18582">
        <v>23</v>
      </c>
      <c r="AN18582">
        <v>23</v>
      </c>
      <c r="AO18582">
        <v>23</v>
      </c>
      <c r="AP18582">
        <v>24</v>
      </c>
      <c r="AQ18582">
        <v>24</v>
      </c>
    </row>
    <row r="18583" spans="1:43">
      <c r="A18583" t="s">
        <v>11512</v>
      </c>
      <c r="B18583" t="s">
        <v>11513</v>
      </c>
      <c r="C18583" t="s">
        <v>11508</v>
      </c>
      <c r="D18583" t="s">
        <v>11509</v>
      </c>
      <c r="E18583" t="s">
        <v>11206</v>
      </c>
      <c r="F18583" t="s">
        <v>11207</v>
      </c>
      <c r="G18583" t="s">
        <v>10734</v>
      </c>
      <c r="H18583" t="s">
        <v>10735</v>
      </c>
      <c r="I18583" s="2">
        <v>0</v>
      </c>
      <c r="J18583" s="2">
        <v>0</v>
      </c>
      <c r="K18583" s="2">
        <v>1</v>
      </c>
      <c r="L18583" t="s">
        <v>995</v>
      </c>
      <c r="M18583" t="s">
        <v>87</v>
      </c>
      <c r="N18583" t="s">
        <v>88</v>
      </c>
      <c r="O18583" t="s">
        <v>85</v>
      </c>
      <c r="P18583" t="s">
        <v>86</v>
      </c>
      <c r="Q18583">
        <v>14</v>
      </c>
      <c r="R18583">
        <v>15</v>
      </c>
      <c r="S18583">
        <v>15</v>
      </c>
      <c r="T18583">
        <v>15</v>
      </c>
      <c r="U18583">
        <v>15</v>
      </c>
      <c r="V18583">
        <v>16</v>
      </c>
      <c r="W18583">
        <v>16</v>
      </c>
      <c r="X18583">
        <v>16</v>
      </c>
      <c r="Y18583">
        <v>16</v>
      </c>
      <c r="Z18583">
        <v>17</v>
      </c>
      <c r="AA18583">
        <v>17</v>
      </c>
      <c r="AB18583">
        <v>17</v>
      </c>
      <c r="AC18583">
        <v>17</v>
      </c>
      <c r="AD18583">
        <v>18</v>
      </c>
      <c r="AE18583">
        <v>18</v>
      </c>
      <c r="AF18583">
        <v>18</v>
      </c>
      <c r="AG18583">
        <v>19</v>
      </c>
      <c r="AH18583">
        <v>19</v>
      </c>
      <c r="AI18583">
        <v>19</v>
      </c>
      <c r="AJ18583">
        <v>19</v>
      </c>
      <c r="AK18583">
        <v>20</v>
      </c>
      <c r="AL18583">
        <v>20</v>
      </c>
      <c r="AM18583">
        <v>20</v>
      </c>
      <c r="AN18583">
        <v>21</v>
      </c>
      <c r="AO18583">
        <v>21</v>
      </c>
      <c r="AP18583">
        <v>21</v>
      </c>
      <c r="AQ18583">
        <v>22</v>
      </c>
    </row>
    <row r="18584" spans="1:43">
      <c r="A18584" t="s">
        <v>11512</v>
      </c>
      <c r="B18584" t="s">
        <v>11513</v>
      </c>
      <c r="C18584" t="s">
        <v>11508</v>
      </c>
      <c r="D18584" t="s">
        <v>11509</v>
      </c>
      <c r="E18584" t="s">
        <v>11206</v>
      </c>
      <c r="F18584" t="s">
        <v>11207</v>
      </c>
      <c r="G18584" t="s">
        <v>10734</v>
      </c>
      <c r="H18584" t="s">
        <v>10735</v>
      </c>
      <c r="I18584" s="2">
        <v>0</v>
      </c>
      <c r="J18584" s="2">
        <v>0</v>
      </c>
      <c r="K18584" s="2">
        <v>1</v>
      </c>
      <c r="L18584" t="s">
        <v>995</v>
      </c>
      <c r="M18584" t="s">
        <v>89</v>
      </c>
      <c r="N18584" t="s">
        <v>90</v>
      </c>
      <c r="O18584" t="s">
        <v>85</v>
      </c>
      <c r="P18584" t="s">
        <v>86</v>
      </c>
      <c r="Q18584">
        <v>14</v>
      </c>
      <c r="R18584">
        <v>14</v>
      </c>
      <c r="S18584">
        <v>15</v>
      </c>
      <c r="T18584">
        <v>15</v>
      </c>
      <c r="U18584">
        <v>16</v>
      </c>
      <c r="V18584">
        <v>16</v>
      </c>
      <c r="W18584">
        <v>17</v>
      </c>
      <c r="X18584">
        <v>17</v>
      </c>
      <c r="Y18584">
        <v>18</v>
      </c>
      <c r="Z18584">
        <v>18</v>
      </c>
      <c r="AA18584">
        <v>19</v>
      </c>
      <c r="AB18584">
        <v>19</v>
      </c>
      <c r="AC18584">
        <v>20</v>
      </c>
      <c r="AD18584">
        <v>20</v>
      </c>
      <c r="AE18584">
        <v>21</v>
      </c>
      <c r="AF18584">
        <v>21</v>
      </c>
      <c r="AG18584">
        <v>21</v>
      </c>
      <c r="AH18584">
        <v>21</v>
      </c>
      <c r="AI18584">
        <v>22</v>
      </c>
      <c r="AJ18584">
        <v>22</v>
      </c>
      <c r="AK18584">
        <v>22</v>
      </c>
      <c r="AL18584">
        <v>23</v>
      </c>
      <c r="AM18584">
        <v>23</v>
      </c>
      <c r="AN18584">
        <v>23</v>
      </c>
      <c r="AO18584">
        <v>23</v>
      </c>
      <c r="AP18584">
        <v>24</v>
      </c>
      <c r="AQ18584">
        <v>24</v>
      </c>
    </row>
    <row r="18585" spans="1:43">
      <c r="A18585" t="s">
        <v>11512</v>
      </c>
      <c r="B18585" t="s">
        <v>11513</v>
      </c>
      <c r="C18585" t="s">
        <v>11508</v>
      </c>
      <c r="D18585" t="s">
        <v>11509</v>
      </c>
      <c r="E18585" t="s">
        <v>11206</v>
      </c>
      <c r="F18585" t="s">
        <v>11207</v>
      </c>
      <c r="G18585" t="s">
        <v>10734</v>
      </c>
      <c r="H18585" t="s">
        <v>10735</v>
      </c>
      <c r="I18585" s="2">
        <v>0</v>
      </c>
      <c r="J18585" s="2">
        <v>0</v>
      </c>
      <c r="K18585" s="2">
        <v>1</v>
      </c>
      <c r="L18585" t="s">
        <v>995</v>
      </c>
      <c r="M18585" t="s">
        <v>83</v>
      </c>
      <c r="N18585" t="s">
        <v>91</v>
      </c>
      <c r="O18585" t="s">
        <v>85</v>
      </c>
      <c r="P18585" t="s">
        <v>86</v>
      </c>
      <c r="Q18585">
        <v>14</v>
      </c>
      <c r="R18585">
        <v>14</v>
      </c>
      <c r="S18585">
        <v>14</v>
      </c>
      <c r="T18585">
        <v>15</v>
      </c>
      <c r="U18585">
        <v>15</v>
      </c>
      <c r="V18585">
        <v>15</v>
      </c>
      <c r="W18585">
        <v>16</v>
      </c>
      <c r="X18585">
        <v>16</v>
      </c>
      <c r="Y18585">
        <v>17</v>
      </c>
      <c r="Z18585">
        <v>17</v>
      </c>
      <c r="AA18585">
        <v>17</v>
      </c>
      <c r="AB18585">
        <v>18</v>
      </c>
      <c r="AC18585">
        <v>18</v>
      </c>
      <c r="AD18585">
        <v>19</v>
      </c>
      <c r="AE18585">
        <v>19</v>
      </c>
      <c r="AF18585">
        <v>20</v>
      </c>
      <c r="AG18585">
        <v>20</v>
      </c>
      <c r="AH18585">
        <v>21</v>
      </c>
      <c r="AI18585">
        <v>21</v>
      </c>
      <c r="AJ18585">
        <v>22</v>
      </c>
      <c r="AK18585">
        <v>22</v>
      </c>
      <c r="AL18585">
        <v>22</v>
      </c>
      <c r="AM18585">
        <v>23</v>
      </c>
      <c r="AN18585">
        <v>23</v>
      </c>
      <c r="AO18585">
        <v>23</v>
      </c>
      <c r="AP18585">
        <v>24</v>
      </c>
      <c r="AQ18585">
        <v>24</v>
      </c>
    </row>
    <row r="18586" spans="1:43">
      <c r="A18586" t="s">
        <v>11514</v>
      </c>
      <c r="B18586" t="s">
        <v>11515</v>
      </c>
      <c r="C18586" t="s">
        <v>11508</v>
      </c>
      <c r="D18586" t="s">
        <v>11509</v>
      </c>
      <c r="E18586" t="s">
        <v>11206</v>
      </c>
      <c r="F18586" t="s">
        <v>11207</v>
      </c>
      <c r="G18586" t="s">
        <v>10734</v>
      </c>
      <c r="H18586" t="s">
        <v>10735</v>
      </c>
      <c r="I18586" s="2">
        <v>0</v>
      </c>
      <c r="J18586" s="2">
        <v>0</v>
      </c>
      <c r="K18586" s="2">
        <v>1</v>
      </c>
      <c r="L18586" t="s">
        <v>995</v>
      </c>
      <c r="M18586" t="s">
        <v>83</v>
      </c>
      <c r="N18586" t="s">
        <v>84</v>
      </c>
      <c r="O18586" t="s">
        <v>85</v>
      </c>
      <c r="P18586" t="s">
        <v>86</v>
      </c>
      <c r="Q18586">
        <v>11</v>
      </c>
      <c r="R18586">
        <v>12</v>
      </c>
      <c r="S18586">
        <v>12</v>
      </c>
      <c r="T18586">
        <v>12</v>
      </c>
      <c r="U18586">
        <v>13</v>
      </c>
      <c r="V18586">
        <v>13</v>
      </c>
      <c r="W18586">
        <v>13</v>
      </c>
      <c r="X18586">
        <v>14</v>
      </c>
      <c r="Y18586">
        <v>14</v>
      </c>
      <c r="Z18586">
        <v>14</v>
      </c>
      <c r="AA18586">
        <v>15</v>
      </c>
      <c r="AB18586">
        <v>15</v>
      </c>
      <c r="AC18586">
        <v>15</v>
      </c>
      <c r="AD18586">
        <v>16</v>
      </c>
      <c r="AE18586">
        <v>16</v>
      </c>
      <c r="AF18586">
        <v>16</v>
      </c>
      <c r="AG18586">
        <v>17</v>
      </c>
      <c r="AH18586">
        <v>17</v>
      </c>
      <c r="AI18586">
        <v>18</v>
      </c>
      <c r="AJ18586">
        <v>18</v>
      </c>
      <c r="AK18586">
        <v>18</v>
      </c>
      <c r="AL18586">
        <v>19</v>
      </c>
      <c r="AM18586">
        <v>19</v>
      </c>
      <c r="AN18586">
        <v>19</v>
      </c>
      <c r="AO18586">
        <v>20</v>
      </c>
      <c r="AP18586">
        <v>20</v>
      </c>
      <c r="AQ18586">
        <v>20</v>
      </c>
    </row>
    <row r="18587" spans="1:43">
      <c r="A18587" t="s">
        <v>11514</v>
      </c>
      <c r="B18587" t="s">
        <v>11515</v>
      </c>
      <c r="C18587" t="s">
        <v>11508</v>
      </c>
      <c r="D18587" t="s">
        <v>11509</v>
      </c>
      <c r="E18587" t="s">
        <v>11206</v>
      </c>
      <c r="F18587" t="s">
        <v>11207</v>
      </c>
      <c r="G18587" t="s">
        <v>10734</v>
      </c>
      <c r="H18587" t="s">
        <v>10735</v>
      </c>
      <c r="I18587" s="2">
        <v>0</v>
      </c>
      <c r="J18587" s="2">
        <v>0</v>
      </c>
      <c r="K18587" s="2">
        <v>1</v>
      </c>
      <c r="L18587" t="s">
        <v>995</v>
      </c>
      <c r="M18587" t="s">
        <v>87</v>
      </c>
      <c r="N18587" t="s">
        <v>88</v>
      </c>
      <c r="O18587" t="s">
        <v>85</v>
      </c>
      <c r="P18587" t="s">
        <v>86</v>
      </c>
      <c r="Q18587">
        <v>11</v>
      </c>
      <c r="R18587">
        <v>11</v>
      </c>
      <c r="S18587">
        <v>12</v>
      </c>
      <c r="T18587">
        <v>12</v>
      </c>
      <c r="U18587">
        <v>12</v>
      </c>
      <c r="V18587">
        <v>12</v>
      </c>
      <c r="W18587">
        <v>12</v>
      </c>
      <c r="X18587">
        <v>13</v>
      </c>
      <c r="Y18587">
        <v>13</v>
      </c>
      <c r="Z18587">
        <v>13</v>
      </c>
      <c r="AA18587">
        <v>13</v>
      </c>
      <c r="AB18587">
        <v>14</v>
      </c>
      <c r="AC18587">
        <v>14</v>
      </c>
      <c r="AD18587">
        <v>14</v>
      </c>
      <c r="AE18587">
        <v>14</v>
      </c>
      <c r="AF18587">
        <v>14</v>
      </c>
      <c r="AG18587">
        <v>15</v>
      </c>
      <c r="AH18587">
        <v>15</v>
      </c>
      <c r="AI18587">
        <v>15</v>
      </c>
      <c r="AJ18587">
        <v>15</v>
      </c>
      <c r="AK18587">
        <v>16</v>
      </c>
      <c r="AL18587">
        <v>16</v>
      </c>
      <c r="AM18587">
        <v>16</v>
      </c>
      <c r="AN18587">
        <v>17</v>
      </c>
      <c r="AO18587">
        <v>17</v>
      </c>
      <c r="AP18587">
        <v>17</v>
      </c>
      <c r="AQ18587">
        <v>17</v>
      </c>
    </row>
    <row r="18588" spans="1:43">
      <c r="A18588" t="s">
        <v>11514</v>
      </c>
      <c r="B18588" t="s">
        <v>11515</v>
      </c>
      <c r="C18588" t="s">
        <v>11508</v>
      </c>
      <c r="D18588" t="s">
        <v>11509</v>
      </c>
      <c r="E18588" t="s">
        <v>11206</v>
      </c>
      <c r="F18588" t="s">
        <v>11207</v>
      </c>
      <c r="G18588" t="s">
        <v>10734</v>
      </c>
      <c r="H18588" t="s">
        <v>10735</v>
      </c>
      <c r="I18588" s="2">
        <v>0</v>
      </c>
      <c r="J18588" s="2">
        <v>0</v>
      </c>
      <c r="K18588" s="2">
        <v>1</v>
      </c>
      <c r="L18588" t="s">
        <v>995</v>
      </c>
      <c r="M18588" t="s">
        <v>89</v>
      </c>
      <c r="N18588" t="s">
        <v>90</v>
      </c>
      <c r="O18588" t="s">
        <v>85</v>
      </c>
      <c r="P18588" t="s">
        <v>86</v>
      </c>
      <c r="Q18588">
        <v>11</v>
      </c>
      <c r="R18588">
        <v>11</v>
      </c>
      <c r="S18588">
        <v>11</v>
      </c>
      <c r="T18588">
        <v>12</v>
      </c>
      <c r="U18588">
        <v>12</v>
      </c>
      <c r="V18588">
        <v>13</v>
      </c>
      <c r="W18588">
        <v>13</v>
      </c>
      <c r="X18588">
        <v>13</v>
      </c>
      <c r="Y18588">
        <v>14</v>
      </c>
      <c r="Z18588">
        <v>14</v>
      </c>
      <c r="AA18588">
        <v>15</v>
      </c>
      <c r="AB18588">
        <v>15</v>
      </c>
      <c r="AC18588">
        <v>15</v>
      </c>
      <c r="AD18588">
        <v>16</v>
      </c>
      <c r="AE18588">
        <v>16</v>
      </c>
      <c r="AF18588">
        <v>16</v>
      </c>
      <c r="AG18588">
        <v>17</v>
      </c>
      <c r="AH18588">
        <v>17</v>
      </c>
      <c r="AI18588">
        <v>17</v>
      </c>
      <c r="AJ18588">
        <v>17</v>
      </c>
      <c r="AK18588">
        <v>18</v>
      </c>
      <c r="AL18588">
        <v>18</v>
      </c>
      <c r="AM18588">
        <v>18</v>
      </c>
      <c r="AN18588">
        <v>18</v>
      </c>
      <c r="AO18588">
        <v>19</v>
      </c>
      <c r="AP18588">
        <v>19</v>
      </c>
      <c r="AQ18588">
        <v>19</v>
      </c>
    </row>
    <row r="18589" spans="1:43">
      <c r="A18589" t="s">
        <v>11514</v>
      </c>
      <c r="B18589" t="s">
        <v>11515</v>
      </c>
      <c r="C18589" t="s">
        <v>11508</v>
      </c>
      <c r="D18589" t="s">
        <v>11509</v>
      </c>
      <c r="E18589" t="s">
        <v>11206</v>
      </c>
      <c r="F18589" t="s">
        <v>11207</v>
      </c>
      <c r="G18589" t="s">
        <v>10734</v>
      </c>
      <c r="H18589" t="s">
        <v>10735</v>
      </c>
      <c r="I18589" s="2">
        <v>0</v>
      </c>
      <c r="J18589" s="2">
        <v>0</v>
      </c>
      <c r="K18589" s="2">
        <v>1</v>
      </c>
      <c r="L18589" t="s">
        <v>995</v>
      </c>
      <c r="M18589" t="s">
        <v>83</v>
      </c>
      <c r="N18589" t="s">
        <v>91</v>
      </c>
      <c r="O18589" t="s">
        <v>85</v>
      </c>
      <c r="P18589" t="s">
        <v>86</v>
      </c>
      <c r="Q18589">
        <v>11</v>
      </c>
      <c r="R18589">
        <v>12</v>
      </c>
      <c r="S18589">
        <v>12</v>
      </c>
      <c r="T18589">
        <v>12</v>
      </c>
      <c r="U18589">
        <v>13</v>
      </c>
      <c r="V18589">
        <v>13</v>
      </c>
      <c r="W18589">
        <v>13</v>
      </c>
      <c r="X18589">
        <v>14</v>
      </c>
      <c r="Y18589">
        <v>14</v>
      </c>
      <c r="Z18589">
        <v>14</v>
      </c>
      <c r="AA18589">
        <v>15</v>
      </c>
      <c r="AB18589">
        <v>15</v>
      </c>
      <c r="AC18589">
        <v>15</v>
      </c>
      <c r="AD18589">
        <v>16</v>
      </c>
      <c r="AE18589">
        <v>16</v>
      </c>
      <c r="AF18589">
        <v>16</v>
      </c>
      <c r="AG18589">
        <v>17</v>
      </c>
      <c r="AH18589">
        <v>17</v>
      </c>
      <c r="AI18589">
        <v>18</v>
      </c>
      <c r="AJ18589">
        <v>18</v>
      </c>
      <c r="AK18589">
        <v>18</v>
      </c>
      <c r="AL18589">
        <v>19</v>
      </c>
      <c r="AM18589">
        <v>19</v>
      </c>
      <c r="AN18589">
        <v>19</v>
      </c>
      <c r="AO18589">
        <v>20</v>
      </c>
      <c r="AP18589">
        <v>20</v>
      </c>
      <c r="AQ18589">
        <v>20</v>
      </c>
    </row>
    <row r="18590" spans="1:43">
      <c r="A18590" t="s">
        <v>11516</v>
      </c>
      <c r="B18590" t="s">
        <v>11517</v>
      </c>
      <c r="C18590" t="s">
        <v>11518</v>
      </c>
      <c r="D18590" t="s">
        <v>11519</v>
      </c>
      <c r="E18590" t="s">
        <v>11206</v>
      </c>
      <c r="F18590" t="s">
        <v>11207</v>
      </c>
      <c r="G18590" t="s">
        <v>10734</v>
      </c>
      <c r="H18590" t="s">
        <v>10735</v>
      </c>
      <c r="I18590" s="2">
        <v>0</v>
      </c>
      <c r="J18590" s="2">
        <v>0</v>
      </c>
      <c r="K18590" s="2">
        <v>1</v>
      </c>
      <c r="L18590" t="s">
        <v>995</v>
      </c>
      <c r="M18590" t="s">
        <v>83</v>
      </c>
      <c r="N18590" t="s">
        <v>84</v>
      </c>
      <c r="O18590" t="s">
        <v>85</v>
      </c>
      <c r="P18590" t="s">
        <v>86</v>
      </c>
      <c r="Q18590">
        <v>287</v>
      </c>
      <c r="R18590">
        <v>295</v>
      </c>
      <c r="S18590">
        <v>303</v>
      </c>
      <c r="T18590">
        <v>310</v>
      </c>
      <c r="U18590">
        <v>318</v>
      </c>
      <c r="V18590">
        <v>326</v>
      </c>
      <c r="W18590">
        <v>334</v>
      </c>
      <c r="X18590">
        <v>342</v>
      </c>
      <c r="Y18590">
        <v>351</v>
      </c>
      <c r="Z18590">
        <v>359</v>
      </c>
      <c r="AA18590">
        <v>368</v>
      </c>
      <c r="AB18590">
        <v>377</v>
      </c>
      <c r="AC18590">
        <v>386</v>
      </c>
      <c r="AD18590">
        <v>395</v>
      </c>
      <c r="AE18590">
        <v>405</v>
      </c>
      <c r="AF18590">
        <v>414</v>
      </c>
      <c r="AG18590">
        <v>424</v>
      </c>
      <c r="AH18590">
        <v>434</v>
      </c>
      <c r="AI18590">
        <v>445</v>
      </c>
      <c r="AJ18590">
        <v>455</v>
      </c>
      <c r="AK18590">
        <v>466</v>
      </c>
      <c r="AL18590">
        <v>474</v>
      </c>
      <c r="AM18590">
        <v>480</v>
      </c>
      <c r="AN18590">
        <v>487</v>
      </c>
      <c r="AO18590">
        <v>494</v>
      </c>
      <c r="AP18590">
        <v>501</v>
      </c>
      <c r="AQ18590">
        <v>508</v>
      </c>
    </row>
    <row r="18591" spans="1:43">
      <c r="A18591" t="s">
        <v>11516</v>
      </c>
      <c r="B18591" t="s">
        <v>11517</v>
      </c>
      <c r="C18591" t="s">
        <v>11518</v>
      </c>
      <c r="D18591" t="s">
        <v>11519</v>
      </c>
      <c r="E18591" t="s">
        <v>11206</v>
      </c>
      <c r="F18591" t="s">
        <v>11207</v>
      </c>
      <c r="G18591" t="s">
        <v>10734</v>
      </c>
      <c r="H18591" t="s">
        <v>10735</v>
      </c>
      <c r="I18591" s="2">
        <v>0</v>
      </c>
      <c r="J18591" s="2">
        <v>0</v>
      </c>
      <c r="K18591" s="2">
        <v>1</v>
      </c>
      <c r="L18591" t="s">
        <v>995</v>
      </c>
      <c r="M18591" t="s">
        <v>87</v>
      </c>
      <c r="N18591" t="s">
        <v>88</v>
      </c>
      <c r="O18591" t="s">
        <v>85</v>
      </c>
      <c r="P18591" t="s">
        <v>86</v>
      </c>
      <c r="Q18591">
        <v>287</v>
      </c>
      <c r="R18591">
        <v>292</v>
      </c>
      <c r="S18591">
        <v>297</v>
      </c>
      <c r="T18591">
        <v>302</v>
      </c>
      <c r="U18591">
        <v>307</v>
      </c>
      <c r="V18591">
        <v>312</v>
      </c>
      <c r="W18591">
        <v>317</v>
      </c>
      <c r="X18591">
        <v>322</v>
      </c>
      <c r="Y18591">
        <v>327</v>
      </c>
      <c r="Z18591">
        <v>333</v>
      </c>
      <c r="AA18591">
        <v>338</v>
      </c>
      <c r="AB18591">
        <v>344</v>
      </c>
      <c r="AC18591">
        <v>349</v>
      </c>
      <c r="AD18591">
        <v>355</v>
      </c>
      <c r="AE18591">
        <v>361</v>
      </c>
      <c r="AF18591">
        <v>367</v>
      </c>
      <c r="AG18591">
        <v>373</v>
      </c>
      <c r="AH18591">
        <v>380</v>
      </c>
      <c r="AI18591">
        <v>386</v>
      </c>
      <c r="AJ18591">
        <v>393</v>
      </c>
      <c r="AK18591">
        <v>399</v>
      </c>
      <c r="AL18591">
        <v>406</v>
      </c>
      <c r="AM18591">
        <v>413</v>
      </c>
      <c r="AN18591">
        <v>420</v>
      </c>
      <c r="AO18591">
        <v>427</v>
      </c>
      <c r="AP18591">
        <v>435</v>
      </c>
      <c r="AQ18591">
        <v>442</v>
      </c>
    </row>
    <row r="18592" spans="1:43">
      <c r="A18592" t="s">
        <v>11516</v>
      </c>
      <c r="B18592" t="s">
        <v>11517</v>
      </c>
      <c r="C18592" t="s">
        <v>11518</v>
      </c>
      <c r="D18592" t="s">
        <v>11519</v>
      </c>
      <c r="E18592" t="s">
        <v>11206</v>
      </c>
      <c r="F18592" t="s">
        <v>11207</v>
      </c>
      <c r="G18592" t="s">
        <v>10734</v>
      </c>
      <c r="H18592" t="s">
        <v>10735</v>
      </c>
      <c r="I18592" s="2">
        <v>0</v>
      </c>
      <c r="J18592" s="2">
        <v>0</v>
      </c>
      <c r="K18592" s="2">
        <v>1</v>
      </c>
      <c r="L18592" t="s">
        <v>995</v>
      </c>
      <c r="M18592" t="s">
        <v>89</v>
      </c>
      <c r="N18592" t="s">
        <v>90</v>
      </c>
      <c r="O18592" t="s">
        <v>85</v>
      </c>
      <c r="P18592" t="s">
        <v>86</v>
      </c>
      <c r="Q18592">
        <v>287</v>
      </c>
      <c r="R18592">
        <v>298</v>
      </c>
      <c r="S18592">
        <v>308</v>
      </c>
      <c r="T18592">
        <v>319</v>
      </c>
      <c r="U18592">
        <v>329</v>
      </c>
      <c r="V18592">
        <v>339</v>
      </c>
      <c r="W18592">
        <v>349</v>
      </c>
      <c r="X18592">
        <v>360</v>
      </c>
      <c r="Y18592">
        <v>370</v>
      </c>
      <c r="Z18592">
        <v>380</v>
      </c>
      <c r="AA18592">
        <v>391</v>
      </c>
      <c r="AB18592">
        <v>401</v>
      </c>
      <c r="AC18592">
        <v>412</v>
      </c>
      <c r="AD18592">
        <v>424</v>
      </c>
      <c r="AE18592">
        <v>433</v>
      </c>
      <c r="AF18592">
        <v>439</v>
      </c>
      <c r="AG18592">
        <v>445</v>
      </c>
      <c r="AH18592">
        <v>451</v>
      </c>
      <c r="AI18592">
        <v>457</v>
      </c>
      <c r="AJ18592">
        <v>463</v>
      </c>
      <c r="AK18592">
        <v>469</v>
      </c>
      <c r="AL18592">
        <v>476</v>
      </c>
      <c r="AM18592">
        <v>482</v>
      </c>
      <c r="AN18592">
        <v>489</v>
      </c>
      <c r="AO18592">
        <v>496</v>
      </c>
      <c r="AP18592">
        <v>503</v>
      </c>
      <c r="AQ18592">
        <v>510</v>
      </c>
    </row>
    <row r="18593" spans="1:43">
      <c r="A18593" t="s">
        <v>11516</v>
      </c>
      <c r="B18593" t="s">
        <v>11517</v>
      </c>
      <c r="C18593" t="s">
        <v>11518</v>
      </c>
      <c r="D18593" t="s">
        <v>11519</v>
      </c>
      <c r="E18593" t="s">
        <v>11206</v>
      </c>
      <c r="F18593" t="s">
        <v>11207</v>
      </c>
      <c r="G18593" t="s">
        <v>10734</v>
      </c>
      <c r="H18593" t="s">
        <v>10735</v>
      </c>
      <c r="I18593" s="2">
        <v>0</v>
      </c>
      <c r="J18593" s="2">
        <v>0</v>
      </c>
      <c r="K18593" s="2">
        <v>1</v>
      </c>
      <c r="L18593" t="s">
        <v>995</v>
      </c>
      <c r="M18593" t="s">
        <v>83</v>
      </c>
      <c r="N18593" t="s">
        <v>91</v>
      </c>
      <c r="O18593" t="s">
        <v>85</v>
      </c>
      <c r="P18593" t="s">
        <v>86</v>
      </c>
      <c r="Q18593">
        <v>287</v>
      </c>
      <c r="R18593">
        <v>295</v>
      </c>
      <c r="S18593">
        <v>303</v>
      </c>
      <c r="T18593">
        <v>310</v>
      </c>
      <c r="U18593">
        <v>318</v>
      </c>
      <c r="V18593">
        <v>326</v>
      </c>
      <c r="W18593">
        <v>334</v>
      </c>
      <c r="X18593">
        <v>342</v>
      </c>
      <c r="Y18593">
        <v>351</v>
      </c>
      <c r="Z18593">
        <v>359</v>
      </c>
      <c r="AA18593">
        <v>368</v>
      </c>
      <c r="AB18593">
        <v>377</v>
      </c>
      <c r="AC18593">
        <v>386</v>
      </c>
      <c r="AD18593">
        <v>395</v>
      </c>
      <c r="AE18593">
        <v>405</v>
      </c>
      <c r="AF18593">
        <v>414</v>
      </c>
      <c r="AG18593">
        <v>424</v>
      </c>
      <c r="AH18593">
        <v>434</v>
      </c>
      <c r="AI18593">
        <v>445</v>
      </c>
      <c r="AJ18593">
        <v>455</v>
      </c>
      <c r="AK18593">
        <v>466</v>
      </c>
      <c r="AL18593">
        <v>474</v>
      </c>
      <c r="AM18593">
        <v>480</v>
      </c>
      <c r="AN18593">
        <v>487</v>
      </c>
      <c r="AO18593">
        <v>494</v>
      </c>
      <c r="AP18593">
        <v>501</v>
      </c>
      <c r="AQ18593">
        <v>508</v>
      </c>
    </row>
    <row r="18594" spans="1:43">
      <c r="A18594" t="s">
        <v>11520</v>
      </c>
      <c r="B18594" t="s">
        <v>11521</v>
      </c>
      <c r="C18594" t="s">
        <v>11518</v>
      </c>
      <c r="D18594" t="s">
        <v>11519</v>
      </c>
      <c r="E18594" t="s">
        <v>11206</v>
      </c>
      <c r="F18594" t="s">
        <v>11207</v>
      </c>
      <c r="G18594" t="s">
        <v>10734</v>
      </c>
      <c r="H18594" t="s">
        <v>10735</v>
      </c>
      <c r="I18594" s="2">
        <v>0</v>
      </c>
      <c r="J18594" s="2">
        <v>0</v>
      </c>
      <c r="K18594" s="2">
        <v>1</v>
      </c>
      <c r="L18594" t="s">
        <v>995</v>
      </c>
      <c r="M18594" t="s">
        <v>83</v>
      </c>
      <c r="N18594" t="s">
        <v>84</v>
      </c>
      <c r="O18594" t="s">
        <v>85</v>
      </c>
      <c r="P18594" t="s">
        <v>86</v>
      </c>
      <c r="Q18594">
        <v>12</v>
      </c>
      <c r="R18594">
        <v>12</v>
      </c>
      <c r="S18594">
        <v>12</v>
      </c>
      <c r="T18594">
        <v>13</v>
      </c>
      <c r="U18594">
        <v>13</v>
      </c>
      <c r="V18594">
        <v>13</v>
      </c>
      <c r="W18594">
        <v>14</v>
      </c>
      <c r="X18594">
        <v>14</v>
      </c>
      <c r="Y18594">
        <v>14</v>
      </c>
      <c r="Z18594">
        <v>15</v>
      </c>
      <c r="AA18594">
        <v>15</v>
      </c>
      <c r="AB18594">
        <v>15</v>
      </c>
      <c r="AC18594">
        <v>16</v>
      </c>
      <c r="AD18594">
        <v>16</v>
      </c>
      <c r="AE18594">
        <v>16</v>
      </c>
      <c r="AF18594">
        <v>17</v>
      </c>
      <c r="AG18594">
        <v>17</v>
      </c>
      <c r="AH18594">
        <v>18</v>
      </c>
      <c r="AI18594">
        <v>18</v>
      </c>
      <c r="AJ18594">
        <v>19</v>
      </c>
      <c r="AK18594">
        <v>19</v>
      </c>
      <c r="AL18594">
        <v>19</v>
      </c>
      <c r="AM18594">
        <v>20</v>
      </c>
      <c r="AN18594">
        <v>20</v>
      </c>
      <c r="AO18594">
        <v>20</v>
      </c>
      <c r="AP18594">
        <v>20</v>
      </c>
      <c r="AQ18594">
        <v>21</v>
      </c>
    </row>
    <row r="18595" spans="1:43">
      <c r="A18595" t="s">
        <v>11520</v>
      </c>
      <c r="B18595" t="s">
        <v>11521</v>
      </c>
      <c r="C18595" t="s">
        <v>11518</v>
      </c>
      <c r="D18595" t="s">
        <v>11519</v>
      </c>
      <c r="E18595" t="s">
        <v>11206</v>
      </c>
      <c r="F18595" t="s">
        <v>11207</v>
      </c>
      <c r="G18595" t="s">
        <v>10734</v>
      </c>
      <c r="H18595" t="s">
        <v>10735</v>
      </c>
      <c r="I18595" s="2">
        <v>0</v>
      </c>
      <c r="J18595" s="2">
        <v>0</v>
      </c>
      <c r="K18595" s="2">
        <v>1</v>
      </c>
      <c r="L18595" t="s">
        <v>995</v>
      </c>
      <c r="M18595" t="s">
        <v>87</v>
      </c>
      <c r="N18595" t="s">
        <v>88</v>
      </c>
      <c r="O18595" t="s">
        <v>85</v>
      </c>
      <c r="P18595" t="s">
        <v>86</v>
      </c>
      <c r="Q18595">
        <v>12</v>
      </c>
      <c r="R18595">
        <v>12</v>
      </c>
      <c r="S18595">
        <v>12</v>
      </c>
      <c r="T18595">
        <v>12</v>
      </c>
      <c r="U18595">
        <v>12</v>
      </c>
      <c r="V18595">
        <v>13</v>
      </c>
      <c r="W18595">
        <v>13</v>
      </c>
      <c r="X18595">
        <v>13</v>
      </c>
      <c r="Y18595">
        <v>13</v>
      </c>
      <c r="Z18595">
        <v>13</v>
      </c>
      <c r="AA18595">
        <v>14</v>
      </c>
      <c r="AB18595">
        <v>14</v>
      </c>
      <c r="AC18595">
        <v>14</v>
      </c>
      <c r="AD18595">
        <v>14</v>
      </c>
      <c r="AE18595">
        <v>15</v>
      </c>
      <c r="AF18595">
        <v>15</v>
      </c>
      <c r="AG18595">
        <v>15</v>
      </c>
      <c r="AH18595">
        <v>15</v>
      </c>
      <c r="AI18595">
        <v>16</v>
      </c>
      <c r="AJ18595">
        <v>16</v>
      </c>
      <c r="AK18595">
        <v>16</v>
      </c>
      <c r="AL18595">
        <v>16</v>
      </c>
      <c r="AM18595">
        <v>17</v>
      </c>
      <c r="AN18595">
        <v>17</v>
      </c>
      <c r="AO18595">
        <v>17</v>
      </c>
      <c r="AP18595">
        <v>18</v>
      </c>
      <c r="AQ18595">
        <v>18</v>
      </c>
    </row>
    <row r="18596" spans="1:43">
      <c r="A18596" t="s">
        <v>11520</v>
      </c>
      <c r="B18596" t="s">
        <v>11521</v>
      </c>
      <c r="C18596" t="s">
        <v>11518</v>
      </c>
      <c r="D18596" t="s">
        <v>11519</v>
      </c>
      <c r="E18596" t="s">
        <v>11206</v>
      </c>
      <c r="F18596" t="s">
        <v>11207</v>
      </c>
      <c r="G18596" t="s">
        <v>10734</v>
      </c>
      <c r="H18596" t="s">
        <v>10735</v>
      </c>
      <c r="I18596" s="2">
        <v>0</v>
      </c>
      <c r="J18596" s="2">
        <v>0</v>
      </c>
      <c r="K18596" s="2">
        <v>1</v>
      </c>
      <c r="L18596" t="s">
        <v>995</v>
      </c>
      <c r="M18596" t="s">
        <v>89</v>
      </c>
      <c r="N18596" t="s">
        <v>90</v>
      </c>
      <c r="O18596" t="s">
        <v>85</v>
      </c>
      <c r="P18596" t="s">
        <v>86</v>
      </c>
      <c r="Q18596">
        <v>12</v>
      </c>
      <c r="R18596">
        <v>12</v>
      </c>
      <c r="S18596">
        <v>13</v>
      </c>
      <c r="T18596">
        <v>13</v>
      </c>
      <c r="U18596">
        <v>13</v>
      </c>
      <c r="V18596">
        <v>14</v>
      </c>
      <c r="W18596">
        <v>14</v>
      </c>
      <c r="X18596">
        <v>15</v>
      </c>
      <c r="Y18596">
        <v>15</v>
      </c>
      <c r="Z18596">
        <v>16</v>
      </c>
      <c r="AA18596">
        <v>16</v>
      </c>
      <c r="AB18596">
        <v>16</v>
      </c>
      <c r="AC18596">
        <v>17</v>
      </c>
      <c r="AD18596">
        <v>17</v>
      </c>
      <c r="AE18596">
        <v>18</v>
      </c>
      <c r="AF18596">
        <v>18</v>
      </c>
      <c r="AG18596">
        <v>18</v>
      </c>
      <c r="AH18596">
        <v>18</v>
      </c>
      <c r="AI18596">
        <v>19</v>
      </c>
      <c r="AJ18596">
        <v>19</v>
      </c>
      <c r="AK18596">
        <v>19</v>
      </c>
      <c r="AL18596">
        <v>19</v>
      </c>
      <c r="AM18596">
        <v>20</v>
      </c>
      <c r="AN18596">
        <v>20</v>
      </c>
      <c r="AO18596">
        <v>20</v>
      </c>
      <c r="AP18596">
        <v>20</v>
      </c>
      <c r="AQ18596">
        <v>21</v>
      </c>
    </row>
    <row r="18597" spans="1:43">
      <c r="A18597" t="s">
        <v>11520</v>
      </c>
      <c r="B18597" t="s">
        <v>11521</v>
      </c>
      <c r="C18597" t="s">
        <v>11518</v>
      </c>
      <c r="D18597" t="s">
        <v>11519</v>
      </c>
      <c r="E18597" t="s">
        <v>11206</v>
      </c>
      <c r="F18597" t="s">
        <v>11207</v>
      </c>
      <c r="G18597" t="s">
        <v>10734</v>
      </c>
      <c r="H18597" t="s">
        <v>10735</v>
      </c>
      <c r="I18597" s="2">
        <v>0</v>
      </c>
      <c r="J18597" s="2">
        <v>0</v>
      </c>
      <c r="K18597" s="2">
        <v>1</v>
      </c>
      <c r="L18597" t="s">
        <v>995</v>
      </c>
      <c r="M18597" t="s">
        <v>83</v>
      </c>
      <c r="N18597" t="s">
        <v>91</v>
      </c>
      <c r="O18597" t="s">
        <v>85</v>
      </c>
      <c r="P18597" t="s">
        <v>86</v>
      </c>
      <c r="Q18597">
        <v>12</v>
      </c>
      <c r="R18597">
        <v>12</v>
      </c>
      <c r="S18597">
        <v>12</v>
      </c>
      <c r="T18597">
        <v>13</v>
      </c>
      <c r="U18597">
        <v>13</v>
      </c>
      <c r="V18597">
        <v>13</v>
      </c>
      <c r="W18597">
        <v>14</v>
      </c>
      <c r="X18597">
        <v>14</v>
      </c>
      <c r="Y18597">
        <v>14</v>
      </c>
      <c r="Z18597">
        <v>15</v>
      </c>
      <c r="AA18597">
        <v>15</v>
      </c>
      <c r="AB18597">
        <v>15</v>
      </c>
      <c r="AC18597">
        <v>16</v>
      </c>
      <c r="AD18597">
        <v>16</v>
      </c>
      <c r="AE18597">
        <v>16</v>
      </c>
      <c r="AF18597">
        <v>17</v>
      </c>
      <c r="AG18597">
        <v>17</v>
      </c>
      <c r="AH18597">
        <v>18</v>
      </c>
      <c r="AI18597">
        <v>18</v>
      </c>
      <c r="AJ18597">
        <v>19</v>
      </c>
      <c r="AK18597">
        <v>19</v>
      </c>
      <c r="AL18597">
        <v>19</v>
      </c>
      <c r="AM18597">
        <v>20</v>
      </c>
      <c r="AN18597">
        <v>20</v>
      </c>
      <c r="AO18597">
        <v>20</v>
      </c>
      <c r="AP18597">
        <v>20</v>
      </c>
      <c r="AQ18597">
        <v>21</v>
      </c>
    </row>
    <row r="18598" spans="1:43">
      <c r="A18598" t="s">
        <v>11522</v>
      </c>
      <c r="B18598" t="s">
        <v>11523</v>
      </c>
      <c r="C18598" t="s">
        <v>11508</v>
      </c>
      <c r="D18598" t="s">
        <v>11509</v>
      </c>
      <c r="E18598" t="s">
        <v>11206</v>
      </c>
      <c r="F18598" t="s">
        <v>11207</v>
      </c>
      <c r="G18598" t="s">
        <v>10734</v>
      </c>
      <c r="H18598" t="s">
        <v>10735</v>
      </c>
      <c r="I18598" s="2">
        <v>0</v>
      </c>
      <c r="J18598" s="2">
        <v>0</v>
      </c>
      <c r="K18598" s="2">
        <v>1</v>
      </c>
      <c r="L18598" t="s">
        <v>995</v>
      </c>
      <c r="M18598" t="s">
        <v>83</v>
      </c>
      <c r="N18598" t="s">
        <v>84</v>
      </c>
      <c r="O18598" t="s">
        <v>85</v>
      </c>
      <c r="P18598" t="s">
        <v>86</v>
      </c>
      <c r="Q18598">
        <v>12</v>
      </c>
      <c r="R18598">
        <v>13</v>
      </c>
      <c r="S18598">
        <v>13</v>
      </c>
      <c r="T18598">
        <v>13</v>
      </c>
      <c r="U18598">
        <v>14</v>
      </c>
      <c r="V18598">
        <v>14</v>
      </c>
      <c r="W18598">
        <v>14</v>
      </c>
      <c r="X18598">
        <v>15</v>
      </c>
      <c r="Y18598">
        <v>15</v>
      </c>
      <c r="Z18598">
        <v>15</v>
      </c>
      <c r="AA18598">
        <v>16</v>
      </c>
      <c r="AB18598">
        <v>16</v>
      </c>
      <c r="AC18598">
        <v>17</v>
      </c>
      <c r="AD18598">
        <v>17</v>
      </c>
      <c r="AE18598">
        <v>17</v>
      </c>
      <c r="AF18598">
        <v>18</v>
      </c>
      <c r="AG18598">
        <v>18</v>
      </c>
      <c r="AH18598">
        <v>19</v>
      </c>
      <c r="AI18598">
        <v>19</v>
      </c>
      <c r="AJ18598">
        <v>20</v>
      </c>
      <c r="AK18598">
        <v>20</v>
      </c>
      <c r="AL18598">
        <v>20</v>
      </c>
      <c r="AM18598">
        <v>21</v>
      </c>
      <c r="AN18598">
        <v>21</v>
      </c>
      <c r="AO18598">
        <v>21</v>
      </c>
      <c r="AP18598">
        <v>21</v>
      </c>
      <c r="AQ18598">
        <v>22</v>
      </c>
    </row>
    <row r="18599" spans="1:43">
      <c r="A18599" t="s">
        <v>11522</v>
      </c>
      <c r="B18599" t="s">
        <v>11523</v>
      </c>
      <c r="C18599" t="s">
        <v>11508</v>
      </c>
      <c r="D18599" t="s">
        <v>11509</v>
      </c>
      <c r="E18599" t="s">
        <v>11206</v>
      </c>
      <c r="F18599" t="s">
        <v>11207</v>
      </c>
      <c r="G18599" t="s">
        <v>10734</v>
      </c>
      <c r="H18599" t="s">
        <v>10735</v>
      </c>
      <c r="I18599" s="2">
        <v>0</v>
      </c>
      <c r="J18599" s="2">
        <v>0</v>
      </c>
      <c r="K18599" s="2">
        <v>1</v>
      </c>
      <c r="L18599" t="s">
        <v>995</v>
      </c>
      <c r="M18599" t="s">
        <v>87</v>
      </c>
      <c r="N18599" t="s">
        <v>88</v>
      </c>
      <c r="O18599" t="s">
        <v>85</v>
      </c>
      <c r="P18599" t="s">
        <v>86</v>
      </c>
      <c r="Q18599">
        <v>12</v>
      </c>
      <c r="R18599">
        <v>12</v>
      </c>
      <c r="S18599">
        <v>13</v>
      </c>
      <c r="T18599">
        <v>13</v>
      </c>
      <c r="U18599">
        <v>13</v>
      </c>
      <c r="V18599">
        <v>13</v>
      </c>
      <c r="W18599">
        <v>13</v>
      </c>
      <c r="X18599">
        <v>14</v>
      </c>
      <c r="Y18599">
        <v>14</v>
      </c>
      <c r="Z18599">
        <v>14</v>
      </c>
      <c r="AA18599">
        <v>14</v>
      </c>
      <c r="AB18599">
        <v>15</v>
      </c>
      <c r="AC18599">
        <v>15</v>
      </c>
      <c r="AD18599">
        <v>15</v>
      </c>
      <c r="AE18599">
        <v>15</v>
      </c>
      <c r="AF18599">
        <v>16</v>
      </c>
      <c r="AG18599">
        <v>16</v>
      </c>
      <c r="AH18599">
        <v>16</v>
      </c>
      <c r="AI18599">
        <v>16</v>
      </c>
      <c r="AJ18599">
        <v>17</v>
      </c>
      <c r="AK18599">
        <v>17</v>
      </c>
      <c r="AL18599">
        <v>17</v>
      </c>
      <c r="AM18599">
        <v>18</v>
      </c>
      <c r="AN18599">
        <v>18</v>
      </c>
      <c r="AO18599">
        <v>18</v>
      </c>
      <c r="AP18599">
        <v>19</v>
      </c>
      <c r="AQ18599">
        <v>19</v>
      </c>
    </row>
    <row r="18600" spans="1:43">
      <c r="A18600" t="s">
        <v>11522</v>
      </c>
      <c r="B18600" t="s">
        <v>11523</v>
      </c>
      <c r="C18600" t="s">
        <v>11508</v>
      </c>
      <c r="D18600" t="s">
        <v>11509</v>
      </c>
      <c r="E18600" t="s">
        <v>11206</v>
      </c>
      <c r="F18600" t="s">
        <v>11207</v>
      </c>
      <c r="G18600" t="s">
        <v>10734</v>
      </c>
      <c r="H18600" t="s">
        <v>10735</v>
      </c>
      <c r="I18600" s="2">
        <v>0</v>
      </c>
      <c r="J18600" s="2">
        <v>0</v>
      </c>
      <c r="K18600" s="2">
        <v>1</v>
      </c>
      <c r="L18600" t="s">
        <v>995</v>
      </c>
      <c r="M18600" t="s">
        <v>89</v>
      </c>
      <c r="N18600" t="s">
        <v>90</v>
      </c>
      <c r="O18600" t="s">
        <v>85</v>
      </c>
      <c r="P18600" t="s">
        <v>86</v>
      </c>
      <c r="Q18600">
        <v>12</v>
      </c>
      <c r="R18600">
        <v>13</v>
      </c>
      <c r="S18600">
        <v>13</v>
      </c>
      <c r="T18600">
        <v>14</v>
      </c>
      <c r="U18600">
        <v>14</v>
      </c>
      <c r="V18600">
        <v>15</v>
      </c>
      <c r="W18600">
        <v>15</v>
      </c>
      <c r="X18600">
        <v>16</v>
      </c>
      <c r="Y18600">
        <v>16</v>
      </c>
      <c r="Z18600">
        <v>16</v>
      </c>
      <c r="AA18600">
        <v>17</v>
      </c>
      <c r="AB18600">
        <v>17</v>
      </c>
      <c r="AC18600">
        <v>18</v>
      </c>
      <c r="AD18600">
        <v>18</v>
      </c>
      <c r="AE18600">
        <v>19</v>
      </c>
      <c r="AF18600">
        <v>19</v>
      </c>
      <c r="AG18600">
        <v>19</v>
      </c>
      <c r="AH18600">
        <v>19</v>
      </c>
      <c r="AI18600">
        <v>20</v>
      </c>
      <c r="AJ18600">
        <v>20</v>
      </c>
      <c r="AK18600">
        <v>20</v>
      </c>
      <c r="AL18600">
        <v>21</v>
      </c>
      <c r="AM18600">
        <v>21</v>
      </c>
      <c r="AN18600">
        <v>21</v>
      </c>
      <c r="AO18600">
        <v>21</v>
      </c>
      <c r="AP18600">
        <v>22</v>
      </c>
      <c r="AQ18600">
        <v>22</v>
      </c>
    </row>
    <row r="18601" spans="1:43">
      <c r="A18601" t="s">
        <v>11522</v>
      </c>
      <c r="B18601" t="s">
        <v>11523</v>
      </c>
      <c r="C18601" t="s">
        <v>11508</v>
      </c>
      <c r="D18601" t="s">
        <v>11509</v>
      </c>
      <c r="E18601" t="s">
        <v>11206</v>
      </c>
      <c r="F18601" t="s">
        <v>11207</v>
      </c>
      <c r="G18601" t="s">
        <v>10734</v>
      </c>
      <c r="H18601" t="s">
        <v>10735</v>
      </c>
      <c r="I18601" s="2">
        <v>0</v>
      </c>
      <c r="J18601" s="2">
        <v>0</v>
      </c>
      <c r="K18601" s="2">
        <v>1</v>
      </c>
      <c r="L18601" t="s">
        <v>995</v>
      </c>
      <c r="M18601" t="s">
        <v>83</v>
      </c>
      <c r="N18601" t="s">
        <v>91</v>
      </c>
      <c r="O18601" t="s">
        <v>85</v>
      </c>
      <c r="P18601" t="s">
        <v>86</v>
      </c>
      <c r="Q18601">
        <v>12</v>
      </c>
      <c r="R18601">
        <v>13</v>
      </c>
      <c r="S18601">
        <v>13</v>
      </c>
      <c r="T18601">
        <v>13</v>
      </c>
      <c r="U18601">
        <v>14</v>
      </c>
      <c r="V18601">
        <v>14</v>
      </c>
      <c r="W18601">
        <v>14</v>
      </c>
      <c r="X18601">
        <v>15</v>
      </c>
      <c r="Y18601">
        <v>15</v>
      </c>
      <c r="Z18601">
        <v>15</v>
      </c>
      <c r="AA18601">
        <v>16</v>
      </c>
      <c r="AB18601">
        <v>16</v>
      </c>
      <c r="AC18601">
        <v>17</v>
      </c>
      <c r="AD18601">
        <v>17</v>
      </c>
      <c r="AE18601">
        <v>17</v>
      </c>
      <c r="AF18601">
        <v>18</v>
      </c>
      <c r="AG18601">
        <v>18</v>
      </c>
      <c r="AH18601">
        <v>19</v>
      </c>
      <c r="AI18601">
        <v>19</v>
      </c>
      <c r="AJ18601">
        <v>20</v>
      </c>
      <c r="AK18601">
        <v>20</v>
      </c>
      <c r="AL18601">
        <v>20</v>
      </c>
      <c r="AM18601">
        <v>21</v>
      </c>
      <c r="AN18601">
        <v>21</v>
      </c>
      <c r="AO18601">
        <v>21</v>
      </c>
      <c r="AP18601">
        <v>21</v>
      </c>
      <c r="AQ18601">
        <v>22</v>
      </c>
    </row>
    <row r="18602" spans="1:43">
      <c r="A18602" t="s">
        <v>11524</v>
      </c>
      <c r="B18602" t="s">
        <v>11525</v>
      </c>
      <c r="C18602" t="s">
        <v>11526</v>
      </c>
      <c r="D18602" t="s">
        <v>11527</v>
      </c>
      <c r="E18602" t="s">
        <v>11206</v>
      </c>
      <c r="F18602" t="s">
        <v>11207</v>
      </c>
      <c r="G18602" t="s">
        <v>10734</v>
      </c>
      <c r="H18602" t="s">
        <v>10735</v>
      </c>
      <c r="I18602" s="2">
        <v>0</v>
      </c>
      <c r="J18602" s="2">
        <v>0</v>
      </c>
      <c r="K18602" s="2">
        <v>1</v>
      </c>
      <c r="L18602" t="s">
        <v>995</v>
      </c>
      <c r="M18602" t="s">
        <v>83</v>
      </c>
      <c r="N18602" t="s">
        <v>84</v>
      </c>
      <c r="O18602" t="s">
        <v>85</v>
      </c>
      <c r="P18602" t="s">
        <v>86</v>
      </c>
      <c r="Q18602">
        <v>7</v>
      </c>
      <c r="R18602">
        <v>7</v>
      </c>
      <c r="S18602">
        <v>7</v>
      </c>
      <c r="T18602">
        <v>7</v>
      </c>
      <c r="U18602">
        <v>8</v>
      </c>
      <c r="V18602">
        <v>8</v>
      </c>
      <c r="W18602">
        <v>8</v>
      </c>
      <c r="X18602">
        <v>8</v>
      </c>
      <c r="Y18602">
        <v>8</v>
      </c>
      <c r="Z18602">
        <v>9</v>
      </c>
      <c r="AA18602">
        <v>9</v>
      </c>
      <c r="AB18602">
        <v>9</v>
      </c>
      <c r="AC18602">
        <v>9</v>
      </c>
      <c r="AD18602">
        <v>9</v>
      </c>
      <c r="AE18602">
        <v>10</v>
      </c>
      <c r="AF18602">
        <v>10</v>
      </c>
      <c r="AG18602">
        <v>10</v>
      </c>
      <c r="AH18602">
        <v>10</v>
      </c>
      <c r="AI18602">
        <v>11</v>
      </c>
      <c r="AJ18602">
        <v>11</v>
      </c>
      <c r="AK18602">
        <v>11</v>
      </c>
      <c r="AL18602">
        <v>11</v>
      </c>
      <c r="AM18602">
        <v>11</v>
      </c>
      <c r="AN18602">
        <v>12</v>
      </c>
      <c r="AO18602">
        <v>12</v>
      </c>
      <c r="AP18602">
        <v>12</v>
      </c>
      <c r="AQ18602">
        <v>12</v>
      </c>
    </row>
    <row r="18603" spans="1:43">
      <c r="A18603" t="s">
        <v>11524</v>
      </c>
      <c r="B18603" t="s">
        <v>11525</v>
      </c>
      <c r="C18603" t="s">
        <v>11526</v>
      </c>
      <c r="D18603" t="s">
        <v>11527</v>
      </c>
      <c r="E18603" t="s">
        <v>11206</v>
      </c>
      <c r="F18603" t="s">
        <v>11207</v>
      </c>
      <c r="G18603" t="s">
        <v>10734</v>
      </c>
      <c r="H18603" t="s">
        <v>10735</v>
      </c>
      <c r="I18603" s="2">
        <v>0</v>
      </c>
      <c r="J18603" s="2">
        <v>0</v>
      </c>
      <c r="K18603" s="2">
        <v>1</v>
      </c>
      <c r="L18603" t="s">
        <v>995</v>
      </c>
      <c r="M18603" t="s">
        <v>87</v>
      </c>
      <c r="N18603" t="s">
        <v>88</v>
      </c>
      <c r="O18603" t="s">
        <v>85</v>
      </c>
      <c r="P18603" t="s">
        <v>86</v>
      </c>
      <c r="Q18603">
        <v>7</v>
      </c>
      <c r="R18603">
        <v>7</v>
      </c>
      <c r="S18603">
        <v>7</v>
      </c>
      <c r="T18603">
        <v>7</v>
      </c>
      <c r="U18603">
        <v>7</v>
      </c>
      <c r="V18603">
        <v>7</v>
      </c>
      <c r="W18603">
        <v>7</v>
      </c>
      <c r="X18603">
        <v>8</v>
      </c>
      <c r="Y18603">
        <v>8</v>
      </c>
      <c r="Z18603">
        <v>8</v>
      </c>
      <c r="AA18603">
        <v>8</v>
      </c>
      <c r="AB18603">
        <v>8</v>
      </c>
      <c r="AC18603">
        <v>8</v>
      </c>
      <c r="AD18603">
        <v>8</v>
      </c>
      <c r="AE18603">
        <v>8</v>
      </c>
      <c r="AF18603">
        <v>9</v>
      </c>
      <c r="AG18603">
        <v>9</v>
      </c>
      <c r="AH18603">
        <v>9</v>
      </c>
      <c r="AI18603">
        <v>9</v>
      </c>
      <c r="AJ18603">
        <v>9</v>
      </c>
      <c r="AK18603">
        <v>9</v>
      </c>
      <c r="AL18603">
        <v>10</v>
      </c>
      <c r="AM18603">
        <v>10</v>
      </c>
      <c r="AN18603">
        <v>10</v>
      </c>
      <c r="AO18603">
        <v>10</v>
      </c>
      <c r="AP18603">
        <v>10</v>
      </c>
      <c r="AQ18603">
        <v>10</v>
      </c>
    </row>
    <row r="18604" spans="1:43">
      <c r="A18604" t="s">
        <v>11524</v>
      </c>
      <c r="B18604" t="s">
        <v>11525</v>
      </c>
      <c r="C18604" t="s">
        <v>11526</v>
      </c>
      <c r="D18604" t="s">
        <v>11527</v>
      </c>
      <c r="E18604" t="s">
        <v>11206</v>
      </c>
      <c r="F18604" t="s">
        <v>11207</v>
      </c>
      <c r="G18604" t="s">
        <v>10734</v>
      </c>
      <c r="H18604" t="s">
        <v>10735</v>
      </c>
      <c r="I18604" s="2">
        <v>0</v>
      </c>
      <c r="J18604" s="2">
        <v>0</v>
      </c>
      <c r="K18604" s="2">
        <v>1</v>
      </c>
      <c r="L18604" t="s">
        <v>995</v>
      </c>
      <c r="M18604" t="s">
        <v>89</v>
      </c>
      <c r="N18604" t="s">
        <v>90</v>
      </c>
      <c r="O18604" t="s">
        <v>85</v>
      </c>
      <c r="P18604" t="s">
        <v>86</v>
      </c>
      <c r="Q18604">
        <v>7</v>
      </c>
      <c r="R18604">
        <v>7</v>
      </c>
      <c r="S18604">
        <v>7</v>
      </c>
      <c r="T18604">
        <v>8</v>
      </c>
      <c r="U18604">
        <v>8</v>
      </c>
      <c r="V18604">
        <v>8</v>
      </c>
      <c r="W18604">
        <v>8</v>
      </c>
      <c r="X18604">
        <v>9</v>
      </c>
      <c r="Y18604">
        <v>9</v>
      </c>
      <c r="Z18604">
        <v>9</v>
      </c>
      <c r="AA18604">
        <v>9</v>
      </c>
      <c r="AB18604">
        <v>10</v>
      </c>
      <c r="AC18604">
        <v>10</v>
      </c>
      <c r="AD18604">
        <v>10</v>
      </c>
      <c r="AE18604">
        <v>10</v>
      </c>
      <c r="AF18604">
        <v>10</v>
      </c>
      <c r="AG18604">
        <v>11</v>
      </c>
      <c r="AH18604">
        <v>11</v>
      </c>
      <c r="AI18604">
        <v>11</v>
      </c>
      <c r="AJ18604">
        <v>11</v>
      </c>
      <c r="AK18604">
        <v>11</v>
      </c>
      <c r="AL18604">
        <v>11</v>
      </c>
      <c r="AM18604">
        <v>11</v>
      </c>
      <c r="AN18604">
        <v>12</v>
      </c>
      <c r="AO18604">
        <v>12</v>
      </c>
      <c r="AP18604">
        <v>12</v>
      </c>
      <c r="AQ18604">
        <v>12</v>
      </c>
    </row>
    <row r="18605" spans="1:43">
      <c r="A18605" t="s">
        <v>11524</v>
      </c>
      <c r="B18605" t="s">
        <v>11525</v>
      </c>
      <c r="C18605" t="s">
        <v>11526</v>
      </c>
      <c r="D18605" t="s">
        <v>11527</v>
      </c>
      <c r="E18605" t="s">
        <v>11206</v>
      </c>
      <c r="F18605" t="s">
        <v>11207</v>
      </c>
      <c r="G18605" t="s">
        <v>10734</v>
      </c>
      <c r="H18605" t="s">
        <v>10735</v>
      </c>
      <c r="I18605" s="2">
        <v>0</v>
      </c>
      <c r="J18605" s="2">
        <v>0</v>
      </c>
      <c r="K18605" s="2">
        <v>1</v>
      </c>
      <c r="L18605" t="s">
        <v>995</v>
      </c>
      <c r="M18605" t="s">
        <v>83</v>
      </c>
      <c r="N18605" t="s">
        <v>91</v>
      </c>
      <c r="O18605" t="s">
        <v>85</v>
      </c>
      <c r="P18605" t="s">
        <v>86</v>
      </c>
      <c r="Q18605">
        <v>7</v>
      </c>
      <c r="R18605">
        <v>7</v>
      </c>
      <c r="S18605">
        <v>7</v>
      </c>
      <c r="T18605">
        <v>7</v>
      </c>
      <c r="U18605">
        <v>8</v>
      </c>
      <c r="V18605">
        <v>8</v>
      </c>
      <c r="W18605">
        <v>8</v>
      </c>
      <c r="X18605">
        <v>8</v>
      </c>
      <c r="Y18605">
        <v>8</v>
      </c>
      <c r="Z18605">
        <v>9</v>
      </c>
      <c r="AA18605">
        <v>9</v>
      </c>
      <c r="AB18605">
        <v>9</v>
      </c>
      <c r="AC18605">
        <v>9</v>
      </c>
      <c r="AD18605">
        <v>9</v>
      </c>
      <c r="AE18605">
        <v>10</v>
      </c>
      <c r="AF18605">
        <v>10</v>
      </c>
      <c r="AG18605">
        <v>10</v>
      </c>
      <c r="AH18605">
        <v>10</v>
      </c>
      <c r="AI18605">
        <v>11</v>
      </c>
      <c r="AJ18605">
        <v>11</v>
      </c>
      <c r="AK18605">
        <v>11</v>
      </c>
      <c r="AL18605">
        <v>11</v>
      </c>
      <c r="AM18605">
        <v>11</v>
      </c>
      <c r="AN18605">
        <v>12</v>
      </c>
      <c r="AO18605">
        <v>12</v>
      </c>
      <c r="AP18605">
        <v>12</v>
      </c>
      <c r="AQ18605">
        <v>12</v>
      </c>
    </row>
    <row r="18606" spans="1:43">
      <c r="A18606" t="s">
        <v>11528</v>
      </c>
      <c r="B18606" t="s">
        <v>11529</v>
      </c>
      <c r="C18606" t="s">
        <v>11530</v>
      </c>
      <c r="D18606" t="s">
        <v>11531</v>
      </c>
      <c r="E18606" t="s">
        <v>11206</v>
      </c>
      <c r="F18606" t="s">
        <v>11207</v>
      </c>
      <c r="G18606" t="s">
        <v>10734</v>
      </c>
      <c r="H18606" t="s">
        <v>10735</v>
      </c>
      <c r="I18606" s="2">
        <v>0</v>
      </c>
      <c r="J18606" s="2">
        <v>0</v>
      </c>
      <c r="K18606" s="2">
        <v>1</v>
      </c>
      <c r="L18606" t="s">
        <v>995</v>
      </c>
      <c r="M18606" t="s">
        <v>83</v>
      </c>
      <c r="N18606" t="s">
        <v>84</v>
      </c>
      <c r="O18606" t="s">
        <v>85</v>
      </c>
      <c r="P18606" t="s">
        <v>86</v>
      </c>
      <c r="Q18606">
        <v>8</v>
      </c>
      <c r="R18606">
        <v>8</v>
      </c>
      <c r="S18606">
        <v>9</v>
      </c>
      <c r="T18606">
        <v>9</v>
      </c>
      <c r="U18606">
        <v>9</v>
      </c>
      <c r="V18606">
        <v>9</v>
      </c>
      <c r="W18606">
        <v>10</v>
      </c>
      <c r="X18606">
        <v>10</v>
      </c>
      <c r="Y18606">
        <v>10</v>
      </c>
      <c r="Z18606">
        <v>10</v>
      </c>
      <c r="AA18606">
        <v>11</v>
      </c>
      <c r="AB18606">
        <v>11</v>
      </c>
      <c r="AC18606">
        <v>11</v>
      </c>
      <c r="AD18606">
        <v>11</v>
      </c>
      <c r="AE18606">
        <v>12</v>
      </c>
      <c r="AF18606">
        <v>12</v>
      </c>
      <c r="AG18606">
        <v>12</v>
      </c>
      <c r="AH18606">
        <v>13</v>
      </c>
      <c r="AI18606">
        <v>13</v>
      </c>
      <c r="AJ18606">
        <v>13</v>
      </c>
      <c r="AK18606">
        <v>13</v>
      </c>
      <c r="AL18606">
        <v>14</v>
      </c>
      <c r="AM18606">
        <v>14</v>
      </c>
      <c r="AN18606">
        <v>14</v>
      </c>
      <c r="AO18606">
        <v>14</v>
      </c>
      <c r="AP18606">
        <v>14</v>
      </c>
      <c r="AQ18606">
        <v>15</v>
      </c>
    </row>
    <row r="18607" spans="1:43">
      <c r="A18607" t="s">
        <v>11528</v>
      </c>
      <c r="B18607" t="s">
        <v>11529</v>
      </c>
      <c r="C18607" t="s">
        <v>11530</v>
      </c>
      <c r="D18607" t="s">
        <v>11531</v>
      </c>
      <c r="E18607" t="s">
        <v>11206</v>
      </c>
      <c r="F18607" t="s">
        <v>11207</v>
      </c>
      <c r="G18607" t="s">
        <v>10734</v>
      </c>
      <c r="H18607" t="s">
        <v>10735</v>
      </c>
      <c r="I18607" s="2">
        <v>0</v>
      </c>
      <c r="J18607" s="2">
        <v>0</v>
      </c>
      <c r="K18607" s="2">
        <v>1</v>
      </c>
      <c r="L18607" t="s">
        <v>995</v>
      </c>
      <c r="M18607" t="s">
        <v>87</v>
      </c>
      <c r="N18607" t="s">
        <v>88</v>
      </c>
      <c r="O18607" t="s">
        <v>85</v>
      </c>
      <c r="P18607" t="s">
        <v>86</v>
      </c>
      <c r="Q18607">
        <v>8</v>
      </c>
      <c r="R18607">
        <v>8</v>
      </c>
      <c r="S18607">
        <v>8</v>
      </c>
      <c r="T18607">
        <v>9</v>
      </c>
      <c r="U18607">
        <v>9</v>
      </c>
      <c r="V18607">
        <v>9</v>
      </c>
      <c r="W18607">
        <v>9</v>
      </c>
      <c r="X18607">
        <v>9</v>
      </c>
      <c r="Y18607">
        <v>9</v>
      </c>
      <c r="Z18607">
        <v>10</v>
      </c>
      <c r="AA18607">
        <v>10</v>
      </c>
      <c r="AB18607">
        <v>10</v>
      </c>
      <c r="AC18607">
        <v>10</v>
      </c>
      <c r="AD18607">
        <v>10</v>
      </c>
      <c r="AE18607">
        <v>10</v>
      </c>
      <c r="AF18607">
        <v>11</v>
      </c>
      <c r="AG18607">
        <v>11</v>
      </c>
      <c r="AH18607">
        <v>11</v>
      </c>
      <c r="AI18607">
        <v>11</v>
      </c>
      <c r="AJ18607">
        <v>11</v>
      </c>
      <c r="AK18607">
        <v>11</v>
      </c>
      <c r="AL18607">
        <v>12</v>
      </c>
      <c r="AM18607">
        <v>12</v>
      </c>
      <c r="AN18607">
        <v>12</v>
      </c>
      <c r="AO18607">
        <v>12</v>
      </c>
      <c r="AP18607">
        <v>12</v>
      </c>
      <c r="AQ18607">
        <v>13</v>
      </c>
    </row>
    <row r="18608" spans="1:43">
      <c r="A18608" t="s">
        <v>11528</v>
      </c>
      <c r="B18608" t="s">
        <v>11529</v>
      </c>
      <c r="C18608" t="s">
        <v>11530</v>
      </c>
      <c r="D18608" t="s">
        <v>11531</v>
      </c>
      <c r="E18608" t="s">
        <v>11206</v>
      </c>
      <c r="F18608" t="s">
        <v>11207</v>
      </c>
      <c r="G18608" t="s">
        <v>10734</v>
      </c>
      <c r="H18608" t="s">
        <v>10735</v>
      </c>
      <c r="I18608" s="2">
        <v>0</v>
      </c>
      <c r="J18608" s="2">
        <v>0</v>
      </c>
      <c r="K18608" s="2">
        <v>1</v>
      </c>
      <c r="L18608" t="s">
        <v>995</v>
      </c>
      <c r="M18608" t="s">
        <v>89</v>
      </c>
      <c r="N18608" t="s">
        <v>90</v>
      </c>
      <c r="O18608" t="s">
        <v>85</v>
      </c>
      <c r="P18608" t="s">
        <v>86</v>
      </c>
      <c r="Q18608">
        <v>8</v>
      </c>
      <c r="R18608">
        <v>9</v>
      </c>
      <c r="S18608">
        <v>9</v>
      </c>
      <c r="T18608">
        <v>9</v>
      </c>
      <c r="U18608">
        <v>10</v>
      </c>
      <c r="V18608">
        <v>10</v>
      </c>
      <c r="W18608">
        <v>10</v>
      </c>
      <c r="X18608">
        <v>10</v>
      </c>
      <c r="Y18608">
        <v>11</v>
      </c>
      <c r="Z18608">
        <v>11</v>
      </c>
      <c r="AA18608">
        <v>11</v>
      </c>
      <c r="AB18608">
        <v>12</v>
      </c>
      <c r="AC18608">
        <v>12</v>
      </c>
      <c r="AD18608">
        <v>12</v>
      </c>
      <c r="AE18608">
        <v>12</v>
      </c>
      <c r="AF18608">
        <v>13</v>
      </c>
      <c r="AG18608">
        <v>13</v>
      </c>
      <c r="AH18608">
        <v>13</v>
      </c>
      <c r="AI18608">
        <v>13</v>
      </c>
      <c r="AJ18608">
        <v>13</v>
      </c>
      <c r="AK18608">
        <v>14</v>
      </c>
      <c r="AL18608">
        <v>14</v>
      </c>
      <c r="AM18608">
        <v>14</v>
      </c>
      <c r="AN18608">
        <v>14</v>
      </c>
      <c r="AO18608">
        <v>14</v>
      </c>
      <c r="AP18608">
        <v>15</v>
      </c>
      <c r="AQ18608">
        <v>15</v>
      </c>
    </row>
    <row r="18609" spans="1:43">
      <c r="A18609" t="s">
        <v>11528</v>
      </c>
      <c r="B18609" t="s">
        <v>11529</v>
      </c>
      <c r="C18609" t="s">
        <v>11530</v>
      </c>
      <c r="D18609" t="s">
        <v>11531</v>
      </c>
      <c r="E18609" t="s">
        <v>11206</v>
      </c>
      <c r="F18609" t="s">
        <v>11207</v>
      </c>
      <c r="G18609" t="s">
        <v>10734</v>
      </c>
      <c r="H18609" t="s">
        <v>10735</v>
      </c>
      <c r="I18609" s="2">
        <v>0</v>
      </c>
      <c r="J18609" s="2">
        <v>0</v>
      </c>
      <c r="K18609" s="2">
        <v>1</v>
      </c>
      <c r="L18609" t="s">
        <v>995</v>
      </c>
      <c r="M18609" t="s">
        <v>83</v>
      </c>
      <c r="N18609" t="s">
        <v>91</v>
      </c>
      <c r="O18609" t="s">
        <v>85</v>
      </c>
      <c r="P18609" t="s">
        <v>86</v>
      </c>
      <c r="Q18609">
        <v>8</v>
      </c>
      <c r="R18609">
        <v>8</v>
      </c>
      <c r="S18609">
        <v>9</v>
      </c>
      <c r="T18609">
        <v>9</v>
      </c>
      <c r="U18609">
        <v>9</v>
      </c>
      <c r="V18609">
        <v>9</v>
      </c>
      <c r="W18609">
        <v>10</v>
      </c>
      <c r="X18609">
        <v>10</v>
      </c>
      <c r="Y18609">
        <v>10</v>
      </c>
      <c r="Z18609">
        <v>10</v>
      </c>
      <c r="AA18609">
        <v>11</v>
      </c>
      <c r="AB18609">
        <v>11</v>
      </c>
      <c r="AC18609">
        <v>11</v>
      </c>
      <c r="AD18609">
        <v>11</v>
      </c>
      <c r="AE18609">
        <v>12</v>
      </c>
      <c r="AF18609">
        <v>12</v>
      </c>
      <c r="AG18609">
        <v>12</v>
      </c>
      <c r="AH18609">
        <v>13</v>
      </c>
      <c r="AI18609">
        <v>13</v>
      </c>
      <c r="AJ18609">
        <v>13</v>
      </c>
      <c r="AK18609">
        <v>13</v>
      </c>
      <c r="AL18609">
        <v>14</v>
      </c>
      <c r="AM18609">
        <v>14</v>
      </c>
      <c r="AN18609">
        <v>14</v>
      </c>
      <c r="AO18609">
        <v>14</v>
      </c>
      <c r="AP18609">
        <v>14</v>
      </c>
      <c r="AQ18609">
        <v>15</v>
      </c>
    </row>
    <row r="18610" spans="1:43">
      <c r="A18610" t="s">
        <v>11532</v>
      </c>
      <c r="B18610" t="s">
        <v>11533</v>
      </c>
      <c r="C18610" t="s">
        <v>11530</v>
      </c>
      <c r="D18610" t="s">
        <v>11531</v>
      </c>
      <c r="E18610" t="s">
        <v>11206</v>
      </c>
      <c r="F18610" t="s">
        <v>11207</v>
      </c>
      <c r="G18610" t="s">
        <v>10734</v>
      </c>
      <c r="H18610" t="s">
        <v>10735</v>
      </c>
      <c r="I18610" s="2">
        <v>0</v>
      </c>
      <c r="J18610" s="2">
        <v>0</v>
      </c>
      <c r="K18610" s="2">
        <v>1</v>
      </c>
      <c r="L18610" t="s">
        <v>995</v>
      </c>
      <c r="M18610" t="s">
        <v>83</v>
      </c>
      <c r="N18610" t="s">
        <v>84</v>
      </c>
      <c r="O18610" t="s">
        <v>85</v>
      </c>
      <c r="P18610" t="s">
        <v>86</v>
      </c>
      <c r="Q18610">
        <v>23</v>
      </c>
      <c r="R18610">
        <v>24</v>
      </c>
      <c r="S18610">
        <v>24</v>
      </c>
      <c r="T18610">
        <v>25</v>
      </c>
      <c r="U18610">
        <v>26</v>
      </c>
      <c r="V18610">
        <v>26</v>
      </c>
      <c r="W18610">
        <v>27</v>
      </c>
      <c r="X18610">
        <v>28</v>
      </c>
      <c r="Y18610">
        <v>28</v>
      </c>
      <c r="Z18610">
        <v>29</v>
      </c>
      <c r="AA18610">
        <v>30</v>
      </c>
      <c r="AB18610">
        <v>31</v>
      </c>
      <c r="AC18610">
        <v>31</v>
      </c>
      <c r="AD18610">
        <v>32</v>
      </c>
      <c r="AE18610">
        <v>33</v>
      </c>
      <c r="AF18610">
        <v>34</v>
      </c>
      <c r="AG18610">
        <v>34</v>
      </c>
      <c r="AH18610">
        <v>35</v>
      </c>
      <c r="AI18610">
        <v>36</v>
      </c>
      <c r="AJ18610">
        <v>37</v>
      </c>
      <c r="AK18610">
        <v>38</v>
      </c>
      <c r="AL18610">
        <v>38</v>
      </c>
      <c r="AM18610">
        <v>39</v>
      </c>
      <c r="AN18610">
        <v>39</v>
      </c>
      <c r="AO18610">
        <v>40</v>
      </c>
      <c r="AP18610">
        <v>41</v>
      </c>
      <c r="AQ18610">
        <v>41</v>
      </c>
    </row>
    <row r="18611" spans="1:43">
      <c r="A18611" t="s">
        <v>11532</v>
      </c>
      <c r="B18611" t="s">
        <v>11533</v>
      </c>
      <c r="C18611" t="s">
        <v>11530</v>
      </c>
      <c r="D18611" t="s">
        <v>11531</v>
      </c>
      <c r="E18611" t="s">
        <v>11206</v>
      </c>
      <c r="F18611" t="s">
        <v>11207</v>
      </c>
      <c r="G18611" t="s">
        <v>10734</v>
      </c>
      <c r="H18611" t="s">
        <v>10735</v>
      </c>
      <c r="I18611" s="2">
        <v>0</v>
      </c>
      <c r="J18611" s="2">
        <v>0</v>
      </c>
      <c r="K18611" s="2">
        <v>1</v>
      </c>
      <c r="L18611" t="s">
        <v>995</v>
      </c>
      <c r="M18611" t="s">
        <v>87</v>
      </c>
      <c r="N18611" t="s">
        <v>88</v>
      </c>
      <c r="O18611" t="s">
        <v>85</v>
      </c>
      <c r="P18611" t="s">
        <v>86</v>
      </c>
      <c r="Q18611">
        <v>23</v>
      </c>
      <c r="R18611">
        <v>23</v>
      </c>
      <c r="S18611">
        <v>24</v>
      </c>
      <c r="T18611">
        <v>24</v>
      </c>
      <c r="U18611">
        <v>25</v>
      </c>
      <c r="V18611">
        <v>25</v>
      </c>
      <c r="W18611">
        <v>25</v>
      </c>
      <c r="X18611">
        <v>26</v>
      </c>
      <c r="Y18611">
        <v>26</v>
      </c>
      <c r="Z18611">
        <v>27</v>
      </c>
      <c r="AA18611">
        <v>27</v>
      </c>
      <c r="AB18611">
        <v>28</v>
      </c>
      <c r="AC18611">
        <v>28</v>
      </c>
      <c r="AD18611">
        <v>29</v>
      </c>
      <c r="AE18611">
        <v>29</v>
      </c>
      <c r="AF18611">
        <v>30</v>
      </c>
      <c r="AG18611">
        <v>30</v>
      </c>
      <c r="AH18611">
        <v>31</v>
      </c>
      <c r="AI18611">
        <v>31</v>
      </c>
      <c r="AJ18611">
        <v>32</v>
      </c>
      <c r="AK18611">
        <v>32</v>
      </c>
      <c r="AL18611">
        <v>33</v>
      </c>
      <c r="AM18611">
        <v>33</v>
      </c>
      <c r="AN18611">
        <v>34</v>
      </c>
      <c r="AO18611">
        <v>34</v>
      </c>
      <c r="AP18611">
        <v>35</v>
      </c>
      <c r="AQ18611">
        <v>36</v>
      </c>
    </row>
    <row r="18612" spans="1:43">
      <c r="A18612" t="s">
        <v>11532</v>
      </c>
      <c r="B18612" t="s">
        <v>11533</v>
      </c>
      <c r="C18612" t="s">
        <v>11530</v>
      </c>
      <c r="D18612" t="s">
        <v>11531</v>
      </c>
      <c r="E18612" t="s">
        <v>11206</v>
      </c>
      <c r="F18612" t="s">
        <v>11207</v>
      </c>
      <c r="G18612" t="s">
        <v>10734</v>
      </c>
      <c r="H18612" t="s">
        <v>10735</v>
      </c>
      <c r="I18612" s="2">
        <v>0</v>
      </c>
      <c r="J18612" s="2">
        <v>0</v>
      </c>
      <c r="K18612" s="2">
        <v>1</v>
      </c>
      <c r="L18612" t="s">
        <v>995</v>
      </c>
      <c r="M18612" t="s">
        <v>89</v>
      </c>
      <c r="N18612" t="s">
        <v>90</v>
      </c>
      <c r="O18612" t="s">
        <v>85</v>
      </c>
      <c r="P18612" t="s">
        <v>86</v>
      </c>
      <c r="Q18612">
        <v>23</v>
      </c>
      <c r="R18612">
        <v>24</v>
      </c>
      <c r="S18612">
        <v>25</v>
      </c>
      <c r="T18612">
        <v>26</v>
      </c>
      <c r="U18612">
        <v>27</v>
      </c>
      <c r="V18612">
        <v>28</v>
      </c>
      <c r="W18612">
        <v>28</v>
      </c>
      <c r="X18612">
        <v>29</v>
      </c>
      <c r="Y18612">
        <v>30</v>
      </c>
      <c r="Z18612">
        <v>31</v>
      </c>
      <c r="AA18612">
        <v>32</v>
      </c>
      <c r="AB18612">
        <v>33</v>
      </c>
      <c r="AC18612">
        <v>33</v>
      </c>
      <c r="AD18612">
        <v>34</v>
      </c>
      <c r="AE18612">
        <v>35</v>
      </c>
      <c r="AF18612">
        <v>36</v>
      </c>
      <c r="AG18612">
        <v>36</v>
      </c>
      <c r="AH18612">
        <v>37</v>
      </c>
      <c r="AI18612">
        <v>37</v>
      </c>
      <c r="AJ18612">
        <v>38</v>
      </c>
      <c r="AK18612">
        <v>38</v>
      </c>
      <c r="AL18612">
        <v>39</v>
      </c>
      <c r="AM18612">
        <v>39</v>
      </c>
      <c r="AN18612">
        <v>40</v>
      </c>
      <c r="AO18612">
        <v>40</v>
      </c>
      <c r="AP18612">
        <v>41</v>
      </c>
      <c r="AQ18612">
        <v>42</v>
      </c>
    </row>
    <row r="18613" spans="1:43">
      <c r="A18613" t="s">
        <v>11532</v>
      </c>
      <c r="B18613" t="s">
        <v>11533</v>
      </c>
      <c r="C18613" t="s">
        <v>11530</v>
      </c>
      <c r="D18613" t="s">
        <v>11531</v>
      </c>
      <c r="E18613" t="s">
        <v>11206</v>
      </c>
      <c r="F18613" t="s">
        <v>11207</v>
      </c>
      <c r="G18613" t="s">
        <v>10734</v>
      </c>
      <c r="H18613" t="s">
        <v>10735</v>
      </c>
      <c r="I18613" s="2">
        <v>0</v>
      </c>
      <c r="J18613" s="2">
        <v>0</v>
      </c>
      <c r="K18613" s="2">
        <v>1</v>
      </c>
      <c r="L18613" t="s">
        <v>995</v>
      </c>
      <c r="M18613" t="s">
        <v>83</v>
      </c>
      <c r="N18613" t="s">
        <v>91</v>
      </c>
      <c r="O18613" t="s">
        <v>85</v>
      </c>
      <c r="P18613" t="s">
        <v>86</v>
      </c>
      <c r="Q18613">
        <v>23</v>
      </c>
      <c r="R18613">
        <v>24</v>
      </c>
      <c r="S18613">
        <v>24</v>
      </c>
      <c r="T18613">
        <v>25</v>
      </c>
      <c r="U18613">
        <v>26</v>
      </c>
      <c r="V18613">
        <v>26</v>
      </c>
      <c r="W18613">
        <v>27</v>
      </c>
      <c r="X18613">
        <v>28</v>
      </c>
      <c r="Y18613">
        <v>28</v>
      </c>
      <c r="Z18613">
        <v>29</v>
      </c>
      <c r="AA18613">
        <v>30</v>
      </c>
      <c r="AB18613">
        <v>31</v>
      </c>
      <c r="AC18613">
        <v>31</v>
      </c>
      <c r="AD18613">
        <v>32</v>
      </c>
      <c r="AE18613">
        <v>33</v>
      </c>
      <c r="AF18613">
        <v>34</v>
      </c>
      <c r="AG18613">
        <v>34</v>
      </c>
      <c r="AH18613">
        <v>35</v>
      </c>
      <c r="AI18613">
        <v>36</v>
      </c>
      <c r="AJ18613">
        <v>37</v>
      </c>
      <c r="AK18613">
        <v>38</v>
      </c>
      <c r="AL18613">
        <v>38</v>
      </c>
      <c r="AM18613">
        <v>39</v>
      </c>
      <c r="AN18613">
        <v>39</v>
      </c>
      <c r="AO18613">
        <v>40</v>
      </c>
      <c r="AP18613">
        <v>41</v>
      </c>
      <c r="AQ18613">
        <v>41</v>
      </c>
    </row>
    <row r="18614" spans="1:43">
      <c r="A18614" t="s">
        <v>11534</v>
      </c>
      <c r="B18614" t="s">
        <v>11535</v>
      </c>
      <c r="C18614" t="s">
        <v>11530</v>
      </c>
      <c r="D18614" t="s">
        <v>11531</v>
      </c>
      <c r="E18614" t="s">
        <v>11206</v>
      </c>
      <c r="F18614" t="s">
        <v>11207</v>
      </c>
      <c r="G18614" t="s">
        <v>10734</v>
      </c>
      <c r="H18614" t="s">
        <v>10735</v>
      </c>
      <c r="I18614" s="2">
        <v>0</v>
      </c>
      <c r="J18614" s="2">
        <v>0</v>
      </c>
      <c r="K18614" s="2">
        <v>1</v>
      </c>
      <c r="L18614" t="s">
        <v>995</v>
      </c>
      <c r="M18614" t="s">
        <v>83</v>
      </c>
      <c r="N18614" t="s">
        <v>84</v>
      </c>
      <c r="O18614" t="s">
        <v>85</v>
      </c>
      <c r="P18614" t="s">
        <v>86</v>
      </c>
      <c r="Q18614">
        <v>26</v>
      </c>
      <c r="R18614">
        <v>26</v>
      </c>
      <c r="S18614">
        <v>27</v>
      </c>
      <c r="T18614">
        <v>28</v>
      </c>
      <c r="U18614">
        <v>29</v>
      </c>
      <c r="V18614">
        <v>29</v>
      </c>
      <c r="W18614">
        <v>30</v>
      </c>
      <c r="X18614">
        <v>31</v>
      </c>
      <c r="Y18614">
        <v>31</v>
      </c>
      <c r="Z18614">
        <v>32</v>
      </c>
      <c r="AA18614">
        <v>33</v>
      </c>
      <c r="AB18614">
        <v>34</v>
      </c>
      <c r="AC18614">
        <v>35</v>
      </c>
      <c r="AD18614">
        <v>35</v>
      </c>
      <c r="AE18614">
        <v>36</v>
      </c>
      <c r="AF18614">
        <v>37</v>
      </c>
      <c r="AG18614">
        <v>38</v>
      </c>
      <c r="AH18614">
        <v>39</v>
      </c>
      <c r="AI18614">
        <v>40</v>
      </c>
      <c r="AJ18614">
        <v>41</v>
      </c>
      <c r="AK18614">
        <v>42</v>
      </c>
      <c r="AL18614">
        <v>42</v>
      </c>
      <c r="AM18614">
        <v>43</v>
      </c>
      <c r="AN18614">
        <v>44</v>
      </c>
      <c r="AO18614">
        <v>44</v>
      </c>
      <c r="AP18614">
        <v>45</v>
      </c>
      <c r="AQ18614">
        <v>46</v>
      </c>
    </row>
    <row r="18615" spans="1:43">
      <c r="A18615" t="s">
        <v>11534</v>
      </c>
      <c r="B18615" t="s">
        <v>11535</v>
      </c>
      <c r="C18615" t="s">
        <v>11530</v>
      </c>
      <c r="D18615" t="s">
        <v>11531</v>
      </c>
      <c r="E18615" t="s">
        <v>11206</v>
      </c>
      <c r="F18615" t="s">
        <v>11207</v>
      </c>
      <c r="G18615" t="s">
        <v>10734</v>
      </c>
      <c r="H18615" t="s">
        <v>10735</v>
      </c>
      <c r="I18615" s="2">
        <v>0</v>
      </c>
      <c r="J18615" s="2">
        <v>0</v>
      </c>
      <c r="K18615" s="2">
        <v>1</v>
      </c>
      <c r="L18615" t="s">
        <v>995</v>
      </c>
      <c r="M18615" t="s">
        <v>87</v>
      </c>
      <c r="N18615" t="s">
        <v>88</v>
      </c>
      <c r="O18615" t="s">
        <v>85</v>
      </c>
      <c r="P18615" t="s">
        <v>86</v>
      </c>
      <c r="Q18615">
        <v>26</v>
      </c>
      <c r="R18615">
        <v>27</v>
      </c>
      <c r="S18615">
        <v>27</v>
      </c>
      <c r="T18615">
        <v>28</v>
      </c>
      <c r="U18615">
        <v>28</v>
      </c>
      <c r="V18615">
        <v>29</v>
      </c>
      <c r="W18615">
        <v>29</v>
      </c>
      <c r="X18615">
        <v>30</v>
      </c>
      <c r="Y18615">
        <v>30</v>
      </c>
      <c r="Z18615">
        <v>31</v>
      </c>
      <c r="AA18615">
        <v>31</v>
      </c>
      <c r="AB18615">
        <v>32</v>
      </c>
      <c r="AC18615">
        <v>32</v>
      </c>
      <c r="AD18615">
        <v>33</v>
      </c>
      <c r="AE18615">
        <v>33</v>
      </c>
      <c r="AF18615">
        <v>34</v>
      </c>
      <c r="AG18615">
        <v>34</v>
      </c>
      <c r="AH18615">
        <v>35</v>
      </c>
      <c r="AI18615">
        <v>35</v>
      </c>
      <c r="AJ18615">
        <v>36</v>
      </c>
      <c r="AK18615">
        <v>37</v>
      </c>
      <c r="AL18615">
        <v>37</v>
      </c>
      <c r="AM18615">
        <v>38</v>
      </c>
      <c r="AN18615">
        <v>38</v>
      </c>
      <c r="AO18615">
        <v>39</v>
      </c>
      <c r="AP18615">
        <v>40</v>
      </c>
      <c r="AQ18615">
        <v>40</v>
      </c>
    </row>
    <row r="18616" spans="1:43">
      <c r="A18616" t="s">
        <v>11534</v>
      </c>
      <c r="B18616" t="s">
        <v>11535</v>
      </c>
      <c r="C18616" t="s">
        <v>11530</v>
      </c>
      <c r="D18616" t="s">
        <v>11531</v>
      </c>
      <c r="E18616" t="s">
        <v>11206</v>
      </c>
      <c r="F18616" t="s">
        <v>11207</v>
      </c>
      <c r="G18616" t="s">
        <v>10734</v>
      </c>
      <c r="H18616" t="s">
        <v>10735</v>
      </c>
      <c r="I18616" s="2">
        <v>0</v>
      </c>
      <c r="J18616" s="2">
        <v>0</v>
      </c>
      <c r="K18616" s="2">
        <v>1</v>
      </c>
      <c r="L18616" t="s">
        <v>995</v>
      </c>
      <c r="M18616" t="s">
        <v>89</v>
      </c>
      <c r="N18616" t="s">
        <v>90</v>
      </c>
      <c r="O18616" t="s">
        <v>85</v>
      </c>
      <c r="P18616" t="s">
        <v>86</v>
      </c>
      <c r="Q18616">
        <v>26</v>
      </c>
      <c r="R18616">
        <v>27</v>
      </c>
      <c r="S18616">
        <v>28</v>
      </c>
      <c r="T18616">
        <v>29</v>
      </c>
      <c r="U18616">
        <v>30</v>
      </c>
      <c r="V18616">
        <v>31</v>
      </c>
      <c r="W18616">
        <v>32</v>
      </c>
      <c r="X18616">
        <v>32</v>
      </c>
      <c r="Y18616">
        <v>33</v>
      </c>
      <c r="Z18616">
        <v>34</v>
      </c>
      <c r="AA18616">
        <v>35</v>
      </c>
      <c r="AB18616">
        <v>36</v>
      </c>
      <c r="AC18616">
        <v>37</v>
      </c>
      <c r="AD18616">
        <v>38</v>
      </c>
      <c r="AE18616">
        <v>39</v>
      </c>
      <c r="AF18616">
        <v>39</v>
      </c>
      <c r="AG18616">
        <v>40</v>
      </c>
      <c r="AH18616">
        <v>41</v>
      </c>
      <c r="AI18616">
        <v>41</v>
      </c>
      <c r="AJ18616">
        <v>42</v>
      </c>
      <c r="AK18616">
        <v>42</v>
      </c>
      <c r="AL18616">
        <v>43</v>
      </c>
      <c r="AM18616">
        <v>43</v>
      </c>
      <c r="AN18616">
        <v>44</v>
      </c>
      <c r="AO18616">
        <v>45</v>
      </c>
      <c r="AP18616">
        <v>45</v>
      </c>
      <c r="AQ18616">
        <v>46</v>
      </c>
    </row>
    <row r="18617" spans="1:43">
      <c r="A18617" t="s">
        <v>11534</v>
      </c>
      <c r="B18617" t="s">
        <v>11535</v>
      </c>
      <c r="C18617" t="s">
        <v>11530</v>
      </c>
      <c r="D18617" t="s">
        <v>11531</v>
      </c>
      <c r="E18617" t="s">
        <v>11206</v>
      </c>
      <c r="F18617" t="s">
        <v>11207</v>
      </c>
      <c r="G18617" t="s">
        <v>10734</v>
      </c>
      <c r="H18617" t="s">
        <v>10735</v>
      </c>
      <c r="I18617" s="2">
        <v>0</v>
      </c>
      <c r="J18617" s="2">
        <v>0</v>
      </c>
      <c r="K18617" s="2">
        <v>1</v>
      </c>
      <c r="L18617" t="s">
        <v>995</v>
      </c>
      <c r="M18617" t="s">
        <v>83</v>
      </c>
      <c r="N18617" t="s">
        <v>91</v>
      </c>
      <c r="O18617" t="s">
        <v>85</v>
      </c>
      <c r="P18617" t="s">
        <v>86</v>
      </c>
      <c r="Q18617">
        <v>26</v>
      </c>
      <c r="R18617">
        <v>26</v>
      </c>
      <c r="S18617">
        <v>27</v>
      </c>
      <c r="T18617">
        <v>28</v>
      </c>
      <c r="U18617">
        <v>29</v>
      </c>
      <c r="V18617">
        <v>29</v>
      </c>
      <c r="W18617">
        <v>30</v>
      </c>
      <c r="X18617">
        <v>31</v>
      </c>
      <c r="Y18617">
        <v>31</v>
      </c>
      <c r="Z18617">
        <v>32</v>
      </c>
      <c r="AA18617">
        <v>33</v>
      </c>
      <c r="AB18617">
        <v>34</v>
      </c>
      <c r="AC18617">
        <v>35</v>
      </c>
      <c r="AD18617">
        <v>35</v>
      </c>
      <c r="AE18617">
        <v>36</v>
      </c>
      <c r="AF18617">
        <v>37</v>
      </c>
      <c r="AG18617">
        <v>38</v>
      </c>
      <c r="AH18617">
        <v>39</v>
      </c>
      <c r="AI18617">
        <v>40</v>
      </c>
      <c r="AJ18617">
        <v>41</v>
      </c>
      <c r="AK18617">
        <v>42</v>
      </c>
      <c r="AL18617">
        <v>42</v>
      </c>
      <c r="AM18617">
        <v>43</v>
      </c>
      <c r="AN18617">
        <v>44</v>
      </c>
      <c r="AO18617">
        <v>44</v>
      </c>
      <c r="AP18617">
        <v>45</v>
      </c>
      <c r="AQ18617">
        <v>46</v>
      </c>
    </row>
    <row r="18618" spans="1:43">
      <c r="A18618" t="s">
        <v>11536</v>
      </c>
      <c r="B18618" t="s">
        <v>11537</v>
      </c>
      <c r="C18618" t="s">
        <v>11526</v>
      </c>
      <c r="D18618" t="s">
        <v>11527</v>
      </c>
      <c r="E18618" t="s">
        <v>11206</v>
      </c>
      <c r="F18618" t="s">
        <v>11207</v>
      </c>
      <c r="G18618" t="s">
        <v>10734</v>
      </c>
      <c r="H18618" t="s">
        <v>10735</v>
      </c>
      <c r="I18618" s="2">
        <v>0</v>
      </c>
      <c r="J18618" s="2">
        <v>0</v>
      </c>
      <c r="K18618" s="2">
        <v>1</v>
      </c>
      <c r="L18618" t="s">
        <v>995</v>
      </c>
      <c r="M18618" t="s">
        <v>83</v>
      </c>
      <c r="N18618" t="s">
        <v>84</v>
      </c>
      <c r="O18618" t="s">
        <v>85</v>
      </c>
      <c r="P18618" t="s">
        <v>86</v>
      </c>
      <c r="Q18618">
        <v>108</v>
      </c>
      <c r="R18618">
        <v>111</v>
      </c>
      <c r="S18618">
        <v>114</v>
      </c>
      <c r="T18618">
        <v>117</v>
      </c>
      <c r="U18618">
        <v>120</v>
      </c>
      <c r="V18618">
        <v>123</v>
      </c>
      <c r="W18618">
        <v>126</v>
      </c>
      <c r="X18618">
        <v>129</v>
      </c>
      <c r="Y18618">
        <v>132</v>
      </c>
      <c r="Z18618">
        <v>135</v>
      </c>
      <c r="AA18618">
        <v>139</v>
      </c>
      <c r="AB18618">
        <v>142</v>
      </c>
      <c r="AC18618">
        <v>145</v>
      </c>
      <c r="AD18618">
        <v>149</v>
      </c>
      <c r="AE18618">
        <v>152</v>
      </c>
      <c r="AF18618">
        <v>156</v>
      </c>
      <c r="AG18618">
        <v>159</v>
      </c>
      <c r="AH18618">
        <v>163</v>
      </c>
      <c r="AI18618">
        <v>167</v>
      </c>
      <c r="AJ18618">
        <v>171</v>
      </c>
      <c r="AK18618">
        <v>175</v>
      </c>
      <c r="AL18618">
        <v>178</v>
      </c>
      <c r="AM18618">
        <v>180</v>
      </c>
      <c r="AN18618">
        <v>183</v>
      </c>
      <c r="AO18618">
        <v>186</v>
      </c>
      <c r="AP18618">
        <v>188</v>
      </c>
      <c r="AQ18618">
        <v>191</v>
      </c>
    </row>
    <row r="18619" spans="1:43">
      <c r="A18619" t="s">
        <v>11536</v>
      </c>
      <c r="B18619" t="s">
        <v>11537</v>
      </c>
      <c r="C18619" t="s">
        <v>11526</v>
      </c>
      <c r="D18619" t="s">
        <v>11527</v>
      </c>
      <c r="E18619" t="s">
        <v>11206</v>
      </c>
      <c r="F18619" t="s">
        <v>11207</v>
      </c>
      <c r="G18619" t="s">
        <v>10734</v>
      </c>
      <c r="H18619" t="s">
        <v>10735</v>
      </c>
      <c r="I18619" s="2">
        <v>0</v>
      </c>
      <c r="J18619" s="2">
        <v>0</v>
      </c>
      <c r="K18619" s="2">
        <v>1</v>
      </c>
      <c r="L18619" t="s">
        <v>995</v>
      </c>
      <c r="M18619" t="s">
        <v>87</v>
      </c>
      <c r="N18619" t="s">
        <v>88</v>
      </c>
      <c r="O18619" t="s">
        <v>85</v>
      </c>
      <c r="P18619" t="s">
        <v>86</v>
      </c>
      <c r="Q18619">
        <v>108</v>
      </c>
      <c r="R18619">
        <v>110</v>
      </c>
      <c r="S18619">
        <v>112</v>
      </c>
      <c r="T18619">
        <v>114</v>
      </c>
      <c r="U18619">
        <v>115</v>
      </c>
      <c r="V18619">
        <v>117</v>
      </c>
      <c r="W18619">
        <v>119</v>
      </c>
      <c r="X18619">
        <v>121</v>
      </c>
      <c r="Y18619">
        <v>123</v>
      </c>
      <c r="Z18619">
        <v>125</v>
      </c>
      <c r="AA18619">
        <v>127</v>
      </c>
      <c r="AB18619">
        <v>129</v>
      </c>
      <c r="AC18619">
        <v>131</v>
      </c>
      <c r="AD18619">
        <v>134</v>
      </c>
      <c r="AE18619">
        <v>136</v>
      </c>
      <c r="AF18619">
        <v>138</v>
      </c>
      <c r="AG18619">
        <v>140</v>
      </c>
      <c r="AH18619">
        <v>143</v>
      </c>
      <c r="AI18619">
        <v>145</v>
      </c>
      <c r="AJ18619">
        <v>148</v>
      </c>
      <c r="AK18619">
        <v>150</v>
      </c>
      <c r="AL18619">
        <v>153</v>
      </c>
      <c r="AM18619">
        <v>155</v>
      </c>
      <c r="AN18619">
        <v>158</v>
      </c>
      <c r="AO18619">
        <v>161</v>
      </c>
      <c r="AP18619">
        <v>164</v>
      </c>
      <c r="AQ18619">
        <v>166</v>
      </c>
    </row>
    <row r="18620" spans="1:43">
      <c r="A18620" t="s">
        <v>11536</v>
      </c>
      <c r="B18620" t="s">
        <v>11537</v>
      </c>
      <c r="C18620" t="s">
        <v>11526</v>
      </c>
      <c r="D18620" t="s">
        <v>11527</v>
      </c>
      <c r="E18620" t="s">
        <v>11206</v>
      </c>
      <c r="F18620" t="s">
        <v>11207</v>
      </c>
      <c r="G18620" t="s">
        <v>10734</v>
      </c>
      <c r="H18620" t="s">
        <v>10735</v>
      </c>
      <c r="I18620" s="2">
        <v>0</v>
      </c>
      <c r="J18620" s="2">
        <v>0</v>
      </c>
      <c r="K18620" s="2">
        <v>1</v>
      </c>
      <c r="L18620" t="s">
        <v>995</v>
      </c>
      <c r="M18620" t="s">
        <v>89</v>
      </c>
      <c r="N18620" t="s">
        <v>90</v>
      </c>
      <c r="O18620" t="s">
        <v>85</v>
      </c>
      <c r="P18620" t="s">
        <v>86</v>
      </c>
      <c r="Q18620">
        <v>108</v>
      </c>
      <c r="R18620">
        <v>112</v>
      </c>
      <c r="S18620">
        <v>116</v>
      </c>
      <c r="T18620">
        <v>120</v>
      </c>
      <c r="U18620">
        <v>123</v>
      </c>
      <c r="V18620">
        <v>127</v>
      </c>
      <c r="W18620">
        <v>131</v>
      </c>
      <c r="X18620">
        <v>135</v>
      </c>
      <c r="Y18620">
        <v>139</v>
      </c>
      <c r="Z18620">
        <v>143</v>
      </c>
      <c r="AA18620">
        <v>147</v>
      </c>
      <c r="AB18620">
        <v>150</v>
      </c>
      <c r="AC18620">
        <v>155</v>
      </c>
      <c r="AD18620">
        <v>159</v>
      </c>
      <c r="AE18620">
        <v>162</v>
      </c>
      <c r="AF18620">
        <v>164</v>
      </c>
      <c r="AG18620">
        <v>167</v>
      </c>
      <c r="AH18620">
        <v>169</v>
      </c>
      <c r="AI18620">
        <v>171</v>
      </c>
      <c r="AJ18620">
        <v>174</v>
      </c>
      <c r="AK18620">
        <v>176</v>
      </c>
      <c r="AL18620">
        <v>179</v>
      </c>
      <c r="AM18620">
        <v>181</v>
      </c>
      <c r="AN18620">
        <v>184</v>
      </c>
      <c r="AO18620">
        <v>186</v>
      </c>
      <c r="AP18620">
        <v>189</v>
      </c>
      <c r="AQ18620">
        <v>192</v>
      </c>
    </row>
    <row r="18621" spans="1:43">
      <c r="A18621" t="s">
        <v>11536</v>
      </c>
      <c r="B18621" t="s">
        <v>11537</v>
      </c>
      <c r="C18621" t="s">
        <v>11526</v>
      </c>
      <c r="D18621" t="s">
        <v>11527</v>
      </c>
      <c r="E18621" t="s">
        <v>11206</v>
      </c>
      <c r="F18621" t="s">
        <v>11207</v>
      </c>
      <c r="G18621" t="s">
        <v>10734</v>
      </c>
      <c r="H18621" t="s">
        <v>10735</v>
      </c>
      <c r="I18621" s="2">
        <v>0</v>
      </c>
      <c r="J18621" s="2">
        <v>0</v>
      </c>
      <c r="K18621" s="2">
        <v>1</v>
      </c>
      <c r="L18621" t="s">
        <v>995</v>
      </c>
      <c r="M18621" t="s">
        <v>83</v>
      </c>
      <c r="N18621" t="s">
        <v>91</v>
      </c>
      <c r="O18621" t="s">
        <v>85</v>
      </c>
      <c r="P18621" t="s">
        <v>86</v>
      </c>
      <c r="Q18621">
        <v>108</v>
      </c>
      <c r="R18621">
        <v>111</v>
      </c>
      <c r="S18621">
        <v>114</v>
      </c>
      <c r="T18621">
        <v>117</v>
      </c>
      <c r="U18621">
        <v>120</v>
      </c>
      <c r="V18621">
        <v>123</v>
      </c>
      <c r="W18621">
        <v>126</v>
      </c>
      <c r="X18621">
        <v>129</v>
      </c>
      <c r="Y18621">
        <v>132</v>
      </c>
      <c r="Z18621">
        <v>135</v>
      </c>
      <c r="AA18621">
        <v>139</v>
      </c>
      <c r="AB18621">
        <v>142</v>
      </c>
      <c r="AC18621">
        <v>145</v>
      </c>
      <c r="AD18621">
        <v>149</v>
      </c>
      <c r="AE18621">
        <v>152</v>
      </c>
      <c r="AF18621">
        <v>156</v>
      </c>
      <c r="AG18621">
        <v>159</v>
      </c>
      <c r="AH18621">
        <v>163</v>
      </c>
      <c r="AI18621">
        <v>167</v>
      </c>
      <c r="AJ18621">
        <v>171</v>
      </c>
      <c r="AK18621">
        <v>175</v>
      </c>
      <c r="AL18621">
        <v>178</v>
      </c>
      <c r="AM18621">
        <v>180</v>
      </c>
      <c r="AN18621">
        <v>183</v>
      </c>
      <c r="AO18621">
        <v>186</v>
      </c>
      <c r="AP18621">
        <v>188</v>
      </c>
      <c r="AQ18621">
        <v>191</v>
      </c>
    </row>
    <row r="18622" spans="1:43">
      <c r="A18622" t="s">
        <v>11538</v>
      </c>
      <c r="B18622" t="s">
        <v>11539</v>
      </c>
      <c r="C18622" t="s">
        <v>11530</v>
      </c>
      <c r="D18622" t="s">
        <v>11531</v>
      </c>
      <c r="E18622" t="s">
        <v>11206</v>
      </c>
      <c r="F18622" t="s">
        <v>11207</v>
      </c>
      <c r="G18622" t="s">
        <v>10734</v>
      </c>
      <c r="H18622" t="s">
        <v>10735</v>
      </c>
      <c r="I18622" s="2">
        <v>0</v>
      </c>
      <c r="J18622" s="2">
        <v>0</v>
      </c>
      <c r="K18622" s="2">
        <v>1</v>
      </c>
      <c r="L18622" t="s">
        <v>995</v>
      </c>
      <c r="M18622" t="s">
        <v>83</v>
      </c>
      <c r="N18622" t="s">
        <v>84</v>
      </c>
      <c r="O18622" t="s">
        <v>85</v>
      </c>
      <c r="P18622" t="s">
        <v>86</v>
      </c>
      <c r="Q18622">
        <v>9</v>
      </c>
      <c r="R18622">
        <v>9</v>
      </c>
      <c r="S18622">
        <v>9</v>
      </c>
      <c r="T18622">
        <v>10</v>
      </c>
      <c r="U18622">
        <v>10</v>
      </c>
      <c r="V18622">
        <v>10</v>
      </c>
      <c r="W18622">
        <v>10</v>
      </c>
      <c r="X18622">
        <v>11</v>
      </c>
      <c r="Y18622">
        <v>11</v>
      </c>
      <c r="Z18622">
        <v>11</v>
      </c>
      <c r="AA18622">
        <v>12</v>
      </c>
      <c r="AB18622">
        <v>12</v>
      </c>
      <c r="AC18622">
        <v>12</v>
      </c>
      <c r="AD18622">
        <v>12</v>
      </c>
      <c r="AE18622">
        <v>13</v>
      </c>
      <c r="AF18622">
        <v>13</v>
      </c>
      <c r="AG18622">
        <v>13</v>
      </c>
      <c r="AH18622">
        <v>14</v>
      </c>
      <c r="AI18622">
        <v>14</v>
      </c>
      <c r="AJ18622">
        <v>14</v>
      </c>
      <c r="AK18622">
        <v>15</v>
      </c>
      <c r="AL18622">
        <v>15</v>
      </c>
      <c r="AM18622">
        <v>15</v>
      </c>
      <c r="AN18622">
        <v>15</v>
      </c>
      <c r="AO18622">
        <v>15</v>
      </c>
      <c r="AP18622">
        <v>16</v>
      </c>
      <c r="AQ18622">
        <v>16</v>
      </c>
    </row>
    <row r="18623" spans="1:43">
      <c r="A18623" t="s">
        <v>11538</v>
      </c>
      <c r="B18623" t="s">
        <v>11539</v>
      </c>
      <c r="C18623" t="s">
        <v>11530</v>
      </c>
      <c r="D18623" t="s">
        <v>11531</v>
      </c>
      <c r="E18623" t="s">
        <v>11206</v>
      </c>
      <c r="F18623" t="s">
        <v>11207</v>
      </c>
      <c r="G18623" t="s">
        <v>10734</v>
      </c>
      <c r="H18623" t="s">
        <v>10735</v>
      </c>
      <c r="I18623" s="2">
        <v>0</v>
      </c>
      <c r="J18623" s="2">
        <v>0</v>
      </c>
      <c r="K18623" s="2">
        <v>1</v>
      </c>
      <c r="L18623" t="s">
        <v>995</v>
      </c>
      <c r="M18623" t="s">
        <v>87</v>
      </c>
      <c r="N18623" t="s">
        <v>88</v>
      </c>
      <c r="O18623" t="s">
        <v>85</v>
      </c>
      <c r="P18623" t="s">
        <v>86</v>
      </c>
      <c r="Q18623">
        <v>9</v>
      </c>
      <c r="R18623">
        <v>9</v>
      </c>
      <c r="S18623">
        <v>9</v>
      </c>
      <c r="T18623">
        <v>9</v>
      </c>
      <c r="U18623">
        <v>10</v>
      </c>
      <c r="V18623">
        <v>10</v>
      </c>
      <c r="W18623">
        <v>10</v>
      </c>
      <c r="X18623">
        <v>10</v>
      </c>
      <c r="Y18623">
        <v>10</v>
      </c>
      <c r="Z18623">
        <v>10</v>
      </c>
      <c r="AA18623">
        <v>11</v>
      </c>
      <c r="AB18623">
        <v>11</v>
      </c>
      <c r="AC18623">
        <v>11</v>
      </c>
      <c r="AD18623">
        <v>11</v>
      </c>
      <c r="AE18623">
        <v>11</v>
      </c>
      <c r="AF18623">
        <v>11</v>
      </c>
      <c r="AG18623">
        <v>12</v>
      </c>
      <c r="AH18623">
        <v>12</v>
      </c>
      <c r="AI18623">
        <v>12</v>
      </c>
      <c r="AJ18623">
        <v>12</v>
      </c>
      <c r="AK18623">
        <v>12</v>
      </c>
      <c r="AL18623">
        <v>13</v>
      </c>
      <c r="AM18623">
        <v>13</v>
      </c>
      <c r="AN18623">
        <v>13</v>
      </c>
      <c r="AO18623">
        <v>13</v>
      </c>
      <c r="AP18623">
        <v>14</v>
      </c>
      <c r="AQ18623">
        <v>14</v>
      </c>
    </row>
    <row r="18624" spans="1:43">
      <c r="A18624" t="s">
        <v>11538</v>
      </c>
      <c r="B18624" t="s">
        <v>11539</v>
      </c>
      <c r="C18624" t="s">
        <v>11530</v>
      </c>
      <c r="D18624" t="s">
        <v>11531</v>
      </c>
      <c r="E18624" t="s">
        <v>11206</v>
      </c>
      <c r="F18624" t="s">
        <v>11207</v>
      </c>
      <c r="G18624" t="s">
        <v>10734</v>
      </c>
      <c r="H18624" t="s">
        <v>10735</v>
      </c>
      <c r="I18624" s="2">
        <v>0</v>
      </c>
      <c r="J18624" s="2">
        <v>0</v>
      </c>
      <c r="K18624" s="2">
        <v>1</v>
      </c>
      <c r="L18624" t="s">
        <v>995</v>
      </c>
      <c r="M18624" t="s">
        <v>89</v>
      </c>
      <c r="N18624" t="s">
        <v>90</v>
      </c>
      <c r="O18624" t="s">
        <v>85</v>
      </c>
      <c r="P18624" t="s">
        <v>86</v>
      </c>
      <c r="Q18624">
        <v>9</v>
      </c>
      <c r="R18624">
        <v>9</v>
      </c>
      <c r="S18624">
        <v>10</v>
      </c>
      <c r="T18624">
        <v>10</v>
      </c>
      <c r="U18624">
        <v>10</v>
      </c>
      <c r="V18624">
        <v>11</v>
      </c>
      <c r="W18624">
        <v>11</v>
      </c>
      <c r="X18624">
        <v>11</v>
      </c>
      <c r="Y18624">
        <v>12</v>
      </c>
      <c r="Z18624">
        <v>12</v>
      </c>
      <c r="AA18624">
        <v>12</v>
      </c>
      <c r="AB18624">
        <v>13</v>
      </c>
      <c r="AC18624">
        <v>13</v>
      </c>
      <c r="AD18624">
        <v>13</v>
      </c>
      <c r="AE18624">
        <v>14</v>
      </c>
      <c r="AF18624">
        <v>14</v>
      </c>
      <c r="AG18624">
        <v>14</v>
      </c>
      <c r="AH18624">
        <v>14</v>
      </c>
      <c r="AI18624">
        <v>14</v>
      </c>
      <c r="AJ18624">
        <v>15</v>
      </c>
      <c r="AK18624">
        <v>15</v>
      </c>
      <c r="AL18624">
        <v>15</v>
      </c>
      <c r="AM18624">
        <v>15</v>
      </c>
      <c r="AN18624">
        <v>15</v>
      </c>
      <c r="AO18624">
        <v>16</v>
      </c>
      <c r="AP18624">
        <v>16</v>
      </c>
      <c r="AQ18624">
        <v>16</v>
      </c>
    </row>
    <row r="18625" spans="1:43">
      <c r="A18625" t="s">
        <v>11538</v>
      </c>
      <c r="B18625" t="s">
        <v>11539</v>
      </c>
      <c r="C18625" t="s">
        <v>11530</v>
      </c>
      <c r="D18625" t="s">
        <v>11531</v>
      </c>
      <c r="E18625" t="s">
        <v>11206</v>
      </c>
      <c r="F18625" t="s">
        <v>11207</v>
      </c>
      <c r="G18625" t="s">
        <v>10734</v>
      </c>
      <c r="H18625" t="s">
        <v>10735</v>
      </c>
      <c r="I18625" s="2">
        <v>0</v>
      </c>
      <c r="J18625" s="2">
        <v>0</v>
      </c>
      <c r="K18625" s="2">
        <v>1</v>
      </c>
      <c r="L18625" t="s">
        <v>995</v>
      </c>
      <c r="M18625" t="s">
        <v>83</v>
      </c>
      <c r="N18625" t="s">
        <v>91</v>
      </c>
      <c r="O18625" t="s">
        <v>85</v>
      </c>
      <c r="P18625" t="s">
        <v>86</v>
      </c>
      <c r="Q18625">
        <v>9</v>
      </c>
      <c r="R18625">
        <v>9</v>
      </c>
      <c r="S18625">
        <v>9</v>
      </c>
      <c r="T18625">
        <v>10</v>
      </c>
      <c r="U18625">
        <v>10</v>
      </c>
      <c r="V18625">
        <v>10</v>
      </c>
      <c r="W18625">
        <v>10</v>
      </c>
      <c r="X18625">
        <v>11</v>
      </c>
      <c r="Y18625">
        <v>11</v>
      </c>
      <c r="Z18625">
        <v>11</v>
      </c>
      <c r="AA18625">
        <v>12</v>
      </c>
      <c r="AB18625">
        <v>12</v>
      </c>
      <c r="AC18625">
        <v>12</v>
      </c>
      <c r="AD18625">
        <v>12</v>
      </c>
      <c r="AE18625">
        <v>13</v>
      </c>
      <c r="AF18625">
        <v>13</v>
      </c>
      <c r="AG18625">
        <v>13</v>
      </c>
      <c r="AH18625">
        <v>14</v>
      </c>
      <c r="AI18625">
        <v>14</v>
      </c>
      <c r="AJ18625">
        <v>14</v>
      </c>
      <c r="AK18625">
        <v>15</v>
      </c>
      <c r="AL18625">
        <v>15</v>
      </c>
      <c r="AM18625">
        <v>15</v>
      </c>
      <c r="AN18625">
        <v>15</v>
      </c>
      <c r="AO18625">
        <v>15</v>
      </c>
      <c r="AP18625">
        <v>16</v>
      </c>
      <c r="AQ18625">
        <v>16</v>
      </c>
    </row>
    <row r="18626" spans="1:43">
      <c r="A18626" t="s">
        <v>11540</v>
      </c>
      <c r="B18626" t="s">
        <v>11541</v>
      </c>
      <c r="C18626" t="s">
        <v>11526</v>
      </c>
      <c r="D18626" t="s">
        <v>11527</v>
      </c>
      <c r="E18626" t="s">
        <v>11206</v>
      </c>
      <c r="F18626" t="s">
        <v>11207</v>
      </c>
      <c r="G18626" t="s">
        <v>10734</v>
      </c>
      <c r="H18626" t="s">
        <v>10735</v>
      </c>
      <c r="I18626" s="2">
        <v>0</v>
      </c>
      <c r="J18626" s="2">
        <v>0</v>
      </c>
      <c r="K18626" s="2">
        <v>1</v>
      </c>
      <c r="L18626" t="s">
        <v>995</v>
      </c>
      <c r="M18626" t="s">
        <v>83</v>
      </c>
      <c r="N18626" t="s">
        <v>84</v>
      </c>
      <c r="O18626" t="s">
        <v>85</v>
      </c>
      <c r="P18626" t="s">
        <v>86</v>
      </c>
      <c r="Q18626">
        <v>9</v>
      </c>
      <c r="R18626">
        <v>9</v>
      </c>
      <c r="S18626">
        <v>9</v>
      </c>
      <c r="T18626">
        <v>10</v>
      </c>
      <c r="U18626">
        <v>10</v>
      </c>
      <c r="V18626">
        <v>10</v>
      </c>
      <c r="W18626">
        <v>10</v>
      </c>
      <c r="X18626">
        <v>11</v>
      </c>
      <c r="Y18626">
        <v>11</v>
      </c>
      <c r="Z18626">
        <v>11</v>
      </c>
      <c r="AA18626">
        <v>12</v>
      </c>
      <c r="AB18626">
        <v>12</v>
      </c>
      <c r="AC18626">
        <v>12</v>
      </c>
      <c r="AD18626">
        <v>12</v>
      </c>
      <c r="AE18626">
        <v>13</v>
      </c>
      <c r="AF18626">
        <v>13</v>
      </c>
      <c r="AG18626">
        <v>13</v>
      </c>
      <c r="AH18626">
        <v>14</v>
      </c>
      <c r="AI18626">
        <v>14</v>
      </c>
      <c r="AJ18626">
        <v>14</v>
      </c>
      <c r="AK18626">
        <v>15</v>
      </c>
      <c r="AL18626">
        <v>15</v>
      </c>
      <c r="AM18626">
        <v>15</v>
      </c>
      <c r="AN18626">
        <v>15</v>
      </c>
      <c r="AO18626">
        <v>15</v>
      </c>
      <c r="AP18626">
        <v>16</v>
      </c>
      <c r="AQ18626">
        <v>16</v>
      </c>
    </row>
    <row r="18627" spans="1:43">
      <c r="A18627" t="s">
        <v>11540</v>
      </c>
      <c r="B18627" t="s">
        <v>11541</v>
      </c>
      <c r="C18627" t="s">
        <v>11526</v>
      </c>
      <c r="D18627" t="s">
        <v>11527</v>
      </c>
      <c r="E18627" t="s">
        <v>11206</v>
      </c>
      <c r="F18627" t="s">
        <v>11207</v>
      </c>
      <c r="G18627" t="s">
        <v>10734</v>
      </c>
      <c r="H18627" t="s">
        <v>10735</v>
      </c>
      <c r="I18627" s="2">
        <v>0</v>
      </c>
      <c r="J18627" s="2">
        <v>0</v>
      </c>
      <c r="K18627" s="2">
        <v>1</v>
      </c>
      <c r="L18627" t="s">
        <v>995</v>
      </c>
      <c r="M18627" t="s">
        <v>87</v>
      </c>
      <c r="N18627" t="s">
        <v>88</v>
      </c>
      <c r="O18627" t="s">
        <v>85</v>
      </c>
      <c r="P18627" t="s">
        <v>86</v>
      </c>
      <c r="Q18627">
        <v>9</v>
      </c>
      <c r="R18627">
        <v>9</v>
      </c>
      <c r="S18627">
        <v>9</v>
      </c>
      <c r="T18627">
        <v>9</v>
      </c>
      <c r="U18627">
        <v>9</v>
      </c>
      <c r="V18627">
        <v>10</v>
      </c>
      <c r="W18627">
        <v>10</v>
      </c>
      <c r="X18627">
        <v>10</v>
      </c>
      <c r="Y18627">
        <v>10</v>
      </c>
      <c r="Z18627">
        <v>10</v>
      </c>
      <c r="AA18627">
        <v>10</v>
      </c>
      <c r="AB18627">
        <v>11</v>
      </c>
      <c r="AC18627">
        <v>11</v>
      </c>
      <c r="AD18627">
        <v>11</v>
      </c>
      <c r="AE18627">
        <v>11</v>
      </c>
      <c r="AF18627">
        <v>11</v>
      </c>
      <c r="AG18627">
        <v>12</v>
      </c>
      <c r="AH18627">
        <v>12</v>
      </c>
      <c r="AI18627">
        <v>12</v>
      </c>
      <c r="AJ18627">
        <v>12</v>
      </c>
      <c r="AK18627">
        <v>12</v>
      </c>
      <c r="AL18627">
        <v>13</v>
      </c>
      <c r="AM18627">
        <v>13</v>
      </c>
      <c r="AN18627">
        <v>13</v>
      </c>
      <c r="AO18627">
        <v>13</v>
      </c>
      <c r="AP18627">
        <v>14</v>
      </c>
      <c r="AQ18627">
        <v>14</v>
      </c>
    </row>
    <row r="18628" spans="1:43">
      <c r="A18628" t="s">
        <v>11540</v>
      </c>
      <c r="B18628" t="s">
        <v>11541</v>
      </c>
      <c r="C18628" t="s">
        <v>11526</v>
      </c>
      <c r="D18628" t="s">
        <v>11527</v>
      </c>
      <c r="E18628" t="s">
        <v>11206</v>
      </c>
      <c r="F18628" t="s">
        <v>11207</v>
      </c>
      <c r="G18628" t="s">
        <v>10734</v>
      </c>
      <c r="H18628" t="s">
        <v>10735</v>
      </c>
      <c r="I18628" s="2">
        <v>0</v>
      </c>
      <c r="J18628" s="2">
        <v>0</v>
      </c>
      <c r="K18628" s="2">
        <v>1</v>
      </c>
      <c r="L18628" t="s">
        <v>995</v>
      </c>
      <c r="M18628" t="s">
        <v>89</v>
      </c>
      <c r="N18628" t="s">
        <v>90</v>
      </c>
      <c r="O18628" t="s">
        <v>85</v>
      </c>
      <c r="P18628" t="s">
        <v>86</v>
      </c>
      <c r="Q18628">
        <v>9</v>
      </c>
      <c r="R18628">
        <v>9</v>
      </c>
      <c r="S18628">
        <v>10</v>
      </c>
      <c r="T18628">
        <v>10</v>
      </c>
      <c r="U18628">
        <v>10</v>
      </c>
      <c r="V18628">
        <v>11</v>
      </c>
      <c r="W18628">
        <v>11</v>
      </c>
      <c r="X18628">
        <v>11</v>
      </c>
      <c r="Y18628">
        <v>12</v>
      </c>
      <c r="Z18628">
        <v>12</v>
      </c>
      <c r="AA18628">
        <v>12</v>
      </c>
      <c r="AB18628">
        <v>13</v>
      </c>
      <c r="AC18628">
        <v>13</v>
      </c>
      <c r="AD18628">
        <v>13</v>
      </c>
      <c r="AE18628">
        <v>14</v>
      </c>
      <c r="AF18628">
        <v>14</v>
      </c>
      <c r="AG18628">
        <v>14</v>
      </c>
      <c r="AH18628">
        <v>14</v>
      </c>
      <c r="AI18628">
        <v>14</v>
      </c>
      <c r="AJ18628">
        <v>15</v>
      </c>
      <c r="AK18628">
        <v>15</v>
      </c>
      <c r="AL18628">
        <v>15</v>
      </c>
      <c r="AM18628">
        <v>15</v>
      </c>
      <c r="AN18628">
        <v>15</v>
      </c>
      <c r="AO18628">
        <v>16</v>
      </c>
      <c r="AP18628">
        <v>16</v>
      </c>
      <c r="AQ18628">
        <v>16</v>
      </c>
    </row>
    <row r="18629" spans="1:43">
      <c r="A18629" t="s">
        <v>11540</v>
      </c>
      <c r="B18629" t="s">
        <v>11541</v>
      </c>
      <c r="C18629" t="s">
        <v>11526</v>
      </c>
      <c r="D18629" t="s">
        <v>11527</v>
      </c>
      <c r="E18629" t="s">
        <v>11206</v>
      </c>
      <c r="F18629" t="s">
        <v>11207</v>
      </c>
      <c r="G18629" t="s">
        <v>10734</v>
      </c>
      <c r="H18629" t="s">
        <v>10735</v>
      </c>
      <c r="I18629" s="2">
        <v>0</v>
      </c>
      <c r="J18629" s="2">
        <v>0</v>
      </c>
      <c r="K18629" s="2">
        <v>1</v>
      </c>
      <c r="L18629" t="s">
        <v>995</v>
      </c>
      <c r="M18629" t="s">
        <v>83</v>
      </c>
      <c r="N18629" t="s">
        <v>91</v>
      </c>
      <c r="O18629" t="s">
        <v>85</v>
      </c>
      <c r="P18629" t="s">
        <v>86</v>
      </c>
      <c r="Q18629">
        <v>9</v>
      </c>
      <c r="R18629">
        <v>9</v>
      </c>
      <c r="S18629">
        <v>9</v>
      </c>
      <c r="T18629">
        <v>10</v>
      </c>
      <c r="U18629">
        <v>10</v>
      </c>
      <c r="V18629">
        <v>10</v>
      </c>
      <c r="W18629">
        <v>10</v>
      </c>
      <c r="X18629">
        <v>11</v>
      </c>
      <c r="Y18629">
        <v>11</v>
      </c>
      <c r="Z18629">
        <v>11</v>
      </c>
      <c r="AA18629">
        <v>12</v>
      </c>
      <c r="AB18629">
        <v>12</v>
      </c>
      <c r="AC18629">
        <v>12</v>
      </c>
      <c r="AD18629">
        <v>12</v>
      </c>
      <c r="AE18629">
        <v>13</v>
      </c>
      <c r="AF18629">
        <v>13</v>
      </c>
      <c r="AG18629">
        <v>13</v>
      </c>
      <c r="AH18629">
        <v>14</v>
      </c>
      <c r="AI18629">
        <v>14</v>
      </c>
      <c r="AJ18629">
        <v>14</v>
      </c>
      <c r="AK18629">
        <v>15</v>
      </c>
      <c r="AL18629">
        <v>15</v>
      </c>
      <c r="AM18629">
        <v>15</v>
      </c>
      <c r="AN18629">
        <v>15</v>
      </c>
      <c r="AO18629">
        <v>15</v>
      </c>
      <c r="AP18629">
        <v>16</v>
      </c>
      <c r="AQ18629">
        <v>16</v>
      </c>
    </row>
    <row r="18630" spans="1:43">
      <c r="A18630" t="s">
        <v>11542</v>
      </c>
      <c r="B18630" t="s">
        <v>11543</v>
      </c>
      <c r="C18630" t="s">
        <v>11526</v>
      </c>
      <c r="D18630" t="s">
        <v>11527</v>
      </c>
      <c r="E18630" t="s">
        <v>11206</v>
      </c>
      <c r="F18630" t="s">
        <v>11207</v>
      </c>
      <c r="G18630" t="s">
        <v>10734</v>
      </c>
      <c r="H18630" t="s">
        <v>10735</v>
      </c>
      <c r="I18630" s="2">
        <v>0</v>
      </c>
      <c r="J18630" s="2">
        <v>0</v>
      </c>
      <c r="K18630" s="2">
        <v>1</v>
      </c>
      <c r="L18630" t="s">
        <v>995</v>
      </c>
      <c r="M18630" t="s">
        <v>83</v>
      </c>
      <c r="N18630" t="s">
        <v>84</v>
      </c>
      <c r="O18630" t="s">
        <v>85</v>
      </c>
      <c r="P18630" t="s">
        <v>86</v>
      </c>
      <c r="Q18630">
        <v>59</v>
      </c>
      <c r="R18630">
        <v>61</v>
      </c>
      <c r="S18630">
        <v>63</v>
      </c>
      <c r="T18630">
        <v>64</v>
      </c>
      <c r="U18630">
        <v>66</v>
      </c>
      <c r="V18630">
        <v>68</v>
      </c>
      <c r="W18630">
        <v>69</v>
      </c>
      <c r="X18630">
        <v>71</v>
      </c>
      <c r="Y18630">
        <v>73</v>
      </c>
      <c r="Z18630">
        <v>75</v>
      </c>
      <c r="AA18630">
        <v>76</v>
      </c>
      <c r="AB18630">
        <v>78</v>
      </c>
      <c r="AC18630">
        <v>80</v>
      </c>
      <c r="AD18630">
        <v>82</v>
      </c>
      <c r="AE18630">
        <v>84</v>
      </c>
      <c r="AF18630">
        <v>86</v>
      </c>
      <c r="AG18630">
        <v>88</v>
      </c>
      <c r="AH18630">
        <v>90</v>
      </c>
      <c r="AI18630">
        <v>92</v>
      </c>
      <c r="AJ18630">
        <v>94</v>
      </c>
      <c r="AK18630">
        <v>96</v>
      </c>
      <c r="AL18630">
        <v>98</v>
      </c>
      <c r="AM18630">
        <v>99</v>
      </c>
      <c r="AN18630">
        <v>101</v>
      </c>
      <c r="AO18630">
        <v>102</v>
      </c>
      <c r="AP18630">
        <v>104</v>
      </c>
      <c r="AQ18630">
        <v>105</v>
      </c>
    </row>
    <row r="18631" spans="1:43">
      <c r="A18631" t="s">
        <v>11542</v>
      </c>
      <c r="B18631" t="s">
        <v>11543</v>
      </c>
      <c r="C18631" t="s">
        <v>11526</v>
      </c>
      <c r="D18631" t="s">
        <v>11527</v>
      </c>
      <c r="E18631" t="s">
        <v>11206</v>
      </c>
      <c r="F18631" t="s">
        <v>11207</v>
      </c>
      <c r="G18631" t="s">
        <v>10734</v>
      </c>
      <c r="H18631" t="s">
        <v>10735</v>
      </c>
      <c r="I18631" s="2">
        <v>0</v>
      </c>
      <c r="J18631" s="2">
        <v>0</v>
      </c>
      <c r="K18631" s="2">
        <v>1</v>
      </c>
      <c r="L18631" t="s">
        <v>995</v>
      </c>
      <c r="M18631" t="s">
        <v>87</v>
      </c>
      <c r="N18631" t="s">
        <v>88</v>
      </c>
      <c r="O18631" t="s">
        <v>85</v>
      </c>
      <c r="P18631" t="s">
        <v>86</v>
      </c>
      <c r="Q18631">
        <v>59</v>
      </c>
      <c r="R18631">
        <v>60</v>
      </c>
      <c r="S18631">
        <v>61</v>
      </c>
      <c r="T18631">
        <v>62</v>
      </c>
      <c r="U18631">
        <v>63</v>
      </c>
      <c r="V18631">
        <v>64</v>
      </c>
      <c r="W18631">
        <v>65</v>
      </c>
      <c r="X18631">
        <v>66</v>
      </c>
      <c r="Y18631">
        <v>67</v>
      </c>
      <c r="Z18631">
        <v>68</v>
      </c>
      <c r="AA18631">
        <v>70</v>
      </c>
      <c r="AB18631">
        <v>71</v>
      </c>
      <c r="AC18631">
        <v>72</v>
      </c>
      <c r="AD18631">
        <v>73</v>
      </c>
      <c r="AE18631">
        <v>74</v>
      </c>
      <c r="AF18631">
        <v>76</v>
      </c>
      <c r="AG18631">
        <v>77</v>
      </c>
      <c r="AH18631">
        <v>78</v>
      </c>
      <c r="AI18631">
        <v>80</v>
      </c>
      <c r="AJ18631">
        <v>81</v>
      </c>
      <c r="AK18631">
        <v>82</v>
      </c>
      <c r="AL18631">
        <v>84</v>
      </c>
      <c r="AM18631">
        <v>85</v>
      </c>
      <c r="AN18631">
        <v>87</v>
      </c>
      <c r="AO18631">
        <v>88</v>
      </c>
      <c r="AP18631">
        <v>90</v>
      </c>
      <c r="AQ18631">
        <v>91</v>
      </c>
    </row>
    <row r="18632" spans="1:43">
      <c r="A18632" t="s">
        <v>11542</v>
      </c>
      <c r="B18632" t="s">
        <v>11543</v>
      </c>
      <c r="C18632" t="s">
        <v>11526</v>
      </c>
      <c r="D18632" t="s">
        <v>11527</v>
      </c>
      <c r="E18632" t="s">
        <v>11206</v>
      </c>
      <c r="F18632" t="s">
        <v>11207</v>
      </c>
      <c r="G18632" t="s">
        <v>10734</v>
      </c>
      <c r="H18632" t="s">
        <v>10735</v>
      </c>
      <c r="I18632" s="2">
        <v>0</v>
      </c>
      <c r="J18632" s="2">
        <v>0</v>
      </c>
      <c r="K18632" s="2">
        <v>1</v>
      </c>
      <c r="L18632" t="s">
        <v>995</v>
      </c>
      <c r="M18632" t="s">
        <v>89</v>
      </c>
      <c r="N18632" t="s">
        <v>90</v>
      </c>
      <c r="O18632" t="s">
        <v>85</v>
      </c>
      <c r="P18632" t="s">
        <v>86</v>
      </c>
      <c r="Q18632">
        <v>59</v>
      </c>
      <c r="R18632">
        <v>61</v>
      </c>
      <c r="S18632">
        <v>63</v>
      </c>
      <c r="T18632">
        <v>65</v>
      </c>
      <c r="U18632">
        <v>68</v>
      </c>
      <c r="V18632">
        <v>70</v>
      </c>
      <c r="W18632">
        <v>72</v>
      </c>
      <c r="X18632">
        <v>74</v>
      </c>
      <c r="Y18632">
        <v>76</v>
      </c>
      <c r="Z18632">
        <v>78</v>
      </c>
      <c r="AA18632">
        <v>80</v>
      </c>
      <c r="AB18632">
        <v>82</v>
      </c>
      <c r="AC18632">
        <v>85</v>
      </c>
      <c r="AD18632">
        <v>87</v>
      </c>
      <c r="AE18632">
        <v>89</v>
      </c>
      <c r="AF18632">
        <v>90</v>
      </c>
      <c r="AG18632">
        <v>91</v>
      </c>
      <c r="AH18632">
        <v>93</v>
      </c>
      <c r="AI18632">
        <v>94</v>
      </c>
      <c r="AJ18632">
        <v>95</v>
      </c>
      <c r="AK18632">
        <v>97</v>
      </c>
      <c r="AL18632">
        <v>98</v>
      </c>
      <c r="AM18632">
        <v>100</v>
      </c>
      <c r="AN18632">
        <v>101</v>
      </c>
      <c r="AO18632">
        <v>102</v>
      </c>
      <c r="AP18632">
        <v>104</v>
      </c>
      <c r="AQ18632">
        <v>105</v>
      </c>
    </row>
    <row r="18633" spans="1:43">
      <c r="A18633" t="s">
        <v>11542</v>
      </c>
      <c r="B18633" t="s">
        <v>11543</v>
      </c>
      <c r="C18633" t="s">
        <v>11526</v>
      </c>
      <c r="D18633" t="s">
        <v>11527</v>
      </c>
      <c r="E18633" t="s">
        <v>11206</v>
      </c>
      <c r="F18633" t="s">
        <v>11207</v>
      </c>
      <c r="G18633" t="s">
        <v>10734</v>
      </c>
      <c r="H18633" t="s">
        <v>10735</v>
      </c>
      <c r="I18633" s="2">
        <v>0</v>
      </c>
      <c r="J18633" s="2">
        <v>0</v>
      </c>
      <c r="K18633" s="2">
        <v>1</v>
      </c>
      <c r="L18633" t="s">
        <v>995</v>
      </c>
      <c r="M18633" t="s">
        <v>83</v>
      </c>
      <c r="N18633" t="s">
        <v>91</v>
      </c>
      <c r="O18633" t="s">
        <v>85</v>
      </c>
      <c r="P18633" t="s">
        <v>86</v>
      </c>
      <c r="Q18633">
        <v>59</v>
      </c>
      <c r="R18633">
        <v>61</v>
      </c>
      <c r="S18633">
        <v>63</v>
      </c>
      <c r="T18633">
        <v>64</v>
      </c>
      <c r="U18633">
        <v>66</v>
      </c>
      <c r="V18633">
        <v>68</v>
      </c>
      <c r="W18633">
        <v>69</v>
      </c>
      <c r="X18633">
        <v>71</v>
      </c>
      <c r="Y18633">
        <v>73</v>
      </c>
      <c r="Z18633">
        <v>75</v>
      </c>
      <c r="AA18633">
        <v>76</v>
      </c>
      <c r="AB18633">
        <v>78</v>
      </c>
      <c r="AC18633">
        <v>80</v>
      </c>
      <c r="AD18633">
        <v>82</v>
      </c>
      <c r="AE18633">
        <v>84</v>
      </c>
      <c r="AF18633">
        <v>86</v>
      </c>
      <c r="AG18633">
        <v>88</v>
      </c>
      <c r="AH18633">
        <v>90</v>
      </c>
      <c r="AI18633">
        <v>92</v>
      </c>
      <c r="AJ18633">
        <v>94</v>
      </c>
      <c r="AK18633">
        <v>96</v>
      </c>
      <c r="AL18633">
        <v>98</v>
      </c>
      <c r="AM18633">
        <v>99</v>
      </c>
      <c r="AN18633">
        <v>101</v>
      </c>
      <c r="AO18633">
        <v>102</v>
      </c>
      <c r="AP18633">
        <v>104</v>
      </c>
      <c r="AQ18633">
        <v>105</v>
      </c>
    </row>
    <row r="18634" spans="1:43">
      <c r="A18634" t="s">
        <v>11544</v>
      </c>
      <c r="B18634" t="s">
        <v>11545</v>
      </c>
      <c r="C18634" t="s">
        <v>11526</v>
      </c>
      <c r="D18634" t="s">
        <v>11527</v>
      </c>
      <c r="E18634" t="s">
        <v>11206</v>
      </c>
      <c r="F18634" t="s">
        <v>11207</v>
      </c>
      <c r="G18634" t="s">
        <v>10734</v>
      </c>
      <c r="H18634" t="s">
        <v>10735</v>
      </c>
      <c r="I18634" s="2">
        <v>0</v>
      </c>
      <c r="J18634" s="2">
        <v>0</v>
      </c>
      <c r="K18634" s="2">
        <v>1</v>
      </c>
      <c r="L18634" t="s">
        <v>995</v>
      </c>
      <c r="M18634" t="s">
        <v>83</v>
      </c>
      <c r="N18634" t="s">
        <v>84</v>
      </c>
      <c r="O18634" t="s">
        <v>85</v>
      </c>
      <c r="P18634" t="s">
        <v>86</v>
      </c>
      <c r="Q18634">
        <v>20</v>
      </c>
      <c r="R18634">
        <v>20</v>
      </c>
      <c r="S18634">
        <v>21</v>
      </c>
      <c r="T18634">
        <v>21</v>
      </c>
      <c r="U18634">
        <v>22</v>
      </c>
      <c r="V18634">
        <v>23</v>
      </c>
      <c r="W18634">
        <v>23</v>
      </c>
      <c r="X18634">
        <v>24</v>
      </c>
      <c r="Y18634">
        <v>24</v>
      </c>
      <c r="Z18634">
        <v>25</v>
      </c>
      <c r="AA18634">
        <v>25</v>
      </c>
      <c r="AB18634">
        <v>26</v>
      </c>
      <c r="AC18634">
        <v>27</v>
      </c>
      <c r="AD18634">
        <v>27</v>
      </c>
      <c r="AE18634">
        <v>28</v>
      </c>
      <c r="AF18634">
        <v>29</v>
      </c>
      <c r="AG18634">
        <v>29</v>
      </c>
      <c r="AH18634">
        <v>30</v>
      </c>
      <c r="AI18634">
        <v>31</v>
      </c>
      <c r="AJ18634">
        <v>31</v>
      </c>
      <c r="AK18634">
        <v>32</v>
      </c>
      <c r="AL18634">
        <v>33</v>
      </c>
      <c r="AM18634">
        <v>33</v>
      </c>
      <c r="AN18634">
        <v>34</v>
      </c>
      <c r="AO18634">
        <v>34</v>
      </c>
      <c r="AP18634">
        <v>35</v>
      </c>
      <c r="AQ18634">
        <v>35</v>
      </c>
    </row>
    <row r="18635" spans="1:43">
      <c r="A18635" t="s">
        <v>11544</v>
      </c>
      <c r="B18635" t="s">
        <v>11545</v>
      </c>
      <c r="C18635" t="s">
        <v>11526</v>
      </c>
      <c r="D18635" t="s">
        <v>11527</v>
      </c>
      <c r="E18635" t="s">
        <v>11206</v>
      </c>
      <c r="F18635" t="s">
        <v>11207</v>
      </c>
      <c r="G18635" t="s">
        <v>10734</v>
      </c>
      <c r="H18635" t="s">
        <v>10735</v>
      </c>
      <c r="I18635" s="2">
        <v>0</v>
      </c>
      <c r="J18635" s="2">
        <v>0</v>
      </c>
      <c r="K18635" s="2">
        <v>1</v>
      </c>
      <c r="L18635" t="s">
        <v>995</v>
      </c>
      <c r="M18635" t="s">
        <v>87</v>
      </c>
      <c r="N18635" t="s">
        <v>88</v>
      </c>
      <c r="O18635" t="s">
        <v>85</v>
      </c>
      <c r="P18635" t="s">
        <v>86</v>
      </c>
      <c r="Q18635">
        <v>20</v>
      </c>
      <c r="R18635">
        <v>20</v>
      </c>
      <c r="S18635">
        <v>20</v>
      </c>
      <c r="T18635">
        <v>21</v>
      </c>
      <c r="U18635">
        <v>21</v>
      </c>
      <c r="V18635">
        <v>21</v>
      </c>
      <c r="W18635">
        <v>22</v>
      </c>
      <c r="X18635">
        <v>22</v>
      </c>
      <c r="Y18635">
        <v>22</v>
      </c>
      <c r="Z18635">
        <v>23</v>
      </c>
      <c r="AA18635">
        <v>23</v>
      </c>
      <c r="AB18635">
        <v>24</v>
      </c>
      <c r="AC18635">
        <v>24</v>
      </c>
      <c r="AD18635">
        <v>24</v>
      </c>
      <c r="AE18635">
        <v>25</v>
      </c>
      <c r="AF18635">
        <v>25</v>
      </c>
      <c r="AG18635">
        <v>26</v>
      </c>
      <c r="AH18635">
        <v>26</v>
      </c>
      <c r="AI18635">
        <v>27</v>
      </c>
      <c r="AJ18635">
        <v>27</v>
      </c>
      <c r="AK18635">
        <v>27</v>
      </c>
      <c r="AL18635">
        <v>28</v>
      </c>
      <c r="AM18635">
        <v>28</v>
      </c>
      <c r="AN18635">
        <v>29</v>
      </c>
      <c r="AO18635">
        <v>29</v>
      </c>
      <c r="AP18635">
        <v>30</v>
      </c>
      <c r="AQ18635">
        <v>30</v>
      </c>
    </row>
    <row r="18636" spans="1:43">
      <c r="A18636" t="s">
        <v>11544</v>
      </c>
      <c r="B18636" t="s">
        <v>11545</v>
      </c>
      <c r="C18636" t="s">
        <v>11526</v>
      </c>
      <c r="D18636" t="s">
        <v>11527</v>
      </c>
      <c r="E18636" t="s">
        <v>11206</v>
      </c>
      <c r="F18636" t="s">
        <v>11207</v>
      </c>
      <c r="G18636" t="s">
        <v>10734</v>
      </c>
      <c r="H18636" t="s">
        <v>10735</v>
      </c>
      <c r="I18636" s="2">
        <v>0</v>
      </c>
      <c r="J18636" s="2">
        <v>0</v>
      </c>
      <c r="K18636" s="2">
        <v>1</v>
      </c>
      <c r="L18636" t="s">
        <v>995</v>
      </c>
      <c r="M18636" t="s">
        <v>89</v>
      </c>
      <c r="N18636" t="s">
        <v>90</v>
      </c>
      <c r="O18636" t="s">
        <v>85</v>
      </c>
      <c r="P18636" t="s">
        <v>86</v>
      </c>
      <c r="Q18636">
        <v>20</v>
      </c>
      <c r="R18636">
        <v>21</v>
      </c>
      <c r="S18636">
        <v>21</v>
      </c>
      <c r="T18636">
        <v>22</v>
      </c>
      <c r="U18636">
        <v>23</v>
      </c>
      <c r="V18636">
        <v>24</v>
      </c>
      <c r="W18636">
        <v>24</v>
      </c>
      <c r="X18636">
        <v>25</v>
      </c>
      <c r="Y18636">
        <v>26</v>
      </c>
      <c r="Z18636">
        <v>26</v>
      </c>
      <c r="AA18636">
        <v>27</v>
      </c>
      <c r="AB18636">
        <v>28</v>
      </c>
      <c r="AC18636">
        <v>29</v>
      </c>
      <c r="AD18636">
        <v>29</v>
      </c>
      <c r="AE18636">
        <v>30</v>
      </c>
      <c r="AF18636">
        <v>30</v>
      </c>
      <c r="AG18636">
        <v>31</v>
      </c>
      <c r="AH18636">
        <v>31</v>
      </c>
      <c r="AI18636">
        <v>32</v>
      </c>
      <c r="AJ18636">
        <v>32</v>
      </c>
      <c r="AK18636">
        <v>33</v>
      </c>
      <c r="AL18636">
        <v>33</v>
      </c>
      <c r="AM18636">
        <v>34</v>
      </c>
      <c r="AN18636">
        <v>34</v>
      </c>
      <c r="AO18636">
        <v>34</v>
      </c>
      <c r="AP18636">
        <v>35</v>
      </c>
      <c r="AQ18636">
        <v>35</v>
      </c>
    </row>
    <row r="18637" spans="1:43">
      <c r="A18637" t="s">
        <v>11544</v>
      </c>
      <c r="B18637" t="s">
        <v>11545</v>
      </c>
      <c r="C18637" t="s">
        <v>11526</v>
      </c>
      <c r="D18637" t="s">
        <v>11527</v>
      </c>
      <c r="E18637" t="s">
        <v>11206</v>
      </c>
      <c r="F18637" t="s">
        <v>11207</v>
      </c>
      <c r="G18637" t="s">
        <v>10734</v>
      </c>
      <c r="H18637" t="s">
        <v>10735</v>
      </c>
      <c r="I18637" s="2">
        <v>0</v>
      </c>
      <c r="J18637" s="2">
        <v>0</v>
      </c>
      <c r="K18637" s="2">
        <v>1</v>
      </c>
      <c r="L18637" t="s">
        <v>995</v>
      </c>
      <c r="M18637" t="s">
        <v>83</v>
      </c>
      <c r="N18637" t="s">
        <v>91</v>
      </c>
      <c r="O18637" t="s">
        <v>85</v>
      </c>
      <c r="P18637" t="s">
        <v>86</v>
      </c>
      <c r="Q18637">
        <v>20</v>
      </c>
      <c r="R18637">
        <v>20</v>
      </c>
      <c r="S18637">
        <v>21</v>
      </c>
      <c r="T18637">
        <v>21</v>
      </c>
      <c r="U18637">
        <v>22</v>
      </c>
      <c r="V18637">
        <v>23</v>
      </c>
      <c r="W18637">
        <v>23</v>
      </c>
      <c r="X18637">
        <v>24</v>
      </c>
      <c r="Y18637">
        <v>24</v>
      </c>
      <c r="Z18637">
        <v>25</v>
      </c>
      <c r="AA18637">
        <v>25</v>
      </c>
      <c r="AB18637">
        <v>26</v>
      </c>
      <c r="AC18637">
        <v>27</v>
      </c>
      <c r="AD18637">
        <v>27</v>
      </c>
      <c r="AE18637">
        <v>28</v>
      </c>
      <c r="AF18637">
        <v>29</v>
      </c>
      <c r="AG18637">
        <v>29</v>
      </c>
      <c r="AH18637">
        <v>30</v>
      </c>
      <c r="AI18637">
        <v>31</v>
      </c>
      <c r="AJ18637">
        <v>31</v>
      </c>
      <c r="AK18637">
        <v>32</v>
      </c>
      <c r="AL18637">
        <v>33</v>
      </c>
      <c r="AM18637">
        <v>33</v>
      </c>
      <c r="AN18637">
        <v>34</v>
      </c>
      <c r="AO18637">
        <v>34</v>
      </c>
      <c r="AP18637">
        <v>35</v>
      </c>
      <c r="AQ18637">
        <v>35</v>
      </c>
    </row>
    <row r="18638" spans="1:43">
      <c r="A18638" t="s">
        <v>11546</v>
      </c>
      <c r="B18638" t="s">
        <v>11547</v>
      </c>
      <c r="C18638" t="s">
        <v>11548</v>
      </c>
      <c r="D18638" t="s">
        <v>11549</v>
      </c>
      <c r="E18638" t="s">
        <v>11206</v>
      </c>
      <c r="F18638" t="s">
        <v>11207</v>
      </c>
      <c r="G18638" t="s">
        <v>10734</v>
      </c>
      <c r="H18638" t="s">
        <v>10735</v>
      </c>
      <c r="I18638" s="2">
        <v>0</v>
      </c>
      <c r="J18638" s="2">
        <v>0</v>
      </c>
      <c r="K18638" s="2">
        <v>1</v>
      </c>
      <c r="L18638" t="s">
        <v>995</v>
      </c>
      <c r="M18638" t="s">
        <v>83</v>
      </c>
      <c r="N18638" t="s">
        <v>84</v>
      </c>
      <c r="O18638" t="s">
        <v>85</v>
      </c>
      <c r="P18638" t="s">
        <v>86</v>
      </c>
      <c r="Q18638">
        <v>1</v>
      </c>
      <c r="R18638">
        <v>1</v>
      </c>
      <c r="S18638">
        <v>2</v>
      </c>
      <c r="T18638">
        <v>2</v>
      </c>
      <c r="U18638">
        <v>2</v>
      </c>
      <c r="V18638">
        <v>2</v>
      </c>
      <c r="W18638">
        <v>2</v>
      </c>
      <c r="X18638">
        <v>2</v>
      </c>
      <c r="Y18638">
        <v>2</v>
      </c>
      <c r="Z18638">
        <v>2</v>
      </c>
      <c r="AA18638">
        <v>2</v>
      </c>
      <c r="AB18638">
        <v>2</v>
      </c>
      <c r="AC18638">
        <v>2</v>
      </c>
      <c r="AD18638">
        <v>2</v>
      </c>
      <c r="AE18638">
        <v>2</v>
      </c>
      <c r="AF18638">
        <v>2</v>
      </c>
      <c r="AG18638">
        <v>2</v>
      </c>
      <c r="AH18638">
        <v>2</v>
      </c>
      <c r="AI18638">
        <v>2</v>
      </c>
      <c r="AJ18638">
        <v>2</v>
      </c>
      <c r="AK18638">
        <v>2</v>
      </c>
      <c r="AL18638">
        <v>2</v>
      </c>
      <c r="AM18638">
        <v>2</v>
      </c>
      <c r="AN18638">
        <v>2</v>
      </c>
      <c r="AO18638">
        <v>2</v>
      </c>
      <c r="AP18638">
        <v>2</v>
      </c>
      <c r="AQ18638">
        <v>3</v>
      </c>
    </row>
    <row r="18639" spans="1:43">
      <c r="A18639" t="s">
        <v>11546</v>
      </c>
      <c r="B18639" t="s">
        <v>11547</v>
      </c>
      <c r="C18639" t="s">
        <v>11548</v>
      </c>
      <c r="D18639" t="s">
        <v>11549</v>
      </c>
      <c r="E18639" t="s">
        <v>11206</v>
      </c>
      <c r="F18639" t="s">
        <v>11207</v>
      </c>
      <c r="G18639" t="s">
        <v>10734</v>
      </c>
      <c r="H18639" t="s">
        <v>10735</v>
      </c>
      <c r="I18639" s="2">
        <v>0</v>
      </c>
      <c r="J18639" s="2">
        <v>0</v>
      </c>
      <c r="K18639" s="2">
        <v>1</v>
      </c>
      <c r="L18639" t="s">
        <v>995</v>
      </c>
      <c r="M18639" t="s">
        <v>87</v>
      </c>
      <c r="N18639" t="s">
        <v>88</v>
      </c>
      <c r="O18639" t="s">
        <v>85</v>
      </c>
      <c r="P18639" t="s">
        <v>86</v>
      </c>
      <c r="Q18639">
        <v>1</v>
      </c>
      <c r="R18639">
        <v>1</v>
      </c>
      <c r="S18639">
        <v>1</v>
      </c>
      <c r="T18639">
        <v>1</v>
      </c>
      <c r="U18639">
        <v>2</v>
      </c>
      <c r="V18639">
        <v>2</v>
      </c>
      <c r="W18639">
        <v>2</v>
      </c>
      <c r="X18639">
        <v>2</v>
      </c>
      <c r="Y18639">
        <v>2</v>
      </c>
      <c r="Z18639">
        <v>2</v>
      </c>
      <c r="AA18639">
        <v>2</v>
      </c>
      <c r="AB18639">
        <v>2</v>
      </c>
      <c r="AC18639">
        <v>2</v>
      </c>
      <c r="AD18639">
        <v>2</v>
      </c>
      <c r="AE18639">
        <v>2</v>
      </c>
      <c r="AF18639">
        <v>2</v>
      </c>
      <c r="AG18639">
        <v>2</v>
      </c>
      <c r="AH18639">
        <v>2</v>
      </c>
      <c r="AI18639">
        <v>2</v>
      </c>
      <c r="AJ18639">
        <v>2</v>
      </c>
      <c r="AK18639">
        <v>2</v>
      </c>
      <c r="AL18639">
        <v>2</v>
      </c>
      <c r="AM18639">
        <v>2</v>
      </c>
      <c r="AN18639">
        <v>2</v>
      </c>
      <c r="AO18639">
        <v>2</v>
      </c>
      <c r="AP18639">
        <v>2</v>
      </c>
      <c r="AQ18639">
        <v>2</v>
      </c>
    </row>
    <row r="18640" spans="1:43">
      <c r="A18640" t="s">
        <v>11546</v>
      </c>
      <c r="B18640" t="s">
        <v>11547</v>
      </c>
      <c r="C18640" t="s">
        <v>11548</v>
      </c>
      <c r="D18640" t="s">
        <v>11549</v>
      </c>
      <c r="E18640" t="s">
        <v>11206</v>
      </c>
      <c r="F18640" t="s">
        <v>11207</v>
      </c>
      <c r="G18640" t="s">
        <v>10734</v>
      </c>
      <c r="H18640" t="s">
        <v>10735</v>
      </c>
      <c r="I18640" s="2">
        <v>0</v>
      </c>
      <c r="J18640" s="2">
        <v>0</v>
      </c>
      <c r="K18640" s="2">
        <v>1</v>
      </c>
      <c r="L18640" t="s">
        <v>995</v>
      </c>
      <c r="M18640" t="s">
        <v>89</v>
      </c>
      <c r="N18640" t="s">
        <v>90</v>
      </c>
      <c r="O18640" t="s">
        <v>85</v>
      </c>
      <c r="P18640" t="s">
        <v>86</v>
      </c>
      <c r="Q18640">
        <v>1</v>
      </c>
      <c r="R18640">
        <v>1</v>
      </c>
      <c r="S18640">
        <v>2</v>
      </c>
      <c r="T18640">
        <v>2</v>
      </c>
      <c r="U18640">
        <v>2</v>
      </c>
      <c r="V18640">
        <v>2</v>
      </c>
      <c r="W18640">
        <v>2</v>
      </c>
      <c r="X18640">
        <v>2</v>
      </c>
      <c r="Y18640">
        <v>2</v>
      </c>
      <c r="Z18640">
        <v>2</v>
      </c>
      <c r="AA18640">
        <v>2</v>
      </c>
      <c r="AB18640">
        <v>2</v>
      </c>
      <c r="AC18640">
        <v>2</v>
      </c>
      <c r="AD18640">
        <v>2</v>
      </c>
      <c r="AE18640">
        <v>2</v>
      </c>
      <c r="AF18640">
        <v>2</v>
      </c>
      <c r="AG18640">
        <v>2</v>
      </c>
      <c r="AH18640">
        <v>2</v>
      </c>
      <c r="AI18640">
        <v>2</v>
      </c>
      <c r="AJ18640">
        <v>2</v>
      </c>
      <c r="AK18640">
        <v>2</v>
      </c>
      <c r="AL18640">
        <v>2</v>
      </c>
      <c r="AM18640">
        <v>2</v>
      </c>
      <c r="AN18640">
        <v>2</v>
      </c>
      <c r="AO18640">
        <v>2</v>
      </c>
      <c r="AP18640">
        <v>3</v>
      </c>
      <c r="AQ18640">
        <v>3</v>
      </c>
    </row>
    <row r="18641" spans="1:43">
      <c r="A18641" t="s">
        <v>11546</v>
      </c>
      <c r="B18641" t="s">
        <v>11547</v>
      </c>
      <c r="C18641" t="s">
        <v>11548</v>
      </c>
      <c r="D18641" t="s">
        <v>11549</v>
      </c>
      <c r="E18641" t="s">
        <v>11206</v>
      </c>
      <c r="F18641" t="s">
        <v>11207</v>
      </c>
      <c r="G18641" t="s">
        <v>10734</v>
      </c>
      <c r="H18641" t="s">
        <v>10735</v>
      </c>
      <c r="I18641" s="2">
        <v>0</v>
      </c>
      <c r="J18641" s="2">
        <v>0</v>
      </c>
      <c r="K18641" s="2">
        <v>1</v>
      </c>
      <c r="L18641" t="s">
        <v>995</v>
      </c>
      <c r="M18641" t="s">
        <v>83</v>
      </c>
      <c r="N18641" t="s">
        <v>91</v>
      </c>
      <c r="O18641" t="s">
        <v>85</v>
      </c>
      <c r="P18641" t="s">
        <v>86</v>
      </c>
      <c r="Q18641">
        <v>1</v>
      </c>
      <c r="R18641">
        <v>1</v>
      </c>
      <c r="S18641">
        <v>2</v>
      </c>
      <c r="T18641">
        <v>2</v>
      </c>
      <c r="U18641">
        <v>2</v>
      </c>
      <c r="V18641">
        <v>2</v>
      </c>
      <c r="W18641">
        <v>2</v>
      </c>
      <c r="X18641">
        <v>2</v>
      </c>
      <c r="Y18641">
        <v>2</v>
      </c>
      <c r="Z18641">
        <v>2</v>
      </c>
      <c r="AA18641">
        <v>2</v>
      </c>
      <c r="AB18641">
        <v>2</v>
      </c>
      <c r="AC18641">
        <v>2</v>
      </c>
      <c r="AD18641">
        <v>2</v>
      </c>
      <c r="AE18641">
        <v>2</v>
      </c>
      <c r="AF18641">
        <v>2</v>
      </c>
      <c r="AG18641">
        <v>2</v>
      </c>
      <c r="AH18641">
        <v>2</v>
      </c>
      <c r="AI18641">
        <v>2</v>
      </c>
      <c r="AJ18641">
        <v>2</v>
      </c>
      <c r="AK18641">
        <v>2</v>
      </c>
      <c r="AL18641">
        <v>2</v>
      </c>
      <c r="AM18641">
        <v>2</v>
      </c>
      <c r="AN18641">
        <v>2</v>
      </c>
      <c r="AO18641">
        <v>2</v>
      </c>
      <c r="AP18641">
        <v>2</v>
      </c>
      <c r="AQ18641">
        <v>3</v>
      </c>
    </row>
    <row r="18642" spans="1:43">
      <c r="A18642" t="s">
        <v>11550</v>
      </c>
      <c r="B18642" t="s">
        <v>11551</v>
      </c>
      <c r="C18642" t="s">
        <v>11552</v>
      </c>
      <c r="D18642" t="s">
        <v>11553</v>
      </c>
      <c r="E18642" t="s">
        <v>11206</v>
      </c>
      <c r="F18642" t="s">
        <v>11207</v>
      </c>
      <c r="G18642" t="s">
        <v>10734</v>
      </c>
      <c r="H18642" t="s">
        <v>10735</v>
      </c>
      <c r="I18642" s="2">
        <v>0</v>
      </c>
      <c r="J18642" s="2">
        <v>0</v>
      </c>
      <c r="K18642" s="2">
        <v>1</v>
      </c>
      <c r="L18642" t="s">
        <v>995</v>
      </c>
      <c r="M18642" t="s">
        <v>83</v>
      </c>
      <c r="N18642" t="s">
        <v>84</v>
      </c>
      <c r="O18642" t="s">
        <v>85</v>
      </c>
      <c r="P18642" t="s">
        <v>86</v>
      </c>
      <c r="Q18642">
        <v>24</v>
      </c>
      <c r="R18642">
        <v>25</v>
      </c>
      <c r="S18642">
        <v>25</v>
      </c>
      <c r="T18642">
        <v>26</v>
      </c>
      <c r="U18642">
        <v>27</v>
      </c>
      <c r="V18642">
        <v>27</v>
      </c>
      <c r="W18642">
        <v>28</v>
      </c>
      <c r="X18642">
        <v>29</v>
      </c>
      <c r="Y18642">
        <v>29</v>
      </c>
      <c r="Z18642">
        <v>30</v>
      </c>
      <c r="AA18642">
        <v>31</v>
      </c>
      <c r="AB18642">
        <v>32</v>
      </c>
      <c r="AC18642">
        <v>32</v>
      </c>
      <c r="AD18642">
        <v>33</v>
      </c>
      <c r="AE18642">
        <v>34</v>
      </c>
      <c r="AF18642">
        <v>35</v>
      </c>
      <c r="AG18642">
        <v>35</v>
      </c>
      <c r="AH18642">
        <v>36</v>
      </c>
      <c r="AI18642">
        <v>37</v>
      </c>
      <c r="AJ18642">
        <v>38</v>
      </c>
      <c r="AK18642">
        <v>39</v>
      </c>
      <c r="AL18642">
        <v>39</v>
      </c>
      <c r="AM18642">
        <v>40</v>
      </c>
      <c r="AN18642">
        <v>41</v>
      </c>
      <c r="AO18642">
        <v>41</v>
      </c>
      <c r="AP18642">
        <v>42</v>
      </c>
      <c r="AQ18642">
        <v>42</v>
      </c>
    </row>
    <row r="18643" spans="1:43">
      <c r="A18643" t="s">
        <v>11550</v>
      </c>
      <c r="B18643" t="s">
        <v>11551</v>
      </c>
      <c r="C18643" t="s">
        <v>11552</v>
      </c>
      <c r="D18643" t="s">
        <v>11553</v>
      </c>
      <c r="E18643" t="s">
        <v>11206</v>
      </c>
      <c r="F18643" t="s">
        <v>11207</v>
      </c>
      <c r="G18643" t="s">
        <v>10734</v>
      </c>
      <c r="H18643" t="s">
        <v>10735</v>
      </c>
      <c r="I18643" s="2">
        <v>0</v>
      </c>
      <c r="J18643" s="2">
        <v>0</v>
      </c>
      <c r="K18643" s="2">
        <v>1</v>
      </c>
      <c r="L18643" t="s">
        <v>995</v>
      </c>
      <c r="M18643" t="s">
        <v>87</v>
      </c>
      <c r="N18643" t="s">
        <v>88</v>
      </c>
      <c r="O18643" t="s">
        <v>85</v>
      </c>
      <c r="P18643" t="s">
        <v>86</v>
      </c>
      <c r="Q18643">
        <v>24</v>
      </c>
      <c r="R18643">
        <v>24</v>
      </c>
      <c r="S18643">
        <v>25</v>
      </c>
      <c r="T18643">
        <v>25</v>
      </c>
      <c r="U18643">
        <v>25</v>
      </c>
      <c r="V18643">
        <v>26</v>
      </c>
      <c r="W18643">
        <v>26</v>
      </c>
      <c r="X18643">
        <v>27</v>
      </c>
      <c r="Y18643">
        <v>27</v>
      </c>
      <c r="Z18643">
        <v>28</v>
      </c>
      <c r="AA18643">
        <v>28</v>
      </c>
      <c r="AB18643">
        <v>29</v>
      </c>
      <c r="AC18643">
        <v>29</v>
      </c>
      <c r="AD18643">
        <v>30</v>
      </c>
      <c r="AE18643">
        <v>30</v>
      </c>
      <c r="AF18643">
        <v>31</v>
      </c>
      <c r="AG18643">
        <v>31</v>
      </c>
      <c r="AH18643">
        <v>32</v>
      </c>
      <c r="AI18643">
        <v>32</v>
      </c>
      <c r="AJ18643">
        <v>33</v>
      </c>
      <c r="AK18643">
        <v>33</v>
      </c>
      <c r="AL18643">
        <v>34</v>
      </c>
      <c r="AM18643">
        <v>34</v>
      </c>
      <c r="AN18643">
        <v>35</v>
      </c>
      <c r="AO18643">
        <v>36</v>
      </c>
      <c r="AP18643">
        <v>36</v>
      </c>
      <c r="AQ18643">
        <v>37</v>
      </c>
    </row>
    <row r="18644" spans="1:43">
      <c r="A18644" t="s">
        <v>11550</v>
      </c>
      <c r="B18644" t="s">
        <v>11551</v>
      </c>
      <c r="C18644" t="s">
        <v>11552</v>
      </c>
      <c r="D18644" t="s">
        <v>11553</v>
      </c>
      <c r="E18644" t="s">
        <v>11206</v>
      </c>
      <c r="F18644" t="s">
        <v>11207</v>
      </c>
      <c r="G18644" t="s">
        <v>10734</v>
      </c>
      <c r="H18644" t="s">
        <v>10735</v>
      </c>
      <c r="I18644" s="2">
        <v>0</v>
      </c>
      <c r="J18644" s="2">
        <v>0</v>
      </c>
      <c r="K18644" s="2">
        <v>1</v>
      </c>
      <c r="L18644" t="s">
        <v>995</v>
      </c>
      <c r="M18644" t="s">
        <v>89</v>
      </c>
      <c r="N18644" t="s">
        <v>90</v>
      </c>
      <c r="O18644" t="s">
        <v>85</v>
      </c>
      <c r="P18644" t="s">
        <v>86</v>
      </c>
      <c r="Q18644">
        <v>24</v>
      </c>
      <c r="R18644">
        <v>25</v>
      </c>
      <c r="S18644">
        <v>26</v>
      </c>
      <c r="T18644">
        <v>27</v>
      </c>
      <c r="U18644">
        <v>28</v>
      </c>
      <c r="V18644">
        <v>29</v>
      </c>
      <c r="W18644">
        <v>29</v>
      </c>
      <c r="X18644">
        <v>30</v>
      </c>
      <c r="Y18644">
        <v>31</v>
      </c>
      <c r="Z18644">
        <v>32</v>
      </c>
      <c r="AA18644">
        <v>33</v>
      </c>
      <c r="AB18644">
        <v>34</v>
      </c>
      <c r="AC18644">
        <v>35</v>
      </c>
      <c r="AD18644">
        <v>35</v>
      </c>
      <c r="AE18644">
        <v>36</v>
      </c>
      <c r="AF18644">
        <v>37</v>
      </c>
      <c r="AG18644">
        <v>37</v>
      </c>
      <c r="AH18644">
        <v>38</v>
      </c>
      <c r="AI18644">
        <v>38</v>
      </c>
      <c r="AJ18644">
        <v>39</v>
      </c>
      <c r="AK18644">
        <v>39</v>
      </c>
      <c r="AL18644">
        <v>40</v>
      </c>
      <c r="AM18644">
        <v>40</v>
      </c>
      <c r="AN18644">
        <v>41</v>
      </c>
      <c r="AO18644">
        <v>42</v>
      </c>
      <c r="AP18644">
        <v>42</v>
      </c>
      <c r="AQ18644">
        <v>43</v>
      </c>
    </row>
    <row r="18645" spans="1:43">
      <c r="A18645" t="s">
        <v>11550</v>
      </c>
      <c r="B18645" t="s">
        <v>11551</v>
      </c>
      <c r="C18645" t="s">
        <v>11552</v>
      </c>
      <c r="D18645" t="s">
        <v>11553</v>
      </c>
      <c r="E18645" t="s">
        <v>11206</v>
      </c>
      <c r="F18645" t="s">
        <v>11207</v>
      </c>
      <c r="G18645" t="s">
        <v>10734</v>
      </c>
      <c r="H18645" t="s">
        <v>10735</v>
      </c>
      <c r="I18645" s="2">
        <v>0</v>
      </c>
      <c r="J18645" s="2">
        <v>0</v>
      </c>
      <c r="K18645" s="2">
        <v>1</v>
      </c>
      <c r="L18645" t="s">
        <v>995</v>
      </c>
      <c r="M18645" t="s">
        <v>83</v>
      </c>
      <c r="N18645" t="s">
        <v>91</v>
      </c>
      <c r="O18645" t="s">
        <v>85</v>
      </c>
      <c r="P18645" t="s">
        <v>86</v>
      </c>
      <c r="Q18645">
        <v>24</v>
      </c>
      <c r="R18645">
        <v>25</v>
      </c>
      <c r="S18645">
        <v>25</v>
      </c>
      <c r="T18645">
        <v>26</v>
      </c>
      <c r="U18645">
        <v>27</v>
      </c>
      <c r="V18645">
        <v>27</v>
      </c>
      <c r="W18645">
        <v>28</v>
      </c>
      <c r="X18645">
        <v>29</v>
      </c>
      <c r="Y18645">
        <v>29</v>
      </c>
      <c r="Z18645">
        <v>30</v>
      </c>
      <c r="AA18645">
        <v>31</v>
      </c>
      <c r="AB18645">
        <v>32</v>
      </c>
      <c r="AC18645">
        <v>32</v>
      </c>
      <c r="AD18645">
        <v>33</v>
      </c>
      <c r="AE18645">
        <v>34</v>
      </c>
      <c r="AF18645">
        <v>35</v>
      </c>
      <c r="AG18645">
        <v>35</v>
      </c>
      <c r="AH18645">
        <v>36</v>
      </c>
      <c r="AI18645">
        <v>37</v>
      </c>
      <c r="AJ18645">
        <v>38</v>
      </c>
      <c r="AK18645">
        <v>39</v>
      </c>
      <c r="AL18645">
        <v>39</v>
      </c>
      <c r="AM18645">
        <v>40</v>
      </c>
      <c r="AN18645">
        <v>41</v>
      </c>
      <c r="AO18645">
        <v>41</v>
      </c>
      <c r="AP18645">
        <v>42</v>
      </c>
      <c r="AQ18645">
        <v>42</v>
      </c>
    </row>
    <row r="18646" spans="1:43">
      <c r="A18646" t="s">
        <v>11554</v>
      </c>
      <c r="B18646" t="s">
        <v>11555</v>
      </c>
      <c r="C18646" t="s">
        <v>11552</v>
      </c>
      <c r="D18646" t="s">
        <v>11553</v>
      </c>
      <c r="E18646" t="s">
        <v>11206</v>
      </c>
      <c r="F18646" t="s">
        <v>11207</v>
      </c>
      <c r="G18646" t="s">
        <v>10734</v>
      </c>
      <c r="H18646" t="s">
        <v>10735</v>
      </c>
      <c r="I18646" s="2">
        <v>0</v>
      </c>
      <c r="J18646" s="2">
        <v>0</v>
      </c>
      <c r="K18646" s="2">
        <v>1</v>
      </c>
      <c r="L18646" t="s">
        <v>995</v>
      </c>
      <c r="M18646" t="s">
        <v>83</v>
      </c>
      <c r="N18646" t="s">
        <v>84</v>
      </c>
      <c r="O18646" t="s">
        <v>85</v>
      </c>
      <c r="P18646" t="s">
        <v>86</v>
      </c>
      <c r="Q18646">
        <v>24</v>
      </c>
      <c r="R18646">
        <v>25</v>
      </c>
      <c r="S18646">
        <v>26</v>
      </c>
      <c r="T18646">
        <v>27</v>
      </c>
      <c r="U18646">
        <v>27</v>
      </c>
      <c r="V18646">
        <v>28</v>
      </c>
      <c r="W18646">
        <v>29</v>
      </c>
      <c r="X18646">
        <v>29</v>
      </c>
      <c r="Y18646">
        <v>30</v>
      </c>
      <c r="Z18646">
        <v>31</v>
      </c>
      <c r="AA18646">
        <v>32</v>
      </c>
      <c r="AB18646">
        <v>32</v>
      </c>
      <c r="AC18646">
        <v>33</v>
      </c>
      <c r="AD18646">
        <v>34</v>
      </c>
      <c r="AE18646">
        <v>35</v>
      </c>
      <c r="AF18646">
        <v>35</v>
      </c>
      <c r="AG18646">
        <v>36</v>
      </c>
      <c r="AH18646">
        <v>37</v>
      </c>
      <c r="AI18646">
        <v>38</v>
      </c>
      <c r="AJ18646">
        <v>39</v>
      </c>
      <c r="AK18646">
        <v>40</v>
      </c>
      <c r="AL18646">
        <v>40</v>
      </c>
      <c r="AM18646">
        <v>41</v>
      </c>
      <c r="AN18646">
        <v>41</v>
      </c>
      <c r="AO18646">
        <v>42</v>
      </c>
      <c r="AP18646">
        <v>43</v>
      </c>
      <c r="AQ18646">
        <v>43</v>
      </c>
    </row>
    <row r="18647" spans="1:43">
      <c r="A18647" t="s">
        <v>11554</v>
      </c>
      <c r="B18647" t="s">
        <v>11555</v>
      </c>
      <c r="C18647" t="s">
        <v>11552</v>
      </c>
      <c r="D18647" t="s">
        <v>11553</v>
      </c>
      <c r="E18647" t="s">
        <v>11206</v>
      </c>
      <c r="F18647" t="s">
        <v>11207</v>
      </c>
      <c r="G18647" t="s">
        <v>10734</v>
      </c>
      <c r="H18647" t="s">
        <v>10735</v>
      </c>
      <c r="I18647" s="2">
        <v>0</v>
      </c>
      <c r="J18647" s="2">
        <v>0</v>
      </c>
      <c r="K18647" s="2">
        <v>1</v>
      </c>
      <c r="L18647" t="s">
        <v>995</v>
      </c>
      <c r="M18647" t="s">
        <v>87</v>
      </c>
      <c r="N18647" t="s">
        <v>88</v>
      </c>
      <c r="O18647" t="s">
        <v>85</v>
      </c>
      <c r="P18647" t="s">
        <v>86</v>
      </c>
      <c r="Q18647">
        <v>24</v>
      </c>
      <c r="R18647">
        <v>25</v>
      </c>
      <c r="S18647">
        <v>25</v>
      </c>
      <c r="T18647">
        <v>26</v>
      </c>
      <c r="U18647">
        <v>26</v>
      </c>
      <c r="V18647">
        <v>26</v>
      </c>
      <c r="W18647">
        <v>27</v>
      </c>
      <c r="X18647">
        <v>27</v>
      </c>
      <c r="Y18647">
        <v>28</v>
      </c>
      <c r="Z18647">
        <v>28</v>
      </c>
      <c r="AA18647">
        <v>29</v>
      </c>
      <c r="AB18647">
        <v>29</v>
      </c>
      <c r="AC18647">
        <v>30</v>
      </c>
      <c r="AD18647">
        <v>30</v>
      </c>
      <c r="AE18647">
        <v>31</v>
      </c>
      <c r="AF18647">
        <v>31</v>
      </c>
      <c r="AG18647">
        <v>32</v>
      </c>
      <c r="AH18647">
        <v>32</v>
      </c>
      <c r="AI18647">
        <v>33</v>
      </c>
      <c r="AJ18647">
        <v>33</v>
      </c>
      <c r="AK18647">
        <v>34</v>
      </c>
      <c r="AL18647">
        <v>35</v>
      </c>
      <c r="AM18647">
        <v>35</v>
      </c>
      <c r="AN18647">
        <v>36</v>
      </c>
      <c r="AO18647">
        <v>36</v>
      </c>
      <c r="AP18647">
        <v>37</v>
      </c>
      <c r="AQ18647">
        <v>38</v>
      </c>
    </row>
    <row r="18648" spans="1:43">
      <c r="A18648" t="s">
        <v>11554</v>
      </c>
      <c r="B18648" t="s">
        <v>11555</v>
      </c>
      <c r="C18648" t="s">
        <v>11552</v>
      </c>
      <c r="D18648" t="s">
        <v>11553</v>
      </c>
      <c r="E18648" t="s">
        <v>11206</v>
      </c>
      <c r="F18648" t="s">
        <v>11207</v>
      </c>
      <c r="G18648" t="s">
        <v>10734</v>
      </c>
      <c r="H18648" t="s">
        <v>10735</v>
      </c>
      <c r="I18648" s="2">
        <v>0</v>
      </c>
      <c r="J18648" s="2">
        <v>0</v>
      </c>
      <c r="K18648" s="2">
        <v>1</v>
      </c>
      <c r="L18648" t="s">
        <v>995</v>
      </c>
      <c r="M18648" t="s">
        <v>89</v>
      </c>
      <c r="N18648" t="s">
        <v>90</v>
      </c>
      <c r="O18648" t="s">
        <v>85</v>
      </c>
      <c r="P18648" t="s">
        <v>86</v>
      </c>
      <c r="Q18648">
        <v>24</v>
      </c>
      <c r="R18648">
        <v>25</v>
      </c>
      <c r="S18648">
        <v>26</v>
      </c>
      <c r="T18648">
        <v>26</v>
      </c>
      <c r="U18648">
        <v>27</v>
      </c>
      <c r="V18648">
        <v>28</v>
      </c>
      <c r="W18648">
        <v>29</v>
      </c>
      <c r="X18648">
        <v>30</v>
      </c>
      <c r="Y18648">
        <v>31</v>
      </c>
      <c r="Z18648">
        <v>32</v>
      </c>
      <c r="AA18648">
        <v>32</v>
      </c>
      <c r="AB18648">
        <v>33</v>
      </c>
      <c r="AC18648">
        <v>34</v>
      </c>
      <c r="AD18648">
        <v>35</v>
      </c>
      <c r="AE18648">
        <v>36</v>
      </c>
      <c r="AF18648">
        <v>36</v>
      </c>
      <c r="AG18648">
        <v>37</v>
      </c>
      <c r="AH18648">
        <v>38</v>
      </c>
      <c r="AI18648">
        <v>38</v>
      </c>
      <c r="AJ18648">
        <v>39</v>
      </c>
      <c r="AK18648">
        <v>39</v>
      </c>
      <c r="AL18648">
        <v>40</v>
      </c>
      <c r="AM18648">
        <v>40</v>
      </c>
      <c r="AN18648">
        <v>41</v>
      </c>
      <c r="AO18648">
        <v>41</v>
      </c>
      <c r="AP18648">
        <v>42</v>
      </c>
      <c r="AQ18648">
        <v>43</v>
      </c>
    </row>
    <row r="18649" spans="1:43">
      <c r="A18649" t="s">
        <v>11554</v>
      </c>
      <c r="B18649" t="s">
        <v>11555</v>
      </c>
      <c r="C18649" t="s">
        <v>11552</v>
      </c>
      <c r="D18649" t="s">
        <v>11553</v>
      </c>
      <c r="E18649" t="s">
        <v>11206</v>
      </c>
      <c r="F18649" t="s">
        <v>11207</v>
      </c>
      <c r="G18649" t="s">
        <v>10734</v>
      </c>
      <c r="H18649" t="s">
        <v>10735</v>
      </c>
      <c r="I18649" s="2">
        <v>0</v>
      </c>
      <c r="J18649" s="2">
        <v>0</v>
      </c>
      <c r="K18649" s="2">
        <v>1</v>
      </c>
      <c r="L18649" t="s">
        <v>995</v>
      </c>
      <c r="M18649" t="s">
        <v>83</v>
      </c>
      <c r="N18649" t="s">
        <v>91</v>
      </c>
      <c r="O18649" t="s">
        <v>85</v>
      </c>
      <c r="P18649" t="s">
        <v>86</v>
      </c>
      <c r="Q18649">
        <v>24</v>
      </c>
      <c r="R18649">
        <v>25</v>
      </c>
      <c r="S18649">
        <v>26</v>
      </c>
      <c r="T18649">
        <v>27</v>
      </c>
      <c r="U18649">
        <v>27</v>
      </c>
      <c r="V18649">
        <v>28</v>
      </c>
      <c r="W18649">
        <v>29</v>
      </c>
      <c r="X18649">
        <v>29</v>
      </c>
      <c r="Y18649">
        <v>30</v>
      </c>
      <c r="Z18649">
        <v>31</v>
      </c>
      <c r="AA18649">
        <v>32</v>
      </c>
      <c r="AB18649">
        <v>32</v>
      </c>
      <c r="AC18649">
        <v>33</v>
      </c>
      <c r="AD18649">
        <v>34</v>
      </c>
      <c r="AE18649">
        <v>35</v>
      </c>
      <c r="AF18649">
        <v>35</v>
      </c>
      <c r="AG18649">
        <v>36</v>
      </c>
      <c r="AH18649">
        <v>37</v>
      </c>
      <c r="AI18649">
        <v>38</v>
      </c>
      <c r="AJ18649">
        <v>39</v>
      </c>
      <c r="AK18649">
        <v>40</v>
      </c>
      <c r="AL18649">
        <v>40</v>
      </c>
      <c r="AM18649">
        <v>41</v>
      </c>
      <c r="AN18649">
        <v>41</v>
      </c>
      <c r="AO18649">
        <v>42</v>
      </c>
      <c r="AP18649">
        <v>43</v>
      </c>
      <c r="AQ18649">
        <v>43</v>
      </c>
    </row>
    <row r="18650" spans="1:43">
      <c r="A18650" t="s">
        <v>11556</v>
      </c>
      <c r="B18650" t="s">
        <v>11557</v>
      </c>
      <c r="C18650" t="s">
        <v>11552</v>
      </c>
      <c r="D18650" t="s">
        <v>11553</v>
      </c>
      <c r="E18650" t="s">
        <v>11206</v>
      </c>
      <c r="F18650" t="s">
        <v>11207</v>
      </c>
      <c r="G18650" t="s">
        <v>10734</v>
      </c>
      <c r="H18650" t="s">
        <v>10735</v>
      </c>
      <c r="I18650" s="2">
        <v>0</v>
      </c>
      <c r="J18650" s="2">
        <v>0</v>
      </c>
      <c r="K18650" s="2">
        <v>1</v>
      </c>
      <c r="L18650" t="s">
        <v>995</v>
      </c>
      <c r="M18650" t="s">
        <v>83</v>
      </c>
      <c r="N18650" t="s">
        <v>84</v>
      </c>
      <c r="O18650" t="s">
        <v>85</v>
      </c>
      <c r="P18650" t="s">
        <v>86</v>
      </c>
      <c r="Q18650">
        <v>7</v>
      </c>
      <c r="R18650">
        <v>8</v>
      </c>
      <c r="S18650">
        <v>8</v>
      </c>
      <c r="T18650">
        <v>8</v>
      </c>
      <c r="U18650">
        <v>8</v>
      </c>
      <c r="V18650">
        <v>8</v>
      </c>
      <c r="W18650">
        <v>9</v>
      </c>
      <c r="X18650">
        <v>9</v>
      </c>
      <c r="Y18650">
        <v>9</v>
      </c>
      <c r="Z18650">
        <v>9</v>
      </c>
      <c r="AA18650">
        <v>10</v>
      </c>
      <c r="AB18650">
        <v>10</v>
      </c>
      <c r="AC18650">
        <v>10</v>
      </c>
      <c r="AD18650">
        <v>10</v>
      </c>
      <c r="AE18650">
        <v>11</v>
      </c>
      <c r="AF18650">
        <v>11</v>
      </c>
      <c r="AG18650">
        <v>11</v>
      </c>
      <c r="AH18650">
        <v>11</v>
      </c>
      <c r="AI18650">
        <v>12</v>
      </c>
      <c r="AJ18650">
        <v>12</v>
      </c>
      <c r="AK18650">
        <v>12</v>
      </c>
      <c r="AL18650">
        <v>12</v>
      </c>
      <c r="AM18650">
        <v>12</v>
      </c>
      <c r="AN18650">
        <v>13</v>
      </c>
      <c r="AO18650">
        <v>13</v>
      </c>
      <c r="AP18650">
        <v>13</v>
      </c>
      <c r="AQ18650">
        <v>13</v>
      </c>
    </row>
    <row r="18651" spans="1:43">
      <c r="A18651" t="s">
        <v>11556</v>
      </c>
      <c r="B18651" t="s">
        <v>11557</v>
      </c>
      <c r="C18651" t="s">
        <v>11552</v>
      </c>
      <c r="D18651" t="s">
        <v>11553</v>
      </c>
      <c r="E18651" t="s">
        <v>11206</v>
      </c>
      <c r="F18651" t="s">
        <v>11207</v>
      </c>
      <c r="G18651" t="s">
        <v>10734</v>
      </c>
      <c r="H18651" t="s">
        <v>10735</v>
      </c>
      <c r="I18651" s="2">
        <v>0</v>
      </c>
      <c r="J18651" s="2">
        <v>0</v>
      </c>
      <c r="K18651" s="2">
        <v>1</v>
      </c>
      <c r="L18651" t="s">
        <v>995</v>
      </c>
      <c r="M18651" t="s">
        <v>87</v>
      </c>
      <c r="N18651" t="s">
        <v>88</v>
      </c>
      <c r="O18651" t="s">
        <v>85</v>
      </c>
      <c r="P18651" t="s">
        <v>86</v>
      </c>
      <c r="Q18651">
        <v>7</v>
      </c>
      <c r="R18651">
        <v>8</v>
      </c>
      <c r="S18651">
        <v>8</v>
      </c>
      <c r="T18651">
        <v>8</v>
      </c>
      <c r="U18651">
        <v>8</v>
      </c>
      <c r="V18651">
        <v>8</v>
      </c>
      <c r="W18651">
        <v>8</v>
      </c>
      <c r="X18651">
        <v>8</v>
      </c>
      <c r="Y18651">
        <v>8</v>
      </c>
      <c r="Z18651">
        <v>9</v>
      </c>
      <c r="AA18651">
        <v>9</v>
      </c>
      <c r="AB18651">
        <v>9</v>
      </c>
      <c r="AC18651">
        <v>9</v>
      </c>
      <c r="AD18651">
        <v>9</v>
      </c>
      <c r="AE18651">
        <v>9</v>
      </c>
      <c r="AF18651">
        <v>10</v>
      </c>
      <c r="AG18651">
        <v>10</v>
      </c>
      <c r="AH18651">
        <v>10</v>
      </c>
      <c r="AI18651">
        <v>10</v>
      </c>
      <c r="AJ18651">
        <v>10</v>
      </c>
      <c r="AK18651">
        <v>10</v>
      </c>
      <c r="AL18651">
        <v>11</v>
      </c>
      <c r="AM18651">
        <v>11</v>
      </c>
      <c r="AN18651">
        <v>11</v>
      </c>
      <c r="AO18651">
        <v>11</v>
      </c>
      <c r="AP18651">
        <v>11</v>
      </c>
      <c r="AQ18651">
        <v>11</v>
      </c>
    </row>
    <row r="18652" spans="1:43">
      <c r="A18652" t="s">
        <v>11556</v>
      </c>
      <c r="B18652" t="s">
        <v>11557</v>
      </c>
      <c r="C18652" t="s">
        <v>11552</v>
      </c>
      <c r="D18652" t="s">
        <v>11553</v>
      </c>
      <c r="E18652" t="s">
        <v>11206</v>
      </c>
      <c r="F18652" t="s">
        <v>11207</v>
      </c>
      <c r="G18652" t="s">
        <v>10734</v>
      </c>
      <c r="H18652" t="s">
        <v>10735</v>
      </c>
      <c r="I18652" s="2">
        <v>0</v>
      </c>
      <c r="J18652" s="2">
        <v>0</v>
      </c>
      <c r="K18652" s="2">
        <v>1</v>
      </c>
      <c r="L18652" t="s">
        <v>995</v>
      </c>
      <c r="M18652" t="s">
        <v>89</v>
      </c>
      <c r="N18652" t="s">
        <v>90</v>
      </c>
      <c r="O18652" t="s">
        <v>85</v>
      </c>
      <c r="P18652" t="s">
        <v>86</v>
      </c>
      <c r="Q18652">
        <v>7</v>
      </c>
      <c r="R18652">
        <v>7</v>
      </c>
      <c r="S18652">
        <v>7</v>
      </c>
      <c r="T18652">
        <v>7</v>
      </c>
      <c r="U18652">
        <v>8</v>
      </c>
      <c r="V18652">
        <v>8</v>
      </c>
      <c r="W18652">
        <v>8</v>
      </c>
      <c r="X18652">
        <v>8</v>
      </c>
      <c r="Y18652">
        <v>9</v>
      </c>
      <c r="Z18652">
        <v>9</v>
      </c>
      <c r="AA18652">
        <v>9</v>
      </c>
      <c r="AB18652">
        <v>9</v>
      </c>
      <c r="AC18652">
        <v>10</v>
      </c>
      <c r="AD18652">
        <v>10</v>
      </c>
      <c r="AE18652">
        <v>10</v>
      </c>
      <c r="AF18652">
        <v>10</v>
      </c>
      <c r="AG18652">
        <v>11</v>
      </c>
      <c r="AH18652">
        <v>11</v>
      </c>
      <c r="AI18652">
        <v>11</v>
      </c>
      <c r="AJ18652">
        <v>11</v>
      </c>
      <c r="AK18652">
        <v>11</v>
      </c>
      <c r="AL18652">
        <v>11</v>
      </c>
      <c r="AM18652">
        <v>12</v>
      </c>
      <c r="AN18652">
        <v>12</v>
      </c>
      <c r="AO18652">
        <v>12</v>
      </c>
      <c r="AP18652">
        <v>12</v>
      </c>
      <c r="AQ18652">
        <v>12</v>
      </c>
    </row>
    <row r="18653" spans="1:43">
      <c r="A18653" t="s">
        <v>11556</v>
      </c>
      <c r="B18653" t="s">
        <v>11557</v>
      </c>
      <c r="C18653" t="s">
        <v>11552</v>
      </c>
      <c r="D18653" t="s">
        <v>11553</v>
      </c>
      <c r="E18653" t="s">
        <v>11206</v>
      </c>
      <c r="F18653" t="s">
        <v>11207</v>
      </c>
      <c r="G18653" t="s">
        <v>10734</v>
      </c>
      <c r="H18653" t="s">
        <v>10735</v>
      </c>
      <c r="I18653" s="2">
        <v>0</v>
      </c>
      <c r="J18653" s="2">
        <v>0</v>
      </c>
      <c r="K18653" s="2">
        <v>1</v>
      </c>
      <c r="L18653" t="s">
        <v>995</v>
      </c>
      <c r="M18653" t="s">
        <v>83</v>
      </c>
      <c r="N18653" t="s">
        <v>91</v>
      </c>
      <c r="O18653" t="s">
        <v>85</v>
      </c>
      <c r="P18653" t="s">
        <v>86</v>
      </c>
      <c r="Q18653">
        <v>7</v>
      </c>
      <c r="R18653">
        <v>8</v>
      </c>
      <c r="S18653">
        <v>8</v>
      </c>
      <c r="T18653">
        <v>8</v>
      </c>
      <c r="U18653">
        <v>8</v>
      </c>
      <c r="V18653">
        <v>8</v>
      </c>
      <c r="W18653">
        <v>9</v>
      </c>
      <c r="X18653">
        <v>9</v>
      </c>
      <c r="Y18653">
        <v>9</v>
      </c>
      <c r="Z18653">
        <v>9</v>
      </c>
      <c r="AA18653">
        <v>10</v>
      </c>
      <c r="AB18653">
        <v>10</v>
      </c>
      <c r="AC18653">
        <v>10</v>
      </c>
      <c r="AD18653">
        <v>10</v>
      </c>
      <c r="AE18653">
        <v>11</v>
      </c>
      <c r="AF18653">
        <v>11</v>
      </c>
      <c r="AG18653">
        <v>11</v>
      </c>
      <c r="AH18653">
        <v>11</v>
      </c>
      <c r="AI18653">
        <v>12</v>
      </c>
      <c r="AJ18653">
        <v>12</v>
      </c>
      <c r="AK18653">
        <v>12</v>
      </c>
      <c r="AL18653">
        <v>12</v>
      </c>
      <c r="AM18653">
        <v>12</v>
      </c>
      <c r="AN18653">
        <v>13</v>
      </c>
      <c r="AO18653">
        <v>13</v>
      </c>
      <c r="AP18653">
        <v>13</v>
      </c>
      <c r="AQ18653">
        <v>13</v>
      </c>
    </row>
    <row r="18654" spans="1:43">
      <c r="A18654" t="s">
        <v>11558</v>
      </c>
      <c r="B18654" t="s">
        <v>11559</v>
      </c>
      <c r="C18654" t="s">
        <v>11552</v>
      </c>
      <c r="D18654" t="s">
        <v>11553</v>
      </c>
      <c r="E18654" t="s">
        <v>11206</v>
      </c>
      <c r="F18654" t="s">
        <v>11207</v>
      </c>
      <c r="G18654" t="s">
        <v>10734</v>
      </c>
      <c r="H18654" t="s">
        <v>10735</v>
      </c>
      <c r="I18654" s="2">
        <v>0</v>
      </c>
      <c r="J18654" s="2">
        <v>0</v>
      </c>
      <c r="K18654" s="2">
        <v>1</v>
      </c>
      <c r="L18654" t="s">
        <v>995</v>
      </c>
      <c r="M18654" t="s">
        <v>83</v>
      </c>
      <c r="N18654" t="s">
        <v>84</v>
      </c>
      <c r="O18654" t="s">
        <v>85</v>
      </c>
      <c r="P18654" t="s">
        <v>86</v>
      </c>
      <c r="Q18654">
        <v>2</v>
      </c>
      <c r="R18654">
        <v>2</v>
      </c>
      <c r="S18654">
        <v>2</v>
      </c>
      <c r="T18654">
        <v>2</v>
      </c>
      <c r="U18654">
        <v>2</v>
      </c>
      <c r="V18654">
        <v>2</v>
      </c>
      <c r="W18654">
        <v>2</v>
      </c>
      <c r="X18654">
        <v>2</v>
      </c>
      <c r="Y18654">
        <v>2</v>
      </c>
      <c r="Z18654">
        <v>2</v>
      </c>
      <c r="AA18654">
        <v>2</v>
      </c>
      <c r="AB18654">
        <v>2</v>
      </c>
      <c r="AC18654">
        <v>2</v>
      </c>
      <c r="AD18654">
        <v>2</v>
      </c>
      <c r="AE18654">
        <v>2</v>
      </c>
      <c r="AF18654">
        <v>3</v>
      </c>
      <c r="AG18654">
        <v>3</v>
      </c>
      <c r="AH18654">
        <v>3</v>
      </c>
      <c r="AI18654">
        <v>3</v>
      </c>
      <c r="AJ18654">
        <v>3</v>
      </c>
      <c r="AK18654">
        <v>3</v>
      </c>
      <c r="AL18654">
        <v>3</v>
      </c>
      <c r="AM18654">
        <v>3</v>
      </c>
      <c r="AN18654">
        <v>3</v>
      </c>
      <c r="AO18654">
        <v>3</v>
      </c>
      <c r="AP18654">
        <v>3</v>
      </c>
      <c r="AQ18654">
        <v>3</v>
      </c>
    </row>
    <row r="18655" spans="1:43">
      <c r="A18655" t="s">
        <v>11558</v>
      </c>
      <c r="B18655" t="s">
        <v>11559</v>
      </c>
      <c r="C18655" t="s">
        <v>11552</v>
      </c>
      <c r="D18655" t="s">
        <v>11553</v>
      </c>
      <c r="E18655" t="s">
        <v>11206</v>
      </c>
      <c r="F18655" t="s">
        <v>11207</v>
      </c>
      <c r="G18655" t="s">
        <v>10734</v>
      </c>
      <c r="H18655" t="s">
        <v>10735</v>
      </c>
      <c r="I18655" s="2">
        <v>0</v>
      </c>
      <c r="J18655" s="2">
        <v>0</v>
      </c>
      <c r="K18655" s="2">
        <v>1</v>
      </c>
      <c r="L18655" t="s">
        <v>995</v>
      </c>
      <c r="M18655" t="s">
        <v>87</v>
      </c>
      <c r="N18655" t="s">
        <v>88</v>
      </c>
      <c r="O18655" t="s">
        <v>85</v>
      </c>
      <c r="P18655" t="s">
        <v>86</v>
      </c>
      <c r="Q18655">
        <v>2</v>
      </c>
      <c r="R18655">
        <v>2</v>
      </c>
      <c r="S18655">
        <v>2</v>
      </c>
      <c r="T18655">
        <v>2</v>
      </c>
      <c r="U18655">
        <v>2</v>
      </c>
      <c r="V18655">
        <v>2</v>
      </c>
      <c r="W18655">
        <v>2</v>
      </c>
      <c r="X18655">
        <v>2</v>
      </c>
      <c r="Y18655">
        <v>2</v>
      </c>
      <c r="Z18655">
        <v>2</v>
      </c>
      <c r="AA18655">
        <v>2</v>
      </c>
      <c r="AB18655">
        <v>2</v>
      </c>
      <c r="AC18655">
        <v>2</v>
      </c>
      <c r="AD18655">
        <v>2</v>
      </c>
      <c r="AE18655">
        <v>2</v>
      </c>
      <c r="AF18655">
        <v>2</v>
      </c>
      <c r="AG18655">
        <v>2</v>
      </c>
      <c r="AH18655">
        <v>2</v>
      </c>
      <c r="AI18655">
        <v>2</v>
      </c>
      <c r="AJ18655">
        <v>2</v>
      </c>
      <c r="AK18655">
        <v>2</v>
      </c>
      <c r="AL18655">
        <v>2</v>
      </c>
      <c r="AM18655">
        <v>2</v>
      </c>
      <c r="AN18655">
        <v>3</v>
      </c>
      <c r="AO18655">
        <v>3</v>
      </c>
      <c r="AP18655">
        <v>3</v>
      </c>
      <c r="AQ18655">
        <v>3</v>
      </c>
    </row>
    <row r="18656" spans="1:43">
      <c r="A18656" t="s">
        <v>11558</v>
      </c>
      <c r="B18656" t="s">
        <v>11559</v>
      </c>
      <c r="C18656" t="s">
        <v>11552</v>
      </c>
      <c r="D18656" t="s">
        <v>11553</v>
      </c>
      <c r="E18656" t="s">
        <v>11206</v>
      </c>
      <c r="F18656" t="s">
        <v>11207</v>
      </c>
      <c r="G18656" t="s">
        <v>10734</v>
      </c>
      <c r="H18656" t="s">
        <v>10735</v>
      </c>
      <c r="I18656" s="2">
        <v>0</v>
      </c>
      <c r="J18656" s="2">
        <v>0</v>
      </c>
      <c r="K18656" s="2">
        <v>1</v>
      </c>
      <c r="L18656" t="s">
        <v>995</v>
      </c>
      <c r="M18656" t="s">
        <v>89</v>
      </c>
      <c r="N18656" t="s">
        <v>90</v>
      </c>
      <c r="O18656" t="s">
        <v>85</v>
      </c>
      <c r="P18656" t="s">
        <v>86</v>
      </c>
      <c r="Q18656">
        <v>2</v>
      </c>
      <c r="R18656">
        <v>2</v>
      </c>
      <c r="S18656">
        <v>2</v>
      </c>
      <c r="T18656">
        <v>2</v>
      </c>
      <c r="U18656">
        <v>2</v>
      </c>
      <c r="V18656">
        <v>2</v>
      </c>
      <c r="W18656">
        <v>2</v>
      </c>
      <c r="X18656">
        <v>2</v>
      </c>
      <c r="Y18656">
        <v>2</v>
      </c>
      <c r="Z18656">
        <v>2</v>
      </c>
      <c r="AA18656">
        <v>2</v>
      </c>
      <c r="AB18656">
        <v>2</v>
      </c>
      <c r="AC18656">
        <v>3</v>
      </c>
      <c r="AD18656">
        <v>3</v>
      </c>
      <c r="AE18656">
        <v>3</v>
      </c>
      <c r="AF18656">
        <v>3</v>
      </c>
      <c r="AG18656">
        <v>3</v>
      </c>
      <c r="AH18656">
        <v>3</v>
      </c>
      <c r="AI18656">
        <v>3</v>
      </c>
      <c r="AJ18656">
        <v>3</v>
      </c>
      <c r="AK18656">
        <v>3</v>
      </c>
      <c r="AL18656">
        <v>3</v>
      </c>
      <c r="AM18656">
        <v>3</v>
      </c>
      <c r="AN18656">
        <v>3</v>
      </c>
      <c r="AO18656">
        <v>3</v>
      </c>
      <c r="AP18656">
        <v>3</v>
      </c>
      <c r="AQ18656">
        <v>3</v>
      </c>
    </row>
    <row r="18657" spans="1:43">
      <c r="A18657" t="s">
        <v>11558</v>
      </c>
      <c r="B18657" t="s">
        <v>11559</v>
      </c>
      <c r="C18657" t="s">
        <v>11552</v>
      </c>
      <c r="D18657" t="s">
        <v>11553</v>
      </c>
      <c r="E18657" t="s">
        <v>11206</v>
      </c>
      <c r="F18657" t="s">
        <v>11207</v>
      </c>
      <c r="G18657" t="s">
        <v>10734</v>
      </c>
      <c r="H18657" t="s">
        <v>10735</v>
      </c>
      <c r="I18657" s="2">
        <v>0</v>
      </c>
      <c r="J18657" s="2">
        <v>0</v>
      </c>
      <c r="K18657" s="2">
        <v>1</v>
      </c>
      <c r="L18657" t="s">
        <v>995</v>
      </c>
      <c r="M18657" t="s">
        <v>83</v>
      </c>
      <c r="N18657" t="s">
        <v>91</v>
      </c>
      <c r="O18657" t="s">
        <v>85</v>
      </c>
      <c r="P18657" t="s">
        <v>86</v>
      </c>
      <c r="Q18657">
        <v>2</v>
      </c>
      <c r="R18657">
        <v>2</v>
      </c>
      <c r="S18657">
        <v>2</v>
      </c>
      <c r="T18657">
        <v>2</v>
      </c>
      <c r="U18657">
        <v>2</v>
      </c>
      <c r="V18657">
        <v>2</v>
      </c>
      <c r="W18657">
        <v>2</v>
      </c>
      <c r="X18657">
        <v>2</v>
      </c>
      <c r="Y18657">
        <v>2</v>
      </c>
      <c r="Z18657">
        <v>2</v>
      </c>
      <c r="AA18657">
        <v>2</v>
      </c>
      <c r="AB18657">
        <v>2</v>
      </c>
      <c r="AC18657">
        <v>2</v>
      </c>
      <c r="AD18657">
        <v>2</v>
      </c>
      <c r="AE18657">
        <v>2</v>
      </c>
      <c r="AF18657">
        <v>3</v>
      </c>
      <c r="AG18657">
        <v>3</v>
      </c>
      <c r="AH18657">
        <v>3</v>
      </c>
      <c r="AI18657">
        <v>3</v>
      </c>
      <c r="AJ18657">
        <v>3</v>
      </c>
      <c r="AK18657">
        <v>3</v>
      </c>
      <c r="AL18657">
        <v>3</v>
      </c>
      <c r="AM18657">
        <v>3</v>
      </c>
      <c r="AN18657">
        <v>3</v>
      </c>
      <c r="AO18657">
        <v>3</v>
      </c>
      <c r="AP18657">
        <v>3</v>
      </c>
      <c r="AQ18657">
        <v>3</v>
      </c>
    </row>
    <row r="18658" spans="1:43">
      <c r="A18658" t="s">
        <v>11560</v>
      </c>
      <c r="B18658" t="s">
        <v>11561</v>
      </c>
      <c r="C18658" t="s">
        <v>11552</v>
      </c>
      <c r="D18658" t="s">
        <v>11553</v>
      </c>
      <c r="E18658" t="s">
        <v>11206</v>
      </c>
      <c r="F18658" t="s">
        <v>11207</v>
      </c>
      <c r="G18658" t="s">
        <v>10734</v>
      </c>
      <c r="H18658" t="s">
        <v>10735</v>
      </c>
      <c r="I18658" s="2">
        <v>0</v>
      </c>
      <c r="J18658" s="2">
        <v>0</v>
      </c>
      <c r="K18658" s="2">
        <v>1</v>
      </c>
      <c r="L18658" t="s">
        <v>995</v>
      </c>
      <c r="M18658" t="s">
        <v>83</v>
      </c>
      <c r="N18658" t="s">
        <v>84</v>
      </c>
      <c r="O18658" t="s">
        <v>85</v>
      </c>
      <c r="P18658" t="s">
        <v>86</v>
      </c>
      <c r="Q18658">
        <v>5</v>
      </c>
      <c r="R18658">
        <v>5</v>
      </c>
      <c r="S18658">
        <v>5</v>
      </c>
      <c r="T18658">
        <v>5</v>
      </c>
      <c r="U18658">
        <v>5</v>
      </c>
      <c r="V18658">
        <v>5</v>
      </c>
      <c r="W18658">
        <v>5</v>
      </c>
      <c r="X18658">
        <v>5</v>
      </c>
      <c r="Y18658">
        <v>5</v>
      </c>
      <c r="Z18658">
        <v>6</v>
      </c>
      <c r="AA18658">
        <v>6</v>
      </c>
      <c r="AB18658">
        <v>6</v>
      </c>
      <c r="AC18658">
        <v>6</v>
      </c>
      <c r="AD18658">
        <v>6</v>
      </c>
      <c r="AE18658">
        <v>6</v>
      </c>
      <c r="AF18658">
        <v>6</v>
      </c>
      <c r="AG18658">
        <v>7</v>
      </c>
      <c r="AH18658">
        <v>7</v>
      </c>
      <c r="AI18658">
        <v>7</v>
      </c>
      <c r="AJ18658">
        <v>7</v>
      </c>
      <c r="AK18658">
        <v>7</v>
      </c>
      <c r="AL18658">
        <v>7</v>
      </c>
      <c r="AM18658">
        <v>7</v>
      </c>
      <c r="AN18658">
        <v>7</v>
      </c>
      <c r="AO18658">
        <v>7</v>
      </c>
      <c r="AP18658">
        <v>8</v>
      </c>
      <c r="AQ18658">
        <v>8</v>
      </c>
    </row>
    <row r="18659" spans="1:43">
      <c r="A18659" t="s">
        <v>11560</v>
      </c>
      <c r="B18659" t="s">
        <v>11561</v>
      </c>
      <c r="C18659" t="s">
        <v>11552</v>
      </c>
      <c r="D18659" t="s">
        <v>11553</v>
      </c>
      <c r="E18659" t="s">
        <v>11206</v>
      </c>
      <c r="F18659" t="s">
        <v>11207</v>
      </c>
      <c r="G18659" t="s">
        <v>10734</v>
      </c>
      <c r="H18659" t="s">
        <v>10735</v>
      </c>
      <c r="I18659" s="2">
        <v>0</v>
      </c>
      <c r="J18659" s="2">
        <v>0</v>
      </c>
      <c r="K18659" s="2">
        <v>1</v>
      </c>
      <c r="L18659" t="s">
        <v>995</v>
      </c>
      <c r="M18659" t="s">
        <v>87</v>
      </c>
      <c r="N18659" t="s">
        <v>88</v>
      </c>
      <c r="O18659" t="s">
        <v>85</v>
      </c>
      <c r="P18659" t="s">
        <v>86</v>
      </c>
      <c r="Q18659">
        <v>5</v>
      </c>
      <c r="R18659">
        <v>6</v>
      </c>
      <c r="S18659">
        <v>6</v>
      </c>
      <c r="T18659">
        <v>6</v>
      </c>
      <c r="U18659">
        <v>6</v>
      </c>
      <c r="V18659">
        <v>6</v>
      </c>
      <c r="W18659">
        <v>6</v>
      </c>
      <c r="X18659">
        <v>6</v>
      </c>
      <c r="Y18659">
        <v>6</v>
      </c>
      <c r="Z18659">
        <v>6</v>
      </c>
      <c r="AA18659">
        <v>6</v>
      </c>
      <c r="AB18659">
        <v>6</v>
      </c>
      <c r="AC18659">
        <v>6</v>
      </c>
      <c r="AD18659">
        <v>6</v>
      </c>
      <c r="AE18659">
        <v>7</v>
      </c>
      <c r="AF18659">
        <v>7</v>
      </c>
      <c r="AG18659">
        <v>7</v>
      </c>
      <c r="AH18659">
        <v>7</v>
      </c>
      <c r="AI18659">
        <v>7</v>
      </c>
      <c r="AJ18659">
        <v>7</v>
      </c>
      <c r="AK18659">
        <v>7</v>
      </c>
      <c r="AL18659">
        <v>7</v>
      </c>
      <c r="AM18659">
        <v>7</v>
      </c>
      <c r="AN18659">
        <v>7</v>
      </c>
      <c r="AO18659">
        <v>7</v>
      </c>
      <c r="AP18659">
        <v>8</v>
      </c>
      <c r="AQ18659">
        <v>8</v>
      </c>
    </row>
    <row r="18660" spans="1:43">
      <c r="A18660" t="s">
        <v>11560</v>
      </c>
      <c r="B18660" t="s">
        <v>11561</v>
      </c>
      <c r="C18660" t="s">
        <v>11552</v>
      </c>
      <c r="D18660" t="s">
        <v>11553</v>
      </c>
      <c r="E18660" t="s">
        <v>11206</v>
      </c>
      <c r="F18660" t="s">
        <v>11207</v>
      </c>
      <c r="G18660" t="s">
        <v>10734</v>
      </c>
      <c r="H18660" t="s">
        <v>10735</v>
      </c>
      <c r="I18660" s="2">
        <v>0</v>
      </c>
      <c r="J18660" s="2">
        <v>0</v>
      </c>
      <c r="K18660" s="2">
        <v>1</v>
      </c>
      <c r="L18660" t="s">
        <v>995</v>
      </c>
      <c r="M18660" t="s">
        <v>89</v>
      </c>
      <c r="N18660" t="s">
        <v>90</v>
      </c>
      <c r="O18660" t="s">
        <v>85</v>
      </c>
      <c r="P18660" t="s">
        <v>86</v>
      </c>
      <c r="Q18660">
        <v>5</v>
      </c>
      <c r="R18660">
        <v>5</v>
      </c>
      <c r="S18660">
        <v>5</v>
      </c>
      <c r="T18660">
        <v>5</v>
      </c>
      <c r="U18660">
        <v>5</v>
      </c>
      <c r="V18660">
        <v>5</v>
      </c>
      <c r="W18660">
        <v>5</v>
      </c>
      <c r="X18660">
        <v>6</v>
      </c>
      <c r="Y18660">
        <v>6</v>
      </c>
      <c r="Z18660">
        <v>6</v>
      </c>
      <c r="AA18660">
        <v>6</v>
      </c>
      <c r="AB18660">
        <v>6</v>
      </c>
      <c r="AC18660">
        <v>6</v>
      </c>
      <c r="AD18660">
        <v>7</v>
      </c>
      <c r="AE18660">
        <v>7</v>
      </c>
      <c r="AF18660">
        <v>7</v>
      </c>
      <c r="AG18660">
        <v>7</v>
      </c>
      <c r="AH18660">
        <v>7</v>
      </c>
      <c r="AI18660">
        <v>7</v>
      </c>
      <c r="AJ18660">
        <v>7</v>
      </c>
      <c r="AK18660">
        <v>7</v>
      </c>
      <c r="AL18660">
        <v>7</v>
      </c>
      <c r="AM18660">
        <v>7</v>
      </c>
      <c r="AN18660">
        <v>7</v>
      </c>
      <c r="AO18660">
        <v>8</v>
      </c>
      <c r="AP18660">
        <v>8</v>
      </c>
      <c r="AQ18660">
        <v>8</v>
      </c>
    </row>
    <row r="18661" spans="1:43">
      <c r="A18661" t="s">
        <v>11560</v>
      </c>
      <c r="B18661" t="s">
        <v>11561</v>
      </c>
      <c r="C18661" t="s">
        <v>11552</v>
      </c>
      <c r="D18661" t="s">
        <v>11553</v>
      </c>
      <c r="E18661" t="s">
        <v>11206</v>
      </c>
      <c r="F18661" t="s">
        <v>11207</v>
      </c>
      <c r="G18661" t="s">
        <v>10734</v>
      </c>
      <c r="H18661" t="s">
        <v>10735</v>
      </c>
      <c r="I18661" s="2">
        <v>0</v>
      </c>
      <c r="J18661" s="2">
        <v>0</v>
      </c>
      <c r="K18661" s="2">
        <v>1</v>
      </c>
      <c r="L18661" t="s">
        <v>995</v>
      </c>
      <c r="M18661" t="s">
        <v>83</v>
      </c>
      <c r="N18661" t="s">
        <v>91</v>
      </c>
      <c r="O18661" t="s">
        <v>85</v>
      </c>
      <c r="P18661" t="s">
        <v>86</v>
      </c>
      <c r="Q18661">
        <v>5</v>
      </c>
      <c r="R18661">
        <v>5</v>
      </c>
      <c r="S18661">
        <v>5</v>
      </c>
      <c r="T18661">
        <v>5</v>
      </c>
      <c r="U18661">
        <v>5</v>
      </c>
      <c r="V18661">
        <v>5</v>
      </c>
      <c r="W18661">
        <v>5</v>
      </c>
      <c r="X18661">
        <v>5</v>
      </c>
      <c r="Y18661">
        <v>5</v>
      </c>
      <c r="Z18661">
        <v>6</v>
      </c>
      <c r="AA18661">
        <v>6</v>
      </c>
      <c r="AB18661">
        <v>6</v>
      </c>
      <c r="AC18661">
        <v>6</v>
      </c>
      <c r="AD18661">
        <v>6</v>
      </c>
      <c r="AE18661">
        <v>6</v>
      </c>
      <c r="AF18661">
        <v>6</v>
      </c>
      <c r="AG18661">
        <v>7</v>
      </c>
      <c r="AH18661">
        <v>7</v>
      </c>
      <c r="AI18661">
        <v>7</v>
      </c>
      <c r="AJ18661">
        <v>7</v>
      </c>
      <c r="AK18661">
        <v>7</v>
      </c>
      <c r="AL18661">
        <v>7</v>
      </c>
      <c r="AM18661">
        <v>7</v>
      </c>
      <c r="AN18661">
        <v>7</v>
      </c>
      <c r="AO18661">
        <v>7</v>
      </c>
      <c r="AP18661">
        <v>8</v>
      </c>
      <c r="AQ18661">
        <v>8</v>
      </c>
    </row>
    <row r="18662" spans="1:43">
      <c r="A18662" t="s">
        <v>11562</v>
      </c>
      <c r="B18662" t="s">
        <v>11563</v>
      </c>
      <c r="C18662" t="s">
        <v>11552</v>
      </c>
      <c r="D18662" t="s">
        <v>11553</v>
      </c>
      <c r="E18662" t="s">
        <v>11206</v>
      </c>
      <c r="F18662" t="s">
        <v>11207</v>
      </c>
      <c r="G18662" t="s">
        <v>10734</v>
      </c>
      <c r="H18662" t="s">
        <v>10735</v>
      </c>
      <c r="I18662" s="2">
        <v>0</v>
      </c>
      <c r="J18662" s="2">
        <v>0</v>
      </c>
      <c r="K18662" s="2">
        <v>1</v>
      </c>
      <c r="L18662" t="s">
        <v>995</v>
      </c>
      <c r="M18662" t="s">
        <v>83</v>
      </c>
      <c r="N18662" t="s">
        <v>84</v>
      </c>
      <c r="O18662" t="s">
        <v>85</v>
      </c>
      <c r="P18662" t="s">
        <v>86</v>
      </c>
      <c r="Q18662">
        <v>12</v>
      </c>
      <c r="R18662">
        <v>12</v>
      </c>
      <c r="S18662">
        <v>12</v>
      </c>
      <c r="T18662">
        <v>13</v>
      </c>
      <c r="U18662">
        <v>13</v>
      </c>
      <c r="V18662">
        <v>13</v>
      </c>
      <c r="W18662">
        <v>14</v>
      </c>
      <c r="X18662">
        <v>14</v>
      </c>
      <c r="Y18662">
        <v>14</v>
      </c>
      <c r="Z18662">
        <v>15</v>
      </c>
      <c r="AA18662">
        <v>15</v>
      </c>
      <c r="AB18662">
        <v>15</v>
      </c>
      <c r="AC18662">
        <v>16</v>
      </c>
      <c r="AD18662">
        <v>16</v>
      </c>
      <c r="AE18662">
        <v>16</v>
      </c>
      <c r="AF18662">
        <v>17</v>
      </c>
      <c r="AG18662">
        <v>17</v>
      </c>
      <c r="AH18662">
        <v>18</v>
      </c>
      <c r="AI18662">
        <v>18</v>
      </c>
      <c r="AJ18662">
        <v>18</v>
      </c>
      <c r="AK18662">
        <v>19</v>
      </c>
      <c r="AL18662">
        <v>19</v>
      </c>
      <c r="AM18662">
        <v>19</v>
      </c>
      <c r="AN18662">
        <v>20</v>
      </c>
      <c r="AO18662">
        <v>20</v>
      </c>
      <c r="AP18662">
        <v>20</v>
      </c>
      <c r="AQ18662">
        <v>20</v>
      </c>
    </row>
    <row r="18663" spans="1:43">
      <c r="A18663" t="s">
        <v>11562</v>
      </c>
      <c r="B18663" t="s">
        <v>11563</v>
      </c>
      <c r="C18663" t="s">
        <v>11552</v>
      </c>
      <c r="D18663" t="s">
        <v>11553</v>
      </c>
      <c r="E18663" t="s">
        <v>11206</v>
      </c>
      <c r="F18663" t="s">
        <v>11207</v>
      </c>
      <c r="G18663" t="s">
        <v>10734</v>
      </c>
      <c r="H18663" t="s">
        <v>10735</v>
      </c>
      <c r="I18663" s="2">
        <v>0</v>
      </c>
      <c r="J18663" s="2">
        <v>0</v>
      </c>
      <c r="K18663" s="2">
        <v>1</v>
      </c>
      <c r="L18663" t="s">
        <v>995</v>
      </c>
      <c r="M18663" t="s">
        <v>87</v>
      </c>
      <c r="N18663" t="s">
        <v>88</v>
      </c>
      <c r="O18663" t="s">
        <v>85</v>
      </c>
      <c r="P18663" t="s">
        <v>86</v>
      </c>
      <c r="Q18663">
        <v>12</v>
      </c>
      <c r="R18663">
        <v>13</v>
      </c>
      <c r="S18663">
        <v>13</v>
      </c>
      <c r="T18663">
        <v>13</v>
      </c>
      <c r="U18663">
        <v>13</v>
      </c>
      <c r="V18663">
        <v>14</v>
      </c>
      <c r="W18663">
        <v>14</v>
      </c>
      <c r="X18663">
        <v>14</v>
      </c>
      <c r="Y18663">
        <v>14</v>
      </c>
      <c r="Z18663">
        <v>14</v>
      </c>
      <c r="AA18663">
        <v>15</v>
      </c>
      <c r="AB18663">
        <v>15</v>
      </c>
      <c r="AC18663">
        <v>15</v>
      </c>
      <c r="AD18663">
        <v>15</v>
      </c>
      <c r="AE18663">
        <v>16</v>
      </c>
      <c r="AF18663">
        <v>16</v>
      </c>
      <c r="AG18663">
        <v>16</v>
      </c>
      <c r="AH18663">
        <v>16</v>
      </c>
      <c r="AI18663">
        <v>17</v>
      </c>
      <c r="AJ18663">
        <v>17</v>
      </c>
      <c r="AK18663">
        <v>17</v>
      </c>
      <c r="AL18663">
        <v>17</v>
      </c>
      <c r="AM18663">
        <v>18</v>
      </c>
      <c r="AN18663">
        <v>18</v>
      </c>
      <c r="AO18663">
        <v>18</v>
      </c>
      <c r="AP18663">
        <v>19</v>
      </c>
      <c r="AQ18663">
        <v>19</v>
      </c>
    </row>
    <row r="18664" spans="1:43">
      <c r="A18664" t="s">
        <v>11562</v>
      </c>
      <c r="B18664" t="s">
        <v>11563</v>
      </c>
      <c r="C18664" t="s">
        <v>11552</v>
      </c>
      <c r="D18664" t="s">
        <v>11553</v>
      </c>
      <c r="E18664" t="s">
        <v>11206</v>
      </c>
      <c r="F18664" t="s">
        <v>11207</v>
      </c>
      <c r="G18664" t="s">
        <v>10734</v>
      </c>
      <c r="H18664" t="s">
        <v>10735</v>
      </c>
      <c r="I18664" s="2">
        <v>0</v>
      </c>
      <c r="J18664" s="2">
        <v>0</v>
      </c>
      <c r="K18664" s="2">
        <v>1</v>
      </c>
      <c r="L18664" t="s">
        <v>995</v>
      </c>
      <c r="M18664" t="s">
        <v>89</v>
      </c>
      <c r="N18664" t="s">
        <v>90</v>
      </c>
      <c r="O18664" t="s">
        <v>85</v>
      </c>
      <c r="P18664" t="s">
        <v>86</v>
      </c>
      <c r="Q18664">
        <v>12</v>
      </c>
      <c r="R18664">
        <v>12</v>
      </c>
      <c r="S18664">
        <v>13</v>
      </c>
      <c r="T18664">
        <v>13</v>
      </c>
      <c r="U18664">
        <v>13</v>
      </c>
      <c r="V18664">
        <v>14</v>
      </c>
      <c r="W18664">
        <v>14</v>
      </c>
      <c r="X18664">
        <v>15</v>
      </c>
      <c r="Y18664">
        <v>15</v>
      </c>
      <c r="Z18664">
        <v>15</v>
      </c>
      <c r="AA18664">
        <v>16</v>
      </c>
      <c r="AB18664">
        <v>16</v>
      </c>
      <c r="AC18664">
        <v>17</v>
      </c>
      <c r="AD18664">
        <v>17</v>
      </c>
      <c r="AE18664">
        <v>17</v>
      </c>
      <c r="AF18664">
        <v>18</v>
      </c>
      <c r="AG18664">
        <v>18</v>
      </c>
      <c r="AH18664">
        <v>18</v>
      </c>
      <c r="AI18664">
        <v>18</v>
      </c>
      <c r="AJ18664">
        <v>19</v>
      </c>
      <c r="AK18664">
        <v>19</v>
      </c>
      <c r="AL18664">
        <v>19</v>
      </c>
      <c r="AM18664">
        <v>20</v>
      </c>
      <c r="AN18664">
        <v>20</v>
      </c>
      <c r="AO18664">
        <v>20</v>
      </c>
      <c r="AP18664">
        <v>20</v>
      </c>
      <c r="AQ18664">
        <v>21</v>
      </c>
    </row>
    <row r="18665" spans="1:43">
      <c r="A18665" t="s">
        <v>11562</v>
      </c>
      <c r="B18665" t="s">
        <v>11563</v>
      </c>
      <c r="C18665" t="s">
        <v>11552</v>
      </c>
      <c r="D18665" t="s">
        <v>11553</v>
      </c>
      <c r="E18665" t="s">
        <v>11206</v>
      </c>
      <c r="F18665" t="s">
        <v>11207</v>
      </c>
      <c r="G18665" t="s">
        <v>10734</v>
      </c>
      <c r="H18665" t="s">
        <v>10735</v>
      </c>
      <c r="I18665" s="2">
        <v>0</v>
      </c>
      <c r="J18665" s="2">
        <v>0</v>
      </c>
      <c r="K18665" s="2">
        <v>1</v>
      </c>
      <c r="L18665" t="s">
        <v>995</v>
      </c>
      <c r="M18665" t="s">
        <v>83</v>
      </c>
      <c r="N18665" t="s">
        <v>91</v>
      </c>
      <c r="O18665" t="s">
        <v>85</v>
      </c>
      <c r="P18665" t="s">
        <v>86</v>
      </c>
      <c r="Q18665">
        <v>12</v>
      </c>
      <c r="R18665">
        <v>12</v>
      </c>
      <c r="S18665">
        <v>12</v>
      </c>
      <c r="T18665">
        <v>13</v>
      </c>
      <c r="U18665">
        <v>13</v>
      </c>
      <c r="V18665">
        <v>13</v>
      </c>
      <c r="W18665">
        <v>14</v>
      </c>
      <c r="X18665">
        <v>14</v>
      </c>
      <c r="Y18665">
        <v>14</v>
      </c>
      <c r="Z18665">
        <v>15</v>
      </c>
      <c r="AA18665">
        <v>15</v>
      </c>
      <c r="AB18665">
        <v>15</v>
      </c>
      <c r="AC18665">
        <v>16</v>
      </c>
      <c r="AD18665">
        <v>16</v>
      </c>
      <c r="AE18665">
        <v>16</v>
      </c>
      <c r="AF18665">
        <v>17</v>
      </c>
      <c r="AG18665">
        <v>17</v>
      </c>
      <c r="AH18665">
        <v>18</v>
      </c>
      <c r="AI18665">
        <v>18</v>
      </c>
      <c r="AJ18665">
        <v>18</v>
      </c>
      <c r="AK18665">
        <v>19</v>
      </c>
      <c r="AL18665">
        <v>19</v>
      </c>
      <c r="AM18665">
        <v>19</v>
      </c>
      <c r="AN18665">
        <v>20</v>
      </c>
      <c r="AO18665">
        <v>20</v>
      </c>
      <c r="AP18665">
        <v>20</v>
      </c>
      <c r="AQ18665">
        <v>20</v>
      </c>
    </row>
    <row r="18666" spans="1:43">
      <c r="A18666" t="s">
        <v>11564</v>
      </c>
      <c r="B18666" t="s">
        <v>11565</v>
      </c>
      <c r="C18666" t="s">
        <v>11398</v>
      </c>
      <c r="D18666" t="s">
        <v>11399</v>
      </c>
      <c r="E18666" t="s">
        <v>11206</v>
      </c>
      <c r="F18666" t="s">
        <v>11207</v>
      </c>
      <c r="G18666" t="s">
        <v>10734</v>
      </c>
      <c r="H18666" t="s">
        <v>10735</v>
      </c>
      <c r="I18666" s="2">
        <v>0</v>
      </c>
      <c r="J18666" s="2">
        <v>0</v>
      </c>
      <c r="K18666" s="2">
        <v>1</v>
      </c>
      <c r="L18666" t="s">
        <v>995</v>
      </c>
      <c r="M18666" t="s">
        <v>83</v>
      </c>
      <c r="N18666" t="s">
        <v>84</v>
      </c>
      <c r="O18666" t="s">
        <v>85</v>
      </c>
      <c r="P18666" t="s">
        <v>86</v>
      </c>
      <c r="Q18666">
        <v>17</v>
      </c>
      <c r="R18666">
        <v>17</v>
      </c>
      <c r="S18666">
        <v>18</v>
      </c>
      <c r="T18666">
        <v>18</v>
      </c>
      <c r="U18666">
        <v>18</v>
      </c>
      <c r="V18666">
        <v>19</v>
      </c>
      <c r="W18666">
        <v>19</v>
      </c>
      <c r="X18666">
        <v>20</v>
      </c>
      <c r="Y18666">
        <v>20</v>
      </c>
      <c r="Z18666">
        <v>21</v>
      </c>
      <c r="AA18666">
        <v>21</v>
      </c>
      <c r="AB18666">
        <v>22</v>
      </c>
      <c r="AC18666">
        <v>22</v>
      </c>
      <c r="AD18666">
        <v>23</v>
      </c>
      <c r="AE18666">
        <v>23</v>
      </c>
      <c r="AF18666">
        <v>24</v>
      </c>
      <c r="AG18666">
        <v>25</v>
      </c>
      <c r="AH18666">
        <v>25</v>
      </c>
      <c r="AI18666">
        <v>26</v>
      </c>
      <c r="AJ18666">
        <v>26</v>
      </c>
      <c r="AK18666">
        <v>27</v>
      </c>
      <c r="AL18666">
        <v>27</v>
      </c>
      <c r="AM18666">
        <v>28</v>
      </c>
      <c r="AN18666">
        <v>28</v>
      </c>
      <c r="AO18666">
        <v>29</v>
      </c>
      <c r="AP18666">
        <v>29</v>
      </c>
      <c r="AQ18666">
        <v>29</v>
      </c>
    </row>
    <row r="18667" spans="1:43">
      <c r="A18667" t="s">
        <v>11564</v>
      </c>
      <c r="B18667" t="s">
        <v>11565</v>
      </c>
      <c r="C18667" t="s">
        <v>11398</v>
      </c>
      <c r="D18667" t="s">
        <v>11399</v>
      </c>
      <c r="E18667" t="s">
        <v>11206</v>
      </c>
      <c r="F18667" t="s">
        <v>11207</v>
      </c>
      <c r="G18667" t="s">
        <v>10734</v>
      </c>
      <c r="H18667" t="s">
        <v>10735</v>
      </c>
      <c r="I18667" s="2">
        <v>0</v>
      </c>
      <c r="J18667" s="2">
        <v>0</v>
      </c>
      <c r="K18667" s="2">
        <v>1</v>
      </c>
      <c r="L18667" t="s">
        <v>995</v>
      </c>
      <c r="M18667" t="s">
        <v>87</v>
      </c>
      <c r="N18667" t="s">
        <v>88</v>
      </c>
      <c r="O18667" t="s">
        <v>85</v>
      </c>
      <c r="P18667" t="s">
        <v>86</v>
      </c>
      <c r="Q18667">
        <v>17</v>
      </c>
      <c r="R18667">
        <v>18</v>
      </c>
      <c r="S18667">
        <v>18</v>
      </c>
      <c r="T18667">
        <v>18</v>
      </c>
      <c r="U18667">
        <v>19</v>
      </c>
      <c r="V18667">
        <v>19</v>
      </c>
      <c r="W18667">
        <v>19</v>
      </c>
      <c r="X18667">
        <v>20</v>
      </c>
      <c r="Y18667">
        <v>20</v>
      </c>
      <c r="Z18667">
        <v>20</v>
      </c>
      <c r="AA18667">
        <v>20</v>
      </c>
      <c r="AB18667">
        <v>21</v>
      </c>
      <c r="AC18667">
        <v>21</v>
      </c>
      <c r="AD18667">
        <v>21</v>
      </c>
      <c r="AE18667">
        <v>22</v>
      </c>
      <c r="AF18667">
        <v>22</v>
      </c>
      <c r="AG18667">
        <v>23</v>
      </c>
      <c r="AH18667">
        <v>23</v>
      </c>
      <c r="AI18667">
        <v>23</v>
      </c>
      <c r="AJ18667">
        <v>24</v>
      </c>
      <c r="AK18667">
        <v>24</v>
      </c>
      <c r="AL18667">
        <v>24</v>
      </c>
      <c r="AM18667">
        <v>25</v>
      </c>
      <c r="AN18667">
        <v>25</v>
      </c>
      <c r="AO18667">
        <v>26</v>
      </c>
      <c r="AP18667">
        <v>26</v>
      </c>
      <c r="AQ18667">
        <v>27</v>
      </c>
    </row>
    <row r="18668" spans="1:43">
      <c r="A18668" t="s">
        <v>11564</v>
      </c>
      <c r="B18668" t="s">
        <v>11565</v>
      </c>
      <c r="C18668" t="s">
        <v>11398</v>
      </c>
      <c r="D18668" t="s">
        <v>11399</v>
      </c>
      <c r="E18668" t="s">
        <v>11206</v>
      </c>
      <c r="F18668" t="s">
        <v>11207</v>
      </c>
      <c r="G18668" t="s">
        <v>10734</v>
      </c>
      <c r="H18668" t="s">
        <v>10735</v>
      </c>
      <c r="I18668" s="2">
        <v>0</v>
      </c>
      <c r="J18668" s="2">
        <v>0</v>
      </c>
      <c r="K18668" s="2">
        <v>1</v>
      </c>
      <c r="L18668" t="s">
        <v>995</v>
      </c>
      <c r="M18668" t="s">
        <v>89</v>
      </c>
      <c r="N18668" t="s">
        <v>90</v>
      </c>
      <c r="O18668" t="s">
        <v>85</v>
      </c>
      <c r="P18668" t="s">
        <v>86</v>
      </c>
      <c r="Q18668">
        <v>17</v>
      </c>
      <c r="R18668">
        <v>17</v>
      </c>
      <c r="S18668">
        <v>18</v>
      </c>
      <c r="T18668">
        <v>19</v>
      </c>
      <c r="U18668">
        <v>19</v>
      </c>
      <c r="V18668">
        <v>20</v>
      </c>
      <c r="W18668">
        <v>20</v>
      </c>
      <c r="X18668">
        <v>21</v>
      </c>
      <c r="Y18668">
        <v>22</v>
      </c>
      <c r="Z18668">
        <v>22</v>
      </c>
      <c r="AA18668">
        <v>23</v>
      </c>
      <c r="AB18668">
        <v>23</v>
      </c>
      <c r="AC18668">
        <v>24</v>
      </c>
      <c r="AD18668">
        <v>25</v>
      </c>
      <c r="AE18668">
        <v>25</v>
      </c>
      <c r="AF18668">
        <v>25</v>
      </c>
      <c r="AG18668">
        <v>26</v>
      </c>
      <c r="AH18668">
        <v>26</v>
      </c>
      <c r="AI18668">
        <v>27</v>
      </c>
      <c r="AJ18668">
        <v>27</v>
      </c>
      <c r="AK18668">
        <v>27</v>
      </c>
      <c r="AL18668">
        <v>28</v>
      </c>
      <c r="AM18668">
        <v>28</v>
      </c>
      <c r="AN18668">
        <v>29</v>
      </c>
      <c r="AO18668">
        <v>29</v>
      </c>
      <c r="AP18668">
        <v>29</v>
      </c>
      <c r="AQ18668">
        <v>30</v>
      </c>
    </row>
    <row r="18669" spans="1:43">
      <c r="A18669" t="s">
        <v>11564</v>
      </c>
      <c r="B18669" t="s">
        <v>11565</v>
      </c>
      <c r="C18669" t="s">
        <v>11398</v>
      </c>
      <c r="D18669" t="s">
        <v>11399</v>
      </c>
      <c r="E18669" t="s">
        <v>11206</v>
      </c>
      <c r="F18669" t="s">
        <v>11207</v>
      </c>
      <c r="G18669" t="s">
        <v>10734</v>
      </c>
      <c r="H18669" t="s">
        <v>10735</v>
      </c>
      <c r="I18669" s="2">
        <v>0</v>
      </c>
      <c r="J18669" s="2">
        <v>0</v>
      </c>
      <c r="K18669" s="2">
        <v>1</v>
      </c>
      <c r="L18669" t="s">
        <v>995</v>
      </c>
      <c r="M18669" t="s">
        <v>83</v>
      </c>
      <c r="N18669" t="s">
        <v>91</v>
      </c>
      <c r="O18669" t="s">
        <v>85</v>
      </c>
      <c r="P18669" t="s">
        <v>86</v>
      </c>
      <c r="Q18669">
        <v>17</v>
      </c>
      <c r="R18669">
        <v>17</v>
      </c>
      <c r="S18669">
        <v>18</v>
      </c>
      <c r="T18669">
        <v>18</v>
      </c>
      <c r="U18669">
        <v>18</v>
      </c>
      <c r="V18669">
        <v>19</v>
      </c>
      <c r="W18669">
        <v>19</v>
      </c>
      <c r="X18669">
        <v>20</v>
      </c>
      <c r="Y18669">
        <v>20</v>
      </c>
      <c r="Z18669">
        <v>21</v>
      </c>
      <c r="AA18669">
        <v>21</v>
      </c>
      <c r="AB18669">
        <v>22</v>
      </c>
      <c r="AC18669">
        <v>22</v>
      </c>
      <c r="AD18669">
        <v>23</v>
      </c>
      <c r="AE18669">
        <v>23</v>
      </c>
      <c r="AF18669">
        <v>24</v>
      </c>
      <c r="AG18669">
        <v>25</v>
      </c>
      <c r="AH18669">
        <v>25</v>
      </c>
      <c r="AI18669">
        <v>26</v>
      </c>
      <c r="AJ18669">
        <v>26</v>
      </c>
      <c r="AK18669">
        <v>27</v>
      </c>
      <c r="AL18669">
        <v>27</v>
      </c>
      <c r="AM18669">
        <v>28</v>
      </c>
      <c r="AN18669">
        <v>28</v>
      </c>
      <c r="AO18669">
        <v>29</v>
      </c>
      <c r="AP18669">
        <v>29</v>
      </c>
      <c r="AQ18669">
        <v>29</v>
      </c>
    </row>
    <row r="18670" spans="1:43">
      <c r="A18670" t="s">
        <v>11566</v>
      </c>
      <c r="B18670" t="s">
        <v>11567</v>
      </c>
      <c r="C18670" t="s">
        <v>11398</v>
      </c>
      <c r="D18670" t="s">
        <v>11399</v>
      </c>
      <c r="E18670" t="s">
        <v>11206</v>
      </c>
      <c r="F18670" t="s">
        <v>11207</v>
      </c>
      <c r="G18670" t="s">
        <v>10734</v>
      </c>
      <c r="H18670" t="s">
        <v>10735</v>
      </c>
      <c r="I18670" s="2">
        <v>0</v>
      </c>
      <c r="J18670" s="2">
        <v>0</v>
      </c>
      <c r="K18670" s="2">
        <v>1</v>
      </c>
      <c r="L18670" t="s">
        <v>995</v>
      </c>
      <c r="M18670" t="s">
        <v>83</v>
      </c>
      <c r="N18670" t="s">
        <v>84</v>
      </c>
      <c r="O18670" t="s">
        <v>85</v>
      </c>
      <c r="P18670" t="s">
        <v>86</v>
      </c>
      <c r="Q18670">
        <v>4</v>
      </c>
      <c r="R18670">
        <v>5</v>
      </c>
      <c r="S18670">
        <v>5</v>
      </c>
      <c r="T18670">
        <v>5</v>
      </c>
      <c r="U18670">
        <v>5</v>
      </c>
      <c r="V18670">
        <v>5</v>
      </c>
      <c r="W18670">
        <v>5</v>
      </c>
      <c r="X18670">
        <v>5</v>
      </c>
      <c r="Y18670">
        <v>5</v>
      </c>
      <c r="Z18670">
        <v>6</v>
      </c>
      <c r="AA18670">
        <v>6</v>
      </c>
      <c r="AB18670">
        <v>6</v>
      </c>
      <c r="AC18670">
        <v>6</v>
      </c>
      <c r="AD18670">
        <v>6</v>
      </c>
      <c r="AE18670">
        <v>6</v>
      </c>
      <c r="AF18670">
        <v>6</v>
      </c>
      <c r="AG18670">
        <v>7</v>
      </c>
      <c r="AH18670">
        <v>7</v>
      </c>
      <c r="AI18670">
        <v>7</v>
      </c>
      <c r="AJ18670">
        <v>7</v>
      </c>
      <c r="AK18670">
        <v>7</v>
      </c>
      <c r="AL18670">
        <v>7</v>
      </c>
      <c r="AM18670">
        <v>7</v>
      </c>
      <c r="AN18670">
        <v>7</v>
      </c>
      <c r="AO18670">
        <v>8</v>
      </c>
      <c r="AP18670">
        <v>8</v>
      </c>
      <c r="AQ18670">
        <v>8</v>
      </c>
    </row>
    <row r="18671" spans="1:43">
      <c r="A18671" t="s">
        <v>11566</v>
      </c>
      <c r="B18671" t="s">
        <v>11567</v>
      </c>
      <c r="C18671" t="s">
        <v>11398</v>
      </c>
      <c r="D18671" t="s">
        <v>11399</v>
      </c>
      <c r="E18671" t="s">
        <v>11206</v>
      </c>
      <c r="F18671" t="s">
        <v>11207</v>
      </c>
      <c r="G18671" t="s">
        <v>10734</v>
      </c>
      <c r="H18671" t="s">
        <v>10735</v>
      </c>
      <c r="I18671" s="2">
        <v>0</v>
      </c>
      <c r="J18671" s="2">
        <v>0</v>
      </c>
      <c r="K18671" s="2">
        <v>1</v>
      </c>
      <c r="L18671" t="s">
        <v>995</v>
      </c>
      <c r="M18671" t="s">
        <v>87</v>
      </c>
      <c r="N18671" t="s">
        <v>88</v>
      </c>
      <c r="O18671" t="s">
        <v>85</v>
      </c>
      <c r="P18671" t="s">
        <v>86</v>
      </c>
      <c r="Q18671">
        <v>4</v>
      </c>
      <c r="R18671">
        <v>4</v>
      </c>
      <c r="S18671">
        <v>5</v>
      </c>
      <c r="T18671">
        <v>5</v>
      </c>
      <c r="U18671">
        <v>5</v>
      </c>
      <c r="V18671">
        <v>5</v>
      </c>
      <c r="W18671">
        <v>5</v>
      </c>
      <c r="X18671">
        <v>5</v>
      </c>
      <c r="Y18671">
        <v>5</v>
      </c>
      <c r="Z18671">
        <v>5</v>
      </c>
      <c r="AA18671">
        <v>5</v>
      </c>
      <c r="AB18671">
        <v>5</v>
      </c>
      <c r="AC18671">
        <v>5</v>
      </c>
      <c r="AD18671">
        <v>5</v>
      </c>
      <c r="AE18671">
        <v>6</v>
      </c>
      <c r="AF18671">
        <v>6</v>
      </c>
      <c r="AG18671">
        <v>6</v>
      </c>
      <c r="AH18671">
        <v>6</v>
      </c>
      <c r="AI18671">
        <v>6</v>
      </c>
      <c r="AJ18671">
        <v>6</v>
      </c>
      <c r="AK18671">
        <v>6</v>
      </c>
      <c r="AL18671">
        <v>6</v>
      </c>
      <c r="AM18671">
        <v>6</v>
      </c>
      <c r="AN18671">
        <v>6</v>
      </c>
      <c r="AO18671">
        <v>7</v>
      </c>
      <c r="AP18671">
        <v>7</v>
      </c>
      <c r="AQ18671">
        <v>7</v>
      </c>
    </row>
    <row r="18672" spans="1:43">
      <c r="A18672" t="s">
        <v>11566</v>
      </c>
      <c r="B18672" t="s">
        <v>11567</v>
      </c>
      <c r="C18672" t="s">
        <v>11398</v>
      </c>
      <c r="D18672" t="s">
        <v>11399</v>
      </c>
      <c r="E18672" t="s">
        <v>11206</v>
      </c>
      <c r="F18672" t="s">
        <v>11207</v>
      </c>
      <c r="G18672" t="s">
        <v>10734</v>
      </c>
      <c r="H18672" t="s">
        <v>10735</v>
      </c>
      <c r="I18672" s="2">
        <v>0</v>
      </c>
      <c r="J18672" s="2">
        <v>0</v>
      </c>
      <c r="K18672" s="2">
        <v>1</v>
      </c>
      <c r="L18672" t="s">
        <v>995</v>
      </c>
      <c r="M18672" t="s">
        <v>89</v>
      </c>
      <c r="N18672" t="s">
        <v>90</v>
      </c>
      <c r="O18672" t="s">
        <v>85</v>
      </c>
      <c r="P18672" t="s">
        <v>86</v>
      </c>
      <c r="Q18672">
        <v>4</v>
      </c>
      <c r="R18672">
        <v>5</v>
      </c>
      <c r="S18672">
        <v>5</v>
      </c>
      <c r="T18672">
        <v>5</v>
      </c>
      <c r="U18672">
        <v>5</v>
      </c>
      <c r="V18672">
        <v>5</v>
      </c>
      <c r="W18672">
        <v>5</v>
      </c>
      <c r="X18672">
        <v>6</v>
      </c>
      <c r="Y18672">
        <v>6</v>
      </c>
      <c r="Z18672">
        <v>6</v>
      </c>
      <c r="AA18672">
        <v>6</v>
      </c>
      <c r="AB18672">
        <v>6</v>
      </c>
      <c r="AC18672">
        <v>6</v>
      </c>
      <c r="AD18672">
        <v>7</v>
      </c>
      <c r="AE18672">
        <v>7</v>
      </c>
      <c r="AF18672">
        <v>7</v>
      </c>
      <c r="AG18672">
        <v>7</v>
      </c>
      <c r="AH18672">
        <v>7</v>
      </c>
      <c r="AI18672">
        <v>7</v>
      </c>
      <c r="AJ18672">
        <v>7</v>
      </c>
      <c r="AK18672">
        <v>7</v>
      </c>
      <c r="AL18672">
        <v>7</v>
      </c>
      <c r="AM18672">
        <v>7</v>
      </c>
      <c r="AN18672">
        <v>8</v>
      </c>
      <c r="AO18672">
        <v>8</v>
      </c>
      <c r="AP18672">
        <v>8</v>
      </c>
      <c r="AQ18672">
        <v>8</v>
      </c>
    </row>
    <row r="18673" spans="1:43">
      <c r="A18673" t="s">
        <v>11566</v>
      </c>
      <c r="B18673" t="s">
        <v>11567</v>
      </c>
      <c r="C18673" t="s">
        <v>11398</v>
      </c>
      <c r="D18673" t="s">
        <v>11399</v>
      </c>
      <c r="E18673" t="s">
        <v>11206</v>
      </c>
      <c r="F18673" t="s">
        <v>11207</v>
      </c>
      <c r="G18673" t="s">
        <v>10734</v>
      </c>
      <c r="H18673" t="s">
        <v>10735</v>
      </c>
      <c r="I18673" s="2">
        <v>0</v>
      </c>
      <c r="J18673" s="2">
        <v>0</v>
      </c>
      <c r="K18673" s="2">
        <v>1</v>
      </c>
      <c r="L18673" t="s">
        <v>995</v>
      </c>
      <c r="M18673" t="s">
        <v>83</v>
      </c>
      <c r="N18673" t="s">
        <v>91</v>
      </c>
      <c r="O18673" t="s">
        <v>85</v>
      </c>
      <c r="P18673" t="s">
        <v>86</v>
      </c>
      <c r="Q18673">
        <v>4</v>
      </c>
      <c r="R18673">
        <v>5</v>
      </c>
      <c r="S18673">
        <v>5</v>
      </c>
      <c r="T18673">
        <v>5</v>
      </c>
      <c r="U18673">
        <v>5</v>
      </c>
      <c r="V18673">
        <v>5</v>
      </c>
      <c r="W18673">
        <v>5</v>
      </c>
      <c r="X18673">
        <v>5</v>
      </c>
      <c r="Y18673">
        <v>5</v>
      </c>
      <c r="Z18673">
        <v>6</v>
      </c>
      <c r="AA18673">
        <v>6</v>
      </c>
      <c r="AB18673">
        <v>6</v>
      </c>
      <c r="AC18673">
        <v>6</v>
      </c>
      <c r="AD18673">
        <v>6</v>
      </c>
      <c r="AE18673">
        <v>6</v>
      </c>
      <c r="AF18673">
        <v>6</v>
      </c>
      <c r="AG18673">
        <v>7</v>
      </c>
      <c r="AH18673">
        <v>7</v>
      </c>
      <c r="AI18673">
        <v>7</v>
      </c>
      <c r="AJ18673">
        <v>7</v>
      </c>
      <c r="AK18673">
        <v>7</v>
      </c>
      <c r="AL18673">
        <v>7</v>
      </c>
      <c r="AM18673">
        <v>7</v>
      </c>
      <c r="AN18673">
        <v>7</v>
      </c>
      <c r="AO18673">
        <v>8</v>
      </c>
      <c r="AP18673">
        <v>8</v>
      </c>
      <c r="AQ18673">
        <v>8</v>
      </c>
    </row>
    <row r="18674" spans="1:43">
      <c r="A18674" t="s">
        <v>11568</v>
      </c>
      <c r="B18674" t="s">
        <v>11569</v>
      </c>
      <c r="C18674" t="s">
        <v>11570</v>
      </c>
      <c r="D18674" t="s">
        <v>11571</v>
      </c>
      <c r="E18674" t="s">
        <v>11206</v>
      </c>
      <c r="F18674" t="s">
        <v>11207</v>
      </c>
      <c r="G18674" t="s">
        <v>10734</v>
      </c>
      <c r="H18674" t="s">
        <v>10735</v>
      </c>
      <c r="I18674" s="2">
        <v>0</v>
      </c>
      <c r="J18674" s="2">
        <v>0</v>
      </c>
      <c r="K18674" s="2">
        <v>1</v>
      </c>
      <c r="L18674" t="s">
        <v>995</v>
      </c>
      <c r="M18674" t="s">
        <v>83</v>
      </c>
      <c r="N18674" t="s">
        <v>84</v>
      </c>
      <c r="O18674" t="s">
        <v>85</v>
      </c>
      <c r="P18674" t="s">
        <v>86</v>
      </c>
      <c r="Q18674">
        <v>18</v>
      </c>
      <c r="R18674">
        <v>18</v>
      </c>
      <c r="S18674">
        <v>19</v>
      </c>
      <c r="T18674">
        <v>19</v>
      </c>
      <c r="U18674">
        <v>20</v>
      </c>
      <c r="V18674">
        <v>20</v>
      </c>
      <c r="W18674">
        <v>21</v>
      </c>
      <c r="X18674">
        <v>22</v>
      </c>
      <c r="Y18674">
        <v>22</v>
      </c>
      <c r="Z18674">
        <v>23</v>
      </c>
      <c r="AA18674">
        <v>23</v>
      </c>
      <c r="AB18674">
        <v>24</v>
      </c>
      <c r="AC18674">
        <v>24</v>
      </c>
      <c r="AD18674">
        <v>25</v>
      </c>
      <c r="AE18674">
        <v>25</v>
      </c>
      <c r="AF18674">
        <v>26</v>
      </c>
      <c r="AG18674">
        <v>27</v>
      </c>
      <c r="AH18674">
        <v>27</v>
      </c>
      <c r="AI18674">
        <v>28</v>
      </c>
      <c r="AJ18674">
        <v>29</v>
      </c>
      <c r="AK18674">
        <v>29</v>
      </c>
      <c r="AL18674">
        <v>30</v>
      </c>
      <c r="AM18674">
        <v>30</v>
      </c>
      <c r="AN18674">
        <v>30</v>
      </c>
      <c r="AO18674">
        <v>31</v>
      </c>
      <c r="AP18674">
        <v>31</v>
      </c>
      <c r="AQ18674">
        <v>32</v>
      </c>
    </row>
    <row r="18675" spans="1:43">
      <c r="A18675" t="s">
        <v>11568</v>
      </c>
      <c r="B18675" t="s">
        <v>11569</v>
      </c>
      <c r="C18675" t="s">
        <v>11570</v>
      </c>
      <c r="D18675" t="s">
        <v>11571</v>
      </c>
      <c r="E18675" t="s">
        <v>11206</v>
      </c>
      <c r="F18675" t="s">
        <v>11207</v>
      </c>
      <c r="G18675" t="s">
        <v>10734</v>
      </c>
      <c r="H18675" t="s">
        <v>10735</v>
      </c>
      <c r="I18675" s="2">
        <v>0</v>
      </c>
      <c r="J18675" s="2">
        <v>0</v>
      </c>
      <c r="K18675" s="2">
        <v>1</v>
      </c>
      <c r="L18675" t="s">
        <v>995</v>
      </c>
      <c r="M18675" t="s">
        <v>87</v>
      </c>
      <c r="N18675" t="s">
        <v>88</v>
      </c>
      <c r="O18675" t="s">
        <v>85</v>
      </c>
      <c r="P18675" t="s">
        <v>86</v>
      </c>
      <c r="Q18675">
        <v>18</v>
      </c>
      <c r="R18675">
        <v>18</v>
      </c>
      <c r="S18675">
        <v>18</v>
      </c>
      <c r="T18675">
        <v>19</v>
      </c>
      <c r="U18675">
        <v>19</v>
      </c>
      <c r="V18675">
        <v>19</v>
      </c>
      <c r="W18675">
        <v>20</v>
      </c>
      <c r="X18675">
        <v>20</v>
      </c>
      <c r="Y18675">
        <v>20</v>
      </c>
      <c r="Z18675">
        <v>21</v>
      </c>
      <c r="AA18675">
        <v>21</v>
      </c>
      <c r="AB18675">
        <v>21</v>
      </c>
      <c r="AC18675">
        <v>22</v>
      </c>
      <c r="AD18675">
        <v>22</v>
      </c>
      <c r="AE18675">
        <v>23</v>
      </c>
      <c r="AF18675">
        <v>23</v>
      </c>
      <c r="AG18675">
        <v>23</v>
      </c>
      <c r="AH18675">
        <v>24</v>
      </c>
      <c r="AI18675">
        <v>24</v>
      </c>
      <c r="AJ18675">
        <v>25</v>
      </c>
      <c r="AK18675">
        <v>25</v>
      </c>
      <c r="AL18675">
        <v>25</v>
      </c>
      <c r="AM18675">
        <v>26</v>
      </c>
      <c r="AN18675">
        <v>26</v>
      </c>
      <c r="AO18675">
        <v>27</v>
      </c>
      <c r="AP18675">
        <v>27</v>
      </c>
      <c r="AQ18675">
        <v>28</v>
      </c>
    </row>
    <row r="18676" spans="1:43">
      <c r="A18676" t="s">
        <v>11568</v>
      </c>
      <c r="B18676" t="s">
        <v>11569</v>
      </c>
      <c r="C18676" t="s">
        <v>11570</v>
      </c>
      <c r="D18676" t="s">
        <v>11571</v>
      </c>
      <c r="E18676" t="s">
        <v>11206</v>
      </c>
      <c r="F18676" t="s">
        <v>11207</v>
      </c>
      <c r="G18676" t="s">
        <v>10734</v>
      </c>
      <c r="H18676" t="s">
        <v>10735</v>
      </c>
      <c r="I18676" s="2">
        <v>0</v>
      </c>
      <c r="J18676" s="2">
        <v>0</v>
      </c>
      <c r="K18676" s="2">
        <v>1</v>
      </c>
      <c r="L18676" t="s">
        <v>995</v>
      </c>
      <c r="M18676" t="s">
        <v>89</v>
      </c>
      <c r="N18676" t="s">
        <v>90</v>
      </c>
      <c r="O18676" t="s">
        <v>85</v>
      </c>
      <c r="P18676" t="s">
        <v>86</v>
      </c>
      <c r="Q18676">
        <v>18</v>
      </c>
      <c r="R18676">
        <v>19</v>
      </c>
      <c r="S18676">
        <v>19</v>
      </c>
      <c r="T18676">
        <v>20</v>
      </c>
      <c r="U18676">
        <v>21</v>
      </c>
      <c r="V18676">
        <v>21</v>
      </c>
      <c r="W18676">
        <v>22</v>
      </c>
      <c r="X18676">
        <v>23</v>
      </c>
      <c r="Y18676">
        <v>23</v>
      </c>
      <c r="Z18676">
        <v>24</v>
      </c>
      <c r="AA18676">
        <v>25</v>
      </c>
      <c r="AB18676">
        <v>25</v>
      </c>
      <c r="AC18676">
        <v>26</v>
      </c>
      <c r="AD18676">
        <v>27</v>
      </c>
      <c r="AE18676">
        <v>27</v>
      </c>
      <c r="AF18676">
        <v>28</v>
      </c>
      <c r="AG18676">
        <v>28</v>
      </c>
      <c r="AH18676">
        <v>28</v>
      </c>
      <c r="AI18676">
        <v>29</v>
      </c>
      <c r="AJ18676">
        <v>29</v>
      </c>
      <c r="AK18676">
        <v>29</v>
      </c>
      <c r="AL18676">
        <v>30</v>
      </c>
      <c r="AM18676">
        <v>30</v>
      </c>
      <c r="AN18676">
        <v>31</v>
      </c>
      <c r="AO18676">
        <v>31</v>
      </c>
      <c r="AP18676">
        <v>32</v>
      </c>
      <c r="AQ18676">
        <v>32</v>
      </c>
    </row>
    <row r="18677" spans="1:43">
      <c r="A18677" t="s">
        <v>11568</v>
      </c>
      <c r="B18677" t="s">
        <v>11569</v>
      </c>
      <c r="C18677" t="s">
        <v>11570</v>
      </c>
      <c r="D18677" t="s">
        <v>11571</v>
      </c>
      <c r="E18677" t="s">
        <v>11206</v>
      </c>
      <c r="F18677" t="s">
        <v>11207</v>
      </c>
      <c r="G18677" t="s">
        <v>10734</v>
      </c>
      <c r="H18677" t="s">
        <v>10735</v>
      </c>
      <c r="I18677" s="2">
        <v>0</v>
      </c>
      <c r="J18677" s="2">
        <v>0</v>
      </c>
      <c r="K18677" s="2">
        <v>1</v>
      </c>
      <c r="L18677" t="s">
        <v>995</v>
      </c>
      <c r="M18677" t="s">
        <v>83</v>
      </c>
      <c r="N18677" t="s">
        <v>91</v>
      </c>
      <c r="O18677" t="s">
        <v>85</v>
      </c>
      <c r="P18677" t="s">
        <v>86</v>
      </c>
      <c r="Q18677">
        <v>18</v>
      </c>
      <c r="R18677">
        <v>18</v>
      </c>
      <c r="S18677">
        <v>19</v>
      </c>
      <c r="T18677">
        <v>19</v>
      </c>
      <c r="U18677">
        <v>20</v>
      </c>
      <c r="V18677">
        <v>20</v>
      </c>
      <c r="W18677">
        <v>21</v>
      </c>
      <c r="X18677">
        <v>22</v>
      </c>
      <c r="Y18677">
        <v>22</v>
      </c>
      <c r="Z18677">
        <v>23</v>
      </c>
      <c r="AA18677">
        <v>23</v>
      </c>
      <c r="AB18677">
        <v>24</v>
      </c>
      <c r="AC18677">
        <v>24</v>
      </c>
      <c r="AD18677">
        <v>25</v>
      </c>
      <c r="AE18677">
        <v>25</v>
      </c>
      <c r="AF18677">
        <v>26</v>
      </c>
      <c r="AG18677">
        <v>27</v>
      </c>
      <c r="AH18677">
        <v>27</v>
      </c>
      <c r="AI18677">
        <v>28</v>
      </c>
      <c r="AJ18677">
        <v>29</v>
      </c>
      <c r="AK18677">
        <v>29</v>
      </c>
      <c r="AL18677">
        <v>30</v>
      </c>
      <c r="AM18677">
        <v>30</v>
      </c>
      <c r="AN18677">
        <v>30</v>
      </c>
      <c r="AO18677">
        <v>31</v>
      </c>
      <c r="AP18677">
        <v>31</v>
      </c>
      <c r="AQ18677">
        <v>32</v>
      </c>
    </row>
    <row r="18678" spans="1:43">
      <c r="A18678" t="s">
        <v>11572</v>
      </c>
      <c r="B18678" t="s">
        <v>11573</v>
      </c>
      <c r="C18678" t="s">
        <v>11570</v>
      </c>
      <c r="D18678" t="s">
        <v>11571</v>
      </c>
      <c r="E18678" t="s">
        <v>11206</v>
      </c>
      <c r="F18678" t="s">
        <v>11207</v>
      </c>
      <c r="G18678" t="s">
        <v>10734</v>
      </c>
      <c r="H18678" t="s">
        <v>10735</v>
      </c>
      <c r="I18678" s="2">
        <v>0</v>
      </c>
      <c r="J18678" s="2">
        <v>0</v>
      </c>
      <c r="K18678" s="2">
        <v>1</v>
      </c>
      <c r="L18678" t="s">
        <v>995</v>
      </c>
      <c r="M18678" t="s">
        <v>83</v>
      </c>
      <c r="N18678" t="s">
        <v>84</v>
      </c>
      <c r="O18678" t="s">
        <v>85</v>
      </c>
      <c r="P18678" t="s">
        <v>86</v>
      </c>
      <c r="Q18678">
        <v>6</v>
      </c>
      <c r="R18678">
        <v>7</v>
      </c>
      <c r="S18678">
        <v>7</v>
      </c>
      <c r="T18678">
        <v>7</v>
      </c>
      <c r="U18678">
        <v>7</v>
      </c>
      <c r="V18678">
        <v>7</v>
      </c>
      <c r="W18678">
        <v>7</v>
      </c>
      <c r="X18678">
        <v>8</v>
      </c>
      <c r="Y18678">
        <v>8</v>
      </c>
      <c r="Z18678">
        <v>8</v>
      </c>
      <c r="AA18678">
        <v>8</v>
      </c>
      <c r="AB18678">
        <v>8</v>
      </c>
      <c r="AC18678">
        <v>9</v>
      </c>
      <c r="AD18678">
        <v>9</v>
      </c>
      <c r="AE18678">
        <v>9</v>
      </c>
      <c r="AF18678">
        <v>9</v>
      </c>
      <c r="AG18678">
        <v>9</v>
      </c>
      <c r="AH18678">
        <v>10</v>
      </c>
      <c r="AI18678">
        <v>10</v>
      </c>
      <c r="AJ18678">
        <v>10</v>
      </c>
      <c r="AK18678">
        <v>10</v>
      </c>
      <c r="AL18678">
        <v>11</v>
      </c>
      <c r="AM18678">
        <v>11</v>
      </c>
      <c r="AN18678">
        <v>11</v>
      </c>
      <c r="AO18678">
        <v>11</v>
      </c>
      <c r="AP18678">
        <v>11</v>
      </c>
      <c r="AQ18678">
        <v>11</v>
      </c>
    </row>
    <row r="18679" spans="1:43">
      <c r="A18679" t="s">
        <v>11572</v>
      </c>
      <c r="B18679" t="s">
        <v>11573</v>
      </c>
      <c r="C18679" t="s">
        <v>11570</v>
      </c>
      <c r="D18679" t="s">
        <v>11571</v>
      </c>
      <c r="E18679" t="s">
        <v>11206</v>
      </c>
      <c r="F18679" t="s">
        <v>11207</v>
      </c>
      <c r="G18679" t="s">
        <v>10734</v>
      </c>
      <c r="H18679" t="s">
        <v>10735</v>
      </c>
      <c r="I18679" s="2">
        <v>0</v>
      </c>
      <c r="J18679" s="2">
        <v>0</v>
      </c>
      <c r="K18679" s="2">
        <v>1</v>
      </c>
      <c r="L18679" t="s">
        <v>995</v>
      </c>
      <c r="M18679" t="s">
        <v>87</v>
      </c>
      <c r="N18679" t="s">
        <v>88</v>
      </c>
      <c r="O18679" t="s">
        <v>85</v>
      </c>
      <c r="P18679" t="s">
        <v>86</v>
      </c>
      <c r="Q18679">
        <v>6</v>
      </c>
      <c r="R18679">
        <v>6</v>
      </c>
      <c r="S18679">
        <v>7</v>
      </c>
      <c r="T18679">
        <v>7</v>
      </c>
      <c r="U18679">
        <v>7</v>
      </c>
      <c r="V18679">
        <v>7</v>
      </c>
      <c r="W18679">
        <v>7</v>
      </c>
      <c r="X18679">
        <v>7</v>
      </c>
      <c r="Y18679">
        <v>7</v>
      </c>
      <c r="Z18679">
        <v>7</v>
      </c>
      <c r="AA18679">
        <v>7</v>
      </c>
      <c r="AB18679">
        <v>8</v>
      </c>
      <c r="AC18679">
        <v>8</v>
      </c>
      <c r="AD18679">
        <v>8</v>
      </c>
      <c r="AE18679">
        <v>8</v>
      </c>
      <c r="AF18679">
        <v>8</v>
      </c>
      <c r="AG18679">
        <v>8</v>
      </c>
      <c r="AH18679">
        <v>8</v>
      </c>
      <c r="AI18679">
        <v>9</v>
      </c>
      <c r="AJ18679">
        <v>9</v>
      </c>
      <c r="AK18679">
        <v>9</v>
      </c>
      <c r="AL18679">
        <v>9</v>
      </c>
      <c r="AM18679">
        <v>9</v>
      </c>
      <c r="AN18679">
        <v>9</v>
      </c>
      <c r="AO18679">
        <v>9</v>
      </c>
      <c r="AP18679">
        <v>10</v>
      </c>
      <c r="AQ18679">
        <v>10</v>
      </c>
    </row>
    <row r="18680" spans="1:43">
      <c r="A18680" t="s">
        <v>11572</v>
      </c>
      <c r="B18680" t="s">
        <v>11573</v>
      </c>
      <c r="C18680" t="s">
        <v>11570</v>
      </c>
      <c r="D18680" t="s">
        <v>11571</v>
      </c>
      <c r="E18680" t="s">
        <v>11206</v>
      </c>
      <c r="F18680" t="s">
        <v>11207</v>
      </c>
      <c r="G18680" t="s">
        <v>10734</v>
      </c>
      <c r="H18680" t="s">
        <v>10735</v>
      </c>
      <c r="I18680" s="2">
        <v>0</v>
      </c>
      <c r="J18680" s="2">
        <v>0</v>
      </c>
      <c r="K18680" s="2">
        <v>1</v>
      </c>
      <c r="L18680" t="s">
        <v>995</v>
      </c>
      <c r="M18680" t="s">
        <v>89</v>
      </c>
      <c r="N18680" t="s">
        <v>90</v>
      </c>
      <c r="O18680" t="s">
        <v>85</v>
      </c>
      <c r="P18680" t="s">
        <v>86</v>
      </c>
      <c r="Q18680">
        <v>6</v>
      </c>
      <c r="R18680">
        <v>7</v>
      </c>
      <c r="S18680">
        <v>7</v>
      </c>
      <c r="T18680">
        <v>7</v>
      </c>
      <c r="U18680">
        <v>7</v>
      </c>
      <c r="V18680">
        <v>8</v>
      </c>
      <c r="W18680">
        <v>8</v>
      </c>
      <c r="X18680">
        <v>8</v>
      </c>
      <c r="Y18680">
        <v>8</v>
      </c>
      <c r="Z18680">
        <v>9</v>
      </c>
      <c r="AA18680">
        <v>9</v>
      </c>
      <c r="AB18680">
        <v>9</v>
      </c>
      <c r="AC18680">
        <v>9</v>
      </c>
      <c r="AD18680">
        <v>9</v>
      </c>
      <c r="AE18680">
        <v>10</v>
      </c>
      <c r="AF18680">
        <v>10</v>
      </c>
      <c r="AG18680">
        <v>10</v>
      </c>
      <c r="AH18680">
        <v>10</v>
      </c>
      <c r="AI18680">
        <v>10</v>
      </c>
      <c r="AJ18680">
        <v>10</v>
      </c>
      <c r="AK18680">
        <v>10</v>
      </c>
      <c r="AL18680">
        <v>11</v>
      </c>
      <c r="AM18680">
        <v>11</v>
      </c>
      <c r="AN18680">
        <v>11</v>
      </c>
      <c r="AO18680">
        <v>11</v>
      </c>
      <c r="AP18680">
        <v>11</v>
      </c>
      <c r="AQ18680">
        <v>11</v>
      </c>
    </row>
    <row r="18681" spans="1:43">
      <c r="A18681" t="s">
        <v>11572</v>
      </c>
      <c r="B18681" t="s">
        <v>11573</v>
      </c>
      <c r="C18681" t="s">
        <v>11570</v>
      </c>
      <c r="D18681" t="s">
        <v>11571</v>
      </c>
      <c r="E18681" t="s">
        <v>11206</v>
      </c>
      <c r="F18681" t="s">
        <v>11207</v>
      </c>
      <c r="G18681" t="s">
        <v>10734</v>
      </c>
      <c r="H18681" t="s">
        <v>10735</v>
      </c>
      <c r="I18681" s="2">
        <v>0</v>
      </c>
      <c r="J18681" s="2">
        <v>0</v>
      </c>
      <c r="K18681" s="2">
        <v>1</v>
      </c>
      <c r="L18681" t="s">
        <v>995</v>
      </c>
      <c r="M18681" t="s">
        <v>83</v>
      </c>
      <c r="N18681" t="s">
        <v>91</v>
      </c>
      <c r="O18681" t="s">
        <v>85</v>
      </c>
      <c r="P18681" t="s">
        <v>86</v>
      </c>
      <c r="Q18681">
        <v>6</v>
      </c>
      <c r="R18681">
        <v>7</v>
      </c>
      <c r="S18681">
        <v>7</v>
      </c>
      <c r="T18681">
        <v>7</v>
      </c>
      <c r="U18681">
        <v>7</v>
      </c>
      <c r="V18681">
        <v>7</v>
      </c>
      <c r="W18681">
        <v>7</v>
      </c>
      <c r="X18681">
        <v>8</v>
      </c>
      <c r="Y18681">
        <v>8</v>
      </c>
      <c r="Z18681">
        <v>8</v>
      </c>
      <c r="AA18681">
        <v>8</v>
      </c>
      <c r="AB18681">
        <v>8</v>
      </c>
      <c r="AC18681">
        <v>9</v>
      </c>
      <c r="AD18681">
        <v>9</v>
      </c>
      <c r="AE18681">
        <v>9</v>
      </c>
      <c r="AF18681">
        <v>9</v>
      </c>
      <c r="AG18681">
        <v>9</v>
      </c>
      <c r="AH18681">
        <v>10</v>
      </c>
      <c r="AI18681">
        <v>10</v>
      </c>
      <c r="AJ18681">
        <v>10</v>
      </c>
      <c r="AK18681">
        <v>10</v>
      </c>
      <c r="AL18681">
        <v>11</v>
      </c>
      <c r="AM18681">
        <v>11</v>
      </c>
      <c r="AN18681">
        <v>11</v>
      </c>
      <c r="AO18681">
        <v>11</v>
      </c>
      <c r="AP18681">
        <v>11</v>
      </c>
      <c r="AQ18681">
        <v>11</v>
      </c>
    </row>
    <row r="18682" spans="1:43">
      <c r="A18682" t="s">
        <v>11574</v>
      </c>
      <c r="B18682" t="s">
        <v>11575</v>
      </c>
      <c r="C18682" t="s">
        <v>11306</v>
      </c>
      <c r="D18682" t="s">
        <v>11307</v>
      </c>
      <c r="E18682" t="s">
        <v>11206</v>
      </c>
      <c r="F18682" t="s">
        <v>11207</v>
      </c>
      <c r="G18682" t="s">
        <v>10734</v>
      </c>
      <c r="H18682" t="s">
        <v>10735</v>
      </c>
      <c r="I18682" s="2">
        <v>0</v>
      </c>
      <c r="J18682" s="2">
        <v>0</v>
      </c>
      <c r="K18682" s="2">
        <v>1</v>
      </c>
      <c r="L18682" t="s">
        <v>995</v>
      </c>
      <c r="M18682" t="s">
        <v>83</v>
      </c>
      <c r="N18682" t="s">
        <v>84</v>
      </c>
      <c r="O18682" t="s">
        <v>85</v>
      </c>
      <c r="P18682" t="s">
        <v>86</v>
      </c>
      <c r="Q18682">
        <v>16</v>
      </c>
      <c r="R18682">
        <v>16</v>
      </c>
      <c r="S18682">
        <v>17</v>
      </c>
      <c r="T18682">
        <v>17</v>
      </c>
      <c r="U18682">
        <v>18</v>
      </c>
      <c r="V18682">
        <v>18</v>
      </c>
      <c r="W18682">
        <v>18</v>
      </c>
      <c r="X18682">
        <v>19</v>
      </c>
      <c r="Y18682">
        <v>19</v>
      </c>
      <c r="Z18682">
        <v>20</v>
      </c>
      <c r="AA18682">
        <v>20</v>
      </c>
      <c r="AB18682">
        <v>21</v>
      </c>
      <c r="AC18682">
        <v>21</v>
      </c>
      <c r="AD18682">
        <v>22</v>
      </c>
      <c r="AE18682">
        <v>22</v>
      </c>
      <c r="AF18682">
        <v>23</v>
      </c>
      <c r="AG18682">
        <v>23</v>
      </c>
      <c r="AH18682">
        <v>24</v>
      </c>
      <c r="AI18682">
        <v>24</v>
      </c>
      <c r="AJ18682">
        <v>25</v>
      </c>
      <c r="AK18682">
        <v>26</v>
      </c>
      <c r="AL18682">
        <v>26</v>
      </c>
      <c r="AM18682">
        <v>26</v>
      </c>
      <c r="AN18682">
        <v>27</v>
      </c>
      <c r="AO18682">
        <v>27</v>
      </c>
      <c r="AP18682">
        <v>28</v>
      </c>
      <c r="AQ18682">
        <v>28</v>
      </c>
    </row>
    <row r="18683" spans="1:43">
      <c r="A18683" t="s">
        <v>11574</v>
      </c>
      <c r="B18683" t="s">
        <v>11575</v>
      </c>
      <c r="C18683" t="s">
        <v>11306</v>
      </c>
      <c r="D18683" t="s">
        <v>11307</v>
      </c>
      <c r="E18683" t="s">
        <v>11206</v>
      </c>
      <c r="F18683" t="s">
        <v>11207</v>
      </c>
      <c r="G18683" t="s">
        <v>10734</v>
      </c>
      <c r="H18683" t="s">
        <v>10735</v>
      </c>
      <c r="I18683" s="2">
        <v>0</v>
      </c>
      <c r="J18683" s="2">
        <v>0</v>
      </c>
      <c r="K18683" s="2">
        <v>1</v>
      </c>
      <c r="L18683" t="s">
        <v>995</v>
      </c>
      <c r="M18683" t="s">
        <v>87</v>
      </c>
      <c r="N18683" t="s">
        <v>88</v>
      </c>
      <c r="O18683" t="s">
        <v>85</v>
      </c>
      <c r="P18683" t="s">
        <v>86</v>
      </c>
      <c r="Q18683">
        <v>16</v>
      </c>
      <c r="R18683">
        <v>16</v>
      </c>
      <c r="S18683">
        <v>16</v>
      </c>
      <c r="T18683">
        <v>16</v>
      </c>
      <c r="U18683">
        <v>17</v>
      </c>
      <c r="V18683">
        <v>17</v>
      </c>
      <c r="W18683">
        <v>17</v>
      </c>
      <c r="X18683">
        <v>18</v>
      </c>
      <c r="Y18683">
        <v>18</v>
      </c>
      <c r="Z18683">
        <v>18</v>
      </c>
      <c r="AA18683">
        <v>18</v>
      </c>
      <c r="AB18683">
        <v>19</v>
      </c>
      <c r="AC18683">
        <v>19</v>
      </c>
      <c r="AD18683">
        <v>19</v>
      </c>
      <c r="AE18683">
        <v>20</v>
      </c>
      <c r="AF18683">
        <v>20</v>
      </c>
      <c r="AG18683">
        <v>20</v>
      </c>
      <c r="AH18683">
        <v>21</v>
      </c>
      <c r="AI18683">
        <v>21</v>
      </c>
      <c r="AJ18683">
        <v>21</v>
      </c>
      <c r="AK18683">
        <v>22</v>
      </c>
      <c r="AL18683">
        <v>22</v>
      </c>
      <c r="AM18683">
        <v>23</v>
      </c>
      <c r="AN18683">
        <v>23</v>
      </c>
      <c r="AO18683">
        <v>23</v>
      </c>
      <c r="AP18683">
        <v>24</v>
      </c>
      <c r="AQ18683">
        <v>24</v>
      </c>
    </row>
    <row r="18684" spans="1:43">
      <c r="A18684" t="s">
        <v>11574</v>
      </c>
      <c r="B18684" t="s">
        <v>11575</v>
      </c>
      <c r="C18684" t="s">
        <v>11306</v>
      </c>
      <c r="D18684" t="s">
        <v>11307</v>
      </c>
      <c r="E18684" t="s">
        <v>11206</v>
      </c>
      <c r="F18684" t="s">
        <v>11207</v>
      </c>
      <c r="G18684" t="s">
        <v>10734</v>
      </c>
      <c r="H18684" t="s">
        <v>10735</v>
      </c>
      <c r="I18684" s="2">
        <v>0</v>
      </c>
      <c r="J18684" s="2">
        <v>0</v>
      </c>
      <c r="K18684" s="2">
        <v>1</v>
      </c>
      <c r="L18684" t="s">
        <v>995</v>
      </c>
      <c r="M18684" t="s">
        <v>89</v>
      </c>
      <c r="N18684" t="s">
        <v>90</v>
      </c>
      <c r="O18684" t="s">
        <v>85</v>
      </c>
      <c r="P18684" t="s">
        <v>86</v>
      </c>
      <c r="Q18684">
        <v>16</v>
      </c>
      <c r="R18684">
        <v>16</v>
      </c>
      <c r="S18684">
        <v>17</v>
      </c>
      <c r="T18684">
        <v>18</v>
      </c>
      <c r="U18684">
        <v>18</v>
      </c>
      <c r="V18684">
        <v>19</v>
      </c>
      <c r="W18684">
        <v>19</v>
      </c>
      <c r="X18684">
        <v>20</v>
      </c>
      <c r="Y18684">
        <v>20</v>
      </c>
      <c r="Z18684">
        <v>21</v>
      </c>
      <c r="AA18684">
        <v>22</v>
      </c>
      <c r="AB18684">
        <v>22</v>
      </c>
      <c r="AC18684">
        <v>23</v>
      </c>
      <c r="AD18684">
        <v>23</v>
      </c>
      <c r="AE18684">
        <v>24</v>
      </c>
      <c r="AF18684">
        <v>24</v>
      </c>
      <c r="AG18684">
        <v>25</v>
      </c>
      <c r="AH18684">
        <v>25</v>
      </c>
      <c r="AI18684">
        <v>25</v>
      </c>
      <c r="AJ18684">
        <v>26</v>
      </c>
      <c r="AK18684">
        <v>26</v>
      </c>
      <c r="AL18684">
        <v>26</v>
      </c>
      <c r="AM18684">
        <v>27</v>
      </c>
      <c r="AN18684">
        <v>27</v>
      </c>
      <c r="AO18684">
        <v>27</v>
      </c>
      <c r="AP18684">
        <v>28</v>
      </c>
      <c r="AQ18684">
        <v>28</v>
      </c>
    </row>
    <row r="18685" spans="1:43">
      <c r="A18685" t="s">
        <v>11574</v>
      </c>
      <c r="B18685" t="s">
        <v>11575</v>
      </c>
      <c r="C18685" t="s">
        <v>11306</v>
      </c>
      <c r="D18685" t="s">
        <v>11307</v>
      </c>
      <c r="E18685" t="s">
        <v>11206</v>
      </c>
      <c r="F18685" t="s">
        <v>11207</v>
      </c>
      <c r="G18685" t="s">
        <v>10734</v>
      </c>
      <c r="H18685" t="s">
        <v>10735</v>
      </c>
      <c r="I18685" s="2">
        <v>0</v>
      </c>
      <c r="J18685" s="2">
        <v>0</v>
      </c>
      <c r="K18685" s="2">
        <v>1</v>
      </c>
      <c r="L18685" t="s">
        <v>995</v>
      </c>
      <c r="M18685" t="s">
        <v>83</v>
      </c>
      <c r="N18685" t="s">
        <v>91</v>
      </c>
      <c r="O18685" t="s">
        <v>85</v>
      </c>
      <c r="P18685" t="s">
        <v>86</v>
      </c>
      <c r="Q18685">
        <v>16</v>
      </c>
      <c r="R18685">
        <v>16</v>
      </c>
      <c r="S18685">
        <v>17</v>
      </c>
      <c r="T18685">
        <v>17</v>
      </c>
      <c r="U18685">
        <v>18</v>
      </c>
      <c r="V18685">
        <v>18</v>
      </c>
      <c r="W18685">
        <v>18</v>
      </c>
      <c r="X18685">
        <v>19</v>
      </c>
      <c r="Y18685">
        <v>19</v>
      </c>
      <c r="Z18685">
        <v>20</v>
      </c>
      <c r="AA18685">
        <v>20</v>
      </c>
      <c r="AB18685">
        <v>21</v>
      </c>
      <c r="AC18685">
        <v>21</v>
      </c>
      <c r="AD18685">
        <v>22</v>
      </c>
      <c r="AE18685">
        <v>22</v>
      </c>
      <c r="AF18685">
        <v>23</v>
      </c>
      <c r="AG18685">
        <v>23</v>
      </c>
      <c r="AH18685">
        <v>24</v>
      </c>
      <c r="AI18685">
        <v>24</v>
      </c>
      <c r="AJ18685">
        <v>25</v>
      </c>
      <c r="AK18685">
        <v>26</v>
      </c>
      <c r="AL18685">
        <v>26</v>
      </c>
      <c r="AM18685">
        <v>26</v>
      </c>
      <c r="AN18685">
        <v>27</v>
      </c>
      <c r="AO18685">
        <v>27</v>
      </c>
      <c r="AP18685">
        <v>28</v>
      </c>
      <c r="AQ18685">
        <v>28</v>
      </c>
    </row>
    <row r="18686" spans="1:43">
      <c r="A18686" t="s">
        <v>11576</v>
      </c>
      <c r="B18686" t="s">
        <v>11577</v>
      </c>
      <c r="C18686" t="s">
        <v>11570</v>
      </c>
      <c r="D18686" t="s">
        <v>11571</v>
      </c>
      <c r="E18686" t="s">
        <v>11206</v>
      </c>
      <c r="F18686" t="s">
        <v>11207</v>
      </c>
      <c r="G18686" t="s">
        <v>10734</v>
      </c>
      <c r="H18686" t="s">
        <v>10735</v>
      </c>
      <c r="I18686" s="2">
        <v>0</v>
      </c>
      <c r="J18686" s="2">
        <v>0</v>
      </c>
      <c r="K18686" s="2">
        <v>1</v>
      </c>
      <c r="L18686" t="s">
        <v>995</v>
      </c>
      <c r="M18686" t="s">
        <v>83</v>
      </c>
      <c r="N18686" t="s">
        <v>84</v>
      </c>
      <c r="O18686" t="s">
        <v>85</v>
      </c>
      <c r="P18686" t="s">
        <v>86</v>
      </c>
      <c r="Q18686">
        <v>7</v>
      </c>
      <c r="R18686">
        <v>8</v>
      </c>
      <c r="S18686">
        <v>8</v>
      </c>
      <c r="T18686">
        <v>8</v>
      </c>
      <c r="U18686">
        <v>8</v>
      </c>
      <c r="V18686">
        <v>9</v>
      </c>
      <c r="W18686">
        <v>9</v>
      </c>
      <c r="X18686">
        <v>9</v>
      </c>
      <c r="Y18686">
        <v>9</v>
      </c>
      <c r="Z18686">
        <v>9</v>
      </c>
      <c r="AA18686">
        <v>10</v>
      </c>
      <c r="AB18686">
        <v>10</v>
      </c>
      <c r="AC18686">
        <v>10</v>
      </c>
      <c r="AD18686">
        <v>10</v>
      </c>
      <c r="AE18686">
        <v>11</v>
      </c>
      <c r="AF18686">
        <v>11</v>
      </c>
      <c r="AG18686">
        <v>11</v>
      </c>
      <c r="AH18686">
        <v>11</v>
      </c>
      <c r="AI18686">
        <v>12</v>
      </c>
      <c r="AJ18686">
        <v>12</v>
      </c>
      <c r="AK18686">
        <v>12</v>
      </c>
      <c r="AL18686">
        <v>12</v>
      </c>
      <c r="AM18686">
        <v>13</v>
      </c>
      <c r="AN18686">
        <v>13</v>
      </c>
      <c r="AO18686">
        <v>13</v>
      </c>
      <c r="AP18686">
        <v>13</v>
      </c>
      <c r="AQ18686">
        <v>13</v>
      </c>
    </row>
    <row r="18687" spans="1:43">
      <c r="A18687" t="s">
        <v>11576</v>
      </c>
      <c r="B18687" t="s">
        <v>11577</v>
      </c>
      <c r="C18687" t="s">
        <v>11570</v>
      </c>
      <c r="D18687" t="s">
        <v>11571</v>
      </c>
      <c r="E18687" t="s">
        <v>11206</v>
      </c>
      <c r="F18687" t="s">
        <v>11207</v>
      </c>
      <c r="G18687" t="s">
        <v>10734</v>
      </c>
      <c r="H18687" t="s">
        <v>10735</v>
      </c>
      <c r="I18687" s="2">
        <v>0</v>
      </c>
      <c r="J18687" s="2">
        <v>0</v>
      </c>
      <c r="K18687" s="2">
        <v>1</v>
      </c>
      <c r="L18687" t="s">
        <v>995</v>
      </c>
      <c r="M18687" t="s">
        <v>87</v>
      </c>
      <c r="N18687" t="s">
        <v>88</v>
      </c>
      <c r="O18687" t="s">
        <v>85</v>
      </c>
      <c r="P18687" t="s">
        <v>86</v>
      </c>
      <c r="Q18687">
        <v>7</v>
      </c>
      <c r="R18687">
        <v>8</v>
      </c>
      <c r="S18687">
        <v>8</v>
      </c>
      <c r="T18687">
        <v>8</v>
      </c>
      <c r="U18687">
        <v>8</v>
      </c>
      <c r="V18687">
        <v>8</v>
      </c>
      <c r="W18687">
        <v>8</v>
      </c>
      <c r="X18687">
        <v>8</v>
      </c>
      <c r="Y18687">
        <v>8</v>
      </c>
      <c r="Z18687">
        <v>9</v>
      </c>
      <c r="AA18687">
        <v>9</v>
      </c>
      <c r="AB18687">
        <v>9</v>
      </c>
      <c r="AC18687">
        <v>9</v>
      </c>
      <c r="AD18687">
        <v>9</v>
      </c>
      <c r="AE18687">
        <v>9</v>
      </c>
      <c r="AF18687">
        <v>10</v>
      </c>
      <c r="AG18687">
        <v>10</v>
      </c>
      <c r="AH18687">
        <v>10</v>
      </c>
      <c r="AI18687">
        <v>10</v>
      </c>
      <c r="AJ18687">
        <v>10</v>
      </c>
      <c r="AK18687">
        <v>10</v>
      </c>
      <c r="AL18687">
        <v>11</v>
      </c>
      <c r="AM18687">
        <v>11</v>
      </c>
      <c r="AN18687">
        <v>11</v>
      </c>
      <c r="AO18687">
        <v>11</v>
      </c>
      <c r="AP18687">
        <v>11</v>
      </c>
      <c r="AQ18687">
        <v>12</v>
      </c>
    </row>
    <row r="18688" spans="1:43">
      <c r="A18688" t="s">
        <v>11576</v>
      </c>
      <c r="B18688" t="s">
        <v>11577</v>
      </c>
      <c r="C18688" t="s">
        <v>11570</v>
      </c>
      <c r="D18688" t="s">
        <v>11571</v>
      </c>
      <c r="E18688" t="s">
        <v>11206</v>
      </c>
      <c r="F18688" t="s">
        <v>11207</v>
      </c>
      <c r="G18688" t="s">
        <v>10734</v>
      </c>
      <c r="H18688" t="s">
        <v>10735</v>
      </c>
      <c r="I18688" s="2">
        <v>0</v>
      </c>
      <c r="J18688" s="2">
        <v>0</v>
      </c>
      <c r="K18688" s="2">
        <v>1</v>
      </c>
      <c r="L18688" t="s">
        <v>995</v>
      </c>
      <c r="M18688" t="s">
        <v>89</v>
      </c>
      <c r="N18688" t="s">
        <v>90</v>
      </c>
      <c r="O18688" t="s">
        <v>85</v>
      </c>
      <c r="P18688" t="s">
        <v>86</v>
      </c>
      <c r="Q18688">
        <v>7</v>
      </c>
      <c r="R18688">
        <v>7</v>
      </c>
      <c r="S18688">
        <v>7</v>
      </c>
      <c r="T18688">
        <v>7</v>
      </c>
      <c r="U18688">
        <v>8</v>
      </c>
      <c r="V18688">
        <v>8</v>
      </c>
      <c r="W18688">
        <v>8</v>
      </c>
      <c r="X18688">
        <v>8</v>
      </c>
      <c r="Y18688">
        <v>9</v>
      </c>
      <c r="Z18688">
        <v>9</v>
      </c>
      <c r="AA18688">
        <v>9</v>
      </c>
      <c r="AB18688">
        <v>10</v>
      </c>
      <c r="AC18688">
        <v>10</v>
      </c>
      <c r="AD18688">
        <v>10</v>
      </c>
      <c r="AE18688">
        <v>10</v>
      </c>
      <c r="AF18688">
        <v>10</v>
      </c>
      <c r="AG18688">
        <v>11</v>
      </c>
      <c r="AH18688">
        <v>11</v>
      </c>
      <c r="AI18688">
        <v>11</v>
      </c>
      <c r="AJ18688">
        <v>11</v>
      </c>
      <c r="AK18688">
        <v>11</v>
      </c>
      <c r="AL18688">
        <v>11</v>
      </c>
      <c r="AM18688">
        <v>12</v>
      </c>
      <c r="AN18688">
        <v>12</v>
      </c>
      <c r="AO18688">
        <v>12</v>
      </c>
      <c r="AP18688">
        <v>12</v>
      </c>
      <c r="AQ18688">
        <v>12</v>
      </c>
    </row>
    <row r="18689" spans="1:43">
      <c r="A18689" t="s">
        <v>11576</v>
      </c>
      <c r="B18689" t="s">
        <v>11577</v>
      </c>
      <c r="C18689" t="s">
        <v>11570</v>
      </c>
      <c r="D18689" t="s">
        <v>11571</v>
      </c>
      <c r="E18689" t="s">
        <v>11206</v>
      </c>
      <c r="F18689" t="s">
        <v>11207</v>
      </c>
      <c r="G18689" t="s">
        <v>10734</v>
      </c>
      <c r="H18689" t="s">
        <v>10735</v>
      </c>
      <c r="I18689" s="2">
        <v>0</v>
      </c>
      <c r="J18689" s="2">
        <v>0</v>
      </c>
      <c r="K18689" s="2">
        <v>1</v>
      </c>
      <c r="L18689" t="s">
        <v>995</v>
      </c>
      <c r="M18689" t="s">
        <v>83</v>
      </c>
      <c r="N18689" t="s">
        <v>91</v>
      </c>
      <c r="O18689" t="s">
        <v>85</v>
      </c>
      <c r="P18689" t="s">
        <v>86</v>
      </c>
      <c r="Q18689">
        <v>7</v>
      </c>
      <c r="R18689">
        <v>8</v>
      </c>
      <c r="S18689">
        <v>8</v>
      </c>
      <c r="T18689">
        <v>8</v>
      </c>
      <c r="U18689">
        <v>8</v>
      </c>
      <c r="V18689">
        <v>9</v>
      </c>
      <c r="W18689">
        <v>9</v>
      </c>
      <c r="X18689">
        <v>9</v>
      </c>
      <c r="Y18689">
        <v>9</v>
      </c>
      <c r="Z18689">
        <v>9</v>
      </c>
      <c r="AA18689">
        <v>10</v>
      </c>
      <c r="AB18689">
        <v>10</v>
      </c>
      <c r="AC18689">
        <v>10</v>
      </c>
      <c r="AD18689">
        <v>10</v>
      </c>
      <c r="AE18689">
        <v>11</v>
      </c>
      <c r="AF18689">
        <v>11</v>
      </c>
      <c r="AG18689">
        <v>11</v>
      </c>
      <c r="AH18689">
        <v>11</v>
      </c>
      <c r="AI18689">
        <v>12</v>
      </c>
      <c r="AJ18689">
        <v>12</v>
      </c>
      <c r="AK18689">
        <v>12</v>
      </c>
      <c r="AL18689">
        <v>12</v>
      </c>
      <c r="AM18689">
        <v>13</v>
      </c>
      <c r="AN18689">
        <v>13</v>
      </c>
      <c r="AO18689">
        <v>13</v>
      </c>
      <c r="AP18689">
        <v>13</v>
      </c>
      <c r="AQ18689">
        <v>13</v>
      </c>
    </row>
    <row r="18690" spans="1:43">
      <c r="A18690" t="s">
        <v>11578</v>
      </c>
      <c r="B18690" t="s">
        <v>11579</v>
      </c>
      <c r="C18690" t="s">
        <v>11570</v>
      </c>
      <c r="D18690" t="s">
        <v>11571</v>
      </c>
      <c r="E18690" t="s">
        <v>11206</v>
      </c>
      <c r="F18690" t="s">
        <v>11207</v>
      </c>
      <c r="G18690" t="s">
        <v>10734</v>
      </c>
      <c r="H18690" t="s">
        <v>10735</v>
      </c>
      <c r="I18690" s="2">
        <v>0</v>
      </c>
      <c r="J18690" s="2">
        <v>0</v>
      </c>
      <c r="K18690" s="2">
        <v>1</v>
      </c>
      <c r="L18690" t="s">
        <v>995</v>
      </c>
      <c r="M18690" t="s">
        <v>83</v>
      </c>
      <c r="N18690" t="s">
        <v>84</v>
      </c>
      <c r="O18690" t="s">
        <v>85</v>
      </c>
      <c r="P18690" t="s">
        <v>86</v>
      </c>
      <c r="Q18690">
        <v>25</v>
      </c>
      <c r="R18690">
        <v>25</v>
      </c>
      <c r="S18690">
        <v>26</v>
      </c>
      <c r="T18690">
        <v>27</v>
      </c>
      <c r="U18690">
        <v>27</v>
      </c>
      <c r="V18690">
        <v>28</v>
      </c>
      <c r="W18690">
        <v>29</v>
      </c>
      <c r="X18690">
        <v>29</v>
      </c>
      <c r="Y18690">
        <v>30</v>
      </c>
      <c r="Z18690">
        <v>31</v>
      </c>
      <c r="AA18690">
        <v>32</v>
      </c>
      <c r="AB18690">
        <v>32</v>
      </c>
      <c r="AC18690">
        <v>33</v>
      </c>
      <c r="AD18690">
        <v>34</v>
      </c>
      <c r="AE18690">
        <v>35</v>
      </c>
      <c r="AF18690">
        <v>35</v>
      </c>
      <c r="AG18690">
        <v>36</v>
      </c>
      <c r="AH18690">
        <v>37</v>
      </c>
      <c r="AI18690">
        <v>38</v>
      </c>
      <c r="AJ18690">
        <v>39</v>
      </c>
      <c r="AK18690">
        <v>40</v>
      </c>
      <c r="AL18690">
        <v>40</v>
      </c>
      <c r="AM18690">
        <v>41</v>
      </c>
      <c r="AN18690">
        <v>42</v>
      </c>
      <c r="AO18690">
        <v>42</v>
      </c>
      <c r="AP18690">
        <v>43</v>
      </c>
      <c r="AQ18690">
        <v>43</v>
      </c>
    </row>
    <row r="18691" spans="1:43">
      <c r="A18691" t="s">
        <v>11578</v>
      </c>
      <c r="B18691" t="s">
        <v>11579</v>
      </c>
      <c r="C18691" t="s">
        <v>11570</v>
      </c>
      <c r="D18691" t="s">
        <v>11571</v>
      </c>
      <c r="E18691" t="s">
        <v>11206</v>
      </c>
      <c r="F18691" t="s">
        <v>11207</v>
      </c>
      <c r="G18691" t="s">
        <v>10734</v>
      </c>
      <c r="H18691" t="s">
        <v>10735</v>
      </c>
      <c r="I18691" s="2">
        <v>0</v>
      </c>
      <c r="J18691" s="2">
        <v>0</v>
      </c>
      <c r="K18691" s="2">
        <v>1</v>
      </c>
      <c r="L18691" t="s">
        <v>995</v>
      </c>
      <c r="M18691" t="s">
        <v>87</v>
      </c>
      <c r="N18691" t="s">
        <v>88</v>
      </c>
      <c r="O18691" t="s">
        <v>85</v>
      </c>
      <c r="P18691" t="s">
        <v>86</v>
      </c>
      <c r="Q18691">
        <v>25</v>
      </c>
      <c r="R18691">
        <v>26</v>
      </c>
      <c r="S18691">
        <v>26</v>
      </c>
      <c r="T18691">
        <v>27</v>
      </c>
      <c r="U18691">
        <v>27</v>
      </c>
      <c r="V18691">
        <v>27</v>
      </c>
      <c r="W18691">
        <v>28</v>
      </c>
      <c r="X18691">
        <v>28</v>
      </c>
      <c r="Y18691">
        <v>29</v>
      </c>
      <c r="Z18691">
        <v>29</v>
      </c>
      <c r="AA18691">
        <v>30</v>
      </c>
      <c r="AB18691">
        <v>30</v>
      </c>
      <c r="AC18691">
        <v>31</v>
      </c>
      <c r="AD18691">
        <v>31</v>
      </c>
      <c r="AE18691">
        <v>32</v>
      </c>
      <c r="AF18691">
        <v>32</v>
      </c>
      <c r="AG18691">
        <v>33</v>
      </c>
      <c r="AH18691">
        <v>33</v>
      </c>
      <c r="AI18691">
        <v>34</v>
      </c>
      <c r="AJ18691">
        <v>34</v>
      </c>
      <c r="AK18691">
        <v>35</v>
      </c>
      <c r="AL18691">
        <v>36</v>
      </c>
      <c r="AM18691">
        <v>36</v>
      </c>
      <c r="AN18691">
        <v>37</v>
      </c>
      <c r="AO18691">
        <v>37</v>
      </c>
      <c r="AP18691">
        <v>38</v>
      </c>
      <c r="AQ18691">
        <v>39</v>
      </c>
    </row>
    <row r="18692" spans="1:43">
      <c r="A18692" t="s">
        <v>11578</v>
      </c>
      <c r="B18692" t="s">
        <v>11579</v>
      </c>
      <c r="C18692" t="s">
        <v>11570</v>
      </c>
      <c r="D18692" t="s">
        <v>11571</v>
      </c>
      <c r="E18692" t="s">
        <v>11206</v>
      </c>
      <c r="F18692" t="s">
        <v>11207</v>
      </c>
      <c r="G18692" t="s">
        <v>10734</v>
      </c>
      <c r="H18692" t="s">
        <v>10735</v>
      </c>
      <c r="I18692" s="2">
        <v>0</v>
      </c>
      <c r="J18692" s="2">
        <v>0</v>
      </c>
      <c r="K18692" s="2">
        <v>1</v>
      </c>
      <c r="L18692" t="s">
        <v>995</v>
      </c>
      <c r="M18692" t="s">
        <v>89</v>
      </c>
      <c r="N18692" t="s">
        <v>90</v>
      </c>
      <c r="O18692" t="s">
        <v>85</v>
      </c>
      <c r="P18692" t="s">
        <v>86</v>
      </c>
      <c r="Q18692">
        <v>25</v>
      </c>
      <c r="R18692">
        <v>26</v>
      </c>
      <c r="S18692">
        <v>27</v>
      </c>
      <c r="T18692">
        <v>27</v>
      </c>
      <c r="U18692">
        <v>28</v>
      </c>
      <c r="V18692">
        <v>29</v>
      </c>
      <c r="W18692">
        <v>30</v>
      </c>
      <c r="X18692">
        <v>31</v>
      </c>
      <c r="Y18692">
        <v>32</v>
      </c>
      <c r="Z18692">
        <v>33</v>
      </c>
      <c r="AA18692">
        <v>34</v>
      </c>
      <c r="AB18692">
        <v>34</v>
      </c>
      <c r="AC18692">
        <v>35</v>
      </c>
      <c r="AD18692">
        <v>36</v>
      </c>
      <c r="AE18692">
        <v>37</v>
      </c>
      <c r="AF18692">
        <v>38</v>
      </c>
      <c r="AG18692">
        <v>38</v>
      </c>
      <c r="AH18692">
        <v>39</v>
      </c>
      <c r="AI18692">
        <v>39</v>
      </c>
      <c r="AJ18692">
        <v>40</v>
      </c>
      <c r="AK18692">
        <v>40</v>
      </c>
      <c r="AL18692">
        <v>41</v>
      </c>
      <c r="AM18692">
        <v>41</v>
      </c>
      <c r="AN18692">
        <v>42</v>
      </c>
      <c r="AO18692">
        <v>42</v>
      </c>
      <c r="AP18692">
        <v>43</v>
      </c>
      <c r="AQ18692">
        <v>43</v>
      </c>
    </row>
    <row r="18693" spans="1:43">
      <c r="A18693" t="s">
        <v>11578</v>
      </c>
      <c r="B18693" t="s">
        <v>11579</v>
      </c>
      <c r="C18693" t="s">
        <v>11570</v>
      </c>
      <c r="D18693" t="s">
        <v>11571</v>
      </c>
      <c r="E18693" t="s">
        <v>11206</v>
      </c>
      <c r="F18693" t="s">
        <v>11207</v>
      </c>
      <c r="G18693" t="s">
        <v>10734</v>
      </c>
      <c r="H18693" t="s">
        <v>10735</v>
      </c>
      <c r="I18693" s="2">
        <v>0</v>
      </c>
      <c r="J18693" s="2">
        <v>0</v>
      </c>
      <c r="K18693" s="2">
        <v>1</v>
      </c>
      <c r="L18693" t="s">
        <v>995</v>
      </c>
      <c r="M18693" t="s">
        <v>83</v>
      </c>
      <c r="N18693" t="s">
        <v>91</v>
      </c>
      <c r="O18693" t="s">
        <v>85</v>
      </c>
      <c r="P18693" t="s">
        <v>86</v>
      </c>
      <c r="Q18693">
        <v>25</v>
      </c>
      <c r="R18693">
        <v>25</v>
      </c>
      <c r="S18693">
        <v>26</v>
      </c>
      <c r="T18693">
        <v>27</v>
      </c>
      <c r="U18693">
        <v>27</v>
      </c>
      <c r="V18693">
        <v>28</v>
      </c>
      <c r="W18693">
        <v>29</v>
      </c>
      <c r="X18693">
        <v>29</v>
      </c>
      <c r="Y18693">
        <v>30</v>
      </c>
      <c r="Z18693">
        <v>31</v>
      </c>
      <c r="AA18693">
        <v>32</v>
      </c>
      <c r="AB18693">
        <v>32</v>
      </c>
      <c r="AC18693">
        <v>33</v>
      </c>
      <c r="AD18693">
        <v>34</v>
      </c>
      <c r="AE18693">
        <v>35</v>
      </c>
      <c r="AF18693">
        <v>35</v>
      </c>
      <c r="AG18693">
        <v>36</v>
      </c>
      <c r="AH18693">
        <v>37</v>
      </c>
      <c r="AI18693">
        <v>38</v>
      </c>
      <c r="AJ18693">
        <v>39</v>
      </c>
      <c r="AK18693">
        <v>40</v>
      </c>
      <c r="AL18693">
        <v>40</v>
      </c>
      <c r="AM18693">
        <v>41</v>
      </c>
      <c r="AN18693">
        <v>42</v>
      </c>
      <c r="AO18693">
        <v>42</v>
      </c>
      <c r="AP18693">
        <v>43</v>
      </c>
      <c r="AQ18693">
        <v>43</v>
      </c>
    </row>
    <row r="18694" spans="1:43">
      <c r="A18694" t="s">
        <v>11580</v>
      </c>
      <c r="B18694" t="s">
        <v>11581</v>
      </c>
      <c r="C18694" t="s">
        <v>11460</v>
      </c>
      <c r="D18694" t="s">
        <v>11461</v>
      </c>
      <c r="E18694" t="s">
        <v>11206</v>
      </c>
      <c r="F18694" t="s">
        <v>11207</v>
      </c>
      <c r="G18694" t="s">
        <v>10734</v>
      </c>
      <c r="H18694" t="s">
        <v>10735</v>
      </c>
      <c r="I18694" s="2">
        <v>0</v>
      </c>
      <c r="J18694" s="2">
        <v>0</v>
      </c>
      <c r="K18694" s="2">
        <v>1</v>
      </c>
      <c r="L18694" t="s">
        <v>995</v>
      </c>
      <c r="M18694" t="s">
        <v>83</v>
      </c>
      <c r="N18694" t="s">
        <v>84</v>
      </c>
      <c r="O18694" t="s">
        <v>85</v>
      </c>
      <c r="P18694" t="s">
        <v>86</v>
      </c>
      <c r="Q18694">
        <v>5</v>
      </c>
      <c r="R18694">
        <v>5</v>
      </c>
      <c r="S18694">
        <v>5</v>
      </c>
      <c r="T18694">
        <v>6</v>
      </c>
      <c r="U18694">
        <v>6</v>
      </c>
      <c r="V18694">
        <v>6</v>
      </c>
      <c r="W18694">
        <v>6</v>
      </c>
      <c r="X18694">
        <v>6</v>
      </c>
      <c r="Y18694">
        <v>6</v>
      </c>
      <c r="Z18694">
        <v>7</v>
      </c>
      <c r="AA18694">
        <v>7</v>
      </c>
      <c r="AB18694">
        <v>7</v>
      </c>
      <c r="AC18694">
        <v>7</v>
      </c>
      <c r="AD18694">
        <v>7</v>
      </c>
      <c r="AE18694">
        <v>7</v>
      </c>
      <c r="AF18694">
        <v>7</v>
      </c>
      <c r="AG18694">
        <v>8</v>
      </c>
      <c r="AH18694">
        <v>8</v>
      </c>
      <c r="AI18694">
        <v>8</v>
      </c>
      <c r="AJ18694">
        <v>8</v>
      </c>
      <c r="AK18694">
        <v>8</v>
      </c>
      <c r="AL18694">
        <v>9</v>
      </c>
      <c r="AM18694">
        <v>9</v>
      </c>
      <c r="AN18694">
        <v>9</v>
      </c>
      <c r="AO18694">
        <v>9</v>
      </c>
      <c r="AP18694">
        <v>9</v>
      </c>
      <c r="AQ18694">
        <v>9</v>
      </c>
    </row>
    <row r="18695" spans="1:43">
      <c r="A18695" t="s">
        <v>11580</v>
      </c>
      <c r="B18695" t="s">
        <v>11581</v>
      </c>
      <c r="C18695" t="s">
        <v>11460</v>
      </c>
      <c r="D18695" t="s">
        <v>11461</v>
      </c>
      <c r="E18695" t="s">
        <v>11206</v>
      </c>
      <c r="F18695" t="s">
        <v>11207</v>
      </c>
      <c r="G18695" t="s">
        <v>10734</v>
      </c>
      <c r="H18695" t="s">
        <v>10735</v>
      </c>
      <c r="I18695" s="2">
        <v>0</v>
      </c>
      <c r="J18695" s="2">
        <v>0</v>
      </c>
      <c r="K18695" s="2">
        <v>1</v>
      </c>
      <c r="L18695" t="s">
        <v>995</v>
      </c>
      <c r="M18695" t="s">
        <v>87</v>
      </c>
      <c r="N18695" t="s">
        <v>88</v>
      </c>
      <c r="O18695" t="s">
        <v>85</v>
      </c>
      <c r="P18695" t="s">
        <v>86</v>
      </c>
      <c r="Q18695">
        <v>5</v>
      </c>
      <c r="R18695">
        <v>5</v>
      </c>
      <c r="S18695">
        <v>5</v>
      </c>
      <c r="T18695">
        <v>5</v>
      </c>
      <c r="U18695">
        <v>6</v>
      </c>
      <c r="V18695">
        <v>6</v>
      </c>
      <c r="W18695">
        <v>6</v>
      </c>
      <c r="X18695">
        <v>6</v>
      </c>
      <c r="Y18695">
        <v>6</v>
      </c>
      <c r="Z18695">
        <v>6</v>
      </c>
      <c r="AA18695">
        <v>6</v>
      </c>
      <c r="AB18695">
        <v>6</v>
      </c>
      <c r="AC18695">
        <v>6</v>
      </c>
      <c r="AD18695">
        <v>6</v>
      </c>
      <c r="AE18695">
        <v>6</v>
      </c>
      <c r="AF18695">
        <v>7</v>
      </c>
      <c r="AG18695">
        <v>7</v>
      </c>
      <c r="AH18695">
        <v>7</v>
      </c>
      <c r="AI18695">
        <v>7</v>
      </c>
      <c r="AJ18695">
        <v>7</v>
      </c>
      <c r="AK18695">
        <v>7</v>
      </c>
      <c r="AL18695">
        <v>7</v>
      </c>
      <c r="AM18695">
        <v>7</v>
      </c>
      <c r="AN18695">
        <v>8</v>
      </c>
      <c r="AO18695">
        <v>8</v>
      </c>
      <c r="AP18695">
        <v>8</v>
      </c>
      <c r="AQ18695">
        <v>8</v>
      </c>
    </row>
    <row r="18696" spans="1:43">
      <c r="A18696" t="s">
        <v>11580</v>
      </c>
      <c r="B18696" t="s">
        <v>11581</v>
      </c>
      <c r="C18696" t="s">
        <v>11460</v>
      </c>
      <c r="D18696" t="s">
        <v>11461</v>
      </c>
      <c r="E18696" t="s">
        <v>11206</v>
      </c>
      <c r="F18696" t="s">
        <v>11207</v>
      </c>
      <c r="G18696" t="s">
        <v>10734</v>
      </c>
      <c r="H18696" t="s">
        <v>10735</v>
      </c>
      <c r="I18696" s="2">
        <v>0</v>
      </c>
      <c r="J18696" s="2">
        <v>0</v>
      </c>
      <c r="K18696" s="2">
        <v>1</v>
      </c>
      <c r="L18696" t="s">
        <v>995</v>
      </c>
      <c r="M18696" t="s">
        <v>89</v>
      </c>
      <c r="N18696" t="s">
        <v>90</v>
      </c>
      <c r="O18696" t="s">
        <v>85</v>
      </c>
      <c r="P18696" t="s">
        <v>86</v>
      </c>
      <c r="Q18696">
        <v>5</v>
      </c>
      <c r="R18696">
        <v>5</v>
      </c>
      <c r="S18696">
        <v>6</v>
      </c>
      <c r="T18696">
        <v>6</v>
      </c>
      <c r="U18696">
        <v>6</v>
      </c>
      <c r="V18696">
        <v>6</v>
      </c>
      <c r="W18696">
        <v>6</v>
      </c>
      <c r="X18696">
        <v>7</v>
      </c>
      <c r="Y18696">
        <v>7</v>
      </c>
      <c r="Z18696">
        <v>7</v>
      </c>
      <c r="AA18696">
        <v>7</v>
      </c>
      <c r="AB18696">
        <v>7</v>
      </c>
      <c r="AC18696">
        <v>7</v>
      </c>
      <c r="AD18696">
        <v>8</v>
      </c>
      <c r="AE18696">
        <v>8</v>
      </c>
      <c r="AF18696">
        <v>8</v>
      </c>
      <c r="AG18696">
        <v>8</v>
      </c>
      <c r="AH18696">
        <v>8</v>
      </c>
      <c r="AI18696">
        <v>8</v>
      </c>
      <c r="AJ18696">
        <v>8</v>
      </c>
      <c r="AK18696">
        <v>8</v>
      </c>
      <c r="AL18696">
        <v>9</v>
      </c>
      <c r="AM18696">
        <v>9</v>
      </c>
      <c r="AN18696">
        <v>9</v>
      </c>
      <c r="AO18696">
        <v>9</v>
      </c>
      <c r="AP18696">
        <v>9</v>
      </c>
      <c r="AQ18696">
        <v>9</v>
      </c>
    </row>
    <row r="18697" spans="1:43">
      <c r="A18697" t="s">
        <v>11580</v>
      </c>
      <c r="B18697" t="s">
        <v>11581</v>
      </c>
      <c r="C18697" t="s">
        <v>11460</v>
      </c>
      <c r="D18697" t="s">
        <v>11461</v>
      </c>
      <c r="E18697" t="s">
        <v>11206</v>
      </c>
      <c r="F18697" t="s">
        <v>11207</v>
      </c>
      <c r="G18697" t="s">
        <v>10734</v>
      </c>
      <c r="H18697" t="s">
        <v>10735</v>
      </c>
      <c r="I18697" s="2">
        <v>0</v>
      </c>
      <c r="J18697" s="2">
        <v>0</v>
      </c>
      <c r="K18697" s="2">
        <v>1</v>
      </c>
      <c r="L18697" t="s">
        <v>995</v>
      </c>
      <c r="M18697" t="s">
        <v>83</v>
      </c>
      <c r="N18697" t="s">
        <v>91</v>
      </c>
      <c r="O18697" t="s">
        <v>85</v>
      </c>
      <c r="P18697" t="s">
        <v>86</v>
      </c>
      <c r="Q18697">
        <v>5</v>
      </c>
      <c r="R18697">
        <v>5</v>
      </c>
      <c r="S18697">
        <v>5</v>
      </c>
      <c r="T18697">
        <v>6</v>
      </c>
      <c r="U18697">
        <v>6</v>
      </c>
      <c r="V18697">
        <v>6</v>
      </c>
      <c r="W18697">
        <v>6</v>
      </c>
      <c r="X18697">
        <v>6</v>
      </c>
      <c r="Y18697">
        <v>6</v>
      </c>
      <c r="Z18697">
        <v>7</v>
      </c>
      <c r="AA18697">
        <v>7</v>
      </c>
      <c r="AB18697">
        <v>7</v>
      </c>
      <c r="AC18697">
        <v>7</v>
      </c>
      <c r="AD18697">
        <v>7</v>
      </c>
      <c r="AE18697">
        <v>7</v>
      </c>
      <c r="AF18697">
        <v>7</v>
      </c>
      <c r="AG18697">
        <v>8</v>
      </c>
      <c r="AH18697">
        <v>8</v>
      </c>
      <c r="AI18697">
        <v>8</v>
      </c>
      <c r="AJ18697">
        <v>8</v>
      </c>
      <c r="AK18697">
        <v>8</v>
      </c>
      <c r="AL18697">
        <v>9</v>
      </c>
      <c r="AM18697">
        <v>9</v>
      </c>
      <c r="AN18697">
        <v>9</v>
      </c>
      <c r="AO18697">
        <v>9</v>
      </c>
      <c r="AP18697">
        <v>9</v>
      </c>
      <c r="AQ18697">
        <v>9</v>
      </c>
    </row>
    <row r="18698" spans="1:43">
      <c r="A18698" t="s">
        <v>11582</v>
      </c>
      <c r="B18698" t="s">
        <v>11583</v>
      </c>
      <c r="C18698" t="s">
        <v>11548</v>
      </c>
      <c r="D18698" t="s">
        <v>11549</v>
      </c>
      <c r="E18698" t="s">
        <v>11206</v>
      </c>
      <c r="F18698" t="s">
        <v>11207</v>
      </c>
      <c r="G18698" t="s">
        <v>10734</v>
      </c>
      <c r="H18698" t="s">
        <v>10735</v>
      </c>
      <c r="I18698" s="2">
        <v>0</v>
      </c>
      <c r="J18698" s="2">
        <v>0</v>
      </c>
      <c r="K18698" s="2">
        <v>1</v>
      </c>
      <c r="L18698" t="s">
        <v>995</v>
      </c>
      <c r="M18698" t="s">
        <v>83</v>
      </c>
      <c r="N18698" t="s">
        <v>84</v>
      </c>
      <c r="O18698" t="s">
        <v>85</v>
      </c>
      <c r="P18698" t="s">
        <v>86</v>
      </c>
      <c r="Q18698">
        <v>31</v>
      </c>
      <c r="R18698">
        <v>32</v>
      </c>
      <c r="S18698">
        <v>32</v>
      </c>
      <c r="T18698">
        <v>33</v>
      </c>
      <c r="U18698">
        <v>34</v>
      </c>
      <c r="V18698">
        <v>35</v>
      </c>
      <c r="W18698">
        <v>36</v>
      </c>
      <c r="X18698">
        <v>37</v>
      </c>
      <c r="Y18698">
        <v>38</v>
      </c>
      <c r="Z18698">
        <v>39</v>
      </c>
      <c r="AA18698">
        <v>40</v>
      </c>
      <c r="AB18698">
        <v>41</v>
      </c>
      <c r="AC18698">
        <v>42</v>
      </c>
      <c r="AD18698">
        <v>42</v>
      </c>
      <c r="AE18698">
        <v>43</v>
      </c>
      <c r="AF18698">
        <v>44</v>
      </c>
      <c r="AG18698">
        <v>45</v>
      </c>
      <c r="AH18698">
        <v>46</v>
      </c>
      <c r="AI18698">
        <v>48</v>
      </c>
      <c r="AJ18698">
        <v>49</v>
      </c>
      <c r="AK18698">
        <v>50</v>
      </c>
      <c r="AL18698">
        <v>51</v>
      </c>
      <c r="AM18698">
        <v>51</v>
      </c>
      <c r="AN18698">
        <v>52</v>
      </c>
      <c r="AO18698">
        <v>53</v>
      </c>
      <c r="AP18698">
        <v>53</v>
      </c>
      <c r="AQ18698">
        <v>54</v>
      </c>
    </row>
    <row r="18699" spans="1:43">
      <c r="A18699" t="s">
        <v>11582</v>
      </c>
      <c r="B18699" t="s">
        <v>11583</v>
      </c>
      <c r="C18699" t="s">
        <v>11548</v>
      </c>
      <c r="D18699" t="s">
        <v>11549</v>
      </c>
      <c r="E18699" t="s">
        <v>11206</v>
      </c>
      <c r="F18699" t="s">
        <v>11207</v>
      </c>
      <c r="G18699" t="s">
        <v>10734</v>
      </c>
      <c r="H18699" t="s">
        <v>10735</v>
      </c>
      <c r="I18699" s="2">
        <v>0</v>
      </c>
      <c r="J18699" s="2">
        <v>0</v>
      </c>
      <c r="K18699" s="2">
        <v>1</v>
      </c>
      <c r="L18699" t="s">
        <v>995</v>
      </c>
      <c r="M18699" t="s">
        <v>87</v>
      </c>
      <c r="N18699" t="s">
        <v>88</v>
      </c>
      <c r="O18699" t="s">
        <v>85</v>
      </c>
      <c r="P18699" t="s">
        <v>86</v>
      </c>
      <c r="Q18699">
        <v>31</v>
      </c>
      <c r="R18699">
        <v>32</v>
      </c>
      <c r="S18699">
        <v>33</v>
      </c>
      <c r="T18699">
        <v>33</v>
      </c>
      <c r="U18699">
        <v>34</v>
      </c>
      <c r="V18699">
        <v>34</v>
      </c>
      <c r="W18699">
        <v>35</v>
      </c>
      <c r="X18699">
        <v>35</v>
      </c>
      <c r="Y18699">
        <v>36</v>
      </c>
      <c r="Z18699">
        <v>36</v>
      </c>
      <c r="AA18699">
        <v>37</v>
      </c>
      <c r="AB18699">
        <v>38</v>
      </c>
      <c r="AC18699">
        <v>38</v>
      </c>
      <c r="AD18699">
        <v>39</v>
      </c>
      <c r="AE18699">
        <v>40</v>
      </c>
      <c r="AF18699">
        <v>40</v>
      </c>
      <c r="AG18699">
        <v>41</v>
      </c>
      <c r="AH18699">
        <v>42</v>
      </c>
      <c r="AI18699">
        <v>42</v>
      </c>
      <c r="AJ18699">
        <v>43</v>
      </c>
      <c r="AK18699">
        <v>44</v>
      </c>
      <c r="AL18699">
        <v>44</v>
      </c>
      <c r="AM18699">
        <v>45</v>
      </c>
      <c r="AN18699">
        <v>46</v>
      </c>
      <c r="AO18699">
        <v>47</v>
      </c>
      <c r="AP18699">
        <v>48</v>
      </c>
      <c r="AQ18699">
        <v>48</v>
      </c>
    </row>
    <row r="18700" spans="1:43">
      <c r="A18700" t="s">
        <v>11582</v>
      </c>
      <c r="B18700" t="s">
        <v>11583</v>
      </c>
      <c r="C18700" t="s">
        <v>11548</v>
      </c>
      <c r="D18700" t="s">
        <v>11549</v>
      </c>
      <c r="E18700" t="s">
        <v>11206</v>
      </c>
      <c r="F18700" t="s">
        <v>11207</v>
      </c>
      <c r="G18700" t="s">
        <v>10734</v>
      </c>
      <c r="H18700" t="s">
        <v>10735</v>
      </c>
      <c r="I18700" s="2">
        <v>0</v>
      </c>
      <c r="J18700" s="2">
        <v>0</v>
      </c>
      <c r="K18700" s="2">
        <v>1</v>
      </c>
      <c r="L18700" t="s">
        <v>995</v>
      </c>
      <c r="M18700" t="s">
        <v>89</v>
      </c>
      <c r="N18700" t="s">
        <v>90</v>
      </c>
      <c r="O18700" t="s">
        <v>85</v>
      </c>
      <c r="P18700" t="s">
        <v>86</v>
      </c>
      <c r="Q18700">
        <v>31</v>
      </c>
      <c r="R18700">
        <v>32</v>
      </c>
      <c r="S18700">
        <v>33</v>
      </c>
      <c r="T18700">
        <v>34</v>
      </c>
      <c r="U18700">
        <v>36</v>
      </c>
      <c r="V18700">
        <v>37</v>
      </c>
      <c r="W18700">
        <v>38</v>
      </c>
      <c r="X18700">
        <v>39</v>
      </c>
      <c r="Y18700">
        <v>40</v>
      </c>
      <c r="Z18700">
        <v>41</v>
      </c>
      <c r="AA18700">
        <v>42</v>
      </c>
      <c r="AB18700">
        <v>43</v>
      </c>
      <c r="AC18700">
        <v>44</v>
      </c>
      <c r="AD18700">
        <v>45</v>
      </c>
      <c r="AE18700">
        <v>46</v>
      </c>
      <c r="AF18700">
        <v>47</v>
      </c>
      <c r="AG18700">
        <v>48</v>
      </c>
      <c r="AH18700">
        <v>48</v>
      </c>
      <c r="AI18700">
        <v>49</v>
      </c>
      <c r="AJ18700">
        <v>50</v>
      </c>
      <c r="AK18700">
        <v>50</v>
      </c>
      <c r="AL18700">
        <v>51</v>
      </c>
      <c r="AM18700">
        <v>52</v>
      </c>
      <c r="AN18700">
        <v>52</v>
      </c>
      <c r="AO18700">
        <v>53</v>
      </c>
      <c r="AP18700">
        <v>54</v>
      </c>
      <c r="AQ18700">
        <v>55</v>
      </c>
    </row>
    <row r="18701" spans="1:43">
      <c r="A18701" t="s">
        <v>11582</v>
      </c>
      <c r="B18701" t="s">
        <v>11583</v>
      </c>
      <c r="C18701" t="s">
        <v>11548</v>
      </c>
      <c r="D18701" t="s">
        <v>11549</v>
      </c>
      <c r="E18701" t="s">
        <v>11206</v>
      </c>
      <c r="F18701" t="s">
        <v>11207</v>
      </c>
      <c r="G18701" t="s">
        <v>10734</v>
      </c>
      <c r="H18701" t="s">
        <v>10735</v>
      </c>
      <c r="I18701" s="2">
        <v>0</v>
      </c>
      <c r="J18701" s="2">
        <v>0</v>
      </c>
      <c r="K18701" s="2">
        <v>1</v>
      </c>
      <c r="L18701" t="s">
        <v>995</v>
      </c>
      <c r="M18701" t="s">
        <v>83</v>
      </c>
      <c r="N18701" t="s">
        <v>91</v>
      </c>
      <c r="O18701" t="s">
        <v>85</v>
      </c>
      <c r="P18701" t="s">
        <v>86</v>
      </c>
      <c r="Q18701">
        <v>31</v>
      </c>
      <c r="R18701">
        <v>32</v>
      </c>
      <c r="S18701">
        <v>32</v>
      </c>
      <c r="T18701">
        <v>33</v>
      </c>
      <c r="U18701">
        <v>34</v>
      </c>
      <c r="V18701">
        <v>35</v>
      </c>
      <c r="W18701">
        <v>36</v>
      </c>
      <c r="X18701">
        <v>37</v>
      </c>
      <c r="Y18701">
        <v>38</v>
      </c>
      <c r="Z18701">
        <v>39</v>
      </c>
      <c r="AA18701">
        <v>40</v>
      </c>
      <c r="AB18701">
        <v>41</v>
      </c>
      <c r="AC18701">
        <v>42</v>
      </c>
      <c r="AD18701">
        <v>42</v>
      </c>
      <c r="AE18701">
        <v>43</v>
      </c>
      <c r="AF18701">
        <v>44</v>
      </c>
      <c r="AG18701">
        <v>45</v>
      </c>
      <c r="AH18701">
        <v>46</v>
      </c>
      <c r="AI18701">
        <v>48</v>
      </c>
      <c r="AJ18701">
        <v>49</v>
      </c>
      <c r="AK18701">
        <v>50</v>
      </c>
      <c r="AL18701">
        <v>51</v>
      </c>
      <c r="AM18701">
        <v>51</v>
      </c>
      <c r="AN18701">
        <v>52</v>
      </c>
      <c r="AO18701">
        <v>53</v>
      </c>
      <c r="AP18701">
        <v>53</v>
      </c>
      <c r="AQ18701">
        <v>54</v>
      </c>
    </row>
    <row r="18702" spans="1:43">
      <c r="A18702" t="s">
        <v>11584</v>
      </c>
      <c r="B18702" t="s">
        <v>11585</v>
      </c>
      <c r="C18702" t="s">
        <v>11548</v>
      </c>
      <c r="D18702" t="s">
        <v>11549</v>
      </c>
      <c r="E18702" t="s">
        <v>11206</v>
      </c>
      <c r="F18702" t="s">
        <v>11207</v>
      </c>
      <c r="G18702" t="s">
        <v>10734</v>
      </c>
      <c r="H18702" t="s">
        <v>10735</v>
      </c>
      <c r="I18702" s="2">
        <v>0</v>
      </c>
      <c r="J18702" s="2">
        <v>0</v>
      </c>
      <c r="K18702" s="2">
        <v>1</v>
      </c>
      <c r="L18702" t="s">
        <v>995</v>
      </c>
      <c r="M18702" t="s">
        <v>83</v>
      </c>
      <c r="N18702" t="s">
        <v>84</v>
      </c>
      <c r="O18702" t="s">
        <v>85</v>
      </c>
      <c r="P18702" t="s">
        <v>86</v>
      </c>
      <c r="Q18702">
        <v>17</v>
      </c>
      <c r="R18702">
        <v>18</v>
      </c>
      <c r="S18702">
        <v>18</v>
      </c>
      <c r="T18702">
        <v>19</v>
      </c>
      <c r="U18702">
        <v>19</v>
      </c>
      <c r="V18702">
        <v>20</v>
      </c>
      <c r="W18702">
        <v>20</v>
      </c>
      <c r="X18702">
        <v>21</v>
      </c>
      <c r="Y18702">
        <v>21</v>
      </c>
      <c r="Z18702">
        <v>22</v>
      </c>
      <c r="AA18702">
        <v>22</v>
      </c>
      <c r="AB18702">
        <v>23</v>
      </c>
      <c r="AC18702">
        <v>23</v>
      </c>
      <c r="AD18702">
        <v>24</v>
      </c>
      <c r="AE18702">
        <v>25</v>
      </c>
      <c r="AF18702">
        <v>25</v>
      </c>
      <c r="AG18702">
        <v>26</v>
      </c>
      <c r="AH18702">
        <v>26</v>
      </c>
      <c r="AI18702">
        <v>27</v>
      </c>
      <c r="AJ18702">
        <v>28</v>
      </c>
      <c r="AK18702">
        <v>28</v>
      </c>
      <c r="AL18702">
        <v>29</v>
      </c>
      <c r="AM18702">
        <v>29</v>
      </c>
      <c r="AN18702">
        <v>29</v>
      </c>
      <c r="AO18702">
        <v>30</v>
      </c>
      <c r="AP18702">
        <v>30</v>
      </c>
      <c r="AQ18702">
        <v>31</v>
      </c>
    </row>
    <row r="18703" spans="1:43">
      <c r="A18703" t="s">
        <v>11584</v>
      </c>
      <c r="B18703" t="s">
        <v>11585</v>
      </c>
      <c r="C18703" t="s">
        <v>11548</v>
      </c>
      <c r="D18703" t="s">
        <v>11549</v>
      </c>
      <c r="E18703" t="s">
        <v>11206</v>
      </c>
      <c r="F18703" t="s">
        <v>11207</v>
      </c>
      <c r="G18703" t="s">
        <v>10734</v>
      </c>
      <c r="H18703" t="s">
        <v>10735</v>
      </c>
      <c r="I18703" s="2">
        <v>0</v>
      </c>
      <c r="J18703" s="2">
        <v>0</v>
      </c>
      <c r="K18703" s="2">
        <v>1</v>
      </c>
      <c r="L18703" t="s">
        <v>995</v>
      </c>
      <c r="M18703" t="s">
        <v>87</v>
      </c>
      <c r="N18703" t="s">
        <v>88</v>
      </c>
      <c r="O18703" t="s">
        <v>85</v>
      </c>
      <c r="P18703" t="s">
        <v>86</v>
      </c>
      <c r="Q18703">
        <v>17</v>
      </c>
      <c r="R18703">
        <v>18</v>
      </c>
      <c r="S18703">
        <v>18</v>
      </c>
      <c r="T18703">
        <v>18</v>
      </c>
      <c r="U18703">
        <v>18</v>
      </c>
      <c r="V18703">
        <v>19</v>
      </c>
      <c r="W18703">
        <v>19</v>
      </c>
      <c r="X18703">
        <v>19</v>
      </c>
      <c r="Y18703">
        <v>20</v>
      </c>
      <c r="Z18703">
        <v>20</v>
      </c>
      <c r="AA18703">
        <v>20</v>
      </c>
      <c r="AB18703">
        <v>21</v>
      </c>
      <c r="AC18703">
        <v>21</v>
      </c>
      <c r="AD18703">
        <v>21</v>
      </c>
      <c r="AE18703">
        <v>22</v>
      </c>
      <c r="AF18703">
        <v>22</v>
      </c>
      <c r="AG18703">
        <v>23</v>
      </c>
      <c r="AH18703">
        <v>23</v>
      </c>
      <c r="AI18703">
        <v>23</v>
      </c>
      <c r="AJ18703">
        <v>24</v>
      </c>
      <c r="AK18703">
        <v>24</v>
      </c>
      <c r="AL18703">
        <v>25</v>
      </c>
      <c r="AM18703">
        <v>25</v>
      </c>
      <c r="AN18703">
        <v>25</v>
      </c>
      <c r="AO18703">
        <v>26</v>
      </c>
      <c r="AP18703">
        <v>26</v>
      </c>
      <c r="AQ18703">
        <v>27</v>
      </c>
    </row>
    <row r="18704" spans="1:43">
      <c r="A18704" t="s">
        <v>11584</v>
      </c>
      <c r="B18704" t="s">
        <v>11585</v>
      </c>
      <c r="C18704" t="s">
        <v>11548</v>
      </c>
      <c r="D18704" t="s">
        <v>11549</v>
      </c>
      <c r="E18704" t="s">
        <v>11206</v>
      </c>
      <c r="F18704" t="s">
        <v>11207</v>
      </c>
      <c r="G18704" t="s">
        <v>10734</v>
      </c>
      <c r="H18704" t="s">
        <v>10735</v>
      </c>
      <c r="I18704" s="2">
        <v>0</v>
      </c>
      <c r="J18704" s="2">
        <v>0</v>
      </c>
      <c r="K18704" s="2">
        <v>1</v>
      </c>
      <c r="L18704" t="s">
        <v>995</v>
      </c>
      <c r="M18704" t="s">
        <v>89</v>
      </c>
      <c r="N18704" t="s">
        <v>90</v>
      </c>
      <c r="O18704" t="s">
        <v>85</v>
      </c>
      <c r="P18704" t="s">
        <v>86</v>
      </c>
      <c r="Q18704">
        <v>17</v>
      </c>
      <c r="R18704">
        <v>17</v>
      </c>
      <c r="S18704">
        <v>18</v>
      </c>
      <c r="T18704">
        <v>18</v>
      </c>
      <c r="U18704">
        <v>19</v>
      </c>
      <c r="V18704">
        <v>20</v>
      </c>
      <c r="W18704">
        <v>20</v>
      </c>
      <c r="X18704">
        <v>21</v>
      </c>
      <c r="Y18704">
        <v>22</v>
      </c>
      <c r="Z18704">
        <v>22</v>
      </c>
      <c r="AA18704">
        <v>23</v>
      </c>
      <c r="AB18704">
        <v>23</v>
      </c>
      <c r="AC18704">
        <v>24</v>
      </c>
      <c r="AD18704">
        <v>25</v>
      </c>
      <c r="AE18704">
        <v>25</v>
      </c>
      <c r="AF18704">
        <v>26</v>
      </c>
      <c r="AG18704">
        <v>26</v>
      </c>
      <c r="AH18704">
        <v>26</v>
      </c>
      <c r="AI18704">
        <v>27</v>
      </c>
      <c r="AJ18704">
        <v>27</v>
      </c>
      <c r="AK18704">
        <v>28</v>
      </c>
      <c r="AL18704">
        <v>28</v>
      </c>
      <c r="AM18704">
        <v>28</v>
      </c>
      <c r="AN18704">
        <v>29</v>
      </c>
      <c r="AO18704">
        <v>29</v>
      </c>
      <c r="AP18704">
        <v>30</v>
      </c>
      <c r="AQ18704">
        <v>30</v>
      </c>
    </row>
    <row r="18705" spans="1:43">
      <c r="A18705" t="s">
        <v>11584</v>
      </c>
      <c r="B18705" t="s">
        <v>11585</v>
      </c>
      <c r="C18705" t="s">
        <v>11548</v>
      </c>
      <c r="D18705" t="s">
        <v>11549</v>
      </c>
      <c r="E18705" t="s">
        <v>11206</v>
      </c>
      <c r="F18705" t="s">
        <v>11207</v>
      </c>
      <c r="G18705" t="s">
        <v>10734</v>
      </c>
      <c r="H18705" t="s">
        <v>10735</v>
      </c>
      <c r="I18705" s="2">
        <v>0</v>
      </c>
      <c r="J18705" s="2">
        <v>0</v>
      </c>
      <c r="K18705" s="2">
        <v>1</v>
      </c>
      <c r="L18705" t="s">
        <v>995</v>
      </c>
      <c r="M18705" t="s">
        <v>83</v>
      </c>
      <c r="N18705" t="s">
        <v>91</v>
      </c>
      <c r="O18705" t="s">
        <v>85</v>
      </c>
      <c r="P18705" t="s">
        <v>86</v>
      </c>
      <c r="Q18705">
        <v>17</v>
      </c>
      <c r="R18705">
        <v>18</v>
      </c>
      <c r="S18705">
        <v>18</v>
      </c>
      <c r="T18705">
        <v>19</v>
      </c>
      <c r="U18705">
        <v>19</v>
      </c>
      <c r="V18705">
        <v>20</v>
      </c>
      <c r="W18705">
        <v>20</v>
      </c>
      <c r="X18705">
        <v>21</v>
      </c>
      <c r="Y18705">
        <v>21</v>
      </c>
      <c r="Z18705">
        <v>22</v>
      </c>
      <c r="AA18705">
        <v>22</v>
      </c>
      <c r="AB18705">
        <v>23</v>
      </c>
      <c r="AC18705">
        <v>23</v>
      </c>
      <c r="AD18705">
        <v>24</v>
      </c>
      <c r="AE18705">
        <v>25</v>
      </c>
      <c r="AF18705">
        <v>25</v>
      </c>
      <c r="AG18705">
        <v>26</v>
      </c>
      <c r="AH18705">
        <v>26</v>
      </c>
      <c r="AI18705">
        <v>27</v>
      </c>
      <c r="AJ18705">
        <v>28</v>
      </c>
      <c r="AK18705">
        <v>28</v>
      </c>
      <c r="AL18705">
        <v>29</v>
      </c>
      <c r="AM18705">
        <v>29</v>
      </c>
      <c r="AN18705">
        <v>29</v>
      </c>
      <c r="AO18705">
        <v>30</v>
      </c>
      <c r="AP18705">
        <v>30</v>
      </c>
      <c r="AQ18705">
        <v>31</v>
      </c>
    </row>
    <row r="18706" spans="1:43">
      <c r="A18706" t="s">
        <v>11586</v>
      </c>
      <c r="B18706" t="s">
        <v>11587</v>
      </c>
      <c r="C18706" t="s">
        <v>11376</v>
      </c>
      <c r="D18706" t="s">
        <v>11377</v>
      </c>
      <c r="E18706" t="s">
        <v>11206</v>
      </c>
      <c r="F18706" t="s">
        <v>11207</v>
      </c>
      <c r="G18706" t="s">
        <v>10734</v>
      </c>
      <c r="H18706" t="s">
        <v>10735</v>
      </c>
      <c r="I18706" s="2">
        <v>0</v>
      </c>
      <c r="J18706" s="2">
        <v>0</v>
      </c>
      <c r="K18706" s="2">
        <v>1</v>
      </c>
      <c r="L18706" t="s">
        <v>995</v>
      </c>
      <c r="M18706" t="s">
        <v>83</v>
      </c>
      <c r="N18706" t="s">
        <v>84</v>
      </c>
      <c r="O18706" t="s">
        <v>85</v>
      </c>
      <c r="P18706" t="s">
        <v>86</v>
      </c>
      <c r="Q18706">
        <v>57</v>
      </c>
      <c r="R18706">
        <v>58</v>
      </c>
      <c r="S18706">
        <v>60</v>
      </c>
      <c r="T18706">
        <v>62</v>
      </c>
      <c r="U18706">
        <v>63</v>
      </c>
      <c r="V18706">
        <v>65</v>
      </c>
      <c r="W18706">
        <v>66</v>
      </c>
      <c r="X18706">
        <v>68</v>
      </c>
      <c r="Y18706">
        <v>70</v>
      </c>
      <c r="Z18706">
        <v>71</v>
      </c>
      <c r="AA18706">
        <v>73</v>
      </c>
      <c r="AB18706">
        <v>75</v>
      </c>
      <c r="AC18706">
        <v>77</v>
      </c>
      <c r="AD18706">
        <v>78</v>
      </c>
      <c r="AE18706">
        <v>80</v>
      </c>
      <c r="AF18706">
        <v>82</v>
      </c>
      <c r="AG18706">
        <v>84</v>
      </c>
      <c r="AH18706">
        <v>86</v>
      </c>
      <c r="AI18706">
        <v>88</v>
      </c>
      <c r="AJ18706">
        <v>90</v>
      </c>
      <c r="AK18706">
        <v>92</v>
      </c>
      <c r="AL18706">
        <v>94</v>
      </c>
      <c r="AM18706">
        <v>95</v>
      </c>
      <c r="AN18706">
        <v>96</v>
      </c>
      <c r="AO18706">
        <v>98</v>
      </c>
      <c r="AP18706">
        <v>99</v>
      </c>
      <c r="AQ18706">
        <v>101</v>
      </c>
    </row>
    <row r="18707" spans="1:43">
      <c r="A18707" t="s">
        <v>11586</v>
      </c>
      <c r="B18707" t="s">
        <v>11587</v>
      </c>
      <c r="C18707" t="s">
        <v>11376</v>
      </c>
      <c r="D18707" t="s">
        <v>11377</v>
      </c>
      <c r="E18707" t="s">
        <v>11206</v>
      </c>
      <c r="F18707" t="s">
        <v>11207</v>
      </c>
      <c r="G18707" t="s">
        <v>10734</v>
      </c>
      <c r="H18707" t="s">
        <v>10735</v>
      </c>
      <c r="I18707" s="2">
        <v>0</v>
      </c>
      <c r="J18707" s="2">
        <v>0</v>
      </c>
      <c r="K18707" s="2">
        <v>1</v>
      </c>
      <c r="L18707" t="s">
        <v>995</v>
      </c>
      <c r="M18707" t="s">
        <v>87</v>
      </c>
      <c r="N18707" t="s">
        <v>88</v>
      </c>
      <c r="O18707" t="s">
        <v>85</v>
      </c>
      <c r="P18707" t="s">
        <v>86</v>
      </c>
      <c r="Q18707">
        <v>57</v>
      </c>
      <c r="R18707">
        <v>58</v>
      </c>
      <c r="S18707">
        <v>59</v>
      </c>
      <c r="T18707">
        <v>60</v>
      </c>
      <c r="U18707">
        <v>61</v>
      </c>
      <c r="V18707">
        <v>62</v>
      </c>
      <c r="W18707">
        <v>63</v>
      </c>
      <c r="X18707">
        <v>64</v>
      </c>
      <c r="Y18707">
        <v>65</v>
      </c>
      <c r="Z18707">
        <v>67</v>
      </c>
      <c r="AA18707">
        <v>68</v>
      </c>
      <c r="AB18707">
        <v>69</v>
      </c>
      <c r="AC18707">
        <v>70</v>
      </c>
      <c r="AD18707">
        <v>71</v>
      </c>
      <c r="AE18707">
        <v>72</v>
      </c>
      <c r="AF18707">
        <v>73</v>
      </c>
      <c r="AG18707">
        <v>75</v>
      </c>
      <c r="AH18707">
        <v>76</v>
      </c>
      <c r="AI18707">
        <v>77</v>
      </c>
      <c r="AJ18707">
        <v>79</v>
      </c>
      <c r="AK18707">
        <v>80</v>
      </c>
      <c r="AL18707">
        <v>81</v>
      </c>
      <c r="AM18707">
        <v>83</v>
      </c>
      <c r="AN18707">
        <v>84</v>
      </c>
      <c r="AO18707">
        <v>86</v>
      </c>
      <c r="AP18707">
        <v>87</v>
      </c>
      <c r="AQ18707">
        <v>89</v>
      </c>
    </row>
    <row r="18708" spans="1:43">
      <c r="A18708" t="s">
        <v>11586</v>
      </c>
      <c r="B18708" t="s">
        <v>11587</v>
      </c>
      <c r="C18708" t="s">
        <v>11376</v>
      </c>
      <c r="D18708" t="s">
        <v>11377</v>
      </c>
      <c r="E18708" t="s">
        <v>11206</v>
      </c>
      <c r="F18708" t="s">
        <v>11207</v>
      </c>
      <c r="G18708" t="s">
        <v>10734</v>
      </c>
      <c r="H18708" t="s">
        <v>10735</v>
      </c>
      <c r="I18708" s="2">
        <v>0</v>
      </c>
      <c r="J18708" s="2">
        <v>0</v>
      </c>
      <c r="K18708" s="2">
        <v>1</v>
      </c>
      <c r="L18708" t="s">
        <v>995</v>
      </c>
      <c r="M18708" t="s">
        <v>89</v>
      </c>
      <c r="N18708" t="s">
        <v>90</v>
      </c>
      <c r="O18708" t="s">
        <v>85</v>
      </c>
      <c r="P18708" t="s">
        <v>86</v>
      </c>
      <c r="Q18708">
        <v>57</v>
      </c>
      <c r="R18708">
        <v>59</v>
      </c>
      <c r="S18708">
        <v>62</v>
      </c>
      <c r="T18708">
        <v>64</v>
      </c>
      <c r="U18708">
        <v>66</v>
      </c>
      <c r="V18708">
        <v>68</v>
      </c>
      <c r="W18708">
        <v>70</v>
      </c>
      <c r="X18708">
        <v>72</v>
      </c>
      <c r="Y18708">
        <v>74</v>
      </c>
      <c r="Z18708">
        <v>76</v>
      </c>
      <c r="AA18708">
        <v>78</v>
      </c>
      <c r="AB18708">
        <v>80</v>
      </c>
      <c r="AC18708">
        <v>82</v>
      </c>
      <c r="AD18708">
        <v>84</v>
      </c>
      <c r="AE18708">
        <v>86</v>
      </c>
      <c r="AF18708">
        <v>87</v>
      </c>
      <c r="AG18708">
        <v>88</v>
      </c>
      <c r="AH18708">
        <v>90</v>
      </c>
      <c r="AI18708">
        <v>91</v>
      </c>
      <c r="AJ18708">
        <v>92</v>
      </c>
      <c r="AK18708">
        <v>93</v>
      </c>
      <c r="AL18708">
        <v>95</v>
      </c>
      <c r="AM18708">
        <v>96</v>
      </c>
      <c r="AN18708">
        <v>97</v>
      </c>
      <c r="AO18708">
        <v>99</v>
      </c>
      <c r="AP18708">
        <v>100</v>
      </c>
      <c r="AQ18708">
        <v>102</v>
      </c>
    </row>
    <row r="18709" spans="1:43">
      <c r="A18709" t="s">
        <v>11586</v>
      </c>
      <c r="B18709" t="s">
        <v>11587</v>
      </c>
      <c r="C18709" t="s">
        <v>11376</v>
      </c>
      <c r="D18709" t="s">
        <v>11377</v>
      </c>
      <c r="E18709" t="s">
        <v>11206</v>
      </c>
      <c r="F18709" t="s">
        <v>11207</v>
      </c>
      <c r="G18709" t="s">
        <v>10734</v>
      </c>
      <c r="H18709" t="s">
        <v>10735</v>
      </c>
      <c r="I18709" s="2">
        <v>0</v>
      </c>
      <c r="J18709" s="2">
        <v>0</v>
      </c>
      <c r="K18709" s="2">
        <v>1</v>
      </c>
      <c r="L18709" t="s">
        <v>995</v>
      </c>
      <c r="M18709" t="s">
        <v>83</v>
      </c>
      <c r="N18709" t="s">
        <v>91</v>
      </c>
      <c r="O18709" t="s">
        <v>85</v>
      </c>
      <c r="P18709" t="s">
        <v>86</v>
      </c>
      <c r="Q18709">
        <v>57</v>
      </c>
      <c r="R18709">
        <v>58</v>
      </c>
      <c r="S18709">
        <v>60</v>
      </c>
      <c r="T18709">
        <v>62</v>
      </c>
      <c r="U18709">
        <v>63</v>
      </c>
      <c r="V18709">
        <v>65</v>
      </c>
      <c r="W18709">
        <v>66</v>
      </c>
      <c r="X18709">
        <v>68</v>
      </c>
      <c r="Y18709">
        <v>70</v>
      </c>
      <c r="Z18709">
        <v>71</v>
      </c>
      <c r="AA18709">
        <v>73</v>
      </c>
      <c r="AB18709">
        <v>75</v>
      </c>
      <c r="AC18709">
        <v>77</v>
      </c>
      <c r="AD18709">
        <v>78</v>
      </c>
      <c r="AE18709">
        <v>80</v>
      </c>
      <c r="AF18709">
        <v>82</v>
      </c>
      <c r="AG18709">
        <v>84</v>
      </c>
      <c r="AH18709">
        <v>86</v>
      </c>
      <c r="AI18709">
        <v>88</v>
      </c>
      <c r="AJ18709">
        <v>90</v>
      </c>
      <c r="AK18709">
        <v>92</v>
      </c>
      <c r="AL18709">
        <v>94</v>
      </c>
      <c r="AM18709">
        <v>95</v>
      </c>
      <c r="AN18709">
        <v>96</v>
      </c>
      <c r="AO18709">
        <v>98</v>
      </c>
      <c r="AP18709">
        <v>99</v>
      </c>
      <c r="AQ18709">
        <v>101</v>
      </c>
    </row>
    <row r="18710" spans="1:43">
      <c r="A18710" t="s">
        <v>11588</v>
      </c>
      <c r="B18710" t="s">
        <v>11589</v>
      </c>
      <c r="C18710" t="s">
        <v>11270</v>
      </c>
      <c r="D18710" t="s">
        <v>11271</v>
      </c>
      <c r="E18710" t="s">
        <v>11206</v>
      </c>
      <c r="F18710" t="s">
        <v>11207</v>
      </c>
      <c r="G18710" t="s">
        <v>10734</v>
      </c>
      <c r="H18710" t="s">
        <v>10735</v>
      </c>
      <c r="I18710" s="2">
        <v>0</v>
      </c>
      <c r="J18710" s="2">
        <v>0</v>
      </c>
      <c r="K18710" s="2">
        <v>1</v>
      </c>
      <c r="L18710" t="s">
        <v>995</v>
      </c>
      <c r="M18710" t="s">
        <v>83</v>
      </c>
      <c r="N18710" t="s">
        <v>84</v>
      </c>
      <c r="O18710" t="s">
        <v>85</v>
      </c>
      <c r="P18710" t="s">
        <v>86</v>
      </c>
      <c r="Q18710">
        <v>23</v>
      </c>
      <c r="R18710">
        <v>23</v>
      </c>
      <c r="S18710">
        <v>24</v>
      </c>
      <c r="T18710">
        <v>25</v>
      </c>
      <c r="U18710">
        <v>25</v>
      </c>
      <c r="V18710">
        <v>26</v>
      </c>
      <c r="W18710">
        <v>27</v>
      </c>
      <c r="X18710">
        <v>27</v>
      </c>
      <c r="Y18710">
        <v>28</v>
      </c>
      <c r="Z18710">
        <v>29</v>
      </c>
      <c r="AA18710">
        <v>29</v>
      </c>
      <c r="AB18710">
        <v>30</v>
      </c>
      <c r="AC18710">
        <v>31</v>
      </c>
      <c r="AD18710">
        <v>31</v>
      </c>
      <c r="AE18710">
        <v>32</v>
      </c>
      <c r="AF18710">
        <v>33</v>
      </c>
      <c r="AG18710">
        <v>34</v>
      </c>
      <c r="AH18710">
        <v>34</v>
      </c>
      <c r="AI18710">
        <v>35</v>
      </c>
      <c r="AJ18710">
        <v>36</v>
      </c>
      <c r="AK18710">
        <v>37</v>
      </c>
      <c r="AL18710">
        <v>38</v>
      </c>
      <c r="AM18710">
        <v>38</v>
      </c>
      <c r="AN18710">
        <v>39</v>
      </c>
      <c r="AO18710">
        <v>39</v>
      </c>
      <c r="AP18710">
        <v>40</v>
      </c>
      <c r="AQ18710">
        <v>40</v>
      </c>
    </row>
    <row r="18711" spans="1:43">
      <c r="A18711" t="s">
        <v>11588</v>
      </c>
      <c r="B18711" t="s">
        <v>11589</v>
      </c>
      <c r="C18711" t="s">
        <v>11270</v>
      </c>
      <c r="D18711" t="s">
        <v>11271</v>
      </c>
      <c r="E18711" t="s">
        <v>11206</v>
      </c>
      <c r="F18711" t="s">
        <v>11207</v>
      </c>
      <c r="G18711" t="s">
        <v>10734</v>
      </c>
      <c r="H18711" t="s">
        <v>10735</v>
      </c>
      <c r="I18711" s="2">
        <v>0</v>
      </c>
      <c r="J18711" s="2">
        <v>0</v>
      </c>
      <c r="K18711" s="2">
        <v>1</v>
      </c>
      <c r="L18711" t="s">
        <v>995</v>
      </c>
      <c r="M18711" t="s">
        <v>87</v>
      </c>
      <c r="N18711" t="s">
        <v>88</v>
      </c>
      <c r="O18711" t="s">
        <v>85</v>
      </c>
      <c r="P18711" t="s">
        <v>86</v>
      </c>
      <c r="Q18711">
        <v>23</v>
      </c>
      <c r="R18711">
        <v>23</v>
      </c>
      <c r="S18711">
        <v>23</v>
      </c>
      <c r="T18711">
        <v>24</v>
      </c>
      <c r="U18711">
        <v>24</v>
      </c>
      <c r="V18711">
        <v>25</v>
      </c>
      <c r="W18711">
        <v>25</v>
      </c>
      <c r="X18711">
        <v>25</v>
      </c>
      <c r="Y18711">
        <v>26</v>
      </c>
      <c r="Z18711">
        <v>26</v>
      </c>
      <c r="AA18711">
        <v>27</v>
      </c>
      <c r="AB18711">
        <v>27</v>
      </c>
      <c r="AC18711">
        <v>28</v>
      </c>
      <c r="AD18711">
        <v>28</v>
      </c>
      <c r="AE18711">
        <v>29</v>
      </c>
      <c r="AF18711">
        <v>29</v>
      </c>
      <c r="AG18711">
        <v>30</v>
      </c>
      <c r="AH18711">
        <v>30</v>
      </c>
      <c r="AI18711">
        <v>31</v>
      </c>
      <c r="AJ18711">
        <v>31</v>
      </c>
      <c r="AK18711">
        <v>32</v>
      </c>
      <c r="AL18711">
        <v>32</v>
      </c>
      <c r="AM18711">
        <v>33</v>
      </c>
      <c r="AN18711">
        <v>33</v>
      </c>
      <c r="AO18711">
        <v>34</v>
      </c>
      <c r="AP18711">
        <v>35</v>
      </c>
      <c r="AQ18711">
        <v>35</v>
      </c>
    </row>
    <row r="18712" spans="1:43">
      <c r="A18712" t="s">
        <v>11588</v>
      </c>
      <c r="B18712" t="s">
        <v>11589</v>
      </c>
      <c r="C18712" t="s">
        <v>11270</v>
      </c>
      <c r="D18712" t="s">
        <v>11271</v>
      </c>
      <c r="E18712" t="s">
        <v>11206</v>
      </c>
      <c r="F18712" t="s">
        <v>11207</v>
      </c>
      <c r="G18712" t="s">
        <v>10734</v>
      </c>
      <c r="H18712" t="s">
        <v>10735</v>
      </c>
      <c r="I18712" s="2">
        <v>0</v>
      </c>
      <c r="J18712" s="2">
        <v>0</v>
      </c>
      <c r="K18712" s="2">
        <v>1</v>
      </c>
      <c r="L18712" t="s">
        <v>995</v>
      </c>
      <c r="M18712" t="s">
        <v>89</v>
      </c>
      <c r="N18712" t="s">
        <v>90</v>
      </c>
      <c r="O18712" t="s">
        <v>85</v>
      </c>
      <c r="P18712" t="s">
        <v>86</v>
      </c>
      <c r="Q18712">
        <v>23</v>
      </c>
      <c r="R18712">
        <v>24</v>
      </c>
      <c r="S18712">
        <v>25</v>
      </c>
      <c r="T18712">
        <v>26</v>
      </c>
      <c r="U18712">
        <v>26</v>
      </c>
      <c r="V18712">
        <v>27</v>
      </c>
      <c r="W18712">
        <v>28</v>
      </c>
      <c r="X18712">
        <v>29</v>
      </c>
      <c r="Y18712">
        <v>30</v>
      </c>
      <c r="Z18712">
        <v>30</v>
      </c>
      <c r="AA18712">
        <v>31</v>
      </c>
      <c r="AB18712">
        <v>32</v>
      </c>
      <c r="AC18712">
        <v>33</v>
      </c>
      <c r="AD18712">
        <v>34</v>
      </c>
      <c r="AE18712">
        <v>34</v>
      </c>
      <c r="AF18712">
        <v>35</v>
      </c>
      <c r="AG18712">
        <v>35</v>
      </c>
      <c r="AH18712">
        <v>36</v>
      </c>
      <c r="AI18712">
        <v>36</v>
      </c>
      <c r="AJ18712">
        <v>37</v>
      </c>
      <c r="AK18712">
        <v>37</v>
      </c>
      <c r="AL18712">
        <v>38</v>
      </c>
      <c r="AM18712">
        <v>38</v>
      </c>
      <c r="AN18712">
        <v>39</v>
      </c>
      <c r="AO18712">
        <v>39</v>
      </c>
      <c r="AP18712">
        <v>40</v>
      </c>
      <c r="AQ18712">
        <v>40</v>
      </c>
    </row>
    <row r="18713" spans="1:43">
      <c r="A18713" t="s">
        <v>11588</v>
      </c>
      <c r="B18713" t="s">
        <v>11589</v>
      </c>
      <c r="C18713" t="s">
        <v>11270</v>
      </c>
      <c r="D18713" t="s">
        <v>11271</v>
      </c>
      <c r="E18713" t="s">
        <v>11206</v>
      </c>
      <c r="F18713" t="s">
        <v>11207</v>
      </c>
      <c r="G18713" t="s">
        <v>10734</v>
      </c>
      <c r="H18713" t="s">
        <v>10735</v>
      </c>
      <c r="I18713" s="2">
        <v>0</v>
      </c>
      <c r="J18713" s="2">
        <v>0</v>
      </c>
      <c r="K18713" s="2">
        <v>1</v>
      </c>
      <c r="L18713" t="s">
        <v>995</v>
      </c>
      <c r="M18713" t="s">
        <v>83</v>
      </c>
      <c r="N18713" t="s">
        <v>91</v>
      </c>
      <c r="O18713" t="s">
        <v>85</v>
      </c>
      <c r="P18713" t="s">
        <v>86</v>
      </c>
      <c r="Q18713">
        <v>23</v>
      </c>
      <c r="R18713">
        <v>23</v>
      </c>
      <c r="S18713">
        <v>24</v>
      </c>
      <c r="T18713">
        <v>25</v>
      </c>
      <c r="U18713">
        <v>25</v>
      </c>
      <c r="V18713">
        <v>26</v>
      </c>
      <c r="W18713">
        <v>27</v>
      </c>
      <c r="X18713">
        <v>27</v>
      </c>
      <c r="Y18713">
        <v>28</v>
      </c>
      <c r="Z18713">
        <v>29</v>
      </c>
      <c r="AA18713">
        <v>29</v>
      </c>
      <c r="AB18713">
        <v>30</v>
      </c>
      <c r="AC18713">
        <v>31</v>
      </c>
      <c r="AD18713">
        <v>31</v>
      </c>
      <c r="AE18713">
        <v>32</v>
      </c>
      <c r="AF18713">
        <v>33</v>
      </c>
      <c r="AG18713">
        <v>34</v>
      </c>
      <c r="AH18713">
        <v>34</v>
      </c>
      <c r="AI18713">
        <v>35</v>
      </c>
      <c r="AJ18713">
        <v>36</v>
      </c>
      <c r="AK18713">
        <v>37</v>
      </c>
      <c r="AL18713">
        <v>38</v>
      </c>
      <c r="AM18713">
        <v>38</v>
      </c>
      <c r="AN18713">
        <v>39</v>
      </c>
      <c r="AO18713">
        <v>39</v>
      </c>
      <c r="AP18713">
        <v>40</v>
      </c>
      <c r="AQ18713">
        <v>40</v>
      </c>
    </row>
    <row r="18714" spans="1:43">
      <c r="A18714" t="s">
        <v>11590</v>
      </c>
      <c r="B18714" t="s">
        <v>11591</v>
      </c>
      <c r="C18714" t="s">
        <v>11270</v>
      </c>
      <c r="D18714" t="s">
        <v>11271</v>
      </c>
      <c r="E18714" t="s">
        <v>11206</v>
      </c>
      <c r="F18714" t="s">
        <v>11207</v>
      </c>
      <c r="G18714" t="s">
        <v>10734</v>
      </c>
      <c r="H18714" t="s">
        <v>10735</v>
      </c>
      <c r="I18714" s="2">
        <v>0</v>
      </c>
      <c r="J18714" s="2">
        <v>0</v>
      </c>
      <c r="K18714" s="2">
        <v>1</v>
      </c>
      <c r="L18714" t="s">
        <v>995</v>
      </c>
      <c r="M18714" t="s">
        <v>83</v>
      </c>
      <c r="N18714" t="s">
        <v>84</v>
      </c>
      <c r="O18714" t="s">
        <v>85</v>
      </c>
      <c r="P18714" t="s">
        <v>86</v>
      </c>
      <c r="Q18714">
        <v>11</v>
      </c>
      <c r="R18714">
        <v>11</v>
      </c>
      <c r="S18714">
        <v>11</v>
      </c>
      <c r="T18714">
        <v>12</v>
      </c>
      <c r="U18714">
        <v>12</v>
      </c>
      <c r="V18714">
        <v>12</v>
      </c>
      <c r="W18714">
        <v>13</v>
      </c>
      <c r="X18714">
        <v>13</v>
      </c>
      <c r="Y18714">
        <v>13</v>
      </c>
      <c r="Z18714">
        <v>14</v>
      </c>
      <c r="AA18714">
        <v>14</v>
      </c>
      <c r="AB18714">
        <v>14</v>
      </c>
      <c r="AC18714">
        <v>15</v>
      </c>
      <c r="AD18714">
        <v>15</v>
      </c>
      <c r="AE18714">
        <v>15</v>
      </c>
      <c r="AF18714">
        <v>16</v>
      </c>
      <c r="AG18714">
        <v>16</v>
      </c>
      <c r="AH18714">
        <v>16</v>
      </c>
      <c r="AI18714">
        <v>17</v>
      </c>
      <c r="AJ18714">
        <v>17</v>
      </c>
      <c r="AK18714">
        <v>17</v>
      </c>
      <c r="AL18714">
        <v>18</v>
      </c>
      <c r="AM18714">
        <v>18</v>
      </c>
      <c r="AN18714">
        <v>18</v>
      </c>
      <c r="AO18714">
        <v>19</v>
      </c>
      <c r="AP18714">
        <v>19</v>
      </c>
      <c r="AQ18714">
        <v>19</v>
      </c>
    </row>
    <row r="18715" spans="1:43">
      <c r="A18715" t="s">
        <v>11590</v>
      </c>
      <c r="B18715" t="s">
        <v>11591</v>
      </c>
      <c r="C18715" t="s">
        <v>11270</v>
      </c>
      <c r="D18715" t="s">
        <v>11271</v>
      </c>
      <c r="E18715" t="s">
        <v>11206</v>
      </c>
      <c r="F18715" t="s">
        <v>11207</v>
      </c>
      <c r="G18715" t="s">
        <v>10734</v>
      </c>
      <c r="H18715" t="s">
        <v>10735</v>
      </c>
      <c r="I18715" s="2">
        <v>0</v>
      </c>
      <c r="J18715" s="2">
        <v>0</v>
      </c>
      <c r="K18715" s="2">
        <v>1</v>
      </c>
      <c r="L18715" t="s">
        <v>995</v>
      </c>
      <c r="M18715" t="s">
        <v>87</v>
      </c>
      <c r="N18715" t="s">
        <v>88</v>
      </c>
      <c r="O18715" t="s">
        <v>85</v>
      </c>
      <c r="P18715" t="s">
        <v>86</v>
      </c>
      <c r="Q18715">
        <v>11</v>
      </c>
      <c r="R18715">
        <v>11</v>
      </c>
      <c r="S18715">
        <v>11</v>
      </c>
      <c r="T18715">
        <v>11</v>
      </c>
      <c r="U18715">
        <v>11</v>
      </c>
      <c r="V18715">
        <v>12</v>
      </c>
      <c r="W18715">
        <v>12</v>
      </c>
      <c r="X18715">
        <v>12</v>
      </c>
      <c r="Y18715">
        <v>12</v>
      </c>
      <c r="Z18715">
        <v>12</v>
      </c>
      <c r="AA18715">
        <v>13</v>
      </c>
      <c r="AB18715">
        <v>13</v>
      </c>
      <c r="AC18715">
        <v>13</v>
      </c>
      <c r="AD18715">
        <v>13</v>
      </c>
      <c r="AE18715">
        <v>14</v>
      </c>
      <c r="AF18715">
        <v>14</v>
      </c>
      <c r="AG18715">
        <v>14</v>
      </c>
      <c r="AH18715">
        <v>14</v>
      </c>
      <c r="AI18715">
        <v>15</v>
      </c>
      <c r="AJ18715">
        <v>15</v>
      </c>
      <c r="AK18715">
        <v>15</v>
      </c>
      <c r="AL18715">
        <v>15</v>
      </c>
      <c r="AM18715">
        <v>16</v>
      </c>
      <c r="AN18715">
        <v>16</v>
      </c>
      <c r="AO18715">
        <v>16</v>
      </c>
      <c r="AP18715">
        <v>16</v>
      </c>
      <c r="AQ18715">
        <v>17</v>
      </c>
    </row>
    <row r="18716" spans="1:43">
      <c r="A18716" t="s">
        <v>11590</v>
      </c>
      <c r="B18716" t="s">
        <v>11591</v>
      </c>
      <c r="C18716" t="s">
        <v>11270</v>
      </c>
      <c r="D18716" t="s">
        <v>11271</v>
      </c>
      <c r="E18716" t="s">
        <v>11206</v>
      </c>
      <c r="F18716" t="s">
        <v>11207</v>
      </c>
      <c r="G18716" t="s">
        <v>10734</v>
      </c>
      <c r="H18716" t="s">
        <v>10735</v>
      </c>
      <c r="I18716" s="2">
        <v>0</v>
      </c>
      <c r="J18716" s="2">
        <v>0</v>
      </c>
      <c r="K18716" s="2">
        <v>1</v>
      </c>
      <c r="L18716" t="s">
        <v>995</v>
      </c>
      <c r="M18716" t="s">
        <v>89</v>
      </c>
      <c r="N18716" t="s">
        <v>90</v>
      </c>
      <c r="O18716" t="s">
        <v>85</v>
      </c>
      <c r="P18716" t="s">
        <v>86</v>
      </c>
      <c r="Q18716">
        <v>11</v>
      </c>
      <c r="R18716">
        <v>11</v>
      </c>
      <c r="S18716">
        <v>12</v>
      </c>
      <c r="T18716">
        <v>12</v>
      </c>
      <c r="U18716">
        <v>13</v>
      </c>
      <c r="V18716">
        <v>13</v>
      </c>
      <c r="W18716">
        <v>13</v>
      </c>
      <c r="X18716">
        <v>14</v>
      </c>
      <c r="Y18716">
        <v>14</v>
      </c>
      <c r="Z18716">
        <v>14</v>
      </c>
      <c r="AA18716">
        <v>15</v>
      </c>
      <c r="AB18716">
        <v>15</v>
      </c>
      <c r="AC18716">
        <v>16</v>
      </c>
      <c r="AD18716">
        <v>16</v>
      </c>
      <c r="AE18716">
        <v>16</v>
      </c>
      <c r="AF18716">
        <v>16</v>
      </c>
      <c r="AG18716">
        <v>17</v>
      </c>
      <c r="AH18716">
        <v>17</v>
      </c>
      <c r="AI18716">
        <v>17</v>
      </c>
      <c r="AJ18716">
        <v>17</v>
      </c>
      <c r="AK18716">
        <v>18</v>
      </c>
      <c r="AL18716">
        <v>18</v>
      </c>
      <c r="AM18716">
        <v>18</v>
      </c>
      <c r="AN18716">
        <v>18</v>
      </c>
      <c r="AO18716">
        <v>19</v>
      </c>
      <c r="AP18716">
        <v>19</v>
      </c>
      <c r="AQ18716">
        <v>19</v>
      </c>
    </row>
    <row r="18717" spans="1:43">
      <c r="A18717" t="s">
        <v>11590</v>
      </c>
      <c r="B18717" t="s">
        <v>11591</v>
      </c>
      <c r="C18717" t="s">
        <v>11270</v>
      </c>
      <c r="D18717" t="s">
        <v>11271</v>
      </c>
      <c r="E18717" t="s">
        <v>11206</v>
      </c>
      <c r="F18717" t="s">
        <v>11207</v>
      </c>
      <c r="G18717" t="s">
        <v>10734</v>
      </c>
      <c r="H18717" t="s">
        <v>10735</v>
      </c>
      <c r="I18717" s="2">
        <v>0</v>
      </c>
      <c r="J18717" s="2">
        <v>0</v>
      </c>
      <c r="K18717" s="2">
        <v>1</v>
      </c>
      <c r="L18717" t="s">
        <v>995</v>
      </c>
      <c r="M18717" t="s">
        <v>83</v>
      </c>
      <c r="N18717" t="s">
        <v>91</v>
      </c>
      <c r="O18717" t="s">
        <v>85</v>
      </c>
      <c r="P18717" t="s">
        <v>86</v>
      </c>
      <c r="Q18717">
        <v>11</v>
      </c>
      <c r="R18717">
        <v>11</v>
      </c>
      <c r="S18717">
        <v>11</v>
      </c>
      <c r="T18717">
        <v>12</v>
      </c>
      <c r="U18717">
        <v>12</v>
      </c>
      <c r="V18717">
        <v>12</v>
      </c>
      <c r="W18717">
        <v>13</v>
      </c>
      <c r="X18717">
        <v>13</v>
      </c>
      <c r="Y18717">
        <v>13</v>
      </c>
      <c r="Z18717">
        <v>14</v>
      </c>
      <c r="AA18717">
        <v>14</v>
      </c>
      <c r="AB18717">
        <v>14</v>
      </c>
      <c r="AC18717">
        <v>15</v>
      </c>
      <c r="AD18717">
        <v>15</v>
      </c>
      <c r="AE18717">
        <v>15</v>
      </c>
      <c r="AF18717">
        <v>16</v>
      </c>
      <c r="AG18717">
        <v>16</v>
      </c>
      <c r="AH18717">
        <v>16</v>
      </c>
      <c r="AI18717">
        <v>17</v>
      </c>
      <c r="AJ18717">
        <v>17</v>
      </c>
      <c r="AK18717">
        <v>17</v>
      </c>
      <c r="AL18717">
        <v>18</v>
      </c>
      <c r="AM18717">
        <v>18</v>
      </c>
      <c r="AN18717">
        <v>18</v>
      </c>
      <c r="AO18717">
        <v>19</v>
      </c>
      <c r="AP18717">
        <v>19</v>
      </c>
      <c r="AQ18717">
        <v>19</v>
      </c>
    </row>
    <row r="18718" spans="1:43">
      <c r="A18718" t="s">
        <v>11592</v>
      </c>
      <c r="B18718" t="s">
        <v>11593</v>
      </c>
      <c r="C18718" t="s">
        <v>11548</v>
      </c>
      <c r="D18718" t="s">
        <v>11549</v>
      </c>
      <c r="E18718" t="s">
        <v>11206</v>
      </c>
      <c r="F18718" t="s">
        <v>11207</v>
      </c>
      <c r="G18718" t="s">
        <v>10734</v>
      </c>
      <c r="H18718" t="s">
        <v>10735</v>
      </c>
      <c r="I18718" s="2">
        <v>0</v>
      </c>
      <c r="J18718" s="2">
        <v>0</v>
      </c>
      <c r="K18718" s="2">
        <v>1</v>
      </c>
      <c r="L18718" t="s">
        <v>995</v>
      </c>
      <c r="M18718" t="s">
        <v>83</v>
      </c>
      <c r="N18718" t="s">
        <v>84</v>
      </c>
      <c r="O18718" t="s">
        <v>85</v>
      </c>
      <c r="P18718" t="s">
        <v>86</v>
      </c>
      <c r="Q18718">
        <v>33</v>
      </c>
      <c r="R18718">
        <v>34</v>
      </c>
      <c r="S18718">
        <v>35</v>
      </c>
      <c r="T18718">
        <v>36</v>
      </c>
      <c r="U18718">
        <v>37</v>
      </c>
      <c r="V18718">
        <v>38</v>
      </c>
      <c r="W18718">
        <v>39</v>
      </c>
      <c r="X18718">
        <v>40</v>
      </c>
      <c r="Y18718">
        <v>41</v>
      </c>
      <c r="Z18718">
        <v>42</v>
      </c>
      <c r="AA18718">
        <v>43</v>
      </c>
      <c r="AB18718">
        <v>44</v>
      </c>
      <c r="AC18718">
        <v>45</v>
      </c>
      <c r="AD18718">
        <v>46</v>
      </c>
      <c r="AE18718">
        <v>47</v>
      </c>
      <c r="AF18718">
        <v>48</v>
      </c>
      <c r="AG18718">
        <v>49</v>
      </c>
      <c r="AH18718">
        <v>51</v>
      </c>
      <c r="AI18718">
        <v>52</v>
      </c>
      <c r="AJ18718">
        <v>53</v>
      </c>
      <c r="AK18718">
        <v>54</v>
      </c>
      <c r="AL18718">
        <v>55</v>
      </c>
      <c r="AM18718">
        <v>56</v>
      </c>
      <c r="AN18718">
        <v>57</v>
      </c>
      <c r="AO18718">
        <v>57</v>
      </c>
      <c r="AP18718">
        <v>58</v>
      </c>
      <c r="AQ18718">
        <v>59</v>
      </c>
    </row>
    <row r="18719" spans="1:43">
      <c r="A18719" t="s">
        <v>11592</v>
      </c>
      <c r="B18719" t="s">
        <v>11593</v>
      </c>
      <c r="C18719" t="s">
        <v>11548</v>
      </c>
      <c r="D18719" t="s">
        <v>11549</v>
      </c>
      <c r="E18719" t="s">
        <v>11206</v>
      </c>
      <c r="F18719" t="s">
        <v>11207</v>
      </c>
      <c r="G18719" t="s">
        <v>10734</v>
      </c>
      <c r="H18719" t="s">
        <v>10735</v>
      </c>
      <c r="I18719" s="2">
        <v>0</v>
      </c>
      <c r="J18719" s="2">
        <v>0</v>
      </c>
      <c r="K18719" s="2">
        <v>1</v>
      </c>
      <c r="L18719" t="s">
        <v>995</v>
      </c>
      <c r="M18719" t="s">
        <v>87</v>
      </c>
      <c r="N18719" t="s">
        <v>88</v>
      </c>
      <c r="O18719" t="s">
        <v>85</v>
      </c>
      <c r="P18719" t="s">
        <v>86</v>
      </c>
      <c r="Q18719">
        <v>33</v>
      </c>
      <c r="R18719">
        <v>34</v>
      </c>
      <c r="S18719">
        <v>34</v>
      </c>
      <c r="T18719">
        <v>35</v>
      </c>
      <c r="U18719">
        <v>35</v>
      </c>
      <c r="V18719">
        <v>36</v>
      </c>
      <c r="W18719">
        <v>37</v>
      </c>
      <c r="X18719">
        <v>37</v>
      </c>
      <c r="Y18719">
        <v>38</v>
      </c>
      <c r="Z18719">
        <v>38</v>
      </c>
      <c r="AA18719">
        <v>39</v>
      </c>
      <c r="AB18719">
        <v>40</v>
      </c>
      <c r="AC18719">
        <v>40</v>
      </c>
      <c r="AD18719">
        <v>41</v>
      </c>
      <c r="AE18719">
        <v>42</v>
      </c>
      <c r="AF18719">
        <v>43</v>
      </c>
      <c r="AG18719">
        <v>43</v>
      </c>
      <c r="AH18719">
        <v>44</v>
      </c>
      <c r="AI18719">
        <v>45</v>
      </c>
      <c r="AJ18719">
        <v>46</v>
      </c>
      <c r="AK18719">
        <v>46</v>
      </c>
      <c r="AL18719">
        <v>47</v>
      </c>
      <c r="AM18719">
        <v>48</v>
      </c>
      <c r="AN18719">
        <v>49</v>
      </c>
      <c r="AO18719">
        <v>50</v>
      </c>
      <c r="AP18719">
        <v>51</v>
      </c>
      <c r="AQ18719">
        <v>51</v>
      </c>
    </row>
    <row r="18720" spans="1:43">
      <c r="A18720" t="s">
        <v>11592</v>
      </c>
      <c r="B18720" t="s">
        <v>11593</v>
      </c>
      <c r="C18720" t="s">
        <v>11548</v>
      </c>
      <c r="D18720" t="s">
        <v>11549</v>
      </c>
      <c r="E18720" t="s">
        <v>11206</v>
      </c>
      <c r="F18720" t="s">
        <v>11207</v>
      </c>
      <c r="G18720" t="s">
        <v>10734</v>
      </c>
      <c r="H18720" t="s">
        <v>10735</v>
      </c>
      <c r="I18720" s="2">
        <v>0</v>
      </c>
      <c r="J18720" s="2">
        <v>0</v>
      </c>
      <c r="K18720" s="2">
        <v>1</v>
      </c>
      <c r="L18720" t="s">
        <v>995</v>
      </c>
      <c r="M18720" t="s">
        <v>89</v>
      </c>
      <c r="N18720" t="s">
        <v>90</v>
      </c>
      <c r="O18720" t="s">
        <v>85</v>
      </c>
      <c r="P18720" t="s">
        <v>86</v>
      </c>
      <c r="Q18720">
        <v>33</v>
      </c>
      <c r="R18720">
        <v>34</v>
      </c>
      <c r="S18720">
        <v>35</v>
      </c>
      <c r="T18720">
        <v>36</v>
      </c>
      <c r="U18720">
        <v>38</v>
      </c>
      <c r="V18720">
        <v>39</v>
      </c>
      <c r="W18720">
        <v>40</v>
      </c>
      <c r="X18720">
        <v>41</v>
      </c>
      <c r="Y18720">
        <v>42</v>
      </c>
      <c r="Z18720">
        <v>43</v>
      </c>
      <c r="AA18720">
        <v>45</v>
      </c>
      <c r="AB18720">
        <v>46</v>
      </c>
      <c r="AC18720">
        <v>47</v>
      </c>
      <c r="AD18720">
        <v>48</v>
      </c>
      <c r="AE18720">
        <v>49</v>
      </c>
      <c r="AF18720">
        <v>50</v>
      </c>
      <c r="AG18720">
        <v>51</v>
      </c>
      <c r="AH18720">
        <v>51</v>
      </c>
      <c r="AI18720">
        <v>52</v>
      </c>
      <c r="AJ18720">
        <v>53</v>
      </c>
      <c r="AK18720">
        <v>54</v>
      </c>
      <c r="AL18720">
        <v>54</v>
      </c>
      <c r="AM18720">
        <v>55</v>
      </c>
      <c r="AN18720">
        <v>56</v>
      </c>
      <c r="AO18720">
        <v>57</v>
      </c>
      <c r="AP18720">
        <v>58</v>
      </c>
      <c r="AQ18720">
        <v>58</v>
      </c>
    </row>
    <row r="18721" spans="1:43">
      <c r="A18721" t="s">
        <v>11592</v>
      </c>
      <c r="B18721" t="s">
        <v>11593</v>
      </c>
      <c r="C18721" t="s">
        <v>11548</v>
      </c>
      <c r="D18721" t="s">
        <v>11549</v>
      </c>
      <c r="E18721" t="s">
        <v>11206</v>
      </c>
      <c r="F18721" t="s">
        <v>11207</v>
      </c>
      <c r="G18721" t="s">
        <v>10734</v>
      </c>
      <c r="H18721" t="s">
        <v>10735</v>
      </c>
      <c r="I18721" s="2">
        <v>0</v>
      </c>
      <c r="J18721" s="2">
        <v>0</v>
      </c>
      <c r="K18721" s="2">
        <v>1</v>
      </c>
      <c r="L18721" t="s">
        <v>995</v>
      </c>
      <c r="M18721" t="s">
        <v>83</v>
      </c>
      <c r="N18721" t="s">
        <v>91</v>
      </c>
      <c r="O18721" t="s">
        <v>85</v>
      </c>
      <c r="P18721" t="s">
        <v>86</v>
      </c>
      <c r="Q18721">
        <v>33</v>
      </c>
      <c r="R18721">
        <v>34</v>
      </c>
      <c r="S18721">
        <v>35</v>
      </c>
      <c r="T18721">
        <v>36</v>
      </c>
      <c r="U18721">
        <v>37</v>
      </c>
      <c r="V18721">
        <v>38</v>
      </c>
      <c r="W18721">
        <v>39</v>
      </c>
      <c r="X18721">
        <v>40</v>
      </c>
      <c r="Y18721">
        <v>41</v>
      </c>
      <c r="Z18721">
        <v>42</v>
      </c>
      <c r="AA18721">
        <v>43</v>
      </c>
      <c r="AB18721">
        <v>44</v>
      </c>
      <c r="AC18721">
        <v>45</v>
      </c>
      <c r="AD18721">
        <v>46</v>
      </c>
      <c r="AE18721">
        <v>47</v>
      </c>
      <c r="AF18721">
        <v>48</v>
      </c>
      <c r="AG18721">
        <v>49</v>
      </c>
      <c r="AH18721">
        <v>51</v>
      </c>
      <c r="AI18721">
        <v>52</v>
      </c>
      <c r="AJ18721">
        <v>53</v>
      </c>
      <c r="AK18721">
        <v>54</v>
      </c>
      <c r="AL18721">
        <v>55</v>
      </c>
      <c r="AM18721">
        <v>56</v>
      </c>
      <c r="AN18721">
        <v>57</v>
      </c>
      <c r="AO18721">
        <v>57</v>
      </c>
      <c r="AP18721">
        <v>58</v>
      </c>
      <c r="AQ18721">
        <v>59</v>
      </c>
    </row>
    <row r="18722" spans="1:43">
      <c r="A18722" t="s">
        <v>11594</v>
      </c>
      <c r="B18722" t="s">
        <v>11595</v>
      </c>
      <c r="C18722" t="s">
        <v>11596</v>
      </c>
      <c r="D18722" t="s">
        <v>11597</v>
      </c>
      <c r="E18722" t="s">
        <v>11598</v>
      </c>
      <c r="F18722" t="s">
        <v>11599</v>
      </c>
      <c r="G18722" t="s">
        <v>10450</v>
      </c>
      <c r="H18722" t="s">
        <v>10451</v>
      </c>
      <c r="I18722" s="2">
        <v>0.01</v>
      </c>
      <c r="J18722" s="2">
        <v>0</v>
      </c>
      <c r="K18722" s="2">
        <v>0</v>
      </c>
      <c r="L18722" t="s">
        <v>120</v>
      </c>
      <c r="M18722" t="s">
        <v>83</v>
      </c>
      <c r="N18722" t="s">
        <v>84</v>
      </c>
      <c r="O18722" t="s">
        <v>85</v>
      </c>
      <c r="P18722" t="s">
        <v>86</v>
      </c>
      <c r="Q18722">
        <v>2</v>
      </c>
      <c r="R18722">
        <v>2</v>
      </c>
      <c r="S18722">
        <v>2</v>
      </c>
      <c r="T18722">
        <v>2</v>
      </c>
      <c r="U18722">
        <v>2</v>
      </c>
      <c r="V18722">
        <v>2</v>
      </c>
      <c r="W18722">
        <v>2</v>
      </c>
      <c r="X18722">
        <v>2</v>
      </c>
      <c r="Y18722">
        <v>2</v>
      </c>
      <c r="Z18722">
        <v>2</v>
      </c>
      <c r="AA18722">
        <v>2</v>
      </c>
      <c r="AB18722">
        <v>3</v>
      </c>
      <c r="AC18722">
        <v>3</v>
      </c>
      <c r="AD18722">
        <v>3</v>
      </c>
      <c r="AE18722">
        <v>3</v>
      </c>
      <c r="AF18722">
        <v>3</v>
      </c>
      <c r="AG18722">
        <v>3</v>
      </c>
      <c r="AH18722">
        <v>3</v>
      </c>
      <c r="AI18722">
        <v>3</v>
      </c>
      <c r="AJ18722">
        <v>3</v>
      </c>
      <c r="AK18722">
        <v>3</v>
      </c>
      <c r="AL18722">
        <v>3</v>
      </c>
      <c r="AM18722">
        <v>3</v>
      </c>
      <c r="AN18722">
        <v>3</v>
      </c>
      <c r="AO18722">
        <v>3</v>
      </c>
      <c r="AP18722">
        <v>3</v>
      </c>
      <c r="AQ18722">
        <v>3</v>
      </c>
    </row>
    <row r="18723" spans="1:43">
      <c r="A18723" t="s">
        <v>11594</v>
      </c>
      <c r="B18723" t="s">
        <v>11595</v>
      </c>
      <c r="C18723" t="s">
        <v>11596</v>
      </c>
      <c r="D18723" t="s">
        <v>11597</v>
      </c>
      <c r="E18723" t="s">
        <v>11598</v>
      </c>
      <c r="F18723" t="s">
        <v>11599</v>
      </c>
      <c r="G18723" t="s">
        <v>10450</v>
      </c>
      <c r="H18723" t="s">
        <v>10451</v>
      </c>
      <c r="I18723" s="2">
        <v>0.01</v>
      </c>
      <c r="J18723" s="2">
        <v>0</v>
      </c>
      <c r="K18723" s="2">
        <v>0</v>
      </c>
      <c r="L18723" t="s">
        <v>120</v>
      </c>
      <c r="M18723" t="s">
        <v>87</v>
      </c>
      <c r="N18723" t="s">
        <v>88</v>
      </c>
      <c r="O18723" t="s">
        <v>85</v>
      </c>
      <c r="P18723" t="s">
        <v>86</v>
      </c>
      <c r="Q18723">
        <v>2</v>
      </c>
      <c r="R18723">
        <v>2</v>
      </c>
      <c r="S18723">
        <v>2</v>
      </c>
      <c r="T18723">
        <v>2</v>
      </c>
      <c r="U18723">
        <v>2</v>
      </c>
      <c r="V18723">
        <v>2</v>
      </c>
      <c r="W18723">
        <v>2</v>
      </c>
      <c r="X18723">
        <v>2</v>
      </c>
      <c r="Y18723">
        <v>2</v>
      </c>
      <c r="Z18723">
        <v>2</v>
      </c>
      <c r="AA18723">
        <v>2</v>
      </c>
      <c r="AB18723">
        <v>2</v>
      </c>
      <c r="AC18723">
        <v>2</v>
      </c>
      <c r="AD18723">
        <v>2</v>
      </c>
      <c r="AE18723">
        <v>2</v>
      </c>
      <c r="AF18723">
        <v>2</v>
      </c>
      <c r="AG18723">
        <v>3</v>
      </c>
      <c r="AH18723">
        <v>3</v>
      </c>
      <c r="AI18723">
        <v>3</v>
      </c>
      <c r="AJ18723">
        <v>3</v>
      </c>
      <c r="AK18723">
        <v>3</v>
      </c>
      <c r="AL18723">
        <v>3</v>
      </c>
      <c r="AM18723">
        <v>3</v>
      </c>
      <c r="AN18723">
        <v>3</v>
      </c>
      <c r="AO18723">
        <v>3</v>
      </c>
      <c r="AP18723">
        <v>3</v>
      </c>
      <c r="AQ18723">
        <v>3</v>
      </c>
    </row>
    <row r="18724" spans="1:43">
      <c r="A18724" t="s">
        <v>11594</v>
      </c>
      <c r="B18724" t="s">
        <v>11595</v>
      </c>
      <c r="C18724" t="s">
        <v>11596</v>
      </c>
      <c r="D18724" t="s">
        <v>11597</v>
      </c>
      <c r="E18724" t="s">
        <v>11598</v>
      </c>
      <c r="F18724" t="s">
        <v>11599</v>
      </c>
      <c r="G18724" t="s">
        <v>10450</v>
      </c>
      <c r="H18724" t="s">
        <v>10451</v>
      </c>
      <c r="I18724" s="2">
        <v>0.01</v>
      </c>
      <c r="J18724" s="2">
        <v>0</v>
      </c>
      <c r="K18724" s="2">
        <v>0</v>
      </c>
      <c r="L18724" t="s">
        <v>120</v>
      </c>
      <c r="M18724" t="s">
        <v>89</v>
      </c>
      <c r="N18724" t="s">
        <v>90</v>
      </c>
      <c r="O18724" t="s">
        <v>85</v>
      </c>
      <c r="P18724" t="s">
        <v>86</v>
      </c>
      <c r="Q18724">
        <v>2</v>
      </c>
      <c r="R18724">
        <v>2</v>
      </c>
      <c r="S18724">
        <v>2</v>
      </c>
      <c r="T18724">
        <v>2</v>
      </c>
      <c r="U18724">
        <v>2</v>
      </c>
      <c r="V18724">
        <v>2</v>
      </c>
      <c r="W18724">
        <v>2</v>
      </c>
      <c r="X18724">
        <v>2</v>
      </c>
      <c r="Y18724">
        <v>3</v>
      </c>
      <c r="Z18724">
        <v>3</v>
      </c>
      <c r="AA18724">
        <v>3</v>
      </c>
      <c r="AB18724">
        <v>3</v>
      </c>
      <c r="AC18724">
        <v>3</v>
      </c>
      <c r="AD18724">
        <v>3</v>
      </c>
      <c r="AE18724">
        <v>3</v>
      </c>
      <c r="AF18724">
        <v>3</v>
      </c>
      <c r="AG18724">
        <v>3</v>
      </c>
      <c r="AH18724">
        <v>3</v>
      </c>
      <c r="AI18724">
        <v>3</v>
      </c>
      <c r="AJ18724">
        <v>3</v>
      </c>
      <c r="AK18724">
        <v>3</v>
      </c>
      <c r="AL18724">
        <v>3</v>
      </c>
      <c r="AM18724">
        <v>3</v>
      </c>
      <c r="AN18724">
        <v>3</v>
      </c>
      <c r="AO18724">
        <v>3</v>
      </c>
      <c r="AP18724">
        <v>3</v>
      </c>
      <c r="AQ18724">
        <v>3</v>
      </c>
    </row>
    <row r="18725" spans="1:43">
      <c r="A18725" t="s">
        <v>11594</v>
      </c>
      <c r="B18725" t="s">
        <v>11595</v>
      </c>
      <c r="C18725" t="s">
        <v>11596</v>
      </c>
      <c r="D18725" t="s">
        <v>11597</v>
      </c>
      <c r="E18725" t="s">
        <v>11598</v>
      </c>
      <c r="F18725" t="s">
        <v>11599</v>
      </c>
      <c r="G18725" t="s">
        <v>10450</v>
      </c>
      <c r="H18725" t="s">
        <v>10451</v>
      </c>
      <c r="I18725" s="2">
        <v>0.01</v>
      </c>
      <c r="J18725" s="2">
        <v>0</v>
      </c>
      <c r="K18725" s="2">
        <v>0</v>
      </c>
      <c r="L18725" t="s">
        <v>120</v>
      </c>
      <c r="M18725" t="s">
        <v>83</v>
      </c>
      <c r="N18725" t="s">
        <v>91</v>
      </c>
      <c r="O18725" t="s">
        <v>85</v>
      </c>
      <c r="P18725" t="s">
        <v>86</v>
      </c>
      <c r="Q18725">
        <v>2</v>
      </c>
      <c r="R18725">
        <v>2</v>
      </c>
      <c r="S18725">
        <v>2</v>
      </c>
      <c r="T18725">
        <v>2</v>
      </c>
      <c r="U18725">
        <v>2</v>
      </c>
      <c r="V18725">
        <v>2</v>
      </c>
      <c r="W18725">
        <v>2</v>
      </c>
      <c r="X18725">
        <v>2</v>
      </c>
      <c r="Y18725">
        <v>2</v>
      </c>
      <c r="Z18725">
        <v>2</v>
      </c>
      <c r="AA18725">
        <v>2</v>
      </c>
      <c r="AB18725">
        <v>3</v>
      </c>
      <c r="AC18725">
        <v>3</v>
      </c>
      <c r="AD18725">
        <v>3</v>
      </c>
      <c r="AE18725">
        <v>3</v>
      </c>
      <c r="AF18725">
        <v>3</v>
      </c>
      <c r="AG18725">
        <v>3</v>
      </c>
      <c r="AH18725">
        <v>3</v>
      </c>
      <c r="AI18725">
        <v>3</v>
      </c>
      <c r="AJ18725">
        <v>3</v>
      </c>
      <c r="AK18725">
        <v>3</v>
      </c>
      <c r="AL18725">
        <v>3</v>
      </c>
      <c r="AM18725">
        <v>3</v>
      </c>
      <c r="AN18725">
        <v>3</v>
      </c>
      <c r="AO18725">
        <v>3</v>
      </c>
      <c r="AP18725">
        <v>3</v>
      </c>
      <c r="AQ18725">
        <v>3</v>
      </c>
    </row>
    <row r="18726" spans="1:43">
      <c r="A18726" t="s">
        <v>11600</v>
      </c>
      <c r="B18726" t="s">
        <v>11601</v>
      </c>
      <c r="C18726" t="s">
        <v>11596</v>
      </c>
      <c r="D18726" t="s">
        <v>11597</v>
      </c>
      <c r="E18726" t="s">
        <v>11598</v>
      </c>
      <c r="F18726" t="s">
        <v>11599</v>
      </c>
      <c r="G18726" t="s">
        <v>10450</v>
      </c>
      <c r="H18726" t="s">
        <v>10451</v>
      </c>
      <c r="I18726" s="2">
        <v>0</v>
      </c>
      <c r="J18726" s="2">
        <v>0</v>
      </c>
      <c r="K18726" s="2">
        <v>0</v>
      </c>
      <c r="L18726" t="s">
        <v>120</v>
      </c>
      <c r="M18726" t="s">
        <v>83</v>
      </c>
      <c r="N18726" t="s">
        <v>84</v>
      </c>
      <c r="O18726" t="s">
        <v>85</v>
      </c>
      <c r="P18726" t="s">
        <v>86</v>
      </c>
      <c r="Q18726">
        <v>0</v>
      </c>
      <c r="R18726">
        <v>0</v>
      </c>
      <c r="S18726">
        <v>0</v>
      </c>
      <c r="T18726">
        <v>0</v>
      </c>
      <c r="U18726">
        <v>0</v>
      </c>
      <c r="V18726">
        <v>0</v>
      </c>
      <c r="W18726">
        <v>0</v>
      </c>
      <c r="X18726">
        <v>0</v>
      </c>
      <c r="Y18726">
        <v>0</v>
      </c>
      <c r="Z18726">
        <v>0</v>
      </c>
      <c r="AA18726">
        <v>0</v>
      </c>
      <c r="AB18726">
        <v>0</v>
      </c>
      <c r="AC18726">
        <v>0</v>
      </c>
      <c r="AD18726">
        <v>0</v>
      </c>
      <c r="AE18726">
        <v>0</v>
      </c>
      <c r="AF18726">
        <v>0</v>
      </c>
      <c r="AG18726">
        <v>0</v>
      </c>
      <c r="AH18726">
        <v>0</v>
      </c>
      <c r="AI18726">
        <v>0</v>
      </c>
      <c r="AJ18726">
        <v>0</v>
      </c>
      <c r="AK18726">
        <v>0</v>
      </c>
      <c r="AL18726">
        <v>0</v>
      </c>
      <c r="AM18726">
        <v>0</v>
      </c>
      <c r="AN18726">
        <v>0</v>
      </c>
      <c r="AO18726">
        <v>0</v>
      </c>
      <c r="AP18726">
        <v>0</v>
      </c>
      <c r="AQ18726">
        <v>0</v>
      </c>
    </row>
    <row r="18727" spans="1:43">
      <c r="A18727" t="s">
        <v>11600</v>
      </c>
      <c r="B18727" t="s">
        <v>11601</v>
      </c>
      <c r="C18727" t="s">
        <v>11596</v>
      </c>
      <c r="D18727" t="s">
        <v>11597</v>
      </c>
      <c r="E18727" t="s">
        <v>11598</v>
      </c>
      <c r="F18727" t="s">
        <v>11599</v>
      </c>
      <c r="G18727" t="s">
        <v>10450</v>
      </c>
      <c r="H18727" t="s">
        <v>10451</v>
      </c>
      <c r="I18727" s="2">
        <v>0</v>
      </c>
      <c r="J18727" s="2">
        <v>0</v>
      </c>
      <c r="K18727" s="2">
        <v>0</v>
      </c>
      <c r="L18727" t="s">
        <v>120</v>
      </c>
      <c r="M18727" t="s">
        <v>87</v>
      </c>
      <c r="N18727" t="s">
        <v>88</v>
      </c>
      <c r="O18727" t="s">
        <v>85</v>
      </c>
      <c r="P18727" t="s">
        <v>86</v>
      </c>
      <c r="Q18727">
        <v>0</v>
      </c>
      <c r="R18727">
        <v>0</v>
      </c>
      <c r="S18727">
        <v>0</v>
      </c>
      <c r="T18727">
        <v>0</v>
      </c>
      <c r="U18727">
        <v>0</v>
      </c>
      <c r="V18727">
        <v>0</v>
      </c>
      <c r="W18727">
        <v>0</v>
      </c>
      <c r="X18727">
        <v>0</v>
      </c>
      <c r="Y18727">
        <v>0</v>
      </c>
      <c r="Z18727">
        <v>0</v>
      </c>
      <c r="AA18727">
        <v>0</v>
      </c>
      <c r="AB18727">
        <v>0</v>
      </c>
      <c r="AC18727">
        <v>0</v>
      </c>
      <c r="AD18727">
        <v>0</v>
      </c>
      <c r="AE18727">
        <v>0</v>
      </c>
      <c r="AF18727">
        <v>0</v>
      </c>
      <c r="AG18727">
        <v>0</v>
      </c>
      <c r="AH18727">
        <v>0</v>
      </c>
      <c r="AI18727">
        <v>0</v>
      </c>
      <c r="AJ18727">
        <v>0</v>
      </c>
      <c r="AK18727">
        <v>0</v>
      </c>
      <c r="AL18727">
        <v>0</v>
      </c>
      <c r="AM18727">
        <v>0</v>
      </c>
      <c r="AN18727">
        <v>0</v>
      </c>
      <c r="AO18727">
        <v>0</v>
      </c>
      <c r="AP18727">
        <v>0</v>
      </c>
      <c r="AQ18727">
        <v>0</v>
      </c>
    </row>
    <row r="18728" spans="1:43">
      <c r="A18728" t="s">
        <v>11600</v>
      </c>
      <c r="B18728" t="s">
        <v>11601</v>
      </c>
      <c r="C18728" t="s">
        <v>11596</v>
      </c>
      <c r="D18728" t="s">
        <v>11597</v>
      </c>
      <c r="E18728" t="s">
        <v>11598</v>
      </c>
      <c r="F18728" t="s">
        <v>11599</v>
      </c>
      <c r="G18728" t="s">
        <v>10450</v>
      </c>
      <c r="H18728" t="s">
        <v>10451</v>
      </c>
      <c r="I18728" s="2">
        <v>0</v>
      </c>
      <c r="J18728" s="2">
        <v>0</v>
      </c>
      <c r="K18728" s="2">
        <v>0</v>
      </c>
      <c r="L18728" t="s">
        <v>120</v>
      </c>
      <c r="M18728" t="s">
        <v>89</v>
      </c>
      <c r="N18728" t="s">
        <v>90</v>
      </c>
      <c r="O18728" t="s">
        <v>85</v>
      </c>
      <c r="P18728" t="s">
        <v>86</v>
      </c>
      <c r="Q18728">
        <v>0</v>
      </c>
      <c r="R18728">
        <v>0</v>
      </c>
      <c r="S18728">
        <v>0</v>
      </c>
      <c r="T18728">
        <v>0</v>
      </c>
      <c r="U18728">
        <v>0</v>
      </c>
      <c r="V18728">
        <v>0</v>
      </c>
      <c r="W18728">
        <v>0</v>
      </c>
      <c r="X18728">
        <v>0</v>
      </c>
      <c r="Y18728">
        <v>0</v>
      </c>
      <c r="Z18728">
        <v>0</v>
      </c>
      <c r="AA18728">
        <v>0</v>
      </c>
      <c r="AB18728">
        <v>0</v>
      </c>
      <c r="AC18728">
        <v>0</v>
      </c>
      <c r="AD18728">
        <v>0</v>
      </c>
      <c r="AE18728">
        <v>0</v>
      </c>
      <c r="AF18728">
        <v>0</v>
      </c>
      <c r="AG18728">
        <v>0</v>
      </c>
      <c r="AH18728">
        <v>0</v>
      </c>
      <c r="AI18728">
        <v>0</v>
      </c>
      <c r="AJ18728">
        <v>0</v>
      </c>
      <c r="AK18728">
        <v>0</v>
      </c>
      <c r="AL18728">
        <v>0</v>
      </c>
      <c r="AM18728">
        <v>0</v>
      </c>
      <c r="AN18728">
        <v>0</v>
      </c>
      <c r="AO18728">
        <v>0</v>
      </c>
      <c r="AP18728">
        <v>0</v>
      </c>
      <c r="AQ18728">
        <v>0</v>
      </c>
    </row>
    <row r="18729" spans="1:43">
      <c r="A18729" t="s">
        <v>11600</v>
      </c>
      <c r="B18729" t="s">
        <v>11601</v>
      </c>
      <c r="C18729" t="s">
        <v>11596</v>
      </c>
      <c r="D18729" t="s">
        <v>11597</v>
      </c>
      <c r="E18729" t="s">
        <v>11598</v>
      </c>
      <c r="F18729" t="s">
        <v>11599</v>
      </c>
      <c r="G18729" t="s">
        <v>10450</v>
      </c>
      <c r="H18729" t="s">
        <v>10451</v>
      </c>
      <c r="I18729" s="2">
        <v>0</v>
      </c>
      <c r="J18729" s="2">
        <v>0</v>
      </c>
      <c r="K18729" s="2">
        <v>0</v>
      </c>
      <c r="L18729" t="s">
        <v>120</v>
      </c>
      <c r="M18729" t="s">
        <v>83</v>
      </c>
      <c r="N18729" t="s">
        <v>91</v>
      </c>
      <c r="O18729" t="s">
        <v>85</v>
      </c>
      <c r="P18729" t="s">
        <v>86</v>
      </c>
      <c r="Q18729">
        <v>0</v>
      </c>
      <c r="R18729">
        <v>0</v>
      </c>
      <c r="S18729">
        <v>0</v>
      </c>
      <c r="T18729">
        <v>0</v>
      </c>
      <c r="U18729">
        <v>0</v>
      </c>
      <c r="V18729">
        <v>0</v>
      </c>
      <c r="W18729">
        <v>0</v>
      </c>
      <c r="X18729">
        <v>0</v>
      </c>
      <c r="Y18729">
        <v>0</v>
      </c>
      <c r="Z18729">
        <v>0</v>
      </c>
      <c r="AA18729">
        <v>0</v>
      </c>
      <c r="AB18729">
        <v>0</v>
      </c>
      <c r="AC18729">
        <v>0</v>
      </c>
      <c r="AD18729">
        <v>0</v>
      </c>
      <c r="AE18729">
        <v>0</v>
      </c>
      <c r="AF18729">
        <v>0</v>
      </c>
      <c r="AG18729">
        <v>0</v>
      </c>
      <c r="AH18729">
        <v>0</v>
      </c>
      <c r="AI18729">
        <v>0</v>
      </c>
      <c r="AJ18729">
        <v>0</v>
      </c>
      <c r="AK18729">
        <v>0</v>
      </c>
      <c r="AL18729">
        <v>0</v>
      </c>
      <c r="AM18729">
        <v>0</v>
      </c>
      <c r="AN18729">
        <v>0</v>
      </c>
      <c r="AO18729">
        <v>0</v>
      </c>
      <c r="AP18729">
        <v>0</v>
      </c>
      <c r="AQ18729">
        <v>0</v>
      </c>
    </row>
    <row r="18730" spans="1:43">
      <c r="A18730" t="s">
        <v>11602</v>
      </c>
      <c r="B18730" t="s">
        <v>11603</v>
      </c>
      <c r="C18730" t="s">
        <v>11604</v>
      </c>
      <c r="D18730" t="s">
        <v>11605</v>
      </c>
      <c r="E18730" t="s">
        <v>11598</v>
      </c>
      <c r="F18730" t="s">
        <v>11599</v>
      </c>
      <c r="G18730" t="s">
        <v>10450</v>
      </c>
      <c r="H18730" t="s">
        <v>10451</v>
      </c>
      <c r="I18730" s="2">
        <v>0.01</v>
      </c>
      <c r="J18730" s="2">
        <v>0</v>
      </c>
      <c r="K18730" s="2">
        <v>0</v>
      </c>
      <c r="L18730" t="s">
        <v>120</v>
      </c>
      <c r="M18730" t="s">
        <v>83</v>
      </c>
      <c r="N18730" t="s">
        <v>84</v>
      </c>
      <c r="O18730" t="s">
        <v>85</v>
      </c>
      <c r="P18730" t="s">
        <v>86</v>
      </c>
      <c r="Q18730">
        <v>1</v>
      </c>
      <c r="R18730">
        <v>1</v>
      </c>
      <c r="S18730">
        <v>1</v>
      </c>
      <c r="T18730">
        <v>1</v>
      </c>
      <c r="U18730">
        <v>1</v>
      </c>
      <c r="V18730">
        <v>1</v>
      </c>
      <c r="W18730">
        <v>1</v>
      </c>
      <c r="X18730">
        <v>1</v>
      </c>
      <c r="Y18730">
        <v>1</v>
      </c>
      <c r="Z18730">
        <v>1</v>
      </c>
      <c r="AA18730">
        <v>1</v>
      </c>
      <c r="AB18730">
        <v>1</v>
      </c>
      <c r="AC18730">
        <v>1</v>
      </c>
      <c r="AD18730">
        <v>1</v>
      </c>
      <c r="AE18730">
        <v>1</v>
      </c>
      <c r="AF18730">
        <v>2</v>
      </c>
      <c r="AG18730">
        <v>2</v>
      </c>
      <c r="AH18730">
        <v>2</v>
      </c>
      <c r="AI18730">
        <v>2</v>
      </c>
      <c r="AJ18730">
        <v>2</v>
      </c>
      <c r="AK18730">
        <v>2</v>
      </c>
      <c r="AL18730">
        <v>2</v>
      </c>
      <c r="AM18730">
        <v>2</v>
      </c>
      <c r="AN18730">
        <v>2</v>
      </c>
      <c r="AO18730">
        <v>2</v>
      </c>
      <c r="AP18730">
        <v>2</v>
      </c>
      <c r="AQ18730">
        <v>2</v>
      </c>
    </row>
    <row r="18731" spans="1:43">
      <c r="A18731" t="s">
        <v>11602</v>
      </c>
      <c r="B18731" t="s">
        <v>11603</v>
      </c>
      <c r="C18731" t="s">
        <v>11604</v>
      </c>
      <c r="D18731" t="s">
        <v>11605</v>
      </c>
      <c r="E18731" t="s">
        <v>11598</v>
      </c>
      <c r="F18731" t="s">
        <v>11599</v>
      </c>
      <c r="G18731" t="s">
        <v>10450</v>
      </c>
      <c r="H18731" t="s">
        <v>10451</v>
      </c>
      <c r="I18731" s="2">
        <v>0.01</v>
      </c>
      <c r="J18731" s="2">
        <v>0</v>
      </c>
      <c r="K18731" s="2">
        <v>0</v>
      </c>
      <c r="L18731" t="s">
        <v>120</v>
      </c>
      <c r="M18731" t="s">
        <v>87</v>
      </c>
      <c r="N18731" t="s">
        <v>88</v>
      </c>
      <c r="O18731" t="s">
        <v>85</v>
      </c>
      <c r="P18731" t="s">
        <v>86</v>
      </c>
      <c r="Q18731">
        <v>1</v>
      </c>
      <c r="R18731">
        <v>1</v>
      </c>
      <c r="S18731">
        <v>1</v>
      </c>
      <c r="T18731">
        <v>1</v>
      </c>
      <c r="U18731">
        <v>1</v>
      </c>
      <c r="V18731">
        <v>1</v>
      </c>
      <c r="W18731">
        <v>1</v>
      </c>
      <c r="X18731">
        <v>1</v>
      </c>
      <c r="Y18731">
        <v>1</v>
      </c>
      <c r="Z18731">
        <v>1</v>
      </c>
      <c r="AA18731">
        <v>1</v>
      </c>
      <c r="AB18731">
        <v>1</v>
      </c>
      <c r="AC18731">
        <v>1</v>
      </c>
      <c r="AD18731">
        <v>1</v>
      </c>
      <c r="AE18731">
        <v>1</v>
      </c>
      <c r="AF18731">
        <v>1</v>
      </c>
      <c r="AG18731">
        <v>1</v>
      </c>
      <c r="AH18731">
        <v>1</v>
      </c>
      <c r="AI18731">
        <v>1</v>
      </c>
      <c r="AJ18731">
        <v>1</v>
      </c>
      <c r="AK18731">
        <v>1</v>
      </c>
      <c r="AL18731">
        <v>1</v>
      </c>
      <c r="AM18731">
        <v>1</v>
      </c>
      <c r="AN18731">
        <v>2</v>
      </c>
      <c r="AO18731">
        <v>2</v>
      </c>
      <c r="AP18731">
        <v>2</v>
      </c>
      <c r="AQ18731">
        <v>2</v>
      </c>
    </row>
    <row r="18732" spans="1:43">
      <c r="A18732" t="s">
        <v>11602</v>
      </c>
      <c r="B18732" t="s">
        <v>11603</v>
      </c>
      <c r="C18732" t="s">
        <v>11604</v>
      </c>
      <c r="D18732" t="s">
        <v>11605</v>
      </c>
      <c r="E18732" t="s">
        <v>11598</v>
      </c>
      <c r="F18732" t="s">
        <v>11599</v>
      </c>
      <c r="G18732" t="s">
        <v>10450</v>
      </c>
      <c r="H18732" t="s">
        <v>10451</v>
      </c>
      <c r="I18732" s="2">
        <v>0.01</v>
      </c>
      <c r="J18732" s="2">
        <v>0</v>
      </c>
      <c r="K18732" s="2">
        <v>0</v>
      </c>
      <c r="L18732" t="s">
        <v>120</v>
      </c>
      <c r="M18732" t="s">
        <v>89</v>
      </c>
      <c r="N18732" t="s">
        <v>90</v>
      </c>
      <c r="O18732" t="s">
        <v>85</v>
      </c>
      <c r="P18732" t="s">
        <v>86</v>
      </c>
      <c r="Q18732">
        <v>1</v>
      </c>
      <c r="R18732">
        <v>1</v>
      </c>
      <c r="S18732">
        <v>1</v>
      </c>
      <c r="T18732">
        <v>1</v>
      </c>
      <c r="U18732">
        <v>1</v>
      </c>
      <c r="V18732">
        <v>1</v>
      </c>
      <c r="W18732">
        <v>1</v>
      </c>
      <c r="X18732">
        <v>1</v>
      </c>
      <c r="Y18732">
        <v>1</v>
      </c>
      <c r="Z18732">
        <v>1</v>
      </c>
      <c r="AA18732">
        <v>1</v>
      </c>
      <c r="AB18732">
        <v>1</v>
      </c>
      <c r="AC18732">
        <v>2</v>
      </c>
      <c r="AD18732">
        <v>2</v>
      </c>
      <c r="AE18732">
        <v>2</v>
      </c>
      <c r="AF18732">
        <v>2</v>
      </c>
      <c r="AG18732">
        <v>2</v>
      </c>
      <c r="AH18732">
        <v>2</v>
      </c>
      <c r="AI18732">
        <v>2</v>
      </c>
      <c r="AJ18732">
        <v>2</v>
      </c>
      <c r="AK18732">
        <v>2</v>
      </c>
      <c r="AL18732">
        <v>2</v>
      </c>
      <c r="AM18732">
        <v>2</v>
      </c>
      <c r="AN18732">
        <v>2</v>
      </c>
      <c r="AO18732">
        <v>2</v>
      </c>
      <c r="AP18732">
        <v>2</v>
      </c>
      <c r="AQ18732">
        <v>2</v>
      </c>
    </row>
    <row r="18733" spans="1:43">
      <c r="A18733" t="s">
        <v>11602</v>
      </c>
      <c r="B18733" t="s">
        <v>11603</v>
      </c>
      <c r="C18733" t="s">
        <v>11604</v>
      </c>
      <c r="D18733" t="s">
        <v>11605</v>
      </c>
      <c r="E18733" t="s">
        <v>11598</v>
      </c>
      <c r="F18733" t="s">
        <v>11599</v>
      </c>
      <c r="G18733" t="s">
        <v>10450</v>
      </c>
      <c r="H18733" t="s">
        <v>10451</v>
      </c>
      <c r="I18733" s="2">
        <v>0.01</v>
      </c>
      <c r="J18733" s="2">
        <v>0</v>
      </c>
      <c r="K18733" s="2">
        <v>0</v>
      </c>
      <c r="L18733" t="s">
        <v>120</v>
      </c>
      <c r="M18733" t="s">
        <v>83</v>
      </c>
      <c r="N18733" t="s">
        <v>91</v>
      </c>
      <c r="O18733" t="s">
        <v>85</v>
      </c>
      <c r="P18733" t="s">
        <v>86</v>
      </c>
      <c r="Q18733">
        <v>1</v>
      </c>
      <c r="R18733">
        <v>1</v>
      </c>
      <c r="S18733">
        <v>1</v>
      </c>
      <c r="T18733">
        <v>1</v>
      </c>
      <c r="U18733">
        <v>1</v>
      </c>
      <c r="V18733">
        <v>1</v>
      </c>
      <c r="W18733">
        <v>1</v>
      </c>
      <c r="X18733">
        <v>1</v>
      </c>
      <c r="Y18733">
        <v>1</v>
      </c>
      <c r="Z18733">
        <v>1</v>
      </c>
      <c r="AA18733">
        <v>1</v>
      </c>
      <c r="AB18733">
        <v>1</v>
      </c>
      <c r="AC18733">
        <v>1</v>
      </c>
      <c r="AD18733">
        <v>1</v>
      </c>
      <c r="AE18733">
        <v>1</v>
      </c>
      <c r="AF18733">
        <v>2</v>
      </c>
      <c r="AG18733">
        <v>2</v>
      </c>
      <c r="AH18733">
        <v>2</v>
      </c>
      <c r="AI18733">
        <v>2</v>
      </c>
      <c r="AJ18733">
        <v>2</v>
      </c>
      <c r="AK18733">
        <v>2</v>
      </c>
      <c r="AL18733">
        <v>2</v>
      </c>
      <c r="AM18733">
        <v>2</v>
      </c>
      <c r="AN18733">
        <v>2</v>
      </c>
      <c r="AO18733">
        <v>2</v>
      </c>
      <c r="AP18733">
        <v>2</v>
      </c>
      <c r="AQ18733">
        <v>2</v>
      </c>
    </row>
    <row r="18734" spans="1:43">
      <c r="A18734" t="s">
        <v>11606</v>
      </c>
      <c r="B18734" t="s">
        <v>11607</v>
      </c>
      <c r="C18734" t="s">
        <v>11608</v>
      </c>
      <c r="D18734" t="s">
        <v>11609</v>
      </c>
      <c r="E18734" t="s">
        <v>11610</v>
      </c>
      <c r="F18734" t="s">
        <v>11611</v>
      </c>
      <c r="G18734" t="s">
        <v>11612</v>
      </c>
      <c r="H18734" t="s">
        <v>11613</v>
      </c>
      <c r="I18734" s="2">
        <v>0</v>
      </c>
      <c r="J18734" s="2">
        <v>0</v>
      </c>
      <c r="K18734" s="2">
        <v>1</v>
      </c>
      <c r="L18734" t="s">
        <v>995</v>
      </c>
      <c r="M18734" t="s">
        <v>83</v>
      </c>
      <c r="N18734" t="s">
        <v>84</v>
      </c>
      <c r="O18734" t="s">
        <v>85</v>
      </c>
      <c r="P18734" t="s">
        <v>86</v>
      </c>
      <c r="Q18734">
        <v>45</v>
      </c>
      <c r="R18734">
        <v>46</v>
      </c>
      <c r="S18734">
        <v>46</v>
      </c>
      <c r="T18734">
        <v>47</v>
      </c>
      <c r="U18734">
        <v>48</v>
      </c>
      <c r="V18734">
        <v>48</v>
      </c>
      <c r="W18734">
        <v>49</v>
      </c>
      <c r="X18734">
        <v>49</v>
      </c>
      <c r="Y18734">
        <v>50</v>
      </c>
      <c r="Z18734">
        <v>51</v>
      </c>
      <c r="AA18734">
        <v>51</v>
      </c>
      <c r="AB18734">
        <v>52</v>
      </c>
      <c r="AC18734">
        <v>52</v>
      </c>
      <c r="AD18734">
        <v>53</v>
      </c>
      <c r="AE18734">
        <v>53</v>
      </c>
      <c r="AF18734">
        <v>54</v>
      </c>
      <c r="AG18734">
        <v>55</v>
      </c>
      <c r="AH18734">
        <v>55</v>
      </c>
      <c r="AI18734">
        <v>56</v>
      </c>
      <c r="AJ18734">
        <v>56</v>
      </c>
      <c r="AK18734">
        <v>57</v>
      </c>
      <c r="AL18734">
        <v>57</v>
      </c>
      <c r="AM18734">
        <v>57</v>
      </c>
      <c r="AN18734">
        <v>57</v>
      </c>
      <c r="AO18734">
        <v>57</v>
      </c>
      <c r="AP18734">
        <v>57</v>
      </c>
      <c r="AQ18734">
        <v>57</v>
      </c>
    </row>
    <row r="18735" spans="1:43">
      <c r="A18735" t="s">
        <v>11606</v>
      </c>
      <c r="B18735" t="s">
        <v>11607</v>
      </c>
      <c r="C18735" t="s">
        <v>11608</v>
      </c>
      <c r="D18735" t="s">
        <v>11609</v>
      </c>
      <c r="E18735" t="s">
        <v>11610</v>
      </c>
      <c r="F18735" t="s">
        <v>11611</v>
      </c>
      <c r="G18735" t="s">
        <v>11612</v>
      </c>
      <c r="H18735" t="s">
        <v>11613</v>
      </c>
      <c r="I18735" s="2">
        <v>0</v>
      </c>
      <c r="J18735" s="2">
        <v>0</v>
      </c>
      <c r="K18735" s="2">
        <v>1</v>
      </c>
      <c r="L18735" t="s">
        <v>995</v>
      </c>
      <c r="M18735" t="s">
        <v>87</v>
      </c>
      <c r="N18735" t="s">
        <v>88</v>
      </c>
      <c r="O18735" t="s">
        <v>85</v>
      </c>
      <c r="P18735" t="s">
        <v>86</v>
      </c>
      <c r="Q18735">
        <v>45</v>
      </c>
      <c r="R18735">
        <v>45</v>
      </c>
      <c r="S18735">
        <v>45</v>
      </c>
      <c r="T18735">
        <v>45</v>
      </c>
      <c r="U18735">
        <v>45</v>
      </c>
      <c r="V18735">
        <v>46</v>
      </c>
      <c r="W18735">
        <v>46</v>
      </c>
      <c r="X18735">
        <v>46</v>
      </c>
      <c r="Y18735">
        <v>46</v>
      </c>
      <c r="Z18735">
        <v>46</v>
      </c>
      <c r="AA18735">
        <v>47</v>
      </c>
      <c r="AB18735">
        <v>47</v>
      </c>
      <c r="AC18735">
        <v>47</v>
      </c>
      <c r="AD18735">
        <v>47</v>
      </c>
      <c r="AE18735">
        <v>47</v>
      </c>
      <c r="AF18735">
        <v>47</v>
      </c>
      <c r="AG18735">
        <v>48</v>
      </c>
      <c r="AH18735">
        <v>48</v>
      </c>
      <c r="AI18735">
        <v>48</v>
      </c>
      <c r="AJ18735">
        <v>48</v>
      </c>
      <c r="AK18735">
        <v>48</v>
      </c>
      <c r="AL18735">
        <v>49</v>
      </c>
      <c r="AM18735">
        <v>49</v>
      </c>
      <c r="AN18735">
        <v>49</v>
      </c>
      <c r="AO18735">
        <v>49</v>
      </c>
      <c r="AP18735">
        <v>49</v>
      </c>
      <c r="AQ18735">
        <v>49</v>
      </c>
    </row>
    <row r="18736" spans="1:43">
      <c r="A18736" t="s">
        <v>11606</v>
      </c>
      <c r="B18736" t="s">
        <v>11607</v>
      </c>
      <c r="C18736" t="s">
        <v>11608</v>
      </c>
      <c r="D18736" t="s">
        <v>11609</v>
      </c>
      <c r="E18736" t="s">
        <v>11610</v>
      </c>
      <c r="F18736" t="s">
        <v>11611</v>
      </c>
      <c r="G18736" t="s">
        <v>11612</v>
      </c>
      <c r="H18736" t="s">
        <v>11613</v>
      </c>
      <c r="I18736" s="2">
        <v>0</v>
      </c>
      <c r="J18736" s="2">
        <v>0</v>
      </c>
      <c r="K18736" s="2">
        <v>1</v>
      </c>
      <c r="L18736" t="s">
        <v>995</v>
      </c>
      <c r="M18736" t="s">
        <v>89</v>
      </c>
      <c r="N18736" t="s">
        <v>90</v>
      </c>
      <c r="O18736" t="s">
        <v>85</v>
      </c>
      <c r="P18736" t="s">
        <v>86</v>
      </c>
      <c r="Q18736">
        <v>45</v>
      </c>
      <c r="R18736">
        <v>46</v>
      </c>
      <c r="S18736">
        <v>46</v>
      </c>
      <c r="T18736">
        <v>47</v>
      </c>
      <c r="U18736">
        <v>48</v>
      </c>
      <c r="V18736">
        <v>49</v>
      </c>
      <c r="W18736">
        <v>50</v>
      </c>
      <c r="X18736">
        <v>51</v>
      </c>
      <c r="Y18736">
        <v>52</v>
      </c>
      <c r="Z18736">
        <v>53</v>
      </c>
      <c r="AA18736">
        <v>53</v>
      </c>
      <c r="AB18736">
        <v>54</v>
      </c>
      <c r="AC18736">
        <v>55</v>
      </c>
      <c r="AD18736">
        <v>56</v>
      </c>
      <c r="AE18736">
        <v>56</v>
      </c>
      <c r="AF18736">
        <v>56</v>
      </c>
      <c r="AG18736">
        <v>56</v>
      </c>
      <c r="AH18736">
        <v>56</v>
      </c>
      <c r="AI18736">
        <v>56</v>
      </c>
      <c r="AJ18736">
        <v>56</v>
      </c>
      <c r="AK18736">
        <v>56</v>
      </c>
      <c r="AL18736">
        <v>57</v>
      </c>
      <c r="AM18736">
        <v>57</v>
      </c>
      <c r="AN18736">
        <v>57</v>
      </c>
      <c r="AO18736">
        <v>57</v>
      </c>
      <c r="AP18736">
        <v>57</v>
      </c>
      <c r="AQ18736">
        <v>57</v>
      </c>
    </row>
    <row r="18737" spans="1:43">
      <c r="A18737" t="s">
        <v>11606</v>
      </c>
      <c r="B18737" t="s">
        <v>11607</v>
      </c>
      <c r="C18737" t="s">
        <v>11608</v>
      </c>
      <c r="D18737" t="s">
        <v>11609</v>
      </c>
      <c r="E18737" t="s">
        <v>11610</v>
      </c>
      <c r="F18737" t="s">
        <v>11611</v>
      </c>
      <c r="G18737" t="s">
        <v>11612</v>
      </c>
      <c r="H18737" t="s">
        <v>11613</v>
      </c>
      <c r="I18737" s="2">
        <v>0</v>
      </c>
      <c r="J18737" s="2">
        <v>0</v>
      </c>
      <c r="K18737" s="2">
        <v>1</v>
      </c>
      <c r="L18737" t="s">
        <v>995</v>
      </c>
      <c r="M18737" t="s">
        <v>83</v>
      </c>
      <c r="N18737" t="s">
        <v>91</v>
      </c>
      <c r="O18737" t="s">
        <v>85</v>
      </c>
      <c r="P18737" t="s">
        <v>86</v>
      </c>
      <c r="Q18737">
        <v>45</v>
      </c>
      <c r="R18737">
        <v>46</v>
      </c>
      <c r="S18737">
        <v>46</v>
      </c>
      <c r="T18737">
        <v>47</v>
      </c>
      <c r="U18737">
        <v>48</v>
      </c>
      <c r="V18737">
        <v>48</v>
      </c>
      <c r="W18737">
        <v>49</v>
      </c>
      <c r="X18737">
        <v>49</v>
      </c>
      <c r="Y18737">
        <v>50</v>
      </c>
      <c r="Z18737">
        <v>51</v>
      </c>
      <c r="AA18737">
        <v>51</v>
      </c>
      <c r="AB18737">
        <v>52</v>
      </c>
      <c r="AC18737">
        <v>52</v>
      </c>
      <c r="AD18737">
        <v>53</v>
      </c>
      <c r="AE18737">
        <v>53</v>
      </c>
      <c r="AF18737">
        <v>54</v>
      </c>
      <c r="AG18737">
        <v>55</v>
      </c>
      <c r="AH18737">
        <v>55</v>
      </c>
      <c r="AI18737">
        <v>56</v>
      </c>
      <c r="AJ18737">
        <v>56</v>
      </c>
      <c r="AK18737">
        <v>57</v>
      </c>
      <c r="AL18737">
        <v>57</v>
      </c>
      <c r="AM18737">
        <v>57</v>
      </c>
      <c r="AN18737">
        <v>57</v>
      </c>
      <c r="AO18737">
        <v>57</v>
      </c>
      <c r="AP18737">
        <v>57</v>
      </c>
      <c r="AQ18737">
        <v>57</v>
      </c>
    </row>
    <row r="18738" spans="1:43">
      <c r="A18738" t="s">
        <v>11614</v>
      </c>
      <c r="B18738" t="s">
        <v>11615</v>
      </c>
      <c r="C18738" t="s">
        <v>11616</v>
      </c>
      <c r="D18738" t="s">
        <v>11617</v>
      </c>
      <c r="E18738" t="s">
        <v>11610</v>
      </c>
      <c r="F18738" t="s">
        <v>11611</v>
      </c>
      <c r="G18738" t="s">
        <v>11612</v>
      </c>
      <c r="H18738" t="s">
        <v>11613</v>
      </c>
      <c r="I18738" s="2">
        <v>0</v>
      </c>
      <c r="J18738" s="2">
        <v>0</v>
      </c>
      <c r="K18738" s="2">
        <v>1</v>
      </c>
      <c r="L18738" t="s">
        <v>995</v>
      </c>
      <c r="M18738" t="s">
        <v>83</v>
      </c>
      <c r="N18738" t="s">
        <v>84</v>
      </c>
      <c r="O18738" t="s">
        <v>85</v>
      </c>
      <c r="P18738" t="s">
        <v>86</v>
      </c>
      <c r="Q18738">
        <v>69</v>
      </c>
      <c r="R18738">
        <v>70</v>
      </c>
      <c r="S18738">
        <v>71</v>
      </c>
      <c r="T18738">
        <v>72</v>
      </c>
      <c r="U18738">
        <v>73</v>
      </c>
      <c r="V18738">
        <v>74</v>
      </c>
      <c r="W18738">
        <v>75</v>
      </c>
      <c r="X18738">
        <v>75</v>
      </c>
      <c r="Y18738">
        <v>76</v>
      </c>
      <c r="Z18738">
        <v>77</v>
      </c>
      <c r="AA18738">
        <v>78</v>
      </c>
      <c r="AB18738">
        <v>79</v>
      </c>
      <c r="AC18738">
        <v>80</v>
      </c>
      <c r="AD18738">
        <v>81</v>
      </c>
      <c r="AE18738">
        <v>82</v>
      </c>
      <c r="AF18738">
        <v>83</v>
      </c>
      <c r="AG18738">
        <v>83</v>
      </c>
      <c r="AH18738">
        <v>84</v>
      </c>
      <c r="AI18738">
        <v>85</v>
      </c>
      <c r="AJ18738">
        <v>86</v>
      </c>
      <c r="AK18738">
        <v>87</v>
      </c>
      <c r="AL18738">
        <v>87</v>
      </c>
      <c r="AM18738">
        <v>87</v>
      </c>
      <c r="AN18738">
        <v>87</v>
      </c>
      <c r="AO18738">
        <v>87</v>
      </c>
      <c r="AP18738">
        <v>87</v>
      </c>
      <c r="AQ18738">
        <v>88</v>
      </c>
    </row>
    <row r="18739" spans="1:43">
      <c r="A18739" t="s">
        <v>11614</v>
      </c>
      <c r="B18739" t="s">
        <v>11615</v>
      </c>
      <c r="C18739" t="s">
        <v>11616</v>
      </c>
      <c r="D18739" t="s">
        <v>11617</v>
      </c>
      <c r="E18739" t="s">
        <v>11610</v>
      </c>
      <c r="F18739" t="s">
        <v>11611</v>
      </c>
      <c r="G18739" t="s">
        <v>11612</v>
      </c>
      <c r="H18739" t="s">
        <v>11613</v>
      </c>
      <c r="I18739" s="2">
        <v>0</v>
      </c>
      <c r="J18739" s="2">
        <v>0</v>
      </c>
      <c r="K18739" s="2">
        <v>1</v>
      </c>
      <c r="L18739" t="s">
        <v>995</v>
      </c>
      <c r="M18739" t="s">
        <v>87</v>
      </c>
      <c r="N18739" t="s">
        <v>88</v>
      </c>
      <c r="O18739" t="s">
        <v>85</v>
      </c>
      <c r="P18739" t="s">
        <v>86</v>
      </c>
      <c r="Q18739">
        <v>69</v>
      </c>
      <c r="R18739">
        <v>70</v>
      </c>
      <c r="S18739">
        <v>70</v>
      </c>
      <c r="T18739">
        <v>70</v>
      </c>
      <c r="U18739">
        <v>70</v>
      </c>
      <c r="V18739">
        <v>71</v>
      </c>
      <c r="W18739">
        <v>71</v>
      </c>
      <c r="X18739">
        <v>71</v>
      </c>
      <c r="Y18739">
        <v>72</v>
      </c>
      <c r="Z18739">
        <v>72</v>
      </c>
      <c r="AA18739">
        <v>72</v>
      </c>
      <c r="AB18739">
        <v>72</v>
      </c>
      <c r="AC18739">
        <v>73</v>
      </c>
      <c r="AD18739">
        <v>73</v>
      </c>
      <c r="AE18739">
        <v>73</v>
      </c>
      <c r="AF18739">
        <v>74</v>
      </c>
      <c r="AG18739">
        <v>74</v>
      </c>
      <c r="AH18739">
        <v>74</v>
      </c>
      <c r="AI18739">
        <v>74</v>
      </c>
      <c r="AJ18739">
        <v>75</v>
      </c>
      <c r="AK18739">
        <v>75</v>
      </c>
      <c r="AL18739">
        <v>75</v>
      </c>
      <c r="AM18739">
        <v>76</v>
      </c>
      <c r="AN18739">
        <v>76</v>
      </c>
      <c r="AO18739">
        <v>76</v>
      </c>
      <c r="AP18739">
        <v>76</v>
      </c>
      <c r="AQ18739">
        <v>77</v>
      </c>
    </row>
    <row r="18740" spans="1:43">
      <c r="A18740" t="s">
        <v>11614</v>
      </c>
      <c r="B18740" t="s">
        <v>11615</v>
      </c>
      <c r="C18740" t="s">
        <v>11616</v>
      </c>
      <c r="D18740" t="s">
        <v>11617</v>
      </c>
      <c r="E18740" t="s">
        <v>11610</v>
      </c>
      <c r="F18740" t="s">
        <v>11611</v>
      </c>
      <c r="G18740" t="s">
        <v>11612</v>
      </c>
      <c r="H18740" t="s">
        <v>11613</v>
      </c>
      <c r="I18740" s="2">
        <v>0</v>
      </c>
      <c r="J18740" s="2">
        <v>0</v>
      </c>
      <c r="K18740" s="2">
        <v>1</v>
      </c>
      <c r="L18740" t="s">
        <v>995</v>
      </c>
      <c r="M18740" t="s">
        <v>89</v>
      </c>
      <c r="N18740" t="s">
        <v>90</v>
      </c>
      <c r="O18740" t="s">
        <v>85</v>
      </c>
      <c r="P18740" t="s">
        <v>86</v>
      </c>
      <c r="Q18740">
        <v>69</v>
      </c>
      <c r="R18740">
        <v>70</v>
      </c>
      <c r="S18740">
        <v>72</v>
      </c>
      <c r="T18740">
        <v>73</v>
      </c>
      <c r="U18740">
        <v>75</v>
      </c>
      <c r="V18740">
        <v>76</v>
      </c>
      <c r="W18740">
        <v>77</v>
      </c>
      <c r="X18740">
        <v>79</v>
      </c>
      <c r="Y18740">
        <v>80</v>
      </c>
      <c r="Z18740">
        <v>81</v>
      </c>
      <c r="AA18740">
        <v>82</v>
      </c>
      <c r="AB18740">
        <v>83</v>
      </c>
      <c r="AC18740">
        <v>85</v>
      </c>
      <c r="AD18740">
        <v>86</v>
      </c>
      <c r="AE18740">
        <v>87</v>
      </c>
      <c r="AF18740">
        <v>87</v>
      </c>
      <c r="AG18740">
        <v>87</v>
      </c>
      <c r="AH18740">
        <v>87</v>
      </c>
      <c r="AI18740">
        <v>87</v>
      </c>
      <c r="AJ18740">
        <v>87</v>
      </c>
      <c r="AK18740">
        <v>87</v>
      </c>
      <c r="AL18740">
        <v>87</v>
      </c>
      <c r="AM18740">
        <v>87</v>
      </c>
      <c r="AN18740">
        <v>87</v>
      </c>
      <c r="AO18740">
        <v>87</v>
      </c>
      <c r="AP18740">
        <v>87</v>
      </c>
      <c r="AQ18740">
        <v>87</v>
      </c>
    </row>
    <row r="18741" spans="1:43">
      <c r="A18741" t="s">
        <v>11614</v>
      </c>
      <c r="B18741" t="s">
        <v>11615</v>
      </c>
      <c r="C18741" t="s">
        <v>11616</v>
      </c>
      <c r="D18741" t="s">
        <v>11617</v>
      </c>
      <c r="E18741" t="s">
        <v>11610</v>
      </c>
      <c r="F18741" t="s">
        <v>11611</v>
      </c>
      <c r="G18741" t="s">
        <v>11612</v>
      </c>
      <c r="H18741" t="s">
        <v>11613</v>
      </c>
      <c r="I18741" s="2">
        <v>0</v>
      </c>
      <c r="J18741" s="2">
        <v>0</v>
      </c>
      <c r="K18741" s="2">
        <v>1</v>
      </c>
      <c r="L18741" t="s">
        <v>995</v>
      </c>
      <c r="M18741" t="s">
        <v>83</v>
      </c>
      <c r="N18741" t="s">
        <v>91</v>
      </c>
      <c r="O18741" t="s">
        <v>85</v>
      </c>
      <c r="P18741" t="s">
        <v>86</v>
      </c>
      <c r="Q18741">
        <v>69</v>
      </c>
      <c r="R18741">
        <v>70</v>
      </c>
      <c r="S18741">
        <v>71</v>
      </c>
      <c r="T18741">
        <v>72</v>
      </c>
      <c r="U18741">
        <v>73</v>
      </c>
      <c r="V18741">
        <v>74</v>
      </c>
      <c r="W18741">
        <v>75</v>
      </c>
      <c r="X18741">
        <v>75</v>
      </c>
      <c r="Y18741">
        <v>76</v>
      </c>
      <c r="Z18741">
        <v>77</v>
      </c>
      <c r="AA18741">
        <v>78</v>
      </c>
      <c r="AB18741">
        <v>79</v>
      </c>
      <c r="AC18741">
        <v>80</v>
      </c>
      <c r="AD18741">
        <v>81</v>
      </c>
      <c r="AE18741">
        <v>82</v>
      </c>
      <c r="AF18741">
        <v>83</v>
      </c>
      <c r="AG18741">
        <v>83</v>
      </c>
      <c r="AH18741">
        <v>84</v>
      </c>
      <c r="AI18741">
        <v>85</v>
      </c>
      <c r="AJ18741">
        <v>86</v>
      </c>
      <c r="AK18741">
        <v>87</v>
      </c>
      <c r="AL18741">
        <v>87</v>
      </c>
      <c r="AM18741">
        <v>87</v>
      </c>
      <c r="AN18741">
        <v>87</v>
      </c>
      <c r="AO18741">
        <v>87</v>
      </c>
      <c r="AP18741">
        <v>87</v>
      </c>
      <c r="AQ18741">
        <v>88</v>
      </c>
    </row>
    <row r="18742" spans="1:43">
      <c r="A18742" t="s">
        <v>11618</v>
      </c>
      <c r="B18742" t="s">
        <v>11619</v>
      </c>
      <c r="C18742" t="s">
        <v>11616</v>
      </c>
      <c r="D18742" t="s">
        <v>11617</v>
      </c>
      <c r="E18742" t="s">
        <v>11610</v>
      </c>
      <c r="F18742" t="s">
        <v>11611</v>
      </c>
      <c r="G18742" t="s">
        <v>11612</v>
      </c>
      <c r="H18742" t="s">
        <v>11613</v>
      </c>
      <c r="I18742" s="2">
        <v>0</v>
      </c>
      <c r="J18742" s="2">
        <v>0</v>
      </c>
      <c r="K18742" s="2">
        <v>1</v>
      </c>
      <c r="L18742" t="s">
        <v>995</v>
      </c>
      <c r="M18742" t="s">
        <v>83</v>
      </c>
      <c r="N18742" t="s">
        <v>84</v>
      </c>
      <c r="O18742" t="s">
        <v>85</v>
      </c>
      <c r="P18742" t="s">
        <v>86</v>
      </c>
      <c r="Q18742">
        <v>121</v>
      </c>
      <c r="R18742">
        <v>123</v>
      </c>
      <c r="S18742">
        <v>124</v>
      </c>
      <c r="T18742">
        <v>126</v>
      </c>
      <c r="U18742">
        <v>128</v>
      </c>
      <c r="V18742">
        <v>129</v>
      </c>
      <c r="W18742">
        <v>131</v>
      </c>
      <c r="X18742">
        <v>133</v>
      </c>
      <c r="Y18742">
        <v>134</v>
      </c>
      <c r="Z18742">
        <v>136</v>
      </c>
      <c r="AA18742">
        <v>137</v>
      </c>
      <c r="AB18742">
        <v>139</v>
      </c>
      <c r="AC18742">
        <v>140</v>
      </c>
      <c r="AD18742">
        <v>142</v>
      </c>
      <c r="AE18742">
        <v>144</v>
      </c>
      <c r="AF18742">
        <v>145</v>
      </c>
      <c r="AG18742">
        <v>147</v>
      </c>
      <c r="AH18742">
        <v>148</v>
      </c>
      <c r="AI18742">
        <v>150</v>
      </c>
      <c r="AJ18742">
        <v>151</v>
      </c>
      <c r="AK18742">
        <v>153</v>
      </c>
      <c r="AL18742">
        <v>153</v>
      </c>
      <c r="AM18742">
        <v>153</v>
      </c>
      <c r="AN18742">
        <v>153</v>
      </c>
      <c r="AO18742">
        <v>153</v>
      </c>
      <c r="AP18742">
        <v>153</v>
      </c>
      <c r="AQ18742">
        <v>153</v>
      </c>
    </row>
    <row r="18743" spans="1:43">
      <c r="A18743" t="s">
        <v>11618</v>
      </c>
      <c r="B18743" t="s">
        <v>11619</v>
      </c>
      <c r="C18743" t="s">
        <v>11616</v>
      </c>
      <c r="D18743" t="s">
        <v>11617</v>
      </c>
      <c r="E18743" t="s">
        <v>11610</v>
      </c>
      <c r="F18743" t="s">
        <v>11611</v>
      </c>
      <c r="G18743" t="s">
        <v>11612</v>
      </c>
      <c r="H18743" t="s">
        <v>11613</v>
      </c>
      <c r="I18743" s="2">
        <v>0</v>
      </c>
      <c r="J18743" s="2">
        <v>0</v>
      </c>
      <c r="K18743" s="2">
        <v>1</v>
      </c>
      <c r="L18743" t="s">
        <v>995</v>
      </c>
      <c r="M18743" t="s">
        <v>87</v>
      </c>
      <c r="N18743" t="s">
        <v>88</v>
      </c>
      <c r="O18743" t="s">
        <v>85</v>
      </c>
      <c r="P18743" t="s">
        <v>86</v>
      </c>
      <c r="Q18743">
        <v>121</v>
      </c>
      <c r="R18743">
        <v>122</v>
      </c>
      <c r="S18743">
        <v>122</v>
      </c>
      <c r="T18743">
        <v>123</v>
      </c>
      <c r="U18743">
        <v>123</v>
      </c>
      <c r="V18743">
        <v>124</v>
      </c>
      <c r="W18743">
        <v>124</v>
      </c>
      <c r="X18743">
        <v>125</v>
      </c>
      <c r="Y18743">
        <v>125</v>
      </c>
      <c r="Z18743">
        <v>126</v>
      </c>
      <c r="AA18743">
        <v>126</v>
      </c>
      <c r="AB18743">
        <v>127</v>
      </c>
      <c r="AC18743">
        <v>127</v>
      </c>
      <c r="AD18743">
        <v>128</v>
      </c>
      <c r="AE18743">
        <v>128</v>
      </c>
      <c r="AF18743">
        <v>129</v>
      </c>
      <c r="AG18743">
        <v>129</v>
      </c>
      <c r="AH18743">
        <v>130</v>
      </c>
      <c r="AI18743">
        <v>130</v>
      </c>
      <c r="AJ18743">
        <v>131</v>
      </c>
      <c r="AK18743">
        <v>131</v>
      </c>
      <c r="AL18743">
        <v>132</v>
      </c>
      <c r="AM18743">
        <v>132</v>
      </c>
      <c r="AN18743">
        <v>133</v>
      </c>
      <c r="AO18743">
        <v>133</v>
      </c>
      <c r="AP18743">
        <v>134</v>
      </c>
      <c r="AQ18743">
        <v>134</v>
      </c>
    </row>
    <row r="18744" spans="1:43">
      <c r="A18744" t="s">
        <v>11618</v>
      </c>
      <c r="B18744" t="s">
        <v>11619</v>
      </c>
      <c r="C18744" t="s">
        <v>11616</v>
      </c>
      <c r="D18744" t="s">
        <v>11617</v>
      </c>
      <c r="E18744" t="s">
        <v>11610</v>
      </c>
      <c r="F18744" t="s">
        <v>11611</v>
      </c>
      <c r="G18744" t="s">
        <v>11612</v>
      </c>
      <c r="H18744" t="s">
        <v>11613</v>
      </c>
      <c r="I18744" s="2">
        <v>0</v>
      </c>
      <c r="J18744" s="2">
        <v>0</v>
      </c>
      <c r="K18744" s="2">
        <v>1</v>
      </c>
      <c r="L18744" t="s">
        <v>995</v>
      </c>
      <c r="M18744" t="s">
        <v>89</v>
      </c>
      <c r="N18744" t="s">
        <v>90</v>
      </c>
      <c r="O18744" t="s">
        <v>85</v>
      </c>
      <c r="P18744" t="s">
        <v>86</v>
      </c>
      <c r="Q18744">
        <v>121</v>
      </c>
      <c r="R18744">
        <v>124</v>
      </c>
      <c r="S18744">
        <v>127</v>
      </c>
      <c r="T18744">
        <v>129</v>
      </c>
      <c r="U18744">
        <v>132</v>
      </c>
      <c r="V18744">
        <v>134</v>
      </c>
      <c r="W18744">
        <v>137</v>
      </c>
      <c r="X18744">
        <v>139</v>
      </c>
      <c r="Y18744">
        <v>141</v>
      </c>
      <c r="Z18744">
        <v>143</v>
      </c>
      <c r="AA18744">
        <v>145</v>
      </c>
      <c r="AB18744">
        <v>147</v>
      </c>
      <c r="AC18744">
        <v>150</v>
      </c>
      <c r="AD18744">
        <v>152</v>
      </c>
      <c r="AE18744">
        <v>153</v>
      </c>
      <c r="AF18744">
        <v>153</v>
      </c>
      <c r="AG18744">
        <v>153</v>
      </c>
      <c r="AH18744">
        <v>153</v>
      </c>
      <c r="AI18744">
        <v>153</v>
      </c>
      <c r="AJ18744">
        <v>153</v>
      </c>
      <c r="AK18744">
        <v>153</v>
      </c>
      <c r="AL18744">
        <v>153</v>
      </c>
      <c r="AM18744">
        <v>153</v>
      </c>
      <c r="AN18744">
        <v>153</v>
      </c>
      <c r="AO18744">
        <v>153</v>
      </c>
      <c r="AP18744">
        <v>153</v>
      </c>
      <c r="AQ18744">
        <v>153</v>
      </c>
    </row>
    <row r="18745" spans="1:43">
      <c r="A18745" t="s">
        <v>11618</v>
      </c>
      <c r="B18745" t="s">
        <v>11619</v>
      </c>
      <c r="C18745" t="s">
        <v>11616</v>
      </c>
      <c r="D18745" t="s">
        <v>11617</v>
      </c>
      <c r="E18745" t="s">
        <v>11610</v>
      </c>
      <c r="F18745" t="s">
        <v>11611</v>
      </c>
      <c r="G18745" t="s">
        <v>11612</v>
      </c>
      <c r="H18745" t="s">
        <v>11613</v>
      </c>
      <c r="I18745" s="2">
        <v>0</v>
      </c>
      <c r="J18745" s="2">
        <v>0</v>
      </c>
      <c r="K18745" s="2">
        <v>1</v>
      </c>
      <c r="L18745" t="s">
        <v>995</v>
      </c>
      <c r="M18745" t="s">
        <v>83</v>
      </c>
      <c r="N18745" t="s">
        <v>91</v>
      </c>
      <c r="O18745" t="s">
        <v>85</v>
      </c>
      <c r="P18745" t="s">
        <v>86</v>
      </c>
      <c r="Q18745">
        <v>121</v>
      </c>
      <c r="R18745">
        <v>123</v>
      </c>
      <c r="S18745">
        <v>124</v>
      </c>
      <c r="T18745">
        <v>126</v>
      </c>
      <c r="U18745">
        <v>128</v>
      </c>
      <c r="V18745">
        <v>129</v>
      </c>
      <c r="W18745">
        <v>131</v>
      </c>
      <c r="X18745">
        <v>133</v>
      </c>
      <c r="Y18745">
        <v>134</v>
      </c>
      <c r="Z18745">
        <v>136</v>
      </c>
      <c r="AA18745">
        <v>137</v>
      </c>
      <c r="AB18745">
        <v>139</v>
      </c>
      <c r="AC18745">
        <v>140</v>
      </c>
      <c r="AD18745">
        <v>142</v>
      </c>
      <c r="AE18745">
        <v>144</v>
      </c>
      <c r="AF18745">
        <v>145</v>
      </c>
      <c r="AG18745">
        <v>147</v>
      </c>
      <c r="AH18745">
        <v>148</v>
      </c>
      <c r="AI18745">
        <v>150</v>
      </c>
      <c r="AJ18745">
        <v>151</v>
      </c>
      <c r="AK18745">
        <v>153</v>
      </c>
      <c r="AL18745">
        <v>153</v>
      </c>
      <c r="AM18745">
        <v>153</v>
      </c>
      <c r="AN18745">
        <v>153</v>
      </c>
      <c r="AO18745">
        <v>153</v>
      </c>
      <c r="AP18745">
        <v>153</v>
      </c>
      <c r="AQ18745">
        <v>153</v>
      </c>
    </row>
    <row r="18746" spans="1:43">
      <c r="A18746" t="s">
        <v>11620</v>
      </c>
      <c r="B18746" t="s">
        <v>11621</v>
      </c>
      <c r="C18746" t="s">
        <v>11608</v>
      </c>
      <c r="D18746" t="s">
        <v>11609</v>
      </c>
      <c r="E18746" t="s">
        <v>11610</v>
      </c>
      <c r="F18746" t="s">
        <v>11611</v>
      </c>
      <c r="G18746" t="s">
        <v>11612</v>
      </c>
      <c r="H18746" t="s">
        <v>11613</v>
      </c>
      <c r="I18746" s="2">
        <v>0</v>
      </c>
      <c r="J18746" s="2">
        <v>0</v>
      </c>
      <c r="K18746" s="2">
        <v>1</v>
      </c>
      <c r="L18746" t="s">
        <v>995</v>
      </c>
      <c r="M18746" t="s">
        <v>83</v>
      </c>
      <c r="N18746" t="s">
        <v>84</v>
      </c>
      <c r="O18746" t="s">
        <v>85</v>
      </c>
      <c r="P18746" t="s">
        <v>86</v>
      </c>
      <c r="Q18746">
        <v>76</v>
      </c>
      <c r="R18746">
        <v>77</v>
      </c>
      <c r="S18746">
        <v>78</v>
      </c>
      <c r="T18746">
        <v>79</v>
      </c>
      <c r="U18746">
        <v>80</v>
      </c>
      <c r="V18746">
        <v>81</v>
      </c>
      <c r="W18746">
        <v>82</v>
      </c>
      <c r="X18746">
        <v>83</v>
      </c>
      <c r="Y18746">
        <v>84</v>
      </c>
      <c r="Z18746">
        <v>85</v>
      </c>
      <c r="AA18746">
        <v>86</v>
      </c>
      <c r="AB18746">
        <v>87</v>
      </c>
      <c r="AC18746">
        <v>88</v>
      </c>
      <c r="AD18746">
        <v>89</v>
      </c>
      <c r="AE18746">
        <v>90</v>
      </c>
      <c r="AF18746">
        <v>91</v>
      </c>
      <c r="AG18746">
        <v>92</v>
      </c>
      <c r="AH18746">
        <v>93</v>
      </c>
      <c r="AI18746">
        <v>94</v>
      </c>
      <c r="AJ18746">
        <v>95</v>
      </c>
      <c r="AK18746">
        <v>96</v>
      </c>
      <c r="AL18746">
        <v>96</v>
      </c>
      <c r="AM18746">
        <v>96</v>
      </c>
      <c r="AN18746">
        <v>96</v>
      </c>
      <c r="AO18746">
        <v>96</v>
      </c>
      <c r="AP18746">
        <v>96</v>
      </c>
      <c r="AQ18746">
        <v>96</v>
      </c>
    </row>
    <row r="18747" spans="1:43">
      <c r="A18747" t="s">
        <v>11620</v>
      </c>
      <c r="B18747" t="s">
        <v>11621</v>
      </c>
      <c r="C18747" t="s">
        <v>11608</v>
      </c>
      <c r="D18747" t="s">
        <v>11609</v>
      </c>
      <c r="E18747" t="s">
        <v>11610</v>
      </c>
      <c r="F18747" t="s">
        <v>11611</v>
      </c>
      <c r="G18747" t="s">
        <v>11612</v>
      </c>
      <c r="H18747" t="s">
        <v>11613</v>
      </c>
      <c r="I18747" s="2">
        <v>0</v>
      </c>
      <c r="J18747" s="2">
        <v>0</v>
      </c>
      <c r="K18747" s="2">
        <v>1</v>
      </c>
      <c r="L18747" t="s">
        <v>995</v>
      </c>
      <c r="M18747" t="s">
        <v>87</v>
      </c>
      <c r="N18747" t="s">
        <v>88</v>
      </c>
      <c r="O18747" t="s">
        <v>85</v>
      </c>
      <c r="P18747" t="s">
        <v>86</v>
      </c>
      <c r="Q18747">
        <v>76</v>
      </c>
      <c r="R18747">
        <v>77</v>
      </c>
      <c r="S18747">
        <v>77</v>
      </c>
      <c r="T18747">
        <v>77</v>
      </c>
      <c r="U18747">
        <v>77</v>
      </c>
      <c r="V18747">
        <v>78</v>
      </c>
      <c r="W18747">
        <v>78</v>
      </c>
      <c r="X18747">
        <v>78</v>
      </c>
      <c r="Y18747">
        <v>79</v>
      </c>
      <c r="Z18747">
        <v>79</v>
      </c>
      <c r="AA18747">
        <v>79</v>
      </c>
      <c r="AB18747">
        <v>80</v>
      </c>
      <c r="AC18747">
        <v>80</v>
      </c>
      <c r="AD18747">
        <v>80</v>
      </c>
      <c r="AE18747">
        <v>81</v>
      </c>
      <c r="AF18747">
        <v>81</v>
      </c>
      <c r="AG18747">
        <v>81</v>
      </c>
      <c r="AH18747">
        <v>82</v>
      </c>
      <c r="AI18747">
        <v>82</v>
      </c>
      <c r="AJ18747">
        <v>82</v>
      </c>
      <c r="AK18747">
        <v>83</v>
      </c>
      <c r="AL18747">
        <v>83</v>
      </c>
      <c r="AM18747">
        <v>83</v>
      </c>
      <c r="AN18747">
        <v>83</v>
      </c>
      <c r="AO18747">
        <v>84</v>
      </c>
      <c r="AP18747">
        <v>84</v>
      </c>
      <c r="AQ18747">
        <v>84</v>
      </c>
    </row>
    <row r="18748" spans="1:43">
      <c r="A18748" t="s">
        <v>11620</v>
      </c>
      <c r="B18748" t="s">
        <v>11621</v>
      </c>
      <c r="C18748" t="s">
        <v>11608</v>
      </c>
      <c r="D18748" t="s">
        <v>11609</v>
      </c>
      <c r="E18748" t="s">
        <v>11610</v>
      </c>
      <c r="F18748" t="s">
        <v>11611</v>
      </c>
      <c r="G18748" t="s">
        <v>11612</v>
      </c>
      <c r="H18748" t="s">
        <v>11613</v>
      </c>
      <c r="I18748" s="2">
        <v>0</v>
      </c>
      <c r="J18748" s="2">
        <v>0</v>
      </c>
      <c r="K18748" s="2">
        <v>1</v>
      </c>
      <c r="L18748" t="s">
        <v>995</v>
      </c>
      <c r="M18748" t="s">
        <v>89</v>
      </c>
      <c r="N18748" t="s">
        <v>90</v>
      </c>
      <c r="O18748" t="s">
        <v>85</v>
      </c>
      <c r="P18748" t="s">
        <v>86</v>
      </c>
      <c r="Q18748">
        <v>76</v>
      </c>
      <c r="R18748">
        <v>77</v>
      </c>
      <c r="S18748">
        <v>79</v>
      </c>
      <c r="T18748">
        <v>81</v>
      </c>
      <c r="U18748">
        <v>82</v>
      </c>
      <c r="V18748">
        <v>84</v>
      </c>
      <c r="W18748">
        <v>85</v>
      </c>
      <c r="X18748">
        <v>87</v>
      </c>
      <c r="Y18748">
        <v>88</v>
      </c>
      <c r="Z18748">
        <v>89</v>
      </c>
      <c r="AA18748">
        <v>91</v>
      </c>
      <c r="AB18748">
        <v>92</v>
      </c>
      <c r="AC18748">
        <v>93</v>
      </c>
      <c r="AD18748">
        <v>95</v>
      </c>
      <c r="AE18748">
        <v>95</v>
      </c>
      <c r="AF18748">
        <v>95</v>
      </c>
      <c r="AG18748">
        <v>95</v>
      </c>
      <c r="AH18748">
        <v>95</v>
      </c>
      <c r="AI18748">
        <v>96</v>
      </c>
      <c r="AJ18748">
        <v>96</v>
      </c>
      <c r="AK18748">
        <v>96</v>
      </c>
      <c r="AL18748">
        <v>96</v>
      </c>
      <c r="AM18748">
        <v>96</v>
      </c>
      <c r="AN18748">
        <v>96</v>
      </c>
      <c r="AO18748">
        <v>96</v>
      </c>
      <c r="AP18748">
        <v>96</v>
      </c>
      <c r="AQ18748">
        <v>96</v>
      </c>
    </row>
    <row r="18749" spans="1:43">
      <c r="A18749" t="s">
        <v>11620</v>
      </c>
      <c r="B18749" t="s">
        <v>11621</v>
      </c>
      <c r="C18749" t="s">
        <v>11608</v>
      </c>
      <c r="D18749" t="s">
        <v>11609</v>
      </c>
      <c r="E18749" t="s">
        <v>11610</v>
      </c>
      <c r="F18749" t="s">
        <v>11611</v>
      </c>
      <c r="G18749" t="s">
        <v>11612</v>
      </c>
      <c r="H18749" t="s">
        <v>11613</v>
      </c>
      <c r="I18749" s="2">
        <v>0</v>
      </c>
      <c r="J18749" s="2">
        <v>0</v>
      </c>
      <c r="K18749" s="2">
        <v>1</v>
      </c>
      <c r="L18749" t="s">
        <v>995</v>
      </c>
      <c r="M18749" t="s">
        <v>83</v>
      </c>
      <c r="N18749" t="s">
        <v>91</v>
      </c>
      <c r="O18749" t="s">
        <v>85</v>
      </c>
      <c r="P18749" t="s">
        <v>86</v>
      </c>
      <c r="Q18749">
        <v>76</v>
      </c>
      <c r="R18749">
        <v>77</v>
      </c>
      <c r="S18749">
        <v>78</v>
      </c>
      <c r="T18749">
        <v>79</v>
      </c>
      <c r="U18749">
        <v>80</v>
      </c>
      <c r="V18749">
        <v>81</v>
      </c>
      <c r="W18749">
        <v>82</v>
      </c>
      <c r="X18749">
        <v>83</v>
      </c>
      <c r="Y18749">
        <v>84</v>
      </c>
      <c r="Z18749">
        <v>85</v>
      </c>
      <c r="AA18749">
        <v>86</v>
      </c>
      <c r="AB18749">
        <v>87</v>
      </c>
      <c r="AC18749">
        <v>88</v>
      </c>
      <c r="AD18749">
        <v>89</v>
      </c>
      <c r="AE18749">
        <v>90</v>
      </c>
      <c r="AF18749">
        <v>91</v>
      </c>
      <c r="AG18749">
        <v>92</v>
      </c>
      <c r="AH18749">
        <v>93</v>
      </c>
      <c r="AI18749">
        <v>94</v>
      </c>
      <c r="AJ18749">
        <v>95</v>
      </c>
      <c r="AK18749">
        <v>96</v>
      </c>
      <c r="AL18749">
        <v>96</v>
      </c>
      <c r="AM18749">
        <v>96</v>
      </c>
      <c r="AN18749">
        <v>96</v>
      </c>
      <c r="AO18749">
        <v>96</v>
      </c>
      <c r="AP18749">
        <v>96</v>
      </c>
      <c r="AQ18749">
        <v>96</v>
      </c>
    </row>
    <row r="18750" spans="1:43">
      <c r="A18750" t="s">
        <v>11622</v>
      </c>
      <c r="B18750" t="s">
        <v>11623</v>
      </c>
      <c r="C18750" t="s">
        <v>11608</v>
      </c>
      <c r="D18750" t="s">
        <v>11609</v>
      </c>
      <c r="E18750" t="s">
        <v>11610</v>
      </c>
      <c r="F18750" t="s">
        <v>11611</v>
      </c>
      <c r="G18750" t="s">
        <v>11612</v>
      </c>
      <c r="H18750" t="s">
        <v>11613</v>
      </c>
      <c r="I18750" s="2">
        <v>0</v>
      </c>
      <c r="J18750" s="2">
        <v>0</v>
      </c>
      <c r="K18750" s="2">
        <v>1</v>
      </c>
      <c r="L18750" t="s">
        <v>995</v>
      </c>
      <c r="M18750" t="s">
        <v>83</v>
      </c>
      <c r="N18750" t="s">
        <v>84</v>
      </c>
      <c r="O18750" t="s">
        <v>85</v>
      </c>
      <c r="P18750" t="s">
        <v>86</v>
      </c>
      <c r="Q18750">
        <v>88</v>
      </c>
      <c r="R18750">
        <v>89</v>
      </c>
      <c r="S18750">
        <v>90</v>
      </c>
      <c r="T18750">
        <v>91</v>
      </c>
      <c r="U18750">
        <v>92</v>
      </c>
      <c r="V18750">
        <v>93</v>
      </c>
      <c r="W18750">
        <v>95</v>
      </c>
      <c r="X18750">
        <v>96</v>
      </c>
      <c r="Y18750">
        <v>97</v>
      </c>
      <c r="Z18750">
        <v>98</v>
      </c>
      <c r="AA18750">
        <v>99</v>
      </c>
      <c r="AB18750">
        <v>100</v>
      </c>
      <c r="AC18750">
        <v>102</v>
      </c>
      <c r="AD18750">
        <v>103</v>
      </c>
      <c r="AE18750">
        <v>104</v>
      </c>
      <c r="AF18750">
        <v>105</v>
      </c>
      <c r="AG18750">
        <v>106</v>
      </c>
      <c r="AH18750">
        <v>107</v>
      </c>
      <c r="AI18750">
        <v>108</v>
      </c>
      <c r="AJ18750">
        <v>109</v>
      </c>
      <c r="AK18750">
        <v>110</v>
      </c>
      <c r="AL18750">
        <v>111</v>
      </c>
      <c r="AM18750">
        <v>111</v>
      </c>
      <c r="AN18750">
        <v>111</v>
      </c>
      <c r="AO18750">
        <v>111</v>
      </c>
      <c r="AP18750">
        <v>111</v>
      </c>
      <c r="AQ18750">
        <v>111</v>
      </c>
    </row>
    <row r="18751" spans="1:43">
      <c r="A18751" t="s">
        <v>11622</v>
      </c>
      <c r="B18751" t="s">
        <v>11623</v>
      </c>
      <c r="C18751" t="s">
        <v>11608</v>
      </c>
      <c r="D18751" t="s">
        <v>11609</v>
      </c>
      <c r="E18751" t="s">
        <v>11610</v>
      </c>
      <c r="F18751" t="s">
        <v>11611</v>
      </c>
      <c r="G18751" t="s">
        <v>11612</v>
      </c>
      <c r="H18751" t="s">
        <v>11613</v>
      </c>
      <c r="I18751" s="2">
        <v>0</v>
      </c>
      <c r="J18751" s="2">
        <v>0</v>
      </c>
      <c r="K18751" s="2">
        <v>1</v>
      </c>
      <c r="L18751" t="s">
        <v>995</v>
      </c>
      <c r="M18751" t="s">
        <v>87</v>
      </c>
      <c r="N18751" t="s">
        <v>88</v>
      </c>
      <c r="O18751" t="s">
        <v>85</v>
      </c>
      <c r="P18751" t="s">
        <v>86</v>
      </c>
      <c r="Q18751">
        <v>88</v>
      </c>
      <c r="R18751">
        <v>88</v>
      </c>
      <c r="S18751">
        <v>88</v>
      </c>
      <c r="T18751">
        <v>89</v>
      </c>
      <c r="U18751">
        <v>89</v>
      </c>
      <c r="V18751">
        <v>90</v>
      </c>
      <c r="W18751">
        <v>90</v>
      </c>
      <c r="X18751">
        <v>90</v>
      </c>
      <c r="Y18751">
        <v>91</v>
      </c>
      <c r="Z18751">
        <v>91</v>
      </c>
      <c r="AA18751">
        <v>91</v>
      </c>
      <c r="AB18751">
        <v>92</v>
      </c>
      <c r="AC18751">
        <v>92</v>
      </c>
      <c r="AD18751">
        <v>93</v>
      </c>
      <c r="AE18751">
        <v>93</v>
      </c>
      <c r="AF18751">
        <v>93</v>
      </c>
      <c r="AG18751">
        <v>94</v>
      </c>
      <c r="AH18751">
        <v>94</v>
      </c>
      <c r="AI18751">
        <v>94</v>
      </c>
      <c r="AJ18751">
        <v>95</v>
      </c>
      <c r="AK18751">
        <v>95</v>
      </c>
      <c r="AL18751">
        <v>95</v>
      </c>
      <c r="AM18751">
        <v>96</v>
      </c>
      <c r="AN18751">
        <v>96</v>
      </c>
      <c r="AO18751">
        <v>97</v>
      </c>
      <c r="AP18751">
        <v>97</v>
      </c>
      <c r="AQ18751">
        <v>97</v>
      </c>
    </row>
    <row r="18752" spans="1:43">
      <c r="A18752" t="s">
        <v>11622</v>
      </c>
      <c r="B18752" t="s">
        <v>11623</v>
      </c>
      <c r="C18752" t="s">
        <v>11608</v>
      </c>
      <c r="D18752" t="s">
        <v>11609</v>
      </c>
      <c r="E18752" t="s">
        <v>11610</v>
      </c>
      <c r="F18752" t="s">
        <v>11611</v>
      </c>
      <c r="G18752" t="s">
        <v>11612</v>
      </c>
      <c r="H18752" t="s">
        <v>11613</v>
      </c>
      <c r="I18752" s="2">
        <v>0</v>
      </c>
      <c r="J18752" s="2">
        <v>0</v>
      </c>
      <c r="K18752" s="2">
        <v>1</v>
      </c>
      <c r="L18752" t="s">
        <v>995</v>
      </c>
      <c r="M18752" t="s">
        <v>89</v>
      </c>
      <c r="N18752" t="s">
        <v>90</v>
      </c>
      <c r="O18752" t="s">
        <v>85</v>
      </c>
      <c r="P18752" t="s">
        <v>86</v>
      </c>
      <c r="Q18752">
        <v>88</v>
      </c>
      <c r="R18752">
        <v>90</v>
      </c>
      <c r="S18752">
        <v>92</v>
      </c>
      <c r="T18752">
        <v>94</v>
      </c>
      <c r="U18752">
        <v>96</v>
      </c>
      <c r="V18752">
        <v>98</v>
      </c>
      <c r="W18752">
        <v>99</v>
      </c>
      <c r="X18752">
        <v>101</v>
      </c>
      <c r="Y18752">
        <v>103</v>
      </c>
      <c r="Z18752">
        <v>104</v>
      </c>
      <c r="AA18752">
        <v>106</v>
      </c>
      <c r="AB18752">
        <v>107</v>
      </c>
      <c r="AC18752">
        <v>109</v>
      </c>
      <c r="AD18752">
        <v>110</v>
      </c>
      <c r="AE18752">
        <v>111</v>
      </c>
      <c r="AF18752">
        <v>111</v>
      </c>
      <c r="AG18752">
        <v>111</v>
      </c>
      <c r="AH18752">
        <v>111</v>
      </c>
      <c r="AI18752">
        <v>112</v>
      </c>
      <c r="AJ18752">
        <v>112</v>
      </c>
      <c r="AK18752">
        <v>112</v>
      </c>
      <c r="AL18752">
        <v>112</v>
      </c>
      <c r="AM18752">
        <v>112</v>
      </c>
      <c r="AN18752">
        <v>112</v>
      </c>
      <c r="AO18752">
        <v>112</v>
      </c>
      <c r="AP18752">
        <v>112</v>
      </c>
      <c r="AQ18752">
        <v>112</v>
      </c>
    </row>
    <row r="18753" spans="1:43">
      <c r="A18753" t="s">
        <v>11622</v>
      </c>
      <c r="B18753" t="s">
        <v>11623</v>
      </c>
      <c r="C18753" t="s">
        <v>11608</v>
      </c>
      <c r="D18753" t="s">
        <v>11609</v>
      </c>
      <c r="E18753" t="s">
        <v>11610</v>
      </c>
      <c r="F18753" t="s">
        <v>11611</v>
      </c>
      <c r="G18753" t="s">
        <v>11612</v>
      </c>
      <c r="H18753" t="s">
        <v>11613</v>
      </c>
      <c r="I18753" s="2">
        <v>0</v>
      </c>
      <c r="J18753" s="2">
        <v>0</v>
      </c>
      <c r="K18753" s="2">
        <v>1</v>
      </c>
      <c r="L18753" t="s">
        <v>995</v>
      </c>
      <c r="M18753" t="s">
        <v>83</v>
      </c>
      <c r="N18753" t="s">
        <v>91</v>
      </c>
      <c r="O18753" t="s">
        <v>85</v>
      </c>
      <c r="P18753" t="s">
        <v>86</v>
      </c>
      <c r="Q18753">
        <v>88</v>
      </c>
      <c r="R18753">
        <v>89</v>
      </c>
      <c r="S18753">
        <v>90</v>
      </c>
      <c r="T18753">
        <v>91</v>
      </c>
      <c r="U18753">
        <v>92</v>
      </c>
      <c r="V18753">
        <v>93</v>
      </c>
      <c r="W18753">
        <v>95</v>
      </c>
      <c r="X18753">
        <v>96</v>
      </c>
      <c r="Y18753">
        <v>97</v>
      </c>
      <c r="Z18753">
        <v>98</v>
      </c>
      <c r="AA18753">
        <v>99</v>
      </c>
      <c r="AB18753">
        <v>100</v>
      </c>
      <c r="AC18753">
        <v>102</v>
      </c>
      <c r="AD18753">
        <v>103</v>
      </c>
      <c r="AE18753">
        <v>104</v>
      </c>
      <c r="AF18753">
        <v>105</v>
      </c>
      <c r="AG18753">
        <v>106</v>
      </c>
      <c r="AH18753">
        <v>107</v>
      </c>
      <c r="AI18753">
        <v>108</v>
      </c>
      <c r="AJ18753">
        <v>109</v>
      </c>
      <c r="AK18753">
        <v>110</v>
      </c>
      <c r="AL18753">
        <v>111</v>
      </c>
      <c r="AM18753">
        <v>111</v>
      </c>
      <c r="AN18753">
        <v>111</v>
      </c>
      <c r="AO18753">
        <v>111</v>
      </c>
      <c r="AP18753">
        <v>111</v>
      </c>
      <c r="AQ18753">
        <v>111</v>
      </c>
    </row>
    <row r="18754" spans="1:43">
      <c r="A18754" t="s">
        <v>11624</v>
      </c>
      <c r="B18754" t="s">
        <v>11625</v>
      </c>
      <c r="C18754" t="s">
        <v>11616</v>
      </c>
      <c r="D18754" t="s">
        <v>11617</v>
      </c>
      <c r="E18754" t="s">
        <v>11610</v>
      </c>
      <c r="F18754" t="s">
        <v>11611</v>
      </c>
      <c r="G18754" t="s">
        <v>11612</v>
      </c>
      <c r="H18754" t="s">
        <v>11613</v>
      </c>
      <c r="I18754" s="2">
        <v>0</v>
      </c>
      <c r="J18754" s="2">
        <v>0</v>
      </c>
      <c r="K18754" s="2">
        <v>1</v>
      </c>
      <c r="L18754" t="s">
        <v>995</v>
      </c>
      <c r="M18754" t="s">
        <v>83</v>
      </c>
      <c r="N18754" t="s">
        <v>84</v>
      </c>
      <c r="O18754" t="s">
        <v>85</v>
      </c>
      <c r="P18754" t="s">
        <v>86</v>
      </c>
      <c r="Q18754">
        <v>47</v>
      </c>
      <c r="R18754">
        <v>47</v>
      </c>
      <c r="S18754">
        <v>48</v>
      </c>
      <c r="T18754">
        <v>49</v>
      </c>
      <c r="U18754">
        <v>49</v>
      </c>
      <c r="V18754">
        <v>50</v>
      </c>
      <c r="W18754">
        <v>51</v>
      </c>
      <c r="X18754">
        <v>51</v>
      </c>
      <c r="Y18754">
        <v>52</v>
      </c>
      <c r="Z18754">
        <v>52</v>
      </c>
      <c r="AA18754">
        <v>53</v>
      </c>
      <c r="AB18754">
        <v>54</v>
      </c>
      <c r="AC18754">
        <v>54</v>
      </c>
      <c r="AD18754">
        <v>55</v>
      </c>
      <c r="AE18754">
        <v>55</v>
      </c>
      <c r="AF18754">
        <v>56</v>
      </c>
      <c r="AG18754">
        <v>57</v>
      </c>
      <c r="AH18754">
        <v>57</v>
      </c>
      <c r="AI18754">
        <v>58</v>
      </c>
      <c r="AJ18754">
        <v>58</v>
      </c>
      <c r="AK18754">
        <v>59</v>
      </c>
      <c r="AL18754">
        <v>59</v>
      </c>
      <c r="AM18754">
        <v>59</v>
      </c>
      <c r="AN18754">
        <v>59</v>
      </c>
      <c r="AO18754">
        <v>59</v>
      </c>
      <c r="AP18754">
        <v>59</v>
      </c>
      <c r="AQ18754">
        <v>59</v>
      </c>
    </row>
    <row r="18755" spans="1:43">
      <c r="A18755" t="s">
        <v>11624</v>
      </c>
      <c r="B18755" t="s">
        <v>11625</v>
      </c>
      <c r="C18755" t="s">
        <v>11616</v>
      </c>
      <c r="D18755" t="s">
        <v>11617</v>
      </c>
      <c r="E18755" t="s">
        <v>11610</v>
      </c>
      <c r="F18755" t="s">
        <v>11611</v>
      </c>
      <c r="G18755" t="s">
        <v>11612</v>
      </c>
      <c r="H18755" t="s">
        <v>11613</v>
      </c>
      <c r="I18755" s="2">
        <v>0</v>
      </c>
      <c r="J18755" s="2">
        <v>0</v>
      </c>
      <c r="K18755" s="2">
        <v>1</v>
      </c>
      <c r="L18755" t="s">
        <v>995</v>
      </c>
      <c r="M18755" t="s">
        <v>87</v>
      </c>
      <c r="N18755" t="s">
        <v>88</v>
      </c>
      <c r="O18755" t="s">
        <v>85</v>
      </c>
      <c r="P18755" t="s">
        <v>86</v>
      </c>
      <c r="Q18755">
        <v>47</v>
      </c>
      <c r="R18755">
        <v>48</v>
      </c>
      <c r="S18755">
        <v>48</v>
      </c>
      <c r="T18755">
        <v>48</v>
      </c>
      <c r="U18755">
        <v>48</v>
      </c>
      <c r="V18755">
        <v>48</v>
      </c>
      <c r="W18755">
        <v>49</v>
      </c>
      <c r="X18755">
        <v>49</v>
      </c>
      <c r="Y18755">
        <v>49</v>
      </c>
      <c r="Z18755">
        <v>49</v>
      </c>
      <c r="AA18755">
        <v>49</v>
      </c>
      <c r="AB18755">
        <v>50</v>
      </c>
      <c r="AC18755">
        <v>50</v>
      </c>
      <c r="AD18755">
        <v>50</v>
      </c>
      <c r="AE18755">
        <v>50</v>
      </c>
      <c r="AF18755">
        <v>50</v>
      </c>
      <c r="AG18755">
        <v>51</v>
      </c>
      <c r="AH18755">
        <v>51</v>
      </c>
      <c r="AI18755">
        <v>51</v>
      </c>
      <c r="AJ18755">
        <v>51</v>
      </c>
      <c r="AK18755">
        <v>51</v>
      </c>
      <c r="AL18755">
        <v>51</v>
      </c>
      <c r="AM18755">
        <v>52</v>
      </c>
      <c r="AN18755">
        <v>52</v>
      </c>
      <c r="AO18755">
        <v>52</v>
      </c>
      <c r="AP18755">
        <v>52</v>
      </c>
      <c r="AQ18755">
        <v>52</v>
      </c>
    </row>
    <row r="18756" spans="1:43">
      <c r="A18756" t="s">
        <v>11624</v>
      </c>
      <c r="B18756" t="s">
        <v>11625</v>
      </c>
      <c r="C18756" t="s">
        <v>11616</v>
      </c>
      <c r="D18756" t="s">
        <v>11617</v>
      </c>
      <c r="E18756" t="s">
        <v>11610</v>
      </c>
      <c r="F18756" t="s">
        <v>11611</v>
      </c>
      <c r="G18756" t="s">
        <v>11612</v>
      </c>
      <c r="H18756" t="s">
        <v>11613</v>
      </c>
      <c r="I18756" s="2">
        <v>0</v>
      </c>
      <c r="J18756" s="2">
        <v>0</v>
      </c>
      <c r="K18756" s="2">
        <v>1</v>
      </c>
      <c r="L18756" t="s">
        <v>995</v>
      </c>
      <c r="M18756" t="s">
        <v>89</v>
      </c>
      <c r="N18756" t="s">
        <v>90</v>
      </c>
      <c r="O18756" t="s">
        <v>85</v>
      </c>
      <c r="P18756" t="s">
        <v>86</v>
      </c>
      <c r="Q18756">
        <v>47</v>
      </c>
      <c r="R18756">
        <v>48</v>
      </c>
      <c r="S18756">
        <v>49</v>
      </c>
      <c r="T18756">
        <v>50</v>
      </c>
      <c r="U18756">
        <v>51</v>
      </c>
      <c r="V18756">
        <v>52</v>
      </c>
      <c r="W18756">
        <v>53</v>
      </c>
      <c r="X18756">
        <v>54</v>
      </c>
      <c r="Y18756">
        <v>55</v>
      </c>
      <c r="Z18756">
        <v>56</v>
      </c>
      <c r="AA18756">
        <v>57</v>
      </c>
      <c r="AB18756">
        <v>57</v>
      </c>
      <c r="AC18756">
        <v>58</v>
      </c>
      <c r="AD18756">
        <v>59</v>
      </c>
      <c r="AE18756">
        <v>59</v>
      </c>
      <c r="AF18756">
        <v>59</v>
      </c>
      <c r="AG18756">
        <v>60</v>
      </c>
      <c r="AH18756">
        <v>60</v>
      </c>
      <c r="AI18756">
        <v>60</v>
      </c>
      <c r="AJ18756">
        <v>60</v>
      </c>
      <c r="AK18756">
        <v>60</v>
      </c>
      <c r="AL18756">
        <v>60</v>
      </c>
      <c r="AM18756">
        <v>60</v>
      </c>
      <c r="AN18756">
        <v>60</v>
      </c>
      <c r="AO18756">
        <v>60</v>
      </c>
      <c r="AP18756">
        <v>60</v>
      </c>
      <c r="AQ18756">
        <v>60</v>
      </c>
    </row>
    <row r="18757" spans="1:43">
      <c r="A18757" t="s">
        <v>11624</v>
      </c>
      <c r="B18757" t="s">
        <v>11625</v>
      </c>
      <c r="C18757" t="s">
        <v>11616</v>
      </c>
      <c r="D18757" t="s">
        <v>11617</v>
      </c>
      <c r="E18757" t="s">
        <v>11610</v>
      </c>
      <c r="F18757" t="s">
        <v>11611</v>
      </c>
      <c r="G18757" t="s">
        <v>11612</v>
      </c>
      <c r="H18757" t="s">
        <v>11613</v>
      </c>
      <c r="I18757" s="2">
        <v>0</v>
      </c>
      <c r="J18757" s="2">
        <v>0</v>
      </c>
      <c r="K18757" s="2">
        <v>1</v>
      </c>
      <c r="L18757" t="s">
        <v>995</v>
      </c>
      <c r="M18757" t="s">
        <v>83</v>
      </c>
      <c r="N18757" t="s">
        <v>91</v>
      </c>
      <c r="O18757" t="s">
        <v>85</v>
      </c>
      <c r="P18757" t="s">
        <v>86</v>
      </c>
      <c r="Q18757">
        <v>47</v>
      </c>
      <c r="R18757">
        <v>47</v>
      </c>
      <c r="S18757">
        <v>48</v>
      </c>
      <c r="T18757">
        <v>49</v>
      </c>
      <c r="U18757">
        <v>49</v>
      </c>
      <c r="V18757">
        <v>50</v>
      </c>
      <c r="W18757">
        <v>51</v>
      </c>
      <c r="X18757">
        <v>51</v>
      </c>
      <c r="Y18757">
        <v>52</v>
      </c>
      <c r="Z18757">
        <v>52</v>
      </c>
      <c r="AA18757">
        <v>53</v>
      </c>
      <c r="AB18757">
        <v>54</v>
      </c>
      <c r="AC18757">
        <v>54</v>
      </c>
      <c r="AD18757">
        <v>55</v>
      </c>
      <c r="AE18757">
        <v>55</v>
      </c>
      <c r="AF18757">
        <v>56</v>
      </c>
      <c r="AG18757">
        <v>57</v>
      </c>
      <c r="AH18757">
        <v>57</v>
      </c>
      <c r="AI18757">
        <v>58</v>
      </c>
      <c r="AJ18757">
        <v>58</v>
      </c>
      <c r="AK18757">
        <v>59</v>
      </c>
      <c r="AL18757">
        <v>59</v>
      </c>
      <c r="AM18757">
        <v>59</v>
      </c>
      <c r="AN18757">
        <v>59</v>
      </c>
      <c r="AO18757">
        <v>59</v>
      </c>
      <c r="AP18757">
        <v>59</v>
      </c>
      <c r="AQ18757">
        <v>59</v>
      </c>
    </row>
    <row r="18758" spans="1:43">
      <c r="A18758" t="s">
        <v>11626</v>
      </c>
      <c r="B18758" t="s">
        <v>11627</v>
      </c>
      <c r="C18758" t="s">
        <v>11608</v>
      </c>
      <c r="D18758" t="s">
        <v>11609</v>
      </c>
      <c r="E18758" t="s">
        <v>11610</v>
      </c>
      <c r="F18758" t="s">
        <v>11611</v>
      </c>
      <c r="G18758" t="s">
        <v>11612</v>
      </c>
      <c r="H18758" t="s">
        <v>11613</v>
      </c>
      <c r="I18758" s="2">
        <v>0</v>
      </c>
      <c r="J18758" s="2">
        <v>0</v>
      </c>
      <c r="K18758" s="2">
        <v>1</v>
      </c>
      <c r="L18758" t="s">
        <v>995</v>
      </c>
      <c r="M18758" t="s">
        <v>83</v>
      </c>
      <c r="N18758" t="s">
        <v>84</v>
      </c>
      <c r="O18758" t="s">
        <v>85</v>
      </c>
      <c r="P18758" t="s">
        <v>86</v>
      </c>
      <c r="Q18758">
        <v>138</v>
      </c>
      <c r="R18758">
        <v>139</v>
      </c>
      <c r="S18758">
        <v>141</v>
      </c>
      <c r="T18758">
        <v>143</v>
      </c>
      <c r="U18758">
        <v>145</v>
      </c>
      <c r="V18758">
        <v>147</v>
      </c>
      <c r="W18758">
        <v>149</v>
      </c>
      <c r="X18758">
        <v>151</v>
      </c>
      <c r="Y18758">
        <v>152</v>
      </c>
      <c r="Z18758">
        <v>154</v>
      </c>
      <c r="AA18758">
        <v>156</v>
      </c>
      <c r="AB18758">
        <v>158</v>
      </c>
      <c r="AC18758">
        <v>160</v>
      </c>
      <c r="AD18758">
        <v>161</v>
      </c>
      <c r="AE18758">
        <v>163</v>
      </c>
      <c r="AF18758">
        <v>165</v>
      </c>
      <c r="AG18758">
        <v>167</v>
      </c>
      <c r="AH18758">
        <v>168</v>
      </c>
      <c r="AI18758">
        <v>170</v>
      </c>
      <c r="AJ18758">
        <v>172</v>
      </c>
      <c r="AK18758">
        <v>173</v>
      </c>
      <c r="AL18758">
        <v>174</v>
      </c>
      <c r="AM18758">
        <v>174</v>
      </c>
      <c r="AN18758">
        <v>174</v>
      </c>
      <c r="AO18758">
        <v>174</v>
      </c>
      <c r="AP18758">
        <v>175</v>
      </c>
      <c r="AQ18758">
        <v>175</v>
      </c>
    </row>
    <row r="18759" spans="1:43">
      <c r="A18759" t="s">
        <v>11626</v>
      </c>
      <c r="B18759" t="s">
        <v>11627</v>
      </c>
      <c r="C18759" t="s">
        <v>11608</v>
      </c>
      <c r="D18759" t="s">
        <v>11609</v>
      </c>
      <c r="E18759" t="s">
        <v>11610</v>
      </c>
      <c r="F18759" t="s">
        <v>11611</v>
      </c>
      <c r="G18759" t="s">
        <v>11612</v>
      </c>
      <c r="H18759" t="s">
        <v>11613</v>
      </c>
      <c r="I18759" s="2">
        <v>0</v>
      </c>
      <c r="J18759" s="2">
        <v>0</v>
      </c>
      <c r="K18759" s="2">
        <v>1</v>
      </c>
      <c r="L18759" t="s">
        <v>995</v>
      </c>
      <c r="M18759" t="s">
        <v>87</v>
      </c>
      <c r="N18759" t="s">
        <v>88</v>
      </c>
      <c r="O18759" t="s">
        <v>85</v>
      </c>
      <c r="P18759" t="s">
        <v>86</v>
      </c>
      <c r="Q18759">
        <v>138</v>
      </c>
      <c r="R18759">
        <v>139</v>
      </c>
      <c r="S18759">
        <v>139</v>
      </c>
      <c r="T18759">
        <v>140</v>
      </c>
      <c r="U18759">
        <v>141</v>
      </c>
      <c r="V18759">
        <v>141</v>
      </c>
      <c r="W18759">
        <v>142</v>
      </c>
      <c r="X18759">
        <v>142</v>
      </c>
      <c r="Y18759">
        <v>143</v>
      </c>
      <c r="Z18759">
        <v>144</v>
      </c>
      <c r="AA18759">
        <v>144</v>
      </c>
      <c r="AB18759">
        <v>145</v>
      </c>
      <c r="AC18759">
        <v>145</v>
      </c>
      <c r="AD18759">
        <v>146</v>
      </c>
      <c r="AE18759">
        <v>146</v>
      </c>
      <c r="AF18759">
        <v>147</v>
      </c>
      <c r="AG18759">
        <v>148</v>
      </c>
      <c r="AH18759">
        <v>148</v>
      </c>
      <c r="AI18759">
        <v>149</v>
      </c>
      <c r="AJ18759">
        <v>149</v>
      </c>
      <c r="AK18759">
        <v>150</v>
      </c>
      <c r="AL18759">
        <v>151</v>
      </c>
      <c r="AM18759">
        <v>151</v>
      </c>
      <c r="AN18759">
        <v>152</v>
      </c>
      <c r="AO18759">
        <v>152</v>
      </c>
      <c r="AP18759">
        <v>153</v>
      </c>
      <c r="AQ18759">
        <v>153</v>
      </c>
    </row>
    <row r="18760" spans="1:43">
      <c r="A18760" t="s">
        <v>11626</v>
      </c>
      <c r="B18760" t="s">
        <v>11627</v>
      </c>
      <c r="C18760" t="s">
        <v>11608</v>
      </c>
      <c r="D18760" t="s">
        <v>11609</v>
      </c>
      <c r="E18760" t="s">
        <v>11610</v>
      </c>
      <c r="F18760" t="s">
        <v>11611</v>
      </c>
      <c r="G18760" t="s">
        <v>11612</v>
      </c>
      <c r="H18760" t="s">
        <v>11613</v>
      </c>
      <c r="I18760" s="2">
        <v>0</v>
      </c>
      <c r="J18760" s="2">
        <v>0</v>
      </c>
      <c r="K18760" s="2">
        <v>1</v>
      </c>
      <c r="L18760" t="s">
        <v>995</v>
      </c>
      <c r="M18760" t="s">
        <v>89</v>
      </c>
      <c r="N18760" t="s">
        <v>90</v>
      </c>
      <c r="O18760" t="s">
        <v>85</v>
      </c>
      <c r="P18760" t="s">
        <v>86</v>
      </c>
      <c r="Q18760">
        <v>138</v>
      </c>
      <c r="R18760">
        <v>141</v>
      </c>
      <c r="S18760">
        <v>144</v>
      </c>
      <c r="T18760">
        <v>147</v>
      </c>
      <c r="U18760">
        <v>150</v>
      </c>
      <c r="V18760">
        <v>153</v>
      </c>
      <c r="W18760">
        <v>155</v>
      </c>
      <c r="X18760">
        <v>158</v>
      </c>
      <c r="Y18760">
        <v>160</v>
      </c>
      <c r="Z18760">
        <v>163</v>
      </c>
      <c r="AA18760">
        <v>165</v>
      </c>
      <c r="AB18760">
        <v>168</v>
      </c>
      <c r="AC18760">
        <v>170</v>
      </c>
      <c r="AD18760">
        <v>172</v>
      </c>
      <c r="AE18760">
        <v>174</v>
      </c>
      <c r="AF18760">
        <v>174</v>
      </c>
      <c r="AG18760">
        <v>174</v>
      </c>
      <c r="AH18760">
        <v>174</v>
      </c>
      <c r="AI18760">
        <v>174</v>
      </c>
      <c r="AJ18760">
        <v>175</v>
      </c>
      <c r="AK18760">
        <v>175</v>
      </c>
      <c r="AL18760">
        <v>175</v>
      </c>
      <c r="AM18760">
        <v>175</v>
      </c>
      <c r="AN18760">
        <v>175</v>
      </c>
      <c r="AO18760">
        <v>175</v>
      </c>
      <c r="AP18760">
        <v>175</v>
      </c>
      <c r="AQ18760">
        <v>175</v>
      </c>
    </row>
    <row r="18761" spans="1:43">
      <c r="A18761" t="s">
        <v>11626</v>
      </c>
      <c r="B18761" t="s">
        <v>11627</v>
      </c>
      <c r="C18761" t="s">
        <v>11608</v>
      </c>
      <c r="D18761" t="s">
        <v>11609</v>
      </c>
      <c r="E18761" t="s">
        <v>11610</v>
      </c>
      <c r="F18761" t="s">
        <v>11611</v>
      </c>
      <c r="G18761" t="s">
        <v>11612</v>
      </c>
      <c r="H18761" t="s">
        <v>11613</v>
      </c>
      <c r="I18761" s="2">
        <v>0</v>
      </c>
      <c r="J18761" s="2">
        <v>0</v>
      </c>
      <c r="K18761" s="2">
        <v>1</v>
      </c>
      <c r="L18761" t="s">
        <v>995</v>
      </c>
      <c r="M18761" t="s">
        <v>83</v>
      </c>
      <c r="N18761" t="s">
        <v>91</v>
      </c>
      <c r="O18761" t="s">
        <v>85</v>
      </c>
      <c r="P18761" t="s">
        <v>86</v>
      </c>
      <c r="Q18761">
        <v>138</v>
      </c>
      <c r="R18761">
        <v>139</v>
      </c>
      <c r="S18761">
        <v>141</v>
      </c>
      <c r="T18761">
        <v>143</v>
      </c>
      <c r="U18761">
        <v>145</v>
      </c>
      <c r="V18761">
        <v>147</v>
      </c>
      <c r="W18761">
        <v>149</v>
      </c>
      <c r="X18761">
        <v>151</v>
      </c>
      <c r="Y18761">
        <v>152</v>
      </c>
      <c r="Z18761">
        <v>154</v>
      </c>
      <c r="AA18761">
        <v>156</v>
      </c>
      <c r="AB18761">
        <v>158</v>
      </c>
      <c r="AC18761">
        <v>160</v>
      </c>
      <c r="AD18761">
        <v>161</v>
      </c>
      <c r="AE18761">
        <v>163</v>
      </c>
      <c r="AF18761">
        <v>165</v>
      </c>
      <c r="AG18761">
        <v>167</v>
      </c>
      <c r="AH18761">
        <v>168</v>
      </c>
      <c r="AI18761">
        <v>170</v>
      </c>
      <c r="AJ18761">
        <v>172</v>
      </c>
      <c r="AK18761">
        <v>173</v>
      </c>
      <c r="AL18761">
        <v>174</v>
      </c>
      <c r="AM18761">
        <v>174</v>
      </c>
      <c r="AN18761">
        <v>174</v>
      </c>
      <c r="AO18761">
        <v>174</v>
      </c>
      <c r="AP18761">
        <v>175</v>
      </c>
      <c r="AQ18761">
        <v>175</v>
      </c>
    </row>
    <row r="18762" spans="1:43">
      <c r="A18762" t="s">
        <v>11628</v>
      </c>
      <c r="B18762" t="s">
        <v>11629</v>
      </c>
      <c r="C18762" t="s">
        <v>11608</v>
      </c>
      <c r="D18762" t="s">
        <v>11609</v>
      </c>
      <c r="E18762" t="s">
        <v>11610</v>
      </c>
      <c r="F18762" t="s">
        <v>11611</v>
      </c>
      <c r="G18762" t="s">
        <v>11612</v>
      </c>
      <c r="H18762" t="s">
        <v>11613</v>
      </c>
      <c r="I18762" s="2">
        <v>0</v>
      </c>
      <c r="J18762" s="2">
        <v>0</v>
      </c>
      <c r="K18762" s="2">
        <v>1</v>
      </c>
      <c r="L18762" t="s">
        <v>995</v>
      </c>
      <c r="M18762" t="s">
        <v>83</v>
      </c>
      <c r="N18762" t="s">
        <v>84</v>
      </c>
      <c r="O18762" t="s">
        <v>85</v>
      </c>
      <c r="P18762" t="s">
        <v>86</v>
      </c>
      <c r="Q18762">
        <v>88</v>
      </c>
      <c r="R18762">
        <v>90</v>
      </c>
      <c r="S18762">
        <v>91</v>
      </c>
      <c r="T18762">
        <v>92</v>
      </c>
      <c r="U18762">
        <v>93</v>
      </c>
      <c r="V18762">
        <v>94</v>
      </c>
      <c r="W18762">
        <v>96</v>
      </c>
      <c r="X18762">
        <v>97</v>
      </c>
      <c r="Y18762">
        <v>98</v>
      </c>
      <c r="Z18762">
        <v>99</v>
      </c>
      <c r="AA18762">
        <v>100</v>
      </c>
      <c r="AB18762">
        <v>101</v>
      </c>
      <c r="AC18762">
        <v>103</v>
      </c>
      <c r="AD18762">
        <v>104</v>
      </c>
      <c r="AE18762">
        <v>105</v>
      </c>
      <c r="AF18762">
        <v>106</v>
      </c>
      <c r="AG18762">
        <v>107</v>
      </c>
      <c r="AH18762">
        <v>108</v>
      </c>
      <c r="AI18762">
        <v>109</v>
      </c>
      <c r="AJ18762">
        <v>110</v>
      </c>
      <c r="AK18762">
        <v>111</v>
      </c>
      <c r="AL18762">
        <v>112</v>
      </c>
      <c r="AM18762">
        <v>112</v>
      </c>
      <c r="AN18762">
        <v>112</v>
      </c>
      <c r="AO18762">
        <v>112</v>
      </c>
      <c r="AP18762">
        <v>112</v>
      </c>
      <c r="AQ18762">
        <v>112</v>
      </c>
    </row>
    <row r="18763" spans="1:43">
      <c r="A18763" t="s">
        <v>11628</v>
      </c>
      <c r="B18763" t="s">
        <v>11629</v>
      </c>
      <c r="C18763" t="s">
        <v>11608</v>
      </c>
      <c r="D18763" t="s">
        <v>11609</v>
      </c>
      <c r="E18763" t="s">
        <v>11610</v>
      </c>
      <c r="F18763" t="s">
        <v>11611</v>
      </c>
      <c r="G18763" t="s">
        <v>11612</v>
      </c>
      <c r="H18763" t="s">
        <v>11613</v>
      </c>
      <c r="I18763" s="2">
        <v>0</v>
      </c>
      <c r="J18763" s="2">
        <v>0</v>
      </c>
      <c r="K18763" s="2">
        <v>1</v>
      </c>
      <c r="L18763" t="s">
        <v>995</v>
      </c>
      <c r="M18763" t="s">
        <v>87</v>
      </c>
      <c r="N18763" t="s">
        <v>88</v>
      </c>
      <c r="O18763" t="s">
        <v>85</v>
      </c>
      <c r="P18763" t="s">
        <v>86</v>
      </c>
      <c r="Q18763">
        <v>88</v>
      </c>
      <c r="R18763">
        <v>88</v>
      </c>
      <c r="S18763">
        <v>88</v>
      </c>
      <c r="T18763">
        <v>89</v>
      </c>
      <c r="U18763">
        <v>89</v>
      </c>
      <c r="V18763">
        <v>89</v>
      </c>
      <c r="W18763">
        <v>90</v>
      </c>
      <c r="X18763">
        <v>90</v>
      </c>
      <c r="Y18763">
        <v>91</v>
      </c>
      <c r="Z18763">
        <v>91</v>
      </c>
      <c r="AA18763">
        <v>91</v>
      </c>
      <c r="AB18763">
        <v>92</v>
      </c>
      <c r="AC18763">
        <v>92</v>
      </c>
      <c r="AD18763">
        <v>92</v>
      </c>
      <c r="AE18763">
        <v>93</v>
      </c>
      <c r="AF18763">
        <v>93</v>
      </c>
      <c r="AG18763">
        <v>93</v>
      </c>
      <c r="AH18763">
        <v>94</v>
      </c>
      <c r="AI18763">
        <v>94</v>
      </c>
      <c r="AJ18763">
        <v>95</v>
      </c>
      <c r="AK18763">
        <v>95</v>
      </c>
      <c r="AL18763">
        <v>95</v>
      </c>
      <c r="AM18763">
        <v>96</v>
      </c>
      <c r="AN18763">
        <v>96</v>
      </c>
      <c r="AO18763">
        <v>96</v>
      </c>
      <c r="AP18763">
        <v>97</v>
      </c>
      <c r="AQ18763">
        <v>97</v>
      </c>
    </row>
    <row r="18764" spans="1:43">
      <c r="A18764" t="s">
        <v>11628</v>
      </c>
      <c r="B18764" t="s">
        <v>11629</v>
      </c>
      <c r="C18764" t="s">
        <v>11608</v>
      </c>
      <c r="D18764" t="s">
        <v>11609</v>
      </c>
      <c r="E18764" t="s">
        <v>11610</v>
      </c>
      <c r="F18764" t="s">
        <v>11611</v>
      </c>
      <c r="G18764" t="s">
        <v>11612</v>
      </c>
      <c r="H18764" t="s">
        <v>11613</v>
      </c>
      <c r="I18764" s="2">
        <v>0</v>
      </c>
      <c r="J18764" s="2">
        <v>0</v>
      </c>
      <c r="K18764" s="2">
        <v>1</v>
      </c>
      <c r="L18764" t="s">
        <v>995</v>
      </c>
      <c r="M18764" t="s">
        <v>89</v>
      </c>
      <c r="N18764" t="s">
        <v>90</v>
      </c>
      <c r="O18764" t="s">
        <v>85</v>
      </c>
      <c r="P18764" t="s">
        <v>86</v>
      </c>
      <c r="Q18764">
        <v>88</v>
      </c>
      <c r="R18764">
        <v>90</v>
      </c>
      <c r="S18764">
        <v>92</v>
      </c>
      <c r="T18764">
        <v>94</v>
      </c>
      <c r="U18764">
        <v>96</v>
      </c>
      <c r="V18764">
        <v>98</v>
      </c>
      <c r="W18764">
        <v>99</v>
      </c>
      <c r="X18764">
        <v>101</v>
      </c>
      <c r="Y18764">
        <v>103</v>
      </c>
      <c r="Z18764">
        <v>104</v>
      </c>
      <c r="AA18764">
        <v>106</v>
      </c>
      <c r="AB18764">
        <v>107</v>
      </c>
      <c r="AC18764">
        <v>109</v>
      </c>
      <c r="AD18764">
        <v>110</v>
      </c>
      <c r="AE18764">
        <v>111</v>
      </c>
      <c r="AF18764">
        <v>111</v>
      </c>
      <c r="AG18764">
        <v>111</v>
      </c>
      <c r="AH18764">
        <v>112</v>
      </c>
      <c r="AI18764">
        <v>112</v>
      </c>
      <c r="AJ18764">
        <v>112</v>
      </c>
      <c r="AK18764">
        <v>112</v>
      </c>
      <c r="AL18764">
        <v>112</v>
      </c>
      <c r="AM18764">
        <v>112</v>
      </c>
      <c r="AN18764">
        <v>112</v>
      </c>
      <c r="AO18764">
        <v>112</v>
      </c>
      <c r="AP18764">
        <v>112</v>
      </c>
      <c r="AQ18764">
        <v>112</v>
      </c>
    </row>
    <row r="18765" spans="1:43">
      <c r="A18765" t="s">
        <v>11628</v>
      </c>
      <c r="B18765" t="s">
        <v>11629</v>
      </c>
      <c r="C18765" t="s">
        <v>11608</v>
      </c>
      <c r="D18765" t="s">
        <v>11609</v>
      </c>
      <c r="E18765" t="s">
        <v>11610</v>
      </c>
      <c r="F18765" t="s">
        <v>11611</v>
      </c>
      <c r="G18765" t="s">
        <v>11612</v>
      </c>
      <c r="H18765" t="s">
        <v>11613</v>
      </c>
      <c r="I18765" s="2">
        <v>0</v>
      </c>
      <c r="J18765" s="2">
        <v>0</v>
      </c>
      <c r="K18765" s="2">
        <v>1</v>
      </c>
      <c r="L18765" t="s">
        <v>995</v>
      </c>
      <c r="M18765" t="s">
        <v>83</v>
      </c>
      <c r="N18765" t="s">
        <v>91</v>
      </c>
      <c r="O18765" t="s">
        <v>85</v>
      </c>
      <c r="P18765" t="s">
        <v>86</v>
      </c>
      <c r="Q18765">
        <v>88</v>
      </c>
      <c r="R18765">
        <v>90</v>
      </c>
      <c r="S18765">
        <v>91</v>
      </c>
      <c r="T18765">
        <v>92</v>
      </c>
      <c r="U18765">
        <v>93</v>
      </c>
      <c r="V18765">
        <v>94</v>
      </c>
      <c r="W18765">
        <v>96</v>
      </c>
      <c r="X18765">
        <v>97</v>
      </c>
      <c r="Y18765">
        <v>98</v>
      </c>
      <c r="Z18765">
        <v>99</v>
      </c>
      <c r="AA18765">
        <v>100</v>
      </c>
      <c r="AB18765">
        <v>101</v>
      </c>
      <c r="AC18765">
        <v>103</v>
      </c>
      <c r="AD18765">
        <v>104</v>
      </c>
      <c r="AE18765">
        <v>105</v>
      </c>
      <c r="AF18765">
        <v>106</v>
      </c>
      <c r="AG18765">
        <v>107</v>
      </c>
      <c r="AH18765">
        <v>108</v>
      </c>
      <c r="AI18765">
        <v>109</v>
      </c>
      <c r="AJ18765">
        <v>110</v>
      </c>
      <c r="AK18765">
        <v>111</v>
      </c>
      <c r="AL18765">
        <v>112</v>
      </c>
      <c r="AM18765">
        <v>112</v>
      </c>
      <c r="AN18765">
        <v>112</v>
      </c>
      <c r="AO18765">
        <v>112</v>
      </c>
      <c r="AP18765">
        <v>112</v>
      </c>
      <c r="AQ18765">
        <v>112</v>
      </c>
    </row>
    <row r="18766" spans="1:43">
      <c r="A18766" t="s">
        <v>11630</v>
      </c>
      <c r="B18766" t="s">
        <v>11631</v>
      </c>
      <c r="C18766" t="s">
        <v>11632</v>
      </c>
      <c r="D18766" t="s">
        <v>11633</v>
      </c>
      <c r="E18766" t="s">
        <v>11610</v>
      </c>
      <c r="F18766" t="s">
        <v>11611</v>
      </c>
      <c r="G18766" t="s">
        <v>11612</v>
      </c>
      <c r="H18766" t="s">
        <v>11613</v>
      </c>
      <c r="I18766" s="2">
        <v>0</v>
      </c>
      <c r="J18766" s="2">
        <v>0</v>
      </c>
      <c r="K18766" s="2">
        <v>1</v>
      </c>
      <c r="L18766" t="s">
        <v>995</v>
      </c>
      <c r="M18766" t="s">
        <v>83</v>
      </c>
      <c r="N18766" t="s">
        <v>84</v>
      </c>
      <c r="O18766" t="s">
        <v>85</v>
      </c>
      <c r="P18766" t="s">
        <v>86</v>
      </c>
      <c r="Q18766">
        <v>99</v>
      </c>
      <c r="R18766">
        <v>100</v>
      </c>
      <c r="S18766">
        <v>101</v>
      </c>
      <c r="T18766">
        <v>103</v>
      </c>
      <c r="U18766">
        <v>104</v>
      </c>
      <c r="V18766">
        <v>105</v>
      </c>
      <c r="W18766">
        <v>107</v>
      </c>
      <c r="X18766">
        <v>108</v>
      </c>
      <c r="Y18766">
        <v>109</v>
      </c>
      <c r="Z18766">
        <v>111</v>
      </c>
      <c r="AA18766">
        <v>112</v>
      </c>
      <c r="AB18766">
        <v>113</v>
      </c>
      <c r="AC18766">
        <v>114</v>
      </c>
      <c r="AD18766">
        <v>116</v>
      </c>
      <c r="AE18766">
        <v>117</v>
      </c>
      <c r="AF18766">
        <v>118</v>
      </c>
      <c r="AG18766">
        <v>119</v>
      </c>
      <c r="AH18766">
        <v>121</v>
      </c>
      <c r="AI18766">
        <v>122</v>
      </c>
      <c r="AJ18766">
        <v>123</v>
      </c>
      <c r="AK18766">
        <v>124</v>
      </c>
      <c r="AL18766">
        <v>125</v>
      </c>
      <c r="AM18766">
        <v>125</v>
      </c>
      <c r="AN18766">
        <v>125</v>
      </c>
      <c r="AO18766">
        <v>125</v>
      </c>
      <c r="AP18766">
        <v>125</v>
      </c>
      <c r="AQ18766">
        <v>125</v>
      </c>
    </row>
    <row r="18767" spans="1:43">
      <c r="A18767" t="s">
        <v>11630</v>
      </c>
      <c r="B18767" t="s">
        <v>11631</v>
      </c>
      <c r="C18767" t="s">
        <v>11632</v>
      </c>
      <c r="D18767" t="s">
        <v>11633</v>
      </c>
      <c r="E18767" t="s">
        <v>11610</v>
      </c>
      <c r="F18767" t="s">
        <v>11611</v>
      </c>
      <c r="G18767" t="s">
        <v>11612</v>
      </c>
      <c r="H18767" t="s">
        <v>11613</v>
      </c>
      <c r="I18767" s="2">
        <v>0</v>
      </c>
      <c r="J18767" s="2">
        <v>0</v>
      </c>
      <c r="K18767" s="2">
        <v>1</v>
      </c>
      <c r="L18767" t="s">
        <v>995</v>
      </c>
      <c r="M18767" t="s">
        <v>87</v>
      </c>
      <c r="N18767" t="s">
        <v>88</v>
      </c>
      <c r="O18767" t="s">
        <v>85</v>
      </c>
      <c r="P18767" t="s">
        <v>86</v>
      </c>
      <c r="Q18767">
        <v>99</v>
      </c>
      <c r="R18767">
        <v>99</v>
      </c>
      <c r="S18767">
        <v>100</v>
      </c>
      <c r="T18767">
        <v>100</v>
      </c>
      <c r="U18767">
        <v>100</v>
      </c>
      <c r="V18767">
        <v>101</v>
      </c>
      <c r="W18767">
        <v>101</v>
      </c>
      <c r="X18767">
        <v>102</v>
      </c>
      <c r="Y18767">
        <v>102</v>
      </c>
      <c r="Z18767">
        <v>102</v>
      </c>
      <c r="AA18767">
        <v>103</v>
      </c>
      <c r="AB18767">
        <v>103</v>
      </c>
      <c r="AC18767">
        <v>104</v>
      </c>
      <c r="AD18767">
        <v>104</v>
      </c>
      <c r="AE18767">
        <v>104</v>
      </c>
      <c r="AF18767">
        <v>105</v>
      </c>
      <c r="AG18767">
        <v>105</v>
      </c>
      <c r="AH18767">
        <v>106</v>
      </c>
      <c r="AI18767">
        <v>106</v>
      </c>
      <c r="AJ18767">
        <v>106</v>
      </c>
      <c r="AK18767">
        <v>107</v>
      </c>
      <c r="AL18767">
        <v>107</v>
      </c>
      <c r="AM18767">
        <v>108</v>
      </c>
      <c r="AN18767">
        <v>108</v>
      </c>
      <c r="AO18767">
        <v>108</v>
      </c>
      <c r="AP18767">
        <v>109</v>
      </c>
      <c r="AQ18767">
        <v>109</v>
      </c>
    </row>
    <row r="18768" spans="1:43">
      <c r="A18768" t="s">
        <v>11630</v>
      </c>
      <c r="B18768" t="s">
        <v>11631</v>
      </c>
      <c r="C18768" t="s">
        <v>11632</v>
      </c>
      <c r="D18768" t="s">
        <v>11633</v>
      </c>
      <c r="E18768" t="s">
        <v>11610</v>
      </c>
      <c r="F18768" t="s">
        <v>11611</v>
      </c>
      <c r="G18768" t="s">
        <v>11612</v>
      </c>
      <c r="H18768" t="s">
        <v>11613</v>
      </c>
      <c r="I18768" s="2">
        <v>0</v>
      </c>
      <c r="J18768" s="2">
        <v>0</v>
      </c>
      <c r="K18768" s="2">
        <v>1</v>
      </c>
      <c r="L18768" t="s">
        <v>995</v>
      </c>
      <c r="M18768" t="s">
        <v>89</v>
      </c>
      <c r="N18768" t="s">
        <v>90</v>
      </c>
      <c r="O18768" t="s">
        <v>85</v>
      </c>
      <c r="P18768" t="s">
        <v>86</v>
      </c>
      <c r="Q18768">
        <v>99</v>
      </c>
      <c r="R18768">
        <v>101</v>
      </c>
      <c r="S18768">
        <v>103</v>
      </c>
      <c r="T18768">
        <v>105</v>
      </c>
      <c r="U18768">
        <v>107</v>
      </c>
      <c r="V18768">
        <v>109</v>
      </c>
      <c r="W18768">
        <v>111</v>
      </c>
      <c r="X18768">
        <v>113</v>
      </c>
      <c r="Y18768">
        <v>115</v>
      </c>
      <c r="Z18768">
        <v>117</v>
      </c>
      <c r="AA18768">
        <v>118</v>
      </c>
      <c r="AB18768">
        <v>120</v>
      </c>
      <c r="AC18768">
        <v>122</v>
      </c>
      <c r="AD18768">
        <v>123</v>
      </c>
      <c r="AE18768">
        <v>125</v>
      </c>
      <c r="AF18768">
        <v>125</v>
      </c>
      <c r="AG18768">
        <v>125</v>
      </c>
      <c r="AH18768">
        <v>125</v>
      </c>
      <c r="AI18768">
        <v>125</v>
      </c>
      <c r="AJ18768">
        <v>125</v>
      </c>
      <c r="AK18768">
        <v>125</v>
      </c>
      <c r="AL18768">
        <v>125</v>
      </c>
      <c r="AM18768">
        <v>125</v>
      </c>
      <c r="AN18768">
        <v>125</v>
      </c>
      <c r="AO18768">
        <v>125</v>
      </c>
      <c r="AP18768">
        <v>125</v>
      </c>
      <c r="AQ18768">
        <v>125</v>
      </c>
    </row>
    <row r="18769" spans="1:43">
      <c r="A18769" t="s">
        <v>11630</v>
      </c>
      <c r="B18769" t="s">
        <v>11631</v>
      </c>
      <c r="C18769" t="s">
        <v>11632</v>
      </c>
      <c r="D18769" t="s">
        <v>11633</v>
      </c>
      <c r="E18769" t="s">
        <v>11610</v>
      </c>
      <c r="F18769" t="s">
        <v>11611</v>
      </c>
      <c r="G18769" t="s">
        <v>11612</v>
      </c>
      <c r="H18769" t="s">
        <v>11613</v>
      </c>
      <c r="I18769" s="2">
        <v>0</v>
      </c>
      <c r="J18769" s="2">
        <v>0</v>
      </c>
      <c r="K18769" s="2">
        <v>1</v>
      </c>
      <c r="L18769" t="s">
        <v>995</v>
      </c>
      <c r="M18769" t="s">
        <v>83</v>
      </c>
      <c r="N18769" t="s">
        <v>91</v>
      </c>
      <c r="O18769" t="s">
        <v>85</v>
      </c>
      <c r="P18769" t="s">
        <v>86</v>
      </c>
      <c r="Q18769">
        <v>99</v>
      </c>
      <c r="R18769">
        <v>100</v>
      </c>
      <c r="S18769">
        <v>101</v>
      </c>
      <c r="T18769">
        <v>103</v>
      </c>
      <c r="U18769">
        <v>104</v>
      </c>
      <c r="V18769">
        <v>105</v>
      </c>
      <c r="W18769">
        <v>107</v>
      </c>
      <c r="X18769">
        <v>108</v>
      </c>
      <c r="Y18769">
        <v>109</v>
      </c>
      <c r="Z18769">
        <v>111</v>
      </c>
      <c r="AA18769">
        <v>112</v>
      </c>
      <c r="AB18769">
        <v>113</v>
      </c>
      <c r="AC18769">
        <v>114</v>
      </c>
      <c r="AD18769">
        <v>116</v>
      </c>
      <c r="AE18769">
        <v>117</v>
      </c>
      <c r="AF18769">
        <v>118</v>
      </c>
      <c r="AG18769">
        <v>119</v>
      </c>
      <c r="AH18769">
        <v>121</v>
      </c>
      <c r="AI18769">
        <v>122</v>
      </c>
      <c r="AJ18769">
        <v>123</v>
      </c>
      <c r="AK18769">
        <v>124</v>
      </c>
      <c r="AL18769">
        <v>125</v>
      </c>
      <c r="AM18769">
        <v>125</v>
      </c>
      <c r="AN18769">
        <v>125</v>
      </c>
      <c r="AO18769">
        <v>125</v>
      </c>
      <c r="AP18769">
        <v>125</v>
      </c>
      <c r="AQ18769">
        <v>125</v>
      </c>
    </row>
    <row r="18770" spans="1:43">
      <c r="A18770" t="s">
        <v>11634</v>
      </c>
      <c r="B18770" t="s">
        <v>11635</v>
      </c>
      <c r="C18770" t="s">
        <v>11632</v>
      </c>
      <c r="D18770" t="s">
        <v>11633</v>
      </c>
      <c r="E18770" t="s">
        <v>11610</v>
      </c>
      <c r="F18770" t="s">
        <v>11611</v>
      </c>
      <c r="G18770" t="s">
        <v>11612</v>
      </c>
      <c r="H18770" t="s">
        <v>11613</v>
      </c>
      <c r="I18770" s="2">
        <v>0</v>
      </c>
      <c r="J18770" s="2">
        <v>0</v>
      </c>
      <c r="K18770" s="2">
        <v>1</v>
      </c>
      <c r="L18770" t="s">
        <v>995</v>
      </c>
      <c r="M18770" t="s">
        <v>83</v>
      </c>
      <c r="N18770" t="s">
        <v>84</v>
      </c>
      <c r="O18770" t="s">
        <v>85</v>
      </c>
      <c r="P18770" t="s">
        <v>86</v>
      </c>
      <c r="Q18770">
        <v>0</v>
      </c>
      <c r="R18770">
        <v>0</v>
      </c>
      <c r="S18770">
        <v>0</v>
      </c>
      <c r="T18770">
        <v>0</v>
      </c>
      <c r="U18770">
        <v>0</v>
      </c>
      <c r="V18770">
        <v>0</v>
      </c>
      <c r="W18770">
        <v>0</v>
      </c>
      <c r="X18770">
        <v>0</v>
      </c>
      <c r="Y18770">
        <v>0</v>
      </c>
      <c r="Z18770">
        <v>0</v>
      </c>
      <c r="AA18770">
        <v>0</v>
      </c>
      <c r="AB18770">
        <v>0</v>
      </c>
      <c r="AC18770">
        <v>0</v>
      </c>
      <c r="AD18770">
        <v>0</v>
      </c>
      <c r="AE18770">
        <v>0</v>
      </c>
      <c r="AF18770">
        <v>0</v>
      </c>
      <c r="AG18770">
        <v>0</v>
      </c>
      <c r="AH18770">
        <v>0</v>
      </c>
      <c r="AI18770">
        <v>0</v>
      </c>
      <c r="AJ18770">
        <v>0</v>
      </c>
      <c r="AK18770">
        <v>0</v>
      </c>
      <c r="AL18770">
        <v>0</v>
      </c>
      <c r="AM18770">
        <v>0</v>
      </c>
      <c r="AN18770">
        <v>0</v>
      </c>
      <c r="AO18770">
        <v>0</v>
      </c>
      <c r="AP18770">
        <v>0</v>
      </c>
      <c r="AQ18770">
        <v>0</v>
      </c>
    </row>
    <row r="18771" spans="1:43">
      <c r="A18771" t="s">
        <v>11634</v>
      </c>
      <c r="B18771" t="s">
        <v>11635</v>
      </c>
      <c r="C18771" t="s">
        <v>11632</v>
      </c>
      <c r="D18771" t="s">
        <v>11633</v>
      </c>
      <c r="E18771" t="s">
        <v>11610</v>
      </c>
      <c r="F18771" t="s">
        <v>11611</v>
      </c>
      <c r="G18771" t="s">
        <v>11612</v>
      </c>
      <c r="H18771" t="s">
        <v>11613</v>
      </c>
      <c r="I18771" s="2">
        <v>0</v>
      </c>
      <c r="J18771" s="2">
        <v>0</v>
      </c>
      <c r="K18771" s="2">
        <v>1</v>
      </c>
      <c r="L18771" t="s">
        <v>995</v>
      </c>
      <c r="M18771" t="s">
        <v>87</v>
      </c>
      <c r="N18771" t="s">
        <v>88</v>
      </c>
      <c r="O18771" t="s">
        <v>85</v>
      </c>
      <c r="P18771" t="s">
        <v>86</v>
      </c>
      <c r="Q18771">
        <v>0</v>
      </c>
      <c r="R18771">
        <v>0</v>
      </c>
      <c r="S18771">
        <v>0</v>
      </c>
      <c r="T18771">
        <v>0</v>
      </c>
      <c r="U18771">
        <v>0</v>
      </c>
      <c r="V18771">
        <v>0</v>
      </c>
      <c r="W18771">
        <v>0</v>
      </c>
      <c r="X18771">
        <v>0</v>
      </c>
      <c r="Y18771">
        <v>0</v>
      </c>
      <c r="Z18771">
        <v>0</v>
      </c>
      <c r="AA18771">
        <v>0</v>
      </c>
      <c r="AB18771">
        <v>0</v>
      </c>
      <c r="AC18771">
        <v>0</v>
      </c>
      <c r="AD18771">
        <v>0</v>
      </c>
      <c r="AE18771">
        <v>0</v>
      </c>
      <c r="AF18771">
        <v>0</v>
      </c>
      <c r="AG18771">
        <v>0</v>
      </c>
      <c r="AH18771">
        <v>0</v>
      </c>
      <c r="AI18771">
        <v>0</v>
      </c>
      <c r="AJ18771">
        <v>0</v>
      </c>
      <c r="AK18771">
        <v>0</v>
      </c>
      <c r="AL18771">
        <v>0</v>
      </c>
      <c r="AM18771">
        <v>0</v>
      </c>
      <c r="AN18771">
        <v>0</v>
      </c>
      <c r="AO18771">
        <v>0</v>
      </c>
      <c r="AP18771">
        <v>0</v>
      </c>
      <c r="AQ18771">
        <v>0</v>
      </c>
    </row>
    <row r="18772" spans="1:43">
      <c r="A18772" t="s">
        <v>11634</v>
      </c>
      <c r="B18772" t="s">
        <v>11635</v>
      </c>
      <c r="C18772" t="s">
        <v>11632</v>
      </c>
      <c r="D18772" t="s">
        <v>11633</v>
      </c>
      <c r="E18772" t="s">
        <v>11610</v>
      </c>
      <c r="F18772" t="s">
        <v>11611</v>
      </c>
      <c r="G18772" t="s">
        <v>11612</v>
      </c>
      <c r="H18772" t="s">
        <v>11613</v>
      </c>
      <c r="I18772" s="2">
        <v>0</v>
      </c>
      <c r="J18772" s="2">
        <v>0</v>
      </c>
      <c r="K18772" s="2">
        <v>1</v>
      </c>
      <c r="L18772" t="s">
        <v>995</v>
      </c>
      <c r="M18772" t="s">
        <v>89</v>
      </c>
      <c r="N18772" t="s">
        <v>90</v>
      </c>
      <c r="O18772" t="s">
        <v>85</v>
      </c>
      <c r="P18772" t="s">
        <v>86</v>
      </c>
      <c r="Q18772">
        <v>0</v>
      </c>
      <c r="R18772">
        <v>0</v>
      </c>
      <c r="S18772">
        <v>0</v>
      </c>
      <c r="T18772">
        <v>0</v>
      </c>
      <c r="U18772">
        <v>0</v>
      </c>
      <c r="V18772">
        <v>0</v>
      </c>
      <c r="W18772">
        <v>0</v>
      </c>
      <c r="X18772">
        <v>0</v>
      </c>
      <c r="Y18772">
        <v>0</v>
      </c>
      <c r="Z18772">
        <v>0</v>
      </c>
      <c r="AA18772">
        <v>0</v>
      </c>
      <c r="AB18772">
        <v>0</v>
      </c>
      <c r="AC18772">
        <v>0</v>
      </c>
      <c r="AD18772">
        <v>0</v>
      </c>
      <c r="AE18772">
        <v>0</v>
      </c>
      <c r="AF18772">
        <v>0</v>
      </c>
      <c r="AG18772">
        <v>0</v>
      </c>
      <c r="AH18772">
        <v>0</v>
      </c>
      <c r="AI18772">
        <v>0</v>
      </c>
      <c r="AJ18772">
        <v>0</v>
      </c>
      <c r="AK18772">
        <v>0</v>
      </c>
      <c r="AL18772">
        <v>0</v>
      </c>
      <c r="AM18772">
        <v>0</v>
      </c>
      <c r="AN18772">
        <v>0</v>
      </c>
      <c r="AO18772">
        <v>0</v>
      </c>
      <c r="AP18772">
        <v>0</v>
      </c>
      <c r="AQ18772">
        <v>0</v>
      </c>
    </row>
    <row r="18773" spans="1:43">
      <c r="A18773" t="s">
        <v>11634</v>
      </c>
      <c r="B18773" t="s">
        <v>11635</v>
      </c>
      <c r="C18773" t="s">
        <v>11632</v>
      </c>
      <c r="D18773" t="s">
        <v>11633</v>
      </c>
      <c r="E18773" t="s">
        <v>11610</v>
      </c>
      <c r="F18773" t="s">
        <v>11611</v>
      </c>
      <c r="G18773" t="s">
        <v>11612</v>
      </c>
      <c r="H18773" t="s">
        <v>11613</v>
      </c>
      <c r="I18773" s="2">
        <v>0</v>
      </c>
      <c r="J18773" s="2">
        <v>0</v>
      </c>
      <c r="K18773" s="2">
        <v>1</v>
      </c>
      <c r="L18773" t="s">
        <v>995</v>
      </c>
      <c r="M18773" t="s">
        <v>83</v>
      </c>
      <c r="N18773" t="s">
        <v>91</v>
      </c>
      <c r="O18773" t="s">
        <v>85</v>
      </c>
      <c r="P18773" t="s">
        <v>86</v>
      </c>
      <c r="Q18773">
        <v>0</v>
      </c>
      <c r="R18773">
        <v>0</v>
      </c>
      <c r="S18773">
        <v>0</v>
      </c>
      <c r="T18773">
        <v>0</v>
      </c>
      <c r="U18773">
        <v>0</v>
      </c>
      <c r="V18773">
        <v>0</v>
      </c>
      <c r="W18773">
        <v>0</v>
      </c>
      <c r="X18773">
        <v>0</v>
      </c>
      <c r="Y18773">
        <v>0</v>
      </c>
      <c r="Z18773">
        <v>0</v>
      </c>
      <c r="AA18773">
        <v>0</v>
      </c>
      <c r="AB18773">
        <v>0</v>
      </c>
      <c r="AC18773">
        <v>0</v>
      </c>
      <c r="AD18773">
        <v>0</v>
      </c>
      <c r="AE18773">
        <v>0</v>
      </c>
      <c r="AF18773">
        <v>0</v>
      </c>
      <c r="AG18773">
        <v>0</v>
      </c>
      <c r="AH18773">
        <v>0</v>
      </c>
      <c r="AI18773">
        <v>0</v>
      </c>
      <c r="AJ18773">
        <v>0</v>
      </c>
      <c r="AK18773">
        <v>0</v>
      </c>
      <c r="AL18773">
        <v>0</v>
      </c>
      <c r="AM18773">
        <v>0</v>
      </c>
      <c r="AN18773">
        <v>0</v>
      </c>
      <c r="AO18773">
        <v>0</v>
      </c>
      <c r="AP18773">
        <v>0</v>
      </c>
      <c r="AQ18773">
        <v>0</v>
      </c>
    </row>
    <row r="18774" spans="1:43">
      <c r="A18774" t="s">
        <v>11636</v>
      </c>
      <c r="B18774" t="s">
        <v>11637</v>
      </c>
      <c r="C18774" t="s">
        <v>11632</v>
      </c>
      <c r="D18774" t="s">
        <v>11633</v>
      </c>
      <c r="E18774" t="s">
        <v>11610</v>
      </c>
      <c r="F18774" t="s">
        <v>11611</v>
      </c>
      <c r="G18774" t="s">
        <v>11612</v>
      </c>
      <c r="H18774" t="s">
        <v>11613</v>
      </c>
      <c r="I18774" s="2">
        <v>0</v>
      </c>
      <c r="J18774" s="2">
        <v>0</v>
      </c>
      <c r="K18774" s="2">
        <v>1</v>
      </c>
      <c r="L18774" t="s">
        <v>995</v>
      </c>
      <c r="M18774" t="s">
        <v>83</v>
      </c>
      <c r="N18774" t="s">
        <v>84</v>
      </c>
      <c r="O18774" t="s">
        <v>85</v>
      </c>
      <c r="P18774" t="s">
        <v>86</v>
      </c>
      <c r="Q18774">
        <v>140</v>
      </c>
      <c r="R18774">
        <v>142</v>
      </c>
      <c r="S18774">
        <v>144</v>
      </c>
      <c r="T18774">
        <v>146</v>
      </c>
      <c r="U18774">
        <v>147</v>
      </c>
      <c r="V18774">
        <v>149</v>
      </c>
      <c r="W18774">
        <v>151</v>
      </c>
      <c r="X18774">
        <v>153</v>
      </c>
      <c r="Y18774">
        <v>155</v>
      </c>
      <c r="Z18774">
        <v>157</v>
      </c>
      <c r="AA18774">
        <v>159</v>
      </c>
      <c r="AB18774">
        <v>160</v>
      </c>
      <c r="AC18774">
        <v>162</v>
      </c>
      <c r="AD18774">
        <v>164</v>
      </c>
      <c r="AE18774">
        <v>166</v>
      </c>
      <c r="AF18774">
        <v>168</v>
      </c>
      <c r="AG18774">
        <v>169</v>
      </c>
      <c r="AH18774">
        <v>171</v>
      </c>
      <c r="AI18774">
        <v>173</v>
      </c>
      <c r="AJ18774">
        <v>175</v>
      </c>
      <c r="AK18774">
        <v>176</v>
      </c>
      <c r="AL18774">
        <v>177</v>
      </c>
      <c r="AM18774">
        <v>177</v>
      </c>
      <c r="AN18774">
        <v>177</v>
      </c>
      <c r="AO18774">
        <v>177</v>
      </c>
      <c r="AP18774">
        <v>177</v>
      </c>
      <c r="AQ18774">
        <v>177</v>
      </c>
    </row>
    <row r="18775" spans="1:43">
      <c r="A18775" t="s">
        <v>11636</v>
      </c>
      <c r="B18775" t="s">
        <v>11637</v>
      </c>
      <c r="C18775" t="s">
        <v>11632</v>
      </c>
      <c r="D18775" t="s">
        <v>11633</v>
      </c>
      <c r="E18775" t="s">
        <v>11610</v>
      </c>
      <c r="F18775" t="s">
        <v>11611</v>
      </c>
      <c r="G18775" t="s">
        <v>11612</v>
      </c>
      <c r="H18775" t="s">
        <v>11613</v>
      </c>
      <c r="I18775" s="2">
        <v>0</v>
      </c>
      <c r="J18775" s="2">
        <v>0</v>
      </c>
      <c r="K18775" s="2">
        <v>1</v>
      </c>
      <c r="L18775" t="s">
        <v>995</v>
      </c>
      <c r="M18775" t="s">
        <v>87</v>
      </c>
      <c r="N18775" t="s">
        <v>88</v>
      </c>
      <c r="O18775" t="s">
        <v>85</v>
      </c>
      <c r="P18775" t="s">
        <v>86</v>
      </c>
      <c r="Q18775">
        <v>140</v>
      </c>
      <c r="R18775">
        <v>140</v>
      </c>
      <c r="S18775">
        <v>141</v>
      </c>
      <c r="T18775">
        <v>141</v>
      </c>
      <c r="U18775">
        <v>142</v>
      </c>
      <c r="V18775">
        <v>142</v>
      </c>
      <c r="W18775">
        <v>143</v>
      </c>
      <c r="X18775">
        <v>144</v>
      </c>
      <c r="Y18775">
        <v>144</v>
      </c>
      <c r="Z18775">
        <v>145</v>
      </c>
      <c r="AA18775">
        <v>145</v>
      </c>
      <c r="AB18775">
        <v>146</v>
      </c>
      <c r="AC18775">
        <v>146</v>
      </c>
      <c r="AD18775">
        <v>147</v>
      </c>
      <c r="AE18775">
        <v>148</v>
      </c>
      <c r="AF18775">
        <v>148</v>
      </c>
      <c r="AG18775">
        <v>149</v>
      </c>
      <c r="AH18775">
        <v>149</v>
      </c>
      <c r="AI18775">
        <v>150</v>
      </c>
      <c r="AJ18775">
        <v>151</v>
      </c>
      <c r="AK18775">
        <v>151</v>
      </c>
      <c r="AL18775">
        <v>152</v>
      </c>
      <c r="AM18775">
        <v>152</v>
      </c>
      <c r="AN18775">
        <v>153</v>
      </c>
      <c r="AO18775">
        <v>153</v>
      </c>
      <c r="AP18775">
        <v>154</v>
      </c>
      <c r="AQ18775">
        <v>154</v>
      </c>
    </row>
    <row r="18776" spans="1:43">
      <c r="A18776" t="s">
        <v>11636</v>
      </c>
      <c r="B18776" t="s">
        <v>11637</v>
      </c>
      <c r="C18776" t="s">
        <v>11632</v>
      </c>
      <c r="D18776" t="s">
        <v>11633</v>
      </c>
      <c r="E18776" t="s">
        <v>11610</v>
      </c>
      <c r="F18776" t="s">
        <v>11611</v>
      </c>
      <c r="G18776" t="s">
        <v>11612</v>
      </c>
      <c r="H18776" t="s">
        <v>11613</v>
      </c>
      <c r="I18776" s="2">
        <v>0</v>
      </c>
      <c r="J18776" s="2">
        <v>0</v>
      </c>
      <c r="K18776" s="2">
        <v>1</v>
      </c>
      <c r="L18776" t="s">
        <v>995</v>
      </c>
      <c r="M18776" t="s">
        <v>89</v>
      </c>
      <c r="N18776" t="s">
        <v>90</v>
      </c>
      <c r="O18776" t="s">
        <v>85</v>
      </c>
      <c r="P18776" t="s">
        <v>86</v>
      </c>
      <c r="Q18776">
        <v>140</v>
      </c>
      <c r="R18776">
        <v>143</v>
      </c>
      <c r="S18776">
        <v>146</v>
      </c>
      <c r="T18776">
        <v>149</v>
      </c>
      <c r="U18776">
        <v>152</v>
      </c>
      <c r="V18776">
        <v>155</v>
      </c>
      <c r="W18776">
        <v>158</v>
      </c>
      <c r="X18776">
        <v>161</v>
      </c>
      <c r="Y18776">
        <v>163</v>
      </c>
      <c r="Z18776">
        <v>166</v>
      </c>
      <c r="AA18776">
        <v>168</v>
      </c>
      <c r="AB18776">
        <v>170</v>
      </c>
      <c r="AC18776">
        <v>173</v>
      </c>
      <c r="AD18776">
        <v>175</v>
      </c>
      <c r="AE18776">
        <v>177</v>
      </c>
      <c r="AF18776">
        <v>177</v>
      </c>
      <c r="AG18776">
        <v>177</v>
      </c>
      <c r="AH18776">
        <v>177</v>
      </c>
      <c r="AI18776">
        <v>177</v>
      </c>
      <c r="AJ18776">
        <v>177</v>
      </c>
      <c r="AK18776">
        <v>177</v>
      </c>
      <c r="AL18776">
        <v>177</v>
      </c>
      <c r="AM18776">
        <v>177</v>
      </c>
      <c r="AN18776">
        <v>178</v>
      </c>
      <c r="AO18776">
        <v>178</v>
      </c>
      <c r="AP18776">
        <v>178</v>
      </c>
      <c r="AQ18776">
        <v>178</v>
      </c>
    </row>
    <row r="18777" spans="1:43">
      <c r="A18777" t="s">
        <v>11636</v>
      </c>
      <c r="B18777" t="s">
        <v>11637</v>
      </c>
      <c r="C18777" t="s">
        <v>11632</v>
      </c>
      <c r="D18777" t="s">
        <v>11633</v>
      </c>
      <c r="E18777" t="s">
        <v>11610</v>
      </c>
      <c r="F18777" t="s">
        <v>11611</v>
      </c>
      <c r="G18777" t="s">
        <v>11612</v>
      </c>
      <c r="H18777" t="s">
        <v>11613</v>
      </c>
      <c r="I18777" s="2">
        <v>0</v>
      </c>
      <c r="J18777" s="2">
        <v>0</v>
      </c>
      <c r="K18777" s="2">
        <v>1</v>
      </c>
      <c r="L18777" t="s">
        <v>995</v>
      </c>
      <c r="M18777" t="s">
        <v>83</v>
      </c>
      <c r="N18777" t="s">
        <v>91</v>
      </c>
      <c r="O18777" t="s">
        <v>85</v>
      </c>
      <c r="P18777" t="s">
        <v>86</v>
      </c>
      <c r="Q18777">
        <v>140</v>
      </c>
      <c r="R18777">
        <v>142</v>
      </c>
      <c r="S18777">
        <v>144</v>
      </c>
      <c r="T18777">
        <v>146</v>
      </c>
      <c r="U18777">
        <v>147</v>
      </c>
      <c r="V18777">
        <v>149</v>
      </c>
      <c r="W18777">
        <v>151</v>
      </c>
      <c r="X18777">
        <v>153</v>
      </c>
      <c r="Y18777">
        <v>155</v>
      </c>
      <c r="Z18777">
        <v>157</v>
      </c>
      <c r="AA18777">
        <v>159</v>
      </c>
      <c r="AB18777">
        <v>160</v>
      </c>
      <c r="AC18777">
        <v>162</v>
      </c>
      <c r="AD18777">
        <v>164</v>
      </c>
      <c r="AE18777">
        <v>166</v>
      </c>
      <c r="AF18777">
        <v>168</v>
      </c>
      <c r="AG18777">
        <v>169</v>
      </c>
      <c r="AH18777">
        <v>171</v>
      </c>
      <c r="AI18777">
        <v>173</v>
      </c>
      <c r="AJ18777">
        <v>175</v>
      </c>
      <c r="AK18777">
        <v>176</v>
      </c>
      <c r="AL18777">
        <v>177</v>
      </c>
      <c r="AM18777">
        <v>177</v>
      </c>
      <c r="AN18777">
        <v>177</v>
      </c>
      <c r="AO18777">
        <v>177</v>
      </c>
      <c r="AP18777">
        <v>177</v>
      </c>
      <c r="AQ18777">
        <v>177</v>
      </c>
    </row>
    <row r="18778" spans="1:43">
      <c r="A18778" t="s">
        <v>11638</v>
      </c>
      <c r="B18778" t="s">
        <v>11639</v>
      </c>
      <c r="C18778" t="s">
        <v>11640</v>
      </c>
      <c r="D18778" t="s">
        <v>11641</v>
      </c>
      <c r="E18778" t="s">
        <v>11610</v>
      </c>
      <c r="F18778" t="s">
        <v>11611</v>
      </c>
      <c r="G18778" t="s">
        <v>11612</v>
      </c>
      <c r="H18778" t="s">
        <v>11613</v>
      </c>
      <c r="I18778" s="2">
        <v>0</v>
      </c>
      <c r="J18778" s="2">
        <v>0</v>
      </c>
      <c r="K18778" s="2">
        <v>1</v>
      </c>
      <c r="L18778" t="s">
        <v>995</v>
      </c>
      <c r="M18778" t="s">
        <v>83</v>
      </c>
      <c r="N18778" t="s">
        <v>84</v>
      </c>
      <c r="O18778" t="s">
        <v>85</v>
      </c>
      <c r="P18778" t="s">
        <v>86</v>
      </c>
      <c r="Q18778">
        <v>74</v>
      </c>
      <c r="R18778">
        <v>75</v>
      </c>
      <c r="S18778">
        <v>76</v>
      </c>
      <c r="T18778">
        <v>77</v>
      </c>
      <c r="U18778">
        <v>78</v>
      </c>
      <c r="V18778">
        <v>79</v>
      </c>
      <c r="W18778">
        <v>80</v>
      </c>
      <c r="X18778">
        <v>81</v>
      </c>
      <c r="Y18778">
        <v>82</v>
      </c>
      <c r="Z18778">
        <v>83</v>
      </c>
      <c r="AA18778">
        <v>84</v>
      </c>
      <c r="AB18778">
        <v>85</v>
      </c>
      <c r="AC18778">
        <v>86</v>
      </c>
      <c r="AD18778">
        <v>87</v>
      </c>
      <c r="AE18778">
        <v>87</v>
      </c>
      <c r="AF18778">
        <v>88</v>
      </c>
      <c r="AG18778">
        <v>89</v>
      </c>
      <c r="AH18778">
        <v>90</v>
      </c>
      <c r="AI18778">
        <v>91</v>
      </c>
      <c r="AJ18778">
        <v>92</v>
      </c>
      <c r="AK18778">
        <v>93</v>
      </c>
      <c r="AL18778">
        <v>93</v>
      </c>
      <c r="AM18778">
        <v>93</v>
      </c>
      <c r="AN18778">
        <v>93</v>
      </c>
      <c r="AO18778">
        <v>94</v>
      </c>
      <c r="AP18778">
        <v>94</v>
      </c>
      <c r="AQ18778">
        <v>94</v>
      </c>
    </row>
    <row r="18779" spans="1:43">
      <c r="A18779" t="s">
        <v>11638</v>
      </c>
      <c r="B18779" t="s">
        <v>11639</v>
      </c>
      <c r="C18779" t="s">
        <v>11640</v>
      </c>
      <c r="D18779" t="s">
        <v>11641</v>
      </c>
      <c r="E18779" t="s">
        <v>11610</v>
      </c>
      <c r="F18779" t="s">
        <v>11611</v>
      </c>
      <c r="G18779" t="s">
        <v>11612</v>
      </c>
      <c r="H18779" t="s">
        <v>11613</v>
      </c>
      <c r="I18779" s="2">
        <v>0</v>
      </c>
      <c r="J18779" s="2">
        <v>0</v>
      </c>
      <c r="K18779" s="2">
        <v>1</v>
      </c>
      <c r="L18779" t="s">
        <v>995</v>
      </c>
      <c r="M18779" t="s">
        <v>87</v>
      </c>
      <c r="N18779" t="s">
        <v>88</v>
      </c>
      <c r="O18779" t="s">
        <v>85</v>
      </c>
      <c r="P18779" t="s">
        <v>86</v>
      </c>
      <c r="Q18779">
        <v>74</v>
      </c>
      <c r="R18779">
        <v>74</v>
      </c>
      <c r="S18779">
        <v>75</v>
      </c>
      <c r="T18779">
        <v>75</v>
      </c>
      <c r="U18779">
        <v>75</v>
      </c>
      <c r="V18779">
        <v>76</v>
      </c>
      <c r="W18779">
        <v>76</v>
      </c>
      <c r="X18779">
        <v>76</v>
      </c>
      <c r="Y18779">
        <v>77</v>
      </c>
      <c r="Z18779">
        <v>77</v>
      </c>
      <c r="AA18779">
        <v>77</v>
      </c>
      <c r="AB18779">
        <v>78</v>
      </c>
      <c r="AC18779">
        <v>78</v>
      </c>
      <c r="AD18779">
        <v>78</v>
      </c>
      <c r="AE18779">
        <v>78</v>
      </c>
      <c r="AF18779">
        <v>79</v>
      </c>
      <c r="AG18779">
        <v>79</v>
      </c>
      <c r="AH18779">
        <v>79</v>
      </c>
      <c r="AI18779">
        <v>80</v>
      </c>
      <c r="AJ18779">
        <v>80</v>
      </c>
      <c r="AK18779">
        <v>80</v>
      </c>
      <c r="AL18779">
        <v>81</v>
      </c>
      <c r="AM18779">
        <v>81</v>
      </c>
      <c r="AN18779">
        <v>81</v>
      </c>
      <c r="AO18779">
        <v>82</v>
      </c>
      <c r="AP18779">
        <v>82</v>
      </c>
      <c r="AQ18779">
        <v>82</v>
      </c>
    </row>
    <row r="18780" spans="1:43">
      <c r="A18780" t="s">
        <v>11638</v>
      </c>
      <c r="B18780" t="s">
        <v>11639</v>
      </c>
      <c r="C18780" t="s">
        <v>11640</v>
      </c>
      <c r="D18780" t="s">
        <v>11641</v>
      </c>
      <c r="E18780" t="s">
        <v>11610</v>
      </c>
      <c r="F18780" t="s">
        <v>11611</v>
      </c>
      <c r="G18780" t="s">
        <v>11612</v>
      </c>
      <c r="H18780" t="s">
        <v>11613</v>
      </c>
      <c r="I18780" s="2">
        <v>0</v>
      </c>
      <c r="J18780" s="2">
        <v>0</v>
      </c>
      <c r="K18780" s="2">
        <v>1</v>
      </c>
      <c r="L18780" t="s">
        <v>995</v>
      </c>
      <c r="M18780" t="s">
        <v>89</v>
      </c>
      <c r="N18780" t="s">
        <v>90</v>
      </c>
      <c r="O18780" t="s">
        <v>85</v>
      </c>
      <c r="P18780" t="s">
        <v>86</v>
      </c>
      <c r="Q18780">
        <v>74</v>
      </c>
      <c r="R18780">
        <v>76</v>
      </c>
      <c r="S18780">
        <v>78</v>
      </c>
      <c r="T18780">
        <v>79</v>
      </c>
      <c r="U18780">
        <v>81</v>
      </c>
      <c r="V18780">
        <v>82</v>
      </c>
      <c r="W18780">
        <v>84</v>
      </c>
      <c r="X18780">
        <v>85</v>
      </c>
      <c r="Y18780">
        <v>87</v>
      </c>
      <c r="Z18780">
        <v>88</v>
      </c>
      <c r="AA18780">
        <v>89</v>
      </c>
      <c r="AB18780">
        <v>90</v>
      </c>
      <c r="AC18780">
        <v>92</v>
      </c>
      <c r="AD18780">
        <v>93</v>
      </c>
      <c r="AE18780">
        <v>94</v>
      </c>
      <c r="AF18780">
        <v>94</v>
      </c>
      <c r="AG18780">
        <v>94</v>
      </c>
      <c r="AH18780">
        <v>94</v>
      </c>
      <c r="AI18780">
        <v>94</v>
      </c>
      <c r="AJ18780">
        <v>94</v>
      </c>
      <c r="AK18780">
        <v>94</v>
      </c>
      <c r="AL18780">
        <v>94</v>
      </c>
      <c r="AM18780">
        <v>94</v>
      </c>
      <c r="AN18780">
        <v>94</v>
      </c>
      <c r="AO18780">
        <v>94</v>
      </c>
      <c r="AP18780">
        <v>94</v>
      </c>
      <c r="AQ18780">
        <v>94</v>
      </c>
    </row>
    <row r="18781" spans="1:43">
      <c r="A18781" t="s">
        <v>11638</v>
      </c>
      <c r="B18781" t="s">
        <v>11639</v>
      </c>
      <c r="C18781" t="s">
        <v>11640</v>
      </c>
      <c r="D18781" t="s">
        <v>11641</v>
      </c>
      <c r="E18781" t="s">
        <v>11610</v>
      </c>
      <c r="F18781" t="s">
        <v>11611</v>
      </c>
      <c r="G18781" t="s">
        <v>11612</v>
      </c>
      <c r="H18781" t="s">
        <v>11613</v>
      </c>
      <c r="I18781" s="2">
        <v>0</v>
      </c>
      <c r="J18781" s="2">
        <v>0</v>
      </c>
      <c r="K18781" s="2">
        <v>1</v>
      </c>
      <c r="L18781" t="s">
        <v>995</v>
      </c>
      <c r="M18781" t="s">
        <v>83</v>
      </c>
      <c r="N18781" t="s">
        <v>91</v>
      </c>
      <c r="O18781" t="s">
        <v>85</v>
      </c>
      <c r="P18781" t="s">
        <v>86</v>
      </c>
      <c r="Q18781">
        <v>74</v>
      </c>
      <c r="R18781">
        <v>75</v>
      </c>
      <c r="S18781">
        <v>76</v>
      </c>
      <c r="T18781">
        <v>77</v>
      </c>
      <c r="U18781">
        <v>78</v>
      </c>
      <c r="V18781">
        <v>79</v>
      </c>
      <c r="W18781">
        <v>80</v>
      </c>
      <c r="X18781">
        <v>81</v>
      </c>
      <c r="Y18781">
        <v>82</v>
      </c>
      <c r="Z18781">
        <v>83</v>
      </c>
      <c r="AA18781">
        <v>84</v>
      </c>
      <c r="AB18781">
        <v>85</v>
      </c>
      <c r="AC18781">
        <v>86</v>
      </c>
      <c r="AD18781">
        <v>87</v>
      </c>
      <c r="AE18781">
        <v>87</v>
      </c>
      <c r="AF18781">
        <v>88</v>
      </c>
      <c r="AG18781">
        <v>89</v>
      </c>
      <c r="AH18781">
        <v>90</v>
      </c>
      <c r="AI18781">
        <v>91</v>
      </c>
      <c r="AJ18781">
        <v>92</v>
      </c>
      <c r="AK18781">
        <v>93</v>
      </c>
      <c r="AL18781">
        <v>93</v>
      </c>
      <c r="AM18781">
        <v>93</v>
      </c>
      <c r="AN18781">
        <v>93</v>
      </c>
      <c r="AO18781">
        <v>94</v>
      </c>
      <c r="AP18781">
        <v>94</v>
      </c>
      <c r="AQ18781">
        <v>94</v>
      </c>
    </row>
    <row r="18782" spans="1:43">
      <c r="A18782" t="s">
        <v>11642</v>
      </c>
      <c r="B18782" t="s">
        <v>11643</v>
      </c>
      <c r="C18782" t="s">
        <v>11644</v>
      </c>
      <c r="D18782" t="s">
        <v>11645</v>
      </c>
      <c r="E18782" t="s">
        <v>11610</v>
      </c>
      <c r="F18782" t="s">
        <v>11611</v>
      </c>
      <c r="G18782" t="s">
        <v>11612</v>
      </c>
      <c r="H18782" t="s">
        <v>11613</v>
      </c>
      <c r="I18782" s="2">
        <v>0</v>
      </c>
      <c r="J18782" s="2">
        <v>0</v>
      </c>
      <c r="K18782" s="2">
        <v>0.97</v>
      </c>
      <c r="L18782" t="s">
        <v>995</v>
      </c>
      <c r="M18782" t="s">
        <v>83</v>
      </c>
      <c r="N18782" t="s">
        <v>84</v>
      </c>
      <c r="O18782" t="s">
        <v>85</v>
      </c>
      <c r="P18782" t="s">
        <v>86</v>
      </c>
      <c r="Q18782">
        <v>61</v>
      </c>
      <c r="R18782">
        <v>62</v>
      </c>
      <c r="S18782">
        <v>62</v>
      </c>
      <c r="T18782">
        <v>63</v>
      </c>
      <c r="U18782">
        <v>64</v>
      </c>
      <c r="V18782">
        <v>65</v>
      </c>
      <c r="W18782">
        <v>66</v>
      </c>
      <c r="X18782">
        <v>66</v>
      </c>
      <c r="Y18782">
        <v>67</v>
      </c>
      <c r="Z18782">
        <v>68</v>
      </c>
      <c r="AA18782">
        <v>69</v>
      </c>
      <c r="AB18782">
        <v>70</v>
      </c>
      <c r="AC18782">
        <v>70</v>
      </c>
      <c r="AD18782">
        <v>71</v>
      </c>
      <c r="AE18782">
        <v>72</v>
      </c>
      <c r="AF18782">
        <v>73</v>
      </c>
      <c r="AG18782">
        <v>74</v>
      </c>
      <c r="AH18782">
        <v>74</v>
      </c>
      <c r="AI18782">
        <v>75</v>
      </c>
      <c r="AJ18782">
        <v>76</v>
      </c>
      <c r="AK18782">
        <v>77</v>
      </c>
      <c r="AL18782">
        <v>77</v>
      </c>
      <c r="AM18782">
        <v>77</v>
      </c>
      <c r="AN18782">
        <v>77</v>
      </c>
      <c r="AO18782">
        <v>77</v>
      </c>
      <c r="AP18782">
        <v>77</v>
      </c>
      <c r="AQ18782">
        <v>77</v>
      </c>
    </row>
    <row r="18783" spans="1:43">
      <c r="A18783" t="s">
        <v>11642</v>
      </c>
      <c r="B18783" t="s">
        <v>11643</v>
      </c>
      <c r="C18783" t="s">
        <v>11644</v>
      </c>
      <c r="D18783" t="s">
        <v>11645</v>
      </c>
      <c r="E18783" t="s">
        <v>11610</v>
      </c>
      <c r="F18783" t="s">
        <v>11611</v>
      </c>
      <c r="G18783" t="s">
        <v>11612</v>
      </c>
      <c r="H18783" t="s">
        <v>11613</v>
      </c>
      <c r="I18783" s="2">
        <v>0</v>
      </c>
      <c r="J18783" s="2">
        <v>0</v>
      </c>
      <c r="K18783" s="2">
        <v>0.97</v>
      </c>
      <c r="L18783" t="s">
        <v>995</v>
      </c>
      <c r="M18783" t="s">
        <v>87</v>
      </c>
      <c r="N18783" t="s">
        <v>88</v>
      </c>
      <c r="O18783" t="s">
        <v>85</v>
      </c>
      <c r="P18783" t="s">
        <v>86</v>
      </c>
      <c r="Q18783">
        <v>61</v>
      </c>
      <c r="R18783">
        <v>61</v>
      </c>
      <c r="S18783">
        <v>62</v>
      </c>
      <c r="T18783">
        <v>62</v>
      </c>
      <c r="U18783">
        <v>62</v>
      </c>
      <c r="V18783">
        <v>62</v>
      </c>
      <c r="W18783">
        <v>63</v>
      </c>
      <c r="X18783">
        <v>63</v>
      </c>
      <c r="Y18783">
        <v>63</v>
      </c>
      <c r="Z18783">
        <v>63</v>
      </c>
      <c r="AA18783">
        <v>64</v>
      </c>
      <c r="AB18783">
        <v>64</v>
      </c>
      <c r="AC18783">
        <v>64</v>
      </c>
      <c r="AD18783">
        <v>64</v>
      </c>
      <c r="AE18783">
        <v>65</v>
      </c>
      <c r="AF18783">
        <v>65</v>
      </c>
      <c r="AG18783">
        <v>65</v>
      </c>
      <c r="AH18783">
        <v>66</v>
      </c>
      <c r="AI18783">
        <v>66</v>
      </c>
      <c r="AJ18783">
        <v>66</v>
      </c>
      <c r="AK18783">
        <v>66</v>
      </c>
      <c r="AL18783">
        <v>67</v>
      </c>
      <c r="AM18783">
        <v>67</v>
      </c>
      <c r="AN18783">
        <v>67</v>
      </c>
      <c r="AO18783">
        <v>67</v>
      </c>
      <c r="AP18783">
        <v>68</v>
      </c>
      <c r="AQ18783">
        <v>68</v>
      </c>
    </row>
    <row r="18784" spans="1:43">
      <c r="A18784" t="s">
        <v>11642</v>
      </c>
      <c r="B18784" t="s">
        <v>11643</v>
      </c>
      <c r="C18784" t="s">
        <v>11644</v>
      </c>
      <c r="D18784" t="s">
        <v>11645</v>
      </c>
      <c r="E18784" t="s">
        <v>11610</v>
      </c>
      <c r="F18784" t="s">
        <v>11611</v>
      </c>
      <c r="G18784" t="s">
        <v>11612</v>
      </c>
      <c r="H18784" t="s">
        <v>11613</v>
      </c>
      <c r="I18784" s="2">
        <v>0</v>
      </c>
      <c r="J18784" s="2">
        <v>0</v>
      </c>
      <c r="K18784" s="2">
        <v>0.97</v>
      </c>
      <c r="L18784" t="s">
        <v>995</v>
      </c>
      <c r="M18784" t="s">
        <v>89</v>
      </c>
      <c r="N18784" t="s">
        <v>90</v>
      </c>
      <c r="O18784" t="s">
        <v>85</v>
      </c>
      <c r="P18784" t="s">
        <v>86</v>
      </c>
      <c r="Q18784">
        <v>61</v>
      </c>
      <c r="R18784">
        <v>63</v>
      </c>
      <c r="S18784">
        <v>64</v>
      </c>
      <c r="T18784">
        <v>65</v>
      </c>
      <c r="U18784">
        <v>67</v>
      </c>
      <c r="V18784">
        <v>68</v>
      </c>
      <c r="W18784">
        <v>69</v>
      </c>
      <c r="X18784">
        <v>70</v>
      </c>
      <c r="Y18784">
        <v>71</v>
      </c>
      <c r="Z18784">
        <v>72</v>
      </c>
      <c r="AA18784">
        <v>73</v>
      </c>
      <c r="AB18784">
        <v>74</v>
      </c>
      <c r="AC18784">
        <v>76</v>
      </c>
      <c r="AD18784">
        <v>77</v>
      </c>
      <c r="AE18784">
        <v>77</v>
      </c>
      <c r="AF18784">
        <v>77</v>
      </c>
      <c r="AG18784">
        <v>78</v>
      </c>
      <c r="AH18784">
        <v>78</v>
      </c>
      <c r="AI18784">
        <v>78</v>
      </c>
      <c r="AJ18784">
        <v>78</v>
      </c>
      <c r="AK18784">
        <v>78</v>
      </c>
      <c r="AL18784">
        <v>78</v>
      </c>
      <c r="AM18784">
        <v>78</v>
      </c>
      <c r="AN18784">
        <v>78</v>
      </c>
      <c r="AO18784">
        <v>78</v>
      </c>
      <c r="AP18784">
        <v>78</v>
      </c>
      <c r="AQ18784">
        <v>78</v>
      </c>
    </row>
    <row r="18785" spans="1:43">
      <c r="A18785" t="s">
        <v>11642</v>
      </c>
      <c r="B18785" t="s">
        <v>11643</v>
      </c>
      <c r="C18785" t="s">
        <v>11644</v>
      </c>
      <c r="D18785" t="s">
        <v>11645</v>
      </c>
      <c r="E18785" t="s">
        <v>11610</v>
      </c>
      <c r="F18785" t="s">
        <v>11611</v>
      </c>
      <c r="G18785" t="s">
        <v>11612</v>
      </c>
      <c r="H18785" t="s">
        <v>11613</v>
      </c>
      <c r="I18785" s="2">
        <v>0</v>
      </c>
      <c r="J18785" s="2">
        <v>0</v>
      </c>
      <c r="K18785" s="2">
        <v>0.97</v>
      </c>
      <c r="L18785" t="s">
        <v>995</v>
      </c>
      <c r="M18785" t="s">
        <v>83</v>
      </c>
      <c r="N18785" t="s">
        <v>91</v>
      </c>
      <c r="O18785" t="s">
        <v>85</v>
      </c>
      <c r="P18785" t="s">
        <v>86</v>
      </c>
      <c r="Q18785">
        <v>61</v>
      </c>
      <c r="R18785">
        <v>62</v>
      </c>
      <c r="S18785">
        <v>62</v>
      </c>
      <c r="T18785">
        <v>63</v>
      </c>
      <c r="U18785">
        <v>64</v>
      </c>
      <c r="V18785">
        <v>65</v>
      </c>
      <c r="W18785">
        <v>66</v>
      </c>
      <c r="X18785">
        <v>66</v>
      </c>
      <c r="Y18785">
        <v>67</v>
      </c>
      <c r="Z18785">
        <v>68</v>
      </c>
      <c r="AA18785">
        <v>69</v>
      </c>
      <c r="AB18785">
        <v>70</v>
      </c>
      <c r="AC18785">
        <v>70</v>
      </c>
      <c r="AD18785">
        <v>71</v>
      </c>
      <c r="AE18785">
        <v>72</v>
      </c>
      <c r="AF18785">
        <v>73</v>
      </c>
      <c r="AG18785">
        <v>74</v>
      </c>
      <c r="AH18785">
        <v>74</v>
      </c>
      <c r="AI18785">
        <v>75</v>
      </c>
      <c r="AJ18785">
        <v>76</v>
      </c>
      <c r="AK18785">
        <v>77</v>
      </c>
      <c r="AL18785">
        <v>77</v>
      </c>
      <c r="AM18785">
        <v>77</v>
      </c>
      <c r="AN18785">
        <v>77</v>
      </c>
      <c r="AO18785">
        <v>77</v>
      </c>
      <c r="AP18785">
        <v>77</v>
      </c>
      <c r="AQ18785">
        <v>77</v>
      </c>
    </row>
    <row r="18786" spans="1:43">
      <c r="A18786" t="s">
        <v>11646</v>
      </c>
      <c r="B18786" t="s">
        <v>11647</v>
      </c>
      <c r="C18786" t="s">
        <v>11644</v>
      </c>
      <c r="D18786" t="s">
        <v>11645</v>
      </c>
      <c r="E18786" t="s">
        <v>11610</v>
      </c>
      <c r="F18786" t="s">
        <v>11611</v>
      </c>
      <c r="G18786" t="s">
        <v>11612</v>
      </c>
      <c r="H18786" t="s">
        <v>11613</v>
      </c>
      <c r="I18786" s="2">
        <v>0</v>
      </c>
      <c r="J18786" s="2">
        <v>0</v>
      </c>
      <c r="K18786" s="2">
        <v>1</v>
      </c>
      <c r="L18786" t="s">
        <v>995</v>
      </c>
      <c r="M18786" t="s">
        <v>83</v>
      </c>
      <c r="N18786" t="s">
        <v>84</v>
      </c>
      <c r="O18786" t="s">
        <v>85</v>
      </c>
      <c r="P18786" t="s">
        <v>86</v>
      </c>
      <c r="Q18786">
        <v>52</v>
      </c>
      <c r="R18786">
        <v>52</v>
      </c>
      <c r="S18786">
        <v>53</v>
      </c>
      <c r="T18786">
        <v>54</v>
      </c>
      <c r="U18786">
        <v>54</v>
      </c>
      <c r="V18786">
        <v>55</v>
      </c>
      <c r="W18786">
        <v>56</v>
      </c>
      <c r="X18786">
        <v>56</v>
      </c>
      <c r="Y18786">
        <v>57</v>
      </c>
      <c r="Z18786">
        <v>58</v>
      </c>
      <c r="AA18786">
        <v>59</v>
      </c>
      <c r="AB18786">
        <v>59</v>
      </c>
      <c r="AC18786">
        <v>60</v>
      </c>
      <c r="AD18786">
        <v>61</v>
      </c>
      <c r="AE18786">
        <v>61</v>
      </c>
      <c r="AF18786">
        <v>62</v>
      </c>
      <c r="AG18786">
        <v>63</v>
      </c>
      <c r="AH18786">
        <v>63</v>
      </c>
      <c r="AI18786">
        <v>64</v>
      </c>
      <c r="AJ18786">
        <v>64</v>
      </c>
      <c r="AK18786">
        <v>65</v>
      </c>
      <c r="AL18786">
        <v>65</v>
      </c>
      <c r="AM18786">
        <v>65</v>
      </c>
      <c r="AN18786">
        <v>65</v>
      </c>
      <c r="AO18786">
        <v>66</v>
      </c>
      <c r="AP18786">
        <v>66</v>
      </c>
      <c r="AQ18786">
        <v>66</v>
      </c>
    </row>
    <row r="18787" spans="1:43">
      <c r="A18787" t="s">
        <v>11646</v>
      </c>
      <c r="B18787" t="s">
        <v>11647</v>
      </c>
      <c r="C18787" t="s">
        <v>11644</v>
      </c>
      <c r="D18787" t="s">
        <v>11645</v>
      </c>
      <c r="E18787" t="s">
        <v>11610</v>
      </c>
      <c r="F18787" t="s">
        <v>11611</v>
      </c>
      <c r="G18787" t="s">
        <v>11612</v>
      </c>
      <c r="H18787" t="s">
        <v>11613</v>
      </c>
      <c r="I18787" s="2">
        <v>0</v>
      </c>
      <c r="J18787" s="2">
        <v>0</v>
      </c>
      <c r="K18787" s="2">
        <v>1</v>
      </c>
      <c r="L18787" t="s">
        <v>995</v>
      </c>
      <c r="M18787" t="s">
        <v>87</v>
      </c>
      <c r="N18787" t="s">
        <v>88</v>
      </c>
      <c r="O18787" t="s">
        <v>85</v>
      </c>
      <c r="P18787" t="s">
        <v>86</v>
      </c>
      <c r="Q18787">
        <v>52</v>
      </c>
      <c r="R18787">
        <v>52</v>
      </c>
      <c r="S18787">
        <v>53</v>
      </c>
      <c r="T18787">
        <v>53</v>
      </c>
      <c r="U18787">
        <v>53</v>
      </c>
      <c r="V18787">
        <v>53</v>
      </c>
      <c r="W18787">
        <v>53</v>
      </c>
      <c r="X18787">
        <v>54</v>
      </c>
      <c r="Y18787">
        <v>54</v>
      </c>
      <c r="Z18787">
        <v>54</v>
      </c>
      <c r="AA18787">
        <v>54</v>
      </c>
      <c r="AB18787">
        <v>55</v>
      </c>
      <c r="AC18787">
        <v>55</v>
      </c>
      <c r="AD18787">
        <v>55</v>
      </c>
      <c r="AE18787">
        <v>55</v>
      </c>
      <c r="AF18787">
        <v>55</v>
      </c>
      <c r="AG18787">
        <v>56</v>
      </c>
      <c r="AH18787">
        <v>56</v>
      </c>
      <c r="AI18787">
        <v>56</v>
      </c>
      <c r="AJ18787">
        <v>56</v>
      </c>
      <c r="AK18787">
        <v>56</v>
      </c>
      <c r="AL18787">
        <v>57</v>
      </c>
      <c r="AM18787">
        <v>57</v>
      </c>
      <c r="AN18787">
        <v>57</v>
      </c>
      <c r="AO18787">
        <v>57</v>
      </c>
      <c r="AP18787">
        <v>58</v>
      </c>
      <c r="AQ18787">
        <v>58</v>
      </c>
    </row>
    <row r="18788" spans="1:43">
      <c r="A18788" t="s">
        <v>11646</v>
      </c>
      <c r="B18788" t="s">
        <v>11647</v>
      </c>
      <c r="C18788" t="s">
        <v>11644</v>
      </c>
      <c r="D18788" t="s">
        <v>11645</v>
      </c>
      <c r="E18788" t="s">
        <v>11610</v>
      </c>
      <c r="F18788" t="s">
        <v>11611</v>
      </c>
      <c r="G18788" t="s">
        <v>11612</v>
      </c>
      <c r="H18788" t="s">
        <v>11613</v>
      </c>
      <c r="I18788" s="2">
        <v>0</v>
      </c>
      <c r="J18788" s="2">
        <v>0</v>
      </c>
      <c r="K18788" s="2">
        <v>1</v>
      </c>
      <c r="L18788" t="s">
        <v>995</v>
      </c>
      <c r="M18788" t="s">
        <v>89</v>
      </c>
      <c r="N18788" t="s">
        <v>90</v>
      </c>
      <c r="O18788" t="s">
        <v>85</v>
      </c>
      <c r="P18788" t="s">
        <v>86</v>
      </c>
      <c r="Q18788">
        <v>52</v>
      </c>
      <c r="R18788">
        <v>53</v>
      </c>
      <c r="S18788">
        <v>54</v>
      </c>
      <c r="T18788">
        <v>55</v>
      </c>
      <c r="U18788">
        <v>57</v>
      </c>
      <c r="V18788">
        <v>58</v>
      </c>
      <c r="W18788">
        <v>59</v>
      </c>
      <c r="X18788">
        <v>60</v>
      </c>
      <c r="Y18788">
        <v>61</v>
      </c>
      <c r="Z18788">
        <v>62</v>
      </c>
      <c r="AA18788">
        <v>62</v>
      </c>
      <c r="AB18788">
        <v>63</v>
      </c>
      <c r="AC18788">
        <v>64</v>
      </c>
      <c r="AD18788">
        <v>65</v>
      </c>
      <c r="AE18788">
        <v>66</v>
      </c>
      <c r="AF18788">
        <v>66</v>
      </c>
      <c r="AG18788">
        <v>66</v>
      </c>
      <c r="AH18788">
        <v>66</v>
      </c>
      <c r="AI18788">
        <v>66</v>
      </c>
      <c r="AJ18788">
        <v>66</v>
      </c>
      <c r="AK18788">
        <v>66</v>
      </c>
      <c r="AL18788">
        <v>66</v>
      </c>
      <c r="AM18788">
        <v>66</v>
      </c>
      <c r="AN18788">
        <v>66</v>
      </c>
      <c r="AO18788">
        <v>66</v>
      </c>
      <c r="AP18788">
        <v>66</v>
      </c>
      <c r="AQ18788">
        <v>66</v>
      </c>
    </row>
    <row r="18789" spans="1:43">
      <c r="A18789" t="s">
        <v>11646</v>
      </c>
      <c r="B18789" t="s">
        <v>11647</v>
      </c>
      <c r="C18789" t="s">
        <v>11644</v>
      </c>
      <c r="D18789" t="s">
        <v>11645</v>
      </c>
      <c r="E18789" t="s">
        <v>11610</v>
      </c>
      <c r="F18789" t="s">
        <v>11611</v>
      </c>
      <c r="G18789" t="s">
        <v>11612</v>
      </c>
      <c r="H18789" t="s">
        <v>11613</v>
      </c>
      <c r="I18789" s="2">
        <v>0</v>
      </c>
      <c r="J18789" s="2">
        <v>0</v>
      </c>
      <c r="K18789" s="2">
        <v>1</v>
      </c>
      <c r="L18789" t="s">
        <v>995</v>
      </c>
      <c r="M18789" t="s">
        <v>83</v>
      </c>
      <c r="N18789" t="s">
        <v>91</v>
      </c>
      <c r="O18789" t="s">
        <v>85</v>
      </c>
      <c r="P18789" t="s">
        <v>86</v>
      </c>
      <c r="Q18789">
        <v>52</v>
      </c>
      <c r="R18789">
        <v>52</v>
      </c>
      <c r="S18789">
        <v>53</v>
      </c>
      <c r="T18789">
        <v>54</v>
      </c>
      <c r="U18789">
        <v>54</v>
      </c>
      <c r="V18789">
        <v>55</v>
      </c>
      <c r="W18789">
        <v>56</v>
      </c>
      <c r="X18789">
        <v>56</v>
      </c>
      <c r="Y18789">
        <v>57</v>
      </c>
      <c r="Z18789">
        <v>58</v>
      </c>
      <c r="AA18789">
        <v>59</v>
      </c>
      <c r="AB18789">
        <v>59</v>
      </c>
      <c r="AC18789">
        <v>60</v>
      </c>
      <c r="AD18789">
        <v>61</v>
      </c>
      <c r="AE18789">
        <v>61</v>
      </c>
      <c r="AF18789">
        <v>62</v>
      </c>
      <c r="AG18789">
        <v>63</v>
      </c>
      <c r="AH18789">
        <v>63</v>
      </c>
      <c r="AI18789">
        <v>64</v>
      </c>
      <c r="AJ18789">
        <v>64</v>
      </c>
      <c r="AK18789">
        <v>65</v>
      </c>
      <c r="AL18789">
        <v>65</v>
      </c>
      <c r="AM18789">
        <v>65</v>
      </c>
      <c r="AN18789">
        <v>65</v>
      </c>
      <c r="AO18789">
        <v>66</v>
      </c>
      <c r="AP18789">
        <v>66</v>
      </c>
      <c r="AQ18789">
        <v>66</v>
      </c>
    </row>
    <row r="18790" spans="1:43">
      <c r="A18790" t="s">
        <v>11648</v>
      </c>
      <c r="B18790" t="s">
        <v>11649</v>
      </c>
      <c r="C18790" t="s">
        <v>11650</v>
      </c>
      <c r="D18790" t="s">
        <v>11651</v>
      </c>
      <c r="E18790" t="s">
        <v>11610</v>
      </c>
      <c r="F18790" t="s">
        <v>11611</v>
      </c>
      <c r="G18790" t="s">
        <v>11612</v>
      </c>
      <c r="H18790" t="s">
        <v>11613</v>
      </c>
      <c r="I18790" s="2">
        <v>0</v>
      </c>
      <c r="J18790" s="2">
        <v>0</v>
      </c>
      <c r="K18790" s="2">
        <v>1</v>
      </c>
      <c r="L18790" t="s">
        <v>995</v>
      </c>
      <c r="M18790" t="s">
        <v>83</v>
      </c>
      <c r="N18790" t="s">
        <v>84</v>
      </c>
      <c r="O18790" t="s">
        <v>85</v>
      </c>
      <c r="P18790" t="s">
        <v>86</v>
      </c>
      <c r="Q18790">
        <v>90</v>
      </c>
      <c r="R18790">
        <v>92</v>
      </c>
      <c r="S18790">
        <v>93</v>
      </c>
      <c r="T18790">
        <v>94</v>
      </c>
      <c r="U18790">
        <v>95</v>
      </c>
      <c r="V18790">
        <v>96</v>
      </c>
      <c r="W18790">
        <v>98</v>
      </c>
      <c r="X18790">
        <v>99</v>
      </c>
      <c r="Y18790">
        <v>100</v>
      </c>
      <c r="Z18790">
        <v>101</v>
      </c>
      <c r="AA18790">
        <v>103</v>
      </c>
      <c r="AB18790">
        <v>104</v>
      </c>
      <c r="AC18790">
        <v>105</v>
      </c>
      <c r="AD18790">
        <v>106</v>
      </c>
      <c r="AE18790">
        <v>107</v>
      </c>
      <c r="AF18790">
        <v>108</v>
      </c>
      <c r="AG18790">
        <v>109</v>
      </c>
      <c r="AH18790">
        <v>110</v>
      </c>
      <c r="AI18790">
        <v>112</v>
      </c>
      <c r="AJ18790">
        <v>113</v>
      </c>
      <c r="AK18790">
        <v>114</v>
      </c>
      <c r="AL18790">
        <v>114</v>
      </c>
      <c r="AM18790">
        <v>114</v>
      </c>
      <c r="AN18790">
        <v>114</v>
      </c>
      <c r="AO18790">
        <v>115</v>
      </c>
      <c r="AP18790">
        <v>115</v>
      </c>
      <c r="AQ18790">
        <v>115</v>
      </c>
    </row>
    <row r="18791" spans="1:43">
      <c r="A18791" t="s">
        <v>11648</v>
      </c>
      <c r="B18791" t="s">
        <v>11649</v>
      </c>
      <c r="C18791" t="s">
        <v>11650</v>
      </c>
      <c r="D18791" t="s">
        <v>11651</v>
      </c>
      <c r="E18791" t="s">
        <v>11610</v>
      </c>
      <c r="F18791" t="s">
        <v>11611</v>
      </c>
      <c r="G18791" t="s">
        <v>11612</v>
      </c>
      <c r="H18791" t="s">
        <v>11613</v>
      </c>
      <c r="I18791" s="2">
        <v>0</v>
      </c>
      <c r="J18791" s="2">
        <v>0</v>
      </c>
      <c r="K18791" s="2">
        <v>1</v>
      </c>
      <c r="L18791" t="s">
        <v>995</v>
      </c>
      <c r="M18791" t="s">
        <v>87</v>
      </c>
      <c r="N18791" t="s">
        <v>88</v>
      </c>
      <c r="O18791" t="s">
        <v>85</v>
      </c>
      <c r="P18791" t="s">
        <v>86</v>
      </c>
      <c r="Q18791">
        <v>90</v>
      </c>
      <c r="R18791">
        <v>91</v>
      </c>
      <c r="S18791">
        <v>91</v>
      </c>
      <c r="T18791">
        <v>92</v>
      </c>
      <c r="U18791">
        <v>92</v>
      </c>
      <c r="V18791">
        <v>92</v>
      </c>
      <c r="W18791">
        <v>93</v>
      </c>
      <c r="X18791">
        <v>93</v>
      </c>
      <c r="Y18791">
        <v>94</v>
      </c>
      <c r="Z18791">
        <v>94</v>
      </c>
      <c r="AA18791">
        <v>94</v>
      </c>
      <c r="AB18791">
        <v>95</v>
      </c>
      <c r="AC18791">
        <v>95</v>
      </c>
      <c r="AD18791">
        <v>95</v>
      </c>
      <c r="AE18791">
        <v>96</v>
      </c>
      <c r="AF18791">
        <v>96</v>
      </c>
      <c r="AG18791">
        <v>97</v>
      </c>
      <c r="AH18791">
        <v>97</v>
      </c>
      <c r="AI18791">
        <v>97</v>
      </c>
      <c r="AJ18791">
        <v>98</v>
      </c>
      <c r="AK18791">
        <v>98</v>
      </c>
      <c r="AL18791">
        <v>99</v>
      </c>
      <c r="AM18791">
        <v>99</v>
      </c>
      <c r="AN18791">
        <v>99</v>
      </c>
      <c r="AO18791">
        <v>100</v>
      </c>
      <c r="AP18791">
        <v>100</v>
      </c>
      <c r="AQ18791">
        <v>100</v>
      </c>
    </row>
    <row r="18792" spans="1:43">
      <c r="A18792" t="s">
        <v>11648</v>
      </c>
      <c r="B18792" t="s">
        <v>11649</v>
      </c>
      <c r="C18792" t="s">
        <v>11650</v>
      </c>
      <c r="D18792" t="s">
        <v>11651</v>
      </c>
      <c r="E18792" t="s">
        <v>11610</v>
      </c>
      <c r="F18792" t="s">
        <v>11611</v>
      </c>
      <c r="G18792" t="s">
        <v>11612</v>
      </c>
      <c r="H18792" t="s">
        <v>11613</v>
      </c>
      <c r="I18792" s="2">
        <v>0</v>
      </c>
      <c r="J18792" s="2">
        <v>0</v>
      </c>
      <c r="K18792" s="2">
        <v>1</v>
      </c>
      <c r="L18792" t="s">
        <v>995</v>
      </c>
      <c r="M18792" t="s">
        <v>89</v>
      </c>
      <c r="N18792" t="s">
        <v>90</v>
      </c>
      <c r="O18792" t="s">
        <v>85</v>
      </c>
      <c r="P18792" t="s">
        <v>86</v>
      </c>
      <c r="Q18792">
        <v>90</v>
      </c>
      <c r="R18792">
        <v>92</v>
      </c>
      <c r="S18792">
        <v>94</v>
      </c>
      <c r="T18792">
        <v>96</v>
      </c>
      <c r="U18792">
        <v>98</v>
      </c>
      <c r="V18792">
        <v>100</v>
      </c>
      <c r="W18792">
        <v>102</v>
      </c>
      <c r="X18792">
        <v>103</v>
      </c>
      <c r="Y18792">
        <v>105</v>
      </c>
      <c r="Z18792">
        <v>107</v>
      </c>
      <c r="AA18792">
        <v>108</v>
      </c>
      <c r="AB18792">
        <v>110</v>
      </c>
      <c r="AC18792">
        <v>111</v>
      </c>
      <c r="AD18792">
        <v>113</v>
      </c>
      <c r="AE18792">
        <v>114</v>
      </c>
      <c r="AF18792">
        <v>114</v>
      </c>
      <c r="AG18792">
        <v>114</v>
      </c>
      <c r="AH18792">
        <v>114</v>
      </c>
      <c r="AI18792">
        <v>114</v>
      </c>
      <c r="AJ18792">
        <v>114</v>
      </c>
      <c r="AK18792">
        <v>114</v>
      </c>
      <c r="AL18792">
        <v>114</v>
      </c>
      <c r="AM18792">
        <v>115</v>
      </c>
      <c r="AN18792">
        <v>115</v>
      </c>
      <c r="AO18792">
        <v>115</v>
      </c>
      <c r="AP18792">
        <v>115</v>
      </c>
      <c r="AQ18792">
        <v>115</v>
      </c>
    </row>
    <row r="18793" spans="1:43">
      <c r="A18793" t="s">
        <v>11648</v>
      </c>
      <c r="B18793" t="s">
        <v>11649</v>
      </c>
      <c r="C18793" t="s">
        <v>11650</v>
      </c>
      <c r="D18793" t="s">
        <v>11651</v>
      </c>
      <c r="E18793" t="s">
        <v>11610</v>
      </c>
      <c r="F18793" t="s">
        <v>11611</v>
      </c>
      <c r="G18793" t="s">
        <v>11612</v>
      </c>
      <c r="H18793" t="s">
        <v>11613</v>
      </c>
      <c r="I18793" s="2">
        <v>0</v>
      </c>
      <c r="J18793" s="2">
        <v>0</v>
      </c>
      <c r="K18793" s="2">
        <v>1</v>
      </c>
      <c r="L18793" t="s">
        <v>995</v>
      </c>
      <c r="M18793" t="s">
        <v>83</v>
      </c>
      <c r="N18793" t="s">
        <v>91</v>
      </c>
      <c r="O18793" t="s">
        <v>85</v>
      </c>
      <c r="P18793" t="s">
        <v>86</v>
      </c>
      <c r="Q18793">
        <v>90</v>
      </c>
      <c r="R18793">
        <v>92</v>
      </c>
      <c r="S18793">
        <v>93</v>
      </c>
      <c r="T18793">
        <v>94</v>
      </c>
      <c r="U18793">
        <v>95</v>
      </c>
      <c r="V18793">
        <v>96</v>
      </c>
      <c r="W18793">
        <v>98</v>
      </c>
      <c r="X18793">
        <v>99</v>
      </c>
      <c r="Y18793">
        <v>100</v>
      </c>
      <c r="Z18793">
        <v>101</v>
      </c>
      <c r="AA18793">
        <v>103</v>
      </c>
      <c r="AB18793">
        <v>104</v>
      </c>
      <c r="AC18793">
        <v>105</v>
      </c>
      <c r="AD18793">
        <v>106</v>
      </c>
      <c r="AE18793">
        <v>107</v>
      </c>
      <c r="AF18793">
        <v>108</v>
      </c>
      <c r="AG18793">
        <v>109</v>
      </c>
      <c r="AH18793">
        <v>110</v>
      </c>
      <c r="AI18793">
        <v>112</v>
      </c>
      <c r="AJ18793">
        <v>113</v>
      </c>
      <c r="AK18793">
        <v>114</v>
      </c>
      <c r="AL18793">
        <v>114</v>
      </c>
      <c r="AM18793">
        <v>114</v>
      </c>
      <c r="AN18793">
        <v>114</v>
      </c>
      <c r="AO18793">
        <v>115</v>
      </c>
      <c r="AP18793">
        <v>115</v>
      </c>
      <c r="AQ18793">
        <v>115</v>
      </c>
    </row>
    <row r="18794" spans="1:43">
      <c r="A18794" t="s">
        <v>11652</v>
      </c>
      <c r="B18794" t="s">
        <v>11653</v>
      </c>
      <c r="C18794" t="s">
        <v>11654</v>
      </c>
      <c r="D18794" t="s">
        <v>11655</v>
      </c>
      <c r="E18794" t="s">
        <v>11610</v>
      </c>
      <c r="F18794" t="s">
        <v>11611</v>
      </c>
      <c r="G18794" t="s">
        <v>11612</v>
      </c>
      <c r="H18794" t="s">
        <v>11613</v>
      </c>
      <c r="I18794" s="2">
        <v>0</v>
      </c>
      <c r="J18794" s="2">
        <v>0</v>
      </c>
      <c r="K18794" s="2">
        <v>1</v>
      </c>
      <c r="L18794" t="s">
        <v>995</v>
      </c>
      <c r="M18794" t="s">
        <v>83</v>
      </c>
      <c r="N18794" t="s">
        <v>84</v>
      </c>
      <c r="O18794" t="s">
        <v>85</v>
      </c>
      <c r="P18794" t="s">
        <v>86</v>
      </c>
      <c r="Q18794">
        <v>28</v>
      </c>
      <c r="R18794">
        <v>28</v>
      </c>
      <c r="S18794">
        <v>28</v>
      </c>
      <c r="T18794">
        <v>29</v>
      </c>
      <c r="U18794">
        <v>29</v>
      </c>
      <c r="V18794">
        <v>30</v>
      </c>
      <c r="W18794">
        <v>30</v>
      </c>
      <c r="X18794">
        <v>30</v>
      </c>
      <c r="Y18794">
        <v>31</v>
      </c>
      <c r="Z18794">
        <v>31</v>
      </c>
      <c r="AA18794">
        <v>31</v>
      </c>
      <c r="AB18794">
        <v>32</v>
      </c>
      <c r="AC18794">
        <v>32</v>
      </c>
      <c r="AD18794">
        <v>32</v>
      </c>
      <c r="AE18794">
        <v>33</v>
      </c>
      <c r="AF18794">
        <v>33</v>
      </c>
      <c r="AG18794">
        <v>33</v>
      </c>
      <c r="AH18794">
        <v>34</v>
      </c>
      <c r="AI18794">
        <v>34</v>
      </c>
      <c r="AJ18794">
        <v>34</v>
      </c>
      <c r="AK18794">
        <v>35</v>
      </c>
      <c r="AL18794">
        <v>35</v>
      </c>
      <c r="AM18794">
        <v>35</v>
      </c>
      <c r="AN18794">
        <v>35</v>
      </c>
      <c r="AO18794">
        <v>35</v>
      </c>
      <c r="AP18794">
        <v>35</v>
      </c>
      <c r="AQ18794">
        <v>35</v>
      </c>
    </row>
    <row r="18795" spans="1:43">
      <c r="A18795" t="s">
        <v>11652</v>
      </c>
      <c r="B18795" t="s">
        <v>11653</v>
      </c>
      <c r="C18795" t="s">
        <v>11654</v>
      </c>
      <c r="D18795" t="s">
        <v>11655</v>
      </c>
      <c r="E18795" t="s">
        <v>11610</v>
      </c>
      <c r="F18795" t="s">
        <v>11611</v>
      </c>
      <c r="G18795" t="s">
        <v>11612</v>
      </c>
      <c r="H18795" t="s">
        <v>11613</v>
      </c>
      <c r="I18795" s="2">
        <v>0</v>
      </c>
      <c r="J18795" s="2">
        <v>0</v>
      </c>
      <c r="K18795" s="2">
        <v>1</v>
      </c>
      <c r="L18795" t="s">
        <v>995</v>
      </c>
      <c r="M18795" t="s">
        <v>87</v>
      </c>
      <c r="N18795" t="s">
        <v>88</v>
      </c>
      <c r="O18795" t="s">
        <v>85</v>
      </c>
      <c r="P18795" t="s">
        <v>86</v>
      </c>
      <c r="Q18795">
        <v>28</v>
      </c>
      <c r="R18795">
        <v>28</v>
      </c>
      <c r="S18795">
        <v>29</v>
      </c>
      <c r="T18795">
        <v>29</v>
      </c>
      <c r="U18795">
        <v>29</v>
      </c>
      <c r="V18795">
        <v>29</v>
      </c>
      <c r="W18795">
        <v>29</v>
      </c>
      <c r="X18795">
        <v>29</v>
      </c>
      <c r="Y18795">
        <v>29</v>
      </c>
      <c r="Z18795">
        <v>29</v>
      </c>
      <c r="AA18795">
        <v>30</v>
      </c>
      <c r="AB18795">
        <v>30</v>
      </c>
      <c r="AC18795">
        <v>30</v>
      </c>
      <c r="AD18795">
        <v>30</v>
      </c>
      <c r="AE18795">
        <v>30</v>
      </c>
      <c r="AF18795">
        <v>30</v>
      </c>
      <c r="AG18795">
        <v>30</v>
      </c>
      <c r="AH18795">
        <v>30</v>
      </c>
      <c r="AI18795">
        <v>31</v>
      </c>
      <c r="AJ18795">
        <v>31</v>
      </c>
      <c r="AK18795">
        <v>31</v>
      </c>
      <c r="AL18795">
        <v>31</v>
      </c>
      <c r="AM18795">
        <v>31</v>
      </c>
      <c r="AN18795">
        <v>31</v>
      </c>
      <c r="AO18795">
        <v>31</v>
      </c>
      <c r="AP18795">
        <v>31</v>
      </c>
      <c r="AQ18795">
        <v>31</v>
      </c>
    </row>
    <row r="18796" spans="1:43">
      <c r="A18796" t="s">
        <v>11652</v>
      </c>
      <c r="B18796" t="s">
        <v>11653</v>
      </c>
      <c r="C18796" t="s">
        <v>11654</v>
      </c>
      <c r="D18796" t="s">
        <v>11655</v>
      </c>
      <c r="E18796" t="s">
        <v>11610</v>
      </c>
      <c r="F18796" t="s">
        <v>11611</v>
      </c>
      <c r="G18796" t="s">
        <v>11612</v>
      </c>
      <c r="H18796" t="s">
        <v>11613</v>
      </c>
      <c r="I18796" s="2">
        <v>0</v>
      </c>
      <c r="J18796" s="2">
        <v>0</v>
      </c>
      <c r="K18796" s="2">
        <v>1</v>
      </c>
      <c r="L18796" t="s">
        <v>995</v>
      </c>
      <c r="M18796" t="s">
        <v>89</v>
      </c>
      <c r="N18796" t="s">
        <v>90</v>
      </c>
      <c r="O18796" t="s">
        <v>85</v>
      </c>
      <c r="P18796" t="s">
        <v>86</v>
      </c>
      <c r="Q18796">
        <v>28</v>
      </c>
      <c r="R18796">
        <v>29</v>
      </c>
      <c r="S18796">
        <v>29</v>
      </c>
      <c r="T18796">
        <v>30</v>
      </c>
      <c r="U18796">
        <v>30</v>
      </c>
      <c r="V18796">
        <v>31</v>
      </c>
      <c r="W18796">
        <v>31</v>
      </c>
      <c r="X18796">
        <v>32</v>
      </c>
      <c r="Y18796">
        <v>32</v>
      </c>
      <c r="Z18796">
        <v>33</v>
      </c>
      <c r="AA18796">
        <v>33</v>
      </c>
      <c r="AB18796">
        <v>34</v>
      </c>
      <c r="AC18796">
        <v>34</v>
      </c>
      <c r="AD18796">
        <v>35</v>
      </c>
      <c r="AE18796">
        <v>35</v>
      </c>
      <c r="AF18796">
        <v>35</v>
      </c>
      <c r="AG18796">
        <v>35</v>
      </c>
      <c r="AH18796">
        <v>35</v>
      </c>
      <c r="AI18796">
        <v>35</v>
      </c>
      <c r="AJ18796">
        <v>35</v>
      </c>
      <c r="AK18796">
        <v>35</v>
      </c>
      <c r="AL18796">
        <v>35</v>
      </c>
      <c r="AM18796">
        <v>35</v>
      </c>
      <c r="AN18796">
        <v>35</v>
      </c>
      <c r="AO18796">
        <v>35</v>
      </c>
      <c r="AP18796">
        <v>35</v>
      </c>
      <c r="AQ18796">
        <v>35</v>
      </c>
    </row>
    <row r="18797" spans="1:43">
      <c r="A18797" t="s">
        <v>11652</v>
      </c>
      <c r="B18797" t="s">
        <v>11653</v>
      </c>
      <c r="C18797" t="s">
        <v>11654</v>
      </c>
      <c r="D18797" t="s">
        <v>11655</v>
      </c>
      <c r="E18797" t="s">
        <v>11610</v>
      </c>
      <c r="F18797" t="s">
        <v>11611</v>
      </c>
      <c r="G18797" t="s">
        <v>11612</v>
      </c>
      <c r="H18797" t="s">
        <v>11613</v>
      </c>
      <c r="I18797" s="2">
        <v>0</v>
      </c>
      <c r="J18797" s="2">
        <v>0</v>
      </c>
      <c r="K18797" s="2">
        <v>1</v>
      </c>
      <c r="L18797" t="s">
        <v>995</v>
      </c>
      <c r="M18797" t="s">
        <v>83</v>
      </c>
      <c r="N18797" t="s">
        <v>91</v>
      </c>
      <c r="O18797" t="s">
        <v>85</v>
      </c>
      <c r="P18797" t="s">
        <v>86</v>
      </c>
      <c r="Q18797">
        <v>28</v>
      </c>
      <c r="R18797">
        <v>28</v>
      </c>
      <c r="S18797">
        <v>28</v>
      </c>
      <c r="T18797">
        <v>29</v>
      </c>
      <c r="U18797">
        <v>29</v>
      </c>
      <c r="V18797">
        <v>30</v>
      </c>
      <c r="W18797">
        <v>30</v>
      </c>
      <c r="X18797">
        <v>30</v>
      </c>
      <c r="Y18797">
        <v>31</v>
      </c>
      <c r="Z18797">
        <v>31</v>
      </c>
      <c r="AA18797">
        <v>31</v>
      </c>
      <c r="AB18797">
        <v>32</v>
      </c>
      <c r="AC18797">
        <v>32</v>
      </c>
      <c r="AD18797">
        <v>32</v>
      </c>
      <c r="AE18797">
        <v>33</v>
      </c>
      <c r="AF18797">
        <v>33</v>
      </c>
      <c r="AG18797">
        <v>33</v>
      </c>
      <c r="AH18797">
        <v>34</v>
      </c>
      <c r="AI18797">
        <v>34</v>
      </c>
      <c r="AJ18797">
        <v>34</v>
      </c>
      <c r="AK18797">
        <v>35</v>
      </c>
      <c r="AL18797">
        <v>35</v>
      </c>
      <c r="AM18797">
        <v>35</v>
      </c>
      <c r="AN18797">
        <v>35</v>
      </c>
      <c r="AO18797">
        <v>35</v>
      </c>
      <c r="AP18797">
        <v>35</v>
      </c>
      <c r="AQ18797">
        <v>35</v>
      </c>
    </row>
    <row r="18798" spans="1:43">
      <c r="A18798" t="s">
        <v>11656</v>
      </c>
      <c r="B18798" t="s">
        <v>11657</v>
      </c>
      <c r="C18798" t="s">
        <v>11654</v>
      </c>
      <c r="D18798" t="s">
        <v>11655</v>
      </c>
      <c r="E18798" t="s">
        <v>11610</v>
      </c>
      <c r="F18798" t="s">
        <v>11611</v>
      </c>
      <c r="G18798" t="s">
        <v>11612</v>
      </c>
      <c r="H18798" t="s">
        <v>11613</v>
      </c>
      <c r="I18798" s="2">
        <v>0</v>
      </c>
      <c r="J18798" s="2">
        <v>0</v>
      </c>
      <c r="K18798" s="2">
        <v>1</v>
      </c>
      <c r="L18798" t="s">
        <v>995</v>
      </c>
      <c r="M18798" t="s">
        <v>83</v>
      </c>
      <c r="N18798" t="s">
        <v>84</v>
      </c>
      <c r="O18798" t="s">
        <v>85</v>
      </c>
      <c r="P18798" t="s">
        <v>86</v>
      </c>
      <c r="Q18798">
        <v>3</v>
      </c>
      <c r="R18798">
        <v>3</v>
      </c>
      <c r="S18798">
        <v>3</v>
      </c>
      <c r="T18798">
        <v>3</v>
      </c>
      <c r="U18798">
        <v>3</v>
      </c>
      <c r="V18798">
        <v>3</v>
      </c>
      <c r="W18798">
        <v>3</v>
      </c>
      <c r="X18798">
        <v>3</v>
      </c>
      <c r="Y18798">
        <v>3</v>
      </c>
      <c r="Z18798">
        <v>4</v>
      </c>
      <c r="AA18798">
        <v>4</v>
      </c>
      <c r="AB18798">
        <v>4</v>
      </c>
      <c r="AC18798">
        <v>4</v>
      </c>
      <c r="AD18798">
        <v>4</v>
      </c>
      <c r="AE18798">
        <v>4</v>
      </c>
      <c r="AF18798">
        <v>4</v>
      </c>
      <c r="AG18798">
        <v>4</v>
      </c>
      <c r="AH18798">
        <v>4</v>
      </c>
      <c r="AI18798">
        <v>4</v>
      </c>
      <c r="AJ18798">
        <v>4</v>
      </c>
      <c r="AK18798">
        <v>4</v>
      </c>
      <c r="AL18798">
        <v>4</v>
      </c>
      <c r="AM18798">
        <v>4</v>
      </c>
      <c r="AN18798">
        <v>4</v>
      </c>
      <c r="AO18798">
        <v>4</v>
      </c>
      <c r="AP18798">
        <v>4</v>
      </c>
      <c r="AQ18798">
        <v>4</v>
      </c>
    </row>
    <row r="18799" spans="1:43">
      <c r="A18799" t="s">
        <v>11656</v>
      </c>
      <c r="B18799" t="s">
        <v>11657</v>
      </c>
      <c r="C18799" t="s">
        <v>11654</v>
      </c>
      <c r="D18799" t="s">
        <v>11655</v>
      </c>
      <c r="E18799" t="s">
        <v>11610</v>
      </c>
      <c r="F18799" t="s">
        <v>11611</v>
      </c>
      <c r="G18799" t="s">
        <v>11612</v>
      </c>
      <c r="H18799" t="s">
        <v>11613</v>
      </c>
      <c r="I18799" s="2">
        <v>0</v>
      </c>
      <c r="J18799" s="2">
        <v>0</v>
      </c>
      <c r="K18799" s="2">
        <v>1</v>
      </c>
      <c r="L18799" t="s">
        <v>995</v>
      </c>
      <c r="M18799" t="s">
        <v>87</v>
      </c>
      <c r="N18799" t="s">
        <v>88</v>
      </c>
      <c r="O18799" t="s">
        <v>85</v>
      </c>
      <c r="P18799" t="s">
        <v>86</v>
      </c>
      <c r="Q18799">
        <v>3</v>
      </c>
      <c r="R18799">
        <v>3</v>
      </c>
      <c r="S18799">
        <v>3</v>
      </c>
      <c r="T18799">
        <v>3</v>
      </c>
      <c r="U18799">
        <v>3</v>
      </c>
      <c r="V18799">
        <v>3</v>
      </c>
      <c r="W18799">
        <v>3</v>
      </c>
      <c r="X18799">
        <v>3</v>
      </c>
      <c r="Y18799">
        <v>3</v>
      </c>
      <c r="Z18799">
        <v>3</v>
      </c>
      <c r="AA18799">
        <v>3</v>
      </c>
      <c r="AB18799">
        <v>3</v>
      </c>
      <c r="AC18799">
        <v>3</v>
      </c>
      <c r="AD18799">
        <v>3</v>
      </c>
      <c r="AE18799">
        <v>3</v>
      </c>
      <c r="AF18799">
        <v>3</v>
      </c>
      <c r="AG18799">
        <v>3</v>
      </c>
      <c r="AH18799">
        <v>3</v>
      </c>
      <c r="AI18799">
        <v>3</v>
      </c>
      <c r="AJ18799">
        <v>3</v>
      </c>
      <c r="AK18799">
        <v>3</v>
      </c>
      <c r="AL18799">
        <v>3</v>
      </c>
      <c r="AM18799">
        <v>3</v>
      </c>
      <c r="AN18799">
        <v>3</v>
      </c>
      <c r="AO18799">
        <v>3</v>
      </c>
      <c r="AP18799">
        <v>3</v>
      </c>
      <c r="AQ18799">
        <v>3</v>
      </c>
    </row>
    <row r="18800" spans="1:43">
      <c r="A18800" t="s">
        <v>11656</v>
      </c>
      <c r="B18800" t="s">
        <v>11657</v>
      </c>
      <c r="C18800" t="s">
        <v>11654</v>
      </c>
      <c r="D18800" t="s">
        <v>11655</v>
      </c>
      <c r="E18800" t="s">
        <v>11610</v>
      </c>
      <c r="F18800" t="s">
        <v>11611</v>
      </c>
      <c r="G18800" t="s">
        <v>11612</v>
      </c>
      <c r="H18800" t="s">
        <v>11613</v>
      </c>
      <c r="I18800" s="2">
        <v>0</v>
      </c>
      <c r="J18800" s="2">
        <v>0</v>
      </c>
      <c r="K18800" s="2">
        <v>1</v>
      </c>
      <c r="L18800" t="s">
        <v>995</v>
      </c>
      <c r="M18800" t="s">
        <v>89</v>
      </c>
      <c r="N18800" t="s">
        <v>90</v>
      </c>
      <c r="O18800" t="s">
        <v>85</v>
      </c>
      <c r="P18800" t="s">
        <v>86</v>
      </c>
      <c r="Q18800">
        <v>3</v>
      </c>
      <c r="R18800">
        <v>3</v>
      </c>
      <c r="S18800">
        <v>3</v>
      </c>
      <c r="T18800">
        <v>3</v>
      </c>
      <c r="U18800">
        <v>3</v>
      </c>
      <c r="V18800">
        <v>4</v>
      </c>
      <c r="W18800">
        <v>4</v>
      </c>
      <c r="X18800">
        <v>4</v>
      </c>
      <c r="Y18800">
        <v>4</v>
      </c>
      <c r="Z18800">
        <v>4</v>
      </c>
      <c r="AA18800">
        <v>4</v>
      </c>
      <c r="AB18800">
        <v>4</v>
      </c>
      <c r="AC18800">
        <v>4</v>
      </c>
      <c r="AD18800">
        <v>4</v>
      </c>
      <c r="AE18800">
        <v>4</v>
      </c>
      <c r="AF18800">
        <v>4</v>
      </c>
      <c r="AG18800">
        <v>4</v>
      </c>
      <c r="AH18800">
        <v>4</v>
      </c>
      <c r="AI18800">
        <v>4</v>
      </c>
      <c r="AJ18800">
        <v>4</v>
      </c>
      <c r="AK18800">
        <v>4</v>
      </c>
      <c r="AL18800">
        <v>4</v>
      </c>
      <c r="AM18800">
        <v>4</v>
      </c>
      <c r="AN18800">
        <v>4</v>
      </c>
      <c r="AO18800">
        <v>4</v>
      </c>
      <c r="AP18800">
        <v>4</v>
      </c>
      <c r="AQ18800">
        <v>4</v>
      </c>
    </row>
    <row r="18801" spans="1:43">
      <c r="A18801" t="s">
        <v>11656</v>
      </c>
      <c r="B18801" t="s">
        <v>11657</v>
      </c>
      <c r="C18801" t="s">
        <v>11654</v>
      </c>
      <c r="D18801" t="s">
        <v>11655</v>
      </c>
      <c r="E18801" t="s">
        <v>11610</v>
      </c>
      <c r="F18801" t="s">
        <v>11611</v>
      </c>
      <c r="G18801" t="s">
        <v>11612</v>
      </c>
      <c r="H18801" t="s">
        <v>11613</v>
      </c>
      <c r="I18801" s="2">
        <v>0</v>
      </c>
      <c r="J18801" s="2">
        <v>0</v>
      </c>
      <c r="K18801" s="2">
        <v>1</v>
      </c>
      <c r="L18801" t="s">
        <v>995</v>
      </c>
      <c r="M18801" t="s">
        <v>83</v>
      </c>
      <c r="N18801" t="s">
        <v>91</v>
      </c>
      <c r="O18801" t="s">
        <v>85</v>
      </c>
      <c r="P18801" t="s">
        <v>86</v>
      </c>
      <c r="Q18801">
        <v>3</v>
      </c>
      <c r="R18801">
        <v>3</v>
      </c>
      <c r="S18801">
        <v>3</v>
      </c>
      <c r="T18801">
        <v>3</v>
      </c>
      <c r="U18801">
        <v>3</v>
      </c>
      <c r="V18801">
        <v>3</v>
      </c>
      <c r="W18801">
        <v>3</v>
      </c>
      <c r="X18801">
        <v>3</v>
      </c>
      <c r="Y18801">
        <v>3</v>
      </c>
      <c r="Z18801">
        <v>4</v>
      </c>
      <c r="AA18801">
        <v>4</v>
      </c>
      <c r="AB18801">
        <v>4</v>
      </c>
      <c r="AC18801">
        <v>4</v>
      </c>
      <c r="AD18801">
        <v>4</v>
      </c>
      <c r="AE18801">
        <v>4</v>
      </c>
      <c r="AF18801">
        <v>4</v>
      </c>
      <c r="AG18801">
        <v>4</v>
      </c>
      <c r="AH18801">
        <v>4</v>
      </c>
      <c r="AI18801">
        <v>4</v>
      </c>
      <c r="AJ18801">
        <v>4</v>
      </c>
      <c r="AK18801">
        <v>4</v>
      </c>
      <c r="AL18801">
        <v>4</v>
      </c>
      <c r="AM18801">
        <v>4</v>
      </c>
      <c r="AN18801">
        <v>4</v>
      </c>
      <c r="AO18801">
        <v>4</v>
      </c>
      <c r="AP18801">
        <v>4</v>
      </c>
      <c r="AQ18801">
        <v>4</v>
      </c>
    </row>
    <row r="18802" spans="1:43">
      <c r="A18802" t="s">
        <v>11658</v>
      </c>
      <c r="B18802" t="s">
        <v>11659</v>
      </c>
      <c r="C18802" t="s">
        <v>11654</v>
      </c>
      <c r="D18802" t="s">
        <v>11655</v>
      </c>
      <c r="E18802" t="s">
        <v>11610</v>
      </c>
      <c r="F18802" t="s">
        <v>11611</v>
      </c>
      <c r="G18802" t="s">
        <v>11612</v>
      </c>
      <c r="H18802" t="s">
        <v>11613</v>
      </c>
      <c r="I18802" s="2">
        <v>0</v>
      </c>
      <c r="J18802" s="2">
        <v>0</v>
      </c>
      <c r="K18802" s="2">
        <v>1</v>
      </c>
      <c r="L18802" t="s">
        <v>995</v>
      </c>
      <c r="M18802" t="s">
        <v>83</v>
      </c>
      <c r="N18802" t="s">
        <v>84</v>
      </c>
      <c r="O18802" t="s">
        <v>85</v>
      </c>
      <c r="P18802" t="s">
        <v>86</v>
      </c>
      <c r="Q18802">
        <v>32</v>
      </c>
      <c r="R18802">
        <v>32</v>
      </c>
      <c r="S18802">
        <v>33</v>
      </c>
      <c r="T18802">
        <v>33</v>
      </c>
      <c r="U18802">
        <v>34</v>
      </c>
      <c r="V18802">
        <v>34</v>
      </c>
      <c r="W18802">
        <v>34</v>
      </c>
      <c r="X18802">
        <v>35</v>
      </c>
      <c r="Y18802">
        <v>35</v>
      </c>
      <c r="Z18802">
        <v>36</v>
      </c>
      <c r="AA18802">
        <v>36</v>
      </c>
      <c r="AB18802">
        <v>37</v>
      </c>
      <c r="AC18802">
        <v>37</v>
      </c>
      <c r="AD18802">
        <v>37</v>
      </c>
      <c r="AE18802">
        <v>38</v>
      </c>
      <c r="AF18802">
        <v>38</v>
      </c>
      <c r="AG18802">
        <v>39</v>
      </c>
      <c r="AH18802">
        <v>39</v>
      </c>
      <c r="AI18802">
        <v>39</v>
      </c>
      <c r="AJ18802">
        <v>40</v>
      </c>
      <c r="AK18802">
        <v>40</v>
      </c>
      <c r="AL18802">
        <v>40</v>
      </c>
      <c r="AM18802">
        <v>40</v>
      </c>
      <c r="AN18802">
        <v>40</v>
      </c>
      <c r="AO18802">
        <v>40</v>
      </c>
      <c r="AP18802">
        <v>40</v>
      </c>
      <c r="AQ18802">
        <v>40</v>
      </c>
    </row>
    <row r="18803" spans="1:43">
      <c r="A18803" t="s">
        <v>11658</v>
      </c>
      <c r="B18803" t="s">
        <v>11659</v>
      </c>
      <c r="C18803" t="s">
        <v>11654</v>
      </c>
      <c r="D18803" t="s">
        <v>11655</v>
      </c>
      <c r="E18803" t="s">
        <v>11610</v>
      </c>
      <c r="F18803" t="s">
        <v>11611</v>
      </c>
      <c r="G18803" t="s">
        <v>11612</v>
      </c>
      <c r="H18803" t="s">
        <v>11613</v>
      </c>
      <c r="I18803" s="2">
        <v>0</v>
      </c>
      <c r="J18803" s="2">
        <v>0</v>
      </c>
      <c r="K18803" s="2">
        <v>1</v>
      </c>
      <c r="L18803" t="s">
        <v>995</v>
      </c>
      <c r="M18803" t="s">
        <v>87</v>
      </c>
      <c r="N18803" t="s">
        <v>88</v>
      </c>
      <c r="O18803" t="s">
        <v>85</v>
      </c>
      <c r="P18803" t="s">
        <v>86</v>
      </c>
      <c r="Q18803">
        <v>32</v>
      </c>
      <c r="R18803">
        <v>32</v>
      </c>
      <c r="S18803">
        <v>32</v>
      </c>
      <c r="T18803">
        <v>32</v>
      </c>
      <c r="U18803">
        <v>32</v>
      </c>
      <c r="V18803">
        <v>32</v>
      </c>
      <c r="W18803">
        <v>32</v>
      </c>
      <c r="X18803">
        <v>33</v>
      </c>
      <c r="Y18803">
        <v>33</v>
      </c>
      <c r="Z18803">
        <v>33</v>
      </c>
      <c r="AA18803">
        <v>33</v>
      </c>
      <c r="AB18803">
        <v>33</v>
      </c>
      <c r="AC18803">
        <v>33</v>
      </c>
      <c r="AD18803">
        <v>33</v>
      </c>
      <c r="AE18803">
        <v>33</v>
      </c>
      <c r="AF18803">
        <v>34</v>
      </c>
      <c r="AG18803">
        <v>34</v>
      </c>
      <c r="AH18803">
        <v>34</v>
      </c>
      <c r="AI18803">
        <v>34</v>
      </c>
      <c r="AJ18803">
        <v>34</v>
      </c>
      <c r="AK18803">
        <v>34</v>
      </c>
      <c r="AL18803">
        <v>34</v>
      </c>
      <c r="AM18803">
        <v>35</v>
      </c>
      <c r="AN18803">
        <v>35</v>
      </c>
      <c r="AO18803">
        <v>35</v>
      </c>
      <c r="AP18803">
        <v>35</v>
      </c>
      <c r="AQ18803">
        <v>35</v>
      </c>
    </row>
    <row r="18804" spans="1:43">
      <c r="A18804" t="s">
        <v>11658</v>
      </c>
      <c r="B18804" t="s">
        <v>11659</v>
      </c>
      <c r="C18804" t="s">
        <v>11654</v>
      </c>
      <c r="D18804" t="s">
        <v>11655</v>
      </c>
      <c r="E18804" t="s">
        <v>11610</v>
      </c>
      <c r="F18804" t="s">
        <v>11611</v>
      </c>
      <c r="G18804" t="s">
        <v>11612</v>
      </c>
      <c r="H18804" t="s">
        <v>11613</v>
      </c>
      <c r="I18804" s="2">
        <v>0</v>
      </c>
      <c r="J18804" s="2">
        <v>0</v>
      </c>
      <c r="K18804" s="2">
        <v>1</v>
      </c>
      <c r="L18804" t="s">
        <v>995</v>
      </c>
      <c r="M18804" t="s">
        <v>89</v>
      </c>
      <c r="N18804" t="s">
        <v>90</v>
      </c>
      <c r="O18804" t="s">
        <v>85</v>
      </c>
      <c r="P18804" t="s">
        <v>86</v>
      </c>
      <c r="Q18804">
        <v>32</v>
      </c>
      <c r="R18804">
        <v>33</v>
      </c>
      <c r="S18804">
        <v>34</v>
      </c>
      <c r="T18804">
        <v>34</v>
      </c>
      <c r="U18804">
        <v>35</v>
      </c>
      <c r="V18804">
        <v>36</v>
      </c>
      <c r="W18804">
        <v>36</v>
      </c>
      <c r="X18804">
        <v>37</v>
      </c>
      <c r="Y18804">
        <v>37</v>
      </c>
      <c r="Z18804">
        <v>38</v>
      </c>
      <c r="AA18804">
        <v>38</v>
      </c>
      <c r="AB18804">
        <v>39</v>
      </c>
      <c r="AC18804">
        <v>40</v>
      </c>
      <c r="AD18804">
        <v>40</v>
      </c>
      <c r="AE18804">
        <v>40</v>
      </c>
      <c r="AF18804">
        <v>40</v>
      </c>
      <c r="AG18804">
        <v>40</v>
      </c>
      <c r="AH18804">
        <v>41</v>
      </c>
      <c r="AI18804">
        <v>41</v>
      </c>
      <c r="AJ18804">
        <v>41</v>
      </c>
      <c r="AK18804">
        <v>41</v>
      </c>
      <c r="AL18804">
        <v>41</v>
      </c>
      <c r="AM18804">
        <v>41</v>
      </c>
      <c r="AN18804">
        <v>41</v>
      </c>
      <c r="AO18804">
        <v>41</v>
      </c>
      <c r="AP18804">
        <v>41</v>
      </c>
      <c r="AQ18804">
        <v>41</v>
      </c>
    </row>
    <row r="18805" spans="1:43">
      <c r="A18805" t="s">
        <v>11658</v>
      </c>
      <c r="B18805" t="s">
        <v>11659</v>
      </c>
      <c r="C18805" t="s">
        <v>11654</v>
      </c>
      <c r="D18805" t="s">
        <v>11655</v>
      </c>
      <c r="E18805" t="s">
        <v>11610</v>
      </c>
      <c r="F18805" t="s">
        <v>11611</v>
      </c>
      <c r="G18805" t="s">
        <v>11612</v>
      </c>
      <c r="H18805" t="s">
        <v>11613</v>
      </c>
      <c r="I18805" s="2">
        <v>0</v>
      </c>
      <c r="J18805" s="2">
        <v>0</v>
      </c>
      <c r="K18805" s="2">
        <v>1</v>
      </c>
      <c r="L18805" t="s">
        <v>995</v>
      </c>
      <c r="M18805" t="s">
        <v>83</v>
      </c>
      <c r="N18805" t="s">
        <v>91</v>
      </c>
      <c r="O18805" t="s">
        <v>85</v>
      </c>
      <c r="P18805" t="s">
        <v>86</v>
      </c>
      <c r="Q18805">
        <v>32</v>
      </c>
      <c r="R18805">
        <v>32</v>
      </c>
      <c r="S18805">
        <v>33</v>
      </c>
      <c r="T18805">
        <v>33</v>
      </c>
      <c r="U18805">
        <v>34</v>
      </c>
      <c r="V18805">
        <v>34</v>
      </c>
      <c r="W18805">
        <v>34</v>
      </c>
      <c r="X18805">
        <v>35</v>
      </c>
      <c r="Y18805">
        <v>35</v>
      </c>
      <c r="Z18805">
        <v>36</v>
      </c>
      <c r="AA18805">
        <v>36</v>
      </c>
      <c r="AB18805">
        <v>37</v>
      </c>
      <c r="AC18805">
        <v>37</v>
      </c>
      <c r="AD18805">
        <v>37</v>
      </c>
      <c r="AE18805">
        <v>38</v>
      </c>
      <c r="AF18805">
        <v>38</v>
      </c>
      <c r="AG18805">
        <v>39</v>
      </c>
      <c r="AH18805">
        <v>39</v>
      </c>
      <c r="AI18805">
        <v>39</v>
      </c>
      <c r="AJ18805">
        <v>40</v>
      </c>
      <c r="AK18805">
        <v>40</v>
      </c>
      <c r="AL18805">
        <v>40</v>
      </c>
      <c r="AM18805">
        <v>40</v>
      </c>
      <c r="AN18805">
        <v>40</v>
      </c>
      <c r="AO18805">
        <v>40</v>
      </c>
      <c r="AP18805">
        <v>40</v>
      </c>
      <c r="AQ18805">
        <v>40</v>
      </c>
    </row>
    <row r="18806" spans="1:43">
      <c r="A18806" t="s">
        <v>11660</v>
      </c>
      <c r="B18806" t="s">
        <v>11661</v>
      </c>
      <c r="C18806" t="s">
        <v>11654</v>
      </c>
      <c r="D18806" t="s">
        <v>11655</v>
      </c>
      <c r="E18806" t="s">
        <v>11610</v>
      </c>
      <c r="F18806" t="s">
        <v>11611</v>
      </c>
      <c r="G18806" t="s">
        <v>11612</v>
      </c>
      <c r="H18806" t="s">
        <v>11613</v>
      </c>
      <c r="I18806" s="2">
        <v>0</v>
      </c>
      <c r="J18806" s="2">
        <v>0</v>
      </c>
      <c r="K18806" s="2">
        <v>1</v>
      </c>
      <c r="L18806" t="s">
        <v>995</v>
      </c>
      <c r="M18806" t="s">
        <v>83</v>
      </c>
      <c r="N18806" t="s">
        <v>84</v>
      </c>
      <c r="O18806" t="s">
        <v>85</v>
      </c>
      <c r="P18806" t="s">
        <v>86</v>
      </c>
      <c r="Q18806">
        <v>13</v>
      </c>
      <c r="R18806">
        <v>13</v>
      </c>
      <c r="S18806">
        <v>13</v>
      </c>
      <c r="T18806">
        <v>13</v>
      </c>
      <c r="U18806">
        <v>13</v>
      </c>
      <c r="V18806">
        <v>14</v>
      </c>
      <c r="W18806">
        <v>14</v>
      </c>
      <c r="X18806">
        <v>14</v>
      </c>
      <c r="Y18806">
        <v>14</v>
      </c>
      <c r="Z18806">
        <v>14</v>
      </c>
      <c r="AA18806">
        <v>14</v>
      </c>
      <c r="AB18806">
        <v>15</v>
      </c>
      <c r="AC18806">
        <v>15</v>
      </c>
      <c r="AD18806">
        <v>15</v>
      </c>
      <c r="AE18806">
        <v>15</v>
      </c>
      <c r="AF18806">
        <v>15</v>
      </c>
      <c r="AG18806">
        <v>15</v>
      </c>
      <c r="AH18806">
        <v>16</v>
      </c>
      <c r="AI18806">
        <v>16</v>
      </c>
      <c r="AJ18806">
        <v>16</v>
      </c>
      <c r="AK18806">
        <v>16</v>
      </c>
      <c r="AL18806">
        <v>16</v>
      </c>
      <c r="AM18806">
        <v>16</v>
      </c>
      <c r="AN18806">
        <v>16</v>
      </c>
      <c r="AO18806">
        <v>16</v>
      </c>
      <c r="AP18806">
        <v>16</v>
      </c>
      <c r="AQ18806">
        <v>16</v>
      </c>
    </row>
    <row r="18807" spans="1:43">
      <c r="A18807" t="s">
        <v>11660</v>
      </c>
      <c r="B18807" t="s">
        <v>11661</v>
      </c>
      <c r="C18807" t="s">
        <v>11654</v>
      </c>
      <c r="D18807" t="s">
        <v>11655</v>
      </c>
      <c r="E18807" t="s">
        <v>11610</v>
      </c>
      <c r="F18807" t="s">
        <v>11611</v>
      </c>
      <c r="G18807" t="s">
        <v>11612</v>
      </c>
      <c r="H18807" t="s">
        <v>11613</v>
      </c>
      <c r="I18807" s="2">
        <v>0</v>
      </c>
      <c r="J18807" s="2">
        <v>0</v>
      </c>
      <c r="K18807" s="2">
        <v>1</v>
      </c>
      <c r="L18807" t="s">
        <v>995</v>
      </c>
      <c r="M18807" t="s">
        <v>87</v>
      </c>
      <c r="N18807" t="s">
        <v>88</v>
      </c>
      <c r="O18807" t="s">
        <v>85</v>
      </c>
      <c r="P18807" t="s">
        <v>86</v>
      </c>
      <c r="Q18807">
        <v>13</v>
      </c>
      <c r="R18807">
        <v>13</v>
      </c>
      <c r="S18807">
        <v>13</v>
      </c>
      <c r="T18807">
        <v>13</v>
      </c>
      <c r="U18807">
        <v>13</v>
      </c>
      <c r="V18807">
        <v>13</v>
      </c>
      <c r="W18807">
        <v>13</v>
      </c>
      <c r="X18807">
        <v>13</v>
      </c>
      <c r="Y18807">
        <v>13</v>
      </c>
      <c r="Z18807">
        <v>13</v>
      </c>
      <c r="AA18807">
        <v>13</v>
      </c>
      <c r="AB18807">
        <v>13</v>
      </c>
      <c r="AC18807">
        <v>13</v>
      </c>
      <c r="AD18807">
        <v>13</v>
      </c>
      <c r="AE18807">
        <v>13</v>
      </c>
      <c r="AF18807">
        <v>13</v>
      </c>
      <c r="AG18807">
        <v>13</v>
      </c>
      <c r="AH18807">
        <v>14</v>
      </c>
      <c r="AI18807">
        <v>14</v>
      </c>
      <c r="AJ18807">
        <v>14</v>
      </c>
      <c r="AK18807">
        <v>14</v>
      </c>
      <c r="AL18807">
        <v>14</v>
      </c>
      <c r="AM18807">
        <v>14</v>
      </c>
      <c r="AN18807">
        <v>14</v>
      </c>
      <c r="AO18807">
        <v>14</v>
      </c>
      <c r="AP18807">
        <v>14</v>
      </c>
      <c r="AQ18807">
        <v>14</v>
      </c>
    </row>
    <row r="18808" spans="1:43">
      <c r="A18808" t="s">
        <v>11660</v>
      </c>
      <c r="B18808" t="s">
        <v>11661</v>
      </c>
      <c r="C18808" t="s">
        <v>11654</v>
      </c>
      <c r="D18808" t="s">
        <v>11655</v>
      </c>
      <c r="E18808" t="s">
        <v>11610</v>
      </c>
      <c r="F18808" t="s">
        <v>11611</v>
      </c>
      <c r="G18808" t="s">
        <v>11612</v>
      </c>
      <c r="H18808" t="s">
        <v>11613</v>
      </c>
      <c r="I18808" s="2">
        <v>0</v>
      </c>
      <c r="J18808" s="2">
        <v>0</v>
      </c>
      <c r="K18808" s="2">
        <v>1</v>
      </c>
      <c r="L18808" t="s">
        <v>995</v>
      </c>
      <c r="M18808" t="s">
        <v>89</v>
      </c>
      <c r="N18808" t="s">
        <v>90</v>
      </c>
      <c r="O18808" t="s">
        <v>85</v>
      </c>
      <c r="P18808" t="s">
        <v>86</v>
      </c>
      <c r="Q18808">
        <v>13</v>
      </c>
      <c r="R18808">
        <v>13</v>
      </c>
      <c r="S18808">
        <v>13</v>
      </c>
      <c r="T18808">
        <v>14</v>
      </c>
      <c r="U18808">
        <v>14</v>
      </c>
      <c r="V18808">
        <v>14</v>
      </c>
      <c r="W18808">
        <v>14</v>
      </c>
      <c r="X18808">
        <v>15</v>
      </c>
      <c r="Y18808">
        <v>15</v>
      </c>
      <c r="Z18808">
        <v>15</v>
      </c>
      <c r="AA18808">
        <v>15</v>
      </c>
      <c r="AB18808">
        <v>16</v>
      </c>
      <c r="AC18808">
        <v>16</v>
      </c>
      <c r="AD18808">
        <v>16</v>
      </c>
      <c r="AE18808">
        <v>16</v>
      </c>
      <c r="AF18808">
        <v>16</v>
      </c>
      <c r="AG18808">
        <v>16</v>
      </c>
      <c r="AH18808">
        <v>16</v>
      </c>
      <c r="AI18808">
        <v>16</v>
      </c>
      <c r="AJ18808">
        <v>16</v>
      </c>
      <c r="AK18808">
        <v>16</v>
      </c>
      <c r="AL18808">
        <v>16</v>
      </c>
      <c r="AM18808">
        <v>16</v>
      </c>
      <c r="AN18808">
        <v>16</v>
      </c>
      <c r="AO18808">
        <v>16</v>
      </c>
      <c r="AP18808">
        <v>16</v>
      </c>
      <c r="AQ18808">
        <v>16</v>
      </c>
    </row>
    <row r="18809" spans="1:43">
      <c r="A18809" t="s">
        <v>11660</v>
      </c>
      <c r="B18809" t="s">
        <v>11661</v>
      </c>
      <c r="C18809" t="s">
        <v>11654</v>
      </c>
      <c r="D18809" t="s">
        <v>11655</v>
      </c>
      <c r="E18809" t="s">
        <v>11610</v>
      </c>
      <c r="F18809" t="s">
        <v>11611</v>
      </c>
      <c r="G18809" t="s">
        <v>11612</v>
      </c>
      <c r="H18809" t="s">
        <v>11613</v>
      </c>
      <c r="I18809" s="2">
        <v>0</v>
      </c>
      <c r="J18809" s="2">
        <v>0</v>
      </c>
      <c r="K18809" s="2">
        <v>1</v>
      </c>
      <c r="L18809" t="s">
        <v>995</v>
      </c>
      <c r="M18809" t="s">
        <v>83</v>
      </c>
      <c r="N18809" t="s">
        <v>91</v>
      </c>
      <c r="O18809" t="s">
        <v>85</v>
      </c>
      <c r="P18809" t="s">
        <v>86</v>
      </c>
      <c r="Q18809">
        <v>13</v>
      </c>
      <c r="R18809">
        <v>13</v>
      </c>
      <c r="S18809">
        <v>13</v>
      </c>
      <c r="T18809">
        <v>13</v>
      </c>
      <c r="U18809">
        <v>13</v>
      </c>
      <c r="V18809">
        <v>14</v>
      </c>
      <c r="W18809">
        <v>14</v>
      </c>
      <c r="X18809">
        <v>14</v>
      </c>
      <c r="Y18809">
        <v>14</v>
      </c>
      <c r="Z18809">
        <v>14</v>
      </c>
      <c r="AA18809">
        <v>14</v>
      </c>
      <c r="AB18809">
        <v>15</v>
      </c>
      <c r="AC18809">
        <v>15</v>
      </c>
      <c r="AD18809">
        <v>15</v>
      </c>
      <c r="AE18809">
        <v>15</v>
      </c>
      <c r="AF18809">
        <v>15</v>
      </c>
      <c r="AG18809">
        <v>15</v>
      </c>
      <c r="AH18809">
        <v>16</v>
      </c>
      <c r="AI18809">
        <v>16</v>
      </c>
      <c r="AJ18809">
        <v>16</v>
      </c>
      <c r="AK18809">
        <v>16</v>
      </c>
      <c r="AL18809">
        <v>16</v>
      </c>
      <c r="AM18809">
        <v>16</v>
      </c>
      <c r="AN18809">
        <v>16</v>
      </c>
      <c r="AO18809">
        <v>16</v>
      </c>
      <c r="AP18809">
        <v>16</v>
      </c>
      <c r="AQ18809">
        <v>16</v>
      </c>
    </row>
    <row r="18810" spans="1:43">
      <c r="A18810" t="s">
        <v>11662</v>
      </c>
      <c r="B18810" t="s">
        <v>11663</v>
      </c>
      <c r="C18810" t="s">
        <v>11654</v>
      </c>
      <c r="D18810" t="s">
        <v>11655</v>
      </c>
      <c r="E18810" t="s">
        <v>11610</v>
      </c>
      <c r="F18810" t="s">
        <v>11611</v>
      </c>
      <c r="G18810" t="s">
        <v>11612</v>
      </c>
      <c r="H18810" t="s">
        <v>11613</v>
      </c>
      <c r="I18810" s="2">
        <v>0</v>
      </c>
      <c r="J18810" s="2">
        <v>0</v>
      </c>
      <c r="K18810" s="2">
        <v>1</v>
      </c>
      <c r="L18810" t="s">
        <v>995</v>
      </c>
      <c r="M18810" t="s">
        <v>83</v>
      </c>
      <c r="N18810" t="s">
        <v>84</v>
      </c>
      <c r="O18810" t="s">
        <v>85</v>
      </c>
      <c r="P18810" t="s">
        <v>86</v>
      </c>
      <c r="Q18810">
        <v>5</v>
      </c>
      <c r="R18810">
        <v>5</v>
      </c>
      <c r="S18810">
        <v>5</v>
      </c>
      <c r="T18810">
        <v>5</v>
      </c>
      <c r="U18810">
        <v>5</v>
      </c>
      <c r="V18810">
        <v>6</v>
      </c>
      <c r="W18810">
        <v>6</v>
      </c>
      <c r="X18810">
        <v>6</v>
      </c>
      <c r="Y18810">
        <v>6</v>
      </c>
      <c r="Z18810">
        <v>6</v>
      </c>
      <c r="AA18810">
        <v>6</v>
      </c>
      <c r="AB18810">
        <v>6</v>
      </c>
      <c r="AC18810">
        <v>6</v>
      </c>
      <c r="AD18810">
        <v>6</v>
      </c>
      <c r="AE18810">
        <v>6</v>
      </c>
      <c r="AF18810">
        <v>6</v>
      </c>
      <c r="AG18810">
        <v>6</v>
      </c>
      <c r="AH18810">
        <v>6</v>
      </c>
      <c r="AI18810">
        <v>6</v>
      </c>
      <c r="AJ18810">
        <v>6</v>
      </c>
      <c r="AK18810">
        <v>7</v>
      </c>
      <c r="AL18810">
        <v>7</v>
      </c>
      <c r="AM18810">
        <v>7</v>
      </c>
      <c r="AN18810">
        <v>7</v>
      </c>
      <c r="AO18810">
        <v>7</v>
      </c>
      <c r="AP18810">
        <v>7</v>
      </c>
      <c r="AQ18810">
        <v>7</v>
      </c>
    </row>
    <row r="18811" spans="1:43">
      <c r="A18811" t="s">
        <v>11662</v>
      </c>
      <c r="B18811" t="s">
        <v>11663</v>
      </c>
      <c r="C18811" t="s">
        <v>11654</v>
      </c>
      <c r="D18811" t="s">
        <v>11655</v>
      </c>
      <c r="E18811" t="s">
        <v>11610</v>
      </c>
      <c r="F18811" t="s">
        <v>11611</v>
      </c>
      <c r="G18811" t="s">
        <v>11612</v>
      </c>
      <c r="H18811" t="s">
        <v>11613</v>
      </c>
      <c r="I18811" s="2">
        <v>0</v>
      </c>
      <c r="J18811" s="2">
        <v>0</v>
      </c>
      <c r="K18811" s="2">
        <v>1</v>
      </c>
      <c r="L18811" t="s">
        <v>995</v>
      </c>
      <c r="M18811" t="s">
        <v>87</v>
      </c>
      <c r="N18811" t="s">
        <v>88</v>
      </c>
      <c r="O18811" t="s">
        <v>85</v>
      </c>
      <c r="P18811" t="s">
        <v>86</v>
      </c>
      <c r="Q18811">
        <v>5</v>
      </c>
      <c r="R18811">
        <v>5</v>
      </c>
      <c r="S18811">
        <v>5</v>
      </c>
      <c r="T18811">
        <v>5</v>
      </c>
      <c r="U18811">
        <v>5</v>
      </c>
      <c r="V18811">
        <v>5</v>
      </c>
      <c r="W18811">
        <v>5</v>
      </c>
      <c r="X18811">
        <v>5</v>
      </c>
      <c r="Y18811">
        <v>5</v>
      </c>
      <c r="Z18811">
        <v>5</v>
      </c>
      <c r="AA18811">
        <v>5</v>
      </c>
      <c r="AB18811">
        <v>5</v>
      </c>
      <c r="AC18811">
        <v>5</v>
      </c>
      <c r="AD18811">
        <v>5</v>
      </c>
      <c r="AE18811">
        <v>5</v>
      </c>
      <c r="AF18811">
        <v>5</v>
      </c>
      <c r="AG18811">
        <v>6</v>
      </c>
      <c r="AH18811">
        <v>6</v>
      </c>
      <c r="AI18811">
        <v>6</v>
      </c>
      <c r="AJ18811">
        <v>6</v>
      </c>
      <c r="AK18811">
        <v>6</v>
      </c>
      <c r="AL18811">
        <v>6</v>
      </c>
      <c r="AM18811">
        <v>6</v>
      </c>
      <c r="AN18811">
        <v>6</v>
      </c>
      <c r="AO18811">
        <v>6</v>
      </c>
      <c r="AP18811">
        <v>6</v>
      </c>
      <c r="AQ18811">
        <v>6</v>
      </c>
    </row>
    <row r="18812" spans="1:43">
      <c r="A18812" t="s">
        <v>11662</v>
      </c>
      <c r="B18812" t="s">
        <v>11663</v>
      </c>
      <c r="C18812" t="s">
        <v>11654</v>
      </c>
      <c r="D18812" t="s">
        <v>11655</v>
      </c>
      <c r="E18812" t="s">
        <v>11610</v>
      </c>
      <c r="F18812" t="s">
        <v>11611</v>
      </c>
      <c r="G18812" t="s">
        <v>11612</v>
      </c>
      <c r="H18812" t="s">
        <v>11613</v>
      </c>
      <c r="I18812" s="2">
        <v>0</v>
      </c>
      <c r="J18812" s="2">
        <v>0</v>
      </c>
      <c r="K18812" s="2">
        <v>1</v>
      </c>
      <c r="L18812" t="s">
        <v>995</v>
      </c>
      <c r="M18812" t="s">
        <v>89</v>
      </c>
      <c r="N18812" t="s">
        <v>90</v>
      </c>
      <c r="O18812" t="s">
        <v>85</v>
      </c>
      <c r="P18812" t="s">
        <v>86</v>
      </c>
      <c r="Q18812">
        <v>5</v>
      </c>
      <c r="R18812">
        <v>5</v>
      </c>
      <c r="S18812">
        <v>5</v>
      </c>
      <c r="T18812">
        <v>6</v>
      </c>
      <c r="U18812">
        <v>6</v>
      </c>
      <c r="V18812">
        <v>6</v>
      </c>
      <c r="W18812">
        <v>6</v>
      </c>
      <c r="X18812">
        <v>6</v>
      </c>
      <c r="Y18812">
        <v>6</v>
      </c>
      <c r="Z18812">
        <v>6</v>
      </c>
      <c r="AA18812">
        <v>6</v>
      </c>
      <c r="AB18812">
        <v>6</v>
      </c>
      <c r="AC18812">
        <v>6</v>
      </c>
      <c r="AD18812">
        <v>7</v>
      </c>
      <c r="AE18812">
        <v>7</v>
      </c>
      <c r="AF18812">
        <v>7</v>
      </c>
      <c r="AG18812">
        <v>7</v>
      </c>
      <c r="AH18812">
        <v>7</v>
      </c>
      <c r="AI18812">
        <v>7</v>
      </c>
      <c r="AJ18812">
        <v>7</v>
      </c>
      <c r="AK18812">
        <v>7</v>
      </c>
      <c r="AL18812">
        <v>7</v>
      </c>
      <c r="AM18812">
        <v>7</v>
      </c>
      <c r="AN18812">
        <v>7</v>
      </c>
      <c r="AO18812">
        <v>7</v>
      </c>
      <c r="AP18812">
        <v>7</v>
      </c>
      <c r="AQ18812">
        <v>7</v>
      </c>
    </row>
    <row r="18813" spans="1:43">
      <c r="A18813" t="s">
        <v>11662</v>
      </c>
      <c r="B18813" t="s">
        <v>11663</v>
      </c>
      <c r="C18813" t="s">
        <v>11654</v>
      </c>
      <c r="D18813" t="s">
        <v>11655</v>
      </c>
      <c r="E18813" t="s">
        <v>11610</v>
      </c>
      <c r="F18813" t="s">
        <v>11611</v>
      </c>
      <c r="G18813" t="s">
        <v>11612</v>
      </c>
      <c r="H18813" t="s">
        <v>11613</v>
      </c>
      <c r="I18813" s="2">
        <v>0</v>
      </c>
      <c r="J18813" s="2">
        <v>0</v>
      </c>
      <c r="K18813" s="2">
        <v>1</v>
      </c>
      <c r="L18813" t="s">
        <v>995</v>
      </c>
      <c r="M18813" t="s">
        <v>83</v>
      </c>
      <c r="N18813" t="s">
        <v>91</v>
      </c>
      <c r="O18813" t="s">
        <v>85</v>
      </c>
      <c r="P18813" t="s">
        <v>86</v>
      </c>
      <c r="Q18813">
        <v>5</v>
      </c>
      <c r="R18813">
        <v>5</v>
      </c>
      <c r="S18813">
        <v>5</v>
      </c>
      <c r="T18813">
        <v>5</v>
      </c>
      <c r="U18813">
        <v>5</v>
      </c>
      <c r="V18813">
        <v>6</v>
      </c>
      <c r="W18813">
        <v>6</v>
      </c>
      <c r="X18813">
        <v>6</v>
      </c>
      <c r="Y18813">
        <v>6</v>
      </c>
      <c r="Z18813">
        <v>6</v>
      </c>
      <c r="AA18813">
        <v>6</v>
      </c>
      <c r="AB18813">
        <v>6</v>
      </c>
      <c r="AC18813">
        <v>6</v>
      </c>
      <c r="AD18813">
        <v>6</v>
      </c>
      <c r="AE18813">
        <v>6</v>
      </c>
      <c r="AF18813">
        <v>6</v>
      </c>
      <c r="AG18813">
        <v>6</v>
      </c>
      <c r="AH18813">
        <v>6</v>
      </c>
      <c r="AI18813">
        <v>6</v>
      </c>
      <c r="AJ18813">
        <v>6</v>
      </c>
      <c r="AK18813">
        <v>7</v>
      </c>
      <c r="AL18813">
        <v>7</v>
      </c>
      <c r="AM18813">
        <v>7</v>
      </c>
      <c r="AN18813">
        <v>7</v>
      </c>
      <c r="AO18813">
        <v>7</v>
      </c>
      <c r="AP18813">
        <v>7</v>
      </c>
      <c r="AQ18813">
        <v>7</v>
      </c>
    </row>
    <row r="18814" spans="1:43">
      <c r="A18814" t="s">
        <v>11664</v>
      </c>
      <c r="B18814" t="s">
        <v>11665</v>
      </c>
      <c r="C18814" t="s">
        <v>11650</v>
      </c>
      <c r="D18814" t="s">
        <v>11651</v>
      </c>
      <c r="E18814" t="s">
        <v>11610</v>
      </c>
      <c r="F18814" t="s">
        <v>11611</v>
      </c>
      <c r="G18814" t="s">
        <v>11612</v>
      </c>
      <c r="H18814" t="s">
        <v>11613</v>
      </c>
      <c r="I18814" s="2">
        <v>0</v>
      </c>
      <c r="J18814" s="2">
        <v>0</v>
      </c>
      <c r="K18814" s="2">
        <v>1</v>
      </c>
      <c r="L18814" t="s">
        <v>995</v>
      </c>
      <c r="M18814" t="s">
        <v>83</v>
      </c>
      <c r="N18814" t="s">
        <v>84</v>
      </c>
      <c r="O18814" t="s">
        <v>85</v>
      </c>
      <c r="P18814" t="s">
        <v>86</v>
      </c>
      <c r="Q18814">
        <v>6</v>
      </c>
      <c r="R18814">
        <v>7</v>
      </c>
      <c r="S18814">
        <v>7</v>
      </c>
      <c r="T18814">
        <v>7</v>
      </c>
      <c r="U18814">
        <v>7</v>
      </c>
      <c r="V18814">
        <v>7</v>
      </c>
      <c r="W18814">
        <v>7</v>
      </c>
      <c r="X18814">
        <v>7</v>
      </c>
      <c r="Y18814">
        <v>7</v>
      </c>
      <c r="Z18814">
        <v>7</v>
      </c>
      <c r="AA18814">
        <v>7</v>
      </c>
      <c r="AB18814">
        <v>7</v>
      </c>
      <c r="AC18814">
        <v>8</v>
      </c>
      <c r="AD18814">
        <v>8</v>
      </c>
      <c r="AE18814">
        <v>8</v>
      </c>
      <c r="AF18814">
        <v>8</v>
      </c>
      <c r="AG18814">
        <v>8</v>
      </c>
      <c r="AH18814">
        <v>8</v>
      </c>
      <c r="AI18814">
        <v>8</v>
      </c>
      <c r="AJ18814">
        <v>8</v>
      </c>
      <c r="AK18814">
        <v>8</v>
      </c>
      <c r="AL18814">
        <v>8</v>
      </c>
      <c r="AM18814">
        <v>8</v>
      </c>
      <c r="AN18814">
        <v>8</v>
      </c>
      <c r="AO18814">
        <v>8</v>
      </c>
      <c r="AP18814">
        <v>8</v>
      </c>
      <c r="AQ18814">
        <v>8</v>
      </c>
    </row>
    <row r="18815" spans="1:43">
      <c r="A18815" t="s">
        <v>11664</v>
      </c>
      <c r="B18815" t="s">
        <v>11665</v>
      </c>
      <c r="C18815" t="s">
        <v>11650</v>
      </c>
      <c r="D18815" t="s">
        <v>11651</v>
      </c>
      <c r="E18815" t="s">
        <v>11610</v>
      </c>
      <c r="F18815" t="s">
        <v>11611</v>
      </c>
      <c r="G18815" t="s">
        <v>11612</v>
      </c>
      <c r="H18815" t="s">
        <v>11613</v>
      </c>
      <c r="I18815" s="2">
        <v>0</v>
      </c>
      <c r="J18815" s="2">
        <v>0</v>
      </c>
      <c r="K18815" s="2">
        <v>1</v>
      </c>
      <c r="L18815" t="s">
        <v>995</v>
      </c>
      <c r="M18815" t="s">
        <v>87</v>
      </c>
      <c r="N18815" t="s">
        <v>88</v>
      </c>
      <c r="O18815" t="s">
        <v>85</v>
      </c>
      <c r="P18815" t="s">
        <v>86</v>
      </c>
      <c r="Q18815">
        <v>6</v>
      </c>
      <c r="R18815">
        <v>6</v>
      </c>
      <c r="S18815">
        <v>6</v>
      </c>
      <c r="T18815">
        <v>7</v>
      </c>
      <c r="U18815">
        <v>7</v>
      </c>
      <c r="V18815">
        <v>7</v>
      </c>
      <c r="W18815">
        <v>7</v>
      </c>
      <c r="X18815">
        <v>7</v>
      </c>
      <c r="Y18815">
        <v>7</v>
      </c>
      <c r="Z18815">
        <v>7</v>
      </c>
      <c r="AA18815">
        <v>7</v>
      </c>
      <c r="AB18815">
        <v>7</v>
      </c>
      <c r="AC18815">
        <v>7</v>
      </c>
      <c r="AD18815">
        <v>7</v>
      </c>
      <c r="AE18815">
        <v>7</v>
      </c>
      <c r="AF18815">
        <v>7</v>
      </c>
      <c r="AG18815">
        <v>7</v>
      </c>
      <c r="AH18815">
        <v>7</v>
      </c>
      <c r="AI18815">
        <v>7</v>
      </c>
      <c r="AJ18815">
        <v>7</v>
      </c>
      <c r="AK18815">
        <v>7</v>
      </c>
      <c r="AL18815">
        <v>7</v>
      </c>
      <c r="AM18815">
        <v>7</v>
      </c>
      <c r="AN18815">
        <v>7</v>
      </c>
      <c r="AO18815">
        <v>7</v>
      </c>
      <c r="AP18815">
        <v>7</v>
      </c>
      <c r="AQ18815">
        <v>7</v>
      </c>
    </row>
    <row r="18816" spans="1:43">
      <c r="A18816" t="s">
        <v>11664</v>
      </c>
      <c r="B18816" t="s">
        <v>11665</v>
      </c>
      <c r="C18816" t="s">
        <v>11650</v>
      </c>
      <c r="D18816" t="s">
        <v>11651</v>
      </c>
      <c r="E18816" t="s">
        <v>11610</v>
      </c>
      <c r="F18816" t="s">
        <v>11611</v>
      </c>
      <c r="G18816" t="s">
        <v>11612</v>
      </c>
      <c r="H18816" t="s">
        <v>11613</v>
      </c>
      <c r="I18816" s="2">
        <v>0</v>
      </c>
      <c r="J18816" s="2">
        <v>0</v>
      </c>
      <c r="K18816" s="2">
        <v>1</v>
      </c>
      <c r="L18816" t="s">
        <v>995</v>
      </c>
      <c r="M18816" t="s">
        <v>89</v>
      </c>
      <c r="N18816" t="s">
        <v>90</v>
      </c>
      <c r="O18816" t="s">
        <v>85</v>
      </c>
      <c r="P18816" t="s">
        <v>86</v>
      </c>
      <c r="Q18816">
        <v>6</v>
      </c>
      <c r="R18816">
        <v>6</v>
      </c>
      <c r="S18816">
        <v>6</v>
      </c>
      <c r="T18816">
        <v>6</v>
      </c>
      <c r="U18816">
        <v>6</v>
      </c>
      <c r="V18816">
        <v>6</v>
      </c>
      <c r="W18816">
        <v>6</v>
      </c>
      <c r="X18816">
        <v>6</v>
      </c>
      <c r="Y18816">
        <v>7</v>
      </c>
      <c r="Z18816">
        <v>7</v>
      </c>
      <c r="AA18816">
        <v>7</v>
      </c>
      <c r="AB18816">
        <v>7</v>
      </c>
      <c r="AC18816">
        <v>7</v>
      </c>
      <c r="AD18816">
        <v>7</v>
      </c>
      <c r="AE18816">
        <v>7</v>
      </c>
      <c r="AF18816">
        <v>7</v>
      </c>
      <c r="AG18816">
        <v>7</v>
      </c>
      <c r="AH18816">
        <v>7</v>
      </c>
      <c r="AI18816">
        <v>7</v>
      </c>
      <c r="AJ18816">
        <v>7</v>
      </c>
      <c r="AK18816">
        <v>7</v>
      </c>
      <c r="AL18816">
        <v>7</v>
      </c>
      <c r="AM18816">
        <v>7</v>
      </c>
      <c r="AN18816">
        <v>7</v>
      </c>
      <c r="AO18816">
        <v>7</v>
      </c>
      <c r="AP18816">
        <v>7</v>
      </c>
      <c r="AQ18816">
        <v>7</v>
      </c>
    </row>
    <row r="18817" spans="1:43">
      <c r="A18817" t="s">
        <v>11664</v>
      </c>
      <c r="B18817" t="s">
        <v>11665</v>
      </c>
      <c r="C18817" t="s">
        <v>11650</v>
      </c>
      <c r="D18817" t="s">
        <v>11651</v>
      </c>
      <c r="E18817" t="s">
        <v>11610</v>
      </c>
      <c r="F18817" t="s">
        <v>11611</v>
      </c>
      <c r="G18817" t="s">
        <v>11612</v>
      </c>
      <c r="H18817" t="s">
        <v>11613</v>
      </c>
      <c r="I18817" s="2">
        <v>0</v>
      </c>
      <c r="J18817" s="2">
        <v>0</v>
      </c>
      <c r="K18817" s="2">
        <v>1</v>
      </c>
      <c r="L18817" t="s">
        <v>995</v>
      </c>
      <c r="M18817" t="s">
        <v>83</v>
      </c>
      <c r="N18817" t="s">
        <v>91</v>
      </c>
      <c r="O18817" t="s">
        <v>85</v>
      </c>
      <c r="P18817" t="s">
        <v>86</v>
      </c>
      <c r="Q18817">
        <v>6</v>
      </c>
      <c r="R18817">
        <v>7</v>
      </c>
      <c r="S18817">
        <v>7</v>
      </c>
      <c r="T18817">
        <v>7</v>
      </c>
      <c r="U18817">
        <v>7</v>
      </c>
      <c r="V18817">
        <v>7</v>
      </c>
      <c r="W18817">
        <v>7</v>
      </c>
      <c r="X18817">
        <v>7</v>
      </c>
      <c r="Y18817">
        <v>7</v>
      </c>
      <c r="Z18817">
        <v>7</v>
      </c>
      <c r="AA18817">
        <v>7</v>
      </c>
      <c r="AB18817">
        <v>7</v>
      </c>
      <c r="AC18817">
        <v>8</v>
      </c>
      <c r="AD18817">
        <v>8</v>
      </c>
      <c r="AE18817">
        <v>8</v>
      </c>
      <c r="AF18817">
        <v>8</v>
      </c>
      <c r="AG18817">
        <v>8</v>
      </c>
      <c r="AH18817">
        <v>8</v>
      </c>
      <c r="AI18817">
        <v>8</v>
      </c>
      <c r="AJ18817">
        <v>8</v>
      </c>
      <c r="AK18817">
        <v>8</v>
      </c>
      <c r="AL18817">
        <v>8</v>
      </c>
      <c r="AM18817">
        <v>8</v>
      </c>
      <c r="AN18817">
        <v>8</v>
      </c>
      <c r="AO18817">
        <v>8</v>
      </c>
      <c r="AP18817">
        <v>8</v>
      </c>
      <c r="AQ18817">
        <v>8</v>
      </c>
    </row>
    <row r="18818" spans="1:43">
      <c r="A18818" t="s">
        <v>11666</v>
      </c>
      <c r="B18818" t="s">
        <v>11667</v>
      </c>
      <c r="C18818" t="s">
        <v>11668</v>
      </c>
      <c r="D18818" t="s">
        <v>11669</v>
      </c>
      <c r="E18818" t="s">
        <v>11610</v>
      </c>
      <c r="F18818" t="s">
        <v>11611</v>
      </c>
      <c r="G18818" t="s">
        <v>11612</v>
      </c>
      <c r="H18818" t="s">
        <v>11613</v>
      </c>
      <c r="I18818" s="2">
        <v>0</v>
      </c>
      <c r="J18818" s="2">
        <v>0</v>
      </c>
      <c r="K18818" s="2">
        <v>1</v>
      </c>
      <c r="L18818" t="s">
        <v>995</v>
      </c>
      <c r="M18818" t="s">
        <v>83</v>
      </c>
      <c r="N18818" t="s">
        <v>84</v>
      </c>
      <c r="O18818" t="s">
        <v>85</v>
      </c>
      <c r="P18818" t="s">
        <v>86</v>
      </c>
      <c r="Q18818">
        <v>40</v>
      </c>
      <c r="R18818">
        <v>40</v>
      </c>
      <c r="S18818">
        <v>41</v>
      </c>
      <c r="T18818">
        <v>41</v>
      </c>
      <c r="U18818">
        <v>42</v>
      </c>
      <c r="V18818">
        <v>42</v>
      </c>
      <c r="W18818">
        <v>43</v>
      </c>
      <c r="X18818">
        <v>43</v>
      </c>
      <c r="Y18818">
        <v>44</v>
      </c>
      <c r="Z18818">
        <v>44</v>
      </c>
      <c r="AA18818">
        <v>45</v>
      </c>
      <c r="AB18818">
        <v>45</v>
      </c>
      <c r="AC18818">
        <v>46</v>
      </c>
      <c r="AD18818">
        <v>46</v>
      </c>
      <c r="AE18818">
        <v>47</v>
      </c>
      <c r="AF18818">
        <v>47</v>
      </c>
      <c r="AG18818">
        <v>48</v>
      </c>
      <c r="AH18818">
        <v>48</v>
      </c>
      <c r="AI18818">
        <v>49</v>
      </c>
      <c r="AJ18818">
        <v>49</v>
      </c>
      <c r="AK18818">
        <v>50</v>
      </c>
      <c r="AL18818">
        <v>50</v>
      </c>
      <c r="AM18818">
        <v>50</v>
      </c>
      <c r="AN18818">
        <v>50</v>
      </c>
      <c r="AO18818">
        <v>50</v>
      </c>
      <c r="AP18818">
        <v>50</v>
      </c>
      <c r="AQ18818">
        <v>50</v>
      </c>
    </row>
    <row r="18819" spans="1:43">
      <c r="A18819" t="s">
        <v>11666</v>
      </c>
      <c r="B18819" t="s">
        <v>11667</v>
      </c>
      <c r="C18819" t="s">
        <v>11668</v>
      </c>
      <c r="D18819" t="s">
        <v>11669</v>
      </c>
      <c r="E18819" t="s">
        <v>11610</v>
      </c>
      <c r="F18819" t="s">
        <v>11611</v>
      </c>
      <c r="G18819" t="s">
        <v>11612</v>
      </c>
      <c r="H18819" t="s">
        <v>11613</v>
      </c>
      <c r="I18819" s="2">
        <v>0</v>
      </c>
      <c r="J18819" s="2">
        <v>0</v>
      </c>
      <c r="K18819" s="2">
        <v>1</v>
      </c>
      <c r="L18819" t="s">
        <v>995</v>
      </c>
      <c r="M18819" t="s">
        <v>87</v>
      </c>
      <c r="N18819" t="s">
        <v>88</v>
      </c>
      <c r="O18819" t="s">
        <v>85</v>
      </c>
      <c r="P18819" t="s">
        <v>86</v>
      </c>
      <c r="Q18819">
        <v>40</v>
      </c>
      <c r="R18819">
        <v>40</v>
      </c>
      <c r="S18819">
        <v>41</v>
      </c>
      <c r="T18819">
        <v>41</v>
      </c>
      <c r="U18819">
        <v>41</v>
      </c>
      <c r="V18819">
        <v>41</v>
      </c>
      <c r="W18819">
        <v>41</v>
      </c>
      <c r="X18819">
        <v>41</v>
      </c>
      <c r="Y18819">
        <v>42</v>
      </c>
      <c r="Z18819">
        <v>42</v>
      </c>
      <c r="AA18819">
        <v>42</v>
      </c>
      <c r="AB18819">
        <v>42</v>
      </c>
      <c r="AC18819">
        <v>42</v>
      </c>
      <c r="AD18819">
        <v>42</v>
      </c>
      <c r="AE18819">
        <v>43</v>
      </c>
      <c r="AF18819">
        <v>43</v>
      </c>
      <c r="AG18819">
        <v>43</v>
      </c>
      <c r="AH18819">
        <v>43</v>
      </c>
      <c r="AI18819">
        <v>43</v>
      </c>
      <c r="AJ18819">
        <v>43</v>
      </c>
      <c r="AK18819">
        <v>44</v>
      </c>
      <c r="AL18819">
        <v>44</v>
      </c>
      <c r="AM18819">
        <v>44</v>
      </c>
      <c r="AN18819">
        <v>44</v>
      </c>
      <c r="AO18819">
        <v>44</v>
      </c>
      <c r="AP18819">
        <v>44</v>
      </c>
      <c r="AQ18819">
        <v>45</v>
      </c>
    </row>
    <row r="18820" spans="1:43">
      <c r="A18820" t="s">
        <v>11666</v>
      </c>
      <c r="B18820" t="s">
        <v>11667</v>
      </c>
      <c r="C18820" t="s">
        <v>11668</v>
      </c>
      <c r="D18820" t="s">
        <v>11669</v>
      </c>
      <c r="E18820" t="s">
        <v>11610</v>
      </c>
      <c r="F18820" t="s">
        <v>11611</v>
      </c>
      <c r="G18820" t="s">
        <v>11612</v>
      </c>
      <c r="H18820" t="s">
        <v>11613</v>
      </c>
      <c r="I18820" s="2">
        <v>0</v>
      </c>
      <c r="J18820" s="2">
        <v>0</v>
      </c>
      <c r="K18820" s="2">
        <v>1</v>
      </c>
      <c r="L18820" t="s">
        <v>995</v>
      </c>
      <c r="M18820" t="s">
        <v>89</v>
      </c>
      <c r="N18820" t="s">
        <v>90</v>
      </c>
      <c r="O18820" t="s">
        <v>85</v>
      </c>
      <c r="P18820" t="s">
        <v>86</v>
      </c>
      <c r="Q18820">
        <v>40</v>
      </c>
      <c r="R18820">
        <v>41</v>
      </c>
      <c r="S18820">
        <v>42</v>
      </c>
      <c r="T18820">
        <v>43</v>
      </c>
      <c r="U18820">
        <v>43</v>
      </c>
      <c r="V18820">
        <v>44</v>
      </c>
      <c r="W18820">
        <v>45</v>
      </c>
      <c r="X18820">
        <v>46</v>
      </c>
      <c r="Y18820">
        <v>46</v>
      </c>
      <c r="Z18820">
        <v>47</v>
      </c>
      <c r="AA18820">
        <v>48</v>
      </c>
      <c r="AB18820">
        <v>48</v>
      </c>
      <c r="AC18820">
        <v>49</v>
      </c>
      <c r="AD18820">
        <v>50</v>
      </c>
      <c r="AE18820">
        <v>50</v>
      </c>
      <c r="AF18820">
        <v>50</v>
      </c>
      <c r="AG18820">
        <v>50</v>
      </c>
      <c r="AH18820">
        <v>50</v>
      </c>
      <c r="AI18820">
        <v>50</v>
      </c>
      <c r="AJ18820">
        <v>50</v>
      </c>
      <c r="AK18820">
        <v>50</v>
      </c>
      <c r="AL18820">
        <v>50</v>
      </c>
      <c r="AM18820">
        <v>50</v>
      </c>
      <c r="AN18820">
        <v>50</v>
      </c>
      <c r="AO18820">
        <v>50</v>
      </c>
      <c r="AP18820">
        <v>50</v>
      </c>
      <c r="AQ18820">
        <v>50</v>
      </c>
    </row>
    <row r="18821" spans="1:43">
      <c r="A18821" t="s">
        <v>11666</v>
      </c>
      <c r="B18821" t="s">
        <v>11667</v>
      </c>
      <c r="C18821" t="s">
        <v>11668</v>
      </c>
      <c r="D18821" t="s">
        <v>11669</v>
      </c>
      <c r="E18821" t="s">
        <v>11610</v>
      </c>
      <c r="F18821" t="s">
        <v>11611</v>
      </c>
      <c r="G18821" t="s">
        <v>11612</v>
      </c>
      <c r="H18821" t="s">
        <v>11613</v>
      </c>
      <c r="I18821" s="2">
        <v>0</v>
      </c>
      <c r="J18821" s="2">
        <v>0</v>
      </c>
      <c r="K18821" s="2">
        <v>1</v>
      </c>
      <c r="L18821" t="s">
        <v>995</v>
      </c>
      <c r="M18821" t="s">
        <v>83</v>
      </c>
      <c r="N18821" t="s">
        <v>91</v>
      </c>
      <c r="O18821" t="s">
        <v>85</v>
      </c>
      <c r="P18821" t="s">
        <v>86</v>
      </c>
      <c r="Q18821">
        <v>40</v>
      </c>
      <c r="R18821">
        <v>40</v>
      </c>
      <c r="S18821">
        <v>41</v>
      </c>
      <c r="T18821">
        <v>41</v>
      </c>
      <c r="U18821">
        <v>42</v>
      </c>
      <c r="V18821">
        <v>42</v>
      </c>
      <c r="W18821">
        <v>43</v>
      </c>
      <c r="X18821">
        <v>43</v>
      </c>
      <c r="Y18821">
        <v>44</v>
      </c>
      <c r="Z18821">
        <v>44</v>
      </c>
      <c r="AA18821">
        <v>45</v>
      </c>
      <c r="AB18821">
        <v>45</v>
      </c>
      <c r="AC18821">
        <v>46</v>
      </c>
      <c r="AD18821">
        <v>46</v>
      </c>
      <c r="AE18821">
        <v>47</v>
      </c>
      <c r="AF18821">
        <v>47</v>
      </c>
      <c r="AG18821">
        <v>48</v>
      </c>
      <c r="AH18821">
        <v>48</v>
      </c>
      <c r="AI18821">
        <v>49</v>
      </c>
      <c r="AJ18821">
        <v>49</v>
      </c>
      <c r="AK18821">
        <v>50</v>
      </c>
      <c r="AL18821">
        <v>50</v>
      </c>
      <c r="AM18821">
        <v>50</v>
      </c>
      <c r="AN18821">
        <v>50</v>
      </c>
      <c r="AO18821">
        <v>50</v>
      </c>
      <c r="AP18821">
        <v>50</v>
      </c>
      <c r="AQ18821">
        <v>50</v>
      </c>
    </row>
    <row r="18822" spans="1:43">
      <c r="A18822" t="s">
        <v>11670</v>
      </c>
      <c r="B18822" t="s">
        <v>11671</v>
      </c>
      <c r="C18822" t="s">
        <v>11640</v>
      </c>
      <c r="D18822" t="s">
        <v>11641</v>
      </c>
      <c r="E18822" t="s">
        <v>11610</v>
      </c>
      <c r="F18822" t="s">
        <v>11611</v>
      </c>
      <c r="G18822" t="s">
        <v>11612</v>
      </c>
      <c r="H18822" t="s">
        <v>11613</v>
      </c>
      <c r="I18822" s="2">
        <v>0</v>
      </c>
      <c r="J18822" s="2">
        <v>0</v>
      </c>
      <c r="K18822" s="2">
        <v>1</v>
      </c>
      <c r="L18822" t="s">
        <v>995</v>
      </c>
      <c r="M18822" t="s">
        <v>83</v>
      </c>
      <c r="N18822" t="s">
        <v>84</v>
      </c>
      <c r="O18822" t="s">
        <v>85</v>
      </c>
      <c r="P18822" t="s">
        <v>86</v>
      </c>
      <c r="Q18822">
        <v>98</v>
      </c>
      <c r="R18822">
        <v>99</v>
      </c>
      <c r="S18822">
        <v>100</v>
      </c>
      <c r="T18822">
        <v>102</v>
      </c>
      <c r="U18822">
        <v>103</v>
      </c>
      <c r="V18822">
        <v>104</v>
      </c>
      <c r="W18822">
        <v>106</v>
      </c>
      <c r="X18822">
        <v>107</v>
      </c>
      <c r="Y18822">
        <v>108</v>
      </c>
      <c r="Z18822">
        <v>110</v>
      </c>
      <c r="AA18822">
        <v>111</v>
      </c>
      <c r="AB18822">
        <v>112</v>
      </c>
      <c r="AC18822">
        <v>113</v>
      </c>
      <c r="AD18822">
        <v>115</v>
      </c>
      <c r="AE18822">
        <v>116</v>
      </c>
      <c r="AF18822">
        <v>117</v>
      </c>
      <c r="AG18822">
        <v>118</v>
      </c>
      <c r="AH18822">
        <v>119</v>
      </c>
      <c r="AI18822">
        <v>121</v>
      </c>
      <c r="AJ18822">
        <v>122</v>
      </c>
      <c r="AK18822">
        <v>123</v>
      </c>
      <c r="AL18822">
        <v>123</v>
      </c>
      <c r="AM18822">
        <v>124</v>
      </c>
      <c r="AN18822">
        <v>124</v>
      </c>
      <c r="AO18822">
        <v>124</v>
      </c>
      <c r="AP18822">
        <v>124</v>
      </c>
      <c r="AQ18822">
        <v>124</v>
      </c>
    </row>
    <row r="18823" spans="1:43">
      <c r="A18823" t="s">
        <v>11670</v>
      </c>
      <c r="B18823" t="s">
        <v>11671</v>
      </c>
      <c r="C18823" t="s">
        <v>11640</v>
      </c>
      <c r="D18823" t="s">
        <v>11641</v>
      </c>
      <c r="E18823" t="s">
        <v>11610</v>
      </c>
      <c r="F18823" t="s">
        <v>11611</v>
      </c>
      <c r="G18823" t="s">
        <v>11612</v>
      </c>
      <c r="H18823" t="s">
        <v>11613</v>
      </c>
      <c r="I18823" s="2">
        <v>0</v>
      </c>
      <c r="J18823" s="2">
        <v>0</v>
      </c>
      <c r="K18823" s="2">
        <v>1</v>
      </c>
      <c r="L18823" t="s">
        <v>995</v>
      </c>
      <c r="M18823" t="s">
        <v>87</v>
      </c>
      <c r="N18823" t="s">
        <v>88</v>
      </c>
      <c r="O18823" t="s">
        <v>85</v>
      </c>
      <c r="P18823" t="s">
        <v>86</v>
      </c>
      <c r="Q18823">
        <v>98</v>
      </c>
      <c r="R18823">
        <v>98</v>
      </c>
      <c r="S18823">
        <v>99</v>
      </c>
      <c r="T18823">
        <v>99</v>
      </c>
      <c r="U18823">
        <v>99</v>
      </c>
      <c r="V18823">
        <v>100</v>
      </c>
      <c r="W18823">
        <v>100</v>
      </c>
      <c r="X18823">
        <v>101</v>
      </c>
      <c r="Y18823">
        <v>101</v>
      </c>
      <c r="Z18823">
        <v>101</v>
      </c>
      <c r="AA18823">
        <v>102</v>
      </c>
      <c r="AB18823">
        <v>102</v>
      </c>
      <c r="AC18823">
        <v>103</v>
      </c>
      <c r="AD18823">
        <v>103</v>
      </c>
      <c r="AE18823">
        <v>104</v>
      </c>
      <c r="AF18823">
        <v>104</v>
      </c>
      <c r="AG18823">
        <v>104</v>
      </c>
      <c r="AH18823">
        <v>105</v>
      </c>
      <c r="AI18823">
        <v>105</v>
      </c>
      <c r="AJ18823">
        <v>106</v>
      </c>
      <c r="AK18823">
        <v>106</v>
      </c>
      <c r="AL18823">
        <v>106</v>
      </c>
      <c r="AM18823">
        <v>107</v>
      </c>
      <c r="AN18823">
        <v>107</v>
      </c>
      <c r="AO18823">
        <v>108</v>
      </c>
      <c r="AP18823">
        <v>108</v>
      </c>
      <c r="AQ18823">
        <v>108</v>
      </c>
    </row>
    <row r="18824" spans="1:43">
      <c r="A18824" t="s">
        <v>11670</v>
      </c>
      <c r="B18824" t="s">
        <v>11671</v>
      </c>
      <c r="C18824" t="s">
        <v>11640</v>
      </c>
      <c r="D18824" t="s">
        <v>11641</v>
      </c>
      <c r="E18824" t="s">
        <v>11610</v>
      </c>
      <c r="F18824" t="s">
        <v>11611</v>
      </c>
      <c r="G18824" t="s">
        <v>11612</v>
      </c>
      <c r="H18824" t="s">
        <v>11613</v>
      </c>
      <c r="I18824" s="2">
        <v>0</v>
      </c>
      <c r="J18824" s="2">
        <v>0</v>
      </c>
      <c r="K18824" s="2">
        <v>1</v>
      </c>
      <c r="L18824" t="s">
        <v>995</v>
      </c>
      <c r="M18824" t="s">
        <v>89</v>
      </c>
      <c r="N18824" t="s">
        <v>90</v>
      </c>
      <c r="O18824" t="s">
        <v>85</v>
      </c>
      <c r="P18824" t="s">
        <v>86</v>
      </c>
      <c r="Q18824">
        <v>98</v>
      </c>
      <c r="R18824">
        <v>100</v>
      </c>
      <c r="S18824">
        <v>102</v>
      </c>
      <c r="T18824">
        <v>104</v>
      </c>
      <c r="U18824">
        <v>106</v>
      </c>
      <c r="V18824">
        <v>108</v>
      </c>
      <c r="W18824">
        <v>110</v>
      </c>
      <c r="X18824">
        <v>112</v>
      </c>
      <c r="Y18824">
        <v>114</v>
      </c>
      <c r="Z18824">
        <v>115</v>
      </c>
      <c r="AA18824">
        <v>117</v>
      </c>
      <c r="AB18824">
        <v>119</v>
      </c>
      <c r="AC18824">
        <v>120</v>
      </c>
      <c r="AD18824">
        <v>122</v>
      </c>
      <c r="AE18824">
        <v>123</v>
      </c>
      <c r="AF18824">
        <v>123</v>
      </c>
      <c r="AG18824">
        <v>123</v>
      </c>
      <c r="AH18824">
        <v>123</v>
      </c>
      <c r="AI18824">
        <v>123</v>
      </c>
      <c r="AJ18824">
        <v>124</v>
      </c>
      <c r="AK18824">
        <v>124</v>
      </c>
      <c r="AL18824">
        <v>124</v>
      </c>
      <c r="AM18824">
        <v>124</v>
      </c>
      <c r="AN18824">
        <v>124</v>
      </c>
      <c r="AO18824">
        <v>124</v>
      </c>
      <c r="AP18824">
        <v>124</v>
      </c>
      <c r="AQ18824">
        <v>124</v>
      </c>
    </row>
    <row r="18825" spans="1:43">
      <c r="A18825" t="s">
        <v>11670</v>
      </c>
      <c r="B18825" t="s">
        <v>11671</v>
      </c>
      <c r="C18825" t="s">
        <v>11640</v>
      </c>
      <c r="D18825" t="s">
        <v>11641</v>
      </c>
      <c r="E18825" t="s">
        <v>11610</v>
      </c>
      <c r="F18825" t="s">
        <v>11611</v>
      </c>
      <c r="G18825" t="s">
        <v>11612</v>
      </c>
      <c r="H18825" t="s">
        <v>11613</v>
      </c>
      <c r="I18825" s="2">
        <v>0</v>
      </c>
      <c r="J18825" s="2">
        <v>0</v>
      </c>
      <c r="K18825" s="2">
        <v>1</v>
      </c>
      <c r="L18825" t="s">
        <v>995</v>
      </c>
      <c r="M18825" t="s">
        <v>83</v>
      </c>
      <c r="N18825" t="s">
        <v>91</v>
      </c>
      <c r="O18825" t="s">
        <v>85</v>
      </c>
      <c r="P18825" t="s">
        <v>86</v>
      </c>
      <c r="Q18825">
        <v>98</v>
      </c>
      <c r="R18825">
        <v>99</v>
      </c>
      <c r="S18825">
        <v>100</v>
      </c>
      <c r="T18825">
        <v>102</v>
      </c>
      <c r="U18825">
        <v>103</v>
      </c>
      <c r="V18825">
        <v>104</v>
      </c>
      <c r="W18825">
        <v>106</v>
      </c>
      <c r="X18825">
        <v>107</v>
      </c>
      <c r="Y18825">
        <v>108</v>
      </c>
      <c r="Z18825">
        <v>110</v>
      </c>
      <c r="AA18825">
        <v>111</v>
      </c>
      <c r="AB18825">
        <v>112</v>
      </c>
      <c r="AC18825">
        <v>113</v>
      </c>
      <c r="AD18825">
        <v>115</v>
      </c>
      <c r="AE18825">
        <v>116</v>
      </c>
      <c r="AF18825">
        <v>117</v>
      </c>
      <c r="AG18825">
        <v>118</v>
      </c>
      <c r="AH18825">
        <v>119</v>
      </c>
      <c r="AI18825">
        <v>121</v>
      </c>
      <c r="AJ18825">
        <v>122</v>
      </c>
      <c r="AK18825">
        <v>123</v>
      </c>
      <c r="AL18825">
        <v>123</v>
      </c>
      <c r="AM18825">
        <v>124</v>
      </c>
      <c r="AN18825">
        <v>124</v>
      </c>
      <c r="AO18825">
        <v>124</v>
      </c>
      <c r="AP18825">
        <v>124</v>
      </c>
      <c r="AQ18825">
        <v>124</v>
      </c>
    </row>
    <row r="18826" spans="1:43">
      <c r="A18826" t="s">
        <v>11672</v>
      </c>
      <c r="B18826" t="s">
        <v>11673</v>
      </c>
      <c r="C18826" t="s">
        <v>11640</v>
      </c>
      <c r="D18826" t="s">
        <v>11641</v>
      </c>
      <c r="E18826" t="s">
        <v>11610</v>
      </c>
      <c r="F18826" t="s">
        <v>11611</v>
      </c>
      <c r="G18826" t="s">
        <v>11612</v>
      </c>
      <c r="H18826" t="s">
        <v>11613</v>
      </c>
      <c r="I18826" s="2">
        <v>0</v>
      </c>
      <c r="J18826" s="2">
        <v>0</v>
      </c>
      <c r="K18826" s="2">
        <v>1</v>
      </c>
      <c r="L18826" t="s">
        <v>995</v>
      </c>
      <c r="M18826" t="s">
        <v>83</v>
      </c>
      <c r="N18826" t="s">
        <v>84</v>
      </c>
      <c r="O18826" t="s">
        <v>85</v>
      </c>
      <c r="P18826" t="s">
        <v>86</v>
      </c>
      <c r="Q18826">
        <v>69</v>
      </c>
      <c r="R18826">
        <v>70</v>
      </c>
      <c r="S18826">
        <v>71</v>
      </c>
      <c r="T18826">
        <v>72</v>
      </c>
      <c r="U18826">
        <v>73</v>
      </c>
      <c r="V18826">
        <v>74</v>
      </c>
      <c r="W18826">
        <v>75</v>
      </c>
      <c r="X18826">
        <v>76</v>
      </c>
      <c r="Y18826">
        <v>76</v>
      </c>
      <c r="Z18826">
        <v>77</v>
      </c>
      <c r="AA18826">
        <v>78</v>
      </c>
      <c r="AB18826">
        <v>79</v>
      </c>
      <c r="AC18826">
        <v>80</v>
      </c>
      <c r="AD18826">
        <v>81</v>
      </c>
      <c r="AE18826">
        <v>82</v>
      </c>
      <c r="AF18826">
        <v>83</v>
      </c>
      <c r="AG18826">
        <v>84</v>
      </c>
      <c r="AH18826">
        <v>84</v>
      </c>
      <c r="AI18826">
        <v>85</v>
      </c>
      <c r="AJ18826">
        <v>86</v>
      </c>
      <c r="AK18826">
        <v>87</v>
      </c>
      <c r="AL18826">
        <v>87</v>
      </c>
      <c r="AM18826">
        <v>87</v>
      </c>
      <c r="AN18826">
        <v>87</v>
      </c>
      <c r="AO18826">
        <v>87</v>
      </c>
      <c r="AP18826">
        <v>88</v>
      </c>
      <c r="AQ18826">
        <v>88</v>
      </c>
    </row>
    <row r="18827" spans="1:43">
      <c r="A18827" t="s">
        <v>11672</v>
      </c>
      <c r="B18827" t="s">
        <v>11673</v>
      </c>
      <c r="C18827" t="s">
        <v>11640</v>
      </c>
      <c r="D18827" t="s">
        <v>11641</v>
      </c>
      <c r="E18827" t="s">
        <v>11610</v>
      </c>
      <c r="F18827" t="s">
        <v>11611</v>
      </c>
      <c r="G18827" t="s">
        <v>11612</v>
      </c>
      <c r="H18827" t="s">
        <v>11613</v>
      </c>
      <c r="I18827" s="2">
        <v>0</v>
      </c>
      <c r="J18827" s="2">
        <v>0</v>
      </c>
      <c r="K18827" s="2">
        <v>1</v>
      </c>
      <c r="L18827" t="s">
        <v>995</v>
      </c>
      <c r="M18827" t="s">
        <v>87</v>
      </c>
      <c r="N18827" t="s">
        <v>88</v>
      </c>
      <c r="O18827" t="s">
        <v>85</v>
      </c>
      <c r="P18827" t="s">
        <v>86</v>
      </c>
      <c r="Q18827">
        <v>69</v>
      </c>
      <c r="R18827">
        <v>70</v>
      </c>
      <c r="S18827">
        <v>70</v>
      </c>
      <c r="T18827">
        <v>70</v>
      </c>
      <c r="U18827">
        <v>71</v>
      </c>
      <c r="V18827">
        <v>71</v>
      </c>
      <c r="W18827">
        <v>71</v>
      </c>
      <c r="X18827">
        <v>71</v>
      </c>
      <c r="Y18827">
        <v>72</v>
      </c>
      <c r="Z18827">
        <v>72</v>
      </c>
      <c r="AA18827">
        <v>72</v>
      </c>
      <c r="AB18827">
        <v>73</v>
      </c>
      <c r="AC18827">
        <v>73</v>
      </c>
      <c r="AD18827">
        <v>73</v>
      </c>
      <c r="AE18827">
        <v>73</v>
      </c>
      <c r="AF18827">
        <v>74</v>
      </c>
      <c r="AG18827">
        <v>74</v>
      </c>
      <c r="AH18827">
        <v>74</v>
      </c>
      <c r="AI18827">
        <v>75</v>
      </c>
      <c r="AJ18827">
        <v>75</v>
      </c>
      <c r="AK18827">
        <v>75</v>
      </c>
      <c r="AL18827">
        <v>76</v>
      </c>
      <c r="AM18827">
        <v>76</v>
      </c>
      <c r="AN18827">
        <v>76</v>
      </c>
      <c r="AO18827">
        <v>76</v>
      </c>
      <c r="AP18827">
        <v>77</v>
      </c>
      <c r="AQ18827">
        <v>77</v>
      </c>
    </row>
    <row r="18828" spans="1:43">
      <c r="A18828" t="s">
        <v>11672</v>
      </c>
      <c r="B18828" t="s">
        <v>11673</v>
      </c>
      <c r="C18828" t="s">
        <v>11640</v>
      </c>
      <c r="D18828" t="s">
        <v>11641</v>
      </c>
      <c r="E18828" t="s">
        <v>11610</v>
      </c>
      <c r="F18828" t="s">
        <v>11611</v>
      </c>
      <c r="G18828" t="s">
        <v>11612</v>
      </c>
      <c r="H18828" t="s">
        <v>11613</v>
      </c>
      <c r="I18828" s="2">
        <v>0</v>
      </c>
      <c r="J18828" s="2">
        <v>0</v>
      </c>
      <c r="K18828" s="2">
        <v>1</v>
      </c>
      <c r="L18828" t="s">
        <v>995</v>
      </c>
      <c r="M18828" t="s">
        <v>89</v>
      </c>
      <c r="N18828" t="s">
        <v>90</v>
      </c>
      <c r="O18828" t="s">
        <v>85</v>
      </c>
      <c r="P18828" t="s">
        <v>86</v>
      </c>
      <c r="Q18828">
        <v>69</v>
      </c>
      <c r="R18828">
        <v>70</v>
      </c>
      <c r="S18828">
        <v>72</v>
      </c>
      <c r="T18828">
        <v>73</v>
      </c>
      <c r="U18828">
        <v>75</v>
      </c>
      <c r="V18828">
        <v>76</v>
      </c>
      <c r="W18828">
        <v>77</v>
      </c>
      <c r="X18828">
        <v>79</v>
      </c>
      <c r="Y18828">
        <v>80</v>
      </c>
      <c r="Z18828">
        <v>81</v>
      </c>
      <c r="AA18828">
        <v>82</v>
      </c>
      <c r="AB18828">
        <v>83</v>
      </c>
      <c r="AC18828">
        <v>85</v>
      </c>
      <c r="AD18828">
        <v>86</v>
      </c>
      <c r="AE18828">
        <v>87</v>
      </c>
      <c r="AF18828">
        <v>87</v>
      </c>
      <c r="AG18828">
        <v>87</v>
      </c>
      <c r="AH18828">
        <v>87</v>
      </c>
      <c r="AI18828">
        <v>87</v>
      </c>
      <c r="AJ18828">
        <v>87</v>
      </c>
      <c r="AK18828">
        <v>87</v>
      </c>
      <c r="AL18828">
        <v>87</v>
      </c>
      <c r="AM18828">
        <v>87</v>
      </c>
      <c r="AN18828">
        <v>87</v>
      </c>
      <c r="AO18828">
        <v>87</v>
      </c>
      <c r="AP18828">
        <v>87</v>
      </c>
      <c r="AQ18828">
        <v>87</v>
      </c>
    </row>
    <row r="18829" spans="1:43">
      <c r="A18829" t="s">
        <v>11672</v>
      </c>
      <c r="B18829" t="s">
        <v>11673</v>
      </c>
      <c r="C18829" t="s">
        <v>11640</v>
      </c>
      <c r="D18829" t="s">
        <v>11641</v>
      </c>
      <c r="E18829" t="s">
        <v>11610</v>
      </c>
      <c r="F18829" t="s">
        <v>11611</v>
      </c>
      <c r="G18829" t="s">
        <v>11612</v>
      </c>
      <c r="H18829" t="s">
        <v>11613</v>
      </c>
      <c r="I18829" s="2">
        <v>0</v>
      </c>
      <c r="J18829" s="2">
        <v>0</v>
      </c>
      <c r="K18829" s="2">
        <v>1</v>
      </c>
      <c r="L18829" t="s">
        <v>995</v>
      </c>
      <c r="M18829" t="s">
        <v>83</v>
      </c>
      <c r="N18829" t="s">
        <v>91</v>
      </c>
      <c r="O18829" t="s">
        <v>85</v>
      </c>
      <c r="P18829" t="s">
        <v>86</v>
      </c>
      <c r="Q18829">
        <v>69</v>
      </c>
      <c r="R18829">
        <v>70</v>
      </c>
      <c r="S18829">
        <v>71</v>
      </c>
      <c r="T18829">
        <v>72</v>
      </c>
      <c r="U18829">
        <v>73</v>
      </c>
      <c r="V18829">
        <v>74</v>
      </c>
      <c r="W18829">
        <v>75</v>
      </c>
      <c r="X18829">
        <v>76</v>
      </c>
      <c r="Y18829">
        <v>76</v>
      </c>
      <c r="Z18829">
        <v>77</v>
      </c>
      <c r="AA18829">
        <v>78</v>
      </c>
      <c r="AB18829">
        <v>79</v>
      </c>
      <c r="AC18829">
        <v>80</v>
      </c>
      <c r="AD18829">
        <v>81</v>
      </c>
      <c r="AE18829">
        <v>82</v>
      </c>
      <c r="AF18829">
        <v>83</v>
      </c>
      <c r="AG18829">
        <v>84</v>
      </c>
      <c r="AH18829">
        <v>84</v>
      </c>
      <c r="AI18829">
        <v>85</v>
      </c>
      <c r="AJ18829">
        <v>86</v>
      </c>
      <c r="AK18829">
        <v>87</v>
      </c>
      <c r="AL18829">
        <v>87</v>
      </c>
      <c r="AM18829">
        <v>87</v>
      </c>
      <c r="AN18829">
        <v>87</v>
      </c>
      <c r="AO18829">
        <v>87</v>
      </c>
      <c r="AP18829">
        <v>88</v>
      </c>
      <c r="AQ18829">
        <v>88</v>
      </c>
    </row>
    <row r="18830" spans="1:43">
      <c r="A18830" t="s">
        <v>11674</v>
      </c>
      <c r="B18830" t="s">
        <v>11675</v>
      </c>
      <c r="C18830" t="s">
        <v>11640</v>
      </c>
      <c r="D18830" t="s">
        <v>11641</v>
      </c>
      <c r="E18830" t="s">
        <v>11610</v>
      </c>
      <c r="F18830" t="s">
        <v>11611</v>
      </c>
      <c r="G18830" t="s">
        <v>11612</v>
      </c>
      <c r="H18830" t="s">
        <v>11613</v>
      </c>
      <c r="I18830" s="2">
        <v>0</v>
      </c>
      <c r="J18830" s="2">
        <v>0</v>
      </c>
      <c r="K18830" s="2">
        <v>1</v>
      </c>
      <c r="L18830" t="s">
        <v>995</v>
      </c>
      <c r="M18830" t="s">
        <v>83</v>
      </c>
      <c r="N18830" t="s">
        <v>84</v>
      </c>
      <c r="O18830" t="s">
        <v>85</v>
      </c>
      <c r="P18830" t="s">
        <v>86</v>
      </c>
      <c r="Q18830">
        <v>90</v>
      </c>
      <c r="R18830">
        <v>92</v>
      </c>
      <c r="S18830">
        <v>93</v>
      </c>
      <c r="T18830">
        <v>94</v>
      </c>
      <c r="U18830">
        <v>95</v>
      </c>
      <c r="V18830">
        <v>96</v>
      </c>
      <c r="W18830">
        <v>98</v>
      </c>
      <c r="X18830">
        <v>99</v>
      </c>
      <c r="Y18830">
        <v>100</v>
      </c>
      <c r="Z18830">
        <v>101</v>
      </c>
      <c r="AA18830">
        <v>103</v>
      </c>
      <c r="AB18830">
        <v>104</v>
      </c>
      <c r="AC18830">
        <v>105</v>
      </c>
      <c r="AD18830">
        <v>106</v>
      </c>
      <c r="AE18830">
        <v>107</v>
      </c>
      <c r="AF18830">
        <v>108</v>
      </c>
      <c r="AG18830">
        <v>109</v>
      </c>
      <c r="AH18830">
        <v>110</v>
      </c>
      <c r="AI18830">
        <v>112</v>
      </c>
      <c r="AJ18830">
        <v>113</v>
      </c>
      <c r="AK18830">
        <v>114</v>
      </c>
      <c r="AL18830">
        <v>114</v>
      </c>
      <c r="AM18830">
        <v>114</v>
      </c>
      <c r="AN18830">
        <v>114</v>
      </c>
      <c r="AO18830">
        <v>115</v>
      </c>
      <c r="AP18830">
        <v>115</v>
      </c>
      <c r="AQ18830">
        <v>115</v>
      </c>
    </row>
    <row r="18831" spans="1:43">
      <c r="A18831" t="s">
        <v>11674</v>
      </c>
      <c r="B18831" t="s">
        <v>11675</v>
      </c>
      <c r="C18831" t="s">
        <v>11640</v>
      </c>
      <c r="D18831" t="s">
        <v>11641</v>
      </c>
      <c r="E18831" t="s">
        <v>11610</v>
      </c>
      <c r="F18831" t="s">
        <v>11611</v>
      </c>
      <c r="G18831" t="s">
        <v>11612</v>
      </c>
      <c r="H18831" t="s">
        <v>11613</v>
      </c>
      <c r="I18831" s="2">
        <v>0</v>
      </c>
      <c r="J18831" s="2">
        <v>0</v>
      </c>
      <c r="K18831" s="2">
        <v>1</v>
      </c>
      <c r="L18831" t="s">
        <v>995</v>
      </c>
      <c r="M18831" t="s">
        <v>87</v>
      </c>
      <c r="N18831" t="s">
        <v>88</v>
      </c>
      <c r="O18831" t="s">
        <v>85</v>
      </c>
      <c r="P18831" t="s">
        <v>86</v>
      </c>
      <c r="Q18831">
        <v>90</v>
      </c>
      <c r="R18831">
        <v>90</v>
      </c>
      <c r="S18831">
        <v>90</v>
      </c>
      <c r="T18831">
        <v>91</v>
      </c>
      <c r="U18831">
        <v>91</v>
      </c>
      <c r="V18831">
        <v>91</v>
      </c>
      <c r="W18831">
        <v>92</v>
      </c>
      <c r="X18831">
        <v>92</v>
      </c>
      <c r="Y18831">
        <v>93</v>
      </c>
      <c r="Z18831">
        <v>93</v>
      </c>
      <c r="AA18831">
        <v>93</v>
      </c>
      <c r="AB18831">
        <v>94</v>
      </c>
      <c r="AC18831">
        <v>94</v>
      </c>
      <c r="AD18831">
        <v>94</v>
      </c>
      <c r="AE18831">
        <v>95</v>
      </c>
      <c r="AF18831">
        <v>95</v>
      </c>
      <c r="AG18831">
        <v>96</v>
      </c>
      <c r="AH18831">
        <v>96</v>
      </c>
      <c r="AI18831">
        <v>96</v>
      </c>
      <c r="AJ18831">
        <v>97</v>
      </c>
      <c r="AK18831">
        <v>97</v>
      </c>
      <c r="AL18831">
        <v>98</v>
      </c>
      <c r="AM18831">
        <v>98</v>
      </c>
      <c r="AN18831">
        <v>98</v>
      </c>
      <c r="AO18831">
        <v>99</v>
      </c>
      <c r="AP18831">
        <v>99</v>
      </c>
      <c r="AQ18831">
        <v>99</v>
      </c>
    </row>
    <row r="18832" spans="1:43">
      <c r="A18832" t="s">
        <v>11674</v>
      </c>
      <c r="B18832" t="s">
        <v>11675</v>
      </c>
      <c r="C18832" t="s">
        <v>11640</v>
      </c>
      <c r="D18832" t="s">
        <v>11641</v>
      </c>
      <c r="E18832" t="s">
        <v>11610</v>
      </c>
      <c r="F18832" t="s">
        <v>11611</v>
      </c>
      <c r="G18832" t="s">
        <v>11612</v>
      </c>
      <c r="H18832" t="s">
        <v>11613</v>
      </c>
      <c r="I18832" s="2">
        <v>0</v>
      </c>
      <c r="J18832" s="2">
        <v>0</v>
      </c>
      <c r="K18832" s="2">
        <v>1</v>
      </c>
      <c r="L18832" t="s">
        <v>995</v>
      </c>
      <c r="M18832" t="s">
        <v>89</v>
      </c>
      <c r="N18832" t="s">
        <v>90</v>
      </c>
      <c r="O18832" t="s">
        <v>85</v>
      </c>
      <c r="P18832" t="s">
        <v>86</v>
      </c>
      <c r="Q18832">
        <v>90</v>
      </c>
      <c r="R18832">
        <v>92</v>
      </c>
      <c r="S18832">
        <v>94</v>
      </c>
      <c r="T18832">
        <v>96</v>
      </c>
      <c r="U18832">
        <v>98</v>
      </c>
      <c r="V18832">
        <v>100</v>
      </c>
      <c r="W18832">
        <v>102</v>
      </c>
      <c r="X18832">
        <v>103</v>
      </c>
      <c r="Y18832">
        <v>105</v>
      </c>
      <c r="Z18832">
        <v>107</v>
      </c>
      <c r="AA18832">
        <v>108</v>
      </c>
      <c r="AB18832">
        <v>110</v>
      </c>
      <c r="AC18832">
        <v>111</v>
      </c>
      <c r="AD18832">
        <v>113</v>
      </c>
      <c r="AE18832">
        <v>114</v>
      </c>
      <c r="AF18832">
        <v>114</v>
      </c>
      <c r="AG18832">
        <v>114</v>
      </c>
      <c r="AH18832">
        <v>114</v>
      </c>
      <c r="AI18832">
        <v>114</v>
      </c>
      <c r="AJ18832">
        <v>114</v>
      </c>
      <c r="AK18832">
        <v>114</v>
      </c>
      <c r="AL18832">
        <v>114</v>
      </c>
      <c r="AM18832">
        <v>115</v>
      </c>
      <c r="AN18832">
        <v>115</v>
      </c>
      <c r="AO18832">
        <v>115</v>
      </c>
      <c r="AP18832">
        <v>115</v>
      </c>
      <c r="AQ18832">
        <v>115</v>
      </c>
    </row>
    <row r="18833" spans="1:43">
      <c r="A18833" t="s">
        <v>11674</v>
      </c>
      <c r="B18833" t="s">
        <v>11675</v>
      </c>
      <c r="C18833" t="s">
        <v>11640</v>
      </c>
      <c r="D18833" t="s">
        <v>11641</v>
      </c>
      <c r="E18833" t="s">
        <v>11610</v>
      </c>
      <c r="F18833" t="s">
        <v>11611</v>
      </c>
      <c r="G18833" t="s">
        <v>11612</v>
      </c>
      <c r="H18833" t="s">
        <v>11613</v>
      </c>
      <c r="I18833" s="2">
        <v>0</v>
      </c>
      <c r="J18833" s="2">
        <v>0</v>
      </c>
      <c r="K18833" s="2">
        <v>1</v>
      </c>
      <c r="L18833" t="s">
        <v>995</v>
      </c>
      <c r="M18833" t="s">
        <v>83</v>
      </c>
      <c r="N18833" t="s">
        <v>91</v>
      </c>
      <c r="O18833" t="s">
        <v>85</v>
      </c>
      <c r="P18833" t="s">
        <v>86</v>
      </c>
      <c r="Q18833">
        <v>90</v>
      </c>
      <c r="R18833">
        <v>92</v>
      </c>
      <c r="S18833">
        <v>93</v>
      </c>
      <c r="T18833">
        <v>94</v>
      </c>
      <c r="U18833">
        <v>95</v>
      </c>
      <c r="V18833">
        <v>96</v>
      </c>
      <c r="W18833">
        <v>98</v>
      </c>
      <c r="X18833">
        <v>99</v>
      </c>
      <c r="Y18833">
        <v>100</v>
      </c>
      <c r="Z18833">
        <v>101</v>
      </c>
      <c r="AA18833">
        <v>103</v>
      </c>
      <c r="AB18833">
        <v>104</v>
      </c>
      <c r="AC18833">
        <v>105</v>
      </c>
      <c r="AD18833">
        <v>106</v>
      </c>
      <c r="AE18833">
        <v>107</v>
      </c>
      <c r="AF18833">
        <v>108</v>
      </c>
      <c r="AG18833">
        <v>109</v>
      </c>
      <c r="AH18833">
        <v>110</v>
      </c>
      <c r="AI18833">
        <v>112</v>
      </c>
      <c r="AJ18833">
        <v>113</v>
      </c>
      <c r="AK18833">
        <v>114</v>
      </c>
      <c r="AL18833">
        <v>114</v>
      </c>
      <c r="AM18833">
        <v>114</v>
      </c>
      <c r="AN18833">
        <v>114</v>
      </c>
      <c r="AO18833">
        <v>115</v>
      </c>
      <c r="AP18833">
        <v>115</v>
      </c>
      <c r="AQ18833">
        <v>115</v>
      </c>
    </row>
    <row r="18834" spans="1:43">
      <c r="A18834" t="s">
        <v>11676</v>
      </c>
      <c r="B18834" t="s">
        <v>11677</v>
      </c>
      <c r="C18834" t="s">
        <v>11668</v>
      </c>
      <c r="D18834" t="s">
        <v>11669</v>
      </c>
      <c r="E18834" t="s">
        <v>11610</v>
      </c>
      <c r="F18834" t="s">
        <v>11611</v>
      </c>
      <c r="G18834" t="s">
        <v>11612</v>
      </c>
      <c r="H18834" t="s">
        <v>11613</v>
      </c>
      <c r="I18834" s="2">
        <v>0</v>
      </c>
      <c r="J18834" s="2">
        <v>0</v>
      </c>
      <c r="K18834" s="2">
        <v>1</v>
      </c>
      <c r="L18834" t="s">
        <v>995</v>
      </c>
      <c r="M18834" t="s">
        <v>83</v>
      </c>
      <c r="N18834" t="s">
        <v>84</v>
      </c>
      <c r="O18834" t="s">
        <v>85</v>
      </c>
      <c r="P18834" t="s">
        <v>86</v>
      </c>
      <c r="Q18834">
        <v>75</v>
      </c>
      <c r="R18834">
        <v>76</v>
      </c>
      <c r="S18834">
        <v>77</v>
      </c>
      <c r="T18834">
        <v>78</v>
      </c>
      <c r="U18834">
        <v>79</v>
      </c>
      <c r="V18834">
        <v>80</v>
      </c>
      <c r="W18834">
        <v>81</v>
      </c>
      <c r="X18834">
        <v>82</v>
      </c>
      <c r="Y18834">
        <v>83</v>
      </c>
      <c r="Z18834">
        <v>84</v>
      </c>
      <c r="AA18834">
        <v>85</v>
      </c>
      <c r="AB18834">
        <v>86</v>
      </c>
      <c r="AC18834">
        <v>87</v>
      </c>
      <c r="AD18834">
        <v>88</v>
      </c>
      <c r="AE18834">
        <v>89</v>
      </c>
      <c r="AF18834">
        <v>90</v>
      </c>
      <c r="AG18834">
        <v>91</v>
      </c>
      <c r="AH18834">
        <v>92</v>
      </c>
      <c r="AI18834">
        <v>93</v>
      </c>
      <c r="AJ18834">
        <v>94</v>
      </c>
      <c r="AK18834">
        <v>95</v>
      </c>
      <c r="AL18834">
        <v>95</v>
      </c>
      <c r="AM18834">
        <v>95</v>
      </c>
      <c r="AN18834">
        <v>95</v>
      </c>
      <c r="AO18834">
        <v>95</v>
      </c>
      <c r="AP18834">
        <v>95</v>
      </c>
      <c r="AQ18834">
        <v>95</v>
      </c>
    </row>
    <row r="18835" spans="1:43">
      <c r="A18835" t="s">
        <v>11676</v>
      </c>
      <c r="B18835" t="s">
        <v>11677</v>
      </c>
      <c r="C18835" t="s">
        <v>11668</v>
      </c>
      <c r="D18835" t="s">
        <v>11669</v>
      </c>
      <c r="E18835" t="s">
        <v>11610</v>
      </c>
      <c r="F18835" t="s">
        <v>11611</v>
      </c>
      <c r="G18835" t="s">
        <v>11612</v>
      </c>
      <c r="H18835" t="s">
        <v>11613</v>
      </c>
      <c r="I18835" s="2">
        <v>0</v>
      </c>
      <c r="J18835" s="2">
        <v>0</v>
      </c>
      <c r="K18835" s="2">
        <v>1</v>
      </c>
      <c r="L18835" t="s">
        <v>995</v>
      </c>
      <c r="M18835" t="s">
        <v>87</v>
      </c>
      <c r="N18835" t="s">
        <v>88</v>
      </c>
      <c r="O18835" t="s">
        <v>85</v>
      </c>
      <c r="P18835" t="s">
        <v>86</v>
      </c>
      <c r="Q18835">
        <v>75</v>
      </c>
      <c r="R18835">
        <v>76</v>
      </c>
      <c r="S18835">
        <v>76</v>
      </c>
      <c r="T18835">
        <v>76</v>
      </c>
      <c r="U18835">
        <v>77</v>
      </c>
      <c r="V18835">
        <v>77</v>
      </c>
      <c r="W18835">
        <v>77</v>
      </c>
      <c r="X18835">
        <v>78</v>
      </c>
      <c r="Y18835">
        <v>78</v>
      </c>
      <c r="Z18835">
        <v>78</v>
      </c>
      <c r="AA18835">
        <v>79</v>
      </c>
      <c r="AB18835">
        <v>79</v>
      </c>
      <c r="AC18835">
        <v>79</v>
      </c>
      <c r="AD18835">
        <v>79</v>
      </c>
      <c r="AE18835">
        <v>80</v>
      </c>
      <c r="AF18835">
        <v>80</v>
      </c>
      <c r="AG18835">
        <v>80</v>
      </c>
      <c r="AH18835">
        <v>81</v>
      </c>
      <c r="AI18835">
        <v>81</v>
      </c>
      <c r="AJ18835">
        <v>81</v>
      </c>
      <c r="AK18835">
        <v>82</v>
      </c>
      <c r="AL18835">
        <v>82</v>
      </c>
      <c r="AM18835">
        <v>82</v>
      </c>
      <c r="AN18835">
        <v>83</v>
      </c>
      <c r="AO18835">
        <v>83</v>
      </c>
      <c r="AP18835">
        <v>83</v>
      </c>
      <c r="AQ18835">
        <v>84</v>
      </c>
    </row>
    <row r="18836" spans="1:43">
      <c r="A18836" t="s">
        <v>11676</v>
      </c>
      <c r="B18836" t="s">
        <v>11677</v>
      </c>
      <c r="C18836" t="s">
        <v>11668</v>
      </c>
      <c r="D18836" t="s">
        <v>11669</v>
      </c>
      <c r="E18836" t="s">
        <v>11610</v>
      </c>
      <c r="F18836" t="s">
        <v>11611</v>
      </c>
      <c r="G18836" t="s">
        <v>11612</v>
      </c>
      <c r="H18836" t="s">
        <v>11613</v>
      </c>
      <c r="I18836" s="2">
        <v>0</v>
      </c>
      <c r="J18836" s="2">
        <v>0</v>
      </c>
      <c r="K18836" s="2">
        <v>1</v>
      </c>
      <c r="L18836" t="s">
        <v>995</v>
      </c>
      <c r="M18836" t="s">
        <v>89</v>
      </c>
      <c r="N18836" t="s">
        <v>90</v>
      </c>
      <c r="O18836" t="s">
        <v>85</v>
      </c>
      <c r="P18836" t="s">
        <v>86</v>
      </c>
      <c r="Q18836">
        <v>75</v>
      </c>
      <c r="R18836">
        <v>76</v>
      </c>
      <c r="S18836">
        <v>78</v>
      </c>
      <c r="T18836">
        <v>80</v>
      </c>
      <c r="U18836">
        <v>81</v>
      </c>
      <c r="V18836">
        <v>83</v>
      </c>
      <c r="W18836">
        <v>84</v>
      </c>
      <c r="X18836">
        <v>86</v>
      </c>
      <c r="Y18836">
        <v>87</v>
      </c>
      <c r="Z18836">
        <v>88</v>
      </c>
      <c r="AA18836">
        <v>90</v>
      </c>
      <c r="AB18836">
        <v>91</v>
      </c>
      <c r="AC18836">
        <v>92</v>
      </c>
      <c r="AD18836">
        <v>94</v>
      </c>
      <c r="AE18836">
        <v>94</v>
      </c>
      <c r="AF18836">
        <v>94</v>
      </c>
      <c r="AG18836">
        <v>94</v>
      </c>
      <c r="AH18836">
        <v>95</v>
      </c>
      <c r="AI18836">
        <v>95</v>
      </c>
      <c r="AJ18836">
        <v>95</v>
      </c>
      <c r="AK18836">
        <v>95</v>
      </c>
      <c r="AL18836">
        <v>95</v>
      </c>
      <c r="AM18836">
        <v>95</v>
      </c>
      <c r="AN18836">
        <v>95</v>
      </c>
      <c r="AO18836">
        <v>95</v>
      </c>
      <c r="AP18836">
        <v>95</v>
      </c>
      <c r="AQ18836">
        <v>95</v>
      </c>
    </row>
    <row r="18837" spans="1:43">
      <c r="A18837" t="s">
        <v>11676</v>
      </c>
      <c r="B18837" t="s">
        <v>11677</v>
      </c>
      <c r="C18837" t="s">
        <v>11668</v>
      </c>
      <c r="D18837" t="s">
        <v>11669</v>
      </c>
      <c r="E18837" t="s">
        <v>11610</v>
      </c>
      <c r="F18837" t="s">
        <v>11611</v>
      </c>
      <c r="G18837" t="s">
        <v>11612</v>
      </c>
      <c r="H18837" t="s">
        <v>11613</v>
      </c>
      <c r="I18837" s="2">
        <v>0</v>
      </c>
      <c r="J18837" s="2">
        <v>0</v>
      </c>
      <c r="K18837" s="2">
        <v>1</v>
      </c>
      <c r="L18837" t="s">
        <v>995</v>
      </c>
      <c r="M18837" t="s">
        <v>83</v>
      </c>
      <c r="N18837" t="s">
        <v>91</v>
      </c>
      <c r="O18837" t="s">
        <v>85</v>
      </c>
      <c r="P18837" t="s">
        <v>86</v>
      </c>
      <c r="Q18837">
        <v>75</v>
      </c>
      <c r="R18837">
        <v>76</v>
      </c>
      <c r="S18837">
        <v>77</v>
      </c>
      <c r="T18837">
        <v>78</v>
      </c>
      <c r="U18837">
        <v>79</v>
      </c>
      <c r="V18837">
        <v>80</v>
      </c>
      <c r="W18837">
        <v>81</v>
      </c>
      <c r="X18837">
        <v>82</v>
      </c>
      <c r="Y18837">
        <v>83</v>
      </c>
      <c r="Z18837">
        <v>84</v>
      </c>
      <c r="AA18837">
        <v>85</v>
      </c>
      <c r="AB18837">
        <v>86</v>
      </c>
      <c r="AC18837">
        <v>87</v>
      </c>
      <c r="AD18837">
        <v>88</v>
      </c>
      <c r="AE18837">
        <v>89</v>
      </c>
      <c r="AF18837">
        <v>90</v>
      </c>
      <c r="AG18837">
        <v>91</v>
      </c>
      <c r="AH18837">
        <v>92</v>
      </c>
      <c r="AI18837">
        <v>93</v>
      </c>
      <c r="AJ18837">
        <v>94</v>
      </c>
      <c r="AK18837">
        <v>95</v>
      </c>
      <c r="AL18837">
        <v>95</v>
      </c>
      <c r="AM18837">
        <v>95</v>
      </c>
      <c r="AN18837">
        <v>95</v>
      </c>
      <c r="AO18837">
        <v>95</v>
      </c>
      <c r="AP18837">
        <v>95</v>
      </c>
      <c r="AQ18837">
        <v>95</v>
      </c>
    </row>
    <row r="18838" spans="1:43">
      <c r="A18838" t="s">
        <v>11678</v>
      </c>
      <c r="B18838" t="s">
        <v>11679</v>
      </c>
      <c r="C18838" t="s">
        <v>11668</v>
      </c>
      <c r="D18838" t="s">
        <v>11669</v>
      </c>
      <c r="E18838" t="s">
        <v>11610</v>
      </c>
      <c r="F18838" t="s">
        <v>11611</v>
      </c>
      <c r="G18838" t="s">
        <v>11612</v>
      </c>
      <c r="H18838" t="s">
        <v>11613</v>
      </c>
      <c r="I18838" s="2">
        <v>0</v>
      </c>
      <c r="J18838" s="2">
        <v>0</v>
      </c>
      <c r="K18838" s="2">
        <v>1</v>
      </c>
      <c r="L18838" t="s">
        <v>995</v>
      </c>
      <c r="M18838" t="s">
        <v>83</v>
      </c>
      <c r="N18838" t="s">
        <v>84</v>
      </c>
      <c r="O18838" t="s">
        <v>85</v>
      </c>
      <c r="P18838" t="s">
        <v>86</v>
      </c>
      <c r="Q18838">
        <v>0</v>
      </c>
      <c r="R18838">
        <v>0</v>
      </c>
      <c r="S18838">
        <v>0</v>
      </c>
      <c r="T18838">
        <v>0</v>
      </c>
      <c r="U18838">
        <v>0</v>
      </c>
      <c r="V18838">
        <v>0</v>
      </c>
      <c r="W18838">
        <v>0</v>
      </c>
      <c r="X18838">
        <v>0</v>
      </c>
      <c r="Y18838">
        <v>0</v>
      </c>
      <c r="Z18838">
        <v>0</v>
      </c>
      <c r="AA18838">
        <v>0</v>
      </c>
      <c r="AB18838">
        <v>0</v>
      </c>
      <c r="AC18838">
        <v>0</v>
      </c>
      <c r="AD18838">
        <v>0</v>
      </c>
      <c r="AE18838">
        <v>0</v>
      </c>
      <c r="AF18838">
        <v>0</v>
      </c>
      <c r="AG18838">
        <v>0</v>
      </c>
      <c r="AH18838">
        <v>0</v>
      </c>
      <c r="AI18838">
        <v>0</v>
      </c>
      <c r="AJ18838">
        <v>0</v>
      </c>
      <c r="AK18838">
        <v>0</v>
      </c>
      <c r="AL18838">
        <v>0</v>
      </c>
      <c r="AM18838">
        <v>0</v>
      </c>
      <c r="AN18838">
        <v>0</v>
      </c>
      <c r="AO18838">
        <v>0</v>
      </c>
      <c r="AP18838">
        <v>0</v>
      </c>
      <c r="AQ18838">
        <v>0</v>
      </c>
    </row>
    <row r="18839" spans="1:43">
      <c r="A18839" t="s">
        <v>11678</v>
      </c>
      <c r="B18839" t="s">
        <v>11679</v>
      </c>
      <c r="C18839" t="s">
        <v>11668</v>
      </c>
      <c r="D18839" t="s">
        <v>11669</v>
      </c>
      <c r="E18839" t="s">
        <v>11610</v>
      </c>
      <c r="F18839" t="s">
        <v>11611</v>
      </c>
      <c r="G18839" t="s">
        <v>11612</v>
      </c>
      <c r="H18839" t="s">
        <v>11613</v>
      </c>
      <c r="I18839" s="2">
        <v>0</v>
      </c>
      <c r="J18839" s="2">
        <v>0</v>
      </c>
      <c r="K18839" s="2">
        <v>1</v>
      </c>
      <c r="L18839" t="s">
        <v>995</v>
      </c>
      <c r="M18839" t="s">
        <v>87</v>
      </c>
      <c r="N18839" t="s">
        <v>88</v>
      </c>
      <c r="O18839" t="s">
        <v>85</v>
      </c>
      <c r="P18839" t="s">
        <v>86</v>
      </c>
      <c r="Q18839">
        <v>0</v>
      </c>
      <c r="R18839">
        <v>0</v>
      </c>
      <c r="S18839">
        <v>0</v>
      </c>
      <c r="T18839">
        <v>0</v>
      </c>
      <c r="U18839">
        <v>0</v>
      </c>
      <c r="V18839">
        <v>0</v>
      </c>
      <c r="W18839">
        <v>0</v>
      </c>
      <c r="X18839">
        <v>0</v>
      </c>
      <c r="Y18839">
        <v>0</v>
      </c>
      <c r="Z18839">
        <v>0</v>
      </c>
      <c r="AA18839">
        <v>0</v>
      </c>
      <c r="AB18839">
        <v>0</v>
      </c>
      <c r="AC18839">
        <v>0</v>
      </c>
      <c r="AD18839">
        <v>0</v>
      </c>
      <c r="AE18839">
        <v>0</v>
      </c>
      <c r="AF18839">
        <v>0</v>
      </c>
      <c r="AG18839">
        <v>0</v>
      </c>
      <c r="AH18839">
        <v>0</v>
      </c>
      <c r="AI18839">
        <v>0</v>
      </c>
      <c r="AJ18839">
        <v>0</v>
      </c>
      <c r="AK18839">
        <v>0</v>
      </c>
      <c r="AL18839">
        <v>0</v>
      </c>
      <c r="AM18839">
        <v>0</v>
      </c>
      <c r="AN18839">
        <v>0</v>
      </c>
      <c r="AO18839">
        <v>0</v>
      </c>
      <c r="AP18839">
        <v>0</v>
      </c>
      <c r="AQ18839">
        <v>0</v>
      </c>
    </row>
    <row r="18840" spans="1:43">
      <c r="A18840" t="s">
        <v>11678</v>
      </c>
      <c r="B18840" t="s">
        <v>11679</v>
      </c>
      <c r="C18840" t="s">
        <v>11668</v>
      </c>
      <c r="D18840" t="s">
        <v>11669</v>
      </c>
      <c r="E18840" t="s">
        <v>11610</v>
      </c>
      <c r="F18840" t="s">
        <v>11611</v>
      </c>
      <c r="G18840" t="s">
        <v>11612</v>
      </c>
      <c r="H18840" t="s">
        <v>11613</v>
      </c>
      <c r="I18840" s="2">
        <v>0</v>
      </c>
      <c r="J18840" s="2">
        <v>0</v>
      </c>
      <c r="K18840" s="2">
        <v>1</v>
      </c>
      <c r="L18840" t="s">
        <v>995</v>
      </c>
      <c r="M18840" t="s">
        <v>89</v>
      </c>
      <c r="N18840" t="s">
        <v>90</v>
      </c>
      <c r="O18840" t="s">
        <v>85</v>
      </c>
      <c r="P18840" t="s">
        <v>86</v>
      </c>
      <c r="Q18840">
        <v>0</v>
      </c>
      <c r="R18840">
        <v>0</v>
      </c>
      <c r="S18840">
        <v>0</v>
      </c>
      <c r="T18840">
        <v>0</v>
      </c>
      <c r="U18840">
        <v>0</v>
      </c>
      <c r="V18840">
        <v>0</v>
      </c>
      <c r="W18840">
        <v>0</v>
      </c>
      <c r="X18840">
        <v>0</v>
      </c>
      <c r="Y18840">
        <v>0</v>
      </c>
      <c r="Z18840">
        <v>0</v>
      </c>
      <c r="AA18840">
        <v>0</v>
      </c>
      <c r="AB18840">
        <v>0</v>
      </c>
      <c r="AC18840">
        <v>0</v>
      </c>
      <c r="AD18840">
        <v>0</v>
      </c>
      <c r="AE18840">
        <v>0</v>
      </c>
      <c r="AF18840">
        <v>0</v>
      </c>
      <c r="AG18840">
        <v>0</v>
      </c>
      <c r="AH18840">
        <v>0</v>
      </c>
      <c r="AI18840">
        <v>0</v>
      </c>
      <c r="AJ18840">
        <v>0</v>
      </c>
      <c r="AK18840">
        <v>0</v>
      </c>
      <c r="AL18840">
        <v>0</v>
      </c>
      <c r="AM18840">
        <v>0</v>
      </c>
      <c r="AN18840">
        <v>0</v>
      </c>
      <c r="AO18840">
        <v>0</v>
      </c>
      <c r="AP18840">
        <v>0</v>
      </c>
      <c r="AQ18840">
        <v>0</v>
      </c>
    </row>
    <row r="18841" spans="1:43">
      <c r="A18841" t="s">
        <v>11678</v>
      </c>
      <c r="B18841" t="s">
        <v>11679</v>
      </c>
      <c r="C18841" t="s">
        <v>11668</v>
      </c>
      <c r="D18841" t="s">
        <v>11669</v>
      </c>
      <c r="E18841" t="s">
        <v>11610</v>
      </c>
      <c r="F18841" t="s">
        <v>11611</v>
      </c>
      <c r="G18841" t="s">
        <v>11612</v>
      </c>
      <c r="H18841" t="s">
        <v>11613</v>
      </c>
      <c r="I18841" s="2">
        <v>0</v>
      </c>
      <c r="J18841" s="2">
        <v>0</v>
      </c>
      <c r="K18841" s="2">
        <v>1</v>
      </c>
      <c r="L18841" t="s">
        <v>995</v>
      </c>
      <c r="M18841" t="s">
        <v>83</v>
      </c>
      <c r="N18841" t="s">
        <v>91</v>
      </c>
      <c r="O18841" t="s">
        <v>85</v>
      </c>
      <c r="P18841" t="s">
        <v>86</v>
      </c>
      <c r="Q18841">
        <v>0</v>
      </c>
      <c r="R18841">
        <v>0</v>
      </c>
      <c r="S18841">
        <v>0</v>
      </c>
      <c r="T18841">
        <v>0</v>
      </c>
      <c r="U18841">
        <v>0</v>
      </c>
      <c r="V18841">
        <v>0</v>
      </c>
      <c r="W18841">
        <v>0</v>
      </c>
      <c r="X18841">
        <v>0</v>
      </c>
      <c r="Y18841">
        <v>0</v>
      </c>
      <c r="Z18841">
        <v>0</v>
      </c>
      <c r="AA18841">
        <v>0</v>
      </c>
      <c r="AB18841">
        <v>0</v>
      </c>
      <c r="AC18841">
        <v>0</v>
      </c>
      <c r="AD18841">
        <v>0</v>
      </c>
      <c r="AE18841">
        <v>0</v>
      </c>
      <c r="AF18841">
        <v>0</v>
      </c>
      <c r="AG18841">
        <v>0</v>
      </c>
      <c r="AH18841">
        <v>0</v>
      </c>
      <c r="AI18841">
        <v>0</v>
      </c>
      <c r="AJ18841">
        <v>0</v>
      </c>
      <c r="AK18841">
        <v>0</v>
      </c>
      <c r="AL18841">
        <v>0</v>
      </c>
      <c r="AM18841">
        <v>0</v>
      </c>
      <c r="AN18841">
        <v>0</v>
      </c>
      <c r="AO18841">
        <v>0</v>
      </c>
      <c r="AP18841">
        <v>0</v>
      </c>
      <c r="AQ18841">
        <v>0</v>
      </c>
    </row>
    <row r="18842" spans="1:43">
      <c r="A18842" t="s">
        <v>11680</v>
      </c>
      <c r="B18842" t="s">
        <v>11681</v>
      </c>
      <c r="C18842" t="s">
        <v>11668</v>
      </c>
      <c r="D18842" t="s">
        <v>11669</v>
      </c>
      <c r="E18842" t="s">
        <v>11610</v>
      </c>
      <c r="F18842" t="s">
        <v>11611</v>
      </c>
      <c r="G18842" t="s">
        <v>11612</v>
      </c>
      <c r="H18842" t="s">
        <v>11613</v>
      </c>
      <c r="I18842" s="2">
        <v>0</v>
      </c>
      <c r="J18842" s="2">
        <v>0</v>
      </c>
      <c r="K18842" s="2">
        <v>1</v>
      </c>
      <c r="L18842" t="s">
        <v>995</v>
      </c>
      <c r="M18842" t="s">
        <v>83</v>
      </c>
      <c r="N18842" t="s">
        <v>84</v>
      </c>
      <c r="O18842" t="s">
        <v>85</v>
      </c>
      <c r="P18842" t="s">
        <v>86</v>
      </c>
      <c r="Q18842">
        <v>88</v>
      </c>
      <c r="R18842">
        <v>89</v>
      </c>
      <c r="S18842">
        <v>90</v>
      </c>
      <c r="T18842">
        <v>91</v>
      </c>
      <c r="U18842">
        <v>93</v>
      </c>
      <c r="V18842">
        <v>94</v>
      </c>
      <c r="W18842">
        <v>95</v>
      </c>
      <c r="X18842">
        <v>96</v>
      </c>
      <c r="Y18842">
        <v>97</v>
      </c>
      <c r="Z18842">
        <v>98</v>
      </c>
      <c r="AA18842">
        <v>100</v>
      </c>
      <c r="AB18842">
        <v>101</v>
      </c>
      <c r="AC18842">
        <v>102</v>
      </c>
      <c r="AD18842">
        <v>103</v>
      </c>
      <c r="AE18842">
        <v>104</v>
      </c>
      <c r="AF18842">
        <v>105</v>
      </c>
      <c r="AG18842">
        <v>106</v>
      </c>
      <c r="AH18842">
        <v>107</v>
      </c>
      <c r="AI18842">
        <v>108</v>
      </c>
      <c r="AJ18842">
        <v>109</v>
      </c>
      <c r="AK18842">
        <v>111</v>
      </c>
      <c r="AL18842">
        <v>111</v>
      </c>
      <c r="AM18842">
        <v>111</v>
      </c>
      <c r="AN18842">
        <v>111</v>
      </c>
      <c r="AO18842">
        <v>111</v>
      </c>
      <c r="AP18842">
        <v>111</v>
      </c>
      <c r="AQ18842">
        <v>111</v>
      </c>
    </row>
    <row r="18843" spans="1:43">
      <c r="A18843" t="s">
        <v>11680</v>
      </c>
      <c r="B18843" t="s">
        <v>11681</v>
      </c>
      <c r="C18843" t="s">
        <v>11668</v>
      </c>
      <c r="D18843" t="s">
        <v>11669</v>
      </c>
      <c r="E18843" t="s">
        <v>11610</v>
      </c>
      <c r="F18843" t="s">
        <v>11611</v>
      </c>
      <c r="G18843" t="s">
        <v>11612</v>
      </c>
      <c r="H18843" t="s">
        <v>11613</v>
      </c>
      <c r="I18843" s="2">
        <v>0</v>
      </c>
      <c r="J18843" s="2">
        <v>0</v>
      </c>
      <c r="K18843" s="2">
        <v>1</v>
      </c>
      <c r="L18843" t="s">
        <v>995</v>
      </c>
      <c r="M18843" t="s">
        <v>87</v>
      </c>
      <c r="N18843" t="s">
        <v>88</v>
      </c>
      <c r="O18843" t="s">
        <v>85</v>
      </c>
      <c r="P18843" t="s">
        <v>86</v>
      </c>
      <c r="Q18843">
        <v>88</v>
      </c>
      <c r="R18843">
        <v>88</v>
      </c>
      <c r="S18843">
        <v>89</v>
      </c>
      <c r="T18843">
        <v>89</v>
      </c>
      <c r="U18843">
        <v>89</v>
      </c>
      <c r="V18843">
        <v>90</v>
      </c>
      <c r="W18843">
        <v>90</v>
      </c>
      <c r="X18843">
        <v>91</v>
      </c>
      <c r="Y18843">
        <v>91</v>
      </c>
      <c r="Z18843">
        <v>91</v>
      </c>
      <c r="AA18843">
        <v>92</v>
      </c>
      <c r="AB18843">
        <v>92</v>
      </c>
      <c r="AC18843">
        <v>92</v>
      </c>
      <c r="AD18843">
        <v>93</v>
      </c>
      <c r="AE18843">
        <v>93</v>
      </c>
      <c r="AF18843">
        <v>93</v>
      </c>
      <c r="AG18843">
        <v>94</v>
      </c>
      <c r="AH18843">
        <v>94</v>
      </c>
      <c r="AI18843">
        <v>95</v>
      </c>
      <c r="AJ18843">
        <v>95</v>
      </c>
      <c r="AK18843">
        <v>95</v>
      </c>
      <c r="AL18843">
        <v>96</v>
      </c>
      <c r="AM18843">
        <v>96</v>
      </c>
      <c r="AN18843">
        <v>96</v>
      </c>
      <c r="AO18843">
        <v>97</v>
      </c>
      <c r="AP18843">
        <v>97</v>
      </c>
      <c r="AQ18843">
        <v>97</v>
      </c>
    </row>
    <row r="18844" spans="1:43">
      <c r="A18844" t="s">
        <v>11680</v>
      </c>
      <c r="B18844" t="s">
        <v>11681</v>
      </c>
      <c r="C18844" t="s">
        <v>11668</v>
      </c>
      <c r="D18844" t="s">
        <v>11669</v>
      </c>
      <c r="E18844" t="s">
        <v>11610</v>
      </c>
      <c r="F18844" t="s">
        <v>11611</v>
      </c>
      <c r="G18844" t="s">
        <v>11612</v>
      </c>
      <c r="H18844" t="s">
        <v>11613</v>
      </c>
      <c r="I18844" s="2">
        <v>0</v>
      </c>
      <c r="J18844" s="2">
        <v>0</v>
      </c>
      <c r="K18844" s="2">
        <v>1</v>
      </c>
      <c r="L18844" t="s">
        <v>995</v>
      </c>
      <c r="M18844" t="s">
        <v>89</v>
      </c>
      <c r="N18844" t="s">
        <v>90</v>
      </c>
      <c r="O18844" t="s">
        <v>85</v>
      </c>
      <c r="P18844" t="s">
        <v>86</v>
      </c>
      <c r="Q18844">
        <v>88</v>
      </c>
      <c r="R18844">
        <v>90</v>
      </c>
      <c r="S18844">
        <v>91</v>
      </c>
      <c r="T18844">
        <v>93</v>
      </c>
      <c r="U18844">
        <v>95</v>
      </c>
      <c r="V18844">
        <v>97</v>
      </c>
      <c r="W18844">
        <v>99</v>
      </c>
      <c r="X18844">
        <v>100</v>
      </c>
      <c r="Y18844">
        <v>102</v>
      </c>
      <c r="Z18844">
        <v>104</v>
      </c>
      <c r="AA18844">
        <v>105</v>
      </c>
      <c r="AB18844">
        <v>106</v>
      </c>
      <c r="AC18844">
        <v>108</v>
      </c>
      <c r="AD18844">
        <v>110</v>
      </c>
      <c r="AE18844">
        <v>110</v>
      </c>
      <c r="AF18844">
        <v>111</v>
      </c>
      <c r="AG18844">
        <v>111</v>
      </c>
      <c r="AH18844">
        <v>111</v>
      </c>
      <c r="AI18844">
        <v>111</v>
      </c>
      <c r="AJ18844">
        <v>111</v>
      </c>
      <c r="AK18844">
        <v>111</v>
      </c>
      <c r="AL18844">
        <v>111</v>
      </c>
      <c r="AM18844">
        <v>111</v>
      </c>
      <c r="AN18844">
        <v>111</v>
      </c>
      <c r="AO18844">
        <v>111</v>
      </c>
      <c r="AP18844">
        <v>111</v>
      </c>
      <c r="AQ18844">
        <v>111</v>
      </c>
    </row>
    <row r="18845" spans="1:43">
      <c r="A18845" t="s">
        <v>11680</v>
      </c>
      <c r="B18845" t="s">
        <v>11681</v>
      </c>
      <c r="C18845" t="s">
        <v>11668</v>
      </c>
      <c r="D18845" t="s">
        <v>11669</v>
      </c>
      <c r="E18845" t="s">
        <v>11610</v>
      </c>
      <c r="F18845" t="s">
        <v>11611</v>
      </c>
      <c r="G18845" t="s">
        <v>11612</v>
      </c>
      <c r="H18845" t="s">
        <v>11613</v>
      </c>
      <c r="I18845" s="2">
        <v>0</v>
      </c>
      <c r="J18845" s="2">
        <v>0</v>
      </c>
      <c r="K18845" s="2">
        <v>1</v>
      </c>
      <c r="L18845" t="s">
        <v>995</v>
      </c>
      <c r="M18845" t="s">
        <v>83</v>
      </c>
      <c r="N18845" t="s">
        <v>91</v>
      </c>
      <c r="O18845" t="s">
        <v>85</v>
      </c>
      <c r="P18845" t="s">
        <v>86</v>
      </c>
      <c r="Q18845">
        <v>88</v>
      </c>
      <c r="R18845">
        <v>89</v>
      </c>
      <c r="S18845">
        <v>90</v>
      </c>
      <c r="T18845">
        <v>91</v>
      </c>
      <c r="U18845">
        <v>93</v>
      </c>
      <c r="V18845">
        <v>94</v>
      </c>
      <c r="W18845">
        <v>95</v>
      </c>
      <c r="X18845">
        <v>96</v>
      </c>
      <c r="Y18845">
        <v>97</v>
      </c>
      <c r="Z18845">
        <v>98</v>
      </c>
      <c r="AA18845">
        <v>100</v>
      </c>
      <c r="AB18845">
        <v>101</v>
      </c>
      <c r="AC18845">
        <v>102</v>
      </c>
      <c r="AD18845">
        <v>103</v>
      </c>
      <c r="AE18845">
        <v>104</v>
      </c>
      <c r="AF18845">
        <v>105</v>
      </c>
      <c r="AG18845">
        <v>106</v>
      </c>
      <c r="AH18845">
        <v>107</v>
      </c>
      <c r="AI18845">
        <v>108</v>
      </c>
      <c r="AJ18845">
        <v>109</v>
      </c>
      <c r="AK18845">
        <v>111</v>
      </c>
      <c r="AL18845">
        <v>111</v>
      </c>
      <c r="AM18845">
        <v>111</v>
      </c>
      <c r="AN18845">
        <v>111</v>
      </c>
      <c r="AO18845">
        <v>111</v>
      </c>
      <c r="AP18845">
        <v>111</v>
      </c>
      <c r="AQ18845">
        <v>111</v>
      </c>
    </row>
    <row r="18846" spans="1:43">
      <c r="A18846" t="s">
        <v>11682</v>
      </c>
      <c r="B18846" t="s">
        <v>11683</v>
      </c>
      <c r="C18846" t="s">
        <v>11668</v>
      </c>
      <c r="D18846" t="s">
        <v>11669</v>
      </c>
      <c r="E18846" t="s">
        <v>11610</v>
      </c>
      <c r="F18846" t="s">
        <v>11611</v>
      </c>
      <c r="G18846" t="s">
        <v>11612</v>
      </c>
      <c r="H18846" t="s">
        <v>11613</v>
      </c>
      <c r="I18846" s="2">
        <v>0</v>
      </c>
      <c r="J18846" s="2">
        <v>0</v>
      </c>
      <c r="K18846" s="2">
        <v>1</v>
      </c>
      <c r="L18846" t="s">
        <v>995</v>
      </c>
      <c r="M18846" t="s">
        <v>83</v>
      </c>
      <c r="N18846" t="s">
        <v>84</v>
      </c>
      <c r="O18846" t="s">
        <v>85</v>
      </c>
      <c r="P18846" t="s">
        <v>86</v>
      </c>
      <c r="Q18846">
        <v>111</v>
      </c>
      <c r="R18846">
        <v>113</v>
      </c>
      <c r="S18846">
        <v>114</v>
      </c>
      <c r="T18846">
        <v>116</v>
      </c>
      <c r="U18846">
        <v>117</v>
      </c>
      <c r="V18846">
        <v>119</v>
      </c>
      <c r="W18846">
        <v>120</v>
      </c>
      <c r="X18846">
        <v>122</v>
      </c>
      <c r="Y18846">
        <v>123</v>
      </c>
      <c r="Z18846">
        <v>125</v>
      </c>
      <c r="AA18846">
        <v>126</v>
      </c>
      <c r="AB18846">
        <v>127</v>
      </c>
      <c r="AC18846">
        <v>129</v>
      </c>
      <c r="AD18846">
        <v>130</v>
      </c>
      <c r="AE18846">
        <v>132</v>
      </c>
      <c r="AF18846">
        <v>133</v>
      </c>
      <c r="AG18846">
        <v>134</v>
      </c>
      <c r="AH18846">
        <v>136</v>
      </c>
      <c r="AI18846">
        <v>137</v>
      </c>
      <c r="AJ18846">
        <v>138</v>
      </c>
      <c r="AK18846">
        <v>140</v>
      </c>
      <c r="AL18846">
        <v>140</v>
      </c>
      <c r="AM18846">
        <v>140</v>
      </c>
      <c r="AN18846">
        <v>140</v>
      </c>
      <c r="AO18846">
        <v>141</v>
      </c>
      <c r="AP18846">
        <v>141</v>
      </c>
      <c r="AQ18846">
        <v>141</v>
      </c>
    </row>
    <row r="18847" spans="1:43">
      <c r="A18847" t="s">
        <v>11682</v>
      </c>
      <c r="B18847" t="s">
        <v>11683</v>
      </c>
      <c r="C18847" t="s">
        <v>11668</v>
      </c>
      <c r="D18847" t="s">
        <v>11669</v>
      </c>
      <c r="E18847" t="s">
        <v>11610</v>
      </c>
      <c r="F18847" t="s">
        <v>11611</v>
      </c>
      <c r="G18847" t="s">
        <v>11612</v>
      </c>
      <c r="H18847" t="s">
        <v>11613</v>
      </c>
      <c r="I18847" s="2">
        <v>0</v>
      </c>
      <c r="J18847" s="2">
        <v>0</v>
      </c>
      <c r="K18847" s="2">
        <v>1</v>
      </c>
      <c r="L18847" t="s">
        <v>995</v>
      </c>
      <c r="M18847" t="s">
        <v>87</v>
      </c>
      <c r="N18847" t="s">
        <v>88</v>
      </c>
      <c r="O18847" t="s">
        <v>85</v>
      </c>
      <c r="P18847" t="s">
        <v>86</v>
      </c>
      <c r="Q18847">
        <v>111</v>
      </c>
      <c r="R18847">
        <v>112</v>
      </c>
      <c r="S18847">
        <v>112</v>
      </c>
      <c r="T18847">
        <v>112</v>
      </c>
      <c r="U18847">
        <v>113</v>
      </c>
      <c r="V18847">
        <v>113</v>
      </c>
      <c r="W18847">
        <v>114</v>
      </c>
      <c r="X18847">
        <v>114</v>
      </c>
      <c r="Y18847">
        <v>115</v>
      </c>
      <c r="Z18847">
        <v>115</v>
      </c>
      <c r="AA18847">
        <v>116</v>
      </c>
      <c r="AB18847">
        <v>116</v>
      </c>
      <c r="AC18847">
        <v>117</v>
      </c>
      <c r="AD18847">
        <v>117</v>
      </c>
      <c r="AE18847">
        <v>118</v>
      </c>
      <c r="AF18847">
        <v>118</v>
      </c>
      <c r="AG18847">
        <v>118</v>
      </c>
      <c r="AH18847">
        <v>119</v>
      </c>
      <c r="AI18847">
        <v>119</v>
      </c>
      <c r="AJ18847">
        <v>120</v>
      </c>
      <c r="AK18847">
        <v>120</v>
      </c>
      <c r="AL18847">
        <v>121</v>
      </c>
      <c r="AM18847">
        <v>121</v>
      </c>
      <c r="AN18847">
        <v>122</v>
      </c>
      <c r="AO18847">
        <v>122</v>
      </c>
      <c r="AP18847">
        <v>123</v>
      </c>
      <c r="AQ18847">
        <v>123</v>
      </c>
    </row>
    <row r="18848" spans="1:43">
      <c r="A18848" t="s">
        <v>11682</v>
      </c>
      <c r="B18848" t="s">
        <v>11683</v>
      </c>
      <c r="C18848" t="s">
        <v>11668</v>
      </c>
      <c r="D18848" t="s">
        <v>11669</v>
      </c>
      <c r="E18848" t="s">
        <v>11610</v>
      </c>
      <c r="F18848" t="s">
        <v>11611</v>
      </c>
      <c r="G18848" t="s">
        <v>11612</v>
      </c>
      <c r="H18848" t="s">
        <v>11613</v>
      </c>
      <c r="I18848" s="2">
        <v>0</v>
      </c>
      <c r="J18848" s="2">
        <v>0</v>
      </c>
      <c r="K18848" s="2">
        <v>1</v>
      </c>
      <c r="L18848" t="s">
        <v>995</v>
      </c>
      <c r="M18848" t="s">
        <v>89</v>
      </c>
      <c r="N18848" t="s">
        <v>90</v>
      </c>
      <c r="O18848" t="s">
        <v>85</v>
      </c>
      <c r="P18848" t="s">
        <v>86</v>
      </c>
      <c r="Q18848">
        <v>111</v>
      </c>
      <c r="R18848">
        <v>114</v>
      </c>
      <c r="S18848">
        <v>116</v>
      </c>
      <c r="T18848">
        <v>118</v>
      </c>
      <c r="U18848">
        <v>121</v>
      </c>
      <c r="V18848">
        <v>123</v>
      </c>
      <c r="W18848">
        <v>125</v>
      </c>
      <c r="X18848">
        <v>127</v>
      </c>
      <c r="Y18848">
        <v>129</v>
      </c>
      <c r="Z18848">
        <v>131</v>
      </c>
      <c r="AA18848">
        <v>133</v>
      </c>
      <c r="AB18848">
        <v>135</v>
      </c>
      <c r="AC18848">
        <v>137</v>
      </c>
      <c r="AD18848">
        <v>139</v>
      </c>
      <c r="AE18848">
        <v>140</v>
      </c>
      <c r="AF18848">
        <v>140</v>
      </c>
      <c r="AG18848">
        <v>140</v>
      </c>
      <c r="AH18848">
        <v>140</v>
      </c>
      <c r="AI18848">
        <v>140</v>
      </c>
      <c r="AJ18848">
        <v>140</v>
      </c>
      <c r="AK18848">
        <v>140</v>
      </c>
      <c r="AL18848">
        <v>140</v>
      </c>
      <c r="AM18848">
        <v>141</v>
      </c>
      <c r="AN18848">
        <v>141</v>
      </c>
      <c r="AO18848">
        <v>141</v>
      </c>
      <c r="AP18848">
        <v>141</v>
      </c>
      <c r="AQ18848">
        <v>141</v>
      </c>
    </row>
    <row r="18849" spans="1:43">
      <c r="A18849" t="s">
        <v>11682</v>
      </c>
      <c r="B18849" t="s">
        <v>11683</v>
      </c>
      <c r="C18849" t="s">
        <v>11668</v>
      </c>
      <c r="D18849" t="s">
        <v>11669</v>
      </c>
      <c r="E18849" t="s">
        <v>11610</v>
      </c>
      <c r="F18849" t="s">
        <v>11611</v>
      </c>
      <c r="G18849" t="s">
        <v>11612</v>
      </c>
      <c r="H18849" t="s">
        <v>11613</v>
      </c>
      <c r="I18849" s="2">
        <v>0</v>
      </c>
      <c r="J18849" s="2">
        <v>0</v>
      </c>
      <c r="K18849" s="2">
        <v>1</v>
      </c>
      <c r="L18849" t="s">
        <v>995</v>
      </c>
      <c r="M18849" t="s">
        <v>83</v>
      </c>
      <c r="N18849" t="s">
        <v>91</v>
      </c>
      <c r="O18849" t="s">
        <v>85</v>
      </c>
      <c r="P18849" t="s">
        <v>86</v>
      </c>
      <c r="Q18849">
        <v>111</v>
      </c>
      <c r="R18849">
        <v>113</v>
      </c>
      <c r="S18849">
        <v>114</v>
      </c>
      <c r="T18849">
        <v>116</v>
      </c>
      <c r="U18849">
        <v>117</v>
      </c>
      <c r="V18849">
        <v>119</v>
      </c>
      <c r="W18849">
        <v>120</v>
      </c>
      <c r="X18849">
        <v>122</v>
      </c>
      <c r="Y18849">
        <v>123</v>
      </c>
      <c r="Z18849">
        <v>125</v>
      </c>
      <c r="AA18849">
        <v>126</v>
      </c>
      <c r="AB18849">
        <v>127</v>
      </c>
      <c r="AC18849">
        <v>129</v>
      </c>
      <c r="AD18849">
        <v>130</v>
      </c>
      <c r="AE18849">
        <v>132</v>
      </c>
      <c r="AF18849">
        <v>133</v>
      </c>
      <c r="AG18849">
        <v>134</v>
      </c>
      <c r="AH18849">
        <v>136</v>
      </c>
      <c r="AI18849">
        <v>137</v>
      </c>
      <c r="AJ18849">
        <v>138</v>
      </c>
      <c r="AK18849">
        <v>140</v>
      </c>
      <c r="AL18849">
        <v>140</v>
      </c>
      <c r="AM18849">
        <v>140</v>
      </c>
      <c r="AN18849">
        <v>140</v>
      </c>
      <c r="AO18849">
        <v>141</v>
      </c>
      <c r="AP18849">
        <v>141</v>
      </c>
      <c r="AQ18849">
        <v>141</v>
      </c>
    </row>
    <row r="18850" spans="1:43">
      <c r="A18850" t="s">
        <v>11684</v>
      </c>
      <c r="B18850" t="s">
        <v>11685</v>
      </c>
      <c r="C18850" t="s">
        <v>11640</v>
      </c>
      <c r="D18850" t="s">
        <v>11641</v>
      </c>
      <c r="E18850" t="s">
        <v>11610</v>
      </c>
      <c r="F18850" t="s">
        <v>11611</v>
      </c>
      <c r="G18850" t="s">
        <v>11612</v>
      </c>
      <c r="H18850" t="s">
        <v>11613</v>
      </c>
      <c r="I18850" s="2">
        <v>0</v>
      </c>
      <c r="J18850" s="2">
        <v>0</v>
      </c>
      <c r="K18850" s="2">
        <v>1</v>
      </c>
      <c r="L18850" t="s">
        <v>995</v>
      </c>
      <c r="M18850" t="s">
        <v>83</v>
      </c>
      <c r="N18850" t="s">
        <v>84</v>
      </c>
      <c r="O18850" t="s">
        <v>85</v>
      </c>
      <c r="P18850" t="s">
        <v>86</v>
      </c>
      <c r="Q18850">
        <v>48</v>
      </c>
      <c r="R18850">
        <v>49</v>
      </c>
      <c r="S18850">
        <v>50</v>
      </c>
      <c r="T18850">
        <v>50</v>
      </c>
      <c r="U18850">
        <v>51</v>
      </c>
      <c r="V18850">
        <v>52</v>
      </c>
      <c r="W18850">
        <v>52</v>
      </c>
      <c r="X18850">
        <v>53</v>
      </c>
      <c r="Y18850">
        <v>53</v>
      </c>
      <c r="Z18850">
        <v>54</v>
      </c>
      <c r="AA18850">
        <v>55</v>
      </c>
      <c r="AB18850">
        <v>55</v>
      </c>
      <c r="AC18850">
        <v>56</v>
      </c>
      <c r="AD18850">
        <v>57</v>
      </c>
      <c r="AE18850">
        <v>57</v>
      </c>
      <c r="AF18850">
        <v>58</v>
      </c>
      <c r="AG18850">
        <v>58</v>
      </c>
      <c r="AH18850">
        <v>59</v>
      </c>
      <c r="AI18850">
        <v>59</v>
      </c>
      <c r="AJ18850">
        <v>60</v>
      </c>
      <c r="AK18850">
        <v>61</v>
      </c>
      <c r="AL18850">
        <v>61</v>
      </c>
      <c r="AM18850">
        <v>61</v>
      </c>
      <c r="AN18850">
        <v>61</v>
      </c>
      <c r="AO18850">
        <v>61</v>
      </c>
      <c r="AP18850">
        <v>61</v>
      </c>
      <c r="AQ18850">
        <v>61</v>
      </c>
    </row>
    <row r="18851" spans="1:43">
      <c r="A18851" t="s">
        <v>11684</v>
      </c>
      <c r="B18851" t="s">
        <v>11685</v>
      </c>
      <c r="C18851" t="s">
        <v>11640</v>
      </c>
      <c r="D18851" t="s">
        <v>11641</v>
      </c>
      <c r="E18851" t="s">
        <v>11610</v>
      </c>
      <c r="F18851" t="s">
        <v>11611</v>
      </c>
      <c r="G18851" t="s">
        <v>11612</v>
      </c>
      <c r="H18851" t="s">
        <v>11613</v>
      </c>
      <c r="I18851" s="2">
        <v>0</v>
      </c>
      <c r="J18851" s="2">
        <v>0</v>
      </c>
      <c r="K18851" s="2">
        <v>1</v>
      </c>
      <c r="L18851" t="s">
        <v>995</v>
      </c>
      <c r="M18851" t="s">
        <v>87</v>
      </c>
      <c r="N18851" t="s">
        <v>88</v>
      </c>
      <c r="O18851" t="s">
        <v>85</v>
      </c>
      <c r="P18851" t="s">
        <v>86</v>
      </c>
      <c r="Q18851">
        <v>48</v>
      </c>
      <c r="R18851">
        <v>48</v>
      </c>
      <c r="S18851">
        <v>48</v>
      </c>
      <c r="T18851">
        <v>48</v>
      </c>
      <c r="U18851">
        <v>49</v>
      </c>
      <c r="V18851">
        <v>49</v>
      </c>
      <c r="W18851">
        <v>49</v>
      </c>
      <c r="X18851">
        <v>49</v>
      </c>
      <c r="Y18851">
        <v>49</v>
      </c>
      <c r="Z18851">
        <v>50</v>
      </c>
      <c r="AA18851">
        <v>50</v>
      </c>
      <c r="AB18851">
        <v>50</v>
      </c>
      <c r="AC18851">
        <v>50</v>
      </c>
      <c r="AD18851">
        <v>50</v>
      </c>
      <c r="AE18851">
        <v>51</v>
      </c>
      <c r="AF18851">
        <v>51</v>
      </c>
      <c r="AG18851">
        <v>51</v>
      </c>
      <c r="AH18851">
        <v>51</v>
      </c>
      <c r="AI18851">
        <v>51</v>
      </c>
      <c r="AJ18851">
        <v>52</v>
      </c>
      <c r="AK18851">
        <v>52</v>
      </c>
      <c r="AL18851">
        <v>52</v>
      </c>
      <c r="AM18851">
        <v>52</v>
      </c>
      <c r="AN18851">
        <v>52</v>
      </c>
      <c r="AO18851">
        <v>53</v>
      </c>
      <c r="AP18851">
        <v>53</v>
      </c>
      <c r="AQ18851">
        <v>53</v>
      </c>
    </row>
    <row r="18852" spans="1:43">
      <c r="A18852" t="s">
        <v>11684</v>
      </c>
      <c r="B18852" t="s">
        <v>11685</v>
      </c>
      <c r="C18852" t="s">
        <v>11640</v>
      </c>
      <c r="D18852" t="s">
        <v>11641</v>
      </c>
      <c r="E18852" t="s">
        <v>11610</v>
      </c>
      <c r="F18852" t="s">
        <v>11611</v>
      </c>
      <c r="G18852" t="s">
        <v>11612</v>
      </c>
      <c r="H18852" t="s">
        <v>11613</v>
      </c>
      <c r="I18852" s="2">
        <v>0</v>
      </c>
      <c r="J18852" s="2">
        <v>0</v>
      </c>
      <c r="K18852" s="2">
        <v>1</v>
      </c>
      <c r="L18852" t="s">
        <v>995</v>
      </c>
      <c r="M18852" t="s">
        <v>89</v>
      </c>
      <c r="N18852" t="s">
        <v>90</v>
      </c>
      <c r="O18852" t="s">
        <v>85</v>
      </c>
      <c r="P18852" t="s">
        <v>86</v>
      </c>
      <c r="Q18852">
        <v>48</v>
      </c>
      <c r="R18852">
        <v>49</v>
      </c>
      <c r="S18852">
        <v>50</v>
      </c>
      <c r="T18852">
        <v>51</v>
      </c>
      <c r="U18852">
        <v>52</v>
      </c>
      <c r="V18852">
        <v>53</v>
      </c>
      <c r="W18852">
        <v>54</v>
      </c>
      <c r="X18852">
        <v>55</v>
      </c>
      <c r="Y18852">
        <v>56</v>
      </c>
      <c r="Z18852">
        <v>56</v>
      </c>
      <c r="AA18852">
        <v>57</v>
      </c>
      <c r="AB18852">
        <v>58</v>
      </c>
      <c r="AC18852">
        <v>59</v>
      </c>
      <c r="AD18852">
        <v>60</v>
      </c>
      <c r="AE18852">
        <v>60</v>
      </c>
      <c r="AF18852">
        <v>60</v>
      </c>
      <c r="AG18852">
        <v>60</v>
      </c>
      <c r="AH18852">
        <v>60</v>
      </c>
      <c r="AI18852">
        <v>60</v>
      </c>
      <c r="AJ18852">
        <v>60</v>
      </c>
      <c r="AK18852">
        <v>60</v>
      </c>
      <c r="AL18852">
        <v>60</v>
      </c>
      <c r="AM18852">
        <v>60</v>
      </c>
      <c r="AN18852">
        <v>60</v>
      </c>
      <c r="AO18852">
        <v>60</v>
      </c>
      <c r="AP18852">
        <v>60</v>
      </c>
      <c r="AQ18852">
        <v>60</v>
      </c>
    </row>
    <row r="18853" spans="1:43">
      <c r="A18853" t="s">
        <v>11684</v>
      </c>
      <c r="B18853" t="s">
        <v>11685</v>
      </c>
      <c r="C18853" t="s">
        <v>11640</v>
      </c>
      <c r="D18853" t="s">
        <v>11641</v>
      </c>
      <c r="E18853" t="s">
        <v>11610</v>
      </c>
      <c r="F18853" t="s">
        <v>11611</v>
      </c>
      <c r="G18853" t="s">
        <v>11612</v>
      </c>
      <c r="H18853" t="s">
        <v>11613</v>
      </c>
      <c r="I18853" s="2">
        <v>0</v>
      </c>
      <c r="J18853" s="2">
        <v>0</v>
      </c>
      <c r="K18853" s="2">
        <v>1</v>
      </c>
      <c r="L18853" t="s">
        <v>995</v>
      </c>
      <c r="M18853" t="s">
        <v>83</v>
      </c>
      <c r="N18853" t="s">
        <v>91</v>
      </c>
      <c r="O18853" t="s">
        <v>85</v>
      </c>
      <c r="P18853" t="s">
        <v>86</v>
      </c>
      <c r="Q18853">
        <v>48</v>
      </c>
      <c r="R18853">
        <v>49</v>
      </c>
      <c r="S18853">
        <v>50</v>
      </c>
      <c r="T18853">
        <v>50</v>
      </c>
      <c r="U18853">
        <v>51</v>
      </c>
      <c r="V18853">
        <v>52</v>
      </c>
      <c r="W18853">
        <v>52</v>
      </c>
      <c r="X18853">
        <v>53</v>
      </c>
      <c r="Y18853">
        <v>53</v>
      </c>
      <c r="Z18853">
        <v>54</v>
      </c>
      <c r="AA18853">
        <v>55</v>
      </c>
      <c r="AB18853">
        <v>55</v>
      </c>
      <c r="AC18853">
        <v>56</v>
      </c>
      <c r="AD18853">
        <v>57</v>
      </c>
      <c r="AE18853">
        <v>57</v>
      </c>
      <c r="AF18853">
        <v>58</v>
      </c>
      <c r="AG18853">
        <v>58</v>
      </c>
      <c r="AH18853">
        <v>59</v>
      </c>
      <c r="AI18853">
        <v>59</v>
      </c>
      <c r="AJ18853">
        <v>60</v>
      </c>
      <c r="AK18853">
        <v>61</v>
      </c>
      <c r="AL18853">
        <v>61</v>
      </c>
      <c r="AM18853">
        <v>61</v>
      </c>
      <c r="AN18853">
        <v>61</v>
      </c>
      <c r="AO18853">
        <v>61</v>
      </c>
      <c r="AP18853">
        <v>61</v>
      </c>
      <c r="AQ18853">
        <v>61</v>
      </c>
    </row>
    <row r="18854" spans="1:43">
      <c r="A18854" t="s">
        <v>11686</v>
      </c>
      <c r="B18854" t="s">
        <v>11687</v>
      </c>
      <c r="C18854" t="s">
        <v>11688</v>
      </c>
      <c r="D18854" t="s">
        <v>11689</v>
      </c>
      <c r="E18854" t="s">
        <v>11610</v>
      </c>
      <c r="F18854" t="s">
        <v>11611</v>
      </c>
      <c r="G18854" t="s">
        <v>11612</v>
      </c>
      <c r="H18854" t="s">
        <v>11613</v>
      </c>
      <c r="I18854" s="2">
        <v>0</v>
      </c>
      <c r="J18854" s="2">
        <v>0</v>
      </c>
      <c r="K18854" s="2">
        <v>1</v>
      </c>
      <c r="L18854" t="s">
        <v>995</v>
      </c>
      <c r="M18854" t="s">
        <v>83</v>
      </c>
      <c r="N18854" t="s">
        <v>84</v>
      </c>
      <c r="O18854" t="s">
        <v>85</v>
      </c>
      <c r="P18854" t="s">
        <v>86</v>
      </c>
      <c r="Q18854">
        <v>15</v>
      </c>
      <c r="R18854">
        <v>15</v>
      </c>
      <c r="S18854">
        <v>15</v>
      </c>
      <c r="T18854">
        <v>15</v>
      </c>
      <c r="U18854">
        <v>15</v>
      </c>
      <c r="V18854">
        <v>16</v>
      </c>
      <c r="W18854">
        <v>16</v>
      </c>
      <c r="X18854">
        <v>16</v>
      </c>
      <c r="Y18854">
        <v>16</v>
      </c>
      <c r="Z18854">
        <v>16</v>
      </c>
      <c r="AA18854">
        <v>17</v>
      </c>
      <c r="AB18854">
        <v>17</v>
      </c>
      <c r="AC18854">
        <v>17</v>
      </c>
      <c r="AD18854">
        <v>17</v>
      </c>
      <c r="AE18854">
        <v>17</v>
      </c>
      <c r="AF18854">
        <v>18</v>
      </c>
      <c r="AG18854">
        <v>18</v>
      </c>
      <c r="AH18854">
        <v>18</v>
      </c>
      <c r="AI18854">
        <v>18</v>
      </c>
      <c r="AJ18854">
        <v>18</v>
      </c>
      <c r="AK18854">
        <v>18</v>
      </c>
      <c r="AL18854">
        <v>19</v>
      </c>
      <c r="AM18854">
        <v>19</v>
      </c>
      <c r="AN18854">
        <v>19</v>
      </c>
      <c r="AO18854">
        <v>19</v>
      </c>
      <c r="AP18854">
        <v>19</v>
      </c>
      <c r="AQ18854">
        <v>19</v>
      </c>
    </row>
    <row r="18855" spans="1:43">
      <c r="A18855" t="s">
        <v>11686</v>
      </c>
      <c r="B18855" t="s">
        <v>11687</v>
      </c>
      <c r="C18855" t="s">
        <v>11688</v>
      </c>
      <c r="D18855" t="s">
        <v>11689</v>
      </c>
      <c r="E18855" t="s">
        <v>11610</v>
      </c>
      <c r="F18855" t="s">
        <v>11611</v>
      </c>
      <c r="G18855" t="s">
        <v>11612</v>
      </c>
      <c r="H18855" t="s">
        <v>11613</v>
      </c>
      <c r="I18855" s="2">
        <v>0</v>
      </c>
      <c r="J18855" s="2">
        <v>0</v>
      </c>
      <c r="K18855" s="2">
        <v>1</v>
      </c>
      <c r="L18855" t="s">
        <v>995</v>
      </c>
      <c r="M18855" t="s">
        <v>87</v>
      </c>
      <c r="N18855" t="s">
        <v>88</v>
      </c>
      <c r="O18855" t="s">
        <v>85</v>
      </c>
      <c r="P18855" t="s">
        <v>86</v>
      </c>
      <c r="Q18855">
        <v>15</v>
      </c>
      <c r="R18855">
        <v>16</v>
      </c>
      <c r="S18855">
        <v>16</v>
      </c>
      <c r="T18855">
        <v>16</v>
      </c>
      <c r="U18855">
        <v>16</v>
      </c>
      <c r="V18855">
        <v>16</v>
      </c>
      <c r="W18855">
        <v>16</v>
      </c>
      <c r="X18855">
        <v>16</v>
      </c>
      <c r="Y18855">
        <v>16</v>
      </c>
      <c r="Z18855">
        <v>16</v>
      </c>
      <c r="AA18855">
        <v>16</v>
      </c>
      <c r="AB18855">
        <v>16</v>
      </c>
      <c r="AC18855">
        <v>16</v>
      </c>
      <c r="AD18855">
        <v>16</v>
      </c>
      <c r="AE18855">
        <v>16</v>
      </c>
      <c r="AF18855">
        <v>16</v>
      </c>
      <c r="AG18855">
        <v>16</v>
      </c>
      <c r="AH18855">
        <v>17</v>
      </c>
      <c r="AI18855">
        <v>17</v>
      </c>
      <c r="AJ18855">
        <v>17</v>
      </c>
      <c r="AK18855">
        <v>17</v>
      </c>
      <c r="AL18855">
        <v>17</v>
      </c>
      <c r="AM18855">
        <v>17</v>
      </c>
      <c r="AN18855">
        <v>17</v>
      </c>
      <c r="AO18855">
        <v>17</v>
      </c>
      <c r="AP18855">
        <v>17</v>
      </c>
      <c r="AQ18855">
        <v>17</v>
      </c>
    </row>
    <row r="18856" spans="1:43">
      <c r="A18856" t="s">
        <v>11686</v>
      </c>
      <c r="B18856" t="s">
        <v>11687</v>
      </c>
      <c r="C18856" t="s">
        <v>11688</v>
      </c>
      <c r="D18856" t="s">
        <v>11689</v>
      </c>
      <c r="E18856" t="s">
        <v>11610</v>
      </c>
      <c r="F18856" t="s">
        <v>11611</v>
      </c>
      <c r="G18856" t="s">
        <v>11612</v>
      </c>
      <c r="H18856" t="s">
        <v>11613</v>
      </c>
      <c r="I18856" s="2">
        <v>0</v>
      </c>
      <c r="J18856" s="2">
        <v>0</v>
      </c>
      <c r="K18856" s="2">
        <v>1</v>
      </c>
      <c r="L18856" t="s">
        <v>995</v>
      </c>
      <c r="M18856" t="s">
        <v>89</v>
      </c>
      <c r="N18856" t="s">
        <v>90</v>
      </c>
      <c r="O18856" t="s">
        <v>85</v>
      </c>
      <c r="P18856" t="s">
        <v>86</v>
      </c>
      <c r="Q18856">
        <v>15</v>
      </c>
      <c r="R18856">
        <v>15</v>
      </c>
      <c r="S18856">
        <v>15</v>
      </c>
      <c r="T18856">
        <v>16</v>
      </c>
      <c r="U18856">
        <v>16</v>
      </c>
      <c r="V18856">
        <v>16</v>
      </c>
      <c r="W18856">
        <v>17</v>
      </c>
      <c r="X18856">
        <v>17</v>
      </c>
      <c r="Y18856">
        <v>17</v>
      </c>
      <c r="Z18856">
        <v>17</v>
      </c>
      <c r="AA18856">
        <v>18</v>
      </c>
      <c r="AB18856">
        <v>18</v>
      </c>
      <c r="AC18856">
        <v>18</v>
      </c>
      <c r="AD18856">
        <v>18</v>
      </c>
      <c r="AE18856">
        <v>19</v>
      </c>
      <c r="AF18856">
        <v>19</v>
      </c>
      <c r="AG18856">
        <v>19</v>
      </c>
      <c r="AH18856">
        <v>19</v>
      </c>
      <c r="AI18856">
        <v>19</v>
      </c>
      <c r="AJ18856">
        <v>19</v>
      </c>
      <c r="AK18856">
        <v>19</v>
      </c>
      <c r="AL18856">
        <v>19</v>
      </c>
      <c r="AM18856">
        <v>19</v>
      </c>
      <c r="AN18856">
        <v>19</v>
      </c>
      <c r="AO18856">
        <v>19</v>
      </c>
      <c r="AP18856">
        <v>19</v>
      </c>
      <c r="AQ18856">
        <v>19</v>
      </c>
    </row>
    <row r="18857" spans="1:43">
      <c r="A18857" t="s">
        <v>11686</v>
      </c>
      <c r="B18857" t="s">
        <v>11687</v>
      </c>
      <c r="C18857" t="s">
        <v>11688</v>
      </c>
      <c r="D18857" t="s">
        <v>11689</v>
      </c>
      <c r="E18857" t="s">
        <v>11610</v>
      </c>
      <c r="F18857" t="s">
        <v>11611</v>
      </c>
      <c r="G18857" t="s">
        <v>11612</v>
      </c>
      <c r="H18857" t="s">
        <v>11613</v>
      </c>
      <c r="I18857" s="2">
        <v>0</v>
      </c>
      <c r="J18857" s="2">
        <v>0</v>
      </c>
      <c r="K18857" s="2">
        <v>1</v>
      </c>
      <c r="L18857" t="s">
        <v>995</v>
      </c>
      <c r="M18857" t="s">
        <v>83</v>
      </c>
      <c r="N18857" t="s">
        <v>91</v>
      </c>
      <c r="O18857" t="s">
        <v>85</v>
      </c>
      <c r="P18857" t="s">
        <v>86</v>
      </c>
      <c r="Q18857">
        <v>15</v>
      </c>
      <c r="R18857">
        <v>15</v>
      </c>
      <c r="S18857">
        <v>15</v>
      </c>
      <c r="T18857">
        <v>15</v>
      </c>
      <c r="U18857">
        <v>15</v>
      </c>
      <c r="V18857">
        <v>16</v>
      </c>
      <c r="W18857">
        <v>16</v>
      </c>
      <c r="X18857">
        <v>16</v>
      </c>
      <c r="Y18857">
        <v>16</v>
      </c>
      <c r="Z18857">
        <v>16</v>
      </c>
      <c r="AA18857">
        <v>17</v>
      </c>
      <c r="AB18857">
        <v>17</v>
      </c>
      <c r="AC18857">
        <v>17</v>
      </c>
      <c r="AD18857">
        <v>17</v>
      </c>
      <c r="AE18857">
        <v>17</v>
      </c>
      <c r="AF18857">
        <v>18</v>
      </c>
      <c r="AG18857">
        <v>18</v>
      </c>
      <c r="AH18857">
        <v>18</v>
      </c>
      <c r="AI18857">
        <v>18</v>
      </c>
      <c r="AJ18857">
        <v>18</v>
      </c>
      <c r="AK18857">
        <v>18</v>
      </c>
      <c r="AL18857">
        <v>19</v>
      </c>
      <c r="AM18857">
        <v>19</v>
      </c>
      <c r="AN18857">
        <v>19</v>
      </c>
      <c r="AO18857">
        <v>19</v>
      </c>
      <c r="AP18857">
        <v>19</v>
      </c>
      <c r="AQ18857">
        <v>19</v>
      </c>
    </row>
    <row r="18858" spans="1:43">
      <c r="A18858" t="s">
        <v>11690</v>
      </c>
      <c r="B18858" t="s">
        <v>11691</v>
      </c>
      <c r="C18858" t="s">
        <v>11688</v>
      </c>
      <c r="D18858" t="s">
        <v>11689</v>
      </c>
      <c r="E18858" t="s">
        <v>11610</v>
      </c>
      <c r="F18858" t="s">
        <v>11611</v>
      </c>
      <c r="G18858" t="s">
        <v>11612</v>
      </c>
      <c r="H18858" t="s">
        <v>11613</v>
      </c>
      <c r="I18858" s="2">
        <v>0</v>
      </c>
      <c r="J18858" s="2">
        <v>0</v>
      </c>
      <c r="K18858" s="2">
        <v>1</v>
      </c>
      <c r="L18858" t="s">
        <v>995</v>
      </c>
      <c r="M18858" t="s">
        <v>83</v>
      </c>
      <c r="N18858" t="s">
        <v>84</v>
      </c>
      <c r="O18858" t="s">
        <v>85</v>
      </c>
      <c r="P18858" t="s">
        <v>86</v>
      </c>
      <c r="Q18858">
        <v>9</v>
      </c>
      <c r="R18858">
        <v>9</v>
      </c>
      <c r="S18858">
        <v>9</v>
      </c>
      <c r="T18858">
        <v>9</v>
      </c>
      <c r="U18858">
        <v>10</v>
      </c>
      <c r="V18858">
        <v>10</v>
      </c>
      <c r="W18858">
        <v>10</v>
      </c>
      <c r="X18858">
        <v>10</v>
      </c>
      <c r="Y18858">
        <v>10</v>
      </c>
      <c r="Z18858">
        <v>10</v>
      </c>
      <c r="AA18858">
        <v>10</v>
      </c>
      <c r="AB18858">
        <v>10</v>
      </c>
      <c r="AC18858">
        <v>11</v>
      </c>
      <c r="AD18858">
        <v>11</v>
      </c>
      <c r="AE18858">
        <v>11</v>
      </c>
      <c r="AF18858">
        <v>11</v>
      </c>
      <c r="AG18858">
        <v>11</v>
      </c>
      <c r="AH18858">
        <v>11</v>
      </c>
      <c r="AI18858">
        <v>11</v>
      </c>
      <c r="AJ18858">
        <v>11</v>
      </c>
      <c r="AK18858">
        <v>11</v>
      </c>
      <c r="AL18858">
        <v>12</v>
      </c>
      <c r="AM18858">
        <v>12</v>
      </c>
      <c r="AN18858">
        <v>12</v>
      </c>
      <c r="AO18858">
        <v>12</v>
      </c>
      <c r="AP18858">
        <v>12</v>
      </c>
      <c r="AQ18858">
        <v>12</v>
      </c>
    </row>
    <row r="18859" spans="1:43">
      <c r="A18859" t="s">
        <v>11690</v>
      </c>
      <c r="B18859" t="s">
        <v>11691</v>
      </c>
      <c r="C18859" t="s">
        <v>11688</v>
      </c>
      <c r="D18859" t="s">
        <v>11689</v>
      </c>
      <c r="E18859" t="s">
        <v>11610</v>
      </c>
      <c r="F18859" t="s">
        <v>11611</v>
      </c>
      <c r="G18859" t="s">
        <v>11612</v>
      </c>
      <c r="H18859" t="s">
        <v>11613</v>
      </c>
      <c r="I18859" s="2">
        <v>0</v>
      </c>
      <c r="J18859" s="2">
        <v>0</v>
      </c>
      <c r="K18859" s="2">
        <v>1</v>
      </c>
      <c r="L18859" t="s">
        <v>995</v>
      </c>
      <c r="M18859" t="s">
        <v>87</v>
      </c>
      <c r="N18859" t="s">
        <v>88</v>
      </c>
      <c r="O18859" t="s">
        <v>85</v>
      </c>
      <c r="P18859" t="s">
        <v>86</v>
      </c>
      <c r="Q18859">
        <v>9</v>
      </c>
      <c r="R18859">
        <v>9</v>
      </c>
      <c r="S18859">
        <v>9</v>
      </c>
      <c r="T18859">
        <v>9</v>
      </c>
      <c r="U18859">
        <v>9</v>
      </c>
      <c r="V18859">
        <v>9</v>
      </c>
      <c r="W18859">
        <v>9</v>
      </c>
      <c r="X18859">
        <v>9</v>
      </c>
      <c r="Y18859">
        <v>9</v>
      </c>
      <c r="Z18859">
        <v>9</v>
      </c>
      <c r="AA18859">
        <v>9</v>
      </c>
      <c r="AB18859">
        <v>9</v>
      </c>
      <c r="AC18859">
        <v>9</v>
      </c>
      <c r="AD18859">
        <v>10</v>
      </c>
      <c r="AE18859">
        <v>10</v>
      </c>
      <c r="AF18859">
        <v>10</v>
      </c>
      <c r="AG18859">
        <v>10</v>
      </c>
      <c r="AH18859">
        <v>10</v>
      </c>
      <c r="AI18859">
        <v>10</v>
      </c>
      <c r="AJ18859">
        <v>10</v>
      </c>
      <c r="AK18859">
        <v>10</v>
      </c>
      <c r="AL18859">
        <v>10</v>
      </c>
      <c r="AM18859">
        <v>10</v>
      </c>
      <c r="AN18859">
        <v>10</v>
      </c>
      <c r="AO18859">
        <v>10</v>
      </c>
      <c r="AP18859">
        <v>10</v>
      </c>
      <c r="AQ18859">
        <v>10</v>
      </c>
    </row>
    <row r="18860" spans="1:43">
      <c r="A18860" t="s">
        <v>11690</v>
      </c>
      <c r="B18860" t="s">
        <v>11691</v>
      </c>
      <c r="C18860" t="s">
        <v>11688</v>
      </c>
      <c r="D18860" t="s">
        <v>11689</v>
      </c>
      <c r="E18860" t="s">
        <v>11610</v>
      </c>
      <c r="F18860" t="s">
        <v>11611</v>
      </c>
      <c r="G18860" t="s">
        <v>11612</v>
      </c>
      <c r="H18860" t="s">
        <v>11613</v>
      </c>
      <c r="I18860" s="2">
        <v>0</v>
      </c>
      <c r="J18860" s="2">
        <v>0</v>
      </c>
      <c r="K18860" s="2">
        <v>1</v>
      </c>
      <c r="L18860" t="s">
        <v>995</v>
      </c>
      <c r="M18860" t="s">
        <v>89</v>
      </c>
      <c r="N18860" t="s">
        <v>90</v>
      </c>
      <c r="O18860" t="s">
        <v>85</v>
      </c>
      <c r="P18860" t="s">
        <v>86</v>
      </c>
      <c r="Q18860">
        <v>9</v>
      </c>
      <c r="R18860">
        <v>9</v>
      </c>
      <c r="S18860">
        <v>10</v>
      </c>
      <c r="T18860">
        <v>10</v>
      </c>
      <c r="U18860">
        <v>10</v>
      </c>
      <c r="V18860">
        <v>10</v>
      </c>
      <c r="W18860">
        <v>10</v>
      </c>
      <c r="X18860">
        <v>11</v>
      </c>
      <c r="Y18860">
        <v>11</v>
      </c>
      <c r="Z18860">
        <v>11</v>
      </c>
      <c r="AA18860">
        <v>11</v>
      </c>
      <c r="AB18860">
        <v>11</v>
      </c>
      <c r="AC18860">
        <v>11</v>
      </c>
      <c r="AD18860">
        <v>11</v>
      </c>
      <c r="AE18860">
        <v>12</v>
      </c>
      <c r="AF18860">
        <v>12</v>
      </c>
      <c r="AG18860">
        <v>12</v>
      </c>
      <c r="AH18860">
        <v>12</v>
      </c>
      <c r="AI18860">
        <v>12</v>
      </c>
      <c r="AJ18860">
        <v>12</v>
      </c>
      <c r="AK18860">
        <v>12</v>
      </c>
      <c r="AL18860">
        <v>12</v>
      </c>
      <c r="AM18860">
        <v>12</v>
      </c>
      <c r="AN18860">
        <v>12</v>
      </c>
      <c r="AO18860">
        <v>12</v>
      </c>
      <c r="AP18860">
        <v>12</v>
      </c>
      <c r="AQ18860">
        <v>12</v>
      </c>
    </row>
    <row r="18861" spans="1:43">
      <c r="A18861" t="s">
        <v>11690</v>
      </c>
      <c r="B18861" t="s">
        <v>11691</v>
      </c>
      <c r="C18861" t="s">
        <v>11688</v>
      </c>
      <c r="D18861" t="s">
        <v>11689</v>
      </c>
      <c r="E18861" t="s">
        <v>11610</v>
      </c>
      <c r="F18861" t="s">
        <v>11611</v>
      </c>
      <c r="G18861" t="s">
        <v>11612</v>
      </c>
      <c r="H18861" t="s">
        <v>11613</v>
      </c>
      <c r="I18861" s="2">
        <v>0</v>
      </c>
      <c r="J18861" s="2">
        <v>0</v>
      </c>
      <c r="K18861" s="2">
        <v>1</v>
      </c>
      <c r="L18861" t="s">
        <v>995</v>
      </c>
      <c r="M18861" t="s">
        <v>83</v>
      </c>
      <c r="N18861" t="s">
        <v>91</v>
      </c>
      <c r="O18861" t="s">
        <v>85</v>
      </c>
      <c r="P18861" t="s">
        <v>86</v>
      </c>
      <c r="Q18861">
        <v>9</v>
      </c>
      <c r="R18861">
        <v>9</v>
      </c>
      <c r="S18861">
        <v>9</v>
      </c>
      <c r="T18861">
        <v>9</v>
      </c>
      <c r="U18861">
        <v>10</v>
      </c>
      <c r="V18861">
        <v>10</v>
      </c>
      <c r="W18861">
        <v>10</v>
      </c>
      <c r="X18861">
        <v>10</v>
      </c>
      <c r="Y18861">
        <v>10</v>
      </c>
      <c r="Z18861">
        <v>10</v>
      </c>
      <c r="AA18861">
        <v>10</v>
      </c>
      <c r="AB18861">
        <v>10</v>
      </c>
      <c r="AC18861">
        <v>11</v>
      </c>
      <c r="AD18861">
        <v>11</v>
      </c>
      <c r="AE18861">
        <v>11</v>
      </c>
      <c r="AF18861">
        <v>11</v>
      </c>
      <c r="AG18861">
        <v>11</v>
      </c>
      <c r="AH18861">
        <v>11</v>
      </c>
      <c r="AI18861">
        <v>11</v>
      </c>
      <c r="AJ18861">
        <v>11</v>
      </c>
      <c r="AK18861">
        <v>11</v>
      </c>
      <c r="AL18861">
        <v>12</v>
      </c>
      <c r="AM18861">
        <v>12</v>
      </c>
      <c r="AN18861">
        <v>12</v>
      </c>
      <c r="AO18861">
        <v>12</v>
      </c>
      <c r="AP18861">
        <v>12</v>
      </c>
      <c r="AQ18861">
        <v>12</v>
      </c>
    </row>
    <row r="18862" spans="1:43">
      <c r="A18862" t="s">
        <v>11692</v>
      </c>
      <c r="B18862" t="s">
        <v>11693</v>
      </c>
      <c r="C18862" t="s">
        <v>11688</v>
      </c>
      <c r="D18862" t="s">
        <v>11689</v>
      </c>
      <c r="E18862" t="s">
        <v>11610</v>
      </c>
      <c r="F18862" t="s">
        <v>11611</v>
      </c>
      <c r="G18862" t="s">
        <v>11612</v>
      </c>
      <c r="H18862" t="s">
        <v>11613</v>
      </c>
      <c r="I18862" s="2">
        <v>0</v>
      </c>
      <c r="J18862" s="2">
        <v>0</v>
      </c>
      <c r="K18862" s="2">
        <v>1</v>
      </c>
      <c r="L18862" t="s">
        <v>995</v>
      </c>
      <c r="M18862" t="s">
        <v>83</v>
      </c>
      <c r="N18862" t="s">
        <v>84</v>
      </c>
      <c r="O18862" t="s">
        <v>85</v>
      </c>
      <c r="P18862" t="s">
        <v>86</v>
      </c>
      <c r="Q18862">
        <v>20</v>
      </c>
      <c r="R18862">
        <v>21</v>
      </c>
      <c r="S18862">
        <v>21</v>
      </c>
      <c r="T18862">
        <v>21</v>
      </c>
      <c r="U18862">
        <v>21</v>
      </c>
      <c r="V18862">
        <v>22</v>
      </c>
      <c r="W18862">
        <v>22</v>
      </c>
      <c r="X18862">
        <v>22</v>
      </c>
      <c r="Y18862">
        <v>22</v>
      </c>
      <c r="Z18862">
        <v>23</v>
      </c>
      <c r="AA18862">
        <v>23</v>
      </c>
      <c r="AB18862">
        <v>23</v>
      </c>
      <c r="AC18862">
        <v>23</v>
      </c>
      <c r="AD18862">
        <v>24</v>
      </c>
      <c r="AE18862">
        <v>24</v>
      </c>
      <c r="AF18862">
        <v>24</v>
      </c>
      <c r="AG18862">
        <v>25</v>
      </c>
      <c r="AH18862">
        <v>25</v>
      </c>
      <c r="AI18862">
        <v>25</v>
      </c>
      <c r="AJ18862">
        <v>25</v>
      </c>
      <c r="AK18862">
        <v>26</v>
      </c>
      <c r="AL18862">
        <v>26</v>
      </c>
      <c r="AM18862">
        <v>26</v>
      </c>
      <c r="AN18862">
        <v>26</v>
      </c>
      <c r="AO18862">
        <v>26</v>
      </c>
      <c r="AP18862">
        <v>26</v>
      </c>
      <c r="AQ18862">
        <v>26</v>
      </c>
    </row>
    <row r="18863" spans="1:43">
      <c r="A18863" t="s">
        <v>11692</v>
      </c>
      <c r="B18863" t="s">
        <v>11693</v>
      </c>
      <c r="C18863" t="s">
        <v>11688</v>
      </c>
      <c r="D18863" t="s">
        <v>11689</v>
      </c>
      <c r="E18863" t="s">
        <v>11610</v>
      </c>
      <c r="F18863" t="s">
        <v>11611</v>
      </c>
      <c r="G18863" t="s">
        <v>11612</v>
      </c>
      <c r="H18863" t="s">
        <v>11613</v>
      </c>
      <c r="I18863" s="2">
        <v>0</v>
      </c>
      <c r="J18863" s="2">
        <v>0</v>
      </c>
      <c r="K18863" s="2">
        <v>1</v>
      </c>
      <c r="L18863" t="s">
        <v>995</v>
      </c>
      <c r="M18863" t="s">
        <v>87</v>
      </c>
      <c r="N18863" t="s">
        <v>88</v>
      </c>
      <c r="O18863" t="s">
        <v>85</v>
      </c>
      <c r="P18863" t="s">
        <v>86</v>
      </c>
      <c r="Q18863">
        <v>20</v>
      </c>
      <c r="R18863">
        <v>20</v>
      </c>
      <c r="S18863">
        <v>20</v>
      </c>
      <c r="T18863">
        <v>20</v>
      </c>
      <c r="U18863">
        <v>20</v>
      </c>
      <c r="V18863">
        <v>20</v>
      </c>
      <c r="W18863">
        <v>21</v>
      </c>
      <c r="X18863">
        <v>21</v>
      </c>
      <c r="Y18863">
        <v>21</v>
      </c>
      <c r="Z18863">
        <v>21</v>
      </c>
      <c r="AA18863">
        <v>21</v>
      </c>
      <c r="AB18863">
        <v>21</v>
      </c>
      <c r="AC18863">
        <v>21</v>
      </c>
      <c r="AD18863">
        <v>21</v>
      </c>
      <c r="AE18863">
        <v>21</v>
      </c>
      <c r="AF18863">
        <v>21</v>
      </c>
      <c r="AG18863">
        <v>21</v>
      </c>
      <c r="AH18863">
        <v>21</v>
      </c>
      <c r="AI18863">
        <v>22</v>
      </c>
      <c r="AJ18863">
        <v>22</v>
      </c>
      <c r="AK18863">
        <v>22</v>
      </c>
      <c r="AL18863">
        <v>22</v>
      </c>
      <c r="AM18863">
        <v>22</v>
      </c>
      <c r="AN18863">
        <v>22</v>
      </c>
      <c r="AO18863">
        <v>22</v>
      </c>
      <c r="AP18863">
        <v>22</v>
      </c>
      <c r="AQ18863">
        <v>22</v>
      </c>
    </row>
    <row r="18864" spans="1:43">
      <c r="A18864" t="s">
        <v>11692</v>
      </c>
      <c r="B18864" t="s">
        <v>11693</v>
      </c>
      <c r="C18864" t="s">
        <v>11688</v>
      </c>
      <c r="D18864" t="s">
        <v>11689</v>
      </c>
      <c r="E18864" t="s">
        <v>11610</v>
      </c>
      <c r="F18864" t="s">
        <v>11611</v>
      </c>
      <c r="G18864" t="s">
        <v>11612</v>
      </c>
      <c r="H18864" t="s">
        <v>11613</v>
      </c>
      <c r="I18864" s="2">
        <v>0</v>
      </c>
      <c r="J18864" s="2">
        <v>0</v>
      </c>
      <c r="K18864" s="2">
        <v>1</v>
      </c>
      <c r="L18864" t="s">
        <v>995</v>
      </c>
      <c r="M18864" t="s">
        <v>89</v>
      </c>
      <c r="N18864" t="s">
        <v>90</v>
      </c>
      <c r="O18864" t="s">
        <v>85</v>
      </c>
      <c r="P18864" t="s">
        <v>86</v>
      </c>
      <c r="Q18864">
        <v>20</v>
      </c>
      <c r="R18864">
        <v>21</v>
      </c>
      <c r="S18864">
        <v>21</v>
      </c>
      <c r="T18864">
        <v>22</v>
      </c>
      <c r="U18864">
        <v>22</v>
      </c>
      <c r="V18864">
        <v>23</v>
      </c>
      <c r="W18864">
        <v>23</v>
      </c>
      <c r="X18864">
        <v>23</v>
      </c>
      <c r="Y18864">
        <v>24</v>
      </c>
      <c r="Z18864">
        <v>24</v>
      </c>
      <c r="AA18864">
        <v>24</v>
      </c>
      <c r="AB18864">
        <v>25</v>
      </c>
      <c r="AC18864">
        <v>25</v>
      </c>
      <c r="AD18864">
        <v>26</v>
      </c>
      <c r="AE18864">
        <v>26</v>
      </c>
      <c r="AF18864">
        <v>26</v>
      </c>
      <c r="AG18864">
        <v>26</v>
      </c>
      <c r="AH18864">
        <v>26</v>
      </c>
      <c r="AI18864">
        <v>26</v>
      </c>
      <c r="AJ18864">
        <v>26</v>
      </c>
      <c r="AK18864">
        <v>26</v>
      </c>
      <c r="AL18864">
        <v>26</v>
      </c>
      <c r="AM18864">
        <v>26</v>
      </c>
      <c r="AN18864">
        <v>26</v>
      </c>
      <c r="AO18864">
        <v>26</v>
      </c>
      <c r="AP18864">
        <v>26</v>
      </c>
      <c r="AQ18864">
        <v>26</v>
      </c>
    </row>
    <row r="18865" spans="1:43">
      <c r="A18865" t="s">
        <v>11692</v>
      </c>
      <c r="B18865" t="s">
        <v>11693</v>
      </c>
      <c r="C18865" t="s">
        <v>11688</v>
      </c>
      <c r="D18865" t="s">
        <v>11689</v>
      </c>
      <c r="E18865" t="s">
        <v>11610</v>
      </c>
      <c r="F18865" t="s">
        <v>11611</v>
      </c>
      <c r="G18865" t="s">
        <v>11612</v>
      </c>
      <c r="H18865" t="s">
        <v>11613</v>
      </c>
      <c r="I18865" s="2">
        <v>0</v>
      </c>
      <c r="J18865" s="2">
        <v>0</v>
      </c>
      <c r="K18865" s="2">
        <v>1</v>
      </c>
      <c r="L18865" t="s">
        <v>995</v>
      </c>
      <c r="M18865" t="s">
        <v>83</v>
      </c>
      <c r="N18865" t="s">
        <v>91</v>
      </c>
      <c r="O18865" t="s">
        <v>85</v>
      </c>
      <c r="P18865" t="s">
        <v>86</v>
      </c>
      <c r="Q18865">
        <v>20</v>
      </c>
      <c r="R18865">
        <v>21</v>
      </c>
      <c r="S18865">
        <v>21</v>
      </c>
      <c r="T18865">
        <v>21</v>
      </c>
      <c r="U18865">
        <v>21</v>
      </c>
      <c r="V18865">
        <v>22</v>
      </c>
      <c r="W18865">
        <v>22</v>
      </c>
      <c r="X18865">
        <v>22</v>
      </c>
      <c r="Y18865">
        <v>22</v>
      </c>
      <c r="Z18865">
        <v>23</v>
      </c>
      <c r="AA18865">
        <v>23</v>
      </c>
      <c r="AB18865">
        <v>23</v>
      </c>
      <c r="AC18865">
        <v>23</v>
      </c>
      <c r="AD18865">
        <v>24</v>
      </c>
      <c r="AE18865">
        <v>24</v>
      </c>
      <c r="AF18865">
        <v>24</v>
      </c>
      <c r="AG18865">
        <v>25</v>
      </c>
      <c r="AH18865">
        <v>25</v>
      </c>
      <c r="AI18865">
        <v>25</v>
      </c>
      <c r="AJ18865">
        <v>25</v>
      </c>
      <c r="AK18865">
        <v>26</v>
      </c>
      <c r="AL18865">
        <v>26</v>
      </c>
      <c r="AM18865">
        <v>26</v>
      </c>
      <c r="AN18865">
        <v>26</v>
      </c>
      <c r="AO18865">
        <v>26</v>
      </c>
      <c r="AP18865">
        <v>26</v>
      </c>
      <c r="AQ18865">
        <v>26</v>
      </c>
    </row>
    <row r="18866" spans="1:43">
      <c r="A18866" t="s">
        <v>11694</v>
      </c>
      <c r="B18866" t="s">
        <v>11695</v>
      </c>
      <c r="C18866" t="s">
        <v>11696</v>
      </c>
      <c r="D18866" t="s">
        <v>11697</v>
      </c>
      <c r="E18866" t="s">
        <v>11610</v>
      </c>
      <c r="F18866" t="s">
        <v>11611</v>
      </c>
      <c r="G18866" t="s">
        <v>11612</v>
      </c>
      <c r="H18866" t="s">
        <v>11613</v>
      </c>
      <c r="I18866" s="2">
        <v>0</v>
      </c>
      <c r="J18866" s="2">
        <v>0</v>
      </c>
      <c r="K18866" s="2">
        <v>1</v>
      </c>
      <c r="L18866" t="s">
        <v>995</v>
      </c>
      <c r="M18866" t="s">
        <v>83</v>
      </c>
      <c r="N18866" t="s">
        <v>84</v>
      </c>
      <c r="O18866" t="s">
        <v>85</v>
      </c>
      <c r="P18866" t="s">
        <v>86</v>
      </c>
      <c r="Q18866">
        <v>15</v>
      </c>
      <c r="R18866">
        <v>15</v>
      </c>
      <c r="S18866">
        <v>15</v>
      </c>
      <c r="T18866">
        <v>16</v>
      </c>
      <c r="U18866">
        <v>16</v>
      </c>
      <c r="V18866">
        <v>16</v>
      </c>
      <c r="W18866">
        <v>16</v>
      </c>
      <c r="X18866">
        <v>16</v>
      </c>
      <c r="Y18866">
        <v>17</v>
      </c>
      <c r="Z18866">
        <v>17</v>
      </c>
      <c r="AA18866">
        <v>17</v>
      </c>
      <c r="AB18866">
        <v>17</v>
      </c>
      <c r="AC18866">
        <v>17</v>
      </c>
      <c r="AD18866">
        <v>18</v>
      </c>
      <c r="AE18866">
        <v>18</v>
      </c>
      <c r="AF18866">
        <v>18</v>
      </c>
      <c r="AG18866">
        <v>18</v>
      </c>
      <c r="AH18866">
        <v>18</v>
      </c>
      <c r="AI18866">
        <v>19</v>
      </c>
      <c r="AJ18866">
        <v>19</v>
      </c>
      <c r="AK18866">
        <v>19</v>
      </c>
      <c r="AL18866">
        <v>19</v>
      </c>
      <c r="AM18866">
        <v>19</v>
      </c>
      <c r="AN18866">
        <v>19</v>
      </c>
      <c r="AO18866">
        <v>19</v>
      </c>
      <c r="AP18866">
        <v>19</v>
      </c>
      <c r="AQ18866">
        <v>19</v>
      </c>
    </row>
    <row r="18867" spans="1:43">
      <c r="A18867" t="s">
        <v>11694</v>
      </c>
      <c r="B18867" t="s">
        <v>11695</v>
      </c>
      <c r="C18867" t="s">
        <v>11696</v>
      </c>
      <c r="D18867" t="s">
        <v>11697</v>
      </c>
      <c r="E18867" t="s">
        <v>11610</v>
      </c>
      <c r="F18867" t="s">
        <v>11611</v>
      </c>
      <c r="G18867" t="s">
        <v>11612</v>
      </c>
      <c r="H18867" t="s">
        <v>11613</v>
      </c>
      <c r="I18867" s="2">
        <v>0</v>
      </c>
      <c r="J18867" s="2">
        <v>0</v>
      </c>
      <c r="K18867" s="2">
        <v>1</v>
      </c>
      <c r="L18867" t="s">
        <v>995</v>
      </c>
      <c r="M18867" t="s">
        <v>87</v>
      </c>
      <c r="N18867" t="s">
        <v>88</v>
      </c>
      <c r="O18867" t="s">
        <v>85</v>
      </c>
      <c r="P18867" t="s">
        <v>86</v>
      </c>
      <c r="Q18867">
        <v>15</v>
      </c>
      <c r="R18867">
        <v>15</v>
      </c>
      <c r="S18867">
        <v>15</v>
      </c>
      <c r="T18867">
        <v>15</v>
      </c>
      <c r="U18867">
        <v>15</v>
      </c>
      <c r="V18867">
        <v>15</v>
      </c>
      <c r="W18867">
        <v>15</v>
      </c>
      <c r="X18867">
        <v>15</v>
      </c>
      <c r="Y18867">
        <v>15</v>
      </c>
      <c r="Z18867">
        <v>15</v>
      </c>
      <c r="AA18867">
        <v>15</v>
      </c>
      <c r="AB18867">
        <v>16</v>
      </c>
      <c r="AC18867">
        <v>16</v>
      </c>
      <c r="AD18867">
        <v>16</v>
      </c>
      <c r="AE18867">
        <v>16</v>
      </c>
      <c r="AF18867">
        <v>16</v>
      </c>
      <c r="AG18867">
        <v>16</v>
      </c>
      <c r="AH18867">
        <v>16</v>
      </c>
      <c r="AI18867">
        <v>16</v>
      </c>
      <c r="AJ18867">
        <v>16</v>
      </c>
      <c r="AK18867">
        <v>16</v>
      </c>
      <c r="AL18867">
        <v>16</v>
      </c>
      <c r="AM18867">
        <v>16</v>
      </c>
      <c r="AN18867">
        <v>16</v>
      </c>
      <c r="AO18867">
        <v>16</v>
      </c>
      <c r="AP18867">
        <v>16</v>
      </c>
      <c r="AQ18867">
        <v>17</v>
      </c>
    </row>
    <row r="18868" spans="1:43">
      <c r="A18868" t="s">
        <v>11694</v>
      </c>
      <c r="B18868" t="s">
        <v>11695</v>
      </c>
      <c r="C18868" t="s">
        <v>11696</v>
      </c>
      <c r="D18868" t="s">
        <v>11697</v>
      </c>
      <c r="E18868" t="s">
        <v>11610</v>
      </c>
      <c r="F18868" t="s">
        <v>11611</v>
      </c>
      <c r="G18868" t="s">
        <v>11612</v>
      </c>
      <c r="H18868" t="s">
        <v>11613</v>
      </c>
      <c r="I18868" s="2">
        <v>0</v>
      </c>
      <c r="J18868" s="2">
        <v>0</v>
      </c>
      <c r="K18868" s="2">
        <v>1</v>
      </c>
      <c r="L18868" t="s">
        <v>995</v>
      </c>
      <c r="M18868" t="s">
        <v>89</v>
      </c>
      <c r="N18868" t="s">
        <v>90</v>
      </c>
      <c r="O18868" t="s">
        <v>85</v>
      </c>
      <c r="P18868" t="s">
        <v>86</v>
      </c>
      <c r="Q18868">
        <v>15</v>
      </c>
      <c r="R18868">
        <v>15</v>
      </c>
      <c r="S18868">
        <v>16</v>
      </c>
      <c r="T18868">
        <v>16</v>
      </c>
      <c r="U18868">
        <v>16</v>
      </c>
      <c r="V18868">
        <v>17</v>
      </c>
      <c r="W18868">
        <v>17</v>
      </c>
      <c r="X18868">
        <v>17</v>
      </c>
      <c r="Y18868">
        <v>18</v>
      </c>
      <c r="Z18868">
        <v>18</v>
      </c>
      <c r="AA18868">
        <v>18</v>
      </c>
      <c r="AB18868">
        <v>18</v>
      </c>
      <c r="AC18868">
        <v>19</v>
      </c>
      <c r="AD18868">
        <v>19</v>
      </c>
      <c r="AE18868">
        <v>19</v>
      </c>
      <c r="AF18868">
        <v>19</v>
      </c>
      <c r="AG18868">
        <v>19</v>
      </c>
      <c r="AH18868">
        <v>19</v>
      </c>
      <c r="AI18868">
        <v>19</v>
      </c>
      <c r="AJ18868">
        <v>19</v>
      </c>
      <c r="AK18868">
        <v>19</v>
      </c>
      <c r="AL18868">
        <v>19</v>
      </c>
      <c r="AM18868">
        <v>19</v>
      </c>
      <c r="AN18868">
        <v>19</v>
      </c>
      <c r="AO18868">
        <v>19</v>
      </c>
      <c r="AP18868">
        <v>19</v>
      </c>
      <c r="AQ18868">
        <v>19</v>
      </c>
    </row>
    <row r="18869" spans="1:43">
      <c r="A18869" t="s">
        <v>11694</v>
      </c>
      <c r="B18869" t="s">
        <v>11695</v>
      </c>
      <c r="C18869" t="s">
        <v>11696</v>
      </c>
      <c r="D18869" t="s">
        <v>11697</v>
      </c>
      <c r="E18869" t="s">
        <v>11610</v>
      </c>
      <c r="F18869" t="s">
        <v>11611</v>
      </c>
      <c r="G18869" t="s">
        <v>11612</v>
      </c>
      <c r="H18869" t="s">
        <v>11613</v>
      </c>
      <c r="I18869" s="2">
        <v>0</v>
      </c>
      <c r="J18869" s="2">
        <v>0</v>
      </c>
      <c r="K18869" s="2">
        <v>1</v>
      </c>
      <c r="L18869" t="s">
        <v>995</v>
      </c>
      <c r="M18869" t="s">
        <v>83</v>
      </c>
      <c r="N18869" t="s">
        <v>91</v>
      </c>
      <c r="O18869" t="s">
        <v>85</v>
      </c>
      <c r="P18869" t="s">
        <v>86</v>
      </c>
      <c r="Q18869">
        <v>15</v>
      </c>
      <c r="R18869">
        <v>15</v>
      </c>
      <c r="S18869">
        <v>15</v>
      </c>
      <c r="T18869">
        <v>16</v>
      </c>
      <c r="U18869">
        <v>16</v>
      </c>
      <c r="V18869">
        <v>16</v>
      </c>
      <c r="W18869">
        <v>16</v>
      </c>
      <c r="X18869">
        <v>16</v>
      </c>
      <c r="Y18869">
        <v>17</v>
      </c>
      <c r="Z18869">
        <v>17</v>
      </c>
      <c r="AA18869">
        <v>17</v>
      </c>
      <c r="AB18869">
        <v>17</v>
      </c>
      <c r="AC18869">
        <v>17</v>
      </c>
      <c r="AD18869">
        <v>18</v>
      </c>
      <c r="AE18869">
        <v>18</v>
      </c>
      <c r="AF18869">
        <v>18</v>
      </c>
      <c r="AG18869">
        <v>18</v>
      </c>
      <c r="AH18869">
        <v>18</v>
      </c>
      <c r="AI18869">
        <v>19</v>
      </c>
      <c r="AJ18869">
        <v>19</v>
      </c>
      <c r="AK18869">
        <v>19</v>
      </c>
      <c r="AL18869">
        <v>19</v>
      </c>
      <c r="AM18869">
        <v>19</v>
      </c>
      <c r="AN18869">
        <v>19</v>
      </c>
      <c r="AO18869">
        <v>19</v>
      </c>
      <c r="AP18869">
        <v>19</v>
      </c>
      <c r="AQ18869">
        <v>19</v>
      </c>
    </row>
    <row r="18870" spans="1:43">
      <c r="A18870" t="s">
        <v>11698</v>
      </c>
      <c r="B18870" t="s">
        <v>11699</v>
      </c>
      <c r="C18870" t="s">
        <v>11696</v>
      </c>
      <c r="D18870" t="s">
        <v>11697</v>
      </c>
      <c r="E18870" t="s">
        <v>11610</v>
      </c>
      <c r="F18870" t="s">
        <v>11611</v>
      </c>
      <c r="G18870" t="s">
        <v>11612</v>
      </c>
      <c r="H18870" t="s">
        <v>11613</v>
      </c>
      <c r="I18870" s="2">
        <v>0</v>
      </c>
      <c r="J18870" s="2">
        <v>0</v>
      </c>
      <c r="K18870" s="2">
        <v>1</v>
      </c>
      <c r="L18870" t="s">
        <v>995</v>
      </c>
      <c r="M18870" t="s">
        <v>83</v>
      </c>
      <c r="N18870" t="s">
        <v>84</v>
      </c>
      <c r="O18870" t="s">
        <v>85</v>
      </c>
      <c r="P18870" t="s">
        <v>86</v>
      </c>
      <c r="Q18870">
        <v>9</v>
      </c>
      <c r="R18870">
        <v>9</v>
      </c>
      <c r="S18870">
        <v>10</v>
      </c>
      <c r="T18870">
        <v>10</v>
      </c>
      <c r="U18870">
        <v>10</v>
      </c>
      <c r="V18870">
        <v>10</v>
      </c>
      <c r="W18870">
        <v>10</v>
      </c>
      <c r="X18870">
        <v>10</v>
      </c>
      <c r="Y18870">
        <v>10</v>
      </c>
      <c r="Z18870">
        <v>10</v>
      </c>
      <c r="AA18870">
        <v>11</v>
      </c>
      <c r="AB18870">
        <v>11</v>
      </c>
      <c r="AC18870">
        <v>11</v>
      </c>
      <c r="AD18870">
        <v>11</v>
      </c>
      <c r="AE18870">
        <v>11</v>
      </c>
      <c r="AF18870">
        <v>11</v>
      </c>
      <c r="AG18870">
        <v>11</v>
      </c>
      <c r="AH18870">
        <v>11</v>
      </c>
      <c r="AI18870">
        <v>11</v>
      </c>
      <c r="AJ18870">
        <v>12</v>
      </c>
      <c r="AK18870">
        <v>12</v>
      </c>
      <c r="AL18870">
        <v>12</v>
      </c>
      <c r="AM18870">
        <v>12</v>
      </c>
      <c r="AN18870">
        <v>12</v>
      </c>
      <c r="AO18870">
        <v>12</v>
      </c>
      <c r="AP18870">
        <v>12</v>
      </c>
      <c r="AQ18870">
        <v>12</v>
      </c>
    </row>
    <row r="18871" spans="1:43">
      <c r="A18871" t="s">
        <v>11698</v>
      </c>
      <c r="B18871" t="s">
        <v>11699</v>
      </c>
      <c r="C18871" t="s">
        <v>11696</v>
      </c>
      <c r="D18871" t="s">
        <v>11697</v>
      </c>
      <c r="E18871" t="s">
        <v>11610</v>
      </c>
      <c r="F18871" t="s">
        <v>11611</v>
      </c>
      <c r="G18871" t="s">
        <v>11612</v>
      </c>
      <c r="H18871" t="s">
        <v>11613</v>
      </c>
      <c r="I18871" s="2">
        <v>0</v>
      </c>
      <c r="J18871" s="2">
        <v>0</v>
      </c>
      <c r="K18871" s="2">
        <v>1</v>
      </c>
      <c r="L18871" t="s">
        <v>995</v>
      </c>
      <c r="M18871" t="s">
        <v>87</v>
      </c>
      <c r="N18871" t="s">
        <v>88</v>
      </c>
      <c r="O18871" t="s">
        <v>85</v>
      </c>
      <c r="P18871" t="s">
        <v>86</v>
      </c>
      <c r="Q18871">
        <v>9</v>
      </c>
      <c r="R18871">
        <v>9</v>
      </c>
      <c r="S18871">
        <v>9</v>
      </c>
      <c r="T18871">
        <v>9</v>
      </c>
      <c r="U18871">
        <v>9</v>
      </c>
      <c r="V18871">
        <v>9</v>
      </c>
      <c r="W18871">
        <v>9</v>
      </c>
      <c r="X18871">
        <v>9</v>
      </c>
      <c r="Y18871">
        <v>9</v>
      </c>
      <c r="Z18871">
        <v>10</v>
      </c>
      <c r="AA18871">
        <v>10</v>
      </c>
      <c r="AB18871">
        <v>10</v>
      </c>
      <c r="AC18871">
        <v>10</v>
      </c>
      <c r="AD18871">
        <v>10</v>
      </c>
      <c r="AE18871">
        <v>10</v>
      </c>
      <c r="AF18871">
        <v>10</v>
      </c>
      <c r="AG18871">
        <v>10</v>
      </c>
      <c r="AH18871">
        <v>10</v>
      </c>
      <c r="AI18871">
        <v>10</v>
      </c>
      <c r="AJ18871">
        <v>10</v>
      </c>
      <c r="AK18871">
        <v>10</v>
      </c>
      <c r="AL18871">
        <v>10</v>
      </c>
      <c r="AM18871">
        <v>10</v>
      </c>
      <c r="AN18871">
        <v>10</v>
      </c>
      <c r="AO18871">
        <v>10</v>
      </c>
      <c r="AP18871">
        <v>10</v>
      </c>
      <c r="AQ18871">
        <v>10</v>
      </c>
    </row>
    <row r="18872" spans="1:43">
      <c r="A18872" t="s">
        <v>11698</v>
      </c>
      <c r="B18872" t="s">
        <v>11699</v>
      </c>
      <c r="C18872" t="s">
        <v>11696</v>
      </c>
      <c r="D18872" t="s">
        <v>11697</v>
      </c>
      <c r="E18872" t="s">
        <v>11610</v>
      </c>
      <c r="F18872" t="s">
        <v>11611</v>
      </c>
      <c r="G18872" t="s">
        <v>11612</v>
      </c>
      <c r="H18872" t="s">
        <v>11613</v>
      </c>
      <c r="I18872" s="2">
        <v>0</v>
      </c>
      <c r="J18872" s="2">
        <v>0</v>
      </c>
      <c r="K18872" s="2">
        <v>1</v>
      </c>
      <c r="L18872" t="s">
        <v>995</v>
      </c>
      <c r="M18872" t="s">
        <v>89</v>
      </c>
      <c r="N18872" t="s">
        <v>90</v>
      </c>
      <c r="O18872" t="s">
        <v>85</v>
      </c>
      <c r="P18872" t="s">
        <v>86</v>
      </c>
      <c r="Q18872">
        <v>9</v>
      </c>
      <c r="R18872">
        <v>10</v>
      </c>
      <c r="S18872">
        <v>10</v>
      </c>
      <c r="T18872">
        <v>10</v>
      </c>
      <c r="U18872">
        <v>10</v>
      </c>
      <c r="V18872">
        <v>10</v>
      </c>
      <c r="W18872">
        <v>11</v>
      </c>
      <c r="X18872">
        <v>11</v>
      </c>
      <c r="Y18872">
        <v>11</v>
      </c>
      <c r="Z18872">
        <v>11</v>
      </c>
      <c r="AA18872">
        <v>11</v>
      </c>
      <c r="AB18872">
        <v>11</v>
      </c>
      <c r="AC18872">
        <v>11</v>
      </c>
      <c r="AD18872">
        <v>12</v>
      </c>
      <c r="AE18872">
        <v>12</v>
      </c>
      <c r="AF18872">
        <v>12</v>
      </c>
      <c r="AG18872">
        <v>12</v>
      </c>
      <c r="AH18872">
        <v>12</v>
      </c>
      <c r="AI18872">
        <v>12</v>
      </c>
      <c r="AJ18872">
        <v>12</v>
      </c>
      <c r="AK18872">
        <v>12</v>
      </c>
      <c r="AL18872">
        <v>12</v>
      </c>
      <c r="AM18872">
        <v>12</v>
      </c>
      <c r="AN18872">
        <v>12</v>
      </c>
      <c r="AO18872">
        <v>12</v>
      </c>
      <c r="AP18872">
        <v>12</v>
      </c>
      <c r="AQ18872">
        <v>12</v>
      </c>
    </row>
    <row r="18873" spans="1:43">
      <c r="A18873" t="s">
        <v>11698</v>
      </c>
      <c r="B18873" t="s">
        <v>11699</v>
      </c>
      <c r="C18873" t="s">
        <v>11696</v>
      </c>
      <c r="D18873" t="s">
        <v>11697</v>
      </c>
      <c r="E18873" t="s">
        <v>11610</v>
      </c>
      <c r="F18873" t="s">
        <v>11611</v>
      </c>
      <c r="G18873" t="s">
        <v>11612</v>
      </c>
      <c r="H18873" t="s">
        <v>11613</v>
      </c>
      <c r="I18873" s="2">
        <v>0</v>
      </c>
      <c r="J18873" s="2">
        <v>0</v>
      </c>
      <c r="K18873" s="2">
        <v>1</v>
      </c>
      <c r="L18873" t="s">
        <v>995</v>
      </c>
      <c r="M18873" t="s">
        <v>83</v>
      </c>
      <c r="N18873" t="s">
        <v>91</v>
      </c>
      <c r="O18873" t="s">
        <v>85</v>
      </c>
      <c r="P18873" t="s">
        <v>86</v>
      </c>
      <c r="Q18873">
        <v>9</v>
      </c>
      <c r="R18873">
        <v>9</v>
      </c>
      <c r="S18873">
        <v>10</v>
      </c>
      <c r="T18873">
        <v>10</v>
      </c>
      <c r="U18873">
        <v>10</v>
      </c>
      <c r="V18873">
        <v>10</v>
      </c>
      <c r="W18873">
        <v>10</v>
      </c>
      <c r="X18873">
        <v>10</v>
      </c>
      <c r="Y18873">
        <v>10</v>
      </c>
      <c r="Z18873">
        <v>10</v>
      </c>
      <c r="AA18873">
        <v>11</v>
      </c>
      <c r="AB18873">
        <v>11</v>
      </c>
      <c r="AC18873">
        <v>11</v>
      </c>
      <c r="AD18873">
        <v>11</v>
      </c>
      <c r="AE18873">
        <v>11</v>
      </c>
      <c r="AF18873">
        <v>11</v>
      </c>
      <c r="AG18873">
        <v>11</v>
      </c>
      <c r="AH18873">
        <v>11</v>
      </c>
      <c r="AI18873">
        <v>11</v>
      </c>
      <c r="AJ18873">
        <v>12</v>
      </c>
      <c r="AK18873">
        <v>12</v>
      </c>
      <c r="AL18873">
        <v>12</v>
      </c>
      <c r="AM18873">
        <v>12</v>
      </c>
      <c r="AN18873">
        <v>12</v>
      </c>
      <c r="AO18873">
        <v>12</v>
      </c>
      <c r="AP18873">
        <v>12</v>
      </c>
      <c r="AQ18873">
        <v>12</v>
      </c>
    </row>
    <row r="18874" spans="1:43">
      <c r="A18874" t="s">
        <v>11700</v>
      </c>
      <c r="B18874" t="s">
        <v>11701</v>
      </c>
      <c r="C18874" t="s">
        <v>11696</v>
      </c>
      <c r="D18874" t="s">
        <v>11697</v>
      </c>
      <c r="E18874" t="s">
        <v>11610</v>
      </c>
      <c r="F18874" t="s">
        <v>11611</v>
      </c>
      <c r="G18874" t="s">
        <v>11612</v>
      </c>
      <c r="H18874" t="s">
        <v>11613</v>
      </c>
      <c r="I18874" s="2">
        <v>0</v>
      </c>
      <c r="J18874" s="2">
        <v>0</v>
      </c>
      <c r="K18874" s="2">
        <v>1</v>
      </c>
      <c r="L18874" t="s">
        <v>995</v>
      </c>
      <c r="M18874" t="s">
        <v>83</v>
      </c>
      <c r="N18874" t="s">
        <v>84</v>
      </c>
      <c r="O18874" t="s">
        <v>85</v>
      </c>
      <c r="P18874" t="s">
        <v>86</v>
      </c>
      <c r="Q18874">
        <v>13</v>
      </c>
      <c r="R18874">
        <v>13</v>
      </c>
      <c r="S18874">
        <v>13</v>
      </c>
      <c r="T18874">
        <v>13</v>
      </c>
      <c r="U18874">
        <v>13</v>
      </c>
      <c r="V18874">
        <v>13</v>
      </c>
      <c r="W18874">
        <v>14</v>
      </c>
      <c r="X18874">
        <v>14</v>
      </c>
      <c r="Y18874">
        <v>14</v>
      </c>
      <c r="Z18874">
        <v>14</v>
      </c>
      <c r="AA18874">
        <v>14</v>
      </c>
      <c r="AB18874">
        <v>14</v>
      </c>
      <c r="AC18874">
        <v>15</v>
      </c>
      <c r="AD18874">
        <v>15</v>
      </c>
      <c r="AE18874">
        <v>15</v>
      </c>
      <c r="AF18874">
        <v>15</v>
      </c>
      <c r="AG18874">
        <v>15</v>
      </c>
      <c r="AH18874">
        <v>15</v>
      </c>
      <c r="AI18874">
        <v>15</v>
      </c>
      <c r="AJ18874">
        <v>16</v>
      </c>
      <c r="AK18874">
        <v>16</v>
      </c>
      <c r="AL18874">
        <v>16</v>
      </c>
      <c r="AM18874">
        <v>16</v>
      </c>
      <c r="AN18874">
        <v>16</v>
      </c>
      <c r="AO18874">
        <v>16</v>
      </c>
      <c r="AP18874">
        <v>16</v>
      </c>
      <c r="AQ18874">
        <v>16</v>
      </c>
    </row>
    <row r="18875" spans="1:43">
      <c r="A18875" t="s">
        <v>11700</v>
      </c>
      <c r="B18875" t="s">
        <v>11701</v>
      </c>
      <c r="C18875" t="s">
        <v>11696</v>
      </c>
      <c r="D18875" t="s">
        <v>11697</v>
      </c>
      <c r="E18875" t="s">
        <v>11610</v>
      </c>
      <c r="F18875" t="s">
        <v>11611</v>
      </c>
      <c r="G18875" t="s">
        <v>11612</v>
      </c>
      <c r="H18875" t="s">
        <v>11613</v>
      </c>
      <c r="I18875" s="2">
        <v>0</v>
      </c>
      <c r="J18875" s="2">
        <v>0</v>
      </c>
      <c r="K18875" s="2">
        <v>1</v>
      </c>
      <c r="L18875" t="s">
        <v>995</v>
      </c>
      <c r="M18875" t="s">
        <v>87</v>
      </c>
      <c r="N18875" t="s">
        <v>88</v>
      </c>
      <c r="O18875" t="s">
        <v>85</v>
      </c>
      <c r="P18875" t="s">
        <v>86</v>
      </c>
      <c r="Q18875">
        <v>13</v>
      </c>
      <c r="R18875">
        <v>13</v>
      </c>
      <c r="S18875">
        <v>13</v>
      </c>
      <c r="T18875">
        <v>14</v>
      </c>
      <c r="U18875">
        <v>14</v>
      </c>
      <c r="V18875">
        <v>14</v>
      </c>
      <c r="W18875">
        <v>14</v>
      </c>
      <c r="X18875">
        <v>14</v>
      </c>
      <c r="Y18875">
        <v>14</v>
      </c>
      <c r="Z18875">
        <v>14</v>
      </c>
      <c r="AA18875">
        <v>14</v>
      </c>
      <c r="AB18875">
        <v>14</v>
      </c>
      <c r="AC18875">
        <v>14</v>
      </c>
      <c r="AD18875">
        <v>14</v>
      </c>
      <c r="AE18875">
        <v>14</v>
      </c>
      <c r="AF18875">
        <v>14</v>
      </c>
      <c r="AG18875">
        <v>14</v>
      </c>
      <c r="AH18875">
        <v>14</v>
      </c>
      <c r="AI18875">
        <v>14</v>
      </c>
      <c r="AJ18875">
        <v>14</v>
      </c>
      <c r="AK18875">
        <v>14</v>
      </c>
      <c r="AL18875">
        <v>14</v>
      </c>
      <c r="AM18875">
        <v>15</v>
      </c>
      <c r="AN18875">
        <v>15</v>
      </c>
      <c r="AO18875">
        <v>15</v>
      </c>
      <c r="AP18875">
        <v>15</v>
      </c>
      <c r="AQ18875">
        <v>15</v>
      </c>
    </row>
    <row r="18876" spans="1:43">
      <c r="A18876" t="s">
        <v>11700</v>
      </c>
      <c r="B18876" t="s">
        <v>11701</v>
      </c>
      <c r="C18876" t="s">
        <v>11696</v>
      </c>
      <c r="D18876" t="s">
        <v>11697</v>
      </c>
      <c r="E18876" t="s">
        <v>11610</v>
      </c>
      <c r="F18876" t="s">
        <v>11611</v>
      </c>
      <c r="G18876" t="s">
        <v>11612</v>
      </c>
      <c r="H18876" t="s">
        <v>11613</v>
      </c>
      <c r="I18876" s="2">
        <v>0</v>
      </c>
      <c r="J18876" s="2">
        <v>0</v>
      </c>
      <c r="K18876" s="2">
        <v>1</v>
      </c>
      <c r="L18876" t="s">
        <v>995</v>
      </c>
      <c r="M18876" t="s">
        <v>89</v>
      </c>
      <c r="N18876" t="s">
        <v>90</v>
      </c>
      <c r="O18876" t="s">
        <v>85</v>
      </c>
      <c r="P18876" t="s">
        <v>86</v>
      </c>
      <c r="Q18876">
        <v>13</v>
      </c>
      <c r="R18876">
        <v>13</v>
      </c>
      <c r="S18876">
        <v>13</v>
      </c>
      <c r="T18876">
        <v>13</v>
      </c>
      <c r="U18876">
        <v>14</v>
      </c>
      <c r="V18876">
        <v>14</v>
      </c>
      <c r="W18876">
        <v>14</v>
      </c>
      <c r="X18876">
        <v>14</v>
      </c>
      <c r="Y18876">
        <v>15</v>
      </c>
      <c r="Z18876">
        <v>15</v>
      </c>
      <c r="AA18876">
        <v>15</v>
      </c>
      <c r="AB18876">
        <v>15</v>
      </c>
      <c r="AC18876">
        <v>16</v>
      </c>
      <c r="AD18876">
        <v>16</v>
      </c>
      <c r="AE18876">
        <v>16</v>
      </c>
      <c r="AF18876">
        <v>16</v>
      </c>
      <c r="AG18876">
        <v>16</v>
      </c>
      <c r="AH18876">
        <v>16</v>
      </c>
      <c r="AI18876">
        <v>16</v>
      </c>
      <c r="AJ18876">
        <v>16</v>
      </c>
      <c r="AK18876">
        <v>16</v>
      </c>
      <c r="AL18876">
        <v>16</v>
      </c>
      <c r="AM18876">
        <v>16</v>
      </c>
      <c r="AN18876">
        <v>16</v>
      </c>
      <c r="AO18876">
        <v>16</v>
      </c>
      <c r="AP18876">
        <v>16</v>
      </c>
      <c r="AQ18876">
        <v>16</v>
      </c>
    </row>
    <row r="18877" spans="1:43">
      <c r="A18877" t="s">
        <v>11700</v>
      </c>
      <c r="B18877" t="s">
        <v>11701</v>
      </c>
      <c r="C18877" t="s">
        <v>11696</v>
      </c>
      <c r="D18877" t="s">
        <v>11697</v>
      </c>
      <c r="E18877" t="s">
        <v>11610</v>
      </c>
      <c r="F18877" t="s">
        <v>11611</v>
      </c>
      <c r="G18877" t="s">
        <v>11612</v>
      </c>
      <c r="H18877" t="s">
        <v>11613</v>
      </c>
      <c r="I18877" s="2">
        <v>0</v>
      </c>
      <c r="J18877" s="2">
        <v>0</v>
      </c>
      <c r="K18877" s="2">
        <v>1</v>
      </c>
      <c r="L18877" t="s">
        <v>995</v>
      </c>
      <c r="M18877" t="s">
        <v>83</v>
      </c>
      <c r="N18877" t="s">
        <v>91</v>
      </c>
      <c r="O18877" t="s">
        <v>85</v>
      </c>
      <c r="P18877" t="s">
        <v>86</v>
      </c>
      <c r="Q18877">
        <v>13</v>
      </c>
      <c r="R18877">
        <v>13</v>
      </c>
      <c r="S18877">
        <v>13</v>
      </c>
      <c r="T18877">
        <v>13</v>
      </c>
      <c r="U18877">
        <v>13</v>
      </c>
      <c r="V18877">
        <v>13</v>
      </c>
      <c r="W18877">
        <v>14</v>
      </c>
      <c r="X18877">
        <v>14</v>
      </c>
      <c r="Y18877">
        <v>14</v>
      </c>
      <c r="Z18877">
        <v>14</v>
      </c>
      <c r="AA18877">
        <v>14</v>
      </c>
      <c r="AB18877">
        <v>14</v>
      </c>
      <c r="AC18877">
        <v>15</v>
      </c>
      <c r="AD18877">
        <v>15</v>
      </c>
      <c r="AE18877">
        <v>15</v>
      </c>
      <c r="AF18877">
        <v>15</v>
      </c>
      <c r="AG18877">
        <v>15</v>
      </c>
      <c r="AH18877">
        <v>15</v>
      </c>
      <c r="AI18877">
        <v>15</v>
      </c>
      <c r="AJ18877">
        <v>16</v>
      </c>
      <c r="AK18877">
        <v>16</v>
      </c>
      <c r="AL18877">
        <v>16</v>
      </c>
      <c r="AM18877">
        <v>16</v>
      </c>
      <c r="AN18877">
        <v>16</v>
      </c>
      <c r="AO18877">
        <v>16</v>
      </c>
      <c r="AP18877">
        <v>16</v>
      </c>
      <c r="AQ18877">
        <v>16</v>
      </c>
    </row>
    <row r="18878" spans="1:43">
      <c r="A18878" t="s">
        <v>11702</v>
      </c>
      <c r="B18878" t="s">
        <v>11703</v>
      </c>
      <c r="C18878" t="s">
        <v>11696</v>
      </c>
      <c r="D18878" t="s">
        <v>11697</v>
      </c>
      <c r="E18878" t="s">
        <v>11610</v>
      </c>
      <c r="F18878" t="s">
        <v>11611</v>
      </c>
      <c r="G18878" t="s">
        <v>11612</v>
      </c>
      <c r="H18878" t="s">
        <v>11613</v>
      </c>
      <c r="I18878" s="2">
        <v>0</v>
      </c>
      <c r="J18878" s="2">
        <v>0</v>
      </c>
      <c r="K18878" s="2">
        <v>1</v>
      </c>
      <c r="L18878" t="s">
        <v>995</v>
      </c>
      <c r="M18878" t="s">
        <v>83</v>
      </c>
      <c r="N18878" t="s">
        <v>84</v>
      </c>
      <c r="O18878" t="s">
        <v>85</v>
      </c>
      <c r="P18878" t="s">
        <v>86</v>
      </c>
      <c r="Q18878">
        <v>19</v>
      </c>
      <c r="R18878">
        <v>20</v>
      </c>
      <c r="S18878">
        <v>20</v>
      </c>
      <c r="T18878">
        <v>20</v>
      </c>
      <c r="U18878">
        <v>20</v>
      </c>
      <c r="V18878">
        <v>21</v>
      </c>
      <c r="W18878">
        <v>21</v>
      </c>
      <c r="X18878">
        <v>21</v>
      </c>
      <c r="Y18878">
        <v>21</v>
      </c>
      <c r="Z18878">
        <v>22</v>
      </c>
      <c r="AA18878">
        <v>22</v>
      </c>
      <c r="AB18878">
        <v>22</v>
      </c>
      <c r="AC18878">
        <v>22</v>
      </c>
      <c r="AD18878">
        <v>23</v>
      </c>
      <c r="AE18878">
        <v>23</v>
      </c>
      <c r="AF18878">
        <v>23</v>
      </c>
      <c r="AG18878">
        <v>23</v>
      </c>
      <c r="AH18878">
        <v>24</v>
      </c>
      <c r="AI18878">
        <v>24</v>
      </c>
      <c r="AJ18878">
        <v>24</v>
      </c>
      <c r="AK18878">
        <v>24</v>
      </c>
      <c r="AL18878">
        <v>24</v>
      </c>
      <c r="AM18878">
        <v>24</v>
      </c>
      <c r="AN18878">
        <v>24</v>
      </c>
      <c r="AO18878">
        <v>24</v>
      </c>
      <c r="AP18878">
        <v>24</v>
      </c>
      <c r="AQ18878">
        <v>24</v>
      </c>
    </row>
    <row r="18879" spans="1:43">
      <c r="A18879" t="s">
        <v>11702</v>
      </c>
      <c r="B18879" t="s">
        <v>11703</v>
      </c>
      <c r="C18879" t="s">
        <v>11696</v>
      </c>
      <c r="D18879" t="s">
        <v>11697</v>
      </c>
      <c r="E18879" t="s">
        <v>11610</v>
      </c>
      <c r="F18879" t="s">
        <v>11611</v>
      </c>
      <c r="G18879" t="s">
        <v>11612</v>
      </c>
      <c r="H18879" t="s">
        <v>11613</v>
      </c>
      <c r="I18879" s="2">
        <v>0</v>
      </c>
      <c r="J18879" s="2">
        <v>0</v>
      </c>
      <c r="K18879" s="2">
        <v>1</v>
      </c>
      <c r="L18879" t="s">
        <v>995</v>
      </c>
      <c r="M18879" t="s">
        <v>87</v>
      </c>
      <c r="N18879" t="s">
        <v>88</v>
      </c>
      <c r="O18879" t="s">
        <v>85</v>
      </c>
      <c r="P18879" t="s">
        <v>86</v>
      </c>
      <c r="Q18879">
        <v>19</v>
      </c>
      <c r="R18879">
        <v>19</v>
      </c>
      <c r="S18879">
        <v>19</v>
      </c>
      <c r="T18879">
        <v>19</v>
      </c>
      <c r="U18879">
        <v>19</v>
      </c>
      <c r="V18879">
        <v>20</v>
      </c>
      <c r="W18879">
        <v>20</v>
      </c>
      <c r="X18879">
        <v>20</v>
      </c>
      <c r="Y18879">
        <v>20</v>
      </c>
      <c r="Z18879">
        <v>20</v>
      </c>
      <c r="AA18879">
        <v>20</v>
      </c>
      <c r="AB18879">
        <v>20</v>
      </c>
      <c r="AC18879">
        <v>20</v>
      </c>
      <c r="AD18879">
        <v>20</v>
      </c>
      <c r="AE18879">
        <v>20</v>
      </c>
      <c r="AF18879">
        <v>20</v>
      </c>
      <c r="AG18879">
        <v>20</v>
      </c>
      <c r="AH18879">
        <v>21</v>
      </c>
      <c r="AI18879">
        <v>21</v>
      </c>
      <c r="AJ18879">
        <v>21</v>
      </c>
      <c r="AK18879">
        <v>21</v>
      </c>
      <c r="AL18879">
        <v>21</v>
      </c>
      <c r="AM18879">
        <v>21</v>
      </c>
      <c r="AN18879">
        <v>21</v>
      </c>
      <c r="AO18879">
        <v>21</v>
      </c>
      <c r="AP18879">
        <v>21</v>
      </c>
      <c r="AQ18879">
        <v>21</v>
      </c>
    </row>
    <row r="18880" spans="1:43">
      <c r="A18880" t="s">
        <v>11702</v>
      </c>
      <c r="B18880" t="s">
        <v>11703</v>
      </c>
      <c r="C18880" t="s">
        <v>11696</v>
      </c>
      <c r="D18880" t="s">
        <v>11697</v>
      </c>
      <c r="E18880" t="s">
        <v>11610</v>
      </c>
      <c r="F18880" t="s">
        <v>11611</v>
      </c>
      <c r="G18880" t="s">
        <v>11612</v>
      </c>
      <c r="H18880" t="s">
        <v>11613</v>
      </c>
      <c r="I18880" s="2">
        <v>0</v>
      </c>
      <c r="J18880" s="2">
        <v>0</v>
      </c>
      <c r="K18880" s="2">
        <v>1</v>
      </c>
      <c r="L18880" t="s">
        <v>995</v>
      </c>
      <c r="M18880" t="s">
        <v>89</v>
      </c>
      <c r="N18880" t="s">
        <v>90</v>
      </c>
      <c r="O18880" t="s">
        <v>85</v>
      </c>
      <c r="P18880" t="s">
        <v>86</v>
      </c>
      <c r="Q18880">
        <v>19</v>
      </c>
      <c r="R18880">
        <v>19</v>
      </c>
      <c r="S18880">
        <v>19</v>
      </c>
      <c r="T18880">
        <v>20</v>
      </c>
      <c r="U18880">
        <v>20</v>
      </c>
      <c r="V18880">
        <v>21</v>
      </c>
      <c r="W18880">
        <v>21</v>
      </c>
      <c r="X18880">
        <v>21</v>
      </c>
      <c r="Y18880">
        <v>22</v>
      </c>
      <c r="Z18880">
        <v>22</v>
      </c>
      <c r="AA18880">
        <v>22</v>
      </c>
      <c r="AB18880">
        <v>23</v>
      </c>
      <c r="AC18880">
        <v>23</v>
      </c>
      <c r="AD18880">
        <v>23</v>
      </c>
      <c r="AE18880">
        <v>24</v>
      </c>
      <c r="AF18880">
        <v>24</v>
      </c>
      <c r="AG18880">
        <v>24</v>
      </c>
      <c r="AH18880">
        <v>24</v>
      </c>
      <c r="AI18880">
        <v>24</v>
      </c>
      <c r="AJ18880">
        <v>24</v>
      </c>
      <c r="AK18880">
        <v>24</v>
      </c>
      <c r="AL18880">
        <v>24</v>
      </c>
      <c r="AM18880">
        <v>24</v>
      </c>
      <c r="AN18880">
        <v>24</v>
      </c>
      <c r="AO18880">
        <v>24</v>
      </c>
      <c r="AP18880">
        <v>24</v>
      </c>
      <c r="AQ18880">
        <v>24</v>
      </c>
    </row>
    <row r="18881" spans="1:43">
      <c r="A18881" t="s">
        <v>11702</v>
      </c>
      <c r="B18881" t="s">
        <v>11703</v>
      </c>
      <c r="C18881" t="s">
        <v>11696</v>
      </c>
      <c r="D18881" t="s">
        <v>11697</v>
      </c>
      <c r="E18881" t="s">
        <v>11610</v>
      </c>
      <c r="F18881" t="s">
        <v>11611</v>
      </c>
      <c r="G18881" t="s">
        <v>11612</v>
      </c>
      <c r="H18881" t="s">
        <v>11613</v>
      </c>
      <c r="I18881" s="2">
        <v>0</v>
      </c>
      <c r="J18881" s="2">
        <v>0</v>
      </c>
      <c r="K18881" s="2">
        <v>1</v>
      </c>
      <c r="L18881" t="s">
        <v>995</v>
      </c>
      <c r="M18881" t="s">
        <v>83</v>
      </c>
      <c r="N18881" t="s">
        <v>91</v>
      </c>
      <c r="O18881" t="s">
        <v>85</v>
      </c>
      <c r="P18881" t="s">
        <v>86</v>
      </c>
      <c r="Q18881">
        <v>19</v>
      </c>
      <c r="R18881">
        <v>20</v>
      </c>
      <c r="S18881">
        <v>20</v>
      </c>
      <c r="T18881">
        <v>20</v>
      </c>
      <c r="U18881">
        <v>20</v>
      </c>
      <c r="V18881">
        <v>21</v>
      </c>
      <c r="W18881">
        <v>21</v>
      </c>
      <c r="X18881">
        <v>21</v>
      </c>
      <c r="Y18881">
        <v>21</v>
      </c>
      <c r="Z18881">
        <v>22</v>
      </c>
      <c r="AA18881">
        <v>22</v>
      </c>
      <c r="AB18881">
        <v>22</v>
      </c>
      <c r="AC18881">
        <v>22</v>
      </c>
      <c r="AD18881">
        <v>23</v>
      </c>
      <c r="AE18881">
        <v>23</v>
      </c>
      <c r="AF18881">
        <v>23</v>
      </c>
      <c r="AG18881">
        <v>23</v>
      </c>
      <c r="AH18881">
        <v>24</v>
      </c>
      <c r="AI18881">
        <v>24</v>
      </c>
      <c r="AJ18881">
        <v>24</v>
      </c>
      <c r="AK18881">
        <v>24</v>
      </c>
      <c r="AL18881">
        <v>24</v>
      </c>
      <c r="AM18881">
        <v>24</v>
      </c>
      <c r="AN18881">
        <v>24</v>
      </c>
      <c r="AO18881">
        <v>24</v>
      </c>
      <c r="AP18881">
        <v>24</v>
      </c>
      <c r="AQ18881">
        <v>24</v>
      </c>
    </row>
    <row r="18882" spans="1:43">
      <c r="A18882" t="s">
        <v>11704</v>
      </c>
      <c r="B18882" t="s">
        <v>11705</v>
      </c>
      <c r="C18882" t="s">
        <v>11696</v>
      </c>
      <c r="D18882" t="s">
        <v>11697</v>
      </c>
      <c r="E18882" t="s">
        <v>11610</v>
      </c>
      <c r="F18882" t="s">
        <v>11611</v>
      </c>
      <c r="G18882" t="s">
        <v>11612</v>
      </c>
      <c r="H18882" t="s">
        <v>11613</v>
      </c>
      <c r="I18882" s="2">
        <v>0</v>
      </c>
      <c r="J18882" s="2">
        <v>0</v>
      </c>
      <c r="K18882" s="2">
        <v>1</v>
      </c>
      <c r="L18882" t="s">
        <v>995</v>
      </c>
      <c r="M18882" t="s">
        <v>83</v>
      </c>
      <c r="N18882" t="s">
        <v>84</v>
      </c>
      <c r="O18882" t="s">
        <v>85</v>
      </c>
      <c r="P18882" t="s">
        <v>86</v>
      </c>
      <c r="Q18882">
        <v>9</v>
      </c>
      <c r="R18882">
        <v>9</v>
      </c>
      <c r="S18882">
        <v>9</v>
      </c>
      <c r="T18882">
        <v>9</v>
      </c>
      <c r="U18882">
        <v>9</v>
      </c>
      <c r="V18882">
        <v>9</v>
      </c>
      <c r="W18882">
        <v>9</v>
      </c>
      <c r="X18882">
        <v>9</v>
      </c>
      <c r="Y18882">
        <v>10</v>
      </c>
      <c r="Z18882">
        <v>10</v>
      </c>
      <c r="AA18882">
        <v>10</v>
      </c>
      <c r="AB18882">
        <v>10</v>
      </c>
      <c r="AC18882">
        <v>10</v>
      </c>
      <c r="AD18882">
        <v>10</v>
      </c>
      <c r="AE18882">
        <v>10</v>
      </c>
      <c r="AF18882">
        <v>10</v>
      </c>
      <c r="AG18882">
        <v>10</v>
      </c>
      <c r="AH18882">
        <v>10</v>
      </c>
      <c r="AI18882">
        <v>11</v>
      </c>
      <c r="AJ18882">
        <v>11</v>
      </c>
      <c r="AK18882">
        <v>11</v>
      </c>
      <c r="AL18882">
        <v>11</v>
      </c>
      <c r="AM18882">
        <v>11</v>
      </c>
      <c r="AN18882">
        <v>11</v>
      </c>
      <c r="AO18882">
        <v>11</v>
      </c>
      <c r="AP18882">
        <v>11</v>
      </c>
      <c r="AQ18882">
        <v>11</v>
      </c>
    </row>
    <row r="18883" spans="1:43">
      <c r="A18883" t="s">
        <v>11704</v>
      </c>
      <c r="B18883" t="s">
        <v>11705</v>
      </c>
      <c r="C18883" t="s">
        <v>11696</v>
      </c>
      <c r="D18883" t="s">
        <v>11697</v>
      </c>
      <c r="E18883" t="s">
        <v>11610</v>
      </c>
      <c r="F18883" t="s">
        <v>11611</v>
      </c>
      <c r="G18883" t="s">
        <v>11612</v>
      </c>
      <c r="H18883" t="s">
        <v>11613</v>
      </c>
      <c r="I18883" s="2">
        <v>0</v>
      </c>
      <c r="J18883" s="2">
        <v>0</v>
      </c>
      <c r="K18883" s="2">
        <v>1</v>
      </c>
      <c r="L18883" t="s">
        <v>995</v>
      </c>
      <c r="M18883" t="s">
        <v>87</v>
      </c>
      <c r="N18883" t="s">
        <v>88</v>
      </c>
      <c r="O18883" t="s">
        <v>85</v>
      </c>
      <c r="P18883" t="s">
        <v>86</v>
      </c>
      <c r="Q18883">
        <v>9</v>
      </c>
      <c r="R18883">
        <v>9</v>
      </c>
      <c r="S18883">
        <v>9</v>
      </c>
      <c r="T18883">
        <v>9</v>
      </c>
      <c r="U18883">
        <v>9</v>
      </c>
      <c r="V18883">
        <v>9</v>
      </c>
      <c r="W18883">
        <v>9</v>
      </c>
      <c r="X18883">
        <v>9</v>
      </c>
      <c r="Y18883">
        <v>9</v>
      </c>
      <c r="Z18883">
        <v>9</v>
      </c>
      <c r="AA18883">
        <v>9</v>
      </c>
      <c r="AB18883">
        <v>9</v>
      </c>
      <c r="AC18883">
        <v>9</v>
      </c>
      <c r="AD18883">
        <v>9</v>
      </c>
      <c r="AE18883">
        <v>9</v>
      </c>
      <c r="AF18883">
        <v>9</v>
      </c>
      <c r="AG18883">
        <v>9</v>
      </c>
      <c r="AH18883">
        <v>9</v>
      </c>
      <c r="AI18883">
        <v>9</v>
      </c>
      <c r="AJ18883">
        <v>9</v>
      </c>
      <c r="AK18883">
        <v>9</v>
      </c>
      <c r="AL18883">
        <v>9</v>
      </c>
      <c r="AM18883">
        <v>9</v>
      </c>
      <c r="AN18883">
        <v>9</v>
      </c>
      <c r="AO18883">
        <v>9</v>
      </c>
      <c r="AP18883">
        <v>9</v>
      </c>
      <c r="AQ18883">
        <v>9</v>
      </c>
    </row>
    <row r="18884" spans="1:43">
      <c r="A18884" t="s">
        <v>11704</v>
      </c>
      <c r="B18884" t="s">
        <v>11705</v>
      </c>
      <c r="C18884" t="s">
        <v>11696</v>
      </c>
      <c r="D18884" t="s">
        <v>11697</v>
      </c>
      <c r="E18884" t="s">
        <v>11610</v>
      </c>
      <c r="F18884" t="s">
        <v>11611</v>
      </c>
      <c r="G18884" t="s">
        <v>11612</v>
      </c>
      <c r="H18884" t="s">
        <v>11613</v>
      </c>
      <c r="I18884" s="2">
        <v>0</v>
      </c>
      <c r="J18884" s="2">
        <v>0</v>
      </c>
      <c r="K18884" s="2">
        <v>1</v>
      </c>
      <c r="L18884" t="s">
        <v>995</v>
      </c>
      <c r="M18884" t="s">
        <v>89</v>
      </c>
      <c r="N18884" t="s">
        <v>90</v>
      </c>
      <c r="O18884" t="s">
        <v>85</v>
      </c>
      <c r="P18884" t="s">
        <v>86</v>
      </c>
      <c r="Q18884">
        <v>9</v>
      </c>
      <c r="R18884">
        <v>9</v>
      </c>
      <c r="S18884">
        <v>9</v>
      </c>
      <c r="T18884">
        <v>9</v>
      </c>
      <c r="U18884">
        <v>9</v>
      </c>
      <c r="V18884">
        <v>10</v>
      </c>
      <c r="W18884">
        <v>10</v>
      </c>
      <c r="X18884">
        <v>10</v>
      </c>
      <c r="Y18884">
        <v>10</v>
      </c>
      <c r="Z18884">
        <v>10</v>
      </c>
      <c r="AA18884">
        <v>10</v>
      </c>
      <c r="AB18884">
        <v>11</v>
      </c>
      <c r="AC18884">
        <v>11</v>
      </c>
      <c r="AD18884">
        <v>11</v>
      </c>
      <c r="AE18884">
        <v>11</v>
      </c>
      <c r="AF18884">
        <v>11</v>
      </c>
      <c r="AG18884">
        <v>11</v>
      </c>
      <c r="AH18884">
        <v>11</v>
      </c>
      <c r="AI18884">
        <v>11</v>
      </c>
      <c r="AJ18884">
        <v>11</v>
      </c>
      <c r="AK18884">
        <v>11</v>
      </c>
      <c r="AL18884">
        <v>11</v>
      </c>
      <c r="AM18884">
        <v>11</v>
      </c>
      <c r="AN18884">
        <v>11</v>
      </c>
      <c r="AO18884">
        <v>11</v>
      </c>
      <c r="AP18884">
        <v>11</v>
      </c>
      <c r="AQ18884">
        <v>11</v>
      </c>
    </row>
    <row r="18885" spans="1:43">
      <c r="A18885" t="s">
        <v>11704</v>
      </c>
      <c r="B18885" t="s">
        <v>11705</v>
      </c>
      <c r="C18885" t="s">
        <v>11696</v>
      </c>
      <c r="D18885" t="s">
        <v>11697</v>
      </c>
      <c r="E18885" t="s">
        <v>11610</v>
      </c>
      <c r="F18885" t="s">
        <v>11611</v>
      </c>
      <c r="G18885" t="s">
        <v>11612</v>
      </c>
      <c r="H18885" t="s">
        <v>11613</v>
      </c>
      <c r="I18885" s="2">
        <v>0</v>
      </c>
      <c r="J18885" s="2">
        <v>0</v>
      </c>
      <c r="K18885" s="2">
        <v>1</v>
      </c>
      <c r="L18885" t="s">
        <v>995</v>
      </c>
      <c r="M18885" t="s">
        <v>83</v>
      </c>
      <c r="N18885" t="s">
        <v>91</v>
      </c>
      <c r="O18885" t="s">
        <v>85</v>
      </c>
      <c r="P18885" t="s">
        <v>86</v>
      </c>
      <c r="Q18885">
        <v>9</v>
      </c>
      <c r="R18885">
        <v>9</v>
      </c>
      <c r="S18885">
        <v>9</v>
      </c>
      <c r="T18885">
        <v>9</v>
      </c>
      <c r="U18885">
        <v>9</v>
      </c>
      <c r="V18885">
        <v>9</v>
      </c>
      <c r="W18885">
        <v>9</v>
      </c>
      <c r="X18885">
        <v>9</v>
      </c>
      <c r="Y18885">
        <v>10</v>
      </c>
      <c r="Z18885">
        <v>10</v>
      </c>
      <c r="AA18885">
        <v>10</v>
      </c>
      <c r="AB18885">
        <v>10</v>
      </c>
      <c r="AC18885">
        <v>10</v>
      </c>
      <c r="AD18885">
        <v>10</v>
      </c>
      <c r="AE18885">
        <v>10</v>
      </c>
      <c r="AF18885">
        <v>10</v>
      </c>
      <c r="AG18885">
        <v>10</v>
      </c>
      <c r="AH18885">
        <v>10</v>
      </c>
      <c r="AI18885">
        <v>11</v>
      </c>
      <c r="AJ18885">
        <v>11</v>
      </c>
      <c r="AK18885">
        <v>11</v>
      </c>
      <c r="AL18885">
        <v>11</v>
      </c>
      <c r="AM18885">
        <v>11</v>
      </c>
      <c r="AN18885">
        <v>11</v>
      </c>
      <c r="AO18885">
        <v>11</v>
      </c>
      <c r="AP18885">
        <v>11</v>
      </c>
      <c r="AQ18885">
        <v>11</v>
      </c>
    </row>
    <row r="18886" spans="1:43">
      <c r="A18886" t="s">
        <v>11706</v>
      </c>
      <c r="B18886" t="s">
        <v>11707</v>
      </c>
      <c r="C18886" t="s">
        <v>11688</v>
      </c>
      <c r="D18886" t="s">
        <v>11689</v>
      </c>
      <c r="E18886" t="s">
        <v>11610</v>
      </c>
      <c r="F18886" t="s">
        <v>11611</v>
      </c>
      <c r="G18886" t="s">
        <v>11612</v>
      </c>
      <c r="H18886" t="s">
        <v>11613</v>
      </c>
      <c r="I18886" s="2">
        <v>0</v>
      </c>
      <c r="J18886" s="2">
        <v>0</v>
      </c>
      <c r="K18886" s="2">
        <v>1</v>
      </c>
      <c r="L18886" t="s">
        <v>995</v>
      </c>
      <c r="M18886" t="s">
        <v>83</v>
      </c>
      <c r="N18886" t="s">
        <v>84</v>
      </c>
      <c r="O18886" t="s">
        <v>85</v>
      </c>
      <c r="P18886" t="s">
        <v>86</v>
      </c>
      <c r="Q18886">
        <v>21</v>
      </c>
      <c r="R18886">
        <v>22</v>
      </c>
      <c r="S18886">
        <v>22</v>
      </c>
      <c r="T18886">
        <v>22</v>
      </c>
      <c r="U18886">
        <v>22</v>
      </c>
      <c r="V18886">
        <v>23</v>
      </c>
      <c r="W18886">
        <v>23</v>
      </c>
      <c r="X18886">
        <v>23</v>
      </c>
      <c r="Y18886">
        <v>24</v>
      </c>
      <c r="Z18886">
        <v>24</v>
      </c>
      <c r="AA18886">
        <v>24</v>
      </c>
      <c r="AB18886">
        <v>24</v>
      </c>
      <c r="AC18886">
        <v>25</v>
      </c>
      <c r="AD18886">
        <v>25</v>
      </c>
      <c r="AE18886">
        <v>25</v>
      </c>
      <c r="AF18886">
        <v>25</v>
      </c>
      <c r="AG18886">
        <v>26</v>
      </c>
      <c r="AH18886">
        <v>26</v>
      </c>
      <c r="AI18886">
        <v>26</v>
      </c>
      <c r="AJ18886">
        <v>26</v>
      </c>
      <c r="AK18886">
        <v>27</v>
      </c>
      <c r="AL18886">
        <v>27</v>
      </c>
      <c r="AM18886">
        <v>27</v>
      </c>
      <c r="AN18886">
        <v>27</v>
      </c>
      <c r="AO18886">
        <v>27</v>
      </c>
      <c r="AP18886">
        <v>27</v>
      </c>
      <c r="AQ18886">
        <v>27</v>
      </c>
    </row>
    <row r="18887" spans="1:43">
      <c r="A18887" t="s">
        <v>11706</v>
      </c>
      <c r="B18887" t="s">
        <v>11707</v>
      </c>
      <c r="C18887" t="s">
        <v>11688</v>
      </c>
      <c r="D18887" t="s">
        <v>11689</v>
      </c>
      <c r="E18887" t="s">
        <v>11610</v>
      </c>
      <c r="F18887" t="s">
        <v>11611</v>
      </c>
      <c r="G18887" t="s">
        <v>11612</v>
      </c>
      <c r="H18887" t="s">
        <v>11613</v>
      </c>
      <c r="I18887" s="2">
        <v>0</v>
      </c>
      <c r="J18887" s="2">
        <v>0</v>
      </c>
      <c r="K18887" s="2">
        <v>1</v>
      </c>
      <c r="L18887" t="s">
        <v>995</v>
      </c>
      <c r="M18887" t="s">
        <v>87</v>
      </c>
      <c r="N18887" t="s">
        <v>88</v>
      </c>
      <c r="O18887" t="s">
        <v>85</v>
      </c>
      <c r="P18887" t="s">
        <v>86</v>
      </c>
      <c r="Q18887">
        <v>21</v>
      </c>
      <c r="R18887">
        <v>21</v>
      </c>
      <c r="S18887">
        <v>21</v>
      </c>
      <c r="T18887">
        <v>21</v>
      </c>
      <c r="U18887">
        <v>21</v>
      </c>
      <c r="V18887">
        <v>21</v>
      </c>
      <c r="W18887">
        <v>22</v>
      </c>
      <c r="X18887">
        <v>22</v>
      </c>
      <c r="Y18887">
        <v>22</v>
      </c>
      <c r="Z18887">
        <v>22</v>
      </c>
      <c r="AA18887">
        <v>22</v>
      </c>
      <c r="AB18887">
        <v>22</v>
      </c>
      <c r="AC18887">
        <v>22</v>
      </c>
      <c r="AD18887">
        <v>22</v>
      </c>
      <c r="AE18887">
        <v>22</v>
      </c>
      <c r="AF18887">
        <v>22</v>
      </c>
      <c r="AG18887">
        <v>22</v>
      </c>
      <c r="AH18887">
        <v>23</v>
      </c>
      <c r="AI18887">
        <v>23</v>
      </c>
      <c r="AJ18887">
        <v>23</v>
      </c>
      <c r="AK18887">
        <v>23</v>
      </c>
      <c r="AL18887">
        <v>23</v>
      </c>
      <c r="AM18887">
        <v>23</v>
      </c>
      <c r="AN18887">
        <v>23</v>
      </c>
      <c r="AO18887">
        <v>23</v>
      </c>
      <c r="AP18887">
        <v>23</v>
      </c>
      <c r="AQ18887">
        <v>23</v>
      </c>
    </row>
    <row r="18888" spans="1:43">
      <c r="A18888" t="s">
        <v>11706</v>
      </c>
      <c r="B18888" t="s">
        <v>11707</v>
      </c>
      <c r="C18888" t="s">
        <v>11688</v>
      </c>
      <c r="D18888" t="s">
        <v>11689</v>
      </c>
      <c r="E18888" t="s">
        <v>11610</v>
      </c>
      <c r="F18888" t="s">
        <v>11611</v>
      </c>
      <c r="G18888" t="s">
        <v>11612</v>
      </c>
      <c r="H18888" t="s">
        <v>11613</v>
      </c>
      <c r="I18888" s="2">
        <v>0</v>
      </c>
      <c r="J18888" s="2">
        <v>0</v>
      </c>
      <c r="K18888" s="2">
        <v>1</v>
      </c>
      <c r="L18888" t="s">
        <v>995</v>
      </c>
      <c r="M18888" t="s">
        <v>89</v>
      </c>
      <c r="N18888" t="s">
        <v>90</v>
      </c>
      <c r="O18888" t="s">
        <v>85</v>
      </c>
      <c r="P18888" t="s">
        <v>86</v>
      </c>
      <c r="Q18888">
        <v>21</v>
      </c>
      <c r="R18888">
        <v>22</v>
      </c>
      <c r="S18888">
        <v>22</v>
      </c>
      <c r="T18888">
        <v>23</v>
      </c>
      <c r="U18888">
        <v>23</v>
      </c>
      <c r="V18888">
        <v>24</v>
      </c>
      <c r="W18888">
        <v>24</v>
      </c>
      <c r="X18888">
        <v>25</v>
      </c>
      <c r="Y18888">
        <v>25</v>
      </c>
      <c r="Z18888">
        <v>25</v>
      </c>
      <c r="AA18888">
        <v>26</v>
      </c>
      <c r="AB18888">
        <v>26</v>
      </c>
      <c r="AC18888">
        <v>26</v>
      </c>
      <c r="AD18888">
        <v>27</v>
      </c>
      <c r="AE18888">
        <v>27</v>
      </c>
      <c r="AF18888">
        <v>27</v>
      </c>
      <c r="AG18888">
        <v>27</v>
      </c>
      <c r="AH18888">
        <v>27</v>
      </c>
      <c r="AI18888">
        <v>27</v>
      </c>
      <c r="AJ18888">
        <v>27</v>
      </c>
      <c r="AK18888">
        <v>27</v>
      </c>
      <c r="AL18888">
        <v>27</v>
      </c>
      <c r="AM18888">
        <v>27</v>
      </c>
      <c r="AN18888">
        <v>27</v>
      </c>
      <c r="AO18888">
        <v>27</v>
      </c>
      <c r="AP18888">
        <v>27</v>
      </c>
      <c r="AQ18888">
        <v>27</v>
      </c>
    </row>
    <row r="18889" spans="1:43">
      <c r="A18889" t="s">
        <v>11706</v>
      </c>
      <c r="B18889" t="s">
        <v>11707</v>
      </c>
      <c r="C18889" t="s">
        <v>11688</v>
      </c>
      <c r="D18889" t="s">
        <v>11689</v>
      </c>
      <c r="E18889" t="s">
        <v>11610</v>
      </c>
      <c r="F18889" t="s">
        <v>11611</v>
      </c>
      <c r="G18889" t="s">
        <v>11612</v>
      </c>
      <c r="H18889" t="s">
        <v>11613</v>
      </c>
      <c r="I18889" s="2">
        <v>0</v>
      </c>
      <c r="J18889" s="2">
        <v>0</v>
      </c>
      <c r="K18889" s="2">
        <v>1</v>
      </c>
      <c r="L18889" t="s">
        <v>995</v>
      </c>
      <c r="M18889" t="s">
        <v>83</v>
      </c>
      <c r="N18889" t="s">
        <v>91</v>
      </c>
      <c r="O18889" t="s">
        <v>85</v>
      </c>
      <c r="P18889" t="s">
        <v>86</v>
      </c>
      <c r="Q18889">
        <v>21</v>
      </c>
      <c r="R18889">
        <v>22</v>
      </c>
      <c r="S18889">
        <v>22</v>
      </c>
      <c r="T18889">
        <v>22</v>
      </c>
      <c r="U18889">
        <v>22</v>
      </c>
      <c r="V18889">
        <v>23</v>
      </c>
      <c r="W18889">
        <v>23</v>
      </c>
      <c r="X18889">
        <v>23</v>
      </c>
      <c r="Y18889">
        <v>24</v>
      </c>
      <c r="Z18889">
        <v>24</v>
      </c>
      <c r="AA18889">
        <v>24</v>
      </c>
      <c r="AB18889">
        <v>24</v>
      </c>
      <c r="AC18889">
        <v>25</v>
      </c>
      <c r="AD18889">
        <v>25</v>
      </c>
      <c r="AE18889">
        <v>25</v>
      </c>
      <c r="AF18889">
        <v>25</v>
      </c>
      <c r="AG18889">
        <v>26</v>
      </c>
      <c r="AH18889">
        <v>26</v>
      </c>
      <c r="AI18889">
        <v>26</v>
      </c>
      <c r="AJ18889">
        <v>26</v>
      </c>
      <c r="AK18889">
        <v>27</v>
      </c>
      <c r="AL18889">
        <v>27</v>
      </c>
      <c r="AM18889">
        <v>27</v>
      </c>
      <c r="AN18889">
        <v>27</v>
      </c>
      <c r="AO18889">
        <v>27</v>
      </c>
      <c r="AP18889">
        <v>27</v>
      </c>
      <c r="AQ18889">
        <v>27</v>
      </c>
    </row>
    <row r="18890" spans="1:43">
      <c r="A18890" t="s">
        <v>11708</v>
      </c>
      <c r="B18890" t="s">
        <v>11709</v>
      </c>
      <c r="C18890" t="s">
        <v>11688</v>
      </c>
      <c r="D18890" t="s">
        <v>11689</v>
      </c>
      <c r="E18890" t="s">
        <v>11610</v>
      </c>
      <c r="F18890" t="s">
        <v>11611</v>
      </c>
      <c r="G18890" t="s">
        <v>11612</v>
      </c>
      <c r="H18890" t="s">
        <v>11613</v>
      </c>
      <c r="I18890" s="2">
        <v>0</v>
      </c>
      <c r="J18890" s="2">
        <v>0</v>
      </c>
      <c r="K18890" s="2">
        <v>1</v>
      </c>
      <c r="L18890" t="s">
        <v>995</v>
      </c>
      <c r="M18890" t="s">
        <v>83</v>
      </c>
      <c r="N18890" t="s">
        <v>84</v>
      </c>
      <c r="O18890" t="s">
        <v>85</v>
      </c>
      <c r="P18890" t="s">
        <v>86</v>
      </c>
      <c r="Q18890">
        <v>13</v>
      </c>
      <c r="R18890">
        <v>14</v>
      </c>
      <c r="S18890">
        <v>14</v>
      </c>
      <c r="T18890">
        <v>14</v>
      </c>
      <c r="U18890">
        <v>14</v>
      </c>
      <c r="V18890">
        <v>14</v>
      </c>
      <c r="W18890">
        <v>14</v>
      </c>
      <c r="X18890">
        <v>15</v>
      </c>
      <c r="Y18890">
        <v>15</v>
      </c>
      <c r="Z18890">
        <v>15</v>
      </c>
      <c r="AA18890">
        <v>15</v>
      </c>
      <c r="AB18890">
        <v>15</v>
      </c>
      <c r="AC18890">
        <v>16</v>
      </c>
      <c r="AD18890">
        <v>16</v>
      </c>
      <c r="AE18890">
        <v>16</v>
      </c>
      <c r="AF18890">
        <v>16</v>
      </c>
      <c r="AG18890">
        <v>16</v>
      </c>
      <c r="AH18890">
        <v>16</v>
      </c>
      <c r="AI18890">
        <v>17</v>
      </c>
      <c r="AJ18890">
        <v>17</v>
      </c>
      <c r="AK18890">
        <v>17</v>
      </c>
      <c r="AL18890">
        <v>17</v>
      </c>
      <c r="AM18890">
        <v>17</v>
      </c>
      <c r="AN18890">
        <v>17</v>
      </c>
      <c r="AO18890">
        <v>17</v>
      </c>
      <c r="AP18890">
        <v>17</v>
      </c>
      <c r="AQ18890">
        <v>17</v>
      </c>
    </row>
    <row r="18891" spans="1:43">
      <c r="A18891" t="s">
        <v>11708</v>
      </c>
      <c r="B18891" t="s">
        <v>11709</v>
      </c>
      <c r="C18891" t="s">
        <v>11688</v>
      </c>
      <c r="D18891" t="s">
        <v>11689</v>
      </c>
      <c r="E18891" t="s">
        <v>11610</v>
      </c>
      <c r="F18891" t="s">
        <v>11611</v>
      </c>
      <c r="G18891" t="s">
        <v>11612</v>
      </c>
      <c r="H18891" t="s">
        <v>11613</v>
      </c>
      <c r="I18891" s="2">
        <v>0</v>
      </c>
      <c r="J18891" s="2">
        <v>0</v>
      </c>
      <c r="K18891" s="2">
        <v>1</v>
      </c>
      <c r="L18891" t="s">
        <v>995</v>
      </c>
      <c r="M18891" t="s">
        <v>87</v>
      </c>
      <c r="N18891" t="s">
        <v>88</v>
      </c>
      <c r="O18891" t="s">
        <v>85</v>
      </c>
      <c r="P18891" t="s">
        <v>86</v>
      </c>
      <c r="Q18891">
        <v>13</v>
      </c>
      <c r="R18891">
        <v>13</v>
      </c>
      <c r="S18891">
        <v>13</v>
      </c>
      <c r="T18891">
        <v>13</v>
      </c>
      <c r="U18891">
        <v>14</v>
      </c>
      <c r="V18891">
        <v>14</v>
      </c>
      <c r="W18891">
        <v>14</v>
      </c>
      <c r="X18891">
        <v>14</v>
      </c>
      <c r="Y18891">
        <v>14</v>
      </c>
      <c r="Z18891">
        <v>14</v>
      </c>
      <c r="AA18891">
        <v>14</v>
      </c>
      <c r="AB18891">
        <v>14</v>
      </c>
      <c r="AC18891">
        <v>14</v>
      </c>
      <c r="AD18891">
        <v>14</v>
      </c>
      <c r="AE18891">
        <v>14</v>
      </c>
      <c r="AF18891">
        <v>14</v>
      </c>
      <c r="AG18891">
        <v>14</v>
      </c>
      <c r="AH18891">
        <v>14</v>
      </c>
      <c r="AI18891">
        <v>14</v>
      </c>
      <c r="AJ18891">
        <v>14</v>
      </c>
      <c r="AK18891">
        <v>14</v>
      </c>
      <c r="AL18891">
        <v>14</v>
      </c>
      <c r="AM18891">
        <v>14</v>
      </c>
      <c r="AN18891">
        <v>15</v>
      </c>
      <c r="AO18891">
        <v>15</v>
      </c>
      <c r="AP18891">
        <v>15</v>
      </c>
      <c r="AQ18891">
        <v>15</v>
      </c>
    </row>
    <row r="18892" spans="1:43">
      <c r="A18892" t="s">
        <v>11708</v>
      </c>
      <c r="B18892" t="s">
        <v>11709</v>
      </c>
      <c r="C18892" t="s">
        <v>11688</v>
      </c>
      <c r="D18892" t="s">
        <v>11689</v>
      </c>
      <c r="E18892" t="s">
        <v>11610</v>
      </c>
      <c r="F18892" t="s">
        <v>11611</v>
      </c>
      <c r="G18892" t="s">
        <v>11612</v>
      </c>
      <c r="H18892" t="s">
        <v>11613</v>
      </c>
      <c r="I18892" s="2">
        <v>0</v>
      </c>
      <c r="J18892" s="2">
        <v>0</v>
      </c>
      <c r="K18892" s="2">
        <v>1</v>
      </c>
      <c r="L18892" t="s">
        <v>995</v>
      </c>
      <c r="M18892" t="s">
        <v>89</v>
      </c>
      <c r="N18892" t="s">
        <v>90</v>
      </c>
      <c r="O18892" t="s">
        <v>85</v>
      </c>
      <c r="P18892" t="s">
        <v>86</v>
      </c>
      <c r="Q18892">
        <v>13</v>
      </c>
      <c r="R18892">
        <v>13</v>
      </c>
      <c r="S18892">
        <v>13</v>
      </c>
      <c r="T18892">
        <v>13</v>
      </c>
      <c r="U18892">
        <v>14</v>
      </c>
      <c r="V18892">
        <v>14</v>
      </c>
      <c r="W18892">
        <v>14</v>
      </c>
      <c r="X18892">
        <v>14</v>
      </c>
      <c r="Y18892">
        <v>15</v>
      </c>
      <c r="Z18892">
        <v>15</v>
      </c>
      <c r="AA18892">
        <v>15</v>
      </c>
      <c r="AB18892">
        <v>15</v>
      </c>
      <c r="AC18892">
        <v>16</v>
      </c>
      <c r="AD18892">
        <v>16</v>
      </c>
      <c r="AE18892">
        <v>16</v>
      </c>
      <c r="AF18892">
        <v>16</v>
      </c>
      <c r="AG18892">
        <v>16</v>
      </c>
      <c r="AH18892">
        <v>16</v>
      </c>
      <c r="AI18892">
        <v>16</v>
      </c>
      <c r="AJ18892">
        <v>16</v>
      </c>
      <c r="AK18892">
        <v>16</v>
      </c>
      <c r="AL18892">
        <v>16</v>
      </c>
      <c r="AM18892">
        <v>16</v>
      </c>
      <c r="AN18892">
        <v>16</v>
      </c>
      <c r="AO18892">
        <v>16</v>
      </c>
      <c r="AP18892">
        <v>16</v>
      </c>
      <c r="AQ18892">
        <v>16</v>
      </c>
    </row>
    <row r="18893" spans="1:43">
      <c r="A18893" t="s">
        <v>11708</v>
      </c>
      <c r="B18893" t="s">
        <v>11709</v>
      </c>
      <c r="C18893" t="s">
        <v>11688</v>
      </c>
      <c r="D18893" t="s">
        <v>11689</v>
      </c>
      <c r="E18893" t="s">
        <v>11610</v>
      </c>
      <c r="F18893" t="s">
        <v>11611</v>
      </c>
      <c r="G18893" t="s">
        <v>11612</v>
      </c>
      <c r="H18893" t="s">
        <v>11613</v>
      </c>
      <c r="I18893" s="2">
        <v>0</v>
      </c>
      <c r="J18893" s="2">
        <v>0</v>
      </c>
      <c r="K18893" s="2">
        <v>1</v>
      </c>
      <c r="L18893" t="s">
        <v>995</v>
      </c>
      <c r="M18893" t="s">
        <v>83</v>
      </c>
      <c r="N18893" t="s">
        <v>91</v>
      </c>
      <c r="O18893" t="s">
        <v>85</v>
      </c>
      <c r="P18893" t="s">
        <v>86</v>
      </c>
      <c r="Q18893">
        <v>13</v>
      </c>
      <c r="R18893">
        <v>14</v>
      </c>
      <c r="S18893">
        <v>14</v>
      </c>
      <c r="T18893">
        <v>14</v>
      </c>
      <c r="U18893">
        <v>14</v>
      </c>
      <c r="V18893">
        <v>14</v>
      </c>
      <c r="W18893">
        <v>14</v>
      </c>
      <c r="X18893">
        <v>15</v>
      </c>
      <c r="Y18893">
        <v>15</v>
      </c>
      <c r="Z18893">
        <v>15</v>
      </c>
      <c r="AA18893">
        <v>15</v>
      </c>
      <c r="AB18893">
        <v>15</v>
      </c>
      <c r="AC18893">
        <v>16</v>
      </c>
      <c r="AD18893">
        <v>16</v>
      </c>
      <c r="AE18893">
        <v>16</v>
      </c>
      <c r="AF18893">
        <v>16</v>
      </c>
      <c r="AG18893">
        <v>16</v>
      </c>
      <c r="AH18893">
        <v>16</v>
      </c>
      <c r="AI18893">
        <v>17</v>
      </c>
      <c r="AJ18893">
        <v>17</v>
      </c>
      <c r="AK18893">
        <v>17</v>
      </c>
      <c r="AL18893">
        <v>17</v>
      </c>
      <c r="AM18893">
        <v>17</v>
      </c>
      <c r="AN18893">
        <v>17</v>
      </c>
      <c r="AO18893">
        <v>17</v>
      </c>
      <c r="AP18893">
        <v>17</v>
      </c>
      <c r="AQ18893">
        <v>17</v>
      </c>
    </row>
    <row r="18894" spans="1:43">
      <c r="A18894" t="s">
        <v>11710</v>
      </c>
      <c r="B18894" t="s">
        <v>11711</v>
      </c>
      <c r="C18894" t="s">
        <v>11712</v>
      </c>
      <c r="D18894" t="s">
        <v>11713</v>
      </c>
      <c r="E18894" t="s">
        <v>11610</v>
      </c>
      <c r="F18894" t="s">
        <v>11611</v>
      </c>
      <c r="G18894" t="s">
        <v>11612</v>
      </c>
      <c r="H18894" t="s">
        <v>11613</v>
      </c>
      <c r="I18894" s="2">
        <v>0</v>
      </c>
      <c r="J18894" s="2">
        <v>0</v>
      </c>
      <c r="K18894" s="2">
        <v>1</v>
      </c>
      <c r="L18894" t="s">
        <v>995</v>
      </c>
      <c r="M18894" t="s">
        <v>83</v>
      </c>
      <c r="N18894" t="s">
        <v>84</v>
      </c>
      <c r="O18894" t="s">
        <v>85</v>
      </c>
      <c r="P18894" t="s">
        <v>86</v>
      </c>
      <c r="Q18894">
        <v>17</v>
      </c>
      <c r="R18894">
        <v>17</v>
      </c>
      <c r="S18894">
        <v>17</v>
      </c>
      <c r="T18894">
        <v>17</v>
      </c>
      <c r="U18894">
        <v>18</v>
      </c>
      <c r="V18894">
        <v>18</v>
      </c>
      <c r="W18894">
        <v>18</v>
      </c>
      <c r="X18894">
        <v>18</v>
      </c>
      <c r="Y18894">
        <v>18</v>
      </c>
      <c r="Z18894">
        <v>19</v>
      </c>
      <c r="AA18894">
        <v>19</v>
      </c>
      <c r="AB18894">
        <v>19</v>
      </c>
      <c r="AC18894">
        <v>19</v>
      </c>
      <c r="AD18894">
        <v>19</v>
      </c>
      <c r="AE18894">
        <v>20</v>
      </c>
      <c r="AF18894">
        <v>20</v>
      </c>
      <c r="AG18894">
        <v>20</v>
      </c>
      <c r="AH18894">
        <v>20</v>
      </c>
      <c r="AI18894">
        <v>21</v>
      </c>
      <c r="AJ18894">
        <v>21</v>
      </c>
      <c r="AK18894">
        <v>21</v>
      </c>
      <c r="AL18894">
        <v>21</v>
      </c>
      <c r="AM18894">
        <v>21</v>
      </c>
      <c r="AN18894">
        <v>21</v>
      </c>
      <c r="AO18894">
        <v>21</v>
      </c>
      <c r="AP18894">
        <v>21</v>
      </c>
      <c r="AQ18894">
        <v>21</v>
      </c>
    </row>
    <row r="18895" spans="1:43">
      <c r="A18895" t="s">
        <v>11710</v>
      </c>
      <c r="B18895" t="s">
        <v>11711</v>
      </c>
      <c r="C18895" t="s">
        <v>11712</v>
      </c>
      <c r="D18895" t="s">
        <v>11713</v>
      </c>
      <c r="E18895" t="s">
        <v>11610</v>
      </c>
      <c r="F18895" t="s">
        <v>11611</v>
      </c>
      <c r="G18895" t="s">
        <v>11612</v>
      </c>
      <c r="H18895" t="s">
        <v>11613</v>
      </c>
      <c r="I18895" s="2">
        <v>0</v>
      </c>
      <c r="J18895" s="2">
        <v>0</v>
      </c>
      <c r="K18895" s="2">
        <v>1</v>
      </c>
      <c r="L18895" t="s">
        <v>995</v>
      </c>
      <c r="M18895" t="s">
        <v>87</v>
      </c>
      <c r="N18895" t="s">
        <v>88</v>
      </c>
      <c r="O18895" t="s">
        <v>85</v>
      </c>
      <c r="P18895" t="s">
        <v>86</v>
      </c>
      <c r="Q18895">
        <v>17</v>
      </c>
      <c r="R18895">
        <v>18</v>
      </c>
      <c r="S18895">
        <v>18</v>
      </c>
      <c r="T18895">
        <v>18</v>
      </c>
      <c r="U18895">
        <v>18</v>
      </c>
      <c r="V18895">
        <v>18</v>
      </c>
      <c r="W18895">
        <v>18</v>
      </c>
      <c r="X18895">
        <v>18</v>
      </c>
      <c r="Y18895">
        <v>18</v>
      </c>
      <c r="Z18895">
        <v>18</v>
      </c>
      <c r="AA18895">
        <v>18</v>
      </c>
      <c r="AB18895">
        <v>18</v>
      </c>
      <c r="AC18895">
        <v>18</v>
      </c>
      <c r="AD18895">
        <v>18</v>
      </c>
      <c r="AE18895">
        <v>18</v>
      </c>
      <c r="AF18895">
        <v>19</v>
      </c>
      <c r="AG18895">
        <v>19</v>
      </c>
      <c r="AH18895">
        <v>19</v>
      </c>
      <c r="AI18895">
        <v>19</v>
      </c>
      <c r="AJ18895">
        <v>19</v>
      </c>
      <c r="AK18895">
        <v>19</v>
      </c>
      <c r="AL18895">
        <v>19</v>
      </c>
      <c r="AM18895">
        <v>19</v>
      </c>
      <c r="AN18895">
        <v>19</v>
      </c>
      <c r="AO18895">
        <v>19</v>
      </c>
      <c r="AP18895">
        <v>19</v>
      </c>
      <c r="AQ18895">
        <v>19</v>
      </c>
    </row>
    <row r="18896" spans="1:43">
      <c r="A18896" t="s">
        <v>11710</v>
      </c>
      <c r="B18896" t="s">
        <v>11711</v>
      </c>
      <c r="C18896" t="s">
        <v>11712</v>
      </c>
      <c r="D18896" t="s">
        <v>11713</v>
      </c>
      <c r="E18896" t="s">
        <v>11610</v>
      </c>
      <c r="F18896" t="s">
        <v>11611</v>
      </c>
      <c r="G18896" t="s">
        <v>11612</v>
      </c>
      <c r="H18896" t="s">
        <v>11613</v>
      </c>
      <c r="I18896" s="2">
        <v>0</v>
      </c>
      <c r="J18896" s="2">
        <v>0</v>
      </c>
      <c r="K18896" s="2">
        <v>1</v>
      </c>
      <c r="L18896" t="s">
        <v>995</v>
      </c>
      <c r="M18896" t="s">
        <v>89</v>
      </c>
      <c r="N18896" t="s">
        <v>90</v>
      </c>
      <c r="O18896" t="s">
        <v>85</v>
      </c>
      <c r="P18896" t="s">
        <v>86</v>
      </c>
      <c r="Q18896">
        <v>17</v>
      </c>
      <c r="R18896">
        <v>17</v>
      </c>
      <c r="S18896">
        <v>18</v>
      </c>
      <c r="T18896">
        <v>18</v>
      </c>
      <c r="U18896">
        <v>18</v>
      </c>
      <c r="V18896">
        <v>19</v>
      </c>
      <c r="W18896">
        <v>19</v>
      </c>
      <c r="X18896">
        <v>19</v>
      </c>
      <c r="Y18896">
        <v>19</v>
      </c>
      <c r="Z18896">
        <v>20</v>
      </c>
      <c r="AA18896">
        <v>20</v>
      </c>
      <c r="AB18896">
        <v>20</v>
      </c>
      <c r="AC18896">
        <v>21</v>
      </c>
      <c r="AD18896">
        <v>21</v>
      </c>
      <c r="AE18896">
        <v>21</v>
      </c>
      <c r="AF18896">
        <v>21</v>
      </c>
      <c r="AG18896">
        <v>21</v>
      </c>
      <c r="AH18896">
        <v>21</v>
      </c>
      <c r="AI18896">
        <v>21</v>
      </c>
      <c r="AJ18896">
        <v>21</v>
      </c>
      <c r="AK18896">
        <v>21</v>
      </c>
      <c r="AL18896">
        <v>21</v>
      </c>
      <c r="AM18896">
        <v>21</v>
      </c>
      <c r="AN18896">
        <v>21</v>
      </c>
      <c r="AO18896">
        <v>21</v>
      </c>
      <c r="AP18896">
        <v>21</v>
      </c>
      <c r="AQ18896">
        <v>21</v>
      </c>
    </row>
    <row r="18897" spans="1:43">
      <c r="A18897" t="s">
        <v>11710</v>
      </c>
      <c r="B18897" t="s">
        <v>11711</v>
      </c>
      <c r="C18897" t="s">
        <v>11712</v>
      </c>
      <c r="D18897" t="s">
        <v>11713</v>
      </c>
      <c r="E18897" t="s">
        <v>11610</v>
      </c>
      <c r="F18897" t="s">
        <v>11611</v>
      </c>
      <c r="G18897" t="s">
        <v>11612</v>
      </c>
      <c r="H18897" t="s">
        <v>11613</v>
      </c>
      <c r="I18897" s="2">
        <v>0</v>
      </c>
      <c r="J18897" s="2">
        <v>0</v>
      </c>
      <c r="K18897" s="2">
        <v>1</v>
      </c>
      <c r="L18897" t="s">
        <v>995</v>
      </c>
      <c r="M18897" t="s">
        <v>83</v>
      </c>
      <c r="N18897" t="s">
        <v>91</v>
      </c>
      <c r="O18897" t="s">
        <v>85</v>
      </c>
      <c r="P18897" t="s">
        <v>86</v>
      </c>
      <c r="Q18897">
        <v>17</v>
      </c>
      <c r="R18897">
        <v>17</v>
      </c>
      <c r="S18897">
        <v>17</v>
      </c>
      <c r="T18897">
        <v>17</v>
      </c>
      <c r="U18897">
        <v>18</v>
      </c>
      <c r="V18897">
        <v>18</v>
      </c>
      <c r="W18897">
        <v>18</v>
      </c>
      <c r="X18897">
        <v>18</v>
      </c>
      <c r="Y18897">
        <v>18</v>
      </c>
      <c r="Z18897">
        <v>19</v>
      </c>
      <c r="AA18897">
        <v>19</v>
      </c>
      <c r="AB18897">
        <v>19</v>
      </c>
      <c r="AC18897">
        <v>19</v>
      </c>
      <c r="AD18897">
        <v>19</v>
      </c>
      <c r="AE18897">
        <v>20</v>
      </c>
      <c r="AF18897">
        <v>20</v>
      </c>
      <c r="AG18897">
        <v>20</v>
      </c>
      <c r="AH18897">
        <v>20</v>
      </c>
      <c r="AI18897">
        <v>21</v>
      </c>
      <c r="AJ18897">
        <v>21</v>
      </c>
      <c r="AK18897">
        <v>21</v>
      </c>
      <c r="AL18897">
        <v>21</v>
      </c>
      <c r="AM18897">
        <v>21</v>
      </c>
      <c r="AN18897">
        <v>21</v>
      </c>
      <c r="AO18897">
        <v>21</v>
      </c>
      <c r="AP18897">
        <v>21</v>
      </c>
      <c r="AQ18897">
        <v>21</v>
      </c>
    </row>
    <row r="18898" spans="1:43">
      <c r="A18898" t="s">
        <v>11714</v>
      </c>
      <c r="B18898" t="s">
        <v>11715</v>
      </c>
      <c r="C18898" t="s">
        <v>11716</v>
      </c>
      <c r="D18898" t="s">
        <v>11717</v>
      </c>
      <c r="E18898" t="s">
        <v>11610</v>
      </c>
      <c r="F18898" t="s">
        <v>11611</v>
      </c>
      <c r="G18898" t="s">
        <v>11612</v>
      </c>
      <c r="H18898" t="s">
        <v>11613</v>
      </c>
      <c r="I18898" s="2">
        <v>0</v>
      </c>
      <c r="J18898" s="2">
        <v>0</v>
      </c>
      <c r="K18898" s="2">
        <v>1</v>
      </c>
      <c r="L18898" t="s">
        <v>995</v>
      </c>
      <c r="M18898" t="s">
        <v>83</v>
      </c>
      <c r="N18898" t="s">
        <v>84</v>
      </c>
      <c r="O18898" t="s">
        <v>85</v>
      </c>
      <c r="P18898" t="s">
        <v>86</v>
      </c>
      <c r="Q18898">
        <v>67</v>
      </c>
      <c r="R18898">
        <v>68</v>
      </c>
      <c r="S18898">
        <v>69</v>
      </c>
      <c r="T18898">
        <v>69</v>
      </c>
      <c r="U18898">
        <v>70</v>
      </c>
      <c r="V18898">
        <v>71</v>
      </c>
      <c r="W18898">
        <v>72</v>
      </c>
      <c r="X18898">
        <v>73</v>
      </c>
      <c r="Y18898">
        <v>74</v>
      </c>
      <c r="Z18898">
        <v>75</v>
      </c>
      <c r="AA18898">
        <v>76</v>
      </c>
      <c r="AB18898">
        <v>77</v>
      </c>
      <c r="AC18898">
        <v>77</v>
      </c>
      <c r="AD18898">
        <v>78</v>
      </c>
      <c r="AE18898">
        <v>79</v>
      </c>
      <c r="AF18898">
        <v>80</v>
      </c>
      <c r="AG18898">
        <v>81</v>
      </c>
      <c r="AH18898">
        <v>82</v>
      </c>
      <c r="AI18898">
        <v>82</v>
      </c>
      <c r="AJ18898">
        <v>83</v>
      </c>
      <c r="AK18898">
        <v>84</v>
      </c>
      <c r="AL18898">
        <v>84</v>
      </c>
      <c r="AM18898">
        <v>84</v>
      </c>
      <c r="AN18898">
        <v>85</v>
      </c>
      <c r="AO18898">
        <v>85</v>
      </c>
      <c r="AP18898">
        <v>85</v>
      </c>
      <c r="AQ18898">
        <v>85</v>
      </c>
    </row>
    <row r="18899" spans="1:43">
      <c r="A18899" t="s">
        <v>11714</v>
      </c>
      <c r="B18899" t="s">
        <v>11715</v>
      </c>
      <c r="C18899" t="s">
        <v>11716</v>
      </c>
      <c r="D18899" t="s">
        <v>11717</v>
      </c>
      <c r="E18899" t="s">
        <v>11610</v>
      </c>
      <c r="F18899" t="s">
        <v>11611</v>
      </c>
      <c r="G18899" t="s">
        <v>11612</v>
      </c>
      <c r="H18899" t="s">
        <v>11613</v>
      </c>
      <c r="I18899" s="2">
        <v>0</v>
      </c>
      <c r="J18899" s="2">
        <v>0</v>
      </c>
      <c r="K18899" s="2">
        <v>1</v>
      </c>
      <c r="L18899" t="s">
        <v>995</v>
      </c>
      <c r="M18899" t="s">
        <v>87</v>
      </c>
      <c r="N18899" t="s">
        <v>88</v>
      </c>
      <c r="O18899" t="s">
        <v>85</v>
      </c>
      <c r="P18899" t="s">
        <v>86</v>
      </c>
      <c r="Q18899">
        <v>67</v>
      </c>
      <c r="R18899">
        <v>67</v>
      </c>
      <c r="S18899">
        <v>68</v>
      </c>
      <c r="T18899">
        <v>68</v>
      </c>
      <c r="U18899">
        <v>68</v>
      </c>
      <c r="V18899">
        <v>69</v>
      </c>
      <c r="W18899">
        <v>69</v>
      </c>
      <c r="X18899">
        <v>69</v>
      </c>
      <c r="Y18899">
        <v>69</v>
      </c>
      <c r="Z18899">
        <v>70</v>
      </c>
      <c r="AA18899">
        <v>70</v>
      </c>
      <c r="AB18899">
        <v>70</v>
      </c>
      <c r="AC18899">
        <v>71</v>
      </c>
      <c r="AD18899">
        <v>71</v>
      </c>
      <c r="AE18899">
        <v>71</v>
      </c>
      <c r="AF18899">
        <v>71</v>
      </c>
      <c r="AG18899">
        <v>72</v>
      </c>
      <c r="AH18899">
        <v>72</v>
      </c>
      <c r="AI18899">
        <v>72</v>
      </c>
      <c r="AJ18899">
        <v>72</v>
      </c>
      <c r="AK18899">
        <v>73</v>
      </c>
      <c r="AL18899">
        <v>73</v>
      </c>
      <c r="AM18899">
        <v>73</v>
      </c>
      <c r="AN18899">
        <v>74</v>
      </c>
      <c r="AO18899">
        <v>74</v>
      </c>
      <c r="AP18899">
        <v>74</v>
      </c>
      <c r="AQ18899">
        <v>74</v>
      </c>
    </row>
    <row r="18900" spans="1:43">
      <c r="A18900" t="s">
        <v>11714</v>
      </c>
      <c r="B18900" t="s">
        <v>11715</v>
      </c>
      <c r="C18900" t="s">
        <v>11716</v>
      </c>
      <c r="D18900" t="s">
        <v>11717</v>
      </c>
      <c r="E18900" t="s">
        <v>11610</v>
      </c>
      <c r="F18900" t="s">
        <v>11611</v>
      </c>
      <c r="G18900" t="s">
        <v>11612</v>
      </c>
      <c r="H18900" t="s">
        <v>11613</v>
      </c>
      <c r="I18900" s="2">
        <v>0</v>
      </c>
      <c r="J18900" s="2">
        <v>0</v>
      </c>
      <c r="K18900" s="2">
        <v>1</v>
      </c>
      <c r="L18900" t="s">
        <v>995</v>
      </c>
      <c r="M18900" t="s">
        <v>89</v>
      </c>
      <c r="N18900" t="s">
        <v>90</v>
      </c>
      <c r="O18900" t="s">
        <v>85</v>
      </c>
      <c r="P18900" t="s">
        <v>86</v>
      </c>
      <c r="Q18900">
        <v>67</v>
      </c>
      <c r="R18900">
        <v>69</v>
      </c>
      <c r="S18900">
        <v>70</v>
      </c>
      <c r="T18900">
        <v>72</v>
      </c>
      <c r="U18900">
        <v>73</v>
      </c>
      <c r="V18900">
        <v>75</v>
      </c>
      <c r="W18900">
        <v>76</v>
      </c>
      <c r="X18900">
        <v>77</v>
      </c>
      <c r="Y18900">
        <v>78</v>
      </c>
      <c r="Z18900">
        <v>80</v>
      </c>
      <c r="AA18900">
        <v>81</v>
      </c>
      <c r="AB18900">
        <v>82</v>
      </c>
      <c r="AC18900">
        <v>83</v>
      </c>
      <c r="AD18900">
        <v>84</v>
      </c>
      <c r="AE18900">
        <v>85</v>
      </c>
      <c r="AF18900">
        <v>85</v>
      </c>
      <c r="AG18900">
        <v>85</v>
      </c>
      <c r="AH18900">
        <v>85</v>
      </c>
      <c r="AI18900">
        <v>85</v>
      </c>
      <c r="AJ18900">
        <v>85</v>
      </c>
      <c r="AK18900">
        <v>85</v>
      </c>
      <c r="AL18900">
        <v>85</v>
      </c>
      <c r="AM18900">
        <v>85</v>
      </c>
      <c r="AN18900">
        <v>85</v>
      </c>
      <c r="AO18900">
        <v>85</v>
      </c>
      <c r="AP18900">
        <v>85</v>
      </c>
      <c r="AQ18900">
        <v>85</v>
      </c>
    </row>
    <row r="18901" spans="1:43">
      <c r="A18901" t="s">
        <v>11714</v>
      </c>
      <c r="B18901" t="s">
        <v>11715</v>
      </c>
      <c r="C18901" t="s">
        <v>11716</v>
      </c>
      <c r="D18901" t="s">
        <v>11717</v>
      </c>
      <c r="E18901" t="s">
        <v>11610</v>
      </c>
      <c r="F18901" t="s">
        <v>11611</v>
      </c>
      <c r="G18901" t="s">
        <v>11612</v>
      </c>
      <c r="H18901" t="s">
        <v>11613</v>
      </c>
      <c r="I18901" s="2">
        <v>0</v>
      </c>
      <c r="J18901" s="2">
        <v>0</v>
      </c>
      <c r="K18901" s="2">
        <v>1</v>
      </c>
      <c r="L18901" t="s">
        <v>995</v>
      </c>
      <c r="M18901" t="s">
        <v>83</v>
      </c>
      <c r="N18901" t="s">
        <v>91</v>
      </c>
      <c r="O18901" t="s">
        <v>85</v>
      </c>
      <c r="P18901" t="s">
        <v>86</v>
      </c>
      <c r="Q18901">
        <v>67</v>
      </c>
      <c r="R18901">
        <v>68</v>
      </c>
      <c r="S18901">
        <v>69</v>
      </c>
      <c r="T18901">
        <v>69</v>
      </c>
      <c r="U18901">
        <v>70</v>
      </c>
      <c r="V18901">
        <v>71</v>
      </c>
      <c r="W18901">
        <v>72</v>
      </c>
      <c r="X18901">
        <v>73</v>
      </c>
      <c r="Y18901">
        <v>74</v>
      </c>
      <c r="Z18901">
        <v>75</v>
      </c>
      <c r="AA18901">
        <v>76</v>
      </c>
      <c r="AB18901">
        <v>77</v>
      </c>
      <c r="AC18901">
        <v>77</v>
      </c>
      <c r="AD18901">
        <v>78</v>
      </c>
      <c r="AE18901">
        <v>79</v>
      </c>
      <c r="AF18901">
        <v>80</v>
      </c>
      <c r="AG18901">
        <v>81</v>
      </c>
      <c r="AH18901">
        <v>82</v>
      </c>
      <c r="AI18901">
        <v>82</v>
      </c>
      <c r="AJ18901">
        <v>83</v>
      </c>
      <c r="AK18901">
        <v>84</v>
      </c>
      <c r="AL18901">
        <v>84</v>
      </c>
      <c r="AM18901">
        <v>84</v>
      </c>
      <c r="AN18901">
        <v>85</v>
      </c>
      <c r="AO18901">
        <v>85</v>
      </c>
      <c r="AP18901">
        <v>85</v>
      </c>
      <c r="AQ18901">
        <v>85</v>
      </c>
    </row>
    <row r="18902" spans="1:43">
      <c r="A18902" t="s">
        <v>11718</v>
      </c>
      <c r="B18902" t="s">
        <v>11719</v>
      </c>
      <c r="C18902" t="s">
        <v>11712</v>
      </c>
      <c r="D18902" t="s">
        <v>11713</v>
      </c>
      <c r="E18902" t="s">
        <v>11610</v>
      </c>
      <c r="F18902" t="s">
        <v>11611</v>
      </c>
      <c r="G18902" t="s">
        <v>11612</v>
      </c>
      <c r="H18902" t="s">
        <v>11613</v>
      </c>
      <c r="I18902" s="2">
        <v>0</v>
      </c>
      <c r="J18902" s="2">
        <v>0</v>
      </c>
      <c r="K18902" s="2">
        <v>1</v>
      </c>
      <c r="L18902" t="s">
        <v>995</v>
      </c>
      <c r="M18902" t="s">
        <v>83</v>
      </c>
      <c r="N18902" t="s">
        <v>84</v>
      </c>
      <c r="O18902" t="s">
        <v>85</v>
      </c>
      <c r="P18902" t="s">
        <v>86</v>
      </c>
      <c r="Q18902">
        <v>12</v>
      </c>
      <c r="R18902">
        <v>13</v>
      </c>
      <c r="S18902">
        <v>13</v>
      </c>
      <c r="T18902">
        <v>13</v>
      </c>
      <c r="U18902">
        <v>13</v>
      </c>
      <c r="V18902">
        <v>13</v>
      </c>
      <c r="W18902">
        <v>13</v>
      </c>
      <c r="X18902">
        <v>14</v>
      </c>
      <c r="Y18902">
        <v>14</v>
      </c>
      <c r="Z18902">
        <v>14</v>
      </c>
      <c r="AA18902">
        <v>14</v>
      </c>
      <c r="AB18902">
        <v>14</v>
      </c>
      <c r="AC18902">
        <v>14</v>
      </c>
      <c r="AD18902">
        <v>15</v>
      </c>
      <c r="AE18902">
        <v>15</v>
      </c>
      <c r="AF18902">
        <v>15</v>
      </c>
      <c r="AG18902">
        <v>15</v>
      </c>
      <c r="AH18902">
        <v>15</v>
      </c>
      <c r="AI18902">
        <v>15</v>
      </c>
      <c r="AJ18902">
        <v>16</v>
      </c>
      <c r="AK18902">
        <v>16</v>
      </c>
      <c r="AL18902">
        <v>16</v>
      </c>
      <c r="AM18902">
        <v>16</v>
      </c>
      <c r="AN18902">
        <v>16</v>
      </c>
      <c r="AO18902">
        <v>16</v>
      </c>
      <c r="AP18902">
        <v>16</v>
      </c>
      <c r="AQ18902">
        <v>16</v>
      </c>
    </row>
    <row r="18903" spans="1:43">
      <c r="A18903" t="s">
        <v>11718</v>
      </c>
      <c r="B18903" t="s">
        <v>11719</v>
      </c>
      <c r="C18903" t="s">
        <v>11712</v>
      </c>
      <c r="D18903" t="s">
        <v>11713</v>
      </c>
      <c r="E18903" t="s">
        <v>11610</v>
      </c>
      <c r="F18903" t="s">
        <v>11611</v>
      </c>
      <c r="G18903" t="s">
        <v>11612</v>
      </c>
      <c r="H18903" t="s">
        <v>11613</v>
      </c>
      <c r="I18903" s="2">
        <v>0</v>
      </c>
      <c r="J18903" s="2">
        <v>0</v>
      </c>
      <c r="K18903" s="2">
        <v>1</v>
      </c>
      <c r="L18903" t="s">
        <v>995</v>
      </c>
      <c r="M18903" t="s">
        <v>87</v>
      </c>
      <c r="N18903" t="s">
        <v>88</v>
      </c>
      <c r="O18903" t="s">
        <v>85</v>
      </c>
      <c r="P18903" t="s">
        <v>86</v>
      </c>
      <c r="Q18903">
        <v>12</v>
      </c>
      <c r="R18903">
        <v>12</v>
      </c>
      <c r="S18903">
        <v>12</v>
      </c>
      <c r="T18903">
        <v>12</v>
      </c>
      <c r="U18903">
        <v>13</v>
      </c>
      <c r="V18903">
        <v>13</v>
      </c>
      <c r="W18903">
        <v>13</v>
      </c>
      <c r="X18903">
        <v>13</v>
      </c>
      <c r="Y18903">
        <v>13</v>
      </c>
      <c r="Z18903">
        <v>13</v>
      </c>
      <c r="AA18903">
        <v>13</v>
      </c>
      <c r="AB18903">
        <v>13</v>
      </c>
      <c r="AC18903">
        <v>13</v>
      </c>
      <c r="AD18903">
        <v>13</v>
      </c>
      <c r="AE18903">
        <v>13</v>
      </c>
      <c r="AF18903">
        <v>13</v>
      </c>
      <c r="AG18903">
        <v>13</v>
      </c>
      <c r="AH18903">
        <v>13</v>
      </c>
      <c r="AI18903">
        <v>13</v>
      </c>
      <c r="AJ18903">
        <v>13</v>
      </c>
      <c r="AK18903">
        <v>13</v>
      </c>
      <c r="AL18903">
        <v>13</v>
      </c>
      <c r="AM18903">
        <v>13</v>
      </c>
      <c r="AN18903">
        <v>14</v>
      </c>
      <c r="AO18903">
        <v>14</v>
      </c>
      <c r="AP18903">
        <v>14</v>
      </c>
      <c r="AQ18903">
        <v>14</v>
      </c>
    </row>
    <row r="18904" spans="1:43">
      <c r="A18904" t="s">
        <v>11718</v>
      </c>
      <c r="B18904" t="s">
        <v>11719</v>
      </c>
      <c r="C18904" t="s">
        <v>11712</v>
      </c>
      <c r="D18904" t="s">
        <v>11713</v>
      </c>
      <c r="E18904" t="s">
        <v>11610</v>
      </c>
      <c r="F18904" t="s">
        <v>11611</v>
      </c>
      <c r="G18904" t="s">
        <v>11612</v>
      </c>
      <c r="H18904" t="s">
        <v>11613</v>
      </c>
      <c r="I18904" s="2">
        <v>0</v>
      </c>
      <c r="J18904" s="2">
        <v>0</v>
      </c>
      <c r="K18904" s="2">
        <v>1</v>
      </c>
      <c r="L18904" t="s">
        <v>995</v>
      </c>
      <c r="M18904" t="s">
        <v>89</v>
      </c>
      <c r="N18904" t="s">
        <v>90</v>
      </c>
      <c r="O18904" t="s">
        <v>85</v>
      </c>
      <c r="P18904" t="s">
        <v>86</v>
      </c>
      <c r="Q18904">
        <v>12</v>
      </c>
      <c r="R18904">
        <v>12</v>
      </c>
      <c r="S18904">
        <v>12</v>
      </c>
      <c r="T18904">
        <v>12</v>
      </c>
      <c r="U18904">
        <v>13</v>
      </c>
      <c r="V18904">
        <v>13</v>
      </c>
      <c r="W18904">
        <v>13</v>
      </c>
      <c r="X18904">
        <v>13</v>
      </c>
      <c r="Y18904">
        <v>14</v>
      </c>
      <c r="Z18904">
        <v>14</v>
      </c>
      <c r="AA18904">
        <v>14</v>
      </c>
      <c r="AB18904">
        <v>14</v>
      </c>
      <c r="AC18904">
        <v>14</v>
      </c>
      <c r="AD18904">
        <v>15</v>
      </c>
      <c r="AE18904">
        <v>15</v>
      </c>
      <c r="AF18904">
        <v>15</v>
      </c>
      <c r="AG18904">
        <v>15</v>
      </c>
      <c r="AH18904">
        <v>15</v>
      </c>
      <c r="AI18904">
        <v>15</v>
      </c>
      <c r="AJ18904">
        <v>15</v>
      </c>
      <c r="AK18904">
        <v>15</v>
      </c>
      <c r="AL18904">
        <v>15</v>
      </c>
      <c r="AM18904">
        <v>15</v>
      </c>
      <c r="AN18904">
        <v>15</v>
      </c>
      <c r="AO18904">
        <v>15</v>
      </c>
      <c r="AP18904">
        <v>15</v>
      </c>
      <c r="AQ18904">
        <v>15</v>
      </c>
    </row>
    <row r="18905" spans="1:43">
      <c r="A18905" t="s">
        <v>11718</v>
      </c>
      <c r="B18905" t="s">
        <v>11719</v>
      </c>
      <c r="C18905" t="s">
        <v>11712</v>
      </c>
      <c r="D18905" t="s">
        <v>11713</v>
      </c>
      <c r="E18905" t="s">
        <v>11610</v>
      </c>
      <c r="F18905" t="s">
        <v>11611</v>
      </c>
      <c r="G18905" t="s">
        <v>11612</v>
      </c>
      <c r="H18905" t="s">
        <v>11613</v>
      </c>
      <c r="I18905" s="2">
        <v>0</v>
      </c>
      <c r="J18905" s="2">
        <v>0</v>
      </c>
      <c r="K18905" s="2">
        <v>1</v>
      </c>
      <c r="L18905" t="s">
        <v>995</v>
      </c>
      <c r="M18905" t="s">
        <v>83</v>
      </c>
      <c r="N18905" t="s">
        <v>91</v>
      </c>
      <c r="O18905" t="s">
        <v>85</v>
      </c>
      <c r="P18905" t="s">
        <v>86</v>
      </c>
      <c r="Q18905">
        <v>12</v>
      </c>
      <c r="R18905">
        <v>13</v>
      </c>
      <c r="S18905">
        <v>13</v>
      </c>
      <c r="T18905">
        <v>13</v>
      </c>
      <c r="U18905">
        <v>13</v>
      </c>
      <c r="V18905">
        <v>13</v>
      </c>
      <c r="W18905">
        <v>13</v>
      </c>
      <c r="X18905">
        <v>14</v>
      </c>
      <c r="Y18905">
        <v>14</v>
      </c>
      <c r="Z18905">
        <v>14</v>
      </c>
      <c r="AA18905">
        <v>14</v>
      </c>
      <c r="AB18905">
        <v>14</v>
      </c>
      <c r="AC18905">
        <v>14</v>
      </c>
      <c r="AD18905">
        <v>15</v>
      </c>
      <c r="AE18905">
        <v>15</v>
      </c>
      <c r="AF18905">
        <v>15</v>
      </c>
      <c r="AG18905">
        <v>15</v>
      </c>
      <c r="AH18905">
        <v>15</v>
      </c>
      <c r="AI18905">
        <v>15</v>
      </c>
      <c r="AJ18905">
        <v>16</v>
      </c>
      <c r="AK18905">
        <v>16</v>
      </c>
      <c r="AL18905">
        <v>16</v>
      </c>
      <c r="AM18905">
        <v>16</v>
      </c>
      <c r="AN18905">
        <v>16</v>
      </c>
      <c r="AO18905">
        <v>16</v>
      </c>
      <c r="AP18905">
        <v>16</v>
      </c>
      <c r="AQ18905">
        <v>16</v>
      </c>
    </row>
    <row r="18906" spans="1:43">
      <c r="A18906" t="s">
        <v>11720</v>
      </c>
      <c r="B18906" t="s">
        <v>11721</v>
      </c>
      <c r="C18906" t="s">
        <v>11722</v>
      </c>
      <c r="D18906" t="s">
        <v>11723</v>
      </c>
      <c r="E18906" t="s">
        <v>11610</v>
      </c>
      <c r="F18906" t="s">
        <v>11611</v>
      </c>
      <c r="G18906" t="s">
        <v>11612</v>
      </c>
      <c r="H18906" t="s">
        <v>11613</v>
      </c>
      <c r="I18906" s="2">
        <v>0</v>
      </c>
      <c r="J18906" s="2">
        <v>0</v>
      </c>
      <c r="K18906" s="2">
        <v>1</v>
      </c>
      <c r="L18906" t="s">
        <v>995</v>
      </c>
      <c r="M18906" t="s">
        <v>83</v>
      </c>
      <c r="N18906" t="s">
        <v>84</v>
      </c>
      <c r="O18906" t="s">
        <v>85</v>
      </c>
      <c r="P18906" t="s">
        <v>86</v>
      </c>
      <c r="Q18906">
        <v>17</v>
      </c>
      <c r="R18906">
        <v>17</v>
      </c>
      <c r="S18906">
        <v>17</v>
      </c>
      <c r="T18906">
        <v>18</v>
      </c>
      <c r="U18906">
        <v>18</v>
      </c>
      <c r="V18906">
        <v>18</v>
      </c>
      <c r="W18906">
        <v>18</v>
      </c>
      <c r="X18906">
        <v>19</v>
      </c>
      <c r="Y18906">
        <v>19</v>
      </c>
      <c r="Z18906">
        <v>19</v>
      </c>
      <c r="AA18906">
        <v>19</v>
      </c>
      <c r="AB18906">
        <v>19</v>
      </c>
      <c r="AC18906">
        <v>20</v>
      </c>
      <c r="AD18906">
        <v>20</v>
      </c>
      <c r="AE18906">
        <v>20</v>
      </c>
      <c r="AF18906">
        <v>20</v>
      </c>
      <c r="AG18906">
        <v>21</v>
      </c>
      <c r="AH18906">
        <v>21</v>
      </c>
      <c r="AI18906">
        <v>21</v>
      </c>
      <c r="AJ18906">
        <v>21</v>
      </c>
      <c r="AK18906">
        <v>21</v>
      </c>
      <c r="AL18906">
        <v>21</v>
      </c>
      <c r="AM18906">
        <v>21</v>
      </c>
      <c r="AN18906">
        <v>21</v>
      </c>
      <c r="AO18906">
        <v>21</v>
      </c>
      <c r="AP18906">
        <v>22</v>
      </c>
      <c r="AQ18906">
        <v>22</v>
      </c>
    </row>
    <row r="18907" spans="1:43">
      <c r="A18907" t="s">
        <v>11720</v>
      </c>
      <c r="B18907" t="s">
        <v>11721</v>
      </c>
      <c r="C18907" t="s">
        <v>11722</v>
      </c>
      <c r="D18907" t="s">
        <v>11723</v>
      </c>
      <c r="E18907" t="s">
        <v>11610</v>
      </c>
      <c r="F18907" t="s">
        <v>11611</v>
      </c>
      <c r="G18907" t="s">
        <v>11612</v>
      </c>
      <c r="H18907" t="s">
        <v>11613</v>
      </c>
      <c r="I18907" s="2">
        <v>0</v>
      </c>
      <c r="J18907" s="2">
        <v>0</v>
      </c>
      <c r="K18907" s="2">
        <v>1</v>
      </c>
      <c r="L18907" t="s">
        <v>995</v>
      </c>
      <c r="M18907" t="s">
        <v>87</v>
      </c>
      <c r="N18907" t="s">
        <v>88</v>
      </c>
      <c r="O18907" t="s">
        <v>85</v>
      </c>
      <c r="P18907" t="s">
        <v>86</v>
      </c>
      <c r="Q18907">
        <v>17</v>
      </c>
      <c r="R18907">
        <v>17</v>
      </c>
      <c r="S18907">
        <v>17</v>
      </c>
      <c r="T18907">
        <v>17</v>
      </c>
      <c r="U18907">
        <v>17</v>
      </c>
      <c r="V18907">
        <v>17</v>
      </c>
      <c r="W18907">
        <v>17</v>
      </c>
      <c r="X18907">
        <v>17</v>
      </c>
      <c r="Y18907">
        <v>17</v>
      </c>
      <c r="Z18907">
        <v>17</v>
      </c>
      <c r="AA18907">
        <v>18</v>
      </c>
      <c r="AB18907">
        <v>18</v>
      </c>
      <c r="AC18907">
        <v>18</v>
      </c>
      <c r="AD18907">
        <v>18</v>
      </c>
      <c r="AE18907">
        <v>18</v>
      </c>
      <c r="AF18907">
        <v>18</v>
      </c>
      <c r="AG18907">
        <v>18</v>
      </c>
      <c r="AH18907">
        <v>18</v>
      </c>
      <c r="AI18907">
        <v>18</v>
      </c>
      <c r="AJ18907">
        <v>18</v>
      </c>
      <c r="AK18907">
        <v>18</v>
      </c>
      <c r="AL18907">
        <v>18</v>
      </c>
      <c r="AM18907">
        <v>18</v>
      </c>
      <c r="AN18907">
        <v>18</v>
      </c>
      <c r="AO18907">
        <v>19</v>
      </c>
      <c r="AP18907">
        <v>19</v>
      </c>
      <c r="AQ18907">
        <v>19</v>
      </c>
    </row>
    <row r="18908" spans="1:43">
      <c r="A18908" t="s">
        <v>11720</v>
      </c>
      <c r="B18908" t="s">
        <v>11721</v>
      </c>
      <c r="C18908" t="s">
        <v>11722</v>
      </c>
      <c r="D18908" t="s">
        <v>11723</v>
      </c>
      <c r="E18908" t="s">
        <v>11610</v>
      </c>
      <c r="F18908" t="s">
        <v>11611</v>
      </c>
      <c r="G18908" t="s">
        <v>11612</v>
      </c>
      <c r="H18908" t="s">
        <v>11613</v>
      </c>
      <c r="I18908" s="2">
        <v>0</v>
      </c>
      <c r="J18908" s="2">
        <v>0</v>
      </c>
      <c r="K18908" s="2">
        <v>1</v>
      </c>
      <c r="L18908" t="s">
        <v>995</v>
      </c>
      <c r="M18908" t="s">
        <v>89</v>
      </c>
      <c r="N18908" t="s">
        <v>90</v>
      </c>
      <c r="O18908" t="s">
        <v>85</v>
      </c>
      <c r="P18908" t="s">
        <v>86</v>
      </c>
      <c r="Q18908">
        <v>17</v>
      </c>
      <c r="R18908">
        <v>18</v>
      </c>
      <c r="S18908">
        <v>18</v>
      </c>
      <c r="T18908">
        <v>18</v>
      </c>
      <c r="U18908">
        <v>19</v>
      </c>
      <c r="V18908">
        <v>19</v>
      </c>
      <c r="W18908">
        <v>19</v>
      </c>
      <c r="X18908">
        <v>20</v>
      </c>
      <c r="Y18908">
        <v>20</v>
      </c>
      <c r="Z18908">
        <v>20</v>
      </c>
      <c r="AA18908">
        <v>21</v>
      </c>
      <c r="AB18908">
        <v>21</v>
      </c>
      <c r="AC18908">
        <v>21</v>
      </c>
      <c r="AD18908">
        <v>21</v>
      </c>
      <c r="AE18908">
        <v>22</v>
      </c>
      <c r="AF18908">
        <v>22</v>
      </c>
      <c r="AG18908">
        <v>22</v>
      </c>
      <c r="AH18908">
        <v>22</v>
      </c>
      <c r="AI18908">
        <v>22</v>
      </c>
      <c r="AJ18908">
        <v>22</v>
      </c>
      <c r="AK18908">
        <v>22</v>
      </c>
      <c r="AL18908">
        <v>22</v>
      </c>
      <c r="AM18908">
        <v>22</v>
      </c>
      <c r="AN18908">
        <v>22</v>
      </c>
      <c r="AO18908">
        <v>22</v>
      </c>
      <c r="AP18908">
        <v>22</v>
      </c>
      <c r="AQ18908">
        <v>22</v>
      </c>
    </row>
    <row r="18909" spans="1:43">
      <c r="A18909" t="s">
        <v>11720</v>
      </c>
      <c r="B18909" t="s">
        <v>11721</v>
      </c>
      <c r="C18909" t="s">
        <v>11722</v>
      </c>
      <c r="D18909" t="s">
        <v>11723</v>
      </c>
      <c r="E18909" t="s">
        <v>11610</v>
      </c>
      <c r="F18909" t="s">
        <v>11611</v>
      </c>
      <c r="G18909" t="s">
        <v>11612</v>
      </c>
      <c r="H18909" t="s">
        <v>11613</v>
      </c>
      <c r="I18909" s="2">
        <v>0</v>
      </c>
      <c r="J18909" s="2">
        <v>0</v>
      </c>
      <c r="K18909" s="2">
        <v>1</v>
      </c>
      <c r="L18909" t="s">
        <v>995</v>
      </c>
      <c r="M18909" t="s">
        <v>83</v>
      </c>
      <c r="N18909" t="s">
        <v>91</v>
      </c>
      <c r="O18909" t="s">
        <v>85</v>
      </c>
      <c r="P18909" t="s">
        <v>86</v>
      </c>
      <c r="Q18909">
        <v>17</v>
      </c>
      <c r="R18909">
        <v>17</v>
      </c>
      <c r="S18909">
        <v>17</v>
      </c>
      <c r="T18909">
        <v>18</v>
      </c>
      <c r="U18909">
        <v>18</v>
      </c>
      <c r="V18909">
        <v>18</v>
      </c>
      <c r="W18909">
        <v>18</v>
      </c>
      <c r="X18909">
        <v>19</v>
      </c>
      <c r="Y18909">
        <v>19</v>
      </c>
      <c r="Z18909">
        <v>19</v>
      </c>
      <c r="AA18909">
        <v>19</v>
      </c>
      <c r="AB18909">
        <v>19</v>
      </c>
      <c r="AC18909">
        <v>20</v>
      </c>
      <c r="AD18909">
        <v>20</v>
      </c>
      <c r="AE18909">
        <v>20</v>
      </c>
      <c r="AF18909">
        <v>20</v>
      </c>
      <c r="AG18909">
        <v>21</v>
      </c>
      <c r="AH18909">
        <v>21</v>
      </c>
      <c r="AI18909">
        <v>21</v>
      </c>
      <c r="AJ18909">
        <v>21</v>
      </c>
      <c r="AK18909">
        <v>21</v>
      </c>
      <c r="AL18909">
        <v>21</v>
      </c>
      <c r="AM18909">
        <v>21</v>
      </c>
      <c r="AN18909">
        <v>21</v>
      </c>
      <c r="AO18909">
        <v>21</v>
      </c>
      <c r="AP18909">
        <v>22</v>
      </c>
      <c r="AQ18909">
        <v>22</v>
      </c>
    </row>
    <row r="18910" spans="1:43">
      <c r="A18910" t="s">
        <v>11724</v>
      </c>
      <c r="B18910" t="s">
        <v>11725</v>
      </c>
      <c r="C18910" t="s">
        <v>11722</v>
      </c>
      <c r="D18910" t="s">
        <v>11723</v>
      </c>
      <c r="E18910" t="s">
        <v>11610</v>
      </c>
      <c r="F18910" t="s">
        <v>11611</v>
      </c>
      <c r="G18910" t="s">
        <v>11612</v>
      </c>
      <c r="H18910" t="s">
        <v>11613</v>
      </c>
      <c r="I18910" s="2">
        <v>0</v>
      </c>
      <c r="J18910" s="2">
        <v>0</v>
      </c>
      <c r="K18910" s="2">
        <v>1</v>
      </c>
      <c r="L18910" t="s">
        <v>995</v>
      </c>
      <c r="M18910" t="s">
        <v>83</v>
      </c>
      <c r="N18910" t="s">
        <v>84</v>
      </c>
      <c r="O18910" t="s">
        <v>85</v>
      </c>
      <c r="P18910" t="s">
        <v>86</v>
      </c>
      <c r="Q18910">
        <v>37</v>
      </c>
      <c r="R18910">
        <v>37</v>
      </c>
      <c r="S18910">
        <v>38</v>
      </c>
      <c r="T18910">
        <v>38</v>
      </c>
      <c r="U18910">
        <v>39</v>
      </c>
      <c r="V18910">
        <v>39</v>
      </c>
      <c r="W18910">
        <v>40</v>
      </c>
      <c r="X18910">
        <v>40</v>
      </c>
      <c r="Y18910">
        <v>41</v>
      </c>
      <c r="Z18910">
        <v>41</v>
      </c>
      <c r="AA18910">
        <v>42</v>
      </c>
      <c r="AB18910">
        <v>42</v>
      </c>
      <c r="AC18910">
        <v>42</v>
      </c>
      <c r="AD18910">
        <v>43</v>
      </c>
      <c r="AE18910">
        <v>43</v>
      </c>
      <c r="AF18910">
        <v>44</v>
      </c>
      <c r="AG18910">
        <v>44</v>
      </c>
      <c r="AH18910">
        <v>45</v>
      </c>
      <c r="AI18910">
        <v>45</v>
      </c>
      <c r="AJ18910">
        <v>46</v>
      </c>
      <c r="AK18910">
        <v>46</v>
      </c>
      <c r="AL18910">
        <v>46</v>
      </c>
      <c r="AM18910">
        <v>46</v>
      </c>
      <c r="AN18910">
        <v>46</v>
      </c>
      <c r="AO18910">
        <v>46</v>
      </c>
      <c r="AP18910">
        <v>46</v>
      </c>
      <c r="AQ18910">
        <v>46</v>
      </c>
    </row>
    <row r="18911" spans="1:43">
      <c r="A18911" t="s">
        <v>11724</v>
      </c>
      <c r="B18911" t="s">
        <v>11725</v>
      </c>
      <c r="C18911" t="s">
        <v>11722</v>
      </c>
      <c r="D18911" t="s">
        <v>11723</v>
      </c>
      <c r="E18911" t="s">
        <v>11610</v>
      </c>
      <c r="F18911" t="s">
        <v>11611</v>
      </c>
      <c r="G18911" t="s">
        <v>11612</v>
      </c>
      <c r="H18911" t="s">
        <v>11613</v>
      </c>
      <c r="I18911" s="2">
        <v>0</v>
      </c>
      <c r="J18911" s="2">
        <v>0</v>
      </c>
      <c r="K18911" s="2">
        <v>1</v>
      </c>
      <c r="L18911" t="s">
        <v>995</v>
      </c>
      <c r="M18911" t="s">
        <v>87</v>
      </c>
      <c r="N18911" t="s">
        <v>88</v>
      </c>
      <c r="O18911" t="s">
        <v>85</v>
      </c>
      <c r="P18911" t="s">
        <v>86</v>
      </c>
      <c r="Q18911">
        <v>37</v>
      </c>
      <c r="R18911">
        <v>37</v>
      </c>
      <c r="S18911">
        <v>38</v>
      </c>
      <c r="T18911">
        <v>38</v>
      </c>
      <c r="U18911">
        <v>38</v>
      </c>
      <c r="V18911">
        <v>38</v>
      </c>
      <c r="W18911">
        <v>38</v>
      </c>
      <c r="X18911">
        <v>38</v>
      </c>
      <c r="Y18911">
        <v>39</v>
      </c>
      <c r="Z18911">
        <v>39</v>
      </c>
      <c r="AA18911">
        <v>39</v>
      </c>
      <c r="AB18911">
        <v>39</v>
      </c>
      <c r="AC18911">
        <v>39</v>
      </c>
      <c r="AD18911">
        <v>39</v>
      </c>
      <c r="AE18911">
        <v>39</v>
      </c>
      <c r="AF18911">
        <v>40</v>
      </c>
      <c r="AG18911">
        <v>40</v>
      </c>
      <c r="AH18911">
        <v>40</v>
      </c>
      <c r="AI18911">
        <v>40</v>
      </c>
      <c r="AJ18911">
        <v>40</v>
      </c>
      <c r="AK18911">
        <v>40</v>
      </c>
      <c r="AL18911">
        <v>40</v>
      </c>
      <c r="AM18911">
        <v>41</v>
      </c>
      <c r="AN18911">
        <v>41</v>
      </c>
      <c r="AO18911">
        <v>41</v>
      </c>
      <c r="AP18911">
        <v>41</v>
      </c>
      <c r="AQ18911">
        <v>41</v>
      </c>
    </row>
    <row r="18912" spans="1:43">
      <c r="A18912" t="s">
        <v>11724</v>
      </c>
      <c r="B18912" t="s">
        <v>11725</v>
      </c>
      <c r="C18912" t="s">
        <v>11722</v>
      </c>
      <c r="D18912" t="s">
        <v>11723</v>
      </c>
      <c r="E18912" t="s">
        <v>11610</v>
      </c>
      <c r="F18912" t="s">
        <v>11611</v>
      </c>
      <c r="G18912" t="s">
        <v>11612</v>
      </c>
      <c r="H18912" t="s">
        <v>11613</v>
      </c>
      <c r="I18912" s="2">
        <v>0</v>
      </c>
      <c r="J18912" s="2">
        <v>0</v>
      </c>
      <c r="K18912" s="2">
        <v>1</v>
      </c>
      <c r="L18912" t="s">
        <v>995</v>
      </c>
      <c r="M18912" t="s">
        <v>89</v>
      </c>
      <c r="N18912" t="s">
        <v>90</v>
      </c>
      <c r="O18912" t="s">
        <v>85</v>
      </c>
      <c r="P18912" t="s">
        <v>86</v>
      </c>
      <c r="Q18912">
        <v>37</v>
      </c>
      <c r="R18912">
        <v>38</v>
      </c>
      <c r="S18912">
        <v>39</v>
      </c>
      <c r="T18912">
        <v>39</v>
      </c>
      <c r="U18912">
        <v>40</v>
      </c>
      <c r="V18912">
        <v>41</v>
      </c>
      <c r="W18912">
        <v>42</v>
      </c>
      <c r="X18912">
        <v>42</v>
      </c>
      <c r="Y18912">
        <v>43</v>
      </c>
      <c r="Z18912">
        <v>44</v>
      </c>
      <c r="AA18912">
        <v>44</v>
      </c>
      <c r="AB18912">
        <v>45</v>
      </c>
      <c r="AC18912">
        <v>46</v>
      </c>
      <c r="AD18912">
        <v>46</v>
      </c>
      <c r="AE18912">
        <v>47</v>
      </c>
      <c r="AF18912">
        <v>47</v>
      </c>
      <c r="AG18912">
        <v>47</v>
      </c>
      <c r="AH18912">
        <v>47</v>
      </c>
      <c r="AI18912">
        <v>47</v>
      </c>
      <c r="AJ18912">
        <v>47</v>
      </c>
      <c r="AK18912">
        <v>47</v>
      </c>
      <c r="AL18912">
        <v>47</v>
      </c>
      <c r="AM18912">
        <v>47</v>
      </c>
      <c r="AN18912">
        <v>47</v>
      </c>
      <c r="AO18912">
        <v>47</v>
      </c>
      <c r="AP18912">
        <v>47</v>
      </c>
      <c r="AQ18912">
        <v>47</v>
      </c>
    </row>
    <row r="18913" spans="1:43">
      <c r="A18913" t="s">
        <v>11724</v>
      </c>
      <c r="B18913" t="s">
        <v>11725</v>
      </c>
      <c r="C18913" t="s">
        <v>11722</v>
      </c>
      <c r="D18913" t="s">
        <v>11723</v>
      </c>
      <c r="E18913" t="s">
        <v>11610</v>
      </c>
      <c r="F18913" t="s">
        <v>11611</v>
      </c>
      <c r="G18913" t="s">
        <v>11612</v>
      </c>
      <c r="H18913" t="s">
        <v>11613</v>
      </c>
      <c r="I18913" s="2">
        <v>0</v>
      </c>
      <c r="J18913" s="2">
        <v>0</v>
      </c>
      <c r="K18913" s="2">
        <v>1</v>
      </c>
      <c r="L18913" t="s">
        <v>995</v>
      </c>
      <c r="M18913" t="s">
        <v>83</v>
      </c>
      <c r="N18913" t="s">
        <v>91</v>
      </c>
      <c r="O18913" t="s">
        <v>85</v>
      </c>
      <c r="P18913" t="s">
        <v>86</v>
      </c>
      <c r="Q18913">
        <v>37</v>
      </c>
      <c r="R18913">
        <v>37</v>
      </c>
      <c r="S18913">
        <v>38</v>
      </c>
      <c r="T18913">
        <v>38</v>
      </c>
      <c r="U18913">
        <v>39</v>
      </c>
      <c r="V18913">
        <v>39</v>
      </c>
      <c r="W18913">
        <v>40</v>
      </c>
      <c r="X18913">
        <v>40</v>
      </c>
      <c r="Y18913">
        <v>41</v>
      </c>
      <c r="Z18913">
        <v>41</v>
      </c>
      <c r="AA18913">
        <v>42</v>
      </c>
      <c r="AB18913">
        <v>42</v>
      </c>
      <c r="AC18913">
        <v>42</v>
      </c>
      <c r="AD18913">
        <v>43</v>
      </c>
      <c r="AE18913">
        <v>43</v>
      </c>
      <c r="AF18913">
        <v>44</v>
      </c>
      <c r="AG18913">
        <v>44</v>
      </c>
      <c r="AH18913">
        <v>45</v>
      </c>
      <c r="AI18913">
        <v>45</v>
      </c>
      <c r="AJ18913">
        <v>46</v>
      </c>
      <c r="AK18913">
        <v>46</v>
      </c>
      <c r="AL18913">
        <v>46</v>
      </c>
      <c r="AM18913">
        <v>46</v>
      </c>
      <c r="AN18913">
        <v>46</v>
      </c>
      <c r="AO18913">
        <v>46</v>
      </c>
      <c r="AP18913">
        <v>46</v>
      </c>
      <c r="AQ18913">
        <v>46</v>
      </c>
    </row>
    <row r="18914" spans="1:43">
      <c r="A18914" t="s">
        <v>11726</v>
      </c>
      <c r="B18914" t="s">
        <v>11727</v>
      </c>
      <c r="C18914" t="s">
        <v>11712</v>
      </c>
      <c r="D18914" t="s">
        <v>11713</v>
      </c>
      <c r="E18914" t="s">
        <v>11610</v>
      </c>
      <c r="F18914" t="s">
        <v>11611</v>
      </c>
      <c r="G18914" t="s">
        <v>11612</v>
      </c>
      <c r="H18914" t="s">
        <v>11613</v>
      </c>
      <c r="I18914" s="2">
        <v>0</v>
      </c>
      <c r="J18914" s="2">
        <v>0</v>
      </c>
      <c r="K18914" s="2">
        <v>1</v>
      </c>
      <c r="L18914" t="s">
        <v>995</v>
      </c>
      <c r="M18914" t="s">
        <v>83</v>
      </c>
      <c r="N18914" t="s">
        <v>84</v>
      </c>
      <c r="O18914" t="s">
        <v>85</v>
      </c>
      <c r="P18914" t="s">
        <v>86</v>
      </c>
      <c r="Q18914">
        <v>57</v>
      </c>
      <c r="R18914">
        <v>57</v>
      </c>
      <c r="S18914">
        <v>58</v>
      </c>
      <c r="T18914">
        <v>59</v>
      </c>
      <c r="U18914">
        <v>60</v>
      </c>
      <c r="V18914">
        <v>60</v>
      </c>
      <c r="W18914">
        <v>61</v>
      </c>
      <c r="X18914">
        <v>62</v>
      </c>
      <c r="Y18914">
        <v>63</v>
      </c>
      <c r="Z18914">
        <v>63</v>
      </c>
      <c r="AA18914">
        <v>64</v>
      </c>
      <c r="AB18914">
        <v>65</v>
      </c>
      <c r="AC18914">
        <v>66</v>
      </c>
      <c r="AD18914">
        <v>66</v>
      </c>
      <c r="AE18914">
        <v>67</v>
      </c>
      <c r="AF18914">
        <v>68</v>
      </c>
      <c r="AG18914">
        <v>69</v>
      </c>
      <c r="AH18914">
        <v>69</v>
      </c>
      <c r="AI18914">
        <v>70</v>
      </c>
      <c r="AJ18914">
        <v>71</v>
      </c>
      <c r="AK18914">
        <v>71</v>
      </c>
      <c r="AL18914">
        <v>72</v>
      </c>
      <c r="AM18914">
        <v>72</v>
      </c>
      <c r="AN18914">
        <v>72</v>
      </c>
      <c r="AO18914">
        <v>72</v>
      </c>
      <c r="AP18914">
        <v>72</v>
      </c>
      <c r="AQ18914">
        <v>72</v>
      </c>
    </row>
    <row r="18915" spans="1:43">
      <c r="A18915" t="s">
        <v>11726</v>
      </c>
      <c r="B18915" t="s">
        <v>11727</v>
      </c>
      <c r="C18915" t="s">
        <v>11712</v>
      </c>
      <c r="D18915" t="s">
        <v>11713</v>
      </c>
      <c r="E18915" t="s">
        <v>11610</v>
      </c>
      <c r="F18915" t="s">
        <v>11611</v>
      </c>
      <c r="G18915" t="s">
        <v>11612</v>
      </c>
      <c r="H18915" t="s">
        <v>11613</v>
      </c>
      <c r="I18915" s="2">
        <v>0</v>
      </c>
      <c r="J18915" s="2">
        <v>0</v>
      </c>
      <c r="K18915" s="2">
        <v>1</v>
      </c>
      <c r="L18915" t="s">
        <v>995</v>
      </c>
      <c r="M18915" t="s">
        <v>87</v>
      </c>
      <c r="N18915" t="s">
        <v>88</v>
      </c>
      <c r="O18915" t="s">
        <v>85</v>
      </c>
      <c r="P18915" t="s">
        <v>86</v>
      </c>
      <c r="Q18915">
        <v>57</v>
      </c>
      <c r="R18915">
        <v>57</v>
      </c>
      <c r="S18915">
        <v>58</v>
      </c>
      <c r="T18915">
        <v>58</v>
      </c>
      <c r="U18915">
        <v>58</v>
      </c>
      <c r="V18915">
        <v>58</v>
      </c>
      <c r="W18915">
        <v>59</v>
      </c>
      <c r="X18915">
        <v>59</v>
      </c>
      <c r="Y18915">
        <v>59</v>
      </c>
      <c r="Z18915">
        <v>59</v>
      </c>
      <c r="AA18915">
        <v>59</v>
      </c>
      <c r="AB18915">
        <v>60</v>
      </c>
      <c r="AC18915">
        <v>60</v>
      </c>
      <c r="AD18915">
        <v>60</v>
      </c>
      <c r="AE18915">
        <v>60</v>
      </c>
      <c r="AF18915">
        <v>61</v>
      </c>
      <c r="AG18915">
        <v>61</v>
      </c>
      <c r="AH18915">
        <v>61</v>
      </c>
      <c r="AI18915">
        <v>61</v>
      </c>
      <c r="AJ18915">
        <v>62</v>
      </c>
      <c r="AK18915">
        <v>62</v>
      </c>
      <c r="AL18915">
        <v>62</v>
      </c>
      <c r="AM18915">
        <v>62</v>
      </c>
      <c r="AN18915">
        <v>62</v>
      </c>
      <c r="AO18915">
        <v>63</v>
      </c>
      <c r="AP18915">
        <v>63</v>
      </c>
      <c r="AQ18915">
        <v>63</v>
      </c>
    </row>
    <row r="18916" spans="1:43">
      <c r="A18916" t="s">
        <v>11726</v>
      </c>
      <c r="B18916" t="s">
        <v>11727</v>
      </c>
      <c r="C18916" t="s">
        <v>11712</v>
      </c>
      <c r="D18916" t="s">
        <v>11713</v>
      </c>
      <c r="E18916" t="s">
        <v>11610</v>
      </c>
      <c r="F18916" t="s">
        <v>11611</v>
      </c>
      <c r="G18916" t="s">
        <v>11612</v>
      </c>
      <c r="H18916" t="s">
        <v>11613</v>
      </c>
      <c r="I18916" s="2">
        <v>0</v>
      </c>
      <c r="J18916" s="2">
        <v>0</v>
      </c>
      <c r="K18916" s="2">
        <v>1</v>
      </c>
      <c r="L18916" t="s">
        <v>995</v>
      </c>
      <c r="M18916" t="s">
        <v>89</v>
      </c>
      <c r="N18916" t="s">
        <v>90</v>
      </c>
      <c r="O18916" t="s">
        <v>85</v>
      </c>
      <c r="P18916" t="s">
        <v>86</v>
      </c>
      <c r="Q18916">
        <v>57</v>
      </c>
      <c r="R18916">
        <v>58</v>
      </c>
      <c r="S18916">
        <v>60</v>
      </c>
      <c r="T18916">
        <v>61</v>
      </c>
      <c r="U18916">
        <v>62</v>
      </c>
      <c r="V18916">
        <v>63</v>
      </c>
      <c r="W18916">
        <v>64</v>
      </c>
      <c r="X18916">
        <v>65</v>
      </c>
      <c r="Y18916">
        <v>66</v>
      </c>
      <c r="Z18916">
        <v>67</v>
      </c>
      <c r="AA18916">
        <v>68</v>
      </c>
      <c r="AB18916">
        <v>69</v>
      </c>
      <c r="AC18916">
        <v>70</v>
      </c>
      <c r="AD18916">
        <v>71</v>
      </c>
      <c r="AE18916">
        <v>72</v>
      </c>
      <c r="AF18916">
        <v>72</v>
      </c>
      <c r="AG18916">
        <v>72</v>
      </c>
      <c r="AH18916">
        <v>72</v>
      </c>
      <c r="AI18916">
        <v>72</v>
      </c>
      <c r="AJ18916">
        <v>72</v>
      </c>
      <c r="AK18916">
        <v>72</v>
      </c>
      <c r="AL18916">
        <v>72</v>
      </c>
      <c r="AM18916">
        <v>72</v>
      </c>
      <c r="AN18916">
        <v>72</v>
      </c>
      <c r="AO18916">
        <v>72</v>
      </c>
      <c r="AP18916">
        <v>72</v>
      </c>
      <c r="AQ18916">
        <v>72</v>
      </c>
    </row>
    <row r="18917" spans="1:43">
      <c r="A18917" t="s">
        <v>11726</v>
      </c>
      <c r="B18917" t="s">
        <v>11727</v>
      </c>
      <c r="C18917" t="s">
        <v>11712</v>
      </c>
      <c r="D18917" t="s">
        <v>11713</v>
      </c>
      <c r="E18917" t="s">
        <v>11610</v>
      </c>
      <c r="F18917" t="s">
        <v>11611</v>
      </c>
      <c r="G18917" t="s">
        <v>11612</v>
      </c>
      <c r="H18917" t="s">
        <v>11613</v>
      </c>
      <c r="I18917" s="2">
        <v>0</v>
      </c>
      <c r="J18917" s="2">
        <v>0</v>
      </c>
      <c r="K18917" s="2">
        <v>1</v>
      </c>
      <c r="L18917" t="s">
        <v>995</v>
      </c>
      <c r="M18917" t="s">
        <v>83</v>
      </c>
      <c r="N18917" t="s">
        <v>91</v>
      </c>
      <c r="O18917" t="s">
        <v>85</v>
      </c>
      <c r="P18917" t="s">
        <v>86</v>
      </c>
      <c r="Q18917">
        <v>57</v>
      </c>
      <c r="R18917">
        <v>57</v>
      </c>
      <c r="S18917">
        <v>58</v>
      </c>
      <c r="T18917">
        <v>59</v>
      </c>
      <c r="U18917">
        <v>60</v>
      </c>
      <c r="V18917">
        <v>60</v>
      </c>
      <c r="W18917">
        <v>61</v>
      </c>
      <c r="X18917">
        <v>62</v>
      </c>
      <c r="Y18917">
        <v>63</v>
      </c>
      <c r="Z18917">
        <v>63</v>
      </c>
      <c r="AA18917">
        <v>64</v>
      </c>
      <c r="AB18917">
        <v>65</v>
      </c>
      <c r="AC18917">
        <v>66</v>
      </c>
      <c r="AD18917">
        <v>66</v>
      </c>
      <c r="AE18917">
        <v>67</v>
      </c>
      <c r="AF18917">
        <v>68</v>
      </c>
      <c r="AG18917">
        <v>69</v>
      </c>
      <c r="AH18917">
        <v>69</v>
      </c>
      <c r="AI18917">
        <v>70</v>
      </c>
      <c r="AJ18917">
        <v>71</v>
      </c>
      <c r="AK18917">
        <v>71</v>
      </c>
      <c r="AL18917">
        <v>72</v>
      </c>
      <c r="AM18917">
        <v>72</v>
      </c>
      <c r="AN18917">
        <v>72</v>
      </c>
      <c r="AO18917">
        <v>72</v>
      </c>
      <c r="AP18917">
        <v>72</v>
      </c>
      <c r="AQ18917">
        <v>72</v>
      </c>
    </row>
    <row r="18918" spans="1:43">
      <c r="A18918" t="s">
        <v>11728</v>
      </c>
      <c r="B18918" t="s">
        <v>11729</v>
      </c>
      <c r="C18918" t="s">
        <v>11654</v>
      </c>
      <c r="D18918" t="s">
        <v>11655</v>
      </c>
      <c r="E18918" t="s">
        <v>11610</v>
      </c>
      <c r="F18918" t="s">
        <v>11611</v>
      </c>
      <c r="G18918" t="s">
        <v>11612</v>
      </c>
      <c r="H18918" t="s">
        <v>11613</v>
      </c>
      <c r="I18918" s="2">
        <v>0</v>
      </c>
      <c r="J18918" s="2">
        <v>0</v>
      </c>
      <c r="K18918" s="2">
        <v>1</v>
      </c>
      <c r="L18918" t="s">
        <v>995</v>
      </c>
      <c r="M18918" t="s">
        <v>83</v>
      </c>
      <c r="N18918" t="s">
        <v>84</v>
      </c>
      <c r="O18918" t="s">
        <v>85</v>
      </c>
      <c r="P18918" t="s">
        <v>86</v>
      </c>
      <c r="Q18918">
        <v>7</v>
      </c>
      <c r="R18918">
        <v>8</v>
      </c>
      <c r="S18918">
        <v>8</v>
      </c>
      <c r="T18918">
        <v>8</v>
      </c>
      <c r="U18918">
        <v>8</v>
      </c>
      <c r="V18918">
        <v>8</v>
      </c>
      <c r="W18918">
        <v>8</v>
      </c>
      <c r="X18918">
        <v>8</v>
      </c>
      <c r="Y18918">
        <v>8</v>
      </c>
      <c r="Z18918">
        <v>8</v>
      </c>
      <c r="AA18918">
        <v>8</v>
      </c>
      <c r="AB18918">
        <v>9</v>
      </c>
      <c r="AC18918">
        <v>9</v>
      </c>
      <c r="AD18918">
        <v>9</v>
      </c>
      <c r="AE18918">
        <v>9</v>
      </c>
      <c r="AF18918">
        <v>9</v>
      </c>
      <c r="AG18918">
        <v>9</v>
      </c>
      <c r="AH18918">
        <v>9</v>
      </c>
      <c r="AI18918">
        <v>9</v>
      </c>
      <c r="AJ18918">
        <v>9</v>
      </c>
      <c r="AK18918">
        <v>9</v>
      </c>
      <c r="AL18918">
        <v>9</v>
      </c>
      <c r="AM18918">
        <v>9</v>
      </c>
      <c r="AN18918">
        <v>9</v>
      </c>
      <c r="AO18918">
        <v>9</v>
      </c>
      <c r="AP18918">
        <v>9</v>
      </c>
      <c r="AQ18918">
        <v>9</v>
      </c>
    </row>
    <row r="18919" spans="1:43">
      <c r="A18919" t="s">
        <v>11728</v>
      </c>
      <c r="B18919" t="s">
        <v>11729</v>
      </c>
      <c r="C18919" t="s">
        <v>11654</v>
      </c>
      <c r="D18919" t="s">
        <v>11655</v>
      </c>
      <c r="E18919" t="s">
        <v>11610</v>
      </c>
      <c r="F18919" t="s">
        <v>11611</v>
      </c>
      <c r="G18919" t="s">
        <v>11612</v>
      </c>
      <c r="H18919" t="s">
        <v>11613</v>
      </c>
      <c r="I18919" s="2">
        <v>0</v>
      </c>
      <c r="J18919" s="2">
        <v>0</v>
      </c>
      <c r="K18919" s="2">
        <v>1</v>
      </c>
      <c r="L18919" t="s">
        <v>995</v>
      </c>
      <c r="M18919" t="s">
        <v>87</v>
      </c>
      <c r="N18919" t="s">
        <v>88</v>
      </c>
      <c r="O18919" t="s">
        <v>85</v>
      </c>
      <c r="P18919" t="s">
        <v>86</v>
      </c>
      <c r="Q18919">
        <v>7</v>
      </c>
      <c r="R18919">
        <v>7</v>
      </c>
      <c r="S18919">
        <v>7</v>
      </c>
      <c r="T18919">
        <v>7</v>
      </c>
      <c r="U18919">
        <v>8</v>
      </c>
      <c r="V18919">
        <v>8</v>
      </c>
      <c r="W18919">
        <v>8</v>
      </c>
      <c r="X18919">
        <v>8</v>
      </c>
      <c r="Y18919">
        <v>8</v>
      </c>
      <c r="Z18919">
        <v>8</v>
      </c>
      <c r="AA18919">
        <v>8</v>
      </c>
      <c r="AB18919">
        <v>8</v>
      </c>
      <c r="AC18919">
        <v>8</v>
      </c>
      <c r="AD18919">
        <v>8</v>
      </c>
      <c r="AE18919">
        <v>8</v>
      </c>
      <c r="AF18919">
        <v>8</v>
      </c>
      <c r="AG18919">
        <v>8</v>
      </c>
      <c r="AH18919">
        <v>8</v>
      </c>
      <c r="AI18919">
        <v>8</v>
      </c>
      <c r="AJ18919">
        <v>8</v>
      </c>
      <c r="AK18919">
        <v>8</v>
      </c>
      <c r="AL18919">
        <v>8</v>
      </c>
      <c r="AM18919">
        <v>8</v>
      </c>
      <c r="AN18919">
        <v>8</v>
      </c>
      <c r="AO18919">
        <v>8</v>
      </c>
      <c r="AP18919">
        <v>8</v>
      </c>
      <c r="AQ18919">
        <v>8</v>
      </c>
    </row>
    <row r="18920" spans="1:43">
      <c r="A18920" t="s">
        <v>11728</v>
      </c>
      <c r="B18920" t="s">
        <v>11729</v>
      </c>
      <c r="C18920" t="s">
        <v>11654</v>
      </c>
      <c r="D18920" t="s">
        <v>11655</v>
      </c>
      <c r="E18920" t="s">
        <v>11610</v>
      </c>
      <c r="F18920" t="s">
        <v>11611</v>
      </c>
      <c r="G18920" t="s">
        <v>11612</v>
      </c>
      <c r="H18920" t="s">
        <v>11613</v>
      </c>
      <c r="I18920" s="2">
        <v>0</v>
      </c>
      <c r="J18920" s="2">
        <v>0</v>
      </c>
      <c r="K18920" s="2">
        <v>1</v>
      </c>
      <c r="L18920" t="s">
        <v>995</v>
      </c>
      <c r="M18920" t="s">
        <v>89</v>
      </c>
      <c r="N18920" t="s">
        <v>90</v>
      </c>
      <c r="O18920" t="s">
        <v>85</v>
      </c>
      <c r="P18920" t="s">
        <v>86</v>
      </c>
      <c r="Q18920">
        <v>7</v>
      </c>
      <c r="R18920">
        <v>7</v>
      </c>
      <c r="S18920">
        <v>7</v>
      </c>
      <c r="T18920">
        <v>7</v>
      </c>
      <c r="U18920">
        <v>7</v>
      </c>
      <c r="V18920">
        <v>7</v>
      </c>
      <c r="W18920">
        <v>7</v>
      </c>
      <c r="X18920">
        <v>8</v>
      </c>
      <c r="Y18920">
        <v>8</v>
      </c>
      <c r="Z18920">
        <v>8</v>
      </c>
      <c r="AA18920">
        <v>8</v>
      </c>
      <c r="AB18920">
        <v>8</v>
      </c>
      <c r="AC18920">
        <v>8</v>
      </c>
      <c r="AD18920">
        <v>8</v>
      </c>
      <c r="AE18920">
        <v>8</v>
      </c>
      <c r="AF18920">
        <v>8</v>
      </c>
      <c r="AG18920">
        <v>8</v>
      </c>
      <c r="AH18920">
        <v>8</v>
      </c>
      <c r="AI18920">
        <v>8</v>
      </c>
      <c r="AJ18920">
        <v>8</v>
      </c>
      <c r="AK18920">
        <v>8</v>
      </c>
      <c r="AL18920">
        <v>8</v>
      </c>
      <c r="AM18920">
        <v>8</v>
      </c>
      <c r="AN18920">
        <v>8</v>
      </c>
      <c r="AO18920">
        <v>8</v>
      </c>
      <c r="AP18920">
        <v>8</v>
      </c>
      <c r="AQ18920">
        <v>8</v>
      </c>
    </row>
    <row r="18921" spans="1:43">
      <c r="A18921" t="s">
        <v>11728</v>
      </c>
      <c r="B18921" t="s">
        <v>11729</v>
      </c>
      <c r="C18921" t="s">
        <v>11654</v>
      </c>
      <c r="D18921" t="s">
        <v>11655</v>
      </c>
      <c r="E18921" t="s">
        <v>11610</v>
      </c>
      <c r="F18921" t="s">
        <v>11611</v>
      </c>
      <c r="G18921" t="s">
        <v>11612</v>
      </c>
      <c r="H18921" t="s">
        <v>11613</v>
      </c>
      <c r="I18921" s="2">
        <v>0</v>
      </c>
      <c r="J18921" s="2">
        <v>0</v>
      </c>
      <c r="K18921" s="2">
        <v>1</v>
      </c>
      <c r="L18921" t="s">
        <v>995</v>
      </c>
      <c r="M18921" t="s">
        <v>83</v>
      </c>
      <c r="N18921" t="s">
        <v>91</v>
      </c>
      <c r="O18921" t="s">
        <v>85</v>
      </c>
      <c r="P18921" t="s">
        <v>86</v>
      </c>
      <c r="Q18921">
        <v>7</v>
      </c>
      <c r="R18921">
        <v>8</v>
      </c>
      <c r="S18921">
        <v>8</v>
      </c>
      <c r="T18921">
        <v>8</v>
      </c>
      <c r="U18921">
        <v>8</v>
      </c>
      <c r="V18921">
        <v>8</v>
      </c>
      <c r="W18921">
        <v>8</v>
      </c>
      <c r="X18921">
        <v>8</v>
      </c>
      <c r="Y18921">
        <v>8</v>
      </c>
      <c r="Z18921">
        <v>8</v>
      </c>
      <c r="AA18921">
        <v>8</v>
      </c>
      <c r="AB18921">
        <v>9</v>
      </c>
      <c r="AC18921">
        <v>9</v>
      </c>
      <c r="AD18921">
        <v>9</v>
      </c>
      <c r="AE18921">
        <v>9</v>
      </c>
      <c r="AF18921">
        <v>9</v>
      </c>
      <c r="AG18921">
        <v>9</v>
      </c>
      <c r="AH18921">
        <v>9</v>
      </c>
      <c r="AI18921">
        <v>9</v>
      </c>
      <c r="AJ18921">
        <v>9</v>
      </c>
      <c r="AK18921">
        <v>9</v>
      </c>
      <c r="AL18921">
        <v>9</v>
      </c>
      <c r="AM18921">
        <v>9</v>
      </c>
      <c r="AN18921">
        <v>9</v>
      </c>
      <c r="AO18921">
        <v>9</v>
      </c>
      <c r="AP18921">
        <v>9</v>
      </c>
      <c r="AQ18921">
        <v>9</v>
      </c>
    </row>
    <row r="18922" spans="1:43">
      <c r="A18922" t="s">
        <v>11730</v>
      </c>
      <c r="B18922" t="s">
        <v>11731</v>
      </c>
      <c r="C18922" t="s">
        <v>11712</v>
      </c>
      <c r="D18922" t="s">
        <v>11713</v>
      </c>
      <c r="E18922" t="s">
        <v>11610</v>
      </c>
      <c r="F18922" t="s">
        <v>11611</v>
      </c>
      <c r="G18922" t="s">
        <v>11612</v>
      </c>
      <c r="H18922" t="s">
        <v>11613</v>
      </c>
      <c r="I18922" s="2">
        <v>0</v>
      </c>
      <c r="J18922" s="2">
        <v>0</v>
      </c>
      <c r="K18922" s="2">
        <v>1</v>
      </c>
      <c r="L18922" t="s">
        <v>995</v>
      </c>
      <c r="M18922" t="s">
        <v>83</v>
      </c>
      <c r="N18922" t="s">
        <v>84</v>
      </c>
      <c r="O18922" t="s">
        <v>85</v>
      </c>
      <c r="P18922" t="s">
        <v>86</v>
      </c>
      <c r="Q18922">
        <v>13</v>
      </c>
      <c r="R18922">
        <v>13</v>
      </c>
      <c r="S18922">
        <v>13</v>
      </c>
      <c r="T18922">
        <v>13</v>
      </c>
      <c r="U18922">
        <v>13</v>
      </c>
      <c r="V18922">
        <v>14</v>
      </c>
      <c r="W18922">
        <v>14</v>
      </c>
      <c r="X18922">
        <v>14</v>
      </c>
      <c r="Y18922">
        <v>14</v>
      </c>
      <c r="Z18922">
        <v>14</v>
      </c>
      <c r="AA18922">
        <v>14</v>
      </c>
      <c r="AB18922">
        <v>15</v>
      </c>
      <c r="AC18922">
        <v>15</v>
      </c>
      <c r="AD18922">
        <v>15</v>
      </c>
      <c r="AE18922">
        <v>15</v>
      </c>
      <c r="AF18922">
        <v>15</v>
      </c>
      <c r="AG18922">
        <v>15</v>
      </c>
      <c r="AH18922">
        <v>16</v>
      </c>
      <c r="AI18922">
        <v>16</v>
      </c>
      <c r="AJ18922">
        <v>16</v>
      </c>
      <c r="AK18922">
        <v>16</v>
      </c>
      <c r="AL18922">
        <v>16</v>
      </c>
      <c r="AM18922">
        <v>16</v>
      </c>
      <c r="AN18922">
        <v>16</v>
      </c>
      <c r="AO18922">
        <v>16</v>
      </c>
      <c r="AP18922">
        <v>16</v>
      </c>
      <c r="AQ18922">
        <v>16</v>
      </c>
    </row>
    <row r="18923" spans="1:43">
      <c r="A18923" t="s">
        <v>11730</v>
      </c>
      <c r="B18923" t="s">
        <v>11731</v>
      </c>
      <c r="C18923" t="s">
        <v>11712</v>
      </c>
      <c r="D18923" t="s">
        <v>11713</v>
      </c>
      <c r="E18923" t="s">
        <v>11610</v>
      </c>
      <c r="F18923" t="s">
        <v>11611</v>
      </c>
      <c r="G18923" t="s">
        <v>11612</v>
      </c>
      <c r="H18923" t="s">
        <v>11613</v>
      </c>
      <c r="I18923" s="2">
        <v>0</v>
      </c>
      <c r="J18923" s="2">
        <v>0</v>
      </c>
      <c r="K18923" s="2">
        <v>1</v>
      </c>
      <c r="L18923" t="s">
        <v>995</v>
      </c>
      <c r="M18923" t="s">
        <v>87</v>
      </c>
      <c r="N18923" t="s">
        <v>88</v>
      </c>
      <c r="O18923" t="s">
        <v>85</v>
      </c>
      <c r="P18923" t="s">
        <v>86</v>
      </c>
      <c r="Q18923">
        <v>13</v>
      </c>
      <c r="R18923">
        <v>13</v>
      </c>
      <c r="S18923">
        <v>13</v>
      </c>
      <c r="T18923">
        <v>13</v>
      </c>
      <c r="U18923">
        <v>13</v>
      </c>
      <c r="V18923">
        <v>13</v>
      </c>
      <c r="W18923">
        <v>13</v>
      </c>
      <c r="X18923">
        <v>13</v>
      </c>
      <c r="Y18923">
        <v>13</v>
      </c>
      <c r="Z18923">
        <v>13</v>
      </c>
      <c r="AA18923">
        <v>13</v>
      </c>
      <c r="AB18923">
        <v>13</v>
      </c>
      <c r="AC18923">
        <v>13</v>
      </c>
      <c r="AD18923">
        <v>13</v>
      </c>
      <c r="AE18923">
        <v>13</v>
      </c>
      <c r="AF18923">
        <v>13</v>
      </c>
      <c r="AG18923">
        <v>13</v>
      </c>
      <c r="AH18923">
        <v>14</v>
      </c>
      <c r="AI18923">
        <v>14</v>
      </c>
      <c r="AJ18923">
        <v>14</v>
      </c>
      <c r="AK18923">
        <v>14</v>
      </c>
      <c r="AL18923">
        <v>14</v>
      </c>
      <c r="AM18923">
        <v>14</v>
      </c>
      <c r="AN18923">
        <v>14</v>
      </c>
      <c r="AO18923">
        <v>14</v>
      </c>
      <c r="AP18923">
        <v>14</v>
      </c>
      <c r="AQ18923">
        <v>14</v>
      </c>
    </row>
    <row r="18924" spans="1:43">
      <c r="A18924" t="s">
        <v>11730</v>
      </c>
      <c r="B18924" t="s">
        <v>11731</v>
      </c>
      <c r="C18924" t="s">
        <v>11712</v>
      </c>
      <c r="D18924" t="s">
        <v>11713</v>
      </c>
      <c r="E18924" t="s">
        <v>11610</v>
      </c>
      <c r="F18924" t="s">
        <v>11611</v>
      </c>
      <c r="G18924" t="s">
        <v>11612</v>
      </c>
      <c r="H18924" t="s">
        <v>11613</v>
      </c>
      <c r="I18924" s="2">
        <v>0</v>
      </c>
      <c r="J18924" s="2">
        <v>0</v>
      </c>
      <c r="K18924" s="2">
        <v>1</v>
      </c>
      <c r="L18924" t="s">
        <v>995</v>
      </c>
      <c r="M18924" t="s">
        <v>89</v>
      </c>
      <c r="N18924" t="s">
        <v>90</v>
      </c>
      <c r="O18924" t="s">
        <v>85</v>
      </c>
      <c r="P18924" t="s">
        <v>86</v>
      </c>
      <c r="Q18924">
        <v>13</v>
      </c>
      <c r="R18924">
        <v>13</v>
      </c>
      <c r="S18924">
        <v>13</v>
      </c>
      <c r="T18924">
        <v>14</v>
      </c>
      <c r="U18924">
        <v>14</v>
      </c>
      <c r="V18924">
        <v>14</v>
      </c>
      <c r="W18924">
        <v>15</v>
      </c>
      <c r="X18924">
        <v>15</v>
      </c>
      <c r="Y18924">
        <v>15</v>
      </c>
      <c r="Z18924">
        <v>15</v>
      </c>
      <c r="AA18924">
        <v>15</v>
      </c>
      <c r="AB18924">
        <v>16</v>
      </c>
      <c r="AC18924">
        <v>16</v>
      </c>
      <c r="AD18924">
        <v>16</v>
      </c>
      <c r="AE18924">
        <v>16</v>
      </c>
      <c r="AF18924">
        <v>16</v>
      </c>
      <c r="AG18924">
        <v>16</v>
      </c>
      <c r="AH18924">
        <v>16</v>
      </c>
      <c r="AI18924">
        <v>16</v>
      </c>
      <c r="AJ18924">
        <v>16</v>
      </c>
      <c r="AK18924">
        <v>16</v>
      </c>
      <c r="AL18924">
        <v>16</v>
      </c>
      <c r="AM18924">
        <v>16</v>
      </c>
      <c r="AN18924">
        <v>16</v>
      </c>
      <c r="AO18924">
        <v>16</v>
      </c>
      <c r="AP18924">
        <v>16</v>
      </c>
      <c r="AQ18924">
        <v>16</v>
      </c>
    </row>
    <row r="18925" spans="1:43">
      <c r="A18925" t="s">
        <v>11730</v>
      </c>
      <c r="B18925" t="s">
        <v>11731</v>
      </c>
      <c r="C18925" t="s">
        <v>11712</v>
      </c>
      <c r="D18925" t="s">
        <v>11713</v>
      </c>
      <c r="E18925" t="s">
        <v>11610</v>
      </c>
      <c r="F18925" t="s">
        <v>11611</v>
      </c>
      <c r="G18925" t="s">
        <v>11612</v>
      </c>
      <c r="H18925" t="s">
        <v>11613</v>
      </c>
      <c r="I18925" s="2">
        <v>0</v>
      </c>
      <c r="J18925" s="2">
        <v>0</v>
      </c>
      <c r="K18925" s="2">
        <v>1</v>
      </c>
      <c r="L18925" t="s">
        <v>995</v>
      </c>
      <c r="M18925" t="s">
        <v>83</v>
      </c>
      <c r="N18925" t="s">
        <v>91</v>
      </c>
      <c r="O18925" t="s">
        <v>85</v>
      </c>
      <c r="P18925" t="s">
        <v>86</v>
      </c>
      <c r="Q18925">
        <v>13</v>
      </c>
      <c r="R18925">
        <v>13</v>
      </c>
      <c r="S18925">
        <v>13</v>
      </c>
      <c r="T18925">
        <v>13</v>
      </c>
      <c r="U18925">
        <v>13</v>
      </c>
      <c r="V18925">
        <v>14</v>
      </c>
      <c r="W18925">
        <v>14</v>
      </c>
      <c r="X18925">
        <v>14</v>
      </c>
      <c r="Y18925">
        <v>14</v>
      </c>
      <c r="Z18925">
        <v>14</v>
      </c>
      <c r="AA18925">
        <v>14</v>
      </c>
      <c r="AB18925">
        <v>15</v>
      </c>
      <c r="AC18925">
        <v>15</v>
      </c>
      <c r="AD18925">
        <v>15</v>
      </c>
      <c r="AE18925">
        <v>15</v>
      </c>
      <c r="AF18925">
        <v>15</v>
      </c>
      <c r="AG18925">
        <v>15</v>
      </c>
      <c r="AH18925">
        <v>16</v>
      </c>
      <c r="AI18925">
        <v>16</v>
      </c>
      <c r="AJ18925">
        <v>16</v>
      </c>
      <c r="AK18925">
        <v>16</v>
      </c>
      <c r="AL18925">
        <v>16</v>
      </c>
      <c r="AM18925">
        <v>16</v>
      </c>
      <c r="AN18925">
        <v>16</v>
      </c>
      <c r="AO18925">
        <v>16</v>
      </c>
      <c r="AP18925">
        <v>16</v>
      </c>
      <c r="AQ18925">
        <v>16</v>
      </c>
    </row>
    <row r="18926" spans="1:43">
      <c r="A18926" t="s">
        <v>11732</v>
      </c>
      <c r="B18926" t="s">
        <v>11733</v>
      </c>
      <c r="C18926" t="s">
        <v>11712</v>
      </c>
      <c r="D18926" t="s">
        <v>11713</v>
      </c>
      <c r="E18926" t="s">
        <v>11610</v>
      </c>
      <c r="F18926" t="s">
        <v>11611</v>
      </c>
      <c r="G18926" t="s">
        <v>11612</v>
      </c>
      <c r="H18926" t="s">
        <v>11613</v>
      </c>
      <c r="I18926" s="2">
        <v>0</v>
      </c>
      <c r="J18926" s="2">
        <v>0</v>
      </c>
      <c r="K18926" s="2">
        <v>1</v>
      </c>
      <c r="L18926" t="s">
        <v>995</v>
      </c>
      <c r="M18926" t="s">
        <v>83</v>
      </c>
      <c r="N18926" t="s">
        <v>84</v>
      </c>
      <c r="O18926" t="s">
        <v>85</v>
      </c>
      <c r="P18926" t="s">
        <v>86</v>
      </c>
      <c r="Q18926">
        <v>9</v>
      </c>
      <c r="R18926">
        <v>9</v>
      </c>
      <c r="S18926">
        <v>10</v>
      </c>
      <c r="T18926">
        <v>10</v>
      </c>
      <c r="U18926">
        <v>10</v>
      </c>
      <c r="V18926">
        <v>10</v>
      </c>
      <c r="W18926">
        <v>10</v>
      </c>
      <c r="X18926">
        <v>10</v>
      </c>
      <c r="Y18926">
        <v>10</v>
      </c>
      <c r="Z18926">
        <v>10</v>
      </c>
      <c r="AA18926">
        <v>11</v>
      </c>
      <c r="AB18926">
        <v>11</v>
      </c>
      <c r="AC18926">
        <v>11</v>
      </c>
      <c r="AD18926">
        <v>11</v>
      </c>
      <c r="AE18926">
        <v>11</v>
      </c>
      <c r="AF18926">
        <v>11</v>
      </c>
      <c r="AG18926">
        <v>11</v>
      </c>
      <c r="AH18926">
        <v>11</v>
      </c>
      <c r="AI18926">
        <v>11</v>
      </c>
      <c r="AJ18926">
        <v>12</v>
      </c>
      <c r="AK18926">
        <v>12</v>
      </c>
      <c r="AL18926">
        <v>12</v>
      </c>
      <c r="AM18926">
        <v>12</v>
      </c>
      <c r="AN18926">
        <v>12</v>
      </c>
      <c r="AO18926">
        <v>12</v>
      </c>
      <c r="AP18926">
        <v>12</v>
      </c>
      <c r="AQ18926">
        <v>12</v>
      </c>
    </row>
    <row r="18927" spans="1:43">
      <c r="A18927" t="s">
        <v>11732</v>
      </c>
      <c r="B18927" t="s">
        <v>11733</v>
      </c>
      <c r="C18927" t="s">
        <v>11712</v>
      </c>
      <c r="D18927" t="s">
        <v>11713</v>
      </c>
      <c r="E18927" t="s">
        <v>11610</v>
      </c>
      <c r="F18927" t="s">
        <v>11611</v>
      </c>
      <c r="G18927" t="s">
        <v>11612</v>
      </c>
      <c r="H18927" t="s">
        <v>11613</v>
      </c>
      <c r="I18927" s="2">
        <v>0</v>
      </c>
      <c r="J18927" s="2">
        <v>0</v>
      </c>
      <c r="K18927" s="2">
        <v>1</v>
      </c>
      <c r="L18927" t="s">
        <v>995</v>
      </c>
      <c r="M18927" t="s">
        <v>87</v>
      </c>
      <c r="N18927" t="s">
        <v>88</v>
      </c>
      <c r="O18927" t="s">
        <v>85</v>
      </c>
      <c r="P18927" t="s">
        <v>86</v>
      </c>
      <c r="Q18927">
        <v>9</v>
      </c>
      <c r="R18927">
        <v>9</v>
      </c>
      <c r="S18927">
        <v>9</v>
      </c>
      <c r="T18927">
        <v>9</v>
      </c>
      <c r="U18927">
        <v>9</v>
      </c>
      <c r="V18927">
        <v>9</v>
      </c>
      <c r="W18927">
        <v>9</v>
      </c>
      <c r="X18927">
        <v>9</v>
      </c>
      <c r="Y18927">
        <v>9</v>
      </c>
      <c r="Z18927">
        <v>10</v>
      </c>
      <c r="AA18927">
        <v>10</v>
      </c>
      <c r="AB18927">
        <v>10</v>
      </c>
      <c r="AC18927">
        <v>10</v>
      </c>
      <c r="AD18927">
        <v>10</v>
      </c>
      <c r="AE18927">
        <v>10</v>
      </c>
      <c r="AF18927">
        <v>10</v>
      </c>
      <c r="AG18927">
        <v>10</v>
      </c>
      <c r="AH18927">
        <v>10</v>
      </c>
      <c r="AI18927">
        <v>10</v>
      </c>
      <c r="AJ18927">
        <v>10</v>
      </c>
      <c r="AK18927">
        <v>10</v>
      </c>
      <c r="AL18927">
        <v>10</v>
      </c>
      <c r="AM18927">
        <v>10</v>
      </c>
      <c r="AN18927">
        <v>10</v>
      </c>
      <c r="AO18927">
        <v>10</v>
      </c>
      <c r="AP18927">
        <v>10</v>
      </c>
      <c r="AQ18927">
        <v>10</v>
      </c>
    </row>
    <row r="18928" spans="1:43">
      <c r="A18928" t="s">
        <v>11732</v>
      </c>
      <c r="B18928" t="s">
        <v>11733</v>
      </c>
      <c r="C18928" t="s">
        <v>11712</v>
      </c>
      <c r="D18928" t="s">
        <v>11713</v>
      </c>
      <c r="E18928" t="s">
        <v>11610</v>
      </c>
      <c r="F18928" t="s">
        <v>11611</v>
      </c>
      <c r="G18928" t="s">
        <v>11612</v>
      </c>
      <c r="H18928" t="s">
        <v>11613</v>
      </c>
      <c r="I18928" s="2">
        <v>0</v>
      </c>
      <c r="J18928" s="2">
        <v>0</v>
      </c>
      <c r="K18928" s="2">
        <v>1</v>
      </c>
      <c r="L18928" t="s">
        <v>995</v>
      </c>
      <c r="M18928" t="s">
        <v>89</v>
      </c>
      <c r="N18928" t="s">
        <v>90</v>
      </c>
      <c r="O18928" t="s">
        <v>85</v>
      </c>
      <c r="P18928" t="s">
        <v>86</v>
      </c>
      <c r="Q18928">
        <v>9</v>
      </c>
      <c r="R18928">
        <v>10</v>
      </c>
      <c r="S18928">
        <v>10</v>
      </c>
      <c r="T18928">
        <v>10</v>
      </c>
      <c r="U18928">
        <v>10</v>
      </c>
      <c r="V18928">
        <v>10</v>
      </c>
      <c r="W18928">
        <v>11</v>
      </c>
      <c r="X18928">
        <v>11</v>
      </c>
      <c r="Y18928">
        <v>11</v>
      </c>
      <c r="Z18928">
        <v>11</v>
      </c>
      <c r="AA18928">
        <v>11</v>
      </c>
      <c r="AB18928">
        <v>11</v>
      </c>
      <c r="AC18928">
        <v>12</v>
      </c>
      <c r="AD18928">
        <v>12</v>
      </c>
      <c r="AE18928">
        <v>12</v>
      </c>
      <c r="AF18928">
        <v>12</v>
      </c>
      <c r="AG18928">
        <v>12</v>
      </c>
      <c r="AH18928">
        <v>12</v>
      </c>
      <c r="AI18928">
        <v>12</v>
      </c>
      <c r="AJ18928">
        <v>12</v>
      </c>
      <c r="AK18928">
        <v>12</v>
      </c>
      <c r="AL18928">
        <v>12</v>
      </c>
      <c r="AM18928">
        <v>12</v>
      </c>
      <c r="AN18928">
        <v>12</v>
      </c>
      <c r="AO18928">
        <v>12</v>
      </c>
      <c r="AP18928">
        <v>12</v>
      </c>
      <c r="AQ18928">
        <v>12</v>
      </c>
    </row>
    <row r="18929" spans="1:43">
      <c r="A18929" t="s">
        <v>11732</v>
      </c>
      <c r="B18929" t="s">
        <v>11733</v>
      </c>
      <c r="C18929" t="s">
        <v>11712</v>
      </c>
      <c r="D18929" t="s">
        <v>11713</v>
      </c>
      <c r="E18929" t="s">
        <v>11610</v>
      </c>
      <c r="F18929" t="s">
        <v>11611</v>
      </c>
      <c r="G18929" t="s">
        <v>11612</v>
      </c>
      <c r="H18929" t="s">
        <v>11613</v>
      </c>
      <c r="I18929" s="2">
        <v>0</v>
      </c>
      <c r="J18929" s="2">
        <v>0</v>
      </c>
      <c r="K18929" s="2">
        <v>1</v>
      </c>
      <c r="L18929" t="s">
        <v>995</v>
      </c>
      <c r="M18929" t="s">
        <v>83</v>
      </c>
      <c r="N18929" t="s">
        <v>91</v>
      </c>
      <c r="O18929" t="s">
        <v>85</v>
      </c>
      <c r="P18929" t="s">
        <v>86</v>
      </c>
      <c r="Q18929">
        <v>9</v>
      </c>
      <c r="R18929">
        <v>9</v>
      </c>
      <c r="S18929">
        <v>10</v>
      </c>
      <c r="T18929">
        <v>10</v>
      </c>
      <c r="U18929">
        <v>10</v>
      </c>
      <c r="V18929">
        <v>10</v>
      </c>
      <c r="W18929">
        <v>10</v>
      </c>
      <c r="X18929">
        <v>10</v>
      </c>
      <c r="Y18929">
        <v>10</v>
      </c>
      <c r="Z18929">
        <v>10</v>
      </c>
      <c r="AA18929">
        <v>11</v>
      </c>
      <c r="AB18929">
        <v>11</v>
      </c>
      <c r="AC18929">
        <v>11</v>
      </c>
      <c r="AD18929">
        <v>11</v>
      </c>
      <c r="AE18929">
        <v>11</v>
      </c>
      <c r="AF18929">
        <v>11</v>
      </c>
      <c r="AG18929">
        <v>11</v>
      </c>
      <c r="AH18929">
        <v>11</v>
      </c>
      <c r="AI18929">
        <v>11</v>
      </c>
      <c r="AJ18929">
        <v>12</v>
      </c>
      <c r="AK18929">
        <v>12</v>
      </c>
      <c r="AL18929">
        <v>12</v>
      </c>
      <c r="AM18929">
        <v>12</v>
      </c>
      <c r="AN18929">
        <v>12</v>
      </c>
      <c r="AO18929">
        <v>12</v>
      </c>
      <c r="AP18929">
        <v>12</v>
      </c>
      <c r="AQ18929">
        <v>12</v>
      </c>
    </row>
    <row r="18930" spans="1:43">
      <c r="A18930" t="s">
        <v>11734</v>
      </c>
      <c r="B18930" t="s">
        <v>11735</v>
      </c>
      <c r="C18930" t="s">
        <v>11736</v>
      </c>
      <c r="D18930" t="s">
        <v>11737</v>
      </c>
      <c r="E18930" t="s">
        <v>11610</v>
      </c>
      <c r="F18930" t="s">
        <v>11611</v>
      </c>
      <c r="G18930" t="s">
        <v>11612</v>
      </c>
      <c r="H18930" t="s">
        <v>11613</v>
      </c>
      <c r="I18930" s="2">
        <v>0</v>
      </c>
      <c r="J18930" s="2">
        <v>0</v>
      </c>
      <c r="K18930" s="2">
        <v>1</v>
      </c>
      <c r="L18930" t="s">
        <v>995</v>
      </c>
      <c r="M18930" t="s">
        <v>83</v>
      </c>
      <c r="N18930" t="s">
        <v>84</v>
      </c>
      <c r="O18930" t="s">
        <v>85</v>
      </c>
      <c r="P18930" t="s">
        <v>86</v>
      </c>
      <c r="Q18930">
        <v>12</v>
      </c>
      <c r="R18930">
        <v>12</v>
      </c>
      <c r="S18930">
        <v>12</v>
      </c>
      <c r="T18930">
        <v>13</v>
      </c>
      <c r="U18930">
        <v>13</v>
      </c>
      <c r="V18930">
        <v>13</v>
      </c>
      <c r="W18930">
        <v>13</v>
      </c>
      <c r="X18930">
        <v>13</v>
      </c>
      <c r="Y18930">
        <v>13</v>
      </c>
      <c r="Z18930">
        <v>14</v>
      </c>
      <c r="AA18930">
        <v>14</v>
      </c>
      <c r="AB18930">
        <v>14</v>
      </c>
      <c r="AC18930">
        <v>14</v>
      </c>
      <c r="AD18930">
        <v>14</v>
      </c>
      <c r="AE18930">
        <v>14</v>
      </c>
      <c r="AF18930">
        <v>14</v>
      </c>
      <c r="AG18930">
        <v>15</v>
      </c>
      <c r="AH18930">
        <v>15</v>
      </c>
      <c r="AI18930">
        <v>15</v>
      </c>
      <c r="AJ18930">
        <v>15</v>
      </c>
      <c r="AK18930">
        <v>15</v>
      </c>
      <c r="AL18930">
        <v>15</v>
      </c>
      <c r="AM18930">
        <v>15</v>
      </c>
      <c r="AN18930">
        <v>15</v>
      </c>
      <c r="AO18930">
        <v>15</v>
      </c>
      <c r="AP18930">
        <v>15</v>
      </c>
      <c r="AQ18930">
        <v>15</v>
      </c>
    </row>
    <row r="18931" spans="1:43">
      <c r="A18931" t="s">
        <v>11734</v>
      </c>
      <c r="B18931" t="s">
        <v>11735</v>
      </c>
      <c r="C18931" t="s">
        <v>11736</v>
      </c>
      <c r="D18931" t="s">
        <v>11737</v>
      </c>
      <c r="E18931" t="s">
        <v>11610</v>
      </c>
      <c r="F18931" t="s">
        <v>11611</v>
      </c>
      <c r="G18931" t="s">
        <v>11612</v>
      </c>
      <c r="H18931" t="s">
        <v>11613</v>
      </c>
      <c r="I18931" s="2">
        <v>0</v>
      </c>
      <c r="J18931" s="2">
        <v>0</v>
      </c>
      <c r="K18931" s="2">
        <v>1</v>
      </c>
      <c r="L18931" t="s">
        <v>995</v>
      </c>
      <c r="M18931" t="s">
        <v>87</v>
      </c>
      <c r="N18931" t="s">
        <v>88</v>
      </c>
      <c r="O18931" t="s">
        <v>85</v>
      </c>
      <c r="P18931" t="s">
        <v>86</v>
      </c>
      <c r="Q18931">
        <v>12</v>
      </c>
      <c r="R18931">
        <v>12</v>
      </c>
      <c r="S18931">
        <v>12</v>
      </c>
      <c r="T18931">
        <v>12</v>
      </c>
      <c r="U18931">
        <v>12</v>
      </c>
      <c r="V18931">
        <v>12</v>
      </c>
      <c r="W18931">
        <v>12</v>
      </c>
      <c r="X18931">
        <v>12</v>
      </c>
      <c r="Y18931">
        <v>12</v>
      </c>
      <c r="Z18931">
        <v>12</v>
      </c>
      <c r="AA18931">
        <v>12</v>
      </c>
      <c r="AB18931">
        <v>13</v>
      </c>
      <c r="AC18931">
        <v>13</v>
      </c>
      <c r="AD18931">
        <v>13</v>
      </c>
      <c r="AE18931">
        <v>13</v>
      </c>
      <c r="AF18931">
        <v>13</v>
      </c>
      <c r="AG18931">
        <v>13</v>
      </c>
      <c r="AH18931">
        <v>13</v>
      </c>
      <c r="AI18931">
        <v>13</v>
      </c>
      <c r="AJ18931">
        <v>13</v>
      </c>
      <c r="AK18931">
        <v>13</v>
      </c>
      <c r="AL18931">
        <v>13</v>
      </c>
      <c r="AM18931">
        <v>13</v>
      </c>
      <c r="AN18931">
        <v>13</v>
      </c>
      <c r="AO18931">
        <v>13</v>
      </c>
      <c r="AP18931">
        <v>13</v>
      </c>
      <c r="AQ18931">
        <v>13</v>
      </c>
    </row>
    <row r="18932" spans="1:43">
      <c r="A18932" t="s">
        <v>11734</v>
      </c>
      <c r="B18932" t="s">
        <v>11735</v>
      </c>
      <c r="C18932" t="s">
        <v>11736</v>
      </c>
      <c r="D18932" t="s">
        <v>11737</v>
      </c>
      <c r="E18932" t="s">
        <v>11610</v>
      </c>
      <c r="F18932" t="s">
        <v>11611</v>
      </c>
      <c r="G18932" t="s">
        <v>11612</v>
      </c>
      <c r="H18932" t="s">
        <v>11613</v>
      </c>
      <c r="I18932" s="2">
        <v>0</v>
      </c>
      <c r="J18932" s="2">
        <v>0</v>
      </c>
      <c r="K18932" s="2">
        <v>1</v>
      </c>
      <c r="L18932" t="s">
        <v>995</v>
      </c>
      <c r="M18932" t="s">
        <v>89</v>
      </c>
      <c r="N18932" t="s">
        <v>90</v>
      </c>
      <c r="O18932" t="s">
        <v>85</v>
      </c>
      <c r="P18932" t="s">
        <v>86</v>
      </c>
      <c r="Q18932">
        <v>12</v>
      </c>
      <c r="R18932">
        <v>12</v>
      </c>
      <c r="S18932">
        <v>13</v>
      </c>
      <c r="T18932">
        <v>13</v>
      </c>
      <c r="U18932">
        <v>13</v>
      </c>
      <c r="V18932">
        <v>13</v>
      </c>
      <c r="W18932">
        <v>14</v>
      </c>
      <c r="X18932">
        <v>14</v>
      </c>
      <c r="Y18932">
        <v>14</v>
      </c>
      <c r="Z18932">
        <v>14</v>
      </c>
      <c r="AA18932">
        <v>15</v>
      </c>
      <c r="AB18932">
        <v>15</v>
      </c>
      <c r="AC18932">
        <v>15</v>
      </c>
      <c r="AD18932">
        <v>15</v>
      </c>
      <c r="AE18932">
        <v>15</v>
      </c>
      <c r="AF18932">
        <v>15</v>
      </c>
      <c r="AG18932">
        <v>15</v>
      </c>
      <c r="AH18932">
        <v>15</v>
      </c>
      <c r="AI18932">
        <v>15</v>
      </c>
      <c r="AJ18932">
        <v>15</v>
      </c>
      <c r="AK18932">
        <v>15</v>
      </c>
      <c r="AL18932">
        <v>15</v>
      </c>
      <c r="AM18932">
        <v>15</v>
      </c>
      <c r="AN18932">
        <v>15</v>
      </c>
      <c r="AO18932">
        <v>15</v>
      </c>
      <c r="AP18932">
        <v>15</v>
      </c>
      <c r="AQ18932">
        <v>15</v>
      </c>
    </row>
    <row r="18933" spans="1:43">
      <c r="A18933" t="s">
        <v>11734</v>
      </c>
      <c r="B18933" t="s">
        <v>11735</v>
      </c>
      <c r="C18933" t="s">
        <v>11736</v>
      </c>
      <c r="D18933" t="s">
        <v>11737</v>
      </c>
      <c r="E18933" t="s">
        <v>11610</v>
      </c>
      <c r="F18933" t="s">
        <v>11611</v>
      </c>
      <c r="G18933" t="s">
        <v>11612</v>
      </c>
      <c r="H18933" t="s">
        <v>11613</v>
      </c>
      <c r="I18933" s="2">
        <v>0</v>
      </c>
      <c r="J18933" s="2">
        <v>0</v>
      </c>
      <c r="K18933" s="2">
        <v>1</v>
      </c>
      <c r="L18933" t="s">
        <v>995</v>
      </c>
      <c r="M18933" t="s">
        <v>83</v>
      </c>
      <c r="N18933" t="s">
        <v>91</v>
      </c>
      <c r="O18933" t="s">
        <v>85</v>
      </c>
      <c r="P18933" t="s">
        <v>86</v>
      </c>
      <c r="Q18933">
        <v>12</v>
      </c>
      <c r="R18933">
        <v>12</v>
      </c>
      <c r="S18933">
        <v>12</v>
      </c>
      <c r="T18933">
        <v>13</v>
      </c>
      <c r="U18933">
        <v>13</v>
      </c>
      <c r="V18933">
        <v>13</v>
      </c>
      <c r="W18933">
        <v>13</v>
      </c>
      <c r="X18933">
        <v>13</v>
      </c>
      <c r="Y18933">
        <v>13</v>
      </c>
      <c r="Z18933">
        <v>14</v>
      </c>
      <c r="AA18933">
        <v>14</v>
      </c>
      <c r="AB18933">
        <v>14</v>
      </c>
      <c r="AC18933">
        <v>14</v>
      </c>
      <c r="AD18933">
        <v>14</v>
      </c>
      <c r="AE18933">
        <v>14</v>
      </c>
      <c r="AF18933">
        <v>14</v>
      </c>
      <c r="AG18933">
        <v>15</v>
      </c>
      <c r="AH18933">
        <v>15</v>
      </c>
      <c r="AI18933">
        <v>15</v>
      </c>
      <c r="AJ18933">
        <v>15</v>
      </c>
      <c r="AK18933">
        <v>15</v>
      </c>
      <c r="AL18933">
        <v>15</v>
      </c>
      <c r="AM18933">
        <v>15</v>
      </c>
      <c r="AN18933">
        <v>15</v>
      </c>
      <c r="AO18933">
        <v>15</v>
      </c>
      <c r="AP18933">
        <v>15</v>
      </c>
      <c r="AQ18933">
        <v>15</v>
      </c>
    </row>
    <row r="18934" spans="1:43">
      <c r="A18934" t="s">
        <v>11738</v>
      </c>
      <c r="B18934" t="s">
        <v>11739</v>
      </c>
      <c r="C18934" t="s">
        <v>11736</v>
      </c>
      <c r="D18934" t="s">
        <v>11737</v>
      </c>
      <c r="E18934" t="s">
        <v>11610</v>
      </c>
      <c r="F18934" t="s">
        <v>11611</v>
      </c>
      <c r="G18934" t="s">
        <v>11612</v>
      </c>
      <c r="H18934" t="s">
        <v>11613</v>
      </c>
      <c r="I18934" s="2">
        <v>0</v>
      </c>
      <c r="J18934" s="2">
        <v>0</v>
      </c>
      <c r="K18934" s="2">
        <v>1</v>
      </c>
      <c r="L18934" t="s">
        <v>995</v>
      </c>
      <c r="M18934" t="s">
        <v>83</v>
      </c>
      <c r="N18934" t="s">
        <v>84</v>
      </c>
      <c r="O18934" t="s">
        <v>85</v>
      </c>
      <c r="P18934" t="s">
        <v>86</v>
      </c>
      <c r="Q18934">
        <v>16</v>
      </c>
      <c r="R18934">
        <v>17</v>
      </c>
      <c r="S18934">
        <v>17</v>
      </c>
      <c r="T18934">
        <v>17</v>
      </c>
      <c r="U18934">
        <v>17</v>
      </c>
      <c r="V18934">
        <v>17</v>
      </c>
      <c r="W18934">
        <v>18</v>
      </c>
      <c r="X18934">
        <v>18</v>
      </c>
      <c r="Y18934">
        <v>18</v>
      </c>
      <c r="Z18934">
        <v>18</v>
      </c>
      <c r="AA18934">
        <v>19</v>
      </c>
      <c r="AB18934">
        <v>19</v>
      </c>
      <c r="AC18934">
        <v>19</v>
      </c>
      <c r="AD18934">
        <v>19</v>
      </c>
      <c r="AE18934">
        <v>19</v>
      </c>
      <c r="AF18934">
        <v>19</v>
      </c>
      <c r="AG18934">
        <v>20</v>
      </c>
      <c r="AH18934">
        <v>20</v>
      </c>
      <c r="AI18934">
        <v>20</v>
      </c>
      <c r="AJ18934">
        <v>20</v>
      </c>
      <c r="AK18934">
        <v>20</v>
      </c>
      <c r="AL18934">
        <v>20</v>
      </c>
      <c r="AM18934">
        <v>20</v>
      </c>
      <c r="AN18934">
        <v>20</v>
      </c>
      <c r="AO18934">
        <v>20</v>
      </c>
      <c r="AP18934">
        <v>20</v>
      </c>
      <c r="AQ18934">
        <v>20</v>
      </c>
    </row>
    <row r="18935" spans="1:43">
      <c r="A18935" t="s">
        <v>11738</v>
      </c>
      <c r="B18935" t="s">
        <v>11739</v>
      </c>
      <c r="C18935" t="s">
        <v>11736</v>
      </c>
      <c r="D18935" t="s">
        <v>11737</v>
      </c>
      <c r="E18935" t="s">
        <v>11610</v>
      </c>
      <c r="F18935" t="s">
        <v>11611</v>
      </c>
      <c r="G18935" t="s">
        <v>11612</v>
      </c>
      <c r="H18935" t="s">
        <v>11613</v>
      </c>
      <c r="I18935" s="2">
        <v>0</v>
      </c>
      <c r="J18935" s="2">
        <v>0</v>
      </c>
      <c r="K18935" s="2">
        <v>1</v>
      </c>
      <c r="L18935" t="s">
        <v>995</v>
      </c>
      <c r="M18935" t="s">
        <v>87</v>
      </c>
      <c r="N18935" t="s">
        <v>88</v>
      </c>
      <c r="O18935" t="s">
        <v>85</v>
      </c>
      <c r="P18935" t="s">
        <v>86</v>
      </c>
      <c r="Q18935">
        <v>16</v>
      </c>
      <c r="R18935">
        <v>16</v>
      </c>
      <c r="S18935">
        <v>16</v>
      </c>
      <c r="T18935">
        <v>16</v>
      </c>
      <c r="U18935">
        <v>17</v>
      </c>
      <c r="V18935">
        <v>17</v>
      </c>
      <c r="W18935">
        <v>17</v>
      </c>
      <c r="X18935">
        <v>17</v>
      </c>
      <c r="Y18935">
        <v>17</v>
      </c>
      <c r="Z18935">
        <v>17</v>
      </c>
      <c r="AA18935">
        <v>17</v>
      </c>
      <c r="AB18935">
        <v>17</v>
      </c>
      <c r="AC18935">
        <v>17</v>
      </c>
      <c r="AD18935">
        <v>17</v>
      </c>
      <c r="AE18935">
        <v>17</v>
      </c>
      <c r="AF18935">
        <v>17</v>
      </c>
      <c r="AG18935">
        <v>17</v>
      </c>
      <c r="AH18935">
        <v>17</v>
      </c>
      <c r="AI18935">
        <v>17</v>
      </c>
      <c r="AJ18935">
        <v>17</v>
      </c>
      <c r="AK18935">
        <v>17</v>
      </c>
      <c r="AL18935">
        <v>17</v>
      </c>
      <c r="AM18935">
        <v>17</v>
      </c>
      <c r="AN18935">
        <v>17</v>
      </c>
      <c r="AO18935">
        <v>18</v>
      </c>
      <c r="AP18935">
        <v>18</v>
      </c>
      <c r="AQ18935">
        <v>18</v>
      </c>
    </row>
    <row r="18936" spans="1:43">
      <c r="A18936" t="s">
        <v>11738</v>
      </c>
      <c r="B18936" t="s">
        <v>11739</v>
      </c>
      <c r="C18936" t="s">
        <v>11736</v>
      </c>
      <c r="D18936" t="s">
        <v>11737</v>
      </c>
      <c r="E18936" t="s">
        <v>11610</v>
      </c>
      <c r="F18936" t="s">
        <v>11611</v>
      </c>
      <c r="G18936" t="s">
        <v>11612</v>
      </c>
      <c r="H18936" t="s">
        <v>11613</v>
      </c>
      <c r="I18936" s="2">
        <v>0</v>
      </c>
      <c r="J18936" s="2">
        <v>0</v>
      </c>
      <c r="K18936" s="2">
        <v>1</v>
      </c>
      <c r="L18936" t="s">
        <v>995</v>
      </c>
      <c r="M18936" t="s">
        <v>89</v>
      </c>
      <c r="N18936" t="s">
        <v>90</v>
      </c>
      <c r="O18936" t="s">
        <v>85</v>
      </c>
      <c r="P18936" t="s">
        <v>86</v>
      </c>
      <c r="Q18936">
        <v>16</v>
      </c>
      <c r="R18936">
        <v>16</v>
      </c>
      <c r="S18936">
        <v>16</v>
      </c>
      <c r="T18936">
        <v>17</v>
      </c>
      <c r="U18936">
        <v>17</v>
      </c>
      <c r="V18936">
        <v>17</v>
      </c>
      <c r="W18936">
        <v>18</v>
      </c>
      <c r="X18936">
        <v>18</v>
      </c>
      <c r="Y18936">
        <v>18</v>
      </c>
      <c r="Z18936">
        <v>18</v>
      </c>
      <c r="AA18936">
        <v>19</v>
      </c>
      <c r="AB18936">
        <v>19</v>
      </c>
      <c r="AC18936">
        <v>19</v>
      </c>
      <c r="AD18936">
        <v>19</v>
      </c>
      <c r="AE18936">
        <v>20</v>
      </c>
      <c r="AF18936">
        <v>20</v>
      </c>
      <c r="AG18936">
        <v>20</v>
      </c>
      <c r="AH18936">
        <v>20</v>
      </c>
      <c r="AI18936">
        <v>20</v>
      </c>
      <c r="AJ18936">
        <v>20</v>
      </c>
      <c r="AK18936">
        <v>20</v>
      </c>
      <c r="AL18936">
        <v>19</v>
      </c>
      <c r="AM18936">
        <v>19</v>
      </c>
      <c r="AN18936">
        <v>19</v>
      </c>
      <c r="AO18936">
        <v>19</v>
      </c>
      <c r="AP18936">
        <v>19</v>
      </c>
      <c r="AQ18936">
        <v>19</v>
      </c>
    </row>
    <row r="18937" spans="1:43">
      <c r="A18937" t="s">
        <v>11738</v>
      </c>
      <c r="B18937" t="s">
        <v>11739</v>
      </c>
      <c r="C18937" t="s">
        <v>11736</v>
      </c>
      <c r="D18937" t="s">
        <v>11737</v>
      </c>
      <c r="E18937" t="s">
        <v>11610</v>
      </c>
      <c r="F18937" t="s">
        <v>11611</v>
      </c>
      <c r="G18937" t="s">
        <v>11612</v>
      </c>
      <c r="H18937" t="s">
        <v>11613</v>
      </c>
      <c r="I18937" s="2">
        <v>0</v>
      </c>
      <c r="J18937" s="2">
        <v>0</v>
      </c>
      <c r="K18937" s="2">
        <v>1</v>
      </c>
      <c r="L18937" t="s">
        <v>995</v>
      </c>
      <c r="M18937" t="s">
        <v>83</v>
      </c>
      <c r="N18937" t="s">
        <v>91</v>
      </c>
      <c r="O18937" t="s">
        <v>85</v>
      </c>
      <c r="P18937" t="s">
        <v>86</v>
      </c>
      <c r="Q18937">
        <v>16</v>
      </c>
      <c r="R18937">
        <v>17</v>
      </c>
      <c r="S18937">
        <v>17</v>
      </c>
      <c r="T18937">
        <v>17</v>
      </c>
      <c r="U18937">
        <v>17</v>
      </c>
      <c r="V18937">
        <v>17</v>
      </c>
      <c r="W18937">
        <v>18</v>
      </c>
      <c r="X18937">
        <v>18</v>
      </c>
      <c r="Y18937">
        <v>18</v>
      </c>
      <c r="Z18937">
        <v>18</v>
      </c>
      <c r="AA18937">
        <v>19</v>
      </c>
      <c r="AB18937">
        <v>19</v>
      </c>
      <c r="AC18937">
        <v>19</v>
      </c>
      <c r="AD18937">
        <v>19</v>
      </c>
      <c r="AE18937">
        <v>19</v>
      </c>
      <c r="AF18937">
        <v>19</v>
      </c>
      <c r="AG18937">
        <v>20</v>
      </c>
      <c r="AH18937">
        <v>20</v>
      </c>
      <c r="AI18937">
        <v>20</v>
      </c>
      <c r="AJ18937">
        <v>20</v>
      </c>
      <c r="AK18937">
        <v>20</v>
      </c>
      <c r="AL18937">
        <v>20</v>
      </c>
      <c r="AM18937">
        <v>20</v>
      </c>
      <c r="AN18937">
        <v>20</v>
      </c>
      <c r="AO18937">
        <v>20</v>
      </c>
      <c r="AP18937">
        <v>20</v>
      </c>
      <c r="AQ18937">
        <v>20</v>
      </c>
    </row>
    <row r="18938" spans="1:43">
      <c r="A18938" t="s">
        <v>11740</v>
      </c>
      <c r="B18938" t="s">
        <v>11741</v>
      </c>
      <c r="C18938" t="s">
        <v>11742</v>
      </c>
      <c r="D18938" t="s">
        <v>11743</v>
      </c>
      <c r="E18938" t="s">
        <v>11610</v>
      </c>
      <c r="F18938" t="s">
        <v>11611</v>
      </c>
      <c r="G18938" t="s">
        <v>11612</v>
      </c>
      <c r="H18938" t="s">
        <v>11613</v>
      </c>
      <c r="I18938" s="2">
        <v>0</v>
      </c>
      <c r="J18938" s="2">
        <v>0</v>
      </c>
      <c r="K18938" s="2">
        <v>1</v>
      </c>
      <c r="L18938" t="s">
        <v>995</v>
      </c>
      <c r="M18938" t="s">
        <v>83</v>
      </c>
      <c r="N18938" t="s">
        <v>84</v>
      </c>
      <c r="O18938" t="s">
        <v>85</v>
      </c>
      <c r="P18938" t="s">
        <v>86</v>
      </c>
      <c r="Q18938">
        <v>31</v>
      </c>
      <c r="R18938">
        <v>32</v>
      </c>
      <c r="S18938">
        <v>32</v>
      </c>
      <c r="T18938">
        <v>33</v>
      </c>
      <c r="U18938">
        <v>33</v>
      </c>
      <c r="V18938">
        <v>34</v>
      </c>
      <c r="W18938">
        <v>34</v>
      </c>
      <c r="X18938">
        <v>34</v>
      </c>
      <c r="Y18938">
        <v>35</v>
      </c>
      <c r="Z18938">
        <v>35</v>
      </c>
      <c r="AA18938">
        <v>36</v>
      </c>
      <c r="AB18938">
        <v>36</v>
      </c>
      <c r="AC18938">
        <v>37</v>
      </c>
      <c r="AD18938">
        <v>37</v>
      </c>
      <c r="AE18938">
        <v>37</v>
      </c>
      <c r="AF18938">
        <v>38</v>
      </c>
      <c r="AG18938">
        <v>38</v>
      </c>
      <c r="AH18938">
        <v>38</v>
      </c>
      <c r="AI18938">
        <v>39</v>
      </c>
      <c r="AJ18938">
        <v>39</v>
      </c>
      <c r="AK18938">
        <v>40</v>
      </c>
      <c r="AL18938">
        <v>40</v>
      </c>
      <c r="AM18938">
        <v>40</v>
      </c>
      <c r="AN18938">
        <v>40</v>
      </c>
      <c r="AO18938">
        <v>40</v>
      </c>
      <c r="AP18938">
        <v>40</v>
      </c>
      <c r="AQ18938">
        <v>40</v>
      </c>
    </row>
    <row r="18939" spans="1:43">
      <c r="A18939" t="s">
        <v>11740</v>
      </c>
      <c r="B18939" t="s">
        <v>11741</v>
      </c>
      <c r="C18939" t="s">
        <v>11742</v>
      </c>
      <c r="D18939" t="s">
        <v>11743</v>
      </c>
      <c r="E18939" t="s">
        <v>11610</v>
      </c>
      <c r="F18939" t="s">
        <v>11611</v>
      </c>
      <c r="G18939" t="s">
        <v>11612</v>
      </c>
      <c r="H18939" t="s">
        <v>11613</v>
      </c>
      <c r="I18939" s="2">
        <v>0</v>
      </c>
      <c r="J18939" s="2">
        <v>0</v>
      </c>
      <c r="K18939" s="2">
        <v>1</v>
      </c>
      <c r="L18939" t="s">
        <v>995</v>
      </c>
      <c r="M18939" t="s">
        <v>87</v>
      </c>
      <c r="N18939" t="s">
        <v>88</v>
      </c>
      <c r="O18939" t="s">
        <v>85</v>
      </c>
      <c r="P18939" t="s">
        <v>86</v>
      </c>
      <c r="Q18939">
        <v>31</v>
      </c>
      <c r="R18939">
        <v>31</v>
      </c>
      <c r="S18939">
        <v>31</v>
      </c>
      <c r="T18939">
        <v>32</v>
      </c>
      <c r="U18939">
        <v>32</v>
      </c>
      <c r="V18939">
        <v>32</v>
      </c>
      <c r="W18939">
        <v>32</v>
      </c>
      <c r="X18939">
        <v>32</v>
      </c>
      <c r="Y18939">
        <v>32</v>
      </c>
      <c r="Z18939">
        <v>32</v>
      </c>
      <c r="AA18939">
        <v>33</v>
      </c>
      <c r="AB18939">
        <v>33</v>
      </c>
      <c r="AC18939">
        <v>33</v>
      </c>
      <c r="AD18939">
        <v>33</v>
      </c>
      <c r="AE18939">
        <v>33</v>
      </c>
      <c r="AF18939">
        <v>33</v>
      </c>
      <c r="AG18939">
        <v>33</v>
      </c>
      <c r="AH18939">
        <v>33</v>
      </c>
      <c r="AI18939">
        <v>34</v>
      </c>
      <c r="AJ18939">
        <v>34</v>
      </c>
      <c r="AK18939">
        <v>34</v>
      </c>
      <c r="AL18939">
        <v>34</v>
      </c>
      <c r="AM18939">
        <v>34</v>
      </c>
      <c r="AN18939">
        <v>34</v>
      </c>
      <c r="AO18939">
        <v>34</v>
      </c>
      <c r="AP18939">
        <v>35</v>
      </c>
      <c r="AQ18939">
        <v>35</v>
      </c>
    </row>
    <row r="18940" spans="1:43">
      <c r="A18940" t="s">
        <v>11740</v>
      </c>
      <c r="B18940" t="s">
        <v>11741</v>
      </c>
      <c r="C18940" t="s">
        <v>11742</v>
      </c>
      <c r="D18940" t="s">
        <v>11743</v>
      </c>
      <c r="E18940" t="s">
        <v>11610</v>
      </c>
      <c r="F18940" t="s">
        <v>11611</v>
      </c>
      <c r="G18940" t="s">
        <v>11612</v>
      </c>
      <c r="H18940" t="s">
        <v>11613</v>
      </c>
      <c r="I18940" s="2">
        <v>0</v>
      </c>
      <c r="J18940" s="2">
        <v>0</v>
      </c>
      <c r="K18940" s="2">
        <v>1</v>
      </c>
      <c r="L18940" t="s">
        <v>995</v>
      </c>
      <c r="M18940" t="s">
        <v>89</v>
      </c>
      <c r="N18940" t="s">
        <v>90</v>
      </c>
      <c r="O18940" t="s">
        <v>85</v>
      </c>
      <c r="P18940" t="s">
        <v>86</v>
      </c>
      <c r="Q18940">
        <v>31</v>
      </c>
      <c r="R18940">
        <v>31</v>
      </c>
      <c r="S18940">
        <v>32</v>
      </c>
      <c r="T18940">
        <v>33</v>
      </c>
      <c r="U18940">
        <v>33</v>
      </c>
      <c r="V18940">
        <v>34</v>
      </c>
      <c r="W18940">
        <v>35</v>
      </c>
      <c r="X18940">
        <v>35</v>
      </c>
      <c r="Y18940">
        <v>36</v>
      </c>
      <c r="Z18940">
        <v>36</v>
      </c>
      <c r="AA18940">
        <v>37</v>
      </c>
      <c r="AB18940">
        <v>38</v>
      </c>
      <c r="AC18940">
        <v>38</v>
      </c>
      <c r="AD18940">
        <v>39</v>
      </c>
      <c r="AE18940">
        <v>39</v>
      </c>
      <c r="AF18940">
        <v>39</v>
      </c>
      <c r="AG18940">
        <v>39</v>
      </c>
      <c r="AH18940">
        <v>39</v>
      </c>
      <c r="AI18940">
        <v>39</v>
      </c>
      <c r="AJ18940">
        <v>39</v>
      </c>
      <c r="AK18940">
        <v>39</v>
      </c>
      <c r="AL18940">
        <v>39</v>
      </c>
      <c r="AM18940">
        <v>39</v>
      </c>
      <c r="AN18940">
        <v>39</v>
      </c>
      <c r="AO18940">
        <v>39</v>
      </c>
      <c r="AP18940">
        <v>39</v>
      </c>
      <c r="AQ18940">
        <v>39</v>
      </c>
    </row>
    <row r="18941" spans="1:43">
      <c r="A18941" t="s">
        <v>11740</v>
      </c>
      <c r="B18941" t="s">
        <v>11741</v>
      </c>
      <c r="C18941" t="s">
        <v>11742</v>
      </c>
      <c r="D18941" t="s">
        <v>11743</v>
      </c>
      <c r="E18941" t="s">
        <v>11610</v>
      </c>
      <c r="F18941" t="s">
        <v>11611</v>
      </c>
      <c r="G18941" t="s">
        <v>11612</v>
      </c>
      <c r="H18941" t="s">
        <v>11613</v>
      </c>
      <c r="I18941" s="2">
        <v>0</v>
      </c>
      <c r="J18941" s="2">
        <v>0</v>
      </c>
      <c r="K18941" s="2">
        <v>1</v>
      </c>
      <c r="L18941" t="s">
        <v>995</v>
      </c>
      <c r="M18941" t="s">
        <v>83</v>
      </c>
      <c r="N18941" t="s">
        <v>91</v>
      </c>
      <c r="O18941" t="s">
        <v>85</v>
      </c>
      <c r="P18941" t="s">
        <v>86</v>
      </c>
      <c r="Q18941">
        <v>31</v>
      </c>
      <c r="R18941">
        <v>32</v>
      </c>
      <c r="S18941">
        <v>32</v>
      </c>
      <c r="T18941">
        <v>33</v>
      </c>
      <c r="U18941">
        <v>33</v>
      </c>
      <c r="V18941">
        <v>34</v>
      </c>
      <c r="W18941">
        <v>34</v>
      </c>
      <c r="X18941">
        <v>34</v>
      </c>
      <c r="Y18941">
        <v>35</v>
      </c>
      <c r="Z18941">
        <v>35</v>
      </c>
      <c r="AA18941">
        <v>36</v>
      </c>
      <c r="AB18941">
        <v>36</v>
      </c>
      <c r="AC18941">
        <v>37</v>
      </c>
      <c r="AD18941">
        <v>37</v>
      </c>
      <c r="AE18941">
        <v>37</v>
      </c>
      <c r="AF18941">
        <v>38</v>
      </c>
      <c r="AG18941">
        <v>38</v>
      </c>
      <c r="AH18941">
        <v>38</v>
      </c>
      <c r="AI18941">
        <v>39</v>
      </c>
      <c r="AJ18941">
        <v>39</v>
      </c>
      <c r="AK18941">
        <v>40</v>
      </c>
      <c r="AL18941">
        <v>40</v>
      </c>
      <c r="AM18941">
        <v>40</v>
      </c>
      <c r="AN18941">
        <v>40</v>
      </c>
      <c r="AO18941">
        <v>40</v>
      </c>
      <c r="AP18941">
        <v>40</v>
      </c>
      <c r="AQ18941">
        <v>40</v>
      </c>
    </row>
    <row r="18942" spans="1:43">
      <c r="A18942" t="s">
        <v>11744</v>
      </c>
      <c r="B18942" t="s">
        <v>11745</v>
      </c>
      <c r="C18942" t="s">
        <v>11746</v>
      </c>
      <c r="D18942" t="s">
        <v>11747</v>
      </c>
      <c r="E18942" t="s">
        <v>11610</v>
      </c>
      <c r="F18942" t="s">
        <v>11611</v>
      </c>
      <c r="G18942" t="s">
        <v>11612</v>
      </c>
      <c r="H18942" t="s">
        <v>11613</v>
      </c>
      <c r="I18942" s="2">
        <v>0</v>
      </c>
      <c r="J18942" s="2">
        <v>0</v>
      </c>
      <c r="K18942" s="2">
        <v>1</v>
      </c>
      <c r="L18942" t="s">
        <v>995</v>
      </c>
      <c r="M18942" t="s">
        <v>83</v>
      </c>
      <c r="N18942" t="s">
        <v>84</v>
      </c>
      <c r="O18942" t="s">
        <v>85</v>
      </c>
      <c r="P18942" t="s">
        <v>86</v>
      </c>
      <c r="Q18942">
        <v>4</v>
      </c>
      <c r="R18942">
        <v>4</v>
      </c>
      <c r="S18942">
        <v>4</v>
      </c>
      <c r="T18942">
        <v>4</v>
      </c>
      <c r="U18942">
        <v>4</v>
      </c>
      <c r="V18942">
        <v>4</v>
      </c>
      <c r="W18942">
        <v>5</v>
      </c>
      <c r="X18942">
        <v>5</v>
      </c>
      <c r="Y18942">
        <v>5</v>
      </c>
      <c r="Z18942">
        <v>5</v>
      </c>
      <c r="AA18942">
        <v>5</v>
      </c>
      <c r="AB18942">
        <v>5</v>
      </c>
      <c r="AC18942">
        <v>5</v>
      </c>
      <c r="AD18942">
        <v>5</v>
      </c>
      <c r="AE18942">
        <v>5</v>
      </c>
      <c r="AF18942">
        <v>5</v>
      </c>
      <c r="AG18942">
        <v>5</v>
      </c>
      <c r="AH18942">
        <v>5</v>
      </c>
      <c r="AI18942">
        <v>5</v>
      </c>
      <c r="AJ18942">
        <v>5</v>
      </c>
      <c r="AK18942">
        <v>5</v>
      </c>
      <c r="AL18942">
        <v>5</v>
      </c>
      <c r="AM18942">
        <v>5</v>
      </c>
      <c r="AN18942">
        <v>5</v>
      </c>
      <c r="AO18942">
        <v>5</v>
      </c>
      <c r="AP18942">
        <v>5</v>
      </c>
      <c r="AQ18942">
        <v>5</v>
      </c>
    </row>
    <row r="18943" spans="1:43">
      <c r="A18943" t="s">
        <v>11744</v>
      </c>
      <c r="B18943" t="s">
        <v>11745</v>
      </c>
      <c r="C18943" t="s">
        <v>11746</v>
      </c>
      <c r="D18943" t="s">
        <v>11747</v>
      </c>
      <c r="E18943" t="s">
        <v>11610</v>
      </c>
      <c r="F18943" t="s">
        <v>11611</v>
      </c>
      <c r="G18943" t="s">
        <v>11612</v>
      </c>
      <c r="H18943" t="s">
        <v>11613</v>
      </c>
      <c r="I18943" s="2">
        <v>0</v>
      </c>
      <c r="J18943" s="2">
        <v>0</v>
      </c>
      <c r="K18943" s="2">
        <v>1</v>
      </c>
      <c r="L18943" t="s">
        <v>995</v>
      </c>
      <c r="M18943" t="s">
        <v>87</v>
      </c>
      <c r="N18943" t="s">
        <v>88</v>
      </c>
      <c r="O18943" t="s">
        <v>85</v>
      </c>
      <c r="P18943" t="s">
        <v>86</v>
      </c>
      <c r="Q18943">
        <v>4</v>
      </c>
      <c r="R18943">
        <v>4</v>
      </c>
      <c r="S18943">
        <v>4</v>
      </c>
      <c r="T18943">
        <v>4</v>
      </c>
      <c r="U18943">
        <v>4</v>
      </c>
      <c r="V18943">
        <v>4</v>
      </c>
      <c r="W18943">
        <v>4</v>
      </c>
      <c r="X18943">
        <v>4</v>
      </c>
      <c r="Y18943">
        <v>4</v>
      </c>
      <c r="Z18943">
        <v>4</v>
      </c>
      <c r="AA18943">
        <v>4</v>
      </c>
      <c r="AB18943">
        <v>4</v>
      </c>
      <c r="AC18943">
        <v>4</v>
      </c>
      <c r="AD18943">
        <v>4</v>
      </c>
      <c r="AE18943">
        <v>4</v>
      </c>
      <c r="AF18943">
        <v>4</v>
      </c>
      <c r="AG18943">
        <v>4</v>
      </c>
      <c r="AH18943">
        <v>4</v>
      </c>
      <c r="AI18943">
        <v>4</v>
      </c>
      <c r="AJ18943">
        <v>4</v>
      </c>
      <c r="AK18943">
        <v>5</v>
      </c>
      <c r="AL18943">
        <v>5</v>
      </c>
      <c r="AM18943">
        <v>5</v>
      </c>
      <c r="AN18943">
        <v>5</v>
      </c>
      <c r="AO18943">
        <v>5</v>
      </c>
      <c r="AP18943">
        <v>5</v>
      </c>
      <c r="AQ18943">
        <v>5</v>
      </c>
    </row>
    <row r="18944" spans="1:43">
      <c r="A18944" t="s">
        <v>11744</v>
      </c>
      <c r="B18944" t="s">
        <v>11745</v>
      </c>
      <c r="C18944" t="s">
        <v>11746</v>
      </c>
      <c r="D18944" t="s">
        <v>11747</v>
      </c>
      <c r="E18944" t="s">
        <v>11610</v>
      </c>
      <c r="F18944" t="s">
        <v>11611</v>
      </c>
      <c r="G18944" t="s">
        <v>11612</v>
      </c>
      <c r="H18944" t="s">
        <v>11613</v>
      </c>
      <c r="I18944" s="2">
        <v>0</v>
      </c>
      <c r="J18944" s="2">
        <v>0</v>
      </c>
      <c r="K18944" s="2">
        <v>1</v>
      </c>
      <c r="L18944" t="s">
        <v>995</v>
      </c>
      <c r="M18944" t="s">
        <v>89</v>
      </c>
      <c r="N18944" t="s">
        <v>90</v>
      </c>
      <c r="O18944" t="s">
        <v>85</v>
      </c>
      <c r="P18944" t="s">
        <v>86</v>
      </c>
      <c r="Q18944">
        <v>4</v>
      </c>
      <c r="R18944">
        <v>4</v>
      </c>
      <c r="S18944">
        <v>4</v>
      </c>
      <c r="T18944">
        <v>5</v>
      </c>
      <c r="U18944">
        <v>5</v>
      </c>
      <c r="V18944">
        <v>5</v>
      </c>
      <c r="W18944">
        <v>5</v>
      </c>
      <c r="X18944">
        <v>5</v>
      </c>
      <c r="Y18944">
        <v>5</v>
      </c>
      <c r="Z18944">
        <v>5</v>
      </c>
      <c r="AA18944">
        <v>5</v>
      </c>
      <c r="AB18944">
        <v>5</v>
      </c>
      <c r="AC18944">
        <v>5</v>
      </c>
      <c r="AD18944">
        <v>5</v>
      </c>
      <c r="AE18944">
        <v>5</v>
      </c>
      <c r="AF18944">
        <v>5</v>
      </c>
      <c r="AG18944">
        <v>5</v>
      </c>
      <c r="AH18944">
        <v>5</v>
      </c>
      <c r="AI18944">
        <v>5</v>
      </c>
      <c r="AJ18944">
        <v>5</v>
      </c>
      <c r="AK18944">
        <v>5</v>
      </c>
      <c r="AL18944">
        <v>5</v>
      </c>
      <c r="AM18944">
        <v>5</v>
      </c>
      <c r="AN18944">
        <v>5</v>
      </c>
      <c r="AO18944">
        <v>5</v>
      </c>
      <c r="AP18944">
        <v>5</v>
      </c>
      <c r="AQ18944">
        <v>5</v>
      </c>
    </row>
    <row r="18945" spans="1:43">
      <c r="A18945" t="s">
        <v>11744</v>
      </c>
      <c r="B18945" t="s">
        <v>11745</v>
      </c>
      <c r="C18945" t="s">
        <v>11746</v>
      </c>
      <c r="D18945" t="s">
        <v>11747</v>
      </c>
      <c r="E18945" t="s">
        <v>11610</v>
      </c>
      <c r="F18945" t="s">
        <v>11611</v>
      </c>
      <c r="G18945" t="s">
        <v>11612</v>
      </c>
      <c r="H18945" t="s">
        <v>11613</v>
      </c>
      <c r="I18945" s="2">
        <v>0</v>
      </c>
      <c r="J18945" s="2">
        <v>0</v>
      </c>
      <c r="K18945" s="2">
        <v>1</v>
      </c>
      <c r="L18945" t="s">
        <v>995</v>
      </c>
      <c r="M18945" t="s">
        <v>83</v>
      </c>
      <c r="N18945" t="s">
        <v>91</v>
      </c>
      <c r="O18945" t="s">
        <v>85</v>
      </c>
      <c r="P18945" t="s">
        <v>86</v>
      </c>
      <c r="Q18945">
        <v>4</v>
      </c>
      <c r="R18945">
        <v>4</v>
      </c>
      <c r="S18945">
        <v>4</v>
      </c>
      <c r="T18945">
        <v>4</v>
      </c>
      <c r="U18945">
        <v>4</v>
      </c>
      <c r="V18945">
        <v>4</v>
      </c>
      <c r="W18945">
        <v>5</v>
      </c>
      <c r="X18945">
        <v>5</v>
      </c>
      <c r="Y18945">
        <v>5</v>
      </c>
      <c r="Z18945">
        <v>5</v>
      </c>
      <c r="AA18945">
        <v>5</v>
      </c>
      <c r="AB18945">
        <v>5</v>
      </c>
      <c r="AC18945">
        <v>5</v>
      </c>
      <c r="AD18945">
        <v>5</v>
      </c>
      <c r="AE18945">
        <v>5</v>
      </c>
      <c r="AF18945">
        <v>5</v>
      </c>
      <c r="AG18945">
        <v>5</v>
      </c>
      <c r="AH18945">
        <v>5</v>
      </c>
      <c r="AI18945">
        <v>5</v>
      </c>
      <c r="AJ18945">
        <v>5</v>
      </c>
      <c r="AK18945">
        <v>5</v>
      </c>
      <c r="AL18945">
        <v>5</v>
      </c>
      <c r="AM18945">
        <v>5</v>
      </c>
      <c r="AN18945">
        <v>5</v>
      </c>
      <c r="AO18945">
        <v>5</v>
      </c>
      <c r="AP18945">
        <v>5</v>
      </c>
      <c r="AQ18945">
        <v>5</v>
      </c>
    </row>
    <row r="18946" spans="1:43">
      <c r="A18946" t="s">
        <v>11748</v>
      </c>
      <c r="B18946" t="s">
        <v>11749</v>
      </c>
      <c r="C18946" t="s">
        <v>11742</v>
      </c>
      <c r="D18946" t="s">
        <v>11743</v>
      </c>
      <c r="E18946" t="s">
        <v>11610</v>
      </c>
      <c r="F18946" t="s">
        <v>11611</v>
      </c>
      <c r="G18946" t="s">
        <v>11612</v>
      </c>
      <c r="H18946" t="s">
        <v>11613</v>
      </c>
      <c r="I18946" s="2">
        <v>0</v>
      </c>
      <c r="J18946" s="2">
        <v>0</v>
      </c>
      <c r="K18946" s="2">
        <v>1</v>
      </c>
      <c r="L18946" t="s">
        <v>995</v>
      </c>
      <c r="M18946" t="s">
        <v>83</v>
      </c>
      <c r="N18946" t="s">
        <v>84</v>
      </c>
      <c r="O18946" t="s">
        <v>85</v>
      </c>
      <c r="P18946" t="s">
        <v>86</v>
      </c>
      <c r="Q18946">
        <v>32</v>
      </c>
      <c r="R18946">
        <v>32</v>
      </c>
      <c r="S18946">
        <v>33</v>
      </c>
      <c r="T18946">
        <v>33</v>
      </c>
      <c r="U18946">
        <v>34</v>
      </c>
      <c r="V18946">
        <v>34</v>
      </c>
      <c r="W18946">
        <v>34</v>
      </c>
      <c r="X18946">
        <v>35</v>
      </c>
      <c r="Y18946">
        <v>35</v>
      </c>
      <c r="Z18946">
        <v>36</v>
      </c>
      <c r="AA18946">
        <v>36</v>
      </c>
      <c r="AB18946">
        <v>37</v>
      </c>
      <c r="AC18946">
        <v>37</v>
      </c>
      <c r="AD18946">
        <v>37</v>
      </c>
      <c r="AE18946">
        <v>38</v>
      </c>
      <c r="AF18946">
        <v>38</v>
      </c>
      <c r="AG18946">
        <v>39</v>
      </c>
      <c r="AH18946">
        <v>39</v>
      </c>
      <c r="AI18946">
        <v>39</v>
      </c>
      <c r="AJ18946">
        <v>40</v>
      </c>
      <c r="AK18946">
        <v>40</v>
      </c>
      <c r="AL18946">
        <v>40</v>
      </c>
      <c r="AM18946">
        <v>40</v>
      </c>
      <c r="AN18946">
        <v>40</v>
      </c>
      <c r="AO18946">
        <v>40</v>
      </c>
      <c r="AP18946">
        <v>40</v>
      </c>
      <c r="AQ18946">
        <v>40</v>
      </c>
    </row>
    <row r="18947" spans="1:43">
      <c r="A18947" t="s">
        <v>11748</v>
      </c>
      <c r="B18947" t="s">
        <v>11749</v>
      </c>
      <c r="C18947" t="s">
        <v>11742</v>
      </c>
      <c r="D18947" t="s">
        <v>11743</v>
      </c>
      <c r="E18947" t="s">
        <v>11610</v>
      </c>
      <c r="F18947" t="s">
        <v>11611</v>
      </c>
      <c r="G18947" t="s">
        <v>11612</v>
      </c>
      <c r="H18947" t="s">
        <v>11613</v>
      </c>
      <c r="I18947" s="2">
        <v>0</v>
      </c>
      <c r="J18947" s="2">
        <v>0</v>
      </c>
      <c r="K18947" s="2">
        <v>1</v>
      </c>
      <c r="L18947" t="s">
        <v>995</v>
      </c>
      <c r="M18947" t="s">
        <v>87</v>
      </c>
      <c r="N18947" t="s">
        <v>88</v>
      </c>
      <c r="O18947" t="s">
        <v>85</v>
      </c>
      <c r="P18947" t="s">
        <v>86</v>
      </c>
      <c r="Q18947">
        <v>32</v>
      </c>
      <c r="R18947">
        <v>32</v>
      </c>
      <c r="S18947">
        <v>32</v>
      </c>
      <c r="T18947">
        <v>32</v>
      </c>
      <c r="U18947">
        <v>32</v>
      </c>
      <c r="V18947">
        <v>32</v>
      </c>
      <c r="W18947">
        <v>32</v>
      </c>
      <c r="X18947">
        <v>33</v>
      </c>
      <c r="Y18947">
        <v>33</v>
      </c>
      <c r="Z18947">
        <v>33</v>
      </c>
      <c r="AA18947">
        <v>33</v>
      </c>
      <c r="AB18947">
        <v>33</v>
      </c>
      <c r="AC18947">
        <v>33</v>
      </c>
      <c r="AD18947">
        <v>33</v>
      </c>
      <c r="AE18947">
        <v>33</v>
      </c>
      <c r="AF18947">
        <v>34</v>
      </c>
      <c r="AG18947">
        <v>34</v>
      </c>
      <c r="AH18947">
        <v>34</v>
      </c>
      <c r="AI18947">
        <v>34</v>
      </c>
      <c r="AJ18947">
        <v>34</v>
      </c>
      <c r="AK18947">
        <v>34</v>
      </c>
      <c r="AL18947">
        <v>34</v>
      </c>
      <c r="AM18947">
        <v>34</v>
      </c>
      <c r="AN18947">
        <v>35</v>
      </c>
      <c r="AO18947">
        <v>35</v>
      </c>
      <c r="AP18947">
        <v>35</v>
      </c>
      <c r="AQ18947">
        <v>35</v>
      </c>
    </row>
    <row r="18948" spans="1:43">
      <c r="A18948" t="s">
        <v>11748</v>
      </c>
      <c r="B18948" t="s">
        <v>11749</v>
      </c>
      <c r="C18948" t="s">
        <v>11742</v>
      </c>
      <c r="D18948" t="s">
        <v>11743</v>
      </c>
      <c r="E18948" t="s">
        <v>11610</v>
      </c>
      <c r="F18948" t="s">
        <v>11611</v>
      </c>
      <c r="G18948" t="s">
        <v>11612</v>
      </c>
      <c r="H18948" t="s">
        <v>11613</v>
      </c>
      <c r="I18948" s="2">
        <v>0</v>
      </c>
      <c r="J18948" s="2">
        <v>0</v>
      </c>
      <c r="K18948" s="2">
        <v>1</v>
      </c>
      <c r="L18948" t="s">
        <v>995</v>
      </c>
      <c r="M18948" t="s">
        <v>89</v>
      </c>
      <c r="N18948" t="s">
        <v>90</v>
      </c>
      <c r="O18948" t="s">
        <v>85</v>
      </c>
      <c r="P18948" t="s">
        <v>86</v>
      </c>
      <c r="Q18948">
        <v>32</v>
      </c>
      <c r="R18948">
        <v>33</v>
      </c>
      <c r="S18948">
        <v>34</v>
      </c>
      <c r="T18948">
        <v>34</v>
      </c>
      <c r="U18948">
        <v>35</v>
      </c>
      <c r="V18948">
        <v>36</v>
      </c>
      <c r="W18948">
        <v>36</v>
      </c>
      <c r="X18948">
        <v>37</v>
      </c>
      <c r="Y18948">
        <v>37</v>
      </c>
      <c r="Z18948">
        <v>38</v>
      </c>
      <c r="AA18948">
        <v>39</v>
      </c>
      <c r="AB18948">
        <v>39</v>
      </c>
      <c r="AC18948">
        <v>40</v>
      </c>
      <c r="AD18948">
        <v>40</v>
      </c>
      <c r="AE18948">
        <v>41</v>
      </c>
      <c r="AF18948">
        <v>41</v>
      </c>
      <c r="AG18948">
        <v>41</v>
      </c>
      <c r="AH18948">
        <v>41</v>
      </c>
      <c r="AI18948">
        <v>41</v>
      </c>
      <c r="AJ18948">
        <v>41</v>
      </c>
      <c r="AK18948">
        <v>41</v>
      </c>
      <c r="AL18948">
        <v>41</v>
      </c>
      <c r="AM18948">
        <v>41</v>
      </c>
      <c r="AN18948">
        <v>41</v>
      </c>
      <c r="AO18948">
        <v>41</v>
      </c>
      <c r="AP18948">
        <v>41</v>
      </c>
      <c r="AQ18948">
        <v>41</v>
      </c>
    </row>
    <row r="18949" spans="1:43">
      <c r="A18949" t="s">
        <v>11748</v>
      </c>
      <c r="B18949" t="s">
        <v>11749</v>
      </c>
      <c r="C18949" t="s">
        <v>11742</v>
      </c>
      <c r="D18949" t="s">
        <v>11743</v>
      </c>
      <c r="E18949" t="s">
        <v>11610</v>
      </c>
      <c r="F18949" t="s">
        <v>11611</v>
      </c>
      <c r="G18949" t="s">
        <v>11612</v>
      </c>
      <c r="H18949" t="s">
        <v>11613</v>
      </c>
      <c r="I18949" s="2">
        <v>0</v>
      </c>
      <c r="J18949" s="2">
        <v>0</v>
      </c>
      <c r="K18949" s="2">
        <v>1</v>
      </c>
      <c r="L18949" t="s">
        <v>995</v>
      </c>
      <c r="M18949" t="s">
        <v>83</v>
      </c>
      <c r="N18949" t="s">
        <v>91</v>
      </c>
      <c r="O18949" t="s">
        <v>85</v>
      </c>
      <c r="P18949" t="s">
        <v>86</v>
      </c>
      <c r="Q18949">
        <v>32</v>
      </c>
      <c r="R18949">
        <v>32</v>
      </c>
      <c r="S18949">
        <v>33</v>
      </c>
      <c r="T18949">
        <v>33</v>
      </c>
      <c r="U18949">
        <v>34</v>
      </c>
      <c r="V18949">
        <v>34</v>
      </c>
      <c r="W18949">
        <v>34</v>
      </c>
      <c r="X18949">
        <v>35</v>
      </c>
      <c r="Y18949">
        <v>35</v>
      </c>
      <c r="Z18949">
        <v>36</v>
      </c>
      <c r="AA18949">
        <v>36</v>
      </c>
      <c r="AB18949">
        <v>37</v>
      </c>
      <c r="AC18949">
        <v>37</v>
      </c>
      <c r="AD18949">
        <v>37</v>
      </c>
      <c r="AE18949">
        <v>38</v>
      </c>
      <c r="AF18949">
        <v>38</v>
      </c>
      <c r="AG18949">
        <v>39</v>
      </c>
      <c r="AH18949">
        <v>39</v>
      </c>
      <c r="AI18949">
        <v>39</v>
      </c>
      <c r="AJ18949">
        <v>40</v>
      </c>
      <c r="AK18949">
        <v>40</v>
      </c>
      <c r="AL18949">
        <v>40</v>
      </c>
      <c r="AM18949">
        <v>40</v>
      </c>
      <c r="AN18949">
        <v>40</v>
      </c>
      <c r="AO18949">
        <v>40</v>
      </c>
      <c r="AP18949">
        <v>40</v>
      </c>
      <c r="AQ18949">
        <v>40</v>
      </c>
    </row>
    <row r="18950" spans="1:43">
      <c r="A18950" t="s">
        <v>11750</v>
      </c>
      <c r="B18950" t="s">
        <v>11751</v>
      </c>
      <c r="C18950" t="s">
        <v>11746</v>
      </c>
      <c r="D18950" t="s">
        <v>11747</v>
      </c>
      <c r="E18950" t="s">
        <v>11610</v>
      </c>
      <c r="F18950" t="s">
        <v>11611</v>
      </c>
      <c r="G18950" t="s">
        <v>11612</v>
      </c>
      <c r="H18950" t="s">
        <v>11613</v>
      </c>
      <c r="I18950" s="2">
        <v>0</v>
      </c>
      <c r="J18950" s="2">
        <v>0</v>
      </c>
      <c r="K18950" s="2">
        <v>1</v>
      </c>
      <c r="L18950" t="s">
        <v>995</v>
      </c>
      <c r="M18950" t="s">
        <v>83</v>
      </c>
      <c r="N18950" t="s">
        <v>84</v>
      </c>
      <c r="O18950" t="s">
        <v>85</v>
      </c>
      <c r="P18950" t="s">
        <v>86</v>
      </c>
      <c r="Q18950">
        <v>54</v>
      </c>
      <c r="R18950">
        <v>54</v>
      </c>
      <c r="S18950">
        <v>55</v>
      </c>
      <c r="T18950">
        <v>56</v>
      </c>
      <c r="U18950">
        <v>56</v>
      </c>
      <c r="V18950">
        <v>57</v>
      </c>
      <c r="W18950">
        <v>58</v>
      </c>
      <c r="X18950">
        <v>59</v>
      </c>
      <c r="Y18950">
        <v>59</v>
      </c>
      <c r="Z18950">
        <v>60</v>
      </c>
      <c r="AA18950">
        <v>61</v>
      </c>
      <c r="AB18950">
        <v>61</v>
      </c>
      <c r="AC18950">
        <v>62</v>
      </c>
      <c r="AD18950">
        <v>63</v>
      </c>
      <c r="AE18950">
        <v>63</v>
      </c>
      <c r="AF18950">
        <v>64</v>
      </c>
      <c r="AG18950">
        <v>65</v>
      </c>
      <c r="AH18950">
        <v>65</v>
      </c>
      <c r="AI18950">
        <v>66</v>
      </c>
      <c r="AJ18950">
        <v>67</v>
      </c>
      <c r="AK18950">
        <v>67</v>
      </c>
      <c r="AL18950">
        <v>68</v>
      </c>
      <c r="AM18950">
        <v>68</v>
      </c>
      <c r="AN18950">
        <v>68</v>
      </c>
      <c r="AO18950">
        <v>68</v>
      </c>
      <c r="AP18950">
        <v>68</v>
      </c>
      <c r="AQ18950">
        <v>68</v>
      </c>
    </row>
    <row r="18951" spans="1:43">
      <c r="A18951" t="s">
        <v>11750</v>
      </c>
      <c r="B18951" t="s">
        <v>11751</v>
      </c>
      <c r="C18951" t="s">
        <v>11746</v>
      </c>
      <c r="D18951" t="s">
        <v>11747</v>
      </c>
      <c r="E18951" t="s">
        <v>11610</v>
      </c>
      <c r="F18951" t="s">
        <v>11611</v>
      </c>
      <c r="G18951" t="s">
        <v>11612</v>
      </c>
      <c r="H18951" t="s">
        <v>11613</v>
      </c>
      <c r="I18951" s="2">
        <v>0</v>
      </c>
      <c r="J18951" s="2">
        <v>0</v>
      </c>
      <c r="K18951" s="2">
        <v>1</v>
      </c>
      <c r="L18951" t="s">
        <v>995</v>
      </c>
      <c r="M18951" t="s">
        <v>87</v>
      </c>
      <c r="N18951" t="s">
        <v>88</v>
      </c>
      <c r="O18951" t="s">
        <v>85</v>
      </c>
      <c r="P18951" t="s">
        <v>86</v>
      </c>
      <c r="Q18951">
        <v>54</v>
      </c>
      <c r="R18951">
        <v>54</v>
      </c>
      <c r="S18951">
        <v>54</v>
      </c>
      <c r="T18951">
        <v>55</v>
      </c>
      <c r="U18951">
        <v>55</v>
      </c>
      <c r="V18951">
        <v>55</v>
      </c>
      <c r="W18951">
        <v>55</v>
      </c>
      <c r="X18951">
        <v>56</v>
      </c>
      <c r="Y18951">
        <v>56</v>
      </c>
      <c r="Z18951">
        <v>56</v>
      </c>
      <c r="AA18951">
        <v>56</v>
      </c>
      <c r="AB18951">
        <v>56</v>
      </c>
      <c r="AC18951">
        <v>57</v>
      </c>
      <c r="AD18951">
        <v>57</v>
      </c>
      <c r="AE18951">
        <v>57</v>
      </c>
      <c r="AF18951">
        <v>57</v>
      </c>
      <c r="AG18951">
        <v>57</v>
      </c>
      <c r="AH18951">
        <v>58</v>
      </c>
      <c r="AI18951">
        <v>58</v>
      </c>
      <c r="AJ18951">
        <v>58</v>
      </c>
      <c r="AK18951">
        <v>58</v>
      </c>
      <c r="AL18951">
        <v>59</v>
      </c>
      <c r="AM18951">
        <v>59</v>
      </c>
      <c r="AN18951">
        <v>59</v>
      </c>
      <c r="AO18951">
        <v>59</v>
      </c>
      <c r="AP18951">
        <v>59</v>
      </c>
      <c r="AQ18951">
        <v>60</v>
      </c>
    </row>
    <row r="18952" spans="1:43">
      <c r="A18952" t="s">
        <v>11750</v>
      </c>
      <c r="B18952" t="s">
        <v>11751</v>
      </c>
      <c r="C18952" t="s">
        <v>11746</v>
      </c>
      <c r="D18952" t="s">
        <v>11747</v>
      </c>
      <c r="E18952" t="s">
        <v>11610</v>
      </c>
      <c r="F18952" t="s">
        <v>11611</v>
      </c>
      <c r="G18952" t="s">
        <v>11612</v>
      </c>
      <c r="H18952" t="s">
        <v>11613</v>
      </c>
      <c r="I18952" s="2">
        <v>0</v>
      </c>
      <c r="J18952" s="2">
        <v>0</v>
      </c>
      <c r="K18952" s="2">
        <v>1</v>
      </c>
      <c r="L18952" t="s">
        <v>995</v>
      </c>
      <c r="M18952" t="s">
        <v>89</v>
      </c>
      <c r="N18952" t="s">
        <v>90</v>
      </c>
      <c r="O18952" t="s">
        <v>85</v>
      </c>
      <c r="P18952" t="s">
        <v>86</v>
      </c>
      <c r="Q18952">
        <v>54</v>
      </c>
      <c r="R18952">
        <v>55</v>
      </c>
      <c r="S18952">
        <v>56</v>
      </c>
      <c r="T18952">
        <v>58</v>
      </c>
      <c r="U18952">
        <v>59</v>
      </c>
      <c r="V18952">
        <v>60</v>
      </c>
      <c r="W18952">
        <v>61</v>
      </c>
      <c r="X18952">
        <v>62</v>
      </c>
      <c r="Y18952">
        <v>63</v>
      </c>
      <c r="Z18952">
        <v>64</v>
      </c>
      <c r="AA18952">
        <v>65</v>
      </c>
      <c r="AB18952">
        <v>66</v>
      </c>
      <c r="AC18952">
        <v>67</v>
      </c>
      <c r="AD18952">
        <v>68</v>
      </c>
      <c r="AE18952">
        <v>68</v>
      </c>
      <c r="AF18952">
        <v>68</v>
      </c>
      <c r="AG18952">
        <v>68</v>
      </c>
      <c r="AH18952">
        <v>68</v>
      </c>
      <c r="AI18952">
        <v>68</v>
      </c>
      <c r="AJ18952">
        <v>68</v>
      </c>
      <c r="AK18952">
        <v>68</v>
      </c>
      <c r="AL18952">
        <v>68</v>
      </c>
      <c r="AM18952">
        <v>68</v>
      </c>
      <c r="AN18952">
        <v>68</v>
      </c>
      <c r="AO18952">
        <v>68</v>
      </c>
      <c r="AP18952">
        <v>68</v>
      </c>
      <c r="AQ18952">
        <v>68</v>
      </c>
    </row>
    <row r="18953" spans="1:43">
      <c r="A18953" t="s">
        <v>11750</v>
      </c>
      <c r="B18953" t="s">
        <v>11751</v>
      </c>
      <c r="C18953" t="s">
        <v>11746</v>
      </c>
      <c r="D18953" t="s">
        <v>11747</v>
      </c>
      <c r="E18953" t="s">
        <v>11610</v>
      </c>
      <c r="F18953" t="s">
        <v>11611</v>
      </c>
      <c r="G18953" t="s">
        <v>11612</v>
      </c>
      <c r="H18953" t="s">
        <v>11613</v>
      </c>
      <c r="I18953" s="2">
        <v>0</v>
      </c>
      <c r="J18953" s="2">
        <v>0</v>
      </c>
      <c r="K18953" s="2">
        <v>1</v>
      </c>
      <c r="L18953" t="s">
        <v>995</v>
      </c>
      <c r="M18953" t="s">
        <v>83</v>
      </c>
      <c r="N18953" t="s">
        <v>91</v>
      </c>
      <c r="O18953" t="s">
        <v>85</v>
      </c>
      <c r="P18953" t="s">
        <v>86</v>
      </c>
      <c r="Q18953">
        <v>54</v>
      </c>
      <c r="R18953">
        <v>54</v>
      </c>
      <c r="S18953">
        <v>55</v>
      </c>
      <c r="T18953">
        <v>56</v>
      </c>
      <c r="U18953">
        <v>56</v>
      </c>
      <c r="V18953">
        <v>57</v>
      </c>
      <c r="W18953">
        <v>58</v>
      </c>
      <c r="X18953">
        <v>59</v>
      </c>
      <c r="Y18953">
        <v>59</v>
      </c>
      <c r="Z18953">
        <v>60</v>
      </c>
      <c r="AA18953">
        <v>61</v>
      </c>
      <c r="AB18953">
        <v>61</v>
      </c>
      <c r="AC18953">
        <v>62</v>
      </c>
      <c r="AD18953">
        <v>63</v>
      </c>
      <c r="AE18953">
        <v>63</v>
      </c>
      <c r="AF18953">
        <v>64</v>
      </c>
      <c r="AG18953">
        <v>65</v>
      </c>
      <c r="AH18953">
        <v>65</v>
      </c>
      <c r="AI18953">
        <v>66</v>
      </c>
      <c r="AJ18953">
        <v>67</v>
      </c>
      <c r="AK18953">
        <v>67</v>
      </c>
      <c r="AL18953">
        <v>68</v>
      </c>
      <c r="AM18953">
        <v>68</v>
      </c>
      <c r="AN18953">
        <v>68</v>
      </c>
      <c r="AO18953">
        <v>68</v>
      </c>
      <c r="AP18953">
        <v>68</v>
      </c>
      <c r="AQ18953">
        <v>68</v>
      </c>
    </row>
    <row r="18954" spans="1:43">
      <c r="A18954" t="s">
        <v>11752</v>
      </c>
      <c r="B18954" t="s">
        <v>11753</v>
      </c>
      <c r="C18954" t="s">
        <v>11742</v>
      </c>
      <c r="D18954" t="s">
        <v>11743</v>
      </c>
      <c r="E18954" t="s">
        <v>11610</v>
      </c>
      <c r="F18954" t="s">
        <v>11611</v>
      </c>
      <c r="G18954" t="s">
        <v>11612</v>
      </c>
      <c r="H18954" t="s">
        <v>11613</v>
      </c>
      <c r="I18954" s="2">
        <v>0</v>
      </c>
      <c r="J18954" s="2">
        <v>0</v>
      </c>
      <c r="K18954" s="2">
        <v>1</v>
      </c>
      <c r="L18954" t="s">
        <v>995</v>
      </c>
      <c r="M18954" t="s">
        <v>83</v>
      </c>
      <c r="N18954" t="s">
        <v>84</v>
      </c>
      <c r="O18954" t="s">
        <v>85</v>
      </c>
      <c r="P18954" t="s">
        <v>86</v>
      </c>
      <c r="Q18954">
        <v>47</v>
      </c>
      <c r="R18954">
        <v>48</v>
      </c>
      <c r="S18954">
        <v>48</v>
      </c>
      <c r="T18954">
        <v>49</v>
      </c>
      <c r="U18954">
        <v>50</v>
      </c>
      <c r="V18954">
        <v>50</v>
      </c>
      <c r="W18954">
        <v>51</v>
      </c>
      <c r="X18954">
        <v>52</v>
      </c>
      <c r="Y18954">
        <v>52</v>
      </c>
      <c r="Z18954">
        <v>53</v>
      </c>
      <c r="AA18954">
        <v>53</v>
      </c>
      <c r="AB18954">
        <v>54</v>
      </c>
      <c r="AC18954">
        <v>55</v>
      </c>
      <c r="AD18954">
        <v>55</v>
      </c>
      <c r="AE18954">
        <v>56</v>
      </c>
      <c r="AF18954">
        <v>56</v>
      </c>
      <c r="AG18954">
        <v>57</v>
      </c>
      <c r="AH18954">
        <v>58</v>
      </c>
      <c r="AI18954">
        <v>58</v>
      </c>
      <c r="AJ18954">
        <v>59</v>
      </c>
      <c r="AK18954">
        <v>59</v>
      </c>
      <c r="AL18954">
        <v>60</v>
      </c>
      <c r="AM18954">
        <v>60</v>
      </c>
      <c r="AN18954">
        <v>60</v>
      </c>
      <c r="AO18954">
        <v>60</v>
      </c>
      <c r="AP18954">
        <v>60</v>
      </c>
      <c r="AQ18954">
        <v>60</v>
      </c>
    </row>
    <row r="18955" spans="1:43">
      <c r="A18955" t="s">
        <v>11752</v>
      </c>
      <c r="B18955" t="s">
        <v>11753</v>
      </c>
      <c r="C18955" t="s">
        <v>11742</v>
      </c>
      <c r="D18955" t="s">
        <v>11743</v>
      </c>
      <c r="E18955" t="s">
        <v>11610</v>
      </c>
      <c r="F18955" t="s">
        <v>11611</v>
      </c>
      <c r="G18955" t="s">
        <v>11612</v>
      </c>
      <c r="H18955" t="s">
        <v>11613</v>
      </c>
      <c r="I18955" s="2">
        <v>0</v>
      </c>
      <c r="J18955" s="2">
        <v>0</v>
      </c>
      <c r="K18955" s="2">
        <v>1</v>
      </c>
      <c r="L18955" t="s">
        <v>995</v>
      </c>
      <c r="M18955" t="s">
        <v>87</v>
      </c>
      <c r="N18955" t="s">
        <v>88</v>
      </c>
      <c r="O18955" t="s">
        <v>85</v>
      </c>
      <c r="P18955" t="s">
        <v>86</v>
      </c>
      <c r="Q18955">
        <v>47</v>
      </c>
      <c r="R18955">
        <v>47</v>
      </c>
      <c r="S18955">
        <v>47</v>
      </c>
      <c r="T18955">
        <v>47</v>
      </c>
      <c r="U18955">
        <v>47</v>
      </c>
      <c r="V18955">
        <v>48</v>
      </c>
      <c r="W18955">
        <v>48</v>
      </c>
      <c r="X18955">
        <v>48</v>
      </c>
      <c r="Y18955">
        <v>48</v>
      </c>
      <c r="Z18955">
        <v>48</v>
      </c>
      <c r="AA18955">
        <v>49</v>
      </c>
      <c r="AB18955">
        <v>49</v>
      </c>
      <c r="AC18955">
        <v>49</v>
      </c>
      <c r="AD18955">
        <v>49</v>
      </c>
      <c r="AE18955">
        <v>49</v>
      </c>
      <c r="AF18955">
        <v>50</v>
      </c>
      <c r="AG18955">
        <v>50</v>
      </c>
      <c r="AH18955">
        <v>50</v>
      </c>
      <c r="AI18955">
        <v>50</v>
      </c>
      <c r="AJ18955">
        <v>50</v>
      </c>
      <c r="AK18955">
        <v>51</v>
      </c>
      <c r="AL18955">
        <v>51</v>
      </c>
      <c r="AM18955">
        <v>51</v>
      </c>
      <c r="AN18955">
        <v>51</v>
      </c>
      <c r="AO18955">
        <v>51</v>
      </c>
      <c r="AP18955">
        <v>52</v>
      </c>
      <c r="AQ18955">
        <v>52</v>
      </c>
    </row>
    <row r="18956" spans="1:43">
      <c r="A18956" t="s">
        <v>11752</v>
      </c>
      <c r="B18956" t="s">
        <v>11753</v>
      </c>
      <c r="C18956" t="s">
        <v>11742</v>
      </c>
      <c r="D18956" t="s">
        <v>11743</v>
      </c>
      <c r="E18956" t="s">
        <v>11610</v>
      </c>
      <c r="F18956" t="s">
        <v>11611</v>
      </c>
      <c r="G18956" t="s">
        <v>11612</v>
      </c>
      <c r="H18956" t="s">
        <v>11613</v>
      </c>
      <c r="I18956" s="2">
        <v>0</v>
      </c>
      <c r="J18956" s="2">
        <v>0</v>
      </c>
      <c r="K18956" s="2">
        <v>1</v>
      </c>
      <c r="L18956" t="s">
        <v>995</v>
      </c>
      <c r="M18956" t="s">
        <v>89</v>
      </c>
      <c r="N18956" t="s">
        <v>90</v>
      </c>
      <c r="O18956" t="s">
        <v>85</v>
      </c>
      <c r="P18956" t="s">
        <v>86</v>
      </c>
      <c r="Q18956">
        <v>47</v>
      </c>
      <c r="R18956">
        <v>48</v>
      </c>
      <c r="S18956">
        <v>49</v>
      </c>
      <c r="T18956">
        <v>50</v>
      </c>
      <c r="U18956">
        <v>51</v>
      </c>
      <c r="V18956">
        <v>52</v>
      </c>
      <c r="W18956">
        <v>53</v>
      </c>
      <c r="X18956">
        <v>53</v>
      </c>
      <c r="Y18956">
        <v>54</v>
      </c>
      <c r="Z18956">
        <v>55</v>
      </c>
      <c r="AA18956">
        <v>56</v>
      </c>
      <c r="AB18956">
        <v>57</v>
      </c>
      <c r="AC18956">
        <v>58</v>
      </c>
      <c r="AD18956">
        <v>58</v>
      </c>
      <c r="AE18956">
        <v>59</v>
      </c>
      <c r="AF18956">
        <v>59</v>
      </c>
      <c r="AG18956">
        <v>59</v>
      </c>
      <c r="AH18956">
        <v>59</v>
      </c>
      <c r="AI18956">
        <v>59</v>
      </c>
      <c r="AJ18956">
        <v>59</v>
      </c>
      <c r="AK18956">
        <v>59</v>
      </c>
      <c r="AL18956">
        <v>59</v>
      </c>
      <c r="AM18956">
        <v>59</v>
      </c>
      <c r="AN18956">
        <v>59</v>
      </c>
      <c r="AO18956">
        <v>59</v>
      </c>
      <c r="AP18956">
        <v>59</v>
      </c>
      <c r="AQ18956">
        <v>59</v>
      </c>
    </row>
    <row r="18957" spans="1:43">
      <c r="A18957" t="s">
        <v>11752</v>
      </c>
      <c r="B18957" t="s">
        <v>11753</v>
      </c>
      <c r="C18957" t="s">
        <v>11742</v>
      </c>
      <c r="D18957" t="s">
        <v>11743</v>
      </c>
      <c r="E18957" t="s">
        <v>11610</v>
      </c>
      <c r="F18957" t="s">
        <v>11611</v>
      </c>
      <c r="G18957" t="s">
        <v>11612</v>
      </c>
      <c r="H18957" t="s">
        <v>11613</v>
      </c>
      <c r="I18957" s="2">
        <v>0</v>
      </c>
      <c r="J18957" s="2">
        <v>0</v>
      </c>
      <c r="K18957" s="2">
        <v>1</v>
      </c>
      <c r="L18957" t="s">
        <v>995</v>
      </c>
      <c r="M18957" t="s">
        <v>83</v>
      </c>
      <c r="N18957" t="s">
        <v>91</v>
      </c>
      <c r="O18957" t="s">
        <v>85</v>
      </c>
      <c r="P18957" t="s">
        <v>86</v>
      </c>
      <c r="Q18957">
        <v>47</v>
      </c>
      <c r="R18957">
        <v>48</v>
      </c>
      <c r="S18957">
        <v>48</v>
      </c>
      <c r="T18957">
        <v>49</v>
      </c>
      <c r="U18957">
        <v>50</v>
      </c>
      <c r="V18957">
        <v>50</v>
      </c>
      <c r="W18957">
        <v>51</v>
      </c>
      <c r="X18957">
        <v>52</v>
      </c>
      <c r="Y18957">
        <v>52</v>
      </c>
      <c r="Z18957">
        <v>53</v>
      </c>
      <c r="AA18957">
        <v>53</v>
      </c>
      <c r="AB18957">
        <v>54</v>
      </c>
      <c r="AC18957">
        <v>55</v>
      </c>
      <c r="AD18957">
        <v>55</v>
      </c>
      <c r="AE18957">
        <v>56</v>
      </c>
      <c r="AF18957">
        <v>56</v>
      </c>
      <c r="AG18957">
        <v>57</v>
      </c>
      <c r="AH18957">
        <v>58</v>
      </c>
      <c r="AI18957">
        <v>58</v>
      </c>
      <c r="AJ18957">
        <v>59</v>
      </c>
      <c r="AK18957">
        <v>59</v>
      </c>
      <c r="AL18957">
        <v>60</v>
      </c>
      <c r="AM18957">
        <v>60</v>
      </c>
      <c r="AN18957">
        <v>60</v>
      </c>
      <c r="AO18957">
        <v>60</v>
      </c>
      <c r="AP18957">
        <v>60</v>
      </c>
      <c r="AQ18957">
        <v>60</v>
      </c>
    </row>
    <row r="18958" spans="1:43">
      <c r="A18958" t="s">
        <v>11754</v>
      </c>
      <c r="B18958" t="s">
        <v>11755</v>
      </c>
      <c r="C18958" t="s">
        <v>11742</v>
      </c>
      <c r="D18958" t="s">
        <v>11743</v>
      </c>
      <c r="E18958" t="s">
        <v>11610</v>
      </c>
      <c r="F18958" t="s">
        <v>11611</v>
      </c>
      <c r="G18958" t="s">
        <v>11612</v>
      </c>
      <c r="H18958" t="s">
        <v>11613</v>
      </c>
      <c r="I18958" s="2">
        <v>0</v>
      </c>
      <c r="J18958" s="2">
        <v>0</v>
      </c>
      <c r="K18958" s="2">
        <v>1</v>
      </c>
      <c r="L18958" t="s">
        <v>995</v>
      </c>
      <c r="M18958" t="s">
        <v>83</v>
      </c>
      <c r="N18958" t="s">
        <v>84</v>
      </c>
      <c r="O18958" t="s">
        <v>85</v>
      </c>
      <c r="P18958" t="s">
        <v>86</v>
      </c>
      <c r="Q18958">
        <v>32</v>
      </c>
      <c r="R18958">
        <v>33</v>
      </c>
      <c r="S18958">
        <v>33</v>
      </c>
      <c r="T18958">
        <v>34</v>
      </c>
      <c r="U18958">
        <v>34</v>
      </c>
      <c r="V18958">
        <v>35</v>
      </c>
      <c r="W18958">
        <v>35</v>
      </c>
      <c r="X18958">
        <v>35</v>
      </c>
      <c r="Y18958">
        <v>36</v>
      </c>
      <c r="Z18958">
        <v>36</v>
      </c>
      <c r="AA18958">
        <v>37</v>
      </c>
      <c r="AB18958">
        <v>37</v>
      </c>
      <c r="AC18958">
        <v>38</v>
      </c>
      <c r="AD18958">
        <v>38</v>
      </c>
      <c r="AE18958">
        <v>38</v>
      </c>
      <c r="AF18958">
        <v>39</v>
      </c>
      <c r="AG18958">
        <v>39</v>
      </c>
      <c r="AH18958">
        <v>40</v>
      </c>
      <c r="AI18958">
        <v>40</v>
      </c>
      <c r="AJ18958">
        <v>40</v>
      </c>
      <c r="AK18958">
        <v>41</v>
      </c>
      <c r="AL18958">
        <v>41</v>
      </c>
      <c r="AM18958">
        <v>41</v>
      </c>
      <c r="AN18958">
        <v>41</v>
      </c>
      <c r="AO18958">
        <v>41</v>
      </c>
      <c r="AP18958">
        <v>41</v>
      </c>
      <c r="AQ18958">
        <v>41</v>
      </c>
    </row>
    <row r="18959" spans="1:43">
      <c r="A18959" t="s">
        <v>11754</v>
      </c>
      <c r="B18959" t="s">
        <v>11755</v>
      </c>
      <c r="C18959" t="s">
        <v>11742</v>
      </c>
      <c r="D18959" t="s">
        <v>11743</v>
      </c>
      <c r="E18959" t="s">
        <v>11610</v>
      </c>
      <c r="F18959" t="s">
        <v>11611</v>
      </c>
      <c r="G18959" t="s">
        <v>11612</v>
      </c>
      <c r="H18959" t="s">
        <v>11613</v>
      </c>
      <c r="I18959" s="2">
        <v>0</v>
      </c>
      <c r="J18959" s="2">
        <v>0</v>
      </c>
      <c r="K18959" s="2">
        <v>1</v>
      </c>
      <c r="L18959" t="s">
        <v>995</v>
      </c>
      <c r="M18959" t="s">
        <v>87</v>
      </c>
      <c r="N18959" t="s">
        <v>88</v>
      </c>
      <c r="O18959" t="s">
        <v>85</v>
      </c>
      <c r="P18959" t="s">
        <v>86</v>
      </c>
      <c r="Q18959">
        <v>32</v>
      </c>
      <c r="R18959">
        <v>32</v>
      </c>
      <c r="S18959">
        <v>32</v>
      </c>
      <c r="T18959">
        <v>33</v>
      </c>
      <c r="U18959">
        <v>33</v>
      </c>
      <c r="V18959">
        <v>33</v>
      </c>
      <c r="W18959">
        <v>33</v>
      </c>
      <c r="X18959">
        <v>33</v>
      </c>
      <c r="Y18959">
        <v>33</v>
      </c>
      <c r="Z18959">
        <v>33</v>
      </c>
      <c r="AA18959">
        <v>33</v>
      </c>
      <c r="AB18959">
        <v>34</v>
      </c>
      <c r="AC18959">
        <v>34</v>
      </c>
      <c r="AD18959">
        <v>34</v>
      </c>
      <c r="AE18959">
        <v>34</v>
      </c>
      <c r="AF18959">
        <v>34</v>
      </c>
      <c r="AG18959">
        <v>34</v>
      </c>
      <c r="AH18959">
        <v>34</v>
      </c>
      <c r="AI18959">
        <v>34</v>
      </c>
      <c r="AJ18959">
        <v>35</v>
      </c>
      <c r="AK18959">
        <v>35</v>
      </c>
      <c r="AL18959">
        <v>35</v>
      </c>
      <c r="AM18959">
        <v>35</v>
      </c>
      <c r="AN18959">
        <v>35</v>
      </c>
      <c r="AO18959">
        <v>35</v>
      </c>
      <c r="AP18959">
        <v>35</v>
      </c>
      <c r="AQ18959">
        <v>36</v>
      </c>
    </row>
    <row r="18960" spans="1:43">
      <c r="A18960" t="s">
        <v>11754</v>
      </c>
      <c r="B18960" t="s">
        <v>11755</v>
      </c>
      <c r="C18960" t="s">
        <v>11742</v>
      </c>
      <c r="D18960" t="s">
        <v>11743</v>
      </c>
      <c r="E18960" t="s">
        <v>11610</v>
      </c>
      <c r="F18960" t="s">
        <v>11611</v>
      </c>
      <c r="G18960" t="s">
        <v>11612</v>
      </c>
      <c r="H18960" t="s">
        <v>11613</v>
      </c>
      <c r="I18960" s="2">
        <v>0</v>
      </c>
      <c r="J18960" s="2">
        <v>0</v>
      </c>
      <c r="K18960" s="2">
        <v>1</v>
      </c>
      <c r="L18960" t="s">
        <v>995</v>
      </c>
      <c r="M18960" t="s">
        <v>89</v>
      </c>
      <c r="N18960" t="s">
        <v>90</v>
      </c>
      <c r="O18960" t="s">
        <v>85</v>
      </c>
      <c r="P18960" t="s">
        <v>86</v>
      </c>
      <c r="Q18960">
        <v>32</v>
      </c>
      <c r="R18960">
        <v>32</v>
      </c>
      <c r="S18960">
        <v>33</v>
      </c>
      <c r="T18960">
        <v>34</v>
      </c>
      <c r="U18960">
        <v>35</v>
      </c>
      <c r="V18960">
        <v>35</v>
      </c>
      <c r="W18960">
        <v>36</v>
      </c>
      <c r="X18960">
        <v>36</v>
      </c>
      <c r="Y18960">
        <v>37</v>
      </c>
      <c r="Z18960">
        <v>38</v>
      </c>
      <c r="AA18960">
        <v>38</v>
      </c>
      <c r="AB18960">
        <v>39</v>
      </c>
      <c r="AC18960">
        <v>39</v>
      </c>
      <c r="AD18960">
        <v>40</v>
      </c>
      <c r="AE18960">
        <v>40</v>
      </c>
      <c r="AF18960">
        <v>40</v>
      </c>
      <c r="AG18960">
        <v>40</v>
      </c>
      <c r="AH18960">
        <v>40</v>
      </c>
      <c r="AI18960">
        <v>40</v>
      </c>
      <c r="AJ18960">
        <v>40</v>
      </c>
      <c r="AK18960">
        <v>40</v>
      </c>
      <c r="AL18960">
        <v>40</v>
      </c>
      <c r="AM18960">
        <v>40</v>
      </c>
      <c r="AN18960">
        <v>40</v>
      </c>
      <c r="AO18960">
        <v>40</v>
      </c>
      <c r="AP18960">
        <v>40</v>
      </c>
      <c r="AQ18960">
        <v>40</v>
      </c>
    </row>
    <row r="18961" spans="1:43">
      <c r="A18961" t="s">
        <v>11754</v>
      </c>
      <c r="B18961" t="s">
        <v>11755</v>
      </c>
      <c r="C18961" t="s">
        <v>11742</v>
      </c>
      <c r="D18961" t="s">
        <v>11743</v>
      </c>
      <c r="E18961" t="s">
        <v>11610</v>
      </c>
      <c r="F18961" t="s">
        <v>11611</v>
      </c>
      <c r="G18961" t="s">
        <v>11612</v>
      </c>
      <c r="H18961" t="s">
        <v>11613</v>
      </c>
      <c r="I18961" s="2">
        <v>0</v>
      </c>
      <c r="J18961" s="2">
        <v>0</v>
      </c>
      <c r="K18961" s="2">
        <v>1</v>
      </c>
      <c r="L18961" t="s">
        <v>995</v>
      </c>
      <c r="M18961" t="s">
        <v>83</v>
      </c>
      <c r="N18961" t="s">
        <v>91</v>
      </c>
      <c r="O18961" t="s">
        <v>85</v>
      </c>
      <c r="P18961" t="s">
        <v>86</v>
      </c>
      <c r="Q18961">
        <v>32</v>
      </c>
      <c r="R18961">
        <v>33</v>
      </c>
      <c r="S18961">
        <v>33</v>
      </c>
      <c r="T18961">
        <v>34</v>
      </c>
      <c r="U18961">
        <v>34</v>
      </c>
      <c r="V18961">
        <v>35</v>
      </c>
      <c r="W18961">
        <v>35</v>
      </c>
      <c r="X18961">
        <v>35</v>
      </c>
      <c r="Y18961">
        <v>36</v>
      </c>
      <c r="Z18961">
        <v>36</v>
      </c>
      <c r="AA18961">
        <v>37</v>
      </c>
      <c r="AB18961">
        <v>37</v>
      </c>
      <c r="AC18961">
        <v>38</v>
      </c>
      <c r="AD18961">
        <v>38</v>
      </c>
      <c r="AE18961">
        <v>38</v>
      </c>
      <c r="AF18961">
        <v>39</v>
      </c>
      <c r="AG18961">
        <v>39</v>
      </c>
      <c r="AH18961">
        <v>40</v>
      </c>
      <c r="AI18961">
        <v>40</v>
      </c>
      <c r="AJ18961">
        <v>40</v>
      </c>
      <c r="AK18961">
        <v>41</v>
      </c>
      <c r="AL18961">
        <v>41</v>
      </c>
      <c r="AM18961">
        <v>41</v>
      </c>
      <c r="AN18961">
        <v>41</v>
      </c>
      <c r="AO18961">
        <v>41</v>
      </c>
      <c r="AP18961">
        <v>41</v>
      </c>
      <c r="AQ18961">
        <v>41</v>
      </c>
    </row>
    <row r="18962" spans="1:43">
      <c r="A18962" t="s">
        <v>11756</v>
      </c>
      <c r="B18962" t="s">
        <v>11757</v>
      </c>
      <c r="C18962" t="s">
        <v>11758</v>
      </c>
      <c r="D18962" t="s">
        <v>11759</v>
      </c>
      <c r="E18962" t="s">
        <v>11610</v>
      </c>
      <c r="F18962" t="s">
        <v>11611</v>
      </c>
      <c r="G18962" t="s">
        <v>11612</v>
      </c>
      <c r="H18962" t="s">
        <v>11613</v>
      </c>
      <c r="I18962" s="2">
        <v>0</v>
      </c>
      <c r="J18962" s="2">
        <v>0</v>
      </c>
      <c r="K18962" s="2">
        <v>1</v>
      </c>
      <c r="L18962" t="s">
        <v>995</v>
      </c>
      <c r="M18962" t="s">
        <v>83</v>
      </c>
      <c r="N18962" t="s">
        <v>84</v>
      </c>
      <c r="O18962" t="s">
        <v>85</v>
      </c>
      <c r="P18962" t="s">
        <v>86</v>
      </c>
      <c r="Q18962">
        <v>25</v>
      </c>
      <c r="R18962">
        <v>26</v>
      </c>
      <c r="S18962">
        <v>26</v>
      </c>
      <c r="T18962">
        <v>26</v>
      </c>
      <c r="U18962">
        <v>27</v>
      </c>
      <c r="V18962">
        <v>27</v>
      </c>
      <c r="W18962">
        <v>27</v>
      </c>
      <c r="X18962">
        <v>28</v>
      </c>
      <c r="Y18962">
        <v>28</v>
      </c>
      <c r="Z18962">
        <v>29</v>
      </c>
      <c r="AA18962">
        <v>29</v>
      </c>
      <c r="AB18962">
        <v>29</v>
      </c>
      <c r="AC18962">
        <v>30</v>
      </c>
      <c r="AD18962">
        <v>30</v>
      </c>
      <c r="AE18962">
        <v>30</v>
      </c>
      <c r="AF18962">
        <v>30</v>
      </c>
      <c r="AG18962">
        <v>31</v>
      </c>
      <c r="AH18962">
        <v>31</v>
      </c>
      <c r="AI18962">
        <v>31</v>
      </c>
      <c r="AJ18962">
        <v>32</v>
      </c>
      <c r="AK18962">
        <v>32</v>
      </c>
      <c r="AL18962">
        <v>32</v>
      </c>
      <c r="AM18962">
        <v>32</v>
      </c>
      <c r="AN18962">
        <v>32</v>
      </c>
      <c r="AO18962">
        <v>32</v>
      </c>
      <c r="AP18962">
        <v>32</v>
      </c>
      <c r="AQ18962">
        <v>32</v>
      </c>
    </row>
    <row r="18963" spans="1:43">
      <c r="A18963" t="s">
        <v>11756</v>
      </c>
      <c r="B18963" t="s">
        <v>11757</v>
      </c>
      <c r="C18963" t="s">
        <v>11758</v>
      </c>
      <c r="D18963" t="s">
        <v>11759</v>
      </c>
      <c r="E18963" t="s">
        <v>11610</v>
      </c>
      <c r="F18963" t="s">
        <v>11611</v>
      </c>
      <c r="G18963" t="s">
        <v>11612</v>
      </c>
      <c r="H18963" t="s">
        <v>11613</v>
      </c>
      <c r="I18963" s="2">
        <v>0</v>
      </c>
      <c r="J18963" s="2">
        <v>0</v>
      </c>
      <c r="K18963" s="2">
        <v>1</v>
      </c>
      <c r="L18963" t="s">
        <v>995</v>
      </c>
      <c r="M18963" t="s">
        <v>87</v>
      </c>
      <c r="N18963" t="s">
        <v>88</v>
      </c>
      <c r="O18963" t="s">
        <v>85</v>
      </c>
      <c r="P18963" t="s">
        <v>86</v>
      </c>
      <c r="Q18963">
        <v>25</v>
      </c>
      <c r="R18963">
        <v>25</v>
      </c>
      <c r="S18963">
        <v>25</v>
      </c>
      <c r="T18963">
        <v>26</v>
      </c>
      <c r="U18963">
        <v>26</v>
      </c>
      <c r="V18963">
        <v>26</v>
      </c>
      <c r="W18963">
        <v>26</v>
      </c>
      <c r="X18963">
        <v>26</v>
      </c>
      <c r="Y18963">
        <v>26</v>
      </c>
      <c r="Z18963">
        <v>26</v>
      </c>
      <c r="AA18963">
        <v>26</v>
      </c>
      <c r="AB18963">
        <v>26</v>
      </c>
      <c r="AC18963">
        <v>27</v>
      </c>
      <c r="AD18963">
        <v>27</v>
      </c>
      <c r="AE18963">
        <v>27</v>
      </c>
      <c r="AF18963">
        <v>27</v>
      </c>
      <c r="AG18963">
        <v>27</v>
      </c>
      <c r="AH18963">
        <v>27</v>
      </c>
      <c r="AI18963">
        <v>27</v>
      </c>
      <c r="AJ18963">
        <v>27</v>
      </c>
      <c r="AK18963">
        <v>27</v>
      </c>
      <c r="AL18963">
        <v>27</v>
      </c>
      <c r="AM18963">
        <v>28</v>
      </c>
      <c r="AN18963">
        <v>28</v>
      </c>
      <c r="AO18963">
        <v>28</v>
      </c>
      <c r="AP18963">
        <v>28</v>
      </c>
      <c r="AQ18963">
        <v>28</v>
      </c>
    </row>
    <row r="18964" spans="1:43">
      <c r="A18964" t="s">
        <v>11756</v>
      </c>
      <c r="B18964" t="s">
        <v>11757</v>
      </c>
      <c r="C18964" t="s">
        <v>11758</v>
      </c>
      <c r="D18964" t="s">
        <v>11759</v>
      </c>
      <c r="E18964" t="s">
        <v>11610</v>
      </c>
      <c r="F18964" t="s">
        <v>11611</v>
      </c>
      <c r="G18964" t="s">
        <v>11612</v>
      </c>
      <c r="H18964" t="s">
        <v>11613</v>
      </c>
      <c r="I18964" s="2">
        <v>0</v>
      </c>
      <c r="J18964" s="2">
        <v>0</v>
      </c>
      <c r="K18964" s="2">
        <v>1</v>
      </c>
      <c r="L18964" t="s">
        <v>995</v>
      </c>
      <c r="M18964" t="s">
        <v>89</v>
      </c>
      <c r="N18964" t="s">
        <v>90</v>
      </c>
      <c r="O18964" t="s">
        <v>85</v>
      </c>
      <c r="P18964" t="s">
        <v>86</v>
      </c>
      <c r="Q18964">
        <v>25</v>
      </c>
      <c r="R18964">
        <v>25</v>
      </c>
      <c r="S18964">
        <v>26</v>
      </c>
      <c r="T18964">
        <v>26</v>
      </c>
      <c r="U18964">
        <v>27</v>
      </c>
      <c r="V18964">
        <v>27</v>
      </c>
      <c r="W18964">
        <v>28</v>
      </c>
      <c r="X18964">
        <v>28</v>
      </c>
      <c r="Y18964">
        <v>29</v>
      </c>
      <c r="Z18964">
        <v>29</v>
      </c>
      <c r="AA18964">
        <v>30</v>
      </c>
      <c r="AB18964">
        <v>30</v>
      </c>
      <c r="AC18964">
        <v>31</v>
      </c>
      <c r="AD18964">
        <v>31</v>
      </c>
      <c r="AE18964">
        <v>31</v>
      </c>
      <c r="AF18964">
        <v>31</v>
      </c>
      <c r="AG18964">
        <v>31</v>
      </c>
      <c r="AH18964">
        <v>31</v>
      </c>
      <c r="AI18964">
        <v>31</v>
      </c>
      <c r="AJ18964">
        <v>31</v>
      </c>
      <c r="AK18964">
        <v>31</v>
      </c>
      <c r="AL18964">
        <v>31</v>
      </c>
      <c r="AM18964">
        <v>31</v>
      </c>
      <c r="AN18964">
        <v>31</v>
      </c>
      <c r="AO18964">
        <v>32</v>
      </c>
      <c r="AP18964">
        <v>32</v>
      </c>
      <c r="AQ18964">
        <v>32</v>
      </c>
    </row>
    <row r="18965" spans="1:43">
      <c r="A18965" t="s">
        <v>11756</v>
      </c>
      <c r="B18965" t="s">
        <v>11757</v>
      </c>
      <c r="C18965" t="s">
        <v>11758</v>
      </c>
      <c r="D18965" t="s">
        <v>11759</v>
      </c>
      <c r="E18965" t="s">
        <v>11610</v>
      </c>
      <c r="F18965" t="s">
        <v>11611</v>
      </c>
      <c r="G18965" t="s">
        <v>11612</v>
      </c>
      <c r="H18965" t="s">
        <v>11613</v>
      </c>
      <c r="I18965" s="2">
        <v>0</v>
      </c>
      <c r="J18965" s="2">
        <v>0</v>
      </c>
      <c r="K18965" s="2">
        <v>1</v>
      </c>
      <c r="L18965" t="s">
        <v>995</v>
      </c>
      <c r="M18965" t="s">
        <v>83</v>
      </c>
      <c r="N18965" t="s">
        <v>91</v>
      </c>
      <c r="O18965" t="s">
        <v>85</v>
      </c>
      <c r="P18965" t="s">
        <v>86</v>
      </c>
      <c r="Q18965">
        <v>25</v>
      </c>
      <c r="R18965">
        <v>26</v>
      </c>
      <c r="S18965">
        <v>26</v>
      </c>
      <c r="T18965">
        <v>26</v>
      </c>
      <c r="U18965">
        <v>27</v>
      </c>
      <c r="V18965">
        <v>27</v>
      </c>
      <c r="W18965">
        <v>27</v>
      </c>
      <c r="X18965">
        <v>28</v>
      </c>
      <c r="Y18965">
        <v>28</v>
      </c>
      <c r="Z18965">
        <v>29</v>
      </c>
      <c r="AA18965">
        <v>29</v>
      </c>
      <c r="AB18965">
        <v>29</v>
      </c>
      <c r="AC18965">
        <v>30</v>
      </c>
      <c r="AD18965">
        <v>30</v>
      </c>
      <c r="AE18965">
        <v>30</v>
      </c>
      <c r="AF18965">
        <v>30</v>
      </c>
      <c r="AG18965">
        <v>31</v>
      </c>
      <c r="AH18965">
        <v>31</v>
      </c>
      <c r="AI18965">
        <v>31</v>
      </c>
      <c r="AJ18965">
        <v>32</v>
      </c>
      <c r="AK18965">
        <v>32</v>
      </c>
      <c r="AL18965">
        <v>32</v>
      </c>
      <c r="AM18965">
        <v>32</v>
      </c>
      <c r="AN18965">
        <v>32</v>
      </c>
      <c r="AO18965">
        <v>32</v>
      </c>
      <c r="AP18965">
        <v>32</v>
      </c>
      <c r="AQ18965">
        <v>32</v>
      </c>
    </row>
    <row r="18966" spans="1:43">
      <c r="A18966" t="s">
        <v>11760</v>
      </c>
      <c r="B18966" t="s">
        <v>11761</v>
      </c>
      <c r="C18966" t="s">
        <v>11758</v>
      </c>
      <c r="D18966" t="s">
        <v>11759</v>
      </c>
      <c r="E18966" t="s">
        <v>11610</v>
      </c>
      <c r="F18966" t="s">
        <v>11611</v>
      </c>
      <c r="G18966" t="s">
        <v>11612</v>
      </c>
      <c r="H18966" t="s">
        <v>11613</v>
      </c>
      <c r="I18966" s="2">
        <v>0</v>
      </c>
      <c r="J18966" s="2">
        <v>0</v>
      </c>
      <c r="K18966" s="2">
        <v>1</v>
      </c>
      <c r="L18966" t="s">
        <v>995</v>
      </c>
      <c r="M18966" t="s">
        <v>83</v>
      </c>
      <c r="N18966" t="s">
        <v>84</v>
      </c>
      <c r="O18966" t="s">
        <v>85</v>
      </c>
      <c r="P18966" t="s">
        <v>86</v>
      </c>
      <c r="Q18966">
        <v>31</v>
      </c>
      <c r="R18966">
        <v>31</v>
      </c>
      <c r="S18966">
        <v>32</v>
      </c>
      <c r="T18966">
        <v>32</v>
      </c>
      <c r="U18966">
        <v>32</v>
      </c>
      <c r="V18966">
        <v>33</v>
      </c>
      <c r="W18966">
        <v>33</v>
      </c>
      <c r="X18966">
        <v>34</v>
      </c>
      <c r="Y18966">
        <v>34</v>
      </c>
      <c r="Z18966">
        <v>35</v>
      </c>
      <c r="AA18966">
        <v>35</v>
      </c>
      <c r="AB18966">
        <v>35</v>
      </c>
      <c r="AC18966">
        <v>36</v>
      </c>
      <c r="AD18966">
        <v>36</v>
      </c>
      <c r="AE18966">
        <v>36</v>
      </c>
      <c r="AF18966">
        <v>37</v>
      </c>
      <c r="AG18966">
        <v>37</v>
      </c>
      <c r="AH18966">
        <v>38</v>
      </c>
      <c r="AI18966">
        <v>38</v>
      </c>
      <c r="AJ18966">
        <v>38</v>
      </c>
      <c r="AK18966">
        <v>39</v>
      </c>
      <c r="AL18966">
        <v>39</v>
      </c>
      <c r="AM18966">
        <v>39</v>
      </c>
      <c r="AN18966">
        <v>39</v>
      </c>
      <c r="AO18966">
        <v>39</v>
      </c>
      <c r="AP18966">
        <v>39</v>
      </c>
      <c r="AQ18966">
        <v>39</v>
      </c>
    </row>
    <row r="18967" spans="1:43">
      <c r="A18967" t="s">
        <v>11760</v>
      </c>
      <c r="B18967" t="s">
        <v>11761</v>
      </c>
      <c r="C18967" t="s">
        <v>11758</v>
      </c>
      <c r="D18967" t="s">
        <v>11759</v>
      </c>
      <c r="E18967" t="s">
        <v>11610</v>
      </c>
      <c r="F18967" t="s">
        <v>11611</v>
      </c>
      <c r="G18967" t="s">
        <v>11612</v>
      </c>
      <c r="H18967" t="s">
        <v>11613</v>
      </c>
      <c r="I18967" s="2">
        <v>0</v>
      </c>
      <c r="J18967" s="2">
        <v>0</v>
      </c>
      <c r="K18967" s="2">
        <v>1</v>
      </c>
      <c r="L18967" t="s">
        <v>995</v>
      </c>
      <c r="M18967" t="s">
        <v>87</v>
      </c>
      <c r="N18967" t="s">
        <v>88</v>
      </c>
      <c r="O18967" t="s">
        <v>85</v>
      </c>
      <c r="P18967" t="s">
        <v>86</v>
      </c>
      <c r="Q18967">
        <v>31</v>
      </c>
      <c r="R18967">
        <v>32</v>
      </c>
      <c r="S18967">
        <v>32</v>
      </c>
      <c r="T18967">
        <v>32</v>
      </c>
      <c r="U18967">
        <v>32</v>
      </c>
      <c r="V18967">
        <v>32</v>
      </c>
      <c r="W18967">
        <v>32</v>
      </c>
      <c r="X18967">
        <v>32</v>
      </c>
      <c r="Y18967">
        <v>33</v>
      </c>
      <c r="Z18967">
        <v>33</v>
      </c>
      <c r="AA18967">
        <v>33</v>
      </c>
      <c r="AB18967">
        <v>33</v>
      </c>
      <c r="AC18967">
        <v>33</v>
      </c>
      <c r="AD18967">
        <v>33</v>
      </c>
      <c r="AE18967">
        <v>33</v>
      </c>
      <c r="AF18967">
        <v>33</v>
      </c>
      <c r="AG18967">
        <v>34</v>
      </c>
      <c r="AH18967">
        <v>34</v>
      </c>
      <c r="AI18967">
        <v>34</v>
      </c>
      <c r="AJ18967">
        <v>34</v>
      </c>
      <c r="AK18967">
        <v>34</v>
      </c>
      <c r="AL18967">
        <v>34</v>
      </c>
      <c r="AM18967">
        <v>34</v>
      </c>
      <c r="AN18967">
        <v>34</v>
      </c>
      <c r="AO18967">
        <v>35</v>
      </c>
      <c r="AP18967">
        <v>35</v>
      </c>
      <c r="AQ18967">
        <v>35</v>
      </c>
    </row>
    <row r="18968" spans="1:43">
      <c r="A18968" t="s">
        <v>11760</v>
      </c>
      <c r="B18968" t="s">
        <v>11761</v>
      </c>
      <c r="C18968" t="s">
        <v>11758</v>
      </c>
      <c r="D18968" t="s">
        <v>11759</v>
      </c>
      <c r="E18968" t="s">
        <v>11610</v>
      </c>
      <c r="F18968" t="s">
        <v>11611</v>
      </c>
      <c r="G18968" t="s">
        <v>11612</v>
      </c>
      <c r="H18968" t="s">
        <v>11613</v>
      </c>
      <c r="I18968" s="2">
        <v>0</v>
      </c>
      <c r="J18968" s="2">
        <v>0</v>
      </c>
      <c r="K18968" s="2">
        <v>1</v>
      </c>
      <c r="L18968" t="s">
        <v>995</v>
      </c>
      <c r="M18968" t="s">
        <v>89</v>
      </c>
      <c r="N18968" t="s">
        <v>90</v>
      </c>
      <c r="O18968" t="s">
        <v>85</v>
      </c>
      <c r="P18968" t="s">
        <v>86</v>
      </c>
      <c r="Q18968">
        <v>31</v>
      </c>
      <c r="R18968">
        <v>32</v>
      </c>
      <c r="S18968">
        <v>32</v>
      </c>
      <c r="T18968">
        <v>33</v>
      </c>
      <c r="U18968">
        <v>34</v>
      </c>
      <c r="V18968">
        <v>34</v>
      </c>
      <c r="W18968">
        <v>35</v>
      </c>
      <c r="X18968">
        <v>36</v>
      </c>
      <c r="Y18968">
        <v>36</v>
      </c>
      <c r="Z18968">
        <v>37</v>
      </c>
      <c r="AA18968">
        <v>37</v>
      </c>
      <c r="AB18968">
        <v>38</v>
      </c>
      <c r="AC18968">
        <v>38</v>
      </c>
      <c r="AD18968">
        <v>39</v>
      </c>
      <c r="AE18968">
        <v>39</v>
      </c>
      <c r="AF18968">
        <v>39</v>
      </c>
      <c r="AG18968">
        <v>39</v>
      </c>
      <c r="AH18968">
        <v>39</v>
      </c>
      <c r="AI18968">
        <v>39</v>
      </c>
      <c r="AJ18968">
        <v>39</v>
      </c>
      <c r="AK18968">
        <v>39</v>
      </c>
      <c r="AL18968">
        <v>39</v>
      </c>
      <c r="AM18968">
        <v>39</v>
      </c>
      <c r="AN18968">
        <v>39</v>
      </c>
      <c r="AO18968">
        <v>39</v>
      </c>
      <c r="AP18968">
        <v>39</v>
      </c>
      <c r="AQ18968">
        <v>39</v>
      </c>
    </row>
    <row r="18969" spans="1:43">
      <c r="A18969" t="s">
        <v>11760</v>
      </c>
      <c r="B18969" t="s">
        <v>11761</v>
      </c>
      <c r="C18969" t="s">
        <v>11758</v>
      </c>
      <c r="D18969" t="s">
        <v>11759</v>
      </c>
      <c r="E18969" t="s">
        <v>11610</v>
      </c>
      <c r="F18969" t="s">
        <v>11611</v>
      </c>
      <c r="G18969" t="s">
        <v>11612</v>
      </c>
      <c r="H18969" t="s">
        <v>11613</v>
      </c>
      <c r="I18969" s="2">
        <v>0</v>
      </c>
      <c r="J18969" s="2">
        <v>0</v>
      </c>
      <c r="K18969" s="2">
        <v>1</v>
      </c>
      <c r="L18969" t="s">
        <v>995</v>
      </c>
      <c r="M18969" t="s">
        <v>83</v>
      </c>
      <c r="N18969" t="s">
        <v>91</v>
      </c>
      <c r="O18969" t="s">
        <v>85</v>
      </c>
      <c r="P18969" t="s">
        <v>86</v>
      </c>
      <c r="Q18969">
        <v>31</v>
      </c>
      <c r="R18969">
        <v>31</v>
      </c>
      <c r="S18969">
        <v>32</v>
      </c>
      <c r="T18969">
        <v>32</v>
      </c>
      <c r="U18969">
        <v>32</v>
      </c>
      <c r="V18969">
        <v>33</v>
      </c>
      <c r="W18969">
        <v>33</v>
      </c>
      <c r="X18969">
        <v>34</v>
      </c>
      <c r="Y18969">
        <v>34</v>
      </c>
      <c r="Z18969">
        <v>35</v>
      </c>
      <c r="AA18969">
        <v>35</v>
      </c>
      <c r="AB18969">
        <v>35</v>
      </c>
      <c r="AC18969">
        <v>36</v>
      </c>
      <c r="AD18969">
        <v>36</v>
      </c>
      <c r="AE18969">
        <v>36</v>
      </c>
      <c r="AF18969">
        <v>37</v>
      </c>
      <c r="AG18969">
        <v>37</v>
      </c>
      <c r="AH18969">
        <v>38</v>
      </c>
      <c r="AI18969">
        <v>38</v>
      </c>
      <c r="AJ18969">
        <v>38</v>
      </c>
      <c r="AK18969">
        <v>39</v>
      </c>
      <c r="AL18969">
        <v>39</v>
      </c>
      <c r="AM18969">
        <v>39</v>
      </c>
      <c r="AN18969">
        <v>39</v>
      </c>
      <c r="AO18969">
        <v>39</v>
      </c>
      <c r="AP18969">
        <v>39</v>
      </c>
      <c r="AQ18969">
        <v>39</v>
      </c>
    </row>
    <row r="18970" spans="1:43">
      <c r="A18970" t="s">
        <v>11762</v>
      </c>
      <c r="B18970" t="s">
        <v>11763</v>
      </c>
      <c r="C18970" t="s">
        <v>11758</v>
      </c>
      <c r="D18970" t="s">
        <v>11759</v>
      </c>
      <c r="E18970" t="s">
        <v>11610</v>
      </c>
      <c r="F18970" t="s">
        <v>11611</v>
      </c>
      <c r="G18970" t="s">
        <v>11612</v>
      </c>
      <c r="H18970" t="s">
        <v>11613</v>
      </c>
      <c r="I18970" s="2">
        <v>0</v>
      </c>
      <c r="J18970" s="2">
        <v>0</v>
      </c>
      <c r="K18970" s="2">
        <v>1</v>
      </c>
      <c r="L18970" t="s">
        <v>995</v>
      </c>
      <c r="M18970" t="s">
        <v>83</v>
      </c>
      <c r="N18970" t="s">
        <v>84</v>
      </c>
      <c r="O18970" t="s">
        <v>85</v>
      </c>
      <c r="P18970" t="s">
        <v>86</v>
      </c>
      <c r="Q18970">
        <v>14</v>
      </c>
      <c r="R18970">
        <v>14</v>
      </c>
      <c r="S18970">
        <v>15</v>
      </c>
      <c r="T18970">
        <v>15</v>
      </c>
      <c r="U18970">
        <v>15</v>
      </c>
      <c r="V18970">
        <v>15</v>
      </c>
      <c r="W18970">
        <v>15</v>
      </c>
      <c r="X18970">
        <v>16</v>
      </c>
      <c r="Y18970">
        <v>16</v>
      </c>
      <c r="Z18970">
        <v>16</v>
      </c>
      <c r="AA18970">
        <v>16</v>
      </c>
      <c r="AB18970">
        <v>16</v>
      </c>
      <c r="AC18970">
        <v>17</v>
      </c>
      <c r="AD18970">
        <v>17</v>
      </c>
      <c r="AE18970">
        <v>17</v>
      </c>
      <c r="AF18970">
        <v>17</v>
      </c>
      <c r="AG18970">
        <v>17</v>
      </c>
      <c r="AH18970">
        <v>17</v>
      </c>
      <c r="AI18970">
        <v>18</v>
      </c>
      <c r="AJ18970">
        <v>18</v>
      </c>
      <c r="AK18970">
        <v>18</v>
      </c>
      <c r="AL18970">
        <v>18</v>
      </c>
      <c r="AM18970">
        <v>18</v>
      </c>
      <c r="AN18970">
        <v>18</v>
      </c>
      <c r="AO18970">
        <v>18</v>
      </c>
      <c r="AP18970">
        <v>18</v>
      </c>
      <c r="AQ18970">
        <v>18</v>
      </c>
    </row>
    <row r="18971" spans="1:43">
      <c r="A18971" t="s">
        <v>11762</v>
      </c>
      <c r="B18971" t="s">
        <v>11763</v>
      </c>
      <c r="C18971" t="s">
        <v>11758</v>
      </c>
      <c r="D18971" t="s">
        <v>11759</v>
      </c>
      <c r="E18971" t="s">
        <v>11610</v>
      </c>
      <c r="F18971" t="s">
        <v>11611</v>
      </c>
      <c r="G18971" t="s">
        <v>11612</v>
      </c>
      <c r="H18971" t="s">
        <v>11613</v>
      </c>
      <c r="I18971" s="2">
        <v>0</v>
      </c>
      <c r="J18971" s="2">
        <v>0</v>
      </c>
      <c r="K18971" s="2">
        <v>1</v>
      </c>
      <c r="L18971" t="s">
        <v>995</v>
      </c>
      <c r="M18971" t="s">
        <v>87</v>
      </c>
      <c r="N18971" t="s">
        <v>88</v>
      </c>
      <c r="O18971" t="s">
        <v>85</v>
      </c>
      <c r="P18971" t="s">
        <v>86</v>
      </c>
      <c r="Q18971">
        <v>14</v>
      </c>
      <c r="R18971">
        <v>14</v>
      </c>
      <c r="S18971">
        <v>14</v>
      </c>
      <c r="T18971">
        <v>14</v>
      </c>
      <c r="U18971">
        <v>14</v>
      </c>
      <c r="V18971">
        <v>14</v>
      </c>
      <c r="W18971">
        <v>15</v>
      </c>
      <c r="X18971">
        <v>15</v>
      </c>
      <c r="Y18971">
        <v>15</v>
      </c>
      <c r="Z18971">
        <v>15</v>
      </c>
      <c r="AA18971">
        <v>15</v>
      </c>
      <c r="AB18971">
        <v>15</v>
      </c>
      <c r="AC18971">
        <v>15</v>
      </c>
      <c r="AD18971">
        <v>15</v>
      </c>
      <c r="AE18971">
        <v>15</v>
      </c>
      <c r="AF18971">
        <v>15</v>
      </c>
      <c r="AG18971">
        <v>15</v>
      </c>
      <c r="AH18971">
        <v>15</v>
      </c>
      <c r="AI18971">
        <v>15</v>
      </c>
      <c r="AJ18971">
        <v>15</v>
      </c>
      <c r="AK18971">
        <v>15</v>
      </c>
      <c r="AL18971">
        <v>15</v>
      </c>
      <c r="AM18971">
        <v>16</v>
      </c>
      <c r="AN18971">
        <v>16</v>
      </c>
      <c r="AO18971">
        <v>16</v>
      </c>
      <c r="AP18971">
        <v>16</v>
      </c>
      <c r="AQ18971">
        <v>16</v>
      </c>
    </row>
    <row r="18972" spans="1:43">
      <c r="A18972" t="s">
        <v>11762</v>
      </c>
      <c r="B18972" t="s">
        <v>11763</v>
      </c>
      <c r="C18972" t="s">
        <v>11758</v>
      </c>
      <c r="D18972" t="s">
        <v>11759</v>
      </c>
      <c r="E18972" t="s">
        <v>11610</v>
      </c>
      <c r="F18972" t="s">
        <v>11611</v>
      </c>
      <c r="G18972" t="s">
        <v>11612</v>
      </c>
      <c r="H18972" t="s">
        <v>11613</v>
      </c>
      <c r="I18972" s="2">
        <v>0</v>
      </c>
      <c r="J18972" s="2">
        <v>0</v>
      </c>
      <c r="K18972" s="2">
        <v>1</v>
      </c>
      <c r="L18972" t="s">
        <v>995</v>
      </c>
      <c r="M18972" t="s">
        <v>89</v>
      </c>
      <c r="N18972" t="s">
        <v>90</v>
      </c>
      <c r="O18972" t="s">
        <v>85</v>
      </c>
      <c r="P18972" t="s">
        <v>86</v>
      </c>
      <c r="Q18972">
        <v>14</v>
      </c>
      <c r="R18972">
        <v>15</v>
      </c>
      <c r="S18972">
        <v>15</v>
      </c>
      <c r="T18972">
        <v>15</v>
      </c>
      <c r="U18972">
        <v>16</v>
      </c>
      <c r="V18972">
        <v>16</v>
      </c>
      <c r="W18972">
        <v>16</v>
      </c>
      <c r="X18972">
        <v>17</v>
      </c>
      <c r="Y18972">
        <v>17</v>
      </c>
      <c r="Z18972">
        <v>17</v>
      </c>
      <c r="AA18972">
        <v>17</v>
      </c>
      <c r="AB18972">
        <v>17</v>
      </c>
      <c r="AC18972">
        <v>18</v>
      </c>
      <c r="AD18972">
        <v>18</v>
      </c>
      <c r="AE18972">
        <v>18</v>
      </c>
      <c r="AF18972">
        <v>18</v>
      </c>
      <c r="AG18972">
        <v>18</v>
      </c>
      <c r="AH18972">
        <v>18</v>
      </c>
      <c r="AI18972">
        <v>18</v>
      </c>
      <c r="AJ18972">
        <v>18</v>
      </c>
      <c r="AK18972">
        <v>18</v>
      </c>
      <c r="AL18972">
        <v>18</v>
      </c>
      <c r="AM18972">
        <v>18</v>
      </c>
      <c r="AN18972">
        <v>18</v>
      </c>
      <c r="AO18972">
        <v>18</v>
      </c>
      <c r="AP18972">
        <v>18</v>
      </c>
      <c r="AQ18972">
        <v>18</v>
      </c>
    </row>
    <row r="18973" spans="1:43">
      <c r="A18973" t="s">
        <v>11762</v>
      </c>
      <c r="B18973" t="s">
        <v>11763</v>
      </c>
      <c r="C18973" t="s">
        <v>11758</v>
      </c>
      <c r="D18973" t="s">
        <v>11759</v>
      </c>
      <c r="E18973" t="s">
        <v>11610</v>
      </c>
      <c r="F18973" t="s">
        <v>11611</v>
      </c>
      <c r="G18973" t="s">
        <v>11612</v>
      </c>
      <c r="H18973" t="s">
        <v>11613</v>
      </c>
      <c r="I18973" s="2">
        <v>0</v>
      </c>
      <c r="J18973" s="2">
        <v>0</v>
      </c>
      <c r="K18973" s="2">
        <v>1</v>
      </c>
      <c r="L18973" t="s">
        <v>995</v>
      </c>
      <c r="M18973" t="s">
        <v>83</v>
      </c>
      <c r="N18973" t="s">
        <v>91</v>
      </c>
      <c r="O18973" t="s">
        <v>85</v>
      </c>
      <c r="P18973" t="s">
        <v>86</v>
      </c>
      <c r="Q18973">
        <v>14</v>
      </c>
      <c r="R18973">
        <v>14</v>
      </c>
      <c r="S18973">
        <v>15</v>
      </c>
      <c r="T18973">
        <v>15</v>
      </c>
      <c r="U18973">
        <v>15</v>
      </c>
      <c r="V18973">
        <v>15</v>
      </c>
      <c r="W18973">
        <v>15</v>
      </c>
      <c r="X18973">
        <v>16</v>
      </c>
      <c r="Y18973">
        <v>16</v>
      </c>
      <c r="Z18973">
        <v>16</v>
      </c>
      <c r="AA18973">
        <v>16</v>
      </c>
      <c r="AB18973">
        <v>16</v>
      </c>
      <c r="AC18973">
        <v>17</v>
      </c>
      <c r="AD18973">
        <v>17</v>
      </c>
      <c r="AE18973">
        <v>17</v>
      </c>
      <c r="AF18973">
        <v>17</v>
      </c>
      <c r="AG18973">
        <v>17</v>
      </c>
      <c r="AH18973">
        <v>17</v>
      </c>
      <c r="AI18973">
        <v>18</v>
      </c>
      <c r="AJ18973">
        <v>18</v>
      </c>
      <c r="AK18973">
        <v>18</v>
      </c>
      <c r="AL18973">
        <v>18</v>
      </c>
      <c r="AM18973">
        <v>18</v>
      </c>
      <c r="AN18973">
        <v>18</v>
      </c>
      <c r="AO18973">
        <v>18</v>
      </c>
      <c r="AP18973">
        <v>18</v>
      </c>
      <c r="AQ18973">
        <v>18</v>
      </c>
    </row>
    <row r="18974" spans="1:43">
      <c r="A18974" t="s">
        <v>11764</v>
      </c>
      <c r="B18974" t="s">
        <v>11765</v>
      </c>
      <c r="C18974" t="s">
        <v>11742</v>
      </c>
      <c r="D18974" t="s">
        <v>11743</v>
      </c>
      <c r="E18974" t="s">
        <v>11610</v>
      </c>
      <c r="F18974" t="s">
        <v>11611</v>
      </c>
      <c r="G18974" t="s">
        <v>11612</v>
      </c>
      <c r="H18974" t="s">
        <v>11613</v>
      </c>
      <c r="I18974" s="2">
        <v>0</v>
      </c>
      <c r="J18974" s="2">
        <v>0</v>
      </c>
      <c r="K18974" s="2">
        <v>1</v>
      </c>
      <c r="L18974" t="s">
        <v>995</v>
      </c>
      <c r="M18974" t="s">
        <v>83</v>
      </c>
      <c r="N18974" t="s">
        <v>84</v>
      </c>
      <c r="O18974" t="s">
        <v>85</v>
      </c>
      <c r="P18974" t="s">
        <v>86</v>
      </c>
      <c r="Q18974">
        <v>2</v>
      </c>
      <c r="R18974">
        <v>2</v>
      </c>
      <c r="S18974">
        <v>2</v>
      </c>
      <c r="T18974">
        <v>2</v>
      </c>
      <c r="U18974">
        <v>2</v>
      </c>
      <c r="V18974">
        <v>2</v>
      </c>
      <c r="W18974">
        <v>2</v>
      </c>
      <c r="X18974">
        <v>2</v>
      </c>
      <c r="Y18974">
        <v>2</v>
      </c>
      <c r="Z18974">
        <v>2</v>
      </c>
      <c r="AA18974">
        <v>2</v>
      </c>
      <c r="AB18974">
        <v>2</v>
      </c>
      <c r="AC18974">
        <v>2</v>
      </c>
      <c r="AD18974">
        <v>2</v>
      </c>
      <c r="AE18974">
        <v>2</v>
      </c>
      <c r="AF18974">
        <v>2</v>
      </c>
      <c r="AG18974">
        <v>2</v>
      </c>
      <c r="AH18974">
        <v>2</v>
      </c>
      <c r="AI18974">
        <v>2</v>
      </c>
      <c r="AJ18974">
        <v>2</v>
      </c>
      <c r="AK18974">
        <v>2</v>
      </c>
      <c r="AL18974">
        <v>2</v>
      </c>
      <c r="AM18974">
        <v>2</v>
      </c>
      <c r="AN18974">
        <v>2</v>
      </c>
      <c r="AO18974">
        <v>2</v>
      </c>
      <c r="AP18974">
        <v>2</v>
      </c>
      <c r="AQ18974">
        <v>2</v>
      </c>
    </row>
    <row r="18975" spans="1:43">
      <c r="A18975" t="s">
        <v>11764</v>
      </c>
      <c r="B18975" t="s">
        <v>11765</v>
      </c>
      <c r="C18975" t="s">
        <v>11742</v>
      </c>
      <c r="D18975" t="s">
        <v>11743</v>
      </c>
      <c r="E18975" t="s">
        <v>11610</v>
      </c>
      <c r="F18975" t="s">
        <v>11611</v>
      </c>
      <c r="G18975" t="s">
        <v>11612</v>
      </c>
      <c r="H18975" t="s">
        <v>11613</v>
      </c>
      <c r="I18975" s="2">
        <v>0</v>
      </c>
      <c r="J18975" s="2">
        <v>0</v>
      </c>
      <c r="K18975" s="2">
        <v>1</v>
      </c>
      <c r="L18975" t="s">
        <v>995</v>
      </c>
      <c r="M18975" t="s">
        <v>87</v>
      </c>
      <c r="N18975" t="s">
        <v>88</v>
      </c>
      <c r="O18975" t="s">
        <v>85</v>
      </c>
      <c r="P18975" t="s">
        <v>86</v>
      </c>
      <c r="Q18975">
        <v>2</v>
      </c>
      <c r="R18975">
        <v>2</v>
      </c>
      <c r="S18975">
        <v>2</v>
      </c>
      <c r="T18975">
        <v>2</v>
      </c>
      <c r="U18975">
        <v>2</v>
      </c>
      <c r="V18975">
        <v>2</v>
      </c>
      <c r="W18975">
        <v>2</v>
      </c>
      <c r="X18975">
        <v>2</v>
      </c>
      <c r="Y18975">
        <v>2</v>
      </c>
      <c r="Z18975">
        <v>2</v>
      </c>
      <c r="AA18975">
        <v>2</v>
      </c>
      <c r="AB18975">
        <v>2</v>
      </c>
      <c r="AC18975">
        <v>2</v>
      </c>
      <c r="AD18975">
        <v>2</v>
      </c>
      <c r="AE18975">
        <v>2</v>
      </c>
      <c r="AF18975">
        <v>2</v>
      </c>
      <c r="AG18975">
        <v>2</v>
      </c>
      <c r="AH18975">
        <v>2</v>
      </c>
      <c r="AI18975">
        <v>2</v>
      </c>
      <c r="AJ18975">
        <v>2</v>
      </c>
      <c r="AK18975">
        <v>2</v>
      </c>
      <c r="AL18975">
        <v>2</v>
      </c>
      <c r="AM18975">
        <v>2</v>
      </c>
      <c r="AN18975">
        <v>2</v>
      </c>
      <c r="AO18975">
        <v>2</v>
      </c>
      <c r="AP18975">
        <v>2</v>
      </c>
      <c r="AQ18975">
        <v>2</v>
      </c>
    </row>
    <row r="18976" spans="1:43">
      <c r="A18976" t="s">
        <v>11764</v>
      </c>
      <c r="B18976" t="s">
        <v>11765</v>
      </c>
      <c r="C18976" t="s">
        <v>11742</v>
      </c>
      <c r="D18976" t="s">
        <v>11743</v>
      </c>
      <c r="E18976" t="s">
        <v>11610</v>
      </c>
      <c r="F18976" t="s">
        <v>11611</v>
      </c>
      <c r="G18976" t="s">
        <v>11612</v>
      </c>
      <c r="H18976" t="s">
        <v>11613</v>
      </c>
      <c r="I18976" s="2">
        <v>0</v>
      </c>
      <c r="J18976" s="2">
        <v>0</v>
      </c>
      <c r="K18976" s="2">
        <v>1</v>
      </c>
      <c r="L18976" t="s">
        <v>995</v>
      </c>
      <c r="M18976" t="s">
        <v>89</v>
      </c>
      <c r="N18976" t="s">
        <v>90</v>
      </c>
      <c r="O18976" t="s">
        <v>85</v>
      </c>
      <c r="P18976" t="s">
        <v>86</v>
      </c>
      <c r="Q18976">
        <v>2</v>
      </c>
      <c r="R18976">
        <v>2</v>
      </c>
      <c r="S18976">
        <v>2</v>
      </c>
      <c r="T18976">
        <v>2</v>
      </c>
      <c r="U18976">
        <v>2</v>
      </c>
      <c r="V18976">
        <v>2</v>
      </c>
      <c r="W18976">
        <v>2</v>
      </c>
      <c r="X18976">
        <v>2</v>
      </c>
      <c r="Y18976">
        <v>2</v>
      </c>
      <c r="Z18976">
        <v>2</v>
      </c>
      <c r="AA18976">
        <v>2</v>
      </c>
      <c r="AB18976">
        <v>2</v>
      </c>
      <c r="AC18976">
        <v>2</v>
      </c>
      <c r="AD18976">
        <v>2</v>
      </c>
      <c r="AE18976">
        <v>2</v>
      </c>
      <c r="AF18976">
        <v>2</v>
      </c>
      <c r="AG18976">
        <v>2</v>
      </c>
      <c r="AH18976">
        <v>2</v>
      </c>
      <c r="AI18976">
        <v>2</v>
      </c>
      <c r="AJ18976">
        <v>2</v>
      </c>
      <c r="AK18976">
        <v>2</v>
      </c>
      <c r="AL18976">
        <v>2</v>
      </c>
      <c r="AM18976">
        <v>2</v>
      </c>
      <c r="AN18976">
        <v>2</v>
      </c>
      <c r="AO18976">
        <v>2</v>
      </c>
      <c r="AP18976">
        <v>2</v>
      </c>
      <c r="AQ18976">
        <v>2</v>
      </c>
    </row>
    <row r="18977" spans="1:43">
      <c r="A18977" t="s">
        <v>11764</v>
      </c>
      <c r="B18977" t="s">
        <v>11765</v>
      </c>
      <c r="C18977" t="s">
        <v>11742</v>
      </c>
      <c r="D18977" t="s">
        <v>11743</v>
      </c>
      <c r="E18977" t="s">
        <v>11610</v>
      </c>
      <c r="F18977" t="s">
        <v>11611</v>
      </c>
      <c r="G18977" t="s">
        <v>11612</v>
      </c>
      <c r="H18977" t="s">
        <v>11613</v>
      </c>
      <c r="I18977" s="2">
        <v>0</v>
      </c>
      <c r="J18977" s="2">
        <v>0</v>
      </c>
      <c r="K18977" s="2">
        <v>1</v>
      </c>
      <c r="L18977" t="s">
        <v>995</v>
      </c>
      <c r="M18977" t="s">
        <v>83</v>
      </c>
      <c r="N18977" t="s">
        <v>91</v>
      </c>
      <c r="O18977" t="s">
        <v>85</v>
      </c>
      <c r="P18977" t="s">
        <v>86</v>
      </c>
      <c r="Q18977">
        <v>2</v>
      </c>
      <c r="R18977">
        <v>2</v>
      </c>
      <c r="S18977">
        <v>2</v>
      </c>
      <c r="T18977">
        <v>2</v>
      </c>
      <c r="U18977">
        <v>2</v>
      </c>
      <c r="V18977">
        <v>2</v>
      </c>
      <c r="W18977">
        <v>2</v>
      </c>
      <c r="X18977">
        <v>2</v>
      </c>
      <c r="Y18977">
        <v>2</v>
      </c>
      <c r="Z18977">
        <v>2</v>
      </c>
      <c r="AA18977">
        <v>2</v>
      </c>
      <c r="AB18977">
        <v>2</v>
      </c>
      <c r="AC18977">
        <v>2</v>
      </c>
      <c r="AD18977">
        <v>2</v>
      </c>
      <c r="AE18977">
        <v>2</v>
      </c>
      <c r="AF18977">
        <v>2</v>
      </c>
      <c r="AG18977">
        <v>2</v>
      </c>
      <c r="AH18977">
        <v>2</v>
      </c>
      <c r="AI18977">
        <v>2</v>
      </c>
      <c r="AJ18977">
        <v>2</v>
      </c>
      <c r="AK18977">
        <v>2</v>
      </c>
      <c r="AL18977">
        <v>2</v>
      </c>
      <c r="AM18977">
        <v>2</v>
      </c>
      <c r="AN18977">
        <v>2</v>
      </c>
      <c r="AO18977">
        <v>2</v>
      </c>
      <c r="AP18977">
        <v>2</v>
      </c>
      <c r="AQ18977">
        <v>2</v>
      </c>
    </row>
    <row r="18978" spans="1:43">
      <c r="A18978" t="s">
        <v>11766</v>
      </c>
      <c r="B18978" t="s">
        <v>11767</v>
      </c>
      <c r="C18978" t="s">
        <v>11758</v>
      </c>
      <c r="D18978" t="s">
        <v>11759</v>
      </c>
      <c r="E18978" t="s">
        <v>11610</v>
      </c>
      <c r="F18978" t="s">
        <v>11611</v>
      </c>
      <c r="G18978" t="s">
        <v>11612</v>
      </c>
      <c r="H18978" t="s">
        <v>11613</v>
      </c>
      <c r="I18978" s="2">
        <v>0</v>
      </c>
      <c r="J18978" s="2">
        <v>0</v>
      </c>
      <c r="K18978" s="2">
        <v>1</v>
      </c>
      <c r="L18978" t="s">
        <v>995</v>
      </c>
      <c r="M18978" t="s">
        <v>83</v>
      </c>
      <c r="N18978" t="s">
        <v>84</v>
      </c>
      <c r="O18978" t="s">
        <v>85</v>
      </c>
      <c r="P18978" t="s">
        <v>86</v>
      </c>
      <c r="Q18978">
        <v>9</v>
      </c>
      <c r="R18978">
        <v>9</v>
      </c>
      <c r="S18978">
        <v>9</v>
      </c>
      <c r="T18978">
        <v>10</v>
      </c>
      <c r="U18978">
        <v>10</v>
      </c>
      <c r="V18978">
        <v>10</v>
      </c>
      <c r="W18978">
        <v>10</v>
      </c>
      <c r="X18978">
        <v>10</v>
      </c>
      <c r="Y18978">
        <v>10</v>
      </c>
      <c r="Z18978">
        <v>10</v>
      </c>
      <c r="AA18978">
        <v>10</v>
      </c>
      <c r="AB18978">
        <v>11</v>
      </c>
      <c r="AC18978">
        <v>11</v>
      </c>
      <c r="AD18978">
        <v>11</v>
      </c>
      <c r="AE18978">
        <v>11</v>
      </c>
      <c r="AF18978">
        <v>11</v>
      </c>
      <c r="AG18978">
        <v>11</v>
      </c>
      <c r="AH18978">
        <v>11</v>
      </c>
      <c r="AI18978">
        <v>11</v>
      </c>
      <c r="AJ18978">
        <v>11</v>
      </c>
      <c r="AK18978">
        <v>12</v>
      </c>
      <c r="AL18978">
        <v>12</v>
      </c>
      <c r="AM18978">
        <v>12</v>
      </c>
      <c r="AN18978">
        <v>12</v>
      </c>
      <c r="AO18978">
        <v>12</v>
      </c>
      <c r="AP18978">
        <v>12</v>
      </c>
      <c r="AQ18978">
        <v>12</v>
      </c>
    </row>
    <row r="18979" spans="1:43">
      <c r="A18979" t="s">
        <v>11766</v>
      </c>
      <c r="B18979" t="s">
        <v>11767</v>
      </c>
      <c r="C18979" t="s">
        <v>11758</v>
      </c>
      <c r="D18979" t="s">
        <v>11759</v>
      </c>
      <c r="E18979" t="s">
        <v>11610</v>
      </c>
      <c r="F18979" t="s">
        <v>11611</v>
      </c>
      <c r="G18979" t="s">
        <v>11612</v>
      </c>
      <c r="H18979" t="s">
        <v>11613</v>
      </c>
      <c r="I18979" s="2">
        <v>0</v>
      </c>
      <c r="J18979" s="2">
        <v>0</v>
      </c>
      <c r="K18979" s="2">
        <v>1</v>
      </c>
      <c r="L18979" t="s">
        <v>995</v>
      </c>
      <c r="M18979" t="s">
        <v>87</v>
      </c>
      <c r="N18979" t="s">
        <v>88</v>
      </c>
      <c r="O18979" t="s">
        <v>85</v>
      </c>
      <c r="P18979" t="s">
        <v>86</v>
      </c>
      <c r="Q18979">
        <v>9</v>
      </c>
      <c r="R18979">
        <v>9</v>
      </c>
      <c r="S18979">
        <v>9</v>
      </c>
      <c r="T18979">
        <v>9</v>
      </c>
      <c r="U18979">
        <v>9</v>
      </c>
      <c r="V18979">
        <v>9</v>
      </c>
      <c r="W18979">
        <v>9</v>
      </c>
      <c r="X18979">
        <v>9</v>
      </c>
      <c r="Y18979">
        <v>9</v>
      </c>
      <c r="Z18979">
        <v>9</v>
      </c>
      <c r="AA18979">
        <v>9</v>
      </c>
      <c r="AB18979">
        <v>10</v>
      </c>
      <c r="AC18979">
        <v>10</v>
      </c>
      <c r="AD18979">
        <v>10</v>
      </c>
      <c r="AE18979">
        <v>10</v>
      </c>
      <c r="AF18979">
        <v>10</v>
      </c>
      <c r="AG18979">
        <v>10</v>
      </c>
      <c r="AH18979">
        <v>10</v>
      </c>
      <c r="AI18979">
        <v>10</v>
      </c>
      <c r="AJ18979">
        <v>10</v>
      </c>
      <c r="AK18979">
        <v>10</v>
      </c>
      <c r="AL18979">
        <v>10</v>
      </c>
      <c r="AM18979">
        <v>10</v>
      </c>
      <c r="AN18979">
        <v>10</v>
      </c>
      <c r="AO18979">
        <v>10</v>
      </c>
      <c r="AP18979">
        <v>10</v>
      </c>
      <c r="AQ18979">
        <v>10</v>
      </c>
    </row>
    <row r="18980" spans="1:43">
      <c r="A18980" t="s">
        <v>11766</v>
      </c>
      <c r="B18980" t="s">
        <v>11767</v>
      </c>
      <c r="C18980" t="s">
        <v>11758</v>
      </c>
      <c r="D18980" t="s">
        <v>11759</v>
      </c>
      <c r="E18980" t="s">
        <v>11610</v>
      </c>
      <c r="F18980" t="s">
        <v>11611</v>
      </c>
      <c r="G18980" t="s">
        <v>11612</v>
      </c>
      <c r="H18980" t="s">
        <v>11613</v>
      </c>
      <c r="I18980" s="2">
        <v>0</v>
      </c>
      <c r="J18980" s="2">
        <v>0</v>
      </c>
      <c r="K18980" s="2">
        <v>1</v>
      </c>
      <c r="L18980" t="s">
        <v>995</v>
      </c>
      <c r="M18980" t="s">
        <v>89</v>
      </c>
      <c r="N18980" t="s">
        <v>90</v>
      </c>
      <c r="O18980" t="s">
        <v>85</v>
      </c>
      <c r="P18980" t="s">
        <v>86</v>
      </c>
      <c r="Q18980">
        <v>9</v>
      </c>
      <c r="R18980">
        <v>9</v>
      </c>
      <c r="S18980">
        <v>10</v>
      </c>
      <c r="T18980">
        <v>10</v>
      </c>
      <c r="U18980">
        <v>10</v>
      </c>
      <c r="V18980">
        <v>10</v>
      </c>
      <c r="W18980">
        <v>10</v>
      </c>
      <c r="X18980">
        <v>11</v>
      </c>
      <c r="Y18980">
        <v>11</v>
      </c>
      <c r="Z18980">
        <v>11</v>
      </c>
      <c r="AA18980">
        <v>11</v>
      </c>
      <c r="AB18980">
        <v>11</v>
      </c>
      <c r="AC18980">
        <v>11</v>
      </c>
      <c r="AD18980">
        <v>12</v>
      </c>
      <c r="AE18980">
        <v>12</v>
      </c>
      <c r="AF18980">
        <v>12</v>
      </c>
      <c r="AG18980">
        <v>12</v>
      </c>
      <c r="AH18980">
        <v>12</v>
      </c>
      <c r="AI18980">
        <v>12</v>
      </c>
      <c r="AJ18980">
        <v>12</v>
      </c>
      <c r="AK18980">
        <v>12</v>
      </c>
      <c r="AL18980">
        <v>12</v>
      </c>
      <c r="AM18980">
        <v>12</v>
      </c>
      <c r="AN18980">
        <v>12</v>
      </c>
      <c r="AO18980">
        <v>12</v>
      </c>
      <c r="AP18980">
        <v>12</v>
      </c>
      <c r="AQ18980">
        <v>12</v>
      </c>
    </row>
    <row r="18981" spans="1:43">
      <c r="A18981" t="s">
        <v>11766</v>
      </c>
      <c r="B18981" t="s">
        <v>11767</v>
      </c>
      <c r="C18981" t="s">
        <v>11758</v>
      </c>
      <c r="D18981" t="s">
        <v>11759</v>
      </c>
      <c r="E18981" t="s">
        <v>11610</v>
      </c>
      <c r="F18981" t="s">
        <v>11611</v>
      </c>
      <c r="G18981" t="s">
        <v>11612</v>
      </c>
      <c r="H18981" t="s">
        <v>11613</v>
      </c>
      <c r="I18981" s="2">
        <v>0</v>
      </c>
      <c r="J18981" s="2">
        <v>0</v>
      </c>
      <c r="K18981" s="2">
        <v>1</v>
      </c>
      <c r="L18981" t="s">
        <v>995</v>
      </c>
      <c r="M18981" t="s">
        <v>83</v>
      </c>
      <c r="N18981" t="s">
        <v>91</v>
      </c>
      <c r="O18981" t="s">
        <v>85</v>
      </c>
      <c r="P18981" t="s">
        <v>86</v>
      </c>
      <c r="Q18981">
        <v>9</v>
      </c>
      <c r="R18981">
        <v>9</v>
      </c>
      <c r="S18981">
        <v>9</v>
      </c>
      <c r="T18981">
        <v>10</v>
      </c>
      <c r="U18981">
        <v>10</v>
      </c>
      <c r="V18981">
        <v>10</v>
      </c>
      <c r="W18981">
        <v>10</v>
      </c>
      <c r="X18981">
        <v>10</v>
      </c>
      <c r="Y18981">
        <v>10</v>
      </c>
      <c r="Z18981">
        <v>10</v>
      </c>
      <c r="AA18981">
        <v>10</v>
      </c>
      <c r="AB18981">
        <v>11</v>
      </c>
      <c r="AC18981">
        <v>11</v>
      </c>
      <c r="AD18981">
        <v>11</v>
      </c>
      <c r="AE18981">
        <v>11</v>
      </c>
      <c r="AF18981">
        <v>11</v>
      </c>
      <c r="AG18981">
        <v>11</v>
      </c>
      <c r="AH18981">
        <v>11</v>
      </c>
      <c r="AI18981">
        <v>11</v>
      </c>
      <c r="AJ18981">
        <v>11</v>
      </c>
      <c r="AK18981">
        <v>12</v>
      </c>
      <c r="AL18981">
        <v>12</v>
      </c>
      <c r="AM18981">
        <v>12</v>
      </c>
      <c r="AN18981">
        <v>12</v>
      </c>
      <c r="AO18981">
        <v>12</v>
      </c>
      <c r="AP18981">
        <v>12</v>
      </c>
      <c r="AQ18981">
        <v>12</v>
      </c>
    </row>
    <row r="18982" spans="1:43">
      <c r="A18982" t="s">
        <v>11768</v>
      </c>
      <c r="B18982" t="s">
        <v>11769</v>
      </c>
      <c r="C18982" t="s">
        <v>11758</v>
      </c>
      <c r="D18982" t="s">
        <v>11759</v>
      </c>
      <c r="E18982" t="s">
        <v>11610</v>
      </c>
      <c r="F18982" t="s">
        <v>11611</v>
      </c>
      <c r="G18982" t="s">
        <v>11612</v>
      </c>
      <c r="H18982" t="s">
        <v>11613</v>
      </c>
      <c r="I18982" s="2">
        <v>0</v>
      </c>
      <c r="J18982" s="2">
        <v>0</v>
      </c>
      <c r="K18982" s="2">
        <v>1</v>
      </c>
      <c r="L18982" t="s">
        <v>995</v>
      </c>
      <c r="M18982" t="s">
        <v>83</v>
      </c>
      <c r="N18982" t="s">
        <v>84</v>
      </c>
      <c r="O18982" t="s">
        <v>85</v>
      </c>
      <c r="P18982" t="s">
        <v>86</v>
      </c>
      <c r="Q18982">
        <v>24</v>
      </c>
      <c r="R18982">
        <v>24</v>
      </c>
      <c r="S18982">
        <v>25</v>
      </c>
      <c r="T18982">
        <v>25</v>
      </c>
      <c r="U18982">
        <v>25</v>
      </c>
      <c r="V18982">
        <v>26</v>
      </c>
      <c r="W18982">
        <v>26</v>
      </c>
      <c r="X18982">
        <v>26</v>
      </c>
      <c r="Y18982">
        <v>27</v>
      </c>
      <c r="Z18982">
        <v>27</v>
      </c>
      <c r="AA18982">
        <v>27</v>
      </c>
      <c r="AB18982">
        <v>28</v>
      </c>
      <c r="AC18982">
        <v>28</v>
      </c>
      <c r="AD18982">
        <v>28</v>
      </c>
      <c r="AE18982">
        <v>29</v>
      </c>
      <c r="AF18982">
        <v>29</v>
      </c>
      <c r="AG18982">
        <v>29</v>
      </c>
      <c r="AH18982">
        <v>29</v>
      </c>
      <c r="AI18982">
        <v>30</v>
      </c>
      <c r="AJ18982">
        <v>30</v>
      </c>
      <c r="AK18982">
        <v>30</v>
      </c>
      <c r="AL18982">
        <v>30</v>
      </c>
      <c r="AM18982">
        <v>31</v>
      </c>
      <c r="AN18982">
        <v>31</v>
      </c>
      <c r="AO18982">
        <v>31</v>
      </c>
      <c r="AP18982">
        <v>31</v>
      </c>
      <c r="AQ18982">
        <v>31</v>
      </c>
    </row>
    <row r="18983" spans="1:43">
      <c r="A18983" t="s">
        <v>11768</v>
      </c>
      <c r="B18983" t="s">
        <v>11769</v>
      </c>
      <c r="C18983" t="s">
        <v>11758</v>
      </c>
      <c r="D18983" t="s">
        <v>11759</v>
      </c>
      <c r="E18983" t="s">
        <v>11610</v>
      </c>
      <c r="F18983" t="s">
        <v>11611</v>
      </c>
      <c r="G18983" t="s">
        <v>11612</v>
      </c>
      <c r="H18983" t="s">
        <v>11613</v>
      </c>
      <c r="I18983" s="2">
        <v>0</v>
      </c>
      <c r="J18983" s="2">
        <v>0</v>
      </c>
      <c r="K18983" s="2">
        <v>1</v>
      </c>
      <c r="L18983" t="s">
        <v>995</v>
      </c>
      <c r="M18983" t="s">
        <v>87</v>
      </c>
      <c r="N18983" t="s">
        <v>88</v>
      </c>
      <c r="O18983" t="s">
        <v>85</v>
      </c>
      <c r="P18983" t="s">
        <v>86</v>
      </c>
      <c r="Q18983">
        <v>24</v>
      </c>
      <c r="R18983">
        <v>24</v>
      </c>
      <c r="S18983">
        <v>24</v>
      </c>
      <c r="T18983">
        <v>24</v>
      </c>
      <c r="U18983">
        <v>24</v>
      </c>
      <c r="V18983">
        <v>24</v>
      </c>
      <c r="W18983">
        <v>25</v>
      </c>
      <c r="X18983">
        <v>25</v>
      </c>
      <c r="Y18983">
        <v>25</v>
      </c>
      <c r="Z18983">
        <v>25</v>
      </c>
      <c r="AA18983">
        <v>25</v>
      </c>
      <c r="AB18983">
        <v>25</v>
      </c>
      <c r="AC18983">
        <v>25</v>
      </c>
      <c r="AD18983">
        <v>25</v>
      </c>
      <c r="AE18983">
        <v>25</v>
      </c>
      <c r="AF18983">
        <v>25</v>
      </c>
      <c r="AG18983">
        <v>26</v>
      </c>
      <c r="AH18983">
        <v>26</v>
      </c>
      <c r="AI18983">
        <v>26</v>
      </c>
      <c r="AJ18983">
        <v>26</v>
      </c>
      <c r="AK18983">
        <v>26</v>
      </c>
      <c r="AL18983">
        <v>26</v>
      </c>
      <c r="AM18983">
        <v>26</v>
      </c>
      <c r="AN18983">
        <v>26</v>
      </c>
      <c r="AO18983">
        <v>26</v>
      </c>
      <c r="AP18983">
        <v>27</v>
      </c>
      <c r="AQ18983">
        <v>27</v>
      </c>
    </row>
    <row r="18984" spans="1:43">
      <c r="A18984" t="s">
        <v>11768</v>
      </c>
      <c r="B18984" t="s">
        <v>11769</v>
      </c>
      <c r="C18984" t="s">
        <v>11758</v>
      </c>
      <c r="D18984" t="s">
        <v>11759</v>
      </c>
      <c r="E18984" t="s">
        <v>11610</v>
      </c>
      <c r="F18984" t="s">
        <v>11611</v>
      </c>
      <c r="G18984" t="s">
        <v>11612</v>
      </c>
      <c r="H18984" t="s">
        <v>11613</v>
      </c>
      <c r="I18984" s="2">
        <v>0</v>
      </c>
      <c r="J18984" s="2">
        <v>0</v>
      </c>
      <c r="K18984" s="2">
        <v>1</v>
      </c>
      <c r="L18984" t="s">
        <v>995</v>
      </c>
      <c r="M18984" t="s">
        <v>89</v>
      </c>
      <c r="N18984" t="s">
        <v>90</v>
      </c>
      <c r="O18984" t="s">
        <v>85</v>
      </c>
      <c r="P18984" t="s">
        <v>86</v>
      </c>
      <c r="Q18984">
        <v>24</v>
      </c>
      <c r="R18984">
        <v>25</v>
      </c>
      <c r="S18984">
        <v>25</v>
      </c>
      <c r="T18984">
        <v>26</v>
      </c>
      <c r="U18984">
        <v>26</v>
      </c>
      <c r="V18984">
        <v>27</v>
      </c>
      <c r="W18984">
        <v>27</v>
      </c>
      <c r="X18984">
        <v>28</v>
      </c>
      <c r="Y18984">
        <v>28</v>
      </c>
      <c r="Z18984">
        <v>29</v>
      </c>
      <c r="AA18984">
        <v>29</v>
      </c>
      <c r="AB18984">
        <v>30</v>
      </c>
      <c r="AC18984">
        <v>30</v>
      </c>
      <c r="AD18984">
        <v>30</v>
      </c>
      <c r="AE18984">
        <v>31</v>
      </c>
      <c r="AF18984">
        <v>31</v>
      </c>
      <c r="AG18984">
        <v>31</v>
      </c>
      <c r="AH18984">
        <v>31</v>
      </c>
      <c r="AI18984">
        <v>31</v>
      </c>
      <c r="AJ18984">
        <v>31</v>
      </c>
      <c r="AK18984">
        <v>31</v>
      </c>
      <c r="AL18984">
        <v>31</v>
      </c>
      <c r="AM18984">
        <v>31</v>
      </c>
      <c r="AN18984">
        <v>31</v>
      </c>
      <c r="AO18984">
        <v>31</v>
      </c>
      <c r="AP18984">
        <v>31</v>
      </c>
      <c r="AQ18984">
        <v>31</v>
      </c>
    </row>
    <row r="18985" spans="1:43">
      <c r="A18985" t="s">
        <v>11768</v>
      </c>
      <c r="B18985" t="s">
        <v>11769</v>
      </c>
      <c r="C18985" t="s">
        <v>11758</v>
      </c>
      <c r="D18985" t="s">
        <v>11759</v>
      </c>
      <c r="E18985" t="s">
        <v>11610</v>
      </c>
      <c r="F18985" t="s">
        <v>11611</v>
      </c>
      <c r="G18985" t="s">
        <v>11612</v>
      </c>
      <c r="H18985" t="s">
        <v>11613</v>
      </c>
      <c r="I18985" s="2">
        <v>0</v>
      </c>
      <c r="J18985" s="2">
        <v>0</v>
      </c>
      <c r="K18985" s="2">
        <v>1</v>
      </c>
      <c r="L18985" t="s">
        <v>995</v>
      </c>
      <c r="M18985" t="s">
        <v>83</v>
      </c>
      <c r="N18985" t="s">
        <v>91</v>
      </c>
      <c r="O18985" t="s">
        <v>85</v>
      </c>
      <c r="P18985" t="s">
        <v>86</v>
      </c>
      <c r="Q18985">
        <v>24</v>
      </c>
      <c r="R18985">
        <v>24</v>
      </c>
      <c r="S18985">
        <v>25</v>
      </c>
      <c r="T18985">
        <v>25</v>
      </c>
      <c r="U18985">
        <v>25</v>
      </c>
      <c r="V18985">
        <v>26</v>
      </c>
      <c r="W18985">
        <v>26</v>
      </c>
      <c r="X18985">
        <v>26</v>
      </c>
      <c r="Y18985">
        <v>27</v>
      </c>
      <c r="Z18985">
        <v>27</v>
      </c>
      <c r="AA18985">
        <v>27</v>
      </c>
      <c r="AB18985">
        <v>28</v>
      </c>
      <c r="AC18985">
        <v>28</v>
      </c>
      <c r="AD18985">
        <v>28</v>
      </c>
      <c r="AE18985">
        <v>29</v>
      </c>
      <c r="AF18985">
        <v>29</v>
      </c>
      <c r="AG18985">
        <v>29</v>
      </c>
      <c r="AH18985">
        <v>29</v>
      </c>
      <c r="AI18985">
        <v>30</v>
      </c>
      <c r="AJ18985">
        <v>30</v>
      </c>
      <c r="AK18985">
        <v>30</v>
      </c>
      <c r="AL18985">
        <v>30</v>
      </c>
      <c r="AM18985">
        <v>31</v>
      </c>
      <c r="AN18985">
        <v>31</v>
      </c>
      <c r="AO18985">
        <v>31</v>
      </c>
      <c r="AP18985">
        <v>31</v>
      </c>
      <c r="AQ18985">
        <v>31</v>
      </c>
    </row>
    <row r="18986" spans="1:43">
      <c r="A18986" t="s">
        <v>11770</v>
      </c>
      <c r="B18986" t="s">
        <v>11771</v>
      </c>
      <c r="C18986" t="s">
        <v>11722</v>
      </c>
      <c r="D18986" t="s">
        <v>11723</v>
      </c>
      <c r="E18986" t="s">
        <v>11610</v>
      </c>
      <c r="F18986" t="s">
        <v>11611</v>
      </c>
      <c r="G18986" t="s">
        <v>11612</v>
      </c>
      <c r="H18986" t="s">
        <v>11613</v>
      </c>
      <c r="I18986" s="2">
        <v>0</v>
      </c>
      <c r="J18986" s="2">
        <v>0</v>
      </c>
      <c r="K18986" s="2">
        <v>1</v>
      </c>
      <c r="L18986" t="s">
        <v>995</v>
      </c>
      <c r="M18986" t="s">
        <v>83</v>
      </c>
      <c r="N18986" t="s">
        <v>84</v>
      </c>
      <c r="O18986" t="s">
        <v>85</v>
      </c>
      <c r="P18986" t="s">
        <v>86</v>
      </c>
      <c r="Q18986">
        <v>24</v>
      </c>
      <c r="R18986">
        <v>24</v>
      </c>
      <c r="S18986">
        <v>24</v>
      </c>
      <c r="T18986">
        <v>25</v>
      </c>
      <c r="U18986">
        <v>25</v>
      </c>
      <c r="V18986">
        <v>25</v>
      </c>
      <c r="W18986">
        <v>26</v>
      </c>
      <c r="X18986">
        <v>26</v>
      </c>
      <c r="Y18986">
        <v>26</v>
      </c>
      <c r="Z18986">
        <v>27</v>
      </c>
      <c r="AA18986">
        <v>27</v>
      </c>
      <c r="AB18986">
        <v>27</v>
      </c>
      <c r="AC18986">
        <v>28</v>
      </c>
      <c r="AD18986">
        <v>28</v>
      </c>
      <c r="AE18986">
        <v>28</v>
      </c>
      <c r="AF18986">
        <v>29</v>
      </c>
      <c r="AG18986">
        <v>29</v>
      </c>
      <c r="AH18986">
        <v>29</v>
      </c>
      <c r="AI18986">
        <v>29</v>
      </c>
      <c r="AJ18986">
        <v>30</v>
      </c>
      <c r="AK18986">
        <v>30</v>
      </c>
      <c r="AL18986">
        <v>30</v>
      </c>
      <c r="AM18986">
        <v>30</v>
      </c>
      <c r="AN18986">
        <v>30</v>
      </c>
      <c r="AO18986">
        <v>30</v>
      </c>
      <c r="AP18986">
        <v>30</v>
      </c>
      <c r="AQ18986">
        <v>30</v>
      </c>
    </row>
    <row r="18987" spans="1:43">
      <c r="A18987" t="s">
        <v>11770</v>
      </c>
      <c r="B18987" t="s">
        <v>11771</v>
      </c>
      <c r="C18987" t="s">
        <v>11722</v>
      </c>
      <c r="D18987" t="s">
        <v>11723</v>
      </c>
      <c r="E18987" t="s">
        <v>11610</v>
      </c>
      <c r="F18987" t="s">
        <v>11611</v>
      </c>
      <c r="G18987" t="s">
        <v>11612</v>
      </c>
      <c r="H18987" t="s">
        <v>11613</v>
      </c>
      <c r="I18987" s="2">
        <v>0</v>
      </c>
      <c r="J18987" s="2">
        <v>0</v>
      </c>
      <c r="K18987" s="2">
        <v>1</v>
      </c>
      <c r="L18987" t="s">
        <v>995</v>
      </c>
      <c r="M18987" t="s">
        <v>87</v>
      </c>
      <c r="N18987" t="s">
        <v>88</v>
      </c>
      <c r="O18987" t="s">
        <v>85</v>
      </c>
      <c r="P18987" t="s">
        <v>86</v>
      </c>
      <c r="Q18987">
        <v>24</v>
      </c>
      <c r="R18987">
        <v>24</v>
      </c>
      <c r="S18987">
        <v>24</v>
      </c>
      <c r="T18987">
        <v>24</v>
      </c>
      <c r="U18987">
        <v>24</v>
      </c>
      <c r="V18987">
        <v>24</v>
      </c>
      <c r="W18987">
        <v>24</v>
      </c>
      <c r="X18987">
        <v>24</v>
      </c>
      <c r="Y18987">
        <v>24</v>
      </c>
      <c r="Z18987">
        <v>25</v>
      </c>
      <c r="AA18987">
        <v>25</v>
      </c>
      <c r="AB18987">
        <v>25</v>
      </c>
      <c r="AC18987">
        <v>25</v>
      </c>
      <c r="AD18987">
        <v>25</v>
      </c>
      <c r="AE18987">
        <v>25</v>
      </c>
      <c r="AF18987">
        <v>25</v>
      </c>
      <c r="AG18987">
        <v>25</v>
      </c>
      <c r="AH18987">
        <v>25</v>
      </c>
      <c r="AI18987">
        <v>25</v>
      </c>
      <c r="AJ18987">
        <v>26</v>
      </c>
      <c r="AK18987">
        <v>26</v>
      </c>
      <c r="AL18987">
        <v>26</v>
      </c>
      <c r="AM18987">
        <v>26</v>
      </c>
      <c r="AN18987">
        <v>26</v>
      </c>
      <c r="AO18987">
        <v>26</v>
      </c>
      <c r="AP18987">
        <v>26</v>
      </c>
      <c r="AQ18987">
        <v>26</v>
      </c>
    </row>
    <row r="18988" spans="1:43">
      <c r="A18988" t="s">
        <v>11770</v>
      </c>
      <c r="B18988" t="s">
        <v>11771</v>
      </c>
      <c r="C18988" t="s">
        <v>11722</v>
      </c>
      <c r="D18988" t="s">
        <v>11723</v>
      </c>
      <c r="E18988" t="s">
        <v>11610</v>
      </c>
      <c r="F18988" t="s">
        <v>11611</v>
      </c>
      <c r="G18988" t="s">
        <v>11612</v>
      </c>
      <c r="H18988" t="s">
        <v>11613</v>
      </c>
      <c r="I18988" s="2">
        <v>0</v>
      </c>
      <c r="J18988" s="2">
        <v>0</v>
      </c>
      <c r="K18988" s="2">
        <v>1</v>
      </c>
      <c r="L18988" t="s">
        <v>995</v>
      </c>
      <c r="M18988" t="s">
        <v>89</v>
      </c>
      <c r="N18988" t="s">
        <v>90</v>
      </c>
      <c r="O18988" t="s">
        <v>85</v>
      </c>
      <c r="P18988" t="s">
        <v>86</v>
      </c>
      <c r="Q18988">
        <v>24</v>
      </c>
      <c r="R18988">
        <v>25</v>
      </c>
      <c r="S18988">
        <v>25</v>
      </c>
      <c r="T18988">
        <v>26</v>
      </c>
      <c r="U18988">
        <v>26</v>
      </c>
      <c r="V18988">
        <v>27</v>
      </c>
      <c r="W18988">
        <v>27</v>
      </c>
      <c r="X18988">
        <v>28</v>
      </c>
      <c r="Y18988">
        <v>28</v>
      </c>
      <c r="Z18988">
        <v>28</v>
      </c>
      <c r="AA18988">
        <v>29</v>
      </c>
      <c r="AB18988">
        <v>29</v>
      </c>
      <c r="AC18988">
        <v>30</v>
      </c>
      <c r="AD18988">
        <v>30</v>
      </c>
      <c r="AE18988">
        <v>30</v>
      </c>
      <c r="AF18988">
        <v>30</v>
      </c>
      <c r="AG18988">
        <v>30</v>
      </c>
      <c r="AH18988">
        <v>30</v>
      </c>
      <c r="AI18988">
        <v>30</v>
      </c>
      <c r="AJ18988">
        <v>30</v>
      </c>
      <c r="AK18988">
        <v>30</v>
      </c>
      <c r="AL18988">
        <v>30</v>
      </c>
      <c r="AM18988">
        <v>30</v>
      </c>
      <c r="AN18988">
        <v>30</v>
      </c>
      <c r="AO18988">
        <v>30</v>
      </c>
      <c r="AP18988">
        <v>30</v>
      </c>
      <c r="AQ18988">
        <v>30</v>
      </c>
    </row>
    <row r="18989" spans="1:43">
      <c r="A18989" t="s">
        <v>11770</v>
      </c>
      <c r="B18989" t="s">
        <v>11771</v>
      </c>
      <c r="C18989" t="s">
        <v>11722</v>
      </c>
      <c r="D18989" t="s">
        <v>11723</v>
      </c>
      <c r="E18989" t="s">
        <v>11610</v>
      </c>
      <c r="F18989" t="s">
        <v>11611</v>
      </c>
      <c r="G18989" t="s">
        <v>11612</v>
      </c>
      <c r="H18989" t="s">
        <v>11613</v>
      </c>
      <c r="I18989" s="2">
        <v>0</v>
      </c>
      <c r="J18989" s="2">
        <v>0</v>
      </c>
      <c r="K18989" s="2">
        <v>1</v>
      </c>
      <c r="L18989" t="s">
        <v>995</v>
      </c>
      <c r="M18989" t="s">
        <v>83</v>
      </c>
      <c r="N18989" t="s">
        <v>91</v>
      </c>
      <c r="O18989" t="s">
        <v>85</v>
      </c>
      <c r="P18989" t="s">
        <v>86</v>
      </c>
      <c r="Q18989">
        <v>24</v>
      </c>
      <c r="R18989">
        <v>24</v>
      </c>
      <c r="S18989">
        <v>24</v>
      </c>
      <c r="T18989">
        <v>25</v>
      </c>
      <c r="U18989">
        <v>25</v>
      </c>
      <c r="V18989">
        <v>25</v>
      </c>
      <c r="W18989">
        <v>26</v>
      </c>
      <c r="X18989">
        <v>26</v>
      </c>
      <c r="Y18989">
        <v>26</v>
      </c>
      <c r="Z18989">
        <v>27</v>
      </c>
      <c r="AA18989">
        <v>27</v>
      </c>
      <c r="AB18989">
        <v>27</v>
      </c>
      <c r="AC18989">
        <v>28</v>
      </c>
      <c r="AD18989">
        <v>28</v>
      </c>
      <c r="AE18989">
        <v>28</v>
      </c>
      <c r="AF18989">
        <v>29</v>
      </c>
      <c r="AG18989">
        <v>29</v>
      </c>
      <c r="AH18989">
        <v>29</v>
      </c>
      <c r="AI18989">
        <v>29</v>
      </c>
      <c r="AJ18989">
        <v>30</v>
      </c>
      <c r="AK18989">
        <v>30</v>
      </c>
      <c r="AL18989">
        <v>30</v>
      </c>
      <c r="AM18989">
        <v>30</v>
      </c>
      <c r="AN18989">
        <v>30</v>
      </c>
      <c r="AO18989">
        <v>30</v>
      </c>
      <c r="AP18989">
        <v>30</v>
      </c>
      <c r="AQ18989">
        <v>30</v>
      </c>
    </row>
    <row r="18990" spans="1:43">
      <c r="A18990" t="s">
        <v>11772</v>
      </c>
      <c r="B18990" t="s">
        <v>11773</v>
      </c>
      <c r="C18990" t="s">
        <v>11722</v>
      </c>
      <c r="D18990" t="s">
        <v>11723</v>
      </c>
      <c r="E18990" t="s">
        <v>11610</v>
      </c>
      <c r="F18990" t="s">
        <v>11611</v>
      </c>
      <c r="G18990" t="s">
        <v>11612</v>
      </c>
      <c r="H18990" t="s">
        <v>11613</v>
      </c>
      <c r="I18990" s="2">
        <v>0</v>
      </c>
      <c r="J18990" s="2">
        <v>0</v>
      </c>
      <c r="K18990" s="2">
        <v>1</v>
      </c>
      <c r="L18990" t="s">
        <v>995</v>
      </c>
      <c r="M18990" t="s">
        <v>83</v>
      </c>
      <c r="N18990" t="s">
        <v>84</v>
      </c>
      <c r="O18990" t="s">
        <v>85</v>
      </c>
      <c r="P18990" t="s">
        <v>86</v>
      </c>
      <c r="Q18990">
        <v>3</v>
      </c>
      <c r="R18990">
        <v>3</v>
      </c>
      <c r="S18990">
        <v>3</v>
      </c>
      <c r="T18990">
        <v>3</v>
      </c>
      <c r="U18990">
        <v>3</v>
      </c>
      <c r="V18990">
        <v>3</v>
      </c>
      <c r="W18990">
        <v>3</v>
      </c>
      <c r="X18990">
        <v>3</v>
      </c>
      <c r="Y18990">
        <v>3</v>
      </c>
      <c r="Z18990">
        <v>3</v>
      </c>
      <c r="AA18990">
        <v>3</v>
      </c>
      <c r="AB18990">
        <v>4</v>
      </c>
      <c r="AC18990">
        <v>4</v>
      </c>
      <c r="AD18990">
        <v>4</v>
      </c>
      <c r="AE18990">
        <v>4</v>
      </c>
      <c r="AF18990">
        <v>4</v>
      </c>
      <c r="AG18990">
        <v>4</v>
      </c>
      <c r="AH18990">
        <v>4</v>
      </c>
      <c r="AI18990">
        <v>4</v>
      </c>
      <c r="AJ18990">
        <v>4</v>
      </c>
      <c r="AK18990">
        <v>4</v>
      </c>
      <c r="AL18990">
        <v>4</v>
      </c>
      <c r="AM18990">
        <v>4</v>
      </c>
      <c r="AN18990">
        <v>4</v>
      </c>
      <c r="AO18990">
        <v>4</v>
      </c>
      <c r="AP18990">
        <v>4</v>
      </c>
      <c r="AQ18990">
        <v>4</v>
      </c>
    </row>
    <row r="18991" spans="1:43">
      <c r="A18991" t="s">
        <v>11772</v>
      </c>
      <c r="B18991" t="s">
        <v>11773</v>
      </c>
      <c r="C18991" t="s">
        <v>11722</v>
      </c>
      <c r="D18991" t="s">
        <v>11723</v>
      </c>
      <c r="E18991" t="s">
        <v>11610</v>
      </c>
      <c r="F18991" t="s">
        <v>11611</v>
      </c>
      <c r="G18991" t="s">
        <v>11612</v>
      </c>
      <c r="H18991" t="s">
        <v>11613</v>
      </c>
      <c r="I18991" s="2">
        <v>0</v>
      </c>
      <c r="J18991" s="2">
        <v>0</v>
      </c>
      <c r="K18991" s="2">
        <v>1</v>
      </c>
      <c r="L18991" t="s">
        <v>995</v>
      </c>
      <c r="M18991" t="s">
        <v>87</v>
      </c>
      <c r="N18991" t="s">
        <v>88</v>
      </c>
      <c r="O18991" t="s">
        <v>85</v>
      </c>
      <c r="P18991" t="s">
        <v>86</v>
      </c>
      <c r="Q18991">
        <v>3</v>
      </c>
      <c r="R18991">
        <v>3</v>
      </c>
      <c r="S18991">
        <v>3</v>
      </c>
      <c r="T18991">
        <v>3</v>
      </c>
      <c r="U18991">
        <v>3</v>
      </c>
      <c r="V18991">
        <v>3</v>
      </c>
      <c r="W18991">
        <v>3</v>
      </c>
      <c r="X18991">
        <v>3</v>
      </c>
      <c r="Y18991">
        <v>3</v>
      </c>
      <c r="Z18991">
        <v>3</v>
      </c>
      <c r="AA18991">
        <v>3</v>
      </c>
      <c r="AB18991">
        <v>3</v>
      </c>
      <c r="AC18991">
        <v>3</v>
      </c>
      <c r="AD18991">
        <v>3</v>
      </c>
      <c r="AE18991">
        <v>3</v>
      </c>
      <c r="AF18991">
        <v>3</v>
      </c>
      <c r="AG18991">
        <v>3</v>
      </c>
      <c r="AH18991">
        <v>3</v>
      </c>
      <c r="AI18991">
        <v>3</v>
      </c>
      <c r="AJ18991">
        <v>3</v>
      </c>
      <c r="AK18991">
        <v>3</v>
      </c>
      <c r="AL18991">
        <v>3</v>
      </c>
      <c r="AM18991">
        <v>3</v>
      </c>
      <c r="AN18991">
        <v>3</v>
      </c>
      <c r="AO18991">
        <v>3</v>
      </c>
      <c r="AP18991">
        <v>3</v>
      </c>
      <c r="AQ18991">
        <v>3</v>
      </c>
    </row>
    <row r="18992" spans="1:43">
      <c r="A18992" t="s">
        <v>11772</v>
      </c>
      <c r="B18992" t="s">
        <v>11773</v>
      </c>
      <c r="C18992" t="s">
        <v>11722</v>
      </c>
      <c r="D18992" t="s">
        <v>11723</v>
      </c>
      <c r="E18992" t="s">
        <v>11610</v>
      </c>
      <c r="F18992" t="s">
        <v>11611</v>
      </c>
      <c r="G18992" t="s">
        <v>11612</v>
      </c>
      <c r="H18992" t="s">
        <v>11613</v>
      </c>
      <c r="I18992" s="2">
        <v>0</v>
      </c>
      <c r="J18992" s="2">
        <v>0</v>
      </c>
      <c r="K18992" s="2">
        <v>1</v>
      </c>
      <c r="L18992" t="s">
        <v>995</v>
      </c>
      <c r="M18992" t="s">
        <v>89</v>
      </c>
      <c r="N18992" t="s">
        <v>90</v>
      </c>
      <c r="O18992" t="s">
        <v>85</v>
      </c>
      <c r="P18992" t="s">
        <v>86</v>
      </c>
      <c r="Q18992">
        <v>3</v>
      </c>
      <c r="R18992">
        <v>3</v>
      </c>
      <c r="S18992">
        <v>3</v>
      </c>
      <c r="T18992">
        <v>3</v>
      </c>
      <c r="U18992">
        <v>3</v>
      </c>
      <c r="V18992">
        <v>3</v>
      </c>
      <c r="W18992">
        <v>3</v>
      </c>
      <c r="X18992">
        <v>4</v>
      </c>
      <c r="Y18992">
        <v>4</v>
      </c>
      <c r="Z18992">
        <v>4</v>
      </c>
      <c r="AA18992">
        <v>4</v>
      </c>
      <c r="AB18992">
        <v>4</v>
      </c>
      <c r="AC18992">
        <v>4</v>
      </c>
      <c r="AD18992">
        <v>4</v>
      </c>
      <c r="AE18992">
        <v>4</v>
      </c>
      <c r="AF18992">
        <v>4</v>
      </c>
      <c r="AG18992">
        <v>4</v>
      </c>
      <c r="AH18992">
        <v>4</v>
      </c>
      <c r="AI18992">
        <v>4</v>
      </c>
      <c r="AJ18992">
        <v>4</v>
      </c>
      <c r="AK18992">
        <v>4</v>
      </c>
      <c r="AL18992">
        <v>4</v>
      </c>
      <c r="AM18992">
        <v>4</v>
      </c>
      <c r="AN18992">
        <v>4</v>
      </c>
      <c r="AO18992">
        <v>4</v>
      </c>
      <c r="AP18992">
        <v>4</v>
      </c>
      <c r="AQ18992">
        <v>4</v>
      </c>
    </row>
    <row r="18993" spans="1:43">
      <c r="A18993" t="s">
        <v>11772</v>
      </c>
      <c r="B18993" t="s">
        <v>11773</v>
      </c>
      <c r="C18993" t="s">
        <v>11722</v>
      </c>
      <c r="D18993" t="s">
        <v>11723</v>
      </c>
      <c r="E18993" t="s">
        <v>11610</v>
      </c>
      <c r="F18993" t="s">
        <v>11611</v>
      </c>
      <c r="G18993" t="s">
        <v>11612</v>
      </c>
      <c r="H18993" t="s">
        <v>11613</v>
      </c>
      <c r="I18993" s="2">
        <v>0</v>
      </c>
      <c r="J18993" s="2">
        <v>0</v>
      </c>
      <c r="K18993" s="2">
        <v>1</v>
      </c>
      <c r="L18993" t="s">
        <v>995</v>
      </c>
      <c r="M18993" t="s">
        <v>83</v>
      </c>
      <c r="N18993" t="s">
        <v>91</v>
      </c>
      <c r="O18993" t="s">
        <v>85</v>
      </c>
      <c r="P18993" t="s">
        <v>86</v>
      </c>
      <c r="Q18993">
        <v>3</v>
      </c>
      <c r="R18993">
        <v>3</v>
      </c>
      <c r="S18993">
        <v>3</v>
      </c>
      <c r="T18993">
        <v>3</v>
      </c>
      <c r="U18993">
        <v>3</v>
      </c>
      <c r="V18993">
        <v>3</v>
      </c>
      <c r="W18993">
        <v>3</v>
      </c>
      <c r="X18993">
        <v>3</v>
      </c>
      <c r="Y18993">
        <v>3</v>
      </c>
      <c r="Z18993">
        <v>3</v>
      </c>
      <c r="AA18993">
        <v>3</v>
      </c>
      <c r="AB18993">
        <v>4</v>
      </c>
      <c r="AC18993">
        <v>4</v>
      </c>
      <c r="AD18993">
        <v>4</v>
      </c>
      <c r="AE18993">
        <v>4</v>
      </c>
      <c r="AF18993">
        <v>4</v>
      </c>
      <c r="AG18993">
        <v>4</v>
      </c>
      <c r="AH18993">
        <v>4</v>
      </c>
      <c r="AI18993">
        <v>4</v>
      </c>
      <c r="AJ18993">
        <v>4</v>
      </c>
      <c r="AK18993">
        <v>4</v>
      </c>
      <c r="AL18993">
        <v>4</v>
      </c>
      <c r="AM18993">
        <v>4</v>
      </c>
      <c r="AN18993">
        <v>4</v>
      </c>
      <c r="AO18993">
        <v>4</v>
      </c>
      <c r="AP18993">
        <v>4</v>
      </c>
      <c r="AQ18993">
        <v>4</v>
      </c>
    </row>
    <row r="18994" spans="1:43">
      <c r="A18994" t="s">
        <v>11774</v>
      </c>
      <c r="B18994" t="s">
        <v>11775</v>
      </c>
      <c r="C18994" t="s">
        <v>11736</v>
      </c>
      <c r="D18994" t="s">
        <v>11737</v>
      </c>
      <c r="E18994" t="s">
        <v>11610</v>
      </c>
      <c r="F18994" t="s">
        <v>11611</v>
      </c>
      <c r="G18994" t="s">
        <v>11612</v>
      </c>
      <c r="H18994" t="s">
        <v>11613</v>
      </c>
      <c r="I18994" s="2">
        <v>0</v>
      </c>
      <c r="J18994" s="2">
        <v>0</v>
      </c>
      <c r="K18994" s="2">
        <v>1</v>
      </c>
      <c r="L18994" t="s">
        <v>995</v>
      </c>
      <c r="M18994" t="s">
        <v>83</v>
      </c>
      <c r="N18994" t="s">
        <v>84</v>
      </c>
      <c r="O18994" t="s">
        <v>85</v>
      </c>
      <c r="P18994" t="s">
        <v>86</v>
      </c>
      <c r="Q18994">
        <v>10</v>
      </c>
      <c r="R18994">
        <v>10</v>
      </c>
      <c r="S18994">
        <v>10</v>
      </c>
      <c r="T18994">
        <v>11</v>
      </c>
      <c r="U18994">
        <v>11</v>
      </c>
      <c r="V18994">
        <v>11</v>
      </c>
      <c r="W18994">
        <v>11</v>
      </c>
      <c r="X18994">
        <v>11</v>
      </c>
      <c r="Y18994">
        <v>11</v>
      </c>
      <c r="Z18994">
        <v>11</v>
      </c>
      <c r="AA18994">
        <v>12</v>
      </c>
      <c r="AB18994">
        <v>12</v>
      </c>
      <c r="AC18994">
        <v>12</v>
      </c>
      <c r="AD18994">
        <v>12</v>
      </c>
      <c r="AE18994">
        <v>12</v>
      </c>
      <c r="AF18994">
        <v>12</v>
      </c>
      <c r="AG18994">
        <v>12</v>
      </c>
      <c r="AH18994">
        <v>12</v>
      </c>
      <c r="AI18994">
        <v>13</v>
      </c>
      <c r="AJ18994">
        <v>13</v>
      </c>
      <c r="AK18994">
        <v>13</v>
      </c>
      <c r="AL18994">
        <v>13</v>
      </c>
      <c r="AM18994">
        <v>13</v>
      </c>
      <c r="AN18994">
        <v>13</v>
      </c>
      <c r="AO18994">
        <v>13</v>
      </c>
      <c r="AP18994">
        <v>13</v>
      </c>
      <c r="AQ18994">
        <v>13</v>
      </c>
    </row>
    <row r="18995" spans="1:43">
      <c r="A18995" t="s">
        <v>11774</v>
      </c>
      <c r="B18995" t="s">
        <v>11775</v>
      </c>
      <c r="C18995" t="s">
        <v>11736</v>
      </c>
      <c r="D18995" t="s">
        <v>11737</v>
      </c>
      <c r="E18995" t="s">
        <v>11610</v>
      </c>
      <c r="F18995" t="s">
        <v>11611</v>
      </c>
      <c r="G18995" t="s">
        <v>11612</v>
      </c>
      <c r="H18995" t="s">
        <v>11613</v>
      </c>
      <c r="I18995" s="2">
        <v>0</v>
      </c>
      <c r="J18995" s="2">
        <v>0</v>
      </c>
      <c r="K18995" s="2">
        <v>1</v>
      </c>
      <c r="L18995" t="s">
        <v>995</v>
      </c>
      <c r="M18995" t="s">
        <v>87</v>
      </c>
      <c r="N18995" t="s">
        <v>88</v>
      </c>
      <c r="O18995" t="s">
        <v>85</v>
      </c>
      <c r="P18995" t="s">
        <v>86</v>
      </c>
      <c r="Q18995">
        <v>10</v>
      </c>
      <c r="R18995">
        <v>10</v>
      </c>
      <c r="S18995">
        <v>10</v>
      </c>
      <c r="T18995">
        <v>10</v>
      </c>
      <c r="U18995">
        <v>10</v>
      </c>
      <c r="V18995">
        <v>10</v>
      </c>
      <c r="W18995">
        <v>10</v>
      </c>
      <c r="X18995">
        <v>10</v>
      </c>
      <c r="Y18995">
        <v>10</v>
      </c>
      <c r="Z18995">
        <v>10</v>
      </c>
      <c r="AA18995">
        <v>11</v>
      </c>
      <c r="AB18995">
        <v>11</v>
      </c>
      <c r="AC18995">
        <v>11</v>
      </c>
      <c r="AD18995">
        <v>11</v>
      </c>
      <c r="AE18995">
        <v>11</v>
      </c>
      <c r="AF18995">
        <v>11</v>
      </c>
      <c r="AG18995">
        <v>11</v>
      </c>
      <c r="AH18995">
        <v>11</v>
      </c>
      <c r="AI18995">
        <v>11</v>
      </c>
      <c r="AJ18995">
        <v>11</v>
      </c>
      <c r="AK18995">
        <v>11</v>
      </c>
      <c r="AL18995">
        <v>11</v>
      </c>
      <c r="AM18995">
        <v>11</v>
      </c>
      <c r="AN18995">
        <v>11</v>
      </c>
      <c r="AO18995">
        <v>11</v>
      </c>
      <c r="AP18995">
        <v>11</v>
      </c>
      <c r="AQ18995">
        <v>11</v>
      </c>
    </row>
    <row r="18996" spans="1:43">
      <c r="A18996" t="s">
        <v>11774</v>
      </c>
      <c r="B18996" t="s">
        <v>11775</v>
      </c>
      <c r="C18996" t="s">
        <v>11736</v>
      </c>
      <c r="D18996" t="s">
        <v>11737</v>
      </c>
      <c r="E18996" t="s">
        <v>11610</v>
      </c>
      <c r="F18996" t="s">
        <v>11611</v>
      </c>
      <c r="G18996" t="s">
        <v>11612</v>
      </c>
      <c r="H18996" t="s">
        <v>11613</v>
      </c>
      <c r="I18996" s="2">
        <v>0</v>
      </c>
      <c r="J18996" s="2">
        <v>0</v>
      </c>
      <c r="K18996" s="2">
        <v>1</v>
      </c>
      <c r="L18996" t="s">
        <v>995</v>
      </c>
      <c r="M18996" t="s">
        <v>89</v>
      </c>
      <c r="N18996" t="s">
        <v>90</v>
      </c>
      <c r="O18996" t="s">
        <v>85</v>
      </c>
      <c r="P18996" t="s">
        <v>86</v>
      </c>
      <c r="Q18996">
        <v>10</v>
      </c>
      <c r="R18996">
        <v>10</v>
      </c>
      <c r="S18996">
        <v>11</v>
      </c>
      <c r="T18996">
        <v>11</v>
      </c>
      <c r="U18996">
        <v>11</v>
      </c>
      <c r="V18996">
        <v>11</v>
      </c>
      <c r="W18996">
        <v>12</v>
      </c>
      <c r="X18996">
        <v>12</v>
      </c>
      <c r="Y18996">
        <v>12</v>
      </c>
      <c r="Z18996">
        <v>12</v>
      </c>
      <c r="AA18996">
        <v>12</v>
      </c>
      <c r="AB18996">
        <v>12</v>
      </c>
      <c r="AC18996">
        <v>13</v>
      </c>
      <c r="AD18996">
        <v>13</v>
      </c>
      <c r="AE18996">
        <v>13</v>
      </c>
      <c r="AF18996">
        <v>13</v>
      </c>
      <c r="AG18996">
        <v>13</v>
      </c>
      <c r="AH18996">
        <v>13</v>
      </c>
      <c r="AI18996">
        <v>13</v>
      </c>
      <c r="AJ18996">
        <v>13</v>
      </c>
      <c r="AK18996">
        <v>13</v>
      </c>
      <c r="AL18996">
        <v>13</v>
      </c>
      <c r="AM18996">
        <v>13</v>
      </c>
      <c r="AN18996">
        <v>13</v>
      </c>
      <c r="AO18996">
        <v>13</v>
      </c>
      <c r="AP18996">
        <v>13</v>
      </c>
      <c r="AQ18996">
        <v>13</v>
      </c>
    </row>
    <row r="18997" spans="1:43">
      <c r="A18997" t="s">
        <v>11774</v>
      </c>
      <c r="B18997" t="s">
        <v>11775</v>
      </c>
      <c r="C18997" t="s">
        <v>11736</v>
      </c>
      <c r="D18997" t="s">
        <v>11737</v>
      </c>
      <c r="E18997" t="s">
        <v>11610</v>
      </c>
      <c r="F18997" t="s">
        <v>11611</v>
      </c>
      <c r="G18997" t="s">
        <v>11612</v>
      </c>
      <c r="H18997" t="s">
        <v>11613</v>
      </c>
      <c r="I18997" s="2">
        <v>0</v>
      </c>
      <c r="J18997" s="2">
        <v>0</v>
      </c>
      <c r="K18997" s="2">
        <v>1</v>
      </c>
      <c r="L18997" t="s">
        <v>995</v>
      </c>
      <c r="M18997" t="s">
        <v>83</v>
      </c>
      <c r="N18997" t="s">
        <v>91</v>
      </c>
      <c r="O18997" t="s">
        <v>85</v>
      </c>
      <c r="P18997" t="s">
        <v>86</v>
      </c>
      <c r="Q18997">
        <v>10</v>
      </c>
      <c r="R18997">
        <v>10</v>
      </c>
      <c r="S18997">
        <v>10</v>
      </c>
      <c r="T18997">
        <v>11</v>
      </c>
      <c r="U18997">
        <v>11</v>
      </c>
      <c r="V18997">
        <v>11</v>
      </c>
      <c r="W18997">
        <v>11</v>
      </c>
      <c r="X18997">
        <v>11</v>
      </c>
      <c r="Y18997">
        <v>11</v>
      </c>
      <c r="Z18997">
        <v>11</v>
      </c>
      <c r="AA18997">
        <v>12</v>
      </c>
      <c r="AB18997">
        <v>12</v>
      </c>
      <c r="AC18997">
        <v>12</v>
      </c>
      <c r="AD18997">
        <v>12</v>
      </c>
      <c r="AE18997">
        <v>12</v>
      </c>
      <c r="AF18997">
        <v>12</v>
      </c>
      <c r="AG18997">
        <v>12</v>
      </c>
      <c r="AH18997">
        <v>12</v>
      </c>
      <c r="AI18997">
        <v>13</v>
      </c>
      <c r="AJ18997">
        <v>13</v>
      </c>
      <c r="AK18997">
        <v>13</v>
      </c>
      <c r="AL18997">
        <v>13</v>
      </c>
      <c r="AM18997">
        <v>13</v>
      </c>
      <c r="AN18997">
        <v>13</v>
      </c>
      <c r="AO18997">
        <v>13</v>
      </c>
      <c r="AP18997">
        <v>13</v>
      </c>
      <c r="AQ18997">
        <v>13</v>
      </c>
    </row>
    <row r="18998" spans="1:43">
      <c r="A18998" t="s">
        <v>11776</v>
      </c>
      <c r="B18998" t="s">
        <v>11777</v>
      </c>
      <c r="C18998" t="s">
        <v>11736</v>
      </c>
      <c r="D18998" t="s">
        <v>11737</v>
      </c>
      <c r="E18998" t="s">
        <v>11610</v>
      </c>
      <c r="F18998" t="s">
        <v>11611</v>
      </c>
      <c r="G18998" t="s">
        <v>11612</v>
      </c>
      <c r="H18998" t="s">
        <v>11613</v>
      </c>
      <c r="I18998" s="2">
        <v>0</v>
      </c>
      <c r="J18998" s="2">
        <v>0</v>
      </c>
      <c r="K18998" s="2">
        <v>1</v>
      </c>
      <c r="L18998" t="s">
        <v>995</v>
      </c>
      <c r="M18998" t="s">
        <v>83</v>
      </c>
      <c r="N18998" t="s">
        <v>84</v>
      </c>
      <c r="O18998" t="s">
        <v>85</v>
      </c>
      <c r="P18998" t="s">
        <v>86</v>
      </c>
      <c r="Q18998">
        <v>20</v>
      </c>
      <c r="R18998">
        <v>20</v>
      </c>
      <c r="S18998">
        <v>21</v>
      </c>
      <c r="T18998">
        <v>21</v>
      </c>
      <c r="U18998">
        <v>21</v>
      </c>
      <c r="V18998">
        <v>21</v>
      </c>
      <c r="W18998">
        <v>22</v>
      </c>
      <c r="X18998">
        <v>22</v>
      </c>
      <c r="Y18998">
        <v>22</v>
      </c>
      <c r="Z18998">
        <v>22</v>
      </c>
      <c r="AA18998">
        <v>23</v>
      </c>
      <c r="AB18998">
        <v>23</v>
      </c>
      <c r="AC18998">
        <v>23</v>
      </c>
      <c r="AD18998">
        <v>23</v>
      </c>
      <c r="AE18998">
        <v>24</v>
      </c>
      <c r="AF18998">
        <v>24</v>
      </c>
      <c r="AG18998">
        <v>24</v>
      </c>
      <c r="AH18998">
        <v>24</v>
      </c>
      <c r="AI18998">
        <v>25</v>
      </c>
      <c r="AJ18998">
        <v>25</v>
      </c>
      <c r="AK18998">
        <v>25</v>
      </c>
      <c r="AL18998">
        <v>25</v>
      </c>
      <c r="AM18998">
        <v>25</v>
      </c>
      <c r="AN18998">
        <v>25</v>
      </c>
      <c r="AO18998">
        <v>25</v>
      </c>
      <c r="AP18998">
        <v>25</v>
      </c>
      <c r="AQ18998">
        <v>25</v>
      </c>
    </row>
    <row r="18999" spans="1:43">
      <c r="A18999" t="s">
        <v>11776</v>
      </c>
      <c r="B18999" t="s">
        <v>11777</v>
      </c>
      <c r="C18999" t="s">
        <v>11736</v>
      </c>
      <c r="D18999" t="s">
        <v>11737</v>
      </c>
      <c r="E18999" t="s">
        <v>11610</v>
      </c>
      <c r="F18999" t="s">
        <v>11611</v>
      </c>
      <c r="G18999" t="s">
        <v>11612</v>
      </c>
      <c r="H18999" t="s">
        <v>11613</v>
      </c>
      <c r="I18999" s="2">
        <v>0</v>
      </c>
      <c r="J18999" s="2">
        <v>0</v>
      </c>
      <c r="K18999" s="2">
        <v>1</v>
      </c>
      <c r="L18999" t="s">
        <v>995</v>
      </c>
      <c r="M18999" t="s">
        <v>87</v>
      </c>
      <c r="N18999" t="s">
        <v>88</v>
      </c>
      <c r="O18999" t="s">
        <v>85</v>
      </c>
      <c r="P18999" t="s">
        <v>86</v>
      </c>
      <c r="Q18999">
        <v>20</v>
      </c>
      <c r="R18999">
        <v>20</v>
      </c>
      <c r="S18999">
        <v>20</v>
      </c>
      <c r="T18999">
        <v>20</v>
      </c>
      <c r="U18999">
        <v>20</v>
      </c>
      <c r="V18999">
        <v>20</v>
      </c>
      <c r="W18999">
        <v>20</v>
      </c>
      <c r="X18999">
        <v>20</v>
      </c>
      <c r="Y18999">
        <v>21</v>
      </c>
      <c r="Z18999">
        <v>21</v>
      </c>
      <c r="AA18999">
        <v>21</v>
      </c>
      <c r="AB18999">
        <v>21</v>
      </c>
      <c r="AC18999">
        <v>21</v>
      </c>
      <c r="AD18999">
        <v>21</v>
      </c>
      <c r="AE18999">
        <v>21</v>
      </c>
      <c r="AF18999">
        <v>21</v>
      </c>
      <c r="AG18999">
        <v>21</v>
      </c>
      <c r="AH18999">
        <v>21</v>
      </c>
      <c r="AI18999">
        <v>21</v>
      </c>
      <c r="AJ18999">
        <v>21</v>
      </c>
      <c r="AK18999">
        <v>22</v>
      </c>
      <c r="AL18999">
        <v>22</v>
      </c>
      <c r="AM18999">
        <v>22</v>
      </c>
      <c r="AN18999">
        <v>22</v>
      </c>
      <c r="AO18999">
        <v>22</v>
      </c>
      <c r="AP18999">
        <v>22</v>
      </c>
      <c r="AQ18999">
        <v>22</v>
      </c>
    </row>
    <row r="19000" spans="1:43">
      <c r="A19000" t="s">
        <v>11776</v>
      </c>
      <c r="B19000" t="s">
        <v>11777</v>
      </c>
      <c r="C19000" t="s">
        <v>11736</v>
      </c>
      <c r="D19000" t="s">
        <v>11737</v>
      </c>
      <c r="E19000" t="s">
        <v>11610</v>
      </c>
      <c r="F19000" t="s">
        <v>11611</v>
      </c>
      <c r="G19000" t="s">
        <v>11612</v>
      </c>
      <c r="H19000" t="s">
        <v>11613</v>
      </c>
      <c r="I19000" s="2">
        <v>0</v>
      </c>
      <c r="J19000" s="2">
        <v>0</v>
      </c>
      <c r="K19000" s="2">
        <v>1</v>
      </c>
      <c r="L19000" t="s">
        <v>995</v>
      </c>
      <c r="M19000" t="s">
        <v>89</v>
      </c>
      <c r="N19000" t="s">
        <v>90</v>
      </c>
      <c r="O19000" t="s">
        <v>85</v>
      </c>
      <c r="P19000" t="s">
        <v>86</v>
      </c>
      <c r="Q19000">
        <v>20</v>
      </c>
      <c r="R19000">
        <v>21</v>
      </c>
      <c r="S19000">
        <v>21</v>
      </c>
      <c r="T19000">
        <v>22</v>
      </c>
      <c r="U19000">
        <v>22</v>
      </c>
      <c r="V19000">
        <v>22</v>
      </c>
      <c r="W19000">
        <v>23</v>
      </c>
      <c r="X19000">
        <v>23</v>
      </c>
      <c r="Y19000">
        <v>23</v>
      </c>
      <c r="Z19000">
        <v>24</v>
      </c>
      <c r="AA19000">
        <v>24</v>
      </c>
      <c r="AB19000">
        <v>24</v>
      </c>
      <c r="AC19000">
        <v>25</v>
      </c>
      <c r="AD19000">
        <v>25</v>
      </c>
      <c r="AE19000">
        <v>25</v>
      </c>
      <c r="AF19000">
        <v>25</v>
      </c>
      <c r="AG19000">
        <v>25</v>
      </c>
      <c r="AH19000">
        <v>25</v>
      </c>
      <c r="AI19000">
        <v>25</v>
      </c>
      <c r="AJ19000">
        <v>25</v>
      </c>
      <c r="AK19000">
        <v>25</v>
      </c>
      <c r="AL19000">
        <v>26</v>
      </c>
      <c r="AM19000">
        <v>26</v>
      </c>
      <c r="AN19000">
        <v>26</v>
      </c>
      <c r="AO19000">
        <v>26</v>
      </c>
      <c r="AP19000">
        <v>26</v>
      </c>
      <c r="AQ19000">
        <v>26</v>
      </c>
    </row>
    <row r="19001" spans="1:43">
      <c r="A19001" t="s">
        <v>11776</v>
      </c>
      <c r="B19001" t="s">
        <v>11777</v>
      </c>
      <c r="C19001" t="s">
        <v>11736</v>
      </c>
      <c r="D19001" t="s">
        <v>11737</v>
      </c>
      <c r="E19001" t="s">
        <v>11610</v>
      </c>
      <c r="F19001" t="s">
        <v>11611</v>
      </c>
      <c r="G19001" t="s">
        <v>11612</v>
      </c>
      <c r="H19001" t="s">
        <v>11613</v>
      </c>
      <c r="I19001" s="2">
        <v>0</v>
      </c>
      <c r="J19001" s="2">
        <v>0</v>
      </c>
      <c r="K19001" s="2">
        <v>1</v>
      </c>
      <c r="L19001" t="s">
        <v>995</v>
      </c>
      <c r="M19001" t="s">
        <v>83</v>
      </c>
      <c r="N19001" t="s">
        <v>91</v>
      </c>
      <c r="O19001" t="s">
        <v>85</v>
      </c>
      <c r="P19001" t="s">
        <v>86</v>
      </c>
      <c r="Q19001">
        <v>20</v>
      </c>
      <c r="R19001">
        <v>20</v>
      </c>
      <c r="S19001">
        <v>21</v>
      </c>
      <c r="T19001">
        <v>21</v>
      </c>
      <c r="U19001">
        <v>21</v>
      </c>
      <c r="V19001">
        <v>21</v>
      </c>
      <c r="W19001">
        <v>22</v>
      </c>
      <c r="X19001">
        <v>22</v>
      </c>
      <c r="Y19001">
        <v>22</v>
      </c>
      <c r="Z19001">
        <v>22</v>
      </c>
      <c r="AA19001">
        <v>23</v>
      </c>
      <c r="AB19001">
        <v>23</v>
      </c>
      <c r="AC19001">
        <v>23</v>
      </c>
      <c r="AD19001">
        <v>23</v>
      </c>
      <c r="AE19001">
        <v>24</v>
      </c>
      <c r="AF19001">
        <v>24</v>
      </c>
      <c r="AG19001">
        <v>24</v>
      </c>
      <c r="AH19001">
        <v>24</v>
      </c>
      <c r="AI19001">
        <v>25</v>
      </c>
      <c r="AJ19001">
        <v>25</v>
      </c>
      <c r="AK19001">
        <v>25</v>
      </c>
      <c r="AL19001">
        <v>25</v>
      </c>
      <c r="AM19001">
        <v>25</v>
      </c>
      <c r="AN19001">
        <v>25</v>
      </c>
      <c r="AO19001">
        <v>25</v>
      </c>
      <c r="AP19001">
        <v>25</v>
      </c>
      <c r="AQ19001">
        <v>25</v>
      </c>
    </row>
    <row r="19002" spans="1:43">
      <c r="A19002" t="s">
        <v>11778</v>
      </c>
      <c r="B19002" t="s">
        <v>11779</v>
      </c>
      <c r="C19002" t="s">
        <v>11780</v>
      </c>
      <c r="D19002" t="s">
        <v>11781</v>
      </c>
      <c r="E19002" t="s">
        <v>11610</v>
      </c>
      <c r="F19002" t="s">
        <v>11611</v>
      </c>
      <c r="G19002" t="s">
        <v>11612</v>
      </c>
      <c r="H19002" t="s">
        <v>11613</v>
      </c>
      <c r="I19002" s="2">
        <v>0</v>
      </c>
      <c r="J19002" s="2">
        <v>0</v>
      </c>
      <c r="K19002" s="2">
        <v>1</v>
      </c>
      <c r="L19002" t="s">
        <v>995</v>
      </c>
      <c r="M19002" t="s">
        <v>83</v>
      </c>
      <c r="N19002" t="s">
        <v>84</v>
      </c>
      <c r="O19002" t="s">
        <v>85</v>
      </c>
      <c r="P19002" t="s">
        <v>86</v>
      </c>
      <c r="Q19002">
        <v>10</v>
      </c>
      <c r="R19002">
        <v>10</v>
      </c>
      <c r="S19002">
        <v>10</v>
      </c>
      <c r="T19002">
        <v>11</v>
      </c>
      <c r="U19002">
        <v>11</v>
      </c>
      <c r="V19002">
        <v>11</v>
      </c>
      <c r="W19002">
        <v>11</v>
      </c>
      <c r="X19002">
        <v>11</v>
      </c>
      <c r="Y19002">
        <v>11</v>
      </c>
      <c r="Z19002">
        <v>11</v>
      </c>
      <c r="AA19002">
        <v>11</v>
      </c>
      <c r="AB19002">
        <v>12</v>
      </c>
      <c r="AC19002">
        <v>12</v>
      </c>
      <c r="AD19002">
        <v>12</v>
      </c>
      <c r="AE19002">
        <v>12</v>
      </c>
      <c r="AF19002">
        <v>12</v>
      </c>
      <c r="AG19002">
        <v>12</v>
      </c>
      <c r="AH19002">
        <v>12</v>
      </c>
      <c r="AI19002">
        <v>12</v>
      </c>
      <c r="AJ19002">
        <v>13</v>
      </c>
      <c r="AK19002">
        <v>13</v>
      </c>
      <c r="AL19002">
        <v>13</v>
      </c>
      <c r="AM19002">
        <v>13</v>
      </c>
      <c r="AN19002">
        <v>13</v>
      </c>
      <c r="AO19002">
        <v>13</v>
      </c>
      <c r="AP19002">
        <v>13</v>
      </c>
      <c r="AQ19002">
        <v>13</v>
      </c>
    </row>
    <row r="19003" spans="1:43">
      <c r="A19003" t="s">
        <v>11778</v>
      </c>
      <c r="B19003" t="s">
        <v>11779</v>
      </c>
      <c r="C19003" t="s">
        <v>11780</v>
      </c>
      <c r="D19003" t="s">
        <v>11781</v>
      </c>
      <c r="E19003" t="s">
        <v>11610</v>
      </c>
      <c r="F19003" t="s">
        <v>11611</v>
      </c>
      <c r="G19003" t="s">
        <v>11612</v>
      </c>
      <c r="H19003" t="s">
        <v>11613</v>
      </c>
      <c r="I19003" s="2">
        <v>0</v>
      </c>
      <c r="J19003" s="2">
        <v>0</v>
      </c>
      <c r="K19003" s="2">
        <v>1</v>
      </c>
      <c r="L19003" t="s">
        <v>995</v>
      </c>
      <c r="M19003" t="s">
        <v>87</v>
      </c>
      <c r="N19003" t="s">
        <v>88</v>
      </c>
      <c r="O19003" t="s">
        <v>85</v>
      </c>
      <c r="P19003" t="s">
        <v>86</v>
      </c>
      <c r="Q19003">
        <v>10</v>
      </c>
      <c r="R19003">
        <v>10</v>
      </c>
      <c r="S19003">
        <v>10</v>
      </c>
      <c r="T19003">
        <v>10</v>
      </c>
      <c r="U19003">
        <v>10</v>
      </c>
      <c r="V19003">
        <v>10</v>
      </c>
      <c r="W19003">
        <v>10</v>
      </c>
      <c r="X19003">
        <v>10</v>
      </c>
      <c r="Y19003">
        <v>10</v>
      </c>
      <c r="Z19003">
        <v>10</v>
      </c>
      <c r="AA19003">
        <v>10</v>
      </c>
      <c r="AB19003">
        <v>10</v>
      </c>
      <c r="AC19003">
        <v>10</v>
      </c>
      <c r="AD19003">
        <v>11</v>
      </c>
      <c r="AE19003">
        <v>11</v>
      </c>
      <c r="AF19003">
        <v>11</v>
      </c>
      <c r="AG19003">
        <v>11</v>
      </c>
      <c r="AH19003">
        <v>11</v>
      </c>
      <c r="AI19003">
        <v>11</v>
      </c>
      <c r="AJ19003">
        <v>11</v>
      </c>
      <c r="AK19003">
        <v>11</v>
      </c>
      <c r="AL19003">
        <v>11</v>
      </c>
      <c r="AM19003">
        <v>11</v>
      </c>
      <c r="AN19003">
        <v>11</v>
      </c>
      <c r="AO19003">
        <v>11</v>
      </c>
      <c r="AP19003">
        <v>11</v>
      </c>
      <c r="AQ19003">
        <v>11</v>
      </c>
    </row>
    <row r="19004" spans="1:43">
      <c r="A19004" t="s">
        <v>11778</v>
      </c>
      <c r="B19004" t="s">
        <v>11779</v>
      </c>
      <c r="C19004" t="s">
        <v>11780</v>
      </c>
      <c r="D19004" t="s">
        <v>11781</v>
      </c>
      <c r="E19004" t="s">
        <v>11610</v>
      </c>
      <c r="F19004" t="s">
        <v>11611</v>
      </c>
      <c r="G19004" t="s">
        <v>11612</v>
      </c>
      <c r="H19004" t="s">
        <v>11613</v>
      </c>
      <c r="I19004" s="2">
        <v>0</v>
      </c>
      <c r="J19004" s="2">
        <v>0</v>
      </c>
      <c r="K19004" s="2">
        <v>1</v>
      </c>
      <c r="L19004" t="s">
        <v>995</v>
      </c>
      <c r="M19004" t="s">
        <v>89</v>
      </c>
      <c r="N19004" t="s">
        <v>90</v>
      </c>
      <c r="O19004" t="s">
        <v>85</v>
      </c>
      <c r="P19004" t="s">
        <v>86</v>
      </c>
      <c r="Q19004">
        <v>10</v>
      </c>
      <c r="R19004">
        <v>10</v>
      </c>
      <c r="S19004">
        <v>11</v>
      </c>
      <c r="T19004">
        <v>11</v>
      </c>
      <c r="U19004">
        <v>11</v>
      </c>
      <c r="V19004">
        <v>11</v>
      </c>
      <c r="W19004">
        <v>11</v>
      </c>
      <c r="X19004">
        <v>12</v>
      </c>
      <c r="Y19004">
        <v>12</v>
      </c>
      <c r="Z19004">
        <v>12</v>
      </c>
      <c r="AA19004">
        <v>12</v>
      </c>
      <c r="AB19004">
        <v>12</v>
      </c>
      <c r="AC19004">
        <v>13</v>
      </c>
      <c r="AD19004">
        <v>13</v>
      </c>
      <c r="AE19004">
        <v>13</v>
      </c>
      <c r="AF19004">
        <v>13</v>
      </c>
      <c r="AG19004">
        <v>13</v>
      </c>
      <c r="AH19004">
        <v>13</v>
      </c>
      <c r="AI19004">
        <v>13</v>
      </c>
      <c r="AJ19004">
        <v>13</v>
      </c>
      <c r="AK19004">
        <v>13</v>
      </c>
      <c r="AL19004">
        <v>13</v>
      </c>
      <c r="AM19004">
        <v>13</v>
      </c>
      <c r="AN19004">
        <v>13</v>
      </c>
      <c r="AO19004">
        <v>13</v>
      </c>
      <c r="AP19004">
        <v>13</v>
      </c>
      <c r="AQ19004">
        <v>13</v>
      </c>
    </row>
    <row r="19005" spans="1:43">
      <c r="A19005" t="s">
        <v>11778</v>
      </c>
      <c r="B19005" t="s">
        <v>11779</v>
      </c>
      <c r="C19005" t="s">
        <v>11780</v>
      </c>
      <c r="D19005" t="s">
        <v>11781</v>
      </c>
      <c r="E19005" t="s">
        <v>11610</v>
      </c>
      <c r="F19005" t="s">
        <v>11611</v>
      </c>
      <c r="G19005" t="s">
        <v>11612</v>
      </c>
      <c r="H19005" t="s">
        <v>11613</v>
      </c>
      <c r="I19005" s="2">
        <v>0</v>
      </c>
      <c r="J19005" s="2">
        <v>0</v>
      </c>
      <c r="K19005" s="2">
        <v>1</v>
      </c>
      <c r="L19005" t="s">
        <v>995</v>
      </c>
      <c r="M19005" t="s">
        <v>83</v>
      </c>
      <c r="N19005" t="s">
        <v>91</v>
      </c>
      <c r="O19005" t="s">
        <v>85</v>
      </c>
      <c r="P19005" t="s">
        <v>86</v>
      </c>
      <c r="Q19005">
        <v>10</v>
      </c>
      <c r="R19005">
        <v>10</v>
      </c>
      <c r="S19005">
        <v>10</v>
      </c>
      <c r="T19005">
        <v>11</v>
      </c>
      <c r="U19005">
        <v>11</v>
      </c>
      <c r="V19005">
        <v>11</v>
      </c>
      <c r="W19005">
        <v>11</v>
      </c>
      <c r="X19005">
        <v>11</v>
      </c>
      <c r="Y19005">
        <v>11</v>
      </c>
      <c r="Z19005">
        <v>11</v>
      </c>
      <c r="AA19005">
        <v>11</v>
      </c>
      <c r="AB19005">
        <v>12</v>
      </c>
      <c r="AC19005">
        <v>12</v>
      </c>
      <c r="AD19005">
        <v>12</v>
      </c>
      <c r="AE19005">
        <v>12</v>
      </c>
      <c r="AF19005">
        <v>12</v>
      </c>
      <c r="AG19005">
        <v>12</v>
      </c>
      <c r="AH19005">
        <v>12</v>
      </c>
      <c r="AI19005">
        <v>12</v>
      </c>
      <c r="AJ19005">
        <v>13</v>
      </c>
      <c r="AK19005">
        <v>13</v>
      </c>
      <c r="AL19005">
        <v>13</v>
      </c>
      <c r="AM19005">
        <v>13</v>
      </c>
      <c r="AN19005">
        <v>13</v>
      </c>
      <c r="AO19005">
        <v>13</v>
      </c>
      <c r="AP19005">
        <v>13</v>
      </c>
      <c r="AQ19005">
        <v>13</v>
      </c>
    </row>
    <row r="19006" spans="1:43">
      <c r="A19006" t="s">
        <v>11782</v>
      </c>
      <c r="B19006" t="s">
        <v>11783</v>
      </c>
      <c r="C19006" t="s">
        <v>11780</v>
      </c>
      <c r="D19006" t="s">
        <v>11781</v>
      </c>
      <c r="E19006" t="s">
        <v>11610</v>
      </c>
      <c r="F19006" t="s">
        <v>11611</v>
      </c>
      <c r="G19006" t="s">
        <v>11612</v>
      </c>
      <c r="H19006" t="s">
        <v>11613</v>
      </c>
      <c r="I19006" s="2">
        <v>0</v>
      </c>
      <c r="J19006" s="2">
        <v>0</v>
      </c>
      <c r="K19006" s="2">
        <v>1</v>
      </c>
      <c r="L19006" t="s">
        <v>995</v>
      </c>
      <c r="M19006" t="s">
        <v>83</v>
      </c>
      <c r="N19006" t="s">
        <v>84</v>
      </c>
      <c r="O19006" t="s">
        <v>85</v>
      </c>
      <c r="P19006" t="s">
        <v>86</v>
      </c>
      <c r="Q19006">
        <v>3</v>
      </c>
      <c r="R19006">
        <v>3</v>
      </c>
      <c r="S19006">
        <v>3</v>
      </c>
      <c r="T19006">
        <v>4</v>
      </c>
      <c r="U19006">
        <v>4</v>
      </c>
      <c r="V19006">
        <v>4</v>
      </c>
      <c r="W19006">
        <v>4</v>
      </c>
      <c r="X19006">
        <v>4</v>
      </c>
      <c r="Y19006">
        <v>4</v>
      </c>
      <c r="Z19006">
        <v>4</v>
      </c>
      <c r="AA19006">
        <v>4</v>
      </c>
      <c r="AB19006">
        <v>4</v>
      </c>
      <c r="AC19006">
        <v>4</v>
      </c>
      <c r="AD19006">
        <v>4</v>
      </c>
      <c r="AE19006">
        <v>4</v>
      </c>
      <c r="AF19006">
        <v>4</v>
      </c>
      <c r="AG19006">
        <v>4</v>
      </c>
      <c r="AH19006">
        <v>4</v>
      </c>
      <c r="AI19006">
        <v>4</v>
      </c>
      <c r="AJ19006">
        <v>4</v>
      </c>
      <c r="AK19006">
        <v>4</v>
      </c>
      <c r="AL19006">
        <v>4</v>
      </c>
      <c r="AM19006">
        <v>4</v>
      </c>
      <c r="AN19006">
        <v>4</v>
      </c>
      <c r="AO19006">
        <v>4</v>
      </c>
      <c r="AP19006">
        <v>4</v>
      </c>
      <c r="AQ19006">
        <v>4</v>
      </c>
    </row>
    <row r="19007" spans="1:43">
      <c r="A19007" t="s">
        <v>11782</v>
      </c>
      <c r="B19007" t="s">
        <v>11783</v>
      </c>
      <c r="C19007" t="s">
        <v>11780</v>
      </c>
      <c r="D19007" t="s">
        <v>11781</v>
      </c>
      <c r="E19007" t="s">
        <v>11610</v>
      </c>
      <c r="F19007" t="s">
        <v>11611</v>
      </c>
      <c r="G19007" t="s">
        <v>11612</v>
      </c>
      <c r="H19007" t="s">
        <v>11613</v>
      </c>
      <c r="I19007" s="2">
        <v>0</v>
      </c>
      <c r="J19007" s="2">
        <v>0</v>
      </c>
      <c r="K19007" s="2">
        <v>1</v>
      </c>
      <c r="L19007" t="s">
        <v>995</v>
      </c>
      <c r="M19007" t="s">
        <v>87</v>
      </c>
      <c r="N19007" t="s">
        <v>88</v>
      </c>
      <c r="O19007" t="s">
        <v>85</v>
      </c>
      <c r="P19007" t="s">
        <v>86</v>
      </c>
      <c r="Q19007">
        <v>3</v>
      </c>
      <c r="R19007">
        <v>3</v>
      </c>
      <c r="S19007">
        <v>3</v>
      </c>
      <c r="T19007">
        <v>3</v>
      </c>
      <c r="U19007">
        <v>3</v>
      </c>
      <c r="V19007">
        <v>3</v>
      </c>
      <c r="W19007">
        <v>3</v>
      </c>
      <c r="X19007">
        <v>3</v>
      </c>
      <c r="Y19007">
        <v>3</v>
      </c>
      <c r="Z19007">
        <v>3</v>
      </c>
      <c r="AA19007">
        <v>3</v>
      </c>
      <c r="AB19007">
        <v>3</v>
      </c>
      <c r="AC19007">
        <v>4</v>
      </c>
      <c r="AD19007">
        <v>4</v>
      </c>
      <c r="AE19007">
        <v>4</v>
      </c>
      <c r="AF19007">
        <v>4</v>
      </c>
      <c r="AG19007">
        <v>4</v>
      </c>
      <c r="AH19007">
        <v>4</v>
      </c>
      <c r="AI19007">
        <v>4</v>
      </c>
      <c r="AJ19007">
        <v>4</v>
      </c>
      <c r="AK19007">
        <v>4</v>
      </c>
      <c r="AL19007">
        <v>4</v>
      </c>
      <c r="AM19007">
        <v>4</v>
      </c>
      <c r="AN19007">
        <v>4</v>
      </c>
      <c r="AO19007">
        <v>4</v>
      </c>
      <c r="AP19007">
        <v>4</v>
      </c>
      <c r="AQ19007">
        <v>4</v>
      </c>
    </row>
    <row r="19008" spans="1:43">
      <c r="A19008" t="s">
        <v>11782</v>
      </c>
      <c r="B19008" t="s">
        <v>11783</v>
      </c>
      <c r="C19008" t="s">
        <v>11780</v>
      </c>
      <c r="D19008" t="s">
        <v>11781</v>
      </c>
      <c r="E19008" t="s">
        <v>11610</v>
      </c>
      <c r="F19008" t="s">
        <v>11611</v>
      </c>
      <c r="G19008" t="s">
        <v>11612</v>
      </c>
      <c r="H19008" t="s">
        <v>11613</v>
      </c>
      <c r="I19008" s="2">
        <v>0</v>
      </c>
      <c r="J19008" s="2">
        <v>0</v>
      </c>
      <c r="K19008" s="2">
        <v>1</v>
      </c>
      <c r="L19008" t="s">
        <v>995</v>
      </c>
      <c r="M19008" t="s">
        <v>89</v>
      </c>
      <c r="N19008" t="s">
        <v>90</v>
      </c>
      <c r="O19008" t="s">
        <v>85</v>
      </c>
      <c r="P19008" t="s">
        <v>86</v>
      </c>
      <c r="Q19008">
        <v>3</v>
      </c>
      <c r="R19008">
        <v>3</v>
      </c>
      <c r="S19008">
        <v>4</v>
      </c>
      <c r="T19008">
        <v>4</v>
      </c>
      <c r="U19008">
        <v>4</v>
      </c>
      <c r="V19008">
        <v>4</v>
      </c>
      <c r="W19008">
        <v>4</v>
      </c>
      <c r="X19008">
        <v>4</v>
      </c>
      <c r="Y19008">
        <v>4</v>
      </c>
      <c r="Z19008">
        <v>4</v>
      </c>
      <c r="AA19008">
        <v>4</v>
      </c>
      <c r="AB19008">
        <v>4</v>
      </c>
      <c r="AC19008">
        <v>4</v>
      </c>
      <c r="AD19008">
        <v>4</v>
      </c>
      <c r="AE19008">
        <v>4</v>
      </c>
      <c r="AF19008">
        <v>4</v>
      </c>
      <c r="AG19008">
        <v>4</v>
      </c>
      <c r="AH19008">
        <v>4</v>
      </c>
      <c r="AI19008">
        <v>4</v>
      </c>
      <c r="AJ19008">
        <v>4</v>
      </c>
      <c r="AK19008">
        <v>4</v>
      </c>
      <c r="AL19008">
        <v>4</v>
      </c>
      <c r="AM19008">
        <v>4</v>
      </c>
      <c r="AN19008">
        <v>4</v>
      </c>
      <c r="AO19008">
        <v>4</v>
      </c>
      <c r="AP19008">
        <v>4</v>
      </c>
      <c r="AQ19008">
        <v>4</v>
      </c>
    </row>
    <row r="19009" spans="1:43">
      <c r="A19009" t="s">
        <v>11782</v>
      </c>
      <c r="B19009" t="s">
        <v>11783</v>
      </c>
      <c r="C19009" t="s">
        <v>11780</v>
      </c>
      <c r="D19009" t="s">
        <v>11781</v>
      </c>
      <c r="E19009" t="s">
        <v>11610</v>
      </c>
      <c r="F19009" t="s">
        <v>11611</v>
      </c>
      <c r="G19009" t="s">
        <v>11612</v>
      </c>
      <c r="H19009" t="s">
        <v>11613</v>
      </c>
      <c r="I19009" s="2">
        <v>0</v>
      </c>
      <c r="J19009" s="2">
        <v>0</v>
      </c>
      <c r="K19009" s="2">
        <v>1</v>
      </c>
      <c r="L19009" t="s">
        <v>995</v>
      </c>
      <c r="M19009" t="s">
        <v>83</v>
      </c>
      <c r="N19009" t="s">
        <v>91</v>
      </c>
      <c r="O19009" t="s">
        <v>85</v>
      </c>
      <c r="P19009" t="s">
        <v>86</v>
      </c>
      <c r="Q19009">
        <v>3</v>
      </c>
      <c r="R19009">
        <v>3</v>
      </c>
      <c r="S19009">
        <v>3</v>
      </c>
      <c r="T19009">
        <v>4</v>
      </c>
      <c r="U19009">
        <v>4</v>
      </c>
      <c r="V19009">
        <v>4</v>
      </c>
      <c r="W19009">
        <v>4</v>
      </c>
      <c r="X19009">
        <v>4</v>
      </c>
      <c r="Y19009">
        <v>4</v>
      </c>
      <c r="Z19009">
        <v>4</v>
      </c>
      <c r="AA19009">
        <v>4</v>
      </c>
      <c r="AB19009">
        <v>4</v>
      </c>
      <c r="AC19009">
        <v>4</v>
      </c>
      <c r="AD19009">
        <v>4</v>
      </c>
      <c r="AE19009">
        <v>4</v>
      </c>
      <c r="AF19009">
        <v>4</v>
      </c>
      <c r="AG19009">
        <v>4</v>
      </c>
      <c r="AH19009">
        <v>4</v>
      </c>
      <c r="AI19009">
        <v>4</v>
      </c>
      <c r="AJ19009">
        <v>4</v>
      </c>
      <c r="AK19009">
        <v>4</v>
      </c>
      <c r="AL19009">
        <v>4</v>
      </c>
      <c r="AM19009">
        <v>4</v>
      </c>
      <c r="AN19009">
        <v>4</v>
      </c>
      <c r="AO19009">
        <v>4</v>
      </c>
      <c r="AP19009">
        <v>4</v>
      </c>
      <c r="AQ19009">
        <v>4</v>
      </c>
    </row>
    <row r="19010" spans="1:43">
      <c r="A19010" t="s">
        <v>11784</v>
      </c>
      <c r="B19010" t="s">
        <v>11785</v>
      </c>
      <c r="C19010" t="s">
        <v>11780</v>
      </c>
      <c r="D19010" t="s">
        <v>11781</v>
      </c>
      <c r="E19010" t="s">
        <v>11610</v>
      </c>
      <c r="F19010" t="s">
        <v>11611</v>
      </c>
      <c r="G19010" t="s">
        <v>11612</v>
      </c>
      <c r="H19010" t="s">
        <v>11613</v>
      </c>
      <c r="I19010" s="2">
        <v>0</v>
      </c>
      <c r="J19010" s="2">
        <v>0</v>
      </c>
      <c r="K19010" s="2">
        <v>1</v>
      </c>
      <c r="L19010" t="s">
        <v>995</v>
      </c>
      <c r="M19010" t="s">
        <v>83</v>
      </c>
      <c r="N19010" t="s">
        <v>84</v>
      </c>
      <c r="O19010" t="s">
        <v>85</v>
      </c>
      <c r="P19010" t="s">
        <v>86</v>
      </c>
      <c r="Q19010">
        <v>18</v>
      </c>
      <c r="R19010">
        <v>18</v>
      </c>
      <c r="S19010">
        <v>18</v>
      </c>
      <c r="T19010">
        <v>18</v>
      </c>
      <c r="U19010">
        <v>19</v>
      </c>
      <c r="V19010">
        <v>19</v>
      </c>
      <c r="W19010">
        <v>19</v>
      </c>
      <c r="X19010">
        <v>19</v>
      </c>
      <c r="Y19010">
        <v>20</v>
      </c>
      <c r="Z19010">
        <v>20</v>
      </c>
      <c r="AA19010">
        <v>20</v>
      </c>
      <c r="AB19010">
        <v>20</v>
      </c>
      <c r="AC19010">
        <v>21</v>
      </c>
      <c r="AD19010">
        <v>21</v>
      </c>
      <c r="AE19010">
        <v>21</v>
      </c>
      <c r="AF19010">
        <v>21</v>
      </c>
      <c r="AG19010">
        <v>21</v>
      </c>
      <c r="AH19010">
        <v>22</v>
      </c>
      <c r="AI19010">
        <v>22</v>
      </c>
      <c r="AJ19010">
        <v>22</v>
      </c>
      <c r="AK19010">
        <v>22</v>
      </c>
      <c r="AL19010">
        <v>22</v>
      </c>
      <c r="AM19010">
        <v>22</v>
      </c>
      <c r="AN19010">
        <v>22</v>
      </c>
      <c r="AO19010">
        <v>22</v>
      </c>
      <c r="AP19010">
        <v>22</v>
      </c>
      <c r="AQ19010">
        <v>22</v>
      </c>
    </row>
    <row r="19011" spans="1:43">
      <c r="A19011" t="s">
        <v>11784</v>
      </c>
      <c r="B19011" t="s">
        <v>11785</v>
      </c>
      <c r="C19011" t="s">
        <v>11780</v>
      </c>
      <c r="D19011" t="s">
        <v>11781</v>
      </c>
      <c r="E19011" t="s">
        <v>11610</v>
      </c>
      <c r="F19011" t="s">
        <v>11611</v>
      </c>
      <c r="G19011" t="s">
        <v>11612</v>
      </c>
      <c r="H19011" t="s">
        <v>11613</v>
      </c>
      <c r="I19011" s="2">
        <v>0</v>
      </c>
      <c r="J19011" s="2">
        <v>0</v>
      </c>
      <c r="K19011" s="2">
        <v>1</v>
      </c>
      <c r="L19011" t="s">
        <v>995</v>
      </c>
      <c r="M19011" t="s">
        <v>87</v>
      </c>
      <c r="N19011" t="s">
        <v>88</v>
      </c>
      <c r="O19011" t="s">
        <v>85</v>
      </c>
      <c r="P19011" t="s">
        <v>86</v>
      </c>
      <c r="Q19011">
        <v>18</v>
      </c>
      <c r="R19011">
        <v>18</v>
      </c>
      <c r="S19011">
        <v>18</v>
      </c>
      <c r="T19011">
        <v>18</v>
      </c>
      <c r="U19011">
        <v>18</v>
      </c>
      <c r="V19011">
        <v>18</v>
      </c>
      <c r="W19011">
        <v>18</v>
      </c>
      <c r="X19011">
        <v>18</v>
      </c>
      <c r="Y19011">
        <v>18</v>
      </c>
      <c r="Z19011">
        <v>18</v>
      </c>
      <c r="AA19011">
        <v>18</v>
      </c>
      <c r="AB19011">
        <v>18</v>
      </c>
      <c r="AC19011">
        <v>18</v>
      </c>
      <c r="AD19011">
        <v>19</v>
      </c>
      <c r="AE19011">
        <v>19</v>
      </c>
      <c r="AF19011">
        <v>19</v>
      </c>
      <c r="AG19011">
        <v>19</v>
      </c>
      <c r="AH19011">
        <v>19</v>
      </c>
      <c r="AI19011">
        <v>19</v>
      </c>
      <c r="AJ19011">
        <v>19</v>
      </c>
      <c r="AK19011">
        <v>19</v>
      </c>
      <c r="AL19011">
        <v>19</v>
      </c>
      <c r="AM19011">
        <v>19</v>
      </c>
      <c r="AN19011">
        <v>19</v>
      </c>
      <c r="AO19011">
        <v>19</v>
      </c>
      <c r="AP19011">
        <v>19</v>
      </c>
      <c r="AQ19011">
        <v>19</v>
      </c>
    </row>
    <row r="19012" spans="1:43">
      <c r="A19012" t="s">
        <v>11784</v>
      </c>
      <c r="B19012" t="s">
        <v>11785</v>
      </c>
      <c r="C19012" t="s">
        <v>11780</v>
      </c>
      <c r="D19012" t="s">
        <v>11781</v>
      </c>
      <c r="E19012" t="s">
        <v>11610</v>
      </c>
      <c r="F19012" t="s">
        <v>11611</v>
      </c>
      <c r="G19012" t="s">
        <v>11612</v>
      </c>
      <c r="H19012" t="s">
        <v>11613</v>
      </c>
      <c r="I19012" s="2">
        <v>0</v>
      </c>
      <c r="J19012" s="2">
        <v>0</v>
      </c>
      <c r="K19012" s="2">
        <v>1</v>
      </c>
      <c r="L19012" t="s">
        <v>995</v>
      </c>
      <c r="M19012" t="s">
        <v>89</v>
      </c>
      <c r="N19012" t="s">
        <v>90</v>
      </c>
      <c r="O19012" t="s">
        <v>85</v>
      </c>
      <c r="P19012" t="s">
        <v>86</v>
      </c>
      <c r="Q19012">
        <v>18</v>
      </c>
      <c r="R19012">
        <v>18</v>
      </c>
      <c r="S19012">
        <v>19</v>
      </c>
      <c r="T19012">
        <v>19</v>
      </c>
      <c r="U19012">
        <v>19</v>
      </c>
      <c r="V19012">
        <v>20</v>
      </c>
      <c r="W19012">
        <v>20</v>
      </c>
      <c r="X19012">
        <v>20</v>
      </c>
      <c r="Y19012">
        <v>21</v>
      </c>
      <c r="Z19012">
        <v>21</v>
      </c>
      <c r="AA19012">
        <v>21</v>
      </c>
      <c r="AB19012">
        <v>22</v>
      </c>
      <c r="AC19012">
        <v>22</v>
      </c>
      <c r="AD19012">
        <v>22</v>
      </c>
      <c r="AE19012">
        <v>23</v>
      </c>
      <c r="AF19012">
        <v>23</v>
      </c>
      <c r="AG19012">
        <v>23</v>
      </c>
      <c r="AH19012">
        <v>23</v>
      </c>
      <c r="AI19012">
        <v>23</v>
      </c>
      <c r="AJ19012">
        <v>23</v>
      </c>
      <c r="AK19012">
        <v>23</v>
      </c>
      <c r="AL19012">
        <v>23</v>
      </c>
      <c r="AM19012">
        <v>23</v>
      </c>
      <c r="AN19012">
        <v>23</v>
      </c>
      <c r="AO19012">
        <v>23</v>
      </c>
      <c r="AP19012">
        <v>23</v>
      </c>
      <c r="AQ19012">
        <v>23</v>
      </c>
    </row>
    <row r="19013" spans="1:43">
      <c r="A19013" t="s">
        <v>11784</v>
      </c>
      <c r="B19013" t="s">
        <v>11785</v>
      </c>
      <c r="C19013" t="s">
        <v>11780</v>
      </c>
      <c r="D19013" t="s">
        <v>11781</v>
      </c>
      <c r="E19013" t="s">
        <v>11610</v>
      </c>
      <c r="F19013" t="s">
        <v>11611</v>
      </c>
      <c r="G19013" t="s">
        <v>11612</v>
      </c>
      <c r="H19013" t="s">
        <v>11613</v>
      </c>
      <c r="I19013" s="2">
        <v>0</v>
      </c>
      <c r="J19013" s="2">
        <v>0</v>
      </c>
      <c r="K19013" s="2">
        <v>1</v>
      </c>
      <c r="L19013" t="s">
        <v>995</v>
      </c>
      <c r="M19013" t="s">
        <v>83</v>
      </c>
      <c r="N19013" t="s">
        <v>91</v>
      </c>
      <c r="O19013" t="s">
        <v>85</v>
      </c>
      <c r="P19013" t="s">
        <v>86</v>
      </c>
      <c r="Q19013">
        <v>18</v>
      </c>
      <c r="R19013">
        <v>18</v>
      </c>
      <c r="S19013">
        <v>18</v>
      </c>
      <c r="T19013">
        <v>18</v>
      </c>
      <c r="U19013">
        <v>19</v>
      </c>
      <c r="V19013">
        <v>19</v>
      </c>
      <c r="W19013">
        <v>19</v>
      </c>
      <c r="X19013">
        <v>19</v>
      </c>
      <c r="Y19013">
        <v>20</v>
      </c>
      <c r="Z19013">
        <v>20</v>
      </c>
      <c r="AA19013">
        <v>20</v>
      </c>
      <c r="AB19013">
        <v>20</v>
      </c>
      <c r="AC19013">
        <v>21</v>
      </c>
      <c r="AD19013">
        <v>21</v>
      </c>
      <c r="AE19013">
        <v>21</v>
      </c>
      <c r="AF19013">
        <v>21</v>
      </c>
      <c r="AG19013">
        <v>21</v>
      </c>
      <c r="AH19013">
        <v>22</v>
      </c>
      <c r="AI19013">
        <v>22</v>
      </c>
      <c r="AJ19013">
        <v>22</v>
      </c>
      <c r="AK19013">
        <v>22</v>
      </c>
      <c r="AL19013">
        <v>22</v>
      </c>
      <c r="AM19013">
        <v>22</v>
      </c>
      <c r="AN19013">
        <v>22</v>
      </c>
      <c r="AO19013">
        <v>22</v>
      </c>
      <c r="AP19013">
        <v>22</v>
      </c>
      <c r="AQ19013">
        <v>22</v>
      </c>
    </row>
    <row r="19014" spans="1:43">
      <c r="A19014" t="s">
        <v>11786</v>
      </c>
      <c r="B19014" t="s">
        <v>11787</v>
      </c>
      <c r="C19014" t="s">
        <v>11780</v>
      </c>
      <c r="D19014" t="s">
        <v>11781</v>
      </c>
      <c r="E19014" t="s">
        <v>11610</v>
      </c>
      <c r="F19014" t="s">
        <v>11611</v>
      </c>
      <c r="G19014" t="s">
        <v>11612</v>
      </c>
      <c r="H19014" t="s">
        <v>11613</v>
      </c>
      <c r="I19014" s="2">
        <v>0</v>
      </c>
      <c r="J19014" s="2">
        <v>0</v>
      </c>
      <c r="K19014" s="2">
        <v>1</v>
      </c>
      <c r="L19014" t="s">
        <v>995</v>
      </c>
      <c r="M19014" t="s">
        <v>83</v>
      </c>
      <c r="N19014" t="s">
        <v>84</v>
      </c>
      <c r="O19014" t="s">
        <v>85</v>
      </c>
      <c r="P19014" t="s">
        <v>86</v>
      </c>
      <c r="Q19014">
        <v>6</v>
      </c>
      <c r="R19014">
        <v>6</v>
      </c>
      <c r="S19014">
        <v>6</v>
      </c>
      <c r="T19014">
        <v>6</v>
      </c>
      <c r="U19014">
        <v>6</v>
      </c>
      <c r="V19014">
        <v>6</v>
      </c>
      <c r="W19014">
        <v>6</v>
      </c>
      <c r="X19014">
        <v>6</v>
      </c>
      <c r="Y19014">
        <v>6</v>
      </c>
      <c r="Z19014">
        <v>6</v>
      </c>
      <c r="AA19014">
        <v>6</v>
      </c>
      <c r="AB19014">
        <v>6</v>
      </c>
      <c r="AC19014">
        <v>6</v>
      </c>
      <c r="AD19014">
        <v>7</v>
      </c>
      <c r="AE19014">
        <v>7</v>
      </c>
      <c r="AF19014">
        <v>7</v>
      </c>
      <c r="AG19014">
        <v>7</v>
      </c>
      <c r="AH19014">
        <v>7</v>
      </c>
      <c r="AI19014">
        <v>7</v>
      </c>
      <c r="AJ19014">
        <v>7</v>
      </c>
      <c r="AK19014">
        <v>7</v>
      </c>
      <c r="AL19014">
        <v>7</v>
      </c>
      <c r="AM19014">
        <v>7</v>
      </c>
      <c r="AN19014">
        <v>7</v>
      </c>
      <c r="AO19014">
        <v>7</v>
      </c>
      <c r="AP19014">
        <v>7</v>
      </c>
      <c r="AQ19014">
        <v>7</v>
      </c>
    </row>
    <row r="19015" spans="1:43">
      <c r="A19015" t="s">
        <v>11786</v>
      </c>
      <c r="B19015" t="s">
        <v>11787</v>
      </c>
      <c r="C19015" t="s">
        <v>11780</v>
      </c>
      <c r="D19015" t="s">
        <v>11781</v>
      </c>
      <c r="E19015" t="s">
        <v>11610</v>
      </c>
      <c r="F19015" t="s">
        <v>11611</v>
      </c>
      <c r="G19015" t="s">
        <v>11612</v>
      </c>
      <c r="H19015" t="s">
        <v>11613</v>
      </c>
      <c r="I19015" s="2">
        <v>0</v>
      </c>
      <c r="J19015" s="2">
        <v>0</v>
      </c>
      <c r="K19015" s="2">
        <v>1</v>
      </c>
      <c r="L19015" t="s">
        <v>995</v>
      </c>
      <c r="M19015" t="s">
        <v>87</v>
      </c>
      <c r="N19015" t="s">
        <v>88</v>
      </c>
      <c r="O19015" t="s">
        <v>85</v>
      </c>
      <c r="P19015" t="s">
        <v>86</v>
      </c>
      <c r="Q19015">
        <v>6</v>
      </c>
      <c r="R19015">
        <v>6</v>
      </c>
      <c r="S19015">
        <v>6</v>
      </c>
      <c r="T19015">
        <v>6</v>
      </c>
      <c r="U19015">
        <v>6</v>
      </c>
      <c r="V19015">
        <v>6</v>
      </c>
      <c r="W19015">
        <v>6</v>
      </c>
      <c r="X19015">
        <v>6</v>
      </c>
      <c r="Y19015">
        <v>6</v>
      </c>
      <c r="Z19015">
        <v>6</v>
      </c>
      <c r="AA19015">
        <v>6</v>
      </c>
      <c r="AB19015">
        <v>6</v>
      </c>
      <c r="AC19015">
        <v>6</v>
      </c>
      <c r="AD19015">
        <v>6</v>
      </c>
      <c r="AE19015">
        <v>6</v>
      </c>
      <c r="AF19015">
        <v>6</v>
      </c>
      <c r="AG19015">
        <v>6</v>
      </c>
      <c r="AH19015">
        <v>6</v>
      </c>
      <c r="AI19015">
        <v>6</v>
      </c>
      <c r="AJ19015">
        <v>6</v>
      </c>
      <c r="AK19015">
        <v>6</v>
      </c>
      <c r="AL19015">
        <v>6</v>
      </c>
      <c r="AM19015">
        <v>6</v>
      </c>
      <c r="AN19015">
        <v>6</v>
      </c>
      <c r="AO19015">
        <v>6</v>
      </c>
      <c r="AP19015">
        <v>6</v>
      </c>
      <c r="AQ19015">
        <v>6</v>
      </c>
    </row>
    <row r="19016" spans="1:43">
      <c r="A19016" t="s">
        <v>11786</v>
      </c>
      <c r="B19016" t="s">
        <v>11787</v>
      </c>
      <c r="C19016" t="s">
        <v>11780</v>
      </c>
      <c r="D19016" t="s">
        <v>11781</v>
      </c>
      <c r="E19016" t="s">
        <v>11610</v>
      </c>
      <c r="F19016" t="s">
        <v>11611</v>
      </c>
      <c r="G19016" t="s">
        <v>11612</v>
      </c>
      <c r="H19016" t="s">
        <v>11613</v>
      </c>
      <c r="I19016" s="2">
        <v>0</v>
      </c>
      <c r="J19016" s="2">
        <v>0</v>
      </c>
      <c r="K19016" s="2">
        <v>1</v>
      </c>
      <c r="L19016" t="s">
        <v>995</v>
      </c>
      <c r="M19016" t="s">
        <v>89</v>
      </c>
      <c r="N19016" t="s">
        <v>90</v>
      </c>
      <c r="O19016" t="s">
        <v>85</v>
      </c>
      <c r="P19016" t="s">
        <v>86</v>
      </c>
      <c r="Q19016">
        <v>6</v>
      </c>
      <c r="R19016">
        <v>6</v>
      </c>
      <c r="S19016">
        <v>6</v>
      </c>
      <c r="T19016">
        <v>6</v>
      </c>
      <c r="U19016">
        <v>6</v>
      </c>
      <c r="V19016">
        <v>6</v>
      </c>
      <c r="W19016">
        <v>6</v>
      </c>
      <c r="X19016">
        <v>6</v>
      </c>
      <c r="Y19016">
        <v>7</v>
      </c>
      <c r="Z19016">
        <v>7</v>
      </c>
      <c r="AA19016">
        <v>7</v>
      </c>
      <c r="AB19016">
        <v>7</v>
      </c>
      <c r="AC19016">
        <v>7</v>
      </c>
      <c r="AD19016">
        <v>7</v>
      </c>
      <c r="AE19016">
        <v>7</v>
      </c>
      <c r="AF19016">
        <v>7</v>
      </c>
      <c r="AG19016">
        <v>7</v>
      </c>
      <c r="AH19016">
        <v>7</v>
      </c>
      <c r="AI19016">
        <v>7</v>
      </c>
      <c r="AJ19016">
        <v>7</v>
      </c>
      <c r="AK19016">
        <v>7</v>
      </c>
      <c r="AL19016">
        <v>7</v>
      </c>
      <c r="AM19016">
        <v>7</v>
      </c>
      <c r="AN19016">
        <v>7</v>
      </c>
      <c r="AO19016">
        <v>7</v>
      </c>
      <c r="AP19016">
        <v>7</v>
      </c>
      <c r="AQ19016">
        <v>7</v>
      </c>
    </row>
    <row r="19017" spans="1:43">
      <c r="A19017" t="s">
        <v>11786</v>
      </c>
      <c r="B19017" t="s">
        <v>11787</v>
      </c>
      <c r="C19017" t="s">
        <v>11780</v>
      </c>
      <c r="D19017" t="s">
        <v>11781</v>
      </c>
      <c r="E19017" t="s">
        <v>11610</v>
      </c>
      <c r="F19017" t="s">
        <v>11611</v>
      </c>
      <c r="G19017" t="s">
        <v>11612</v>
      </c>
      <c r="H19017" t="s">
        <v>11613</v>
      </c>
      <c r="I19017" s="2">
        <v>0</v>
      </c>
      <c r="J19017" s="2">
        <v>0</v>
      </c>
      <c r="K19017" s="2">
        <v>1</v>
      </c>
      <c r="L19017" t="s">
        <v>995</v>
      </c>
      <c r="M19017" t="s">
        <v>83</v>
      </c>
      <c r="N19017" t="s">
        <v>91</v>
      </c>
      <c r="O19017" t="s">
        <v>85</v>
      </c>
      <c r="P19017" t="s">
        <v>86</v>
      </c>
      <c r="Q19017">
        <v>6</v>
      </c>
      <c r="R19017">
        <v>6</v>
      </c>
      <c r="S19017">
        <v>6</v>
      </c>
      <c r="T19017">
        <v>6</v>
      </c>
      <c r="U19017">
        <v>6</v>
      </c>
      <c r="V19017">
        <v>6</v>
      </c>
      <c r="W19017">
        <v>6</v>
      </c>
      <c r="X19017">
        <v>6</v>
      </c>
      <c r="Y19017">
        <v>6</v>
      </c>
      <c r="Z19017">
        <v>6</v>
      </c>
      <c r="AA19017">
        <v>6</v>
      </c>
      <c r="AB19017">
        <v>6</v>
      </c>
      <c r="AC19017">
        <v>6</v>
      </c>
      <c r="AD19017">
        <v>7</v>
      </c>
      <c r="AE19017">
        <v>7</v>
      </c>
      <c r="AF19017">
        <v>7</v>
      </c>
      <c r="AG19017">
        <v>7</v>
      </c>
      <c r="AH19017">
        <v>7</v>
      </c>
      <c r="AI19017">
        <v>7</v>
      </c>
      <c r="AJ19017">
        <v>7</v>
      </c>
      <c r="AK19017">
        <v>7</v>
      </c>
      <c r="AL19017">
        <v>7</v>
      </c>
      <c r="AM19017">
        <v>7</v>
      </c>
      <c r="AN19017">
        <v>7</v>
      </c>
      <c r="AO19017">
        <v>7</v>
      </c>
      <c r="AP19017">
        <v>7</v>
      </c>
      <c r="AQ19017">
        <v>7</v>
      </c>
    </row>
    <row r="19018" spans="1:43">
      <c r="A19018" t="s">
        <v>11788</v>
      </c>
      <c r="B19018" t="s">
        <v>11789</v>
      </c>
      <c r="C19018" t="s">
        <v>11780</v>
      </c>
      <c r="D19018" t="s">
        <v>11781</v>
      </c>
      <c r="E19018" t="s">
        <v>11610</v>
      </c>
      <c r="F19018" t="s">
        <v>11611</v>
      </c>
      <c r="G19018" t="s">
        <v>11612</v>
      </c>
      <c r="H19018" t="s">
        <v>11613</v>
      </c>
      <c r="I19018" s="2">
        <v>0</v>
      </c>
      <c r="J19018" s="2">
        <v>0</v>
      </c>
      <c r="K19018" s="2">
        <v>1</v>
      </c>
      <c r="L19018" t="s">
        <v>995</v>
      </c>
      <c r="M19018" t="s">
        <v>83</v>
      </c>
      <c r="N19018" t="s">
        <v>84</v>
      </c>
      <c r="O19018" t="s">
        <v>85</v>
      </c>
      <c r="P19018" t="s">
        <v>86</v>
      </c>
      <c r="Q19018">
        <v>13</v>
      </c>
      <c r="R19018">
        <v>13</v>
      </c>
      <c r="S19018">
        <v>13</v>
      </c>
      <c r="T19018">
        <v>13</v>
      </c>
      <c r="U19018">
        <v>13</v>
      </c>
      <c r="V19018">
        <v>14</v>
      </c>
      <c r="W19018">
        <v>14</v>
      </c>
      <c r="X19018">
        <v>14</v>
      </c>
      <c r="Y19018">
        <v>14</v>
      </c>
      <c r="Z19018">
        <v>14</v>
      </c>
      <c r="AA19018">
        <v>14</v>
      </c>
      <c r="AB19018">
        <v>15</v>
      </c>
      <c r="AC19018">
        <v>15</v>
      </c>
      <c r="AD19018">
        <v>15</v>
      </c>
      <c r="AE19018">
        <v>15</v>
      </c>
      <c r="AF19018">
        <v>15</v>
      </c>
      <c r="AG19018">
        <v>15</v>
      </c>
      <c r="AH19018">
        <v>16</v>
      </c>
      <c r="AI19018">
        <v>16</v>
      </c>
      <c r="AJ19018">
        <v>16</v>
      </c>
      <c r="AK19018">
        <v>16</v>
      </c>
      <c r="AL19018">
        <v>16</v>
      </c>
      <c r="AM19018">
        <v>16</v>
      </c>
      <c r="AN19018">
        <v>16</v>
      </c>
      <c r="AO19018">
        <v>16</v>
      </c>
      <c r="AP19018">
        <v>16</v>
      </c>
      <c r="AQ19018">
        <v>16</v>
      </c>
    </row>
    <row r="19019" spans="1:43">
      <c r="A19019" t="s">
        <v>11788</v>
      </c>
      <c r="B19019" t="s">
        <v>11789</v>
      </c>
      <c r="C19019" t="s">
        <v>11780</v>
      </c>
      <c r="D19019" t="s">
        <v>11781</v>
      </c>
      <c r="E19019" t="s">
        <v>11610</v>
      </c>
      <c r="F19019" t="s">
        <v>11611</v>
      </c>
      <c r="G19019" t="s">
        <v>11612</v>
      </c>
      <c r="H19019" t="s">
        <v>11613</v>
      </c>
      <c r="I19019" s="2">
        <v>0</v>
      </c>
      <c r="J19019" s="2">
        <v>0</v>
      </c>
      <c r="K19019" s="2">
        <v>1</v>
      </c>
      <c r="L19019" t="s">
        <v>995</v>
      </c>
      <c r="M19019" t="s">
        <v>87</v>
      </c>
      <c r="N19019" t="s">
        <v>88</v>
      </c>
      <c r="O19019" t="s">
        <v>85</v>
      </c>
      <c r="P19019" t="s">
        <v>86</v>
      </c>
      <c r="Q19019">
        <v>13</v>
      </c>
      <c r="R19019">
        <v>13</v>
      </c>
      <c r="S19019">
        <v>13</v>
      </c>
      <c r="T19019">
        <v>13</v>
      </c>
      <c r="U19019">
        <v>13</v>
      </c>
      <c r="V19019">
        <v>13</v>
      </c>
      <c r="W19019">
        <v>13</v>
      </c>
      <c r="X19019">
        <v>13</v>
      </c>
      <c r="Y19019">
        <v>13</v>
      </c>
      <c r="Z19019">
        <v>13</v>
      </c>
      <c r="AA19019">
        <v>13</v>
      </c>
      <c r="AB19019">
        <v>13</v>
      </c>
      <c r="AC19019">
        <v>13</v>
      </c>
      <c r="AD19019">
        <v>13</v>
      </c>
      <c r="AE19019">
        <v>13</v>
      </c>
      <c r="AF19019">
        <v>13</v>
      </c>
      <c r="AG19019">
        <v>13</v>
      </c>
      <c r="AH19019">
        <v>14</v>
      </c>
      <c r="AI19019">
        <v>14</v>
      </c>
      <c r="AJ19019">
        <v>14</v>
      </c>
      <c r="AK19019">
        <v>14</v>
      </c>
      <c r="AL19019">
        <v>14</v>
      </c>
      <c r="AM19019">
        <v>14</v>
      </c>
      <c r="AN19019">
        <v>14</v>
      </c>
      <c r="AO19019">
        <v>14</v>
      </c>
      <c r="AP19019">
        <v>14</v>
      </c>
      <c r="AQ19019">
        <v>14</v>
      </c>
    </row>
    <row r="19020" spans="1:43">
      <c r="A19020" t="s">
        <v>11788</v>
      </c>
      <c r="B19020" t="s">
        <v>11789</v>
      </c>
      <c r="C19020" t="s">
        <v>11780</v>
      </c>
      <c r="D19020" t="s">
        <v>11781</v>
      </c>
      <c r="E19020" t="s">
        <v>11610</v>
      </c>
      <c r="F19020" t="s">
        <v>11611</v>
      </c>
      <c r="G19020" t="s">
        <v>11612</v>
      </c>
      <c r="H19020" t="s">
        <v>11613</v>
      </c>
      <c r="I19020" s="2">
        <v>0</v>
      </c>
      <c r="J19020" s="2">
        <v>0</v>
      </c>
      <c r="K19020" s="2">
        <v>1</v>
      </c>
      <c r="L19020" t="s">
        <v>995</v>
      </c>
      <c r="M19020" t="s">
        <v>89</v>
      </c>
      <c r="N19020" t="s">
        <v>90</v>
      </c>
      <c r="O19020" t="s">
        <v>85</v>
      </c>
      <c r="P19020" t="s">
        <v>86</v>
      </c>
      <c r="Q19020">
        <v>13</v>
      </c>
      <c r="R19020">
        <v>13</v>
      </c>
      <c r="S19020">
        <v>13</v>
      </c>
      <c r="T19020">
        <v>14</v>
      </c>
      <c r="U19020">
        <v>14</v>
      </c>
      <c r="V19020">
        <v>14</v>
      </c>
      <c r="W19020">
        <v>14</v>
      </c>
      <c r="X19020">
        <v>15</v>
      </c>
      <c r="Y19020">
        <v>15</v>
      </c>
      <c r="Z19020">
        <v>15</v>
      </c>
      <c r="AA19020">
        <v>15</v>
      </c>
      <c r="AB19020">
        <v>16</v>
      </c>
      <c r="AC19020">
        <v>16</v>
      </c>
      <c r="AD19020">
        <v>16</v>
      </c>
      <c r="AE19020">
        <v>16</v>
      </c>
      <c r="AF19020">
        <v>16</v>
      </c>
      <c r="AG19020">
        <v>16</v>
      </c>
      <c r="AH19020">
        <v>16</v>
      </c>
      <c r="AI19020">
        <v>16</v>
      </c>
      <c r="AJ19020">
        <v>16</v>
      </c>
      <c r="AK19020">
        <v>16</v>
      </c>
      <c r="AL19020">
        <v>16</v>
      </c>
      <c r="AM19020">
        <v>16</v>
      </c>
      <c r="AN19020">
        <v>16</v>
      </c>
      <c r="AO19020">
        <v>16</v>
      </c>
      <c r="AP19020">
        <v>16</v>
      </c>
      <c r="AQ19020">
        <v>16</v>
      </c>
    </row>
    <row r="19021" spans="1:43">
      <c r="A19021" t="s">
        <v>11788</v>
      </c>
      <c r="B19021" t="s">
        <v>11789</v>
      </c>
      <c r="C19021" t="s">
        <v>11780</v>
      </c>
      <c r="D19021" t="s">
        <v>11781</v>
      </c>
      <c r="E19021" t="s">
        <v>11610</v>
      </c>
      <c r="F19021" t="s">
        <v>11611</v>
      </c>
      <c r="G19021" t="s">
        <v>11612</v>
      </c>
      <c r="H19021" t="s">
        <v>11613</v>
      </c>
      <c r="I19021" s="2">
        <v>0</v>
      </c>
      <c r="J19021" s="2">
        <v>0</v>
      </c>
      <c r="K19021" s="2">
        <v>1</v>
      </c>
      <c r="L19021" t="s">
        <v>995</v>
      </c>
      <c r="M19021" t="s">
        <v>83</v>
      </c>
      <c r="N19021" t="s">
        <v>91</v>
      </c>
      <c r="O19021" t="s">
        <v>85</v>
      </c>
      <c r="P19021" t="s">
        <v>86</v>
      </c>
      <c r="Q19021">
        <v>13</v>
      </c>
      <c r="R19021">
        <v>13</v>
      </c>
      <c r="S19021">
        <v>13</v>
      </c>
      <c r="T19021">
        <v>13</v>
      </c>
      <c r="U19021">
        <v>13</v>
      </c>
      <c r="V19021">
        <v>14</v>
      </c>
      <c r="W19021">
        <v>14</v>
      </c>
      <c r="X19021">
        <v>14</v>
      </c>
      <c r="Y19021">
        <v>14</v>
      </c>
      <c r="Z19021">
        <v>14</v>
      </c>
      <c r="AA19021">
        <v>14</v>
      </c>
      <c r="AB19021">
        <v>15</v>
      </c>
      <c r="AC19021">
        <v>15</v>
      </c>
      <c r="AD19021">
        <v>15</v>
      </c>
      <c r="AE19021">
        <v>15</v>
      </c>
      <c r="AF19021">
        <v>15</v>
      </c>
      <c r="AG19021">
        <v>15</v>
      </c>
      <c r="AH19021">
        <v>16</v>
      </c>
      <c r="AI19021">
        <v>16</v>
      </c>
      <c r="AJ19021">
        <v>16</v>
      </c>
      <c r="AK19021">
        <v>16</v>
      </c>
      <c r="AL19021">
        <v>16</v>
      </c>
      <c r="AM19021">
        <v>16</v>
      </c>
      <c r="AN19021">
        <v>16</v>
      </c>
      <c r="AO19021">
        <v>16</v>
      </c>
      <c r="AP19021">
        <v>16</v>
      </c>
      <c r="AQ19021">
        <v>16</v>
      </c>
    </row>
    <row r="19022" spans="1:43">
      <c r="A19022" t="s">
        <v>11790</v>
      </c>
      <c r="B19022" t="s">
        <v>11791</v>
      </c>
      <c r="C19022" t="s">
        <v>11792</v>
      </c>
      <c r="D19022" t="s">
        <v>11793</v>
      </c>
      <c r="E19022" t="s">
        <v>11610</v>
      </c>
      <c r="F19022" t="s">
        <v>11611</v>
      </c>
      <c r="G19022" t="s">
        <v>11612</v>
      </c>
      <c r="H19022" t="s">
        <v>11613</v>
      </c>
      <c r="I19022" s="2">
        <v>0</v>
      </c>
      <c r="J19022" s="2">
        <v>0</v>
      </c>
      <c r="K19022" s="2">
        <v>1</v>
      </c>
      <c r="L19022" t="s">
        <v>995</v>
      </c>
      <c r="M19022" t="s">
        <v>83</v>
      </c>
      <c r="N19022" t="s">
        <v>84</v>
      </c>
      <c r="O19022" t="s">
        <v>85</v>
      </c>
      <c r="P19022" t="s">
        <v>86</v>
      </c>
      <c r="Q19022">
        <v>18</v>
      </c>
      <c r="R19022">
        <v>18</v>
      </c>
      <c r="S19022">
        <v>18</v>
      </c>
      <c r="T19022">
        <v>18</v>
      </c>
      <c r="U19022">
        <v>18</v>
      </c>
      <c r="V19022">
        <v>19</v>
      </c>
      <c r="W19022">
        <v>19</v>
      </c>
      <c r="X19022">
        <v>19</v>
      </c>
      <c r="Y19022">
        <v>19</v>
      </c>
      <c r="Z19022">
        <v>20</v>
      </c>
      <c r="AA19022">
        <v>20</v>
      </c>
      <c r="AB19022">
        <v>20</v>
      </c>
      <c r="AC19022">
        <v>20</v>
      </c>
      <c r="AD19022">
        <v>21</v>
      </c>
      <c r="AE19022">
        <v>21</v>
      </c>
      <c r="AF19022">
        <v>21</v>
      </c>
      <c r="AG19022">
        <v>21</v>
      </c>
      <c r="AH19022">
        <v>21</v>
      </c>
      <c r="AI19022">
        <v>22</v>
      </c>
      <c r="AJ19022">
        <v>22</v>
      </c>
      <c r="AK19022">
        <v>22</v>
      </c>
      <c r="AL19022">
        <v>22</v>
      </c>
      <c r="AM19022">
        <v>22</v>
      </c>
      <c r="AN19022">
        <v>22</v>
      </c>
      <c r="AO19022">
        <v>22</v>
      </c>
      <c r="AP19022">
        <v>22</v>
      </c>
      <c r="AQ19022">
        <v>22</v>
      </c>
    </row>
    <row r="19023" spans="1:43">
      <c r="A19023" t="s">
        <v>11790</v>
      </c>
      <c r="B19023" t="s">
        <v>11791</v>
      </c>
      <c r="C19023" t="s">
        <v>11792</v>
      </c>
      <c r="D19023" t="s">
        <v>11793</v>
      </c>
      <c r="E19023" t="s">
        <v>11610</v>
      </c>
      <c r="F19023" t="s">
        <v>11611</v>
      </c>
      <c r="G19023" t="s">
        <v>11612</v>
      </c>
      <c r="H19023" t="s">
        <v>11613</v>
      </c>
      <c r="I19023" s="2">
        <v>0</v>
      </c>
      <c r="J19023" s="2">
        <v>0</v>
      </c>
      <c r="K19023" s="2">
        <v>1</v>
      </c>
      <c r="L19023" t="s">
        <v>995</v>
      </c>
      <c r="M19023" t="s">
        <v>87</v>
      </c>
      <c r="N19023" t="s">
        <v>88</v>
      </c>
      <c r="O19023" t="s">
        <v>85</v>
      </c>
      <c r="P19023" t="s">
        <v>86</v>
      </c>
      <c r="Q19023">
        <v>18</v>
      </c>
      <c r="R19023">
        <v>18</v>
      </c>
      <c r="S19023">
        <v>19</v>
      </c>
      <c r="T19023">
        <v>19</v>
      </c>
      <c r="U19023">
        <v>19</v>
      </c>
      <c r="V19023">
        <v>19</v>
      </c>
      <c r="W19023">
        <v>19</v>
      </c>
      <c r="X19023">
        <v>19</v>
      </c>
      <c r="Y19023">
        <v>19</v>
      </c>
      <c r="Z19023">
        <v>19</v>
      </c>
      <c r="AA19023">
        <v>19</v>
      </c>
      <c r="AB19023">
        <v>19</v>
      </c>
      <c r="AC19023">
        <v>19</v>
      </c>
      <c r="AD19023">
        <v>19</v>
      </c>
      <c r="AE19023">
        <v>19</v>
      </c>
      <c r="AF19023">
        <v>19</v>
      </c>
      <c r="AG19023">
        <v>20</v>
      </c>
      <c r="AH19023">
        <v>20</v>
      </c>
      <c r="AI19023">
        <v>20</v>
      </c>
      <c r="AJ19023">
        <v>20</v>
      </c>
      <c r="AK19023">
        <v>20</v>
      </c>
      <c r="AL19023">
        <v>20</v>
      </c>
      <c r="AM19023">
        <v>20</v>
      </c>
      <c r="AN19023">
        <v>20</v>
      </c>
      <c r="AO19023">
        <v>20</v>
      </c>
      <c r="AP19023">
        <v>20</v>
      </c>
      <c r="AQ19023">
        <v>20</v>
      </c>
    </row>
    <row r="19024" spans="1:43">
      <c r="A19024" t="s">
        <v>11790</v>
      </c>
      <c r="B19024" t="s">
        <v>11791</v>
      </c>
      <c r="C19024" t="s">
        <v>11792</v>
      </c>
      <c r="D19024" t="s">
        <v>11793</v>
      </c>
      <c r="E19024" t="s">
        <v>11610</v>
      </c>
      <c r="F19024" t="s">
        <v>11611</v>
      </c>
      <c r="G19024" t="s">
        <v>11612</v>
      </c>
      <c r="H19024" t="s">
        <v>11613</v>
      </c>
      <c r="I19024" s="2">
        <v>0</v>
      </c>
      <c r="J19024" s="2">
        <v>0</v>
      </c>
      <c r="K19024" s="2">
        <v>1</v>
      </c>
      <c r="L19024" t="s">
        <v>995</v>
      </c>
      <c r="M19024" t="s">
        <v>89</v>
      </c>
      <c r="N19024" t="s">
        <v>90</v>
      </c>
      <c r="O19024" t="s">
        <v>85</v>
      </c>
      <c r="P19024" t="s">
        <v>86</v>
      </c>
      <c r="Q19024">
        <v>18</v>
      </c>
      <c r="R19024">
        <v>18</v>
      </c>
      <c r="S19024">
        <v>18</v>
      </c>
      <c r="T19024">
        <v>19</v>
      </c>
      <c r="U19024">
        <v>19</v>
      </c>
      <c r="V19024">
        <v>20</v>
      </c>
      <c r="W19024">
        <v>20</v>
      </c>
      <c r="X19024">
        <v>20</v>
      </c>
      <c r="Y19024">
        <v>21</v>
      </c>
      <c r="Z19024">
        <v>21</v>
      </c>
      <c r="AA19024">
        <v>21</v>
      </c>
      <c r="AB19024">
        <v>22</v>
      </c>
      <c r="AC19024">
        <v>22</v>
      </c>
      <c r="AD19024">
        <v>22</v>
      </c>
      <c r="AE19024">
        <v>22</v>
      </c>
      <c r="AF19024">
        <v>22</v>
      </c>
      <c r="AG19024">
        <v>22</v>
      </c>
      <c r="AH19024">
        <v>22</v>
      </c>
      <c r="AI19024">
        <v>22</v>
      </c>
      <c r="AJ19024">
        <v>22</v>
      </c>
      <c r="AK19024">
        <v>22</v>
      </c>
      <c r="AL19024">
        <v>22</v>
      </c>
      <c r="AM19024">
        <v>22</v>
      </c>
      <c r="AN19024">
        <v>22</v>
      </c>
      <c r="AO19024">
        <v>22</v>
      </c>
      <c r="AP19024">
        <v>22</v>
      </c>
      <c r="AQ19024">
        <v>22</v>
      </c>
    </row>
    <row r="19025" spans="1:43">
      <c r="A19025" t="s">
        <v>11790</v>
      </c>
      <c r="B19025" t="s">
        <v>11791</v>
      </c>
      <c r="C19025" t="s">
        <v>11792</v>
      </c>
      <c r="D19025" t="s">
        <v>11793</v>
      </c>
      <c r="E19025" t="s">
        <v>11610</v>
      </c>
      <c r="F19025" t="s">
        <v>11611</v>
      </c>
      <c r="G19025" t="s">
        <v>11612</v>
      </c>
      <c r="H19025" t="s">
        <v>11613</v>
      </c>
      <c r="I19025" s="2">
        <v>0</v>
      </c>
      <c r="J19025" s="2">
        <v>0</v>
      </c>
      <c r="K19025" s="2">
        <v>1</v>
      </c>
      <c r="L19025" t="s">
        <v>995</v>
      </c>
      <c r="M19025" t="s">
        <v>83</v>
      </c>
      <c r="N19025" t="s">
        <v>91</v>
      </c>
      <c r="O19025" t="s">
        <v>85</v>
      </c>
      <c r="P19025" t="s">
        <v>86</v>
      </c>
      <c r="Q19025">
        <v>18</v>
      </c>
      <c r="R19025">
        <v>18</v>
      </c>
      <c r="S19025">
        <v>18</v>
      </c>
      <c r="T19025">
        <v>18</v>
      </c>
      <c r="U19025">
        <v>18</v>
      </c>
      <c r="V19025">
        <v>19</v>
      </c>
      <c r="W19025">
        <v>19</v>
      </c>
      <c r="X19025">
        <v>19</v>
      </c>
      <c r="Y19025">
        <v>19</v>
      </c>
      <c r="Z19025">
        <v>20</v>
      </c>
      <c r="AA19025">
        <v>20</v>
      </c>
      <c r="AB19025">
        <v>20</v>
      </c>
      <c r="AC19025">
        <v>20</v>
      </c>
      <c r="AD19025">
        <v>21</v>
      </c>
      <c r="AE19025">
        <v>21</v>
      </c>
      <c r="AF19025">
        <v>21</v>
      </c>
      <c r="AG19025">
        <v>21</v>
      </c>
      <c r="AH19025">
        <v>21</v>
      </c>
      <c r="AI19025">
        <v>22</v>
      </c>
      <c r="AJ19025">
        <v>22</v>
      </c>
      <c r="AK19025">
        <v>22</v>
      </c>
      <c r="AL19025">
        <v>22</v>
      </c>
      <c r="AM19025">
        <v>22</v>
      </c>
      <c r="AN19025">
        <v>22</v>
      </c>
      <c r="AO19025">
        <v>22</v>
      </c>
      <c r="AP19025">
        <v>22</v>
      </c>
      <c r="AQ19025">
        <v>22</v>
      </c>
    </row>
    <row r="19026" spans="1:43">
      <c r="A19026" t="s">
        <v>11794</v>
      </c>
      <c r="B19026" t="s">
        <v>11795</v>
      </c>
      <c r="C19026" t="s">
        <v>11792</v>
      </c>
      <c r="D19026" t="s">
        <v>11793</v>
      </c>
      <c r="E19026" t="s">
        <v>11610</v>
      </c>
      <c r="F19026" t="s">
        <v>11611</v>
      </c>
      <c r="G19026" t="s">
        <v>11612</v>
      </c>
      <c r="H19026" t="s">
        <v>11613</v>
      </c>
      <c r="I19026" s="2">
        <v>0</v>
      </c>
      <c r="J19026" s="2">
        <v>0</v>
      </c>
      <c r="K19026" s="2">
        <v>1</v>
      </c>
      <c r="L19026" t="s">
        <v>995</v>
      </c>
      <c r="M19026" t="s">
        <v>83</v>
      </c>
      <c r="N19026" t="s">
        <v>84</v>
      </c>
      <c r="O19026" t="s">
        <v>85</v>
      </c>
      <c r="P19026" t="s">
        <v>86</v>
      </c>
      <c r="Q19026">
        <v>0</v>
      </c>
      <c r="R19026">
        <v>0</v>
      </c>
      <c r="S19026">
        <v>0</v>
      </c>
      <c r="T19026">
        <v>0</v>
      </c>
      <c r="U19026">
        <v>0</v>
      </c>
      <c r="V19026">
        <v>0</v>
      </c>
      <c r="W19026">
        <v>0</v>
      </c>
      <c r="X19026">
        <v>0</v>
      </c>
      <c r="Y19026">
        <v>0</v>
      </c>
      <c r="Z19026">
        <v>0</v>
      </c>
      <c r="AA19026">
        <v>0</v>
      </c>
      <c r="AB19026">
        <v>0</v>
      </c>
      <c r="AC19026">
        <v>0</v>
      </c>
      <c r="AD19026">
        <v>0</v>
      </c>
      <c r="AE19026">
        <v>0</v>
      </c>
      <c r="AF19026">
        <v>0</v>
      </c>
      <c r="AG19026">
        <v>0</v>
      </c>
      <c r="AH19026">
        <v>0</v>
      </c>
      <c r="AI19026">
        <v>0</v>
      </c>
      <c r="AJ19026">
        <v>0</v>
      </c>
      <c r="AK19026">
        <v>0</v>
      </c>
      <c r="AL19026">
        <v>0</v>
      </c>
      <c r="AM19026">
        <v>0</v>
      </c>
      <c r="AN19026">
        <v>0</v>
      </c>
      <c r="AO19026">
        <v>0</v>
      </c>
      <c r="AP19026">
        <v>0</v>
      </c>
      <c r="AQ19026">
        <v>0</v>
      </c>
    </row>
    <row r="19027" spans="1:43">
      <c r="A19027" t="s">
        <v>11794</v>
      </c>
      <c r="B19027" t="s">
        <v>11795</v>
      </c>
      <c r="C19027" t="s">
        <v>11792</v>
      </c>
      <c r="D19027" t="s">
        <v>11793</v>
      </c>
      <c r="E19027" t="s">
        <v>11610</v>
      </c>
      <c r="F19027" t="s">
        <v>11611</v>
      </c>
      <c r="G19027" t="s">
        <v>11612</v>
      </c>
      <c r="H19027" t="s">
        <v>11613</v>
      </c>
      <c r="I19027" s="2">
        <v>0</v>
      </c>
      <c r="J19027" s="2">
        <v>0</v>
      </c>
      <c r="K19027" s="2">
        <v>1</v>
      </c>
      <c r="L19027" t="s">
        <v>995</v>
      </c>
      <c r="M19027" t="s">
        <v>87</v>
      </c>
      <c r="N19027" t="s">
        <v>88</v>
      </c>
      <c r="O19027" t="s">
        <v>85</v>
      </c>
      <c r="P19027" t="s">
        <v>86</v>
      </c>
      <c r="Q19027">
        <v>0</v>
      </c>
      <c r="R19027">
        <v>0</v>
      </c>
      <c r="S19027">
        <v>0</v>
      </c>
      <c r="T19027">
        <v>0</v>
      </c>
      <c r="U19027">
        <v>0</v>
      </c>
      <c r="V19027">
        <v>0</v>
      </c>
      <c r="W19027">
        <v>0</v>
      </c>
      <c r="X19027">
        <v>0</v>
      </c>
      <c r="Y19027">
        <v>0</v>
      </c>
      <c r="Z19027">
        <v>0</v>
      </c>
      <c r="AA19027">
        <v>0</v>
      </c>
      <c r="AB19027">
        <v>0</v>
      </c>
      <c r="AC19027">
        <v>0</v>
      </c>
      <c r="AD19027">
        <v>0</v>
      </c>
      <c r="AE19027">
        <v>0</v>
      </c>
      <c r="AF19027">
        <v>0</v>
      </c>
      <c r="AG19027">
        <v>0</v>
      </c>
      <c r="AH19027">
        <v>0</v>
      </c>
      <c r="AI19027">
        <v>0</v>
      </c>
      <c r="AJ19027">
        <v>0</v>
      </c>
      <c r="AK19027">
        <v>0</v>
      </c>
      <c r="AL19027">
        <v>0</v>
      </c>
      <c r="AM19027">
        <v>0</v>
      </c>
      <c r="AN19027">
        <v>0</v>
      </c>
      <c r="AO19027">
        <v>0</v>
      </c>
      <c r="AP19027">
        <v>0</v>
      </c>
      <c r="AQ19027">
        <v>0</v>
      </c>
    </row>
    <row r="19028" spans="1:43">
      <c r="A19028" t="s">
        <v>11794</v>
      </c>
      <c r="B19028" t="s">
        <v>11795</v>
      </c>
      <c r="C19028" t="s">
        <v>11792</v>
      </c>
      <c r="D19028" t="s">
        <v>11793</v>
      </c>
      <c r="E19028" t="s">
        <v>11610</v>
      </c>
      <c r="F19028" t="s">
        <v>11611</v>
      </c>
      <c r="G19028" t="s">
        <v>11612</v>
      </c>
      <c r="H19028" t="s">
        <v>11613</v>
      </c>
      <c r="I19028" s="2">
        <v>0</v>
      </c>
      <c r="J19028" s="2">
        <v>0</v>
      </c>
      <c r="K19028" s="2">
        <v>1</v>
      </c>
      <c r="L19028" t="s">
        <v>995</v>
      </c>
      <c r="M19028" t="s">
        <v>89</v>
      </c>
      <c r="N19028" t="s">
        <v>90</v>
      </c>
      <c r="O19028" t="s">
        <v>85</v>
      </c>
      <c r="P19028" t="s">
        <v>86</v>
      </c>
      <c r="Q19028">
        <v>0</v>
      </c>
      <c r="R19028">
        <v>0</v>
      </c>
      <c r="S19028">
        <v>0</v>
      </c>
      <c r="T19028">
        <v>0</v>
      </c>
      <c r="U19028">
        <v>0</v>
      </c>
      <c r="V19028">
        <v>0</v>
      </c>
      <c r="W19028">
        <v>0</v>
      </c>
      <c r="X19028">
        <v>0</v>
      </c>
      <c r="Y19028">
        <v>0</v>
      </c>
      <c r="Z19028">
        <v>0</v>
      </c>
      <c r="AA19028">
        <v>0</v>
      </c>
      <c r="AB19028">
        <v>0</v>
      </c>
      <c r="AC19028">
        <v>0</v>
      </c>
      <c r="AD19028">
        <v>0</v>
      </c>
      <c r="AE19028">
        <v>0</v>
      </c>
      <c r="AF19028">
        <v>0</v>
      </c>
      <c r="AG19028">
        <v>0</v>
      </c>
      <c r="AH19028">
        <v>0</v>
      </c>
      <c r="AI19028">
        <v>0</v>
      </c>
      <c r="AJ19028">
        <v>0</v>
      </c>
      <c r="AK19028">
        <v>0</v>
      </c>
      <c r="AL19028">
        <v>0</v>
      </c>
      <c r="AM19028">
        <v>0</v>
      </c>
      <c r="AN19028">
        <v>0</v>
      </c>
      <c r="AO19028">
        <v>0</v>
      </c>
      <c r="AP19028">
        <v>0</v>
      </c>
      <c r="AQ19028">
        <v>0</v>
      </c>
    </row>
    <row r="19029" spans="1:43">
      <c r="A19029" t="s">
        <v>11794</v>
      </c>
      <c r="B19029" t="s">
        <v>11795</v>
      </c>
      <c r="C19029" t="s">
        <v>11792</v>
      </c>
      <c r="D19029" t="s">
        <v>11793</v>
      </c>
      <c r="E19029" t="s">
        <v>11610</v>
      </c>
      <c r="F19029" t="s">
        <v>11611</v>
      </c>
      <c r="G19029" t="s">
        <v>11612</v>
      </c>
      <c r="H19029" t="s">
        <v>11613</v>
      </c>
      <c r="I19029" s="2">
        <v>0</v>
      </c>
      <c r="J19029" s="2">
        <v>0</v>
      </c>
      <c r="K19029" s="2">
        <v>1</v>
      </c>
      <c r="L19029" t="s">
        <v>995</v>
      </c>
      <c r="M19029" t="s">
        <v>83</v>
      </c>
      <c r="N19029" t="s">
        <v>91</v>
      </c>
      <c r="O19029" t="s">
        <v>85</v>
      </c>
      <c r="P19029" t="s">
        <v>86</v>
      </c>
      <c r="Q19029">
        <v>0</v>
      </c>
      <c r="R19029">
        <v>0</v>
      </c>
      <c r="S19029">
        <v>0</v>
      </c>
      <c r="T19029">
        <v>0</v>
      </c>
      <c r="U19029">
        <v>0</v>
      </c>
      <c r="V19029">
        <v>0</v>
      </c>
      <c r="W19029">
        <v>0</v>
      </c>
      <c r="X19029">
        <v>0</v>
      </c>
      <c r="Y19029">
        <v>0</v>
      </c>
      <c r="Z19029">
        <v>0</v>
      </c>
      <c r="AA19029">
        <v>0</v>
      </c>
      <c r="AB19029">
        <v>0</v>
      </c>
      <c r="AC19029">
        <v>0</v>
      </c>
      <c r="AD19029">
        <v>0</v>
      </c>
      <c r="AE19029">
        <v>0</v>
      </c>
      <c r="AF19029">
        <v>0</v>
      </c>
      <c r="AG19029">
        <v>0</v>
      </c>
      <c r="AH19029">
        <v>0</v>
      </c>
      <c r="AI19029">
        <v>0</v>
      </c>
      <c r="AJ19029">
        <v>0</v>
      </c>
      <c r="AK19029">
        <v>0</v>
      </c>
      <c r="AL19029">
        <v>0</v>
      </c>
      <c r="AM19029">
        <v>0</v>
      </c>
      <c r="AN19029">
        <v>0</v>
      </c>
      <c r="AO19029">
        <v>0</v>
      </c>
      <c r="AP19029">
        <v>0</v>
      </c>
      <c r="AQ19029">
        <v>0</v>
      </c>
    </row>
    <row r="19030" spans="1:43">
      <c r="A19030" t="s">
        <v>11796</v>
      </c>
      <c r="B19030" t="s">
        <v>11797</v>
      </c>
      <c r="C19030" t="s">
        <v>11798</v>
      </c>
      <c r="D19030" t="s">
        <v>11799</v>
      </c>
      <c r="E19030" t="s">
        <v>11610</v>
      </c>
      <c r="F19030" t="s">
        <v>11611</v>
      </c>
      <c r="G19030" t="s">
        <v>11612</v>
      </c>
      <c r="H19030" t="s">
        <v>11613</v>
      </c>
      <c r="I19030" s="2">
        <v>0</v>
      </c>
      <c r="J19030" s="2">
        <v>0</v>
      </c>
      <c r="K19030" s="2">
        <v>1</v>
      </c>
      <c r="L19030" t="s">
        <v>995</v>
      </c>
      <c r="M19030" t="s">
        <v>83</v>
      </c>
      <c r="N19030" t="s">
        <v>84</v>
      </c>
      <c r="O19030" t="s">
        <v>85</v>
      </c>
      <c r="P19030" t="s">
        <v>86</v>
      </c>
      <c r="Q19030">
        <v>12</v>
      </c>
      <c r="R19030">
        <v>12</v>
      </c>
      <c r="S19030">
        <v>12</v>
      </c>
      <c r="T19030">
        <v>12</v>
      </c>
      <c r="U19030">
        <v>12</v>
      </c>
      <c r="V19030">
        <v>12</v>
      </c>
      <c r="W19030">
        <v>13</v>
      </c>
      <c r="X19030">
        <v>13</v>
      </c>
      <c r="Y19030">
        <v>13</v>
      </c>
      <c r="Z19030">
        <v>13</v>
      </c>
      <c r="AA19030">
        <v>13</v>
      </c>
      <c r="AB19030">
        <v>13</v>
      </c>
      <c r="AC19030">
        <v>13</v>
      </c>
      <c r="AD19030">
        <v>14</v>
      </c>
      <c r="AE19030">
        <v>14</v>
      </c>
      <c r="AF19030">
        <v>14</v>
      </c>
      <c r="AG19030">
        <v>14</v>
      </c>
      <c r="AH19030">
        <v>14</v>
      </c>
      <c r="AI19030">
        <v>14</v>
      </c>
      <c r="AJ19030">
        <v>14</v>
      </c>
      <c r="AK19030">
        <v>15</v>
      </c>
      <c r="AL19030">
        <v>15</v>
      </c>
      <c r="AM19030">
        <v>15</v>
      </c>
      <c r="AN19030">
        <v>15</v>
      </c>
      <c r="AO19030">
        <v>15</v>
      </c>
      <c r="AP19030">
        <v>15</v>
      </c>
      <c r="AQ19030">
        <v>15</v>
      </c>
    </row>
    <row r="19031" spans="1:43">
      <c r="A19031" t="s">
        <v>11796</v>
      </c>
      <c r="B19031" t="s">
        <v>11797</v>
      </c>
      <c r="C19031" t="s">
        <v>11798</v>
      </c>
      <c r="D19031" t="s">
        <v>11799</v>
      </c>
      <c r="E19031" t="s">
        <v>11610</v>
      </c>
      <c r="F19031" t="s">
        <v>11611</v>
      </c>
      <c r="G19031" t="s">
        <v>11612</v>
      </c>
      <c r="H19031" t="s">
        <v>11613</v>
      </c>
      <c r="I19031" s="2">
        <v>0</v>
      </c>
      <c r="J19031" s="2">
        <v>0</v>
      </c>
      <c r="K19031" s="2">
        <v>1</v>
      </c>
      <c r="L19031" t="s">
        <v>995</v>
      </c>
      <c r="M19031" t="s">
        <v>87</v>
      </c>
      <c r="N19031" t="s">
        <v>88</v>
      </c>
      <c r="O19031" t="s">
        <v>85</v>
      </c>
      <c r="P19031" t="s">
        <v>86</v>
      </c>
      <c r="Q19031">
        <v>12</v>
      </c>
      <c r="R19031">
        <v>13</v>
      </c>
      <c r="S19031">
        <v>13</v>
      </c>
      <c r="T19031">
        <v>13</v>
      </c>
      <c r="U19031">
        <v>13</v>
      </c>
      <c r="V19031">
        <v>13</v>
      </c>
      <c r="W19031">
        <v>13</v>
      </c>
      <c r="X19031">
        <v>13</v>
      </c>
      <c r="Y19031">
        <v>13</v>
      </c>
      <c r="Z19031">
        <v>13</v>
      </c>
      <c r="AA19031">
        <v>13</v>
      </c>
      <c r="AB19031">
        <v>13</v>
      </c>
      <c r="AC19031">
        <v>13</v>
      </c>
      <c r="AD19031">
        <v>13</v>
      </c>
      <c r="AE19031">
        <v>13</v>
      </c>
      <c r="AF19031">
        <v>13</v>
      </c>
      <c r="AG19031">
        <v>13</v>
      </c>
      <c r="AH19031">
        <v>13</v>
      </c>
      <c r="AI19031">
        <v>13</v>
      </c>
      <c r="AJ19031">
        <v>13</v>
      </c>
      <c r="AK19031">
        <v>13</v>
      </c>
      <c r="AL19031">
        <v>13</v>
      </c>
      <c r="AM19031">
        <v>14</v>
      </c>
      <c r="AN19031">
        <v>14</v>
      </c>
      <c r="AO19031">
        <v>14</v>
      </c>
      <c r="AP19031">
        <v>14</v>
      </c>
      <c r="AQ19031">
        <v>14</v>
      </c>
    </row>
    <row r="19032" spans="1:43">
      <c r="A19032" t="s">
        <v>11796</v>
      </c>
      <c r="B19032" t="s">
        <v>11797</v>
      </c>
      <c r="C19032" t="s">
        <v>11798</v>
      </c>
      <c r="D19032" t="s">
        <v>11799</v>
      </c>
      <c r="E19032" t="s">
        <v>11610</v>
      </c>
      <c r="F19032" t="s">
        <v>11611</v>
      </c>
      <c r="G19032" t="s">
        <v>11612</v>
      </c>
      <c r="H19032" t="s">
        <v>11613</v>
      </c>
      <c r="I19032" s="2">
        <v>0</v>
      </c>
      <c r="J19032" s="2">
        <v>0</v>
      </c>
      <c r="K19032" s="2">
        <v>1</v>
      </c>
      <c r="L19032" t="s">
        <v>995</v>
      </c>
      <c r="M19032" t="s">
        <v>89</v>
      </c>
      <c r="N19032" t="s">
        <v>90</v>
      </c>
      <c r="O19032" t="s">
        <v>85</v>
      </c>
      <c r="P19032" t="s">
        <v>86</v>
      </c>
      <c r="Q19032">
        <v>12</v>
      </c>
      <c r="R19032">
        <v>12</v>
      </c>
      <c r="S19032">
        <v>12</v>
      </c>
      <c r="T19032">
        <v>12</v>
      </c>
      <c r="U19032">
        <v>13</v>
      </c>
      <c r="V19032">
        <v>13</v>
      </c>
      <c r="W19032">
        <v>13</v>
      </c>
      <c r="X19032">
        <v>13</v>
      </c>
      <c r="Y19032">
        <v>14</v>
      </c>
      <c r="Z19032">
        <v>14</v>
      </c>
      <c r="AA19032">
        <v>14</v>
      </c>
      <c r="AB19032">
        <v>14</v>
      </c>
      <c r="AC19032">
        <v>14</v>
      </c>
      <c r="AD19032">
        <v>15</v>
      </c>
      <c r="AE19032">
        <v>15</v>
      </c>
      <c r="AF19032">
        <v>15</v>
      </c>
      <c r="AG19032">
        <v>15</v>
      </c>
      <c r="AH19032">
        <v>15</v>
      </c>
      <c r="AI19032">
        <v>15</v>
      </c>
      <c r="AJ19032">
        <v>15</v>
      </c>
      <c r="AK19032">
        <v>15</v>
      </c>
      <c r="AL19032">
        <v>15</v>
      </c>
      <c r="AM19032">
        <v>15</v>
      </c>
      <c r="AN19032">
        <v>15</v>
      </c>
      <c r="AO19032">
        <v>15</v>
      </c>
      <c r="AP19032">
        <v>15</v>
      </c>
      <c r="AQ19032">
        <v>15</v>
      </c>
    </row>
    <row r="19033" spans="1:43">
      <c r="A19033" t="s">
        <v>11796</v>
      </c>
      <c r="B19033" t="s">
        <v>11797</v>
      </c>
      <c r="C19033" t="s">
        <v>11798</v>
      </c>
      <c r="D19033" t="s">
        <v>11799</v>
      </c>
      <c r="E19033" t="s">
        <v>11610</v>
      </c>
      <c r="F19033" t="s">
        <v>11611</v>
      </c>
      <c r="G19033" t="s">
        <v>11612</v>
      </c>
      <c r="H19033" t="s">
        <v>11613</v>
      </c>
      <c r="I19033" s="2">
        <v>0</v>
      </c>
      <c r="J19033" s="2">
        <v>0</v>
      </c>
      <c r="K19033" s="2">
        <v>1</v>
      </c>
      <c r="L19033" t="s">
        <v>995</v>
      </c>
      <c r="M19033" t="s">
        <v>83</v>
      </c>
      <c r="N19033" t="s">
        <v>91</v>
      </c>
      <c r="O19033" t="s">
        <v>85</v>
      </c>
      <c r="P19033" t="s">
        <v>86</v>
      </c>
      <c r="Q19033">
        <v>12</v>
      </c>
      <c r="R19033">
        <v>12</v>
      </c>
      <c r="S19033">
        <v>12</v>
      </c>
      <c r="T19033">
        <v>12</v>
      </c>
      <c r="U19033">
        <v>12</v>
      </c>
      <c r="V19033">
        <v>12</v>
      </c>
      <c r="W19033">
        <v>13</v>
      </c>
      <c r="X19033">
        <v>13</v>
      </c>
      <c r="Y19033">
        <v>13</v>
      </c>
      <c r="Z19033">
        <v>13</v>
      </c>
      <c r="AA19033">
        <v>13</v>
      </c>
      <c r="AB19033">
        <v>13</v>
      </c>
      <c r="AC19033">
        <v>13</v>
      </c>
      <c r="AD19033">
        <v>14</v>
      </c>
      <c r="AE19033">
        <v>14</v>
      </c>
      <c r="AF19033">
        <v>14</v>
      </c>
      <c r="AG19033">
        <v>14</v>
      </c>
      <c r="AH19033">
        <v>14</v>
      </c>
      <c r="AI19033">
        <v>14</v>
      </c>
      <c r="AJ19033">
        <v>14</v>
      </c>
      <c r="AK19033">
        <v>15</v>
      </c>
      <c r="AL19033">
        <v>15</v>
      </c>
      <c r="AM19033">
        <v>15</v>
      </c>
      <c r="AN19033">
        <v>15</v>
      </c>
      <c r="AO19033">
        <v>15</v>
      </c>
      <c r="AP19033">
        <v>15</v>
      </c>
      <c r="AQ19033">
        <v>15</v>
      </c>
    </row>
    <row r="19034" spans="1:43">
      <c r="A19034" t="s">
        <v>11800</v>
      </c>
      <c r="B19034" t="s">
        <v>11801</v>
      </c>
      <c r="C19034" t="s">
        <v>11802</v>
      </c>
      <c r="D19034" t="s">
        <v>11803</v>
      </c>
      <c r="E19034" t="s">
        <v>11610</v>
      </c>
      <c r="F19034" t="s">
        <v>11611</v>
      </c>
      <c r="G19034" t="s">
        <v>11612</v>
      </c>
      <c r="H19034" t="s">
        <v>11613</v>
      </c>
      <c r="I19034" s="2">
        <v>0</v>
      </c>
      <c r="J19034" s="2">
        <v>0</v>
      </c>
      <c r="K19034" s="2">
        <v>1</v>
      </c>
      <c r="L19034" t="s">
        <v>995</v>
      </c>
      <c r="M19034" t="s">
        <v>83</v>
      </c>
      <c r="N19034" t="s">
        <v>84</v>
      </c>
      <c r="O19034" t="s">
        <v>85</v>
      </c>
      <c r="P19034" t="s">
        <v>86</v>
      </c>
      <c r="Q19034">
        <v>12</v>
      </c>
      <c r="R19034">
        <v>12</v>
      </c>
      <c r="S19034">
        <v>13</v>
      </c>
      <c r="T19034">
        <v>13</v>
      </c>
      <c r="U19034">
        <v>13</v>
      </c>
      <c r="V19034">
        <v>13</v>
      </c>
      <c r="W19034">
        <v>13</v>
      </c>
      <c r="X19034">
        <v>13</v>
      </c>
      <c r="Y19034">
        <v>14</v>
      </c>
      <c r="Z19034">
        <v>14</v>
      </c>
      <c r="AA19034">
        <v>14</v>
      </c>
      <c r="AB19034">
        <v>14</v>
      </c>
      <c r="AC19034">
        <v>14</v>
      </c>
      <c r="AD19034">
        <v>14</v>
      </c>
      <c r="AE19034">
        <v>15</v>
      </c>
      <c r="AF19034">
        <v>15</v>
      </c>
      <c r="AG19034">
        <v>15</v>
      </c>
      <c r="AH19034">
        <v>15</v>
      </c>
      <c r="AI19034">
        <v>15</v>
      </c>
      <c r="AJ19034">
        <v>15</v>
      </c>
      <c r="AK19034">
        <v>15</v>
      </c>
      <c r="AL19034">
        <v>16</v>
      </c>
      <c r="AM19034">
        <v>16</v>
      </c>
      <c r="AN19034">
        <v>16</v>
      </c>
      <c r="AO19034">
        <v>16</v>
      </c>
      <c r="AP19034">
        <v>16</v>
      </c>
      <c r="AQ19034">
        <v>16</v>
      </c>
    </row>
    <row r="19035" spans="1:43">
      <c r="A19035" t="s">
        <v>11800</v>
      </c>
      <c r="B19035" t="s">
        <v>11801</v>
      </c>
      <c r="C19035" t="s">
        <v>11802</v>
      </c>
      <c r="D19035" t="s">
        <v>11803</v>
      </c>
      <c r="E19035" t="s">
        <v>11610</v>
      </c>
      <c r="F19035" t="s">
        <v>11611</v>
      </c>
      <c r="G19035" t="s">
        <v>11612</v>
      </c>
      <c r="H19035" t="s">
        <v>11613</v>
      </c>
      <c r="I19035" s="2">
        <v>0</v>
      </c>
      <c r="J19035" s="2">
        <v>0</v>
      </c>
      <c r="K19035" s="2">
        <v>1</v>
      </c>
      <c r="L19035" t="s">
        <v>995</v>
      </c>
      <c r="M19035" t="s">
        <v>87</v>
      </c>
      <c r="N19035" t="s">
        <v>88</v>
      </c>
      <c r="O19035" t="s">
        <v>85</v>
      </c>
      <c r="P19035" t="s">
        <v>86</v>
      </c>
      <c r="Q19035">
        <v>12</v>
      </c>
      <c r="R19035">
        <v>12</v>
      </c>
      <c r="S19035">
        <v>12</v>
      </c>
      <c r="T19035">
        <v>12</v>
      </c>
      <c r="U19035">
        <v>12</v>
      </c>
      <c r="V19035">
        <v>12</v>
      </c>
      <c r="W19035">
        <v>12</v>
      </c>
      <c r="X19035">
        <v>13</v>
      </c>
      <c r="Y19035">
        <v>13</v>
      </c>
      <c r="Z19035">
        <v>13</v>
      </c>
      <c r="AA19035">
        <v>13</v>
      </c>
      <c r="AB19035">
        <v>13</v>
      </c>
      <c r="AC19035">
        <v>13</v>
      </c>
      <c r="AD19035">
        <v>13</v>
      </c>
      <c r="AE19035">
        <v>13</v>
      </c>
      <c r="AF19035">
        <v>13</v>
      </c>
      <c r="AG19035">
        <v>13</v>
      </c>
      <c r="AH19035">
        <v>13</v>
      </c>
      <c r="AI19035">
        <v>13</v>
      </c>
      <c r="AJ19035">
        <v>13</v>
      </c>
      <c r="AK19035">
        <v>13</v>
      </c>
      <c r="AL19035">
        <v>13</v>
      </c>
      <c r="AM19035">
        <v>13</v>
      </c>
      <c r="AN19035">
        <v>13</v>
      </c>
      <c r="AO19035">
        <v>13</v>
      </c>
      <c r="AP19035">
        <v>13</v>
      </c>
      <c r="AQ19035">
        <v>14</v>
      </c>
    </row>
    <row r="19036" spans="1:43">
      <c r="A19036" t="s">
        <v>11800</v>
      </c>
      <c r="B19036" t="s">
        <v>11801</v>
      </c>
      <c r="C19036" t="s">
        <v>11802</v>
      </c>
      <c r="D19036" t="s">
        <v>11803</v>
      </c>
      <c r="E19036" t="s">
        <v>11610</v>
      </c>
      <c r="F19036" t="s">
        <v>11611</v>
      </c>
      <c r="G19036" t="s">
        <v>11612</v>
      </c>
      <c r="H19036" t="s">
        <v>11613</v>
      </c>
      <c r="I19036" s="2">
        <v>0</v>
      </c>
      <c r="J19036" s="2">
        <v>0</v>
      </c>
      <c r="K19036" s="2">
        <v>1</v>
      </c>
      <c r="L19036" t="s">
        <v>995</v>
      </c>
      <c r="M19036" t="s">
        <v>89</v>
      </c>
      <c r="N19036" t="s">
        <v>90</v>
      </c>
      <c r="O19036" t="s">
        <v>85</v>
      </c>
      <c r="P19036" t="s">
        <v>86</v>
      </c>
      <c r="Q19036">
        <v>12</v>
      </c>
      <c r="R19036">
        <v>13</v>
      </c>
      <c r="S19036">
        <v>13</v>
      </c>
      <c r="T19036">
        <v>13</v>
      </c>
      <c r="U19036">
        <v>13</v>
      </c>
      <c r="V19036">
        <v>14</v>
      </c>
      <c r="W19036">
        <v>14</v>
      </c>
      <c r="X19036">
        <v>14</v>
      </c>
      <c r="Y19036">
        <v>14</v>
      </c>
      <c r="Z19036">
        <v>15</v>
      </c>
      <c r="AA19036">
        <v>15</v>
      </c>
      <c r="AB19036">
        <v>15</v>
      </c>
      <c r="AC19036">
        <v>15</v>
      </c>
      <c r="AD19036">
        <v>15</v>
      </c>
      <c r="AE19036">
        <v>16</v>
      </c>
      <c r="AF19036">
        <v>16</v>
      </c>
      <c r="AG19036">
        <v>16</v>
      </c>
      <c r="AH19036">
        <v>16</v>
      </c>
      <c r="AI19036">
        <v>16</v>
      </c>
      <c r="AJ19036">
        <v>16</v>
      </c>
      <c r="AK19036">
        <v>16</v>
      </c>
      <c r="AL19036">
        <v>16</v>
      </c>
      <c r="AM19036">
        <v>16</v>
      </c>
      <c r="AN19036">
        <v>16</v>
      </c>
      <c r="AO19036">
        <v>16</v>
      </c>
      <c r="AP19036">
        <v>16</v>
      </c>
      <c r="AQ19036">
        <v>16</v>
      </c>
    </row>
    <row r="19037" spans="1:43">
      <c r="A19037" t="s">
        <v>11800</v>
      </c>
      <c r="B19037" t="s">
        <v>11801</v>
      </c>
      <c r="C19037" t="s">
        <v>11802</v>
      </c>
      <c r="D19037" t="s">
        <v>11803</v>
      </c>
      <c r="E19037" t="s">
        <v>11610</v>
      </c>
      <c r="F19037" t="s">
        <v>11611</v>
      </c>
      <c r="G19037" t="s">
        <v>11612</v>
      </c>
      <c r="H19037" t="s">
        <v>11613</v>
      </c>
      <c r="I19037" s="2">
        <v>0</v>
      </c>
      <c r="J19037" s="2">
        <v>0</v>
      </c>
      <c r="K19037" s="2">
        <v>1</v>
      </c>
      <c r="L19037" t="s">
        <v>995</v>
      </c>
      <c r="M19037" t="s">
        <v>83</v>
      </c>
      <c r="N19037" t="s">
        <v>91</v>
      </c>
      <c r="O19037" t="s">
        <v>85</v>
      </c>
      <c r="P19037" t="s">
        <v>86</v>
      </c>
      <c r="Q19037">
        <v>12</v>
      </c>
      <c r="R19037">
        <v>12</v>
      </c>
      <c r="S19037">
        <v>13</v>
      </c>
      <c r="T19037">
        <v>13</v>
      </c>
      <c r="U19037">
        <v>13</v>
      </c>
      <c r="V19037">
        <v>13</v>
      </c>
      <c r="W19037">
        <v>13</v>
      </c>
      <c r="X19037">
        <v>13</v>
      </c>
      <c r="Y19037">
        <v>14</v>
      </c>
      <c r="Z19037">
        <v>14</v>
      </c>
      <c r="AA19037">
        <v>14</v>
      </c>
      <c r="AB19037">
        <v>14</v>
      </c>
      <c r="AC19037">
        <v>14</v>
      </c>
      <c r="AD19037">
        <v>14</v>
      </c>
      <c r="AE19037">
        <v>15</v>
      </c>
      <c r="AF19037">
        <v>15</v>
      </c>
      <c r="AG19037">
        <v>15</v>
      </c>
      <c r="AH19037">
        <v>15</v>
      </c>
      <c r="AI19037">
        <v>15</v>
      </c>
      <c r="AJ19037">
        <v>15</v>
      </c>
      <c r="AK19037">
        <v>15</v>
      </c>
      <c r="AL19037">
        <v>16</v>
      </c>
      <c r="AM19037">
        <v>16</v>
      </c>
      <c r="AN19037">
        <v>16</v>
      </c>
      <c r="AO19037">
        <v>16</v>
      </c>
      <c r="AP19037">
        <v>16</v>
      </c>
      <c r="AQ19037">
        <v>16</v>
      </c>
    </row>
    <row r="19038" spans="1:43">
      <c r="A19038" t="s">
        <v>11804</v>
      </c>
      <c r="B19038" t="s">
        <v>11805</v>
      </c>
      <c r="C19038" t="s">
        <v>11806</v>
      </c>
      <c r="D19038" t="s">
        <v>11807</v>
      </c>
      <c r="E19038" t="s">
        <v>11610</v>
      </c>
      <c r="F19038" t="s">
        <v>11611</v>
      </c>
      <c r="G19038" t="s">
        <v>11612</v>
      </c>
      <c r="H19038" t="s">
        <v>11613</v>
      </c>
      <c r="I19038" s="2">
        <v>0</v>
      </c>
      <c r="J19038" s="2">
        <v>0</v>
      </c>
      <c r="K19038" s="2">
        <v>1</v>
      </c>
      <c r="L19038" t="s">
        <v>995</v>
      </c>
      <c r="M19038" t="s">
        <v>83</v>
      </c>
      <c r="N19038" t="s">
        <v>84</v>
      </c>
      <c r="O19038" t="s">
        <v>85</v>
      </c>
      <c r="P19038" t="s">
        <v>86</v>
      </c>
      <c r="Q19038">
        <v>22</v>
      </c>
      <c r="R19038">
        <v>22</v>
      </c>
      <c r="S19038">
        <v>22</v>
      </c>
      <c r="T19038">
        <v>23</v>
      </c>
      <c r="U19038">
        <v>23</v>
      </c>
      <c r="V19038">
        <v>23</v>
      </c>
      <c r="W19038">
        <v>24</v>
      </c>
      <c r="X19038">
        <v>24</v>
      </c>
      <c r="Y19038">
        <v>24</v>
      </c>
      <c r="Z19038">
        <v>25</v>
      </c>
      <c r="AA19038">
        <v>25</v>
      </c>
      <c r="AB19038">
        <v>25</v>
      </c>
      <c r="AC19038">
        <v>25</v>
      </c>
      <c r="AD19038">
        <v>26</v>
      </c>
      <c r="AE19038">
        <v>26</v>
      </c>
      <c r="AF19038">
        <v>26</v>
      </c>
      <c r="AG19038">
        <v>26</v>
      </c>
      <c r="AH19038">
        <v>27</v>
      </c>
      <c r="AI19038">
        <v>27</v>
      </c>
      <c r="AJ19038">
        <v>27</v>
      </c>
      <c r="AK19038">
        <v>28</v>
      </c>
      <c r="AL19038">
        <v>28</v>
      </c>
      <c r="AM19038">
        <v>28</v>
      </c>
      <c r="AN19038">
        <v>28</v>
      </c>
      <c r="AO19038">
        <v>28</v>
      </c>
      <c r="AP19038">
        <v>28</v>
      </c>
      <c r="AQ19038">
        <v>28</v>
      </c>
    </row>
    <row r="19039" spans="1:43">
      <c r="A19039" t="s">
        <v>11804</v>
      </c>
      <c r="B19039" t="s">
        <v>11805</v>
      </c>
      <c r="C19039" t="s">
        <v>11806</v>
      </c>
      <c r="D19039" t="s">
        <v>11807</v>
      </c>
      <c r="E19039" t="s">
        <v>11610</v>
      </c>
      <c r="F19039" t="s">
        <v>11611</v>
      </c>
      <c r="G19039" t="s">
        <v>11612</v>
      </c>
      <c r="H19039" t="s">
        <v>11613</v>
      </c>
      <c r="I19039" s="2">
        <v>0</v>
      </c>
      <c r="J19039" s="2">
        <v>0</v>
      </c>
      <c r="K19039" s="2">
        <v>1</v>
      </c>
      <c r="L19039" t="s">
        <v>995</v>
      </c>
      <c r="M19039" t="s">
        <v>87</v>
      </c>
      <c r="N19039" t="s">
        <v>88</v>
      </c>
      <c r="O19039" t="s">
        <v>85</v>
      </c>
      <c r="P19039" t="s">
        <v>86</v>
      </c>
      <c r="Q19039">
        <v>22</v>
      </c>
      <c r="R19039">
        <v>22</v>
      </c>
      <c r="S19039">
        <v>22</v>
      </c>
      <c r="T19039">
        <v>22</v>
      </c>
      <c r="U19039">
        <v>22</v>
      </c>
      <c r="V19039">
        <v>22</v>
      </c>
      <c r="W19039">
        <v>22</v>
      </c>
      <c r="X19039">
        <v>22</v>
      </c>
      <c r="Y19039">
        <v>22</v>
      </c>
      <c r="Z19039">
        <v>23</v>
      </c>
      <c r="AA19039">
        <v>23</v>
      </c>
      <c r="AB19039">
        <v>23</v>
      </c>
      <c r="AC19039">
        <v>23</v>
      </c>
      <c r="AD19039">
        <v>23</v>
      </c>
      <c r="AE19039">
        <v>23</v>
      </c>
      <c r="AF19039">
        <v>23</v>
      </c>
      <c r="AG19039">
        <v>23</v>
      </c>
      <c r="AH19039">
        <v>23</v>
      </c>
      <c r="AI19039">
        <v>23</v>
      </c>
      <c r="AJ19039">
        <v>23</v>
      </c>
      <c r="AK19039">
        <v>24</v>
      </c>
      <c r="AL19039">
        <v>24</v>
      </c>
      <c r="AM19039">
        <v>24</v>
      </c>
      <c r="AN19039">
        <v>24</v>
      </c>
      <c r="AO19039">
        <v>24</v>
      </c>
      <c r="AP19039">
        <v>24</v>
      </c>
      <c r="AQ19039">
        <v>24</v>
      </c>
    </row>
    <row r="19040" spans="1:43">
      <c r="A19040" t="s">
        <v>11804</v>
      </c>
      <c r="B19040" t="s">
        <v>11805</v>
      </c>
      <c r="C19040" t="s">
        <v>11806</v>
      </c>
      <c r="D19040" t="s">
        <v>11807</v>
      </c>
      <c r="E19040" t="s">
        <v>11610</v>
      </c>
      <c r="F19040" t="s">
        <v>11611</v>
      </c>
      <c r="G19040" t="s">
        <v>11612</v>
      </c>
      <c r="H19040" t="s">
        <v>11613</v>
      </c>
      <c r="I19040" s="2">
        <v>0</v>
      </c>
      <c r="J19040" s="2">
        <v>0</v>
      </c>
      <c r="K19040" s="2">
        <v>1</v>
      </c>
      <c r="L19040" t="s">
        <v>995</v>
      </c>
      <c r="M19040" t="s">
        <v>89</v>
      </c>
      <c r="N19040" t="s">
        <v>90</v>
      </c>
      <c r="O19040" t="s">
        <v>85</v>
      </c>
      <c r="P19040" t="s">
        <v>86</v>
      </c>
      <c r="Q19040">
        <v>22</v>
      </c>
      <c r="R19040">
        <v>23</v>
      </c>
      <c r="S19040">
        <v>23</v>
      </c>
      <c r="T19040">
        <v>24</v>
      </c>
      <c r="U19040">
        <v>24</v>
      </c>
      <c r="V19040">
        <v>24</v>
      </c>
      <c r="W19040">
        <v>25</v>
      </c>
      <c r="X19040">
        <v>25</v>
      </c>
      <c r="Y19040">
        <v>26</v>
      </c>
      <c r="Z19040">
        <v>26</v>
      </c>
      <c r="AA19040">
        <v>26</v>
      </c>
      <c r="AB19040">
        <v>27</v>
      </c>
      <c r="AC19040">
        <v>27</v>
      </c>
      <c r="AD19040">
        <v>28</v>
      </c>
      <c r="AE19040">
        <v>28</v>
      </c>
      <c r="AF19040">
        <v>28</v>
      </c>
      <c r="AG19040">
        <v>28</v>
      </c>
      <c r="AH19040">
        <v>28</v>
      </c>
      <c r="AI19040">
        <v>28</v>
      </c>
      <c r="AJ19040">
        <v>28</v>
      </c>
      <c r="AK19040">
        <v>28</v>
      </c>
      <c r="AL19040">
        <v>28</v>
      </c>
      <c r="AM19040">
        <v>28</v>
      </c>
      <c r="AN19040">
        <v>28</v>
      </c>
      <c r="AO19040">
        <v>28</v>
      </c>
      <c r="AP19040">
        <v>28</v>
      </c>
      <c r="AQ19040">
        <v>28</v>
      </c>
    </row>
    <row r="19041" spans="1:43">
      <c r="A19041" t="s">
        <v>11804</v>
      </c>
      <c r="B19041" t="s">
        <v>11805</v>
      </c>
      <c r="C19041" t="s">
        <v>11806</v>
      </c>
      <c r="D19041" t="s">
        <v>11807</v>
      </c>
      <c r="E19041" t="s">
        <v>11610</v>
      </c>
      <c r="F19041" t="s">
        <v>11611</v>
      </c>
      <c r="G19041" t="s">
        <v>11612</v>
      </c>
      <c r="H19041" t="s">
        <v>11613</v>
      </c>
      <c r="I19041" s="2">
        <v>0</v>
      </c>
      <c r="J19041" s="2">
        <v>0</v>
      </c>
      <c r="K19041" s="2">
        <v>1</v>
      </c>
      <c r="L19041" t="s">
        <v>995</v>
      </c>
      <c r="M19041" t="s">
        <v>83</v>
      </c>
      <c r="N19041" t="s">
        <v>91</v>
      </c>
      <c r="O19041" t="s">
        <v>85</v>
      </c>
      <c r="P19041" t="s">
        <v>86</v>
      </c>
      <c r="Q19041">
        <v>22</v>
      </c>
      <c r="R19041">
        <v>22</v>
      </c>
      <c r="S19041">
        <v>22</v>
      </c>
      <c r="T19041">
        <v>23</v>
      </c>
      <c r="U19041">
        <v>23</v>
      </c>
      <c r="V19041">
        <v>23</v>
      </c>
      <c r="W19041">
        <v>24</v>
      </c>
      <c r="X19041">
        <v>24</v>
      </c>
      <c r="Y19041">
        <v>24</v>
      </c>
      <c r="Z19041">
        <v>25</v>
      </c>
      <c r="AA19041">
        <v>25</v>
      </c>
      <c r="AB19041">
        <v>25</v>
      </c>
      <c r="AC19041">
        <v>25</v>
      </c>
      <c r="AD19041">
        <v>26</v>
      </c>
      <c r="AE19041">
        <v>26</v>
      </c>
      <c r="AF19041">
        <v>26</v>
      </c>
      <c r="AG19041">
        <v>26</v>
      </c>
      <c r="AH19041">
        <v>27</v>
      </c>
      <c r="AI19041">
        <v>27</v>
      </c>
      <c r="AJ19041">
        <v>27</v>
      </c>
      <c r="AK19041">
        <v>28</v>
      </c>
      <c r="AL19041">
        <v>28</v>
      </c>
      <c r="AM19041">
        <v>28</v>
      </c>
      <c r="AN19041">
        <v>28</v>
      </c>
      <c r="AO19041">
        <v>28</v>
      </c>
      <c r="AP19041">
        <v>28</v>
      </c>
      <c r="AQ19041">
        <v>28</v>
      </c>
    </row>
    <row r="19042" spans="1:43">
      <c r="A19042" t="s">
        <v>11808</v>
      </c>
      <c r="B19042" t="s">
        <v>11809</v>
      </c>
      <c r="C19042" t="s">
        <v>11802</v>
      </c>
      <c r="D19042" t="s">
        <v>11803</v>
      </c>
      <c r="E19042" t="s">
        <v>11610</v>
      </c>
      <c r="F19042" t="s">
        <v>11611</v>
      </c>
      <c r="G19042" t="s">
        <v>11612</v>
      </c>
      <c r="H19042" t="s">
        <v>11613</v>
      </c>
      <c r="I19042" s="2">
        <v>0</v>
      </c>
      <c r="J19042" s="2">
        <v>0</v>
      </c>
      <c r="K19042" s="2">
        <v>1</v>
      </c>
      <c r="L19042" t="s">
        <v>995</v>
      </c>
      <c r="M19042" t="s">
        <v>83</v>
      </c>
      <c r="N19042" t="s">
        <v>84</v>
      </c>
      <c r="O19042" t="s">
        <v>85</v>
      </c>
      <c r="P19042" t="s">
        <v>86</v>
      </c>
      <c r="Q19042">
        <v>30</v>
      </c>
      <c r="R19042">
        <v>31</v>
      </c>
      <c r="S19042">
        <v>31</v>
      </c>
      <c r="T19042">
        <v>32</v>
      </c>
      <c r="U19042">
        <v>32</v>
      </c>
      <c r="V19042">
        <v>33</v>
      </c>
      <c r="W19042">
        <v>33</v>
      </c>
      <c r="X19042">
        <v>33</v>
      </c>
      <c r="Y19042">
        <v>34</v>
      </c>
      <c r="Z19042">
        <v>34</v>
      </c>
      <c r="AA19042">
        <v>35</v>
      </c>
      <c r="AB19042">
        <v>35</v>
      </c>
      <c r="AC19042">
        <v>35</v>
      </c>
      <c r="AD19042">
        <v>36</v>
      </c>
      <c r="AE19042">
        <v>36</v>
      </c>
      <c r="AF19042">
        <v>36</v>
      </c>
      <c r="AG19042">
        <v>37</v>
      </c>
      <c r="AH19042">
        <v>37</v>
      </c>
      <c r="AI19042">
        <v>38</v>
      </c>
      <c r="AJ19042">
        <v>38</v>
      </c>
      <c r="AK19042">
        <v>38</v>
      </c>
      <c r="AL19042">
        <v>38</v>
      </c>
      <c r="AM19042">
        <v>39</v>
      </c>
      <c r="AN19042">
        <v>39</v>
      </c>
      <c r="AO19042">
        <v>39</v>
      </c>
      <c r="AP19042">
        <v>39</v>
      </c>
      <c r="AQ19042">
        <v>39</v>
      </c>
    </row>
    <row r="19043" spans="1:43">
      <c r="A19043" t="s">
        <v>11808</v>
      </c>
      <c r="B19043" t="s">
        <v>11809</v>
      </c>
      <c r="C19043" t="s">
        <v>11802</v>
      </c>
      <c r="D19043" t="s">
        <v>11803</v>
      </c>
      <c r="E19043" t="s">
        <v>11610</v>
      </c>
      <c r="F19043" t="s">
        <v>11611</v>
      </c>
      <c r="G19043" t="s">
        <v>11612</v>
      </c>
      <c r="H19043" t="s">
        <v>11613</v>
      </c>
      <c r="I19043" s="2">
        <v>0</v>
      </c>
      <c r="J19043" s="2">
        <v>0</v>
      </c>
      <c r="K19043" s="2">
        <v>1</v>
      </c>
      <c r="L19043" t="s">
        <v>995</v>
      </c>
      <c r="M19043" t="s">
        <v>87</v>
      </c>
      <c r="N19043" t="s">
        <v>88</v>
      </c>
      <c r="O19043" t="s">
        <v>85</v>
      </c>
      <c r="P19043" t="s">
        <v>86</v>
      </c>
      <c r="Q19043">
        <v>30</v>
      </c>
      <c r="R19043">
        <v>30</v>
      </c>
      <c r="S19043">
        <v>30</v>
      </c>
      <c r="T19043">
        <v>31</v>
      </c>
      <c r="U19043">
        <v>31</v>
      </c>
      <c r="V19043">
        <v>31</v>
      </c>
      <c r="W19043">
        <v>31</v>
      </c>
      <c r="X19043">
        <v>31</v>
      </c>
      <c r="Y19043">
        <v>31</v>
      </c>
      <c r="Z19043">
        <v>31</v>
      </c>
      <c r="AA19043">
        <v>31</v>
      </c>
      <c r="AB19043">
        <v>32</v>
      </c>
      <c r="AC19043">
        <v>32</v>
      </c>
      <c r="AD19043">
        <v>32</v>
      </c>
      <c r="AE19043">
        <v>32</v>
      </c>
      <c r="AF19043">
        <v>32</v>
      </c>
      <c r="AG19043">
        <v>32</v>
      </c>
      <c r="AH19043">
        <v>32</v>
      </c>
      <c r="AI19043">
        <v>32</v>
      </c>
      <c r="AJ19043">
        <v>33</v>
      </c>
      <c r="AK19043">
        <v>33</v>
      </c>
      <c r="AL19043">
        <v>33</v>
      </c>
      <c r="AM19043">
        <v>33</v>
      </c>
      <c r="AN19043">
        <v>33</v>
      </c>
      <c r="AO19043">
        <v>33</v>
      </c>
      <c r="AP19043">
        <v>33</v>
      </c>
      <c r="AQ19043">
        <v>34</v>
      </c>
    </row>
    <row r="19044" spans="1:43">
      <c r="A19044" t="s">
        <v>11808</v>
      </c>
      <c r="B19044" t="s">
        <v>11809</v>
      </c>
      <c r="C19044" t="s">
        <v>11802</v>
      </c>
      <c r="D19044" t="s">
        <v>11803</v>
      </c>
      <c r="E19044" t="s">
        <v>11610</v>
      </c>
      <c r="F19044" t="s">
        <v>11611</v>
      </c>
      <c r="G19044" t="s">
        <v>11612</v>
      </c>
      <c r="H19044" t="s">
        <v>11613</v>
      </c>
      <c r="I19044" s="2">
        <v>0</v>
      </c>
      <c r="J19044" s="2">
        <v>0</v>
      </c>
      <c r="K19044" s="2">
        <v>1</v>
      </c>
      <c r="L19044" t="s">
        <v>995</v>
      </c>
      <c r="M19044" t="s">
        <v>89</v>
      </c>
      <c r="N19044" t="s">
        <v>90</v>
      </c>
      <c r="O19044" t="s">
        <v>85</v>
      </c>
      <c r="P19044" t="s">
        <v>86</v>
      </c>
      <c r="Q19044">
        <v>30</v>
      </c>
      <c r="R19044">
        <v>30</v>
      </c>
      <c r="S19044">
        <v>31</v>
      </c>
      <c r="T19044">
        <v>32</v>
      </c>
      <c r="U19044">
        <v>32</v>
      </c>
      <c r="V19044">
        <v>33</v>
      </c>
      <c r="W19044">
        <v>34</v>
      </c>
      <c r="X19044">
        <v>34</v>
      </c>
      <c r="Y19044">
        <v>35</v>
      </c>
      <c r="Z19044">
        <v>35</v>
      </c>
      <c r="AA19044">
        <v>36</v>
      </c>
      <c r="AB19044">
        <v>36</v>
      </c>
      <c r="AC19044">
        <v>37</v>
      </c>
      <c r="AD19044">
        <v>37</v>
      </c>
      <c r="AE19044">
        <v>38</v>
      </c>
      <c r="AF19044">
        <v>38</v>
      </c>
      <c r="AG19044">
        <v>38</v>
      </c>
      <c r="AH19044">
        <v>38</v>
      </c>
      <c r="AI19044">
        <v>38</v>
      </c>
      <c r="AJ19044">
        <v>38</v>
      </c>
      <c r="AK19044">
        <v>38</v>
      </c>
      <c r="AL19044">
        <v>38</v>
      </c>
      <c r="AM19044">
        <v>38</v>
      </c>
      <c r="AN19044">
        <v>38</v>
      </c>
      <c r="AO19044">
        <v>38</v>
      </c>
      <c r="AP19044">
        <v>38</v>
      </c>
      <c r="AQ19044">
        <v>38</v>
      </c>
    </row>
    <row r="19045" spans="1:43">
      <c r="A19045" t="s">
        <v>11808</v>
      </c>
      <c r="B19045" t="s">
        <v>11809</v>
      </c>
      <c r="C19045" t="s">
        <v>11802</v>
      </c>
      <c r="D19045" t="s">
        <v>11803</v>
      </c>
      <c r="E19045" t="s">
        <v>11610</v>
      </c>
      <c r="F19045" t="s">
        <v>11611</v>
      </c>
      <c r="G19045" t="s">
        <v>11612</v>
      </c>
      <c r="H19045" t="s">
        <v>11613</v>
      </c>
      <c r="I19045" s="2">
        <v>0</v>
      </c>
      <c r="J19045" s="2">
        <v>0</v>
      </c>
      <c r="K19045" s="2">
        <v>1</v>
      </c>
      <c r="L19045" t="s">
        <v>995</v>
      </c>
      <c r="M19045" t="s">
        <v>83</v>
      </c>
      <c r="N19045" t="s">
        <v>91</v>
      </c>
      <c r="O19045" t="s">
        <v>85</v>
      </c>
      <c r="P19045" t="s">
        <v>86</v>
      </c>
      <c r="Q19045">
        <v>30</v>
      </c>
      <c r="R19045">
        <v>31</v>
      </c>
      <c r="S19045">
        <v>31</v>
      </c>
      <c r="T19045">
        <v>32</v>
      </c>
      <c r="U19045">
        <v>32</v>
      </c>
      <c r="V19045">
        <v>33</v>
      </c>
      <c r="W19045">
        <v>33</v>
      </c>
      <c r="X19045">
        <v>33</v>
      </c>
      <c r="Y19045">
        <v>34</v>
      </c>
      <c r="Z19045">
        <v>34</v>
      </c>
      <c r="AA19045">
        <v>35</v>
      </c>
      <c r="AB19045">
        <v>35</v>
      </c>
      <c r="AC19045">
        <v>35</v>
      </c>
      <c r="AD19045">
        <v>36</v>
      </c>
      <c r="AE19045">
        <v>36</v>
      </c>
      <c r="AF19045">
        <v>36</v>
      </c>
      <c r="AG19045">
        <v>37</v>
      </c>
      <c r="AH19045">
        <v>37</v>
      </c>
      <c r="AI19045">
        <v>38</v>
      </c>
      <c r="AJ19045">
        <v>38</v>
      </c>
      <c r="AK19045">
        <v>38</v>
      </c>
      <c r="AL19045">
        <v>38</v>
      </c>
      <c r="AM19045">
        <v>39</v>
      </c>
      <c r="AN19045">
        <v>39</v>
      </c>
      <c r="AO19045">
        <v>39</v>
      </c>
      <c r="AP19045">
        <v>39</v>
      </c>
      <c r="AQ19045">
        <v>39</v>
      </c>
    </row>
    <row r="19046" spans="1:43">
      <c r="A19046" t="s">
        <v>11810</v>
      </c>
      <c r="B19046" t="s">
        <v>11811</v>
      </c>
      <c r="C19046" t="s">
        <v>11802</v>
      </c>
      <c r="D19046" t="s">
        <v>11803</v>
      </c>
      <c r="E19046" t="s">
        <v>11610</v>
      </c>
      <c r="F19046" t="s">
        <v>11611</v>
      </c>
      <c r="G19046" t="s">
        <v>11612</v>
      </c>
      <c r="H19046" t="s">
        <v>11613</v>
      </c>
      <c r="I19046" s="2">
        <v>0</v>
      </c>
      <c r="J19046" s="2">
        <v>0</v>
      </c>
      <c r="K19046" s="2">
        <v>1</v>
      </c>
      <c r="L19046" t="s">
        <v>995</v>
      </c>
      <c r="M19046" t="s">
        <v>83</v>
      </c>
      <c r="N19046" t="s">
        <v>84</v>
      </c>
      <c r="O19046" t="s">
        <v>85</v>
      </c>
      <c r="P19046" t="s">
        <v>86</v>
      </c>
      <c r="Q19046">
        <v>24</v>
      </c>
      <c r="R19046">
        <v>24</v>
      </c>
      <c r="S19046">
        <v>24</v>
      </c>
      <c r="T19046">
        <v>25</v>
      </c>
      <c r="U19046">
        <v>25</v>
      </c>
      <c r="V19046">
        <v>25</v>
      </c>
      <c r="W19046">
        <v>26</v>
      </c>
      <c r="X19046">
        <v>26</v>
      </c>
      <c r="Y19046">
        <v>26</v>
      </c>
      <c r="Z19046">
        <v>27</v>
      </c>
      <c r="AA19046">
        <v>27</v>
      </c>
      <c r="AB19046">
        <v>27</v>
      </c>
      <c r="AC19046">
        <v>27</v>
      </c>
      <c r="AD19046">
        <v>28</v>
      </c>
      <c r="AE19046">
        <v>28</v>
      </c>
      <c r="AF19046">
        <v>28</v>
      </c>
      <c r="AG19046">
        <v>29</v>
      </c>
      <c r="AH19046">
        <v>29</v>
      </c>
      <c r="AI19046">
        <v>29</v>
      </c>
      <c r="AJ19046">
        <v>29</v>
      </c>
      <c r="AK19046">
        <v>30</v>
      </c>
      <c r="AL19046">
        <v>30</v>
      </c>
      <c r="AM19046">
        <v>30</v>
      </c>
      <c r="AN19046">
        <v>30</v>
      </c>
      <c r="AO19046">
        <v>30</v>
      </c>
      <c r="AP19046">
        <v>30</v>
      </c>
      <c r="AQ19046">
        <v>30</v>
      </c>
    </row>
    <row r="19047" spans="1:43">
      <c r="A19047" t="s">
        <v>11810</v>
      </c>
      <c r="B19047" t="s">
        <v>11811</v>
      </c>
      <c r="C19047" t="s">
        <v>11802</v>
      </c>
      <c r="D19047" t="s">
        <v>11803</v>
      </c>
      <c r="E19047" t="s">
        <v>11610</v>
      </c>
      <c r="F19047" t="s">
        <v>11611</v>
      </c>
      <c r="G19047" t="s">
        <v>11612</v>
      </c>
      <c r="H19047" t="s">
        <v>11613</v>
      </c>
      <c r="I19047" s="2">
        <v>0</v>
      </c>
      <c r="J19047" s="2">
        <v>0</v>
      </c>
      <c r="K19047" s="2">
        <v>1</v>
      </c>
      <c r="L19047" t="s">
        <v>995</v>
      </c>
      <c r="M19047" t="s">
        <v>87</v>
      </c>
      <c r="N19047" t="s">
        <v>88</v>
      </c>
      <c r="O19047" t="s">
        <v>85</v>
      </c>
      <c r="P19047" t="s">
        <v>86</v>
      </c>
      <c r="Q19047">
        <v>24</v>
      </c>
      <c r="R19047">
        <v>25</v>
      </c>
      <c r="S19047">
        <v>25</v>
      </c>
      <c r="T19047">
        <v>25</v>
      </c>
      <c r="U19047">
        <v>25</v>
      </c>
      <c r="V19047">
        <v>25</v>
      </c>
      <c r="W19047">
        <v>25</v>
      </c>
      <c r="X19047">
        <v>25</v>
      </c>
      <c r="Y19047">
        <v>25</v>
      </c>
      <c r="Z19047">
        <v>25</v>
      </c>
      <c r="AA19047">
        <v>25</v>
      </c>
      <c r="AB19047">
        <v>26</v>
      </c>
      <c r="AC19047">
        <v>26</v>
      </c>
      <c r="AD19047">
        <v>26</v>
      </c>
      <c r="AE19047">
        <v>26</v>
      </c>
      <c r="AF19047">
        <v>26</v>
      </c>
      <c r="AG19047">
        <v>26</v>
      </c>
      <c r="AH19047">
        <v>26</v>
      </c>
      <c r="AI19047">
        <v>26</v>
      </c>
      <c r="AJ19047">
        <v>26</v>
      </c>
      <c r="AK19047">
        <v>26</v>
      </c>
      <c r="AL19047">
        <v>27</v>
      </c>
      <c r="AM19047">
        <v>27</v>
      </c>
      <c r="AN19047">
        <v>27</v>
      </c>
      <c r="AO19047">
        <v>27</v>
      </c>
      <c r="AP19047">
        <v>27</v>
      </c>
      <c r="AQ19047">
        <v>27</v>
      </c>
    </row>
    <row r="19048" spans="1:43">
      <c r="A19048" t="s">
        <v>11810</v>
      </c>
      <c r="B19048" t="s">
        <v>11811</v>
      </c>
      <c r="C19048" t="s">
        <v>11802</v>
      </c>
      <c r="D19048" t="s">
        <v>11803</v>
      </c>
      <c r="E19048" t="s">
        <v>11610</v>
      </c>
      <c r="F19048" t="s">
        <v>11611</v>
      </c>
      <c r="G19048" t="s">
        <v>11612</v>
      </c>
      <c r="H19048" t="s">
        <v>11613</v>
      </c>
      <c r="I19048" s="2">
        <v>0</v>
      </c>
      <c r="J19048" s="2">
        <v>0</v>
      </c>
      <c r="K19048" s="2">
        <v>1</v>
      </c>
      <c r="L19048" t="s">
        <v>995</v>
      </c>
      <c r="M19048" t="s">
        <v>89</v>
      </c>
      <c r="N19048" t="s">
        <v>90</v>
      </c>
      <c r="O19048" t="s">
        <v>85</v>
      </c>
      <c r="P19048" t="s">
        <v>86</v>
      </c>
      <c r="Q19048">
        <v>24</v>
      </c>
      <c r="R19048">
        <v>24</v>
      </c>
      <c r="S19048">
        <v>25</v>
      </c>
      <c r="T19048">
        <v>25</v>
      </c>
      <c r="U19048">
        <v>26</v>
      </c>
      <c r="V19048">
        <v>26</v>
      </c>
      <c r="W19048">
        <v>27</v>
      </c>
      <c r="X19048">
        <v>27</v>
      </c>
      <c r="Y19048">
        <v>28</v>
      </c>
      <c r="Z19048">
        <v>28</v>
      </c>
      <c r="AA19048">
        <v>29</v>
      </c>
      <c r="AB19048">
        <v>29</v>
      </c>
      <c r="AC19048">
        <v>29</v>
      </c>
      <c r="AD19048">
        <v>30</v>
      </c>
      <c r="AE19048">
        <v>30</v>
      </c>
      <c r="AF19048">
        <v>30</v>
      </c>
      <c r="AG19048">
        <v>30</v>
      </c>
      <c r="AH19048">
        <v>30</v>
      </c>
      <c r="AI19048">
        <v>30</v>
      </c>
      <c r="AJ19048">
        <v>30</v>
      </c>
      <c r="AK19048">
        <v>30</v>
      </c>
      <c r="AL19048">
        <v>30</v>
      </c>
      <c r="AM19048">
        <v>30</v>
      </c>
      <c r="AN19048">
        <v>30</v>
      </c>
      <c r="AO19048">
        <v>30</v>
      </c>
      <c r="AP19048">
        <v>30</v>
      </c>
      <c r="AQ19048">
        <v>30</v>
      </c>
    </row>
    <row r="19049" spans="1:43">
      <c r="A19049" t="s">
        <v>11810</v>
      </c>
      <c r="B19049" t="s">
        <v>11811</v>
      </c>
      <c r="C19049" t="s">
        <v>11802</v>
      </c>
      <c r="D19049" t="s">
        <v>11803</v>
      </c>
      <c r="E19049" t="s">
        <v>11610</v>
      </c>
      <c r="F19049" t="s">
        <v>11611</v>
      </c>
      <c r="G19049" t="s">
        <v>11612</v>
      </c>
      <c r="H19049" t="s">
        <v>11613</v>
      </c>
      <c r="I19049" s="2">
        <v>0</v>
      </c>
      <c r="J19049" s="2">
        <v>0</v>
      </c>
      <c r="K19049" s="2">
        <v>1</v>
      </c>
      <c r="L19049" t="s">
        <v>995</v>
      </c>
      <c r="M19049" t="s">
        <v>83</v>
      </c>
      <c r="N19049" t="s">
        <v>91</v>
      </c>
      <c r="O19049" t="s">
        <v>85</v>
      </c>
      <c r="P19049" t="s">
        <v>86</v>
      </c>
      <c r="Q19049">
        <v>24</v>
      </c>
      <c r="R19049">
        <v>24</v>
      </c>
      <c r="S19049">
        <v>24</v>
      </c>
      <c r="T19049">
        <v>25</v>
      </c>
      <c r="U19049">
        <v>25</v>
      </c>
      <c r="V19049">
        <v>25</v>
      </c>
      <c r="W19049">
        <v>26</v>
      </c>
      <c r="X19049">
        <v>26</v>
      </c>
      <c r="Y19049">
        <v>26</v>
      </c>
      <c r="Z19049">
        <v>27</v>
      </c>
      <c r="AA19049">
        <v>27</v>
      </c>
      <c r="AB19049">
        <v>27</v>
      </c>
      <c r="AC19049">
        <v>27</v>
      </c>
      <c r="AD19049">
        <v>28</v>
      </c>
      <c r="AE19049">
        <v>28</v>
      </c>
      <c r="AF19049">
        <v>28</v>
      </c>
      <c r="AG19049">
        <v>29</v>
      </c>
      <c r="AH19049">
        <v>29</v>
      </c>
      <c r="AI19049">
        <v>29</v>
      </c>
      <c r="AJ19049">
        <v>29</v>
      </c>
      <c r="AK19049">
        <v>30</v>
      </c>
      <c r="AL19049">
        <v>30</v>
      </c>
      <c r="AM19049">
        <v>30</v>
      </c>
      <c r="AN19049">
        <v>30</v>
      </c>
      <c r="AO19049">
        <v>30</v>
      </c>
      <c r="AP19049">
        <v>30</v>
      </c>
      <c r="AQ19049">
        <v>30</v>
      </c>
    </row>
    <row r="19050" spans="1:43">
      <c r="A19050" t="s">
        <v>11812</v>
      </c>
      <c r="B19050" t="s">
        <v>11813</v>
      </c>
      <c r="C19050" t="s">
        <v>11798</v>
      </c>
      <c r="D19050" t="s">
        <v>11799</v>
      </c>
      <c r="E19050" t="s">
        <v>11610</v>
      </c>
      <c r="F19050" t="s">
        <v>11611</v>
      </c>
      <c r="G19050" t="s">
        <v>11612</v>
      </c>
      <c r="H19050" t="s">
        <v>11613</v>
      </c>
      <c r="I19050" s="2">
        <v>0</v>
      </c>
      <c r="J19050" s="2">
        <v>0</v>
      </c>
      <c r="K19050" s="2">
        <v>1</v>
      </c>
      <c r="L19050" t="s">
        <v>995</v>
      </c>
      <c r="M19050" t="s">
        <v>83</v>
      </c>
      <c r="N19050" t="s">
        <v>84</v>
      </c>
      <c r="O19050" t="s">
        <v>85</v>
      </c>
      <c r="P19050" t="s">
        <v>86</v>
      </c>
      <c r="Q19050">
        <v>42</v>
      </c>
      <c r="R19050">
        <v>43</v>
      </c>
      <c r="S19050">
        <v>43</v>
      </c>
      <c r="T19050">
        <v>44</v>
      </c>
      <c r="U19050">
        <v>44</v>
      </c>
      <c r="V19050">
        <v>45</v>
      </c>
      <c r="W19050">
        <v>45</v>
      </c>
      <c r="X19050">
        <v>46</v>
      </c>
      <c r="Y19050">
        <v>47</v>
      </c>
      <c r="Z19050">
        <v>47</v>
      </c>
      <c r="AA19050">
        <v>48</v>
      </c>
      <c r="AB19050">
        <v>48</v>
      </c>
      <c r="AC19050">
        <v>49</v>
      </c>
      <c r="AD19050">
        <v>49</v>
      </c>
      <c r="AE19050">
        <v>50</v>
      </c>
      <c r="AF19050">
        <v>50</v>
      </c>
      <c r="AG19050">
        <v>51</v>
      </c>
      <c r="AH19050">
        <v>51</v>
      </c>
      <c r="AI19050">
        <v>52</v>
      </c>
      <c r="AJ19050">
        <v>52</v>
      </c>
      <c r="AK19050">
        <v>53</v>
      </c>
      <c r="AL19050">
        <v>53</v>
      </c>
      <c r="AM19050">
        <v>53</v>
      </c>
      <c r="AN19050">
        <v>53</v>
      </c>
      <c r="AO19050">
        <v>53</v>
      </c>
      <c r="AP19050">
        <v>53</v>
      </c>
      <c r="AQ19050">
        <v>53</v>
      </c>
    </row>
    <row r="19051" spans="1:43">
      <c r="A19051" t="s">
        <v>11812</v>
      </c>
      <c r="B19051" t="s">
        <v>11813</v>
      </c>
      <c r="C19051" t="s">
        <v>11798</v>
      </c>
      <c r="D19051" t="s">
        <v>11799</v>
      </c>
      <c r="E19051" t="s">
        <v>11610</v>
      </c>
      <c r="F19051" t="s">
        <v>11611</v>
      </c>
      <c r="G19051" t="s">
        <v>11612</v>
      </c>
      <c r="H19051" t="s">
        <v>11613</v>
      </c>
      <c r="I19051" s="2">
        <v>0</v>
      </c>
      <c r="J19051" s="2">
        <v>0</v>
      </c>
      <c r="K19051" s="2">
        <v>1</v>
      </c>
      <c r="L19051" t="s">
        <v>995</v>
      </c>
      <c r="M19051" t="s">
        <v>87</v>
      </c>
      <c r="N19051" t="s">
        <v>88</v>
      </c>
      <c r="O19051" t="s">
        <v>85</v>
      </c>
      <c r="P19051" t="s">
        <v>86</v>
      </c>
      <c r="Q19051">
        <v>42</v>
      </c>
      <c r="R19051">
        <v>42</v>
      </c>
      <c r="S19051">
        <v>42</v>
      </c>
      <c r="T19051">
        <v>42</v>
      </c>
      <c r="U19051">
        <v>42</v>
      </c>
      <c r="V19051">
        <v>42</v>
      </c>
      <c r="W19051">
        <v>43</v>
      </c>
      <c r="X19051">
        <v>43</v>
      </c>
      <c r="Y19051">
        <v>43</v>
      </c>
      <c r="Z19051">
        <v>43</v>
      </c>
      <c r="AA19051">
        <v>43</v>
      </c>
      <c r="AB19051">
        <v>44</v>
      </c>
      <c r="AC19051">
        <v>44</v>
      </c>
      <c r="AD19051">
        <v>44</v>
      </c>
      <c r="AE19051">
        <v>44</v>
      </c>
      <c r="AF19051">
        <v>44</v>
      </c>
      <c r="AG19051">
        <v>44</v>
      </c>
      <c r="AH19051">
        <v>45</v>
      </c>
      <c r="AI19051">
        <v>45</v>
      </c>
      <c r="AJ19051">
        <v>45</v>
      </c>
      <c r="AK19051">
        <v>45</v>
      </c>
      <c r="AL19051">
        <v>45</v>
      </c>
      <c r="AM19051">
        <v>45</v>
      </c>
      <c r="AN19051">
        <v>46</v>
      </c>
      <c r="AO19051">
        <v>46</v>
      </c>
      <c r="AP19051">
        <v>46</v>
      </c>
      <c r="AQ19051">
        <v>46</v>
      </c>
    </row>
    <row r="19052" spans="1:43">
      <c r="A19052" t="s">
        <v>11812</v>
      </c>
      <c r="B19052" t="s">
        <v>11813</v>
      </c>
      <c r="C19052" t="s">
        <v>11798</v>
      </c>
      <c r="D19052" t="s">
        <v>11799</v>
      </c>
      <c r="E19052" t="s">
        <v>11610</v>
      </c>
      <c r="F19052" t="s">
        <v>11611</v>
      </c>
      <c r="G19052" t="s">
        <v>11612</v>
      </c>
      <c r="H19052" t="s">
        <v>11613</v>
      </c>
      <c r="I19052" s="2">
        <v>0</v>
      </c>
      <c r="J19052" s="2">
        <v>0</v>
      </c>
      <c r="K19052" s="2">
        <v>1</v>
      </c>
      <c r="L19052" t="s">
        <v>995</v>
      </c>
      <c r="M19052" t="s">
        <v>89</v>
      </c>
      <c r="N19052" t="s">
        <v>90</v>
      </c>
      <c r="O19052" t="s">
        <v>85</v>
      </c>
      <c r="P19052" t="s">
        <v>86</v>
      </c>
      <c r="Q19052">
        <v>42</v>
      </c>
      <c r="R19052">
        <v>43</v>
      </c>
      <c r="S19052">
        <v>44</v>
      </c>
      <c r="T19052">
        <v>45</v>
      </c>
      <c r="U19052">
        <v>46</v>
      </c>
      <c r="V19052">
        <v>47</v>
      </c>
      <c r="W19052">
        <v>48</v>
      </c>
      <c r="X19052">
        <v>49</v>
      </c>
      <c r="Y19052">
        <v>49</v>
      </c>
      <c r="Z19052">
        <v>50</v>
      </c>
      <c r="AA19052">
        <v>51</v>
      </c>
      <c r="AB19052">
        <v>51</v>
      </c>
      <c r="AC19052">
        <v>52</v>
      </c>
      <c r="AD19052">
        <v>53</v>
      </c>
      <c r="AE19052">
        <v>53</v>
      </c>
      <c r="AF19052">
        <v>53</v>
      </c>
      <c r="AG19052">
        <v>53</v>
      </c>
      <c r="AH19052">
        <v>53</v>
      </c>
      <c r="AI19052">
        <v>53</v>
      </c>
      <c r="AJ19052">
        <v>53</v>
      </c>
      <c r="AK19052">
        <v>53</v>
      </c>
      <c r="AL19052">
        <v>54</v>
      </c>
      <c r="AM19052">
        <v>54</v>
      </c>
      <c r="AN19052">
        <v>54</v>
      </c>
      <c r="AO19052">
        <v>54</v>
      </c>
      <c r="AP19052">
        <v>54</v>
      </c>
      <c r="AQ19052">
        <v>54</v>
      </c>
    </row>
    <row r="19053" spans="1:43">
      <c r="A19053" t="s">
        <v>11812</v>
      </c>
      <c r="B19053" t="s">
        <v>11813</v>
      </c>
      <c r="C19053" t="s">
        <v>11798</v>
      </c>
      <c r="D19053" t="s">
        <v>11799</v>
      </c>
      <c r="E19053" t="s">
        <v>11610</v>
      </c>
      <c r="F19053" t="s">
        <v>11611</v>
      </c>
      <c r="G19053" t="s">
        <v>11612</v>
      </c>
      <c r="H19053" t="s">
        <v>11613</v>
      </c>
      <c r="I19053" s="2">
        <v>0</v>
      </c>
      <c r="J19053" s="2">
        <v>0</v>
      </c>
      <c r="K19053" s="2">
        <v>1</v>
      </c>
      <c r="L19053" t="s">
        <v>995</v>
      </c>
      <c r="M19053" t="s">
        <v>83</v>
      </c>
      <c r="N19053" t="s">
        <v>91</v>
      </c>
      <c r="O19053" t="s">
        <v>85</v>
      </c>
      <c r="P19053" t="s">
        <v>86</v>
      </c>
      <c r="Q19053">
        <v>42</v>
      </c>
      <c r="R19053">
        <v>43</v>
      </c>
      <c r="S19053">
        <v>43</v>
      </c>
      <c r="T19053">
        <v>44</v>
      </c>
      <c r="U19053">
        <v>44</v>
      </c>
      <c r="V19053">
        <v>45</v>
      </c>
      <c r="W19053">
        <v>45</v>
      </c>
      <c r="X19053">
        <v>46</v>
      </c>
      <c r="Y19053">
        <v>47</v>
      </c>
      <c r="Z19053">
        <v>47</v>
      </c>
      <c r="AA19053">
        <v>48</v>
      </c>
      <c r="AB19053">
        <v>48</v>
      </c>
      <c r="AC19053">
        <v>49</v>
      </c>
      <c r="AD19053">
        <v>49</v>
      </c>
      <c r="AE19053">
        <v>50</v>
      </c>
      <c r="AF19053">
        <v>50</v>
      </c>
      <c r="AG19053">
        <v>51</v>
      </c>
      <c r="AH19053">
        <v>51</v>
      </c>
      <c r="AI19053">
        <v>52</v>
      </c>
      <c r="AJ19053">
        <v>52</v>
      </c>
      <c r="AK19053">
        <v>53</v>
      </c>
      <c r="AL19053">
        <v>53</v>
      </c>
      <c r="AM19053">
        <v>53</v>
      </c>
      <c r="AN19053">
        <v>53</v>
      </c>
      <c r="AO19053">
        <v>53</v>
      </c>
      <c r="AP19053">
        <v>53</v>
      </c>
      <c r="AQ19053">
        <v>53</v>
      </c>
    </row>
    <row r="19054" spans="1:43">
      <c r="A19054" t="s">
        <v>11814</v>
      </c>
      <c r="B19054" t="s">
        <v>11815</v>
      </c>
      <c r="C19054" t="s">
        <v>11802</v>
      </c>
      <c r="D19054" t="s">
        <v>11803</v>
      </c>
      <c r="E19054" t="s">
        <v>11610</v>
      </c>
      <c r="F19054" t="s">
        <v>11611</v>
      </c>
      <c r="G19054" t="s">
        <v>11612</v>
      </c>
      <c r="H19054" t="s">
        <v>11613</v>
      </c>
      <c r="I19054" s="2">
        <v>0</v>
      </c>
      <c r="J19054" s="2">
        <v>0</v>
      </c>
      <c r="K19054" s="2">
        <v>1</v>
      </c>
      <c r="L19054" t="s">
        <v>995</v>
      </c>
      <c r="M19054" t="s">
        <v>83</v>
      </c>
      <c r="N19054" t="s">
        <v>84</v>
      </c>
      <c r="O19054" t="s">
        <v>85</v>
      </c>
      <c r="P19054" t="s">
        <v>86</v>
      </c>
      <c r="Q19054">
        <v>0</v>
      </c>
      <c r="R19054">
        <v>0</v>
      </c>
      <c r="S19054">
        <v>0</v>
      </c>
      <c r="T19054">
        <v>0</v>
      </c>
      <c r="U19054">
        <v>0</v>
      </c>
      <c r="V19054">
        <v>0</v>
      </c>
      <c r="W19054">
        <v>0</v>
      </c>
      <c r="X19054">
        <v>0</v>
      </c>
      <c r="Y19054">
        <v>0</v>
      </c>
      <c r="Z19054">
        <v>0</v>
      </c>
      <c r="AA19054">
        <v>0</v>
      </c>
      <c r="AB19054">
        <v>0</v>
      </c>
      <c r="AC19054">
        <v>0</v>
      </c>
      <c r="AD19054">
        <v>0</v>
      </c>
      <c r="AE19054">
        <v>0</v>
      </c>
      <c r="AF19054">
        <v>0</v>
      </c>
      <c r="AG19054">
        <v>0</v>
      </c>
      <c r="AH19054">
        <v>0</v>
      </c>
      <c r="AI19054">
        <v>0</v>
      </c>
      <c r="AJ19054">
        <v>0</v>
      </c>
      <c r="AK19054">
        <v>0</v>
      </c>
      <c r="AL19054">
        <v>0</v>
      </c>
      <c r="AM19054">
        <v>0</v>
      </c>
      <c r="AN19054">
        <v>0</v>
      </c>
      <c r="AO19054">
        <v>0</v>
      </c>
      <c r="AP19054">
        <v>0</v>
      </c>
      <c r="AQ19054">
        <v>0</v>
      </c>
    </row>
    <row r="19055" spans="1:43">
      <c r="A19055" t="s">
        <v>11814</v>
      </c>
      <c r="B19055" t="s">
        <v>11815</v>
      </c>
      <c r="C19055" t="s">
        <v>11802</v>
      </c>
      <c r="D19055" t="s">
        <v>11803</v>
      </c>
      <c r="E19055" t="s">
        <v>11610</v>
      </c>
      <c r="F19055" t="s">
        <v>11611</v>
      </c>
      <c r="G19055" t="s">
        <v>11612</v>
      </c>
      <c r="H19055" t="s">
        <v>11613</v>
      </c>
      <c r="I19055" s="2">
        <v>0</v>
      </c>
      <c r="J19055" s="2">
        <v>0</v>
      </c>
      <c r="K19055" s="2">
        <v>1</v>
      </c>
      <c r="L19055" t="s">
        <v>995</v>
      </c>
      <c r="M19055" t="s">
        <v>87</v>
      </c>
      <c r="N19055" t="s">
        <v>88</v>
      </c>
      <c r="O19055" t="s">
        <v>85</v>
      </c>
      <c r="P19055" t="s">
        <v>86</v>
      </c>
      <c r="Q19055">
        <v>0</v>
      </c>
      <c r="R19055">
        <v>0</v>
      </c>
      <c r="S19055">
        <v>0</v>
      </c>
      <c r="T19055">
        <v>0</v>
      </c>
      <c r="U19055">
        <v>0</v>
      </c>
      <c r="V19055">
        <v>0</v>
      </c>
      <c r="W19055">
        <v>0</v>
      </c>
      <c r="X19055">
        <v>0</v>
      </c>
      <c r="Y19055">
        <v>0</v>
      </c>
      <c r="Z19055">
        <v>0</v>
      </c>
      <c r="AA19055">
        <v>0</v>
      </c>
      <c r="AB19055">
        <v>0</v>
      </c>
      <c r="AC19055">
        <v>0</v>
      </c>
      <c r="AD19055">
        <v>0</v>
      </c>
      <c r="AE19055">
        <v>0</v>
      </c>
      <c r="AF19055">
        <v>0</v>
      </c>
      <c r="AG19055">
        <v>0</v>
      </c>
      <c r="AH19055">
        <v>0</v>
      </c>
      <c r="AI19055">
        <v>0</v>
      </c>
      <c r="AJ19055">
        <v>0</v>
      </c>
      <c r="AK19055">
        <v>0</v>
      </c>
      <c r="AL19055">
        <v>0</v>
      </c>
      <c r="AM19055">
        <v>0</v>
      </c>
      <c r="AN19055">
        <v>0</v>
      </c>
      <c r="AO19055">
        <v>0</v>
      </c>
      <c r="AP19055">
        <v>0</v>
      </c>
      <c r="AQ19055">
        <v>0</v>
      </c>
    </row>
    <row r="19056" spans="1:43">
      <c r="A19056" t="s">
        <v>11814</v>
      </c>
      <c r="B19056" t="s">
        <v>11815</v>
      </c>
      <c r="C19056" t="s">
        <v>11802</v>
      </c>
      <c r="D19056" t="s">
        <v>11803</v>
      </c>
      <c r="E19056" t="s">
        <v>11610</v>
      </c>
      <c r="F19056" t="s">
        <v>11611</v>
      </c>
      <c r="G19056" t="s">
        <v>11612</v>
      </c>
      <c r="H19056" t="s">
        <v>11613</v>
      </c>
      <c r="I19056" s="2">
        <v>0</v>
      </c>
      <c r="J19056" s="2">
        <v>0</v>
      </c>
      <c r="K19056" s="2">
        <v>1</v>
      </c>
      <c r="L19056" t="s">
        <v>995</v>
      </c>
      <c r="M19056" t="s">
        <v>89</v>
      </c>
      <c r="N19056" t="s">
        <v>90</v>
      </c>
      <c r="O19056" t="s">
        <v>85</v>
      </c>
      <c r="P19056" t="s">
        <v>86</v>
      </c>
      <c r="Q19056">
        <v>0</v>
      </c>
      <c r="R19056">
        <v>0</v>
      </c>
      <c r="S19056">
        <v>0</v>
      </c>
      <c r="T19056">
        <v>0</v>
      </c>
      <c r="U19056">
        <v>0</v>
      </c>
      <c r="V19056">
        <v>0</v>
      </c>
      <c r="W19056">
        <v>0</v>
      </c>
      <c r="X19056">
        <v>0</v>
      </c>
      <c r="Y19056">
        <v>0</v>
      </c>
      <c r="Z19056">
        <v>0</v>
      </c>
      <c r="AA19056">
        <v>0</v>
      </c>
      <c r="AB19056">
        <v>0</v>
      </c>
      <c r="AC19056">
        <v>0</v>
      </c>
      <c r="AD19056">
        <v>0</v>
      </c>
      <c r="AE19056">
        <v>0</v>
      </c>
      <c r="AF19056">
        <v>0</v>
      </c>
      <c r="AG19056">
        <v>0</v>
      </c>
      <c r="AH19056">
        <v>0</v>
      </c>
      <c r="AI19056">
        <v>0</v>
      </c>
      <c r="AJ19056">
        <v>0</v>
      </c>
      <c r="AK19056">
        <v>0</v>
      </c>
      <c r="AL19056">
        <v>0</v>
      </c>
      <c r="AM19056">
        <v>0</v>
      </c>
      <c r="AN19056">
        <v>0</v>
      </c>
      <c r="AO19056">
        <v>0</v>
      </c>
      <c r="AP19056">
        <v>0</v>
      </c>
      <c r="AQ19056">
        <v>0</v>
      </c>
    </row>
    <row r="19057" spans="1:43">
      <c r="A19057" t="s">
        <v>11814</v>
      </c>
      <c r="B19057" t="s">
        <v>11815</v>
      </c>
      <c r="C19057" t="s">
        <v>11802</v>
      </c>
      <c r="D19057" t="s">
        <v>11803</v>
      </c>
      <c r="E19057" t="s">
        <v>11610</v>
      </c>
      <c r="F19057" t="s">
        <v>11611</v>
      </c>
      <c r="G19057" t="s">
        <v>11612</v>
      </c>
      <c r="H19057" t="s">
        <v>11613</v>
      </c>
      <c r="I19057" s="2">
        <v>0</v>
      </c>
      <c r="J19057" s="2">
        <v>0</v>
      </c>
      <c r="K19057" s="2">
        <v>1</v>
      </c>
      <c r="L19057" t="s">
        <v>995</v>
      </c>
      <c r="M19057" t="s">
        <v>83</v>
      </c>
      <c r="N19057" t="s">
        <v>91</v>
      </c>
      <c r="O19057" t="s">
        <v>85</v>
      </c>
      <c r="P19057" t="s">
        <v>86</v>
      </c>
      <c r="Q19057">
        <v>0</v>
      </c>
      <c r="R19057">
        <v>0</v>
      </c>
      <c r="S19057">
        <v>0</v>
      </c>
      <c r="T19057">
        <v>0</v>
      </c>
      <c r="U19057">
        <v>0</v>
      </c>
      <c r="V19057">
        <v>0</v>
      </c>
      <c r="W19057">
        <v>0</v>
      </c>
      <c r="X19057">
        <v>0</v>
      </c>
      <c r="Y19057">
        <v>0</v>
      </c>
      <c r="Z19057">
        <v>0</v>
      </c>
      <c r="AA19057">
        <v>0</v>
      </c>
      <c r="AB19057">
        <v>0</v>
      </c>
      <c r="AC19057">
        <v>0</v>
      </c>
      <c r="AD19057">
        <v>0</v>
      </c>
      <c r="AE19057">
        <v>0</v>
      </c>
      <c r="AF19057">
        <v>0</v>
      </c>
      <c r="AG19057">
        <v>0</v>
      </c>
      <c r="AH19057">
        <v>0</v>
      </c>
      <c r="AI19057">
        <v>0</v>
      </c>
      <c r="AJ19057">
        <v>0</v>
      </c>
      <c r="AK19057">
        <v>0</v>
      </c>
      <c r="AL19057">
        <v>0</v>
      </c>
      <c r="AM19057">
        <v>0</v>
      </c>
      <c r="AN19057">
        <v>0</v>
      </c>
      <c r="AO19057">
        <v>0</v>
      </c>
      <c r="AP19057">
        <v>0</v>
      </c>
      <c r="AQ19057">
        <v>0</v>
      </c>
    </row>
    <row r="19058" spans="1:43">
      <c r="A19058" t="s">
        <v>11816</v>
      </c>
      <c r="B19058" t="s">
        <v>11817</v>
      </c>
      <c r="C19058" t="s">
        <v>11806</v>
      </c>
      <c r="D19058" t="s">
        <v>11807</v>
      </c>
      <c r="E19058" t="s">
        <v>11610</v>
      </c>
      <c r="F19058" t="s">
        <v>11611</v>
      </c>
      <c r="G19058" t="s">
        <v>11612</v>
      </c>
      <c r="H19058" t="s">
        <v>11613</v>
      </c>
      <c r="I19058" s="2">
        <v>0</v>
      </c>
      <c r="J19058" s="2">
        <v>0</v>
      </c>
      <c r="K19058" s="2">
        <v>1</v>
      </c>
      <c r="L19058" t="s">
        <v>995</v>
      </c>
      <c r="M19058" t="s">
        <v>83</v>
      </c>
      <c r="N19058" t="s">
        <v>84</v>
      </c>
      <c r="O19058" t="s">
        <v>85</v>
      </c>
      <c r="P19058" t="s">
        <v>86</v>
      </c>
      <c r="Q19058">
        <v>23</v>
      </c>
      <c r="R19058">
        <v>24</v>
      </c>
      <c r="S19058">
        <v>24</v>
      </c>
      <c r="T19058">
        <v>24</v>
      </c>
      <c r="U19058">
        <v>24</v>
      </c>
      <c r="V19058">
        <v>25</v>
      </c>
      <c r="W19058">
        <v>25</v>
      </c>
      <c r="X19058">
        <v>25</v>
      </c>
      <c r="Y19058">
        <v>26</v>
      </c>
      <c r="Z19058">
        <v>26</v>
      </c>
      <c r="AA19058">
        <v>26</v>
      </c>
      <c r="AB19058">
        <v>27</v>
      </c>
      <c r="AC19058">
        <v>27</v>
      </c>
      <c r="AD19058">
        <v>27</v>
      </c>
      <c r="AE19058">
        <v>28</v>
      </c>
      <c r="AF19058">
        <v>28</v>
      </c>
      <c r="AG19058">
        <v>28</v>
      </c>
      <c r="AH19058">
        <v>28</v>
      </c>
      <c r="AI19058">
        <v>29</v>
      </c>
      <c r="AJ19058">
        <v>29</v>
      </c>
      <c r="AK19058">
        <v>29</v>
      </c>
      <c r="AL19058">
        <v>29</v>
      </c>
      <c r="AM19058">
        <v>29</v>
      </c>
      <c r="AN19058">
        <v>29</v>
      </c>
      <c r="AO19058">
        <v>29</v>
      </c>
      <c r="AP19058">
        <v>29</v>
      </c>
      <c r="AQ19058">
        <v>29</v>
      </c>
    </row>
    <row r="19059" spans="1:43">
      <c r="A19059" t="s">
        <v>11816</v>
      </c>
      <c r="B19059" t="s">
        <v>11817</v>
      </c>
      <c r="C19059" t="s">
        <v>11806</v>
      </c>
      <c r="D19059" t="s">
        <v>11807</v>
      </c>
      <c r="E19059" t="s">
        <v>11610</v>
      </c>
      <c r="F19059" t="s">
        <v>11611</v>
      </c>
      <c r="G19059" t="s">
        <v>11612</v>
      </c>
      <c r="H19059" t="s">
        <v>11613</v>
      </c>
      <c r="I19059" s="2">
        <v>0</v>
      </c>
      <c r="J19059" s="2">
        <v>0</v>
      </c>
      <c r="K19059" s="2">
        <v>1</v>
      </c>
      <c r="L19059" t="s">
        <v>995</v>
      </c>
      <c r="M19059" t="s">
        <v>87</v>
      </c>
      <c r="N19059" t="s">
        <v>88</v>
      </c>
      <c r="O19059" t="s">
        <v>85</v>
      </c>
      <c r="P19059" t="s">
        <v>86</v>
      </c>
      <c r="Q19059">
        <v>23</v>
      </c>
      <c r="R19059">
        <v>23</v>
      </c>
      <c r="S19059">
        <v>23</v>
      </c>
      <c r="T19059">
        <v>23</v>
      </c>
      <c r="U19059">
        <v>23</v>
      </c>
      <c r="V19059">
        <v>24</v>
      </c>
      <c r="W19059">
        <v>24</v>
      </c>
      <c r="X19059">
        <v>24</v>
      </c>
      <c r="Y19059">
        <v>24</v>
      </c>
      <c r="Z19059">
        <v>24</v>
      </c>
      <c r="AA19059">
        <v>24</v>
      </c>
      <c r="AB19059">
        <v>24</v>
      </c>
      <c r="AC19059">
        <v>24</v>
      </c>
      <c r="AD19059">
        <v>24</v>
      </c>
      <c r="AE19059">
        <v>24</v>
      </c>
      <c r="AF19059">
        <v>24</v>
      </c>
      <c r="AG19059">
        <v>25</v>
      </c>
      <c r="AH19059">
        <v>25</v>
      </c>
      <c r="AI19059">
        <v>25</v>
      </c>
      <c r="AJ19059">
        <v>25</v>
      </c>
      <c r="AK19059">
        <v>25</v>
      </c>
      <c r="AL19059">
        <v>25</v>
      </c>
      <c r="AM19059">
        <v>25</v>
      </c>
      <c r="AN19059">
        <v>25</v>
      </c>
      <c r="AO19059">
        <v>25</v>
      </c>
      <c r="AP19059">
        <v>25</v>
      </c>
      <c r="AQ19059">
        <v>26</v>
      </c>
    </row>
    <row r="19060" spans="1:43">
      <c r="A19060" t="s">
        <v>11816</v>
      </c>
      <c r="B19060" t="s">
        <v>11817</v>
      </c>
      <c r="C19060" t="s">
        <v>11806</v>
      </c>
      <c r="D19060" t="s">
        <v>11807</v>
      </c>
      <c r="E19060" t="s">
        <v>11610</v>
      </c>
      <c r="F19060" t="s">
        <v>11611</v>
      </c>
      <c r="G19060" t="s">
        <v>11612</v>
      </c>
      <c r="H19060" t="s">
        <v>11613</v>
      </c>
      <c r="I19060" s="2">
        <v>0</v>
      </c>
      <c r="J19060" s="2">
        <v>0</v>
      </c>
      <c r="K19060" s="2">
        <v>1</v>
      </c>
      <c r="L19060" t="s">
        <v>995</v>
      </c>
      <c r="M19060" t="s">
        <v>89</v>
      </c>
      <c r="N19060" t="s">
        <v>90</v>
      </c>
      <c r="O19060" t="s">
        <v>85</v>
      </c>
      <c r="P19060" t="s">
        <v>86</v>
      </c>
      <c r="Q19060">
        <v>23</v>
      </c>
      <c r="R19060">
        <v>24</v>
      </c>
      <c r="S19060">
        <v>24</v>
      </c>
      <c r="T19060">
        <v>25</v>
      </c>
      <c r="U19060">
        <v>25</v>
      </c>
      <c r="V19060">
        <v>26</v>
      </c>
      <c r="W19060">
        <v>26</v>
      </c>
      <c r="X19060">
        <v>27</v>
      </c>
      <c r="Y19060">
        <v>27</v>
      </c>
      <c r="Z19060">
        <v>28</v>
      </c>
      <c r="AA19060">
        <v>28</v>
      </c>
      <c r="AB19060">
        <v>28</v>
      </c>
      <c r="AC19060">
        <v>29</v>
      </c>
      <c r="AD19060">
        <v>29</v>
      </c>
      <c r="AE19060">
        <v>29</v>
      </c>
      <c r="AF19060">
        <v>30</v>
      </c>
      <c r="AG19060">
        <v>30</v>
      </c>
      <c r="AH19060">
        <v>30</v>
      </c>
      <c r="AI19060">
        <v>30</v>
      </c>
      <c r="AJ19060">
        <v>30</v>
      </c>
      <c r="AK19060">
        <v>30</v>
      </c>
      <c r="AL19060">
        <v>30</v>
      </c>
      <c r="AM19060">
        <v>30</v>
      </c>
      <c r="AN19060">
        <v>30</v>
      </c>
      <c r="AO19060">
        <v>30</v>
      </c>
      <c r="AP19060">
        <v>30</v>
      </c>
      <c r="AQ19060">
        <v>30</v>
      </c>
    </row>
    <row r="19061" spans="1:43">
      <c r="A19061" t="s">
        <v>11816</v>
      </c>
      <c r="B19061" t="s">
        <v>11817</v>
      </c>
      <c r="C19061" t="s">
        <v>11806</v>
      </c>
      <c r="D19061" t="s">
        <v>11807</v>
      </c>
      <c r="E19061" t="s">
        <v>11610</v>
      </c>
      <c r="F19061" t="s">
        <v>11611</v>
      </c>
      <c r="G19061" t="s">
        <v>11612</v>
      </c>
      <c r="H19061" t="s">
        <v>11613</v>
      </c>
      <c r="I19061" s="2">
        <v>0</v>
      </c>
      <c r="J19061" s="2">
        <v>0</v>
      </c>
      <c r="K19061" s="2">
        <v>1</v>
      </c>
      <c r="L19061" t="s">
        <v>995</v>
      </c>
      <c r="M19061" t="s">
        <v>83</v>
      </c>
      <c r="N19061" t="s">
        <v>91</v>
      </c>
      <c r="O19061" t="s">
        <v>85</v>
      </c>
      <c r="P19061" t="s">
        <v>86</v>
      </c>
      <c r="Q19061">
        <v>23</v>
      </c>
      <c r="R19061">
        <v>24</v>
      </c>
      <c r="S19061">
        <v>24</v>
      </c>
      <c r="T19061">
        <v>24</v>
      </c>
      <c r="U19061">
        <v>24</v>
      </c>
      <c r="V19061">
        <v>25</v>
      </c>
      <c r="W19061">
        <v>25</v>
      </c>
      <c r="X19061">
        <v>25</v>
      </c>
      <c r="Y19061">
        <v>26</v>
      </c>
      <c r="Z19061">
        <v>26</v>
      </c>
      <c r="AA19061">
        <v>26</v>
      </c>
      <c r="AB19061">
        <v>27</v>
      </c>
      <c r="AC19061">
        <v>27</v>
      </c>
      <c r="AD19061">
        <v>27</v>
      </c>
      <c r="AE19061">
        <v>28</v>
      </c>
      <c r="AF19061">
        <v>28</v>
      </c>
      <c r="AG19061">
        <v>28</v>
      </c>
      <c r="AH19061">
        <v>28</v>
      </c>
      <c r="AI19061">
        <v>29</v>
      </c>
      <c r="AJ19061">
        <v>29</v>
      </c>
      <c r="AK19061">
        <v>29</v>
      </c>
      <c r="AL19061">
        <v>29</v>
      </c>
      <c r="AM19061">
        <v>29</v>
      </c>
      <c r="AN19061">
        <v>29</v>
      </c>
      <c r="AO19061">
        <v>29</v>
      </c>
      <c r="AP19061">
        <v>29</v>
      </c>
      <c r="AQ19061">
        <v>29</v>
      </c>
    </row>
    <row r="19062" spans="1:43">
      <c r="A19062" t="s">
        <v>11818</v>
      </c>
      <c r="B19062" t="s">
        <v>11819</v>
      </c>
      <c r="C19062" t="s">
        <v>11802</v>
      </c>
      <c r="D19062" t="s">
        <v>11803</v>
      </c>
      <c r="E19062" t="s">
        <v>11610</v>
      </c>
      <c r="F19062" t="s">
        <v>11611</v>
      </c>
      <c r="G19062" t="s">
        <v>11612</v>
      </c>
      <c r="H19062" t="s">
        <v>11613</v>
      </c>
      <c r="I19062" s="2">
        <v>0</v>
      </c>
      <c r="J19062" s="2">
        <v>0</v>
      </c>
      <c r="K19062" s="2">
        <v>1</v>
      </c>
      <c r="L19062" t="s">
        <v>995</v>
      </c>
      <c r="M19062" t="s">
        <v>83</v>
      </c>
      <c r="N19062" t="s">
        <v>84</v>
      </c>
      <c r="O19062" t="s">
        <v>85</v>
      </c>
      <c r="P19062" t="s">
        <v>86</v>
      </c>
      <c r="Q19062">
        <v>9</v>
      </c>
      <c r="R19062">
        <v>9</v>
      </c>
      <c r="S19062">
        <v>9</v>
      </c>
      <c r="T19062">
        <v>9</v>
      </c>
      <c r="U19062">
        <v>9</v>
      </c>
      <c r="V19062">
        <v>9</v>
      </c>
      <c r="W19062">
        <v>9</v>
      </c>
      <c r="X19062">
        <v>10</v>
      </c>
      <c r="Y19062">
        <v>10</v>
      </c>
      <c r="Z19062">
        <v>10</v>
      </c>
      <c r="AA19062">
        <v>10</v>
      </c>
      <c r="AB19062">
        <v>10</v>
      </c>
      <c r="AC19062">
        <v>10</v>
      </c>
      <c r="AD19062">
        <v>10</v>
      </c>
      <c r="AE19062">
        <v>10</v>
      </c>
      <c r="AF19062">
        <v>11</v>
      </c>
      <c r="AG19062">
        <v>11</v>
      </c>
      <c r="AH19062">
        <v>11</v>
      </c>
      <c r="AI19062">
        <v>11</v>
      </c>
      <c r="AJ19062">
        <v>11</v>
      </c>
      <c r="AK19062">
        <v>11</v>
      </c>
      <c r="AL19062">
        <v>11</v>
      </c>
      <c r="AM19062">
        <v>11</v>
      </c>
      <c r="AN19062">
        <v>11</v>
      </c>
      <c r="AO19062">
        <v>11</v>
      </c>
      <c r="AP19062">
        <v>11</v>
      </c>
      <c r="AQ19062">
        <v>11</v>
      </c>
    </row>
    <row r="19063" spans="1:43">
      <c r="A19063" t="s">
        <v>11818</v>
      </c>
      <c r="B19063" t="s">
        <v>11819</v>
      </c>
      <c r="C19063" t="s">
        <v>11802</v>
      </c>
      <c r="D19063" t="s">
        <v>11803</v>
      </c>
      <c r="E19063" t="s">
        <v>11610</v>
      </c>
      <c r="F19063" t="s">
        <v>11611</v>
      </c>
      <c r="G19063" t="s">
        <v>11612</v>
      </c>
      <c r="H19063" t="s">
        <v>11613</v>
      </c>
      <c r="I19063" s="2">
        <v>0</v>
      </c>
      <c r="J19063" s="2">
        <v>0</v>
      </c>
      <c r="K19063" s="2">
        <v>1</v>
      </c>
      <c r="L19063" t="s">
        <v>995</v>
      </c>
      <c r="M19063" t="s">
        <v>87</v>
      </c>
      <c r="N19063" t="s">
        <v>88</v>
      </c>
      <c r="O19063" t="s">
        <v>85</v>
      </c>
      <c r="P19063" t="s">
        <v>86</v>
      </c>
      <c r="Q19063">
        <v>9</v>
      </c>
      <c r="R19063">
        <v>9</v>
      </c>
      <c r="S19063">
        <v>9</v>
      </c>
      <c r="T19063">
        <v>9</v>
      </c>
      <c r="U19063">
        <v>9</v>
      </c>
      <c r="V19063">
        <v>9</v>
      </c>
      <c r="W19063">
        <v>9</v>
      </c>
      <c r="X19063">
        <v>9</v>
      </c>
      <c r="Y19063">
        <v>9</v>
      </c>
      <c r="Z19063">
        <v>9</v>
      </c>
      <c r="AA19063">
        <v>9</v>
      </c>
      <c r="AB19063">
        <v>9</v>
      </c>
      <c r="AC19063">
        <v>9</v>
      </c>
      <c r="AD19063">
        <v>9</v>
      </c>
      <c r="AE19063">
        <v>9</v>
      </c>
      <c r="AF19063">
        <v>9</v>
      </c>
      <c r="AG19063">
        <v>9</v>
      </c>
      <c r="AH19063">
        <v>9</v>
      </c>
      <c r="AI19063">
        <v>9</v>
      </c>
      <c r="AJ19063">
        <v>9</v>
      </c>
      <c r="AK19063">
        <v>9</v>
      </c>
      <c r="AL19063">
        <v>9</v>
      </c>
      <c r="AM19063">
        <v>10</v>
      </c>
      <c r="AN19063">
        <v>10</v>
      </c>
      <c r="AO19063">
        <v>10</v>
      </c>
      <c r="AP19063">
        <v>10</v>
      </c>
      <c r="AQ19063">
        <v>10</v>
      </c>
    </row>
    <row r="19064" spans="1:43">
      <c r="A19064" t="s">
        <v>11818</v>
      </c>
      <c r="B19064" t="s">
        <v>11819</v>
      </c>
      <c r="C19064" t="s">
        <v>11802</v>
      </c>
      <c r="D19064" t="s">
        <v>11803</v>
      </c>
      <c r="E19064" t="s">
        <v>11610</v>
      </c>
      <c r="F19064" t="s">
        <v>11611</v>
      </c>
      <c r="G19064" t="s">
        <v>11612</v>
      </c>
      <c r="H19064" t="s">
        <v>11613</v>
      </c>
      <c r="I19064" s="2">
        <v>0</v>
      </c>
      <c r="J19064" s="2">
        <v>0</v>
      </c>
      <c r="K19064" s="2">
        <v>1</v>
      </c>
      <c r="L19064" t="s">
        <v>995</v>
      </c>
      <c r="M19064" t="s">
        <v>89</v>
      </c>
      <c r="N19064" t="s">
        <v>90</v>
      </c>
      <c r="O19064" t="s">
        <v>85</v>
      </c>
      <c r="P19064" t="s">
        <v>86</v>
      </c>
      <c r="Q19064">
        <v>9</v>
      </c>
      <c r="R19064">
        <v>9</v>
      </c>
      <c r="S19064">
        <v>9</v>
      </c>
      <c r="T19064">
        <v>9</v>
      </c>
      <c r="U19064">
        <v>10</v>
      </c>
      <c r="V19064">
        <v>10</v>
      </c>
      <c r="W19064">
        <v>10</v>
      </c>
      <c r="X19064">
        <v>10</v>
      </c>
      <c r="Y19064">
        <v>10</v>
      </c>
      <c r="Z19064">
        <v>10</v>
      </c>
      <c r="AA19064">
        <v>11</v>
      </c>
      <c r="AB19064">
        <v>11</v>
      </c>
      <c r="AC19064">
        <v>11</v>
      </c>
      <c r="AD19064">
        <v>11</v>
      </c>
      <c r="AE19064">
        <v>11</v>
      </c>
      <c r="AF19064">
        <v>11</v>
      </c>
      <c r="AG19064">
        <v>11</v>
      </c>
      <c r="AH19064">
        <v>11</v>
      </c>
      <c r="AI19064">
        <v>11</v>
      </c>
      <c r="AJ19064">
        <v>11</v>
      </c>
      <c r="AK19064">
        <v>11</v>
      </c>
      <c r="AL19064">
        <v>11</v>
      </c>
      <c r="AM19064">
        <v>11</v>
      </c>
      <c r="AN19064">
        <v>11</v>
      </c>
      <c r="AO19064">
        <v>11</v>
      </c>
      <c r="AP19064">
        <v>11</v>
      </c>
      <c r="AQ19064">
        <v>11</v>
      </c>
    </row>
    <row r="19065" spans="1:43">
      <c r="A19065" t="s">
        <v>11818</v>
      </c>
      <c r="B19065" t="s">
        <v>11819</v>
      </c>
      <c r="C19065" t="s">
        <v>11802</v>
      </c>
      <c r="D19065" t="s">
        <v>11803</v>
      </c>
      <c r="E19065" t="s">
        <v>11610</v>
      </c>
      <c r="F19065" t="s">
        <v>11611</v>
      </c>
      <c r="G19065" t="s">
        <v>11612</v>
      </c>
      <c r="H19065" t="s">
        <v>11613</v>
      </c>
      <c r="I19065" s="2">
        <v>0</v>
      </c>
      <c r="J19065" s="2">
        <v>0</v>
      </c>
      <c r="K19065" s="2">
        <v>1</v>
      </c>
      <c r="L19065" t="s">
        <v>995</v>
      </c>
      <c r="M19065" t="s">
        <v>83</v>
      </c>
      <c r="N19065" t="s">
        <v>91</v>
      </c>
      <c r="O19065" t="s">
        <v>85</v>
      </c>
      <c r="P19065" t="s">
        <v>86</v>
      </c>
      <c r="Q19065">
        <v>9</v>
      </c>
      <c r="R19065">
        <v>9</v>
      </c>
      <c r="S19065">
        <v>9</v>
      </c>
      <c r="T19065">
        <v>9</v>
      </c>
      <c r="U19065">
        <v>9</v>
      </c>
      <c r="V19065">
        <v>9</v>
      </c>
      <c r="W19065">
        <v>9</v>
      </c>
      <c r="X19065">
        <v>10</v>
      </c>
      <c r="Y19065">
        <v>10</v>
      </c>
      <c r="Z19065">
        <v>10</v>
      </c>
      <c r="AA19065">
        <v>10</v>
      </c>
      <c r="AB19065">
        <v>10</v>
      </c>
      <c r="AC19065">
        <v>10</v>
      </c>
      <c r="AD19065">
        <v>10</v>
      </c>
      <c r="AE19065">
        <v>10</v>
      </c>
      <c r="AF19065">
        <v>11</v>
      </c>
      <c r="AG19065">
        <v>11</v>
      </c>
      <c r="AH19065">
        <v>11</v>
      </c>
      <c r="AI19065">
        <v>11</v>
      </c>
      <c r="AJ19065">
        <v>11</v>
      </c>
      <c r="AK19065">
        <v>11</v>
      </c>
      <c r="AL19065">
        <v>11</v>
      </c>
      <c r="AM19065">
        <v>11</v>
      </c>
      <c r="AN19065">
        <v>11</v>
      </c>
      <c r="AO19065">
        <v>11</v>
      </c>
      <c r="AP19065">
        <v>11</v>
      </c>
      <c r="AQ19065">
        <v>11</v>
      </c>
    </row>
    <row r="19066" spans="1:43">
      <c r="A19066" t="s">
        <v>11820</v>
      </c>
      <c r="B19066" t="s">
        <v>11821</v>
      </c>
      <c r="C19066" t="s">
        <v>11822</v>
      </c>
      <c r="D19066" t="s">
        <v>11823</v>
      </c>
      <c r="E19066" t="s">
        <v>11610</v>
      </c>
      <c r="F19066" t="s">
        <v>11611</v>
      </c>
      <c r="G19066" t="s">
        <v>11612</v>
      </c>
      <c r="H19066" t="s">
        <v>11613</v>
      </c>
      <c r="I19066" s="2">
        <v>0</v>
      </c>
      <c r="J19066" s="2">
        <v>0</v>
      </c>
      <c r="K19066" s="2">
        <v>1</v>
      </c>
      <c r="L19066" t="s">
        <v>995</v>
      </c>
      <c r="M19066" t="s">
        <v>83</v>
      </c>
      <c r="N19066" t="s">
        <v>84</v>
      </c>
      <c r="O19066" t="s">
        <v>85</v>
      </c>
      <c r="P19066" t="s">
        <v>86</v>
      </c>
      <c r="Q19066">
        <v>11</v>
      </c>
      <c r="R19066">
        <v>11</v>
      </c>
      <c r="S19066">
        <v>11</v>
      </c>
      <c r="T19066">
        <v>12</v>
      </c>
      <c r="U19066">
        <v>12</v>
      </c>
      <c r="V19066">
        <v>12</v>
      </c>
      <c r="W19066">
        <v>12</v>
      </c>
      <c r="X19066">
        <v>12</v>
      </c>
      <c r="Y19066">
        <v>12</v>
      </c>
      <c r="Z19066">
        <v>13</v>
      </c>
      <c r="AA19066">
        <v>13</v>
      </c>
      <c r="AB19066">
        <v>13</v>
      </c>
      <c r="AC19066">
        <v>13</v>
      </c>
      <c r="AD19066">
        <v>13</v>
      </c>
      <c r="AE19066">
        <v>13</v>
      </c>
      <c r="AF19066">
        <v>13</v>
      </c>
      <c r="AG19066">
        <v>14</v>
      </c>
      <c r="AH19066">
        <v>14</v>
      </c>
      <c r="AI19066">
        <v>14</v>
      </c>
      <c r="AJ19066">
        <v>14</v>
      </c>
      <c r="AK19066">
        <v>14</v>
      </c>
      <c r="AL19066">
        <v>14</v>
      </c>
      <c r="AM19066">
        <v>14</v>
      </c>
      <c r="AN19066">
        <v>14</v>
      </c>
      <c r="AO19066">
        <v>14</v>
      </c>
      <c r="AP19066">
        <v>14</v>
      </c>
      <c r="AQ19066">
        <v>14</v>
      </c>
    </row>
    <row r="19067" spans="1:43">
      <c r="A19067" t="s">
        <v>11820</v>
      </c>
      <c r="B19067" t="s">
        <v>11821</v>
      </c>
      <c r="C19067" t="s">
        <v>11822</v>
      </c>
      <c r="D19067" t="s">
        <v>11823</v>
      </c>
      <c r="E19067" t="s">
        <v>11610</v>
      </c>
      <c r="F19067" t="s">
        <v>11611</v>
      </c>
      <c r="G19067" t="s">
        <v>11612</v>
      </c>
      <c r="H19067" t="s">
        <v>11613</v>
      </c>
      <c r="I19067" s="2">
        <v>0</v>
      </c>
      <c r="J19067" s="2">
        <v>0</v>
      </c>
      <c r="K19067" s="2">
        <v>1</v>
      </c>
      <c r="L19067" t="s">
        <v>995</v>
      </c>
      <c r="M19067" t="s">
        <v>87</v>
      </c>
      <c r="N19067" t="s">
        <v>88</v>
      </c>
      <c r="O19067" t="s">
        <v>85</v>
      </c>
      <c r="P19067" t="s">
        <v>86</v>
      </c>
      <c r="Q19067">
        <v>11</v>
      </c>
      <c r="R19067">
        <v>11</v>
      </c>
      <c r="S19067">
        <v>11</v>
      </c>
      <c r="T19067">
        <v>11</v>
      </c>
      <c r="U19067">
        <v>11</v>
      </c>
      <c r="V19067">
        <v>11</v>
      </c>
      <c r="W19067">
        <v>11</v>
      </c>
      <c r="X19067">
        <v>11</v>
      </c>
      <c r="Y19067">
        <v>11</v>
      </c>
      <c r="Z19067">
        <v>12</v>
      </c>
      <c r="AA19067">
        <v>12</v>
      </c>
      <c r="AB19067">
        <v>12</v>
      </c>
      <c r="AC19067">
        <v>12</v>
      </c>
      <c r="AD19067">
        <v>12</v>
      </c>
      <c r="AE19067">
        <v>12</v>
      </c>
      <c r="AF19067">
        <v>12</v>
      </c>
      <c r="AG19067">
        <v>12</v>
      </c>
      <c r="AH19067">
        <v>12</v>
      </c>
      <c r="AI19067">
        <v>12</v>
      </c>
      <c r="AJ19067">
        <v>12</v>
      </c>
      <c r="AK19067">
        <v>12</v>
      </c>
      <c r="AL19067">
        <v>12</v>
      </c>
      <c r="AM19067">
        <v>12</v>
      </c>
      <c r="AN19067">
        <v>12</v>
      </c>
      <c r="AO19067">
        <v>12</v>
      </c>
      <c r="AP19067">
        <v>12</v>
      </c>
      <c r="AQ19067">
        <v>12</v>
      </c>
    </row>
    <row r="19068" spans="1:43">
      <c r="A19068" t="s">
        <v>11820</v>
      </c>
      <c r="B19068" t="s">
        <v>11821</v>
      </c>
      <c r="C19068" t="s">
        <v>11822</v>
      </c>
      <c r="D19068" t="s">
        <v>11823</v>
      </c>
      <c r="E19068" t="s">
        <v>11610</v>
      </c>
      <c r="F19068" t="s">
        <v>11611</v>
      </c>
      <c r="G19068" t="s">
        <v>11612</v>
      </c>
      <c r="H19068" t="s">
        <v>11613</v>
      </c>
      <c r="I19068" s="2">
        <v>0</v>
      </c>
      <c r="J19068" s="2">
        <v>0</v>
      </c>
      <c r="K19068" s="2">
        <v>1</v>
      </c>
      <c r="L19068" t="s">
        <v>995</v>
      </c>
      <c r="M19068" t="s">
        <v>89</v>
      </c>
      <c r="N19068" t="s">
        <v>90</v>
      </c>
      <c r="O19068" t="s">
        <v>85</v>
      </c>
      <c r="P19068" t="s">
        <v>86</v>
      </c>
      <c r="Q19068">
        <v>11</v>
      </c>
      <c r="R19068">
        <v>12</v>
      </c>
      <c r="S19068">
        <v>12</v>
      </c>
      <c r="T19068">
        <v>12</v>
      </c>
      <c r="U19068">
        <v>12</v>
      </c>
      <c r="V19068">
        <v>12</v>
      </c>
      <c r="W19068">
        <v>13</v>
      </c>
      <c r="X19068">
        <v>13</v>
      </c>
      <c r="Y19068">
        <v>13</v>
      </c>
      <c r="Z19068">
        <v>13</v>
      </c>
      <c r="AA19068">
        <v>13</v>
      </c>
      <c r="AB19068">
        <v>14</v>
      </c>
      <c r="AC19068">
        <v>14</v>
      </c>
      <c r="AD19068">
        <v>14</v>
      </c>
      <c r="AE19068">
        <v>14</v>
      </c>
      <c r="AF19068">
        <v>14</v>
      </c>
      <c r="AG19068">
        <v>14</v>
      </c>
      <c r="AH19068">
        <v>14</v>
      </c>
      <c r="AI19068">
        <v>14</v>
      </c>
      <c r="AJ19068">
        <v>14</v>
      </c>
      <c r="AK19068">
        <v>14</v>
      </c>
      <c r="AL19068">
        <v>14</v>
      </c>
      <c r="AM19068">
        <v>14</v>
      </c>
      <c r="AN19068">
        <v>14</v>
      </c>
      <c r="AO19068">
        <v>14</v>
      </c>
      <c r="AP19068">
        <v>14</v>
      </c>
      <c r="AQ19068">
        <v>14</v>
      </c>
    </row>
    <row r="19069" spans="1:43">
      <c r="A19069" t="s">
        <v>11820</v>
      </c>
      <c r="B19069" t="s">
        <v>11821</v>
      </c>
      <c r="C19069" t="s">
        <v>11822</v>
      </c>
      <c r="D19069" t="s">
        <v>11823</v>
      </c>
      <c r="E19069" t="s">
        <v>11610</v>
      </c>
      <c r="F19069" t="s">
        <v>11611</v>
      </c>
      <c r="G19069" t="s">
        <v>11612</v>
      </c>
      <c r="H19069" t="s">
        <v>11613</v>
      </c>
      <c r="I19069" s="2">
        <v>0</v>
      </c>
      <c r="J19069" s="2">
        <v>0</v>
      </c>
      <c r="K19069" s="2">
        <v>1</v>
      </c>
      <c r="L19069" t="s">
        <v>995</v>
      </c>
      <c r="M19069" t="s">
        <v>83</v>
      </c>
      <c r="N19069" t="s">
        <v>91</v>
      </c>
      <c r="O19069" t="s">
        <v>85</v>
      </c>
      <c r="P19069" t="s">
        <v>86</v>
      </c>
      <c r="Q19069">
        <v>11</v>
      </c>
      <c r="R19069">
        <v>11</v>
      </c>
      <c r="S19069">
        <v>11</v>
      </c>
      <c r="T19069">
        <v>12</v>
      </c>
      <c r="U19069">
        <v>12</v>
      </c>
      <c r="V19069">
        <v>12</v>
      </c>
      <c r="W19069">
        <v>12</v>
      </c>
      <c r="X19069">
        <v>12</v>
      </c>
      <c r="Y19069">
        <v>12</v>
      </c>
      <c r="Z19069">
        <v>13</v>
      </c>
      <c r="AA19069">
        <v>13</v>
      </c>
      <c r="AB19069">
        <v>13</v>
      </c>
      <c r="AC19069">
        <v>13</v>
      </c>
      <c r="AD19069">
        <v>13</v>
      </c>
      <c r="AE19069">
        <v>13</v>
      </c>
      <c r="AF19069">
        <v>13</v>
      </c>
      <c r="AG19069">
        <v>14</v>
      </c>
      <c r="AH19069">
        <v>14</v>
      </c>
      <c r="AI19069">
        <v>14</v>
      </c>
      <c r="AJ19069">
        <v>14</v>
      </c>
      <c r="AK19069">
        <v>14</v>
      </c>
      <c r="AL19069">
        <v>14</v>
      </c>
      <c r="AM19069">
        <v>14</v>
      </c>
      <c r="AN19069">
        <v>14</v>
      </c>
      <c r="AO19069">
        <v>14</v>
      </c>
      <c r="AP19069">
        <v>14</v>
      </c>
      <c r="AQ19069">
        <v>14</v>
      </c>
    </row>
    <row r="19070" spans="1:43">
      <c r="A19070" t="s">
        <v>11824</v>
      </c>
      <c r="B19070" t="s">
        <v>11825</v>
      </c>
      <c r="C19070" t="s">
        <v>11822</v>
      </c>
      <c r="D19070" t="s">
        <v>11823</v>
      </c>
      <c r="E19070" t="s">
        <v>11610</v>
      </c>
      <c r="F19070" t="s">
        <v>11611</v>
      </c>
      <c r="G19070" t="s">
        <v>11612</v>
      </c>
      <c r="H19070" t="s">
        <v>11613</v>
      </c>
      <c r="I19070" s="2">
        <v>0</v>
      </c>
      <c r="J19070" s="2">
        <v>0</v>
      </c>
      <c r="K19070" s="2">
        <v>1</v>
      </c>
      <c r="L19070" t="s">
        <v>995</v>
      </c>
      <c r="M19070" t="s">
        <v>83</v>
      </c>
      <c r="N19070" t="s">
        <v>84</v>
      </c>
      <c r="O19070" t="s">
        <v>85</v>
      </c>
      <c r="P19070" t="s">
        <v>86</v>
      </c>
      <c r="Q19070">
        <v>24</v>
      </c>
      <c r="R19070">
        <v>25</v>
      </c>
      <c r="S19070">
        <v>25</v>
      </c>
      <c r="T19070">
        <v>25</v>
      </c>
      <c r="U19070">
        <v>26</v>
      </c>
      <c r="V19070">
        <v>26</v>
      </c>
      <c r="W19070">
        <v>26</v>
      </c>
      <c r="X19070">
        <v>26</v>
      </c>
      <c r="Y19070">
        <v>27</v>
      </c>
      <c r="Z19070">
        <v>27</v>
      </c>
      <c r="AA19070">
        <v>27</v>
      </c>
      <c r="AB19070">
        <v>28</v>
      </c>
      <c r="AC19070">
        <v>28</v>
      </c>
      <c r="AD19070">
        <v>28</v>
      </c>
      <c r="AE19070">
        <v>29</v>
      </c>
      <c r="AF19070">
        <v>29</v>
      </c>
      <c r="AG19070">
        <v>29</v>
      </c>
      <c r="AH19070">
        <v>30</v>
      </c>
      <c r="AI19070">
        <v>30</v>
      </c>
      <c r="AJ19070">
        <v>30</v>
      </c>
      <c r="AK19070">
        <v>30</v>
      </c>
      <c r="AL19070">
        <v>31</v>
      </c>
      <c r="AM19070">
        <v>31</v>
      </c>
      <c r="AN19070">
        <v>31</v>
      </c>
      <c r="AO19070">
        <v>31</v>
      </c>
      <c r="AP19070">
        <v>31</v>
      </c>
      <c r="AQ19070">
        <v>31</v>
      </c>
    </row>
    <row r="19071" spans="1:43">
      <c r="A19071" t="s">
        <v>11824</v>
      </c>
      <c r="B19071" t="s">
        <v>11825</v>
      </c>
      <c r="C19071" t="s">
        <v>11822</v>
      </c>
      <c r="D19071" t="s">
        <v>11823</v>
      </c>
      <c r="E19071" t="s">
        <v>11610</v>
      </c>
      <c r="F19071" t="s">
        <v>11611</v>
      </c>
      <c r="G19071" t="s">
        <v>11612</v>
      </c>
      <c r="H19071" t="s">
        <v>11613</v>
      </c>
      <c r="I19071" s="2">
        <v>0</v>
      </c>
      <c r="J19071" s="2">
        <v>0</v>
      </c>
      <c r="K19071" s="2">
        <v>1</v>
      </c>
      <c r="L19071" t="s">
        <v>995</v>
      </c>
      <c r="M19071" t="s">
        <v>87</v>
      </c>
      <c r="N19071" t="s">
        <v>88</v>
      </c>
      <c r="O19071" t="s">
        <v>85</v>
      </c>
      <c r="P19071" t="s">
        <v>86</v>
      </c>
      <c r="Q19071">
        <v>24</v>
      </c>
      <c r="R19071">
        <v>24</v>
      </c>
      <c r="S19071">
        <v>24</v>
      </c>
      <c r="T19071">
        <v>24</v>
      </c>
      <c r="U19071">
        <v>24</v>
      </c>
      <c r="V19071">
        <v>24</v>
      </c>
      <c r="W19071">
        <v>25</v>
      </c>
      <c r="X19071">
        <v>25</v>
      </c>
      <c r="Y19071">
        <v>25</v>
      </c>
      <c r="Z19071">
        <v>25</v>
      </c>
      <c r="AA19071">
        <v>25</v>
      </c>
      <c r="AB19071">
        <v>25</v>
      </c>
      <c r="AC19071">
        <v>25</v>
      </c>
      <c r="AD19071">
        <v>25</v>
      </c>
      <c r="AE19071">
        <v>25</v>
      </c>
      <c r="AF19071">
        <v>26</v>
      </c>
      <c r="AG19071">
        <v>26</v>
      </c>
      <c r="AH19071">
        <v>26</v>
      </c>
      <c r="AI19071">
        <v>26</v>
      </c>
      <c r="AJ19071">
        <v>26</v>
      </c>
      <c r="AK19071">
        <v>26</v>
      </c>
      <c r="AL19071">
        <v>26</v>
      </c>
      <c r="AM19071">
        <v>26</v>
      </c>
      <c r="AN19071">
        <v>26</v>
      </c>
      <c r="AO19071">
        <v>26</v>
      </c>
      <c r="AP19071">
        <v>27</v>
      </c>
      <c r="AQ19071">
        <v>27</v>
      </c>
    </row>
    <row r="19072" spans="1:43">
      <c r="A19072" t="s">
        <v>11824</v>
      </c>
      <c r="B19072" t="s">
        <v>11825</v>
      </c>
      <c r="C19072" t="s">
        <v>11822</v>
      </c>
      <c r="D19072" t="s">
        <v>11823</v>
      </c>
      <c r="E19072" t="s">
        <v>11610</v>
      </c>
      <c r="F19072" t="s">
        <v>11611</v>
      </c>
      <c r="G19072" t="s">
        <v>11612</v>
      </c>
      <c r="H19072" t="s">
        <v>11613</v>
      </c>
      <c r="I19072" s="2">
        <v>0</v>
      </c>
      <c r="J19072" s="2">
        <v>0</v>
      </c>
      <c r="K19072" s="2">
        <v>1</v>
      </c>
      <c r="L19072" t="s">
        <v>995</v>
      </c>
      <c r="M19072" t="s">
        <v>89</v>
      </c>
      <c r="N19072" t="s">
        <v>90</v>
      </c>
      <c r="O19072" t="s">
        <v>85</v>
      </c>
      <c r="P19072" t="s">
        <v>86</v>
      </c>
      <c r="Q19072">
        <v>24</v>
      </c>
      <c r="R19072">
        <v>25</v>
      </c>
      <c r="S19072">
        <v>25</v>
      </c>
      <c r="T19072">
        <v>26</v>
      </c>
      <c r="U19072">
        <v>27</v>
      </c>
      <c r="V19072">
        <v>27</v>
      </c>
      <c r="W19072">
        <v>28</v>
      </c>
      <c r="X19072">
        <v>28</v>
      </c>
      <c r="Y19072">
        <v>28</v>
      </c>
      <c r="Z19072">
        <v>29</v>
      </c>
      <c r="AA19072">
        <v>29</v>
      </c>
      <c r="AB19072">
        <v>30</v>
      </c>
      <c r="AC19072">
        <v>30</v>
      </c>
      <c r="AD19072">
        <v>30</v>
      </c>
      <c r="AE19072">
        <v>31</v>
      </c>
      <c r="AF19072">
        <v>31</v>
      </c>
      <c r="AG19072">
        <v>31</v>
      </c>
      <c r="AH19072">
        <v>31</v>
      </c>
      <c r="AI19072">
        <v>31</v>
      </c>
      <c r="AJ19072">
        <v>31</v>
      </c>
      <c r="AK19072">
        <v>31</v>
      </c>
      <c r="AL19072">
        <v>31</v>
      </c>
      <c r="AM19072">
        <v>31</v>
      </c>
      <c r="AN19072">
        <v>31</v>
      </c>
      <c r="AO19072">
        <v>31</v>
      </c>
      <c r="AP19072">
        <v>31</v>
      </c>
      <c r="AQ19072">
        <v>31</v>
      </c>
    </row>
    <row r="19073" spans="1:43">
      <c r="A19073" t="s">
        <v>11824</v>
      </c>
      <c r="B19073" t="s">
        <v>11825</v>
      </c>
      <c r="C19073" t="s">
        <v>11822</v>
      </c>
      <c r="D19073" t="s">
        <v>11823</v>
      </c>
      <c r="E19073" t="s">
        <v>11610</v>
      </c>
      <c r="F19073" t="s">
        <v>11611</v>
      </c>
      <c r="G19073" t="s">
        <v>11612</v>
      </c>
      <c r="H19073" t="s">
        <v>11613</v>
      </c>
      <c r="I19073" s="2">
        <v>0</v>
      </c>
      <c r="J19073" s="2">
        <v>0</v>
      </c>
      <c r="K19073" s="2">
        <v>1</v>
      </c>
      <c r="L19073" t="s">
        <v>995</v>
      </c>
      <c r="M19073" t="s">
        <v>83</v>
      </c>
      <c r="N19073" t="s">
        <v>91</v>
      </c>
      <c r="O19073" t="s">
        <v>85</v>
      </c>
      <c r="P19073" t="s">
        <v>86</v>
      </c>
      <c r="Q19073">
        <v>24</v>
      </c>
      <c r="R19073">
        <v>25</v>
      </c>
      <c r="S19073">
        <v>25</v>
      </c>
      <c r="T19073">
        <v>25</v>
      </c>
      <c r="U19073">
        <v>26</v>
      </c>
      <c r="V19073">
        <v>26</v>
      </c>
      <c r="W19073">
        <v>26</v>
      </c>
      <c r="X19073">
        <v>26</v>
      </c>
      <c r="Y19073">
        <v>27</v>
      </c>
      <c r="Z19073">
        <v>27</v>
      </c>
      <c r="AA19073">
        <v>27</v>
      </c>
      <c r="AB19073">
        <v>28</v>
      </c>
      <c r="AC19073">
        <v>28</v>
      </c>
      <c r="AD19073">
        <v>28</v>
      </c>
      <c r="AE19073">
        <v>29</v>
      </c>
      <c r="AF19073">
        <v>29</v>
      </c>
      <c r="AG19073">
        <v>29</v>
      </c>
      <c r="AH19073">
        <v>30</v>
      </c>
      <c r="AI19073">
        <v>30</v>
      </c>
      <c r="AJ19073">
        <v>30</v>
      </c>
      <c r="AK19073">
        <v>30</v>
      </c>
      <c r="AL19073">
        <v>31</v>
      </c>
      <c r="AM19073">
        <v>31</v>
      </c>
      <c r="AN19073">
        <v>31</v>
      </c>
      <c r="AO19073">
        <v>31</v>
      </c>
      <c r="AP19073">
        <v>31</v>
      </c>
      <c r="AQ19073">
        <v>31</v>
      </c>
    </row>
    <row r="19074" spans="1:43">
      <c r="A19074" t="s">
        <v>11826</v>
      </c>
      <c r="B19074" t="s">
        <v>11827</v>
      </c>
      <c r="C19074" t="s">
        <v>11746</v>
      </c>
      <c r="D19074" t="s">
        <v>11747</v>
      </c>
      <c r="E19074" t="s">
        <v>11610</v>
      </c>
      <c r="F19074" t="s">
        <v>11611</v>
      </c>
      <c r="G19074" t="s">
        <v>11612</v>
      </c>
      <c r="H19074" t="s">
        <v>11613</v>
      </c>
      <c r="I19074" s="2">
        <v>0</v>
      </c>
      <c r="J19074" s="2">
        <v>0</v>
      </c>
      <c r="K19074" s="2">
        <v>1</v>
      </c>
      <c r="L19074" t="s">
        <v>995</v>
      </c>
      <c r="M19074" t="s">
        <v>83</v>
      </c>
      <c r="N19074" t="s">
        <v>84</v>
      </c>
      <c r="O19074" t="s">
        <v>85</v>
      </c>
      <c r="P19074" t="s">
        <v>86</v>
      </c>
      <c r="Q19074">
        <v>7</v>
      </c>
      <c r="R19074">
        <v>7</v>
      </c>
      <c r="S19074">
        <v>7</v>
      </c>
      <c r="T19074">
        <v>7</v>
      </c>
      <c r="U19074">
        <v>8</v>
      </c>
      <c r="V19074">
        <v>8</v>
      </c>
      <c r="W19074">
        <v>8</v>
      </c>
      <c r="X19074">
        <v>8</v>
      </c>
      <c r="Y19074">
        <v>8</v>
      </c>
      <c r="Z19074">
        <v>8</v>
      </c>
      <c r="AA19074">
        <v>8</v>
      </c>
      <c r="AB19074">
        <v>8</v>
      </c>
      <c r="AC19074">
        <v>8</v>
      </c>
      <c r="AD19074">
        <v>8</v>
      </c>
      <c r="AE19074">
        <v>8</v>
      </c>
      <c r="AF19074">
        <v>9</v>
      </c>
      <c r="AG19074">
        <v>9</v>
      </c>
      <c r="AH19074">
        <v>9</v>
      </c>
      <c r="AI19074">
        <v>9</v>
      </c>
      <c r="AJ19074">
        <v>9</v>
      </c>
      <c r="AK19074">
        <v>9</v>
      </c>
      <c r="AL19074">
        <v>9</v>
      </c>
      <c r="AM19074">
        <v>9</v>
      </c>
      <c r="AN19074">
        <v>9</v>
      </c>
      <c r="AO19074">
        <v>9</v>
      </c>
      <c r="AP19074">
        <v>9</v>
      </c>
      <c r="AQ19074">
        <v>9</v>
      </c>
    </row>
    <row r="19075" spans="1:43">
      <c r="A19075" t="s">
        <v>11826</v>
      </c>
      <c r="B19075" t="s">
        <v>11827</v>
      </c>
      <c r="C19075" t="s">
        <v>11746</v>
      </c>
      <c r="D19075" t="s">
        <v>11747</v>
      </c>
      <c r="E19075" t="s">
        <v>11610</v>
      </c>
      <c r="F19075" t="s">
        <v>11611</v>
      </c>
      <c r="G19075" t="s">
        <v>11612</v>
      </c>
      <c r="H19075" t="s">
        <v>11613</v>
      </c>
      <c r="I19075" s="2">
        <v>0</v>
      </c>
      <c r="J19075" s="2">
        <v>0</v>
      </c>
      <c r="K19075" s="2">
        <v>1</v>
      </c>
      <c r="L19075" t="s">
        <v>995</v>
      </c>
      <c r="M19075" t="s">
        <v>87</v>
      </c>
      <c r="N19075" t="s">
        <v>88</v>
      </c>
      <c r="O19075" t="s">
        <v>85</v>
      </c>
      <c r="P19075" t="s">
        <v>86</v>
      </c>
      <c r="Q19075">
        <v>7</v>
      </c>
      <c r="R19075">
        <v>7</v>
      </c>
      <c r="S19075">
        <v>7</v>
      </c>
      <c r="T19075">
        <v>7</v>
      </c>
      <c r="U19075">
        <v>7</v>
      </c>
      <c r="V19075">
        <v>7</v>
      </c>
      <c r="W19075">
        <v>7</v>
      </c>
      <c r="X19075">
        <v>7</v>
      </c>
      <c r="Y19075">
        <v>7</v>
      </c>
      <c r="Z19075">
        <v>7</v>
      </c>
      <c r="AA19075">
        <v>7</v>
      </c>
      <c r="AB19075">
        <v>7</v>
      </c>
      <c r="AC19075">
        <v>7</v>
      </c>
      <c r="AD19075">
        <v>7</v>
      </c>
      <c r="AE19075">
        <v>8</v>
      </c>
      <c r="AF19075">
        <v>8</v>
      </c>
      <c r="AG19075">
        <v>8</v>
      </c>
      <c r="AH19075">
        <v>8</v>
      </c>
      <c r="AI19075">
        <v>8</v>
      </c>
      <c r="AJ19075">
        <v>8</v>
      </c>
      <c r="AK19075">
        <v>8</v>
      </c>
      <c r="AL19075">
        <v>8</v>
      </c>
      <c r="AM19075">
        <v>8</v>
      </c>
      <c r="AN19075">
        <v>8</v>
      </c>
      <c r="AO19075">
        <v>8</v>
      </c>
      <c r="AP19075">
        <v>8</v>
      </c>
      <c r="AQ19075">
        <v>8</v>
      </c>
    </row>
    <row r="19076" spans="1:43">
      <c r="A19076" t="s">
        <v>11826</v>
      </c>
      <c r="B19076" t="s">
        <v>11827</v>
      </c>
      <c r="C19076" t="s">
        <v>11746</v>
      </c>
      <c r="D19076" t="s">
        <v>11747</v>
      </c>
      <c r="E19076" t="s">
        <v>11610</v>
      </c>
      <c r="F19076" t="s">
        <v>11611</v>
      </c>
      <c r="G19076" t="s">
        <v>11612</v>
      </c>
      <c r="H19076" t="s">
        <v>11613</v>
      </c>
      <c r="I19076" s="2">
        <v>0</v>
      </c>
      <c r="J19076" s="2">
        <v>0</v>
      </c>
      <c r="K19076" s="2">
        <v>1</v>
      </c>
      <c r="L19076" t="s">
        <v>995</v>
      </c>
      <c r="M19076" t="s">
        <v>89</v>
      </c>
      <c r="N19076" t="s">
        <v>90</v>
      </c>
      <c r="O19076" t="s">
        <v>85</v>
      </c>
      <c r="P19076" t="s">
        <v>86</v>
      </c>
      <c r="Q19076">
        <v>7</v>
      </c>
      <c r="R19076">
        <v>7</v>
      </c>
      <c r="S19076">
        <v>8</v>
      </c>
      <c r="T19076">
        <v>8</v>
      </c>
      <c r="U19076">
        <v>8</v>
      </c>
      <c r="V19076">
        <v>8</v>
      </c>
      <c r="W19076">
        <v>8</v>
      </c>
      <c r="X19076">
        <v>8</v>
      </c>
      <c r="Y19076">
        <v>8</v>
      </c>
      <c r="Z19076">
        <v>9</v>
      </c>
      <c r="AA19076">
        <v>9</v>
      </c>
      <c r="AB19076">
        <v>9</v>
      </c>
      <c r="AC19076">
        <v>9</v>
      </c>
      <c r="AD19076">
        <v>9</v>
      </c>
      <c r="AE19076">
        <v>9</v>
      </c>
      <c r="AF19076">
        <v>9</v>
      </c>
      <c r="AG19076">
        <v>9</v>
      </c>
      <c r="AH19076">
        <v>9</v>
      </c>
      <c r="AI19076">
        <v>9</v>
      </c>
      <c r="AJ19076">
        <v>9</v>
      </c>
      <c r="AK19076">
        <v>9</v>
      </c>
      <c r="AL19076">
        <v>9</v>
      </c>
      <c r="AM19076">
        <v>9</v>
      </c>
      <c r="AN19076">
        <v>9</v>
      </c>
      <c r="AO19076">
        <v>9</v>
      </c>
      <c r="AP19076">
        <v>9</v>
      </c>
      <c r="AQ19076">
        <v>9</v>
      </c>
    </row>
    <row r="19077" spans="1:43">
      <c r="A19077" t="s">
        <v>11826</v>
      </c>
      <c r="B19077" t="s">
        <v>11827</v>
      </c>
      <c r="C19077" t="s">
        <v>11746</v>
      </c>
      <c r="D19077" t="s">
        <v>11747</v>
      </c>
      <c r="E19077" t="s">
        <v>11610</v>
      </c>
      <c r="F19077" t="s">
        <v>11611</v>
      </c>
      <c r="G19077" t="s">
        <v>11612</v>
      </c>
      <c r="H19077" t="s">
        <v>11613</v>
      </c>
      <c r="I19077" s="2">
        <v>0</v>
      </c>
      <c r="J19077" s="2">
        <v>0</v>
      </c>
      <c r="K19077" s="2">
        <v>1</v>
      </c>
      <c r="L19077" t="s">
        <v>995</v>
      </c>
      <c r="M19077" t="s">
        <v>83</v>
      </c>
      <c r="N19077" t="s">
        <v>91</v>
      </c>
      <c r="O19077" t="s">
        <v>85</v>
      </c>
      <c r="P19077" t="s">
        <v>86</v>
      </c>
      <c r="Q19077">
        <v>7</v>
      </c>
      <c r="R19077">
        <v>7</v>
      </c>
      <c r="S19077">
        <v>7</v>
      </c>
      <c r="T19077">
        <v>7</v>
      </c>
      <c r="U19077">
        <v>8</v>
      </c>
      <c r="V19077">
        <v>8</v>
      </c>
      <c r="W19077">
        <v>8</v>
      </c>
      <c r="X19077">
        <v>8</v>
      </c>
      <c r="Y19077">
        <v>8</v>
      </c>
      <c r="Z19077">
        <v>8</v>
      </c>
      <c r="AA19077">
        <v>8</v>
      </c>
      <c r="AB19077">
        <v>8</v>
      </c>
      <c r="AC19077">
        <v>8</v>
      </c>
      <c r="AD19077">
        <v>8</v>
      </c>
      <c r="AE19077">
        <v>8</v>
      </c>
      <c r="AF19077">
        <v>9</v>
      </c>
      <c r="AG19077">
        <v>9</v>
      </c>
      <c r="AH19077">
        <v>9</v>
      </c>
      <c r="AI19077">
        <v>9</v>
      </c>
      <c r="AJ19077">
        <v>9</v>
      </c>
      <c r="AK19077">
        <v>9</v>
      </c>
      <c r="AL19077">
        <v>9</v>
      </c>
      <c r="AM19077">
        <v>9</v>
      </c>
      <c r="AN19077">
        <v>9</v>
      </c>
      <c r="AO19077">
        <v>9</v>
      </c>
      <c r="AP19077">
        <v>9</v>
      </c>
      <c r="AQ19077">
        <v>9</v>
      </c>
    </row>
    <row r="19078" spans="1:43">
      <c r="A19078" t="s">
        <v>11828</v>
      </c>
      <c r="B19078" t="s">
        <v>11829</v>
      </c>
      <c r="C19078" t="s">
        <v>11822</v>
      </c>
      <c r="D19078" t="s">
        <v>11823</v>
      </c>
      <c r="E19078" t="s">
        <v>11610</v>
      </c>
      <c r="F19078" t="s">
        <v>11611</v>
      </c>
      <c r="G19078" t="s">
        <v>11612</v>
      </c>
      <c r="H19078" t="s">
        <v>11613</v>
      </c>
      <c r="I19078" s="2">
        <v>0</v>
      </c>
      <c r="J19078" s="2">
        <v>0</v>
      </c>
      <c r="K19078" s="2">
        <v>1</v>
      </c>
      <c r="L19078" t="s">
        <v>995</v>
      </c>
      <c r="M19078" t="s">
        <v>83</v>
      </c>
      <c r="N19078" t="s">
        <v>84</v>
      </c>
      <c r="O19078" t="s">
        <v>85</v>
      </c>
      <c r="P19078" t="s">
        <v>86</v>
      </c>
      <c r="Q19078">
        <v>47</v>
      </c>
      <c r="R19078">
        <v>47</v>
      </c>
      <c r="S19078">
        <v>48</v>
      </c>
      <c r="T19078">
        <v>49</v>
      </c>
      <c r="U19078">
        <v>49</v>
      </c>
      <c r="V19078">
        <v>50</v>
      </c>
      <c r="W19078">
        <v>50</v>
      </c>
      <c r="X19078">
        <v>51</v>
      </c>
      <c r="Y19078">
        <v>52</v>
      </c>
      <c r="Z19078">
        <v>52</v>
      </c>
      <c r="AA19078">
        <v>53</v>
      </c>
      <c r="AB19078">
        <v>54</v>
      </c>
      <c r="AC19078">
        <v>54</v>
      </c>
      <c r="AD19078">
        <v>55</v>
      </c>
      <c r="AE19078">
        <v>55</v>
      </c>
      <c r="AF19078">
        <v>56</v>
      </c>
      <c r="AG19078">
        <v>56</v>
      </c>
      <c r="AH19078">
        <v>57</v>
      </c>
      <c r="AI19078">
        <v>58</v>
      </c>
      <c r="AJ19078">
        <v>58</v>
      </c>
      <c r="AK19078">
        <v>59</v>
      </c>
      <c r="AL19078">
        <v>59</v>
      </c>
      <c r="AM19078">
        <v>59</v>
      </c>
      <c r="AN19078">
        <v>59</v>
      </c>
      <c r="AO19078">
        <v>59</v>
      </c>
      <c r="AP19078">
        <v>59</v>
      </c>
      <c r="AQ19078">
        <v>59</v>
      </c>
    </row>
    <row r="19079" spans="1:43">
      <c r="A19079" t="s">
        <v>11828</v>
      </c>
      <c r="B19079" t="s">
        <v>11829</v>
      </c>
      <c r="C19079" t="s">
        <v>11822</v>
      </c>
      <c r="D19079" t="s">
        <v>11823</v>
      </c>
      <c r="E19079" t="s">
        <v>11610</v>
      </c>
      <c r="F19079" t="s">
        <v>11611</v>
      </c>
      <c r="G19079" t="s">
        <v>11612</v>
      </c>
      <c r="H19079" t="s">
        <v>11613</v>
      </c>
      <c r="I19079" s="2">
        <v>0</v>
      </c>
      <c r="J19079" s="2">
        <v>0</v>
      </c>
      <c r="K19079" s="2">
        <v>1</v>
      </c>
      <c r="L19079" t="s">
        <v>995</v>
      </c>
      <c r="M19079" t="s">
        <v>87</v>
      </c>
      <c r="N19079" t="s">
        <v>88</v>
      </c>
      <c r="O19079" t="s">
        <v>85</v>
      </c>
      <c r="P19079" t="s">
        <v>86</v>
      </c>
      <c r="Q19079">
        <v>47</v>
      </c>
      <c r="R19079">
        <v>47</v>
      </c>
      <c r="S19079">
        <v>48</v>
      </c>
      <c r="T19079">
        <v>48</v>
      </c>
      <c r="U19079">
        <v>48</v>
      </c>
      <c r="V19079">
        <v>48</v>
      </c>
      <c r="W19079">
        <v>48</v>
      </c>
      <c r="X19079">
        <v>49</v>
      </c>
      <c r="Y19079">
        <v>49</v>
      </c>
      <c r="Z19079">
        <v>49</v>
      </c>
      <c r="AA19079">
        <v>49</v>
      </c>
      <c r="AB19079">
        <v>49</v>
      </c>
      <c r="AC19079">
        <v>50</v>
      </c>
      <c r="AD19079">
        <v>50</v>
      </c>
      <c r="AE19079">
        <v>50</v>
      </c>
      <c r="AF19079">
        <v>50</v>
      </c>
      <c r="AG19079">
        <v>50</v>
      </c>
      <c r="AH19079">
        <v>51</v>
      </c>
      <c r="AI19079">
        <v>51</v>
      </c>
      <c r="AJ19079">
        <v>51</v>
      </c>
      <c r="AK19079">
        <v>51</v>
      </c>
      <c r="AL19079">
        <v>51</v>
      </c>
      <c r="AM19079">
        <v>52</v>
      </c>
      <c r="AN19079">
        <v>52</v>
      </c>
      <c r="AO19079">
        <v>52</v>
      </c>
      <c r="AP19079">
        <v>52</v>
      </c>
      <c r="AQ19079">
        <v>52</v>
      </c>
    </row>
    <row r="19080" spans="1:43">
      <c r="A19080" t="s">
        <v>11828</v>
      </c>
      <c r="B19080" t="s">
        <v>11829</v>
      </c>
      <c r="C19080" t="s">
        <v>11822</v>
      </c>
      <c r="D19080" t="s">
        <v>11823</v>
      </c>
      <c r="E19080" t="s">
        <v>11610</v>
      </c>
      <c r="F19080" t="s">
        <v>11611</v>
      </c>
      <c r="G19080" t="s">
        <v>11612</v>
      </c>
      <c r="H19080" t="s">
        <v>11613</v>
      </c>
      <c r="I19080" s="2">
        <v>0</v>
      </c>
      <c r="J19080" s="2">
        <v>0</v>
      </c>
      <c r="K19080" s="2">
        <v>1</v>
      </c>
      <c r="L19080" t="s">
        <v>995</v>
      </c>
      <c r="M19080" t="s">
        <v>89</v>
      </c>
      <c r="N19080" t="s">
        <v>90</v>
      </c>
      <c r="O19080" t="s">
        <v>85</v>
      </c>
      <c r="P19080" t="s">
        <v>86</v>
      </c>
      <c r="Q19080">
        <v>47</v>
      </c>
      <c r="R19080">
        <v>48</v>
      </c>
      <c r="S19080">
        <v>49</v>
      </c>
      <c r="T19080">
        <v>50</v>
      </c>
      <c r="U19080">
        <v>51</v>
      </c>
      <c r="V19080">
        <v>52</v>
      </c>
      <c r="W19080">
        <v>53</v>
      </c>
      <c r="X19080">
        <v>54</v>
      </c>
      <c r="Y19080">
        <v>55</v>
      </c>
      <c r="Z19080">
        <v>56</v>
      </c>
      <c r="AA19080">
        <v>56</v>
      </c>
      <c r="AB19080">
        <v>57</v>
      </c>
      <c r="AC19080">
        <v>58</v>
      </c>
      <c r="AD19080">
        <v>59</v>
      </c>
      <c r="AE19080">
        <v>59</v>
      </c>
      <c r="AF19080">
        <v>59</v>
      </c>
      <c r="AG19080">
        <v>59</v>
      </c>
      <c r="AH19080">
        <v>59</v>
      </c>
      <c r="AI19080">
        <v>59</v>
      </c>
      <c r="AJ19080">
        <v>59</v>
      </c>
      <c r="AK19080">
        <v>59</v>
      </c>
      <c r="AL19080">
        <v>59</v>
      </c>
      <c r="AM19080">
        <v>59</v>
      </c>
      <c r="AN19080">
        <v>59</v>
      </c>
      <c r="AO19080">
        <v>59</v>
      </c>
      <c r="AP19080">
        <v>59</v>
      </c>
      <c r="AQ19080">
        <v>59</v>
      </c>
    </row>
    <row r="19081" spans="1:43">
      <c r="A19081" t="s">
        <v>11828</v>
      </c>
      <c r="B19081" t="s">
        <v>11829</v>
      </c>
      <c r="C19081" t="s">
        <v>11822</v>
      </c>
      <c r="D19081" t="s">
        <v>11823</v>
      </c>
      <c r="E19081" t="s">
        <v>11610</v>
      </c>
      <c r="F19081" t="s">
        <v>11611</v>
      </c>
      <c r="G19081" t="s">
        <v>11612</v>
      </c>
      <c r="H19081" t="s">
        <v>11613</v>
      </c>
      <c r="I19081" s="2">
        <v>0</v>
      </c>
      <c r="J19081" s="2">
        <v>0</v>
      </c>
      <c r="K19081" s="2">
        <v>1</v>
      </c>
      <c r="L19081" t="s">
        <v>995</v>
      </c>
      <c r="M19081" t="s">
        <v>83</v>
      </c>
      <c r="N19081" t="s">
        <v>91</v>
      </c>
      <c r="O19081" t="s">
        <v>85</v>
      </c>
      <c r="P19081" t="s">
        <v>86</v>
      </c>
      <c r="Q19081">
        <v>47</v>
      </c>
      <c r="R19081">
        <v>47</v>
      </c>
      <c r="S19081">
        <v>48</v>
      </c>
      <c r="T19081">
        <v>49</v>
      </c>
      <c r="U19081">
        <v>49</v>
      </c>
      <c r="V19081">
        <v>50</v>
      </c>
      <c r="W19081">
        <v>50</v>
      </c>
      <c r="X19081">
        <v>51</v>
      </c>
      <c r="Y19081">
        <v>52</v>
      </c>
      <c r="Z19081">
        <v>52</v>
      </c>
      <c r="AA19081">
        <v>53</v>
      </c>
      <c r="AB19081">
        <v>54</v>
      </c>
      <c r="AC19081">
        <v>54</v>
      </c>
      <c r="AD19081">
        <v>55</v>
      </c>
      <c r="AE19081">
        <v>55</v>
      </c>
      <c r="AF19081">
        <v>56</v>
      </c>
      <c r="AG19081">
        <v>56</v>
      </c>
      <c r="AH19081">
        <v>57</v>
      </c>
      <c r="AI19081">
        <v>58</v>
      </c>
      <c r="AJ19081">
        <v>58</v>
      </c>
      <c r="AK19081">
        <v>59</v>
      </c>
      <c r="AL19081">
        <v>59</v>
      </c>
      <c r="AM19081">
        <v>59</v>
      </c>
      <c r="AN19081">
        <v>59</v>
      </c>
      <c r="AO19081">
        <v>59</v>
      </c>
      <c r="AP19081">
        <v>59</v>
      </c>
      <c r="AQ19081">
        <v>59</v>
      </c>
    </row>
    <row r="19082" spans="1:43">
      <c r="A19082" t="s">
        <v>11830</v>
      </c>
      <c r="B19082" t="s">
        <v>11831</v>
      </c>
      <c r="C19082" t="s">
        <v>11822</v>
      </c>
      <c r="D19082" t="s">
        <v>11823</v>
      </c>
      <c r="E19082" t="s">
        <v>11610</v>
      </c>
      <c r="F19082" t="s">
        <v>11611</v>
      </c>
      <c r="G19082" t="s">
        <v>11612</v>
      </c>
      <c r="H19082" t="s">
        <v>11613</v>
      </c>
      <c r="I19082" s="2">
        <v>0</v>
      </c>
      <c r="J19082" s="2">
        <v>0</v>
      </c>
      <c r="K19082" s="2">
        <v>1</v>
      </c>
      <c r="L19082" t="s">
        <v>995</v>
      </c>
      <c r="M19082" t="s">
        <v>83</v>
      </c>
      <c r="N19082" t="s">
        <v>84</v>
      </c>
      <c r="O19082" t="s">
        <v>85</v>
      </c>
      <c r="P19082" t="s">
        <v>86</v>
      </c>
      <c r="Q19082">
        <v>2</v>
      </c>
      <c r="R19082">
        <v>2</v>
      </c>
      <c r="S19082">
        <v>3</v>
      </c>
      <c r="T19082">
        <v>3</v>
      </c>
      <c r="U19082">
        <v>3</v>
      </c>
      <c r="V19082">
        <v>3</v>
      </c>
      <c r="W19082">
        <v>3</v>
      </c>
      <c r="X19082">
        <v>3</v>
      </c>
      <c r="Y19082">
        <v>3</v>
      </c>
      <c r="Z19082">
        <v>3</v>
      </c>
      <c r="AA19082">
        <v>3</v>
      </c>
      <c r="AB19082">
        <v>3</v>
      </c>
      <c r="AC19082">
        <v>3</v>
      </c>
      <c r="AD19082">
        <v>3</v>
      </c>
      <c r="AE19082">
        <v>3</v>
      </c>
      <c r="AF19082">
        <v>3</v>
      </c>
      <c r="AG19082">
        <v>3</v>
      </c>
      <c r="AH19082">
        <v>3</v>
      </c>
      <c r="AI19082">
        <v>3</v>
      </c>
      <c r="AJ19082">
        <v>3</v>
      </c>
      <c r="AK19082">
        <v>3</v>
      </c>
      <c r="AL19082">
        <v>3</v>
      </c>
      <c r="AM19082">
        <v>3</v>
      </c>
      <c r="AN19082">
        <v>3</v>
      </c>
      <c r="AO19082">
        <v>3</v>
      </c>
      <c r="AP19082">
        <v>3</v>
      </c>
      <c r="AQ19082">
        <v>3</v>
      </c>
    </row>
    <row r="19083" spans="1:43">
      <c r="A19083" t="s">
        <v>11830</v>
      </c>
      <c r="B19083" t="s">
        <v>11831</v>
      </c>
      <c r="C19083" t="s">
        <v>11822</v>
      </c>
      <c r="D19083" t="s">
        <v>11823</v>
      </c>
      <c r="E19083" t="s">
        <v>11610</v>
      </c>
      <c r="F19083" t="s">
        <v>11611</v>
      </c>
      <c r="G19083" t="s">
        <v>11612</v>
      </c>
      <c r="H19083" t="s">
        <v>11613</v>
      </c>
      <c r="I19083" s="2">
        <v>0</v>
      </c>
      <c r="J19083" s="2">
        <v>0</v>
      </c>
      <c r="K19083" s="2">
        <v>1</v>
      </c>
      <c r="L19083" t="s">
        <v>995</v>
      </c>
      <c r="M19083" t="s">
        <v>87</v>
      </c>
      <c r="N19083" t="s">
        <v>88</v>
      </c>
      <c r="O19083" t="s">
        <v>85</v>
      </c>
      <c r="P19083" t="s">
        <v>86</v>
      </c>
      <c r="Q19083">
        <v>2</v>
      </c>
      <c r="R19083">
        <v>2</v>
      </c>
      <c r="S19083">
        <v>2</v>
      </c>
      <c r="T19083">
        <v>2</v>
      </c>
      <c r="U19083">
        <v>2</v>
      </c>
      <c r="V19083">
        <v>2</v>
      </c>
      <c r="W19083">
        <v>2</v>
      </c>
      <c r="X19083">
        <v>2</v>
      </c>
      <c r="Y19083">
        <v>3</v>
      </c>
      <c r="Z19083">
        <v>3</v>
      </c>
      <c r="AA19083">
        <v>3</v>
      </c>
      <c r="AB19083">
        <v>3</v>
      </c>
      <c r="AC19083">
        <v>3</v>
      </c>
      <c r="AD19083">
        <v>3</v>
      </c>
      <c r="AE19083">
        <v>3</v>
      </c>
      <c r="AF19083">
        <v>3</v>
      </c>
      <c r="AG19083">
        <v>3</v>
      </c>
      <c r="AH19083">
        <v>3</v>
      </c>
      <c r="AI19083">
        <v>3</v>
      </c>
      <c r="AJ19083">
        <v>3</v>
      </c>
      <c r="AK19083">
        <v>3</v>
      </c>
      <c r="AL19083">
        <v>3</v>
      </c>
      <c r="AM19083">
        <v>3</v>
      </c>
      <c r="AN19083">
        <v>3</v>
      </c>
      <c r="AO19083">
        <v>3</v>
      </c>
      <c r="AP19083">
        <v>3</v>
      </c>
      <c r="AQ19083">
        <v>3</v>
      </c>
    </row>
    <row r="19084" spans="1:43">
      <c r="A19084" t="s">
        <v>11830</v>
      </c>
      <c r="B19084" t="s">
        <v>11831</v>
      </c>
      <c r="C19084" t="s">
        <v>11822</v>
      </c>
      <c r="D19084" t="s">
        <v>11823</v>
      </c>
      <c r="E19084" t="s">
        <v>11610</v>
      </c>
      <c r="F19084" t="s">
        <v>11611</v>
      </c>
      <c r="G19084" t="s">
        <v>11612</v>
      </c>
      <c r="H19084" t="s">
        <v>11613</v>
      </c>
      <c r="I19084" s="2">
        <v>0</v>
      </c>
      <c r="J19084" s="2">
        <v>0</v>
      </c>
      <c r="K19084" s="2">
        <v>1</v>
      </c>
      <c r="L19084" t="s">
        <v>995</v>
      </c>
      <c r="M19084" t="s">
        <v>89</v>
      </c>
      <c r="N19084" t="s">
        <v>90</v>
      </c>
      <c r="O19084" t="s">
        <v>85</v>
      </c>
      <c r="P19084" t="s">
        <v>86</v>
      </c>
      <c r="Q19084">
        <v>2</v>
      </c>
      <c r="R19084">
        <v>3</v>
      </c>
      <c r="S19084">
        <v>3</v>
      </c>
      <c r="T19084">
        <v>3</v>
      </c>
      <c r="U19084">
        <v>3</v>
      </c>
      <c r="V19084">
        <v>3</v>
      </c>
      <c r="W19084">
        <v>3</v>
      </c>
      <c r="X19084">
        <v>3</v>
      </c>
      <c r="Y19084">
        <v>3</v>
      </c>
      <c r="Z19084">
        <v>3</v>
      </c>
      <c r="AA19084">
        <v>3</v>
      </c>
      <c r="AB19084">
        <v>3</v>
      </c>
      <c r="AC19084">
        <v>3</v>
      </c>
      <c r="AD19084">
        <v>3</v>
      </c>
      <c r="AE19084">
        <v>3</v>
      </c>
      <c r="AF19084">
        <v>3</v>
      </c>
      <c r="AG19084">
        <v>3</v>
      </c>
      <c r="AH19084">
        <v>3</v>
      </c>
      <c r="AI19084">
        <v>3</v>
      </c>
      <c r="AJ19084">
        <v>3</v>
      </c>
      <c r="AK19084">
        <v>3</v>
      </c>
      <c r="AL19084">
        <v>3</v>
      </c>
      <c r="AM19084">
        <v>3</v>
      </c>
      <c r="AN19084">
        <v>3</v>
      </c>
      <c r="AO19084">
        <v>3</v>
      </c>
      <c r="AP19084">
        <v>3</v>
      </c>
      <c r="AQ19084">
        <v>3</v>
      </c>
    </row>
    <row r="19085" spans="1:43">
      <c r="A19085" t="s">
        <v>11830</v>
      </c>
      <c r="B19085" t="s">
        <v>11831</v>
      </c>
      <c r="C19085" t="s">
        <v>11822</v>
      </c>
      <c r="D19085" t="s">
        <v>11823</v>
      </c>
      <c r="E19085" t="s">
        <v>11610</v>
      </c>
      <c r="F19085" t="s">
        <v>11611</v>
      </c>
      <c r="G19085" t="s">
        <v>11612</v>
      </c>
      <c r="H19085" t="s">
        <v>11613</v>
      </c>
      <c r="I19085" s="2">
        <v>0</v>
      </c>
      <c r="J19085" s="2">
        <v>0</v>
      </c>
      <c r="K19085" s="2">
        <v>1</v>
      </c>
      <c r="L19085" t="s">
        <v>995</v>
      </c>
      <c r="M19085" t="s">
        <v>83</v>
      </c>
      <c r="N19085" t="s">
        <v>91</v>
      </c>
      <c r="O19085" t="s">
        <v>85</v>
      </c>
      <c r="P19085" t="s">
        <v>86</v>
      </c>
      <c r="Q19085">
        <v>2</v>
      </c>
      <c r="R19085">
        <v>2</v>
      </c>
      <c r="S19085">
        <v>3</v>
      </c>
      <c r="T19085">
        <v>3</v>
      </c>
      <c r="U19085">
        <v>3</v>
      </c>
      <c r="V19085">
        <v>3</v>
      </c>
      <c r="W19085">
        <v>3</v>
      </c>
      <c r="X19085">
        <v>3</v>
      </c>
      <c r="Y19085">
        <v>3</v>
      </c>
      <c r="Z19085">
        <v>3</v>
      </c>
      <c r="AA19085">
        <v>3</v>
      </c>
      <c r="AB19085">
        <v>3</v>
      </c>
      <c r="AC19085">
        <v>3</v>
      </c>
      <c r="AD19085">
        <v>3</v>
      </c>
      <c r="AE19085">
        <v>3</v>
      </c>
      <c r="AF19085">
        <v>3</v>
      </c>
      <c r="AG19085">
        <v>3</v>
      </c>
      <c r="AH19085">
        <v>3</v>
      </c>
      <c r="AI19085">
        <v>3</v>
      </c>
      <c r="AJ19085">
        <v>3</v>
      </c>
      <c r="AK19085">
        <v>3</v>
      </c>
      <c r="AL19085">
        <v>3</v>
      </c>
      <c r="AM19085">
        <v>3</v>
      </c>
      <c r="AN19085">
        <v>3</v>
      </c>
      <c r="AO19085">
        <v>3</v>
      </c>
      <c r="AP19085">
        <v>3</v>
      </c>
      <c r="AQ19085">
        <v>3</v>
      </c>
    </row>
    <row r="19086" spans="1:43">
      <c r="A19086" t="s">
        <v>11832</v>
      </c>
      <c r="B19086" t="s">
        <v>11833</v>
      </c>
      <c r="C19086" t="s">
        <v>11822</v>
      </c>
      <c r="D19086" t="s">
        <v>11823</v>
      </c>
      <c r="E19086" t="s">
        <v>11610</v>
      </c>
      <c r="F19086" t="s">
        <v>11611</v>
      </c>
      <c r="G19086" t="s">
        <v>11612</v>
      </c>
      <c r="H19086" t="s">
        <v>11613</v>
      </c>
      <c r="I19086" s="2">
        <v>0</v>
      </c>
      <c r="J19086" s="2">
        <v>0</v>
      </c>
      <c r="K19086" s="2">
        <v>1</v>
      </c>
      <c r="L19086" t="s">
        <v>995</v>
      </c>
      <c r="M19086" t="s">
        <v>83</v>
      </c>
      <c r="N19086" t="s">
        <v>84</v>
      </c>
      <c r="O19086" t="s">
        <v>85</v>
      </c>
      <c r="P19086" t="s">
        <v>86</v>
      </c>
      <c r="Q19086">
        <v>72</v>
      </c>
      <c r="R19086">
        <v>73</v>
      </c>
      <c r="S19086">
        <v>73</v>
      </c>
      <c r="T19086">
        <v>74</v>
      </c>
      <c r="U19086">
        <v>75</v>
      </c>
      <c r="V19086">
        <v>76</v>
      </c>
      <c r="W19086">
        <v>77</v>
      </c>
      <c r="X19086">
        <v>78</v>
      </c>
      <c r="Y19086">
        <v>79</v>
      </c>
      <c r="Z19086">
        <v>80</v>
      </c>
      <c r="AA19086">
        <v>81</v>
      </c>
      <c r="AB19086">
        <v>82</v>
      </c>
      <c r="AC19086">
        <v>83</v>
      </c>
      <c r="AD19086">
        <v>84</v>
      </c>
      <c r="AE19086">
        <v>85</v>
      </c>
      <c r="AF19086">
        <v>86</v>
      </c>
      <c r="AG19086">
        <v>87</v>
      </c>
      <c r="AH19086">
        <v>88</v>
      </c>
      <c r="AI19086">
        <v>88</v>
      </c>
      <c r="AJ19086">
        <v>89</v>
      </c>
      <c r="AK19086">
        <v>90</v>
      </c>
      <c r="AL19086">
        <v>91</v>
      </c>
      <c r="AM19086">
        <v>91</v>
      </c>
      <c r="AN19086">
        <v>91</v>
      </c>
      <c r="AO19086">
        <v>91</v>
      </c>
      <c r="AP19086">
        <v>91</v>
      </c>
      <c r="AQ19086">
        <v>91</v>
      </c>
    </row>
    <row r="19087" spans="1:43">
      <c r="A19087" t="s">
        <v>11832</v>
      </c>
      <c r="B19087" t="s">
        <v>11833</v>
      </c>
      <c r="C19087" t="s">
        <v>11822</v>
      </c>
      <c r="D19087" t="s">
        <v>11823</v>
      </c>
      <c r="E19087" t="s">
        <v>11610</v>
      </c>
      <c r="F19087" t="s">
        <v>11611</v>
      </c>
      <c r="G19087" t="s">
        <v>11612</v>
      </c>
      <c r="H19087" t="s">
        <v>11613</v>
      </c>
      <c r="I19087" s="2">
        <v>0</v>
      </c>
      <c r="J19087" s="2">
        <v>0</v>
      </c>
      <c r="K19087" s="2">
        <v>1</v>
      </c>
      <c r="L19087" t="s">
        <v>995</v>
      </c>
      <c r="M19087" t="s">
        <v>87</v>
      </c>
      <c r="N19087" t="s">
        <v>88</v>
      </c>
      <c r="O19087" t="s">
        <v>85</v>
      </c>
      <c r="P19087" t="s">
        <v>86</v>
      </c>
      <c r="Q19087">
        <v>72</v>
      </c>
      <c r="R19087">
        <v>72</v>
      </c>
      <c r="S19087">
        <v>72</v>
      </c>
      <c r="T19087">
        <v>73</v>
      </c>
      <c r="U19087">
        <v>73</v>
      </c>
      <c r="V19087">
        <v>73</v>
      </c>
      <c r="W19087">
        <v>74</v>
      </c>
      <c r="X19087">
        <v>74</v>
      </c>
      <c r="Y19087">
        <v>74</v>
      </c>
      <c r="Z19087">
        <v>75</v>
      </c>
      <c r="AA19087">
        <v>75</v>
      </c>
      <c r="AB19087">
        <v>75</v>
      </c>
      <c r="AC19087">
        <v>75</v>
      </c>
      <c r="AD19087">
        <v>76</v>
      </c>
      <c r="AE19087">
        <v>76</v>
      </c>
      <c r="AF19087">
        <v>76</v>
      </c>
      <c r="AG19087">
        <v>77</v>
      </c>
      <c r="AH19087">
        <v>77</v>
      </c>
      <c r="AI19087">
        <v>77</v>
      </c>
      <c r="AJ19087">
        <v>78</v>
      </c>
      <c r="AK19087">
        <v>78</v>
      </c>
      <c r="AL19087">
        <v>78</v>
      </c>
      <c r="AM19087">
        <v>78</v>
      </c>
      <c r="AN19087">
        <v>79</v>
      </c>
      <c r="AO19087">
        <v>79</v>
      </c>
      <c r="AP19087">
        <v>79</v>
      </c>
      <c r="AQ19087">
        <v>80</v>
      </c>
    </row>
    <row r="19088" spans="1:43">
      <c r="A19088" t="s">
        <v>11832</v>
      </c>
      <c r="B19088" t="s">
        <v>11833</v>
      </c>
      <c r="C19088" t="s">
        <v>11822</v>
      </c>
      <c r="D19088" t="s">
        <v>11823</v>
      </c>
      <c r="E19088" t="s">
        <v>11610</v>
      </c>
      <c r="F19088" t="s">
        <v>11611</v>
      </c>
      <c r="G19088" t="s">
        <v>11612</v>
      </c>
      <c r="H19088" t="s">
        <v>11613</v>
      </c>
      <c r="I19088" s="2">
        <v>0</v>
      </c>
      <c r="J19088" s="2">
        <v>0</v>
      </c>
      <c r="K19088" s="2">
        <v>1</v>
      </c>
      <c r="L19088" t="s">
        <v>995</v>
      </c>
      <c r="M19088" t="s">
        <v>89</v>
      </c>
      <c r="N19088" t="s">
        <v>90</v>
      </c>
      <c r="O19088" t="s">
        <v>85</v>
      </c>
      <c r="P19088" t="s">
        <v>86</v>
      </c>
      <c r="Q19088">
        <v>72</v>
      </c>
      <c r="R19088">
        <v>74</v>
      </c>
      <c r="S19088">
        <v>75</v>
      </c>
      <c r="T19088">
        <v>77</v>
      </c>
      <c r="U19088">
        <v>78</v>
      </c>
      <c r="V19088">
        <v>80</v>
      </c>
      <c r="W19088">
        <v>81</v>
      </c>
      <c r="X19088">
        <v>83</v>
      </c>
      <c r="Y19088">
        <v>84</v>
      </c>
      <c r="Z19088">
        <v>85</v>
      </c>
      <c r="AA19088">
        <v>86</v>
      </c>
      <c r="AB19088">
        <v>88</v>
      </c>
      <c r="AC19088">
        <v>89</v>
      </c>
      <c r="AD19088">
        <v>90</v>
      </c>
      <c r="AE19088">
        <v>91</v>
      </c>
      <c r="AF19088">
        <v>91</v>
      </c>
      <c r="AG19088">
        <v>91</v>
      </c>
      <c r="AH19088">
        <v>91</v>
      </c>
      <c r="AI19088">
        <v>91</v>
      </c>
      <c r="AJ19088">
        <v>91</v>
      </c>
      <c r="AK19088">
        <v>91</v>
      </c>
      <c r="AL19088">
        <v>91</v>
      </c>
      <c r="AM19088">
        <v>92</v>
      </c>
      <c r="AN19088">
        <v>92</v>
      </c>
      <c r="AO19088">
        <v>92</v>
      </c>
      <c r="AP19088">
        <v>92</v>
      </c>
      <c r="AQ19088">
        <v>92</v>
      </c>
    </row>
    <row r="19089" spans="1:43">
      <c r="A19089" t="s">
        <v>11832</v>
      </c>
      <c r="B19089" t="s">
        <v>11833</v>
      </c>
      <c r="C19089" t="s">
        <v>11822</v>
      </c>
      <c r="D19089" t="s">
        <v>11823</v>
      </c>
      <c r="E19089" t="s">
        <v>11610</v>
      </c>
      <c r="F19089" t="s">
        <v>11611</v>
      </c>
      <c r="G19089" t="s">
        <v>11612</v>
      </c>
      <c r="H19089" t="s">
        <v>11613</v>
      </c>
      <c r="I19089" s="2">
        <v>0</v>
      </c>
      <c r="J19089" s="2">
        <v>0</v>
      </c>
      <c r="K19089" s="2">
        <v>1</v>
      </c>
      <c r="L19089" t="s">
        <v>995</v>
      </c>
      <c r="M19089" t="s">
        <v>83</v>
      </c>
      <c r="N19089" t="s">
        <v>91</v>
      </c>
      <c r="O19089" t="s">
        <v>85</v>
      </c>
      <c r="P19089" t="s">
        <v>86</v>
      </c>
      <c r="Q19089">
        <v>72</v>
      </c>
      <c r="R19089">
        <v>73</v>
      </c>
      <c r="S19089">
        <v>73</v>
      </c>
      <c r="T19089">
        <v>74</v>
      </c>
      <c r="U19089">
        <v>75</v>
      </c>
      <c r="V19089">
        <v>76</v>
      </c>
      <c r="W19089">
        <v>77</v>
      </c>
      <c r="X19089">
        <v>78</v>
      </c>
      <c r="Y19089">
        <v>79</v>
      </c>
      <c r="Z19089">
        <v>80</v>
      </c>
      <c r="AA19089">
        <v>81</v>
      </c>
      <c r="AB19089">
        <v>82</v>
      </c>
      <c r="AC19089">
        <v>83</v>
      </c>
      <c r="AD19089">
        <v>84</v>
      </c>
      <c r="AE19089">
        <v>85</v>
      </c>
      <c r="AF19089">
        <v>86</v>
      </c>
      <c r="AG19089">
        <v>87</v>
      </c>
      <c r="AH19089">
        <v>88</v>
      </c>
      <c r="AI19089">
        <v>88</v>
      </c>
      <c r="AJ19089">
        <v>89</v>
      </c>
      <c r="AK19089">
        <v>90</v>
      </c>
      <c r="AL19089">
        <v>91</v>
      </c>
      <c r="AM19089">
        <v>91</v>
      </c>
      <c r="AN19089">
        <v>91</v>
      </c>
      <c r="AO19089">
        <v>91</v>
      </c>
      <c r="AP19089">
        <v>91</v>
      </c>
      <c r="AQ19089">
        <v>91</v>
      </c>
    </row>
    <row r="19090" spans="1:43">
      <c r="A19090" t="s">
        <v>11834</v>
      </c>
      <c r="B19090" t="s">
        <v>11835</v>
      </c>
      <c r="C19090" t="s">
        <v>11836</v>
      </c>
      <c r="D19090" t="s">
        <v>11837</v>
      </c>
      <c r="E19090" t="s">
        <v>11610</v>
      </c>
      <c r="F19090" t="s">
        <v>11611</v>
      </c>
      <c r="G19090" t="s">
        <v>11612</v>
      </c>
      <c r="H19090" t="s">
        <v>11613</v>
      </c>
      <c r="I19090" s="2">
        <v>0</v>
      </c>
      <c r="J19090" s="2">
        <v>0</v>
      </c>
      <c r="K19090" s="2">
        <v>1</v>
      </c>
      <c r="L19090" t="s">
        <v>995</v>
      </c>
      <c r="M19090" t="s">
        <v>83</v>
      </c>
      <c r="N19090" t="s">
        <v>84</v>
      </c>
      <c r="O19090" t="s">
        <v>85</v>
      </c>
      <c r="P19090" t="s">
        <v>86</v>
      </c>
      <c r="Q19090">
        <v>49</v>
      </c>
      <c r="R19090">
        <v>50</v>
      </c>
      <c r="S19090">
        <v>50</v>
      </c>
      <c r="T19090">
        <v>51</v>
      </c>
      <c r="U19090">
        <v>52</v>
      </c>
      <c r="V19090">
        <v>52</v>
      </c>
      <c r="W19090">
        <v>53</v>
      </c>
      <c r="X19090">
        <v>54</v>
      </c>
      <c r="Y19090">
        <v>54</v>
      </c>
      <c r="Z19090">
        <v>55</v>
      </c>
      <c r="AA19090">
        <v>56</v>
      </c>
      <c r="AB19090">
        <v>56</v>
      </c>
      <c r="AC19090">
        <v>57</v>
      </c>
      <c r="AD19090">
        <v>58</v>
      </c>
      <c r="AE19090">
        <v>58</v>
      </c>
      <c r="AF19090">
        <v>59</v>
      </c>
      <c r="AG19090">
        <v>59</v>
      </c>
      <c r="AH19090">
        <v>60</v>
      </c>
      <c r="AI19090">
        <v>61</v>
      </c>
      <c r="AJ19090">
        <v>61</v>
      </c>
      <c r="AK19090">
        <v>62</v>
      </c>
      <c r="AL19090">
        <v>62</v>
      </c>
      <c r="AM19090">
        <v>62</v>
      </c>
      <c r="AN19090">
        <v>62</v>
      </c>
      <c r="AO19090">
        <v>62</v>
      </c>
      <c r="AP19090">
        <v>62</v>
      </c>
      <c r="AQ19090">
        <v>62</v>
      </c>
    </row>
    <row r="19091" spans="1:43">
      <c r="A19091" t="s">
        <v>11834</v>
      </c>
      <c r="B19091" t="s">
        <v>11835</v>
      </c>
      <c r="C19091" t="s">
        <v>11836</v>
      </c>
      <c r="D19091" t="s">
        <v>11837</v>
      </c>
      <c r="E19091" t="s">
        <v>11610</v>
      </c>
      <c r="F19091" t="s">
        <v>11611</v>
      </c>
      <c r="G19091" t="s">
        <v>11612</v>
      </c>
      <c r="H19091" t="s">
        <v>11613</v>
      </c>
      <c r="I19091" s="2">
        <v>0</v>
      </c>
      <c r="J19091" s="2">
        <v>0</v>
      </c>
      <c r="K19091" s="2">
        <v>1</v>
      </c>
      <c r="L19091" t="s">
        <v>995</v>
      </c>
      <c r="M19091" t="s">
        <v>87</v>
      </c>
      <c r="N19091" t="s">
        <v>88</v>
      </c>
      <c r="O19091" t="s">
        <v>85</v>
      </c>
      <c r="P19091" t="s">
        <v>86</v>
      </c>
      <c r="Q19091">
        <v>49</v>
      </c>
      <c r="R19091">
        <v>49</v>
      </c>
      <c r="S19091">
        <v>49</v>
      </c>
      <c r="T19091">
        <v>49</v>
      </c>
      <c r="U19091">
        <v>50</v>
      </c>
      <c r="V19091">
        <v>50</v>
      </c>
      <c r="W19091">
        <v>50</v>
      </c>
      <c r="X19091">
        <v>50</v>
      </c>
      <c r="Y19091">
        <v>50</v>
      </c>
      <c r="Z19091">
        <v>51</v>
      </c>
      <c r="AA19091">
        <v>51</v>
      </c>
      <c r="AB19091">
        <v>51</v>
      </c>
      <c r="AC19091">
        <v>51</v>
      </c>
      <c r="AD19091">
        <v>51</v>
      </c>
      <c r="AE19091">
        <v>52</v>
      </c>
      <c r="AF19091">
        <v>52</v>
      </c>
      <c r="AG19091">
        <v>52</v>
      </c>
      <c r="AH19091">
        <v>52</v>
      </c>
      <c r="AI19091">
        <v>52</v>
      </c>
      <c r="AJ19091">
        <v>53</v>
      </c>
      <c r="AK19091">
        <v>53</v>
      </c>
      <c r="AL19091">
        <v>53</v>
      </c>
      <c r="AM19091">
        <v>53</v>
      </c>
      <c r="AN19091">
        <v>53</v>
      </c>
      <c r="AO19091">
        <v>54</v>
      </c>
      <c r="AP19091">
        <v>54</v>
      </c>
      <c r="AQ19091">
        <v>54</v>
      </c>
    </row>
    <row r="19092" spans="1:43">
      <c r="A19092" t="s">
        <v>11834</v>
      </c>
      <c r="B19092" t="s">
        <v>11835</v>
      </c>
      <c r="C19092" t="s">
        <v>11836</v>
      </c>
      <c r="D19092" t="s">
        <v>11837</v>
      </c>
      <c r="E19092" t="s">
        <v>11610</v>
      </c>
      <c r="F19092" t="s">
        <v>11611</v>
      </c>
      <c r="G19092" t="s">
        <v>11612</v>
      </c>
      <c r="H19092" t="s">
        <v>11613</v>
      </c>
      <c r="I19092" s="2">
        <v>0</v>
      </c>
      <c r="J19092" s="2">
        <v>0</v>
      </c>
      <c r="K19092" s="2">
        <v>1</v>
      </c>
      <c r="L19092" t="s">
        <v>995</v>
      </c>
      <c r="M19092" t="s">
        <v>89</v>
      </c>
      <c r="N19092" t="s">
        <v>90</v>
      </c>
      <c r="O19092" t="s">
        <v>85</v>
      </c>
      <c r="P19092" t="s">
        <v>86</v>
      </c>
      <c r="Q19092">
        <v>49</v>
      </c>
      <c r="R19092">
        <v>50</v>
      </c>
      <c r="S19092">
        <v>51</v>
      </c>
      <c r="T19092">
        <v>52</v>
      </c>
      <c r="U19092">
        <v>53</v>
      </c>
      <c r="V19092">
        <v>54</v>
      </c>
      <c r="W19092">
        <v>55</v>
      </c>
      <c r="X19092">
        <v>56</v>
      </c>
      <c r="Y19092">
        <v>57</v>
      </c>
      <c r="Z19092">
        <v>58</v>
      </c>
      <c r="AA19092">
        <v>58</v>
      </c>
      <c r="AB19092">
        <v>59</v>
      </c>
      <c r="AC19092">
        <v>60</v>
      </c>
      <c r="AD19092">
        <v>61</v>
      </c>
      <c r="AE19092">
        <v>61</v>
      </c>
      <c r="AF19092">
        <v>61</v>
      </c>
      <c r="AG19092">
        <v>61</v>
      </c>
      <c r="AH19092">
        <v>61</v>
      </c>
      <c r="AI19092">
        <v>61</v>
      </c>
      <c r="AJ19092">
        <v>61</v>
      </c>
      <c r="AK19092">
        <v>61</v>
      </c>
      <c r="AL19092">
        <v>61</v>
      </c>
      <c r="AM19092">
        <v>61</v>
      </c>
      <c r="AN19092">
        <v>61</v>
      </c>
      <c r="AO19092">
        <v>61</v>
      </c>
      <c r="AP19092">
        <v>61</v>
      </c>
      <c r="AQ19092">
        <v>61</v>
      </c>
    </row>
    <row r="19093" spans="1:43">
      <c r="A19093" t="s">
        <v>11834</v>
      </c>
      <c r="B19093" t="s">
        <v>11835</v>
      </c>
      <c r="C19093" t="s">
        <v>11836</v>
      </c>
      <c r="D19093" t="s">
        <v>11837</v>
      </c>
      <c r="E19093" t="s">
        <v>11610</v>
      </c>
      <c r="F19093" t="s">
        <v>11611</v>
      </c>
      <c r="G19093" t="s">
        <v>11612</v>
      </c>
      <c r="H19093" t="s">
        <v>11613</v>
      </c>
      <c r="I19093" s="2">
        <v>0</v>
      </c>
      <c r="J19093" s="2">
        <v>0</v>
      </c>
      <c r="K19093" s="2">
        <v>1</v>
      </c>
      <c r="L19093" t="s">
        <v>995</v>
      </c>
      <c r="M19093" t="s">
        <v>83</v>
      </c>
      <c r="N19093" t="s">
        <v>91</v>
      </c>
      <c r="O19093" t="s">
        <v>85</v>
      </c>
      <c r="P19093" t="s">
        <v>86</v>
      </c>
      <c r="Q19093">
        <v>49</v>
      </c>
      <c r="R19093">
        <v>50</v>
      </c>
      <c r="S19093">
        <v>50</v>
      </c>
      <c r="T19093">
        <v>51</v>
      </c>
      <c r="U19093">
        <v>52</v>
      </c>
      <c r="V19093">
        <v>52</v>
      </c>
      <c r="W19093">
        <v>53</v>
      </c>
      <c r="X19093">
        <v>54</v>
      </c>
      <c r="Y19093">
        <v>54</v>
      </c>
      <c r="Z19093">
        <v>55</v>
      </c>
      <c r="AA19093">
        <v>56</v>
      </c>
      <c r="AB19093">
        <v>56</v>
      </c>
      <c r="AC19093">
        <v>57</v>
      </c>
      <c r="AD19093">
        <v>58</v>
      </c>
      <c r="AE19093">
        <v>58</v>
      </c>
      <c r="AF19093">
        <v>59</v>
      </c>
      <c r="AG19093">
        <v>59</v>
      </c>
      <c r="AH19093">
        <v>60</v>
      </c>
      <c r="AI19093">
        <v>61</v>
      </c>
      <c r="AJ19093">
        <v>61</v>
      </c>
      <c r="AK19093">
        <v>62</v>
      </c>
      <c r="AL19093">
        <v>62</v>
      </c>
      <c r="AM19093">
        <v>62</v>
      </c>
      <c r="AN19093">
        <v>62</v>
      </c>
      <c r="AO19093">
        <v>62</v>
      </c>
      <c r="AP19093">
        <v>62</v>
      </c>
      <c r="AQ19093">
        <v>62</v>
      </c>
    </row>
    <row r="19094" spans="1:43">
      <c r="A19094" t="s">
        <v>11838</v>
      </c>
      <c r="B19094" t="s">
        <v>11839</v>
      </c>
      <c r="C19094" t="s">
        <v>11746</v>
      </c>
      <c r="D19094" t="s">
        <v>11747</v>
      </c>
      <c r="E19094" t="s">
        <v>11610</v>
      </c>
      <c r="F19094" t="s">
        <v>11611</v>
      </c>
      <c r="G19094" t="s">
        <v>11612</v>
      </c>
      <c r="H19094" t="s">
        <v>11613</v>
      </c>
      <c r="I19094" s="2">
        <v>0</v>
      </c>
      <c r="J19094" s="2">
        <v>0</v>
      </c>
      <c r="K19094" s="2">
        <v>1</v>
      </c>
      <c r="L19094" t="s">
        <v>995</v>
      </c>
      <c r="M19094" t="s">
        <v>83</v>
      </c>
      <c r="N19094" t="s">
        <v>84</v>
      </c>
      <c r="O19094" t="s">
        <v>85</v>
      </c>
      <c r="P19094" t="s">
        <v>86</v>
      </c>
      <c r="Q19094">
        <v>4</v>
      </c>
      <c r="R19094">
        <v>4</v>
      </c>
      <c r="S19094">
        <v>4</v>
      </c>
      <c r="T19094">
        <v>4</v>
      </c>
      <c r="U19094">
        <v>4</v>
      </c>
      <c r="V19094">
        <v>4</v>
      </c>
      <c r="W19094">
        <v>4</v>
      </c>
      <c r="X19094">
        <v>4</v>
      </c>
      <c r="Y19094">
        <v>5</v>
      </c>
      <c r="Z19094">
        <v>5</v>
      </c>
      <c r="AA19094">
        <v>5</v>
      </c>
      <c r="AB19094">
        <v>5</v>
      </c>
      <c r="AC19094">
        <v>5</v>
      </c>
      <c r="AD19094">
        <v>5</v>
      </c>
      <c r="AE19094">
        <v>5</v>
      </c>
      <c r="AF19094">
        <v>5</v>
      </c>
      <c r="AG19094">
        <v>5</v>
      </c>
      <c r="AH19094">
        <v>5</v>
      </c>
      <c r="AI19094">
        <v>5</v>
      </c>
      <c r="AJ19094">
        <v>5</v>
      </c>
      <c r="AK19094">
        <v>5</v>
      </c>
      <c r="AL19094">
        <v>5</v>
      </c>
      <c r="AM19094">
        <v>5</v>
      </c>
      <c r="AN19094">
        <v>5</v>
      </c>
      <c r="AO19094">
        <v>5</v>
      </c>
      <c r="AP19094">
        <v>5</v>
      </c>
      <c r="AQ19094">
        <v>5</v>
      </c>
    </row>
    <row r="19095" spans="1:43">
      <c r="A19095" t="s">
        <v>11838</v>
      </c>
      <c r="B19095" t="s">
        <v>11839</v>
      </c>
      <c r="C19095" t="s">
        <v>11746</v>
      </c>
      <c r="D19095" t="s">
        <v>11747</v>
      </c>
      <c r="E19095" t="s">
        <v>11610</v>
      </c>
      <c r="F19095" t="s">
        <v>11611</v>
      </c>
      <c r="G19095" t="s">
        <v>11612</v>
      </c>
      <c r="H19095" t="s">
        <v>11613</v>
      </c>
      <c r="I19095" s="2">
        <v>0</v>
      </c>
      <c r="J19095" s="2">
        <v>0</v>
      </c>
      <c r="K19095" s="2">
        <v>1</v>
      </c>
      <c r="L19095" t="s">
        <v>995</v>
      </c>
      <c r="M19095" t="s">
        <v>87</v>
      </c>
      <c r="N19095" t="s">
        <v>88</v>
      </c>
      <c r="O19095" t="s">
        <v>85</v>
      </c>
      <c r="P19095" t="s">
        <v>86</v>
      </c>
      <c r="Q19095">
        <v>4</v>
      </c>
      <c r="R19095">
        <v>4</v>
      </c>
      <c r="S19095">
        <v>4</v>
      </c>
      <c r="T19095">
        <v>4</v>
      </c>
      <c r="U19095">
        <v>4</v>
      </c>
      <c r="V19095">
        <v>4</v>
      </c>
      <c r="W19095">
        <v>4</v>
      </c>
      <c r="X19095">
        <v>4</v>
      </c>
      <c r="Y19095">
        <v>4</v>
      </c>
      <c r="Z19095">
        <v>4</v>
      </c>
      <c r="AA19095">
        <v>4</v>
      </c>
      <c r="AB19095">
        <v>4</v>
      </c>
      <c r="AC19095">
        <v>4</v>
      </c>
      <c r="AD19095">
        <v>4</v>
      </c>
      <c r="AE19095">
        <v>4</v>
      </c>
      <c r="AF19095">
        <v>4</v>
      </c>
      <c r="AG19095">
        <v>4</v>
      </c>
      <c r="AH19095">
        <v>4</v>
      </c>
      <c r="AI19095">
        <v>4</v>
      </c>
      <c r="AJ19095">
        <v>4</v>
      </c>
      <c r="AK19095">
        <v>4</v>
      </c>
      <c r="AL19095">
        <v>4</v>
      </c>
      <c r="AM19095">
        <v>4</v>
      </c>
      <c r="AN19095">
        <v>4</v>
      </c>
      <c r="AO19095">
        <v>4</v>
      </c>
      <c r="AP19095">
        <v>4</v>
      </c>
      <c r="AQ19095">
        <v>5</v>
      </c>
    </row>
    <row r="19096" spans="1:43">
      <c r="A19096" t="s">
        <v>11838</v>
      </c>
      <c r="B19096" t="s">
        <v>11839</v>
      </c>
      <c r="C19096" t="s">
        <v>11746</v>
      </c>
      <c r="D19096" t="s">
        <v>11747</v>
      </c>
      <c r="E19096" t="s">
        <v>11610</v>
      </c>
      <c r="F19096" t="s">
        <v>11611</v>
      </c>
      <c r="G19096" t="s">
        <v>11612</v>
      </c>
      <c r="H19096" t="s">
        <v>11613</v>
      </c>
      <c r="I19096" s="2">
        <v>0</v>
      </c>
      <c r="J19096" s="2">
        <v>0</v>
      </c>
      <c r="K19096" s="2">
        <v>1</v>
      </c>
      <c r="L19096" t="s">
        <v>995</v>
      </c>
      <c r="M19096" t="s">
        <v>89</v>
      </c>
      <c r="N19096" t="s">
        <v>90</v>
      </c>
      <c r="O19096" t="s">
        <v>85</v>
      </c>
      <c r="P19096" t="s">
        <v>86</v>
      </c>
      <c r="Q19096">
        <v>4</v>
      </c>
      <c r="R19096">
        <v>4</v>
      </c>
      <c r="S19096">
        <v>4</v>
      </c>
      <c r="T19096">
        <v>4</v>
      </c>
      <c r="U19096">
        <v>4</v>
      </c>
      <c r="V19096">
        <v>5</v>
      </c>
      <c r="W19096">
        <v>5</v>
      </c>
      <c r="X19096">
        <v>5</v>
      </c>
      <c r="Y19096">
        <v>5</v>
      </c>
      <c r="Z19096">
        <v>5</v>
      </c>
      <c r="AA19096">
        <v>5</v>
      </c>
      <c r="AB19096">
        <v>5</v>
      </c>
      <c r="AC19096">
        <v>5</v>
      </c>
      <c r="AD19096">
        <v>5</v>
      </c>
      <c r="AE19096">
        <v>5</v>
      </c>
      <c r="AF19096">
        <v>5</v>
      </c>
      <c r="AG19096">
        <v>5</v>
      </c>
      <c r="AH19096">
        <v>5</v>
      </c>
      <c r="AI19096">
        <v>5</v>
      </c>
      <c r="AJ19096">
        <v>5</v>
      </c>
      <c r="AK19096">
        <v>5</v>
      </c>
      <c r="AL19096">
        <v>5</v>
      </c>
      <c r="AM19096">
        <v>5</v>
      </c>
      <c r="AN19096">
        <v>5</v>
      </c>
      <c r="AO19096">
        <v>5</v>
      </c>
      <c r="AP19096">
        <v>5</v>
      </c>
      <c r="AQ19096">
        <v>5</v>
      </c>
    </row>
    <row r="19097" spans="1:43">
      <c r="A19097" t="s">
        <v>11838</v>
      </c>
      <c r="B19097" t="s">
        <v>11839</v>
      </c>
      <c r="C19097" t="s">
        <v>11746</v>
      </c>
      <c r="D19097" t="s">
        <v>11747</v>
      </c>
      <c r="E19097" t="s">
        <v>11610</v>
      </c>
      <c r="F19097" t="s">
        <v>11611</v>
      </c>
      <c r="G19097" t="s">
        <v>11612</v>
      </c>
      <c r="H19097" t="s">
        <v>11613</v>
      </c>
      <c r="I19097" s="2">
        <v>0</v>
      </c>
      <c r="J19097" s="2">
        <v>0</v>
      </c>
      <c r="K19097" s="2">
        <v>1</v>
      </c>
      <c r="L19097" t="s">
        <v>995</v>
      </c>
      <c r="M19097" t="s">
        <v>83</v>
      </c>
      <c r="N19097" t="s">
        <v>91</v>
      </c>
      <c r="O19097" t="s">
        <v>85</v>
      </c>
      <c r="P19097" t="s">
        <v>86</v>
      </c>
      <c r="Q19097">
        <v>4</v>
      </c>
      <c r="R19097">
        <v>4</v>
      </c>
      <c r="S19097">
        <v>4</v>
      </c>
      <c r="T19097">
        <v>4</v>
      </c>
      <c r="U19097">
        <v>4</v>
      </c>
      <c r="V19097">
        <v>4</v>
      </c>
      <c r="W19097">
        <v>4</v>
      </c>
      <c r="X19097">
        <v>4</v>
      </c>
      <c r="Y19097">
        <v>5</v>
      </c>
      <c r="Z19097">
        <v>5</v>
      </c>
      <c r="AA19097">
        <v>5</v>
      </c>
      <c r="AB19097">
        <v>5</v>
      </c>
      <c r="AC19097">
        <v>5</v>
      </c>
      <c r="AD19097">
        <v>5</v>
      </c>
      <c r="AE19097">
        <v>5</v>
      </c>
      <c r="AF19097">
        <v>5</v>
      </c>
      <c r="AG19097">
        <v>5</v>
      </c>
      <c r="AH19097">
        <v>5</v>
      </c>
      <c r="AI19097">
        <v>5</v>
      </c>
      <c r="AJ19097">
        <v>5</v>
      </c>
      <c r="AK19097">
        <v>5</v>
      </c>
      <c r="AL19097">
        <v>5</v>
      </c>
      <c r="AM19097">
        <v>5</v>
      </c>
      <c r="AN19097">
        <v>5</v>
      </c>
      <c r="AO19097">
        <v>5</v>
      </c>
      <c r="AP19097">
        <v>5</v>
      </c>
      <c r="AQ19097">
        <v>5</v>
      </c>
    </row>
    <row r="19098" spans="1:43">
      <c r="A19098" t="s">
        <v>11840</v>
      </c>
      <c r="B19098" t="s">
        <v>11841</v>
      </c>
      <c r="C19098" t="s">
        <v>11746</v>
      </c>
      <c r="D19098" t="s">
        <v>11747</v>
      </c>
      <c r="E19098" t="s">
        <v>11610</v>
      </c>
      <c r="F19098" t="s">
        <v>11611</v>
      </c>
      <c r="G19098" t="s">
        <v>11612</v>
      </c>
      <c r="H19098" t="s">
        <v>11613</v>
      </c>
      <c r="I19098" s="2">
        <v>0</v>
      </c>
      <c r="J19098" s="2">
        <v>0</v>
      </c>
      <c r="K19098" s="2">
        <v>1</v>
      </c>
      <c r="L19098" t="s">
        <v>995</v>
      </c>
      <c r="M19098" t="s">
        <v>83</v>
      </c>
      <c r="N19098" t="s">
        <v>84</v>
      </c>
      <c r="O19098" t="s">
        <v>85</v>
      </c>
      <c r="P19098" t="s">
        <v>86</v>
      </c>
      <c r="Q19098">
        <v>24</v>
      </c>
      <c r="R19098">
        <v>24</v>
      </c>
      <c r="S19098">
        <v>25</v>
      </c>
      <c r="T19098">
        <v>25</v>
      </c>
      <c r="U19098">
        <v>25</v>
      </c>
      <c r="V19098">
        <v>26</v>
      </c>
      <c r="W19098">
        <v>26</v>
      </c>
      <c r="X19098">
        <v>26</v>
      </c>
      <c r="Y19098">
        <v>27</v>
      </c>
      <c r="Z19098">
        <v>27</v>
      </c>
      <c r="AA19098">
        <v>27</v>
      </c>
      <c r="AB19098">
        <v>27</v>
      </c>
      <c r="AC19098">
        <v>28</v>
      </c>
      <c r="AD19098">
        <v>28</v>
      </c>
      <c r="AE19098">
        <v>28</v>
      </c>
      <c r="AF19098">
        <v>29</v>
      </c>
      <c r="AG19098">
        <v>29</v>
      </c>
      <c r="AH19098">
        <v>29</v>
      </c>
      <c r="AI19098">
        <v>30</v>
      </c>
      <c r="AJ19098">
        <v>30</v>
      </c>
      <c r="AK19098">
        <v>30</v>
      </c>
      <c r="AL19098">
        <v>30</v>
      </c>
      <c r="AM19098">
        <v>30</v>
      </c>
      <c r="AN19098">
        <v>30</v>
      </c>
      <c r="AO19098">
        <v>30</v>
      </c>
      <c r="AP19098">
        <v>30</v>
      </c>
      <c r="AQ19098">
        <v>30</v>
      </c>
    </row>
    <row r="19099" spans="1:43">
      <c r="A19099" t="s">
        <v>11840</v>
      </c>
      <c r="B19099" t="s">
        <v>11841</v>
      </c>
      <c r="C19099" t="s">
        <v>11746</v>
      </c>
      <c r="D19099" t="s">
        <v>11747</v>
      </c>
      <c r="E19099" t="s">
        <v>11610</v>
      </c>
      <c r="F19099" t="s">
        <v>11611</v>
      </c>
      <c r="G19099" t="s">
        <v>11612</v>
      </c>
      <c r="H19099" t="s">
        <v>11613</v>
      </c>
      <c r="I19099" s="2">
        <v>0</v>
      </c>
      <c r="J19099" s="2">
        <v>0</v>
      </c>
      <c r="K19099" s="2">
        <v>1</v>
      </c>
      <c r="L19099" t="s">
        <v>995</v>
      </c>
      <c r="M19099" t="s">
        <v>87</v>
      </c>
      <c r="N19099" t="s">
        <v>88</v>
      </c>
      <c r="O19099" t="s">
        <v>85</v>
      </c>
      <c r="P19099" t="s">
        <v>86</v>
      </c>
      <c r="Q19099">
        <v>24</v>
      </c>
      <c r="R19099">
        <v>24</v>
      </c>
      <c r="S19099">
        <v>24</v>
      </c>
      <c r="T19099">
        <v>24</v>
      </c>
      <c r="U19099">
        <v>24</v>
      </c>
      <c r="V19099">
        <v>24</v>
      </c>
      <c r="W19099">
        <v>24</v>
      </c>
      <c r="X19099">
        <v>24</v>
      </c>
      <c r="Y19099">
        <v>25</v>
      </c>
      <c r="Z19099">
        <v>25</v>
      </c>
      <c r="AA19099">
        <v>25</v>
      </c>
      <c r="AB19099">
        <v>25</v>
      </c>
      <c r="AC19099">
        <v>25</v>
      </c>
      <c r="AD19099">
        <v>25</v>
      </c>
      <c r="AE19099">
        <v>25</v>
      </c>
      <c r="AF19099">
        <v>25</v>
      </c>
      <c r="AG19099">
        <v>25</v>
      </c>
      <c r="AH19099">
        <v>25</v>
      </c>
      <c r="AI19099">
        <v>26</v>
      </c>
      <c r="AJ19099">
        <v>26</v>
      </c>
      <c r="AK19099">
        <v>26</v>
      </c>
      <c r="AL19099">
        <v>26</v>
      </c>
      <c r="AM19099">
        <v>26</v>
      </c>
      <c r="AN19099">
        <v>26</v>
      </c>
      <c r="AO19099">
        <v>26</v>
      </c>
      <c r="AP19099">
        <v>26</v>
      </c>
      <c r="AQ19099">
        <v>26</v>
      </c>
    </row>
    <row r="19100" spans="1:43">
      <c r="A19100" t="s">
        <v>11840</v>
      </c>
      <c r="B19100" t="s">
        <v>11841</v>
      </c>
      <c r="C19100" t="s">
        <v>11746</v>
      </c>
      <c r="D19100" t="s">
        <v>11747</v>
      </c>
      <c r="E19100" t="s">
        <v>11610</v>
      </c>
      <c r="F19100" t="s">
        <v>11611</v>
      </c>
      <c r="G19100" t="s">
        <v>11612</v>
      </c>
      <c r="H19100" t="s">
        <v>11613</v>
      </c>
      <c r="I19100" s="2">
        <v>0</v>
      </c>
      <c r="J19100" s="2">
        <v>0</v>
      </c>
      <c r="K19100" s="2">
        <v>1</v>
      </c>
      <c r="L19100" t="s">
        <v>995</v>
      </c>
      <c r="M19100" t="s">
        <v>89</v>
      </c>
      <c r="N19100" t="s">
        <v>90</v>
      </c>
      <c r="O19100" t="s">
        <v>85</v>
      </c>
      <c r="P19100" t="s">
        <v>86</v>
      </c>
      <c r="Q19100">
        <v>24</v>
      </c>
      <c r="R19100">
        <v>25</v>
      </c>
      <c r="S19100">
        <v>25</v>
      </c>
      <c r="T19100">
        <v>26</v>
      </c>
      <c r="U19100">
        <v>26</v>
      </c>
      <c r="V19100">
        <v>27</v>
      </c>
      <c r="W19100">
        <v>27</v>
      </c>
      <c r="X19100">
        <v>28</v>
      </c>
      <c r="Y19100">
        <v>28</v>
      </c>
      <c r="Z19100">
        <v>28</v>
      </c>
      <c r="AA19100">
        <v>29</v>
      </c>
      <c r="AB19100">
        <v>29</v>
      </c>
      <c r="AC19100">
        <v>30</v>
      </c>
      <c r="AD19100">
        <v>30</v>
      </c>
      <c r="AE19100">
        <v>30</v>
      </c>
      <c r="AF19100">
        <v>30</v>
      </c>
      <c r="AG19100">
        <v>30</v>
      </c>
      <c r="AH19100">
        <v>30</v>
      </c>
      <c r="AI19100">
        <v>30</v>
      </c>
      <c r="AJ19100">
        <v>30</v>
      </c>
      <c r="AK19100">
        <v>30</v>
      </c>
      <c r="AL19100">
        <v>30</v>
      </c>
      <c r="AM19100">
        <v>30</v>
      </c>
      <c r="AN19100">
        <v>30</v>
      </c>
      <c r="AO19100">
        <v>30</v>
      </c>
      <c r="AP19100">
        <v>30</v>
      </c>
      <c r="AQ19100">
        <v>30</v>
      </c>
    </row>
    <row r="19101" spans="1:43">
      <c r="A19101" t="s">
        <v>11840</v>
      </c>
      <c r="B19101" t="s">
        <v>11841</v>
      </c>
      <c r="C19101" t="s">
        <v>11746</v>
      </c>
      <c r="D19101" t="s">
        <v>11747</v>
      </c>
      <c r="E19101" t="s">
        <v>11610</v>
      </c>
      <c r="F19101" t="s">
        <v>11611</v>
      </c>
      <c r="G19101" t="s">
        <v>11612</v>
      </c>
      <c r="H19101" t="s">
        <v>11613</v>
      </c>
      <c r="I19101" s="2">
        <v>0</v>
      </c>
      <c r="J19101" s="2">
        <v>0</v>
      </c>
      <c r="K19101" s="2">
        <v>1</v>
      </c>
      <c r="L19101" t="s">
        <v>995</v>
      </c>
      <c r="M19101" t="s">
        <v>83</v>
      </c>
      <c r="N19101" t="s">
        <v>91</v>
      </c>
      <c r="O19101" t="s">
        <v>85</v>
      </c>
      <c r="P19101" t="s">
        <v>86</v>
      </c>
      <c r="Q19101">
        <v>24</v>
      </c>
      <c r="R19101">
        <v>24</v>
      </c>
      <c r="S19101">
        <v>25</v>
      </c>
      <c r="T19101">
        <v>25</v>
      </c>
      <c r="U19101">
        <v>25</v>
      </c>
      <c r="V19101">
        <v>26</v>
      </c>
      <c r="W19101">
        <v>26</v>
      </c>
      <c r="X19101">
        <v>26</v>
      </c>
      <c r="Y19101">
        <v>27</v>
      </c>
      <c r="Z19101">
        <v>27</v>
      </c>
      <c r="AA19101">
        <v>27</v>
      </c>
      <c r="AB19101">
        <v>27</v>
      </c>
      <c r="AC19101">
        <v>28</v>
      </c>
      <c r="AD19101">
        <v>28</v>
      </c>
      <c r="AE19101">
        <v>28</v>
      </c>
      <c r="AF19101">
        <v>29</v>
      </c>
      <c r="AG19101">
        <v>29</v>
      </c>
      <c r="AH19101">
        <v>29</v>
      </c>
      <c r="AI19101">
        <v>30</v>
      </c>
      <c r="AJ19101">
        <v>30</v>
      </c>
      <c r="AK19101">
        <v>30</v>
      </c>
      <c r="AL19101">
        <v>30</v>
      </c>
      <c r="AM19101">
        <v>30</v>
      </c>
      <c r="AN19101">
        <v>30</v>
      </c>
      <c r="AO19101">
        <v>30</v>
      </c>
      <c r="AP19101">
        <v>30</v>
      </c>
      <c r="AQ19101">
        <v>30</v>
      </c>
    </row>
    <row r="19102" spans="1:43">
      <c r="A19102" t="s">
        <v>11842</v>
      </c>
      <c r="B19102" t="s">
        <v>11843</v>
      </c>
      <c r="C19102" t="s">
        <v>11844</v>
      </c>
      <c r="D19102" t="s">
        <v>11845</v>
      </c>
      <c r="E19102" t="s">
        <v>11610</v>
      </c>
      <c r="F19102" t="s">
        <v>11611</v>
      </c>
      <c r="G19102" t="s">
        <v>11612</v>
      </c>
      <c r="H19102" t="s">
        <v>11613</v>
      </c>
      <c r="I19102" s="2">
        <v>0</v>
      </c>
      <c r="J19102" s="2">
        <v>0</v>
      </c>
      <c r="K19102" s="2">
        <v>1</v>
      </c>
      <c r="L19102" t="s">
        <v>995</v>
      </c>
      <c r="M19102" t="s">
        <v>83</v>
      </c>
      <c r="N19102" t="s">
        <v>84</v>
      </c>
      <c r="O19102" t="s">
        <v>85</v>
      </c>
      <c r="P19102" t="s">
        <v>86</v>
      </c>
      <c r="Q19102">
        <v>126</v>
      </c>
      <c r="R19102">
        <v>128</v>
      </c>
      <c r="S19102">
        <v>130</v>
      </c>
      <c r="T19102">
        <v>131</v>
      </c>
      <c r="U19102">
        <v>133</v>
      </c>
      <c r="V19102">
        <v>135</v>
      </c>
      <c r="W19102">
        <v>136</v>
      </c>
      <c r="X19102">
        <v>138</v>
      </c>
      <c r="Y19102">
        <v>140</v>
      </c>
      <c r="Z19102">
        <v>141</v>
      </c>
      <c r="AA19102">
        <v>143</v>
      </c>
      <c r="AB19102">
        <v>145</v>
      </c>
      <c r="AC19102">
        <v>146</v>
      </c>
      <c r="AD19102">
        <v>148</v>
      </c>
      <c r="AE19102">
        <v>150</v>
      </c>
      <c r="AF19102">
        <v>151</v>
      </c>
      <c r="AG19102">
        <v>153</v>
      </c>
      <c r="AH19102">
        <v>155</v>
      </c>
      <c r="AI19102">
        <v>156</v>
      </c>
      <c r="AJ19102">
        <v>158</v>
      </c>
      <c r="AK19102">
        <v>159</v>
      </c>
      <c r="AL19102">
        <v>160</v>
      </c>
      <c r="AM19102">
        <v>160</v>
      </c>
      <c r="AN19102">
        <v>160</v>
      </c>
      <c r="AO19102">
        <v>160</v>
      </c>
      <c r="AP19102">
        <v>161</v>
      </c>
      <c r="AQ19102">
        <v>161</v>
      </c>
    </row>
    <row r="19103" spans="1:43">
      <c r="A19103" t="s">
        <v>11842</v>
      </c>
      <c r="B19103" t="s">
        <v>11843</v>
      </c>
      <c r="C19103" t="s">
        <v>11844</v>
      </c>
      <c r="D19103" t="s">
        <v>11845</v>
      </c>
      <c r="E19103" t="s">
        <v>11610</v>
      </c>
      <c r="F19103" t="s">
        <v>11611</v>
      </c>
      <c r="G19103" t="s">
        <v>11612</v>
      </c>
      <c r="H19103" t="s">
        <v>11613</v>
      </c>
      <c r="I19103" s="2">
        <v>0</v>
      </c>
      <c r="J19103" s="2">
        <v>0</v>
      </c>
      <c r="K19103" s="2">
        <v>1</v>
      </c>
      <c r="L19103" t="s">
        <v>995</v>
      </c>
      <c r="M19103" t="s">
        <v>87</v>
      </c>
      <c r="N19103" t="s">
        <v>88</v>
      </c>
      <c r="O19103" t="s">
        <v>85</v>
      </c>
      <c r="P19103" t="s">
        <v>86</v>
      </c>
      <c r="Q19103">
        <v>126</v>
      </c>
      <c r="R19103">
        <v>127</v>
      </c>
      <c r="S19103">
        <v>127</v>
      </c>
      <c r="T19103">
        <v>128</v>
      </c>
      <c r="U19103">
        <v>128</v>
      </c>
      <c r="V19103">
        <v>129</v>
      </c>
      <c r="W19103">
        <v>129</v>
      </c>
      <c r="X19103">
        <v>130</v>
      </c>
      <c r="Y19103">
        <v>130</v>
      </c>
      <c r="Z19103">
        <v>131</v>
      </c>
      <c r="AA19103">
        <v>131</v>
      </c>
      <c r="AB19103">
        <v>132</v>
      </c>
      <c r="AC19103">
        <v>132</v>
      </c>
      <c r="AD19103">
        <v>133</v>
      </c>
      <c r="AE19103">
        <v>133</v>
      </c>
      <c r="AF19103">
        <v>134</v>
      </c>
      <c r="AG19103">
        <v>134</v>
      </c>
      <c r="AH19103">
        <v>135</v>
      </c>
      <c r="AI19103">
        <v>136</v>
      </c>
      <c r="AJ19103">
        <v>136</v>
      </c>
      <c r="AK19103">
        <v>137</v>
      </c>
      <c r="AL19103">
        <v>137</v>
      </c>
      <c r="AM19103">
        <v>138</v>
      </c>
      <c r="AN19103">
        <v>138</v>
      </c>
      <c r="AO19103">
        <v>139</v>
      </c>
      <c r="AP19103">
        <v>139</v>
      </c>
      <c r="AQ19103">
        <v>140</v>
      </c>
    </row>
    <row r="19104" spans="1:43">
      <c r="A19104" t="s">
        <v>11842</v>
      </c>
      <c r="B19104" t="s">
        <v>11843</v>
      </c>
      <c r="C19104" t="s">
        <v>11844</v>
      </c>
      <c r="D19104" t="s">
        <v>11845</v>
      </c>
      <c r="E19104" t="s">
        <v>11610</v>
      </c>
      <c r="F19104" t="s">
        <v>11611</v>
      </c>
      <c r="G19104" t="s">
        <v>11612</v>
      </c>
      <c r="H19104" t="s">
        <v>11613</v>
      </c>
      <c r="I19104" s="2">
        <v>0</v>
      </c>
      <c r="J19104" s="2">
        <v>0</v>
      </c>
      <c r="K19104" s="2">
        <v>1</v>
      </c>
      <c r="L19104" t="s">
        <v>995</v>
      </c>
      <c r="M19104" t="s">
        <v>89</v>
      </c>
      <c r="N19104" t="s">
        <v>90</v>
      </c>
      <c r="O19104" t="s">
        <v>85</v>
      </c>
      <c r="P19104" t="s">
        <v>86</v>
      </c>
      <c r="Q19104">
        <v>126</v>
      </c>
      <c r="R19104">
        <v>129</v>
      </c>
      <c r="S19104">
        <v>132</v>
      </c>
      <c r="T19104">
        <v>135</v>
      </c>
      <c r="U19104">
        <v>137</v>
      </c>
      <c r="V19104">
        <v>140</v>
      </c>
      <c r="W19104">
        <v>142</v>
      </c>
      <c r="X19104">
        <v>145</v>
      </c>
      <c r="Y19104">
        <v>147</v>
      </c>
      <c r="Z19104">
        <v>149</v>
      </c>
      <c r="AA19104">
        <v>152</v>
      </c>
      <c r="AB19104">
        <v>154</v>
      </c>
      <c r="AC19104">
        <v>156</v>
      </c>
      <c r="AD19104">
        <v>158</v>
      </c>
      <c r="AE19104">
        <v>160</v>
      </c>
      <c r="AF19104">
        <v>160</v>
      </c>
      <c r="AG19104">
        <v>160</v>
      </c>
      <c r="AH19104">
        <v>160</v>
      </c>
      <c r="AI19104">
        <v>160</v>
      </c>
      <c r="AJ19104">
        <v>161</v>
      </c>
      <c r="AK19104">
        <v>161</v>
      </c>
      <c r="AL19104">
        <v>161</v>
      </c>
      <c r="AM19104">
        <v>161</v>
      </c>
      <c r="AN19104">
        <v>161</v>
      </c>
      <c r="AO19104">
        <v>161</v>
      </c>
      <c r="AP19104">
        <v>161</v>
      </c>
      <c r="AQ19104">
        <v>162</v>
      </c>
    </row>
    <row r="19105" spans="1:43">
      <c r="A19105" t="s">
        <v>11842</v>
      </c>
      <c r="B19105" t="s">
        <v>11843</v>
      </c>
      <c r="C19105" t="s">
        <v>11844</v>
      </c>
      <c r="D19105" t="s">
        <v>11845</v>
      </c>
      <c r="E19105" t="s">
        <v>11610</v>
      </c>
      <c r="F19105" t="s">
        <v>11611</v>
      </c>
      <c r="G19105" t="s">
        <v>11612</v>
      </c>
      <c r="H19105" t="s">
        <v>11613</v>
      </c>
      <c r="I19105" s="2">
        <v>0</v>
      </c>
      <c r="J19105" s="2">
        <v>0</v>
      </c>
      <c r="K19105" s="2">
        <v>1</v>
      </c>
      <c r="L19105" t="s">
        <v>995</v>
      </c>
      <c r="M19105" t="s">
        <v>83</v>
      </c>
      <c r="N19105" t="s">
        <v>91</v>
      </c>
      <c r="O19105" t="s">
        <v>85</v>
      </c>
      <c r="P19105" t="s">
        <v>86</v>
      </c>
      <c r="Q19105">
        <v>126</v>
      </c>
      <c r="R19105">
        <v>128</v>
      </c>
      <c r="S19105">
        <v>130</v>
      </c>
      <c r="T19105">
        <v>131</v>
      </c>
      <c r="U19105">
        <v>133</v>
      </c>
      <c r="V19105">
        <v>135</v>
      </c>
      <c r="W19105">
        <v>136</v>
      </c>
      <c r="X19105">
        <v>138</v>
      </c>
      <c r="Y19105">
        <v>140</v>
      </c>
      <c r="Z19105">
        <v>141</v>
      </c>
      <c r="AA19105">
        <v>143</v>
      </c>
      <c r="AB19105">
        <v>145</v>
      </c>
      <c r="AC19105">
        <v>146</v>
      </c>
      <c r="AD19105">
        <v>148</v>
      </c>
      <c r="AE19105">
        <v>150</v>
      </c>
      <c r="AF19105">
        <v>151</v>
      </c>
      <c r="AG19105">
        <v>153</v>
      </c>
      <c r="AH19105">
        <v>155</v>
      </c>
      <c r="AI19105">
        <v>156</v>
      </c>
      <c r="AJ19105">
        <v>158</v>
      </c>
      <c r="AK19105">
        <v>159</v>
      </c>
      <c r="AL19105">
        <v>160</v>
      </c>
      <c r="AM19105">
        <v>160</v>
      </c>
      <c r="AN19105">
        <v>160</v>
      </c>
      <c r="AO19105">
        <v>160</v>
      </c>
      <c r="AP19105">
        <v>161</v>
      </c>
      <c r="AQ19105">
        <v>161</v>
      </c>
    </row>
    <row r="19106" spans="1:43">
      <c r="A19106" t="s">
        <v>11846</v>
      </c>
      <c r="B19106" t="s">
        <v>11847</v>
      </c>
      <c r="C19106" t="s">
        <v>11644</v>
      </c>
      <c r="D19106" t="s">
        <v>11645</v>
      </c>
      <c r="E19106" t="s">
        <v>11610</v>
      </c>
      <c r="F19106" t="s">
        <v>11611</v>
      </c>
      <c r="G19106" t="s">
        <v>11612</v>
      </c>
      <c r="H19106" t="s">
        <v>11613</v>
      </c>
      <c r="I19106" s="2">
        <v>0</v>
      </c>
      <c r="J19106" s="2">
        <v>0</v>
      </c>
      <c r="K19106" s="2">
        <v>1</v>
      </c>
      <c r="L19106" t="s">
        <v>995</v>
      </c>
      <c r="M19106" t="s">
        <v>83</v>
      </c>
      <c r="N19106" t="s">
        <v>84</v>
      </c>
      <c r="O19106" t="s">
        <v>85</v>
      </c>
      <c r="P19106" t="s">
        <v>86</v>
      </c>
      <c r="Q19106">
        <v>28</v>
      </c>
      <c r="R19106">
        <v>28</v>
      </c>
      <c r="S19106">
        <v>28</v>
      </c>
      <c r="T19106">
        <v>29</v>
      </c>
      <c r="U19106">
        <v>29</v>
      </c>
      <c r="V19106">
        <v>29</v>
      </c>
      <c r="W19106">
        <v>30</v>
      </c>
      <c r="X19106">
        <v>30</v>
      </c>
      <c r="Y19106">
        <v>31</v>
      </c>
      <c r="Z19106">
        <v>31</v>
      </c>
      <c r="AA19106">
        <v>31</v>
      </c>
      <c r="AB19106">
        <v>32</v>
      </c>
      <c r="AC19106">
        <v>32</v>
      </c>
      <c r="AD19106">
        <v>32</v>
      </c>
      <c r="AE19106">
        <v>33</v>
      </c>
      <c r="AF19106">
        <v>33</v>
      </c>
      <c r="AG19106">
        <v>33</v>
      </c>
      <c r="AH19106">
        <v>34</v>
      </c>
      <c r="AI19106">
        <v>34</v>
      </c>
      <c r="AJ19106">
        <v>34</v>
      </c>
      <c r="AK19106">
        <v>35</v>
      </c>
      <c r="AL19106">
        <v>35</v>
      </c>
      <c r="AM19106">
        <v>35</v>
      </c>
      <c r="AN19106">
        <v>35</v>
      </c>
      <c r="AO19106">
        <v>35</v>
      </c>
      <c r="AP19106">
        <v>35</v>
      </c>
      <c r="AQ19106">
        <v>35</v>
      </c>
    </row>
    <row r="19107" spans="1:43">
      <c r="A19107" t="s">
        <v>11846</v>
      </c>
      <c r="B19107" t="s">
        <v>11847</v>
      </c>
      <c r="C19107" t="s">
        <v>11644</v>
      </c>
      <c r="D19107" t="s">
        <v>11645</v>
      </c>
      <c r="E19107" t="s">
        <v>11610</v>
      </c>
      <c r="F19107" t="s">
        <v>11611</v>
      </c>
      <c r="G19107" t="s">
        <v>11612</v>
      </c>
      <c r="H19107" t="s">
        <v>11613</v>
      </c>
      <c r="I19107" s="2">
        <v>0</v>
      </c>
      <c r="J19107" s="2">
        <v>0</v>
      </c>
      <c r="K19107" s="2">
        <v>1</v>
      </c>
      <c r="L19107" t="s">
        <v>995</v>
      </c>
      <c r="M19107" t="s">
        <v>87</v>
      </c>
      <c r="N19107" t="s">
        <v>88</v>
      </c>
      <c r="O19107" t="s">
        <v>85</v>
      </c>
      <c r="P19107" t="s">
        <v>86</v>
      </c>
      <c r="Q19107">
        <v>28</v>
      </c>
      <c r="R19107">
        <v>28</v>
      </c>
      <c r="S19107">
        <v>29</v>
      </c>
      <c r="T19107">
        <v>29</v>
      </c>
      <c r="U19107">
        <v>29</v>
      </c>
      <c r="V19107">
        <v>29</v>
      </c>
      <c r="W19107">
        <v>29</v>
      </c>
      <c r="X19107">
        <v>29</v>
      </c>
      <c r="Y19107">
        <v>29</v>
      </c>
      <c r="Z19107">
        <v>29</v>
      </c>
      <c r="AA19107">
        <v>29</v>
      </c>
      <c r="AB19107">
        <v>30</v>
      </c>
      <c r="AC19107">
        <v>30</v>
      </c>
      <c r="AD19107">
        <v>30</v>
      </c>
      <c r="AE19107">
        <v>30</v>
      </c>
      <c r="AF19107">
        <v>30</v>
      </c>
      <c r="AG19107">
        <v>30</v>
      </c>
      <c r="AH19107">
        <v>30</v>
      </c>
      <c r="AI19107">
        <v>30</v>
      </c>
      <c r="AJ19107">
        <v>30</v>
      </c>
      <c r="AK19107">
        <v>31</v>
      </c>
      <c r="AL19107">
        <v>31</v>
      </c>
      <c r="AM19107">
        <v>31</v>
      </c>
      <c r="AN19107">
        <v>31</v>
      </c>
      <c r="AO19107">
        <v>31</v>
      </c>
      <c r="AP19107">
        <v>31</v>
      </c>
      <c r="AQ19107">
        <v>31</v>
      </c>
    </row>
    <row r="19108" spans="1:43">
      <c r="A19108" t="s">
        <v>11846</v>
      </c>
      <c r="B19108" t="s">
        <v>11847</v>
      </c>
      <c r="C19108" t="s">
        <v>11644</v>
      </c>
      <c r="D19108" t="s">
        <v>11645</v>
      </c>
      <c r="E19108" t="s">
        <v>11610</v>
      </c>
      <c r="F19108" t="s">
        <v>11611</v>
      </c>
      <c r="G19108" t="s">
        <v>11612</v>
      </c>
      <c r="H19108" t="s">
        <v>11613</v>
      </c>
      <c r="I19108" s="2">
        <v>0</v>
      </c>
      <c r="J19108" s="2">
        <v>0</v>
      </c>
      <c r="K19108" s="2">
        <v>1</v>
      </c>
      <c r="L19108" t="s">
        <v>995</v>
      </c>
      <c r="M19108" t="s">
        <v>89</v>
      </c>
      <c r="N19108" t="s">
        <v>90</v>
      </c>
      <c r="O19108" t="s">
        <v>85</v>
      </c>
      <c r="P19108" t="s">
        <v>86</v>
      </c>
      <c r="Q19108">
        <v>28</v>
      </c>
      <c r="R19108">
        <v>28</v>
      </c>
      <c r="S19108">
        <v>29</v>
      </c>
      <c r="T19108">
        <v>30</v>
      </c>
      <c r="U19108">
        <v>30</v>
      </c>
      <c r="V19108">
        <v>31</v>
      </c>
      <c r="W19108">
        <v>31</v>
      </c>
      <c r="X19108">
        <v>32</v>
      </c>
      <c r="Y19108">
        <v>32</v>
      </c>
      <c r="Z19108">
        <v>33</v>
      </c>
      <c r="AA19108">
        <v>33</v>
      </c>
      <c r="AB19108">
        <v>34</v>
      </c>
      <c r="AC19108">
        <v>34</v>
      </c>
      <c r="AD19108">
        <v>35</v>
      </c>
      <c r="AE19108">
        <v>35</v>
      </c>
      <c r="AF19108">
        <v>35</v>
      </c>
      <c r="AG19108">
        <v>35</v>
      </c>
      <c r="AH19108">
        <v>35</v>
      </c>
      <c r="AI19108">
        <v>35</v>
      </c>
      <c r="AJ19108">
        <v>35</v>
      </c>
      <c r="AK19108">
        <v>35</v>
      </c>
      <c r="AL19108">
        <v>35</v>
      </c>
      <c r="AM19108">
        <v>35</v>
      </c>
      <c r="AN19108">
        <v>35</v>
      </c>
      <c r="AO19108">
        <v>35</v>
      </c>
      <c r="AP19108">
        <v>35</v>
      </c>
      <c r="AQ19108">
        <v>35</v>
      </c>
    </row>
    <row r="19109" spans="1:43">
      <c r="A19109" t="s">
        <v>11846</v>
      </c>
      <c r="B19109" t="s">
        <v>11847</v>
      </c>
      <c r="C19109" t="s">
        <v>11644</v>
      </c>
      <c r="D19109" t="s">
        <v>11645</v>
      </c>
      <c r="E19109" t="s">
        <v>11610</v>
      </c>
      <c r="F19109" t="s">
        <v>11611</v>
      </c>
      <c r="G19109" t="s">
        <v>11612</v>
      </c>
      <c r="H19109" t="s">
        <v>11613</v>
      </c>
      <c r="I19109" s="2">
        <v>0</v>
      </c>
      <c r="J19109" s="2">
        <v>0</v>
      </c>
      <c r="K19109" s="2">
        <v>1</v>
      </c>
      <c r="L19109" t="s">
        <v>995</v>
      </c>
      <c r="M19109" t="s">
        <v>83</v>
      </c>
      <c r="N19109" t="s">
        <v>91</v>
      </c>
      <c r="O19109" t="s">
        <v>85</v>
      </c>
      <c r="P19109" t="s">
        <v>86</v>
      </c>
      <c r="Q19109">
        <v>28</v>
      </c>
      <c r="R19109">
        <v>28</v>
      </c>
      <c r="S19109">
        <v>28</v>
      </c>
      <c r="T19109">
        <v>29</v>
      </c>
      <c r="U19109">
        <v>29</v>
      </c>
      <c r="V19109">
        <v>29</v>
      </c>
      <c r="W19109">
        <v>30</v>
      </c>
      <c r="X19109">
        <v>30</v>
      </c>
      <c r="Y19109">
        <v>31</v>
      </c>
      <c r="Z19109">
        <v>31</v>
      </c>
      <c r="AA19109">
        <v>31</v>
      </c>
      <c r="AB19109">
        <v>32</v>
      </c>
      <c r="AC19109">
        <v>32</v>
      </c>
      <c r="AD19109">
        <v>32</v>
      </c>
      <c r="AE19109">
        <v>33</v>
      </c>
      <c r="AF19109">
        <v>33</v>
      </c>
      <c r="AG19109">
        <v>33</v>
      </c>
      <c r="AH19109">
        <v>34</v>
      </c>
      <c r="AI19109">
        <v>34</v>
      </c>
      <c r="AJ19109">
        <v>34</v>
      </c>
      <c r="AK19109">
        <v>35</v>
      </c>
      <c r="AL19109">
        <v>35</v>
      </c>
      <c r="AM19109">
        <v>35</v>
      </c>
      <c r="AN19109">
        <v>35</v>
      </c>
      <c r="AO19109">
        <v>35</v>
      </c>
      <c r="AP19109">
        <v>35</v>
      </c>
      <c r="AQ19109">
        <v>35</v>
      </c>
    </row>
    <row r="19110" spans="1:43">
      <c r="A19110" t="s">
        <v>11848</v>
      </c>
      <c r="B19110" t="s">
        <v>11849</v>
      </c>
      <c r="C19110" t="s">
        <v>11644</v>
      </c>
      <c r="D19110" t="s">
        <v>11645</v>
      </c>
      <c r="E19110" t="s">
        <v>11610</v>
      </c>
      <c r="F19110" t="s">
        <v>11611</v>
      </c>
      <c r="G19110" t="s">
        <v>11612</v>
      </c>
      <c r="H19110" t="s">
        <v>11613</v>
      </c>
      <c r="I19110" s="2">
        <v>0</v>
      </c>
      <c r="J19110" s="2">
        <v>0</v>
      </c>
      <c r="K19110" s="2">
        <v>1</v>
      </c>
      <c r="L19110" t="s">
        <v>995</v>
      </c>
      <c r="M19110" t="s">
        <v>83</v>
      </c>
      <c r="N19110" t="s">
        <v>84</v>
      </c>
      <c r="O19110" t="s">
        <v>85</v>
      </c>
      <c r="P19110" t="s">
        <v>86</v>
      </c>
      <c r="Q19110">
        <v>48</v>
      </c>
      <c r="R19110">
        <v>48</v>
      </c>
      <c r="S19110">
        <v>49</v>
      </c>
      <c r="T19110">
        <v>50</v>
      </c>
      <c r="U19110">
        <v>50</v>
      </c>
      <c r="V19110">
        <v>51</v>
      </c>
      <c r="W19110">
        <v>52</v>
      </c>
      <c r="X19110">
        <v>52</v>
      </c>
      <c r="Y19110">
        <v>53</v>
      </c>
      <c r="Z19110">
        <v>53</v>
      </c>
      <c r="AA19110">
        <v>54</v>
      </c>
      <c r="AB19110">
        <v>55</v>
      </c>
      <c r="AC19110">
        <v>55</v>
      </c>
      <c r="AD19110">
        <v>56</v>
      </c>
      <c r="AE19110">
        <v>56</v>
      </c>
      <c r="AF19110">
        <v>57</v>
      </c>
      <c r="AG19110">
        <v>58</v>
      </c>
      <c r="AH19110">
        <v>58</v>
      </c>
      <c r="AI19110">
        <v>59</v>
      </c>
      <c r="AJ19110">
        <v>59</v>
      </c>
      <c r="AK19110">
        <v>60</v>
      </c>
      <c r="AL19110">
        <v>60</v>
      </c>
      <c r="AM19110">
        <v>60</v>
      </c>
      <c r="AN19110">
        <v>60</v>
      </c>
      <c r="AO19110">
        <v>60</v>
      </c>
      <c r="AP19110">
        <v>60</v>
      </c>
      <c r="AQ19110">
        <v>60</v>
      </c>
    </row>
    <row r="19111" spans="1:43">
      <c r="A19111" t="s">
        <v>11848</v>
      </c>
      <c r="B19111" t="s">
        <v>11849</v>
      </c>
      <c r="C19111" t="s">
        <v>11644</v>
      </c>
      <c r="D19111" t="s">
        <v>11645</v>
      </c>
      <c r="E19111" t="s">
        <v>11610</v>
      </c>
      <c r="F19111" t="s">
        <v>11611</v>
      </c>
      <c r="G19111" t="s">
        <v>11612</v>
      </c>
      <c r="H19111" t="s">
        <v>11613</v>
      </c>
      <c r="I19111" s="2">
        <v>0</v>
      </c>
      <c r="J19111" s="2">
        <v>0</v>
      </c>
      <c r="K19111" s="2">
        <v>1</v>
      </c>
      <c r="L19111" t="s">
        <v>995</v>
      </c>
      <c r="M19111" t="s">
        <v>87</v>
      </c>
      <c r="N19111" t="s">
        <v>88</v>
      </c>
      <c r="O19111" t="s">
        <v>85</v>
      </c>
      <c r="P19111" t="s">
        <v>86</v>
      </c>
      <c r="Q19111">
        <v>48</v>
      </c>
      <c r="R19111">
        <v>48</v>
      </c>
      <c r="S19111">
        <v>49</v>
      </c>
      <c r="T19111">
        <v>49</v>
      </c>
      <c r="U19111">
        <v>49</v>
      </c>
      <c r="V19111">
        <v>49</v>
      </c>
      <c r="W19111">
        <v>49</v>
      </c>
      <c r="X19111">
        <v>50</v>
      </c>
      <c r="Y19111">
        <v>50</v>
      </c>
      <c r="Z19111">
        <v>50</v>
      </c>
      <c r="AA19111">
        <v>50</v>
      </c>
      <c r="AB19111">
        <v>50</v>
      </c>
      <c r="AC19111">
        <v>51</v>
      </c>
      <c r="AD19111">
        <v>51</v>
      </c>
      <c r="AE19111">
        <v>51</v>
      </c>
      <c r="AF19111">
        <v>51</v>
      </c>
      <c r="AG19111">
        <v>51</v>
      </c>
      <c r="AH19111">
        <v>52</v>
      </c>
      <c r="AI19111">
        <v>52</v>
      </c>
      <c r="AJ19111">
        <v>52</v>
      </c>
      <c r="AK19111">
        <v>52</v>
      </c>
      <c r="AL19111">
        <v>52</v>
      </c>
      <c r="AM19111">
        <v>53</v>
      </c>
      <c r="AN19111">
        <v>53</v>
      </c>
      <c r="AO19111">
        <v>53</v>
      </c>
      <c r="AP19111">
        <v>53</v>
      </c>
      <c r="AQ19111">
        <v>53</v>
      </c>
    </row>
    <row r="19112" spans="1:43">
      <c r="A19112" t="s">
        <v>11848</v>
      </c>
      <c r="B19112" t="s">
        <v>11849</v>
      </c>
      <c r="C19112" t="s">
        <v>11644</v>
      </c>
      <c r="D19112" t="s">
        <v>11645</v>
      </c>
      <c r="E19112" t="s">
        <v>11610</v>
      </c>
      <c r="F19112" t="s">
        <v>11611</v>
      </c>
      <c r="G19112" t="s">
        <v>11612</v>
      </c>
      <c r="H19112" t="s">
        <v>11613</v>
      </c>
      <c r="I19112" s="2">
        <v>0</v>
      </c>
      <c r="J19112" s="2">
        <v>0</v>
      </c>
      <c r="K19112" s="2">
        <v>1</v>
      </c>
      <c r="L19112" t="s">
        <v>995</v>
      </c>
      <c r="M19112" t="s">
        <v>89</v>
      </c>
      <c r="N19112" t="s">
        <v>90</v>
      </c>
      <c r="O19112" t="s">
        <v>85</v>
      </c>
      <c r="P19112" t="s">
        <v>86</v>
      </c>
      <c r="Q19112">
        <v>48</v>
      </c>
      <c r="R19112">
        <v>49</v>
      </c>
      <c r="S19112">
        <v>50</v>
      </c>
      <c r="T19112">
        <v>51</v>
      </c>
      <c r="U19112">
        <v>52</v>
      </c>
      <c r="V19112">
        <v>53</v>
      </c>
      <c r="W19112">
        <v>54</v>
      </c>
      <c r="X19112">
        <v>55</v>
      </c>
      <c r="Y19112">
        <v>56</v>
      </c>
      <c r="Z19112">
        <v>57</v>
      </c>
      <c r="AA19112">
        <v>58</v>
      </c>
      <c r="AB19112">
        <v>58</v>
      </c>
      <c r="AC19112">
        <v>59</v>
      </c>
      <c r="AD19112">
        <v>60</v>
      </c>
      <c r="AE19112">
        <v>61</v>
      </c>
      <c r="AF19112">
        <v>61</v>
      </c>
      <c r="AG19112">
        <v>61</v>
      </c>
      <c r="AH19112">
        <v>61</v>
      </c>
      <c r="AI19112">
        <v>61</v>
      </c>
      <c r="AJ19112">
        <v>61</v>
      </c>
      <c r="AK19112">
        <v>61</v>
      </c>
      <c r="AL19112">
        <v>61</v>
      </c>
      <c r="AM19112">
        <v>61</v>
      </c>
      <c r="AN19112">
        <v>61</v>
      </c>
      <c r="AO19112">
        <v>61</v>
      </c>
      <c r="AP19112">
        <v>61</v>
      </c>
      <c r="AQ19112">
        <v>61</v>
      </c>
    </row>
    <row r="19113" spans="1:43">
      <c r="A19113" t="s">
        <v>11848</v>
      </c>
      <c r="B19113" t="s">
        <v>11849</v>
      </c>
      <c r="C19113" t="s">
        <v>11644</v>
      </c>
      <c r="D19113" t="s">
        <v>11645</v>
      </c>
      <c r="E19113" t="s">
        <v>11610</v>
      </c>
      <c r="F19113" t="s">
        <v>11611</v>
      </c>
      <c r="G19113" t="s">
        <v>11612</v>
      </c>
      <c r="H19113" t="s">
        <v>11613</v>
      </c>
      <c r="I19113" s="2">
        <v>0</v>
      </c>
      <c r="J19113" s="2">
        <v>0</v>
      </c>
      <c r="K19113" s="2">
        <v>1</v>
      </c>
      <c r="L19113" t="s">
        <v>995</v>
      </c>
      <c r="M19113" t="s">
        <v>83</v>
      </c>
      <c r="N19113" t="s">
        <v>91</v>
      </c>
      <c r="O19113" t="s">
        <v>85</v>
      </c>
      <c r="P19113" t="s">
        <v>86</v>
      </c>
      <c r="Q19113">
        <v>48</v>
      </c>
      <c r="R19113">
        <v>48</v>
      </c>
      <c r="S19113">
        <v>49</v>
      </c>
      <c r="T19113">
        <v>50</v>
      </c>
      <c r="U19113">
        <v>50</v>
      </c>
      <c r="V19113">
        <v>51</v>
      </c>
      <c r="W19113">
        <v>52</v>
      </c>
      <c r="X19113">
        <v>52</v>
      </c>
      <c r="Y19113">
        <v>53</v>
      </c>
      <c r="Z19113">
        <v>53</v>
      </c>
      <c r="AA19113">
        <v>54</v>
      </c>
      <c r="AB19113">
        <v>55</v>
      </c>
      <c r="AC19113">
        <v>55</v>
      </c>
      <c r="AD19113">
        <v>56</v>
      </c>
      <c r="AE19113">
        <v>56</v>
      </c>
      <c r="AF19113">
        <v>57</v>
      </c>
      <c r="AG19113">
        <v>58</v>
      </c>
      <c r="AH19113">
        <v>58</v>
      </c>
      <c r="AI19113">
        <v>59</v>
      </c>
      <c r="AJ19113">
        <v>59</v>
      </c>
      <c r="AK19113">
        <v>60</v>
      </c>
      <c r="AL19113">
        <v>60</v>
      </c>
      <c r="AM19113">
        <v>60</v>
      </c>
      <c r="AN19113">
        <v>60</v>
      </c>
      <c r="AO19113">
        <v>60</v>
      </c>
      <c r="AP19113">
        <v>60</v>
      </c>
      <c r="AQ19113">
        <v>60</v>
      </c>
    </row>
    <row r="19114" spans="1:43">
      <c r="A19114" t="s">
        <v>11850</v>
      </c>
      <c r="B19114" t="s">
        <v>11851</v>
      </c>
      <c r="C19114" t="s">
        <v>11644</v>
      </c>
      <c r="D19114" t="s">
        <v>11645</v>
      </c>
      <c r="E19114" t="s">
        <v>11610</v>
      </c>
      <c r="F19114" t="s">
        <v>11611</v>
      </c>
      <c r="G19114" t="s">
        <v>11612</v>
      </c>
      <c r="H19114" t="s">
        <v>11613</v>
      </c>
      <c r="I19114" s="2">
        <v>0</v>
      </c>
      <c r="J19114" s="2">
        <v>0</v>
      </c>
      <c r="K19114" s="2">
        <v>1</v>
      </c>
      <c r="L19114" t="s">
        <v>995</v>
      </c>
      <c r="M19114" t="s">
        <v>83</v>
      </c>
      <c r="N19114" t="s">
        <v>84</v>
      </c>
      <c r="O19114" t="s">
        <v>85</v>
      </c>
      <c r="P19114" t="s">
        <v>86</v>
      </c>
      <c r="Q19114">
        <v>139</v>
      </c>
      <c r="R19114">
        <v>141</v>
      </c>
      <c r="S19114">
        <v>143</v>
      </c>
      <c r="T19114">
        <v>145</v>
      </c>
      <c r="U19114">
        <v>147</v>
      </c>
      <c r="V19114">
        <v>149</v>
      </c>
      <c r="W19114">
        <v>151</v>
      </c>
      <c r="X19114">
        <v>153</v>
      </c>
      <c r="Y19114">
        <v>154</v>
      </c>
      <c r="Z19114">
        <v>156</v>
      </c>
      <c r="AA19114">
        <v>158</v>
      </c>
      <c r="AB19114">
        <v>160</v>
      </c>
      <c r="AC19114">
        <v>162</v>
      </c>
      <c r="AD19114">
        <v>164</v>
      </c>
      <c r="AE19114">
        <v>165</v>
      </c>
      <c r="AF19114">
        <v>167</v>
      </c>
      <c r="AG19114">
        <v>169</v>
      </c>
      <c r="AH19114">
        <v>171</v>
      </c>
      <c r="AI19114">
        <v>172</v>
      </c>
      <c r="AJ19114">
        <v>174</v>
      </c>
      <c r="AK19114">
        <v>176</v>
      </c>
      <c r="AL19114">
        <v>177</v>
      </c>
      <c r="AM19114">
        <v>177</v>
      </c>
      <c r="AN19114">
        <v>177</v>
      </c>
      <c r="AO19114">
        <v>177</v>
      </c>
      <c r="AP19114">
        <v>177</v>
      </c>
      <c r="AQ19114">
        <v>178</v>
      </c>
    </row>
    <row r="19115" spans="1:43">
      <c r="A19115" t="s">
        <v>11850</v>
      </c>
      <c r="B19115" t="s">
        <v>11851</v>
      </c>
      <c r="C19115" t="s">
        <v>11644</v>
      </c>
      <c r="D19115" t="s">
        <v>11645</v>
      </c>
      <c r="E19115" t="s">
        <v>11610</v>
      </c>
      <c r="F19115" t="s">
        <v>11611</v>
      </c>
      <c r="G19115" t="s">
        <v>11612</v>
      </c>
      <c r="H19115" t="s">
        <v>11613</v>
      </c>
      <c r="I19115" s="2">
        <v>0</v>
      </c>
      <c r="J19115" s="2">
        <v>0</v>
      </c>
      <c r="K19115" s="2">
        <v>1</v>
      </c>
      <c r="L19115" t="s">
        <v>995</v>
      </c>
      <c r="M19115" t="s">
        <v>87</v>
      </c>
      <c r="N19115" t="s">
        <v>88</v>
      </c>
      <c r="O19115" t="s">
        <v>85</v>
      </c>
      <c r="P19115" t="s">
        <v>86</v>
      </c>
      <c r="Q19115">
        <v>139</v>
      </c>
      <c r="R19115">
        <v>140</v>
      </c>
      <c r="S19115">
        <v>140</v>
      </c>
      <c r="T19115">
        <v>141</v>
      </c>
      <c r="U19115">
        <v>141</v>
      </c>
      <c r="V19115">
        <v>142</v>
      </c>
      <c r="W19115">
        <v>143</v>
      </c>
      <c r="X19115">
        <v>143</v>
      </c>
      <c r="Y19115">
        <v>144</v>
      </c>
      <c r="Z19115">
        <v>144</v>
      </c>
      <c r="AA19115">
        <v>145</v>
      </c>
      <c r="AB19115">
        <v>146</v>
      </c>
      <c r="AC19115">
        <v>146</v>
      </c>
      <c r="AD19115">
        <v>147</v>
      </c>
      <c r="AE19115">
        <v>147</v>
      </c>
      <c r="AF19115">
        <v>148</v>
      </c>
      <c r="AG19115">
        <v>148</v>
      </c>
      <c r="AH19115">
        <v>149</v>
      </c>
      <c r="AI19115">
        <v>150</v>
      </c>
      <c r="AJ19115">
        <v>150</v>
      </c>
      <c r="AK19115">
        <v>151</v>
      </c>
      <c r="AL19115">
        <v>151</v>
      </c>
      <c r="AM19115">
        <v>152</v>
      </c>
      <c r="AN19115">
        <v>153</v>
      </c>
      <c r="AO19115">
        <v>153</v>
      </c>
      <c r="AP19115">
        <v>154</v>
      </c>
      <c r="AQ19115">
        <v>154</v>
      </c>
    </row>
    <row r="19116" spans="1:43">
      <c r="A19116" t="s">
        <v>11850</v>
      </c>
      <c r="B19116" t="s">
        <v>11851</v>
      </c>
      <c r="C19116" t="s">
        <v>11644</v>
      </c>
      <c r="D19116" t="s">
        <v>11645</v>
      </c>
      <c r="E19116" t="s">
        <v>11610</v>
      </c>
      <c r="F19116" t="s">
        <v>11611</v>
      </c>
      <c r="G19116" t="s">
        <v>11612</v>
      </c>
      <c r="H19116" t="s">
        <v>11613</v>
      </c>
      <c r="I19116" s="2">
        <v>0</v>
      </c>
      <c r="J19116" s="2">
        <v>0</v>
      </c>
      <c r="K19116" s="2">
        <v>1</v>
      </c>
      <c r="L19116" t="s">
        <v>995</v>
      </c>
      <c r="M19116" t="s">
        <v>89</v>
      </c>
      <c r="N19116" t="s">
        <v>90</v>
      </c>
      <c r="O19116" t="s">
        <v>85</v>
      </c>
      <c r="P19116" t="s">
        <v>86</v>
      </c>
      <c r="Q19116">
        <v>139</v>
      </c>
      <c r="R19116">
        <v>142</v>
      </c>
      <c r="S19116">
        <v>145</v>
      </c>
      <c r="T19116">
        <v>148</v>
      </c>
      <c r="U19116">
        <v>151</v>
      </c>
      <c r="V19116">
        <v>154</v>
      </c>
      <c r="W19116">
        <v>156</v>
      </c>
      <c r="X19116">
        <v>159</v>
      </c>
      <c r="Y19116">
        <v>162</v>
      </c>
      <c r="Z19116">
        <v>164</v>
      </c>
      <c r="AA19116">
        <v>167</v>
      </c>
      <c r="AB19116">
        <v>169</v>
      </c>
      <c r="AC19116">
        <v>172</v>
      </c>
      <c r="AD19116">
        <v>174</v>
      </c>
      <c r="AE19116">
        <v>175</v>
      </c>
      <c r="AF19116">
        <v>176</v>
      </c>
      <c r="AG19116">
        <v>176</v>
      </c>
      <c r="AH19116">
        <v>176</v>
      </c>
      <c r="AI19116">
        <v>176</v>
      </c>
      <c r="AJ19116">
        <v>177</v>
      </c>
      <c r="AK19116">
        <v>177</v>
      </c>
      <c r="AL19116">
        <v>177</v>
      </c>
      <c r="AM19116">
        <v>177</v>
      </c>
      <c r="AN19116">
        <v>177</v>
      </c>
      <c r="AO19116">
        <v>177</v>
      </c>
      <c r="AP19116">
        <v>177</v>
      </c>
      <c r="AQ19116">
        <v>178</v>
      </c>
    </row>
    <row r="19117" spans="1:43">
      <c r="A19117" t="s">
        <v>11850</v>
      </c>
      <c r="B19117" t="s">
        <v>11851</v>
      </c>
      <c r="C19117" t="s">
        <v>11644</v>
      </c>
      <c r="D19117" t="s">
        <v>11645</v>
      </c>
      <c r="E19117" t="s">
        <v>11610</v>
      </c>
      <c r="F19117" t="s">
        <v>11611</v>
      </c>
      <c r="G19117" t="s">
        <v>11612</v>
      </c>
      <c r="H19117" t="s">
        <v>11613</v>
      </c>
      <c r="I19117" s="2">
        <v>0</v>
      </c>
      <c r="J19117" s="2">
        <v>0</v>
      </c>
      <c r="K19117" s="2">
        <v>1</v>
      </c>
      <c r="L19117" t="s">
        <v>995</v>
      </c>
      <c r="M19117" t="s">
        <v>83</v>
      </c>
      <c r="N19117" t="s">
        <v>91</v>
      </c>
      <c r="O19117" t="s">
        <v>85</v>
      </c>
      <c r="P19117" t="s">
        <v>86</v>
      </c>
      <c r="Q19117">
        <v>139</v>
      </c>
      <c r="R19117">
        <v>141</v>
      </c>
      <c r="S19117">
        <v>143</v>
      </c>
      <c r="T19117">
        <v>145</v>
      </c>
      <c r="U19117">
        <v>147</v>
      </c>
      <c r="V19117">
        <v>149</v>
      </c>
      <c r="W19117">
        <v>151</v>
      </c>
      <c r="X19117">
        <v>153</v>
      </c>
      <c r="Y19117">
        <v>154</v>
      </c>
      <c r="Z19117">
        <v>156</v>
      </c>
      <c r="AA19117">
        <v>158</v>
      </c>
      <c r="AB19117">
        <v>160</v>
      </c>
      <c r="AC19117">
        <v>162</v>
      </c>
      <c r="AD19117">
        <v>164</v>
      </c>
      <c r="AE19117">
        <v>165</v>
      </c>
      <c r="AF19117">
        <v>167</v>
      </c>
      <c r="AG19117">
        <v>169</v>
      </c>
      <c r="AH19117">
        <v>171</v>
      </c>
      <c r="AI19117">
        <v>172</v>
      </c>
      <c r="AJ19117">
        <v>174</v>
      </c>
      <c r="AK19117">
        <v>176</v>
      </c>
      <c r="AL19117">
        <v>177</v>
      </c>
      <c r="AM19117">
        <v>177</v>
      </c>
      <c r="AN19117">
        <v>177</v>
      </c>
      <c r="AO19117">
        <v>177</v>
      </c>
      <c r="AP19117">
        <v>177</v>
      </c>
      <c r="AQ19117">
        <v>178</v>
      </c>
    </row>
    <row r="19118" spans="1:43">
      <c r="A19118" t="s">
        <v>11852</v>
      </c>
      <c r="B19118" t="s">
        <v>11853</v>
      </c>
      <c r="C19118" t="s">
        <v>11844</v>
      </c>
      <c r="D19118" t="s">
        <v>11845</v>
      </c>
      <c r="E19118" t="s">
        <v>11610</v>
      </c>
      <c r="F19118" t="s">
        <v>11611</v>
      </c>
      <c r="G19118" t="s">
        <v>11612</v>
      </c>
      <c r="H19118" t="s">
        <v>11613</v>
      </c>
      <c r="I19118" s="2">
        <v>0</v>
      </c>
      <c r="J19118" s="2">
        <v>0</v>
      </c>
      <c r="K19118" s="2">
        <v>1</v>
      </c>
      <c r="L19118" t="s">
        <v>995</v>
      </c>
      <c r="M19118" t="s">
        <v>83</v>
      </c>
      <c r="N19118" t="s">
        <v>84</v>
      </c>
      <c r="O19118" t="s">
        <v>85</v>
      </c>
      <c r="P19118" t="s">
        <v>86</v>
      </c>
      <c r="Q19118">
        <v>88</v>
      </c>
      <c r="R19118">
        <v>89</v>
      </c>
      <c r="S19118">
        <v>90</v>
      </c>
      <c r="T19118">
        <v>91</v>
      </c>
      <c r="U19118">
        <v>93</v>
      </c>
      <c r="V19118">
        <v>94</v>
      </c>
      <c r="W19118">
        <v>95</v>
      </c>
      <c r="X19118">
        <v>96</v>
      </c>
      <c r="Y19118">
        <v>97</v>
      </c>
      <c r="Z19118">
        <v>98</v>
      </c>
      <c r="AA19118">
        <v>100</v>
      </c>
      <c r="AB19118">
        <v>101</v>
      </c>
      <c r="AC19118">
        <v>102</v>
      </c>
      <c r="AD19118">
        <v>103</v>
      </c>
      <c r="AE19118">
        <v>104</v>
      </c>
      <c r="AF19118">
        <v>105</v>
      </c>
      <c r="AG19118">
        <v>106</v>
      </c>
      <c r="AH19118">
        <v>108</v>
      </c>
      <c r="AI19118">
        <v>109</v>
      </c>
      <c r="AJ19118">
        <v>110</v>
      </c>
      <c r="AK19118">
        <v>111</v>
      </c>
      <c r="AL19118">
        <v>111</v>
      </c>
      <c r="AM19118">
        <v>111</v>
      </c>
      <c r="AN19118">
        <v>112</v>
      </c>
      <c r="AO19118">
        <v>112</v>
      </c>
      <c r="AP19118">
        <v>112</v>
      </c>
      <c r="AQ19118">
        <v>112</v>
      </c>
    </row>
    <row r="19119" spans="1:43">
      <c r="A19119" t="s">
        <v>11852</v>
      </c>
      <c r="B19119" t="s">
        <v>11853</v>
      </c>
      <c r="C19119" t="s">
        <v>11844</v>
      </c>
      <c r="D19119" t="s">
        <v>11845</v>
      </c>
      <c r="E19119" t="s">
        <v>11610</v>
      </c>
      <c r="F19119" t="s">
        <v>11611</v>
      </c>
      <c r="G19119" t="s">
        <v>11612</v>
      </c>
      <c r="H19119" t="s">
        <v>11613</v>
      </c>
      <c r="I19119" s="2">
        <v>0</v>
      </c>
      <c r="J19119" s="2">
        <v>0</v>
      </c>
      <c r="K19119" s="2">
        <v>1</v>
      </c>
      <c r="L19119" t="s">
        <v>995</v>
      </c>
      <c r="M19119" t="s">
        <v>87</v>
      </c>
      <c r="N19119" t="s">
        <v>88</v>
      </c>
      <c r="O19119" t="s">
        <v>85</v>
      </c>
      <c r="P19119" t="s">
        <v>86</v>
      </c>
      <c r="Q19119">
        <v>88</v>
      </c>
      <c r="R19119">
        <v>88</v>
      </c>
      <c r="S19119">
        <v>89</v>
      </c>
      <c r="T19119">
        <v>89</v>
      </c>
      <c r="U19119">
        <v>89</v>
      </c>
      <c r="V19119">
        <v>90</v>
      </c>
      <c r="W19119">
        <v>90</v>
      </c>
      <c r="X19119">
        <v>91</v>
      </c>
      <c r="Y19119">
        <v>91</v>
      </c>
      <c r="Z19119">
        <v>91</v>
      </c>
      <c r="AA19119">
        <v>92</v>
      </c>
      <c r="AB19119">
        <v>92</v>
      </c>
      <c r="AC19119">
        <v>92</v>
      </c>
      <c r="AD19119">
        <v>93</v>
      </c>
      <c r="AE19119">
        <v>93</v>
      </c>
      <c r="AF19119">
        <v>94</v>
      </c>
      <c r="AG19119">
        <v>94</v>
      </c>
      <c r="AH19119">
        <v>94</v>
      </c>
      <c r="AI19119">
        <v>95</v>
      </c>
      <c r="AJ19119">
        <v>95</v>
      </c>
      <c r="AK19119">
        <v>95</v>
      </c>
      <c r="AL19119">
        <v>96</v>
      </c>
      <c r="AM19119">
        <v>96</v>
      </c>
      <c r="AN19119">
        <v>96</v>
      </c>
      <c r="AO19119">
        <v>97</v>
      </c>
      <c r="AP19119">
        <v>97</v>
      </c>
      <c r="AQ19119">
        <v>98</v>
      </c>
    </row>
    <row r="19120" spans="1:43">
      <c r="A19120" t="s">
        <v>11852</v>
      </c>
      <c r="B19120" t="s">
        <v>11853</v>
      </c>
      <c r="C19120" t="s">
        <v>11844</v>
      </c>
      <c r="D19120" t="s">
        <v>11845</v>
      </c>
      <c r="E19120" t="s">
        <v>11610</v>
      </c>
      <c r="F19120" t="s">
        <v>11611</v>
      </c>
      <c r="G19120" t="s">
        <v>11612</v>
      </c>
      <c r="H19120" t="s">
        <v>11613</v>
      </c>
      <c r="I19120" s="2">
        <v>0</v>
      </c>
      <c r="J19120" s="2">
        <v>0</v>
      </c>
      <c r="K19120" s="2">
        <v>1</v>
      </c>
      <c r="L19120" t="s">
        <v>995</v>
      </c>
      <c r="M19120" t="s">
        <v>89</v>
      </c>
      <c r="N19120" t="s">
        <v>90</v>
      </c>
      <c r="O19120" t="s">
        <v>85</v>
      </c>
      <c r="P19120" t="s">
        <v>86</v>
      </c>
      <c r="Q19120">
        <v>88</v>
      </c>
      <c r="R19120">
        <v>90</v>
      </c>
      <c r="S19120">
        <v>91</v>
      </c>
      <c r="T19120">
        <v>93</v>
      </c>
      <c r="U19120">
        <v>95</v>
      </c>
      <c r="V19120">
        <v>97</v>
      </c>
      <c r="W19120">
        <v>99</v>
      </c>
      <c r="X19120">
        <v>101</v>
      </c>
      <c r="Y19120">
        <v>102</v>
      </c>
      <c r="Z19120">
        <v>104</v>
      </c>
      <c r="AA19120">
        <v>105</v>
      </c>
      <c r="AB19120">
        <v>107</v>
      </c>
      <c r="AC19120">
        <v>108</v>
      </c>
      <c r="AD19120">
        <v>110</v>
      </c>
      <c r="AE19120">
        <v>111</v>
      </c>
      <c r="AF19120">
        <v>111</v>
      </c>
      <c r="AG19120">
        <v>111</v>
      </c>
      <c r="AH19120">
        <v>111</v>
      </c>
      <c r="AI19120">
        <v>111</v>
      </c>
      <c r="AJ19120">
        <v>111</v>
      </c>
      <c r="AK19120">
        <v>112</v>
      </c>
      <c r="AL19120">
        <v>112</v>
      </c>
      <c r="AM19120">
        <v>112</v>
      </c>
      <c r="AN19120">
        <v>112</v>
      </c>
      <c r="AO19120">
        <v>112</v>
      </c>
      <c r="AP19120">
        <v>112</v>
      </c>
      <c r="AQ19120">
        <v>112</v>
      </c>
    </row>
    <row r="19121" spans="1:43">
      <c r="A19121" t="s">
        <v>11852</v>
      </c>
      <c r="B19121" t="s">
        <v>11853</v>
      </c>
      <c r="C19121" t="s">
        <v>11844</v>
      </c>
      <c r="D19121" t="s">
        <v>11845</v>
      </c>
      <c r="E19121" t="s">
        <v>11610</v>
      </c>
      <c r="F19121" t="s">
        <v>11611</v>
      </c>
      <c r="G19121" t="s">
        <v>11612</v>
      </c>
      <c r="H19121" t="s">
        <v>11613</v>
      </c>
      <c r="I19121" s="2">
        <v>0</v>
      </c>
      <c r="J19121" s="2">
        <v>0</v>
      </c>
      <c r="K19121" s="2">
        <v>1</v>
      </c>
      <c r="L19121" t="s">
        <v>995</v>
      </c>
      <c r="M19121" t="s">
        <v>83</v>
      </c>
      <c r="N19121" t="s">
        <v>91</v>
      </c>
      <c r="O19121" t="s">
        <v>85</v>
      </c>
      <c r="P19121" t="s">
        <v>86</v>
      </c>
      <c r="Q19121">
        <v>88</v>
      </c>
      <c r="R19121">
        <v>89</v>
      </c>
      <c r="S19121">
        <v>90</v>
      </c>
      <c r="T19121">
        <v>91</v>
      </c>
      <c r="U19121">
        <v>93</v>
      </c>
      <c r="V19121">
        <v>94</v>
      </c>
      <c r="W19121">
        <v>95</v>
      </c>
      <c r="X19121">
        <v>96</v>
      </c>
      <c r="Y19121">
        <v>97</v>
      </c>
      <c r="Z19121">
        <v>98</v>
      </c>
      <c r="AA19121">
        <v>100</v>
      </c>
      <c r="AB19121">
        <v>101</v>
      </c>
      <c r="AC19121">
        <v>102</v>
      </c>
      <c r="AD19121">
        <v>103</v>
      </c>
      <c r="AE19121">
        <v>104</v>
      </c>
      <c r="AF19121">
        <v>105</v>
      </c>
      <c r="AG19121">
        <v>106</v>
      </c>
      <c r="AH19121">
        <v>108</v>
      </c>
      <c r="AI19121">
        <v>109</v>
      </c>
      <c r="AJ19121">
        <v>110</v>
      </c>
      <c r="AK19121">
        <v>111</v>
      </c>
      <c r="AL19121">
        <v>111</v>
      </c>
      <c r="AM19121">
        <v>111</v>
      </c>
      <c r="AN19121">
        <v>112</v>
      </c>
      <c r="AO19121">
        <v>112</v>
      </c>
      <c r="AP19121">
        <v>112</v>
      </c>
      <c r="AQ19121">
        <v>112</v>
      </c>
    </row>
    <row r="19122" spans="1:43">
      <c r="A19122" t="s">
        <v>11854</v>
      </c>
      <c r="B19122" t="s">
        <v>11855</v>
      </c>
      <c r="C19122" t="s">
        <v>11722</v>
      </c>
      <c r="D19122" t="s">
        <v>11723</v>
      </c>
      <c r="E19122" t="s">
        <v>11610</v>
      </c>
      <c r="F19122" t="s">
        <v>11611</v>
      </c>
      <c r="G19122" t="s">
        <v>11612</v>
      </c>
      <c r="H19122" t="s">
        <v>11613</v>
      </c>
      <c r="I19122" s="2">
        <v>0</v>
      </c>
      <c r="J19122" s="2">
        <v>0</v>
      </c>
      <c r="K19122" s="2">
        <v>1</v>
      </c>
      <c r="L19122" t="s">
        <v>995</v>
      </c>
      <c r="M19122" t="s">
        <v>83</v>
      </c>
      <c r="N19122" t="s">
        <v>84</v>
      </c>
      <c r="O19122" t="s">
        <v>85</v>
      </c>
      <c r="P19122" t="s">
        <v>86</v>
      </c>
      <c r="Q19122">
        <v>8</v>
      </c>
      <c r="R19122">
        <v>8</v>
      </c>
      <c r="S19122">
        <v>8</v>
      </c>
      <c r="T19122">
        <v>9</v>
      </c>
      <c r="U19122">
        <v>9</v>
      </c>
      <c r="V19122">
        <v>9</v>
      </c>
      <c r="W19122">
        <v>9</v>
      </c>
      <c r="X19122">
        <v>9</v>
      </c>
      <c r="Y19122">
        <v>9</v>
      </c>
      <c r="Z19122">
        <v>9</v>
      </c>
      <c r="AA19122">
        <v>9</v>
      </c>
      <c r="AB19122">
        <v>9</v>
      </c>
      <c r="AC19122">
        <v>10</v>
      </c>
      <c r="AD19122">
        <v>10</v>
      </c>
      <c r="AE19122">
        <v>10</v>
      </c>
      <c r="AF19122">
        <v>10</v>
      </c>
      <c r="AG19122">
        <v>10</v>
      </c>
      <c r="AH19122">
        <v>10</v>
      </c>
      <c r="AI19122">
        <v>10</v>
      </c>
      <c r="AJ19122">
        <v>10</v>
      </c>
      <c r="AK19122">
        <v>10</v>
      </c>
      <c r="AL19122">
        <v>10</v>
      </c>
      <c r="AM19122">
        <v>10</v>
      </c>
      <c r="AN19122">
        <v>10</v>
      </c>
      <c r="AO19122">
        <v>10</v>
      </c>
      <c r="AP19122">
        <v>10</v>
      </c>
      <c r="AQ19122">
        <v>10</v>
      </c>
    </row>
    <row r="19123" spans="1:43">
      <c r="A19123" t="s">
        <v>11854</v>
      </c>
      <c r="B19123" t="s">
        <v>11855</v>
      </c>
      <c r="C19123" t="s">
        <v>11722</v>
      </c>
      <c r="D19123" t="s">
        <v>11723</v>
      </c>
      <c r="E19123" t="s">
        <v>11610</v>
      </c>
      <c r="F19123" t="s">
        <v>11611</v>
      </c>
      <c r="G19123" t="s">
        <v>11612</v>
      </c>
      <c r="H19123" t="s">
        <v>11613</v>
      </c>
      <c r="I19123" s="2">
        <v>0</v>
      </c>
      <c r="J19123" s="2">
        <v>0</v>
      </c>
      <c r="K19123" s="2">
        <v>1</v>
      </c>
      <c r="L19123" t="s">
        <v>995</v>
      </c>
      <c r="M19123" t="s">
        <v>87</v>
      </c>
      <c r="N19123" t="s">
        <v>88</v>
      </c>
      <c r="O19123" t="s">
        <v>85</v>
      </c>
      <c r="P19123" t="s">
        <v>86</v>
      </c>
      <c r="Q19123">
        <v>8</v>
      </c>
      <c r="R19123">
        <v>8</v>
      </c>
      <c r="S19123">
        <v>8</v>
      </c>
      <c r="T19123">
        <v>8</v>
      </c>
      <c r="U19123">
        <v>8</v>
      </c>
      <c r="V19123">
        <v>8</v>
      </c>
      <c r="W19123">
        <v>8</v>
      </c>
      <c r="X19123">
        <v>8</v>
      </c>
      <c r="Y19123">
        <v>8</v>
      </c>
      <c r="Z19123">
        <v>8</v>
      </c>
      <c r="AA19123">
        <v>9</v>
      </c>
      <c r="AB19123">
        <v>9</v>
      </c>
      <c r="AC19123">
        <v>9</v>
      </c>
      <c r="AD19123">
        <v>9</v>
      </c>
      <c r="AE19123">
        <v>9</v>
      </c>
      <c r="AF19123">
        <v>9</v>
      </c>
      <c r="AG19123">
        <v>9</v>
      </c>
      <c r="AH19123">
        <v>9</v>
      </c>
      <c r="AI19123">
        <v>9</v>
      </c>
      <c r="AJ19123">
        <v>9</v>
      </c>
      <c r="AK19123">
        <v>9</v>
      </c>
      <c r="AL19123">
        <v>9</v>
      </c>
      <c r="AM19123">
        <v>9</v>
      </c>
      <c r="AN19123">
        <v>9</v>
      </c>
      <c r="AO19123">
        <v>9</v>
      </c>
      <c r="AP19123">
        <v>9</v>
      </c>
      <c r="AQ19123">
        <v>9</v>
      </c>
    </row>
    <row r="19124" spans="1:43">
      <c r="A19124" t="s">
        <v>11854</v>
      </c>
      <c r="B19124" t="s">
        <v>11855</v>
      </c>
      <c r="C19124" t="s">
        <v>11722</v>
      </c>
      <c r="D19124" t="s">
        <v>11723</v>
      </c>
      <c r="E19124" t="s">
        <v>11610</v>
      </c>
      <c r="F19124" t="s">
        <v>11611</v>
      </c>
      <c r="G19124" t="s">
        <v>11612</v>
      </c>
      <c r="H19124" t="s">
        <v>11613</v>
      </c>
      <c r="I19124" s="2">
        <v>0</v>
      </c>
      <c r="J19124" s="2">
        <v>0</v>
      </c>
      <c r="K19124" s="2">
        <v>1</v>
      </c>
      <c r="L19124" t="s">
        <v>995</v>
      </c>
      <c r="M19124" t="s">
        <v>89</v>
      </c>
      <c r="N19124" t="s">
        <v>90</v>
      </c>
      <c r="O19124" t="s">
        <v>85</v>
      </c>
      <c r="P19124" t="s">
        <v>86</v>
      </c>
      <c r="Q19124">
        <v>8</v>
      </c>
      <c r="R19124">
        <v>9</v>
      </c>
      <c r="S19124">
        <v>9</v>
      </c>
      <c r="T19124">
        <v>9</v>
      </c>
      <c r="U19124">
        <v>9</v>
      </c>
      <c r="V19124">
        <v>9</v>
      </c>
      <c r="W19124">
        <v>9</v>
      </c>
      <c r="X19124">
        <v>10</v>
      </c>
      <c r="Y19124">
        <v>10</v>
      </c>
      <c r="Z19124">
        <v>10</v>
      </c>
      <c r="AA19124">
        <v>10</v>
      </c>
      <c r="AB19124">
        <v>10</v>
      </c>
      <c r="AC19124">
        <v>10</v>
      </c>
      <c r="AD19124">
        <v>10</v>
      </c>
      <c r="AE19124">
        <v>10</v>
      </c>
      <c r="AF19124">
        <v>10</v>
      </c>
      <c r="AG19124">
        <v>10</v>
      </c>
      <c r="AH19124">
        <v>10</v>
      </c>
      <c r="AI19124">
        <v>10</v>
      </c>
      <c r="AJ19124">
        <v>10</v>
      </c>
      <c r="AK19124">
        <v>10</v>
      </c>
      <c r="AL19124">
        <v>10</v>
      </c>
      <c r="AM19124">
        <v>10</v>
      </c>
      <c r="AN19124">
        <v>10</v>
      </c>
      <c r="AO19124">
        <v>10</v>
      </c>
      <c r="AP19124">
        <v>10</v>
      </c>
      <c r="AQ19124">
        <v>10</v>
      </c>
    </row>
    <row r="19125" spans="1:43">
      <c r="A19125" t="s">
        <v>11854</v>
      </c>
      <c r="B19125" t="s">
        <v>11855</v>
      </c>
      <c r="C19125" t="s">
        <v>11722</v>
      </c>
      <c r="D19125" t="s">
        <v>11723</v>
      </c>
      <c r="E19125" t="s">
        <v>11610</v>
      </c>
      <c r="F19125" t="s">
        <v>11611</v>
      </c>
      <c r="G19125" t="s">
        <v>11612</v>
      </c>
      <c r="H19125" t="s">
        <v>11613</v>
      </c>
      <c r="I19125" s="2">
        <v>0</v>
      </c>
      <c r="J19125" s="2">
        <v>0</v>
      </c>
      <c r="K19125" s="2">
        <v>1</v>
      </c>
      <c r="L19125" t="s">
        <v>995</v>
      </c>
      <c r="M19125" t="s">
        <v>83</v>
      </c>
      <c r="N19125" t="s">
        <v>91</v>
      </c>
      <c r="O19125" t="s">
        <v>85</v>
      </c>
      <c r="P19125" t="s">
        <v>86</v>
      </c>
      <c r="Q19125">
        <v>8</v>
      </c>
      <c r="R19125">
        <v>8</v>
      </c>
      <c r="S19125">
        <v>8</v>
      </c>
      <c r="T19125">
        <v>9</v>
      </c>
      <c r="U19125">
        <v>9</v>
      </c>
      <c r="V19125">
        <v>9</v>
      </c>
      <c r="W19125">
        <v>9</v>
      </c>
      <c r="X19125">
        <v>9</v>
      </c>
      <c r="Y19125">
        <v>9</v>
      </c>
      <c r="Z19125">
        <v>9</v>
      </c>
      <c r="AA19125">
        <v>9</v>
      </c>
      <c r="AB19125">
        <v>9</v>
      </c>
      <c r="AC19125">
        <v>10</v>
      </c>
      <c r="AD19125">
        <v>10</v>
      </c>
      <c r="AE19125">
        <v>10</v>
      </c>
      <c r="AF19125">
        <v>10</v>
      </c>
      <c r="AG19125">
        <v>10</v>
      </c>
      <c r="AH19125">
        <v>10</v>
      </c>
      <c r="AI19125">
        <v>10</v>
      </c>
      <c r="AJ19125">
        <v>10</v>
      </c>
      <c r="AK19125">
        <v>10</v>
      </c>
      <c r="AL19125">
        <v>10</v>
      </c>
      <c r="AM19125">
        <v>10</v>
      </c>
      <c r="AN19125">
        <v>10</v>
      </c>
      <c r="AO19125">
        <v>10</v>
      </c>
      <c r="AP19125">
        <v>10</v>
      </c>
      <c r="AQ19125">
        <v>10</v>
      </c>
    </row>
    <row r="19126" spans="1:43">
      <c r="A19126" t="s">
        <v>11856</v>
      </c>
      <c r="B19126" t="s">
        <v>11857</v>
      </c>
      <c r="C19126" t="s">
        <v>11844</v>
      </c>
      <c r="D19126" t="s">
        <v>11845</v>
      </c>
      <c r="E19126" t="s">
        <v>11610</v>
      </c>
      <c r="F19126" t="s">
        <v>11611</v>
      </c>
      <c r="G19126" t="s">
        <v>11612</v>
      </c>
      <c r="H19126" t="s">
        <v>11613</v>
      </c>
      <c r="I19126" s="2">
        <v>0</v>
      </c>
      <c r="J19126" s="2">
        <v>0</v>
      </c>
      <c r="K19126" s="2">
        <v>1</v>
      </c>
      <c r="L19126" t="s">
        <v>995</v>
      </c>
      <c r="M19126" t="s">
        <v>83</v>
      </c>
      <c r="N19126" t="s">
        <v>84</v>
      </c>
      <c r="O19126" t="s">
        <v>85</v>
      </c>
      <c r="P19126" t="s">
        <v>86</v>
      </c>
      <c r="Q19126">
        <v>27</v>
      </c>
      <c r="R19126">
        <v>27</v>
      </c>
      <c r="S19126">
        <v>28</v>
      </c>
      <c r="T19126">
        <v>28</v>
      </c>
      <c r="U19126">
        <v>28</v>
      </c>
      <c r="V19126">
        <v>29</v>
      </c>
      <c r="W19126">
        <v>29</v>
      </c>
      <c r="X19126">
        <v>29</v>
      </c>
      <c r="Y19126">
        <v>30</v>
      </c>
      <c r="Z19126">
        <v>30</v>
      </c>
      <c r="AA19126">
        <v>30</v>
      </c>
      <c r="AB19126">
        <v>31</v>
      </c>
      <c r="AC19126">
        <v>31</v>
      </c>
      <c r="AD19126">
        <v>31</v>
      </c>
      <c r="AE19126">
        <v>32</v>
      </c>
      <c r="AF19126">
        <v>32</v>
      </c>
      <c r="AG19126">
        <v>32</v>
      </c>
      <c r="AH19126">
        <v>33</v>
      </c>
      <c r="AI19126">
        <v>33</v>
      </c>
      <c r="AJ19126">
        <v>33</v>
      </c>
      <c r="AK19126">
        <v>34</v>
      </c>
      <c r="AL19126">
        <v>34</v>
      </c>
      <c r="AM19126">
        <v>34</v>
      </c>
      <c r="AN19126">
        <v>34</v>
      </c>
      <c r="AO19126">
        <v>34</v>
      </c>
      <c r="AP19126">
        <v>34</v>
      </c>
      <c r="AQ19126">
        <v>34</v>
      </c>
    </row>
    <row r="19127" spans="1:43">
      <c r="A19127" t="s">
        <v>11856</v>
      </c>
      <c r="B19127" t="s">
        <v>11857</v>
      </c>
      <c r="C19127" t="s">
        <v>11844</v>
      </c>
      <c r="D19127" t="s">
        <v>11845</v>
      </c>
      <c r="E19127" t="s">
        <v>11610</v>
      </c>
      <c r="F19127" t="s">
        <v>11611</v>
      </c>
      <c r="G19127" t="s">
        <v>11612</v>
      </c>
      <c r="H19127" t="s">
        <v>11613</v>
      </c>
      <c r="I19127" s="2">
        <v>0</v>
      </c>
      <c r="J19127" s="2">
        <v>0</v>
      </c>
      <c r="K19127" s="2">
        <v>1</v>
      </c>
      <c r="L19127" t="s">
        <v>995</v>
      </c>
      <c r="M19127" t="s">
        <v>87</v>
      </c>
      <c r="N19127" t="s">
        <v>88</v>
      </c>
      <c r="O19127" t="s">
        <v>85</v>
      </c>
      <c r="P19127" t="s">
        <v>86</v>
      </c>
      <c r="Q19127">
        <v>27</v>
      </c>
      <c r="R19127">
        <v>27</v>
      </c>
      <c r="S19127">
        <v>27</v>
      </c>
      <c r="T19127">
        <v>27</v>
      </c>
      <c r="U19127">
        <v>27</v>
      </c>
      <c r="V19127">
        <v>27</v>
      </c>
      <c r="W19127">
        <v>27</v>
      </c>
      <c r="X19127">
        <v>27</v>
      </c>
      <c r="Y19127">
        <v>27</v>
      </c>
      <c r="Z19127">
        <v>28</v>
      </c>
      <c r="AA19127">
        <v>28</v>
      </c>
      <c r="AB19127">
        <v>28</v>
      </c>
      <c r="AC19127">
        <v>28</v>
      </c>
      <c r="AD19127">
        <v>28</v>
      </c>
      <c r="AE19127">
        <v>28</v>
      </c>
      <c r="AF19127">
        <v>28</v>
      </c>
      <c r="AG19127">
        <v>28</v>
      </c>
      <c r="AH19127">
        <v>28</v>
      </c>
      <c r="AI19127">
        <v>29</v>
      </c>
      <c r="AJ19127">
        <v>29</v>
      </c>
      <c r="AK19127">
        <v>29</v>
      </c>
      <c r="AL19127">
        <v>29</v>
      </c>
      <c r="AM19127">
        <v>29</v>
      </c>
      <c r="AN19127">
        <v>29</v>
      </c>
      <c r="AO19127">
        <v>29</v>
      </c>
      <c r="AP19127">
        <v>29</v>
      </c>
      <c r="AQ19127">
        <v>29</v>
      </c>
    </row>
    <row r="19128" spans="1:43">
      <c r="A19128" t="s">
        <v>11856</v>
      </c>
      <c r="B19128" t="s">
        <v>11857</v>
      </c>
      <c r="C19128" t="s">
        <v>11844</v>
      </c>
      <c r="D19128" t="s">
        <v>11845</v>
      </c>
      <c r="E19128" t="s">
        <v>11610</v>
      </c>
      <c r="F19128" t="s">
        <v>11611</v>
      </c>
      <c r="G19128" t="s">
        <v>11612</v>
      </c>
      <c r="H19128" t="s">
        <v>11613</v>
      </c>
      <c r="I19128" s="2">
        <v>0</v>
      </c>
      <c r="J19128" s="2">
        <v>0</v>
      </c>
      <c r="K19128" s="2">
        <v>1</v>
      </c>
      <c r="L19128" t="s">
        <v>995</v>
      </c>
      <c r="M19128" t="s">
        <v>89</v>
      </c>
      <c r="N19128" t="s">
        <v>90</v>
      </c>
      <c r="O19128" t="s">
        <v>85</v>
      </c>
      <c r="P19128" t="s">
        <v>86</v>
      </c>
      <c r="Q19128">
        <v>27</v>
      </c>
      <c r="R19128">
        <v>28</v>
      </c>
      <c r="S19128">
        <v>28</v>
      </c>
      <c r="T19128">
        <v>29</v>
      </c>
      <c r="U19128">
        <v>29</v>
      </c>
      <c r="V19128">
        <v>30</v>
      </c>
      <c r="W19128">
        <v>30</v>
      </c>
      <c r="X19128">
        <v>31</v>
      </c>
      <c r="Y19128">
        <v>31</v>
      </c>
      <c r="Z19128">
        <v>32</v>
      </c>
      <c r="AA19128">
        <v>32</v>
      </c>
      <c r="AB19128">
        <v>33</v>
      </c>
      <c r="AC19128">
        <v>33</v>
      </c>
      <c r="AD19128">
        <v>34</v>
      </c>
      <c r="AE19128">
        <v>34</v>
      </c>
      <c r="AF19128">
        <v>34</v>
      </c>
      <c r="AG19128">
        <v>34</v>
      </c>
      <c r="AH19128">
        <v>34</v>
      </c>
      <c r="AI19128">
        <v>34</v>
      </c>
      <c r="AJ19128">
        <v>34</v>
      </c>
      <c r="AK19128">
        <v>34</v>
      </c>
      <c r="AL19128">
        <v>34</v>
      </c>
      <c r="AM19128">
        <v>34</v>
      </c>
      <c r="AN19128">
        <v>34</v>
      </c>
      <c r="AO19128">
        <v>34</v>
      </c>
      <c r="AP19128">
        <v>34</v>
      </c>
      <c r="AQ19128">
        <v>34</v>
      </c>
    </row>
    <row r="19129" spans="1:43">
      <c r="A19129" t="s">
        <v>11856</v>
      </c>
      <c r="B19129" t="s">
        <v>11857</v>
      </c>
      <c r="C19129" t="s">
        <v>11844</v>
      </c>
      <c r="D19129" t="s">
        <v>11845</v>
      </c>
      <c r="E19129" t="s">
        <v>11610</v>
      </c>
      <c r="F19129" t="s">
        <v>11611</v>
      </c>
      <c r="G19129" t="s">
        <v>11612</v>
      </c>
      <c r="H19129" t="s">
        <v>11613</v>
      </c>
      <c r="I19129" s="2">
        <v>0</v>
      </c>
      <c r="J19129" s="2">
        <v>0</v>
      </c>
      <c r="K19129" s="2">
        <v>1</v>
      </c>
      <c r="L19129" t="s">
        <v>995</v>
      </c>
      <c r="M19129" t="s">
        <v>83</v>
      </c>
      <c r="N19129" t="s">
        <v>91</v>
      </c>
      <c r="O19129" t="s">
        <v>85</v>
      </c>
      <c r="P19129" t="s">
        <v>86</v>
      </c>
      <c r="Q19129">
        <v>27</v>
      </c>
      <c r="R19129">
        <v>27</v>
      </c>
      <c r="S19129">
        <v>28</v>
      </c>
      <c r="T19129">
        <v>28</v>
      </c>
      <c r="U19129">
        <v>28</v>
      </c>
      <c r="V19129">
        <v>29</v>
      </c>
      <c r="W19129">
        <v>29</v>
      </c>
      <c r="X19129">
        <v>29</v>
      </c>
      <c r="Y19129">
        <v>30</v>
      </c>
      <c r="Z19129">
        <v>30</v>
      </c>
      <c r="AA19129">
        <v>30</v>
      </c>
      <c r="AB19129">
        <v>31</v>
      </c>
      <c r="AC19129">
        <v>31</v>
      </c>
      <c r="AD19129">
        <v>31</v>
      </c>
      <c r="AE19129">
        <v>32</v>
      </c>
      <c r="AF19129">
        <v>32</v>
      </c>
      <c r="AG19129">
        <v>32</v>
      </c>
      <c r="AH19129">
        <v>33</v>
      </c>
      <c r="AI19129">
        <v>33</v>
      </c>
      <c r="AJ19129">
        <v>33</v>
      </c>
      <c r="AK19129">
        <v>34</v>
      </c>
      <c r="AL19129">
        <v>34</v>
      </c>
      <c r="AM19129">
        <v>34</v>
      </c>
      <c r="AN19129">
        <v>34</v>
      </c>
      <c r="AO19129">
        <v>34</v>
      </c>
      <c r="AP19129">
        <v>34</v>
      </c>
      <c r="AQ19129">
        <v>34</v>
      </c>
    </row>
    <row r="19130" spans="1:43">
      <c r="A19130" t="s">
        <v>11858</v>
      </c>
      <c r="B19130" t="s">
        <v>11859</v>
      </c>
      <c r="C19130" t="s">
        <v>11844</v>
      </c>
      <c r="D19130" t="s">
        <v>11845</v>
      </c>
      <c r="E19130" t="s">
        <v>11610</v>
      </c>
      <c r="F19130" t="s">
        <v>11611</v>
      </c>
      <c r="G19130" t="s">
        <v>11612</v>
      </c>
      <c r="H19130" t="s">
        <v>11613</v>
      </c>
      <c r="I19130" s="2">
        <v>0</v>
      </c>
      <c r="J19130" s="2">
        <v>0</v>
      </c>
      <c r="K19130" s="2">
        <v>1</v>
      </c>
      <c r="L19130" t="s">
        <v>995</v>
      </c>
      <c r="M19130" t="s">
        <v>83</v>
      </c>
      <c r="N19130" t="s">
        <v>84</v>
      </c>
      <c r="O19130" t="s">
        <v>85</v>
      </c>
      <c r="P19130" t="s">
        <v>86</v>
      </c>
      <c r="Q19130">
        <v>18</v>
      </c>
      <c r="R19130">
        <v>18</v>
      </c>
      <c r="S19130">
        <v>18</v>
      </c>
      <c r="T19130">
        <v>19</v>
      </c>
      <c r="U19130">
        <v>19</v>
      </c>
      <c r="V19130">
        <v>19</v>
      </c>
      <c r="W19130">
        <v>19</v>
      </c>
      <c r="X19130">
        <v>19</v>
      </c>
      <c r="Y19130">
        <v>20</v>
      </c>
      <c r="Z19130">
        <v>20</v>
      </c>
      <c r="AA19130">
        <v>20</v>
      </c>
      <c r="AB19130">
        <v>20</v>
      </c>
      <c r="AC19130">
        <v>21</v>
      </c>
      <c r="AD19130">
        <v>21</v>
      </c>
      <c r="AE19130">
        <v>21</v>
      </c>
      <c r="AF19130">
        <v>21</v>
      </c>
      <c r="AG19130">
        <v>22</v>
      </c>
      <c r="AH19130">
        <v>22</v>
      </c>
      <c r="AI19130">
        <v>22</v>
      </c>
      <c r="AJ19130">
        <v>22</v>
      </c>
      <c r="AK19130">
        <v>22</v>
      </c>
      <c r="AL19130">
        <v>22</v>
      </c>
      <c r="AM19130">
        <v>23</v>
      </c>
      <c r="AN19130">
        <v>23</v>
      </c>
      <c r="AO19130">
        <v>23</v>
      </c>
      <c r="AP19130">
        <v>23</v>
      </c>
      <c r="AQ19130">
        <v>23</v>
      </c>
    </row>
    <row r="19131" spans="1:43">
      <c r="A19131" t="s">
        <v>11858</v>
      </c>
      <c r="B19131" t="s">
        <v>11859</v>
      </c>
      <c r="C19131" t="s">
        <v>11844</v>
      </c>
      <c r="D19131" t="s">
        <v>11845</v>
      </c>
      <c r="E19131" t="s">
        <v>11610</v>
      </c>
      <c r="F19131" t="s">
        <v>11611</v>
      </c>
      <c r="G19131" t="s">
        <v>11612</v>
      </c>
      <c r="H19131" t="s">
        <v>11613</v>
      </c>
      <c r="I19131" s="2">
        <v>0</v>
      </c>
      <c r="J19131" s="2">
        <v>0</v>
      </c>
      <c r="K19131" s="2">
        <v>1</v>
      </c>
      <c r="L19131" t="s">
        <v>995</v>
      </c>
      <c r="M19131" t="s">
        <v>87</v>
      </c>
      <c r="N19131" t="s">
        <v>88</v>
      </c>
      <c r="O19131" t="s">
        <v>85</v>
      </c>
      <c r="P19131" t="s">
        <v>86</v>
      </c>
      <c r="Q19131">
        <v>18</v>
      </c>
      <c r="R19131">
        <v>18</v>
      </c>
      <c r="S19131">
        <v>18</v>
      </c>
      <c r="T19131">
        <v>18</v>
      </c>
      <c r="U19131">
        <v>18</v>
      </c>
      <c r="V19131">
        <v>18</v>
      </c>
      <c r="W19131">
        <v>18</v>
      </c>
      <c r="X19131">
        <v>18</v>
      </c>
      <c r="Y19131">
        <v>18</v>
      </c>
      <c r="Z19131">
        <v>18</v>
      </c>
      <c r="AA19131">
        <v>18</v>
      </c>
      <c r="AB19131">
        <v>18</v>
      </c>
      <c r="AC19131">
        <v>19</v>
      </c>
      <c r="AD19131">
        <v>19</v>
      </c>
      <c r="AE19131">
        <v>19</v>
      </c>
      <c r="AF19131">
        <v>19</v>
      </c>
      <c r="AG19131">
        <v>19</v>
      </c>
      <c r="AH19131">
        <v>19</v>
      </c>
      <c r="AI19131">
        <v>19</v>
      </c>
      <c r="AJ19131">
        <v>19</v>
      </c>
      <c r="AK19131">
        <v>19</v>
      </c>
      <c r="AL19131">
        <v>19</v>
      </c>
      <c r="AM19131">
        <v>19</v>
      </c>
      <c r="AN19131">
        <v>19</v>
      </c>
      <c r="AO19131">
        <v>19</v>
      </c>
      <c r="AP19131">
        <v>19</v>
      </c>
      <c r="AQ19131">
        <v>20</v>
      </c>
    </row>
    <row r="19132" spans="1:43">
      <c r="A19132" t="s">
        <v>11858</v>
      </c>
      <c r="B19132" t="s">
        <v>11859</v>
      </c>
      <c r="C19132" t="s">
        <v>11844</v>
      </c>
      <c r="D19132" t="s">
        <v>11845</v>
      </c>
      <c r="E19132" t="s">
        <v>11610</v>
      </c>
      <c r="F19132" t="s">
        <v>11611</v>
      </c>
      <c r="G19132" t="s">
        <v>11612</v>
      </c>
      <c r="H19132" t="s">
        <v>11613</v>
      </c>
      <c r="I19132" s="2">
        <v>0</v>
      </c>
      <c r="J19132" s="2">
        <v>0</v>
      </c>
      <c r="K19132" s="2">
        <v>1</v>
      </c>
      <c r="L19132" t="s">
        <v>995</v>
      </c>
      <c r="M19132" t="s">
        <v>89</v>
      </c>
      <c r="N19132" t="s">
        <v>90</v>
      </c>
      <c r="O19132" t="s">
        <v>85</v>
      </c>
      <c r="P19132" t="s">
        <v>86</v>
      </c>
      <c r="Q19132">
        <v>18</v>
      </c>
      <c r="R19132">
        <v>18</v>
      </c>
      <c r="S19132">
        <v>19</v>
      </c>
      <c r="T19132">
        <v>19</v>
      </c>
      <c r="U19132">
        <v>20</v>
      </c>
      <c r="V19132">
        <v>20</v>
      </c>
      <c r="W19132">
        <v>20</v>
      </c>
      <c r="X19132">
        <v>21</v>
      </c>
      <c r="Y19132">
        <v>21</v>
      </c>
      <c r="Z19132">
        <v>21</v>
      </c>
      <c r="AA19132">
        <v>22</v>
      </c>
      <c r="AB19132">
        <v>22</v>
      </c>
      <c r="AC19132">
        <v>22</v>
      </c>
      <c r="AD19132">
        <v>22</v>
      </c>
      <c r="AE19132">
        <v>23</v>
      </c>
      <c r="AF19132">
        <v>23</v>
      </c>
      <c r="AG19132">
        <v>23</v>
      </c>
      <c r="AH19132">
        <v>23</v>
      </c>
      <c r="AI19132">
        <v>23</v>
      </c>
      <c r="AJ19132">
        <v>23</v>
      </c>
      <c r="AK19132">
        <v>23</v>
      </c>
      <c r="AL19132">
        <v>23</v>
      </c>
      <c r="AM19132">
        <v>23</v>
      </c>
      <c r="AN19132">
        <v>23</v>
      </c>
      <c r="AO19132">
        <v>23</v>
      </c>
      <c r="AP19132">
        <v>23</v>
      </c>
      <c r="AQ19132">
        <v>23</v>
      </c>
    </row>
    <row r="19133" spans="1:43">
      <c r="A19133" t="s">
        <v>11858</v>
      </c>
      <c r="B19133" t="s">
        <v>11859</v>
      </c>
      <c r="C19133" t="s">
        <v>11844</v>
      </c>
      <c r="D19133" t="s">
        <v>11845</v>
      </c>
      <c r="E19133" t="s">
        <v>11610</v>
      </c>
      <c r="F19133" t="s">
        <v>11611</v>
      </c>
      <c r="G19133" t="s">
        <v>11612</v>
      </c>
      <c r="H19133" t="s">
        <v>11613</v>
      </c>
      <c r="I19133" s="2">
        <v>0</v>
      </c>
      <c r="J19133" s="2">
        <v>0</v>
      </c>
      <c r="K19133" s="2">
        <v>1</v>
      </c>
      <c r="L19133" t="s">
        <v>995</v>
      </c>
      <c r="M19133" t="s">
        <v>83</v>
      </c>
      <c r="N19133" t="s">
        <v>91</v>
      </c>
      <c r="O19133" t="s">
        <v>85</v>
      </c>
      <c r="P19133" t="s">
        <v>86</v>
      </c>
      <c r="Q19133">
        <v>18</v>
      </c>
      <c r="R19133">
        <v>18</v>
      </c>
      <c r="S19133">
        <v>18</v>
      </c>
      <c r="T19133">
        <v>19</v>
      </c>
      <c r="U19133">
        <v>19</v>
      </c>
      <c r="V19133">
        <v>19</v>
      </c>
      <c r="W19133">
        <v>19</v>
      </c>
      <c r="X19133">
        <v>19</v>
      </c>
      <c r="Y19133">
        <v>20</v>
      </c>
      <c r="Z19133">
        <v>20</v>
      </c>
      <c r="AA19133">
        <v>20</v>
      </c>
      <c r="AB19133">
        <v>20</v>
      </c>
      <c r="AC19133">
        <v>21</v>
      </c>
      <c r="AD19133">
        <v>21</v>
      </c>
      <c r="AE19133">
        <v>21</v>
      </c>
      <c r="AF19133">
        <v>21</v>
      </c>
      <c r="AG19133">
        <v>22</v>
      </c>
      <c r="AH19133">
        <v>22</v>
      </c>
      <c r="AI19133">
        <v>22</v>
      </c>
      <c r="AJ19133">
        <v>22</v>
      </c>
      <c r="AK19133">
        <v>22</v>
      </c>
      <c r="AL19133">
        <v>22</v>
      </c>
      <c r="AM19133">
        <v>23</v>
      </c>
      <c r="AN19133">
        <v>23</v>
      </c>
      <c r="AO19133">
        <v>23</v>
      </c>
      <c r="AP19133">
        <v>23</v>
      </c>
      <c r="AQ19133">
        <v>23</v>
      </c>
    </row>
    <row r="19134" spans="1:43">
      <c r="A19134" t="s">
        <v>11860</v>
      </c>
      <c r="B19134" t="s">
        <v>11861</v>
      </c>
      <c r="C19134" t="s">
        <v>11844</v>
      </c>
      <c r="D19134" t="s">
        <v>11845</v>
      </c>
      <c r="E19134" t="s">
        <v>11610</v>
      </c>
      <c r="F19134" t="s">
        <v>11611</v>
      </c>
      <c r="G19134" t="s">
        <v>11612</v>
      </c>
      <c r="H19134" t="s">
        <v>11613</v>
      </c>
      <c r="I19134" s="2">
        <v>0</v>
      </c>
      <c r="J19134" s="2">
        <v>0</v>
      </c>
      <c r="K19134" s="2">
        <v>1</v>
      </c>
      <c r="L19134" t="s">
        <v>995</v>
      </c>
      <c r="M19134" t="s">
        <v>83</v>
      </c>
      <c r="N19134" t="s">
        <v>84</v>
      </c>
      <c r="O19134" t="s">
        <v>85</v>
      </c>
      <c r="P19134" t="s">
        <v>86</v>
      </c>
      <c r="Q19134">
        <v>67</v>
      </c>
      <c r="R19134">
        <v>68</v>
      </c>
      <c r="S19134">
        <v>69</v>
      </c>
      <c r="T19134">
        <v>70</v>
      </c>
      <c r="U19134">
        <v>71</v>
      </c>
      <c r="V19134">
        <v>72</v>
      </c>
      <c r="W19134">
        <v>73</v>
      </c>
      <c r="X19134">
        <v>73</v>
      </c>
      <c r="Y19134">
        <v>74</v>
      </c>
      <c r="Z19134">
        <v>75</v>
      </c>
      <c r="AA19134">
        <v>76</v>
      </c>
      <c r="AB19134">
        <v>77</v>
      </c>
      <c r="AC19134">
        <v>78</v>
      </c>
      <c r="AD19134">
        <v>79</v>
      </c>
      <c r="AE19134">
        <v>80</v>
      </c>
      <c r="AF19134">
        <v>80</v>
      </c>
      <c r="AG19134">
        <v>81</v>
      </c>
      <c r="AH19134">
        <v>82</v>
      </c>
      <c r="AI19134">
        <v>83</v>
      </c>
      <c r="AJ19134">
        <v>84</v>
      </c>
      <c r="AK19134">
        <v>85</v>
      </c>
      <c r="AL19134">
        <v>85</v>
      </c>
      <c r="AM19134">
        <v>85</v>
      </c>
      <c r="AN19134">
        <v>85</v>
      </c>
      <c r="AO19134">
        <v>85</v>
      </c>
      <c r="AP19134">
        <v>85</v>
      </c>
      <c r="AQ19134">
        <v>85</v>
      </c>
    </row>
    <row r="19135" spans="1:43">
      <c r="A19135" t="s">
        <v>11860</v>
      </c>
      <c r="B19135" t="s">
        <v>11861</v>
      </c>
      <c r="C19135" t="s">
        <v>11844</v>
      </c>
      <c r="D19135" t="s">
        <v>11845</v>
      </c>
      <c r="E19135" t="s">
        <v>11610</v>
      </c>
      <c r="F19135" t="s">
        <v>11611</v>
      </c>
      <c r="G19135" t="s">
        <v>11612</v>
      </c>
      <c r="H19135" t="s">
        <v>11613</v>
      </c>
      <c r="I19135" s="2">
        <v>0</v>
      </c>
      <c r="J19135" s="2">
        <v>0</v>
      </c>
      <c r="K19135" s="2">
        <v>1</v>
      </c>
      <c r="L19135" t="s">
        <v>995</v>
      </c>
      <c r="M19135" t="s">
        <v>87</v>
      </c>
      <c r="N19135" t="s">
        <v>88</v>
      </c>
      <c r="O19135" t="s">
        <v>85</v>
      </c>
      <c r="P19135" t="s">
        <v>86</v>
      </c>
      <c r="Q19135">
        <v>67</v>
      </c>
      <c r="R19135">
        <v>67</v>
      </c>
      <c r="S19135">
        <v>67</v>
      </c>
      <c r="T19135">
        <v>67</v>
      </c>
      <c r="U19135">
        <v>68</v>
      </c>
      <c r="V19135">
        <v>68</v>
      </c>
      <c r="W19135">
        <v>68</v>
      </c>
      <c r="X19135">
        <v>68</v>
      </c>
      <c r="Y19135">
        <v>69</v>
      </c>
      <c r="Z19135">
        <v>69</v>
      </c>
      <c r="AA19135">
        <v>69</v>
      </c>
      <c r="AB19135">
        <v>70</v>
      </c>
      <c r="AC19135">
        <v>70</v>
      </c>
      <c r="AD19135">
        <v>70</v>
      </c>
      <c r="AE19135">
        <v>70</v>
      </c>
      <c r="AF19135">
        <v>71</v>
      </c>
      <c r="AG19135">
        <v>71</v>
      </c>
      <c r="AH19135">
        <v>71</v>
      </c>
      <c r="AI19135">
        <v>72</v>
      </c>
      <c r="AJ19135">
        <v>72</v>
      </c>
      <c r="AK19135">
        <v>72</v>
      </c>
      <c r="AL19135">
        <v>72</v>
      </c>
      <c r="AM19135">
        <v>73</v>
      </c>
      <c r="AN19135">
        <v>73</v>
      </c>
      <c r="AO19135">
        <v>73</v>
      </c>
      <c r="AP19135">
        <v>73</v>
      </c>
      <c r="AQ19135">
        <v>74</v>
      </c>
    </row>
    <row r="19136" spans="1:43">
      <c r="A19136" t="s">
        <v>11860</v>
      </c>
      <c r="B19136" t="s">
        <v>11861</v>
      </c>
      <c r="C19136" t="s">
        <v>11844</v>
      </c>
      <c r="D19136" t="s">
        <v>11845</v>
      </c>
      <c r="E19136" t="s">
        <v>11610</v>
      </c>
      <c r="F19136" t="s">
        <v>11611</v>
      </c>
      <c r="G19136" t="s">
        <v>11612</v>
      </c>
      <c r="H19136" t="s">
        <v>11613</v>
      </c>
      <c r="I19136" s="2">
        <v>0</v>
      </c>
      <c r="J19136" s="2">
        <v>0</v>
      </c>
      <c r="K19136" s="2">
        <v>1</v>
      </c>
      <c r="L19136" t="s">
        <v>995</v>
      </c>
      <c r="M19136" t="s">
        <v>89</v>
      </c>
      <c r="N19136" t="s">
        <v>90</v>
      </c>
      <c r="O19136" t="s">
        <v>85</v>
      </c>
      <c r="P19136" t="s">
        <v>86</v>
      </c>
      <c r="Q19136">
        <v>67</v>
      </c>
      <c r="R19136">
        <v>68</v>
      </c>
      <c r="S19136">
        <v>70</v>
      </c>
      <c r="T19136">
        <v>71</v>
      </c>
      <c r="U19136">
        <v>73</v>
      </c>
      <c r="V19136">
        <v>74</v>
      </c>
      <c r="W19136">
        <v>75</v>
      </c>
      <c r="X19136">
        <v>77</v>
      </c>
      <c r="Y19136">
        <v>78</v>
      </c>
      <c r="Z19136">
        <v>79</v>
      </c>
      <c r="AA19136">
        <v>80</v>
      </c>
      <c r="AB19136">
        <v>81</v>
      </c>
      <c r="AC19136">
        <v>82</v>
      </c>
      <c r="AD19136">
        <v>84</v>
      </c>
      <c r="AE19136">
        <v>84</v>
      </c>
      <c r="AF19136">
        <v>84</v>
      </c>
      <c r="AG19136">
        <v>84</v>
      </c>
      <c r="AH19136">
        <v>84</v>
      </c>
      <c r="AI19136">
        <v>84</v>
      </c>
      <c r="AJ19136">
        <v>85</v>
      </c>
      <c r="AK19136">
        <v>85</v>
      </c>
      <c r="AL19136">
        <v>85</v>
      </c>
      <c r="AM19136">
        <v>85</v>
      </c>
      <c r="AN19136">
        <v>85</v>
      </c>
      <c r="AO19136">
        <v>85</v>
      </c>
      <c r="AP19136">
        <v>85</v>
      </c>
      <c r="AQ19136">
        <v>85</v>
      </c>
    </row>
    <row r="19137" spans="1:43">
      <c r="A19137" t="s">
        <v>11860</v>
      </c>
      <c r="B19137" t="s">
        <v>11861</v>
      </c>
      <c r="C19137" t="s">
        <v>11844</v>
      </c>
      <c r="D19137" t="s">
        <v>11845</v>
      </c>
      <c r="E19137" t="s">
        <v>11610</v>
      </c>
      <c r="F19137" t="s">
        <v>11611</v>
      </c>
      <c r="G19137" t="s">
        <v>11612</v>
      </c>
      <c r="H19137" t="s">
        <v>11613</v>
      </c>
      <c r="I19137" s="2">
        <v>0</v>
      </c>
      <c r="J19137" s="2">
        <v>0</v>
      </c>
      <c r="K19137" s="2">
        <v>1</v>
      </c>
      <c r="L19137" t="s">
        <v>995</v>
      </c>
      <c r="M19137" t="s">
        <v>83</v>
      </c>
      <c r="N19137" t="s">
        <v>91</v>
      </c>
      <c r="O19137" t="s">
        <v>85</v>
      </c>
      <c r="P19137" t="s">
        <v>86</v>
      </c>
      <c r="Q19137">
        <v>67</v>
      </c>
      <c r="R19137">
        <v>68</v>
      </c>
      <c r="S19137">
        <v>69</v>
      </c>
      <c r="T19137">
        <v>70</v>
      </c>
      <c r="U19137">
        <v>71</v>
      </c>
      <c r="V19137">
        <v>72</v>
      </c>
      <c r="W19137">
        <v>73</v>
      </c>
      <c r="X19137">
        <v>73</v>
      </c>
      <c r="Y19137">
        <v>74</v>
      </c>
      <c r="Z19137">
        <v>75</v>
      </c>
      <c r="AA19137">
        <v>76</v>
      </c>
      <c r="AB19137">
        <v>77</v>
      </c>
      <c r="AC19137">
        <v>78</v>
      </c>
      <c r="AD19137">
        <v>79</v>
      </c>
      <c r="AE19137">
        <v>80</v>
      </c>
      <c r="AF19137">
        <v>80</v>
      </c>
      <c r="AG19137">
        <v>81</v>
      </c>
      <c r="AH19137">
        <v>82</v>
      </c>
      <c r="AI19137">
        <v>83</v>
      </c>
      <c r="AJ19137">
        <v>84</v>
      </c>
      <c r="AK19137">
        <v>85</v>
      </c>
      <c r="AL19137">
        <v>85</v>
      </c>
      <c r="AM19137">
        <v>85</v>
      </c>
      <c r="AN19137">
        <v>85</v>
      </c>
      <c r="AO19137">
        <v>85</v>
      </c>
      <c r="AP19137">
        <v>85</v>
      </c>
      <c r="AQ19137">
        <v>85</v>
      </c>
    </row>
    <row r="19138" spans="1:43">
      <c r="A19138" t="s">
        <v>11862</v>
      </c>
      <c r="B19138" t="s">
        <v>11863</v>
      </c>
      <c r="C19138" t="s">
        <v>11836</v>
      </c>
      <c r="D19138" t="s">
        <v>11837</v>
      </c>
      <c r="E19138" t="s">
        <v>11610</v>
      </c>
      <c r="F19138" t="s">
        <v>11611</v>
      </c>
      <c r="G19138" t="s">
        <v>11612</v>
      </c>
      <c r="H19138" t="s">
        <v>11613</v>
      </c>
      <c r="I19138" s="2">
        <v>0</v>
      </c>
      <c r="J19138" s="2">
        <v>0</v>
      </c>
      <c r="K19138" s="2">
        <v>1</v>
      </c>
      <c r="L19138" t="s">
        <v>995</v>
      </c>
      <c r="M19138" t="s">
        <v>83</v>
      </c>
      <c r="N19138" t="s">
        <v>84</v>
      </c>
      <c r="O19138" t="s">
        <v>85</v>
      </c>
      <c r="P19138" t="s">
        <v>86</v>
      </c>
      <c r="Q19138">
        <v>92</v>
      </c>
      <c r="R19138">
        <v>93</v>
      </c>
      <c r="S19138">
        <v>94</v>
      </c>
      <c r="T19138">
        <v>95</v>
      </c>
      <c r="U19138">
        <v>96</v>
      </c>
      <c r="V19138">
        <v>98</v>
      </c>
      <c r="W19138">
        <v>99</v>
      </c>
      <c r="X19138">
        <v>100</v>
      </c>
      <c r="Y19138">
        <v>101</v>
      </c>
      <c r="Z19138">
        <v>103</v>
      </c>
      <c r="AA19138">
        <v>104</v>
      </c>
      <c r="AB19138">
        <v>105</v>
      </c>
      <c r="AC19138">
        <v>106</v>
      </c>
      <c r="AD19138">
        <v>107</v>
      </c>
      <c r="AE19138">
        <v>108</v>
      </c>
      <c r="AF19138">
        <v>110</v>
      </c>
      <c r="AG19138">
        <v>111</v>
      </c>
      <c r="AH19138">
        <v>112</v>
      </c>
      <c r="AI19138">
        <v>113</v>
      </c>
      <c r="AJ19138">
        <v>114</v>
      </c>
      <c r="AK19138">
        <v>115</v>
      </c>
      <c r="AL19138">
        <v>116</v>
      </c>
      <c r="AM19138">
        <v>116</v>
      </c>
      <c r="AN19138">
        <v>116</v>
      </c>
      <c r="AO19138">
        <v>116</v>
      </c>
      <c r="AP19138">
        <v>116</v>
      </c>
      <c r="AQ19138">
        <v>116</v>
      </c>
    </row>
    <row r="19139" spans="1:43">
      <c r="A19139" t="s">
        <v>11862</v>
      </c>
      <c r="B19139" t="s">
        <v>11863</v>
      </c>
      <c r="C19139" t="s">
        <v>11836</v>
      </c>
      <c r="D19139" t="s">
        <v>11837</v>
      </c>
      <c r="E19139" t="s">
        <v>11610</v>
      </c>
      <c r="F19139" t="s">
        <v>11611</v>
      </c>
      <c r="G19139" t="s">
        <v>11612</v>
      </c>
      <c r="H19139" t="s">
        <v>11613</v>
      </c>
      <c r="I19139" s="2">
        <v>0</v>
      </c>
      <c r="J19139" s="2">
        <v>0</v>
      </c>
      <c r="K19139" s="2">
        <v>1</v>
      </c>
      <c r="L19139" t="s">
        <v>995</v>
      </c>
      <c r="M19139" t="s">
        <v>87</v>
      </c>
      <c r="N19139" t="s">
        <v>88</v>
      </c>
      <c r="O19139" t="s">
        <v>85</v>
      </c>
      <c r="P19139" t="s">
        <v>86</v>
      </c>
      <c r="Q19139">
        <v>92</v>
      </c>
      <c r="R19139">
        <v>92</v>
      </c>
      <c r="S19139">
        <v>92</v>
      </c>
      <c r="T19139">
        <v>93</v>
      </c>
      <c r="U19139">
        <v>93</v>
      </c>
      <c r="V19139">
        <v>94</v>
      </c>
      <c r="W19139">
        <v>94</v>
      </c>
      <c r="X19139">
        <v>94</v>
      </c>
      <c r="Y19139">
        <v>95</v>
      </c>
      <c r="Z19139">
        <v>95</v>
      </c>
      <c r="AA19139">
        <v>95</v>
      </c>
      <c r="AB19139">
        <v>96</v>
      </c>
      <c r="AC19139">
        <v>96</v>
      </c>
      <c r="AD19139">
        <v>97</v>
      </c>
      <c r="AE19139">
        <v>97</v>
      </c>
      <c r="AF19139">
        <v>97</v>
      </c>
      <c r="AG19139">
        <v>98</v>
      </c>
      <c r="AH19139">
        <v>98</v>
      </c>
      <c r="AI19139">
        <v>98</v>
      </c>
      <c r="AJ19139">
        <v>99</v>
      </c>
      <c r="AK19139">
        <v>99</v>
      </c>
      <c r="AL19139">
        <v>100</v>
      </c>
      <c r="AM19139">
        <v>100</v>
      </c>
      <c r="AN19139">
        <v>100</v>
      </c>
      <c r="AO19139">
        <v>101</v>
      </c>
      <c r="AP19139">
        <v>101</v>
      </c>
      <c r="AQ19139">
        <v>101</v>
      </c>
    </row>
    <row r="19140" spans="1:43">
      <c r="A19140" t="s">
        <v>11862</v>
      </c>
      <c r="B19140" t="s">
        <v>11863</v>
      </c>
      <c r="C19140" t="s">
        <v>11836</v>
      </c>
      <c r="D19140" t="s">
        <v>11837</v>
      </c>
      <c r="E19140" t="s">
        <v>11610</v>
      </c>
      <c r="F19140" t="s">
        <v>11611</v>
      </c>
      <c r="G19140" t="s">
        <v>11612</v>
      </c>
      <c r="H19140" t="s">
        <v>11613</v>
      </c>
      <c r="I19140" s="2">
        <v>0</v>
      </c>
      <c r="J19140" s="2">
        <v>0</v>
      </c>
      <c r="K19140" s="2">
        <v>1</v>
      </c>
      <c r="L19140" t="s">
        <v>995</v>
      </c>
      <c r="M19140" t="s">
        <v>89</v>
      </c>
      <c r="N19140" t="s">
        <v>90</v>
      </c>
      <c r="O19140" t="s">
        <v>85</v>
      </c>
      <c r="P19140" t="s">
        <v>86</v>
      </c>
      <c r="Q19140">
        <v>92</v>
      </c>
      <c r="R19140">
        <v>94</v>
      </c>
      <c r="S19140">
        <v>96</v>
      </c>
      <c r="T19140">
        <v>98</v>
      </c>
      <c r="U19140">
        <v>100</v>
      </c>
      <c r="V19140">
        <v>102</v>
      </c>
      <c r="W19140">
        <v>104</v>
      </c>
      <c r="X19140">
        <v>106</v>
      </c>
      <c r="Y19140">
        <v>107</v>
      </c>
      <c r="Z19140">
        <v>109</v>
      </c>
      <c r="AA19140">
        <v>111</v>
      </c>
      <c r="AB19140">
        <v>112</v>
      </c>
      <c r="AC19140">
        <v>114</v>
      </c>
      <c r="AD19140">
        <v>115</v>
      </c>
      <c r="AE19140">
        <v>116</v>
      </c>
      <c r="AF19140">
        <v>116</v>
      </c>
      <c r="AG19140">
        <v>116</v>
      </c>
      <c r="AH19140">
        <v>116</v>
      </c>
      <c r="AI19140">
        <v>116</v>
      </c>
      <c r="AJ19140">
        <v>116</v>
      </c>
      <c r="AK19140">
        <v>116</v>
      </c>
      <c r="AL19140">
        <v>116</v>
      </c>
      <c r="AM19140">
        <v>116</v>
      </c>
      <c r="AN19140">
        <v>116</v>
      </c>
      <c r="AO19140">
        <v>116</v>
      </c>
      <c r="AP19140">
        <v>116</v>
      </c>
      <c r="AQ19140">
        <v>116</v>
      </c>
    </row>
    <row r="19141" spans="1:43">
      <c r="A19141" t="s">
        <v>11862</v>
      </c>
      <c r="B19141" t="s">
        <v>11863</v>
      </c>
      <c r="C19141" t="s">
        <v>11836</v>
      </c>
      <c r="D19141" t="s">
        <v>11837</v>
      </c>
      <c r="E19141" t="s">
        <v>11610</v>
      </c>
      <c r="F19141" t="s">
        <v>11611</v>
      </c>
      <c r="G19141" t="s">
        <v>11612</v>
      </c>
      <c r="H19141" t="s">
        <v>11613</v>
      </c>
      <c r="I19141" s="2">
        <v>0</v>
      </c>
      <c r="J19141" s="2">
        <v>0</v>
      </c>
      <c r="K19141" s="2">
        <v>1</v>
      </c>
      <c r="L19141" t="s">
        <v>995</v>
      </c>
      <c r="M19141" t="s">
        <v>83</v>
      </c>
      <c r="N19141" t="s">
        <v>91</v>
      </c>
      <c r="O19141" t="s">
        <v>85</v>
      </c>
      <c r="P19141" t="s">
        <v>86</v>
      </c>
      <c r="Q19141">
        <v>92</v>
      </c>
      <c r="R19141">
        <v>93</v>
      </c>
      <c r="S19141">
        <v>94</v>
      </c>
      <c r="T19141">
        <v>95</v>
      </c>
      <c r="U19141">
        <v>96</v>
      </c>
      <c r="V19141">
        <v>98</v>
      </c>
      <c r="W19141">
        <v>99</v>
      </c>
      <c r="X19141">
        <v>100</v>
      </c>
      <c r="Y19141">
        <v>101</v>
      </c>
      <c r="Z19141">
        <v>103</v>
      </c>
      <c r="AA19141">
        <v>104</v>
      </c>
      <c r="AB19141">
        <v>105</v>
      </c>
      <c r="AC19141">
        <v>106</v>
      </c>
      <c r="AD19141">
        <v>107</v>
      </c>
      <c r="AE19141">
        <v>108</v>
      </c>
      <c r="AF19141">
        <v>110</v>
      </c>
      <c r="AG19141">
        <v>111</v>
      </c>
      <c r="AH19141">
        <v>112</v>
      </c>
      <c r="AI19141">
        <v>113</v>
      </c>
      <c r="AJ19141">
        <v>114</v>
      </c>
      <c r="AK19141">
        <v>115</v>
      </c>
      <c r="AL19141">
        <v>116</v>
      </c>
      <c r="AM19141">
        <v>116</v>
      </c>
      <c r="AN19141">
        <v>116</v>
      </c>
      <c r="AO19141">
        <v>116</v>
      </c>
      <c r="AP19141">
        <v>116</v>
      </c>
      <c r="AQ19141">
        <v>116</v>
      </c>
    </row>
    <row r="19142" spans="1:43">
      <c r="A19142" t="s">
        <v>11864</v>
      </c>
      <c r="B19142" t="s">
        <v>11865</v>
      </c>
      <c r="C19142" t="s">
        <v>11836</v>
      </c>
      <c r="D19142" t="s">
        <v>11837</v>
      </c>
      <c r="E19142" t="s">
        <v>11610</v>
      </c>
      <c r="F19142" t="s">
        <v>11611</v>
      </c>
      <c r="G19142" t="s">
        <v>11612</v>
      </c>
      <c r="H19142" t="s">
        <v>11613</v>
      </c>
      <c r="I19142" s="2">
        <v>0</v>
      </c>
      <c r="J19142" s="2">
        <v>0</v>
      </c>
      <c r="K19142" s="2">
        <v>1</v>
      </c>
      <c r="L19142" t="s">
        <v>995</v>
      </c>
      <c r="M19142" t="s">
        <v>83</v>
      </c>
      <c r="N19142" t="s">
        <v>84</v>
      </c>
      <c r="O19142" t="s">
        <v>85</v>
      </c>
      <c r="P19142" t="s">
        <v>86</v>
      </c>
      <c r="Q19142">
        <v>103</v>
      </c>
      <c r="R19142">
        <v>104</v>
      </c>
      <c r="S19142">
        <v>105</v>
      </c>
      <c r="T19142">
        <v>107</v>
      </c>
      <c r="U19142">
        <v>108</v>
      </c>
      <c r="V19142">
        <v>109</v>
      </c>
      <c r="W19142">
        <v>111</v>
      </c>
      <c r="X19142">
        <v>112</v>
      </c>
      <c r="Y19142">
        <v>113</v>
      </c>
      <c r="Z19142">
        <v>115</v>
      </c>
      <c r="AA19142">
        <v>116</v>
      </c>
      <c r="AB19142">
        <v>118</v>
      </c>
      <c r="AC19142">
        <v>119</v>
      </c>
      <c r="AD19142">
        <v>120</v>
      </c>
      <c r="AE19142">
        <v>121</v>
      </c>
      <c r="AF19142">
        <v>123</v>
      </c>
      <c r="AG19142">
        <v>124</v>
      </c>
      <c r="AH19142">
        <v>125</v>
      </c>
      <c r="AI19142">
        <v>127</v>
      </c>
      <c r="AJ19142">
        <v>128</v>
      </c>
      <c r="AK19142">
        <v>129</v>
      </c>
      <c r="AL19142">
        <v>130</v>
      </c>
      <c r="AM19142">
        <v>130</v>
      </c>
      <c r="AN19142">
        <v>130</v>
      </c>
      <c r="AO19142">
        <v>130</v>
      </c>
      <c r="AP19142">
        <v>130</v>
      </c>
      <c r="AQ19142">
        <v>130</v>
      </c>
    </row>
    <row r="19143" spans="1:43">
      <c r="A19143" t="s">
        <v>11864</v>
      </c>
      <c r="B19143" t="s">
        <v>11865</v>
      </c>
      <c r="C19143" t="s">
        <v>11836</v>
      </c>
      <c r="D19143" t="s">
        <v>11837</v>
      </c>
      <c r="E19143" t="s">
        <v>11610</v>
      </c>
      <c r="F19143" t="s">
        <v>11611</v>
      </c>
      <c r="G19143" t="s">
        <v>11612</v>
      </c>
      <c r="H19143" t="s">
        <v>11613</v>
      </c>
      <c r="I19143" s="2">
        <v>0</v>
      </c>
      <c r="J19143" s="2">
        <v>0</v>
      </c>
      <c r="K19143" s="2">
        <v>1</v>
      </c>
      <c r="L19143" t="s">
        <v>995</v>
      </c>
      <c r="M19143" t="s">
        <v>87</v>
      </c>
      <c r="N19143" t="s">
        <v>88</v>
      </c>
      <c r="O19143" t="s">
        <v>85</v>
      </c>
      <c r="P19143" t="s">
        <v>86</v>
      </c>
      <c r="Q19143">
        <v>103</v>
      </c>
      <c r="R19143">
        <v>103</v>
      </c>
      <c r="S19143">
        <v>103</v>
      </c>
      <c r="T19143">
        <v>104</v>
      </c>
      <c r="U19143">
        <v>104</v>
      </c>
      <c r="V19143">
        <v>105</v>
      </c>
      <c r="W19143">
        <v>105</v>
      </c>
      <c r="X19143">
        <v>106</v>
      </c>
      <c r="Y19143">
        <v>106</v>
      </c>
      <c r="Z19143">
        <v>106</v>
      </c>
      <c r="AA19143">
        <v>107</v>
      </c>
      <c r="AB19143">
        <v>107</v>
      </c>
      <c r="AC19143">
        <v>108</v>
      </c>
      <c r="AD19143">
        <v>108</v>
      </c>
      <c r="AE19143">
        <v>108</v>
      </c>
      <c r="AF19143">
        <v>109</v>
      </c>
      <c r="AG19143">
        <v>109</v>
      </c>
      <c r="AH19143">
        <v>110</v>
      </c>
      <c r="AI19143">
        <v>110</v>
      </c>
      <c r="AJ19143">
        <v>111</v>
      </c>
      <c r="AK19143">
        <v>111</v>
      </c>
      <c r="AL19143">
        <v>111</v>
      </c>
      <c r="AM19143">
        <v>112</v>
      </c>
      <c r="AN19143">
        <v>112</v>
      </c>
      <c r="AO19143">
        <v>113</v>
      </c>
      <c r="AP19143">
        <v>113</v>
      </c>
      <c r="AQ19143">
        <v>113</v>
      </c>
    </row>
    <row r="19144" spans="1:43">
      <c r="A19144" t="s">
        <v>11864</v>
      </c>
      <c r="B19144" t="s">
        <v>11865</v>
      </c>
      <c r="C19144" t="s">
        <v>11836</v>
      </c>
      <c r="D19144" t="s">
        <v>11837</v>
      </c>
      <c r="E19144" t="s">
        <v>11610</v>
      </c>
      <c r="F19144" t="s">
        <v>11611</v>
      </c>
      <c r="G19144" t="s">
        <v>11612</v>
      </c>
      <c r="H19144" t="s">
        <v>11613</v>
      </c>
      <c r="I19144" s="2">
        <v>0</v>
      </c>
      <c r="J19144" s="2">
        <v>0</v>
      </c>
      <c r="K19144" s="2">
        <v>1</v>
      </c>
      <c r="L19144" t="s">
        <v>995</v>
      </c>
      <c r="M19144" t="s">
        <v>89</v>
      </c>
      <c r="N19144" t="s">
        <v>90</v>
      </c>
      <c r="O19144" t="s">
        <v>85</v>
      </c>
      <c r="P19144" t="s">
        <v>86</v>
      </c>
      <c r="Q19144">
        <v>103</v>
      </c>
      <c r="R19144">
        <v>106</v>
      </c>
      <c r="S19144">
        <v>108</v>
      </c>
      <c r="T19144">
        <v>110</v>
      </c>
      <c r="U19144">
        <v>112</v>
      </c>
      <c r="V19144">
        <v>114</v>
      </c>
      <c r="W19144">
        <v>116</v>
      </c>
      <c r="X19144">
        <v>118</v>
      </c>
      <c r="Y19144">
        <v>120</v>
      </c>
      <c r="Z19144">
        <v>122</v>
      </c>
      <c r="AA19144">
        <v>124</v>
      </c>
      <c r="AB19144">
        <v>126</v>
      </c>
      <c r="AC19144">
        <v>127</v>
      </c>
      <c r="AD19144">
        <v>129</v>
      </c>
      <c r="AE19144">
        <v>130</v>
      </c>
      <c r="AF19144">
        <v>130</v>
      </c>
      <c r="AG19144">
        <v>130</v>
      </c>
      <c r="AH19144">
        <v>130</v>
      </c>
      <c r="AI19144">
        <v>130</v>
      </c>
      <c r="AJ19144">
        <v>130</v>
      </c>
      <c r="AK19144">
        <v>130</v>
      </c>
      <c r="AL19144">
        <v>130</v>
      </c>
      <c r="AM19144">
        <v>131</v>
      </c>
      <c r="AN19144">
        <v>131</v>
      </c>
      <c r="AO19144">
        <v>131</v>
      </c>
      <c r="AP19144">
        <v>130</v>
      </c>
      <c r="AQ19144">
        <v>130</v>
      </c>
    </row>
    <row r="19145" spans="1:43">
      <c r="A19145" t="s">
        <v>11864</v>
      </c>
      <c r="B19145" t="s">
        <v>11865</v>
      </c>
      <c r="C19145" t="s">
        <v>11836</v>
      </c>
      <c r="D19145" t="s">
        <v>11837</v>
      </c>
      <c r="E19145" t="s">
        <v>11610</v>
      </c>
      <c r="F19145" t="s">
        <v>11611</v>
      </c>
      <c r="G19145" t="s">
        <v>11612</v>
      </c>
      <c r="H19145" t="s">
        <v>11613</v>
      </c>
      <c r="I19145" s="2">
        <v>0</v>
      </c>
      <c r="J19145" s="2">
        <v>0</v>
      </c>
      <c r="K19145" s="2">
        <v>1</v>
      </c>
      <c r="L19145" t="s">
        <v>995</v>
      </c>
      <c r="M19145" t="s">
        <v>83</v>
      </c>
      <c r="N19145" t="s">
        <v>91</v>
      </c>
      <c r="O19145" t="s">
        <v>85</v>
      </c>
      <c r="P19145" t="s">
        <v>86</v>
      </c>
      <c r="Q19145">
        <v>103</v>
      </c>
      <c r="R19145">
        <v>104</v>
      </c>
      <c r="S19145">
        <v>105</v>
      </c>
      <c r="T19145">
        <v>107</v>
      </c>
      <c r="U19145">
        <v>108</v>
      </c>
      <c r="V19145">
        <v>109</v>
      </c>
      <c r="W19145">
        <v>111</v>
      </c>
      <c r="X19145">
        <v>112</v>
      </c>
      <c r="Y19145">
        <v>113</v>
      </c>
      <c r="Z19145">
        <v>115</v>
      </c>
      <c r="AA19145">
        <v>116</v>
      </c>
      <c r="AB19145">
        <v>118</v>
      </c>
      <c r="AC19145">
        <v>119</v>
      </c>
      <c r="AD19145">
        <v>120</v>
      </c>
      <c r="AE19145">
        <v>121</v>
      </c>
      <c r="AF19145">
        <v>123</v>
      </c>
      <c r="AG19145">
        <v>124</v>
      </c>
      <c r="AH19145">
        <v>125</v>
      </c>
      <c r="AI19145">
        <v>127</v>
      </c>
      <c r="AJ19145">
        <v>128</v>
      </c>
      <c r="AK19145">
        <v>129</v>
      </c>
      <c r="AL19145">
        <v>130</v>
      </c>
      <c r="AM19145">
        <v>130</v>
      </c>
      <c r="AN19145">
        <v>130</v>
      </c>
      <c r="AO19145">
        <v>130</v>
      </c>
      <c r="AP19145">
        <v>130</v>
      </c>
      <c r="AQ19145">
        <v>130</v>
      </c>
    </row>
    <row r="19146" spans="1:43">
      <c r="A19146" t="s">
        <v>11866</v>
      </c>
      <c r="B19146" t="s">
        <v>11867</v>
      </c>
      <c r="C19146" t="s">
        <v>11868</v>
      </c>
      <c r="D19146" t="s">
        <v>11869</v>
      </c>
      <c r="E19146" t="s">
        <v>11610</v>
      </c>
      <c r="F19146" t="s">
        <v>11611</v>
      </c>
      <c r="G19146" t="s">
        <v>11612</v>
      </c>
      <c r="H19146" t="s">
        <v>11613</v>
      </c>
      <c r="I19146" s="2">
        <v>0</v>
      </c>
      <c r="J19146" s="2">
        <v>0</v>
      </c>
      <c r="K19146" s="2">
        <v>1</v>
      </c>
      <c r="L19146" t="s">
        <v>995</v>
      </c>
      <c r="M19146" t="s">
        <v>83</v>
      </c>
      <c r="N19146" t="s">
        <v>84</v>
      </c>
      <c r="O19146" t="s">
        <v>85</v>
      </c>
      <c r="P19146" t="s">
        <v>86</v>
      </c>
      <c r="Q19146">
        <v>409</v>
      </c>
      <c r="R19146">
        <v>415</v>
      </c>
      <c r="S19146">
        <v>420</v>
      </c>
      <c r="T19146">
        <v>426</v>
      </c>
      <c r="U19146">
        <v>431</v>
      </c>
      <c r="V19146">
        <v>437</v>
      </c>
      <c r="W19146">
        <v>442</v>
      </c>
      <c r="X19146">
        <v>448</v>
      </c>
      <c r="Y19146">
        <v>453</v>
      </c>
      <c r="Z19146">
        <v>459</v>
      </c>
      <c r="AA19146">
        <v>464</v>
      </c>
      <c r="AB19146">
        <v>470</v>
      </c>
      <c r="AC19146">
        <v>475</v>
      </c>
      <c r="AD19146">
        <v>480</v>
      </c>
      <c r="AE19146">
        <v>486</v>
      </c>
      <c r="AF19146">
        <v>491</v>
      </c>
      <c r="AG19146">
        <v>497</v>
      </c>
      <c r="AH19146">
        <v>502</v>
      </c>
      <c r="AI19146">
        <v>507</v>
      </c>
      <c r="AJ19146">
        <v>513</v>
      </c>
      <c r="AK19146">
        <v>518</v>
      </c>
      <c r="AL19146">
        <v>520</v>
      </c>
      <c r="AM19146">
        <v>521</v>
      </c>
      <c r="AN19146">
        <v>522</v>
      </c>
      <c r="AO19146">
        <v>523</v>
      </c>
      <c r="AP19146">
        <v>524</v>
      </c>
      <c r="AQ19146">
        <v>524</v>
      </c>
    </row>
    <row r="19147" spans="1:43">
      <c r="A19147" t="s">
        <v>11866</v>
      </c>
      <c r="B19147" t="s">
        <v>11867</v>
      </c>
      <c r="C19147" t="s">
        <v>11868</v>
      </c>
      <c r="D19147" t="s">
        <v>11869</v>
      </c>
      <c r="E19147" t="s">
        <v>11610</v>
      </c>
      <c r="F19147" t="s">
        <v>11611</v>
      </c>
      <c r="G19147" t="s">
        <v>11612</v>
      </c>
      <c r="H19147" t="s">
        <v>11613</v>
      </c>
      <c r="I19147" s="2">
        <v>0</v>
      </c>
      <c r="J19147" s="2">
        <v>0</v>
      </c>
      <c r="K19147" s="2">
        <v>1</v>
      </c>
      <c r="L19147" t="s">
        <v>995</v>
      </c>
      <c r="M19147" t="s">
        <v>87</v>
      </c>
      <c r="N19147" t="s">
        <v>88</v>
      </c>
      <c r="O19147" t="s">
        <v>85</v>
      </c>
      <c r="P19147" t="s">
        <v>86</v>
      </c>
      <c r="Q19147">
        <v>409</v>
      </c>
      <c r="R19147">
        <v>411</v>
      </c>
      <c r="S19147">
        <v>413</v>
      </c>
      <c r="T19147">
        <v>414</v>
      </c>
      <c r="U19147">
        <v>416</v>
      </c>
      <c r="V19147">
        <v>418</v>
      </c>
      <c r="W19147">
        <v>420</v>
      </c>
      <c r="X19147">
        <v>421</v>
      </c>
      <c r="Y19147">
        <v>423</v>
      </c>
      <c r="Z19147">
        <v>425</v>
      </c>
      <c r="AA19147">
        <v>427</v>
      </c>
      <c r="AB19147">
        <v>428</v>
      </c>
      <c r="AC19147">
        <v>430</v>
      </c>
      <c r="AD19147">
        <v>432</v>
      </c>
      <c r="AE19147">
        <v>433</v>
      </c>
      <c r="AF19147">
        <v>435</v>
      </c>
      <c r="AG19147">
        <v>437</v>
      </c>
      <c r="AH19147">
        <v>439</v>
      </c>
      <c r="AI19147">
        <v>440</v>
      </c>
      <c r="AJ19147">
        <v>442</v>
      </c>
      <c r="AK19147">
        <v>444</v>
      </c>
      <c r="AL19147">
        <v>445</v>
      </c>
      <c r="AM19147">
        <v>447</v>
      </c>
      <c r="AN19147">
        <v>449</v>
      </c>
      <c r="AO19147">
        <v>450</v>
      </c>
      <c r="AP19147">
        <v>452</v>
      </c>
      <c r="AQ19147">
        <v>454</v>
      </c>
    </row>
    <row r="19148" spans="1:43">
      <c r="A19148" t="s">
        <v>11866</v>
      </c>
      <c r="B19148" t="s">
        <v>11867</v>
      </c>
      <c r="C19148" t="s">
        <v>11868</v>
      </c>
      <c r="D19148" t="s">
        <v>11869</v>
      </c>
      <c r="E19148" t="s">
        <v>11610</v>
      </c>
      <c r="F19148" t="s">
        <v>11611</v>
      </c>
      <c r="G19148" t="s">
        <v>11612</v>
      </c>
      <c r="H19148" t="s">
        <v>11613</v>
      </c>
      <c r="I19148" s="2">
        <v>0</v>
      </c>
      <c r="J19148" s="2">
        <v>0</v>
      </c>
      <c r="K19148" s="2">
        <v>1</v>
      </c>
      <c r="L19148" t="s">
        <v>995</v>
      </c>
      <c r="M19148" t="s">
        <v>89</v>
      </c>
      <c r="N19148" t="s">
        <v>90</v>
      </c>
      <c r="O19148" t="s">
        <v>85</v>
      </c>
      <c r="P19148" t="s">
        <v>86</v>
      </c>
      <c r="Q19148">
        <v>409</v>
      </c>
      <c r="R19148">
        <v>418</v>
      </c>
      <c r="S19148">
        <v>427</v>
      </c>
      <c r="T19148">
        <v>436</v>
      </c>
      <c r="U19148">
        <v>444</v>
      </c>
      <c r="V19148">
        <v>453</v>
      </c>
      <c r="W19148">
        <v>461</v>
      </c>
      <c r="X19148">
        <v>469</v>
      </c>
      <c r="Y19148">
        <v>477</v>
      </c>
      <c r="Z19148">
        <v>484</v>
      </c>
      <c r="AA19148">
        <v>492</v>
      </c>
      <c r="AB19148">
        <v>499</v>
      </c>
      <c r="AC19148">
        <v>506</v>
      </c>
      <c r="AD19148">
        <v>514</v>
      </c>
      <c r="AE19148">
        <v>518</v>
      </c>
      <c r="AF19148">
        <v>519</v>
      </c>
      <c r="AG19148">
        <v>520</v>
      </c>
      <c r="AH19148">
        <v>521</v>
      </c>
      <c r="AI19148">
        <v>522</v>
      </c>
      <c r="AJ19148">
        <v>523</v>
      </c>
      <c r="AK19148">
        <v>524</v>
      </c>
      <c r="AL19148">
        <v>525</v>
      </c>
      <c r="AM19148">
        <v>525</v>
      </c>
      <c r="AN19148">
        <v>526</v>
      </c>
      <c r="AO19148">
        <v>527</v>
      </c>
      <c r="AP19148">
        <v>527</v>
      </c>
      <c r="AQ19148">
        <v>528</v>
      </c>
    </row>
    <row r="19149" spans="1:43">
      <c r="A19149" t="s">
        <v>11866</v>
      </c>
      <c r="B19149" t="s">
        <v>11867</v>
      </c>
      <c r="C19149" t="s">
        <v>11868</v>
      </c>
      <c r="D19149" t="s">
        <v>11869</v>
      </c>
      <c r="E19149" t="s">
        <v>11610</v>
      </c>
      <c r="F19149" t="s">
        <v>11611</v>
      </c>
      <c r="G19149" t="s">
        <v>11612</v>
      </c>
      <c r="H19149" t="s">
        <v>11613</v>
      </c>
      <c r="I19149" s="2">
        <v>0</v>
      </c>
      <c r="J19149" s="2">
        <v>0</v>
      </c>
      <c r="K19149" s="2">
        <v>1</v>
      </c>
      <c r="L19149" t="s">
        <v>995</v>
      </c>
      <c r="M19149" t="s">
        <v>83</v>
      </c>
      <c r="N19149" t="s">
        <v>91</v>
      </c>
      <c r="O19149" t="s">
        <v>85</v>
      </c>
      <c r="P19149" t="s">
        <v>86</v>
      </c>
      <c r="Q19149">
        <v>409</v>
      </c>
      <c r="R19149">
        <v>415</v>
      </c>
      <c r="S19149">
        <v>420</v>
      </c>
      <c r="T19149">
        <v>426</v>
      </c>
      <c r="U19149">
        <v>431</v>
      </c>
      <c r="V19149">
        <v>437</v>
      </c>
      <c r="W19149">
        <v>442</v>
      </c>
      <c r="X19149">
        <v>448</v>
      </c>
      <c r="Y19149">
        <v>453</v>
      </c>
      <c r="Z19149">
        <v>459</v>
      </c>
      <c r="AA19149">
        <v>464</v>
      </c>
      <c r="AB19149">
        <v>470</v>
      </c>
      <c r="AC19149">
        <v>475</v>
      </c>
      <c r="AD19149">
        <v>480</v>
      </c>
      <c r="AE19149">
        <v>486</v>
      </c>
      <c r="AF19149">
        <v>491</v>
      </c>
      <c r="AG19149">
        <v>497</v>
      </c>
      <c r="AH19149">
        <v>502</v>
      </c>
      <c r="AI19149">
        <v>507</v>
      </c>
      <c r="AJ19149">
        <v>513</v>
      </c>
      <c r="AK19149">
        <v>518</v>
      </c>
      <c r="AL19149">
        <v>520</v>
      </c>
      <c r="AM19149">
        <v>521</v>
      </c>
      <c r="AN19149">
        <v>522</v>
      </c>
      <c r="AO19149">
        <v>523</v>
      </c>
      <c r="AP19149">
        <v>524</v>
      </c>
      <c r="AQ19149">
        <v>524</v>
      </c>
    </row>
    <row r="19150" spans="1:43">
      <c r="A19150" t="s">
        <v>11870</v>
      </c>
      <c r="B19150" t="s">
        <v>11871</v>
      </c>
      <c r="C19150" t="s">
        <v>11868</v>
      </c>
      <c r="D19150" t="s">
        <v>11869</v>
      </c>
      <c r="E19150" t="s">
        <v>11610</v>
      </c>
      <c r="F19150" t="s">
        <v>11611</v>
      </c>
      <c r="G19150" t="s">
        <v>11612</v>
      </c>
      <c r="H19150" t="s">
        <v>11613</v>
      </c>
      <c r="I19150" s="2">
        <v>0</v>
      </c>
      <c r="J19150" s="2">
        <v>0</v>
      </c>
      <c r="K19150" s="2">
        <v>1</v>
      </c>
      <c r="L19150" t="s">
        <v>995</v>
      </c>
      <c r="M19150" t="s">
        <v>83</v>
      </c>
      <c r="N19150" t="s">
        <v>84</v>
      </c>
      <c r="O19150" t="s">
        <v>85</v>
      </c>
      <c r="P19150" t="s">
        <v>86</v>
      </c>
      <c r="Q19150">
        <v>78</v>
      </c>
      <c r="R19150">
        <v>79</v>
      </c>
      <c r="S19150">
        <v>80</v>
      </c>
      <c r="T19150">
        <v>81</v>
      </c>
      <c r="U19150">
        <v>82</v>
      </c>
      <c r="V19150">
        <v>83</v>
      </c>
      <c r="W19150">
        <v>84</v>
      </c>
      <c r="X19150">
        <v>85</v>
      </c>
      <c r="Y19150">
        <v>86</v>
      </c>
      <c r="Z19150">
        <v>87</v>
      </c>
      <c r="AA19150">
        <v>88</v>
      </c>
      <c r="AB19150">
        <v>89</v>
      </c>
      <c r="AC19150">
        <v>90</v>
      </c>
      <c r="AD19150">
        <v>91</v>
      </c>
      <c r="AE19150">
        <v>92</v>
      </c>
      <c r="AF19150">
        <v>93</v>
      </c>
      <c r="AG19150">
        <v>94</v>
      </c>
      <c r="AH19150">
        <v>95</v>
      </c>
      <c r="AI19150">
        <v>96</v>
      </c>
      <c r="AJ19150">
        <v>97</v>
      </c>
      <c r="AK19150">
        <v>98</v>
      </c>
      <c r="AL19150">
        <v>98</v>
      </c>
      <c r="AM19150">
        <v>98</v>
      </c>
      <c r="AN19150">
        <v>98</v>
      </c>
      <c r="AO19150">
        <v>98</v>
      </c>
      <c r="AP19150">
        <v>98</v>
      </c>
      <c r="AQ19150">
        <v>98</v>
      </c>
    </row>
    <row r="19151" spans="1:43">
      <c r="A19151" t="s">
        <v>11870</v>
      </c>
      <c r="B19151" t="s">
        <v>11871</v>
      </c>
      <c r="C19151" t="s">
        <v>11868</v>
      </c>
      <c r="D19151" t="s">
        <v>11869</v>
      </c>
      <c r="E19151" t="s">
        <v>11610</v>
      </c>
      <c r="F19151" t="s">
        <v>11611</v>
      </c>
      <c r="G19151" t="s">
        <v>11612</v>
      </c>
      <c r="H19151" t="s">
        <v>11613</v>
      </c>
      <c r="I19151" s="2">
        <v>0</v>
      </c>
      <c r="J19151" s="2">
        <v>0</v>
      </c>
      <c r="K19151" s="2">
        <v>1</v>
      </c>
      <c r="L19151" t="s">
        <v>995</v>
      </c>
      <c r="M19151" t="s">
        <v>87</v>
      </c>
      <c r="N19151" t="s">
        <v>88</v>
      </c>
      <c r="O19151" t="s">
        <v>85</v>
      </c>
      <c r="P19151" t="s">
        <v>86</v>
      </c>
      <c r="Q19151">
        <v>78</v>
      </c>
      <c r="R19151">
        <v>78</v>
      </c>
      <c r="S19151">
        <v>79</v>
      </c>
      <c r="T19151">
        <v>79</v>
      </c>
      <c r="U19151">
        <v>79</v>
      </c>
      <c r="V19151">
        <v>79</v>
      </c>
      <c r="W19151">
        <v>80</v>
      </c>
      <c r="X19151">
        <v>80</v>
      </c>
      <c r="Y19151">
        <v>80</v>
      </c>
      <c r="Z19151">
        <v>81</v>
      </c>
      <c r="AA19151">
        <v>81</v>
      </c>
      <c r="AB19151">
        <v>81</v>
      </c>
      <c r="AC19151">
        <v>82</v>
      </c>
      <c r="AD19151">
        <v>82</v>
      </c>
      <c r="AE19151">
        <v>82</v>
      </c>
      <c r="AF19151">
        <v>83</v>
      </c>
      <c r="AG19151">
        <v>83</v>
      </c>
      <c r="AH19151">
        <v>83</v>
      </c>
      <c r="AI19151">
        <v>84</v>
      </c>
      <c r="AJ19151">
        <v>84</v>
      </c>
      <c r="AK19151">
        <v>84</v>
      </c>
      <c r="AL19151">
        <v>85</v>
      </c>
      <c r="AM19151">
        <v>85</v>
      </c>
      <c r="AN19151">
        <v>85</v>
      </c>
      <c r="AO19151">
        <v>86</v>
      </c>
      <c r="AP19151">
        <v>86</v>
      </c>
      <c r="AQ19151">
        <v>86</v>
      </c>
    </row>
    <row r="19152" spans="1:43">
      <c r="A19152" t="s">
        <v>11870</v>
      </c>
      <c r="B19152" t="s">
        <v>11871</v>
      </c>
      <c r="C19152" t="s">
        <v>11868</v>
      </c>
      <c r="D19152" t="s">
        <v>11869</v>
      </c>
      <c r="E19152" t="s">
        <v>11610</v>
      </c>
      <c r="F19152" t="s">
        <v>11611</v>
      </c>
      <c r="G19152" t="s">
        <v>11612</v>
      </c>
      <c r="H19152" t="s">
        <v>11613</v>
      </c>
      <c r="I19152" s="2">
        <v>0</v>
      </c>
      <c r="J19152" s="2">
        <v>0</v>
      </c>
      <c r="K19152" s="2">
        <v>1</v>
      </c>
      <c r="L19152" t="s">
        <v>995</v>
      </c>
      <c r="M19152" t="s">
        <v>89</v>
      </c>
      <c r="N19152" t="s">
        <v>90</v>
      </c>
      <c r="O19152" t="s">
        <v>85</v>
      </c>
      <c r="P19152" t="s">
        <v>86</v>
      </c>
      <c r="Q19152">
        <v>78</v>
      </c>
      <c r="R19152">
        <v>80</v>
      </c>
      <c r="S19152">
        <v>82</v>
      </c>
      <c r="T19152">
        <v>83</v>
      </c>
      <c r="U19152">
        <v>85</v>
      </c>
      <c r="V19152">
        <v>87</v>
      </c>
      <c r="W19152">
        <v>88</v>
      </c>
      <c r="X19152">
        <v>90</v>
      </c>
      <c r="Y19152">
        <v>91</v>
      </c>
      <c r="Z19152">
        <v>92</v>
      </c>
      <c r="AA19152">
        <v>94</v>
      </c>
      <c r="AB19152">
        <v>95</v>
      </c>
      <c r="AC19152">
        <v>97</v>
      </c>
      <c r="AD19152">
        <v>98</v>
      </c>
      <c r="AE19152">
        <v>99</v>
      </c>
      <c r="AF19152">
        <v>99</v>
      </c>
      <c r="AG19152">
        <v>99</v>
      </c>
      <c r="AH19152">
        <v>99</v>
      </c>
      <c r="AI19152">
        <v>99</v>
      </c>
      <c r="AJ19152">
        <v>99</v>
      </c>
      <c r="AK19152">
        <v>99</v>
      </c>
      <c r="AL19152">
        <v>99</v>
      </c>
      <c r="AM19152">
        <v>99</v>
      </c>
      <c r="AN19152">
        <v>99</v>
      </c>
      <c r="AO19152">
        <v>99</v>
      </c>
      <c r="AP19152">
        <v>99</v>
      </c>
      <c r="AQ19152">
        <v>99</v>
      </c>
    </row>
    <row r="19153" spans="1:43">
      <c r="A19153" t="s">
        <v>11870</v>
      </c>
      <c r="B19153" t="s">
        <v>11871</v>
      </c>
      <c r="C19153" t="s">
        <v>11868</v>
      </c>
      <c r="D19153" t="s">
        <v>11869</v>
      </c>
      <c r="E19153" t="s">
        <v>11610</v>
      </c>
      <c r="F19153" t="s">
        <v>11611</v>
      </c>
      <c r="G19153" t="s">
        <v>11612</v>
      </c>
      <c r="H19153" t="s">
        <v>11613</v>
      </c>
      <c r="I19153" s="2">
        <v>0</v>
      </c>
      <c r="J19153" s="2">
        <v>0</v>
      </c>
      <c r="K19153" s="2">
        <v>1</v>
      </c>
      <c r="L19153" t="s">
        <v>995</v>
      </c>
      <c r="M19153" t="s">
        <v>83</v>
      </c>
      <c r="N19153" t="s">
        <v>91</v>
      </c>
      <c r="O19153" t="s">
        <v>85</v>
      </c>
      <c r="P19153" t="s">
        <v>86</v>
      </c>
      <c r="Q19153">
        <v>78</v>
      </c>
      <c r="R19153">
        <v>79</v>
      </c>
      <c r="S19153">
        <v>80</v>
      </c>
      <c r="T19153">
        <v>81</v>
      </c>
      <c r="U19153">
        <v>82</v>
      </c>
      <c r="V19153">
        <v>83</v>
      </c>
      <c r="W19153">
        <v>84</v>
      </c>
      <c r="X19153">
        <v>85</v>
      </c>
      <c r="Y19153">
        <v>86</v>
      </c>
      <c r="Z19153">
        <v>87</v>
      </c>
      <c r="AA19153">
        <v>88</v>
      </c>
      <c r="AB19153">
        <v>89</v>
      </c>
      <c r="AC19153">
        <v>90</v>
      </c>
      <c r="AD19153">
        <v>91</v>
      </c>
      <c r="AE19153">
        <v>92</v>
      </c>
      <c r="AF19153">
        <v>93</v>
      </c>
      <c r="AG19153">
        <v>94</v>
      </c>
      <c r="AH19153">
        <v>95</v>
      </c>
      <c r="AI19153">
        <v>96</v>
      </c>
      <c r="AJ19153">
        <v>97</v>
      </c>
      <c r="AK19153">
        <v>98</v>
      </c>
      <c r="AL19153">
        <v>98</v>
      </c>
      <c r="AM19153">
        <v>98</v>
      </c>
      <c r="AN19153">
        <v>98</v>
      </c>
      <c r="AO19153">
        <v>98</v>
      </c>
      <c r="AP19153">
        <v>98</v>
      </c>
      <c r="AQ19153">
        <v>98</v>
      </c>
    </row>
    <row r="19154" spans="1:43">
      <c r="A19154" t="s">
        <v>11872</v>
      </c>
      <c r="B19154" t="s">
        <v>11873</v>
      </c>
      <c r="C19154" t="s">
        <v>11616</v>
      </c>
      <c r="D19154" t="s">
        <v>11617</v>
      </c>
      <c r="E19154" t="s">
        <v>11610</v>
      </c>
      <c r="F19154" t="s">
        <v>11611</v>
      </c>
      <c r="G19154" t="s">
        <v>11612</v>
      </c>
      <c r="H19154" t="s">
        <v>11613</v>
      </c>
      <c r="I19154" s="2">
        <v>0</v>
      </c>
      <c r="J19154" s="2">
        <v>0</v>
      </c>
      <c r="K19154" s="2">
        <v>1</v>
      </c>
      <c r="L19154" t="s">
        <v>995</v>
      </c>
      <c r="M19154" t="s">
        <v>83</v>
      </c>
      <c r="N19154" t="s">
        <v>84</v>
      </c>
      <c r="O19154" t="s">
        <v>85</v>
      </c>
      <c r="P19154" t="s">
        <v>86</v>
      </c>
      <c r="Q19154">
        <v>70</v>
      </c>
      <c r="R19154">
        <v>71</v>
      </c>
      <c r="S19154">
        <v>72</v>
      </c>
      <c r="T19154">
        <v>73</v>
      </c>
      <c r="U19154">
        <v>74</v>
      </c>
      <c r="V19154">
        <v>75</v>
      </c>
      <c r="W19154">
        <v>76</v>
      </c>
      <c r="X19154">
        <v>77</v>
      </c>
      <c r="Y19154">
        <v>78</v>
      </c>
      <c r="Z19154">
        <v>79</v>
      </c>
      <c r="AA19154">
        <v>80</v>
      </c>
      <c r="AB19154">
        <v>81</v>
      </c>
      <c r="AC19154">
        <v>82</v>
      </c>
      <c r="AD19154">
        <v>83</v>
      </c>
      <c r="AE19154">
        <v>83</v>
      </c>
      <c r="AF19154">
        <v>84</v>
      </c>
      <c r="AG19154">
        <v>85</v>
      </c>
      <c r="AH19154">
        <v>86</v>
      </c>
      <c r="AI19154">
        <v>87</v>
      </c>
      <c r="AJ19154">
        <v>88</v>
      </c>
      <c r="AK19154">
        <v>89</v>
      </c>
      <c r="AL19154">
        <v>89</v>
      </c>
      <c r="AM19154">
        <v>90</v>
      </c>
      <c r="AN19154">
        <v>90</v>
      </c>
      <c r="AO19154">
        <v>90</v>
      </c>
      <c r="AP19154">
        <v>90</v>
      </c>
      <c r="AQ19154">
        <v>90</v>
      </c>
    </row>
    <row r="19155" spans="1:43">
      <c r="A19155" t="s">
        <v>11872</v>
      </c>
      <c r="B19155" t="s">
        <v>11873</v>
      </c>
      <c r="C19155" t="s">
        <v>11616</v>
      </c>
      <c r="D19155" t="s">
        <v>11617</v>
      </c>
      <c r="E19155" t="s">
        <v>11610</v>
      </c>
      <c r="F19155" t="s">
        <v>11611</v>
      </c>
      <c r="G19155" t="s">
        <v>11612</v>
      </c>
      <c r="H19155" t="s">
        <v>11613</v>
      </c>
      <c r="I19155" s="2">
        <v>0</v>
      </c>
      <c r="J19155" s="2">
        <v>0</v>
      </c>
      <c r="K19155" s="2">
        <v>1</v>
      </c>
      <c r="L19155" t="s">
        <v>995</v>
      </c>
      <c r="M19155" t="s">
        <v>87</v>
      </c>
      <c r="N19155" t="s">
        <v>88</v>
      </c>
      <c r="O19155" t="s">
        <v>85</v>
      </c>
      <c r="P19155" t="s">
        <v>86</v>
      </c>
      <c r="Q19155">
        <v>70</v>
      </c>
      <c r="R19155">
        <v>70</v>
      </c>
      <c r="S19155">
        <v>70</v>
      </c>
      <c r="T19155">
        <v>70</v>
      </c>
      <c r="U19155">
        <v>71</v>
      </c>
      <c r="V19155">
        <v>71</v>
      </c>
      <c r="W19155">
        <v>71</v>
      </c>
      <c r="X19155">
        <v>72</v>
      </c>
      <c r="Y19155">
        <v>72</v>
      </c>
      <c r="Z19155">
        <v>72</v>
      </c>
      <c r="AA19155">
        <v>73</v>
      </c>
      <c r="AB19155">
        <v>73</v>
      </c>
      <c r="AC19155">
        <v>73</v>
      </c>
      <c r="AD19155">
        <v>73</v>
      </c>
      <c r="AE19155">
        <v>74</v>
      </c>
      <c r="AF19155">
        <v>74</v>
      </c>
      <c r="AG19155">
        <v>74</v>
      </c>
      <c r="AH19155">
        <v>75</v>
      </c>
      <c r="AI19155">
        <v>75</v>
      </c>
      <c r="AJ19155">
        <v>75</v>
      </c>
      <c r="AK19155">
        <v>76</v>
      </c>
      <c r="AL19155">
        <v>76</v>
      </c>
      <c r="AM19155">
        <v>76</v>
      </c>
      <c r="AN19155">
        <v>76</v>
      </c>
      <c r="AO19155">
        <v>77</v>
      </c>
      <c r="AP19155">
        <v>77</v>
      </c>
      <c r="AQ19155">
        <v>77</v>
      </c>
    </row>
    <row r="19156" spans="1:43">
      <c r="A19156" t="s">
        <v>11872</v>
      </c>
      <c r="B19156" t="s">
        <v>11873</v>
      </c>
      <c r="C19156" t="s">
        <v>11616</v>
      </c>
      <c r="D19156" t="s">
        <v>11617</v>
      </c>
      <c r="E19156" t="s">
        <v>11610</v>
      </c>
      <c r="F19156" t="s">
        <v>11611</v>
      </c>
      <c r="G19156" t="s">
        <v>11612</v>
      </c>
      <c r="H19156" t="s">
        <v>11613</v>
      </c>
      <c r="I19156" s="2">
        <v>0</v>
      </c>
      <c r="J19156" s="2">
        <v>0</v>
      </c>
      <c r="K19156" s="2">
        <v>1</v>
      </c>
      <c r="L19156" t="s">
        <v>995</v>
      </c>
      <c r="M19156" t="s">
        <v>89</v>
      </c>
      <c r="N19156" t="s">
        <v>90</v>
      </c>
      <c r="O19156" t="s">
        <v>85</v>
      </c>
      <c r="P19156" t="s">
        <v>86</v>
      </c>
      <c r="Q19156">
        <v>70</v>
      </c>
      <c r="R19156">
        <v>71</v>
      </c>
      <c r="S19156">
        <v>73</v>
      </c>
      <c r="T19156">
        <v>74</v>
      </c>
      <c r="U19156">
        <v>76</v>
      </c>
      <c r="V19156">
        <v>77</v>
      </c>
      <c r="W19156">
        <v>79</v>
      </c>
      <c r="X19156">
        <v>80</v>
      </c>
      <c r="Y19156">
        <v>82</v>
      </c>
      <c r="Z19156">
        <v>83</v>
      </c>
      <c r="AA19156">
        <v>84</v>
      </c>
      <c r="AB19156">
        <v>85</v>
      </c>
      <c r="AC19156">
        <v>87</v>
      </c>
      <c r="AD19156">
        <v>88</v>
      </c>
      <c r="AE19156">
        <v>89</v>
      </c>
      <c r="AF19156">
        <v>89</v>
      </c>
      <c r="AG19156">
        <v>89</v>
      </c>
      <c r="AH19156">
        <v>89</v>
      </c>
      <c r="AI19156">
        <v>90</v>
      </c>
      <c r="AJ19156">
        <v>90</v>
      </c>
      <c r="AK19156">
        <v>90</v>
      </c>
      <c r="AL19156">
        <v>90</v>
      </c>
      <c r="AM19156">
        <v>90</v>
      </c>
      <c r="AN19156">
        <v>91</v>
      </c>
      <c r="AO19156">
        <v>91</v>
      </c>
      <c r="AP19156">
        <v>91</v>
      </c>
      <c r="AQ19156">
        <v>91</v>
      </c>
    </row>
    <row r="19157" spans="1:43">
      <c r="A19157" t="s">
        <v>11872</v>
      </c>
      <c r="B19157" t="s">
        <v>11873</v>
      </c>
      <c r="C19157" t="s">
        <v>11616</v>
      </c>
      <c r="D19157" t="s">
        <v>11617</v>
      </c>
      <c r="E19157" t="s">
        <v>11610</v>
      </c>
      <c r="F19157" t="s">
        <v>11611</v>
      </c>
      <c r="G19157" t="s">
        <v>11612</v>
      </c>
      <c r="H19157" t="s">
        <v>11613</v>
      </c>
      <c r="I19157" s="2">
        <v>0</v>
      </c>
      <c r="J19157" s="2">
        <v>0</v>
      </c>
      <c r="K19157" s="2">
        <v>1</v>
      </c>
      <c r="L19157" t="s">
        <v>995</v>
      </c>
      <c r="M19157" t="s">
        <v>83</v>
      </c>
      <c r="N19157" t="s">
        <v>91</v>
      </c>
      <c r="O19157" t="s">
        <v>85</v>
      </c>
      <c r="P19157" t="s">
        <v>86</v>
      </c>
      <c r="Q19157">
        <v>70</v>
      </c>
      <c r="R19157">
        <v>71</v>
      </c>
      <c r="S19157">
        <v>72</v>
      </c>
      <c r="T19157">
        <v>73</v>
      </c>
      <c r="U19157">
        <v>74</v>
      </c>
      <c r="V19157">
        <v>75</v>
      </c>
      <c r="W19157">
        <v>76</v>
      </c>
      <c r="X19157">
        <v>77</v>
      </c>
      <c r="Y19157">
        <v>78</v>
      </c>
      <c r="Z19157">
        <v>79</v>
      </c>
      <c r="AA19157">
        <v>80</v>
      </c>
      <c r="AB19157">
        <v>81</v>
      </c>
      <c r="AC19157">
        <v>82</v>
      </c>
      <c r="AD19157">
        <v>83</v>
      </c>
      <c r="AE19157">
        <v>83</v>
      </c>
      <c r="AF19157">
        <v>84</v>
      </c>
      <c r="AG19157">
        <v>85</v>
      </c>
      <c r="AH19157">
        <v>86</v>
      </c>
      <c r="AI19157">
        <v>87</v>
      </c>
      <c r="AJ19157">
        <v>88</v>
      </c>
      <c r="AK19157">
        <v>89</v>
      </c>
      <c r="AL19157">
        <v>89</v>
      </c>
      <c r="AM19157">
        <v>90</v>
      </c>
      <c r="AN19157">
        <v>90</v>
      </c>
      <c r="AO19157">
        <v>90</v>
      </c>
      <c r="AP19157">
        <v>90</v>
      </c>
      <c r="AQ19157">
        <v>90</v>
      </c>
    </row>
    <row r="19158" spans="1:43">
      <c r="A19158" t="s">
        <v>11874</v>
      </c>
      <c r="B19158" t="s">
        <v>11875</v>
      </c>
      <c r="C19158" t="s">
        <v>11616</v>
      </c>
      <c r="D19158" t="s">
        <v>11617</v>
      </c>
      <c r="E19158" t="s">
        <v>11610</v>
      </c>
      <c r="F19158" t="s">
        <v>11611</v>
      </c>
      <c r="G19158" t="s">
        <v>11612</v>
      </c>
      <c r="H19158" t="s">
        <v>11613</v>
      </c>
      <c r="I19158" s="2">
        <v>0</v>
      </c>
      <c r="J19158" s="2">
        <v>0</v>
      </c>
      <c r="K19158" s="2">
        <v>1</v>
      </c>
      <c r="L19158" t="s">
        <v>995</v>
      </c>
      <c r="M19158" t="s">
        <v>83</v>
      </c>
      <c r="N19158" t="s">
        <v>84</v>
      </c>
      <c r="O19158" t="s">
        <v>85</v>
      </c>
      <c r="P19158" t="s">
        <v>86</v>
      </c>
      <c r="Q19158">
        <v>115</v>
      </c>
      <c r="R19158">
        <v>117</v>
      </c>
      <c r="S19158">
        <v>118</v>
      </c>
      <c r="T19158">
        <v>120</v>
      </c>
      <c r="U19158">
        <v>121</v>
      </c>
      <c r="V19158">
        <v>123</v>
      </c>
      <c r="W19158">
        <v>124</v>
      </c>
      <c r="X19158">
        <v>126</v>
      </c>
      <c r="Y19158">
        <v>128</v>
      </c>
      <c r="Z19158">
        <v>129</v>
      </c>
      <c r="AA19158">
        <v>131</v>
      </c>
      <c r="AB19158">
        <v>132</v>
      </c>
      <c r="AC19158">
        <v>134</v>
      </c>
      <c r="AD19158">
        <v>135</v>
      </c>
      <c r="AE19158">
        <v>137</v>
      </c>
      <c r="AF19158">
        <v>138</v>
      </c>
      <c r="AG19158">
        <v>140</v>
      </c>
      <c r="AH19158">
        <v>141</v>
      </c>
      <c r="AI19158">
        <v>143</v>
      </c>
      <c r="AJ19158">
        <v>144</v>
      </c>
      <c r="AK19158">
        <v>146</v>
      </c>
      <c r="AL19158">
        <v>147</v>
      </c>
      <c r="AM19158">
        <v>147</v>
      </c>
      <c r="AN19158">
        <v>147</v>
      </c>
      <c r="AO19158">
        <v>147</v>
      </c>
      <c r="AP19158">
        <v>148</v>
      </c>
      <c r="AQ19158">
        <v>148</v>
      </c>
    </row>
    <row r="19159" spans="1:43">
      <c r="A19159" t="s">
        <v>11874</v>
      </c>
      <c r="B19159" t="s">
        <v>11875</v>
      </c>
      <c r="C19159" t="s">
        <v>11616</v>
      </c>
      <c r="D19159" t="s">
        <v>11617</v>
      </c>
      <c r="E19159" t="s">
        <v>11610</v>
      </c>
      <c r="F19159" t="s">
        <v>11611</v>
      </c>
      <c r="G19159" t="s">
        <v>11612</v>
      </c>
      <c r="H19159" t="s">
        <v>11613</v>
      </c>
      <c r="I19159" s="2">
        <v>0</v>
      </c>
      <c r="J19159" s="2">
        <v>0</v>
      </c>
      <c r="K19159" s="2">
        <v>1</v>
      </c>
      <c r="L19159" t="s">
        <v>995</v>
      </c>
      <c r="M19159" t="s">
        <v>87</v>
      </c>
      <c r="N19159" t="s">
        <v>88</v>
      </c>
      <c r="O19159" t="s">
        <v>85</v>
      </c>
      <c r="P19159" t="s">
        <v>86</v>
      </c>
      <c r="Q19159">
        <v>115</v>
      </c>
      <c r="R19159">
        <v>115</v>
      </c>
      <c r="S19159">
        <v>116</v>
      </c>
      <c r="T19159">
        <v>116</v>
      </c>
      <c r="U19159">
        <v>117</v>
      </c>
      <c r="V19159">
        <v>117</v>
      </c>
      <c r="W19159">
        <v>118</v>
      </c>
      <c r="X19159">
        <v>118</v>
      </c>
      <c r="Y19159">
        <v>119</v>
      </c>
      <c r="Z19159">
        <v>119</v>
      </c>
      <c r="AA19159">
        <v>120</v>
      </c>
      <c r="AB19159">
        <v>120</v>
      </c>
      <c r="AC19159">
        <v>121</v>
      </c>
      <c r="AD19159">
        <v>121</v>
      </c>
      <c r="AE19159">
        <v>122</v>
      </c>
      <c r="AF19159">
        <v>122</v>
      </c>
      <c r="AG19159">
        <v>123</v>
      </c>
      <c r="AH19159">
        <v>123</v>
      </c>
      <c r="AI19159">
        <v>124</v>
      </c>
      <c r="AJ19159">
        <v>124</v>
      </c>
      <c r="AK19159">
        <v>125</v>
      </c>
      <c r="AL19159">
        <v>125</v>
      </c>
      <c r="AM19159">
        <v>126</v>
      </c>
      <c r="AN19159">
        <v>126</v>
      </c>
      <c r="AO19159">
        <v>127</v>
      </c>
      <c r="AP19159">
        <v>127</v>
      </c>
      <c r="AQ19159">
        <v>128</v>
      </c>
    </row>
    <row r="19160" spans="1:43">
      <c r="A19160" t="s">
        <v>11874</v>
      </c>
      <c r="B19160" t="s">
        <v>11875</v>
      </c>
      <c r="C19160" t="s">
        <v>11616</v>
      </c>
      <c r="D19160" t="s">
        <v>11617</v>
      </c>
      <c r="E19160" t="s">
        <v>11610</v>
      </c>
      <c r="F19160" t="s">
        <v>11611</v>
      </c>
      <c r="G19160" t="s">
        <v>11612</v>
      </c>
      <c r="H19160" t="s">
        <v>11613</v>
      </c>
      <c r="I19160" s="2">
        <v>0</v>
      </c>
      <c r="J19160" s="2">
        <v>0</v>
      </c>
      <c r="K19160" s="2">
        <v>1</v>
      </c>
      <c r="L19160" t="s">
        <v>995</v>
      </c>
      <c r="M19160" t="s">
        <v>89</v>
      </c>
      <c r="N19160" t="s">
        <v>90</v>
      </c>
      <c r="O19160" t="s">
        <v>85</v>
      </c>
      <c r="P19160" t="s">
        <v>86</v>
      </c>
      <c r="Q19160">
        <v>115</v>
      </c>
      <c r="R19160">
        <v>118</v>
      </c>
      <c r="S19160">
        <v>120</v>
      </c>
      <c r="T19160">
        <v>123</v>
      </c>
      <c r="U19160">
        <v>125</v>
      </c>
      <c r="V19160">
        <v>127</v>
      </c>
      <c r="W19160">
        <v>130</v>
      </c>
      <c r="X19160">
        <v>132</v>
      </c>
      <c r="Y19160">
        <v>134</v>
      </c>
      <c r="Z19160">
        <v>136</v>
      </c>
      <c r="AA19160">
        <v>138</v>
      </c>
      <c r="AB19160">
        <v>140</v>
      </c>
      <c r="AC19160">
        <v>143</v>
      </c>
      <c r="AD19160">
        <v>145</v>
      </c>
      <c r="AE19160">
        <v>146</v>
      </c>
      <c r="AF19160">
        <v>146</v>
      </c>
      <c r="AG19160">
        <v>147</v>
      </c>
      <c r="AH19160">
        <v>147</v>
      </c>
      <c r="AI19160">
        <v>147</v>
      </c>
      <c r="AJ19160">
        <v>148</v>
      </c>
      <c r="AK19160">
        <v>148</v>
      </c>
      <c r="AL19160">
        <v>148</v>
      </c>
      <c r="AM19160">
        <v>149</v>
      </c>
      <c r="AN19160">
        <v>149</v>
      </c>
      <c r="AO19160">
        <v>149</v>
      </c>
      <c r="AP19160">
        <v>149</v>
      </c>
      <c r="AQ19160">
        <v>150</v>
      </c>
    </row>
    <row r="19161" spans="1:43">
      <c r="A19161" t="s">
        <v>11874</v>
      </c>
      <c r="B19161" t="s">
        <v>11875</v>
      </c>
      <c r="C19161" t="s">
        <v>11616</v>
      </c>
      <c r="D19161" t="s">
        <v>11617</v>
      </c>
      <c r="E19161" t="s">
        <v>11610</v>
      </c>
      <c r="F19161" t="s">
        <v>11611</v>
      </c>
      <c r="G19161" t="s">
        <v>11612</v>
      </c>
      <c r="H19161" t="s">
        <v>11613</v>
      </c>
      <c r="I19161" s="2">
        <v>0</v>
      </c>
      <c r="J19161" s="2">
        <v>0</v>
      </c>
      <c r="K19161" s="2">
        <v>1</v>
      </c>
      <c r="L19161" t="s">
        <v>995</v>
      </c>
      <c r="M19161" t="s">
        <v>83</v>
      </c>
      <c r="N19161" t="s">
        <v>91</v>
      </c>
      <c r="O19161" t="s">
        <v>85</v>
      </c>
      <c r="P19161" t="s">
        <v>86</v>
      </c>
      <c r="Q19161">
        <v>115</v>
      </c>
      <c r="R19161">
        <v>117</v>
      </c>
      <c r="S19161">
        <v>118</v>
      </c>
      <c r="T19161">
        <v>120</v>
      </c>
      <c r="U19161">
        <v>121</v>
      </c>
      <c r="V19161">
        <v>123</v>
      </c>
      <c r="W19161">
        <v>124</v>
      </c>
      <c r="X19161">
        <v>126</v>
      </c>
      <c r="Y19161">
        <v>128</v>
      </c>
      <c r="Z19161">
        <v>129</v>
      </c>
      <c r="AA19161">
        <v>131</v>
      </c>
      <c r="AB19161">
        <v>132</v>
      </c>
      <c r="AC19161">
        <v>134</v>
      </c>
      <c r="AD19161">
        <v>135</v>
      </c>
      <c r="AE19161">
        <v>137</v>
      </c>
      <c r="AF19161">
        <v>138</v>
      </c>
      <c r="AG19161">
        <v>140</v>
      </c>
      <c r="AH19161">
        <v>141</v>
      </c>
      <c r="AI19161">
        <v>143</v>
      </c>
      <c r="AJ19161">
        <v>144</v>
      </c>
      <c r="AK19161">
        <v>146</v>
      </c>
      <c r="AL19161">
        <v>147</v>
      </c>
      <c r="AM19161">
        <v>147</v>
      </c>
      <c r="AN19161">
        <v>147</v>
      </c>
      <c r="AO19161">
        <v>147</v>
      </c>
      <c r="AP19161">
        <v>148</v>
      </c>
      <c r="AQ19161">
        <v>148</v>
      </c>
    </row>
    <row r="19162" spans="1:43">
      <c r="A19162" t="s">
        <v>11876</v>
      </c>
      <c r="B19162" t="s">
        <v>11877</v>
      </c>
      <c r="C19162" t="s">
        <v>11878</v>
      </c>
      <c r="D19162" t="s">
        <v>11879</v>
      </c>
      <c r="E19162" t="s">
        <v>11610</v>
      </c>
      <c r="F19162" t="s">
        <v>11611</v>
      </c>
      <c r="G19162" t="s">
        <v>11612</v>
      </c>
      <c r="H19162" t="s">
        <v>11613</v>
      </c>
      <c r="I19162" s="2">
        <v>0</v>
      </c>
      <c r="J19162" s="2">
        <v>0</v>
      </c>
      <c r="K19162" s="2">
        <v>1</v>
      </c>
      <c r="L19162" t="s">
        <v>995</v>
      </c>
      <c r="M19162" t="s">
        <v>83</v>
      </c>
      <c r="N19162" t="s">
        <v>84</v>
      </c>
      <c r="O19162" t="s">
        <v>85</v>
      </c>
      <c r="P19162" t="s">
        <v>86</v>
      </c>
      <c r="Q19162">
        <v>10</v>
      </c>
      <c r="R19162">
        <v>10</v>
      </c>
      <c r="S19162">
        <v>11</v>
      </c>
      <c r="T19162">
        <v>11</v>
      </c>
      <c r="U19162">
        <v>11</v>
      </c>
      <c r="V19162">
        <v>11</v>
      </c>
      <c r="W19162">
        <v>11</v>
      </c>
      <c r="X19162">
        <v>11</v>
      </c>
      <c r="Y19162">
        <v>11</v>
      </c>
      <c r="Z19162">
        <v>12</v>
      </c>
      <c r="AA19162">
        <v>12</v>
      </c>
      <c r="AB19162">
        <v>12</v>
      </c>
      <c r="AC19162">
        <v>12</v>
      </c>
      <c r="AD19162">
        <v>12</v>
      </c>
      <c r="AE19162">
        <v>12</v>
      </c>
      <c r="AF19162">
        <v>12</v>
      </c>
      <c r="AG19162">
        <v>12</v>
      </c>
      <c r="AH19162">
        <v>13</v>
      </c>
      <c r="AI19162">
        <v>13</v>
      </c>
      <c r="AJ19162">
        <v>13</v>
      </c>
      <c r="AK19162">
        <v>13</v>
      </c>
      <c r="AL19162">
        <v>13</v>
      </c>
      <c r="AM19162">
        <v>13</v>
      </c>
      <c r="AN19162">
        <v>13</v>
      </c>
      <c r="AO19162">
        <v>13</v>
      </c>
      <c r="AP19162">
        <v>13</v>
      </c>
      <c r="AQ19162">
        <v>13</v>
      </c>
    </row>
    <row r="19163" spans="1:43">
      <c r="A19163" t="s">
        <v>11876</v>
      </c>
      <c r="B19163" t="s">
        <v>11877</v>
      </c>
      <c r="C19163" t="s">
        <v>11878</v>
      </c>
      <c r="D19163" t="s">
        <v>11879</v>
      </c>
      <c r="E19163" t="s">
        <v>11610</v>
      </c>
      <c r="F19163" t="s">
        <v>11611</v>
      </c>
      <c r="G19163" t="s">
        <v>11612</v>
      </c>
      <c r="H19163" t="s">
        <v>11613</v>
      </c>
      <c r="I19163" s="2">
        <v>0</v>
      </c>
      <c r="J19163" s="2">
        <v>0</v>
      </c>
      <c r="K19163" s="2">
        <v>1</v>
      </c>
      <c r="L19163" t="s">
        <v>995</v>
      </c>
      <c r="M19163" t="s">
        <v>87</v>
      </c>
      <c r="N19163" t="s">
        <v>88</v>
      </c>
      <c r="O19163" t="s">
        <v>85</v>
      </c>
      <c r="P19163" t="s">
        <v>86</v>
      </c>
      <c r="Q19163">
        <v>10</v>
      </c>
      <c r="R19163">
        <v>10</v>
      </c>
      <c r="S19163">
        <v>10</v>
      </c>
      <c r="T19163">
        <v>10</v>
      </c>
      <c r="U19163">
        <v>10</v>
      </c>
      <c r="V19163">
        <v>10</v>
      </c>
      <c r="W19163">
        <v>10</v>
      </c>
      <c r="X19163">
        <v>11</v>
      </c>
      <c r="Y19163">
        <v>11</v>
      </c>
      <c r="Z19163">
        <v>11</v>
      </c>
      <c r="AA19163">
        <v>11</v>
      </c>
      <c r="AB19163">
        <v>11</v>
      </c>
      <c r="AC19163">
        <v>11</v>
      </c>
      <c r="AD19163">
        <v>11</v>
      </c>
      <c r="AE19163">
        <v>11</v>
      </c>
      <c r="AF19163">
        <v>11</v>
      </c>
      <c r="AG19163">
        <v>11</v>
      </c>
      <c r="AH19163">
        <v>11</v>
      </c>
      <c r="AI19163">
        <v>11</v>
      </c>
      <c r="AJ19163">
        <v>11</v>
      </c>
      <c r="AK19163">
        <v>11</v>
      </c>
      <c r="AL19163">
        <v>11</v>
      </c>
      <c r="AM19163">
        <v>11</v>
      </c>
      <c r="AN19163">
        <v>11</v>
      </c>
      <c r="AO19163">
        <v>11</v>
      </c>
      <c r="AP19163">
        <v>11</v>
      </c>
      <c r="AQ19163">
        <v>11</v>
      </c>
    </row>
    <row r="19164" spans="1:43">
      <c r="A19164" t="s">
        <v>11876</v>
      </c>
      <c r="B19164" t="s">
        <v>11877</v>
      </c>
      <c r="C19164" t="s">
        <v>11878</v>
      </c>
      <c r="D19164" t="s">
        <v>11879</v>
      </c>
      <c r="E19164" t="s">
        <v>11610</v>
      </c>
      <c r="F19164" t="s">
        <v>11611</v>
      </c>
      <c r="G19164" t="s">
        <v>11612</v>
      </c>
      <c r="H19164" t="s">
        <v>11613</v>
      </c>
      <c r="I19164" s="2">
        <v>0</v>
      </c>
      <c r="J19164" s="2">
        <v>0</v>
      </c>
      <c r="K19164" s="2">
        <v>1</v>
      </c>
      <c r="L19164" t="s">
        <v>995</v>
      </c>
      <c r="M19164" t="s">
        <v>89</v>
      </c>
      <c r="N19164" t="s">
        <v>90</v>
      </c>
      <c r="O19164" t="s">
        <v>85</v>
      </c>
      <c r="P19164" t="s">
        <v>86</v>
      </c>
      <c r="Q19164">
        <v>10</v>
      </c>
      <c r="R19164">
        <v>11</v>
      </c>
      <c r="S19164">
        <v>11</v>
      </c>
      <c r="T19164">
        <v>11</v>
      </c>
      <c r="U19164">
        <v>11</v>
      </c>
      <c r="V19164">
        <v>11</v>
      </c>
      <c r="W19164">
        <v>12</v>
      </c>
      <c r="X19164">
        <v>12</v>
      </c>
      <c r="Y19164">
        <v>12</v>
      </c>
      <c r="Z19164">
        <v>12</v>
      </c>
      <c r="AA19164">
        <v>12</v>
      </c>
      <c r="AB19164">
        <v>13</v>
      </c>
      <c r="AC19164">
        <v>13</v>
      </c>
      <c r="AD19164">
        <v>13</v>
      </c>
      <c r="AE19164">
        <v>13</v>
      </c>
      <c r="AF19164">
        <v>13</v>
      </c>
      <c r="AG19164">
        <v>13</v>
      </c>
      <c r="AH19164">
        <v>13</v>
      </c>
      <c r="AI19164">
        <v>13</v>
      </c>
      <c r="AJ19164">
        <v>13</v>
      </c>
      <c r="AK19164">
        <v>13</v>
      </c>
      <c r="AL19164">
        <v>13</v>
      </c>
      <c r="AM19164">
        <v>13</v>
      </c>
      <c r="AN19164">
        <v>13</v>
      </c>
      <c r="AO19164">
        <v>13</v>
      </c>
      <c r="AP19164">
        <v>13</v>
      </c>
      <c r="AQ19164">
        <v>13</v>
      </c>
    </row>
    <row r="19165" spans="1:43">
      <c r="A19165" t="s">
        <v>11876</v>
      </c>
      <c r="B19165" t="s">
        <v>11877</v>
      </c>
      <c r="C19165" t="s">
        <v>11878</v>
      </c>
      <c r="D19165" t="s">
        <v>11879</v>
      </c>
      <c r="E19165" t="s">
        <v>11610</v>
      </c>
      <c r="F19165" t="s">
        <v>11611</v>
      </c>
      <c r="G19165" t="s">
        <v>11612</v>
      </c>
      <c r="H19165" t="s">
        <v>11613</v>
      </c>
      <c r="I19165" s="2">
        <v>0</v>
      </c>
      <c r="J19165" s="2">
        <v>0</v>
      </c>
      <c r="K19165" s="2">
        <v>1</v>
      </c>
      <c r="L19165" t="s">
        <v>995</v>
      </c>
      <c r="M19165" t="s">
        <v>83</v>
      </c>
      <c r="N19165" t="s">
        <v>91</v>
      </c>
      <c r="O19165" t="s">
        <v>85</v>
      </c>
      <c r="P19165" t="s">
        <v>86</v>
      </c>
      <c r="Q19165">
        <v>10</v>
      </c>
      <c r="R19165">
        <v>10</v>
      </c>
      <c r="S19165">
        <v>11</v>
      </c>
      <c r="T19165">
        <v>11</v>
      </c>
      <c r="U19165">
        <v>11</v>
      </c>
      <c r="V19165">
        <v>11</v>
      </c>
      <c r="W19165">
        <v>11</v>
      </c>
      <c r="X19165">
        <v>11</v>
      </c>
      <c r="Y19165">
        <v>11</v>
      </c>
      <c r="Z19165">
        <v>12</v>
      </c>
      <c r="AA19165">
        <v>12</v>
      </c>
      <c r="AB19165">
        <v>12</v>
      </c>
      <c r="AC19165">
        <v>12</v>
      </c>
      <c r="AD19165">
        <v>12</v>
      </c>
      <c r="AE19165">
        <v>12</v>
      </c>
      <c r="AF19165">
        <v>12</v>
      </c>
      <c r="AG19165">
        <v>12</v>
      </c>
      <c r="AH19165">
        <v>13</v>
      </c>
      <c r="AI19165">
        <v>13</v>
      </c>
      <c r="AJ19165">
        <v>13</v>
      </c>
      <c r="AK19165">
        <v>13</v>
      </c>
      <c r="AL19165">
        <v>13</v>
      </c>
      <c r="AM19165">
        <v>13</v>
      </c>
      <c r="AN19165">
        <v>13</v>
      </c>
      <c r="AO19165">
        <v>13</v>
      </c>
      <c r="AP19165">
        <v>13</v>
      </c>
      <c r="AQ19165">
        <v>13</v>
      </c>
    </row>
    <row r="19166" spans="1:43">
      <c r="A19166" t="s">
        <v>11880</v>
      </c>
      <c r="B19166" t="s">
        <v>11881</v>
      </c>
      <c r="C19166" t="s">
        <v>11650</v>
      </c>
      <c r="D19166" t="s">
        <v>11651</v>
      </c>
      <c r="E19166" t="s">
        <v>11610</v>
      </c>
      <c r="F19166" t="s">
        <v>11611</v>
      </c>
      <c r="G19166" t="s">
        <v>11612</v>
      </c>
      <c r="H19166" t="s">
        <v>11613</v>
      </c>
      <c r="I19166" s="2">
        <v>0</v>
      </c>
      <c r="J19166" s="2">
        <v>0</v>
      </c>
      <c r="K19166" s="2">
        <v>1</v>
      </c>
      <c r="L19166" t="s">
        <v>995</v>
      </c>
      <c r="M19166" t="s">
        <v>83</v>
      </c>
      <c r="N19166" t="s">
        <v>84</v>
      </c>
      <c r="O19166" t="s">
        <v>85</v>
      </c>
      <c r="P19166" t="s">
        <v>86</v>
      </c>
      <c r="Q19166">
        <v>89</v>
      </c>
      <c r="R19166">
        <v>90</v>
      </c>
      <c r="S19166">
        <v>91</v>
      </c>
      <c r="T19166">
        <v>92</v>
      </c>
      <c r="U19166">
        <v>94</v>
      </c>
      <c r="V19166">
        <v>95</v>
      </c>
      <c r="W19166">
        <v>96</v>
      </c>
      <c r="X19166">
        <v>97</v>
      </c>
      <c r="Y19166">
        <v>99</v>
      </c>
      <c r="Z19166">
        <v>100</v>
      </c>
      <c r="AA19166">
        <v>101</v>
      </c>
      <c r="AB19166">
        <v>102</v>
      </c>
      <c r="AC19166">
        <v>103</v>
      </c>
      <c r="AD19166">
        <v>104</v>
      </c>
      <c r="AE19166">
        <v>105</v>
      </c>
      <c r="AF19166">
        <v>106</v>
      </c>
      <c r="AG19166">
        <v>107</v>
      </c>
      <c r="AH19166">
        <v>109</v>
      </c>
      <c r="AI19166">
        <v>110</v>
      </c>
      <c r="AJ19166">
        <v>111</v>
      </c>
      <c r="AK19166">
        <v>112</v>
      </c>
      <c r="AL19166">
        <v>112</v>
      </c>
      <c r="AM19166">
        <v>112</v>
      </c>
      <c r="AN19166">
        <v>112</v>
      </c>
      <c r="AO19166">
        <v>112</v>
      </c>
      <c r="AP19166">
        <v>113</v>
      </c>
      <c r="AQ19166">
        <v>113</v>
      </c>
    </row>
    <row r="19167" spans="1:43">
      <c r="A19167" t="s">
        <v>11880</v>
      </c>
      <c r="B19167" t="s">
        <v>11881</v>
      </c>
      <c r="C19167" t="s">
        <v>11650</v>
      </c>
      <c r="D19167" t="s">
        <v>11651</v>
      </c>
      <c r="E19167" t="s">
        <v>11610</v>
      </c>
      <c r="F19167" t="s">
        <v>11611</v>
      </c>
      <c r="G19167" t="s">
        <v>11612</v>
      </c>
      <c r="H19167" t="s">
        <v>11613</v>
      </c>
      <c r="I19167" s="2">
        <v>0</v>
      </c>
      <c r="J19167" s="2">
        <v>0</v>
      </c>
      <c r="K19167" s="2">
        <v>1</v>
      </c>
      <c r="L19167" t="s">
        <v>995</v>
      </c>
      <c r="M19167" t="s">
        <v>87</v>
      </c>
      <c r="N19167" t="s">
        <v>88</v>
      </c>
      <c r="O19167" t="s">
        <v>85</v>
      </c>
      <c r="P19167" t="s">
        <v>86</v>
      </c>
      <c r="Q19167">
        <v>89</v>
      </c>
      <c r="R19167">
        <v>89</v>
      </c>
      <c r="S19167">
        <v>90</v>
      </c>
      <c r="T19167">
        <v>90</v>
      </c>
      <c r="U19167">
        <v>91</v>
      </c>
      <c r="V19167">
        <v>91</v>
      </c>
      <c r="W19167">
        <v>91</v>
      </c>
      <c r="X19167">
        <v>92</v>
      </c>
      <c r="Y19167">
        <v>92</v>
      </c>
      <c r="Z19167">
        <v>92</v>
      </c>
      <c r="AA19167">
        <v>93</v>
      </c>
      <c r="AB19167">
        <v>93</v>
      </c>
      <c r="AC19167">
        <v>94</v>
      </c>
      <c r="AD19167">
        <v>94</v>
      </c>
      <c r="AE19167">
        <v>94</v>
      </c>
      <c r="AF19167">
        <v>95</v>
      </c>
      <c r="AG19167">
        <v>95</v>
      </c>
      <c r="AH19167">
        <v>96</v>
      </c>
      <c r="AI19167">
        <v>96</v>
      </c>
      <c r="AJ19167">
        <v>96</v>
      </c>
      <c r="AK19167">
        <v>97</v>
      </c>
      <c r="AL19167">
        <v>97</v>
      </c>
      <c r="AM19167">
        <v>97</v>
      </c>
      <c r="AN19167">
        <v>98</v>
      </c>
      <c r="AO19167">
        <v>98</v>
      </c>
      <c r="AP19167">
        <v>99</v>
      </c>
      <c r="AQ19167">
        <v>99</v>
      </c>
    </row>
    <row r="19168" spans="1:43">
      <c r="A19168" t="s">
        <v>11880</v>
      </c>
      <c r="B19168" t="s">
        <v>11881</v>
      </c>
      <c r="C19168" t="s">
        <v>11650</v>
      </c>
      <c r="D19168" t="s">
        <v>11651</v>
      </c>
      <c r="E19168" t="s">
        <v>11610</v>
      </c>
      <c r="F19168" t="s">
        <v>11611</v>
      </c>
      <c r="G19168" t="s">
        <v>11612</v>
      </c>
      <c r="H19168" t="s">
        <v>11613</v>
      </c>
      <c r="I19168" s="2">
        <v>0</v>
      </c>
      <c r="J19168" s="2">
        <v>0</v>
      </c>
      <c r="K19168" s="2">
        <v>1</v>
      </c>
      <c r="L19168" t="s">
        <v>995</v>
      </c>
      <c r="M19168" t="s">
        <v>89</v>
      </c>
      <c r="N19168" t="s">
        <v>90</v>
      </c>
      <c r="O19168" t="s">
        <v>85</v>
      </c>
      <c r="P19168" t="s">
        <v>86</v>
      </c>
      <c r="Q19168">
        <v>89</v>
      </c>
      <c r="R19168">
        <v>91</v>
      </c>
      <c r="S19168">
        <v>93</v>
      </c>
      <c r="T19168">
        <v>95</v>
      </c>
      <c r="U19168">
        <v>96</v>
      </c>
      <c r="V19168">
        <v>98</v>
      </c>
      <c r="W19168">
        <v>100</v>
      </c>
      <c r="X19168">
        <v>102</v>
      </c>
      <c r="Y19168">
        <v>103</v>
      </c>
      <c r="Z19168">
        <v>105</v>
      </c>
      <c r="AA19168">
        <v>106</v>
      </c>
      <c r="AB19168">
        <v>108</v>
      </c>
      <c r="AC19168">
        <v>109</v>
      </c>
      <c r="AD19168">
        <v>111</v>
      </c>
      <c r="AE19168">
        <v>112</v>
      </c>
      <c r="AF19168">
        <v>112</v>
      </c>
      <c r="AG19168">
        <v>112</v>
      </c>
      <c r="AH19168">
        <v>112</v>
      </c>
      <c r="AI19168">
        <v>112</v>
      </c>
      <c r="AJ19168">
        <v>112</v>
      </c>
      <c r="AK19168">
        <v>112</v>
      </c>
      <c r="AL19168">
        <v>112</v>
      </c>
      <c r="AM19168">
        <v>112</v>
      </c>
      <c r="AN19168">
        <v>113</v>
      </c>
      <c r="AO19168">
        <v>113</v>
      </c>
      <c r="AP19168">
        <v>113</v>
      </c>
      <c r="AQ19168">
        <v>113</v>
      </c>
    </row>
    <row r="19169" spans="1:43">
      <c r="A19169" t="s">
        <v>11880</v>
      </c>
      <c r="B19169" t="s">
        <v>11881</v>
      </c>
      <c r="C19169" t="s">
        <v>11650</v>
      </c>
      <c r="D19169" t="s">
        <v>11651</v>
      </c>
      <c r="E19169" t="s">
        <v>11610</v>
      </c>
      <c r="F19169" t="s">
        <v>11611</v>
      </c>
      <c r="G19169" t="s">
        <v>11612</v>
      </c>
      <c r="H19169" t="s">
        <v>11613</v>
      </c>
      <c r="I19169" s="2">
        <v>0</v>
      </c>
      <c r="J19169" s="2">
        <v>0</v>
      </c>
      <c r="K19169" s="2">
        <v>1</v>
      </c>
      <c r="L19169" t="s">
        <v>995</v>
      </c>
      <c r="M19169" t="s">
        <v>83</v>
      </c>
      <c r="N19169" t="s">
        <v>91</v>
      </c>
      <c r="O19169" t="s">
        <v>85</v>
      </c>
      <c r="P19169" t="s">
        <v>86</v>
      </c>
      <c r="Q19169">
        <v>89</v>
      </c>
      <c r="R19169">
        <v>90</v>
      </c>
      <c r="S19169">
        <v>91</v>
      </c>
      <c r="T19169">
        <v>92</v>
      </c>
      <c r="U19169">
        <v>94</v>
      </c>
      <c r="V19169">
        <v>95</v>
      </c>
      <c r="W19169">
        <v>96</v>
      </c>
      <c r="X19169">
        <v>97</v>
      </c>
      <c r="Y19169">
        <v>99</v>
      </c>
      <c r="Z19169">
        <v>100</v>
      </c>
      <c r="AA19169">
        <v>101</v>
      </c>
      <c r="AB19169">
        <v>102</v>
      </c>
      <c r="AC19169">
        <v>103</v>
      </c>
      <c r="AD19169">
        <v>104</v>
      </c>
      <c r="AE19169">
        <v>105</v>
      </c>
      <c r="AF19169">
        <v>106</v>
      </c>
      <c r="AG19169">
        <v>107</v>
      </c>
      <c r="AH19169">
        <v>109</v>
      </c>
      <c r="AI19169">
        <v>110</v>
      </c>
      <c r="AJ19169">
        <v>111</v>
      </c>
      <c r="AK19169">
        <v>112</v>
      </c>
      <c r="AL19169">
        <v>112</v>
      </c>
      <c r="AM19169">
        <v>112</v>
      </c>
      <c r="AN19169">
        <v>112</v>
      </c>
      <c r="AO19169">
        <v>112</v>
      </c>
      <c r="AP19169">
        <v>113</v>
      </c>
      <c r="AQ19169">
        <v>113</v>
      </c>
    </row>
    <row r="19170" spans="1:43">
      <c r="A19170" t="s">
        <v>11882</v>
      </c>
      <c r="B19170" t="s">
        <v>11883</v>
      </c>
      <c r="C19170" t="s">
        <v>11878</v>
      </c>
      <c r="D19170" t="s">
        <v>11879</v>
      </c>
      <c r="E19170" t="s">
        <v>11610</v>
      </c>
      <c r="F19170" t="s">
        <v>11611</v>
      </c>
      <c r="G19170" t="s">
        <v>11612</v>
      </c>
      <c r="H19170" t="s">
        <v>11613</v>
      </c>
      <c r="I19170" s="2">
        <v>0</v>
      </c>
      <c r="J19170" s="2">
        <v>0</v>
      </c>
      <c r="K19170" s="2">
        <v>1</v>
      </c>
      <c r="L19170" t="s">
        <v>995</v>
      </c>
      <c r="M19170" t="s">
        <v>83</v>
      </c>
      <c r="N19170" t="s">
        <v>84</v>
      </c>
      <c r="O19170" t="s">
        <v>85</v>
      </c>
      <c r="P19170" t="s">
        <v>86</v>
      </c>
      <c r="Q19170">
        <v>30</v>
      </c>
      <c r="R19170">
        <v>31</v>
      </c>
      <c r="S19170">
        <v>31</v>
      </c>
      <c r="T19170">
        <v>31</v>
      </c>
      <c r="U19170">
        <v>32</v>
      </c>
      <c r="V19170">
        <v>32</v>
      </c>
      <c r="W19170">
        <v>33</v>
      </c>
      <c r="X19170">
        <v>33</v>
      </c>
      <c r="Y19170">
        <v>33</v>
      </c>
      <c r="Z19170">
        <v>34</v>
      </c>
      <c r="AA19170">
        <v>34</v>
      </c>
      <c r="AB19170">
        <v>35</v>
      </c>
      <c r="AC19170">
        <v>35</v>
      </c>
      <c r="AD19170">
        <v>35</v>
      </c>
      <c r="AE19170">
        <v>36</v>
      </c>
      <c r="AF19170">
        <v>36</v>
      </c>
      <c r="AG19170">
        <v>36</v>
      </c>
      <c r="AH19170">
        <v>37</v>
      </c>
      <c r="AI19170">
        <v>37</v>
      </c>
      <c r="AJ19170">
        <v>38</v>
      </c>
      <c r="AK19170">
        <v>38</v>
      </c>
      <c r="AL19170">
        <v>38</v>
      </c>
      <c r="AM19170">
        <v>38</v>
      </c>
      <c r="AN19170">
        <v>38</v>
      </c>
      <c r="AO19170">
        <v>38</v>
      </c>
      <c r="AP19170">
        <v>38</v>
      </c>
      <c r="AQ19170">
        <v>38</v>
      </c>
    </row>
    <row r="19171" spans="1:43">
      <c r="A19171" t="s">
        <v>11882</v>
      </c>
      <c r="B19171" t="s">
        <v>11883</v>
      </c>
      <c r="C19171" t="s">
        <v>11878</v>
      </c>
      <c r="D19171" t="s">
        <v>11879</v>
      </c>
      <c r="E19171" t="s">
        <v>11610</v>
      </c>
      <c r="F19171" t="s">
        <v>11611</v>
      </c>
      <c r="G19171" t="s">
        <v>11612</v>
      </c>
      <c r="H19171" t="s">
        <v>11613</v>
      </c>
      <c r="I19171" s="2">
        <v>0</v>
      </c>
      <c r="J19171" s="2">
        <v>0</v>
      </c>
      <c r="K19171" s="2">
        <v>1</v>
      </c>
      <c r="L19171" t="s">
        <v>995</v>
      </c>
      <c r="M19171" t="s">
        <v>87</v>
      </c>
      <c r="N19171" t="s">
        <v>88</v>
      </c>
      <c r="O19171" t="s">
        <v>85</v>
      </c>
      <c r="P19171" t="s">
        <v>86</v>
      </c>
      <c r="Q19171">
        <v>30</v>
      </c>
      <c r="R19171">
        <v>30</v>
      </c>
      <c r="S19171">
        <v>30</v>
      </c>
      <c r="T19171">
        <v>30</v>
      </c>
      <c r="U19171">
        <v>30</v>
      </c>
      <c r="V19171">
        <v>31</v>
      </c>
      <c r="W19171">
        <v>31</v>
      </c>
      <c r="X19171">
        <v>31</v>
      </c>
      <c r="Y19171">
        <v>31</v>
      </c>
      <c r="Z19171">
        <v>31</v>
      </c>
      <c r="AA19171">
        <v>31</v>
      </c>
      <c r="AB19171">
        <v>31</v>
      </c>
      <c r="AC19171">
        <v>31</v>
      </c>
      <c r="AD19171">
        <v>32</v>
      </c>
      <c r="AE19171">
        <v>32</v>
      </c>
      <c r="AF19171">
        <v>32</v>
      </c>
      <c r="AG19171">
        <v>32</v>
      </c>
      <c r="AH19171">
        <v>32</v>
      </c>
      <c r="AI19171">
        <v>32</v>
      </c>
      <c r="AJ19171">
        <v>32</v>
      </c>
      <c r="AK19171">
        <v>32</v>
      </c>
      <c r="AL19171">
        <v>33</v>
      </c>
      <c r="AM19171">
        <v>33</v>
      </c>
      <c r="AN19171">
        <v>33</v>
      </c>
      <c r="AO19171">
        <v>33</v>
      </c>
      <c r="AP19171">
        <v>33</v>
      </c>
      <c r="AQ19171">
        <v>33</v>
      </c>
    </row>
    <row r="19172" spans="1:43">
      <c r="A19172" t="s">
        <v>11882</v>
      </c>
      <c r="B19172" t="s">
        <v>11883</v>
      </c>
      <c r="C19172" t="s">
        <v>11878</v>
      </c>
      <c r="D19172" t="s">
        <v>11879</v>
      </c>
      <c r="E19172" t="s">
        <v>11610</v>
      </c>
      <c r="F19172" t="s">
        <v>11611</v>
      </c>
      <c r="G19172" t="s">
        <v>11612</v>
      </c>
      <c r="H19172" t="s">
        <v>11613</v>
      </c>
      <c r="I19172" s="2">
        <v>0</v>
      </c>
      <c r="J19172" s="2">
        <v>0</v>
      </c>
      <c r="K19172" s="2">
        <v>1</v>
      </c>
      <c r="L19172" t="s">
        <v>995</v>
      </c>
      <c r="M19172" t="s">
        <v>89</v>
      </c>
      <c r="N19172" t="s">
        <v>90</v>
      </c>
      <c r="O19172" t="s">
        <v>85</v>
      </c>
      <c r="P19172" t="s">
        <v>86</v>
      </c>
      <c r="Q19172">
        <v>30</v>
      </c>
      <c r="R19172">
        <v>31</v>
      </c>
      <c r="S19172">
        <v>32</v>
      </c>
      <c r="T19172">
        <v>32</v>
      </c>
      <c r="U19172">
        <v>33</v>
      </c>
      <c r="V19172">
        <v>34</v>
      </c>
      <c r="W19172">
        <v>34</v>
      </c>
      <c r="X19172">
        <v>35</v>
      </c>
      <c r="Y19172">
        <v>35</v>
      </c>
      <c r="Z19172">
        <v>36</v>
      </c>
      <c r="AA19172">
        <v>36</v>
      </c>
      <c r="AB19172">
        <v>37</v>
      </c>
      <c r="AC19172">
        <v>37</v>
      </c>
      <c r="AD19172">
        <v>38</v>
      </c>
      <c r="AE19172">
        <v>38</v>
      </c>
      <c r="AF19172">
        <v>38</v>
      </c>
      <c r="AG19172">
        <v>38</v>
      </c>
      <c r="AH19172">
        <v>38</v>
      </c>
      <c r="AI19172">
        <v>38</v>
      </c>
      <c r="AJ19172">
        <v>38</v>
      </c>
      <c r="AK19172">
        <v>38</v>
      </c>
      <c r="AL19172">
        <v>38</v>
      </c>
      <c r="AM19172">
        <v>38</v>
      </c>
      <c r="AN19172">
        <v>38</v>
      </c>
      <c r="AO19172">
        <v>38</v>
      </c>
      <c r="AP19172">
        <v>39</v>
      </c>
      <c r="AQ19172">
        <v>39</v>
      </c>
    </row>
    <row r="19173" spans="1:43">
      <c r="A19173" t="s">
        <v>11882</v>
      </c>
      <c r="B19173" t="s">
        <v>11883</v>
      </c>
      <c r="C19173" t="s">
        <v>11878</v>
      </c>
      <c r="D19173" t="s">
        <v>11879</v>
      </c>
      <c r="E19173" t="s">
        <v>11610</v>
      </c>
      <c r="F19173" t="s">
        <v>11611</v>
      </c>
      <c r="G19173" t="s">
        <v>11612</v>
      </c>
      <c r="H19173" t="s">
        <v>11613</v>
      </c>
      <c r="I19173" s="2">
        <v>0</v>
      </c>
      <c r="J19173" s="2">
        <v>0</v>
      </c>
      <c r="K19173" s="2">
        <v>1</v>
      </c>
      <c r="L19173" t="s">
        <v>995</v>
      </c>
      <c r="M19173" t="s">
        <v>83</v>
      </c>
      <c r="N19173" t="s">
        <v>91</v>
      </c>
      <c r="O19173" t="s">
        <v>85</v>
      </c>
      <c r="P19173" t="s">
        <v>86</v>
      </c>
      <c r="Q19173">
        <v>30</v>
      </c>
      <c r="R19173">
        <v>31</v>
      </c>
      <c r="S19173">
        <v>31</v>
      </c>
      <c r="T19173">
        <v>31</v>
      </c>
      <c r="U19173">
        <v>32</v>
      </c>
      <c r="V19173">
        <v>32</v>
      </c>
      <c r="W19173">
        <v>33</v>
      </c>
      <c r="X19173">
        <v>33</v>
      </c>
      <c r="Y19173">
        <v>33</v>
      </c>
      <c r="Z19173">
        <v>34</v>
      </c>
      <c r="AA19173">
        <v>34</v>
      </c>
      <c r="AB19173">
        <v>35</v>
      </c>
      <c r="AC19173">
        <v>35</v>
      </c>
      <c r="AD19173">
        <v>35</v>
      </c>
      <c r="AE19173">
        <v>36</v>
      </c>
      <c r="AF19173">
        <v>36</v>
      </c>
      <c r="AG19173">
        <v>36</v>
      </c>
      <c r="AH19173">
        <v>37</v>
      </c>
      <c r="AI19173">
        <v>37</v>
      </c>
      <c r="AJ19173">
        <v>38</v>
      </c>
      <c r="AK19173">
        <v>38</v>
      </c>
      <c r="AL19173">
        <v>38</v>
      </c>
      <c r="AM19173">
        <v>38</v>
      </c>
      <c r="AN19173">
        <v>38</v>
      </c>
      <c r="AO19173">
        <v>38</v>
      </c>
      <c r="AP19173">
        <v>38</v>
      </c>
      <c r="AQ19173">
        <v>38</v>
      </c>
    </row>
    <row r="19174" spans="1:43">
      <c r="A19174" t="s">
        <v>11884</v>
      </c>
      <c r="B19174" t="s">
        <v>11885</v>
      </c>
      <c r="C19174" t="s">
        <v>11878</v>
      </c>
      <c r="D19174" t="s">
        <v>11879</v>
      </c>
      <c r="E19174" t="s">
        <v>11610</v>
      </c>
      <c r="F19174" t="s">
        <v>11611</v>
      </c>
      <c r="G19174" t="s">
        <v>11612</v>
      </c>
      <c r="H19174" t="s">
        <v>11613</v>
      </c>
      <c r="I19174" s="2">
        <v>0</v>
      </c>
      <c r="J19174" s="2">
        <v>0</v>
      </c>
      <c r="K19174" s="2">
        <v>0.66</v>
      </c>
      <c r="L19174" t="s">
        <v>995</v>
      </c>
      <c r="M19174" t="s">
        <v>83</v>
      </c>
      <c r="N19174" t="s">
        <v>84</v>
      </c>
      <c r="O19174" t="s">
        <v>85</v>
      </c>
      <c r="P19174" t="s">
        <v>86</v>
      </c>
      <c r="Q19174">
        <v>6</v>
      </c>
      <c r="R19174">
        <v>6</v>
      </c>
      <c r="S19174">
        <v>6</v>
      </c>
      <c r="T19174">
        <v>6</v>
      </c>
      <c r="U19174">
        <v>6</v>
      </c>
      <c r="V19174">
        <v>6</v>
      </c>
      <c r="W19174">
        <v>6</v>
      </c>
      <c r="X19174">
        <v>7</v>
      </c>
      <c r="Y19174">
        <v>7</v>
      </c>
      <c r="Z19174">
        <v>7</v>
      </c>
      <c r="AA19174">
        <v>7</v>
      </c>
      <c r="AB19174">
        <v>7</v>
      </c>
      <c r="AC19174">
        <v>7</v>
      </c>
      <c r="AD19174">
        <v>7</v>
      </c>
      <c r="AE19174">
        <v>7</v>
      </c>
      <c r="AF19174">
        <v>7</v>
      </c>
      <c r="AG19174">
        <v>7</v>
      </c>
      <c r="AH19174">
        <v>7</v>
      </c>
      <c r="AI19174">
        <v>7</v>
      </c>
      <c r="AJ19174">
        <v>7</v>
      </c>
      <c r="AK19174">
        <v>7</v>
      </c>
      <c r="AL19174">
        <v>8</v>
      </c>
      <c r="AM19174">
        <v>8</v>
      </c>
      <c r="AN19174">
        <v>8</v>
      </c>
      <c r="AO19174">
        <v>8</v>
      </c>
      <c r="AP19174">
        <v>8</v>
      </c>
      <c r="AQ19174">
        <v>8</v>
      </c>
    </row>
    <row r="19175" spans="1:43">
      <c r="A19175" t="s">
        <v>11884</v>
      </c>
      <c r="B19175" t="s">
        <v>11885</v>
      </c>
      <c r="C19175" t="s">
        <v>11878</v>
      </c>
      <c r="D19175" t="s">
        <v>11879</v>
      </c>
      <c r="E19175" t="s">
        <v>11610</v>
      </c>
      <c r="F19175" t="s">
        <v>11611</v>
      </c>
      <c r="G19175" t="s">
        <v>11612</v>
      </c>
      <c r="H19175" t="s">
        <v>11613</v>
      </c>
      <c r="I19175" s="2">
        <v>0</v>
      </c>
      <c r="J19175" s="2">
        <v>0</v>
      </c>
      <c r="K19175" s="2">
        <v>0.66</v>
      </c>
      <c r="L19175" t="s">
        <v>995</v>
      </c>
      <c r="M19175" t="s">
        <v>87</v>
      </c>
      <c r="N19175" t="s">
        <v>88</v>
      </c>
      <c r="O19175" t="s">
        <v>85</v>
      </c>
      <c r="P19175" t="s">
        <v>86</v>
      </c>
      <c r="Q19175">
        <v>6</v>
      </c>
      <c r="R19175">
        <v>6</v>
      </c>
      <c r="S19175">
        <v>6</v>
      </c>
      <c r="T19175">
        <v>6</v>
      </c>
      <c r="U19175">
        <v>6</v>
      </c>
      <c r="V19175">
        <v>6</v>
      </c>
      <c r="W19175">
        <v>6</v>
      </c>
      <c r="X19175">
        <v>6</v>
      </c>
      <c r="Y19175">
        <v>6</v>
      </c>
      <c r="Z19175">
        <v>6</v>
      </c>
      <c r="AA19175">
        <v>6</v>
      </c>
      <c r="AB19175">
        <v>6</v>
      </c>
      <c r="AC19175">
        <v>6</v>
      </c>
      <c r="AD19175">
        <v>6</v>
      </c>
      <c r="AE19175">
        <v>6</v>
      </c>
      <c r="AF19175">
        <v>6</v>
      </c>
      <c r="AG19175">
        <v>6</v>
      </c>
      <c r="AH19175">
        <v>6</v>
      </c>
      <c r="AI19175">
        <v>6</v>
      </c>
      <c r="AJ19175">
        <v>6</v>
      </c>
      <c r="AK19175">
        <v>6</v>
      </c>
      <c r="AL19175">
        <v>6</v>
      </c>
      <c r="AM19175">
        <v>6</v>
      </c>
      <c r="AN19175">
        <v>6</v>
      </c>
      <c r="AO19175">
        <v>7</v>
      </c>
      <c r="AP19175">
        <v>7</v>
      </c>
      <c r="AQ19175">
        <v>7</v>
      </c>
    </row>
    <row r="19176" spans="1:43">
      <c r="A19176" t="s">
        <v>11884</v>
      </c>
      <c r="B19176" t="s">
        <v>11885</v>
      </c>
      <c r="C19176" t="s">
        <v>11878</v>
      </c>
      <c r="D19176" t="s">
        <v>11879</v>
      </c>
      <c r="E19176" t="s">
        <v>11610</v>
      </c>
      <c r="F19176" t="s">
        <v>11611</v>
      </c>
      <c r="G19176" t="s">
        <v>11612</v>
      </c>
      <c r="H19176" t="s">
        <v>11613</v>
      </c>
      <c r="I19176" s="2">
        <v>0</v>
      </c>
      <c r="J19176" s="2">
        <v>0</v>
      </c>
      <c r="K19176" s="2">
        <v>0.66</v>
      </c>
      <c r="L19176" t="s">
        <v>995</v>
      </c>
      <c r="M19176" t="s">
        <v>89</v>
      </c>
      <c r="N19176" t="s">
        <v>90</v>
      </c>
      <c r="O19176" t="s">
        <v>85</v>
      </c>
      <c r="P19176" t="s">
        <v>86</v>
      </c>
      <c r="Q19176">
        <v>6</v>
      </c>
      <c r="R19176">
        <v>6</v>
      </c>
      <c r="S19176">
        <v>6</v>
      </c>
      <c r="T19176">
        <v>6</v>
      </c>
      <c r="U19176">
        <v>7</v>
      </c>
      <c r="V19176">
        <v>7</v>
      </c>
      <c r="W19176">
        <v>7</v>
      </c>
      <c r="X19176">
        <v>7</v>
      </c>
      <c r="Y19176">
        <v>7</v>
      </c>
      <c r="Z19176">
        <v>7</v>
      </c>
      <c r="AA19176">
        <v>7</v>
      </c>
      <c r="AB19176">
        <v>7</v>
      </c>
      <c r="AC19176">
        <v>7</v>
      </c>
      <c r="AD19176">
        <v>7</v>
      </c>
      <c r="AE19176">
        <v>8</v>
      </c>
      <c r="AF19176">
        <v>8</v>
      </c>
      <c r="AG19176">
        <v>8</v>
      </c>
      <c r="AH19176">
        <v>8</v>
      </c>
      <c r="AI19176">
        <v>8</v>
      </c>
      <c r="AJ19176">
        <v>8</v>
      </c>
      <c r="AK19176">
        <v>8</v>
      </c>
      <c r="AL19176">
        <v>8</v>
      </c>
      <c r="AM19176">
        <v>8</v>
      </c>
      <c r="AN19176">
        <v>8</v>
      </c>
      <c r="AO19176">
        <v>8</v>
      </c>
      <c r="AP19176">
        <v>8</v>
      </c>
      <c r="AQ19176">
        <v>8</v>
      </c>
    </row>
    <row r="19177" spans="1:43">
      <c r="A19177" t="s">
        <v>11884</v>
      </c>
      <c r="B19177" t="s">
        <v>11885</v>
      </c>
      <c r="C19177" t="s">
        <v>11878</v>
      </c>
      <c r="D19177" t="s">
        <v>11879</v>
      </c>
      <c r="E19177" t="s">
        <v>11610</v>
      </c>
      <c r="F19177" t="s">
        <v>11611</v>
      </c>
      <c r="G19177" t="s">
        <v>11612</v>
      </c>
      <c r="H19177" t="s">
        <v>11613</v>
      </c>
      <c r="I19177" s="2">
        <v>0</v>
      </c>
      <c r="J19177" s="2">
        <v>0</v>
      </c>
      <c r="K19177" s="2">
        <v>0.66</v>
      </c>
      <c r="L19177" t="s">
        <v>995</v>
      </c>
      <c r="M19177" t="s">
        <v>83</v>
      </c>
      <c r="N19177" t="s">
        <v>91</v>
      </c>
      <c r="O19177" t="s">
        <v>85</v>
      </c>
      <c r="P19177" t="s">
        <v>86</v>
      </c>
      <c r="Q19177">
        <v>6</v>
      </c>
      <c r="R19177">
        <v>6</v>
      </c>
      <c r="S19177">
        <v>6</v>
      </c>
      <c r="T19177">
        <v>6</v>
      </c>
      <c r="U19177">
        <v>6</v>
      </c>
      <c r="V19177">
        <v>6</v>
      </c>
      <c r="W19177">
        <v>6</v>
      </c>
      <c r="X19177">
        <v>7</v>
      </c>
      <c r="Y19177">
        <v>7</v>
      </c>
      <c r="Z19177">
        <v>7</v>
      </c>
      <c r="AA19177">
        <v>7</v>
      </c>
      <c r="AB19177">
        <v>7</v>
      </c>
      <c r="AC19177">
        <v>7</v>
      </c>
      <c r="AD19177">
        <v>7</v>
      </c>
      <c r="AE19177">
        <v>7</v>
      </c>
      <c r="AF19177">
        <v>7</v>
      </c>
      <c r="AG19177">
        <v>7</v>
      </c>
      <c r="AH19177">
        <v>7</v>
      </c>
      <c r="AI19177">
        <v>7</v>
      </c>
      <c r="AJ19177">
        <v>7</v>
      </c>
      <c r="AK19177">
        <v>7</v>
      </c>
      <c r="AL19177">
        <v>8</v>
      </c>
      <c r="AM19177">
        <v>8</v>
      </c>
      <c r="AN19177">
        <v>8</v>
      </c>
      <c r="AO19177">
        <v>8</v>
      </c>
      <c r="AP19177">
        <v>8</v>
      </c>
      <c r="AQ19177">
        <v>8</v>
      </c>
    </row>
    <row r="19178" spans="1:43">
      <c r="A19178" t="s">
        <v>11886</v>
      </c>
      <c r="B19178" t="s">
        <v>11887</v>
      </c>
      <c r="C19178" t="s">
        <v>11878</v>
      </c>
      <c r="D19178" t="s">
        <v>11879</v>
      </c>
      <c r="E19178" t="s">
        <v>11610</v>
      </c>
      <c r="F19178" t="s">
        <v>11611</v>
      </c>
      <c r="G19178" t="s">
        <v>11612</v>
      </c>
      <c r="H19178" t="s">
        <v>11613</v>
      </c>
      <c r="I19178" s="2">
        <v>0</v>
      </c>
      <c r="J19178" s="2">
        <v>0</v>
      </c>
      <c r="K19178" s="2">
        <v>1</v>
      </c>
      <c r="L19178" t="s">
        <v>995</v>
      </c>
      <c r="M19178" t="s">
        <v>83</v>
      </c>
      <c r="N19178" t="s">
        <v>84</v>
      </c>
      <c r="O19178" t="s">
        <v>85</v>
      </c>
      <c r="P19178" t="s">
        <v>86</v>
      </c>
      <c r="Q19178">
        <v>122</v>
      </c>
      <c r="R19178">
        <v>123</v>
      </c>
      <c r="S19178">
        <v>125</v>
      </c>
      <c r="T19178">
        <v>127</v>
      </c>
      <c r="U19178">
        <v>128</v>
      </c>
      <c r="V19178">
        <v>130</v>
      </c>
      <c r="W19178">
        <v>132</v>
      </c>
      <c r="X19178">
        <v>133</v>
      </c>
      <c r="Y19178">
        <v>135</v>
      </c>
      <c r="Z19178">
        <v>136</v>
      </c>
      <c r="AA19178">
        <v>138</v>
      </c>
      <c r="AB19178">
        <v>140</v>
      </c>
      <c r="AC19178">
        <v>141</v>
      </c>
      <c r="AD19178">
        <v>143</v>
      </c>
      <c r="AE19178">
        <v>144</v>
      </c>
      <c r="AF19178">
        <v>146</v>
      </c>
      <c r="AG19178">
        <v>147</v>
      </c>
      <c r="AH19178">
        <v>148</v>
      </c>
      <c r="AI19178">
        <v>150</v>
      </c>
      <c r="AJ19178">
        <v>151</v>
      </c>
      <c r="AK19178">
        <v>153</v>
      </c>
      <c r="AL19178">
        <v>153</v>
      </c>
      <c r="AM19178">
        <v>153</v>
      </c>
      <c r="AN19178">
        <v>153</v>
      </c>
      <c r="AO19178">
        <v>154</v>
      </c>
      <c r="AP19178">
        <v>154</v>
      </c>
      <c r="AQ19178">
        <v>154</v>
      </c>
    </row>
    <row r="19179" spans="1:43">
      <c r="A19179" t="s">
        <v>11886</v>
      </c>
      <c r="B19179" t="s">
        <v>11887</v>
      </c>
      <c r="C19179" t="s">
        <v>11878</v>
      </c>
      <c r="D19179" t="s">
        <v>11879</v>
      </c>
      <c r="E19179" t="s">
        <v>11610</v>
      </c>
      <c r="F19179" t="s">
        <v>11611</v>
      </c>
      <c r="G19179" t="s">
        <v>11612</v>
      </c>
      <c r="H19179" t="s">
        <v>11613</v>
      </c>
      <c r="I19179" s="2">
        <v>0</v>
      </c>
      <c r="J19179" s="2">
        <v>0</v>
      </c>
      <c r="K19179" s="2">
        <v>1</v>
      </c>
      <c r="L19179" t="s">
        <v>995</v>
      </c>
      <c r="M19179" t="s">
        <v>87</v>
      </c>
      <c r="N19179" t="s">
        <v>88</v>
      </c>
      <c r="O19179" t="s">
        <v>85</v>
      </c>
      <c r="P19179" t="s">
        <v>86</v>
      </c>
      <c r="Q19179">
        <v>122</v>
      </c>
      <c r="R19179">
        <v>122</v>
      </c>
      <c r="S19179">
        <v>123</v>
      </c>
      <c r="T19179">
        <v>123</v>
      </c>
      <c r="U19179">
        <v>124</v>
      </c>
      <c r="V19179">
        <v>124</v>
      </c>
      <c r="W19179">
        <v>125</v>
      </c>
      <c r="X19179">
        <v>125</v>
      </c>
      <c r="Y19179">
        <v>126</v>
      </c>
      <c r="Z19179">
        <v>126</v>
      </c>
      <c r="AA19179">
        <v>127</v>
      </c>
      <c r="AB19179">
        <v>127</v>
      </c>
      <c r="AC19179">
        <v>128</v>
      </c>
      <c r="AD19179">
        <v>128</v>
      </c>
      <c r="AE19179">
        <v>129</v>
      </c>
      <c r="AF19179">
        <v>129</v>
      </c>
      <c r="AG19179">
        <v>130</v>
      </c>
      <c r="AH19179">
        <v>130</v>
      </c>
      <c r="AI19179">
        <v>131</v>
      </c>
      <c r="AJ19179">
        <v>131</v>
      </c>
      <c r="AK19179">
        <v>132</v>
      </c>
      <c r="AL19179">
        <v>132</v>
      </c>
      <c r="AM19179">
        <v>133</v>
      </c>
      <c r="AN19179">
        <v>133</v>
      </c>
      <c r="AO19179">
        <v>134</v>
      </c>
      <c r="AP19179">
        <v>134</v>
      </c>
      <c r="AQ19179">
        <v>135</v>
      </c>
    </row>
    <row r="19180" spans="1:43">
      <c r="A19180" t="s">
        <v>11886</v>
      </c>
      <c r="B19180" t="s">
        <v>11887</v>
      </c>
      <c r="C19180" t="s">
        <v>11878</v>
      </c>
      <c r="D19180" t="s">
        <v>11879</v>
      </c>
      <c r="E19180" t="s">
        <v>11610</v>
      </c>
      <c r="F19180" t="s">
        <v>11611</v>
      </c>
      <c r="G19180" t="s">
        <v>11612</v>
      </c>
      <c r="H19180" t="s">
        <v>11613</v>
      </c>
      <c r="I19180" s="2">
        <v>0</v>
      </c>
      <c r="J19180" s="2">
        <v>0</v>
      </c>
      <c r="K19180" s="2">
        <v>1</v>
      </c>
      <c r="L19180" t="s">
        <v>995</v>
      </c>
      <c r="M19180" t="s">
        <v>89</v>
      </c>
      <c r="N19180" t="s">
        <v>90</v>
      </c>
      <c r="O19180" t="s">
        <v>85</v>
      </c>
      <c r="P19180" t="s">
        <v>86</v>
      </c>
      <c r="Q19180">
        <v>122</v>
      </c>
      <c r="R19180">
        <v>124</v>
      </c>
      <c r="S19180">
        <v>127</v>
      </c>
      <c r="T19180">
        <v>130</v>
      </c>
      <c r="U19180">
        <v>132</v>
      </c>
      <c r="V19180">
        <v>135</v>
      </c>
      <c r="W19180">
        <v>137</v>
      </c>
      <c r="X19180">
        <v>140</v>
      </c>
      <c r="Y19180">
        <v>142</v>
      </c>
      <c r="Z19180">
        <v>144</v>
      </c>
      <c r="AA19180">
        <v>146</v>
      </c>
      <c r="AB19180">
        <v>148</v>
      </c>
      <c r="AC19180">
        <v>150</v>
      </c>
      <c r="AD19180">
        <v>152</v>
      </c>
      <c r="AE19180">
        <v>153</v>
      </c>
      <c r="AF19180">
        <v>153</v>
      </c>
      <c r="AG19180">
        <v>153</v>
      </c>
      <c r="AH19180">
        <v>153</v>
      </c>
      <c r="AI19180">
        <v>153</v>
      </c>
      <c r="AJ19180">
        <v>153</v>
      </c>
      <c r="AK19180">
        <v>153</v>
      </c>
      <c r="AL19180">
        <v>153</v>
      </c>
      <c r="AM19180">
        <v>153</v>
      </c>
      <c r="AN19180">
        <v>153</v>
      </c>
      <c r="AO19180">
        <v>153</v>
      </c>
      <c r="AP19180">
        <v>153</v>
      </c>
      <c r="AQ19180">
        <v>154</v>
      </c>
    </row>
    <row r="19181" spans="1:43">
      <c r="A19181" t="s">
        <v>11886</v>
      </c>
      <c r="B19181" t="s">
        <v>11887</v>
      </c>
      <c r="C19181" t="s">
        <v>11878</v>
      </c>
      <c r="D19181" t="s">
        <v>11879</v>
      </c>
      <c r="E19181" t="s">
        <v>11610</v>
      </c>
      <c r="F19181" t="s">
        <v>11611</v>
      </c>
      <c r="G19181" t="s">
        <v>11612</v>
      </c>
      <c r="H19181" t="s">
        <v>11613</v>
      </c>
      <c r="I19181" s="2">
        <v>0</v>
      </c>
      <c r="J19181" s="2">
        <v>0</v>
      </c>
      <c r="K19181" s="2">
        <v>1</v>
      </c>
      <c r="L19181" t="s">
        <v>995</v>
      </c>
      <c r="M19181" t="s">
        <v>83</v>
      </c>
      <c r="N19181" t="s">
        <v>91</v>
      </c>
      <c r="O19181" t="s">
        <v>85</v>
      </c>
      <c r="P19181" t="s">
        <v>86</v>
      </c>
      <c r="Q19181">
        <v>122</v>
      </c>
      <c r="R19181">
        <v>123</v>
      </c>
      <c r="S19181">
        <v>125</v>
      </c>
      <c r="T19181">
        <v>127</v>
      </c>
      <c r="U19181">
        <v>128</v>
      </c>
      <c r="V19181">
        <v>130</v>
      </c>
      <c r="W19181">
        <v>132</v>
      </c>
      <c r="X19181">
        <v>133</v>
      </c>
      <c r="Y19181">
        <v>135</v>
      </c>
      <c r="Z19181">
        <v>136</v>
      </c>
      <c r="AA19181">
        <v>138</v>
      </c>
      <c r="AB19181">
        <v>140</v>
      </c>
      <c r="AC19181">
        <v>141</v>
      </c>
      <c r="AD19181">
        <v>143</v>
      </c>
      <c r="AE19181">
        <v>144</v>
      </c>
      <c r="AF19181">
        <v>146</v>
      </c>
      <c r="AG19181">
        <v>147</v>
      </c>
      <c r="AH19181">
        <v>148</v>
      </c>
      <c r="AI19181">
        <v>150</v>
      </c>
      <c r="AJ19181">
        <v>151</v>
      </c>
      <c r="AK19181">
        <v>153</v>
      </c>
      <c r="AL19181">
        <v>153</v>
      </c>
      <c r="AM19181">
        <v>153</v>
      </c>
      <c r="AN19181">
        <v>153</v>
      </c>
      <c r="AO19181">
        <v>154</v>
      </c>
      <c r="AP19181">
        <v>154</v>
      </c>
      <c r="AQ19181">
        <v>154</v>
      </c>
    </row>
    <row r="19182" spans="1:43">
      <c r="A19182" t="s">
        <v>11888</v>
      </c>
      <c r="B19182" t="s">
        <v>11889</v>
      </c>
      <c r="C19182" t="s">
        <v>11878</v>
      </c>
      <c r="D19182" t="s">
        <v>11879</v>
      </c>
      <c r="E19182" t="s">
        <v>11610</v>
      </c>
      <c r="F19182" t="s">
        <v>11611</v>
      </c>
      <c r="G19182" t="s">
        <v>11612</v>
      </c>
      <c r="H19182" t="s">
        <v>11613</v>
      </c>
      <c r="I19182" s="2">
        <v>0</v>
      </c>
      <c r="J19182" s="2">
        <v>0</v>
      </c>
      <c r="K19182" s="2">
        <v>1</v>
      </c>
      <c r="L19182" t="s">
        <v>995</v>
      </c>
      <c r="M19182" t="s">
        <v>83</v>
      </c>
      <c r="N19182" t="s">
        <v>84</v>
      </c>
      <c r="O19182" t="s">
        <v>85</v>
      </c>
      <c r="P19182" t="s">
        <v>86</v>
      </c>
      <c r="Q19182">
        <v>68</v>
      </c>
      <c r="R19182">
        <v>69</v>
      </c>
      <c r="S19182">
        <v>70</v>
      </c>
      <c r="T19182">
        <v>70</v>
      </c>
      <c r="U19182">
        <v>71</v>
      </c>
      <c r="V19182">
        <v>72</v>
      </c>
      <c r="W19182">
        <v>73</v>
      </c>
      <c r="X19182">
        <v>74</v>
      </c>
      <c r="Y19182">
        <v>75</v>
      </c>
      <c r="Z19182">
        <v>76</v>
      </c>
      <c r="AA19182">
        <v>77</v>
      </c>
      <c r="AB19182">
        <v>78</v>
      </c>
      <c r="AC19182">
        <v>79</v>
      </c>
      <c r="AD19182">
        <v>79</v>
      </c>
      <c r="AE19182">
        <v>80</v>
      </c>
      <c r="AF19182">
        <v>81</v>
      </c>
      <c r="AG19182">
        <v>82</v>
      </c>
      <c r="AH19182">
        <v>83</v>
      </c>
      <c r="AI19182">
        <v>84</v>
      </c>
      <c r="AJ19182">
        <v>84</v>
      </c>
      <c r="AK19182">
        <v>85</v>
      </c>
      <c r="AL19182">
        <v>86</v>
      </c>
      <c r="AM19182">
        <v>86</v>
      </c>
      <c r="AN19182">
        <v>86</v>
      </c>
      <c r="AO19182">
        <v>86</v>
      </c>
      <c r="AP19182">
        <v>86</v>
      </c>
      <c r="AQ19182">
        <v>86</v>
      </c>
    </row>
    <row r="19183" spans="1:43">
      <c r="A19183" t="s">
        <v>11888</v>
      </c>
      <c r="B19183" t="s">
        <v>11889</v>
      </c>
      <c r="C19183" t="s">
        <v>11878</v>
      </c>
      <c r="D19183" t="s">
        <v>11879</v>
      </c>
      <c r="E19183" t="s">
        <v>11610</v>
      </c>
      <c r="F19183" t="s">
        <v>11611</v>
      </c>
      <c r="G19183" t="s">
        <v>11612</v>
      </c>
      <c r="H19183" t="s">
        <v>11613</v>
      </c>
      <c r="I19183" s="2">
        <v>0</v>
      </c>
      <c r="J19183" s="2">
        <v>0</v>
      </c>
      <c r="K19183" s="2">
        <v>1</v>
      </c>
      <c r="L19183" t="s">
        <v>995</v>
      </c>
      <c r="M19183" t="s">
        <v>87</v>
      </c>
      <c r="N19183" t="s">
        <v>88</v>
      </c>
      <c r="O19183" t="s">
        <v>85</v>
      </c>
      <c r="P19183" t="s">
        <v>86</v>
      </c>
      <c r="Q19183">
        <v>68</v>
      </c>
      <c r="R19183">
        <v>68</v>
      </c>
      <c r="S19183">
        <v>69</v>
      </c>
      <c r="T19183">
        <v>69</v>
      </c>
      <c r="U19183">
        <v>69</v>
      </c>
      <c r="V19183">
        <v>70</v>
      </c>
      <c r="W19183">
        <v>70</v>
      </c>
      <c r="X19183">
        <v>70</v>
      </c>
      <c r="Y19183">
        <v>70</v>
      </c>
      <c r="Z19183">
        <v>71</v>
      </c>
      <c r="AA19183">
        <v>71</v>
      </c>
      <c r="AB19183">
        <v>71</v>
      </c>
      <c r="AC19183">
        <v>72</v>
      </c>
      <c r="AD19183">
        <v>72</v>
      </c>
      <c r="AE19183">
        <v>72</v>
      </c>
      <c r="AF19183">
        <v>72</v>
      </c>
      <c r="AG19183">
        <v>73</v>
      </c>
      <c r="AH19183">
        <v>73</v>
      </c>
      <c r="AI19183">
        <v>73</v>
      </c>
      <c r="AJ19183">
        <v>74</v>
      </c>
      <c r="AK19183">
        <v>74</v>
      </c>
      <c r="AL19183">
        <v>74</v>
      </c>
      <c r="AM19183">
        <v>74</v>
      </c>
      <c r="AN19183">
        <v>75</v>
      </c>
      <c r="AO19183">
        <v>75</v>
      </c>
      <c r="AP19183">
        <v>75</v>
      </c>
      <c r="AQ19183">
        <v>75</v>
      </c>
    </row>
    <row r="19184" spans="1:43">
      <c r="A19184" t="s">
        <v>11888</v>
      </c>
      <c r="B19184" t="s">
        <v>11889</v>
      </c>
      <c r="C19184" t="s">
        <v>11878</v>
      </c>
      <c r="D19184" t="s">
        <v>11879</v>
      </c>
      <c r="E19184" t="s">
        <v>11610</v>
      </c>
      <c r="F19184" t="s">
        <v>11611</v>
      </c>
      <c r="G19184" t="s">
        <v>11612</v>
      </c>
      <c r="H19184" t="s">
        <v>11613</v>
      </c>
      <c r="I19184" s="2">
        <v>0</v>
      </c>
      <c r="J19184" s="2">
        <v>0</v>
      </c>
      <c r="K19184" s="2">
        <v>1</v>
      </c>
      <c r="L19184" t="s">
        <v>995</v>
      </c>
      <c r="M19184" t="s">
        <v>89</v>
      </c>
      <c r="N19184" t="s">
        <v>90</v>
      </c>
      <c r="O19184" t="s">
        <v>85</v>
      </c>
      <c r="P19184" t="s">
        <v>86</v>
      </c>
      <c r="Q19184">
        <v>68</v>
      </c>
      <c r="R19184">
        <v>70</v>
      </c>
      <c r="S19184">
        <v>71</v>
      </c>
      <c r="T19184">
        <v>73</v>
      </c>
      <c r="U19184">
        <v>74</v>
      </c>
      <c r="V19184">
        <v>76</v>
      </c>
      <c r="W19184">
        <v>77</v>
      </c>
      <c r="X19184">
        <v>78</v>
      </c>
      <c r="Y19184">
        <v>79</v>
      </c>
      <c r="Z19184">
        <v>81</v>
      </c>
      <c r="AA19184">
        <v>82</v>
      </c>
      <c r="AB19184">
        <v>83</v>
      </c>
      <c r="AC19184">
        <v>84</v>
      </c>
      <c r="AD19184">
        <v>85</v>
      </c>
      <c r="AE19184">
        <v>86</v>
      </c>
      <c r="AF19184">
        <v>86</v>
      </c>
      <c r="AG19184">
        <v>86</v>
      </c>
      <c r="AH19184">
        <v>86</v>
      </c>
      <c r="AI19184">
        <v>86</v>
      </c>
      <c r="AJ19184">
        <v>86</v>
      </c>
      <c r="AK19184">
        <v>86</v>
      </c>
      <c r="AL19184">
        <v>86</v>
      </c>
      <c r="AM19184">
        <v>86</v>
      </c>
      <c r="AN19184">
        <v>86</v>
      </c>
      <c r="AO19184">
        <v>86</v>
      </c>
      <c r="AP19184">
        <v>86</v>
      </c>
      <c r="AQ19184">
        <v>86</v>
      </c>
    </row>
    <row r="19185" spans="1:43">
      <c r="A19185" t="s">
        <v>11888</v>
      </c>
      <c r="B19185" t="s">
        <v>11889</v>
      </c>
      <c r="C19185" t="s">
        <v>11878</v>
      </c>
      <c r="D19185" t="s">
        <v>11879</v>
      </c>
      <c r="E19185" t="s">
        <v>11610</v>
      </c>
      <c r="F19185" t="s">
        <v>11611</v>
      </c>
      <c r="G19185" t="s">
        <v>11612</v>
      </c>
      <c r="H19185" t="s">
        <v>11613</v>
      </c>
      <c r="I19185" s="2">
        <v>0</v>
      </c>
      <c r="J19185" s="2">
        <v>0</v>
      </c>
      <c r="K19185" s="2">
        <v>1</v>
      </c>
      <c r="L19185" t="s">
        <v>995</v>
      </c>
      <c r="M19185" t="s">
        <v>83</v>
      </c>
      <c r="N19185" t="s">
        <v>91</v>
      </c>
      <c r="O19185" t="s">
        <v>85</v>
      </c>
      <c r="P19185" t="s">
        <v>86</v>
      </c>
      <c r="Q19185">
        <v>68</v>
      </c>
      <c r="R19185">
        <v>69</v>
      </c>
      <c r="S19185">
        <v>70</v>
      </c>
      <c r="T19185">
        <v>70</v>
      </c>
      <c r="U19185">
        <v>71</v>
      </c>
      <c r="V19185">
        <v>72</v>
      </c>
      <c r="W19185">
        <v>73</v>
      </c>
      <c r="X19185">
        <v>74</v>
      </c>
      <c r="Y19185">
        <v>75</v>
      </c>
      <c r="Z19185">
        <v>76</v>
      </c>
      <c r="AA19185">
        <v>77</v>
      </c>
      <c r="AB19185">
        <v>78</v>
      </c>
      <c r="AC19185">
        <v>79</v>
      </c>
      <c r="AD19185">
        <v>79</v>
      </c>
      <c r="AE19185">
        <v>80</v>
      </c>
      <c r="AF19185">
        <v>81</v>
      </c>
      <c r="AG19185">
        <v>82</v>
      </c>
      <c r="AH19185">
        <v>83</v>
      </c>
      <c r="AI19185">
        <v>84</v>
      </c>
      <c r="AJ19185">
        <v>84</v>
      </c>
      <c r="AK19185">
        <v>85</v>
      </c>
      <c r="AL19185">
        <v>86</v>
      </c>
      <c r="AM19185">
        <v>86</v>
      </c>
      <c r="AN19185">
        <v>86</v>
      </c>
      <c r="AO19185">
        <v>86</v>
      </c>
      <c r="AP19185">
        <v>86</v>
      </c>
      <c r="AQ19185">
        <v>86</v>
      </c>
    </row>
    <row r="19186" spans="1:43">
      <c r="A19186" t="s">
        <v>11890</v>
      </c>
      <c r="B19186" t="s">
        <v>11891</v>
      </c>
      <c r="C19186" t="s">
        <v>11878</v>
      </c>
      <c r="D19186" t="s">
        <v>11879</v>
      </c>
      <c r="E19186" t="s">
        <v>11610</v>
      </c>
      <c r="F19186" t="s">
        <v>11611</v>
      </c>
      <c r="G19186" t="s">
        <v>11612</v>
      </c>
      <c r="H19186" t="s">
        <v>11613</v>
      </c>
      <c r="I19186" s="2">
        <v>0</v>
      </c>
      <c r="J19186" s="2">
        <v>0</v>
      </c>
      <c r="K19186" s="2">
        <v>1</v>
      </c>
      <c r="L19186" t="s">
        <v>995</v>
      </c>
      <c r="M19186" t="s">
        <v>83</v>
      </c>
      <c r="N19186" t="s">
        <v>84</v>
      </c>
      <c r="O19186" t="s">
        <v>85</v>
      </c>
      <c r="P19186" t="s">
        <v>86</v>
      </c>
      <c r="Q19186">
        <v>23</v>
      </c>
      <c r="R19186">
        <v>23</v>
      </c>
      <c r="S19186">
        <v>23</v>
      </c>
      <c r="T19186">
        <v>24</v>
      </c>
      <c r="U19186">
        <v>24</v>
      </c>
      <c r="V19186">
        <v>24</v>
      </c>
      <c r="W19186">
        <v>24</v>
      </c>
      <c r="X19186">
        <v>25</v>
      </c>
      <c r="Y19186">
        <v>25</v>
      </c>
      <c r="Z19186">
        <v>25</v>
      </c>
      <c r="AA19186">
        <v>26</v>
      </c>
      <c r="AB19186">
        <v>26</v>
      </c>
      <c r="AC19186">
        <v>26</v>
      </c>
      <c r="AD19186">
        <v>26</v>
      </c>
      <c r="AE19186">
        <v>27</v>
      </c>
      <c r="AF19186">
        <v>27</v>
      </c>
      <c r="AG19186">
        <v>27</v>
      </c>
      <c r="AH19186">
        <v>28</v>
      </c>
      <c r="AI19186">
        <v>28</v>
      </c>
      <c r="AJ19186">
        <v>28</v>
      </c>
      <c r="AK19186">
        <v>28</v>
      </c>
      <c r="AL19186">
        <v>28</v>
      </c>
      <c r="AM19186">
        <v>29</v>
      </c>
      <c r="AN19186">
        <v>29</v>
      </c>
      <c r="AO19186">
        <v>29</v>
      </c>
      <c r="AP19186">
        <v>29</v>
      </c>
      <c r="AQ19186">
        <v>29</v>
      </c>
    </row>
    <row r="19187" spans="1:43">
      <c r="A19187" t="s">
        <v>11890</v>
      </c>
      <c r="B19187" t="s">
        <v>11891</v>
      </c>
      <c r="C19187" t="s">
        <v>11878</v>
      </c>
      <c r="D19187" t="s">
        <v>11879</v>
      </c>
      <c r="E19187" t="s">
        <v>11610</v>
      </c>
      <c r="F19187" t="s">
        <v>11611</v>
      </c>
      <c r="G19187" t="s">
        <v>11612</v>
      </c>
      <c r="H19187" t="s">
        <v>11613</v>
      </c>
      <c r="I19187" s="2">
        <v>0</v>
      </c>
      <c r="J19187" s="2">
        <v>0</v>
      </c>
      <c r="K19187" s="2">
        <v>1</v>
      </c>
      <c r="L19187" t="s">
        <v>995</v>
      </c>
      <c r="M19187" t="s">
        <v>87</v>
      </c>
      <c r="N19187" t="s">
        <v>88</v>
      </c>
      <c r="O19187" t="s">
        <v>85</v>
      </c>
      <c r="P19187" t="s">
        <v>86</v>
      </c>
      <c r="Q19187">
        <v>23</v>
      </c>
      <c r="R19187">
        <v>23</v>
      </c>
      <c r="S19187">
        <v>24</v>
      </c>
      <c r="T19187">
        <v>24</v>
      </c>
      <c r="U19187">
        <v>24</v>
      </c>
      <c r="V19187">
        <v>24</v>
      </c>
      <c r="W19187">
        <v>24</v>
      </c>
      <c r="X19187">
        <v>24</v>
      </c>
      <c r="Y19187">
        <v>24</v>
      </c>
      <c r="Z19187">
        <v>24</v>
      </c>
      <c r="AA19187">
        <v>24</v>
      </c>
      <c r="AB19187">
        <v>24</v>
      </c>
      <c r="AC19187">
        <v>25</v>
      </c>
      <c r="AD19187">
        <v>25</v>
      </c>
      <c r="AE19187">
        <v>25</v>
      </c>
      <c r="AF19187">
        <v>25</v>
      </c>
      <c r="AG19187">
        <v>25</v>
      </c>
      <c r="AH19187">
        <v>25</v>
      </c>
      <c r="AI19187">
        <v>25</v>
      </c>
      <c r="AJ19187">
        <v>25</v>
      </c>
      <c r="AK19187">
        <v>25</v>
      </c>
      <c r="AL19187">
        <v>25</v>
      </c>
      <c r="AM19187">
        <v>25</v>
      </c>
      <c r="AN19187">
        <v>26</v>
      </c>
      <c r="AO19187">
        <v>26</v>
      </c>
      <c r="AP19187">
        <v>26</v>
      </c>
      <c r="AQ19187">
        <v>26</v>
      </c>
    </row>
    <row r="19188" spans="1:43">
      <c r="A19188" t="s">
        <v>11890</v>
      </c>
      <c r="B19188" t="s">
        <v>11891</v>
      </c>
      <c r="C19188" t="s">
        <v>11878</v>
      </c>
      <c r="D19188" t="s">
        <v>11879</v>
      </c>
      <c r="E19188" t="s">
        <v>11610</v>
      </c>
      <c r="F19188" t="s">
        <v>11611</v>
      </c>
      <c r="G19188" t="s">
        <v>11612</v>
      </c>
      <c r="H19188" t="s">
        <v>11613</v>
      </c>
      <c r="I19188" s="2">
        <v>0</v>
      </c>
      <c r="J19188" s="2">
        <v>0</v>
      </c>
      <c r="K19188" s="2">
        <v>1</v>
      </c>
      <c r="L19188" t="s">
        <v>995</v>
      </c>
      <c r="M19188" t="s">
        <v>89</v>
      </c>
      <c r="N19188" t="s">
        <v>90</v>
      </c>
      <c r="O19188" t="s">
        <v>85</v>
      </c>
      <c r="P19188" t="s">
        <v>86</v>
      </c>
      <c r="Q19188">
        <v>23</v>
      </c>
      <c r="R19188">
        <v>23</v>
      </c>
      <c r="S19188">
        <v>24</v>
      </c>
      <c r="T19188">
        <v>24</v>
      </c>
      <c r="U19188">
        <v>25</v>
      </c>
      <c r="V19188">
        <v>25</v>
      </c>
      <c r="W19188">
        <v>26</v>
      </c>
      <c r="X19188">
        <v>26</v>
      </c>
      <c r="Y19188">
        <v>27</v>
      </c>
      <c r="Z19188">
        <v>27</v>
      </c>
      <c r="AA19188">
        <v>27</v>
      </c>
      <c r="AB19188">
        <v>28</v>
      </c>
      <c r="AC19188">
        <v>28</v>
      </c>
      <c r="AD19188">
        <v>28</v>
      </c>
      <c r="AE19188">
        <v>29</v>
      </c>
      <c r="AF19188">
        <v>29</v>
      </c>
      <c r="AG19188">
        <v>29</v>
      </c>
      <c r="AH19188">
        <v>29</v>
      </c>
      <c r="AI19188">
        <v>29</v>
      </c>
      <c r="AJ19188">
        <v>29</v>
      </c>
      <c r="AK19188">
        <v>29</v>
      </c>
      <c r="AL19188">
        <v>29</v>
      </c>
      <c r="AM19188">
        <v>29</v>
      </c>
      <c r="AN19188">
        <v>29</v>
      </c>
      <c r="AO19188">
        <v>29</v>
      </c>
      <c r="AP19188">
        <v>29</v>
      </c>
      <c r="AQ19188">
        <v>29</v>
      </c>
    </row>
    <row r="19189" spans="1:43">
      <c r="A19189" t="s">
        <v>11890</v>
      </c>
      <c r="B19189" t="s">
        <v>11891</v>
      </c>
      <c r="C19189" t="s">
        <v>11878</v>
      </c>
      <c r="D19189" t="s">
        <v>11879</v>
      </c>
      <c r="E19189" t="s">
        <v>11610</v>
      </c>
      <c r="F19189" t="s">
        <v>11611</v>
      </c>
      <c r="G19189" t="s">
        <v>11612</v>
      </c>
      <c r="H19189" t="s">
        <v>11613</v>
      </c>
      <c r="I19189" s="2">
        <v>0</v>
      </c>
      <c r="J19189" s="2">
        <v>0</v>
      </c>
      <c r="K19189" s="2">
        <v>1</v>
      </c>
      <c r="L19189" t="s">
        <v>995</v>
      </c>
      <c r="M19189" t="s">
        <v>83</v>
      </c>
      <c r="N19189" t="s">
        <v>91</v>
      </c>
      <c r="O19189" t="s">
        <v>85</v>
      </c>
      <c r="P19189" t="s">
        <v>86</v>
      </c>
      <c r="Q19189">
        <v>23</v>
      </c>
      <c r="R19189">
        <v>23</v>
      </c>
      <c r="S19189">
        <v>23</v>
      </c>
      <c r="T19189">
        <v>24</v>
      </c>
      <c r="U19189">
        <v>24</v>
      </c>
      <c r="V19189">
        <v>24</v>
      </c>
      <c r="W19189">
        <v>24</v>
      </c>
      <c r="X19189">
        <v>25</v>
      </c>
      <c r="Y19189">
        <v>25</v>
      </c>
      <c r="Z19189">
        <v>25</v>
      </c>
      <c r="AA19189">
        <v>26</v>
      </c>
      <c r="AB19189">
        <v>26</v>
      </c>
      <c r="AC19189">
        <v>26</v>
      </c>
      <c r="AD19189">
        <v>26</v>
      </c>
      <c r="AE19189">
        <v>27</v>
      </c>
      <c r="AF19189">
        <v>27</v>
      </c>
      <c r="AG19189">
        <v>27</v>
      </c>
      <c r="AH19189">
        <v>28</v>
      </c>
      <c r="AI19189">
        <v>28</v>
      </c>
      <c r="AJ19189">
        <v>28</v>
      </c>
      <c r="AK19189">
        <v>28</v>
      </c>
      <c r="AL19189">
        <v>28</v>
      </c>
      <c r="AM19189">
        <v>29</v>
      </c>
      <c r="AN19189">
        <v>29</v>
      </c>
      <c r="AO19189">
        <v>29</v>
      </c>
      <c r="AP19189">
        <v>29</v>
      </c>
      <c r="AQ19189">
        <v>29</v>
      </c>
    </row>
    <row r="19190" spans="1:43">
      <c r="A19190" t="s">
        <v>11892</v>
      </c>
      <c r="B19190" t="s">
        <v>11893</v>
      </c>
      <c r="C19190" t="s">
        <v>11650</v>
      </c>
      <c r="D19190" t="s">
        <v>11651</v>
      </c>
      <c r="E19190" t="s">
        <v>11610</v>
      </c>
      <c r="F19190" t="s">
        <v>11611</v>
      </c>
      <c r="G19190" t="s">
        <v>11612</v>
      </c>
      <c r="H19190" t="s">
        <v>11613</v>
      </c>
      <c r="I19190" s="2">
        <v>0</v>
      </c>
      <c r="J19190" s="2">
        <v>0</v>
      </c>
      <c r="K19190" s="2">
        <v>1</v>
      </c>
      <c r="L19190" t="s">
        <v>995</v>
      </c>
      <c r="M19190" t="s">
        <v>83</v>
      </c>
      <c r="N19190" t="s">
        <v>84</v>
      </c>
      <c r="O19190" t="s">
        <v>85</v>
      </c>
      <c r="P19190" t="s">
        <v>86</v>
      </c>
      <c r="Q19190">
        <v>85</v>
      </c>
      <c r="R19190">
        <v>86</v>
      </c>
      <c r="S19190">
        <v>87</v>
      </c>
      <c r="T19190">
        <v>89</v>
      </c>
      <c r="U19190">
        <v>90</v>
      </c>
      <c r="V19190">
        <v>91</v>
      </c>
      <c r="W19190">
        <v>92</v>
      </c>
      <c r="X19190">
        <v>93</v>
      </c>
      <c r="Y19190">
        <v>94</v>
      </c>
      <c r="Z19190">
        <v>96</v>
      </c>
      <c r="AA19190">
        <v>97</v>
      </c>
      <c r="AB19190">
        <v>98</v>
      </c>
      <c r="AC19190">
        <v>99</v>
      </c>
      <c r="AD19190">
        <v>100</v>
      </c>
      <c r="AE19190">
        <v>101</v>
      </c>
      <c r="AF19190">
        <v>102</v>
      </c>
      <c r="AG19190">
        <v>103</v>
      </c>
      <c r="AH19190">
        <v>104</v>
      </c>
      <c r="AI19190">
        <v>105</v>
      </c>
      <c r="AJ19190">
        <v>106</v>
      </c>
      <c r="AK19190">
        <v>107</v>
      </c>
      <c r="AL19190">
        <v>108</v>
      </c>
      <c r="AM19190">
        <v>108</v>
      </c>
      <c r="AN19190">
        <v>108</v>
      </c>
      <c r="AO19190">
        <v>108</v>
      </c>
      <c r="AP19190">
        <v>108</v>
      </c>
      <c r="AQ19190">
        <v>108</v>
      </c>
    </row>
    <row r="19191" spans="1:43">
      <c r="A19191" t="s">
        <v>11892</v>
      </c>
      <c r="B19191" t="s">
        <v>11893</v>
      </c>
      <c r="C19191" t="s">
        <v>11650</v>
      </c>
      <c r="D19191" t="s">
        <v>11651</v>
      </c>
      <c r="E19191" t="s">
        <v>11610</v>
      </c>
      <c r="F19191" t="s">
        <v>11611</v>
      </c>
      <c r="G19191" t="s">
        <v>11612</v>
      </c>
      <c r="H19191" t="s">
        <v>11613</v>
      </c>
      <c r="I19191" s="2">
        <v>0</v>
      </c>
      <c r="J19191" s="2">
        <v>0</v>
      </c>
      <c r="K19191" s="2">
        <v>1</v>
      </c>
      <c r="L19191" t="s">
        <v>995</v>
      </c>
      <c r="M19191" t="s">
        <v>87</v>
      </c>
      <c r="N19191" t="s">
        <v>88</v>
      </c>
      <c r="O19191" t="s">
        <v>85</v>
      </c>
      <c r="P19191" t="s">
        <v>86</v>
      </c>
      <c r="Q19191">
        <v>85</v>
      </c>
      <c r="R19191">
        <v>86</v>
      </c>
      <c r="S19191">
        <v>86</v>
      </c>
      <c r="T19191">
        <v>86</v>
      </c>
      <c r="U19191">
        <v>87</v>
      </c>
      <c r="V19191">
        <v>87</v>
      </c>
      <c r="W19191">
        <v>87</v>
      </c>
      <c r="X19191">
        <v>88</v>
      </c>
      <c r="Y19191">
        <v>88</v>
      </c>
      <c r="Z19191">
        <v>89</v>
      </c>
      <c r="AA19191">
        <v>89</v>
      </c>
      <c r="AB19191">
        <v>89</v>
      </c>
      <c r="AC19191">
        <v>90</v>
      </c>
      <c r="AD19191">
        <v>90</v>
      </c>
      <c r="AE19191">
        <v>90</v>
      </c>
      <c r="AF19191">
        <v>91</v>
      </c>
      <c r="AG19191">
        <v>91</v>
      </c>
      <c r="AH19191">
        <v>92</v>
      </c>
      <c r="AI19191">
        <v>92</v>
      </c>
      <c r="AJ19191">
        <v>92</v>
      </c>
      <c r="AK19191">
        <v>93</v>
      </c>
      <c r="AL19191">
        <v>93</v>
      </c>
      <c r="AM19191">
        <v>93</v>
      </c>
      <c r="AN19191">
        <v>94</v>
      </c>
      <c r="AO19191">
        <v>94</v>
      </c>
      <c r="AP19191">
        <v>94</v>
      </c>
      <c r="AQ19191">
        <v>95</v>
      </c>
    </row>
    <row r="19192" spans="1:43">
      <c r="A19192" t="s">
        <v>11892</v>
      </c>
      <c r="B19192" t="s">
        <v>11893</v>
      </c>
      <c r="C19192" t="s">
        <v>11650</v>
      </c>
      <c r="D19192" t="s">
        <v>11651</v>
      </c>
      <c r="E19192" t="s">
        <v>11610</v>
      </c>
      <c r="F19192" t="s">
        <v>11611</v>
      </c>
      <c r="G19192" t="s">
        <v>11612</v>
      </c>
      <c r="H19192" t="s">
        <v>11613</v>
      </c>
      <c r="I19192" s="2">
        <v>0</v>
      </c>
      <c r="J19192" s="2">
        <v>0</v>
      </c>
      <c r="K19192" s="2">
        <v>1</v>
      </c>
      <c r="L19192" t="s">
        <v>995</v>
      </c>
      <c r="M19192" t="s">
        <v>89</v>
      </c>
      <c r="N19192" t="s">
        <v>90</v>
      </c>
      <c r="O19192" t="s">
        <v>85</v>
      </c>
      <c r="P19192" t="s">
        <v>86</v>
      </c>
      <c r="Q19192">
        <v>85</v>
      </c>
      <c r="R19192">
        <v>87</v>
      </c>
      <c r="S19192">
        <v>89</v>
      </c>
      <c r="T19192">
        <v>90</v>
      </c>
      <c r="U19192">
        <v>92</v>
      </c>
      <c r="V19192">
        <v>94</v>
      </c>
      <c r="W19192">
        <v>96</v>
      </c>
      <c r="X19192">
        <v>97</v>
      </c>
      <c r="Y19192">
        <v>99</v>
      </c>
      <c r="Z19192">
        <v>100</v>
      </c>
      <c r="AA19192">
        <v>102</v>
      </c>
      <c r="AB19192">
        <v>103</v>
      </c>
      <c r="AC19192">
        <v>105</v>
      </c>
      <c r="AD19192">
        <v>106</v>
      </c>
      <c r="AE19192">
        <v>107</v>
      </c>
      <c r="AF19192">
        <v>107</v>
      </c>
      <c r="AG19192">
        <v>107</v>
      </c>
      <c r="AH19192">
        <v>107</v>
      </c>
      <c r="AI19192">
        <v>108</v>
      </c>
      <c r="AJ19192">
        <v>108</v>
      </c>
      <c r="AK19192">
        <v>108</v>
      </c>
      <c r="AL19192">
        <v>108</v>
      </c>
      <c r="AM19192">
        <v>108</v>
      </c>
      <c r="AN19192">
        <v>108</v>
      </c>
      <c r="AO19192">
        <v>108</v>
      </c>
      <c r="AP19192">
        <v>108</v>
      </c>
      <c r="AQ19192">
        <v>108</v>
      </c>
    </row>
    <row r="19193" spans="1:43">
      <c r="A19193" t="s">
        <v>11892</v>
      </c>
      <c r="B19193" t="s">
        <v>11893</v>
      </c>
      <c r="C19193" t="s">
        <v>11650</v>
      </c>
      <c r="D19193" t="s">
        <v>11651</v>
      </c>
      <c r="E19193" t="s">
        <v>11610</v>
      </c>
      <c r="F19193" t="s">
        <v>11611</v>
      </c>
      <c r="G19193" t="s">
        <v>11612</v>
      </c>
      <c r="H19193" t="s">
        <v>11613</v>
      </c>
      <c r="I19193" s="2">
        <v>0</v>
      </c>
      <c r="J19193" s="2">
        <v>0</v>
      </c>
      <c r="K19193" s="2">
        <v>1</v>
      </c>
      <c r="L19193" t="s">
        <v>995</v>
      </c>
      <c r="M19193" t="s">
        <v>83</v>
      </c>
      <c r="N19193" t="s">
        <v>91</v>
      </c>
      <c r="O19193" t="s">
        <v>85</v>
      </c>
      <c r="P19193" t="s">
        <v>86</v>
      </c>
      <c r="Q19193">
        <v>85</v>
      </c>
      <c r="R19193">
        <v>86</v>
      </c>
      <c r="S19193">
        <v>87</v>
      </c>
      <c r="T19193">
        <v>89</v>
      </c>
      <c r="U19193">
        <v>90</v>
      </c>
      <c r="V19193">
        <v>91</v>
      </c>
      <c r="W19193">
        <v>92</v>
      </c>
      <c r="X19193">
        <v>93</v>
      </c>
      <c r="Y19193">
        <v>94</v>
      </c>
      <c r="Z19193">
        <v>96</v>
      </c>
      <c r="AA19193">
        <v>97</v>
      </c>
      <c r="AB19193">
        <v>98</v>
      </c>
      <c r="AC19193">
        <v>99</v>
      </c>
      <c r="AD19193">
        <v>100</v>
      </c>
      <c r="AE19193">
        <v>101</v>
      </c>
      <c r="AF19193">
        <v>102</v>
      </c>
      <c r="AG19193">
        <v>103</v>
      </c>
      <c r="AH19193">
        <v>104</v>
      </c>
      <c r="AI19193">
        <v>105</v>
      </c>
      <c r="AJ19193">
        <v>106</v>
      </c>
      <c r="AK19193">
        <v>107</v>
      </c>
      <c r="AL19193">
        <v>108</v>
      </c>
      <c r="AM19193">
        <v>108</v>
      </c>
      <c r="AN19193">
        <v>108</v>
      </c>
      <c r="AO19193">
        <v>108</v>
      </c>
      <c r="AP19193">
        <v>108</v>
      </c>
      <c r="AQ19193">
        <v>108</v>
      </c>
    </row>
    <row r="19194" spans="1:43">
      <c r="A19194" t="s">
        <v>11894</v>
      </c>
      <c r="B19194" t="s">
        <v>11895</v>
      </c>
      <c r="C19194" t="s">
        <v>11868</v>
      </c>
      <c r="D19194" t="s">
        <v>11869</v>
      </c>
      <c r="E19194" t="s">
        <v>11610</v>
      </c>
      <c r="F19194" t="s">
        <v>11611</v>
      </c>
      <c r="G19194" t="s">
        <v>11612</v>
      </c>
      <c r="H19194" t="s">
        <v>11613</v>
      </c>
      <c r="I19194" s="2">
        <v>0</v>
      </c>
      <c r="J19194" s="2">
        <v>0</v>
      </c>
      <c r="K19194" s="2">
        <v>1</v>
      </c>
      <c r="L19194" t="s">
        <v>995</v>
      </c>
      <c r="M19194" t="s">
        <v>83</v>
      </c>
      <c r="N19194" t="s">
        <v>84</v>
      </c>
      <c r="O19194" t="s">
        <v>85</v>
      </c>
      <c r="P19194" t="s">
        <v>86</v>
      </c>
      <c r="Q19194">
        <v>241</v>
      </c>
      <c r="R19194">
        <v>245</v>
      </c>
      <c r="S19194">
        <v>248</v>
      </c>
      <c r="T19194">
        <v>251</v>
      </c>
      <c r="U19194">
        <v>254</v>
      </c>
      <c r="V19194">
        <v>258</v>
      </c>
      <c r="W19194">
        <v>261</v>
      </c>
      <c r="X19194">
        <v>264</v>
      </c>
      <c r="Y19194">
        <v>267</v>
      </c>
      <c r="Z19194">
        <v>271</v>
      </c>
      <c r="AA19194">
        <v>274</v>
      </c>
      <c r="AB19194">
        <v>277</v>
      </c>
      <c r="AC19194">
        <v>280</v>
      </c>
      <c r="AD19194">
        <v>283</v>
      </c>
      <c r="AE19194">
        <v>286</v>
      </c>
      <c r="AF19194">
        <v>290</v>
      </c>
      <c r="AG19194">
        <v>293</v>
      </c>
      <c r="AH19194">
        <v>296</v>
      </c>
      <c r="AI19194">
        <v>299</v>
      </c>
      <c r="AJ19194">
        <v>302</v>
      </c>
      <c r="AK19194">
        <v>305</v>
      </c>
      <c r="AL19194">
        <v>306</v>
      </c>
      <c r="AM19194">
        <v>307</v>
      </c>
      <c r="AN19194">
        <v>307</v>
      </c>
      <c r="AO19194">
        <v>307</v>
      </c>
      <c r="AP19194">
        <v>308</v>
      </c>
      <c r="AQ19194">
        <v>308</v>
      </c>
    </row>
    <row r="19195" spans="1:43">
      <c r="A19195" t="s">
        <v>11894</v>
      </c>
      <c r="B19195" t="s">
        <v>11895</v>
      </c>
      <c r="C19195" t="s">
        <v>11868</v>
      </c>
      <c r="D19195" t="s">
        <v>11869</v>
      </c>
      <c r="E19195" t="s">
        <v>11610</v>
      </c>
      <c r="F19195" t="s">
        <v>11611</v>
      </c>
      <c r="G19195" t="s">
        <v>11612</v>
      </c>
      <c r="H19195" t="s">
        <v>11613</v>
      </c>
      <c r="I19195" s="2">
        <v>0</v>
      </c>
      <c r="J19195" s="2">
        <v>0</v>
      </c>
      <c r="K19195" s="2">
        <v>1</v>
      </c>
      <c r="L19195" t="s">
        <v>995</v>
      </c>
      <c r="M19195" t="s">
        <v>87</v>
      </c>
      <c r="N19195" t="s">
        <v>88</v>
      </c>
      <c r="O19195" t="s">
        <v>85</v>
      </c>
      <c r="P19195" t="s">
        <v>86</v>
      </c>
      <c r="Q19195">
        <v>241</v>
      </c>
      <c r="R19195">
        <v>242</v>
      </c>
      <c r="S19195">
        <v>243</v>
      </c>
      <c r="T19195">
        <v>244</v>
      </c>
      <c r="U19195">
        <v>245</v>
      </c>
      <c r="V19195">
        <v>246</v>
      </c>
      <c r="W19195">
        <v>247</v>
      </c>
      <c r="X19195">
        <v>248</v>
      </c>
      <c r="Y19195">
        <v>249</v>
      </c>
      <c r="Z19195">
        <v>250</v>
      </c>
      <c r="AA19195">
        <v>251</v>
      </c>
      <c r="AB19195">
        <v>252</v>
      </c>
      <c r="AC19195">
        <v>253</v>
      </c>
      <c r="AD19195">
        <v>254</v>
      </c>
      <c r="AE19195">
        <v>255</v>
      </c>
      <c r="AF19195">
        <v>256</v>
      </c>
      <c r="AG19195">
        <v>257</v>
      </c>
      <c r="AH19195">
        <v>258</v>
      </c>
      <c r="AI19195">
        <v>259</v>
      </c>
      <c r="AJ19195">
        <v>260</v>
      </c>
      <c r="AK19195">
        <v>261</v>
      </c>
      <c r="AL19195">
        <v>262</v>
      </c>
      <c r="AM19195">
        <v>263</v>
      </c>
      <c r="AN19195">
        <v>264</v>
      </c>
      <c r="AO19195">
        <v>265</v>
      </c>
      <c r="AP19195">
        <v>266</v>
      </c>
      <c r="AQ19195">
        <v>267</v>
      </c>
    </row>
    <row r="19196" spans="1:43">
      <c r="A19196" t="s">
        <v>11894</v>
      </c>
      <c r="B19196" t="s">
        <v>11895</v>
      </c>
      <c r="C19196" t="s">
        <v>11868</v>
      </c>
      <c r="D19196" t="s">
        <v>11869</v>
      </c>
      <c r="E19196" t="s">
        <v>11610</v>
      </c>
      <c r="F19196" t="s">
        <v>11611</v>
      </c>
      <c r="G19196" t="s">
        <v>11612</v>
      </c>
      <c r="H19196" t="s">
        <v>11613</v>
      </c>
      <c r="I19196" s="2">
        <v>0</v>
      </c>
      <c r="J19196" s="2">
        <v>0</v>
      </c>
      <c r="K19196" s="2">
        <v>1</v>
      </c>
      <c r="L19196" t="s">
        <v>995</v>
      </c>
      <c r="M19196" t="s">
        <v>89</v>
      </c>
      <c r="N19196" t="s">
        <v>90</v>
      </c>
      <c r="O19196" t="s">
        <v>85</v>
      </c>
      <c r="P19196" t="s">
        <v>86</v>
      </c>
      <c r="Q19196">
        <v>241</v>
      </c>
      <c r="R19196">
        <v>246</v>
      </c>
      <c r="S19196">
        <v>251</v>
      </c>
      <c r="T19196">
        <v>256</v>
      </c>
      <c r="U19196">
        <v>262</v>
      </c>
      <c r="V19196">
        <v>267</v>
      </c>
      <c r="W19196">
        <v>271</v>
      </c>
      <c r="X19196">
        <v>276</v>
      </c>
      <c r="Y19196">
        <v>280</v>
      </c>
      <c r="Z19196">
        <v>285</v>
      </c>
      <c r="AA19196">
        <v>289</v>
      </c>
      <c r="AB19196">
        <v>293</v>
      </c>
      <c r="AC19196">
        <v>298</v>
      </c>
      <c r="AD19196">
        <v>302</v>
      </c>
      <c r="AE19196">
        <v>305</v>
      </c>
      <c r="AF19196">
        <v>305</v>
      </c>
      <c r="AG19196">
        <v>306</v>
      </c>
      <c r="AH19196">
        <v>306</v>
      </c>
      <c r="AI19196">
        <v>306</v>
      </c>
      <c r="AJ19196">
        <v>307</v>
      </c>
      <c r="AK19196">
        <v>307</v>
      </c>
      <c r="AL19196">
        <v>307</v>
      </c>
      <c r="AM19196">
        <v>308</v>
      </c>
      <c r="AN19196">
        <v>308</v>
      </c>
      <c r="AO19196">
        <v>308</v>
      </c>
      <c r="AP19196">
        <v>308</v>
      </c>
      <c r="AQ19196">
        <v>309</v>
      </c>
    </row>
    <row r="19197" spans="1:43">
      <c r="A19197" t="s">
        <v>11894</v>
      </c>
      <c r="B19197" t="s">
        <v>11895</v>
      </c>
      <c r="C19197" t="s">
        <v>11868</v>
      </c>
      <c r="D19197" t="s">
        <v>11869</v>
      </c>
      <c r="E19197" t="s">
        <v>11610</v>
      </c>
      <c r="F19197" t="s">
        <v>11611</v>
      </c>
      <c r="G19197" t="s">
        <v>11612</v>
      </c>
      <c r="H19197" t="s">
        <v>11613</v>
      </c>
      <c r="I19197" s="2">
        <v>0</v>
      </c>
      <c r="J19197" s="2">
        <v>0</v>
      </c>
      <c r="K19197" s="2">
        <v>1</v>
      </c>
      <c r="L19197" t="s">
        <v>995</v>
      </c>
      <c r="M19197" t="s">
        <v>83</v>
      </c>
      <c r="N19197" t="s">
        <v>91</v>
      </c>
      <c r="O19197" t="s">
        <v>85</v>
      </c>
      <c r="P19197" t="s">
        <v>86</v>
      </c>
      <c r="Q19197">
        <v>241</v>
      </c>
      <c r="R19197">
        <v>245</v>
      </c>
      <c r="S19197">
        <v>248</v>
      </c>
      <c r="T19197">
        <v>251</v>
      </c>
      <c r="U19197">
        <v>254</v>
      </c>
      <c r="V19197">
        <v>258</v>
      </c>
      <c r="W19197">
        <v>261</v>
      </c>
      <c r="X19197">
        <v>264</v>
      </c>
      <c r="Y19197">
        <v>267</v>
      </c>
      <c r="Z19197">
        <v>271</v>
      </c>
      <c r="AA19197">
        <v>274</v>
      </c>
      <c r="AB19197">
        <v>277</v>
      </c>
      <c r="AC19197">
        <v>280</v>
      </c>
      <c r="AD19197">
        <v>283</v>
      </c>
      <c r="AE19197">
        <v>286</v>
      </c>
      <c r="AF19197">
        <v>290</v>
      </c>
      <c r="AG19197">
        <v>293</v>
      </c>
      <c r="AH19197">
        <v>296</v>
      </c>
      <c r="AI19197">
        <v>299</v>
      </c>
      <c r="AJ19197">
        <v>302</v>
      </c>
      <c r="AK19197">
        <v>305</v>
      </c>
      <c r="AL19197">
        <v>306</v>
      </c>
      <c r="AM19197">
        <v>307</v>
      </c>
      <c r="AN19197">
        <v>307</v>
      </c>
      <c r="AO19197">
        <v>307</v>
      </c>
      <c r="AP19197">
        <v>308</v>
      </c>
      <c r="AQ19197">
        <v>308</v>
      </c>
    </row>
    <row r="19198" spans="1:43">
      <c r="A19198" t="s">
        <v>11896</v>
      </c>
      <c r="B19198" t="s">
        <v>11897</v>
      </c>
      <c r="C19198" t="s">
        <v>11716</v>
      </c>
      <c r="D19198" t="s">
        <v>11717</v>
      </c>
      <c r="E19198" t="s">
        <v>11610</v>
      </c>
      <c r="F19198" t="s">
        <v>11611</v>
      </c>
      <c r="G19198" t="s">
        <v>11612</v>
      </c>
      <c r="H19198" t="s">
        <v>11613</v>
      </c>
      <c r="I19198" s="2">
        <v>0</v>
      </c>
      <c r="J19198" s="2">
        <v>0</v>
      </c>
      <c r="K19198" s="2">
        <v>1</v>
      </c>
      <c r="L19198" t="s">
        <v>995</v>
      </c>
      <c r="M19198" t="s">
        <v>83</v>
      </c>
      <c r="N19198" t="s">
        <v>84</v>
      </c>
      <c r="O19198" t="s">
        <v>85</v>
      </c>
      <c r="P19198" t="s">
        <v>86</v>
      </c>
      <c r="Q19198">
        <v>24</v>
      </c>
      <c r="R19198">
        <v>25</v>
      </c>
      <c r="S19198">
        <v>25</v>
      </c>
      <c r="T19198">
        <v>25</v>
      </c>
      <c r="U19198">
        <v>26</v>
      </c>
      <c r="V19198">
        <v>26</v>
      </c>
      <c r="W19198">
        <v>26</v>
      </c>
      <c r="X19198">
        <v>27</v>
      </c>
      <c r="Y19198">
        <v>27</v>
      </c>
      <c r="Z19198">
        <v>27</v>
      </c>
      <c r="AA19198">
        <v>28</v>
      </c>
      <c r="AB19198">
        <v>28</v>
      </c>
      <c r="AC19198">
        <v>28</v>
      </c>
      <c r="AD19198">
        <v>29</v>
      </c>
      <c r="AE19198">
        <v>29</v>
      </c>
      <c r="AF19198">
        <v>29</v>
      </c>
      <c r="AG19198">
        <v>30</v>
      </c>
      <c r="AH19198">
        <v>30</v>
      </c>
      <c r="AI19198">
        <v>30</v>
      </c>
      <c r="AJ19198">
        <v>30</v>
      </c>
      <c r="AK19198">
        <v>31</v>
      </c>
      <c r="AL19198">
        <v>31</v>
      </c>
      <c r="AM19198">
        <v>31</v>
      </c>
      <c r="AN19198">
        <v>31</v>
      </c>
      <c r="AO19198">
        <v>31</v>
      </c>
      <c r="AP19198">
        <v>31</v>
      </c>
      <c r="AQ19198">
        <v>31</v>
      </c>
    </row>
    <row r="19199" spans="1:43">
      <c r="A19199" t="s">
        <v>11896</v>
      </c>
      <c r="B19199" t="s">
        <v>11897</v>
      </c>
      <c r="C19199" t="s">
        <v>11716</v>
      </c>
      <c r="D19199" t="s">
        <v>11717</v>
      </c>
      <c r="E19199" t="s">
        <v>11610</v>
      </c>
      <c r="F19199" t="s">
        <v>11611</v>
      </c>
      <c r="G19199" t="s">
        <v>11612</v>
      </c>
      <c r="H19199" t="s">
        <v>11613</v>
      </c>
      <c r="I19199" s="2">
        <v>0</v>
      </c>
      <c r="J19199" s="2">
        <v>0</v>
      </c>
      <c r="K19199" s="2">
        <v>1</v>
      </c>
      <c r="L19199" t="s">
        <v>995</v>
      </c>
      <c r="M19199" t="s">
        <v>87</v>
      </c>
      <c r="N19199" t="s">
        <v>88</v>
      </c>
      <c r="O19199" t="s">
        <v>85</v>
      </c>
      <c r="P19199" t="s">
        <v>86</v>
      </c>
      <c r="Q19199">
        <v>24</v>
      </c>
      <c r="R19199">
        <v>24</v>
      </c>
      <c r="S19199">
        <v>24</v>
      </c>
      <c r="T19199">
        <v>25</v>
      </c>
      <c r="U19199">
        <v>25</v>
      </c>
      <c r="V19199">
        <v>25</v>
      </c>
      <c r="W19199">
        <v>25</v>
      </c>
      <c r="X19199">
        <v>25</v>
      </c>
      <c r="Y19199">
        <v>25</v>
      </c>
      <c r="Z19199">
        <v>25</v>
      </c>
      <c r="AA19199">
        <v>25</v>
      </c>
      <c r="AB19199">
        <v>25</v>
      </c>
      <c r="AC19199">
        <v>25</v>
      </c>
      <c r="AD19199">
        <v>26</v>
      </c>
      <c r="AE19199">
        <v>26</v>
      </c>
      <c r="AF19199">
        <v>26</v>
      </c>
      <c r="AG19199">
        <v>26</v>
      </c>
      <c r="AH19199">
        <v>26</v>
      </c>
      <c r="AI19199">
        <v>26</v>
      </c>
      <c r="AJ19199">
        <v>26</v>
      </c>
      <c r="AK19199">
        <v>26</v>
      </c>
      <c r="AL19199">
        <v>26</v>
      </c>
      <c r="AM19199">
        <v>26</v>
      </c>
      <c r="AN19199">
        <v>27</v>
      </c>
      <c r="AO19199">
        <v>27</v>
      </c>
      <c r="AP19199">
        <v>27</v>
      </c>
      <c r="AQ19199">
        <v>27</v>
      </c>
    </row>
    <row r="19200" spans="1:43">
      <c r="A19200" t="s">
        <v>11896</v>
      </c>
      <c r="B19200" t="s">
        <v>11897</v>
      </c>
      <c r="C19200" t="s">
        <v>11716</v>
      </c>
      <c r="D19200" t="s">
        <v>11717</v>
      </c>
      <c r="E19200" t="s">
        <v>11610</v>
      </c>
      <c r="F19200" t="s">
        <v>11611</v>
      </c>
      <c r="G19200" t="s">
        <v>11612</v>
      </c>
      <c r="H19200" t="s">
        <v>11613</v>
      </c>
      <c r="I19200" s="2">
        <v>0</v>
      </c>
      <c r="J19200" s="2">
        <v>0</v>
      </c>
      <c r="K19200" s="2">
        <v>1</v>
      </c>
      <c r="L19200" t="s">
        <v>995</v>
      </c>
      <c r="M19200" t="s">
        <v>89</v>
      </c>
      <c r="N19200" t="s">
        <v>90</v>
      </c>
      <c r="O19200" t="s">
        <v>85</v>
      </c>
      <c r="P19200" t="s">
        <v>86</v>
      </c>
      <c r="Q19200">
        <v>24</v>
      </c>
      <c r="R19200">
        <v>24</v>
      </c>
      <c r="S19200">
        <v>25</v>
      </c>
      <c r="T19200">
        <v>25</v>
      </c>
      <c r="U19200">
        <v>26</v>
      </c>
      <c r="V19200">
        <v>26</v>
      </c>
      <c r="W19200">
        <v>27</v>
      </c>
      <c r="X19200">
        <v>27</v>
      </c>
      <c r="Y19200">
        <v>28</v>
      </c>
      <c r="Z19200">
        <v>28</v>
      </c>
      <c r="AA19200">
        <v>29</v>
      </c>
      <c r="AB19200">
        <v>29</v>
      </c>
      <c r="AC19200">
        <v>29</v>
      </c>
      <c r="AD19200">
        <v>30</v>
      </c>
      <c r="AE19200">
        <v>30</v>
      </c>
      <c r="AF19200">
        <v>30</v>
      </c>
      <c r="AG19200">
        <v>30</v>
      </c>
      <c r="AH19200">
        <v>30</v>
      </c>
      <c r="AI19200">
        <v>30</v>
      </c>
      <c r="AJ19200">
        <v>30</v>
      </c>
      <c r="AK19200">
        <v>30</v>
      </c>
      <c r="AL19200">
        <v>30</v>
      </c>
      <c r="AM19200">
        <v>30</v>
      </c>
      <c r="AN19200">
        <v>30</v>
      </c>
      <c r="AO19200">
        <v>30</v>
      </c>
      <c r="AP19200">
        <v>30</v>
      </c>
      <c r="AQ19200">
        <v>30</v>
      </c>
    </row>
    <row r="19201" spans="1:43">
      <c r="A19201" t="s">
        <v>11896</v>
      </c>
      <c r="B19201" t="s">
        <v>11897</v>
      </c>
      <c r="C19201" t="s">
        <v>11716</v>
      </c>
      <c r="D19201" t="s">
        <v>11717</v>
      </c>
      <c r="E19201" t="s">
        <v>11610</v>
      </c>
      <c r="F19201" t="s">
        <v>11611</v>
      </c>
      <c r="G19201" t="s">
        <v>11612</v>
      </c>
      <c r="H19201" t="s">
        <v>11613</v>
      </c>
      <c r="I19201" s="2">
        <v>0</v>
      </c>
      <c r="J19201" s="2">
        <v>0</v>
      </c>
      <c r="K19201" s="2">
        <v>1</v>
      </c>
      <c r="L19201" t="s">
        <v>995</v>
      </c>
      <c r="M19201" t="s">
        <v>83</v>
      </c>
      <c r="N19201" t="s">
        <v>91</v>
      </c>
      <c r="O19201" t="s">
        <v>85</v>
      </c>
      <c r="P19201" t="s">
        <v>86</v>
      </c>
      <c r="Q19201">
        <v>24</v>
      </c>
      <c r="R19201">
        <v>25</v>
      </c>
      <c r="S19201">
        <v>25</v>
      </c>
      <c r="T19201">
        <v>25</v>
      </c>
      <c r="U19201">
        <v>26</v>
      </c>
      <c r="V19201">
        <v>26</v>
      </c>
      <c r="W19201">
        <v>26</v>
      </c>
      <c r="X19201">
        <v>27</v>
      </c>
      <c r="Y19201">
        <v>27</v>
      </c>
      <c r="Z19201">
        <v>27</v>
      </c>
      <c r="AA19201">
        <v>28</v>
      </c>
      <c r="AB19201">
        <v>28</v>
      </c>
      <c r="AC19201">
        <v>28</v>
      </c>
      <c r="AD19201">
        <v>29</v>
      </c>
      <c r="AE19201">
        <v>29</v>
      </c>
      <c r="AF19201">
        <v>29</v>
      </c>
      <c r="AG19201">
        <v>30</v>
      </c>
      <c r="AH19201">
        <v>30</v>
      </c>
      <c r="AI19201">
        <v>30</v>
      </c>
      <c r="AJ19201">
        <v>30</v>
      </c>
      <c r="AK19201">
        <v>31</v>
      </c>
      <c r="AL19201">
        <v>31</v>
      </c>
      <c r="AM19201">
        <v>31</v>
      </c>
      <c r="AN19201">
        <v>31</v>
      </c>
      <c r="AO19201">
        <v>31</v>
      </c>
      <c r="AP19201">
        <v>31</v>
      </c>
      <c r="AQ19201">
        <v>31</v>
      </c>
    </row>
    <row r="19202" spans="1:43">
      <c r="A19202" t="s">
        <v>11898</v>
      </c>
      <c r="B19202" t="s">
        <v>11899</v>
      </c>
      <c r="C19202" t="s">
        <v>11836</v>
      </c>
      <c r="D19202" t="s">
        <v>11837</v>
      </c>
      <c r="E19202" t="s">
        <v>11610</v>
      </c>
      <c r="F19202" t="s">
        <v>11611</v>
      </c>
      <c r="G19202" t="s">
        <v>11612</v>
      </c>
      <c r="H19202" t="s">
        <v>11613</v>
      </c>
      <c r="I19202" s="2">
        <v>0</v>
      </c>
      <c r="J19202" s="2">
        <v>0</v>
      </c>
      <c r="K19202" s="2">
        <v>1</v>
      </c>
      <c r="L19202" t="s">
        <v>995</v>
      </c>
      <c r="M19202" t="s">
        <v>83</v>
      </c>
      <c r="N19202" t="s">
        <v>84</v>
      </c>
      <c r="O19202" t="s">
        <v>85</v>
      </c>
      <c r="P19202" t="s">
        <v>86</v>
      </c>
      <c r="Q19202">
        <v>73</v>
      </c>
      <c r="R19202">
        <v>74</v>
      </c>
      <c r="S19202">
        <v>75</v>
      </c>
      <c r="T19202">
        <v>76</v>
      </c>
      <c r="U19202">
        <v>77</v>
      </c>
      <c r="V19202">
        <v>78</v>
      </c>
      <c r="W19202">
        <v>79</v>
      </c>
      <c r="X19202">
        <v>80</v>
      </c>
      <c r="Y19202">
        <v>81</v>
      </c>
      <c r="Z19202">
        <v>82</v>
      </c>
      <c r="AA19202">
        <v>83</v>
      </c>
      <c r="AB19202">
        <v>84</v>
      </c>
      <c r="AC19202">
        <v>85</v>
      </c>
      <c r="AD19202">
        <v>86</v>
      </c>
      <c r="AE19202">
        <v>87</v>
      </c>
      <c r="AF19202">
        <v>88</v>
      </c>
      <c r="AG19202">
        <v>88</v>
      </c>
      <c r="AH19202">
        <v>89</v>
      </c>
      <c r="AI19202">
        <v>90</v>
      </c>
      <c r="AJ19202">
        <v>91</v>
      </c>
      <c r="AK19202">
        <v>92</v>
      </c>
      <c r="AL19202">
        <v>92</v>
      </c>
      <c r="AM19202">
        <v>92</v>
      </c>
      <c r="AN19202">
        <v>92</v>
      </c>
      <c r="AO19202">
        <v>92</v>
      </c>
      <c r="AP19202">
        <v>93</v>
      </c>
      <c r="AQ19202">
        <v>93</v>
      </c>
    </row>
    <row r="19203" spans="1:43">
      <c r="A19203" t="s">
        <v>11898</v>
      </c>
      <c r="B19203" t="s">
        <v>11899</v>
      </c>
      <c r="C19203" t="s">
        <v>11836</v>
      </c>
      <c r="D19203" t="s">
        <v>11837</v>
      </c>
      <c r="E19203" t="s">
        <v>11610</v>
      </c>
      <c r="F19203" t="s">
        <v>11611</v>
      </c>
      <c r="G19203" t="s">
        <v>11612</v>
      </c>
      <c r="H19203" t="s">
        <v>11613</v>
      </c>
      <c r="I19203" s="2">
        <v>0</v>
      </c>
      <c r="J19203" s="2">
        <v>0</v>
      </c>
      <c r="K19203" s="2">
        <v>1</v>
      </c>
      <c r="L19203" t="s">
        <v>995</v>
      </c>
      <c r="M19203" t="s">
        <v>87</v>
      </c>
      <c r="N19203" t="s">
        <v>88</v>
      </c>
      <c r="O19203" t="s">
        <v>85</v>
      </c>
      <c r="P19203" t="s">
        <v>86</v>
      </c>
      <c r="Q19203">
        <v>73</v>
      </c>
      <c r="R19203">
        <v>74</v>
      </c>
      <c r="S19203">
        <v>74</v>
      </c>
      <c r="T19203">
        <v>74</v>
      </c>
      <c r="U19203">
        <v>75</v>
      </c>
      <c r="V19203">
        <v>75</v>
      </c>
      <c r="W19203">
        <v>75</v>
      </c>
      <c r="X19203">
        <v>76</v>
      </c>
      <c r="Y19203">
        <v>76</v>
      </c>
      <c r="Z19203">
        <v>76</v>
      </c>
      <c r="AA19203">
        <v>76</v>
      </c>
      <c r="AB19203">
        <v>77</v>
      </c>
      <c r="AC19203">
        <v>77</v>
      </c>
      <c r="AD19203">
        <v>77</v>
      </c>
      <c r="AE19203">
        <v>78</v>
      </c>
      <c r="AF19203">
        <v>78</v>
      </c>
      <c r="AG19203">
        <v>78</v>
      </c>
      <c r="AH19203">
        <v>79</v>
      </c>
      <c r="AI19203">
        <v>79</v>
      </c>
      <c r="AJ19203">
        <v>79</v>
      </c>
      <c r="AK19203">
        <v>79</v>
      </c>
      <c r="AL19203">
        <v>80</v>
      </c>
      <c r="AM19203">
        <v>80</v>
      </c>
      <c r="AN19203">
        <v>80</v>
      </c>
      <c r="AO19203">
        <v>81</v>
      </c>
      <c r="AP19203">
        <v>81</v>
      </c>
      <c r="AQ19203">
        <v>81</v>
      </c>
    </row>
    <row r="19204" spans="1:43">
      <c r="A19204" t="s">
        <v>11898</v>
      </c>
      <c r="B19204" t="s">
        <v>11899</v>
      </c>
      <c r="C19204" t="s">
        <v>11836</v>
      </c>
      <c r="D19204" t="s">
        <v>11837</v>
      </c>
      <c r="E19204" t="s">
        <v>11610</v>
      </c>
      <c r="F19204" t="s">
        <v>11611</v>
      </c>
      <c r="G19204" t="s">
        <v>11612</v>
      </c>
      <c r="H19204" t="s">
        <v>11613</v>
      </c>
      <c r="I19204" s="2">
        <v>0</v>
      </c>
      <c r="J19204" s="2">
        <v>0</v>
      </c>
      <c r="K19204" s="2">
        <v>1</v>
      </c>
      <c r="L19204" t="s">
        <v>995</v>
      </c>
      <c r="M19204" t="s">
        <v>89</v>
      </c>
      <c r="N19204" t="s">
        <v>90</v>
      </c>
      <c r="O19204" t="s">
        <v>85</v>
      </c>
      <c r="P19204" t="s">
        <v>86</v>
      </c>
      <c r="Q19204">
        <v>73</v>
      </c>
      <c r="R19204">
        <v>74</v>
      </c>
      <c r="S19204">
        <v>76</v>
      </c>
      <c r="T19204">
        <v>78</v>
      </c>
      <c r="U19204">
        <v>79</v>
      </c>
      <c r="V19204">
        <v>81</v>
      </c>
      <c r="W19204">
        <v>82</v>
      </c>
      <c r="X19204">
        <v>83</v>
      </c>
      <c r="Y19204">
        <v>85</v>
      </c>
      <c r="Z19204">
        <v>86</v>
      </c>
      <c r="AA19204">
        <v>87</v>
      </c>
      <c r="AB19204">
        <v>89</v>
      </c>
      <c r="AC19204">
        <v>90</v>
      </c>
      <c r="AD19204">
        <v>91</v>
      </c>
      <c r="AE19204">
        <v>92</v>
      </c>
      <c r="AF19204">
        <v>92</v>
      </c>
      <c r="AG19204">
        <v>92</v>
      </c>
      <c r="AH19204">
        <v>92</v>
      </c>
      <c r="AI19204">
        <v>92</v>
      </c>
      <c r="AJ19204">
        <v>92</v>
      </c>
      <c r="AK19204">
        <v>92</v>
      </c>
      <c r="AL19204">
        <v>92</v>
      </c>
      <c r="AM19204">
        <v>92</v>
      </c>
      <c r="AN19204">
        <v>92</v>
      </c>
      <c r="AO19204">
        <v>92</v>
      </c>
      <c r="AP19204">
        <v>92</v>
      </c>
      <c r="AQ19204">
        <v>92</v>
      </c>
    </row>
    <row r="19205" spans="1:43">
      <c r="A19205" t="s">
        <v>11898</v>
      </c>
      <c r="B19205" t="s">
        <v>11899</v>
      </c>
      <c r="C19205" t="s">
        <v>11836</v>
      </c>
      <c r="D19205" t="s">
        <v>11837</v>
      </c>
      <c r="E19205" t="s">
        <v>11610</v>
      </c>
      <c r="F19205" t="s">
        <v>11611</v>
      </c>
      <c r="G19205" t="s">
        <v>11612</v>
      </c>
      <c r="H19205" t="s">
        <v>11613</v>
      </c>
      <c r="I19205" s="2">
        <v>0</v>
      </c>
      <c r="J19205" s="2">
        <v>0</v>
      </c>
      <c r="K19205" s="2">
        <v>1</v>
      </c>
      <c r="L19205" t="s">
        <v>995</v>
      </c>
      <c r="M19205" t="s">
        <v>83</v>
      </c>
      <c r="N19205" t="s">
        <v>91</v>
      </c>
      <c r="O19205" t="s">
        <v>85</v>
      </c>
      <c r="P19205" t="s">
        <v>86</v>
      </c>
      <c r="Q19205">
        <v>73</v>
      </c>
      <c r="R19205">
        <v>74</v>
      </c>
      <c r="S19205">
        <v>75</v>
      </c>
      <c r="T19205">
        <v>76</v>
      </c>
      <c r="U19205">
        <v>77</v>
      </c>
      <c r="V19205">
        <v>78</v>
      </c>
      <c r="W19205">
        <v>79</v>
      </c>
      <c r="X19205">
        <v>80</v>
      </c>
      <c r="Y19205">
        <v>81</v>
      </c>
      <c r="Z19205">
        <v>82</v>
      </c>
      <c r="AA19205">
        <v>83</v>
      </c>
      <c r="AB19205">
        <v>84</v>
      </c>
      <c r="AC19205">
        <v>85</v>
      </c>
      <c r="AD19205">
        <v>86</v>
      </c>
      <c r="AE19205">
        <v>87</v>
      </c>
      <c r="AF19205">
        <v>88</v>
      </c>
      <c r="AG19205">
        <v>88</v>
      </c>
      <c r="AH19205">
        <v>89</v>
      </c>
      <c r="AI19205">
        <v>90</v>
      </c>
      <c r="AJ19205">
        <v>91</v>
      </c>
      <c r="AK19205">
        <v>92</v>
      </c>
      <c r="AL19205">
        <v>92</v>
      </c>
      <c r="AM19205">
        <v>92</v>
      </c>
      <c r="AN19205">
        <v>92</v>
      </c>
      <c r="AO19205">
        <v>92</v>
      </c>
      <c r="AP19205">
        <v>93</v>
      </c>
      <c r="AQ19205">
        <v>93</v>
      </c>
    </row>
    <row r="19206" spans="1:43">
      <c r="A19206" t="s">
        <v>11900</v>
      </c>
      <c r="B19206" t="s">
        <v>11901</v>
      </c>
      <c r="C19206" t="s">
        <v>11836</v>
      </c>
      <c r="D19206" t="s">
        <v>11837</v>
      </c>
      <c r="E19206" t="s">
        <v>11610</v>
      </c>
      <c r="F19206" t="s">
        <v>11611</v>
      </c>
      <c r="G19206" t="s">
        <v>11612</v>
      </c>
      <c r="H19206" t="s">
        <v>11613</v>
      </c>
      <c r="I19206" s="2">
        <v>0</v>
      </c>
      <c r="J19206" s="2">
        <v>0</v>
      </c>
      <c r="K19206" s="2">
        <v>1</v>
      </c>
      <c r="L19206" t="s">
        <v>995</v>
      </c>
      <c r="M19206" t="s">
        <v>83</v>
      </c>
      <c r="N19206" t="s">
        <v>84</v>
      </c>
      <c r="O19206" t="s">
        <v>85</v>
      </c>
      <c r="P19206" t="s">
        <v>86</v>
      </c>
      <c r="Q19206">
        <v>36</v>
      </c>
      <c r="R19206">
        <v>36</v>
      </c>
      <c r="S19206">
        <v>37</v>
      </c>
      <c r="T19206">
        <v>37</v>
      </c>
      <c r="U19206">
        <v>38</v>
      </c>
      <c r="V19206">
        <v>38</v>
      </c>
      <c r="W19206">
        <v>38</v>
      </c>
      <c r="X19206">
        <v>39</v>
      </c>
      <c r="Y19206">
        <v>39</v>
      </c>
      <c r="Z19206">
        <v>40</v>
      </c>
      <c r="AA19206">
        <v>40</v>
      </c>
      <c r="AB19206">
        <v>41</v>
      </c>
      <c r="AC19206">
        <v>41</v>
      </c>
      <c r="AD19206">
        <v>42</v>
      </c>
      <c r="AE19206">
        <v>42</v>
      </c>
      <c r="AF19206">
        <v>43</v>
      </c>
      <c r="AG19206">
        <v>43</v>
      </c>
      <c r="AH19206">
        <v>44</v>
      </c>
      <c r="AI19206">
        <v>44</v>
      </c>
      <c r="AJ19206">
        <v>44</v>
      </c>
      <c r="AK19206">
        <v>45</v>
      </c>
      <c r="AL19206">
        <v>45</v>
      </c>
      <c r="AM19206">
        <v>45</v>
      </c>
      <c r="AN19206">
        <v>45</v>
      </c>
      <c r="AO19206">
        <v>45</v>
      </c>
      <c r="AP19206">
        <v>45</v>
      </c>
      <c r="AQ19206">
        <v>45</v>
      </c>
    </row>
    <row r="19207" spans="1:43">
      <c r="A19207" t="s">
        <v>11900</v>
      </c>
      <c r="B19207" t="s">
        <v>11901</v>
      </c>
      <c r="C19207" t="s">
        <v>11836</v>
      </c>
      <c r="D19207" t="s">
        <v>11837</v>
      </c>
      <c r="E19207" t="s">
        <v>11610</v>
      </c>
      <c r="F19207" t="s">
        <v>11611</v>
      </c>
      <c r="G19207" t="s">
        <v>11612</v>
      </c>
      <c r="H19207" t="s">
        <v>11613</v>
      </c>
      <c r="I19207" s="2">
        <v>0</v>
      </c>
      <c r="J19207" s="2">
        <v>0</v>
      </c>
      <c r="K19207" s="2">
        <v>1</v>
      </c>
      <c r="L19207" t="s">
        <v>995</v>
      </c>
      <c r="M19207" t="s">
        <v>87</v>
      </c>
      <c r="N19207" t="s">
        <v>88</v>
      </c>
      <c r="O19207" t="s">
        <v>85</v>
      </c>
      <c r="P19207" t="s">
        <v>86</v>
      </c>
      <c r="Q19207">
        <v>36</v>
      </c>
      <c r="R19207">
        <v>36</v>
      </c>
      <c r="S19207">
        <v>37</v>
      </c>
      <c r="T19207">
        <v>37</v>
      </c>
      <c r="U19207">
        <v>37</v>
      </c>
      <c r="V19207">
        <v>37</v>
      </c>
      <c r="W19207">
        <v>37</v>
      </c>
      <c r="X19207">
        <v>37</v>
      </c>
      <c r="Y19207">
        <v>37</v>
      </c>
      <c r="Z19207">
        <v>38</v>
      </c>
      <c r="AA19207">
        <v>38</v>
      </c>
      <c r="AB19207">
        <v>38</v>
      </c>
      <c r="AC19207">
        <v>38</v>
      </c>
      <c r="AD19207">
        <v>38</v>
      </c>
      <c r="AE19207">
        <v>38</v>
      </c>
      <c r="AF19207">
        <v>38</v>
      </c>
      <c r="AG19207">
        <v>39</v>
      </c>
      <c r="AH19207">
        <v>39</v>
      </c>
      <c r="AI19207">
        <v>39</v>
      </c>
      <c r="AJ19207">
        <v>39</v>
      </c>
      <c r="AK19207">
        <v>39</v>
      </c>
      <c r="AL19207">
        <v>39</v>
      </c>
      <c r="AM19207">
        <v>40</v>
      </c>
      <c r="AN19207">
        <v>40</v>
      </c>
      <c r="AO19207">
        <v>40</v>
      </c>
      <c r="AP19207">
        <v>40</v>
      </c>
      <c r="AQ19207">
        <v>40</v>
      </c>
    </row>
    <row r="19208" spans="1:43">
      <c r="A19208" t="s">
        <v>11900</v>
      </c>
      <c r="B19208" t="s">
        <v>11901</v>
      </c>
      <c r="C19208" t="s">
        <v>11836</v>
      </c>
      <c r="D19208" t="s">
        <v>11837</v>
      </c>
      <c r="E19208" t="s">
        <v>11610</v>
      </c>
      <c r="F19208" t="s">
        <v>11611</v>
      </c>
      <c r="G19208" t="s">
        <v>11612</v>
      </c>
      <c r="H19208" t="s">
        <v>11613</v>
      </c>
      <c r="I19208" s="2">
        <v>0</v>
      </c>
      <c r="J19208" s="2">
        <v>0</v>
      </c>
      <c r="K19208" s="2">
        <v>1</v>
      </c>
      <c r="L19208" t="s">
        <v>995</v>
      </c>
      <c r="M19208" t="s">
        <v>89</v>
      </c>
      <c r="N19208" t="s">
        <v>90</v>
      </c>
      <c r="O19208" t="s">
        <v>85</v>
      </c>
      <c r="P19208" t="s">
        <v>86</v>
      </c>
      <c r="Q19208">
        <v>36</v>
      </c>
      <c r="R19208">
        <v>37</v>
      </c>
      <c r="S19208">
        <v>38</v>
      </c>
      <c r="T19208">
        <v>38</v>
      </c>
      <c r="U19208">
        <v>39</v>
      </c>
      <c r="V19208">
        <v>40</v>
      </c>
      <c r="W19208">
        <v>40</v>
      </c>
      <c r="X19208">
        <v>41</v>
      </c>
      <c r="Y19208">
        <v>42</v>
      </c>
      <c r="Z19208">
        <v>42</v>
      </c>
      <c r="AA19208">
        <v>43</v>
      </c>
      <c r="AB19208">
        <v>44</v>
      </c>
      <c r="AC19208">
        <v>44</v>
      </c>
      <c r="AD19208">
        <v>45</v>
      </c>
      <c r="AE19208">
        <v>45</v>
      </c>
      <c r="AF19208">
        <v>45</v>
      </c>
      <c r="AG19208">
        <v>45</v>
      </c>
      <c r="AH19208">
        <v>45</v>
      </c>
      <c r="AI19208">
        <v>45</v>
      </c>
      <c r="AJ19208">
        <v>45</v>
      </c>
      <c r="AK19208">
        <v>45</v>
      </c>
      <c r="AL19208">
        <v>45</v>
      </c>
      <c r="AM19208">
        <v>45</v>
      </c>
      <c r="AN19208">
        <v>45</v>
      </c>
      <c r="AO19208">
        <v>45</v>
      </c>
      <c r="AP19208">
        <v>45</v>
      </c>
      <c r="AQ19208">
        <v>45</v>
      </c>
    </row>
    <row r="19209" spans="1:43">
      <c r="A19209" t="s">
        <v>11900</v>
      </c>
      <c r="B19209" t="s">
        <v>11901</v>
      </c>
      <c r="C19209" t="s">
        <v>11836</v>
      </c>
      <c r="D19209" t="s">
        <v>11837</v>
      </c>
      <c r="E19209" t="s">
        <v>11610</v>
      </c>
      <c r="F19209" t="s">
        <v>11611</v>
      </c>
      <c r="G19209" t="s">
        <v>11612</v>
      </c>
      <c r="H19209" t="s">
        <v>11613</v>
      </c>
      <c r="I19209" s="2">
        <v>0</v>
      </c>
      <c r="J19209" s="2">
        <v>0</v>
      </c>
      <c r="K19209" s="2">
        <v>1</v>
      </c>
      <c r="L19209" t="s">
        <v>995</v>
      </c>
      <c r="M19209" t="s">
        <v>83</v>
      </c>
      <c r="N19209" t="s">
        <v>91</v>
      </c>
      <c r="O19209" t="s">
        <v>85</v>
      </c>
      <c r="P19209" t="s">
        <v>86</v>
      </c>
      <c r="Q19209">
        <v>36</v>
      </c>
      <c r="R19209">
        <v>36</v>
      </c>
      <c r="S19209">
        <v>37</v>
      </c>
      <c r="T19209">
        <v>37</v>
      </c>
      <c r="U19209">
        <v>38</v>
      </c>
      <c r="V19209">
        <v>38</v>
      </c>
      <c r="W19209">
        <v>38</v>
      </c>
      <c r="X19209">
        <v>39</v>
      </c>
      <c r="Y19209">
        <v>39</v>
      </c>
      <c r="Z19209">
        <v>40</v>
      </c>
      <c r="AA19209">
        <v>40</v>
      </c>
      <c r="AB19209">
        <v>41</v>
      </c>
      <c r="AC19209">
        <v>41</v>
      </c>
      <c r="AD19209">
        <v>42</v>
      </c>
      <c r="AE19209">
        <v>42</v>
      </c>
      <c r="AF19209">
        <v>43</v>
      </c>
      <c r="AG19209">
        <v>43</v>
      </c>
      <c r="AH19209">
        <v>44</v>
      </c>
      <c r="AI19209">
        <v>44</v>
      </c>
      <c r="AJ19209">
        <v>44</v>
      </c>
      <c r="AK19209">
        <v>45</v>
      </c>
      <c r="AL19209">
        <v>45</v>
      </c>
      <c r="AM19209">
        <v>45</v>
      </c>
      <c r="AN19209">
        <v>45</v>
      </c>
      <c r="AO19209">
        <v>45</v>
      </c>
      <c r="AP19209">
        <v>45</v>
      </c>
      <c r="AQ19209">
        <v>45</v>
      </c>
    </row>
    <row r="19210" spans="1:43">
      <c r="A19210" t="s">
        <v>11902</v>
      </c>
      <c r="B19210" t="s">
        <v>11903</v>
      </c>
      <c r="C19210" t="s">
        <v>11868</v>
      </c>
      <c r="D19210" t="s">
        <v>11869</v>
      </c>
      <c r="E19210" t="s">
        <v>11610</v>
      </c>
      <c r="F19210" t="s">
        <v>11611</v>
      </c>
      <c r="G19210" t="s">
        <v>11612</v>
      </c>
      <c r="H19210" t="s">
        <v>11613</v>
      </c>
      <c r="I19210" s="2">
        <v>0</v>
      </c>
      <c r="J19210" s="2">
        <v>0</v>
      </c>
      <c r="K19210" s="2">
        <v>1</v>
      </c>
      <c r="L19210" t="s">
        <v>995</v>
      </c>
      <c r="M19210" t="s">
        <v>83</v>
      </c>
      <c r="N19210" t="s">
        <v>84</v>
      </c>
      <c r="O19210" t="s">
        <v>85</v>
      </c>
      <c r="P19210" t="s">
        <v>86</v>
      </c>
      <c r="Q19210">
        <v>399</v>
      </c>
      <c r="R19210">
        <v>405</v>
      </c>
      <c r="S19210">
        <v>410</v>
      </c>
      <c r="T19210">
        <v>415</v>
      </c>
      <c r="U19210">
        <v>421</v>
      </c>
      <c r="V19210">
        <v>426</v>
      </c>
      <c r="W19210">
        <v>431</v>
      </c>
      <c r="X19210">
        <v>437</v>
      </c>
      <c r="Y19210">
        <v>442</v>
      </c>
      <c r="Z19210">
        <v>447</v>
      </c>
      <c r="AA19210">
        <v>453</v>
      </c>
      <c r="AB19210">
        <v>458</v>
      </c>
      <c r="AC19210">
        <v>463</v>
      </c>
      <c r="AD19210">
        <v>468</v>
      </c>
      <c r="AE19210">
        <v>473</v>
      </c>
      <c r="AF19210">
        <v>479</v>
      </c>
      <c r="AG19210">
        <v>484</v>
      </c>
      <c r="AH19210">
        <v>489</v>
      </c>
      <c r="AI19210">
        <v>494</v>
      </c>
      <c r="AJ19210">
        <v>499</v>
      </c>
      <c r="AK19210">
        <v>504</v>
      </c>
      <c r="AL19210">
        <v>506</v>
      </c>
      <c r="AM19210">
        <v>507</v>
      </c>
      <c r="AN19210">
        <v>507</v>
      </c>
      <c r="AO19210">
        <v>508</v>
      </c>
      <c r="AP19210">
        <v>508</v>
      </c>
      <c r="AQ19210">
        <v>509</v>
      </c>
    </row>
    <row r="19211" spans="1:43">
      <c r="A19211" t="s">
        <v>11902</v>
      </c>
      <c r="B19211" t="s">
        <v>11903</v>
      </c>
      <c r="C19211" t="s">
        <v>11868</v>
      </c>
      <c r="D19211" t="s">
        <v>11869</v>
      </c>
      <c r="E19211" t="s">
        <v>11610</v>
      </c>
      <c r="F19211" t="s">
        <v>11611</v>
      </c>
      <c r="G19211" t="s">
        <v>11612</v>
      </c>
      <c r="H19211" t="s">
        <v>11613</v>
      </c>
      <c r="I19211" s="2">
        <v>0</v>
      </c>
      <c r="J19211" s="2">
        <v>0</v>
      </c>
      <c r="K19211" s="2">
        <v>1</v>
      </c>
      <c r="L19211" t="s">
        <v>995</v>
      </c>
      <c r="M19211" t="s">
        <v>87</v>
      </c>
      <c r="N19211" t="s">
        <v>88</v>
      </c>
      <c r="O19211" t="s">
        <v>85</v>
      </c>
      <c r="P19211" t="s">
        <v>86</v>
      </c>
      <c r="Q19211">
        <v>399</v>
      </c>
      <c r="R19211">
        <v>401</v>
      </c>
      <c r="S19211">
        <v>403</v>
      </c>
      <c r="T19211">
        <v>404</v>
      </c>
      <c r="U19211">
        <v>406</v>
      </c>
      <c r="V19211">
        <v>408</v>
      </c>
      <c r="W19211">
        <v>409</v>
      </c>
      <c r="X19211">
        <v>411</v>
      </c>
      <c r="Y19211">
        <v>413</v>
      </c>
      <c r="Z19211">
        <v>414</v>
      </c>
      <c r="AA19211">
        <v>416</v>
      </c>
      <c r="AB19211">
        <v>418</v>
      </c>
      <c r="AC19211">
        <v>419</v>
      </c>
      <c r="AD19211">
        <v>421</v>
      </c>
      <c r="AE19211">
        <v>423</v>
      </c>
      <c r="AF19211">
        <v>424</v>
      </c>
      <c r="AG19211">
        <v>426</v>
      </c>
      <c r="AH19211">
        <v>428</v>
      </c>
      <c r="AI19211">
        <v>429</v>
      </c>
      <c r="AJ19211">
        <v>431</v>
      </c>
      <c r="AK19211">
        <v>432</v>
      </c>
      <c r="AL19211">
        <v>434</v>
      </c>
      <c r="AM19211">
        <v>436</v>
      </c>
      <c r="AN19211">
        <v>437</v>
      </c>
      <c r="AO19211">
        <v>439</v>
      </c>
      <c r="AP19211">
        <v>441</v>
      </c>
      <c r="AQ19211">
        <v>442</v>
      </c>
    </row>
    <row r="19212" spans="1:43">
      <c r="A19212" t="s">
        <v>11902</v>
      </c>
      <c r="B19212" t="s">
        <v>11903</v>
      </c>
      <c r="C19212" t="s">
        <v>11868</v>
      </c>
      <c r="D19212" t="s">
        <v>11869</v>
      </c>
      <c r="E19212" t="s">
        <v>11610</v>
      </c>
      <c r="F19212" t="s">
        <v>11611</v>
      </c>
      <c r="G19212" t="s">
        <v>11612</v>
      </c>
      <c r="H19212" t="s">
        <v>11613</v>
      </c>
      <c r="I19212" s="2">
        <v>0</v>
      </c>
      <c r="J19212" s="2">
        <v>0</v>
      </c>
      <c r="K19212" s="2">
        <v>1</v>
      </c>
      <c r="L19212" t="s">
        <v>995</v>
      </c>
      <c r="M19212" t="s">
        <v>89</v>
      </c>
      <c r="N19212" t="s">
        <v>90</v>
      </c>
      <c r="O19212" t="s">
        <v>85</v>
      </c>
      <c r="P19212" t="s">
        <v>86</v>
      </c>
      <c r="Q19212">
        <v>399</v>
      </c>
      <c r="R19212">
        <v>408</v>
      </c>
      <c r="S19212">
        <v>416</v>
      </c>
      <c r="T19212">
        <v>425</v>
      </c>
      <c r="U19212">
        <v>433</v>
      </c>
      <c r="V19212">
        <v>442</v>
      </c>
      <c r="W19212">
        <v>450</v>
      </c>
      <c r="X19212">
        <v>457</v>
      </c>
      <c r="Y19212">
        <v>465</v>
      </c>
      <c r="Z19212">
        <v>472</v>
      </c>
      <c r="AA19212">
        <v>479</v>
      </c>
      <c r="AB19212">
        <v>486</v>
      </c>
      <c r="AC19212">
        <v>493</v>
      </c>
      <c r="AD19212">
        <v>500</v>
      </c>
      <c r="AE19212">
        <v>505</v>
      </c>
      <c r="AF19212">
        <v>505</v>
      </c>
      <c r="AG19212">
        <v>506</v>
      </c>
      <c r="AH19212">
        <v>506</v>
      </c>
      <c r="AI19212">
        <v>507</v>
      </c>
      <c r="AJ19212">
        <v>508</v>
      </c>
      <c r="AK19212">
        <v>508</v>
      </c>
      <c r="AL19212">
        <v>508</v>
      </c>
      <c r="AM19212">
        <v>509</v>
      </c>
      <c r="AN19212">
        <v>509</v>
      </c>
      <c r="AO19212">
        <v>510</v>
      </c>
      <c r="AP19212">
        <v>510</v>
      </c>
      <c r="AQ19212">
        <v>510</v>
      </c>
    </row>
    <row r="19213" spans="1:43">
      <c r="A19213" t="s">
        <v>11902</v>
      </c>
      <c r="B19213" t="s">
        <v>11903</v>
      </c>
      <c r="C19213" t="s">
        <v>11868</v>
      </c>
      <c r="D19213" t="s">
        <v>11869</v>
      </c>
      <c r="E19213" t="s">
        <v>11610</v>
      </c>
      <c r="F19213" t="s">
        <v>11611</v>
      </c>
      <c r="G19213" t="s">
        <v>11612</v>
      </c>
      <c r="H19213" t="s">
        <v>11613</v>
      </c>
      <c r="I19213" s="2">
        <v>0</v>
      </c>
      <c r="J19213" s="2">
        <v>0</v>
      </c>
      <c r="K19213" s="2">
        <v>1</v>
      </c>
      <c r="L19213" t="s">
        <v>995</v>
      </c>
      <c r="M19213" t="s">
        <v>83</v>
      </c>
      <c r="N19213" t="s">
        <v>91</v>
      </c>
      <c r="O19213" t="s">
        <v>85</v>
      </c>
      <c r="P19213" t="s">
        <v>86</v>
      </c>
      <c r="Q19213">
        <v>399</v>
      </c>
      <c r="R19213">
        <v>405</v>
      </c>
      <c r="S19213">
        <v>410</v>
      </c>
      <c r="T19213">
        <v>415</v>
      </c>
      <c r="U19213">
        <v>421</v>
      </c>
      <c r="V19213">
        <v>426</v>
      </c>
      <c r="W19213">
        <v>431</v>
      </c>
      <c r="X19213">
        <v>437</v>
      </c>
      <c r="Y19213">
        <v>442</v>
      </c>
      <c r="Z19213">
        <v>447</v>
      </c>
      <c r="AA19213">
        <v>453</v>
      </c>
      <c r="AB19213">
        <v>458</v>
      </c>
      <c r="AC19213">
        <v>463</v>
      </c>
      <c r="AD19213">
        <v>468</v>
      </c>
      <c r="AE19213">
        <v>473</v>
      </c>
      <c r="AF19213">
        <v>479</v>
      </c>
      <c r="AG19213">
        <v>484</v>
      </c>
      <c r="AH19213">
        <v>489</v>
      </c>
      <c r="AI19213">
        <v>494</v>
      </c>
      <c r="AJ19213">
        <v>499</v>
      </c>
      <c r="AK19213">
        <v>504</v>
      </c>
      <c r="AL19213">
        <v>506</v>
      </c>
      <c r="AM19213">
        <v>507</v>
      </c>
      <c r="AN19213">
        <v>507</v>
      </c>
      <c r="AO19213">
        <v>508</v>
      </c>
      <c r="AP19213">
        <v>508</v>
      </c>
      <c r="AQ19213">
        <v>509</v>
      </c>
    </row>
    <row r="19214" spans="1:43">
      <c r="A19214" t="s">
        <v>11904</v>
      </c>
      <c r="B19214" t="s">
        <v>11905</v>
      </c>
      <c r="C19214" t="s">
        <v>11716</v>
      </c>
      <c r="D19214" t="s">
        <v>11717</v>
      </c>
      <c r="E19214" t="s">
        <v>11610</v>
      </c>
      <c r="F19214" t="s">
        <v>11611</v>
      </c>
      <c r="G19214" t="s">
        <v>11612</v>
      </c>
      <c r="H19214" t="s">
        <v>11613</v>
      </c>
      <c r="I19214" s="2">
        <v>0</v>
      </c>
      <c r="J19214" s="2">
        <v>0</v>
      </c>
      <c r="K19214" s="2">
        <v>1</v>
      </c>
      <c r="L19214" t="s">
        <v>995</v>
      </c>
      <c r="M19214" t="s">
        <v>83</v>
      </c>
      <c r="N19214" t="s">
        <v>84</v>
      </c>
      <c r="O19214" t="s">
        <v>85</v>
      </c>
      <c r="P19214" t="s">
        <v>86</v>
      </c>
      <c r="Q19214">
        <v>30</v>
      </c>
      <c r="R19214">
        <v>30</v>
      </c>
      <c r="S19214">
        <v>30</v>
      </c>
      <c r="T19214">
        <v>31</v>
      </c>
      <c r="U19214">
        <v>31</v>
      </c>
      <c r="V19214">
        <v>32</v>
      </c>
      <c r="W19214">
        <v>32</v>
      </c>
      <c r="X19214">
        <v>32</v>
      </c>
      <c r="Y19214">
        <v>33</v>
      </c>
      <c r="Z19214">
        <v>33</v>
      </c>
      <c r="AA19214">
        <v>34</v>
      </c>
      <c r="AB19214">
        <v>34</v>
      </c>
      <c r="AC19214">
        <v>34</v>
      </c>
      <c r="AD19214">
        <v>35</v>
      </c>
      <c r="AE19214">
        <v>35</v>
      </c>
      <c r="AF19214">
        <v>35</v>
      </c>
      <c r="AG19214">
        <v>36</v>
      </c>
      <c r="AH19214">
        <v>36</v>
      </c>
      <c r="AI19214">
        <v>36</v>
      </c>
      <c r="AJ19214">
        <v>37</v>
      </c>
      <c r="AK19214">
        <v>37</v>
      </c>
      <c r="AL19214">
        <v>37</v>
      </c>
      <c r="AM19214">
        <v>37</v>
      </c>
      <c r="AN19214">
        <v>37</v>
      </c>
      <c r="AO19214">
        <v>37</v>
      </c>
      <c r="AP19214">
        <v>37</v>
      </c>
      <c r="AQ19214">
        <v>38</v>
      </c>
    </row>
    <row r="19215" spans="1:43">
      <c r="A19215" t="s">
        <v>11904</v>
      </c>
      <c r="B19215" t="s">
        <v>11905</v>
      </c>
      <c r="C19215" t="s">
        <v>11716</v>
      </c>
      <c r="D19215" t="s">
        <v>11717</v>
      </c>
      <c r="E19215" t="s">
        <v>11610</v>
      </c>
      <c r="F19215" t="s">
        <v>11611</v>
      </c>
      <c r="G19215" t="s">
        <v>11612</v>
      </c>
      <c r="H19215" t="s">
        <v>11613</v>
      </c>
      <c r="I19215" s="2">
        <v>0</v>
      </c>
      <c r="J19215" s="2">
        <v>0</v>
      </c>
      <c r="K19215" s="2">
        <v>1</v>
      </c>
      <c r="L19215" t="s">
        <v>995</v>
      </c>
      <c r="M19215" t="s">
        <v>87</v>
      </c>
      <c r="N19215" t="s">
        <v>88</v>
      </c>
      <c r="O19215" t="s">
        <v>85</v>
      </c>
      <c r="P19215" t="s">
        <v>86</v>
      </c>
      <c r="Q19215">
        <v>30</v>
      </c>
      <c r="R19215">
        <v>30</v>
      </c>
      <c r="S19215">
        <v>31</v>
      </c>
      <c r="T19215">
        <v>31</v>
      </c>
      <c r="U19215">
        <v>31</v>
      </c>
      <c r="V19215">
        <v>31</v>
      </c>
      <c r="W19215">
        <v>31</v>
      </c>
      <c r="X19215">
        <v>31</v>
      </c>
      <c r="Y19215">
        <v>31</v>
      </c>
      <c r="Z19215">
        <v>31</v>
      </c>
      <c r="AA19215">
        <v>32</v>
      </c>
      <c r="AB19215">
        <v>32</v>
      </c>
      <c r="AC19215">
        <v>32</v>
      </c>
      <c r="AD19215">
        <v>32</v>
      </c>
      <c r="AE19215">
        <v>32</v>
      </c>
      <c r="AF19215">
        <v>32</v>
      </c>
      <c r="AG19215">
        <v>32</v>
      </c>
      <c r="AH19215">
        <v>32</v>
      </c>
      <c r="AI19215">
        <v>32</v>
      </c>
      <c r="AJ19215">
        <v>33</v>
      </c>
      <c r="AK19215">
        <v>33</v>
      </c>
      <c r="AL19215">
        <v>33</v>
      </c>
      <c r="AM19215">
        <v>33</v>
      </c>
      <c r="AN19215">
        <v>33</v>
      </c>
      <c r="AO19215">
        <v>33</v>
      </c>
      <c r="AP19215">
        <v>33</v>
      </c>
      <c r="AQ19215">
        <v>33</v>
      </c>
    </row>
    <row r="19216" spans="1:43">
      <c r="A19216" t="s">
        <v>11904</v>
      </c>
      <c r="B19216" t="s">
        <v>11905</v>
      </c>
      <c r="C19216" t="s">
        <v>11716</v>
      </c>
      <c r="D19216" t="s">
        <v>11717</v>
      </c>
      <c r="E19216" t="s">
        <v>11610</v>
      </c>
      <c r="F19216" t="s">
        <v>11611</v>
      </c>
      <c r="G19216" t="s">
        <v>11612</v>
      </c>
      <c r="H19216" t="s">
        <v>11613</v>
      </c>
      <c r="I19216" s="2">
        <v>0</v>
      </c>
      <c r="J19216" s="2">
        <v>0</v>
      </c>
      <c r="K19216" s="2">
        <v>1</v>
      </c>
      <c r="L19216" t="s">
        <v>995</v>
      </c>
      <c r="M19216" t="s">
        <v>89</v>
      </c>
      <c r="N19216" t="s">
        <v>90</v>
      </c>
      <c r="O19216" t="s">
        <v>85</v>
      </c>
      <c r="P19216" t="s">
        <v>86</v>
      </c>
      <c r="Q19216">
        <v>30</v>
      </c>
      <c r="R19216">
        <v>30</v>
      </c>
      <c r="S19216">
        <v>31</v>
      </c>
      <c r="T19216">
        <v>32</v>
      </c>
      <c r="U19216">
        <v>32</v>
      </c>
      <c r="V19216">
        <v>33</v>
      </c>
      <c r="W19216">
        <v>34</v>
      </c>
      <c r="X19216">
        <v>34</v>
      </c>
      <c r="Y19216">
        <v>35</v>
      </c>
      <c r="Z19216">
        <v>35</v>
      </c>
      <c r="AA19216">
        <v>36</v>
      </c>
      <c r="AB19216">
        <v>36</v>
      </c>
      <c r="AC19216">
        <v>37</v>
      </c>
      <c r="AD19216">
        <v>37</v>
      </c>
      <c r="AE19216">
        <v>38</v>
      </c>
      <c r="AF19216">
        <v>38</v>
      </c>
      <c r="AG19216">
        <v>38</v>
      </c>
      <c r="AH19216">
        <v>38</v>
      </c>
      <c r="AI19216">
        <v>38</v>
      </c>
      <c r="AJ19216">
        <v>38</v>
      </c>
      <c r="AK19216">
        <v>38</v>
      </c>
      <c r="AL19216">
        <v>38</v>
      </c>
      <c r="AM19216">
        <v>38</v>
      </c>
      <c r="AN19216">
        <v>38</v>
      </c>
      <c r="AO19216">
        <v>38</v>
      </c>
      <c r="AP19216">
        <v>38</v>
      </c>
      <c r="AQ19216">
        <v>38</v>
      </c>
    </row>
    <row r="19217" spans="1:43">
      <c r="A19217" t="s">
        <v>11904</v>
      </c>
      <c r="B19217" t="s">
        <v>11905</v>
      </c>
      <c r="C19217" t="s">
        <v>11716</v>
      </c>
      <c r="D19217" t="s">
        <v>11717</v>
      </c>
      <c r="E19217" t="s">
        <v>11610</v>
      </c>
      <c r="F19217" t="s">
        <v>11611</v>
      </c>
      <c r="G19217" t="s">
        <v>11612</v>
      </c>
      <c r="H19217" t="s">
        <v>11613</v>
      </c>
      <c r="I19217" s="2">
        <v>0</v>
      </c>
      <c r="J19217" s="2">
        <v>0</v>
      </c>
      <c r="K19217" s="2">
        <v>1</v>
      </c>
      <c r="L19217" t="s">
        <v>995</v>
      </c>
      <c r="M19217" t="s">
        <v>83</v>
      </c>
      <c r="N19217" t="s">
        <v>91</v>
      </c>
      <c r="O19217" t="s">
        <v>85</v>
      </c>
      <c r="P19217" t="s">
        <v>86</v>
      </c>
      <c r="Q19217">
        <v>30</v>
      </c>
      <c r="R19217">
        <v>30</v>
      </c>
      <c r="S19217">
        <v>30</v>
      </c>
      <c r="T19217">
        <v>31</v>
      </c>
      <c r="U19217">
        <v>31</v>
      </c>
      <c r="V19217">
        <v>32</v>
      </c>
      <c r="W19217">
        <v>32</v>
      </c>
      <c r="X19217">
        <v>32</v>
      </c>
      <c r="Y19217">
        <v>33</v>
      </c>
      <c r="Z19217">
        <v>33</v>
      </c>
      <c r="AA19217">
        <v>34</v>
      </c>
      <c r="AB19217">
        <v>34</v>
      </c>
      <c r="AC19217">
        <v>34</v>
      </c>
      <c r="AD19217">
        <v>35</v>
      </c>
      <c r="AE19217">
        <v>35</v>
      </c>
      <c r="AF19217">
        <v>35</v>
      </c>
      <c r="AG19217">
        <v>36</v>
      </c>
      <c r="AH19217">
        <v>36</v>
      </c>
      <c r="AI19217">
        <v>36</v>
      </c>
      <c r="AJ19217">
        <v>37</v>
      </c>
      <c r="AK19217">
        <v>37</v>
      </c>
      <c r="AL19217">
        <v>37</v>
      </c>
      <c r="AM19217">
        <v>37</v>
      </c>
      <c r="AN19217">
        <v>37</v>
      </c>
      <c r="AO19217">
        <v>37</v>
      </c>
      <c r="AP19217">
        <v>37</v>
      </c>
      <c r="AQ19217">
        <v>38</v>
      </c>
    </row>
    <row r="19218" spans="1:43">
      <c r="A19218" t="s">
        <v>11906</v>
      </c>
      <c r="B19218" t="s">
        <v>11907</v>
      </c>
      <c r="C19218" t="s">
        <v>11716</v>
      </c>
      <c r="D19218" t="s">
        <v>11717</v>
      </c>
      <c r="E19218" t="s">
        <v>11610</v>
      </c>
      <c r="F19218" t="s">
        <v>11611</v>
      </c>
      <c r="G19218" t="s">
        <v>11612</v>
      </c>
      <c r="H19218" t="s">
        <v>11613</v>
      </c>
      <c r="I19218" s="2">
        <v>0</v>
      </c>
      <c r="J19218" s="2">
        <v>0</v>
      </c>
      <c r="K19218" s="2">
        <v>1</v>
      </c>
      <c r="L19218" t="s">
        <v>995</v>
      </c>
      <c r="M19218" t="s">
        <v>83</v>
      </c>
      <c r="N19218" t="s">
        <v>84</v>
      </c>
      <c r="O19218" t="s">
        <v>85</v>
      </c>
      <c r="P19218" t="s">
        <v>86</v>
      </c>
      <c r="Q19218">
        <v>18</v>
      </c>
      <c r="R19218">
        <v>18</v>
      </c>
      <c r="S19218">
        <v>19</v>
      </c>
      <c r="T19218">
        <v>19</v>
      </c>
      <c r="U19218">
        <v>19</v>
      </c>
      <c r="V19218">
        <v>19</v>
      </c>
      <c r="W19218">
        <v>20</v>
      </c>
      <c r="X19218">
        <v>20</v>
      </c>
      <c r="Y19218">
        <v>20</v>
      </c>
      <c r="Z19218">
        <v>20</v>
      </c>
      <c r="AA19218">
        <v>21</v>
      </c>
      <c r="AB19218">
        <v>21</v>
      </c>
      <c r="AC19218">
        <v>21</v>
      </c>
      <c r="AD19218">
        <v>21</v>
      </c>
      <c r="AE19218">
        <v>22</v>
      </c>
      <c r="AF19218">
        <v>22</v>
      </c>
      <c r="AG19218">
        <v>22</v>
      </c>
      <c r="AH19218">
        <v>22</v>
      </c>
      <c r="AI19218">
        <v>22</v>
      </c>
      <c r="AJ19218">
        <v>23</v>
      </c>
      <c r="AK19218">
        <v>23</v>
      </c>
      <c r="AL19218">
        <v>23</v>
      </c>
      <c r="AM19218">
        <v>23</v>
      </c>
      <c r="AN19218">
        <v>23</v>
      </c>
      <c r="AO19218">
        <v>23</v>
      </c>
      <c r="AP19218">
        <v>23</v>
      </c>
      <c r="AQ19218">
        <v>23</v>
      </c>
    </row>
    <row r="19219" spans="1:43">
      <c r="A19219" t="s">
        <v>11906</v>
      </c>
      <c r="B19219" t="s">
        <v>11907</v>
      </c>
      <c r="C19219" t="s">
        <v>11716</v>
      </c>
      <c r="D19219" t="s">
        <v>11717</v>
      </c>
      <c r="E19219" t="s">
        <v>11610</v>
      </c>
      <c r="F19219" t="s">
        <v>11611</v>
      </c>
      <c r="G19219" t="s">
        <v>11612</v>
      </c>
      <c r="H19219" t="s">
        <v>11613</v>
      </c>
      <c r="I19219" s="2">
        <v>0</v>
      </c>
      <c r="J19219" s="2">
        <v>0</v>
      </c>
      <c r="K19219" s="2">
        <v>1</v>
      </c>
      <c r="L19219" t="s">
        <v>995</v>
      </c>
      <c r="M19219" t="s">
        <v>87</v>
      </c>
      <c r="N19219" t="s">
        <v>88</v>
      </c>
      <c r="O19219" t="s">
        <v>85</v>
      </c>
      <c r="P19219" t="s">
        <v>86</v>
      </c>
      <c r="Q19219">
        <v>18</v>
      </c>
      <c r="R19219">
        <v>18</v>
      </c>
      <c r="S19219">
        <v>18</v>
      </c>
      <c r="T19219">
        <v>18</v>
      </c>
      <c r="U19219">
        <v>18</v>
      </c>
      <c r="V19219">
        <v>18</v>
      </c>
      <c r="W19219">
        <v>19</v>
      </c>
      <c r="X19219">
        <v>19</v>
      </c>
      <c r="Y19219">
        <v>19</v>
      </c>
      <c r="Z19219">
        <v>19</v>
      </c>
      <c r="AA19219">
        <v>19</v>
      </c>
      <c r="AB19219">
        <v>19</v>
      </c>
      <c r="AC19219">
        <v>19</v>
      </c>
      <c r="AD19219">
        <v>19</v>
      </c>
      <c r="AE19219">
        <v>19</v>
      </c>
      <c r="AF19219">
        <v>19</v>
      </c>
      <c r="AG19219">
        <v>19</v>
      </c>
      <c r="AH19219">
        <v>19</v>
      </c>
      <c r="AI19219">
        <v>19</v>
      </c>
      <c r="AJ19219">
        <v>19</v>
      </c>
      <c r="AK19219">
        <v>20</v>
      </c>
      <c r="AL19219">
        <v>20</v>
      </c>
      <c r="AM19219">
        <v>20</v>
      </c>
      <c r="AN19219">
        <v>20</v>
      </c>
      <c r="AO19219">
        <v>20</v>
      </c>
      <c r="AP19219">
        <v>20</v>
      </c>
      <c r="AQ19219">
        <v>20</v>
      </c>
    </row>
    <row r="19220" spans="1:43">
      <c r="A19220" t="s">
        <v>11906</v>
      </c>
      <c r="B19220" t="s">
        <v>11907</v>
      </c>
      <c r="C19220" t="s">
        <v>11716</v>
      </c>
      <c r="D19220" t="s">
        <v>11717</v>
      </c>
      <c r="E19220" t="s">
        <v>11610</v>
      </c>
      <c r="F19220" t="s">
        <v>11611</v>
      </c>
      <c r="G19220" t="s">
        <v>11612</v>
      </c>
      <c r="H19220" t="s">
        <v>11613</v>
      </c>
      <c r="I19220" s="2">
        <v>0</v>
      </c>
      <c r="J19220" s="2">
        <v>0</v>
      </c>
      <c r="K19220" s="2">
        <v>1</v>
      </c>
      <c r="L19220" t="s">
        <v>995</v>
      </c>
      <c r="M19220" t="s">
        <v>89</v>
      </c>
      <c r="N19220" t="s">
        <v>90</v>
      </c>
      <c r="O19220" t="s">
        <v>85</v>
      </c>
      <c r="P19220" t="s">
        <v>86</v>
      </c>
      <c r="Q19220">
        <v>18</v>
      </c>
      <c r="R19220">
        <v>19</v>
      </c>
      <c r="S19220">
        <v>19</v>
      </c>
      <c r="T19220">
        <v>20</v>
      </c>
      <c r="U19220">
        <v>20</v>
      </c>
      <c r="V19220">
        <v>20</v>
      </c>
      <c r="W19220">
        <v>21</v>
      </c>
      <c r="X19220">
        <v>21</v>
      </c>
      <c r="Y19220">
        <v>21</v>
      </c>
      <c r="Z19220">
        <v>22</v>
      </c>
      <c r="AA19220">
        <v>22</v>
      </c>
      <c r="AB19220">
        <v>22</v>
      </c>
      <c r="AC19220">
        <v>23</v>
      </c>
      <c r="AD19220">
        <v>23</v>
      </c>
      <c r="AE19220">
        <v>23</v>
      </c>
      <c r="AF19220">
        <v>23</v>
      </c>
      <c r="AG19220">
        <v>23</v>
      </c>
      <c r="AH19220">
        <v>23</v>
      </c>
      <c r="AI19220">
        <v>23</v>
      </c>
      <c r="AJ19220">
        <v>23</v>
      </c>
      <c r="AK19220">
        <v>23</v>
      </c>
      <c r="AL19220">
        <v>23</v>
      </c>
      <c r="AM19220">
        <v>23</v>
      </c>
      <c r="AN19220">
        <v>23</v>
      </c>
      <c r="AO19220">
        <v>23</v>
      </c>
      <c r="AP19220">
        <v>23</v>
      </c>
      <c r="AQ19220">
        <v>23</v>
      </c>
    </row>
    <row r="19221" spans="1:43">
      <c r="A19221" t="s">
        <v>11906</v>
      </c>
      <c r="B19221" t="s">
        <v>11907</v>
      </c>
      <c r="C19221" t="s">
        <v>11716</v>
      </c>
      <c r="D19221" t="s">
        <v>11717</v>
      </c>
      <c r="E19221" t="s">
        <v>11610</v>
      </c>
      <c r="F19221" t="s">
        <v>11611</v>
      </c>
      <c r="G19221" t="s">
        <v>11612</v>
      </c>
      <c r="H19221" t="s">
        <v>11613</v>
      </c>
      <c r="I19221" s="2">
        <v>0</v>
      </c>
      <c r="J19221" s="2">
        <v>0</v>
      </c>
      <c r="K19221" s="2">
        <v>1</v>
      </c>
      <c r="L19221" t="s">
        <v>995</v>
      </c>
      <c r="M19221" t="s">
        <v>83</v>
      </c>
      <c r="N19221" t="s">
        <v>91</v>
      </c>
      <c r="O19221" t="s">
        <v>85</v>
      </c>
      <c r="P19221" t="s">
        <v>86</v>
      </c>
      <c r="Q19221">
        <v>18</v>
      </c>
      <c r="R19221">
        <v>18</v>
      </c>
      <c r="S19221">
        <v>19</v>
      </c>
      <c r="T19221">
        <v>19</v>
      </c>
      <c r="U19221">
        <v>19</v>
      </c>
      <c r="V19221">
        <v>19</v>
      </c>
      <c r="W19221">
        <v>20</v>
      </c>
      <c r="X19221">
        <v>20</v>
      </c>
      <c r="Y19221">
        <v>20</v>
      </c>
      <c r="Z19221">
        <v>20</v>
      </c>
      <c r="AA19221">
        <v>21</v>
      </c>
      <c r="AB19221">
        <v>21</v>
      </c>
      <c r="AC19221">
        <v>21</v>
      </c>
      <c r="AD19221">
        <v>21</v>
      </c>
      <c r="AE19221">
        <v>22</v>
      </c>
      <c r="AF19221">
        <v>22</v>
      </c>
      <c r="AG19221">
        <v>22</v>
      </c>
      <c r="AH19221">
        <v>22</v>
      </c>
      <c r="AI19221">
        <v>22</v>
      </c>
      <c r="AJ19221">
        <v>23</v>
      </c>
      <c r="AK19221">
        <v>23</v>
      </c>
      <c r="AL19221">
        <v>23</v>
      </c>
      <c r="AM19221">
        <v>23</v>
      </c>
      <c r="AN19221">
        <v>23</v>
      </c>
      <c r="AO19221">
        <v>23</v>
      </c>
      <c r="AP19221">
        <v>23</v>
      </c>
      <c r="AQ19221">
        <v>23</v>
      </c>
    </row>
    <row r="19222" spans="1:43">
      <c r="A19222" t="s">
        <v>11908</v>
      </c>
      <c r="B19222" t="s">
        <v>11909</v>
      </c>
      <c r="C19222" t="s">
        <v>11716</v>
      </c>
      <c r="D19222" t="s">
        <v>11717</v>
      </c>
      <c r="E19222" t="s">
        <v>11610</v>
      </c>
      <c r="F19222" t="s">
        <v>11611</v>
      </c>
      <c r="G19222" t="s">
        <v>11612</v>
      </c>
      <c r="H19222" t="s">
        <v>11613</v>
      </c>
      <c r="I19222" s="2">
        <v>0</v>
      </c>
      <c r="J19222" s="2">
        <v>0</v>
      </c>
      <c r="K19222" s="2">
        <v>1</v>
      </c>
      <c r="L19222" t="s">
        <v>995</v>
      </c>
      <c r="M19222" t="s">
        <v>83</v>
      </c>
      <c r="N19222" t="s">
        <v>84</v>
      </c>
      <c r="O19222" t="s">
        <v>85</v>
      </c>
      <c r="P19222" t="s">
        <v>86</v>
      </c>
      <c r="Q19222">
        <v>111</v>
      </c>
      <c r="R19222">
        <v>112</v>
      </c>
      <c r="S19222">
        <v>114</v>
      </c>
      <c r="T19222">
        <v>115</v>
      </c>
      <c r="U19222">
        <v>116</v>
      </c>
      <c r="V19222">
        <v>118</v>
      </c>
      <c r="W19222">
        <v>119</v>
      </c>
      <c r="X19222">
        <v>121</v>
      </c>
      <c r="Y19222">
        <v>122</v>
      </c>
      <c r="Z19222">
        <v>124</v>
      </c>
      <c r="AA19222">
        <v>125</v>
      </c>
      <c r="AB19222">
        <v>127</v>
      </c>
      <c r="AC19222">
        <v>128</v>
      </c>
      <c r="AD19222">
        <v>130</v>
      </c>
      <c r="AE19222">
        <v>131</v>
      </c>
      <c r="AF19222">
        <v>133</v>
      </c>
      <c r="AG19222">
        <v>134</v>
      </c>
      <c r="AH19222">
        <v>135</v>
      </c>
      <c r="AI19222">
        <v>137</v>
      </c>
      <c r="AJ19222">
        <v>138</v>
      </c>
      <c r="AK19222">
        <v>140</v>
      </c>
      <c r="AL19222">
        <v>140</v>
      </c>
      <c r="AM19222">
        <v>140</v>
      </c>
      <c r="AN19222">
        <v>141</v>
      </c>
      <c r="AO19222">
        <v>141</v>
      </c>
      <c r="AP19222">
        <v>141</v>
      </c>
      <c r="AQ19222">
        <v>141</v>
      </c>
    </row>
    <row r="19223" spans="1:43">
      <c r="A19223" t="s">
        <v>11908</v>
      </c>
      <c r="B19223" t="s">
        <v>11909</v>
      </c>
      <c r="C19223" t="s">
        <v>11716</v>
      </c>
      <c r="D19223" t="s">
        <v>11717</v>
      </c>
      <c r="E19223" t="s">
        <v>11610</v>
      </c>
      <c r="F19223" t="s">
        <v>11611</v>
      </c>
      <c r="G19223" t="s">
        <v>11612</v>
      </c>
      <c r="H19223" t="s">
        <v>11613</v>
      </c>
      <c r="I19223" s="2">
        <v>0</v>
      </c>
      <c r="J19223" s="2">
        <v>0</v>
      </c>
      <c r="K19223" s="2">
        <v>1</v>
      </c>
      <c r="L19223" t="s">
        <v>995</v>
      </c>
      <c r="M19223" t="s">
        <v>87</v>
      </c>
      <c r="N19223" t="s">
        <v>88</v>
      </c>
      <c r="O19223" t="s">
        <v>85</v>
      </c>
      <c r="P19223" t="s">
        <v>86</v>
      </c>
      <c r="Q19223">
        <v>111</v>
      </c>
      <c r="R19223">
        <v>111</v>
      </c>
      <c r="S19223">
        <v>111</v>
      </c>
      <c r="T19223">
        <v>112</v>
      </c>
      <c r="U19223">
        <v>112</v>
      </c>
      <c r="V19223">
        <v>113</v>
      </c>
      <c r="W19223">
        <v>113</v>
      </c>
      <c r="X19223">
        <v>114</v>
      </c>
      <c r="Y19223">
        <v>114</v>
      </c>
      <c r="Z19223">
        <v>115</v>
      </c>
      <c r="AA19223">
        <v>115</v>
      </c>
      <c r="AB19223">
        <v>116</v>
      </c>
      <c r="AC19223">
        <v>116</v>
      </c>
      <c r="AD19223">
        <v>117</v>
      </c>
      <c r="AE19223">
        <v>117</v>
      </c>
      <c r="AF19223">
        <v>117</v>
      </c>
      <c r="AG19223">
        <v>118</v>
      </c>
      <c r="AH19223">
        <v>118</v>
      </c>
      <c r="AI19223">
        <v>119</v>
      </c>
      <c r="AJ19223">
        <v>119</v>
      </c>
      <c r="AK19223">
        <v>120</v>
      </c>
      <c r="AL19223">
        <v>120</v>
      </c>
      <c r="AM19223">
        <v>121</v>
      </c>
      <c r="AN19223">
        <v>121</v>
      </c>
      <c r="AO19223">
        <v>122</v>
      </c>
      <c r="AP19223">
        <v>122</v>
      </c>
      <c r="AQ19223">
        <v>122</v>
      </c>
    </row>
    <row r="19224" spans="1:43">
      <c r="A19224" t="s">
        <v>11908</v>
      </c>
      <c r="B19224" t="s">
        <v>11909</v>
      </c>
      <c r="C19224" t="s">
        <v>11716</v>
      </c>
      <c r="D19224" t="s">
        <v>11717</v>
      </c>
      <c r="E19224" t="s">
        <v>11610</v>
      </c>
      <c r="F19224" t="s">
        <v>11611</v>
      </c>
      <c r="G19224" t="s">
        <v>11612</v>
      </c>
      <c r="H19224" t="s">
        <v>11613</v>
      </c>
      <c r="I19224" s="2">
        <v>0</v>
      </c>
      <c r="J19224" s="2">
        <v>0</v>
      </c>
      <c r="K19224" s="2">
        <v>1</v>
      </c>
      <c r="L19224" t="s">
        <v>995</v>
      </c>
      <c r="M19224" t="s">
        <v>89</v>
      </c>
      <c r="N19224" t="s">
        <v>90</v>
      </c>
      <c r="O19224" t="s">
        <v>85</v>
      </c>
      <c r="P19224" t="s">
        <v>86</v>
      </c>
      <c r="Q19224">
        <v>111</v>
      </c>
      <c r="R19224">
        <v>113</v>
      </c>
      <c r="S19224">
        <v>115</v>
      </c>
      <c r="T19224">
        <v>118</v>
      </c>
      <c r="U19224">
        <v>120</v>
      </c>
      <c r="V19224">
        <v>122</v>
      </c>
      <c r="W19224">
        <v>125</v>
      </c>
      <c r="X19224">
        <v>127</v>
      </c>
      <c r="Y19224">
        <v>129</v>
      </c>
      <c r="Z19224">
        <v>131</v>
      </c>
      <c r="AA19224">
        <v>133</v>
      </c>
      <c r="AB19224">
        <v>135</v>
      </c>
      <c r="AC19224">
        <v>137</v>
      </c>
      <c r="AD19224">
        <v>139</v>
      </c>
      <c r="AE19224">
        <v>140</v>
      </c>
      <c r="AF19224">
        <v>140</v>
      </c>
      <c r="AG19224">
        <v>140</v>
      </c>
      <c r="AH19224">
        <v>140</v>
      </c>
      <c r="AI19224">
        <v>141</v>
      </c>
      <c r="AJ19224">
        <v>141</v>
      </c>
      <c r="AK19224">
        <v>141</v>
      </c>
      <c r="AL19224">
        <v>141</v>
      </c>
      <c r="AM19224">
        <v>141</v>
      </c>
      <c r="AN19224">
        <v>141</v>
      </c>
      <c r="AO19224">
        <v>141</v>
      </c>
      <c r="AP19224">
        <v>142</v>
      </c>
      <c r="AQ19224">
        <v>142</v>
      </c>
    </row>
    <row r="19225" spans="1:43">
      <c r="A19225" t="s">
        <v>11908</v>
      </c>
      <c r="B19225" t="s">
        <v>11909</v>
      </c>
      <c r="C19225" t="s">
        <v>11716</v>
      </c>
      <c r="D19225" t="s">
        <v>11717</v>
      </c>
      <c r="E19225" t="s">
        <v>11610</v>
      </c>
      <c r="F19225" t="s">
        <v>11611</v>
      </c>
      <c r="G19225" t="s">
        <v>11612</v>
      </c>
      <c r="H19225" t="s">
        <v>11613</v>
      </c>
      <c r="I19225" s="2">
        <v>0</v>
      </c>
      <c r="J19225" s="2">
        <v>0</v>
      </c>
      <c r="K19225" s="2">
        <v>1</v>
      </c>
      <c r="L19225" t="s">
        <v>995</v>
      </c>
      <c r="M19225" t="s">
        <v>83</v>
      </c>
      <c r="N19225" t="s">
        <v>91</v>
      </c>
      <c r="O19225" t="s">
        <v>85</v>
      </c>
      <c r="P19225" t="s">
        <v>86</v>
      </c>
      <c r="Q19225">
        <v>111</v>
      </c>
      <c r="R19225">
        <v>112</v>
      </c>
      <c r="S19225">
        <v>114</v>
      </c>
      <c r="T19225">
        <v>115</v>
      </c>
      <c r="U19225">
        <v>116</v>
      </c>
      <c r="V19225">
        <v>118</v>
      </c>
      <c r="W19225">
        <v>119</v>
      </c>
      <c r="X19225">
        <v>121</v>
      </c>
      <c r="Y19225">
        <v>122</v>
      </c>
      <c r="Z19225">
        <v>124</v>
      </c>
      <c r="AA19225">
        <v>125</v>
      </c>
      <c r="AB19225">
        <v>127</v>
      </c>
      <c r="AC19225">
        <v>128</v>
      </c>
      <c r="AD19225">
        <v>130</v>
      </c>
      <c r="AE19225">
        <v>131</v>
      </c>
      <c r="AF19225">
        <v>133</v>
      </c>
      <c r="AG19225">
        <v>134</v>
      </c>
      <c r="AH19225">
        <v>135</v>
      </c>
      <c r="AI19225">
        <v>137</v>
      </c>
      <c r="AJ19225">
        <v>138</v>
      </c>
      <c r="AK19225">
        <v>140</v>
      </c>
      <c r="AL19225">
        <v>140</v>
      </c>
      <c r="AM19225">
        <v>140</v>
      </c>
      <c r="AN19225">
        <v>141</v>
      </c>
      <c r="AO19225">
        <v>141</v>
      </c>
      <c r="AP19225">
        <v>141</v>
      </c>
      <c r="AQ19225">
        <v>141</v>
      </c>
    </row>
    <row r="19226" spans="1:43">
      <c r="A19226" t="s">
        <v>11910</v>
      </c>
      <c r="B19226" t="s">
        <v>11911</v>
      </c>
      <c r="C19226" t="s">
        <v>11792</v>
      </c>
      <c r="D19226" t="s">
        <v>11793</v>
      </c>
      <c r="E19226" t="s">
        <v>11610</v>
      </c>
      <c r="F19226" t="s">
        <v>11611</v>
      </c>
      <c r="G19226" t="s">
        <v>11612</v>
      </c>
      <c r="H19226" t="s">
        <v>11613</v>
      </c>
      <c r="I19226" s="2">
        <v>0</v>
      </c>
      <c r="J19226" s="2">
        <v>0</v>
      </c>
      <c r="K19226" s="2">
        <v>1</v>
      </c>
      <c r="L19226" t="s">
        <v>995</v>
      </c>
      <c r="M19226" t="s">
        <v>83</v>
      </c>
      <c r="N19226" t="s">
        <v>84</v>
      </c>
      <c r="O19226" t="s">
        <v>85</v>
      </c>
      <c r="P19226" t="s">
        <v>86</v>
      </c>
      <c r="Q19226">
        <v>19</v>
      </c>
      <c r="R19226">
        <v>20</v>
      </c>
      <c r="S19226">
        <v>20</v>
      </c>
      <c r="T19226">
        <v>20</v>
      </c>
      <c r="U19226">
        <v>20</v>
      </c>
      <c r="V19226">
        <v>21</v>
      </c>
      <c r="W19226">
        <v>21</v>
      </c>
      <c r="X19226">
        <v>21</v>
      </c>
      <c r="Y19226">
        <v>22</v>
      </c>
      <c r="Z19226">
        <v>22</v>
      </c>
      <c r="AA19226">
        <v>22</v>
      </c>
      <c r="AB19226">
        <v>22</v>
      </c>
      <c r="AC19226">
        <v>23</v>
      </c>
      <c r="AD19226">
        <v>23</v>
      </c>
      <c r="AE19226">
        <v>23</v>
      </c>
      <c r="AF19226">
        <v>23</v>
      </c>
      <c r="AG19226">
        <v>24</v>
      </c>
      <c r="AH19226">
        <v>24</v>
      </c>
      <c r="AI19226">
        <v>24</v>
      </c>
      <c r="AJ19226">
        <v>24</v>
      </c>
      <c r="AK19226">
        <v>24</v>
      </c>
      <c r="AL19226">
        <v>25</v>
      </c>
      <c r="AM19226">
        <v>25</v>
      </c>
      <c r="AN19226">
        <v>25</v>
      </c>
      <c r="AO19226">
        <v>25</v>
      </c>
      <c r="AP19226">
        <v>25</v>
      </c>
      <c r="AQ19226">
        <v>25</v>
      </c>
    </row>
    <row r="19227" spans="1:43">
      <c r="A19227" t="s">
        <v>11910</v>
      </c>
      <c r="B19227" t="s">
        <v>11911</v>
      </c>
      <c r="C19227" t="s">
        <v>11792</v>
      </c>
      <c r="D19227" t="s">
        <v>11793</v>
      </c>
      <c r="E19227" t="s">
        <v>11610</v>
      </c>
      <c r="F19227" t="s">
        <v>11611</v>
      </c>
      <c r="G19227" t="s">
        <v>11612</v>
      </c>
      <c r="H19227" t="s">
        <v>11613</v>
      </c>
      <c r="I19227" s="2">
        <v>0</v>
      </c>
      <c r="J19227" s="2">
        <v>0</v>
      </c>
      <c r="K19227" s="2">
        <v>1</v>
      </c>
      <c r="L19227" t="s">
        <v>995</v>
      </c>
      <c r="M19227" t="s">
        <v>87</v>
      </c>
      <c r="N19227" t="s">
        <v>88</v>
      </c>
      <c r="O19227" t="s">
        <v>85</v>
      </c>
      <c r="P19227" t="s">
        <v>86</v>
      </c>
      <c r="Q19227">
        <v>19</v>
      </c>
      <c r="R19227">
        <v>19</v>
      </c>
      <c r="S19227">
        <v>19</v>
      </c>
      <c r="T19227">
        <v>19</v>
      </c>
      <c r="U19227">
        <v>20</v>
      </c>
      <c r="V19227">
        <v>20</v>
      </c>
      <c r="W19227">
        <v>20</v>
      </c>
      <c r="X19227">
        <v>20</v>
      </c>
      <c r="Y19227">
        <v>20</v>
      </c>
      <c r="Z19227">
        <v>20</v>
      </c>
      <c r="AA19227">
        <v>20</v>
      </c>
      <c r="AB19227">
        <v>20</v>
      </c>
      <c r="AC19227">
        <v>20</v>
      </c>
      <c r="AD19227">
        <v>20</v>
      </c>
      <c r="AE19227">
        <v>20</v>
      </c>
      <c r="AF19227">
        <v>20</v>
      </c>
      <c r="AG19227">
        <v>21</v>
      </c>
      <c r="AH19227">
        <v>21</v>
      </c>
      <c r="AI19227">
        <v>21</v>
      </c>
      <c r="AJ19227">
        <v>21</v>
      </c>
      <c r="AK19227">
        <v>21</v>
      </c>
      <c r="AL19227">
        <v>21</v>
      </c>
      <c r="AM19227">
        <v>21</v>
      </c>
      <c r="AN19227">
        <v>21</v>
      </c>
      <c r="AO19227">
        <v>21</v>
      </c>
      <c r="AP19227">
        <v>21</v>
      </c>
      <c r="AQ19227">
        <v>21</v>
      </c>
    </row>
    <row r="19228" spans="1:43">
      <c r="A19228" t="s">
        <v>11910</v>
      </c>
      <c r="B19228" t="s">
        <v>11911</v>
      </c>
      <c r="C19228" t="s">
        <v>11792</v>
      </c>
      <c r="D19228" t="s">
        <v>11793</v>
      </c>
      <c r="E19228" t="s">
        <v>11610</v>
      </c>
      <c r="F19228" t="s">
        <v>11611</v>
      </c>
      <c r="G19228" t="s">
        <v>11612</v>
      </c>
      <c r="H19228" t="s">
        <v>11613</v>
      </c>
      <c r="I19228" s="2">
        <v>0</v>
      </c>
      <c r="J19228" s="2">
        <v>0</v>
      </c>
      <c r="K19228" s="2">
        <v>1</v>
      </c>
      <c r="L19228" t="s">
        <v>995</v>
      </c>
      <c r="M19228" t="s">
        <v>89</v>
      </c>
      <c r="N19228" t="s">
        <v>90</v>
      </c>
      <c r="O19228" t="s">
        <v>85</v>
      </c>
      <c r="P19228" t="s">
        <v>86</v>
      </c>
      <c r="Q19228">
        <v>19</v>
      </c>
      <c r="R19228">
        <v>19</v>
      </c>
      <c r="S19228">
        <v>19</v>
      </c>
      <c r="T19228">
        <v>20</v>
      </c>
      <c r="U19228">
        <v>20</v>
      </c>
      <c r="V19228">
        <v>21</v>
      </c>
      <c r="W19228">
        <v>21</v>
      </c>
      <c r="X19228">
        <v>21</v>
      </c>
      <c r="Y19228">
        <v>22</v>
      </c>
      <c r="Z19228">
        <v>22</v>
      </c>
      <c r="AA19228">
        <v>22</v>
      </c>
      <c r="AB19228">
        <v>23</v>
      </c>
      <c r="AC19228">
        <v>23</v>
      </c>
      <c r="AD19228">
        <v>23</v>
      </c>
      <c r="AE19228">
        <v>24</v>
      </c>
      <c r="AF19228">
        <v>24</v>
      </c>
      <c r="AG19228">
        <v>24</v>
      </c>
      <c r="AH19228">
        <v>24</v>
      </c>
      <c r="AI19228">
        <v>24</v>
      </c>
      <c r="AJ19228">
        <v>24</v>
      </c>
      <c r="AK19228">
        <v>24</v>
      </c>
      <c r="AL19228">
        <v>24</v>
      </c>
      <c r="AM19228">
        <v>24</v>
      </c>
      <c r="AN19228">
        <v>24</v>
      </c>
      <c r="AO19228">
        <v>24</v>
      </c>
      <c r="AP19228">
        <v>24</v>
      </c>
      <c r="AQ19228">
        <v>24</v>
      </c>
    </row>
    <row r="19229" spans="1:43">
      <c r="A19229" t="s">
        <v>11910</v>
      </c>
      <c r="B19229" t="s">
        <v>11911</v>
      </c>
      <c r="C19229" t="s">
        <v>11792</v>
      </c>
      <c r="D19229" t="s">
        <v>11793</v>
      </c>
      <c r="E19229" t="s">
        <v>11610</v>
      </c>
      <c r="F19229" t="s">
        <v>11611</v>
      </c>
      <c r="G19229" t="s">
        <v>11612</v>
      </c>
      <c r="H19229" t="s">
        <v>11613</v>
      </c>
      <c r="I19229" s="2">
        <v>0</v>
      </c>
      <c r="J19229" s="2">
        <v>0</v>
      </c>
      <c r="K19229" s="2">
        <v>1</v>
      </c>
      <c r="L19229" t="s">
        <v>995</v>
      </c>
      <c r="M19229" t="s">
        <v>83</v>
      </c>
      <c r="N19229" t="s">
        <v>91</v>
      </c>
      <c r="O19229" t="s">
        <v>85</v>
      </c>
      <c r="P19229" t="s">
        <v>86</v>
      </c>
      <c r="Q19229">
        <v>19</v>
      </c>
      <c r="R19229">
        <v>20</v>
      </c>
      <c r="S19229">
        <v>20</v>
      </c>
      <c r="T19229">
        <v>20</v>
      </c>
      <c r="U19229">
        <v>20</v>
      </c>
      <c r="V19229">
        <v>21</v>
      </c>
      <c r="W19229">
        <v>21</v>
      </c>
      <c r="X19229">
        <v>21</v>
      </c>
      <c r="Y19229">
        <v>22</v>
      </c>
      <c r="Z19229">
        <v>22</v>
      </c>
      <c r="AA19229">
        <v>22</v>
      </c>
      <c r="AB19229">
        <v>22</v>
      </c>
      <c r="AC19229">
        <v>23</v>
      </c>
      <c r="AD19229">
        <v>23</v>
      </c>
      <c r="AE19229">
        <v>23</v>
      </c>
      <c r="AF19229">
        <v>23</v>
      </c>
      <c r="AG19229">
        <v>24</v>
      </c>
      <c r="AH19229">
        <v>24</v>
      </c>
      <c r="AI19229">
        <v>24</v>
      </c>
      <c r="AJ19229">
        <v>24</v>
      </c>
      <c r="AK19229">
        <v>24</v>
      </c>
      <c r="AL19229">
        <v>25</v>
      </c>
      <c r="AM19229">
        <v>25</v>
      </c>
      <c r="AN19229">
        <v>25</v>
      </c>
      <c r="AO19229">
        <v>25</v>
      </c>
      <c r="AP19229">
        <v>25</v>
      </c>
      <c r="AQ19229">
        <v>25</v>
      </c>
    </row>
    <row r="19230" spans="1:43">
      <c r="A19230" t="s">
        <v>11912</v>
      </c>
      <c r="B19230" t="s">
        <v>11913</v>
      </c>
      <c r="C19230" t="s">
        <v>11914</v>
      </c>
      <c r="D19230" t="s">
        <v>11915</v>
      </c>
      <c r="E19230" t="s">
        <v>11610</v>
      </c>
      <c r="F19230" t="s">
        <v>11611</v>
      </c>
      <c r="G19230" t="s">
        <v>11612</v>
      </c>
      <c r="H19230" t="s">
        <v>11613</v>
      </c>
      <c r="I19230" s="2">
        <v>0</v>
      </c>
      <c r="J19230" s="2">
        <v>0</v>
      </c>
      <c r="K19230" s="2">
        <v>1</v>
      </c>
      <c r="L19230" t="s">
        <v>995</v>
      </c>
      <c r="M19230" t="s">
        <v>83</v>
      </c>
      <c r="N19230" t="s">
        <v>84</v>
      </c>
      <c r="O19230" t="s">
        <v>85</v>
      </c>
      <c r="P19230" t="s">
        <v>86</v>
      </c>
      <c r="Q19230">
        <v>126</v>
      </c>
      <c r="R19230">
        <v>128</v>
      </c>
      <c r="S19230">
        <v>129</v>
      </c>
      <c r="T19230">
        <v>131</v>
      </c>
      <c r="U19230">
        <v>133</v>
      </c>
      <c r="V19230">
        <v>135</v>
      </c>
      <c r="W19230">
        <v>136</v>
      </c>
      <c r="X19230">
        <v>138</v>
      </c>
      <c r="Y19230">
        <v>140</v>
      </c>
      <c r="Z19230">
        <v>141</v>
      </c>
      <c r="AA19230">
        <v>143</v>
      </c>
      <c r="AB19230">
        <v>145</v>
      </c>
      <c r="AC19230">
        <v>146</v>
      </c>
      <c r="AD19230">
        <v>148</v>
      </c>
      <c r="AE19230">
        <v>149</v>
      </c>
      <c r="AF19230">
        <v>151</v>
      </c>
      <c r="AG19230">
        <v>153</v>
      </c>
      <c r="AH19230">
        <v>154</v>
      </c>
      <c r="AI19230">
        <v>156</v>
      </c>
      <c r="AJ19230">
        <v>157</v>
      </c>
      <c r="AK19230">
        <v>159</v>
      </c>
      <c r="AL19230">
        <v>160</v>
      </c>
      <c r="AM19230">
        <v>160</v>
      </c>
      <c r="AN19230">
        <v>160</v>
      </c>
      <c r="AO19230">
        <v>160</v>
      </c>
      <c r="AP19230">
        <v>160</v>
      </c>
      <c r="AQ19230">
        <v>161</v>
      </c>
    </row>
    <row r="19231" spans="1:43">
      <c r="A19231" t="s">
        <v>11912</v>
      </c>
      <c r="B19231" t="s">
        <v>11913</v>
      </c>
      <c r="C19231" t="s">
        <v>11914</v>
      </c>
      <c r="D19231" t="s">
        <v>11915</v>
      </c>
      <c r="E19231" t="s">
        <v>11610</v>
      </c>
      <c r="F19231" t="s">
        <v>11611</v>
      </c>
      <c r="G19231" t="s">
        <v>11612</v>
      </c>
      <c r="H19231" t="s">
        <v>11613</v>
      </c>
      <c r="I19231" s="2">
        <v>0</v>
      </c>
      <c r="J19231" s="2">
        <v>0</v>
      </c>
      <c r="K19231" s="2">
        <v>1</v>
      </c>
      <c r="L19231" t="s">
        <v>995</v>
      </c>
      <c r="M19231" t="s">
        <v>87</v>
      </c>
      <c r="N19231" t="s">
        <v>88</v>
      </c>
      <c r="O19231" t="s">
        <v>85</v>
      </c>
      <c r="P19231" t="s">
        <v>86</v>
      </c>
      <c r="Q19231">
        <v>126</v>
      </c>
      <c r="R19231">
        <v>126</v>
      </c>
      <c r="S19231">
        <v>127</v>
      </c>
      <c r="T19231">
        <v>127</v>
      </c>
      <c r="U19231">
        <v>128</v>
      </c>
      <c r="V19231">
        <v>129</v>
      </c>
      <c r="W19231">
        <v>129</v>
      </c>
      <c r="X19231">
        <v>130</v>
      </c>
      <c r="Y19231">
        <v>130</v>
      </c>
      <c r="Z19231">
        <v>131</v>
      </c>
      <c r="AA19231">
        <v>131</v>
      </c>
      <c r="AB19231">
        <v>132</v>
      </c>
      <c r="AC19231">
        <v>132</v>
      </c>
      <c r="AD19231">
        <v>133</v>
      </c>
      <c r="AE19231">
        <v>133</v>
      </c>
      <c r="AF19231">
        <v>134</v>
      </c>
      <c r="AG19231">
        <v>134</v>
      </c>
      <c r="AH19231">
        <v>135</v>
      </c>
      <c r="AI19231">
        <v>135</v>
      </c>
      <c r="AJ19231">
        <v>136</v>
      </c>
      <c r="AK19231">
        <v>136</v>
      </c>
      <c r="AL19231">
        <v>137</v>
      </c>
      <c r="AM19231">
        <v>137</v>
      </c>
      <c r="AN19231">
        <v>138</v>
      </c>
      <c r="AO19231">
        <v>139</v>
      </c>
      <c r="AP19231">
        <v>139</v>
      </c>
      <c r="AQ19231">
        <v>140</v>
      </c>
    </row>
    <row r="19232" spans="1:43">
      <c r="A19232" t="s">
        <v>11912</v>
      </c>
      <c r="B19232" t="s">
        <v>11913</v>
      </c>
      <c r="C19232" t="s">
        <v>11914</v>
      </c>
      <c r="D19232" t="s">
        <v>11915</v>
      </c>
      <c r="E19232" t="s">
        <v>11610</v>
      </c>
      <c r="F19232" t="s">
        <v>11611</v>
      </c>
      <c r="G19232" t="s">
        <v>11612</v>
      </c>
      <c r="H19232" t="s">
        <v>11613</v>
      </c>
      <c r="I19232" s="2">
        <v>0</v>
      </c>
      <c r="J19232" s="2">
        <v>0</v>
      </c>
      <c r="K19232" s="2">
        <v>1</v>
      </c>
      <c r="L19232" t="s">
        <v>995</v>
      </c>
      <c r="M19232" t="s">
        <v>89</v>
      </c>
      <c r="N19232" t="s">
        <v>90</v>
      </c>
      <c r="O19232" t="s">
        <v>85</v>
      </c>
      <c r="P19232" t="s">
        <v>86</v>
      </c>
      <c r="Q19232">
        <v>126</v>
      </c>
      <c r="R19232">
        <v>129</v>
      </c>
      <c r="S19232">
        <v>132</v>
      </c>
      <c r="T19232">
        <v>134</v>
      </c>
      <c r="U19232">
        <v>137</v>
      </c>
      <c r="V19232">
        <v>140</v>
      </c>
      <c r="W19232">
        <v>142</v>
      </c>
      <c r="X19232">
        <v>145</v>
      </c>
      <c r="Y19232">
        <v>147</v>
      </c>
      <c r="Z19232">
        <v>149</v>
      </c>
      <c r="AA19232">
        <v>151</v>
      </c>
      <c r="AB19232">
        <v>154</v>
      </c>
      <c r="AC19232">
        <v>156</v>
      </c>
      <c r="AD19232">
        <v>158</v>
      </c>
      <c r="AE19232">
        <v>159</v>
      </c>
      <c r="AF19232">
        <v>160</v>
      </c>
      <c r="AG19232">
        <v>160</v>
      </c>
      <c r="AH19232">
        <v>160</v>
      </c>
      <c r="AI19232">
        <v>160</v>
      </c>
      <c r="AJ19232">
        <v>160</v>
      </c>
      <c r="AK19232">
        <v>161</v>
      </c>
      <c r="AL19232">
        <v>161</v>
      </c>
      <c r="AM19232">
        <v>161</v>
      </c>
      <c r="AN19232">
        <v>161</v>
      </c>
      <c r="AO19232">
        <v>161</v>
      </c>
      <c r="AP19232">
        <v>161</v>
      </c>
      <c r="AQ19232">
        <v>161</v>
      </c>
    </row>
    <row r="19233" spans="1:43">
      <c r="A19233" t="s">
        <v>11912</v>
      </c>
      <c r="B19233" t="s">
        <v>11913</v>
      </c>
      <c r="C19233" t="s">
        <v>11914</v>
      </c>
      <c r="D19233" t="s">
        <v>11915</v>
      </c>
      <c r="E19233" t="s">
        <v>11610</v>
      </c>
      <c r="F19233" t="s">
        <v>11611</v>
      </c>
      <c r="G19233" t="s">
        <v>11612</v>
      </c>
      <c r="H19233" t="s">
        <v>11613</v>
      </c>
      <c r="I19233" s="2">
        <v>0</v>
      </c>
      <c r="J19233" s="2">
        <v>0</v>
      </c>
      <c r="K19233" s="2">
        <v>1</v>
      </c>
      <c r="L19233" t="s">
        <v>995</v>
      </c>
      <c r="M19233" t="s">
        <v>83</v>
      </c>
      <c r="N19233" t="s">
        <v>91</v>
      </c>
      <c r="O19233" t="s">
        <v>85</v>
      </c>
      <c r="P19233" t="s">
        <v>86</v>
      </c>
      <c r="Q19233">
        <v>126</v>
      </c>
      <c r="R19233">
        <v>128</v>
      </c>
      <c r="S19233">
        <v>129</v>
      </c>
      <c r="T19233">
        <v>131</v>
      </c>
      <c r="U19233">
        <v>133</v>
      </c>
      <c r="V19233">
        <v>135</v>
      </c>
      <c r="W19233">
        <v>136</v>
      </c>
      <c r="X19233">
        <v>138</v>
      </c>
      <c r="Y19233">
        <v>140</v>
      </c>
      <c r="Z19233">
        <v>141</v>
      </c>
      <c r="AA19233">
        <v>143</v>
      </c>
      <c r="AB19233">
        <v>145</v>
      </c>
      <c r="AC19233">
        <v>146</v>
      </c>
      <c r="AD19233">
        <v>148</v>
      </c>
      <c r="AE19233">
        <v>149</v>
      </c>
      <c r="AF19233">
        <v>151</v>
      </c>
      <c r="AG19233">
        <v>153</v>
      </c>
      <c r="AH19233">
        <v>154</v>
      </c>
      <c r="AI19233">
        <v>156</v>
      </c>
      <c r="AJ19233">
        <v>157</v>
      </c>
      <c r="AK19233">
        <v>159</v>
      </c>
      <c r="AL19233">
        <v>160</v>
      </c>
      <c r="AM19233">
        <v>160</v>
      </c>
      <c r="AN19233">
        <v>160</v>
      </c>
      <c r="AO19233">
        <v>160</v>
      </c>
      <c r="AP19233">
        <v>160</v>
      </c>
      <c r="AQ19233">
        <v>161</v>
      </c>
    </row>
    <row r="19234" spans="1:43">
      <c r="A19234" t="s">
        <v>11916</v>
      </c>
      <c r="B19234" t="s">
        <v>11917</v>
      </c>
      <c r="C19234" t="s">
        <v>11914</v>
      </c>
      <c r="D19234" t="s">
        <v>11915</v>
      </c>
      <c r="E19234" t="s">
        <v>11610</v>
      </c>
      <c r="F19234" t="s">
        <v>11611</v>
      </c>
      <c r="G19234" t="s">
        <v>11612</v>
      </c>
      <c r="H19234" t="s">
        <v>11613</v>
      </c>
      <c r="I19234" s="2">
        <v>0</v>
      </c>
      <c r="J19234" s="2">
        <v>0</v>
      </c>
      <c r="K19234" s="2">
        <v>1</v>
      </c>
      <c r="L19234" t="s">
        <v>995</v>
      </c>
      <c r="M19234" t="s">
        <v>83</v>
      </c>
      <c r="N19234" t="s">
        <v>84</v>
      </c>
      <c r="O19234" t="s">
        <v>85</v>
      </c>
      <c r="P19234" t="s">
        <v>86</v>
      </c>
      <c r="Q19234">
        <v>18</v>
      </c>
      <c r="R19234">
        <v>19</v>
      </c>
      <c r="S19234">
        <v>19</v>
      </c>
      <c r="T19234">
        <v>19</v>
      </c>
      <c r="U19234">
        <v>19</v>
      </c>
      <c r="V19234">
        <v>20</v>
      </c>
      <c r="W19234">
        <v>20</v>
      </c>
      <c r="X19234">
        <v>20</v>
      </c>
      <c r="Y19234">
        <v>20</v>
      </c>
      <c r="Z19234">
        <v>21</v>
      </c>
      <c r="AA19234">
        <v>21</v>
      </c>
      <c r="AB19234">
        <v>21</v>
      </c>
      <c r="AC19234">
        <v>21</v>
      </c>
      <c r="AD19234">
        <v>22</v>
      </c>
      <c r="AE19234">
        <v>22</v>
      </c>
      <c r="AF19234">
        <v>22</v>
      </c>
      <c r="AG19234">
        <v>22</v>
      </c>
      <c r="AH19234">
        <v>22</v>
      </c>
      <c r="AI19234">
        <v>23</v>
      </c>
      <c r="AJ19234">
        <v>23</v>
      </c>
      <c r="AK19234">
        <v>23</v>
      </c>
      <c r="AL19234">
        <v>23</v>
      </c>
      <c r="AM19234">
        <v>23</v>
      </c>
      <c r="AN19234">
        <v>23</v>
      </c>
      <c r="AO19234">
        <v>23</v>
      </c>
      <c r="AP19234">
        <v>23</v>
      </c>
      <c r="AQ19234">
        <v>23</v>
      </c>
    </row>
    <row r="19235" spans="1:43">
      <c r="A19235" t="s">
        <v>11916</v>
      </c>
      <c r="B19235" t="s">
        <v>11917</v>
      </c>
      <c r="C19235" t="s">
        <v>11914</v>
      </c>
      <c r="D19235" t="s">
        <v>11915</v>
      </c>
      <c r="E19235" t="s">
        <v>11610</v>
      </c>
      <c r="F19235" t="s">
        <v>11611</v>
      </c>
      <c r="G19235" t="s">
        <v>11612</v>
      </c>
      <c r="H19235" t="s">
        <v>11613</v>
      </c>
      <c r="I19235" s="2">
        <v>0</v>
      </c>
      <c r="J19235" s="2">
        <v>0</v>
      </c>
      <c r="K19235" s="2">
        <v>1</v>
      </c>
      <c r="L19235" t="s">
        <v>995</v>
      </c>
      <c r="M19235" t="s">
        <v>87</v>
      </c>
      <c r="N19235" t="s">
        <v>88</v>
      </c>
      <c r="O19235" t="s">
        <v>85</v>
      </c>
      <c r="P19235" t="s">
        <v>86</v>
      </c>
      <c r="Q19235">
        <v>18</v>
      </c>
      <c r="R19235">
        <v>18</v>
      </c>
      <c r="S19235">
        <v>18</v>
      </c>
      <c r="T19235">
        <v>18</v>
      </c>
      <c r="U19235">
        <v>19</v>
      </c>
      <c r="V19235">
        <v>19</v>
      </c>
      <c r="W19235">
        <v>19</v>
      </c>
      <c r="X19235">
        <v>19</v>
      </c>
      <c r="Y19235">
        <v>19</v>
      </c>
      <c r="Z19235">
        <v>19</v>
      </c>
      <c r="AA19235">
        <v>19</v>
      </c>
      <c r="AB19235">
        <v>19</v>
      </c>
      <c r="AC19235">
        <v>19</v>
      </c>
      <c r="AD19235">
        <v>19</v>
      </c>
      <c r="AE19235">
        <v>19</v>
      </c>
      <c r="AF19235">
        <v>19</v>
      </c>
      <c r="AG19235">
        <v>19</v>
      </c>
      <c r="AH19235">
        <v>20</v>
      </c>
      <c r="AI19235">
        <v>20</v>
      </c>
      <c r="AJ19235">
        <v>20</v>
      </c>
      <c r="AK19235">
        <v>20</v>
      </c>
      <c r="AL19235">
        <v>20</v>
      </c>
      <c r="AM19235">
        <v>20</v>
      </c>
      <c r="AN19235">
        <v>20</v>
      </c>
      <c r="AO19235">
        <v>20</v>
      </c>
      <c r="AP19235">
        <v>20</v>
      </c>
      <c r="AQ19235">
        <v>20</v>
      </c>
    </row>
    <row r="19236" spans="1:43">
      <c r="A19236" t="s">
        <v>11916</v>
      </c>
      <c r="B19236" t="s">
        <v>11917</v>
      </c>
      <c r="C19236" t="s">
        <v>11914</v>
      </c>
      <c r="D19236" t="s">
        <v>11915</v>
      </c>
      <c r="E19236" t="s">
        <v>11610</v>
      </c>
      <c r="F19236" t="s">
        <v>11611</v>
      </c>
      <c r="G19236" t="s">
        <v>11612</v>
      </c>
      <c r="H19236" t="s">
        <v>11613</v>
      </c>
      <c r="I19236" s="2">
        <v>0</v>
      </c>
      <c r="J19236" s="2">
        <v>0</v>
      </c>
      <c r="K19236" s="2">
        <v>1</v>
      </c>
      <c r="L19236" t="s">
        <v>995</v>
      </c>
      <c r="M19236" t="s">
        <v>89</v>
      </c>
      <c r="N19236" t="s">
        <v>90</v>
      </c>
      <c r="O19236" t="s">
        <v>85</v>
      </c>
      <c r="P19236" t="s">
        <v>86</v>
      </c>
      <c r="Q19236">
        <v>18</v>
      </c>
      <c r="R19236">
        <v>18</v>
      </c>
      <c r="S19236">
        <v>18</v>
      </c>
      <c r="T19236">
        <v>19</v>
      </c>
      <c r="U19236">
        <v>19</v>
      </c>
      <c r="V19236">
        <v>20</v>
      </c>
      <c r="W19236">
        <v>20</v>
      </c>
      <c r="X19236">
        <v>20</v>
      </c>
      <c r="Y19236">
        <v>21</v>
      </c>
      <c r="Z19236">
        <v>21</v>
      </c>
      <c r="AA19236">
        <v>21</v>
      </c>
      <c r="AB19236">
        <v>22</v>
      </c>
      <c r="AC19236">
        <v>22</v>
      </c>
      <c r="AD19236">
        <v>22</v>
      </c>
      <c r="AE19236">
        <v>22</v>
      </c>
      <c r="AF19236">
        <v>22</v>
      </c>
      <c r="AG19236">
        <v>22</v>
      </c>
      <c r="AH19236">
        <v>22</v>
      </c>
      <c r="AI19236">
        <v>23</v>
      </c>
      <c r="AJ19236">
        <v>23</v>
      </c>
      <c r="AK19236">
        <v>23</v>
      </c>
      <c r="AL19236">
        <v>23</v>
      </c>
      <c r="AM19236">
        <v>23</v>
      </c>
      <c r="AN19236">
        <v>23</v>
      </c>
      <c r="AO19236">
        <v>23</v>
      </c>
      <c r="AP19236">
        <v>23</v>
      </c>
      <c r="AQ19236">
        <v>23</v>
      </c>
    </row>
    <row r="19237" spans="1:43">
      <c r="A19237" t="s">
        <v>11916</v>
      </c>
      <c r="B19237" t="s">
        <v>11917</v>
      </c>
      <c r="C19237" t="s">
        <v>11914</v>
      </c>
      <c r="D19237" t="s">
        <v>11915</v>
      </c>
      <c r="E19237" t="s">
        <v>11610</v>
      </c>
      <c r="F19237" t="s">
        <v>11611</v>
      </c>
      <c r="G19237" t="s">
        <v>11612</v>
      </c>
      <c r="H19237" t="s">
        <v>11613</v>
      </c>
      <c r="I19237" s="2">
        <v>0</v>
      </c>
      <c r="J19237" s="2">
        <v>0</v>
      </c>
      <c r="K19237" s="2">
        <v>1</v>
      </c>
      <c r="L19237" t="s">
        <v>995</v>
      </c>
      <c r="M19237" t="s">
        <v>83</v>
      </c>
      <c r="N19237" t="s">
        <v>91</v>
      </c>
      <c r="O19237" t="s">
        <v>85</v>
      </c>
      <c r="P19237" t="s">
        <v>86</v>
      </c>
      <c r="Q19237">
        <v>18</v>
      </c>
      <c r="R19237">
        <v>19</v>
      </c>
      <c r="S19237">
        <v>19</v>
      </c>
      <c r="T19237">
        <v>19</v>
      </c>
      <c r="U19237">
        <v>19</v>
      </c>
      <c r="V19237">
        <v>20</v>
      </c>
      <c r="W19237">
        <v>20</v>
      </c>
      <c r="X19237">
        <v>20</v>
      </c>
      <c r="Y19237">
        <v>20</v>
      </c>
      <c r="Z19237">
        <v>21</v>
      </c>
      <c r="AA19237">
        <v>21</v>
      </c>
      <c r="AB19237">
        <v>21</v>
      </c>
      <c r="AC19237">
        <v>21</v>
      </c>
      <c r="AD19237">
        <v>22</v>
      </c>
      <c r="AE19237">
        <v>22</v>
      </c>
      <c r="AF19237">
        <v>22</v>
      </c>
      <c r="AG19237">
        <v>22</v>
      </c>
      <c r="AH19237">
        <v>22</v>
      </c>
      <c r="AI19237">
        <v>23</v>
      </c>
      <c r="AJ19237">
        <v>23</v>
      </c>
      <c r="AK19237">
        <v>23</v>
      </c>
      <c r="AL19237">
        <v>23</v>
      </c>
      <c r="AM19237">
        <v>23</v>
      </c>
      <c r="AN19237">
        <v>23</v>
      </c>
      <c r="AO19237">
        <v>23</v>
      </c>
      <c r="AP19237">
        <v>23</v>
      </c>
      <c r="AQ19237">
        <v>23</v>
      </c>
    </row>
    <row r="19238" spans="1:43">
      <c r="A19238" t="s">
        <v>11918</v>
      </c>
      <c r="B19238" t="s">
        <v>11919</v>
      </c>
      <c r="C19238" t="s">
        <v>11688</v>
      </c>
      <c r="D19238" t="s">
        <v>11689</v>
      </c>
      <c r="E19238" t="s">
        <v>11610</v>
      </c>
      <c r="F19238" t="s">
        <v>11611</v>
      </c>
      <c r="G19238" t="s">
        <v>11612</v>
      </c>
      <c r="H19238" t="s">
        <v>11613</v>
      </c>
      <c r="I19238" s="2">
        <v>0</v>
      </c>
      <c r="J19238" s="2">
        <v>0</v>
      </c>
      <c r="K19238" s="2">
        <v>1</v>
      </c>
      <c r="L19238" t="s">
        <v>995</v>
      </c>
      <c r="M19238" t="s">
        <v>83</v>
      </c>
      <c r="N19238" t="s">
        <v>84</v>
      </c>
      <c r="O19238" t="s">
        <v>85</v>
      </c>
      <c r="P19238" t="s">
        <v>86</v>
      </c>
      <c r="Q19238">
        <v>13</v>
      </c>
      <c r="R19238">
        <v>13</v>
      </c>
      <c r="S19238">
        <v>13</v>
      </c>
      <c r="T19238">
        <v>14</v>
      </c>
      <c r="U19238">
        <v>14</v>
      </c>
      <c r="V19238">
        <v>14</v>
      </c>
      <c r="W19238">
        <v>14</v>
      </c>
      <c r="X19238">
        <v>14</v>
      </c>
      <c r="Y19238">
        <v>15</v>
      </c>
      <c r="Z19238">
        <v>15</v>
      </c>
      <c r="AA19238">
        <v>15</v>
      </c>
      <c r="AB19238">
        <v>15</v>
      </c>
      <c r="AC19238">
        <v>15</v>
      </c>
      <c r="AD19238">
        <v>15</v>
      </c>
      <c r="AE19238">
        <v>16</v>
      </c>
      <c r="AF19238">
        <v>16</v>
      </c>
      <c r="AG19238">
        <v>16</v>
      </c>
      <c r="AH19238">
        <v>16</v>
      </c>
      <c r="AI19238">
        <v>16</v>
      </c>
      <c r="AJ19238">
        <v>16</v>
      </c>
      <c r="AK19238">
        <v>17</v>
      </c>
      <c r="AL19238">
        <v>17</v>
      </c>
      <c r="AM19238">
        <v>17</v>
      </c>
      <c r="AN19238">
        <v>17</v>
      </c>
      <c r="AO19238">
        <v>17</v>
      </c>
      <c r="AP19238">
        <v>17</v>
      </c>
      <c r="AQ19238">
        <v>17</v>
      </c>
    </row>
    <row r="19239" spans="1:43">
      <c r="A19239" t="s">
        <v>11918</v>
      </c>
      <c r="B19239" t="s">
        <v>11919</v>
      </c>
      <c r="C19239" t="s">
        <v>11688</v>
      </c>
      <c r="D19239" t="s">
        <v>11689</v>
      </c>
      <c r="E19239" t="s">
        <v>11610</v>
      </c>
      <c r="F19239" t="s">
        <v>11611</v>
      </c>
      <c r="G19239" t="s">
        <v>11612</v>
      </c>
      <c r="H19239" t="s">
        <v>11613</v>
      </c>
      <c r="I19239" s="2">
        <v>0</v>
      </c>
      <c r="J19239" s="2">
        <v>0</v>
      </c>
      <c r="K19239" s="2">
        <v>1</v>
      </c>
      <c r="L19239" t="s">
        <v>995</v>
      </c>
      <c r="M19239" t="s">
        <v>87</v>
      </c>
      <c r="N19239" t="s">
        <v>88</v>
      </c>
      <c r="O19239" t="s">
        <v>85</v>
      </c>
      <c r="P19239" t="s">
        <v>86</v>
      </c>
      <c r="Q19239">
        <v>13</v>
      </c>
      <c r="R19239">
        <v>13</v>
      </c>
      <c r="S19239">
        <v>13</v>
      </c>
      <c r="T19239">
        <v>13</v>
      </c>
      <c r="U19239">
        <v>13</v>
      </c>
      <c r="V19239">
        <v>13</v>
      </c>
      <c r="W19239">
        <v>13</v>
      </c>
      <c r="X19239">
        <v>13</v>
      </c>
      <c r="Y19239">
        <v>13</v>
      </c>
      <c r="Z19239">
        <v>13</v>
      </c>
      <c r="AA19239">
        <v>14</v>
      </c>
      <c r="AB19239">
        <v>14</v>
      </c>
      <c r="AC19239">
        <v>14</v>
      </c>
      <c r="AD19239">
        <v>14</v>
      </c>
      <c r="AE19239">
        <v>14</v>
      </c>
      <c r="AF19239">
        <v>14</v>
      </c>
      <c r="AG19239">
        <v>14</v>
      </c>
      <c r="AH19239">
        <v>14</v>
      </c>
      <c r="AI19239">
        <v>14</v>
      </c>
      <c r="AJ19239">
        <v>14</v>
      </c>
      <c r="AK19239">
        <v>14</v>
      </c>
      <c r="AL19239">
        <v>14</v>
      </c>
      <c r="AM19239">
        <v>14</v>
      </c>
      <c r="AN19239">
        <v>14</v>
      </c>
      <c r="AO19239">
        <v>14</v>
      </c>
      <c r="AP19239">
        <v>14</v>
      </c>
      <c r="AQ19239">
        <v>14</v>
      </c>
    </row>
    <row r="19240" spans="1:43">
      <c r="A19240" t="s">
        <v>11918</v>
      </c>
      <c r="B19240" t="s">
        <v>11919</v>
      </c>
      <c r="C19240" t="s">
        <v>11688</v>
      </c>
      <c r="D19240" t="s">
        <v>11689</v>
      </c>
      <c r="E19240" t="s">
        <v>11610</v>
      </c>
      <c r="F19240" t="s">
        <v>11611</v>
      </c>
      <c r="G19240" t="s">
        <v>11612</v>
      </c>
      <c r="H19240" t="s">
        <v>11613</v>
      </c>
      <c r="I19240" s="2">
        <v>0</v>
      </c>
      <c r="J19240" s="2">
        <v>0</v>
      </c>
      <c r="K19240" s="2">
        <v>1</v>
      </c>
      <c r="L19240" t="s">
        <v>995</v>
      </c>
      <c r="M19240" t="s">
        <v>89</v>
      </c>
      <c r="N19240" t="s">
        <v>90</v>
      </c>
      <c r="O19240" t="s">
        <v>85</v>
      </c>
      <c r="P19240" t="s">
        <v>86</v>
      </c>
      <c r="Q19240">
        <v>13</v>
      </c>
      <c r="R19240">
        <v>14</v>
      </c>
      <c r="S19240">
        <v>14</v>
      </c>
      <c r="T19240">
        <v>14</v>
      </c>
      <c r="U19240">
        <v>14</v>
      </c>
      <c r="V19240">
        <v>15</v>
      </c>
      <c r="W19240">
        <v>15</v>
      </c>
      <c r="X19240">
        <v>15</v>
      </c>
      <c r="Y19240">
        <v>15</v>
      </c>
      <c r="Z19240">
        <v>16</v>
      </c>
      <c r="AA19240">
        <v>16</v>
      </c>
      <c r="AB19240">
        <v>16</v>
      </c>
      <c r="AC19240">
        <v>16</v>
      </c>
      <c r="AD19240">
        <v>17</v>
      </c>
      <c r="AE19240">
        <v>17</v>
      </c>
      <c r="AF19240">
        <v>17</v>
      </c>
      <c r="AG19240">
        <v>17</v>
      </c>
      <c r="AH19240">
        <v>17</v>
      </c>
      <c r="AI19240">
        <v>17</v>
      </c>
      <c r="AJ19240">
        <v>17</v>
      </c>
      <c r="AK19240">
        <v>17</v>
      </c>
      <c r="AL19240">
        <v>17</v>
      </c>
      <c r="AM19240">
        <v>17</v>
      </c>
      <c r="AN19240">
        <v>17</v>
      </c>
      <c r="AO19240">
        <v>17</v>
      </c>
      <c r="AP19240">
        <v>17</v>
      </c>
      <c r="AQ19240">
        <v>17</v>
      </c>
    </row>
    <row r="19241" spans="1:43">
      <c r="A19241" t="s">
        <v>11918</v>
      </c>
      <c r="B19241" t="s">
        <v>11919</v>
      </c>
      <c r="C19241" t="s">
        <v>11688</v>
      </c>
      <c r="D19241" t="s">
        <v>11689</v>
      </c>
      <c r="E19241" t="s">
        <v>11610</v>
      </c>
      <c r="F19241" t="s">
        <v>11611</v>
      </c>
      <c r="G19241" t="s">
        <v>11612</v>
      </c>
      <c r="H19241" t="s">
        <v>11613</v>
      </c>
      <c r="I19241" s="2">
        <v>0</v>
      </c>
      <c r="J19241" s="2">
        <v>0</v>
      </c>
      <c r="K19241" s="2">
        <v>1</v>
      </c>
      <c r="L19241" t="s">
        <v>995</v>
      </c>
      <c r="M19241" t="s">
        <v>83</v>
      </c>
      <c r="N19241" t="s">
        <v>91</v>
      </c>
      <c r="O19241" t="s">
        <v>85</v>
      </c>
      <c r="P19241" t="s">
        <v>86</v>
      </c>
      <c r="Q19241">
        <v>13</v>
      </c>
      <c r="R19241">
        <v>13</v>
      </c>
      <c r="S19241">
        <v>13</v>
      </c>
      <c r="T19241">
        <v>14</v>
      </c>
      <c r="U19241">
        <v>14</v>
      </c>
      <c r="V19241">
        <v>14</v>
      </c>
      <c r="W19241">
        <v>14</v>
      </c>
      <c r="X19241">
        <v>14</v>
      </c>
      <c r="Y19241">
        <v>15</v>
      </c>
      <c r="Z19241">
        <v>15</v>
      </c>
      <c r="AA19241">
        <v>15</v>
      </c>
      <c r="AB19241">
        <v>15</v>
      </c>
      <c r="AC19241">
        <v>15</v>
      </c>
      <c r="AD19241">
        <v>15</v>
      </c>
      <c r="AE19241">
        <v>16</v>
      </c>
      <c r="AF19241">
        <v>16</v>
      </c>
      <c r="AG19241">
        <v>16</v>
      </c>
      <c r="AH19241">
        <v>16</v>
      </c>
      <c r="AI19241">
        <v>16</v>
      </c>
      <c r="AJ19241">
        <v>16</v>
      </c>
      <c r="AK19241">
        <v>17</v>
      </c>
      <c r="AL19241">
        <v>17</v>
      </c>
      <c r="AM19241">
        <v>17</v>
      </c>
      <c r="AN19241">
        <v>17</v>
      </c>
      <c r="AO19241">
        <v>17</v>
      </c>
      <c r="AP19241">
        <v>17</v>
      </c>
      <c r="AQ19241">
        <v>17</v>
      </c>
    </row>
    <row r="19242" spans="1:43">
      <c r="A19242" t="s">
        <v>11920</v>
      </c>
      <c r="B19242" t="s">
        <v>11921</v>
      </c>
      <c r="C19242" t="s">
        <v>11792</v>
      </c>
      <c r="D19242" t="s">
        <v>11793</v>
      </c>
      <c r="E19242" t="s">
        <v>11610</v>
      </c>
      <c r="F19242" t="s">
        <v>11611</v>
      </c>
      <c r="G19242" t="s">
        <v>11612</v>
      </c>
      <c r="H19242" t="s">
        <v>11613</v>
      </c>
      <c r="I19242" s="2">
        <v>0</v>
      </c>
      <c r="J19242" s="2">
        <v>0</v>
      </c>
      <c r="K19242" s="2">
        <v>1</v>
      </c>
      <c r="L19242" t="s">
        <v>995</v>
      </c>
      <c r="M19242" t="s">
        <v>83</v>
      </c>
      <c r="N19242" t="s">
        <v>84</v>
      </c>
      <c r="O19242" t="s">
        <v>85</v>
      </c>
      <c r="P19242" t="s">
        <v>86</v>
      </c>
      <c r="Q19242">
        <v>20</v>
      </c>
      <c r="R19242">
        <v>20</v>
      </c>
      <c r="S19242">
        <v>21</v>
      </c>
      <c r="T19242">
        <v>21</v>
      </c>
      <c r="U19242">
        <v>21</v>
      </c>
      <c r="V19242">
        <v>22</v>
      </c>
      <c r="W19242">
        <v>22</v>
      </c>
      <c r="X19242">
        <v>22</v>
      </c>
      <c r="Y19242">
        <v>22</v>
      </c>
      <c r="Z19242">
        <v>23</v>
      </c>
      <c r="AA19242">
        <v>23</v>
      </c>
      <c r="AB19242">
        <v>23</v>
      </c>
      <c r="AC19242">
        <v>23</v>
      </c>
      <c r="AD19242">
        <v>24</v>
      </c>
      <c r="AE19242">
        <v>24</v>
      </c>
      <c r="AF19242">
        <v>24</v>
      </c>
      <c r="AG19242">
        <v>24</v>
      </c>
      <c r="AH19242">
        <v>25</v>
      </c>
      <c r="AI19242">
        <v>25</v>
      </c>
      <c r="AJ19242">
        <v>25</v>
      </c>
      <c r="AK19242">
        <v>25</v>
      </c>
      <c r="AL19242">
        <v>26</v>
      </c>
      <c r="AM19242">
        <v>26</v>
      </c>
      <c r="AN19242">
        <v>26</v>
      </c>
      <c r="AO19242">
        <v>26</v>
      </c>
      <c r="AP19242">
        <v>26</v>
      </c>
      <c r="AQ19242">
        <v>26</v>
      </c>
    </row>
    <row r="19243" spans="1:43">
      <c r="A19243" t="s">
        <v>11920</v>
      </c>
      <c r="B19243" t="s">
        <v>11921</v>
      </c>
      <c r="C19243" t="s">
        <v>11792</v>
      </c>
      <c r="D19243" t="s">
        <v>11793</v>
      </c>
      <c r="E19243" t="s">
        <v>11610</v>
      </c>
      <c r="F19243" t="s">
        <v>11611</v>
      </c>
      <c r="G19243" t="s">
        <v>11612</v>
      </c>
      <c r="H19243" t="s">
        <v>11613</v>
      </c>
      <c r="I19243" s="2">
        <v>0</v>
      </c>
      <c r="J19243" s="2">
        <v>0</v>
      </c>
      <c r="K19243" s="2">
        <v>1</v>
      </c>
      <c r="L19243" t="s">
        <v>995</v>
      </c>
      <c r="M19243" t="s">
        <v>87</v>
      </c>
      <c r="N19243" t="s">
        <v>88</v>
      </c>
      <c r="O19243" t="s">
        <v>85</v>
      </c>
      <c r="P19243" t="s">
        <v>86</v>
      </c>
      <c r="Q19243">
        <v>20</v>
      </c>
      <c r="R19243">
        <v>20</v>
      </c>
      <c r="S19243">
        <v>20</v>
      </c>
      <c r="T19243">
        <v>20</v>
      </c>
      <c r="U19243">
        <v>20</v>
      </c>
      <c r="V19243">
        <v>20</v>
      </c>
      <c r="W19243">
        <v>21</v>
      </c>
      <c r="X19243">
        <v>21</v>
      </c>
      <c r="Y19243">
        <v>21</v>
      </c>
      <c r="Z19243">
        <v>21</v>
      </c>
      <c r="AA19243">
        <v>21</v>
      </c>
      <c r="AB19243">
        <v>21</v>
      </c>
      <c r="AC19243">
        <v>21</v>
      </c>
      <c r="AD19243">
        <v>21</v>
      </c>
      <c r="AE19243">
        <v>21</v>
      </c>
      <c r="AF19243">
        <v>21</v>
      </c>
      <c r="AG19243">
        <v>21</v>
      </c>
      <c r="AH19243">
        <v>21</v>
      </c>
      <c r="AI19243">
        <v>22</v>
      </c>
      <c r="AJ19243">
        <v>22</v>
      </c>
      <c r="AK19243">
        <v>22</v>
      </c>
      <c r="AL19243">
        <v>22</v>
      </c>
      <c r="AM19243">
        <v>22</v>
      </c>
      <c r="AN19243">
        <v>22</v>
      </c>
      <c r="AO19243">
        <v>22</v>
      </c>
      <c r="AP19243">
        <v>22</v>
      </c>
      <c r="AQ19243">
        <v>22</v>
      </c>
    </row>
    <row r="19244" spans="1:43">
      <c r="A19244" t="s">
        <v>11920</v>
      </c>
      <c r="B19244" t="s">
        <v>11921</v>
      </c>
      <c r="C19244" t="s">
        <v>11792</v>
      </c>
      <c r="D19244" t="s">
        <v>11793</v>
      </c>
      <c r="E19244" t="s">
        <v>11610</v>
      </c>
      <c r="F19244" t="s">
        <v>11611</v>
      </c>
      <c r="G19244" t="s">
        <v>11612</v>
      </c>
      <c r="H19244" t="s">
        <v>11613</v>
      </c>
      <c r="I19244" s="2">
        <v>0</v>
      </c>
      <c r="J19244" s="2">
        <v>0</v>
      </c>
      <c r="K19244" s="2">
        <v>1</v>
      </c>
      <c r="L19244" t="s">
        <v>995</v>
      </c>
      <c r="M19244" t="s">
        <v>89</v>
      </c>
      <c r="N19244" t="s">
        <v>90</v>
      </c>
      <c r="O19244" t="s">
        <v>85</v>
      </c>
      <c r="P19244" t="s">
        <v>86</v>
      </c>
      <c r="Q19244">
        <v>20</v>
      </c>
      <c r="R19244">
        <v>21</v>
      </c>
      <c r="S19244">
        <v>21</v>
      </c>
      <c r="T19244">
        <v>22</v>
      </c>
      <c r="U19244">
        <v>22</v>
      </c>
      <c r="V19244">
        <v>23</v>
      </c>
      <c r="W19244">
        <v>23</v>
      </c>
      <c r="X19244">
        <v>23</v>
      </c>
      <c r="Y19244">
        <v>24</v>
      </c>
      <c r="Z19244">
        <v>24</v>
      </c>
      <c r="AA19244">
        <v>24</v>
      </c>
      <c r="AB19244">
        <v>25</v>
      </c>
      <c r="AC19244">
        <v>25</v>
      </c>
      <c r="AD19244">
        <v>25</v>
      </c>
      <c r="AE19244">
        <v>26</v>
      </c>
      <c r="AF19244">
        <v>26</v>
      </c>
      <c r="AG19244">
        <v>26</v>
      </c>
      <c r="AH19244">
        <v>26</v>
      </c>
      <c r="AI19244">
        <v>26</v>
      </c>
      <c r="AJ19244">
        <v>26</v>
      </c>
      <c r="AK19244">
        <v>26</v>
      </c>
      <c r="AL19244">
        <v>26</v>
      </c>
      <c r="AM19244">
        <v>26</v>
      </c>
      <c r="AN19244">
        <v>26</v>
      </c>
      <c r="AO19244">
        <v>26</v>
      </c>
      <c r="AP19244">
        <v>26</v>
      </c>
      <c r="AQ19244">
        <v>26</v>
      </c>
    </row>
    <row r="19245" spans="1:43">
      <c r="A19245" t="s">
        <v>11920</v>
      </c>
      <c r="B19245" t="s">
        <v>11921</v>
      </c>
      <c r="C19245" t="s">
        <v>11792</v>
      </c>
      <c r="D19245" t="s">
        <v>11793</v>
      </c>
      <c r="E19245" t="s">
        <v>11610</v>
      </c>
      <c r="F19245" t="s">
        <v>11611</v>
      </c>
      <c r="G19245" t="s">
        <v>11612</v>
      </c>
      <c r="H19245" t="s">
        <v>11613</v>
      </c>
      <c r="I19245" s="2">
        <v>0</v>
      </c>
      <c r="J19245" s="2">
        <v>0</v>
      </c>
      <c r="K19245" s="2">
        <v>1</v>
      </c>
      <c r="L19245" t="s">
        <v>995</v>
      </c>
      <c r="M19245" t="s">
        <v>83</v>
      </c>
      <c r="N19245" t="s">
        <v>91</v>
      </c>
      <c r="O19245" t="s">
        <v>85</v>
      </c>
      <c r="P19245" t="s">
        <v>86</v>
      </c>
      <c r="Q19245">
        <v>20</v>
      </c>
      <c r="R19245">
        <v>20</v>
      </c>
      <c r="S19245">
        <v>21</v>
      </c>
      <c r="T19245">
        <v>21</v>
      </c>
      <c r="U19245">
        <v>21</v>
      </c>
      <c r="V19245">
        <v>22</v>
      </c>
      <c r="W19245">
        <v>22</v>
      </c>
      <c r="X19245">
        <v>22</v>
      </c>
      <c r="Y19245">
        <v>22</v>
      </c>
      <c r="Z19245">
        <v>23</v>
      </c>
      <c r="AA19245">
        <v>23</v>
      </c>
      <c r="AB19245">
        <v>23</v>
      </c>
      <c r="AC19245">
        <v>23</v>
      </c>
      <c r="AD19245">
        <v>24</v>
      </c>
      <c r="AE19245">
        <v>24</v>
      </c>
      <c r="AF19245">
        <v>24</v>
      </c>
      <c r="AG19245">
        <v>24</v>
      </c>
      <c r="AH19245">
        <v>25</v>
      </c>
      <c r="AI19245">
        <v>25</v>
      </c>
      <c r="AJ19245">
        <v>25</v>
      </c>
      <c r="AK19245">
        <v>25</v>
      </c>
      <c r="AL19245">
        <v>26</v>
      </c>
      <c r="AM19245">
        <v>26</v>
      </c>
      <c r="AN19245">
        <v>26</v>
      </c>
      <c r="AO19245">
        <v>26</v>
      </c>
      <c r="AP19245">
        <v>26</v>
      </c>
      <c r="AQ19245">
        <v>26</v>
      </c>
    </row>
    <row r="19246" spans="1:43">
      <c r="A19246" t="s">
        <v>11922</v>
      </c>
      <c r="B19246" t="s">
        <v>11923</v>
      </c>
      <c r="C19246" t="s">
        <v>11792</v>
      </c>
      <c r="D19246" t="s">
        <v>11793</v>
      </c>
      <c r="E19246" t="s">
        <v>11610</v>
      </c>
      <c r="F19246" t="s">
        <v>11611</v>
      </c>
      <c r="G19246" t="s">
        <v>11612</v>
      </c>
      <c r="H19246" t="s">
        <v>11613</v>
      </c>
      <c r="I19246" s="2">
        <v>0</v>
      </c>
      <c r="J19246" s="2">
        <v>0</v>
      </c>
      <c r="K19246" s="2">
        <v>1</v>
      </c>
      <c r="L19246" t="s">
        <v>995</v>
      </c>
      <c r="M19246" t="s">
        <v>83</v>
      </c>
      <c r="N19246" t="s">
        <v>84</v>
      </c>
      <c r="O19246" t="s">
        <v>85</v>
      </c>
      <c r="P19246" t="s">
        <v>86</v>
      </c>
      <c r="Q19246">
        <v>26</v>
      </c>
      <c r="R19246">
        <v>26</v>
      </c>
      <c r="S19246">
        <v>26</v>
      </c>
      <c r="T19246">
        <v>27</v>
      </c>
      <c r="U19246">
        <v>27</v>
      </c>
      <c r="V19246">
        <v>27</v>
      </c>
      <c r="W19246">
        <v>28</v>
      </c>
      <c r="X19246">
        <v>28</v>
      </c>
      <c r="Y19246">
        <v>28</v>
      </c>
      <c r="Z19246">
        <v>29</v>
      </c>
      <c r="AA19246">
        <v>29</v>
      </c>
      <c r="AB19246">
        <v>29</v>
      </c>
      <c r="AC19246">
        <v>30</v>
      </c>
      <c r="AD19246">
        <v>30</v>
      </c>
      <c r="AE19246">
        <v>30</v>
      </c>
      <c r="AF19246">
        <v>31</v>
      </c>
      <c r="AG19246">
        <v>31</v>
      </c>
      <c r="AH19246">
        <v>31</v>
      </c>
      <c r="AI19246">
        <v>32</v>
      </c>
      <c r="AJ19246">
        <v>32</v>
      </c>
      <c r="AK19246">
        <v>32</v>
      </c>
      <c r="AL19246">
        <v>32</v>
      </c>
      <c r="AM19246">
        <v>32</v>
      </c>
      <c r="AN19246">
        <v>33</v>
      </c>
      <c r="AO19246">
        <v>33</v>
      </c>
      <c r="AP19246">
        <v>33</v>
      </c>
      <c r="AQ19246">
        <v>33</v>
      </c>
    </row>
    <row r="19247" spans="1:43">
      <c r="A19247" t="s">
        <v>11922</v>
      </c>
      <c r="B19247" t="s">
        <v>11923</v>
      </c>
      <c r="C19247" t="s">
        <v>11792</v>
      </c>
      <c r="D19247" t="s">
        <v>11793</v>
      </c>
      <c r="E19247" t="s">
        <v>11610</v>
      </c>
      <c r="F19247" t="s">
        <v>11611</v>
      </c>
      <c r="G19247" t="s">
        <v>11612</v>
      </c>
      <c r="H19247" t="s">
        <v>11613</v>
      </c>
      <c r="I19247" s="2">
        <v>0</v>
      </c>
      <c r="J19247" s="2">
        <v>0</v>
      </c>
      <c r="K19247" s="2">
        <v>1</v>
      </c>
      <c r="L19247" t="s">
        <v>995</v>
      </c>
      <c r="M19247" t="s">
        <v>87</v>
      </c>
      <c r="N19247" t="s">
        <v>88</v>
      </c>
      <c r="O19247" t="s">
        <v>85</v>
      </c>
      <c r="P19247" t="s">
        <v>86</v>
      </c>
      <c r="Q19247">
        <v>26</v>
      </c>
      <c r="R19247">
        <v>27</v>
      </c>
      <c r="S19247">
        <v>27</v>
      </c>
      <c r="T19247">
        <v>27</v>
      </c>
      <c r="U19247">
        <v>27</v>
      </c>
      <c r="V19247">
        <v>27</v>
      </c>
      <c r="W19247">
        <v>27</v>
      </c>
      <c r="X19247">
        <v>27</v>
      </c>
      <c r="Y19247">
        <v>27</v>
      </c>
      <c r="Z19247">
        <v>27</v>
      </c>
      <c r="AA19247">
        <v>27</v>
      </c>
      <c r="AB19247">
        <v>28</v>
      </c>
      <c r="AC19247">
        <v>28</v>
      </c>
      <c r="AD19247">
        <v>28</v>
      </c>
      <c r="AE19247">
        <v>28</v>
      </c>
      <c r="AF19247">
        <v>28</v>
      </c>
      <c r="AG19247">
        <v>28</v>
      </c>
      <c r="AH19247">
        <v>28</v>
      </c>
      <c r="AI19247">
        <v>28</v>
      </c>
      <c r="AJ19247">
        <v>28</v>
      </c>
      <c r="AK19247">
        <v>29</v>
      </c>
      <c r="AL19247">
        <v>29</v>
      </c>
      <c r="AM19247">
        <v>29</v>
      </c>
      <c r="AN19247">
        <v>29</v>
      </c>
      <c r="AO19247">
        <v>29</v>
      </c>
      <c r="AP19247">
        <v>29</v>
      </c>
      <c r="AQ19247">
        <v>29</v>
      </c>
    </row>
    <row r="19248" spans="1:43">
      <c r="A19248" t="s">
        <v>11922</v>
      </c>
      <c r="B19248" t="s">
        <v>11923</v>
      </c>
      <c r="C19248" t="s">
        <v>11792</v>
      </c>
      <c r="D19248" t="s">
        <v>11793</v>
      </c>
      <c r="E19248" t="s">
        <v>11610</v>
      </c>
      <c r="F19248" t="s">
        <v>11611</v>
      </c>
      <c r="G19248" t="s">
        <v>11612</v>
      </c>
      <c r="H19248" t="s">
        <v>11613</v>
      </c>
      <c r="I19248" s="2">
        <v>0</v>
      </c>
      <c r="J19248" s="2">
        <v>0</v>
      </c>
      <c r="K19248" s="2">
        <v>1</v>
      </c>
      <c r="L19248" t="s">
        <v>995</v>
      </c>
      <c r="M19248" t="s">
        <v>89</v>
      </c>
      <c r="N19248" t="s">
        <v>90</v>
      </c>
      <c r="O19248" t="s">
        <v>85</v>
      </c>
      <c r="P19248" t="s">
        <v>86</v>
      </c>
      <c r="Q19248">
        <v>26</v>
      </c>
      <c r="R19248">
        <v>26</v>
      </c>
      <c r="S19248">
        <v>27</v>
      </c>
      <c r="T19248">
        <v>28</v>
      </c>
      <c r="U19248">
        <v>28</v>
      </c>
      <c r="V19248">
        <v>29</v>
      </c>
      <c r="W19248">
        <v>29</v>
      </c>
      <c r="X19248">
        <v>30</v>
      </c>
      <c r="Y19248">
        <v>30</v>
      </c>
      <c r="Z19248">
        <v>31</v>
      </c>
      <c r="AA19248">
        <v>31</v>
      </c>
      <c r="AB19248">
        <v>31</v>
      </c>
      <c r="AC19248">
        <v>32</v>
      </c>
      <c r="AD19248">
        <v>32</v>
      </c>
      <c r="AE19248">
        <v>33</v>
      </c>
      <c r="AF19248">
        <v>33</v>
      </c>
      <c r="AG19248">
        <v>33</v>
      </c>
      <c r="AH19248">
        <v>33</v>
      </c>
      <c r="AI19248">
        <v>33</v>
      </c>
      <c r="AJ19248">
        <v>33</v>
      </c>
      <c r="AK19248">
        <v>33</v>
      </c>
      <c r="AL19248">
        <v>33</v>
      </c>
      <c r="AM19248">
        <v>33</v>
      </c>
      <c r="AN19248">
        <v>33</v>
      </c>
      <c r="AO19248">
        <v>33</v>
      </c>
      <c r="AP19248">
        <v>33</v>
      </c>
      <c r="AQ19248">
        <v>33</v>
      </c>
    </row>
    <row r="19249" spans="1:43">
      <c r="A19249" t="s">
        <v>11922</v>
      </c>
      <c r="B19249" t="s">
        <v>11923</v>
      </c>
      <c r="C19249" t="s">
        <v>11792</v>
      </c>
      <c r="D19249" t="s">
        <v>11793</v>
      </c>
      <c r="E19249" t="s">
        <v>11610</v>
      </c>
      <c r="F19249" t="s">
        <v>11611</v>
      </c>
      <c r="G19249" t="s">
        <v>11612</v>
      </c>
      <c r="H19249" t="s">
        <v>11613</v>
      </c>
      <c r="I19249" s="2">
        <v>0</v>
      </c>
      <c r="J19249" s="2">
        <v>0</v>
      </c>
      <c r="K19249" s="2">
        <v>1</v>
      </c>
      <c r="L19249" t="s">
        <v>995</v>
      </c>
      <c r="M19249" t="s">
        <v>83</v>
      </c>
      <c r="N19249" t="s">
        <v>91</v>
      </c>
      <c r="O19249" t="s">
        <v>85</v>
      </c>
      <c r="P19249" t="s">
        <v>86</v>
      </c>
      <c r="Q19249">
        <v>26</v>
      </c>
      <c r="R19249">
        <v>26</v>
      </c>
      <c r="S19249">
        <v>26</v>
      </c>
      <c r="T19249">
        <v>27</v>
      </c>
      <c r="U19249">
        <v>27</v>
      </c>
      <c r="V19249">
        <v>27</v>
      </c>
      <c r="W19249">
        <v>28</v>
      </c>
      <c r="X19249">
        <v>28</v>
      </c>
      <c r="Y19249">
        <v>28</v>
      </c>
      <c r="Z19249">
        <v>29</v>
      </c>
      <c r="AA19249">
        <v>29</v>
      </c>
      <c r="AB19249">
        <v>29</v>
      </c>
      <c r="AC19249">
        <v>30</v>
      </c>
      <c r="AD19249">
        <v>30</v>
      </c>
      <c r="AE19249">
        <v>30</v>
      </c>
      <c r="AF19249">
        <v>31</v>
      </c>
      <c r="AG19249">
        <v>31</v>
      </c>
      <c r="AH19249">
        <v>31</v>
      </c>
      <c r="AI19249">
        <v>32</v>
      </c>
      <c r="AJ19249">
        <v>32</v>
      </c>
      <c r="AK19249">
        <v>32</v>
      </c>
      <c r="AL19249">
        <v>32</v>
      </c>
      <c r="AM19249">
        <v>32</v>
      </c>
      <c r="AN19249">
        <v>33</v>
      </c>
      <c r="AO19249">
        <v>33</v>
      </c>
      <c r="AP19249">
        <v>33</v>
      </c>
      <c r="AQ19249">
        <v>33</v>
      </c>
    </row>
    <row r="19250" spans="1:43">
      <c r="A19250" t="s">
        <v>11924</v>
      </c>
      <c r="B19250" t="s">
        <v>11925</v>
      </c>
      <c r="C19250" t="s">
        <v>11926</v>
      </c>
      <c r="D19250" t="s">
        <v>11927</v>
      </c>
      <c r="E19250" t="s">
        <v>11610</v>
      </c>
      <c r="F19250" t="s">
        <v>11611</v>
      </c>
      <c r="G19250" t="s">
        <v>11612</v>
      </c>
      <c r="H19250" t="s">
        <v>11613</v>
      </c>
      <c r="I19250" s="2">
        <v>0</v>
      </c>
      <c r="J19250" s="2">
        <v>0</v>
      </c>
      <c r="K19250" s="2">
        <v>1</v>
      </c>
      <c r="L19250" t="s">
        <v>995</v>
      </c>
      <c r="M19250" t="s">
        <v>83</v>
      </c>
      <c r="N19250" t="s">
        <v>84</v>
      </c>
      <c r="O19250" t="s">
        <v>85</v>
      </c>
      <c r="P19250" t="s">
        <v>86</v>
      </c>
      <c r="Q19250">
        <v>42</v>
      </c>
      <c r="R19250">
        <v>43</v>
      </c>
      <c r="S19250">
        <v>43</v>
      </c>
      <c r="T19250">
        <v>44</v>
      </c>
      <c r="U19250">
        <v>44</v>
      </c>
      <c r="V19250">
        <v>45</v>
      </c>
      <c r="W19250">
        <v>45</v>
      </c>
      <c r="X19250">
        <v>46</v>
      </c>
      <c r="Y19250">
        <v>47</v>
      </c>
      <c r="Z19250">
        <v>47</v>
      </c>
      <c r="AA19250">
        <v>48</v>
      </c>
      <c r="AB19250">
        <v>48</v>
      </c>
      <c r="AC19250">
        <v>49</v>
      </c>
      <c r="AD19250">
        <v>49</v>
      </c>
      <c r="AE19250">
        <v>50</v>
      </c>
      <c r="AF19250">
        <v>50</v>
      </c>
      <c r="AG19250">
        <v>51</v>
      </c>
      <c r="AH19250">
        <v>51</v>
      </c>
      <c r="AI19250">
        <v>52</v>
      </c>
      <c r="AJ19250">
        <v>53</v>
      </c>
      <c r="AK19250">
        <v>53</v>
      </c>
      <c r="AL19250">
        <v>53</v>
      </c>
      <c r="AM19250">
        <v>53</v>
      </c>
      <c r="AN19250">
        <v>53</v>
      </c>
      <c r="AO19250">
        <v>53</v>
      </c>
      <c r="AP19250">
        <v>53</v>
      </c>
      <c r="AQ19250">
        <v>54</v>
      </c>
    </row>
    <row r="19251" spans="1:43">
      <c r="A19251" t="s">
        <v>11924</v>
      </c>
      <c r="B19251" t="s">
        <v>11925</v>
      </c>
      <c r="C19251" t="s">
        <v>11926</v>
      </c>
      <c r="D19251" t="s">
        <v>11927</v>
      </c>
      <c r="E19251" t="s">
        <v>11610</v>
      </c>
      <c r="F19251" t="s">
        <v>11611</v>
      </c>
      <c r="G19251" t="s">
        <v>11612</v>
      </c>
      <c r="H19251" t="s">
        <v>11613</v>
      </c>
      <c r="I19251" s="2">
        <v>0</v>
      </c>
      <c r="J19251" s="2">
        <v>0</v>
      </c>
      <c r="K19251" s="2">
        <v>1</v>
      </c>
      <c r="L19251" t="s">
        <v>995</v>
      </c>
      <c r="M19251" t="s">
        <v>87</v>
      </c>
      <c r="N19251" t="s">
        <v>88</v>
      </c>
      <c r="O19251" t="s">
        <v>85</v>
      </c>
      <c r="P19251" t="s">
        <v>86</v>
      </c>
      <c r="Q19251">
        <v>42</v>
      </c>
      <c r="R19251">
        <v>42</v>
      </c>
      <c r="S19251">
        <v>42</v>
      </c>
      <c r="T19251">
        <v>42</v>
      </c>
      <c r="U19251">
        <v>42</v>
      </c>
      <c r="V19251">
        <v>43</v>
      </c>
      <c r="W19251">
        <v>43</v>
      </c>
      <c r="X19251">
        <v>43</v>
      </c>
      <c r="Y19251">
        <v>43</v>
      </c>
      <c r="Z19251">
        <v>43</v>
      </c>
      <c r="AA19251">
        <v>43</v>
      </c>
      <c r="AB19251">
        <v>44</v>
      </c>
      <c r="AC19251">
        <v>44</v>
      </c>
      <c r="AD19251">
        <v>44</v>
      </c>
      <c r="AE19251">
        <v>44</v>
      </c>
      <c r="AF19251">
        <v>44</v>
      </c>
      <c r="AG19251">
        <v>44</v>
      </c>
      <c r="AH19251">
        <v>45</v>
      </c>
      <c r="AI19251">
        <v>45</v>
      </c>
      <c r="AJ19251">
        <v>45</v>
      </c>
      <c r="AK19251">
        <v>45</v>
      </c>
      <c r="AL19251">
        <v>45</v>
      </c>
      <c r="AM19251">
        <v>46</v>
      </c>
      <c r="AN19251">
        <v>46</v>
      </c>
      <c r="AO19251">
        <v>46</v>
      </c>
      <c r="AP19251">
        <v>46</v>
      </c>
      <c r="AQ19251">
        <v>46</v>
      </c>
    </row>
    <row r="19252" spans="1:43">
      <c r="A19252" t="s">
        <v>11924</v>
      </c>
      <c r="B19252" t="s">
        <v>11925</v>
      </c>
      <c r="C19252" t="s">
        <v>11926</v>
      </c>
      <c r="D19252" t="s">
        <v>11927</v>
      </c>
      <c r="E19252" t="s">
        <v>11610</v>
      </c>
      <c r="F19252" t="s">
        <v>11611</v>
      </c>
      <c r="G19252" t="s">
        <v>11612</v>
      </c>
      <c r="H19252" t="s">
        <v>11613</v>
      </c>
      <c r="I19252" s="2">
        <v>0</v>
      </c>
      <c r="J19252" s="2">
        <v>0</v>
      </c>
      <c r="K19252" s="2">
        <v>1</v>
      </c>
      <c r="L19252" t="s">
        <v>995</v>
      </c>
      <c r="M19252" t="s">
        <v>89</v>
      </c>
      <c r="N19252" t="s">
        <v>90</v>
      </c>
      <c r="O19252" t="s">
        <v>85</v>
      </c>
      <c r="P19252" t="s">
        <v>86</v>
      </c>
      <c r="Q19252">
        <v>42</v>
      </c>
      <c r="R19252">
        <v>43</v>
      </c>
      <c r="S19252">
        <v>44</v>
      </c>
      <c r="T19252">
        <v>45</v>
      </c>
      <c r="U19252">
        <v>46</v>
      </c>
      <c r="V19252">
        <v>47</v>
      </c>
      <c r="W19252">
        <v>48</v>
      </c>
      <c r="X19252">
        <v>49</v>
      </c>
      <c r="Y19252">
        <v>49</v>
      </c>
      <c r="Z19252">
        <v>50</v>
      </c>
      <c r="AA19252">
        <v>51</v>
      </c>
      <c r="AB19252">
        <v>52</v>
      </c>
      <c r="AC19252">
        <v>52</v>
      </c>
      <c r="AD19252">
        <v>53</v>
      </c>
      <c r="AE19252">
        <v>54</v>
      </c>
      <c r="AF19252">
        <v>54</v>
      </c>
      <c r="AG19252">
        <v>54</v>
      </c>
      <c r="AH19252">
        <v>54</v>
      </c>
      <c r="AI19252">
        <v>54</v>
      </c>
      <c r="AJ19252">
        <v>54</v>
      </c>
      <c r="AK19252">
        <v>54</v>
      </c>
      <c r="AL19252">
        <v>54</v>
      </c>
      <c r="AM19252">
        <v>54</v>
      </c>
      <c r="AN19252">
        <v>54</v>
      </c>
      <c r="AO19252">
        <v>54</v>
      </c>
      <c r="AP19252">
        <v>54</v>
      </c>
      <c r="AQ19252">
        <v>54</v>
      </c>
    </row>
    <row r="19253" spans="1:43">
      <c r="A19253" t="s">
        <v>11924</v>
      </c>
      <c r="B19253" t="s">
        <v>11925</v>
      </c>
      <c r="C19253" t="s">
        <v>11926</v>
      </c>
      <c r="D19253" t="s">
        <v>11927</v>
      </c>
      <c r="E19253" t="s">
        <v>11610</v>
      </c>
      <c r="F19253" t="s">
        <v>11611</v>
      </c>
      <c r="G19253" t="s">
        <v>11612</v>
      </c>
      <c r="H19253" t="s">
        <v>11613</v>
      </c>
      <c r="I19253" s="2">
        <v>0</v>
      </c>
      <c r="J19253" s="2">
        <v>0</v>
      </c>
      <c r="K19253" s="2">
        <v>1</v>
      </c>
      <c r="L19253" t="s">
        <v>995</v>
      </c>
      <c r="M19253" t="s">
        <v>83</v>
      </c>
      <c r="N19253" t="s">
        <v>91</v>
      </c>
      <c r="O19253" t="s">
        <v>85</v>
      </c>
      <c r="P19253" t="s">
        <v>86</v>
      </c>
      <c r="Q19253">
        <v>42</v>
      </c>
      <c r="R19253">
        <v>43</v>
      </c>
      <c r="S19253">
        <v>43</v>
      </c>
      <c r="T19253">
        <v>44</v>
      </c>
      <c r="U19253">
        <v>44</v>
      </c>
      <c r="V19253">
        <v>45</v>
      </c>
      <c r="W19253">
        <v>45</v>
      </c>
      <c r="X19253">
        <v>46</v>
      </c>
      <c r="Y19253">
        <v>47</v>
      </c>
      <c r="Z19253">
        <v>47</v>
      </c>
      <c r="AA19253">
        <v>48</v>
      </c>
      <c r="AB19253">
        <v>48</v>
      </c>
      <c r="AC19253">
        <v>49</v>
      </c>
      <c r="AD19253">
        <v>49</v>
      </c>
      <c r="AE19253">
        <v>50</v>
      </c>
      <c r="AF19253">
        <v>50</v>
      </c>
      <c r="AG19253">
        <v>51</v>
      </c>
      <c r="AH19253">
        <v>51</v>
      </c>
      <c r="AI19253">
        <v>52</v>
      </c>
      <c r="AJ19253">
        <v>53</v>
      </c>
      <c r="AK19253">
        <v>53</v>
      </c>
      <c r="AL19253">
        <v>53</v>
      </c>
      <c r="AM19253">
        <v>53</v>
      </c>
      <c r="AN19253">
        <v>53</v>
      </c>
      <c r="AO19253">
        <v>53</v>
      </c>
      <c r="AP19253">
        <v>53</v>
      </c>
      <c r="AQ19253">
        <v>54</v>
      </c>
    </row>
    <row r="19254" spans="1:43">
      <c r="A19254" t="s">
        <v>11928</v>
      </c>
      <c r="B19254" t="s">
        <v>11929</v>
      </c>
      <c r="C19254" t="s">
        <v>11930</v>
      </c>
      <c r="D19254" t="s">
        <v>11931</v>
      </c>
      <c r="E19254" t="s">
        <v>11610</v>
      </c>
      <c r="F19254" t="s">
        <v>11611</v>
      </c>
      <c r="G19254" t="s">
        <v>11612</v>
      </c>
      <c r="H19254" t="s">
        <v>11613</v>
      </c>
      <c r="I19254" s="2">
        <v>0</v>
      </c>
      <c r="J19254" s="2">
        <v>0</v>
      </c>
      <c r="K19254" s="2">
        <v>1</v>
      </c>
      <c r="L19254" t="s">
        <v>995</v>
      </c>
      <c r="M19254" t="s">
        <v>83</v>
      </c>
      <c r="N19254" t="s">
        <v>84</v>
      </c>
      <c r="O19254" t="s">
        <v>85</v>
      </c>
      <c r="P19254" t="s">
        <v>86</v>
      </c>
      <c r="Q19254">
        <v>46</v>
      </c>
      <c r="R19254">
        <v>47</v>
      </c>
      <c r="S19254">
        <v>48</v>
      </c>
      <c r="T19254">
        <v>48</v>
      </c>
      <c r="U19254">
        <v>49</v>
      </c>
      <c r="V19254">
        <v>49</v>
      </c>
      <c r="W19254">
        <v>50</v>
      </c>
      <c r="X19254">
        <v>51</v>
      </c>
      <c r="Y19254">
        <v>51</v>
      </c>
      <c r="Z19254">
        <v>52</v>
      </c>
      <c r="AA19254">
        <v>52</v>
      </c>
      <c r="AB19254">
        <v>53</v>
      </c>
      <c r="AC19254">
        <v>54</v>
      </c>
      <c r="AD19254">
        <v>54</v>
      </c>
      <c r="AE19254">
        <v>55</v>
      </c>
      <c r="AF19254">
        <v>55</v>
      </c>
      <c r="AG19254">
        <v>56</v>
      </c>
      <c r="AH19254">
        <v>57</v>
      </c>
      <c r="AI19254">
        <v>57</v>
      </c>
      <c r="AJ19254">
        <v>58</v>
      </c>
      <c r="AK19254">
        <v>58</v>
      </c>
      <c r="AL19254">
        <v>59</v>
      </c>
      <c r="AM19254">
        <v>59</v>
      </c>
      <c r="AN19254">
        <v>59</v>
      </c>
      <c r="AO19254">
        <v>59</v>
      </c>
      <c r="AP19254">
        <v>59</v>
      </c>
      <c r="AQ19254">
        <v>59</v>
      </c>
    </row>
    <row r="19255" spans="1:43">
      <c r="A19255" t="s">
        <v>11928</v>
      </c>
      <c r="B19255" t="s">
        <v>11929</v>
      </c>
      <c r="C19255" t="s">
        <v>11930</v>
      </c>
      <c r="D19255" t="s">
        <v>11931</v>
      </c>
      <c r="E19255" t="s">
        <v>11610</v>
      </c>
      <c r="F19255" t="s">
        <v>11611</v>
      </c>
      <c r="G19255" t="s">
        <v>11612</v>
      </c>
      <c r="H19255" t="s">
        <v>11613</v>
      </c>
      <c r="I19255" s="2">
        <v>0</v>
      </c>
      <c r="J19255" s="2">
        <v>0</v>
      </c>
      <c r="K19255" s="2">
        <v>1</v>
      </c>
      <c r="L19255" t="s">
        <v>995</v>
      </c>
      <c r="M19255" t="s">
        <v>87</v>
      </c>
      <c r="N19255" t="s">
        <v>88</v>
      </c>
      <c r="O19255" t="s">
        <v>85</v>
      </c>
      <c r="P19255" t="s">
        <v>86</v>
      </c>
      <c r="Q19255">
        <v>46</v>
      </c>
      <c r="R19255">
        <v>46</v>
      </c>
      <c r="S19255">
        <v>46</v>
      </c>
      <c r="T19255">
        <v>46</v>
      </c>
      <c r="U19255">
        <v>47</v>
      </c>
      <c r="V19255">
        <v>47</v>
      </c>
      <c r="W19255">
        <v>47</v>
      </c>
      <c r="X19255">
        <v>47</v>
      </c>
      <c r="Y19255">
        <v>47</v>
      </c>
      <c r="Z19255">
        <v>48</v>
      </c>
      <c r="AA19255">
        <v>48</v>
      </c>
      <c r="AB19255">
        <v>48</v>
      </c>
      <c r="AC19255">
        <v>48</v>
      </c>
      <c r="AD19255">
        <v>48</v>
      </c>
      <c r="AE19255">
        <v>49</v>
      </c>
      <c r="AF19255">
        <v>49</v>
      </c>
      <c r="AG19255">
        <v>49</v>
      </c>
      <c r="AH19255">
        <v>49</v>
      </c>
      <c r="AI19255">
        <v>49</v>
      </c>
      <c r="AJ19255">
        <v>49</v>
      </c>
      <c r="AK19255">
        <v>50</v>
      </c>
      <c r="AL19255">
        <v>50</v>
      </c>
      <c r="AM19255">
        <v>50</v>
      </c>
      <c r="AN19255">
        <v>50</v>
      </c>
      <c r="AO19255">
        <v>50</v>
      </c>
      <c r="AP19255">
        <v>51</v>
      </c>
      <c r="AQ19255">
        <v>51</v>
      </c>
    </row>
    <row r="19256" spans="1:43">
      <c r="A19256" t="s">
        <v>11928</v>
      </c>
      <c r="B19256" t="s">
        <v>11929</v>
      </c>
      <c r="C19256" t="s">
        <v>11930</v>
      </c>
      <c r="D19256" t="s">
        <v>11931</v>
      </c>
      <c r="E19256" t="s">
        <v>11610</v>
      </c>
      <c r="F19256" t="s">
        <v>11611</v>
      </c>
      <c r="G19256" t="s">
        <v>11612</v>
      </c>
      <c r="H19256" t="s">
        <v>11613</v>
      </c>
      <c r="I19256" s="2">
        <v>0</v>
      </c>
      <c r="J19256" s="2">
        <v>0</v>
      </c>
      <c r="K19256" s="2">
        <v>1</v>
      </c>
      <c r="L19256" t="s">
        <v>995</v>
      </c>
      <c r="M19256" t="s">
        <v>89</v>
      </c>
      <c r="N19256" t="s">
        <v>90</v>
      </c>
      <c r="O19256" t="s">
        <v>85</v>
      </c>
      <c r="P19256" t="s">
        <v>86</v>
      </c>
      <c r="Q19256">
        <v>46</v>
      </c>
      <c r="R19256">
        <v>47</v>
      </c>
      <c r="S19256">
        <v>48</v>
      </c>
      <c r="T19256">
        <v>49</v>
      </c>
      <c r="U19256">
        <v>50</v>
      </c>
      <c r="V19256">
        <v>51</v>
      </c>
      <c r="W19256">
        <v>52</v>
      </c>
      <c r="X19256">
        <v>52</v>
      </c>
      <c r="Y19256">
        <v>53</v>
      </c>
      <c r="Z19256">
        <v>54</v>
      </c>
      <c r="AA19256">
        <v>55</v>
      </c>
      <c r="AB19256">
        <v>56</v>
      </c>
      <c r="AC19256">
        <v>57</v>
      </c>
      <c r="AD19256">
        <v>57</v>
      </c>
      <c r="AE19256">
        <v>58</v>
      </c>
      <c r="AF19256">
        <v>58</v>
      </c>
      <c r="AG19256">
        <v>58</v>
      </c>
      <c r="AH19256">
        <v>58</v>
      </c>
      <c r="AI19256">
        <v>58</v>
      </c>
      <c r="AJ19256">
        <v>58</v>
      </c>
      <c r="AK19256">
        <v>58</v>
      </c>
      <c r="AL19256">
        <v>58</v>
      </c>
      <c r="AM19256">
        <v>58</v>
      </c>
      <c r="AN19256">
        <v>58</v>
      </c>
      <c r="AO19256">
        <v>58</v>
      </c>
      <c r="AP19256">
        <v>58</v>
      </c>
      <c r="AQ19256">
        <v>58</v>
      </c>
    </row>
    <row r="19257" spans="1:43">
      <c r="A19257" t="s">
        <v>11928</v>
      </c>
      <c r="B19257" t="s">
        <v>11929</v>
      </c>
      <c r="C19257" t="s">
        <v>11930</v>
      </c>
      <c r="D19257" t="s">
        <v>11931</v>
      </c>
      <c r="E19257" t="s">
        <v>11610</v>
      </c>
      <c r="F19257" t="s">
        <v>11611</v>
      </c>
      <c r="G19257" t="s">
        <v>11612</v>
      </c>
      <c r="H19257" t="s">
        <v>11613</v>
      </c>
      <c r="I19257" s="2">
        <v>0</v>
      </c>
      <c r="J19257" s="2">
        <v>0</v>
      </c>
      <c r="K19257" s="2">
        <v>1</v>
      </c>
      <c r="L19257" t="s">
        <v>995</v>
      </c>
      <c r="M19257" t="s">
        <v>83</v>
      </c>
      <c r="N19257" t="s">
        <v>91</v>
      </c>
      <c r="O19257" t="s">
        <v>85</v>
      </c>
      <c r="P19257" t="s">
        <v>86</v>
      </c>
      <c r="Q19257">
        <v>46</v>
      </c>
      <c r="R19257">
        <v>47</v>
      </c>
      <c r="S19257">
        <v>48</v>
      </c>
      <c r="T19257">
        <v>48</v>
      </c>
      <c r="U19257">
        <v>49</v>
      </c>
      <c r="V19257">
        <v>49</v>
      </c>
      <c r="W19257">
        <v>50</v>
      </c>
      <c r="X19257">
        <v>51</v>
      </c>
      <c r="Y19257">
        <v>51</v>
      </c>
      <c r="Z19257">
        <v>52</v>
      </c>
      <c r="AA19257">
        <v>52</v>
      </c>
      <c r="AB19257">
        <v>53</v>
      </c>
      <c r="AC19257">
        <v>54</v>
      </c>
      <c r="AD19257">
        <v>54</v>
      </c>
      <c r="AE19257">
        <v>55</v>
      </c>
      <c r="AF19257">
        <v>55</v>
      </c>
      <c r="AG19257">
        <v>56</v>
      </c>
      <c r="AH19257">
        <v>57</v>
      </c>
      <c r="AI19257">
        <v>57</v>
      </c>
      <c r="AJ19257">
        <v>58</v>
      </c>
      <c r="AK19257">
        <v>58</v>
      </c>
      <c r="AL19257">
        <v>59</v>
      </c>
      <c r="AM19257">
        <v>59</v>
      </c>
      <c r="AN19257">
        <v>59</v>
      </c>
      <c r="AO19257">
        <v>59</v>
      </c>
      <c r="AP19257">
        <v>59</v>
      </c>
      <c r="AQ19257">
        <v>59</v>
      </c>
    </row>
    <row r="19258" spans="1:43">
      <c r="A19258" t="s">
        <v>11932</v>
      </c>
      <c r="B19258" t="s">
        <v>11933</v>
      </c>
      <c r="C19258" t="s">
        <v>11934</v>
      </c>
      <c r="D19258" t="s">
        <v>11935</v>
      </c>
      <c r="E19258" t="s">
        <v>11610</v>
      </c>
      <c r="F19258" t="s">
        <v>11611</v>
      </c>
      <c r="G19258" t="s">
        <v>11612</v>
      </c>
      <c r="H19258" t="s">
        <v>11613</v>
      </c>
      <c r="I19258" s="2">
        <v>0</v>
      </c>
      <c r="J19258" s="2">
        <v>0</v>
      </c>
      <c r="K19258" s="2">
        <v>1</v>
      </c>
      <c r="L19258" t="s">
        <v>995</v>
      </c>
      <c r="M19258" t="s">
        <v>83</v>
      </c>
      <c r="N19258" t="s">
        <v>84</v>
      </c>
      <c r="O19258" t="s">
        <v>85</v>
      </c>
      <c r="P19258" t="s">
        <v>86</v>
      </c>
      <c r="Q19258">
        <v>87</v>
      </c>
      <c r="R19258">
        <v>88</v>
      </c>
      <c r="S19258">
        <v>90</v>
      </c>
      <c r="T19258">
        <v>91</v>
      </c>
      <c r="U19258">
        <v>92</v>
      </c>
      <c r="V19258">
        <v>93</v>
      </c>
      <c r="W19258">
        <v>94</v>
      </c>
      <c r="X19258">
        <v>95</v>
      </c>
      <c r="Y19258">
        <v>97</v>
      </c>
      <c r="Z19258">
        <v>98</v>
      </c>
      <c r="AA19258">
        <v>99</v>
      </c>
      <c r="AB19258">
        <v>100</v>
      </c>
      <c r="AC19258">
        <v>101</v>
      </c>
      <c r="AD19258">
        <v>102</v>
      </c>
      <c r="AE19258">
        <v>103</v>
      </c>
      <c r="AF19258">
        <v>104</v>
      </c>
      <c r="AG19258">
        <v>105</v>
      </c>
      <c r="AH19258">
        <v>106</v>
      </c>
      <c r="AI19258">
        <v>107</v>
      </c>
      <c r="AJ19258">
        <v>108</v>
      </c>
      <c r="AK19258">
        <v>109</v>
      </c>
      <c r="AL19258">
        <v>110</v>
      </c>
      <c r="AM19258">
        <v>110</v>
      </c>
      <c r="AN19258">
        <v>110</v>
      </c>
      <c r="AO19258">
        <v>110</v>
      </c>
      <c r="AP19258">
        <v>110</v>
      </c>
      <c r="AQ19258">
        <v>110</v>
      </c>
    </row>
    <row r="19259" spans="1:43">
      <c r="A19259" t="s">
        <v>11932</v>
      </c>
      <c r="B19259" t="s">
        <v>11933</v>
      </c>
      <c r="C19259" t="s">
        <v>11934</v>
      </c>
      <c r="D19259" t="s">
        <v>11935</v>
      </c>
      <c r="E19259" t="s">
        <v>11610</v>
      </c>
      <c r="F19259" t="s">
        <v>11611</v>
      </c>
      <c r="G19259" t="s">
        <v>11612</v>
      </c>
      <c r="H19259" t="s">
        <v>11613</v>
      </c>
      <c r="I19259" s="2">
        <v>0</v>
      </c>
      <c r="J19259" s="2">
        <v>0</v>
      </c>
      <c r="K19259" s="2">
        <v>1</v>
      </c>
      <c r="L19259" t="s">
        <v>995</v>
      </c>
      <c r="M19259" t="s">
        <v>87</v>
      </c>
      <c r="N19259" t="s">
        <v>88</v>
      </c>
      <c r="O19259" t="s">
        <v>85</v>
      </c>
      <c r="P19259" t="s">
        <v>86</v>
      </c>
      <c r="Q19259">
        <v>87</v>
      </c>
      <c r="R19259">
        <v>88</v>
      </c>
      <c r="S19259">
        <v>88</v>
      </c>
      <c r="T19259">
        <v>89</v>
      </c>
      <c r="U19259">
        <v>89</v>
      </c>
      <c r="V19259">
        <v>89</v>
      </c>
      <c r="W19259">
        <v>90</v>
      </c>
      <c r="X19259">
        <v>90</v>
      </c>
      <c r="Y19259">
        <v>90</v>
      </c>
      <c r="Z19259">
        <v>91</v>
      </c>
      <c r="AA19259">
        <v>91</v>
      </c>
      <c r="AB19259">
        <v>91</v>
      </c>
      <c r="AC19259">
        <v>92</v>
      </c>
      <c r="AD19259">
        <v>92</v>
      </c>
      <c r="AE19259">
        <v>93</v>
      </c>
      <c r="AF19259">
        <v>93</v>
      </c>
      <c r="AG19259">
        <v>93</v>
      </c>
      <c r="AH19259">
        <v>94</v>
      </c>
      <c r="AI19259">
        <v>94</v>
      </c>
      <c r="AJ19259">
        <v>94</v>
      </c>
      <c r="AK19259">
        <v>95</v>
      </c>
      <c r="AL19259">
        <v>95</v>
      </c>
      <c r="AM19259">
        <v>96</v>
      </c>
      <c r="AN19259">
        <v>96</v>
      </c>
      <c r="AO19259">
        <v>96</v>
      </c>
      <c r="AP19259">
        <v>97</v>
      </c>
      <c r="AQ19259">
        <v>97</v>
      </c>
    </row>
    <row r="19260" spans="1:43">
      <c r="A19260" t="s">
        <v>11932</v>
      </c>
      <c r="B19260" t="s">
        <v>11933</v>
      </c>
      <c r="C19260" t="s">
        <v>11934</v>
      </c>
      <c r="D19260" t="s">
        <v>11935</v>
      </c>
      <c r="E19260" t="s">
        <v>11610</v>
      </c>
      <c r="F19260" t="s">
        <v>11611</v>
      </c>
      <c r="G19260" t="s">
        <v>11612</v>
      </c>
      <c r="H19260" t="s">
        <v>11613</v>
      </c>
      <c r="I19260" s="2">
        <v>0</v>
      </c>
      <c r="J19260" s="2">
        <v>0</v>
      </c>
      <c r="K19260" s="2">
        <v>1</v>
      </c>
      <c r="L19260" t="s">
        <v>995</v>
      </c>
      <c r="M19260" t="s">
        <v>89</v>
      </c>
      <c r="N19260" t="s">
        <v>90</v>
      </c>
      <c r="O19260" t="s">
        <v>85</v>
      </c>
      <c r="P19260" t="s">
        <v>86</v>
      </c>
      <c r="Q19260">
        <v>87</v>
      </c>
      <c r="R19260">
        <v>89</v>
      </c>
      <c r="S19260">
        <v>91</v>
      </c>
      <c r="T19260">
        <v>93</v>
      </c>
      <c r="U19260">
        <v>95</v>
      </c>
      <c r="V19260">
        <v>96</v>
      </c>
      <c r="W19260">
        <v>98</v>
      </c>
      <c r="X19260">
        <v>100</v>
      </c>
      <c r="Y19260">
        <v>101</v>
      </c>
      <c r="Z19260">
        <v>103</v>
      </c>
      <c r="AA19260">
        <v>104</v>
      </c>
      <c r="AB19260">
        <v>106</v>
      </c>
      <c r="AC19260">
        <v>107</v>
      </c>
      <c r="AD19260">
        <v>109</v>
      </c>
      <c r="AE19260">
        <v>109</v>
      </c>
      <c r="AF19260">
        <v>109</v>
      </c>
      <c r="AG19260">
        <v>109</v>
      </c>
      <c r="AH19260">
        <v>109</v>
      </c>
      <c r="AI19260">
        <v>109</v>
      </c>
      <c r="AJ19260">
        <v>109</v>
      </c>
      <c r="AK19260">
        <v>109</v>
      </c>
      <c r="AL19260">
        <v>109</v>
      </c>
      <c r="AM19260">
        <v>109</v>
      </c>
      <c r="AN19260">
        <v>109</v>
      </c>
      <c r="AO19260">
        <v>109</v>
      </c>
      <c r="AP19260">
        <v>109</v>
      </c>
      <c r="AQ19260">
        <v>109</v>
      </c>
    </row>
    <row r="19261" spans="1:43">
      <c r="A19261" t="s">
        <v>11932</v>
      </c>
      <c r="B19261" t="s">
        <v>11933</v>
      </c>
      <c r="C19261" t="s">
        <v>11934</v>
      </c>
      <c r="D19261" t="s">
        <v>11935</v>
      </c>
      <c r="E19261" t="s">
        <v>11610</v>
      </c>
      <c r="F19261" t="s">
        <v>11611</v>
      </c>
      <c r="G19261" t="s">
        <v>11612</v>
      </c>
      <c r="H19261" t="s">
        <v>11613</v>
      </c>
      <c r="I19261" s="2">
        <v>0</v>
      </c>
      <c r="J19261" s="2">
        <v>0</v>
      </c>
      <c r="K19261" s="2">
        <v>1</v>
      </c>
      <c r="L19261" t="s">
        <v>995</v>
      </c>
      <c r="M19261" t="s">
        <v>83</v>
      </c>
      <c r="N19261" t="s">
        <v>91</v>
      </c>
      <c r="O19261" t="s">
        <v>85</v>
      </c>
      <c r="P19261" t="s">
        <v>86</v>
      </c>
      <c r="Q19261">
        <v>87</v>
      </c>
      <c r="R19261">
        <v>88</v>
      </c>
      <c r="S19261">
        <v>90</v>
      </c>
      <c r="T19261">
        <v>91</v>
      </c>
      <c r="U19261">
        <v>92</v>
      </c>
      <c r="V19261">
        <v>93</v>
      </c>
      <c r="W19261">
        <v>94</v>
      </c>
      <c r="X19261">
        <v>95</v>
      </c>
      <c r="Y19261">
        <v>97</v>
      </c>
      <c r="Z19261">
        <v>98</v>
      </c>
      <c r="AA19261">
        <v>99</v>
      </c>
      <c r="AB19261">
        <v>100</v>
      </c>
      <c r="AC19261">
        <v>101</v>
      </c>
      <c r="AD19261">
        <v>102</v>
      </c>
      <c r="AE19261">
        <v>103</v>
      </c>
      <c r="AF19261">
        <v>104</v>
      </c>
      <c r="AG19261">
        <v>105</v>
      </c>
      <c r="AH19261">
        <v>106</v>
      </c>
      <c r="AI19261">
        <v>107</v>
      </c>
      <c r="AJ19261">
        <v>108</v>
      </c>
      <c r="AK19261">
        <v>109</v>
      </c>
      <c r="AL19261">
        <v>110</v>
      </c>
      <c r="AM19261">
        <v>110</v>
      </c>
      <c r="AN19261">
        <v>110</v>
      </c>
      <c r="AO19261">
        <v>110</v>
      </c>
      <c r="AP19261">
        <v>110</v>
      </c>
      <c r="AQ19261">
        <v>110</v>
      </c>
    </row>
    <row r="19262" spans="1:43">
      <c r="A19262" t="s">
        <v>11936</v>
      </c>
      <c r="B19262" t="s">
        <v>11937</v>
      </c>
      <c r="C19262" t="s">
        <v>11930</v>
      </c>
      <c r="D19262" t="s">
        <v>11931</v>
      </c>
      <c r="E19262" t="s">
        <v>11610</v>
      </c>
      <c r="F19262" t="s">
        <v>11611</v>
      </c>
      <c r="G19262" t="s">
        <v>11612</v>
      </c>
      <c r="H19262" t="s">
        <v>11613</v>
      </c>
      <c r="I19262" s="2">
        <v>0</v>
      </c>
      <c r="J19262" s="2">
        <v>0</v>
      </c>
      <c r="K19262" s="2">
        <v>1</v>
      </c>
      <c r="L19262" t="s">
        <v>995</v>
      </c>
      <c r="M19262" t="s">
        <v>83</v>
      </c>
      <c r="N19262" t="s">
        <v>84</v>
      </c>
      <c r="O19262" t="s">
        <v>85</v>
      </c>
      <c r="P19262" t="s">
        <v>86</v>
      </c>
      <c r="Q19262">
        <v>9</v>
      </c>
      <c r="R19262">
        <v>9</v>
      </c>
      <c r="S19262">
        <v>10</v>
      </c>
      <c r="T19262">
        <v>10</v>
      </c>
      <c r="U19262">
        <v>10</v>
      </c>
      <c r="V19262">
        <v>10</v>
      </c>
      <c r="W19262">
        <v>10</v>
      </c>
      <c r="X19262">
        <v>10</v>
      </c>
      <c r="Y19262">
        <v>10</v>
      </c>
      <c r="Z19262">
        <v>10</v>
      </c>
      <c r="AA19262">
        <v>11</v>
      </c>
      <c r="AB19262">
        <v>11</v>
      </c>
      <c r="AC19262">
        <v>11</v>
      </c>
      <c r="AD19262">
        <v>11</v>
      </c>
      <c r="AE19262">
        <v>11</v>
      </c>
      <c r="AF19262">
        <v>11</v>
      </c>
      <c r="AG19262">
        <v>11</v>
      </c>
      <c r="AH19262">
        <v>11</v>
      </c>
      <c r="AI19262">
        <v>11</v>
      </c>
      <c r="AJ19262">
        <v>12</v>
      </c>
      <c r="AK19262">
        <v>12</v>
      </c>
      <c r="AL19262">
        <v>12</v>
      </c>
      <c r="AM19262">
        <v>12</v>
      </c>
      <c r="AN19262">
        <v>12</v>
      </c>
      <c r="AO19262">
        <v>12</v>
      </c>
      <c r="AP19262">
        <v>12</v>
      </c>
      <c r="AQ19262">
        <v>12</v>
      </c>
    </row>
    <row r="19263" spans="1:43">
      <c r="A19263" t="s">
        <v>11936</v>
      </c>
      <c r="B19263" t="s">
        <v>11937</v>
      </c>
      <c r="C19263" t="s">
        <v>11930</v>
      </c>
      <c r="D19263" t="s">
        <v>11931</v>
      </c>
      <c r="E19263" t="s">
        <v>11610</v>
      </c>
      <c r="F19263" t="s">
        <v>11611</v>
      </c>
      <c r="G19263" t="s">
        <v>11612</v>
      </c>
      <c r="H19263" t="s">
        <v>11613</v>
      </c>
      <c r="I19263" s="2">
        <v>0</v>
      </c>
      <c r="J19263" s="2">
        <v>0</v>
      </c>
      <c r="K19263" s="2">
        <v>1</v>
      </c>
      <c r="L19263" t="s">
        <v>995</v>
      </c>
      <c r="M19263" t="s">
        <v>87</v>
      </c>
      <c r="N19263" t="s">
        <v>88</v>
      </c>
      <c r="O19263" t="s">
        <v>85</v>
      </c>
      <c r="P19263" t="s">
        <v>86</v>
      </c>
      <c r="Q19263">
        <v>9</v>
      </c>
      <c r="R19263">
        <v>9</v>
      </c>
      <c r="S19263">
        <v>9</v>
      </c>
      <c r="T19263">
        <v>9</v>
      </c>
      <c r="U19263">
        <v>9</v>
      </c>
      <c r="V19263">
        <v>9</v>
      </c>
      <c r="W19263">
        <v>9</v>
      </c>
      <c r="X19263">
        <v>9</v>
      </c>
      <c r="Y19263">
        <v>9</v>
      </c>
      <c r="Z19263">
        <v>10</v>
      </c>
      <c r="AA19263">
        <v>10</v>
      </c>
      <c r="AB19263">
        <v>10</v>
      </c>
      <c r="AC19263">
        <v>10</v>
      </c>
      <c r="AD19263">
        <v>10</v>
      </c>
      <c r="AE19263">
        <v>10</v>
      </c>
      <c r="AF19263">
        <v>10</v>
      </c>
      <c r="AG19263">
        <v>10</v>
      </c>
      <c r="AH19263">
        <v>10</v>
      </c>
      <c r="AI19263">
        <v>10</v>
      </c>
      <c r="AJ19263">
        <v>10</v>
      </c>
      <c r="AK19263">
        <v>10</v>
      </c>
      <c r="AL19263">
        <v>10</v>
      </c>
      <c r="AM19263">
        <v>10</v>
      </c>
      <c r="AN19263">
        <v>10</v>
      </c>
      <c r="AO19263">
        <v>10</v>
      </c>
      <c r="AP19263">
        <v>10</v>
      </c>
      <c r="AQ19263">
        <v>10</v>
      </c>
    </row>
    <row r="19264" spans="1:43">
      <c r="A19264" t="s">
        <v>11936</v>
      </c>
      <c r="B19264" t="s">
        <v>11937</v>
      </c>
      <c r="C19264" t="s">
        <v>11930</v>
      </c>
      <c r="D19264" t="s">
        <v>11931</v>
      </c>
      <c r="E19264" t="s">
        <v>11610</v>
      </c>
      <c r="F19264" t="s">
        <v>11611</v>
      </c>
      <c r="G19264" t="s">
        <v>11612</v>
      </c>
      <c r="H19264" t="s">
        <v>11613</v>
      </c>
      <c r="I19264" s="2">
        <v>0</v>
      </c>
      <c r="J19264" s="2">
        <v>0</v>
      </c>
      <c r="K19264" s="2">
        <v>1</v>
      </c>
      <c r="L19264" t="s">
        <v>995</v>
      </c>
      <c r="M19264" t="s">
        <v>89</v>
      </c>
      <c r="N19264" t="s">
        <v>90</v>
      </c>
      <c r="O19264" t="s">
        <v>85</v>
      </c>
      <c r="P19264" t="s">
        <v>86</v>
      </c>
      <c r="Q19264">
        <v>9</v>
      </c>
      <c r="R19264">
        <v>10</v>
      </c>
      <c r="S19264">
        <v>10</v>
      </c>
      <c r="T19264">
        <v>10</v>
      </c>
      <c r="U19264">
        <v>10</v>
      </c>
      <c r="V19264">
        <v>10</v>
      </c>
      <c r="W19264">
        <v>11</v>
      </c>
      <c r="X19264">
        <v>11</v>
      </c>
      <c r="Y19264">
        <v>11</v>
      </c>
      <c r="Z19264">
        <v>11</v>
      </c>
      <c r="AA19264">
        <v>11</v>
      </c>
      <c r="AB19264">
        <v>11</v>
      </c>
      <c r="AC19264">
        <v>11</v>
      </c>
      <c r="AD19264">
        <v>12</v>
      </c>
      <c r="AE19264">
        <v>12</v>
      </c>
      <c r="AF19264">
        <v>12</v>
      </c>
      <c r="AG19264">
        <v>12</v>
      </c>
      <c r="AH19264">
        <v>12</v>
      </c>
      <c r="AI19264">
        <v>12</v>
      </c>
      <c r="AJ19264">
        <v>12</v>
      </c>
      <c r="AK19264">
        <v>12</v>
      </c>
      <c r="AL19264">
        <v>12</v>
      </c>
      <c r="AM19264">
        <v>12</v>
      </c>
      <c r="AN19264">
        <v>12</v>
      </c>
      <c r="AO19264">
        <v>12</v>
      </c>
      <c r="AP19264">
        <v>12</v>
      </c>
      <c r="AQ19264">
        <v>12</v>
      </c>
    </row>
    <row r="19265" spans="1:43">
      <c r="A19265" t="s">
        <v>11936</v>
      </c>
      <c r="B19265" t="s">
        <v>11937</v>
      </c>
      <c r="C19265" t="s">
        <v>11930</v>
      </c>
      <c r="D19265" t="s">
        <v>11931</v>
      </c>
      <c r="E19265" t="s">
        <v>11610</v>
      </c>
      <c r="F19265" t="s">
        <v>11611</v>
      </c>
      <c r="G19265" t="s">
        <v>11612</v>
      </c>
      <c r="H19265" t="s">
        <v>11613</v>
      </c>
      <c r="I19265" s="2">
        <v>0</v>
      </c>
      <c r="J19265" s="2">
        <v>0</v>
      </c>
      <c r="K19265" s="2">
        <v>1</v>
      </c>
      <c r="L19265" t="s">
        <v>995</v>
      </c>
      <c r="M19265" t="s">
        <v>83</v>
      </c>
      <c r="N19265" t="s">
        <v>91</v>
      </c>
      <c r="O19265" t="s">
        <v>85</v>
      </c>
      <c r="P19265" t="s">
        <v>86</v>
      </c>
      <c r="Q19265">
        <v>9</v>
      </c>
      <c r="R19265">
        <v>9</v>
      </c>
      <c r="S19265">
        <v>10</v>
      </c>
      <c r="T19265">
        <v>10</v>
      </c>
      <c r="U19265">
        <v>10</v>
      </c>
      <c r="V19265">
        <v>10</v>
      </c>
      <c r="W19265">
        <v>10</v>
      </c>
      <c r="X19265">
        <v>10</v>
      </c>
      <c r="Y19265">
        <v>10</v>
      </c>
      <c r="Z19265">
        <v>10</v>
      </c>
      <c r="AA19265">
        <v>11</v>
      </c>
      <c r="AB19265">
        <v>11</v>
      </c>
      <c r="AC19265">
        <v>11</v>
      </c>
      <c r="AD19265">
        <v>11</v>
      </c>
      <c r="AE19265">
        <v>11</v>
      </c>
      <c r="AF19265">
        <v>11</v>
      </c>
      <c r="AG19265">
        <v>11</v>
      </c>
      <c r="AH19265">
        <v>11</v>
      </c>
      <c r="AI19265">
        <v>11</v>
      </c>
      <c r="AJ19265">
        <v>12</v>
      </c>
      <c r="AK19265">
        <v>12</v>
      </c>
      <c r="AL19265">
        <v>12</v>
      </c>
      <c r="AM19265">
        <v>12</v>
      </c>
      <c r="AN19265">
        <v>12</v>
      </c>
      <c r="AO19265">
        <v>12</v>
      </c>
      <c r="AP19265">
        <v>12</v>
      </c>
      <c r="AQ19265">
        <v>12</v>
      </c>
    </row>
    <row r="19266" spans="1:43">
      <c r="A19266" t="s">
        <v>11938</v>
      </c>
      <c r="B19266" t="s">
        <v>11939</v>
      </c>
      <c r="C19266" t="s">
        <v>11930</v>
      </c>
      <c r="D19266" t="s">
        <v>11931</v>
      </c>
      <c r="E19266" t="s">
        <v>11610</v>
      </c>
      <c r="F19266" t="s">
        <v>11611</v>
      </c>
      <c r="G19266" t="s">
        <v>11612</v>
      </c>
      <c r="H19266" t="s">
        <v>11613</v>
      </c>
      <c r="I19266" s="2">
        <v>0</v>
      </c>
      <c r="J19266" s="2">
        <v>0</v>
      </c>
      <c r="K19266" s="2">
        <v>1</v>
      </c>
      <c r="L19266" t="s">
        <v>995</v>
      </c>
      <c r="M19266" t="s">
        <v>83</v>
      </c>
      <c r="N19266" t="s">
        <v>84</v>
      </c>
      <c r="O19266" t="s">
        <v>85</v>
      </c>
      <c r="P19266" t="s">
        <v>86</v>
      </c>
      <c r="Q19266">
        <v>19</v>
      </c>
      <c r="R19266">
        <v>19</v>
      </c>
      <c r="S19266">
        <v>19</v>
      </c>
      <c r="T19266">
        <v>19</v>
      </c>
      <c r="U19266">
        <v>20</v>
      </c>
      <c r="V19266">
        <v>20</v>
      </c>
      <c r="W19266">
        <v>20</v>
      </c>
      <c r="X19266">
        <v>20</v>
      </c>
      <c r="Y19266">
        <v>21</v>
      </c>
      <c r="Z19266">
        <v>21</v>
      </c>
      <c r="AA19266">
        <v>21</v>
      </c>
      <c r="AB19266">
        <v>21</v>
      </c>
      <c r="AC19266">
        <v>22</v>
      </c>
      <c r="AD19266">
        <v>22</v>
      </c>
      <c r="AE19266">
        <v>22</v>
      </c>
      <c r="AF19266">
        <v>22</v>
      </c>
      <c r="AG19266">
        <v>22</v>
      </c>
      <c r="AH19266">
        <v>23</v>
      </c>
      <c r="AI19266">
        <v>23</v>
      </c>
      <c r="AJ19266">
        <v>23</v>
      </c>
      <c r="AK19266">
        <v>23</v>
      </c>
      <c r="AL19266">
        <v>23</v>
      </c>
      <c r="AM19266">
        <v>23</v>
      </c>
      <c r="AN19266">
        <v>23</v>
      </c>
      <c r="AO19266">
        <v>23</v>
      </c>
      <c r="AP19266">
        <v>23</v>
      </c>
      <c r="AQ19266">
        <v>23</v>
      </c>
    </row>
    <row r="19267" spans="1:43">
      <c r="A19267" t="s">
        <v>11938</v>
      </c>
      <c r="B19267" t="s">
        <v>11939</v>
      </c>
      <c r="C19267" t="s">
        <v>11930</v>
      </c>
      <c r="D19267" t="s">
        <v>11931</v>
      </c>
      <c r="E19267" t="s">
        <v>11610</v>
      </c>
      <c r="F19267" t="s">
        <v>11611</v>
      </c>
      <c r="G19267" t="s">
        <v>11612</v>
      </c>
      <c r="H19267" t="s">
        <v>11613</v>
      </c>
      <c r="I19267" s="2">
        <v>0</v>
      </c>
      <c r="J19267" s="2">
        <v>0</v>
      </c>
      <c r="K19267" s="2">
        <v>1</v>
      </c>
      <c r="L19267" t="s">
        <v>995</v>
      </c>
      <c r="M19267" t="s">
        <v>87</v>
      </c>
      <c r="N19267" t="s">
        <v>88</v>
      </c>
      <c r="O19267" t="s">
        <v>85</v>
      </c>
      <c r="P19267" t="s">
        <v>86</v>
      </c>
      <c r="Q19267">
        <v>19</v>
      </c>
      <c r="R19267">
        <v>20</v>
      </c>
      <c r="S19267">
        <v>20</v>
      </c>
      <c r="T19267">
        <v>20</v>
      </c>
      <c r="U19267">
        <v>20</v>
      </c>
      <c r="V19267">
        <v>20</v>
      </c>
      <c r="W19267">
        <v>20</v>
      </c>
      <c r="X19267">
        <v>20</v>
      </c>
      <c r="Y19267">
        <v>20</v>
      </c>
      <c r="Z19267">
        <v>20</v>
      </c>
      <c r="AA19267">
        <v>20</v>
      </c>
      <c r="AB19267">
        <v>20</v>
      </c>
      <c r="AC19267">
        <v>20</v>
      </c>
      <c r="AD19267">
        <v>20</v>
      </c>
      <c r="AE19267">
        <v>21</v>
      </c>
      <c r="AF19267">
        <v>21</v>
      </c>
      <c r="AG19267">
        <v>21</v>
      </c>
      <c r="AH19267">
        <v>21</v>
      </c>
      <c r="AI19267">
        <v>21</v>
      </c>
      <c r="AJ19267">
        <v>21</v>
      </c>
      <c r="AK19267">
        <v>21</v>
      </c>
      <c r="AL19267">
        <v>21</v>
      </c>
      <c r="AM19267">
        <v>21</v>
      </c>
      <c r="AN19267">
        <v>21</v>
      </c>
      <c r="AO19267">
        <v>21</v>
      </c>
      <c r="AP19267">
        <v>21</v>
      </c>
      <c r="AQ19267">
        <v>21</v>
      </c>
    </row>
    <row r="19268" spans="1:43">
      <c r="A19268" t="s">
        <v>11938</v>
      </c>
      <c r="B19268" t="s">
        <v>11939</v>
      </c>
      <c r="C19268" t="s">
        <v>11930</v>
      </c>
      <c r="D19268" t="s">
        <v>11931</v>
      </c>
      <c r="E19268" t="s">
        <v>11610</v>
      </c>
      <c r="F19268" t="s">
        <v>11611</v>
      </c>
      <c r="G19268" t="s">
        <v>11612</v>
      </c>
      <c r="H19268" t="s">
        <v>11613</v>
      </c>
      <c r="I19268" s="2">
        <v>0</v>
      </c>
      <c r="J19268" s="2">
        <v>0</v>
      </c>
      <c r="K19268" s="2">
        <v>1</v>
      </c>
      <c r="L19268" t="s">
        <v>995</v>
      </c>
      <c r="M19268" t="s">
        <v>89</v>
      </c>
      <c r="N19268" t="s">
        <v>90</v>
      </c>
      <c r="O19268" t="s">
        <v>85</v>
      </c>
      <c r="P19268" t="s">
        <v>86</v>
      </c>
      <c r="Q19268">
        <v>19</v>
      </c>
      <c r="R19268">
        <v>19</v>
      </c>
      <c r="S19268">
        <v>20</v>
      </c>
      <c r="T19268">
        <v>20</v>
      </c>
      <c r="U19268">
        <v>20</v>
      </c>
      <c r="V19268">
        <v>21</v>
      </c>
      <c r="W19268">
        <v>21</v>
      </c>
      <c r="X19268">
        <v>21</v>
      </c>
      <c r="Y19268">
        <v>22</v>
      </c>
      <c r="Z19268">
        <v>22</v>
      </c>
      <c r="AA19268">
        <v>22</v>
      </c>
      <c r="AB19268">
        <v>23</v>
      </c>
      <c r="AC19268">
        <v>23</v>
      </c>
      <c r="AD19268">
        <v>23</v>
      </c>
      <c r="AE19268">
        <v>24</v>
      </c>
      <c r="AF19268">
        <v>24</v>
      </c>
      <c r="AG19268">
        <v>24</v>
      </c>
      <c r="AH19268">
        <v>24</v>
      </c>
      <c r="AI19268">
        <v>24</v>
      </c>
      <c r="AJ19268">
        <v>24</v>
      </c>
      <c r="AK19268">
        <v>24</v>
      </c>
      <c r="AL19268">
        <v>24</v>
      </c>
      <c r="AM19268">
        <v>24</v>
      </c>
      <c r="AN19268">
        <v>24</v>
      </c>
      <c r="AO19268">
        <v>24</v>
      </c>
      <c r="AP19268">
        <v>24</v>
      </c>
      <c r="AQ19268">
        <v>24</v>
      </c>
    </row>
    <row r="19269" spans="1:43">
      <c r="A19269" t="s">
        <v>11938</v>
      </c>
      <c r="B19269" t="s">
        <v>11939</v>
      </c>
      <c r="C19269" t="s">
        <v>11930</v>
      </c>
      <c r="D19269" t="s">
        <v>11931</v>
      </c>
      <c r="E19269" t="s">
        <v>11610</v>
      </c>
      <c r="F19269" t="s">
        <v>11611</v>
      </c>
      <c r="G19269" t="s">
        <v>11612</v>
      </c>
      <c r="H19269" t="s">
        <v>11613</v>
      </c>
      <c r="I19269" s="2">
        <v>0</v>
      </c>
      <c r="J19269" s="2">
        <v>0</v>
      </c>
      <c r="K19269" s="2">
        <v>1</v>
      </c>
      <c r="L19269" t="s">
        <v>995</v>
      </c>
      <c r="M19269" t="s">
        <v>83</v>
      </c>
      <c r="N19269" t="s">
        <v>91</v>
      </c>
      <c r="O19269" t="s">
        <v>85</v>
      </c>
      <c r="P19269" t="s">
        <v>86</v>
      </c>
      <c r="Q19269">
        <v>19</v>
      </c>
      <c r="R19269">
        <v>19</v>
      </c>
      <c r="S19269">
        <v>19</v>
      </c>
      <c r="T19269">
        <v>19</v>
      </c>
      <c r="U19269">
        <v>20</v>
      </c>
      <c r="V19269">
        <v>20</v>
      </c>
      <c r="W19269">
        <v>20</v>
      </c>
      <c r="X19269">
        <v>20</v>
      </c>
      <c r="Y19269">
        <v>21</v>
      </c>
      <c r="Z19269">
        <v>21</v>
      </c>
      <c r="AA19269">
        <v>21</v>
      </c>
      <c r="AB19269">
        <v>21</v>
      </c>
      <c r="AC19269">
        <v>22</v>
      </c>
      <c r="AD19269">
        <v>22</v>
      </c>
      <c r="AE19269">
        <v>22</v>
      </c>
      <c r="AF19269">
        <v>22</v>
      </c>
      <c r="AG19269">
        <v>22</v>
      </c>
      <c r="AH19269">
        <v>23</v>
      </c>
      <c r="AI19269">
        <v>23</v>
      </c>
      <c r="AJ19269">
        <v>23</v>
      </c>
      <c r="AK19269">
        <v>23</v>
      </c>
      <c r="AL19269">
        <v>23</v>
      </c>
      <c r="AM19269">
        <v>23</v>
      </c>
      <c r="AN19269">
        <v>23</v>
      </c>
      <c r="AO19269">
        <v>23</v>
      </c>
      <c r="AP19269">
        <v>23</v>
      </c>
      <c r="AQ19269">
        <v>23</v>
      </c>
    </row>
    <row r="19270" spans="1:43">
      <c r="A19270" t="s">
        <v>11940</v>
      </c>
      <c r="B19270" t="s">
        <v>11941</v>
      </c>
      <c r="C19270" t="s">
        <v>11930</v>
      </c>
      <c r="D19270" t="s">
        <v>11931</v>
      </c>
      <c r="E19270" t="s">
        <v>11610</v>
      </c>
      <c r="F19270" t="s">
        <v>11611</v>
      </c>
      <c r="G19270" t="s">
        <v>11612</v>
      </c>
      <c r="H19270" t="s">
        <v>11613</v>
      </c>
      <c r="I19270" s="2">
        <v>0</v>
      </c>
      <c r="J19270" s="2">
        <v>0</v>
      </c>
      <c r="K19270" s="2">
        <v>1</v>
      </c>
      <c r="L19270" t="s">
        <v>995</v>
      </c>
      <c r="M19270" t="s">
        <v>83</v>
      </c>
      <c r="N19270" t="s">
        <v>84</v>
      </c>
      <c r="O19270" t="s">
        <v>85</v>
      </c>
      <c r="P19270" t="s">
        <v>86</v>
      </c>
      <c r="Q19270">
        <v>20</v>
      </c>
      <c r="R19270">
        <v>20</v>
      </c>
      <c r="S19270">
        <v>21</v>
      </c>
      <c r="T19270">
        <v>21</v>
      </c>
      <c r="U19270">
        <v>21</v>
      </c>
      <c r="V19270">
        <v>21</v>
      </c>
      <c r="W19270">
        <v>22</v>
      </c>
      <c r="X19270">
        <v>22</v>
      </c>
      <c r="Y19270">
        <v>22</v>
      </c>
      <c r="Z19270">
        <v>23</v>
      </c>
      <c r="AA19270">
        <v>23</v>
      </c>
      <c r="AB19270">
        <v>23</v>
      </c>
      <c r="AC19270">
        <v>23</v>
      </c>
      <c r="AD19270">
        <v>24</v>
      </c>
      <c r="AE19270">
        <v>24</v>
      </c>
      <c r="AF19270">
        <v>24</v>
      </c>
      <c r="AG19270">
        <v>24</v>
      </c>
      <c r="AH19270">
        <v>25</v>
      </c>
      <c r="AI19270">
        <v>25</v>
      </c>
      <c r="AJ19270">
        <v>25</v>
      </c>
      <c r="AK19270">
        <v>25</v>
      </c>
      <c r="AL19270">
        <v>25</v>
      </c>
      <c r="AM19270">
        <v>25</v>
      </c>
      <c r="AN19270">
        <v>25</v>
      </c>
      <c r="AO19270">
        <v>25</v>
      </c>
      <c r="AP19270">
        <v>25</v>
      </c>
      <c r="AQ19270">
        <v>25</v>
      </c>
    </row>
    <row r="19271" spans="1:43">
      <c r="A19271" t="s">
        <v>11940</v>
      </c>
      <c r="B19271" t="s">
        <v>11941</v>
      </c>
      <c r="C19271" t="s">
        <v>11930</v>
      </c>
      <c r="D19271" t="s">
        <v>11931</v>
      </c>
      <c r="E19271" t="s">
        <v>11610</v>
      </c>
      <c r="F19271" t="s">
        <v>11611</v>
      </c>
      <c r="G19271" t="s">
        <v>11612</v>
      </c>
      <c r="H19271" t="s">
        <v>11613</v>
      </c>
      <c r="I19271" s="2">
        <v>0</v>
      </c>
      <c r="J19271" s="2">
        <v>0</v>
      </c>
      <c r="K19271" s="2">
        <v>1</v>
      </c>
      <c r="L19271" t="s">
        <v>995</v>
      </c>
      <c r="M19271" t="s">
        <v>87</v>
      </c>
      <c r="N19271" t="s">
        <v>88</v>
      </c>
      <c r="O19271" t="s">
        <v>85</v>
      </c>
      <c r="P19271" t="s">
        <v>86</v>
      </c>
      <c r="Q19271">
        <v>20</v>
      </c>
      <c r="R19271">
        <v>20</v>
      </c>
      <c r="S19271">
        <v>20</v>
      </c>
      <c r="T19271">
        <v>20</v>
      </c>
      <c r="U19271">
        <v>20</v>
      </c>
      <c r="V19271">
        <v>20</v>
      </c>
      <c r="W19271">
        <v>20</v>
      </c>
      <c r="X19271">
        <v>21</v>
      </c>
      <c r="Y19271">
        <v>21</v>
      </c>
      <c r="Z19271">
        <v>21</v>
      </c>
      <c r="AA19271">
        <v>21</v>
      </c>
      <c r="AB19271">
        <v>21</v>
      </c>
      <c r="AC19271">
        <v>21</v>
      </c>
      <c r="AD19271">
        <v>21</v>
      </c>
      <c r="AE19271">
        <v>21</v>
      </c>
      <c r="AF19271">
        <v>21</v>
      </c>
      <c r="AG19271">
        <v>21</v>
      </c>
      <c r="AH19271">
        <v>21</v>
      </c>
      <c r="AI19271">
        <v>21</v>
      </c>
      <c r="AJ19271">
        <v>22</v>
      </c>
      <c r="AK19271">
        <v>22</v>
      </c>
      <c r="AL19271">
        <v>22</v>
      </c>
      <c r="AM19271">
        <v>22</v>
      </c>
      <c r="AN19271">
        <v>22</v>
      </c>
      <c r="AO19271">
        <v>22</v>
      </c>
      <c r="AP19271">
        <v>22</v>
      </c>
      <c r="AQ19271">
        <v>22</v>
      </c>
    </row>
    <row r="19272" spans="1:43">
      <c r="A19272" t="s">
        <v>11940</v>
      </c>
      <c r="B19272" t="s">
        <v>11941</v>
      </c>
      <c r="C19272" t="s">
        <v>11930</v>
      </c>
      <c r="D19272" t="s">
        <v>11931</v>
      </c>
      <c r="E19272" t="s">
        <v>11610</v>
      </c>
      <c r="F19272" t="s">
        <v>11611</v>
      </c>
      <c r="G19272" t="s">
        <v>11612</v>
      </c>
      <c r="H19272" t="s">
        <v>11613</v>
      </c>
      <c r="I19272" s="2">
        <v>0</v>
      </c>
      <c r="J19272" s="2">
        <v>0</v>
      </c>
      <c r="K19272" s="2">
        <v>1</v>
      </c>
      <c r="L19272" t="s">
        <v>995</v>
      </c>
      <c r="M19272" t="s">
        <v>89</v>
      </c>
      <c r="N19272" t="s">
        <v>90</v>
      </c>
      <c r="O19272" t="s">
        <v>85</v>
      </c>
      <c r="P19272" t="s">
        <v>86</v>
      </c>
      <c r="Q19272">
        <v>20</v>
      </c>
      <c r="R19272">
        <v>21</v>
      </c>
      <c r="S19272">
        <v>21</v>
      </c>
      <c r="T19272">
        <v>22</v>
      </c>
      <c r="U19272">
        <v>22</v>
      </c>
      <c r="V19272">
        <v>22</v>
      </c>
      <c r="W19272">
        <v>23</v>
      </c>
      <c r="X19272">
        <v>23</v>
      </c>
      <c r="Y19272">
        <v>24</v>
      </c>
      <c r="Z19272">
        <v>24</v>
      </c>
      <c r="AA19272">
        <v>24</v>
      </c>
      <c r="AB19272">
        <v>25</v>
      </c>
      <c r="AC19272">
        <v>25</v>
      </c>
      <c r="AD19272">
        <v>25</v>
      </c>
      <c r="AE19272">
        <v>25</v>
      </c>
      <c r="AF19272">
        <v>25</v>
      </c>
      <c r="AG19272">
        <v>25</v>
      </c>
      <c r="AH19272">
        <v>25</v>
      </c>
      <c r="AI19272">
        <v>25</v>
      </c>
      <c r="AJ19272">
        <v>25</v>
      </c>
      <c r="AK19272">
        <v>25</v>
      </c>
      <c r="AL19272">
        <v>25</v>
      </c>
      <c r="AM19272">
        <v>25</v>
      </c>
      <c r="AN19272">
        <v>25</v>
      </c>
      <c r="AO19272">
        <v>25</v>
      </c>
      <c r="AP19272">
        <v>25</v>
      </c>
      <c r="AQ19272">
        <v>25</v>
      </c>
    </row>
    <row r="19273" spans="1:43">
      <c r="A19273" t="s">
        <v>11940</v>
      </c>
      <c r="B19273" t="s">
        <v>11941</v>
      </c>
      <c r="C19273" t="s">
        <v>11930</v>
      </c>
      <c r="D19273" t="s">
        <v>11931</v>
      </c>
      <c r="E19273" t="s">
        <v>11610</v>
      </c>
      <c r="F19273" t="s">
        <v>11611</v>
      </c>
      <c r="G19273" t="s">
        <v>11612</v>
      </c>
      <c r="H19273" t="s">
        <v>11613</v>
      </c>
      <c r="I19273" s="2">
        <v>0</v>
      </c>
      <c r="J19273" s="2">
        <v>0</v>
      </c>
      <c r="K19273" s="2">
        <v>1</v>
      </c>
      <c r="L19273" t="s">
        <v>995</v>
      </c>
      <c r="M19273" t="s">
        <v>83</v>
      </c>
      <c r="N19273" t="s">
        <v>91</v>
      </c>
      <c r="O19273" t="s">
        <v>85</v>
      </c>
      <c r="P19273" t="s">
        <v>86</v>
      </c>
      <c r="Q19273">
        <v>20</v>
      </c>
      <c r="R19273">
        <v>20</v>
      </c>
      <c r="S19273">
        <v>21</v>
      </c>
      <c r="T19273">
        <v>21</v>
      </c>
      <c r="U19273">
        <v>21</v>
      </c>
      <c r="V19273">
        <v>21</v>
      </c>
      <c r="W19273">
        <v>22</v>
      </c>
      <c r="X19273">
        <v>22</v>
      </c>
      <c r="Y19273">
        <v>22</v>
      </c>
      <c r="Z19273">
        <v>23</v>
      </c>
      <c r="AA19273">
        <v>23</v>
      </c>
      <c r="AB19273">
        <v>23</v>
      </c>
      <c r="AC19273">
        <v>23</v>
      </c>
      <c r="AD19273">
        <v>24</v>
      </c>
      <c r="AE19273">
        <v>24</v>
      </c>
      <c r="AF19273">
        <v>24</v>
      </c>
      <c r="AG19273">
        <v>24</v>
      </c>
      <c r="AH19273">
        <v>25</v>
      </c>
      <c r="AI19273">
        <v>25</v>
      </c>
      <c r="AJ19273">
        <v>25</v>
      </c>
      <c r="AK19273">
        <v>25</v>
      </c>
      <c r="AL19273">
        <v>25</v>
      </c>
      <c r="AM19273">
        <v>25</v>
      </c>
      <c r="AN19273">
        <v>25</v>
      </c>
      <c r="AO19273">
        <v>25</v>
      </c>
      <c r="AP19273">
        <v>25</v>
      </c>
      <c r="AQ19273">
        <v>25</v>
      </c>
    </row>
    <row r="19274" spans="1:43">
      <c r="A19274" t="s">
        <v>11942</v>
      </c>
      <c r="B19274" t="s">
        <v>11943</v>
      </c>
      <c r="C19274" t="s">
        <v>11930</v>
      </c>
      <c r="D19274" t="s">
        <v>11931</v>
      </c>
      <c r="E19274" t="s">
        <v>11610</v>
      </c>
      <c r="F19274" t="s">
        <v>11611</v>
      </c>
      <c r="G19274" t="s">
        <v>11612</v>
      </c>
      <c r="H19274" t="s">
        <v>11613</v>
      </c>
      <c r="I19274" s="2">
        <v>0</v>
      </c>
      <c r="J19274" s="2">
        <v>0</v>
      </c>
      <c r="K19274" s="2">
        <v>1</v>
      </c>
      <c r="L19274" t="s">
        <v>995</v>
      </c>
      <c r="M19274" t="s">
        <v>83</v>
      </c>
      <c r="N19274" t="s">
        <v>84</v>
      </c>
      <c r="O19274" t="s">
        <v>85</v>
      </c>
      <c r="P19274" t="s">
        <v>86</v>
      </c>
      <c r="Q19274">
        <v>30</v>
      </c>
      <c r="R19274">
        <v>30</v>
      </c>
      <c r="S19274">
        <v>31</v>
      </c>
      <c r="T19274">
        <v>31</v>
      </c>
      <c r="U19274">
        <v>32</v>
      </c>
      <c r="V19274">
        <v>32</v>
      </c>
      <c r="W19274">
        <v>32</v>
      </c>
      <c r="X19274">
        <v>33</v>
      </c>
      <c r="Y19274">
        <v>33</v>
      </c>
      <c r="Z19274">
        <v>34</v>
      </c>
      <c r="AA19274">
        <v>34</v>
      </c>
      <c r="AB19274">
        <v>34</v>
      </c>
      <c r="AC19274">
        <v>35</v>
      </c>
      <c r="AD19274">
        <v>35</v>
      </c>
      <c r="AE19274">
        <v>36</v>
      </c>
      <c r="AF19274">
        <v>36</v>
      </c>
      <c r="AG19274">
        <v>36</v>
      </c>
      <c r="AH19274">
        <v>37</v>
      </c>
      <c r="AI19274">
        <v>37</v>
      </c>
      <c r="AJ19274">
        <v>37</v>
      </c>
      <c r="AK19274">
        <v>38</v>
      </c>
      <c r="AL19274">
        <v>38</v>
      </c>
      <c r="AM19274">
        <v>38</v>
      </c>
      <c r="AN19274">
        <v>38</v>
      </c>
      <c r="AO19274">
        <v>38</v>
      </c>
      <c r="AP19274">
        <v>38</v>
      </c>
      <c r="AQ19274">
        <v>38</v>
      </c>
    </row>
    <row r="19275" spans="1:43">
      <c r="A19275" t="s">
        <v>11942</v>
      </c>
      <c r="B19275" t="s">
        <v>11943</v>
      </c>
      <c r="C19275" t="s">
        <v>11930</v>
      </c>
      <c r="D19275" t="s">
        <v>11931</v>
      </c>
      <c r="E19275" t="s">
        <v>11610</v>
      </c>
      <c r="F19275" t="s">
        <v>11611</v>
      </c>
      <c r="G19275" t="s">
        <v>11612</v>
      </c>
      <c r="H19275" t="s">
        <v>11613</v>
      </c>
      <c r="I19275" s="2">
        <v>0</v>
      </c>
      <c r="J19275" s="2">
        <v>0</v>
      </c>
      <c r="K19275" s="2">
        <v>1</v>
      </c>
      <c r="L19275" t="s">
        <v>995</v>
      </c>
      <c r="M19275" t="s">
        <v>87</v>
      </c>
      <c r="N19275" t="s">
        <v>88</v>
      </c>
      <c r="O19275" t="s">
        <v>85</v>
      </c>
      <c r="P19275" t="s">
        <v>86</v>
      </c>
      <c r="Q19275">
        <v>30</v>
      </c>
      <c r="R19275">
        <v>30</v>
      </c>
      <c r="S19275">
        <v>30</v>
      </c>
      <c r="T19275">
        <v>30</v>
      </c>
      <c r="U19275">
        <v>30</v>
      </c>
      <c r="V19275">
        <v>30</v>
      </c>
      <c r="W19275">
        <v>30</v>
      </c>
      <c r="X19275">
        <v>31</v>
      </c>
      <c r="Y19275">
        <v>31</v>
      </c>
      <c r="Z19275">
        <v>31</v>
      </c>
      <c r="AA19275">
        <v>31</v>
      </c>
      <c r="AB19275">
        <v>31</v>
      </c>
      <c r="AC19275">
        <v>31</v>
      </c>
      <c r="AD19275">
        <v>31</v>
      </c>
      <c r="AE19275">
        <v>31</v>
      </c>
      <c r="AF19275">
        <v>32</v>
      </c>
      <c r="AG19275">
        <v>32</v>
      </c>
      <c r="AH19275">
        <v>32</v>
      </c>
      <c r="AI19275">
        <v>32</v>
      </c>
      <c r="AJ19275">
        <v>32</v>
      </c>
      <c r="AK19275">
        <v>32</v>
      </c>
      <c r="AL19275">
        <v>32</v>
      </c>
      <c r="AM19275">
        <v>32</v>
      </c>
      <c r="AN19275">
        <v>33</v>
      </c>
      <c r="AO19275">
        <v>33</v>
      </c>
      <c r="AP19275">
        <v>33</v>
      </c>
      <c r="AQ19275">
        <v>33</v>
      </c>
    </row>
    <row r="19276" spans="1:43">
      <c r="A19276" t="s">
        <v>11942</v>
      </c>
      <c r="B19276" t="s">
        <v>11943</v>
      </c>
      <c r="C19276" t="s">
        <v>11930</v>
      </c>
      <c r="D19276" t="s">
        <v>11931</v>
      </c>
      <c r="E19276" t="s">
        <v>11610</v>
      </c>
      <c r="F19276" t="s">
        <v>11611</v>
      </c>
      <c r="G19276" t="s">
        <v>11612</v>
      </c>
      <c r="H19276" t="s">
        <v>11613</v>
      </c>
      <c r="I19276" s="2">
        <v>0</v>
      </c>
      <c r="J19276" s="2">
        <v>0</v>
      </c>
      <c r="K19276" s="2">
        <v>1</v>
      </c>
      <c r="L19276" t="s">
        <v>995</v>
      </c>
      <c r="M19276" t="s">
        <v>89</v>
      </c>
      <c r="N19276" t="s">
        <v>90</v>
      </c>
      <c r="O19276" t="s">
        <v>85</v>
      </c>
      <c r="P19276" t="s">
        <v>86</v>
      </c>
      <c r="Q19276">
        <v>30</v>
      </c>
      <c r="R19276">
        <v>31</v>
      </c>
      <c r="S19276">
        <v>32</v>
      </c>
      <c r="T19276">
        <v>32</v>
      </c>
      <c r="U19276">
        <v>33</v>
      </c>
      <c r="V19276">
        <v>33</v>
      </c>
      <c r="W19276">
        <v>34</v>
      </c>
      <c r="X19276">
        <v>35</v>
      </c>
      <c r="Y19276">
        <v>35</v>
      </c>
      <c r="Z19276">
        <v>36</v>
      </c>
      <c r="AA19276">
        <v>36</v>
      </c>
      <c r="AB19276">
        <v>37</v>
      </c>
      <c r="AC19276">
        <v>37</v>
      </c>
      <c r="AD19276">
        <v>38</v>
      </c>
      <c r="AE19276">
        <v>38</v>
      </c>
      <c r="AF19276">
        <v>38</v>
      </c>
      <c r="AG19276">
        <v>38</v>
      </c>
      <c r="AH19276">
        <v>38</v>
      </c>
      <c r="AI19276">
        <v>38</v>
      </c>
      <c r="AJ19276">
        <v>38</v>
      </c>
      <c r="AK19276">
        <v>38</v>
      </c>
      <c r="AL19276">
        <v>38</v>
      </c>
      <c r="AM19276">
        <v>38</v>
      </c>
      <c r="AN19276">
        <v>38</v>
      </c>
      <c r="AO19276">
        <v>38</v>
      </c>
      <c r="AP19276">
        <v>38</v>
      </c>
      <c r="AQ19276">
        <v>38</v>
      </c>
    </row>
    <row r="19277" spans="1:43">
      <c r="A19277" t="s">
        <v>11942</v>
      </c>
      <c r="B19277" t="s">
        <v>11943</v>
      </c>
      <c r="C19277" t="s">
        <v>11930</v>
      </c>
      <c r="D19277" t="s">
        <v>11931</v>
      </c>
      <c r="E19277" t="s">
        <v>11610</v>
      </c>
      <c r="F19277" t="s">
        <v>11611</v>
      </c>
      <c r="G19277" t="s">
        <v>11612</v>
      </c>
      <c r="H19277" t="s">
        <v>11613</v>
      </c>
      <c r="I19277" s="2">
        <v>0</v>
      </c>
      <c r="J19277" s="2">
        <v>0</v>
      </c>
      <c r="K19277" s="2">
        <v>1</v>
      </c>
      <c r="L19277" t="s">
        <v>995</v>
      </c>
      <c r="M19277" t="s">
        <v>83</v>
      </c>
      <c r="N19277" t="s">
        <v>91</v>
      </c>
      <c r="O19277" t="s">
        <v>85</v>
      </c>
      <c r="P19277" t="s">
        <v>86</v>
      </c>
      <c r="Q19277">
        <v>30</v>
      </c>
      <c r="R19277">
        <v>30</v>
      </c>
      <c r="S19277">
        <v>31</v>
      </c>
      <c r="T19277">
        <v>31</v>
      </c>
      <c r="U19277">
        <v>32</v>
      </c>
      <c r="V19277">
        <v>32</v>
      </c>
      <c r="W19277">
        <v>32</v>
      </c>
      <c r="X19277">
        <v>33</v>
      </c>
      <c r="Y19277">
        <v>33</v>
      </c>
      <c r="Z19277">
        <v>34</v>
      </c>
      <c r="AA19277">
        <v>34</v>
      </c>
      <c r="AB19277">
        <v>34</v>
      </c>
      <c r="AC19277">
        <v>35</v>
      </c>
      <c r="AD19277">
        <v>35</v>
      </c>
      <c r="AE19277">
        <v>36</v>
      </c>
      <c r="AF19277">
        <v>36</v>
      </c>
      <c r="AG19277">
        <v>36</v>
      </c>
      <c r="AH19277">
        <v>37</v>
      </c>
      <c r="AI19277">
        <v>37</v>
      </c>
      <c r="AJ19277">
        <v>37</v>
      </c>
      <c r="AK19277">
        <v>38</v>
      </c>
      <c r="AL19277">
        <v>38</v>
      </c>
      <c r="AM19277">
        <v>38</v>
      </c>
      <c r="AN19277">
        <v>38</v>
      </c>
      <c r="AO19277">
        <v>38</v>
      </c>
      <c r="AP19277">
        <v>38</v>
      </c>
      <c r="AQ19277">
        <v>38</v>
      </c>
    </row>
    <row r="19278" spans="1:43">
      <c r="A19278" t="s">
        <v>11944</v>
      </c>
      <c r="B19278" t="s">
        <v>11945</v>
      </c>
      <c r="C19278" t="s">
        <v>11632</v>
      </c>
      <c r="D19278" t="s">
        <v>11633</v>
      </c>
      <c r="E19278" t="s">
        <v>11610</v>
      </c>
      <c r="F19278" t="s">
        <v>11611</v>
      </c>
      <c r="G19278" t="s">
        <v>11612</v>
      </c>
      <c r="H19278" t="s">
        <v>11613</v>
      </c>
      <c r="I19278" s="2">
        <v>0</v>
      </c>
      <c r="J19278" s="2">
        <v>0</v>
      </c>
      <c r="K19278" s="2">
        <v>1</v>
      </c>
      <c r="L19278" t="s">
        <v>995</v>
      </c>
      <c r="M19278" t="s">
        <v>83</v>
      </c>
      <c r="N19278" t="s">
        <v>84</v>
      </c>
      <c r="O19278" t="s">
        <v>85</v>
      </c>
      <c r="P19278" t="s">
        <v>86</v>
      </c>
      <c r="Q19278">
        <v>63</v>
      </c>
      <c r="R19278">
        <v>64</v>
      </c>
      <c r="S19278">
        <v>65</v>
      </c>
      <c r="T19278">
        <v>66</v>
      </c>
      <c r="U19278">
        <v>67</v>
      </c>
      <c r="V19278">
        <v>68</v>
      </c>
      <c r="W19278">
        <v>69</v>
      </c>
      <c r="X19278">
        <v>69</v>
      </c>
      <c r="Y19278">
        <v>70</v>
      </c>
      <c r="Z19278">
        <v>71</v>
      </c>
      <c r="AA19278">
        <v>72</v>
      </c>
      <c r="AB19278">
        <v>73</v>
      </c>
      <c r="AC19278">
        <v>74</v>
      </c>
      <c r="AD19278">
        <v>74</v>
      </c>
      <c r="AE19278">
        <v>75</v>
      </c>
      <c r="AF19278">
        <v>76</v>
      </c>
      <c r="AG19278">
        <v>77</v>
      </c>
      <c r="AH19278">
        <v>77</v>
      </c>
      <c r="AI19278">
        <v>78</v>
      </c>
      <c r="AJ19278">
        <v>79</v>
      </c>
      <c r="AK19278">
        <v>80</v>
      </c>
      <c r="AL19278">
        <v>80</v>
      </c>
      <c r="AM19278">
        <v>80</v>
      </c>
      <c r="AN19278">
        <v>80</v>
      </c>
      <c r="AO19278">
        <v>80</v>
      </c>
      <c r="AP19278">
        <v>80</v>
      </c>
      <c r="AQ19278">
        <v>80</v>
      </c>
    </row>
    <row r="19279" spans="1:43">
      <c r="A19279" t="s">
        <v>11944</v>
      </c>
      <c r="B19279" t="s">
        <v>11945</v>
      </c>
      <c r="C19279" t="s">
        <v>11632</v>
      </c>
      <c r="D19279" t="s">
        <v>11633</v>
      </c>
      <c r="E19279" t="s">
        <v>11610</v>
      </c>
      <c r="F19279" t="s">
        <v>11611</v>
      </c>
      <c r="G19279" t="s">
        <v>11612</v>
      </c>
      <c r="H19279" t="s">
        <v>11613</v>
      </c>
      <c r="I19279" s="2">
        <v>0</v>
      </c>
      <c r="J19279" s="2">
        <v>0</v>
      </c>
      <c r="K19279" s="2">
        <v>1</v>
      </c>
      <c r="L19279" t="s">
        <v>995</v>
      </c>
      <c r="M19279" t="s">
        <v>87</v>
      </c>
      <c r="N19279" t="s">
        <v>88</v>
      </c>
      <c r="O19279" t="s">
        <v>85</v>
      </c>
      <c r="P19279" t="s">
        <v>86</v>
      </c>
      <c r="Q19279">
        <v>63</v>
      </c>
      <c r="R19279">
        <v>63</v>
      </c>
      <c r="S19279">
        <v>63</v>
      </c>
      <c r="T19279">
        <v>64</v>
      </c>
      <c r="U19279">
        <v>64</v>
      </c>
      <c r="V19279">
        <v>64</v>
      </c>
      <c r="W19279">
        <v>64</v>
      </c>
      <c r="X19279">
        <v>65</v>
      </c>
      <c r="Y19279">
        <v>65</v>
      </c>
      <c r="Z19279">
        <v>65</v>
      </c>
      <c r="AA19279">
        <v>66</v>
      </c>
      <c r="AB19279">
        <v>66</v>
      </c>
      <c r="AC19279">
        <v>66</v>
      </c>
      <c r="AD19279">
        <v>66</v>
      </c>
      <c r="AE19279">
        <v>67</v>
      </c>
      <c r="AF19279">
        <v>67</v>
      </c>
      <c r="AG19279">
        <v>67</v>
      </c>
      <c r="AH19279">
        <v>68</v>
      </c>
      <c r="AI19279">
        <v>68</v>
      </c>
      <c r="AJ19279">
        <v>68</v>
      </c>
      <c r="AK19279">
        <v>68</v>
      </c>
      <c r="AL19279">
        <v>69</v>
      </c>
      <c r="AM19279">
        <v>69</v>
      </c>
      <c r="AN19279">
        <v>69</v>
      </c>
      <c r="AO19279">
        <v>69</v>
      </c>
      <c r="AP19279">
        <v>70</v>
      </c>
      <c r="AQ19279">
        <v>70</v>
      </c>
    </row>
    <row r="19280" spans="1:43">
      <c r="A19280" t="s">
        <v>11944</v>
      </c>
      <c r="B19280" t="s">
        <v>11945</v>
      </c>
      <c r="C19280" t="s">
        <v>11632</v>
      </c>
      <c r="D19280" t="s">
        <v>11633</v>
      </c>
      <c r="E19280" t="s">
        <v>11610</v>
      </c>
      <c r="F19280" t="s">
        <v>11611</v>
      </c>
      <c r="G19280" t="s">
        <v>11612</v>
      </c>
      <c r="H19280" t="s">
        <v>11613</v>
      </c>
      <c r="I19280" s="2">
        <v>0</v>
      </c>
      <c r="J19280" s="2">
        <v>0</v>
      </c>
      <c r="K19280" s="2">
        <v>1</v>
      </c>
      <c r="L19280" t="s">
        <v>995</v>
      </c>
      <c r="M19280" t="s">
        <v>89</v>
      </c>
      <c r="N19280" t="s">
        <v>90</v>
      </c>
      <c r="O19280" t="s">
        <v>85</v>
      </c>
      <c r="P19280" t="s">
        <v>86</v>
      </c>
      <c r="Q19280">
        <v>63</v>
      </c>
      <c r="R19280">
        <v>64</v>
      </c>
      <c r="S19280">
        <v>66</v>
      </c>
      <c r="T19280">
        <v>67</v>
      </c>
      <c r="U19280">
        <v>69</v>
      </c>
      <c r="V19280">
        <v>70</v>
      </c>
      <c r="W19280">
        <v>71</v>
      </c>
      <c r="X19280">
        <v>72</v>
      </c>
      <c r="Y19280">
        <v>73</v>
      </c>
      <c r="Z19280">
        <v>74</v>
      </c>
      <c r="AA19280">
        <v>75</v>
      </c>
      <c r="AB19280">
        <v>76</v>
      </c>
      <c r="AC19280">
        <v>77</v>
      </c>
      <c r="AD19280">
        <v>78</v>
      </c>
      <c r="AE19280">
        <v>79</v>
      </c>
      <c r="AF19280">
        <v>79</v>
      </c>
      <c r="AG19280">
        <v>79</v>
      </c>
      <c r="AH19280">
        <v>79</v>
      </c>
      <c r="AI19280">
        <v>79</v>
      </c>
      <c r="AJ19280">
        <v>79</v>
      </c>
      <c r="AK19280">
        <v>79</v>
      </c>
      <c r="AL19280">
        <v>79</v>
      </c>
      <c r="AM19280">
        <v>79</v>
      </c>
      <c r="AN19280">
        <v>79</v>
      </c>
      <c r="AO19280">
        <v>79</v>
      </c>
      <c r="AP19280">
        <v>79</v>
      </c>
      <c r="AQ19280">
        <v>79</v>
      </c>
    </row>
    <row r="19281" spans="1:43">
      <c r="A19281" t="s">
        <v>11944</v>
      </c>
      <c r="B19281" t="s">
        <v>11945</v>
      </c>
      <c r="C19281" t="s">
        <v>11632</v>
      </c>
      <c r="D19281" t="s">
        <v>11633</v>
      </c>
      <c r="E19281" t="s">
        <v>11610</v>
      </c>
      <c r="F19281" t="s">
        <v>11611</v>
      </c>
      <c r="G19281" t="s">
        <v>11612</v>
      </c>
      <c r="H19281" t="s">
        <v>11613</v>
      </c>
      <c r="I19281" s="2">
        <v>0</v>
      </c>
      <c r="J19281" s="2">
        <v>0</v>
      </c>
      <c r="K19281" s="2">
        <v>1</v>
      </c>
      <c r="L19281" t="s">
        <v>995</v>
      </c>
      <c r="M19281" t="s">
        <v>83</v>
      </c>
      <c r="N19281" t="s">
        <v>91</v>
      </c>
      <c r="O19281" t="s">
        <v>85</v>
      </c>
      <c r="P19281" t="s">
        <v>86</v>
      </c>
      <c r="Q19281">
        <v>63</v>
      </c>
      <c r="R19281">
        <v>64</v>
      </c>
      <c r="S19281">
        <v>65</v>
      </c>
      <c r="T19281">
        <v>66</v>
      </c>
      <c r="U19281">
        <v>67</v>
      </c>
      <c r="V19281">
        <v>68</v>
      </c>
      <c r="W19281">
        <v>69</v>
      </c>
      <c r="X19281">
        <v>69</v>
      </c>
      <c r="Y19281">
        <v>70</v>
      </c>
      <c r="Z19281">
        <v>71</v>
      </c>
      <c r="AA19281">
        <v>72</v>
      </c>
      <c r="AB19281">
        <v>73</v>
      </c>
      <c r="AC19281">
        <v>74</v>
      </c>
      <c r="AD19281">
        <v>74</v>
      </c>
      <c r="AE19281">
        <v>75</v>
      </c>
      <c r="AF19281">
        <v>76</v>
      </c>
      <c r="AG19281">
        <v>77</v>
      </c>
      <c r="AH19281">
        <v>77</v>
      </c>
      <c r="AI19281">
        <v>78</v>
      </c>
      <c r="AJ19281">
        <v>79</v>
      </c>
      <c r="AK19281">
        <v>80</v>
      </c>
      <c r="AL19281">
        <v>80</v>
      </c>
      <c r="AM19281">
        <v>80</v>
      </c>
      <c r="AN19281">
        <v>80</v>
      </c>
      <c r="AO19281">
        <v>80</v>
      </c>
      <c r="AP19281">
        <v>80</v>
      </c>
      <c r="AQ19281">
        <v>80</v>
      </c>
    </row>
    <row r="19282" spans="1:43">
      <c r="A19282" t="s">
        <v>11946</v>
      </c>
      <c r="B19282" t="s">
        <v>11947</v>
      </c>
      <c r="C19282" t="s">
        <v>11948</v>
      </c>
      <c r="D19282" t="s">
        <v>11949</v>
      </c>
      <c r="E19282" t="s">
        <v>11610</v>
      </c>
      <c r="F19282" t="s">
        <v>11611</v>
      </c>
      <c r="G19282" t="s">
        <v>11612</v>
      </c>
      <c r="H19282" t="s">
        <v>11613</v>
      </c>
      <c r="I19282" s="2">
        <v>0</v>
      </c>
      <c r="J19282" s="2">
        <v>0</v>
      </c>
      <c r="K19282" s="2">
        <v>1</v>
      </c>
      <c r="L19282" t="s">
        <v>995</v>
      </c>
      <c r="M19282" t="s">
        <v>83</v>
      </c>
      <c r="N19282" t="s">
        <v>84</v>
      </c>
      <c r="O19282" t="s">
        <v>85</v>
      </c>
      <c r="P19282" t="s">
        <v>86</v>
      </c>
      <c r="Q19282">
        <v>74</v>
      </c>
      <c r="R19282">
        <v>75</v>
      </c>
      <c r="S19282">
        <v>76</v>
      </c>
      <c r="T19282">
        <v>77</v>
      </c>
      <c r="U19282">
        <v>78</v>
      </c>
      <c r="V19282">
        <v>79</v>
      </c>
      <c r="W19282">
        <v>80</v>
      </c>
      <c r="X19282">
        <v>81</v>
      </c>
      <c r="Y19282">
        <v>82</v>
      </c>
      <c r="Z19282">
        <v>83</v>
      </c>
      <c r="AA19282">
        <v>84</v>
      </c>
      <c r="AB19282">
        <v>85</v>
      </c>
      <c r="AC19282">
        <v>86</v>
      </c>
      <c r="AD19282">
        <v>87</v>
      </c>
      <c r="AE19282">
        <v>88</v>
      </c>
      <c r="AF19282">
        <v>89</v>
      </c>
      <c r="AG19282">
        <v>90</v>
      </c>
      <c r="AH19282">
        <v>91</v>
      </c>
      <c r="AI19282">
        <v>92</v>
      </c>
      <c r="AJ19282">
        <v>92</v>
      </c>
      <c r="AK19282">
        <v>93</v>
      </c>
      <c r="AL19282">
        <v>94</v>
      </c>
      <c r="AM19282">
        <v>94</v>
      </c>
      <c r="AN19282">
        <v>94</v>
      </c>
      <c r="AO19282">
        <v>94</v>
      </c>
      <c r="AP19282">
        <v>94</v>
      </c>
      <c r="AQ19282">
        <v>94</v>
      </c>
    </row>
    <row r="19283" spans="1:43">
      <c r="A19283" t="s">
        <v>11946</v>
      </c>
      <c r="B19283" t="s">
        <v>11947</v>
      </c>
      <c r="C19283" t="s">
        <v>11948</v>
      </c>
      <c r="D19283" t="s">
        <v>11949</v>
      </c>
      <c r="E19283" t="s">
        <v>11610</v>
      </c>
      <c r="F19283" t="s">
        <v>11611</v>
      </c>
      <c r="G19283" t="s">
        <v>11612</v>
      </c>
      <c r="H19283" t="s">
        <v>11613</v>
      </c>
      <c r="I19283" s="2">
        <v>0</v>
      </c>
      <c r="J19283" s="2">
        <v>0</v>
      </c>
      <c r="K19283" s="2">
        <v>1</v>
      </c>
      <c r="L19283" t="s">
        <v>995</v>
      </c>
      <c r="M19283" t="s">
        <v>87</v>
      </c>
      <c r="N19283" t="s">
        <v>88</v>
      </c>
      <c r="O19283" t="s">
        <v>85</v>
      </c>
      <c r="P19283" t="s">
        <v>86</v>
      </c>
      <c r="Q19283">
        <v>74</v>
      </c>
      <c r="R19283">
        <v>75</v>
      </c>
      <c r="S19283">
        <v>75</v>
      </c>
      <c r="T19283">
        <v>75</v>
      </c>
      <c r="U19283">
        <v>76</v>
      </c>
      <c r="V19283">
        <v>76</v>
      </c>
      <c r="W19283">
        <v>76</v>
      </c>
      <c r="X19283">
        <v>77</v>
      </c>
      <c r="Y19283">
        <v>77</v>
      </c>
      <c r="Z19283">
        <v>77</v>
      </c>
      <c r="AA19283">
        <v>78</v>
      </c>
      <c r="AB19283">
        <v>78</v>
      </c>
      <c r="AC19283">
        <v>78</v>
      </c>
      <c r="AD19283">
        <v>79</v>
      </c>
      <c r="AE19283">
        <v>79</v>
      </c>
      <c r="AF19283">
        <v>79</v>
      </c>
      <c r="AG19283">
        <v>79</v>
      </c>
      <c r="AH19283">
        <v>80</v>
      </c>
      <c r="AI19283">
        <v>80</v>
      </c>
      <c r="AJ19283">
        <v>80</v>
      </c>
      <c r="AK19283">
        <v>81</v>
      </c>
      <c r="AL19283">
        <v>81</v>
      </c>
      <c r="AM19283">
        <v>81</v>
      </c>
      <c r="AN19283">
        <v>82</v>
      </c>
      <c r="AO19283">
        <v>82</v>
      </c>
      <c r="AP19283">
        <v>82</v>
      </c>
      <c r="AQ19283">
        <v>83</v>
      </c>
    </row>
    <row r="19284" spans="1:43">
      <c r="A19284" t="s">
        <v>11946</v>
      </c>
      <c r="B19284" t="s">
        <v>11947</v>
      </c>
      <c r="C19284" t="s">
        <v>11948</v>
      </c>
      <c r="D19284" t="s">
        <v>11949</v>
      </c>
      <c r="E19284" t="s">
        <v>11610</v>
      </c>
      <c r="F19284" t="s">
        <v>11611</v>
      </c>
      <c r="G19284" t="s">
        <v>11612</v>
      </c>
      <c r="H19284" t="s">
        <v>11613</v>
      </c>
      <c r="I19284" s="2">
        <v>0</v>
      </c>
      <c r="J19284" s="2">
        <v>0</v>
      </c>
      <c r="K19284" s="2">
        <v>1</v>
      </c>
      <c r="L19284" t="s">
        <v>995</v>
      </c>
      <c r="M19284" t="s">
        <v>89</v>
      </c>
      <c r="N19284" t="s">
        <v>90</v>
      </c>
      <c r="O19284" t="s">
        <v>85</v>
      </c>
      <c r="P19284" t="s">
        <v>86</v>
      </c>
      <c r="Q19284">
        <v>74</v>
      </c>
      <c r="R19284">
        <v>75</v>
      </c>
      <c r="S19284">
        <v>77</v>
      </c>
      <c r="T19284">
        <v>79</v>
      </c>
      <c r="U19284">
        <v>80</v>
      </c>
      <c r="V19284">
        <v>82</v>
      </c>
      <c r="W19284">
        <v>83</v>
      </c>
      <c r="X19284">
        <v>85</v>
      </c>
      <c r="Y19284">
        <v>86</v>
      </c>
      <c r="Z19284">
        <v>87</v>
      </c>
      <c r="AA19284">
        <v>89</v>
      </c>
      <c r="AB19284">
        <v>90</v>
      </c>
      <c r="AC19284">
        <v>91</v>
      </c>
      <c r="AD19284">
        <v>92</v>
      </c>
      <c r="AE19284">
        <v>93</v>
      </c>
      <c r="AF19284">
        <v>93</v>
      </c>
      <c r="AG19284">
        <v>93</v>
      </c>
      <c r="AH19284">
        <v>93</v>
      </c>
      <c r="AI19284">
        <v>93</v>
      </c>
      <c r="AJ19284">
        <v>93</v>
      </c>
      <c r="AK19284">
        <v>94</v>
      </c>
      <c r="AL19284">
        <v>94</v>
      </c>
      <c r="AM19284">
        <v>94</v>
      </c>
      <c r="AN19284">
        <v>94</v>
      </c>
      <c r="AO19284">
        <v>94</v>
      </c>
      <c r="AP19284">
        <v>94</v>
      </c>
      <c r="AQ19284">
        <v>94</v>
      </c>
    </row>
    <row r="19285" spans="1:43">
      <c r="A19285" t="s">
        <v>11946</v>
      </c>
      <c r="B19285" t="s">
        <v>11947</v>
      </c>
      <c r="C19285" t="s">
        <v>11948</v>
      </c>
      <c r="D19285" t="s">
        <v>11949</v>
      </c>
      <c r="E19285" t="s">
        <v>11610</v>
      </c>
      <c r="F19285" t="s">
        <v>11611</v>
      </c>
      <c r="G19285" t="s">
        <v>11612</v>
      </c>
      <c r="H19285" t="s">
        <v>11613</v>
      </c>
      <c r="I19285" s="2">
        <v>0</v>
      </c>
      <c r="J19285" s="2">
        <v>0</v>
      </c>
      <c r="K19285" s="2">
        <v>1</v>
      </c>
      <c r="L19285" t="s">
        <v>995</v>
      </c>
      <c r="M19285" t="s">
        <v>83</v>
      </c>
      <c r="N19285" t="s">
        <v>91</v>
      </c>
      <c r="O19285" t="s">
        <v>85</v>
      </c>
      <c r="P19285" t="s">
        <v>86</v>
      </c>
      <c r="Q19285">
        <v>74</v>
      </c>
      <c r="R19285">
        <v>75</v>
      </c>
      <c r="S19285">
        <v>76</v>
      </c>
      <c r="T19285">
        <v>77</v>
      </c>
      <c r="U19285">
        <v>78</v>
      </c>
      <c r="V19285">
        <v>79</v>
      </c>
      <c r="W19285">
        <v>80</v>
      </c>
      <c r="X19285">
        <v>81</v>
      </c>
      <c r="Y19285">
        <v>82</v>
      </c>
      <c r="Z19285">
        <v>83</v>
      </c>
      <c r="AA19285">
        <v>84</v>
      </c>
      <c r="AB19285">
        <v>85</v>
      </c>
      <c r="AC19285">
        <v>86</v>
      </c>
      <c r="AD19285">
        <v>87</v>
      </c>
      <c r="AE19285">
        <v>88</v>
      </c>
      <c r="AF19285">
        <v>89</v>
      </c>
      <c r="AG19285">
        <v>90</v>
      </c>
      <c r="AH19285">
        <v>91</v>
      </c>
      <c r="AI19285">
        <v>92</v>
      </c>
      <c r="AJ19285">
        <v>92</v>
      </c>
      <c r="AK19285">
        <v>93</v>
      </c>
      <c r="AL19285">
        <v>94</v>
      </c>
      <c r="AM19285">
        <v>94</v>
      </c>
      <c r="AN19285">
        <v>94</v>
      </c>
      <c r="AO19285">
        <v>94</v>
      </c>
      <c r="AP19285">
        <v>94</v>
      </c>
      <c r="AQ19285">
        <v>94</v>
      </c>
    </row>
    <row r="19286" spans="1:43">
      <c r="A19286" t="s">
        <v>11950</v>
      </c>
      <c r="B19286" t="s">
        <v>11951</v>
      </c>
      <c r="C19286" t="s">
        <v>11632</v>
      </c>
      <c r="D19286" t="s">
        <v>11633</v>
      </c>
      <c r="E19286" t="s">
        <v>11610</v>
      </c>
      <c r="F19286" t="s">
        <v>11611</v>
      </c>
      <c r="G19286" t="s">
        <v>11612</v>
      </c>
      <c r="H19286" t="s">
        <v>11613</v>
      </c>
      <c r="I19286" s="2">
        <v>0</v>
      </c>
      <c r="J19286" s="2">
        <v>0</v>
      </c>
      <c r="K19286" s="2">
        <v>1</v>
      </c>
      <c r="L19286" t="s">
        <v>995</v>
      </c>
      <c r="M19286" t="s">
        <v>83</v>
      </c>
      <c r="N19286" t="s">
        <v>84</v>
      </c>
      <c r="O19286" t="s">
        <v>85</v>
      </c>
      <c r="P19286" t="s">
        <v>86</v>
      </c>
      <c r="Q19286">
        <v>103</v>
      </c>
      <c r="R19286">
        <v>104</v>
      </c>
      <c r="S19286">
        <v>105</v>
      </c>
      <c r="T19286">
        <v>107</v>
      </c>
      <c r="U19286">
        <v>108</v>
      </c>
      <c r="V19286">
        <v>109</v>
      </c>
      <c r="W19286">
        <v>111</v>
      </c>
      <c r="X19286">
        <v>112</v>
      </c>
      <c r="Y19286">
        <v>114</v>
      </c>
      <c r="Z19286">
        <v>115</v>
      </c>
      <c r="AA19286">
        <v>116</v>
      </c>
      <c r="AB19286">
        <v>118</v>
      </c>
      <c r="AC19286">
        <v>119</v>
      </c>
      <c r="AD19286">
        <v>120</v>
      </c>
      <c r="AE19286">
        <v>121</v>
      </c>
      <c r="AF19286">
        <v>123</v>
      </c>
      <c r="AG19286">
        <v>124</v>
      </c>
      <c r="AH19286">
        <v>125</v>
      </c>
      <c r="AI19286">
        <v>126</v>
      </c>
      <c r="AJ19286">
        <v>128</v>
      </c>
      <c r="AK19286">
        <v>129</v>
      </c>
      <c r="AL19286">
        <v>129</v>
      </c>
      <c r="AM19286">
        <v>130</v>
      </c>
      <c r="AN19286">
        <v>130</v>
      </c>
      <c r="AO19286">
        <v>130</v>
      </c>
      <c r="AP19286">
        <v>130</v>
      </c>
      <c r="AQ19286">
        <v>130</v>
      </c>
    </row>
    <row r="19287" spans="1:43">
      <c r="A19287" t="s">
        <v>11950</v>
      </c>
      <c r="B19287" t="s">
        <v>11951</v>
      </c>
      <c r="C19287" t="s">
        <v>11632</v>
      </c>
      <c r="D19287" t="s">
        <v>11633</v>
      </c>
      <c r="E19287" t="s">
        <v>11610</v>
      </c>
      <c r="F19287" t="s">
        <v>11611</v>
      </c>
      <c r="G19287" t="s">
        <v>11612</v>
      </c>
      <c r="H19287" t="s">
        <v>11613</v>
      </c>
      <c r="I19287" s="2">
        <v>0</v>
      </c>
      <c r="J19287" s="2">
        <v>0</v>
      </c>
      <c r="K19287" s="2">
        <v>1</v>
      </c>
      <c r="L19287" t="s">
        <v>995</v>
      </c>
      <c r="M19287" t="s">
        <v>87</v>
      </c>
      <c r="N19287" t="s">
        <v>88</v>
      </c>
      <c r="O19287" t="s">
        <v>85</v>
      </c>
      <c r="P19287" t="s">
        <v>86</v>
      </c>
      <c r="Q19287">
        <v>103</v>
      </c>
      <c r="R19287">
        <v>103</v>
      </c>
      <c r="S19287">
        <v>103</v>
      </c>
      <c r="T19287">
        <v>104</v>
      </c>
      <c r="U19287">
        <v>104</v>
      </c>
      <c r="V19287">
        <v>105</v>
      </c>
      <c r="W19287">
        <v>105</v>
      </c>
      <c r="X19287">
        <v>106</v>
      </c>
      <c r="Y19287">
        <v>106</v>
      </c>
      <c r="Z19287">
        <v>107</v>
      </c>
      <c r="AA19287">
        <v>107</v>
      </c>
      <c r="AB19287">
        <v>107</v>
      </c>
      <c r="AC19287">
        <v>108</v>
      </c>
      <c r="AD19287">
        <v>108</v>
      </c>
      <c r="AE19287">
        <v>109</v>
      </c>
      <c r="AF19287">
        <v>109</v>
      </c>
      <c r="AG19287">
        <v>110</v>
      </c>
      <c r="AH19287">
        <v>110</v>
      </c>
      <c r="AI19287">
        <v>110</v>
      </c>
      <c r="AJ19287">
        <v>111</v>
      </c>
      <c r="AK19287">
        <v>111</v>
      </c>
      <c r="AL19287">
        <v>112</v>
      </c>
      <c r="AM19287">
        <v>112</v>
      </c>
      <c r="AN19287">
        <v>113</v>
      </c>
      <c r="AO19287">
        <v>113</v>
      </c>
      <c r="AP19287">
        <v>113</v>
      </c>
      <c r="AQ19287">
        <v>114</v>
      </c>
    </row>
    <row r="19288" spans="1:43">
      <c r="A19288" t="s">
        <v>11950</v>
      </c>
      <c r="B19288" t="s">
        <v>11951</v>
      </c>
      <c r="C19288" t="s">
        <v>11632</v>
      </c>
      <c r="D19288" t="s">
        <v>11633</v>
      </c>
      <c r="E19288" t="s">
        <v>11610</v>
      </c>
      <c r="F19288" t="s">
        <v>11611</v>
      </c>
      <c r="G19288" t="s">
        <v>11612</v>
      </c>
      <c r="H19288" t="s">
        <v>11613</v>
      </c>
      <c r="I19288" s="2">
        <v>0</v>
      </c>
      <c r="J19288" s="2">
        <v>0</v>
      </c>
      <c r="K19288" s="2">
        <v>1</v>
      </c>
      <c r="L19288" t="s">
        <v>995</v>
      </c>
      <c r="M19288" t="s">
        <v>89</v>
      </c>
      <c r="N19288" t="s">
        <v>90</v>
      </c>
      <c r="O19288" t="s">
        <v>85</v>
      </c>
      <c r="P19288" t="s">
        <v>86</v>
      </c>
      <c r="Q19288">
        <v>103</v>
      </c>
      <c r="R19288">
        <v>106</v>
      </c>
      <c r="S19288">
        <v>108</v>
      </c>
      <c r="T19288">
        <v>110</v>
      </c>
      <c r="U19288">
        <v>112</v>
      </c>
      <c r="V19288">
        <v>114</v>
      </c>
      <c r="W19288">
        <v>117</v>
      </c>
      <c r="X19288">
        <v>118</v>
      </c>
      <c r="Y19288">
        <v>120</v>
      </c>
      <c r="Z19288">
        <v>122</v>
      </c>
      <c r="AA19288">
        <v>124</v>
      </c>
      <c r="AB19288">
        <v>125</v>
      </c>
      <c r="AC19288">
        <v>127</v>
      </c>
      <c r="AD19288">
        <v>129</v>
      </c>
      <c r="AE19288">
        <v>130</v>
      </c>
      <c r="AF19288">
        <v>130</v>
      </c>
      <c r="AG19288">
        <v>130</v>
      </c>
      <c r="AH19288">
        <v>130</v>
      </c>
      <c r="AI19288">
        <v>130</v>
      </c>
      <c r="AJ19288">
        <v>130</v>
      </c>
      <c r="AK19288">
        <v>131</v>
      </c>
      <c r="AL19288">
        <v>131</v>
      </c>
      <c r="AM19288">
        <v>131</v>
      </c>
      <c r="AN19288">
        <v>131</v>
      </c>
      <c r="AO19288">
        <v>131</v>
      </c>
      <c r="AP19288">
        <v>131</v>
      </c>
      <c r="AQ19288">
        <v>131</v>
      </c>
    </row>
    <row r="19289" spans="1:43">
      <c r="A19289" t="s">
        <v>11950</v>
      </c>
      <c r="B19289" t="s">
        <v>11951</v>
      </c>
      <c r="C19289" t="s">
        <v>11632</v>
      </c>
      <c r="D19289" t="s">
        <v>11633</v>
      </c>
      <c r="E19289" t="s">
        <v>11610</v>
      </c>
      <c r="F19289" t="s">
        <v>11611</v>
      </c>
      <c r="G19289" t="s">
        <v>11612</v>
      </c>
      <c r="H19289" t="s">
        <v>11613</v>
      </c>
      <c r="I19289" s="2">
        <v>0</v>
      </c>
      <c r="J19289" s="2">
        <v>0</v>
      </c>
      <c r="K19289" s="2">
        <v>1</v>
      </c>
      <c r="L19289" t="s">
        <v>995</v>
      </c>
      <c r="M19289" t="s">
        <v>83</v>
      </c>
      <c r="N19289" t="s">
        <v>91</v>
      </c>
      <c r="O19289" t="s">
        <v>85</v>
      </c>
      <c r="P19289" t="s">
        <v>86</v>
      </c>
      <c r="Q19289">
        <v>103</v>
      </c>
      <c r="R19289">
        <v>104</v>
      </c>
      <c r="S19289">
        <v>105</v>
      </c>
      <c r="T19289">
        <v>107</v>
      </c>
      <c r="U19289">
        <v>108</v>
      </c>
      <c r="V19289">
        <v>109</v>
      </c>
      <c r="W19289">
        <v>111</v>
      </c>
      <c r="X19289">
        <v>112</v>
      </c>
      <c r="Y19289">
        <v>114</v>
      </c>
      <c r="Z19289">
        <v>115</v>
      </c>
      <c r="AA19289">
        <v>116</v>
      </c>
      <c r="AB19289">
        <v>118</v>
      </c>
      <c r="AC19289">
        <v>119</v>
      </c>
      <c r="AD19289">
        <v>120</v>
      </c>
      <c r="AE19289">
        <v>121</v>
      </c>
      <c r="AF19289">
        <v>123</v>
      </c>
      <c r="AG19289">
        <v>124</v>
      </c>
      <c r="AH19289">
        <v>125</v>
      </c>
      <c r="AI19289">
        <v>126</v>
      </c>
      <c r="AJ19289">
        <v>128</v>
      </c>
      <c r="AK19289">
        <v>129</v>
      </c>
      <c r="AL19289">
        <v>129</v>
      </c>
      <c r="AM19289">
        <v>130</v>
      </c>
      <c r="AN19289">
        <v>130</v>
      </c>
      <c r="AO19289">
        <v>130</v>
      </c>
      <c r="AP19289">
        <v>130</v>
      </c>
      <c r="AQ19289">
        <v>130</v>
      </c>
    </row>
    <row r="19290" spans="1:43">
      <c r="A19290" t="s">
        <v>11952</v>
      </c>
      <c r="B19290" t="s">
        <v>11953</v>
      </c>
      <c r="C19290" t="s">
        <v>11948</v>
      </c>
      <c r="D19290" t="s">
        <v>11949</v>
      </c>
      <c r="E19290" t="s">
        <v>11610</v>
      </c>
      <c r="F19290" t="s">
        <v>11611</v>
      </c>
      <c r="G19290" t="s">
        <v>11612</v>
      </c>
      <c r="H19290" t="s">
        <v>11613</v>
      </c>
      <c r="I19290" s="2">
        <v>0</v>
      </c>
      <c r="J19290" s="2">
        <v>0</v>
      </c>
      <c r="K19290" s="2">
        <v>1</v>
      </c>
      <c r="L19290" t="s">
        <v>995</v>
      </c>
      <c r="M19290" t="s">
        <v>83</v>
      </c>
      <c r="N19290" t="s">
        <v>84</v>
      </c>
      <c r="O19290" t="s">
        <v>85</v>
      </c>
      <c r="P19290" t="s">
        <v>86</v>
      </c>
      <c r="Q19290">
        <v>34</v>
      </c>
      <c r="R19290">
        <v>35</v>
      </c>
      <c r="S19290">
        <v>35</v>
      </c>
      <c r="T19290">
        <v>36</v>
      </c>
      <c r="U19290">
        <v>36</v>
      </c>
      <c r="V19290">
        <v>37</v>
      </c>
      <c r="W19290">
        <v>37</v>
      </c>
      <c r="X19290">
        <v>38</v>
      </c>
      <c r="Y19290">
        <v>38</v>
      </c>
      <c r="Z19290">
        <v>39</v>
      </c>
      <c r="AA19290">
        <v>39</v>
      </c>
      <c r="AB19290">
        <v>40</v>
      </c>
      <c r="AC19290">
        <v>40</v>
      </c>
      <c r="AD19290">
        <v>40</v>
      </c>
      <c r="AE19290">
        <v>41</v>
      </c>
      <c r="AF19290">
        <v>41</v>
      </c>
      <c r="AG19290">
        <v>42</v>
      </c>
      <c r="AH19290">
        <v>42</v>
      </c>
      <c r="AI19290">
        <v>42</v>
      </c>
      <c r="AJ19290">
        <v>43</v>
      </c>
      <c r="AK19290">
        <v>43</v>
      </c>
      <c r="AL19290">
        <v>43</v>
      </c>
      <c r="AM19290">
        <v>43</v>
      </c>
      <c r="AN19290">
        <v>43</v>
      </c>
      <c r="AO19290">
        <v>43</v>
      </c>
      <c r="AP19290">
        <v>43</v>
      </c>
      <c r="AQ19290">
        <v>43</v>
      </c>
    </row>
    <row r="19291" spans="1:43">
      <c r="A19291" t="s">
        <v>11952</v>
      </c>
      <c r="B19291" t="s">
        <v>11953</v>
      </c>
      <c r="C19291" t="s">
        <v>11948</v>
      </c>
      <c r="D19291" t="s">
        <v>11949</v>
      </c>
      <c r="E19291" t="s">
        <v>11610</v>
      </c>
      <c r="F19291" t="s">
        <v>11611</v>
      </c>
      <c r="G19291" t="s">
        <v>11612</v>
      </c>
      <c r="H19291" t="s">
        <v>11613</v>
      </c>
      <c r="I19291" s="2">
        <v>0</v>
      </c>
      <c r="J19291" s="2">
        <v>0</v>
      </c>
      <c r="K19291" s="2">
        <v>1</v>
      </c>
      <c r="L19291" t="s">
        <v>995</v>
      </c>
      <c r="M19291" t="s">
        <v>87</v>
      </c>
      <c r="N19291" t="s">
        <v>88</v>
      </c>
      <c r="O19291" t="s">
        <v>85</v>
      </c>
      <c r="P19291" t="s">
        <v>86</v>
      </c>
      <c r="Q19291">
        <v>34</v>
      </c>
      <c r="R19291">
        <v>34</v>
      </c>
      <c r="S19291">
        <v>34</v>
      </c>
      <c r="T19291">
        <v>35</v>
      </c>
      <c r="U19291">
        <v>35</v>
      </c>
      <c r="V19291">
        <v>35</v>
      </c>
      <c r="W19291">
        <v>35</v>
      </c>
      <c r="X19291">
        <v>35</v>
      </c>
      <c r="Y19291">
        <v>35</v>
      </c>
      <c r="Z19291">
        <v>36</v>
      </c>
      <c r="AA19291">
        <v>36</v>
      </c>
      <c r="AB19291">
        <v>36</v>
      </c>
      <c r="AC19291">
        <v>36</v>
      </c>
      <c r="AD19291">
        <v>36</v>
      </c>
      <c r="AE19291">
        <v>36</v>
      </c>
      <c r="AF19291">
        <v>36</v>
      </c>
      <c r="AG19291">
        <v>37</v>
      </c>
      <c r="AH19291">
        <v>37</v>
      </c>
      <c r="AI19291">
        <v>37</v>
      </c>
      <c r="AJ19291">
        <v>37</v>
      </c>
      <c r="AK19291">
        <v>37</v>
      </c>
      <c r="AL19291">
        <v>37</v>
      </c>
      <c r="AM19291">
        <v>37</v>
      </c>
      <c r="AN19291">
        <v>38</v>
      </c>
      <c r="AO19291">
        <v>38</v>
      </c>
      <c r="AP19291">
        <v>38</v>
      </c>
      <c r="AQ19291">
        <v>38</v>
      </c>
    </row>
    <row r="19292" spans="1:43">
      <c r="A19292" t="s">
        <v>11952</v>
      </c>
      <c r="B19292" t="s">
        <v>11953</v>
      </c>
      <c r="C19292" t="s">
        <v>11948</v>
      </c>
      <c r="D19292" t="s">
        <v>11949</v>
      </c>
      <c r="E19292" t="s">
        <v>11610</v>
      </c>
      <c r="F19292" t="s">
        <v>11611</v>
      </c>
      <c r="G19292" t="s">
        <v>11612</v>
      </c>
      <c r="H19292" t="s">
        <v>11613</v>
      </c>
      <c r="I19292" s="2">
        <v>0</v>
      </c>
      <c r="J19292" s="2">
        <v>0</v>
      </c>
      <c r="K19292" s="2">
        <v>1</v>
      </c>
      <c r="L19292" t="s">
        <v>995</v>
      </c>
      <c r="M19292" t="s">
        <v>89</v>
      </c>
      <c r="N19292" t="s">
        <v>90</v>
      </c>
      <c r="O19292" t="s">
        <v>85</v>
      </c>
      <c r="P19292" t="s">
        <v>86</v>
      </c>
      <c r="Q19292">
        <v>34</v>
      </c>
      <c r="R19292">
        <v>35</v>
      </c>
      <c r="S19292">
        <v>35</v>
      </c>
      <c r="T19292">
        <v>36</v>
      </c>
      <c r="U19292">
        <v>37</v>
      </c>
      <c r="V19292">
        <v>38</v>
      </c>
      <c r="W19292">
        <v>38</v>
      </c>
      <c r="X19292">
        <v>39</v>
      </c>
      <c r="Y19292">
        <v>39</v>
      </c>
      <c r="Z19292">
        <v>40</v>
      </c>
      <c r="AA19292">
        <v>41</v>
      </c>
      <c r="AB19292">
        <v>41</v>
      </c>
      <c r="AC19292">
        <v>42</v>
      </c>
      <c r="AD19292">
        <v>42</v>
      </c>
      <c r="AE19292">
        <v>43</v>
      </c>
      <c r="AF19292">
        <v>43</v>
      </c>
      <c r="AG19292">
        <v>43</v>
      </c>
      <c r="AH19292">
        <v>43</v>
      </c>
      <c r="AI19292">
        <v>43</v>
      </c>
      <c r="AJ19292">
        <v>43</v>
      </c>
      <c r="AK19292">
        <v>43</v>
      </c>
      <c r="AL19292">
        <v>43</v>
      </c>
      <c r="AM19292">
        <v>43</v>
      </c>
      <c r="AN19292">
        <v>43</v>
      </c>
      <c r="AO19292">
        <v>43</v>
      </c>
      <c r="AP19292">
        <v>43</v>
      </c>
      <c r="AQ19292">
        <v>43</v>
      </c>
    </row>
    <row r="19293" spans="1:43">
      <c r="A19293" t="s">
        <v>11952</v>
      </c>
      <c r="B19293" t="s">
        <v>11953</v>
      </c>
      <c r="C19293" t="s">
        <v>11948</v>
      </c>
      <c r="D19293" t="s">
        <v>11949</v>
      </c>
      <c r="E19293" t="s">
        <v>11610</v>
      </c>
      <c r="F19293" t="s">
        <v>11611</v>
      </c>
      <c r="G19293" t="s">
        <v>11612</v>
      </c>
      <c r="H19293" t="s">
        <v>11613</v>
      </c>
      <c r="I19293" s="2">
        <v>0</v>
      </c>
      <c r="J19293" s="2">
        <v>0</v>
      </c>
      <c r="K19293" s="2">
        <v>1</v>
      </c>
      <c r="L19293" t="s">
        <v>995</v>
      </c>
      <c r="M19293" t="s">
        <v>83</v>
      </c>
      <c r="N19293" t="s">
        <v>91</v>
      </c>
      <c r="O19293" t="s">
        <v>85</v>
      </c>
      <c r="P19293" t="s">
        <v>86</v>
      </c>
      <c r="Q19293">
        <v>34</v>
      </c>
      <c r="R19293">
        <v>35</v>
      </c>
      <c r="S19293">
        <v>35</v>
      </c>
      <c r="T19293">
        <v>36</v>
      </c>
      <c r="U19293">
        <v>36</v>
      </c>
      <c r="V19293">
        <v>37</v>
      </c>
      <c r="W19293">
        <v>37</v>
      </c>
      <c r="X19293">
        <v>38</v>
      </c>
      <c r="Y19293">
        <v>38</v>
      </c>
      <c r="Z19293">
        <v>39</v>
      </c>
      <c r="AA19293">
        <v>39</v>
      </c>
      <c r="AB19293">
        <v>40</v>
      </c>
      <c r="AC19293">
        <v>40</v>
      </c>
      <c r="AD19293">
        <v>40</v>
      </c>
      <c r="AE19293">
        <v>41</v>
      </c>
      <c r="AF19293">
        <v>41</v>
      </c>
      <c r="AG19293">
        <v>42</v>
      </c>
      <c r="AH19293">
        <v>42</v>
      </c>
      <c r="AI19293">
        <v>42</v>
      </c>
      <c r="AJ19293">
        <v>43</v>
      </c>
      <c r="AK19293">
        <v>43</v>
      </c>
      <c r="AL19293">
        <v>43</v>
      </c>
      <c r="AM19293">
        <v>43</v>
      </c>
      <c r="AN19293">
        <v>43</v>
      </c>
      <c r="AO19293">
        <v>43</v>
      </c>
      <c r="AP19293">
        <v>43</v>
      </c>
      <c r="AQ19293">
        <v>43</v>
      </c>
    </row>
    <row r="19294" spans="1:43">
      <c r="A19294" t="s">
        <v>11954</v>
      </c>
      <c r="B19294" t="s">
        <v>11955</v>
      </c>
      <c r="C19294" t="s">
        <v>11926</v>
      </c>
      <c r="D19294" t="s">
        <v>11927</v>
      </c>
      <c r="E19294" t="s">
        <v>11610</v>
      </c>
      <c r="F19294" t="s">
        <v>11611</v>
      </c>
      <c r="G19294" t="s">
        <v>11612</v>
      </c>
      <c r="H19294" t="s">
        <v>11613</v>
      </c>
      <c r="I19294" s="2">
        <v>0</v>
      </c>
      <c r="J19294" s="2">
        <v>0</v>
      </c>
      <c r="K19294" s="2">
        <v>1</v>
      </c>
      <c r="L19294" t="s">
        <v>995</v>
      </c>
      <c r="M19294" t="s">
        <v>83</v>
      </c>
      <c r="N19294" t="s">
        <v>84</v>
      </c>
      <c r="O19294" t="s">
        <v>85</v>
      </c>
      <c r="P19294" t="s">
        <v>86</v>
      </c>
      <c r="Q19294">
        <v>26</v>
      </c>
      <c r="R19294">
        <v>26</v>
      </c>
      <c r="S19294">
        <v>26</v>
      </c>
      <c r="T19294">
        <v>27</v>
      </c>
      <c r="U19294">
        <v>27</v>
      </c>
      <c r="V19294">
        <v>27</v>
      </c>
      <c r="W19294">
        <v>28</v>
      </c>
      <c r="X19294">
        <v>28</v>
      </c>
      <c r="Y19294">
        <v>28</v>
      </c>
      <c r="Z19294">
        <v>29</v>
      </c>
      <c r="AA19294">
        <v>29</v>
      </c>
      <c r="AB19294">
        <v>29</v>
      </c>
      <c r="AC19294">
        <v>30</v>
      </c>
      <c r="AD19294">
        <v>30</v>
      </c>
      <c r="AE19294">
        <v>30</v>
      </c>
      <c r="AF19294">
        <v>31</v>
      </c>
      <c r="AG19294">
        <v>31</v>
      </c>
      <c r="AH19294">
        <v>31</v>
      </c>
      <c r="AI19294">
        <v>32</v>
      </c>
      <c r="AJ19294">
        <v>32</v>
      </c>
      <c r="AK19294">
        <v>32</v>
      </c>
      <c r="AL19294">
        <v>32</v>
      </c>
      <c r="AM19294">
        <v>32</v>
      </c>
      <c r="AN19294">
        <v>32</v>
      </c>
      <c r="AO19294">
        <v>32</v>
      </c>
      <c r="AP19294">
        <v>32</v>
      </c>
      <c r="AQ19294">
        <v>33</v>
      </c>
    </row>
    <row r="19295" spans="1:43">
      <c r="A19295" t="s">
        <v>11954</v>
      </c>
      <c r="B19295" t="s">
        <v>11955</v>
      </c>
      <c r="C19295" t="s">
        <v>11926</v>
      </c>
      <c r="D19295" t="s">
        <v>11927</v>
      </c>
      <c r="E19295" t="s">
        <v>11610</v>
      </c>
      <c r="F19295" t="s">
        <v>11611</v>
      </c>
      <c r="G19295" t="s">
        <v>11612</v>
      </c>
      <c r="H19295" t="s">
        <v>11613</v>
      </c>
      <c r="I19295" s="2">
        <v>0</v>
      </c>
      <c r="J19295" s="2">
        <v>0</v>
      </c>
      <c r="K19295" s="2">
        <v>1</v>
      </c>
      <c r="L19295" t="s">
        <v>995</v>
      </c>
      <c r="M19295" t="s">
        <v>87</v>
      </c>
      <c r="N19295" t="s">
        <v>88</v>
      </c>
      <c r="O19295" t="s">
        <v>85</v>
      </c>
      <c r="P19295" t="s">
        <v>86</v>
      </c>
      <c r="Q19295">
        <v>26</v>
      </c>
      <c r="R19295">
        <v>26</v>
      </c>
      <c r="S19295">
        <v>27</v>
      </c>
      <c r="T19295">
        <v>27</v>
      </c>
      <c r="U19295">
        <v>27</v>
      </c>
      <c r="V19295">
        <v>27</v>
      </c>
      <c r="W19295">
        <v>27</v>
      </c>
      <c r="X19295">
        <v>27</v>
      </c>
      <c r="Y19295">
        <v>27</v>
      </c>
      <c r="Z19295">
        <v>27</v>
      </c>
      <c r="AA19295">
        <v>27</v>
      </c>
      <c r="AB19295">
        <v>28</v>
      </c>
      <c r="AC19295">
        <v>28</v>
      </c>
      <c r="AD19295">
        <v>28</v>
      </c>
      <c r="AE19295">
        <v>28</v>
      </c>
      <c r="AF19295">
        <v>28</v>
      </c>
      <c r="AG19295">
        <v>28</v>
      </c>
      <c r="AH19295">
        <v>28</v>
      </c>
      <c r="AI19295">
        <v>28</v>
      </c>
      <c r="AJ19295">
        <v>28</v>
      </c>
      <c r="AK19295">
        <v>29</v>
      </c>
      <c r="AL19295">
        <v>29</v>
      </c>
      <c r="AM19295">
        <v>29</v>
      </c>
      <c r="AN19295">
        <v>29</v>
      </c>
      <c r="AO19295">
        <v>29</v>
      </c>
      <c r="AP19295">
        <v>29</v>
      </c>
      <c r="AQ19295">
        <v>29</v>
      </c>
    </row>
    <row r="19296" spans="1:43">
      <c r="A19296" t="s">
        <v>11954</v>
      </c>
      <c r="B19296" t="s">
        <v>11955</v>
      </c>
      <c r="C19296" t="s">
        <v>11926</v>
      </c>
      <c r="D19296" t="s">
        <v>11927</v>
      </c>
      <c r="E19296" t="s">
        <v>11610</v>
      </c>
      <c r="F19296" t="s">
        <v>11611</v>
      </c>
      <c r="G19296" t="s">
        <v>11612</v>
      </c>
      <c r="H19296" t="s">
        <v>11613</v>
      </c>
      <c r="I19296" s="2">
        <v>0</v>
      </c>
      <c r="J19296" s="2">
        <v>0</v>
      </c>
      <c r="K19296" s="2">
        <v>1</v>
      </c>
      <c r="L19296" t="s">
        <v>995</v>
      </c>
      <c r="M19296" t="s">
        <v>89</v>
      </c>
      <c r="N19296" t="s">
        <v>90</v>
      </c>
      <c r="O19296" t="s">
        <v>85</v>
      </c>
      <c r="P19296" t="s">
        <v>86</v>
      </c>
      <c r="Q19296">
        <v>26</v>
      </c>
      <c r="R19296">
        <v>26</v>
      </c>
      <c r="S19296">
        <v>27</v>
      </c>
      <c r="T19296">
        <v>28</v>
      </c>
      <c r="U19296">
        <v>28</v>
      </c>
      <c r="V19296">
        <v>29</v>
      </c>
      <c r="W19296">
        <v>29</v>
      </c>
      <c r="X19296">
        <v>30</v>
      </c>
      <c r="Y19296">
        <v>30</v>
      </c>
      <c r="Z19296">
        <v>30</v>
      </c>
      <c r="AA19296">
        <v>31</v>
      </c>
      <c r="AB19296">
        <v>31</v>
      </c>
      <c r="AC19296">
        <v>32</v>
      </c>
      <c r="AD19296">
        <v>32</v>
      </c>
      <c r="AE19296">
        <v>33</v>
      </c>
      <c r="AF19296">
        <v>33</v>
      </c>
      <c r="AG19296">
        <v>33</v>
      </c>
      <c r="AH19296">
        <v>33</v>
      </c>
      <c r="AI19296">
        <v>33</v>
      </c>
      <c r="AJ19296">
        <v>33</v>
      </c>
      <c r="AK19296">
        <v>33</v>
      </c>
      <c r="AL19296">
        <v>33</v>
      </c>
      <c r="AM19296">
        <v>33</v>
      </c>
      <c r="AN19296">
        <v>33</v>
      </c>
      <c r="AO19296">
        <v>33</v>
      </c>
      <c r="AP19296">
        <v>33</v>
      </c>
      <c r="AQ19296">
        <v>33</v>
      </c>
    </row>
    <row r="19297" spans="1:43">
      <c r="A19297" t="s">
        <v>11954</v>
      </c>
      <c r="B19297" t="s">
        <v>11955</v>
      </c>
      <c r="C19297" t="s">
        <v>11926</v>
      </c>
      <c r="D19297" t="s">
        <v>11927</v>
      </c>
      <c r="E19297" t="s">
        <v>11610</v>
      </c>
      <c r="F19297" t="s">
        <v>11611</v>
      </c>
      <c r="G19297" t="s">
        <v>11612</v>
      </c>
      <c r="H19297" t="s">
        <v>11613</v>
      </c>
      <c r="I19297" s="2">
        <v>0</v>
      </c>
      <c r="J19297" s="2">
        <v>0</v>
      </c>
      <c r="K19297" s="2">
        <v>1</v>
      </c>
      <c r="L19297" t="s">
        <v>995</v>
      </c>
      <c r="M19297" t="s">
        <v>83</v>
      </c>
      <c r="N19297" t="s">
        <v>91</v>
      </c>
      <c r="O19297" t="s">
        <v>85</v>
      </c>
      <c r="P19297" t="s">
        <v>86</v>
      </c>
      <c r="Q19297">
        <v>26</v>
      </c>
      <c r="R19297">
        <v>26</v>
      </c>
      <c r="S19297">
        <v>26</v>
      </c>
      <c r="T19297">
        <v>27</v>
      </c>
      <c r="U19297">
        <v>27</v>
      </c>
      <c r="V19297">
        <v>27</v>
      </c>
      <c r="W19297">
        <v>28</v>
      </c>
      <c r="X19297">
        <v>28</v>
      </c>
      <c r="Y19297">
        <v>28</v>
      </c>
      <c r="Z19297">
        <v>29</v>
      </c>
      <c r="AA19297">
        <v>29</v>
      </c>
      <c r="AB19297">
        <v>29</v>
      </c>
      <c r="AC19297">
        <v>30</v>
      </c>
      <c r="AD19297">
        <v>30</v>
      </c>
      <c r="AE19297">
        <v>30</v>
      </c>
      <c r="AF19297">
        <v>31</v>
      </c>
      <c r="AG19297">
        <v>31</v>
      </c>
      <c r="AH19297">
        <v>31</v>
      </c>
      <c r="AI19297">
        <v>32</v>
      </c>
      <c r="AJ19297">
        <v>32</v>
      </c>
      <c r="AK19297">
        <v>32</v>
      </c>
      <c r="AL19297">
        <v>32</v>
      </c>
      <c r="AM19297">
        <v>32</v>
      </c>
      <c r="AN19297">
        <v>32</v>
      </c>
      <c r="AO19297">
        <v>32</v>
      </c>
      <c r="AP19297">
        <v>32</v>
      </c>
      <c r="AQ19297">
        <v>33</v>
      </c>
    </row>
    <row r="19298" spans="1:43">
      <c r="A19298" t="s">
        <v>11956</v>
      </c>
      <c r="B19298" t="s">
        <v>11957</v>
      </c>
      <c r="C19298" t="s">
        <v>11926</v>
      </c>
      <c r="D19298" t="s">
        <v>11927</v>
      </c>
      <c r="E19298" t="s">
        <v>11610</v>
      </c>
      <c r="F19298" t="s">
        <v>11611</v>
      </c>
      <c r="G19298" t="s">
        <v>11612</v>
      </c>
      <c r="H19298" t="s">
        <v>11613</v>
      </c>
      <c r="I19298" s="2">
        <v>0</v>
      </c>
      <c r="J19298" s="2">
        <v>0</v>
      </c>
      <c r="K19298" s="2">
        <v>1</v>
      </c>
      <c r="L19298" t="s">
        <v>995</v>
      </c>
      <c r="M19298" t="s">
        <v>83</v>
      </c>
      <c r="N19298" t="s">
        <v>84</v>
      </c>
      <c r="O19298" t="s">
        <v>85</v>
      </c>
      <c r="P19298" t="s">
        <v>86</v>
      </c>
      <c r="Q19298">
        <v>68</v>
      </c>
      <c r="R19298">
        <v>68</v>
      </c>
      <c r="S19298">
        <v>69</v>
      </c>
      <c r="T19298">
        <v>70</v>
      </c>
      <c r="U19298">
        <v>71</v>
      </c>
      <c r="V19298">
        <v>72</v>
      </c>
      <c r="W19298">
        <v>73</v>
      </c>
      <c r="X19298">
        <v>74</v>
      </c>
      <c r="Y19298">
        <v>75</v>
      </c>
      <c r="Z19298">
        <v>76</v>
      </c>
      <c r="AA19298">
        <v>77</v>
      </c>
      <c r="AB19298">
        <v>78</v>
      </c>
      <c r="AC19298">
        <v>78</v>
      </c>
      <c r="AD19298">
        <v>79</v>
      </c>
      <c r="AE19298">
        <v>80</v>
      </c>
      <c r="AF19298">
        <v>81</v>
      </c>
      <c r="AG19298">
        <v>82</v>
      </c>
      <c r="AH19298">
        <v>83</v>
      </c>
      <c r="AI19298">
        <v>83</v>
      </c>
      <c r="AJ19298">
        <v>84</v>
      </c>
      <c r="AK19298">
        <v>85</v>
      </c>
      <c r="AL19298">
        <v>85</v>
      </c>
      <c r="AM19298">
        <v>85</v>
      </c>
      <c r="AN19298">
        <v>86</v>
      </c>
      <c r="AO19298">
        <v>86</v>
      </c>
      <c r="AP19298">
        <v>86</v>
      </c>
      <c r="AQ19298">
        <v>86</v>
      </c>
    </row>
    <row r="19299" spans="1:43">
      <c r="A19299" t="s">
        <v>11956</v>
      </c>
      <c r="B19299" t="s">
        <v>11957</v>
      </c>
      <c r="C19299" t="s">
        <v>11926</v>
      </c>
      <c r="D19299" t="s">
        <v>11927</v>
      </c>
      <c r="E19299" t="s">
        <v>11610</v>
      </c>
      <c r="F19299" t="s">
        <v>11611</v>
      </c>
      <c r="G19299" t="s">
        <v>11612</v>
      </c>
      <c r="H19299" t="s">
        <v>11613</v>
      </c>
      <c r="I19299" s="2">
        <v>0</v>
      </c>
      <c r="J19299" s="2">
        <v>0</v>
      </c>
      <c r="K19299" s="2">
        <v>1</v>
      </c>
      <c r="L19299" t="s">
        <v>995</v>
      </c>
      <c r="M19299" t="s">
        <v>87</v>
      </c>
      <c r="N19299" t="s">
        <v>88</v>
      </c>
      <c r="O19299" t="s">
        <v>85</v>
      </c>
      <c r="P19299" t="s">
        <v>86</v>
      </c>
      <c r="Q19299">
        <v>68</v>
      </c>
      <c r="R19299">
        <v>68</v>
      </c>
      <c r="S19299">
        <v>68</v>
      </c>
      <c r="T19299">
        <v>69</v>
      </c>
      <c r="U19299">
        <v>69</v>
      </c>
      <c r="V19299">
        <v>69</v>
      </c>
      <c r="W19299">
        <v>70</v>
      </c>
      <c r="X19299">
        <v>70</v>
      </c>
      <c r="Y19299">
        <v>70</v>
      </c>
      <c r="Z19299">
        <v>70</v>
      </c>
      <c r="AA19299">
        <v>71</v>
      </c>
      <c r="AB19299">
        <v>71</v>
      </c>
      <c r="AC19299">
        <v>71</v>
      </c>
      <c r="AD19299">
        <v>72</v>
      </c>
      <c r="AE19299">
        <v>72</v>
      </c>
      <c r="AF19299">
        <v>72</v>
      </c>
      <c r="AG19299">
        <v>72</v>
      </c>
      <c r="AH19299">
        <v>73</v>
      </c>
      <c r="AI19299">
        <v>73</v>
      </c>
      <c r="AJ19299">
        <v>73</v>
      </c>
      <c r="AK19299">
        <v>74</v>
      </c>
      <c r="AL19299">
        <v>74</v>
      </c>
      <c r="AM19299">
        <v>74</v>
      </c>
      <c r="AN19299">
        <v>74</v>
      </c>
      <c r="AO19299">
        <v>75</v>
      </c>
      <c r="AP19299">
        <v>75</v>
      </c>
      <c r="AQ19299">
        <v>75</v>
      </c>
    </row>
    <row r="19300" spans="1:43">
      <c r="A19300" t="s">
        <v>11956</v>
      </c>
      <c r="B19300" t="s">
        <v>11957</v>
      </c>
      <c r="C19300" t="s">
        <v>11926</v>
      </c>
      <c r="D19300" t="s">
        <v>11927</v>
      </c>
      <c r="E19300" t="s">
        <v>11610</v>
      </c>
      <c r="F19300" t="s">
        <v>11611</v>
      </c>
      <c r="G19300" t="s">
        <v>11612</v>
      </c>
      <c r="H19300" t="s">
        <v>11613</v>
      </c>
      <c r="I19300" s="2">
        <v>0</v>
      </c>
      <c r="J19300" s="2">
        <v>0</v>
      </c>
      <c r="K19300" s="2">
        <v>1</v>
      </c>
      <c r="L19300" t="s">
        <v>995</v>
      </c>
      <c r="M19300" t="s">
        <v>89</v>
      </c>
      <c r="N19300" t="s">
        <v>90</v>
      </c>
      <c r="O19300" t="s">
        <v>85</v>
      </c>
      <c r="P19300" t="s">
        <v>86</v>
      </c>
      <c r="Q19300">
        <v>68</v>
      </c>
      <c r="R19300">
        <v>70</v>
      </c>
      <c r="S19300">
        <v>71</v>
      </c>
      <c r="T19300">
        <v>73</v>
      </c>
      <c r="U19300">
        <v>74</v>
      </c>
      <c r="V19300">
        <v>75</v>
      </c>
      <c r="W19300">
        <v>77</v>
      </c>
      <c r="X19300">
        <v>78</v>
      </c>
      <c r="Y19300">
        <v>79</v>
      </c>
      <c r="Z19300">
        <v>80</v>
      </c>
      <c r="AA19300">
        <v>82</v>
      </c>
      <c r="AB19300">
        <v>83</v>
      </c>
      <c r="AC19300">
        <v>84</v>
      </c>
      <c r="AD19300">
        <v>85</v>
      </c>
      <c r="AE19300">
        <v>86</v>
      </c>
      <c r="AF19300">
        <v>86</v>
      </c>
      <c r="AG19300">
        <v>86</v>
      </c>
      <c r="AH19300">
        <v>86</v>
      </c>
      <c r="AI19300">
        <v>86</v>
      </c>
      <c r="AJ19300">
        <v>86</v>
      </c>
      <c r="AK19300">
        <v>86</v>
      </c>
      <c r="AL19300">
        <v>86</v>
      </c>
      <c r="AM19300">
        <v>86</v>
      </c>
      <c r="AN19300">
        <v>86</v>
      </c>
      <c r="AO19300">
        <v>86</v>
      </c>
      <c r="AP19300">
        <v>86</v>
      </c>
      <c r="AQ19300">
        <v>87</v>
      </c>
    </row>
    <row r="19301" spans="1:43">
      <c r="A19301" t="s">
        <v>11956</v>
      </c>
      <c r="B19301" t="s">
        <v>11957</v>
      </c>
      <c r="C19301" t="s">
        <v>11926</v>
      </c>
      <c r="D19301" t="s">
        <v>11927</v>
      </c>
      <c r="E19301" t="s">
        <v>11610</v>
      </c>
      <c r="F19301" t="s">
        <v>11611</v>
      </c>
      <c r="G19301" t="s">
        <v>11612</v>
      </c>
      <c r="H19301" t="s">
        <v>11613</v>
      </c>
      <c r="I19301" s="2">
        <v>0</v>
      </c>
      <c r="J19301" s="2">
        <v>0</v>
      </c>
      <c r="K19301" s="2">
        <v>1</v>
      </c>
      <c r="L19301" t="s">
        <v>995</v>
      </c>
      <c r="M19301" t="s">
        <v>83</v>
      </c>
      <c r="N19301" t="s">
        <v>91</v>
      </c>
      <c r="O19301" t="s">
        <v>85</v>
      </c>
      <c r="P19301" t="s">
        <v>86</v>
      </c>
      <c r="Q19301">
        <v>68</v>
      </c>
      <c r="R19301">
        <v>68</v>
      </c>
      <c r="S19301">
        <v>69</v>
      </c>
      <c r="T19301">
        <v>70</v>
      </c>
      <c r="U19301">
        <v>71</v>
      </c>
      <c r="V19301">
        <v>72</v>
      </c>
      <c r="W19301">
        <v>73</v>
      </c>
      <c r="X19301">
        <v>74</v>
      </c>
      <c r="Y19301">
        <v>75</v>
      </c>
      <c r="Z19301">
        <v>76</v>
      </c>
      <c r="AA19301">
        <v>77</v>
      </c>
      <c r="AB19301">
        <v>78</v>
      </c>
      <c r="AC19301">
        <v>78</v>
      </c>
      <c r="AD19301">
        <v>79</v>
      </c>
      <c r="AE19301">
        <v>80</v>
      </c>
      <c r="AF19301">
        <v>81</v>
      </c>
      <c r="AG19301">
        <v>82</v>
      </c>
      <c r="AH19301">
        <v>83</v>
      </c>
      <c r="AI19301">
        <v>83</v>
      </c>
      <c r="AJ19301">
        <v>84</v>
      </c>
      <c r="AK19301">
        <v>85</v>
      </c>
      <c r="AL19301">
        <v>85</v>
      </c>
      <c r="AM19301">
        <v>85</v>
      </c>
      <c r="AN19301">
        <v>86</v>
      </c>
      <c r="AO19301">
        <v>86</v>
      </c>
      <c r="AP19301">
        <v>86</v>
      </c>
      <c r="AQ19301">
        <v>86</v>
      </c>
    </row>
    <row r="19302" spans="1:43">
      <c r="A19302" t="s">
        <v>11958</v>
      </c>
      <c r="B19302" t="s">
        <v>11959</v>
      </c>
      <c r="C19302" t="s">
        <v>11914</v>
      </c>
      <c r="D19302" t="s">
        <v>11915</v>
      </c>
      <c r="E19302" t="s">
        <v>11610</v>
      </c>
      <c r="F19302" t="s">
        <v>11611</v>
      </c>
      <c r="G19302" t="s">
        <v>11612</v>
      </c>
      <c r="H19302" t="s">
        <v>11613</v>
      </c>
      <c r="I19302" s="2">
        <v>0</v>
      </c>
      <c r="J19302" s="2">
        <v>0</v>
      </c>
      <c r="K19302" s="2">
        <v>1</v>
      </c>
      <c r="L19302" t="s">
        <v>995</v>
      </c>
      <c r="M19302" t="s">
        <v>83</v>
      </c>
      <c r="N19302" t="s">
        <v>84</v>
      </c>
      <c r="O19302" t="s">
        <v>85</v>
      </c>
      <c r="P19302" t="s">
        <v>86</v>
      </c>
      <c r="Q19302">
        <v>47</v>
      </c>
      <c r="R19302">
        <v>47</v>
      </c>
      <c r="S19302">
        <v>48</v>
      </c>
      <c r="T19302">
        <v>49</v>
      </c>
      <c r="U19302">
        <v>49</v>
      </c>
      <c r="V19302">
        <v>50</v>
      </c>
      <c r="W19302">
        <v>50</v>
      </c>
      <c r="X19302">
        <v>51</v>
      </c>
      <c r="Y19302">
        <v>52</v>
      </c>
      <c r="Z19302">
        <v>52</v>
      </c>
      <c r="AA19302">
        <v>53</v>
      </c>
      <c r="AB19302">
        <v>54</v>
      </c>
      <c r="AC19302">
        <v>54</v>
      </c>
      <c r="AD19302">
        <v>55</v>
      </c>
      <c r="AE19302">
        <v>55</v>
      </c>
      <c r="AF19302">
        <v>56</v>
      </c>
      <c r="AG19302">
        <v>56</v>
      </c>
      <c r="AH19302">
        <v>57</v>
      </c>
      <c r="AI19302">
        <v>57</v>
      </c>
      <c r="AJ19302">
        <v>58</v>
      </c>
      <c r="AK19302">
        <v>59</v>
      </c>
      <c r="AL19302">
        <v>59</v>
      </c>
      <c r="AM19302">
        <v>59</v>
      </c>
      <c r="AN19302">
        <v>59</v>
      </c>
      <c r="AO19302">
        <v>59</v>
      </c>
      <c r="AP19302">
        <v>59</v>
      </c>
      <c r="AQ19302">
        <v>59</v>
      </c>
    </row>
    <row r="19303" spans="1:43">
      <c r="A19303" t="s">
        <v>11958</v>
      </c>
      <c r="B19303" t="s">
        <v>11959</v>
      </c>
      <c r="C19303" t="s">
        <v>11914</v>
      </c>
      <c r="D19303" t="s">
        <v>11915</v>
      </c>
      <c r="E19303" t="s">
        <v>11610</v>
      </c>
      <c r="F19303" t="s">
        <v>11611</v>
      </c>
      <c r="G19303" t="s">
        <v>11612</v>
      </c>
      <c r="H19303" t="s">
        <v>11613</v>
      </c>
      <c r="I19303" s="2">
        <v>0</v>
      </c>
      <c r="J19303" s="2">
        <v>0</v>
      </c>
      <c r="K19303" s="2">
        <v>1</v>
      </c>
      <c r="L19303" t="s">
        <v>995</v>
      </c>
      <c r="M19303" t="s">
        <v>87</v>
      </c>
      <c r="N19303" t="s">
        <v>88</v>
      </c>
      <c r="O19303" t="s">
        <v>85</v>
      </c>
      <c r="P19303" t="s">
        <v>86</v>
      </c>
      <c r="Q19303">
        <v>47</v>
      </c>
      <c r="R19303">
        <v>47</v>
      </c>
      <c r="S19303">
        <v>48</v>
      </c>
      <c r="T19303">
        <v>48</v>
      </c>
      <c r="U19303">
        <v>48</v>
      </c>
      <c r="V19303">
        <v>48</v>
      </c>
      <c r="W19303">
        <v>48</v>
      </c>
      <c r="X19303">
        <v>49</v>
      </c>
      <c r="Y19303">
        <v>49</v>
      </c>
      <c r="Z19303">
        <v>49</v>
      </c>
      <c r="AA19303">
        <v>49</v>
      </c>
      <c r="AB19303">
        <v>49</v>
      </c>
      <c r="AC19303">
        <v>50</v>
      </c>
      <c r="AD19303">
        <v>50</v>
      </c>
      <c r="AE19303">
        <v>50</v>
      </c>
      <c r="AF19303">
        <v>50</v>
      </c>
      <c r="AG19303">
        <v>50</v>
      </c>
      <c r="AH19303">
        <v>51</v>
      </c>
      <c r="AI19303">
        <v>51</v>
      </c>
      <c r="AJ19303">
        <v>51</v>
      </c>
      <c r="AK19303">
        <v>51</v>
      </c>
      <c r="AL19303">
        <v>51</v>
      </c>
      <c r="AM19303">
        <v>52</v>
      </c>
      <c r="AN19303">
        <v>52</v>
      </c>
      <c r="AO19303">
        <v>52</v>
      </c>
      <c r="AP19303">
        <v>52</v>
      </c>
      <c r="AQ19303">
        <v>52</v>
      </c>
    </row>
    <row r="19304" spans="1:43">
      <c r="A19304" t="s">
        <v>11958</v>
      </c>
      <c r="B19304" t="s">
        <v>11959</v>
      </c>
      <c r="C19304" t="s">
        <v>11914</v>
      </c>
      <c r="D19304" t="s">
        <v>11915</v>
      </c>
      <c r="E19304" t="s">
        <v>11610</v>
      </c>
      <c r="F19304" t="s">
        <v>11611</v>
      </c>
      <c r="G19304" t="s">
        <v>11612</v>
      </c>
      <c r="H19304" t="s">
        <v>11613</v>
      </c>
      <c r="I19304" s="2">
        <v>0</v>
      </c>
      <c r="J19304" s="2">
        <v>0</v>
      </c>
      <c r="K19304" s="2">
        <v>1</v>
      </c>
      <c r="L19304" t="s">
        <v>995</v>
      </c>
      <c r="M19304" t="s">
        <v>89</v>
      </c>
      <c r="N19304" t="s">
        <v>90</v>
      </c>
      <c r="O19304" t="s">
        <v>85</v>
      </c>
      <c r="P19304" t="s">
        <v>86</v>
      </c>
      <c r="Q19304">
        <v>47</v>
      </c>
      <c r="R19304">
        <v>48</v>
      </c>
      <c r="S19304">
        <v>49</v>
      </c>
      <c r="T19304">
        <v>50</v>
      </c>
      <c r="U19304">
        <v>51</v>
      </c>
      <c r="V19304">
        <v>52</v>
      </c>
      <c r="W19304">
        <v>53</v>
      </c>
      <c r="X19304">
        <v>54</v>
      </c>
      <c r="Y19304">
        <v>55</v>
      </c>
      <c r="Z19304">
        <v>55</v>
      </c>
      <c r="AA19304">
        <v>56</v>
      </c>
      <c r="AB19304">
        <v>57</v>
      </c>
      <c r="AC19304">
        <v>58</v>
      </c>
      <c r="AD19304">
        <v>59</v>
      </c>
      <c r="AE19304">
        <v>59</v>
      </c>
      <c r="AF19304">
        <v>59</v>
      </c>
      <c r="AG19304">
        <v>59</v>
      </c>
      <c r="AH19304">
        <v>59</v>
      </c>
      <c r="AI19304">
        <v>59</v>
      </c>
      <c r="AJ19304">
        <v>59</v>
      </c>
      <c r="AK19304">
        <v>59</v>
      </c>
      <c r="AL19304">
        <v>59</v>
      </c>
      <c r="AM19304">
        <v>59</v>
      </c>
      <c r="AN19304">
        <v>59</v>
      </c>
      <c r="AO19304">
        <v>59</v>
      </c>
      <c r="AP19304">
        <v>59</v>
      </c>
      <c r="AQ19304">
        <v>59</v>
      </c>
    </row>
    <row r="19305" spans="1:43">
      <c r="A19305" t="s">
        <v>11958</v>
      </c>
      <c r="B19305" t="s">
        <v>11959</v>
      </c>
      <c r="C19305" t="s">
        <v>11914</v>
      </c>
      <c r="D19305" t="s">
        <v>11915</v>
      </c>
      <c r="E19305" t="s">
        <v>11610</v>
      </c>
      <c r="F19305" t="s">
        <v>11611</v>
      </c>
      <c r="G19305" t="s">
        <v>11612</v>
      </c>
      <c r="H19305" t="s">
        <v>11613</v>
      </c>
      <c r="I19305" s="2">
        <v>0</v>
      </c>
      <c r="J19305" s="2">
        <v>0</v>
      </c>
      <c r="K19305" s="2">
        <v>1</v>
      </c>
      <c r="L19305" t="s">
        <v>995</v>
      </c>
      <c r="M19305" t="s">
        <v>83</v>
      </c>
      <c r="N19305" t="s">
        <v>91</v>
      </c>
      <c r="O19305" t="s">
        <v>85</v>
      </c>
      <c r="P19305" t="s">
        <v>86</v>
      </c>
      <c r="Q19305">
        <v>47</v>
      </c>
      <c r="R19305">
        <v>47</v>
      </c>
      <c r="S19305">
        <v>48</v>
      </c>
      <c r="T19305">
        <v>49</v>
      </c>
      <c r="U19305">
        <v>49</v>
      </c>
      <c r="V19305">
        <v>50</v>
      </c>
      <c r="W19305">
        <v>50</v>
      </c>
      <c r="X19305">
        <v>51</v>
      </c>
      <c r="Y19305">
        <v>52</v>
      </c>
      <c r="Z19305">
        <v>52</v>
      </c>
      <c r="AA19305">
        <v>53</v>
      </c>
      <c r="AB19305">
        <v>54</v>
      </c>
      <c r="AC19305">
        <v>54</v>
      </c>
      <c r="AD19305">
        <v>55</v>
      </c>
      <c r="AE19305">
        <v>55</v>
      </c>
      <c r="AF19305">
        <v>56</v>
      </c>
      <c r="AG19305">
        <v>56</v>
      </c>
      <c r="AH19305">
        <v>57</v>
      </c>
      <c r="AI19305">
        <v>57</v>
      </c>
      <c r="AJ19305">
        <v>58</v>
      </c>
      <c r="AK19305">
        <v>59</v>
      </c>
      <c r="AL19305">
        <v>59</v>
      </c>
      <c r="AM19305">
        <v>59</v>
      </c>
      <c r="AN19305">
        <v>59</v>
      </c>
      <c r="AO19305">
        <v>59</v>
      </c>
      <c r="AP19305">
        <v>59</v>
      </c>
      <c r="AQ19305">
        <v>59</v>
      </c>
    </row>
    <row r="19306" spans="1:43">
      <c r="A19306" t="s">
        <v>11960</v>
      </c>
      <c r="B19306" t="s">
        <v>11961</v>
      </c>
      <c r="C19306" t="s">
        <v>11948</v>
      </c>
      <c r="D19306" t="s">
        <v>11949</v>
      </c>
      <c r="E19306" t="s">
        <v>11610</v>
      </c>
      <c r="F19306" t="s">
        <v>11611</v>
      </c>
      <c r="G19306" t="s">
        <v>11612</v>
      </c>
      <c r="H19306" t="s">
        <v>11613</v>
      </c>
      <c r="I19306" s="2">
        <v>0</v>
      </c>
      <c r="J19306" s="2">
        <v>0</v>
      </c>
      <c r="K19306" s="2">
        <v>1</v>
      </c>
      <c r="L19306" t="s">
        <v>995</v>
      </c>
      <c r="M19306" t="s">
        <v>83</v>
      </c>
      <c r="N19306" t="s">
        <v>84</v>
      </c>
      <c r="O19306" t="s">
        <v>85</v>
      </c>
      <c r="P19306" t="s">
        <v>86</v>
      </c>
      <c r="Q19306">
        <v>58</v>
      </c>
      <c r="R19306">
        <v>58</v>
      </c>
      <c r="S19306">
        <v>59</v>
      </c>
      <c r="T19306">
        <v>60</v>
      </c>
      <c r="U19306">
        <v>61</v>
      </c>
      <c r="V19306">
        <v>62</v>
      </c>
      <c r="W19306">
        <v>62</v>
      </c>
      <c r="X19306">
        <v>63</v>
      </c>
      <c r="Y19306">
        <v>64</v>
      </c>
      <c r="Z19306">
        <v>65</v>
      </c>
      <c r="AA19306">
        <v>65</v>
      </c>
      <c r="AB19306">
        <v>66</v>
      </c>
      <c r="AC19306">
        <v>67</v>
      </c>
      <c r="AD19306">
        <v>68</v>
      </c>
      <c r="AE19306">
        <v>68</v>
      </c>
      <c r="AF19306">
        <v>69</v>
      </c>
      <c r="AG19306">
        <v>70</v>
      </c>
      <c r="AH19306">
        <v>71</v>
      </c>
      <c r="AI19306">
        <v>71</v>
      </c>
      <c r="AJ19306">
        <v>72</v>
      </c>
      <c r="AK19306">
        <v>73</v>
      </c>
      <c r="AL19306">
        <v>73</v>
      </c>
      <c r="AM19306">
        <v>73</v>
      </c>
      <c r="AN19306">
        <v>73</v>
      </c>
      <c r="AO19306">
        <v>73</v>
      </c>
      <c r="AP19306">
        <v>73</v>
      </c>
      <c r="AQ19306">
        <v>73</v>
      </c>
    </row>
    <row r="19307" spans="1:43">
      <c r="A19307" t="s">
        <v>11960</v>
      </c>
      <c r="B19307" t="s">
        <v>11961</v>
      </c>
      <c r="C19307" t="s">
        <v>11948</v>
      </c>
      <c r="D19307" t="s">
        <v>11949</v>
      </c>
      <c r="E19307" t="s">
        <v>11610</v>
      </c>
      <c r="F19307" t="s">
        <v>11611</v>
      </c>
      <c r="G19307" t="s">
        <v>11612</v>
      </c>
      <c r="H19307" t="s">
        <v>11613</v>
      </c>
      <c r="I19307" s="2">
        <v>0</v>
      </c>
      <c r="J19307" s="2">
        <v>0</v>
      </c>
      <c r="K19307" s="2">
        <v>1</v>
      </c>
      <c r="L19307" t="s">
        <v>995</v>
      </c>
      <c r="M19307" t="s">
        <v>87</v>
      </c>
      <c r="N19307" t="s">
        <v>88</v>
      </c>
      <c r="O19307" t="s">
        <v>85</v>
      </c>
      <c r="P19307" t="s">
        <v>86</v>
      </c>
      <c r="Q19307">
        <v>58</v>
      </c>
      <c r="R19307">
        <v>58</v>
      </c>
      <c r="S19307">
        <v>59</v>
      </c>
      <c r="T19307">
        <v>59</v>
      </c>
      <c r="U19307">
        <v>59</v>
      </c>
      <c r="V19307">
        <v>59</v>
      </c>
      <c r="W19307">
        <v>60</v>
      </c>
      <c r="X19307">
        <v>60</v>
      </c>
      <c r="Y19307">
        <v>60</v>
      </c>
      <c r="Z19307">
        <v>60</v>
      </c>
      <c r="AA19307">
        <v>61</v>
      </c>
      <c r="AB19307">
        <v>61</v>
      </c>
      <c r="AC19307">
        <v>61</v>
      </c>
      <c r="AD19307">
        <v>61</v>
      </c>
      <c r="AE19307">
        <v>62</v>
      </c>
      <c r="AF19307">
        <v>62</v>
      </c>
      <c r="AG19307">
        <v>62</v>
      </c>
      <c r="AH19307">
        <v>62</v>
      </c>
      <c r="AI19307">
        <v>63</v>
      </c>
      <c r="AJ19307">
        <v>63</v>
      </c>
      <c r="AK19307">
        <v>63</v>
      </c>
      <c r="AL19307">
        <v>63</v>
      </c>
      <c r="AM19307">
        <v>64</v>
      </c>
      <c r="AN19307">
        <v>64</v>
      </c>
      <c r="AO19307">
        <v>64</v>
      </c>
      <c r="AP19307">
        <v>64</v>
      </c>
      <c r="AQ19307">
        <v>64</v>
      </c>
    </row>
    <row r="19308" spans="1:43">
      <c r="A19308" t="s">
        <v>11960</v>
      </c>
      <c r="B19308" t="s">
        <v>11961</v>
      </c>
      <c r="C19308" t="s">
        <v>11948</v>
      </c>
      <c r="D19308" t="s">
        <v>11949</v>
      </c>
      <c r="E19308" t="s">
        <v>11610</v>
      </c>
      <c r="F19308" t="s">
        <v>11611</v>
      </c>
      <c r="G19308" t="s">
        <v>11612</v>
      </c>
      <c r="H19308" t="s">
        <v>11613</v>
      </c>
      <c r="I19308" s="2">
        <v>0</v>
      </c>
      <c r="J19308" s="2">
        <v>0</v>
      </c>
      <c r="K19308" s="2">
        <v>1</v>
      </c>
      <c r="L19308" t="s">
        <v>995</v>
      </c>
      <c r="M19308" t="s">
        <v>89</v>
      </c>
      <c r="N19308" t="s">
        <v>90</v>
      </c>
      <c r="O19308" t="s">
        <v>85</v>
      </c>
      <c r="P19308" t="s">
        <v>86</v>
      </c>
      <c r="Q19308">
        <v>58</v>
      </c>
      <c r="R19308">
        <v>60</v>
      </c>
      <c r="S19308">
        <v>61</v>
      </c>
      <c r="T19308">
        <v>62</v>
      </c>
      <c r="U19308">
        <v>63</v>
      </c>
      <c r="V19308">
        <v>64</v>
      </c>
      <c r="W19308">
        <v>66</v>
      </c>
      <c r="X19308">
        <v>67</v>
      </c>
      <c r="Y19308">
        <v>68</v>
      </c>
      <c r="Z19308">
        <v>69</v>
      </c>
      <c r="AA19308">
        <v>70</v>
      </c>
      <c r="AB19308">
        <v>71</v>
      </c>
      <c r="AC19308">
        <v>72</v>
      </c>
      <c r="AD19308">
        <v>73</v>
      </c>
      <c r="AE19308">
        <v>73</v>
      </c>
      <c r="AF19308">
        <v>73</v>
      </c>
      <c r="AG19308">
        <v>73</v>
      </c>
      <c r="AH19308">
        <v>73</v>
      </c>
      <c r="AI19308">
        <v>74</v>
      </c>
      <c r="AJ19308">
        <v>74</v>
      </c>
      <c r="AK19308">
        <v>74</v>
      </c>
      <c r="AL19308">
        <v>74</v>
      </c>
      <c r="AM19308">
        <v>74</v>
      </c>
      <c r="AN19308">
        <v>74</v>
      </c>
      <c r="AO19308">
        <v>74</v>
      </c>
      <c r="AP19308">
        <v>74</v>
      </c>
      <c r="AQ19308">
        <v>74</v>
      </c>
    </row>
    <row r="19309" spans="1:43">
      <c r="A19309" t="s">
        <v>11960</v>
      </c>
      <c r="B19309" t="s">
        <v>11961</v>
      </c>
      <c r="C19309" t="s">
        <v>11948</v>
      </c>
      <c r="D19309" t="s">
        <v>11949</v>
      </c>
      <c r="E19309" t="s">
        <v>11610</v>
      </c>
      <c r="F19309" t="s">
        <v>11611</v>
      </c>
      <c r="G19309" t="s">
        <v>11612</v>
      </c>
      <c r="H19309" t="s">
        <v>11613</v>
      </c>
      <c r="I19309" s="2">
        <v>0</v>
      </c>
      <c r="J19309" s="2">
        <v>0</v>
      </c>
      <c r="K19309" s="2">
        <v>1</v>
      </c>
      <c r="L19309" t="s">
        <v>995</v>
      </c>
      <c r="M19309" t="s">
        <v>83</v>
      </c>
      <c r="N19309" t="s">
        <v>91</v>
      </c>
      <c r="O19309" t="s">
        <v>85</v>
      </c>
      <c r="P19309" t="s">
        <v>86</v>
      </c>
      <c r="Q19309">
        <v>58</v>
      </c>
      <c r="R19309">
        <v>58</v>
      </c>
      <c r="S19309">
        <v>59</v>
      </c>
      <c r="T19309">
        <v>60</v>
      </c>
      <c r="U19309">
        <v>61</v>
      </c>
      <c r="V19309">
        <v>62</v>
      </c>
      <c r="W19309">
        <v>62</v>
      </c>
      <c r="X19309">
        <v>63</v>
      </c>
      <c r="Y19309">
        <v>64</v>
      </c>
      <c r="Z19309">
        <v>65</v>
      </c>
      <c r="AA19309">
        <v>65</v>
      </c>
      <c r="AB19309">
        <v>66</v>
      </c>
      <c r="AC19309">
        <v>67</v>
      </c>
      <c r="AD19309">
        <v>68</v>
      </c>
      <c r="AE19309">
        <v>68</v>
      </c>
      <c r="AF19309">
        <v>69</v>
      </c>
      <c r="AG19309">
        <v>70</v>
      </c>
      <c r="AH19309">
        <v>71</v>
      </c>
      <c r="AI19309">
        <v>71</v>
      </c>
      <c r="AJ19309">
        <v>72</v>
      </c>
      <c r="AK19309">
        <v>73</v>
      </c>
      <c r="AL19309">
        <v>73</v>
      </c>
      <c r="AM19309">
        <v>73</v>
      </c>
      <c r="AN19309">
        <v>73</v>
      </c>
      <c r="AO19309">
        <v>73</v>
      </c>
      <c r="AP19309">
        <v>73</v>
      </c>
      <c r="AQ19309">
        <v>73</v>
      </c>
    </row>
    <row r="19310" spans="1:43">
      <c r="A19310" t="s">
        <v>11962</v>
      </c>
      <c r="B19310" t="s">
        <v>11963</v>
      </c>
      <c r="C19310" t="s">
        <v>11914</v>
      </c>
      <c r="D19310" t="s">
        <v>11915</v>
      </c>
      <c r="E19310" t="s">
        <v>11610</v>
      </c>
      <c r="F19310" t="s">
        <v>11611</v>
      </c>
      <c r="G19310" t="s">
        <v>11612</v>
      </c>
      <c r="H19310" t="s">
        <v>11613</v>
      </c>
      <c r="I19310" s="2">
        <v>0</v>
      </c>
      <c r="J19310" s="2">
        <v>0</v>
      </c>
      <c r="K19310" s="2">
        <v>1</v>
      </c>
      <c r="L19310" t="s">
        <v>995</v>
      </c>
      <c r="M19310" t="s">
        <v>83</v>
      </c>
      <c r="N19310" t="s">
        <v>84</v>
      </c>
      <c r="O19310" t="s">
        <v>85</v>
      </c>
      <c r="P19310" t="s">
        <v>86</v>
      </c>
      <c r="Q19310">
        <v>63</v>
      </c>
      <c r="R19310">
        <v>63</v>
      </c>
      <c r="S19310">
        <v>64</v>
      </c>
      <c r="T19310">
        <v>65</v>
      </c>
      <c r="U19310">
        <v>66</v>
      </c>
      <c r="V19310">
        <v>67</v>
      </c>
      <c r="W19310">
        <v>68</v>
      </c>
      <c r="X19310">
        <v>69</v>
      </c>
      <c r="Y19310">
        <v>69</v>
      </c>
      <c r="Z19310">
        <v>70</v>
      </c>
      <c r="AA19310">
        <v>71</v>
      </c>
      <c r="AB19310">
        <v>72</v>
      </c>
      <c r="AC19310">
        <v>73</v>
      </c>
      <c r="AD19310">
        <v>73</v>
      </c>
      <c r="AE19310">
        <v>74</v>
      </c>
      <c r="AF19310">
        <v>75</v>
      </c>
      <c r="AG19310">
        <v>76</v>
      </c>
      <c r="AH19310">
        <v>76</v>
      </c>
      <c r="AI19310">
        <v>77</v>
      </c>
      <c r="AJ19310">
        <v>78</v>
      </c>
      <c r="AK19310">
        <v>78</v>
      </c>
      <c r="AL19310">
        <v>79</v>
      </c>
      <c r="AM19310">
        <v>79</v>
      </c>
      <c r="AN19310">
        <v>79</v>
      </c>
      <c r="AO19310">
        <v>79</v>
      </c>
      <c r="AP19310">
        <v>79</v>
      </c>
      <c r="AQ19310">
        <v>79</v>
      </c>
    </row>
    <row r="19311" spans="1:43">
      <c r="A19311" t="s">
        <v>11962</v>
      </c>
      <c r="B19311" t="s">
        <v>11963</v>
      </c>
      <c r="C19311" t="s">
        <v>11914</v>
      </c>
      <c r="D19311" t="s">
        <v>11915</v>
      </c>
      <c r="E19311" t="s">
        <v>11610</v>
      </c>
      <c r="F19311" t="s">
        <v>11611</v>
      </c>
      <c r="G19311" t="s">
        <v>11612</v>
      </c>
      <c r="H19311" t="s">
        <v>11613</v>
      </c>
      <c r="I19311" s="2">
        <v>0</v>
      </c>
      <c r="J19311" s="2">
        <v>0</v>
      </c>
      <c r="K19311" s="2">
        <v>1</v>
      </c>
      <c r="L19311" t="s">
        <v>995</v>
      </c>
      <c r="M19311" t="s">
        <v>87</v>
      </c>
      <c r="N19311" t="s">
        <v>88</v>
      </c>
      <c r="O19311" t="s">
        <v>85</v>
      </c>
      <c r="P19311" t="s">
        <v>86</v>
      </c>
      <c r="Q19311">
        <v>63</v>
      </c>
      <c r="R19311">
        <v>63</v>
      </c>
      <c r="S19311">
        <v>64</v>
      </c>
      <c r="T19311">
        <v>64</v>
      </c>
      <c r="U19311">
        <v>64</v>
      </c>
      <c r="V19311">
        <v>64</v>
      </c>
      <c r="W19311">
        <v>65</v>
      </c>
      <c r="X19311">
        <v>65</v>
      </c>
      <c r="Y19311">
        <v>65</v>
      </c>
      <c r="Z19311">
        <v>65</v>
      </c>
      <c r="AA19311">
        <v>66</v>
      </c>
      <c r="AB19311">
        <v>66</v>
      </c>
      <c r="AC19311">
        <v>66</v>
      </c>
      <c r="AD19311">
        <v>67</v>
      </c>
      <c r="AE19311">
        <v>67</v>
      </c>
      <c r="AF19311">
        <v>67</v>
      </c>
      <c r="AG19311">
        <v>67</v>
      </c>
      <c r="AH19311">
        <v>68</v>
      </c>
      <c r="AI19311">
        <v>68</v>
      </c>
      <c r="AJ19311">
        <v>68</v>
      </c>
      <c r="AK19311">
        <v>68</v>
      </c>
      <c r="AL19311">
        <v>69</v>
      </c>
      <c r="AM19311">
        <v>69</v>
      </c>
      <c r="AN19311">
        <v>69</v>
      </c>
      <c r="AO19311">
        <v>69</v>
      </c>
      <c r="AP19311">
        <v>70</v>
      </c>
      <c r="AQ19311">
        <v>70</v>
      </c>
    </row>
    <row r="19312" spans="1:43">
      <c r="A19312" t="s">
        <v>11962</v>
      </c>
      <c r="B19312" t="s">
        <v>11963</v>
      </c>
      <c r="C19312" t="s">
        <v>11914</v>
      </c>
      <c r="D19312" t="s">
        <v>11915</v>
      </c>
      <c r="E19312" t="s">
        <v>11610</v>
      </c>
      <c r="F19312" t="s">
        <v>11611</v>
      </c>
      <c r="G19312" t="s">
        <v>11612</v>
      </c>
      <c r="H19312" t="s">
        <v>11613</v>
      </c>
      <c r="I19312" s="2">
        <v>0</v>
      </c>
      <c r="J19312" s="2">
        <v>0</v>
      </c>
      <c r="K19312" s="2">
        <v>1</v>
      </c>
      <c r="L19312" t="s">
        <v>995</v>
      </c>
      <c r="M19312" t="s">
        <v>89</v>
      </c>
      <c r="N19312" t="s">
        <v>90</v>
      </c>
      <c r="O19312" t="s">
        <v>85</v>
      </c>
      <c r="P19312" t="s">
        <v>86</v>
      </c>
      <c r="Q19312">
        <v>63</v>
      </c>
      <c r="R19312">
        <v>65</v>
      </c>
      <c r="S19312">
        <v>66</v>
      </c>
      <c r="T19312">
        <v>67</v>
      </c>
      <c r="U19312">
        <v>69</v>
      </c>
      <c r="V19312">
        <v>70</v>
      </c>
      <c r="W19312">
        <v>71</v>
      </c>
      <c r="X19312">
        <v>72</v>
      </c>
      <c r="Y19312">
        <v>73</v>
      </c>
      <c r="Z19312">
        <v>74</v>
      </c>
      <c r="AA19312">
        <v>75</v>
      </c>
      <c r="AB19312">
        <v>76</v>
      </c>
      <c r="AC19312">
        <v>77</v>
      </c>
      <c r="AD19312">
        <v>78</v>
      </c>
      <c r="AE19312">
        <v>79</v>
      </c>
      <c r="AF19312">
        <v>79</v>
      </c>
      <c r="AG19312">
        <v>79</v>
      </c>
      <c r="AH19312">
        <v>79</v>
      </c>
      <c r="AI19312">
        <v>79</v>
      </c>
      <c r="AJ19312">
        <v>79</v>
      </c>
      <c r="AK19312">
        <v>79</v>
      </c>
      <c r="AL19312">
        <v>79</v>
      </c>
      <c r="AM19312">
        <v>79</v>
      </c>
      <c r="AN19312">
        <v>79</v>
      </c>
      <c r="AO19312">
        <v>79</v>
      </c>
      <c r="AP19312">
        <v>79</v>
      </c>
      <c r="AQ19312">
        <v>79</v>
      </c>
    </row>
    <row r="19313" spans="1:43">
      <c r="A19313" t="s">
        <v>11962</v>
      </c>
      <c r="B19313" t="s">
        <v>11963</v>
      </c>
      <c r="C19313" t="s">
        <v>11914</v>
      </c>
      <c r="D19313" t="s">
        <v>11915</v>
      </c>
      <c r="E19313" t="s">
        <v>11610</v>
      </c>
      <c r="F19313" t="s">
        <v>11611</v>
      </c>
      <c r="G19313" t="s">
        <v>11612</v>
      </c>
      <c r="H19313" t="s">
        <v>11613</v>
      </c>
      <c r="I19313" s="2">
        <v>0</v>
      </c>
      <c r="J19313" s="2">
        <v>0</v>
      </c>
      <c r="K19313" s="2">
        <v>1</v>
      </c>
      <c r="L19313" t="s">
        <v>995</v>
      </c>
      <c r="M19313" t="s">
        <v>83</v>
      </c>
      <c r="N19313" t="s">
        <v>91</v>
      </c>
      <c r="O19313" t="s">
        <v>85</v>
      </c>
      <c r="P19313" t="s">
        <v>86</v>
      </c>
      <c r="Q19313">
        <v>63</v>
      </c>
      <c r="R19313">
        <v>63</v>
      </c>
      <c r="S19313">
        <v>64</v>
      </c>
      <c r="T19313">
        <v>65</v>
      </c>
      <c r="U19313">
        <v>66</v>
      </c>
      <c r="V19313">
        <v>67</v>
      </c>
      <c r="W19313">
        <v>68</v>
      </c>
      <c r="X19313">
        <v>69</v>
      </c>
      <c r="Y19313">
        <v>69</v>
      </c>
      <c r="Z19313">
        <v>70</v>
      </c>
      <c r="AA19313">
        <v>71</v>
      </c>
      <c r="AB19313">
        <v>72</v>
      </c>
      <c r="AC19313">
        <v>73</v>
      </c>
      <c r="AD19313">
        <v>73</v>
      </c>
      <c r="AE19313">
        <v>74</v>
      </c>
      <c r="AF19313">
        <v>75</v>
      </c>
      <c r="AG19313">
        <v>76</v>
      </c>
      <c r="AH19313">
        <v>76</v>
      </c>
      <c r="AI19313">
        <v>77</v>
      </c>
      <c r="AJ19313">
        <v>78</v>
      </c>
      <c r="AK19313">
        <v>78</v>
      </c>
      <c r="AL19313">
        <v>79</v>
      </c>
      <c r="AM19313">
        <v>79</v>
      </c>
      <c r="AN19313">
        <v>79</v>
      </c>
      <c r="AO19313">
        <v>79</v>
      </c>
      <c r="AP19313">
        <v>79</v>
      </c>
      <c r="AQ19313">
        <v>79</v>
      </c>
    </row>
    <row r="19314" spans="1:43">
      <c r="A19314" t="s">
        <v>11964</v>
      </c>
      <c r="B19314" t="s">
        <v>11965</v>
      </c>
      <c r="C19314" t="s">
        <v>11948</v>
      </c>
      <c r="D19314" t="s">
        <v>11949</v>
      </c>
      <c r="E19314" t="s">
        <v>11610</v>
      </c>
      <c r="F19314" t="s">
        <v>11611</v>
      </c>
      <c r="G19314" t="s">
        <v>11612</v>
      </c>
      <c r="H19314" t="s">
        <v>11613</v>
      </c>
      <c r="I19314" s="2">
        <v>0</v>
      </c>
      <c r="J19314" s="2">
        <v>0</v>
      </c>
      <c r="K19314" s="2">
        <v>0.44</v>
      </c>
      <c r="L19314" t="s">
        <v>995</v>
      </c>
      <c r="M19314" t="s">
        <v>83</v>
      </c>
      <c r="N19314" t="s">
        <v>84</v>
      </c>
      <c r="O19314" t="s">
        <v>85</v>
      </c>
      <c r="P19314" t="s">
        <v>86</v>
      </c>
      <c r="Q19314">
        <v>8</v>
      </c>
      <c r="R19314">
        <v>9</v>
      </c>
      <c r="S19314">
        <v>9</v>
      </c>
      <c r="T19314">
        <v>9</v>
      </c>
      <c r="U19314">
        <v>9</v>
      </c>
      <c r="V19314">
        <v>9</v>
      </c>
      <c r="W19314">
        <v>9</v>
      </c>
      <c r="X19314">
        <v>9</v>
      </c>
      <c r="Y19314">
        <v>9</v>
      </c>
      <c r="Z19314">
        <v>9</v>
      </c>
      <c r="AA19314">
        <v>10</v>
      </c>
      <c r="AB19314">
        <v>10</v>
      </c>
      <c r="AC19314">
        <v>10</v>
      </c>
      <c r="AD19314">
        <v>10</v>
      </c>
      <c r="AE19314">
        <v>10</v>
      </c>
      <c r="AF19314">
        <v>10</v>
      </c>
      <c r="AG19314">
        <v>10</v>
      </c>
      <c r="AH19314">
        <v>10</v>
      </c>
      <c r="AI19314">
        <v>10</v>
      </c>
      <c r="AJ19314">
        <v>11</v>
      </c>
      <c r="AK19314">
        <v>11</v>
      </c>
      <c r="AL19314">
        <v>11</v>
      </c>
      <c r="AM19314">
        <v>11</v>
      </c>
      <c r="AN19314">
        <v>11</v>
      </c>
      <c r="AO19314">
        <v>11</v>
      </c>
      <c r="AP19314">
        <v>11</v>
      </c>
      <c r="AQ19314">
        <v>11</v>
      </c>
    </row>
    <row r="19315" spans="1:43">
      <c r="A19315" t="s">
        <v>11964</v>
      </c>
      <c r="B19315" t="s">
        <v>11965</v>
      </c>
      <c r="C19315" t="s">
        <v>11948</v>
      </c>
      <c r="D19315" t="s">
        <v>11949</v>
      </c>
      <c r="E19315" t="s">
        <v>11610</v>
      </c>
      <c r="F19315" t="s">
        <v>11611</v>
      </c>
      <c r="G19315" t="s">
        <v>11612</v>
      </c>
      <c r="H19315" t="s">
        <v>11613</v>
      </c>
      <c r="I19315" s="2">
        <v>0</v>
      </c>
      <c r="J19315" s="2">
        <v>0</v>
      </c>
      <c r="K19315" s="2">
        <v>0.44</v>
      </c>
      <c r="L19315" t="s">
        <v>995</v>
      </c>
      <c r="M19315" t="s">
        <v>87</v>
      </c>
      <c r="N19315" t="s">
        <v>88</v>
      </c>
      <c r="O19315" t="s">
        <v>85</v>
      </c>
      <c r="P19315" t="s">
        <v>86</v>
      </c>
      <c r="Q19315">
        <v>8</v>
      </c>
      <c r="R19315">
        <v>8</v>
      </c>
      <c r="S19315">
        <v>8</v>
      </c>
      <c r="T19315">
        <v>8</v>
      </c>
      <c r="U19315">
        <v>9</v>
      </c>
      <c r="V19315">
        <v>9</v>
      </c>
      <c r="W19315">
        <v>9</v>
      </c>
      <c r="X19315">
        <v>9</v>
      </c>
      <c r="Y19315">
        <v>9</v>
      </c>
      <c r="Z19315">
        <v>9</v>
      </c>
      <c r="AA19315">
        <v>9</v>
      </c>
      <c r="AB19315">
        <v>9</v>
      </c>
      <c r="AC19315">
        <v>9</v>
      </c>
      <c r="AD19315">
        <v>9</v>
      </c>
      <c r="AE19315">
        <v>9</v>
      </c>
      <c r="AF19315">
        <v>9</v>
      </c>
      <c r="AG19315">
        <v>9</v>
      </c>
      <c r="AH19315">
        <v>9</v>
      </c>
      <c r="AI19315">
        <v>9</v>
      </c>
      <c r="AJ19315">
        <v>9</v>
      </c>
      <c r="AK19315">
        <v>9</v>
      </c>
      <c r="AL19315">
        <v>9</v>
      </c>
      <c r="AM19315">
        <v>9</v>
      </c>
      <c r="AN19315">
        <v>9</v>
      </c>
      <c r="AO19315">
        <v>9</v>
      </c>
      <c r="AP19315">
        <v>9</v>
      </c>
      <c r="AQ19315">
        <v>9</v>
      </c>
    </row>
    <row r="19316" spans="1:43">
      <c r="A19316" t="s">
        <v>11964</v>
      </c>
      <c r="B19316" t="s">
        <v>11965</v>
      </c>
      <c r="C19316" t="s">
        <v>11948</v>
      </c>
      <c r="D19316" t="s">
        <v>11949</v>
      </c>
      <c r="E19316" t="s">
        <v>11610</v>
      </c>
      <c r="F19316" t="s">
        <v>11611</v>
      </c>
      <c r="G19316" t="s">
        <v>11612</v>
      </c>
      <c r="H19316" t="s">
        <v>11613</v>
      </c>
      <c r="I19316" s="2">
        <v>0</v>
      </c>
      <c r="J19316" s="2">
        <v>0</v>
      </c>
      <c r="K19316" s="2">
        <v>0.44</v>
      </c>
      <c r="L19316" t="s">
        <v>995</v>
      </c>
      <c r="M19316" t="s">
        <v>89</v>
      </c>
      <c r="N19316" t="s">
        <v>90</v>
      </c>
      <c r="O19316" t="s">
        <v>85</v>
      </c>
      <c r="P19316" t="s">
        <v>86</v>
      </c>
      <c r="Q19316">
        <v>8</v>
      </c>
      <c r="R19316">
        <v>8</v>
      </c>
      <c r="S19316">
        <v>8</v>
      </c>
      <c r="T19316">
        <v>8</v>
      </c>
      <c r="U19316">
        <v>8</v>
      </c>
      <c r="V19316">
        <v>8</v>
      </c>
      <c r="W19316">
        <v>9</v>
      </c>
      <c r="X19316">
        <v>9</v>
      </c>
      <c r="Y19316">
        <v>9</v>
      </c>
      <c r="Z19316">
        <v>9</v>
      </c>
      <c r="AA19316">
        <v>9</v>
      </c>
      <c r="AB19316">
        <v>9</v>
      </c>
      <c r="AC19316">
        <v>9</v>
      </c>
      <c r="AD19316">
        <v>10</v>
      </c>
      <c r="AE19316">
        <v>10</v>
      </c>
      <c r="AF19316">
        <v>10</v>
      </c>
      <c r="AG19316">
        <v>10</v>
      </c>
      <c r="AH19316">
        <v>10</v>
      </c>
      <c r="AI19316">
        <v>10</v>
      </c>
      <c r="AJ19316">
        <v>10</v>
      </c>
      <c r="AK19316">
        <v>10</v>
      </c>
      <c r="AL19316">
        <v>10</v>
      </c>
      <c r="AM19316">
        <v>10</v>
      </c>
      <c r="AN19316">
        <v>10</v>
      </c>
      <c r="AO19316">
        <v>10</v>
      </c>
      <c r="AP19316">
        <v>10</v>
      </c>
      <c r="AQ19316">
        <v>10</v>
      </c>
    </row>
    <row r="19317" spans="1:43">
      <c r="A19317" t="s">
        <v>11964</v>
      </c>
      <c r="B19317" t="s">
        <v>11965</v>
      </c>
      <c r="C19317" t="s">
        <v>11948</v>
      </c>
      <c r="D19317" t="s">
        <v>11949</v>
      </c>
      <c r="E19317" t="s">
        <v>11610</v>
      </c>
      <c r="F19317" t="s">
        <v>11611</v>
      </c>
      <c r="G19317" t="s">
        <v>11612</v>
      </c>
      <c r="H19317" t="s">
        <v>11613</v>
      </c>
      <c r="I19317" s="2">
        <v>0</v>
      </c>
      <c r="J19317" s="2">
        <v>0</v>
      </c>
      <c r="K19317" s="2">
        <v>0.44</v>
      </c>
      <c r="L19317" t="s">
        <v>995</v>
      </c>
      <c r="M19317" t="s">
        <v>83</v>
      </c>
      <c r="N19317" t="s">
        <v>91</v>
      </c>
      <c r="O19317" t="s">
        <v>85</v>
      </c>
      <c r="P19317" t="s">
        <v>86</v>
      </c>
      <c r="Q19317">
        <v>8</v>
      </c>
      <c r="R19317">
        <v>9</v>
      </c>
      <c r="S19317">
        <v>9</v>
      </c>
      <c r="T19317">
        <v>9</v>
      </c>
      <c r="U19317">
        <v>9</v>
      </c>
      <c r="V19317">
        <v>9</v>
      </c>
      <c r="W19317">
        <v>9</v>
      </c>
      <c r="X19317">
        <v>9</v>
      </c>
      <c r="Y19317">
        <v>9</v>
      </c>
      <c r="Z19317">
        <v>9</v>
      </c>
      <c r="AA19317">
        <v>10</v>
      </c>
      <c r="AB19317">
        <v>10</v>
      </c>
      <c r="AC19317">
        <v>10</v>
      </c>
      <c r="AD19317">
        <v>10</v>
      </c>
      <c r="AE19317">
        <v>10</v>
      </c>
      <c r="AF19317">
        <v>10</v>
      </c>
      <c r="AG19317">
        <v>10</v>
      </c>
      <c r="AH19317">
        <v>10</v>
      </c>
      <c r="AI19317">
        <v>10</v>
      </c>
      <c r="AJ19317">
        <v>11</v>
      </c>
      <c r="AK19317">
        <v>11</v>
      </c>
      <c r="AL19317">
        <v>11</v>
      </c>
      <c r="AM19317">
        <v>11</v>
      </c>
      <c r="AN19317">
        <v>11</v>
      </c>
      <c r="AO19317">
        <v>11</v>
      </c>
      <c r="AP19317">
        <v>11</v>
      </c>
      <c r="AQ19317">
        <v>11</v>
      </c>
    </row>
    <row r="19318" spans="1:43">
      <c r="A19318" t="s">
        <v>11966</v>
      </c>
      <c r="B19318" t="s">
        <v>11967</v>
      </c>
      <c r="C19318" t="s">
        <v>11926</v>
      </c>
      <c r="D19318" t="s">
        <v>11927</v>
      </c>
      <c r="E19318" t="s">
        <v>11610</v>
      </c>
      <c r="F19318" t="s">
        <v>11611</v>
      </c>
      <c r="G19318" t="s">
        <v>11612</v>
      </c>
      <c r="H19318" t="s">
        <v>11613</v>
      </c>
      <c r="I19318" s="2">
        <v>0</v>
      </c>
      <c r="J19318" s="2">
        <v>0</v>
      </c>
      <c r="K19318" s="2">
        <v>1</v>
      </c>
      <c r="L19318" t="s">
        <v>995</v>
      </c>
      <c r="M19318" t="s">
        <v>83</v>
      </c>
      <c r="N19318" t="s">
        <v>84</v>
      </c>
      <c r="O19318" t="s">
        <v>85</v>
      </c>
      <c r="P19318" t="s">
        <v>86</v>
      </c>
      <c r="Q19318">
        <v>19</v>
      </c>
      <c r="R19318">
        <v>19</v>
      </c>
      <c r="S19318">
        <v>20</v>
      </c>
      <c r="T19318">
        <v>20</v>
      </c>
      <c r="U19318">
        <v>20</v>
      </c>
      <c r="V19318">
        <v>20</v>
      </c>
      <c r="W19318">
        <v>21</v>
      </c>
      <c r="X19318">
        <v>21</v>
      </c>
      <c r="Y19318">
        <v>21</v>
      </c>
      <c r="Z19318">
        <v>21</v>
      </c>
      <c r="AA19318">
        <v>22</v>
      </c>
      <c r="AB19318">
        <v>22</v>
      </c>
      <c r="AC19318">
        <v>22</v>
      </c>
      <c r="AD19318">
        <v>22</v>
      </c>
      <c r="AE19318">
        <v>23</v>
      </c>
      <c r="AF19318">
        <v>23</v>
      </c>
      <c r="AG19318">
        <v>23</v>
      </c>
      <c r="AH19318">
        <v>23</v>
      </c>
      <c r="AI19318">
        <v>23</v>
      </c>
      <c r="AJ19318">
        <v>24</v>
      </c>
      <c r="AK19318">
        <v>24</v>
      </c>
      <c r="AL19318">
        <v>24</v>
      </c>
      <c r="AM19318">
        <v>24</v>
      </c>
      <c r="AN19318">
        <v>24</v>
      </c>
      <c r="AO19318">
        <v>24</v>
      </c>
      <c r="AP19318">
        <v>24</v>
      </c>
      <c r="AQ19318">
        <v>24</v>
      </c>
    </row>
    <row r="19319" spans="1:43">
      <c r="A19319" t="s">
        <v>11966</v>
      </c>
      <c r="B19319" t="s">
        <v>11967</v>
      </c>
      <c r="C19319" t="s">
        <v>11926</v>
      </c>
      <c r="D19319" t="s">
        <v>11927</v>
      </c>
      <c r="E19319" t="s">
        <v>11610</v>
      </c>
      <c r="F19319" t="s">
        <v>11611</v>
      </c>
      <c r="G19319" t="s">
        <v>11612</v>
      </c>
      <c r="H19319" t="s">
        <v>11613</v>
      </c>
      <c r="I19319" s="2">
        <v>0</v>
      </c>
      <c r="J19319" s="2">
        <v>0</v>
      </c>
      <c r="K19319" s="2">
        <v>1</v>
      </c>
      <c r="L19319" t="s">
        <v>995</v>
      </c>
      <c r="M19319" t="s">
        <v>87</v>
      </c>
      <c r="N19319" t="s">
        <v>88</v>
      </c>
      <c r="O19319" t="s">
        <v>85</v>
      </c>
      <c r="P19319" t="s">
        <v>86</v>
      </c>
      <c r="Q19319">
        <v>19</v>
      </c>
      <c r="R19319">
        <v>19</v>
      </c>
      <c r="S19319">
        <v>19</v>
      </c>
      <c r="T19319">
        <v>19</v>
      </c>
      <c r="U19319">
        <v>19</v>
      </c>
      <c r="V19319">
        <v>19</v>
      </c>
      <c r="W19319">
        <v>19</v>
      </c>
      <c r="X19319">
        <v>19</v>
      </c>
      <c r="Y19319">
        <v>19</v>
      </c>
      <c r="Z19319">
        <v>20</v>
      </c>
      <c r="AA19319">
        <v>20</v>
      </c>
      <c r="AB19319">
        <v>20</v>
      </c>
      <c r="AC19319">
        <v>20</v>
      </c>
      <c r="AD19319">
        <v>20</v>
      </c>
      <c r="AE19319">
        <v>20</v>
      </c>
      <c r="AF19319">
        <v>20</v>
      </c>
      <c r="AG19319">
        <v>20</v>
      </c>
      <c r="AH19319">
        <v>20</v>
      </c>
      <c r="AI19319">
        <v>20</v>
      </c>
      <c r="AJ19319">
        <v>20</v>
      </c>
      <c r="AK19319">
        <v>20</v>
      </c>
      <c r="AL19319">
        <v>21</v>
      </c>
      <c r="AM19319">
        <v>21</v>
      </c>
      <c r="AN19319">
        <v>21</v>
      </c>
      <c r="AO19319">
        <v>21</v>
      </c>
      <c r="AP19319">
        <v>21</v>
      </c>
      <c r="AQ19319">
        <v>21</v>
      </c>
    </row>
    <row r="19320" spans="1:43">
      <c r="A19320" t="s">
        <v>11966</v>
      </c>
      <c r="B19320" t="s">
        <v>11967</v>
      </c>
      <c r="C19320" t="s">
        <v>11926</v>
      </c>
      <c r="D19320" t="s">
        <v>11927</v>
      </c>
      <c r="E19320" t="s">
        <v>11610</v>
      </c>
      <c r="F19320" t="s">
        <v>11611</v>
      </c>
      <c r="G19320" t="s">
        <v>11612</v>
      </c>
      <c r="H19320" t="s">
        <v>11613</v>
      </c>
      <c r="I19320" s="2">
        <v>0</v>
      </c>
      <c r="J19320" s="2">
        <v>0</v>
      </c>
      <c r="K19320" s="2">
        <v>1</v>
      </c>
      <c r="L19320" t="s">
        <v>995</v>
      </c>
      <c r="M19320" t="s">
        <v>89</v>
      </c>
      <c r="N19320" t="s">
        <v>90</v>
      </c>
      <c r="O19320" t="s">
        <v>85</v>
      </c>
      <c r="P19320" t="s">
        <v>86</v>
      </c>
      <c r="Q19320">
        <v>19</v>
      </c>
      <c r="R19320">
        <v>20</v>
      </c>
      <c r="S19320">
        <v>20</v>
      </c>
      <c r="T19320">
        <v>20</v>
      </c>
      <c r="U19320">
        <v>21</v>
      </c>
      <c r="V19320">
        <v>21</v>
      </c>
      <c r="W19320">
        <v>22</v>
      </c>
      <c r="X19320">
        <v>22</v>
      </c>
      <c r="Y19320">
        <v>22</v>
      </c>
      <c r="Z19320">
        <v>23</v>
      </c>
      <c r="AA19320">
        <v>23</v>
      </c>
      <c r="AB19320">
        <v>23</v>
      </c>
      <c r="AC19320">
        <v>24</v>
      </c>
      <c r="AD19320">
        <v>24</v>
      </c>
      <c r="AE19320">
        <v>24</v>
      </c>
      <c r="AF19320">
        <v>24</v>
      </c>
      <c r="AG19320">
        <v>24</v>
      </c>
      <c r="AH19320">
        <v>24</v>
      </c>
      <c r="AI19320">
        <v>24</v>
      </c>
      <c r="AJ19320">
        <v>24</v>
      </c>
      <c r="AK19320">
        <v>24</v>
      </c>
      <c r="AL19320">
        <v>24</v>
      </c>
      <c r="AM19320">
        <v>24</v>
      </c>
      <c r="AN19320">
        <v>24</v>
      </c>
      <c r="AO19320">
        <v>24</v>
      </c>
      <c r="AP19320">
        <v>24</v>
      </c>
      <c r="AQ19320">
        <v>24</v>
      </c>
    </row>
    <row r="19321" spans="1:43">
      <c r="A19321" t="s">
        <v>11966</v>
      </c>
      <c r="B19321" t="s">
        <v>11967</v>
      </c>
      <c r="C19321" t="s">
        <v>11926</v>
      </c>
      <c r="D19321" t="s">
        <v>11927</v>
      </c>
      <c r="E19321" t="s">
        <v>11610</v>
      </c>
      <c r="F19321" t="s">
        <v>11611</v>
      </c>
      <c r="G19321" t="s">
        <v>11612</v>
      </c>
      <c r="H19321" t="s">
        <v>11613</v>
      </c>
      <c r="I19321" s="2">
        <v>0</v>
      </c>
      <c r="J19321" s="2">
        <v>0</v>
      </c>
      <c r="K19321" s="2">
        <v>1</v>
      </c>
      <c r="L19321" t="s">
        <v>995</v>
      </c>
      <c r="M19321" t="s">
        <v>83</v>
      </c>
      <c r="N19321" t="s">
        <v>91</v>
      </c>
      <c r="O19321" t="s">
        <v>85</v>
      </c>
      <c r="P19321" t="s">
        <v>86</v>
      </c>
      <c r="Q19321">
        <v>19</v>
      </c>
      <c r="R19321">
        <v>19</v>
      </c>
      <c r="S19321">
        <v>20</v>
      </c>
      <c r="T19321">
        <v>20</v>
      </c>
      <c r="U19321">
        <v>20</v>
      </c>
      <c r="V19321">
        <v>20</v>
      </c>
      <c r="W19321">
        <v>21</v>
      </c>
      <c r="X19321">
        <v>21</v>
      </c>
      <c r="Y19321">
        <v>21</v>
      </c>
      <c r="Z19321">
        <v>21</v>
      </c>
      <c r="AA19321">
        <v>22</v>
      </c>
      <c r="AB19321">
        <v>22</v>
      </c>
      <c r="AC19321">
        <v>22</v>
      </c>
      <c r="AD19321">
        <v>22</v>
      </c>
      <c r="AE19321">
        <v>23</v>
      </c>
      <c r="AF19321">
        <v>23</v>
      </c>
      <c r="AG19321">
        <v>23</v>
      </c>
      <c r="AH19321">
        <v>23</v>
      </c>
      <c r="AI19321">
        <v>23</v>
      </c>
      <c r="AJ19321">
        <v>24</v>
      </c>
      <c r="AK19321">
        <v>24</v>
      </c>
      <c r="AL19321">
        <v>24</v>
      </c>
      <c r="AM19321">
        <v>24</v>
      </c>
      <c r="AN19321">
        <v>24</v>
      </c>
      <c r="AO19321">
        <v>24</v>
      </c>
      <c r="AP19321">
        <v>24</v>
      </c>
      <c r="AQ19321">
        <v>24</v>
      </c>
    </row>
    <row r="19322" spans="1:43">
      <c r="A19322" t="s">
        <v>11968</v>
      </c>
      <c r="B19322" t="s">
        <v>11969</v>
      </c>
      <c r="C19322" t="s">
        <v>11914</v>
      </c>
      <c r="D19322" t="s">
        <v>11915</v>
      </c>
      <c r="E19322" t="s">
        <v>11610</v>
      </c>
      <c r="F19322" t="s">
        <v>11611</v>
      </c>
      <c r="G19322" t="s">
        <v>11612</v>
      </c>
      <c r="H19322" t="s">
        <v>11613</v>
      </c>
      <c r="I19322" s="2">
        <v>0</v>
      </c>
      <c r="J19322" s="2">
        <v>0</v>
      </c>
      <c r="K19322" s="2">
        <v>1</v>
      </c>
      <c r="L19322" t="s">
        <v>995</v>
      </c>
      <c r="M19322" t="s">
        <v>83</v>
      </c>
      <c r="N19322" t="s">
        <v>84</v>
      </c>
      <c r="O19322" t="s">
        <v>85</v>
      </c>
      <c r="P19322" t="s">
        <v>86</v>
      </c>
      <c r="Q19322">
        <v>33</v>
      </c>
      <c r="R19322">
        <v>34</v>
      </c>
      <c r="S19322">
        <v>34</v>
      </c>
      <c r="T19322">
        <v>35</v>
      </c>
      <c r="U19322">
        <v>35</v>
      </c>
      <c r="V19322">
        <v>36</v>
      </c>
      <c r="W19322">
        <v>36</v>
      </c>
      <c r="X19322">
        <v>36</v>
      </c>
      <c r="Y19322">
        <v>37</v>
      </c>
      <c r="Z19322">
        <v>37</v>
      </c>
      <c r="AA19322">
        <v>38</v>
      </c>
      <c r="AB19322">
        <v>38</v>
      </c>
      <c r="AC19322">
        <v>39</v>
      </c>
      <c r="AD19322">
        <v>39</v>
      </c>
      <c r="AE19322">
        <v>39</v>
      </c>
      <c r="AF19322">
        <v>40</v>
      </c>
      <c r="AG19322">
        <v>40</v>
      </c>
      <c r="AH19322">
        <v>41</v>
      </c>
      <c r="AI19322">
        <v>41</v>
      </c>
      <c r="AJ19322">
        <v>42</v>
      </c>
      <c r="AK19322">
        <v>42</v>
      </c>
      <c r="AL19322">
        <v>42</v>
      </c>
      <c r="AM19322">
        <v>42</v>
      </c>
      <c r="AN19322">
        <v>42</v>
      </c>
      <c r="AO19322">
        <v>42</v>
      </c>
      <c r="AP19322">
        <v>42</v>
      </c>
      <c r="AQ19322">
        <v>42</v>
      </c>
    </row>
    <row r="19323" spans="1:43">
      <c r="A19323" t="s">
        <v>11968</v>
      </c>
      <c r="B19323" t="s">
        <v>11969</v>
      </c>
      <c r="C19323" t="s">
        <v>11914</v>
      </c>
      <c r="D19323" t="s">
        <v>11915</v>
      </c>
      <c r="E19323" t="s">
        <v>11610</v>
      </c>
      <c r="F19323" t="s">
        <v>11611</v>
      </c>
      <c r="G19323" t="s">
        <v>11612</v>
      </c>
      <c r="H19323" t="s">
        <v>11613</v>
      </c>
      <c r="I19323" s="2">
        <v>0</v>
      </c>
      <c r="J19323" s="2">
        <v>0</v>
      </c>
      <c r="K19323" s="2">
        <v>1</v>
      </c>
      <c r="L19323" t="s">
        <v>995</v>
      </c>
      <c r="M19323" t="s">
        <v>87</v>
      </c>
      <c r="N19323" t="s">
        <v>88</v>
      </c>
      <c r="O19323" t="s">
        <v>85</v>
      </c>
      <c r="P19323" t="s">
        <v>86</v>
      </c>
      <c r="Q19323">
        <v>33</v>
      </c>
      <c r="R19323">
        <v>33</v>
      </c>
      <c r="S19323">
        <v>33</v>
      </c>
      <c r="T19323">
        <v>33</v>
      </c>
      <c r="U19323">
        <v>34</v>
      </c>
      <c r="V19323">
        <v>34</v>
      </c>
      <c r="W19323">
        <v>34</v>
      </c>
      <c r="X19323">
        <v>34</v>
      </c>
      <c r="Y19323">
        <v>34</v>
      </c>
      <c r="Z19323">
        <v>34</v>
      </c>
      <c r="AA19323">
        <v>34</v>
      </c>
      <c r="AB19323">
        <v>35</v>
      </c>
      <c r="AC19323">
        <v>35</v>
      </c>
      <c r="AD19323">
        <v>35</v>
      </c>
      <c r="AE19323">
        <v>35</v>
      </c>
      <c r="AF19323">
        <v>35</v>
      </c>
      <c r="AG19323">
        <v>35</v>
      </c>
      <c r="AH19323">
        <v>35</v>
      </c>
      <c r="AI19323">
        <v>36</v>
      </c>
      <c r="AJ19323">
        <v>36</v>
      </c>
      <c r="AK19323">
        <v>36</v>
      </c>
      <c r="AL19323">
        <v>36</v>
      </c>
      <c r="AM19323">
        <v>36</v>
      </c>
      <c r="AN19323">
        <v>36</v>
      </c>
      <c r="AO19323">
        <v>36</v>
      </c>
      <c r="AP19323">
        <v>37</v>
      </c>
      <c r="AQ19323">
        <v>37</v>
      </c>
    </row>
    <row r="19324" spans="1:43">
      <c r="A19324" t="s">
        <v>11968</v>
      </c>
      <c r="B19324" t="s">
        <v>11969</v>
      </c>
      <c r="C19324" t="s">
        <v>11914</v>
      </c>
      <c r="D19324" t="s">
        <v>11915</v>
      </c>
      <c r="E19324" t="s">
        <v>11610</v>
      </c>
      <c r="F19324" t="s">
        <v>11611</v>
      </c>
      <c r="G19324" t="s">
        <v>11612</v>
      </c>
      <c r="H19324" t="s">
        <v>11613</v>
      </c>
      <c r="I19324" s="2">
        <v>0</v>
      </c>
      <c r="J19324" s="2">
        <v>0</v>
      </c>
      <c r="K19324" s="2">
        <v>1</v>
      </c>
      <c r="L19324" t="s">
        <v>995</v>
      </c>
      <c r="M19324" t="s">
        <v>89</v>
      </c>
      <c r="N19324" t="s">
        <v>90</v>
      </c>
      <c r="O19324" t="s">
        <v>85</v>
      </c>
      <c r="P19324" t="s">
        <v>86</v>
      </c>
      <c r="Q19324">
        <v>33</v>
      </c>
      <c r="R19324">
        <v>33</v>
      </c>
      <c r="S19324">
        <v>34</v>
      </c>
      <c r="T19324">
        <v>35</v>
      </c>
      <c r="U19324">
        <v>36</v>
      </c>
      <c r="V19324">
        <v>36</v>
      </c>
      <c r="W19324">
        <v>37</v>
      </c>
      <c r="X19324">
        <v>38</v>
      </c>
      <c r="Y19324">
        <v>38</v>
      </c>
      <c r="Z19324">
        <v>39</v>
      </c>
      <c r="AA19324">
        <v>39</v>
      </c>
      <c r="AB19324">
        <v>40</v>
      </c>
      <c r="AC19324">
        <v>40</v>
      </c>
      <c r="AD19324">
        <v>41</v>
      </c>
      <c r="AE19324">
        <v>41</v>
      </c>
      <c r="AF19324">
        <v>41</v>
      </c>
      <c r="AG19324">
        <v>41</v>
      </c>
      <c r="AH19324">
        <v>41</v>
      </c>
      <c r="AI19324">
        <v>41</v>
      </c>
      <c r="AJ19324">
        <v>41</v>
      </c>
      <c r="AK19324">
        <v>42</v>
      </c>
      <c r="AL19324">
        <v>42</v>
      </c>
      <c r="AM19324">
        <v>42</v>
      </c>
      <c r="AN19324">
        <v>42</v>
      </c>
      <c r="AO19324">
        <v>42</v>
      </c>
      <c r="AP19324">
        <v>42</v>
      </c>
      <c r="AQ19324">
        <v>42</v>
      </c>
    </row>
    <row r="19325" spans="1:43">
      <c r="A19325" t="s">
        <v>11968</v>
      </c>
      <c r="B19325" t="s">
        <v>11969</v>
      </c>
      <c r="C19325" t="s">
        <v>11914</v>
      </c>
      <c r="D19325" t="s">
        <v>11915</v>
      </c>
      <c r="E19325" t="s">
        <v>11610</v>
      </c>
      <c r="F19325" t="s">
        <v>11611</v>
      </c>
      <c r="G19325" t="s">
        <v>11612</v>
      </c>
      <c r="H19325" t="s">
        <v>11613</v>
      </c>
      <c r="I19325" s="2">
        <v>0</v>
      </c>
      <c r="J19325" s="2">
        <v>0</v>
      </c>
      <c r="K19325" s="2">
        <v>1</v>
      </c>
      <c r="L19325" t="s">
        <v>995</v>
      </c>
      <c r="M19325" t="s">
        <v>83</v>
      </c>
      <c r="N19325" t="s">
        <v>91</v>
      </c>
      <c r="O19325" t="s">
        <v>85</v>
      </c>
      <c r="P19325" t="s">
        <v>86</v>
      </c>
      <c r="Q19325">
        <v>33</v>
      </c>
      <c r="R19325">
        <v>34</v>
      </c>
      <c r="S19325">
        <v>34</v>
      </c>
      <c r="T19325">
        <v>35</v>
      </c>
      <c r="U19325">
        <v>35</v>
      </c>
      <c r="V19325">
        <v>36</v>
      </c>
      <c r="W19325">
        <v>36</v>
      </c>
      <c r="X19325">
        <v>36</v>
      </c>
      <c r="Y19325">
        <v>37</v>
      </c>
      <c r="Z19325">
        <v>37</v>
      </c>
      <c r="AA19325">
        <v>38</v>
      </c>
      <c r="AB19325">
        <v>38</v>
      </c>
      <c r="AC19325">
        <v>39</v>
      </c>
      <c r="AD19325">
        <v>39</v>
      </c>
      <c r="AE19325">
        <v>39</v>
      </c>
      <c r="AF19325">
        <v>40</v>
      </c>
      <c r="AG19325">
        <v>40</v>
      </c>
      <c r="AH19325">
        <v>41</v>
      </c>
      <c r="AI19325">
        <v>41</v>
      </c>
      <c r="AJ19325">
        <v>42</v>
      </c>
      <c r="AK19325">
        <v>42</v>
      </c>
      <c r="AL19325">
        <v>42</v>
      </c>
      <c r="AM19325">
        <v>42</v>
      </c>
      <c r="AN19325">
        <v>42</v>
      </c>
      <c r="AO19325">
        <v>42</v>
      </c>
      <c r="AP19325">
        <v>42</v>
      </c>
      <c r="AQ19325">
        <v>42</v>
      </c>
    </row>
    <row r="19326" spans="1:43">
      <c r="A19326" t="s">
        <v>11970</v>
      </c>
      <c r="B19326" t="s">
        <v>11971</v>
      </c>
      <c r="C19326" t="s">
        <v>11798</v>
      </c>
      <c r="D19326" t="s">
        <v>11799</v>
      </c>
      <c r="E19326" t="s">
        <v>11610</v>
      </c>
      <c r="F19326" t="s">
        <v>11611</v>
      </c>
      <c r="G19326" t="s">
        <v>11612</v>
      </c>
      <c r="H19326" t="s">
        <v>11613</v>
      </c>
      <c r="I19326" s="2">
        <v>0</v>
      </c>
      <c r="J19326" s="2">
        <v>0</v>
      </c>
      <c r="K19326" s="2">
        <v>1</v>
      </c>
      <c r="L19326" t="s">
        <v>995</v>
      </c>
      <c r="M19326" t="s">
        <v>83</v>
      </c>
      <c r="N19326" t="s">
        <v>84</v>
      </c>
      <c r="O19326" t="s">
        <v>85</v>
      </c>
      <c r="P19326" t="s">
        <v>86</v>
      </c>
      <c r="Q19326">
        <v>18</v>
      </c>
      <c r="R19326">
        <v>18</v>
      </c>
      <c r="S19326">
        <v>18</v>
      </c>
      <c r="T19326">
        <v>18</v>
      </c>
      <c r="U19326">
        <v>19</v>
      </c>
      <c r="V19326">
        <v>19</v>
      </c>
      <c r="W19326">
        <v>19</v>
      </c>
      <c r="X19326">
        <v>19</v>
      </c>
      <c r="Y19326">
        <v>20</v>
      </c>
      <c r="Z19326">
        <v>20</v>
      </c>
      <c r="AA19326">
        <v>20</v>
      </c>
      <c r="AB19326">
        <v>20</v>
      </c>
      <c r="AC19326">
        <v>21</v>
      </c>
      <c r="AD19326">
        <v>21</v>
      </c>
      <c r="AE19326">
        <v>21</v>
      </c>
      <c r="AF19326">
        <v>21</v>
      </c>
      <c r="AG19326">
        <v>21</v>
      </c>
      <c r="AH19326">
        <v>22</v>
      </c>
      <c r="AI19326">
        <v>22</v>
      </c>
      <c r="AJ19326">
        <v>22</v>
      </c>
      <c r="AK19326">
        <v>22</v>
      </c>
      <c r="AL19326">
        <v>22</v>
      </c>
      <c r="AM19326">
        <v>22</v>
      </c>
      <c r="AN19326">
        <v>22</v>
      </c>
      <c r="AO19326">
        <v>22</v>
      </c>
      <c r="AP19326">
        <v>22</v>
      </c>
      <c r="AQ19326">
        <v>22</v>
      </c>
    </row>
    <row r="19327" spans="1:43">
      <c r="A19327" t="s">
        <v>11970</v>
      </c>
      <c r="B19327" t="s">
        <v>11971</v>
      </c>
      <c r="C19327" t="s">
        <v>11798</v>
      </c>
      <c r="D19327" t="s">
        <v>11799</v>
      </c>
      <c r="E19327" t="s">
        <v>11610</v>
      </c>
      <c r="F19327" t="s">
        <v>11611</v>
      </c>
      <c r="G19327" t="s">
        <v>11612</v>
      </c>
      <c r="H19327" t="s">
        <v>11613</v>
      </c>
      <c r="I19327" s="2">
        <v>0</v>
      </c>
      <c r="J19327" s="2">
        <v>0</v>
      </c>
      <c r="K19327" s="2">
        <v>1</v>
      </c>
      <c r="L19327" t="s">
        <v>995</v>
      </c>
      <c r="M19327" t="s">
        <v>87</v>
      </c>
      <c r="N19327" t="s">
        <v>88</v>
      </c>
      <c r="O19327" t="s">
        <v>85</v>
      </c>
      <c r="P19327" t="s">
        <v>86</v>
      </c>
      <c r="Q19327">
        <v>18</v>
      </c>
      <c r="R19327">
        <v>18</v>
      </c>
      <c r="S19327">
        <v>18</v>
      </c>
      <c r="T19327">
        <v>18</v>
      </c>
      <c r="U19327">
        <v>18</v>
      </c>
      <c r="V19327">
        <v>18</v>
      </c>
      <c r="W19327">
        <v>18</v>
      </c>
      <c r="X19327">
        <v>18</v>
      </c>
      <c r="Y19327">
        <v>18</v>
      </c>
      <c r="Z19327">
        <v>18</v>
      </c>
      <c r="AA19327">
        <v>18</v>
      </c>
      <c r="AB19327">
        <v>18</v>
      </c>
      <c r="AC19327">
        <v>18</v>
      </c>
      <c r="AD19327">
        <v>18</v>
      </c>
      <c r="AE19327">
        <v>19</v>
      </c>
      <c r="AF19327">
        <v>19</v>
      </c>
      <c r="AG19327">
        <v>19</v>
      </c>
      <c r="AH19327">
        <v>19</v>
      </c>
      <c r="AI19327">
        <v>19</v>
      </c>
      <c r="AJ19327">
        <v>19</v>
      </c>
      <c r="AK19327">
        <v>19</v>
      </c>
      <c r="AL19327">
        <v>19</v>
      </c>
      <c r="AM19327">
        <v>19</v>
      </c>
      <c r="AN19327">
        <v>19</v>
      </c>
      <c r="AO19327">
        <v>19</v>
      </c>
      <c r="AP19327">
        <v>19</v>
      </c>
      <c r="AQ19327">
        <v>19</v>
      </c>
    </row>
    <row r="19328" spans="1:43">
      <c r="A19328" t="s">
        <v>11970</v>
      </c>
      <c r="B19328" t="s">
        <v>11971</v>
      </c>
      <c r="C19328" t="s">
        <v>11798</v>
      </c>
      <c r="D19328" t="s">
        <v>11799</v>
      </c>
      <c r="E19328" t="s">
        <v>11610</v>
      </c>
      <c r="F19328" t="s">
        <v>11611</v>
      </c>
      <c r="G19328" t="s">
        <v>11612</v>
      </c>
      <c r="H19328" t="s">
        <v>11613</v>
      </c>
      <c r="I19328" s="2">
        <v>0</v>
      </c>
      <c r="J19328" s="2">
        <v>0</v>
      </c>
      <c r="K19328" s="2">
        <v>1</v>
      </c>
      <c r="L19328" t="s">
        <v>995</v>
      </c>
      <c r="M19328" t="s">
        <v>89</v>
      </c>
      <c r="N19328" t="s">
        <v>90</v>
      </c>
      <c r="O19328" t="s">
        <v>85</v>
      </c>
      <c r="P19328" t="s">
        <v>86</v>
      </c>
      <c r="Q19328">
        <v>18</v>
      </c>
      <c r="R19328">
        <v>18</v>
      </c>
      <c r="S19328">
        <v>19</v>
      </c>
      <c r="T19328">
        <v>19</v>
      </c>
      <c r="U19328">
        <v>19</v>
      </c>
      <c r="V19328">
        <v>20</v>
      </c>
      <c r="W19328">
        <v>20</v>
      </c>
      <c r="X19328">
        <v>20</v>
      </c>
      <c r="Y19328">
        <v>21</v>
      </c>
      <c r="Z19328">
        <v>21</v>
      </c>
      <c r="AA19328">
        <v>21</v>
      </c>
      <c r="AB19328">
        <v>22</v>
      </c>
      <c r="AC19328">
        <v>22</v>
      </c>
      <c r="AD19328">
        <v>22</v>
      </c>
      <c r="AE19328">
        <v>22</v>
      </c>
      <c r="AF19328">
        <v>22</v>
      </c>
      <c r="AG19328">
        <v>22</v>
      </c>
      <c r="AH19328">
        <v>22</v>
      </c>
      <c r="AI19328">
        <v>22</v>
      </c>
      <c r="AJ19328">
        <v>22</v>
      </c>
      <c r="AK19328">
        <v>22</v>
      </c>
      <c r="AL19328">
        <v>22</v>
      </c>
      <c r="AM19328">
        <v>22</v>
      </c>
      <c r="AN19328">
        <v>22</v>
      </c>
      <c r="AO19328">
        <v>22</v>
      </c>
      <c r="AP19328">
        <v>22</v>
      </c>
      <c r="AQ19328">
        <v>22</v>
      </c>
    </row>
    <row r="19329" spans="1:43">
      <c r="A19329" t="s">
        <v>11970</v>
      </c>
      <c r="B19329" t="s">
        <v>11971</v>
      </c>
      <c r="C19329" t="s">
        <v>11798</v>
      </c>
      <c r="D19329" t="s">
        <v>11799</v>
      </c>
      <c r="E19329" t="s">
        <v>11610</v>
      </c>
      <c r="F19329" t="s">
        <v>11611</v>
      </c>
      <c r="G19329" t="s">
        <v>11612</v>
      </c>
      <c r="H19329" t="s">
        <v>11613</v>
      </c>
      <c r="I19329" s="2">
        <v>0</v>
      </c>
      <c r="J19329" s="2">
        <v>0</v>
      </c>
      <c r="K19329" s="2">
        <v>1</v>
      </c>
      <c r="L19329" t="s">
        <v>995</v>
      </c>
      <c r="M19329" t="s">
        <v>83</v>
      </c>
      <c r="N19329" t="s">
        <v>91</v>
      </c>
      <c r="O19329" t="s">
        <v>85</v>
      </c>
      <c r="P19329" t="s">
        <v>86</v>
      </c>
      <c r="Q19329">
        <v>18</v>
      </c>
      <c r="R19329">
        <v>18</v>
      </c>
      <c r="S19329">
        <v>18</v>
      </c>
      <c r="T19329">
        <v>18</v>
      </c>
      <c r="U19329">
        <v>19</v>
      </c>
      <c r="V19329">
        <v>19</v>
      </c>
      <c r="W19329">
        <v>19</v>
      </c>
      <c r="X19329">
        <v>19</v>
      </c>
      <c r="Y19329">
        <v>20</v>
      </c>
      <c r="Z19329">
        <v>20</v>
      </c>
      <c r="AA19329">
        <v>20</v>
      </c>
      <c r="AB19329">
        <v>20</v>
      </c>
      <c r="AC19329">
        <v>21</v>
      </c>
      <c r="AD19329">
        <v>21</v>
      </c>
      <c r="AE19329">
        <v>21</v>
      </c>
      <c r="AF19329">
        <v>21</v>
      </c>
      <c r="AG19329">
        <v>21</v>
      </c>
      <c r="AH19329">
        <v>22</v>
      </c>
      <c r="AI19329">
        <v>22</v>
      </c>
      <c r="AJ19329">
        <v>22</v>
      </c>
      <c r="AK19329">
        <v>22</v>
      </c>
      <c r="AL19329">
        <v>22</v>
      </c>
      <c r="AM19329">
        <v>22</v>
      </c>
      <c r="AN19329">
        <v>22</v>
      </c>
      <c r="AO19329">
        <v>22</v>
      </c>
      <c r="AP19329">
        <v>22</v>
      </c>
      <c r="AQ19329">
        <v>22</v>
      </c>
    </row>
    <row r="19330" spans="1:43">
      <c r="A19330" t="s">
        <v>11972</v>
      </c>
      <c r="B19330" t="s">
        <v>11973</v>
      </c>
      <c r="C19330" t="s">
        <v>11798</v>
      </c>
      <c r="D19330" t="s">
        <v>11799</v>
      </c>
      <c r="E19330" t="s">
        <v>11610</v>
      </c>
      <c r="F19330" t="s">
        <v>11611</v>
      </c>
      <c r="G19330" t="s">
        <v>11612</v>
      </c>
      <c r="H19330" t="s">
        <v>11613</v>
      </c>
      <c r="I19330" s="2">
        <v>0</v>
      </c>
      <c r="J19330" s="2">
        <v>0</v>
      </c>
      <c r="K19330" s="2">
        <v>1</v>
      </c>
      <c r="L19330" t="s">
        <v>995</v>
      </c>
      <c r="M19330" t="s">
        <v>83</v>
      </c>
      <c r="N19330" t="s">
        <v>84</v>
      </c>
      <c r="O19330" t="s">
        <v>85</v>
      </c>
      <c r="P19330" t="s">
        <v>86</v>
      </c>
      <c r="Q19330">
        <v>16</v>
      </c>
      <c r="R19330">
        <v>17</v>
      </c>
      <c r="S19330">
        <v>17</v>
      </c>
      <c r="T19330">
        <v>17</v>
      </c>
      <c r="U19330">
        <v>17</v>
      </c>
      <c r="V19330">
        <v>17</v>
      </c>
      <c r="W19330">
        <v>18</v>
      </c>
      <c r="X19330">
        <v>18</v>
      </c>
      <c r="Y19330">
        <v>18</v>
      </c>
      <c r="Z19330">
        <v>18</v>
      </c>
      <c r="AA19330">
        <v>19</v>
      </c>
      <c r="AB19330">
        <v>19</v>
      </c>
      <c r="AC19330">
        <v>19</v>
      </c>
      <c r="AD19330">
        <v>19</v>
      </c>
      <c r="AE19330">
        <v>19</v>
      </c>
      <c r="AF19330">
        <v>20</v>
      </c>
      <c r="AG19330">
        <v>20</v>
      </c>
      <c r="AH19330">
        <v>20</v>
      </c>
      <c r="AI19330">
        <v>20</v>
      </c>
      <c r="AJ19330">
        <v>20</v>
      </c>
      <c r="AK19330">
        <v>20</v>
      </c>
      <c r="AL19330">
        <v>21</v>
      </c>
      <c r="AM19330">
        <v>21</v>
      </c>
      <c r="AN19330">
        <v>21</v>
      </c>
      <c r="AO19330">
        <v>21</v>
      </c>
      <c r="AP19330">
        <v>21</v>
      </c>
      <c r="AQ19330">
        <v>21</v>
      </c>
    </row>
    <row r="19331" spans="1:43">
      <c r="A19331" t="s">
        <v>11972</v>
      </c>
      <c r="B19331" t="s">
        <v>11973</v>
      </c>
      <c r="C19331" t="s">
        <v>11798</v>
      </c>
      <c r="D19331" t="s">
        <v>11799</v>
      </c>
      <c r="E19331" t="s">
        <v>11610</v>
      </c>
      <c r="F19331" t="s">
        <v>11611</v>
      </c>
      <c r="G19331" t="s">
        <v>11612</v>
      </c>
      <c r="H19331" t="s">
        <v>11613</v>
      </c>
      <c r="I19331" s="2">
        <v>0</v>
      </c>
      <c r="J19331" s="2">
        <v>0</v>
      </c>
      <c r="K19331" s="2">
        <v>1</v>
      </c>
      <c r="L19331" t="s">
        <v>995</v>
      </c>
      <c r="M19331" t="s">
        <v>87</v>
      </c>
      <c r="N19331" t="s">
        <v>88</v>
      </c>
      <c r="O19331" t="s">
        <v>85</v>
      </c>
      <c r="P19331" t="s">
        <v>86</v>
      </c>
      <c r="Q19331">
        <v>16</v>
      </c>
      <c r="R19331">
        <v>16</v>
      </c>
      <c r="S19331">
        <v>16</v>
      </c>
      <c r="T19331">
        <v>16</v>
      </c>
      <c r="U19331">
        <v>16</v>
      </c>
      <c r="V19331">
        <v>17</v>
      </c>
      <c r="W19331">
        <v>17</v>
      </c>
      <c r="X19331">
        <v>17</v>
      </c>
      <c r="Y19331">
        <v>17</v>
      </c>
      <c r="Z19331">
        <v>17</v>
      </c>
      <c r="AA19331">
        <v>17</v>
      </c>
      <c r="AB19331">
        <v>17</v>
      </c>
      <c r="AC19331">
        <v>17</v>
      </c>
      <c r="AD19331">
        <v>17</v>
      </c>
      <c r="AE19331">
        <v>17</v>
      </c>
      <c r="AF19331">
        <v>17</v>
      </c>
      <c r="AG19331">
        <v>17</v>
      </c>
      <c r="AH19331">
        <v>17</v>
      </c>
      <c r="AI19331">
        <v>17</v>
      </c>
      <c r="AJ19331">
        <v>17</v>
      </c>
      <c r="AK19331">
        <v>18</v>
      </c>
      <c r="AL19331">
        <v>18</v>
      </c>
      <c r="AM19331">
        <v>18</v>
      </c>
      <c r="AN19331">
        <v>18</v>
      </c>
      <c r="AO19331">
        <v>18</v>
      </c>
      <c r="AP19331">
        <v>18</v>
      </c>
      <c r="AQ19331">
        <v>18</v>
      </c>
    </row>
    <row r="19332" spans="1:43">
      <c r="A19332" t="s">
        <v>11972</v>
      </c>
      <c r="B19332" t="s">
        <v>11973</v>
      </c>
      <c r="C19332" t="s">
        <v>11798</v>
      </c>
      <c r="D19332" t="s">
        <v>11799</v>
      </c>
      <c r="E19332" t="s">
        <v>11610</v>
      </c>
      <c r="F19332" t="s">
        <v>11611</v>
      </c>
      <c r="G19332" t="s">
        <v>11612</v>
      </c>
      <c r="H19332" t="s">
        <v>11613</v>
      </c>
      <c r="I19332" s="2">
        <v>0</v>
      </c>
      <c r="J19332" s="2">
        <v>0</v>
      </c>
      <c r="K19332" s="2">
        <v>1</v>
      </c>
      <c r="L19332" t="s">
        <v>995</v>
      </c>
      <c r="M19332" t="s">
        <v>89</v>
      </c>
      <c r="N19332" t="s">
        <v>90</v>
      </c>
      <c r="O19332" t="s">
        <v>85</v>
      </c>
      <c r="P19332" t="s">
        <v>86</v>
      </c>
      <c r="Q19332">
        <v>16</v>
      </c>
      <c r="R19332">
        <v>17</v>
      </c>
      <c r="S19332">
        <v>17</v>
      </c>
      <c r="T19332">
        <v>18</v>
      </c>
      <c r="U19332">
        <v>18</v>
      </c>
      <c r="V19332">
        <v>18</v>
      </c>
      <c r="W19332">
        <v>19</v>
      </c>
      <c r="X19332">
        <v>19</v>
      </c>
      <c r="Y19332">
        <v>19</v>
      </c>
      <c r="Z19332">
        <v>19</v>
      </c>
      <c r="AA19332">
        <v>20</v>
      </c>
      <c r="AB19332">
        <v>20</v>
      </c>
      <c r="AC19332">
        <v>20</v>
      </c>
      <c r="AD19332">
        <v>20</v>
      </c>
      <c r="AE19332">
        <v>21</v>
      </c>
      <c r="AF19332">
        <v>21</v>
      </c>
      <c r="AG19332">
        <v>21</v>
      </c>
      <c r="AH19332">
        <v>21</v>
      </c>
      <c r="AI19332">
        <v>21</v>
      </c>
      <c r="AJ19332">
        <v>21</v>
      </c>
      <c r="AK19332">
        <v>21</v>
      </c>
      <c r="AL19332">
        <v>21</v>
      </c>
      <c r="AM19332">
        <v>21</v>
      </c>
      <c r="AN19332">
        <v>21</v>
      </c>
      <c r="AO19332">
        <v>21</v>
      </c>
      <c r="AP19332">
        <v>21</v>
      </c>
      <c r="AQ19332">
        <v>21</v>
      </c>
    </row>
    <row r="19333" spans="1:43">
      <c r="A19333" t="s">
        <v>11972</v>
      </c>
      <c r="B19333" t="s">
        <v>11973</v>
      </c>
      <c r="C19333" t="s">
        <v>11798</v>
      </c>
      <c r="D19333" t="s">
        <v>11799</v>
      </c>
      <c r="E19333" t="s">
        <v>11610</v>
      </c>
      <c r="F19333" t="s">
        <v>11611</v>
      </c>
      <c r="G19333" t="s">
        <v>11612</v>
      </c>
      <c r="H19333" t="s">
        <v>11613</v>
      </c>
      <c r="I19333" s="2">
        <v>0</v>
      </c>
      <c r="J19333" s="2">
        <v>0</v>
      </c>
      <c r="K19333" s="2">
        <v>1</v>
      </c>
      <c r="L19333" t="s">
        <v>995</v>
      </c>
      <c r="M19333" t="s">
        <v>83</v>
      </c>
      <c r="N19333" t="s">
        <v>91</v>
      </c>
      <c r="O19333" t="s">
        <v>85</v>
      </c>
      <c r="P19333" t="s">
        <v>86</v>
      </c>
      <c r="Q19333">
        <v>16</v>
      </c>
      <c r="R19333">
        <v>17</v>
      </c>
      <c r="S19333">
        <v>17</v>
      </c>
      <c r="T19333">
        <v>17</v>
      </c>
      <c r="U19333">
        <v>17</v>
      </c>
      <c r="V19333">
        <v>17</v>
      </c>
      <c r="W19333">
        <v>18</v>
      </c>
      <c r="X19333">
        <v>18</v>
      </c>
      <c r="Y19333">
        <v>18</v>
      </c>
      <c r="Z19333">
        <v>18</v>
      </c>
      <c r="AA19333">
        <v>19</v>
      </c>
      <c r="AB19333">
        <v>19</v>
      </c>
      <c r="AC19333">
        <v>19</v>
      </c>
      <c r="AD19333">
        <v>19</v>
      </c>
      <c r="AE19333">
        <v>19</v>
      </c>
      <c r="AF19333">
        <v>20</v>
      </c>
      <c r="AG19333">
        <v>20</v>
      </c>
      <c r="AH19333">
        <v>20</v>
      </c>
      <c r="AI19333">
        <v>20</v>
      </c>
      <c r="AJ19333">
        <v>20</v>
      </c>
      <c r="AK19333">
        <v>20</v>
      </c>
      <c r="AL19333">
        <v>21</v>
      </c>
      <c r="AM19333">
        <v>21</v>
      </c>
      <c r="AN19333">
        <v>21</v>
      </c>
      <c r="AO19333">
        <v>21</v>
      </c>
      <c r="AP19333">
        <v>21</v>
      </c>
      <c r="AQ19333">
        <v>21</v>
      </c>
    </row>
    <row r="19334" spans="1:43">
      <c r="A19334" t="s">
        <v>11974</v>
      </c>
      <c r="B19334" t="s">
        <v>11975</v>
      </c>
      <c r="C19334" t="s">
        <v>11798</v>
      </c>
      <c r="D19334" t="s">
        <v>11799</v>
      </c>
      <c r="E19334" t="s">
        <v>11610</v>
      </c>
      <c r="F19334" t="s">
        <v>11611</v>
      </c>
      <c r="G19334" t="s">
        <v>11612</v>
      </c>
      <c r="H19334" t="s">
        <v>11613</v>
      </c>
      <c r="I19334" s="2">
        <v>0</v>
      </c>
      <c r="J19334" s="2">
        <v>0</v>
      </c>
      <c r="K19334" s="2">
        <v>1</v>
      </c>
      <c r="L19334" t="s">
        <v>995</v>
      </c>
      <c r="M19334" t="s">
        <v>83</v>
      </c>
      <c r="N19334" t="s">
        <v>84</v>
      </c>
      <c r="O19334" t="s">
        <v>85</v>
      </c>
      <c r="P19334" t="s">
        <v>86</v>
      </c>
      <c r="Q19334">
        <v>42</v>
      </c>
      <c r="R19334">
        <v>43</v>
      </c>
      <c r="S19334">
        <v>43</v>
      </c>
      <c r="T19334">
        <v>44</v>
      </c>
      <c r="U19334">
        <v>44</v>
      </c>
      <c r="V19334">
        <v>45</v>
      </c>
      <c r="W19334">
        <v>45</v>
      </c>
      <c r="X19334">
        <v>46</v>
      </c>
      <c r="Y19334">
        <v>46</v>
      </c>
      <c r="Z19334">
        <v>47</v>
      </c>
      <c r="AA19334">
        <v>48</v>
      </c>
      <c r="AB19334">
        <v>48</v>
      </c>
      <c r="AC19334">
        <v>49</v>
      </c>
      <c r="AD19334">
        <v>49</v>
      </c>
      <c r="AE19334">
        <v>50</v>
      </c>
      <c r="AF19334">
        <v>50</v>
      </c>
      <c r="AG19334">
        <v>51</v>
      </c>
      <c r="AH19334">
        <v>51</v>
      </c>
      <c r="AI19334">
        <v>52</v>
      </c>
      <c r="AJ19334">
        <v>52</v>
      </c>
      <c r="AK19334">
        <v>53</v>
      </c>
      <c r="AL19334">
        <v>53</v>
      </c>
      <c r="AM19334">
        <v>53</v>
      </c>
      <c r="AN19334">
        <v>53</v>
      </c>
      <c r="AO19334">
        <v>53</v>
      </c>
      <c r="AP19334">
        <v>53</v>
      </c>
      <c r="AQ19334">
        <v>53</v>
      </c>
    </row>
    <row r="19335" spans="1:43">
      <c r="A19335" t="s">
        <v>11974</v>
      </c>
      <c r="B19335" t="s">
        <v>11975</v>
      </c>
      <c r="C19335" t="s">
        <v>11798</v>
      </c>
      <c r="D19335" t="s">
        <v>11799</v>
      </c>
      <c r="E19335" t="s">
        <v>11610</v>
      </c>
      <c r="F19335" t="s">
        <v>11611</v>
      </c>
      <c r="G19335" t="s">
        <v>11612</v>
      </c>
      <c r="H19335" t="s">
        <v>11613</v>
      </c>
      <c r="I19335" s="2">
        <v>0</v>
      </c>
      <c r="J19335" s="2">
        <v>0</v>
      </c>
      <c r="K19335" s="2">
        <v>1</v>
      </c>
      <c r="L19335" t="s">
        <v>995</v>
      </c>
      <c r="M19335" t="s">
        <v>87</v>
      </c>
      <c r="N19335" t="s">
        <v>88</v>
      </c>
      <c r="O19335" t="s">
        <v>85</v>
      </c>
      <c r="P19335" t="s">
        <v>86</v>
      </c>
      <c r="Q19335">
        <v>42</v>
      </c>
      <c r="R19335">
        <v>42</v>
      </c>
      <c r="S19335">
        <v>42</v>
      </c>
      <c r="T19335">
        <v>42</v>
      </c>
      <c r="U19335">
        <v>42</v>
      </c>
      <c r="V19335">
        <v>42</v>
      </c>
      <c r="W19335">
        <v>43</v>
      </c>
      <c r="X19335">
        <v>43</v>
      </c>
      <c r="Y19335">
        <v>43</v>
      </c>
      <c r="Z19335">
        <v>43</v>
      </c>
      <c r="AA19335">
        <v>43</v>
      </c>
      <c r="AB19335">
        <v>44</v>
      </c>
      <c r="AC19335">
        <v>44</v>
      </c>
      <c r="AD19335">
        <v>44</v>
      </c>
      <c r="AE19335">
        <v>44</v>
      </c>
      <c r="AF19335">
        <v>44</v>
      </c>
      <c r="AG19335">
        <v>44</v>
      </c>
      <c r="AH19335">
        <v>45</v>
      </c>
      <c r="AI19335">
        <v>45</v>
      </c>
      <c r="AJ19335">
        <v>45</v>
      </c>
      <c r="AK19335">
        <v>45</v>
      </c>
      <c r="AL19335">
        <v>45</v>
      </c>
      <c r="AM19335">
        <v>45</v>
      </c>
      <c r="AN19335">
        <v>46</v>
      </c>
      <c r="AO19335">
        <v>46</v>
      </c>
      <c r="AP19335">
        <v>46</v>
      </c>
      <c r="AQ19335">
        <v>46</v>
      </c>
    </row>
    <row r="19336" spans="1:43">
      <c r="A19336" t="s">
        <v>11974</v>
      </c>
      <c r="B19336" t="s">
        <v>11975</v>
      </c>
      <c r="C19336" t="s">
        <v>11798</v>
      </c>
      <c r="D19336" t="s">
        <v>11799</v>
      </c>
      <c r="E19336" t="s">
        <v>11610</v>
      </c>
      <c r="F19336" t="s">
        <v>11611</v>
      </c>
      <c r="G19336" t="s">
        <v>11612</v>
      </c>
      <c r="H19336" t="s">
        <v>11613</v>
      </c>
      <c r="I19336" s="2">
        <v>0</v>
      </c>
      <c r="J19336" s="2">
        <v>0</v>
      </c>
      <c r="K19336" s="2">
        <v>1</v>
      </c>
      <c r="L19336" t="s">
        <v>995</v>
      </c>
      <c r="M19336" t="s">
        <v>89</v>
      </c>
      <c r="N19336" t="s">
        <v>90</v>
      </c>
      <c r="O19336" t="s">
        <v>85</v>
      </c>
      <c r="P19336" t="s">
        <v>86</v>
      </c>
      <c r="Q19336">
        <v>42</v>
      </c>
      <c r="R19336">
        <v>43</v>
      </c>
      <c r="S19336">
        <v>44</v>
      </c>
      <c r="T19336">
        <v>45</v>
      </c>
      <c r="U19336">
        <v>46</v>
      </c>
      <c r="V19336">
        <v>47</v>
      </c>
      <c r="W19336">
        <v>48</v>
      </c>
      <c r="X19336">
        <v>48</v>
      </c>
      <c r="Y19336">
        <v>49</v>
      </c>
      <c r="Z19336">
        <v>50</v>
      </c>
      <c r="AA19336">
        <v>51</v>
      </c>
      <c r="AB19336">
        <v>51</v>
      </c>
      <c r="AC19336">
        <v>52</v>
      </c>
      <c r="AD19336">
        <v>53</v>
      </c>
      <c r="AE19336">
        <v>53</v>
      </c>
      <c r="AF19336">
        <v>53</v>
      </c>
      <c r="AG19336">
        <v>53</v>
      </c>
      <c r="AH19336">
        <v>53</v>
      </c>
      <c r="AI19336">
        <v>53</v>
      </c>
      <c r="AJ19336">
        <v>53</v>
      </c>
      <c r="AK19336">
        <v>53</v>
      </c>
      <c r="AL19336">
        <v>53</v>
      </c>
      <c r="AM19336">
        <v>53</v>
      </c>
      <c r="AN19336">
        <v>53</v>
      </c>
      <c r="AO19336">
        <v>53</v>
      </c>
      <c r="AP19336">
        <v>53</v>
      </c>
      <c r="AQ19336">
        <v>53</v>
      </c>
    </row>
    <row r="19337" spans="1:43">
      <c r="A19337" t="s">
        <v>11974</v>
      </c>
      <c r="B19337" t="s">
        <v>11975</v>
      </c>
      <c r="C19337" t="s">
        <v>11798</v>
      </c>
      <c r="D19337" t="s">
        <v>11799</v>
      </c>
      <c r="E19337" t="s">
        <v>11610</v>
      </c>
      <c r="F19337" t="s">
        <v>11611</v>
      </c>
      <c r="G19337" t="s">
        <v>11612</v>
      </c>
      <c r="H19337" t="s">
        <v>11613</v>
      </c>
      <c r="I19337" s="2">
        <v>0</v>
      </c>
      <c r="J19337" s="2">
        <v>0</v>
      </c>
      <c r="K19337" s="2">
        <v>1</v>
      </c>
      <c r="L19337" t="s">
        <v>995</v>
      </c>
      <c r="M19337" t="s">
        <v>83</v>
      </c>
      <c r="N19337" t="s">
        <v>91</v>
      </c>
      <c r="O19337" t="s">
        <v>85</v>
      </c>
      <c r="P19337" t="s">
        <v>86</v>
      </c>
      <c r="Q19337">
        <v>42</v>
      </c>
      <c r="R19337">
        <v>43</v>
      </c>
      <c r="S19337">
        <v>43</v>
      </c>
      <c r="T19337">
        <v>44</v>
      </c>
      <c r="U19337">
        <v>44</v>
      </c>
      <c r="V19337">
        <v>45</v>
      </c>
      <c r="W19337">
        <v>45</v>
      </c>
      <c r="X19337">
        <v>46</v>
      </c>
      <c r="Y19337">
        <v>46</v>
      </c>
      <c r="Z19337">
        <v>47</v>
      </c>
      <c r="AA19337">
        <v>48</v>
      </c>
      <c r="AB19337">
        <v>48</v>
      </c>
      <c r="AC19337">
        <v>49</v>
      </c>
      <c r="AD19337">
        <v>49</v>
      </c>
      <c r="AE19337">
        <v>50</v>
      </c>
      <c r="AF19337">
        <v>50</v>
      </c>
      <c r="AG19337">
        <v>51</v>
      </c>
      <c r="AH19337">
        <v>51</v>
      </c>
      <c r="AI19337">
        <v>52</v>
      </c>
      <c r="AJ19337">
        <v>52</v>
      </c>
      <c r="AK19337">
        <v>53</v>
      </c>
      <c r="AL19337">
        <v>53</v>
      </c>
      <c r="AM19337">
        <v>53</v>
      </c>
      <c r="AN19337">
        <v>53</v>
      </c>
      <c r="AO19337">
        <v>53</v>
      </c>
      <c r="AP19337">
        <v>53</v>
      </c>
      <c r="AQ19337">
        <v>53</v>
      </c>
    </row>
    <row r="19338" spans="1:43">
      <c r="A19338" t="s">
        <v>11976</v>
      </c>
      <c r="B19338" t="s">
        <v>11977</v>
      </c>
      <c r="C19338" t="s">
        <v>11806</v>
      </c>
      <c r="D19338" t="s">
        <v>11807</v>
      </c>
      <c r="E19338" t="s">
        <v>11610</v>
      </c>
      <c r="F19338" t="s">
        <v>11611</v>
      </c>
      <c r="G19338" t="s">
        <v>11612</v>
      </c>
      <c r="H19338" t="s">
        <v>11613</v>
      </c>
      <c r="I19338" s="2">
        <v>0</v>
      </c>
      <c r="J19338" s="2">
        <v>0</v>
      </c>
      <c r="K19338" s="2">
        <v>1</v>
      </c>
      <c r="L19338" t="s">
        <v>995</v>
      </c>
      <c r="M19338" t="s">
        <v>83</v>
      </c>
      <c r="N19338" t="s">
        <v>84</v>
      </c>
      <c r="O19338" t="s">
        <v>85</v>
      </c>
      <c r="P19338" t="s">
        <v>86</v>
      </c>
      <c r="Q19338">
        <v>39</v>
      </c>
      <c r="R19338">
        <v>40</v>
      </c>
      <c r="S19338">
        <v>40</v>
      </c>
      <c r="T19338">
        <v>41</v>
      </c>
      <c r="U19338">
        <v>41</v>
      </c>
      <c r="V19338">
        <v>42</v>
      </c>
      <c r="W19338">
        <v>43</v>
      </c>
      <c r="X19338">
        <v>43</v>
      </c>
      <c r="Y19338">
        <v>44</v>
      </c>
      <c r="Z19338">
        <v>44</v>
      </c>
      <c r="AA19338">
        <v>45</v>
      </c>
      <c r="AB19338">
        <v>45</v>
      </c>
      <c r="AC19338">
        <v>46</v>
      </c>
      <c r="AD19338">
        <v>46</v>
      </c>
      <c r="AE19338">
        <v>47</v>
      </c>
      <c r="AF19338">
        <v>47</v>
      </c>
      <c r="AG19338">
        <v>48</v>
      </c>
      <c r="AH19338">
        <v>48</v>
      </c>
      <c r="AI19338">
        <v>49</v>
      </c>
      <c r="AJ19338">
        <v>49</v>
      </c>
      <c r="AK19338">
        <v>49</v>
      </c>
      <c r="AL19338">
        <v>50</v>
      </c>
      <c r="AM19338">
        <v>50</v>
      </c>
      <c r="AN19338">
        <v>50</v>
      </c>
      <c r="AO19338">
        <v>50</v>
      </c>
      <c r="AP19338">
        <v>50</v>
      </c>
      <c r="AQ19338">
        <v>50</v>
      </c>
    </row>
    <row r="19339" spans="1:43">
      <c r="A19339" t="s">
        <v>11976</v>
      </c>
      <c r="B19339" t="s">
        <v>11977</v>
      </c>
      <c r="C19339" t="s">
        <v>11806</v>
      </c>
      <c r="D19339" t="s">
        <v>11807</v>
      </c>
      <c r="E19339" t="s">
        <v>11610</v>
      </c>
      <c r="F19339" t="s">
        <v>11611</v>
      </c>
      <c r="G19339" t="s">
        <v>11612</v>
      </c>
      <c r="H19339" t="s">
        <v>11613</v>
      </c>
      <c r="I19339" s="2">
        <v>0</v>
      </c>
      <c r="J19339" s="2">
        <v>0</v>
      </c>
      <c r="K19339" s="2">
        <v>1</v>
      </c>
      <c r="L19339" t="s">
        <v>995</v>
      </c>
      <c r="M19339" t="s">
        <v>87</v>
      </c>
      <c r="N19339" t="s">
        <v>88</v>
      </c>
      <c r="O19339" t="s">
        <v>85</v>
      </c>
      <c r="P19339" t="s">
        <v>86</v>
      </c>
      <c r="Q19339">
        <v>39</v>
      </c>
      <c r="R19339">
        <v>39</v>
      </c>
      <c r="S19339">
        <v>39</v>
      </c>
      <c r="T19339">
        <v>39</v>
      </c>
      <c r="U19339">
        <v>40</v>
      </c>
      <c r="V19339">
        <v>40</v>
      </c>
      <c r="W19339">
        <v>40</v>
      </c>
      <c r="X19339">
        <v>40</v>
      </c>
      <c r="Y19339">
        <v>40</v>
      </c>
      <c r="Z19339">
        <v>40</v>
      </c>
      <c r="AA19339">
        <v>41</v>
      </c>
      <c r="AB19339">
        <v>41</v>
      </c>
      <c r="AC19339">
        <v>41</v>
      </c>
      <c r="AD19339">
        <v>41</v>
      </c>
      <c r="AE19339">
        <v>41</v>
      </c>
      <c r="AF19339">
        <v>41</v>
      </c>
      <c r="AG19339">
        <v>42</v>
      </c>
      <c r="AH19339">
        <v>42</v>
      </c>
      <c r="AI19339">
        <v>42</v>
      </c>
      <c r="AJ19339">
        <v>42</v>
      </c>
      <c r="AK19339">
        <v>42</v>
      </c>
      <c r="AL19339">
        <v>42</v>
      </c>
      <c r="AM19339">
        <v>43</v>
      </c>
      <c r="AN19339">
        <v>43</v>
      </c>
      <c r="AO19339">
        <v>43</v>
      </c>
      <c r="AP19339">
        <v>43</v>
      </c>
      <c r="AQ19339">
        <v>43</v>
      </c>
    </row>
    <row r="19340" spans="1:43">
      <c r="A19340" t="s">
        <v>11976</v>
      </c>
      <c r="B19340" t="s">
        <v>11977</v>
      </c>
      <c r="C19340" t="s">
        <v>11806</v>
      </c>
      <c r="D19340" t="s">
        <v>11807</v>
      </c>
      <c r="E19340" t="s">
        <v>11610</v>
      </c>
      <c r="F19340" t="s">
        <v>11611</v>
      </c>
      <c r="G19340" t="s">
        <v>11612</v>
      </c>
      <c r="H19340" t="s">
        <v>11613</v>
      </c>
      <c r="I19340" s="2">
        <v>0</v>
      </c>
      <c r="J19340" s="2">
        <v>0</v>
      </c>
      <c r="K19340" s="2">
        <v>1</v>
      </c>
      <c r="L19340" t="s">
        <v>995</v>
      </c>
      <c r="M19340" t="s">
        <v>89</v>
      </c>
      <c r="N19340" t="s">
        <v>90</v>
      </c>
      <c r="O19340" t="s">
        <v>85</v>
      </c>
      <c r="P19340" t="s">
        <v>86</v>
      </c>
      <c r="Q19340">
        <v>39</v>
      </c>
      <c r="R19340">
        <v>40</v>
      </c>
      <c r="S19340">
        <v>40</v>
      </c>
      <c r="T19340">
        <v>41</v>
      </c>
      <c r="U19340">
        <v>42</v>
      </c>
      <c r="V19340">
        <v>43</v>
      </c>
      <c r="W19340">
        <v>44</v>
      </c>
      <c r="X19340">
        <v>44</v>
      </c>
      <c r="Y19340">
        <v>45</v>
      </c>
      <c r="Z19340">
        <v>46</v>
      </c>
      <c r="AA19340">
        <v>46</v>
      </c>
      <c r="AB19340">
        <v>47</v>
      </c>
      <c r="AC19340">
        <v>48</v>
      </c>
      <c r="AD19340">
        <v>48</v>
      </c>
      <c r="AE19340">
        <v>49</v>
      </c>
      <c r="AF19340">
        <v>49</v>
      </c>
      <c r="AG19340">
        <v>49</v>
      </c>
      <c r="AH19340">
        <v>49</v>
      </c>
      <c r="AI19340">
        <v>49</v>
      </c>
      <c r="AJ19340">
        <v>49</v>
      </c>
      <c r="AK19340">
        <v>49</v>
      </c>
      <c r="AL19340">
        <v>49</v>
      </c>
      <c r="AM19340">
        <v>49</v>
      </c>
      <c r="AN19340">
        <v>49</v>
      </c>
      <c r="AO19340">
        <v>49</v>
      </c>
      <c r="AP19340">
        <v>49</v>
      </c>
      <c r="AQ19340">
        <v>49</v>
      </c>
    </row>
    <row r="19341" spans="1:43">
      <c r="A19341" t="s">
        <v>11976</v>
      </c>
      <c r="B19341" t="s">
        <v>11977</v>
      </c>
      <c r="C19341" t="s">
        <v>11806</v>
      </c>
      <c r="D19341" t="s">
        <v>11807</v>
      </c>
      <c r="E19341" t="s">
        <v>11610</v>
      </c>
      <c r="F19341" t="s">
        <v>11611</v>
      </c>
      <c r="G19341" t="s">
        <v>11612</v>
      </c>
      <c r="H19341" t="s">
        <v>11613</v>
      </c>
      <c r="I19341" s="2">
        <v>0</v>
      </c>
      <c r="J19341" s="2">
        <v>0</v>
      </c>
      <c r="K19341" s="2">
        <v>1</v>
      </c>
      <c r="L19341" t="s">
        <v>995</v>
      </c>
      <c r="M19341" t="s">
        <v>83</v>
      </c>
      <c r="N19341" t="s">
        <v>91</v>
      </c>
      <c r="O19341" t="s">
        <v>85</v>
      </c>
      <c r="P19341" t="s">
        <v>86</v>
      </c>
      <c r="Q19341">
        <v>39</v>
      </c>
      <c r="R19341">
        <v>40</v>
      </c>
      <c r="S19341">
        <v>40</v>
      </c>
      <c r="T19341">
        <v>41</v>
      </c>
      <c r="U19341">
        <v>41</v>
      </c>
      <c r="V19341">
        <v>42</v>
      </c>
      <c r="W19341">
        <v>43</v>
      </c>
      <c r="X19341">
        <v>43</v>
      </c>
      <c r="Y19341">
        <v>44</v>
      </c>
      <c r="Z19341">
        <v>44</v>
      </c>
      <c r="AA19341">
        <v>45</v>
      </c>
      <c r="AB19341">
        <v>45</v>
      </c>
      <c r="AC19341">
        <v>46</v>
      </c>
      <c r="AD19341">
        <v>46</v>
      </c>
      <c r="AE19341">
        <v>47</v>
      </c>
      <c r="AF19341">
        <v>47</v>
      </c>
      <c r="AG19341">
        <v>48</v>
      </c>
      <c r="AH19341">
        <v>48</v>
      </c>
      <c r="AI19341">
        <v>49</v>
      </c>
      <c r="AJ19341">
        <v>49</v>
      </c>
      <c r="AK19341">
        <v>49</v>
      </c>
      <c r="AL19341">
        <v>50</v>
      </c>
      <c r="AM19341">
        <v>50</v>
      </c>
      <c r="AN19341">
        <v>50</v>
      </c>
      <c r="AO19341">
        <v>50</v>
      </c>
      <c r="AP19341">
        <v>50</v>
      </c>
      <c r="AQ19341">
        <v>50</v>
      </c>
    </row>
    <row r="19342" spans="1:43">
      <c r="A19342" t="s">
        <v>11978</v>
      </c>
      <c r="B19342" t="s">
        <v>11979</v>
      </c>
      <c r="C19342" t="s">
        <v>11934</v>
      </c>
      <c r="D19342" t="s">
        <v>11935</v>
      </c>
      <c r="E19342" t="s">
        <v>11610</v>
      </c>
      <c r="F19342" t="s">
        <v>11611</v>
      </c>
      <c r="G19342" t="s">
        <v>11612</v>
      </c>
      <c r="H19342" t="s">
        <v>11613</v>
      </c>
      <c r="I19342" s="2">
        <v>0</v>
      </c>
      <c r="J19342" s="2">
        <v>0</v>
      </c>
      <c r="K19342" s="2">
        <v>1</v>
      </c>
      <c r="L19342" t="s">
        <v>995</v>
      </c>
      <c r="M19342" t="s">
        <v>83</v>
      </c>
      <c r="N19342" t="s">
        <v>84</v>
      </c>
      <c r="O19342" t="s">
        <v>85</v>
      </c>
      <c r="P19342" t="s">
        <v>86</v>
      </c>
      <c r="Q19342">
        <v>56</v>
      </c>
      <c r="R19342">
        <v>56</v>
      </c>
      <c r="S19342">
        <v>57</v>
      </c>
      <c r="T19342">
        <v>58</v>
      </c>
      <c r="U19342">
        <v>59</v>
      </c>
      <c r="V19342">
        <v>59</v>
      </c>
      <c r="W19342">
        <v>60</v>
      </c>
      <c r="X19342">
        <v>61</v>
      </c>
      <c r="Y19342">
        <v>62</v>
      </c>
      <c r="Z19342">
        <v>62</v>
      </c>
      <c r="AA19342">
        <v>63</v>
      </c>
      <c r="AB19342">
        <v>64</v>
      </c>
      <c r="AC19342">
        <v>64</v>
      </c>
      <c r="AD19342">
        <v>65</v>
      </c>
      <c r="AE19342">
        <v>66</v>
      </c>
      <c r="AF19342">
        <v>66</v>
      </c>
      <c r="AG19342">
        <v>67</v>
      </c>
      <c r="AH19342">
        <v>68</v>
      </c>
      <c r="AI19342">
        <v>68</v>
      </c>
      <c r="AJ19342">
        <v>69</v>
      </c>
      <c r="AK19342">
        <v>70</v>
      </c>
      <c r="AL19342">
        <v>70</v>
      </c>
      <c r="AM19342">
        <v>70</v>
      </c>
      <c r="AN19342">
        <v>70</v>
      </c>
      <c r="AO19342">
        <v>70</v>
      </c>
      <c r="AP19342">
        <v>70</v>
      </c>
      <c r="AQ19342">
        <v>70</v>
      </c>
    </row>
    <row r="19343" spans="1:43">
      <c r="A19343" t="s">
        <v>11978</v>
      </c>
      <c r="B19343" t="s">
        <v>11979</v>
      </c>
      <c r="C19343" t="s">
        <v>11934</v>
      </c>
      <c r="D19343" t="s">
        <v>11935</v>
      </c>
      <c r="E19343" t="s">
        <v>11610</v>
      </c>
      <c r="F19343" t="s">
        <v>11611</v>
      </c>
      <c r="G19343" t="s">
        <v>11612</v>
      </c>
      <c r="H19343" t="s">
        <v>11613</v>
      </c>
      <c r="I19343" s="2">
        <v>0</v>
      </c>
      <c r="J19343" s="2">
        <v>0</v>
      </c>
      <c r="K19343" s="2">
        <v>1</v>
      </c>
      <c r="L19343" t="s">
        <v>995</v>
      </c>
      <c r="M19343" t="s">
        <v>87</v>
      </c>
      <c r="N19343" t="s">
        <v>88</v>
      </c>
      <c r="O19343" t="s">
        <v>85</v>
      </c>
      <c r="P19343" t="s">
        <v>86</v>
      </c>
      <c r="Q19343">
        <v>56</v>
      </c>
      <c r="R19343">
        <v>56</v>
      </c>
      <c r="S19343">
        <v>57</v>
      </c>
      <c r="T19343">
        <v>57</v>
      </c>
      <c r="U19343">
        <v>57</v>
      </c>
      <c r="V19343">
        <v>57</v>
      </c>
      <c r="W19343">
        <v>57</v>
      </c>
      <c r="X19343">
        <v>58</v>
      </c>
      <c r="Y19343">
        <v>58</v>
      </c>
      <c r="Z19343">
        <v>58</v>
      </c>
      <c r="AA19343">
        <v>58</v>
      </c>
      <c r="AB19343">
        <v>59</v>
      </c>
      <c r="AC19343">
        <v>59</v>
      </c>
      <c r="AD19343">
        <v>59</v>
      </c>
      <c r="AE19343">
        <v>59</v>
      </c>
      <c r="AF19343">
        <v>60</v>
      </c>
      <c r="AG19343">
        <v>60</v>
      </c>
      <c r="AH19343">
        <v>60</v>
      </c>
      <c r="AI19343">
        <v>60</v>
      </c>
      <c r="AJ19343">
        <v>61</v>
      </c>
      <c r="AK19343">
        <v>61</v>
      </c>
      <c r="AL19343">
        <v>61</v>
      </c>
      <c r="AM19343">
        <v>61</v>
      </c>
      <c r="AN19343">
        <v>61</v>
      </c>
      <c r="AO19343">
        <v>62</v>
      </c>
      <c r="AP19343">
        <v>62</v>
      </c>
      <c r="AQ19343">
        <v>62</v>
      </c>
    </row>
    <row r="19344" spans="1:43">
      <c r="A19344" t="s">
        <v>11978</v>
      </c>
      <c r="B19344" t="s">
        <v>11979</v>
      </c>
      <c r="C19344" t="s">
        <v>11934</v>
      </c>
      <c r="D19344" t="s">
        <v>11935</v>
      </c>
      <c r="E19344" t="s">
        <v>11610</v>
      </c>
      <c r="F19344" t="s">
        <v>11611</v>
      </c>
      <c r="G19344" t="s">
        <v>11612</v>
      </c>
      <c r="H19344" t="s">
        <v>11613</v>
      </c>
      <c r="I19344" s="2">
        <v>0</v>
      </c>
      <c r="J19344" s="2">
        <v>0</v>
      </c>
      <c r="K19344" s="2">
        <v>1</v>
      </c>
      <c r="L19344" t="s">
        <v>995</v>
      </c>
      <c r="M19344" t="s">
        <v>89</v>
      </c>
      <c r="N19344" t="s">
        <v>90</v>
      </c>
      <c r="O19344" t="s">
        <v>85</v>
      </c>
      <c r="P19344" t="s">
        <v>86</v>
      </c>
      <c r="Q19344">
        <v>56</v>
      </c>
      <c r="R19344">
        <v>57</v>
      </c>
      <c r="S19344">
        <v>59</v>
      </c>
      <c r="T19344">
        <v>60</v>
      </c>
      <c r="U19344">
        <v>61</v>
      </c>
      <c r="V19344">
        <v>62</v>
      </c>
      <c r="W19344">
        <v>63</v>
      </c>
      <c r="X19344">
        <v>64</v>
      </c>
      <c r="Y19344">
        <v>65</v>
      </c>
      <c r="Z19344">
        <v>66</v>
      </c>
      <c r="AA19344">
        <v>67</v>
      </c>
      <c r="AB19344">
        <v>68</v>
      </c>
      <c r="AC19344">
        <v>69</v>
      </c>
      <c r="AD19344">
        <v>70</v>
      </c>
      <c r="AE19344">
        <v>70</v>
      </c>
      <c r="AF19344">
        <v>70</v>
      </c>
      <c r="AG19344">
        <v>70</v>
      </c>
      <c r="AH19344">
        <v>70</v>
      </c>
      <c r="AI19344">
        <v>70</v>
      </c>
      <c r="AJ19344">
        <v>70</v>
      </c>
      <c r="AK19344">
        <v>70</v>
      </c>
      <c r="AL19344">
        <v>70</v>
      </c>
      <c r="AM19344">
        <v>70</v>
      </c>
      <c r="AN19344">
        <v>70</v>
      </c>
      <c r="AO19344">
        <v>70</v>
      </c>
      <c r="AP19344">
        <v>70</v>
      </c>
      <c r="AQ19344">
        <v>70</v>
      </c>
    </row>
    <row r="19345" spans="1:43">
      <c r="A19345" t="s">
        <v>11978</v>
      </c>
      <c r="B19345" t="s">
        <v>11979</v>
      </c>
      <c r="C19345" t="s">
        <v>11934</v>
      </c>
      <c r="D19345" t="s">
        <v>11935</v>
      </c>
      <c r="E19345" t="s">
        <v>11610</v>
      </c>
      <c r="F19345" t="s">
        <v>11611</v>
      </c>
      <c r="G19345" t="s">
        <v>11612</v>
      </c>
      <c r="H19345" t="s">
        <v>11613</v>
      </c>
      <c r="I19345" s="2">
        <v>0</v>
      </c>
      <c r="J19345" s="2">
        <v>0</v>
      </c>
      <c r="K19345" s="2">
        <v>1</v>
      </c>
      <c r="L19345" t="s">
        <v>995</v>
      </c>
      <c r="M19345" t="s">
        <v>83</v>
      </c>
      <c r="N19345" t="s">
        <v>91</v>
      </c>
      <c r="O19345" t="s">
        <v>85</v>
      </c>
      <c r="P19345" t="s">
        <v>86</v>
      </c>
      <c r="Q19345">
        <v>56</v>
      </c>
      <c r="R19345">
        <v>56</v>
      </c>
      <c r="S19345">
        <v>57</v>
      </c>
      <c r="T19345">
        <v>58</v>
      </c>
      <c r="U19345">
        <v>59</v>
      </c>
      <c r="V19345">
        <v>59</v>
      </c>
      <c r="W19345">
        <v>60</v>
      </c>
      <c r="X19345">
        <v>61</v>
      </c>
      <c r="Y19345">
        <v>62</v>
      </c>
      <c r="Z19345">
        <v>62</v>
      </c>
      <c r="AA19345">
        <v>63</v>
      </c>
      <c r="AB19345">
        <v>64</v>
      </c>
      <c r="AC19345">
        <v>64</v>
      </c>
      <c r="AD19345">
        <v>65</v>
      </c>
      <c r="AE19345">
        <v>66</v>
      </c>
      <c r="AF19345">
        <v>66</v>
      </c>
      <c r="AG19345">
        <v>67</v>
      </c>
      <c r="AH19345">
        <v>68</v>
      </c>
      <c r="AI19345">
        <v>68</v>
      </c>
      <c r="AJ19345">
        <v>69</v>
      </c>
      <c r="AK19345">
        <v>70</v>
      </c>
      <c r="AL19345">
        <v>70</v>
      </c>
      <c r="AM19345">
        <v>70</v>
      </c>
      <c r="AN19345">
        <v>70</v>
      </c>
      <c r="AO19345">
        <v>70</v>
      </c>
      <c r="AP19345">
        <v>70</v>
      </c>
      <c r="AQ19345">
        <v>70</v>
      </c>
    </row>
    <row r="19346" spans="1:43">
      <c r="A19346" t="s">
        <v>11980</v>
      </c>
      <c r="B19346" t="s">
        <v>11981</v>
      </c>
      <c r="C19346" t="s">
        <v>11806</v>
      </c>
      <c r="D19346" t="s">
        <v>11807</v>
      </c>
      <c r="E19346" t="s">
        <v>11610</v>
      </c>
      <c r="F19346" t="s">
        <v>11611</v>
      </c>
      <c r="G19346" t="s">
        <v>11612</v>
      </c>
      <c r="H19346" t="s">
        <v>11613</v>
      </c>
      <c r="I19346" s="2">
        <v>0</v>
      </c>
      <c r="J19346" s="2">
        <v>0</v>
      </c>
      <c r="K19346" s="2">
        <v>1</v>
      </c>
      <c r="L19346" t="s">
        <v>995</v>
      </c>
      <c r="M19346" t="s">
        <v>83</v>
      </c>
      <c r="N19346" t="s">
        <v>84</v>
      </c>
      <c r="O19346" t="s">
        <v>85</v>
      </c>
      <c r="P19346" t="s">
        <v>86</v>
      </c>
      <c r="Q19346">
        <v>21</v>
      </c>
      <c r="R19346">
        <v>21</v>
      </c>
      <c r="S19346">
        <v>21</v>
      </c>
      <c r="T19346">
        <v>21</v>
      </c>
      <c r="U19346">
        <v>22</v>
      </c>
      <c r="V19346">
        <v>22</v>
      </c>
      <c r="W19346">
        <v>22</v>
      </c>
      <c r="X19346">
        <v>23</v>
      </c>
      <c r="Y19346">
        <v>23</v>
      </c>
      <c r="Z19346">
        <v>23</v>
      </c>
      <c r="AA19346">
        <v>23</v>
      </c>
      <c r="AB19346">
        <v>24</v>
      </c>
      <c r="AC19346">
        <v>24</v>
      </c>
      <c r="AD19346">
        <v>24</v>
      </c>
      <c r="AE19346">
        <v>24</v>
      </c>
      <c r="AF19346">
        <v>25</v>
      </c>
      <c r="AG19346">
        <v>25</v>
      </c>
      <c r="AH19346">
        <v>25</v>
      </c>
      <c r="AI19346">
        <v>25</v>
      </c>
      <c r="AJ19346">
        <v>26</v>
      </c>
      <c r="AK19346">
        <v>26</v>
      </c>
      <c r="AL19346">
        <v>26</v>
      </c>
      <c r="AM19346">
        <v>26</v>
      </c>
      <c r="AN19346">
        <v>26</v>
      </c>
      <c r="AO19346">
        <v>26</v>
      </c>
      <c r="AP19346">
        <v>26</v>
      </c>
      <c r="AQ19346">
        <v>26</v>
      </c>
    </row>
    <row r="19347" spans="1:43">
      <c r="A19347" t="s">
        <v>11980</v>
      </c>
      <c r="B19347" t="s">
        <v>11981</v>
      </c>
      <c r="C19347" t="s">
        <v>11806</v>
      </c>
      <c r="D19347" t="s">
        <v>11807</v>
      </c>
      <c r="E19347" t="s">
        <v>11610</v>
      </c>
      <c r="F19347" t="s">
        <v>11611</v>
      </c>
      <c r="G19347" t="s">
        <v>11612</v>
      </c>
      <c r="H19347" t="s">
        <v>11613</v>
      </c>
      <c r="I19347" s="2">
        <v>0</v>
      </c>
      <c r="J19347" s="2">
        <v>0</v>
      </c>
      <c r="K19347" s="2">
        <v>1</v>
      </c>
      <c r="L19347" t="s">
        <v>995</v>
      </c>
      <c r="M19347" t="s">
        <v>87</v>
      </c>
      <c r="N19347" t="s">
        <v>88</v>
      </c>
      <c r="O19347" t="s">
        <v>85</v>
      </c>
      <c r="P19347" t="s">
        <v>86</v>
      </c>
      <c r="Q19347">
        <v>21</v>
      </c>
      <c r="R19347">
        <v>22</v>
      </c>
      <c r="S19347">
        <v>22</v>
      </c>
      <c r="T19347">
        <v>22</v>
      </c>
      <c r="U19347">
        <v>22</v>
      </c>
      <c r="V19347">
        <v>22</v>
      </c>
      <c r="W19347">
        <v>22</v>
      </c>
      <c r="X19347">
        <v>22</v>
      </c>
      <c r="Y19347">
        <v>22</v>
      </c>
      <c r="Z19347">
        <v>22</v>
      </c>
      <c r="AA19347">
        <v>22</v>
      </c>
      <c r="AB19347">
        <v>22</v>
      </c>
      <c r="AC19347">
        <v>22</v>
      </c>
      <c r="AD19347">
        <v>23</v>
      </c>
      <c r="AE19347">
        <v>23</v>
      </c>
      <c r="AF19347">
        <v>23</v>
      </c>
      <c r="AG19347">
        <v>23</v>
      </c>
      <c r="AH19347">
        <v>23</v>
      </c>
      <c r="AI19347">
        <v>23</v>
      </c>
      <c r="AJ19347">
        <v>23</v>
      </c>
      <c r="AK19347">
        <v>23</v>
      </c>
      <c r="AL19347">
        <v>23</v>
      </c>
      <c r="AM19347">
        <v>23</v>
      </c>
      <c r="AN19347">
        <v>23</v>
      </c>
      <c r="AO19347">
        <v>24</v>
      </c>
      <c r="AP19347">
        <v>24</v>
      </c>
      <c r="AQ19347">
        <v>24</v>
      </c>
    </row>
    <row r="19348" spans="1:43">
      <c r="A19348" t="s">
        <v>11980</v>
      </c>
      <c r="B19348" t="s">
        <v>11981</v>
      </c>
      <c r="C19348" t="s">
        <v>11806</v>
      </c>
      <c r="D19348" t="s">
        <v>11807</v>
      </c>
      <c r="E19348" t="s">
        <v>11610</v>
      </c>
      <c r="F19348" t="s">
        <v>11611</v>
      </c>
      <c r="G19348" t="s">
        <v>11612</v>
      </c>
      <c r="H19348" t="s">
        <v>11613</v>
      </c>
      <c r="I19348" s="2">
        <v>0</v>
      </c>
      <c r="J19348" s="2">
        <v>0</v>
      </c>
      <c r="K19348" s="2">
        <v>1</v>
      </c>
      <c r="L19348" t="s">
        <v>995</v>
      </c>
      <c r="M19348" t="s">
        <v>89</v>
      </c>
      <c r="N19348" t="s">
        <v>90</v>
      </c>
      <c r="O19348" t="s">
        <v>85</v>
      </c>
      <c r="P19348" t="s">
        <v>86</v>
      </c>
      <c r="Q19348">
        <v>21</v>
      </c>
      <c r="R19348">
        <v>21</v>
      </c>
      <c r="S19348">
        <v>22</v>
      </c>
      <c r="T19348">
        <v>22</v>
      </c>
      <c r="U19348">
        <v>23</v>
      </c>
      <c r="V19348">
        <v>23</v>
      </c>
      <c r="W19348">
        <v>23</v>
      </c>
      <c r="X19348">
        <v>24</v>
      </c>
      <c r="Y19348">
        <v>24</v>
      </c>
      <c r="Z19348">
        <v>25</v>
      </c>
      <c r="AA19348">
        <v>25</v>
      </c>
      <c r="AB19348">
        <v>25</v>
      </c>
      <c r="AC19348">
        <v>26</v>
      </c>
      <c r="AD19348">
        <v>26</v>
      </c>
      <c r="AE19348">
        <v>26</v>
      </c>
      <c r="AF19348">
        <v>26</v>
      </c>
      <c r="AG19348">
        <v>26</v>
      </c>
      <c r="AH19348">
        <v>26</v>
      </c>
      <c r="AI19348">
        <v>26</v>
      </c>
      <c r="AJ19348">
        <v>26</v>
      </c>
      <c r="AK19348">
        <v>26</v>
      </c>
      <c r="AL19348">
        <v>26</v>
      </c>
      <c r="AM19348">
        <v>26</v>
      </c>
      <c r="AN19348">
        <v>26</v>
      </c>
      <c r="AO19348">
        <v>26</v>
      </c>
      <c r="AP19348">
        <v>26</v>
      </c>
      <c r="AQ19348">
        <v>26</v>
      </c>
    </row>
    <row r="19349" spans="1:43">
      <c r="A19349" t="s">
        <v>11980</v>
      </c>
      <c r="B19349" t="s">
        <v>11981</v>
      </c>
      <c r="C19349" t="s">
        <v>11806</v>
      </c>
      <c r="D19349" t="s">
        <v>11807</v>
      </c>
      <c r="E19349" t="s">
        <v>11610</v>
      </c>
      <c r="F19349" t="s">
        <v>11611</v>
      </c>
      <c r="G19349" t="s">
        <v>11612</v>
      </c>
      <c r="H19349" t="s">
        <v>11613</v>
      </c>
      <c r="I19349" s="2">
        <v>0</v>
      </c>
      <c r="J19349" s="2">
        <v>0</v>
      </c>
      <c r="K19349" s="2">
        <v>1</v>
      </c>
      <c r="L19349" t="s">
        <v>995</v>
      </c>
      <c r="M19349" t="s">
        <v>83</v>
      </c>
      <c r="N19349" t="s">
        <v>91</v>
      </c>
      <c r="O19349" t="s">
        <v>85</v>
      </c>
      <c r="P19349" t="s">
        <v>86</v>
      </c>
      <c r="Q19349">
        <v>21</v>
      </c>
      <c r="R19349">
        <v>21</v>
      </c>
      <c r="S19349">
        <v>21</v>
      </c>
      <c r="T19349">
        <v>21</v>
      </c>
      <c r="U19349">
        <v>22</v>
      </c>
      <c r="V19349">
        <v>22</v>
      </c>
      <c r="W19349">
        <v>22</v>
      </c>
      <c r="X19349">
        <v>23</v>
      </c>
      <c r="Y19349">
        <v>23</v>
      </c>
      <c r="Z19349">
        <v>23</v>
      </c>
      <c r="AA19349">
        <v>23</v>
      </c>
      <c r="AB19349">
        <v>24</v>
      </c>
      <c r="AC19349">
        <v>24</v>
      </c>
      <c r="AD19349">
        <v>24</v>
      </c>
      <c r="AE19349">
        <v>24</v>
      </c>
      <c r="AF19349">
        <v>25</v>
      </c>
      <c r="AG19349">
        <v>25</v>
      </c>
      <c r="AH19349">
        <v>25</v>
      </c>
      <c r="AI19349">
        <v>25</v>
      </c>
      <c r="AJ19349">
        <v>26</v>
      </c>
      <c r="AK19349">
        <v>26</v>
      </c>
      <c r="AL19349">
        <v>26</v>
      </c>
      <c r="AM19349">
        <v>26</v>
      </c>
      <c r="AN19349">
        <v>26</v>
      </c>
      <c r="AO19349">
        <v>26</v>
      </c>
      <c r="AP19349">
        <v>26</v>
      </c>
      <c r="AQ19349">
        <v>26</v>
      </c>
    </row>
    <row r="19350" spans="1:43">
      <c r="A19350" t="s">
        <v>11982</v>
      </c>
      <c r="B19350" t="s">
        <v>11983</v>
      </c>
      <c r="C19350" t="s">
        <v>11934</v>
      </c>
      <c r="D19350" t="s">
        <v>11935</v>
      </c>
      <c r="E19350" t="s">
        <v>11610</v>
      </c>
      <c r="F19350" t="s">
        <v>11611</v>
      </c>
      <c r="G19350" t="s">
        <v>11612</v>
      </c>
      <c r="H19350" t="s">
        <v>11613</v>
      </c>
      <c r="I19350" s="2">
        <v>0</v>
      </c>
      <c r="J19350" s="2">
        <v>0</v>
      </c>
      <c r="K19350" s="2">
        <v>1</v>
      </c>
      <c r="L19350" t="s">
        <v>995</v>
      </c>
      <c r="M19350" t="s">
        <v>83</v>
      </c>
      <c r="N19350" t="s">
        <v>84</v>
      </c>
      <c r="O19350" t="s">
        <v>85</v>
      </c>
      <c r="P19350" t="s">
        <v>86</v>
      </c>
      <c r="Q19350">
        <v>46</v>
      </c>
      <c r="R19350">
        <v>47</v>
      </c>
      <c r="S19350">
        <v>48</v>
      </c>
      <c r="T19350">
        <v>48</v>
      </c>
      <c r="U19350">
        <v>49</v>
      </c>
      <c r="V19350">
        <v>50</v>
      </c>
      <c r="W19350">
        <v>50</v>
      </c>
      <c r="X19350">
        <v>51</v>
      </c>
      <c r="Y19350">
        <v>51</v>
      </c>
      <c r="Z19350">
        <v>52</v>
      </c>
      <c r="AA19350">
        <v>53</v>
      </c>
      <c r="AB19350">
        <v>53</v>
      </c>
      <c r="AC19350">
        <v>54</v>
      </c>
      <c r="AD19350">
        <v>54</v>
      </c>
      <c r="AE19350">
        <v>55</v>
      </c>
      <c r="AF19350">
        <v>56</v>
      </c>
      <c r="AG19350">
        <v>56</v>
      </c>
      <c r="AH19350">
        <v>57</v>
      </c>
      <c r="AI19350">
        <v>57</v>
      </c>
      <c r="AJ19350">
        <v>58</v>
      </c>
      <c r="AK19350">
        <v>58</v>
      </c>
      <c r="AL19350">
        <v>58</v>
      </c>
      <c r="AM19350">
        <v>59</v>
      </c>
      <c r="AN19350">
        <v>59</v>
      </c>
      <c r="AO19350">
        <v>59</v>
      </c>
      <c r="AP19350">
        <v>59</v>
      </c>
      <c r="AQ19350">
        <v>59</v>
      </c>
    </row>
    <row r="19351" spans="1:43">
      <c r="A19351" t="s">
        <v>11982</v>
      </c>
      <c r="B19351" t="s">
        <v>11983</v>
      </c>
      <c r="C19351" t="s">
        <v>11934</v>
      </c>
      <c r="D19351" t="s">
        <v>11935</v>
      </c>
      <c r="E19351" t="s">
        <v>11610</v>
      </c>
      <c r="F19351" t="s">
        <v>11611</v>
      </c>
      <c r="G19351" t="s">
        <v>11612</v>
      </c>
      <c r="H19351" t="s">
        <v>11613</v>
      </c>
      <c r="I19351" s="2">
        <v>0</v>
      </c>
      <c r="J19351" s="2">
        <v>0</v>
      </c>
      <c r="K19351" s="2">
        <v>1</v>
      </c>
      <c r="L19351" t="s">
        <v>995</v>
      </c>
      <c r="M19351" t="s">
        <v>87</v>
      </c>
      <c r="N19351" t="s">
        <v>88</v>
      </c>
      <c r="O19351" t="s">
        <v>85</v>
      </c>
      <c r="P19351" t="s">
        <v>86</v>
      </c>
      <c r="Q19351">
        <v>46</v>
      </c>
      <c r="R19351">
        <v>46</v>
      </c>
      <c r="S19351">
        <v>46</v>
      </c>
      <c r="T19351">
        <v>47</v>
      </c>
      <c r="U19351">
        <v>47</v>
      </c>
      <c r="V19351">
        <v>47</v>
      </c>
      <c r="W19351">
        <v>47</v>
      </c>
      <c r="X19351">
        <v>47</v>
      </c>
      <c r="Y19351">
        <v>48</v>
      </c>
      <c r="Z19351">
        <v>48</v>
      </c>
      <c r="AA19351">
        <v>48</v>
      </c>
      <c r="AB19351">
        <v>48</v>
      </c>
      <c r="AC19351">
        <v>48</v>
      </c>
      <c r="AD19351">
        <v>49</v>
      </c>
      <c r="AE19351">
        <v>49</v>
      </c>
      <c r="AF19351">
        <v>49</v>
      </c>
      <c r="AG19351">
        <v>49</v>
      </c>
      <c r="AH19351">
        <v>49</v>
      </c>
      <c r="AI19351">
        <v>50</v>
      </c>
      <c r="AJ19351">
        <v>50</v>
      </c>
      <c r="AK19351">
        <v>50</v>
      </c>
      <c r="AL19351">
        <v>50</v>
      </c>
      <c r="AM19351">
        <v>50</v>
      </c>
      <c r="AN19351">
        <v>50</v>
      </c>
      <c r="AO19351">
        <v>51</v>
      </c>
      <c r="AP19351">
        <v>51</v>
      </c>
      <c r="AQ19351">
        <v>51</v>
      </c>
    </row>
    <row r="19352" spans="1:43">
      <c r="A19352" t="s">
        <v>11982</v>
      </c>
      <c r="B19352" t="s">
        <v>11983</v>
      </c>
      <c r="C19352" t="s">
        <v>11934</v>
      </c>
      <c r="D19352" t="s">
        <v>11935</v>
      </c>
      <c r="E19352" t="s">
        <v>11610</v>
      </c>
      <c r="F19352" t="s">
        <v>11611</v>
      </c>
      <c r="G19352" t="s">
        <v>11612</v>
      </c>
      <c r="H19352" t="s">
        <v>11613</v>
      </c>
      <c r="I19352" s="2">
        <v>0</v>
      </c>
      <c r="J19352" s="2">
        <v>0</v>
      </c>
      <c r="K19352" s="2">
        <v>1</v>
      </c>
      <c r="L19352" t="s">
        <v>995</v>
      </c>
      <c r="M19352" t="s">
        <v>89</v>
      </c>
      <c r="N19352" t="s">
        <v>90</v>
      </c>
      <c r="O19352" t="s">
        <v>85</v>
      </c>
      <c r="P19352" t="s">
        <v>86</v>
      </c>
      <c r="Q19352">
        <v>46</v>
      </c>
      <c r="R19352">
        <v>47</v>
      </c>
      <c r="S19352">
        <v>48</v>
      </c>
      <c r="T19352">
        <v>49</v>
      </c>
      <c r="U19352">
        <v>50</v>
      </c>
      <c r="V19352">
        <v>51</v>
      </c>
      <c r="W19352">
        <v>52</v>
      </c>
      <c r="X19352">
        <v>53</v>
      </c>
      <c r="Y19352">
        <v>53</v>
      </c>
      <c r="Z19352">
        <v>54</v>
      </c>
      <c r="AA19352">
        <v>55</v>
      </c>
      <c r="AB19352">
        <v>56</v>
      </c>
      <c r="AC19352">
        <v>57</v>
      </c>
      <c r="AD19352">
        <v>57</v>
      </c>
      <c r="AE19352">
        <v>58</v>
      </c>
      <c r="AF19352">
        <v>58</v>
      </c>
      <c r="AG19352">
        <v>58</v>
      </c>
      <c r="AH19352">
        <v>58</v>
      </c>
      <c r="AI19352">
        <v>58</v>
      </c>
      <c r="AJ19352">
        <v>58</v>
      </c>
      <c r="AK19352">
        <v>58</v>
      </c>
      <c r="AL19352">
        <v>58</v>
      </c>
      <c r="AM19352">
        <v>58</v>
      </c>
      <c r="AN19352">
        <v>58</v>
      </c>
      <c r="AO19352">
        <v>58</v>
      </c>
      <c r="AP19352">
        <v>58</v>
      </c>
      <c r="AQ19352">
        <v>58</v>
      </c>
    </row>
    <row r="19353" spans="1:43">
      <c r="A19353" t="s">
        <v>11982</v>
      </c>
      <c r="B19353" t="s">
        <v>11983</v>
      </c>
      <c r="C19353" t="s">
        <v>11934</v>
      </c>
      <c r="D19353" t="s">
        <v>11935</v>
      </c>
      <c r="E19353" t="s">
        <v>11610</v>
      </c>
      <c r="F19353" t="s">
        <v>11611</v>
      </c>
      <c r="G19353" t="s">
        <v>11612</v>
      </c>
      <c r="H19353" t="s">
        <v>11613</v>
      </c>
      <c r="I19353" s="2">
        <v>0</v>
      </c>
      <c r="J19353" s="2">
        <v>0</v>
      </c>
      <c r="K19353" s="2">
        <v>1</v>
      </c>
      <c r="L19353" t="s">
        <v>995</v>
      </c>
      <c r="M19353" t="s">
        <v>83</v>
      </c>
      <c r="N19353" t="s">
        <v>91</v>
      </c>
      <c r="O19353" t="s">
        <v>85</v>
      </c>
      <c r="P19353" t="s">
        <v>86</v>
      </c>
      <c r="Q19353">
        <v>46</v>
      </c>
      <c r="R19353">
        <v>47</v>
      </c>
      <c r="S19353">
        <v>48</v>
      </c>
      <c r="T19353">
        <v>48</v>
      </c>
      <c r="U19353">
        <v>49</v>
      </c>
      <c r="V19353">
        <v>50</v>
      </c>
      <c r="W19353">
        <v>50</v>
      </c>
      <c r="X19353">
        <v>51</v>
      </c>
      <c r="Y19353">
        <v>51</v>
      </c>
      <c r="Z19353">
        <v>52</v>
      </c>
      <c r="AA19353">
        <v>53</v>
      </c>
      <c r="AB19353">
        <v>53</v>
      </c>
      <c r="AC19353">
        <v>54</v>
      </c>
      <c r="AD19353">
        <v>54</v>
      </c>
      <c r="AE19353">
        <v>55</v>
      </c>
      <c r="AF19353">
        <v>56</v>
      </c>
      <c r="AG19353">
        <v>56</v>
      </c>
      <c r="AH19353">
        <v>57</v>
      </c>
      <c r="AI19353">
        <v>57</v>
      </c>
      <c r="AJ19353">
        <v>58</v>
      </c>
      <c r="AK19353">
        <v>58</v>
      </c>
      <c r="AL19353">
        <v>58</v>
      </c>
      <c r="AM19353">
        <v>59</v>
      </c>
      <c r="AN19353">
        <v>59</v>
      </c>
      <c r="AO19353">
        <v>59</v>
      </c>
      <c r="AP19353">
        <v>59</v>
      </c>
      <c r="AQ19353">
        <v>59</v>
      </c>
    </row>
    <row r="19354" spans="1:43">
      <c r="A19354" t="s">
        <v>11984</v>
      </c>
      <c r="B19354" t="s">
        <v>11985</v>
      </c>
      <c r="C19354" t="s">
        <v>11934</v>
      </c>
      <c r="D19354" t="s">
        <v>11935</v>
      </c>
      <c r="E19354" t="s">
        <v>11610</v>
      </c>
      <c r="F19354" t="s">
        <v>11611</v>
      </c>
      <c r="G19354" t="s">
        <v>11612</v>
      </c>
      <c r="H19354" t="s">
        <v>11613</v>
      </c>
      <c r="I19354" s="2">
        <v>0</v>
      </c>
      <c r="J19354" s="2">
        <v>0</v>
      </c>
      <c r="K19354" s="2">
        <v>1</v>
      </c>
      <c r="L19354" t="s">
        <v>995</v>
      </c>
      <c r="M19354" t="s">
        <v>83</v>
      </c>
      <c r="N19354" t="s">
        <v>84</v>
      </c>
      <c r="O19354" t="s">
        <v>85</v>
      </c>
      <c r="P19354" t="s">
        <v>86</v>
      </c>
      <c r="Q19354">
        <v>12</v>
      </c>
      <c r="R19354">
        <v>12</v>
      </c>
      <c r="S19354">
        <v>12</v>
      </c>
      <c r="T19354">
        <v>12</v>
      </c>
      <c r="U19354">
        <v>12</v>
      </c>
      <c r="V19354">
        <v>12</v>
      </c>
      <c r="W19354">
        <v>13</v>
      </c>
      <c r="X19354">
        <v>13</v>
      </c>
      <c r="Y19354">
        <v>13</v>
      </c>
      <c r="Z19354">
        <v>13</v>
      </c>
      <c r="AA19354">
        <v>13</v>
      </c>
      <c r="AB19354">
        <v>13</v>
      </c>
      <c r="AC19354">
        <v>13</v>
      </c>
      <c r="AD19354">
        <v>14</v>
      </c>
      <c r="AE19354">
        <v>14</v>
      </c>
      <c r="AF19354">
        <v>14</v>
      </c>
      <c r="AG19354">
        <v>14</v>
      </c>
      <c r="AH19354">
        <v>14</v>
      </c>
      <c r="AI19354">
        <v>14</v>
      </c>
      <c r="AJ19354">
        <v>14</v>
      </c>
      <c r="AK19354">
        <v>15</v>
      </c>
      <c r="AL19354">
        <v>15</v>
      </c>
      <c r="AM19354">
        <v>15</v>
      </c>
      <c r="AN19354">
        <v>15</v>
      </c>
      <c r="AO19354">
        <v>15</v>
      </c>
      <c r="AP19354">
        <v>15</v>
      </c>
      <c r="AQ19354">
        <v>15</v>
      </c>
    </row>
    <row r="19355" spans="1:43">
      <c r="A19355" t="s">
        <v>11984</v>
      </c>
      <c r="B19355" t="s">
        <v>11985</v>
      </c>
      <c r="C19355" t="s">
        <v>11934</v>
      </c>
      <c r="D19355" t="s">
        <v>11935</v>
      </c>
      <c r="E19355" t="s">
        <v>11610</v>
      </c>
      <c r="F19355" t="s">
        <v>11611</v>
      </c>
      <c r="G19355" t="s">
        <v>11612</v>
      </c>
      <c r="H19355" t="s">
        <v>11613</v>
      </c>
      <c r="I19355" s="2">
        <v>0</v>
      </c>
      <c r="J19355" s="2">
        <v>0</v>
      </c>
      <c r="K19355" s="2">
        <v>1</v>
      </c>
      <c r="L19355" t="s">
        <v>995</v>
      </c>
      <c r="M19355" t="s">
        <v>87</v>
      </c>
      <c r="N19355" t="s">
        <v>88</v>
      </c>
      <c r="O19355" t="s">
        <v>85</v>
      </c>
      <c r="P19355" t="s">
        <v>86</v>
      </c>
      <c r="Q19355">
        <v>12</v>
      </c>
      <c r="R19355">
        <v>13</v>
      </c>
      <c r="S19355">
        <v>13</v>
      </c>
      <c r="T19355">
        <v>13</v>
      </c>
      <c r="U19355">
        <v>13</v>
      </c>
      <c r="V19355">
        <v>13</v>
      </c>
      <c r="W19355">
        <v>13</v>
      </c>
      <c r="X19355">
        <v>13</v>
      </c>
      <c r="Y19355">
        <v>13</v>
      </c>
      <c r="Z19355">
        <v>13</v>
      </c>
      <c r="AA19355">
        <v>13</v>
      </c>
      <c r="AB19355">
        <v>13</v>
      </c>
      <c r="AC19355">
        <v>13</v>
      </c>
      <c r="AD19355">
        <v>13</v>
      </c>
      <c r="AE19355">
        <v>13</v>
      </c>
      <c r="AF19355">
        <v>13</v>
      </c>
      <c r="AG19355">
        <v>13</v>
      </c>
      <c r="AH19355">
        <v>13</v>
      </c>
      <c r="AI19355">
        <v>13</v>
      </c>
      <c r="AJ19355">
        <v>13</v>
      </c>
      <c r="AK19355">
        <v>13</v>
      </c>
      <c r="AL19355">
        <v>14</v>
      </c>
      <c r="AM19355">
        <v>14</v>
      </c>
      <c r="AN19355">
        <v>14</v>
      </c>
      <c r="AO19355">
        <v>14</v>
      </c>
      <c r="AP19355">
        <v>14</v>
      </c>
      <c r="AQ19355">
        <v>14</v>
      </c>
    </row>
    <row r="19356" spans="1:43">
      <c r="A19356" t="s">
        <v>11984</v>
      </c>
      <c r="B19356" t="s">
        <v>11985</v>
      </c>
      <c r="C19356" t="s">
        <v>11934</v>
      </c>
      <c r="D19356" t="s">
        <v>11935</v>
      </c>
      <c r="E19356" t="s">
        <v>11610</v>
      </c>
      <c r="F19356" t="s">
        <v>11611</v>
      </c>
      <c r="G19356" t="s">
        <v>11612</v>
      </c>
      <c r="H19356" t="s">
        <v>11613</v>
      </c>
      <c r="I19356" s="2">
        <v>0</v>
      </c>
      <c r="J19356" s="2">
        <v>0</v>
      </c>
      <c r="K19356" s="2">
        <v>1</v>
      </c>
      <c r="L19356" t="s">
        <v>995</v>
      </c>
      <c r="M19356" t="s">
        <v>89</v>
      </c>
      <c r="N19356" t="s">
        <v>90</v>
      </c>
      <c r="O19356" t="s">
        <v>85</v>
      </c>
      <c r="P19356" t="s">
        <v>86</v>
      </c>
      <c r="Q19356">
        <v>12</v>
      </c>
      <c r="R19356">
        <v>12</v>
      </c>
      <c r="S19356">
        <v>12</v>
      </c>
      <c r="T19356">
        <v>12</v>
      </c>
      <c r="U19356">
        <v>13</v>
      </c>
      <c r="V19356">
        <v>13</v>
      </c>
      <c r="W19356">
        <v>13</v>
      </c>
      <c r="X19356">
        <v>13</v>
      </c>
      <c r="Y19356">
        <v>14</v>
      </c>
      <c r="Z19356">
        <v>14</v>
      </c>
      <c r="AA19356">
        <v>14</v>
      </c>
      <c r="AB19356">
        <v>14</v>
      </c>
      <c r="AC19356">
        <v>14</v>
      </c>
      <c r="AD19356">
        <v>15</v>
      </c>
      <c r="AE19356">
        <v>15</v>
      </c>
      <c r="AF19356">
        <v>15</v>
      </c>
      <c r="AG19356">
        <v>15</v>
      </c>
      <c r="AH19356">
        <v>15</v>
      </c>
      <c r="AI19356">
        <v>15</v>
      </c>
      <c r="AJ19356">
        <v>15</v>
      </c>
      <c r="AK19356">
        <v>15</v>
      </c>
      <c r="AL19356">
        <v>15</v>
      </c>
      <c r="AM19356">
        <v>15</v>
      </c>
      <c r="AN19356">
        <v>15</v>
      </c>
      <c r="AO19356">
        <v>15</v>
      </c>
      <c r="AP19356">
        <v>15</v>
      </c>
      <c r="AQ19356">
        <v>15</v>
      </c>
    </row>
    <row r="19357" spans="1:43">
      <c r="A19357" t="s">
        <v>11984</v>
      </c>
      <c r="B19357" t="s">
        <v>11985</v>
      </c>
      <c r="C19357" t="s">
        <v>11934</v>
      </c>
      <c r="D19357" t="s">
        <v>11935</v>
      </c>
      <c r="E19357" t="s">
        <v>11610</v>
      </c>
      <c r="F19357" t="s">
        <v>11611</v>
      </c>
      <c r="G19357" t="s">
        <v>11612</v>
      </c>
      <c r="H19357" t="s">
        <v>11613</v>
      </c>
      <c r="I19357" s="2">
        <v>0</v>
      </c>
      <c r="J19357" s="2">
        <v>0</v>
      </c>
      <c r="K19357" s="2">
        <v>1</v>
      </c>
      <c r="L19357" t="s">
        <v>995</v>
      </c>
      <c r="M19357" t="s">
        <v>83</v>
      </c>
      <c r="N19357" t="s">
        <v>91</v>
      </c>
      <c r="O19357" t="s">
        <v>85</v>
      </c>
      <c r="P19357" t="s">
        <v>86</v>
      </c>
      <c r="Q19357">
        <v>12</v>
      </c>
      <c r="R19357">
        <v>12</v>
      </c>
      <c r="S19357">
        <v>12</v>
      </c>
      <c r="T19357">
        <v>12</v>
      </c>
      <c r="U19357">
        <v>12</v>
      </c>
      <c r="V19357">
        <v>12</v>
      </c>
      <c r="W19357">
        <v>13</v>
      </c>
      <c r="X19357">
        <v>13</v>
      </c>
      <c r="Y19357">
        <v>13</v>
      </c>
      <c r="Z19357">
        <v>13</v>
      </c>
      <c r="AA19357">
        <v>13</v>
      </c>
      <c r="AB19357">
        <v>13</v>
      </c>
      <c r="AC19357">
        <v>13</v>
      </c>
      <c r="AD19357">
        <v>14</v>
      </c>
      <c r="AE19357">
        <v>14</v>
      </c>
      <c r="AF19357">
        <v>14</v>
      </c>
      <c r="AG19357">
        <v>14</v>
      </c>
      <c r="AH19357">
        <v>14</v>
      </c>
      <c r="AI19357">
        <v>14</v>
      </c>
      <c r="AJ19357">
        <v>14</v>
      </c>
      <c r="AK19357">
        <v>15</v>
      </c>
      <c r="AL19357">
        <v>15</v>
      </c>
      <c r="AM19357">
        <v>15</v>
      </c>
      <c r="AN19357">
        <v>15</v>
      </c>
      <c r="AO19357">
        <v>15</v>
      </c>
      <c r="AP19357">
        <v>15</v>
      </c>
      <c r="AQ19357">
        <v>15</v>
      </c>
    </row>
    <row r="19358" spans="1:43">
      <c r="A19358" t="s">
        <v>11986</v>
      </c>
      <c r="B19358" t="s">
        <v>11987</v>
      </c>
      <c r="C19358" t="s">
        <v>11934</v>
      </c>
      <c r="D19358" t="s">
        <v>11935</v>
      </c>
      <c r="E19358" t="s">
        <v>11610</v>
      </c>
      <c r="F19358" t="s">
        <v>11611</v>
      </c>
      <c r="G19358" t="s">
        <v>11612</v>
      </c>
      <c r="H19358" t="s">
        <v>11613</v>
      </c>
      <c r="I19358" s="2">
        <v>0</v>
      </c>
      <c r="J19358" s="2">
        <v>0</v>
      </c>
      <c r="K19358" s="2">
        <v>1</v>
      </c>
      <c r="L19358" t="s">
        <v>995</v>
      </c>
      <c r="M19358" t="s">
        <v>83</v>
      </c>
      <c r="N19358" t="s">
        <v>84</v>
      </c>
      <c r="O19358" t="s">
        <v>85</v>
      </c>
      <c r="P19358" t="s">
        <v>86</v>
      </c>
      <c r="Q19358">
        <v>43</v>
      </c>
      <c r="R19358">
        <v>44</v>
      </c>
      <c r="S19358">
        <v>45</v>
      </c>
      <c r="T19358">
        <v>45</v>
      </c>
      <c r="U19358">
        <v>46</v>
      </c>
      <c r="V19358">
        <v>46</v>
      </c>
      <c r="W19358">
        <v>47</v>
      </c>
      <c r="X19358">
        <v>48</v>
      </c>
      <c r="Y19358">
        <v>48</v>
      </c>
      <c r="Z19358">
        <v>49</v>
      </c>
      <c r="AA19358">
        <v>49</v>
      </c>
      <c r="AB19358">
        <v>50</v>
      </c>
      <c r="AC19358">
        <v>50</v>
      </c>
      <c r="AD19358">
        <v>51</v>
      </c>
      <c r="AE19358">
        <v>51</v>
      </c>
      <c r="AF19358">
        <v>52</v>
      </c>
      <c r="AG19358">
        <v>52</v>
      </c>
      <c r="AH19358">
        <v>53</v>
      </c>
      <c r="AI19358">
        <v>54</v>
      </c>
      <c r="AJ19358">
        <v>54</v>
      </c>
      <c r="AK19358">
        <v>55</v>
      </c>
      <c r="AL19358">
        <v>55</v>
      </c>
      <c r="AM19358">
        <v>55</v>
      </c>
      <c r="AN19358">
        <v>55</v>
      </c>
      <c r="AO19358">
        <v>55</v>
      </c>
      <c r="AP19358">
        <v>55</v>
      </c>
      <c r="AQ19358">
        <v>55</v>
      </c>
    </row>
    <row r="19359" spans="1:43">
      <c r="A19359" t="s">
        <v>11986</v>
      </c>
      <c r="B19359" t="s">
        <v>11987</v>
      </c>
      <c r="C19359" t="s">
        <v>11934</v>
      </c>
      <c r="D19359" t="s">
        <v>11935</v>
      </c>
      <c r="E19359" t="s">
        <v>11610</v>
      </c>
      <c r="F19359" t="s">
        <v>11611</v>
      </c>
      <c r="G19359" t="s">
        <v>11612</v>
      </c>
      <c r="H19359" t="s">
        <v>11613</v>
      </c>
      <c r="I19359" s="2">
        <v>0</v>
      </c>
      <c r="J19359" s="2">
        <v>0</v>
      </c>
      <c r="K19359" s="2">
        <v>1</v>
      </c>
      <c r="L19359" t="s">
        <v>995</v>
      </c>
      <c r="M19359" t="s">
        <v>87</v>
      </c>
      <c r="N19359" t="s">
        <v>88</v>
      </c>
      <c r="O19359" t="s">
        <v>85</v>
      </c>
      <c r="P19359" t="s">
        <v>86</v>
      </c>
      <c r="Q19359">
        <v>43</v>
      </c>
      <c r="R19359">
        <v>43</v>
      </c>
      <c r="S19359">
        <v>43</v>
      </c>
      <c r="T19359">
        <v>44</v>
      </c>
      <c r="U19359">
        <v>44</v>
      </c>
      <c r="V19359">
        <v>44</v>
      </c>
      <c r="W19359">
        <v>44</v>
      </c>
      <c r="X19359">
        <v>44</v>
      </c>
      <c r="Y19359">
        <v>44</v>
      </c>
      <c r="Z19359">
        <v>45</v>
      </c>
      <c r="AA19359">
        <v>45</v>
      </c>
      <c r="AB19359">
        <v>45</v>
      </c>
      <c r="AC19359">
        <v>45</v>
      </c>
      <c r="AD19359">
        <v>45</v>
      </c>
      <c r="AE19359">
        <v>46</v>
      </c>
      <c r="AF19359">
        <v>46</v>
      </c>
      <c r="AG19359">
        <v>46</v>
      </c>
      <c r="AH19359">
        <v>46</v>
      </c>
      <c r="AI19359">
        <v>46</v>
      </c>
      <c r="AJ19359">
        <v>47</v>
      </c>
      <c r="AK19359">
        <v>47</v>
      </c>
      <c r="AL19359">
        <v>47</v>
      </c>
      <c r="AM19359">
        <v>47</v>
      </c>
      <c r="AN19359">
        <v>47</v>
      </c>
      <c r="AO19359">
        <v>47</v>
      </c>
      <c r="AP19359">
        <v>48</v>
      </c>
      <c r="AQ19359">
        <v>48</v>
      </c>
    </row>
    <row r="19360" spans="1:43">
      <c r="A19360" t="s">
        <v>11986</v>
      </c>
      <c r="B19360" t="s">
        <v>11987</v>
      </c>
      <c r="C19360" t="s">
        <v>11934</v>
      </c>
      <c r="D19360" t="s">
        <v>11935</v>
      </c>
      <c r="E19360" t="s">
        <v>11610</v>
      </c>
      <c r="F19360" t="s">
        <v>11611</v>
      </c>
      <c r="G19360" t="s">
        <v>11612</v>
      </c>
      <c r="H19360" t="s">
        <v>11613</v>
      </c>
      <c r="I19360" s="2">
        <v>0</v>
      </c>
      <c r="J19360" s="2">
        <v>0</v>
      </c>
      <c r="K19360" s="2">
        <v>1</v>
      </c>
      <c r="L19360" t="s">
        <v>995</v>
      </c>
      <c r="M19360" t="s">
        <v>89</v>
      </c>
      <c r="N19360" t="s">
        <v>90</v>
      </c>
      <c r="O19360" t="s">
        <v>85</v>
      </c>
      <c r="P19360" t="s">
        <v>86</v>
      </c>
      <c r="Q19360">
        <v>43</v>
      </c>
      <c r="R19360">
        <v>44</v>
      </c>
      <c r="S19360">
        <v>45</v>
      </c>
      <c r="T19360">
        <v>46</v>
      </c>
      <c r="U19360">
        <v>47</v>
      </c>
      <c r="V19360">
        <v>47</v>
      </c>
      <c r="W19360">
        <v>48</v>
      </c>
      <c r="X19360">
        <v>49</v>
      </c>
      <c r="Y19360">
        <v>50</v>
      </c>
      <c r="Z19360">
        <v>51</v>
      </c>
      <c r="AA19360">
        <v>51</v>
      </c>
      <c r="AB19360">
        <v>52</v>
      </c>
      <c r="AC19360">
        <v>53</v>
      </c>
      <c r="AD19360">
        <v>54</v>
      </c>
      <c r="AE19360">
        <v>54</v>
      </c>
      <c r="AF19360">
        <v>54</v>
      </c>
      <c r="AG19360">
        <v>54</v>
      </c>
      <c r="AH19360">
        <v>54</v>
      </c>
      <c r="AI19360">
        <v>54</v>
      </c>
      <c r="AJ19360">
        <v>54</v>
      </c>
      <c r="AK19360">
        <v>54</v>
      </c>
      <c r="AL19360">
        <v>54</v>
      </c>
      <c r="AM19360">
        <v>54</v>
      </c>
      <c r="AN19360">
        <v>54</v>
      </c>
      <c r="AO19360">
        <v>54</v>
      </c>
      <c r="AP19360">
        <v>54</v>
      </c>
      <c r="AQ19360">
        <v>54</v>
      </c>
    </row>
    <row r="19361" spans="1:43">
      <c r="A19361" t="s">
        <v>11986</v>
      </c>
      <c r="B19361" t="s">
        <v>11987</v>
      </c>
      <c r="C19361" t="s">
        <v>11934</v>
      </c>
      <c r="D19361" t="s">
        <v>11935</v>
      </c>
      <c r="E19361" t="s">
        <v>11610</v>
      </c>
      <c r="F19361" t="s">
        <v>11611</v>
      </c>
      <c r="G19361" t="s">
        <v>11612</v>
      </c>
      <c r="H19361" t="s">
        <v>11613</v>
      </c>
      <c r="I19361" s="2">
        <v>0</v>
      </c>
      <c r="J19361" s="2">
        <v>0</v>
      </c>
      <c r="K19361" s="2">
        <v>1</v>
      </c>
      <c r="L19361" t="s">
        <v>995</v>
      </c>
      <c r="M19361" t="s">
        <v>83</v>
      </c>
      <c r="N19361" t="s">
        <v>91</v>
      </c>
      <c r="O19361" t="s">
        <v>85</v>
      </c>
      <c r="P19361" t="s">
        <v>86</v>
      </c>
      <c r="Q19361">
        <v>43</v>
      </c>
      <c r="R19361">
        <v>44</v>
      </c>
      <c r="S19361">
        <v>45</v>
      </c>
      <c r="T19361">
        <v>45</v>
      </c>
      <c r="U19361">
        <v>46</v>
      </c>
      <c r="V19361">
        <v>46</v>
      </c>
      <c r="W19361">
        <v>47</v>
      </c>
      <c r="X19361">
        <v>48</v>
      </c>
      <c r="Y19361">
        <v>48</v>
      </c>
      <c r="Z19361">
        <v>49</v>
      </c>
      <c r="AA19361">
        <v>49</v>
      </c>
      <c r="AB19361">
        <v>50</v>
      </c>
      <c r="AC19361">
        <v>50</v>
      </c>
      <c r="AD19361">
        <v>51</v>
      </c>
      <c r="AE19361">
        <v>51</v>
      </c>
      <c r="AF19361">
        <v>52</v>
      </c>
      <c r="AG19361">
        <v>52</v>
      </c>
      <c r="AH19361">
        <v>53</v>
      </c>
      <c r="AI19361">
        <v>54</v>
      </c>
      <c r="AJ19361">
        <v>54</v>
      </c>
      <c r="AK19361">
        <v>55</v>
      </c>
      <c r="AL19361">
        <v>55</v>
      </c>
      <c r="AM19361">
        <v>55</v>
      </c>
      <c r="AN19361">
        <v>55</v>
      </c>
      <c r="AO19361">
        <v>55</v>
      </c>
      <c r="AP19361">
        <v>55</v>
      </c>
      <c r="AQ19361">
        <v>55</v>
      </c>
    </row>
    <row r="19362" spans="1:43">
      <c r="A19362" t="s">
        <v>11988</v>
      </c>
      <c r="B19362" t="s">
        <v>11989</v>
      </c>
      <c r="C19362" t="s">
        <v>11990</v>
      </c>
      <c r="D19362" t="s">
        <v>11991</v>
      </c>
      <c r="E19362" t="s">
        <v>11610</v>
      </c>
      <c r="F19362" t="s">
        <v>11611</v>
      </c>
      <c r="G19362" t="s">
        <v>11612</v>
      </c>
      <c r="H19362" t="s">
        <v>11613</v>
      </c>
      <c r="I19362" s="2">
        <v>0</v>
      </c>
      <c r="J19362" s="2">
        <v>0</v>
      </c>
      <c r="K19362" s="2">
        <v>1</v>
      </c>
      <c r="L19362" t="s">
        <v>995</v>
      </c>
      <c r="M19362" t="s">
        <v>83</v>
      </c>
      <c r="N19362" t="s">
        <v>84</v>
      </c>
      <c r="O19362" t="s">
        <v>85</v>
      </c>
      <c r="P19362" t="s">
        <v>86</v>
      </c>
      <c r="Q19362">
        <v>42</v>
      </c>
      <c r="R19362">
        <v>43</v>
      </c>
      <c r="S19362">
        <v>43</v>
      </c>
      <c r="T19362">
        <v>44</v>
      </c>
      <c r="U19362">
        <v>44</v>
      </c>
      <c r="V19362">
        <v>45</v>
      </c>
      <c r="W19362">
        <v>46</v>
      </c>
      <c r="X19362">
        <v>46</v>
      </c>
      <c r="Y19362">
        <v>47</v>
      </c>
      <c r="Z19362">
        <v>47</v>
      </c>
      <c r="AA19362">
        <v>48</v>
      </c>
      <c r="AB19362">
        <v>48</v>
      </c>
      <c r="AC19362">
        <v>49</v>
      </c>
      <c r="AD19362">
        <v>49</v>
      </c>
      <c r="AE19362">
        <v>50</v>
      </c>
      <c r="AF19362">
        <v>50</v>
      </c>
      <c r="AG19362">
        <v>51</v>
      </c>
      <c r="AH19362">
        <v>51</v>
      </c>
      <c r="AI19362">
        <v>52</v>
      </c>
      <c r="AJ19362">
        <v>52</v>
      </c>
      <c r="AK19362">
        <v>53</v>
      </c>
      <c r="AL19362">
        <v>53</v>
      </c>
      <c r="AM19362">
        <v>53</v>
      </c>
      <c r="AN19362">
        <v>53</v>
      </c>
      <c r="AO19362">
        <v>53</v>
      </c>
      <c r="AP19362">
        <v>53</v>
      </c>
      <c r="AQ19362">
        <v>53</v>
      </c>
    </row>
    <row r="19363" spans="1:43">
      <c r="A19363" t="s">
        <v>11988</v>
      </c>
      <c r="B19363" t="s">
        <v>11989</v>
      </c>
      <c r="C19363" t="s">
        <v>11990</v>
      </c>
      <c r="D19363" t="s">
        <v>11991</v>
      </c>
      <c r="E19363" t="s">
        <v>11610</v>
      </c>
      <c r="F19363" t="s">
        <v>11611</v>
      </c>
      <c r="G19363" t="s">
        <v>11612</v>
      </c>
      <c r="H19363" t="s">
        <v>11613</v>
      </c>
      <c r="I19363" s="2">
        <v>0</v>
      </c>
      <c r="J19363" s="2">
        <v>0</v>
      </c>
      <c r="K19363" s="2">
        <v>1</v>
      </c>
      <c r="L19363" t="s">
        <v>995</v>
      </c>
      <c r="M19363" t="s">
        <v>87</v>
      </c>
      <c r="N19363" t="s">
        <v>88</v>
      </c>
      <c r="O19363" t="s">
        <v>85</v>
      </c>
      <c r="P19363" t="s">
        <v>86</v>
      </c>
      <c r="Q19363">
        <v>42</v>
      </c>
      <c r="R19363">
        <v>42</v>
      </c>
      <c r="S19363">
        <v>42</v>
      </c>
      <c r="T19363">
        <v>42</v>
      </c>
      <c r="U19363">
        <v>42</v>
      </c>
      <c r="V19363">
        <v>43</v>
      </c>
      <c r="W19363">
        <v>43</v>
      </c>
      <c r="X19363">
        <v>43</v>
      </c>
      <c r="Y19363">
        <v>43</v>
      </c>
      <c r="Z19363">
        <v>43</v>
      </c>
      <c r="AA19363">
        <v>43</v>
      </c>
      <c r="AB19363">
        <v>44</v>
      </c>
      <c r="AC19363">
        <v>44</v>
      </c>
      <c r="AD19363">
        <v>44</v>
      </c>
      <c r="AE19363">
        <v>44</v>
      </c>
      <c r="AF19363">
        <v>44</v>
      </c>
      <c r="AG19363">
        <v>45</v>
      </c>
      <c r="AH19363">
        <v>45</v>
      </c>
      <c r="AI19363">
        <v>45</v>
      </c>
      <c r="AJ19363">
        <v>45</v>
      </c>
      <c r="AK19363">
        <v>45</v>
      </c>
      <c r="AL19363">
        <v>45</v>
      </c>
      <c r="AM19363">
        <v>46</v>
      </c>
      <c r="AN19363">
        <v>46</v>
      </c>
      <c r="AO19363">
        <v>46</v>
      </c>
      <c r="AP19363">
        <v>46</v>
      </c>
      <c r="AQ19363">
        <v>46</v>
      </c>
    </row>
    <row r="19364" spans="1:43">
      <c r="A19364" t="s">
        <v>11988</v>
      </c>
      <c r="B19364" t="s">
        <v>11989</v>
      </c>
      <c r="C19364" t="s">
        <v>11990</v>
      </c>
      <c r="D19364" t="s">
        <v>11991</v>
      </c>
      <c r="E19364" t="s">
        <v>11610</v>
      </c>
      <c r="F19364" t="s">
        <v>11611</v>
      </c>
      <c r="G19364" t="s">
        <v>11612</v>
      </c>
      <c r="H19364" t="s">
        <v>11613</v>
      </c>
      <c r="I19364" s="2">
        <v>0</v>
      </c>
      <c r="J19364" s="2">
        <v>0</v>
      </c>
      <c r="K19364" s="2">
        <v>1</v>
      </c>
      <c r="L19364" t="s">
        <v>995</v>
      </c>
      <c r="M19364" t="s">
        <v>89</v>
      </c>
      <c r="N19364" t="s">
        <v>90</v>
      </c>
      <c r="O19364" t="s">
        <v>85</v>
      </c>
      <c r="P19364" t="s">
        <v>86</v>
      </c>
      <c r="Q19364">
        <v>42</v>
      </c>
      <c r="R19364">
        <v>43</v>
      </c>
      <c r="S19364">
        <v>44</v>
      </c>
      <c r="T19364">
        <v>45</v>
      </c>
      <c r="U19364">
        <v>46</v>
      </c>
      <c r="V19364">
        <v>47</v>
      </c>
      <c r="W19364">
        <v>48</v>
      </c>
      <c r="X19364">
        <v>49</v>
      </c>
      <c r="Y19364">
        <v>49</v>
      </c>
      <c r="Z19364">
        <v>50</v>
      </c>
      <c r="AA19364">
        <v>51</v>
      </c>
      <c r="AB19364">
        <v>51</v>
      </c>
      <c r="AC19364">
        <v>52</v>
      </c>
      <c r="AD19364">
        <v>53</v>
      </c>
      <c r="AE19364">
        <v>53</v>
      </c>
      <c r="AF19364">
        <v>53</v>
      </c>
      <c r="AG19364">
        <v>53</v>
      </c>
      <c r="AH19364">
        <v>53</v>
      </c>
      <c r="AI19364">
        <v>54</v>
      </c>
      <c r="AJ19364">
        <v>54</v>
      </c>
      <c r="AK19364">
        <v>54</v>
      </c>
      <c r="AL19364">
        <v>54</v>
      </c>
      <c r="AM19364">
        <v>54</v>
      </c>
      <c r="AN19364">
        <v>54</v>
      </c>
      <c r="AO19364">
        <v>54</v>
      </c>
      <c r="AP19364">
        <v>54</v>
      </c>
      <c r="AQ19364">
        <v>54</v>
      </c>
    </row>
    <row r="19365" spans="1:43">
      <c r="A19365" t="s">
        <v>11988</v>
      </c>
      <c r="B19365" t="s">
        <v>11989</v>
      </c>
      <c r="C19365" t="s">
        <v>11990</v>
      </c>
      <c r="D19365" t="s">
        <v>11991</v>
      </c>
      <c r="E19365" t="s">
        <v>11610</v>
      </c>
      <c r="F19365" t="s">
        <v>11611</v>
      </c>
      <c r="G19365" t="s">
        <v>11612</v>
      </c>
      <c r="H19365" t="s">
        <v>11613</v>
      </c>
      <c r="I19365" s="2">
        <v>0</v>
      </c>
      <c r="J19365" s="2">
        <v>0</v>
      </c>
      <c r="K19365" s="2">
        <v>1</v>
      </c>
      <c r="L19365" t="s">
        <v>995</v>
      </c>
      <c r="M19365" t="s">
        <v>83</v>
      </c>
      <c r="N19365" t="s">
        <v>91</v>
      </c>
      <c r="O19365" t="s">
        <v>85</v>
      </c>
      <c r="P19365" t="s">
        <v>86</v>
      </c>
      <c r="Q19365">
        <v>42</v>
      </c>
      <c r="R19365">
        <v>43</v>
      </c>
      <c r="S19365">
        <v>43</v>
      </c>
      <c r="T19365">
        <v>44</v>
      </c>
      <c r="U19365">
        <v>44</v>
      </c>
      <c r="V19365">
        <v>45</v>
      </c>
      <c r="W19365">
        <v>46</v>
      </c>
      <c r="X19365">
        <v>46</v>
      </c>
      <c r="Y19365">
        <v>47</v>
      </c>
      <c r="Z19365">
        <v>47</v>
      </c>
      <c r="AA19365">
        <v>48</v>
      </c>
      <c r="AB19365">
        <v>48</v>
      </c>
      <c r="AC19365">
        <v>49</v>
      </c>
      <c r="AD19365">
        <v>49</v>
      </c>
      <c r="AE19365">
        <v>50</v>
      </c>
      <c r="AF19365">
        <v>50</v>
      </c>
      <c r="AG19365">
        <v>51</v>
      </c>
      <c r="AH19365">
        <v>51</v>
      </c>
      <c r="AI19365">
        <v>52</v>
      </c>
      <c r="AJ19365">
        <v>52</v>
      </c>
      <c r="AK19365">
        <v>53</v>
      </c>
      <c r="AL19365">
        <v>53</v>
      </c>
      <c r="AM19365">
        <v>53</v>
      </c>
      <c r="AN19365">
        <v>53</v>
      </c>
      <c r="AO19365">
        <v>53</v>
      </c>
      <c r="AP19365">
        <v>53</v>
      </c>
      <c r="AQ19365">
        <v>53</v>
      </c>
    </row>
    <row r="19366" spans="1:43">
      <c r="A19366" t="s">
        <v>11992</v>
      </c>
      <c r="B19366" t="s">
        <v>11993</v>
      </c>
      <c r="C19366" t="s">
        <v>11990</v>
      </c>
      <c r="D19366" t="s">
        <v>11991</v>
      </c>
      <c r="E19366" t="s">
        <v>11610</v>
      </c>
      <c r="F19366" t="s">
        <v>11611</v>
      </c>
      <c r="G19366" t="s">
        <v>11612</v>
      </c>
      <c r="H19366" t="s">
        <v>11613</v>
      </c>
      <c r="I19366" s="2">
        <v>0</v>
      </c>
      <c r="J19366" s="2">
        <v>0</v>
      </c>
      <c r="K19366" s="2">
        <v>1</v>
      </c>
      <c r="L19366" t="s">
        <v>995</v>
      </c>
      <c r="M19366" t="s">
        <v>83</v>
      </c>
      <c r="N19366" t="s">
        <v>84</v>
      </c>
      <c r="O19366" t="s">
        <v>85</v>
      </c>
      <c r="P19366" t="s">
        <v>86</v>
      </c>
      <c r="Q19366">
        <v>20</v>
      </c>
      <c r="R19366">
        <v>20</v>
      </c>
      <c r="S19366">
        <v>20</v>
      </c>
      <c r="T19366">
        <v>21</v>
      </c>
      <c r="U19366">
        <v>21</v>
      </c>
      <c r="V19366">
        <v>21</v>
      </c>
      <c r="W19366">
        <v>22</v>
      </c>
      <c r="X19366">
        <v>22</v>
      </c>
      <c r="Y19366">
        <v>22</v>
      </c>
      <c r="Z19366">
        <v>22</v>
      </c>
      <c r="AA19366">
        <v>23</v>
      </c>
      <c r="AB19366">
        <v>23</v>
      </c>
      <c r="AC19366">
        <v>23</v>
      </c>
      <c r="AD19366">
        <v>23</v>
      </c>
      <c r="AE19366">
        <v>24</v>
      </c>
      <c r="AF19366">
        <v>24</v>
      </c>
      <c r="AG19366">
        <v>24</v>
      </c>
      <c r="AH19366">
        <v>24</v>
      </c>
      <c r="AI19366">
        <v>25</v>
      </c>
      <c r="AJ19366">
        <v>25</v>
      </c>
      <c r="AK19366">
        <v>25</v>
      </c>
      <c r="AL19366">
        <v>25</v>
      </c>
      <c r="AM19366">
        <v>25</v>
      </c>
      <c r="AN19366">
        <v>25</v>
      </c>
      <c r="AO19366">
        <v>25</v>
      </c>
      <c r="AP19366">
        <v>25</v>
      </c>
      <c r="AQ19366">
        <v>25</v>
      </c>
    </row>
    <row r="19367" spans="1:43">
      <c r="A19367" t="s">
        <v>11992</v>
      </c>
      <c r="B19367" t="s">
        <v>11993</v>
      </c>
      <c r="C19367" t="s">
        <v>11990</v>
      </c>
      <c r="D19367" t="s">
        <v>11991</v>
      </c>
      <c r="E19367" t="s">
        <v>11610</v>
      </c>
      <c r="F19367" t="s">
        <v>11611</v>
      </c>
      <c r="G19367" t="s">
        <v>11612</v>
      </c>
      <c r="H19367" t="s">
        <v>11613</v>
      </c>
      <c r="I19367" s="2">
        <v>0</v>
      </c>
      <c r="J19367" s="2">
        <v>0</v>
      </c>
      <c r="K19367" s="2">
        <v>1</v>
      </c>
      <c r="L19367" t="s">
        <v>995</v>
      </c>
      <c r="M19367" t="s">
        <v>87</v>
      </c>
      <c r="N19367" t="s">
        <v>88</v>
      </c>
      <c r="O19367" t="s">
        <v>85</v>
      </c>
      <c r="P19367" t="s">
        <v>86</v>
      </c>
      <c r="Q19367">
        <v>20</v>
      </c>
      <c r="R19367">
        <v>20</v>
      </c>
      <c r="S19367">
        <v>20</v>
      </c>
      <c r="T19367">
        <v>20</v>
      </c>
      <c r="U19367">
        <v>20</v>
      </c>
      <c r="V19367">
        <v>20</v>
      </c>
      <c r="W19367">
        <v>20</v>
      </c>
      <c r="X19367">
        <v>20</v>
      </c>
      <c r="Y19367">
        <v>20</v>
      </c>
      <c r="Z19367">
        <v>20</v>
      </c>
      <c r="AA19367">
        <v>21</v>
      </c>
      <c r="AB19367">
        <v>21</v>
      </c>
      <c r="AC19367">
        <v>21</v>
      </c>
      <c r="AD19367">
        <v>21</v>
      </c>
      <c r="AE19367">
        <v>21</v>
      </c>
      <c r="AF19367">
        <v>21</v>
      </c>
      <c r="AG19367">
        <v>21</v>
      </c>
      <c r="AH19367">
        <v>21</v>
      </c>
      <c r="AI19367">
        <v>21</v>
      </c>
      <c r="AJ19367">
        <v>21</v>
      </c>
      <c r="AK19367">
        <v>21</v>
      </c>
      <c r="AL19367">
        <v>22</v>
      </c>
      <c r="AM19367">
        <v>22</v>
      </c>
      <c r="AN19367">
        <v>22</v>
      </c>
      <c r="AO19367">
        <v>22</v>
      </c>
      <c r="AP19367">
        <v>22</v>
      </c>
      <c r="AQ19367">
        <v>22</v>
      </c>
    </row>
    <row r="19368" spans="1:43">
      <c r="A19368" t="s">
        <v>11992</v>
      </c>
      <c r="B19368" t="s">
        <v>11993</v>
      </c>
      <c r="C19368" t="s">
        <v>11990</v>
      </c>
      <c r="D19368" t="s">
        <v>11991</v>
      </c>
      <c r="E19368" t="s">
        <v>11610</v>
      </c>
      <c r="F19368" t="s">
        <v>11611</v>
      </c>
      <c r="G19368" t="s">
        <v>11612</v>
      </c>
      <c r="H19368" t="s">
        <v>11613</v>
      </c>
      <c r="I19368" s="2">
        <v>0</v>
      </c>
      <c r="J19368" s="2">
        <v>0</v>
      </c>
      <c r="K19368" s="2">
        <v>1</v>
      </c>
      <c r="L19368" t="s">
        <v>995</v>
      </c>
      <c r="M19368" t="s">
        <v>89</v>
      </c>
      <c r="N19368" t="s">
        <v>90</v>
      </c>
      <c r="O19368" t="s">
        <v>85</v>
      </c>
      <c r="P19368" t="s">
        <v>86</v>
      </c>
      <c r="Q19368">
        <v>20</v>
      </c>
      <c r="R19368">
        <v>21</v>
      </c>
      <c r="S19368">
        <v>21</v>
      </c>
      <c r="T19368">
        <v>21</v>
      </c>
      <c r="U19368">
        <v>22</v>
      </c>
      <c r="V19368">
        <v>22</v>
      </c>
      <c r="W19368">
        <v>23</v>
      </c>
      <c r="X19368">
        <v>23</v>
      </c>
      <c r="Y19368">
        <v>23</v>
      </c>
      <c r="Z19368">
        <v>24</v>
      </c>
      <c r="AA19368">
        <v>24</v>
      </c>
      <c r="AB19368">
        <v>24</v>
      </c>
      <c r="AC19368">
        <v>25</v>
      </c>
      <c r="AD19368">
        <v>25</v>
      </c>
      <c r="AE19368">
        <v>25</v>
      </c>
      <c r="AF19368">
        <v>25</v>
      </c>
      <c r="AG19368">
        <v>25</v>
      </c>
      <c r="AH19368">
        <v>25</v>
      </c>
      <c r="AI19368">
        <v>25</v>
      </c>
      <c r="AJ19368">
        <v>25</v>
      </c>
      <c r="AK19368">
        <v>25</v>
      </c>
      <c r="AL19368">
        <v>25</v>
      </c>
      <c r="AM19368">
        <v>25</v>
      </c>
      <c r="AN19368">
        <v>25</v>
      </c>
      <c r="AO19368">
        <v>25</v>
      </c>
      <c r="AP19368">
        <v>25</v>
      </c>
      <c r="AQ19368">
        <v>25</v>
      </c>
    </row>
    <row r="19369" spans="1:43">
      <c r="A19369" t="s">
        <v>11992</v>
      </c>
      <c r="B19369" t="s">
        <v>11993</v>
      </c>
      <c r="C19369" t="s">
        <v>11990</v>
      </c>
      <c r="D19369" t="s">
        <v>11991</v>
      </c>
      <c r="E19369" t="s">
        <v>11610</v>
      </c>
      <c r="F19369" t="s">
        <v>11611</v>
      </c>
      <c r="G19369" t="s">
        <v>11612</v>
      </c>
      <c r="H19369" t="s">
        <v>11613</v>
      </c>
      <c r="I19369" s="2">
        <v>0</v>
      </c>
      <c r="J19369" s="2">
        <v>0</v>
      </c>
      <c r="K19369" s="2">
        <v>1</v>
      </c>
      <c r="L19369" t="s">
        <v>995</v>
      </c>
      <c r="M19369" t="s">
        <v>83</v>
      </c>
      <c r="N19369" t="s">
        <v>91</v>
      </c>
      <c r="O19369" t="s">
        <v>85</v>
      </c>
      <c r="P19369" t="s">
        <v>86</v>
      </c>
      <c r="Q19369">
        <v>20</v>
      </c>
      <c r="R19369">
        <v>20</v>
      </c>
      <c r="S19369">
        <v>20</v>
      </c>
      <c r="T19369">
        <v>21</v>
      </c>
      <c r="U19369">
        <v>21</v>
      </c>
      <c r="V19369">
        <v>21</v>
      </c>
      <c r="W19369">
        <v>22</v>
      </c>
      <c r="X19369">
        <v>22</v>
      </c>
      <c r="Y19369">
        <v>22</v>
      </c>
      <c r="Z19369">
        <v>22</v>
      </c>
      <c r="AA19369">
        <v>23</v>
      </c>
      <c r="AB19369">
        <v>23</v>
      </c>
      <c r="AC19369">
        <v>23</v>
      </c>
      <c r="AD19369">
        <v>23</v>
      </c>
      <c r="AE19369">
        <v>24</v>
      </c>
      <c r="AF19369">
        <v>24</v>
      </c>
      <c r="AG19369">
        <v>24</v>
      </c>
      <c r="AH19369">
        <v>24</v>
      </c>
      <c r="AI19369">
        <v>25</v>
      </c>
      <c r="AJ19369">
        <v>25</v>
      </c>
      <c r="AK19369">
        <v>25</v>
      </c>
      <c r="AL19369">
        <v>25</v>
      </c>
      <c r="AM19369">
        <v>25</v>
      </c>
      <c r="AN19369">
        <v>25</v>
      </c>
      <c r="AO19369">
        <v>25</v>
      </c>
      <c r="AP19369">
        <v>25</v>
      </c>
      <c r="AQ19369">
        <v>25</v>
      </c>
    </row>
    <row r="19370" spans="1:43">
      <c r="A19370" t="s">
        <v>11994</v>
      </c>
      <c r="B19370" t="s">
        <v>11995</v>
      </c>
      <c r="C19370" t="s">
        <v>11990</v>
      </c>
      <c r="D19370" t="s">
        <v>11991</v>
      </c>
      <c r="E19370" t="s">
        <v>11610</v>
      </c>
      <c r="F19370" t="s">
        <v>11611</v>
      </c>
      <c r="G19370" t="s">
        <v>11612</v>
      </c>
      <c r="H19370" t="s">
        <v>11613</v>
      </c>
      <c r="I19370" s="2">
        <v>0</v>
      </c>
      <c r="J19370" s="2">
        <v>0</v>
      </c>
      <c r="K19370" s="2">
        <v>1</v>
      </c>
      <c r="L19370" t="s">
        <v>995</v>
      </c>
      <c r="M19370" t="s">
        <v>83</v>
      </c>
      <c r="N19370" t="s">
        <v>84</v>
      </c>
      <c r="O19370" t="s">
        <v>85</v>
      </c>
      <c r="P19370" t="s">
        <v>86</v>
      </c>
      <c r="Q19370">
        <v>20</v>
      </c>
      <c r="R19370">
        <v>20</v>
      </c>
      <c r="S19370">
        <v>20</v>
      </c>
      <c r="T19370">
        <v>20</v>
      </c>
      <c r="U19370">
        <v>21</v>
      </c>
      <c r="V19370">
        <v>21</v>
      </c>
      <c r="W19370">
        <v>21</v>
      </c>
      <c r="X19370">
        <v>21</v>
      </c>
      <c r="Y19370">
        <v>22</v>
      </c>
      <c r="Z19370">
        <v>22</v>
      </c>
      <c r="AA19370">
        <v>22</v>
      </c>
      <c r="AB19370">
        <v>22</v>
      </c>
      <c r="AC19370">
        <v>23</v>
      </c>
      <c r="AD19370">
        <v>23</v>
      </c>
      <c r="AE19370">
        <v>23</v>
      </c>
      <c r="AF19370">
        <v>23</v>
      </c>
      <c r="AG19370">
        <v>24</v>
      </c>
      <c r="AH19370">
        <v>24</v>
      </c>
      <c r="AI19370">
        <v>24</v>
      </c>
      <c r="AJ19370">
        <v>24</v>
      </c>
      <c r="AK19370">
        <v>25</v>
      </c>
      <c r="AL19370">
        <v>25</v>
      </c>
      <c r="AM19370">
        <v>25</v>
      </c>
      <c r="AN19370">
        <v>25</v>
      </c>
      <c r="AO19370">
        <v>25</v>
      </c>
      <c r="AP19370">
        <v>25</v>
      </c>
      <c r="AQ19370">
        <v>25</v>
      </c>
    </row>
    <row r="19371" spans="1:43">
      <c r="A19371" t="s">
        <v>11994</v>
      </c>
      <c r="B19371" t="s">
        <v>11995</v>
      </c>
      <c r="C19371" t="s">
        <v>11990</v>
      </c>
      <c r="D19371" t="s">
        <v>11991</v>
      </c>
      <c r="E19371" t="s">
        <v>11610</v>
      </c>
      <c r="F19371" t="s">
        <v>11611</v>
      </c>
      <c r="G19371" t="s">
        <v>11612</v>
      </c>
      <c r="H19371" t="s">
        <v>11613</v>
      </c>
      <c r="I19371" s="2">
        <v>0</v>
      </c>
      <c r="J19371" s="2">
        <v>0</v>
      </c>
      <c r="K19371" s="2">
        <v>1</v>
      </c>
      <c r="L19371" t="s">
        <v>995</v>
      </c>
      <c r="M19371" t="s">
        <v>87</v>
      </c>
      <c r="N19371" t="s">
        <v>88</v>
      </c>
      <c r="O19371" t="s">
        <v>85</v>
      </c>
      <c r="P19371" t="s">
        <v>86</v>
      </c>
      <c r="Q19371">
        <v>20</v>
      </c>
      <c r="R19371">
        <v>20</v>
      </c>
      <c r="S19371">
        <v>21</v>
      </c>
      <c r="T19371">
        <v>21</v>
      </c>
      <c r="U19371">
        <v>21</v>
      </c>
      <c r="V19371">
        <v>21</v>
      </c>
      <c r="W19371">
        <v>21</v>
      </c>
      <c r="X19371">
        <v>21</v>
      </c>
      <c r="Y19371">
        <v>21</v>
      </c>
      <c r="Z19371">
        <v>21</v>
      </c>
      <c r="AA19371">
        <v>21</v>
      </c>
      <c r="AB19371">
        <v>21</v>
      </c>
      <c r="AC19371">
        <v>21</v>
      </c>
      <c r="AD19371">
        <v>21</v>
      </c>
      <c r="AE19371">
        <v>22</v>
      </c>
      <c r="AF19371">
        <v>22</v>
      </c>
      <c r="AG19371">
        <v>22</v>
      </c>
      <c r="AH19371">
        <v>22</v>
      </c>
      <c r="AI19371">
        <v>22</v>
      </c>
      <c r="AJ19371">
        <v>22</v>
      </c>
      <c r="AK19371">
        <v>22</v>
      </c>
      <c r="AL19371">
        <v>22</v>
      </c>
      <c r="AM19371">
        <v>22</v>
      </c>
      <c r="AN19371">
        <v>22</v>
      </c>
      <c r="AO19371">
        <v>22</v>
      </c>
      <c r="AP19371">
        <v>22</v>
      </c>
      <c r="AQ19371">
        <v>23</v>
      </c>
    </row>
    <row r="19372" spans="1:43">
      <c r="A19372" t="s">
        <v>11994</v>
      </c>
      <c r="B19372" t="s">
        <v>11995</v>
      </c>
      <c r="C19372" t="s">
        <v>11990</v>
      </c>
      <c r="D19372" t="s">
        <v>11991</v>
      </c>
      <c r="E19372" t="s">
        <v>11610</v>
      </c>
      <c r="F19372" t="s">
        <v>11611</v>
      </c>
      <c r="G19372" t="s">
        <v>11612</v>
      </c>
      <c r="H19372" t="s">
        <v>11613</v>
      </c>
      <c r="I19372" s="2">
        <v>0</v>
      </c>
      <c r="J19372" s="2">
        <v>0</v>
      </c>
      <c r="K19372" s="2">
        <v>1</v>
      </c>
      <c r="L19372" t="s">
        <v>995</v>
      </c>
      <c r="M19372" t="s">
        <v>89</v>
      </c>
      <c r="N19372" t="s">
        <v>90</v>
      </c>
      <c r="O19372" t="s">
        <v>85</v>
      </c>
      <c r="P19372" t="s">
        <v>86</v>
      </c>
      <c r="Q19372">
        <v>20</v>
      </c>
      <c r="R19372">
        <v>20</v>
      </c>
      <c r="S19372">
        <v>21</v>
      </c>
      <c r="T19372">
        <v>21</v>
      </c>
      <c r="U19372">
        <v>21</v>
      </c>
      <c r="V19372">
        <v>22</v>
      </c>
      <c r="W19372">
        <v>22</v>
      </c>
      <c r="X19372">
        <v>23</v>
      </c>
      <c r="Y19372">
        <v>23</v>
      </c>
      <c r="Z19372">
        <v>23</v>
      </c>
      <c r="AA19372">
        <v>24</v>
      </c>
      <c r="AB19372">
        <v>24</v>
      </c>
      <c r="AC19372">
        <v>24</v>
      </c>
      <c r="AD19372">
        <v>25</v>
      </c>
      <c r="AE19372">
        <v>25</v>
      </c>
      <c r="AF19372">
        <v>25</v>
      </c>
      <c r="AG19372">
        <v>25</v>
      </c>
      <c r="AH19372">
        <v>25</v>
      </c>
      <c r="AI19372">
        <v>25</v>
      </c>
      <c r="AJ19372">
        <v>25</v>
      </c>
      <c r="AK19372">
        <v>25</v>
      </c>
      <c r="AL19372">
        <v>25</v>
      </c>
      <c r="AM19372">
        <v>25</v>
      </c>
      <c r="AN19372">
        <v>25</v>
      </c>
      <c r="AO19372">
        <v>25</v>
      </c>
      <c r="AP19372">
        <v>25</v>
      </c>
      <c r="AQ19372">
        <v>25</v>
      </c>
    </row>
    <row r="19373" spans="1:43">
      <c r="A19373" t="s">
        <v>11994</v>
      </c>
      <c r="B19373" t="s">
        <v>11995</v>
      </c>
      <c r="C19373" t="s">
        <v>11990</v>
      </c>
      <c r="D19373" t="s">
        <v>11991</v>
      </c>
      <c r="E19373" t="s">
        <v>11610</v>
      </c>
      <c r="F19373" t="s">
        <v>11611</v>
      </c>
      <c r="G19373" t="s">
        <v>11612</v>
      </c>
      <c r="H19373" t="s">
        <v>11613</v>
      </c>
      <c r="I19373" s="2">
        <v>0</v>
      </c>
      <c r="J19373" s="2">
        <v>0</v>
      </c>
      <c r="K19373" s="2">
        <v>1</v>
      </c>
      <c r="L19373" t="s">
        <v>995</v>
      </c>
      <c r="M19373" t="s">
        <v>83</v>
      </c>
      <c r="N19373" t="s">
        <v>91</v>
      </c>
      <c r="O19373" t="s">
        <v>85</v>
      </c>
      <c r="P19373" t="s">
        <v>86</v>
      </c>
      <c r="Q19373">
        <v>20</v>
      </c>
      <c r="R19373">
        <v>20</v>
      </c>
      <c r="S19373">
        <v>20</v>
      </c>
      <c r="T19373">
        <v>20</v>
      </c>
      <c r="U19373">
        <v>21</v>
      </c>
      <c r="V19373">
        <v>21</v>
      </c>
      <c r="W19373">
        <v>21</v>
      </c>
      <c r="X19373">
        <v>21</v>
      </c>
      <c r="Y19373">
        <v>22</v>
      </c>
      <c r="Z19373">
        <v>22</v>
      </c>
      <c r="AA19373">
        <v>22</v>
      </c>
      <c r="AB19373">
        <v>22</v>
      </c>
      <c r="AC19373">
        <v>23</v>
      </c>
      <c r="AD19373">
        <v>23</v>
      </c>
      <c r="AE19373">
        <v>23</v>
      </c>
      <c r="AF19373">
        <v>23</v>
      </c>
      <c r="AG19373">
        <v>24</v>
      </c>
      <c r="AH19373">
        <v>24</v>
      </c>
      <c r="AI19373">
        <v>24</v>
      </c>
      <c r="AJ19373">
        <v>24</v>
      </c>
      <c r="AK19373">
        <v>25</v>
      </c>
      <c r="AL19373">
        <v>25</v>
      </c>
      <c r="AM19373">
        <v>25</v>
      </c>
      <c r="AN19373">
        <v>25</v>
      </c>
      <c r="AO19373">
        <v>25</v>
      </c>
      <c r="AP19373">
        <v>25</v>
      </c>
      <c r="AQ19373">
        <v>25</v>
      </c>
    </row>
    <row r="19374" spans="1:43">
      <c r="A19374" t="s">
        <v>11996</v>
      </c>
      <c r="B19374" t="s">
        <v>11997</v>
      </c>
      <c r="C19374" t="s">
        <v>11990</v>
      </c>
      <c r="D19374" t="s">
        <v>11991</v>
      </c>
      <c r="E19374" t="s">
        <v>11610</v>
      </c>
      <c r="F19374" t="s">
        <v>11611</v>
      </c>
      <c r="G19374" t="s">
        <v>11612</v>
      </c>
      <c r="H19374" t="s">
        <v>11613</v>
      </c>
      <c r="I19374" s="2">
        <v>0</v>
      </c>
      <c r="J19374" s="2">
        <v>0</v>
      </c>
      <c r="K19374" s="2">
        <v>1</v>
      </c>
      <c r="L19374" t="s">
        <v>995</v>
      </c>
      <c r="M19374" t="s">
        <v>83</v>
      </c>
      <c r="N19374" t="s">
        <v>84</v>
      </c>
      <c r="O19374" t="s">
        <v>85</v>
      </c>
      <c r="P19374" t="s">
        <v>86</v>
      </c>
      <c r="Q19374">
        <v>14</v>
      </c>
      <c r="R19374">
        <v>15</v>
      </c>
      <c r="S19374">
        <v>15</v>
      </c>
      <c r="T19374">
        <v>15</v>
      </c>
      <c r="U19374">
        <v>15</v>
      </c>
      <c r="V19374">
        <v>15</v>
      </c>
      <c r="W19374">
        <v>16</v>
      </c>
      <c r="X19374">
        <v>16</v>
      </c>
      <c r="Y19374">
        <v>16</v>
      </c>
      <c r="Z19374">
        <v>16</v>
      </c>
      <c r="AA19374">
        <v>16</v>
      </c>
      <c r="AB19374">
        <v>17</v>
      </c>
      <c r="AC19374">
        <v>17</v>
      </c>
      <c r="AD19374">
        <v>17</v>
      </c>
      <c r="AE19374">
        <v>17</v>
      </c>
      <c r="AF19374">
        <v>17</v>
      </c>
      <c r="AG19374">
        <v>17</v>
      </c>
      <c r="AH19374">
        <v>18</v>
      </c>
      <c r="AI19374">
        <v>18</v>
      </c>
      <c r="AJ19374">
        <v>18</v>
      </c>
      <c r="AK19374">
        <v>18</v>
      </c>
      <c r="AL19374">
        <v>18</v>
      </c>
      <c r="AM19374">
        <v>18</v>
      </c>
      <c r="AN19374">
        <v>18</v>
      </c>
      <c r="AO19374">
        <v>18</v>
      </c>
      <c r="AP19374">
        <v>18</v>
      </c>
      <c r="AQ19374">
        <v>18</v>
      </c>
    </row>
    <row r="19375" spans="1:43">
      <c r="A19375" t="s">
        <v>11996</v>
      </c>
      <c r="B19375" t="s">
        <v>11997</v>
      </c>
      <c r="C19375" t="s">
        <v>11990</v>
      </c>
      <c r="D19375" t="s">
        <v>11991</v>
      </c>
      <c r="E19375" t="s">
        <v>11610</v>
      </c>
      <c r="F19375" t="s">
        <v>11611</v>
      </c>
      <c r="G19375" t="s">
        <v>11612</v>
      </c>
      <c r="H19375" t="s">
        <v>11613</v>
      </c>
      <c r="I19375" s="2">
        <v>0</v>
      </c>
      <c r="J19375" s="2">
        <v>0</v>
      </c>
      <c r="K19375" s="2">
        <v>1</v>
      </c>
      <c r="L19375" t="s">
        <v>995</v>
      </c>
      <c r="M19375" t="s">
        <v>87</v>
      </c>
      <c r="N19375" t="s">
        <v>88</v>
      </c>
      <c r="O19375" t="s">
        <v>85</v>
      </c>
      <c r="P19375" t="s">
        <v>86</v>
      </c>
      <c r="Q19375">
        <v>14</v>
      </c>
      <c r="R19375">
        <v>14</v>
      </c>
      <c r="S19375">
        <v>14</v>
      </c>
      <c r="T19375">
        <v>14</v>
      </c>
      <c r="U19375">
        <v>15</v>
      </c>
      <c r="V19375">
        <v>15</v>
      </c>
      <c r="W19375">
        <v>15</v>
      </c>
      <c r="X19375">
        <v>15</v>
      </c>
      <c r="Y19375">
        <v>15</v>
      </c>
      <c r="Z19375">
        <v>15</v>
      </c>
      <c r="AA19375">
        <v>15</v>
      </c>
      <c r="AB19375">
        <v>15</v>
      </c>
      <c r="AC19375">
        <v>15</v>
      </c>
      <c r="AD19375">
        <v>15</v>
      </c>
      <c r="AE19375">
        <v>15</v>
      </c>
      <c r="AF19375">
        <v>15</v>
      </c>
      <c r="AG19375">
        <v>15</v>
      </c>
      <c r="AH19375">
        <v>15</v>
      </c>
      <c r="AI19375">
        <v>15</v>
      </c>
      <c r="AJ19375">
        <v>15</v>
      </c>
      <c r="AK19375">
        <v>16</v>
      </c>
      <c r="AL19375">
        <v>16</v>
      </c>
      <c r="AM19375">
        <v>16</v>
      </c>
      <c r="AN19375">
        <v>16</v>
      </c>
      <c r="AO19375">
        <v>16</v>
      </c>
      <c r="AP19375">
        <v>16</v>
      </c>
      <c r="AQ19375">
        <v>16</v>
      </c>
    </row>
    <row r="19376" spans="1:43">
      <c r="A19376" t="s">
        <v>11996</v>
      </c>
      <c r="B19376" t="s">
        <v>11997</v>
      </c>
      <c r="C19376" t="s">
        <v>11990</v>
      </c>
      <c r="D19376" t="s">
        <v>11991</v>
      </c>
      <c r="E19376" t="s">
        <v>11610</v>
      </c>
      <c r="F19376" t="s">
        <v>11611</v>
      </c>
      <c r="G19376" t="s">
        <v>11612</v>
      </c>
      <c r="H19376" t="s">
        <v>11613</v>
      </c>
      <c r="I19376" s="2">
        <v>0</v>
      </c>
      <c r="J19376" s="2">
        <v>0</v>
      </c>
      <c r="K19376" s="2">
        <v>1</v>
      </c>
      <c r="L19376" t="s">
        <v>995</v>
      </c>
      <c r="M19376" t="s">
        <v>89</v>
      </c>
      <c r="N19376" t="s">
        <v>90</v>
      </c>
      <c r="O19376" t="s">
        <v>85</v>
      </c>
      <c r="P19376" t="s">
        <v>86</v>
      </c>
      <c r="Q19376">
        <v>14</v>
      </c>
      <c r="R19376">
        <v>14</v>
      </c>
      <c r="S19376">
        <v>14</v>
      </c>
      <c r="T19376">
        <v>14</v>
      </c>
      <c r="U19376">
        <v>15</v>
      </c>
      <c r="V19376">
        <v>15</v>
      </c>
      <c r="W19376">
        <v>15</v>
      </c>
      <c r="X19376">
        <v>16</v>
      </c>
      <c r="Y19376">
        <v>16</v>
      </c>
      <c r="Z19376">
        <v>16</v>
      </c>
      <c r="AA19376">
        <v>16</v>
      </c>
      <c r="AB19376">
        <v>17</v>
      </c>
      <c r="AC19376">
        <v>17</v>
      </c>
      <c r="AD19376">
        <v>17</v>
      </c>
      <c r="AE19376">
        <v>17</v>
      </c>
      <c r="AF19376">
        <v>17</v>
      </c>
      <c r="AG19376">
        <v>17</v>
      </c>
      <c r="AH19376">
        <v>17</v>
      </c>
      <c r="AI19376">
        <v>17</v>
      </c>
      <c r="AJ19376">
        <v>17</v>
      </c>
      <c r="AK19376">
        <v>17</v>
      </c>
      <c r="AL19376">
        <v>17</v>
      </c>
      <c r="AM19376">
        <v>17</v>
      </c>
      <c r="AN19376">
        <v>17</v>
      </c>
      <c r="AO19376">
        <v>17</v>
      </c>
      <c r="AP19376">
        <v>17</v>
      </c>
      <c r="AQ19376">
        <v>17</v>
      </c>
    </row>
    <row r="19377" spans="1:43">
      <c r="A19377" t="s">
        <v>11996</v>
      </c>
      <c r="B19377" t="s">
        <v>11997</v>
      </c>
      <c r="C19377" t="s">
        <v>11990</v>
      </c>
      <c r="D19377" t="s">
        <v>11991</v>
      </c>
      <c r="E19377" t="s">
        <v>11610</v>
      </c>
      <c r="F19377" t="s">
        <v>11611</v>
      </c>
      <c r="G19377" t="s">
        <v>11612</v>
      </c>
      <c r="H19377" t="s">
        <v>11613</v>
      </c>
      <c r="I19377" s="2">
        <v>0</v>
      </c>
      <c r="J19377" s="2">
        <v>0</v>
      </c>
      <c r="K19377" s="2">
        <v>1</v>
      </c>
      <c r="L19377" t="s">
        <v>995</v>
      </c>
      <c r="M19377" t="s">
        <v>83</v>
      </c>
      <c r="N19377" t="s">
        <v>91</v>
      </c>
      <c r="O19377" t="s">
        <v>85</v>
      </c>
      <c r="P19377" t="s">
        <v>86</v>
      </c>
      <c r="Q19377">
        <v>14</v>
      </c>
      <c r="R19377">
        <v>15</v>
      </c>
      <c r="S19377">
        <v>15</v>
      </c>
      <c r="T19377">
        <v>15</v>
      </c>
      <c r="U19377">
        <v>15</v>
      </c>
      <c r="V19377">
        <v>15</v>
      </c>
      <c r="W19377">
        <v>16</v>
      </c>
      <c r="X19377">
        <v>16</v>
      </c>
      <c r="Y19377">
        <v>16</v>
      </c>
      <c r="Z19377">
        <v>16</v>
      </c>
      <c r="AA19377">
        <v>16</v>
      </c>
      <c r="AB19377">
        <v>17</v>
      </c>
      <c r="AC19377">
        <v>17</v>
      </c>
      <c r="AD19377">
        <v>17</v>
      </c>
      <c r="AE19377">
        <v>17</v>
      </c>
      <c r="AF19377">
        <v>17</v>
      </c>
      <c r="AG19377">
        <v>17</v>
      </c>
      <c r="AH19377">
        <v>18</v>
      </c>
      <c r="AI19377">
        <v>18</v>
      </c>
      <c r="AJ19377">
        <v>18</v>
      </c>
      <c r="AK19377">
        <v>18</v>
      </c>
      <c r="AL19377">
        <v>18</v>
      </c>
      <c r="AM19377">
        <v>18</v>
      </c>
      <c r="AN19377">
        <v>18</v>
      </c>
      <c r="AO19377">
        <v>18</v>
      </c>
      <c r="AP19377">
        <v>18</v>
      </c>
      <c r="AQ19377">
        <v>18</v>
      </c>
    </row>
    <row r="19378" spans="1:43">
      <c r="A19378" t="s">
        <v>11998</v>
      </c>
      <c r="B19378" t="s">
        <v>11999</v>
      </c>
      <c r="C19378" t="s">
        <v>11990</v>
      </c>
      <c r="D19378" t="s">
        <v>11991</v>
      </c>
      <c r="E19378" t="s">
        <v>11610</v>
      </c>
      <c r="F19378" t="s">
        <v>11611</v>
      </c>
      <c r="G19378" t="s">
        <v>11612</v>
      </c>
      <c r="H19378" t="s">
        <v>11613</v>
      </c>
      <c r="I19378" s="2">
        <v>0</v>
      </c>
      <c r="J19378" s="2">
        <v>0</v>
      </c>
      <c r="K19378" s="2">
        <v>1</v>
      </c>
      <c r="L19378" t="s">
        <v>995</v>
      </c>
      <c r="M19378" t="s">
        <v>83</v>
      </c>
      <c r="N19378" t="s">
        <v>84</v>
      </c>
      <c r="O19378" t="s">
        <v>85</v>
      </c>
      <c r="P19378" t="s">
        <v>86</v>
      </c>
      <c r="Q19378">
        <v>7</v>
      </c>
      <c r="R19378">
        <v>7</v>
      </c>
      <c r="S19378">
        <v>7</v>
      </c>
      <c r="T19378">
        <v>7</v>
      </c>
      <c r="U19378">
        <v>7</v>
      </c>
      <c r="V19378">
        <v>7</v>
      </c>
      <c r="W19378">
        <v>7</v>
      </c>
      <c r="X19378">
        <v>7</v>
      </c>
      <c r="Y19378">
        <v>8</v>
      </c>
      <c r="Z19378">
        <v>8</v>
      </c>
      <c r="AA19378">
        <v>8</v>
      </c>
      <c r="AB19378">
        <v>8</v>
      </c>
      <c r="AC19378">
        <v>8</v>
      </c>
      <c r="AD19378">
        <v>8</v>
      </c>
      <c r="AE19378">
        <v>8</v>
      </c>
      <c r="AF19378">
        <v>8</v>
      </c>
      <c r="AG19378">
        <v>8</v>
      </c>
      <c r="AH19378">
        <v>8</v>
      </c>
      <c r="AI19378">
        <v>8</v>
      </c>
      <c r="AJ19378">
        <v>8</v>
      </c>
      <c r="AK19378">
        <v>9</v>
      </c>
      <c r="AL19378">
        <v>9</v>
      </c>
      <c r="AM19378">
        <v>9</v>
      </c>
      <c r="AN19378">
        <v>9</v>
      </c>
      <c r="AO19378">
        <v>9</v>
      </c>
      <c r="AP19378">
        <v>9</v>
      </c>
      <c r="AQ19378">
        <v>9</v>
      </c>
    </row>
    <row r="19379" spans="1:43">
      <c r="A19379" t="s">
        <v>11998</v>
      </c>
      <c r="B19379" t="s">
        <v>11999</v>
      </c>
      <c r="C19379" t="s">
        <v>11990</v>
      </c>
      <c r="D19379" t="s">
        <v>11991</v>
      </c>
      <c r="E19379" t="s">
        <v>11610</v>
      </c>
      <c r="F19379" t="s">
        <v>11611</v>
      </c>
      <c r="G19379" t="s">
        <v>11612</v>
      </c>
      <c r="H19379" t="s">
        <v>11613</v>
      </c>
      <c r="I19379" s="2">
        <v>0</v>
      </c>
      <c r="J19379" s="2">
        <v>0</v>
      </c>
      <c r="K19379" s="2">
        <v>1</v>
      </c>
      <c r="L19379" t="s">
        <v>995</v>
      </c>
      <c r="M19379" t="s">
        <v>87</v>
      </c>
      <c r="N19379" t="s">
        <v>88</v>
      </c>
      <c r="O19379" t="s">
        <v>85</v>
      </c>
      <c r="P19379" t="s">
        <v>86</v>
      </c>
      <c r="Q19379">
        <v>7</v>
      </c>
      <c r="R19379">
        <v>7</v>
      </c>
      <c r="S19379">
        <v>7</v>
      </c>
      <c r="T19379">
        <v>7</v>
      </c>
      <c r="U19379">
        <v>7</v>
      </c>
      <c r="V19379">
        <v>7</v>
      </c>
      <c r="W19379">
        <v>7</v>
      </c>
      <c r="X19379">
        <v>7</v>
      </c>
      <c r="Y19379">
        <v>7</v>
      </c>
      <c r="Z19379">
        <v>7</v>
      </c>
      <c r="AA19379">
        <v>7</v>
      </c>
      <c r="AB19379">
        <v>7</v>
      </c>
      <c r="AC19379">
        <v>7</v>
      </c>
      <c r="AD19379">
        <v>7</v>
      </c>
      <c r="AE19379">
        <v>7</v>
      </c>
      <c r="AF19379">
        <v>7</v>
      </c>
      <c r="AG19379">
        <v>7</v>
      </c>
      <c r="AH19379">
        <v>7</v>
      </c>
      <c r="AI19379">
        <v>7</v>
      </c>
      <c r="AJ19379">
        <v>7</v>
      </c>
      <c r="AK19379">
        <v>7</v>
      </c>
      <c r="AL19379">
        <v>7</v>
      </c>
      <c r="AM19379">
        <v>7</v>
      </c>
      <c r="AN19379">
        <v>7</v>
      </c>
      <c r="AO19379">
        <v>7</v>
      </c>
      <c r="AP19379">
        <v>7</v>
      </c>
      <c r="AQ19379">
        <v>7</v>
      </c>
    </row>
    <row r="19380" spans="1:43">
      <c r="A19380" t="s">
        <v>11998</v>
      </c>
      <c r="B19380" t="s">
        <v>11999</v>
      </c>
      <c r="C19380" t="s">
        <v>11990</v>
      </c>
      <c r="D19380" t="s">
        <v>11991</v>
      </c>
      <c r="E19380" t="s">
        <v>11610</v>
      </c>
      <c r="F19380" t="s">
        <v>11611</v>
      </c>
      <c r="G19380" t="s">
        <v>11612</v>
      </c>
      <c r="H19380" t="s">
        <v>11613</v>
      </c>
      <c r="I19380" s="2">
        <v>0</v>
      </c>
      <c r="J19380" s="2">
        <v>0</v>
      </c>
      <c r="K19380" s="2">
        <v>1</v>
      </c>
      <c r="L19380" t="s">
        <v>995</v>
      </c>
      <c r="M19380" t="s">
        <v>89</v>
      </c>
      <c r="N19380" t="s">
        <v>90</v>
      </c>
      <c r="O19380" t="s">
        <v>85</v>
      </c>
      <c r="P19380" t="s">
        <v>86</v>
      </c>
      <c r="Q19380">
        <v>7</v>
      </c>
      <c r="R19380">
        <v>7</v>
      </c>
      <c r="S19380">
        <v>7</v>
      </c>
      <c r="T19380">
        <v>7</v>
      </c>
      <c r="U19380">
        <v>7</v>
      </c>
      <c r="V19380">
        <v>8</v>
      </c>
      <c r="W19380">
        <v>8</v>
      </c>
      <c r="X19380">
        <v>8</v>
      </c>
      <c r="Y19380">
        <v>8</v>
      </c>
      <c r="Z19380">
        <v>8</v>
      </c>
      <c r="AA19380">
        <v>8</v>
      </c>
      <c r="AB19380">
        <v>8</v>
      </c>
      <c r="AC19380">
        <v>8</v>
      </c>
      <c r="AD19380">
        <v>9</v>
      </c>
      <c r="AE19380">
        <v>9</v>
      </c>
      <c r="AF19380">
        <v>9</v>
      </c>
      <c r="AG19380">
        <v>9</v>
      </c>
      <c r="AH19380">
        <v>9</v>
      </c>
      <c r="AI19380">
        <v>9</v>
      </c>
      <c r="AJ19380">
        <v>9</v>
      </c>
      <c r="AK19380">
        <v>9</v>
      </c>
      <c r="AL19380">
        <v>9</v>
      </c>
      <c r="AM19380">
        <v>9</v>
      </c>
      <c r="AN19380">
        <v>9</v>
      </c>
      <c r="AO19380">
        <v>9</v>
      </c>
      <c r="AP19380">
        <v>9</v>
      </c>
      <c r="AQ19380">
        <v>9</v>
      </c>
    </row>
    <row r="19381" spans="1:43">
      <c r="A19381" t="s">
        <v>11998</v>
      </c>
      <c r="B19381" t="s">
        <v>11999</v>
      </c>
      <c r="C19381" t="s">
        <v>11990</v>
      </c>
      <c r="D19381" t="s">
        <v>11991</v>
      </c>
      <c r="E19381" t="s">
        <v>11610</v>
      </c>
      <c r="F19381" t="s">
        <v>11611</v>
      </c>
      <c r="G19381" t="s">
        <v>11612</v>
      </c>
      <c r="H19381" t="s">
        <v>11613</v>
      </c>
      <c r="I19381" s="2">
        <v>0</v>
      </c>
      <c r="J19381" s="2">
        <v>0</v>
      </c>
      <c r="K19381" s="2">
        <v>1</v>
      </c>
      <c r="L19381" t="s">
        <v>995</v>
      </c>
      <c r="M19381" t="s">
        <v>83</v>
      </c>
      <c r="N19381" t="s">
        <v>91</v>
      </c>
      <c r="O19381" t="s">
        <v>85</v>
      </c>
      <c r="P19381" t="s">
        <v>86</v>
      </c>
      <c r="Q19381">
        <v>7</v>
      </c>
      <c r="R19381">
        <v>7</v>
      </c>
      <c r="S19381">
        <v>7</v>
      </c>
      <c r="T19381">
        <v>7</v>
      </c>
      <c r="U19381">
        <v>7</v>
      </c>
      <c r="V19381">
        <v>7</v>
      </c>
      <c r="W19381">
        <v>7</v>
      </c>
      <c r="X19381">
        <v>7</v>
      </c>
      <c r="Y19381">
        <v>8</v>
      </c>
      <c r="Z19381">
        <v>8</v>
      </c>
      <c r="AA19381">
        <v>8</v>
      </c>
      <c r="AB19381">
        <v>8</v>
      </c>
      <c r="AC19381">
        <v>8</v>
      </c>
      <c r="AD19381">
        <v>8</v>
      </c>
      <c r="AE19381">
        <v>8</v>
      </c>
      <c r="AF19381">
        <v>8</v>
      </c>
      <c r="AG19381">
        <v>8</v>
      </c>
      <c r="AH19381">
        <v>8</v>
      </c>
      <c r="AI19381">
        <v>8</v>
      </c>
      <c r="AJ19381">
        <v>8</v>
      </c>
      <c r="AK19381">
        <v>9</v>
      </c>
      <c r="AL19381">
        <v>9</v>
      </c>
      <c r="AM19381">
        <v>9</v>
      </c>
      <c r="AN19381">
        <v>9</v>
      </c>
      <c r="AO19381">
        <v>9</v>
      </c>
      <c r="AP19381">
        <v>9</v>
      </c>
      <c r="AQ19381">
        <v>9</v>
      </c>
    </row>
    <row r="19382" spans="1:43">
      <c r="A19382" t="s">
        <v>12000</v>
      </c>
      <c r="B19382" t="s">
        <v>12001</v>
      </c>
      <c r="C19382" t="s">
        <v>11990</v>
      </c>
      <c r="D19382" t="s">
        <v>11991</v>
      </c>
      <c r="E19382" t="s">
        <v>11610</v>
      </c>
      <c r="F19382" t="s">
        <v>11611</v>
      </c>
      <c r="G19382" t="s">
        <v>11612</v>
      </c>
      <c r="H19382" t="s">
        <v>11613</v>
      </c>
      <c r="I19382" s="2">
        <v>0</v>
      </c>
      <c r="J19382" s="2">
        <v>0</v>
      </c>
      <c r="K19382" s="2">
        <v>1</v>
      </c>
      <c r="L19382" t="s">
        <v>995</v>
      </c>
      <c r="M19382" t="s">
        <v>83</v>
      </c>
      <c r="N19382" t="s">
        <v>84</v>
      </c>
      <c r="O19382" t="s">
        <v>85</v>
      </c>
      <c r="P19382" t="s">
        <v>86</v>
      </c>
      <c r="Q19382">
        <v>9</v>
      </c>
      <c r="R19382">
        <v>10</v>
      </c>
      <c r="S19382">
        <v>10</v>
      </c>
      <c r="T19382">
        <v>10</v>
      </c>
      <c r="U19382">
        <v>10</v>
      </c>
      <c r="V19382">
        <v>10</v>
      </c>
      <c r="W19382">
        <v>10</v>
      </c>
      <c r="X19382">
        <v>10</v>
      </c>
      <c r="Y19382">
        <v>10</v>
      </c>
      <c r="Z19382">
        <v>11</v>
      </c>
      <c r="AA19382">
        <v>11</v>
      </c>
      <c r="AB19382">
        <v>11</v>
      </c>
      <c r="AC19382">
        <v>11</v>
      </c>
      <c r="AD19382">
        <v>11</v>
      </c>
      <c r="AE19382">
        <v>11</v>
      </c>
      <c r="AF19382">
        <v>11</v>
      </c>
      <c r="AG19382">
        <v>11</v>
      </c>
      <c r="AH19382">
        <v>12</v>
      </c>
      <c r="AI19382">
        <v>12</v>
      </c>
      <c r="AJ19382">
        <v>12</v>
      </c>
      <c r="AK19382">
        <v>12</v>
      </c>
      <c r="AL19382">
        <v>12</v>
      </c>
      <c r="AM19382">
        <v>12</v>
      </c>
      <c r="AN19382">
        <v>12</v>
      </c>
      <c r="AO19382">
        <v>12</v>
      </c>
      <c r="AP19382">
        <v>12</v>
      </c>
      <c r="AQ19382">
        <v>12</v>
      </c>
    </row>
    <row r="19383" spans="1:43">
      <c r="A19383" t="s">
        <v>12000</v>
      </c>
      <c r="B19383" t="s">
        <v>12001</v>
      </c>
      <c r="C19383" t="s">
        <v>11990</v>
      </c>
      <c r="D19383" t="s">
        <v>11991</v>
      </c>
      <c r="E19383" t="s">
        <v>11610</v>
      </c>
      <c r="F19383" t="s">
        <v>11611</v>
      </c>
      <c r="G19383" t="s">
        <v>11612</v>
      </c>
      <c r="H19383" t="s">
        <v>11613</v>
      </c>
      <c r="I19383" s="2">
        <v>0</v>
      </c>
      <c r="J19383" s="2">
        <v>0</v>
      </c>
      <c r="K19383" s="2">
        <v>1</v>
      </c>
      <c r="L19383" t="s">
        <v>995</v>
      </c>
      <c r="M19383" t="s">
        <v>87</v>
      </c>
      <c r="N19383" t="s">
        <v>88</v>
      </c>
      <c r="O19383" t="s">
        <v>85</v>
      </c>
      <c r="P19383" t="s">
        <v>86</v>
      </c>
      <c r="Q19383">
        <v>9</v>
      </c>
      <c r="R19383">
        <v>9</v>
      </c>
      <c r="S19383">
        <v>9</v>
      </c>
      <c r="T19383">
        <v>9</v>
      </c>
      <c r="U19383">
        <v>10</v>
      </c>
      <c r="V19383">
        <v>10</v>
      </c>
      <c r="W19383">
        <v>10</v>
      </c>
      <c r="X19383">
        <v>10</v>
      </c>
      <c r="Y19383">
        <v>10</v>
      </c>
      <c r="Z19383">
        <v>10</v>
      </c>
      <c r="AA19383">
        <v>10</v>
      </c>
      <c r="AB19383">
        <v>10</v>
      </c>
      <c r="AC19383">
        <v>10</v>
      </c>
      <c r="AD19383">
        <v>10</v>
      </c>
      <c r="AE19383">
        <v>10</v>
      </c>
      <c r="AF19383">
        <v>10</v>
      </c>
      <c r="AG19383">
        <v>10</v>
      </c>
      <c r="AH19383">
        <v>10</v>
      </c>
      <c r="AI19383">
        <v>10</v>
      </c>
      <c r="AJ19383">
        <v>10</v>
      </c>
      <c r="AK19383">
        <v>10</v>
      </c>
      <c r="AL19383">
        <v>10</v>
      </c>
      <c r="AM19383">
        <v>10</v>
      </c>
      <c r="AN19383">
        <v>10</v>
      </c>
      <c r="AO19383">
        <v>10</v>
      </c>
      <c r="AP19383">
        <v>10</v>
      </c>
      <c r="AQ19383">
        <v>10</v>
      </c>
    </row>
    <row r="19384" spans="1:43">
      <c r="A19384" t="s">
        <v>12000</v>
      </c>
      <c r="B19384" t="s">
        <v>12001</v>
      </c>
      <c r="C19384" t="s">
        <v>11990</v>
      </c>
      <c r="D19384" t="s">
        <v>11991</v>
      </c>
      <c r="E19384" t="s">
        <v>11610</v>
      </c>
      <c r="F19384" t="s">
        <v>11611</v>
      </c>
      <c r="G19384" t="s">
        <v>11612</v>
      </c>
      <c r="H19384" t="s">
        <v>11613</v>
      </c>
      <c r="I19384" s="2">
        <v>0</v>
      </c>
      <c r="J19384" s="2">
        <v>0</v>
      </c>
      <c r="K19384" s="2">
        <v>1</v>
      </c>
      <c r="L19384" t="s">
        <v>995</v>
      </c>
      <c r="M19384" t="s">
        <v>89</v>
      </c>
      <c r="N19384" t="s">
        <v>90</v>
      </c>
      <c r="O19384" t="s">
        <v>85</v>
      </c>
      <c r="P19384" t="s">
        <v>86</v>
      </c>
      <c r="Q19384">
        <v>9</v>
      </c>
      <c r="R19384">
        <v>9</v>
      </c>
      <c r="S19384">
        <v>9</v>
      </c>
      <c r="T19384">
        <v>9</v>
      </c>
      <c r="U19384">
        <v>9</v>
      </c>
      <c r="V19384">
        <v>10</v>
      </c>
      <c r="W19384">
        <v>10</v>
      </c>
      <c r="X19384">
        <v>10</v>
      </c>
      <c r="Y19384">
        <v>10</v>
      </c>
      <c r="Z19384">
        <v>10</v>
      </c>
      <c r="AA19384">
        <v>10</v>
      </c>
      <c r="AB19384">
        <v>11</v>
      </c>
      <c r="AC19384">
        <v>11</v>
      </c>
      <c r="AD19384">
        <v>11</v>
      </c>
      <c r="AE19384">
        <v>11</v>
      </c>
      <c r="AF19384">
        <v>11</v>
      </c>
      <c r="AG19384">
        <v>11</v>
      </c>
      <c r="AH19384">
        <v>11</v>
      </c>
      <c r="AI19384">
        <v>11</v>
      </c>
      <c r="AJ19384">
        <v>11</v>
      </c>
      <c r="AK19384">
        <v>11</v>
      </c>
      <c r="AL19384">
        <v>11</v>
      </c>
      <c r="AM19384">
        <v>11</v>
      </c>
      <c r="AN19384">
        <v>11</v>
      </c>
      <c r="AO19384">
        <v>11</v>
      </c>
      <c r="AP19384">
        <v>11</v>
      </c>
      <c r="AQ19384">
        <v>11</v>
      </c>
    </row>
    <row r="19385" spans="1:43">
      <c r="A19385" t="s">
        <v>12000</v>
      </c>
      <c r="B19385" t="s">
        <v>12001</v>
      </c>
      <c r="C19385" t="s">
        <v>11990</v>
      </c>
      <c r="D19385" t="s">
        <v>11991</v>
      </c>
      <c r="E19385" t="s">
        <v>11610</v>
      </c>
      <c r="F19385" t="s">
        <v>11611</v>
      </c>
      <c r="G19385" t="s">
        <v>11612</v>
      </c>
      <c r="H19385" t="s">
        <v>11613</v>
      </c>
      <c r="I19385" s="2">
        <v>0</v>
      </c>
      <c r="J19385" s="2">
        <v>0</v>
      </c>
      <c r="K19385" s="2">
        <v>1</v>
      </c>
      <c r="L19385" t="s">
        <v>995</v>
      </c>
      <c r="M19385" t="s">
        <v>83</v>
      </c>
      <c r="N19385" t="s">
        <v>91</v>
      </c>
      <c r="O19385" t="s">
        <v>85</v>
      </c>
      <c r="P19385" t="s">
        <v>86</v>
      </c>
      <c r="Q19385">
        <v>9</v>
      </c>
      <c r="R19385">
        <v>10</v>
      </c>
      <c r="S19385">
        <v>10</v>
      </c>
      <c r="T19385">
        <v>10</v>
      </c>
      <c r="U19385">
        <v>10</v>
      </c>
      <c r="V19385">
        <v>10</v>
      </c>
      <c r="W19385">
        <v>10</v>
      </c>
      <c r="X19385">
        <v>10</v>
      </c>
      <c r="Y19385">
        <v>10</v>
      </c>
      <c r="Z19385">
        <v>11</v>
      </c>
      <c r="AA19385">
        <v>11</v>
      </c>
      <c r="AB19385">
        <v>11</v>
      </c>
      <c r="AC19385">
        <v>11</v>
      </c>
      <c r="AD19385">
        <v>11</v>
      </c>
      <c r="AE19385">
        <v>11</v>
      </c>
      <c r="AF19385">
        <v>11</v>
      </c>
      <c r="AG19385">
        <v>11</v>
      </c>
      <c r="AH19385">
        <v>12</v>
      </c>
      <c r="AI19385">
        <v>12</v>
      </c>
      <c r="AJ19385">
        <v>12</v>
      </c>
      <c r="AK19385">
        <v>12</v>
      </c>
      <c r="AL19385">
        <v>12</v>
      </c>
      <c r="AM19385">
        <v>12</v>
      </c>
      <c r="AN19385">
        <v>12</v>
      </c>
      <c r="AO19385">
        <v>12</v>
      </c>
      <c r="AP19385">
        <v>12</v>
      </c>
      <c r="AQ19385">
        <v>12</v>
      </c>
    </row>
    <row r="19386" spans="1:43">
      <c r="A19386" t="s">
        <v>12002</v>
      </c>
      <c r="B19386" t="s">
        <v>12003</v>
      </c>
      <c r="C19386" t="s">
        <v>12004</v>
      </c>
      <c r="D19386" t="s">
        <v>12005</v>
      </c>
      <c r="E19386" t="s">
        <v>12006</v>
      </c>
      <c r="F19386" t="s">
        <v>12007</v>
      </c>
      <c r="G19386" t="s">
        <v>10450</v>
      </c>
      <c r="H19386" t="s">
        <v>10451</v>
      </c>
      <c r="I19386" s="2">
        <v>1</v>
      </c>
      <c r="J19386" s="2">
        <v>0</v>
      </c>
      <c r="K19386" s="2">
        <v>0</v>
      </c>
      <c r="L19386" t="s">
        <v>120</v>
      </c>
      <c r="M19386" t="s">
        <v>83</v>
      </c>
      <c r="N19386" t="s">
        <v>84</v>
      </c>
      <c r="O19386" t="s">
        <v>85</v>
      </c>
      <c r="P19386" t="s">
        <v>86</v>
      </c>
      <c r="Q19386">
        <v>10</v>
      </c>
      <c r="R19386">
        <v>10</v>
      </c>
      <c r="S19386">
        <v>10</v>
      </c>
      <c r="T19386">
        <v>11</v>
      </c>
      <c r="U19386">
        <v>11</v>
      </c>
      <c r="V19386">
        <v>11</v>
      </c>
      <c r="W19386">
        <v>11</v>
      </c>
      <c r="X19386">
        <v>11</v>
      </c>
      <c r="Y19386">
        <v>11</v>
      </c>
      <c r="Z19386">
        <v>11</v>
      </c>
      <c r="AA19386">
        <v>11</v>
      </c>
      <c r="AB19386">
        <v>12</v>
      </c>
      <c r="AC19386">
        <v>12</v>
      </c>
      <c r="AD19386">
        <v>12</v>
      </c>
      <c r="AE19386">
        <v>12</v>
      </c>
      <c r="AF19386">
        <v>12</v>
      </c>
      <c r="AG19386">
        <v>12</v>
      </c>
      <c r="AH19386">
        <v>12</v>
      </c>
      <c r="AI19386">
        <v>13</v>
      </c>
      <c r="AJ19386">
        <v>13</v>
      </c>
      <c r="AK19386">
        <v>13</v>
      </c>
      <c r="AL19386">
        <v>13</v>
      </c>
      <c r="AM19386">
        <v>13</v>
      </c>
      <c r="AN19386">
        <v>13</v>
      </c>
      <c r="AO19386">
        <v>13</v>
      </c>
      <c r="AP19386">
        <v>13</v>
      </c>
      <c r="AQ19386">
        <v>13</v>
      </c>
    </row>
    <row r="19387" spans="1:43">
      <c r="A19387" t="s">
        <v>12002</v>
      </c>
      <c r="B19387" t="s">
        <v>12003</v>
      </c>
      <c r="C19387" t="s">
        <v>12004</v>
      </c>
      <c r="D19387" t="s">
        <v>12005</v>
      </c>
      <c r="E19387" t="s">
        <v>12006</v>
      </c>
      <c r="F19387" t="s">
        <v>12007</v>
      </c>
      <c r="G19387" t="s">
        <v>10450</v>
      </c>
      <c r="H19387" t="s">
        <v>10451</v>
      </c>
      <c r="I19387" s="2">
        <v>1</v>
      </c>
      <c r="J19387" s="2">
        <v>0</v>
      </c>
      <c r="K19387" s="2">
        <v>0</v>
      </c>
      <c r="L19387" t="s">
        <v>120</v>
      </c>
      <c r="M19387" t="s">
        <v>87</v>
      </c>
      <c r="N19387" t="s">
        <v>88</v>
      </c>
      <c r="O19387" t="s">
        <v>85</v>
      </c>
      <c r="P19387" t="s">
        <v>86</v>
      </c>
      <c r="Q19387">
        <v>10</v>
      </c>
      <c r="R19387">
        <v>10</v>
      </c>
      <c r="S19387">
        <v>10</v>
      </c>
      <c r="T19387">
        <v>10</v>
      </c>
      <c r="U19387">
        <v>10</v>
      </c>
      <c r="V19387">
        <v>10</v>
      </c>
      <c r="W19387">
        <v>10</v>
      </c>
      <c r="X19387">
        <v>10</v>
      </c>
      <c r="Y19387">
        <v>10</v>
      </c>
      <c r="Z19387">
        <v>10</v>
      </c>
      <c r="AA19387">
        <v>10</v>
      </c>
      <c r="AB19387">
        <v>11</v>
      </c>
      <c r="AC19387">
        <v>11</v>
      </c>
      <c r="AD19387">
        <v>11</v>
      </c>
      <c r="AE19387">
        <v>11</v>
      </c>
      <c r="AF19387">
        <v>11</v>
      </c>
      <c r="AG19387">
        <v>11</v>
      </c>
      <c r="AH19387">
        <v>11</v>
      </c>
      <c r="AI19387">
        <v>11</v>
      </c>
      <c r="AJ19387">
        <v>11</v>
      </c>
      <c r="AK19387">
        <v>11</v>
      </c>
      <c r="AL19387">
        <v>11</v>
      </c>
      <c r="AM19387">
        <v>11</v>
      </c>
      <c r="AN19387">
        <v>11</v>
      </c>
      <c r="AO19387">
        <v>11</v>
      </c>
      <c r="AP19387">
        <v>11</v>
      </c>
      <c r="AQ19387">
        <v>11</v>
      </c>
    </row>
    <row r="19388" spans="1:43">
      <c r="A19388" t="s">
        <v>12002</v>
      </c>
      <c r="B19388" t="s">
        <v>12003</v>
      </c>
      <c r="C19388" t="s">
        <v>12004</v>
      </c>
      <c r="D19388" t="s">
        <v>12005</v>
      </c>
      <c r="E19388" t="s">
        <v>12006</v>
      </c>
      <c r="F19388" t="s">
        <v>12007</v>
      </c>
      <c r="G19388" t="s">
        <v>10450</v>
      </c>
      <c r="H19388" t="s">
        <v>10451</v>
      </c>
      <c r="I19388" s="2">
        <v>1</v>
      </c>
      <c r="J19388" s="2">
        <v>0</v>
      </c>
      <c r="K19388" s="2">
        <v>0</v>
      </c>
      <c r="L19388" t="s">
        <v>120</v>
      </c>
      <c r="M19388" t="s">
        <v>89</v>
      </c>
      <c r="N19388" t="s">
        <v>90</v>
      </c>
      <c r="O19388" t="s">
        <v>85</v>
      </c>
      <c r="P19388" t="s">
        <v>86</v>
      </c>
      <c r="Q19388">
        <v>10</v>
      </c>
      <c r="R19388">
        <v>10</v>
      </c>
      <c r="S19388">
        <v>11</v>
      </c>
      <c r="T19388">
        <v>11</v>
      </c>
      <c r="U19388">
        <v>11</v>
      </c>
      <c r="V19388">
        <v>11</v>
      </c>
      <c r="W19388">
        <v>11</v>
      </c>
      <c r="X19388">
        <v>12</v>
      </c>
      <c r="Y19388">
        <v>12</v>
      </c>
      <c r="Z19388">
        <v>12</v>
      </c>
      <c r="AA19388">
        <v>12</v>
      </c>
      <c r="AB19388">
        <v>12</v>
      </c>
      <c r="AC19388">
        <v>13</v>
      </c>
      <c r="AD19388">
        <v>13</v>
      </c>
      <c r="AE19388">
        <v>13</v>
      </c>
      <c r="AF19388">
        <v>13</v>
      </c>
      <c r="AG19388">
        <v>13</v>
      </c>
      <c r="AH19388">
        <v>13</v>
      </c>
      <c r="AI19388">
        <v>13</v>
      </c>
      <c r="AJ19388">
        <v>13</v>
      </c>
      <c r="AK19388">
        <v>13</v>
      </c>
      <c r="AL19388">
        <v>13</v>
      </c>
      <c r="AM19388">
        <v>13</v>
      </c>
      <c r="AN19388">
        <v>13</v>
      </c>
      <c r="AO19388">
        <v>13</v>
      </c>
      <c r="AP19388">
        <v>13</v>
      </c>
      <c r="AQ19388">
        <v>13</v>
      </c>
    </row>
    <row r="19389" spans="1:43">
      <c r="A19389" t="s">
        <v>12002</v>
      </c>
      <c r="B19389" t="s">
        <v>12003</v>
      </c>
      <c r="C19389" t="s">
        <v>12004</v>
      </c>
      <c r="D19389" t="s">
        <v>12005</v>
      </c>
      <c r="E19389" t="s">
        <v>12006</v>
      </c>
      <c r="F19389" t="s">
        <v>12007</v>
      </c>
      <c r="G19389" t="s">
        <v>10450</v>
      </c>
      <c r="H19389" t="s">
        <v>10451</v>
      </c>
      <c r="I19389" s="2">
        <v>1</v>
      </c>
      <c r="J19389" s="2">
        <v>0</v>
      </c>
      <c r="K19389" s="2">
        <v>0</v>
      </c>
      <c r="L19389" t="s">
        <v>120</v>
      </c>
      <c r="M19389" t="s">
        <v>83</v>
      </c>
      <c r="N19389" t="s">
        <v>91</v>
      </c>
      <c r="O19389" t="s">
        <v>85</v>
      </c>
      <c r="P19389" t="s">
        <v>86</v>
      </c>
      <c r="Q19389">
        <v>10</v>
      </c>
      <c r="R19389">
        <v>10</v>
      </c>
      <c r="S19389">
        <v>10</v>
      </c>
      <c r="T19389">
        <v>11</v>
      </c>
      <c r="U19389">
        <v>11</v>
      </c>
      <c r="V19389">
        <v>11</v>
      </c>
      <c r="W19389">
        <v>11</v>
      </c>
      <c r="X19389">
        <v>11</v>
      </c>
      <c r="Y19389">
        <v>11</v>
      </c>
      <c r="Z19389">
        <v>11</v>
      </c>
      <c r="AA19389">
        <v>11</v>
      </c>
      <c r="AB19389">
        <v>12</v>
      </c>
      <c r="AC19389">
        <v>12</v>
      </c>
      <c r="AD19389">
        <v>12</v>
      </c>
      <c r="AE19389">
        <v>12</v>
      </c>
      <c r="AF19389">
        <v>12</v>
      </c>
      <c r="AG19389">
        <v>12</v>
      </c>
      <c r="AH19389">
        <v>12</v>
      </c>
      <c r="AI19389">
        <v>13</v>
      </c>
      <c r="AJ19389">
        <v>13</v>
      </c>
      <c r="AK19389">
        <v>13</v>
      </c>
      <c r="AL19389">
        <v>13</v>
      </c>
      <c r="AM19389">
        <v>13</v>
      </c>
      <c r="AN19389">
        <v>13</v>
      </c>
      <c r="AO19389">
        <v>13</v>
      </c>
      <c r="AP19389">
        <v>13</v>
      </c>
      <c r="AQ19389">
        <v>13</v>
      </c>
    </row>
    <row r="19390" spans="1:43">
      <c r="A19390" t="s">
        <v>12008</v>
      </c>
      <c r="B19390" t="s">
        <v>12009</v>
      </c>
      <c r="C19390" t="s">
        <v>12004</v>
      </c>
      <c r="D19390" t="s">
        <v>12005</v>
      </c>
      <c r="E19390" t="s">
        <v>12006</v>
      </c>
      <c r="F19390" t="s">
        <v>12007</v>
      </c>
      <c r="G19390" t="s">
        <v>10450</v>
      </c>
      <c r="H19390" t="s">
        <v>10451</v>
      </c>
      <c r="I19390" s="2">
        <v>1</v>
      </c>
      <c r="J19390" s="2">
        <v>0</v>
      </c>
      <c r="K19390" s="2">
        <v>0</v>
      </c>
      <c r="L19390" t="s">
        <v>120</v>
      </c>
      <c r="M19390" t="s">
        <v>83</v>
      </c>
      <c r="N19390" t="s">
        <v>84</v>
      </c>
      <c r="O19390" t="s">
        <v>85</v>
      </c>
      <c r="P19390" t="s">
        <v>86</v>
      </c>
      <c r="Q19390">
        <v>7</v>
      </c>
      <c r="R19390">
        <v>7</v>
      </c>
      <c r="S19390">
        <v>7</v>
      </c>
      <c r="T19390">
        <v>7</v>
      </c>
      <c r="U19390">
        <v>8</v>
      </c>
      <c r="V19390">
        <v>8</v>
      </c>
      <c r="W19390">
        <v>8</v>
      </c>
      <c r="X19390">
        <v>8</v>
      </c>
      <c r="Y19390">
        <v>8</v>
      </c>
      <c r="Z19390">
        <v>8</v>
      </c>
      <c r="AA19390">
        <v>8</v>
      </c>
      <c r="AB19390">
        <v>8</v>
      </c>
      <c r="AC19390">
        <v>8</v>
      </c>
      <c r="AD19390">
        <v>8</v>
      </c>
      <c r="AE19390">
        <v>9</v>
      </c>
      <c r="AF19390">
        <v>9</v>
      </c>
      <c r="AG19390">
        <v>9</v>
      </c>
      <c r="AH19390">
        <v>9</v>
      </c>
      <c r="AI19390">
        <v>9</v>
      </c>
      <c r="AJ19390">
        <v>9</v>
      </c>
      <c r="AK19390">
        <v>9</v>
      </c>
      <c r="AL19390">
        <v>9</v>
      </c>
      <c r="AM19390">
        <v>9</v>
      </c>
      <c r="AN19390">
        <v>9</v>
      </c>
      <c r="AO19390">
        <v>9</v>
      </c>
      <c r="AP19390">
        <v>9</v>
      </c>
      <c r="AQ19390">
        <v>9</v>
      </c>
    </row>
    <row r="19391" spans="1:43">
      <c r="A19391" t="s">
        <v>12008</v>
      </c>
      <c r="B19391" t="s">
        <v>12009</v>
      </c>
      <c r="C19391" t="s">
        <v>12004</v>
      </c>
      <c r="D19391" t="s">
        <v>12005</v>
      </c>
      <c r="E19391" t="s">
        <v>12006</v>
      </c>
      <c r="F19391" t="s">
        <v>12007</v>
      </c>
      <c r="G19391" t="s">
        <v>10450</v>
      </c>
      <c r="H19391" t="s">
        <v>10451</v>
      </c>
      <c r="I19391" s="2">
        <v>1</v>
      </c>
      <c r="J19391" s="2">
        <v>0</v>
      </c>
      <c r="K19391" s="2">
        <v>0</v>
      </c>
      <c r="L19391" t="s">
        <v>120</v>
      </c>
      <c r="M19391" t="s">
        <v>87</v>
      </c>
      <c r="N19391" t="s">
        <v>88</v>
      </c>
      <c r="O19391" t="s">
        <v>85</v>
      </c>
      <c r="P19391" t="s">
        <v>86</v>
      </c>
      <c r="Q19391">
        <v>7</v>
      </c>
      <c r="R19391">
        <v>7</v>
      </c>
      <c r="S19391">
        <v>7</v>
      </c>
      <c r="T19391">
        <v>7</v>
      </c>
      <c r="U19391">
        <v>7</v>
      </c>
      <c r="V19391">
        <v>7</v>
      </c>
      <c r="W19391">
        <v>7</v>
      </c>
      <c r="X19391">
        <v>7</v>
      </c>
      <c r="Y19391">
        <v>7</v>
      </c>
      <c r="Z19391">
        <v>7</v>
      </c>
      <c r="AA19391">
        <v>7</v>
      </c>
      <c r="AB19391">
        <v>7</v>
      </c>
      <c r="AC19391">
        <v>7</v>
      </c>
      <c r="AD19391">
        <v>8</v>
      </c>
      <c r="AE19391">
        <v>8</v>
      </c>
      <c r="AF19391">
        <v>8</v>
      </c>
      <c r="AG19391">
        <v>8</v>
      </c>
      <c r="AH19391">
        <v>8</v>
      </c>
      <c r="AI19391">
        <v>8</v>
      </c>
      <c r="AJ19391">
        <v>8</v>
      </c>
      <c r="AK19391">
        <v>8</v>
      </c>
      <c r="AL19391">
        <v>8</v>
      </c>
      <c r="AM19391">
        <v>8</v>
      </c>
      <c r="AN19391">
        <v>8</v>
      </c>
      <c r="AO19391">
        <v>8</v>
      </c>
      <c r="AP19391">
        <v>8</v>
      </c>
      <c r="AQ19391">
        <v>8</v>
      </c>
    </row>
    <row r="19392" spans="1:43">
      <c r="A19392" t="s">
        <v>12008</v>
      </c>
      <c r="B19392" t="s">
        <v>12009</v>
      </c>
      <c r="C19392" t="s">
        <v>12004</v>
      </c>
      <c r="D19392" t="s">
        <v>12005</v>
      </c>
      <c r="E19392" t="s">
        <v>12006</v>
      </c>
      <c r="F19392" t="s">
        <v>12007</v>
      </c>
      <c r="G19392" t="s">
        <v>10450</v>
      </c>
      <c r="H19392" t="s">
        <v>10451</v>
      </c>
      <c r="I19392" s="2">
        <v>1</v>
      </c>
      <c r="J19392" s="2">
        <v>0</v>
      </c>
      <c r="K19392" s="2">
        <v>0</v>
      </c>
      <c r="L19392" t="s">
        <v>120</v>
      </c>
      <c r="M19392" t="s">
        <v>89</v>
      </c>
      <c r="N19392" t="s">
        <v>90</v>
      </c>
      <c r="O19392" t="s">
        <v>85</v>
      </c>
      <c r="P19392" t="s">
        <v>86</v>
      </c>
      <c r="Q19392">
        <v>7</v>
      </c>
      <c r="R19392">
        <v>7</v>
      </c>
      <c r="S19392">
        <v>8</v>
      </c>
      <c r="T19392">
        <v>8</v>
      </c>
      <c r="U19392">
        <v>8</v>
      </c>
      <c r="V19392">
        <v>8</v>
      </c>
      <c r="W19392">
        <v>8</v>
      </c>
      <c r="X19392">
        <v>8</v>
      </c>
      <c r="Y19392">
        <v>8</v>
      </c>
      <c r="Z19392">
        <v>9</v>
      </c>
      <c r="AA19392">
        <v>9</v>
      </c>
      <c r="AB19392">
        <v>9</v>
      </c>
      <c r="AC19392">
        <v>9</v>
      </c>
      <c r="AD19392">
        <v>9</v>
      </c>
      <c r="AE19392">
        <v>9</v>
      </c>
      <c r="AF19392">
        <v>9</v>
      </c>
      <c r="AG19392">
        <v>9</v>
      </c>
      <c r="AH19392">
        <v>9</v>
      </c>
      <c r="AI19392">
        <v>9</v>
      </c>
      <c r="AJ19392">
        <v>9</v>
      </c>
      <c r="AK19392">
        <v>9</v>
      </c>
      <c r="AL19392">
        <v>9</v>
      </c>
      <c r="AM19392">
        <v>9</v>
      </c>
      <c r="AN19392">
        <v>9</v>
      </c>
      <c r="AO19392">
        <v>9</v>
      </c>
      <c r="AP19392">
        <v>9</v>
      </c>
      <c r="AQ19392">
        <v>9</v>
      </c>
    </row>
    <row r="19393" spans="1:43">
      <c r="A19393" t="s">
        <v>12008</v>
      </c>
      <c r="B19393" t="s">
        <v>12009</v>
      </c>
      <c r="C19393" t="s">
        <v>12004</v>
      </c>
      <c r="D19393" t="s">
        <v>12005</v>
      </c>
      <c r="E19393" t="s">
        <v>12006</v>
      </c>
      <c r="F19393" t="s">
        <v>12007</v>
      </c>
      <c r="G19393" t="s">
        <v>10450</v>
      </c>
      <c r="H19393" t="s">
        <v>10451</v>
      </c>
      <c r="I19393" s="2">
        <v>1</v>
      </c>
      <c r="J19393" s="2">
        <v>0</v>
      </c>
      <c r="K19393" s="2">
        <v>0</v>
      </c>
      <c r="L19393" t="s">
        <v>120</v>
      </c>
      <c r="M19393" t="s">
        <v>83</v>
      </c>
      <c r="N19393" t="s">
        <v>91</v>
      </c>
      <c r="O19393" t="s">
        <v>85</v>
      </c>
      <c r="P19393" t="s">
        <v>86</v>
      </c>
      <c r="Q19393">
        <v>7</v>
      </c>
      <c r="R19393">
        <v>7</v>
      </c>
      <c r="S19393">
        <v>7</v>
      </c>
      <c r="T19393">
        <v>7</v>
      </c>
      <c r="U19393">
        <v>8</v>
      </c>
      <c r="V19393">
        <v>8</v>
      </c>
      <c r="W19393">
        <v>8</v>
      </c>
      <c r="X19393">
        <v>8</v>
      </c>
      <c r="Y19393">
        <v>8</v>
      </c>
      <c r="Z19393">
        <v>8</v>
      </c>
      <c r="AA19393">
        <v>8</v>
      </c>
      <c r="AB19393">
        <v>8</v>
      </c>
      <c r="AC19393">
        <v>8</v>
      </c>
      <c r="AD19393">
        <v>8</v>
      </c>
      <c r="AE19393">
        <v>9</v>
      </c>
      <c r="AF19393">
        <v>9</v>
      </c>
      <c r="AG19393">
        <v>9</v>
      </c>
      <c r="AH19393">
        <v>9</v>
      </c>
      <c r="AI19393">
        <v>9</v>
      </c>
      <c r="AJ19393">
        <v>9</v>
      </c>
      <c r="AK19393">
        <v>9</v>
      </c>
      <c r="AL19393">
        <v>9</v>
      </c>
      <c r="AM19393">
        <v>9</v>
      </c>
      <c r="AN19393">
        <v>9</v>
      </c>
      <c r="AO19393">
        <v>9</v>
      </c>
      <c r="AP19393">
        <v>9</v>
      </c>
      <c r="AQ19393">
        <v>9</v>
      </c>
    </row>
    <row r="19394" spans="1:43">
      <c r="A19394" t="s">
        <v>12010</v>
      </c>
      <c r="B19394" t="s">
        <v>12011</v>
      </c>
      <c r="C19394" t="s">
        <v>12004</v>
      </c>
      <c r="D19394" t="s">
        <v>12005</v>
      </c>
      <c r="E19394" t="s">
        <v>12006</v>
      </c>
      <c r="F19394" t="s">
        <v>12007</v>
      </c>
      <c r="G19394" t="s">
        <v>10450</v>
      </c>
      <c r="H19394" t="s">
        <v>10451</v>
      </c>
      <c r="I19394" s="2">
        <v>1</v>
      </c>
      <c r="J19394" s="2">
        <v>0</v>
      </c>
      <c r="K19394" s="2">
        <v>0</v>
      </c>
      <c r="L19394" t="s">
        <v>120</v>
      </c>
      <c r="M19394" t="s">
        <v>83</v>
      </c>
      <c r="N19394" t="s">
        <v>84</v>
      </c>
      <c r="O19394" t="s">
        <v>85</v>
      </c>
      <c r="P19394" t="s">
        <v>86</v>
      </c>
      <c r="Q19394">
        <v>46</v>
      </c>
      <c r="R19394">
        <v>47</v>
      </c>
      <c r="S19394">
        <v>47</v>
      </c>
      <c r="T19394">
        <v>48</v>
      </c>
      <c r="U19394">
        <v>49</v>
      </c>
      <c r="V19394">
        <v>49</v>
      </c>
      <c r="W19394">
        <v>50</v>
      </c>
      <c r="X19394">
        <v>51</v>
      </c>
      <c r="Y19394">
        <v>51</v>
      </c>
      <c r="Z19394">
        <v>52</v>
      </c>
      <c r="AA19394">
        <v>52</v>
      </c>
      <c r="AB19394">
        <v>53</v>
      </c>
      <c r="AC19394">
        <v>54</v>
      </c>
      <c r="AD19394">
        <v>54</v>
      </c>
      <c r="AE19394">
        <v>55</v>
      </c>
      <c r="AF19394">
        <v>55</v>
      </c>
      <c r="AG19394">
        <v>56</v>
      </c>
      <c r="AH19394">
        <v>57</v>
      </c>
      <c r="AI19394">
        <v>57</v>
      </c>
      <c r="AJ19394">
        <v>58</v>
      </c>
      <c r="AK19394">
        <v>58</v>
      </c>
      <c r="AL19394">
        <v>59</v>
      </c>
      <c r="AM19394">
        <v>59</v>
      </c>
      <c r="AN19394">
        <v>59</v>
      </c>
      <c r="AO19394">
        <v>59</v>
      </c>
      <c r="AP19394">
        <v>59</v>
      </c>
      <c r="AQ19394">
        <v>59</v>
      </c>
    </row>
    <row r="19395" spans="1:43">
      <c r="A19395" t="s">
        <v>12010</v>
      </c>
      <c r="B19395" t="s">
        <v>12011</v>
      </c>
      <c r="C19395" t="s">
        <v>12004</v>
      </c>
      <c r="D19395" t="s">
        <v>12005</v>
      </c>
      <c r="E19395" t="s">
        <v>12006</v>
      </c>
      <c r="F19395" t="s">
        <v>12007</v>
      </c>
      <c r="G19395" t="s">
        <v>10450</v>
      </c>
      <c r="H19395" t="s">
        <v>10451</v>
      </c>
      <c r="I19395" s="2">
        <v>1</v>
      </c>
      <c r="J19395" s="2">
        <v>0</v>
      </c>
      <c r="K19395" s="2">
        <v>0</v>
      </c>
      <c r="L19395" t="s">
        <v>120</v>
      </c>
      <c r="M19395" t="s">
        <v>87</v>
      </c>
      <c r="N19395" t="s">
        <v>88</v>
      </c>
      <c r="O19395" t="s">
        <v>85</v>
      </c>
      <c r="P19395" t="s">
        <v>86</v>
      </c>
      <c r="Q19395">
        <v>46</v>
      </c>
      <c r="R19395">
        <v>46</v>
      </c>
      <c r="S19395">
        <v>46</v>
      </c>
      <c r="T19395">
        <v>46</v>
      </c>
      <c r="U19395">
        <v>46</v>
      </c>
      <c r="V19395">
        <v>47</v>
      </c>
      <c r="W19395">
        <v>47</v>
      </c>
      <c r="X19395">
        <v>47</v>
      </c>
      <c r="Y19395">
        <v>47</v>
      </c>
      <c r="Z19395">
        <v>48</v>
      </c>
      <c r="AA19395">
        <v>48</v>
      </c>
      <c r="AB19395">
        <v>48</v>
      </c>
      <c r="AC19395">
        <v>48</v>
      </c>
      <c r="AD19395">
        <v>48</v>
      </c>
      <c r="AE19395">
        <v>49</v>
      </c>
      <c r="AF19395">
        <v>49</v>
      </c>
      <c r="AG19395">
        <v>49</v>
      </c>
      <c r="AH19395">
        <v>49</v>
      </c>
      <c r="AI19395">
        <v>49</v>
      </c>
      <c r="AJ19395">
        <v>50</v>
      </c>
      <c r="AK19395">
        <v>50</v>
      </c>
      <c r="AL19395">
        <v>50</v>
      </c>
      <c r="AM19395">
        <v>50</v>
      </c>
      <c r="AN19395">
        <v>50</v>
      </c>
      <c r="AO19395">
        <v>50</v>
      </c>
      <c r="AP19395">
        <v>51</v>
      </c>
      <c r="AQ19395">
        <v>51</v>
      </c>
    </row>
    <row r="19396" spans="1:43">
      <c r="A19396" t="s">
        <v>12010</v>
      </c>
      <c r="B19396" t="s">
        <v>12011</v>
      </c>
      <c r="C19396" t="s">
        <v>12004</v>
      </c>
      <c r="D19396" t="s">
        <v>12005</v>
      </c>
      <c r="E19396" t="s">
        <v>12006</v>
      </c>
      <c r="F19396" t="s">
        <v>12007</v>
      </c>
      <c r="G19396" t="s">
        <v>10450</v>
      </c>
      <c r="H19396" t="s">
        <v>10451</v>
      </c>
      <c r="I19396" s="2">
        <v>1</v>
      </c>
      <c r="J19396" s="2">
        <v>0</v>
      </c>
      <c r="K19396" s="2">
        <v>0</v>
      </c>
      <c r="L19396" t="s">
        <v>120</v>
      </c>
      <c r="M19396" t="s">
        <v>89</v>
      </c>
      <c r="N19396" t="s">
        <v>90</v>
      </c>
      <c r="O19396" t="s">
        <v>85</v>
      </c>
      <c r="P19396" t="s">
        <v>86</v>
      </c>
      <c r="Q19396">
        <v>46</v>
      </c>
      <c r="R19396">
        <v>47</v>
      </c>
      <c r="S19396">
        <v>48</v>
      </c>
      <c r="T19396">
        <v>50</v>
      </c>
      <c r="U19396">
        <v>51</v>
      </c>
      <c r="V19396">
        <v>51</v>
      </c>
      <c r="W19396">
        <v>52</v>
      </c>
      <c r="X19396">
        <v>53</v>
      </c>
      <c r="Y19396">
        <v>54</v>
      </c>
      <c r="Z19396">
        <v>55</v>
      </c>
      <c r="AA19396">
        <v>56</v>
      </c>
      <c r="AB19396">
        <v>57</v>
      </c>
      <c r="AC19396">
        <v>57</v>
      </c>
      <c r="AD19396">
        <v>58</v>
      </c>
      <c r="AE19396">
        <v>59</v>
      </c>
      <c r="AF19396">
        <v>59</v>
      </c>
      <c r="AG19396">
        <v>59</v>
      </c>
      <c r="AH19396">
        <v>59</v>
      </c>
      <c r="AI19396">
        <v>59</v>
      </c>
      <c r="AJ19396">
        <v>59</v>
      </c>
      <c r="AK19396">
        <v>59</v>
      </c>
      <c r="AL19396">
        <v>59</v>
      </c>
      <c r="AM19396">
        <v>59</v>
      </c>
      <c r="AN19396">
        <v>59</v>
      </c>
      <c r="AO19396">
        <v>59</v>
      </c>
      <c r="AP19396">
        <v>59</v>
      </c>
      <c r="AQ19396">
        <v>59</v>
      </c>
    </row>
    <row r="19397" spans="1:43">
      <c r="A19397" t="s">
        <v>12010</v>
      </c>
      <c r="B19397" t="s">
        <v>12011</v>
      </c>
      <c r="C19397" t="s">
        <v>12004</v>
      </c>
      <c r="D19397" t="s">
        <v>12005</v>
      </c>
      <c r="E19397" t="s">
        <v>12006</v>
      </c>
      <c r="F19397" t="s">
        <v>12007</v>
      </c>
      <c r="G19397" t="s">
        <v>10450</v>
      </c>
      <c r="H19397" t="s">
        <v>10451</v>
      </c>
      <c r="I19397" s="2">
        <v>1</v>
      </c>
      <c r="J19397" s="2">
        <v>0</v>
      </c>
      <c r="K19397" s="2">
        <v>0</v>
      </c>
      <c r="L19397" t="s">
        <v>120</v>
      </c>
      <c r="M19397" t="s">
        <v>83</v>
      </c>
      <c r="N19397" t="s">
        <v>91</v>
      </c>
      <c r="O19397" t="s">
        <v>85</v>
      </c>
      <c r="P19397" t="s">
        <v>86</v>
      </c>
      <c r="Q19397">
        <v>46</v>
      </c>
      <c r="R19397">
        <v>47</v>
      </c>
      <c r="S19397">
        <v>47</v>
      </c>
      <c r="T19397">
        <v>48</v>
      </c>
      <c r="U19397">
        <v>49</v>
      </c>
      <c r="V19397">
        <v>49</v>
      </c>
      <c r="W19397">
        <v>50</v>
      </c>
      <c r="X19397">
        <v>51</v>
      </c>
      <c r="Y19397">
        <v>51</v>
      </c>
      <c r="Z19397">
        <v>52</v>
      </c>
      <c r="AA19397">
        <v>52</v>
      </c>
      <c r="AB19397">
        <v>53</v>
      </c>
      <c r="AC19397">
        <v>54</v>
      </c>
      <c r="AD19397">
        <v>54</v>
      </c>
      <c r="AE19397">
        <v>55</v>
      </c>
      <c r="AF19397">
        <v>55</v>
      </c>
      <c r="AG19397">
        <v>56</v>
      </c>
      <c r="AH19397">
        <v>57</v>
      </c>
      <c r="AI19397">
        <v>57</v>
      </c>
      <c r="AJ19397">
        <v>58</v>
      </c>
      <c r="AK19397">
        <v>58</v>
      </c>
      <c r="AL19397">
        <v>59</v>
      </c>
      <c r="AM19397">
        <v>59</v>
      </c>
      <c r="AN19397">
        <v>59</v>
      </c>
      <c r="AO19397">
        <v>59</v>
      </c>
      <c r="AP19397">
        <v>59</v>
      </c>
      <c r="AQ19397">
        <v>59</v>
      </c>
    </row>
    <row r="19398" spans="1:43">
      <c r="A19398" t="s">
        <v>12012</v>
      </c>
      <c r="B19398" t="s">
        <v>12013</v>
      </c>
      <c r="C19398" t="s">
        <v>12004</v>
      </c>
      <c r="D19398" t="s">
        <v>12005</v>
      </c>
      <c r="E19398" t="s">
        <v>12006</v>
      </c>
      <c r="F19398" t="s">
        <v>12007</v>
      </c>
      <c r="G19398" t="s">
        <v>10450</v>
      </c>
      <c r="H19398" t="s">
        <v>10451</v>
      </c>
      <c r="I19398" s="2">
        <v>1</v>
      </c>
      <c r="J19398" s="2">
        <v>0</v>
      </c>
      <c r="K19398" s="2">
        <v>0</v>
      </c>
      <c r="L19398" t="s">
        <v>120</v>
      </c>
      <c r="M19398" t="s">
        <v>83</v>
      </c>
      <c r="N19398" t="s">
        <v>84</v>
      </c>
      <c r="O19398" t="s">
        <v>85</v>
      </c>
      <c r="P19398" t="s">
        <v>86</v>
      </c>
      <c r="Q19398">
        <v>57</v>
      </c>
      <c r="R19398">
        <v>58</v>
      </c>
      <c r="S19398">
        <v>59</v>
      </c>
      <c r="T19398">
        <v>60</v>
      </c>
      <c r="U19398">
        <v>60</v>
      </c>
      <c r="V19398">
        <v>61</v>
      </c>
      <c r="W19398">
        <v>62</v>
      </c>
      <c r="X19398">
        <v>63</v>
      </c>
      <c r="Y19398">
        <v>64</v>
      </c>
      <c r="Z19398">
        <v>64</v>
      </c>
      <c r="AA19398">
        <v>65</v>
      </c>
      <c r="AB19398">
        <v>66</v>
      </c>
      <c r="AC19398">
        <v>67</v>
      </c>
      <c r="AD19398">
        <v>67</v>
      </c>
      <c r="AE19398">
        <v>68</v>
      </c>
      <c r="AF19398">
        <v>69</v>
      </c>
      <c r="AG19398">
        <v>70</v>
      </c>
      <c r="AH19398">
        <v>70</v>
      </c>
      <c r="AI19398">
        <v>71</v>
      </c>
      <c r="AJ19398">
        <v>72</v>
      </c>
      <c r="AK19398">
        <v>73</v>
      </c>
      <c r="AL19398">
        <v>73</v>
      </c>
      <c r="AM19398">
        <v>73</v>
      </c>
      <c r="AN19398">
        <v>73</v>
      </c>
      <c r="AO19398">
        <v>73</v>
      </c>
      <c r="AP19398">
        <v>73</v>
      </c>
      <c r="AQ19398">
        <v>73</v>
      </c>
    </row>
    <row r="19399" spans="1:43">
      <c r="A19399" t="s">
        <v>12012</v>
      </c>
      <c r="B19399" t="s">
        <v>12013</v>
      </c>
      <c r="C19399" t="s">
        <v>12004</v>
      </c>
      <c r="D19399" t="s">
        <v>12005</v>
      </c>
      <c r="E19399" t="s">
        <v>12006</v>
      </c>
      <c r="F19399" t="s">
        <v>12007</v>
      </c>
      <c r="G19399" t="s">
        <v>10450</v>
      </c>
      <c r="H19399" t="s">
        <v>10451</v>
      </c>
      <c r="I19399" s="2">
        <v>1</v>
      </c>
      <c r="J19399" s="2">
        <v>0</v>
      </c>
      <c r="K19399" s="2">
        <v>0</v>
      </c>
      <c r="L19399" t="s">
        <v>120</v>
      </c>
      <c r="M19399" t="s">
        <v>87</v>
      </c>
      <c r="N19399" t="s">
        <v>88</v>
      </c>
      <c r="O19399" t="s">
        <v>85</v>
      </c>
      <c r="P19399" t="s">
        <v>86</v>
      </c>
      <c r="Q19399">
        <v>57</v>
      </c>
      <c r="R19399">
        <v>57</v>
      </c>
      <c r="S19399">
        <v>57</v>
      </c>
      <c r="T19399">
        <v>57</v>
      </c>
      <c r="U19399">
        <v>58</v>
      </c>
      <c r="V19399">
        <v>58</v>
      </c>
      <c r="W19399">
        <v>58</v>
      </c>
      <c r="X19399">
        <v>59</v>
      </c>
      <c r="Y19399">
        <v>59</v>
      </c>
      <c r="Z19399">
        <v>59</v>
      </c>
      <c r="AA19399">
        <v>59</v>
      </c>
      <c r="AB19399">
        <v>60</v>
      </c>
      <c r="AC19399">
        <v>60</v>
      </c>
      <c r="AD19399">
        <v>60</v>
      </c>
      <c r="AE19399">
        <v>60</v>
      </c>
      <c r="AF19399">
        <v>61</v>
      </c>
      <c r="AG19399">
        <v>61</v>
      </c>
      <c r="AH19399">
        <v>61</v>
      </c>
      <c r="AI19399">
        <v>61</v>
      </c>
      <c r="AJ19399">
        <v>62</v>
      </c>
      <c r="AK19399">
        <v>62</v>
      </c>
      <c r="AL19399">
        <v>62</v>
      </c>
      <c r="AM19399">
        <v>62</v>
      </c>
      <c r="AN19399">
        <v>63</v>
      </c>
      <c r="AO19399">
        <v>63</v>
      </c>
      <c r="AP19399">
        <v>63</v>
      </c>
      <c r="AQ19399">
        <v>63</v>
      </c>
    </row>
    <row r="19400" spans="1:43">
      <c r="A19400" t="s">
        <v>12012</v>
      </c>
      <c r="B19400" t="s">
        <v>12013</v>
      </c>
      <c r="C19400" t="s">
        <v>12004</v>
      </c>
      <c r="D19400" t="s">
        <v>12005</v>
      </c>
      <c r="E19400" t="s">
        <v>12006</v>
      </c>
      <c r="F19400" t="s">
        <v>12007</v>
      </c>
      <c r="G19400" t="s">
        <v>10450</v>
      </c>
      <c r="H19400" t="s">
        <v>10451</v>
      </c>
      <c r="I19400" s="2">
        <v>1</v>
      </c>
      <c r="J19400" s="2">
        <v>0</v>
      </c>
      <c r="K19400" s="2">
        <v>0</v>
      </c>
      <c r="L19400" t="s">
        <v>120</v>
      </c>
      <c r="M19400" t="s">
        <v>89</v>
      </c>
      <c r="N19400" t="s">
        <v>90</v>
      </c>
      <c r="O19400" t="s">
        <v>85</v>
      </c>
      <c r="P19400" t="s">
        <v>86</v>
      </c>
      <c r="Q19400">
        <v>57</v>
      </c>
      <c r="R19400">
        <v>58</v>
      </c>
      <c r="S19400">
        <v>59</v>
      </c>
      <c r="T19400">
        <v>61</v>
      </c>
      <c r="U19400">
        <v>62</v>
      </c>
      <c r="V19400">
        <v>63</v>
      </c>
      <c r="W19400">
        <v>64</v>
      </c>
      <c r="X19400">
        <v>65</v>
      </c>
      <c r="Y19400">
        <v>66</v>
      </c>
      <c r="Z19400">
        <v>67</v>
      </c>
      <c r="AA19400">
        <v>68</v>
      </c>
      <c r="AB19400">
        <v>69</v>
      </c>
      <c r="AC19400">
        <v>70</v>
      </c>
      <c r="AD19400">
        <v>71</v>
      </c>
      <c r="AE19400">
        <v>72</v>
      </c>
      <c r="AF19400">
        <v>72</v>
      </c>
      <c r="AG19400">
        <v>72</v>
      </c>
      <c r="AH19400">
        <v>72</v>
      </c>
      <c r="AI19400">
        <v>72</v>
      </c>
      <c r="AJ19400">
        <v>72</v>
      </c>
      <c r="AK19400">
        <v>72</v>
      </c>
      <c r="AL19400">
        <v>72</v>
      </c>
      <c r="AM19400">
        <v>72</v>
      </c>
      <c r="AN19400">
        <v>72</v>
      </c>
      <c r="AO19400">
        <v>72</v>
      </c>
      <c r="AP19400">
        <v>72</v>
      </c>
      <c r="AQ19400">
        <v>72</v>
      </c>
    </row>
    <row r="19401" spans="1:43">
      <c r="A19401" t="s">
        <v>12012</v>
      </c>
      <c r="B19401" t="s">
        <v>12013</v>
      </c>
      <c r="C19401" t="s">
        <v>12004</v>
      </c>
      <c r="D19401" t="s">
        <v>12005</v>
      </c>
      <c r="E19401" t="s">
        <v>12006</v>
      </c>
      <c r="F19401" t="s">
        <v>12007</v>
      </c>
      <c r="G19401" t="s">
        <v>10450</v>
      </c>
      <c r="H19401" t="s">
        <v>10451</v>
      </c>
      <c r="I19401" s="2">
        <v>1</v>
      </c>
      <c r="J19401" s="2">
        <v>0</v>
      </c>
      <c r="K19401" s="2">
        <v>0</v>
      </c>
      <c r="L19401" t="s">
        <v>120</v>
      </c>
      <c r="M19401" t="s">
        <v>83</v>
      </c>
      <c r="N19401" t="s">
        <v>91</v>
      </c>
      <c r="O19401" t="s">
        <v>85</v>
      </c>
      <c r="P19401" t="s">
        <v>86</v>
      </c>
      <c r="Q19401">
        <v>57</v>
      </c>
      <c r="R19401">
        <v>58</v>
      </c>
      <c r="S19401">
        <v>59</v>
      </c>
      <c r="T19401">
        <v>60</v>
      </c>
      <c r="U19401">
        <v>60</v>
      </c>
      <c r="V19401">
        <v>61</v>
      </c>
      <c r="W19401">
        <v>62</v>
      </c>
      <c r="X19401">
        <v>63</v>
      </c>
      <c r="Y19401">
        <v>64</v>
      </c>
      <c r="Z19401">
        <v>64</v>
      </c>
      <c r="AA19401">
        <v>65</v>
      </c>
      <c r="AB19401">
        <v>66</v>
      </c>
      <c r="AC19401">
        <v>67</v>
      </c>
      <c r="AD19401">
        <v>67</v>
      </c>
      <c r="AE19401">
        <v>68</v>
      </c>
      <c r="AF19401">
        <v>69</v>
      </c>
      <c r="AG19401">
        <v>70</v>
      </c>
      <c r="AH19401">
        <v>70</v>
      </c>
      <c r="AI19401">
        <v>71</v>
      </c>
      <c r="AJ19401">
        <v>72</v>
      </c>
      <c r="AK19401">
        <v>73</v>
      </c>
      <c r="AL19401">
        <v>73</v>
      </c>
      <c r="AM19401">
        <v>73</v>
      </c>
      <c r="AN19401">
        <v>73</v>
      </c>
      <c r="AO19401">
        <v>73</v>
      </c>
      <c r="AP19401">
        <v>73</v>
      </c>
      <c r="AQ19401">
        <v>73</v>
      </c>
    </row>
    <row r="19402" spans="1:43">
      <c r="A19402" t="s">
        <v>12014</v>
      </c>
      <c r="B19402" t="s">
        <v>12015</v>
      </c>
      <c r="C19402" t="s">
        <v>12004</v>
      </c>
      <c r="D19402" t="s">
        <v>12005</v>
      </c>
      <c r="E19402" t="s">
        <v>12006</v>
      </c>
      <c r="F19402" t="s">
        <v>12007</v>
      </c>
      <c r="G19402" t="s">
        <v>10450</v>
      </c>
      <c r="H19402" t="s">
        <v>10451</v>
      </c>
      <c r="I19402" s="2">
        <v>1</v>
      </c>
      <c r="J19402" s="2">
        <v>0</v>
      </c>
      <c r="K19402" s="2">
        <v>0</v>
      </c>
      <c r="L19402" t="s">
        <v>120</v>
      </c>
      <c r="M19402" t="s">
        <v>83</v>
      </c>
      <c r="N19402" t="s">
        <v>84</v>
      </c>
      <c r="O19402" t="s">
        <v>85</v>
      </c>
      <c r="P19402" t="s">
        <v>86</v>
      </c>
      <c r="Q19402">
        <v>40</v>
      </c>
      <c r="R19402">
        <v>40</v>
      </c>
      <c r="S19402">
        <v>41</v>
      </c>
      <c r="T19402">
        <v>41</v>
      </c>
      <c r="U19402">
        <v>42</v>
      </c>
      <c r="V19402">
        <v>42</v>
      </c>
      <c r="W19402">
        <v>43</v>
      </c>
      <c r="X19402">
        <v>43</v>
      </c>
      <c r="Y19402">
        <v>44</v>
      </c>
      <c r="Z19402">
        <v>45</v>
      </c>
      <c r="AA19402">
        <v>45</v>
      </c>
      <c r="AB19402">
        <v>46</v>
      </c>
      <c r="AC19402">
        <v>46</v>
      </c>
      <c r="AD19402">
        <v>47</v>
      </c>
      <c r="AE19402">
        <v>47</v>
      </c>
      <c r="AF19402">
        <v>48</v>
      </c>
      <c r="AG19402">
        <v>48</v>
      </c>
      <c r="AH19402">
        <v>49</v>
      </c>
      <c r="AI19402">
        <v>49</v>
      </c>
      <c r="AJ19402">
        <v>50</v>
      </c>
      <c r="AK19402">
        <v>50</v>
      </c>
      <c r="AL19402">
        <v>50</v>
      </c>
      <c r="AM19402">
        <v>50</v>
      </c>
      <c r="AN19402">
        <v>50</v>
      </c>
      <c r="AO19402">
        <v>50</v>
      </c>
      <c r="AP19402">
        <v>50</v>
      </c>
      <c r="AQ19402">
        <v>50</v>
      </c>
    </row>
    <row r="19403" spans="1:43">
      <c r="A19403" t="s">
        <v>12014</v>
      </c>
      <c r="B19403" t="s">
        <v>12015</v>
      </c>
      <c r="C19403" t="s">
        <v>12004</v>
      </c>
      <c r="D19403" t="s">
        <v>12005</v>
      </c>
      <c r="E19403" t="s">
        <v>12006</v>
      </c>
      <c r="F19403" t="s">
        <v>12007</v>
      </c>
      <c r="G19403" t="s">
        <v>10450</v>
      </c>
      <c r="H19403" t="s">
        <v>10451</v>
      </c>
      <c r="I19403" s="2">
        <v>1</v>
      </c>
      <c r="J19403" s="2">
        <v>0</v>
      </c>
      <c r="K19403" s="2">
        <v>0</v>
      </c>
      <c r="L19403" t="s">
        <v>120</v>
      </c>
      <c r="M19403" t="s">
        <v>87</v>
      </c>
      <c r="N19403" t="s">
        <v>88</v>
      </c>
      <c r="O19403" t="s">
        <v>85</v>
      </c>
      <c r="P19403" t="s">
        <v>86</v>
      </c>
      <c r="Q19403">
        <v>40</v>
      </c>
      <c r="R19403">
        <v>40</v>
      </c>
      <c r="S19403">
        <v>41</v>
      </c>
      <c r="T19403">
        <v>41</v>
      </c>
      <c r="U19403">
        <v>41</v>
      </c>
      <c r="V19403">
        <v>41</v>
      </c>
      <c r="W19403">
        <v>41</v>
      </c>
      <c r="X19403">
        <v>42</v>
      </c>
      <c r="Y19403">
        <v>42</v>
      </c>
      <c r="Z19403">
        <v>42</v>
      </c>
      <c r="AA19403">
        <v>42</v>
      </c>
      <c r="AB19403">
        <v>42</v>
      </c>
      <c r="AC19403">
        <v>42</v>
      </c>
      <c r="AD19403">
        <v>43</v>
      </c>
      <c r="AE19403">
        <v>43</v>
      </c>
      <c r="AF19403">
        <v>43</v>
      </c>
      <c r="AG19403">
        <v>43</v>
      </c>
      <c r="AH19403">
        <v>43</v>
      </c>
      <c r="AI19403">
        <v>43</v>
      </c>
      <c r="AJ19403">
        <v>44</v>
      </c>
      <c r="AK19403">
        <v>44</v>
      </c>
      <c r="AL19403">
        <v>44</v>
      </c>
      <c r="AM19403">
        <v>44</v>
      </c>
      <c r="AN19403">
        <v>44</v>
      </c>
      <c r="AO19403">
        <v>44</v>
      </c>
      <c r="AP19403">
        <v>45</v>
      </c>
      <c r="AQ19403">
        <v>45</v>
      </c>
    </row>
    <row r="19404" spans="1:43">
      <c r="A19404" t="s">
        <v>12014</v>
      </c>
      <c r="B19404" t="s">
        <v>12015</v>
      </c>
      <c r="C19404" t="s">
        <v>12004</v>
      </c>
      <c r="D19404" t="s">
        <v>12005</v>
      </c>
      <c r="E19404" t="s">
        <v>12006</v>
      </c>
      <c r="F19404" t="s">
        <v>12007</v>
      </c>
      <c r="G19404" t="s">
        <v>10450</v>
      </c>
      <c r="H19404" t="s">
        <v>10451</v>
      </c>
      <c r="I19404" s="2">
        <v>1</v>
      </c>
      <c r="J19404" s="2">
        <v>0</v>
      </c>
      <c r="K19404" s="2">
        <v>0</v>
      </c>
      <c r="L19404" t="s">
        <v>120</v>
      </c>
      <c r="M19404" t="s">
        <v>89</v>
      </c>
      <c r="N19404" t="s">
        <v>90</v>
      </c>
      <c r="O19404" t="s">
        <v>85</v>
      </c>
      <c r="P19404" t="s">
        <v>86</v>
      </c>
      <c r="Q19404">
        <v>40</v>
      </c>
      <c r="R19404">
        <v>41</v>
      </c>
      <c r="S19404">
        <v>42</v>
      </c>
      <c r="T19404">
        <v>43</v>
      </c>
      <c r="U19404">
        <v>43</v>
      </c>
      <c r="V19404">
        <v>44</v>
      </c>
      <c r="W19404">
        <v>45</v>
      </c>
      <c r="X19404">
        <v>46</v>
      </c>
      <c r="Y19404">
        <v>47</v>
      </c>
      <c r="Z19404">
        <v>47</v>
      </c>
      <c r="AA19404">
        <v>48</v>
      </c>
      <c r="AB19404">
        <v>49</v>
      </c>
      <c r="AC19404">
        <v>49</v>
      </c>
      <c r="AD19404">
        <v>50</v>
      </c>
      <c r="AE19404">
        <v>51</v>
      </c>
      <c r="AF19404">
        <v>51</v>
      </c>
      <c r="AG19404">
        <v>51</v>
      </c>
      <c r="AH19404">
        <v>51</v>
      </c>
      <c r="AI19404">
        <v>51</v>
      </c>
      <c r="AJ19404">
        <v>51</v>
      </c>
      <c r="AK19404">
        <v>51</v>
      </c>
      <c r="AL19404">
        <v>51</v>
      </c>
      <c r="AM19404">
        <v>51</v>
      </c>
      <c r="AN19404">
        <v>51</v>
      </c>
      <c r="AO19404">
        <v>51</v>
      </c>
      <c r="AP19404">
        <v>51</v>
      </c>
      <c r="AQ19404">
        <v>51</v>
      </c>
    </row>
    <row r="19405" spans="1:43">
      <c r="A19405" t="s">
        <v>12014</v>
      </c>
      <c r="B19405" t="s">
        <v>12015</v>
      </c>
      <c r="C19405" t="s">
        <v>12004</v>
      </c>
      <c r="D19405" t="s">
        <v>12005</v>
      </c>
      <c r="E19405" t="s">
        <v>12006</v>
      </c>
      <c r="F19405" t="s">
        <v>12007</v>
      </c>
      <c r="G19405" t="s">
        <v>10450</v>
      </c>
      <c r="H19405" t="s">
        <v>10451</v>
      </c>
      <c r="I19405" s="2">
        <v>1</v>
      </c>
      <c r="J19405" s="2">
        <v>0</v>
      </c>
      <c r="K19405" s="2">
        <v>0</v>
      </c>
      <c r="L19405" t="s">
        <v>120</v>
      </c>
      <c r="M19405" t="s">
        <v>83</v>
      </c>
      <c r="N19405" t="s">
        <v>91</v>
      </c>
      <c r="O19405" t="s">
        <v>85</v>
      </c>
      <c r="P19405" t="s">
        <v>86</v>
      </c>
      <c r="Q19405">
        <v>40</v>
      </c>
      <c r="R19405">
        <v>40</v>
      </c>
      <c r="S19405">
        <v>41</v>
      </c>
      <c r="T19405">
        <v>41</v>
      </c>
      <c r="U19405">
        <v>42</v>
      </c>
      <c r="V19405">
        <v>42</v>
      </c>
      <c r="W19405">
        <v>43</v>
      </c>
      <c r="X19405">
        <v>43</v>
      </c>
      <c r="Y19405">
        <v>44</v>
      </c>
      <c r="Z19405">
        <v>45</v>
      </c>
      <c r="AA19405">
        <v>45</v>
      </c>
      <c r="AB19405">
        <v>46</v>
      </c>
      <c r="AC19405">
        <v>46</v>
      </c>
      <c r="AD19405">
        <v>47</v>
      </c>
      <c r="AE19405">
        <v>47</v>
      </c>
      <c r="AF19405">
        <v>48</v>
      </c>
      <c r="AG19405">
        <v>48</v>
      </c>
      <c r="AH19405">
        <v>49</v>
      </c>
      <c r="AI19405">
        <v>49</v>
      </c>
      <c r="AJ19405">
        <v>50</v>
      </c>
      <c r="AK19405">
        <v>50</v>
      </c>
      <c r="AL19405">
        <v>50</v>
      </c>
      <c r="AM19405">
        <v>50</v>
      </c>
      <c r="AN19405">
        <v>50</v>
      </c>
      <c r="AO19405">
        <v>50</v>
      </c>
      <c r="AP19405">
        <v>50</v>
      </c>
      <c r="AQ19405">
        <v>50</v>
      </c>
    </row>
    <row r="19406" spans="1:43">
      <c r="A19406" t="s">
        <v>12016</v>
      </c>
      <c r="B19406" t="s">
        <v>12017</v>
      </c>
      <c r="C19406" t="s">
        <v>12018</v>
      </c>
      <c r="D19406" t="s">
        <v>12019</v>
      </c>
      <c r="E19406" t="s">
        <v>12006</v>
      </c>
      <c r="F19406" t="s">
        <v>12007</v>
      </c>
      <c r="G19406" t="s">
        <v>10450</v>
      </c>
      <c r="H19406" t="s">
        <v>10451</v>
      </c>
      <c r="I19406" s="2">
        <v>1</v>
      </c>
      <c r="J19406" s="2">
        <v>0</v>
      </c>
      <c r="K19406" s="2">
        <v>0</v>
      </c>
      <c r="L19406" t="s">
        <v>120</v>
      </c>
      <c r="M19406" t="s">
        <v>83</v>
      </c>
      <c r="N19406" t="s">
        <v>84</v>
      </c>
      <c r="O19406" t="s">
        <v>85</v>
      </c>
      <c r="P19406" t="s">
        <v>86</v>
      </c>
      <c r="Q19406">
        <v>15</v>
      </c>
      <c r="R19406">
        <v>15</v>
      </c>
      <c r="S19406">
        <v>16</v>
      </c>
      <c r="T19406">
        <v>16</v>
      </c>
      <c r="U19406">
        <v>16</v>
      </c>
      <c r="V19406">
        <v>16</v>
      </c>
      <c r="W19406">
        <v>17</v>
      </c>
      <c r="X19406">
        <v>17</v>
      </c>
      <c r="Y19406">
        <v>17</v>
      </c>
      <c r="Z19406">
        <v>17</v>
      </c>
      <c r="AA19406">
        <v>17</v>
      </c>
      <c r="AB19406">
        <v>18</v>
      </c>
      <c r="AC19406">
        <v>18</v>
      </c>
      <c r="AD19406">
        <v>18</v>
      </c>
      <c r="AE19406">
        <v>18</v>
      </c>
      <c r="AF19406">
        <v>18</v>
      </c>
      <c r="AG19406">
        <v>19</v>
      </c>
      <c r="AH19406">
        <v>19</v>
      </c>
      <c r="AI19406">
        <v>19</v>
      </c>
      <c r="AJ19406">
        <v>19</v>
      </c>
      <c r="AK19406">
        <v>19</v>
      </c>
      <c r="AL19406">
        <v>19</v>
      </c>
      <c r="AM19406">
        <v>19</v>
      </c>
      <c r="AN19406">
        <v>19</v>
      </c>
      <c r="AO19406">
        <v>19</v>
      </c>
      <c r="AP19406">
        <v>19</v>
      </c>
      <c r="AQ19406">
        <v>19</v>
      </c>
    </row>
    <row r="19407" spans="1:43">
      <c r="A19407" t="s">
        <v>12016</v>
      </c>
      <c r="B19407" t="s">
        <v>12017</v>
      </c>
      <c r="C19407" t="s">
        <v>12018</v>
      </c>
      <c r="D19407" t="s">
        <v>12019</v>
      </c>
      <c r="E19407" t="s">
        <v>12006</v>
      </c>
      <c r="F19407" t="s">
        <v>12007</v>
      </c>
      <c r="G19407" t="s">
        <v>10450</v>
      </c>
      <c r="H19407" t="s">
        <v>10451</v>
      </c>
      <c r="I19407" s="2">
        <v>1</v>
      </c>
      <c r="J19407" s="2">
        <v>0</v>
      </c>
      <c r="K19407" s="2">
        <v>0</v>
      </c>
      <c r="L19407" t="s">
        <v>120</v>
      </c>
      <c r="M19407" t="s">
        <v>87</v>
      </c>
      <c r="N19407" t="s">
        <v>88</v>
      </c>
      <c r="O19407" t="s">
        <v>85</v>
      </c>
      <c r="P19407" t="s">
        <v>86</v>
      </c>
      <c r="Q19407">
        <v>15</v>
      </c>
      <c r="R19407">
        <v>15</v>
      </c>
      <c r="S19407">
        <v>15</v>
      </c>
      <c r="T19407">
        <v>15</v>
      </c>
      <c r="U19407">
        <v>15</v>
      </c>
      <c r="V19407">
        <v>15</v>
      </c>
      <c r="W19407">
        <v>16</v>
      </c>
      <c r="X19407">
        <v>16</v>
      </c>
      <c r="Y19407">
        <v>16</v>
      </c>
      <c r="Z19407">
        <v>16</v>
      </c>
      <c r="AA19407">
        <v>16</v>
      </c>
      <c r="AB19407">
        <v>16</v>
      </c>
      <c r="AC19407">
        <v>16</v>
      </c>
      <c r="AD19407">
        <v>16</v>
      </c>
      <c r="AE19407">
        <v>16</v>
      </c>
      <c r="AF19407">
        <v>16</v>
      </c>
      <c r="AG19407">
        <v>16</v>
      </c>
      <c r="AH19407">
        <v>16</v>
      </c>
      <c r="AI19407">
        <v>16</v>
      </c>
      <c r="AJ19407">
        <v>16</v>
      </c>
      <c r="AK19407">
        <v>17</v>
      </c>
      <c r="AL19407">
        <v>17</v>
      </c>
      <c r="AM19407">
        <v>17</v>
      </c>
      <c r="AN19407">
        <v>17</v>
      </c>
      <c r="AO19407">
        <v>17</v>
      </c>
      <c r="AP19407">
        <v>17</v>
      </c>
      <c r="AQ19407">
        <v>17</v>
      </c>
    </row>
    <row r="19408" spans="1:43">
      <c r="A19408" t="s">
        <v>12016</v>
      </c>
      <c r="B19408" t="s">
        <v>12017</v>
      </c>
      <c r="C19408" t="s">
        <v>12018</v>
      </c>
      <c r="D19408" t="s">
        <v>12019</v>
      </c>
      <c r="E19408" t="s">
        <v>12006</v>
      </c>
      <c r="F19408" t="s">
        <v>12007</v>
      </c>
      <c r="G19408" t="s">
        <v>10450</v>
      </c>
      <c r="H19408" t="s">
        <v>10451</v>
      </c>
      <c r="I19408" s="2">
        <v>1</v>
      </c>
      <c r="J19408" s="2">
        <v>0</v>
      </c>
      <c r="K19408" s="2">
        <v>0</v>
      </c>
      <c r="L19408" t="s">
        <v>120</v>
      </c>
      <c r="M19408" t="s">
        <v>89</v>
      </c>
      <c r="N19408" t="s">
        <v>90</v>
      </c>
      <c r="O19408" t="s">
        <v>85</v>
      </c>
      <c r="P19408" t="s">
        <v>86</v>
      </c>
      <c r="Q19408">
        <v>15</v>
      </c>
      <c r="R19408">
        <v>16</v>
      </c>
      <c r="S19408">
        <v>16</v>
      </c>
      <c r="T19408">
        <v>16</v>
      </c>
      <c r="U19408">
        <v>17</v>
      </c>
      <c r="V19408">
        <v>17</v>
      </c>
      <c r="W19408">
        <v>17</v>
      </c>
      <c r="X19408">
        <v>18</v>
      </c>
      <c r="Y19408">
        <v>18</v>
      </c>
      <c r="Z19408">
        <v>18</v>
      </c>
      <c r="AA19408">
        <v>18</v>
      </c>
      <c r="AB19408">
        <v>19</v>
      </c>
      <c r="AC19408">
        <v>19</v>
      </c>
      <c r="AD19408">
        <v>19</v>
      </c>
      <c r="AE19408">
        <v>19</v>
      </c>
      <c r="AF19408">
        <v>19</v>
      </c>
      <c r="AG19408">
        <v>19</v>
      </c>
      <c r="AH19408">
        <v>19</v>
      </c>
      <c r="AI19408">
        <v>20</v>
      </c>
      <c r="AJ19408">
        <v>20</v>
      </c>
      <c r="AK19408">
        <v>20</v>
      </c>
      <c r="AL19408">
        <v>20</v>
      </c>
      <c r="AM19408">
        <v>20</v>
      </c>
      <c r="AN19408">
        <v>20</v>
      </c>
      <c r="AO19408">
        <v>20</v>
      </c>
      <c r="AP19408">
        <v>20</v>
      </c>
      <c r="AQ19408">
        <v>20</v>
      </c>
    </row>
    <row r="19409" spans="1:43">
      <c r="A19409" t="s">
        <v>12016</v>
      </c>
      <c r="B19409" t="s">
        <v>12017</v>
      </c>
      <c r="C19409" t="s">
        <v>12018</v>
      </c>
      <c r="D19409" t="s">
        <v>12019</v>
      </c>
      <c r="E19409" t="s">
        <v>12006</v>
      </c>
      <c r="F19409" t="s">
        <v>12007</v>
      </c>
      <c r="G19409" t="s">
        <v>10450</v>
      </c>
      <c r="H19409" t="s">
        <v>10451</v>
      </c>
      <c r="I19409" s="2">
        <v>1</v>
      </c>
      <c r="J19409" s="2">
        <v>0</v>
      </c>
      <c r="K19409" s="2">
        <v>0</v>
      </c>
      <c r="L19409" t="s">
        <v>120</v>
      </c>
      <c r="M19409" t="s">
        <v>83</v>
      </c>
      <c r="N19409" t="s">
        <v>91</v>
      </c>
      <c r="O19409" t="s">
        <v>85</v>
      </c>
      <c r="P19409" t="s">
        <v>86</v>
      </c>
      <c r="Q19409">
        <v>15</v>
      </c>
      <c r="R19409">
        <v>15</v>
      </c>
      <c r="S19409">
        <v>16</v>
      </c>
      <c r="T19409">
        <v>16</v>
      </c>
      <c r="U19409">
        <v>16</v>
      </c>
      <c r="V19409">
        <v>16</v>
      </c>
      <c r="W19409">
        <v>17</v>
      </c>
      <c r="X19409">
        <v>17</v>
      </c>
      <c r="Y19409">
        <v>17</v>
      </c>
      <c r="Z19409">
        <v>17</v>
      </c>
      <c r="AA19409">
        <v>17</v>
      </c>
      <c r="AB19409">
        <v>18</v>
      </c>
      <c r="AC19409">
        <v>18</v>
      </c>
      <c r="AD19409">
        <v>18</v>
      </c>
      <c r="AE19409">
        <v>18</v>
      </c>
      <c r="AF19409">
        <v>18</v>
      </c>
      <c r="AG19409">
        <v>19</v>
      </c>
      <c r="AH19409">
        <v>19</v>
      </c>
      <c r="AI19409">
        <v>19</v>
      </c>
      <c r="AJ19409">
        <v>19</v>
      </c>
      <c r="AK19409">
        <v>19</v>
      </c>
      <c r="AL19409">
        <v>19</v>
      </c>
      <c r="AM19409">
        <v>19</v>
      </c>
      <c r="AN19409">
        <v>19</v>
      </c>
      <c r="AO19409">
        <v>19</v>
      </c>
      <c r="AP19409">
        <v>19</v>
      </c>
      <c r="AQ19409">
        <v>19</v>
      </c>
    </row>
    <row r="19410" spans="1:43">
      <c r="A19410" t="s">
        <v>12020</v>
      </c>
      <c r="B19410" t="s">
        <v>12021</v>
      </c>
      <c r="C19410" t="s">
        <v>12018</v>
      </c>
      <c r="D19410" t="s">
        <v>12019</v>
      </c>
      <c r="E19410" t="s">
        <v>12006</v>
      </c>
      <c r="F19410" t="s">
        <v>12007</v>
      </c>
      <c r="G19410" t="s">
        <v>10450</v>
      </c>
      <c r="H19410" t="s">
        <v>10451</v>
      </c>
      <c r="I19410" s="2">
        <v>1</v>
      </c>
      <c r="J19410" s="2">
        <v>0</v>
      </c>
      <c r="K19410" s="2">
        <v>0</v>
      </c>
      <c r="L19410" t="s">
        <v>120</v>
      </c>
      <c r="M19410" t="s">
        <v>83</v>
      </c>
      <c r="N19410" t="s">
        <v>84</v>
      </c>
      <c r="O19410" t="s">
        <v>85</v>
      </c>
      <c r="P19410" t="s">
        <v>86</v>
      </c>
      <c r="Q19410">
        <v>25</v>
      </c>
      <c r="R19410">
        <v>25</v>
      </c>
      <c r="S19410">
        <v>26</v>
      </c>
      <c r="T19410">
        <v>26</v>
      </c>
      <c r="U19410">
        <v>26</v>
      </c>
      <c r="V19410">
        <v>27</v>
      </c>
      <c r="W19410">
        <v>27</v>
      </c>
      <c r="X19410">
        <v>27</v>
      </c>
      <c r="Y19410">
        <v>28</v>
      </c>
      <c r="Z19410">
        <v>28</v>
      </c>
      <c r="AA19410">
        <v>28</v>
      </c>
      <c r="AB19410">
        <v>29</v>
      </c>
      <c r="AC19410">
        <v>29</v>
      </c>
      <c r="AD19410">
        <v>29</v>
      </c>
      <c r="AE19410">
        <v>30</v>
      </c>
      <c r="AF19410">
        <v>30</v>
      </c>
      <c r="AG19410">
        <v>30</v>
      </c>
      <c r="AH19410">
        <v>30</v>
      </c>
      <c r="AI19410">
        <v>31</v>
      </c>
      <c r="AJ19410">
        <v>31</v>
      </c>
      <c r="AK19410">
        <v>31</v>
      </c>
      <c r="AL19410">
        <v>32</v>
      </c>
      <c r="AM19410">
        <v>32</v>
      </c>
      <c r="AN19410">
        <v>32</v>
      </c>
      <c r="AO19410">
        <v>32</v>
      </c>
      <c r="AP19410">
        <v>32</v>
      </c>
      <c r="AQ19410">
        <v>32</v>
      </c>
    </row>
    <row r="19411" spans="1:43">
      <c r="A19411" t="s">
        <v>12020</v>
      </c>
      <c r="B19411" t="s">
        <v>12021</v>
      </c>
      <c r="C19411" t="s">
        <v>12018</v>
      </c>
      <c r="D19411" t="s">
        <v>12019</v>
      </c>
      <c r="E19411" t="s">
        <v>12006</v>
      </c>
      <c r="F19411" t="s">
        <v>12007</v>
      </c>
      <c r="G19411" t="s">
        <v>10450</v>
      </c>
      <c r="H19411" t="s">
        <v>10451</v>
      </c>
      <c r="I19411" s="2">
        <v>1</v>
      </c>
      <c r="J19411" s="2">
        <v>0</v>
      </c>
      <c r="K19411" s="2">
        <v>0</v>
      </c>
      <c r="L19411" t="s">
        <v>120</v>
      </c>
      <c r="M19411" t="s">
        <v>87</v>
      </c>
      <c r="N19411" t="s">
        <v>88</v>
      </c>
      <c r="O19411" t="s">
        <v>85</v>
      </c>
      <c r="P19411" t="s">
        <v>86</v>
      </c>
      <c r="Q19411">
        <v>25</v>
      </c>
      <c r="R19411">
        <v>25</v>
      </c>
      <c r="S19411">
        <v>25</v>
      </c>
      <c r="T19411">
        <v>25</v>
      </c>
      <c r="U19411">
        <v>25</v>
      </c>
      <c r="V19411">
        <v>25</v>
      </c>
      <c r="W19411">
        <v>25</v>
      </c>
      <c r="X19411">
        <v>25</v>
      </c>
      <c r="Y19411">
        <v>26</v>
      </c>
      <c r="Z19411">
        <v>26</v>
      </c>
      <c r="AA19411">
        <v>26</v>
      </c>
      <c r="AB19411">
        <v>26</v>
      </c>
      <c r="AC19411">
        <v>26</v>
      </c>
      <c r="AD19411">
        <v>26</v>
      </c>
      <c r="AE19411">
        <v>26</v>
      </c>
      <c r="AF19411">
        <v>26</v>
      </c>
      <c r="AG19411">
        <v>26</v>
      </c>
      <c r="AH19411">
        <v>27</v>
      </c>
      <c r="AI19411">
        <v>27</v>
      </c>
      <c r="AJ19411">
        <v>27</v>
      </c>
      <c r="AK19411">
        <v>27</v>
      </c>
      <c r="AL19411">
        <v>27</v>
      </c>
      <c r="AM19411">
        <v>27</v>
      </c>
      <c r="AN19411">
        <v>27</v>
      </c>
      <c r="AO19411">
        <v>27</v>
      </c>
      <c r="AP19411">
        <v>27</v>
      </c>
      <c r="AQ19411">
        <v>27</v>
      </c>
    </row>
    <row r="19412" spans="1:43">
      <c r="A19412" t="s">
        <v>12020</v>
      </c>
      <c r="B19412" t="s">
        <v>12021</v>
      </c>
      <c r="C19412" t="s">
        <v>12018</v>
      </c>
      <c r="D19412" t="s">
        <v>12019</v>
      </c>
      <c r="E19412" t="s">
        <v>12006</v>
      </c>
      <c r="F19412" t="s">
        <v>12007</v>
      </c>
      <c r="G19412" t="s">
        <v>10450</v>
      </c>
      <c r="H19412" t="s">
        <v>10451</v>
      </c>
      <c r="I19412" s="2">
        <v>1</v>
      </c>
      <c r="J19412" s="2">
        <v>0</v>
      </c>
      <c r="K19412" s="2">
        <v>0</v>
      </c>
      <c r="L19412" t="s">
        <v>120</v>
      </c>
      <c r="M19412" t="s">
        <v>89</v>
      </c>
      <c r="N19412" t="s">
        <v>90</v>
      </c>
      <c r="O19412" t="s">
        <v>85</v>
      </c>
      <c r="P19412" t="s">
        <v>86</v>
      </c>
      <c r="Q19412">
        <v>25</v>
      </c>
      <c r="R19412">
        <v>26</v>
      </c>
      <c r="S19412">
        <v>26</v>
      </c>
      <c r="T19412">
        <v>27</v>
      </c>
      <c r="U19412">
        <v>27</v>
      </c>
      <c r="V19412">
        <v>28</v>
      </c>
      <c r="W19412">
        <v>28</v>
      </c>
      <c r="X19412">
        <v>29</v>
      </c>
      <c r="Y19412">
        <v>29</v>
      </c>
      <c r="Z19412">
        <v>30</v>
      </c>
      <c r="AA19412">
        <v>30</v>
      </c>
      <c r="AB19412">
        <v>30</v>
      </c>
      <c r="AC19412">
        <v>31</v>
      </c>
      <c r="AD19412">
        <v>31</v>
      </c>
      <c r="AE19412">
        <v>32</v>
      </c>
      <c r="AF19412">
        <v>32</v>
      </c>
      <c r="AG19412">
        <v>32</v>
      </c>
      <c r="AH19412">
        <v>32</v>
      </c>
      <c r="AI19412">
        <v>32</v>
      </c>
      <c r="AJ19412">
        <v>32</v>
      </c>
      <c r="AK19412">
        <v>32</v>
      </c>
      <c r="AL19412">
        <v>32</v>
      </c>
      <c r="AM19412">
        <v>32</v>
      </c>
      <c r="AN19412">
        <v>32</v>
      </c>
      <c r="AO19412">
        <v>32</v>
      </c>
      <c r="AP19412">
        <v>32</v>
      </c>
      <c r="AQ19412">
        <v>32</v>
      </c>
    </row>
    <row r="19413" spans="1:43">
      <c r="A19413" t="s">
        <v>12020</v>
      </c>
      <c r="B19413" t="s">
        <v>12021</v>
      </c>
      <c r="C19413" t="s">
        <v>12018</v>
      </c>
      <c r="D19413" t="s">
        <v>12019</v>
      </c>
      <c r="E19413" t="s">
        <v>12006</v>
      </c>
      <c r="F19413" t="s">
        <v>12007</v>
      </c>
      <c r="G19413" t="s">
        <v>10450</v>
      </c>
      <c r="H19413" t="s">
        <v>10451</v>
      </c>
      <c r="I19413" s="2">
        <v>1</v>
      </c>
      <c r="J19413" s="2">
        <v>0</v>
      </c>
      <c r="K19413" s="2">
        <v>0</v>
      </c>
      <c r="L19413" t="s">
        <v>120</v>
      </c>
      <c r="M19413" t="s">
        <v>83</v>
      </c>
      <c r="N19413" t="s">
        <v>91</v>
      </c>
      <c r="O19413" t="s">
        <v>85</v>
      </c>
      <c r="P19413" t="s">
        <v>86</v>
      </c>
      <c r="Q19413">
        <v>25</v>
      </c>
      <c r="R19413">
        <v>25</v>
      </c>
      <c r="S19413">
        <v>26</v>
      </c>
      <c r="T19413">
        <v>26</v>
      </c>
      <c r="U19413">
        <v>26</v>
      </c>
      <c r="V19413">
        <v>27</v>
      </c>
      <c r="W19413">
        <v>27</v>
      </c>
      <c r="X19413">
        <v>27</v>
      </c>
      <c r="Y19413">
        <v>28</v>
      </c>
      <c r="Z19413">
        <v>28</v>
      </c>
      <c r="AA19413">
        <v>28</v>
      </c>
      <c r="AB19413">
        <v>29</v>
      </c>
      <c r="AC19413">
        <v>29</v>
      </c>
      <c r="AD19413">
        <v>29</v>
      </c>
      <c r="AE19413">
        <v>30</v>
      </c>
      <c r="AF19413">
        <v>30</v>
      </c>
      <c r="AG19413">
        <v>30</v>
      </c>
      <c r="AH19413">
        <v>30</v>
      </c>
      <c r="AI19413">
        <v>31</v>
      </c>
      <c r="AJ19413">
        <v>31</v>
      </c>
      <c r="AK19413">
        <v>31</v>
      </c>
      <c r="AL19413">
        <v>32</v>
      </c>
      <c r="AM19413">
        <v>32</v>
      </c>
      <c r="AN19413">
        <v>32</v>
      </c>
      <c r="AO19413">
        <v>32</v>
      </c>
      <c r="AP19413">
        <v>32</v>
      </c>
      <c r="AQ19413">
        <v>32</v>
      </c>
    </row>
    <row r="19414" spans="1:43">
      <c r="A19414" t="s">
        <v>12022</v>
      </c>
      <c r="B19414" t="s">
        <v>12023</v>
      </c>
      <c r="C19414" t="s">
        <v>12018</v>
      </c>
      <c r="D19414" t="s">
        <v>12019</v>
      </c>
      <c r="E19414" t="s">
        <v>12006</v>
      </c>
      <c r="F19414" t="s">
        <v>12007</v>
      </c>
      <c r="G19414" t="s">
        <v>10450</v>
      </c>
      <c r="H19414" t="s">
        <v>10451</v>
      </c>
      <c r="I19414" s="2">
        <v>1</v>
      </c>
      <c r="J19414" s="2">
        <v>0</v>
      </c>
      <c r="K19414" s="2">
        <v>0</v>
      </c>
      <c r="L19414" t="s">
        <v>120</v>
      </c>
      <c r="M19414" t="s">
        <v>83</v>
      </c>
      <c r="N19414" t="s">
        <v>84</v>
      </c>
      <c r="O19414" t="s">
        <v>85</v>
      </c>
      <c r="P19414" t="s">
        <v>86</v>
      </c>
      <c r="Q19414">
        <v>35</v>
      </c>
      <c r="R19414">
        <v>35</v>
      </c>
      <c r="S19414">
        <v>36</v>
      </c>
      <c r="T19414">
        <v>36</v>
      </c>
      <c r="U19414">
        <v>37</v>
      </c>
      <c r="V19414">
        <v>37</v>
      </c>
      <c r="W19414">
        <v>38</v>
      </c>
      <c r="X19414">
        <v>38</v>
      </c>
      <c r="Y19414">
        <v>39</v>
      </c>
      <c r="Z19414">
        <v>39</v>
      </c>
      <c r="AA19414">
        <v>40</v>
      </c>
      <c r="AB19414">
        <v>40</v>
      </c>
      <c r="AC19414">
        <v>41</v>
      </c>
      <c r="AD19414">
        <v>41</v>
      </c>
      <c r="AE19414">
        <v>41</v>
      </c>
      <c r="AF19414">
        <v>42</v>
      </c>
      <c r="AG19414">
        <v>42</v>
      </c>
      <c r="AH19414">
        <v>43</v>
      </c>
      <c r="AI19414">
        <v>43</v>
      </c>
      <c r="AJ19414">
        <v>44</v>
      </c>
      <c r="AK19414">
        <v>44</v>
      </c>
      <c r="AL19414">
        <v>44</v>
      </c>
      <c r="AM19414">
        <v>44</v>
      </c>
      <c r="AN19414">
        <v>44</v>
      </c>
      <c r="AO19414">
        <v>44</v>
      </c>
      <c r="AP19414">
        <v>44</v>
      </c>
      <c r="AQ19414">
        <v>44</v>
      </c>
    </row>
    <row r="19415" spans="1:43">
      <c r="A19415" t="s">
        <v>12022</v>
      </c>
      <c r="B19415" t="s">
        <v>12023</v>
      </c>
      <c r="C19415" t="s">
        <v>12018</v>
      </c>
      <c r="D19415" t="s">
        <v>12019</v>
      </c>
      <c r="E19415" t="s">
        <v>12006</v>
      </c>
      <c r="F19415" t="s">
        <v>12007</v>
      </c>
      <c r="G19415" t="s">
        <v>10450</v>
      </c>
      <c r="H19415" t="s">
        <v>10451</v>
      </c>
      <c r="I19415" s="2">
        <v>1</v>
      </c>
      <c r="J19415" s="2">
        <v>0</v>
      </c>
      <c r="K19415" s="2">
        <v>0</v>
      </c>
      <c r="L19415" t="s">
        <v>120</v>
      </c>
      <c r="M19415" t="s">
        <v>87</v>
      </c>
      <c r="N19415" t="s">
        <v>88</v>
      </c>
      <c r="O19415" t="s">
        <v>85</v>
      </c>
      <c r="P19415" t="s">
        <v>86</v>
      </c>
      <c r="Q19415">
        <v>35</v>
      </c>
      <c r="R19415">
        <v>36</v>
      </c>
      <c r="S19415">
        <v>36</v>
      </c>
      <c r="T19415">
        <v>36</v>
      </c>
      <c r="U19415">
        <v>36</v>
      </c>
      <c r="V19415">
        <v>36</v>
      </c>
      <c r="W19415">
        <v>36</v>
      </c>
      <c r="X19415">
        <v>37</v>
      </c>
      <c r="Y19415">
        <v>37</v>
      </c>
      <c r="Z19415">
        <v>37</v>
      </c>
      <c r="AA19415">
        <v>37</v>
      </c>
      <c r="AB19415">
        <v>37</v>
      </c>
      <c r="AC19415">
        <v>37</v>
      </c>
      <c r="AD19415">
        <v>38</v>
      </c>
      <c r="AE19415">
        <v>38</v>
      </c>
      <c r="AF19415">
        <v>38</v>
      </c>
      <c r="AG19415">
        <v>38</v>
      </c>
      <c r="AH19415">
        <v>38</v>
      </c>
      <c r="AI19415">
        <v>38</v>
      </c>
      <c r="AJ19415">
        <v>39</v>
      </c>
      <c r="AK19415">
        <v>39</v>
      </c>
      <c r="AL19415">
        <v>39</v>
      </c>
      <c r="AM19415">
        <v>39</v>
      </c>
      <c r="AN19415">
        <v>39</v>
      </c>
      <c r="AO19415">
        <v>39</v>
      </c>
      <c r="AP19415">
        <v>39</v>
      </c>
      <c r="AQ19415">
        <v>40</v>
      </c>
    </row>
    <row r="19416" spans="1:43">
      <c r="A19416" t="s">
        <v>12022</v>
      </c>
      <c r="B19416" t="s">
        <v>12023</v>
      </c>
      <c r="C19416" t="s">
        <v>12018</v>
      </c>
      <c r="D19416" t="s">
        <v>12019</v>
      </c>
      <c r="E19416" t="s">
        <v>12006</v>
      </c>
      <c r="F19416" t="s">
        <v>12007</v>
      </c>
      <c r="G19416" t="s">
        <v>10450</v>
      </c>
      <c r="H19416" t="s">
        <v>10451</v>
      </c>
      <c r="I19416" s="2">
        <v>1</v>
      </c>
      <c r="J19416" s="2">
        <v>0</v>
      </c>
      <c r="K19416" s="2">
        <v>0</v>
      </c>
      <c r="L19416" t="s">
        <v>120</v>
      </c>
      <c r="M19416" t="s">
        <v>89</v>
      </c>
      <c r="N19416" t="s">
        <v>90</v>
      </c>
      <c r="O19416" t="s">
        <v>85</v>
      </c>
      <c r="P19416" t="s">
        <v>86</v>
      </c>
      <c r="Q19416">
        <v>35</v>
      </c>
      <c r="R19416">
        <v>36</v>
      </c>
      <c r="S19416">
        <v>37</v>
      </c>
      <c r="T19416">
        <v>37</v>
      </c>
      <c r="U19416">
        <v>38</v>
      </c>
      <c r="V19416">
        <v>39</v>
      </c>
      <c r="W19416">
        <v>40</v>
      </c>
      <c r="X19416">
        <v>40</v>
      </c>
      <c r="Y19416">
        <v>41</v>
      </c>
      <c r="Z19416">
        <v>42</v>
      </c>
      <c r="AA19416">
        <v>42</v>
      </c>
      <c r="AB19416">
        <v>43</v>
      </c>
      <c r="AC19416">
        <v>43</v>
      </c>
      <c r="AD19416">
        <v>44</v>
      </c>
      <c r="AE19416">
        <v>44</v>
      </c>
      <c r="AF19416">
        <v>44</v>
      </c>
      <c r="AG19416">
        <v>44</v>
      </c>
      <c r="AH19416">
        <v>45</v>
      </c>
      <c r="AI19416">
        <v>45</v>
      </c>
      <c r="AJ19416">
        <v>45</v>
      </c>
      <c r="AK19416">
        <v>45</v>
      </c>
      <c r="AL19416">
        <v>45</v>
      </c>
      <c r="AM19416">
        <v>45</v>
      </c>
      <c r="AN19416">
        <v>45</v>
      </c>
      <c r="AO19416">
        <v>45</v>
      </c>
      <c r="AP19416">
        <v>45</v>
      </c>
      <c r="AQ19416">
        <v>45</v>
      </c>
    </row>
    <row r="19417" spans="1:43">
      <c r="A19417" t="s">
        <v>12022</v>
      </c>
      <c r="B19417" t="s">
        <v>12023</v>
      </c>
      <c r="C19417" t="s">
        <v>12018</v>
      </c>
      <c r="D19417" t="s">
        <v>12019</v>
      </c>
      <c r="E19417" t="s">
        <v>12006</v>
      </c>
      <c r="F19417" t="s">
        <v>12007</v>
      </c>
      <c r="G19417" t="s">
        <v>10450</v>
      </c>
      <c r="H19417" t="s">
        <v>10451</v>
      </c>
      <c r="I19417" s="2">
        <v>1</v>
      </c>
      <c r="J19417" s="2">
        <v>0</v>
      </c>
      <c r="K19417" s="2">
        <v>0</v>
      </c>
      <c r="L19417" t="s">
        <v>120</v>
      </c>
      <c r="M19417" t="s">
        <v>83</v>
      </c>
      <c r="N19417" t="s">
        <v>91</v>
      </c>
      <c r="O19417" t="s">
        <v>85</v>
      </c>
      <c r="P19417" t="s">
        <v>86</v>
      </c>
      <c r="Q19417">
        <v>35</v>
      </c>
      <c r="R19417">
        <v>35</v>
      </c>
      <c r="S19417">
        <v>36</v>
      </c>
      <c r="T19417">
        <v>36</v>
      </c>
      <c r="U19417">
        <v>37</v>
      </c>
      <c r="V19417">
        <v>37</v>
      </c>
      <c r="W19417">
        <v>38</v>
      </c>
      <c r="X19417">
        <v>38</v>
      </c>
      <c r="Y19417">
        <v>39</v>
      </c>
      <c r="Z19417">
        <v>39</v>
      </c>
      <c r="AA19417">
        <v>40</v>
      </c>
      <c r="AB19417">
        <v>40</v>
      </c>
      <c r="AC19417">
        <v>41</v>
      </c>
      <c r="AD19417">
        <v>41</v>
      </c>
      <c r="AE19417">
        <v>41</v>
      </c>
      <c r="AF19417">
        <v>42</v>
      </c>
      <c r="AG19417">
        <v>42</v>
      </c>
      <c r="AH19417">
        <v>43</v>
      </c>
      <c r="AI19417">
        <v>43</v>
      </c>
      <c r="AJ19417">
        <v>44</v>
      </c>
      <c r="AK19417">
        <v>44</v>
      </c>
      <c r="AL19417">
        <v>44</v>
      </c>
      <c r="AM19417">
        <v>44</v>
      </c>
      <c r="AN19417">
        <v>44</v>
      </c>
      <c r="AO19417">
        <v>44</v>
      </c>
      <c r="AP19417">
        <v>44</v>
      </c>
      <c r="AQ19417">
        <v>44</v>
      </c>
    </row>
    <row r="19418" spans="1:43">
      <c r="A19418" t="s">
        <v>12024</v>
      </c>
      <c r="B19418" t="s">
        <v>12025</v>
      </c>
      <c r="C19418" t="s">
        <v>12026</v>
      </c>
      <c r="D19418" t="s">
        <v>12027</v>
      </c>
      <c r="E19418" t="s">
        <v>12006</v>
      </c>
      <c r="F19418" t="s">
        <v>12007</v>
      </c>
      <c r="G19418" t="s">
        <v>10450</v>
      </c>
      <c r="H19418" t="s">
        <v>10451</v>
      </c>
      <c r="I19418" s="2">
        <v>0.78</v>
      </c>
      <c r="J19418" s="2">
        <v>0</v>
      </c>
      <c r="K19418" s="2">
        <v>0</v>
      </c>
      <c r="L19418" t="s">
        <v>120</v>
      </c>
      <c r="M19418" t="s">
        <v>83</v>
      </c>
      <c r="N19418" t="s">
        <v>84</v>
      </c>
      <c r="O19418" t="s">
        <v>85</v>
      </c>
      <c r="P19418" t="s">
        <v>86</v>
      </c>
      <c r="Q19418">
        <v>23</v>
      </c>
      <c r="R19418">
        <v>23</v>
      </c>
      <c r="S19418">
        <v>24</v>
      </c>
      <c r="T19418">
        <v>24</v>
      </c>
      <c r="U19418">
        <v>24</v>
      </c>
      <c r="V19418">
        <v>25</v>
      </c>
      <c r="W19418">
        <v>25</v>
      </c>
      <c r="X19418">
        <v>25</v>
      </c>
      <c r="Y19418">
        <v>26</v>
      </c>
      <c r="Z19418">
        <v>26</v>
      </c>
      <c r="AA19418">
        <v>26</v>
      </c>
      <c r="AB19418">
        <v>27</v>
      </c>
      <c r="AC19418">
        <v>27</v>
      </c>
      <c r="AD19418">
        <v>27</v>
      </c>
      <c r="AE19418">
        <v>27</v>
      </c>
      <c r="AF19418">
        <v>28</v>
      </c>
      <c r="AG19418">
        <v>28</v>
      </c>
      <c r="AH19418">
        <v>28</v>
      </c>
      <c r="AI19418">
        <v>29</v>
      </c>
      <c r="AJ19418">
        <v>29</v>
      </c>
      <c r="AK19418">
        <v>29</v>
      </c>
      <c r="AL19418">
        <v>29</v>
      </c>
      <c r="AM19418">
        <v>29</v>
      </c>
      <c r="AN19418">
        <v>29</v>
      </c>
      <c r="AO19418">
        <v>29</v>
      </c>
      <c r="AP19418">
        <v>29</v>
      </c>
      <c r="AQ19418">
        <v>29</v>
      </c>
    </row>
    <row r="19419" spans="1:43">
      <c r="A19419" t="s">
        <v>12024</v>
      </c>
      <c r="B19419" t="s">
        <v>12025</v>
      </c>
      <c r="C19419" t="s">
        <v>12026</v>
      </c>
      <c r="D19419" t="s">
        <v>12027</v>
      </c>
      <c r="E19419" t="s">
        <v>12006</v>
      </c>
      <c r="F19419" t="s">
        <v>12007</v>
      </c>
      <c r="G19419" t="s">
        <v>10450</v>
      </c>
      <c r="H19419" t="s">
        <v>10451</v>
      </c>
      <c r="I19419" s="2">
        <v>0.78</v>
      </c>
      <c r="J19419" s="2">
        <v>0</v>
      </c>
      <c r="K19419" s="2">
        <v>0</v>
      </c>
      <c r="L19419" t="s">
        <v>120</v>
      </c>
      <c r="M19419" t="s">
        <v>87</v>
      </c>
      <c r="N19419" t="s">
        <v>88</v>
      </c>
      <c r="O19419" t="s">
        <v>85</v>
      </c>
      <c r="P19419" t="s">
        <v>86</v>
      </c>
      <c r="Q19419">
        <v>23</v>
      </c>
      <c r="R19419">
        <v>23</v>
      </c>
      <c r="S19419">
        <v>23</v>
      </c>
      <c r="T19419">
        <v>23</v>
      </c>
      <c r="U19419">
        <v>23</v>
      </c>
      <c r="V19419">
        <v>23</v>
      </c>
      <c r="W19419">
        <v>23</v>
      </c>
      <c r="X19419">
        <v>24</v>
      </c>
      <c r="Y19419">
        <v>24</v>
      </c>
      <c r="Z19419">
        <v>24</v>
      </c>
      <c r="AA19419">
        <v>24</v>
      </c>
      <c r="AB19419">
        <v>24</v>
      </c>
      <c r="AC19419">
        <v>24</v>
      </c>
      <c r="AD19419">
        <v>24</v>
      </c>
      <c r="AE19419">
        <v>24</v>
      </c>
      <c r="AF19419">
        <v>24</v>
      </c>
      <c r="AG19419">
        <v>25</v>
      </c>
      <c r="AH19419">
        <v>25</v>
      </c>
      <c r="AI19419">
        <v>25</v>
      </c>
      <c r="AJ19419">
        <v>25</v>
      </c>
      <c r="AK19419">
        <v>25</v>
      </c>
      <c r="AL19419">
        <v>25</v>
      </c>
      <c r="AM19419">
        <v>25</v>
      </c>
      <c r="AN19419">
        <v>25</v>
      </c>
      <c r="AO19419">
        <v>25</v>
      </c>
      <c r="AP19419">
        <v>25</v>
      </c>
      <c r="AQ19419">
        <v>25</v>
      </c>
    </row>
    <row r="19420" spans="1:43">
      <c r="A19420" t="s">
        <v>12024</v>
      </c>
      <c r="B19420" t="s">
        <v>12025</v>
      </c>
      <c r="C19420" t="s">
        <v>12026</v>
      </c>
      <c r="D19420" t="s">
        <v>12027</v>
      </c>
      <c r="E19420" t="s">
        <v>12006</v>
      </c>
      <c r="F19420" t="s">
        <v>12007</v>
      </c>
      <c r="G19420" t="s">
        <v>10450</v>
      </c>
      <c r="H19420" t="s">
        <v>10451</v>
      </c>
      <c r="I19420" s="2">
        <v>0.78</v>
      </c>
      <c r="J19420" s="2">
        <v>0</v>
      </c>
      <c r="K19420" s="2">
        <v>0</v>
      </c>
      <c r="L19420" t="s">
        <v>120</v>
      </c>
      <c r="M19420" t="s">
        <v>89</v>
      </c>
      <c r="N19420" t="s">
        <v>90</v>
      </c>
      <c r="O19420" t="s">
        <v>85</v>
      </c>
      <c r="P19420" t="s">
        <v>86</v>
      </c>
      <c r="Q19420">
        <v>23</v>
      </c>
      <c r="R19420">
        <v>24</v>
      </c>
      <c r="S19420">
        <v>24</v>
      </c>
      <c r="T19420">
        <v>25</v>
      </c>
      <c r="U19420">
        <v>25</v>
      </c>
      <c r="V19420">
        <v>26</v>
      </c>
      <c r="W19420">
        <v>26</v>
      </c>
      <c r="X19420">
        <v>27</v>
      </c>
      <c r="Y19420">
        <v>27</v>
      </c>
      <c r="Z19420">
        <v>28</v>
      </c>
      <c r="AA19420">
        <v>28</v>
      </c>
      <c r="AB19420">
        <v>28</v>
      </c>
      <c r="AC19420">
        <v>29</v>
      </c>
      <c r="AD19420">
        <v>29</v>
      </c>
      <c r="AE19420">
        <v>29</v>
      </c>
      <c r="AF19420">
        <v>29</v>
      </c>
      <c r="AG19420">
        <v>29</v>
      </c>
      <c r="AH19420">
        <v>30</v>
      </c>
      <c r="AI19420">
        <v>30</v>
      </c>
      <c r="AJ19420">
        <v>30</v>
      </c>
      <c r="AK19420">
        <v>30</v>
      </c>
      <c r="AL19420">
        <v>30</v>
      </c>
      <c r="AM19420">
        <v>30</v>
      </c>
      <c r="AN19420">
        <v>30</v>
      </c>
      <c r="AO19420">
        <v>30</v>
      </c>
      <c r="AP19420">
        <v>30</v>
      </c>
      <c r="AQ19420">
        <v>30</v>
      </c>
    </row>
    <row r="19421" spans="1:43">
      <c r="A19421" t="s">
        <v>12024</v>
      </c>
      <c r="B19421" t="s">
        <v>12025</v>
      </c>
      <c r="C19421" t="s">
        <v>12026</v>
      </c>
      <c r="D19421" t="s">
        <v>12027</v>
      </c>
      <c r="E19421" t="s">
        <v>12006</v>
      </c>
      <c r="F19421" t="s">
        <v>12007</v>
      </c>
      <c r="G19421" t="s">
        <v>10450</v>
      </c>
      <c r="H19421" t="s">
        <v>10451</v>
      </c>
      <c r="I19421" s="2">
        <v>0.78</v>
      </c>
      <c r="J19421" s="2">
        <v>0</v>
      </c>
      <c r="K19421" s="2">
        <v>0</v>
      </c>
      <c r="L19421" t="s">
        <v>120</v>
      </c>
      <c r="M19421" t="s">
        <v>83</v>
      </c>
      <c r="N19421" t="s">
        <v>91</v>
      </c>
      <c r="O19421" t="s">
        <v>85</v>
      </c>
      <c r="P19421" t="s">
        <v>86</v>
      </c>
      <c r="Q19421">
        <v>23</v>
      </c>
      <c r="R19421">
        <v>23</v>
      </c>
      <c r="S19421">
        <v>24</v>
      </c>
      <c r="T19421">
        <v>24</v>
      </c>
      <c r="U19421">
        <v>24</v>
      </c>
      <c r="V19421">
        <v>25</v>
      </c>
      <c r="W19421">
        <v>25</v>
      </c>
      <c r="X19421">
        <v>25</v>
      </c>
      <c r="Y19421">
        <v>26</v>
      </c>
      <c r="Z19421">
        <v>26</v>
      </c>
      <c r="AA19421">
        <v>26</v>
      </c>
      <c r="AB19421">
        <v>27</v>
      </c>
      <c r="AC19421">
        <v>27</v>
      </c>
      <c r="AD19421">
        <v>27</v>
      </c>
      <c r="AE19421">
        <v>27</v>
      </c>
      <c r="AF19421">
        <v>28</v>
      </c>
      <c r="AG19421">
        <v>28</v>
      </c>
      <c r="AH19421">
        <v>28</v>
      </c>
      <c r="AI19421">
        <v>29</v>
      </c>
      <c r="AJ19421">
        <v>29</v>
      </c>
      <c r="AK19421">
        <v>29</v>
      </c>
      <c r="AL19421">
        <v>29</v>
      </c>
      <c r="AM19421">
        <v>29</v>
      </c>
      <c r="AN19421">
        <v>29</v>
      </c>
      <c r="AO19421">
        <v>29</v>
      </c>
      <c r="AP19421">
        <v>29</v>
      </c>
      <c r="AQ19421">
        <v>29</v>
      </c>
    </row>
    <row r="19422" spans="1:43">
      <c r="A19422" t="s">
        <v>12028</v>
      </c>
      <c r="B19422" t="s">
        <v>12029</v>
      </c>
      <c r="C19422" t="s">
        <v>12026</v>
      </c>
      <c r="D19422" t="s">
        <v>12027</v>
      </c>
      <c r="E19422" t="s">
        <v>12006</v>
      </c>
      <c r="F19422" t="s">
        <v>12007</v>
      </c>
      <c r="G19422" t="s">
        <v>10450</v>
      </c>
      <c r="H19422" t="s">
        <v>10451</v>
      </c>
      <c r="I19422" s="2">
        <v>1</v>
      </c>
      <c r="J19422" s="2">
        <v>0</v>
      </c>
      <c r="K19422" s="2">
        <v>0</v>
      </c>
      <c r="L19422" t="s">
        <v>120</v>
      </c>
      <c r="M19422" t="s">
        <v>83</v>
      </c>
      <c r="N19422" t="s">
        <v>84</v>
      </c>
      <c r="O19422" t="s">
        <v>85</v>
      </c>
      <c r="P19422" t="s">
        <v>86</v>
      </c>
      <c r="Q19422">
        <v>21</v>
      </c>
      <c r="R19422">
        <v>22</v>
      </c>
      <c r="S19422">
        <v>22</v>
      </c>
      <c r="T19422">
        <v>22</v>
      </c>
      <c r="U19422">
        <v>23</v>
      </c>
      <c r="V19422">
        <v>23</v>
      </c>
      <c r="W19422">
        <v>23</v>
      </c>
      <c r="X19422">
        <v>24</v>
      </c>
      <c r="Y19422">
        <v>24</v>
      </c>
      <c r="Z19422">
        <v>24</v>
      </c>
      <c r="AA19422">
        <v>24</v>
      </c>
      <c r="AB19422">
        <v>25</v>
      </c>
      <c r="AC19422">
        <v>25</v>
      </c>
      <c r="AD19422">
        <v>25</v>
      </c>
      <c r="AE19422">
        <v>26</v>
      </c>
      <c r="AF19422">
        <v>26</v>
      </c>
      <c r="AG19422">
        <v>26</v>
      </c>
      <c r="AH19422">
        <v>26</v>
      </c>
      <c r="AI19422">
        <v>27</v>
      </c>
      <c r="AJ19422">
        <v>27</v>
      </c>
      <c r="AK19422">
        <v>27</v>
      </c>
      <c r="AL19422">
        <v>27</v>
      </c>
      <c r="AM19422">
        <v>27</v>
      </c>
      <c r="AN19422">
        <v>27</v>
      </c>
      <c r="AO19422">
        <v>27</v>
      </c>
      <c r="AP19422">
        <v>27</v>
      </c>
      <c r="AQ19422">
        <v>27</v>
      </c>
    </row>
    <row r="19423" spans="1:43">
      <c r="A19423" t="s">
        <v>12028</v>
      </c>
      <c r="B19423" t="s">
        <v>12029</v>
      </c>
      <c r="C19423" t="s">
        <v>12026</v>
      </c>
      <c r="D19423" t="s">
        <v>12027</v>
      </c>
      <c r="E19423" t="s">
        <v>12006</v>
      </c>
      <c r="F19423" t="s">
        <v>12007</v>
      </c>
      <c r="G19423" t="s">
        <v>10450</v>
      </c>
      <c r="H19423" t="s">
        <v>10451</v>
      </c>
      <c r="I19423" s="2">
        <v>1</v>
      </c>
      <c r="J19423" s="2">
        <v>0</v>
      </c>
      <c r="K19423" s="2">
        <v>0</v>
      </c>
      <c r="L19423" t="s">
        <v>120</v>
      </c>
      <c r="M19423" t="s">
        <v>87</v>
      </c>
      <c r="N19423" t="s">
        <v>88</v>
      </c>
      <c r="O19423" t="s">
        <v>85</v>
      </c>
      <c r="P19423" t="s">
        <v>86</v>
      </c>
      <c r="Q19423">
        <v>21</v>
      </c>
      <c r="R19423">
        <v>21</v>
      </c>
      <c r="S19423">
        <v>21</v>
      </c>
      <c r="T19423">
        <v>22</v>
      </c>
      <c r="U19423">
        <v>22</v>
      </c>
      <c r="V19423">
        <v>22</v>
      </c>
      <c r="W19423">
        <v>22</v>
      </c>
      <c r="X19423">
        <v>22</v>
      </c>
      <c r="Y19423">
        <v>22</v>
      </c>
      <c r="Z19423">
        <v>22</v>
      </c>
      <c r="AA19423">
        <v>22</v>
      </c>
      <c r="AB19423">
        <v>22</v>
      </c>
      <c r="AC19423">
        <v>22</v>
      </c>
      <c r="AD19423">
        <v>23</v>
      </c>
      <c r="AE19423">
        <v>23</v>
      </c>
      <c r="AF19423">
        <v>23</v>
      </c>
      <c r="AG19423">
        <v>23</v>
      </c>
      <c r="AH19423">
        <v>23</v>
      </c>
      <c r="AI19423">
        <v>23</v>
      </c>
      <c r="AJ19423">
        <v>23</v>
      </c>
      <c r="AK19423">
        <v>23</v>
      </c>
      <c r="AL19423">
        <v>23</v>
      </c>
      <c r="AM19423">
        <v>23</v>
      </c>
      <c r="AN19423">
        <v>24</v>
      </c>
      <c r="AO19423">
        <v>24</v>
      </c>
      <c r="AP19423">
        <v>24</v>
      </c>
      <c r="AQ19423">
        <v>24</v>
      </c>
    </row>
    <row r="19424" spans="1:43">
      <c r="A19424" t="s">
        <v>12028</v>
      </c>
      <c r="B19424" t="s">
        <v>12029</v>
      </c>
      <c r="C19424" t="s">
        <v>12026</v>
      </c>
      <c r="D19424" t="s">
        <v>12027</v>
      </c>
      <c r="E19424" t="s">
        <v>12006</v>
      </c>
      <c r="F19424" t="s">
        <v>12007</v>
      </c>
      <c r="G19424" t="s">
        <v>10450</v>
      </c>
      <c r="H19424" t="s">
        <v>10451</v>
      </c>
      <c r="I19424" s="2">
        <v>1</v>
      </c>
      <c r="J19424" s="2">
        <v>0</v>
      </c>
      <c r="K19424" s="2">
        <v>0</v>
      </c>
      <c r="L19424" t="s">
        <v>120</v>
      </c>
      <c r="M19424" t="s">
        <v>89</v>
      </c>
      <c r="N19424" t="s">
        <v>90</v>
      </c>
      <c r="O19424" t="s">
        <v>85</v>
      </c>
      <c r="P19424" t="s">
        <v>86</v>
      </c>
      <c r="Q19424">
        <v>21</v>
      </c>
      <c r="R19424">
        <v>21</v>
      </c>
      <c r="S19424">
        <v>22</v>
      </c>
      <c r="T19424">
        <v>22</v>
      </c>
      <c r="U19424">
        <v>23</v>
      </c>
      <c r="V19424">
        <v>23</v>
      </c>
      <c r="W19424">
        <v>23</v>
      </c>
      <c r="X19424">
        <v>24</v>
      </c>
      <c r="Y19424">
        <v>24</v>
      </c>
      <c r="Z19424">
        <v>25</v>
      </c>
      <c r="AA19424">
        <v>25</v>
      </c>
      <c r="AB19424">
        <v>25</v>
      </c>
      <c r="AC19424">
        <v>26</v>
      </c>
      <c r="AD19424">
        <v>26</v>
      </c>
      <c r="AE19424">
        <v>26</v>
      </c>
      <c r="AF19424">
        <v>26</v>
      </c>
      <c r="AG19424">
        <v>26</v>
      </c>
      <c r="AH19424">
        <v>27</v>
      </c>
      <c r="AI19424">
        <v>27</v>
      </c>
      <c r="AJ19424">
        <v>27</v>
      </c>
      <c r="AK19424">
        <v>27</v>
      </c>
      <c r="AL19424">
        <v>27</v>
      </c>
      <c r="AM19424">
        <v>27</v>
      </c>
      <c r="AN19424">
        <v>27</v>
      </c>
      <c r="AO19424">
        <v>27</v>
      </c>
      <c r="AP19424">
        <v>27</v>
      </c>
      <c r="AQ19424">
        <v>27</v>
      </c>
    </row>
    <row r="19425" spans="1:43">
      <c r="A19425" t="s">
        <v>12028</v>
      </c>
      <c r="B19425" t="s">
        <v>12029</v>
      </c>
      <c r="C19425" t="s">
        <v>12026</v>
      </c>
      <c r="D19425" t="s">
        <v>12027</v>
      </c>
      <c r="E19425" t="s">
        <v>12006</v>
      </c>
      <c r="F19425" t="s">
        <v>12007</v>
      </c>
      <c r="G19425" t="s">
        <v>10450</v>
      </c>
      <c r="H19425" t="s">
        <v>10451</v>
      </c>
      <c r="I19425" s="2">
        <v>1</v>
      </c>
      <c r="J19425" s="2">
        <v>0</v>
      </c>
      <c r="K19425" s="2">
        <v>0</v>
      </c>
      <c r="L19425" t="s">
        <v>120</v>
      </c>
      <c r="M19425" t="s">
        <v>83</v>
      </c>
      <c r="N19425" t="s">
        <v>91</v>
      </c>
      <c r="O19425" t="s">
        <v>85</v>
      </c>
      <c r="P19425" t="s">
        <v>86</v>
      </c>
      <c r="Q19425">
        <v>21</v>
      </c>
      <c r="R19425">
        <v>22</v>
      </c>
      <c r="S19425">
        <v>22</v>
      </c>
      <c r="T19425">
        <v>22</v>
      </c>
      <c r="U19425">
        <v>23</v>
      </c>
      <c r="V19425">
        <v>23</v>
      </c>
      <c r="W19425">
        <v>23</v>
      </c>
      <c r="X19425">
        <v>24</v>
      </c>
      <c r="Y19425">
        <v>24</v>
      </c>
      <c r="Z19425">
        <v>24</v>
      </c>
      <c r="AA19425">
        <v>24</v>
      </c>
      <c r="AB19425">
        <v>25</v>
      </c>
      <c r="AC19425">
        <v>25</v>
      </c>
      <c r="AD19425">
        <v>25</v>
      </c>
      <c r="AE19425">
        <v>26</v>
      </c>
      <c r="AF19425">
        <v>26</v>
      </c>
      <c r="AG19425">
        <v>26</v>
      </c>
      <c r="AH19425">
        <v>26</v>
      </c>
      <c r="AI19425">
        <v>27</v>
      </c>
      <c r="AJ19425">
        <v>27</v>
      </c>
      <c r="AK19425">
        <v>27</v>
      </c>
      <c r="AL19425">
        <v>27</v>
      </c>
      <c r="AM19425">
        <v>27</v>
      </c>
      <c r="AN19425">
        <v>27</v>
      </c>
      <c r="AO19425">
        <v>27</v>
      </c>
      <c r="AP19425">
        <v>27</v>
      </c>
      <c r="AQ19425">
        <v>27</v>
      </c>
    </row>
    <row r="19426" spans="1:43">
      <c r="A19426" t="s">
        <v>12030</v>
      </c>
      <c r="B19426" t="s">
        <v>12031</v>
      </c>
      <c r="C19426" t="s">
        <v>12032</v>
      </c>
      <c r="D19426" t="s">
        <v>12033</v>
      </c>
      <c r="E19426" t="s">
        <v>12006</v>
      </c>
      <c r="F19426" t="s">
        <v>12007</v>
      </c>
      <c r="G19426" t="s">
        <v>10450</v>
      </c>
      <c r="H19426" t="s">
        <v>10451</v>
      </c>
      <c r="I19426" s="2">
        <v>1</v>
      </c>
      <c r="J19426" s="2">
        <v>0</v>
      </c>
      <c r="K19426" s="2">
        <v>0</v>
      </c>
      <c r="L19426" t="s">
        <v>120</v>
      </c>
      <c r="M19426" t="s">
        <v>83</v>
      </c>
      <c r="N19426" t="s">
        <v>84</v>
      </c>
      <c r="O19426" t="s">
        <v>85</v>
      </c>
      <c r="P19426" t="s">
        <v>86</v>
      </c>
      <c r="Q19426">
        <v>25</v>
      </c>
      <c r="R19426">
        <v>25</v>
      </c>
      <c r="S19426">
        <v>26</v>
      </c>
      <c r="T19426">
        <v>26</v>
      </c>
      <c r="U19426">
        <v>26</v>
      </c>
      <c r="V19426">
        <v>27</v>
      </c>
      <c r="W19426">
        <v>27</v>
      </c>
      <c r="X19426">
        <v>27</v>
      </c>
      <c r="Y19426">
        <v>28</v>
      </c>
      <c r="Z19426">
        <v>28</v>
      </c>
      <c r="AA19426">
        <v>28</v>
      </c>
      <c r="AB19426">
        <v>29</v>
      </c>
      <c r="AC19426">
        <v>29</v>
      </c>
      <c r="AD19426">
        <v>29</v>
      </c>
      <c r="AE19426">
        <v>30</v>
      </c>
      <c r="AF19426">
        <v>30</v>
      </c>
      <c r="AG19426">
        <v>30</v>
      </c>
      <c r="AH19426">
        <v>31</v>
      </c>
      <c r="AI19426">
        <v>31</v>
      </c>
      <c r="AJ19426">
        <v>31</v>
      </c>
      <c r="AK19426">
        <v>32</v>
      </c>
      <c r="AL19426">
        <v>32</v>
      </c>
      <c r="AM19426">
        <v>32</v>
      </c>
      <c r="AN19426">
        <v>32</v>
      </c>
      <c r="AO19426">
        <v>32</v>
      </c>
      <c r="AP19426">
        <v>32</v>
      </c>
      <c r="AQ19426">
        <v>32</v>
      </c>
    </row>
    <row r="19427" spans="1:43">
      <c r="A19427" t="s">
        <v>12030</v>
      </c>
      <c r="B19427" t="s">
        <v>12031</v>
      </c>
      <c r="C19427" t="s">
        <v>12032</v>
      </c>
      <c r="D19427" t="s">
        <v>12033</v>
      </c>
      <c r="E19427" t="s">
        <v>12006</v>
      </c>
      <c r="F19427" t="s">
        <v>12007</v>
      </c>
      <c r="G19427" t="s">
        <v>10450</v>
      </c>
      <c r="H19427" t="s">
        <v>10451</v>
      </c>
      <c r="I19427" s="2">
        <v>1</v>
      </c>
      <c r="J19427" s="2">
        <v>0</v>
      </c>
      <c r="K19427" s="2">
        <v>0</v>
      </c>
      <c r="L19427" t="s">
        <v>120</v>
      </c>
      <c r="M19427" t="s">
        <v>87</v>
      </c>
      <c r="N19427" t="s">
        <v>88</v>
      </c>
      <c r="O19427" t="s">
        <v>85</v>
      </c>
      <c r="P19427" t="s">
        <v>86</v>
      </c>
      <c r="Q19427">
        <v>25</v>
      </c>
      <c r="R19427">
        <v>25</v>
      </c>
      <c r="S19427">
        <v>25</v>
      </c>
      <c r="T19427">
        <v>25</v>
      </c>
      <c r="U19427">
        <v>25</v>
      </c>
      <c r="V19427">
        <v>25</v>
      </c>
      <c r="W19427">
        <v>25</v>
      </c>
      <c r="X19427">
        <v>25</v>
      </c>
      <c r="Y19427">
        <v>26</v>
      </c>
      <c r="Z19427">
        <v>26</v>
      </c>
      <c r="AA19427">
        <v>26</v>
      </c>
      <c r="AB19427">
        <v>26</v>
      </c>
      <c r="AC19427">
        <v>26</v>
      </c>
      <c r="AD19427">
        <v>26</v>
      </c>
      <c r="AE19427">
        <v>26</v>
      </c>
      <c r="AF19427">
        <v>26</v>
      </c>
      <c r="AG19427">
        <v>27</v>
      </c>
      <c r="AH19427">
        <v>27</v>
      </c>
      <c r="AI19427">
        <v>27</v>
      </c>
      <c r="AJ19427">
        <v>27</v>
      </c>
      <c r="AK19427">
        <v>27</v>
      </c>
      <c r="AL19427">
        <v>27</v>
      </c>
      <c r="AM19427">
        <v>27</v>
      </c>
      <c r="AN19427">
        <v>27</v>
      </c>
      <c r="AO19427">
        <v>27</v>
      </c>
      <c r="AP19427">
        <v>27</v>
      </c>
      <c r="AQ19427">
        <v>28</v>
      </c>
    </row>
    <row r="19428" spans="1:43">
      <c r="A19428" t="s">
        <v>12030</v>
      </c>
      <c r="B19428" t="s">
        <v>12031</v>
      </c>
      <c r="C19428" t="s">
        <v>12032</v>
      </c>
      <c r="D19428" t="s">
        <v>12033</v>
      </c>
      <c r="E19428" t="s">
        <v>12006</v>
      </c>
      <c r="F19428" t="s">
        <v>12007</v>
      </c>
      <c r="G19428" t="s">
        <v>10450</v>
      </c>
      <c r="H19428" t="s">
        <v>10451</v>
      </c>
      <c r="I19428" s="2">
        <v>1</v>
      </c>
      <c r="J19428" s="2">
        <v>0</v>
      </c>
      <c r="K19428" s="2">
        <v>0</v>
      </c>
      <c r="L19428" t="s">
        <v>120</v>
      </c>
      <c r="M19428" t="s">
        <v>89</v>
      </c>
      <c r="N19428" t="s">
        <v>90</v>
      </c>
      <c r="O19428" t="s">
        <v>85</v>
      </c>
      <c r="P19428" t="s">
        <v>86</v>
      </c>
      <c r="Q19428">
        <v>25</v>
      </c>
      <c r="R19428">
        <v>26</v>
      </c>
      <c r="S19428">
        <v>26</v>
      </c>
      <c r="T19428">
        <v>27</v>
      </c>
      <c r="U19428">
        <v>27</v>
      </c>
      <c r="V19428">
        <v>28</v>
      </c>
      <c r="W19428">
        <v>28</v>
      </c>
      <c r="X19428">
        <v>29</v>
      </c>
      <c r="Y19428">
        <v>29</v>
      </c>
      <c r="Z19428">
        <v>30</v>
      </c>
      <c r="AA19428">
        <v>30</v>
      </c>
      <c r="AB19428">
        <v>31</v>
      </c>
      <c r="AC19428">
        <v>31</v>
      </c>
      <c r="AD19428">
        <v>32</v>
      </c>
      <c r="AE19428">
        <v>32</v>
      </c>
      <c r="AF19428">
        <v>32</v>
      </c>
      <c r="AG19428">
        <v>32</v>
      </c>
      <c r="AH19428">
        <v>32</v>
      </c>
      <c r="AI19428">
        <v>32</v>
      </c>
      <c r="AJ19428">
        <v>32</v>
      </c>
      <c r="AK19428">
        <v>32</v>
      </c>
      <c r="AL19428">
        <v>32</v>
      </c>
      <c r="AM19428">
        <v>32</v>
      </c>
      <c r="AN19428">
        <v>32</v>
      </c>
      <c r="AO19428">
        <v>32</v>
      </c>
      <c r="AP19428">
        <v>32</v>
      </c>
      <c r="AQ19428">
        <v>32</v>
      </c>
    </row>
    <row r="19429" spans="1:43">
      <c r="A19429" t="s">
        <v>12030</v>
      </c>
      <c r="B19429" t="s">
        <v>12031</v>
      </c>
      <c r="C19429" t="s">
        <v>12032</v>
      </c>
      <c r="D19429" t="s">
        <v>12033</v>
      </c>
      <c r="E19429" t="s">
        <v>12006</v>
      </c>
      <c r="F19429" t="s">
        <v>12007</v>
      </c>
      <c r="G19429" t="s">
        <v>10450</v>
      </c>
      <c r="H19429" t="s">
        <v>10451</v>
      </c>
      <c r="I19429" s="2">
        <v>1</v>
      </c>
      <c r="J19429" s="2">
        <v>0</v>
      </c>
      <c r="K19429" s="2">
        <v>0</v>
      </c>
      <c r="L19429" t="s">
        <v>120</v>
      </c>
      <c r="M19429" t="s">
        <v>83</v>
      </c>
      <c r="N19429" t="s">
        <v>91</v>
      </c>
      <c r="O19429" t="s">
        <v>85</v>
      </c>
      <c r="P19429" t="s">
        <v>86</v>
      </c>
      <c r="Q19429">
        <v>25</v>
      </c>
      <c r="R19429">
        <v>25</v>
      </c>
      <c r="S19429">
        <v>26</v>
      </c>
      <c r="T19429">
        <v>26</v>
      </c>
      <c r="U19429">
        <v>26</v>
      </c>
      <c r="V19429">
        <v>27</v>
      </c>
      <c r="W19429">
        <v>27</v>
      </c>
      <c r="X19429">
        <v>27</v>
      </c>
      <c r="Y19429">
        <v>28</v>
      </c>
      <c r="Z19429">
        <v>28</v>
      </c>
      <c r="AA19429">
        <v>28</v>
      </c>
      <c r="AB19429">
        <v>29</v>
      </c>
      <c r="AC19429">
        <v>29</v>
      </c>
      <c r="AD19429">
        <v>29</v>
      </c>
      <c r="AE19429">
        <v>30</v>
      </c>
      <c r="AF19429">
        <v>30</v>
      </c>
      <c r="AG19429">
        <v>30</v>
      </c>
      <c r="AH19429">
        <v>31</v>
      </c>
      <c r="AI19429">
        <v>31</v>
      </c>
      <c r="AJ19429">
        <v>31</v>
      </c>
      <c r="AK19429">
        <v>32</v>
      </c>
      <c r="AL19429">
        <v>32</v>
      </c>
      <c r="AM19429">
        <v>32</v>
      </c>
      <c r="AN19429">
        <v>32</v>
      </c>
      <c r="AO19429">
        <v>32</v>
      </c>
      <c r="AP19429">
        <v>32</v>
      </c>
      <c r="AQ19429">
        <v>32</v>
      </c>
    </row>
    <row r="19430" spans="1:43">
      <c r="A19430" t="s">
        <v>12034</v>
      </c>
      <c r="B19430" t="s">
        <v>12035</v>
      </c>
      <c r="C19430" t="s">
        <v>12032</v>
      </c>
      <c r="D19430" t="s">
        <v>12033</v>
      </c>
      <c r="E19430" t="s">
        <v>12006</v>
      </c>
      <c r="F19430" t="s">
        <v>12007</v>
      </c>
      <c r="G19430" t="s">
        <v>10450</v>
      </c>
      <c r="H19430" t="s">
        <v>10451</v>
      </c>
      <c r="I19430" s="2">
        <v>1</v>
      </c>
      <c r="J19430" s="2">
        <v>0</v>
      </c>
      <c r="K19430" s="2">
        <v>0</v>
      </c>
      <c r="L19430" t="s">
        <v>120</v>
      </c>
      <c r="M19430" t="s">
        <v>83</v>
      </c>
      <c r="N19430" t="s">
        <v>84</v>
      </c>
      <c r="O19430" t="s">
        <v>85</v>
      </c>
      <c r="P19430" t="s">
        <v>86</v>
      </c>
      <c r="Q19430">
        <v>17</v>
      </c>
      <c r="R19430">
        <v>17</v>
      </c>
      <c r="S19430">
        <v>17</v>
      </c>
      <c r="T19430">
        <v>17</v>
      </c>
      <c r="U19430">
        <v>18</v>
      </c>
      <c r="V19430">
        <v>18</v>
      </c>
      <c r="W19430">
        <v>18</v>
      </c>
      <c r="X19430">
        <v>18</v>
      </c>
      <c r="Y19430">
        <v>18</v>
      </c>
      <c r="Z19430">
        <v>19</v>
      </c>
      <c r="AA19430">
        <v>19</v>
      </c>
      <c r="AB19430">
        <v>19</v>
      </c>
      <c r="AC19430">
        <v>19</v>
      </c>
      <c r="AD19430">
        <v>20</v>
      </c>
      <c r="AE19430">
        <v>20</v>
      </c>
      <c r="AF19430">
        <v>20</v>
      </c>
      <c r="AG19430">
        <v>20</v>
      </c>
      <c r="AH19430">
        <v>20</v>
      </c>
      <c r="AI19430">
        <v>21</v>
      </c>
      <c r="AJ19430">
        <v>21</v>
      </c>
      <c r="AK19430">
        <v>21</v>
      </c>
      <c r="AL19430">
        <v>21</v>
      </c>
      <c r="AM19430">
        <v>21</v>
      </c>
      <c r="AN19430">
        <v>21</v>
      </c>
      <c r="AO19430">
        <v>21</v>
      </c>
      <c r="AP19430">
        <v>21</v>
      </c>
      <c r="AQ19430">
        <v>21</v>
      </c>
    </row>
    <row r="19431" spans="1:43">
      <c r="A19431" t="s">
        <v>12034</v>
      </c>
      <c r="B19431" t="s">
        <v>12035</v>
      </c>
      <c r="C19431" t="s">
        <v>12032</v>
      </c>
      <c r="D19431" t="s">
        <v>12033</v>
      </c>
      <c r="E19431" t="s">
        <v>12006</v>
      </c>
      <c r="F19431" t="s">
        <v>12007</v>
      </c>
      <c r="G19431" t="s">
        <v>10450</v>
      </c>
      <c r="H19431" t="s">
        <v>10451</v>
      </c>
      <c r="I19431" s="2">
        <v>1</v>
      </c>
      <c r="J19431" s="2">
        <v>0</v>
      </c>
      <c r="K19431" s="2">
        <v>0</v>
      </c>
      <c r="L19431" t="s">
        <v>120</v>
      </c>
      <c r="M19431" t="s">
        <v>87</v>
      </c>
      <c r="N19431" t="s">
        <v>88</v>
      </c>
      <c r="O19431" t="s">
        <v>85</v>
      </c>
      <c r="P19431" t="s">
        <v>86</v>
      </c>
      <c r="Q19431">
        <v>17</v>
      </c>
      <c r="R19431">
        <v>18</v>
      </c>
      <c r="S19431">
        <v>18</v>
      </c>
      <c r="T19431">
        <v>18</v>
      </c>
      <c r="U19431">
        <v>18</v>
      </c>
      <c r="V19431">
        <v>18</v>
      </c>
      <c r="W19431">
        <v>18</v>
      </c>
      <c r="X19431">
        <v>18</v>
      </c>
      <c r="Y19431">
        <v>18</v>
      </c>
      <c r="Z19431">
        <v>18</v>
      </c>
      <c r="AA19431">
        <v>18</v>
      </c>
      <c r="AB19431">
        <v>18</v>
      </c>
      <c r="AC19431">
        <v>18</v>
      </c>
      <c r="AD19431">
        <v>18</v>
      </c>
      <c r="AE19431">
        <v>19</v>
      </c>
      <c r="AF19431">
        <v>19</v>
      </c>
      <c r="AG19431">
        <v>19</v>
      </c>
      <c r="AH19431">
        <v>19</v>
      </c>
      <c r="AI19431">
        <v>19</v>
      </c>
      <c r="AJ19431">
        <v>19</v>
      </c>
      <c r="AK19431">
        <v>19</v>
      </c>
      <c r="AL19431">
        <v>19</v>
      </c>
      <c r="AM19431">
        <v>19</v>
      </c>
      <c r="AN19431">
        <v>19</v>
      </c>
      <c r="AO19431">
        <v>19</v>
      </c>
      <c r="AP19431">
        <v>19</v>
      </c>
      <c r="AQ19431">
        <v>19</v>
      </c>
    </row>
    <row r="19432" spans="1:43">
      <c r="A19432" t="s">
        <v>12034</v>
      </c>
      <c r="B19432" t="s">
        <v>12035</v>
      </c>
      <c r="C19432" t="s">
        <v>12032</v>
      </c>
      <c r="D19432" t="s">
        <v>12033</v>
      </c>
      <c r="E19432" t="s">
        <v>12006</v>
      </c>
      <c r="F19432" t="s">
        <v>12007</v>
      </c>
      <c r="G19432" t="s">
        <v>10450</v>
      </c>
      <c r="H19432" t="s">
        <v>10451</v>
      </c>
      <c r="I19432" s="2">
        <v>1</v>
      </c>
      <c r="J19432" s="2">
        <v>0</v>
      </c>
      <c r="K19432" s="2">
        <v>0</v>
      </c>
      <c r="L19432" t="s">
        <v>120</v>
      </c>
      <c r="M19432" t="s">
        <v>89</v>
      </c>
      <c r="N19432" t="s">
        <v>90</v>
      </c>
      <c r="O19432" t="s">
        <v>85</v>
      </c>
      <c r="P19432" t="s">
        <v>86</v>
      </c>
      <c r="Q19432">
        <v>17</v>
      </c>
      <c r="R19432">
        <v>17</v>
      </c>
      <c r="S19432">
        <v>18</v>
      </c>
      <c r="T19432">
        <v>18</v>
      </c>
      <c r="U19432">
        <v>18</v>
      </c>
      <c r="V19432">
        <v>19</v>
      </c>
      <c r="W19432">
        <v>19</v>
      </c>
      <c r="X19432">
        <v>19</v>
      </c>
      <c r="Y19432">
        <v>20</v>
      </c>
      <c r="Z19432">
        <v>20</v>
      </c>
      <c r="AA19432">
        <v>20</v>
      </c>
      <c r="AB19432">
        <v>20</v>
      </c>
      <c r="AC19432">
        <v>21</v>
      </c>
      <c r="AD19432">
        <v>21</v>
      </c>
      <c r="AE19432">
        <v>21</v>
      </c>
      <c r="AF19432">
        <v>21</v>
      </c>
      <c r="AG19432">
        <v>21</v>
      </c>
      <c r="AH19432">
        <v>21</v>
      </c>
      <c r="AI19432">
        <v>21</v>
      </c>
      <c r="AJ19432">
        <v>21</v>
      </c>
      <c r="AK19432">
        <v>21</v>
      </c>
      <c r="AL19432">
        <v>21</v>
      </c>
      <c r="AM19432">
        <v>21</v>
      </c>
      <c r="AN19432">
        <v>21</v>
      </c>
      <c r="AO19432">
        <v>21</v>
      </c>
      <c r="AP19432">
        <v>21</v>
      </c>
      <c r="AQ19432">
        <v>21</v>
      </c>
    </row>
    <row r="19433" spans="1:43">
      <c r="A19433" t="s">
        <v>12034</v>
      </c>
      <c r="B19433" t="s">
        <v>12035</v>
      </c>
      <c r="C19433" t="s">
        <v>12032</v>
      </c>
      <c r="D19433" t="s">
        <v>12033</v>
      </c>
      <c r="E19433" t="s">
        <v>12006</v>
      </c>
      <c r="F19433" t="s">
        <v>12007</v>
      </c>
      <c r="G19433" t="s">
        <v>10450</v>
      </c>
      <c r="H19433" t="s">
        <v>10451</v>
      </c>
      <c r="I19433" s="2">
        <v>1</v>
      </c>
      <c r="J19433" s="2">
        <v>0</v>
      </c>
      <c r="K19433" s="2">
        <v>0</v>
      </c>
      <c r="L19433" t="s">
        <v>120</v>
      </c>
      <c r="M19433" t="s">
        <v>83</v>
      </c>
      <c r="N19433" t="s">
        <v>91</v>
      </c>
      <c r="O19433" t="s">
        <v>85</v>
      </c>
      <c r="P19433" t="s">
        <v>86</v>
      </c>
      <c r="Q19433">
        <v>17</v>
      </c>
      <c r="R19433">
        <v>17</v>
      </c>
      <c r="S19433">
        <v>17</v>
      </c>
      <c r="T19433">
        <v>17</v>
      </c>
      <c r="U19433">
        <v>18</v>
      </c>
      <c r="V19433">
        <v>18</v>
      </c>
      <c r="W19433">
        <v>18</v>
      </c>
      <c r="X19433">
        <v>18</v>
      </c>
      <c r="Y19433">
        <v>18</v>
      </c>
      <c r="Z19433">
        <v>19</v>
      </c>
      <c r="AA19433">
        <v>19</v>
      </c>
      <c r="AB19433">
        <v>19</v>
      </c>
      <c r="AC19433">
        <v>19</v>
      </c>
      <c r="AD19433">
        <v>20</v>
      </c>
      <c r="AE19433">
        <v>20</v>
      </c>
      <c r="AF19433">
        <v>20</v>
      </c>
      <c r="AG19433">
        <v>20</v>
      </c>
      <c r="AH19433">
        <v>20</v>
      </c>
      <c r="AI19433">
        <v>21</v>
      </c>
      <c r="AJ19433">
        <v>21</v>
      </c>
      <c r="AK19433">
        <v>21</v>
      </c>
      <c r="AL19433">
        <v>21</v>
      </c>
      <c r="AM19433">
        <v>21</v>
      </c>
      <c r="AN19433">
        <v>21</v>
      </c>
      <c r="AO19433">
        <v>21</v>
      </c>
      <c r="AP19433">
        <v>21</v>
      </c>
      <c r="AQ19433">
        <v>21</v>
      </c>
    </row>
    <row r="19434" spans="1:43">
      <c r="A19434" t="s">
        <v>12036</v>
      </c>
      <c r="B19434" t="s">
        <v>12037</v>
      </c>
      <c r="C19434" t="s">
        <v>12038</v>
      </c>
      <c r="D19434" t="s">
        <v>12039</v>
      </c>
      <c r="E19434" t="s">
        <v>12006</v>
      </c>
      <c r="F19434" t="s">
        <v>12007</v>
      </c>
      <c r="G19434" t="s">
        <v>10450</v>
      </c>
      <c r="H19434" t="s">
        <v>10451</v>
      </c>
      <c r="I19434" s="2">
        <v>1</v>
      </c>
      <c r="J19434" s="2">
        <v>0</v>
      </c>
      <c r="K19434" s="2">
        <v>0</v>
      </c>
      <c r="L19434" t="s">
        <v>120</v>
      </c>
      <c r="M19434" t="s">
        <v>83</v>
      </c>
      <c r="N19434" t="s">
        <v>84</v>
      </c>
      <c r="O19434" t="s">
        <v>85</v>
      </c>
      <c r="P19434" t="s">
        <v>86</v>
      </c>
      <c r="Q19434">
        <v>38</v>
      </c>
      <c r="R19434">
        <v>39</v>
      </c>
      <c r="S19434">
        <v>40</v>
      </c>
      <c r="T19434">
        <v>40</v>
      </c>
      <c r="U19434">
        <v>41</v>
      </c>
      <c r="V19434">
        <v>41</v>
      </c>
      <c r="W19434">
        <v>42</v>
      </c>
      <c r="X19434">
        <v>42</v>
      </c>
      <c r="Y19434">
        <v>43</v>
      </c>
      <c r="Z19434">
        <v>43</v>
      </c>
      <c r="AA19434">
        <v>44</v>
      </c>
      <c r="AB19434">
        <v>44</v>
      </c>
      <c r="AC19434">
        <v>45</v>
      </c>
      <c r="AD19434">
        <v>45</v>
      </c>
      <c r="AE19434">
        <v>46</v>
      </c>
      <c r="AF19434">
        <v>46</v>
      </c>
      <c r="AG19434">
        <v>47</v>
      </c>
      <c r="AH19434">
        <v>47</v>
      </c>
      <c r="AI19434">
        <v>48</v>
      </c>
      <c r="AJ19434">
        <v>48</v>
      </c>
      <c r="AK19434">
        <v>49</v>
      </c>
      <c r="AL19434">
        <v>49</v>
      </c>
      <c r="AM19434">
        <v>49</v>
      </c>
      <c r="AN19434">
        <v>49</v>
      </c>
      <c r="AO19434">
        <v>49</v>
      </c>
      <c r="AP19434">
        <v>49</v>
      </c>
      <c r="AQ19434">
        <v>49</v>
      </c>
    </row>
    <row r="19435" spans="1:43">
      <c r="A19435" t="s">
        <v>12036</v>
      </c>
      <c r="B19435" t="s">
        <v>12037</v>
      </c>
      <c r="C19435" t="s">
        <v>12038</v>
      </c>
      <c r="D19435" t="s">
        <v>12039</v>
      </c>
      <c r="E19435" t="s">
        <v>12006</v>
      </c>
      <c r="F19435" t="s">
        <v>12007</v>
      </c>
      <c r="G19435" t="s">
        <v>10450</v>
      </c>
      <c r="H19435" t="s">
        <v>10451</v>
      </c>
      <c r="I19435" s="2">
        <v>1</v>
      </c>
      <c r="J19435" s="2">
        <v>0</v>
      </c>
      <c r="K19435" s="2">
        <v>0</v>
      </c>
      <c r="L19435" t="s">
        <v>120</v>
      </c>
      <c r="M19435" t="s">
        <v>87</v>
      </c>
      <c r="N19435" t="s">
        <v>88</v>
      </c>
      <c r="O19435" t="s">
        <v>85</v>
      </c>
      <c r="P19435" t="s">
        <v>86</v>
      </c>
      <c r="Q19435">
        <v>38</v>
      </c>
      <c r="R19435">
        <v>38</v>
      </c>
      <c r="S19435">
        <v>38</v>
      </c>
      <c r="T19435">
        <v>39</v>
      </c>
      <c r="U19435">
        <v>39</v>
      </c>
      <c r="V19435">
        <v>39</v>
      </c>
      <c r="W19435">
        <v>39</v>
      </c>
      <c r="X19435">
        <v>39</v>
      </c>
      <c r="Y19435">
        <v>40</v>
      </c>
      <c r="Z19435">
        <v>40</v>
      </c>
      <c r="AA19435">
        <v>40</v>
      </c>
      <c r="AB19435">
        <v>40</v>
      </c>
      <c r="AC19435">
        <v>40</v>
      </c>
      <c r="AD19435">
        <v>40</v>
      </c>
      <c r="AE19435">
        <v>41</v>
      </c>
      <c r="AF19435">
        <v>41</v>
      </c>
      <c r="AG19435">
        <v>41</v>
      </c>
      <c r="AH19435">
        <v>41</v>
      </c>
      <c r="AI19435">
        <v>41</v>
      </c>
      <c r="AJ19435">
        <v>42</v>
      </c>
      <c r="AK19435">
        <v>42</v>
      </c>
      <c r="AL19435">
        <v>42</v>
      </c>
      <c r="AM19435">
        <v>42</v>
      </c>
      <c r="AN19435">
        <v>42</v>
      </c>
      <c r="AO19435">
        <v>42</v>
      </c>
      <c r="AP19435">
        <v>42</v>
      </c>
      <c r="AQ19435">
        <v>43</v>
      </c>
    </row>
    <row r="19436" spans="1:43">
      <c r="A19436" t="s">
        <v>12036</v>
      </c>
      <c r="B19436" t="s">
        <v>12037</v>
      </c>
      <c r="C19436" t="s">
        <v>12038</v>
      </c>
      <c r="D19436" t="s">
        <v>12039</v>
      </c>
      <c r="E19436" t="s">
        <v>12006</v>
      </c>
      <c r="F19436" t="s">
        <v>12007</v>
      </c>
      <c r="G19436" t="s">
        <v>10450</v>
      </c>
      <c r="H19436" t="s">
        <v>10451</v>
      </c>
      <c r="I19436" s="2">
        <v>1</v>
      </c>
      <c r="J19436" s="2">
        <v>0</v>
      </c>
      <c r="K19436" s="2">
        <v>0</v>
      </c>
      <c r="L19436" t="s">
        <v>120</v>
      </c>
      <c r="M19436" t="s">
        <v>89</v>
      </c>
      <c r="N19436" t="s">
        <v>90</v>
      </c>
      <c r="O19436" t="s">
        <v>85</v>
      </c>
      <c r="P19436" t="s">
        <v>86</v>
      </c>
      <c r="Q19436">
        <v>38</v>
      </c>
      <c r="R19436">
        <v>39</v>
      </c>
      <c r="S19436">
        <v>40</v>
      </c>
      <c r="T19436">
        <v>40</v>
      </c>
      <c r="U19436">
        <v>41</v>
      </c>
      <c r="V19436">
        <v>42</v>
      </c>
      <c r="W19436">
        <v>43</v>
      </c>
      <c r="X19436">
        <v>44</v>
      </c>
      <c r="Y19436">
        <v>44</v>
      </c>
      <c r="Z19436">
        <v>45</v>
      </c>
      <c r="AA19436">
        <v>46</v>
      </c>
      <c r="AB19436">
        <v>46</v>
      </c>
      <c r="AC19436">
        <v>47</v>
      </c>
      <c r="AD19436">
        <v>48</v>
      </c>
      <c r="AE19436">
        <v>48</v>
      </c>
      <c r="AF19436">
        <v>48</v>
      </c>
      <c r="AG19436">
        <v>48</v>
      </c>
      <c r="AH19436">
        <v>48</v>
      </c>
      <c r="AI19436">
        <v>48</v>
      </c>
      <c r="AJ19436">
        <v>48</v>
      </c>
      <c r="AK19436">
        <v>49</v>
      </c>
      <c r="AL19436">
        <v>49</v>
      </c>
      <c r="AM19436">
        <v>49</v>
      </c>
      <c r="AN19436">
        <v>49</v>
      </c>
      <c r="AO19436">
        <v>49</v>
      </c>
      <c r="AP19436">
        <v>49</v>
      </c>
      <c r="AQ19436">
        <v>49</v>
      </c>
    </row>
    <row r="19437" spans="1:43">
      <c r="A19437" t="s">
        <v>12036</v>
      </c>
      <c r="B19437" t="s">
        <v>12037</v>
      </c>
      <c r="C19437" t="s">
        <v>12038</v>
      </c>
      <c r="D19437" t="s">
        <v>12039</v>
      </c>
      <c r="E19437" t="s">
        <v>12006</v>
      </c>
      <c r="F19437" t="s">
        <v>12007</v>
      </c>
      <c r="G19437" t="s">
        <v>10450</v>
      </c>
      <c r="H19437" t="s">
        <v>10451</v>
      </c>
      <c r="I19437" s="2">
        <v>1</v>
      </c>
      <c r="J19437" s="2">
        <v>0</v>
      </c>
      <c r="K19437" s="2">
        <v>0</v>
      </c>
      <c r="L19437" t="s">
        <v>120</v>
      </c>
      <c r="M19437" t="s">
        <v>83</v>
      </c>
      <c r="N19437" t="s">
        <v>91</v>
      </c>
      <c r="O19437" t="s">
        <v>85</v>
      </c>
      <c r="P19437" t="s">
        <v>86</v>
      </c>
      <c r="Q19437">
        <v>38</v>
      </c>
      <c r="R19437">
        <v>39</v>
      </c>
      <c r="S19437">
        <v>40</v>
      </c>
      <c r="T19437">
        <v>40</v>
      </c>
      <c r="U19437">
        <v>41</v>
      </c>
      <c r="V19437">
        <v>41</v>
      </c>
      <c r="W19437">
        <v>42</v>
      </c>
      <c r="X19437">
        <v>42</v>
      </c>
      <c r="Y19437">
        <v>43</v>
      </c>
      <c r="Z19437">
        <v>43</v>
      </c>
      <c r="AA19437">
        <v>44</v>
      </c>
      <c r="AB19437">
        <v>44</v>
      </c>
      <c r="AC19437">
        <v>45</v>
      </c>
      <c r="AD19437">
        <v>45</v>
      </c>
      <c r="AE19437">
        <v>46</v>
      </c>
      <c r="AF19437">
        <v>46</v>
      </c>
      <c r="AG19437">
        <v>47</v>
      </c>
      <c r="AH19437">
        <v>47</v>
      </c>
      <c r="AI19437">
        <v>48</v>
      </c>
      <c r="AJ19437">
        <v>48</v>
      </c>
      <c r="AK19437">
        <v>49</v>
      </c>
      <c r="AL19437">
        <v>49</v>
      </c>
      <c r="AM19437">
        <v>49</v>
      </c>
      <c r="AN19437">
        <v>49</v>
      </c>
      <c r="AO19437">
        <v>49</v>
      </c>
      <c r="AP19437">
        <v>49</v>
      </c>
      <c r="AQ19437">
        <v>49</v>
      </c>
    </row>
    <row r="19438" spans="1:43">
      <c r="A19438" t="s">
        <v>12040</v>
      </c>
      <c r="B19438" t="s">
        <v>12041</v>
      </c>
      <c r="C19438" t="s">
        <v>12038</v>
      </c>
      <c r="D19438" t="s">
        <v>12039</v>
      </c>
      <c r="E19438" t="s">
        <v>12006</v>
      </c>
      <c r="F19438" t="s">
        <v>12007</v>
      </c>
      <c r="G19438" t="s">
        <v>10450</v>
      </c>
      <c r="H19438" t="s">
        <v>10451</v>
      </c>
      <c r="I19438" s="2">
        <v>1</v>
      </c>
      <c r="J19438" s="2">
        <v>0</v>
      </c>
      <c r="K19438" s="2">
        <v>0</v>
      </c>
      <c r="L19438" t="s">
        <v>120</v>
      </c>
      <c r="M19438" t="s">
        <v>83</v>
      </c>
      <c r="N19438" t="s">
        <v>84</v>
      </c>
      <c r="O19438" t="s">
        <v>85</v>
      </c>
      <c r="P19438" t="s">
        <v>86</v>
      </c>
      <c r="Q19438">
        <v>19</v>
      </c>
      <c r="R19438">
        <v>19</v>
      </c>
      <c r="S19438">
        <v>19</v>
      </c>
      <c r="T19438">
        <v>19</v>
      </c>
      <c r="U19438">
        <v>20</v>
      </c>
      <c r="V19438">
        <v>20</v>
      </c>
      <c r="W19438">
        <v>20</v>
      </c>
      <c r="X19438">
        <v>20</v>
      </c>
      <c r="Y19438">
        <v>21</v>
      </c>
      <c r="Z19438">
        <v>21</v>
      </c>
      <c r="AA19438">
        <v>21</v>
      </c>
      <c r="AB19438">
        <v>21</v>
      </c>
      <c r="AC19438">
        <v>22</v>
      </c>
      <c r="AD19438">
        <v>22</v>
      </c>
      <c r="AE19438">
        <v>22</v>
      </c>
      <c r="AF19438">
        <v>22</v>
      </c>
      <c r="AG19438">
        <v>23</v>
      </c>
      <c r="AH19438">
        <v>23</v>
      </c>
      <c r="AI19438">
        <v>23</v>
      </c>
      <c r="AJ19438">
        <v>23</v>
      </c>
      <c r="AK19438">
        <v>23</v>
      </c>
      <c r="AL19438">
        <v>24</v>
      </c>
      <c r="AM19438">
        <v>24</v>
      </c>
      <c r="AN19438">
        <v>24</v>
      </c>
      <c r="AO19438">
        <v>24</v>
      </c>
      <c r="AP19438">
        <v>24</v>
      </c>
      <c r="AQ19438">
        <v>24</v>
      </c>
    </row>
    <row r="19439" spans="1:43">
      <c r="A19439" t="s">
        <v>12040</v>
      </c>
      <c r="B19439" t="s">
        <v>12041</v>
      </c>
      <c r="C19439" t="s">
        <v>12038</v>
      </c>
      <c r="D19439" t="s">
        <v>12039</v>
      </c>
      <c r="E19439" t="s">
        <v>12006</v>
      </c>
      <c r="F19439" t="s">
        <v>12007</v>
      </c>
      <c r="G19439" t="s">
        <v>10450</v>
      </c>
      <c r="H19439" t="s">
        <v>10451</v>
      </c>
      <c r="I19439" s="2">
        <v>1</v>
      </c>
      <c r="J19439" s="2">
        <v>0</v>
      </c>
      <c r="K19439" s="2">
        <v>0</v>
      </c>
      <c r="L19439" t="s">
        <v>120</v>
      </c>
      <c r="M19439" t="s">
        <v>87</v>
      </c>
      <c r="N19439" t="s">
        <v>88</v>
      </c>
      <c r="O19439" t="s">
        <v>85</v>
      </c>
      <c r="P19439" t="s">
        <v>86</v>
      </c>
      <c r="Q19439">
        <v>19</v>
      </c>
      <c r="R19439">
        <v>19</v>
      </c>
      <c r="S19439">
        <v>20</v>
      </c>
      <c r="T19439">
        <v>20</v>
      </c>
      <c r="U19439">
        <v>20</v>
      </c>
      <c r="V19439">
        <v>20</v>
      </c>
      <c r="W19439">
        <v>20</v>
      </c>
      <c r="X19439">
        <v>20</v>
      </c>
      <c r="Y19439">
        <v>20</v>
      </c>
      <c r="Z19439">
        <v>20</v>
      </c>
      <c r="AA19439">
        <v>20</v>
      </c>
      <c r="AB19439">
        <v>20</v>
      </c>
      <c r="AC19439">
        <v>20</v>
      </c>
      <c r="AD19439">
        <v>21</v>
      </c>
      <c r="AE19439">
        <v>21</v>
      </c>
      <c r="AF19439">
        <v>21</v>
      </c>
      <c r="AG19439">
        <v>21</v>
      </c>
      <c r="AH19439">
        <v>21</v>
      </c>
      <c r="AI19439">
        <v>21</v>
      </c>
      <c r="AJ19439">
        <v>21</v>
      </c>
      <c r="AK19439">
        <v>21</v>
      </c>
      <c r="AL19439">
        <v>21</v>
      </c>
      <c r="AM19439">
        <v>21</v>
      </c>
      <c r="AN19439">
        <v>21</v>
      </c>
      <c r="AO19439">
        <v>21</v>
      </c>
      <c r="AP19439">
        <v>22</v>
      </c>
      <c r="AQ19439">
        <v>22</v>
      </c>
    </row>
    <row r="19440" spans="1:43">
      <c r="A19440" t="s">
        <v>12040</v>
      </c>
      <c r="B19440" t="s">
        <v>12041</v>
      </c>
      <c r="C19440" t="s">
        <v>12038</v>
      </c>
      <c r="D19440" t="s">
        <v>12039</v>
      </c>
      <c r="E19440" t="s">
        <v>12006</v>
      </c>
      <c r="F19440" t="s">
        <v>12007</v>
      </c>
      <c r="G19440" t="s">
        <v>10450</v>
      </c>
      <c r="H19440" t="s">
        <v>10451</v>
      </c>
      <c r="I19440" s="2">
        <v>1</v>
      </c>
      <c r="J19440" s="2">
        <v>0</v>
      </c>
      <c r="K19440" s="2">
        <v>0</v>
      </c>
      <c r="L19440" t="s">
        <v>120</v>
      </c>
      <c r="M19440" t="s">
        <v>89</v>
      </c>
      <c r="N19440" t="s">
        <v>90</v>
      </c>
      <c r="O19440" t="s">
        <v>85</v>
      </c>
      <c r="P19440" t="s">
        <v>86</v>
      </c>
      <c r="Q19440">
        <v>19</v>
      </c>
      <c r="R19440">
        <v>19</v>
      </c>
      <c r="S19440">
        <v>20</v>
      </c>
      <c r="T19440">
        <v>20</v>
      </c>
      <c r="U19440">
        <v>20</v>
      </c>
      <c r="V19440">
        <v>21</v>
      </c>
      <c r="W19440">
        <v>21</v>
      </c>
      <c r="X19440">
        <v>21</v>
      </c>
      <c r="Y19440">
        <v>22</v>
      </c>
      <c r="Z19440">
        <v>22</v>
      </c>
      <c r="AA19440">
        <v>22</v>
      </c>
      <c r="AB19440">
        <v>23</v>
      </c>
      <c r="AC19440">
        <v>23</v>
      </c>
      <c r="AD19440">
        <v>23</v>
      </c>
      <c r="AE19440">
        <v>24</v>
      </c>
      <c r="AF19440">
        <v>24</v>
      </c>
      <c r="AG19440">
        <v>24</v>
      </c>
      <c r="AH19440">
        <v>24</v>
      </c>
      <c r="AI19440">
        <v>24</v>
      </c>
      <c r="AJ19440">
        <v>24</v>
      </c>
      <c r="AK19440">
        <v>24</v>
      </c>
      <c r="AL19440">
        <v>24</v>
      </c>
      <c r="AM19440">
        <v>24</v>
      </c>
      <c r="AN19440">
        <v>24</v>
      </c>
      <c r="AO19440">
        <v>24</v>
      </c>
      <c r="AP19440">
        <v>24</v>
      </c>
      <c r="AQ19440">
        <v>24</v>
      </c>
    </row>
    <row r="19441" spans="1:43">
      <c r="A19441" t="s">
        <v>12040</v>
      </c>
      <c r="B19441" t="s">
        <v>12041</v>
      </c>
      <c r="C19441" t="s">
        <v>12038</v>
      </c>
      <c r="D19441" t="s">
        <v>12039</v>
      </c>
      <c r="E19441" t="s">
        <v>12006</v>
      </c>
      <c r="F19441" t="s">
        <v>12007</v>
      </c>
      <c r="G19441" t="s">
        <v>10450</v>
      </c>
      <c r="H19441" t="s">
        <v>10451</v>
      </c>
      <c r="I19441" s="2">
        <v>1</v>
      </c>
      <c r="J19441" s="2">
        <v>0</v>
      </c>
      <c r="K19441" s="2">
        <v>0</v>
      </c>
      <c r="L19441" t="s">
        <v>120</v>
      </c>
      <c r="M19441" t="s">
        <v>83</v>
      </c>
      <c r="N19441" t="s">
        <v>91</v>
      </c>
      <c r="O19441" t="s">
        <v>85</v>
      </c>
      <c r="P19441" t="s">
        <v>86</v>
      </c>
      <c r="Q19441">
        <v>19</v>
      </c>
      <c r="R19441">
        <v>19</v>
      </c>
      <c r="S19441">
        <v>19</v>
      </c>
      <c r="T19441">
        <v>19</v>
      </c>
      <c r="U19441">
        <v>20</v>
      </c>
      <c r="V19441">
        <v>20</v>
      </c>
      <c r="W19441">
        <v>20</v>
      </c>
      <c r="X19441">
        <v>20</v>
      </c>
      <c r="Y19441">
        <v>21</v>
      </c>
      <c r="Z19441">
        <v>21</v>
      </c>
      <c r="AA19441">
        <v>21</v>
      </c>
      <c r="AB19441">
        <v>21</v>
      </c>
      <c r="AC19441">
        <v>22</v>
      </c>
      <c r="AD19441">
        <v>22</v>
      </c>
      <c r="AE19441">
        <v>22</v>
      </c>
      <c r="AF19441">
        <v>22</v>
      </c>
      <c r="AG19441">
        <v>23</v>
      </c>
      <c r="AH19441">
        <v>23</v>
      </c>
      <c r="AI19441">
        <v>23</v>
      </c>
      <c r="AJ19441">
        <v>23</v>
      </c>
      <c r="AK19441">
        <v>23</v>
      </c>
      <c r="AL19441">
        <v>24</v>
      </c>
      <c r="AM19441">
        <v>24</v>
      </c>
      <c r="AN19441">
        <v>24</v>
      </c>
      <c r="AO19441">
        <v>24</v>
      </c>
      <c r="AP19441">
        <v>24</v>
      </c>
      <c r="AQ19441">
        <v>24</v>
      </c>
    </row>
    <row r="19442" spans="1:43">
      <c r="A19442" t="s">
        <v>12042</v>
      </c>
      <c r="B19442" t="s">
        <v>12043</v>
      </c>
      <c r="C19442" t="s">
        <v>12038</v>
      </c>
      <c r="D19442" t="s">
        <v>12039</v>
      </c>
      <c r="E19442" t="s">
        <v>12006</v>
      </c>
      <c r="F19442" t="s">
        <v>12007</v>
      </c>
      <c r="G19442" t="s">
        <v>10450</v>
      </c>
      <c r="H19442" t="s">
        <v>10451</v>
      </c>
      <c r="I19442" s="2">
        <v>1</v>
      </c>
      <c r="J19442" s="2">
        <v>0</v>
      </c>
      <c r="K19442" s="2">
        <v>0</v>
      </c>
      <c r="L19442" t="s">
        <v>120</v>
      </c>
      <c r="M19442" t="s">
        <v>83</v>
      </c>
      <c r="N19442" t="s">
        <v>84</v>
      </c>
      <c r="O19442" t="s">
        <v>85</v>
      </c>
      <c r="P19442" t="s">
        <v>86</v>
      </c>
      <c r="Q19442">
        <v>104</v>
      </c>
      <c r="R19442">
        <v>106</v>
      </c>
      <c r="S19442">
        <v>107</v>
      </c>
      <c r="T19442">
        <v>109</v>
      </c>
      <c r="U19442">
        <v>110</v>
      </c>
      <c r="V19442">
        <v>112</v>
      </c>
      <c r="W19442">
        <v>113</v>
      </c>
      <c r="X19442">
        <v>115</v>
      </c>
      <c r="Y19442">
        <v>116</v>
      </c>
      <c r="Z19442">
        <v>117</v>
      </c>
      <c r="AA19442">
        <v>119</v>
      </c>
      <c r="AB19442">
        <v>120</v>
      </c>
      <c r="AC19442">
        <v>121</v>
      </c>
      <c r="AD19442">
        <v>123</v>
      </c>
      <c r="AE19442">
        <v>124</v>
      </c>
      <c r="AF19442">
        <v>125</v>
      </c>
      <c r="AG19442">
        <v>127</v>
      </c>
      <c r="AH19442">
        <v>128</v>
      </c>
      <c r="AI19442">
        <v>129</v>
      </c>
      <c r="AJ19442">
        <v>131</v>
      </c>
      <c r="AK19442">
        <v>132</v>
      </c>
      <c r="AL19442">
        <v>132</v>
      </c>
      <c r="AM19442">
        <v>133</v>
      </c>
      <c r="AN19442">
        <v>133</v>
      </c>
      <c r="AO19442">
        <v>133</v>
      </c>
      <c r="AP19442">
        <v>133</v>
      </c>
      <c r="AQ19442">
        <v>133</v>
      </c>
    </row>
    <row r="19443" spans="1:43">
      <c r="A19443" t="s">
        <v>12042</v>
      </c>
      <c r="B19443" t="s">
        <v>12043</v>
      </c>
      <c r="C19443" t="s">
        <v>12038</v>
      </c>
      <c r="D19443" t="s">
        <v>12039</v>
      </c>
      <c r="E19443" t="s">
        <v>12006</v>
      </c>
      <c r="F19443" t="s">
        <v>12007</v>
      </c>
      <c r="G19443" t="s">
        <v>10450</v>
      </c>
      <c r="H19443" t="s">
        <v>10451</v>
      </c>
      <c r="I19443" s="2">
        <v>1</v>
      </c>
      <c r="J19443" s="2">
        <v>0</v>
      </c>
      <c r="K19443" s="2">
        <v>0</v>
      </c>
      <c r="L19443" t="s">
        <v>120</v>
      </c>
      <c r="M19443" t="s">
        <v>87</v>
      </c>
      <c r="N19443" t="s">
        <v>88</v>
      </c>
      <c r="O19443" t="s">
        <v>85</v>
      </c>
      <c r="P19443" t="s">
        <v>86</v>
      </c>
      <c r="Q19443">
        <v>104</v>
      </c>
      <c r="R19443">
        <v>105</v>
      </c>
      <c r="S19443">
        <v>105</v>
      </c>
      <c r="T19443">
        <v>106</v>
      </c>
      <c r="U19443">
        <v>106</v>
      </c>
      <c r="V19443">
        <v>107</v>
      </c>
      <c r="W19443">
        <v>107</v>
      </c>
      <c r="X19443">
        <v>108</v>
      </c>
      <c r="Y19443">
        <v>108</v>
      </c>
      <c r="Z19443">
        <v>109</v>
      </c>
      <c r="AA19443">
        <v>109</v>
      </c>
      <c r="AB19443">
        <v>110</v>
      </c>
      <c r="AC19443">
        <v>110</v>
      </c>
      <c r="AD19443">
        <v>111</v>
      </c>
      <c r="AE19443">
        <v>111</v>
      </c>
      <c r="AF19443">
        <v>112</v>
      </c>
      <c r="AG19443">
        <v>112</v>
      </c>
      <c r="AH19443">
        <v>113</v>
      </c>
      <c r="AI19443">
        <v>113</v>
      </c>
      <c r="AJ19443">
        <v>114</v>
      </c>
      <c r="AK19443">
        <v>114</v>
      </c>
      <c r="AL19443">
        <v>114</v>
      </c>
      <c r="AM19443">
        <v>115</v>
      </c>
      <c r="AN19443">
        <v>115</v>
      </c>
      <c r="AO19443">
        <v>116</v>
      </c>
      <c r="AP19443">
        <v>116</v>
      </c>
      <c r="AQ19443">
        <v>117</v>
      </c>
    </row>
    <row r="19444" spans="1:43">
      <c r="A19444" t="s">
        <v>12042</v>
      </c>
      <c r="B19444" t="s">
        <v>12043</v>
      </c>
      <c r="C19444" t="s">
        <v>12038</v>
      </c>
      <c r="D19444" t="s">
        <v>12039</v>
      </c>
      <c r="E19444" t="s">
        <v>12006</v>
      </c>
      <c r="F19444" t="s">
        <v>12007</v>
      </c>
      <c r="G19444" t="s">
        <v>10450</v>
      </c>
      <c r="H19444" t="s">
        <v>10451</v>
      </c>
      <c r="I19444" s="2">
        <v>1</v>
      </c>
      <c r="J19444" s="2">
        <v>0</v>
      </c>
      <c r="K19444" s="2">
        <v>0</v>
      </c>
      <c r="L19444" t="s">
        <v>120</v>
      </c>
      <c r="M19444" t="s">
        <v>89</v>
      </c>
      <c r="N19444" t="s">
        <v>90</v>
      </c>
      <c r="O19444" t="s">
        <v>85</v>
      </c>
      <c r="P19444" t="s">
        <v>86</v>
      </c>
      <c r="Q19444">
        <v>104</v>
      </c>
      <c r="R19444">
        <v>106</v>
      </c>
      <c r="S19444">
        <v>109</v>
      </c>
      <c r="T19444">
        <v>111</v>
      </c>
      <c r="U19444">
        <v>113</v>
      </c>
      <c r="V19444">
        <v>115</v>
      </c>
      <c r="W19444">
        <v>117</v>
      </c>
      <c r="X19444">
        <v>119</v>
      </c>
      <c r="Y19444">
        <v>121</v>
      </c>
      <c r="Z19444">
        <v>123</v>
      </c>
      <c r="AA19444">
        <v>125</v>
      </c>
      <c r="AB19444">
        <v>127</v>
      </c>
      <c r="AC19444">
        <v>129</v>
      </c>
      <c r="AD19444">
        <v>131</v>
      </c>
      <c r="AE19444">
        <v>132</v>
      </c>
      <c r="AF19444">
        <v>132</v>
      </c>
      <c r="AG19444">
        <v>132</v>
      </c>
      <c r="AH19444">
        <v>132</v>
      </c>
      <c r="AI19444">
        <v>133</v>
      </c>
      <c r="AJ19444">
        <v>133</v>
      </c>
      <c r="AK19444">
        <v>133</v>
      </c>
      <c r="AL19444">
        <v>133</v>
      </c>
      <c r="AM19444">
        <v>133</v>
      </c>
      <c r="AN19444">
        <v>133</v>
      </c>
      <c r="AO19444">
        <v>133</v>
      </c>
      <c r="AP19444">
        <v>134</v>
      </c>
      <c r="AQ19444">
        <v>134</v>
      </c>
    </row>
    <row r="19445" spans="1:43">
      <c r="A19445" t="s">
        <v>12042</v>
      </c>
      <c r="B19445" t="s">
        <v>12043</v>
      </c>
      <c r="C19445" t="s">
        <v>12038</v>
      </c>
      <c r="D19445" t="s">
        <v>12039</v>
      </c>
      <c r="E19445" t="s">
        <v>12006</v>
      </c>
      <c r="F19445" t="s">
        <v>12007</v>
      </c>
      <c r="G19445" t="s">
        <v>10450</v>
      </c>
      <c r="H19445" t="s">
        <v>10451</v>
      </c>
      <c r="I19445" s="2">
        <v>1</v>
      </c>
      <c r="J19445" s="2">
        <v>0</v>
      </c>
      <c r="K19445" s="2">
        <v>0</v>
      </c>
      <c r="L19445" t="s">
        <v>120</v>
      </c>
      <c r="M19445" t="s">
        <v>83</v>
      </c>
      <c r="N19445" t="s">
        <v>91</v>
      </c>
      <c r="O19445" t="s">
        <v>85</v>
      </c>
      <c r="P19445" t="s">
        <v>86</v>
      </c>
      <c r="Q19445">
        <v>104</v>
      </c>
      <c r="R19445">
        <v>106</v>
      </c>
      <c r="S19445">
        <v>107</v>
      </c>
      <c r="T19445">
        <v>109</v>
      </c>
      <c r="U19445">
        <v>110</v>
      </c>
      <c r="V19445">
        <v>112</v>
      </c>
      <c r="W19445">
        <v>113</v>
      </c>
      <c r="X19445">
        <v>115</v>
      </c>
      <c r="Y19445">
        <v>116</v>
      </c>
      <c r="Z19445">
        <v>117</v>
      </c>
      <c r="AA19445">
        <v>119</v>
      </c>
      <c r="AB19445">
        <v>120</v>
      </c>
      <c r="AC19445">
        <v>121</v>
      </c>
      <c r="AD19445">
        <v>123</v>
      </c>
      <c r="AE19445">
        <v>124</v>
      </c>
      <c r="AF19445">
        <v>125</v>
      </c>
      <c r="AG19445">
        <v>127</v>
      </c>
      <c r="AH19445">
        <v>128</v>
      </c>
      <c r="AI19445">
        <v>129</v>
      </c>
      <c r="AJ19445">
        <v>131</v>
      </c>
      <c r="AK19445">
        <v>132</v>
      </c>
      <c r="AL19445">
        <v>132</v>
      </c>
      <c r="AM19445">
        <v>133</v>
      </c>
      <c r="AN19445">
        <v>133</v>
      </c>
      <c r="AO19445">
        <v>133</v>
      </c>
      <c r="AP19445">
        <v>133</v>
      </c>
      <c r="AQ19445">
        <v>133</v>
      </c>
    </row>
    <row r="19446" spans="1:43">
      <c r="A19446" t="s">
        <v>12044</v>
      </c>
      <c r="B19446" t="s">
        <v>12045</v>
      </c>
      <c r="C19446" t="s">
        <v>12038</v>
      </c>
      <c r="D19446" t="s">
        <v>12039</v>
      </c>
      <c r="E19446" t="s">
        <v>12006</v>
      </c>
      <c r="F19446" t="s">
        <v>12007</v>
      </c>
      <c r="G19446" t="s">
        <v>10450</v>
      </c>
      <c r="H19446" t="s">
        <v>10451</v>
      </c>
      <c r="I19446" s="2">
        <v>1</v>
      </c>
      <c r="J19446" s="2">
        <v>0</v>
      </c>
      <c r="K19446" s="2">
        <v>0</v>
      </c>
      <c r="L19446" t="s">
        <v>120</v>
      </c>
      <c r="M19446" t="s">
        <v>83</v>
      </c>
      <c r="N19446" t="s">
        <v>84</v>
      </c>
      <c r="O19446" t="s">
        <v>85</v>
      </c>
      <c r="P19446" t="s">
        <v>86</v>
      </c>
      <c r="Q19446">
        <v>33</v>
      </c>
      <c r="R19446">
        <v>33</v>
      </c>
      <c r="S19446">
        <v>34</v>
      </c>
      <c r="T19446">
        <v>34</v>
      </c>
      <c r="U19446">
        <v>35</v>
      </c>
      <c r="V19446">
        <v>35</v>
      </c>
      <c r="W19446">
        <v>36</v>
      </c>
      <c r="X19446">
        <v>36</v>
      </c>
      <c r="Y19446">
        <v>37</v>
      </c>
      <c r="Z19446">
        <v>37</v>
      </c>
      <c r="AA19446">
        <v>38</v>
      </c>
      <c r="AB19446">
        <v>38</v>
      </c>
      <c r="AC19446">
        <v>38</v>
      </c>
      <c r="AD19446">
        <v>39</v>
      </c>
      <c r="AE19446">
        <v>39</v>
      </c>
      <c r="AF19446">
        <v>40</v>
      </c>
      <c r="AG19446">
        <v>40</v>
      </c>
      <c r="AH19446">
        <v>41</v>
      </c>
      <c r="AI19446">
        <v>41</v>
      </c>
      <c r="AJ19446">
        <v>41</v>
      </c>
      <c r="AK19446">
        <v>42</v>
      </c>
      <c r="AL19446">
        <v>42</v>
      </c>
      <c r="AM19446">
        <v>42</v>
      </c>
      <c r="AN19446">
        <v>42</v>
      </c>
      <c r="AO19446">
        <v>42</v>
      </c>
      <c r="AP19446">
        <v>42</v>
      </c>
      <c r="AQ19446">
        <v>42</v>
      </c>
    </row>
    <row r="19447" spans="1:43">
      <c r="A19447" t="s">
        <v>12044</v>
      </c>
      <c r="B19447" t="s">
        <v>12045</v>
      </c>
      <c r="C19447" t="s">
        <v>12038</v>
      </c>
      <c r="D19447" t="s">
        <v>12039</v>
      </c>
      <c r="E19447" t="s">
        <v>12006</v>
      </c>
      <c r="F19447" t="s">
        <v>12007</v>
      </c>
      <c r="G19447" t="s">
        <v>10450</v>
      </c>
      <c r="H19447" t="s">
        <v>10451</v>
      </c>
      <c r="I19447" s="2">
        <v>1</v>
      </c>
      <c r="J19447" s="2">
        <v>0</v>
      </c>
      <c r="K19447" s="2">
        <v>0</v>
      </c>
      <c r="L19447" t="s">
        <v>120</v>
      </c>
      <c r="M19447" t="s">
        <v>87</v>
      </c>
      <c r="N19447" t="s">
        <v>88</v>
      </c>
      <c r="O19447" t="s">
        <v>85</v>
      </c>
      <c r="P19447" t="s">
        <v>86</v>
      </c>
      <c r="Q19447">
        <v>33</v>
      </c>
      <c r="R19447">
        <v>33</v>
      </c>
      <c r="S19447">
        <v>33</v>
      </c>
      <c r="T19447">
        <v>33</v>
      </c>
      <c r="U19447">
        <v>33</v>
      </c>
      <c r="V19447">
        <v>33</v>
      </c>
      <c r="W19447">
        <v>34</v>
      </c>
      <c r="X19447">
        <v>34</v>
      </c>
      <c r="Y19447">
        <v>34</v>
      </c>
      <c r="Z19447">
        <v>34</v>
      </c>
      <c r="AA19447">
        <v>34</v>
      </c>
      <c r="AB19447">
        <v>34</v>
      </c>
      <c r="AC19447">
        <v>35</v>
      </c>
      <c r="AD19447">
        <v>35</v>
      </c>
      <c r="AE19447">
        <v>35</v>
      </c>
      <c r="AF19447">
        <v>35</v>
      </c>
      <c r="AG19447">
        <v>35</v>
      </c>
      <c r="AH19447">
        <v>35</v>
      </c>
      <c r="AI19447">
        <v>35</v>
      </c>
      <c r="AJ19447">
        <v>36</v>
      </c>
      <c r="AK19447">
        <v>36</v>
      </c>
      <c r="AL19447">
        <v>36</v>
      </c>
      <c r="AM19447">
        <v>36</v>
      </c>
      <c r="AN19447">
        <v>36</v>
      </c>
      <c r="AO19447">
        <v>36</v>
      </c>
      <c r="AP19447">
        <v>36</v>
      </c>
      <c r="AQ19447">
        <v>37</v>
      </c>
    </row>
    <row r="19448" spans="1:43">
      <c r="A19448" t="s">
        <v>12044</v>
      </c>
      <c r="B19448" t="s">
        <v>12045</v>
      </c>
      <c r="C19448" t="s">
        <v>12038</v>
      </c>
      <c r="D19448" t="s">
        <v>12039</v>
      </c>
      <c r="E19448" t="s">
        <v>12006</v>
      </c>
      <c r="F19448" t="s">
        <v>12007</v>
      </c>
      <c r="G19448" t="s">
        <v>10450</v>
      </c>
      <c r="H19448" t="s">
        <v>10451</v>
      </c>
      <c r="I19448" s="2">
        <v>1</v>
      </c>
      <c r="J19448" s="2">
        <v>0</v>
      </c>
      <c r="K19448" s="2">
        <v>0</v>
      </c>
      <c r="L19448" t="s">
        <v>120</v>
      </c>
      <c r="M19448" t="s">
        <v>89</v>
      </c>
      <c r="N19448" t="s">
        <v>90</v>
      </c>
      <c r="O19448" t="s">
        <v>85</v>
      </c>
      <c r="P19448" t="s">
        <v>86</v>
      </c>
      <c r="Q19448">
        <v>33</v>
      </c>
      <c r="R19448">
        <v>34</v>
      </c>
      <c r="S19448">
        <v>35</v>
      </c>
      <c r="T19448">
        <v>35</v>
      </c>
      <c r="U19448">
        <v>36</v>
      </c>
      <c r="V19448">
        <v>37</v>
      </c>
      <c r="W19448">
        <v>38</v>
      </c>
      <c r="X19448">
        <v>38</v>
      </c>
      <c r="Y19448">
        <v>39</v>
      </c>
      <c r="Z19448">
        <v>39</v>
      </c>
      <c r="AA19448">
        <v>40</v>
      </c>
      <c r="AB19448">
        <v>41</v>
      </c>
      <c r="AC19448">
        <v>41</v>
      </c>
      <c r="AD19448">
        <v>42</v>
      </c>
      <c r="AE19448">
        <v>42</v>
      </c>
      <c r="AF19448">
        <v>42</v>
      </c>
      <c r="AG19448">
        <v>42</v>
      </c>
      <c r="AH19448">
        <v>42</v>
      </c>
      <c r="AI19448">
        <v>42</v>
      </c>
      <c r="AJ19448">
        <v>42</v>
      </c>
      <c r="AK19448">
        <v>42</v>
      </c>
      <c r="AL19448">
        <v>43</v>
      </c>
      <c r="AM19448">
        <v>43</v>
      </c>
      <c r="AN19448">
        <v>43</v>
      </c>
      <c r="AO19448">
        <v>43</v>
      </c>
      <c r="AP19448">
        <v>43</v>
      </c>
      <c r="AQ19448">
        <v>43</v>
      </c>
    </row>
    <row r="19449" spans="1:43">
      <c r="A19449" t="s">
        <v>12044</v>
      </c>
      <c r="B19449" t="s">
        <v>12045</v>
      </c>
      <c r="C19449" t="s">
        <v>12038</v>
      </c>
      <c r="D19449" t="s">
        <v>12039</v>
      </c>
      <c r="E19449" t="s">
        <v>12006</v>
      </c>
      <c r="F19449" t="s">
        <v>12007</v>
      </c>
      <c r="G19449" t="s">
        <v>10450</v>
      </c>
      <c r="H19449" t="s">
        <v>10451</v>
      </c>
      <c r="I19449" s="2">
        <v>1</v>
      </c>
      <c r="J19449" s="2">
        <v>0</v>
      </c>
      <c r="K19449" s="2">
        <v>0</v>
      </c>
      <c r="L19449" t="s">
        <v>120</v>
      </c>
      <c r="M19449" t="s">
        <v>83</v>
      </c>
      <c r="N19449" t="s">
        <v>91</v>
      </c>
      <c r="O19449" t="s">
        <v>85</v>
      </c>
      <c r="P19449" t="s">
        <v>86</v>
      </c>
      <c r="Q19449">
        <v>33</v>
      </c>
      <c r="R19449">
        <v>33</v>
      </c>
      <c r="S19449">
        <v>34</v>
      </c>
      <c r="T19449">
        <v>34</v>
      </c>
      <c r="U19449">
        <v>35</v>
      </c>
      <c r="V19449">
        <v>35</v>
      </c>
      <c r="W19449">
        <v>36</v>
      </c>
      <c r="X19449">
        <v>36</v>
      </c>
      <c r="Y19449">
        <v>37</v>
      </c>
      <c r="Z19449">
        <v>37</v>
      </c>
      <c r="AA19449">
        <v>38</v>
      </c>
      <c r="AB19449">
        <v>38</v>
      </c>
      <c r="AC19449">
        <v>38</v>
      </c>
      <c r="AD19449">
        <v>39</v>
      </c>
      <c r="AE19449">
        <v>39</v>
      </c>
      <c r="AF19449">
        <v>40</v>
      </c>
      <c r="AG19449">
        <v>40</v>
      </c>
      <c r="AH19449">
        <v>41</v>
      </c>
      <c r="AI19449">
        <v>41</v>
      </c>
      <c r="AJ19449">
        <v>41</v>
      </c>
      <c r="AK19449">
        <v>42</v>
      </c>
      <c r="AL19449">
        <v>42</v>
      </c>
      <c r="AM19449">
        <v>42</v>
      </c>
      <c r="AN19449">
        <v>42</v>
      </c>
      <c r="AO19449">
        <v>42</v>
      </c>
      <c r="AP19449">
        <v>42</v>
      </c>
      <c r="AQ19449">
        <v>42</v>
      </c>
    </row>
    <row r="19450" spans="1:43">
      <c r="A19450" t="s">
        <v>12046</v>
      </c>
      <c r="B19450" t="s">
        <v>12047</v>
      </c>
      <c r="C19450" t="s">
        <v>12038</v>
      </c>
      <c r="D19450" t="s">
        <v>12039</v>
      </c>
      <c r="E19450" t="s">
        <v>12006</v>
      </c>
      <c r="F19450" t="s">
        <v>12007</v>
      </c>
      <c r="G19450" t="s">
        <v>10450</v>
      </c>
      <c r="H19450" t="s">
        <v>10451</v>
      </c>
      <c r="I19450" s="2">
        <v>1</v>
      </c>
      <c r="J19450" s="2">
        <v>0</v>
      </c>
      <c r="K19450" s="2">
        <v>0</v>
      </c>
      <c r="L19450" t="s">
        <v>120</v>
      </c>
      <c r="M19450" t="s">
        <v>83</v>
      </c>
      <c r="N19450" t="s">
        <v>84</v>
      </c>
      <c r="O19450" t="s">
        <v>85</v>
      </c>
      <c r="P19450" t="s">
        <v>86</v>
      </c>
      <c r="Q19450">
        <v>12</v>
      </c>
      <c r="R19450">
        <v>12</v>
      </c>
      <c r="S19450">
        <v>12</v>
      </c>
      <c r="T19450">
        <v>12</v>
      </c>
      <c r="U19450">
        <v>12</v>
      </c>
      <c r="V19450">
        <v>13</v>
      </c>
      <c r="W19450">
        <v>13</v>
      </c>
      <c r="X19450">
        <v>13</v>
      </c>
      <c r="Y19450">
        <v>13</v>
      </c>
      <c r="Z19450">
        <v>13</v>
      </c>
      <c r="AA19450">
        <v>13</v>
      </c>
      <c r="AB19450">
        <v>14</v>
      </c>
      <c r="AC19450">
        <v>14</v>
      </c>
      <c r="AD19450">
        <v>14</v>
      </c>
      <c r="AE19450">
        <v>14</v>
      </c>
      <c r="AF19450">
        <v>14</v>
      </c>
      <c r="AG19450">
        <v>14</v>
      </c>
      <c r="AH19450">
        <v>14</v>
      </c>
      <c r="AI19450">
        <v>15</v>
      </c>
      <c r="AJ19450">
        <v>15</v>
      </c>
      <c r="AK19450">
        <v>15</v>
      </c>
      <c r="AL19450">
        <v>15</v>
      </c>
      <c r="AM19450">
        <v>15</v>
      </c>
      <c r="AN19450">
        <v>15</v>
      </c>
      <c r="AO19450">
        <v>15</v>
      </c>
      <c r="AP19450">
        <v>15</v>
      </c>
      <c r="AQ19450">
        <v>15</v>
      </c>
    </row>
    <row r="19451" spans="1:43">
      <c r="A19451" t="s">
        <v>12046</v>
      </c>
      <c r="B19451" t="s">
        <v>12047</v>
      </c>
      <c r="C19451" t="s">
        <v>12038</v>
      </c>
      <c r="D19451" t="s">
        <v>12039</v>
      </c>
      <c r="E19451" t="s">
        <v>12006</v>
      </c>
      <c r="F19451" t="s">
        <v>12007</v>
      </c>
      <c r="G19451" t="s">
        <v>10450</v>
      </c>
      <c r="H19451" t="s">
        <v>10451</v>
      </c>
      <c r="I19451" s="2">
        <v>1</v>
      </c>
      <c r="J19451" s="2">
        <v>0</v>
      </c>
      <c r="K19451" s="2">
        <v>0</v>
      </c>
      <c r="L19451" t="s">
        <v>120</v>
      </c>
      <c r="M19451" t="s">
        <v>87</v>
      </c>
      <c r="N19451" t="s">
        <v>88</v>
      </c>
      <c r="O19451" t="s">
        <v>85</v>
      </c>
      <c r="P19451" t="s">
        <v>86</v>
      </c>
      <c r="Q19451">
        <v>12</v>
      </c>
      <c r="R19451">
        <v>12</v>
      </c>
      <c r="S19451">
        <v>12</v>
      </c>
      <c r="T19451">
        <v>12</v>
      </c>
      <c r="U19451">
        <v>12</v>
      </c>
      <c r="V19451">
        <v>12</v>
      </c>
      <c r="W19451">
        <v>12</v>
      </c>
      <c r="X19451">
        <v>12</v>
      </c>
      <c r="Y19451">
        <v>12</v>
      </c>
      <c r="Z19451">
        <v>12</v>
      </c>
      <c r="AA19451">
        <v>12</v>
      </c>
      <c r="AB19451">
        <v>12</v>
      </c>
      <c r="AC19451">
        <v>12</v>
      </c>
      <c r="AD19451">
        <v>12</v>
      </c>
      <c r="AE19451">
        <v>12</v>
      </c>
      <c r="AF19451">
        <v>12</v>
      </c>
      <c r="AG19451">
        <v>13</v>
      </c>
      <c r="AH19451">
        <v>13</v>
      </c>
      <c r="AI19451">
        <v>13</v>
      </c>
      <c r="AJ19451">
        <v>13</v>
      </c>
      <c r="AK19451">
        <v>13</v>
      </c>
      <c r="AL19451">
        <v>13</v>
      </c>
      <c r="AM19451">
        <v>13</v>
      </c>
      <c r="AN19451">
        <v>13</v>
      </c>
      <c r="AO19451">
        <v>13</v>
      </c>
      <c r="AP19451">
        <v>13</v>
      </c>
      <c r="AQ19451">
        <v>13</v>
      </c>
    </row>
    <row r="19452" spans="1:43">
      <c r="A19452" t="s">
        <v>12046</v>
      </c>
      <c r="B19452" t="s">
        <v>12047</v>
      </c>
      <c r="C19452" t="s">
        <v>12038</v>
      </c>
      <c r="D19452" t="s">
        <v>12039</v>
      </c>
      <c r="E19452" t="s">
        <v>12006</v>
      </c>
      <c r="F19452" t="s">
        <v>12007</v>
      </c>
      <c r="G19452" t="s">
        <v>10450</v>
      </c>
      <c r="H19452" t="s">
        <v>10451</v>
      </c>
      <c r="I19452" s="2">
        <v>1</v>
      </c>
      <c r="J19452" s="2">
        <v>0</v>
      </c>
      <c r="K19452" s="2">
        <v>0</v>
      </c>
      <c r="L19452" t="s">
        <v>120</v>
      </c>
      <c r="M19452" t="s">
        <v>89</v>
      </c>
      <c r="N19452" t="s">
        <v>90</v>
      </c>
      <c r="O19452" t="s">
        <v>85</v>
      </c>
      <c r="P19452" t="s">
        <v>86</v>
      </c>
      <c r="Q19452">
        <v>12</v>
      </c>
      <c r="R19452">
        <v>12</v>
      </c>
      <c r="S19452">
        <v>12</v>
      </c>
      <c r="T19452">
        <v>13</v>
      </c>
      <c r="U19452">
        <v>13</v>
      </c>
      <c r="V19452">
        <v>13</v>
      </c>
      <c r="W19452">
        <v>13</v>
      </c>
      <c r="X19452">
        <v>14</v>
      </c>
      <c r="Y19452">
        <v>14</v>
      </c>
      <c r="Z19452">
        <v>14</v>
      </c>
      <c r="AA19452">
        <v>14</v>
      </c>
      <c r="AB19452">
        <v>14</v>
      </c>
      <c r="AC19452">
        <v>15</v>
      </c>
      <c r="AD19452">
        <v>15</v>
      </c>
      <c r="AE19452">
        <v>15</v>
      </c>
      <c r="AF19452">
        <v>15</v>
      </c>
      <c r="AG19452">
        <v>15</v>
      </c>
      <c r="AH19452">
        <v>15</v>
      </c>
      <c r="AI19452">
        <v>15</v>
      </c>
      <c r="AJ19452">
        <v>15</v>
      </c>
      <c r="AK19452">
        <v>15</v>
      </c>
      <c r="AL19452">
        <v>15</v>
      </c>
      <c r="AM19452">
        <v>15</v>
      </c>
      <c r="AN19452">
        <v>15</v>
      </c>
      <c r="AO19452">
        <v>15</v>
      </c>
      <c r="AP19452">
        <v>15</v>
      </c>
      <c r="AQ19452">
        <v>15</v>
      </c>
    </row>
    <row r="19453" spans="1:43">
      <c r="A19453" t="s">
        <v>12046</v>
      </c>
      <c r="B19453" t="s">
        <v>12047</v>
      </c>
      <c r="C19453" t="s">
        <v>12038</v>
      </c>
      <c r="D19453" t="s">
        <v>12039</v>
      </c>
      <c r="E19453" t="s">
        <v>12006</v>
      </c>
      <c r="F19453" t="s">
        <v>12007</v>
      </c>
      <c r="G19453" t="s">
        <v>10450</v>
      </c>
      <c r="H19453" t="s">
        <v>10451</v>
      </c>
      <c r="I19453" s="2">
        <v>1</v>
      </c>
      <c r="J19453" s="2">
        <v>0</v>
      </c>
      <c r="K19453" s="2">
        <v>0</v>
      </c>
      <c r="L19453" t="s">
        <v>120</v>
      </c>
      <c r="M19453" t="s">
        <v>83</v>
      </c>
      <c r="N19453" t="s">
        <v>91</v>
      </c>
      <c r="O19453" t="s">
        <v>85</v>
      </c>
      <c r="P19453" t="s">
        <v>86</v>
      </c>
      <c r="Q19453">
        <v>12</v>
      </c>
      <c r="R19453">
        <v>12</v>
      </c>
      <c r="S19453">
        <v>12</v>
      </c>
      <c r="T19453">
        <v>12</v>
      </c>
      <c r="U19453">
        <v>12</v>
      </c>
      <c r="V19453">
        <v>13</v>
      </c>
      <c r="W19453">
        <v>13</v>
      </c>
      <c r="X19453">
        <v>13</v>
      </c>
      <c r="Y19453">
        <v>13</v>
      </c>
      <c r="Z19453">
        <v>13</v>
      </c>
      <c r="AA19453">
        <v>13</v>
      </c>
      <c r="AB19453">
        <v>14</v>
      </c>
      <c r="AC19453">
        <v>14</v>
      </c>
      <c r="AD19453">
        <v>14</v>
      </c>
      <c r="AE19453">
        <v>14</v>
      </c>
      <c r="AF19453">
        <v>14</v>
      </c>
      <c r="AG19453">
        <v>14</v>
      </c>
      <c r="AH19453">
        <v>14</v>
      </c>
      <c r="AI19453">
        <v>15</v>
      </c>
      <c r="AJ19453">
        <v>15</v>
      </c>
      <c r="AK19453">
        <v>15</v>
      </c>
      <c r="AL19453">
        <v>15</v>
      </c>
      <c r="AM19453">
        <v>15</v>
      </c>
      <c r="AN19453">
        <v>15</v>
      </c>
      <c r="AO19453">
        <v>15</v>
      </c>
      <c r="AP19453">
        <v>15</v>
      </c>
      <c r="AQ19453">
        <v>15</v>
      </c>
    </row>
    <row r="19454" spans="1:43">
      <c r="A19454" t="s">
        <v>12048</v>
      </c>
      <c r="B19454" t="s">
        <v>12049</v>
      </c>
      <c r="C19454" t="s">
        <v>12038</v>
      </c>
      <c r="D19454" t="s">
        <v>12039</v>
      </c>
      <c r="E19454" t="s">
        <v>12006</v>
      </c>
      <c r="F19454" t="s">
        <v>12007</v>
      </c>
      <c r="G19454" t="s">
        <v>10450</v>
      </c>
      <c r="H19454" t="s">
        <v>10451</v>
      </c>
      <c r="I19454" s="2">
        <v>1</v>
      </c>
      <c r="J19454" s="2">
        <v>0</v>
      </c>
      <c r="K19454" s="2">
        <v>0</v>
      </c>
      <c r="L19454" t="s">
        <v>120</v>
      </c>
      <c r="M19454" t="s">
        <v>83</v>
      </c>
      <c r="N19454" t="s">
        <v>84</v>
      </c>
      <c r="O19454" t="s">
        <v>85</v>
      </c>
      <c r="P19454" t="s">
        <v>86</v>
      </c>
      <c r="Q19454">
        <v>7</v>
      </c>
      <c r="R19454">
        <v>7</v>
      </c>
      <c r="S19454">
        <v>7</v>
      </c>
      <c r="T19454">
        <v>7</v>
      </c>
      <c r="U19454">
        <v>7</v>
      </c>
      <c r="V19454">
        <v>7</v>
      </c>
      <c r="W19454">
        <v>8</v>
      </c>
      <c r="X19454">
        <v>8</v>
      </c>
      <c r="Y19454">
        <v>8</v>
      </c>
      <c r="Z19454">
        <v>8</v>
      </c>
      <c r="AA19454">
        <v>8</v>
      </c>
      <c r="AB19454">
        <v>8</v>
      </c>
      <c r="AC19454">
        <v>8</v>
      </c>
      <c r="AD19454">
        <v>8</v>
      </c>
      <c r="AE19454">
        <v>8</v>
      </c>
      <c r="AF19454">
        <v>8</v>
      </c>
      <c r="AG19454">
        <v>8</v>
      </c>
      <c r="AH19454">
        <v>9</v>
      </c>
      <c r="AI19454">
        <v>9</v>
      </c>
      <c r="AJ19454">
        <v>9</v>
      </c>
      <c r="AK19454">
        <v>9</v>
      </c>
      <c r="AL19454">
        <v>9</v>
      </c>
      <c r="AM19454">
        <v>9</v>
      </c>
      <c r="AN19454">
        <v>9</v>
      </c>
      <c r="AO19454">
        <v>9</v>
      </c>
      <c r="AP19454">
        <v>9</v>
      </c>
      <c r="AQ19454">
        <v>9</v>
      </c>
    </row>
    <row r="19455" spans="1:43">
      <c r="A19455" t="s">
        <v>12048</v>
      </c>
      <c r="B19455" t="s">
        <v>12049</v>
      </c>
      <c r="C19455" t="s">
        <v>12038</v>
      </c>
      <c r="D19455" t="s">
        <v>12039</v>
      </c>
      <c r="E19455" t="s">
        <v>12006</v>
      </c>
      <c r="F19455" t="s">
        <v>12007</v>
      </c>
      <c r="G19455" t="s">
        <v>10450</v>
      </c>
      <c r="H19455" t="s">
        <v>10451</v>
      </c>
      <c r="I19455" s="2">
        <v>1</v>
      </c>
      <c r="J19455" s="2">
        <v>0</v>
      </c>
      <c r="K19455" s="2">
        <v>0</v>
      </c>
      <c r="L19455" t="s">
        <v>120</v>
      </c>
      <c r="M19455" t="s">
        <v>87</v>
      </c>
      <c r="N19455" t="s">
        <v>88</v>
      </c>
      <c r="O19455" t="s">
        <v>85</v>
      </c>
      <c r="P19455" t="s">
        <v>86</v>
      </c>
      <c r="Q19455">
        <v>7</v>
      </c>
      <c r="R19455">
        <v>7</v>
      </c>
      <c r="S19455">
        <v>7</v>
      </c>
      <c r="T19455">
        <v>7</v>
      </c>
      <c r="U19455">
        <v>7</v>
      </c>
      <c r="V19455">
        <v>7</v>
      </c>
      <c r="W19455">
        <v>7</v>
      </c>
      <c r="X19455">
        <v>7</v>
      </c>
      <c r="Y19455">
        <v>7</v>
      </c>
      <c r="Z19455">
        <v>7</v>
      </c>
      <c r="AA19455">
        <v>7</v>
      </c>
      <c r="AB19455">
        <v>7</v>
      </c>
      <c r="AC19455">
        <v>7</v>
      </c>
      <c r="AD19455">
        <v>7</v>
      </c>
      <c r="AE19455">
        <v>7</v>
      </c>
      <c r="AF19455">
        <v>7</v>
      </c>
      <c r="AG19455">
        <v>7</v>
      </c>
      <c r="AH19455">
        <v>7</v>
      </c>
      <c r="AI19455">
        <v>8</v>
      </c>
      <c r="AJ19455">
        <v>8</v>
      </c>
      <c r="AK19455">
        <v>8</v>
      </c>
      <c r="AL19455">
        <v>8</v>
      </c>
      <c r="AM19455">
        <v>8</v>
      </c>
      <c r="AN19455">
        <v>8</v>
      </c>
      <c r="AO19455">
        <v>8</v>
      </c>
      <c r="AP19455">
        <v>8</v>
      </c>
      <c r="AQ19455">
        <v>8</v>
      </c>
    </row>
    <row r="19456" spans="1:43">
      <c r="A19456" t="s">
        <v>12048</v>
      </c>
      <c r="B19456" t="s">
        <v>12049</v>
      </c>
      <c r="C19456" t="s">
        <v>12038</v>
      </c>
      <c r="D19456" t="s">
        <v>12039</v>
      </c>
      <c r="E19456" t="s">
        <v>12006</v>
      </c>
      <c r="F19456" t="s">
        <v>12007</v>
      </c>
      <c r="G19456" t="s">
        <v>10450</v>
      </c>
      <c r="H19456" t="s">
        <v>10451</v>
      </c>
      <c r="I19456" s="2">
        <v>1</v>
      </c>
      <c r="J19456" s="2">
        <v>0</v>
      </c>
      <c r="K19456" s="2">
        <v>0</v>
      </c>
      <c r="L19456" t="s">
        <v>120</v>
      </c>
      <c r="M19456" t="s">
        <v>89</v>
      </c>
      <c r="N19456" t="s">
        <v>90</v>
      </c>
      <c r="O19456" t="s">
        <v>85</v>
      </c>
      <c r="P19456" t="s">
        <v>86</v>
      </c>
      <c r="Q19456">
        <v>7</v>
      </c>
      <c r="R19456">
        <v>7</v>
      </c>
      <c r="S19456">
        <v>7</v>
      </c>
      <c r="T19456">
        <v>8</v>
      </c>
      <c r="U19456">
        <v>8</v>
      </c>
      <c r="V19456">
        <v>8</v>
      </c>
      <c r="W19456">
        <v>8</v>
      </c>
      <c r="X19456">
        <v>8</v>
      </c>
      <c r="Y19456">
        <v>8</v>
      </c>
      <c r="Z19456">
        <v>8</v>
      </c>
      <c r="AA19456">
        <v>8</v>
      </c>
      <c r="AB19456">
        <v>9</v>
      </c>
      <c r="AC19456">
        <v>9</v>
      </c>
      <c r="AD19456">
        <v>9</v>
      </c>
      <c r="AE19456">
        <v>9</v>
      </c>
      <c r="AF19456">
        <v>9</v>
      </c>
      <c r="AG19456">
        <v>9</v>
      </c>
      <c r="AH19456">
        <v>9</v>
      </c>
      <c r="AI19456">
        <v>9</v>
      </c>
      <c r="AJ19456">
        <v>9</v>
      </c>
      <c r="AK19456">
        <v>9</v>
      </c>
      <c r="AL19456">
        <v>9</v>
      </c>
      <c r="AM19456">
        <v>9</v>
      </c>
      <c r="AN19456">
        <v>9</v>
      </c>
      <c r="AO19456">
        <v>9</v>
      </c>
      <c r="AP19456">
        <v>9</v>
      </c>
      <c r="AQ19456">
        <v>9</v>
      </c>
    </row>
    <row r="19457" spans="1:43">
      <c r="A19457" t="s">
        <v>12048</v>
      </c>
      <c r="B19457" t="s">
        <v>12049</v>
      </c>
      <c r="C19457" t="s">
        <v>12038</v>
      </c>
      <c r="D19457" t="s">
        <v>12039</v>
      </c>
      <c r="E19457" t="s">
        <v>12006</v>
      </c>
      <c r="F19457" t="s">
        <v>12007</v>
      </c>
      <c r="G19457" t="s">
        <v>10450</v>
      </c>
      <c r="H19457" t="s">
        <v>10451</v>
      </c>
      <c r="I19457" s="2">
        <v>1</v>
      </c>
      <c r="J19457" s="2">
        <v>0</v>
      </c>
      <c r="K19457" s="2">
        <v>0</v>
      </c>
      <c r="L19457" t="s">
        <v>120</v>
      </c>
      <c r="M19457" t="s">
        <v>83</v>
      </c>
      <c r="N19457" t="s">
        <v>91</v>
      </c>
      <c r="O19457" t="s">
        <v>85</v>
      </c>
      <c r="P19457" t="s">
        <v>86</v>
      </c>
      <c r="Q19457">
        <v>7</v>
      </c>
      <c r="R19457">
        <v>7</v>
      </c>
      <c r="S19457">
        <v>7</v>
      </c>
      <c r="T19457">
        <v>7</v>
      </c>
      <c r="U19457">
        <v>7</v>
      </c>
      <c r="V19457">
        <v>7</v>
      </c>
      <c r="W19457">
        <v>8</v>
      </c>
      <c r="X19457">
        <v>8</v>
      </c>
      <c r="Y19457">
        <v>8</v>
      </c>
      <c r="Z19457">
        <v>8</v>
      </c>
      <c r="AA19457">
        <v>8</v>
      </c>
      <c r="AB19457">
        <v>8</v>
      </c>
      <c r="AC19457">
        <v>8</v>
      </c>
      <c r="AD19457">
        <v>8</v>
      </c>
      <c r="AE19457">
        <v>8</v>
      </c>
      <c r="AF19457">
        <v>8</v>
      </c>
      <c r="AG19457">
        <v>8</v>
      </c>
      <c r="AH19457">
        <v>9</v>
      </c>
      <c r="AI19457">
        <v>9</v>
      </c>
      <c r="AJ19457">
        <v>9</v>
      </c>
      <c r="AK19457">
        <v>9</v>
      </c>
      <c r="AL19457">
        <v>9</v>
      </c>
      <c r="AM19457">
        <v>9</v>
      </c>
      <c r="AN19457">
        <v>9</v>
      </c>
      <c r="AO19457">
        <v>9</v>
      </c>
      <c r="AP19457">
        <v>9</v>
      </c>
      <c r="AQ19457">
        <v>9</v>
      </c>
    </row>
    <row r="19458" spans="1:43">
      <c r="A19458" t="s">
        <v>12050</v>
      </c>
      <c r="B19458" t="s">
        <v>12051</v>
      </c>
      <c r="C19458" t="s">
        <v>12052</v>
      </c>
      <c r="D19458" t="s">
        <v>12053</v>
      </c>
      <c r="E19458" t="s">
        <v>12006</v>
      </c>
      <c r="F19458" t="s">
        <v>12007</v>
      </c>
      <c r="G19458" t="s">
        <v>10450</v>
      </c>
      <c r="H19458" t="s">
        <v>10451</v>
      </c>
      <c r="I19458" s="2">
        <v>1</v>
      </c>
      <c r="J19458" s="2">
        <v>0</v>
      </c>
      <c r="K19458" s="2">
        <v>0</v>
      </c>
      <c r="L19458" t="s">
        <v>120</v>
      </c>
      <c r="M19458" t="s">
        <v>83</v>
      </c>
      <c r="N19458" t="s">
        <v>84</v>
      </c>
      <c r="O19458" t="s">
        <v>85</v>
      </c>
      <c r="P19458" t="s">
        <v>86</v>
      </c>
      <c r="Q19458">
        <v>9</v>
      </c>
      <c r="R19458">
        <v>9</v>
      </c>
      <c r="S19458">
        <v>9</v>
      </c>
      <c r="T19458">
        <v>9</v>
      </c>
      <c r="U19458">
        <v>9</v>
      </c>
      <c r="V19458">
        <v>9</v>
      </c>
      <c r="W19458">
        <v>9</v>
      </c>
      <c r="X19458">
        <v>10</v>
      </c>
      <c r="Y19458">
        <v>10</v>
      </c>
      <c r="Z19458">
        <v>10</v>
      </c>
      <c r="AA19458">
        <v>10</v>
      </c>
      <c r="AB19458">
        <v>10</v>
      </c>
      <c r="AC19458">
        <v>10</v>
      </c>
      <c r="AD19458">
        <v>10</v>
      </c>
      <c r="AE19458">
        <v>10</v>
      </c>
      <c r="AF19458">
        <v>10</v>
      </c>
      <c r="AG19458">
        <v>11</v>
      </c>
      <c r="AH19458">
        <v>11</v>
      </c>
      <c r="AI19458">
        <v>11</v>
      </c>
      <c r="AJ19458">
        <v>11</v>
      </c>
      <c r="AK19458">
        <v>11</v>
      </c>
      <c r="AL19458">
        <v>11</v>
      </c>
      <c r="AM19458">
        <v>11</v>
      </c>
      <c r="AN19458">
        <v>11</v>
      </c>
      <c r="AO19458">
        <v>11</v>
      </c>
      <c r="AP19458">
        <v>11</v>
      </c>
      <c r="AQ19458">
        <v>11</v>
      </c>
    </row>
    <row r="19459" spans="1:43">
      <c r="A19459" t="s">
        <v>12050</v>
      </c>
      <c r="B19459" t="s">
        <v>12051</v>
      </c>
      <c r="C19459" t="s">
        <v>12052</v>
      </c>
      <c r="D19459" t="s">
        <v>12053</v>
      </c>
      <c r="E19459" t="s">
        <v>12006</v>
      </c>
      <c r="F19459" t="s">
        <v>12007</v>
      </c>
      <c r="G19459" t="s">
        <v>10450</v>
      </c>
      <c r="H19459" t="s">
        <v>10451</v>
      </c>
      <c r="I19459" s="2">
        <v>1</v>
      </c>
      <c r="J19459" s="2">
        <v>0</v>
      </c>
      <c r="K19459" s="2">
        <v>0</v>
      </c>
      <c r="L19459" t="s">
        <v>120</v>
      </c>
      <c r="M19459" t="s">
        <v>87</v>
      </c>
      <c r="N19459" t="s">
        <v>88</v>
      </c>
      <c r="O19459" t="s">
        <v>85</v>
      </c>
      <c r="P19459" t="s">
        <v>86</v>
      </c>
      <c r="Q19459">
        <v>9</v>
      </c>
      <c r="R19459">
        <v>9</v>
      </c>
      <c r="S19459">
        <v>9</v>
      </c>
      <c r="T19459">
        <v>9</v>
      </c>
      <c r="U19459">
        <v>9</v>
      </c>
      <c r="V19459">
        <v>9</v>
      </c>
      <c r="W19459">
        <v>9</v>
      </c>
      <c r="X19459">
        <v>9</v>
      </c>
      <c r="Y19459">
        <v>9</v>
      </c>
      <c r="Z19459">
        <v>9</v>
      </c>
      <c r="AA19459">
        <v>9</v>
      </c>
      <c r="AB19459">
        <v>9</v>
      </c>
      <c r="AC19459">
        <v>9</v>
      </c>
      <c r="AD19459">
        <v>9</v>
      </c>
      <c r="AE19459">
        <v>9</v>
      </c>
      <c r="AF19459">
        <v>9</v>
      </c>
      <c r="AG19459">
        <v>9</v>
      </c>
      <c r="AH19459">
        <v>9</v>
      </c>
      <c r="AI19459">
        <v>9</v>
      </c>
      <c r="AJ19459">
        <v>9</v>
      </c>
      <c r="AK19459">
        <v>9</v>
      </c>
      <c r="AL19459">
        <v>9</v>
      </c>
      <c r="AM19459">
        <v>9</v>
      </c>
      <c r="AN19459">
        <v>9</v>
      </c>
      <c r="AO19459">
        <v>10</v>
      </c>
      <c r="AP19459">
        <v>10</v>
      </c>
      <c r="AQ19459">
        <v>10</v>
      </c>
    </row>
    <row r="19460" spans="1:43">
      <c r="A19460" t="s">
        <v>12050</v>
      </c>
      <c r="B19460" t="s">
        <v>12051</v>
      </c>
      <c r="C19460" t="s">
        <v>12052</v>
      </c>
      <c r="D19460" t="s">
        <v>12053</v>
      </c>
      <c r="E19460" t="s">
        <v>12006</v>
      </c>
      <c r="F19460" t="s">
        <v>12007</v>
      </c>
      <c r="G19460" t="s">
        <v>10450</v>
      </c>
      <c r="H19460" t="s">
        <v>10451</v>
      </c>
      <c r="I19460" s="2">
        <v>1</v>
      </c>
      <c r="J19460" s="2">
        <v>0</v>
      </c>
      <c r="K19460" s="2">
        <v>0</v>
      </c>
      <c r="L19460" t="s">
        <v>120</v>
      </c>
      <c r="M19460" t="s">
        <v>89</v>
      </c>
      <c r="N19460" t="s">
        <v>90</v>
      </c>
      <c r="O19460" t="s">
        <v>85</v>
      </c>
      <c r="P19460" t="s">
        <v>86</v>
      </c>
      <c r="Q19460">
        <v>9</v>
      </c>
      <c r="R19460">
        <v>9</v>
      </c>
      <c r="S19460">
        <v>9</v>
      </c>
      <c r="T19460">
        <v>9</v>
      </c>
      <c r="U19460">
        <v>10</v>
      </c>
      <c r="V19460">
        <v>10</v>
      </c>
      <c r="W19460">
        <v>10</v>
      </c>
      <c r="X19460">
        <v>10</v>
      </c>
      <c r="Y19460">
        <v>10</v>
      </c>
      <c r="Z19460">
        <v>10</v>
      </c>
      <c r="AA19460">
        <v>10</v>
      </c>
      <c r="AB19460">
        <v>11</v>
      </c>
      <c r="AC19460">
        <v>11</v>
      </c>
      <c r="AD19460">
        <v>11</v>
      </c>
      <c r="AE19460">
        <v>11</v>
      </c>
      <c r="AF19460">
        <v>11</v>
      </c>
      <c r="AG19460">
        <v>11</v>
      </c>
      <c r="AH19460">
        <v>11</v>
      </c>
      <c r="AI19460">
        <v>11</v>
      </c>
      <c r="AJ19460">
        <v>11</v>
      </c>
      <c r="AK19460">
        <v>11</v>
      </c>
      <c r="AL19460">
        <v>11</v>
      </c>
      <c r="AM19460">
        <v>11</v>
      </c>
      <c r="AN19460">
        <v>11</v>
      </c>
      <c r="AO19460">
        <v>11</v>
      </c>
      <c r="AP19460">
        <v>11</v>
      </c>
      <c r="AQ19460">
        <v>11</v>
      </c>
    </row>
    <row r="19461" spans="1:43">
      <c r="A19461" t="s">
        <v>12050</v>
      </c>
      <c r="B19461" t="s">
        <v>12051</v>
      </c>
      <c r="C19461" t="s">
        <v>12052</v>
      </c>
      <c r="D19461" t="s">
        <v>12053</v>
      </c>
      <c r="E19461" t="s">
        <v>12006</v>
      </c>
      <c r="F19461" t="s">
        <v>12007</v>
      </c>
      <c r="G19461" t="s">
        <v>10450</v>
      </c>
      <c r="H19461" t="s">
        <v>10451</v>
      </c>
      <c r="I19461" s="2">
        <v>1</v>
      </c>
      <c r="J19461" s="2">
        <v>0</v>
      </c>
      <c r="K19461" s="2">
        <v>0</v>
      </c>
      <c r="L19461" t="s">
        <v>120</v>
      </c>
      <c r="M19461" t="s">
        <v>83</v>
      </c>
      <c r="N19461" t="s">
        <v>91</v>
      </c>
      <c r="O19461" t="s">
        <v>85</v>
      </c>
      <c r="P19461" t="s">
        <v>86</v>
      </c>
      <c r="Q19461">
        <v>9</v>
      </c>
      <c r="R19461">
        <v>9</v>
      </c>
      <c r="S19461">
        <v>9</v>
      </c>
      <c r="T19461">
        <v>9</v>
      </c>
      <c r="U19461">
        <v>9</v>
      </c>
      <c r="V19461">
        <v>9</v>
      </c>
      <c r="W19461">
        <v>9</v>
      </c>
      <c r="X19461">
        <v>10</v>
      </c>
      <c r="Y19461">
        <v>10</v>
      </c>
      <c r="Z19461">
        <v>10</v>
      </c>
      <c r="AA19461">
        <v>10</v>
      </c>
      <c r="AB19461">
        <v>10</v>
      </c>
      <c r="AC19461">
        <v>10</v>
      </c>
      <c r="AD19461">
        <v>10</v>
      </c>
      <c r="AE19461">
        <v>10</v>
      </c>
      <c r="AF19461">
        <v>10</v>
      </c>
      <c r="AG19461">
        <v>11</v>
      </c>
      <c r="AH19461">
        <v>11</v>
      </c>
      <c r="AI19461">
        <v>11</v>
      </c>
      <c r="AJ19461">
        <v>11</v>
      </c>
      <c r="AK19461">
        <v>11</v>
      </c>
      <c r="AL19461">
        <v>11</v>
      </c>
      <c r="AM19461">
        <v>11</v>
      </c>
      <c r="AN19461">
        <v>11</v>
      </c>
      <c r="AO19461">
        <v>11</v>
      </c>
      <c r="AP19461">
        <v>11</v>
      </c>
      <c r="AQ19461">
        <v>11</v>
      </c>
    </row>
    <row r="19462" spans="1:43">
      <c r="A19462" t="s">
        <v>12054</v>
      </c>
      <c r="B19462" t="s">
        <v>12055</v>
      </c>
      <c r="C19462" t="s">
        <v>12052</v>
      </c>
      <c r="D19462" t="s">
        <v>12053</v>
      </c>
      <c r="E19462" t="s">
        <v>12006</v>
      </c>
      <c r="F19462" t="s">
        <v>12007</v>
      </c>
      <c r="G19462" t="s">
        <v>10450</v>
      </c>
      <c r="H19462" t="s">
        <v>10451</v>
      </c>
      <c r="I19462" s="2">
        <v>1</v>
      </c>
      <c r="J19462" s="2">
        <v>0</v>
      </c>
      <c r="K19462" s="2">
        <v>0</v>
      </c>
      <c r="L19462" t="s">
        <v>120</v>
      </c>
      <c r="M19462" t="s">
        <v>83</v>
      </c>
      <c r="N19462" t="s">
        <v>84</v>
      </c>
      <c r="O19462" t="s">
        <v>85</v>
      </c>
      <c r="P19462" t="s">
        <v>86</v>
      </c>
      <c r="Q19462">
        <v>22</v>
      </c>
      <c r="R19462">
        <v>22</v>
      </c>
      <c r="S19462">
        <v>23</v>
      </c>
      <c r="T19462">
        <v>23</v>
      </c>
      <c r="U19462">
        <v>23</v>
      </c>
      <c r="V19462">
        <v>24</v>
      </c>
      <c r="W19462">
        <v>24</v>
      </c>
      <c r="X19462">
        <v>24</v>
      </c>
      <c r="Y19462">
        <v>24</v>
      </c>
      <c r="Z19462">
        <v>25</v>
      </c>
      <c r="AA19462">
        <v>25</v>
      </c>
      <c r="AB19462">
        <v>25</v>
      </c>
      <c r="AC19462">
        <v>26</v>
      </c>
      <c r="AD19462">
        <v>26</v>
      </c>
      <c r="AE19462">
        <v>26</v>
      </c>
      <c r="AF19462">
        <v>26</v>
      </c>
      <c r="AG19462">
        <v>27</v>
      </c>
      <c r="AH19462">
        <v>27</v>
      </c>
      <c r="AI19462">
        <v>27</v>
      </c>
      <c r="AJ19462">
        <v>28</v>
      </c>
      <c r="AK19462">
        <v>28</v>
      </c>
      <c r="AL19462">
        <v>28</v>
      </c>
      <c r="AM19462">
        <v>28</v>
      </c>
      <c r="AN19462">
        <v>28</v>
      </c>
      <c r="AO19462">
        <v>28</v>
      </c>
      <c r="AP19462">
        <v>28</v>
      </c>
      <c r="AQ19462">
        <v>28</v>
      </c>
    </row>
    <row r="19463" spans="1:43">
      <c r="A19463" t="s">
        <v>12054</v>
      </c>
      <c r="B19463" t="s">
        <v>12055</v>
      </c>
      <c r="C19463" t="s">
        <v>12052</v>
      </c>
      <c r="D19463" t="s">
        <v>12053</v>
      </c>
      <c r="E19463" t="s">
        <v>12006</v>
      </c>
      <c r="F19463" t="s">
        <v>12007</v>
      </c>
      <c r="G19463" t="s">
        <v>10450</v>
      </c>
      <c r="H19463" t="s">
        <v>10451</v>
      </c>
      <c r="I19463" s="2">
        <v>1</v>
      </c>
      <c r="J19463" s="2">
        <v>0</v>
      </c>
      <c r="K19463" s="2">
        <v>0</v>
      </c>
      <c r="L19463" t="s">
        <v>120</v>
      </c>
      <c r="M19463" t="s">
        <v>87</v>
      </c>
      <c r="N19463" t="s">
        <v>88</v>
      </c>
      <c r="O19463" t="s">
        <v>85</v>
      </c>
      <c r="P19463" t="s">
        <v>86</v>
      </c>
      <c r="Q19463">
        <v>22</v>
      </c>
      <c r="R19463">
        <v>22</v>
      </c>
      <c r="S19463">
        <v>22</v>
      </c>
      <c r="T19463">
        <v>22</v>
      </c>
      <c r="U19463">
        <v>22</v>
      </c>
      <c r="V19463">
        <v>22</v>
      </c>
      <c r="W19463">
        <v>22</v>
      </c>
      <c r="X19463">
        <v>23</v>
      </c>
      <c r="Y19463">
        <v>23</v>
      </c>
      <c r="Z19463">
        <v>23</v>
      </c>
      <c r="AA19463">
        <v>23</v>
      </c>
      <c r="AB19463">
        <v>23</v>
      </c>
      <c r="AC19463">
        <v>23</v>
      </c>
      <c r="AD19463">
        <v>23</v>
      </c>
      <c r="AE19463">
        <v>23</v>
      </c>
      <c r="AF19463">
        <v>23</v>
      </c>
      <c r="AG19463">
        <v>23</v>
      </c>
      <c r="AH19463">
        <v>24</v>
      </c>
      <c r="AI19463">
        <v>24</v>
      </c>
      <c r="AJ19463">
        <v>24</v>
      </c>
      <c r="AK19463">
        <v>24</v>
      </c>
      <c r="AL19463">
        <v>24</v>
      </c>
      <c r="AM19463">
        <v>24</v>
      </c>
      <c r="AN19463">
        <v>24</v>
      </c>
      <c r="AO19463">
        <v>24</v>
      </c>
      <c r="AP19463">
        <v>24</v>
      </c>
      <c r="AQ19463">
        <v>24</v>
      </c>
    </row>
    <row r="19464" spans="1:43">
      <c r="A19464" t="s">
        <v>12054</v>
      </c>
      <c r="B19464" t="s">
        <v>12055</v>
      </c>
      <c r="C19464" t="s">
        <v>12052</v>
      </c>
      <c r="D19464" t="s">
        <v>12053</v>
      </c>
      <c r="E19464" t="s">
        <v>12006</v>
      </c>
      <c r="F19464" t="s">
        <v>12007</v>
      </c>
      <c r="G19464" t="s">
        <v>10450</v>
      </c>
      <c r="H19464" t="s">
        <v>10451</v>
      </c>
      <c r="I19464" s="2">
        <v>1</v>
      </c>
      <c r="J19464" s="2">
        <v>0</v>
      </c>
      <c r="K19464" s="2">
        <v>0</v>
      </c>
      <c r="L19464" t="s">
        <v>120</v>
      </c>
      <c r="M19464" t="s">
        <v>89</v>
      </c>
      <c r="N19464" t="s">
        <v>90</v>
      </c>
      <c r="O19464" t="s">
        <v>85</v>
      </c>
      <c r="P19464" t="s">
        <v>86</v>
      </c>
      <c r="Q19464">
        <v>22</v>
      </c>
      <c r="R19464">
        <v>23</v>
      </c>
      <c r="S19464">
        <v>23</v>
      </c>
      <c r="T19464">
        <v>24</v>
      </c>
      <c r="U19464">
        <v>24</v>
      </c>
      <c r="V19464">
        <v>25</v>
      </c>
      <c r="W19464">
        <v>25</v>
      </c>
      <c r="X19464">
        <v>25</v>
      </c>
      <c r="Y19464">
        <v>26</v>
      </c>
      <c r="Z19464">
        <v>26</v>
      </c>
      <c r="AA19464">
        <v>27</v>
      </c>
      <c r="AB19464">
        <v>27</v>
      </c>
      <c r="AC19464">
        <v>27</v>
      </c>
      <c r="AD19464">
        <v>28</v>
      </c>
      <c r="AE19464">
        <v>28</v>
      </c>
      <c r="AF19464">
        <v>28</v>
      </c>
      <c r="AG19464">
        <v>28</v>
      </c>
      <c r="AH19464">
        <v>28</v>
      </c>
      <c r="AI19464">
        <v>28</v>
      </c>
      <c r="AJ19464">
        <v>28</v>
      </c>
      <c r="AK19464">
        <v>28</v>
      </c>
      <c r="AL19464">
        <v>28</v>
      </c>
      <c r="AM19464">
        <v>28</v>
      </c>
      <c r="AN19464">
        <v>28</v>
      </c>
      <c r="AO19464">
        <v>28</v>
      </c>
      <c r="AP19464">
        <v>28</v>
      </c>
      <c r="AQ19464">
        <v>28</v>
      </c>
    </row>
    <row r="19465" spans="1:43">
      <c r="A19465" t="s">
        <v>12054</v>
      </c>
      <c r="B19465" t="s">
        <v>12055</v>
      </c>
      <c r="C19465" t="s">
        <v>12052</v>
      </c>
      <c r="D19465" t="s">
        <v>12053</v>
      </c>
      <c r="E19465" t="s">
        <v>12006</v>
      </c>
      <c r="F19465" t="s">
        <v>12007</v>
      </c>
      <c r="G19465" t="s">
        <v>10450</v>
      </c>
      <c r="H19465" t="s">
        <v>10451</v>
      </c>
      <c r="I19465" s="2">
        <v>1</v>
      </c>
      <c r="J19465" s="2">
        <v>0</v>
      </c>
      <c r="K19465" s="2">
        <v>0</v>
      </c>
      <c r="L19465" t="s">
        <v>120</v>
      </c>
      <c r="M19465" t="s">
        <v>83</v>
      </c>
      <c r="N19465" t="s">
        <v>91</v>
      </c>
      <c r="O19465" t="s">
        <v>85</v>
      </c>
      <c r="P19465" t="s">
        <v>86</v>
      </c>
      <c r="Q19465">
        <v>22</v>
      </c>
      <c r="R19465">
        <v>22</v>
      </c>
      <c r="S19465">
        <v>23</v>
      </c>
      <c r="T19465">
        <v>23</v>
      </c>
      <c r="U19465">
        <v>23</v>
      </c>
      <c r="V19465">
        <v>24</v>
      </c>
      <c r="W19465">
        <v>24</v>
      </c>
      <c r="X19465">
        <v>24</v>
      </c>
      <c r="Y19465">
        <v>24</v>
      </c>
      <c r="Z19465">
        <v>25</v>
      </c>
      <c r="AA19465">
        <v>25</v>
      </c>
      <c r="AB19465">
        <v>25</v>
      </c>
      <c r="AC19465">
        <v>26</v>
      </c>
      <c r="AD19465">
        <v>26</v>
      </c>
      <c r="AE19465">
        <v>26</v>
      </c>
      <c r="AF19465">
        <v>26</v>
      </c>
      <c r="AG19465">
        <v>27</v>
      </c>
      <c r="AH19465">
        <v>27</v>
      </c>
      <c r="AI19465">
        <v>27</v>
      </c>
      <c r="AJ19465">
        <v>28</v>
      </c>
      <c r="AK19465">
        <v>28</v>
      </c>
      <c r="AL19465">
        <v>28</v>
      </c>
      <c r="AM19465">
        <v>28</v>
      </c>
      <c r="AN19465">
        <v>28</v>
      </c>
      <c r="AO19465">
        <v>28</v>
      </c>
      <c r="AP19465">
        <v>28</v>
      </c>
      <c r="AQ19465">
        <v>28</v>
      </c>
    </row>
    <row r="19466" spans="1:43">
      <c r="A19466" t="s">
        <v>12056</v>
      </c>
      <c r="B19466" t="s">
        <v>12057</v>
      </c>
      <c r="C19466" t="s">
        <v>12052</v>
      </c>
      <c r="D19466" t="s">
        <v>12053</v>
      </c>
      <c r="E19466" t="s">
        <v>12006</v>
      </c>
      <c r="F19466" t="s">
        <v>12007</v>
      </c>
      <c r="G19466" t="s">
        <v>10450</v>
      </c>
      <c r="H19466" t="s">
        <v>10451</v>
      </c>
      <c r="I19466" s="2">
        <v>1</v>
      </c>
      <c r="J19466" s="2">
        <v>0</v>
      </c>
      <c r="K19466" s="2">
        <v>0</v>
      </c>
      <c r="L19466" t="s">
        <v>120</v>
      </c>
      <c r="M19466" t="s">
        <v>83</v>
      </c>
      <c r="N19466" t="s">
        <v>84</v>
      </c>
      <c r="O19466" t="s">
        <v>85</v>
      </c>
      <c r="P19466" t="s">
        <v>86</v>
      </c>
      <c r="Q19466">
        <v>19</v>
      </c>
      <c r="R19466">
        <v>19</v>
      </c>
      <c r="S19466">
        <v>19</v>
      </c>
      <c r="T19466">
        <v>20</v>
      </c>
      <c r="U19466">
        <v>20</v>
      </c>
      <c r="V19466">
        <v>20</v>
      </c>
      <c r="W19466">
        <v>20</v>
      </c>
      <c r="X19466">
        <v>21</v>
      </c>
      <c r="Y19466">
        <v>21</v>
      </c>
      <c r="Z19466">
        <v>21</v>
      </c>
      <c r="AA19466">
        <v>21</v>
      </c>
      <c r="AB19466">
        <v>22</v>
      </c>
      <c r="AC19466">
        <v>22</v>
      </c>
      <c r="AD19466">
        <v>22</v>
      </c>
      <c r="AE19466">
        <v>22</v>
      </c>
      <c r="AF19466">
        <v>23</v>
      </c>
      <c r="AG19466">
        <v>23</v>
      </c>
      <c r="AH19466">
        <v>23</v>
      </c>
      <c r="AI19466">
        <v>23</v>
      </c>
      <c r="AJ19466">
        <v>24</v>
      </c>
      <c r="AK19466">
        <v>24</v>
      </c>
      <c r="AL19466">
        <v>24</v>
      </c>
      <c r="AM19466">
        <v>24</v>
      </c>
      <c r="AN19466">
        <v>24</v>
      </c>
      <c r="AO19466">
        <v>24</v>
      </c>
      <c r="AP19466">
        <v>24</v>
      </c>
      <c r="AQ19466">
        <v>24</v>
      </c>
    </row>
    <row r="19467" spans="1:43">
      <c r="A19467" t="s">
        <v>12056</v>
      </c>
      <c r="B19467" t="s">
        <v>12057</v>
      </c>
      <c r="C19467" t="s">
        <v>12052</v>
      </c>
      <c r="D19467" t="s">
        <v>12053</v>
      </c>
      <c r="E19467" t="s">
        <v>12006</v>
      </c>
      <c r="F19467" t="s">
        <v>12007</v>
      </c>
      <c r="G19467" t="s">
        <v>10450</v>
      </c>
      <c r="H19467" t="s">
        <v>10451</v>
      </c>
      <c r="I19467" s="2">
        <v>1</v>
      </c>
      <c r="J19467" s="2">
        <v>0</v>
      </c>
      <c r="K19467" s="2">
        <v>0</v>
      </c>
      <c r="L19467" t="s">
        <v>120</v>
      </c>
      <c r="M19467" t="s">
        <v>87</v>
      </c>
      <c r="N19467" t="s">
        <v>88</v>
      </c>
      <c r="O19467" t="s">
        <v>85</v>
      </c>
      <c r="P19467" t="s">
        <v>86</v>
      </c>
      <c r="Q19467">
        <v>19</v>
      </c>
      <c r="R19467">
        <v>19</v>
      </c>
      <c r="S19467">
        <v>19</v>
      </c>
      <c r="T19467">
        <v>19</v>
      </c>
      <c r="U19467">
        <v>19</v>
      </c>
      <c r="V19467">
        <v>19</v>
      </c>
      <c r="W19467">
        <v>19</v>
      </c>
      <c r="X19467">
        <v>19</v>
      </c>
      <c r="Y19467">
        <v>19</v>
      </c>
      <c r="Z19467">
        <v>20</v>
      </c>
      <c r="AA19467">
        <v>20</v>
      </c>
      <c r="AB19467">
        <v>20</v>
      </c>
      <c r="AC19467">
        <v>20</v>
      </c>
      <c r="AD19467">
        <v>20</v>
      </c>
      <c r="AE19467">
        <v>20</v>
      </c>
      <c r="AF19467">
        <v>20</v>
      </c>
      <c r="AG19467">
        <v>20</v>
      </c>
      <c r="AH19467">
        <v>20</v>
      </c>
      <c r="AI19467">
        <v>20</v>
      </c>
      <c r="AJ19467">
        <v>20</v>
      </c>
      <c r="AK19467">
        <v>20</v>
      </c>
      <c r="AL19467">
        <v>21</v>
      </c>
      <c r="AM19467">
        <v>21</v>
      </c>
      <c r="AN19467">
        <v>21</v>
      </c>
      <c r="AO19467">
        <v>21</v>
      </c>
      <c r="AP19467">
        <v>21</v>
      </c>
      <c r="AQ19467">
        <v>21</v>
      </c>
    </row>
    <row r="19468" spans="1:43">
      <c r="A19468" t="s">
        <v>12056</v>
      </c>
      <c r="B19468" t="s">
        <v>12057</v>
      </c>
      <c r="C19468" t="s">
        <v>12052</v>
      </c>
      <c r="D19468" t="s">
        <v>12053</v>
      </c>
      <c r="E19468" t="s">
        <v>12006</v>
      </c>
      <c r="F19468" t="s">
        <v>12007</v>
      </c>
      <c r="G19468" t="s">
        <v>10450</v>
      </c>
      <c r="H19468" t="s">
        <v>10451</v>
      </c>
      <c r="I19468" s="2">
        <v>1</v>
      </c>
      <c r="J19468" s="2">
        <v>0</v>
      </c>
      <c r="K19468" s="2">
        <v>0</v>
      </c>
      <c r="L19468" t="s">
        <v>120</v>
      </c>
      <c r="M19468" t="s">
        <v>89</v>
      </c>
      <c r="N19468" t="s">
        <v>90</v>
      </c>
      <c r="O19468" t="s">
        <v>85</v>
      </c>
      <c r="P19468" t="s">
        <v>86</v>
      </c>
      <c r="Q19468">
        <v>19</v>
      </c>
      <c r="R19468">
        <v>19</v>
      </c>
      <c r="S19468">
        <v>20</v>
      </c>
      <c r="T19468">
        <v>20</v>
      </c>
      <c r="U19468">
        <v>21</v>
      </c>
      <c r="V19468">
        <v>21</v>
      </c>
      <c r="W19468">
        <v>21</v>
      </c>
      <c r="X19468">
        <v>22</v>
      </c>
      <c r="Y19468">
        <v>22</v>
      </c>
      <c r="Z19468">
        <v>23</v>
      </c>
      <c r="AA19468">
        <v>23</v>
      </c>
      <c r="AB19468">
        <v>23</v>
      </c>
      <c r="AC19468">
        <v>24</v>
      </c>
      <c r="AD19468">
        <v>24</v>
      </c>
      <c r="AE19468">
        <v>24</v>
      </c>
      <c r="AF19468">
        <v>24</v>
      </c>
      <c r="AG19468">
        <v>24</v>
      </c>
      <c r="AH19468">
        <v>24</v>
      </c>
      <c r="AI19468">
        <v>24</v>
      </c>
      <c r="AJ19468">
        <v>24</v>
      </c>
      <c r="AK19468">
        <v>24</v>
      </c>
      <c r="AL19468">
        <v>24</v>
      </c>
      <c r="AM19468">
        <v>24</v>
      </c>
      <c r="AN19468">
        <v>24</v>
      </c>
      <c r="AO19468">
        <v>24</v>
      </c>
      <c r="AP19468">
        <v>24</v>
      </c>
      <c r="AQ19468">
        <v>24</v>
      </c>
    </row>
    <row r="19469" spans="1:43">
      <c r="A19469" t="s">
        <v>12056</v>
      </c>
      <c r="B19469" t="s">
        <v>12057</v>
      </c>
      <c r="C19469" t="s">
        <v>12052</v>
      </c>
      <c r="D19469" t="s">
        <v>12053</v>
      </c>
      <c r="E19469" t="s">
        <v>12006</v>
      </c>
      <c r="F19469" t="s">
        <v>12007</v>
      </c>
      <c r="G19469" t="s">
        <v>10450</v>
      </c>
      <c r="H19469" t="s">
        <v>10451</v>
      </c>
      <c r="I19469" s="2">
        <v>1</v>
      </c>
      <c r="J19469" s="2">
        <v>0</v>
      </c>
      <c r="K19469" s="2">
        <v>0</v>
      </c>
      <c r="L19469" t="s">
        <v>120</v>
      </c>
      <c r="M19469" t="s">
        <v>83</v>
      </c>
      <c r="N19469" t="s">
        <v>91</v>
      </c>
      <c r="O19469" t="s">
        <v>85</v>
      </c>
      <c r="P19469" t="s">
        <v>86</v>
      </c>
      <c r="Q19469">
        <v>19</v>
      </c>
      <c r="R19469">
        <v>19</v>
      </c>
      <c r="S19469">
        <v>19</v>
      </c>
      <c r="T19469">
        <v>20</v>
      </c>
      <c r="U19469">
        <v>20</v>
      </c>
      <c r="V19469">
        <v>20</v>
      </c>
      <c r="W19469">
        <v>20</v>
      </c>
      <c r="X19469">
        <v>21</v>
      </c>
      <c r="Y19469">
        <v>21</v>
      </c>
      <c r="Z19469">
        <v>21</v>
      </c>
      <c r="AA19469">
        <v>21</v>
      </c>
      <c r="AB19469">
        <v>22</v>
      </c>
      <c r="AC19469">
        <v>22</v>
      </c>
      <c r="AD19469">
        <v>22</v>
      </c>
      <c r="AE19469">
        <v>22</v>
      </c>
      <c r="AF19469">
        <v>23</v>
      </c>
      <c r="AG19469">
        <v>23</v>
      </c>
      <c r="AH19469">
        <v>23</v>
      </c>
      <c r="AI19469">
        <v>23</v>
      </c>
      <c r="AJ19469">
        <v>24</v>
      </c>
      <c r="AK19469">
        <v>24</v>
      </c>
      <c r="AL19469">
        <v>24</v>
      </c>
      <c r="AM19469">
        <v>24</v>
      </c>
      <c r="AN19469">
        <v>24</v>
      </c>
      <c r="AO19469">
        <v>24</v>
      </c>
      <c r="AP19469">
        <v>24</v>
      </c>
      <c r="AQ19469">
        <v>24</v>
      </c>
    </row>
    <row r="19470" spans="1:43">
      <c r="A19470" t="s">
        <v>12058</v>
      </c>
      <c r="B19470" t="s">
        <v>12059</v>
      </c>
      <c r="C19470" t="s">
        <v>12026</v>
      </c>
      <c r="D19470" t="s">
        <v>12027</v>
      </c>
      <c r="E19470" t="s">
        <v>12006</v>
      </c>
      <c r="F19470" t="s">
        <v>12007</v>
      </c>
      <c r="G19470" t="s">
        <v>10450</v>
      </c>
      <c r="H19470" t="s">
        <v>10451</v>
      </c>
      <c r="I19470" s="2">
        <v>1</v>
      </c>
      <c r="J19470" s="2">
        <v>0</v>
      </c>
      <c r="K19470" s="2">
        <v>0</v>
      </c>
      <c r="L19470" t="s">
        <v>120</v>
      </c>
      <c r="M19470" t="s">
        <v>83</v>
      </c>
      <c r="N19470" t="s">
        <v>84</v>
      </c>
      <c r="O19470" t="s">
        <v>85</v>
      </c>
      <c r="P19470" t="s">
        <v>86</v>
      </c>
      <c r="Q19470">
        <v>7</v>
      </c>
      <c r="R19470">
        <v>7</v>
      </c>
      <c r="S19470">
        <v>7</v>
      </c>
      <c r="T19470">
        <v>7</v>
      </c>
      <c r="U19470">
        <v>7</v>
      </c>
      <c r="V19470">
        <v>7</v>
      </c>
      <c r="W19470">
        <v>7</v>
      </c>
      <c r="X19470">
        <v>8</v>
      </c>
      <c r="Y19470">
        <v>8</v>
      </c>
      <c r="Z19470">
        <v>8</v>
      </c>
      <c r="AA19470">
        <v>8</v>
      </c>
      <c r="AB19470">
        <v>8</v>
      </c>
      <c r="AC19470">
        <v>8</v>
      </c>
      <c r="AD19470">
        <v>8</v>
      </c>
      <c r="AE19470">
        <v>8</v>
      </c>
      <c r="AF19470">
        <v>8</v>
      </c>
      <c r="AG19470">
        <v>8</v>
      </c>
      <c r="AH19470">
        <v>8</v>
      </c>
      <c r="AI19470">
        <v>9</v>
      </c>
      <c r="AJ19470">
        <v>9</v>
      </c>
      <c r="AK19470">
        <v>9</v>
      </c>
      <c r="AL19470">
        <v>9</v>
      </c>
      <c r="AM19470">
        <v>9</v>
      </c>
      <c r="AN19470">
        <v>9</v>
      </c>
      <c r="AO19470">
        <v>9</v>
      </c>
      <c r="AP19470">
        <v>9</v>
      </c>
      <c r="AQ19470">
        <v>9</v>
      </c>
    </row>
    <row r="19471" spans="1:43">
      <c r="A19471" t="s">
        <v>12058</v>
      </c>
      <c r="B19471" t="s">
        <v>12059</v>
      </c>
      <c r="C19471" t="s">
        <v>12026</v>
      </c>
      <c r="D19471" t="s">
        <v>12027</v>
      </c>
      <c r="E19471" t="s">
        <v>12006</v>
      </c>
      <c r="F19471" t="s">
        <v>12007</v>
      </c>
      <c r="G19471" t="s">
        <v>10450</v>
      </c>
      <c r="H19471" t="s">
        <v>10451</v>
      </c>
      <c r="I19471" s="2">
        <v>1</v>
      </c>
      <c r="J19471" s="2">
        <v>0</v>
      </c>
      <c r="K19471" s="2">
        <v>0</v>
      </c>
      <c r="L19471" t="s">
        <v>120</v>
      </c>
      <c r="M19471" t="s">
        <v>87</v>
      </c>
      <c r="N19471" t="s">
        <v>88</v>
      </c>
      <c r="O19471" t="s">
        <v>85</v>
      </c>
      <c r="P19471" t="s">
        <v>86</v>
      </c>
      <c r="Q19471">
        <v>7</v>
      </c>
      <c r="R19471">
        <v>7</v>
      </c>
      <c r="S19471">
        <v>7</v>
      </c>
      <c r="T19471">
        <v>7</v>
      </c>
      <c r="U19471">
        <v>7</v>
      </c>
      <c r="V19471">
        <v>7</v>
      </c>
      <c r="W19471">
        <v>7</v>
      </c>
      <c r="X19471">
        <v>7</v>
      </c>
      <c r="Y19471">
        <v>7</v>
      </c>
      <c r="Z19471">
        <v>7</v>
      </c>
      <c r="AA19471">
        <v>7</v>
      </c>
      <c r="AB19471">
        <v>7</v>
      </c>
      <c r="AC19471">
        <v>7</v>
      </c>
      <c r="AD19471">
        <v>7</v>
      </c>
      <c r="AE19471">
        <v>7</v>
      </c>
      <c r="AF19471">
        <v>7</v>
      </c>
      <c r="AG19471">
        <v>7</v>
      </c>
      <c r="AH19471">
        <v>7</v>
      </c>
      <c r="AI19471">
        <v>7</v>
      </c>
      <c r="AJ19471">
        <v>7</v>
      </c>
      <c r="AK19471">
        <v>7</v>
      </c>
      <c r="AL19471">
        <v>7</v>
      </c>
      <c r="AM19471">
        <v>7</v>
      </c>
      <c r="AN19471">
        <v>8</v>
      </c>
      <c r="AO19471">
        <v>8</v>
      </c>
      <c r="AP19471">
        <v>8</v>
      </c>
      <c r="AQ19471">
        <v>8</v>
      </c>
    </row>
    <row r="19472" spans="1:43">
      <c r="A19472" t="s">
        <v>12058</v>
      </c>
      <c r="B19472" t="s">
        <v>12059</v>
      </c>
      <c r="C19472" t="s">
        <v>12026</v>
      </c>
      <c r="D19472" t="s">
        <v>12027</v>
      </c>
      <c r="E19472" t="s">
        <v>12006</v>
      </c>
      <c r="F19472" t="s">
        <v>12007</v>
      </c>
      <c r="G19472" t="s">
        <v>10450</v>
      </c>
      <c r="H19472" t="s">
        <v>10451</v>
      </c>
      <c r="I19472" s="2">
        <v>1</v>
      </c>
      <c r="J19472" s="2">
        <v>0</v>
      </c>
      <c r="K19472" s="2">
        <v>0</v>
      </c>
      <c r="L19472" t="s">
        <v>120</v>
      </c>
      <c r="M19472" t="s">
        <v>89</v>
      </c>
      <c r="N19472" t="s">
        <v>90</v>
      </c>
      <c r="O19472" t="s">
        <v>85</v>
      </c>
      <c r="P19472" t="s">
        <v>86</v>
      </c>
      <c r="Q19472">
        <v>7</v>
      </c>
      <c r="R19472">
        <v>7</v>
      </c>
      <c r="S19472">
        <v>7</v>
      </c>
      <c r="T19472">
        <v>7</v>
      </c>
      <c r="U19472">
        <v>8</v>
      </c>
      <c r="V19472">
        <v>8</v>
      </c>
      <c r="W19472">
        <v>8</v>
      </c>
      <c r="X19472">
        <v>8</v>
      </c>
      <c r="Y19472">
        <v>8</v>
      </c>
      <c r="Z19472">
        <v>8</v>
      </c>
      <c r="AA19472">
        <v>8</v>
      </c>
      <c r="AB19472">
        <v>8</v>
      </c>
      <c r="AC19472">
        <v>9</v>
      </c>
      <c r="AD19472">
        <v>9</v>
      </c>
      <c r="AE19472">
        <v>9</v>
      </c>
      <c r="AF19472">
        <v>9</v>
      </c>
      <c r="AG19472">
        <v>9</v>
      </c>
      <c r="AH19472">
        <v>9</v>
      </c>
      <c r="AI19472">
        <v>9</v>
      </c>
      <c r="AJ19472">
        <v>9</v>
      </c>
      <c r="AK19472">
        <v>9</v>
      </c>
      <c r="AL19472">
        <v>9</v>
      </c>
      <c r="AM19472">
        <v>9</v>
      </c>
      <c r="AN19472">
        <v>9</v>
      </c>
      <c r="AO19472">
        <v>9</v>
      </c>
      <c r="AP19472">
        <v>9</v>
      </c>
      <c r="AQ19472">
        <v>9</v>
      </c>
    </row>
    <row r="19473" spans="1:43">
      <c r="A19473" t="s">
        <v>12058</v>
      </c>
      <c r="B19473" t="s">
        <v>12059</v>
      </c>
      <c r="C19473" t="s">
        <v>12026</v>
      </c>
      <c r="D19473" t="s">
        <v>12027</v>
      </c>
      <c r="E19473" t="s">
        <v>12006</v>
      </c>
      <c r="F19473" t="s">
        <v>12007</v>
      </c>
      <c r="G19473" t="s">
        <v>10450</v>
      </c>
      <c r="H19473" t="s">
        <v>10451</v>
      </c>
      <c r="I19473" s="2">
        <v>1</v>
      </c>
      <c r="J19473" s="2">
        <v>0</v>
      </c>
      <c r="K19473" s="2">
        <v>0</v>
      </c>
      <c r="L19473" t="s">
        <v>120</v>
      </c>
      <c r="M19473" t="s">
        <v>83</v>
      </c>
      <c r="N19473" t="s">
        <v>91</v>
      </c>
      <c r="O19473" t="s">
        <v>85</v>
      </c>
      <c r="P19473" t="s">
        <v>86</v>
      </c>
      <c r="Q19473">
        <v>7</v>
      </c>
      <c r="R19473">
        <v>7</v>
      </c>
      <c r="S19473">
        <v>7</v>
      </c>
      <c r="T19473">
        <v>7</v>
      </c>
      <c r="U19473">
        <v>7</v>
      </c>
      <c r="V19473">
        <v>7</v>
      </c>
      <c r="W19473">
        <v>7</v>
      </c>
      <c r="X19473">
        <v>8</v>
      </c>
      <c r="Y19473">
        <v>8</v>
      </c>
      <c r="Z19473">
        <v>8</v>
      </c>
      <c r="AA19473">
        <v>8</v>
      </c>
      <c r="AB19473">
        <v>8</v>
      </c>
      <c r="AC19473">
        <v>8</v>
      </c>
      <c r="AD19473">
        <v>8</v>
      </c>
      <c r="AE19473">
        <v>8</v>
      </c>
      <c r="AF19473">
        <v>8</v>
      </c>
      <c r="AG19473">
        <v>8</v>
      </c>
      <c r="AH19473">
        <v>8</v>
      </c>
      <c r="AI19473">
        <v>9</v>
      </c>
      <c r="AJ19473">
        <v>9</v>
      </c>
      <c r="AK19473">
        <v>9</v>
      </c>
      <c r="AL19473">
        <v>9</v>
      </c>
      <c r="AM19473">
        <v>9</v>
      </c>
      <c r="AN19473">
        <v>9</v>
      </c>
      <c r="AO19473">
        <v>9</v>
      </c>
      <c r="AP19473">
        <v>9</v>
      </c>
      <c r="AQ19473">
        <v>9</v>
      </c>
    </row>
    <row r="19474" spans="1:43">
      <c r="A19474" t="s">
        <v>12060</v>
      </c>
      <c r="B19474" t="s">
        <v>12061</v>
      </c>
      <c r="C19474" t="s">
        <v>12026</v>
      </c>
      <c r="D19474" t="s">
        <v>12027</v>
      </c>
      <c r="E19474" t="s">
        <v>12006</v>
      </c>
      <c r="F19474" t="s">
        <v>12007</v>
      </c>
      <c r="G19474" t="s">
        <v>10450</v>
      </c>
      <c r="H19474" t="s">
        <v>10451</v>
      </c>
      <c r="I19474" s="2">
        <v>1</v>
      </c>
      <c r="J19474" s="2">
        <v>0</v>
      </c>
      <c r="K19474" s="2">
        <v>0</v>
      </c>
      <c r="L19474" t="s">
        <v>120</v>
      </c>
      <c r="M19474" t="s">
        <v>83</v>
      </c>
      <c r="N19474" t="s">
        <v>84</v>
      </c>
      <c r="O19474" t="s">
        <v>85</v>
      </c>
      <c r="P19474" t="s">
        <v>86</v>
      </c>
      <c r="Q19474">
        <v>25</v>
      </c>
      <c r="R19474">
        <v>26</v>
      </c>
      <c r="S19474">
        <v>26</v>
      </c>
      <c r="T19474">
        <v>26</v>
      </c>
      <c r="U19474">
        <v>27</v>
      </c>
      <c r="V19474">
        <v>27</v>
      </c>
      <c r="W19474">
        <v>27</v>
      </c>
      <c r="X19474">
        <v>28</v>
      </c>
      <c r="Y19474">
        <v>28</v>
      </c>
      <c r="Z19474">
        <v>28</v>
      </c>
      <c r="AA19474">
        <v>29</v>
      </c>
      <c r="AB19474">
        <v>29</v>
      </c>
      <c r="AC19474">
        <v>29</v>
      </c>
      <c r="AD19474">
        <v>30</v>
      </c>
      <c r="AE19474">
        <v>30</v>
      </c>
      <c r="AF19474">
        <v>30</v>
      </c>
      <c r="AG19474">
        <v>31</v>
      </c>
      <c r="AH19474">
        <v>31</v>
      </c>
      <c r="AI19474">
        <v>31</v>
      </c>
      <c r="AJ19474">
        <v>32</v>
      </c>
      <c r="AK19474">
        <v>32</v>
      </c>
      <c r="AL19474">
        <v>32</v>
      </c>
      <c r="AM19474">
        <v>32</v>
      </c>
      <c r="AN19474">
        <v>32</v>
      </c>
      <c r="AO19474">
        <v>32</v>
      </c>
      <c r="AP19474">
        <v>32</v>
      </c>
      <c r="AQ19474">
        <v>32</v>
      </c>
    </row>
    <row r="19475" spans="1:43">
      <c r="A19475" t="s">
        <v>12060</v>
      </c>
      <c r="B19475" t="s">
        <v>12061</v>
      </c>
      <c r="C19475" t="s">
        <v>12026</v>
      </c>
      <c r="D19475" t="s">
        <v>12027</v>
      </c>
      <c r="E19475" t="s">
        <v>12006</v>
      </c>
      <c r="F19475" t="s">
        <v>12007</v>
      </c>
      <c r="G19475" t="s">
        <v>10450</v>
      </c>
      <c r="H19475" t="s">
        <v>10451</v>
      </c>
      <c r="I19475" s="2">
        <v>1</v>
      </c>
      <c r="J19475" s="2">
        <v>0</v>
      </c>
      <c r="K19475" s="2">
        <v>0</v>
      </c>
      <c r="L19475" t="s">
        <v>120</v>
      </c>
      <c r="M19475" t="s">
        <v>87</v>
      </c>
      <c r="N19475" t="s">
        <v>88</v>
      </c>
      <c r="O19475" t="s">
        <v>85</v>
      </c>
      <c r="P19475" t="s">
        <v>86</v>
      </c>
      <c r="Q19475">
        <v>25</v>
      </c>
      <c r="R19475">
        <v>25</v>
      </c>
      <c r="S19475">
        <v>25</v>
      </c>
      <c r="T19475">
        <v>25</v>
      </c>
      <c r="U19475">
        <v>26</v>
      </c>
      <c r="V19475">
        <v>26</v>
      </c>
      <c r="W19475">
        <v>26</v>
      </c>
      <c r="X19475">
        <v>26</v>
      </c>
      <c r="Y19475">
        <v>26</v>
      </c>
      <c r="Z19475">
        <v>26</v>
      </c>
      <c r="AA19475">
        <v>26</v>
      </c>
      <c r="AB19475">
        <v>26</v>
      </c>
      <c r="AC19475">
        <v>26</v>
      </c>
      <c r="AD19475">
        <v>27</v>
      </c>
      <c r="AE19475">
        <v>27</v>
      </c>
      <c r="AF19475">
        <v>27</v>
      </c>
      <c r="AG19475">
        <v>27</v>
      </c>
      <c r="AH19475">
        <v>27</v>
      </c>
      <c r="AI19475">
        <v>27</v>
      </c>
      <c r="AJ19475">
        <v>27</v>
      </c>
      <c r="AK19475">
        <v>27</v>
      </c>
      <c r="AL19475">
        <v>27</v>
      </c>
      <c r="AM19475">
        <v>28</v>
      </c>
      <c r="AN19475">
        <v>28</v>
      </c>
      <c r="AO19475">
        <v>28</v>
      </c>
      <c r="AP19475">
        <v>28</v>
      </c>
      <c r="AQ19475">
        <v>28</v>
      </c>
    </row>
    <row r="19476" spans="1:43">
      <c r="A19476" t="s">
        <v>12060</v>
      </c>
      <c r="B19476" t="s">
        <v>12061</v>
      </c>
      <c r="C19476" t="s">
        <v>12026</v>
      </c>
      <c r="D19476" t="s">
        <v>12027</v>
      </c>
      <c r="E19476" t="s">
        <v>12006</v>
      </c>
      <c r="F19476" t="s">
        <v>12007</v>
      </c>
      <c r="G19476" t="s">
        <v>10450</v>
      </c>
      <c r="H19476" t="s">
        <v>10451</v>
      </c>
      <c r="I19476" s="2">
        <v>1</v>
      </c>
      <c r="J19476" s="2">
        <v>0</v>
      </c>
      <c r="K19476" s="2">
        <v>0</v>
      </c>
      <c r="L19476" t="s">
        <v>120</v>
      </c>
      <c r="M19476" t="s">
        <v>89</v>
      </c>
      <c r="N19476" t="s">
        <v>90</v>
      </c>
      <c r="O19476" t="s">
        <v>85</v>
      </c>
      <c r="P19476" t="s">
        <v>86</v>
      </c>
      <c r="Q19476">
        <v>25</v>
      </c>
      <c r="R19476">
        <v>25</v>
      </c>
      <c r="S19476">
        <v>26</v>
      </c>
      <c r="T19476">
        <v>26</v>
      </c>
      <c r="U19476">
        <v>27</v>
      </c>
      <c r="V19476">
        <v>27</v>
      </c>
      <c r="W19476">
        <v>28</v>
      </c>
      <c r="X19476">
        <v>28</v>
      </c>
      <c r="Y19476">
        <v>29</v>
      </c>
      <c r="Z19476">
        <v>29</v>
      </c>
      <c r="AA19476">
        <v>30</v>
      </c>
      <c r="AB19476">
        <v>30</v>
      </c>
      <c r="AC19476">
        <v>31</v>
      </c>
      <c r="AD19476">
        <v>31</v>
      </c>
      <c r="AE19476">
        <v>31</v>
      </c>
      <c r="AF19476">
        <v>31</v>
      </c>
      <c r="AG19476">
        <v>31</v>
      </c>
      <c r="AH19476">
        <v>31</v>
      </c>
      <c r="AI19476">
        <v>31</v>
      </c>
      <c r="AJ19476">
        <v>31</v>
      </c>
      <c r="AK19476">
        <v>31</v>
      </c>
      <c r="AL19476">
        <v>31</v>
      </c>
      <c r="AM19476">
        <v>31</v>
      </c>
      <c r="AN19476">
        <v>31</v>
      </c>
      <c r="AO19476">
        <v>31</v>
      </c>
      <c r="AP19476">
        <v>31</v>
      </c>
      <c r="AQ19476">
        <v>31</v>
      </c>
    </row>
    <row r="19477" spans="1:43">
      <c r="A19477" t="s">
        <v>12060</v>
      </c>
      <c r="B19477" t="s">
        <v>12061</v>
      </c>
      <c r="C19477" t="s">
        <v>12026</v>
      </c>
      <c r="D19477" t="s">
        <v>12027</v>
      </c>
      <c r="E19477" t="s">
        <v>12006</v>
      </c>
      <c r="F19477" t="s">
        <v>12007</v>
      </c>
      <c r="G19477" t="s">
        <v>10450</v>
      </c>
      <c r="H19477" t="s">
        <v>10451</v>
      </c>
      <c r="I19477" s="2">
        <v>1</v>
      </c>
      <c r="J19477" s="2">
        <v>0</v>
      </c>
      <c r="K19477" s="2">
        <v>0</v>
      </c>
      <c r="L19477" t="s">
        <v>120</v>
      </c>
      <c r="M19477" t="s">
        <v>83</v>
      </c>
      <c r="N19477" t="s">
        <v>91</v>
      </c>
      <c r="O19477" t="s">
        <v>85</v>
      </c>
      <c r="P19477" t="s">
        <v>86</v>
      </c>
      <c r="Q19477">
        <v>25</v>
      </c>
      <c r="R19477">
        <v>26</v>
      </c>
      <c r="S19477">
        <v>26</v>
      </c>
      <c r="T19477">
        <v>26</v>
      </c>
      <c r="U19477">
        <v>27</v>
      </c>
      <c r="V19477">
        <v>27</v>
      </c>
      <c r="W19477">
        <v>27</v>
      </c>
      <c r="X19477">
        <v>28</v>
      </c>
      <c r="Y19477">
        <v>28</v>
      </c>
      <c r="Z19477">
        <v>28</v>
      </c>
      <c r="AA19477">
        <v>29</v>
      </c>
      <c r="AB19477">
        <v>29</v>
      </c>
      <c r="AC19477">
        <v>29</v>
      </c>
      <c r="AD19477">
        <v>30</v>
      </c>
      <c r="AE19477">
        <v>30</v>
      </c>
      <c r="AF19477">
        <v>30</v>
      </c>
      <c r="AG19477">
        <v>31</v>
      </c>
      <c r="AH19477">
        <v>31</v>
      </c>
      <c r="AI19477">
        <v>31</v>
      </c>
      <c r="AJ19477">
        <v>32</v>
      </c>
      <c r="AK19477">
        <v>32</v>
      </c>
      <c r="AL19477">
        <v>32</v>
      </c>
      <c r="AM19477">
        <v>32</v>
      </c>
      <c r="AN19477">
        <v>32</v>
      </c>
      <c r="AO19477">
        <v>32</v>
      </c>
      <c r="AP19477">
        <v>32</v>
      </c>
      <c r="AQ19477">
        <v>32</v>
      </c>
    </row>
    <row r="19478" spans="1:43">
      <c r="A19478" t="s">
        <v>12062</v>
      </c>
      <c r="B19478" t="s">
        <v>12063</v>
      </c>
      <c r="C19478" t="s">
        <v>12064</v>
      </c>
      <c r="D19478" t="s">
        <v>12065</v>
      </c>
      <c r="E19478" t="s">
        <v>12006</v>
      </c>
      <c r="F19478" t="s">
        <v>12007</v>
      </c>
      <c r="G19478" t="s">
        <v>10450</v>
      </c>
      <c r="H19478" t="s">
        <v>10451</v>
      </c>
      <c r="I19478" s="2">
        <v>1</v>
      </c>
      <c r="J19478" s="2">
        <v>0</v>
      </c>
      <c r="K19478" s="2">
        <v>0</v>
      </c>
      <c r="L19478" t="s">
        <v>120</v>
      </c>
      <c r="M19478" t="s">
        <v>83</v>
      </c>
      <c r="N19478" t="s">
        <v>84</v>
      </c>
      <c r="O19478" t="s">
        <v>85</v>
      </c>
      <c r="P19478" t="s">
        <v>86</v>
      </c>
      <c r="Q19478">
        <v>49</v>
      </c>
      <c r="R19478">
        <v>49</v>
      </c>
      <c r="S19478">
        <v>50</v>
      </c>
      <c r="T19478">
        <v>51</v>
      </c>
      <c r="U19478">
        <v>51</v>
      </c>
      <c r="V19478">
        <v>52</v>
      </c>
      <c r="W19478">
        <v>53</v>
      </c>
      <c r="X19478">
        <v>53</v>
      </c>
      <c r="Y19478">
        <v>54</v>
      </c>
      <c r="Z19478">
        <v>55</v>
      </c>
      <c r="AA19478">
        <v>55</v>
      </c>
      <c r="AB19478">
        <v>56</v>
      </c>
      <c r="AC19478">
        <v>57</v>
      </c>
      <c r="AD19478">
        <v>57</v>
      </c>
      <c r="AE19478">
        <v>58</v>
      </c>
      <c r="AF19478">
        <v>59</v>
      </c>
      <c r="AG19478">
        <v>59</v>
      </c>
      <c r="AH19478">
        <v>60</v>
      </c>
      <c r="AI19478">
        <v>61</v>
      </c>
      <c r="AJ19478">
        <v>61</v>
      </c>
      <c r="AK19478">
        <v>62</v>
      </c>
      <c r="AL19478">
        <v>62</v>
      </c>
      <c r="AM19478">
        <v>62</v>
      </c>
      <c r="AN19478">
        <v>62</v>
      </c>
      <c r="AO19478">
        <v>62</v>
      </c>
      <c r="AP19478">
        <v>62</v>
      </c>
      <c r="AQ19478">
        <v>62</v>
      </c>
    </row>
    <row r="19479" spans="1:43">
      <c r="A19479" t="s">
        <v>12062</v>
      </c>
      <c r="B19479" t="s">
        <v>12063</v>
      </c>
      <c r="C19479" t="s">
        <v>12064</v>
      </c>
      <c r="D19479" t="s">
        <v>12065</v>
      </c>
      <c r="E19479" t="s">
        <v>12006</v>
      </c>
      <c r="F19479" t="s">
        <v>12007</v>
      </c>
      <c r="G19479" t="s">
        <v>10450</v>
      </c>
      <c r="H19479" t="s">
        <v>10451</v>
      </c>
      <c r="I19479" s="2">
        <v>1</v>
      </c>
      <c r="J19479" s="2">
        <v>0</v>
      </c>
      <c r="K19479" s="2">
        <v>0</v>
      </c>
      <c r="L19479" t="s">
        <v>120</v>
      </c>
      <c r="M19479" t="s">
        <v>87</v>
      </c>
      <c r="N19479" t="s">
        <v>88</v>
      </c>
      <c r="O19479" t="s">
        <v>85</v>
      </c>
      <c r="P19479" t="s">
        <v>86</v>
      </c>
      <c r="Q19479">
        <v>49</v>
      </c>
      <c r="R19479">
        <v>49</v>
      </c>
      <c r="S19479">
        <v>50</v>
      </c>
      <c r="T19479">
        <v>50</v>
      </c>
      <c r="U19479">
        <v>50</v>
      </c>
      <c r="V19479">
        <v>50</v>
      </c>
      <c r="W19479">
        <v>51</v>
      </c>
      <c r="X19479">
        <v>51</v>
      </c>
      <c r="Y19479">
        <v>51</v>
      </c>
      <c r="Z19479">
        <v>51</v>
      </c>
      <c r="AA19479">
        <v>52</v>
      </c>
      <c r="AB19479">
        <v>52</v>
      </c>
      <c r="AC19479">
        <v>52</v>
      </c>
      <c r="AD19479">
        <v>52</v>
      </c>
      <c r="AE19479">
        <v>52</v>
      </c>
      <c r="AF19479">
        <v>53</v>
      </c>
      <c r="AG19479">
        <v>53</v>
      </c>
      <c r="AH19479">
        <v>53</v>
      </c>
      <c r="AI19479">
        <v>53</v>
      </c>
      <c r="AJ19479">
        <v>53</v>
      </c>
      <c r="AK19479">
        <v>54</v>
      </c>
      <c r="AL19479">
        <v>54</v>
      </c>
      <c r="AM19479">
        <v>54</v>
      </c>
      <c r="AN19479">
        <v>54</v>
      </c>
      <c r="AO19479">
        <v>54</v>
      </c>
      <c r="AP19479">
        <v>55</v>
      </c>
      <c r="AQ19479">
        <v>55</v>
      </c>
    </row>
    <row r="19480" spans="1:43">
      <c r="A19480" t="s">
        <v>12062</v>
      </c>
      <c r="B19480" t="s">
        <v>12063</v>
      </c>
      <c r="C19480" t="s">
        <v>12064</v>
      </c>
      <c r="D19480" t="s">
        <v>12065</v>
      </c>
      <c r="E19480" t="s">
        <v>12006</v>
      </c>
      <c r="F19480" t="s">
        <v>12007</v>
      </c>
      <c r="G19480" t="s">
        <v>10450</v>
      </c>
      <c r="H19480" t="s">
        <v>10451</v>
      </c>
      <c r="I19480" s="2">
        <v>1</v>
      </c>
      <c r="J19480" s="2">
        <v>0</v>
      </c>
      <c r="K19480" s="2">
        <v>0</v>
      </c>
      <c r="L19480" t="s">
        <v>120</v>
      </c>
      <c r="M19480" t="s">
        <v>89</v>
      </c>
      <c r="N19480" t="s">
        <v>90</v>
      </c>
      <c r="O19480" t="s">
        <v>85</v>
      </c>
      <c r="P19480" t="s">
        <v>86</v>
      </c>
      <c r="Q19480">
        <v>49</v>
      </c>
      <c r="R19480">
        <v>50</v>
      </c>
      <c r="S19480">
        <v>51</v>
      </c>
      <c r="T19480">
        <v>52</v>
      </c>
      <c r="U19480">
        <v>53</v>
      </c>
      <c r="V19480">
        <v>54</v>
      </c>
      <c r="W19480">
        <v>55</v>
      </c>
      <c r="X19480">
        <v>56</v>
      </c>
      <c r="Y19480">
        <v>57</v>
      </c>
      <c r="Z19480">
        <v>58</v>
      </c>
      <c r="AA19480">
        <v>59</v>
      </c>
      <c r="AB19480">
        <v>60</v>
      </c>
      <c r="AC19480">
        <v>61</v>
      </c>
      <c r="AD19480">
        <v>62</v>
      </c>
      <c r="AE19480">
        <v>62</v>
      </c>
      <c r="AF19480">
        <v>62</v>
      </c>
      <c r="AG19480">
        <v>62</v>
      </c>
      <c r="AH19480">
        <v>62</v>
      </c>
      <c r="AI19480">
        <v>62</v>
      </c>
      <c r="AJ19480">
        <v>62</v>
      </c>
      <c r="AK19480">
        <v>63</v>
      </c>
      <c r="AL19480">
        <v>63</v>
      </c>
      <c r="AM19480">
        <v>63</v>
      </c>
      <c r="AN19480">
        <v>63</v>
      </c>
      <c r="AO19480">
        <v>63</v>
      </c>
      <c r="AP19480">
        <v>63</v>
      </c>
      <c r="AQ19480">
        <v>62</v>
      </c>
    </row>
    <row r="19481" spans="1:43">
      <c r="A19481" t="s">
        <v>12062</v>
      </c>
      <c r="B19481" t="s">
        <v>12063</v>
      </c>
      <c r="C19481" t="s">
        <v>12064</v>
      </c>
      <c r="D19481" t="s">
        <v>12065</v>
      </c>
      <c r="E19481" t="s">
        <v>12006</v>
      </c>
      <c r="F19481" t="s">
        <v>12007</v>
      </c>
      <c r="G19481" t="s">
        <v>10450</v>
      </c>
      <c r="H19481" t="s">
        <v>10451</v>
      </c>
      <c r="I19481" s="2">
        <v>1</v>
      </c>
      <c r="J19481" s="2">
        <v>0</v>
      </c>
      <c r="K19481" s="2">
        <v>0</v>
      </c>
      <c r="L19481" t="s">
        <v>120</v>
      </c>
      <c r="M19481" t="s">
        <v>83</v>
      </c>
      <c r="N19481" t="s">
        <v>91</v>
      </c>
      <c r="O19481" t="s">
        <v>85</v>
      </c>
      <c r="P19481" t="s">
        <v>86</v>
      </c>
      <c r="Q19481">
        <v>49</v>
      </c>
      <c r="R19481">
        <v>49</v>
      </c>
      <c r="S19481">
        <v>50</v>
      </c>
      <c r="T19481">
        <v>51</v>
      </c>
      <c r="U19481">
        <v>51</v>
      </c>
      <c r="V19481">
        <v>52</v>
      </c>
      <c r="W19481">
        <v>53</v>
      </c>
      <c r="X19481">
        <v>53</v>
      </c>
      <c r="Y19481">
        <v>54</v>
      </c>
      <c r="Z19481">
        <v>55</v>
      </c>
      <c r="AA19481">
        <v>55</v>
      </c>
      <c r="AB19481">
        <v>56</v>
      </c>
      <c r="AC19481">
        <v>57</v>
      </c>
      <c r="AD19481">
        <v>57</v>
      </c>
      <c r="AE19481">
        <v>58</v>
      </c>
      <c r="AF19481">
        <v>59</v>
      </c>
      <c r="AG19481">
        <v>59</v>
      </c>
      <c r="AH19481">
        <v>60</v>
      </c>
      <c r="AI19481">
        <v>61</v>
      </c>
      <c r="AJ19481">
        <v>61</v>
      </c>
      <c r="AK19481">
        <v>62</v>
      </c>
      <c r="AL19481">
        <v>62</v>
      </c>
      <c r="AM19481">
        <v>62</v>
      </c>
      <c r="AN19481">
        <v>62</v>
      </c>
      <c r="AO19481">
        <v>62</v>
      </c>
      <c r="AP19481">
        <v>62</v>
      </c>
      <c r="AQ19481">
        <v>62</v>
      </c>
    </row>
    <row r="19482" spans="1:43">
      <c r="A19482" t="s">
        <v>12066</v>
      </c>
      <c r="B19482" t="s">
        <v>12067</v>
      </c>
      <c r="C19482" t="s">
        <v>12068</v>
      </c>
      <c r="D19482" t="s">
        <v>12069</v>
      </c>
      <c r="E19482" t="s">
        <v>12006</v>
      </c>
      <c r="F19482" t="s">
        <v>12007</v>
      </c>
      <c r="G19482" t="s">
        <v>10450</v>
      </c>
      <c r="H19482" t="s">
        <v>10451</v>
      </c>
      <c r="I19482" s="2">
        <v>1</v>
      </c>
      <c r="J19482" s="2">
        <v>0</v>
      </c>
      <c r="K19482" s="2">
        <v>0</v>
      </c>
      <c r="L19482" t="s">
        <v>120</v>
      </c>
      <c r="M19482" t="s">
        <v>83</v>
      </c>
      <c r="N19482" t="s">
        <v>84</v>
      </c>
      <c r="O19482" t="s">
        <v>85</v>
      </c>
      <c r="P19482" t="s">
        <v>86</v>
      </c>
      <c r="Q19482">
        <v>19</v>
      </c>
      <c r="R19482">
        <v>19</v>
      </c>
      <c r="S19482">
        <v>20</v>
      </c>
      <c r="T19482">
        <v>20</v>
      </c>
      <c r="U19482">
        <v>20</v>
      </c>
      <c r="V19482">
        <v>21</v>
      </c>
      <c r="W19482">
        <v>21</v>
      </c>
      <c r="X19482">
        <v>21</v>
      </c>
      <c r="Y19482">
        <v>21</v>
      </c>
      <c r="Z19482">
        <v>22</v>
      </c>
      <c r="AA19482">
        <v>22</v>
      </c>
      <c r="AB19482">
        <v>22</v>
      </c>
      <c r="AC19482">
        <v>22</v>
      </c>
      <c r="AD19482">
        <v>23</v>
      </c>
      <c r="AE19482">
        <v>23</v>
      </c>
      <c r="AF19482">
        <v>23</v>
      </c>
      <c r="AG19482">
        <v>23</v>
      </c>
      <c r="AH19482">
        <v>24</v>
      </c>
      <c r="AI19482">
        <v>24</v>
      </c>
      <c r="AJ19482">
        <v>24</v>
      </c>
      <c r="AK19482">
        <v>24</v>
      </c>
      <c r="AL19482">
        <v>24</v>
      </c>
      <c r="AM19482">
        <v>24</v>
      </c>
      <c r="AN19482">
        <v>24</v>
      </c>
      <c r="AO19482">
        <v>24</v>
      </c>
      <c r="AP19482">
        <v>24</v>
      </c>
      <c r="AQ19482">
        <v>24</v>
      </c>
    </row>
    <row r="19483" spans="1:43">
      <c r="A19483" t="s">
        <v>12066</v>
      </c>
      <c r="B19483" t="s">
        <v>12067</v>
      </c>
      <c r="C19483" t="s">
        <v>12068</v>
      </c>
      <c r="D19483" t="s">
        <v>12069</v>
      </c>
      <c r="E19483" t="s">
        <v>12006</v>
      </c>
      <c r="F19483" t="s">
        <v>12007</v>
      </c>
      <c r="G19483" t="s">
        <v>10450</v>
      </c>
      <c r="H19483" t="s">
        <v>10451</v>
      </c>
      <c r="I19483" s="2">
        <v>1</v>
      </c>
      <c r="J19483" s="2">
        <v>0</v>
      </c>
      <c r="K19483" s="2">
        <v>0</v>
      </c>
      <c r="L19483" t="s">
        <v>120</v>
      </c>
      <c r="M19483" t="s">
        <v>87</v>
      </c>
      <c r="N19483" t="s">
        <v>88</v>
      </c>
      <c r="O19483" t="s">
        <v>85</v>
      </c>
      <c r="P19483" t="s">
        <v>86</v>
      </c>
      <c r="Q19483">
        <v>19</v>
      </c>
      <c r="R19483">
        <v>19</v>
      </c>
      <c r="S19483">
        <v>19</v>
      </c>
      <c r="T19483">
        <v>19</v>
      </c>
      <c r="U19483">
        <v>19</v>
      </c>
      <c r="V19483">
        <v>19</v>
      </c>
      <c r="W19483">
        <v>20</v>
      </c>
      <c r="X19483">
        <v>20</v>
      </c>
      <c r="Y19483">
        <v>20</v>
      </c>
      <c r="Z19483">
        <v>20</v>
      </c>
      <c r="AA19483">
        <v>20</v>
      </c>
      <c r="AB19483">
        <v>20</v>
      </c>
      <c r="AC19483">
        <v>20</v>
      </c>
      <c r="AD19483">
        <v>20</v>
      </c>
      <c r="AE19483">
        <v>20</v>
      </c>
      <c r="AF19483">
        <v>20</v>
      </c>
      <c r="AG19483">
        <v>20</v>
      </c>
      <c r="AH19483">
        <v>20</v>
      </c>
      <c r="AI19483">
        <v>21</v>
      </c>
      <c r="AJ19483">
        <v>21</v>
      </c>
      <c r="AK19483">
        <v>21</v>
      </c>
      <c r="AL19483">
        <v>21</v>
      </c>
      <c r="AM19483">
        <v>21</v>
      </c>
      <c r="AN19483">
        <v>21</v>
      </c>
      <c r="AO19483">
        <v>21</v>
      </c>
      <c r="AP19483">
        <v>21</v>
      </c>
      <c r="AQ19483">
        <v>21</v>
      </c>
    </row>
    <row r="19484" spans="1:43">
      <c r="A19484" t="s">
        <v>12066</v>
      </c>
      <c r="B19484" t="s">
        <v>12067</v>
      </c>
      <c r="C19484" t="s">
        <v>12068</v>
      </c>
      <c r="D19484" t="s">
        <v>12069</v>
      </c>
      <c r="E19484" t="s">
        <v>12006</v>
      </c>
      <c r="F19484" t="s">
        <v>12007</v>
      </c>
      <c r="G19484" t="s">
        <v>10450</v>
      </c>
      <c r="H19484" t="s">
        <v>10451</v>
      </c>
      <c r="I19484" s="2">
        <v>1</v>
      </c>
      <c r="J19484" s="2">
        <v>0</v>
      </c>
      <c r="K19484" s="2">
        <v>0</v>
      </c>
      <c r="L19484" t="s">
        <v>120</v>
      </c>
      <c r="M19484" t="s">
        <v>89</v>
      </c>
      <c r="N19484" t="s">
        <v>90</v>
      </c>
      <c r="O19484" t="s">
        <v>85</v>
      </c>
      <c r="P19484" t="s">
        <v>86</v>
      </c>
      <c r="Q19484">
        <v>19</v>
      </c>
      <c r="R19484">
        <v>20</v>
      </c>
      <c r="S19484">
        <v>20</v>
      </c>
      <c r="T19484">
        <v>21</v>
      </c>
      <c r="U19484">
        <v>21</v>
      </c>
      <c r="V19484">
        <v>21</v>
      </c>
      <c r="W19484">
        <v>22</v>
      </c>
      <c r="X19484">
        <v>22</v>
      </c>
      <c r="Y19484">
        <v>23</v>
      </c>
      <c r="Z19484">
        <v>23</v>
      </c>
      <c r="AA19484">
        <v>23</v>
      </c>
      <c r="AB19484">
        <v>24</v>
      </c>
      <c r="AC19484">
        <v>24</v>
      </c>
      <c r="AD19484">
        <v>24</v>
      </c>
      <c r="AE19484">
        <v>24</v>
      </c>
      <c r="AF19484">
        <v>24</v>
      </c>
      <c r="AG19484">
        <v>24</v>
      </c>
      <c r="AH19484">
        <v>24</v>
      </c>
      <c r="AI19484">
        <v>24</v>
      </c>
      <c r="AJ19484">
        <v>25</v>
      </c>
      <c r="AK19484">
        <v>25</v>
      </c>
      <c r="AL19484">
        <v>25</v>
      </c>
      <c r="AM19484">
        <v>25</v>
      </c>
      <c r="AN19484">
        <v>25</v>
      </c>
      <c r="AO19484">
        <v>25</v>
      </c>
      <c r="AP19484">
        <v>25</v>
      </c>
      <c r="AQ19484">
        <v>25</v>
      </c>
    </row>
    <row r="19485" spans="1:43">
      <c r="A19485" t="s">
        <v>12066</v>
      </c>
      <c r="B19485" t="s">
        <v>12067</v>
      </c>
      <c r="C19485" t="s">
        <v>12068</v>
      </c>
      <c r="D19485" t="s">
        <v>12069</v>
      </c>
      <c r="E19485" t="s">
        <v>12006</v>
      </c>
      <c r="F19485" t="s">
        <v>12007</v>
      </c>
      <c r="G19485" t="s">
        <v>10450</v>
      </c>
      <c r="H19485" t="s">
        <v>10451</v>
      </c>
      <c r="I19485" s="2">
        <v>1</v>
      </c>
      <c r="J19485" s="2">
        <v>0</v>
      </c>
      <c r="K19485" s="2">
        <v>0</v>
      </c>
      <c r="L19485" t="s">
        <v>120</v>
      </c>
      <c r="M19485" t="s">
        <v>83</v>
      </c>
      <c r="N19485" t="s">
        <v>91</v>
      </c>
      <c r="O19485" t="s">
        <v>85</v>
      </c>
      <c r="P19485" t="s">
        <v>86</v>
      </c>
      <c r="Q19485">
        <v>19</v>
      </c>
      <c r="R19485">
        <v>19</v>
      </c>
      <c r="S19485">
        <v>20</v>
      </c>
      <c r="T19485">
        <v>20</v>
      </c>
      <c r="U19485">
        <v>20</v>
      </c>
      <c r="V19485">
        <v>21</v>
      </c>
      <c r="W19485">
        <v>21</v>
      </c>
      <c r="X19485">
        <v>21</v>
      </c>
      <c r="Y19485">
        <v>21</v>
      </c>
      <c r="Z19485">
        <v>22</v>
      </c>
      <c r="AA19485">
        <v>22</v>
      </c>
      <c r="AB19485">
        <v>22</v>
      </c>
      <c r="AC19485">
        <v>22</v>
      </c>
      <c r="AD19485">
        <v>23</v>
      </c>
      <c r="AE19485">
        <v>23</v>
      </c>
      <c r="AF19485">
        <v>23</v>
      </c>
      <c r="AG19485">
        <v>23</v>
      </c>
      <c r="AH19485">
        <v>24</v>
      </c>
      <c r="AI19485">
        <v>24</v>
      </c>
      <c r="AJ19485">
        <v>24</v>
      </c>
      <c r="AK19485">
        <v>24</v>
      </c>
      <c r="AL19485">
        <v>24</v>
      </c>
      <c r="AM19485">
        <v>24</v>
      </c>
      <c r="AN19485">
        <v>24</v>
      </c>
      <c r="AO19485">
        <v>24</v>
      </c>
      <c r="AP19485">
        <v>24</v>
      </c>
      <c r="AQ19485">
        <v>24</v>
      </c>
    </row>
    <row r="19486" spans="1:43">
      <c r="A19486" t="s">
        <v>12070</v>
      </c>
      <c r="B19486" t="s">
        <v>12071</v>
      </c>
      <c r="C19486" t="s">
        <v>12068</v>
      </c>
      <c r="D19486" t="s">
        <v>12069</v>
      </c>
      <c r="E19486" t="s">
        <v>12006</v>
      </c>
      <c r="F19486" t="s">
        <v>12007</v>
      </c>
      <c r="G19486" t="s">
        <v>10450</v>
      </c>
      <c r="H19486" t="s">
        <v>10451</v>
      </c>
      <c r="I19486" s="2">
        <v>1</v>
      </c>
      <c r="J19486" s="2">
        <v>0</v>
      </c>
      <c r="K19486" s="2">
        <v>0</v>
      </c>
      <c r="L19486" t="s">
        <v>120</v>
      </c>
      <c r="M19486" t="s">
        <v>83</v>
      </c>
      <c r="N19486" t="s">
        <v>84</v>
      </c>
      <c r="O19486" t="s">
        <v>85</v>
      </c>
      <c r="P19486" t="s">
        <v>86</v>
      </c>
      <c r="Q19486">
        <v>28</v>
      </c>
      <c r="R19486">
        <v>29</v>
      </c>
      <c r="S19486">
        <v>29</v>
      </c>
      <c r="T19486">
        <v>29</v>
      </c>
      <c r="U19486">
        <v>30</v>
      </c>
      <c r="V19486">
        <v>30</v>
      </c>
      <c r="W19486">
        <v>31</v>
      </c>
      <c r="X19486">
        <v>31</v>
      </c>
      <c r="Y19486">
        <v>31</v>
      </c>
      <c r="Z19486">
        <v>32</v>
      </c>
      <c r="AA19486">
        <v>32</v>
      </c>
      <c r="AB19486">
        <v>33</v>
      </c>
      <c r="AC19486">
        <v>33</v>
      </c>
      <c r="AD19486">
        <v>33</v>
      </c>
      <c r="AE19486">
        <v>34</v>
      </c>
      <c r="AF19486">
        <v>34</v>
      </c>
      <c r="AG19486">
        <v>34</v>
      </c>
      <c r="AH19486">
        <v>35</v>
      </c>
      <c r="AI19486">
        <v>35</v>
      </c>
      <c r="AJ19486">
        <v>35</v>
      </c>
      <c r="AK19486">
        <v>36</v>
      </c>
      <c r="AL19486">
        <v>36</v>
      </c>
      <c r="AM19486">
        <v>36</v>
      </c>
      <c r="AN19486">
        <v>36</v>
      </c>
      <c r="AO19486">
        <v>36</v>
      </c>
      <c r="AP19486">
        <v>36</v>
      </c>
      <c r="AQ19486">
        <v>36</v>
      </c>
    </row>
    <row r="19487" spans="1:43">
      <c r="A19487" t="s">
        <v>12070</v>
      </c>
      <c r="B19487" t="s">
        <v>12071</v>
      </c>
      <c r="C19487" t="s">
        <v>12068</v>
      </c>
      <c r="D19487" t="s">
        <v>12069</v>
      </c>
      <c r="E19487" t="s">
        <v>12006</v>
      </c>
      <c r="F19487" t="s">
        <v>12007</v>
      </c>
      <c r="G19487" t="s">
        <v>10450</v>
      </c>
      <c r="H19487" t="s">
        <v>10451</v>
      </c>
      <c r="I19487" s="2">
        <v>1</v>
      </c>
      <c r="J19487" s="2">
        <v>0</v>
      </c>
      <c r="K19487" s="2">
        <v>0</v>
      </c>
      <c r="L19487" t="s">
        <v>120</v>
      </c>
      <c r="M19487" t="s">
        <v>87</v>
      </c>
      <c r="N19487" t="s">
        <v>88</v>
      </c>
      <c r="O19487" t="s">
        <v>85</v>
      </c>
      <c r="P19487" t="s">
        <v>86</v>
      </c>
      <c r="Q19487">
        <v>28</v>
      </c>
      <c r="R19487">
        <v>28</v>
      </c>
      <c r="S19487">
        <v>28</v>
      </c>
      <c r="T19487">
        <v>28</v>
      </c>
      <c r="U19487">
        <v>29</v>
      </c>
      <c r="V19487">
        <v>29</v>
      </c>
      <c r="W19487">
        <v>29</v>
      </c>
      <c r="X19487">
        <v>29</v>
      </c>
      <c r="Y19487">
        <v>29</v>
      </c>
      <c r="Z19487">
        <v>29</v>
      </c>
      <c r="AA19487">
        <v>29</v>
      </c>
      <c r="AB19487">
        <v>29</v>
      </c>
      <c r="AC19487">
        <v>30</v>
      </c>
      <c r="AD19487">
        <v>30</v>
      </c>
      <c r="AE19487">
        <v>30</v>
      </c>
      <c r="AF19487">
        <v>30</v>
      </c>
      <c r="AG19487">
        <v>30</v>
      </c>
      <c r="AH19487">
        <v>30</v>
      </c>
      <c r="AI19487">
        <v>30</v>
      </c>
      <c r="AJ19487">
        <v>30</v>
      </c>
      <c r="AK19487">
        <v>31</v>
      </c>
      <c r="AL19487">
        <v>31</v>
      </c>
      <c r="AM19487">
        <v>31</v>
      </c>
      <c r="AN19487">
        <v>31</v>
      </c>
      <c r="AO19487">
        <v>31</v>
      </c>
      <c r="AP19487">
        <v>31</v>
      </c>
      <c r="AQ19487">
        <v>31</v>
      </c>
    </row>
    <row r="19488" spans="1:43">
      <c r="A19488" t="s">
        <v>12070</v>
      </c>
      <c r="B19488" t="s">
        <v>12071</v>
      </c>
      <c r="C19488" t="s">
        <v>12068</v>
      </c>
      <c r="D19488" t="s">
        <v>12069</v>
      </c>
      <c r="E19488" t="s">
        <v>12006</v>
      </c>
      <c r="F19488" t="s">
        <v>12007</v>
      </c>
      <c r="G19488" t="s">
        <v>10450</v>
      </c>
      <c r="H19488" t="s">
        <v>10451</v>
      </c>
      <c r="I19488" s="2">
        <v>1</v>
      </c>
      <c r="J19488" s="2">
        <v>0</v>
      </c>
      <c r="K19488" s="2">
        <v>0</v>
      </c>
      <c r="L19488" t="s">
        <v>120</v>
      </c>
      <c r="M19488" t="s">
        <v>89</v>
      </c>
      <c r="N19488" t="s">
        <v>90</v>
      </c>
      <c r="O19488" t="s">
        <v>85</v>
      </c>
      <c r="P19488" t="s">
        <v>86</v>
      </c>
      <c r="Q19488">
        <v>28</v>
      </c>
      <c r="R19488">
        <v>29</v>
      </c>
      <c r="S19488">
        <v>30</v>
      </c>
      <c r="T19488">
        <v>30</v>
      </c>
      <c r="U19488">
        <v>31</v>
      </c>
      <c r="V19488">
        <v>32</v>
      </c>
      <c r="W19488">
        <v>32</v>
      </c>
      <c r="X19488">
        <v>33</v>
      </c>
      <c r="Y19488">
        <v>33</v>
      </c>
      <c r="Z19488">
        <v>34</v>
      </c>
      <c r="AA19488">
        <v>34</v>
      </c>
      <c r="AB19488">
        <v>35</v>
      </c>
      <c r="AC19488">
        <v>35</v>
      </c>
      <c r="AD19488">
        <v>36</v>
      </c>
      <c r="AE19488">
        <v>36</v>
      </c>
      <c r="AF19488">
        <v>36</v>
      </c>
      <c r="AG19488">
        <v>36</v>
      </c>
      <c r="AH19488">
        <v>36</v>
      </c>
      <c r="AI19488">
        <v>36</v>
      </c>
      <c r="AJ19488">
        <v>36</v>
      </c>
      <c r="AK19488">
        <v>36</v>
      </c>
      <c r="AL19488">
        <v>36</v>
      </c>
      <c r="AM19488">
        <v>36</v>
      </c>
      <c r="AN19488">
        <v>36</v>
      </c>
      <c r="AO19488">
        <v>36</v>
      </c>
      <c r="AP19488">
        <v>36</v>
      </c>
      <c r="AQ19488">
        <v>36</v>
      </c>
    </row>
    <row r="19489" spans="1:43">
      <c r="A19489" t="s">
        <v>12070</v>
      </c>
      <c r="B19489" t="s">
        <v>12071</v>
      </c>
      <c r="C19489" t="s">
        <v>12068</v>
      </c>
      <c r="D19489" t="s">
        <v>12069</v>
      </c>
      <c r="E19489" t="s">
        <v>12006</v>
      </c>
      <c r="F19489" t="s">
        <v>12007</v>
      </c>
      <c r="G19489" t="s">
        <v>10450</v>
      </c>
      <c r="H19489" t="s">
        <v>10451</v>
      </c>
      <c r="I19489" s="2">
        <v>1</v>
      </c>
      <c r="J19489" s="2">
        <v>0</v>
      </c>
      <c r="K19489" s="2">
        <v>0</v>
      </c>
      <c r="L19489" t="s">
        <v>120</v>
      </c>
      <c r="M19489" t="s">
        <v>83</v>
      </c>
      <c r="N19489" t="s">
        <v>91</v>
      </c>
      <c r="O19489" t="s">
        <v>85</v>
      </c>
      <c r="P19489" t="s">
        <v>86</v>
      </c>
      <c r="Q19489">
        <v>28</v>
      </c>
      <c r="R19489">
        <v>29</v>
      </c>
      <c r="S19489">
        <v>29</v>
      </c>
      <c r="T19489">
        <v>29</v>
      </c>
      <c r="U19489">
        <v>30</v>
      </c>
      <c r="V19489">
        <v>30</v>
      </c>
      <c r="W19489">
        <v>31</v>
      </c>
      <c r="X19489">
        <v>31</v>
      </c>
      <c r="Y19489">
        <v>31</v>
      </c>
      <c r="Z19489">
        <v>32</v>
      </c>
      <c r="AA19489">
        <v>32</v>
      </c>
      <c r="AB19489">
        <v>33</v>
      </c>
      <c r="AC19489">
        <v>33</v>
      </c>
      <c r="AD19489">
        <v>33</v>
      </c>
      <c r="AE19489">
        <v>34</v>
      </c>
      <c r="AF19489">
        <v>34</v>
      </c>
      <c r="AG19489">
        <v>34</v>
      </c>
      <c r="AH19489">
        <v>35</v>
      </c>
      <c r="AI19489">
        <v>35</v>
      </c>
      <c r="AJ19489">
        <v>35</v>
      </c>
      <c r="AK19489">
        <v>36</v>
      </c>
      <c r="AL19489">
        <v>36</v>
      </c>
      <c r="AM19489">
        <v>36</v>
      </c>
      <c r="AN19489">
        <v>36</v>
      </c>
      <c r="AO19489">
        <v>36</v>
      </c>
      <c r="AP19489">
        <v>36</v>
      </c>
      <c r="AQ19489">
        <v>36</v>
      </c>
    </row>
    <row r="19490" spans="1:43">
      <c r="A19490" t="s">
        <v>12072</v>
      </c>
      <c r="B19490" t="s">
        <v>12073</v>
      </c>
      <c r="C19490" t="s">
        <v>12068</v>
      </c>
      <c r="D19490" t="s">
        <v>12069</v>
      </c>
      <c r="E19490" t="s">
        <v>12006</v>
      </c>
      <c r="F19490" t="s">
        <v>12007</v>
      </c>
      <c r="G19490" t="s">
        <v>10450</v>
      </c>
      <c r="H19490" t="s">
        <v>10451</v>
      </c>
      <c r="I19490" s="2">
        <v>1</v>
      </c>
      <c r="J19490" s="2">
        <v>0</v>
      </c>
      <c r="K19490" s="2">
        <v>0</v>
      </c>
      <c r="L19490" t="s">
        <v>120</v>
      </c>
      <c r="M19490" t="s">
        <v>83</v>
      </c>
      <c r="N19490" t="s">
        <v>84</v>
      </c>
      <c r="O19490" t="s">
        <v>85</v>
      </c>
      <c r="P19490" t="s">
        <v>86</v>
      </c>
      <c r="Q19490">
        <v>30</v>
      </c>
      <c r="R19490">
        <v>31</v>
      </c>
      <c r="S19490">
        <v>31</v>
      </c>
      <c r="T19490">
        <v>31</v>
      </c>
      <c r="U19490">
        <v>32</v>
      </c>
      <c r="V19490">
        <v>32</v>
      </c>
      <c r="W19490">
        <v>33</v>
      </c>
      <c r="X19490">
        <v>33</v>
      </c>
      <c r="Y19490">
        <v>34</v>
      </c>
      <c r="Z19490">
        <v>34</v>
      </c>
      <c r="AA19490">
        <v>34</v>
      </c>
      <c r="AB19490">
        <v>35</v>
      </c>
      <c r="AC19490">
        <v>35</v>
      </c>
      <c r="AD19490">
        <v>36</v>
      </c>
      <c r="AE19490">
        <v>36</v>
      </c>
      <c r="AF19490">
        <v>36</v>
      </c>
      <c r="AG19490">
        <v>37</v>
      </c>
      <c r="AH19490">
        <v>37</v>
      </c>
      <c r="AI19490">
        <v>37</v>
      </c>
      <c r="AJ19490">
        <v>38</v>
      </c>
      <c r="AK19490">
        <v>38</v>
      </c>
      <c r="AL19490">
        <v>38</v>
      </c>
      <c r="AM19490">
        <v>38</v>
      </c>
      <c r="AN19490">
        <v>38</v>
      </c>
      <c r="AO19490">
        <v>38</v>
      </c>
      <c r="AP19490">
        <v>38</v>
      </c>
      <c r="AQ19490">
        <v>38</v>
      </c>
    </row>
    <row r="19491" spans="1:43">
      <c r="A19491" t="s">
        <v>12072</v>
      </c>
      <c r="B19491" t="s">
        <v>12073</v>
      </c>
      <c r="C19491" t="s">
        <v>12068</v>
      </c>
      <c r="D19491" t="s">
        <v>12069</v>
      </c>
      <c r="E19491" t="s">
        <v>12006</v>
      </c>
      <c r="F19491" t="s">
        <v>12007</v>
      </c>
      <c r="G19491" t="s">
        <v>10450</v>
      </c>
      <c r="H19491" t="s">
        <v>10451</v>
      </c>
      <c r="I19491" s="2">
        <v>1</v>
      </c>
      <c r="J19491" s="2">
        <v>0</v>
      </c>
      <c r="K19491" s="2">
        <v>0</v>
      </c>
      <c r="L19491" t="s">
        <v>120</v>
      </c>
      <c r="M19491" t="s">
        <v>87</v>
      </c>
      <c r="N19491" t="s">
        <v>88</v>
      </c>
      <c r="O19491" t="s">
        <v>85</v>
      </c>
      <c r="P19491" t="s">
        <v>86</v>
      </c>
      <c r="Q19491">
        <v>30</v>
      </c>
      <c r="R19491">
        <v>30</v>
      </c>
      <c r="S19491">
        <v>30</v>
      </c>
      <c r="T19491">
        <v>30</v>
      </c>
      <c r="U19491">
        <v>30</v>
      </c>
      <c r="V19491">
        <v>31</v>
      </c>
      <c r="W19491">
        <v>31</v>
      </c>
      <c r="X19491">
        <v>31</v>
      </c>
      <c r="Y19491">
        <v>31</v>
      </c>
      <c r="Z19491">
        <v>31</v>
      </c>
      <c r="AA19491">
        <v>31</v>
      </c>
      <c r="AB19491">
        <v>31</v>
      </c>
      <c r="AC19491">
        <v>32</v>
      </c>
      <c r="AD19491">
        <v>32</v>
      </c>
      <c r="AE19491">
        <v>32</v>
      </c>
      <c r="AF19491">
        <v>32</v>
      </c>
      <c r="AG19491">
        <v>32</v>
      </c>
      <c r="AH19491">
        <v>32</v>
      </c>
      <c r="AI19491">
        <v>32</v>
      </c>
      <c r="AJ19491">
        <v>33</v>
      </c>
      <c r="AK19491">
        <v>33</v>
      </c>
      <c r="AL19491">
        <v>33</v>
      </c>
      <c r="AM19491">
        <v>33</v>
      </c>
      <c r="AN19491">
        <v>33</v>
      </c>
      <c r="AO19491">
        <v>33</v>
      </c>
      <c r="AP19491">
        <v>33</v>
      </c>
      <c r="AQ19491">
        <v>33</v>
      </c>
    </row>
    <row r="19492" spans="1:43">
      <c r="A19492" t="s">
        <v>12072</v>
      </c>
      <c r="B19492" t="s">
        <v>12073</v>
      </c>
      <c r="C19492" t="s">
        <v>12068</v>
      </c>
      <c r="D19492" t="s">
        <v>12069</v>
      </c>
      <c r="E19492" t="s">
        <v>12006</v>
      </c>
      <c r="F19492" t="s">
        <v>12007</v>
      </c>
      <c r="G19492" t="s">
        <v>10450</v>
      </c>
      <c r="H19492" t="s">
        <v>10451</v>
      </c>
      <c r="I19492" s="2">
        <v>1</v>
      </c>
      <c r="J19492" s="2">
        <v>0</v>
      </c>
      <c r="K19492" s="2">
        <v>0</v>
      </c>
      <c r="L19492" t="s">
        <v>120</v>
      </c>
      <c r="M19492" t="s">
        <v>89</v>
      </c>
      <c r="N19492" t="s">
        <v>90</v>
      </c>
      <c r="O19492" t="s">
        <v>85</v>
      </c>
      <c r="P19492" t="s">
        <v>86</v>
      </c>
      <c r="Q19492">
        <v>30</v>
      </c>
      <c r="R19492">
        <v>31</v>
      </c>
      <c r="S19492">
        <v>32</v>
      </c>
      <c r="T19492">
        <v>32</v>
      </c>
      <c r="U19492">
        <v>33</v>
      </c>
      <c r="V19492">
        <v>34</v>
      </c>
      <c r="W19492">
        <v>34</v>
      </c>
      <c r="X19492">
        <v>35</v>
      </c>
      <c r="Y19492">
        <v>35</v>
      </c>
      <c r="Z19492">
        <v>36</v>
      </c>
      <c r="AA19492">
        <v>37</v>
      </c>
      <c r="AB19492">
        <v>37</v>
      </c>
      <c r="AC19492">
        <v>38</v>
      </c>
      <c r="AD19492">
        <v>38</v>
      </c>
      <c r="AE19492">
        <v>38</v>
      </c>
      <c r="AF19492">
        <v>38</v>
      </c>
      <c r="AG19492">
        <v>39</v>
      </c>
      <c r="AH19492">
        <v>39</v>
      </c>
      <c r="AI19492">
        <v>39</v>
      </c>
      <c r="AJ19492">
        <v>39</v>
      </c>
      <c r="AK19492">
        <v>39</v>
      </c>
      <c r="AL19492">
        <v>39</v>
      </c>
      <c r="AM19492">
        <v>39</v>
      </c>
      <c r="AN19492">
        <v>39</v>
      </c>
      <c r="AO19492">
        <v>39</v>
      </c>
      <c r="AP19492">
        <v>39</v>
      </c>
      <c r="AQ19492">
        <v>39</v>
      </c>
    </row>
    <row r="19493" spans="1:43">
      <c r="A19493" t="s">
        <v>12072</v>
      </c>
      <c r="B19493" t="s">
        <v>12073</v>
      </c>
      <c r="C19493" t="s">
        <v>12068</v>
      </c>
      <c r="D19493" t="s">
        <v>12069</v>
      </c>
      <c r="E19493" t="s">
        <v>12006</v>
      </c>
      <c r="F19493" t="s">
        <v>12007</v>
      </c>
      <c r="G19493" t="s">
        <v>10450</v>
      </c>
      <c r="H19493" t="s">
        <v>10451</v>
      </c>
      <c r="I19493" s="2">
        <v>1</v>
      </c>
      <c r="J19493" s="2">
        <v>0</v>
      </c>
      <c r="K19493" s="2">
        <v>0</v>
      </c>
      <c r="L19493" t="s">
        <v>120</v>
      </c>
      <c r="M19493" t="s">
        <v>83</v>
      </c>
      <c r="N19493" t="s">
        <v>91</v>
      </c>
      <c r="O19493" t="s">
        <v>85</v>
      </c>
      <c r="P19493" t="s">
        <v>86</v>
      </c>
      <c r="Q19493">
        <v>30</v>
      </c>
      <c r="R19493">
        <v>31</v>
      </c>
      <c r="S19493">
        <v>31</v>
      </c>
      <c r="T19493">
        <v>31</v>
      </c>
      <c r="U19493">
        <v>32</v>
      </c>
      <c r="V19493">
        <v>32</v>
      </c>
      <c r="W19493">
        <v>33</v>
      </c>
      <c r="X19493">
        <v>33</v>
      </c>
      <c r="Y19493">
        <v>34</v>
      </c>
      <c r="Z19493">
        <v>34</v>
      </c>
      <c r="AA19493">
        <v>34</v>
      </c>
      <c r="AB19493">
        <v>35</v>
      </c>
      <c r="AC19493">
        <v>35</v>
      </c>
      <c r="AD19493">
        <v>36</v>
      </c>
      <c r="AE19493">
        <v>36</v>
      </c>
      <c r="AF19493">
        <v>36</v>
      </c>
      <c r="AG19493">
        <v>37</v>
      </c>
      <c r="AH19493">
        <v>37</v>
      </c>
      <c r="AI19493">
        <v>37</v>
      </c>
      <c r="AJ19493">
        <v>38</v>
      </c>
      <c r="AK19493">
        <v>38</v>
      </c>
      <c r="AL19493">
        <v>38</v>
      </c>
      <c r="AM19493">
        <v>38</v>
      </c>
      <c r="AN19493">
        <v>38</v>
      </c>
      <c r="AO19493">
        <v>38</v>
      </c>
      <c r="AP19493">
        <v>38</v>
      </c>
      <c r="AQ19493">
        <v>38</v>
      </c>
    </row>
    <row r="19494" spans="1:43">
      <c r="A19494" t="s">
        <v>12074</v>
      </c>
      <c r="B19494" t="s">
        <v>12075</v>
      </c>
      <c r="C19494" t="s">
        <v>12068</v>
      </c>
      <c r="D19494" t="s">
        <v>12069</v>
      </c>
      <c r="E19494" t="s">
        <v>12006</v>
      </c>
      <c r="F19494" t="s">
        <v>12007</v>
      </c>
      <c r="G19494" t="s">
        <v>10450</v>
      </c>
      <c r="H19494" t="s">
        <v>10451</v>
      </c>
      <c r="I19494" s="2">
        <v>1</v>
      </c>
      <c r="J19494" s="2">
        <v>0</v>
      </c>
      <c r="K19494" s="2">
        <v>0</v>
      </c>
      <c r="L19494" t="s">
        <v>120</v>
      </c>
      <c r="M19494" t="s">
        <v>83</v>
      </c>
      <c r="N19494" t="s">
        <v>84</v>
      </c>
      <c r="O19494" t="s">
        <v>85</v>
      </c>
      <c r="P19494" t="s">
        <v>86</v>
      </c>
      <c r="Q19494">
        <v>12</v>
      </c>
      <c r="R19494">
        <v>12</v>
      </c>
      <c r="S19494">
        <v>12</v>
      </c>
      <c r="T19494">
        <v>12</v>
      </c>
      <c r="U19494">
        <v>12</v>
      </c>
      <c r="V19494">
        <v>13</v>
      </c>
      <c r="W19494">
        <v>13</v>
      </c>
      <c r="X19494">
        <v>13</v>
      </c>
      <c r="Y19494">
        <v>13</v>
      </c>
      <c r="Z19494">
        <v>13</v>
      </c>
      <c r="AA19494">
        <v>13</v>
      </c>
      <c r="AB19494">
        <v>14</v>
      </c>
      <c r="AC19494">
        <v>14</v>
      </c>
      <c r="AD19494">
        <v>14</v>
      </c>
      <c r="AE19494">
        <v>14</v>
      </c>
      <c r="AF19494">
        <v>14</v>
      </c>
      <c r="AG19494">
        <v>14</v>
      </c>
      <c r="AH19494">
        <v>14</v>
      </c>
      <c r="AI19494">
        <v>15</v>
      </c>
      <c r="AJ19494">
        <v>15</v>
      </c>
      <c r="AK19494">
        <v>15</v>
      </c>
      <c r="AL19494">
        <v>15</v>
      </c>
      <c r="AM19494">
        <v>15</v>
      </c>
      <c r="AN19494">
        <v>15</v>
      </c>
      <c r="AO19494">
        <v>15</v>
      </c>
      <c r="AP19494">
        <v>15</v>
      </c>
      <c r="AQ19494">
        <v>15</v>
      </c>
    </row>
    <row r="19495" spans="1:43">
      <c r="A19495" t="s">
        <v>12074</v>
      </c>
      <c r="B19495" t="s">
        <v>12075</v>
      </c>
      <c r="C19495" t="s">
        <v>12068</v>
      </c>
      <c r="D19495" t="s">
        <v>12069</v>
      </c>
      <c r="E19495" t="s">
        <v>12006</v>
      </c>
      <c r="F19495" t="s">
        <v>12007</v>
      </c>
      <c r="G19495" t="s">
        <v>10450</v>
      </c>
      <c r="H19495" t="s">
        <v>10451</v>
      </c>
      <c r="I19495" s="2">
        <v>1</v>
      </c>
      <c r="J19495" s="2">
        <v>0</v>
      </c>
      <c r="K19495" s="2">
        <v>0</v>
      </c>
      <c r="L19495" t="s">
        <v>120</v>
      </c>
      <c r="M19495" t="s">
        <v>87</v>
      </c>
      <c r="N19495" t="s">
        <v>88</v>
      </c>
      <c r="O19495" t="s">
        <v>85</v>
      </c>
      <c r="P19495" t="s">
        <v>86</v>
      </c>
      <c r="Q19495">
        <v>12</v>
      </c>
      <c r="R19495">
        <v>12</v>
      </c>
      <c r="S19495">
        <v>12</v>
      </c>
      <c r="T19495">
        <v>12</v>
      </c>
      <c r="U19495">
        <v>12</v>
      </c>
      <c r="V19495">
        <v>12</v>
      </c>
      <c r="W19495">
        <v>12</v>
      </c>
      <c r="X19495">
        <v>12</v>
      </c>
      <c r="Y19495">
        <v>12</v>
      </c>
      <c r="Z19495">
        <v>12</v>
      </c>
      <c r="AA19495">
        <v>12</v>
      </c>
      <c r="AB19495">
        <v>12</v>
      </c>
      <c r="AC19495">
        <v>12</v>
      </c>
      <c r="AD19495">
        <v>12</v>
      </c>
      <c r="AE19495">
        <v>12</v>
      </c>
      <c r="AF19495">
        <v>13</v>
      </c>
      <c r="AG19495">
        <v>13</v>
      </c>
      <c r="AH19495">
        <v>13</v>
      </c>
      <c r="AI19495">
        <v>13</v>
      </c>
      <c r="AJ19495">
        <v>13</v>
      </c>
      <c r="AK19495">
        <v>13</v>
      </c>
      <c r="AL19495">
        <v>13</v>
      </c>
      <c r="AM19495">
        <v>13</v>
      </c>
      <c r="AN19495">
        <v>13</v>
      </c>
      <c r="AO19495">
        <v>13</v>
      </c>
      <c r="AP19495">
        <v>13</v>
      </c>
      <c r="AQ19495">
        <v>13</v>
      </c>
    </row>
    <row r="19496" spans="1:43">
      <c r="A19496" t="s">
        <v>12074</v>
      </c>
      <c r="B19496" t="s">
        <v>12075</v>
      </c>
      <c r="C19496" t="s">
        <v>12068</v>
      </c>
      <c r="D19496" t="s">
        <v>12069</v>
      </c>
      <c r="E19496" t="s">
        <v>12006</v>
      </c>
      <c r="F19496" t="s">
        <v>12007</v>
      </c>
      <c r="G19496" t="s">
        <v>10450</v>
      </c>
      <c r="H19496" t="s">
        <v>10451</v>
      </c>
      <c r="I19496" s="2">
        <v>1</v>
      </c>
      <c r="J19496" s="2">
        <v>0</v>
      </c>
      <c r="K19496" s="2">
        <v>0</v>
      </c>
      <c r="L19496" t="s">
        <v>120</v>
      </c>
      <c r="M19496" t="s">
        <v>89</v>
      </c>
      <c r="N19496" t="s">
        <v>90</v>
      </c>
      <c r="O19496" t="s">
        <v>85</v>
      </c>
      <c r="P19496" t="s">
        <v>86</v>
      </c>
      <c r="Q19496">
        <v>12</v>
      </c>
      <c r="R19496">
        <v>12</v>
      </c>
      <c r="S19496">
        <v>12</v>
      </c>
      <c r="T19496">
        <v>13</v>
      </c>
      <c r="U19496">
        <v>13</v>
      </c>
      <c r="V19496">
        <v>13</v>
      </c>
      <c r="W19496">
        <v>13</v>
      </c>
      <c r="X19496">
        <v>14</v>
      </c>
      <c r="Y19496">
        <v>14</v>
      </c>
      <c r="Z19496">
        <v>14</v>
      </c>
      <c r="AA19496">
        <v>14</v>
      </c>
      <c r="AB19496">
        <v>14</v>
      </c>
      <c r="AC19496">
        <v>15</v>
      </c>
      <c r="AD19496">
        <v>15</v>
      </c>
      <c r="AE19496">
        <v>15</v>
      </c>
      <c r="AF19496">
        <v>15</v>
      </c>
      <c r="AG19496">
        <v>15</v>
      </c>
      <c r="AH19496">
        <v>15</v>
      </c>
      <c r="AI19496">
        <v>15</v>
      </c>
      <c r="AJ19496">
        <v>15</v>
      </c>
      <c r="AK19496">
        <v>15</v>
      </c>
      <c r="AL19496">
        <v>15</v>
      </c>
      <c r="AM19496">
        <v>15</v>
      </c>
      <c r="AN19496">
        <v>15</v>
      </c>
      <c r="AO19496">
        <v>15</v>
      </c>
      <c r="AP19496">
        <v>15</v>
      </c>
      <c r="AQ19496">
        <v>15</v>
      </c>
    </row>
    <row r="19497" spans="1:43">
      <c r="A19497" t="s">
        <v>12074</v>
      </c>
      <c r="B19497" t="s">
        <v>12075</v>
      </c>
      <c r="C19497" t="s">
        <v>12068</v>
      </c>
      <c r="D19497" t="s">
        <v>12069</v>
      </c>
      <c r="E19497" t="s">
        <v>12006</v>
      </c>
      <c r="F19497" t="s">
        <v>12007</v>
      </c>
      <c r="G19497" t="s">
        <v>10450</v>
      </c>
      <c r="H19497" t="s">
        <v>10451</v>
      </c>
      <c r="I19497" s="2">
        <v>1</v>
      </c>
      <c r="J19497" s="2">
        <v>0</v>
      </c>
      <c r="K19497" s="2">
        <v>0</v>
      </c>
      <c r="L19497" t="s">
        <v>120</v>
      </c>
      <c r="M19497" t="s">
        <v>83</v>
      </c>
      <c r="N19497" t="s">
        <v>91</v>
      </c>
      <c r="O19497" t="s">
        <v>85</v>
      </c>
      <c r="P19497" t="s">
        <v>86</v>
      </c>
      <c r="Q19497">
        <v>12</v>
      </c>
      <c r="R19497">
        <v>12</v>
      </c>
      <c r="S19497">
        <v>12</v>
      </c>
      <c r="T19497">
        <v>12</v>
      </c>
      <c r="U19497">
        <v>12</v>
      </c>
      <c r="V19497">
        <v>13</v>
      </c>
      <c r="W19497">
        <v>13</v>
      </c>
      <c r="X19497">
        <v>13</v>
      </c>
      <c r="Y19497">
        <v>13</v>
      </c>
      <c r="Z19497">
        <v>13</v>
      </c>
      <c r="AA19497">
        <v>13</v>
      </c>
      <c r="AB19497">
        <v>14</v>
      </c>
      <c r="AC19497">
        <v>14</v>
      </c>
      <c r="AD19497">
        <v>14</v>
      </c>
      <c r="AE19497">
        <v>14</v>
      </c>
      <c r="AF19497">
        <v>14</v>
      </c>
      <c r="AG19497">
        <v>14</v>
      </c>
      <c r="AH19497">
        <v>14</v>
      </c>
      <c r="AI19497">
        <v>15</v>
      </c>
      <c r="AJ19497">
        <v>15</v>
      </c>
      <c r="AK19497">
        <v>15</v>
      </c>
      <c r="AL19497">
        <v>15</v>
      </c>
      <c r="AM19497">
        <v>15</v>
      </c>
      <c r="AN19497">
        <v>15</v>
      </c>
      <c r="AO19497">
        <v>15</v>
      </c>
      <c r="AP19497">
        <v>15</v>
      </c>
      <c r="AQ19497">
        <v>15</v>
      </c>
    </row>
    <row r="19498" spans="1:43">
      <c r="A19498" t="s">
        <v>12076</v>
      </c>
      <c r="B19498" t="s">
        <v>12077</v>
      </c>
      <c r="C19498" t="s">
        <v>12078</v>
      </c>
      <c r="D19498" t="s">
        <v>12079</v>
      </c>
      <c r="E19498" t="s">
        <v>12006</v>
      </c>
      <c r="F19498" t="s">
        <v>12007</v>
      </c>
      <c r="G19498" t="s">
        <v>10450</v>
      </c>
      <c r="H19498" t="s">
        <v>10451</v>
      </c>
      <c r="I19498" s="2">
        <v>1</v>
      </c>
      <c r="J19498" s="2">
        <v>0</v>
      </c>
      <c r="K19498" s="2">
        <v>0</v>
      </c>
      <c r="L19498" t="s">
        <v>120</v>
      </c>
      <c r="M19498" t="s">
        <v>83</v>
      </c>
      <c r="N19498" t="s">
        <v>84</v>
      </c>
      <c r="O19498" t="s">
        <v>85</v>
      </c>
      <c r="P19498" t="s">
        <v>86</v>
      </c>
      <c r="Q19498">
        <v>12</v>
      </c>
      <c r="R19498">
        <v>12</v>
      </c>
      <c r="S19498">
        <v>12</v>
      </c>
      <c r="T19498">
        <v>12</v>
      </c>
      <c r="U19498">
        <v>12</v>
      </c>
      <c r="V19498">
        <v>13</v>
      </c>
      <c r="W19498">
        <v>13</v>
      </c>
      <c r="X19498">
        <v>13</v>
      </c>
      <c r="Y19498">
        <v>13</v>
      </c>
      <c r="Z19498">
        <v>13</v>
      </c>
      <c r="AA19498">
        <v>13</v>
      </c>
      <c r="AB19498">
        <v>13</v>
      </c>
      <c r="AC19498">
        <v>14</v>
      </c>
      <c r="AD19498">
        <v>14</v>
      </c>
      <c r="AE19498">
        <v>14</v>
      </c>
      <c r="AF19498">
        <v>14</v>
      </c>
      <c r="AG19498">
        <v>14</v>
      </c>
      <c r="AH19498">
        <v>14</v>
      </c>
      <c r="AI19498">
        <v>15</v>
      </c>
      <c r="AJ19498">
        <v>15</v>
      </c>
      <c r="AK19498">
        <v>15</v>
      </c>
      <c r="AL19498">
        <v>15</v>
      </c>
      <c r="AM19498">
        <v>15</v>
      </c>
      <c r="AN19498">
        <v>15</v>
      </c>
      <c r="AO19498">
        <v>15</v>
      </c>
      <c r="AP19498">
        <v>15</v>
      </c>
      <c r="AQ19498">
        <v>15</v>
      </c>
    </row>
    <row r="19499" spans="1:43">
      <c r="A19499" t="s">
        <v>12076</v>
      </c>
      <c r="B19499" t="s">
        <v>12077</v>
      </c>
      <c r="C19499" t="s">
        <v>12078</v>
      </c>
      <c r="D19499" t="s">
        <v>12079</v>
      </c>
      <c r="E19499" t="s">
        <v>12006</v>
      </c>
      <c r="F19499" t="s">
        <v>12007</v>
      </c>
      <c r="G19499" t="s">
        <v>10450</v>
      </c>
      <c r="H19499" t="s">
        <v>10451</v>
      </c>
      <c r="I19499" s="2">
        <v>1</v>
      </c>
      <c r="J19499" s="2">
        <v>0</v>
      </c>
      <c r="K19499" s="2">
        <v>0</v>
      </c>
      <c r="L19499" t="s">
        <v>120</v>
      </c>
      <c r="M19499" t="s">
        <v>87</v>
      </c>
      <c r="N19499" t="s">
        <v>88</v>
      </c>
      <c r="O19499" t="s">
        <v>85</v>
      </c>
      <c r="P19499" t="s">
        <v>86</v>
      </c>
      <c r="Q19499">
        <v>12</v>
      </c>
      <c r="R19499">
        <v>12</v>
      </c>
      <c r="S19499">
        <v>12</v>
      </c>
      <c r="T19499">
        <v>12</v>
      </c>
      <c r="U19499">
        <v>12</v>
      </c>
      <c r="V19499">
        <v>12</v>
      </c>
      <c r="W19499">
        <v>12</v>
      </c>
      <c r="X19499">
        <v>12</v>
      </c>
      <c r="Y19499">
        <v>12</v>
      </c>
      <c r="Z19499">
        <v>12</v>
      </c>
      <c r="AA19499">
        <v>12</v>
      </c>
      <c r="AB19499">
        <v>12</v>
      </c>
      <c r="AC19499">
        <v>12</v>
      </c>
      <c r="AD19499">
        <v>12</v>
      </c>
      <c r="AE19499">
        <v>12</v>
      </c>
      <c r="AF19499">
        <v>12</v>
      </c>
      <c r="AG19499">
        <v>12</v>
      </c>
      <c r="AH19499">
        <v>13</v>
      </c>
      <c r="AI19499">
        <v>13</v>
      </c>
      <c r="AJ19499">
        <v>13</v>
      </c>
      <c r="AK19499">
        <v>13</v>
      </c>
      <c r="AL19499">
        <v>13</v>
      </c>
      <c r="AM19499">
        <v>13</v>
      </c>
      <c r="AN19499">
        <v>13</v>
      </c>
      <c r="AO19499">
        <v>13</v>
      </c>
      <c r="AP19499">
        <v>13</v>
      </c>
      <c r="AQ19499">
        <v>13</v>
      </c>
    </row>
    <row r="19500" spans="1:43">
      <c r="A19500" t="s">
        <v>12076</v>
      </c>
      <c r="B19500" t="s">
        <v>12077</v>
      </c>
      <c r="C19500" t="s">
        <v>12078</v>
      </c>
      <c r="D19500" t="s">
        <v>12079</v>
      </c>
      <c r="E19500" t="s">
        <v>12006</v>
      </c>
      <c r="F19500" t="s">
        <v>12007</v>
      </c>
      <c r="G19500" t="s">
        <v>10450</v>
      </c>
      <c r="H19500" t="s">
        <v>10451</v>
      </c>
      <c r="I19500" s="2">
        <v>1</v>
      </c>
      <c r="J19500" s="2">
        <v>0</v>
      </c>
      <c r="K19500" s="2">
        <v>0</v>
      </c>
      <c r="L19500" t="s">
        <v>120</v>
      </c>
      <c r="M19500" t="s">
        <v>89</v>
      </c>
      <c r="N19500" t="s">
        <v>90</v>
      </c>
      <c r="O19500" t="s">
        <v>85</v>
      </c>
      <c r="P19500" t="s">
        <v>86</v>
      </c>
      <c r="Q19500">
        <v>12</v>
      </c>
      <c r="R19500">
        <v>12</v>
      </c>
      <c r="S19500">
        <v>12</v>
      </c>
      <c r="T19500">
        <v>13</v>
      </c>
      <c r="U19500">
        <v>13</v>
      </c>
      <c r="V19500">
        <v>13</v>
      </c>
      <c r="W19500">
        <v>13</v>
      </c>
      <c r="X19500">
        <v>14</v>
      </c>
      <c r="Y19500">
        <v>14</v>
      </c>
      <c r="Z19500">
        <v>14</v>
      </c>
      <c r="AA19500">
        <v>14</v>
      </c>
      <c r="AB19500">
        <v>14</v>
      </c>
      <c r="AC19500">
        <v>15</v>
      </c>
      <c r="AD19500">
        <v>15</v>
      </c>
      <c r="AE19500">
        <v>15</v>
      </c>
      <c r="AF19500">
        <v>15</v>
      </c>
      <c r="AG19500">
        <v>15</v>
      </c>
      <c r="AH19500">
        <v>15</v>
      </c>
      <c r="AI19500">
        <v>15</v>
      </c>
      <c r="AJ19500">
        <v>15</v>
      </c>
      <c r="AK19500">
        <v>15</v>
      </c>
      <c r="AL19500">
        <v>15</v>
      </c>
      <c r="AM19500">
        <v>15</v>
      </c>
      <c r="AN19500">
        <v>15</v>
      </c>
      <c r="AO19500">
        <v>15</v>
      </c>
      <c r="AP19500">
        <v>15</v>
      </c>
      <c r="AQ19500">
        <v>15</v>
      </c>
    </row>
    <row r="19501" spans="1:43">
      <c r="A19501" t="s">
        <v>12076</v>
      </c>
      <c r="B19501" t="s">
        <v>12077</v>
      </c>
      <c r="C19501" t="s">
        <v>12078</v>
      </c>
      <c r="D19501" t="s">
        <v>12079</v>
      </c>
      <c r="E19501" t="s">
        <v>12006</v>
      </c>
      <c r="F19501" t="s">
        <v>12007</v>
      </c>
      <c r="G19501" t="s">
        <v>10450</v>
      </c>
      <c r="H19501" t="s">
        <v>10451</v>
      </c>
      <c r="I19501" s="2">
        <v>1</v>
      </c>
      <c r="J19501" s="2">
        <v>0</v>
      </c>
      <c r="K19501" s="2">
        <v>0</v>
      </c>
      <c r="L19501" t="s">
        <v>120</v>
      </c>
      <c r="M19501" t="s">
        <v>83</v>
      </c>
      <c r="N19501" t="s">
        <v>91</v>
      </c>
      <c r="O19501" t="s">
        <v>85</v>
      </c>
      <c r="P19501" t="s">
        <v>86</v>
      </c>
      <c r="Q19501">
        <v>12</v>
      </c>
      <c r="R19501">
        <v>12</v>
      </c>
      <c r="S19501">
        <v>12</v>
      </c>
      <c r="T19501">
        <v>12</v>
      </c>
      <c r="U19501">
        <v>12</v>
      </c>
      <c r="V19501">
        <v>13</v>
      </c>
      <c r="W19501">
        <v>13</v>
      </c>
      <c r="X19501">
        <v>13</v>
      </c>
      <c r="Y19501">
        <v>13</v>
      </c>
      <c r="Z19501">
        <v>13</v>
      </c>
      <c r="AA19501">
        <v>13</v>
      </c>
      <c r="AB19501">
        <v>13</v>
      </c>
      <c r="AC19501">
        <v>14</v>
      </c>
      <c r="AD19501">
        <v>14</v>
      </c>
      <c r="AE19501">
        <v>14</v>
      </c>
      <c r="AF19501">
        <v>14</v>
      </c>
      <c r="AG19501">
        <v>14</v>
      </c>
      <c r="AH19501">
        <v>14</v>
      </c>
      <c r="AI19501">
        <v>15</v>
      </c>
      <c r="AJ19501">
        <v>15</v>
      </c>
      <c r="AK19501">
        <v>15</v>
      </c>
      <c r="AL19501">
        <v>15</v>
      </c>
      <c r="AM19501">
        <v>15</v>
      </c>
      <c r="AN19501">
        <v>15</v>
      </c>
      <c r="AO19501">
        <v>15</v>
      </c>
      <c r="AP19501">
        <v>15</v>
      </c>
      <c r="AQ19501">
        <v>15</v>
      </c>
    </row>
    <row r="19502" spans="1:43">
      <c r="A19502" t="s">
        <v>12080</v>
      </c>
      <c r="B19502" t="s">
        <v>12081</v>
      </c>
      <c r="C19502" t="s">
        <v>12078</v>
      </c>
      <c r="D19502" t="s">
        <v>12079</v>
      </c>
      <c r="E19502" t="s">
        <v>12006</v>
      </c>
      <c r="F19502" t="s">
        <v>12007</v>
      </c>
      <c r="G19502" t="s">
        <v>10450</v>
      </c>
      <c r="H19502" t="s">
        <v>10451</v>
      </c>
      <c r="I19502" s="2">
        <v>1</v>
      </c>
      <c r="J19502" s="2">
        <v>0</v>
      </c>
      <c r="K19502" s="2">
        <v>0</v>
      </c>
      <c r="L19502" t="s">
        <v>120</v>
      </c>
      <c r="M19502" t="s">
        <v>83</v>
      </c>
      <c r="N19502" t="s">
        <v>84</v>
      </c>
      <c r="O19502" t="s">
        <v>85</v>
      </c>
      <c r="P19502" t="s">
        <v>86</v>
      </c>
      <c r="Q19502">
        <v>7</v>
      </c>
      <c r="R19502">
        <v>7</v>
      </c>
      <c r="S19502">
        <v>7</v>
      </c>
      <c r="T19502">
        <v>7</v>
      </c>
      <c r="U19502">
        <v>8</v>
      </c>
      <c r="V19502">
        <v>8</v>
      </c>
      <c r="W19502">
        <v>8</v>
      </c>
      <c r="X19502">
        <v>8</v>
      </c>
      <c r="Y19502">
        <v>8</v>
      </c>
      <c r="Z19502">
        <v>8</v>
      </c>
      <c r="AA19502">
        <v>8</v>
      </c>
      <c r="AB19502">
        <v>8</v>
      </c>
      <c r="AC19502">
        <v>8</v>
      </c>
      <c r="AD19502">
        <v>8</v>
      </c>
      <c r="AE19502">
        <v>9</v>
      </c>
      <c r="AF19502">
        <v>9</v>
      </c>
      <c r="AG19502">
        <v>9</v>
      </c>
      <c r="AH19502">
        <v>9</v>
      </c>
      <c r="AI19502">
        <v>9</v>
      </c>
      <c r="AJ19502">
        <v>9</v>
      </c>
      <c r="AK19502">
        <v>9</v>
      </c>
      <c r="AL19502">
        <v>9</v>
      </c>
      <c r="AM19502">
        <v>9</v>
      </c>
      <c r="AN19502">
        <v>9</v>
      </c>
      <c r="AO19502">
        <v>9</v>
      </c>
      <c r="AP19502">
        <v>9</v>
      </c>
      <c r="AQ19502">
        <v>9</v>
      </c>
    </row>
    <row r="19503" spans="1:43">
      <c r="A19503" t="s">
        <v>12080</v>
      </c>
      <c r="B19503" t="s">
        <v>12081</v>
      </c>
      <c r="C19503" t="s">
        <v>12078</v>
      </c>
      <c r="D19503" t="s">
        <v>12079</v>
      </c>
      <c r="E19503" t="s">
        <v>12006</v>
      </c>
      <c r="F19503" t="s">
        <v>12007</v>
      </c>
      <c r="G19503" t="s">
        <v>10450</v>
      </c>
      <c r="H19503" t="s">
        <v>10451</v>
      </c>
      <c r="I19503" s="2">
        <v>1</v>
      </c>
      <c r="J19503" s="2">
        <v>0</v>
      </c>
      <c r="K19503" s="2">
        <v>0</v>
      </c>
      <c r="L19503" t="s">
        <v>120</v>
      </c>
      <c r="M19503" t="s">
        <v>87</v>
      </c>
      <c r="N19503" t="s">
        <v>88</v>
      </c>
      <c r="O19503" t="s">
        <v>85</v>
      </c>
      <c r="P19503" t="s">
        <v>86</v>
      </c>
      <c r="Q19503">
        <v>7</v>
      </c>
      <c r="R19503">
        <v>7</v>
      </c>
      <c r="S19503">
        <v>7</v>
      </c>
      <c r="T19503">
        <v>7</v>
      </c>
      <c r="U19503">
        <v>7</v>
      </c>
      <c r="V19503">
        <v>7</v>
      </c>
      <c r="W19503">
        <v>7</v>
      </c>
      <c r="X19503">
        <v>7</v>
      </c>
      <c r="Y19503">
        <v>7</v>
      </c>
      <c r="Z19503">
        <v>7</v>
      </c>
      <c r="AA19503">
        <v>7</v>
      </c>
      <c r="AB19503">
        <v>7</v>
      </c>
      <c r="AC19503">
        <v>7</v>
      </c>
      <c r="AD19503">
        <v>8</v>
      </c>
      <c r="AE19503">
        <v>8</v>
      </c>
      <c r="AF19503">
        <v>8</v>
      </c>
      <c r="AG19503">
        <v>8</v>
      </c>
      <c r="AH19503">
        <v>8</v>
      </c>
      <c r="AI19503">
        <v>8</v>
      </c>
      <c r="AJ19503">
        <v>8</v>
      </c>
      <c r="AK19503">
        <v>8</v>
      </c>
      <c r="AL19503">
        <v>8</v>
      </c>
      <c r="AM19503">
        <v>8</v>
      </c>
      <c r="AN19503">
        <v>8</v>
      </c>
      <c r="AO19503">
        <v>8</v>
      </c>
      <c r="AP19503">
        <v>8</v>
      </c>
      <c r="AQ19503">
        <v>8</v>
      </c>
    </row>
    <row r="19504" spans="1:43">
      <c r="A19504" t="s">
        <v>12080</v>
      </c>
      <c r="B19504" t="s">
        <v>12081</v>
      </c>
      <c r="C19504" t="s">
        <v>12078</v>
      </c>
      <c r="D19504" t="s">
        <v>12079</v>
      </c>
      <c r="E19504" t="s">
        <v>12006</v>
      </c>
      <c r="F19504" t="s">
        <v>12007</v>
      </c>
      <c r="G19504" t="s">
        <v>10450</v>
      </c>
      <c r="H19504" t="s">
        <v>10451</v>
      </c>
      <c r="I19504" s="2">
        <v>1</v>
      </c>
      <c r="J19504" s="2">
        <v>0</v>
      </c>
      <c r="K19504" s="2">
        <v>0</v>
      </c>
      <c r="L19504" t="s">
        <v>120</v>
      </c>
      <c r="M19504" t="s">
        <v>89</v>
      </c>
      <c r="N19504" t="s">
        <v>90</v>
      </c>
      <c r="O19504" t="s">
        <v>85</v>
      </c>
      <c r="P19504" t="s">
        <v>86</v>
      </c>
      <c r="Q19504">
        <v>7</v>
      </c>
      <c r="R19504">
        <v>7</v>
      </c>
      <c r="S19504">
        <v>8</v>
      </c>
      <c r="T19504">
        <v>8</v>
      </c>
      <c r="U19504">
        <v>8</v>
      </c>
      <c r="V19504">
        <v>8</v>
      </c>
      <c r="W19504">
        <v>8</v>
      </c>
      <c r="X19504">
        <v>8</v>
      </c>
      <c r="Y19504">
        <v>8</v>
      </c>
      <c r="Z19504">
        <v>9</v>
      </c>
      <c r="AA19504">
        <v>9</v>
      </c>
      <c r="AB19504">
        <v>9</v>
      </c>
      <c r="AC19504">
        <v>9</v>
      </c>
      <c r="AD19504">
        <v>9</v>
      </c>
      <c r="AE19504">
        <v>9</v>
      </c>
      <c r="AF19504">
        <v>9</v>
      </c>
      <c r="AG19504">
        <v>9</v>
      </c>
      <c r="AH19504">
        <v>9</v>
      </c>
      <c r="AI19504">
        <v>9</v>
      </c>
      <c r="AJ19504">
        <v>9</v>
      </c>
      <c r="AK19504">
        <v>9</v>
      </c>
      <c r="AL19504">
        <v>9</v>
      </c>
      <c r="AM19504">
        <v>9</v>
      </c>
      <c r="AN19504">
        <v>9</v>
      </c>
      <c r="AO19504">
        <v>9</v>
      </c>
      <c r="AP19504">
        <v>9</v>
      </c>
      <c r="AQ19504">
        <v>9</v>
      </c>
    </row>
    <row r="19505" spans="1:43">
      <c r="A19505" t="s">
        <v>12080</v>
      </c>
      <c r="B19505" t="s">
        <v>12081</v>
      </c>
      <c r="C19505" t="s">
        <v>12078</v>
      </c>
      <c r="D19505" t="s">
        <v>12079</v>
      </c>
      <c r="E19505" t="s">
        <v>12006</v>
      </c>
      <c r="F19505" t="s">
        <v>12007</v>
      </c>
      <c r="G19505" t="s">
        <v>10450</v>
      </c>
      <c r="H19505" t="s">
        <v>10451</v>
      </c>
      <c r="I19505" s="2">
        <v>1</v>
      </c>
      <c r="J19505" s="2">
        <v>0</v>
      </c>
      <c r="K19505" s="2">
        <v>0</v>
      </c>
      <c r="L19505" t="s">
        <v>120</v>
      </c>
      <c r="M19505" t="s">
        <v>83</v>
      </c>
      <c r="N19505" t="s">
        <v>91</v>
      </c>
      <c r="O19505" t="s">
        <v>85</v>
      </c>
      <c r="P19505" t="s">
        <v>86</v>
      </c>
      <c r="Q19505">
        <v>7</v>
      </c>
      <c r="R19505">
        <v>7</v>
      </c>
      <c r="S19505">
        <v>7</v>
      </c>
      <c r="T19505">
        <v>7</v>
      </c>
      <c r="U19505">
        <v>8</v>
      </c>
      <c r="V19505">
        <v>8</v>
      </c>
      <c r="W19505">
        <v>8</v>
      </c>
      <c r="X19505">
        <v>8</v>
      </c>
      <c r="Y19505">
        <v>8</v>
      </c>
      <c r="Z19505">
        <v>8</v>
      </c>
      <c r="AA19505">
        <v>8</v>
      </c>
      <c r="AB19505">
        <v>8</v>
      </c>
      <c r="AC19505">
        <v>8</v>
      </c>
      <c r="AD19505">
        <v>8</v>
      </c>
      <c r="AE19505">
        <v>9</v>
      </c>
      <c r="AF19505">
        <v>9</v>
      </c>
      <c r="AG19505">
        <v>9</v>
      </c>
      <c r="AH19505">
        <v>9</v>
      </c>
      <c r="AI19505">
        <v>9</v>
      </c>
      <c r="AJ19505">
        <v>9</v>
      </c>
      <c r="AK19505">
        <v>9</v>
      </c>
      <c r="AL19505">
        <v>9</v>
      </c>
      <c r="AM19505">
        <v>9</v>
      </c>
      <c r="AN19505">
        <v>9</v>
      </c>
      <c r="AO19505">
        <v>9</v>
      </c>
      <c r="AP19505">
        <v>9</v>
      </c>
      <c r="AQ19505">
        <v>9</v>
      </c>
    </row>
    <row r="19506" spans="1:43">
      <c r="A19506" t="s">
        <v>12082</v>
      </c>
      <c r="B19506" t="s">
        <v>12083</v>
      </c>
      <c r="C19506" t="s">
        <v>12078</v>
      </c>
      <c r="D19506" t="s">
        <v>12079</v>
      </c>
      <c r="E19506" t="s">
        <v>12006</v>
      </c>
      <c r="F19506" t="s">
        <v>12007</v>
      </c>
      <c r="G19506" t="s">
        <v>10450</v>
      </c>
      <c r="H19506" t="s">
        <v>10451</v>
      </c>
      <c r="I19506" s="2">
        <v>1</v>
      </c>
      <c r="J19506" s="2">
        <v>0</v>
      </c>
      <c r="K19506" s="2">
        <v>0</v>
      </c>
      <c r="L19506" t="s">
        <v>120</v>
      </c>
      <c r="M19506" t="s">
        <v>83</v>
      </c>
      <c r="N19506" t="s">
        <v>84</v>
      </c>
      <c r="O19506" t="s">
        <v>85</v>
      </c>
      <c r="P19506" t="s">
        <v>86</v>
      </c>
      <c r="Q19506">
        <v>50</v>
      </c>
      <c r="R19506">
        <v>50</v>
      </c>
      <c r="S19506">
        <v>51</v>
      </c>
      <c r="T19506">
        <v>52</v>
      </c>
      <c r="U19506">
        <v>53</v>
      </c>
      <c r="V19506">
        <v>53</v>
      </c>
      <c r="W19506">
        <v>54</v>
      </c>
      <c r="X19506">
        <v>55</v>
      </c>
      <c r="Y19506">
        <v>55</v>
      </c>
      <c r="Z19506">
        <v>56</v>
      </c>
      <c r="AA19506">
        <v>57</v>
      </c>
      <c r="AB19506">
        <v>57</v>
      </c>
      <c r="AC19506">
        <v>58</v>
      </c>
      <c r="AD19506">
        <v>59</v>
      </c>
      <c r="AE19506">
        <v>59</v>
      </c>
      <c r="AF19506">
        <v>60</v>
      </c>
      <c r="AG19506">
        <v>61</v>
      </c>
      <c r="AH19506">
        <v>61</v>
      </c>
      <c r="AI19506">
        <v>62</v>
      </c>
      <c r="AJ19506">
        <v>62</v>
      </c>
      <c r="AK19506">
        <v>63</v>
      </c>
      <c r="AL19506">
        <v>63</v>
      </c>
      <c r="AM19506">
        <v>63</v>
      </c>
      <c r="AN19506">
        <v>63</v>
      </c>
      <c r="AO19506">
        <v>63</v>
      </c>
      <c r="AP19506">
        <v>63</v>
      </c>
      <c r="AQ19506">
        <v>63</v>
      </c>
    </row>
    <row r="19507" spans="1:43">
      <c r="A19507" t="s">
        <v>12082</v>
      </c>
      <c r="B19507" t="s">
        <v>12083</v>
      </c>
      <c r="C19507" t="s">
        <v>12078</v>
      </c>
      <c r="D19507" t="s">
        <v>12079</v>
      </c>
      <c r="E19507" t="s">
        <v>12006</v>
      </c>
      <c r="F19507" t="s">
        <v>12007</v>
      </c>
      <c r="G19507" t="s">
        <v>10450</v>
      </c>
      <c r="H19507" t="s">
        <v>10451</v>
      </c>
      <c r="I19507" s="2">
        <v>1</v>
      </c>
      <c r="J19507" s="2">
        <v>0</v>
      </c>
      <c r="K19507" s="2">
        <v>0</v>
      </c>
      <c r="L19507" t="s">
        <v>120</v>
      </c>
      <c r="M19507" t="s">
        <v>87</v>
      </c>
      <c r="N19507" t="s">
        <v>88</v>
      </c>
      <c r="O19507" t="s">
        <v>85</v>
      </c>
      <c r="P19507" t="s">
        <v>86</v>
      </c>
      <c r="Q19507">
        <v>50</v>
      </c>
      <c r="R19507">
        <v>51</v>
      </c>
      <c r="S19507">
        <v>51</v>
      </c>
      <c r="T19507">
        <v>51</v>
      </c>
      <c r="U19507">
        <v>51</v>
      </c>
      <c r="V19507">
        <v>52</v>
      </c>
      <c r="W19507">
        <v>52</v>
      </c>
      <c r="X19507">
        <v>52</v>
      </c>
      <c r="Y19507">
        <v>52</v>
      </c>
      <c r="Z19507">
        <v>52</v>
      </c>
      <c r="AA19507">
        <v>53</v>
      </c>
      <c r="AB19507">
        <v>53</v>
      </c>
      <c r="AC19507">
        <v>53</v>
      </c>
      <c r="AD19507">
        <v>53</v>
      </c>
      <c r="AE19507">
        <v>54</v>
      </c>
      <c r="AF19507">
        <v>54</v>
      </c>
      <c r="AG19507">
        <v>54</v>
      </c>
      <c r="AH19507">
        <v>54</v>
      </c>
      <c r="AI19507">
        <v>55</v>
      </c>
      <c r="AJ19507">
        <v>55</v>
      </c>
      <c r="AK19507">
        <v>55</v>
      </c>
      <c r="AL19507">
        <v>55</v>
      </c>
      <c r="AM19507">
        <v>55</v>
      </c>
      <c r="AN19507">
        <v>56</v>
      </c>
      <c r="AO19507">
        <v>56</v>
      </c>
      <c r="AP19507">
        <v>56</v>
      </c>
      <c r="AQ19507">
        <v>56</v>
      </c>
    </row>
    <row r="19508" spans="1:43">
      <c r="A19508" t="s">
        <v>12082</v>
      </c>
      <c r="B19508" t="s">
        <v>12083</v>
      </c>
      <c r="C19508" t="s">
        <v>12078</v>
      </c>
      <c r="D19508" t="s">
        <v>12079</v>
      </c>
      <c r="E19508" t="s">
        <v>12006</v>
      </c>
      <c r="F19508" t="s">
        <v>12007</v>
      </c>
      <c r="G19508" t="s">
        <v>10450</v>
      </c>
      <c r="H19508" t="s">
        <v>10451</v>
      </c>
      <c r="I19508" s="2">
        <v>1</v>
      </c>
      <c r="J19508" s="2">
        <v>0</v>
      </c>
      <c r="K19508" s="2">
        <v>0</v>
      </c>
      <c r="L19508" t="s">
        <v>120</v>
      </c>
      <c r="M19508" t="s">
        <v>89</v>
      </c>
      <c r="N19508" t="s">
        <v>90</v>
      </c>
      <c r="O19508" t="s">
        <v>85</v>
      </c>
      <c r="P19508" t="s">
        <v>86</v>
      </c>
      <c r="Q19508">
        <v>50</v>
      </c>
      <c r="R19508">
        <v>51</v>
      </c>
      <c r="S19508">
        <v>52</v>
      </c>
      <c r="T19508">
        <v>54</v>
      </c>
      <c r="U19508">
        <v>55</v>
      </c>
      <c r="V19508">
        <v>56</v>
      </c>
      <c r="W19508">
        <v>57</v>
      </c>
      <c r="X19508">
        <v>58</v>
      </c>
      <c r="Y19508">
        <v>59</v>
      </c>
      <c r="Z19508">
        <v>59</v>
      </c>
      <c r="AA19508">
        <v>60</v>
      </c>
      <c r="AB19508">
        <v>61</v>
      </c>
      <c r="AC19508">
        <v>62</v>
      </c>
      <c r="AD19508">
        <v>63</v>
      </c>
      <c r="AE19508">
        <v>63</v>
      </c>
      <c r="AF19508">
        <v>64</v>
      </c>
      <c r="AG19508">
        <v>64</v>
      </c>
      <c r="AH19508">
        <v>64</v>
      </c>
      <c r="AI19508">
        <v>64</v>
      </c>
      <c r="AJ19508">
        <v>64</v>
      </c>
      <c r="AK19508">
        <v>64</v>
      </c>
      <c r="AL19508">
        <v>64</v>
      </c>
      <c r="AM19508">
        <v>64</v>
      </c>
      <c r="AN19508">
        <v>64</v>
      </c>
      <c r="AO19508">
        <v>64</v>
      </c>
      <c r="AP19508">
        <v>64</v>
      </c>
      <c r="AQ19508">
        <v>64</v>
      </c>
    </row>
    <row r="19509" spans="1:43">
      <c r="A19509" t="s">
        <v>12082</v>
      </c>
      <c r="B19509" t="s">
        <v>12083</v>
      </c>
      <c r="C19509" t="s">
        <v>12078</v>
      </c>
      <c r="D19509" t="s">
        <v>12079</v>
      </c>
      <c r="E19509" t="s">
        <v>12006</v>
      </c>
      <c r="F19509" t="s">
        <v>12007</v>
      </c>
      <c r="G19509" t="s">
        <v>10450</v>
      </c>
      <c r="H19509" t="s">
        <v>10451</v>
      </c>
      <c r="I19509" s="2">
        <v>1</v>
      </c>
      <c r="J19509" s="2">
        <v>0</v>
      </c>
      <c r="K19509" s="2">
        <v>0</v>
      </c>
      <c r="L19509" t="s">
        <v>120</v>
      </c>
      <c r="M19509" t="s">
        <v>83</v>
      </c>
      <c r="N19509" t="s">
        <v>91</v>
      </c>
      <c r="O19509" t="s">
        <v>85</v>
      </c>
      <c r="P19509" t="s">
        <v>86</v>
      </c>
      <c r="Q19509">
        <v>50</v>
      </c>
      <c r="R19509">
        <v>50</v>
      </c>
      <c r="S19509">
        <v>51</v>
      </c>
      <c r="T19509">
        <v>52</v>
      </c>
      <c r="U19509">
        <v>53</v>
      </c>
      <c r="V19509">
        <v>53</v>
      </c>
      <c r="W19509">
        <v>54</v>
      </c>
      <c r="X19509">
        <v>55</v>
      </c>
      <c r="Y19509">
        <v>55</v>
      </c>
      <c r="Z19509">
        <v>56</v>
      </c>
      <c r="AA19509">
        <v>57</v>
      </c>
      <c r="AB19509">
        <v>57</v>
      </c>
      <c r="AC19509">
        <v>58</v>
      </c>
      <c r="AD19509">
        <v>59</v>
      </c>
      <c r="AE19509">
        <v>59</v>
      </c>
      <c r="AF19509">
        <v>60</v>
      </c>
      <c r="AG19509">
        <v>61</v>
      </c>
      <c r="AH19509">
        <v>61</v>
      </c>
      <c r="AI19509">
        <v>62</v>
      </c>
      <c r="AJ19509">
        <v>62</v>
      </c>
      <c r="AK19509">
        <v>63</v>
      </c>
      <c r="AL19509">
        <v>63</v>
      </c>
      <c r="AM19509">
        <v>63</v>
      </c>
      <c r="AN19509">
        <v>63</v>
      </c>
      <c r="AO19509">
        <v>63</v>
      </c>
      <c r="AP19509">
        <v>63</v>
      </c>
      <c r="AQ19509">
        <v>63</v>
      </c>
    </row>
    <row r="19510" spans="1:43">
      <c r="A19510" t="s">
        <v>12084</v>
      </c>
      <c r="B19510" t="s">
        <v>12085</v>
      </c>
      <c r="C19510" t="s">
        <v>12078</v>
      </c>
      <c r="D19510" t="s">
        <v>12079</v>
      </c>
      <c r="E19510" t="s">
        <v>12006</v>
      </c>
      <c r="F19510" t="s">
        <v>12007</v>
      </c>
      <c r="G19510" t="s">
        <v>10450</v>
      </c>
      <c r="H19510" t="s">
        <v>10451</v>
      </c>
      <c r="I19510" s="2">
        <v>1</v>
      </c>
      <c r="J19510" s="2">
        <v>0</v>
      </c>
      <c r="K19510" s="2">
        <v>0</v>
      </c>
      <c r="L19510" t="s">
        <v>120</v>
      </c>
      <c r="M19510" t="s">
        <v>83</v>
      </c>
      <c r="N19510" t="s">
        <v>84</v>
      </c>
      <c r="O19510" t="s">
        <v>85</v>
      </c>
      <c r="P19510" t="s">
        <v>86</v>
      </c>
      <c r="Q19510">
        <v>10</v>
      </c>
      <c r="R19510">
        <v>10</v>
      </c>
      <c r="S19510">
        <v>10</v>
      </c>
      <c r="T19510">
        <v>10</v>
      </c>
      <c r="U19510">
        <v>10</v>
      </c>
      <c r="V19510">
        <v>10</v>
      </c>
      <c r="W19510">
        <v>11</v>
      </c>
      <c r="X19510">
        <v>11</v>
      </c>
      <c r="Y19510">
        <v>11</v>
      </c>
      <c r="Z19510">
        <v>11</v>
      </c>
      <c r="AA19510">
        <v>11</v>
      </c>
      <c r="AB19510">
        <v>11</v>
      </c>
      <c r="AC19510">
        <v>11</v>
      </c>
      <c r="AD19510">
        <v>11</v>
      </c>
      <c r="AE19510">
        <v>12</v>
      </c>
      <c r="AF19510">
        <v>12</v>
      </c>
      <c r="AG19510">
        <v>12</v>
      </c>
      <c r="AH19510">
        <v>12</v>
      </c>
      <c r="AI19510">
        <v>12</v>
      </c>
      <c r="AJ19510">
        <v>12</v>
      </c>
      <c r="AK19510">
        <v>12</v>
      </c>
      <c r="AL19510">
        <v>12</v>
      </c>
      <c r="AM19510">
        <v>12</v>
      </c>
      <c r="AN19510">
        <v>12</v>
      </c>
      <c r="AO19510">
        <v>12</v>
      </c>
      <c r="AP19510">
        <v>12</v>
      </c>
      <c r="AQ19510">
        <v>12</v>
      </c>
    </row>
    <row r="19511" spans="1:43">
      <c r="A19511" t="s">
        <v>12084</v>
      </c>
      <c r="B19511" t="s">
        <v>12085</v>
      </c>
      <c r="C19511" t="s">
        <v>12078</v>
      </c>
      <c r="D19511" t="s">
        <v>12079</v>
      </c>
      <c r="E19511" t="s">
        <v>12006</v>
      </c>
      <c r="F19511" t="s">
        <v>12007</v>
      </c>
      <c r="G19511" t="s">
        <v>10450</v>
      </c>
      <c r="H19511" t="s">
        <v>10451</v>
      </c>
      <c r="I19511" s="2">
        <v>1</v>
      </c>
      <c r="J19511" s="2">
        <v>0</v>
      </c>
      <c r="K19511" s="2">
        <v>0</v>
      </c>
      <c r="L19511" t="s">
        <v>120</v>
      </c>
      <c r="M19511" t="s">
        <v>87</v>
      </c>
      <c r="N19511" t="s">
        <v>88</v>
      </c>
      <c r="O19511" t="s">
        <v>85</v>
      </c>
      <c r="P19511" t="s">
        <v>86</v>
      </c>
      <c r="Q19511">
        <v>10</v>
      </c>
      <c r="R19511">
        <v>10</v>
      </c>
      <c r="S19511">
        <v>10</v>
      </c>
      <c r="T19511">
        <v>10</v>
      </c>
      <c r="U19511">
        <v>10</v>
      </c>
      <c r="V19511">
        <v>10</v>
      </c>
      <c r="W19511">
        <v>10</v>
      </c>
      <c r="X19511">
        <v>10</v>
      </c>
      <c r="Y19511">
        <v>10</v>
      </c>
      <c r="Z19511">
        <v>10</v>
      </c>
      <c r="AA19511">
        <v>10</v>
      </c>
      <c r="AB19511">
        <v>10</v>
      </c>
      <c r="AC19511">
        <v>10</v>
      </c>
      <c r="AD19511">
        <v>10</v>
      </c>
      <c r="AE19511">
        <v>10</v>
      </c>
      <c r="AF19511">
        <v>10</v>
      </c>
      <c r="AG19511">
        <v>10</v>
      </c>
      <c r="AH19511">
        <v>10</v>
      </c>
      <c r="AI19511">
        <v>10</v>
      </c>
      <c r="AJ19511">
        <v>11</v>
      </c>
      <c r="AK19511">
        <v>11</v>
      </c>
      <c r="AL19511">
        <v>11</v>
      </c>
      <c r="AM19511">
        <v>11</v>
      </c>
      <c r="AN19511">
        <v>11</v>
      </c>
      <c r="AO19511">
        <v>11</v>
      </c>
      <c r="AP19511">
        <v>11</v>
      </c>
      <c r="AQ19511">
        <v>11</v>
      </c>
    </row>
    <row r="19512" spans="1:43">
      <c r="A19512" t="s">
        <v>12084</v>
      </c>
      <c r="B19512" t="s">
        <v>12085</v>
      </c>
      <c r="C19512" t="s">
        <v>12078</v>
      </c>
      <c r="D19512" t="s">
        <v>12079</v>
      </c>
      <c r="E19512" t="s">
        <v>12006</v>
      </c>
      <c r="F19512" t="s">
        <v>12007</v>
      </c>
      <c r="G19512" t="s">
        <v>10450</v>
      </c>
      <c r="H19512" t="s">
        <v>10451</v>
      </c>
      <c r="I19512" s="2">
        <v>1</v>
      </c>
      <c r="J19512" s="2">
        <v>0</v>
      </c>
      <c r="K19512" s="2">
        <v>0</v>
      </c>
      <c r="L19512" t="s">
        <v>120</v>
      </c>
      <c r="M19512" t="s">
        <v>89</v>
      </c>
      <c r="N19512" t="s">
        <v>90</v>
      </c>
      <c r="O19512" t="s">
        <v>85</v>
      </c>
      <c r="P19512" t="s">
        <v>86</v>
      </c>
      <c r="Q19512">
        <v>10</v>
      </c>
      <c r="R19512">
        <v>10</v>
      </c>
      <c r="S19512">
        <v>10</v>
      </c>
      <c r="T19512">
        <v>10</v>
      </c>
      <c r="U19512">
        <v>11</v>
      </c>
      <c r="V19512">
        <v>11</v>
      </c>
      <c r="W19512">
        <v>11</v>
      </c>
      <c r="X19512">
        <v>11</v>
      </c>
      <c r="Y19512">
        <v>11</v>
      </c>
      <c r="Z19512">
        <v>12</v>
      </c>
      <c r="AA19512">
        <v>12</v>
      </c>
      <c r="AB19512">
        <v>12</v>
      </c>
      <c r="AC19512">
        <v>12</v>
      </c>
      <c r="AD19512">
        <v>12</v>
      </c>
      <c r="AE19512">
        <v>12</v>
      </c>
      <c r="AF19512">
        <v>12</v>
      </c>
      <c r="AG19512">
        <v>12</v>
      </c>
      <c r="AH19512">
        <v>12</v>
      </c>
      <c r="AI19512">
        <v>12</v>
      </c>
      <c r="AJ19512">
        <v>12</v>
      </c>
      <c r="AK19512">
        <v>12</v>
      </c>
      <c r="AL19512">
        <v>12</v>
      </c>
      <c r="AM19512">
        <v>12</v>
      </c>
      <c r="AN19512">
        <v>13</v>
      </c>
      <c r="AO19512">
        <v>13</v>
      </c>
      <c r="AP19512">
        <v>13</v>
      </c>
      <c r="AQ19512">
        <v>13</v>
      </c>
    </row>
    <row r="19513" spans="1:43">
      <c r="A19513" t="s">
        <v>12084</v>
      </c>
      <c r="B19513" t="s">
        <v>12085</v>
      </c>
      <c r="C19513" t="s">
        <v>12078</v>
      </c>
      <c r="D19513" t="s">
        <v>12079</v>
      </c>
      <c r="E19513" t="s">
        <v>12006</v>
      </c>
      <c r="F19513" t="s">
        <v>12007</v>
      </c>
      <c r="G19513" t="s">
        <v>10450</v>
      </c>
      <c r="H19513" t="s">
        <v>10451</v>
      </c>
      <c r="I19513" s="2">
        <v>1</v>
      </c>
      <c r="J19513" s="2">
        <v>0</v>
      </c>
      <c r="K19513" s="2">
        <v>0</v>
      </c>
      <c r="L19513" t="s">
        <v>120</v>
      </c>
      <c r="M19513" t="s">
        <v>83</v>
      </c>
      <c r="N19513" t="s">
        <v>91</v>
      </c>
      <c r="O19513" t="s">
        <v>85</v>
      </c>
      <c r="P19513" t="s">
        <v>86</v>
      </c>
      <c r="Q19513">
        <v>10</v>
      </c>
      <c r="R19513">
        <v>10</v>
      </c>
      <c r="S19513">
        <v>10</v>
      </c>
      <c r="T19513">
        <v>10</v>
      </c>
      <c r="U19513">
        <v>10</v>
      </c>
      <c r="V19513">
        <v>10</v>
      </c>
      <c r="W19513">
        <v>11</v>
      </c>
      <c r="X19513">
        <v>11</v>
      </c>
      <c r="Y19513">
        <v>11</v>
      </c>
      <c r="Z19513">
        <v>11</v>
      </c>
      <c r="AA19513">
        <v>11</v>
      </c>
      <c r="AB19513">
        <v>11</v>
      </c>
      <c r="AC19513">
        <v>11</v>
      </c>
      <c r="AD19513">
        <v>11</v>
      </c>
      <c r="AE19513">
        <v>12</v>
      </c>
      <c r="AF19513">
        <v>12</v>
      </c>
      <c r="AG19513">
        <v>12</v>
      </c>
      <c r="AH19513">
        <v>12</v>
      </c>
      <c r="AI19513">
        <v>12</v>
      </c>
      <c r="AJ19513">
        <v>12</v>
      </c>
      <c r="AK19513">
        <v>12</v>
      </c>
      <c r="AL19513">
        <v>12</v>
      </c>
      <c r="AM19513">
        <v>12</v>
      </c>
      <c r="AN19513">
        <v>12</v>
      </c>
      <c r="AO19513">
        <v>12</v>
      </c>
      <c r="AP19513">
        <v>12</v>
      </c>
      <c r="AQ19513">
        <v>12</v>
      </c>
    </row>
    <row r="19514" spans="1:43">
      <c r="A19514" t="s">
        <v>12086</v>
      </c>
      <c r="B19514" t="s">
        <v>12087</v>
      </c>
      <c r="C19514" t="s">
        <v>12078</v>
      </c>
      <c r="D19514" t="s">
        <v>12079</v>
      </c>
      <c r="E19514" t="s">
        <v>12006</v>
      </c>
      <c r="F19514" t="s">
        <v>12007</v>
      </c>
      <c r="G19514" t="s">
        <v>10450</v>
      </c>
      <c r="H19514" t="s">
        <v>10451</v>
      </c>
      <c r="I19514" s="2">
        <v>1</v>
      </c>
      <c r="J19514" s="2">
        <v>0</v>
      </c>
      <c r="K19514" s="2">
        <v>0</v>
      </c>
      <c r="L19514" t="s">
        <v>120</v>
      </c>
      <c r="M19514" t="s">
        <v>83</v>
      </c>
      <c r="N19514" t="s">
        <v>84</v>
      </c>
      <c r="O19514" t="s">
        <v>85</v>
      </c>
      <c r="P19514" t="s">
        <v>86</v>
      </c>
      <c r="Q19514">
        <v>12</v>
      </c>
      <c r="R19514">
        <v>12</v>
      </c>
      <c r="S19514">
        <v>12</v>
      </c>
      <c r="T19514">
        <v>12</v>
      </c>
      <c r="U19514">
        <v>13</v>
      </c>
      <c r="V19514">
        <v>13</v>
      </c>
      <c r="W19514">
        <v>13</v>
      </c>
      <c r="X19514">
        <v>13</v>
      </c>
      <c r="Y19514">
        <v>13</v>
      </c>
      <c r="Z19514">
        <v>13</v>
      </c>
      <c r="AA19514">
        <v>14</v>
      </c>
      <c r="AB19514">
        <v>14</v>
      </c>
      <c r="AC19514">
        <v>14</v>
      </c>
      <c r="AD19514">
        <v>14</v>
      </c>
      <c r="AE19514">
        <v>14</v>
      </c>
      <c r="AF19514">
        <v>14</v>
      </c>
      <c r="AG19514">
        <v>14</v>
      </c>
      <c r="AH19514">
        <v>15</v>
      </c>
      <c r="AI19514">
        <v>15</v>
      </c>
      <c r="AJ19514">
        <v>15</v>
      </c>
      <c r="AK19514">
        <v>15</v>
      </c>
      <c r="AL19514">
        <v>15</v>
      </c>
      <c r="AM19514">
        <v>15</v>
      </c>
      <c r="AN19514">
        <v>15</v>
      </c>
      <c r="AO19514">
        <v>15</v>
      </c>
      <c r="AP19514">
        <v>15</v>
      </c>
      <c r="AQ19514">
        <v>15</v>
      </c>
    </row>
    <row r="19515" spans="1:43">
      <c r="A19515" t="s">
        <v>12086</v>
      </c>
      <c r="B19515" t="s">
        <v>12087</v>
      </c>
      <c r="C19515" t="s">
        <v>12078</v>
      </c>
      <c r="D19515" t="s">
        <v>12079</v>
      </c>
      <c r="E19515" t="s">
        <v>12006</v>
      </c>
      <c r="F19515" t="s">
        <v>12007</v>
      </c>
      <c r="G19515" t="s">
        <v>10450</v>
      </c>
      <c r="H19515" t="s">
        <v>10451</v>
      </c>
      <c r="I19515" s="2">
        <v>1</v>
      </c>
      <c r="J19515" s="2">
        <v>0</v>
      </c>
      <c r="K19515" s="2">
        <v>0</v>
      </c>
      <c r="L19515" t="s">
        <v>120</v>
      </c>
      <c r="M19515" t="s">
        <v>87</v>
      </c>
      <c r="N19515" t="s">
        <v>88</v>
      </c>
      <c r="O19515" t="s">
        <v>85</v>
      </c>
      <c r="P19515" t="s">
        <v>86</v>
      </c>
      <c r="Q19515">
        <v>12</v>
      </c>
      <c r="R19515">
        <v>12</v>
      </c>
      <c r="S19515">
        <v>12</v>
      </c>
      <c r="T19515">
        <v>12</v>
      </c>
      <c r="U19515">
        <v>12</v>
      </c>
      <c r="V19515">
        <v>12</v>
      </c>
      <c r="W19515">
        <v>12</v>
      </c>
      <c r="X19515">
        <v>12</v>
      </c>
      <c r="Y19515">
        <v>12</v>
      </c>
      <c r="Z19515">
        <v>12</v>
      </c>
      <c r="AA19515">
        <v>12</v>
      </c>
      <c r="AB19515">
        <v>12</v>
      </c>
      <c r="AC19515">
        <v>12</v>
      </c>
      <c r="AD19515">
        <v>13</v>
      </c>
      <c r="AE19515">
        <v>13</v>
      </c>
      <c r="AF19515">
        <v>13</v>
      </c>
      <c r="AG19515">
        <v>13</v>
      </c>
      <c r="AH19515">
        <v>13</v>
      </c>
      <c r="AI19515">
        <v>13</v>
      </c>
      <c r="AJ19515">
        <v>13</v>
      </c>
      <c r="AK19515">
        <v>13</v>
      </c>
      <c r="AL19515">
        <v>13</v>
      </c>
      <c r="AM19515">
        <v>13</v>
      </c>
      <c r="AN19515">
        <v>13</v>
      </c>
      <c r="AO19515">
        <v>13</v>
      </c>
      <c r="AP19515">
        <v>13</v>
      </c>
      <c r="AQ19515">
        <v>13</v>
      </c>
    </row>
    <row r="19516" spans="1:43">
      <c r="A19516" t="s">
        <v>12086</v>
      </c>
      <c r="B19516" t="s">
        <v>12087</v>
      </c>
      <c r="C19516" t="s">
        <v>12078</v>
      </c>
      <c r="D19516" t="s">
        <v>12079</v>
      </c>
      <c r="E19516" t="s">
        <v>12006</v>
      </c>
      <c r="F19516" t="s">
        <v>12007</v>
      </c>
      <c r="G19516" t="s">
        <v>10450</v>
      </c>
      <c r="H19516" t="s">
        <v>10451</v>
      </c>
      <c r="I19516" s="2">
        <v>1</v>
      </c>
      <c r="J19516" s="2">
        <v>0</v>
      </c>
      <c r="K19516" s="2">
        <v>0</v>
      </c>
      <c r="L19516" t="s">
        <v>120</v>
      </c>
      <c r="M19516" t="s">
        <v>89</v>
      </c>
      <c r="N19516" t="s">
        <v>90</v>
      </c>
      <c r="O19516" t="s">
        <v>85</v>
      </c>
      <c r="P19516" t="s">
        <v>86</v>
      </c>
      <c r="Q19516">
        <v>12</v>
      </c>
      <c r="R19516">
        <v>12</v>
      </c>
      <c r="S19516">
        <v>13</v>
      </c>
      <c r="T19516">
        <v>13</v>
      </c>
      <c r="U19516">
        <v>13</v>
      </c>
      <c r="V19516">
        <v>13</v>
      </c>
      <c r="W19516">
        <v>14</v>
      </c>
      <c r="X19516">
        <v>14</v>
      </c>
      <c r="Y19516">
        <v>14</v>
      </c>
      <c r="Z19516">
        <v>14</v>
      </c>
      <c r="AA19516">
        <v>14</v>
      </c>
      <c r="AB19516">
        <v>15</v>
      </c>
      <c r="AC19516">
        <v>15</v>
      </c>
      <c r="AD19516">
        <v>15</v>
      </c>
      <c r="AE19516">
        <v>15</v>
      </c>
      <c r="AF19516">
        <v>15</v>
      </c>
      <c r="AG19516">
        <v>15</v>
      </c>
      <c r="AH19516">
        <v>15</v>
      </c>
      <c r="AI19516">
        <v>15</v>
      </c>
      <c r="AJ19516">
        <v>15</v>
      </c>
      <c r="AK19516">
        <v>15</v>
      </c>
      <c r="AL19516">
        <v>15</v>
      </c>
      <c r="AM19516">
        <v>15</v>
      </c>
      <c r="AN19516">
        <v>15</v>
      </c>
      <c r="AO19516">
        <v>15</v>
      </c>
      <c r="AP19516">
        <v>15</v>
      </c>
      <c r="AQ19516">
        <v>15</v>
      </c>
    </row>
    <row r="19517" spans="1:43">
      <c r="A19517" t="s">
        <v>12086</v>
      </c>
      <c r="B19517" t="s">
        <v>12087</v>
      </c>
      <c r="C19517" t="s">
        <v>12078</v>
      </c>
      <c r="D19517" t="s">
        <v>12079</v>
      </c>
      <c r="E19517" t="s">
        <v>12006</v>
      </c>
      <c r="F19517" t="s">
        <v>12007</v>
      </c>
      <c r="G19517" t="s">
        <v>10450</v>
      </c>
      <c r="H19517" t="s">
        <v>10451</v>
      </c>
      <c r="I19517" s="2">
        <v>1</v>
      </c>
      <c r="J19517" s="2">
        <v>0</v>
      </c>
      <c r="K19517" s="2">
        <v>0</v>
      </c>
      <c r="L19517" t="s">
        <v>120</v>
      </c>
      <c r="M19517" t="s">
        <v>83</v>
      </c>
      <c r="N19517" t="s">
        <v>91</v>
      </c>
      <c r="O19517" t="s">
        <v>85</v>
      </c>
      <c r="P19517" t="s">
        <v>86</v>
      </c>
      <c r="Q19517">
        <v>12</v>
      </c>
      <c r="R19517">
        <v>12</v>
      </c>
      <c r="S19517">
        <v>12</v>
      </c>
      <c r="T19517">
        <v>12</v>
      </c>
      <c r="U19517">
        <v>13</v>
      </c>
      <c r="V19517">
        <v>13</v>
      </c>
      <c r="W19517">
        <v>13</v>
      </c>
      <c r="X19517">
        <v>13</v>
      </c>
      <c r="Y19517">
        <v>13</v>
      </c>
      <c r="Z19517">
        <v>13</v>
      </c>
      <c r="AA19517">
        <v>14</v>
      </c>
      <c r="AB19517">
        <v>14</v>
      </c>
      <c r="AC19517">
        <v>14</v>
      </c>
      <c r="AD19517">
        <v>14</v>
      </c>
      <c r="AE19517">
        <v>14</v>
      </c>
      <c r="AF19517">
        <v>14</v>
      </c>
      <c r="AG19517">
        <v>14</v>
      </c>
      <c r="AH19517">
        <v>15</v>
      </c>
      <c r="AI19517">
        <v>15</v>
      </c>
      <c r="AJ19517">
        <v>15</v>
      </c>
      <c r="AK19517">
        <v>15</v>
      </c>
      <c r="AL19517">
        <v>15</v>
      </c>
      <c r="AM19517">
        <v>15</v>
      </c>
      <c r="AN19517">
        <v>15</v>
      </c>
      <c r="AO19517">
        <v>15</v>
      </c>
      <c r="AP19517">
        <v>15</v>
      </c>
      <c r="AQ19517">
        <v>15</v>
      </c>
    </row>
    <row r="19518" spans="1:43">
      <c r="A19518" t="s">
        <v>12088</v>
      </c>
      <c r="B19518" t="s">
        <v>12089</v>
      </c>
      <c r="C19518" t="s">
        <v>12064</v>
      </c>
      <c r="D19518" t="s">
        <v>12065</v>
      </c>
      <c r="E19518" t="s">
        <v>12006</v>
      </c>
      <c r="F19518" t="s">
        <v>12007</v>
      </c>
      <c r="G19518" t="s">
        <v>10450</v>
      </c>
      <c r="H19518" t="s">
        <v>10451</v>
      </c>
      <c r="I19518" s="2">
        <v>1</v>
      </c>
      <c r="J19518" s="2">
        <v>0</v>
      </c>
      <c r="K19518" s="2">
        <v>0</v>
      </c>
      <c r="L19518" t="s">
        <v>120</v>
      </c>
      <c r="M19518" t="s">
        <v>83</v>
      </c>
      <c r="N19518" t="s">
        <v>84</v>
      </c>
      <c r="O19518" t="s">
        <v>85</v>
      </c>
      <c r="P19518" t="s">
        <v>86</v>
      </c>
      <c r="Q19518">
        <v>8</v>
      </c>
      <c r="R19518">
        <v>8</v>
      </c>
      <c r="S19518">
        <v>9</v>
      </c>
      <c r="T19518">
        <v>9</v>
      </c>
      <c r="U19518">
        <v>9</v>
      </c>
      <c r="V19518">
        <v>9</v>
      </c>
      <c r="W19518">
        <v>9</v>
      </c>
      <c r="X19518">
        <v>9</v>
      </c>
      <c r="Y19518">
        <v>9</v>
      </c>
      <c r="Z19518">
        <v>9</v>
      </c>
      <c r="AA19518">
        <v>9</v>
      </c>
      <c r="AB19518">
        <v>10</v>
      </c>
      <c r="AC19518">
        <v>10</v>
      </c>
      <c r="AD19518">
        <v>10</v>
      </c>
      <c r="AE19518">
        <v>10</v>
      </c>
      <c r="AF19518">
        <v>10</v>
      </c>
      <c r="AG19518">
        <v>10</v>
      </c>
      <c r="AH19518">
        <v>10</v>
      </c>
      <c r="AI19518">
        <v>10</v>
      </c>
      <c r="AJ19518">
        <v>10</v>
      </c>
      <c r="AK19518">
        <v>11</v>
      </c>
      <c r="AL19518">
        <v>11</v>
      </c>
      <c r="AM19518">
        <v>11</v>
      </c>
      <c r="AN19518">
        <v>11</v>
      </c>
      <c r="AO19518">
        <v>11</v>
      </c>
      <c r="AP19518">
        <v>11</v>
      </c>
      <c r="AQ19518">
        <v>11</v>
      </c>
    </row>
    <row r="19519" spans="1:43">
      <c r="A19519" t="s">
        <v>12088</v>
      </c>
      <c r="B19519" t="s">
        <v>12089</v>
      </c>
      <c r="C19519" t="s">
        <v>12064</v>
      </c>
      <c r="D19519" t="s">
        <v>12065</v>
      </c>
      <c r="E19519" t="s">
        <v>12006</v>
      </c>
      <c r="F19519" t="s">
        <v>12007</v>
      </c>
      <c r="G19519" t="s">
        <v>10450</v>
      </c>
      <c r="H19519" t="s">
        <v>10451</v>
      </c>
      <c r="I19519" s="2">
        <v>1</v>
      </c>
      <c r="J19519" s="2">
        <v>0</v>
      </c>
      <c r="K19519" s="2">
        <v>0</v>
      </c>
      <c r="L19519" t="s">
        <v>120</v>
      </c>
      <c r="M19519" t="s">
        <v>87</v>
      </c>
      <c r="N19519" t="s">
        <v>88</v>
      </c>
      <c r="O19519" t="s">
        <v>85</v>
      </c>
      <c r="P19519" t="s">
        <v>86</v>
      </c>
      <c r="Q19519">
        <v>8</v>
      </c>
      <c r="R19519">
        <v>8</v>
      </c>
      <c r="S19519">
        <v>8</v>
      </c>
      <c r="T19519">
        <v>8</v>
      </c>
      <c r="U19519">
        <v>8</v>
      </c>
      <c r="V19519">
        <v>8</v>
      </c>
      <c r="W19519">
        <v>8</v>
      </c>
      <c r="X19519">
        <v>9</v>
      </c>
      <c r="Y19519">
        <v>9</v>
      </c>
      <c r="Z19519">
        <v>9</v>
      </c>
      <c r="AA19519">
        <v>9</v>
      </c>
      <c r="AB19519">
        <v>9</v>
      </c>
      <c r="AC19519">
        <v>9</v>
      </c>
      <c r="AD19519">
        <v>9</v>
      </c>
      <c r="AE19519">
        <v>9</v>
      </c>
      <c r="AF19519">
        <v>9</v>
      </c>
      <c r="AG19519">
        <v>9</v>
      </c>
      <c r="AH19519">
        <v>9</v>
      </c>
      <c r="AI19519">
        <v>9</v>
      </c>
      <c r="AJ19519">
        <v>9</v>
      </c>
      <c r="AK19519">
        <v>9</v>
      </c>
      <c r="AL19519">
        <v>9</v>
      </c>
      <c r="AM19519">
        <v>9</v>
      </c>
      <c r="AN19519">
        <v>9</v>
      </c>
      <c r="AO19519">
        <v>9</v>
      </c>
      <c r="AP19519">
        <v>9</v>
      </c>
      <c r="AQ19519">
        <v>9</v>
      </c>
    </row>
    <row r="19520" spans="1:43">
      <c r="A19520" t="s">
        <v>12088</v>
      </c>
      <c r="B19520" t="s">
        <v>12089</v>
      </c>
      <c r="C19520" t="s">
        <v>12064</v>
      </c>
      <c r="D19520" t="s">
        <v>12065</v>
      </c>
      <c r="E19520" t="s">
        <v>12006</v>
      </c>
      <c r="F19520" t="s">
        <v>12007</v>
      </c>
      <c r="G19520" t="s">
        <v>10450</v>
      </c>
      <c r="H19520" t="s">
        <v>10451</v>
      </c>
      <c r="I19520" s="2">
        <v>1</v>
      </c>
      <c r="J19520" s="2">
        <v>0</v>
      </c>
      <c r="K19520" s="2">
        <v>0</v>
      </c>
      <c r="L19520" t="s">
        <v>120</v>
      </c>
      <c r="M19520" t="s">
        <v>89</v>
      </c>
      <c r="N19520" t="s">
        <v>90</v>
      </c>
      <c r="O19520" t="s">
        <v>85</v>
      </c>
      <c r="P19520" t="s">
        <v>86</v>
      </c>
      <c r="Q19520">
        <v>8</v>
      </c>
      <c r="R19520">
        <v>9</v>
      </c>
      <c r="S19520">
        <v>9</v>
      </c>
      <c r="T19520">
        <v>9</v>
      </c>
      <c r="U19520">
        <v>9</v>
      </c>
      <c r="V19520">
        <v>9</v>
      </c>
      <c r="W19520">
        <v>9</v>
      </c>
      <c r="X19520">
        <v>10</v>
      </c>
      <c r="Y19520">
        <v>10</v>
      </c>
      <c r="Z19520">
        <v>10</v>
      </c>
      <c r="AA19520">
        <v>10</v>
      </c>
      <c r="AB19520">
        <v>10</v>
      </c>
      <c r="AC19520">
        <v>10</v>
      </c>
      <c r="AD19520">
        <v>11</v>
      </c>
      <c r="AE19520">
        <v>11</v>
      </c>
      <c r="AF19520">
        <v>11</v>
      </c>
      <c r="AG19520">
        <v>11</v>
      </c>
      <c r="AH19520">
        <v>11</v>
      </c>
      <c r="AI19520">
        <v>11</v>
      </c>
      <c r="AJ19520">
        <v>11</v>
      </c>
      <c r="AK19520">
        <v>11</v>
      </c>
      <c r="AL19520">
        <v>11</v>
      </c>
      <c r="AM19520">
        <v>11</v>
      </c>
      <c r="AN19520">
        <v>11</v>
      </c>
      <c r="AO19520">
        <v>11</v>
      </c>
      <c r="AP19520">
        <v>11</v>
      </c>
      <c r="AQ19520">
        <v>11</v>
      </c>
    </row>
    <row r="19521" spans="1:43">
      <c r="A19521" t="s">
        <v>12088</v>
      </c>
      <c r="B19521" t="s">
        <v>12089</v>
      </c>
      <c r="C19521" t="s">
        <v>12064</v>
      </c>
      <c r="D19521" t="s">
        <v>12065</v>
      </c>
      <c r="E19521" t="s">
        <v>12006</v>
      </c>
      <c r="F19521" t="s">
        <v>12007</v>
      </c>
      <c r="G19521" t="s">
        <v>10450</v>
      </c>
      <c r="H19521" t="s">
        <v>10451</v>
      </c>
      <c r="I19521" s="2">
        <v>1</v>
      </c>
      <c r="J19521" s="2">
        <v>0</v>
      </c>
      <c r="K19521" s="2">
        <v>0</v>
      </c>
      <c r="L19521" t="s">
        <v>120</v>
      </c>
      <c r="M19521" t="s">
        <v>83</v>
      </c>
      <c r="N19521" t="s">
        <v>91</v>
      </c>
      <c r="O19521" t="s">
        <v>85</v>
      </c>
      <c r="P19521" t="s">
        <v>86</v>
      </c>
      <c r="Q19521">
        <v>8</v>
      </c>
      <c r="R19521">
        <v>8</v>
      </c>
      <c r="S19521">
        <v>9</v>
      </c>
      <c r="T19521">
        <v>9</v>
      </c>
      <c r="U19521">
        <v>9</v>
      </c>
      <c r="V19521">
        <v>9</v>
      </c>
      <c r="W19521">
        <v>9</v>
      </c>
      <c r="X19521">
        <v>9</v>
      </c>
      <c r="Y19521">
        <v>9</v>
      </c>
      <c r="Z19521">
        <v>9</v>
      </c>
      <c r="AA19521">
        <v>9</v>
      </c>
      <c r="AB19521">
        <v>10</v>
      </c>
      <c r="AC19521">
        <v>10</v>
      </c>
      <c r="AD19521">
        <v>10</v>
      </c>
      <c r="AE19521">
        <v>10</v>
      </c>
      <c r="AF19521">
        <v>10</v>
      </c>
      <c r="AG19521">
        <v>10</v>
      </c>
      <c r="AH19521">
        <v>10</v>
      </c>
      <c r="AI19521">
        <v>10</v>
      </c>
      <c r="AJ19521">
        <v>10</v>
      </c>
      <c r="AK19521">
        <v>11</v>
      </c>
      <c r="AL19521">
        <v>11</v>
      </c>
      <c r="AM19521">
        <v>11</v>
      </c>
      <c r="AN19521">
        <v>11</v>
      </c>
      <c r="AO19521">
        <v>11</v>
      </c>
      <c r="AP19521">
        <v>11</v>
      </c>
      <c r="AQ19521">
        <v>11</v>
      </c>
    </row>
    <row r="19522" spans="1:43">
      <c r="A19522" t="s">
        <v>12090</v>
      </c>
      <c r="B19522" t="s">
        <v>12091</v>
      </c>
      <c r="C19522" t="s">
        <v>12064</v>
      </c>
      <c r="D19522" t="s">
        <v>12065</v>
      </c>
      <c r="E19522" t="s">
        <v>12006</v>
      </c>
      <c r="F19522" t="s">
        <v>12007</v>
      </c>
      <c r="G19522" t="s">
        <v>10450</v>
      </c>
      <c r="H19522" t="s">
        <v>10451</v>
      </c>
      <c r="I19522" s="2">
        <v>1</v>
      </c>
      <c r="J19522" s="2">
        <v>0</v>
      </c>
      <c r="K19522" s="2">
        <v>0</v>
      </c>
      <c r="L19522" t="s">
        <v>120</v>
      </c>
      <c r="M19522" t="s">
        <v>83</v>
      </c>
      <c r="N19522" t="s">
        <v>84</v>
      </c>
      <c r="O19522" t="s">
        <v>85</v>
      </c>
      <c r="P19522" t="s">
        <v>86</v>
      </c>
      <c r="Q19522">
        <v>34</v>
      </c>
      <c r="R19522">
        <v>34</v>
      </c>
      <c r="S19522">
        <v>35</v>
      </c>
      <c r="T19522">
        <v>35</v>
      </c>
      <c r="U19522">
        <v>36</v>
      </c>
      <c r="V19522">
        <v>36</v>
      </c>
      <c r="W19522">
        <v>36</v>
      </c>
      <c r="X19522">
        <v>37</v>
      </c>
      <c r="Y19522">
        <v>37</v>
      </c>
      <c r="Z19522">
        <v>38</v>
      </c>
      <c r="AA19522">
        <v>38</v>
      </c>
      <c r="AB19522">
        <v>39</v>
      </c>
      <c r="AC19522">
        <v>39</v>
      </c>
      <c r="AD19522">
        <v>40</v>
      </c>
      <c r="AE19522">
        <v>40</v>
      </c>
      <c r="AF19522">
        <v>41</v>
      </c>
      <c r="AG19522">
        <v>41</v>
      </c>
      <c r="AH19522">
        <v>41</v>
      </c>
      <c r="AI19522">
        <v>42</v>
      </c>
      <c r="AJ19522">
        <v>42</v>
      </c>
      <c r="AK19522">
        <v>43</v>
      </c>
      <c r="AL19522">
        <v>43</v>
      </c>
      <c r="AM19522">
        <v>43</v>
      </c>
      <c r="AN19522">
        <v>43</v>
      </c>
      <c r="AO19522">
        <v>43</v>
      </c>
      <c r="AP19522">
        <v>43</v>
      </c>
      <c r="AQ19522">
        <v>43</v>
      </c>
    </row>
    <row r="19523" spans="1:43">
      <c r="A19523" t="s">
        <v>12090</v>
      </c>
      <c r="B19523" t="s">
        <v>12091</v>
      </c>
      <c r="C19523" t="s">
        <v>12064</v>
      </c>
      <c r="D19523" t="s">
        <v>12065</v>
      </c>
      <c r="E19523" t="s">
        <v>12006</v>
      </c>
      <c r="F19523" t="s">
        <v>12007</v>
      </c>
      <c r="G19523" t="s">
        <v>10450</v>
      </c>
      <c r="H19523" t="s">
        <v>10451</v>
      </c>
      <c r="I19523" s="2">
        <v>1</v>
      </c>
      <c r="J19523" s="2">
        <v>0</v>
      </c>
      <c r="K19523" s="2">
        <v>0</v>
      </c>
      <c r="L19523" t="s">
        <v>120</v>
      </c>
      <c r="M19523" t="s">
        <v>87</v>
      </c>
      <c r="N19523" t="s">
        <v>88</v>
      </c>
      <c r="O19523" t="s">
        <v>85</v>
      </c>
      <c r="P19523" t="s">
        <v>86</v>
      </c>
      <c r="Q19523">
        <v>34</v>
      </c>
      <c r="R19523">
        <v>34</v>
      </c>
      <c r="S19523">
        <v>35</v>
      </c>
      <c r="T19523">
        <v>35</v>
      </c>
      <c r="U19523">
        <v>35</v>
      </c>
      <c r="V19523">
        <v>35</v>
      </c>
      <c r="W19523">
        <v>35</v>
      </c>
      <c r="X19523">
        <v>35</v>
      </c>
      <c r="Y19523">
        <v>36</v>
      </c>
      <c r="Z19523">
        <v>36</v>
      </c>
      <c r="AA19523">
        <v>36</v>
      </c>
      <c r="AB19523">
        <v>36</v>
      </c>
      <c r="AC19523">
        <v>36</v>
      </c>
      <c r="AD19523">
        <v>36</v>
      </c>
      <c r="AE19523">
        <v>37</v>
      </c>
      <c r="AF19523">
        <v>37</v>
      </c>
      <c r="AG19523">
        <v>37</v>
      </c>
      <c r="AH19523">
        <v>37</v>
      </c>
      <c r="AI19523">
        <v>37</v>
      </c>
      <c r="AJ19523">
        <v>37</v>
      </c>
      <c r="AK19523">
        <v>37</v>
      </c>
      <c r="AL19523">
        <v>38</v>
      </c>
      <c r="AM19523">
        <v>38</v>
      </c>
      <c r="AN19523">
        <v>38</v>
      </c>
      <c r="AO19523">
        <v>38</v>
      </c>
      <c r="AP19523">
        <v>38</v>
      </c>
      <c r="AQ19523">
        <v>38</v>
      </c>
    </row>
    <row r="19524" spans="1:43">
      <c r="A19524" t="s">
        <v>12090</v>
      </c>
      <c r="B19524" t="s">
        <v>12091</v>
      </c>
      <c r="C19524" t="s">
        <v>12064</v>
      </c>
      <c r="D19524" t="s">
        <v>12065</v>
      </c>
      <c r="E19524" t="s">
        <v>12006</v>
      </c>
      <c r="F19524" t="s">
        <v>12007</v>
      </c>
      <c r="G19524" t="s">
        <v>10450</v>
      </c>
      <c r="H19524" t="s">
        <v>10451</v>
      </c>
      <c r="I19524" s="2">
        <v>1</v>
      </c>
      <c r="J19524" s="2">
        <v>0</v>
      </c>
      <c r="K19524" s="2">
        <v>0</v>
      </c>
      <c r="L19524" t="s">
        <v>120</v>
      </c>
      <c r="M19524" t="s">
        <v>89</v>
      </c>
      <c r="N19524" t="s">
        <v>90</v>
      </c>
      <c r="O19524" t="s">
        <v>85</v>
      </c>
      <c r="P19524" t="s">
        <v>86</v>
      </c>
      <c r="Q19524">
        <v>34</v>
      </c>
      <c r="R19524">
        <v>35</v>
      </c>
      <c r="S19524">
        <v>35</v>
      </c>
      <c r="T19524">
        <v>36</v>
      </c>
      <c r="U19524">
        <v>37</v>
      </c>
      <c r="V19524">
        <v>38</v>
      </c>
      <c r="W19524">
        <v>38</v>
      </c>
      <c r="X19524">
        <v>39</v>
      </c>
      <c r="Y19524">
        <v>40</v>
      </c>
      <c r="Z19524">
        <v>40</v>
      </c>
      <c r="AA19524">
        <v>41</v>
      </c>
      <c r="AB19524">
        <v>41</v>
      </c>
      <c r="AC19524">
        <v>42</v>
      </c>
      <c r="AD19524">
        <v>43</v>
      </c>
      <c r="AE19524">
        <v>43</v>
      </c>
      <c r="AF19524">
        <v>43</v>
      </c>
      <c r="AG19524">
        <v>43</v>
      </c>
      <c r="AH19524">
        <v>43</v>
      </c>
      <c r="AI19524">
        <v>43</v>
      </c>
      <c r="AJ19524">
        <v>43</v>
      </c>
      <c r="AK19524">
        <v>43</v>
      </c>
      <c r="AL19524">
        <v>43</v>
      </c>
      <c r="AM19524">
        <v>43</v>
      </c>
      <c r="AN19524">
        <v>43</v>
      </c>
      <c r="AO19524">
        <v>43</v>
      </c>
      <c r="AP19524">
        <v>43</v>
      </c>
      <c r="AQ19524">
        <v>43</v>
      </c>
    </row>
    <row r="19525" spans="1:43">
      <c r="A19525" t="s">
        <v>12090</v>
      </c>
      <c r="B19525" t="s">
        <v>12091</v>
      </c>
      <c r="C19525" t="s">
        <v>12064</v>
      </c>
      <c r="D19525" t="s">
        <v>12065</v>
      </c>
      <c r="E19525" t="s">
        <v>12006</v>
      </c>
      <c r="F19525" t="s">
        <v>12007</v>
      </c>
      <c r="G19525" t="s">
        <v>10450</v>
      </c>
      <c r="H19525" t="s">
        <v>10451</v>
      </c>
      <c r="I19525" s="2">
        <v>1</v>
      </c>
      <c r="J19525" s="2">
        <v>0</v>
      </c>
      <c r="K19525" s="2">
        <v>0</v>
      </c>
      <c r="L19525" t="s">
        <v>120</v>
      </c>
      <c r="M19525" t="s">
        <v>83</v>
      </c>
      <c r="N19525" t="s">
        <v>91</v>
      </c>
      <c r="O19525" t="s">
        <v>85</v>
      </c>
      <c r="P19525" t="s">
        <v>86</v>
      </c>
      <c r="Q19525">
        <v>34</v>
      </c>
      <c r="R19525">
        <v>34</v>
      </c>
      <c r="S19525">
        <v>35</v>
      </c>
      <c r="T19525">
        <v>35</v>
      </c>
      <c r="U19525">
        <v>36</v>
      </c>
      <c r="V19525">
        <v>36</v>
      </c>
      <c r="W19525">
        <v>36</v>
      </c>
      <c r="X19525">
        <v>37</v>
      </c>
      <c r="Y19525">
        <v>37</v>
      </c>
      <c r="Z19525">
        <v>38</v>
      </c>
      <c r="AA19525">
        <v>38</v>
      </c>
      <c r="AB19525">
        <v>39</v>
      </c>
      <c r="AC19525">
        <v>39</v>
      </c>
      <c r="AD19525">
        <v>40</v>
      </c>
      <c r="AE19525">
        <v>40</v>
      </c>
      <c r="AF19525">
        <v>41</v>
      </c>
      <c r="AG19525">
        <v>41</v>
      </c>
      <c r="AH19525">
        <v>41</v>
      </c>
      <c r="AI19525">
        <v>42</v>
      </c>
      <c r="AJ19525">
        <v>42</v>
      </c>
      <c r="AK19525">
        <v>43</v>
      </c>
      <c r="AL19525">
        <v>43</v>
      </c>
      <c r="AM19525">
        <v>43</v>
      </c>
      <c r="AN19525">
        <v>43</v>
      </c>
      <c r="AO19525">
        <v>43</v>
      </c>
      <c r="AP19525">
        <v>43</v>
      </c>
      <c r="AQ19525">
        <v>43</v>
      </c>
    </row>
    <row r="19526" spans="1:43">
      <c r="A19526" t="s">
        <v>12092</v>
      </c>
      <c r="B19526" t="s">
        <v>12093</v>
      </c>
      <c r="C19526" t="s">
        <v>12094</v>
      </c>
      <c r="D19526" t="s">
        <v>12095</v>
      </c>
      <c r="E19526" t="s">
        <v>12006</v>
      </c>
      <c r="F19526" t="s">
        <v>12007</v>
      </c>
      <c r="G19526" t="s">
        <v>10450</v>
      </c>
      <c r="H19526" t="s">
        <v>10451</v>
      </c>
      <c r="I19526" s="2">
        <v>1</v>
      </c>
      <c r="J19526" s="2">
        <v>0</v>
      </c>
      <c r="K19526" s="2">
        <v>0</v>
      </c>
      <c r="L19526" t="s">
        <v>120</v>
      </c>
      <c r="M19526" t="s">
        <v>83</v>
      </c>
      <c r="N19526" t="s">
        <v>84</v>
      </c>
      <c r="O19526" t="s">
        <v>85</v>
      </c>
      <c r="P19526" t="s">
        <v>86</v>
      </c>
      <c r="Q19526">
        <v>23</v>
      </c>
      <c r="R19526">
        <v>23</v>
      </c>
      <c r="S19526">
        <v>23</v>
      </c>
      <c r="T19526">
        <v>24</v>
      </c>
      <c r="U19526">
        <v>24</v>
      </c>
      <c r="V19526">
        <v>24</v>
      </c>
      <c r="W19526">
        <v>25</v>
      </c>
      <c r="X19526">
        <v>25</v>
      </c>
      <c r="Y19526">
        <v>25</v>
      </c>
      <c r="Z19526">
        <v>26</v>
      </c>
      <c r="AA19526">
        <v>26</v>
      </c>
      <c r="AB19526">
        <v>26</v>
      </c>
      <c r="AC19526">
        <v>27</v>
      </c>
      <c r="AD19526">
        <v>27</v>
      </c>
      <c r="AE19526">
        <v>27</v>
      </c>
      <c r="AF19526">
        <v>27</v>
      </c>
      <c r="AG19526">
        <v>28</v>
      </c>
      <c r="AH19526">
        <v>28</v>
      </c>
      <c r="AI19526">
        <v>28</v>
      </c>
      <c r="AJ19526">
        <v>29</v>
      </c>
      <c r="AK19526">
        <v>29</v>
      </c>
      <c r="AL19526">
        <v>29</v>
      </c>
      <c r="AM19526">
        <v>29</v>
      </c>
      <c r="AN19526">
        <v>29</v>
      </c>
      <c r="AO19526">
        <v>29</v>
      </c>
      <c r="AP19526">
        <v>29</v>
      </c>
      <c r="AQ19526">
        <v>29</v>
      </c>
    </row>
    <row r="19527" spans="1:43">
      <c r="A19527" t="s">
        <v>12092</v>
      </c>
      <c r="B19527" t="s">
        <v>12093</v>
      </c>
      <c r="C19527" t="s">
        <v>12094</v>
      </c>
      <c r="D19527" t="s">
        <v>12095</v>
      </c>
      <c r="E19527" t="s">
        <v>12006</v>
      </c>
      <c r="F19527" t="s">
        <v>12007</v>
      </c>
      <c r="G19527" t="s">
        <v>10450</v>
      </c>
      <c r="H19527" t="s">
        <v>10451</v>
      </c>
      <c r="I19527" s="2">
        <v>1</v>
      </c>
      <c r="J19527" s="2">
        <v>0</v>
      </c>
      <c r="K19527" s="2">
        <v>0</v>
      </c>
      <c r="L19527" t="s">
        <v>120</v>
      </c>
      <c r="M19527" t="s">
        <v>87</v>
      </c>
      <c r="N19527" t="s">
        <v>88</v>
      </c>
      <c r="O19527" t="s">
        <v>85</v>
      </c>
      <c r="P19527" t="s">
        <v>86</v>
      </c>
      <c r="Q19527">
        <v>23</v>
      </c>
      <c r="R19527">
        <v>23</v>
      </c>
      <c r="S19527">
        <v>23</v>
      </c>
      <c r="T19527">
        <v>23</v>
      </c>
      <c r="U19527">
        <v>23</v>
      </c>
      <c r="V19527">
        <v>23</v>
      </c>
      <c r="W19527">
        <v>23</v>
      </c>
      <c r="X19527">
        <v>23</v>
      </c>
      <c r="Y19527">
        <v>23</v>
      </c>
      <c r="Z19527">
        <v>23</v>
      </c>
      <c r="AA19527">
        <v>24</v>
      </c>
      <c r="AB19527">
        <v>24</v>
      </c>
      <c r="AC19527">
        <v>24</v>
      </c>
      <c r="AD19527">
        <v>24</v>
      </c>
      <c r="AE19527">
        <v>24</v>
      </c>
      <c r="AF19527">
        <v>24</v>
      </c>
      <c r="AG19527">
        <v>24</v>
      </c>
      <c r="AH19527">
        <v>24</v>
      </c>
      <c r="AI19527">
        <v>24</v>
      </c>
      <c r="AJ19527">
        <v>24</v>
      </c>
      <c r="AK19527">
        <v>25</v>
      </c>
      <c r="AL19527">
        <v>25</v>
      </c>
      <c r="AM19527">
        <v>25</v>
      </c>
      <c r="AN19527">
        <v>25</v>
      </c>
      <c r="AO19527">
        <v>25</v>
      </c>
      <c r="AP19527">
        <v>25</v>
      </c>
      <c r="AQ19527">
        <v>25</v>
      </c>
    </row>
    <row r="19528" spans="1:43">
      <c r="A19528" t="s">
        <v>12092</v>
      </c>
      <c r="B19528" t="s">
        <v>12093</v>
      </c>
      <c r="C19528" t="s">
        <v>12094</v>
      </c>
      <c r="D19528" t="s">
        <v>12095</v>
      </c>
      <c r="E19528" t="s">
        <v>12006</v>
      </c>
      <c r="F19528" t="s">
        <v>12007</v>
      </c>
      <c r="G19528" t="s">
        <v>10450</v>
      </c>
      <c r="H19528" t="s">
        <v>10451</v>
      </c>
      <c r="I19528" s="2">
        <v>1</v>
      </c>
      <c r="J19528" s="2">
        <v>0</v>
      </c>
      <c r="K19528" s="2">
        <v>0</v>
      </c>
      <c r="L19528" t="s">
        <v>120</v>
      </c>
      <c r="M19528" t="s">
        <v>89</v>
      </c>
      <c r="N19528" t="s">
        <v>90</v>
      </c>
      <c r="O19528" t="s">
        <v>85</v>
      </c>
      <c r="P19528" t="s">
        <v>86</v>
      </c>
      <c r="Q19528">
        <v>23</v>
      </c>
      <c r="R19528">
        <v>23</v>
      </c>
      <c r="S19528">
        <v>24</v>
      </c>
      <c r="T19528">
        <v>24</v>
      </c>
      <c r="U19528">
        <v>25</v>
      </c>
      <c r="V19528">
        <v>25</v>
      </c>
      <c r="W19528">
        <v>26</v>
      </c>
      <c r="X19528">
        <v>26</v>
      </c>
      <c r="Y19528">
        <v>27</v>
      </c>
      <c r="Z19528">
        <v>27</v>
      </c>
      <c r="AA19528">
        <v>28</v>
      </c>
      <c r="AB19528">
        <v>28</v>
      </c>
      <c r="AC19528">
        <v>28</v>
      </c>
      <c r="AD19528">
        <v>29</v>
      </c>
      <c r="AE19528">
        <v>29</v>
      </c>
      <c r="AF19528">
        <v>29</v>
      </c>
      <c r="AG19528">
        <v>29</v>
      </c>
      <c r="AH19528">
        <v>29</v>
      </c>
      <c r="AI19528">
        <v>29</v>
      </c>
      <c r="AJ19528">
        <v>29</v>
      </c>
      <c r="AK19528">
        <v>29</v>
      </c>
      <c r="AL19528">
        <v>29</v>
      </c>
      <c r="AM19528">
        <v>29</v>
      </c>
      <c r="AN19528">
        <v>29</v>
      </c>
      <c r="AO19528">
        <v>29</v>
      </c>
      <c r="AP19528">
        <v>29</v>
      </c>
      <c r="AQ19528">
        <v>29</v>
      </c>
    </row>
    <row r="19529" spans="1:43">
      <c r="A19529" t="s">
        <v>12092</v>
      </c>
      <c r="B19529" t="s">
        <v>12093</v>
      </c>
      <c r="C19529" t="s">
        <v>12094</v>
      </c>
      <c r="D19529" t="s">
        <v>12095</v>
      </c>
      <c r="E19529" t="s">
        <v>12006</v>
      </c>
      <c r="F19529" t="s">
        <v>12007</v>
      </c>
      <c r="G19529" t="s">
        <v>10450</v>
      </c>
      <c r="H19529" t="s">
        <v>10451</v>
      </c>
      <c r="I19529" s="2">
        <v>1</v>
      </c>
      <c r="J19529" s="2">
        <v>0</v>
      </c>
      <c r="K19529" s="2">
        <v>0</v>
      </c>
      <c r="L19529" t="s">
        <v>120</v>
      </c>
      <c r="M19529" t="s">
        <v>83</v>
      </c>
      <c r="N19529" t="s">
        <v>91</v>
      </c>
      <c r="O19529" t="s">
        <v>85</v>
      </c>
      <c r="P19529" t="s">
        <v>86</v>
      </c>
      <c r="Q19529">
        <v>23</v>
      </c>
      <c r="R19529">
        <v>23</v>
      </c>
      <c r="S19529">
        <v>23</v>
      </c>
      <c r="T19529">
        <v>24</v>
      </c>
      <c r="U19529">
        <v>24</v>
      </c>
      <c r="V19529">
        <v>24</v>
      </c>
      <c r="W19529">
        <v>25</v>
      </c>
      <c r="X19529">
        <v>25</v>
      </c>
      <c r="Y19529">
        <v>25</v>
      </c>
      <c r="Z19529">
        <v>26</v>
      </c>
      <c r="AA19529">
        <v>26</v>
      </c>
      <c r="AB19529">
        <v>26</v>
      </c>
      <c r="AC19529">
        <v>27</v>
      </c>
      <c r="AD19529">
        <v>27</v>
      </c>
      <c r="AE19529">
        <v>27</v>
      </c>
      <c r="AF19529">
        <v>27</v>
      </c>
      <c r="AG19529">
        <v>28</v>
      </c>
      <c r="AH19529">
        <v>28</v>
      </c>
      <c r="AI19529">
        <v>28</v>
      </c>
      <c r="AJ19529">
        <v>29</v>
      </c>
      <c r="AK19529">
        <v>29</v>
      </c>
      <c r="AL19529">
        <v>29</v>
      </c>
      <c r="AM19529">
        <v>29</v>
      </c>
      <c r="AN19529">
        <v>29</v>
      </c>
      <c r="AO19529">
        <v>29</v>
      </c>
      <c r="AP19529">
        <v>29</v>
      </c>
      <c r="AQ19529">
        <v>29</v>
      </c>
    </row>
    <row r="19530" spans="1:43">
      <c r="A19530" t="s">
        <v>12096</v>
      </c>
      <c r="B19530" t="s">
        <v>12097</v>
      </c>
      <c r="C19530" t="s">
        <v>12098</v>
      </c>
      <c r="D19530" t="s">
        <v>12099</v>
      </c>
      <c r="E19530" t="s">
        <v>12006</v>
      </c>
      <c r="F19530" t="s">
        <v>12007</v>
      </c>
      <c r="G19530" t="s">
        <v>10450</v>
      </c>
      <c r="H19530" t="s">
        <v>10451</v>
      </c>
      <c r="I19530" s="2">
        <v>1</v>
      </c>
      <c r="J19530" s="2">
        <v>0</v>
      </c>
      <c r="K19530" s="2">
        <v>0</v>
      </c>
      <c r="L19530" t="s">
        <v>120</v>
      </c>
      <c r="M19530" t="s">
        <v>83</v>
      </c>
      <c r="N19530" t="s">
        <v>84</v>
      </c>
      <c r="O19530" t="s">
        <v>85</v>
      </c>
      <c r="P19530" t="s">
        <v>86</v>
      </c>
      <c r="Q19530">
        <v>47</v>
      </c>
      <c r="R19530">
        <v>47</v>
      </c>
      <c r="S19530">
        <v>48</v>
      </c>
      <c r="T19530">
        <v>49</v>
      </c>
      <c r="U19530">
        <v>49</v>
      </c>
      <c r="V19530">
        <v>50</v>
      </c>
      <c r="W19530">
        <v>51</v>
      </c>
      <c r="X19530">
        <v>51</v>
      </c>
      <c r="Y19530">
        <v>52</v>
      </c>
      <c r="Z19530">
        <v>53</v>
      </c>
      <c r="AA19530">
        <v>53</v>
      </c>
      <c r="AB19530">
        <v>54</v>
      </c>
      <c r="AC19530">
        <v>54</v>
      </c>
      <c r="AD19530">
        <v>55</v>
      </c>
      <c r="AE19530">
        <v>56</v>
      </c>
      <c r="AF19530">
        <v>56</v>
      </c>
      <c r="AG19530">
        <v>57</v>
      </c>
      <c r="AH19530">
        <v>57</v>
      </c>
      <c r="AI19530">
        <v>58</v>
      </c>
      <c r="AJ19530">
        <v>58</v>
      </c>
      <c r="AK19530">
        <v>59</v>
      </c>
      <c r="AL19530">
        <v>59</v>
      </c>
      <c r="AM19530">
        <v>59</v>
      </c>
      <c r="AN19530">
        <v>59</v>
      </c>
      <c r="AO19530">
        <v>59</v>
      </c>
      <c r="AP19530">
        <v>59</v>
      </c>
      <c r="AQ19530">
        <v>59</v>
      </c>
    </row>
    <row r="19531" spans="1:43">
      <c r="A19531" t="s">
        <v>12096</v>
      </c>
      <c r="B19531" t="s">
        <v>12097</v>
      </c>
      <c r="C19531" t="s">
        <v>12098</v>
      </c>
      <c r="D19531" t="s">
        <v>12099</v>
      </c>
      <c r="E19531" t="s">
        <v>12006</v>
      </c>
      <c r="F19531" t="s">
        <v>12007</v>
      </c>
      <c r="G19531" t="s">
        <v>10450</v>
      </c>
      <c r="H19531" t="s">
        <v>10451</v>
      </c>
      <c r="I19531" s="2">
        <v>1</v>
      </c>
      <c r="J19531" s="2">
        <v>0</v>
      </c>
      <c r="K19531" s="2">
        <v>0</v>
      </c>
      <c r="L19531" t="s">
        <v>120</v>
      </c>
      <c r="M19531" t="s">
        <v>87</v>
      </c>
      <c r="N19531" t="s">
        <v>88</v>
      </c>
      <c r="O19531" t="s">
        <v>85</v>
      </c>
      <c r="P19531" t="s">
        <v>86</v>
      </c>
      <c r="Q19531">
        <v>47</v>
      </c>
      <c r="R19531">
        <v>48</v>
      </c>
      <c r="S19531">
        <v>48</v>
      </c>
      <c r="T19531">
        <v>48</v>
      </c>
      <c r="U19531">
        <v>48</v>
      </c>
      <c r="V19531">
        <v>48</v>
      </c>
      <c r="W19531">
        <v>49</v>
      </c>
      <c r="X19531">
        <v>49</v>
      </c>
      <c r="Y19531">
        <v>49</v>
      </c>
      <c r="Z19531">
        <v>49</v>
      </c>
      <c r="AA19531">
        <v>49</v>
      </c>
      <c r="AB19531">
        <v>50</v>
      </c>
      <c r="AC19531">
        <v>50</v>
      </c>
      <c r="AD19531">
        <v>50</v>
      </c>
      <c r="AE19531">
        <v>50</v>
      </c>
      <c r="AF19531">
        <v>50</v>
      </c>
      <c r="AG19531">
        <v>51</v>
      </c>
      <c r="AH19531">
        <v>51</v>
      </c>
      <c r="AI19531">
        <v>51</v>
      </c>
      <c r="AJ19531">
        <v>51</v>
      </c>
      <c r="AK19531">
        <v>51</v>
      </c>
      <c r="AL19531">
        <v>52</v>
      </c>
      <c r="AM19531">
        <v>52</v>
      </c>
      <c r="AN19531">
        <v>52</v>
      </c>
      <c r="AO19531">
        <v>52</v>
      </c>
      <c r="AP19531">
        <v>52</v>
      </c>
      <c r="AQ19531">
        <v>52</v>
      </c>
    </row>
    <row r="19532" spans="1:43">
      <c r="A19532" t="s">
        <v>12096</v>
      </c>
      <c r="B19532" t="s">
        <v>12097</v>
      </c>
      <c r="C19532" t="s">
        <v>12098</v>
      </c>
      <c r="D19532" t="s">
        <v>12099</v>
      </c>
      <c r="E19532" t="s">
        <v>12006</v>
      </c>
      <c r="F19532" t="s">
        <v>12007</v>
      </c>
      <c r="G19532" t="s">
        <v>10450</v>
      </c>
      <c r="H19532" t="s">
        <v>10451</v>
      </c>
      <c r="I19532" s="2">
        <v>1</v>
      </c>
      <c r="J19532" s="2">
        <v>0</v>
      </c>
      <c r="K19532" s="2">
        <v>0</v>
      </c>
      <c r="L19532" t="s">
        <v>120</v>
      </c>
      <c r="M19532" t="s">
        <v>89</v>
      </c>
      <c r="N19532" t="s">
        <v>90</v>
      </c>
      <c r="O19532" t="s">
        <v>85</v>
      </c>
      <c r="P19532" t="s">
        <v>86</v>
      </c>
      <c r="Q19532">
        <v>47</v>
      </c>
      <c r="R19532">
        <v>48</v>
      </c>
      <c r="S19532">
        <v>49</v>
      </c>
      <c r="T19532">
        <v>50</v>
      </c>
      <c r="U19532">
        <v>51</v>
      </c>
      <c r="V19532">
        <v>52</v>
      </c>
      <c r="W19532">
        <v>53</v>
      </c>
      <c r="X19532">
        <v>54</v>
      </c>
      <c r="Y19532">
        <v>55</v>
      </c>
      <c r="Z19532">
        <v>56</v>
      </c>
      <c r="AA19532">
        <v>57</v>
      </c>
      <c r="AB19532">
        <v>57</v>
      </c>
      <c r="AC19532">
        <v>58</v>
      </c>
      <c r="AD19532">
        <v>59</v>
      </c>
      <c r="AE19532">
        <v>60</v>
      </c>
      <c r="AF19532">
        <v>60</v>
      </c>
      <c r="AG19532">
        <v>60</v>
      </c>
      <c r="AH19532">
        <v>60</v>
      </c>
      <c r="AI19532">
        <v>60</v>
      </c>
      <c r="AJ19532">
        <v>60</v>
      </c>
      <c r="AK19532">
        <v>60</v>
      </c>
      <c r="AL19532">
        <v>60</v>
      </c>
      <c r="AM19532">
        <v>60</v>
      </c>
      <c r="AN19532">
        <v>60</v>
      </c>
      <c r="AO19532">
        <v>60</v>
      </c>
      <c r="AP19532">
        <v>60</v>
      </c>
      <c r="AQ19532">
        <v>60</v>
      </c>
    </row>
    <row r="19533" spans="1:43">
      <c r="A19533" t="s">
        <v>12096</v>
      </c>
      <c r="B19533" t="s">
        <v>12097</v>
      </c>
      <c r="C19533" t="s">
        <v>12098</v>
      </c>
      <c r="D19533" t="s">
        <v>12099</v>
      </c>
      <c r="E19533" t="s">
        <v>12006</v>
      </c>
      <c r="F19533" t="s">
        <v>12007</v>
      </c>
      <c r="G19533" t="s">
        <v>10450</v>
      </c>
      <c r="H19533" t="s">
        <v>10451</v>
      </c>
      <c r="I19533" s="2">
        <v>1</v>
      </c>
      <c r="J19533" s="2">
        <v>0</v>
      </c>
      <c r="K19533" s="2">
        <v>0</v>
      </c>
      <c r="L19533" t="s">
        <v>120</v>
      </c>
      <c r="M19533" t="s">
        <v>83</v>
      </c>
      <c r="N19533" t="s">
        <v>91</v>
      </c>
      <c r="O19533" t="s">
        <v>85</v>
      </c>
      <c r="P19533" t="s">
        <v>86</v>
      </c>
      <c r="Q19533">
        <v>47</v>
      </c>
      <c r="R19533">
        <v>47</v>
      </c>
      <c r="S19533">
        <v>48</v>
      </c>
      <c r="T19533">
        <v>49</v>
      </c>
      <c r="U19533">
        <v>49</v>
      </c>
      <c r="V19533">
        <v>50</v>
      </c>
      <c r="W19533">
        <v>51</v>
      </c>
      <c r="X19533">
        <v>51</v>
      </c>
      <c r="Y19533">
        <v>52</v>
      </c>
      <c r="Z19533">
        <v>53</v>
      </c>
      <c r="AA19533">
        <v>53</v>
      </c>
      <c r="AB19533">
        <v>54</v>
      </c>
      <c r="AC19533">
        <v>54</v>
      </c>
      <c r="AD19533">
        <v>55</v>
      </c>
      <c r="AE19533">
        <v>56</v>
      </c>
      <c r="AF19533">
        <v>56</v>
      </c>
      <c r="AG19533">
        <v>57</v>
      </c>
      <c r="AH19533">
        <v>57</v>
      </c>
      <c r="AI19533">
        <v>58</v>
      </c>
      <c r="AJ19533">
        <v>58</v>
      </c>
      <c r="AK19533">
        <v>59</v>
      </c>
      <c r="AL19533">
        <v>59</v>
      </c>
      <c r="AM19533">
        <v>59</v>
      </c>
      <c r="AN19533">
        <v>59</v>
      </c>
      <c r="AO19533">
        <v>59</v>
      </c>
      <c r="AP19533">
        <v>59</v>
      </c>
      <c r="AQ19533">
        <v>59</v>
      </c>
    </row>
    <row r="19534" spans="1:43">
      <c r="A19534" t="s">
        <v>12100</v>
      </c>
      <c r="B19534" t="s">
        <v>12101</v>
      </c>
      <c r="C19534" t="s">
        <v>12018</v>
      </c>
      <c r="D19534" t="s">
        <v>12019</v>
      </c>
      <c r="E19534" t="s">
        <v>12006</v>
      </c>
      <c r="F19534" t="s">
        <v>12007</v>
      </c>
      <c r="G19534" t="s">
        <v>10450</v>
      </c>
      <c r="H19534" t="s">
        <v>10451</v>
      </c>
      <c r="I19534" s="2">
        <v>1</v>
      </c>
      <c r="J19534" s="2">
        <v>0</v>
      </c>
      <c r="K19534" s="2">
        <v>0</v>
      </c>
      <c r="L19534" t="s">
        <v>120</v>
      </c>
      <c r="M19534" t="s">
        <v>83</v>
      </c>
      <c r="N19534" t="s">
        <v>84</v>
      </c>
      <c r="O19534" t="s">
        <v>85</v>
      </c>
      <c r="P19534" t="s">
        <v>86</v>
      </c>
      <c r="Q19534">
        <v>13</v>
      </c>
      <c r="R19534">
        <v>13</v>
      </c>
      <c r="S19534">
        <v>14</v>
      </c>
      <c r="T19534">
        <v>14</v>
      </c>
      <c r="U19534">
        <v>14</v>
      </c>
      <c r="V19534">
        <v>14</v>
      </c>
      <c r="W19534">
        <v>14</v>
      </c>
      <c r="X19534">
        <v>14</v>
      </c>
      <c r="Y19534">
        <v>15</v>
      </c>
      <c r="Z19534">
        <v>15</v>
      </c>
      <c r="AA19534">
        <v>15</v>
      </c>
      <c r="AB19534">
        <v>15</v>
      </c>
      <c r="AC19534">
        <v>15</v>
      </c>
      <c r="AD19534">
        <v>15</v>
      </c>
      <c r="AE19534">
        <v>16</v>
      </c>
      <c r="AF19534">
        <v>16</v>
      </c>
      <c r="AG19534">
        <v>16</v>
      </c>
      <c r="AH19534">
        <v>16</v>
      </c>
      <c r="AI19534">
        <v>16</v>
      </c>
      <c r="AJ19534">
        <v>16</v>
      </c>
      <c r="AK19534">
        <v>17</v>
      </c>
      <c r="AL19534">
        <v>17</v>
      </c>
      <c r="AM19534">
        <v>17</v>
      </c>
      <c r="AN19534">
        <v>17</v>
      </c>
      <c r="AO19534">
        <v>17</v>
      </c>
      <c r="AP19534">
        <v>17</v>
      </c>
      <c r="AQ19534">
        <v>17</v>
      </c>
    </row>
    <row r="19535" spans="1:43">
      <c r="A19535" t="s">
        <v>12100</v>
      </c>
      <c r="B19535" t="s">
        <v>12101</v>
      </c>
      <c r="C19535" t="s">
        <v>12018</v>
      </c>
      <c r="D19535" t="s">
        <v>12019</v>
      </c>
      <c r="E19535" t="s">
        <v>12006</v>
      </c>
      <c r="F19535" t="s">
        <v>12007</v>
      </c>
      <c r="G19535" t="s">
        <v>10450</v>
      </c>
      <c r="H19535" t="s">
        <v>10451</v>
      </c>
      <c r="I19535" s="2">
        <v>1</v>
      </c>
      <c r="J19535" s="2">
        <v>0</v>
      </c>
      <c r="K19535" s="2">
        <v>0</v>
      </c>
      <c r="L19535" t="s">
        <v>120</v>
      </c>
      <c r="M19535" t="s">
        <v>87</v>
      </c>
      <c r="N19535" t="s">
        <v>88</v>
      </c>
      <c r="O19535" t="s">
        <v>85</v>
      </c>
      <c r="P19535" t="s">
        <v>86</v>
      </c>
      <c r="Q19535">
        <v>13</v>
      </c>
      <c r="R19535">
        <v>13</v>
      </c>
      <c r="S19535">
        <v>13</v>
      </c>
      <c r="T19535">
        <v>13</v>
      </c>
      <c r="U19535">
        <v>13</v>
      </c>
      <c r="V19535">
        <v>13</v>
      </c>
      <c r="W19535">
        <v>13</v>
      </c>
      <c r="X19535">
        <v>13</v>
      </c>
      <c r="Y19535">
        <v>14</v>
      </c>
      <c r="Z19535">
        <v>14</v>
      </c>
      <c r="AA19535">
        <v>14</v>
      </c>
      <c r="AB19535">
        <v>14</v>
      </c>
      <c r="AC19535">
        <v>14</v>
      </c>
      <c r="AD19535">
        <v>14</v>
      </c>
      <c r="AE19535">
        <v>14</v>
      </c>
      <c r="AF19535">
        <v>14</v>
      </c>
      <c r="AG19535">
        <v>14</v>
      </c>
      <c r="AH19535">
        <v>14</v>
      </c>
      <c r="AI19535">
        <v>14</v>
      </c>
      <c r="AJ19535">
        <v>14</v>
      </c>
      <c r="AK19535">
        <v>14</v>
      </c>
      <c r="AL19535">
        <v>14</v>
      </c>
      <c r="AM19535">
        <v>14</v>
      </c>
      <c r="AN19535">
        <v>14</v>
      </c>
      <c r="AO19535">
        <v>14</v>
      </c>
      <c r="AP19535">
        <v>14</v>
      </c>
      <c r="AQ19535">
        <v>15</v>
      </c>
    </row>
    <row r="19536" spans="1:43">
      <c r="A19536" t="s">
        <v>12100</v>
      </c>
      <c r="B19536" t="s">
        <v>12101</v>
      </c>
      <c r="C19536" t="s">
        <v>12018</v>
      </c>
      <c r="D19536" t="s">
        <v>12019</v>
      </c>
      <c r="E19536" t="s">
        <v>12006</v>
      </c>
      <c r="F19536" t="s">
        <v>12007</v>
      </c>
      <c r="G19536" t="s">
        <v>10450</v>
      </c>
      <c r="H19536" t="s">
        <v>10451</v>
      </c>
      <c r="I19536" s="2">
        <v>1</v>
      </c>
      <c r="J19536" s="2">
        <v>0</v>
      </c>
      <c r="K19536" s="2">
        <v>0</v>
      </c>
      <c r="L19536" t="s">
        <v>120</v>
      </c>
      <c r="M19536" t="s">
        <v>89</v>
      </c>
      <c r="N19536" t="s">
        <v>90</v>
      </c>
      <c r="O19536" t="s">
        <v>85</v>
      </c>
      <c r="P19536" t="s">
        <v>86</v>
      </c>
      <c r="Q19536">
        <v>13</v>
      </c>
      <c r="R19536">
        <v>14</v>
      </c>
      <c r="S19536">
        <v>14</v>
      </c>
      <c r="T19536">
        <v>14</v>
      </c>
      <c r="U19536">
        <v>14</v>
      </c>
      <c r="V19536">
        <v>15</v>
      </c>
      <c r="W19536">
        <v>15</v>
      </c>
      <c r="X19536">
        <v>15</v>
      </c>
      <c r="Y19536">
        <v>15</v>
      </c>
      <c r="Z19536">
        <v>16</v>
      </c>
      <c r="AA19536">
        <v>16</v>
      </c>
      <c r="AB19536">
        <v>16</v>
      </c>
      <c r="AC19536">
        <v>16</v>
      </c>
      <c r="AD19536">
        <v>17</v>
      </c>
      <c r="AE19536">
        <v>17</v>
      </c>
      <c r="AF19536">
        <v>17</v>
      </c>
      <c r="AG19536">
        <v>17</v>
      </c>
      <c r="AH19536">
        <v>17</v>
      </c>
      <c r="AI19536">
        <v>17</v>
      </c>
      <c r="AJ19536">
        <v>17</v>
      </c>
      <c r="AK19536">
        <v>17</v>
      </c>
      <c r="AL19536">
        <v>17</v>
      </c>
      <c r="AM19536">
        <v>17</v>
      </c>
      <c r="AN19536">
        <v>17</v>
      </c>
      <c r="AO19536">
        <v>17</v>
      </c>
      <c r="AP19536">
        <v>17</v>
      </c>
      <c r="AQ19536">
        <v>17</v>
      </c>
    </row>
    <row r="19537" spans="1:43">
      <c r="A19537" t="s">
        <v>12100</v>
      </c>
      <c r="B19537" t="s">
        <v>12101</v>
      </c>
      <c r="C19537" t="s">
        <v>12018</v>
      </c>
      <c r="D19537" t="s">
        <v>12019</v>
      </c>
      <c r="E19537" t="s">
        <v>12006</v>
      </c>
      <c r="F19537" t="s">
        <v>12007</v>
      </c>
      <c r="G19537" t="s">
        <v>10450</v>
      </c>
      <c r="H19537" t="s">
        <v>10451</v>
      </c>
      <c r="I19537" s="2">
        <v>1</v>
      </c>
      <c r="J19537" s="2">
        <v>0</v>
      </c>
      <c r="K19537" s="2">
        <v>0</v>
      </c>
      <c r="L19537" t="s">
        <v>120</v>
      </c>
      <c r="M19537" t="s">
        <v>83</v>
      </c>
      <c r="N19537" t="s">
        <v>91</v>
      </c>
      <c r="O19537" t="s">
        <v>85</v>
      </c>
      <c r="P19537" t="s">
        <v>86</v>
      </c>
      <c r="Q19537">
        <v>13</v>
      </c>
      <c r="R19537">
        <v>13</v>
      </c>
      <c r="S19537">
        <v>14</v>
      </c>
      <c r="T19537">
        <v>14</v>
      </c>
      <c r="U19537">
        <v>14</v>
      </c>
      <c r="V19537">
        <v>14</v>
      </c>
      <c r="W19537">
        <v>14</v>
      </c>
      <c r="X19537">
        <v>14</v>
      </c>
      <c r="Y19537">
        <v>15</v>
      </c>
      <c r="Z19537">
        <v>15</v>
      </c>
      <c r="AA19537">
        <v>15</v>
      </c>
      <c r="AB19537">
        <v>15</v>
      </c>
      <c r="AC19537">
        <v>15</v>
      </c>
      <c r="AD19537">
        <v>15</v>
      </c>
      <c r="AE19537">
        <v>16</v>
      </c>
      <c r="AF19537">
        <v>16</v>
      </c>
      <c r="AG19537">
        <v>16</v>
      </c>
      <c r="AH19537">
        <v>16</v>
      </c>
      <c r="AI19537">
        <v>16</v>
      </c>
      <c r="AJ19537">
        <v>16</v>
      </c>
      <c r="AK19537">
        <v>17</v>
      </c>
      <c r="AL19537">
        <v>17</v>
      </c>
      <c r="AM19537">
        <v>17</v>
      </c>
      <c r="AN19537">
        <v>17</v>
      </c>
      <c r="AO19537">
        <v>17</v>
      </c>
      <c r="AP19537">
        <v>17</v>
      </c>
      <c r="AQ19537">
        <v>17</v>
      </c>
    </row>
    <row r="19538" spans="1:43">
      <c r="A19538" t="s">
        <v>12102</v>
      </c>
      <c r="B19538" t="s">
        <v>12103</v>
      </c>
      <c r="C19538" t="s">
        <v>12018</v>
      </c>
      <c r="D19538" t="s">
        <v>12019</v>
      </c>
      <c r="E19538" t="s">
        <v>12006</v>
      </c>
      <c r="F19538" t="s">
        <v>12007</v>
      </c>
      <c r="G19538" t="s">
        <v>10450</v>
      </c>
      <c r="H19538" t="s">
        <v>10451</v>
      </c>
      <c r="I19538" s="2">
        <v>1</v>
      </c>
      <c r="J19538" s="2">
        <v>0</v>
      </c>
      <c r="K19538" s="2">
        <v>0</v>
      </c>
      <c r="L19538" t="s">
        <v>120</v>
      </c>
      <c r="M19538" t="s">
        <v>83</v>
      </c>
      <c r="N19538" t="s">
        <v>84</v>
      </c>
      <c r="O19538" t="s">
        <v>85</v>
      </c>
      <c r="P19538" t="s">
        <v>86</v>
      </c>
      <c r="Q19538">
        <v>28</v>
      </c>
      <c r="R19538">
        <v>29</v>
      </c>
      <c r="S19538">
        <v>29</v>
      </c>
      <c r="T19538">
        <v>30</v>
      </c>
      <c r="U19538">
        <v>30</v>
      </c>
      <c r="V19538">
        <v>30</v>
      </c>
      <c r="W19538">
        <v>31</v>
      </c>
      <c r="X19538">
        <v>31</v>
      </c>
      <c r="Y19538">
        <v>32</v>
      </c>
      <c r="Z19538">
        <v>32</v>
      </c>
      <c r="AA19538">
        <v>32</v>
      </c>
      <c r="AB19538">
        <v>33</v>
      </c>
      <c r="AC19538">
        <v>33</v>
      </c>
      <c r="AD19538">
        <v>34</v>
      </c>
      <c r="AE19538">
        <v>34</v>
      </c>
      <c r="AF19538">
        <v>34</v>
      </c>
      <c r="AG19538">
        <v>35</v>
      </c>
      <c r="AH19538">
        <v>35</v>
      </c>
      <c r="AI19538">
        <v>35</v>
      </c>
      <c r="AJ19538">
        <v>36</v>
      </c>
      <c r="AK19538">
        <v>36</v>
      </c>
      <c r="AL19538">
        <v>36</v>
      </c>
      <c r="AM19538">
        <v>36</v>
      </c>
      <c r="AN19538">
        <v>36</v>
      </c>
      <c r="AO19538">
        <v>36</v>
      </c>
      <c r="AP19538">
        <v>36</v>
      </c>
      <c r="AQ19538">
        <v>36</v>
      </c>
    </row>
    <row r="19539" spans="1:43">
      <c r="A19539" t="s">
        <v>12102</v>
      </c>
      <c r="B19539" t="s">
        <v>12103</v>
      </c>
      <c r="C19539" t="s">
        <v>12018</v>
      </c>
      <c r="D19539" t="s">
        <v>12019</v>
      </c>
      <c r="E19539" t="s">
        <v>12006</v>
      </c>
      <c r="F19539" t="s">
        <v>12007</v>
      </c>
      <c r="G19539" t="s">
        <v>10450</v>
      </c>
      <c r="H19539" t="s">
        <v>10451</v>
      </c>
      <c r="I19539" s="2">
        <v>1</v>
      </c>
      <c r="J19539" s="2">
        <v>0</v>
      </c>
      <c r="K19539" s="2">
        <v>0</v>
      </c>
      <c r="L19539" t="s">
        <v>120</v>
      </c>
      <c r="M19539" t="s">
        <v>87</v>
      </c>
      <c r="N19539" t="s">
        <v>88</v>
      </c>
      <c r="O19539" t="s">
        <v>85</v>
      </c>
      <c r="P19539" t="s">
        <v>86</v>
      </c>
      <c r="Q19539">
        <v>28</v>
      </c>
      <c r="R19539">
        <v>28</v>
      </c>
      <c r="S19539">
        <v>28</v>
      </c>
      <c r="T19539">
        <v>29</v>
      </c>
      <c r="U19539">
        <v>29</v>
      </c>
      <c r="V19539">
        <v>29</v>
      </c>
      <c r="W19539">
        <v>29</v>
      </c>
      <c r="X19539">
        <v>29</v>
      </c>
      <c r="Y19539">
        <v>29</v>
      </c>
      <c r="Z19539">
        <v>29</v>
      </c>
      <c r="AA19539">
        <v>30</v>
      </c>
      <c r="AB19539">
        <v>30</v>
      </c>
      <c r="AC19539">
        <v>30</v>
      </c>
      <c r="AD19539">
        <v>30</v>
      </c>
      <c r="AE19539">
        <v>30</v>
      </c>
      <c r="AF19539">
        <v>30</v>
      </c>
      <c r="AG19539">
        <v>30</v>
      </c>
      <c r="AH19539">
        <v>30</v>
      </c>
      <c r="AI19539">
        <v>31</v>
      </c>
      <c r="AJ19539">
        <v>31</v>
      </c>
      <c r="AK19539">
        <v>31</v>
      </c>
      <c r="AL19539">
        <v>31</v>
      </c>
      <c r="AM19539">
        <v>31</v>
      </c>
      <c r="AN19539">
        <v>31</v>
      </c>
      <c r="AO19539">
        <v>31</v>
      </c>
      <c r="AP19539">
        <v>31</v>
      </c>
      <c r="AQ19539">
        <v>31</v>
      </c>
    </row>
    <row r="19540" spans="1:43">
      <c r="A19540" t="s">
        <v>12102</v>
      </c>
      <c r="B19540" t="s">
        <v>12103</v>
      </c>
      <c r="C19540" t="s">
        <v>12018</v>
      </c>
      <c r="D19540" t="s">
        <v>12019</v>
      </c>
      <c r="E19540" t="s">
        <v>12006</v>
      </c>
      <c r="F19540" t="s">
        <v>12007</v>
      </c>
      <c r="G19540" t="s">
        <v>10450</v>
      </c>
      <c r="H19540" t="s">
        <v>10451</v>
      </c>
      <c r="I19540" s="2">
        <v>1</v>
      </c>
      <c r="J19540" s="2">
        <v>0</v>
      </c>
      <c r="K19540" s="2">
        <v>0</v>
      </c>
      <c r="L19540" t="s">
        <v>120</v>
      </c>
      <c r="M19540" t="s">
        <v>89</v>
      </c>
      <c r="N19540" t="s">
        <v>90</v>
      </c>
      <c r="O19540" t="s">
        <v>85</v>
      </c>
      <c r="P19540" t="s">
        <v>86</v>
      </c>
      <c r="Q19540">
        <v>28</v>
      </c>
      <c r="R19540">
        <v>28</v>
      </c>
      <c r="S19540">
        <v>29</v>
      </c>
      <c r="T19540">
        <v>30</v>
      </c>
      <c r="U19540">
        <v>30</v>
      </c>
      <c r="V19540">
        <v>31</v>
      </c>
      <c r="W19540">
        <v>31</v>
      </c>
      <c r="X19540">
        <v>32</v>
      </c>
      <c r="Y19540">
        <v>32</v>
      </c>
      <c r="Z19540">
        <v>33</v>
      </c>
      <c r="AA19540">
        <v>34</v>
      </c>
      <c r="AB19540">
        <v>34</v>
      </c>
      <c r="AC19540">
        <v>35</v>
      </c>
      <c r="AD19540">
        <v>35</v>
      </c>
      <c r="AE19540">
        <v>35</v>
      </c>
      <c r="AF19540">
        <v>35</v>
      </c>
      <c r="AG19540">
        <v>35</v>
      </c>
      <c r="AH19540">
        <v>35</v>
      </c>
      <c r="AI19540">
        <v>35</v>
      </c>
      <c r="AJ19540">
        <v>36</v>
      </c>
      <c r="AK19540">
        <v>36</v>
      </c>
      <c r="AL19540">
        <v>36</v>
      </c>
      <c r="AM19540">
        <v>36</v>
      </c>
      <c r="AN19540">
        <v>36</v>
      </c>
      <c r="AO19540">
        <v>36</v>
      </c>
      <c r="AP19540">
        <v>36</v>
      </c>
      <c r="AQ19540">
        <v>36</v>
      </c>
    </row>
    <row r="19541" spans="1:43">
      <c r="A19541" t="s">
        <v>12102</v>
      </c>
      <c r="B19541" t="s">
        <v>12103</v>
      </c>
      <c r="C19541" t="s">
        <v>12018</v>
      </c>
      <c r="D19541" t="s">
        <v>12019</v>
      </c>
      <c r="E19541" t="s">
        <v>12006</v>
      </c>
      <c r="F19541" t="s">
        <v>12007</v>
      </c>
      <c r="G19541" t="s">
        <v>10450</v>
      </c>
      <c r="H19541" t="s">
        <v>10451</v>
      </c>
      <c r="I19541" s="2">
        <v>1</v>
      </c>
      <c r="J19541" s="2">
        <v>0</v>
      </c>
      <c r="K19541" s="2">
        <v>0</v>
      </c>
      <c r="L19541" t="s">
        <v>120</v>
      </c>
      <c r="M19541" t="s">
        <v>83</v>
      </c>
      <c r="N19541" t="s">
        <v>91</v>
      </c>
      <c r="O19541" t="s">
        <v>85</v>
      </c>
      <c r="P19541" t="s">
        <v>86</v>
      </c>
      <c r="Q19541">
        <v>28</v>
      </c>
      <c r="R19541">
        <v>29</v>
      </c>
      <c r="S19541">
        <v>29</v>
      </c>
      <c r="T19541">
        <v>30</v>
      </c>
      <c r="U19541">
        <v>30</v>
      </c>
      <c r="V19541">
        <v>30</v>
      </c>
      <c r="W19541">
        <v>31</v>
      </c>
      <c r="X19541">
        <v>31</v>
      </c>
      <c r="Y19541">
        <v>32</v>
      </c>
      <c r="Z19541">
        <v>32</v>
      </c>
      <c r="AA19541">
        <v>32</v>
      </c>
      <c r="AB19541">
        <v>33</v>
      </c>
      <c r="AC19541">
        <v>33</v>
      </c>
      <c r="AD19541">
        <v>34</v>
      </c>
      <c r="AE19541">
        <v>34</v>
      </c>
      <c r="AF19541">
        <v>34</v>
      </c>
      <c r="AG19541">
        <v>35</v>
      </c>
      <c r="AH19541">
        <v>35</v>
      </c>
      <c r="AI19541">
        <v>35</v>
      </c>
      <c r="AJ19541">
        <v>36</v>
      </c>
      <c r="AK19541">
        <v>36</v>
      </c>
      <c r="AL19541">
        <v>36</v>
      </c>
      <c r="AM19541">
        <v>36</v>
      </c>
      <c r="AN19541">
        <v>36</v>
      </c>
      <c r="AO19541">
        <v>36</v>
      </c>
      <c r="AP19541">
        <v>36</v>
      </c>
      <c r="AQ19541">
        <v>36</v>
      </c>
    </row>
    <row r="19542" spans="1:43">
      <c r="A19542" t="s">
        <v>12104</v>
      </c>
      <c r="B19542" t="s">
        <v>12105</v>
      </c>
      <c r="C19542" t="s">
        <v>12018</v>
      </c>
      <c r="D19542" t="s">
        <v>12019</v>
      </c>
      <c r="E19542" t="s">
        <v>12006</v>
      </c>
      <c r="F19542" t="s">
        <v>12007</v>
      </c>
      <c r="G19542" t="s">
        <v>10450</v>
      </c>
      <c r="H19542" t="s">
        <v>10451</v>
      </c>
      <c r="I19542" s="2">
        <v>1</v>
      </c>
      <c r="J19542" s="2">
        <v>0</v>
      </c>
      <c r="K19542" s="2">
        <v>0</v>
      </c>
      <c r="L19542" t="s">
        <v>120</v>
      </c>
      <c r="M19542" t="s">
        <v>83</v>
      </c>
      <c r="N19542" t="s">
        <v>84</v>
      </c>
      <c r="O19542" t="s">
        <v>85</v>
      </c>
      <c r="P19542" t="s">
        <v>86</v>
      </c>
      <c r="Q19542">
        <v>26</v>
      </c>
      <c r="R19542">
        <v>27</v>
      </c>
      <c r="S19542">
        <v>27</v>
      </c>
      <c r="T19542">
        <v>27</v>
      </c>
      <c r="U19542">
        <v>28</v>
      </c>
      <c r="V19542">
        <v>28</v>
      </c>
      <c r="W19542">
        <v>29</v>
      </c>
      <c r="X19542">
        <v>29</v>
      </c>
      <c r="Y19542">
        <v>29</v>
      </c>
      <c r="Z19542">
        <v>30</v>
      </c>
      <c r="AA19542">
        <v>30</v>
      </c>
      <c r="AB19542">
        <v>30</v>
      </c>
      <c r="AC19542">
        <v>31</v>
      </c>
      <c r="AD19542">
        <v>31</v>
      </c>
      <c r="AE19542">
        <v>31</v>
      </c>
      <c r="AF19542">
        <v>32</v>
      </c>
      <c r="AG19542">
        <v>32</v>
      </c>
      <c r="AH19542">
        <v>32</v>
      </c>
      <c r="AI19542">
        <v>33</v>
      </c>
      <c r="AJ19542">
        <v>33</v>
      </c>
      <c r="AK19542">
        <v>33</v>
      </c>
      <c r="AL19542">
        <v>33</v>
      </c>
      <c r="AM19542">
        <v>34</v>
      </c>
      <c r="AN19542">
        <v>34</v>
      </c>
      <c r="AO19542">
        <v>34</v>
      </c>
      <c r="AP19542">
        <v>34</v>
      </c>
      <c r="AQ19542">
        <v>34</v>
      </c>
    </row>
    <row r="19543" spans="1:43">
      <c r="A19543" t="s">
        <v>12104</v>
      </c>
      <c r="B19543" t="s">
        <v>12105</v>
      </c>
      <c r="C19543" t="s">
        <v>12018</v>
      </c>
      <c r="D19543" t="s">
        <v>12019</v>
      </c>
      <c r="E19543" t="s">
        <v>12006</v>
      </c>
      <c r="F19543" t="s">
        <v>12007</v>
      </c>
      <c r="G19543" t="s">
        <v>10450</v>
      </c>
      <c r="H19543" t="s">
        <v>10451</v>
      </c>
      <c r="I19543" s="2">
        <v>1</v>
      </c>
      <c r="J19543" s="2">
        <v>0</v>
      </c>
      <c r="K19543" s="2">
        <v>0</v>
      </c>
      <c r="L19543" t="s">
        <v>120</v>
      </c>
      <c r="M19543" t="s">
        <v>87</v>
      </c>
      <c r="N19543" t="s">
        <v>88</v>
      </c>
      <c r="O19543" t="s">
        <v>85</v>
      </c>
      <c r="P19543" t="s">
        <v>86</v>
      </c>
      <c r="Q19543">
        <v>26</v>
      </c>
      <c r="R19543">
        <v>26</v>
      </c>
      <c r="S19543">
        <v>26</v>
      </c>
      <c r="T19543">
        <v>26</v>
      </c>
      <c r="U19543">
        <v>27</v>
      </c>
      <c r="V19543">
        <v>27</v>
      </c>
      <c r="W19543">
        <v>27</v>
      </c>
      <c r="X19543">
        <v>27</v>
      </c>
      <c r="Y19543">
        <v>27</v>
      </c>
      <c r="Z19543">
        <v>27</v>
      </c>
      <c r="AA19543">
        <v>27</v>
      </c>
      <c r="AB19543">
        <v>27</v>
      </c>
      <c r="AC19543">
        <v>28</v>
      </c>
      <c r="AD19543">
        <v>28</v>
      </c>
      <c r="AE19543">
        <v>28</v>
      </c>
      <c r="AF19543">
        <v>28</v>
      </c>
      <c r="AG19543">
        <v>28</v>
      </c>
      <c r="AH19543">
        <v>28</v>
      </c>
      <c r="AI19543">
        <v>28</v>
      </c>
      <c r="AJ19543">
        <v>28</v>
      </c>
      <c r="AK19543">
        <v>28</v>
      </c>
      <c r="AL19543">
        <v>29</v>
      </c>
      <c r="AM19543">
        <v>29</v>
      </c>
      <c r="AN19543">
        <v>29</v>
      </c>
      <c r="AO19543">
        <v>29</v>
      </c>
      <c r="AP19543">
        <v>29</v>
      </c>
      <c r="AQ19543">
        <v>29</v>
      </c>
    </row>
    <row r="19544" spans="1:43">
      <c r="A19544" t="s">
        <v>12104</v>
      </c>
      <c r="B19544" t="s">
        <v>12105</v>
      </c>
      <c r="C19544" t="s">
        <v>12018</v>
      </c>
      <c r="D19544" t="s">
        <v>12019</v>
      </c>
      <c r="E19544" t="s">
        <v>12006</v>
      </c>
      <c r="F19544" t="s">
        <v>12007</v>
      </c>
      <c r="G19544" t="s">
        <v>10450</v>
      </c>
      <c r="H19544" t="s">
        <v>10451</v>
      </c>
      <c r="I19544" s="2">
        <v>1</v>
      </c>
      <c r="J19544" s="2">
        <v>0</v>
      </c>
      <c r="K19544" s="2">
        <v>0</v>
      </c>
      <c r="L19544" t="s">
        <v>120</v>
      </c>
      <c r="M19544" t="s">
        <v>89</v>
      </c>
      <c r="N19544" t="s">
        <v>90</v>
      </c>
      <c r="O19544" t="s">
        <v>85</v>
      </c>
      <c r="P19544" t="s">
        <v>86</v>
      </c>
      <c r="Q19544">
        <v>26</v>
      </c>
      <c r="R19544">
        <v>26</v>
      </c>
      <c r="S19544">
        <v>27</v>
      </c>
      <c r="T19544">
        <v>27</v>
      </c>
      <c r="U19544">
        <v>28</v>
      </c>
      <c r="V19544">
        <v>28</v>
      </c>
      <c r="W19544">
        <v>29</v>
      </c>
      <c r="X19544">
        <v>29</v>
      </c>
      <c r="Y19544">
        <v>30</v>
      </c>
      <c r="Z19544">
        <v>30</v>
      </c>
      <c r="AA19544">
        <v>31</v>
      </c>
      <c r="AB19544">
        <v>31</v>
      </c>
      <c r="AC19544">
        <v>32</v>
      </c>
      <c r="AD19544">
        <v>32</v>
      </c>
      <c r="AE19544">
        <v>33</v>
      </c>
      <c r="AF19544">
        <v>33</v>
      </c>
      <c r="AG19544">
        <v>33</v>
      </c>
      <c r="AH19544">
        <v>33</v>
      </c>
      <c r="AI19544">
        <v>33</v>
      </c>
      <c r="AJ19544">
        <v>33</v>
      </c>
      <c r="AK19544">
        <v>33</v>
      </c>
      <c r="AL19544">
        <v>33</v>
      </c>
      <c r="AM19544">
        <v>33</v>
      </c>
      <c r="AN19544">
        <v>33</v>
      </c>
      <c r="AO19544">
        <v>33</v>
      </c>
      <c r="AP19544">
        <v>33</v>
      </c>
      <c r="AQ19544">
        <v>33</v>
      </c>
    </row>
    <row r="19545" spans="1:43">
      <c r="A19545" t="s">
        <v>12104</v>
      </c>
      <c r="B19545" t="s">
        <v>12105</v>
      </c>
      <c r="C19545" t="s">
        <v>12018</v>
      </c>
      <c r="D19545" t="s">
        <v>12019</v>
      </c>
      <c r="E19545" t="s">
        <v>12006</v>
      </c>
      <c r="F19545" t="s">
        <v>12007</v>
      </c>
      <c r="G19545" t="s">
        <v>10450</v>
      </c>
      <c r="H19545" t="s">
        <v>10451</v>
      </c>
      <c r="I19545" s="2">
        <v>1</v>
      </c>
      <c r="J19545" s="2">
        <v>0</v>
      </c>
      <c r="K19545" s="2">
        <v>0</v>
      </c>
      <c r="L19545" t="s">
        <v>120</v>
      </c>
      <c r="M19545" t="s">
        <v>83</v>
      </c>
      <c r="N19545" t="s">
        <v>91</v>
      </c>
      <c r="O19545" t="s">
        <v>85</v>
      </c>
      <c r="P19545" t="s">
        <v>86</v>
      </c>
      <c r="Q19545">
        <v>26</v>
      </c>
      <c r="R19545">
        <v>27</v>
      </c>
      <c r="S19545">
        <v>27</v>
      </c>
      <c r="T19545">
        <v>27</v>
      </c>
      <c r="U19545">
        <v>28</v>
      </c>
      <c r="V19545">
        <v>28</v>
      </c>
      <c r="W19545">
        <v>29</v>
      </c>
      <c r="X19545">
        <v>29</v>
      </c>
      <c r="Y19545">
        <v>29</v>
      </c>
      <c r="Z19545">
        <v>30</v>
      </c>
      <c r="AA19545">
        <v>30</v>
      </c>
      <c r="AB19545">
        <v>30</v>
      </c>
      <c r="AC19545">
        <v>31</v>
      </c>
      <c r="AD19545">
        <v>31</v>
      </c>
      <c r="AE19545">
        <v>31</v>
      </c>
      <c r="AF19545">
        <v>32</v>
      </c>
      <c r="AG19545">
        <v>32</v>
      </c>
      <c r="AH19545">
        <v>32</v>
      </c>
      <c r="AI19545">
        <v>33</v>
      </c>
      <c r="AJ19545">
        <v>33</v>
      </c>
      <c r="AK19545">
        <v>33</v>
      </c>
      <c r="AL19545">
        <v>33</v>
      </c>
      <c r="AM19545">
        <v>34</v>
      </c>
      <c r="AN19545">
        <v>34</v>
      </c>
      <c r="AO19545">
        <v>34</v>
      </c>
      <c r="AP19545">
        <v>34</v>
      </c>
      <c r="AQ19545">
        <v>34</v>
      </c>
    </row>
    <row r="19546" spans="1:43">
      <c r="A19546" t="s">
        <v>12106</v>
      </c>
      <c r="B19546" t="s">
        <v>12107</v>
      </c>
      <c r="C19546" t="s">
        <v>12108</v>
      </c>
      <c r="D19546" t="s">
        <v>12109</v>
      </c>
      <c r="E19546" t="s">
        <v>12006</v>
      </c>
      <c r="F19546" t="s">
        <v>12007</v>
      </c>
      <c r="G19546" t="s">
        <v>10450</v>
      </c>
      <c r="H19546" t="s">
        <v>10451</v>
      </c>
      <c r="I19546" s="2">
        <v>1</v>
      </c>
      <c r="J19546" s="2">
        <v>0</v>
      </c>
      <c r="K19546" s="2">
        <v>0</v>
      </c>
      <c r="L19546" t="s">
        <v>120</v>
      </c>
      <c r="M19546" t="s">
        <v>83</v>
      </c>
      <c r="N19546" t="s">
        <v>84</v>
      </c>
      <c r="O19546" t="s">
        <v>85</v>
      </c>
      <c r="P19546" t="s">
        <v>86</v>
      </c>
      <c r="Q19546">
        <v>17</v>
      </c>
      <c r="R19546">
        <v>17</v>
      </c>
      <c r="S19546">
        <v>18</v>
      </c>
      <c r="T19546">
        <v>18</v>
      </c>
      <c r="U19546">
        <v>18</v>
      </c>
      <c r="V19546">
        <v>18</v>
      </c>
      <c r="W19546">
        <v>19</v>
      </c>
      <c r="X19546">
        <v>19</v>
      </c>
      <c r="Y19546">
        <v>19</v>
      </c>
      <c r="Z19546">
        <v>19</v>
      </c>
      <c r="AA19546">
        <v>19</v>
      </c>
      <c r="AB19546">
        <v>20</v>
      </c>
      <c r="AC19546">
        <v>20</v>
      </c>
      <c r="AD19546">
        <v>20</v>
      </c>
      <c r="AE19546">
        <v>20</v>
      </c>
      <c r="AF19546">
        <v>21</v>
      </c>
      <c r="AG19546">
        <v>21</v>
      </c>
      <c r="AH19546">
        <v>21</v>
      </c>
      <c r="AI19546">
        <v>21</v>
      </c>
      <c r="AJ19546">
        <v>21</v>
      </c>
      <c r="AK19546">
        <v>22</v>
      </c>
      <c r="AL19546">
        <v>22</v>
      </c>
      <c r="AM19546">
        <v>22</v>
      </c>
      <c r="AN19546">
        <v>22</v>
      </c>
      <c r="AO19546">
        <v>22</v>
      </c>
      <c r="AP19546">
        <v>22</v>
      </c>
      <c r="AQ19546">
        <v>22</v>
      </c>
    </row>
    <row r="19547" spans="1:43">
      <c r="A19547" t="s">
        <v>12106</v>
      </c>
      <c r="B19547" t="s">
        <v>12107</v>
      </c>
      <c r="C19547" t="s">
        <v>12108</v>
      </c>
      <c r="D19547" t="s">
        <v>12109</v>
      </c>
      <c r="E19547" t="s">
        <v>12006</v>
      </c>
      <c r="F19547" t="s">
        <v>12007</v>
      </c>
      <c r="G19547" t="s">
        <v>10450</v>
      </c>
      <c r="H19547" t="s">
        <v>10451</v>
      </c>
      <c r="I19547" s="2">
        <v>1</v>
      </c>
      <c r="J19547" s="2">
        <v>0</v>
      </c>
      <c r="K19547" s="2">
        <v>0</v>
      </c>
      <c r="L19547" t="s">
        <v>120</v>
      </c>
      <c r="M19547" t="s">
        <v>87</v>
      </c>
      <c r="N19547" t="s">
        <v>88</v>
      </c>
      <c r="O19547" t="s">
        <v>85</v>
      </c>
      <c r="P19547" t="s">
        <v>86</v>
      </c>
      <c r="Q19547">
        <v>17</v>
      </c>
      <c r="R19547">
        <v>17</v>
      </c>
      <c r="S19547">
        <v>17</v>
      </c>
      <c r="T19547">
        <v>17</v>
      </c>
      <c r="U19547">
        <v>17</v>
      </c>
      <c r="V19547">
        <v>17</v>
      </c>
      <c r="W19547">
        <v>17</v>
      </c>
      <c r="X19547">
        <v>17</v>
      </c>
      <c r="Y19547">
        <v>18</v>
      </c>
      <c r="Z19547">
        <v>18</v>
      </c>
      <c r="AA19547">
        <v>18</v>
      </c>
      <c r="AB19547">
        <v>18</v>
      </c>
      <c r="AC19547">
        <v>18</v>
      </c>
      <c r="AD19547">
        <v>18</v>
      </c>
      <c r="AE19547">
        <v>18</v>
      </c>
      <c r="AF19547">
        <v>18</v>
      </c>
      <c r="AG19547">
        <v>18</v>
      </c>
      <c r="AH19547">
        <v>18</v>
      </c>
      <c r="AI19547">
        <v>18</v>
      </c>
      <c r="AJ19547">
        <v>18</v>
      </c>
      <c r="AK19547">
        <v>18</v>
      </c>
      <c r="AL19547">
        <v>19</v>
      </c>
      <c r="AM19547">
        <v>19</v>
      </c>
      <c r="AN19547">
        <v>19</v>
      </c>
      <c r="AO19547">
        <v>19</v>
      </c>
      <c r="AP19547">
        <v>19</v>
      </c>
      <c r="AQ19547">
        <v>19</v>
      </c>
    </row>
    <row r="19548" spans="1:43">
      <c r="A19548" t="s">
        <v>12106</v>
      </c>
      <c r="B19548" t="s">
        <v>12107</v>
      </c>
      <c r="C19548" t="s">
        <v>12108</v>
      </c>
      <c r="D19548" t="s">
        <v>12109</v>
      </c>
      <c r="E19548" t="s">
        <v>12006</v>
      </c>
      <c r="F19548" t="s">
        <v>12007</v>
      </c>
      <c r="G19548" t="s">
        <v>10450</v>
      </c>
      <c r="H19548" t="s">
        <v>10451</v>
      </c>
      <c r="I19548" s="2">
        <v>1</v>
      </c>
      <c r="J19548" s="2">
        <v>0</v>
      </c>
      <c r="K19548" s="2">
        <v>0</v>
      </c>
      <c r="L19548" t="s">
        <v>120</v>
      </c>
      <c r="M19548" t="s">
        <v>89</v>
      </c>
      <c r="N19548" t="s">
        <v>90</v>
      </c>
      <c r="O19548" t="s">
        <v>85</v>
      </c>
      <c r="P19548" t="s">
        <v>86</v>
      </c>
      <c r="Q19548">
        <v>17</v>
      </c>
      <c r="R19548">
        <v>18</v>
      </c>
      <c r="S19548">
        <v>18</v>
      </c>
      <c r="T19548">
        <v>18</v>
      </c>
      <c r="U19548">
        <v>19</v>
      </c>
      <c r="V19548">
        <v>19</v>
      </c>
      <c r="W19548">
        <v>19</v>
      </c>
      <c r="X19548">
        <v>20</v>
      </c>
      <c r="Y19548">
        <v>20</v>
      </c>
      <c r="Z19548">
        <v>20</v>
      </c>
      <c r="AA19548">
        <v>21</v>
      </c>
      <c r="AB19548">
        <v>21</v>
      </c>
      <c r="AC19548">
        <v>21</v>
      </c>
      <c r="AD19548">
        <v>22</v>
      </c>
      <c r="AE19548">
        <v>22</v>
      </c>
      <c r="AF19548">
        <v>22</v>
      </c>
      <c r="AG19548">
        <v>22</v>
      </c>
      <c r="AH19548">
        <v>22</v>
      </c>
      <c r="AI19548">
        <v>22</v>
      </c>
      <c r="AJ19548">
        <v>22</v>
      </c>
      <c r="AK19548">
        <v>22</v>
      </c>
      <c r="AL19548">
        <v>22</v>
      </c>
      <c r="AM19548">
        <v>22</v>
      </c>
      <c r="AN19548">
        <v>22</v>
      </c>
      <c r="AO19548">
        <v>22</v>
      </c>
      <c r="AP19548">
        <v>22</v>
      </c>
      <c r="AQ19548">
        <v>22</v>
      </c>
    </row>
    <row r="19549" spans="1:43">
      <c r="A19549" t="s">
        <v>12106</v>
      </c>
      <c r="B19549" t="s">
        <v>12107</v>
      </c>
      <c r="C19549" t="s">
        <v>12108</v>
      </c>
      <c r="D19549" t="s">
        <v>12109</v>
      </c>
      <c r="E19549" t="s">
        <v>12006</v>
      </c>
      <c r="F19549" t="s">
        <v>12007</v>
      </c>
      <c r="G19549" t="s">
        <v>10450</v>
      </c>
      <c r="H19549" t="s">
        <v>10451</v>
      </c>
      <c r="I19549" s="2">
        <v>1</v>
      </c>
      <c r="J19549" s="2">
        <v>0</v>
      </c>
      <c r="K19549" s="2">
        <v>0</v>
      </c>
      <c r="L19549" t="s">
        <v>120</v>
      </c>
      <c r="M19549" t="s">
        <v>83</v>
      </c>
      <c r="N19549" t="s">
        <v>91</v>
      </c>
      <c r="O19549" t="s">
        <v>85</v>
      </c>
      <c r="P19549" t="s">
        <v>86</v>
      </c>
      <c r="Q19549">
        <v>17</v>
      </c>
      <c r="R19549">
        <v>17</v>
      </c>
      <c r="S19549">
        <v>18</v>
      </c>
      <c r="T19549">
        <v>18</v>
      </c>
      <c r="U19549">
        <v>18</v>
      </c>
      <c r="V19549">
        <v>18</v>
      </c>
      <c r="W19549">
        <v>19</v>
      </c>
      <c r="X19549">
        <v>19</v>
      </c>
      <c r="Y19549">
        <v>19</v>
      </c>
      <c r="Z19549">
        <v>19</v>
      </c>
      <c r="AA19549">
        <v>19</v>
      </c>
      <c r="AB19549">
        <v>20</v>
      </c>
      <c r="AC19549">
        <v>20</v>
      </c>
      <c r="AD19549">
        <v>20</v>
      </c>
      <c r="AE19549">
        <v>20</v>
      </c>
      <c r="AF19549">
        <v>21</v>
      </c>
      <c r="AG19549">
        <v>21</v>
      </c>
      <c r="AH19549">
        <v>21</v>
      </c>
      <c r="AI19549">
        <v>21</v>
      </c>
      <c r="AJ19549">
        <v>21</v>
      </c>
      <c r="AK19549">
        <v>22</v>
      </c>
      <c r="AL19549">
        <v>22</v>
      </c>
      <c r="AM19549">
        <v>22</v>
      </c>
      <c r="AN19549">
        <v>22</v>
      </c>
      <c r="AO19549">
        <v>22</v>
      </c>
      <c r="AP19549">
        <v>22</v>
      </c>
      <c r="AQ19549">
        <v>22</v>
      </c>
    </row>
    <row r="19550" spans="1:43">
      <c r="A19550" t="s">
        <v>12110</v>
      </c>
      <c r="B19550" t="s">
        <v>12111</v>
      </c>
      <c r="C19550" t="s">
        <v>12094</v>
      </c>
      <c r="D19550" t="s">
        <v>12095</v>
      </c>
      <c r="E19550" t="s">
        <v>12006</v>
      </c>
      <c r="F19550" t="s">
        <v>12007</v>
      </c>
      <c r="G19550" t="s">
        <v>10450</v>
      </c>
      <c r="H19550" t="s">
        <v>10451</v>
      </c>
      <c r="I19550" s="2">
        <v>1</v>
      </c>
      <c r="J19550" s="2">
        <v>0</v>
      </c>
      <c r="K19550" s="2">
        <v>0</v>
      </c>
      <c r="L19550" t="s">
        <v>120</v>
      </c>
      <c r="M19550" t="s">
        <v>83</v>
      </c>
      <c r="N19550" t="s">
        <v>84</v>
      </c>
      <c r="O19550" t="s">
        <v>85</v>
      </c>
      <c r="P19550" t="s">
        <v>86</v>
      </c>
      <c r="Q19550">
        <v>37</v>
      </c>
      <c r="R19550">
        <v>37</v>
      </c>
      <c r="S19550">
        <v>38</v>
      </c>
      <c r="T19550">
        <v>38</v>
      </c>
      <c r="U19550">
        <v>39</v>
      </c>
      <c r="V19550">
        <v>39</v>
      </c>
      <c r="W19550">
        <v>40</v>
      </c>
      <c r="X19550">
        <v>40</v>
      </c>
      <c r="Y19550">
        <v>41</v>
      </c>
      <c r="Z19550">
        <v>41</v>
      </c>
      <c r="AA19550">
        <v>42</v>
      </c>
      <c r="AB19550">
        <v>42</v>
      </c>
      <c r="AC19550">
        <v>43</v>
      </c>
      <c r="AD19550">
        <v>43</v>
      </c>
      <c r="AE19550">
        <v>44</v>
      </c>
      <c r="AF19550">
        <v>44</v>
      </c>
      <c r="AG19550">
        <v>45</v>
      </c>
      <c r="AH19550">
        <v>45</v>
      </c>
      <c r="AI19550">
        <v>46</v>
      </c>
      <c r="AJ19550">
        <v>46</v>
      </c>
      <c r="AK19550">
        <v>47</v>
      </c>
      <c r="AL19550">
        <v>47</v>
      </c>
      <c r="AM19550">
        <v>47</v>
      </c>
      <c r="AN19550">
        <v>47</v>
      </c>
      <c r="AO19550">
        <v>47</v>
      </c>
      <c r="AP19550">
        <v>47</v>
      </c>
      <c r="AQ19550">
        <v>47</v>
      </c>
    </row>
    <row r="19551" spans="1:43">
      <c r="A19551" t="s">
        <v>12110</v>
      </c>
      <c r="B19551" t="s">
        <v>12111</v>
      </c>
      <c r="C19551" t="s">
        <v>12094</v>
      </c>
      <c r="D19551" t="s">
        <v>12095</v>
      </c>
      <c r="E19551" t="s">
        <v>12006</v>
      </c>
      <c r="F19551" t="s">
        <v>12007</v>
      </c>
      <c r="G19551" t="s">
        <v>10450</v>
      </c>
      <c r="H19551" t="s">
        <v>10451</v>
      </c>
      <c r="I19551" s="2">
        <v>1</v>
      </c>
      <c r="J19551" s="2">
        <v>0</v>
      </c>
      <c r="K19551" s="2">
        <v>0</v>
      </c>
      <c r="L19551" t="s">
        <v>120</v>
      </c>
      <c r="M19551" t="s">
        <v>87</v>
      </c>
      <c r="N19551" t="s">
        <v>88</v>
      </c>
      <c r="O19551" t="s">
        <v>85</v>
      </c>
      <c r="P19551" t="s">
        <v>86</v>
      </c>
      <c r="Q19551">
        <v>37</v>
      </c>
      <c r="R19551">
        <v>38</v>
      </c>
      <c r="S19551">
        <v>38</v>
      </c>
      <c r="T19551">
        <v>38</v>
      </c>
      <c r="U19551">
        <v>38</v>
      </c>
      <c r="V19551">
        <v>38</v>
      </c>
      <c r="W19551">
        <v>39</v>
      </c>
      <c r="X19551">
        <v>39</v>
      </c>
      <c r="Y19551">
        <v>39</v>
      </c>
      <c r="Z19551">
        <v>39</v>
      </c>
      <c r="AA19551">
        <v>39</v>
      </c>
      <c r="AB19551">
        <v>39</v>
      </c>
      <c r="AC19551">
        <v>40</v>
      </c>
      <c r="AD19551">
        <v>40</v>
      </c>
      <c r="AE19551">
        <v>40</v>
      </c>
      <c r="AF19551">
        <v>40</v>
      </c>
      <c r="AG19551">
        <v>40</v>
      </c>
      <c r="AH19551">
        <v>40</v>
      </c>
      <c r="AI19551">
        <v>40</v>
      </c>
      <c r="AJ19551">
        <v>41</v>
      </c>
      <c r="AK19551">
        <v>41</v>
      </c>
      <c r="AL19551">
        <v>41</v>
      </c>
      <c r="AM19551">
        <v>41</v>
      </c>
      <c r="AN19551">
        <v>41</v>
      </c>
      <c r="AO19551">
        <v>41</v>
      </c>
      <c r="AP19551">
        <v>42</v>
      </c>
      <c r="AQ19551">
        <v>42</v>
      </c>
    </row>
    <row r="19552" spans="1:43">
      <c r="A19552" t="s">
        <v>12110</v>
      </c>
      <c r="B19552" t="s">
        <v>12111</v>
      </c>
      <c r="C19552" t="s">
        <v>12094</v>
      </c>
      <c r="D19552" t="s">
        <v>12095</v>
      </c>
      <c r="E19552" t="s">
        <v>12006</v>
      </c>
      <c r="F19552" t="s">
        <v>12007</v>
      </c>
      <c r="G19552" t="s">
        <v>10450</v>
      </c>
      <c r="H19552" t="s">
        <v>10451</v>
      </c>
      <c r="I19552" s="2">
        <v>1</v>
      </c>
      <c r="J19552" s="2">
        <v>0</v>
      </c>
      <c r="K19552" s="2">
        <v>0</v>
      </c>
      <c r="L19552" t="s">
        <v>120</v>
      </c>
      <c r="M19552" t="s">
        <v>89</v>
      </c>
      <c r="N19552" t="s">
        <v>90</v>
      </c>
      <c r="O19552" t="s">
        <v>85</v>
      </c>
      <c r="P19552" t="s">
        <v>86</v>
      </c>
      <c r="Q19552">
        <v>37</v>
      </c>
      <c r="R19552">
        <v>38</v>
      </c>
      <c r="S19552">
        <v>39</v>
      </c>
      <c r="T19552">
        <v>40</v>
      </c>
      <c r="U19552">
        <v>40</v>
      </c>
      <c r="V19552">
        <v>41</v>
      </c>
      <c r="W19552">
        <v>42</v>
      </c>
      <c r="X19552">
        <v>43</v>
      </c>
      <c r="Y19552">
        <v>43</v>
      </c>
      <c r="Z19552">
        <v>44</v>
      </c>
      <c r="AA19552">
        <v>45</v>
      </c>
      <c r="AB19552">
        <v>45</v>
      </c>
      <c r="AC19552">
        <v>46</v>
      </c>
      <c r="AD19552">
        <v>47</v>
      </c>
      <c r="AE19552">
        <v>47</v>
      </c>
      <c r="AF19552">
        <v>47</v>
      </c>
      <c r="AG19552">
        <v>47</v>
      </c>
      <c r="AH19552">
        <v>47</v>
      </c>
      <c r="AI19552">
        <v>47</v>
      </c>
      <c r="AJ19552">
        <v>47</v>
      </c>
      <c r="AK19552">
        <v>47</v>
      </c>
      <c r="AL19552">
        <v>47</v>
      </c>
      <c r="AM19552">
        <v>47</v>
      </c>
      <c r="AN19552">
        <v>47</v>
      </c>
      <c r="AO19552">
        <v>47</v>
      </c>
      <c r="AP19552">
        <v>47</v>
      </c>
      <c r="AQ19552">
        <v>47</v>
      </c>
    </row>
    <row r="19553" spans="1:43">
      <c r="A19553" t="s">
        <v>12110</v>
      </c>
      <c r="B19553" t="s">
        <v>12111</v>
      </c>
      <c r="C19553" t="s">
        <v>12094</v>
      </c>
      <c r="D19553" t="s">
        <v>12095</v>
      </c>
      <c r="E19553" t="s">
        <v>12006</v>
      </c>
      <c r="F19553" t="s">
        <v>12007</v>
      </c>
      <c r="G19553" t="s">
        <v>10450</v>
      </c>
      <c r="H19553" t="s">
        <v>10451</v>
      </c>
      <c r="I19553" s="2">
        <v>1</v>
      </c>
      <c r="J19553" s="2">
        <v>0</v>
      </c>
      <c r="K19553" s="2">
        <v>0</v>
      </c>
      <c r="L19553" t="s">
        <v>120</v>
      </c>
      <c r="M19553" t="s">
        <v>83</v>
      </c>
      <c r="N19553" t="s">
        <v>91</v>
      </c>
      <c r="O19553" t="s">
        <v>85</v>
      </c>
      <c r="P19553" t="s">
        <v>86</v>
      </c>
      <c r="Q19553">
        <v>37</v>
      </c>
      <c r="R19553">
        <v>37</v>
      </c>
      <c r="S19553">
        <v>38</v>
      </c>
      <c r="T19553">
        <v>38</v>
      </c>
      <c r="U19553">
        <v>39</v>
      </c>
      <c r="V19553">
        <v>39</v>
      </c>
      <c r="W19553">
        <v>40</v>
      </c>
      <c r="X19553">
        <v>40</v>
      </c>
      <c r="Y19553">
        <v>41</v>
      </c>
      <c r="Z19553">
        <v>41</v>
      </c>
      <c r="AA19553">
        <v>42</v>
      </c>
      <c r="AB19553">
        <v>42</v>
      </c>
      <c r="AC19553">
        <v>43</v>
      </c>
      <c r="AD19553">
        <v>43</v>
      </c>
      <c r="AE19553">
        <v>44</v>
      </c>
      <c r="AF19553">
        <v>44</v>
      </c>
      <c r="AG19553">
        <v>45</v>
      </c>
      <c r="AH19553">
        <v>45</v>
      </c>
      <c r="AI19553">
        <v>46</v>
      </c>
      <c r="AJ19553">
        <v>46</v>
      </c>
      <c r="AK19553">
        <v>47</v>
      </c>
      <c r="AL19553">
        <v>47</v>
      </c>
      <c r="AM19553">
        <v>47</v>
      </c>
      <c r="AN19553">
        <v>47</v>
      </c>
      <c r="AO19553">
        <v>47</v>
      </c>
      <c r="AP19553">
        <v>47</v>
      </c>
      <c r="AQ19553">
        <v>47</v>
      </c>
    </row>
    <row r="19554" spans="1:43">
      <c r="A19554" t="s">
        <v>12112</v>
      </c>
      <c r="B19554" t="s">
        <v>12113</v>
      </c>
      <c r="C19554" t="s">
        <v>12094</v>
      </c>
      <c r="D19554" t="s">
        <v>12095</v>
      </c>
      <c r="E19554" t="s">
        <v>12006</v>
      </c>
      <c r="F19554" t="s">
        <v>12007</v>
      </c>
      <c r="G19554" t="s">
        <v>10450</v>
      </c>
      <c r="H19554" t="s">
        <v>10451</v>
      </c>
      <c r="I19554" s="2">
        <v>1</v>
      </c>
      <c r="J19554" s="2">
        <v>0</v>
      </c>
      <c r="K19554" s="2">
        <v>0</v>
      </c>
      <c r="L19554" t="s">
        <v>120</v>
      </c>
      <c r="M19554" t="s">
        <v>83</v>
      </c>
      <c r="N19554" t="s">
        <v>84</v>
      </c>
      <c r="O19554" t="s">
        <v>85</v>
      </c>
      <c r="P19554" t="s">
        <v>86</v>
      </c>
      <c r="Q19554">
        <v>22</v>
      </c>
      <c r="R19554">
        <v>23</v>
      </c>
      <c r="S19554">
        <v>23</v>
      </c>
      <c r="T19554">
        <v>23</v>
      </c>
      <c r="U19554">
        <v>24</v>
      </c>
      <c r="V19554">
        <v>24</v>
      </c>
      <c r="W19554">
        <v>24</v>
      </c>
      <c r="X19554">
        <v>24</v>
      </c>
      <c r="Y19554">
        <v>25</v>
      </c>
      <c r="Z19554">
        <v>25</v>
      </c>
      <c r="AA19554">
        <v>25</v>
      </c>
      <c r="AB19554">
        <v>26</v>
      </c>
      <c r="AC19554">
        <v>26</v>
      </c>
      <c r="AD19554">
        <v>26</v>
      </c>
      <c r="AE19554">
        <v>27</v>
      </c>
      <c r="AF19554">
        <v>27</v>
      </c>
      <c r="AG19554">
        <v>27</v>
      </c>
      <c r="AH19554">
        <v>27</v>
      </c>
      <c r="AI19554">
        <v>28</v>
      </c>
      <c r="AJ19554">
        <v>28</v>
      </c>
      <c r="AK19554">
        <v>28</v>
      </c>
      <c r="AL19554">
        <v>28</v>
      </c>
      <c r="AM19554">
        <v>28</v>
      </c>
      <c r="AN19554">
        <v>28</v>
      </c>
      <c r="AO19554">
        <v>28</v>
      </c>
      <c r="AP19554">
        <v>28</v>
      </c>
      <c r="AQ19554">
        <v>28</v>
      </c>
    </row>
    <row r="19555" spans="1:43">
      <c r="A19555" t="s">
        <v>12112</v>
      </c>
      <c r="B19555" t="s">
        <v>12113</v>
      </c>
      <c r="C19555" t="s">
        <v>12094</v>
      </c>
      <c r="D19555" t="s">
        <v>12095</v>
      </c>
      <c r="E19555" t="s">
        <v>12006</v>
      </c>
      <c r="F19555" t="s">
        <v>12007</v>
      </c>
      <c r="G19555" t="s">
        <v>10450</v>
      </c>
      <c r="H19555" t="s">
        <v>10451</v>
      </c>
      <c r="I19555" s="2">
        <v>1</v>
      </c>
      <c r="J19555" s="2">
        <v>0</v>
      </c>
      <c r="K19555" s="2">
        <v>0</v>
      </c>
      <c r="L19555" t="s">
        <v>120</v>
      </c>
      <c r="M19555" t="s">
        <v>87</v>
      </c>
      <c r="N19555" t="s">
        <v>88</v>
      </c>
      <c r="O19555" t="s">
        <v>85</v>
      </c>
      <c r="P19555" t="s">
        <v>86</v>
      </c>
      <c r="Q19555">
        <v>22</v>
      </c>
      <c r="R19555">
        <v>22</v>
      </c>
      <c r="S19555">
        <v>22</v>
      </c>
      <c r="T19555">
        <v>22</v>
      </c>
      <c r="U19555">
        <v>22</v>
      </c>
      <c r="V19555">
        <v>23</v>
      </c>
      <c r="W19555">
        <v>23</v>
      </c>
      <c r="X19555">
        <v>23</v>
      </c>
      <c r="Y19555">
        <v>23</v>
      </c>
      <c r="Z19555">
        <v>23</v>
      </c>
      <c r="AA19555">
        <v>23</v>
      </c>
      <c r="AB19555">
        <v>23</v>
      </c>
      <c r="AC19555">
        <v>23</v>
      </c>
      <c r="AD19555">
        <v>23</v>
      </c>
      <c r="AE19555">
        <v>24</v>
      </c>
      <c r="AF19555">
        <v>24</v>
      </c>
      <c r="AG19555">
        <v>24</v>
      </c>
      <c r="AH19555">
        <v>24</v>
      </c>
      <c r="AI19555">
        <v>24</v>
      </c>
      <c r="AJ19555">
        <v>24</v>
      </c>
      <c r="AK19555">
        <v>24</v>
      </c>
      <c r="AL19555">
        <v>24</v>
      </c>
      <c r="AM19555">
        <v>24</v>
      </c>
      <c r="AN19555">
        <v>24</v>
      </c>
      <c r="AO19555">
        <v>24</v>
      </c>
      <c r="AP19555">
        <v>25</v>
      </c>
      <c r="AQ19555">
        <v>25</v>
      </c>
    </row>
    <row r="19556" spans="1:43">
      <c r="A19556" t="s">
        <v>12112</v>
      </c>
      <c r="B19556" t="s">
        <v>12113</v>
      </c>
      <c r="C19556" t="s">
        <v>12094</v>
      </c>
      <c r="D19556" t="s">
        <v>12095</v>
      </c>
      <c r="E19556" t="s">
        <v>12006</v>
      </c>
      <c r="F19556" t="s">
        <v>12007</v>
      </c>
      <c r="G19556" t="s">
        <v>10450</v>
      </c>
      <c r="H19556" t="s">
        <v>10451</v>
      </c>
      <c r="I19556" s="2">
        <v>1</v>
      </c>
      <c r="J19556" s="2">
        <v>0</v>
      </c>
      <c r="K19556" s="2">
        <v>0</v>
      </c>
      <c r="L19556" t="s">
        <v>120</v>
      </c>
      <c r="M19556" t="s">
        <v>89</v>
      </c>
      <c r="N19556" t="s">
        <v>90</v>
      </c>
      <c r="O19556" t="s">
        <v>85</v>
      </c>
      <c r="P19556" t="s">
        <v>86</v>
      </c>
      <c r="Q19556">
        <v>22</v>
      </c>
      <c r="R19556">
        <v>23</v>
      </c>
      <c r="S19556">
        <v>23</v>
      </c>
      <c r="T19556">
        <v>24</v>
      </c>
      <c r="U19556">
        <v>24</v>
      </c>
      <c r="V19556">
        <v>25</v>
      </c>
      <c r="W19556">
        <v>25</v>
      </c>
      <c r="X19556">
        <v>26</v>
      </c>
      <c r="Y19556">
        <v>26</v>
      </c>
      <c r="Z19556">
        <v>27</v>
      </c>
      <c r="AA19556">
        <v>27</v>
      </c>
      <c r="AB19556">
        <v>27</v>
      </c>
      <c r="AC19556">
        <v>28</v>
      </c>
      <c r="AD19556">
        <v>28</v>
      </c>
      <c r="AE19556">
        <v>28</v>
      </c>
      <c r="AF19556">
        <v>28</v>
      </c>
      <c r="AG19556">
        <v>29</v>
      </c>
      <c r="AH19556">
        <v>29</v>
      </c>
      <c r="AI19556">
        <v>29</v>
      </c>
      <c r="AJ19556">
        <v>29</v>
      </c>
      <c r="AK19556">
        <v>29</v>
      </c>
      <c r="AL19556">
        <v>29</v>
      </c>
      <c r="AM19556">
        <v>29</v>
      </c>
      <c r="AN19556">
        <v>29</v>
      </c>
      <c r="AO19556">
        <v>29</v>
      </c>
      <c r="AP19556">
        <v>29</v>
      </c>
      <c r="AQ19556">
        <v>29</v>
      </c>
    </row>
    <row r="19557" spans="1:43">
      <c r="A19557" t="s">
        <v>12112</v>
      </c>
      <c r="B19557" t="s">
        <v>12113</v>
      </c>
      <c r="C19557" t="s">
        <v>12094</v>
      </c>
      <c r="D19557" t="s">
        <v>12095</v>
      </c>
      <c r="E19557" t="s">
        <v>12006</v>
      </c>
      <c r="F19557" t="s">
        <v>12007</v>
      </c>
      <c r="G19557" t="s">
        <v>10450</v>
      </c>
      <c r="H19557" t="s">
        <v>10451</v>
      </c>
      <c r="I19557" s="2">
        <v>1</v>
      </c>
      <c r="J19557" s="2">
        <v>0</v>
      </c>
      <c r="K19557" s="2">
        <v>0</v>
      </c>
      <c r="L19557" t="s">
        <v>120</v>
      </c>
      <c r="M19557" t="s">
        <v>83</v>
      </c>
      <c r="N19557" t="s">
        <v>91</v>
      </c>
      <c r="O19557" t="s">
        <v>85</v>
      </c>
      <c r="P19557" t="s">
        <v>86</v>
      </c>
      <c r="Q19557">
        <v>22</v>
      </c>
      <c r="R19557">
        <v>23</v>
      </c>
      <c r="S19557">
        <v>23</v>
      </c>
      <c r="T19557">
        <v>23</v>
      </c>
      <c r="U19557">
        <v>24</v>
      </c>
      <c r="V19557">
        <v>24</v>
      </c>
      <c r="W19557">
        <v>24</v>
      </c>
      <c r="X19557">
        <v>24</v>
      </c>
      <c r="Y19557">
        <v>25</v>
      </c>
      <c r="Z19557">
        <v>25</v>
      </c>
      <c r="AA19557">
        <v>25</v>
      </c>
      <c r="AB19557">
        <v>26</v>
      </c>
      <c r="AC19557">
        <v>26</v>
      </c>
      <c r="AD19557">
        <v>26</v>
      </c>
      <c r="AE19557">
        <v>27</v>
      </c>
      <c r="AF19557">
        <v>27</v>
      </c>
      <c r="AG19557">
        <v>27</v>
      </c>
      <c r="AH19557">
        <v>27</v>
      </c>
      <c r="AI19557">
        <v>28</v>
      </c>
      <c r="AJ19557">
        <v>28</v>
      </c>
      <c r="AK19557">
        <v>28</v>
      </c>
      <c r="AL19557">
        <v>28</v>
      </c>
      <c r="AM19557">
        <v>28</v>
      </c>
      <c r="AN19557">
        <v>28</v>
      </c>
      <c r="AO19557">
        <v>28</v>
      </c>
      <c r="AP19557">
        <v>28</v>
      </c>
      <c r="AQ19557">
        <v>28</v>
      </c>
    </row>
    <row r="19558" spans="1:43">
      <c r="A19558" t="s">
        <v>12114</v>
      </c>
      <c r="B19558" t="s">
        <v>12115</v>
      </c>
      <c r="C19558" t="s">
        <v>12094</v>
      </c>
      <c r="D19558" t="s">
        <v>12095</v>
      </c>
      <c r="E19558" t="s">
        <v>12006</v>
      </c>
      <c r="F19558" t="s">
        <v>12007</v>
      </c>
      <c r="G19558" t="s">
        <v>10450</v>
      </c>
      <c r="H19558" t="s">
        <v>10451</v>
      </c>
      <c r="I19558" s="2">
        <v>1</v>
      </c>
      <c r="J19558" s="2">
        <v>0</v>
      </c>
      <c r="K19558" s="2">
        <v>0</v>
      </c>
      <c r="L19558" t="s">
        <v>120</v>
      </c>
      <c r="M19558" t="s">
        <v>83</v>
      </c>
      <c r="N19558" t="s">
        <v>84</v>
      </c>
      <c r="O19558" t="s">
        <v>85</v>
      </c>
      <c r="P19558" t="s">
        <v>86</v>
      </c>
      <c r="Q19558">
        <v>22</v>
      </c>
      <c r="R19558">
        <v>23</v>
      </c>
      <c r="S19558">
        <v>23</v>
      </c>
      <c r="T19558">
        <v>23</v>
      </c>
      <c r="U19558">
        <v>24</v>
      </c>
      <c r="V19558">
        <v>24</v>
      </c>
      <c r="W19558">
        <v>24</v>
      </c>
      <c r="X19558">
        <v>25</v>
      </c>
      <c r="Y19558">
        <v>25</v>
      </c>
      <c r="Z19558">
        <v>25</v>
      </c>
      <c r="AA19558">
        <v>26</v>
      </c>
      <c r="AB19558">
        <v>26</v>
      </c>
      <c r="AC19558">
        <v>26</v>
      </c>
      <c r="AD19558">
        <v>26</v>
      </c>
      <c r="AE19558">
        <v>27</v>
      </c>
      <c r="AF19558">
        <v>27</v>
      </c>
      <c r="AG19558">
        <v>27</v>
      </c>
      <c r="AH19558">
        <v>28</v>
      </c>
      <c r="AI19558">
        <v>28</v>
      </c>
      <c r="AJ19558">
        <v>28</v>
      </c>
      <c r="AK19558">
        <v>28</v>
      </c>
      <c r="AL19558">
        <v>29</v>
      </c>
      <c r="AM19558">
        <v>29</v>
      </c>
      <c r="AN19558">
        <v>29</v>
      </c>
      <c r="AO19558">
        <v>29</v>
      </c>
      <c r="AP19558">
        <v>29</v>
      </c>
      <c r="AQ19558">
        <v>29</v>
      </c>
    </row>
    <row r="19559" spans="1:43">
      <c r="A19559" t="s">
        <v>12114</v>
      </c>
      <c r="B19559" t="s">
        <v>12115</v>
      </c>
      <c r="C19559" t="s">
        <v>12094</v>
      </c>
      <c r="D19559" t="s">
        <v>12095</v>
      </c>
      <c r="E19559" t="s">
        <v>12006</v>
      </c>
      <c r="F19559" t="s">
        <v>12007</v>
      </c>
      <c r="G19559" t="s">
        <v>10450</v>
      </c>
      <c r="H19559" t="s">
        <v>10451</v>
      </c>
      <c r="I19559" s="2">
        <v>1</v>
      </c>
      <c r="J19559" s="2">
        <v>0</v>
      </c>
      <c r="K19559" s="2">
        <v>0</v>
      </c>
      <c r="L19559" t="s">
        <v>120</v>
      </c>
      <c r="M19559" t="s">
        <v>87</v>
      </c>
      <c r="N19559" t="s">
        <v>88</v>
      </c>
      <c r="O19559" t="s">
        <v>85</v>
      </c>
      <c r="P19559" t="s">
        <v>86</v>
      </c>
      <c r="Q19559">
        <v>22</v>
      </c>
      <c r="R19559">
        <v>22</v>
      </c>
      <c r="S19559">
        <v>22</v>
      </c>
      <c r="T19559">
        <v>23</v>
      </c>
      <c r="U19559">
        <v>23</v>
      </c>
      <c r="V19559">
        <v>23</v>
      </c>
      <c r="W19559">
        <v>23</v>
      </c>
      <c r="X19559">
        <v>23</v>
      </c>
      <c r="Y19559">
        <v>23</v>
      </c>
      <c r="Z19559">
        <v>23</v>
      </c>
      <c r="AA19559">
        <v>23</v>
      </c>
      <c r="AB19559">
        <v>23</v>
      </c>
      <c r="AC19559">
        <v>23</v>
      </c>
      <c r="AD19559">
        <v>24</v>
      </c>
      <c r="AE19559">
        <v>24</v>
      </c>
      <c r="AF19559">
        <v>24</v>
      </c>
      <c r="AG19559">
        <v>24</v>
      </c>
      <c r="AH19559">
        <v>24</v>
      </c>
      <c r="AI19559">
        <v>24</v>
      </c>
      <c r="AJ19559">
        <v>24</v>
      </c>
      <c r="AK19559">
        <v>24</v>
      </c>
      <c r="AL19559">
        <v>24</v>
      </c>
      <c r="AM19559">
        <v>24</v>
      </c>
      <c r="AN19559">
        <v>25</v>
      </c>
      <c r="AO19559">
        <v>25</v>
      </c>
      <c r="AP19559">
        <v>25</v>
      </c>
      <c r="AQ19559">
        <v>25</v>
      </c>
    </row>
    <row r="19560" spans="1:43">
      <c r="A19560" t="s">
        <v>12114</v>
      </c>
      <c r="B19560" t="s">
        <v>12115</v>
      </c>
      <c r="C19560" t="s">
        <v>12094</v>
      </c>
      <c r="D19560" t="s">
        <v>12095</v>
      </c>
      <c r="E19560" t="s">
        <v>12006</v>
      </c>
      <c r="F19560" t="s">
        <v>12007</v>
      </c>
      <c r="G19560" t="s">
        <v>10450</v>
      </c>
      <c r="H19560" t="s">
        <v>10451</v>
      </c>
      <c r="I19560" s="2">
        <v>1</v>
      </c>
      <c r="J19560" s="2">
        <v>0</v>
      </c>
      <c r="K19560" s="2">
        <v>0</v>
      </c>
      <c r="L19560" t="s">
        <v>120</v>
      </c>
      <c r="M19560" t="s">
        <v>89</v>
      </c>
      <c r="N19560" t="s">
        <v>90</v>
      </c>
      <c r="O19560" t="s">
        <v>85</v>
      </c>
      <c r="P19560" t="s">
        <v>86</v>
      </c>
      <c r="Q19560">
        <v>22</v>
      </c>
      <c r="R19560">
        <v>22</v>
      </c>
      <c r="S19560">
        <v>23</v>
      </c>
      <c r="T19560">
        <v>23</v>
      </c>
      <c r="U19560">
        <v>24</v>
      </c>
      <c r="V19560">
        <v>24</v>
      </c>
      <c r="W19560">
        <v>25</v>
      </c>
      <c r="X19560">
        <v>25</v>
      </c>
      <c r="Y19560">
        <v>25</v>
      </c>
      <c r="Z19560">
        <v>26</v>
      </c>
      <c r="AA19560">
        <v>26</v>
      </c>
      <c r="AB19560">
        <v>27</v>
      </c>
      <c r="AC19560">
        <v>27</v>
      </c>
      <c r="AD19560">
        <v>27</v>
      </c>
      <c r="AE19560">
        <v>28</v>
      </c>
      <c r="AF19560">
        <v>28</v>
      </c>
      <c r="AG19560">
        <v>28</v>
      </c>
      <c r="AH19560">
        <v>28</v>
      </c>
      <c r="AI19560">
        <v>28</v>
      </c>
      <c r="AJ19560">
        <v>28</v>
      </c>
      <c r="AK19560">
        <v>28</v>
      </c>
      <c r="AL19560">
        <v>28</v>
      </c>
      <c r="AM19560">
        <v>28</v>
      </c>
      <c r="AN19560">
        <v>28</v>
      </c>
      <c r="AO19560">
        <v>28</v>
      </c>
      <c r="AP19560">
        <v>28</v>
      </c>
      <c r="AQ19560">
        <v>28</v>
      </c>
    </row>
    <row r="19561" spans="1:43">
      <c r="A19561" t="s">
        <v>12114</v>
      </c>
      <c r="B19561" t="s">
        <v>12115</v>
      </c>
      <c r="C19561" t="s">
        <v>12094</v>
      </c>
      <c r="D19561" t="s">
        <v>12095</v>
      </c>
      <c r="E19561" t="s">
        <v>12006</v>
      </c>
      <c r="F19561" t="s">
        <v>12007</v>
      </c>
      <c r="G19561" t="s">
        <v>10450</v>
      </c>
      <c r="H19561" t="s">
        <v>10451</v>
      </c>
      <c r="I19561" s="2">
        <v>1</v>
      </c>
      <c r="J19561" s="2">
        <v>0</v>
      </c>
      <c r="K19561" s="2">
        <v>0</v>
      </c>
      <c r="L19561" t="s">
        <v>120</v>
      </c>
      <c r="M19561" t="s">
        <v>83</v>
      </c>
      <c r="N19561" t="s">
        <v>91</v>
      </c>
      <c r="O19561" t="s">
        <v>85</v>
      </c>
      <c r="P19561" t="s">
        <v>86</v>
      </c>
      <c r="Q19561">
        <v>22</v>
      </c>
      <c r="R19561">
        <v>23</v>
      </c>
      <c r="S19561">
        <v>23</v>
      </c>
      <c r="T19561">
        <v>23</v>
      </c>
      <c r="U19561">
        <v>24</v>
      </c>
      <c r="V19561">
        <v>24</v>
      </c>
      <c r="W19561">
        <v>24</v>
      </c>
      <c r="X19561">
        <v>25</v>
      </c>
      <c r="Y19561">
        <v>25</v>
      </c>
      <c r="Z19561">
        <v>25</v>
      </c>
      <c r="AA19561">
        <v>26</v>
      </c>
      <c r="AB19561">
        <v>26</v>
      </c>
      <c r="AC19561">
        <v>26</v>
      </c>
      <c r="AD19561">
        <v>26</v>
      </c>
      <c r="AE19561">
        <v>27</v>
      </c>
      <c r="AF19561">
        <v>27</v>
      </c>
      <c r="AG19561">
        <v>27</v>
      </c>
      <c r="AH19561">
        <v>28</v>
      </c>
      <c r="AI19561">
        <v>28</v>
      </c>
      <c r="AJ19561">
        <v>28</v>
      </c>
      <c r="AK19561">
        <v>28</v>
      </c>
      <c r="AL19561">
        <v>29</v>
      </c>
      <c r="AM19561">
        <v>29</v>
      </c>
      <c r="AN19561">
        <v>29</v>
      </c>
      <c r="AO19561">
        <v>29</v>
      </c>
      <c r="AP19561">
        <v>29</v>
      </c>
      <c r="AQ19561">
        <v>29</v>
      </c>
    </row>
    <row r="19562" spans="1:43">
      <c r="A19562" t="s">
        <v>12116</v>
      </c>
      <c r="B19562" t="s">
        <v>12117</v>
      </c>
      <c r="C19562" t="s">
        <v>12098</v>
      </c>
      <c r="D19562" t="s">
        <v>12099</v>
      </c>
      <c r="E19562" t="s">
        <v>12006</v>
      </c>
      <c r="F19562" t="s">
        <v>12007</v>
      </c>
      <c r="G19562" t="s">
        <v>10450</v>
      </c>
      <c r="H19562" t="s">
        <v>10451</v>
      </c>
      <c r="I19562" s="2">
        <v>1</v>
      </c>
      <c r="J19562" s="2">
        <v>0</v>
      </c>
      <c r="K19562" s="2">
        <v>0</v>
      </c>
      <c r="L19562" t="s">
        <v>120</v>
      </c>
      <c r="M19562" t="s">
        <v>83</v>
      </c>
      <c r="N19562" t="s">
        <v>84</v>
      </c>
      <c r="O19562" t="s">
        <v>85</v>
      </c>
      <c r="P19562" t="s">
        <v>86</v>
      </c>
      <c r="Q19562">
        <v>25</v>
      </c>
      <c r="R19562">
        <v>25</v>
      </c>
      <c r="S19562">
        <v>26</v>
      </c>
      <c r="T19562">
        <v>26</v>
      </c>
      <c r="U19562">
        <v>26</v>
      </c>
      <c r="V19562">
        <v>27</v>
      </c>
      <c r="W19562">
        <v>27</v>
      </c>
      <c r="X19562">
        <v>27</v>
      </c>
      <c r="Y19562">
        <v>27</v>
      </c>
      <c r="Z19562">
        <v>28</v>
      </c>
      <c r="AA19562">
        <v>28</v>
      </c>
      <c r="AB19562">
        <v>28</v>
      </c>
      <c r="AC19562">
        <v>29</v>
      </c>
      <c r="AD19562">
        <v>29</v>
      </c>
      <c r="AE19562">
        <v>29</v>
      </c>
      <c r="AF19562">
        <v>29</v>
      </c>
      <c r="AG19562">
        <v>30</v>
      </c>
      <c r="AH19562">
        <v>30</v>
      </c>
      <c r="AI19562">
        <v>30</v>
      </c>
      <c r="AJ19562">
        <v>30</v>
      </c>
      <c r="AK19562">
        <v>31</v>
      </c>
      <c r="AL19562">
        <v>31</v>
      </c>
      <c r="AM19562">
        <v>31</v>
      </c>
      <c r="AN19562">
        <v>31</v>
      </c>
      <c r="AO19562">
        <v>31</v>
      </c>
      <c r="AP19562">
        <v>31</v>
      </c>
      <c r="AQ19562">
        <v>31</v>
      </c>
    </row>
    <row r="19563" spans="1:43">
      <c r="A19563" t="s">
        <v>12116</v>
      </c>
      <c r="B19563" t="s">
        <v>12117</v>
      </c>
      <c r="C19563" t="s">
        <v>12098</v>
      </c>
      <c r="D19563" t="s">
        <v>12099</v>
      </c>
      <c r="E19563" t="s">
        <v>12006</v>
      </c>
      <c r="F19563" t="s">
        <v>12007</v>
      </c>
      <c r="G19563" t="s">
        <v>10450</v>
      </c>
      <c r="H19563" t="s">
        <v>10451</v>
      </c>
      <c r="I19563" s="2">
        <v>1</v>
      </c>
      <c r="J19563" s="2">
        <v>0</v>
      </c>
      <c r="K19563" s="2">
        <v>0</v>
      </c>
      <c r="L19563" t="s">
        <v>120</v>
      </c>
      <c r="M19563" t="s">
        <v>87</v>
      </c>
      <c r="N19563" t="s">
        <v>88</v>
      </c>
      <c r="O19563" t="s">
        <v>85</v>
      </c>
      <c r="P19563" t="s">
        <v>86</v>
      </c>
      <c r="Q19563">
        <v>25</v>
      </c>
      <c r="R19563">
        <v>25</v>
      </c>
      <c r="S19563">
        <v>25</v>
      </c>
      <c r="T19563">
        <v>25</v>
      </c>
      <c r="U19563">
        <v>25</v>
      </c>
      <c r="V19563">
        <v>25</v>
      </c>
      <c r="W19563">
        <v>25</v>
      </c>
      <c r="X19563">
        <v>25</v>
      </c>
      <c r="Y19563">
        <v>25</v>
      </c>
      <c r="Z19563">
        <v>25</v>
      </c>
      <c r="AA19563">
        <v>25</v>
      </c>
      <c r="AB19563">
        <v>26</v>
      </c>
      <c r="AC19563">
        <v>26</v>
      </c>
      <c r="AD19563">
        <v>26</v>
      </c>
      <c r="AE19563">
        <v>26</v>
      </c>
      <c r="AF19563">
        <v>26</v>
      </c>
      <c r="AG19563">
        <v>26</v>
      </c>
      <c r="AH19563">
        <v>26</v>
      </c>
      <c r="AI19563">
        <v>26</v>
      </c>
      <c r="AJ19563">
        <v>26</v>
      </c>
      <c r="AK19563">
        <v>26</v>
      </c>
      <c r="AL19563">
        <v>26</v>
      </c>
      <c r="AM19563">
        <v>26</v>
      </c>
      <c r="AN19563">
        <v>26</v>
      </c>
      <c r="AO19563">
        <v>26</v>
      </c>
      <c r="AP19563">
        <v>26</v>
      </c>
      <c r="AQ19563">
        <v>27</v>
      </c>
    </row>
    <row r="19564" spans="1:43">
      <c r="A19564" t="s">
        <v>12116</v>
      </c>
      <c r="B19564" t="s">
        <v>12117</v>
      </c>
      <c r="C19564" t="s">
        <v>12098</v>
      </c>
      <c r="D19564" t="s">
        <v>12099</v>
      </c>
      <c r="E19564" t="s">
        <v>12006</v>
      </c>
      <c r="F19564" t="s">
        <v>12007</v>
      </c>
      <c r="G19564" t="s">
        <v>10450</v>
      </c>
      <c r="H19564" t="s">
        <v>10451</v>
      </c>
      <c r="I19564" s="2">
        <v>1</v>
      </c>
      <c r="J19564" s="2">
        <v>0</v>
      </c>
      <c r="K19564" s="2">
        <v>0</v>
      </c>
      <c r="L19564" t="s">
        <v>120</v>
      </c>
      <c r="M19564" t="s">
        <v>89</v>
      </c>
      <c r="N19564" t="s">
        <v>90</v>
      </c>
      <c r="O19564" t="s">
        <v>85</v>
      </c>
      <c r="P19564" t="s">
        <v>86</v>
      </c>
      <c r="Q19564">
        <v>25</v>
      </c>
      <c r="R19564">
        <v>26</v>
      </c>
      <c r="S19564">
        <v>26</v>
      </c>
      <c r="T19564">
        <v>27</v>
      </c>
      <c r="U19564">
        <v>27</v>
      </c>
      <c r="V19564">
        <v>28</v>
      </c>
      <c r="W19564">
        <v>28</v>
      </c>
      <c r="X19564">
        <v>29</v>
      </c>
      <c r="Y19564">
        <v>29</v>
      </c>
      <c r="Z19564">
        <v>29</v>
      </c>
      <c r="AA19564">
        <v>30</v>
      </c>
      <c r="AB19564">
        <v>30</v>
      </c>
      <c r="AC19564">
        <v>31</v>
      </c>
      <c r="AD19564">
        <v>31</v>
      </c>
      <c r="AE19564">
        <v>31</v>
      </c>
      <c r="AF19564">
        <v>31</v>
      </c>
      <c r="AG19564">
        <v>31</v>
      </c>
      <c r="AH19564">
        <v>31</v>
      </c>
      <c r="AI19564">
        <v>31</v>
      </c>
      <c r="AJ19564">
        <v>31</v>
      </c>
      <c r="AK19564">
        <v>31</v>
      </c>
      <c r="AL19564">
        <v>31</v>
      </c>
      <c r="AM19564">
        <v>31</v>
      </c>
      <c r="AN19564">
        <v>31</v>
      </c>
      <c r="AO19564">
        <v>31</v>
      </c>
      <c r="AP19564">
        <v>31</v>
      </c>
      <c r="AQ19564">
        <v>31</v>
      </c>
    </row>
    <row r="19565" spans="1:43">
      <c r="A19565" t="s">
        <v>12116</v>
      </c>
      <c r="B19565" t="s">
        <v>12117</v>
      </c>
      <c r="C19565" t="s">
        <v>12098</v>
      </c>
      <c r="D19565" t="s">
        <v>12099</v>
      </c>
      <c r="E19565" t="s">
        <v>12006</v>
      </c>
      <c r="F19565" t="s">
        <v>12007</v>
      </c>
      <c r="G19565" t="s">
        <v>10450</v>
      </c>
      <c r="H19565" t="s">
        <v>10451</v>
      </c>
      <c r="I19565" s="2">
        <v>1</v>
      </c>
      <c r="J19565" s="2">
        <v>0</v>
      </c>
      <c r="K19565" s="2">
        <v>0</v>
      </c>
      <c r="L19565" t="s">
        <v>120</v>
      </c>
      <c r="M19565" t="s">
        <v>83</v>
      </c>
      <c r="N19565" t="s">
        <v>91</v>
      </c>
      <c r="O19565" t="s">
        <v>85</v>
      </c>
      <c r="P19565" t="s">
        <v>86</v>
      </c>
      <c r="Q19565">
        <v>25</v>
      </c>
      <c r="R19565">
        <v>25</v>
      </c>
      <c r="S19565">
        <v>26</v>
      </c>
      <c r="T19565">
        <v>26</v>
      </c>
      <c r="U19565">
        <v>26</v>
      </c>
      <c r="V19565">
        <v>27</v>
      </c>
      <c r="W19565">
        <v>27</v>
      </c>
      <c r="X19565">
        <v>27</v>
      </c>
      <c r="Y19565">
        <v>27</v>
      </c>
      <c r="Z19565">
        <v>28</v>
      </c>
      <c r="AA19565">
        <v>28</v>
      </c>
      <c r="AB19565">
        <v>28</v>
      </c>
      <c r="AC19565">
        <v>29</v>
      </c>
      <c r="AD19565">
        <v>29</v>
      </c>
      <c r="AE19565">
        <v>29</v>
      </c>
      <c r="AF19565">
        <v>29</v>
      </c>
      <c r="AG19565">
        <v>30</v>
      </c>
      <c r="AH19565">
        <v>30</v>
      </c>
      <c r="AI19565">
        <v>30</v>
      </c>
      <c r="AJ19565">
        <v>30</v>
      </c>
      <c r="AK19565">
        <v>31</v>
      </c>
      <c r="AL19565">
        <v>31</v>
      </c>
      <c r="AM19565">
        <v>31</v>
      </c>
      <c r="AN19565">
        <v>31</v>
      </c>
      <c r="AO19565">
        <v>31</v>
      </c>
      <c r="AP19565">
        <v>31</v>
      </c>
      <c r="AQ19565">
        <v>31</v>
      </c>
    </row>
    <row r="19566" spans="1:43">
      <c r="A19566" t="s">
        <v>12118</v>
      </c>
      <c r="B19566" t="s">
        <v>12119</v>
      </c>
      <c r="C19566" t="s">
        <v>12098</v>
      </c>
      <c r="D19566" t="s">
        <v>12099</v>
      </c>
      <c r="E19566" t="s">
        <v>12006</v>
      </c>
      <c r="F19566" t="s">
        <v>12007</v>
      </c>
      <c r="G19566" t="s">
        <v>10450</v>
      </c>
      <c r="H19566" t="s">
        <v>10451</v>
      </c>
      <c r="I19566" s="2">
        <v>1</v>
      </c>
      <c r="J19566" s="2">
        <v>0</v>
      </c>
      <c r="K19566" s="2">
        <v>0</v>
      </c>
      <c r="L19566" t="s">
        <v>120</v>
      </c>
      <c r="M19566" t="s">
        <v>83</v>
      </c>
      <c r="N19566" t="s">
        <v>84</v>
      </c>
      <c r="O19566" t="s">
        <v>85</v>
      </c>
      <c r="P19566" t="s">
        <v>86</v>
      </c>
      <c r="Q19566">
        <v>36</v>
      </c>
      <c r="R19566">
        <v>37</v>
      </c>
      <c r="S19566">
        <v>37</v>
      </c>
      <c r="T19566">
        <v>37</v>
      </c>
      <c r="U19566">
        <v>38</v>
      </c>
      <c r="V19566">
        <v>38</v>
      </c>
      <c r="W19566">
        <v>39</v>
      </c>
      <c r="X19566">
        <v>39</v>
      </c>
      <c r="Y19566">
        <v>40</v>
      </c>
      <c r="Z19566">
        <v>40</v>
      </c>
      <c r="AA19566">
        <v>40</v>
      </c>
      <c r="AB19566">
        <v>41</v>
      </c>
      <c r="AC19566">
        <v>41</v>
      </c>
      <c r="AD19566">
        <v>42</v>
      </c>
      <c r="AE19566">
        <v>42</v>
      </c>
      <c r="AF19566">
        <v>42</v>
      </c>
      <c r="AG19566">
        <v>43</v>
      </c>
      <c r="AH19566">
        <v>43</v>
      </c>
      <c r="AI19566">
        <v>43</v>
      </c>
      <c r="AJ19566">
        <v>44</v>
      </c>
      <c r="AK19566">
        <v>44</v>
      </c>
      <c r="AL19566">
        <v>44</v>
      </c>
      <c r="AM19566">
        <v>44</v>
      </c>
      <c r="AN19566">
        <v>44</v>
      </c>
      <c r="AO19566">
        <v>44</v>
      </c>
      <c r="AP19566">
        <v>44</v>
      </c>
      <c r="AQ19566">
        <v>44</v>
      </c>
    </row>
    <row r="19567" spans="1:43">
      <c r="A19567" t="s">
        <v>12118</v>
      </c>
      <c r="B19567" t="s">
        <v>12119</v>
      </c>
      <c r="C19567" t="s">
        <v>12098</v>
      </c>
      <c r="D19567" t="s">
        <v>12099</v>
      </c>
      <c r="E19567" t="s">
        <v>12006</v>
      </c>
      <c r="F19567" t="s">
        <v>12007</v>
      </c>
      <c r="G19567" t="s">
        <v>10450</v>
      </c>
      <c r="H19567" t="s">
        <v>10451</v>
      </c>
      <c r="I19567" s="2">
        <v>1</v>
      </c>
      <c r="J19567" s="2">
        <v>0</v>
      </c>
      <c r="K19567" s="2">
        <v>0</v>
      </c>
      <c r="L19567" t="s">
        <v>120</v>
      </c>
      <c r="M19567" t="s">
        <v>87</v>
      </c>
      <c r="N19567" t="s">
        <v>88</v>
      </c>
      <c r="O19567" t="s">
        <v>85</v>
      </c>
      <c r="P19567" t="s">
        <v>86</v>
      </c>
      <c r="Q19567">
        <v>36</v>
      </c>
      <c r="R19567">
        <v>36</v>
      </c>
      <c r="S19567">
        <v>36</v>
      </c>
      <c r="T19567">
        <v>36</v>
      </c>
      <c r="U19567">
        <v>36</v>
      </c>
      <c r="V19567">
        <v>36</v>
      </c>
      <c r="W19567">
        <v>36</v>
      </c>
      <c r="X19567">
        <v>37</v>
      </c>
      <c r="Y19567">
        <v>37</v>
      </c>
      <c r="Z19567">
        <v>37</v>
      </c>
      <c r="AA19567">
        <v>37</v>
      </c>
      <c r="AB19567">
        <v>37</v>
      </c>
      <c r="AC19567">
        <v>37</v>
      </c>
      <c r="AD19567">
        <v>37</v>
      </c>
      <c r="AE19567">
        <v>37</v>
      </c>
      <c r="AF19567">
        <v>37</v>
      </c>
      <c r="AG19567">
        <v>37</v>
      </c>
      <c r="AH19567">
        <v>37</v>
      </c>
      <c r="AI19567">
        <v>37</v>
      </c>
      <c r="AJ19567">
        <v>38</v>
      </c>
      <c r="AK19567">
        <v>38</v>
      </c>
      <c r="AL19567">
        <v>38</v>
      </c>
      <c r="AM19567">
        <v>38</v>
      </c>
      <c r="AN19567">
        <v>38</v>
      </c>
      <c r="AO19567">
        <v>38</v>
      </c>
      <c r="AP19567">
        <v>38</v>
      </c>
      <c r="AQ19567">
        <v>38</v>
      </c>
    </row>
    <row r="19568" spans="1:43">
      <c r="A19568" t="s">
        <v>12118</v>
      </c>
      <c r="B19568" t="s">
        <v>12119</v>
      </c>
      <c r="C19568" t="s">
        <v>12098</v>
      </c>
      <c r="D19568" t="s">
        <v>12099</v>
      </c>
      <c r="E19568" t="s">
        <v>12006</v>
      </c>
      <c r="F19568" t="s">
        <v>12007</v>
      </c>
      <c r="G19568" t="s">
        <v>10450</v>
      </c>
      <c r="H19568" t="s">
        <v>10451</v>
      </c>
      <c r="I19568" s="2">
        <v>1</v>
      </c>
      <c r="J19568" s="2">
        <v>0</v>
      </c>
      <c r="K19568" s="2">
        <v>0</v>
      </c>
      <c r="L19568" t="s">
        <v>120</v>
      </c>
      <c r="M19568" t="s">
        <v>89</v>
      </c>
      <c r="N19568" t="s">
        <v>90</v>
      </c>
      <c r="O19568" t="s">
        <v>85</v>
      </c>
      <c r="P19568" t="s">
        <v>86</v>
      </c>
      <c r="Q19568">
        <v>36</v>
      </c>
      <c r="R19568">
        <v>36</v>
      </c>
      <c r="S19568">
        <v>37</v>
      </c>
      <c r="T19568">
        <v>38</v>
      </c>
      <c r="U19568">
        <v>38</v>
      </c>
      <c r="V19568">
        <v>39</v>
      </c>
      <c r="W19568">
        <v>40</v>
      </c>
      <c r="X19568">
        <v>40</v>
      </c>
      <c r="Y19568">
        <v>41</v>
      </c>
      <c r="Z19568">
        <v>42</v>
      </c>
      <c r="AA19568">
        <v>42</v>
      </c>
      <c r="AB19568">
        <v>43</v>
      </c>
      <c r="AC19568">
        <v>43</v>
      </c>
      <c r="AD19568">
        <v>44</v>
      </c>
      <c r="AE19568">
        <v>44</v>
      </c>
      <c r="AF19568">
        <v>44</v>
      </c>
      <c r="AG19568">
        <v>44</v>
      </c>
      <c r="AH19568">
        <v>44</v>
      </c>
      <c r="AI19568">
        <v>44</v>
      </c>
      <c r="AJ19568">
        <v>44</v>
      </c>
      <c r="AK19568">
        <v>44</v>
      </c>
      <c r="AL19568">
        <v>44</v>
      </c>
      <c r="AM19568">
        <v>44</v>
      </c>
      <c r="AN19568">
        <v>44</v>
      </c>
      <c r="AO19568">
        <v>44</v>
      </c>
      <c r="AP19568">
        <v>44</v>
      </c>
      <c r="AQ19568">
        <v>43</v>
      </c>
    </row>
    <row r="19569" spans="1:43">
      <c r="A19569" t="s">
        <v>12118</v>
      </c>
      <c r="B19569" t="s">
        <v>12119</v>
      </c>
      <c r="C19569" t="s">
        <v>12098</v>
      </c>
      <c r="D19569" t="s">
        <v>12099</v>
      </c>
      <c r="E19569" t="s">
        <v>12006</v>
      </c>
      <c r="F19569" t="s">
        <v>12007</v>
      </c>
      <c r="G19569" t="s">
        <v>10450</v>
      </c>
      <c r="H19569" t="s">
        <v>10451</v>
      </c>
      <c r="I19569" s="2">
        <v>1</v>
      </c>
      <c r="J19569" s="2">
        <v>0</v>
      </c>
      <c r="K19569" s="2">
        <v>0</v>
      </c>
      <c r="L19569" t="s">
        <v>120</v>
      </c>
      <c r="M19569" t="s">
        <v>83</v>
      </c>
      <c r="N19569" t="s">
        <v>91</v>
      </c>
      <c r="O19569" t="s">
        <v>85</v>
      </c>
      <c r="P19569" t="s">
        <v>86</v>
      </c>
      <c r="Q19569">
        <v>36</v>
      </c>
      <c r="R19569">
        <v>37</v>
      </c>
      <c r="S19569">
        <v>37</v>
      </c>
      <c r="T19569">
        <v>37</v>
      </c>
      <c r="U19569">
        <v>38</v>
      </c>
      <c r="V19569">
        <v>38</v>
      </c>
      <c r="W19569">
        <v>39</v>
      </c>
      <c r="X19569">
        <v>39</v>
      </c>
      <c r="Y19569">
        <v>40</v>
      </c>
      <c r="Z19569">
        <v>40</v>
      </c>
      <c r="AA19569">
        <v>40</v>
      </c>
      <c r="AB19569">
        <v>41</v>
      </c>
      <c r="AC19569">
        <v>41</v>
      </c>
      <c r="AD19569">
        <v>42</v>
      </c>
      <c r="AE19569">
        <v>42</v>
      </c>
      <c r="AF19569">
        <v>42</v>
      </c>
      <c r="AG19569">
        <v>43</v>
      </c>
      <c r="AH19569">
        <v>43</v>
      </c>
      <c r="AI19569">
        <v>43</v>
      </c>
      <c r="AJ19569">
        <v>44</v>
      </c>
      <c r="AK19569">
        <v>44</v>
      </c>
      <c r="AL19569">
        <v>44</v>
      </c>
      <c r="AM19569">
        <v>44</v>
      </c>
      <c r="AN19569">
        <v>44</v>
      </c>
      <c r="AO19569">
        <v>44</v>
      </c>
      <c r="AP19569">
        <v>44</v>
      </c>
      <c r="AQ19569">
        <v>44</v>
      </c>
    </row>
    <row r="19570" spans="1:43">
      <c r="A19570" t="s">
        <v>12120</v>
      </c>
      <c r="B19570" t="s">
        <v>12121</v>
      </c>
      <c r="C19570" t="s">
        <v>12098</v>
      </c>
      <c r="D19570" t="s">
        <v>12099</v>
      </c>
      <c r="E19570" t="s">
        <v>12006</v>
      </c>
      <c r="F19570" t="s">
        <v>12007</v>
      </c>
      <c r="G19570" t="s">
        <v>10450</v>
      </c>
      <c r="H19570" t="s">
        <v>10451</v>
      </c>
      <c r="I19570" s="2">
        <v>1</v>
      </c>
      <c r="J19570" s="2">
        <v>0</v>
      </c>
      <c r="K19570" s="2">
        <v>0</v>
      </c>
      <c r="L19570" t="s">
        <v>120</v>
      </c>
      <c r="M19570" t="s">
        <v>83</v>
      </c>
      <c r="N19570" t="s">
        <v>84</v>
      </c>
      <c r="O19570" t="s">
        <v>85</v>
      </c>
      <c r="P19570" t="s">
        <v>86</v>
      </c>
      <c r="Q19570">
        <v>37</v>
      </c>
      <c r="R19570">
        <v>38</v>
      </c>
      <c r="S19570">
        <v>38</v>
      </c>
      <c r="T19570">
        <v>39</v>
      </c>
      <c r="U19570">
        <v>39</v>
      </c>
      <c r="V19570">
        <v>40</v>
      </c>
      <c r="W19570">
        <v>40</v>
      </c>
      <c r="X19570">
        <v>41</v>
      </c>
      <c r="Y19570">
        <v>41</v>
      </c>
      <c r="Z19570">
        <v>42</v>
      </c>
      <c r="AA19570">
        <v>42</v>
      </c>
      <c r="AB19570">
        <v>43</v>
      </c>
      <c r="AC19570">
        <v>43</v>
      </c>
      <c r="AD19570">
        <v>44</v>
      </c>
      <c r="AE19570">
        <v>44</v>
      </c>
      <c r="AF19570">
        <v>45</v>
      </c>
      <c r="AG19570">
        <v>45</v>
      </c>
      <c r="AH19570">
        <v>46</v>
      </c>
      <c r="AI19570">
        <v>46</v>
      </c>
      <c r="AJ19570">
        <v>46</v>
      </c>
      <c r="AK19570">
        <v>47</v>
      </c>
      <c r="AL19570">
        <v>47</v>
      </c>
      <c r="AM19570">
        <v>47</v>
      </c>
      <c r="AN19570">
        <v>47</v>
      </c>
      <c r="AO19570">
        <v>47</v>
      </c>
      <c r="AP19570">
        <v>47</v>
      </c>
      <c r="AQ19570">
        <v>47</v>
      </c>
    </row>
    <row r="19571" spans="1:43">
      <c r="A19571" t="s">
        <v>12120</v>
      </c>
      <c r="B19571" t="s">
        <v>12121</v>
      </c>
      <c r="C19571" t="s">
        <v>12098</v>
      </c>
      <c r="D19571" t="s">
        <v>12099</v>
      </c>
      <c r="E19571" t="s">
        <v>12006</v>
      </c>
      <c r="F19571" t="s">
        <v>12007</v>
      </c>
      <c r="G19571" t="s">
        <v>10450</v>
      </c>
      <c r="H19571" t="s">
        <v>10451</v>
      </c>
      <c r="I19571" s="2">
        <v>1</v>
      </c>
      <c r="J19571" s="2">
        <v>0</v>
      </c>
      <c r="K19571" s="2">
        <v>0</v>
      </c>
      <c r="L19571" t="s">
        <v>120</v>
      </c>
      <c r="M19571" t="s">
        <v>87</v>
      </c>
      <c r="N19571" t="s">
        <v>88</v>
      </c>
      <c r="O19571" t="s">
        <v>85</v>
      </c>
      <c r="P19571" t="s">
        <v>86</v>
      </c>
      <c r="Q19571">
        <v>37</v>
      </c>
      <c r="R19571">
        <v>37</v>
      </c>
      <c r="S19571">
        <v>37</v>
      </c>
      <c r="T19571">
        <v>37</v>
      </c>
      <c r="U19571">
        <v>37</v>
      </c>
      <c r="V19571">
        <v>38</v>
      </c>
      <c r="W19571">
        <v>38</v>
      </c>
      <c r="X19571">
        <v>38</v>
      </c>
      <c r="Y19571">
        <v>38</v>
      </c>
      <c r="Z19571">
        <v>38</v>
      </c>
      <c r="AA19571">
        <v>38</v>
      </c>
      <c r="AB19571">
        <v>39</v>
      </c>
      <c r="AC19571">
        <v>39</v>
      </c>
      <c r="AD19571">
        <v>39</v>
      </c>
      <c r="AE19571">
        <v>39</v>
      </c>
      <c r="AF19571">
        <v>39</v>
      </c>
      <c r="AG19571">
        <v>39</v>
      </c>
      <c r="AH19571">
        <v>40</v>
      </c>
      <c r="AI19571">
        <v>40</v>
      </c>
      <c r="AJ19571">
        <v>40</v>
      </c>
      <c r="AK19571">
        <v>40</v>
      </c>
      <c r="AL19571">
        <v>40</v>
      </c>
      <c r="AM19571">
        <v>40</v>
      </c>
      <c r="AN19571">
        <v>40</v>
      </c>
      <c r="AO19571">
        <v>41</v>
      </c>
      <c r="AP19571">
        <v>41</v>
      </c>
      <c r="AQ19571">
        <v>41</v>
      </c>
    </row>
    <row r="19572" spans="1:43">
      <c r="A19572" t="s">
        <v>12120</v>
      </c>
      <c r="B19572" t="s">
        <v>12121</v>
      </c>
      <c r="C19572" t="s">
        <v>12098</v>
      </c>
      <c r="D19572" t="s">
        <v>12099</v>
      </c>
      <c r="E19572" t="s">
        <v>12006</v>
      </c>
      <c r="F19572" t="s">
        <v>12007</v>
      </c>
      <c r="G19572" t="s">
        <v>10450</v>
      </c>
      <c r="H19572" t="s">
        <v>10451</v>
      </c>
      <c r="I19572" s="2">
        <v>1</v>
      </c>
      <c r="J19572" s="2">
        <v>0</v>
      </c>
      <c r="K19572" s="2">
        <v>0</v>
      </c>
      <c r="L19572" t="s">
        <v>120</v>
      </c>
      <c r="M19572" t="s">
        <v>89</v>
      </c>
      <c r="N19572" t="s">
        <v>90</v>
      </c>
      <c r="O19572" t="s">
        <v>85</v>
      </c>
      <c r="P19572" t="s">
        <v>86</v>
      </c>
      <c r="Q19572">
        <v>37</v>
      </c>
      <c r="R19572">
        <v>38</v>
      </c>
      <c r="S19572">
        <v>39</v>
      </c>
      <c r="T19572">
        <v>40</v>
      </c>
      <c r="U19572">
        <v>41</v>
      </c>
      <c r="V19572">
        <v>42</v>
      </c>
      <c r="W19572">
        <v>42</v>
      </c>
      <c r="X19572">
        <v>43</v>
      </c>
      <c r="Y19572">
        <v>44</v>
      </c>
      <c r="Z19572">
        <v>44</v>
      </c>
      <c r="AA19572">
        <v>45</v>
      </c>
      <c r="AB19572">
        <v>46</v>
      </c>
      <c r="AC19572">
        <v>46</v>
      </c>
      <c r="AD19572">
        <v>47</v>
      </c>
      <c r="AE19572">
        <v>47</v>
      </c>
      <c r="AF19572">
        <v>47</v>
      </c>
      <c r="AG19572">
        <v>47</v>
      </c>
      <c r="AH19572">
        <v>47</v>
      </c>
      <c r="AI19572">
        <v>48</v>
      </c>
      <c r="AJ19572">
        <v>48</v>
      </c>
      <c r="AK19572">
        <v>48</v>
      </c>
      <c r="AL19572">
        <v>48</v>
      </c>
      <c r="AM19572">
        <v>48</v>
      </c>
      <c r="AN19572">
        <v>48</v>
      </c>
      <c r="AO19572">
        <v>48</v>
      </c>
      <c r="AP19572">
        <v>48</v>
      </c>
      <c r="AQ19572">
        <v>48</v>
      </c>
    </row>
    <row r="19573" spans="1:43">
      <c r="A19573" t="s">
        <v>12120</v>
      </c>
      <c r="B19573" t="s">
        <v>12121</v>
      </c>
      <c r="C19573" t="s">
        <v>12098</v>
      </c>
      <c r="D19573" t="s">
        <v>12099</v>
      </c>
      <c r="E19573" t="s">
        <v>12006</v>
      </c>
      <c r="F19573" t="s">
        <v>12007</v>
      </c>
      <c r="G19573" t="s">
        <v>10450</v>
      </c>
      <c r="H19573" t="s">
        <v>10451</v>
      </c>
      <c r="I19573" s="2">
        <v>1</v>
      </c>
      <c r="J19573" s="2">
        <v>0</v>
      </c>
      <c r="K19573" s="2">
        <v>0</v>
      </c>
      <c r="L19573" t="s">
        <v>120</v>
      </c>
      <c r="M19573" t="s">
        <v>83</v>
      </c>
      <c r="N19573" t="s">
        <v>91</v>
      </c>
      <c r="O19573" t="s">
        <v>85</v>
      </c>
      <c r="P19573" t="s">
        <v>86</v>
      </c>
      <c r="Q19573">
        <v>37</v>
      </c>
      <c r="R19573">
        <v>38</v>
      </c>
      <c r="S19573">
        <v>38</v>
      </c>
      <c r="T19573">
        <v>39</v>
      </c>
      <c r="U19573">
        <v>39</v>
      </c>
      <c r="V19573">
        <v>40</v>
      </c>
      <c r="W19573">
        <v>40</v>
      </c>
      <c r="X19573">
        <v>41</v>
      </c>
      <c r="Y19573">
        <v>41</v>
      </c>
      <c r="Z19573">
        <v>42</v>
      </c>
      <c r="AA19573">
        <v>42</v>
      </c>
      <c r="AB19573">
        <v>43</v>
      </c>
      <c r="AC19573">
        <v>43</v>
      </c>
      <c r="AD19573">
        <v>44</v>
      </c>
      <c r="AE19573">
        <v>44</v>
      </c>
      <c r="AF19573">
        <v>45</v>
      </c>
      <c r="AG19573">
        <v>45</v>
      </c>
      <c r="AH19573">
        <v>46</v>
      </c>
      <c r="AI19573">
        <v>46</v>
      </c>
      <c r="AJ19573">
        <v>46</v>
      </c>
      <c r="AK19573">
        <v>47</v>
      </c>
      <c r="AL19573">
        <v>47</v>
      </c>
      <c r="AM19573">
        <v>47</v>
      </c>
      <c r="AN19573">
        <v>47</v>
      </c>
      <c r="AO19573">
        <v>47</v>
      </c>
      <c r="AP19573">
        <v>47</v>
      </c>
      <c r="AQ19573">
        <v>47</v>
      </c>
    </row>
    <row r="19574" spans="1:43">
      <c r="A19574" t="s">
        <v>12122</v>
      </c>
      <c r="B19574" t="s">
        <v>12123</v>
      </c>
      <c r="C19574" t="s">
        <v>12124</v>
      </c>
      <c r="D19574" t="s">
        <v>12125</v>
      </c>
      <c r="E19574" t="s">
        <v>12006</v>
      </c>
      <c r="F19574" t="s">
        <v>12007</v>
      </c>
      <c r="G19574" t="s">
        <v>10450</v>
      </c>
      <c r="H19574" t="s">
        <v>10451</v>
      </c>
      <c r="I19574" s="2">
        <v>1</v>
      </c>
      <c r="J19574" s="2">
        <v>0</v>
      </c>
      <c r="K19574" s="2">
        <v>0</v>
      </c>
      <c r="L19574" t="s">
        <v>120</v>
      </c>
      <c r="M19574" t="s">
        <v>83</v>
      </c>
      <c r="N19574" t="s">
        <v>84</v>
      </c>
      <c r="O19574" t="s">
        <v>85</v>
      </c>
      <c r="P19574" t="s">
        <v>86</v>
      </c>
      <c r="Q19574">
        <v>34</v>
      </c>
      <c r="R19574">
        <v>34</v>
      </c>
      <c r="S19574">
        <v>35</v>
      </c>
      <c r="T19574">
        <v>35</v>
      </c>
      <c r="U19574">
        <v>36</v>
      </c>
      <c r="V19574">
        <v>36</v>
      </c>
      <c r="W19574">
        <v>37</v>
      </c>
      <c r="X19574">
        <v>37</v>
      </c>
      <c r="Y19574">
        <v>38</v>
      </c>
      <c r="Z19574">
        <v>38</v>
      </c>
      <c r="AA19574">
        <v>39</v>
      </c>
      <c r="AB19574">
        <v>39</v>
      </c>
      <c r="AC19574">
        <v>40</v>
      </c>
      <c r="AD19574">
        <v>40</v>
      </c>
      <c r="AE19574">
        <v>40</v>
      </c>
      <c r="AF19574">
        <v>41</v>
      </c>
      <c r="AG19574">
        <v>41</v>
      </c>
      <c r="AH19574">
        <v>42</v>
      </c>
      <c r="AI19574">
        <v>42</v>
      </c>
      <c r="AJ19574">
        <v>43</v>
      </c>
      <c r="AK19574">
        <v>43</v>
      </c>
      <c r="AL19574">
        <v>43</v>
      </c>
      <c r="AM19574">
        <v>43</v>
      </c>
      <c r="AN19574">
        <v>43</v>
      </c>
      <c r="AO19574">
        <v>43</v>
      </c>
      <c r="AP19574">
        <v>43</v>
      </c>
      <c r="AQ19574">
        <v>43</v>
      </c>
    </row>
    <row r="19575" spans="1:43">
      <c r="A19575" t="s">
        <v>12122</v>
      </c>
      <c r="B19575" t="s">
        <v>12123</v>
      </c>
      <c r="C19575" t="s">
        <v>12124</v>
      </c>
      <c r="D19575" t="s">
        <v>12125</v>
      </c>
      <c r="E19575" t="s">
        <v>12006</v>
      </c>
      <c r="F19575" t="s">
        <v>12007</v>
      </c>
      <c r="G19575" t="s">
        <v>10450</v>
      </c>
      <c r="H19575" t="s">
        <v>10451</v>
      </c>
      <c r="I19575" s="2">
        <v>1</v>
      </c>
      <c r="J19575" s="2">
        <v>0</v>
      </c>
      <c r="K19575" s="2">
        <v>0</v>
      </c>
      <c r="L19575" t="s">
        <v>120</v>
      </c>
      <c r="M19575" t="s">
        <v>87</v>
      </c>
      <c r="N19575" t="s">
        <v>88</v>
      </c>
      <c r="O19575" t="s">
        <v>85</v>
      </c>
      <c r="P19575" t="s">
        <v>86</v>
      </c>
      <c r="Q19575">
        <v>34</v>
      </c>
      <c r="R19575">
        <v>34</v>
      </c>
      <c r="S19575">
        <v>34</v>
      </c>
      <c r="T19575">
        <v>34</v>
      </c>
      <c r="U19575">
        <v>34</v>
      </c>
      <c r="V19575">
        <v>34</v>
      </c>
      <c r="W19575">
        <v>35</v>
      </c>
      <c r="X19575">
        <v>35</v>
      </c>
      <c r="Y19575">
        <v>35</v>
      </c>
      <c r="Z19575">
        <v>35</v>
      </c>
      <c r="AA19575">
        <v>35</v>
      </c>
      <c r="AB19575">
        <v>35</v>
      </c>
      <c r="AC19575">
        <v>36</v>
      </c>
      <c r="AD19575">
        <v>36</v>
      </c>
      <c r="AE19575">
        <v>36</v>
      </c>
      <c r="AF19575">
        <v>36</v>
      </c>
      <c r="AG19575">
        <v>36</v>
      </c>
      <c r="AH19575">
        <v>36</v>
      </c>
      <c r="AI19575">
        <v>36</v>
      </c>
      <c r="AJ19575">
        <v>37</v>
      </c>
      <c r="AK19575">
        <v>37</v>
      </c>
      <c r="AL19575">
        <v>37</v>
      </c>
      <c r="AM19575">
        <v>37</v>
      </c>
      <c r="AN19575">
        <v>37</v>
      </c>
      <c r="AO19575">
        <v>37</v>
      </c>
      <c r="AP19575">
        <v>37</v>
      </c>
      <c r="AQ19575">
        <v>38</v>
      </c>
    </row>
    <row r="19576" spans="1:43">
      <c r="A19576" t="s">
        <v>12122</v>
      </c>
      <c r="B19576" t="s">
        <v>12123</v>
      </c>
      <c r="C19576" t="s">
        <v>12124</v>
      </c>
      <c r="D19576" t="s">
        <v>12125</v>
      </c>
      <c r="E19576" t="s">
        <v>12006</v>
      </c>
      <c r="F19576" t="s">
        <v>12007</v>
      </c>
      <c r="G19576" t="s">
        <v>10450</v>
      </c>
      <c r="H19576" t="s">
        <v>10451</v>
      </c>
      <c r="I19576" s="2">
        <v>1</v>
      </c>
      <c r="J19576" s="2">
        <v>0</v>
      </c>
      <c r="K19576" s="2">
        <v>0</v>
      </c>
      <c r="L19576" t="s">
        <v>120</v>
      </c>
      <c r="M19576" t="s">
        <v>89</v>
      </c>
      <c r="N19576" t="s">
        <v>90</v>
      </c>
      <c r="O19576" t="s">
        <v>85</v>
      </c>
      <c r="P19576" t="s">
        <v>86</v>
      </c>
      <c r="Q19576">
        <v>34</v>
      </c>
      <c r="R19576">
        <v>35</v>
      </c>
      <c r="S19576">
        <v>36</v>
      </c>
      <c r="T19576">
        <v>37</v>
      </c>
      <c r="U19576">
        <v>37</v>
      </c>
      <c r="V19576">
        <v>38</v>
      </c>
      <c r="W19576">
        <v>39</v>
      </c>
      <c r="X19576">
        <v>39</v>
      </c>
      <c r="Y19576">
        <v>40</v>
      </c>
      <c r="Z19576">
        <v>41</v>
      </c>
      <c r="AA19576">
        <v>41</v>
      </c>
      <c r="AB19576">
        <v>42</v>
      </c>
      <c r="AC19576">
        <v>42</v>
      </c>
      <c r="AD19576">
        <v>43</v>
      </c>
      <c r="AE19576">
        <v>43</v>
      </c>
      <c r="AF19576">
        <v>43</v>
      </c>
      <c r="AG19576">
        <v>44</v>
      </c>
      <c r="AH19576">
        <v>44</v>
      </c>
      <c r="AI19576">
        <v>44</v>
      </c>
      <c r="AJ19576">
        <v>44</v>
      </c>
      <c r="AK19576">
        <v>44</v>
      </c>
      <c r="AL19576">
        <v>44</v>
      </c>
      <c r="AM19576">
        <v>44</v>
      </c>
      <c r="AN19576">
        <v>44</v>
      </c>
      <c r="AO19576">
        <v>44</v>
      </c>
      <c r="AP19576">
        <v>44</v>
      </c>
      <c r="AQ19576">
        <v>44</v>
      </c>
    </row>
    <row r="19577" spans="1:43">
      <c r="A19577" t="s">
        <v>12122</v>
      </c>
      <c r="B19577" t="s">
        <v>12123</v>
      </c>
      <c r="C19577" t="s">
        <v>12124</v>
      </c>
      <c r="D19577" t="s">
        <v>12125</v>
      </c>
      <c r="E19577" t="s">
        <v>12006</v>
      </c>
      <c r="F19577" t="s">
        <v>12007</v>
      </c>
      <c r="G19577" t="s">
        <v>10450</v>
      </c>
      <c r="H19577" t="s">
        <v>10451</v>
      </c>
      <c r="I19577" s="2">
        <v>1</v>
      </c>
      <c r="J19577" s="2">
        <v>0</v>
      </c>
      <c r="K19577" s="2">
        <v>0</v>
      </c>
      <c r="L19577" t="s">
        <v>120</v>
      </c>
      <c r="M19577" t="s">
        <v>83</v>
      </c>
      <c r="N19577" t="s">
        <v>91</v>
      </c>
      <c r="O19577" t="s">
        <v>85</v>
      </c>
      <c r="P19577" t="s">
        <v>86</v>
      </c>
      <c r="Q19577">
        <v>34</v>
      </c>
      <c r="R19577">
        <v>34</v>
      </c>
      <c r="S19577">
        <v>35</v>
      </c>
      <c r="T19577">
        <v>35</v>
      </c>
      <c r="U19577">
        <v>36</v>
      </c>
      <c r="V19577">
        <v>36</v>
      </c>
      <c r="W19577">
        <v>37</v>
      </c>
      <c r="X19577">
        <v>37</v>
      </c>
      <c r="Y19577">
        <v>38</v>
      </c>
      <c r="Z19577">
        <v>38</v>
      </c>
      <c r="AA19577">
        <v>39</v>
      </c>
      <c r="AB19577">
        <v>39</v>
      </c>
      <c r="AC19577">
        <v>40</v>
      </c>
      <c r="AD19577">
        <v>40</v>
      </c>
      <c r="AE19577">
        <v>40</v>
      </c>
      <c r="AF19577">
        <v>41</v>
      </c>
      <c r="AG19577">
        <v>41</v>
      </c>
      <c r="AH19577">
        <v>42</v>
      </c>
      <c r="AI19577">
        <v>42</v>
      </c>
      <c r="AJ19577">
        <v>43</v>
      </c>
      <c r="AK19577">
        <v>43</v>
      </c>
      <c r="AL19577">
        <v>43</v>
      </c>
      <c r="AM19577">
        <v>43</v>
      </c>
      <c r="AN19577">
        <v>43</v>
      </c>
      <c r="AO19577">
        <v>43</v>
      </c>
      <c r="AP19577">
        <v>43</v>
      </c>
      <c r="AQ19577">
        <v>43</v>
      </c>
    </row>
    <row r="19578" spans="1:43">
      <c r="A19578" t="s">
        <v>12126</v>
      </c>
      <c r="B19578" t="s">
        <v>12127</v>
      </c>
      <c r="C19578" t="s">
        <v>12124</v>
      </c>
      <c r="D19578" t="s">
        <v>12125</v>
      </c>
      <c r="E19578" t="s">
        <v>12006</v>
      </c>
      <c r="F19578" t="s">
        <v>12007</v>
      </c>
      <c r="G19578" t="s">
        <v>10450</v>
      </c>
      <c r="H19578" t="s">
        <v>10451</v>
      </c>
      <c r="I19578" s="2">
        <v>1</v>
      </c>
      <c r="J19578" s="2">
        <v>0</v>
      </c>
      <c r="K19578" s="2">
        <v>0</v>
      </c>
      <c r="L19578" t="s">
        <v>120</v>
      </c>
      <c r="M19578" t="s">
        <v>83</v>
      </c>
      <c r="N19578" t="s">
        <v>84</v>
      </c>
      <c r="O19578" t="s">
        <v>85</v>
      </c>
      <c r="P19578" t="s">
        <v>86</v>
      </c>
      <c r="Q19578">
        <v>23</v>
      </c>
      <c r="R19578">
        <v>24</v>
      </c>
      <c r="S19578">
        <v>24</v>
      </c>
      <c r="T19578">
        <v>24</v>
      </c>
      <c r="U19578">
        <v>25</v>
      </c>
      <c r="V19578">
        <v>25</v>
      </c>
      <c r="W19578">
        <v>25</v>
      </c>
      <c r="X19578">
        <v>26</v>
      </c>
      <c r="Y19578">
        <v>26</v>
      </c>
      <c r="Z19578">
        <v>26</v>
      </c>
      <c r="AA19578">
        <v>27</v>
      </c>
      <c r="AB19578">
        <v>27</v>
      </c>
      <c r="AC19578">
        <v>27</v>
      </c>
      <c r="AD19578">
        <v>27</v>
      </c>
      <c r="AE19578">
        <v>28</v>
      </c>
      <c r="AF19578">
        <v>28</v>
      </c>
      <c r="AG19578">
        <v>28</v>
      </c>
      <c r="AH19578">
        <v>29</v>
      </c>
      <c r="AI19578">
        <v>29</v>
      </c>
      <c r="AJ19578">
        <v>29</v>
      </c>
      <c r="AK19578">
        <v>30</v>
      </c>
      <c r="AL19578">
        <v>30</v>
      </c>
      <c r="AM19578">
        <v>30</v>
      </c>
      <c r="AN19578">
        <v>30</v>
      </c>
      <c r="AO19578">
        <v>30</v>
      </c>
      <c r="AP19578">
        <v>30</v>
      </c>
      <c r="AQ19578">
        <v>30</v>
      </c>
    </row>
    <row r="19579" spans="1:43">
      <c r="A19579" t="s">
        <v>12126</v>
      </c>
      <c r="B19579" t="s">
        <v>12127</v>
      </c>
      <c r="C19579" t="s">
        <v>12124</v>
      </c>
      <c r="D19579" t="s">
        <v>12125</v>
      </c>
      <c r="E19579" t="s">
        <v>12006</v>
      </c>
      <c r="F19579" t="s">
        <v>12007</v>
      </c>
      <c r="G19579" t="s">
        <v>10450</v>
      </c>
      <c r="H19579" t="s">
        <v>10451</v>
      </c>
      <c r="I19579" s="2">
        <v>1</v>
      </c>
      <c r="J19579" s="2">
        <v>0</v>
      </c>
      <c r="K19579" s="2">
        <v>0</v>
      </c>
      <c r="L19579" t="s">
        <v>120</v>
      </c>
      <c r="M19579" t="s">
        <v>87</v>
      </c>
      <c r="N19579" t="s">
        <v>88</v>
      </c>
      <c r="O19579" t="s">
        <v>85</v>
      </c>
      <c r="P19579" t="s">
        <v>86</v>
      </c>
      <c r="Q19579">
        <v>23</v>
      </c>
      <c r="R19579">
        <v>23</v>
      </c>
      <c r="S19579">
        <v>23</v>
      </c>
      <c r="T19579">
        <v>23</v>
      </c>
      <c r="U19579">
        <v>24</v>
      </c>
      <c r="V19579">
        <v>24</v>
      </c>
      <c r="W19579">
        <v>24</v>
      </c>
      <c r="X19579">
        <v>24</v>
      </c>
      <c r="Y19579">
        <v>24</v>
      </c>
      <c r="Z19579">
        <v>24</v>
      </c>
      <c r="AA19579">
        <v>24</v>
      </c>
      <c r="AB19579">
        <v>24</v>
      </c>
      <c r="AC19579">
        <v>24</v>
      </c>
      <c r="AD19579">
        <v>24</v>
      </c>
      <c r="AE19579">
        <v>25</v>
      </c>
      <c r="AF19579">
        <v>25</v>
      </c>
      <c r="AG19579">
        <v>25</v>
      </c>
      <c r="AH19579">
        <v>25</v>
      </c>
      <c r="AI19579">
        <v>25</v>
      </c>
      <c r="AJ19579">
        <v>25</v>
      </c>
      <c r="AK19579">
        <v>25</v>
      </c>
      <c r="AL19579">
        <v>25</v>
      </c>
      <c r="AM19579">
        <v>25</v>
      </c>
      <c r="AN19579">
        <v>25</v>
      </c>
      <c r="AO19579">
        <v>26</v>
      </c>
      <c r="AP19579">
        <v>26</v>
      </c>
      <c r="AQ19579">
        <v>26</v>
      </c>
    </row>
    <row r="19580" spans="1:43">
      <c r="A19580" t="s">
        <v>12126</v>
      </c>
      <c r="B19580" t="s">
        <v>12127</v>
      </c>
      <c r="C19580" t="s">
        <v>12124</v>
      </c>
      <c r="D19580" t="s">
        <v>12125</v>
      </c>
      <c r="E19580" t="s">
        <v>12006</v>
      </c>
      <c r="F19580" t="s">
        <v>12007</v>
      </c>
      <c r="G19580" t="s">
        <v>10450</v>
      </c>
      <c r="H19580" t="s">
        <v>10451</v>
      </c>
      <c r="I19580" s="2">
        <v>1</v>
      </c>
      <c r="J19580" s="2">
        <v>0</v>
      </c>
      <c r="K19580" s="2">
        <v>0</v>
      </c>
      <c r="L19580" t="s">
        <v>120</v>
      </c>
      <c r="M19580" t="s">
        <v>89</v>
      </c>
      <c r="N19580" t="s">
        <v>90</v>
      </c>
      <c r="O19580" t="s">
        <v>85</v>
      </c>
      <c r="P19580" t="s">
        <v>86</v>
      </c>
      <c r="Q19580">
        <v>23</v>
      </c>
      <c r="R19580">
        <v>24</v>
      </c>
      <c r="S19580">
        <v>25</v>
      </c>
      <c r="T19580">
        <v>25</v>
      </c>
      <c r="U19580">
        <v>26</v>
      </c>
      <c r="V19580">
        <v>26</v>
      </c>
      <c r="W19580">
        <v>27</v>
      </c>
      <c r="X19580">
        <v>27</v>
      </c>
      <c r="Y19580">
        <v>27</v>
      </c>
      <c r="Z19580">
        <v>28</v>
      </c>
      <c r="AA19580">
        <v>28</v>
      </c>
      <c r="AB19580">
        <v>29</v>
      </c>
      <c r="AC19580">
        <v>29</v>
      </c>
      <c r="AD19580">
        <v>30</v>
      </c>
      <c r="AE19580">
        <v>30</v>
      </c>
      <c r="AF19580">
        <v>30</v>
      </c>
      <c r="AG19580">
        <v>30</v>
      </c>
      <c r="AH19580">
        <v>30</v>
      </c>
      <c r="AI19580">
        <v>30</v>
      </c>
      <c r="AJ19580">
        <v>30</v>
      </c>
      <c r="AK19580">
        <v>30</v>
      </c>
      <c r="AL19580">
        <v>30</v>
      </c>
      <c r="AM19580">
        <v>30</v>
      </c>
      <c r="AN19580">
        <v>30</v>
      </c>
      <c r="AO19580">
        <v>30</v>
      </c>
      <c r="AP19580">
        <v>30</v>
      </c>
      <c r="AQ19580">
        <v>30</v>
      </c>
    </row>
    <row r="19581" spans="1:43">
      <c r="A19581" t="s">
        <v>12126</v>
      </c>
      <c r="B19581" t="s">
        <v>12127</v>
      </c>
      <c r="C19581" t="s">
        <v>12124</v>
      </c>
      <c r="D19581" t="s">
        <v>12125</v>
      </c>
      <c r="E19581" t="s">
        <v>12006</v>
      </c>
      <c r="F19581" t="s">
        <v>12007</v>
      </c>
      <c r="G19581" t="s">
        <v>10450</v>
      </c>
      <c r="H19581" t="s">
        <v>10451</v>
      </c>
      <c r="I19581" s="2">
        <v>1</v>
      </c>
      <c r="J19581" s="2">
        <v>0</v>
      </c>
      <c r="K19581" s="2">
        <v>0</v>
      </c>
      <c r="L19581" t="s">
        <v>120</v>
      </c>
      <c r="M19581" t="s">
        <v>83</v>
      </c>
      <c r="N19581" t="s">
        <v>91</v>
      </c>
      <c r="O19581" t="s">
        <v>85</v>
      </c>
      <c r="P19581" t="s">
        <v>86</v>
      </c>
      <c r="Q19581">
        <v>23</v>
      </c>
      <c r="R19581">
        <v>24</v>
      </c>
      <c r="S19581">
        <v>24</v>
      </c>
      <c r="T19581">
        <v>24</v>
      </c>
      <c r="U19581">
        <v>25</v>
      </c>
      <c r="V19581">
        <v>25</v>
      </c>
      <c r="W19581">
        <v>25</v>
      </c>
      <c r="X19581">
        <v>26</v>
      </c>
      <c r="Y19581">
        <v>26</v>
      </c>
      <c r="Z19581">
        <v>26</v>
      </c>
      <c r="AA19581">
        <v>27</v>
      </c>
      <c r="AB19581">
        <v>27</v>
      </c>
      <c r="AC19581">
        <v>27</v>
      </c>
      <c r="AD19581">
        <v>27</v>
      </c>
      <c r="AE19581">
        <v>28</v>
      </c>
      <c r="AF19581">
        <v>28</v>
      </c>
      <c r="AG19581">
        <v>28</v>
      </c>
      <c r="AH19581">
        <v>29</v>
      </c>
      <c r="AI19581">
        <v>29</v>
      </c>
      <c r="AJ19581">
        <v>29</v>
      </c>
      <c r="AK19581">
        <v>30</v>
      </c>
      <c r="AL19581">
        <v>30</v>
      </c>
      <c r="AM19581">
        <v>30</v>
      </c>
      <c r="AN19581">
        <v>30</v>
      </c>
      <c r="AO19581">
        <v>30</v>
      </c>
      <c r="AP19581">
        <v>30</v>
      </c>
      <c r="AQ19581">
        <v>30</v>
      </c>
    </row>
    <row r="19582" spans="1:43">
      <c r="A19582" t="s">
        <v>12128</v>
      </c>
      <c r="B19582" t="s">
        <v>12129</v>
      </c>
      <c r="C19582" t="s">
        <v>12124</v>
      </c>
      <c r="D19582" t="s">
        <v>12125</v>
      </c>
      <c r="E19582" t="s">
        <v>12006</v>
      </c>
      <c r="F19582" t="s">
        <v>12007</v>
      </c>
      <c r="G19582" t="s">
        <v>10450</v>
      </c>
      <c r="H19582" t="s">
        <v>10451</v>
      </c>
      <c r="I19582" s="2">
        <v>1</v>
      </c>
      <c r="J19582" s="2">
        <v>0</v>
      </c>
      <c r="K19582" s="2">
        <v>0</v>
      </c>
      <c r="L19582" t="s">
        <v>120</v>
      </c>
      <c r="M19582" t="s">
        <v>83</v>
      </c>
      <c r="N19582" t="s">
        <v>84</v>
      </c>
      <c r="O19582" t="s">
        <v>85</v>
      </c>
      <c r="P19582" t="s">
        <v>86</v>
      </c>
      <c r="Q19582">
        <v>33</v>
      </c>
      <c r="R19582">
        <v>33</v>
      </c>
      <c r="S19582">
        <v>34</v>
      </c>
      <c r="T19582">
        <v>34</v>
      </c>
      <c r="U19582">
        <v>35</v>
      </c>
      <c r="V19582">
        <v>35</v>
      </c>
      <c r="W19582">
        <v>35</v>
      </c>
      <c r="X19582">
        <v>36</v>
      </c>
      <c r="Y19582">
        <v>36</v>
      </c>
      <c r="Z19582">
        <v>37</v>
      </c>
      <c r="AA19582">
        <v>37</v>
      </c>
      <c r="AB19582">
        <v>38</v>
      </c>
      <c r="AC19582">
        <v>38</v>
      </c>
      <c r="AD19582">
        <v>38</v>
      </c>
      <c r="AE19582">
        <v>39</v>
      </c>
      <c r="AF19582">
        <v>39</v>
      </c>
      <c r="AG19582">
        <v>40</v>
      </c>
      <c r="AH19582">
        <v>40</v>
      </c>
      <c r="AI19582">
        <v>40</v>
      </c>
      <c r="AJ19582">
        <v>41</v>
      </c>
      <c r="AK19582">
        <v>41</v>
      </c>
      <c r="AL19582">
        <v>41</v>
      </c>
      <c r="AM19582">
        <v>41</v>
      </c>
      <c r="AN19582">
        <v>41</v>
      </c>
      <c r="AO19582">
        <v>41</v>
      </c>
      <c r="AP19582">
        <v>42</v>
      </c>
      <c r="AQ19582">
        <v>42</v>
      </c>
    </row>
    <row r="19583" spans="1:43">
      <c r="A19583" t="s">
        <v>12128</v>
      </c>
      <c r="B19583" t="s">
        <v>12129</v>
      </c>
      <c r="C19583" t="s">
        <v>12124</v>
      </c>
      <c r="D19583" t="s">
        <v>12125</v>
      </c>
      <c r="E19583" t="s">
        <v>12006</v>
      </c>
      <c r="F19583" t="s">
        <v>12007</v>
      </c>
      <c r="G19583" t="s">
        <v>10450</v>
      </c>
      <c r="H19583" t="s">
        <v>10451</v>
      </c>
      <c r="I19583" s="2">
        <v>1</v>
      </c>
      <c r="J19583" s="2">
        <v>0</v>
      </c>
      <c r="K19583" s="2">
        <v>0</v>
      </c>
      <c r="L19583" t="s">
        <v>120</v>
      </c>
      <c r="M19583" t="s">
        <v>87</v>
      </c>
      <c r="N19583" t="s">
        <v>88</v>
      </c>
      <c r="O19583" t="s">
        <v>85</v>
      </c>
      <c r="P19583" t="s">
        <v>86</v>
      </c>
      <c r="Q19583">
        <v>33</v>
      </c>
      <c r="R19583">
        <v>34</v>
      </c>
      <c r="S19583">
        <v>34</v>
      </c>
      <c r="T19583">
        <v>34</v>
      </c>
      <c r="U19583">
        <v>34</v>
      </c>
      <c r="V19583">
        <v>34</v>
      </c>
      <c r="W19583">
        <v>34</v>
      </c>
      <c r="X19583">
        <v>34</v>
      </c>
      <c r="Y19583">
        <v>35</v>
      </c>
      <c r="Z19583">
        <v>35</v>
      </c>
      <c r="AA19583">
        <v>35</v>
      </c>
      <c r="AB19583">
        <v>35</v>
      </c>
      <c r="AC19583">
        <v>35</v>
      </c>
      <c r="AD19583">
        <v>35</v>
      </c>
      <c r="AE19583">
        <v>35</v>
      </c>
      <c r="AF19583">
        <v>36</v>
      </c>
      <c r="AG19583">
        <v>36</v>
      </c>
      <c r="AH19583">
        <v>36</v>
      </c>
      <c r="AI19583">
        <v>36</v>
      </c>
      <c r="AJ19583">
        <v>36</v>
      </c>
      <c r="AK19583">
        <v>36</v>
      </c>
      <c r="AL19583">
        <v>36</v>
      </c>
      <c r="AM19583">
        <v>36</v>
      </c>
      <c r="AN19583">
        <v>37</v>
      </c>
      <c r="AO19583">
        <v>37</v>
      </c>
      <c r="AP19583">
        <v>37</v>
      </c>
      <c r="AQ19583">
        <v>37</v>
      </c>
    </row>
    <row r="19584" spans="1:43">
      <c r="A19584" t="s">
        <v>12128</v>
      </c>
      <c r="B19584" t="s">
        <v>12129</v>
      </c>
      <c r="C19584" t="s">
        <v>12124</v>
      </c>
      <c r="D19584" t="s">
        <v>12125</v>
      </c>
      <c r="E19584" t="s">
        <v>12006</v>
      </c>
      <c r="F19584" t="s">
        <v>12007</v>
      </c>
      <c r="G19584" t="s">
        <v>10450</v>
      </c>
      <c r="H19584" t="s">
        <v>10451</v>
      </c>
      <c r="I19584" s="2">
        <v>1</v>
      </c>
      <c r="J19584" s="2">
        <v>0</v>
      </c>
      <c r="K19584" s="2">
        <v>0</v>
      </c>
      <c r="L19584" t="s">
        <v>120</v>
      </c>
      <c r="M19584" t="s">
        <v>89</v>
      </c>
      <c r="N19584" t="s">
        <v>90</v>
      </c>
      <c r="O19584" t="s">
        <v>85</v>
      </c>
      <c r="P19584" t="s">
        <v>86</v>
      </c>
      <c r="Q19584">
        <v>33</v>
      </c>
      <c r="R19584">
        <v>34</v>
      </c>
      <c r="S19584">
        <v>34</v>
      </c>
      <c r="T19584">
        <v>35</v>
      </c>
      <c r="U19584">
        <v>36</v>
      </c>
      <c r="V19584">
        <v>37</v>
      </c>
      <c r="W19584">
        <v>37</v>
      </c>
      <c r="X19584">
        <v>38</v>
      </c>
      <c r="Y19584">
        <v>38</v>
      </c>
      <c r="Z19584">
        <v>39</v>
      </c>
      <c r="AA19584">
        <v>40</v>
      </c>
      <c r="AB19584">
        <v>40</v>
      </c>
      <c r="AC19584">
        <v>41</v>
      </c>
      <c r="AD19584">
        <v>41</v>
      </c>
      <c r="AE19584">
        <v>42</v>
      </c>
      <c r="AF19584">
        <v>42</v>
      </c>
      <c r="AG19584">
        <v>42</v>
      </c>
      <c r="AH19584">
        <v>42</v>
      </c>
      <c r="AI19584">
        <v>42</v>
      </c>
      <c r="AJ19584">
        <v>42</v>
      </c>
      <c r="AK19584">
        <v>42</v>
      </c>
      <c r="AL19584">
        <v>42</v>
      </c>
      <c r="AM19584">
        <v>42</v>
      </c>
      <c r="AN19584">
        <v>42</v>
      </c>
      <c r="AO19584">
        <v>42</v>
      </c>
      <c r="AP19584">
        <v>42</v>
      </c>
      <c r="AQ19584">
        <v>42</v>
      </c>
    </row>
    <row r="19585" spans="1:43">
      <c r="A19585" t="s">
        <v>12128</v>
      </c>
      <c r="B19585" t="s">
        <v>12129</v>
      </c>
      <c r="C19585" t="s">
        <v>12124</v>
      </c>
      <c r="D19585" t="s">
        <v>12125</v>
      </c>
      <c r="E19585" t="s">
        <v>12006</v>
      </c>
      <c r="F19585" t="s">
        <v>12007</v>
      </c>
      <c r="G19585" t="s">
        <v>10450</v>
      </c>
      <c r="H19585" t="s">
        <v>10451</v>
      </c>
      <c r="I19585" s="2">
        <v>1</v>
      </c>
      <c r="J19585" s="2">
        <v>0</v>
      </c>
      <c r="K19585" s="2">
        <v>0</v>
      </c>
      <c r="L19585" t="s">
        <v>120</v>
      </c>
      <c r="M19585" t="s">
        <v>83</v>
      </c>
      <c r="N19585" t="s">
        <v>91</v>
      </c>
      <c r="O19585" t="s">
        <v>85</v>
      </c>
      <c r="P19585" t="s">
        <v>86</v>
      </c>
      <c r="Q19585">
        <v>33</v>
      </c>
      <c r="R19585">
        <v>33</v>
      </c>
      <c r="S19585">
        <v>34</v>
      </c>
      <c r="T19585">
        <v>34</v>
      </c>
      <c r="U19585">
        <v>35</v>
      </c>
      <c r="V19585">
        <v>35</v>
      </c>
      <c r="W19585">
        <v>35</v>
      </c>
      <c r="X19585">
        <v>36</v>
      </c>
      <c r="Y19585">
        <v>36</v>
      </c>
      <c r="Z19585">
        <v>37</v>
      </c>
      <c r="AA19585">
        <v>37</v>
      </c>
      <c r="AB19585">
        <v>38</v>
      </c>
      <c r="AC19585">
        <v>38</v>
      </c>
      <c r="AD19585">
        <v>38</v>
      </c>
      <c r="AE19585">
        <v>39</v>
      </c>
      <c r="AF19585">
        <v>39</v>
      </c>
      <c r="AG19585">
        <v>40</v>
      </c>
      <c r="AH19585">
        <v>40</v>
      </c>
      <c r="AI19585">
        <v>40</v>
      </c>
      <c r="AJ19585">
        <v>41</v>
      </c>
      <c r="AK19585">
        <v>41</v>
      </c>
      <c r="AL19585">
        <v>41</v>
      </c>
      <c r="AM19585">
        <v>41</v>
      </c>
      <c r="AN19585">
        <v>41</v>
      </c>
      <c r="AO19585">
        <v>41</v>
      </c>
      <c r="AP19585">
        <v>42</v>
      </c>
      <c r="AQ19585">
        <v>42</v>
      </c>
    </row>
    <row r="19586" spans="1:43">
      <c r="A19586" t="s">
        <v>12130</v>
      </c>
      <c r="B19586" t="s">
        <v>12131</v>
      </c>
      <c r="C19586" t="s">
        <v>12124</v>
      </c>
      <c r="D19586" t="s">
        <v>12125</v>
      </c>
      <c r="E19586" t="s">
        <v>12006</v>
      </c>
      <c r="F19586" t="s">
        <v>12007</v>
      </c>
      <c r="G19586" t="s">
        <v>10450</v>
      </c>
      <c r="H19586" t="s">
        <v>10451</v>
      </c>
      <c r="I19586" s="2">
        <v>1</v>
      </c>
      <c r="J19586" s="2">
        <v>0</v>
      </c>
      <c r="K19586" s="2">
        <v>0</v>
      </c>
      <c r="L19586" t="s">
        <v>120</v>
      </c>
      <c r="M19586" t="s">
        <v>83</v>
      </c>
      <c r="N19586" t="s">
        <v>84</v>
      </c>
      <c r="O19586" t="s">
        <v>85</v>
      </c>
      <c r="P19586" t="s">
        <v>86</v>
      </c>
      <c r="Q19586">
        <v>33</v>
      </c>
      <c r="R19586">
        <v>34</v>
      </c>
      <c r="S19586">
        <v>34</v>
      </c>
      <c r="T19586">
        <v>35</v>
      </c>
      <c r="U19586">
        <v>35</v>
      </c>
      <c r="V19586">
        <v>36</v>
      </c>
      <c r="W19586">
        <v>36</v>
      </c>
      <c r="X19586">
        <v>37</v>
      </c>
      <c r="Y19586">
        <v>37</v>
      </c>
      <c r="Z19586">
        <v>37</v>
      </c>
      <c r="AA19586">
        <v>38</v>
      </c>
      <c r="AB19586">
        <v>38</v>
      </c>
      <c r="AC19586">
        <v>39</v>
      </c>
      <c r="AD19586">
        <v>39</v>
      </c>
      <c r="AE19586">
        <v>40</v>
      </c>
      <c r="AF19586">
        <v>40</v>
      </c>
      <c r="AG19586">
        <v>41</v>
      </c>
      <c r="AH19586">
        <v>41</v>
      </c>
      <c r="AI19586">
        <v>41</v>
      </c>
      <c r="AJ19586">
        <v>42</v>
      </c>
      <c r="AK19586">
        <v>42</v>
      </c>
      <c r="AL19586">
        <v>42</v>
      </c>
      <c r="AM19586">
        <v>43</v>
      </c>
      <c r="AN19586">
        <v>43</v>
      </c>
      <c r="AO19586">
        <v>43</v>
      </c>
      <c r="AP19586">
        <v>43</v>
      </c>
      <c r="AQ19586">
        <v>43</v>
      </c>
    </row>
    <row r="19587" spans="1:43">
      <c r="A19587" t="s">
        <v>12130</v>
      </c>
      <c r="B19587" t="s">
        <v>12131</v>
      </c>
      <c r="C19587" t="s">
        <v>12124</v>
      </c>
      <c r="D19587" t="s">
        <v>12125</v>
      </c>
      <c r="E19587" t="s">
        <v>12006</v>
      </c>
      <c r="F19587" t="s">
        <v>12007</v>
      </c>
      <c r="G19587" t="s">
        <v>10450</v>
      </c>
      <c r="H19587" t="s">
        <v>10451</v>
      </c>
      <c r="I19587" s="2">
        <v>1</v>
      </c>
      <c r="J19587" s="2">
        <v>0</v>
      </c>
      <c r="K19587" s="2">
        <v>0</v>
      </c>
      <c r="L19587" t="s">
        <v>120</v>
      </c>
      <c r="M19587" t="s">
        <v>87</v>
      </c>
      <c r="N19587" t="s">
        <v>88</v>
      </c>
      <c r="O19587" t="s">
        <v>85</v>
      </c>
      <c r="P19587" t="s">
        <v>86</v>
      </c>
      <c r="Q19587">
        <v>33</v>
      </c>
      <c r="R19587">
        <v>33</v>
      </c>
      <c r="S19587">
        <v>33</v>
      </c>
      <c r="T19587">
        <v>33</v>
      </c>
      <c r="U19587">
        <v>34</v>
      </c>
      <c r="V19587">
        <v>34</v>
      </c>
      <c r="W19587">
        <v>34</v>
      </c>
      <c r="X19587">
        <v>34</v>
      </c>
      <c r="Y19587">
        <v>34</v>
      </c>
      <c r="Z19587">
        <v>34</v>
      </c>
      <c r="AA19587">
        <v>35</v>
      </c>
      <c r="AB19587">
        <v>35</v>
      </c>
      <c r="AC19587">
        <v>35</v>
      </c>
      <c r="AD19587">
        <v>35</v>
      </c>
      <c r="AE19587">
        <v>35</v>
      </c>
      <c r="AF19587">
        <v>35</v>
      </c>
      <c r="AG19587">
        <v>35</v>
      </c>
      <c r="AH19587">
        <v>36</v>
      </c>
      <c r="AI19587">
        <v>36</v>
      </c>
      <c r="AJ19587">
        <v>36</v>
      </c>
      <c r="AK19587">
        <v>36</v>
      </c>
      <c r="AL19587">
        <v>36</v>
      </c>
      <c r="AM19587">
        <v>36</v>
      </c>
      <c r="AN19587">
        <v>36</v>
      </c>
      <c r="AO19587">
        <v>37</v>
      </c>
      <c r="AP19587">
        <v>37</v>
      </c>
      <c r="AQ19587">
        <v>37</v>
      </c>
    </row>
    <row r="19588" spans="1:43">
      <c r="A19588" t="s">
        <v>12130</v>
      </c>
      <c r="B19588" t="s">
        <v>12131</v>
      </c>
      <c r="C19588" t="s">
        <v>12124</v>
      </c>
      <c r="D19588" t="s">
        <v>12125</v>
      </c>
      <c r="E19588" t="s">
        <v>12006</v>
      </c>
      <c r="F19588" t="s">
        <v>12007</v>
      </c>
      <c r="G19588" t="s">
        <v>10450</v>
      </c>
      <c r="H19588" t="s">
        <v>10451</v>
      </c>
      <c r="I19588" s="2">
        <v>1</v>
      </c>
      <c r="J19588" s="2">
        <v>0</v>
      </c>
      <c r="K19588" s="2">
        <v>0</v>
      </c>
      <c r="L19588" t="s">
        <v>120</v>
      </c>
      <c r="M19588" t="s">
        <v>89</v>
      </c>
      <c r="N19588" t="s">
        <v>90</v>
      </c>
      <c r="O19588" t="s">
        <v>85</v>
      </c>
      <c r="P19588" t="s">
        <v>86</v>
      </c>
      <c r="Q19588">
        <v>33</v>
      </c>
      <c r="R19588">
        <v>33</v>
      </c>
      <c r="S19588">
        <v>34</v>
      </c>
      <c r="T19588">
        <v>35</v>
      </c>
      <c r="U19588">
        <v>36</v>
      </c>
      <c r="V19588">
        <v>36</v>
      </c>
      <c r="W19588">
        <v>37</v>
      </c>
      <c r="X19588">
        <v>38</v>
      </c>
      <c r="Y19588">
        <v>38</v>
      </c>
      <c r="Z19588">
        <v>39</v>
      </c>
      <c r="AA19588">
        <v>39</v>
      </c>
      <c r="AB19588">
        <v>40</v>
      </c>
      <c r="AC19588">
        <v>41</v>
      </c>
      <c r="AD19588">
        <v>41</v>
      </c>
      <c r="AE19588">
        <v>42</v>
      </c>
      <c r="AF19588">
        <v>42</v>
      </c>
      <c r="AG19588">
        <v>42</v>
      </c>
      <c r="AH19588">
        <v>42</v>
      </c>
      <c r="AI19588">
        <v>42</v>
      </c>
      <c r="AJ19588">
        <v>42</v>
      </c>
      <c r="AK19588">
        <v>42</v>
      </c>
      <c r="AL19588">
        <v>42</v>
      </c>
      <c r="AM19588">
        <v>42</v>
      </c>
      <c r="AN19588">
        <v>42</v>
      </c>
      <c r="AO19588">
        <v>42</v>
      </c>
      <c r="AP19588">
        <v>42</v>
      </c>
      <c r="AQ19588">
        <v>42</v>
      </c>
    </row>
    <row r="19589" spans="1:43">
      <c r="A19589" t="s">
        <v>12130</v>
      </c>
      <c r="B19589" t="s">
        <v>12131</v>
      </c>
      <c r="C19589" t="s">
        <v>12124</v>
      </c>
      <c r="D19589" t="s">
        <v>12125</v>
      </c>
      <c r="E19589" t="s">
        <v>12006</v>
      </c>
      <c r="F19589" t="s">
        <v>12007</v>
      </c>
      <c r="G19589" t="s">
        <v>10450</v>
      </c>
      <c r="H19589" t="s">
        <v>10451</v>
      </c>
      <c r="I19589" s="2">
        <v>1</v>
      </c>
      <c r="J19589" s="2">
        <v>0</v>
      </c>
      <c r="K19589" s="2">
        <v>0</v>
      </c>
      <c r="L19589" t="s">
        <v>120</v>
      </c>
      <c r="M19589" t="s">
        <v>83</v>
      </c>
      <c r="N19589" t="s">
        <v>91</v>
      </c>
      <c r="O19589" t="s">
        <v>85</v>
      </c>
      <c r="P19589" t="s">
        <v>86</v>
      </c>
      <c r="Q19589">
        <v>33</v>
      </c>
      <c r="R19589">
        <v>34</v>
      </c>
      <c r="S19589">
        <v>34</v>
      </c>
      <c r="T19589">
        <v>35</v>
      </c>
      <c r="U19589">
        <v>35</v>
      </c>
      <c r="V19589">
        <v>36</v>
      </c>
      <c r="W19589">
        <v>36</v>
      </c>
      <c r="X19589">
        <v>37</v>
      </c>
      <c r="Y19589">
        <v>37</v>
      </c>
      <c r="Z19589">
        <v>37</v>
      </c>
      <c r="AA19589">
        <v>38</v>
      </c>
      <c r="AB19589">
        <v>38</v>
      </c>
      <c r="AC19589">
        <v>39</v>
      </c>
      <c r="AD19589">
        <v>39</v>
      </c>
      <c r="AE19589">
        <v>40</v>
      </c>
      <c r="AF19589">
        <v>40</v>
      </c>
      <c r="AG19589">
        <v>41</v>
      </c>
      <c r="AH19589">
        <v>41</v>
      </c>
      <c r="AI19589">
        <v>41</v>
      </c>
      <c r="AJ19589">
        <v>42</v>
      </c>
      <c r="AK19589">
        <v>42</v>
      </c>
      <c r="AL19589">
        <v>42</v>
      </c>
      <c r="AM19589">
        <v>43</v>
      </c>
      <c r="AN19589">
        <v>43</v>
      </c>
      <c r="AO19589">
        <v>43</v>
      </c>
      <c r="AP19589">
        <v>43</v>
      </c>
      <c r="AQ19589">
        <v>43</v>
      </c>
    </row>
    <row r="19590" spans="1:43">
      <c r="A19590" t="s">
        <v>12132</v>
      </c>
      <c r="B19590" t="s">
        <v>12133</v>
      </c>
      <c r="C19590" t="s">
        <v>12124</v>
      </c>
      <c r="D19590" t="s">
        <v>12125</v>
      </c>
      <c r="E19590" t="s">
        <v>12006</v>
      </c>
      <c r="F19590" t="s">
        <v>12007</v>
      </c>
      <c r="G19590" t="s">
        <v>10450</v>
      </c>
      <c r="H19590" t="s">
        <v>10451</v>
      </c>
      <c r="I19590" s="2">
        <v>1</v>
      </c>
      <c r="J19590" s="2">
        <v>0</v>
      </c>
      <c r="K19590" s="2">
        <v>0</v>
      </c>
      <c r="L19590" t="s">
        <v>120</v>
      </c>
      <c r="M19590" t="s">
        <v>83</v>
      </c>
      <c r="N19590" t="s">
        <v>84</v>
      </c>
      <c r="O19590" t="s">
        <v>85</v>
      </c>
      <c r="P19590" t="s">
        <v>86</v>
      </c>
      <c r="Q19590">
        <v>4</v>
      </c>
      <c r="R19590">
        <v>4</v>
      </c>
      <c r="S19590">
        <v>4</v>
      </c>
      <c r="T19590">
        <v>4</v>
      </c>
      <c r="U19590">
        <v>4</v>
      </c>
      <c r="V19590">
        <v>4</v>
      </c>
      <c r="W19590">
        <v>4</v>
      </c>
      <c r="X19590">
        <v>4</v>
      </c>
      <c r="Y19590">
        <v>4</v>
      </c>
      <c r="Z19590">
        <v>4</v>
      </c>
      <c r="AA19590">
        <v>4</v>
      </c>
      <c r="AB19590">
        <v>4</v>
      </c>
      <c r="AC19590">
        <v>5</v>
      </c>
      <c r="AD19590">
        <v>5</v>
      </c>
      <c r="AE19590">
        <v>5</v>
      </c>
      <c r="AF19590">
        <v>5</v>
      </c>
      <c r="AG19590">
        <v>5</v>
      </c>
      <c r="AH19590">
        <v>5</v>
      </c>
      <c r="AI19590">
        <v>5</v>
      </c>
      <c r="AJ19590">
        <v>5</v>
      </c>
      <c r="AK19590">
        <v>5</v>
      </c>
      <c r="AL19590">
        <v>5</v>
      </c>
      <c r="AM19590">
        <v>5</v>
      </c>
      <c r="AN19590">
        <v>5</v>
      </c>
      <c r="AO19590">
        <v>5</v>
      </c>
      <c r="AP19590">
        <v>5</v>
      </c>
      <c r="AQ19590">
        <v>5</v>
      </c>
    </row>
    <row r="19591" spans="1:43">
      <c r="A19591" t="s">
        <v>12132</v>
      </c>
      <c r="B19591" t="s">
        <v>12133</v>
      </c>
      <c r="C19591" t="s">
        <v>12124</v>
      </c>
      <c r="D19591" t="s">
        <v>12125</v>
      </c>
      <c r="E19591" t="s">
        <v>12006</v>
      </c>
      <c r="F19591" t="s">
        <v>12007</v>
      </c>
      <c r="G19591" t="s">
        <v>10450</v>
      </c>
      <c r="H19591" t="s">
        <v>10451</v>
      </c>
      <c r="I19591" s="2">
        <v>1</v>
      </c>
      <c r="J19591" s="2">
        <v>0</v>
      </c>
      <c r="K19591" s="2">
        <v>0</v>
      </c>
      <c r="L19591" t="s">
        <v>120</v>
      </c>
      <c r="M19591" t="s">
        <v>87</v>
      </c>
      <c r="N19591" t="s">
        <v>88</v>
      </c>
      <c r="O19591" t="s">
        <v>85</v>
      </c>
      <c r="P19591" t="s">
        <v>86</v>
      </c>
      <c r="Q19591">
        <v>4</v>
      </c>
      <c r="R19591">
        <v>4</v>
      </c>
      <c r="S19591">
        <v>4</v>
      </c>
      <c r="T19591">
        <v>4</v>
      </c>
      <c r="U19591">
        <v>4</v>
      </c>
      <c r="V19591">
        <v>4</v>
      </c>
      <c r="W19591">
        <v>4</v>
      </c>
      <c r="X19591">
        <v>4</v>
      </c>
      <c r="Y19591">
        <v>4</v>
      </c>
      <c r="Z19591">
        <v>4</v>
      </c>
      <c r="AA19591">
        <v>4</v>
      </c>
      <c r="AB19591">
        <v>4</v>
      </c>
      <c r="AC19591">
        <v>4</v>
      </c>
      <c r="AD19591">
        <v>4</v>
      </c>
      <c r="AE19591">
        <v>4</v>
      </c>
      <c r="AF19591">
        <v>4</v>
      </c>
      <c r="AG19591">
        <v>4</v>
      </c>
      <c r="AH19591">
        <v>4</v>
      </c>
      <c r="AI19591">
        <v>4</v>
      </c>
      <c r="AJ19591">
        <v>4</v>
      </c>
      <c r="AK19591">
        <v>4</v>
      </c>
      <c r="AL19591">
        <v>4</v>
      </c>
      <c r="AM19591">
        <v>4</v>
      </c>
      <c r="AN19591">
        <v>4</v>
      </c>
      <c r="AO19591">
        <v>4</v>
      </c>
      <c r="AP19591">
        <v>4</v>
      </c>
      <c r="AQ19591">
        <v>4</v>
      </c>
    </row>
    <row r="19592" spans="1:43">
      <c r="A19592" t="s">
        <v>12132</v>
      </c>
      <c r="B19592" t="s">
        <v>12133</v>
      </c>
      <c r="C19592" t="s">
        <v>12124</v>
      </c>
      <c r="D19592" t="s">
        <v>12125</v>
      </c>
      <c r="E19592" t="s">
        <v>12006</v>
      </c>
      <c r="F19592" t="s">
        <v>12007</v>
      </c>
      <c r="G19592" t="s">
        <v>10450</v>
      </c>
      <c r="H19592" t="s">
        <v>10451</v>
      </c>
      <c r="I19592" s="2">
        <v>1</v>
      </c>
      <c r="J19592" s="2">
        <v>0</v>
      </c>
      <c r="K19592" s="2">
        <v>0</v>
      </c>
      <c r="L19592" t="s">
        <v>120</v>
      </c>
      <c r="M19592" t="s">
        <v>89</v>
      </c>
      <c r="N19592" t="s">
        <v>90</v>
      </c>
      <c r="O19592" t="s">
        <v>85</v>
      </c>
      <c r="P19592" t="s">
        <v>86</v>
      </c>
      <c r="Q19592">
        <v>4</v>
      </c>
      <c r="R19592">
        <v>4</v>
      </c>
      <c r="S19592">
        <v>4</v>
      </c>
      <c r="T19592">
        <v>4</v>
      </c>
      <c r="U19592">
        <v>4</v>
      </c>
      <c r="V19592">
        <v>4</v>
      </c>
      <c r="W19592">
        <v>4</v>
      </c>
      <c r="X19592">
        <v>4</v>
      </c>
      <c r="Y19592">
        <v>5</v>
      </c>
      <c r="Z19592">
        <v>5</v>
      </c>
      <c r="AA19592">
        <v>5</v>
      </c>
      <c r="AB19592">
        <v>5</v>
      </c>
      <c r="AC19592">
        <v>5</v>
      </c>
      <c r="AD19592">
        <v>5</v>
      </c>
      <c r="AE19592">
        <v>5</v>
      </c>
      <c r="AF19592">
        <v>5</v>
      </c>
      <c r="AG19592">
        <v>5</v>
      </c>
      <c r="AH19592">
        <v>5</v>
      </c>
      <c r="AI19592">
        <v>5</v>
      </c>
      <c r="AJ19592">
        <v>5</v>
      </c>
      <c r="AK19592">
        <v>5</v>
      </c>
      <c r="AL19592">
        <v>5</v>
      </c>
      <c r="AM19592">
        <v>5</v>
      </c>
      <c r="AN19592">
        <v>5</v>
      </c>
      <c r="AO19592">
        <v>5</v>
      </c>
      <c r="AP19592">
        <v>5</v>
      </c>
      <c r="AQ19592">
        <v>5</v>
      </c>
    </row>
    <row r="19593" spans="1:43">
      <c r="A19593" t="s">
        <v>12132</v>
      </c>
      <c r="B19593" t="s">
        <v>12133</v>
      </c>
      <c r="C19593" t="s">
        <v>12124</v>
      </c>
      <c r="D19593" t="s">
        <v>12125</v>
      </c>
      <c r="E19593" t="s">
        <v>12006</v>
      </c>
      <c r="F19593" t="s">
        <v>12007</v>
      </c>
      <c r="G19593" t="s">
        <v>10450</v>
      </c>
      <c r="H19593" t="s">
        <v>10451</v>
      </c>
      <c r="I19593" s="2">
        <v>1</v>
      </c>
      <c r="J19593" s="2">
        <v>0</v>
      </c>
      <c r="K19593" s="2">
        <v>0</v>
      </c>
      <c r="L19593" t="s">
        <v>120</v>
      </c>
      <c r="M19593" t="s">
        <v>83</v>
      </c>
      <c r="N19593" t="s">
        <v>91</v>
      </c>
      <c r="O19593" t="s">
        <v>85</v>
      </c>
      <c r="P19593" t="s">
        <v>86</v>
      </c>
      <c r="Q19593">
        <v>4</v>
      </c>
      <c r="R19593">
        <v>4</v>
      </c>
      <c r="S19593">
        <v>4</v>
      </c>
      <c r="T19593">
        <v>4</v>
      </c>
      <c r="U19593">
        <v>4</v>
      </c>
      <c r="V19593">
        <v>4</v>
      </c>
      <c r="W19593">
        <v>4</v>
      </c>
      <c r="X19593">
        <v>4</v>
      </c>
      <c r="Y19593">
        <v>4</v>
      </c>
      <c r="Z19593">
        <v>4</v>
      </c>
      <c r="AA19593">
        <v>4</v>
      </c>
      <c r="AB19593">
        <v>4</v>
      </c>
      <c r="AC19593">
        <v>5</v>
      </c>
      <c r="AD19593">
        <v>5</v>
      </c>
      <c r="AE19593">
        <v>5</v>
      </c>
      <c r="AF19593">
        <v>5</v>
      </c>
      <c r="AG19593">
        <v>5</v>
      </c>
      <c r="AH19593">
        <v>5</v>
      </c>
      <c r="AI19593">
        <v>5</v>
      </c>
      <c r="AJ19593">
        <v>5</v>
      </c>
      <c r="AK19593">
        <v>5</v>
      </c>
      <c r="AL19593">
        <v>5</v>
      </c>
      <c r="AM19593">
        <v>5</v>
      </c>
      <c r="AN19593">
        <v>5</v>
      </c>
      <c r="AO19593">
        <v>5</v>
      </c>
      <c r="AP19593">
        <v>5</v>
      </c>
      <c r="AQ19593">
        <v>5</v>
      </c>
    </row>
    <row r="19594" spans="1:43">
      <c r="A19594" t="s">
        <v>12134</v>
      </c>
      <c r="B19594" t="s">
        <v>12135</v>
      </c>
      <c r="C19594" t="s">
        <v>12136</v>
      </c>
      <c r="D19594" t="s">
        <v>12137</v>
      </c>
      <c r="E19594" t="s">
        <v>12006</v>
      </c>
      <c r="F19594" t="s">
        <v>12007</v>
      </c>
      <c r="G19594" t="s">
        <v>10450</v>
      </c>
      <c r="H19594" t="s">
        <v>10451</v>
      </c>
      <c r="I19594" s="2">
        <v>1</v>
      </c>
      <c r="J19594" s="2">
        <v>0</v>
      </c>
      <c r="K19594" s="2">
        <v>0</v>
      </c>
      <c r="L19594" t="s">
        <v>120</v>
      </c>
      <c r="M19594" t="s">
        <v>83</v>
      </c>
      <c r="N19594" t="s">
        <v>84</v>
      </c>
      <c r="O19594" t="s">
        <v>85</v>
      </c>
      <c r="P19594" t="s">
        <v>86</v>
      </c>
      <c r="Q19594">
        <v>17</v>
      </c>
      <c r="R19594">
        <v>18</v>
      </c>
      <c r="S19594">
        <v>18</v>
      </c>
      <c r="T19594">
        <v>18</v>
      </c>
      <c r="U19594">
        <v>18</v>
      </c>
      <c r="V19594">
        <v>19</v>
      </c>
      <c r="W19594">
        <v>19</v>
      </c>
      <c r="X19594">
        <v>19</v>
      </c>
      <c r="Y19594">
        <v>19</v>
      </c>
      <c r="Z19594">
        <v>19</v>
      </c>
      <c r="AA19594">
        <v>20</v>
      </c>
      <c r="AB19594">
        <v>20</v>
      </c>
      <c r="AC19594">
        <v>20</v>
      </c>
      <c r="AD19594">
        <v>20</v>
      </c>
      <c r="AE19594">
        <v>21</v>
      </c>
      <c r="AF19594">
        <v>21</v>
      </c>
      <c r="AG19594">
        <v>21</v>
      </c>
      <c r="AH19594">
        <v>21</v>
      </c>
      <c r="AI19594">
        <v>21</v>
      </c>
      <c r="AJ19594">
        <v>22</v>
      </c>
      <c r="AK19594">
        <v>22</v>
      </c>
      <c r="AL19594">
        <v>22</v>
      </c>
      <c r="AM19594">
        <v>22</v>
      </c>
      <c r="AN19594">
        <v>22</v>
      </c>
      <c r="AO19594">
        <v>22</v>
      </c>
      <c r="AP19594">
        <v>22</v>
      </c>
      <c r="AQ19594">
        <v>22</v>
      </c>
    </row>
    <row r="19595" spans="1:43">
      <c r="A19595" t="s">
        <v>12134</v>
      </c>
      <c r="B19595" t="s">
        <v>12135</v>
      </c>
      <c r="C19595" t="s">
        <v>12136</v>
      </c>
      <c r="D19595" t="s">
        <v>12137</v>
      </c>
      <c r="E19595" t="s">
        <v>12006</v>
      </c>
      <c r="F19595" t="s">
        <v>12007</v>
      </c>
      <c r="G19595" t="s">
        <v>10450</v>
      </c>
      <c r="H19595" t="s">
        <v>10451</v>
      </c>
      <c r="I19595" s="2">
        <v>1</v>
      </c>
      <c r="J19595" s="2">
        <v>0</v>
      </c>
      <c r="K19595" s="2">
        <v>0</v>
      </c>
      <c r="L19595" t="s">
        <v>120</v>
      </c>
      <c r="M19595" t="s">
        <v>87</v>
      </c>
      <c r="N19595" t="s">
        <v>88</v>
      </c>
      <c r="O19595" t="s">
        <v>85</v>
      </c>
      <c r="P19595" t="s">
        <v>86</v>
      </c>
      <c r="Q19595">
        <v>17</v>
      </c>
      <c r="R19595">
        <v>17</v>
      </c>
      <c r="S19595">
        <v>17</v>
      </c>
      <c r="T19595">
        <v>17</v>
      </c>
      <c r="U19595">
        <v>17</v>
      </c>
      <c r="V19595">
        <v>18</v>
      </c>
      <c r="W19595">
        <v>18</v>
      </c>
      <c r="X19595">
        <v>18</v>
      </c>
      <c r="Y19595">
        <v>18</v>
      </c>
      <c r="Z19595">
        <v>18</v>
      </c>
      <c r="AA19595">
        <v>18</v>
      </c>
      <c r="AB19595">
        <v>18</v>
      </c>
      <c r="AC19595">
        <v>18</v>
      </c>
      <c r="AD19595">
        <v>18</v>
      </c>
      <c r="AE19595">
        <v>18</v>
      </c>
      <c r="AF19595">
        <v>18</v>
      </c>
      <c r="AG19595">
        <v>18</v>
      </c>
      <c r="AH19595">
        <v>19</v>
      </c>
      <c r="AI19595">
        <v>19</v>
      </c>
      <c r="AJ19595">
        <v>19</v>
      </c>
      <c r="AK19595">
        <v>19</v>
      </c>
      <c r="AL19595">
        <v>19</v>
      </c>
      <c r="AM19595">
        <v>19</v>
      </c>
      <c r="AN19595">
        <v>19</v>
      </c>
      <c r="AO19595">
        <v>19</v>
      </c>
      <c r="AP19595">
        <v>19</v>
      </c>
      <c r="AQ19595">
        <v>19</v>
      </c>
    </row>
    <row r="19596" spans="1:43">
      <c r="A19596" t="s">
        <v>12134</v>
      </c>
      <c r="B19596" t="s">
        <v>12135</v>
      </c>
      <c r="C19596" t="s">
        <v>12136</v>
      </c>
      <c r="D19596" t="s">
        <v>12137</v>
      </c>
      <c r="E19596" t="s">
        <v>12006</v>
      </c>
      <c r="F19596" t="s">
        <v>12007</v>
      </c>
      <c r="G19596" t="s">
        <v>10450</v>
      </c>
      <c r="H19596" t="s">
        <v>10451</v>
      </c>
      <c r="I19596" s="2">
        <v>1</v>
      </c>
      <c r="J19596" s="2">
        <v>0</v>
      </c>
      <c r="K19596" s="2">
        <v>0</v>
      </c>
      <c r="L19596" t="s">
        <v>120</v>
      </c>
      <c r="M19596" t="s">
        <v>89</v>
      </c>
      <c r="N19596" t="s">
        <v>90</v>
      </c>
      <c r="O19596" t="s">
        <v>85</v>
      </c>
      <c r="P19596" t="s">
        <v>86</v>
      </c>
      <c r="Q19596">
        <v>17</v>
      </c>
      <c r="R19596">
        <v>18</v>
      </c>
      <c r="S19596">
        <v>18</v>
      </c>
      <c r="T19596">
        <v>19</v>
      </c>
      <c r="U19596">
        <v>19</v>
      </c>
      <c r="V19596">
        <v>19</v>
      </c>
      <c r="W19596">
        <v>20</v>
      </c>
      <c r="X19596">
        <v>20</v>
      </c>
      <c r="Y19596">
        <v>20</v>
      </c>
      <c r="Z19596">
        <v>21</v>
      </c>
      <c r="AA19596">
        <v>21</v>
      </c>
      <c r="AB19596">
        <v>21</v>
      </c>
      <c r="AC19596">
        <v>22</v>
      </c>
      <c r="AD19596">
        <v>22</v>
      </c>
      <c r="AE19596">
        <v>22</v>
      </c>
      <c r="AF19596">
        <v>22</v>
      </c>
      <c r="AG19596">
        <v>22</v>
      </c>
      <c r="AH19596">
        <v>22</v>
      </c>
      <c r="AI19596">
        <v>22</v>
      </c>
      <c r="AJ19596">
        <v>22</v>
      </c>
      <c r="AK19596">
        <v>22</v>
      </c>
      <c r="AL19596">
        <v>22</v>
      </c>
      <c r="AM19596">
        <v>22</v>
      </c>
      <c r="AN19596">
        <v>22</v>
      </c>
      <c r="AO19596">
        <v>22</v>
      </c>
      <c r="AP19596">
        <v>22</v>
      </c>
      <c r="AQ19596">
        <v>22</v>
      </c>
    </row>
    <row r="19597" spans="1:43">
      <c r="A19597" t="s">
        <v>12134</v>
      </c>
      <c r="B19597" t="s">
        <v>12135</v>
      </c>
      <c r="C19597" t="s">
        <v>12136</v>
      </c>
      <c r="D19597" t="s">
        <v>12137</v>
      </c>
      <c r="E19597" t="s">
        <v>12006</v>
      </c>
      <c r="F19597" t="s">
        <v>12007</v>
      </c>
      <c r="G19597" t="s">
        <v>10450</v>
      </c>
      <c r="H19597" t="s">
        <v>10451</v>
      </c>
      <c r="I19597" s="2">
        <v>1</v>
      </c>
      <c r="J19597" s="2">
        <v>0</v>
      </c>
      <c r="K19597" s="2">
        <v>0</v>
      </c>
      <c r="L19597" t="s">
        <v>120</v>
      </c>
      <c r="M19597" t="s">
        <v>83</v>
      </c>
      <c r="N19597" t="s">
        <v>91</v>
      </c>
      <c r="O19597" t="s">
        <v>85</v>
      </c>
      <c r="P19597" t="s">
        <v>86</v>
      </c>
      <c r="Q19597">
        <v>17</v>
      </c>
      <c r="R19597">
        <v>18</v>
      </c>
      <c r="S19597">
        <v>18</v>
      </c>
      <c r="T19597">
        <v>18</v>
      </c>
      <c r="U19597">
        <v>18</v>
      </c>
      <c r="V19597">
        <v>19</v>
      </c>
      <c r="W19597">
        <v>19</v>
      </c>
      <c r="X19597">
        <v>19</v>
      </c>
      <c r="Y19597">
        <v>19</v>
      </c>
      <c r="Z19597">
        <v>19</v>
      </c>
      <c r="AA19597">
        <v>20</v>
      </c>
      <c r="AB19597">
        <v>20</v>
      </c>
      <c r="AC19597">
        <v>20</v>
      </c>
      <c r="AD19597">
        <v>20</v>
      </c>
      <c r="AE19597">
        <v>21</v>
      </c>
      <c r="AF19597">
        <v>21</v>
      </c>
      <c r="AG19597">
        <v>21</v>
      </c>
      <c r="AH19597">
        <v>21</v>
      </c>
      <c r="AI19597">
        <v>21</v>
      </c>
      <c r="AJ19597">
        <v>22</v>
      </c>
      <c r="AK19597">
        <v>22</v>
      </c>
      <c r="AL19597">
        <v>22</v>
      </c>
      <c r="AM19597">
        <v>22</v>
      </c>
      <c r="AN19597">
        <v>22</v>
      </c>
      <c r="AO19597">
        <v>22</v>
      </c>
      <c r="AP19597">
        <v>22</v>
      </c>
      <c r="AQ19597">
        <v>22</v>
      </c>
    </row>
    <row r="19598" spans="1:43">
      <c r="A19598" t="s">
        <v>12138</v>
      </c>
      <c r="B19598" t="s">
        <v>12139</v>
      </c>
      <c r="C19598" t="s">
        <v>12136</v>
      </c>
      <c r="D19598" t="s">
        <v>12137</v>
      </c>
      <c r="E19598" t="s">
        <v>12006</v>
      </c>
      <c r="F19598" t="s">
        <v>12007</v>
      </c>
      <c r="G19598" t="s">
        <v>10450</v>
      </c>
      <c r="H19598" t="s">
        <v>10451</v>
      </c>
      <c r="I19598" s="2">
        <v>1</v>
      </c>
      <c r="J19598" s="2">
        <v>0</v>
      </c>
      <c r="K19598" s="2">
        <v>0</v>
      </c>
      <c r="L19598" t="s">
        <v>120</v>
      </c>
      <c r="M19598" t="s">
        <v>83</v>
      </c>
      <c r="N19598" t="s">
        <v>84</v>
      </c>
      <c r="O19598" t="s">
        <v>85</v>
      </c>
      <c r="P19598" t="s">
        <v>86</v>
      </c>
      <c r="Q19598">
        <v>25</v>
      </c>
      <c r="R19598">
        <v>25</v>
      </c>
      <c r="S19598">
        <v>26</v>
      </c>
      <c r="T19598">
        <v>26</v>
      </c>
      <c r="U19598">
        <v>26</v>
      </c>
      <c r="V19598">
        <v>27</v>
      </c>
      <c r="W19598">
        <v>27</v>
      </c>
      <c r="X19598">
        <v>27</v>
      </c>
      <c r="Y19598">
        <v>28</v>
      </c>
      <c r="Z19598">
        <v>28</v>
      </c>
      <c r="AA19598">
        <v>28</v>
      </c>
      <c r="AB19598">
        <v>29</v>
      </c>
      <c r="AC19598">
        <v>29</v>
      </c>
      <c r="AD19598">
        <v>29</v>
      </c>
      <c r="AE19598">
        <v>30</v>
      </c>
      <c r="AF19598">
        <v>30</v>
      </c>
      <c r="AG19598">
        <v>30</v>
      </c>
      <c r="AH19598">
        <v>31</v>
      </c>
      <c r="AI19598">
        <v>31</v>
      </c>
      <c r="AJ19598">
        <v>31</v>
      </c>
      <c r="AK19598">
        <v>31</v>
      </c>
      <c r="AL19598">
        <v>32</v>
      </c>
      <c r="AM19598">
        <v>32</v>
      </c>
      <c r="AN19598">
        <v>32</v>
      </c>
      <c r="AO19598">
        <v>32</v>
      </c>
      <c r="AP19598">
        <v>32</v>
      </c>
      <c r="AQ19598">
        <v>32</v>
      </c>
    </row>
    <row r="19599" spans="1:43">
      <c r="A19599" t="s">
        <v>12138</v>
      </c>
      <c r="B19599" t="s">
        <v>12139</v>
      </c>
      <c r="C19599" t="s">
        <v>12136</v>
      </c>
      <c r="D19599" t="s">
        <v>12137</v>
      </c>
      <c r="E19599" t="s">
        <v>12006</v>
      </c>
      <c r="F19599" t="s">
        <v>12007</v>
      </c>
      <c r="G19599" t="s">
        <v>10450</v>
      </c>
      <c r="H19599" t="s">
        <v>10451</v>
      </c>
      <c r="I19599" s="2">
        <v>1</v>
      </c>
      <c r="J19599" s="2">
        <v>0</v>
      </c>
      <c r="K19599" s="2">
        <v>0</v>
      </c>
      <c r="L19599" t="s">
        <v>120</v>
      </c>
      <c r="M19599" t="s">
        <v>87</v>
      </c>
      <c r="N19599" t="s">
        <v>88</v>
      </c>
      <c r="O19599" t="s">
        <v>85</v>
      </c>
      <c r="P19599" t="s">
        <v>86</v>
      </c>
      <c r="Q19599">
        <v>25</v>
      </c>
      <c r="R19599">
        <v>25</v>
      </c>
      <c r="S19599">
        <v>25</v>
      </c>
      <c r="T19599">
        <v>25</v>
      </c>
      <c r="U19599">
        <v>25</v>
      </c>
      <c r="V19599">
        <v>25</v>
      </c>
      <c r="W19599">
        <v>25</v>
      </c>
      <c r="X19599">
        <v>25</v>
      </c>
      <c r="Y19599">
        <v>26</v>
      </c>
      <c r="Z19599">
        <v>26</v>
      </c>
      <c r="AA19599">
        <v>26</v>
      </c>
      <c r="AB19599">
        <v>26</v>
      </c>
      <c r="AC19599">
        <v>26</v>
      </c>
      <c r="AD19599">
        <v>26</v>
      </c>
      <c r="AE19599">
        <v>26</v>
      </c>
      <c r="AF19599">
        <v>26</v>
      </c>
      <c r="AG19599">
        <v>27</v>
      </c>
      <c r="AH19599">
        <v>27</v>
      </c>
      <c r="AI19599">
        <v>27</v>
      </c>
      <c r="AJ19599">
        <v>27</v>
      </c>
      <c r="AK19599">
        <v>27</v>
      </c>
      <c r="AL19599">
        <v>27</v>
      </c>
      <c r="AM19599">
        <v>27</v>
      </c>
      <c r="AN19599">
        <v>27</v>
      </c>
      <c r="AO19599">
        <v>27</v>
      </c>
      <c r="AP19599">
        <v>27</v>
      </c>
      <c r="AQ19599">
        <v>28</v>
      </c>
    </row>
    <row r="19600" spans="1:43">
      <c r="A19600" t="s">
        <v>12138</v>
      </c>
      <c r="B19600" t="s">
        <v>12139</v>
      </c>
      <c r="C19600" t="s">
        <v>12136</v>
      </c>
      <c r="D19600" t="s">
        <v>12137</v>
      </c>
      <c r="E19600" t="s">
        <v>12006</v>
      </c>
      <c r="F19600" t="s">
        <v>12007</v>
      </c>
      <c r="G19600" t="s">
        <v>10450</v>
      </c>
      <c r="H19600" t="s">
        <v>10451</v>
      </c>
      <c r="I19600" s="2">
        <v>1</v>
      </c>
      <c r="J19600" s="2">
        <v>0</v>
      </c>
      <c r="K19600" s="2">
        <v>0</v>
      </c>
      <c r="L19600" t="s">
        <v>120</v>
      </c>
      <c r="M19600" t="s">
        <v>89</v>
      </c>
      <c r="N19600" t="s">
        <v>90</v>
      </c>
      <c r="O19600" t="s">
        <v>85</v>
      </c>
      <c r="P19600" t="s">
        <v>86</v>
      </c>
      <c r="Q19600">
        <v>25</v>
      </c>
      <c r="R19600">
        <v>26</v>
      </c>
      <c r="S19600">
        <v>26</v>
      </c>
      <c r="T19600">
        <v>27</v>
      </c>
      <c r="U19600">
        <v>27</v>
      </c>
      <c r="V19600">
        <v>28</v>
      </c>
      <c r="W19600">
        <v>28</v>
      </c>
      <c r="X19600">
        <v>29</v>
      </c>
      <c r="Y19600">
        <v>29</v>
      </c>
      <c r="Z19600">
        <v>30</v>
      </c>
      <c r="AA19600">
        <v>30</v>
      </c>
      <c r="AB19600">
        <v>31</v>
      </c>
      <c r="AC19600">
        <v>31</v>
      </c>
      <c r="AD19600">
        <v>31</v>
      </c>
      <c r="AE19600">
        <v>32</v>
      </c>
      <c r="AF19600">
        <v>32</v>
      </c>
      <c r="AG19600">
        <v>32</v>
      </c>
      <c r="AH19600">
        <v>32</v>
      </c>
      <c r="AI19600">
        <v>32</v>
      </c>
      <c r="AJ19600">
        <v>32</v>
      </c>
      <c r="AK19600">
        <v>32</v>
      </c>
      <c r="AL19600">
        <v>32</v>
      </c>
      <c r="AM19600">
        <v>32</v>
      </c>
      <c r="AN19600">
        <v>32</v>
      </c>
      <c r="AO19600">
        <v>32</v>
      </c>
      <c r="AP19600">
        <v>32</v>
      </c>
      <c r="AQ19600">
        <v>32</v>
      </c>
    </row>
    <row r="19601" spans="1:43">
      <c r="A19601" t="s">
        <v>12138</v>
      </c>
      <c r="B19601" t="s">
        <v>12139</v>
      </c>
      <c r="C19601" t="s">
        <v>12136</v>
      </c>
      <c r="D19601" t="s">
        <v>12137</v>
      </c>
      <c r="E19601" t="s">
        <v>12006</v>
      </c>
      <c r="F19601" t="s">
        <v>12007</v>
      </c>
      <c r="G19601" t="s">
        <v>10450</v>
      </c>
      <c r="H19601" t="s">
        <v>10451</v>
      </c>
      <c r="I19601" s="2">
        <v>1</v>
      </c>
      <c r="J19601" s="2">
        <v>0</v>
      </c>
      <c r="K19601" s="2">
        <v>0</v>
      </c>
      <c r="L19601" t="s">
        <v>120</v>
      </c>
      <c r="M19601" t="s">
        <v>83</v>
      </c>
      <c r="N19601" t="s">
        <v>91</v>
      </c>
      <c r="O19601" t="s">
        <v>85</v>
      </c>
      <c r="P19601" t="s">
        <v>86</v>
      </c>
      <c r="Q19601">
        <v>25</v>
      </c>
      <c r="R19601">
        <v>25</v>
      </c>
      <c r="S19601">
        <v>26</v>
      </c>
      <c r="T19601">
        <v>26</v>
      </c>
      <c r="U19601">
        <v>26</v>
      </c>
      <c r="V19601">
        <v>27</v>
      </c>
      <c r="W19601">
        <v>27</v>
      </c>
      <c r="X19601">
        <v>27</v>
      </c>
      <c r="Y19601">
        <v>28</v>
      </c>
      <c r="Z19601">
        <v>28</v>
      </c>
      <c r="AA19601">
        <v>28</v>
      </c>
      <c r="AB19601">
        <v>29</v>
      </c>
      <c r="AC19601">
        <v>29</v>
      </c>
      <c r="AD19601">
        <v>29</v>
      </c>
      <c r="AE19601">
        <v>30</v>
      </c>
      <c r="AF19601">
        <v>30</v>
      </c>
      <c r="AG19601">
        <v>30</v>
      </c>
      <c r="AH19601">
        <v>31</v>
      </c>
      <c r="AI19601">
        <v>31</v>
      </c>
      <c r="AJ19601">
        <v>31</v>
      </c>
      <c r="AK19601">
        <v>31</v>
      </c>
      <c r="AL19601">
        <v>32</v>
      </c>
      <c r="AM19601">
        <v>32</v>
      </c>
      <c r="AN19601">
        <v>32</v>
      </c>
      <c r="AO19601">
        <v>32</v>
      </c>
      <c r="AP19601">
        <v>32</v>
      </c>
      <c r="AQ19601">
        <v>32</v>
      </c>
    </row>
    <row r="19602" spans="1:43">
      <c r="A19602" t="s">
        <v>12140</v>
      </c>
      <c r="B19602" t="s">
        <v>12141</v>
      </c>
      <c r="C19602" t="s">
        <v>12136</v>
      </c>
      <c r="D19602" t="s">
        <v>12137</v>
      </c>
      <c r="E19602" t="s">
        <v>12006</v>
      </c>
      <c r="F19602" t="s">
        <v>12007</v>
      </c>
      <c r="G19602" t="s">
        <v>10450</v>
      </c>
      <c r="H19602" t="s">
        <v>10451</v>
      </c>
      <c r="I19602" s="2">
        <v>1</v>
      </c>
      <c r="J19602" s="2">
        <v>0</v>
      </c>
      <c r="K19602" s="2">
        <v>0</v>
      </c>
      <c r="L19602" t="s">
        <v>120</v>
      </c>
      <c r="M19602" t="s">
        <v>83</v>
      </c>
      <c r="N19602" t="s">
        <v>84</v>
      </c>
      <c r="O19602" t="s">
        <v>85</v>
      </c>
      <c r="P19602" t="s">
        <v>86</v>
      </c>
      <c r="Q19602">
        <v>16</v>
      </c>
      <c r="R19602">
        <v>16</v>
      </c>
      <c r="S19602">
        <v>17</v>
      </c>
      <c r="T19602">
        <v>17</v>
      </c>
      <c r="U19602">
        <v>17</v>
      </c>
      <c r="V19602">
        <v>17</v>
      </c>
      <c r="W19602">
        <v>17</v>
      </c>
      <c r="X19602">
        <v>18</v>
      </c>
      <c r="Y19602">
        <v>18</v>
      </c>
      <c r="Z19602">
        <v>18</v>
      </c>
      <c r="AA19602">
        <v>18</v>
      </c>
      <c r="AB19602">
        <v>19</v>
      </c>
      <c r="AC19602">
        <v>19</v>
      </c>
      <c r="AD19602">
        <v>19</v>
      </c>
      <c r="AE19602">
        <v>19</v>
      </c>
      <c r="AF19602">
        <v>19</v>
      </c>
      <c r="AG19602">
        <v>20</v>
      </c>
      <c r="AH19602">
        <v>20</v>
      </c>
      <c r="AI19602">
        <v>20</v>
      </c>
      <c r="AJ19602">
        <v>20</v>
      </c>
      <c r="AK19602">
        <v>20</v>
      </c>
      <c r="AL19602">
        <v>20</v>
      </c>
      <c r="AM19602">
        <v>20</v>
      </c>
      <c r="AN19602">
        <v>21</v>
      </c>
      <c r="AO19602">
        <v>21</v>
      </c>
      <c r="AP19602">
        <v>21</v>
      </c>
      <c r="AQ19602">
        <v>21</v>
      </c>
    </row>
    <row r="19603" spans="1:43">
      <c r="A19603" t="s">
        <v>12140</v>
      </c>
      <c r="B19603" t="s">
        <v>12141</v>
      </c>
      <c r="C19603" t="s">
        <v>12136</v>
      </c>
      <c r="D19603" t="s">
        <v>12137</v>
      </c>
      <c r="E19603" t="s">
        <v>12006</v>
      </c>
      <c r="F19603" t="s">
        <v>12007</v>
      </c>
      <c r="G19603" t="s">
        <v>10450</v>
      </c>
      <c r="H19603" t="s">
        <v>10451</v>
      </c>
      <c r="I19603" s="2">
        <v>1</v>
      </c>
      <c r="J19603" s="2">
        <v>0</v>
      </c>
      <c r="K19603" s="2">
        <v>0</v>
      </c>
      <c r="L19603" t="s">
        <v>120</v>
      </c>
      <c r="M19603" t="s">
        <v>87</v>
      </c>
      <c r="N19603" t="s">
        <v>88</v>
      </c>
      <c r="O19603" t="s">
        <v>85</v>
      </c>
      <c r="P19603" t="s">
        <v>86</v>
      </c>
      <c r="Q19603">
        <v>16</v>
      </c>
      <c r="R19603">
        <v>16</v>
      </c>
      <c r="S19603">
        <v>16</v>
      </c>
      <c r="T19603">
        <v>16</v>
      </c>
      <c r="U19603">
        <v>16</v>
      </c>
      <c r="V19603">
        <v>16</v>
      </c>
      <c r="W19603">
        <v>16</v>
      </c>
      <c r="X19603">
        <v>17</v>
      </c>
      <c r="Y19603">
        <v>17</v>
      </c>
      <c r="Z19603">
        <v>17</v>
      </c>
      <c r="AA19603">
        <v>17</v>
      </c>
      <c r="AB19603">
        <v>17</v>
      </c>
      <c r="AC19603">
        <v>17</v>
      </c>
      <c r="AD19603">
        <v>17</v>
      </c>
      <c r="AE19603">
        <v>17</v>
      </c>
      <c r="AF19603">
        <v>17</v>
      </c>
      <c r="AG19603">
        <v>17</v>
      </c>
      <c r="AH19603">
        <v>17</v>
      </c>
      <c r="AI19603">
        <v>17</v>
      </c>
      <c r="AJ19603">
        <v>17</v>
      </c>
      <c r="AK19603">
        <v>17</v>
      </c>
      <c r="AL19603">
        <v>18</v>
      </c>
      <c r="AM19603">
        <v>18</v>
      </c>
      <c r="AN19603">
        <v>18</v>
      </c>
      <c r="AO19603">
        <v>18</v>
      </c>
      <c r="AP19603">
        <v>18</v>
      </c>
      <c r="AQ19603">
        <v>18</v>
      </c>
    </row>
    <row r="19604" spans="1:43">
      <c r="A19604" t="s">
        <v>12140</v>
      </c>
      <c r="B19604" t="s">
        <v>12141</v>
      </c>
      <c r="C19604" t="s">
        <v>12136</v>
      </c>
      <c r="D19604" t="s">
        <v>12137</v>
      </c>
      <c r="E19604" t="s">
        <v>12006</v>
      </c>
      <c r="F19604" t="s">
        <v>12007</v>
      </c>
      <c r="G19604" t="s">
        <v>10450</v>
      </c>
      <c r="H19604" t="s">
        <v>10451</v>
      </c>
      <c r="I19604" s="2">
        <v>1</v>
      </c>
      <c r="J19604" s="2">
        <v>0</v>
      </c>
      <c r="K19604" s="2">
        <v>0</v>
      </c>
      <c r="L19604" t="s">
        <v>120</v>
      </c>
      <c r="M19604" t="s">
        <v>89</v>
      </c>
      <c r="N19604" t="s">
        <v>90</v>
      </c>
      <c r="O19604" t="s">
        <v>85</v>
      </c>
      <c r="P19604" t="s">
        <v>86</v>
      </c>
      <c r="Q19604">
        <v>16</v>
      </c>
      <c r="R19604">
        <v>17</v>
      </c>
      <c r="S19604">
        <v>17</v>
      </c>
      <c r="T19604">
        <v>17</v>
      </c>
      <c r="U19604">
        <v>18</v>
      </c>
      <c r="V19604">
        <v>18</v>
      </c>
      <c r="W19604">
        <v>18</v>
      </c>
      <c r="X19604">
        <v>19</v>
      </c>
      <c r="Y19604">
        <v>19</v>
      </c>
      <c r="Z19604">
        <v>19</v>
      </c>
      <c r="AA19604">
        <v>19</v>
      </c>
      <c r="AB19604">
        <v>20</v>
      </c>
      <c r="AC19604">
        <v>20</v>
      </c>
      <c r="AD19604">
        <v>20</v>
      </c>
      <c r="AE19604">
        <v>21</v>
      </c>
      <c r="AF19604">
        <v>21</v>
      </c>
      <c r="AG19604">
        <v>21</v>
      </c>
      <c r="AH19604">
        <v>21</v>
      </c>
      <c r="AI19604">
        <v>21</v>
      </c>
      <c r="AJ19604">
        <v>21</v>
      </c>
      <c r="AK19604">
        <v>21</v>
      </c>
      <c r="AL19604">
        <v>21</v>
      </c>
      <c r="AM19604">
        <v>21</v>
      </c>
      <c r="AN19604">
        <v>21</v>
      </c>
      <c r="AO19604">
        <v>21</v>
      </c>
      <c r="AP19604">
        <v>21</v>
      </c>
      <c r="AQ19604">
        <v>21</v>
      </c>
    </row>
    <row r="19605" spans="1:43">
      <c r="A19605" t="s">
        <v>12140</v>
      </c>
      <c r="B19605" t="s">
        <v>12141</v>
      </c>
      <c r="C19605" t="s">
        <v>12136</v>
      </c>
      <c r="D19605" t="s">
        <v>12137</v>
      </c>
      <c r="E19605" t="s">
        <v>12006</v>
      </c>
      <c r="F19605" t="s">
        <v>12007</v>
      </c>
      <c r="G19605" t="s">
        <v>10450</v>
      </c>
      <c r="H19605" t="s">
        <v>10451</v>
      </c>
      <c r="I19605" s="2">
        <v>1</v>
      </c>
      <c r="J19605" s="2">
        <v>0</v>
      </c>
      <c r="K19605" s="2">
        <v>0</v>
      </c>
      <c r="L19605" t="s">
        <v>120</v>
      </c>
      <c r="M19605" t="s">
        <v>83</v>
      </c>
      <c r="N19605" t="s">
        <v>91</v>
      </c>
      <c r="O19605" t="s">
        <v>85</v>
      </c>
      <c r="P19605" t="s">
        <v>86</v>
      </c>
      <c r="Q19605">
        <v>16</v>
      </c>
      <c r="R19605">
        <v>16</v>
      </c>
      <c r="S19605">
        <v>17</v>
      </c>
      <c r="T19605">
        <v>17</v>
      </c>
      <c r="U19605">
        <v>17</v>
      </c>
      <c r="V19605">
        <v>17</v>
      </c>
      <c r="W19605">
        <v>17</v>
      </c>
      <c r="X19605">
        <v>18</v>
      </c>
      <c r="Y19605">
        <v>18</v>
      </c>
      <c r="Z19605">
        <v>18</v>
      </c>
      <c r="AA19605">
        <v>18</v>
      </c>
      <c r="AB19605">
        <v>19</v>
      </c>
      <c r="AC19605">
        <v>19</v>
      </c>
      <c r="AD19605">
        <v>19</v>
      </c>
      <c r="AE19605">
        <v>19</v>
      </c>
      <c r="AF19605">
        <v>19</v>
      </c>
      <c r="AG19605">
        <v>20</v>
      </c>
      <c r="AH19605">
        <v>20</v>
      </c>
      <c r="AI19605">
        <v>20</v>
      </c>
      <c r="AJ19605">
        <v>20</v>
      </c>
      <c r="AK19605">
        <v>20</v>
      </c>
      <c r="AL19605">
        <v>20</v>
      </c>
      <c r="AM19605">
        <v>20</v>
      </c>
      <c r="AN19605">
        <v>21</v>
      </c>
      <c r="AO19605">
        <v>21</v>
      </c>
      <c r="AP19605">
        <v>21</v>
      </c>
      <c r="AQ19605">
        <v>21</v>
      </c>
    </row>
    <row r="19606" spans="1:43">
      <c r="A19606" t="s">
        <v>12142</v>
      </c>
      <c r="B19606" t="s">
        <v>12143</v>
      </c>
      <c r="C19606" t="s">
        <v>12144</v>
      </c>
      <c r="D19606" t="s">
        <v>12145</v>
      </c>
      <c r="E19606" t="s">
        <v>12006</v>
      </c>
      <c r="F19606" t="s">
        <v>12007</v>
      </c>
      <c r="G19606" t="s">
        <v>10450</v>
      </c>
      <c r="H19606" t="s">
        <v>10451</v>
      </c>
      <c r="I19606" s="2">
        <v>1</v>
      </c>
      <c r="J19606" s="2">
        <v>0</v>
      </c>
      <c r="K19606" s="2">
        <v>0</v>
      </c>
      <c r="L19606" t="s">
        <v>120</v>
      </c>
      <c r="M19606" t="s">
        <v>83</v>
      </c>
      <c r="N19606" t="s">
        <v>84</v>
      </c>
      <c r="O19606" t="s">
        <v>85</v>
      </c>
      <c r="P19606" t="s">
        <v>86</v>
      </c>
      <c r="Q19606">
        <v>6</v>
      </c>
      <c r="R19606">
        <v>6</v>
      </c>
      <c r="S19606">
        <v>6</v>
      </c>
      <c r="T19606">
        <v>6</v>
      </c>
      <c r="U19606">
        <v>6</v>
      </c>
      <c r="V19606">
        <v>6</v>
      </c>
      <c r="W19606">
        <v>6</v>
      </c>
      <c r="X19606">
        <v>7</v>
      </c>
      <c r="Y19606">
        <v>7</v>
      </c>
      <c r="Z19606">
        <v>7</v>
      </c>
      <c r="AA19606">
        <v>7</v>
      </c>
      <c r="AB19606">
        <v>7</v>
      </c>
      <c r="AC19606">
        <v>7</v>
      </c>
      <c r="AD19606">
        <v>7</v>
      </c>
      <c r="AE19606">
        <v>7</v>
      </c>
      <c r="AF19606">
        <v>7</v>
      </c>
      <c r="AG19606">
        <v>7</v>
      </c>
      <c r="AH19606">
        <v>7</v>
      </c>
      <c r="AI19606">
        <v>7</v>
      </c>
      <c r="AJ19606">
        <v>8</v>
      </c>
      <c r="AK19606">
        <v>8</v>
      </c>
      <c r="AL19606">
        <v>8</v>
      </c>
      <c r="AM19606">
        <v>8</v>
      </c>
      <c r="AN19606">
        <v>8</v>
      </c>
      <c r="AO19606">
        <v>8</v>
      </c>
      <c r="AP19606">
        <v>8</v>
      </c>
      <c r="AQ19606">
        <v>8</v>
      </c>
    </row>
    <row r="19607" spans="1:43">
      <c r="A19607" t="s">
        <v>12142</v>
      </c>
      <c r="B19607" t="s">
        <v>12143</v>
      </c>
      <c r="C19607" t="s">
        <v>12144</v>
      </c>
      <c r="D19607" t="s">
        <v>12145</v>
      </c>
      <c r="E19607" t="s">
        <v>12006</v>
      </c>
      <c r="F19607" t="s">
        <v>12007</v>
      </c>
      <c r="G19607" t="s">
        <v>10450</v>
      </c>
      <c r="H19607" t="s">
        <v>10451</v>
      </c>
      <c r="I19607" s="2">
        <v>1</v>
      </c>
      <c r="J19607" s="2">
        <v>0</v>
      </c>
      <c r="K19607" s="2">
        <v>0</v>
      </c>
      <c r="L19607" t="s">
        <v>120</v>
      </c>
      <c r="M19607" t="s">
        <v>87</v>
      </c>
      <c r="N19607" t="s">
        <v>88</v>
      </c>
      <c r="O19607" t="s">
        <v>85</v>
      </c>
      <c r="P19607" t="s">
        <v>86</v>
      </c>
      <c r="Q19607">
        <v>6</v>
      </c>
      <c r="R19607">
        <v>6</v>
      </c>
      <c r="S19607">
        <v>6</v>
      </c>
      <c r="T19607">
        <v>6</v>
      </c>
      <c r="U19607">
        <v>6</v>
      </c>
      <c r="V19607">
        <v>6</v>
      </c>
      <c r="W19607">
        <v>6</v>
      </c>
      <c r="X19607">
        <v>6</v>
      </c>
      <c r="Y19607">
        <v>6</v>
      </c>
      <c r="Z19607">
        <v>6</v>
      </c>
      <c r="AA19607">
        <v>6</v>
      </c>
      <c r="AB19607">
        <v>6</v>
      </c>
      <c r="AC19607">
        <v>6</v>
      </c>
      <c r="AD19607">
        <v>6</v>
      </c>
      <c r="AE19607">
        <v>6</v>
      </c>
      <c r="AF19607">
        <v>6</v>
      </c>
      <c r="AG19607">
        <v>6</v>
      </c>
      <c r="AH19607">
        <v>6</v>
      </c>
      <c r="AI19607">
        <v>6</v>
      </c>
      <c r="AJ19607">
        <v>6</v>
      </c>
      <c r="AK19607">
        <v>6</v>
      </c>
      <c r="AL19607">
        <v>7</v>
      </c>
      <c r="AM19607">
        <v>7</v>
      </c>
      <c r="AN19607">
        <v>7</v>
      </c>
      <c r="AO19607">
        <v>7</v>
      </c>
      <c r="AP19607">
        <v>7</v>
      </c>
      <c r="AQ19607">
        <v>7</v>
      </c>
    </row>
    <row r="19608" spans="1:43">
      <c r="A19608" t="s">
        <v>12142</v>
      </c>
      <c r="B19608" t="s">
        <v>12143</v>
      </c>
      <c r="C19608" t="s">
        <v>12144</v>
      </c>
      <c r="D19608" t="s">
        <v>12145</v>
      </c>
      <c r="E19608" t="s">
        <v>12006</v>
      </c>
      <c r="F19608" t="s">
        <v>12007</v>
      </c>
      <c r="G19608" t="s">
        <v>10450</v>
      </c>
      <c r="H19608" t="s">
        <v>10451</v>
      </c>
      <c r="I19608" s="2">
        <v>1</v>
      </c>
      <c r="J19608" s="2">
        <v>0</v>
      </c>
      <c r="K19608" s="2">
        <v>0</v>
      </c>
      <c r="L19608" t="s">
        <v>120</v>
      </c>
      <c r="M19608" t="s">
        <v>89</v>
      </c>
      <c r="N19608" t="s">
        <v>90</v>
      </c>
      <c r="O19608" t="s">
        <v>85</v>
      </c>
      <c r="P19608" t="s">
        <v>86</v>
      </c>
      <c r="Q19608">
        <v>6</v>
      </c>
      <c r="R19608">
        <v>6</v>
      </c>
      <c r="S19608">
        <v>6</v>
      </c>
      <c r="T19608">
        <v>6</v>
      </c>
      <c r="U19608">
        <v>7</v>
      </c>
      <c r="V19608">
        <v>7</v>
      </c>
      <c r="W19608">
        <v>7</v>
      </c>
      <c r="X19608">
        <v>7</v>
      </c>
      <c r="Y19608">
        <v>7</v>
      </c>
      <c r="Z19608">
        <v>7</v>
      </c>
      <c r="AA19608">
        <v>7</v>
      </c>
      <c r="AB19608">
        <v>7</v>
      </c>
      <c r="AC19608">
        <v>7</v>
      </c>
      <c r="AD19608">
        <v>8</v>
      </c>
      <c r="AE19608">
        <v>8</v>
      </c>
      <c r="AF19608">
        <v>8</v>
      </c>
      <c r="AG19608">
        <v>8</v>
      </c>
      <c r="AH19608">
        <v>8</v>
      </c>
      <c r="AI19608">
        <v>8</v>
      </c>
      <c r="AJ19608">
        <v>8</v>
      </c>
      <c r="AK19608">
        <v>8</v>
      </c>
      <c r="AL19608">
        <v>8</v>
      </c>
      <c r="AM19608">
        <v>8</v>
      </c>
      <c r="AN19608">
        <v>8</v>
      </c>
      <c r="AO19608">
        <v>8</v>
      </c>
      <c r="AP19608">
        <v>8</v>
      </c>
      <c r="AQ19608">
        <v>8</v>
      </c>
    </row>
    <row r="19609" spans="1:43">
      <c r="A19609" t="s">
        <v>12142</v>
      </c>
      <c r="B19609" t="s">
        <v>12143</v>
      </c>
      <c r="C19609" t="s">
        <v>12144</v>
      </c>
      <c r="D19609" t="s">
        <v>12145</v>
      </c>
      <c r="E19609" t="s">
        <v>12006</v>
      </c>
      <c r="F19609" t="s">
        <v>12007</v>
      </c>
      <c r="G19609" t="s">
        <v>10450</v>
      </c>
      <c r="H19609" t="s">
        <v>10451</v>
      </c>
      <c r="I19609" s="2">
        <v>1</v>
      </c>
      <c r="J19609" s="2">
        <v>0</v>
      </c>
      <c r="K19609" s="2">
        <v>0</v>
      </c>
      <c r="L19609" t="s">
        <v>120</v>
      </c>
      <c r="M19609" t="s">
        <v>83</v>
      </c>
      <c r="N19609" t="s">
        <v>91</v>
      </c>
      <c r="O19609" t="s">
        <v>85</v>
      </c>
      <c r="P19609" t="s">
        <v>86</v>
      </c>
      <c r="Q19609">
        <v>6</v>
      </c>
      <c r="R19609">
        <v>6</v>
      </c>
      <c r="S19609">
        <v>6</v>
      </c>
      <c r="T19609">
        <v>6</v>
      </c>
      <c r="U19609">
        <v>6</v>
      </c>
      <c r="V19609">
        <v>6</v>
      </c>
      <c r="W19609">
        <v>6</v>
      </c>
      <c r="X19609">
        <v>7</v>
      </c>
      <c r="Y19609">
        <v>7</v>
      </c>
      <c r="Z19609">
        <v>7</v>
      </c>
      <c r="AA19609">
        <v>7</v>
      </c>
      <c r="AB19609">
        <v>7</v>
      </c>
      <c r="AC19609">
        <v>7</v>
      </c>
      <c r="AD19609">
        <v>7</v>
      </c>
      <c r="AE19609">
        <v>7</v>
      </c>
      <c r="AF19609">
        <v>7</v>
      </c>
      <c r="AG19609">
        <v>7</v>
      </c>
      <c r="AH19609">
        <v>7</v>
      </c>
      <c r="AI19609">
        <v>7</v>
      </c>
      <c r="AJ19609">
        <v>8</v>
      </c>
      <c r="AK19609">
        <v>8</v>
      </c>
      <c r="AL19609">
        <v>8</v>
      </c>
      <c r="AM19609">
        <v>8</v>
      </c>
      <c r="AN19609">
        <v>8</v>
      </c>
      <c r="AO19609">
        <v>8</v>
      </c>
      <c r="AP19609">
        <v>8</v>
      </c>
      <c r="AQ19609">
        <v>8</v>
      </c>
    </row>
    <row r="19610" spans="1:43">
      <c r="A19610" t="s">
        <v>12146</v>
      </c>
      <c r="B19610" t="s">
        <v>12147</v>
      </c>
      <c r="C19610" t="s">
        <v>12144</v>
      </c>
      <c r="D19610" t="s">
        <v>12145</v>
      </c>
      <c r="E19610" t="s">
        <v>12006</v>
      </c>
      <c r="F19610" t="s">
        <v>12007</v>
      </c>
      <c r="G19610" t="s">
        <v>10450</v>
      </c>
      <c r="H19610" t="s">
        <v>10451</v>
      </c>
      <c r="I19610" s="2">
        <v>1</v>
      </c>
      <c r="J19610" s="2">
        <v>0</v>
      </c>
      <c r="K19610" s="2">
        <v>0</v>
      </c>
      <c r="L19610" t="s">
        <v>120</v>
      </c>
      <c r="M19610" t="s">
        <v>83</v>
      </c>
      <c r="N19610" t="s">
        <v>84</v>
      </c>
      <c r="O19610" t="s">
        <v>85</v>
      </c>
      <c r="P19610" t="s">
        <v>86</v>
      </c>
      <c r="Q19610">
        <v>6</v>
      </c>
      <c r="R19610">
        <v>6</v>
      </c>
      <c r="S19610">
        <v>6</v>
      </c>
      <c r="T19610">
        <v>6</v>
      </c>
      <c r="U19610">
        <v>6</v>
      </c>
      <c r="V19610">
        <v>6</v>
      </c>
      <c r="W19610">
        <v>6</v>
      </c>
      <c r="X19610">
        <v>7</v>
      </c>
      <c r="Y19610">
        <v>7</v>
      </c>
      <c r="Z19610">
        <v>7</v>
      </c>
      <c r="AA19610">
        <v>7</v>
      </c>
      <c r="AB19610">
        <v>7</v>
      </c>
      <c r="AC19610">
        <v>7</v>
      </c>
      <c r="AD19610">
        <v>7</v>
      </c>
      <c r="AE19610">
        <v>7</v>
      </c>
      <c r="AF19610">
        <v>7</v>
      </c>
      <c r="AG19610">
        <v>7</v>
      </c>
      <c r="AH19610">
        <v>7</v>
      </c>
      <c r="AI19610">
        <v>7</v>
      </c>
      <c r="AJ19610">
        <v>7</v>
      </c>
      <c r="AK19610">
        <v>8</v>
      </c>
      <c r="AL19610">
        <v>8</v>
      </c>
      <c r="AM19610">
        <v>8</v>
      </c>
      <c r="AN19610">
        <v>8</v>
      </c>
      <c r="AO19610">
        <v>8</v>
      </c>
      <c r="AP19610">
        <v>8</v>
      </c>
      <c r="AQ19610">
        <v>8</v>
      </c>
    </row>
    <row r="19611" spans="1:43">
      <c r="A19611" t="s">
        <v>12146</v>
      </c>
      <c r="B19611" t="s">
        <v>12147</v>
      </c>
      <c r="C19611" t="s">
        <v>12144</v>
      </c>
      <c r="D19611" t="s">
        <v>12145</v>
      </c>
      <c r="E19611" t="s">
        <v>12006</v>
      </c>
      <c r="F19611" t="s">
        <v>12007</v>
      </c>
      <c r="G19611" t="s">
        <v>10450</v>
      </c>
      <c r="H19611" t="s">
        <v>10451</v>
      </c>
      <c r="I19611" s="2">
        <v>1</v>
      </c>
      <c r="J19611" s="2">
        <v>0</v>
      </c>
      <c r="K19611" s="2">
        <v>0</v>
      </c>
      <c r="L19611" t="s">
        <v>120</v>
      </c>
      <c r="M19611" t="s">
        <v>87</v>
      </c>
      <c r="N19611" t="s">
        <v>88</v>
      </c>
      <c r="O19611" t="s">
        <v>85</v>
      </c>
      <c r="P19611" t="s">
        <v>86</v>
      </c>
      <c r="Q19611">
        <v>6</v>
      </c>
      <c r="R19611">
        <v>6</v>
      </c>
      <c r="S19611">
        <v>6</v>
      </c>
      <c r="T19611">
        <v>6</v>
      </c>
      <c r="U19611">
        <v>6</v>
      </c>
      <c r="V19611">
        <v>6</v>
      </c>
      <c r="W19611">
        <v>6</v>
      </c>
      <c r="X19611">
        <v>6</v>
      </c>
      <c r="Y19611">
        <v>6</v>
      </c>
      <c r="Z19611">
        <v>6</v>
      </c>
      <c r="AA19611">
        <v>6</v>
      </c>
      <c r="AB19611">
        <v>6</v>
      </c>
      <c r="AC19611">
        <v>6</v>
      </c>
      <c r="AD19611">
        <v>6</v>
      </c>
      <c r="AE19611">
        <v>6</v>
      </c>
      <c r="AF19611">
        <v>6</v>
      </c>
      <c r="AG19611">
        <v>6</v>
      </c>
      <c r="AH19611">
        <v>6</v>
      </c>
      <c r="AI19611">
        <v>6</v>
      </c>
      <c r="AJ19611">
        <v>6</v>
      </c>
      <c r="AK19611">
        <v>6</v>
      </c>
      <c r="AL19611">
        <v>7</v>
      </c>
      <c r="AM19611">
        <v>7</v>
      </c>
      <c r="AN19611">
        <v>7</v>
      </c>
      <c r="AO19611">
        <v>7</v>
      </c>
      <c r="AP19611">
        <v>7</v>
      </c>
      <c r="AQ19611">
        <v>7</v>
      </c>
    </row>
    <row r="19612" spans="1:43">
      <c r="A19612" t="s">
        <v>12146</v>
      </c>
      <c r="B19612" t="s">
        <v>12147</v>
      </c>
      <c r="C19612" t="s">
        <v>12144</v>
      </c>
      <c r="D19612" t="s">
        <v>12145</v>
      </c>
      <c r="E19612" t="s">
        <v>12006</v>
      </c>
      <c r="F19612" t="s">
        <v>12007</v>
      </c>
      <c r="G19612" t="s">
        <v>10450</v>
      </c>
      <c r="H19612" t="s">
        <v>10451</v>
      </c>
      <c r="I19612" s="2">
        <v>1</v>
      </c>
      <c r="J19612" s="2">
        <v>0</v>
      </c>
      <c r="K19612" s="2">
        <v>0</v>
      </c>
      <c r="L19612" t="s">
        <v>120</v>
      </c>
      <c r="M19612" t="s">
        <v>89</v>
      </c>
      <c r="N19612" t="s">
        <v>90</v>
      </c>
      <c r="O19612" t="s">
        <v>85</v>
      </c>
      <c r="P19612" t="s">
        <v>86</v>
      </c>
      <c r="Q19612">
        <v>6</v>
      </c>
      <c r="R19612">
        <v>6</v>
      </c>
      <c r="S19612">
        <v>6</v>
      </c>
      <c r="T19612">
        <v>6</v>
      </c>
      <c r="U19612">
        <v>7</v>
      </c>
      <c r="V19612">
        <v>7</v>
      </c>
      <c r="W19612">
        <v>7</v>
      </c>
      <c r="X19612">
        <v>7</v>
      </c>
      <c r="Y19612">
        <v>7</v>
      </c>
      <c r="Z19612">
        <v>7</v>
      </c>
      <c r="AA19612">
        <v>7</v>
      </c>
      <c r="AB19612">
        <v>7</v>
      </c>
      <c r="AC19612">
        <v>7</v>
      </c>
      <c r="AD19612">
        <v>8</v>
      </c>
      <c r="AE19612">
        <v>8</v>
      </c>
      <c r="AF19612">
        <v>8</v>
      </c>
      <c r="AG19612">
        <v>8</v>
      </c>
      <c r="AH19612">
        <v>8</v>
      </c>
      <c r="AI19612">
        <v>8</v>
      </c>
      <c r="AJ19612">
        <v>8</v>
      </c>
      <c r="AK19612">
        <v>8</v>
      </c>
      <c r="AL19612">
        <v>8</v>
      </c>
      <c r="AM19612">
        <v>8</v>
      </c>
      <c r="AN19612">
        <v>8</v>
      </c>
      <c r="AO19612">
        <v>8</v>
      </c>
      <c r="AP19612">
        <v>8</v>
      </c>
      <c r="AQ19612">
        <v>8</v>
      </c>
    </row>
    <row r="19613" spans="1:43">
      <c r="A19613" t="s">
        <v>12146</v>
      </c>
      <c r="B19613" t="s">
        <v>12147</v>
      </c>
      <c r="C19613" t="s">
        <v>12144</v>
      </c>
      <c r="D19613" t="s">
        <v>12145</v>
      </c>
      <c r="E19613" t="s">
        <v>12006</v>
      </c>
      <c r="F19613" t="s">
        <v>12007</v>
      </c>
      <c r="G19613" t="s">
        <v>10450</v>
      </c>
      <c r="H19613" t="s">
        <v>10451</v>
      </c>
      <c r="I19613" s="2">
        <v>1</v>
      </c>
      <c r="J19613" s="2">
        <v>0</v>
      </c>
      <c r="K19613" s="2">
        <v>0</v>
      </c>
      <c r="L19613" t="s">
        <v>120</v>
      </c>
      <c r="M19613" t="s">
        <v>83</v>
      </c>
      <c r="N19613" t="s">
        <v>91</v>
      </c>
      <c r="O19613" t="s">
        <v>85</v>
      </c>
      <c r="P19613" t="s">
        <v>86</v>
      </c>
      <c r="Q19613">
        <v>6</v>
      </c>
      <c r="R19613">
        <v>6</v>
      </c>
      <c r="S19613">
        <v>6</v>
      </c>
      <c r="T19613">
        <v>6</v>
      </c>
      <c r="U19613">
        <v>6</v>
      </c>
      <c r="V19613">
        <v>6</v>
      </c>
      <c r="W19613">
        <v>6</v>
      </c>
      <c r="X19613">
        <v>7</v>
      </c>
      <c r="Y19613">
        <v>7</v>
      </c>
      <c r="Z19613">
        <v>7</v>
      </c>
      <c r="AA19613">
        <v>7</v>
      </c>
      <c r="AB19613">
        <v>7</v>
      </c>
      <c r="AC19613">
        <v>7</v>
      </c>
      <c r="AD19613">
        <v>7</v>
      </c>
      <c r="AE19613">
        <v>7</v>
      </c>
      <c r="AF19613">
        <v>7</v>
      </c>
      <c r="AG19613">
        <v>7</v>
      </c>
      <c r="AH19613">
        <v>7</v>
      </c>
      <c r="AI19613">
        <v>7</v>
      </c>
      <c r="AJ19613">
        <v>7</v>
      </c>
      <c r="AK19613">
        <v>8</v>
      </c>
      <c r="AL19613">
        <v>8</v>
      </c>
      <c r="AM19613">
        <v>8</v>
      </c>
      <c r="AN19613">
        <v>8</v>
      </c>
      <c r="AO19613">
        <v>8</v>
      </c>
      <c r="AP19613">
        <v>8</v>
      </c>
      <c r="AQ19613">
        <v>8</v>
      </c>
    </row>
    <row r="19614" spans="1:43">
      <c r="A19614" t="s">
        <v>12148</v>
      </c>
      <c r="B19614" t="s">
        <v>12149</v>
      </c>
      <c r="C19614" t="s">
        <v>12136</v>
      </c>
      <c r="D19614" t="s">
        <v>12137</v>
      </c>
      <c r="E19614" t="s">
        <v>12006</v>
      </c>
      <c r="F19614" t="s">
        <v>12007</v>
      </c>
      <c r="G19614" t="s">
        <v>10450</v>
      </c>
      <c r="H19614" t="s">
        <v>10451</v>
      </c>
      <c r="I19614" s="2">
        <v>1</v>
      </c>
      <c r="J19614" s="2">
        <v>0</v>
      </c>
      <c r="K19614" s="2">
        <v>0</v>
      </c>
      <c r="L19614" t="s">
        <v>120</v>
      </c>
      <c r="M19614" t="s">
        <v>83</v>
      </c>
      <c r="N19614" t="s">
        <v>84</v>
      </c>
      <c r="O19614" t="s">
        <v>85</v>
      </c>
      <c r="P19614" t="s">
        <v>86</v>
      </c>
      <c r="Q19614">
        <v>93</v>
      </c>
      <c r="R19614">
        <v>94</v>
      </c>
      <c r="S19614">
        <v>95</v>
      </c>
      <c r="T19614">
        <v>96</v>
      </c>
      <c r="U19614">
        <v>98</v>
      </c>
      <c r="V19614">
        <v>99</v>
      </c>
      <c r="W19614">
        <v>100</v>
      </c>
      <c r="X19614">
        <v>102</v>
      </c>
      <c r="Y19614">
        <v>103</v>
      </c>
      <c r="Z19614">
        <v>104</v>
      </c>
      <c r="AA19614">
        <v>105</v>
      </c>
      <c r="AB19614">
        <v>106</v>
      </c>
      <c r="AC19614">
        <v>107</v>
      </c>
      <c r="AD19614">
        <v>109</v>
      </c>
      <c r="AE19614">
        <v>110</v>
      </c>
      <c r="AF19614">
        <v>111</v>
      </c>
      <c r="AG19614">
        <v>112</v>
      </c>
      <c r="AH19614">
        <v>113</v>
      </c>
      <c r="AI19614">
        <v>114</v>
      </c>
      <c r="AJ19614">
        <v>115</v>
      </c>
      <c r="AK19614">
        <v>117</v>
      </c>
      <c r="AL19614">
        <v>117</v>
      </c>
      <c r="AM19614">
        <v>117</v>
      </c>
      <c r="AN19614">
        <v>117</v>
      </c>
      <c r="AO19614">
        <v>117</v>
      </c>
      <c r="AP19614">
        <v>117</v>
      </c>
      <c r="AQ19614">
        <v>117</v>
      </c>
    </row>
    <row r="19615" spans="1:43">
      <c r="A19615" t="s">
        <v>12148</v>
      </c>
      <c r="B19615" t="s">
        <v>12149</v>
      </c>
      <c r="C19615" t="s">
        <v>12136</v>
      </c>
      <c r="D19615" t="s">
        <v>12137</v>
      </c>
      <c r="E19615" t="s">
        <v>12006</v>
      </c>
      <c r="F19615" t="s">
        <v>12007</v>
      </c>
      <c r="G19615" t="s">
        <v>10450</v>
      </c>
      <c r="H19615" t="s">
        <v>10451</v>
      </c>
      <c r="I19615" s="2">
        <v>1</v>
      </c>
      <c r="J19615" s="2">
        <v>0</v>
      </c>
      <c r="K19615" s="2">
        <v>0</v>
      </c>
      <c r="L19615" t="s">
        <v>120</v>
      </c>
      <c r="M19615" t="s">
        <v>87</v>
      </c>
      <c r="N19615" t="s">
        <v>88</v>
      </c>
      <c r="O19615" t="s">
        <v>85</v>
      </c>
      <c r="P19615" t="s">
        <v>86</v>
      </c>
      <c r="Q19615">
        <v>93</v>
      </c>
      <c r="R19615">
        <v>93</v>
      </c>
      <c r="S19615">
        <v>94</v>
      </c>
      <c r="T19615">
        <v>94</v>
      </c>
      <c r="U19615">
        <v>94</v>
      </c>
      <c r="V19615">
        <v>95</v>
      </c>
      <c r="W19615">
        <v>95</v>
      </c>
      <c r="X19615">
        <v>96</v>
      </c>
      <c r="Y19615">
        <v>96</v>
      </c>
      <c r="Z19615">
        <v>96</v>
      </c>
      <c r="AA19615">
        <v>97</v>
      </c>
      <c r="AB19615">
        <v>97</v>
      </c>
      <c r="AC19615">
        <v>98</v>
      </c>
      <c r="AD19615">
        <v>98</v>
      </c>
      <c r="AE19615">
        <v>98</v>
      </c>
      <c r="AF19615">
        <v>99</v>
      </c>
      <c r="AG19615">
        <v>99</v>
      </c>
      <c r="AH19615">
        <v>100</v>
      </c>
      <c r="AI19615">
        <v>100</v>
      </c>
      <c r="AJ19615">
        <v>100</v>
      </c>
      <c r="AK19615">
        <v>101</v>
      </c>
      <c r="AL19615">
        <v>101</v>
      </c>
      <c r="AM19615">
        <v>101</v>
      </c>
      <c r="AN19615">
        <v>102</v>
      </c>
      <c r="AO19615">
        <v>102</v>
      </c>
      <c r="AP19615">
        <v>102</v>
      </c>
      <c r="AQ19615">
        <v>103</v>
      </c>
    </row>
    <row r="19616" spans="1:43">
      <c r="A19616" t="s">
        <v>12148</v>
      </c>
      <c r="B19616" t="s">
        <v>12149</v>
      </c>
      <c r="C19616" t="s">
        <v>12136</v>
      </c>
      <c r="D19616" t="s">
        <v>12137</v>
      </c>
      <c r="E19616" t="s">
        <v>12006</v>
      </c>
      <c r="F19616" t="s">
        <v>12007</v>
      </c>
      <c r="G19616" t="s">
        <v>10450</v>
      </c>
      <c r="H19616" t="s">
        <v>10451</v>
      </c>
      <c r="I19616" s="2">
        <v>1</v>
      </c>
      <c r="J19616" s="2">
        <v>0</v>
      </c>
      <c r="K19616" s="2">
        <v>0</v>
      </c>
      <c r="L19616" t="s">
        <v>120</v>
      </c>
      <c r="M19616" t="s">
        <v>89</v>
      </c>
      <c r="N19616" t="s">
        <v>90</v>
      </c>
      <c r="O19616" t="s">
        <v>85</v>
      </c>
      <c r="P19616" t="s">
        <v>86</v>
      </c>
      <c r="Q19616">
        <v>93</v>
      </c>
      <c r="R19616">
        <v>96</v>
      </c>
      <c r="S19616">
        <v>98</v>
      </c>
      <c r="T19616">
        <v>100</v>
      </c>
      <c r="U19616">
        <v>102</v>
      </c>
      <c r="V19616">
        <v>103</v>
      </c>
      <c r="W19616">
        <v>105</v>
      </c>
      <c r="X19616">
        <v>107</v>
      </c>
      <c r="Y19616">
        <v>109</v>
      </c>
      <c r="Z19616">
        <v>110</v>
      </c>
      <c r="AA19616">
        <v>112</v>
      </c>
      <c r="AB19616">
        <v>113</v>
      </c>
      <c r="AC19616">
        <v>115</v>
      </c>
      <c r="AD19616">
        <v>117</v>
      </c>
      <c r="AE19616">
        <v>118</v>
      </c>
      <c r="AF19616">
        <v>118</v>
      </c>
      <c r="AG19616">
        <v>118</v>
      </c>
      <c r="AH19616">
        <v>118</v>
      </c>
      <c r="AI19616">
        <v>118</v>
      </c>
      <c r="AJ19616">
        <v>118</v>
      </c>
      <c r="AK19616">
        <v>118</v>
      </c>
      <c r="AL19616">
        <v>118</v>
      </c>
      <c r="AM19616">
        <v>118</v>
      </c>
      <c r="AN19616">
        <v>119</v>
      </c>
      <c r="AO19616">
        <v>119</v>
      </c>
      <c r="AP19616">
        <v>119</v>
      </c>
      <c r="AQ19616">
        <v>119</v>
      </c>
    </row>
    <row r="19617" spans="1:43">
      <c r="A19617" t="s">
        <v>12148</v>
      </c>
      <c r="B19617" t="s">
        <v>12149</v>
      </c>
      <c r="C19617" t="s">
        <v>12136</v>
      </c>
      <c r="D19617" t="s">
        <v>12137</v>
      </c>
      <c r="E19617" t="s">
        <v>12006</v>
      </c>
      <c r="F19617" t="s">
        <v>12007</v>
      </c>
      <c r="G19617" t="s">
        <v>10450</v>
      </c>
      <c r="H19617" t="s">
        <v>10451</v>
      </c>
      <c r="I19617" s="2">
        <v>1</v>
      </c>
      <c r="J19617" s="2">
        <v>0</v>
      </c>
      <c r="K19617" s="2">
        <v>0</v>
      </c>
      <c r="L19617" t="s">
        <v>120</v>
      </c>
      <c r="M19617" t="s">
        <v>83</v>
      </c>
      <c r="N19617" t="s">
        <v>91</v>
      </c>
      <c r="O19617" t="s">
        <v>85</v>
      </c>
      <c r="P19617" t="s">
        <v>86</v>
      </c>
      <c r="Q19617">
        <v>93</v>
      </c>
      <c r="R19617">
        <v>94</v>
      </c>
      <c r="S19617">
        <v>95</v>
      </c>
      <c r="T19617">
        <v>96</v>
      </c>
      <c r="U19617">
        <v>98</v>
      </c>
      <c r="V19617">
        <v>99</v>
      </c>
      <c r="W19617">
        <v>100</v>
      </c>
      <c r="X19617">
        <v>102</v>
      </c>
      <c r="Y19617">
        <v>103</v>
      </c>
      <c r="Z19617">
        <v>104</v>
      </c>
      <c r="AA19617">
        <v>105</v>
      </c>
      <c r="AB19617">
        <v>106</v>
      </c>
      <c r="AC19617">
        <v>107</v>
      </c>
      <c r="AD19617">
        <v>109</v>
      </c>
      <c r="AE19617">
        <v>110</v>
      </c>
      <c r="AF19617">
        <v>111</v>
      </c>
      <c r="AG19617">
        <v>112</v>
      </c>
      <c r="AH19617">
        <v>113</v>
      </c>
      <c r="AI19617">
        <v>114</v>
      </c>
      <c r="AJ19617">
        <v>115</v>
      </c>
      <c r="AK19617">
        <v>117</v>
      </c>
      <c r="AL19617">
        <v>117</v>
      </c>
      <c r="AM19617">
        <v>117</v>
      </c>
      <c r="AN19617">
        <v>117</v>
      </c>
      <c r="AO19617">
        <v>117</v>
      </c>
      <c r="AP19617">
        <v>117</v>
      </c>
      <c r="AQ19617">
        <v>117</v>
      </c>
    </row>
    <row r="19618" spans="1:43">
      <c r="A19618" t="s">
        <v>12150</v>
      </c>
      <c r="B19618" t="s">
        <v>12151</v>
      </c>
      <c r="C19618" t="s">
        <v>12144</v>
      </c>
      <c r="D19618" t="s">
        <v>12145</v>
      </c>
      <c r="E19618" t="s">
        <v>12006</v>
      </c>
      <c r="F19618" t="s">
        <v>12007</v>
      </c>
      <c r="G19618" t="s">
        <v>10450</v>
      </c>
      <c r="H19618" t="s">
        <v>10451</v>
      </c>
      <c r="I19618" s="2">
        <v>1</v>
      </c>
      <c r="J19618" s="2">
        <v>0</v>
      </c>
      <c r="K19618" s="2">
        <v>0</v>
      </c>
      <c r="L19618" t="s">
        <v>120</v>
      </c>
      <c r="M19618" t="s">
        <v>83</v>
      </c>
      <c r="N19618" t="s">
        <v>84</v>
      </c>
      <c r="O19618" t="s">
        <v>85</v>
      </c>
      <c r="P19618" t="s">
        <v>86</v>
      </c>
      <c r="Q19618">
        <v>15</v>
      </c>
      <c r="R19618">
        <v>15</v>
      </c>
      <c r="S19618">
        <v>15</v>
      </c>
      <c r="T19618">
        <v>16</v>
      </c>
      <c r="U19618">
        <v>16</v>
      </c>
      <c r="V19618">
        <v>16</v>
      </c>
      <c r="W19618">
        <v>16</v>
      </c>
      <c r="X19618">
        <v>17</v>
      </c>
      <c r="Y19618">
        <v>17</v>
      </c>
      <c r="Z19618">
        <v>17</v>
      </c>
      <c r="AA19618">
        <v>17</v>
      </c>
      <c r="AB19618">
        <v>17</v>
      </c>
      <c r="AC19618">
        <v>18</v>
      </c>
      <c r="AD19618">
        <v>18</v>
      </c>
      <c r="AE19618">
        <v>18</v>
      </c>
      <c r="AF19618">
        <v>18</v>
      </c>
      <c r="AG19618">
        <v>18</v>
      </c>
      <c r="AH19618">
        <v>18</v>
      </c>
      <c r="AI19618">
        <v>19</v>
      </c>
      <c r="AJ19618">
        <v>19</v>
      </c>
      <c r="AK19618">
        <v>19</v>
      </c>
      <c r="AL19618">
        <v>19</v>
      </c>
      <c r="AM19618">
        <v>19</v>
      </c>
      <c r="AN19618">
        <v>19</v>
      </c>
      <c r="AO19618">
        <v>19</v>
      </c>
      <c r="AP19618">
        <v>19</v>
      </c>
      <c r="AQ19618">
        <v>19</v>
      </c>
    </row>
    <row r="19619" spans="1:43">
      <c r="A19619" t="s">
        <v>12150</v>
      </c>
      <c r="B19619" t="s">
        <v>12151</v>
      </c>
      <c r="C19619" t="s">
        <v>12144</v>
      </c>
      <c r="D19619" t="s">
        <v>12145</v>
      </c>
      <c r="E19619" t="s">
        <v>12006</v>
      </c>
      <c r="F19619" t="s">
        <v>12007</v>
      </c>
      <c r="G19619" t="s">
        <v>10450</v>
      </c>
      <c r="H19619" t="s">
        <v>10451</v>
      </c>
      <c r="I19619" s="2">
        <v>1</v>
      </c>
      <c r="J19619" s="2">
        <v>0</v>
      </c>
      <c r="K19619" s="2">
        <v>0</v>
      </c>
      <c r="L19619" t="s">
        <v>120</v>
      </c>
      <c r="M19619" t="s">
        <v>87</v>
      </c>
      <c r="N19619" t="s">
        <v>88</v>
      </c>
      <c r="O19619" t="s">
        <v>85</v>
      </c>
      <c r="P19619" t="s">
        <v>86</v>
      </c>
      <c r="Q19619">
        <v>15</v>
      </c>
      <c r="R19619">
        <v>15</v>
      </c>
      <c r="S19619">
        <v>15</v>
      </c>
      <c r="T19619">
        <v>15</v>
      </c>
      <c r="U19619">
        <v>15</v>
      </c>
      <c r="V19619">
        <v>15</v>
      </c>
      <c r="W19619">
        <v>15</v>
      </c>
      <c r="X19619">
        <v>15</v>
      </c>
      <c r="Y19619">
        <v>15</v>
      </c>
      <c r="Z19619">
        <v>16</v>
      </c>
      <c r="AA19619">
        <v>16</v>
      </c>
      <c r="AB19619">
        <v>16</v>
      </c>
      <c r="AC19619">
        <v>16</v>
      </c>
      <c r="AD19619">
        <v>16</v>
      </c>
      <c r="AE19619">
        <v>16</v>
      </c>
      <c r="AF19619">
        <v>16</v>
      </c>
      <c r="AG19619">
        <v>16</v>
      </c>
      <c r="AH19619">
        <v>16</v>
      </c>
      <c r="AI19619">
        <v>16</v>
      </c>
      <c r="AJ19619">
        <v>16</v>
      </c>
      <c r="AK19619">
        <v>16</v>
      </c>
      <c r="AL19619">
        <v>16</v>
      </c>
      <c r="AM19619">
        <v>16</v>
      </c>
      <c r="AN19619">
        <v>17</v>
      </c>
      <c r="AO19619">
        <v>17</v>
      </c>
      <c r="AP19619">
        <v>17</v>
      </c>
      <c r="AQ19619">
        <v>17</v>
      </c>
    </row>
    <row r="19620" spans="1:43">
      <c r="A19620" t="s">
        <v>12150</v>
      </c>
      <c r="B19620" t="s">
        <v>12151</v>
      </c>
      <c r="C19620" t="s">
        <v>12144</v>
      </c>
      <c r="D19620" t="s">
        <v>12145</v>
      </c>
      <c r="E19620" t="s">
        <v>12006</v>
      </c>
      <c r="F19620" t="s">
        <v>12007</v>
      </c>
      <c r="G19620" t="s">
        <v>10450</v>
      </c>
      <c r="H19620" t="s">
        <v>10451</v>
      </c>
      <c r="I19620" s="2">
        <v>1</v>
      </c>
      <c r="J19620" s="2">
        <v>0</v>
      </c>
      <c r="K19620" s="2">
        <v>0</v>
      </c>
      <c r="L19620" t="s">
        <v>120</v>
      </c>
      <c r="M19620" t="s">
        <v>89</v>
      </c>
      <c r="N19620" t="s">
        <v>90</v>
      </c>
      <c r="O19620" t="s">
        <v>85</v>
      </c>
      <c r="P19620" t="s">
        <v>86</v>
      </c>
      <c r="Q19620">
        <v>15</v>
      </c>
      <c r="R19620">
        <v>16</v>
      </c>
      <c r="S19620">
        <v>16</v>
      </c>
      <c r="T19620">
        <v>16</v>
      </c>
      <c r="U19620">
        <v>17</v>
      </c>
      <c r="V19620">
        <v>17</v>
      </c>
      <c r="W19620">
        <v>17</v>
      </c>
      <c r="X19620">
        <v>17</v>
      </c>
      <c r="Y19620">
        <v>18</v>
      </c>
      <c r="Z19620">
        <v>18</v>
      </c>
      <c r="AA19620">
        <v>18</v>
      </c>
      <c r="AB19620">
        <v>18</v>
      </c>
      <c r="AC19620">
        <v>19</v>
      </c>
      <c r="AD19620">
        <v>19</v>
      </c>
      <c r="AE19620">
        <v>19</v>
      </c>
      <c r="AF19620">
        <v>19</v>
      </c>
      <c r="AG19620">
        <v>19</v>
      </c>
      <c r="AH19620">
        <v>19</v>
      </c>
      <c r="AI19620">
        <v>19</v>
      </c>
      <c r="AJ19620">
        <v>19</v>
      </c>
      <c r="AK19620">
        <v>19</v>
      </c>
      <c r="AL19620">
        <v>19</v>
      </c>
      <c r="AM19620">
        <v>19</v>
      </c>
      <c r="AN19620">
        <v>19</v>
      </c>
      <c r="AO19620">
        <v>19</v>
      </c>
      <c r="AP19620">
        <v>19</v>
      </c>
      <c r="AQ19620">
        <v>19</v>
      </c>
    </row>
    <row r="19621" spans="1:43">
      <c r="A19621" t="s">
        <v>12150</v>
      </c>
      <c r="B19621" t="s">
        <v>12151</v>
      </c>
      <c r="C19621" t="s">
        <v>12144</v>
      </c>
      <c r="D19621" t="s">
        <v>12145</v>
      </c>
      <c r="E19621" t="s">
        <v>12006</v>
      </c>
      <c r="F19621" t="s">
        <v>12007</v>
      </c>
      <c r="G19621" t="s">
        <v>10450</v>
      </c>
      <c r="H19621" t="s">
        <v>10451</v>
      </c>
      <c r="I19621" s="2">
        <v>1</v>
      </c>
      <c r="J19621" s="2">
        <v>0</v>
      </c>
      <c r="K19621" s="2">
        <v>0</v>
      </c>
      <c r="L19621" t="s">
        <v>120</v>
      </c>
      <c r="M19621" t="s">
        <v>83</v>
      </c>
      <c r="N19621" t="s">
        <v>91</v>
      </c>
      <c r="O19621" t="s">
        <v>85</v>
      </c>
      <c r="P19621" t="s">
        <v>86</v>
      </c>
      <c r="Q19621">
        <v>15</v>
      </c>
      <c r="R19621">
        <v>15</v>
      </c>
      <c r="S19621">
        <v>15</v>
      </c>
      <c r="T19621">
        <v>16</v>
      </c>
      <c r="U19621">
        <v>16</v>
      </c>
      <c r="V19621">
        <v>16</v>
      </c>
      <c r="W19621">
        <v>16</v>
      </c>
      <c r="X19621">
        <v>17</v>
      </c>
      <c r="Y19621">
        <v>17</v>
      </c>
      <c r="Z19621">
        <v>17</v>
      </c>
      <c r="AA19621">
        <v>17</v>
      </c>
      <c r="AB19621">
        <v>17</v>
      </c>
      <c r="AC19621">
        <v>18</v>
      </c>
      <c r="AD19621">
        <v>18</v>
      </c>
      <c r="AE19621">
        <v>18</v>
      </c>
      <c r="AF19621">
        <v>18</v>
      </c>
      <c r="AG19621">
        <v>18</v>
      </c>
      <c r="AH19621">
        <v>18</v>
      </c>
      <c r="AI19621">
        <v>19</v>
      </c>
      <c r="AJ19621">
        <v>19</v>
      </c>
      <c r="AK19621">
        <v>19</v>
      </c>
      <c r="AL19621">
        <v>19</v>
      </c>
      <c r="AM19621">
        <v>19</v>
      </c>
      <c r="AN19621">
        <v>19</v>
      </c>
      <c r="AO19621">
        <v>19</v>
      </c>
      <c r="AP19621">
        <v>19</v>
      </c>
      <c r="AQ19621">
        <v>19</v>
      </c>
    </row>
    <row r="19622" spans="1:43">
      <c r="A19622" t="s">
        <v>12152</v>
      </c>
      <c r="B19622" t="s">
        <v>12153</v>
      </c>
      <c r="C19622" t="s">
        <v>12154</v>
      </c>
      <c r="D19622" t="s">
        <v>12155</v>
      </c>
      <c r="E19622" t="s">
        <v>12006</v>
      </c>
      <c r="F19622" t="s">
        <v>12007</v>
      </c>
      <c r="G19622" t="s">
        <v>10450</v>
      </c>
      <c r="H19622" t="s">
        <v>10451</v>
      </c>
      <c r="I19622" s="2">
        <v>1</v>
      </c>
      <c r="J19622" s="2">
        <v>0</v>
      </c>
      <c r="K19622" s="2">
        <v>0</v>
      </c>
      <c r="L19622" t="s">
        <v>120</v>
      </c>
      <c r="M19622" t="s">
        <v>83</v>
      </c>
      <c r="N19622" t="s">
        <v>84</v>
      </c>
      <c r="O19622" t="s">
        <v>85</v>
      </c>
      <c r="P19622" t="s">
        <v>86</v>
      </c>
      <c r="Q19622">
        <v>81</v>
      </c>
      <c r="R19622">
        <v>82</v>
      </c>
      <c r="S19622">
        <v>83</v>
      </c>
      <c r="T19622">
        <v>84</v>
      </c>
      <c r="U19622">
        <v>86</v>
      </c>
      <c r="V19622">
        <v>87</v>
      </c>
      <c r="W19622">
        <v>88</v>
      </c>
      <c r="X19622">
        <v>89</v>
      </c>
      <c r="Y19622">
        <v>90</v>
      </c>
      <c r="Z19622">
        <v>91</v>
      </c>
      <c r="AA19622">
        <v>92</v>
      </c>
      <c r="AB19622">
        <v>93</v>
      </c>
      <c r="AC19622">
        <v>94</v>
      </c>
      <c r="AD19622">
        <v>95</v>
      </c>
      <c r="AE19622">
        <v>96</v>
      </c>
      <c r="AF19622">
        <v>98</v>
      </c>
      <c r="AG19622">
        <v>99</v>
      </c>
      <c r="AH19622">
        <v>100</v>
      </c>
      <c r="AI19622">
        <v>101</v>
      </c>
      <c r="AJ19622">
        <v>102</v>
      </c>
      <c r="AK19622">
        <v>103</v>
      </c>
      <c r="AL19622">
        <v>103</v>
      </c>
      <c r="AM19622">
        <v>103</v>
      </c>
      <c r="AN19622">
        <v>103</v>
      </c>
      <c r="AO19622">
        <v>103</v>
      </c>
      <c r="AP19622">
        <v>103</v>
      </c>
      <c r="AQ19622">
        <v>103</v>
      </c>
    </row>
    <row r="19623" spans="1:43">
      <c r="A19623" t="s">
        <v>12152</v>
      </c>
      <c r="B19623" t="s">
        <v>12153</v>
      </c>
      <c r="C19623" t="s">
        <v>12154</v>
      </c>
      <c r="D19623" t="s">
        <v>12155</v>
      </c>
      <c r="E19623" t="s">
        <v>12006</v>
      </c>
      <c r="F19623" t="s">
        <v>12007</v>
      </c>
      <c r="G19623" t="s">
        <v>10450</v>
      </c>
      <c r="H19623" t="s">
        <v>10451</v>
      </c>
      <c r="I19623" s="2">
        <v>1</v>
      </c>
      <c r="J19623" s="2">
        <v>0</v>
      </c>
      <c r="K19623" s="2">
        <v>0</v>
      </c>
      <c r="L19623" t="s">
        <v>120</v>
      </c>
      <c r="M19623" t="s">
        <v>87</v>
      </c>
      <c r="N19623" t="s">
        <v>88</v>
      </c>
      <c r="O19623" t="s">
        <v>85</v>
      </c>
      <c r="P19623" t="s">
        <v>86</v>
      </c>
      <c r="Q19623">
        <v>81</v>
      </c>
      <c r="R19623">
        <v>82</v>
      </c>
      <c r="S19623">
        <v>82</v>
      </c>
      <c r="T19623">
        <v>82</v>
      </c>
      <c r="U19623">
        <v>83</v>
      </c>
      <c r="V19623">
        <v>83</v>
      </c>
      <c r="W19623">
        <v>84</v>
      </c>
      <c r="X19623">
        <v>84</v>
      </c>
      <c r="Y19623">
        <v>84</v>
      </c>
      <c r="Z19623">
        <v>85</v>
      </c>
      <c r="AA19623">
        <v>85</v>
      </c>
      <c r="AB19623">
        <v>86</v>
      </c>
      <c r="AC19623">
        <v>86</v>
      </c>
      <c r="AD19623">
        <v>86</v>
      </c>
      <c r="AE19623">
        <v>87</v>
      </c>
      <c r="AF19623">
        <v>87</v>
      </c>
      <c r="AG19623">
        <v>87</v>
      </c>
      <c r="AH19623">
        <v>88</v>
      </c>
      <c r="AI19623">
        <v>88</v>
      </c>
      <c r="AJ19623">
        <v>88</v>
      </c>
      <c r="AK19623">
        <v>89</v>
      </c>
      <c r="AL19623">
        <v>89</v>
      </c>
      <c r="AM19623">
        <v>89</v>
      </c>
      <c r="AN19623">
        <v>90</v>
      </c>
      <c r="AO19623">
        <v>90</v>
      </c>
      <c r="AP19623">
        <v>90</v>
      </c>
      <c r="AQ19623">
        <v>91</v>
      </c>
    </row>
    <row r="19624" spans="1:43">
      <c r="A19624" t="s">
        <v>12152</v>
      </c>
      <c r="B19624" t="s">
        <v>12153</v>
      </c>
      <c r="C19624" t="s">
        <v>12154</v>
      </c>
      <c r="D19624" t="s">
        <v>12155</v>
      </c>
      <c r="E19624" t="s">
        <v>12006</v>
      </c>
      <c r="F19624" t="s">
        <v>12007</v>
      </c>
      <c r="G19624" t="s">
        <v>10450</v>
      </c>
      <c r="H19624" t="s">
        <v>10451</v>
      </c>
      <c r="I19624" s="2">
        <v>1</v>
      </c>
      <c r="J19624" s="2">
        <v>0</v>
      </c>
      <c r="K19624" s="2">
        <v>0</v>
      </c>
      <c r="L19624" t="s">
        <v>120</v>
      </c>
      <c r="M19624" t="s">
        <v>89</v>
      </c>
      <c r="N19624" t="s">
        <v>90</v>
      </c>
      <c r="O19624" t="s">
        <v>85</v>
      </c>
      <c r="P19624" t="s">
        <v>86</v>
      </c>
      <c r="Q19624">
        <v>81</v>
      </c>
      <c r="R19624">
        <v>83</v>
      </c>
      <c r="S19624">
        <v>84</v>
      </c>
      <c r="T19624">
        <v>86</v>
      </c>
      <c r="U19624">
        <v>88</v>
      </c>
      <c r="V19624">
        <v>90</v>
      </c>
      <c r="W19624">
        <v>91</v>
      </c>
      <c r="X19624">
        <v>93</v>
      </c>
      <c r="Y19624">
        <v>94</v>
      </c>
      <c r="Z19624">
        <v>96</v>
      </c>
      <c r="AA19624">
        <v>97</v>
      </c>
      <c r="AB19624">
        <v>99</v>
      </c>
      <c r="AC19624">
        <v>100</v>
      </c>
      <c r="AD19624">
        <v>101</v>
      </c>
      <c r="AE19624">
        <v>102</v>
      </c>
      <c r="AF19624">
        <v>102</v>
      </c>
      <c r="AG19624">
        <v>103</v>
      </c>
      <c r="AH19624">
        <v>103</v>
      </c>
      <c r="AI19624">
        <v>103</v>
      </c>
      <c r="AJ19624">
        <v>103</v>
      </c>
      <c r="AK19624">
        <v>103</v>
      </c>
      <c r="AL19624">
        <v>103</v>
      </c>
      <c r="AM19624">
        <v>103</v>
      </c>
      <c r="AN19624">
        <v>103</v>
      </c>
      <c r="AO19624">
        <v>103</v>
      </c>
      <c r="AP19624">
        <v>103</v>
      </c>
      <c r="AQ19624">
        <v>103</v>
      </c>
    </row>
    <row r="19625" spans="1:43">
      <c r="A19625" t="s">
        <v>12152</v>
      </c>
      <c r="B19625" t="s">
        <v>12153</v>
      </c>
      <c r="C19625" t="s">
        <v>12154</v>
      </c>
      <c r="D19625" t="s">
        <v>12155</v>
      </c>
      <c r="E19625" t="s">
        <v>12006</v>
      </c>
      <c r="F19625" t="s">
        <v>12007</v>
      </c>
      <c r="G19625" t="s">
        <v>10450</v>
      </c>
      <c r="H19625" t="s">
        <v>10451</v>
      </c>
      <c r="I19625" s="2">
        <v>1</v>
      </c>
      <c r="J19625" s="2">
        <v>0</v>
      </c>
      <c r="K19625" s="2">
        <v>0</v>
      </c>
      <c r="L19625" t="s">
        <v>120</v>
      </c>
      <c r="M19625" t="s">
        <v>83</v>
      </c>
      <c r="N19625" t="s">
        <v>91</v>
      </c>
      <c r="O19625" t="s">
        <v>85</v>
      </c>
      <c r="P19625" t="s">
        <v>86</v>
      </c>
      <c r="Q19625">
        <v>81</v>
      </c>
      <c r="R19625">
        <v>82</v>
      </c>
      <c r="S19625">
        <v>83</v>
      </c>
      <c r="T19625">
        <v>84</v>
      </c>
      <c r="U19625">
        <v>86</v>
      </c>
      <c r="V19625">
        <v>87</v>
      </c>
      <c r="W19625">
        <v>88</v>
      </c>
      <c r="X19625">
        <v>89</v>
      </c>
      <c r="Y19625">
        <v>90</v>
      </c>
      <c r="Z19625">
        <v>91</v>
      </c>
      <c r="AA19625">
        <v>92</v>
      </c>
      <c r="AB19625">
        <v>93</v>
      </c>
      <c r="AC19625">
        <v>94</v>
      </c>
      <c r="AD19625">
        <v>95</v>
      </c>
      <c r="AE19625">
        <v>96</v>
      </c>
      <c r="AF19625">
        <v>98</v>
      </c>
      <c r="AG19625">
        <v>99</v>
      </c>
      <c r="AH19625">
        <v>100</v>
      </c>
      <c r="AI19625">
        <v>101</v>
      </c>
      <c r="AJ19625">
        <v>102</v>
      </c>
      <c r="AK19625">
        <v>103</v>
      </c>
      <c r="AL19625">
        <v>103</v>
      </c>
      <c r="AM19625">
        <v>103</v>
      </c>
      <c r="AN19625">
        <v>103</v>
      </c>
      <c r="AO19625">
        <v>103</v>
      </c>
      <c r="AP19625">
        <v>103</v>
      </c>
      <c r="AQ19625">
        <v>103</v>
      </c>
    </row>
    <row r="19626" spans="1:43">
      <c r="A19626" t="s">
        <v>12156</v>
      </c>
      <c r="B19626" t="s">
        <v>12157</v>
      </c>
      <c r="C19626" t="s">
        <v>12154</v>
      </c>
      <c r="D19626" t="s">
        <v>12155</v>
      </c>
      <c r="E19626" t="s">
        <v>12006</v>
      </c>
      <c r="F19626" t="s">
        <v>12007</v>
      </c>
      <c r="G19626" t="s">
        <v>10450</v>
      </c>
      <c r="H19626" t="s">
        <v>10451</v>
      </c>
      <c r="I19626" s="2">
        <v>1</v>
      </c>
      <c r="J19626" s="2">
        <v>0</v>
      </c>
      <c r="K19626" s="2">
        <v>0</v>
      </c>
      <c r="L19626" t="s">
        <v>120</v>
      </c>
      <c r="M19626" t="s">
        <v>83</v>
      </c>
      <c r="N19626" t="s">
        <v>84</v>
      </c>
      <c r="O19626" t="s">
        <v>85</v>
      </c>
      <c r="P19626" t="s">
        <v>86</v>
      </c>
      <c r="Q19626">
        <v>6</v>
      </c>
      <c r="R19626">
        <v>6</v>
      </c>
      <c r="S19626">
        <v>6</v>
      </c>
      <c r="T19626">
        <v>7</v>
      </c>
      <c r="U19626">
        <v>7</v>
      </c>
      <c r="V19626">
        <v>7</v>
      </c>
      <c r="W19626">
        <v>7</v>
      </c>
      <c r="X19626">
        <v>7</v>
      </c>
      <c r="Y19626">
        <v>7</v>
      </c>
      <c r="Z19626">
        <v>7</v>
      </c>
      <c r="AA19626">
        <v>7</v>
      </c>
      <c r="AB19626">
        <v>7</v>
      </c>
      <c r="AC19626">
        <v>7</v>
      </c>
      <c r="AD19626">
        <v>7</v>
      </c>
      <c r="AE19626">
        <v>7</v>
      </c>
      <c r="AF19626">
        <v>8</v>
      </c>
      <c r="AG19626">
        <v>8</v>
      </c>
      <c r="AH19626">
        <v>8</v>
      </c>
      <c r="AI19626">
        <v>8</v>
      </c>
      <c r="AJ19626">
        <v>8</v>
      </c>
      <c r="AK19626">
        <v>8</v>
      </c>
      <c r="AL19626">
        <v>8</v>
      </c>
      <c r="AM19626">
        <v>8</v>
      </c>
      <c r="AN19626">
        <v>8</v>
      </c>
      <c r="AO19626">
        <v>8</v>
      </c>
      <c r="AP19626">
        <v>8</v>
      </c>
      <c r="AQ19626">
        <v>8</v>
      </c>
    </row>
    <row r="19627" spans="1:43">
      <c r="A19627" t="s">
        <v>12156</v>
      </c>
      <c r="B19627" t="s">
        <v>12157</v>
      </c>
      <c r="C19627" t="s">
        <v>12154</v>
      </c>
      <c r="D19627" t="s">
        <v>12155</v>
      </c>
      <c r="E19627" t="s">
        <v>12006</v>
      </c>
      <c r="F19627" t="s">
        <v>12007</v>
      </c>
      <c r="G19627" t="s">
        <v>10450</v>
      </c>
      <c r="H19627" t="s">
        <v>10451</v>
      </c>
      <c r="I19627" s="2">
        <v>1</v>
      </c>
      <c r="J19627" s="2">
        <v>0</v>
      </c>
      <c r="K19627" s="2">
        <v>0</v>
      </c>
      <c r="L19627" t="s">
        <v>120</v>
      </c>
      <c r="M19627" t="s">
        <v>87</v>
      </c>
      <c r="N19627" t="s">
        <v>88</v>
      </c>
      <c r="O19627" t="s">
        <v>85</v>
      </c>
      <c r="P19627" t="s">
        <v>86</v>
      </c>
      <c r="Q19627">
        <v>6</v>
      </c>
      <c r="R19627">
        <v>6</v>
      </c>
      <c r="S19627">
        <v>6</v>
      </c>
      <c r="T19627">
        <v>6</v>
      </c>
      <c r="U19627">
        <v>6</v>
      </c>
      <c r="V19627">
        <v>6</v>
      </c>
      <c r="W19627">
        <v>6</v>
      </c>
      <c r="X19627">
        <v>6</v>
      </c>
      <c r="Y19627">
        <v>6</v>
      </c>
      <c r="Z19627">
        <v>6</v>
      </c>
      <c r="AA19627">
        <v>7</v>
      </c>
      <c r="AB19627">
        <v>7</v>
      </c>
      <c r="AC19627">
        <v>7</v>
      </c>
      <c r="AD19627">
        <v>7</v>
      </c>
      <c r="AE19627">
        <v>7</v>
      </c>
      <c r="AF19627">
        <v>7</v>
      </c>
      <c r="AG19627">
        <v>7</v>
      </c>
      <c r="AH19627">
        <v>7</v>
      </c>
      <c r="AI19627">
        <v>7</v>
      </c>
      <c r="AJ19627">
        <v>7</v>
      </c>
      <c r="AK19627">
        <v>7</v>
      </c>
      <c r="AL19627">
        <v>7</v>
      </c>
      <c r="AM19627">
        <v>7</v>
      </c>
      <c r="AN19627">
        <v>7</v>
      </c>
      <c r="AO19627">
        <v>7</v>
      </c>
      <c r="AP19627">
        <v>7</v>
      </c>
      <c r="AQ19627">
        <v>7</v>
      </c>
    </row>
    <row r="19628" spans="1:43">
      <c r="A19628" t="s">
        <v>12156</v>
      </c>
      <c r="B19628" t="s">
        <v>12157</v>
      </c>
      <c r="C19628" t="s">
        <v>12154</v>
      </c>
      <c r="D19628" t="s">
        <v>12155</v>
      </c>
      <c r="E19628" t="s">
        <v>12006</v>
      </c>
      <c r="F19628" t="s">
        <v>12007</v>
      </c>
      <c r="G19628" t="s">
        <v>10450</v>
      </c>
      <c r="H19628" t="s">
        <v>10451</v>
      </c>
      <c r="I19628" s="2">
        <v>1</v>
      </c>
      <c r="J19628" s="2">
        <v>0</v>
      </c>
      <c r="K19628" s="2">
        <v>0</v>
      </c>
      <c r="L19628" t="s">
        <v>120</v>
      </c>
      <c r="M19628" t="s">
        <v>89</v>
      </c>
      <c r="N19628" t="s">
        <v>90</v>
      </c>
      <c r="O19628" t="s">
        <v>85</v>
      </c>
      <c r="P19628" t="s">
        <v>86</v>
      </c>
      <c r="Q19628">
        <v>6</v>
      </c>
      <c r="R19628">
        <v>6</v>
      </c>
      <c r="S19628">
        <v>7</v>
      </c>
      <c r="T19628">
        <v>7</v>
      </c>
      <c r="U19628">
        <v>7</v>
      </c>
      <c r="V19628">
        <v>7</v>
      </c>
      <c r="W19628">
        <v>7</v>
      </c>
      <c r="X19628">
        <v>7</v>
      </c>
      <c r="Y19628">
        <v>7</v>
      </c>
      <c r="Z19628">
        <v>7</v>
      </c>
      <c r="AA19628">
        <v>8</v>
      </c>
      <c r="AB19628">
        <v>8</v>
      </c>
      <c r="AC19628">
        <v>8</v>
      </c>
      <c r="AD19628">
        <v>8</v>
      </c>
      <c r="AE19628">
        <v>8</v>
      </c>
      <c r="AF19628">
        <v>8</v>
      </c>
      <c r="AG19628">
        <v>8</v>
      </c>
      <c r="AH19628">
        <v>8</v>
      </c>
      <c r="AI19628">
        <v>8</v>
      </c>
      <c r="AJ19628">
        <v>8</v>
      </c>
      <c r="AK19628">
        <v>8</v>
      </c>
      <c r="AL19628">
        <v>8</v>
      </c>
      <c r="AM19628">
        <v>8</v>
      </c>
      <c r="AN19628">
        <v>8</v>
      </c>
      <c r="AO19628">
        <v>8</v>
      </c>
      <c r="AP19628">
        <v>8</v>
      </c>
      <c r="AQ19628">
        <v>8</v>
      </c>
    </row>
    <row r="19629" spans="1:43">
      <c r="A19629" t="s">
        <v>12156</v>
      </c>
      <c r="B19629" t="s">
        <v>12157</v>
      </c>
      <c r="C19629" t="s">
        <v>12154</v>
      </c>
      <c r="D19629" t="s">
        <v>12155</v>
      </c>
      <c r="E19629" t="s">
        <v>12006</v>
      </c>
      <c r="F19629" t="s">
        <v>12007</v>
      </c>
      <c r="G19629" t="s">
        <v>10450</v>
      </c>
      <c r="H19629" t="s">
        <v>10451</v>
      </c>
      <c r="I19629" s="2">
        <v>1</v>
      </c>
      <c r="J19629" s="2">
        <v>0</v>
      </c>
      <c r="K19629" s="2">
        <v>0</v>
      </c>
      <c r="L19629" t="s">
        <v>120</v>
      </c>
      <c r="M19629" t="s">
        <v>83</v>
      </c>
      <c r="N19629" t="s">
        <v>91</v>
      </c>
      <c r="O19629" t="s">
        <v>85</v>
      </c>
      <c r="P19629" t="s">
        <v>86</v>
      </c>
      <c r="Q19629">
        <v>6</v>
      </c>
      <c r="R19629">
        <v>6</v>
      </c>
      <c r="S19629">
        <v>6</v>
      </c>
      <c r="T19629">
        <v>7</v>
      </c>
      <c r="U19629">
        <v>7</v>
      </c>
      <c r="V19629">
        <v>7</v>
      </c>
      <c r="W19629">
        <v>7</v>
      </c>
      <c r="X19629">
        <v>7</v>
      </c>
      <c r="Y19629">
        <v>7</v>
      </c>
      <c r="Z19629">
        <v>7</v>
      </c>
      <c r="AA19629">
        <v>7</v>
      </c>
      <c r="AB19629">
        <v>7</v>
      </c>
      <c r="AC19629">
        <v>7</v>
      </c>
      <c r="AD19629">
        <v>7</v>
      </c>
      <c r="AE19629">
        <v>7</v>
      </c>
      <c r="AF19629">
        <v>8</v>
      </c>
      <c r="AG19629">
        <v>8</v>
      </c>
      <c r="AH19629">
        <v>8</v>
      </c>
      <c r="AI19629">
        <v>8</v>
      </c>
      <c r="AJ19629">
        <v>8</v>
      </c>
      <c r="AK19629">
        <v>8</v>
      </c>
      <c r="AL19629">
        <v>8</v>
      </c>
      <c r="AM19629">
        <v>8</v>
      </c>
      <c r="AN19629">
        <v>8</v>
      </c>
      <c r="AO19629">
        <v>8</v>
      </c>
      <c r="AP19629">
        <v>8</v>
      </c>
      <c r="AQ19629">
        <v>8</v>
      </c>
    </row>
    <row r="19630" spans="1:43">
      <c r="A19630" t="s">
        <v>12158</v>
      </c>
      <c r="B19630" t="s">
        <v>12159</v>
      </c>
      <c r="C19630" t="s">
        <v>12154</v>
      </c>
      <c r="D19630" t="s">
        <v>12155</v>
      </c>
      <c r="E19630" t="s">
        <v>12006</v>
      </c>
      <c r="F19630" t="s">
        <v>12007</v>
      </c>
      <c r="G19630" t="s">
        <v>10450</v>
      </c>
      <c r="H19630" t="s">
        <v>10451</v>
      </c>
      <c r="I19630" s="2">
        <v>1</v>
      </c>
      <c r="J19630" s="2">
        <v>0</v>
      </c>
      <c r="K19630" s="2">
        <v>0</v>
      </c>
      <c r="L19630" t="s">
        <v>120</v>
      </c>
      <c r="M19630" t="s">
        <v>83</v>
      </c>
      <c r="N19630" t="s">
        <v>84</v>
      </c>
      <c r="O19630" t="s">
        <v>85</v>
      </c>
      <c r="P19630" t="s">
        <v>86</v>
      </c>
      <c r="Q19630">
        <v>14</v>
      </c>
      <c r="R19630">
        <v>14</v>
      </c>
      <c r="S19630">
        <v>14</v>
      </c>
      <c r="T19630">
        <v>14</v>
      </c>
      <c r="U19630">
        <v>14</v>
      </c>
      <c r="V19630">
        <v>14</v>
      </c>
      <c r="W19630">
        <v>15</v>
      </c>
      <c r="X19630">
        <v>15</v>
      </c>
      <c r="Y19630">
        <v>15</v>
      </c>
      <c r="Z19630">
        <v>15</v>
      </c>
      <c r="AA19630">
        <v>15</v>
      </c>
      <c r="AB19630">
        <v>16</v>
      </c>
      <c r="AC19630">
        <v>16</v>
      </c>
      <c r="AD19630">
        <v>16</v>
      </c>
      <c r="AE19630">
        <v>16</v>
      </c>
      <c r="AF19630">
        <v>16</v>
      </c>
      <c r="AG19630">
        <v>16</v>
      </c>
      <c r="AH19630">
        <v>17</v>
      </c>
      <c r="AI19630">
        <v>17</v>
      </c>
      <c r="AJ19630">
        <v>17</v>
      </c>
      <c r="AK19630">
        <v>17</v>
      </c>
      <c r="AL19630">
        <v>17</v>
      </c>
      <c r="AM19630">
        <v>17</v>
      </c>
      <c r="AN19630">
        <v>17</v>
      </c>
      <c r="AO19630">
        <v>17</v>
      </c>
      <c r="AP19630">
        <v>17</v>
      </c>
      <c r="AQ19630">
        <v>17</v>
      </c>
    </row>
    <row r="19631" spans="1:43">
      <c r="A19631" t="s">
        <v>12158</v>
      </c>
      <c r="B19631" t="s">
        <v>12159</v>
      </c>
      <c r="C19631" t="s">
        <v>12154</v>
      </c>
      <c r="D19631" t="s">
        <v>12155</v>
      </c>
      <c r="E19631" t="s">
        <v>12006</v>
      </c>
      <c r="F19631" t="s">
        <v>12007</v>
      </c>
      <c r="G19631" t="s">
        <v>10450</v>
      </c>
      <c r="H19631" t="s">
        <v>10451</v>
      </c>
      <c r="I19631" s="2">
        <v>1</v>
      </c>
      <c r="J19631" s="2">
        <v>0</v>
      </c>
      <c r="K19631" s="2">
        <v>0</v>
      </c>
      <c r="L19631" t="s">
        <v>120</v>
      </c>
      <c r="M19631" t="s">
        <v>87</v>
      </c>
      <c r="N19631" t="s">
        <v>88</v>
      </c>
      <c r="O19631" t="s">
        <v>85</v>
      </c>
      <c r="P19631" t="s">
        <v>86</v>
      </c>
      <c r="Q19631">
        <v>14</v>
      </c>
      <c r="R19631">
        <v>14</v>
      </c>
      <c r="S19631">
        <v>15</v>
      </c>
      <c r="T19631">
        <v>15</v>
      </c>
      <c r="U19631">
        <v>15</v>
      </c>
      <c r="V19631">
        <v>15</v>
      </c>
      <c r="W19631">
        <v>15</v>
      </c>
      <c r="X19631">
        <v>15</v>
      </c>
      <c r="Y19631">
        <v>15</v>
      </c>
      <c r="Z19631">
        <v>15</v>
      </c>
      <c r="AA19631">
        <v>15</v>
      </c>
      <c r="AB19631">
        <v>15</v>
      </c>
      <c r="AC19631">
        <v>15</v>
      </c>
      <c r="AD19631">
        <v>15</v>
      </c>
      <c r="AE19631">
        <v>15</v>
      </c>
      <c r="AF19631">
        <v>15</v>
      </c>
      <c r="AG19631">
        <v>15</v>
      </c>
      <c r="AH19631">
        <v>15</v>
      </c>
      <c r="AI19631">
        <v>16</v>
      </c>
      <c r="AJ19631">
        <v>16</v>
      </c>
      <c r="AK19631">
        <v>16</v>
      </c>
      <c r="AL19631">
        <v>16</v>
      </c>
      <c r="AM19631">
        <v>16</v>
      </c>
      <c r="AN19631">
        <v>16</v>
      </c>
      <c r="AO19631">
        <v>16</v>
      </c>
      <c r="AP19631">
        <v>16</v>
      </c>
      <c r="AQ19631">
        <v>16</v>
      </c>
    </row>
    <row r="19632" spans="1:43">
      <c r="A19632" t="s">
        <v>12158</v>
      </c>
      <c r="B19632" t="s">
        <v>12159</v>
      </c>
      <c r="C19632" t="s">
        <v>12154</v>
      </c>
      <c r="D19632" t="s">
        <v>12155</v>
      </c>
      <c r="E19632" t="s">
        <v>12006</v>
      </c>
      <c r="F19632" t="s">
        <v>12007</v>
      </c>
      <c r="G19632" t="s">
        <v>10450</v>
      </c>
      <c r="H19632" t="s">
        <v>10451</v>
      </c>
      <c r="I19632" s="2">
        <v>1</v>
      </c>
      <c r="J19632" s="2">
        <v>0</v>
      </c>
      <c r="K19632" s="2">
        <v>0</v>
      </c>
      <c r="L19632" t="s">
        <v>120</v>
      </c>
      <c r="M19632" t="s">
        <v>89</v>
      </c>
      <c r="N19632" t="s">
        <v>90</v>
      </c>
      <c r="O19632" t="s">
        <v>85</v>
      </c>
      <c r="P19632" t="s">
        <v>86</v>
      </c>
      <c r="Q19632">
        <v>14</v>
      </c>
      <c r="R19632">
        <v>14</v>
      </c>
      <c r="S19632">
        <v>14</v>
      </c>
      <c r="T19632">
        <v>15</v>
      </c>
      <c r="U19632">
        <v>15</v>
      </c>
      <c r="V19632">
        <v>15</v>
      </c>
      <c r="W19632">
        <v>15</v>
      </c>
      <c r="X19632">
        <v>16</v>
      </c>
      <c r="Y19632">
        <v>16</v>
      </c>
      <c r="Z19632">
        <v>16</v>
      </c>
      <c r="AA19632">
        <v>16</v>
      </c>
      <c r="AB19632">
        <v>17</v>
      </c>
      <c r="AC19632">
        <v>17</v>
      </c>
      <c r="AD19632">
        <v>17</v>
      </c>
      <c r="AE19632">
        <v>17</v>
      </c>
      <c r="AF19632">
        <v>17</v>
      </c>
      <c r="AG19632">
        <v>17</v>
      </c>
      <c r="AH19632">
        <v>17</v>
      </c>
      <c r="AI19632">
        <v>17</v>
      </c>
      <c r="AJ19632">
        <v>17</v>
      </c>
      <c r="AK19632">
        <v>17</v>
      </c>
      <c r="AL19632">
        <v>17</v>
      </c>
      <c r="AM19632">
        <v>17</v>
      </c>
      <c r="AN19632">
        <v>17</v>
      </c>
      <c r="AO19632">
        <v>17</v>
      </c>
      <c r="AP19632">
        <v>17</v>
      </c>
      <c r="AQ19632">
        <v>17</v>
      </c>
    </row>
    <row r="19633" spans="1:43">
      <c r="A19633" t="s">
        <v>12158</v>
      </c>
      <c r="B19633" t="s">
        <v>12159</v>
      </c>
      <c r="C19633" t="s">
        <v>12154</v>
      </c>
      <c r="D19633" t="s">
        <v>12155</v>
      </c>
      <c r="E19633" t="s">
        <v>12006</v>
      </c>
      <c r="F19633" t="s">
        <v>12007</v>
      </c>
      <c r="G19633" t="s">
        <v>10450</v>
      </c>
      <c r="H19633" t="s">
        <v>10451</v>
      </c>
      <c r="I19633" s="2">
        <v>1</v>
      </c>
      <c r="J19633" s="2">
        <v>0</v>
      </c>
      <c r="K19633" s="2">
        <v>0</v>
      </c>
      <c r="L19633" t="s">
        <v>120</v>
      </c>
      <c r="M19633" t="s">
        <v>83</v>
      </c>
      <c r="N19633" t="s">
        <v>91</v>
      </c>
      <c r="O19633" t="s">
        <v>85</v>
      </c>
      <c r="P19633" t="s">
        <v>86</v>
      </c>
      <c r="Q19633">
        <v>14</v>
      </c>
      <c r="R19633">
        <v>14</v>
      </c>
      <c r="S19633">
        <v>14</v>
      </c>
      <c r="T19633">
        <v>14</v>
      </c>
      <c r="U19633">
        <v>14</v>
      </c>
      <c r="V19633">
        <v>14</v>
      </c>
      <c r="W19633">
        <v>15</v>
      </c>
      <c r="X19633">
        <v>15</v>
      </c>
      <c r="Y19633">
        <v>15</v>
      </c>
      <c r="Z19633">
        <v>15</v>
      </c>
      <c r="AA19633">
        <v>15</v>
      </c>
      <c r="AB19633">
        <v>16</v>
      </c>
      <c r="AC19633">
        <v>16</v>
      </c>
      <c r="AD19633">
        <v>16</v>
      </c>
      <c r="AE19633">
        <v>16</v>
      </c>
      <c r="AF19633">
        <v>16</v>
      </c>
      <c r="AG19633">
        <v>16</v>
      </c>
      <c r="AH19633">
        <v>17</v>
      </c>
      <c r="AI19633">
        <v>17</v>
      </c>
      <c r="AJ19633">
        <v>17</v>
      </c>
      <c r="AK19633">
        <v>17</v>
      </c>
      <c r="AL19633">
        <v>17</v>
      </c>
      <c r="AM19633">
        <v>17</v>
      </c>
      <c r="AN19633">
        <v>17</v>
      </c>
      <c r="AO19633">
        <v>17</v>
      </c>
      <c r="AP19633">
        <v>17</v>
      </c>
      <c r="AQ19633">
        <v>17</v>
      </c>
    </row>
    <row r="19634" spans="1:43">
      <c r="A19634" t="s">
        <v>12160</v>
      </c>
      <c r="B19634" t="s">
        <v>12161</v>
      </c>
      <c r="C19634" t="s">
        <v>12154</v>
      </c>
      <c r="D19634" t="s">
        <v>12155</v>
      </c>
      <c r="E19634" t="s">
        <v>12006</v>
      </c>
      <c r="F19634" t="s">
        <v>12007</v>
      </c>
      <c r="G19634" t="s">
        <v>10450</v>
      </c>
      <c r="H19634" t="s">
        <v>10451</v>
      </c>
      <c r="I19634" s="2">
        <v>1</v>
      </c>
      <c r="J19634" s="2">
        <v>0</v>
      </c>
      <c r="K19634" s="2">
        <v>0</v>
      </c>
      <c r="L19634" t="s">
        <v>120</v>
      </c>
      <c r="M19634" t="s">
        <v>83</v>
      </c>
      <c r="N19634" t="s">
        <v>84</v>
      </c>
      <c r="O19634" t="s">
        <v>85</v>
      </c>
      <c r="P19634" t="s">
        <v>86</v>
      </c>
      <c r="Q19634">
        <v>21</v>
      </c>
      <c r="R19634">
        <v>21</v>
      </c>
      <c r="S19634">
        <v>21</v>
      </c>
      <c r="T19634">
        <v>22</v>
      </c>
      <c r="U19634">
        <v>22</v>
      </c>
      <c r="V19634">
        <v>22</v>
      </c>
      <c r="W19634">
        <v>22</v>
      </c>
      <c r="X19634">
        <v>23</v>
      </c>
      <c r="Y19634">
        <v>23</v>
      </c>
      <c r="Z19634">
        <v>23</v>
      </c>
      <c r="AA19634">
        <v>24</v>
      </c>
      <c r="AB19634">
        <v>24</v>
      </c>
      <c r="AC19634">
        <v>24</v>
      </c>
      <c r="AD19634">
        <v>24</v>
      </c>
      <c r="AE19634">
        <v>25</v>
      </c>
      <c r="AF19634">
        <v>25</v>
      </c>
      <c r="AG19634">
        <v>25</v>
      </c>
      <c r="AH19634">
        <v>25</v>
      </c>
      <c r="AI19634">
        <v>26</v>
      </c>
      <c r="AJ19634">
        <v>26</v>
      </c>
      <c r="AK19634">
        <v>26</v>
      </c>
      <c r="AL19634">
        <v>26</v>
      </c>
      <c r="AM19634">
        <v>26</v>
      </c>
      <c r="AN19634">
        <v>26</v>
      </c>
      <c r="AO19634">
        <v>26</v>
      </c>
      <c r="AP19634">
        <v>26</v>
      </c>
      <c r="AQ19634">
        <v>26</v>
      </c>
    </row>
    <row r="19635" spans="1:43">
      <c r="A19635" t="s">
        <v>12160</v>
      </c>
      <c r="B19635" t="s">
        <v>12161</v>
      </c>
      <c r="C19635" t="s">
        <v>12154</v>
      </c>
      <c r="D19635" t="s">
        <v>12155</v>
      </c>
      <c r="E19635" t="s">
        <v>12006</v>
      </c>
      <c r="F19635" t="s">
        <v>12007</v>
      </c>
      <c r="G19635" t="s">
        <v>10450</v>
      </c>
      <c r="H19635" t="s">
        <v>10451</v>
      </c>
      <c r="I19635" s="2">
        <v>1</v>
      </c>
      <c r="J19635" s="2">
        <v>0</v>
      </c>
      <c r="K19635" s="2">
        <v>0</v>
      </c>
      <c r="L19635" t="s">
        <v>120</v>
      </c>
      <c r="M19635" t="s">
        <v>87</v>
      </c>
      <c r="N19635" t="s">
        <v>88</v>
      </c>
      <c r="O19635" t="s">
        <v>85</v>
      </c>
      <c r="P19635" t="s">
        <v>86</v>
      </c>
      <c r="Q19635">
        <v>21</v>
      </c>
      <c r="R19635">
        <v>22</v>
      </c>
      <c r="S19635">
        <v>22</v>
      </c>
      <c r="T19635">
        <v>22</v>
      </c>
      <c r="U19635">
        <v>22</v>
      </c>
      <c r="V19635">
        <v>22</v>
      </c>
      <c r="W19635">
        <v>22</v>
      </c>
      <c r="X19635">
        <v>22</v>
      </c>
      <c r="Y19635">
        <v>22</v>
      </c>
      <c r="Z19635">
        <v>22</v>
      </c>
      <c r="AA19635">
        <v>22</v>
      </c>
      <c r="AB19635">
        <v>23</v>
      </c>
      <c r="AC19635">
        <v>23</v>
      </c>
      <c r="AD19635">
        <v>23</v>
      </c>
      <c r="AE19635">
        <v>23</v>
      </c>
      <c r="AF19635">
        <v>23</v>
      </c>
      <c r="AG19635">
        <v>23</v>
      </c>
      <c r="AH19635">
        <v>23</v>
      </c>
      <c r="AI19635">
        <v>23</v>
      </c>
      <c r="AJ19635">
        <v>23</v>
      </c>
      <c r="AK19635">
        <v>23</v>
      </c>
      <c r="AL19635">
        <v>23</v>
      </c>
      <c r="AM19635">
        <v>24</v>
      </c>
      <c r="AN19635">
        <v>24</v>
      </c>
      <c r="AO19635">
        <v>24</v>
      </c>
      <c r="AP19635">
        <v>24</v>
      </c>
      <c r="AQ19635">
        <v>24</v>
      </c>
    </row>
    <row r="19636" spans="1:43">
      <c r="A19636" t="s">
        <v>12160</v>
      </c>
      <c r="B19636" t="s">
        <v>12161</v>
      </c>
      <c r="C19636" t="s">
        <v>12154</v>
      </c>
      <c r="D19636" t="s">
        <v>12155</v>
      </c>
      <c r="E19636" t="s">
        <v>12006</v>
      </c>
      <c r="F19636" t="s">
        <v>12007</v>
      </c>
      <c r="G19636" t="s">
        <v>10450</v>
      </c>
      <c r="H19636" t="s">
        <v>10451</v>
      </c>
      <c r="I19636" s="2">
        <v>1</v>
      </c>
      <c r="J19636" s="2">
        <v>0</v>
      </c>
      <c r="K19636" s="2">
        <v>0</v>
      </c>
      <c r="L19636" t="s">
        <v>120</v>
      </c>
      <c r="M19636" t="s">
        <v>89</v>
      </c>
      <c r="N19636" t="s">
        <v>90</v>
      </c>
      <c r="O19636" t="s">
        <v>85</v>
      </c>
      <c r="P19636" t="s">
        <v>86</v>
      </c>
      <c r="Q19636">
        <v>21</v>
      </c>
      <c r="R19636">
        <v>21</v>
      </c>
      <c r="S19636">
        <v>22</v>
      </c>
      <c r="T19636">
        <v>22</v>
      </c>
      <c r="U19636">
        <v>23</v>
      </c>
      <c r="V19636">
        <v>23</v>
      </c>
      <c r="W19636">
        <v>24</v>
      </c>
      <c r="X19636">
        <v>24</v>
      </c>
      <c r="Y19636">
        <v>24</v>
      </c>
      <c r="Z19636">
        <v>25</v>
      </c>
      <c r="AA19636">
        <v>25</v>
      </c>
      <c r="AB19636">
        <v>25</v>
      </c>
      <c r="AC19636">
        <v>26</v>
      </c>
      <c r="AD19636">
        <v>26</v>
      </c>
      <c r="AE19636">
        <v>26</v>
      </c>
      <c r="AF19636">
        <v>26</v>
      </c>
      <c r="AG19636">
        <v>26</v>
      </c>
      <c r="AH19636">
        <v>26</v>
      </c>
      <c r="AI19636">
        <v>26</v>
      </c>
      <c r="AJ19636">
        <v>26</v>
      </c>
      <c r="AK19636">
        <v>27</v>
      </c>
      <c r="AL19636">
        <v>27</v>
      </c>
      <c r="AM19636">
        <v>27</v>
      </c>
      <c r="AN19636">
        <v>27</v>
      </c>
      <c r="AO19636">
        <v>27</v>
      </c>
      <c r="AP19636">
        <v>27</v>
      </c>
      <c r="AQ19636">
        <v>27</v>
      </c>
    </row>
    <row r="19637" spans="1:43">
      <c r="A19637" t="s">
        <v>12160</v>
      </c>
      <c r="B19637" t="s">
        <v>12161</v>
      </c>
      <c r="C19637" t="s">
        <v>12154</v>
      </c>
      <c r="D19637" t="s">
        <v>12155</v>
      </c>
      <c r="E19637" t="s">
        <v>12006</v>
      </c>
      <c r="F19637" t="s">
        <v>12007</v>
      </c>
      <c r="G19637" t="s">
        <v>10450</v>
      </c>
      <c r="H19637" t="s">
        <v>10451</v>
      </c>
      <c r="I19637" s="2">
        <v>1</v>
      </c>
      <c r="J19637" s="2">
        <v>0</v>
      </c>
      <c r="K19637" s="2">
        <v>0</v>
      </c>
      <c r="L19637" t="s">
        <v>120</v>
      </c>
      <c r="M19637" t="s">
        <v>83</v>
      </c>
      <c r="N19637" t="s">
        <v>91</v>
      </c>
      <c r="O19637" t="s">
        <v>85</v>
      </c>
      <c r="P19637" t="s">
        <v>86</v>
      </c>
      <c r="Q19637">
        <v>21</v>
      </c>
      <c r="R19637">
        <v>21</v>
      </c>
      <c r="S19637">
        <v>21</v>
      </c>
      <c r="T19637">
        <v>22</v>
      </c>
      <c r="U19637">
        <v>22</v>
      </c>
      <c r="V19637">
        <v>22</v>
      </c>
      <c r="W19637">
        <v>22</v>
      </c>
      <c r="X19637">
        <v>23</v>
      </c>
      <c r="Y19637">
        <v>23</v>
      </c>
      <c r="Z19637">
        <v>23</v>
      </c>
      <c r="AA19637">
        <v>24</v>
      </c>
      <c r="AB19637">
        <v>24</v>
      </c>
      <c r="AC19637">
        <v>24</v>
      </c>
      <c r="AD19637">
        <v>24</v>
      </c>
      <c r="AE19637">
        <v>25</v>
      </c>
      <c r="AF19637">
        <v>25</v>
      </c>
      <c r="AG19637">
        <v>25</v>
      </c>
      <c r="AH19637">
        <v>25</v>
      </c>
      <c r="AI19637">
        <v>26</v>
      </c>
      <c r="AJ19637">
        <v>26</v>
      </c>
      <c r="AK19637">
        <v>26</v>
      </c>
      <c r="AL19637">
        <v>26</v>
      </c>
      <c r="AM19637">
        <v>26</v>
      </c>
      <c r="AN19637">
        <v>26</v>
      </c>
      <c r="AO19637">
        <v>26</v>
      </c>
      <c r="AP19637">
        <v>26</v>
      </c>
      <c r="AQ19637">
        <v>26</v>
      </c>
    </row>
    <row r="19638" spans="1:43">
      <c r="A19638" t="s">
        <v>12162</v>
      </c>
      <c r="B19638" t="s">
        <v>12163</v>
      </c>
      <c r="C19638" t="s">
        <v>12154</v>
      </c>
      <c r="D19638" t="s">
        <v>12155</v>
      </c>
      <c r="E19638" t="s">
        <v>12006</v>
      </c>
      <c r="F19638" t="s">
        <v>12007</v>
      </c>
      <c r="G19638" t="s">
        <v>10450</v>
      </c>
      <c r="H19638" t="s">
        <v>10451</v>
      </c>
      <c r="I19638" s="2">
        <v>1</v>
      </c>
      <c r="J19638" s="2">
        <v>0</v>
      </c>
      <c r="K19638" s="2">
        <v>0</v>
      </c>
      <c r="L19638" t="s">
        <v>120</v>
      </c>
      <c r="M19638" t="s">
        <v>83</v>
      </c>
      <c r="N19638" t="s">
        <v>84</v>
      </c>
      <c r="O19638" t="s">
        <v>85</v>
      </c>
      <c r="P19638" t="s">
        <v>86</v>
      </c>
      <c r="Q19638">
        <v>36</v>
      </c>
      <c r="R19638">
        <v>37</v>
      </c>
      <c r="S19638">
        <v>37</v>
      </c>
      <c r="T19638">
        <v>38</v>
      </c>
      <c r="U19638">
        <v>38</v>
      </c>
      <c r="V19638">
        <v>39</v>
      </c>
      <c r="W19638">
        <v>39</v>
      </c>
      <c r="X19638">
        <v>40</v>
      </c>
      <c r="Y19638">
        <v>40</v>
      </c>
      <c r="Z19638">
        <v>41</v>
      </c>
      <c r="AA19638">
        <v>41</v>
      </c>
      <c r="AB19638">
        <v>42</v>
      </c>
      <c r="AC19638">
        <v>42</v>
      </c>
      <c r="AD19638">
        <v>43</v>
      </c>
      <c r="AE19638">
        <v>43</v>
      </c>
      <c r="AF19638">
        <v>44</v>
      </c>
      <c r="AG19638">
        <v>44</v>
      </c>
      <c r="AH19638">
        <v>45</v>
      </c>
      <c r="AI19638">
        <v>45</v>
      </c>
      <c r="AJ19638">
        <v>46</v>
      </c>
      <c r="AK19638">
        <v>46</v>
      </c>
      <c r="AL19638">
        <v>46</v>
      </c>
      <c r="AM19638">
        <v>46</v>
      </c>
      <c r="AN19638">
        <v>46</v>
      </c>
      <c r="AO19638">
        <v>46</v>
      </c>
      <c r="AP19638">
        <v>46</v>
      </c>
      <c r="AQ19638">
        <v>46</v>
      </c>
    </row>
    <row r="19639" spans="1:43">
      <c r="A19639" t="s">
        <v>12162</v>
      </c>
      <c r="B19639" t="s">
        <v>12163</v>
      </c>
      <c r="C19639" t="s">
        <v>12154</v>
      </c>
      <c r="D19639" t="s">
        <v>12155</v>
      </c>
      <c r="E19639" t="s">
        <v>12006</v>
      </c>
      <c r="F19639" t="s">
        <v>12007</v>
      </c>
      <c r="G19639" t="s">
        <v>10450</v>
      </c>
      <c r="H19639" t="s">
        <v>10451</v>
      </c>
      <c r="I19639" s="2">
        <v>1</v>
      </c>
      <c r="J19639" s="2">
        <v>0</v>
      </c>
      <c r="K19639" s="2">
        <v>0</v>
      </c>
      <c r="L19639" t="s">
        <v>120</v>
      </c>
      <c r="M19639" t="s">
        <v>87</v>
      </c>
      <c r="N19639" t="s">
        <v>88</v>
      </c>
      <c r="O19639" t="s">
        <v>85</v>
      </c>
      <c r="P19639" t="s">
        <v>86</v>
      </c>
      <c r="Q19639">
        <v>36</v>
      </c>
      <c r="R19639">
        <v>36</v>
      </c>
      <c r="S19639">
        <v>36</v>
      </c>
      <c r="T19639">
        <v>37</v>
      </c>
      <c r="U19639">
        <v>37</v>
      </c>
      <c r="V19639">
        <v>37</v>
      </c>
      <c r="W19639">
        <v>37</v>
      </c>
      <c r="X19639">
        <v>37</v>
      </c>
      <c r="Y19639">
        <v>37</v>
      </c>
      <c r="Z19639">
        <v>38</v>
      </c>
      <c r="AA19639">
        <v>38</v>
      </c>
      <c r="AB19639">
        <v>38</v>
      </c>
      <c r="AC19639">
        <v>38</v>
      </c>
      <c r="AD19639">
        <v>38</v>
      </c>
      <c r="AE19639">
        <v>38</v>
      </c>
      <c r="AF19639">
        <v>39</v>
      </c>
      <c r="AG19639">
        <v>39</v>
      </c>
      <c r="AH19639">
        <v>39</v>
      </c>
      <c r="AI19639">
        <v>39</v>
      </c>
      <c r="AJ19639">
        <v>39</v>
      </c>
      <c r="AK19639">
        <v>39</v>
      </c>
      <c r="AL19639">
        <v>39</v>
      </c>
      <c r="AM19639">
        <v>40</v>
      </c>
      <c r="AN19639">
        <v>40</v>
      </c>
      <c r="AO19639">
        <v>40</v>
      </c>
      <c r="AP19639">
        <v>40</v>
      </c>
      <c r="AQ19639">
        <v>40</v>
      </c>
    </row>
    <row r="19640" spans="1:43">
      <c r="A19640" t="s">
        <v>12162</v>
      </c>
      <c r="B19640" t="s">
        <v>12163</v>
      </c>
      <c r="C19640" t="s">
        <v>12154</v>
      </c>
      <c r="D19640" t="s">
        <v>12155</v>
      </c>
      <c r="E19640" t="s">
        <v>12006</v>
      </c>
      <c r="F19640" t="s">
        <v>12007</v>
      </c>
      <c r="G19640" t="s">
        <v>10450</v>
      </c>
      <c r="H19640" t="s">
        <v>10451</v>
      </c>
      <c r="I19640" s="2">
        <v>1</v>
      </c>
      <c r="J19640" s="2">
        <v>0</v>
      </c>
      <c r="K19640" s="2">
        <v>0</v>
      </c>
      <c r="L19640" t="s">
        <v>120</v>
      </c>
      <c r="M19640" t="s">
        <v>89</v>
      </c>
      <c r="N19640" t="s">
        <v>90</v>
      </c>
      <c r="O19640" t="s">
        <v>85</v>
      </c>
      <c r="P19640" t="s">
        <v>86</v>
      </c>
      <c r="Q19640">
        <v>36</v>
      </c>
      <c r="R19640">
        <v>37</v>
      </c>
      <c r="S19640">
        <v>37</v>
      </c>
      <c r="T19640">
        <v>38</v>
      </c>
      <c r="U19640">
        <v>39</v>
      </c>
      <c r="V19640">
        <v>40</v>
      </c>
      <c r="W19640">
        <v>40</v>
      </c>
      <c r="X19640">
        <v>41</v>
      </c>
      <c r="Y19640">
        <v>42</v>
      </c>
      <c r="Z19640">
        <v>42</v>
      </c>
      <c r="AA19640">
        <v>43</v>
      </c>
      <c r="AB19640">
        <v>44</v>
      </c>
      <c r="AC19640">
        <v>44</v>
      </c>
      <c r="AD19640">
        <v>45</v>
      </c>
      <c r="AE19640">
        <v>45</v>
      </c>
      <c r="AF19640">
        <v>45</v>
      </c>
      <c r="AG19640">
        <v>45</v>
      </c>
      <c r="AH19640">
        <v>46</v>
      </c>
      <c r="AI19640">
        <v>46</v>
      </c>
      <c r="AJ19640">
        <v>46</v>
      </c>
      <c r="AK19640">
        <v>46</v>
      </c>
      <c r="AL19640">
        <v>46</v>
      </c>
      <c r="AM19640">
        <v>46</v>
      </c>
      <c r="AN19640">
        <v>46</v>
      </c>
      <c r="AO19640">
        <v>46</v>
      </c>
      <c r="AP19640">
        <v>46</v>
      </c>
      <c r="AQ19640">
        <v>46</v>
      </c>
    </row>
    <row r="19641" spans="1:43">
      <c r="A19641" t="s">
        <v>12162</v>
      </c>
      <c r="B19641" t="s">
        <v>12163</v>
      </c>
      <c r="C19641" t="s">
        <v>12154</v>
      </c>
      <c r="D19641" t="s">
        <v>12155</v>
      </c>
      <c r="E19641" t="s">
        <v>12006</v>
      </c>
      <c r="F19641" t="s">
        <v>12007</v>
      </c>
      <c r="G19641" t="s">
        <v>10450</v>
      </c>
      <c r="H19641" t="s">
        <v>10451</v>
      </c>
      <c r="I19641" s="2">
        <v>1</v>
      </c>
      <c r="J19641" s="2">
        <v>0</v>
      </c>
      <c r="K19641" s="2">
        <v>0</v>
      </c>
      <c r="L19641" t="s">
        <v>120</v>
      </c>
      <c r="M19641" t="s">
        <v>83</v>
      </c>
      <c r="N19641" t="s">
        <v>91</v>
      </c>
      <c r="O19641" t="s">
        <v>85</v>
      </c>
      <c r="P19641" t="s">
        <v>86</v>
      </c>
      <c r="Q19641">
        <v>36</v>
      </c>
      <c r="R19641">
        <v>37</v>
      </c>
      <c r="S19641">
        <v>37</v>
      </c>
      <c r="T19641">
        <v>38</v>
      </c>
      <c r="U19641">
        <v>38</v>
      </c>
      <c r="V19641">
        <v>39</v>
      </c>
      <c r="W19641">
        <v>39</v>
      </c>
      <c r="X19641">
        <v>40</v>
      </c>
      <c r="Y19641">
        <v>40</v>
      </c>
      <c r="Z19641">
        <v>41</v>
      </c>
      <c r="AA19641">
        <v>41</v>
      </c>
      <c r="AB19641">
        <v>42</v>
      </c>
      <c r="AC19641">
        <v>42</v>
      </c>
      <c r="AD19641">
        <v>43</v>
      </c>
      <c r="AE19641">
        <v>43</v>
      </c>
      <c r="AF19641">
        <v>44</v>
      </c>
      <c r="AG19641">
        <v>44</v>
      </c>
      <c r="AH19641">
        <v>45</v>
      </c>
      <c r="AI19641">
        <v>45</v>
      </c>
      <c r="AJ19641">
        <v>46</v>
      </c>
      <c r="AK19641">
        <v>46</v>
      </c>
      <c r="AL19641">
        <v>46</v>
      </c>
      <c r="AM19641">
        <v>46</v>
      </c>
      <c r="AN19641">
        <v>46</v>
      </c>
      <c r="AO19641">
        <v>46</v>
      </c>
      <c r="AP19641">
        <v>46</v>
      </c>
      <c r="AQ19641">
        <v>46</v>
      </c>
    </row>
    <row r="19642" spans="1:43">
      <c r="A19642" t="s">
        <v>12164</v>
      </c>
      <c r="B19642" t="s">
        <v>12165</v>
      </c>
      <c r="C19642" t="s">
        <v>12052</v>
      </c>
      <c r="D19642" t="s">
        <v>12053</v>
      </c>
      <c r="E19642" t="s">
        <v>12006</v>
      </c>
      <c r="F19642" t="s">
        <v>12007</v>
      </c>
      <c r="G19642" t="s">
        <v>10450</v>
      </c>
      <c r="H19642" t="s">
        <v>10451</v>
      </c>
      <c r="I19642" s="2">
        <v>1</v>
      </c>
      <c r="J19642" s="2">
        <v>0</v>
      </c>
      <c r="K19642" s="2">
        <v>0</v>
      </c>
      <c r="L19642" t="s">
        <v>120</v>
      </c>
      <c r="M19642" t="s">
        <v>83</v>
      </c>
      <c r="N19642" t="s">
        <v>84</v>
      </c>
      <c r="O19642" t="s">
        <v>85</v>
      </c>
      <c r="P19642" t="s">
        <v>86</v>
      </c>
      <c r="Q19642">
        <v>35</v>
      </c>
      <c r="R19642">
        <v>36</v>
      </c>
      <c r="S19642">
        <v>36</v>
      </c>
      <c r="T19642">
        <v>37</v>
      </c>
      <c r="U19642">
        <v>37</v>
      </c>
      <c r="V19642">
        <v>38</v>
      </c>
      <c r="W19642">
        <v>38</v>
      </c>
      <c r="X19642">
        <v>39</v>
      </c>
      <c r="Y19642">
        <v>39</v>
      </c>
      <c r="Z19642">
        <v>40</v>
      </c>
      <c r="AA19642">
        <v>40</v>
      </c>
      <c r="AB19642">
        <v>41</v>
      </c>
      <c r="AC19642">
        <v>41</v>
      </c>
      <c r="AD19642">
        <v>42</v>
      </c>
      <c r="AE19642">
        <v>42</v>
      </c>
      <c r="AF19642">
        <v>43</v>
      </c>
      <c r="AG19642">
        <v>43</v>
      </c>
      <c r="AH19642">
        <v>44</v>
      </c>
      <c r="AI19642">
        <v>44</v>
      </c>
      <c r="AJ19642">
        <v>44</v>
      </c>
      <c r="AK19642">
        <v>45</v>
      </c>
      <c r="AL19642">
        <v>45</v>
      </c>
      <c r="AM19642">
        <v>45</v>
      </c>
      <c r="AN19642">
        <v>45</v>
      </c>
      <c r="AO19642">
        <v>45</v>
      </c>
      <c r="AP19642">
        <v>45</v>
      </c>
      <c r="AQ19642">
        <v>45</v>
      </c>
    </row>
    <row r="19643" spans="1:43">
      <c r="A19643" t="s">
        <v>12164</v>
      </c>
      <c r="B19643" t="s">
        <v>12165</v>
      </c>
      <c r="C19643" t="s">
        <v>12052</v>
      </c>
      <c r="D19643" t="s">
        <v>12053</v>
      </c>
      <c r="E19643" t="s">
        <v>12006</v>
      </c>
      <c r="F19643" t="s">
        <v>12007</v>
      </c>
      <c r="G19643" t="s">
        <v>10450</v>
      </c>
      <c r="H19643" t="s">
        <v>10451</v>
      </c>
      <c r="I19643" s="2">
        <v>1</v>
      </c>
      <c r="J19643" s="2">
        <v>0</v>
      </c>
      <c r="K19643" s="2">
        <v>0</v>
      </c>
      <c r="L19643" t="s">
        <v>120</v>
      </c>
      <c r="M19643" t="s">
        <v>87</v>
      </c>
      <c r="N19643" t="s">
        <v>88</v>
      </c>
      <c r="O19643" t="s">
        <v>85</v>
      </c>
      <c r="P19643" t="s">
        <v>86</v>
      </c>
      <c r="Q19643">
        <v>35</v>
      </c>
      <c r="R19643">
        <v>35</v>
      </c>
      <c r="S19643">
        <v>35</v>
      </c>
      <c r="T19643">
        <v>36</v>
      </c>
      <c r="U19643">
        <v>36</v>
      </c>
      <c r="V19643">
        <v>36</v>
      </c>
      <c r="W19643">
        <v>36</v>
      </c>
      <c r="X19643">
        <v>36</v>
      </c>
      <c r="Y19643">
        <v>36</v>
      </c>
      <c r="Z19643">
        <v>37</v>
      </c>
      <c r="AA19643">
        <v>37</v>
      </c>
      <c r="AB19643">
        <v>37</v>
      </c>
      <c r="AC19643">
        <v>37</v>
      </c>
      <c r="AD19643">
        <v>37</v>
      </c>
      <c r="AE19643">
        <v>37</v>
      </c>
      <c r="AF19643">
        <v>38</v>
      </c>
      <c r="AG19643">
        <v>38</v>
      </c>
      <c r="AH19643">
        <v>38</v>
      </c>
      <c r="AI19643">
        <v>38</v>
      </c>
      <c r="AJ19643">
        <v>38</v>
      </c>
      <c r="AK19643">
        <v>38</v>
      </c>
      <c r="AL19643">
        <v>38</v>
      </c>
      <c r="AM19643">
        <v>39</v>
      </c>
      <c r="AN19643">
        <v>39</v>
      </c>
      <c r="AO19643">
        <v>39</v>
      </c>
      <c r="AP19643">
        <v>39</v>
      </c>
      <c r="AQ19643">
        <v>39</v>
      </c>
    </row>
    <row r="19644" spans="1:43">
      <c r="A19644" t="s">
        <v>12164</v>
      </c>
      <c r="B19644" t="s">
        <v>12165</v>
      </c>
      <c r="C19644" t="s">
        <v>12052</v>
      </c>
      <c r="D19644" t="s">
        <v>12053</v>
      </c>
      <c r="E19644" t="s">
        <v>12006</v>
      </c>
      <c r="F19644" t="s">
        <v>12007</v>
      </c>
      <c r="G19644" t="s">
        <v>10450</v>
      </c>
      <c r="H19644" t="s">
        <v>10451</v>
      </c>
      <c r="I19644" s="2">
        <v>1</v>
      </c>
      <c r="J19644" s="2">
        <v>0</v>
      </c>
      <c r="K19644" s="2">
        <v>0</v>
      </c>
      <c r="L19644" t="s">
        <v>120</v>
      </c>
      <c r="M19644" t="s">
        <v>89</v>
      </c>
      <c r="N19644" t="s">
        <v>90</v>
      </c>
      <c r="O19644" t="s">
        <v>85</v>
      </c>
      <c r="P19644" t="s">
        <v>86</v>
      </c>
      <c r="Q19644">
        <v>35</v>
      </c>
      <c r="R19644">
        <v>35</v>
      </c>
      <c r="S19644">
        <v>36</v>
      </c>
      <c r="T19644">
        <v>37</v>
      </c>
      <c r="U19644">
        <v>38</v>
      </c>
      <c r="V19644">
        <v>39</v>
      </c>
      <c r="W19644">
        <v>39</v>
      </c>
      <c r="X19644">
        <v>40</v>
      </c>
      <c r="Y19644">
        <v>41</v>
      </c>
      <c r="Z19644">
        <v>41</v>
      </c>
      <c r="AA19644">
        <v>42</v>
      </c>
      <c r="AB19644">
        <v>43</v>
      </c>
      <c r="AC19644">
        <v>43</v>
      </c>
      <c r="AD19644">
        <v>44</v>
      </c>
      <c r="AE19644">
        <v>44</v>
      </c>
      <c r="AF19644">
        <v>44</v>
      </c>
      <c r="AG19644">
        <v>44</v>
      </c>
      <c r="AH19644">
        <v>44</v>
      </c>
      <c r="AI19644">
        <v>44</v>
      </c>
      <c r="AJ19644">
        <v>44</v>
      </c>
      <c r="AK19644">
        <v>44</v>
      </c>
      <c r="AL19644">
        <v>44</v>
      </c>
      <c r="AM19644">
        <v>44</v>
      </c>
      <c r="AN19644">
        <v>45</v>
      </c>
      <c r="AO19644">
        <v>45</v>
      </c>
      <c r="AP19644">
        <v>45</v>
      </c>
      <c r="AQ19644">
        <v>45</v>
      </c>
    </row>
    <row r="19645" spans="1:43">
      <c r="A19645" t="s">
        <v>12164</v>
      </c>
      <c r="B19645" t="s">
        <v>12165</v>
      </c>
      <c r="C19645" t="s">
        <v>12052</v>
      </c>
      <c r="D19645" t="s">
        <v>12053</v>
      </c>
      <c r="E19645" t="s">
        <v>12006</v>
      </c>
      <c r="F19645" t="s">
        <v>12007</v>
      </c>
      <c r="G19645" t="s">
        <v>10450</v>
      </c>
      <c r="H19645" t="s">
        <v>10451</v>
      </c>
      <c r="I19645" s="2">
        <v>1</v>
      </c>
      <c r="J19645" s="2">
        <v>0</v>
      </c>
      <c r="K19645" s="2">
        <v>0</v>
      </c>
      <c r="L19645" t="s">
        <v>120</v>
      </c>
      <c r="M19645" t="s">
        <v>83</v>
      </c>
      <c r="N19645" t="s">
        <v>91</v>
      </c>
      <c r="O19645" t="s">
        <v>85</v>
      </c>
      <c r="P19645" t="s">
        <v>86</v>
      </c>
      <c r="Q19645">
        <v>35</v>
      </c>
      <c r="R19645">
        <v>36</v>
      </c>
      <c r="S19645">
        <v>36</v>
      </c>
      <c r="T19645">
        <v>37</v>
      </c>
      <c r="U19645">
        <v>37</v>
      </c>
      <c r="V19645">
        <v>38</v>
      </c>
      <c r="W19645">
        <v>38</v>
      </c>
      <c r="X19645">
        <v>39</v>
      </c>
      <c r="Y19645">
        <v>39</v>
      </c>
      <c r="Z19645">
        <v>40</v>
      </c>
      <c r="AA19645">
        <v>40</v>
      </c>
      <c r="AB19645">
        <v>41</v>
      </c>
      <c r="AC19645">
        <v>41</v>
      </c>
      <c r="AD19645">
        <v>42</v>
      </c>
      <c r="AE19645">
        <v>42</v>
      </c>
      <c r="AF19645">
        <v>43</v>
      </c>
      <c r="AG19645">
        <v>43</v>
      </c>
      <c r="AH19645">
        <v>44</v>
      </c>
      <c r="AI19645">
        <v>44</v>
      </c>
      <c r="AJ19645">
        <v>44</v>
      </c>
      <c r="AK19645">
        <v>45</v>
      </c>
      <c r="AL19645">
        <v>45</v>
      </c>
      <c r="AM19645">
        <v>45</v>
      </c>
      <c r="AN19645">
        <v>45</v>
      </c>
      <c r="AO19645">
        <v>45</v>
      </c>
      <c r="AP19645">
        <v>45</v>
      </c>
      <c r="AQ19645">
        <v>45</v>
      </c>
    </row>
    <row r="19646" spans="1:43">
      <c r="A19646" t="s">
        <v>12166</v>
      </c>
      <c r="B19646" t="s">
        <v>12167</v>
      </c>
      <c r="C19646" t="s">
        <v>12052</v>
      </c>
      <c r="D19646" t="s">
        <v>12053</v>
      </c>
      <c r="E19646" t="s">
        <v>12006</v>
      </c>
      <c r="F19646" t="s">
        <v>12007</v>
      </c>
      <c r="G19646" t="s">
        <v>10450</v>
      </c>
      <c r="H19646" t="s">
        <v>10451</v>
      </c>
      <c r="I19646" s="2">
        <v>1</v>
      </c>
      <c r="J19646" s="2">
        <v>0</v>
      </c>
      <c r="K19646" s="2">
        <v>0</v>
      </c>
      <c r="L19646" t="s">
        <v>120</v>
      </c>
      <c r="M19646" t="s">
        <v>83</v>
      </c>
      <c r="N19646" t="s">
        <v>84</v>
      </c>
      <c r="O19646" t="s">
        <v>85</v>
      </c>
      <c r="P19646" t="s">
        <v>86</v>
      </c>
      <c r="Q19646">
        <v>21</v>
      </c>
      <c r="R19646">
        <v>22</v>
      </c>
      <c r="S19646">
        <v>22</v>
      </c>
      <c r="T19646">
        <v>22</v>
      </c>
      <c r="U19646">
        <v>23</v>
      </c>
      <c r="V19646">
        <v>23</v>
      </c>
      <c r="W19646">
        <v>23</v>
      </c>
      <c r="X19646">
        <v>23</v>
      </c>
      <c r="Y19646">
        <v>24</v>
      </c>
      <c r="Z19646">
        <v>24</v>
      </c>
      <c r="AA19646">
        <v>24</v>
      </c>
      <c r="AB19646">
        <v>25</v>
      </c>
      <c r="AC19646">
        <v>25</v>
      </c>
      <c r="AD19646">
        <v>25</v>
      </c>
      <c r="AE19646">
        <v>25</v>
      </c>
      <c r="AF19646">
        <v>26</v>
      </c>
      <c r="AG19646">
        <v>26</v>
      </c>
      <c r="AH19646">
        <v>26</v>
      </c>
      <c r="AI19646">
        <v>27</v>
      </c>
      <c r="AJ19646">
        <v>27</v>
      </c>
      <c r="AK19646">
        <v>27</v>
      </c>
      <c r="AL19646">
        <v>27</v>
      </c>
      <c r="AM19646">
        <v>27</v>
      </c>
      <c r="AN19646">
        <v>27</v>
      </c>
      <c r="AO19646">
        <v>27</v>
      </c>
      <c r="AP19646">
        <v>27</v>
      </c>
      <c r="AQ19646">
        <v>27</v>
      </c>
    </row>
    <row r="19647" spans="1:43">
      <c r="A19647" t="s">
        <v>12166</v>
      </c>
      <c r="B19647" t="s">
        <v>12167</v>
      </c>
      <c r="C19647" t="s">
        <v>12052</v>
      </c>
      <c r="D19647" t="s">
        <v>12053</v>
      </c>
      <c r="E19647" t="s">
        <v>12006</v>
      </c>
      <c r="F19647" t="s">
        <v>12007</v>
      </c>
      <c r="G19647" t="s">
        <v>10450</v>
      </c>
      <c r="H19647" t="s">
        <v>10451</v>
      </c>
      <c r="I19647" s="2">
        <v>1</v>
      </c>
      <c r="J19647" s="2">
        <v>0</v>
      </c>
      <c r="K19647" s="2">
        <v>0</v>
      </c>
      <c r="L19647" t="s">
        <v>120</v>
      </c>
      <c r="M19647" t="s">
        <v>87</v>
      </c>
      <c r="N19647" t="s">
        <v>88</v>
      </c>
      <c r="O19647" t="s">
        <v>85</v>
      </c>
      <c r="P19647" t="s">
        <v>86</v>
      </c>
      <c r="Q19647">
        <v>21</v>
      </c>
      <c r="R19647">
        <v>21</v>
      </c>
      <c r="S19647">
        <v>21</v>
      </c>
      <c r="T19647">
        <v>21</v>
      </c>
      <c r="U19647">
        <v>22</v>
      </c>
      <c r="V19647">
        <v>22</v>
      </c>
      <c r="W19647">
        <v>22</v>
      </c>
      <c r="X19647">
        <v>22</v>
      </c>
      <c r="Y19647">
        <v>22</v>
      </c>
      <c r="Z19647">
        <v>22</v>
      </c>
      <c r="AA19647">
        <v>22</v>
      </c>
      <c r="AB19647">
        <v>22</v>
      </c>
      <c r="AC19647">
        <v>22</v>
      </c>
      <c r="AD19647">
        <v>22</v>
      </c>
      <c r="AE19647">
        <v>23</v>
      </c>
      <c r="AF19647">
        <v>23</v>
      </c>
      <c r="AG19647">
        <v>23</v>
      </c>
      <c r="AH19647">
        <v>23</v>
      </c>
      <c r="AI19647">
        <v>23</v>
      </c>
      <c r="AJ19647">
        <v>23</v>
      </c>
      <c r="AK19647">
        <v>23</v>
      </c>
      <c r="AL19647">
        <v>23</v>
      </c>
      <c r="AM19647">
        <v>23</v>
      </c>
      <c r="AN19647">
        <v>23</v>
      </c>
      <c r="AO19647">
        <v>23</v>
      </c>
      <c r="AP19647">
        <v>24</v>
      </c>
      <c r="AQ19647">
        <v>24</v>
      </c>
    </row>
    <row r="19648" spans="1:43">
      <c r="A19648" t="s">
        <v>12166</v>
      </c>
      <c r="B19648" t="s">
        <v>12167</v>
      </c>
      <c r="C19648" t="s">
        <v>12052</v>
      </c>
      <c r="D19648" t="s">
        <v>12053</v>
      </c>
      <c r="E19648" t="s">
        <v>12006</v>
      </c>
      <c r="F19648" t="s">
        <v>12007</v>
      </c>
      <c r="G19648" t="s">
        <v>10450</v>
      </c>
      <c r="H19648" t="s">
        <v>10451</v>
      </c>
      <c r="I19648" s="2">
        <v>1</v>
      </c>
      <c r="J19648" s="2">
        <v>0</v>
      </c>
      <c r="K19648" s="2">
        <v>0</v>
      </c>
      <c r="L19648" t="s">
        <v>120</v>
      </c>
      <c r="M19648" t="s">
        <v>89</v>
      </c>
      <c r="N19648" t="s">
        <v>90</v>
      </c>
      <c r="O19648" t="s">
        <v>85</v>
      </c>
      <c r="P19648" t="s">
        <v>86</v>
      </c>
      <c r="Q19648">
        <v>21</v>
      </c>
      <c r="R19648">
        <v>21</v>
      </c>
      <c r="S19648">
        <v>22</v>
      </c>
      <c r="T19648">
        <v>22</v>
      </c>
      <c r="U19648">
        <v>22</v>
      </c>
      <c r="V19648">
        <v>23</v>
      </c>
      <c r="W19648">
        <v>23</v>
      </c>
      <c r="X19648">
        <v>24</v>
      </c>
      <c r="Y19648">
        <v>24</v>
      </c>
      <c r="Z19648">
        <v>25</v>
      </c>
      <c r="AA19648">
        <v>25</v>
      </c>
      <c r="AB19648">
        <v>25</v>
      </c>
      <c r="AC19648">
        <v>26</v>
      </c>
      <c r="AD19648">
        <v>26</v>
      </c>
      <c r="AE19648">
        <v>26</v>
      </c>
      <c r="AF19648">
        <v>26</v>
      </c>
      <c r="AG19648">
        <v>26</v>
      </c>
      <c r="AH19648">
        <v>26</v>
      </c>
      <c r="AI19648">
        <v>26</v>
      </c>
      <c r="AJ19648">
        <v>26</v>
      </c>
      <c r="AK19648">
        <v>26</v>
      </c>
      <c r="AL19648">
        <v>26</v>
      </c>
      <c r="AM19648">
        <v>26</v>
      </c>
      <c r="AN19648">
        <v>27</v>
      </c>
      <c r="AO19648">
        <v>27</v>
      </c>
      <c r="AP19648">
        <v>27</v>
      </c>
      <c r="AQ19648">
        <v>27</v>
      </c>
    </row>
    <row r="19649" spans="1:43">
      <c r="A19649" t="s">
        <v>12166</v>
      </c>
      <c r="B19649" t="s">
        <v>12167</v>
      </c>
      <c r="C19649" t="s">
        <v>12052</v>
      </c>
      <c r="D19649" t="s">
        <v>12053</v>
      </c>
      <c r="E19649" t="s">
        <v>12006</v>
      </c>
      <c r="F19649" t="s">
        <v>12007</v>
      </c>
      <c r="G19649" t="s">
        <v>10450</v>
      </c>
      <c r="H19649" t="s">
        <v>10451</v>
      </c>
      <c r="I19649" s="2">
        <v>1</v>
      </c>
      <c r="J19649" s="2">
        <v>0</v>
      </c>
      <c r="K19649" s="2">
        <v>0</v>
      </c>
      <c r="L19649" t="s">
        <v>120</v>
      </c>
      <c r="M19649" t="s">
        <v>83</v>
      </c>
      <c r="N19649" t="s">
        <v>91</v>
      </c>
      <c r="O19649" t="s">
        <v>85</v>
      </c>
      <c r="P19649" t="s">
        <v>86</v>
      </c>
      <c r="Q19649">
        <v>21</v>
      </c>
      <c r="R19649">
        <v>22</v>
      </c>
      <c r="S19649">
        <v>22</v>
      </c>
      <c r="T19649">
        <v>22</v>
      </c>
      <c r="U19649">
        <v>23</v>
      </c>
      <c r="V19649">
        <v>23</v>
      </c>
      <c r="W19649">
        <v>23</v>
      </c>
      <c r="X19649">
        <v>23</v>
      </c>
      <c r="Y19649">
        <v>24</v>
      </c>
      <c r="Z19649">
        <v>24</v>
      </c>
      <c r="AA19649">
        <v>24</v>
      </c>
      <c r="AB19649">
        <v>25</v>
      </c>
      <c r="AC19649">
        <v>25</v>
      </c>
      <c r="AD19649">
        <v>25</v>
      </c>
      <c r="AE19649">
        <v>25</v>
      </c>
      <c r="AF19649">
        <v>26</v>
      </c>
      <c r="AG19649">
        <v>26</v>
      </c>
      <c r="AH19649">
        <v>26</v>
      </c>
      <c r="AI19649">
        <v>27</v>
      </c>
      <c r="AJ19649">
        <v>27</v>
      </c>
      <c r="AK19649">
        <v>27</v>
      </c>
      <c r="AL19649">
        <v>27</v>
      </c>
      <c r="AM19649">
        <v>27</v>
      </c>
      <c r="AN19649">
        <v>27</v>
      </c>
      <c r="AO19649">
        <v>27</v>
      </c>
      <c r="AP19649">
        <v>27</v>
      </c>
      <c r="AQ19649">
        <v>27</v>
      </c>
    </row>
    <row r="19650" spans="1:43">
      <c r="A19650" t="s">
        <v>12168</v>
      </c>
      <c r="B19650" t="s">
        <v>12169</v>
      </c>
      <c r="C19650" t="s">
        <v>12154</v>
      </c>
      <c r="D19650" t="s">
        <v>12155</v>
      </c>
      <c r="E19650" t="s">
        <v>12006</v>
      </c>
      <c r="F19650" t="s">
        <v>12007</v>
      </c>
      <c r="G19650" t="s">
        <v>10450</v>
      </c>
      <c r="H19650" t="s">
        <v>10451</v>
      </c>
      <c r="I19650" s="2">
        <v>1</v>
      </c>
      <c r="J19650" s="2">
        <v>0</v>
      </c>
      <c r="K19650" s="2">
        <v>0</v>
      </c>
      <c r="L19650" t="s">
        <v>120</v>
      </c>
      <c r="M19650" t="s">
        <v>83</v>
      </c>
      <c r="N19650" t="s">
        <v>84</v>
      </c>
      <c r="O19650" t="s">
        <v>85</v>
      </c>
      <c r="P19650" t="s">
        <v>86</v>
      </c>
      <c r="Q19650">
        <v>37</v>
      </c>
      <c r="R19650">
        <v>37</v>
      </c>
      <c r="S19650">
        <v>38</v>
      </c>
      <c r="T19650">
        <v>38</v>
      </c>
      <c r="U19650">
        <v>39</v>
      </c>
      <c r="V19650">
        <v>39</v>
      </c>
      <c r="W19650">
        <v>40</v>
      </c>
      <c r="X19650">
        <v>40</v>
      </c>
      <c r="Y19650">
        <v>41</v>
      </c>
      <c r="Z19650">
        <v>41</v>
      </c>
      <c r="AA19650">
        <v>42</v>
      </c>
      <c r="AB19650">
        <v>42</v>
      </c>
      <c r="AC19650">
        <v>43</v>
      </c>
      <c r="AD19650">
        <v>43</v>
      </c>
      <c r="AE19650">
        <v>44</v>
      </c>
      <c r="AF19650">
        <v>44</v>
      </c>
      <c r="AG19650">
        <v>45</v>
      </c>
      <c r="AH19650">
        <v>45</v>
      </c>
      <c r="AI19650">
        <v>46</v>
      </c>
      <c r="AJ19650">
        <v>46</v>
      </c>
      <c r="AK19650">
        <v>46</v>
      </c>
      <c r="AL19650">
        <v>47</v>
      </c>
      <c r="AM19650">
        <v>47</v>
      </c>
      <c r="AN19650">
        <v>47</v>
      </c>
      <c r="AO19650">
        <v>47</v>
      </c>
      <c r="AP19650">
        <v>47</v>
      </c>
      <c r="AQ19650">
        <v>47</v>
      </c>
    </row>
    <row r="19651" spans="1:43">
      <c r="A19651" t="s">
        <v>12168</v>
      </c>
      <c r="B19651" t="s">
        <v>12169</v>
      </c>
      <c r="C19651" t="s">
        <v>12154</v>
      </c>
      <c r="D19651" t="s">
        <v>12155</v>
      </c>
      <c r="E19651" t="s">
        <v>12006</v>
      </c>
      <c r="F19651" t="s">
        <v>12007</v>
      </c>
      <c r="G19651" t="s">
        <v>10450</v>
      </c>
      <c r="H19651" t="s">
        <v>10451</v>
      </c>
      <c r="I19651" s="2">
        <v>1</v>
      </c>
      <c r="J19651" s="2">
        <v>0</v>
      </c>
      <c r="K19651" s="2">
        <v>0</v>
      </c>
      <c r="L19651" t="s">
        <v>120</v>
      </c>
      <c r="M19651" t="s">
        <v>87</v>
      </c>
      <c r="N19651" t="s">
        <v>88</v>
      </c>
      <c r="O19651" t="s">
        <v>85</v>
      </c>
      <c r="P19651" t="s">
        <v>86</v>
      </c>
      <c r="Q19651">
        <v>37</v>
      </c>
      <c r="R19651">
        <v>37</v>
      </c>
      <c r="S19651">
        <v>38</v>
      </c>
      <c r="T19651">
        <v>38</v>
      </c>
      <c r="U19651">
        <v>38</v>
      </c>
      <c r="V19651">
        <v>38</v>
      </c>
      <c r="W19651">
        <v>38</v>
      </c>
      <c r="X19651">
        <v>39</v>
      </c>
      <c r="Y19651">
        <v>39</v>
      </c>
      <c r="Z19651">
        <v>39</v>
      </c>
      <c r="AA19651">
        <v>39</v>
      </c>
      <c r="AB19651">
        <v>39</v>
      </c>
      <c r="AC19651">
        <v>39</v>
      </c>
      <c r="AD19651">
        <v>40</v>
      </c>
      <c r="AE19651">
        <v>40</v>
      </c>
      <c r="AF19651">
        <v>40</v>
      </c>
      <c r="AG19651">
        <v>40</v>
      </c>
      <c r="AH19651">
        <v>40</v>
      </c>
      <c r="AI19651">
        <v>40</v>
      </c>
      <c r="AJ19651">
        <v>40</v>
      </c>
      <c r="AK19651">
        <v>41</v>
      </c>
      <c r="AL19651">
        <v>41</v>
      </c>
      <c r="AM19651">
        <v>41</v>
      </c>
      <c r="AN19651">
        <v>41</v>
      </c>
      <c r="AO19651">
        <v>41</v>
      </c>
      <c r="AP19651">
        <v>41</v>
      </c>
      <c r="AQ19651">
        <v>41</v>
      </c>
    </row>
    <row r="19652" spans="1:43">
      <c r="A19652" t="s">
        <v>12168</v>
      </c>
      <c r="B19652" t="s">
        <v>12169</v>
      </c>
      <c r="C19652" t="s">
        <v>12154</v>
      </c>
      <c r="D19652" t="s">
        <v>12155</v>
      </c>
      <c r="E19652" t="s">
        <v>12006</v>
      </c>
      <c r="F19652" t="s">
        <v>12007</v>
      </c>
      <c r="G19652" t="s">
        <v>10450</v>
      </c>
      <c r="H19652" t="s">
        <v>10451</v>
      </c>
      <c r="I19652" s="2">
        <v>1</v>
      </c>
      <c r="J19652" s="2">
        <v>0</v>
      </c>
      <c r="K19652" s="2">
        <v>0</v>
      </c>
      <c r="L19652" t="s">
        <v>120</v>
      </c>
      <c r="M19652" t="s">
        <v>89</v>
      </c>
      <c r="N19652" t="s">
        <v>90</v>
      </c>
      <c r="O19652" t="s">
        <v>85</v>
      </c>
      <c r="P19652" t="s">
        <v>86</v>
      </c>
      <c r="Q19652">
        <v>37</v>
      </c>
      <c r="R19652">
        <v>38</v>
      </c>
      <c r="S19652">
        <v>39</v>
      </c>
      <c r="T19652">
        <v>39</v>
      </c>
      <c r="U19652">
        <v>40</v>
      </c>
      <c r="V19652">
        <v>41</v>
      </c>
      <c r="W19652">
        <v>42</v>
      </c>
      <c r="X19652">
        <v>42</v>
      </c>
      <c r="Y19652">
        <v>43</v>
      </c>
      <c r="Z19652">
        <v>44</v>
      </c>
      <c r="AA19652">
        <v>44</v>
      </c>
      <c r="AB19652">
        <v>45</v>
      </c>
      <c r="AC19652">
        <v>46</v>
      </c>
      <c r="AD19652">
        <v>46</v>
      </c>
      <c r="AE19652">
        <v>47</v>
      </c>
      <c r="AF19652">
        <v>47</v>
      </c>
      <c r="AG19652">
        <v>47</v>
      </c>
      <c r="AH19652">
        <v>47</v>
      </c>
      <c r="AI19652">
        <v>47</v>
      </c>
      <c r="AJ19652">
        <v>47</v>
      </c>
      <c r="AK19652">
        <v>47</v>
      </c>
      <c r="AL19652">
        <v>47</v>
      </c>
      <c r="AM19652">
        <v>47</v>
      </c>
      <c r="AN19652">
        <v>47</v>
      </c>
      <c r="AO19652">
        <v>47</v>
      </c>
      <c r="AP19652">
        <v>47</v>
      </c>
      <c r="AQ19652">
        <v>47</v>
      </c>
    </row>
    <row r="19653" spans="1:43">
      <c r="A19653" t="s">
        <v>12168</v>
      </c>
      <c r="B19653" t="s">
        <v>12169</v>
      </c>
      <c r="C19653" t="s">
        <v>12154</v>
      </c>
      <c r="D19653" t="s">
        <v>12155</v>
      </c>
      <c r="E19653" t="s">
        <v>12006</v>
      </c>
      <c r="F19653" t="s">
        <v>12007</v>
      </c>
      <c r="G19653" t="s">
        <v>10450</v>
      </c>
      <c r="H19653" t="s">
        <v>10451</v>
      </c>
      <c r="I19653" s="2">
        <v>1</v>
      </c>
      <c r="J19653" s="2">
        <v>0</v>
      </c>
      <c r="K19653" s="2">
        <v>0</v>
      </c>
      <c r="L19653" t="s">
        <v>120</v>
      </c>
      <c r="M19653" t="s">
        <v>83</v>
      </c>
      <c r="N19653" t="s">
        <v>91</v>
      </c>
      <c r="O19653" t="s">
        <v>85</v>
      </c>
      <c r="P19653" t="s">
        <v>86</v>
      </c>
      <c r="Q19653">
        <v>37</v>
      </c>
      <c r="R19653">
        <v>37</v>
      </c>
      <c r="S19653">
        <v>38</v>
      </c>
      <c r="T19653">
        <v>38</v>
      </c>
      <c r="U19653">
        <v>39</v>
      </c>
      <c r="V19653">
        <v>39</v>
      </c>
      <c r="W19653">
        <v>40</v>
      </c>
      <c r="X19653">
        <v>40</v>
      </c>
      <c r="Y19653">
        <v>41</v>
      </c>
      <c r="Z19653">
        <v>41</v>
      </c>
      <c r="AA19653">
        <v>42</v>
      </c>
      <c r="AB19653">
        <v>42</v>
      </c>
      <c r="AC19653">
        <v>43</v>
      </c>
      <c r="AD19653">
        <v>43</v>
      </c>
      <c r="AE19653">
        <v>44</v>
      </c>
      <c r="AF19653">
        <v>44</v>
      </c>
      <c r="AG19653">
        <v>45</v>
      </c>
      <c r="AH19653">
        <v>45</v>
      </c>
      <c r="AI19653">
        <v>46</v>
      </c>
      <c r="AJ19653">
        <v>46</v>
      </c>
      <c r="AK19653">
        <v>46</v>
      </c>
      <c r="AL19653">
        <v>47</v>
      </c>
      <c r="AM19653">
        <v>47</v>
      </c>
      <c r="AN19653">
        <v>47</v>
      </c>
      <c r="AO19653">
        <v>47</v>
      </c>
      <c r="AP19653">
        <v>47</v>
      </c>
      <c r="AQ19653">
        <v>47</v>
      </c>
    </row>
    <row r="19654" spans="1:43">
      <c r="A19654" t="s">
        <v>12170</v>
      </c>
      <c r="B19654" t="s">
        <v>12171</v>
      </c>
      <c r="C19654" t="s">
        <v>12172</v>
      </c>
      <c r="D19654" t="s">
        <v>12173</v>
      </c>
      <c r="E19654" t="s">
        <v>12006</v>
      </c>
      <c r="F19654" t="s">
        <v>12007</v>
      </c>
      <c r="G19654" t="s">
        <v>10450</v>
      </c>
      <c r="H19654" t="s">
        <v>10451</v>
      </c>
      <c r="I19654" s="2">
        <v>1</v>
      </c>
      <c r="J19654" s="2">
        <v>0</v>
      </c>
      <c r="K19654" s="2">
        <v>0</v>
      </c>
      <c r="L19654" t="s">
        <v>120</v>
      </c>
      <c r="M19654" t="s">
        <v>83</v>
      </c>
      <c r="N19654" t="s">
        <v>84</v>
      </c>
      <c r="O19654" t="s">
        <v>85</v>
      </c>
      <c r="P19654" t="s">
        <v>86</v>
      </c>
      <c r="Q19654">
        <v>13</v>
      </c>
      <c r="R19654">
        <v>13</v>
      </c>
      <c r="S19654">
        <v>13</v>
      </c>
      <c r="T19654">
        <v>13</v>
      </c>
      <c r="U19654">
        <v>13</v>
      </c>
      <c r="V19654">
        <v>13</v>
      </c>
      <c r="W19654">
        <v>14</v>
      </c>
      <c r="X19654">
        <v>14</v>
      </c>
      <c r="Y19654">
        <v>14</v>
      </c>
      <c r="Z19654">
        <v>14</v>
      </c>
      <c r="AA19654">
        <v>14</v>
      </c>
      <c r="AB19654">
        <v>15</v>
      </c>
      <c r="AC19654">
        <v>15</v>
      </c>
      <c r="AD19654">
        <v>15</v>
      </c>
      <c r="AE19654">
        <v>15</v>
      </c>
      <c r="AF19654">
        <v>15</v>
      </c>
      <c r="AG19654">
        <v>15</v>
      </c>
      <c r="AH19654">
        <v>15</v>
      </c>
      <c r="AI19654">
        <v>16</v>
      </c>
      <c r="AJ19654">
        <v>16</v>
      </c>
      <c r="AK19654">
        <v>16</v>
      </c>
      <c r="AL19654">
        <v>16</v>
      </c>
      <c r="AM19654">
        <v>16</v>
      </c>
      <c r="AN19654">
        <v>16</v>
      </c>
      <c r="AO19654">
        <v>16</v>
      </c>
      <c r="AP19654">
        <v>16</v>
      </c>
      <c r="AQ19654">
        <v>16</v>
      </c>
    </row>
    <row r="19655" spans="1:43">
      <c r="A19655" t="s">
        <v>12170</v>
      </c>
      <c r="B19655" t="s">
        <v>12171</v>
      </c>
      <c r="C19655" t="s">
        <v>12172</v>
      </c>
      <c r="D19655" t="s">
        <v>12173</v>
      </c>
      <c r="E19655" t="s">
        <v>12006</v>
      </c>
      <c r="F19655" t="s">
        <v>12007</v>
      </c>
      <c r="G19655" t="s">
        <v>10450</v>
      </c>
      <c r="H19655" t="s">
        <v>10451</v>
      </c>
      <c r="I19655" s="2">
        <v>1</v>
      </c>
      <c r="J19655" s="2">
        <v>0</v>
      </c>
      <c r="K19655" s="2">
        <v>0</v>
      </c>
      <c r="L19655" t="s">
        <v>120</v>
      </c>
      <c r="M19655" t="s">
        <v>87</v>
      </c>
      <c r="N19655" t="s">
        <v>88</v>
      </c>
      <c r="O19655" t="s">
        <v>85</v>
      </c>
      <c r="P19655" t="s">
        <v>86</v>
      </c>
      <c r="Q19655">
        <v>13</v>
      </c>
      <c r="R19655">
        <v>14</v>
      </c>
      <c r="S19655">
        <v>14</v>
      </c>
      <c r="T19655">
        <v>14</v>
      </c>
      <c r="U19655">
        <v>14</v>
      </c>
      <c r="V19655">
        <v>14</v>
      </c>
      <c r="W19655">
        <v>14</v>
      </c>
      <c r="X19655">
        <v>14</v>
      </c>
      <c r="Y19655">
        <v>14</v>
      </c>
      <c r="Z19655">
        <v>14</v>
      </c>
      <c r="AA19655">
        <v>14</v>
      </c>
      <c r="AB19655">
        <v>14</v>
      </c>
      <c r="AC19655">
        <v>14</v>
      </c>
      <c r="AD19655">
        <v>14</v>
      </c>
      <c r="AE19655">
        <v>14</v>
      </c>
      <c r="AF19655">
        <v>14</v>
      </c>
      <c r="AG19655">
        <v>14</v>
      </c>
      <c r="AH19655">
        <v>14</v>
      </c>
      <c r="AI19655">
        <v>15</v>
      </c>
      <c r="AJ19655">
        <v>15</v>
      </c>
      <c r="AK19655">
        <v>15</v>
      </c>
      <c r="AL19655">
        <v>15</v>
      </c>
      <c r="AM19655">
        <v>15</v>
      </c>
      <c r="AN19655">
        <v>15</v>
      </c>
      <c r="AO19655">
        <v>15</v>
      </c>
      <c r="AP19655">
        <v>15</v>
      </c>
      <c r="AQ19655">
        <v>15</v>
      </c>
    </row>
    <row r="19656" spans="1:43">
      <c r="A19656" t="s">
        <v>12170</v>
      </c>
      <c r="B19656" t="s">
        <v>12171</v>
      </c>
      <c r="C19656" t="s">
        <v>12172</v>
      </c>
      <c r="D19656" t="s">
        <v>12173</v>
      </c>
      <c r="E19656" t="s">
        <v>12006</v>
      </c>
      <c r="F19656" t="s">
        <v>12007</v>
      </c>
      <c r="G19656" t="s">
        <v>10450</v>
      </c>
      <c r="H19656" t="s">
        <v>10451</v>
      </c>
      <c r="I19656" s="2">
        <v>1</v>
      </c>
      <c r="J19656" s="2">
        <v>0</v>
      </c>
      <c r="K19656" s="2">
        <v>0</v>
      </c>
      <c r="L19656" t="s">
        <v>120</v>
      </c>
      <c r="M19656" t="s">
        <v>89</v>
      </c>
      <c r="N19656" t="s">
        <v>90</v>
      </c>
      <c r="O19656" t="s">
        <v>85</v>
      </c>
      <c r="P19656" t="s">
        <v>86</v>
      </c>
      <c r="Q19656">
        <v>13</v>
      </c>
      <c r="R19656">
        <v>13</v>
      </c>
      <c r="S19656">
        <v>13</v>
      </c>
      <c r="T19656">
        <v>14</v>
      </c>
      <c r="U19656">
        <v>14</v>
      </c>
      <c r="V19656">
        <v>14</v>
      </c>
      <c r="W19656">
        <v>14</v>
      </c>
      <c r="X19656">
        <v>15</v>
      </c>
      <c r="Y19656">
        <v>15</v>
      </c>
      <c r="Z19656">
        <v>15</v>
      </c>
      <c r="AA19656">
        <v>15</v>
      </c>
      <c r="AB19656">
        <v>15</v>
      </c>
      <c r="AC19656">
        <v>16</v>
      </c>
      <c r="AD19656">
        <v>16</v>
      </c>
      <c r="AE19656">
        <v>16</v>
      </c>
      <c r="AF19656">
        <v>16</v>
      </c>
      <c r="AG19656">
        <v>16</v>
      </c>
      <c r="AH19656">
        <v>16</v>
      </c>
      <c r="AI19656">
        <v>16</v>
      </c>
      <c r="AJ19656">
        <v>16</v>
      </c>
      <c r="AK19656">
        <v>16</v>
      </c>
      <c r="AL19656">
        <v>16</v>
      </c>
      <c r="AM19656">
        <v>16</v>
      </c>
      <c r="AN19656">
        <v>16</v>
      </c>
      <c r="AO19656">
        <v>16</v>
      </c>
      <c r="AP19656">
        <v>16</v>
      </c>
      <c r="AQ19656">
        <v>16</v>
      </c>
    </row>
    <row r="19657" spans="1:43">
      <c r="A19657" t="s">
        <v>12170</v>
      </c>
      <c r="B19657" t="s">
        <v>12171</v>
      </c>
      <c r="C19657" t="s">
        <v>12172</v>
      </c>
      <c r="D19657" t="s">
        <v>12173</v>
      </c>
      <c r="E19657" t="s">
        <v>12006</v>
      </c>
      <c r="F19657" t="s">
        <v>12007</v>
      </c>
      <c r="G19657" t="s">
        <v>10450</v>
      </c>
      <c r="H19657" t="s">
        <v>10451</v>
      </c>
      <c r="I19657" s="2">
        <v>1</v>
      </c>
      <c r="J19657" s="2">
        <v>0</v>
      </c>
      <c r="K19657" s="2">
        <v>0</v>
      </c>
      <c r="L19657" t="s">
        <v>120</v>
      </c>
      <c r="M19657" t="s">
        <v>83</v>
      </c>
      <c r="N19657" t="s">
        <v>91</v>
      </c>
      <c r="O19657" t="s">
        <v>85</v>
      </c>
      <c r="P19657" t="s">
        <v>86</v>
      </c>
      <c r="Q19657">
        <v>13</v>
      </c>
      <c r="R19657">
        <v>13</v>
      </c>
      <c r="S19657">
        <v>13</v>
      </c>
      <c r="T19657">
        <v>13</v>
      </c>
      <c r="U19657">
        <v>13</v>
      </c>
      <c r="V19657">
        <v>13</v>
      </c>
      <c r="W19657">
        <v>14</v>
      </c>
      <c r="X19657">
        <v>14</v>
      </c>
      <c r="Y19657">
        <v>14</v>
      </c>
      <c r="Z19657">
        <v>14</v>
      </c>
      <c r="AA19657">
        <v>14</v>
      </c>
      <c r="AB19657">
        <v>15</v>
      </c>
      <c r="AC19657">
        <v>15</v>
      </c>
      <c r="AD19657">
        <v>15</v>
      </c>
      <c r="AE19657">
        <v>15</v>
      </c>
      <c r="AF19657">
        <v>15</v>
      </c>
      <c r="AG19657">
        <v>15</v>
      </c>
      <c r="AH19657">
        <v>15</v>
      </c>
      <c r="AI19657">
        <v>16</v>
      </c>
      <c r="AJ19657">
        <v>16</v>
      </c>
      <c r="AK19657">
        <v>16</v>
      </c>
      <c r="AL19657">
        <v>16</v>
      </c>
      <c r="AM19657">
        <v>16</v>
      </c>
      <c r="AN19657">
        <v>16</v>
      </c>
      <c r="AO19657">
        <v>16</v>
      </c>
      <c r="AP19657">
        <v>16</v>
      </c>
      <c r="AQ19657">
        <v>16</v>
      </c>
    </row>
    <row r="19658" spans="1:43">
      <c r="A19658" t="s">
        <v>12174</v>
      </c>
      <c r="B19658" t="s">
        <v>12175</v>
      </c>
      <c r="C19658" t="s">
        <v>12172</v>
      </c>
      <c r="D19658" t="s">
        <v>12173</v>
      </c>
      <c r="E19658" t="s">
        <v>12006</v>
      </c>
      <c r="F19658" t="s">
        <v>12007</v>
      </c>
      <c r="G19658" t="s">
        <v>10450</v>
      </c>
      <c r="H19658" t="s">
        <v>10451</v>
      </c>
      <c r="I19658" s="2">
        <v>1</v>
      </c>
      <c r="J19658" s="2">
        <v>0</v>
      </c>
      <c r="K19658" s="2">
        <v>0</v>
      </c>
      <c r="L19658" t="s">
        <v>120</v>
      </c>
      <c r="M19658" t="s">
        <v>83</v>
      </c>
      <c r="N19658" t="s">
        <v>84</v>
      </c>
      <c r="O19658" t="s">
        <v>85</v>
      </c>
      <c r="P19658" t="s">
        <v>86</v>
      </c>
      <c r="Q19658">
        <v>46</v>
      </c>
      <c r="R19658">
        <v>46</v>
      </c>
      <c r="S19658">
        <v>47</v>
      </c>
      <c r="T19658">
        <v>48</v>
      </c>
      <c r="U19658">
        <v>48</v>
      </c>
      <c r="V19658">
        <v>49</v>
      </c>
      <c r="W19658">
        <v>50</v>
      </c>
      <c r="X19658">
        <v>50</v>
      </c>
      <c r="Y19658">
        <v>51</v>
      </c>
      <c r="Z19658">
        <v>52</v>
      </c>
      <c r="AA19658">
        <v>52</v>
      </c>
      <c r="AB19658">
        <v>53</v>
      </c>
      <c r="AC19658">
        <v>53</v>
      </c>
      <c r="AD19658">
        <v>54</v>
      </c>
      <c r="AE19658">
        <v>55</v>
      </c>
      <c r="AF19658">
        <v>55</v>
      </c>
      <c r="AG19658">
        <v>56</v>
      </c>
      <c r="AH19658">
        <v>56</v>
      </c>
      <c r="AI19658">
        <v>57</v>
      </c>
      <c r="AJ19658">
        <v>58</v>
      </c>
      <c r="AK19658">
        <v>58</v>
      </c>
      <c r="AL19658">
        <v>58</v>
      </c>
      <c r="AM19658">
        <v>58</v>
      </c>
      <c r="AN19658">
        <v>58</v>
      </c>
      <c r="AO19658">
        <v>58</v>
      </c>
      <c r="AP19658">
        <v>58</v>
      </c>
      <c r="AQ19658">
        <v>58</v>
      </c>
    </row>
    <row r="19659" spans="1:43">
      <c r="A19659" t="s">
        <v>12174</v>
      </c>
      <c r="B19659" t="s">
        <v>12175</v>
      </c>
      <c r="C19659" t="s">
        <v>12172</v>
      </c>
      <c r="D19659" t="s">
        <v>12173</v>
      </c>
      <c r="E19659" t="s">
        <v>12006</v>
      </c>
      <c r="F19659" t="s">
        <v>12007</v>
      </c>
      <c r="G19659" t="s">
        <v>10450</v>
      </c>
      <c r="H19659" t="s">
        <v>10451</v>
      </c>
      <c r="I19659" s="2">
        <v>1</v>
      </c>
      <c r="J19659" s="2">
        <v>0</v>
      </c>
      <c r="K19659" s="2">
        <v>0</v>
      </c>
      <c r="L19659" t="s">
        <v>120</v>
      </c>
      <c r="M19659" t="s">
        <v>87</v>
      </c>
      <c r="N19659" t="s">
        <v>88</v>
      </c>
      <c r="O19659" t="s">
        <v>85</v>
      </c>
      <c r="P19659" t="s">
        <v>86</v>
      </c>
      <c r="Q19659">
        <v>46</v>
      </c>
      <c r="R19659">
        <v>47</v>
      </c>
      <c r="S19659">
        <v>47</v>
      </c>
      <c r="T19659">
        <v>47</v>
      </c>
      <c r="U19659">
        <v>47</v>
      </c>
      <c r="V19659">
        <v>47</v>
      </c>
      <c r="W19659">
        <v>48</v>
      </c>
      <c r="X19659">
        <v>48</v>
      </c>
      <c r="Y19659">
        <v>48</v>
      </c>
      <c r="Z19659">
        <v>48</v>
      </c>
      <c r="AA19659">
        <v>49</v>
      </c>
      <c r="AB19659">
        <v>49</v>
      </c>
      <c r="AC19659">
        <v>49</v>
      </c>
      <c r="AD19659">
        <v>49</v>
      </c>
      <c r="AE19659">
        <v>49</v>
      </c>
      <c r="AF19659">
        <v>50</v>
      </c>
      <c r="AG19659">
        <v>50</v>
      </c>
      <c r="AH19659">
        <v>50</v>
      </c>
      <c r="AI19659">
        <v>50</v>
      </c>
      <c r="AJ19659">
        <v>50</v>
      </c>
      <c r="AK19659">
        <v>51</v>
      </c>
      <c r="AL19659">
        <v>51</v>
      </c>
      <c r="AM19659">
        <v>51</v>
      </c>
      <c r="AN19659">
        <v>51</v>
      </c>
      <c r="AO19659">
        <v>51</v>
      </c>
      <c r="AP19659">
        <v>51</v>
      </c>
      <c r="AQ19659">
        <v>52</v>
      </c>
    </row>
    <row r="19660" spans="1:43">
      <c r="A19660" t="s">
        <v>12174</v>
      </c>
      <c r="B19660" t="s">
        <v>12175</v>
      </c>
      <c r="C19660" t="s">
        <v>12172</v>
      </c>
      <c r="D19660" t="s">
        <v>12173</v>
      </c>
      <c r="E19660" t="s">
        <v>12006</v>
      </c>
      <c r="F19660" t="s">
        <v>12007</v>
      </c>
      <c r="G19660" t="s">
        <v>10450</v>
      </c>
      <c r="H19660" t="s">
        <v>10451</v>
      </c>
      <c r="I19660" s="2">
        <v>1</v>
      </c>
      <c r="J19660" s="2">
        <v>0</v>
      </c>
      <c r="K19660" s="2">
        <v>0</v>
      </c>
      <c r="L19660" t="s">
        <v>120</v>
      </c>
      <c r="M19660" t="s">
        <v>89</v>
      </c>
      <c r="N19660" t="s">
        <v>90</v>
      </c>
      <c r="O19660" t="s">
        <v>85</v>
      </c>
      <c r="P19660" t="s">
        <v>86</v>
      </c>
      <c r="Q19660">
        <v>46</v>
      </c>
      <c r="R19660">
        <v>47</v>
      </c>
      <c r="S19660">
        <v>48</v>
      </c>
      <c r="T19660">
        <v>49</v>
      </c>
      <c r="U19660">
        <v>50</v>
      </c>
      <c r="V19660">
        <v>51</v>
      </c>
      <c r="W19660">
        <v>52</v>
      </c>
      <c r="X19660">
        <v>53</v>
      </c>
      <c r="Y19660">
        <v>54</v>
      </c>
      <c r="Z19660">
        <v>55</v>
      </c>
      <c r="AA19660">
        <v>56</v>
      </c>
      <c r="AB19660">
        <v>56</v>
      </c>
      <c r="AC19660">
        <v>57</v>
      </c>
      <c r="AD19660">
        <v>58</v>
      </c>
      <c r="AE19660">
        <v>59</v>
      </c>
      <c r="AF19660">
        <v>59</v>
      </c>
      <c r="AG19660">
        <v>59</v>
      </c>
      <c r="AH19660">
        <v>59</v>
      </c>
      <c r="AI19660">
        <v>59</v>
      </c>
      <c r="AJ19660">
        <v>59</v>
      </c>
      <c r="AK19660">
        <v>59</v>
      </c>
      <c r="AL19660">
        <v>59</v>
      </c>
      <c r="AM19660">
        <v>59</v>
      </c>
      <c r="AN19660">
        <v>59</v>
      </c>
      <c r="AO19660">
        <v>59</v>
      </c>
      <c r="AP19660">
        <v>59</v>
      </c>
      <c r="AQ19660">
        <v>59</v>
      </c>
    </row>
    <row r="19661" spans="1:43">
      <c r="A19661" t="s">
        <v>12174</v>
      </c>
      <c r="B19661" t="s">
        <v>12175</v>
      </c>
      <c r="C19661" t="s">
        <v>12172</v>
      </c>
      <c r="D19661" t="s">
        <v>12173</v>
      </c>
      <c r="E19661" t="s">
        <v>12006</v>
      </c>
      <c r="F19661" t="s">
        <v>12007</v>
      </c>
      <c r="G19661" t="s">
        <v>10450</v>
      </c>
      <c r="H19661" t="s">
        <v>10451</v>
      </c>
      <c r="I19661" s="2">
        <v>1</v>
      </c>
      <c r="J19661" s="2">
        <v>0</v>
      </c>
      <c r="K19661" s="2">
        <v>0</v>
      </c>
      <c r="L19661" t="s">
        <v>120</v>
      </c>
      <c r="M19661" t="s">
        <v>83</v>
      </c>
      <c r="N19661" t="s">
        <v>91</v>
      </c>
      <c r="O19661" t="s">
        <v>85</v>
      </c>
      <c r="P19661" t="s">
        <v>86</v>
      </c>
      <c r="Q19661">
        <v>46</v>
      </c>
      <c r="R19661">
        <v>46</v>
      </c>
      <c r="S19661">
        <v>47</v>
      </c>
      <c r="T19661">
        <v>48</v>
      </c>
      <c r="U19661">
        <v>48</v>
      </c>
      <c r="V19661">
        <v>49</v>
      </c>
      <c r="W19661">
        <v>50</v>
      </c>
      <c r="X19661">
        <v>50</v>
      </c>
      <c r="Y19661">
        <v>51</v>
      </c>
      <c r="Z19661">
        <v>52</v>
      </c>
      <c r="AA19661">
        <v>52</v>
      </c>
      <c r="AB19661">
        <v>53</v>
      </c>
      <c r="AC19661">
        <v>53</v>
      </c>
      <c r="AD19661">
        <v>54</v>
      </c>
      <c r="AE19661">
        <v>55</v>
      </c>
      <c r="AF19661">
        <v>55</v>
      </c>
      <c r="AG19661">
        <v>56</v>
      </c>
      <c r="AH19661">
        <v>56</v>
      </c>
      <c r="AI19661">
        <v>57</v>
      </c>
      <c r="AJ19661">
        <v>58</v>
      </c>
      <c r="AK19661">
        <v>58</v>
      </c>
      <c r="AL19661">
        <v>58</v>
      </c>
      <c r="AM19661">
        <v>58</v>
      </c>
      <c r="AN19661">
        <v>58</v>
      </c>
      <c r="AO19661">
        <v>58</v>
      </c>
      <c r="AP19661">
        <v>58</v>
      </c>
      <c r="AQ19661">
        <v>58</v>
      </c>
    </row>
    <row r="19662" spans="1:43">
      <c r="A19662" t="s">
        <v>12176</v>
      </c>
      <c r="B19662" t="s">
        <v>12177</v>
      </c>
      <c r="C19662" t="s">
        <v>12172</v>
      </c>
      <c r="D19662" t="s">
        <v>12173</v>
      </c>
      <c r="E19662" t="s">
        <v>12006</v>
      </c>
      <c r="F19662" t="s">
        <v>12007</v>
      </c>
      <c r="G19662" t="s">
        <v>10450</v>
      </c>
      <c r="H19662" t="s">
        <v>10451</v>
      </c>
      <c r="I19662" s="2">
        <v>1</v>
      </c>
      <c r="J19662" s="2">
        <v>0</v>
      </c>
      <c r="K19662" s="2">
        <v>0</v>
      </c>
      <c r="L19662" t="s">
        <v>120</v>
      </c>
      <c r="M19662" t="s">
        <v>83</v>
      </c>
      <c r="N19662" t="s">
        <v>84</v>
      </c>
      <c r="O19662" t="s">
        <v>85</v>
      </c>
      <c r="P19662" t="s">
        <v>86</v>
      </c>
      <c r="Q19662">
        <v>17</v>
      </c>
      <c r="R19662">
        <v>17</v>
      </c>
      <c r="S19662">
        <v>18</v>
      </c>
      <c r="T19662">
        <v>18</v>
      </c>
      <c r="U19662">
        <v>18</v>
      </c>
      <c r="V19662">
        <v>18</v>
      </c>
      <c r="W19662">
        <v>19</v>
      </c>
      <c r="X19662">
        <v>19</v>
      </c>
      <c r="Y19662">
        <v>19</v>
      </c>
      <c r="Z19662">
        <v>19</v>
      </c>
      <c r="AA19662">
        <v>19</v>
      </c>
      <c r="AB19662">
        <v>20</v>
      </c>
      <c r="AC19662">
        <v>20</v>
      </c>
      <c r="AD19662">
        <v>20</v>
      </c>
      <c r="AE19662">
        <v>20</v>
      </c>
      <c r="AF19662">
        <v>21</v>
      </c>
      <c r="AG19662">
        <v>21</v>
      </c>
      <c r="AH19662">
        <v>21</v>
      </c>
      <c r="AI19662">
        <v>21</v>
      </c>
      <c r="AJ19662">
        <v>21</v>
      </c>
      <c r="AK19662">
        <v>22</v>
      </c>
      <c r="AL19662">
        <v>22</v>
      </c>
      <c r="AM19662">
        <v>22</v>
      </c>
      <c r="AN19662">
        <v>22</v>
      </c>
      <c r="AO19662">
        <v>22</v>
      </c>
      <c r="AP19662">
        <v>22</v>
      </c>
      <c r="AQ19662">
        <v>22</v>
      </c>
    </row>
    <row r="19663" spans="1:43">
      <c r="A19663" t="s">
        <v>12176</v>
      </c>
      <c r="B19663" t="s">
        <v>12177</v>
      </c>
      <c r="C19663" t="s">
        <v>12172</v>
      </c>
      <c r="D19663" t="s">
        <v>12173</v>
      </c>
      <c r="E19663" t="s">
        <v>12006</v>
      </c>
      <c r="F19663" t="s">
        <v>12007</v>
      </c>
      <c r="G19663" t="s">
        <v>10450</v>
      </c>
      <c r="H19663" t="s">
        <v>10451</v>
      </c>
      <c r="I19663" s="2">
        <v>1</v>
      </c>
      <c r="J19663" s="2">
        <v>0</v>
      </c>
      <c r="K19663" s="2">
        <v>0</v>
      </c>
      <c r="L19663" t="s">
        <v>120</v>
      </c>
      <c r="M19663" t="s">
        <v>87</v>
      </c>
      <c r="N19663" t="s">
        <v>88</v>
      </c>
      <c r="O19663" t="s">
        <v>85</v>
      </c>
      <c r="P19663" t="s">
        <v>86</v>
      </c>
      <c r="Q19663">
        <v>17</v>
      </c>
      <c r="R19663">
        <v>17</v>
      </c>
      <c r="S19663">
        <v>17</v>
      </c>
      <c r="T19663">
        <v>17</v>
      </c>
      <c r="U19663">
        <v>17</v>
      </c>
      <c r="V19663">
        <v>17</v>
      </c>
      <c r="W19663">
        <v>17</v>
      </c>
      <c r="X19663">
        <v>17</v>
      </c>
      <c r="Y19663">
        <v>18</v>
      </c>
      <c r="Z19663">
        <v>18</v>
      </c>
      <c r="AA19663">
        <v>18</v>
      </c>
      <c r="AB19663">
        <v>18</v>
      </c>
      <c r="AC19663">
        <v>18</v>
      </c>
      <c r="AD19663">
        <v>18</v>
      </c>
      <c r="AE19663">
        <v>18</v>
      </c>
      <c r="AF19663">
        <v>18</v>
      </c>
      <c r="AG19663">
        <v>18</v>
      </c>
      <c r="AH19663">
        <v>18</v>
      </c>
      <c r="AI19663">
        <v>18</v>
      </c>
      <c r="AJ19663">
        <v>18</v>
      </c>
      <c r="AK19663">
        <v>18</v>
      </c>
      <c r="AL19663">
        <v>19</v>
      </c>
      <c r="AM19663">
        <v>19</v>
      </c>
      <c r="AN19663">
        <v>19</v>
      </c>
      <c r="AO19663">
        <v>19</v>
      </c>
      <c r="AP19663">
        <v>19</v>
      </c>
      <c r="AQ19663">
        <v>19</v>
      </c>
    </row>
    <row r="19664" spans="1:43">
      <c r="A19664" t="s">
        <v>12176</v>
      </c>
      <c r="B19664" t="s">
        <v>12177</v>
      </c>
      <c r="C19664" t="s">
        <v>12172</v>
      </c>
      <c r="D19664" t="s">
        <v>12173</v>
      </c>
      <c r="E19664" t="s">
        <v>12006</v>
      </c>
      <c r="F19664" t="s">
        <v>12007</v>
      </c>
      <c r="G19664" t="s">
        <v>10450</v>
      </c>
      <c r="H19664" t="s">
        <v>10451</v>
      </c>
      <c r="I19664" s="2">
        <v>1</v>
      </c>
      <c r="J19664" s="2">
        <v>0</v>
      </c>
      <c r="K19664" s="2">
        <v>0</v>
      </c>
      <c r="L19664" t="s">
        <v>120</v>
      </c>
      <c r="M19664" t="s">
        <v>89</v>
      </c>
      <c r="N19664" t="s">
        <v>90</v>
      </c>
      <c r="O19664" t="s">
        <v>85</v>
      </c>
      <c r="P19664" t="s">
        <v>86</v>
      </c>
      <c r="Q19664">
        <v>17</v>
      </c>
      <c r="R19664">
        <v>18</v>
      </c>
      <c r="S19664">
        <v>18</v>
      </c>
      <c r="T19664">
        <v>18</v>
      </c>
      <c r="U19664">
        <v>19</v>
      </c>
      <c r="V19664">
        <v>19</v>
      </c>
      <c r="W19664">
        <v>19</v>
      </c>
      <c r="X19664">
        <v>20</v>
      </c>
      <c r="Y19664">
        <v>20</v>
      </c>
      <c r="Z19664">
        <v>20</v>
      </c>
      <c r="AA19664">
        <v>21</v>
      </c>
      <c r="AB19664">
        <v>21</v>
      </c>
      <c r="AC19664">
        <v>21</v>
      </c>
      <c r="AD19664">
        <v>22</v>
      </c>
      <c r="AE19664">
        <v>22</v>
      </c>
      <c r="AF19664">
        <v>22</v>
      </c>
      <c r="AG19664">
        <v>22</v>
      </c>
      <c r="AH19664">
        <v>22</v>
      </c>
      <c r="AI19664">
        <v>22</v>
      </c>
      <c r="AJ19664">
        <v>22</v>
      </c>
      <c r="AK19664">
        <v>22</v>
      </c>
      <c r="AL19664">
        <v>22</v>
      </c>
      <c r="AM19664">
        <v>22</v>
      </c>
      <c r="AN19664">
        <v>22</v>
      </c>
      <c r="AO19664">
        <v>22</v>
      </c>
      <c r="AP19664">
        <v>22</v>
      </c>
      <c r="AQ19664">
        <v>22</v>
      </c>
    </row>
    <row r="19665" spans="1:43">
      <c r="A19665" t="s">
        <v>12176</v>
      </c>
      <c r="B19665" t="s">
        <v>12177</v>
      </c>
      <c r="C19665" t="s">
        <v>12172</v>
      </c>
      <c r="D19665" t="s">
        <v>12173</v>
      </c>
      <c r="E19665" t="s">
        <v>12006</v>
      </c>
      <c r="F19665" t="s">
        <v>12007</v>
      </c>
      <c r="G19665" t="s">
        <v>10450</v>
      </c>
      <c r="H19665" t="s">
        <v>10451</v>
      </c>
      <c r="I19665" s="2">
        <v>1</v>
      </c>
      <c r="J19665" s="2">
        <v>0</v>
      </c>
      <c r="K19665" s="2">
        <v>0</v>
      </c>
      <c r="L19665" t="s">
        <v>120</v>
      </c>
      <c r="M19665" t="s">
        <v>83</v>
      </c>
      <c r="N19665" t="s">
        <v>91</v>
      </c>
      <c r="O19665" t="s">
        <v>85</v>
      </c>
      <c r="P19665" t="s">
        <v>86</v>
      </c>
      <c r="Q19665">
        <v>17</v>
      </c>
      <c r="R19665">
        <v>17</v>
      </c>
      <c r="S19665">
        <v>18</v>
      </c>
      <c r="T19665">
        <v>18</v>
      </c>
      <c r="U19665">
        <v>18</v>
      </c>
      <c r="V19665">
        <v>18</v>
      </c>
      <c r="W19665">
        <v>19</v>
      </c>
      <c r="X19665">
        <v>19</v>
      </c>
      <c r="Y19665">
        <v>19</v>
      </c>
      <c r="Z19665">
        <v>19</v>
      </c>
      <c r="AA19665">
        <v>19</v>
      </c>
      <c r="AB19665">
        <v>20</v>
      </c>
      <c r="AC19665">
        <v>20</v>
      </c>
      <c r="AD19665">
        <v>20</v>
      </c>
      <c r="AE19665">
        <v>20</v>
      </c>
      <c r="AF19665">
        <v>21</v>
      </c>
      <c r="AG19665">
        <v>21</v>
      </c>
      <c r="AH19665">
        <v>21</v>
      </c>
      <c r="AI19665">
        <v>21</v>
      </c>
      <c r="AJ19665">
        <v>21</v>
      </c>
      <c r="AK19665">
        <v>22</v>
      </c>
      <c r="AL19665">
        <v>22</v>
      </c>
      <c r="AM19665">
        <v>22</v>
      </c>
      <c r="AN19665">
        <v>22</v>
      </c>
      <c r="AO19665">
        <v>22</v>
      </c>
      <c r="AP19665">
        <v>22</v>
      </c>
      <c r="AQ19665">
        <v>22</v>
      </c>
    </row>
    <row r="19666" spans="1:43">
      <c r="A19666" t="s">
        <v>12178</v>
      </c>
      <c r="B19666" t="s">
        <v>12179</v>
      </c>
      <c r="C19666" t="s">
        <v>12064</v>
      </c>
      <c r="D19666" t="s">
        <v>12065</v>
      </c>
      <c r="E19666" t="s">
        <v>12006</v>
      </c>
      <c r="F19666" t="s">
        <v>12007</v>
      </c>
      <c r="G19666" t="s">
        <v>10450</v>
      </c>
      <c r="H19666" t="s">
        <v>10451</v>
      </c>
      <c r="I19666" s="2">
        <v>1</v>
      </c>
      <c r="J19666" s="2">
        <v>0</v>
      </c>
      <c r="K19666" s="2">
        <v>0</v>
      </c>
      <c r="L19666" t="s">
        <v>120</v>
      </c>
      <c r="M19666" t="s">
        <v>83</v>
      </c>
      <c r="N19666" t="s">
        <v>84</v>
      </c>
      <c r="O19666" t="s">
        <v>85</v>
      </c>
      <c r="P19666" t="s">
        <v>86</v>
      </c>
      <c r="Q19666">
        <v>36</v>
      </c>
      <c r="R19666">
        <v>37</v>
      </c>
      <c r="S19666">
        <v>37</v>
      </c>
      <c r="T19666">
        <v>38</v>
      </c>
      <c r="U19666">
        <v>38</v>
      </c>
      <c r="V19666">
        <v>39</v>
      </c>
      <c r="W19666">
        <v>39</v>
      </c>
      <c r="X19666">
        <v>39</v>
      </c>
      <c r="Y19666">
        <v>40</v>
      </c>
      <c r="Z19666">
        <v>40</v>
      </c>
      <c r="AA19666">
        <v>41</v>
      </c>
      <c r="AB19666">
        <v>41</v>
      </c>
      <c r="AC19666">
        <v>42</v>
      </c>
      <c r="AD19666">
        <v>42</v>
      </c>
      <c r="AE19666">
        <v>42</v>
      </c>
      <c r="AF19666">
        <v>43</v>
      </c>
      <c r="AG19666">
        <v>43</v>
      </c>
      <c r="AH19666">
        <v>44</v>
      </c>
      <c r="AI19666">
        <v>44</v>
      </c>
      <c r="AJ19666">
        <v>44</v>
      </c>
      <c r="AK19666">
        <v>45</v>
      </c>
      <c r="AL19666">
        <v>45</v>
      </c>
      <c r="AM19666">
        <v>45</v>
      </c>
      <c r="AN19666">
        <v>45</v>
      </c>
      <c r="AO19666">
        <v>45</v>
      </c>
      <c r="AP19666">
        <v>45</v>
      </c>
      <c r="AQ19666">
        <v>45</v>
      </c>
    </row>
    <row r="19667" spans="1:43">
      <c r="A19667" t="s">
        <v>12178</v>
      </c>
      <c r="B19667" t="s">
        <v>12179</v>
      </c>
      <c r="C19667" t="s">
        <v>12064</v>
      </c>
      <c r="D19667" t="s">
        <v>12065</v>
      </c>
      <c r="E19667" t="s">
        <v>12006</v>
      </c>
      <c r="F19667" t="s">
        <v>12007</v>
      </c>
      <c r="G19667" t="s">
        <v>10450</v>
      </c>
      <c r="H19667" t="s">
        <v>10451</v>
      </c>
      <c r="I19667" s="2">
        <v>1</v>
      </c>
      <c r="J19667" s="2">
        <v>0</v>
      </c>
      <c r="K19667" s="2">
        <v>0</v>
      </c>
      <c r="L19667" t="s">
        <v>120</v>
      </c>
      <c r="M19667" t="s">
        <v>87</v>
      </c>
      <c r="N19667" t="s">
        <v>88</v>
      </c>
      <c r="O19667" t="s">
        <v>85</v>
      </c>
      <c r="P19667" t="s">
        <v>86</v>
      </c>
      <c r="Q19667">
        <v>36</v>
      </c>
      <c r="R19667">
        <v>36</v>
      </c>
      <c r="S19667">
        <v>36</v>
      </c>
      <c r="T19667">
        <v>36</v>
      </c>
      <c r="U19667">
        <v>36</v>
      </c>
      <c r="V19667">
        <v>37</v>
      </c>
      <c r="W19667">
        <v>37</v>
      </c>
      <c r="X19667">
        <v>37</v>
      </c>
      <c r="Y19667">
        <v>37</v>
      </c>
      <c r="Z19667">
        <v>37</v>
      </c>
      <c r="AA19667">
        <v>37</v>
      </c>
      <c r="AB19667">
        <v>37</v>
      </c>
      <c r="AC19667">
        <v>37</v>
      </c>
      <c r="AD19667">
        <v>37</v>
      </c>
      <c r="AE19667">
        <v>38</v>
      </c>
      <c r="AF19667">
        <v>38</v>
      </c>
      <c r="AG19667">
        <v>38</v>
      </c>
      <c r="AH19667">
        <v>38</v>
      </c>
      <c r="AI19667">
        <v>38</v>
      </c>
      <c r="AJ19667">
        <v>38</v>
      </c>
      <c r="AK19667">
        <v>38</v>
      </c>
      <c r="AL19667">
        <v>38</v>
      </c>
      <c r="AM19667">
        <v>38</v>
      </c>
      <c r="AN19667">
        <v>38</v>
      </c>
      <c r="AO19667">
        <v>39</v>
      </c>
      <c r="AP19667">
        <v>39</v>
      </c>
      <c r="AQ19667">
        <v>39</v>
      </c>
    </row>
    <row r="19668" spans="1:43">
      <c r="A19668" t="s">
        <v>12178</v>
      </c>
      <c r="B19668" t="s">
        <v>12179</v>
      </c>
      <c r="C19668" t="s">
        <v>12064</v>
      </c>
      <c r="D19668" t="s">
        <v>12065</v>
      </c>
      <c r="E19668" t="s">
        <v>12006</v>
      </c>
      <c r="F19668" t="s">
        <v>12007</v>
      </c>
      <c r="G19668" t="s">
        <v>10450</v>
      </c>
      <c r="H19668" t="s">
        <v>10451</v>
      </c>
      <c r="I19668" s="2">
        <v>1</v>
      </c>
      <c r="J19668" s="2">
        <v>0</v>
      </c>
      <c r="K19668" s="2">
        <v>0</v>
      </c>
      <c r="L19668" t="s">
        <v>120</v>
      </c>
      <c r="M19668" t="s">
        <v>89</v>
      </c>
      <c r="N19668" t="s">
        <v>90</v>
      </c>
      <c r="O19668" t="s">
        <v>85</v>
      </c>
      <c r="P19668" t="s">
        <v>86</v>
      </c>
      <c r="Q19668">
        <v>36</v>
      </c>
      <c r="R19668">
        <v>36</v>
      </c>
      <c r="S19668">
        <v>37</v>
      </c>
      <c r="T19668">
        <v>38</v>
      </c>
      <c r="U19668">
        <v>39</v>
      </c>
      <c r="V19668">
        <v>39</v>
      </c>
      <c r="W19668">
        <v>40</v>
      </c>
      <c r="X19668">
        <v>41</v>
      </c>
      <c r="Y19668">
        <v>41</v>
      </c>
      <c r="Z19668">
        <v>42</v>
      </c>
      <c r="AA19668">
        <v>42</v>
      </c>
      <c r="AB19668">
        <v>43</v>
      </c>
      <c r="AC19668">
        <v>44</v>
      </c>
      <c r="AD19668">
        <v>44</v>
      </c>
      <c r="AE19668">
        <v>44</v>
      </c>
      <c r="AF19668">
        <v>44</v>
      </c>
      <c r="AG19668">
        <v>44</v>
      </c>
      <c r="AH19668">
        <v>44</v>
      </c>
      <c r="AI19668">
        <v>44</v>
      </c>
      <c r="AJ19668">
        <v>44</v>
      </c>
      <c r="AK19668">
        <v>44</v>
      </c>
      <c r="AL19668">
        <v>44</v>
      </c>
      <c r="AM19668">
        <v>44</v>
      </c>
      <c r="AN19668">
        <v>44</v>
      </c>
      <c r="AO19668">
        <v>44</v>
      </c>
      <c r="AP19668">
        <v>44</v>
      </c>
      <c r="AQ19668">
        <v>44</v>
      </c>
    </row>
    <row r="19669" spans="1:43">
      <c r="A19669" t="s">
        <v>12178</v>
      </c>
      <c r="B19669" t="s">
        <v>12179</v>
      </c>
      <c r="C19669" t="s">
        <v>12064</v>
      </c>
      <c r="D19669" t="s">
        <v>12065</v>
      </c>
      <c r="E19669" t="s">
        <v>12006</v>
      </c>
      <c r="F19669" t="s">
        <v>12007</v>
      </c>
      <c r="G19669" t="s">
        <v>10450</v>
      </c>
      <c r="H19669" t="s">
        <v>10451</v>
      </c>
      <c r="I19669" s="2">
        <v>1</v>
      </c>
      <c r="J19669" s="2">
        <v>0</v>
      </c>
      <c r="K19669" s="2">
        <v>0</v>
      </c>
      <c r="L19669" t="s">
        <v>120</v>
      </c>
      <c r="M19669" t="s">
        <v>83</v>
      </c>
      <c r="N19669" t="s">
        <v>91</v>
      </c>
      <c r="O19669" t="s">
        <v>85</v>
      </c>
      <c r="P19669" t="s">
        <v>86</v>
      </c>
      <c r="Q19669">
        <v>36</v>
      </c>
      <c r="R19669">
        <v>37</v>
      </c>
      <c r="S19669">
        <v>37</v>
      </c>
      <c r="T19669">
        <v>38</v>
      </c>
      <c r="U19669">
        <v>38</v>
      </c>
      <c r="V19669">
        <v>39</v>
      </c>
      <c r="W19669">
        <v>39</v>
      </c>
      <c r="X19669">
        <v>39</v>
      </c>
      <c r="Y19669">
        <v>40</v>
      </c>
      <c r="Z19669">
        <v>40</v>
      </c>
      <c r="AA19669">
        <v>41</v>
      </c>
      <c r="AB19669">
        <v>41</v>
      </c>
      <c r="AC19669">
        <v>42</v>
      </c>
      <c r="AD19669">
        <v>42</v>
      </c>
      <c r="AE19669">
        <v>42</v>
      </c>
      <c r="AF19669">
        <v>43</v>
      </c>
      <c r="AG19669">
        <v>43</v>
      </c>
      <c r="AH19669">
        <v>44</v>
      </c>
      <c r="AI19669">
        <v>44</v>
      </c>
      <c r="AJ19669">
        <v>44</v>
      </c>
      <c r="AK19669">
        <v>45</v>
      </c>
      <c r="AL19669">
        <v>45</v>
      </c>
      <c r="AM19669">
        <v>45</v>
      </c>
      <c r="AN19669">
        <v>45</v>
      </c>
      <c r="AO19669">
        <v>45</v>
      </c>
      <c r="AP19669">
        <v>45</v>
      </c>
      <c r="AQ19669">
        <v>45</v>
      </c>
    </row>
    <row r="19670" spans="1:43">
      <c r="A19670" t="s">
        <v>12180</v>
      </c>
      <c r="B19670" t="s">
        <v>12181</v>
      </c>
      <c r="C19670" t="s">
        <v>12108</v>
      </c>
      <c r="D19670" t="s">
        <v>12109</v>
      </c>
      <c r="E19670" t="s">
        <v>12006</v>
      </c>
      <c r="F19670" t="s">
        <v>12007</v>
      </c>
      <c r="G19670" t="s">
        <v>10450</v>
      </c>
      <c r="H19670" t="s">
        <v>10451</v>
      </c>
      <c r="I19670" s="2">
        <v>1</v>
      </c>
      <c r="J19670" s="2">
        <v>0</v>
      </c>
      <c r="K19670" s="2">
        <v>0</v>
      </c>
      <c r="L19670" t="s">
        <v>120</v>
      </c>
      <c r="M19670" t="s">
        <v>83</v>
      </c>
      <c r="N19670" t="s">
        <v>84</v>
      </c>
      <c r="O19670" t="s">
        <v>85</v>
      </c>
      <c r="P19670" t="s">
        <v>86</v>
      </c>
      <c r="Q19670">
        <v>72</v>
      </c>
      <c r="R19670">
        <v>73</v>
      </c>
      <c r="S19670">
        <v>74</v>
      </c>
      <c r="T19670">
        <v>75</v>
      </c>
      <c r="U19670">
        <v>76</v>
      </c>
      <c r="V19670">
        <v>77</v>
      </c>
      <c r="W19670">
        <v>78</v>
      </c>
      <c r="X19670">
        <v>79</v>
      </c>
      <c r="Y19670">
        <v>80</v>
      </c>
      <c r="Z19670">
        <v>81</v>
      </c>
      <c r="AA19670">
        <v>82</v>
      </c>
      <c r="AB19670">
        <v>83</v>
      </c>
      <c r="AC19670">
        <v>84</v>
      </c>
      <c r="AD19670">
        <v>84</v>
      </c>
      <c r="AE19670">
        <v>85</v>
      </c>
      <c r="AF19670">
        <v>86</v>
      </c>
      <c r="AG19670">
        <v>87</v>
      </c>
      <c r="AH19670">
        <v>88</v>
      </c>
      <c r="AI19670">
        <v>89</v>
      </c>
      <c r="AJ19670">
        <v>90</v>
      </c>
      <c r="AK19670">
        <v>91</v>
      </c>
      <c r="AL19670">
        <v>91</v>
      </c>
      <c r="AM19670">
        <v>91</v>
      </c>
      <c r="AN19670">
        <v>91</v>
      </c>
      <c r="AO19670">
        <v>91</v>
      </c>
      <c r="AP19670">
        <v>91</v>
      </c>
      <c r="AQ19670">
        <v>91</v>
      </c>
    </row>
    <row r="19671" spans="1:43">
      <c r="A19671" t="s">
        <v>12180</v>
      </c>
      <c r="B19671" t="s">
        <v>12181</v>
      </c>
      <c r="C19671" t="s">
        <v>12108</v>
      </c>
      <c r="D19671" t="s">
        <v>12109</v>
      </c>
      <c r="E19671" t="s">
        <v>12006</v>
      </c>
      <c r="F19671" t="s">
        <v>12007</v>
      </c>
      <c r="G19671" t="s">
        <v>10450</v>
      </c>
      <c r="H19671" t="s">
        <v>10451</v>
      </c>
      <c r="I19671" s="2">
        <v>1</v>
      </c>
      <c r="J19671" s="2">
        <v>0</v>
      </c>
      <c r="K19671" s="2">
        <v>0</v>
      </c>
      <c r="L19671" t="s">
        <v>120</v>
      </c>
      <c r="M19671" t="s">
        <v>87</v>
      </c>
      <c r="N19671" t="s">
        <v>88</v>
      </c>
      <c r="O19671" t="s">
        <v>85</v>
      </c>
      <c r="P19671" t="s">
        <v>86</v>
      </c>
      <c r="Q19671">
        <v>72</v>
      </c>
      <c r="R19671">
        <v>72</v>
      </c>
      <c r="S19671">
        <v>73</v>
      </c>
      <c r="T19671">
        <v>73</v>
      </c>
      <c r="U19671">
        <v>73</v>
      </c>
      <c r="V19671">
        <v>74</v>
      </c>
      <c r="W19671">
        <v>74</v>
      </c>
      <c r="X19671">
        <v>74</v>
      </c>
      <c r="Y19671">
        <v>75</v>
      </c>
      <c r="Z19671">
        <v>75</v>
      </c>
      <c r="AA19671">
        <v>75</v>
      </c>
      <c r="AB19671">
        <v>76</v>
      </c>
      <c r="AC19671">
        <v>76</v>
      </c>
      <c r="AD19671">
        <v>76</v>
      </c>
      <c r="AE19671">
        <v>77</v>
      </c>
      <c r="AF19671">
        <v>77</v>
      </c>
      <c r="AG19671">
        <v>77</v>
      </c>
      <c r="AH19671">
        <v>78</v>
      </c>
      <c r="AI19671">
        <v>78</v>
      </c>
      <c r="AJ19671">
        <v>78</v>
      </c>
      <c r="AK19671">
        <v>79</v>
      </c>
      <c r="AL19671">
        <v>79</v>
      </c>
      <c r="AM19671">
        <v>79</v>
      </c>
      <c r="AN19671">
        <v>79</v>
      </c>
      <c r="AO19671">
        <v>80</v>
      </c>
      <c r="AP19671">
        <v>80</v>
      </c>
      <c r="AQ19671">
        <v>80</v>
      </c>
    </row>
    <row r="19672" spans="1:43">
      <c r="A19672" t="s">
        <v>12180</v>
      </c>
      <c r="B19672" t="s">
        <v>12181</v>
      </c>
      <c r="C19672" t="s">
        <v>12108</v>
      </c>
      <c r="D19672" t="s">
        <v>12109</v>
      </c>
      <c r="E19672" t="s">
        <v>12006</v>
      </c>
      <c r="F19672" t="s">
        <v>12007</v>
      </c>
      <c r="G19672" t="s">
        <v>10450</v>
      </c>
      <c r="H19672" t="s">
        <v>10451</v>
      </c>
      <c r="I19672" s="2">
        <v>1</v>
      </c>
      <c r="J19672" s="2">
        <v>0</v>
      </c>
      <c r="K19672" s="2">
        <v>0</v>
      </c>
      <c r="L19672" t="s">
        <v>120</v>
      </c>
      <c r="M19672" t="s">
        <v>89</v>
      </c>
      <c r="N19672" t="s">
        <v>90</v>
      </c>
      <c r="O19672" t="s">
        <v>85</v>
      </c>
      <c r="P19672" t="s">
        <v>86</v>
      </c>
      <c r="Q19672">
        <v>72</v>
      </c>
      <c r="R19672">
        <v>74</v>
      </c>
      <c r="S19672">
        <v>76</v>
      </c>
      <c r="T19672">
        <v>77</v>
      </c>
      <c r="U19672">
        <v>79</v>
      </c>
      <c r="V19672">
        <v>80</v>
      </c>
      <c r="W19672">
        <v>82</v>
      </c>
      <c r="X19672">
        <v>83</v>
      </c>
      <c r="Y19672">
        <v>84</v>
      </c>
      <c r="Z19672">
        <v>86</v>
      </c>
      <c r="AA19672">
        <v>87</v>
      </c>
      <c r="AB19672">
        <v>88</v>
      </c>
      <c r="AC19672">
        <v>90</v>
      </c>
      <c r="AD19672">
        <v>91</v>
      </c>
      <c r="AE19672">
        <v>92</v>
      </c>
      <c r="AF19672">
        <v>92</v>
      </c>
      <c r="AG19672">
        <v>92</v>
      </c>
      <c r="AH19672">
        <v>92</v>
      </c>
      <c r="AI19672">
        <v>92</v>
      </c>
      <c r="AJ19672">
        <v>92</v>
      </c>
      <c r="AK19672">
        <v>92</v>
      </c>
      <c r="AL19672">
        <v>92</v>
      </c>
      <c r="AM19672">
        <v>92</v>
      </c>
      <c r="AN19672">
        <v>92</v>
      </c>
      <c r="AO19672">
        <v>92</v>
      </c>
      <c r="AP19672">
        <v>92</v>
      </c>
      <c r="AQ19672">
        <v>92</v>
      </c>
    </row>
    <row r="19673" spans="1:43">
      <c r="A19673" t="s">
        <v>12180</v>
      </c>
      <c r="B19673" t="s">
        <v>12181</v>
      </c>
      <c r="C19673" t="s">
        <v>12108</v>
      </c>
      <c r="D19673" t="s">
        <v>12109</v>
      </c>
      <c r="E19673" t="s">
        <v>12006</v>
      </c>
      <c r="F19673" t="s">
        <v>12007</v>
      </c>
      <c r="G19673" t="s">
        <v>10450</v>
      </c>
      <c r="H19673" t="s">
        <v>10451</v>
      </c>
      <c r="I19673" s="2">
        <v>1</v>
      </c>
      <c r="J19673" s="2">
        <v>0</v>
      </c>
      <c r="K19673" s="2">
        <v>0</v>
      </c>
      <c r="L19673" t="s">
        <v>120</v>
      </c>
      <c r="M19673" t="s">
        <v>83</v>
      </c>
      <c r="N19673" t="s">
        <v>91</v>
      </c>
      <c r="O19673" t="s">
        <v>85</v>
      </c>
      <c r="P19673" t="s">
        <v>86</v>
      </c>
      <c r="Q19673">
        <v>72</v>
      </c>
      <c r="R19673">
        <v>73</v>
      </c>
      <c r="S19673">
        <v>74</v>
      </c>
      <c r="T19673">
        <v>75</v>
      </c>
      <c r="U19673">
        <v>76</v>
      </c>
      <c r="V19673">
        <v>77</v>
      </c>
      <c r="W19673">
        <v>78</v>
      </c>
      <c r="X19673">
        <v>79</v>
      </c>
      <c r="Y19673">
        <v>80</v>
      </c>
      <c r="Z19673">
        <v>81</v>
      </c>
      <c r="AA19673">
        <v>82</v>
      </c>
      <c r="AB19673">
        <v>83</v>
      </c>
      <c r="AC19673">
        <v>84</v>
      </c>
      <c r="AD19673">
        <v>84</v>
      </c>
      <c r="AE19673">
        <v>85</v>
      </c>
      <c r="AF19673">
        <v>86</v>
      </c>
      <c r="AG19673">
        <v>87</v>
      </c>
      <c r="AH19673">
        <v>88</v>
      </c>
      <c r="AI19673">
        <v>89</v>
      </c>
      <c r="AJ19673">
        <v>90</v>
      </c>
      <c r="AK19673">
        <v>91</v>
      </c>
      <c r="AL19673">
        <v>91</v>
      </c>
      <c r="AM19673">
        <v>91</v>
      </c>
      <c r="AN19673">
        <v>91</v>
      </c>
      <c r="AO19673">
        <v>91</v>
      </c>
      <c r="AP19673">
        <v>91</v>
      </c>
      <c r="AQ19673">
        <v>91</v>
      </c>
    </row>
    <row r="19674" spans="1:43">
      <c r="A19674" t="s">
        <v>12182</v>
      </c>
      <c r="B19674" t="s">
        <v>12183</v>
      </c>
      <c r="C19674" t="s">
        <v>12108</v>
      </c>
      <c r="D19674" t="s">
        <v>12109</v>
      </c>
      <c r="E19674" t="s">
        <v>12006</v>
      </c>
      <c r="F19674" t="s">
        <v>12007</v>
      </c>
      <c r="G19674" t="s">
        <v>10450</v>
      </c>
      <c r="H19674" t="s">
        <v>10451</v>
      </c>
      <c r="I19674" s="2">
        <v>1</v>
      </c>
      <c r="J19674" s="2">
        <v>0</v>
      </c>
      <c r="K19674" s="2">
        <v>0</v>
      </c>
      <c r="L19674" t="s">
        <v>120</v>
      </c>
      <c r="M19674" t="s">
        <v>83</v>
      </c>
      <c r="N19674" t="s">
        <v>84</v>
      </c>
      <c r="O19674" t="s">
        <v>85</v>
      </c>
      <c r="P19674" t="s">
        <v>86</v>
      </c>
      <c r="Q19674">
        <v>29</v>
      </c>
      <c r="R19674">
        <v>29</v>
      </c>
      <c r="S19674">
        <v>30</v>
      </c>
      <c r="T19674">
        <v>30</v>
      </c>
      <c r="U19674">
        <v>31</v>
      </c>
      <c r="V19674">
        <v>31</v>
      </c>
      <c r="W19674">
        <v>31</v>
      </c>
      <c r="X19674">
        <v>32</v>
      </c>
      <c r="Y19674">
        <v>32</v>
      </c>
      <c r="Z19674">
        <v>33</v>
      </c>
      <c r="AA19674">
        <v>33</v>
      </c>
      <c r="AB19674">
        <v>33</v>
      </c>
      <c r="AC19674">
        <v>34</v>
      </c>
      <c r="AD19674">
        <v>34</v>
      </c>
      <c r="AE19674">
        <v>34</v>
      </c>
      <c r="AF19674">
        <v>35</v>
      </c>
      <c r="AG19674">
        <v>35</v>
      </c>
      <c r="AH19674">
        <v>36</v>
      </c>
      <c r="AI19674">
        <v>36</v>
      </c>
      <c r="AJ19674">
        <v>36</v>
      </c>
      <c r="AK19674">
        <v>37</v>
      </c>
      <c r="AL19674">
        <v>37</v>
      </c>
      <c r="AM19674">
        <v>37</v>
      </c>
      <c r="AN19674">
        <v>37</v>
      </c>
      <c r="AO19674">
        <v>37</v>
      </c>
      <c r="AP19674">
        <v>37</v>
      </c>
      <c r="AQ19674">
        <v>37</v>
      </c>
    </row>
    <row r="19675" spans="1:43">
      <c r="A19675" t="s">
        <v>12182</v>
      </c>
      <c r="B19675" t="s">
        <v>12183</v>
      </c>
      <c r="C19675" t="s">
        <v>12108</v>
      </c>
      <c r="D19675" t="s">
        <v>12109</v>
      </c>
      <c r="E19675" t="s">
        <v>12006</v>
      </c>
      <c r="F19675" t="s">
        <v>12007</v>
      </c>
      <c r="G19675" t="s">
        <v>10450</v>
      </c>
      <c r="H19675" t="s">
        <v>10451</v>
      </c>
      <c r="I19675" s="2">
        <v>1</v>
      </c>
      <c r="J19675" s="2">
        <v>0</v>
      </c>
      <c r="K19675" s="2">
        <v>0</v>
      </c>
      <c r="L19675" t="s">
        <v>120</v>
      </c>
      <c r="M19675" t="s">
        <v>87</v>
      </c>
      <c r="N19675" t="s">
        <v>88</v>
      </c>
      <c r="O19675" t="s">
        <v>85</v>
      </c>
      <c r="P19675" t="s">
        <v>86</v>
      </c>
      <c r="Q19675">
        <v>29</v>
      </c>
      <c r="R19675">
        <v>29</v>
      </c>
      <c r="S19675">
        <v>29</v>
      </c>
      <c r="T19675">
        <v>29</v>
      </c>
      <c r="U19675">
        <v>29</v>
      </c>
      <c r="V19675">
        <v>29</v>
      </c>
      <c r="W19675">
        <v>29</v>
      </c>
      <c r="X19675">
        <v>30</v>
      </c>
      <c r="Y19675">
        <v>30</v>
      </c>
      <c r="Z19675">
        <v>30</v>
      </c>
      <c r="AA19675">
        <v>30</v>
      </c>
      <c r="AB19675">
        <v>30</v>
      </c>
      <c r="AC19675">
        <v>30</v>
      </c>
      <c r="AD19675">
        <v>30</v>
      </c>
      <c r="AE19675">
        <v>31</v>
      </c>
      <c r="AF19675">
        <v>31</v>
      </c>
      <c r="AG19675">
        <v>31</v>
      </c>
      <c r="AH19675">
        <v>31</v>
      </c>
      <c r="AI19675">
        <v>31</v>
      </c>
      <c r="AJ19675">
        <v>31</v>
      </c>
      <c r="AK19675">
        <v>31</v>
      </c>
      <c r="AL19675">
        <v>31</v>
      </c>
      <c r="AM19675">
        <v>32</v>
      </c>
      <c r="AN19675">
        <v>32</v>
      </c>
      <c r="AO19675">
        <v>32</v>
      </c>
      <c r="AP19675">
        <v>32</v>
      </c>
      <c r="AQ19675">
        <v>32</v>
      </c>
    </row>
    <row r="19676" spans="1:43">
      <c r="A19676" t="s">
        <v>12182</v>
      </c>
      <c r="B19676" t="s">
        <v>12183</v>
      </c>
      <c r="C19676" t="s">
        <v>12108</v>
      </c>
      <c r="D19676" t="s">
        <v>12109</v>
      </c>
      <c r="E19676" t="s">
        <v>12006</v>
      </c>
      <c r="F19676" t="s">
        <v>12007</v>
      </c>
      <c r="G19676" t="s">
        <v>10450</v>
      </c>
      <c r="H19676" t="s">
        <v>10451</v>
      </c>
      <c r="I19676" s="2">
        <v>1</v>
      </c>
      <c r="J19676" s="2">
        <v>0</v>
      </c>
      <c r="K19676" s="2">
        <v>0</v>
      </c>
      <c r="L19676" t="s">
        <v>120</v>
      </c>
      <c r="M19676" t="s">
        <v>89</v>
      </c>
      <c r="N19676" t="s">
        <v>90</v>
      </c>
      <c r="O19676" t="s">
        <v>85</v>
      </c>
      <c r="P19676" t="s">
        <v>86</v>
      </c>
      <c r="Q19676">
        <v>29</v>
      </c>
      <c r="R19676">
        <v>30</v>
      </c>
      <c r="S19676">
        <v>30</v>
      </c>
      <c r="T19676">
        <v>31</v>
      </c>
      <c r="U19676">
        <v>32</v>
      </c>
      <c r="V19676">
        <v>32</v>
      </c>
      <c r="W19676">
        <v>33</v>
      </c>
      <c r="X19676">
        <v>33</v>
      </c>
      <c r="Y19676">
        <v>34</v>
      </c>
      <c r="Z19676">
        <v>35</v>
      </c>
      <c r="AA19676">
        <v>35</v>
      </c>
      <c r="AB19676">
        <v>36</v>
      </c>
      <c r="AC19676">
        <v>36</v>
      </c>
      <c r="AD19676">
        <v>37</v>
      </c>
      <c r="AE19676">
        <v>37</v>
      </c>
      <c r="AF19676">
        <v>37</v>
      </c>
      <c r="AG19676">
        <v>37</v>
      </c>
      <c r="AH19676">
        <v>37</v>
      </c>
      <c r="AI19676">
        <v>37</v>
      </c>
      <c r="AJ19676">
        <v>37</v>
      </c>
      <c r="AK19676">
        <v>37</v>
      </c>
      <c r="AL19676">
        <v>37</v>
      </c>
      <c r="AM19676">
        <v>37</v>
      </c>
      <c r="AN19676">
        <v>37</v>
      </c>
      <c r="AO19676">
        <v>37</v>
      </c>
      <c r="AP19676">
        <v>37</v>
      </c>
      <c r="AQ19676">
        <v>37</v>
      </c>
    </row>
    <row r="19677" spans="1:43">
      <c r="A19677" t="s">
        <v>12182</v>
      </c>
      <c r="B19677" t="s">
        <v>12183</v>
      </c>
      <c r="C19677" t="s">
        <v>12108</v>
      </c>
      <c r="D19677" t="s">
        <v>12109</v>
      </c>
      <c r="E19677" t="s">
        <v>12006</v>
      </c>
      <c r="F19677" t="s">
        <v>12007</v>
      </c>
      <c r="G19677" t="s">
        <v>10450</v>
      </c>
      <c r="H19677" t="s">
        <v>10451</v>
      </c>
      <c r="I19677" s="2">
        <v>1</v>
      </c>
      <c r="J19677" s="2">
        <v>0</v>
      </c>
      <c r="K19677" s="2">
        <v>0</v>
      </c>
      <c r="L19677" t="s">
        <v>120</v>
      </c>
      <c r="M19677" t="s">
        <v>83</v>
      </c>
      <c r="N19677" t="s">
        <v>91</v>
      </c>
      <c r="O19677" t="s">
        <v>85</v>
      </c>
      <c r="P19677" t="s">
        <v>86</v>
      </c>
      <c r="Q19677">
        <v>29</v>
      </c>
      <c r="R19677">
        <v>29</v>
      </c>
      <c r="S19677">
        <v>30</v>
      </c>
      <c r="T19677">
        <v>30</v>
      </c>
      <c r="U19677">
        <v>31</v>
      </c>
      <c r="V19677">
        <v>31</v>
      </c>
      <c r="W19677">
        <v>31</v>
      </c>
      <c r="X19677">
        <v>32</v>
      </c>
      <c r="Y19677">
        <v>32</v>
      </c>
      <c r="Z19677">
        <v>33</v>
      </c>
      <c r="AA19677">
        <v>33</v>
      </c>
      <c r="AB19677">
        <v>33</v>
      </c>
      <c r="AC19677">
        <v>34</v>
      </c>
      <c r="AD19677">
        <v>34</v>
      </c>
      <c r="AE19677">
        <v>34</v>
      </c>
      <c r="AF19677">
        <v>35</v>
      </c>
      <c r="AG19677">
        <v>35</v>
      </c>
      <c r="AH19677">
        <v>36</v>
      </c>
      <c r="AI19677">
        <v>36</v>
      </c>
      <c r="AJ19677">
        <v>36</v>
      </c>
      <c r="AK19677">
        <v>37</v>
      </c>
      <c r="AL19677">
        <v>37</v>
      </c>
      <c r="AM19677">
        <v>37</v>
      </c>
      <c r="AN19677">
        <v>37</v>
      </c>
      <c r="AO19677">
        <v>37</v>
      </c>
      <c r="AP19677">
        <v>37</v>
      </c>
      <c r="AQ19677">
        <v>37</v>
      </c>
    </row>
    <row r="19678" spans="1:43">
      <c r="A19678" t="s">
        <v>12184</v>
      </c>
      <c r="B19678" t="s">
        <v>12185</v>
      </c>
      <c r="C19678" t="s">
        <v>12186</v>
      </c>
      <c r="D19678" t="s">
        <v>12187</v>
      </c>
      <c r="E19678" t="s">
        <v>12188</v>
      </c>
      <c r="F19678" t="s">
        <v>12189</v>
      </c>
      <c r="G19678" t="s">
        <v>10450</v>
      </c>
      <c r="H19678" t="s">
        <v>10451</v>
      </c>
      <c r="I19678" s="2">
        <v>1</v>
      </c>
      <c r="J19678" s="2">
        <v>0</v>
      </c>
      <c r="K19678" s="2">
        <v>0</v>
      </c>
      <c r="L19678" t="s">
        <v>120</v>
      </c>
      <c r="M19678" t="s">
        <v>83</v>
      </c>
      <c r="N19678" t="s">
        <v>84</v>
      </c>
      <c r="O19678" t="s">
        <v>85</v>
      </c>
      <c r="P19678" t="s">
        <v>86</v>
      </c>
      <c r="Q19678">
        <v>7</v>
      </c>
      <c r="R19678">
        <v>7</v>
      </c>
      <c r="S19678">
        <v>7</v>
      </c>
      <c r="T19678">
        <v>8</v>
      </c>
      <c r="U19678">
        <v>8</v>
      </c>
      <c r="V19678">
        <v>8</v>
      </c>
      <c r="W19678">
        <v>8</v>
      </c>
      <c r="X19678">
        <v>8</v>
      </c>
      <c r="Y19678">
        <v>8</v>
      </c>
      <c r="Z19678">
        <v>8</v>
      </c>
      <c r="AA19678">
        <v>8</v>
      </c>
      <c r="AB19678">
        <v>9</v>
      </c>
      <c r="AC19678">
        <v>9</v>
      </c>
      <c r="AD19678">
        <v>9</v>
      </c>
      <c r="AE19678">
        <v>9</v>
      </c>
      <c r="AF19678">
        <v>9</v>
      </c>
      <c r="AG19678">
        <v>9</v>
      </c>
      <c r="AH19678">
        <v>9</v>
      </c>
      <c r="AI19678">
        <v>10</v>
      </c>
      <c r="AJ19678">
        <v>10</v>
      </c>
      <c r="AK19678">
        <v>10</v>
      </c>
      <c r="AL19678">
        <v>10</v>
      </c>
      <c r="AM19678">
        <v>10</v>
      </c>
      <c r="AN19678">
        <v>10</v>
      </c>
      <c r="AO19678">
        <v>10</v>
      </c>
      <c r="AP19678">
        <v>10</v>
      </c>
      <c r="AQ19678">
        <v>10</v>
      </c>
    </row>
    <row r="19679" spans="1:43">
      <c r="A19679" t="s">
        <v>12184</v>
      </c>
      <c r="B19679" t="s">
        <v>12185</v>
      </c>
      <c r="C19679" t="s">
        <v>12186</v>
      </c>
      <c r="D19679" t="s">
        <v>12187</v>
      </c>
      <c r="E19679" t="s">
        <v>12188</v>
      </c>
      <c r="F19679" t="s">
        <v>12189</v>
      </c>
      <c r="G19679" t="s">
        <v>10450</v>
      </c>
      <c r="H19679" t="s">
        <v>10451</v>
      </c>
      <c r="I19679" s="2">
        <v>1</v>
      </c>
      <c r="J19679" s="2">
        <v>0</v>
      </c>
      <c r="K19679" s="2">
        <v>0</v>
      </c>
      <c r="L19679" t="s">
        <v>120</v>
      </c>
      <c r="M19679" t="s">
        <v>87</v>
      </c>
      <c r="N19679" t="s">
        <v>88</v>
      </c>
      <c r="O19679" t="s">
        <v>85</v>
      </c>
      <c r="P19679" t="s">
        <v>86</v>
      </c>
      <c r="Q19679">
        <v>7</v>
      </c>
      <c r="R19679">
        <v>7</v>
      </c>
      <c r="S19679">
        <v>7</v>
      </c>
      <c r="T19679">
        <v>7</v>
      </c>
      <c r="U19679">
        <v>7</v>
      </c>
      <c r="V19679">
        <v>7</v>
      </c>
      <c r="W19679">
        <v>7</v>
      </c>
      <c r="X19679">
        <v>8</v>
      </c>
      <c r="Y19679">
        <v>8</v>
      </c>
      <c r="Z19679">
        <v>8</v>
      </c>
      <c r="AA19679">
        <v>8</v>
      </c>
      <c r="AB19679">
        <v>8</v>
      </c>
      <c r="AC19679">
        <v>8</v>
      </c>
      <c r="AD19679">
        <v>8</v>
      </c>
      <c r="AE19679">
        <v>8</v>
      </c>
      <c r="AF19679">
        <v>8</v>
      </c>
      <c r="AG19679">
        <v>8</v>
      </c>
      <c r="AH19679">
        <v>8</v>
      </c>
      <c r="AI19679">
        <v>8</v>
      </c>
      <c r="AJ19679">
        <v>8</v>
      </c>
      <c r="AK19679">
        <v>9</v>
      </c>
      <c r="AL19679">
        <v>9</v>
      </c>
      <c r="AM19679">
        <v>9</v>
      </c>
      <c r="AN19679">
        <v>9</v>
      </c>
      <c r="AO19679">
        <v>9</v>
      </c>
      <c r="AP19679">
        <v>9</v>
      </c>
      <c r="AQ19679">
        <v>9</v>
      </c>
    </row>
    <row r="19680" spans="1:43">
      <c r="A19680" t="s">
        <v>12184</v>
      </c>
      <c r="B19680" t="s">
        <v>12185</v>
      </c>
      <c r="C19680" t="s">
        <v>12186</v>
      </c>
      <c r="D19680" t="s">
        <v>12187</v>
      </c>
      <c r="E19680" t="s">
        <v>12188</v>
      </c>
      <c r="F19680" t="s">
        <v>12189</v>
      </c>
      <c r="G19680" t="s">
        <v>10450</v>
      </c>
      <c r="H19680" t="s">
        <v>10451</v>
      </c>
      <c r="I19680" s="2">
        <v>1</v>
      </c>
      <c r="J19680" s="2">
        <v>0</v>
      </c>
      <c r="K19680" s="2">
        <v>0</v>
      </c>
      <c r="L19680" t="s">
        <v>120</v>
      </c>
      <c r="M19680" t="s">
        <v>89</v>
      </c>
      <c r="N19680" t="s">
        <v>90</v>
      </c>
      <c r="O19680" t="s">
        <v>85</v>
      </c>
      <c r="P19680" t="s">
        <v>86</v>
      </c>
      <c r="Q19680">
        <v>7</v>
      </c>
      <c r="R19680">
        <v>7</v>
      </c>
      <c r="S19680">
        <v>8</v>
      </c>
      <c r="T19680">
        <v>8</v>
      </c>
      <c r="U19680">
        <v>8</v>
      </c>
      <c r="V19680">
        <v>8</v>
      </c>
      <c r="W19680">
        <v>8</v>
      </c>
      <c r="X19680">
        <v>9</v>
      </c>
      <c r="Y19680">
        <v>9</v>
      </c>
      <c r="Z19680">
        <v>9</v>
      </c>
      <c r="AA19680">
        <v>9</v>
      </c>
      <c r="AB19680">
        <v>9</v>
      </c>
      <c r="AC19680">
        <v>9</v>
      </c>
      <c r="AD19680">
        <v>10</v>
      </c>
      <c r="AE19680">
        <v>10</v>
      </c>
      <c r="AF19680">
        <v>10</v>
      </c>
      <c r="AG19680">
        <v>10</v>
      </c>
      <c r="AH19680">
        <v>10</v>
      </c>
      <c r="AI19680">
        <v>10</v>
      </c>
      <c r="AJ19680">
        <v>10</v>
      </c>
      <c r="AK19680">
        <v>10</v>
      </c>
      <c r="AL19680">
        <v>10</v>
      </c>
      <c r="AM19680">
        <v>10</v>
      </c>
      <c r="AN19680">
        <v>10</v>
      </c>
      <c r="AO19680">
        <v>10</v>
      </c>
      <c r="AP19680">
        <v>10</v>
      </c>
      <c r="AQ19680">
        <v>10</v>
      </c>
    </row>
    <row r="19681" spans="1:43">
      <c r="A19681" t="s">
        <v>12184</v>
      </c>
      <c r="B19681" t="s">
        <v>12185</v>
      </c>
      <c r="C19681" t="s">
        <v>12186</v>
      </c>
      <c r="D19681" t="s">
        <v>12187</v>
      </c>
      <c r="E19681" t="s">
        <v>12188</v>
      </c>
      <c r="F19681" t="s">
        <v>12189</v>
      </c>
      <c r="G19681" t="s">
        <v>10450</v>
      </c>
      <c r="H19681" t="s">
        <v>10451</v>
      </c>
      <c r="I19681" s="2">
        <v>1</v>
      </c>
      <c r="J19681" s="2">
        <v>0</v>
      </c>
      <c r="K19681" s="2">
        <v>0</v>
      </c>
      <c r="L19681" t="s">
        <v>120</v>
      </c>
      <c r="M19681" t="s">
        <v>83</v>
      </c>
      <c r="N19681" t="s">
        <v>91</v>
      </c>
      <c r="O19681" t="s">
        <v>85</v>
      </c>
      <c r="P19681" t="s">
        <v>86</v>
      </c>
      <c r="Q19681">
        <v>7</v>
      </c>
      <c r="R19681">
        <v>7</v>
      </c>
      <c r="S19681">
        <v>7</v>
      </c>
      <c r="T19681">
        <v>8</v>
      </c>
      <c r="U19681">
        <v>8</v>
      </c>
      <c r="V19681">
        <v>8</v>
      </c>
      <c r="W19681">
        <v>8</v>
      </c>
      <c r="X19681">
        <v>8</v>
      </c>
      <c r="Y19681">
        <v>8</v>
      </c>
      <c r="Z19681">
        <v>8</v>
      </c>
      <c r="AA19681">
        <v>8</v>
      </c>
      <c r="AB19681">
        <v>9</v>
      </c>
      <c r="AC19681">
        <v>9</v>
      </c>
      <c r="AD19681">
        <v>9</v>
      </c>
      <c r="AE19681">
        <v>9</v>
      </c>
      <c r="AF19681">
        <v>9</v>
      </c>
      <c r="AG19681">
        <v>9</v>
      </c>
      <c r="AH19681">
        <v>9</v>
      </c>
      <c r="AI19681">
        <v>10</v>
      </c>
      <c r="AJ19681">
        <v>10</v>
      </c>
      <c r="AK19681">
        <v>10</v>
      </c>
      <c r="AL19681">
        <v>10</v>
      </c>
      <c r="AM19681">
        <v>10</v>
      </c>
      <c r="AN19681">
        <v>10</v>
      </c>
      <c r="AO19681">
        <v>10</v>
      </c>
      <c r="AP19681">
        <v>10</v>
      </c>
      <c r="AQ19681">
        <v>10</v>
      </c>
    </row>
    <row r="19682" spans="1:43">
      <c r="A19682" t="s">
        <v>12190</v>
      </c>
      <c r="B19682" t="s">
        <v>12191</v>
      </c>
      <c r="C19682" t="s">
        <v>12186</v>
      </c>
      <c r="D19682" t="s">
        <v>12187</v>
      </c>
      <c r="E19682" t="s">
        <v>12188</v>
      </c>
      <c r="F19682" t="s">
        <v>12189</v>
      </c>
      <c r="G19682" t="s">
        <v>10450</v>
      </c>
      <c r="H19682" t="s">
        <v>10451</v>
      </c>
      <c r="I19682" s="2">
        <v>1</v>
      </c>
      <c r="J19682" s="2">
        <v>0</v>
      </c>
      <c r="K19682" s="2">
        <v>0</v>
      </c>
      <c r="L19682" t="s">
        <v>120</v>
      </c>
      <c r="M19682" t="s">
        <v>83</v>
      </c>
      <c r="N19682" t="s">
        <v>84</v>
      </c>
      <c r="O19682" t="s">
        <v>85</v>
      </c>
      <c r="P19682" t="s">
        <v>86</v>
      </c>
      <c r="Q19682">
        <v>9</v>
      </c>
      <c r="R19682">
        <v>9</v>
      </c>
      <c r="S19682">
        <v>9</v>
      </c>
      <c r="T19682">
        <v>9</v>
      </c>
      <c r="U19682">
        <v>9</v>
      </c>
      <c r="V19682">
        <v>10</v>
      </c>
      <c r="W19682">
        <v>10</v>
      </c>
      <c r="X19682">
        <v>10</v>
      </c>
      <c r="Y19682">
        <v>10</v>
      </c>
      <c r="Z19682">
        <v>10</v>
      </c>
      <c r="AA19682">
        <v>10</v>
      </c>
      <c r="AB19682">
        <v>11</v>
      </c>
      <c r="AC19682">
        <v>11</v>
      </c>
      <c r="AD19682">
        <v>11</v>
      </c>
      <c r="AE19682">
        <v>11</v>
      </c>
      <c r="AF19682">
        <v>11</v>
      </c>
      <c r="AG19682">
        <v>11</v>
      </c>
      <c r="AH19682">
        <v>12</v>
      </c>
      <c r="AI19682">
        <v>12</v>
      </c>
      <c r="AJ19682">
        <v>12</v>
      </c>
      <c r="AK19682">
        <v>12</v>
      </c>
      <c r="AL19682">
        <v>12</v>
      </c>
      <c r="AM19682">
        <v>12</v>
      </c>
      <c r="AN19682">
        <v>12</v>
      </c>
      <c r="AO19682">
        <v>13</v>
      </c>
      <c r="AP19682">
        <v>13</v>
      </c>
      <c r="AQ19682">
        <v>13</v>
      </c>
    </row>
    <row r="19683" spans="1:43">
      <c r="A19683" t="s">
        <v>12190</v>
      </c>
      <c r="B19683" t="s">
        <v>12191</v>
      </c>
      <c r="C19683" t="s">
        <v>12186</v>
      </c>
      <c r="D19683" t="s">
        <v>12187</v>
      </c>
      <c r="E19683" t="s">
        <v>12188</v>
      </c>
      <c r="F19683" t="s">
        <v>12189</v>
      </c>
      <c r="G19683" t="s">
        <v>10450</v>
      </c>
      <c r="H19683" t="s">
        <v>10451</v>
      </c>
      <c r="I19683" s="2">
        <v>1</v>
      </c>
      <c r="J19683" s="2">
        <v>0</v>
      </c>
      <c r="K19683" s="2">
        <v>0</v>
      </c>
      <c r="L19683" t="s">
        <v>120</v>
      </c>
      <c r="M19683" t="s">
        <v>87</v>
      </c>
      <c r="N19683" t="s">
        <v>88</v>
      </c>
      <c r="O19683" t="s">
        <v>85</v>
      </c>
      <c r="P19683" t="s">
        <v>86</v>
      </c>
      <c r="Q19683">
        <v>9</v>
      </c>
      <c r="R19683">
        <v>9</v>
      </c>
      <c r="S19683">
        <v>9</v>
      </c>
      <c r="T19683">
        <v>9</v>
      </c>
      <c r="U19683">
        <v>9</v>
      </c>
      <c r="V19683">
        <v>9</v>
      </c>
      <c r="W19683">
        <v>9</v>
      </c>
      <c r="X19683">
        <v>9</v>
      </c>
      <c r="Y19683">
        <v>9</v>
      </c>
      <c r="Z19683">
        <v>9</v>
      </c>
      <c r="AA19683">
        <v>10</v>
      </c>
      <c r="AB19683">
        <v>10</v>
      </c>
      <c r="AC19683">
        <v>10</v>
      </c>
      <c r="AD19683">
        <v>10</v>
      </c>
      <c r="AE19683">
        <v>10</v>
      </c>
      <c r="AF19683">
        <v>10</v>
      </c>
      <c r="AG19683">
        <v>10</v>
      </c>
      <c r="AH19683">
        <v>10</v>
      </c>
      <c r="AI19683">
        <v>10</v>
      </c>
      <c r="AJ19683">
        <v>10</v>
      </c>
      <c r="AK19683">
        <v>10</v>
      </c>
      <c r="AL19683">
        <v>11</v>
      </c>
      <c r="AM19683">
        <v>11</v>
      </c>
      <c r="AN19683">
        <v>11</v>
      </c>
      <c r="AO19683">
        <v>11</v>
      </c>
      <c r="AP19683">
        <v>11</v>
      </c>
      <c r="AQ19683">
        <v>11</v>
      </c>
    </row>
    <row r="19684" spans="1:43">
      <c r="A19684" t="s">
        <v>12190</v>
      </c>
      <c r="B19684" t="s">
        <v>12191</v>
      </c>
      <c r="C19684" t="s">
        <v>12186</v>
      </c>
      <c r="D19684" t="s">
        <v>12187</v>
      </c>
      <c r="E19684" t="s">
        <v>12188</v>
      </c>
      <c r="F19684" t="s">
        <v>12189</v>
      </c>
      <c r="G19684" t="s">
        <v>10450</v>
      </c>
      <c r="H19684" t="s">
        <v>10451</v>
      </c>
      <c r="I19684" s="2">
        <v>1</v>
      </c>
      <c r="J19684" s="2">
        <v>0</v>
      </c>
      <c r="K19684" s="2">
        <v>0</v>
      </c>
      <c r="L19684" t="s">
        <v>120</v>
      </c>
      <c r="M19684" t="s">
        <v>89</v>
      </c>
      <c r="N19684" t="s">
        <v>90</v>
      </c>
      <c r="O19684" t="s">
        <v>85</v>
      </c>
      <c r="P19684" t="s">
        <v>86</v>
      </c>
      <c r="Q19684">
        <v>9</v>
      </c>
      <c r="R19684">
        <v>9</v>
      </c>
      <c r="S19684">
        <v>9</v>
      </c>
      <c r="T19684">
        <v>10</v>
      </c>
      <c r="U19684">
        <v>10</v>
      </c>
      <c r="V19684">
        <v>10</v>
      </c>
      <c r="W19684">
        <v>10</v>
      </c>
      <c r="X19684">
        <v>10</v>
      </c>
      <c r="Y19684">
        <v>11</v>
      </c>
      <c r="Z19684">
        <v>11</v>
      </c>
      <c r="AA19684">
        <v>11</v>
      </c>
      <c r="AB19684">
        <v>11</v>
      </c>
      <c r="AC19684">
        <v>12</v>
      </c>
      <c r="AD19684">
        <v>12</v>
      </c>
      <c r="AE19684">
        <v>12</v>
      </c>
      <c r="AF19684">
        <v>12</v>
      </c>
      <c r="AG19684">
        <v>12</v>
      </c>
      <c r="AH19684">
        <v>12</v>
      </c>
      <c r="AI19684">
        <v>12</v>
      </c>
      <c r="AJ19684">
        <v>12</v>
      </c>
      <c r="AK19684">
        <v>12</v>
      </c>
      <c r="AL19684">
        <v>12</v>
      </c>
      <c r="AM19684">
        <v>12</v>
      </c>
      <c r="AN19684">
        <v>13</v>
      </c>
      <c r="AO19684">
        <v>13</v>
      </c>
      <c r="AP19684">
        <v>13</v>
      </c>
      <c r="AQ19684">
        <v>13</v>
      </c>
    </row>
    <row r="19685" spans="1:43">
      <c r="A19685" t="s">
        <v>12190</v>
      </c>
      <c r="B19685" t="s">
        <v>12191</v>
      </c>
      <c r="C19685" t="s">
        <v>12186</v>
      </c>
      <c r="D19685" t="s">
        <v>12187</v>
      </c>
      <c r="E19685" t="s">
        <v>12188</v>
      </c>
      <c r="F19685" t="s">
        <v>12189</v>
      </c>
      <c r="G19685" t="s">
        <v>10450</v>
      </c>
      <c r="H19685" t="s">
        <v>10451</v>
      </c>
      <c r="I19685" s="2">
        <v>1</v>
      </c>
      <c r="J19685" s="2">
        <v>0</v>
      </c>
      <c r="K19685" s="2">
        <v>0</v>
      </c>
      <c r="L19685" t="s">
        <v>120</v>
      </c>
      <c r="M19685" t="s">
        <v>83</v>
      </c>
      <c r="N19685" t="s">
        <v>91</v>
      </c>
      <c r="O19685" t="s">
        <v>85</v>
      </c>
      <c r="P19685" t="s">
        <v>86</v>
      </c>
      <c r="Q19685">
        <v>9</v>
      </c>
      <c r="R19685">
        <v>9</v>
      </c>
      <c r="S19685">
        <v>9</v>
      </c>
      <c r="T19685">
        <v>9</v>
      </c>
      <c r="U19685">
        <v>9</v>
      </c>
      <c r="V19685">
        <v>10</v>
      </c>
      <c r="W19685">
        <v>10</v>
      </c>
      <c r="X19685">
        <v>10</v>
      </c>
      <c r="Y19685">
        <v>10</v>
      </c>
      <c r="Z19685">
        <v>10</v>
      </c>
      <c r="AA19685">
        <v>10</v>
      </c>
      <c r="AB19685">
        <v>11</v>
      </c>
      <c r="AC19685">
        <v>11</v>
      </c>
      <c r="AD19685">
        <v>11</v>
      </c>
      <c r="AE19685">
        <v>11</v>
      </c>
      <c r="AF19685">
        <v>11</v>
      </c>
      <c r="AG19685">
        <v>11</v>
      </c>
      <c r="AH19685">
        <v>12</v>
      </c>
      <c r="AI19685">
        <v>12</v>
      </c>
      <c r="AJ19685">
        <v>12</v>
      </c>
      <c r="AK19685">
        <v>12</v>
      </c>
      <c r="AL19685">
        <v>12</v>
      </c>
      <c r="AM19685">
        <v>12</v>
      </c>
      <c r="AN19685">
        <v>12</v>
      </c>
      <c r="AO19685">
        <v>13</v>
      </c>
      <c r="AP19685">
        <v>13</v>
      </c>
      <c r="AQ19685">
        <v>13</v>
      </c>
    </row>
    <row r="19686" spans="1:43">
      <c r="A19686" t="s">
        <v>12192</v>
      </c>
      <c r="B19686" t="s">
        <v>12193</v>
      </c>
      <c r="C19686" t="s">
        <v>12186</v>
      </c>
      <c r="D19686" t="s">
        <v>12187</v>
      </c>
      <c r="E19686" t="s">
        <v>12188</v>
      </c>
      <c r="F19686" t="s">
        <v>12189</v>
      </c>
      <c r="G19686" t="s">
        <v>10450</v>
      </c>
      <c r="H19686" t="s">
        <v>10451</v>
      </c>
      <c r="I19686" s="2">
        <v>1</v>
      </c>
      <c r="J19686" s="2">
        <v>0</v>
      </c>
      <c r="K19686" s="2">
        <v>0</v>
      </c>
      <c r="L19686" t="s">
        <v>120</v>
      </c>
      <c r="M19686" t="s">
        <v>83</v>
      </c>
      <c r="N19686" t="s">
        <v>84</v>
      </c>
      <c r="O19686" t="s">
        <v>85</v>
      </c>
      <c r="P19686" t="s">
        <v>86</v>
      </c>
      <c r="Q19686">
        <v>13</v>
      </c>
      <c r="R19686">
        <v>13</v>
      </c>
      <c r="S19686">
        <v>13</v>
      </c>
      <c r="T19686">
        <v>13</v>
      </c>
      <c r="U19686">
        <v>14</v>
      </c>
      <c r="V19686">
        <v>14</v>
      </c>
      <c r="W19686">
        <v>14</v>
      </c>
      <c r="X19686">
        <v>14</v>
      </c>
      <c r="Y19686">
        <v>15</v>
      </c>
      <c r="Z19686">
        <v>15</v>
      </c>
      <c r="AA19686">
        <v>15</v>
      </c>
      <c r="AB19686">
        <v>15</v>
      </c>
      <c r="AC19686">
        <v>16</v>
      </c>
      <c r="AD19686">
        <v>16</v>
      </c>
      <c r="AE19686">
        <v>16</v>
      </c>
      <c r="AF19686">
        <v>16</v>
      </c>
      <c r="AG19686">
        <v>17</v>
      </c>
      <c r="AH19686">
        <v>17</v>
      </c>
      <c r="AI19686">
        <v>17</v>
      </c>
      <c r="AJ19686">
        <v>17</v>
      </c>
      <c r="AK19686">
        <v>18</v>
      </c>
      <c r="AL19686">
        <v>18</v>
      </c>
      <c r="AM19686">
        <v>18</v>
      </c>
      <c r="AN19686">
        <v>18</v>
      </c>
      <c r="AO19686">
        <v>18</v>
      </c>
      <c r="AP19686">
        <v>18</v>
      </c>
      <c r="AQ19686">
        <v>18</v>
      </c>
    </row>
    <row r="19687" spans="1:43">
      <c r="A19687" t="s">
        <v>12192</v>
      </c>
      <c r="B19687" t="s">
        <v>12193</v>
      </c>
      <c r="C19687" t="s">
        <v>12186</v>
      </c>
      <c r="D19687" t="s">
        <v>12187</v>
      </c>
      <c r="E19687" t="s">
        <v>12188</v>
      </c>
      <c r="F19687" t="s">
        <v>12189</v>
      </c>
      <c r="G19687" t="s">
        <v>10450</v>
      </c>
      <c r="H19687" t="s">
        <v>10451</v>
      </c>
      <c r="I19687" s="2">
        <v>1</v>
      </c>
      <c r="J19687" s="2">
        <v>0</v>
      </c>
      <c r="K19687" s="2">
        <v>0</v>
      </c>
      <c r="L19687" t="s">
        <v>120</v>
      </c>
      <c r="M19687" t="s">
        <v>87</v>
      </c>
      <c r="N19687" t="s">
        <v>88</v>
      </c>
      <c r="O19687" t="s">
        <v>85</v>
      </c>
      <c r="P19687" t="s">
        <v>86</v>
      </c>
      <c r="Q19687">
        <v>13</v>
      </c>
      <c r="R19687">
        <v>13</v>
      </c>
      <c r="S19687">
        <v>13</v>
      </c>
      <c r="T19687">
        <v>13</v>
      </c>
      <c r="U19687">
        <v>13</v>
      </c>
      <c r="V19687">
        <v>13</v>
      </c>
      <c r="W19687">
        <v>13</v>
      </c>
      <c r="X19687">
        <v>13</v>
      </c>
      <c r="Y19687">
        <v>13</v>
      </c>
      <c r="Z19687">
        <v>14</v>
      </c>
      <c r="AA19687">
        <v>14</v>
      </c>
      <c r="AB19687">
        <v>14</v>
      </c>
      <c r="AC19687">
        <v>14</v>
      </c>
      <c r="AD19687">
        <v>14</v>
      </c>
      <c r="AE19687">
        <v>14</v>
      </c>
      <c r="AF19687">
        <v>14</v>
      </c>
      <c r="AG19687">
        <v>15</v>
      </c>
      <c r="AH19687">
        <v>15</v>
      </c>
      <c r="AI19687">
        <v>15</v>
      </c>
      <c r="AJ19687">
        <v>15</v>
      </c>
      <c r="AK19687">
        <v>15</v>
      </c>
      <c r="AL19687">
        <v>15</v>
      </c>
      <c r="AM19687">
        <v>15</v>
      </c>
      <c r="AN19687">
        <v>16</v>
      </c>
      <c r="AO19687">
        <v>16</v>
      </c>
      <c r="AP19687">
        <v>16</v>
      </c>
      <c r="AQ19687">
        <v>16</v>
      </c>
    </row>
    <row r="19688" spans="1:43">
      <c r="A19688" t="s">
        <v>12192</v>
      </c>
      <c r="B19688" t="s">
        <v>12193</v>
      </c>
      <c r="C19688" t="s">
        <v>12186</v>
      </c>
      <c r="D19688" t="s">
        <v>12187</v>
      </c>
      <c r="E19688" t="s">
        <v>12188</v>
      </c>
      <c r="F19688" t="s">
        <v>12189</v>
      </c>
      <c r="G19688" t="s">
        <v>10450</v>
      </c>
      <c r="H19688" t="s">
        <v>10451</v>
      </c>
      <c r="I19688" s="2">
        <v>1</v>
      </c>
      <c r="J19688" s="2">
        <v>0</v>
      </c>
      <c r="K19688" s="2">
        <v>0</v>
      </c>
      <c r="L19688" t="s">
        <v>120</v>
      </c>
      <c r="M19688" t="s">
        <v>89</v>
      </c>
      <c r="N19688" t="s">
        <v>90</v>
      </c>
      <c r="O19688" t="s">
        <v>85</v>
      </c>
      <c r="P19688" t="s">
        <v>86</v>
      </c>
      <c r="Q19688">
        <v>13</v>
      </c>
      <c r="R19688">
        <v>13</v>
      </c>
      <c r="S19688">
        <v>13</v>
      </c>
      <c r="T19688">
        <v>14</v>
      </c>
      <c r="U19688">
        <v>14</v>
      </c>
      <c r="V19688">
        <v>14</v>
      </c>
      <c r="W19688">
        <v>15</v>
      </c>
      <c r="X19688">
        <v>15</v>
      </c>
      <c r="Y19688">
        <v>15</v>
      </c>
      <c r="Z19688">
        <v>16</v>
      </c>
      <c r="AA19688">
        <v>16</v>
      </c>
      <c r="AB19688">
        <v>16</v>
      </c>
      <c r="AC19688">
        <v>17</v>
      </c>
      <c r="AD19688">
        <v>17</v>
      </c>
      <c r="AE19688">
        <v>17</v>
      </c>
      <c r="AF19688">
        <v>17</v>
      </c>
      <c r="AG19688">
        <v>17</v>
      </c>
      <c r="AH19688">
        <v>17</v>
      </c>
      <c r="AI19688">
        <v>18</v>
      </c>
      <c r="AJ19688">
        <v>18</v>
      </c>
      <c r="AK19688">
        <v>18</v>
      </c>
      <c r="AL19688">
        <v>18</v>
      </c>
      <c r="AM19688">
        <v>18</v>
      </c>
      <c r="AN19688">
        <v>18</v>
      </c>
      <c r="AO19688">
        <v>18</v>
      </c>
      <c r="AP19688">
        <v>18</v>
      </c>
      <c r="AQ19688">
        <v>18</v>
      </c>
    </row>
    <row r="19689" spans="1:43">
      <c r="A19689" t="s">
        <v>12192</v>
      </c>
      <c r="B19689" t="s">
        <v>12193</v>
      </c>
      <c r="C19689" t="s">
        <v>12186</v>
      </c>
      <c r="D19689" t="s">
        <v>12187</v>
      </c>
      <c r="E19689" t="s">
        <v>12188</v>
      </c>
      <c r="F19689" t="s">
        <v>12189</v>
      </c>
      <c r="G19689" t="s">
        <v>10450</v>
      </c>
      <c r="H19689" t="s">
        <v>10451</v>
      </c>
      <c r="I19689" s="2">
        <v>1</v>
      </c>
      <c r="J19689" s="2">
        <v>0</v>
      </c>
      <c r="K19689" s="2">
        <v>0</v>
      </c>
      <c r="L19689" t="s">
        <v>120</v>
      </c>
      <c r="M19689" t="s">
        <v>83</v>
      </c>
      <c r="N19689" t="s">
        <v>91</v>
      </c>
      <c r="O19689" t="s">
        <v>85</v>
      </c>
      <c r="P19689" t="s">
        <v>86</v>
      </c>
      <c r="Q19689">
        <v>13</v>
      </c>
      <c r="R19689">
        <v>13</v>
      </c>
      <c r="S19689">
        <v>13</v>
      </c>
      <c r="T19689">
        <v>13</v>
      </c>
      <c r="U19689">
        <v>14</v>
      </c>
      <c r="V19689">
        <v>14</v>
      </c>
      <c r="W19689">
        <v>14</v>
      </c>
      <c r="X19689">
        <v>14</v>
      </c>
      <c r="Y19689">
        <v>15</v>
      </c>
      <c r="Z19689">
        <v>15</v>
      </c>
      <c r="AA19689">
        <v>15</v>
      </c>
      <c r="AB19689">
        <v>15</v>
      </c>
      <c r="AC19689">
        <v>16</v>
      </c>
      <c r="AD19689">
        <v>16</v>
      </c>
      <c r="AE19689">
        <v>16</v>
      </c>
      <c r="AF19689">
        <v>16</v>
      </c>
      <c r="AG19689">
        <v>17</v>
      </c>
      <c r="AH19689">
        <v>17</v>
      </c>
      <c r="AI19689">
        <v>17</v>
      </c>
      <c r="AJ19689">
        <v>17</v>
      </c>
      <c r="AK19689">
        <v>18</v>
      </c>
      <c r="AL19689">
        <v>18</v>
      </c>
      <c r="AM19689">
        <v>18</v>
      </c>
      <c r="AN19689">
        <v>18</v>
      </c>
      <c r="AO19689">
        <v>18</v>
      </c>
      <c r="AP19689">
        <v>18</v>
      </c>
      <c r="AQ19689">
        <v>18</v>
      </c>
    </row>
    <row r="19690" spans="1:43">
      <c r="A19690" t="s">
        <v>12194</v>
      </c>
      <c r="B19690" t="s">
        <v>12195</v>
      </c>
      <c r="C19690" t="s">
        <v>12186</v>
      </c>
      <c r="D19690" t="s">
        <v>12187</v>
      </c>
      <c r="E19690" t="s">
        <v>12188</v>
      </c>
      <c r="F19690" t="s">
        <v>12189</v>
      </c>
      <c r="G19690" t="s">
        <v>10450</v>
      </c>
      <c r="H19690" t="s">
        <v>10451</v>
      </c>
      <c r="I19690" s="2">
        <v>1</v>
      </c>
      <c r="J19690" s="2">
        <v>0</v>
      </c>
      <c r="K19690" s="2">
        <v>0</v>
      </c>
      <c r="L19690" t="s">
        <v>120</v>
      </c>
      <c r="M19690" t="s">
        <v>83</v>
      </c>
      <c r="N19690" t="s">
        <v>84</v>
      </c>
      <c r="O19690" t="s">
        <v>85</v>
      </c>
      <c r="P19690" t="s">
        <v>86</v>
      </c>
      <c r="Q19690">
        <v>8</v>
      </c>
      <c r="R19690">
        <v>8</v>
      </c>
      <c r="S19690">
        <v>8</v>
      </c>
      <c r="T19690">
        <v>8</v>
      </c>
      <c r="U19690">
        <v>8</v>
      </c>
      <c r="V19690">
        <v>8</v>
      </c>
      <c r="W19690">
        <v>9</v>
      </c>
      <c r="X19690">
        <v>9</v>
      </c>
      <c r="Y19690">
        <v>9</v>
      </c>
      <c r="Z19690">
        <v>9</v>
      </c>
      <c r="AA19690">
        <v>9</v>
      </c>
      <c r="AB19690">
        <v>9</v>
      </c>
      <c r="AC19690">
        <v>9</v>
      </c>
      <c r="AD19690">
        <v>10</v>
      </c>
      <c r="AE19690">
        <v>10</v>
      </c>
      <c r="AF19690">
        <v>10</v>
      </c>
      <c r="AG19690">
        <v>10</v>
      </c>
      <c r="AH19690">
        <v>10</v>
      </c>
      <c r="AI19690">
        <v>10</v>
      </c>
      <c r="AJ19690">
        <v>11</v>
      </c>
      <c r="AK19690">
        <v>11</v>
      </c>
      <c r="AL19690">
        <v>11</v>
      </c>
      <c r="AM19690">
        <v>11</v>
      </c>
      <c r="AN19690">
        <v>11</v>
      </c>
      <c r="AO19690">
        <v>11</v>
      </c>
      <c r="AP19690">
        <v>11</v>
      </c>
      <c r="AQ19690">
        <v>11</v>
      </c>
    </row>
    <row r="19691" spans="1:43">
      <c r="A19691" t="s">
        <v>12194</v>
      </c>
      <c r="B19691" t="s">
        <v>12195</v>
      </c>
      <c r="C19691" t="s">
        <v>12186</v>
      </c>
      <c r="D19691" t="s">
        <v>12187</v>
      </c>
      <c r="E19691" t="s">
        <v>12188</v>
      </c>
      <c r="F19691" t="s">
        <v>12189</v>
      </c>
      <c r="G19691" t="s">
        <v>10450</v>
      </c>
      <c r="H19691" t="s">
        <v>10451</v>
      </c>
      <c r="I19691" s="2">
        <v>1</v>
      </c>
      <c r="J19691" s="2">
        <v>0</v>
      </c>
      <c r="K19691" s="2">
        <v>0</v>
      </c>
      <c r="L19691" t="s">
        <v>120</v>
      </c>
      <c r="M19691" t="s">
        <v>87</v>
      </c>
      <c r="N19691" t="s">
        <v>88</v>
      </c>
      <c r="O19691" t="s">
        <v>85</v>
      </c>
      <c r="P19691" t="s">
        <v>86</v>
      </c>
      <c r="Q19691">
        <v>8</v>
      </c>
      <c r="R19691">
        <v>8</v>
      </c>
      <c r="S19691">
        <v>8</v>
      </c>
      <c r="T19691">
        <v>8</v>
      </c>
      <c r="U19691">
        <v>8</v>
      </c>
      <c r="V19691">
        <v>8</v>
      </c>
      <c r="W19691">
        <v>8</v>
      </c>
      <c r="X19691">
        <v>8</v>
      </c>
      <c r="Y19691">
        <v>8</v>
      </c>
      <c r="Z19691">
        <v>8</v>
      </c>
      <c r="AA19691">
        <v>8</v>
      </c>
      <c r="AB19691">
        <v>8</v>
      </c>
      <c r="AC19691">
        <v>8</v>
      </c>
      <c r="AD19691">
        <v>9</v>
      </c>
      <c r="AE19691">
        <v>9</v>
      </c>
      <c r="AF19691">
        <v>9</v>
      </c>
      <c r="AG19691">
        <v>9</v>
      </c>
      <c r="AH19691">
        <v>9</v>
      </c>
      <c r="AI19691">
        <v>9</v>
      </c>
      <c r="AJ19691">
        <v>9</v>
      </c>
      <c r="AK19691">
        <v>9</v>
      </c>
      <c r="AL19691">
        <v>9</v>
      </c>
      <c r="AM19691">
        <v>9</v>
      </c>
      <c r="AN19691">
        <v>9</v>
      </c>
      <c r="AO19691">
        <v>10</v>
      </c>
      <c r="AP19691">
        <v>10</v>
      </c>
      <c r="AQ19691">
        <v>10</v>
      </c>
    </row>
    <row r="19692" spans="1:43">
      <c r="A19692" t="s">
        <v>12194</v>
      </c>
      <c r="B19692" t="s">
        <v>12195</v>
      </c>
      <c r="C19692" t="s">
        <v>12186</v>
      </c>
      <c r="D19692" t="s">
        <v>12187</v>
      </c>
      <c r="E19692" t="s">
        <v>12188</v>
      </c>
      <c r="F19692" t="s">
        <v>12189</v>
      </c>
      <c r="G19692" t="s">
        <v>10450</v>
      </c>
      <c r="H19692" t="s">
        <v>10451</v>
      </c>
      <c r="I19692" s="2">
        <v>1</v>
      </c>
      <c r="J19692" s="2">
        <v>0</v>
      </c>
      <c r="K19692" s="2">
        <v>0</v>
      </c>
      <c r="L19692" t="s">
        <v>120</v>
      </c>
      <c r="M19692" t="s">
        <v>89</v>
      </c>
      <c r="N19692" t="s">
        <v>90</v>
      </c>
      <c r="O19692" t="s">
        <v>85</v>
      </c>
      <c r="P19692" t="s">
        <v>86</v>
      </c>
      <c r="Q19692">
        <v>8</v>
      </c>
      <c r="R19692">
        <v>8</v>
      </c>
      <c r="S19692">
        <v>8</v>
      </c>
      <c r="T19692">
        <v>8</v>
      </c>
      <c r="U19692">
        <v>9</v>
      </c>
      <c r="V19692">
        <v>9</v>
      </c>
      <c r="W19692">
        <v>9</v>
      </c>
      <c r="X19692">
        <v>9</v>
      </c>
      <c r="Y19692">
        <v>9</v>
      </c>
      <c r="Z19692">
        <v>10</v>
      </c>
      <c r="AA19692">
        <v>10</v>
      </c>
      <c r="AB19692">
        <v>10</v>
      </c>
      <c r="AC19692">
        <v>10</v>
      </c>
      <c r="AD19692">
        <v>10</v>
      </c>
      <c r="AE19692">
        <v>10</v>
      </c>
      <c r="AF19692">
        <v>10</v>
      </c>
      <c r="AG19692">
        <v>11</v>
      </c>
      <c r="AH19692">
        <v>11</v>
      </c>
      <c r="AI19692">
        <v>11</v>
      </c>
      <c r="AJ19692">
        <v>11</v>
      </c>
      <c r="AK19692">
        <v>11</v>
      </c>
      <c r="AL19692">
        <v>11</v>
      </c>
      <c r="AM19692">
        <v>11</v>
      </c>
      <c r="AN19692">
        <v>11</v>
      </c>
      <c r="AO19692">
        <v>11</v>
      </c>
      <c r="AP19692">
        <v>11</v>
      </c>
      <c r="AQ19692">
        <v>11</v>
      </c>
    </row>
    <row r="19693" spans="1:43">
      <c r="A19693" t="s">
        <v>12194</v>
      </c>
      <c r="B19693" t="s">
        <v>12195</v>
      </c>
      <c r="C19693" t="s">
        <v>12186</v>
      </c>
      <c r="D19693" t="s">
        <v>12187</v>
      </c>
      <c r="E19693" t="s">
        <v>12188</v>
      </c>
      <c r="F19693" t="s">
        <v>12189</v>
      </c>
      <c r="G19693" t="s">
        <v>10450</v>
      </c>
      <c r="H19693" t="s">
        <v>10451</v>
      </c>
      <c r="I19693" s="2">
        <v>1</v>
      </c>
      <c r="J19693" s="2">
        <v>0</v>
      </c>
      <c r="K19693" s="2">
        <v>0</v>
      </c>
      <c r="L19693" t="s">
        <v>120</v>
      </c>
      <c r="M19693" t="s">
        <v>83</v>
      </c>
      <c r="N19693" t="s">
        <v>91</v>
      </c>
      <c r="O19693" t="s">
        <v>85</v>
      </c>
      <c r="P19693" t="s">
        <v>86</v>
      </c>
      <c r="Q19693">
        <v>8</v>
      </c>
      <c r="R19693">
        <v>8</v>
      </c>
      <c r="S19693">
        <v>8</v>
      </c>
      <c r="T19693">
        <v>8</v>
      </c>
      <c r="U19693">
        <v>8</v>
      </c>
      <c r="V19693">
        <v>8</v>
      </c>
      <c r="W19693">
        <v>9</v>
      </c>
      <c r="X19693">
        <v>9</v>
      </c>
      <c r="Y19693">
        <v>9</v>
      </c>
      <c r="Z19693">
        <v>9</v>
      </c>
      <c r="AA19693">
        <v>9</v>
      </c>
      <c r="AB19693">
        <v>9</v>
      </c>
      <c r="AC19693">
        <v>9</v>
      </c>
      <c r="AD19693">
        <v>10</v>
      </c>
      <c r="AE19693">
        <v>10</v>
      </c>
      <c r="AF19693">
        <v>10</v>
      </c>
      <c r="AG19693">
        <v>10</v>
      </c>
      <c r="AH19693">
        <v>10</v>
      </c>
      <c r="AI19693">
        <v>10</v>
      </c>
      <c r="AJ19693">
        <v>11</v>
      </c>
      <c r="AK19693">
        <v>11</v>
      </c>
      <c r="AL19693">
        <v>11</v>
      </c>
      <c r="AM19693">
        <v>11</v>
      </c>
      <c r="AN19693">
        <v>11</v>
      </c>
      <c r="AO19693">
        <v>11</v>
      </c>
      <c r="AP19693">
        <v>11</v>
      </c>
      <c r="AQ19693">
        <v>11</v>
      </c>
    </row>
    <row r="19694" spans="1:43">
      <c r="A19694" t="s">
        <v>12196</v>
      </c>
      <c r="B19694" t="s">
        <v>12197</v>
      </c>
      <c r="C19694" t="s">
        <v>12186</v>
      </c>
      <c r="D19694" t="s">
        <v>12187</v>
      </c>
      <c r="E19694" t="s">
        <v>12188</v>
      </c>
      <c r="F19694" t="s">
        <v>12189</v>
      </c>
      <c r="G19694" t="s">
        <v>10450</v>
      </c>
      <c r="H19694" t="s">
        <v>10451</v>
      </c>
      <c r="I19694" s="2">
        <v>1</v>
      </c>
      <c r="J19694" s="2">
        <v>0</v>
      </c>
      <c r="K19694" s="2">
        <v>0</v>
      </c>
      <c r="L19694" t="s">
        <v>120</v>
      </c>
      <c r="M19694" t="s">
        <v>83</v>
      </c>
      <c r="N19694" t="s">
        <v>84</v>
      </c>
      <c r="O19694" t="s">
        <v>85</v>
      </c>
      <c r="P19694" t="s">
        <v>86</v>
      </c>
      <c r="Q19694">
        <v>12</v>
      </c>
      <c r="R19694">
        <v>13</v>
      </c>
      <c r="S19694">
        <v>13</v>
      </c>
      <c r="T19694">
        <v>13</v>
      </c>
      <c r="U19694">
        <v>13</v>
      </c>
      <c r="V19694">
        <v>14</v>
      </c>
      <c r="W19694">
        <v>14</v>
      </c>
      <c r="X19694">
        <v>14</v>
      </c>
      <c r="Y19694">
        <v>14</v>
      </c>
      <c r="Z19694">
        <v>15</v>
      </c>
      <c r="AA19694">
        <v>15</v>
      </c>
      <c r="AB19694">
        <v>15</v>
      </c>
      <c r="AC19694">
        <v>15</v>
      </c>
      <c r="AD19694">
        <v>16</v>
      </c>
      <c r="AE19694">
        <v>16</v>
      </c>
      <c r="AF19694">
        <v>16</v>
      </c>
      <c r="AG19694">
        <v>16</v>
      </c>
      <c r="AH19694">
        <v>17</v>
      </c>
      <c r="AI19694">
        <v>17</v>
      </c>
      <c r="AJ19694">
        <v>17</v>
      </c>
      <c r="AK19694">
        <v>17</v>
      </c>
      <c r="AL19694">
        <v>17</v>
      </c>
      <c r="AM19694">
        <v>18</v>
      </c>
      <c r="AN19694">
        <v>18</v>
      </c>
      <c r="AO19694">
        <v>18</v>
      </c>
      <c r="AP19694">
        <v>18</v>
      </c>
      <c r="AQ19694">
        <v>18</v>
      </c>
    </row>
    <row r="19695" spans="1:43">
      <c r="A19695" t="s">
        <v>12196</v>
      </c>
      <c r="B19695" t="s">
        <v>12197</v>
      </c>
      <c r="C19695" t="s">
        <v>12186</v>
      </c>
      <c r="D19695" t="s">
        <v>12187</v>
      </c>
      <c r="E19695" t="s">
        <v>12188</v>
      </c>
      <c r="F19695" t="s">
        <v>12189</v>
      </c>
      <c r="G19695" t="s">
        <v>10450</v>
      </c>
      <c r="H19695" t="s">
        <v>10451</v>
      </c>
      <c r="I19695" s="2">
        <v>1</v>
      </c>
      <c r="J19695" s="2">
        <v>0</v>
      </c>
      <c r="K19695" s="2">
        <v>0</v>
      </c>
      <c r="L19695" t="s">
        <v>120</v>
      </c>
      <c r="M19695" t="s">
        <v>87</v>
      </c>
      <c r="N19695" t="s">
        <v>88</v>
      </c>
      <c r="O19695" t="s">
        <v>85</v>
      </c>
      <c r="P19695" t="s">
        <v>86</v>
      </c>
      <c r="Q19695">
        <v>12</v>
      </c>
      <c r="R19695">
        <v>12</v>
      </c>
      <c r="S19695">
        <v>13</v>
      </c>
      <c r="T19695">
        <v>13</v>
      </c>
      <c r="U19695">
        <v>13</v>
      </c>
      <c r="V19695">
        <v>13</v>
      </c>
      <c r="W19695">
        <v>13</v>
      </c>
      <c r="X19695">
        <v>13</v>
      </c>
      <c r="Y19695">
        <v>13</v>
      </c>
      <c r="Z19695">
        <v>13</v>
      </c>
      <c r="AA19695">
        <v>13</v>
      </c>
      <c r="AB19695">
        <v>14</v>
      </c>
      <c r="AC19695">
        <v>14</v>
      </c>
      <c r="AD19695">
        <v>14</v>
      </c>
      <c r="AE19695">
        <v>14</v>
      </c>
      <c r="AF19695">
        <v>14</v>
      </c>
      <c r="AG19695">
        <v>14</v>
      </c>
      <c r="AH19695">
        <v>14</v>
      </c>
      <c r="AI19695">
        <v>15</v>
      </c>
      <c r="AJ19695">
        <v>15</v>
      </c>
      <c r="AK19695">
        <v>15</v>
      </c>
      <c r="AL19695">
        <v>15</v>
      </c>
      <c r="AM19695">
        <v>15</v>
      </c>
      <c r="AN19695">
        <v>15</v>
      </c>
      <c r="AO19695">
        <v>15</v>
      </c>
      <c r="AP19695">
        <v>16</v>
      </c>
      <c r="AQ19695">
        <v>16</v>
      </c>
    </row>
    <row r="19696" spans="1:43">
      <c r="A19696" t="s">
        <v>12196</v>
      </c>
      <c r="B19696" t="s">
        <v>12197</v>
      </c>
      <c r="C19696" t="s">
        <v>12186</v>
      </c>
      <c r="D19696" t="s">
        <v>12187</v>
      </c>
      <c r="E19696" t="s">
        <v>12188</v>
      </c>
      <c r="F19696" t="s">
        <v>12189</v>
      </c>
      <c r="G19696" t="s">
        <v>10450</v>
      </c>
      <c r="H19696" t="s">
        <v>10451</v>
      </c>
      <c r="I19696" s="2">
        <v>1</v>
      </c>
      <c r="J19696" s="2">
        <v>0</v>
      </c>
      <c r="K19696" s="2">
        <v>0</v>
      </c>
      <c r="L19696" t="s">
        <v>120</v>
      </c>
      <c r="M19696" t="s">
        <v>89</v>
      </c>
      <c r="N19696" t="s">
        <v>90</v>
      </c>
      <c r="O19696" t="s">
        <v>85</v>
      </c>
      <c r="P19696" t="s">
        <v>86</v>
      </c>
      <c r="Q19696">
        <v>12</v>
      </c>
      <c r="R19696">
        <v>12</v>
      </c>
      <c r="S19696">
        <v>12</v>
      </c>
      <c r="T19696">
        <v>13</v>
      </c>
      <c r="U19696">
        <v>13</v>
      </c>
      <c r="V19696">
        <v>13</v>
      </c>
      <c r="W19696">
        <v>14</v>
      </c>
      <c r="X19696">
        <v>14</v>
      </c>
      <c r="Y19696">
        <v>14</v>
      </c>
      <c r="Z19696">
        <v>14</v>
      </c>
      <c r="AA19696">
        <v>15</v>
      </c>
      <c r="AB19696">
        <v>15</v>
      </c>
      <c r="AC19696">
        <v>15</v>
      </c>
      <c r="AD19696">
        <v>16</v>
      </c>
      <c r="AE19696">
        <v>16</v>
      </c>
      <c r="AF19696">
        <v>16</v>
      </c>
      <c r="AG19696">
        <v>16</v>
      </c>
      <c r="AH19696">
        <v>16</v>
      </c>
      <c r="AI19696">
        <v>16</v>
      </c>
      <c r="AJ19696">
        <v>16</v>
      </c>
      <c r="AK19696">
        <v>16</v>
      </c>
      <c r="AL19696">
        <v>17</v>
      </c>
      <c r="AM19696">
        <v>17</v>
      </c>
      <c r="AN19696">
        <v>17</v>
      </c>
      <c r="AO19696">
        <v>17</v>
      </c>
      <c r="AP19696">
        <v>17</v>
      </c>
      <c r="AQ19696">
        <v>17</v>
      </c>
    </row>
    <row r="19697" spans="1:43">
      <c r="A19697" t="s">
        <v>12196</v>
      </c>
      <c r="B19697" t="s">
        <v>12197</v>
      </c>
      <c r="C19697" t="s">
        <v>12186</v>
      </c>
      <c r="D19697" t="s">
        <v>12187</v>
      </c>
      <c r="E19697" t="s">
        <v>12188</v>
      </c>
      <c r="F19697" t="s">
        <v>12189</v>
      </c>
      <c r="G19697" t="s">
        <v>10450</v>
      </c>
      <c r="H19697" t="s">
        <v>10451</v>
      </c>
      <c r="I19697" s="2">
        <v>1</v>
      </c>
      <c r="J19697" s="2">
        <v>0</v>
      </c>
      <c r="K19697" s="2">
        <v>0</v>
      </c>
      <c r="L19697" t="s">
        <v>120</v>
      </c>
      <c r="M19697" t="s">
        <v>83</v>
      </c>
      <c r="N19697" t="s">
        <v>91</v>
      </c>
      <c r="O19697" t="s">
        <v>85</v>
      </c>
      <c r="P19697" t="s">
        <v>86</v>
      </c>
      <c r="Q19697">
        <v>12</v>
      </c>
      <c r="R19697">
        <v>13</v>
      </c>
      <c r="S19697">
        <v>13</v>
      </c>
      <c r="T19697">
        <v>13</v>
      </c>
      <c r="U19697">
        <v>13</v>
      </c>
      <c r="V19697">
        <v>14</v>
      </c>
      <c r="W19697">
        <v>14</v>
      </c>
      <c r="X19697">
        <v>14</v>
      </c>
      <c r="Y19697">
        <v>14</v>
      </c>
      <c r="Z19697">
        <v>15</v>
      </c>
      <c r="AA19697">
        <v>15</v>
      </c>
      <c r="AB19697">
        <v>15</v>
      </c>
      <c r="AC19697">
        <v>15</v>
      </c>
      <c r="AD19697">
        <v>16</v>
      </c>
      <c r="AE19697">
        <v>16</v>
      </c>
      <c r="AF19697">
        <v>16</v>
      </c>
      <c r="AG19697">
        <v>16</v>
      </c>
      <c r="AH19697">
        <v>17</v>
      </c>
      <c r="AI19697">
        <v>17</v>
      </c>
      <c r="AJ19697">
        <v>17</v>
      </c>
      <c r="AK19697">
        <v>17</v>
      </c>
      <c r="AL19697">
        <v>17</v>
      </c>
      <c r="AM19697">
        <v>18</v>
      </c>
      <c r="AN19697">
        <v>18</v>
      </c>
      <c r="AO19697">
        <v>18</v>
      </c>
      <c r="AP19697">
        <v>18</v>
      </c>
      <c r="AQ19697">
        <v>18</v>
      </c>
    </row>
    <row r="19698" spans="1:43">
      <c r="A19698" t="s">
        <v>12198</v>
      </c>
      <c r="B19698" t="s">
        <v>12199</v>
      </c>
      <c r="C19698" t="s">
        <v>12186</v>
      </c>
      <c r="D19698" t="s">
        <v>12187</v>
      </c>
      <c r="E19698" t="s">
        <v>12188</v>
      </c>
      <c r="F19698" t="s">
        <v>12189</v>
      </c>
      <c r="G19698" t="s">
        <v>10450</v>
      </c>
      <c r="H19698" t="s">
        <v>10451</v>
      </c>
      <c r="I19698" s="2">
        <v>1</v>
      </c>
      <c r="J19698" s="2">
        <v>0</v>
      </c>
      <c r="K19698" s="2">
        <v>0</v>
      </c>
      <c r="L19698" t="s">
        <v>120</v>
      </c>
      <c r="M19698" t="s">
        <v>83</v>
      </c>
      <c r="N19698" t="s">
        <v>84</v>
      </c>
      <c r="O19698" t="s">
        <v>85</v>
      </c>
      <c r="P19698" t="s">
        <v>86</v>
      </c>
      <c r="Q19698">
        <v>2</v>
      </c>
      <c r="R19698">
        <v>3</v>
      </c>
      <c r="S19698">
        <v>3</v>
      </c>
      <c r="T19698">
        <v>3</v>
      </c>
      <c r="U19698">
        <v>3</v>
      </c>
      <c r="V19698">
        <v>3</v>
      </c>
      <c r="W19698">
        <v>3</v>
      </c>
      <c r="X19698">
        <v>3</v>
      </c>
      <c r="Y19698">
        <v>3</v>
      </c>
      <c r="Z19698">
        <v>3</v>
      </c>
      <c r="AA19698">
        <v>3</v>
      </c>
      <c r="AB19698">
        <v>3</v>
      </c>
      <c r="AC19698">
        <v>3</v>
      </c>
      <c r="AD19698">
        <v>3</v>
      </c>
      <c r="AE19698">
        <v>3</v>
      </c>
      <c r="AF19698">
        <v>3</v>
      </c>
      <c r="AG19698">
        <v>3</v>
      </c>
      <c r="AH19698">
        <v>3</v>
      </c>
      <c r="AI19698">
        <v>3</v>
      </c>
      <c r="AJ19698">
        <v>3</v>
      </c>
      <c r="AK19698">
        <v>3</v>
      </c>
      <c r="AL19698">
        <v>3</v>
      </c>
      <c r="AM19698">
        <v>3</v>
      </c>
      <c r="AN19698">
        <v>4</v>
      </c>
      <c r="AO19698">
        <v>4</v>
      </c>
      <c r="AP19698">
        <v>4</v>
      </c>
      <c r="AQ19698">
        <v>4</v>
      </c>
    </row>
    <row r="19699" spans="1:43">
      <c r="A19699" t="s">
        <v>12198</v>
      </c>
      <c r="B19699" t="s">
        <v>12199</v>
      </c>
      <c r="C19699" t="s">
        <v>12186</v>
      </c>
      <c r="D19699" t="s">
        <v>12187</v>
      </c>
      <c r="E19699" t="s">
        <v>12188</v>
      </c>
      <c r="F19699" t="s">
        <v>12189</v>
      </c>
      <c r="G19699" t="s">
        <v>10450</v>
      </c>
      <c r="H19699" t="s">
        <v>10451</v>
      </c>
      <c r="I19699" s="2">
        <v>1</v>
      </c>
      <c r="J19699" s="2">
        <v>0</v>
      </c>
      <c r="K19699" s="2">
        <v>0</v>
      </c>
      <c r="L19699" t="s">
        <v>120</v>
      </c>
      <c r="M19699" t="s">
        <v>87</v>
      </c>
      <c r="N19699" t="s">
        <v>88</v>
      </c>
      <c r="O19699" t="s">
        <v>85</v>
      </c>
      <c r="P19699" t="s">
        <v>86</v>
      </c>
      <c r="Q19699">
        <v>2</v>
      </c>
      <c r="R19699">
        <v>2</v>
      </c>
      <c r="S19699">
        <v>2</v>
      </c>
      <c r="T19699">
        <v>3</v>
      </c>
      <c r="U19699">
        <v>3</v>
      </c>
      <c r="V19699">
        <v>3</v>
      </c>
      <c r="W19699">
        <v>3</v>
      </c>
      <c r="X19699">
        <v>3</v>
      </c>
      <c r="Y19699">
        <v>3</v>
      </c>
      <c r="Z19699">
        <v>3</v>
      </c>
      <c r="AA19699">
        <v>3</v>
      </c>
      <c r="AB19699">
        <v>3</v>
      </c>
      <c r="AC19699">
        <v>3</v>
      </c>
      <c r="AD19699">
        <v>3</v>
      </c>
      <c r="AE19699">
        <v>3</v>
      </c>
      <c r="AF19699">
        <v>3</v>
      </c>
      <c r="AG19699">
        <v>3</v>
      </c>
      <c r="AH19699">
        <v>3</v>
      </c>
      <c r="AI19699">
        <v>3</v>
      </c>
      <c r="AJ19699">
        <v>3</v>
      </c>
      <c r="AK19699">
        <v>3</v>
      </c>
      <c r="AL19699">
        <v>3</v>
      </c>
      <c r="AM19699">
        <v>3</v>
      </c>
      <c r="AN19699">
        <v>3</v>
      </c>
      <c r="AO19699">
        <v>3</v>
      </c>
      <c r="AP19699">
        <v>3</v>
      </c>
      <c r="AQ19699">
        <v>3</v>
      </c>
    </row>
    <row r="19700" spans="1:43">
      <c r="A19700" t="s">
        <v>12198</v>
      </c>
      <c r="B19700" t="s">
        <v>12199</v>
      </c>
      <c r="C19700" t="s">
        <v>12186</v>
      </c>
      <c r="D19700" t="s">
        <v>12187</v>
      </c>
      <c r="E19700" t="s">
        <v>12188</v>
      </c>
      <c r="F19700" t="s">
        <v>12189</v>
      </c>
      <c r="G19700" t="s">
        <v>10450</v>
      </c>
      <c r="H19700" t="s">
        <v>10451</v>
      </c>
      <c r="I19700" s="2">
        <v>1</v>
      </c>
      <c r="J19700" s="2">
        <v>0</v>
      </c>
      <c r="K19700" s="2">
        <v>0</v>
      </c>
      <c r="L19700" t="s">
        <v>120</v>
      </c>
      <c r="M19700" t="s">
        <v>89</v>
      </c>
      <c r="N19700" t="s">
        <v>90</v>
      </c>
      <c r="O19700" t="s">
        <v>85</v>
      </c>
      <c r="P19700" t="s">
        <v>86</v>
      </c>
      <c r="Q19700">
        <v>2</v>
      </c>
      <c r="R19700">
        <v>3</v>
      </c>
      <c r="S19700">
        <v>3</v>
      </c>
      <c r="T19700">
        <v>3</v>
      </c>
      <c r="U19700">
        <v>3</v>
      </c>
      <c r="V19700">
        <v>3</v>
      </c>
      <c r="W19700">
        <v>3</v>
      </c>
      <c r="X19700">
        <v>3</v>
      </c>
      <c r="Y19700">
        <v>3</v>
      </c>
      <c r="Z19700">
        <v>3</v>
      </c>
      <c r="AA19700">
        <v>3</v>
      </c>
      <c r="AB19700">
        <v>3</v>
      </c>
      <c r="AC19700">
        <v>3</v>
      </c>
      <c r="AD19700">
        <v>3</v>
      </c>
      <c r="AE19700">
        <v>3</v>
      </c>
      <c r="AF19700">
        <v>3</v>
      </c>
      <c r="AG19700">
        <v>3</v>
      </c>
      <c r="AH19700">
        <v>3</v>
      </c>
      <c r="AI19700">
        <v>3</v>
      </c>
      <c r="AJ19700">
        <v>3</v>
      </c>
      <c r="AK19700">
        <v>3</v>
      </c>
      <c r="AL19700">
        <v>3</v>
      </c>
      <c r="AM19700">
        <v>4</v>
      </c>
      <c r="AN19700">
        <v>4</v>
      </c>
      <c r="AO19700">
        <v>4</v>
      </c>
      <c r="AP19700">
        <v>4</v>
      </c>
      <c r="AQ19700">
        <v>4</v>
      </c>
    </row>
    <row r="19701" spans="1:43">
      <c r="A19701" t="s">
        <v>12198</v>
      </c>
      <c r="B19701" t="s">
        <v>12199</v>
      </c>
      <c r="C19701" t="s">
        <v>12186</v>
      </c>
      <c r="D19701" t="s">
        <v>12187</v>
      </c>
      <c r="E19701" t="s">
        <v>12188</v>
      </c>
      <c r="F19701" t="s">
        <v>12189</v>
      </c>
      <c r="G19701" t="s">
        <v>10450</v>
      </c>
      <c r="H19701" t="s">
        <v>10451</v>
      </c>
      <c r="I19701" s="2">
        <v>1</v>
      </c>
      <c r="J19701" s="2">
        <v>0</v>
      </c>
      <c r="K19701" s="2">
        <v>0</v>
      </c>
      <c r="L19701" t="s">
        <v>120</v>
      </c>
      <c r="M19701" t="s">
        <v>83</v>
      </c>
      <c r="N19701" t="s">
        <v>91</v>
      </c>
      <c r="O19701" t="s">
        <v>85</v>
      </c>
      <c r="P19701" t="s">
        <v>86</v>
      </c>
      <c r="Q19701">
        <v>2</v>
      </c>
      <c r="R19701">
        <v>3</v>
      </c>
      <c r="S19701">
        <v>3</v>
      </c>
      <c r="T19701">
        <v>3</v>
      </c>
      <c r="U19701">
        <v>3</v>
      </c>
      <c r="V19701">
        <v>3</v>
      </c>
      <c r="W19701">
        <v>3</v>
      </c>
      <c r="X19701">
        <v>3</v>
      </c>
      <c r="Y19701">
        <v>3</v>
      </c>
      <c r="Z19701">
        <v>3</v>
      </c>
      <c r="AA19701">
        <v>3</v>
      </c>
      <c r="AB19701">
        <v>3</v>
      </c>
      <c r="AC19701">
        <v>3</v>
      </c>
      <c r="AD19701">
        <v>3</v>
      </c>
      <c r="AE19701">
        <v>3</v>
      </c>
      <c r="AF19701">
        <v>3</v>
      </c>
      <c r="AG19701">
        <v>3</v>
      </c>
      <c r="AH19701">
        <v>3</v>
      </c>
      <c r="AI19701">
        <v>3</v>
      </c>
      <c r="AJ19701">
        <v>3</v>
      </c>
      <c r="AK19701">
        <v>3</v>
      </c>
      <c r="AL19701">
        <v>3</v>
      </c>
      <c r="AM19701">
        <v>3</v>
      </c>
      <c r="AN19701">
        <v>4</v>
      </c>
      <c r="AO19701">
        <v>4</v>
      </c>
      <c r="AP19701">
        <v>4</v>
      </c>
      <c r="AQ19701">
        <v>4</v>
      </c>
    </row>
    <row r="19702" spans="1:43">
      <c r="A19702" t="s">
        <v>12200</v>
      </c>
      <c r="B19702" t="s">
        <v>12201</v>
      </c>
      <c r="C19702" t="s">
        <v>12202</v>
      </c>
      <c r="D19702" t="s">
        <v>12203</v>
      </c>
      <c r="E19702" t="s">
        <v>12188</v>
      </c>
      <c r="F19702" t="s">
        <v>12189</v>
      </c>
      <c r="G19702" t="s">
        <v>10450</v>
      </c>
      <c r="H19702" t="s">
        <v>10451</v>
      </c>
      <c r="I19702" s="2">
        <v>1</v>
      </c>
      <c r="J19702" s="2">
        <v>0</v>
      </c>
      <c r="K19702" s="2">
        <v>0</v>
      </c>
      <c r="L19702" t="s">
        <v>120</v>
      </c>
      <c r="M19702" t="s">
        <v>83</v>
      </c>
      <c r="N19702" t="s">
        <v>84</v>
      </c>
      <c r="O19702" t="s">
        <v>85</v>
      </c>
      <c r="P19702" t="s">
        <v>86</v>
      </c>
      <c r="Q19702">
        <v>5</v>
      </c>
      <c r="R19702">
        <v>5</v>
      </c>
      <c r="S19702">
        <v>5</v>
      </c>
      <c r="T19702">
        <v>5</v>
      </c>
      <c r="U19702">
        <v>5</v>
      </c>
      <c r="V19702">
        <v>5</v>
      </c>
      <c r="W19702">
        <v>6</v>
      </c>
      <c r="X19702">
        <v>6</v>
      </c>
      <c r="Y19702">
        <v>6</v>
      </c>
      <c r="Z19702">
        <v>6</v>
      </c>
      <c r="AA19702">
        <v>6</v>
      </c>
      <c r="AB19702">
        <v>6</v>
      </c>
      <c r="AC19702">
        <v>6</v>
      </c>
      <c r="AD19702">
        <v>6</v>
      </c>
      <c r="AE19702">
        <v>6</v>
      </c>
      <c r="AF19702">
        <v>6</v>
      </c>
      <c r="AG19702">
        <v>7</v>
      </c>
      <c r="AH19702">
        <v>7</v>
      </c>
      <c r="AI19702">
        <v>7</v>
      </c>
      <c r="AJ19702">
        <v>7</v>
      </c>
      <c r="AK19702">
        <v>7</v>
      </c>
      <c r="AL19702">
        <v>7</v>
      </c>
      <c r="AM19702">
        <v>7</v>
      </c>
      <c r="AN19702">
        <v>7</v>
      </c>
      <c r="AO19702">
        <v>7</v>
      </c>
      <c r="AP19702">
        <v>7</v>
      </c>
      <c r="AQ19702">
        <v>7</v>
      </c>
    </row>
    <row r="19703" spans="1:43">
      <c r="A19703" t="s">
        <v>12200</v>
      </c>
      <c r="B19703" t="s">
        <v>12201</v>
      </c>
      <c r="C19703" t="s">
        <v>12202</v>
      </c>
      <c r="D19703" t="s">
        <v>12203</v>
      </c>
      <c r="E19703" t="s">
        <v>12188</v>
      </c>
      <c r="F19703" t="s">
        <v>12189</v>
      </c>
      <c r="G19703" t="s">
        <v>10450</v>
      </c>
      <c r="H19703" t="s">
        <v>10451</v>
      </c>
      <c r="I19703" s="2">
        <v>1</v>
      </c>
      <c r="J19703" s="2">
        <v>0</v>
      </c>
      <c r="K19703" s="2">
        <v>0</v>
      </c>
      <c r="L19703" t="s">
        <v>120</v>
      </c>
      <c r="M19703" t="s">
        <v>87</v>
      </c>
      <c r="N19703" t="s">
        <v>88</v>
      </c>
      <c r="O19703" t="s">
        <v>85</v>
      </c>
      <c r="P19703" t="s">
        <v>86</v>
      </c>
      <c r="Q19703">
        <v>5</v>
      </c>
      <c r="R19703">
        <v>5</v>
      </c>
      <c r="S19703">
        <v>5</v>
      </c>
      <c r="T19703">
        <v>5</v>
      </c>
      <c r="U19703">
        <v>5</v>
      </c>
      <c r="V19703">
        <v>5</v>
      </c>
      <c r="W19703">
        <v>5</v>
      </c>
      <c r="X19703">
        <v>5</v>
      </c>
      <c r="Y19703">
        <v>5</v>
      </c>
      <c r="Z19703">
        <v>5</v>
      </c>
      <c r="AA19703">
        <v>5</v>
      </c>
      <c r="AB19703">
        <v>5</v>
      </c>
      <c r="AC19703">
        <v>6</v>
      </c>
      <c r="AD19703">
        <v>6</v>
      </c>
      <c r="AE19703">
        <v>6</v>
      </c>
      <c r="AF19703">
        <v>6</v>
      </c>
      <c r="AG19703">
        <v>6</v>
      </c>
      <c r="AH19703">
        <v>6</v>
      </c>
      <c r="AI19703">
        <v>6</v>
      </c>
      <c r="AJ19703">
        <v>6</v>
      </c>
      <c r="AK19703">
        <v>6</v>
      </c>
      <c r="AL19703">
        <v>6</v>
      </c>
      <c r="AM19703">
        <v>6</v>
      </c>
      <c r="AN19703">
        <v>6</v>
      </c>
      <c r="AO19703">
        <v>6</v>
      </c>
      <c r="AP19703">
        <v>6</v>
      </c>
      <c r="AQ19703">
        <v>6</v>
      </c>
    </row>
    <row r="19704" spans="1:43">
      <c r="A19704" t="s">
        <v>12200</v>
      </c>
      <c r="B19704" t="s">
        <v>12201</v>
      </c>
      <c r="C19704" t="s">
        <v>12202</v>
      </c>
      <c r="D19704" t="s">
        <v>12203</v>
      </c>
      <c r="E19704" t="s">
        <v>12188</v>
      </c>
      <c r="F19704" t="s">
        <v>12189</v>
      </c>
      <c r="G19704" t="s">
        <v>10450</v>
      </c>
      <c r="H19704" t="s">
        <v>10451</v>
      </c>
      <c r="I19704" s="2">
        <v>1</v>
      </c>
      <c r="J19704" s="2">
        <v>0</v>
      </c>
      <c r="K19704" s="2">
        <v>0</v>
      </c>
      <c r="L19704" t="s">
        <v>120</v>
      </c>
      <c r="M19704" t="s">
        <v>89</v>
      </c>
      <c r="N19704" t="s">
        <v>90</v>
      </c>
      <c r="O19704" t="s">
        <v>85</v>
      </c>
      <c r="P19704" t="s">
        <v>86</v>
      </c>
      <c r="Q19704">
        <v>5</v>
      </c>
      <c r="R19704">
        <v>5</v>
      </c>
      <c r="S19704">
        <v>5</v>
      </c>
      <c r="T19704">
        <v>5</v>
      </c>
      <c r="U19704">
        <v>6</v>
      </c>
      <c r="V19704">
        <v>6</v>
      </c>
      <c r="W19704">
        <v>6</v>
      </c>
      <c r="X19704">
        <v>6</v>
      </c>
      <c r="Y19704">
        <v>6</v>
      </c>
      <c r="Z19704">
        <v>6</v>
      </c>
      <c r="AA19704">
        <v>6</v>
      </c>
      <c r="AB19704">
        <v>6</v>
      </c>
      <c r="AC19704">
        <v>7</v>
      </c>
      <c r="AD19704">
        <v>7</v>
      </c>
      <c r="AE19704">
        <v>7</v>
      </c>
      <c r="AF19704">
        <v>7</v>
      </c>
      <c r="AG19704">
        <v>7</v>
      </c>
      <c r="AH19704">
        <v>7</v>
      </c>
      <c r="AI19704">
        <v>7</v>
      </c>
      <c r="AJ19704">
        <v>7</v>
      </c>
      <c r="AK19704">
        <v>7</v>
      </c>
      <c r="AL19704">
        <v>7</v>
      </c>
      <c r="AM19704">
        <v>7</v>
      </c>
      <c r="AN19704">
        <v>7</v>
      </c>
      <c r="AO19704">
        <v>7</v>
      </c>
      <c r="AP19704">
        <v>7</v>
      </c>
      <c r="AQ19704">
        <v>7</v>
      </c>
    </row>
    <row r="19705" spans="1:43">
      <c r="A19705" t="s">
        <v>12200</v>
      </c>
      <c r="B19705" t="s">
        <v>12201</v>
      </c>
      <c r="C19705" t="s">
        <v>12202</v>
      </c>
      <c r="D19705" t="s">
        <v>12203</v>
      </c>
      <c r="E19705" t="s">
        <v>12188</v>
      </c>
      <c r="F19705" t="s">
        <v>12189</v>
      </c>
      <c r="G19705" t="s">
        <v>10450</v>
      </c>
      <c r="H19705" t="s">
        <v>10451</v>
      </c>
      <c r="I19705" s="2">
        <v>1</v>
      </c>
      <c r="J19705" s="2">
        <v>0</v>
      </c>
      <c r="K19705" s="2">
        <v>0</v>
      </c>
      <c r="L19705" t="s">
        <v>120</v>
      </c>
      <c r="M19705" t="s">
        <v>83</v>
      </c>
      <c r="N19705" t="s">
        <v>91</v>
      </c>
      <c r="O19705" t="s">
        <v>85</v>
      </c>
      <c r="P19705" t="s">
        <v>86</v>
      </c>
      <c r="Q19705">
        <v>5</v>
      </c>
      <c r="R19705">
        <v>5</v>
      </c>
      <c r="S19705">
        <v>5</v>
      </c>
      <c r="T19705">
        <v>5</v>
      </c>
      <c r="U19705">
        <v>5</v>
      </c>
      <c r="V19705">
        <v>5</v>
      </c>
      <c r="W19705">
        <v>6</v>
      </c>
      <c r="X19705">
        <v>6</v>
      </c>
      <c r="Y19705">
        <v>6</v>
      </c>
      <c r="Z19705">
        <v>6</v>
      </c>
      <c r="AA19705">
        <v>6</v>
      </c>
      <c r="AB19705">
        <v>6</v>
      </c>
      <c r="AC19705">
        <v>6</v>
      </c>
      <c r="AD19705">
        <v>6</v>
      </c>
      <c r="AE19705">
        <v>6</v>
      </c>
      <c r="AF19705">
        <v>6</v>
      </c>
      <c r="AG19705">
        <v>7</v>
      </c>
      <c r="AH19705">
        <v>7</v>
      </c>
      <c r="AI19705">
        <v>7</v>
      </c>
      <c r="AJ19705">
        <v>7</v>
      </c>
      <c r="AK19705">
        <v>7</v>
      </c>
      <c r="AL19705">
        <v>7</v>
      </c>
      <c r="AM19705">
        <v>7</v>
      </c>
      <c r="AN19705">
        <v>7</v>
      </c>
      <c r="AO19705">
        <v>7</v>
      </c>
      <c r="AP19705">
        <v>7</v>
      </c>
      <c r="AQ19705">
        <v>7</v>
      </c>
    </row>
    <row r="19706" spans="1:43">
      <c r="A19706" t="s">
        <v>12204</v>
      </c>
      <c r="B19706" t="s">
        <v>12205</v>
      </c>
      <c r="C19706" t="s">
        <v>12202</v>
      </c>
      <c r="D19706" t="s">
        <v>12203</v>
      </c>
      <c r="E19706" t="s">
        <v>12188</v>
      </c>
      <c r="F19706" t="s">
        <v>12189</v>
      </c>
      <c r="G19706" t="s">
        <v>10450</v>
      </c>
      <c r="H19706" t="s">
        <v>10451</v>
      </c>
      <c r="I19706" s="2">
        <v>1</v>
      </c>
      <c r="J19706" s="2">
        <v>0</v>
      </c>
      <c r="K19706" s="2">
        <v>0</v>
      </c>
      <c r="L19706" t="s">
        <v>120</v>
      </c>
      <c r="M19706" t="s">
        <v>83</v>
      </c>
      <c r="N19706" t="s">
        <v>84</v>
      </c>
      <c r="O19706" t="s">
        <v>85</v>
      </c>
      <c r="P19706" t="s">
        <v>86</v>
      </c>
      <c r="Q19706">
        <v>13</v>
      </c>
      <c r="R19706">
        <v>14</v>
      </c>
      <c r="S19706">
        <v>14</v>
      </c>
      <c r="T19706">
        <v>14</v>
      </c>
      <c r="U19706">
        <v>14</v>
      </c>
      <c r="V19706">
        <v>15</v>
      </c>
      <c r="W19706">
        <v>15</v>
      </c>
      <c r="X19706">
        <v>15</v>
      </c>
      <c r="Y19706">
        <v>15</v>
      </c>
      <c r="Z19706">
        <v>16</v>
      </c>
      <c r="AA19706">
        <v>16</v>
      </c>
      <c r="AB19706">
        <v>16</v>
      </c>
      <c r="AC19706">
        <v>17</v>
      </c>
      <c r="AD19706">
        <v>17</v>
      </c>
      <c r="AE19706">
        <v>17</v>
      </c>
      <c r="AF19706">
        <v>17</v>
      </c>
      <c r="AG19706">
        <v>18</v>
      </c>
      <c r="AH19706">
        <v>18</v>
      </c>
      <c r="AI19706">
        <v>18</v>
      </c>
      <c r="AJ19706">
        <v>18</v>
      </c>
      <c r="AK19706">
        <v>19</v>
      </c>
      <c r="AL19706">
        <v>19</v>
      </c>
      <c r="AM19706">
        <v>19</v>
      </c>
      <c r="AN19706">
        <v>19</v>
      </c>
      <c r="AO19706">
        <v>19</v>
      </c>
      <c r="AP19706">
        <v>19</v>
      </c>
      <c r="AQ19706">
        <v>20</v>
      </c>
    </row>
    <row r="19707" spans="1:43">
      <c r="A19707" t="s">
        <v>12204</v>
      </c>
      <c r="B19707" t="s">
        <v>12205</v>
      </c>
      <c r="C19707" t="s">
        <v>12202</v>
      </c>
      <c r="D19707" t="s">
        <v>12203</v>
      </c>
      <c r="E19707" t="s">
        <v>12188</v>
      </c>
      <c r="F19707" t="s">
        <v>12189</v>
      </c>
      <c r="G19707" t="s">
        <v>10450</v>
      </c>
      <c r="H19707" t="s">
        <v>10451</v>
      </c>
      <c r="I19707" s="2">
        <v>1</v>
      </c>
      <c r="J19707" s="2">
        <v>0</v>
      </c>
      <c r="K19707" s="2">
        <v>0</v>
      </c>
      <c r="L19707" t="s">
        <v>120</v>
      </c>
      <c r="M19707" t="s">
        <v>87</v>
      </c>
      <c r="N19707" t="s">
        <v>88</v>
      </c>
      <c r="O19707" t="s">
        <v>85</v>
      </c>
      <c r="P19707" t="s">
        <v>86</v>
      </c>
      <c r="Q19707">
        <v>13</v>
      </c>
      <c r="R19707">
        <v>13</v>
      </c>
      <c r="S19707">
        <v>14</v>
      </c>
      <c r="T19707">
        <v>14</v>
      </c>
      <c r="U19707">
        <v>14</v>
      </c>
      <c r="V19707">
        <v>14</v>
      </c>
      <c r="W19707">
        <v>14</v>
      </c>
      <c r="X19707">
        <v>14</v>
      </c>
      <c r="Y19707">
        <v>14</v>
      </c>
      <c r="Z19707">
        <v>14</v>
      </c>
      <c r="AA19707">
        <v>15</v>
      </c>
      <c r="AB19707">
        <v>15</v>
      </c>
      <c r="AC19707">
        <v>15</v>
      </c>
      <c r="AD19707">
        <v>15</v>
      </c>
      <c r="AE19707">
        <v>15</v>
      </c>
      <c r="AF19707">
        <v>15</v>
      </c>
      <c r="AG19707">
        <v>15</v>
      </c>
      <c r="AH19707">
        <v>16</v>
      </c>
      <c r="AI19707">
        <v>16</v>
      </c>
      <c r="AJ19707">
        <v>16</v>
      </c>
      <c r="AK19707">
        <v>16</v>
      </c>
      <c r="AL19707">
        <v>16</v>
      </c>
      <c r="AM19707">
        <v>16</v>
      </c>
      <c r="AN19707">
        <v>17</v>
      </c>
      <c r="AO19707">
        <v>17</v>
      </c>
      <c r="AP19707">
        <v>17</v>
      </c>
      <c r="AQ19707">
        <v>17</v>
      </c>
    </row>
    <row r="19708" spans="1:43">
      <c r="A19708" t="s">
        <v>12204</v>
      </c>
      <c r="B19708" t="s">
        <v>12205</v>
      </c>
      <c r="C19708" t="s">
        <v>12202</v>
      </c>
      <c r="D19708" t="s">
        <v>12203</v>
      </c>
      <c r="E19708" t="s">
        <v>12188</v>
      </c>
      <c r="F19708" t="s">
        <v>12189</v>
      </c>
      <c r="G19708" t="s">
        <v>10450</v>
      </c>
      <c r="H19708" t="s">
        <v>10451</v>
      </c>
      <c r="I19708" s="2">
        <v>1</v>
      </c>
      <c r="J19708" s="2">
        <v>0</v>
      </c>
      <c r="K19708" s="2">
        <v>0</v>
      </c>
      <c r="L19708" t="s">
        <v>120</v>
      </c>
      <c r="M19708" t="s">
        <v>89</v>
      </c>
      <c r="N19708" t="s">
        <v>90</v>
      </c>
      <c r="O19708" t="s">
        <v>85</v>
      </c>
      <c r="P19708" t="s">
        <v>86</v>
      </c>
      <c r="Q19708">
        <v>13</v>
      </c>
      <c r="R19708">
        <v>13</v>
      </c>
      <c r="S19708">
        <v>13</v>
      </c>
      <c r="T19708">
        <v>14</v>
      </c>
      <c r="U19708">
        <v>14</v>
      </c>
      <c r="V19708">
        <v>14</v>
      </c>
      <c r="W19708">
        <v>15</v>
      </c>
      <c r="X19708">
        <v>15</v>
      </c>
      <c r="Y19708">
        <v>15</v>
      </c>
      <c r="Z19708">
        <v>16</v>
      </c>
      <c r="AA19708">
        <v>16</v>
      </c>
      <c r="AB19708">
        <v>16</v>
      </c>
      <c r="AC19708">
        <v>17</v>
      </c>
      <c r="AD19708">
        <v>17</v>
      </c>
      <c r="AE19708">
        <v>17</v>
      </c>
      <c r="AF19708">
        <v>17</v>
      </c>
      <c r="AG19708">
        <v>17</v>
      </c>
      <c r="AH19708">
        <v>18</v>
      </c>
      <c r="AI19708">
        <v>18</v>
      </c>
      <c r="AJ19708">
        <v>18</v>
      </c>
      <c r="AK19708">
        <v>18</v>
      </c>
      <c r="AL19708">
        <v>18</v>
      </c>
      <c r="AM19708">
        <v>18</v>
      </c>
      <c r="AN19708">
        <v>18</v>
      </c>
      <c r="AO19708">
        <v>18</v>
      </c>
      <c r="AP19708">
        <v>19</v>
      </c>
      <c r="AQ19708">
        <v>19</v>
      </c>
    </row>
    <row r="19709" spans="1:43">
      <c r="A19709" t="s">
        <v>12204</v>
      </c>
      <c r="B19709" t="s">
        <v>12205</v>
      </c>
      <c r="C19709" t="s">
        <v>12202</v>
      </c>
      <c r="D19709" t="s">
        <v>12203</v>
      </c>
      <c r="E19709" t="s">
        <v>12188</v>
      </c>
      <c r="F19709" t="s">
        <v>12189</v>
      </c>
      <c r="G19709" t="s">
        <v>10450</v>
      </c>
      <c r="H19709" t="s">
        <v>10451</v>
      </c>
      <c r="I19709" s="2">
        <v>1</v>
      </c>
      <c r="J19709" s="2">
        <v>0</v>
      </c>
      <c r="K19709" s="2">
        <v>0</v>
      </c>
      <c r="L19709" t="s">
        <v>120</v>
      </c>
      <c r="M19709" t="s">
        <v>83</v>
      </c>
      <c r="N19709" t="s">
        <v>91</v>
      </c>
      <c r="O19709" t="s">
        <v>85</v>
      </c>
      <c r="P19709" t="s">
        <v>86</v>
      </c>
      <c r="Q19709">
        <v>13</v>
      </c>
      <c r="R19709">
        <v>14</v>
      </c>
      <c r="S19709">
        <v>14</v>
      </c>
      <c r="T19709">
        <v>14</v>
      </c>
      <c r="U19709">
        <v>14</v>
      </c>
      <c r="V19709">
        <v>15</v>
      </c>
      <c r="W19709">
        <v>15</v>
      </c>
      <c r="X19709">
        <v>15</v>
      </c>
      <c r="Y19709">
        <v>15</v>
      </c>
      <c r="Z19709">
        <v>16</v>
      </c>
      <c r="AA19709">
        <v>16</v>
      </c>
      <c r="AB19709">
        <v>16</v>
      </c>
      <c r="AC19709">
        <v>17</v>
      </c>
      <c r="AD19709">
        <v>17</v>
      </c>
      <c r="AE19709">
        <v>17</v>
      </c>
      <c r="AF19709">
        <v>17</v>
      </c>
      <c r="AG19709">
        <v>18</v>
      </c>
      <c r="AH19709">
        <v>18</v>
      </c>
      <c r="AI19709">
        <v>18</v>
      </c>
      <c r="AJ19709">
        <v>18</v>
      </c>
      <c r="AK19709">
        <v>19</v>
      </c>
      <c r="AL19709">
        <v>19</v>
      </c>
      <c r="AM19709">
        <v>19</v>
      </c>
      <c r="AN19709">
        <v>19</v>
      </c>
      <c r="AO19709">
        <v>19</v>
      </c>
      <c r="AP19709">
        <v>19</v>
      </c>
      <c r="AQ19709">
        <v>20</v>
      </c>
    </row>
    <row r="19710" spans="1:43">
      <c r="A19710" t="s">
        <v>12206</v>
      </c>
      <c r="B19710" t="s">
        <v>12207</v>
      </c>
      <c r="C19710" t="s">
        <v>12202</v>
      </c>
      <c r="D19710" t="s">
        <v>12203</v>
      </c>
      <c r="E19710" t="s">
        <v>12188</v>
      </c>
      <c r="F19710" t="s">
        <v>12189</v>
      </c>
      <c r="G19710" t="s">
        <v>10450</v>
      </c>
      <c r="H19710" t="s">
        <v>10451</v>
      </c>
      <c r="I19710" s="2">
        <v>1</v>
      </c>
      <c r="J19710" s="2">
        <v>0</v>
      </c>
      <c r="K19710" s="2">
        <v>0</v>
      </c>
      <c r="L19710" t="s">
        <v>120</v>
      </c>
      <c r="M19710" t="s">
        <v>83</v>
      </c>
      <c r="N19710" t="s">
        <v>84</v>
      </c>
      <c r="O19710" t="s">
        <v>85</v>
      </c>
      <c r="P19710" t="s">
        <v>86</v>
      </c>
      <c r="Q19710">
        <v>11</v>
      </c>
      <c r="R19710">
        <v>12</v>
      </c>
      <c r="S19710">
        <v>12</v>
      </c>
      <c r="T19710">
        <v>12</v>
      </c>
      <c r="U19710">
        <v>12</v>
      </c>
      <c r="V19710">
        <v>13</v>
      </c>
      <c r="W19710">
        <v>13</v>
      </c>
      <c r="X19710">
        <v>13</v>
      </c>
      <c r="Y19710">
        <v>13</v>
      </c>
      <c r="Z19710">
        <v>13</v>
      </c>
      <c r="AA19710">
        <v>14</v>
      </c>
      <c r="AB19710">
        <v>14</v>
      </c>
      <c r="AC19710">
        <v>14</v>
      </c>
      <c r="AD19710">
        <v>14</v>
      </c>
      <c r="AE19710">
        <v>15</v>
      </c>
      <c r="AF19710">
        <v>15</v>
      </c>
      <c r="AG19710">
        <v>15</v>
      </c>
      <c r="AH19710">
        <v>15</v>
      </c>
      <c r="AI19710">
        <v>15</v>
      </c>
      <c r="AJ19710">
        <v>16</v>
      </c>
      <c r="AK19710">
        <v>16</v>
      </c>
      <c r="AL19710">
        <v>16</v>
      </c>
      <c r="AM19710">
        <v>16</v>
      </c>
      <c r="AN19710">
        <v>16</v>
      </c>
      <c r="AO19710">
        <v>16</v>
      </c>
      <c r="AP19710">
        <v>16</v>
      </c>
      <c r="AQ19710">
        <v>17</v>
      </c>
    </row>
    <row r="19711" spans="1:43">
      <c r="A19711" t="s">
        <v>12206</v>
      </c>
      <c r="B19711" t="s">
        <v>12207</v>
      </c>
      <c r="C19711" t="s">
        <v>12202</v>
      </c>
      <c r="D19711" t="s">
        <v>12203</v>
      </c>
      <c r="E19711" t="s">
        <v>12188</v>
      </c>
      <c r="F19711" t="s">
        <v>12189</v>
      </c>
      <c r="G19711" t="s">
        <v>10450</v>
      </c>
      <c r="H19711" t="s">
        <v>10451</v>
      </c>
      <c r="I19711" s="2">
        <v>1</v>
      </c>
      <c r="J19711" s="2">
        <v>0</v>
      </c>
      <c r="K19711" s="2">
        <v>0</v>
      </c>
      <c r="L19711" t="s">
        <v>120</v>
      </c>
      <c r="M19711" t="s">
        <v>87</v>
      </c>
      <c r="N19711" t="s">
        <v>88</v>
      </c>
      <c r="O19711" t="s">
        <v>85</v>
      </c>
      <c r="P19711" t="s">
        <v>86</v>
      </c>
      <c r="Q19711">
        <v>11</v>
      </c>
      <c r="R19711">
        <v>11</v>
      </c>
      <c r="S19711">
        <v>12</v>
      </c>
      <c r="T19711">
        <v>12</v>
      </c>
      <c r="U19711">
        <v>12</v>
      </c>
      <c r="V19711">
        <v>12</v>
      </c>
      <c r="W19711">
        <v>12</v>
      </c>
      <c r="X19711">
        <v>12</v>
      </c>
      <c r="Y19711">
        <v>12</v>
      </c>
      <c r="Z19711">
        <v>12</v>
      </c>
      <c r="AA19711">
        <v>12</v>
      </c>
      <c r="AB19711">
        <v>13</v>
      </c>
      <c r="AC19711">
        <v>13</v>
      </c>
      <c r="AD19711">
        <v>13</v>
      </c>
      <c r="AE19711">
        <v>13</v>
      </c>
      <c r="AF19711">
        <v>13</v>
      </c>
      <c r="AG19711">
        <v>13</v>
      </c>
      <c r="AH19711">
        <v>13</v>
      </c>
      <c r="AI19711">
        <v>13</v>
      </c>
      <c r="AJ19711">
        <v>13</v>
      </c>
      <c r="AK19711">
        <v>14</v>
      </c>
      <c r="AL19711">
        <v>14</v>
      </c>
      <c r="AM19711">
        <v>14</v>
      </c>
      <c r="AN19711">
        <v>14</v>
      </c>
      <c r="AO19711">
        <v>14</v>
      </c>
      <c r="AP19711">
        <v>14</v>
      </c>
      <c r="AQ19711">
        <v>14</v>
      </c>
    </row>
    <row r="19712" spans="1:43">
      <c r="A19712" t="s">
        <v>12206</v>
      </c>
      <c r="B19712" t="s">
        <v>12207</v>
      </c>
      <c r="C19712" t="s">
        <v>12202</v>
      </c>
      <c r="D19712" t="s">
        <v>12203</v>
      </c>
      <c r="E19712" t="s">
        <v>12188</v>
      </c>
      <c r="F19712" t="s">
        <v>12189</v>
      </c>
      <c r="G19712" t="s">
        <v>10450</v>
      </c>
      <c r="H19712" t="s">
        <v>10451</v>
      </c>
      <c r="I19712" s="2">
        <v>1</v>
      </c>
      <c r="J19712" s="2">
        <v>0</v>
      </c>
      <c r="K19712" s="2">
        <v>0</v>
      </c>
      <c r="L19712" t="s">
        <v>120</v>
      </c>
      <c r="M19712" t="s">
        <v>89</v>
      </c>
      <c r="N19712" t="s">
        <v>90</v>
      </c>
      <c r="O19712" t="s">
        <v>85</v>
      </c>
      <c r="P19712" t="s">
        <v>86</v>
      </c>
      <c r="Q19712">
        <v>11</v>
      </c>
      <c r="R19712">
        <v>11</v>
      </c>
      <c r="S19712">
        <v>11</v>
      </c>
      <c r="T19712">
        <v>11</v>
      </c>
      <c r="U19712">
        <v>12</v>
      </c>
      <c r="V19712">
        <v>12</v>
      </c>
      <c r="W19712">
        <v>12</v>
      </c>
      <c r="X19712">
        <v>13</v>
      </c>
      <c r="Y19712">
        <v>13</v>
      </c>
      <c r="Z19712">
        <v>13</v>
      </c>
      <c r="AA19712">
        <v>13</v>
      </c>
      <c r="AB19712">
        <v>14</v>
      </c>
      <c r="AC19712">
        <v>14</v>
      </c>
      <c r="AD19712">
        <v>14</v>
      </c>
      <c r="AE19712">
        <v>15</v>
      </c>
      <c r="AF19712">
        <v>15</v>
      </c>
      <c r="AG19712">
        <v>15</v>
      </c>
      <c r="AH19712">
        <v>15</v>
      </c>
      <c r="AI19712">
        <v>15</v>
      </c>
      <c r="AJ19712">
        <v>15</v>
      </c>
      <c r="AK19712">
        <v>15</v>
      </c>
      <c r="AL19712">
        <v>15</v>
      </c>
      <c r="AM19712">
        <v>15</v>
      </c>
      <c r="AN19712">
        <v>15</v>
      </c>
      <c r="AO19712">
        <v>15</v>
      </c>
      <c r="AP19712">
        <v>16</v>
      </c>
      <c r="AQ19712">
        <v>16</v>
      </c>
    </row>
    <row r="19713" spans="1:43">
      <c r="A19713" t="s">
        <v>12206</v>
      </c>
      <c r="B19713" t="s">
        <v>12207</v>
      </c>
      <c r="C19713" t="s">
        <v>12202</v>
      </c>
      <c r="D19713" t="s">
        <v>12203</v>
      </c>
      <c r="E19713" t="s">
        <v>12188</v>
      </c>
      <c r="F19713" t="s">
        <v>12189</v>
      </c>
      <c r="G19713" t="s">
        <v>10450</v>
      </c>
      <c r="H19713" t="s">
        <v>10451</v>
      </c>
      <c r="I19713" s="2">
        <v>1</v>
      </c>
      <c r="J19713" s="2">
        <v>0</v>
      </c>
      <c r="K19713" s="2">
        <v>0</v>
      </c>
      <c r="L19713" t="s">
        <v>120</v>
      </c>
      <c r="M19713" t="s">
        <v>83</v>
      </c>
      <c r="N19713" t="s">
        <v>91</v>
      </c>
      <c r="O19713" t="s">
        <v>85</v>
      </c>
      <c r="P19713" t="s">
        <v>86</v>
      </c>
      <c r="Q19713">
        <v>11</v>
      </c>
      <c r="R19713">
        <v>12</v>
      </c>
      <c r="S19713">
        <v>12</v>
      </c>
      <c r="T19713">
        <v>12</v>
      </c>
      <c r="U19713">
        <v>12</v>
      </c>
      <c r="V19713">
        <v>13</v>
      </c>
      <c r="W19713">
        <v>13</v>
      </c>
      <c r="X19713">
        <v>13</v>
      </c>
      <c r="Y19713">
        <v>13</v>
      </c>
      <c r="Z19713">
        <v>13</v>
      </c>
      <c r="AA19713">
        <v>14</v>
      </c>
      <c r="AB19713">
        <v>14</v>
      </c>
      <c r="AC19713">
        <v>14</v>
      </c>
      <c r="AD19713">
        <v>14</v>
      </c>
      <c r="AE19713">
        <v>15</v>
      </c>
      <c r="AF19713">
        <v>15</v>
      </c>
      <c r="AG19713">
        <v>15</v>
      </c>
      <c r="AH19713">
        <v>15</v>
      </c>
      <c r="AI19713">
        <v>15</v>
      </c>
      <c r="AJ19713">
        <v>16</v>
      </c>
      <c r="AK19713">
        <v>16</v>
      </c>
      <c r="AL19713">
        <v>16</v>
      </c>
      <c r="AM19713">
        <v>16</v>
      </c>
      <c r="AN19713">
        <v>16</v>
      </c>
      <c r="AO19713">
        <v>16</v>
      </c>
      <c r="AP19713">
        <v>16</v>
      </c>
      <c r="AQ19713">
        <v>17</v>
      </c>
    </row>
    <row r="19714" spans="1:43">
      <c r="A19714" t="s">
        <v>12208</v>
      </c>
      <c r="B19714" t="s">
        <v>12209</v>
      </c>
      <c r="C19714" t="s">
        <v>12202</v>
      </c>
      <c r="D19714" t="s">
        <v>12203</v>
      </c>
      <c r="E19714" t="s">
        <v>12188</v>
      </c>
      <c r="F19714" t="s">
        <v>12189</v>
      </c>
      <c r="G19714" t="s">
        <v>10450</v>
      </c>
      <c r="H19714" t="s">
        <v>10451</v>
      </c>
      <c r="I19714" s="2">
        <v>1</v>
      </c>
      <c r="J19714" s="2">
        <v>0</v>
      </c>
      <c r="K19714" s="2">
        <v>0</v>
      </c>
      <c r="L19714" t="s">
        <v>120</v>
      </c>
      <c r="M19714" t="s">
        <v>83</v>
      </c>
      <c r="N19714" t="s">
        <v>84</v>
      </c>
      <c r="O19714" t="s">
        <v>85</v>
      </c>
      <c r="P19714" t="s">
        <v>86</v>
      </c>
      <c r="Q19714">
        <v>16</v>
      </c>
      <c r="R19714">
        <v>17</v>
      </c>
      <c r="S19714">
        <v>17</v>
      </c>
      <c r="T19714">
        <v>17</v>
      </c>
      <c r="U19714">
        <v>18</v>
      </c>
      <c r="V19714">
        <v>18</v>
      </c>
      <c r="W19714">
        <v>18</v>
      </c>
      <c r="X19714">
        <v>19</v>
      </c>
      <c r="Y19714">
        <v>19</v>
      </c>
      <c r="Z19714">
        <v>19</v>
      </c>
      <c r="AA19714">
        <v>19</v>
      </c>
      <c r="AB19714">
        <v>20</v>
      </c>
      <c r="AC19714">
        <v>20</v>
      </c>
      <c r="AD19714">
        <v>20</v>
      </c>
      <c r="AE19714">
        <v>21</v>
      </c>
      <c r="AF19714">
        <v>21</v>
      </c>
      <c r="AG19714">
        <v>21</v>
      </c>
      <c r="AH19714">
        <v>22</v>
      </c>
      <c r="AI19714">
        <v>22</v>
      </c>
      <c r="AJ19714">
        <v>22</v>
      </c>
      <c r="AK19714">
        <v>23</v>
      </c>
      <c r="AL19714">
        <v>23</v>
      </c>
      <c r="AM19714">
        <v>23</v>
      </c>
      <c r="AN19714">
        <v>23</v>
      </c>
      <c r="AO19714">
        <v>23</v>
      </c>
      <c r="AP19714">
        <v>24</v>
      </c>
      <c r="AQ19714">
        <v>24</v>
      </c>
    </row>
    <row r="19715" spans="1:43">
      <c r="A19715" t="s">
        <v>12208</v>
      </c>
      <c r="B19715" t="s">
        <v>12209</v>
      </c>
      <c r="C19715" t="s">
        <v>12202</v>
      </c>
      <c r="D19715" t="s">
        <v>12203</v>
      </c>
      <c r="E19715" t="s">
        <v>12188</v>
      </c>
      <c r="F19715" t="s">
        <v>12189</v>
      </c>
      <c r="G19715" t="s">
        <v>10450</v>
      </c>
      <c r="H19715" t="s">
        <v>10451</v>
      </c>
      <c r="I19715" s="2">
        <v>1</v>
      </c>
      <c r="J19715" s="2">
        <v>0</v>
      </c>
      <c r="K19715" s="2">
        <v>0</v>
      </c>
      <c r="L19715" t="s">
        <v>120</v>
      </c>
      <c r="M19715" t="s">
        <v>87</v>
      </c>
      <c r="N19715" t="s">
        <v>88</v>
      </c>
      <c r="O19715" t="s">
        <v>85</v>
      </c>
      <c r="P19715" t="s">
        <v>86</v>
      </c>
      <c r="Q19715">
        <v>16</v>
      </c>
      <c r="R19715">
        <v>16</v>
      </c>
      <c r="S19715">
        <v>17</v>
      </c>
      <c r="T19715">
        <v>17</v>
      </c>
      <c r="U19715">
        <v>17</v>
      </c>
      <c r="V19715">
        <v>17</v>
      </c>
      <c r="W19715">
        <v>17</v>
      </c>
      <c r="X19715">
        <v>17</v>
      </c>
      <c r="Y19715">
        <v>17</v>
      </c>
      <c r="Z19715">
        <v>18</v>
      </c>
      <c r="AA19715">
        <v>18</v>
      </c>
      <c r="AB19715">
        <v>18</v>
      </c>
      <c r="AC19715">
        <v>18</v>
      </c>
      <c r="AD19715">
        <v>18</v>
      </c>
      <c r="AE19715">
        <v>18</v>
      </c>
      <c r="AF19715">
        <v>19</v>
      </c>
      <c r="AG19715">
        <v>19</v>
      </c>
      <c r="AH19715">
        <v>19</v>
      </c>
      <c r="AI19715">
        <v>19</v>
      </c>
      <c r="AJ19715">
        <v>19</v>
      </c>
      <c r="AK19715">
        <v>20</v>
      </c>
      <c r="AL19715">
        <v>20</v>
      </c>
      <c r="AM19715">
        <v>20</v>
      </c>
      <c r="AN19715">
        <v>20</v>
      </c>
      <c r="AO19715">
        <v>20</v>
      </c>
      <c r="AP19715">
        <v>20</v>
      </c>
      <c r="AQ19715">
        <v>21</v>
      </c>
    </row>
    <row r="19716" spans="1:43">
      <c r="A19716" t="s">
        <v>12208</v>
      </c>
      <c r="B19716" t="s">
        <v>12209</v>
      </c>
      <c r="C19716" t="s">
        <v>12202</v>
      </c>
      <c r="D19716" t="s">
        <v>12203</v>
      </c>
      <c r="E19716" t="s">
        <v>12188</v>
      </c>
      <c r="F19716" t="s">
        <v>12189</v>
      </c>
      <c r="G19716" t="s">
        <v>10450</v>
      </c>
      <c r="H19716" t="s">
        <v>10451</v>
      </c>
      <c r="I19716" s="2">
        <v>1</v>
      </c>
      <c r="J19716" s="2">
        <v>0</v>
      </c>
      <c r="K19716" s="2">
        <v>0</v>
      </c>
      <c r="L19716" t="s">
        <v>120</v>
      </c>
      <c r="M19716" t="s">
        <v>89</v>
      </c>
      <c r="N19716" t="s">
        <v>90</v>
      </c>
      <c r="O19716" t="s">
        <v>85</v>
      </c>
      <c r="P19716" t="s">
        <v>86</v>
      </c>
      <c r="Q19716">
        <v>16</v>
      </c>
      <c r="R19716">
        <v>17</v>
      </c>
      <c r="S19716">
        <v>17</v>
      </c>
      <c r="T19716">
        <v>18</v>
      </c>
      <c r="U19716">
        <v>18</v>
      </c>
      <c r="V19716">
        <v>19</v>
      </c>
      <c r="W19716">
        <v>19</v>
      </c>
      <c r="X19716">
        <v>20</v>
      </c>
      <c r="Y19716">
        <v>20</v>
      </c>
      <c r="Z19716">
        <v>20</v>
      </c>
      <c r="AA19716">
        <v>21</v>
      </c>
      <c r="AB19716">
        <v>21</v>
      </c>
      <c r="AC19716">
        <v>22</v>
      </c>
      <c r="AD19716">
        <v>22</v>
      </c>
      <c r="AE19716">
        <v>22</v>
      </c>
      <c r="AF19716">
        <v>22</v>
      </c>
      <c r="AG19716">
        <v>23</v>
      </c>
      <c r="AH19716">
        <v>23</v>
      </c>
      <c r="AI19716">
        <v>23</v>
      </c>
      <c r="AJ19716">
        <v>23</v>
      </c>
      <c r="AK19716">
        <v>23</v>
      </c>
      <c r="AL19716">
        <v>23</v>
      </c>
      <c r="AM19716">
        <v>23</v>
      </c>
      <c r="AN19716">
        <v>23</v>
      </c>
      <c r="AO19716">
        <v>24</v>
      </c>
      <c r="AP19716">
        <v>24</v>
      </c>
      <c r="AQ19716">
        <v>24</v>
      </c>
    </row>
    <row r="19717" spans="1:43">
      <c r="A19717" t="s">
        <v>12208</v>
      </c>
      <c r="B19717" t="s">
        <v>12209</v>
      </c>
      <c r="C19717" t="s">
        <v>12202</v>
      </c>
      <c r="D19717" t="s">
        <v>12203</v>
      </c>
      <c r="E19717" t="s">
        <v>12188</v>
      </c>
      <c r="F19717" t="s">
        <v>12189</v>
      </c>
      <c r="G19717" t="s">
        <v>10450</v>
      </c>
      <c r="H19717" t="s">
        <v>10451</v>
      </c>
      <c r="I19717" s="2">
        <v>1</v>
      </c>
      <c r="J19717" s="2">
        <v>0</v>
      </c>
      <c r="K19717" s="2">
        <v>0</v>
      </c>
      <c r="L19717" t="s">
        <v>120</v>
      </c>
      <c r="M19717" t="s">
        <v>83</v>
      </c>
      <c r="N19717" t="s">
        <v>91</v>
      </c>
      <c r="O19717" t="s">
        <v>85</v>
      </c>
      <c r="P19717" t="s">
        <v>86</v>
      </c>
      <c r="Q19717">
        <v>16</v>
      </c>
      <c r="R19717">
        <v>17</v>
      </c>
      <c r="S19717">
        <v>17</v>
      </c>
      <c r="T19717">
        <v>17</v>
      </c>
      <c r="U19717">
        <v>18</v>
      </c>
      <c r="V19717">
        <v>18</v>
      </c>
      <c r="W19717">
        <v>18</v>
      </c>
      <c r="X19717">
        <v>19</v>
      </c>
      <c r="Y19717">
        <v>19</v>
      </c>
      <c r="Z19717">
        <v>19</v>
      </c>
      <c r="AA19717">
        <v>19</v>
      </c>
      <c r="AB19717">
        <v>20</v>
      </c>
      <c r="AC19717">
        <v>20</v>
      </c>
      <c r="AD19717">
        <v>20</v>
      </c>
      <c r="AE19717">
        <v>21</v>
      </c>
      <c r="AF19717">
        <v>21</v>
      </c>
      <c r="AG19717">
        <v>21</v>
      </c>
      <c r="AH19717">
        <v>22</v>
      </c>
      <c r="AI19717">
        <v>22</v>
      </c>
      <c r="AJ19717">
        <v>22</v>
      </c>
      <c r="AK19717">
        <v>23</v>
      </c>
      <c r="AL19717">
        <v>23</v>
      </c>
      <c r="AM19717">
        <v>23</v>
      </c>
      <c r="AN19717">
        <v>23</v>
      </c>
      <c r="AO19717">
        <v>23</v>
      </c>
      <c r="AP19717">
        <v>24</v>
      </c>
      <c r="AQ19717">
        <v>24</v>
      </c>
    </row>
    <row r="19718" spans="1:43">
      <c r="A19718" t="s">
        <v>12210</v>
      </c>
      <c r="B19718" t="s">
        <v>12211</v>
      </c>
      <c r="C19718" t="s">
        <v>12212</v>
      </c>
      <c r="D19718" t="s">
        <v>12213</v>
      </c>
      <c r="E19718" t="s">
        <v>12188</v>
      </c>
      <c r="F19718" t="s">
        <v>12189</v>
      </c>
      <c r="G19718" t="s">
        <v>10450</v>
      </c>
      <c r="H19718" t="s">
        <v>10451</v>
      </c>
      <c r="I19718" s="2">
        <v>0.94</v>
      </c>
      <c r="J19718" s="2">
        <v>0</v>
      </c>
      <c r="K19718" s="2">
        <v>0</v>
      </c>
      <c r="L19718" t="s">
        <v>120</v>
      </c>
      <c r="M19718" t="s">
        <v>83</v>
      </c>
      <c r="N19718" t="s">
        <v>84</v>
      </c>
      <c r="O19718" t="s">
        <v>85</v>
      </c>
      <c r="P19718" t="s">
        <v>86</v>
      </c>
      <c r="Q19718">
        <v>24</v>
      </c>
      <c r="R19718">
        <v>25</v>
      </c>
      <c r="S19718">
        <v>25</v>
      </c>
      <c r="T19718">
        <v>26</v>
      </c>
      <c r="U19718">
        <v>26</v>
      </c>
      <c r="V19718">
        <v>27</v>
      </c>
      <c r="W19718">
        <v>27</v>
      </c>
      <c r="X19718">
        <v>27</v>
      </c>
      <c r="Y19718">
        <v>28</v>
      </c>
      <c r="Z19718">
        <v>28</v>
      </c>
      <c r="AA19718">
        <v>29</v>
      </c>
      <c r="AB19718">
        <v>29</v>
      </c>
      <c r="AC19718">
        <v>30</v>
      </c>
      <c r="AD19718">
        <v>30</v>
      </c>
      <c r="AE19718">
        <v>31</v>
      </c>
      <c r="AF19718">
        <v>31</v>
      </c>
      <c r="AG19718">
        <v>32</v>
      </c>
      <c r="AH19718">
        <v>32</v>
      </c>
      <c r="AI19718">
        <v>33</v>
      </c>
      <c r="AJ19718">
        <v>33</v>
      </c>
      <c r="AK19718">
        <v>34</v>
      </c>
      <c r="AL19718">
        <v>34</v>
      </c>
      <c r="AM19718">
        <v>34</v>
      </c>
      <c r="AN19718">
        <v>35</v>
      </c>
      <c r="AO19718">
        <v>35</v>
      </c>
      <c r="AP19718">
        <v>35</v>
      </c>
      <c r="AQ19718">
        <v>35</v>
      </c>
    </row>
    <row r="19719" spans="1:43">
      <c r="A19719" t="s">
        <v>12210</v>
      </c>
      <c r="B19719" t="s">
        <v>12211</v>
      </c>
      <c r="C19719" t="s">
        <v>12212</v>
      </c>
      <c r="D19719" t="s">
        <v>12213</v>
      </c>
      <c r="E19719" t="s">
        <v>12188</v>
      </c>
      <c r="F19719" t="s">
        <v>12189</v>
      </c>
      <c r="G19719" t="s">
        <v>10450</v>
      </c>
      <c r="H19719" t="s">
        <v>10451</v>
      </c>
      <c r="I19719" s="2">
        <v>0.94</v>
      </c>
      <c r="J19719" s="2">
        <v>0</v>
      </c>
      <c r="K19719" s="2">
        <v>0</v>
      </c>
      <c r="L19719" t="s">
        <v>120</v>
      </c>
      <c r="M19719" t="s">
        <v>87</v>
      </c>
      <c r="N19719" t="s">
        <v>88</v>
      </c>
      <c r="O19719" t="s">
        <v>85</v>
      </c>
      <c r="P19719" t="s">
        <v>86</v>
      </c>
      <c r="Q19719">
        <v>24</v>
      </c>
      <c r="R19719">
        <v>24</v>
      </c>
      <c r="S19719">
        <v>24</v>
      </c>
      <c r="T19719">
        <v>25</v>
      </c>
      <c r="U19719">
        <v>25</v>
      </c>
      <c r="V19719">
        <v>25</v>
      </c>
      <c r="W19719">
        <v>25</v>
      </c>
      <c r="X19719">
        <v>26</v>
      </c>
      <c r="Y19719">
        <v>26</v>
      </c>
      <c r="Z19719">
        <v>26</v>
      </c>
      <c r="AA19719">
        <v>26</v>
      </c>
      <c r="AB19719">
        <v>27</v>
      </c>
      <c r="AC19719">
        <v>27</v>
      </c>
      <c r="AD19719">
        <v>27</v>
      </c>
      <c r="AE19719">
        <v>27</v>
      </c>
      <c r="AF19719">
        <v>28</v>
      </c>
      <c r="AG19719">
        <v>28</v>
      </c>
      <c r="AH19719">
        <v>28</v>
      </c>
      <c r="AI19719">
        <v>28</v>
      </c>
      <c r="AJ19719">
        <v>29</v>
      </c>
      <c r="AK19719">
        <v>29</v>
      </c>
      <c r="AL19719">
        <v>29</v>
      </c>
      <c r="AM19719">
        <v>29</v>
      </c>
      <c r="AN19719">
        <v>30</v>
      </c>
      <c r="AO19719">
        <v>30</v>
      </c>
      <c r="AP19719">
        <v>30</v>
      </c>
      <c r="AQ19719">
        <v>31</v>
      </c>
    </row>
    <row r="19720" spans="1:43">
      <c r="A19720" t="s">
        <v>12210</v>
      </c>
      <c r="B19720" t="s">
        <v>12211</v>
      </c>
      <c r="C19720" t="s">
        <v>12212</v>
      </c>
      <c r="D19720" t="s">
        <v>12213</v>
      </c>
      <c r="E19720" t="s">
        <v>12188</v>
      </c>
      <c r="F19720" t="s">
        <v>12189</v>
      </c>
      <c r="G19720" t="s">
        <v>10450</v>
      </c>
      <c r="H19720" t="s">
        <v>10451</v>
      </c>
      <c r="I19720" s="2">
        <v>0.94</v>
      </c>
      <c r="J19720" s="2">
        <v>0</v>
      </c>
      <c r="K19720" s="2">
        <v>0</v>
      </c>
      <c r="L19720" t="s">
        <v>120</v>
      </c>
      <c r="M19720" t="s">
        <v>89</v>
      </c>
      <c r="N19720" t="s">
        <v>90</v>
      </c>
      <c r="O19720" t="s">
        <v>85</v>
      </c>
      <c r="P19720" t="s">
        <v>86</v>
      </c>
      <c r="Q19720">
        <v>24</v>
      </c>
      <c r="R19720">
        <v>25</v>
      </c>
      <c r="S19720">
        <v>26</v>
      </c>
      <c r="T19720">
        <v>26</v>
      </c>
      <c r="U19720">
        <v>27</v>
      </c>
      <c r="V19720">
        <v>28</v>
      </c>
      <c r="W19720">
        <v>28</v>
      </c>
      <c r="X19720">
        <v>29</v>
      </c>
      <c r="Y19720">
        <v>30</v>
      </c>
      <c r="Z19720">
        <v>30</v>
      </c>
      <c r="AA19720">
        <v>31</v>
      </c>
      <c r="AB19720">
        <v>31</v>
      </c>
      <c r="AC19720">
        <v>32</v>
      </c>
      <c r="AD19720">
        <v>33</v>
      </c>
      <c r="AE19720">
        <v>33</v>
      </c>
      <c r="AF19720">
        <v>33</v>
      </c>
      <c r="AG19720">
        <v>33</v>
      </c>
      <c r="AH19720">
        <v>34</v>
      </c>
      <c r="AI19720">
        <v>34</v>
      </c>
      <c r="AJ19720">
        <v>34</v>
      </c>
      <c r="AK19720">
        <v>34</v>
      </c>
      <c r="AL19720">
        <v>34</v>
      </c>
      <c r="AM19720">
        <v>35</v>
      </c>
      <c r="AN19720">
        <v>35</v>
      </c>
      <c r="AO19720">
        <v>35</v>
      </c>
      <c r="AP19720">
        <v>35</v>
      </c>
      <c r="AQ19720">
        <v>35</v>
      </c>
    </row>
    <row r="19721" spans="1:43">
      <c r="A19721" t="s">
        <v>12210</v>
      </c>
      <c r="B19721" t="s">
        <v>12211</v>
      </c>
      <c r="C19721" t="s">
        <v>12212</v>
      </c>
      <c r="D19721" t="s">
        <v>12213</v>
      </c>
      <c r="E19721" t="s">
        <v>12188</v>
      </c>
      <c r="F19721" t="s">
        <v>12189</v>
      </c>
      <c r="G19721" t="s">
        <v>10450</v>
      </c>
      <c r="H19721" t="s">
        <v>10451</v>
      </c>
      <c r="I19721" s="2">
        <v>0.94</v>
      </c>
      <c r="J19721" s="2">
        <v>0</v>
      </c>
      <c r="K19721" s="2">
        <v>0</v>
      </c>
      <c r="L19721" t="s">
        <v>120</v>
      </c>
      <c r="M19721" t="s">
        <v>83</v>
      </c>
      <c r="N19721" t="s">
        <v>91</v>
      </c>
      <c r="O19721" t="s">
        <v>85</v>
      </c>
      <c r="P19721" t="s">
        <v>86</v>
      </c>
      <c r="Q19721">
        <v>24</v>
      </c>
      <c r="R19721">
        <v>25</v>
      </c>
      <c r="S19721">
        <v>25</v>
      </c>
      <c r="T19721">
        <v>26</v>
      </c>
      <c r="U19721">
        <v>26</v>
      </c>
      <c r="V19721">
        <v>27</v>
      </c>
      <c r="W19721">
        <v>27</v>
      </c>
      <c r="X19721">
        <v>27</v>
      </c>
      <c r="Y19721">
        <v>28</v>
      </c>
      <c r="Z19721">
        <v>28</v>
      </c>
      <c r="AA19721">
        <v>29</v>
      </c>
      <c r="AB19721">
        <v>29</v>
      </c>
      <c r="AC19721">
        <v>30</v>
      </c>
      <c r="AD19721">
        <v>30</v>
      </c>
      <c r="AE19721">
        <v>31</v>
      </c>
      <c r="AF19721">
        <v>31</v>
      </c>
      <c r="AG19721">
        <v>32</v>
      </c>
      <c r="AH19721">
        <v>32</v>
      </c>
      <c r="AI19721">
        <v>33</v>
      </c>
      <c r="AJ19721">
        <v>33</v>
      </c>
      <c r="AK19721">
        <v>34</v>
      </c>
      <c r="AL19721">
        <v>34</v>
      </c>
      <c r="AM19721">
        <v>34</v>
      </c>
      <c r="AN19721">
        <v>35</v>
      </c>
      <c r="AO19721">
        <v>35</v>
      </c>
      <c r="AP19721">
        <v>35</v>
      </c>
      <c r="AQ19721">
        <v>35</v>
      </c>
    </row>
    <row r="19722" spans="1:43">
      <c r="A19722" t="s">
        <v>12214</v>
      </c>
      <c r="B19722" t="s">
        <v>12215</v>
      </c>
      <c r="C19722" t="s">
        <v>12212</v>
      </c>
      <c r="D19722" t="s">
        <v>12213</v>
      </c>
      <c r="E19722" t="s">
        <v>12188</v>
      </c>
      <c r="F19722" t="s">
        <v>12189</v>
      </c>
      <c r="G19722" t="s">
        <v>10450</v>
      </c>
      <c r="H19722" t="s">
        <v>10451</v>
      </c>
      <c r="I19722" s="2">
        <v>0.99</v>
      </c>
      <c r="J19722" s="2">
        <v>0</v>
      </c>
      <c r="K19722" s="2">
        <v>0</v>
      </c>
      <c r="L19722" t="s">
        <v>120</v>
      </c>
      <c r="M19722" t="s">
        <v>83</v>
      </c>
      <c r="N19722" t="s">
        <v>84</v>
      </c>
      <c r="O19722" t="s">
        <v>85</v>
      </c>
      <c r="P19722" t="s">
        <v>86</v>
      </c>
      <c r="Q19722">
        <v>23</v>
      </c>
      <c r="R19722">
        <v>23</v>
      </c>
      <c r="S19722">
        <v>24</v>
      </c>
      <c r="T19722">
        <v>24</v>
      </c>
      <c r="U19722">
        <v>25</v>
      </c>
      <c r="V19722">
        <v>25</v>
      </c>
      <c r="W19722">
        <v>26</v>
      </c>
      <c r="X19722">
        <v>26</v>
      </c>
      <c r="Y19722">
        <v>27</v>
      </c>
      <c r="Z19722">
        <v>27</v>
      </c>
      <c r="AA19722">
        <v>27</v>
      </c>
      <c r="AB19722">
        <v>28</v>
      </c>
      <c r="AC19722">
        <v>28</v>
      </c>
      <c r="AD19722">
        <v>29</v>
      </c>
      <c r="AE19722">
        <v>29</v>
      </c>
      <c r="AF19722">
        <v>30</v>
      </c>
      <c r="AG19722">
        <v>30</v>
      </c>
      <c r="AH19722">
        <v>31</v>
      </c>
      <c r="AI19722">
        <v>31</v>
      </c>
      <c r="AJ19722">
        <v>32</v>
      </c>
      <c r="AK19722">
        <v>32</v>
      </c>
      <c r="AL19722">
        <v>32</v>
      </c>
      <c r="AM19722">
        <v>33</v>
      </c>
      <c r="AN19722">
        <v>33</v>
      </c>
      <c r="AO19722">
        <v>33</v>
      </c>
      <c r="AP19722">
        <v>33</v>
      </c>
      <c r="AQ19722">
        <v>33</v>
      </c>
    </row>
    <row r="19723" spans="1:43">
      <c r="A19723" t="s">
        <v>12214</v>
      </c>
      <c r="B19723" t="s">
        <v>12215</v>
      </c>
      <c r="C19723" t="s">
        <v>12212</v>
      </c>
      <c r="D19723" t="s">
        <v>12213</v>
      </c>
      <c r="E19723" t="s">
        <v>12188</v>
      </c>
      <c r="F19723" t="s">
        <v>12189</v>
      </c>
      <c r="G19723" t="s">
        <v>10450</v>
      </c>
      <c r="H19723" t="s">
        <v>10451</v>
      </c>
      <c r="I19723" s="2">
        <v>0.99</v>
      </c>
      <c r="J19723" s="2">
        <v>0</v>
      </c>
      <c r="K19723" s="2">
        <v>0</v>
      </c>
      <c r="L19723" t="s">
        <v>120</v>
      </c>
      <c r="M19723" t="s">
        <v>87</v>
      </c>
      <c r="N19723" t="s">
        <v>88</v>
      </c>
      <c r="O19723" t="s">
        <v>85</v>
      </c>
      <c r="P19723" t="s">
        <v>86</v>
      </c>
      <c r="Q19723">
        <v>23</v>
      </c>
      <c r="R19723">
        <v>23</v>
      </c>
      <c r="S19723">
        <v>23</v>
      </c>
      <c r="T19723">
        <v>23</v>
      </c>
      <c r="U19723">
        <v>24</v>
      </c>
      <c r="V19723">
        <v>24</v>
      </c>
      <c r="W19723">
        <v>24</v>
      </c>
      <c r="X19723">
        <v>24</v>
      </c>
      <c r="Y19723">
        <v>25</v>
      </c>
      <c r="Z19723">
        <v>25</v>
      </c>
      <c r="AA19723">
        <v>25</v>
      </c>
      <c r="AB19723">
        <v>25</v>
      </c>
      <c r="AC19723">
        <v>25</v>
      </c>
      <c r="AD19723">
        <v>26</v>
      </c>
      <c r="AE19723">
        <v>26</v>
      </c>
      <c r="AF19723">
        <v>26</v>
      </c>
      <c r="AG19723">
        <v>26</v>
      </c>
      <c r="AH19723">
        <v>27</v>
      </c>
      <c r="AI19723">
        <v>27</v>
      </c>
      <c r="AJ19723">
        <v>27</v>
      </c>
      <c r="AK19723">
        <v>27</v>
      </c>
      <c r="AL19723">
        <v>28</v>
      </c>
      <c r="AM19723">
        <v>28</v>
      </c>
      <c r="AN19723">
        <v>28</v>
      </c>
      <c r="AO19723">
        <v>28</v>
      </c>
      <c r="AP19723">
        <v>29</v>
      </c>
      <c r="AQ19723">
        <v>29</v>
      </c>
    </row>
    <row r="19724" spans="1:43">
      <c r="A19724" t="s">
        <v>12214</v>
      </c>
      <c r="B19724" t="s">
        <v>12215</v>
      </c>
      <c r="C19724" t="s">
        <v>12212</v>
      </c>
      <c r="D19724" t="s">
        <v>12213</v>
      </c>
      <c r="E19724" t="s">
        <v>12188</v>
      </c>
      <c r="F19724" t="s">
        <v>12189</v>
      </c>
      <c r="G19724" t="s">
        <v>10450</v>
      </c>
      <c r="H19724" t="s">
        <v>10451</v>
      </c>
      <c r="I19724" s="2">
        <v>0.99</v>
      </c>
      <c r="J19724" s="2">
        <v>0</v>
      </c>
      <c r="K19724" s="2">
        <v>0</v>
      </c>
      <c r="L19724" t="s">
        <v>120</v>
      </c>
      <c r="M19724" t="s">
        <v>89</v>
      </c>
      <c r="N19724" t="s">
        <v>90</v>
      </c>
      <c r="O19724" t="s">
        <v>85</v>
      </c>
      <c r="P19724" t="s">
        <v>86</v>
      </c>
      <c r="Q19724">
        <v>23</v>
      </c>
      <c r="R19724">
        <v>24</v>
      </c>
      <c r="S19724">
        <v>24</v>
      </c>
      <c r="T19724">
        <v>25</v>
      </c>
      <c r="U19724">
        <v>26</v>
      </c>
      <c r="V19724">
        <v>26</v>
      </c>
      <c r="W19724">
        <v>27</v>
      </c>
      <c r="X19724">
        <v>27</v>
      </c>
      <c r="Y19724">
        <v>28</v>
      </c>
      <c r="Z19724">
        <v>29</v>
      </c>
      <c r="AA19724">
        <v>29</v>
      </c>
      <c r="AB19724">
        <v>30</v>
      </c>
      <c r="AC19724">
        <v>30</v>
      </c>
      <c r="AD19724">
        <v>31</v>
      </c>
      <c r="AE19724">
        <v>31</v>
      </c>
      <c r="AF19724">
        <v>32</v>
      </c>
      <c r="AG19724">
        <v>32</v>
      </c>
      <c r="AH19724">
        <v>32</v>
      </c>
      <c r="AI19724">
        <v>32</v>
      </c>
      <c r="AJ19724">
        <v>32</v>
      </c>
      <c r="AK19724">
        <v>32</v>
      </c>
      <c r="AL19724">
        <v>33</v>
      </c>
      <c r="AM19724">
        <v>33</v>
      </c>
      <c r="AN19724">
        <v>33</v>
      </c>
      <c r="AO19724">
        <v>33</v>
      </c>
      <c r="AP19724">
        <v>33</v>
      </c>
      <c r="AQ19724">
        <v>34</v>
      </c>
    </row>
    <row r="19725" spans="1:43">
      <c r="A19725" t="s">
        <v>12214</v>
      </c>
      <c r="B19725" t="s">
        <v>12215</v>
      </c>
      <c r="C19725" t="s">
        <v>12212</v>
      </c>
      <c r="D19725" t="s">
        <v>12213</v>
      </c>
      <c r="E19725" t="s">
        <v>12188</v>
      </c>
      <c r="F19725" t="s">
        <v>12189</v>
      </c>
      <c r="G19725" t="s">
        <v>10450</v>
      </c>
      <c r="H19725" t="s">
        <v>10451</v>
      </c>
      <c r="I19725" s="2">
        <v>0.99</v>
      </c>
      <c r="J19725" s="2">
        <v>0</v>
      </c>
      <c r="K19725" s="2">
        <v>0</v>
      </c>
      <c r="L19725" t="s">
        <v>120</v>
      </c>
      <c r="M19725" t="s">
        <v>83</v>
      </c>
      <c r="N19725" t="s">
        <v>91</v>
      </c>
      <c r="O19725" t="s">
        <v>85</v>
      </c>
      <c r="P19725" t="s">
        <v>86</v>
      </c>
      <c r="Q19725">
        <v>23</v>
      </c>
      <c r="R19725">
        <v>23</v>
      </c>
      <c r="S19725">
        <v>24</v>
      </c>
      <c r="T19725">
        <v>24</v>
      </c>
      <c r="U19725">
        <v>25</v>
      </c>
      <c r="V19725">
        <v>25</v>
      </c>
      <c r="W19725">
        <v>26</v>
      </c>
      <c r="X19725">
        <v>26</v>
      </c>
      <c r="Y19725">
        <v>27</v>
      </c>
      <c r="Z19725">
        <v>27</v>
      </c>
      <c r="AA19725">
        <v>27</v>
      </c>
      <c r="AB19725">
        <v>28</v>
      </c>
      <c r="AC19725">
        <v>28</v>
      </c>
      <c r="AD19725">
        <v>29</v>
      </c>
      <c r="AE19725">
        <v>29</v>
      </c>
      <c r="AF19725">
        <v>30</v>
      </c>
      <c r="AG19725">
        <v>30</v>
      </c>
      <c r="AH19725">
        <v>31</v>
      </c>
      <c r="AI19725">
        <v>31</v>
      </c>
      <c r="AJ19725">
        <v>32</v>
      </c>
      <c r="AK19725">
        <v>32</v>
      </c>
      <c r="AL19725">
        <v>32</v>
      </c>
      <c r="AM19725">
        <v>33</v>
      </c>
      <c r="AN19725">
        <v>33</v>
      </c>
      <c r="AO19725">
        <v>33</v>
      </c>
      <c r="AP19725">
        <v>33</v>
      </c>
      <c r="AQ19725">
        <v>33</v>
      </c>
    </row>
    <row r="19726" spans="1:43">
      <c r="A19726" t="s">
        <v>12216</v>
      </c>
      <c r="B19726" t="s">
        <v>12217</v>
      </c>
      <c r="C19726" t="s">
        <v>12218</v>
      </c>
      <c r="D19726" t="s">
        <v>12219</v>
      </c>
      <c r="E19726" t="s">
        <v>12188</v>
      </c>
      <c r="F19726" t="s">
        <v>12189</v>
      </c>
      <c r="G19726" t="s">
        <v>10450</v>
      </c>
      <c r="H19726" t="s">
        <v>10451</v>
      </c>
      <c r="I19726" s="2">
        <v>1</v>
      </c>
      <c r="J19726" s="2">
        <v>0</v>
      </c>
      <c r="K19726" s="2">
        <v>0</v>
      </c>
      <c r="L19726" t="s">
        <v>120</v>
      </c>
      <c r="M19726" t="s">
        <v>83</v>
      </c>
      <c r="N19726" t="s">
        <v>84</v>
      </c>
      <c r="O19726" t="s">
        <v>85</v>
      </c>
      <c r="P19726" t="s">
        <v>86</v>
      </c>
      <c r="Q19726">
        <v>162</v>
      </c>
      <c r="R19726">
        <v>165</v>
      </c>
      <c r="S19726">
        <v>168</v>
      </c>
      <c r="T19726">
        <v>172</v>
      </c>
      <c r="U19726">
        <v>175</v>
      </c>
      <c r="V19726">
        <v>178</v>
      </c>
      <c r="W19726">
        <v>181</v>
      </c>
      <c r="X19726">
        <v>184</v>
      </c>
      <c r="Y19726">
        <v>188</v>
      </c>
      <c r="Z19726">
        <v>191</v>
      </c>
      <c r="AA19726">
        <v>194</v>
      </c>
      <c r="AB19726">
        <v>197</v>
      </c>
      <c r="AC19726">
        <v>200</v>
      </c>
      <c r="AD19726">
        <v>204</v>
      </c>
      <c r="AE19726">
        <v>207</v>
      </c>
      <c r="AF19726">
        <v>211</v>
      </c>
      <c r="AG19726">
        <v>214</v>
      </c>
      <c r="AH19726">
        <v>217</v>
      </c>
      <c r="AI19726">
        <v>221</v>
      </c>
      <c r="AJ19726">
        <v>225</v>
      </c>
      <c r="AK19726">
        <v>228</v>
      </c>
      <c r="AL19726">
        <v>231</v>
      </c>
      <c r="AM19726">
        <v>232</v>
      </c>
      <c r="AN19726">
        <v>234</v>
      </c>
      <c r="AO19726">
        <v>236</v>
      </c>
      <c r="AP19726">
        <v>238</v>
      </c>
      <c r="AQ19726">
        <v>240</v>
      </c>
    </row>
    <row r="19727" spans="1:43">
      <c r="A19727" t="s">
        <v>12216</v>
      </c>
      <c r="B19727" t="s">
        <v>12217</v>
      </c>
      <c r="C19727" t="s">
        <v>12218</v>
      </c>
      <c r="D19727" t="s">
        <v>12219</v>
      </c>
      <c r="E19727" t="s">
        <v>12188</v>
      </c>
      <c r="F19727" t="s">
        <v>12189</v>
      </c>
      <c r="G19727" t="s">
        <v>10450</v>
      </c>
      <c r="H19727" t="s">
        <v>10451</v>
      </c>
      <c r="I19727" s="2">
        <v>1</v>
      </c>
      <c r="J19727" s="2">
        <v>0</v>
      </c>
      <c r="K19727" s="2">
        <v>0</v>
      </c>
      <c r="L19727" t="s">
        <v>120</v>
      </c>
      <c r="M19727" t="s">
        <v>87</v>
      </c>
      <c r="N19727" t="s">
        <v>88</v>
      </c>
      <c r="O19727" t="s">
        <v>85</v>
      </c>
      <c r="P19727" t="s">
        <v>86</v>
      </c>
      <c r="Q19727">
        <v>162</v>
      </c>
      <c r="R19727">
        <v>163</v>
      </c>
      <c r="S19727">
        <v>165</v>
      </c>
      <c r="T19727">
        <v>166</v>
      </c>
      <c r="U19727">
        <v>168</v>
      </c>
      <c r="V19727">
        <v>170</v>
      </c>
      <c r="W19727">
        <v>171</v>
      </c>
      <c r="X19727">
        <v>173</v>
      </c>
      <c r="Y19727">
        <v>174</v>
      </c>
      <c r="Z19727">
        <v>176</v>
      </c>
      <c r="AA19727">
        <v>178</v>
      </c>
      <c r="AB19727">
        <v>179</v>
      </c>
      <c r="AC19727">
        <v>181</v>
      </c>
      <c r="AD19727">
        <v>183</v>
      </c>
      <c r="AE19727">
        <v>185</v>
      </c>
      <c r="AF19727">
        <v>186</v>
      </c>
      <c r="AG19727">
        <v>188</v>
      </c>
      <c r="AH19727">
        <v>190</v>
      </c>
      <c r="AI19727">
        <v>192</v>
      </c>
      <c r="AJ19727">
        <v>194</v>
      </c>
      <c r="AK19727">
        <v>196</v>
      </c>
      <c r="AL19727">
        <v>197</v>
      </c>
      <c r="AM19727">
        <v>199</v>
      </c>
      <c r="AN19727">
        <v>201</v>
      </c>
      <c r="AO19727">
        <v>203</v>
      </c>
      <c r="AP19727">
        <v>205</v>
      </c>
      <c r="AQ19727">
        <v>207</v>
      </c>
    </row>
    <row r="19728" spans="1:43">
      <c r="A19728" t="s">
        <v>12216</v>
      </c>
      <c r="B19728" t="s">
        <v>12217</v>
      </c>
      <c r="C19728" t="s">
        <v>12218</v>
      </c>
      <c r="D19728" t="s">
        <v>12219</v>
      </c>
      <c r="E19728" t="s">
        <v>12188</v>
      </c>
      <c r="F19728" t="s">
        <v>12189</v>
      </c>
      <c r="G19728" t="s">
        <v>10450</v>
      </c>
      <c r="H19728" t="s">
        <v>10451</v>
      </c>
      <c r="I19728" s="2">
        <v>1</v>
      </c>
      <c r="J19728" s="2">
        <v>0</v>
      </c>
      <c r="K19728" s="2">
        <v>0</v>
      </c>
      <c r="L19728" t="s">
        <v>120</v>
      </c>
      <c r="M19728" t="s">
        <v>89</v>
      </c>
      <c r="N19728" t="s">
        <v>90</v>
      </c>
      <c r="O19728" t="s">
        <v>85</v>
      </c>
      <c r="P19728" t="s">
        <v>86</v>
      </c>
      <c r="Q19728">
        <v>162</v>
      </c>
      <c r="R19728">
        <v>166</v>
      </c>
      <c r="S19728">
        <v>171</v>
      </c>
      <c r="T19728">
        <v>175</v>
      </c>
      <c r="U19728">
        <v>180</v>
      </c>
      <c r="V19728">
        <v>184</v>
      </c>
      <c r="W19728">
        <v>188</v>
      </c>
      <c r="X19728">
        <v>192</v>
      </c>
      <c r="Y19728">
        <v>196</v>
      </c>
      <c r="Z19728">
        <v>201</v>
      </c>
      <c r="AA19728">
        <v>205</v>
      </c>
      <c r="AB19728">
        <v>209</v>
      </c>
      <c r="AC19728">
        <v>213</v>
      </c>
      <c r="AD19728">
        <v>217</v>
      </c>
      <c r="AE19728">
        <v>220</v>
      </c>
      <c r="AF19728">
        <v>222</v>
      </c>
      <c r="AG19728">
        <v>224</v>
      </c>
      <c r="AH19728">
        <v>226</v>
      </c>
      <c r="AI19728">
        <v>228</v>
      </c>
      <c r="AJ19728">
        <v>230</v>
      </c>
      <c r="AK19728">
        <v>231</v>
      </c>
      <c r="AL19728">
        <v>233</v>
      </c>
      <c r="AM19728">
        <v>235</v>
      </c>
      <c r="AN19728">
        <v>237</v>
      </c>
      <c r="AO19728">
        <v>239</v>
      </c>
      <c r="AP19728">
        <v>241</v>
      </c>
      <c r="AQ19728">
        <v>243</v>
      </c>
    </row>
    <row r="19729" spans="1:43">
      <c r="A19729" t="s">
        <v>12216</v>
      </c>
      <c r="B19729" t="s">
        <v>12217</v>
      </c>
      <c r="C19729" t="s">
        <v>12218</v>
      </c>
      <c r="D19729" t="s">
        <v>12219</v>
      </c>
      <c r="E19729" t="s">
        <v>12188</v>
      </c>
      <c r="F19729" t="s">
        <v>12189</v>
      </c>
      <c r="G19729" t="s">
        <v>10450</v>
      </c>
      <c r="H19729" t="s">
        <v>10451</v>
      </c>
      <c r="I19729" s="2">
        <v>1</v>
      </c>
      <c r="J19729" s="2">
        <v>0</v>
      </c>
      <c r="K19729" s="2">
        <v>0</v>
      </c>
      <c r="L19729" t="s">
        <v>120</v>
      </c>
      <c r="M19729" t="s">
        <v>83</v>
      </c>
      <c r="N19729" t="s">
        <v>91</v>
      </c>
      <c r="O19729" t="s">
        <v>85</v>
      </c>
      <c r="P19729" t="s">
        <v>86</v>
      </c>
      <c r="Q19729">
        <v>162</v>
      </c>
      <c r="R19729">
        <v>165</v>
      </c>
      <c r="S19729">
        <v>168</v>
      </c>
      <c r="T19729">
        <v>172</v>
      </c>
      <c r="U19729">
        <v>175</v>
      </c>
      <c r="V19729">
        <v>178</v>
      </c>
      <c r="W19729">
        <v>181</v>
      </c>
      <c r="X19729">
        <v>184</v>
      </c>
      <c r="Y19729">
        <v>188</v>
      </c>
      <c r="Z19729">
        <v>191</v>
      </c>
      <c r="AA19729">
        <v>194</v>
      </c>
      <c r="AB19729">
        <v>197</v>
      </c>
      <c r="AC19729">
        <v>200</v>
      </c>
      <c r="AD19729">
        <v>204</v>
      </c>
      <c r="AE19729">
        <v>207</v>
      </c>
      <c r="AF19729">
        <v>211</v>
      </c>
      <c r="AG19729">
        <v>214</v>
      </c>
      <c r="AH19729">
        <v>217</v>
      </c>
      <c r="AI19729">
        <v>221</v>
      </c>
      <c r="AJ19729">
        <v>225</v>
      </c>
      <c r="AK19729">
        <v>228</v>
      </c>
      <c r="AL19729">
        <v>231</v>
      </c>
      <c r="AM19729">
        <v>232</v>
      </c>
      <c r="AN19729">
        <v>234</v>
      </c>
      <c r="AO19729">
        <v>236</v>
      </c>
      <c r="AP19729">
        <v>238</v>
      </c>
      <c r="AQ19729">
        <v>240</v>
      </c>
    </row>
    <row r="19730" spans="1:43">
      <c r="A19730" t="s">
        <v>12220</v>
      </c>
      <c r="B19730" t="s">
        <v>12221</v>
      </c>
      <c r="C19730" t="s">
        <v>12218</v>
      </c>
      <c r="D19730" t="s">
        <v>12219</v>
      </c>
      <c r="E19730" t="s">
        <v>12188</v>
      </c>
      <c r="F19730" t="s">
        <v>12189</v>
      </c>
      <c r="G19730" t="s">
        <v>10450</v>
      </c>
      <c r="H19730" t="s">
        <v>10451</v>
      </c>
      <c r="I19730" s="2">
        <v>1</v>
      </c>
      <c r="J19730" s="2">
        <v>0</v>
      </c>
      <c r="K19730" s="2">
        <v>0</v>
      </c>
      <c r="L19730" t="s">
        <v>120</v>
      </c>
      <c r="M19730" t="s">
        <v>83</v>
      </c>
      <c r="N19730" t="s">
        <v>84</v>
      </c>
      <c r="O19730" t="s">
        <v>85</v>
      </c>
      <c r="P19730" t="s">
        <v>86</v>
      </c>
      <c r="Q19730">
        <v>0</v>
      </c>
      <c r="R19730">
        <v>0</v>
      </c>
      <c r="S19730">
        <v>0</v>
      </c>
      <c r="T19730">
        <v>0</v>
      </c>
      <c r="U19730">
        <v>0</v>
      </c>
      <c r="V19730">
        <v>0</v>
      </c>
      <c r="W19730">
        <v>0</v>
      </c>
      <c r="X19730">
        <v>0</v>
      </c>
      <c r="Y19730">
        <v>0</v>
      </c>
      <c r="Z19730">
        <v>0</v>
      </c>
      <c r="AA19730">
        <v>0</v>
      </c>
      <c r="AB19730">
        <v>0</v>
      </c>
      <c r="AC19730">
        <v>0</v>
      </c>
      <c r="AD19730">
        <v>0</v>
      </c>
      <c r="AE19730">
        <v>0</v>
      </c>
      <c r="AF19730">
        <v>0</v>
      </c>
      <c r="AG19730">
        <v>0</v>
      </c>
      <c r="AH19730">
        <v>0</v>
      </c>
      <c r="AI19730">
        <v>0</v>
      </c>
      <c r="AJ19730">
        <v>0</v>
      </c>
      <c r="AK19730">
        <v>0</v>
      </c>
      <c r="AL19730">
        <v>0</v>
      </c>
      <c r="AM19730">
        <v>0</v>
      </c>
      <c r="AN19730">
        <v>0</v>
      </c>
      <c r="AO19730">
        <v>0</v>
      </c>
      <c r="AP19730">
        <v>0</v>
      </c>
      <c r="AQ19730">
        <v>0</v>
      </c>
    </row>
    <row r="19731" spans="1:43">
      <c r="A19731" t="s">
        <v>12220</v>
      </c>
      <c r="B19731" t="s">
        <v>12221</v>
      </c>
      <c r="C19731" t="s">
        <v>12218</v>
      </c>
      <c r="D19731" t="s">
        <v>12219</v>
      </c>
      <c r="E19731" t="s">
        <v>12188</v>
      </c>
      <c r="F19731" t="s">
        <v>12189</v>
      </c>
      <c r="G19731" t="s">
        <v>10450</v>
      </c>
      <c r="H19731" t="s">
        <v>10451</v>
      </c>
      <c r="I19731" s="2">
        <v>1</v>
      </c>
      <c r="J19731" s="2">
        <v>0</v>
      </c>
      <c r="K19731" s="2">
        <v>0</v>
      </c>
      <c r="L19731" t="s">
        <v>120</v>
      </c>
      <c r="M19731" t="s">
        <v>87</v>
      </c>
      <c r="N19731" t="s">
        <v>88</v>
      </c>
      <c r="O19731" t="s">
        <v>85</v>
      </c>
      <c r="P19731" t="s">
        <v>86</v>
      </c>
      <c r="Q19731">
        <v>0</v>
      </c>
      <c r="R19731">
        <v>0</v>
      </c>
      <c r="S19731">
        <v>0</v>
      </c>
      <c r="T19731">
        <v>0</v>
      </c>
      <c r="U19731">
        <v>0</v>
      </c>
      <c r="V19731">
        <v>0</v>
      </c>
      <c r="W19731">
        <v>0</v>
      </c>
      <c r="X19731">
        <v>0</v>
      </c>
      <c r="Y19731">
        <v>0</v>
      </c>
      <c r="Z19731">
        <v>0</v>
      </c>
      <c r="AA19731">
        <v>0</v>
      </c>
      <c r="AB19731">
        <v>0</v>
      </c>
      <c r="AC19731">
        <v>0</v>
      </c>
      <c r="AD19731">
        <v>0</v>
      </c>
      <c r="AE19731">
        <v>0</v>
      </c>
      <c r="AF19731">
        <v>0</v>
      </c>
      <c r="AG19731">
        <v>0</v>
      </c>
      <c r="AH19731">
        <v>0</v>
      </c>
      <c r="AI19731">
        <v>0</v>
      </c>
      <c r="AJ19731">
        <v>0</v>
      </c>
      <c r="AK19731">
        <v>0</v>
      </c>
      <c r="AL19731">
        <v>0</v>
      </c>
      <c r="AM19731">
        <v>0</v>
      </c>
      <c r="AN19731">
        <v>0</v>
      </c>
      <c r="AO19731">
        <v>0</v>
      </c>
      <c r="AP19731">
        <v>0</v>
      </c>
      <c r="AQ19731">
        <v>0</v>
      </c>
    </row>
    <row r="19732" spans="1:43">
      <c r="A19732" t="s">
        <v>12220</v>
      </c>
      <c r="B19732" t="s">
        <v>12221</v>
      </c>
      <c r="C19732" t="s">
        <v>12218</v>
      </c>
      <c r="D19732" t="s">
        <v>12219</v>
      </c>
      <c r="E19732" t="s">
        <v>12188</v>
      </c>
      <c r="F19732" t="s">
        <v>12189</v>
      </c>
      <c r="G19732" t="s">
        <v>10450</v>
      </c>
      <c r="H19732" t="s">
        <v>10451</v>
      </c>
      <c r="I19732" s="2">
        <v>1</v>
      </c>
      <c r="J19732" s="2">
        <v>0</v>
      </c>
      <c r="K19732" s="2">
        <v>0</v>
      </c>
      <c r="L19732" t="s">
        <v>120</v>
      </c>
      <c r="M19732" t="s">
        <v>89</v>
      </c>
      <c r="N19732" t="s">
        <v>90</v>
      </c>
      <c r="O19732" t="s">
        <v>85</v>
      </c>
      <c r="P19732" t="s">
        <v>86</v>
      </c>
      <c r="Q19732">
        <v>0</v>
      </c>
      <c r="R19732">
        <v>0</v>
      </c>
      <c r="S19732">
        <v>0</v>
      </c>
      <c r="T19732">
        <v>0</v>
      </c>
      <c r="U19732">
        <v>0</v>
      </c>
      <c r="V19732">
        <v>0</v>
      </c>
      <c r="W19732">
        <v>0</v>
      </c>
      <c r="X19732">
        <v>0</v>
      </c>
      <c r="Y19732">
        <v>0</v>
      </c>
      <c r="Z19732">
        <v>0</v>
      </c>
      <c r="AA19732">
        <v>0</v>
      </c>
      <c r="AB19732">
        <v>0</v>
      </c>
      <c r="AC19732">
        <v>0</v>
      </c>
      <c r="AD19732">
        <v>0</v>
      </c>
      <c r="AE19732">
        <v>0</v>
      </c>
      <c r="AF19732">
        <v>0</v>
      </c>
      <c r="AG19732">
        <v>0</v>
      </c>
      <c r="AH19732">
        <v>0</v>
      </c>
      <c r="AI19732">
        <v>0</v>
      </c>
      <c r="AJ19732">
        <v>0</v>
      </c>
      <c r="AK19732">
        <v>0</v>
      </c>
      <c r="AL19732">
        <v>0</v>
      </c>
      <c r="AM19732">
        <v>0</v>
      </c>
      <c r="AN19732">
        <v>0</v>
      </c>
      <c r="AO19732">
        <v>0</v>
      </c>
      <c r="AP19732">
        <v>0</v>
      </c>
      <c r="AQ19732">
        <v>0</v>
      </c>
    </row>
    <row r="19733" spans="1:43">
      <c r="A19733" t="s">
        <v>12220</v>
      </c>
      <c r="B19733" t="s">
        <v>12221</v>
      </c>
      <c r="C19733" t="s">
        <v>12218</v>
      </c>
      <c r="D19733" t="s">
        <v>12219</v>
      </c>
      <c r="E19733" t="s">
        <v>12188</v>
      </c>
      <c r="F19733" t="s">
        <v>12189</v>
      </c>
      <c r="G19733" t="s">
        <v>10450</v>
      </c>
      <c r="H19733" t="s">
        <v>10451</v>
      </c>
      <c r="I19733" s="2">
        <v>1</v>
      </c>
      <c r="J19733" s="2">
        <v>0</v>
      </c>
      <c r="K19733" s="2">
        <v>0</v>
      </c>
      <c r="L19733" t="s">
        <v>120</v>
      </c>
      <c r="M19733" t="s">
        <v>83</v>
      </c>
      <c r="N19733" t="s">
        <v>91</v>
      </c>
      <c r="O19733" t="s">
        <v>85</v>
      </c>
      <c r="P19733" t="s">
        <v>86</v>
      </c>
      <c r="Q19733">
        <v>0</v>
      </c>
      <c r="R19733">
        <v>0</v>
      </c>
      <c r="S19733">
        <v>0</v>
      </c>
      <c r="T19733">
        <v>0</v>
      </c>
      <c r="U19733">
        <v>0</v>
      </c>
      <c r="V19733">
        <v>0</v>
      </c>
      <c r="W19733">
        <v>0</v>
      </c>
      <c r="X19733">
        <v>0</v>
      </c>
      <c r="Y19733">
        <v>0</v>
      </c>
      <c r="Z19733">
        <v>0</v>
      </c>
      <c r="AA19733">
        <v>0</v>
      </c>
      <c r="AB19733">
        <v>0</v>
      </c>
      <c r="AC19733">
        <v>0</v>
      </c>
      <c r="AD19733">
        <v>0</v>
      </c>
      <c r="AE19733">
        <v>0</v>
      </c>
      <c r="AF19733">
        <v>0</v>
      </c>
      <c r="AG19733">
        <v>0</v>
      </c>
      <c r="AH19733">
        <v>0</v>
      </c>
      <c r="AI19733">
        <v>0</v>
      </c>
      <c r="AJ19733">
        <v>0</v>
      </c>
      <c r="AK19733">
        <v>0</v>
      </c>
      <c r="AL19733">
        <v>0</v>
      </c>
      <c r="AM19733">
        <v>0</v>
      </c>
      <c r="AN19733">
        <v>0</v>
      </c>
      <c r="AO19733">
        <v>0</v>
      </c>
      <c r="AP19733">
        <v>0</v>
      </c>
      <c r="AQ19733">
        <v>0</v>
      </c>
    </row>
    <row r="19734" spans="1:43">
      <c r="A19734" t="s">
        <v>12222</v>
      </c>
      <c r="B19734" t="s">
        <v>12223</v>
      </c>
      <c r="C19734" t="s">
        <v>12218</v>
      </c>
      <c r="D19734" t="s">
        <v>12219</v>
      </c>
      <c r="E19734" t="s">
        <v>12188</v>
      </c>
      <c r="F19734" t="s">
        <v>12189</v>
      </c>
      <c r="G19734" t="s">
        <v>10450</v>
      </c>
      <c r="H19734" t="s">
        <v>10451</v>
      </c>
      <c r="I19734" s="2">
        <v>1</v>
      </c>
      <c r="J19734" s="2">
        <v>0</v>
      </c>
      <c r="K19734" s="2">
        <v>0</v>
      </c>
      <c r="L19734" t="s">
        <v>120</v>
      </c>
      <c r="M19734" t="s">
        <v>83</v>
      </c>
      <c r="N19734" t="s">
        <v>84</v>
      </c>
      <c r="O19734" t="s">
        <v>85</v>
      </c>
      <c r="P19734" t="s">
        <v>86</v>
      </c>
      <c r="Q19734">
        <v>3</v>
      </c>
      <c r="R19734">
        <v>3</v>
      </c>
      <c r="S19734">
        <v>3</v>
      </c>
      <c r="T19734">
        <v>3</v>
      </c>
      <c r="U19734">
        <v>4</v>
      </c>
      <c r="V19734">
        <v>4</v>
      </c>
      <c r="W19734">
        <v>4</v>
      </c>
      <c r="X19734">
        <v>4</v>
      </c>
      <c r="Y19734">
        <v>4</v>
      </c>
      <c r="Z19734">
        <v>4</v>
      </c>
      <c r="AA19734">
        <v>4</v>
      </c>
      <c r="AB19734">
        <v>4</v>
      </c>
      <c r="AC19734">
        <v>4</v>
      </c>
      <c r="AD19734">
        <v>4</v>
      </c>
      <c r="AE19734">
        <v>4</v>
      </c>
      <c r="AF19734">
        <v>4</v>
      </c>
      <c r="AG19734">
        <v>4</v>
      </c>
      <c r="AH19734">
        <v>4</v>
      </c>
      <c r="AI19734">
        <v>4</v>
      </c>
      <c r="AJ19734">
        <v>4</v>
      </c>
      <c r="AK19734">
        <v>5</v>
      </c>
      <c r="AL19734">
        <v>5</v>
      </c>
      <c r="AM19734">
        <v>5</v>
      </c>
      <c r="AN19734">
        <v>5</v>
      </c>
      <c r="AO19734">
        <v>5</v>
      </c>
      <c r="AP19734">
        <v>5</v>
      </c>
      <c r="AQ19734">
        <v>5</v>
      </c>
    </row>
    <row r="19735" spans="1:43">
      <c r="A19735" t="s">
        <v>12222</v>
      </c>
      <c r="B19735" t="s">
        <v>12223</v>
      </c>
      <c r="C19735" t="s">
        <v>12218</v>
      </c>
      <c r="D19735" t="s">
        <v>12219</v>
      </c>
      <c r="E19735" t="s">
        <v>12188</v>
      </c>
      <c r="F19735" t="s">
        <v>12189</v>
      </c>
      <c r="G19735" t="s">
        <v>10450</v>
      </c>
      <c r="H19735" t="s">
        <v>10451</v>
      </c>
      <c r="I19735" s="2">
        <v>1</v>
      </c>
      <c r="J19735" s="2">
        <v>0</v>
      </c>
      <c r="K19735" s="2">
        <v>0</v>
      </c>
      <c r="L19735" t="s">
        <v>120</v>
      </c>
      <c r="M19735" t="s">
        <v>87</v>
      </c>
      <c r="N19735" t="s">
        <v>88</v>
      </c>
      <c r="O19735" t="s">
        <v>85</v>
      </c>
      <c r="P19735" t="s">
        <v>86</v>
      </c>
      <c r="Q19735">
        <v>3</v>
      </c>
      <c r="R19735">
        <v>3</v>
      </c>
      <c r="S19735">
        <v>3</v>
      </c>
      <c r="T19735">
        <v>3</v>
      </c>
      <c r="U19735">
        <v>3</v>
      </c>
      <c r="V19735">
        <v>3</v>
      </c>
      <c r="W19735">
        <v>3</v>
      </c>
      <c r="X19735">
        <v>3</v>
      </c>
      <c r="Y19735">
        <v>3</v>
      </c>
      <c r="Z19735">
        <v>4</v>
      </c>
      <c r="AA19735">
        <v>4</v>
      </c>
      <c r="AB19735">
        <v>4</v>
      </c>
      <c r="AC19735">
        <v>4</v>
      </c>
      <c r="AD19735">
        <v>4</v>
      </c>
      <c r="AE19735">
        <v>4</v>
      </c>
      <c r="AF19735">
        <v>4</v>
      </c>
      <c r="AG19735">
        <v>4</v>
      </c>
      <c r="AH19735">
        <v>4</v>
      </c>
      <c r="AI19735">
        <v>4</v>
      </c>
      <c r="AJ19735">
        <v>4</v>
      </c>
      <c r="AK19735">
        <v>4</v>
      </c>
      <c r="AL19735">
        <v>4</v>
      </c>
      <c r="AM19735">
        <v>4</v>
      </c>
      <c r="AN19735">
        <v>4</v>
      </c>
      <c r="AO19735">
        <v>4</v>
      </c>
      <c r="AP19735">
        <v>4</v>
      </c>
      <c r="AQ19735">
        <v>4</v>
      </c>
    </row>
    <row r="19736" spans="1:43">
      <c r="A19736" t="s">
        <v>12222</v>
      </c>
      <c r="B19736" t="s">
        <v>12223</v>
      </c>
      <c r="C19736" t="s">
        <v>12218</v>
      </c>
      <c r="D19736" t="s">
        <v>12219</v>
      </c>
      <c r="E19736" t="s">
        <v>12188</v>
      </c>
      <c r="F19736" t="s">
        <v>12189</v>
      </c>
      <c r="G19736" t="s">
        <v>10450</v>
      </c>
      <c r="H19736" t="s">
        <v>10451</v>
      </c>
      <c r="I19736" s="2">
        <v>1</v>
      </c>
      <c r="J19736" s="2">
        <v>0</v>
      </c>
      <c r="K19736" s="2">
        <v>0</v>
      </c>
      <c r="L19736" t="s">
        <v>120</v>
      </c>
      <c r="M19736" t="s">
        <v>89</v>
      </c>
      <c r="N19736" t="s">
        <v>90</v>
      </c>
      <c r="O19736" t="s">
        <v>85</v>
      </c>
      <c r="P19736" t="s">
        <v>86</v>
      </c>
      <c r="Q19736">
        <v>3</v>
      </c>
      <c r="R19736">
        <v>3</v>
      </c>
      <c r="S19736">
        <v>3</v>
      </c>
      <c r="T19736">
        <v>4</v>
      </c>
      <c r="U19736">
        <v>4</v>
      </c>
      <c r="V19736">
        <v>4</v>
      </c>
      <c r="W19736">
        <v>4</v>
      </c>
      <c r="X19736">
        <v>4</v>
      </c>
      <c r="Y19736">
        <v>4</v>
      </c>
      <c r="Z19736">
        <v>4</v>
      </c>
      <c r="AA19736">
        <v>4</v>
      </c>
      <c r="AB19736">
        <v>4</v>
      </c>
      <c r="AC19736">
        <v>4</v>
      </c>
      <c r="AD19736">
        <v>4</v>
      </c>
      <c r="AE19736">
        <v>4</v>
      </c>
      <c r="AF19736">
        <v>4</v>
      </c>
      <c r="AG19736">
        <v>4</v>
      </c>
      <c r="AH19736">
        <v>5</v>
      </c>
      <c r="AI19736">
        <v>5</v>
      </c>
      <c r="AJ19736">
        <v>5</v>
      </c>
      <c r="AK19736">
        <v>5</v>
      </c>
      <c r="AL19736">
        <v>5</v>
      </c>
      <c r="AM19736">
        <v>5</v>
      </c>
      <c r="AN19736">
        <v>5</v>
      </c>
      <c r="AO19736">
        <v>5</v>
      </c>
      <c r="AP19736">
        <v>5</v>
      </c>
      <c r="AQ19736">
        <v>5</v>
      </c>
    </row>
    <row r="19737" spans="1:43">
      <c r="A19737" t="s">
        <v>12222</v>
      </c>
      <c r="B19737" t="s">
        <v>12223</v>
      </c>
      <c r="C19737" t="s">
        <v>12218</v>
      </c>
      <c r="D19737" t="s">
        <v>12219</v>
      </c>
      <c r="E19737" t="s">
        <v>12188</v>
      </c>
      <c r="F19737" t="s">
        <v>12189</v>
      </c>
      <c r="G19737" t="s">
        <v>10450</v>
      </c>
      <c r="H19737" t="s">
        <v>10451</v>
      </c>
      <c r="I19737" s="2">
        <v>1</v>
      </c>
      <c r="J19737" s="2">
        <v>0</v>
      </c>
      <c r="K19737" s="2">
        <v>0</v>
      </c>
      <c r="L19737" t="s">
        <v>120</v>
      </c>
      <c r="M19737" t="s">
        <v>83</v>
      </c>
      <c r="N19737" t="s">
        <v>91</v>
      </c>
      <c r="O19737" t="s">
        <v>85</v>
      </c>
      <c r="P19737" t="s">
        <v>86</v>
      </c>
      <c r="Q19737">
        <v>3</v>
      </c>
      <c r="R19737">
        <v>3</v>
      </c>
      <c r="S19737">
        <v>3</v>
      </c>
      <c r="T19737">
        <v>3</v>
      </c>
      <c r="U19737">
        <v>4</v>
      </c>
      <c r="V19737">
        <v>4</v>
      </c>
      <c r="W19737">
        <v>4</v>
      </c>
      <c r="X19737">
        <v>4</v>
      </c>
      <c r="Y19737">
        <v>4</v>
      </c>
      <c r="Z19737">
        <v>4</v>
      </c>
      <c r="AA19737">
        <v>4</v>
      </c>
      <c r="AB19737">
        <v>4</v>
      </c>
      <c r="AC19737">
        <v>4</v>
      </c>
      <c r="AD19737">
        <v>4</v>
      </c>
      <c r="AE19737">
        <v>4</v>
      </c>
      <c r="AF19737">
        <v>4</v>
      </c>
      <c r="AG19737">
        <v>4</v>
      </c>
      <c r="AH19737">
        <v>4</v>
      </c>
      <c r="AI19737">
        <v>4</v>
      </c>
      <c r="AJ19737">
        <v>4</v>
      </c>
      <c r="AK19737">
        <v>5</v>
      </c>
      <c r="AL19737">
        <v>5</v>
      </c>
      <c r="AM19737">
        <v>5</v>
      </c>
      <c r="AN19737">
        <v>5</v>
      </c>
      <c r="AO19737">
        <v>5</v>
      </c>
      <c r="AP19737">
        <v>5</v>
      </c>
      <c r="AQ19737">
        <v>5</v>
      </c>
    </row>
    <row r="19738" spans="1:43">
      <c r="A19738" t="s">
        <v>12224</v>
      </c>
      <c r="B19738" t="s">
        <v>12225</v>
      </c>
      <c r="C19738" t="s">
        <v>12218</v>
      </c>
      <c r="D19738" t="s">
        <v>12219</v>
      </c>
      <c r="E19738" t="s">
        <v>12188</v>
      </c>
      <c r="F19738" t="s">
        <v>12189</v>
      </c>
      <c r="G19738" t="s">
        <v>10450</v>
      </c>
      <c r="H19738" t="s">
        <v>10451</v>
      </c>
      <c r="I19738" s="2">
        <v>1</v>
      </c>
      <c r="J19738" s="2">
        <v>0</v>
      </c>
      <c r="K19738" s="2">
        <v>0</v>
      </c>
      <c r="L19738" t="s">
        <v>120</v>
      </c>
      <c r="M19738" t="s">
        <v>83</v>
      </c>
      <c r="N19738" t="s">
        <v>84</v>
      </c>
      <c r="O19738" t="s">
        <v>85</v>
      </c>
      <c r="P19738" t="s">
        <v>86</v>
      </c>
      <c r="Q19738">
        <v>11</v>
      </c>
      <c r="R19738">
        <v>11</v>
      </c>
      <c r="S19738">
        <v>11</v>
      </c>
      <c r="T19738">
        <v>12</v>
      </c>
      <c r="U19738">
        <v>12</v>
      </c>
      <c r="V19738">
        <v>12</v>
      </c>
      <c r="W19738">
        <v>12</v>
      </c>
      <c r="X19738">
        <v>12</v>
      </c>
      <c r="Y19738">
        <v>13</v>
      </c>
      <c r="Z19738">
        <v>13</v>
      </c>
      <c r="AA19738">
        <v>13</v>
      </c>
      <c r="AB19738">
        <v>13</v>
      </c>
      <c r="AC19738">
        <v>13</v>
      </c>
      <c r="AD19738">
        <v>14</v>
      </c>
      <c r="AE19738">
        <v>14</v>
      </c>
      <c r="AF19738">
        <v>14</v>
      </c>
      <c r="AG19738">
        <v>14</v>
      </c>
      <c r="AH19738">
        <v>15</v>
      </c>
      <c r="AI19738">
        <v>15</v>
      </c>
      <c r="AJ19738">
        <v>15</v>
      </c>
      <c r="AK19738">
        <v>15</v>
      </c>
      <c r="AL19738">
        <v>15</v>
      </c>
      <c r="AM19738">
        <v>16</v>
      </c>
      <c r="AN19738">
        <v>16</v>
      </c>
      <c r="AO19738">
        <v>16</v>
      </c>
      <c r="AP19738">
        <v>16</v>
      </c>
      <c r="AQ19738">
        <v>16</v>
      </c>
    </row>
    <row r="19739" spans="1:43">
      <c r="A19739" t="s">
        <v>12224</v>
      </c>
      <c r="B19739" t="s">
        <v>12225</v>
      </c>
      <c r="C19739" t="s">
        <v>12218</v>
      </c>
      <c r="D19739" t="s">
        <v>12219</v>
      </c>
      <c r="E19739" t="s">
        <v>12188</v>
      </c>
      <c r="F19739" t="s">
        <v>12189</v>
      </c>
      <c r="G19739" t="s">
        <v>10450</v>
      </c>
      <c r="H19739" t="s">
        <v>10451</v>
      </c>
      <c r="I19739" s="2">
        <v>1</v>
      </c>
      <c r="J19739" s="2">
        <v>0</v>
      </c>
      <c r="K19739" s="2">
        <v>0</v>
      </c>
      <c r="L19739" t="s">
        <v>120</v>
      </c>
      <c r="M19739" t="s">
        <v>87</v>
      </c>
      <c r="N19739" t="s">
        <v>88</v>
      </c>
      <c r="O19739" t="s">
        <v>85</v>
      </c>
      <c r="P19739" t="s">
        <v>86</v>
      </c>
      <c r="Q19739">
        <v>11</v>
      </c>
      <c r="R19739">
        <v>11</v>
      </c>
      <c r="S19739">
        <v>11</v>
      </c>
      <c r="T19739">
        <v>11</v>
      </c>
      <c r="U19739">
        <v>11</v>
      </c>
      <c r="V19739">
        <v>11</v>
      </c>
      <c r="W19739">
        <v>11</v>
      </c>
      <c r="X19739">
        <v>12</v>
      </c>
      <c r="Y19739">
        <v>12</v>
      </c>
      <c r="Z19739">
        <v>12</v>
      </c>
      <c r="AA19739">
        <v>12</v>
      </c>
      <c r="AB19739">
        <v>12</v>
      </c>
      <c r="AC19739">
        <v>12</v>
      </c>
      <c r="AD19739">
        <v>12</v>
      </c>
      <c r="AE19739">
        <v>12</v>
      </c>
      <c r="AF19739">
        <v>12</v>
      </c>
      <c r="AG19739">
        <v>13</v>
      </c>
      <c r="AH19739">
        <v>13</v>
      </c>
      <c r="AI19739">
        <v>13</v>
      </c>
      <c r="AJ19739">
        <v>13</v>
      </c>
      <c r="AK19739">
        <v>13</v>
      </c>
      <c r="AL19739">
        <v>13</v>
      </c>
      <c r="AM19739">
        <v>13</v>
      </c>
      <c r="AN19739">
        <v>13</v>
      </c>
      <c r="AO19739">
        <v>14</v>
      </c>
      <c r="AP19739">
        <v>14</v>
      </c>
      <c r="AQ19739">
        <v>14</v>
      </c>
    </row>
    <row r="19740" spans="1:43">
      <c r="A19740" t="s">
        <v>12224</v>
      </c>
      <c r="B19740" t="s">
        <v>12225</v>
      </c>
      <c r="C19740" t="s">
        <v>12218</v>
      </c>
      <c r="D19740" t="s">
        <v>12219</v>
      </c>
      <c r="E19740" t="s">
        <v>12188</v>
      </c>
      <c r="F19740" t="s">
        <v>12189</v>
      </c>
      <c r="G19740" t="s">
        <v>10450</v>
      </c>
      <c r="H19740" t="s">
        <v>10451</v>
      </c>
      <c r="I19740" s="2">
        <v>1</v>
      </c>
      <c r="J19740" s="2">
        <v>0</v>
      </c>
      <c r="K19740" s="2">
        <v>0</v>
      </c>
      <c r="L19740" t="s">
        <v>120</v>
      </c>
      <c r="M19740" t="s">
        <v>89</v>
      </c>
      <c r="N19740" t="s">
        <v>90</v>
      </c>
      <c r="O19740" t="s">
        <v>85</v>
      </c>
      <c r="P19740" t="s">
        <v>86</v>
      </c>
      <c r="Q19740">
        <v>11</v>
      </c>
      <c r="R19740">
        <v>11</v>
      </c>
      <c r="S19740">
        <v>12</v>
      </c>
      <c r="T19740">
        <v>12</v>
      </c>
      <c r="U19740">
        <v>12</v>
      </c>
      <c r="V19740">
        <v>13</v>
      </c>
      <c r="W19740">
        <v>13</v>
      </c>
      <c r="X19740">
        <v>13</v>
      </c>
      <c r="Y19740">
        <v>13</v>
      </c>
      <c r="Z19740">
        <v>14</v>
      </c>
      <c r="AA19740">
        <v>14</v>
      </c>
      <c r="AB19740">
        <v>14</v>
      </c>
      <c r="AC19740">
        <v>14</v>
      </c>
      <c r="AD19740">
        <v>15</v>
      </c>
      <c r="AE19740">
        <v>15</v>
      </c>
      <c r="AF19740">
        <v>15</v>
      </c>
      <c r="AG19740">
        <v>15</v>
      </c>
      <c r="AH19740">
        <v>15</v>
      </c>
      <c r="AI19740">
        <v>15</v>
      </c>
      <c r="AJ19740">
        <v>15</v>
      </c>
      <c r="AK19740">
        <v>15</v>
      </c>
      <c r="AL19740">
        <v>16</v>
      </c>
      <c r="AM19740">
        <v>16</v>
      </c>
      <c r="AN19740">
        <v>16</v>
      </c>
      <c r="AO19740">
        <v>16</v>
      </c>
      <c r="AP19740">
        <v>16</v>
      </c>
      <c r="AQ19740">
        <v>16</v>
      </c>
    </row>
    <row r="19741" spans="1:43">
      <c r="A19741" t="s">
        <v>12224</v>
      </c>
      <c r="B19741" t="s">
        <v>12225</v>
      </c>
      <c r="C19741" t="s">
        <v>12218</v>
      </c>
      <c r="D19741" t="s">
        <v>12219</v>
      </c>
      <c r="E19741" t="s">
        <v>12188</v>
      </c>
      <c r="F19741" t="s">
        <v>12189</v>
      </c>
      <c r="G19741" t="s">
        <v>10450</v>
      </c>
      <c r="H19741" t="s">
        <v>10451</v>
      </c>
      <c r="I19741" s="2">
        <v>1</v>
      </c>
      <c r="J19741" s="2">
        <v>0</v>
      </c>
      <c r="K19741" s="2">
        <v>0</v>
      </c>
      <c r="L19741" t="s">
        <v>120</v>
      </c>
      <c r="M19741" t="s">
        <v>83</v>
      </c>
      <c r="N19741" t="s">
        <v>91</v>
      </c>
      <c r="O19741" t="s">
        <v>85</v>
      </c>
      <c r="P19741" t="s">
        <v>86</v>
      </c>
      <c r="Q19741">
        <v>11</v>
      </c>
      <c r="R19741">
        <v>11</v>
      </c>
      <c r="S19741">
        <v>11</v>
      </c>
      <c r="T19741">
        <v>12</v>
      </c>
      <c r="U19741">
        <v>12</v>
      </c>
      <c r="V19741">
        <v>12</v>
      </c>
      <c r="W19741">
        <v>12</v>
      </c>
      <c r="X19741">
        <v>12</v>
      </c>
      <c r="Y19741">
        <v>13</v>
      </c>
      <c r="Z19741">
        <v>13</v>
      </c>
      <c r="AA19741">
        <v>13</v>
      </c>
      <c r="AB19741">
        <v>13</v>
      </c>
      <c r="AC19741">
        <v>13</v>
      </c>
      <c r="AD19741">
        <v>14</v>
      </c>
      <c r="AE19741">
        <v>14</v>
      </c>
      <c r="AF19741">
        <v>14</v>
      </c>
      <c r="AG19741">
        <v>14</v>
      </c>
      <c r="AH19741">
        <v>15</v>
      </c>
      <c r="AI19741">
        <v>15</v>
      </c>
      <c r="AJ19741">
        <v>15</v>
      </c>
      <c r="AK19741">
        <v>15</v>
      </c>
      <c r="AL19741">
        <v>15</v>
      </c>
      <c r="AM19741">
        <v>16</v>
      </c>
      <c r="AN19741">
        <v>16</v>
      </c>
      <c r="AO19741">
        <v>16</v>
      </c>
      <c r="AP19741">
        <v>16</v>
      </c>
      <c r="AQ19741">
        <v>16</v>
      </c>
    </row>
    <row r="19742" spans="1:43">
      <c r="A19742" t="s">
        <v>12226</v>
      </c>
      <c r="B19742" t="s">
        <v>12227</v>
      </c>
      <c r="C19742" t="s">
        <v>12218</v>
      </c>
      <c r="D19742" t="s">
        <v>12219</v>
      </c>
      <c r="E19742" t="s">
        <v>12188</v>
      </c>
      <c r="F19742" t="s">
        <v>12189</v>
      </c>
      <c r="G19742" t="s">
        <v>10450</v>
      </c>
      <c r="H19742" t="s">
        <v>10451</v>
      </c>
      <c r="I19742" s="2">
        <v>1</v>
      </c>
      <c r="J19742" s="2">
        <v>0</v>
      </c>
      <c r="K19742" s="2">
        <v>0</v>
      </c>
      <c r="L19742" t="s">
        <v>120</v>
      </c>
      <c r="M19742" t="s">
        <v>83</v>
      </c>
      <c r="N19742" t="s">
        <v>84</v>
      </c>
      <c r="O19742" t="s">
        <v>85</v>
      </c>
      <c r="P19742" t="s">
        <v>86</v>
      </c>
      <c r="Q19742">
        <v>114</v>
      </c>
      <c r="R19742">
        <v>116</v>
      </c>
      <c r="S19742">
        <v>119</v>
      </c>
      <c r="T19742">
        <v>121</v>
      </c>
      <c r="U19742">
        <v>123</v>
      </c>
      <c r="V19742">
        <v>125</v>
      </c>
      <c r="W19742">
        <v>128</v>
      </c>
      <c r="X19742">
        <v>130</v>
      </c>
      <c r="Y19742">
        <v>132</v>
      </c>
      <c r="Z19742">
        <v>134</v>
      </c>
      <c r="AA19742">
        <v>137</v>
      </c>
      <c r="AB19742">
        <v>139</v>
      </c>
      <c r="AC19742">
        <v>141</v>
      </c>
      <c r="AD19742">
        <v>143</v>
      </c>
      <c r="AE19742">
        <v>146</v>
      </c>
      <c r="AF19742">
        <v>148</v>
      </c>
      <c r="AG19742">
        <v>150</v>
      </c>
      <c r="AH19742">
        <v>153</v>
      </c>
      <c r="AI19742">
        <v>155</v>
      </c>
      <c r="AJ19742">
        <v>158</v>
      </c>
      <c r="AK19742">
        <v>160</v>
      </c>
      <c r="AL19742">
        <v>162</v>
      </c>
      <c r="AM19742">
        <v>163</v>
      </c>
      <c r="AN19742">
        <v>165</v>
      </c>
      <c r="AO19742">
        <v>166</v>
      </c>
      <c r="AP19742">
        <v>167</v>
      </c>
      <c r="AQ19742">
        <v>169</v>
      </c>
    </row>
    <row r="19743" spans="1:43">
      <c r="A19743" t="s">
        <v>12226</v>
      </c>
      <c r="B19743" t="s">
        <v>12227</v>
      </c>
      <c r="C19743" t="s">
        <v>12218</v>
      </c>
      <c r="D19743" t="s">
        <v>12219</v>
      </c>
      <c r="E19743" t="s">
        <v>12188</v>
      </c>
      <c r="F19743" t="s">
        <v>12189</v>
      </c>
      <c r="G19743" t="s">
        <v>10450</v>
      </c>
      <c r="H19743" t="s">
        <v>10451</v>
      </c>
      <c r="I19743" s="2">
        <v>1</v>
      </c>
      <c r="J19743" s="2">
        <v>0</v>
      </c>
      <c r="K19743" s="2">
        <v>0</v>
      </c>
      <c r="L19743" t="s">
        <v>120</v>
      </c>
      <c r="M19743" t="s">
        <v>87</v>
      </c>
      <c r="N19743" t="s">
        <v>88</v>
      </c>
      <c r="O19743" t="s">
        <v>85</v>
      </c>
      <c r="P19743" t="s">
        <v>86</v>
      </c>
      <c r="Q19743">
        <v>114</v>
      </c>
      <c r="R19743">
        <v>115</v>
      </c>
      <c r="S19743">
        <v>116</v>
      </c>
      <c r="T19743">
        <v>118</v>
      </c>
      <c r="U19743">
        <v>119</v>
      </c>
      <c r="V19743">
        <v>120</v>
      </c>
      <c r="W19743">
        <v>121</v>
      </c>
      <c r="X19743">
        <v>122</v>
      </c>
      <c r="Y19743">
        <v>123</v>
      </c>
      <c r="Z19743">
        <v>124</v>
      </c>
      <c r="AA19743">
        <v>126</v>
      </c>
      <c r="AB19743">
        <v>127</v>
      </c>
      <c r="AC19743">
        <v>128</v>
      </c>
      <c r="AD19743">
        <v>129</v>
      </c>
      <c r="AE19743">
        <v>130</v>
      </c>
      <c r="AF19743">
        <v>132</v>
      </c>
      <c r="AG19743">
        <v>133</v>
      </c>
      <c r="AH19743">
        <v>134</v>
      </c>
      <c r="AI19743">
        <v>135</v>
      </c>
      <c r="AJ19743">
        <v>137</v>
      </c>
      <c r="AK19743">
        <v>138</v>
      </c>
      <c r="AL19743">
        <v>139</v>
      </c>
      <c r="AM19743">
        <v>141</v>
      </c>
      <c r="AN19743">
        <v>142</v>
      </c>
      <c r="AO19743">
        <v>144</v>
      </c>
      <c r="AP19743">
        <v>145</v>
      </c>
      <c r="AQ19743">
        <v>146</v>
      </c>
    </row>
    <row r="19744" spans="1:43">
      <c r="A19744" t="s">
        <v>12226</v>
      </c>
      <c r="B19744" t="s">
        <v>12227</v>
      </c>
      <c r="C19744" t="s">
        <v>12218</v>
      </c>
      <c r="D19744" t="s">
        <v>12219</v>
      </c>
      <c r="E19744" t="s">
        <v>12188</v>
      </c>
      <c r="F19744" t="s">
        <v>12189</v>
      </c>
      <c r="G19744" t="s">
        <v>10450</v>
      </c>
      <c r="H19744" t="s">
        <v>10451</v>
      </c>
      <c r="I19744" s="2">
        <v>1</v>
      </c>
      <c r="J19744" s="2">
        <v>0</v>
      </c>
      <c r="K19744" s="2">
        <v>0</v>
      </c>
      <c r="L19744" t="s">
        <v>120</v>
      </c>
      <c r="M19744" t="s">
        <v>89</v>
      </c>
      <c r="N19744" t="s">
        <v>90</v>
      </c>
      <c r="O19744" t="s">
        <v>85</v>
      </c>
      <c r="P19744" t="s">
        <v>86</v>
      </c>
      <c r="Q19744">
        <v>114</v>
      </c>
      <c r="R19744">
        <v>117</v>
      </c>
      <c r="S19744">
        <v>121</v>
      </c>
      <c r="T19744">
        <v>124</v>
      </c>
      <c r="U19744">
        <v>127</v>
      </c>
      <c r="V19744">
        <v>130</v>
      </c>
      <c r="W19744">
        <v>133</v>
      </c>
      <c r="X19744">
        <v>136</v>
      </c>
      <c r="Y19744">
        <v>139</v>
      </c>
      <c r="Z19744">
        <v>141</v>
      </c>
      <c r="AA19744">
        <v>144</v>
      </c>
      <c r="AB19744">
        <v>147</v>
      </c>
      <c r="AC19744">
        <v>150</v>
      </c>
      <c r="AD19744">
        <v>153</v>
      </c>
      <c r="AE19744">
        <v>155</v>
      </c>
      <c r="AF19744">
        <v>156</v>
      </c>
      <c r="AG19744">
        <v>158</v>
      </c>
      <c r="AH19744">
        <v>159</v>
      </c>
      <c r="AI19744">
        <v>160</v>
      </c>
      <c r="AJ19744">
        <v>161</v>
      </c>
      <c r="AK19744">
        <v>163</v>
      </c>
      <c r="AL19744">
        <v>164</v>
      </c>
      <c r="AM19744">
        <v>165</v>
      </c>
      <c r="AN19744">
        <v>166</v>
      </c>
      <c r="AO19744">
        <v>168</v>
      </c>
      <c r="AP19744">
        <v>169</v>
      </c>
      <c r="AQ19744">
        <v>170</v>
      </c>
    </row>
    <row r="19745" spans="1:43">
      <c r="A19745" t="s">
        <v>12226</v>
      </c>
      <c r="B19745" t="s">
        <v>12227</v>
      </c>
      <c r="C19745" t="s">
        <v>12218</v>
      </c>
      <c r="D19745" t="s">
        <v>12219</v>
      </c>
      <c r="E19745" t="s">
        <v>12188</v>
      </c>
      <c r="F19745" t="s">
        <v>12189</v>
      </c>
      <c r="G19745" t="s">
        <v>10450</v>
      </c>
      <c r="H19745" t="s">
        <v>10451</v>
      </c>
      <c r="I19745" s="2">
        <v>1</v>
      </c>
      <c r="J19745" s="2">
        <v>0</v>
      </c>
      <c r="K19745" s="2">
        <v>0</v>
      </c>
      <c r="L19745" t="s">
        <v>120</v>
      </c>
      <c r="M19745" t="s">
        <v>83</v>
      </c>
      <c r="N19745" t="s">
        <v>91</v>
      </c>
      <c r="O19745" t="s">
        <v>85</v>
      </c>
      <c r="P19745" t="s">
        <v>86</v>
      </c>
      <c r="Q19745">
        <v>114</v>
      </c>
      <c r="R19745">
        <v>116</v>
      </c>
      <c r="S19745">
        <v>119</v>
      </c>
      <c r="T19745">
        <v>121</v>
      </c>
      <c r="U19745">
        <v>123</v>
      </c>
      <c r="V19745">
        <v>125</v>
      </c>
      <c r="W19745">
        <v>128</v>
      </c>
      <c r="X19745">
        <v>130</v>
      </c>
      <c r="Y19745">
        <v>132</v>
      </c>
      <c r="Z19745">
        <v>134</v>
      </c>
      <c r="AA19745">
        <v>137</v>
      </c>
      <c r="AB19745">
        <v>139</v>
      </c>
      <c r="AC19745">
        <v>141</v>
      </c>
      <c r="AD19745">
        <v>143</v>
      </c>
      <c r="AE19745">
        <v>146</v>
      </c>
      <c r="AF19745">
        <v>148</v>
      </c>
      <c r="AG19745">
        <v>150</v>
      </c>
      <c r="AH19745">
        <v>153</v>
      </c>
      <c r="AI19745">
        <v>155</v>
      </c>
      <c r="AJ19745">
        <v>158</v>
      </c>
      <c r="AK19745">
        <v>160</v>
      </c>
      <c r="AL19745">
        <v>162</v>
      </c>
      <c r="AM19745">
        <v>163</v>
      </c>
      <c r="AN19745">
        <v>165</v>
      </c>
      <c r="AO19745">
        <v>166</v>
      </c>
      <c r="AP19745">
        <v>167</v>
      </c>
      <c r="AQ19745">
        <v>169</v>
      </c>
    </row>
    <row r="19746" spans="1:43">
      <c r="A19746" t="s">
        <v>12228</v>
      </c>
      <c r="B19746" t="s">
        <v>12229</v>
      </c>
      <c r="C19746" t="s">
        <v>12230</v>
      </c>
      <c r="D19746" t="s">
        <v>12231</v>
      </c>
      <c r="E19746" t="s">
        <v>12188</v>
      </c>
      <c r="F19746" t="s">
        <v>12189</v>
      </c>
      <c r="G19746" t="s">
        <v>10450</v>
      </c>
      <c r="H19746" t="s">
        <v>10451</v>
      </c>
      <c r="I19746" s="2">
        <v>1</v>
      </c>
      <c r="J19746" s="2">
        <v>0</v>
      </c>
      <c r="K19746" s="2">
        <v>0</v>
      </c>
      <c r="L19746" t="s">
        <v>120</v>
      </c>
      <c r="M19746" t="s">
        <v>83</v>
      </c>
      <c r="N19746" t="s">
        <v>84</v>
      </c>
      <c r="O19746" t="s">
        <v>85</v>
      </c>
      <c r="P19746" t="s">
        <v>86</v>
      </c>
      <c r="Q19746">
        <v>16</v>
      </c>
      <c r="R19746">
        <v>17</v>
      </c>
      <c r="S19746">
        <v>17</v>
      </c>
      <c r="T19746">
        <v>17</v>
      </c>
      <c r="U19746">
        <v>18</v>
      </c>
      <c r="V19746">
        <v>18</v>
      </c>
      <c r="W19746">
        <v>18</v>
      </c>
      <c r="X19746">
        <v>19</v>
      </c>
      <c r="Y19746">
        <v>19</v>
      </c>
      <c r="Z19746">
        <v>19</v>
      </c>
      <c r="AA19746">
        <v>20</v>
      </c>
      <c r="AB19746">
        <v>20</v>
      </c>
      <c r="AC19746">
        <v>20</v>
      </c>
      <c r="AD19746">
        <v>21</v>
      </c>
      <c r="AE19746">
        <v>21</v>
      </c>
      <c r="AF19746">
        <v>21</v>
      </c>
      <c r="AG19746">
        <v>22</v>
      </c>
      <c r="AH19746">
        <v>22</v>
      </c>
      <c r="AI19746">
        <v>22</v>
      </c>
      <c r="AJ19746">
        <v>23</v>
      </c>
      <c r="AK19746">
        <v>23</v>
      </c>
      <c r="AL19746">
        <v>23</v>
      </c>
      <c r="AM19746">
        <v>23</v>
      </c>
      <c r="AN19746">
        <v>24</v>
      </c>
      <c r="AO19746">
        <v>24</v>
      </c>
      <c r="AP19746">
        <v>24</v>
      </c>
      <c r="AQ19746">
        <v>24</v>
      </c>
    </row>
    <row r="19747" spans="1:43">
      <c r="A19747" t="s">
        <v>12228</v>
      </c>
      <c r="B19747" t="s">
        <v>12229</v>
      </c>
      <c r="C19747" t="s">
        <v>12230</v>
      </c>
      <c r="D19747" t="s">
        <v>12231</v>
      </c>
      <c r="E19747" t="s">
        <v>12188</v>
      </c>
      <c r="F19747" t="s">
        <v>12189</v>
      </c>
      <c r="G19747" t="s">
        <v>10450</v>
      </c>
      <c r="H19747" t="s">
        <v>10451</v>
      </c>
      <c r="I19747" s="2">
        <v>1</v>
      </c>
      <c r="J19747" s="2">
        <v>0</v>
      </c>
      <c r="K19747" s="2">
        <v>0</v>
      </c>
      <c r="L19747" t="s">
        <v>120</v>
      </c>
      <c r="M19747" t="s">
        <v>87</v>
      </c>
      <c r="N19747" t="s">
        <v>88</v>
      </c>
      <c r="O19747" t="s">
        <v>85</v>
      </c>
      <c r="P19747" t="s">
        <v>86</v>
      </c>
      <c r="Q19747">
        <v>16</v>
      </c>
      <c r="R19747">
        <v>16</v>
      </c>
      <c r="S19747">
        <v>17</v>
      </c>
      <c r="T19747">
        <v>17</v>
      </c>
      <c r="U19747">
        <v>17</v>
      </c>
      <c r="V19747">
        <v>17</v>
      </c>
      <c r="W19747">
        <v>17</v>
      </c>
      <c r="X19747">
        <v>17</v>
      </c>
      <c r="Y19747">
        <v>18</v>
      </c>
      <c r="Z19747">
        <v>18</v>
      </c>
      <c r="AA19747">
        <v>18</v>
      </c>
      <c r="AB19747">
        <v>18</v>
      </c>
      <c r="AC19747">
        <v>18</v>
      </c>
      <c r="AD19747">
        <v>18</v>
      </c>
      <c r="AE19747">
        <v>19</v>
      </c>
      <c r="AF19747">
        <v>19</v>
      </c>
      <c r="AG19747">
        <v>19</v>
      </c>
      <c r="AH19747">
        <v>19</v>
      </c>
      <c r="AI19747">
        <v>19</v>
      </c>
      <c r="AJ19747">
        <v>19</v>
      </c>
      <c r="AK19747">
        <v>20</v>
      </c>
      <c r="AL19747">
        <v>20</v>
      </c>
      <c r="AM19747">
        <v>20</v>
      </c>
      <c r="AN19747">
        <v>20</v>
      </c>
      <c r="AO19747">
        <v>20</v>
      </c>
      <c r="AP19747">
        <v>21</v>
      </c>
      <c r="AQ19747">
        <v>21</v>
      </c>
    </row>
    <row r="19748" spans="1:43">
      <c r="A19748" t="s">
        <v>12228</v>
      </c>
      <c r="B19748" t="s">
        <v>12229</v>
      </c>
      <c r="C19748" t="s">
        <v>12230</v>
      </c>
      <c r="D19748" t="s">
        <v>12231</v>
      </c>
      <c r="E19748" t="s">
        <v>12188</v>
      </c>
      <c r="F19748" t="s">
        <v>12189</v>
      </c>
      <c r="G19748" t="s">
        <v>10450</v>
      </c>
      <c r="H19748" t="s">
        <v>10451</v>
      </c>
      <c r="I19748" s="2">
        <v>1</v>
      </c>
      <c r="J19748" s="2">
        <v>0</v>
      </c>
      <c r="K19748" s="2">
        <v>0</v>
      </c>
      <c r="L19748" t="s">
        <v>120</v>
      </c>
      <c r="M19748" t="s">
        <v>89</v>
      </c>
      <c r="N19748" t="s">
        <v>90</v>
      </c>
      <c r="O19748" t="s">
        <v>85</v>
      </c>
      <c r="P19748" t="s">
        <v>86</v>
      </c>
      <c r="Q19748">
        <v>16</v>
      </c>
      <c r="R19748">
        <v>16</v>
      </c>
      <c r="S19748">
        <v>17</v>
      </c>
      <c r="T19748">
        <v>17</v>
      </c>
      <c r="U19748">
        <v>17</v>
      </c>
      <c r="V19748">
        <v>18</v>
      </c>
      <c r="W19748">
        <v>18</v>
      </c>
      <c r="X19748">
        <v>19</v>
      </c>
      <c r="Y19748">
        <v>19</v>
      </c>
      <c r="Z19748">
        <v>19</v>
      </c>
      <c r="AA19748">
        <v>20</v>
      </c>
      <c r="AB19748">
        <v>20</v>
      </c>
      <c r="AC19748">
        <v>21</v>
      </c>
      <c r="AD19748">
        <v>21</v>
      </c>
      <c r="AE19748">
        <v>21</v>
      </c>
      <c r="AF19748">
        <v>22</v>
      </c>
      <c r="AG19748">
        <v>22</v>
      </c>
      <c r="AH19748">
        <v>22</v>
      </c>
      <c r="AI19748">
        <v>22</v>
      </c>
      <c r="AJ19748">
        <v>22</v>
      </c>
      <c r="AK19748">
        <v>22</v>
      </c>
      <c r="AL19748">
        <v>22</v>
      </c>
      <c r="AM19748">
        <v>23</v>
      </c>
      <c r="AN19748">
        <v>23</v>
      </c>
      <c r="AO19748">
        <v>23</v>
      </c>
      <c r="AP19748">
        <v>23</v>
      </c>
      <c r="AQ19748">
        <v>23</v>
      </c>
    </row>
    <row r="19749" spans="1:43">
      <c r="A19749" t="s">
        <v>12228</v>
      </c>
      <c r="B19749" t="s">
        <v>12229</v>
      </c>
      <c r="C19749" t="s">
        <v>12230</v>
      </c>
      <c r="D19749" t="s">
        <v>12231</v>
      </c>
      <c r="E19749" t="s">
        <v>12188</v>
      </c>
      <c r="F19749" t="s">
        <v>12189</v>
      </c>
      <c r="G19749" t="s">
        <v>10450</v>
      </c>
      <c r="H19749" t="s">
        <v>10451</v>
      </c>
      <c r="I19749" s="2">
        <v>1</v>
      </c>
      <c r="J19749" s="2">
        <v>0</v>
      </c>
      <c r="K19749" s="2">
        <v>0</v>
      </c>
      <c r="L19749" t="s">
        <v>120</v>
      </c>
      <c r="M19749" t="s">
        <v>83</v>
      </c>
      <c r="N19749" t="s">
        <v>91</v>
      </c>
      <c r="O19749" t="s">
        <v>85</v>
      </c>
      <c r="P19749" t="s">
        <v>86</v>
      </c>
      <c r="Q19749">
        <v>16</v>
      </c>
      <c r="R19749">
        <v>17</v>
      </c>
      <c r="S19749">
        <v>17</v>
      </c>
      <c r="T19749">
        <v>17</v>
      </c>
      <c r="U19749">
        <v>18</v>
      </c>
      <c r="V19749">
        <v>18</v>
      </c>
      <c r="W19749">
        <v>18</v>
      </c>
      <c r="X19749">
        <v>19</v>
      </c>
      <c r="Y19749">
        <v>19</v>
      </c>
      <c r="Z19749">
        <v>19</v>
      </c>
      <c r="AA19749">
        <v>20</v>
      </c>
      <c r="AB19749">
        <v>20</v>
      </c>
      <c r="AC19749">
        <v>20</v>
      </c>
      <c r="AD19749">
        <v>21</v>
      </c>
      <c r="AE19749">
        <v>21</v>
      </c>
      <c r="AF19749">
        <v>21</v>
      </c>
      <c r="AG19749">
        <v>22</v>
      </c>
      <c r="AH19749">
        <v>22</v>
      </c>
      <c r="AI19749">
        <v>22</v>
      </c>
      <c r="AJ19749">
        <v>23</v>
      </c>
      <c r="AK19749">
        <v>23</v>
      </c>
      <c r="AL19749">
        <v>23</v>
      </c>
      <c r="AM19749">
        <v>23</v>
      </c>
      <c r="AN19749">
        <v>24</v>
      </c>
      <c r="AO19749">
        <v>24</v>
      </c>
      <c r="AP19749">
        <v>24</v>
      </c>
      <c r="AQ19749">
        <v>24</v>
      </c>
    </row>
    <row r="19750" spans="1:43">
      <c r="A19750" t="s">
        <v>12232</v>
      </c>
      <c r="B19750" t="s">
        <v>12233</v>
      </c>
      <c r="C19750" t="s">
        <v>12230</v>
      </c>
      <c r="D19750" t="s">
        <v>12231</v>
      </c>
      <c r="E19750" t="s">
        <v>12188</v>
      </c>
      <c r="F19750" t="s">
        <v>12189</v>
      </c>
      <c r="G19750" t="s">
        <v>10450</v>
      </c>
      <c r="H19750" t="s">
        <v>10451</v>
      </c>
      <c r="I19750" s="2">
        <v>1</v>
      </c>
      <c r="J19750" s="2">
        <v>0</v>
      </c>
      <c r="K19750" s="2">
        <v>0</v>
      </c>
      <c r="L19750" t="s">
        <v>120</v>
      </c>
      <c r="M19750" t="s">
        <v>83</v>
      </c>
      <c r="N19750" t="s">
        <v>84</v>
      </c>
      <c r="O19750" t="s">
        <v>85</v>
      </c>
      <c r="P19750" t="s">
        <v>86</v>
      </c>
      <c r="Q19750">
        <v>25</v>
      </c>
      <c r="R19750">
        <v>26</v>
      </c>
      <c r="S19750">
        <v>26</v>
      </c>
      <c r="T19750">
        <v>27</v>
      </c>
      <c r="U19750">
        <v>27</v>
      </c>
      <c r="V19750">
        <v>28</v>
      </c>
      <c r="W19750">
        <v>28</v>
      </c>
      <c r="X19750">
        <v>29</v>
      </c>
      <c r="Y19750">
        <v>29</v>
      </c>
      <c r="Z19750">
        <v>30</v>
      </c>
      <c r="AA19750">
        <v>30</v>
      </c>
      <c r="AB19750">
        <v>31</v>
      </c>
      <c r="AC19750">
        <v>31</v>
      </c>
      <c r="AD19750">
        <v>32</v>
      </c>
      <c r="AE19750">
        <v>32</v>
      </c>
      <c r="AF19750">
        <v>33</v>
      </c>
      <c r="AG19750">
        <v>33</v>
      </c>
      <c r="AH19750">
        <v>34</v>
      </c>
      <c r="AI19750">
        <v>34</v>
      </c>
      <c r="AJ19750">
        <v>35</v>
      </c>
      <c r="AK19750">
        <v>36</v>
      </c>
      <c r="AL19750">
        <v>36</v>
      </c>
      <c r="AM19750">
        <v>36</v>
      </c>
      <c r="AN19750">
        <v>36</v>
      </c>
      <c r="AO19750">
        <v>37</v>
      </c>
      <c r="AP19750">
        <v>37</v>
      </c>
      <c r="AQ19750">
        <v>37</v>
      </c>
    </row>
    <row r="19751" spans="1:43">
      <c r="A19751" t="s">
        <v>12232</v>
      </c>
      <c r="B19751" t="s">
        <v>12233</v>
      </c>
      <c r="C19751" t="s">
        <v>12230</v>
      </c>
      <c r="D19751" t="s">
        <v>12231</v>
      </c>
      <c r="E19751" t="s">
        <v>12188</v>
      </c>
      <c r="F19751" t="s">
        <v>12189</v>
      </c>
      <c r="G19751" t="s">
        <v>10450</v>
      </c>
      <c r="H19751" t="s">
        <v>10451</v>
      </c>
      <c r="I19751" s="2">
        <v>1</v>
      </c>
      <c r="J19751" s="2">
        <v>0</v>
      </c>
      <c r="K19751" s="2">
        <v>0</v>
      </c>
      <c r="L19751" t="s">
        <v>120</v>
      </c>
      <c r="M19751" t="s">
        <v>87</v>
      </c>
      <c r="N19751" t="s">
        <v>88</v>
      </c>
      <c r="O19751" t="s">
        <v>85</v>
      </c>
      <c r="P19751" t="s">
        <v>86</v>
      </c>
      <c r="Q19751">
        <v>25</v>
      </c>
      <c r="R19751">
        <v>25</v>
      </c>
      <c r="S19751">
        <v>26</v>
      </c>
      <c r="T19751">
        <v>26</v>
      </c>
      <c r="U19751">
        <v>26</v>
      </c>
      <c r="V19751">
        <v>26</v>
      </c>
      <c r="W19751">
        <v>27</v>
      </c>
      <c r="X19751">
        <v>27</v>
      </c>
      <c r="Y19751">
        <v>27</v>
      </c>
      <c r="Z19751">
        <v>27</v>
      </c>
      <c r="AA19751">
        <v>28</v>
      </c>
      <c r="AB19751">
        <v>28</v>
      </c>
      <c r="AC19751">
        <v>28</v>
      </c>
      <c r="AD19751">
        <v>28</v>
      </c>
      <c r="AE19751">
        <v>29</v>
      </c>
      <c r="AF19751">
        <v>29</v>
      </c>
      <c r="AG19751">
        <v>29</v>
      </c>
      <c r="AH19751">
        <v>30</v>
      </c>
      <c r="AI19751">
        <v>30</v>
      </c>
      <c r="AJ19751">
        <v>30</v>
      </c>
      <c r="AK19751">
        <v>30</v>
      </c>
      <c r="AL19751">
        <v>31</v>
      </c>
      <c r="AM19751">
        <v>31</v>
      </c>
      <c r="AN19751">
        <v>31</v>
      </c>
      <c r="AO19751">
        <v>32</v>
      </c>
      <c r="AP19751">
        <v>32</v>
      </c>
      <c r="AQ19751">
        <v>32</v>
      </c>
    </row>
    <row r="19752" spans="1:43">
      <c r="A19752" t="s">
        <v>12232</v>
      </c>
      <c r="B19752" t="s">
        <v>12233</v>
      </c>
      <c r="C19752" t="s">
        <v>12230</v>
      </c>
      <c r="D19752" t="s">
        <v>12231</v>
      </c>
      <c r="E19752" t="s">
        <v>12188</v>
      </c>
      <c r="F19752" t="s">
        <v>12189</v>
      </c>
      <c r="G19752" t="s">
        <v>10450</v>
      </c>
      <c r="H19752" t="s">
        <v>10451</v>
      </c>
      <c r="I19752" s="2">
        <v>1</v>
      </c>
      <c r="J19752" s="2">
        <v>0</v>
      </c>
      <c r="K19752" s="2">
        <v>0</v>
      </c>
      <c r="L19752" t="s">
        <v>120</v>
      </c>
      <c r="M19752" t="s">
        <v>89</v>
      </c>
      <c r="N19752" t="s">
        <v>90</v>
      </c>
      <c r="O19752" t="s">
        <v>85</v>
      </c>
      <c r="P19752" t="s">
        <v>86</v>
      </c>
      <c r="Q19752">
        <v>25</v>
      </c>
      <c r="R19752">
        <v>25</v>
      </c>
      <c r="S19752">
        <v>26</v>
      </c>
      <c r="T19752">
        <v>27</v>
      </c>
      <c r="U19752">
        <v>27</v>
      </c>
      <c r="V19752">
        <v>28</v>
      </c>
      <c r="W19752">
        <v>29</v>
      </c>
      <c r="X19752">
        <v>29</v>
      </c>
      <c r="Y19752">
        <v>30</v>
      </c>
      <c r="Z19752">
        <v>31</v>
      </c>
      <c r="AA19752">
        <v>31</v>
      </c>
      <c r="AB19752">
        <v>32</v>
      </c>
      <c r="AC19752">
        <v>33</v>
      </c>
      <c r="AD19752">
        <v>33</v>
      </c>
      <c r="AE19752">
        <v>34</v>
      </c>
      <c r="AF19752">
        <v>34</v>
      </c>
      <c r="AG19752">
        <v>34</v>
      </c>
      <c r="AH19752">
        <v>34</v>
      </c>
      <c r="AI19752">
        <v>35</v>
      </c>
      <c r="AJ19752">
        <v>35</v>
      </c>
      <c r="AK19752">
        <v>35</v>
      </c>
      <c r="AL19752">
        <v>35</v>
      </c>
      <c r="AM19752">
        <v>36</v>
      </c>
      <c r="AN19752">
        <v>36</v>
      </c>
      <c r="AO19752">
        <v>36</v>
      </c>
      <c r="AP19752">
        <v>36</v>
      </c>
      <c r="AQ19752">
        <v>36</v>
      </c>
    </row>
    <row r="19753" spans="1:43">
      <c r="A19753" t="s">
        <v>12232</v>
      </c>
      <c r="B19753" t="s">
        <v>12233</v>
      </c>
      <c r="C19753" t="s">
        <v>12230</v>
      </c>
      <c r="D19753" t="s">
        <v>12231</v>
      </c>
      <c r="E19753" t="s">
        <v>12188</v>
      </c>
      <c r="F19753" t="s">
        <v>12189</v>
      </c>
      <c r="G19753" t="s">
        <v>10450</v>
      </c>
      <c r="H19753" t="s">
        <v>10451</v>
      </c>
      <c r="I19753" s="2">
        <v>1</v>
      </c>
      <c r="J19753" s="2">
        <v>0</v>
      </c>
      <c r="K19753" s="2">
        <v>0</v>
      </c>
      <c r="L19753" t="s">
        <v>120</v>
      </c>
      <c r="M19753" t="s">
        <v>83</v>
      </c>
      <c r="N19753" t="s">
        <v>91</v>
      </c>
      <c r="O19753" t="s">
        <v>85</v>
      </c>
      <c r="P19753" t="s">
        <v>86</v>
      </c>
      <c r="Q19753">
        <v>25</v>
      </c>
      <c r="R19753">
        <v>26</v>
      </c>
      <c r="S19753">
        <v>26</v>
      </c>
      <c r="T19753">
        <v>27</v>
      </c>
      <c r="U19753">
        <v>27</v>
      </c>
      <c r="V19753">
        <v>28</v>
      </c>
      <c r="W19753">
        <v>28</v>
      </c>
      <c r="X19753">
        <v>29</v>
      </c>
      <c r="Y19753">
        <v>29</v>
      </c>
      <c r="Z19753">
        <v>30</v>
      </c>
      <c r="AA19753">
        <v>30</v>
      </c>
      <c r="AB19753">
        <v>31</v>
      </c>
      <c r="AC19753">
        <v>31</v>
      </c>
      <c r="AD19753">
        <v>32</v>
      </c>
      <c r="AE19753">
        <v>32</v>
      </c>
      <c r="AF19753">
        <v>33</v>
      </c>
      <c r="AG19753">
        <v>33</v>
      </c>
      <c r="AH19753">
        <v>34</v>
      </c>
      <c r="AI19753">
        <v>34</v>
      </c>
      <c r="AJ19753">
        <v>35</v>
      </c>
      <c r="AK19753">
        <v>36</v>
      </c>
      <c r="AL19753">
        <v>36</v>
      </c>
      <c r="AM19753">
        <v>36</v>
      </c>
      <c r="AN19753">
        <v>36</v>
      </c>
      <c r="AO19753">
        <v>37</v>
      </c>
      <c r="AP19753">
        <v>37</v>
      </c>
      <c r="AQ19753">
        <v>37</v>
      </c>
    </row>
    <row r="19754" spans="1:43">
      <c r="A19754" t="s">
        <v>12234</v>
      </c>
      <c r="B19754" t="s">
        <v>12235</v>
      </c>
      <c r="C19754" t="s">
        <v>12230</v>
      </c>
      <c r="D19754" t="s">
        <v>12231</v>
      </c>
      <c r="E19754" t="s">
        <v>12188</v>
      </c>
      <c r="F19754" t="s">
        <v>12189</v>
      </c>
      <c r="G19754" t="s">
        <v>10450</v>
      </c>
      <c r="H19754" t="s">
        <v>10451</v>
      </c>
      <c r="I19754" s="2">
        <v>1</v>
      </c>
      <c r="J19754" s="2">
        <v>0</v>
      </c>
      <c r="K19754" s="2">
        <v>0</v>
      </c>
      <c r="L19754" t="s">
        <v>120</v>
      </c>
      <c r="M19754" t="s">
        <v>83</v>
      </c>
      <c r="N19754" t="s">
        <v>84</v>
      </c>
      <c r="O19754" t="s">
        <v>85</v>
      </c>
      <c r="P19754" t="s">
        <v>86</v>
      </c>
      <c r="Q19754">
        <v>21</v>
      </c>
      <c r="R19754">
        <v>21</v>
      </c>
      <c r="S19754">
        <v>22</v>
      </c>
      <c r="T19754">
        <v>22</v>
      </c>
      <c r="U19754">
        <v>23</v>
      </c>
      <c r="V19754">
        <v>23</v>
      </c>
      <c r="W19754">
        <v>23</v>
      </c>
      <c r="X19754">
        <v>24</v>
      </c>
      <c r="Y19754">
        <v>24</v>
      </c>
      <c r="Z19754">
        <v>25</v>
      </c>
      <c r="AA19754">
        <v>25</v>
      </c>
      <c r="AB19754">
        <v>25</v>
      </c>
      <c r="AC19754">
        <v>26</v>
      </c>
      <c r="AD19754">
        <v>26</v>
      </c>
      <c r="AE19754">
        <v>27</v>
      </c>
      <c r="AF19754">
        <v>27</v>
      </c>
      <c r="AG19754">
        <v>27</v>
      </c>
      <c r="AH19754">
        <v>28</v>
      </c>
      <c r="AI19754">
        <v>28</v>
      </c>
      <c r="AJ19754">
        <v>29</v>
      </c>
      <c r="AK19754">
        <v>29</v>
      </c>
      <c r="AL19754">
        <v>29</v>
      </c>
      <c r="AM19754">
        <v>30</v>
      </c>
      <c r="AN19754">
        <v>30</v>
      </c>
      <c r="AO19754">
        <v>30</v>
      </c>
      <c r="AP19754">
        <v>30</v>
      </c>
      <c r="AQ19754">
        <v>30</v>
      </c>
    </row>
    <row r="19755" spans="1:43">
      <c r="A19755" t="s">
        <v>12234</v>
      </c>
      <c r="B19755" t="s">
        <v>12235</v>
      </c>
      <c r="C19755" t="s">
        <v>12230</v>
      </c>
      <c r="D19755" t="s">
        <v>12231</v>
      </c>
      <c r="E19755" t="s">
        <v>12188</v>
      </c>
      <c r="F19755" t="s">
        <v>12189</v>
      </c>
      <c r="G19755" t="s">
        <v>10450</v>
      </c>
      <c r="H19755" t="s">
        <v>10451</v>
      </c>
      <c r="I19755" s="2">
        <v>1</v>
      </c>
      <c r="J19755" s="2">
        <v>0</v>
      </c>
      <c r="K19755" s="2">
        <v>0</v>
      </c>
      <c r="L19755" t="s">
        <v>120</v>
      </c>
      <c r="M19755" t="s">
        <v>87</v>
      </c>
      <c r="N19755" t="s">
        <v>88</v>
      </c>
      <c r="O19755" t="s">
        <v>85</v>
      </c>
      <c r="P19755" t="s">
        <v>86</v>
      </c>
      <c r="Q19755">
        <v>21</v>
      </c>
      <c r="R19755">
        <v>21</v>
      </c>
      <c r="S19755">
        <v>21</v>
      </c>
      <c r="T19755">
        <v>21</v>
      </c>
      <c r="U19755">
        <v>22</v>
      </c>
      <c r="V19755">
        <v>22</v>
      </c>
      <c r="W19755">
        <v>22</v>
      </c>
      <c r="X19755">
        <v>22</v>
      </c>
      <c r="Y19755">
        <v>22</v>
      </c>
      <c r="Z19755">
        <v>23</v>
      </c>
      <c r="AA19755">
        <v>23</v>
      </c>
      <c r="AB19755">
        <v>23</v>
      </c>
      <c r="AC19755">
        <v>23</v>
      </c>
      <c r="AD19755">
        <v>23</v>
      </c>
      <c r="AE19755">
        <v>24</v>
      </c>
      <c r="AF19755">
        <v>24</v>
      </c>
      <c r="AG19755">
        <v>24</v>
      </c>
      <c r="AH19755">
        <v>24</v>
      </c>
      <c r="AI19755">
        <v>25</v>
      </c>
      <c r="AJ19755">
        <v>25</v>
      </c>
      <c r="AK19755">
        <v>25</v>
      </c>
      <c r="AL19755">
        <v>25</v>
      </c>
      <c r="AM19755">
        <v>25</v>
      </c>
      <c r="AN19755">
        <v>26</v>
      </c>
      <c r="AO19755">
        <v>26</v>
      </c>
      <c r="AP19755">
        <v>26</v>
      </c>
      <c r="AQ19755">
        <v>27</v>
      </c>
    </row>
    <row r="19756" spans="1:43">
      <c r="A19756" t="s">
        <v>12234</v>
      </c>
      <c r="B19756" t="s">
        <v>12235</v>
      </c>
      <c r="C19756" t="s">
        <v>12230</v>
      </c>
      <c r="D19756" t="s">
        <v>12231</v>
      </c>
      <c r="E19756" t="s">
        <v>12188</v>
      </c>
      <c r="F19756" t="s">
        <v>12189</v>
      </c>
      <c r="G19756" t="s">
        <v>10450</v>
      </c>
      <c r="H19756" t="s">
        <v>10451</v>
      </c>
      <c r="I19756" s="2">
        <v>1</v>
      </c>
      <c r="J19756" s="2">
        <v>0</v>
      </c>
      <c r="K19756" s="2">
        <v>0</v>
      </c>
      <c r="L19756" t="s">
        <v>120</v>
      </c>
      <c r="M19756" t="s">
        <v>89</v>
      </c>
      <c r="N19756" t="s">
        <v>90</v>
      </c>
      <c r="O19756" t="s">
        <v>85</v>
      </c>
      <c r="P19756" t="s">
        <v>86</v>
      </c>
      <c r="Q19756">
        <v>21</v>
      </c>
      <c r="R19756">
        <v>22</v>
      </c>
      <c r="S19756">
        <v>22</v>
      </c>
      <c r="T19756">
        <v>23</v>
      </c>
      <c r="U19756">
        <v>23</v>
      </c>
      <c r="V19756">
        <v>24</v>
      </c>
      <c r="W19756">
        <v>24</v>
      </c>
      <c r="X19756">
        <v>25</v>
      </c>
      <c r="Y19756">
        <v>25</v>
      </c>
      <c r="Z19756">
        <v>26</v>
      </c>
      <c r="AA19756">
        <v>27</v>
      </c>
      <c r="AB19756">
        <v>27</v>
      </c>
      <c r="AC19756">
        <v>28</v>
      </c>
      <c r="AD19756">
        <v>28</v>
      </c>
      <c r="AE19756">
        <v>28</v>
      </c>
      <c r="AF19756">
        <v>29</v>
      </c>
      <c r="AG19756">
        <v>29</v>
      </c>
      <c r="AH19756">
        <v>29</v>
      </c>
      <c r="AI19756">
        <v>29</v>
      </c>
      <c r="AJ19756">
        <v>29</v>
      </c>
      <c r="AK19756">
        <v>30</v>
      </c>
      <c r="AL19756">
        <v>30</v>
      </c>
      <c r="AM19756">
        <v>30</v>
      </c>
      <c r="AN19756">
        <v>30</v>
      </c>
      <c r="AO19756">
        <v>30</v>
      </c>
      <c r="AP19756">
        <v>31</v>
      </c>
      <c r="AQ19756">
        <v>31</v>
      </c>
    </row>
    <row r="19757" spans="1:43">
      <c r="A19757" t="s">
        <v>12234</v>
      </c>
      <c r="B19757" t="s">
        <v>12235</v>
      </c>
      <c r="C19757" t="s">
        <v>12230</v>
      </c>
      <c r="D19757" t="s">
        <v>12231</v>
      </c>
      <c r="E19757" t="s">
        <v>12188</v>
      </c>
      <c r="F19757" t="s">
        <v>12189</v>
      </c>
      <c r="G19757" t="s">
        <v>10450</v>
      </c>
      <c r="H19757" t="s">
        <v>10451</v>
      </c>
      <c r="I19757" s="2">
        <v>1</v>
      </c>
      <c r="J19757" s="2">
        <v>0</v>
      </c>
      <c r="K19757" s="2">
        <v>0</v>
      </c>
      <c r="L19757" t="s">
        <v>120</v>
      </c>
      <c r="M19757" t="s">
        <v>83</v>
      </c>
      <c r="N19757" t="s">
        <v>91</v>
      </c>
      <c r="O19757" t="s">
        <v>85</v>
      </c>
      <c r="P19757" t="s">
        <v>86</v>
      </c>
      <c r="Q19757">
        <v>21</v>
      </c>
      <c r="R19757">
        <v>21</v>
      </c>
      <c r="S19757">
        <v>22</v>
      </c>
      <c r="T19757">
        <v>22</v>
      </c>
      <c r="U19757">
        <v>23</v>
      </c>
      <c r="V19757">
        <v>23</v>
      </c>
      <c r="W19757">
        <v>23</v>
      </c>
      <c r="X19757">
        <v>24</v>
      </c>
      <c r="Y19757">
        <v>24</v>
      </c>
      <c r="Z19757">
        <v>25</v>
      </c>
      <c r="AA19757">
        <v>25</v>
      </c>
      <c r="AB19757">
        <v>25</v>
      </c>
      <c r="AC19757">
        <v>26</v>
      </c>
      <c r="AD19757">
        <v>26</v>
      </c>
      <c r="AE19757">
        <v>27</v>
      </c>
      <c r="AF19757">
        <v>27</v>
      </c>
      <c r="AG19757">
        <v>27</v>
      </c>
      <c r="AH19757">
        <v>28</v>
      </c>
      <c r="AI19757">
        <v>28</v>
      </c>
      <c r="AJ19757">
        <v>29</v>
      </c>
      <c r="AK19757">
        <v>29</v>
      </c>
      <c r="AL19757">
        <v>29</v>
      </c>
      <c r="AM19757">
        <v>30</v>
      </c>
      <c r="AN19757">
        <v>30</v>
      </c>
      <c r="AO19757">
        <v>30</v>
      </c>
      <c r="AP19757">
        <v>30</v>
      </c>
      <c r="AQ19757">
        <v>30</v>
      </c>
    </row>
    <row r="19758" spans="1:43">
      <c r="A19758" t="s">
        <v>12236</v>
      </c>
      <c r="B19758" t="s">
        <v>12237</v>
      </c>
      <c r="C19758" t="s">
        <v>12230</v>
      </c>
      <c r="D19758" t="s">
        <v>12231</v>
      </c>
      <c r="E19758" t="s">
        <v>12188</v>
      </c>
      <c r="F19758" t="s">
        <v>12189</v>
      </c>
      <c r="G19758" t="s">
        <v>10450</v>
      </c>
      <c r="H19758" t="s">
        <v>10451</v>
      </c>
      <c r="I19758" s="2">
        <v>1</v>
      </c>
      <c r="J19758" s="2">
        <v>0</v>
      </c>
      <c r="K19758" s="2">
        <v>0</v>
      </c>
      <c r="L19758" t="s">
        <v>120</v>
      </c>
      <c r="M19758" t="s">
        <v>83</v>
      </c>
      <c r="N19758" t="s">
        <v>84</v>
      </c>
      <c r="O19758" t="s">
        <v>85</v>
      </c>
      <c r="P19758" t="s">
        <v>86</v>
      </c>
      <c r="Q19758">
        <v>27</v>
      </c>
      <c r="R19758">
        <v>27</v>
      </c>
      <c r="S19758">
        <v>28</v>
      </c>
      <c r="T19758">
        <v>28</v>
      </c>
      <c r="U19758">
        <v>29</v>
      </c>
      <c r="V19758">
        <v>29</v>
      </c>
      <c r="W19758">
        <v>30</v>
      </c>
      <c r="X19758">
        <v>30</v>
      </c>
      <c r="Y19758">
        <v>31</v>
      </c>
      <c r="Z19758">
        <v>31</v>
      </c>
      <c r="AA19758">
        <v>32</v>
      </c>
      <c r="AB19758">
        <v>32</v>
      </c>
      <c r="AC19758">
        <v>33</v>
      </c>
      <c r="AD19758">
        <v>33</v>
      </c>
      <c r="AE19758">
        <v>34</v>
      </c>
      <c r="AF19758">
        <v>35</v>
      </c>
      <c r="AG19758">
        <v>35</v>
      </c>
      <c r="AH19758">
        <v>36</v>
      </c>
      <c r="AI19758">
        <v>36</v>
      </c>
      <c r="AJ19758">
        <v>37</v>
      </c>
      <c r="AK19758">
        <v>37</v>
      </c>
      <c r="AL19758">
        <v>38</v>
      </c>
      <c r="AM19758">
        <v>38</v>
      </c>
      <c r="AN19758">
        <v>38</v>
      </c>
      <c r="AO19758">
        <v>38</v>
      </c>
      <c r="AP19758">
        <v>39</v>
      </c>
      <c r="AQ19758">
        <v>39</v>
      </c>
    </row>
    <row r="19759" spans="1:43">
      <c r="A19759" t="s">
        <v>12236</v>
      </c>
      <c r="B19759" t="s">
        <v>12237</v>
      </c>
      <c r="C19759" t="s">
        <v>12230</v>
      </c>
      <c r="D19759" t="s">
        <v>12231</v>
      </c>
      <c r="E19759" t="s">
        <v>12188</v>
      </c>
      <c r="F19759" t="s">
        <v>12189</v>
      </c>
      <c r="G19759" t="s">
        <v>10450</v>
      </c>
      <c r="H19759" t="s">
        <v>10451</v>
      </c>
      <c r="I19759" s="2">
        <v>1</v>
      </c>
      <c r="J19759" s="2">
        <v>0</v>
      </c>
      <c r="K19759" s="2">
        <v>0</v>
      </c>
      <c r="L19759" t="s">
        <v>120</v>
      </c>
      <c r="M19759" t="s">
        <v>87</v>
      </c>
      <c r="N19759" t="s">
        <v>88</v>
      </c>
      <c r="O19759" t="s">
        <v>85</v>
      </c>
      <c r="P19759" t="s">
        <v>86</v>
      </c>
      <c r="Q19759">
        <v>27</v>
      </c>
      <c r="R19759">
        <v>28</v>
      </c>
      <c r="S19759">
        <v>28</v>
      </c>
      <c r="T19759">
        <v>28</v>
      </c>
      <c r="U19759">
        <v>29</v>
      </c>
      <c r="V19759">
        <v>29</v>
      </c>
      <c r="W19759">
        <v>29</v>
      </c>
      <c r="X19759">
        <v>29</v>
      </c>
      <c r="Y19759">
        <v>30</v>
      </c>
      <c r="Z19759">
        <v>30</v>
      </c>
      <c r="AA19759">
        <v>30</v>
      </c>
      <c r="AB19759">
        <v>30</v>
      </c>
      <c r="AC19759">
        <v>31</v>
      </c>
      <c r="AD19759">
        <v>31</v>
      </c>
      <c r="AE19759">
        <v>31</v>
      </c>
      <c r="AF19759">
        <v>31</v>
      </c>
      <c r="AG19759">
        <v>32</v>
      </c>
      <c r="AH19759">
        <v>32</v>
      </c>
      <c r="AI19759">
        <v>32</v>
      </c>
      <c r="AJ19759">
        <v>33</v>
      </c>
      <c r="AK19759">
        <v>33</v>
      </c>
      <c r="AL19759">
        <v>33</v>
      </c>
      <c r="AM19759">
        <v>34</v>
      </c>
      <c r="AN19759">
        <v>34</v>
      </c>
      <c r="AO19759">
        <v>34</v>
      </c>
      <c r="AP19759">
        <v>35</v>
      </c>
      <c r="AQ19759">
        <v>35</v>
      </c>
    </row>
    <row r="19760" spans="1:43">
      <c r="A19760" t="s">
        <v>12236</v>
      </c>
      <c r="B19760" t="s">
        <v>12237</v>
      </c>
      <c r="C19760" t="s">
        <v>12230</v>
      </c>
      <c r="D19760" t="s">
        <v>12231</v>
      </c>
      <c r="E19760" t="s">
        <v>12188</v>
      </c>
      <c r="F19760" t="s">
        <v>12189</v>
      </c>
      <c r="G19760" t="s">
        <v>10450</v>
      </c>
      <c r="H19760" t="s">
        <v>10451</v>
      </c>
      <c r="I19760" s="2">
        <v>1</v>
      </c>
      <c r="J19760" s="2">
        <v>0</v>
      </c>
      <c r="K19760" s="2">
        <v>0</v>
      </c>
      <c r="L19760" t="s">
        <v>120</v>
      </c>
      <c r="M19760" t="s">
        <v>89</v>
      </c>
      <c r="N19760" t="s">
        <v>90</v>
      </c>
      <c r="O19760" t="s">
        <v>85</v>
      </c>
      <c r="P19760" t="s">
        <v>86</v>
      </c>
      <c r="Q19760">
        <v>27</v>
      </c>
      <c r="R19760">
        <v>28</v>
      </c>
      <c r="S19760">
        <v>28</v>
      </c>
      <c r="T19760">
        <v>29</v>
      </c>
      <c r="U19760">
        <v>30</v>
      </c>
      <c r="V19760">
        <v>31</v>
      </c>
      <c r="W19760">
        <v>31</v>
      </c>
      <c r="X19760">
        <v>32</v>
      </c>
      <c r="Y19760">
        <v>33</v>
      </c>
      <c r="Z19760">
        <v>33</v>
      </c>
      <c r="AA19760">
        <v>34</v>
      </c>
      <c r="AB19760">
        <v>35</v>
      </c>
      <c r="AC19760">
        <v>35</v>
      </c>
      <c r="AD19760">
        <v>36</v>
      </c>
      <c r="AE19760">
        <v>36</v>
      </c>
      <c r="AF19760">
        <v>37</v>
      </c>
      <c r="AG19760">
        <v>37</v>
      </c>
      <c r="AH19760">
        <v>37</v>
      </c>
      <c r="AI19760">
        <v>37</v>
      </c>
      <c r="AJ19760">
        <v>38</v>
      </c>
      <c r="AK19760">
        <v>38</v>
      </c>
      <c r="AL19760">
        <v>38</v>
      </c>
      <c r="AM19760">
        <v>38</v>
      </c>
      <c r="AN19760">
        <v>39</v>
      </c>
      <c r="AO19760">
        <v>39</v>
      </c>
      <c r="AP19760">
        <v>39</v>
      </c>
      <c r="AQ19760">
        <v>39</v>
      </c>
    </row>
    <row r="19761" spans="1:43">
      <c r="A19761" t="s">
        <v>12236</v>
      </c>
      <c r="B19761" t="s">
        <v>12237</v>
      </c>
      <c r="C19761" t="s">
        <v>12230</v>
      </c>
      <c r="D19761" t="s">
        <v>12231</v>
      </c>
      <c r="E19761" t="s">
        <v>12188</v>
      </c>
      <c r="F19761" t="s">
        <v>12189</v>
      </c>
      <c r="G19761" t="s">
        <v>10450</v>
      </c>
      <c r="H19761" t="s">
        <v>10451</v>
      </c>
      <c r="I19761" s="2">
        <v>1</v>
      </c>
      <c r="J19761" s="2">
        <v>0</v>
      </c>
      <c r="K19761" s="2">
        <v>0</v>
      </c>
      <c r="L19761" t="s">
        <v>120</v>
      </c>
      <c r="M19761" t="s">
        <v>83</v>
      </c>
      <c r="N19761" t="s">
        <v>91</v>
      </c>
      <c r="O19761" t="s">
        <v>85</v>
      </c>
      <c r="P19761" t="s">
        <v>86</v>
      </c>
      <c r="Q19761">
        <v>27</v>
      </c>
      <c r="R19761">
        <v>27</v>
      </c>
      <c r="S19761">
        <v>28</v>
      </c>
      <c r="T19761">
        <v>28</v>
      </c>
      <c r="U19761">
        <v>29</v>
      </c>
      <c r="V19761">
        <v>29</v>
      </c>
      <c r="W19761">
        <v>30</v>
      </c>
      <c r="X19761">
        <v>30</v>
      </c>
      <c r="Y19761">
        <v>31</v>
      </c>
      <c r="Z19761">
        <v>31</v>
      </c>
      <c r="AA19761">
        <v>32</v>
      </c>
      <c r="AB19761">
        <v>32</v>
      </c>
      <c r="AC19761">
        <v>33</v>
      </c>
      <c r="AD19761">
        <v>33</v>
      </c>
      <c r="AE19761">
        <v>34</v>
      </c>
      <c r="AF19761">
        <v>35</v>
      </c>
      <c r="AG19761">
        <v>35</v>
      </c>
      <c r="AH19761">
        <v>36</v>
      </c>
      <c r="AI19761">
        <v>36</v>
      </c>
      <c r="AJ19761">
        <v>37</v>
      </c>
      <c r="AK19761">
        <v>37</v>
      </c>
      <c r="AL19761">
        <v>38</v>
      </c>
      <c r="AM19761">
        <v>38</v>
      </c>
      <c r="AN19761">
        <v>38</v>
      </c>
      <c r="AO19761">
        <v>38</v>
      </c>
      <c r="AP19761">
        <v>39</v>
      </c>
      <c r="AQ19761">
        <v>39</v>
      </c>
    </row>
    <row r="19762" spans="1:43">
      <c r="A19762" t="s">
        <v>12238</v>
      </c>
      <c r="B19762" t="s">
        <v>12239</v>
      </c>
      <c r="C19762" t="s">
        <v>12230</v>
      </c>
      <c r="D19762" t="s">
        <v>12231</v>
      </c>
      <c r="E19762" t="s">
        <v>12188</v>
      </c>
      <c r="F19762" t="s">
        <v>12189</v>
      </c>
      <c r="G19762" t="s">
        <v>10450</v>
      </c>
      <c r="H19762" t="s">
        <v>10451</v>
      </c>
      <c r="I19762" s="2">
        <v>1</v>
      </c>
      <c r="J19762" s="2">
        <v>0</v>
      </c>
      <c r="K19762" s="2">
        <v>0</v>
      </c>
      <c r="L19762" t="s">
        <v>120</v>
      </c>
      <c r="M19762" t="s">
        <v>83</v>
      </c>
      <c r="N19762" t="s">
        <v>84</v>
      </c>
      <c r="O19762" t="s">
        <v>85</v>
      </c>
      <c r="P19762" t="s">
        <v>86</v>
      </c>
      <c r="Q19762">
        <v>18</v>
      </c>
      <c r="R19762">
        <v>18</v>
      </c>
      <c r="S19762">
        <v>19</v>
      </c>
      <c r="T19762">
        <v>19</v>
      </c>
      <c r="U19762">
        <v>19</v>
      </c>
      <c r="V19762">
        <v>20</v>
      </c>
      <c r="W19762">
        <v>20</v>
      </c>
      <c r="X19762">
        <v>20</v>
      </c>
      <c r="Y19762">
        <v>21</v>
      </c>
      <c r="Z19762">
        <v>21</v>
      </c>
      <c r="AA19762">
        <v>21</v>
      </c>
      <c r="AB19762">
        <v>22</v>
      </c>
      <c r="AC19762">
        <v>22</v>
      </c>
      <c r="AD19762">
        <v>22</v>
      </c>
      <c r="AE19762">
        <v>23</v>
      </c>
      <c r="AF19762">
        <v>23</v>
      </c>
      <c r="AG19762">
        <v>24</v>
      </c>
      <c r="AH19762">
        <v>24</v>
      </c>
      <c r="AI19762">
        <v>24</v>
      </c>
      <c r="AJ19762">
        <v>25</v>
      </c>
      <c r="AK19762">
        <v>25</v>
      </c>
      <c r="AL19762">
        <v>25</v>
      </c>
      <c r="AM19762">
        <v>26</v>
      </c>
      <c r="AN19762">
        <v>26</v>
      </c>
      <c r="AO19762">
        <v>26</v>
      </c>
      <c r="AP19762">
        <v>26</v>
      </c>
      <c r="AQ19762">
        <v>26</v>
      </c>
    </row>
    <row r="19763" spans="1:43">
      <c r="A19763" t="s">
        <v>12238</v>
      </c>
      <c r="B19763" t="s">
        <v>12239</v>
      </c>
      <c r="C19763" t="s">
        <v>12230</v>
      </c>
      <c r="D19763" t="s">
        <v>12231</v>
      </c>
      <c r="E19763" t="s">
        <v>12188</v>
      </c>
      <c r="F19763" t="s">
        <v>12189</v>
      </c>
      <c r="G19763" t="s">
        <v>10450</v>
      </c>
      <c r="H19763" t="s">
        <v>10451</v>
      </c>
      <c r="I19763" s="2">
        <v>1</v>
      </c>
      <c r="J19763" s="2">
        <v>0</v>
      </c>
      <c r="K19763" s="2">
        <v>0</v>
      </c>
      <c r="L19763" t="s">
        <v>120</v>
      </c>
      <c r="M19763" t="s">
        <v>87</v>
      </c>
      <c r="N19763" t="s">
        <v>88</v>
      </c>
      <c r="O19763" t="s">
        <v>85</v>
      </c>
      <c r="P19763" t="s">
        <v>86</v>
      </c>
      <c r="Q19763">
        <v>18</v>
      </c>
      <c r="R19763">
        <v>18</v>
      </c>
      <c r="S19763">
        <v>18</v>
      </c>
      <c r="T19763">
        <v>18</v>
      </c>
      <c r="U19763">
        <v>18</v>
      </c>
      <c r="V19763">
        <v>19</v>
      </c>
      <c r="W19763">
        <v>19</v>
      </c>
      <c r="X19763">
        <v>19</v>
      </c>
      <c r="Y19763">
        <v>19</v>
      </c>
      <c r="Z19763">
        <v>19</v>
      </c>
      <c r="AA19763">
        <v>20</v>
      </c>
      <c r="AB19763">
        <v>20</v>
      </c>
      <c r="AC19763">
        <v>20</v>
      </c>
      <c r="AD19763">
        <v>20</v>
      </c>
      <c r="AE19763">
        <v>20</v>
      </c>
      <c r="AF19763">
        <v>20</v>
      </c>
      <c r="AG19763">
        <v>21</v>
      </c>
      <c r="AH19763">
        <v>21</v>
      </c>
      <c r="AI19763">
        <v>21</v>
      </c>
      <c r="AJ19763">
        <v>21</v>
      </c>
      <c r="AK19763">
        <v>21</v>
      </c>
      <c r="AL19763">
        <v>22</v>
      </c>
      <c r="AM19763">
        <v>22</v>
      </c>
      <c r="AN19763">
        <v>22</v>
      </c>
      <c r="AO19763">
        <v>22</v>
      </c>
      <c r="AP19763">
        <v>23</v>
      </c>
      <c r="AQ19763">
        <v>23</v>
      </c>
    </row>
    <row r="19764" spans="1:43">
      <c r="A19764" t="s">
        <v>12238</v>
      </c>
      <c r="B19764" t="s">
        <v>12239</v>
      </c>
      <c r="C19764" t="s">
        <v>12230</v>
      </c>
      <c r="D19764" t="s">
        <v>12231</v>
      </c>
      <c r="E19764" t="s">
        <v>12188</v>
      </c>
      <c r="F19764" t="s">
        <v>12189</v>
      </c>
      <c r="G19764" t="s">
        <v>10450</v>
      </c>
      <c r="H19764" t="s">
        <v>10451</v>
      </c>
      <c r="I19764" s="2">
        <v>1</v>
      </c>
      <c r="J19764" s="2">
        <v>0</v>
      </c>
      <c r="K19764" s="2">
        <v>0</v>
      </c>
      <c r="L19764" t="s">
        <v>120</v>
      </c>
      <c r="M19764" t="s">
        <v>89</v>
      </c>
      <c r="N19764" t="s">
        <v>90</v>
      </c>
      <c r="O19764" t="s">
        <v>85</v>
      </c>
      <c r="P19764" t="s">
        <v>86</v>
      </c>
      <c r="Q19764">
        <v>18</v>
      </c>
      <c r="R19764">
        <v>19</v>
      </c>
      <c r="S19764">
        <v>19</v>
      </c>
      <c r="T19764">
        <v>20</v>
      </c>
      <c r="U19764">
        <v>20</v>
      </c>
      <c r="V19764">
        <v>21</v>
      </c>
      <c r="W19764">
        <v>21</v>
      </c>
      <c r="X19764">
        <v>21</v>
      </c>
      <c r="Y19764">
        <v>22</v>
      </c>
      <c r="Z19764">
        <v>22</v>
      </c>
      <c r="AA19764">
        <v>23</v>
      </c>
      <c r="AB19764">
        <v>23</v>
      </c>
      <c r="AC19764">
        <v>24</v>
      </c>
      <c r="AD19764">
        <v>24</v>
      </c>
      <c r="AE19764">
        <v>24</v>
      </c>
      <c r="AF19764">
        <v>25</v>
      </c>
      <c r="AG19764">
        <v>25</v>
      </c>
      <c r="AH19764">
        <v>25</v>
      </c>
      <c r="AI19764">
        <v>25</v>
      </c>
      <c r="AJ19764">
        <v>25</v>
      </c>
      <c r="AK19764">
        <v>25</v>
      </c>
      <c r="AL19764">
        <v>26</v>
      </c>
      <c r="AM19764">
        <v>26</v>
      </c>
      <c r="AN19764">
        <v>26</v>
      </c>
      <c r="AO19764">
        <v>26</v>
      </c>
      <c r="AP19764">
        <v>26</v>
      </c>
      <c r="AQ19764">
        <v>26</v>
      </c>
    </row>
    <row r="19765" spans="1:43">
      <c r="A19765" t="s">
        <v>12238</v>
      </c>
      <c r="B19765" t="s">
        <v>12239</v>
      </c>
      <c r="C19765" t="s">
        <v>12230</v>
      </c>
      <c r="D19765" t="s">
        <v>12231</v>
      </c>
      <c r="E19765" t="s">
        <v>12188</v>
      </c>
      <c r="F19765" t="s">
        <v>12189</v>
      </c>
      <c r="G19765" t="s">
        <v>10450</v>
      </c>
      <c r="H19765" t="s">
        <v>10451</v>
      </c>
      <c r="I19765" s="2">
        <v>1</v>
      </c>
      <c r="J19765" s="2">
        <v>0</v>
      </c>
      <c r="K19765" s="2">
        <v>0</v>
      </c>
      <c r="L19765" t="s">
        <v>120</v>
      </c>
      <c r="M19765" t="s">
        <v>83</v>
      </c>
      <c r="N19765" t="s">
        <v>91</v>
      </c>
      <c r="O19765" t="s">
        <v>85</v>
      </c>
      <c r="P19765" t="s">
        <v>86</v>
      </c>
      <c r="Q19765">
        <v>18</v>
      </c>
      <c r="R19765">
        <v>18</v>
      </c>
      <c r="S19765">
        <v>19</v>
      </c>
      <c r="T19765">
        <v>19</v>
      </c>
      <c r="U19765">
        <v>19</v>
      </c>
      <c r="V19765">
        <v>20</v>
      </c>
      <c r="W19765">
        <v>20</v>
      </c>
      <c r="X19765">
        <v>20</v>
      </c>
      <c r="Y19765">
        <v>21</v>
      </c>
      <c r="Z19765">
        <v>21</v>
      </c>
      <c r="AA19765">
        <v>21</v>
      </c>
      <c r="AB19765">
        <v>22</v>
      </c>
      <c r="AC19765">
        <v>22</v>
      </c>
      <c r="AD19765">
        <v>22</v>
      </c>
      <c r="AE19765">
        <v>23</v>
      </c>
      <c r="AF19765">
        <v>23</v>
      </c>
      <c r="AG19765">
        <v>24</v>
      </c>
      <c r="AH19765">
        <v>24</v>
      </c>
      <c r="AI19765">
        <v>24</v>
      </c>
      <c r="AJ19765">
        <v>25</v>
      </c>
      <c r="AK19765">
        <v>25</v>
      </c>
      <c r="AL19765">
        <v>25</v>
      </c>
      <c r="AM19765">
        <v>26</v>
      </c>
      <c r="AN19765">
        <v>26</v>
      </c>
      <c r="AO19765">
        <v>26</v>
      </c>
      <c r="AP19765">
        <v>26</v>
      </c>
      <c r="AQ19765">
        <v>26</v>
      </c>
    </row>
    <row r="19766" spans="1:43">
      <c r="A19766" t="s">
        <v>12240</v>
      </c>
      <c r="B19766" t="s">
        <v>12241</v>
      </c>
      <c r="C19766" t="s">
        <v>12242</v>
      </c>
      <c r="D19766" t="s">
        <v>12243</v>
      </c>
      <c r="E19766" t="s">
        <v>12188</v>
      </c>
      <c r="F19766" t="s">
        <v>12189</v>
      </c>
      <c r="G19766" t="s">
        <v>10450</v>
      </c>
      <c r="H19766" t="s">
        <v>10451</v>
      </c>
      <c r="I19766" s="2">
        <v>0.85</v>
      </c>
      <c r="J19766" s="2">
        <v>0</v>
      </c>
      <c r="K19766" s="2">
        <v>0</v>
      </c>
      <c r="L19766" t="s">
        <v>120</v>
      </c>
      <c r="M19766" t="s">
        <v>83</v>
      </c>
      <c r="N19766" t="s">
        <v>84</v>
      </c>
      <c r="O19766" t="s">
        <v>85</v>
      </c>
      <c r="P19766" t="s">
        <v>86</v>
      </c>
      <c r="Q19766">
        <v>32</v>
      </c>
      <c r="R19766">
        <v>32</v>
      </c>
      <c r="S19766">
        <v>33</v>
      </c>
      <c r="T19766">
        <v>34</v>
      </c>
      <c r="U19766">
        <v>34</v>
      </c>
      <c r="V19766">
        <v>35</v>
      </c>
      <c r="W19766">
        <v>35</v>
      </c>
      <c r="X19766">
        <v>36</v>
      </c>
      <c r="Y19766">
        <v>37</v>
      </c>
      <c r="Z19766">
        <v>37</v>
      </c>
      <c r="AA19766">
        <v>38</v>
      </c>
      <c r="AB19766">
        <v>38</v>
      </c>
      <c r="AC19766">
        <v>39</v>
      </c>
      <c r="AD19766">
        <v>40</v>
      </c>
      <c r="AE19766">
        <v>40</v>
      </c>
      <c r="AF19766">
        <v>41</v>
      </c>
      <c r="AG19766">
        <v>42</v>
      </c>
      <c r="AH19766">
        <v>42</v>
      </c>
      <c r="AI19766">
        <v>43</v>
      </c>
      <c r="AJ19766">
        <v>44</v>
      </c>
      <c r="AK19766">
        <v>44</v>
      </c>
      <c r="AL19766">
        <v>45</v>
      </c>
      <c r="AM19766">
        <v>45</v>
      </c>
      <c r="AN19766">
        <v>45</v>
      </c>
      <c r="AO19766">
        <v>46</v>
      </c>
      <c r="AP19766">
        <v>46</v>
      </c>
      <c r="AQ19766">
        <v>46</v>
      </c>
    </row>
    <row r="19767" spans="1:43">
      <c r="A19767" t="s">
        <v>12240</v>
      </c>
      <c r="B19767" t="s">
        <v>12241</v>
      </c>
      <c r="C19767" t="s">
        <v>12242</v>
      </c>
      <c r="D19767" t="s">
        <v>12243</v>
      </c>
      <c r="E19767" t="s">
        <v>12188</v>
      </c>
      <c r="F19767" t="s">
        <v>12189</v>
      </c>
      <c r="G19767" t="s">
        <v>10450</v>
      </c>
      <c r="H19767" t="s">
        <v>10451</v>
      </c>
      <c r="I19767" s="2">
        <v>0.85</v>
      </c>
      <c r="J19767" s="2">
        <v>0</v>
      </c>
      <c r="K19767" s="2">
        <v>0</v>
      </c>
      <c r="L19767" t="s">
        <v>120</v>
      </c>
      <c r="M19767" t="s">
        <v>87</v>
      </c>
      <c r="N19767" t="s">
        <v>88</v>
      </c>
      <c r="O19767" t="s">
        <v>85</v>
      </c>
      <c r="P19767" t="s">
        <v>86</v>
      </c>
      <c r="Q19767">
        <v>32</v>
      </c>
      <c r="R19767">
        <v>33</v>
      </c>
      <c r="S19767">
        <v>33</v>
      </c>
      <c r="T19767">
        <v>33</v>
      </c>
      <c r="U19767">
        <v>34</v>
      </c>
      <c r="V19767">
        <v>34</v>
      </c>
      <c r="W19767">
        <v>34</v>
      </c>
      <c r="X19767">
        <v>35</v>
      </c>
      <c r="Y19767">
        <v>35</v>
      </c>
      <c r="Z19767">
        <v>35</v>
      </c>
      <c r="AA19767">
        <v>36</v>
      </c>
      <c r="AB19767">
        <v>36</v>
      </c>
      <c r="AC19767">
        <v>36</v>
      </c>
      <c r="AD19767">
        <v>36</v>
      </c>
      <c r="AE19767">
        <v>37</v>
      </c>
      <c r="AF19767">
        <v>37</v>
      </c>
      <c r="AG19767">
        <v>37</v>
      </c>
      <c r="AH19767">
        <v>38</v>
      </c>
      <c r="AI19767">
        <v>38</v>
      </c>
      <c r="AJ19767">
        <v>39</v>
      </c>
      <c r="AK19767">
        <v>39</v>
      </c>
      <c r="AL19767">
        <v>39</v>
      </c>
      <c r="AM19767">
        <v>40</v>
      </c>
      <c r="AN19767">
        <v>40</v>
      </c>
      <c r="AO19767">
        <v>40</v>
      </c>
      <c r="AP19767">
        <v>41</v>
      </c>
      <c r="AQ19767">
        <v>41</v>
      </c>
    </row>
    <row r="19768" spans="1:43">
      <c r="A19768" t="s">
        <v>12240</v>
      </c>
      <c r="B19768" t="s">
        <v>12241</v>
      </c>
      <c r="C19768" t="s">
        <v>12242</v>
      </c>
      <c r="D19768" t="s">
        <v>12243</v>
      </c>
      <c r="E19768" t="s">
        <v>12188</v>
      </c>
      <c r="F19768" t="s">
        <v>12189</v>
      </c>
      <c r="G19768" t="s">
        <v>10450</v>
      </c>
      <c r="H19768" t="s">
        <v>10451</v>
      </c>
      <c r="I19768" s="2">
        <v>0.85</v>
      </c>
      <c r="J19768" s="2">
        <v>0</v>
      </c>
      <c r="K19768" s="2">
        <v>0</v>
      </c>
      <c r="L19768" t="s">
        <v>120</v>
      </c>
      <c r="M19768" t="s">
        <v>89</v>
      </c>
      <c r="N19768" t="s">
        <v>90</v>
      </c>
      <c r="O19768" t="s">
        <v>85</v>
      </c>
      <c r="P19768" t="s">
        <v>86</v>
      </c>
      <c r="Q19768">
        <v>32</v>
      </c>
      <c r="R19768">
        <v>33</v>
      </c>
      <c r="S19768">
        <v>34</v>
      </c>
      <c r="T19768">
        <v>35</v>
      </c>
      <c r="U19768">
        <v>36</v>
      </c>
      <c r="V19768">
        <v>36</v>
      </c>
      <c r="W19768">
        <v>37</v>
      </c>
      <c r="X19768">
        <v>38</v>
      </c>
      <c r="Y19768">
        <v>39</v>
      </c>
      <c r="Z19768">
        <v>40</v>
      </c>
      <c r="AA19768">
        <v>40</v>
      </c>
      <c r="AB19768">
        <v>41</v>
      </c>
      <c r="AC19768">
        <v>42</v>
      </c>
      <c r="AD19768">
        <v>43</v>
      </c>
      <c r="AE19768">
        <v>43</v>
      </c>
      <c r="AF19768">
        <v>44</v>
      </c>
      <c r="AG19768">
        <v>44</v>
      </c>
      <c r="AH19768">
        <v>44</v>
      </c>
      <c r="AI19768">
        <v>44</v>
      </c>
      <c r="AJ19768">
        <v>45</v>
      </c>
      <c r="AK19768">
        <v>45</v>
      </c>
      <c r="AL19768">
        <v>45</v>
      </c>
      <c r="AM19768">
        <v>45</v>
      </c>
      <c r="AN19768">
        <v>46</v>
      </c>
      <c r="AO19768">
        <v>46</v>
      </c>
      <c r="AP19768">
        <v>46</v>
      </c>
      <c r="AQ19768">
        <v>47</v>
      </c>
    </row>
    <row r="19769" spans="1:43">
      <c r="A19769" t="s">
        <v>12240</v>
      </c>
      <c r="B19769" t="s">
        <v>12241</v>
      </c>
      <c r="C19769" t="s">
        <v>12242</v>
      </c>
      <c r="D19769" t="s">
        <v>12243</v>
      </c>
      <c r="E19769" t="s">
        <v>12188</v>
      </c>
      <c r="F19769" t="s">
        <v>12189</v>
      </c>
      <c r="G19769" t="s">
        <v>10450</v>
      </c>
      <c r="H19769" t="s">
        <v>10451</v>
      </c>
      <c r="I19769" s="2">
        <v>0.85</v>
      </c>
      <c r="J19769" s="2">
        <v>0</v>
      </c>
      <c r="K19769" s="2">
        <v>0</v>
      </c>
      <c r="L19769" t="s">
        <v>120</v>
      </c>
      <c r="M19769" t="s">
        <v>83</v>
      </c>
      <c r="N19769" t="s">
        <v>91</v>
      </c>
      <c r="O19769" t="s">
        <v>85</v>
      </c>
      <c r="P19769" t="s">
        <v>86</v>
      </c>
      <c r="Q19769">
        <v>32</v>
      </c>
      <c r="R19769">
        <v>32</v>
      </c>
      <c r="S19769">
        <v>33</v>
      </c>
      <c r="T19769">
        <v>34</v>
      </c>
      <c r="U19769">
        <v>34</v>
      </c>
      <c r="V19769">
        <v>35</v>
      </c>
      <c r="W19769">
        <v>35</v>
      </c>
      <c r="X19769">
        <v>36</v>
      </c>
      <c r="Y19769">
        <v>37</v>
      </c>
      <c r="Z19769">
        <v>37</v>
      </c>
      <c r="AA19769">
        <v>38</v>
      </c>
      <c r="AB19769">
        <v>38</v>
      </c>
      <c r="AC19769">
        <v>39</v>
      </c>
      <c r="AD19769">
        <v>40</v>
      </c>
      <c r="AE19769">
        <v>40</v>
      </c>
      <c r="AF19769">
        <v>41</v>
      </c>
      <c r="AG19769">
        <v>42</v>
      </c>
      <c r="AH19769">
        <v>42</v>
      </c>
      <c r="AI19769">
        <v>43</v>
      </c>
      <c r="AJ19769">
        <v>44</v>
      </c>
      <c r="AK19769">
        <v>44</v>
      </c>
      <c r="AL19769">
        <v>45</v>
      </c>
      <c r="AM19769">
        <v>45</v>
      </c>
      <c r="AN19769">
        <v>45</v>
      </c>
      <c r="AO19769">
        <v>46</v>
      </c>
      <c r="AP19769">
        <v>46</v>
      </c>
      <c r="AQ19769">
        <v>46</v>
      </c>
    </row>
    <row r="19770" spans="1:43">
      <c r="A19770" t="s">
        <v>12244</v>
      </c>
      <c r="B19770" t="s">
        <v>12245</v>
      </c>
      <c r="C19770" t="s">
        <v>12242</v>
      </c>
      <c r="D19770" t="s">
        <v>12243</v>
      </c>
      <c r="E19770" t="s">
        <v>12188</v>
      </c>
      <c r="F19770" t="s">
        <v>12189</v>
      </c>
      <c r="G19770" t="s">
        <v>10450</v>
      </c>
      <c r="H19770" t="s">
        <v>10451</v>
      </c>
      <c r="I19770" s="2">
        <v>1</v>
      </c>
      <c r="J19770" s="2">
        <v>0</v>
      </c>
      <c r="K19770" s="2">
        <v>0</v>
      </c>
      <c r="L19770" t="s">
        <v>120</v>
      </c>
      <c r="M19770" t="s">
        <v>83</v>
      </c>
      <c r="N19770" t="s">
        <v>84</v>
      </c>
      <c r="O19770" t="s">
        <v>85</v>
      </c>
      <c r="P19770" t="s">
        <v>86</v>
      </c>
      <c r="Q19770">
        <v>38</v>
      </c>
      <c r="R19770">
        <v>38</v>
      </c>
      <c r="S19770">
        <v>39</v>
      </c>
      <c r="T19770">
        <v>40</v>
      </c>
      <c r="U19770">
        <v>40</v>
      </c>
      <c r="V19770">
        <v>41</v>
      </c>
      <c r="W19770">
        <v>42</v>
      </c>
      <c r="X19770">
        <v>43</v>
      </c>
      <c r="Y19770">
        <v>43</v>
      </c>
      <c r="Z19770">
        <v>44</v>
      </c>
      <c r="AA19770">
        <v>45</v>
      </c>
      <c r="AB19770">
        <v>45</v>
      </c>
      <c r="AC19770">
        <v>46</v>
      </c>
      <c r="AD19770">
        <v>47</v>
      </c>
      <c r="AE19770">
        <v>48</v>
      </c>
      <c r="AF19770">
        <v>48</v>
      </c>
      <c r="AG19770">
        <v>49</v>
      </c>
      <c r="AH19770">
        <v>50</v>
      </c>
      <c r="AI19770">
        <v>51</v>
      </c>
      <c r="AJ19770">
        <v>51</v>
      </c>
      <c r="AK19770">
        <v>52</v>
      </c>
      <c r="AL19770">
        <v>53</v>
      </c>
      <c r="AM19770">
        <v>53</v>
      </c>
      <c r="AN19770">
        <v>53</v>
      </c>
      <c r="AO19770">
        <v>54</v>
      </c>
      <c r="AP19770">
        <v>54</v>
      </c>
      <c r="AQ19770">
        <v>54</v>
      </c>
    </row>
    <row r="19771" spans="1:43">
      <c r="A19771" t="s">
        <v>12244</v>
      </c>
      <c r="B19771" t="s">
        <v>12245</v>
      </c>
      <c r="C19771" t="s">
        <v>12242</v>
      </c>
      <c r="D19771" t="s">
        <v>12243</v>
      </c>
      <c r="E19771" t="s">
        <v>12188</v>
      </c>
      <c r="F19771" t="s">
        <v>12189</v>
      </c>
      <c r="G19771" t="s">
        <v>10450</v>
      </c>
      <c r="H19771" t="s">
        <v>10451</v>
      </c>
      <c r="I19771" s="2">
        <v>1</v>
      </c>
      <c r="J19771" s="2">
        <v>0</v>
      </c>
      <c r="K19771" s="2">
        <v>0</v>
      </c>
      <c r="L19771" t="s">
        <v>120</v>
      </c>
      <c r="M19771" t="s">
        <v>87</v>
      </c>
      <c r="N19771" t="s">
        <v>88</v>
      </c>
      <c r="O19771" t="s">
        <v>85</v>
      </c>
      <c r="P19771" t="s">
        <v>86</v>
      </c>
      <c r="Q19771">
        <v>38</v>
      </c>
      <c r="R19771">
        <v>39</v>
      </c>
      <c r="S19771">
        <v>39</v>
      </c>
      <c r="T19771">
        <v>39</v>
      </c>
      <c r="U19771">
        <v>40</v>
      </c>
      <c r="V19771">
        <v>40</v>
      </c>
      <c r="W19771">
        <v>40</v>
      </c>
      <c r="X19771">
        <v>41</v>
      </c>
      <c r="Y19771">
        <v>41</v>
      </c>
      <c r="Z19771">
        <v>41</v>
      </c>
      <c r="AA19771">
        <v>42</v>
      </c>
      <c r="AB19771">
        <v>42</v>
      </c>
      <c r="AC19771">
        <v>43</v>
      </c>
      <c r="AD19771">
        <v>43</v>
      </c>
      <c r="AE19771">
        <v>43</v>
      </c>
      <c r="AF19771">
        <v>44</v>
      </c>
      <c r="AG19771">
        <v>44</v>
      </c>
      <c r="AH19771">
        <v>45</v>
      </c>
      <c r="AI19771">
        <v>45</v>
      </c>
      <c r="AJ19771">
        <v>46</v>
      </c>
      <c r="AK19771">
        <v>46</v>
      </c>
      <c r="AL19771">
        <v>46</v>
      </c>
      <c r="AM19771">
        <v>47</v>
      </c>
      <c r="AN19771">
        <v>47</v>
      </c>
      <c r="AO19771">
        <v>48</v>
      </c>
      <c r="AP19771">
        <v>48</v>
      </c>
      <c r="AQ19771">
        <v>49</v>
      </c>
    </row>
    <row r="19772" spans="1:43">
      <c r="A19772" t="s">
        <v>12244</v>
      </c>
      <c r="B19772" t="s">
        <v>12245</v>
      </c>
      <c r="C19772" t="s">
        <v>12242</v>
      </c>
      <c r="D19772" t="s">
        <v>12243</v>
      </c>
      <c r="E19772" t="s">
        <v>12188</v>
      </c>
      <c r="F19772" t="s">
        <v>12189</v>
      </c>
      <c r="G19772" t="s">
        <v>10450</v>
      </c>
      <c r="H19772" t="s">
        <v>10451</v>
      </c>
      <c r="I19772" s="2">
        <v>1</v>
      </c>
      <c r="J19772" s="2">
        <v>0</v>
      </c>
      <c r="K19772" s="2">
        <v>0</v>
      </c>
      <c r="L19772" t="s">
        <v>120</v>
      </c>
      <c r="M19772" t="s">
        <v>89</v>
      </c>
      <c r="N19772" t="s">
        <v>90</v>
      </c>
      <c r="O19772" t="s">
        <v>85</v>
      </c>
      <c r="P19772" t="s">
        <v>86</v>
      </c>
      <c r="Q19772">
        <v>38</v>
      </c>
      <c r="R19772">
        <v>39</v>
      </c>
      <c r="S19772">
        <v>40</v>
      </c>
      <c r="T19772">
        <v>41</v>
      </c>
      <c r="U19772">
        <v>42</v>
      </c>
      <c r="V19772">
        <v>43</v>
      </c>
      <c r="W19772">
        <v>44</v>
      </c>
      <c r="X19772">
        <v>45</v>
      </c>
      <c r="Y19772">
        <v>46</v>
      </c>
      <c r="Z19772">
        <v>46</v>
      </c>
      <c r="AA19772">
        <v>47</v>
      </c>
      <c r="AB19772">
        <v>48</v>
      </c>
      <c r="AC19772">
        <v>49</v>
      </c>
      <c r="AD19772">
        <v>50</v>
      </c>
      <c r="AE19772">
        <v>51</v>
      </c>
      <c r="AF19772">
        <v>51</v>
      </c>
      <c r="AG19772">
        <v>51</v>
      </c>
      <c r="AH19772">
        <v>52</v>
      </c>
      <c r="AI19772">
        <v>52</v>
      </c>
      <c r="AJ19772">
        <v>52</v>
      </c>
      <c r="AK19772">
        <v>53</v>
      </c>
      <c r="AL19772">
        <v>53</v>
      </c>
      <c r="AM19772">
        <v>53</v>
      </c>
      <c r="AN19772">
        <v>54</v>
      </c>
      <c r="AO19772">
        <v>54</v>
      </c>
      <c r="AP19772">
        <v>54</v>
      </c>
      <c r="AQ19772">
        <v>55</v>
      </c>
    </row>
    <row r="19773" spans="1:43">
      <c r="A19773" t="s">
        <v>12244</v>
      </c>
      <c r="B19773" t="s">
        <v>12245</v>
      </c>
      <c r="C19773" t="s">
        <v>12242</v>
      </c>
      <c r="D19773" t="s">
        <v>12243</v>
      </c>
      <c r="E19773" t="s">
        <v>12188</v>
      </c>
      <c r="F19773" t="s">
        <v>12189</v>
      </c>
      <c r="G19773" t="s">
        <v>10450</v>
      </c>
      <c r="H19773" t="s">
        <v>10451</v>
      </c>
      <c r="I19773" s="2">
        <v>1</v>
      </c>
      <c r="J19773" s="2">
        <v>0</v>
      </c>
      <c r="K19773" s="2">
        <v>0</v>
      </c>
      <c r="L19773" t="s">
        <v>120</v>
      </c>
      <c r="M19773" t="s">
        <v>83</v>
      </c>
      <c r="N19773" t="s">
        <v>91</v>
      </c>
      <c r="O19773" t="s">
        <v>85</v>
      </c>
      <c r="P19773" t="s">
        <v>86</v>
      </c>
      <c r="Q19773">
        <v>38</v>
      </c>
      <c r="R19773">
        <v>38</v>
      </c>
      <c r="S19773">
        <v>39</v>
      </c>
      <c r="T19773">
        <v>40</v>
      </c>
      <c r="U19773">
        <v>40</v>
      </c>
      <c r="V19773">
        <v>41</v>
      </c>
      <c r="W19773">
        <v>42</v>
      </c>
      <c r="X19773">
        <v>43</v>
      </c>
      <c r="Y19773">
        <v>43</v>
      </c>
      <c r="Z19773">
        <v>44</v>
      </c>
      <c r="AA19773">
        <v>45</v>
      </c>
      <c r="AB19773">
        <v>45</v>
      </c>
      <c r="AC19773">
        <v>46</v>
      </c>
      <c r="AD19773">
        <v>47</v>
      </c>
      <c r="AE19773">
        <v>48</v>
      </c>
      <c r="AF19773">
        <v>48</v>
      </c>
      <c r="AG19773">
        <v>49</v>
      </c>
      <c r="AH19773">
        <v>50</v>
      </c>
      <c r="AI19773">
        <v>51</v>
      </c>
      <c r="AJ19773">
        <v>51</v>
      </c>
      <c r="AK19773">
        <v>52</v>
      </c>
      <c r="AL19773">
        <v>53</v>
      </c>
      <c r="AM19773">
        <v>53</v>
      </c>
      <c r="AN19773">
        <v>53</v>
      </c>
      <c r="AO19773">
        <v>54</v>
      </c>
      <c r="AP19773">
        <v>54</v>
      </c>
      <c r="AQ19773">
        <v>54</v>
      </c>
    </row>
    <row r="19774" spans="1:43">
      <c r="A19774" t="s">
        <v>12246</v>
      </c>
      <c r="B19774" t="s">
        <v>12247</v>
      </c>
      <c r="C19774" t="s">
        <v>12242</v>
      </c>
      <c r="D19774" t="s">
        <v>12243</v>
      </c>
      <c r="E19774" t="s">
        <v>12188</v>
      </c>
      <c r="F19774" t="s">
        <v>12189</v>
      </c>
      <c r="G19774" t="s">
        <v>10450</v>
      </c>
      <c r="H19774" t="s">
        <v>10451</v>
      </c>
      <c r="I19774" s="2">
        <v>1</v>
      </c>
      <c r="J19774" s="2">
        <v>0</v>
      </c>
      <c r="K19774" s="2">
        <v>0</v>
      </c>
      <c r="L19774" t="s">
        <v>120</v>
      </c>
      <c r="M19774" t="s">
        <v>83</v>
      </c>
      <c r="N19774" t="s">
        <v>84</v>
      </c>
      <c r="O19774" t="s">
        <v>85</v>
      </c>
      <c r="P19774" t="s">
        <v>86</v>
      </c>
      <c r="Q19774">
        <v>9</v>
      </c>
      <c r="R19774">
        <v>9</v>
      </c>
      <c r="S19774">
        <v>9</v>
      </c>
      <c r="T19774">
        <v>10</v>
      </c>
      <c r="U19774">
        <v>10</v>
      </c>
      <c r="V19774">
        <v>10</v>
      </c>
      <c r="W19774">
        <v>10</v>
      </c>
      <c r="X19774">
        <v>10</v>
      </c>
      <c r="Y19774">
        <v>11</v>
      </c>
      <c r="Z19774">
        <v>11</v>
      </c>
      <c r="AA19774">
        <v>11</v>
      </c>
      <c r="AB19774">
        <v>11</v>
      </c>
      <c r="AC19774">
        <v>11</v>
      </c>
      <c r="AD19774">
        <v>11</v>
      </c>
      <c r="AE19774">
        <v>12</v>
      </c>
      <c r="AF19774">
        <v>12</v>
      </c>
      <c r="AG19774">
        <v>12</v>
      </c>
      <c r="AH19774">
        <v>12</v>
      </c>
      <c r="AI19774">
        <v>12</v>
      </c>
      <c r="AJ19774">
        <v>12</v>
      </c>
      <c r="AK19774">
        <v>13</v>
      </c>
      <c r="AL19774">
        <v>13</v>
      </c>
      <c r="AM19774">
        <v>13</v>
      </c>
      <c r="AN19774">
        <v>13</v>
      </c>
      <c r="AO19774">
        <v>13</v>
      </c>
      <c r="AP19774">
        <v>13</v>
      </c>
      <c r="AQ19774">
        <v>13</v>
      </c>
    </row>
    <row r="19775" spans="1:43">
      <c r="A19775" t="s">
        <v>12246</v>
      </c>
      <c r="B19775" t="s">
        <v>12247</v>
      </c>
      <c r="C19775" t="s">
        <v>12242</v>
      </c>
      <c r="D19775" t="s">
        <v>12243</v>
      </c>
      <c r="E19775" t="s">
        <v>12188</v>
      </c>
      <c r="F19775" t="s">
        <v>12189</v>
      </c>
      <c r="G19775" t="s">
        <v>10450</v>
      </c>
      <c r="H19775" t="s">
        <v>10451</v>
      </c>
      <c r="I19775" s="2">
        <v>1</v>
      </c>
      <c r="J19775" s="2">
        <v>0</v>
      </c>
      <c r="K19775" s="2">
        <v>0</v>
      </c>
      <c r="L19775" t="s">
        <v>120</v>
      </c>
      <c r="M19775" t="s">
        <v>87</v>
      </c>
      <c r="N19775" t="s">
        <v>88</v>
      </c>
      <c r="O19775" t="s">
        <v>85</v>
      </c>
      <c r="P19775" t="s">
        <v>86</v>
      </c>
      <c r="Q19775">
        <v>9</v>
      </c>
      <c r="R19775">
        <v>9</v>
      </c>
      <c r="S19775">
        <v>9</v>
      </c>
      <c r="T19775">
        <v>9</v>
      </c>
      <c r="U19775">
        <v>9</v>
      </c>
      <c r="V19775">
        <v>9</v>
      </c>
      <c r="W19775">
        <v>10</v>
      </c>
      <c r="X19775">
        <v>10</v>
      </c>
      <c r="Y19775">
        <v>10</v>
      </c>
      <c r="Z19775">
        <v>10</v>
      </c>
      <c r="AA19775">
        <v>10</v>
      </c>
      <c r="AB19775">
        <v>10</v>
      </c>
      <c r="AC19775">
        <v>10</v>
      </c>
      <c r="AD19775">
        <v>10</v>
      </c>
      <c r="AE19775">
        <v>10</v>
      </c>
      <c r="AF19775">
        <v>10</v>
      </c>
      <c r="AG19775">
        <v>11</v>
      </c>
      <c r="AH19775">
        <v>11</v>
      </c>
      <c r="AI19775">
        <v>11</v>
      </c>
      <c r="AJ19775">
        <v>11</v>
      </c>
      <c r="AK19775">
        <v>11</v>
      </c>
      <c r="AL19775">
        <v>11</v>
      </c>
      <c r="AM19775">
        <v>11</v>
      </c>
      <c r="AN19775">
        <v>11</v>
      </c>
      <c r="AO19775">
        <v>11</v>
      </c>
      <c r="AP19775">
        <v>11</v>
      </c>
      <c r="AQ19775">
        <v>12</v>
      </c>
    </row>
    <row r="19776" spans="1:43">
      <c r="A19776" t="s">
        <v>12246</v>
      </c>
      <c r="B19776" t="s">
        <v>12247</v>
      </c>
      <c r="C19776" t="s">
        <v>12242</v>
      </c>
      <c r="D19776" t="s">
        <v>12243</v>
      </c>
      <c r="E19776" t="s">
        <v>12188</v>
      </c>
      <c r="F19776" t="s">
        <v>12189</v>
      </c>
      <c r="G19776" t="s">
        <v>10450</v>
      </c>
      <c r="H19776" t="s">
        <v>10451</v>
      </c>
      <c r="I19776" s="2">
        <v>1</v>
      </c>
      <c r="J19776" s="2">
        <v>0</v>
      </c>
      <c r="K19776" s="2">
        <v>0</v>
      </c>
      <c r="L19776" t="s">
        <v>120</v>
      </c>
      <c r="M19776" t="s">
        <v>89</v>
      </c>
      <c r="N19776" t="s">
        <v>90</v>
      </c>
      <c r="O19776" t="s">
        <v>85</v>
      </c>
      <c r="P19776" t="s">
        <v>86</v>
      </c>
      <c r="Q19776">
        <v>9</v>
      </c>
      <c r="R19776">
        <v>9</v>
      </c>
      <c r="S19776">
        <v>10</v>
      </c>
      <c r="T19776">
        <v>10</v>
      </c>
      <c r="U19776">
        <v>10</v>
      </c>
      <c r="V19776">
        <v>10</v>
      </c>
      <c r="W19776">
        <v>11</v>
      </c>
      <c r="X19776">
        <v>11</v>
      </c>
      <c r="Y19776">
        <v>11</v>
      </c>
      <c r="Z19776">
        <v>11</v>
      </c>
      <c r="AA19776">
        <v>12</v>
      </c>
      <c r="AB19776">
        <v>12</v>
      </c>
      <c r="AC19776">
        <v>12</v>
      </c>
      <c r="AD19776">
        <v>12</v>
      </c>
      <c r="AE19776">
        <v>12</v>
      </c>
      <c r="AF19776">
        <v>12</v>
      </c>
      <c r="AG19776">
        <v>12</v>
      </c>
      <c r="AH19776">
        <v>13</v>
      </c>
      <c r="AI19776">
        <v>13</v>
      </c>
      <c r="AJ19776">
        <v>13</v>
      </c>
      <c r="AK19776">
        <v>13</v>
      </c>
      <c r="AL19776">
        <v>13</v>
      </c>
      <c r="AM19776">
        <v>13</v>
      </c>
      <c r="AN19776">
        <v>13</v>
      </c>
      <c r="AO19776">
        <v>13</v>
      </c>
      <c r="AP19776">
        <v>13</v>
      </c>
      <c r="AQ19776">
        <v>13</v>
      </c>
    </row>
    <row r="19777" spans="1:43">
      <c r="A19777" t="s">
        <v>12246</v>
      </c>
      <c r="B19777" t="s">
        <v>12247</v>
      </c>
      <c r="C19777" t="s">
        <v>12242</v>
      </c>
      <c r="D19777" t="s">
        <v>12243</v>
      </c>
      <c r="E19777" t="s">
        <v>12188</v>
      </c>
      <c r="F19777" t="s">
        <v>12189</v>
      </c>
      <c r="G19777" t="s">
        <v>10450</v>
      </c>
      <c r="H19777" t="s">
        <v>10451</v>
      </c>
      <c r="I19777" s="2">
        <v>1</v>
      </c>
      <c r="J19777" s="2">
        <v>0</v>
      </c>
      <c r="K19777" s="2">
        <v>0</v>
      </c>
      <c r="L19777" t="s">
        <v>120</v>
      </c>
      <c r="M19777" t="s">
        <v>83</v>
      </c>
      <c r="N19777" t="s">
        <v>91</v>
      </c>
      <c r="O19777" t="s">
        <v>85</v>
      </c>
      <c r="P19777" t="s">
        <v>86</v>
      </c>
      <c r="Q19777">
        <v>9</v>
      </c>
      <c r="R19777">
        <v>9</v>
      </c>
      <c r="S19777">
        <v>9</v>
      </c>
      <c r="T19777">
        <v>10</v>
      </c>
      <c r="U19777">
        <v>10</v>
      </c>
      <c r="V19777">
        <v>10</v>
      </c>
      <c r="W19777">
        <v>10</v>
      </c>
      <c r="X19777">
        <v>10</v>
      </c>
      <c r="Y19777">
        <v>11</v>
      </c>
      <c r="Z19777">
        <v>11</v>
      </c>
      <c r="AA19777">
        <v>11</v>
      </c>
      <c r="AB19777">
        <v>11</v>
      </c>
      <c r="AC19777">
        <v>11</v>
      </c>
      <c r="AD19777">
        <v>11</v>
      </c>
      <c r="AE19777">
        <v>12</v>
      </c>
      <c r="AF19777">
        <v>12</v>
      </c>
      <c r="AG19777">
        <v>12</v>
      </c>
      <c r="AH19777">
        <v>12</v>
      </c>
      <c r="AI19777">
        <v>12</v>
      </c>
      <c r="AJ19777">
        <v>12</v>
      </c>
      <c r="AK19777">
        <v>13</v>
      </c>
      <c r="AL19777">
        <v>13</v>
      </c>
      <c r="AM19777">
        <v>13</v>
      </c>
      <c r="AN19777">
        <v>13</v>
      </c>
      <c r="AO19777">
        <v>13</v>
      </c>
      <c r="AP19777">
        <v>13</v>
      </c>
      <c r="AQ19777">
        <v>13</v>
      </c>
    </row>
    <row r="19778" spans="1:43">
      <c r="A19778" t="s">
        <v>12248</v>
      </c>
      <c r="B19778" t="s">
        <v>12249</v>
      </c>
      <c r="C19778" t="s">
        <v>12242</v>
      </c>
      <c r="D19778" t="s">
        <v>12243</v>
      </c>
      <c r="E19778" t="s">
        <v>12188</v>
      </c>
      <c r="F19778" t="s">
        <v>12189</v>
      </c>
      <c r="G19778" t="s">
        <v>10450</v>
      </c>
      <c r="H19778" t="s">
        <v>10451</v>
      </c>
      <c r="I19778" s="2">
        <v>1</v>
      </c>
      <c r="J19778" s="2">
        <v>0</v>
      </c>
      <c r="K19778" s="2">
        <v>0</v>
      </c>
      <c r="L19778" t="s">
        <v>120</v>
      </c>
      <c r="M19778" t="s">
        <v>83</v>
      </c>
      <c r="N19778" t="s">
        <v>84</v>
      </c>
      <c r="O19778" t="s">
        <v>85</v>
      </c>
      <c r="P19778" t="s">
        <v>86</v>
      </c>
      <c r="Q19778">
        <v>8</v>
      </c>
      <c r="R19778">
        <v>8</v>
      </c>
      <c r="S19778">
        <v>8</v>
      </c>
      <c r="T19778">
        <v>8</v>
      </c>
      <c r="U19778">
        <v>8</v>
      </c>
      <c r="V19778">
        <v>8</v>
      </c>
      <c r="W19778">
        <v>9</v>
      </c>
      <c r="X19778">
        <v>9</v>
      </c>
      <c r="Y19778">
        <v>9</v>
      </c>
      <c r="Z19778">
        <v>9</v>
      </c>
      <c r="AA19778">
        <v>9</v>
      </c>
      <c r="AB19778">
        <v>9</v>
      </c>
      <c r="AC19778">
        <v>9</v>
      </c>
      <c r="AD19778">
        <v>10</v>
      </c>
      <c r="AE19778">
        <v>10</v>
      </c>
      <c r="AF19778">
        <v>10</v>
      </c>
      <c r="AG19778">
        <v>10</v>
      </c>
      <c r="AH19778">
        <v>10</v>
      </c>
      <c r="AI19778">
        <v>10</v>
      </c>
      <c r="AJ19778">
        <v>11</v>
      </c>
      <c r="AK19778">
        <v>11</v>
      </c>
      <c r="AL19778">
        <v>11</v>
      </c>
      <c r="AM19778">
        <v>11</v>
      </c>
      <c r="AN19778">
        <v>11</v>
      </c>
      <c r="AO19778">
        <v>11</v>
      </c>
      <c r="AP19778">
        <v>11</v>
      </c>
      <c r="AQ19778">
        <v>11</v>
      </c>
    </row>
    <row r="19779" spans="1:43">
      <c r="A19779" t="s">
        <v>12248</v>
      </c>
      <c r="B19779" t="s">
        <v>12249</v>
      </c>
      <c r="C19779" t="s">
        <v>12242</v>
      </c>
      <c r="D19779" t="s">
        <v>12243</v>
      </c>
      <c r="E19779" t="s">
        <v>12188</v>
      </c>
      <c r="F19779" t="s">
        <v>12189</v>
      </c>
      <c r="G19779" t="s">
        <v>10450</v>
      </c>
      <c r="H19779" t="s">
        <v>10451</v>
      </c>
      <c r="I19779" s="2">
        <v>1</v>
      </c>
      <c r="J19779" s="2">
        <v>0</v>
      </c>
      <c r="K19779" s="2">
        <v>0</v>
      </c>
      <c r="L19779" t="s">
        <v>120</v>
      </c>
      <c r="M19779" t="s">
        <v>87</v>
      </c>
      <c r="N19779" t="s">
        <v>88</v>
      </c>
      <c r="O19779" t="s">
        <v>85</v>
      </c>
      <c r="P19779" t="s">
        <v>86</v>
      </c>
      <c r="Q19779">
        <v>8</v>
      </c>
      <c r="R19779">
        <v>8</v>
      </c>
      <c r="S19779">
        <v>8</v>
      </c>
      <c r="T19779">
        <v>8</v>
      </c>
      <c r="U19779">
        <v>8</v>
      </c>
      <c r="V19779">
        <v>8</v>
      </c>
      <c r="W19779">
        <v>8</v>
      </c>
      <c r="X19779">
        <v>8</v>
      </c>
      <c r="Y19779">
        <v>8</v>
      </c>
      <c r="Z19779">
        <v>8</v>
      </c>
      <c r="AA19779">
        <v>8</v>
      </c>
      <c r="AB19779">
        <v>8</v>
      </c>
      <c r="AC19779">
        <v>9</v>
      </c>
      <c r="AD19779">
        <v>9</v>
      </c>
      <c r="AE19779">
        <v>9</v>
      </c>
      <c r="AF19779">
        <v>9</v>
      </c>
      <c r="AG19779">
        <v>9</v>
      </c>
      <c r="AH19779">
        <v>9</v>
      </c>
      <c r="AI19779">
        <v>9</v>
      </c>
      <c r="AJ19779">
        <v>9</v>
      </c>
      <c r="AK19779">
        <v>9</v>
      </c>
      <c r="AL19779">
        <v>9</v>
      </c>
      <c r="AM19779">
        <v>9</v>
      </c>
      <c r="AN19779">
        <v>10</v>
      </c>
      <c r="AO19779">
        <v>10</v>
      </c>
      <c r="AP19779">
        <v>10</v>
      </c>
      <c r="AQ19779">
        <v>10</v>
      </c>
    </row>
    <row r="19780" spans="1:43">
      <c r="A19780" t="s">
        <v>12248</v>
      </c>
      <c r="B19780" t="s">
        <v>12249</v>
      </c>
      <c r="C19780" t="s">
        <v>12242</v>
      </c>
      <c r="D19780" t="s">
        <v>12243</v>
      </c>
      <c r="E19780" t="s">
        <v>12188</v>
      </c>
      <c r="F19780" t="s">
        <v>12189</v>
      </c>
      <c r="G19780" t="s">
        <v>10450</v>
      </c>
      <c r="H19780" t="s">
        <v>10451</v>
      </c>
      <c r="I19780" s="2">
        <v>1</v>
      </c>
      <c r="J19780" s="2">
        <v>0</v>
      </c>
      <c r="K19780" s="2">
        <v>0</v>
      </c>
      <c r="L19780" t="s">
        <v>120</v>
      </c>
      <c r="M19780" t="s">
        <v>89</v>
      </c>
      <c r="N19780" t="s">
        <v>90</v>
      </c>
      <c r="O19780" t="s">
        <v>85</v>
      </c>
      <c r="P19780" t="s">
        <v>86</v>
      </c>
      <c r="Q19780">
        <v>8</v>
      </c>
      <c r="R19780">
        <v>8</v>
      </c>
      <c r="S19780">
        <v>8</v>
      </c>
      <c r="T19780">
        <v>8</v>
      </c>
      <c r="U19780">
        <v>9</v>
      </c>
      <c r="V19780">
        <v>9</v>
      </c>
      <c r="W19780">
        <v>9</v>
      </c>
      <c r="X19780">
        <v>9</v>
      </c>
      <c r="Y19780">
        <v>9</v>
      </c>
      <c r="Z19780">
        <v>10</v>
      </c>
      <c r="AA19780">
        <v>10</v>
      </c>
      <c r="AB19780">
        <v>10</v>
      </c>
      <c r="AC19780">
        <v>10</v>
      </c>
      <c r="AD19780">
        <v>10</v>
      </c>
      <c r="AE19780">
        <v>10</v>
      </c>
      <c r="AF19780">
        <v>10</v>
      </c>
      <c r="AG19780">
        <v>11</v>
      </c>
      <c r="AH19780">
        <v>11</v>
      </c>
      <c r="AI19780">
        <v>11</v>
      </c>
      <c r="AJ19780">
        <v>11</v>
      </c>
      <c r="AK19780">
        <v>11</v>
      </c>
      <c r="AL19780">
        <v>11</v>
      </c>
      <c r="AM19780">
        <v>11</v>
      </c>
      <c r="AN19780">
        <v>11</v>
      </c>
      <c r="AO19780">
        <v>11</v>
      </c>
      <c r="AP19780">
        <v>11</v>
      </c>
      <c r="AQ19780">
        <v>11</v>
      </c>
    </row>
    <row r="19781" spans="1:43">
      <c r="A19781" t="s">
        <v>12248</v>
      </c>
      <c r="B19781" t="s">
        <v>12249</v>
      </c>
      <c r="C19781" t="s">
        <v>12242</v>
      </c>
      <c r="D19781" t="s">
        <v>12243</v>
      </c>
      <c r="E19781" t="s">
        <v>12188</v>
      </c>
      <c r="F19781" t="s">
        <v>12189</v>
      </c>
      <c r="G19781" t="s">
        <v>10450</v>
      </c>
      <c r="H19781" t="s">
        <v>10451</v>
      </c>
      <c r="I19781" s="2">
        <v>1</v>
      </c>
      <c r="J19781" s="2">
        <v>0</v>
      </c>
      <c r="K19781" s="2">
        <v>0</v>
      </c>
      <c r="L19781" t="s">
        <v>120</v>
      </c>
      <c r="M19781" t="s">
        <v>83</v>
      </c>
      <c r="N19781" t="s">
        <v>91</v>
      </c>
      <c r="O19781" t="s">
        <v>85</v>
      </c>
      <c r="P19781" t="s">
        <v>86</v>
      </c>
      <c r="Q19781">
        <v>8</v>
      </c>
      <c r="R19781">
        <v>8</v>
      </c>
      <c r="S19781">
        <v>8</v>
      </c>
      <c r="T19781">
        <v>8</v>
      </c>
      <c r="U19781">
        <v>8</v>
      </c>
      <c r="V19781">
        <v>8</v>
      </c>
      <c r="W19781">
        <v>9</v>
      </c>
      <c r="X19781">
        <v>9</v>
      </c>
      <c r="Y19781">
        <v>9</v>
      </c>
      <c r="Z19781">
        <v>9</v>
      </c>
      <c r="AA19781">
        <v>9</v>
      </c>
      <c r="AB19781">
        <v>9</v>
      </c>
      <c r="AC19781">
        <v>9</v>
      </c>
      <c r="AD19781">
        <v>10</v>
      </c>
      <c r="AE19781">
        <v>10</v>
      </c>
      <c r="AF19781">
        <v>10</v>
      </c>
      <c r="AG19781">
        <v>10</v>
      </c>
      <c r="AH19781">
        <v>10</v>
      </c>
      <c r="AI19781">
        <v>10</v>
      </c>
      <c r="AJ19781">
        <v>11</v>
      </c>
      <c r="AK19781">
        <v>11</v>
      </c>
      <c r="AL19781">
        <v>11</v>
      </c>
      <c r="AM19781">
        <v>11</v>
      </c>
      <c r="AN19781">
        <v>11</v>
      </c>
      <c r="AO19781">
        <v>11</v>
      </c>
      <c r="AP19781">
        <v>11</v>
      </c>
      <c r="AQ19781">
        <v>11</v>
      </c>
    </row>
    <row r="19782" spans="1:43">
      <c r="A19782" t="s">
        <v>12250</v>
      </c>
      <c r="B19782" t="s">
        <v>12251</v>
      </c>
      <c r="C19782" t="s">
        <v>12252</v>
      </c>
      <c r="D19782" t="s">
        <v>12253</v>
      </c>
      <c r="E19782" t="s">
        <v>12188</v>
      </c>
      <c r="F19782" t="s">
        <v>12189</v>
      </c>
      <c r="G19782" t="s">
        <v>10450</v>
      </c>
      <c r="H19782" t="s">
        <v>10451</v>
      </c>
      <c r="I19782" s="2">
        <v>1</v>
      </c>
      <c r="J19782" s="2">
        <v>0</v>
      </c>
      <c r="K19782" s="2">
        <v>0</v>
      </c>
      <c r="L19782" t="s">
        <v>120</v>
      </c>
      <c r="M19782" t="s">
        <v>83</v>
      </c>
      <c r="N19782" t="s">
        <v>84</v>
      </c>
      <c r="O19782" t="s">
        <v>85</v>
      </c>
      <c r="P19782" t="s">
        <v>86</v>
      </c>
      <c r="Q19782">
        <v>55</v>
      </c>
      <c r="R19782">
        <v>56</v>
      </c>
      <c r="S19782">
        <v>57</v>
      </c>
      <c r="T19782">
        <v>58</v>
      </c>
      <c r="U19782">
        <v>59</v>
      </c>
      <c r="V19782">
        <v>60</v>
      </c>
      <c r="W19782">
        <v>61</v>
      </c>
      <c r="X19782">
        <v>62</v>
      </c>
      <c r="Y19782">
        <v>63</v>
      </c>
      <c r="Z19782">
        <v>64</v>
      </c>
      <c r="AA19782">
        <v>65</v>
      </c>
      <c r="AB19782">
        <v>66</v>
      </c>
      <c r="AC19782">
        <v>67</v>
      </c>
      <c r="AD19782">
        <v>68</v>
      </c>
      <c r="AE19782">
        <v>69</v>
      </c>
      <c r="AF19782">
        <v>70</v>
      </c>
      <c r="AG19782">
        <v>71</v>
      </c>
      <c r="AH19782">
        <v>72</v>
      </c>
      <c r="AI19782">
        <v>73</v>
      </c>
      <c r="AJ19782">
        <v>74</v>
      </c>
      <c r="AK19782">
        <v>75</v>
      </c>
      <c r="AL19782">
        <v>76</v>
      </c>
      <c r="AM19782">
        <v>77</v>
      </c>
      <c r="AN19782">
        <v>77</v>
      </c>
      <c r="AO19782">
        <v>78</v>
      </c>
      <c r="AP19782">
        <v>78</v>
      </c>
      <c r="AQ19782">
        <v>79</v>
      </c>
    </row>
    <row r="19783" spans="1:43">
      <c r="A19783" t="s">
        <v>12250</v>
      </c>
      <c r="B19783" t="s">
        <v>12251</v>
      </c>
      <c r="C19783" t="s">
        <v>12252</v>
      </c>
      <c r="D19783" t="s">
        <v>12253</v>
      </c>
      <c r="E19783" t="s">
        <v>12188</v>
      </c>
      <c r="F19783" t="s">
        <v>12189</v>
      </c>
      <c r="G19783" t="s">
        <v>10450</v>
      </c>
      <c r="H19783" t="s">
        <v>10451</v>
      </c>
      <c r="I19783" s="2">
        <v>1</v>
      </c>
      <c r="J19783" s="2">
        <v>0</v>
      </c>
      <c r="K19783" s="2">
        <v>0</v>
      </c>
      <c r="L19783" t="s">
        <v>120</v>
      </c>
      <c r="M19783" t="s">
        <v>87</v>
      </c>
      <c r="N19783" t="s">
        <v>88</v>
      </c>
      <c r="O19783" t="s">
        <v>85</v>
      </c>
      <c r="P19783" t="s">
        <v>86</v>
      </c>
      <c r="Q19783">
        <v>55</v>
      </c>
      <c r="R19783">
        <v>56</v>
      </c>
      <c r="S19783">
        <v>56</v>
      </c>
      <c r="T19783">
        <v>57</v>
      </c>
      <c r="U19783">
        <v>57</v>
      </c>
      <c r="V19783">
        <v>58</v>
      </c>
      <c r="W19783">
        <v>58</v>
      </c>
      <c r="X19783">
        <v>59</v>
      </c>
      <c r="Y19783">
        <v>59</v>
      </c>
      <c r="Z19783">
        <v>60</v>
      </c>
      <c r="AA19783">
        <v>61</v>
      </c>
      <c r="AB19783">
        <v>61</v>
      </c>
      <c r="AC19783">
        <v>62</v>
      </c>
      <c r="AD19783">
        <v>62</v>
      </c>
      <c r="AE19783">
        <v>63</v>
      </c>
      <c r="AF19783">
        <v>63</v>
      </c>
      <c r="AG19783">
        <v>64</v>
      </c>
      <c r="AH19783">
        <v>65</v>
      </c>
      <c r="AI19783">
        <v>65</v>
      </c>
      <c r="AJ19783">
        <v>66</v>
      </c>
      <c r="AK19783">
        <v>67</v>
      </c>
      <c r="AL19783">
        <v>67</v>
      </c>
      <c r="AM19783">
        <v>68</v>
      </c>
      <c r="AN19783">
        <v>68</v>
      </c>
      <c r="AO19783">
        <v>69</v>
      </c>
      <c r="AP19783">
        <v>70</v>
      </c>
      <c r="AQ19783">
        <v>71</v>
      </c>
    </row>
    <row r="19784" spans="1:43">
      <c r="A19784" t="s">
        <v>12250</v>
      </c>
      <c r="B19784" t="s">
        <v>12251</v>
      </c>
      <c r="C19784" t="s">
        <v>12252</v>
      </c>
      <c r="D19784" t="s">
        <v>12253</v>
      </c>
      <c r="E19784" t="s">
        <v>12188</v>
      </c>
      <c r="F19784" t="s">
        <v>12189</v>
      </c>
      <c r="G19784" t="s">
        <v>10450</v>
      </c>
      <c r="H19784" t="s">
        <v>10451</v>
      </c>
      <c r="I19784" s="2">
        <v>1</v>
      </c>
      <c r="J19784" s="2">
        <v>0</v>
      </c>
      <c r="K19784" s="2">
        <v>0</v>
      </c>
      <c r="L19784" t="s">
        <v>120</v>
      </c>
      <c r="M19784" t="s">
        <v>89</v>
      </c>
      <c r="N19784" t="s">
        <v>90</v>
      </c>
      <c r="O19784" t="s">
        <v>85</v>
      </c>
      <c r="P19784" t="s">
        <v>86</v>
      </c>
      <c r="Q19784">
        <v>55</v>
      </c>
      <c r="R19784">
        <v>57</v>
      </c>
      <c r="S19784">
        <v>58</v>
      </c>
      <c r="T19784">
        <v>60</v>
      </c>
      <c r="U19784">
        <v>61</v>
      </c>
      <c r="V19784">
        <v>62</v>
      </c>
      <c r="W19784">
        <v>64</v>
      </c>
      <c r="X19784">
        <v>65</v>
      </c>
      <c r="Y19784">
        <v>66</v>
      </c>
      <c r="Z19784">
        <v>67</v>
      </c>
      <c r="AA19784">
        <v>69</v>
      </c>
      <c r="AB19784">
        <v>70</v>
      </c>
      <c r="AC19784">
        <v>71</v>
      </c>
      <c r="AD19784">
        <v>73</v>
      </c>
      <c r="AE19784">
        <v>73</v>
      </c>
      <c r="AF19784">
        <v>74</v>
      </c>
      <c r="AG19784">
        <v>74</v>
      </c>
      <c r="AH19784">
        <v>75</v>
      </c>
      <c r="AI19784">
        <v>75</v>
      </c>
      <c r="AJ19784">
        <v>76</v>
      </c>
      <c r="AK19784">
        <v>76</v>
      </c>
      <c r="AL19784">
        <v>77</v>
      </c>
      <c r="AM19784">
        <v>77</v>
      </c>
      <c r="AN19784">
        <v>78</v>
      </c>
      <c r="AO19784">
        <v>78</v>
      </c>
      <c r="AP19784">
        <v>79</v>
      </c>
      <c r="AQ19784">
        <v>79</v>
      </c>
    </row>
    <row r="19785" spans="1:43">
      <c r="A19785" t="s">
        <v>12250</v>
      </c>
      <c r="B19785" t="s">
        <v>12251</v>
      </c>
      <c r="C19785" t="s">
        <v>12252</v>
      </c>
      <c r="D19785" t="s">
        <v>12253</v>
      </c>
      <c r="E19785" t="s">
        <v>12188</v>
      </c>
      <c r="F19785" t="s">
        <v>12189</v>
      </c>
      <c r="G19785" t="s">
        <v>10450</v>
      </c>
      <c r="H19785" t="s">
        <v>10451</v>
      </c>
      <c r="I19785" s="2">
        <v>1</v>
      </c>
      <c r="J19785" s="2">
        <v>0</v>
      </c>
      <c r="K19785" s="2">
        <v>0</v>
      </c>
      <c r="L19785" t="s">
        <v>120</v>
      </c>
      <c r="M19785" t="s">
        <v>83</v>
      </c>
      <c r="N19785" t="s">
        <v>91</v>
      </c>
      <c r="O19785" t="s">
        <v>85</v>
      </c>
      <c r="P19785" t="s">
        <v>86</v>
      </c>
      <c r="Q19785">
        <v>55</v>
      </c>
      <c r="R19785">
        <v>56</v>
      </c>
      <c r="S19785">
        <v>57</v>
      </c>
      <c r="T19785">
        <v>58</v>
      </c>
      <c r="U19785">
        <v>59</v>
      </c>
      <c r="V19785">
        <v>60</v>
      </c>
      <c r="W19785">
        <v>61</v>
      </c>
      <c r="X19785">
        <v>62</v>
      </c>
      <c r="Y19785">
        <v>63</v>
      </c>
      <c r="Z19785">
        <v>64</v>
      </c>
      <c r="AA19785">
        <v>65</v>
      </c>
      <c r="AB19785">
        <v>66</v>
      </c>
      <c r="AC19785">
        <v>67</v>
      </c>
      <c r="AD19785">
        <v>68</v>
      </c>
      <c r="AE19785">
        <v>69</v>
      </c>
      <c r="AF19785">
        <v>70</v>
      </c>
      <c r="AG19785">
        <v>71</v>
      </c>
      <c r="AH19785">
        <v>72</v>
      </c>
      <c r="AI19785">
        <v>73</v>
      </c>
      <c r="AJ19785">
        <v>74</v>
      </c>
      <c r="AK19785">
        <v>75</v>
      </c>
      <c r="AL19785">
        <v>76</v>
      </c>
      <c r="AM19785">
        <v>77</v>
      </c>
      <c r="AN19785">
        <v>77</v>
      </c>
      <c r="AO19785">
        <v>78</v>
      </c>
      <c r="AP19785">
        <v>78</v>
      </c>
      <c r="AQ19785">
        <v>79</v>
      </c>
    </row>
    <row r="19786" spans="1:43">
      <c r="A19786" t="s">
        <v>12254</v>
      </c>
      <c r="B19786" t="s">
        <v>12255</v>
      </c>
      <c r="C19786" t="s">
        <v>12252</v>
      </c>
      <c r="D19786" t="s">
        <v>12253</v>
      </c>
      <c r="E19786" t="s">
        <v>12188</v>
      </c>
      <c r="F19786" t="s">
        <v>12189</v>
      </c>
      <c r="G19786" t="s">
        <v>10450</v>
      </c>
      <c r="H19786" t="s">
        <v>10451</v>
      </c>
      <c r="I19786" s="2">
        <v>1</v>
      </c>
      <c r="J19786" s="2">
        <v>0</v>
      </c>
      <c r="K19786" s="2">
        <v>0</v>
      </c>
      <c r="L19786" t="s">
        <v>120</v>
      </c>
      <c r="M19786" t="s">
        <v>83</v>
      </c>
      <c r="N19786" t="s">
        <v>84</v>
      </c>
      <c r="O19786" t="s">
        <v>85</v>
      </c>
      <c r="P19786" t="s">
        <v>86</v>
      </c>
      <c r="Q19786">
        <v>8</v>
      </c>
      <c r="R19786">
        <v>8</v>
      </c>
      <c r="S19786">
        <v>8</v>
      </c>
      <c r="T19786">
        <v>8</v>
      </c>
      <c r="U19786">
        <v>8</v>
      </c>
      <c r="V19786">
        <v>8</v>
      </c>
      <c r="W19786">
        <v>8</v>
      </c>
      <c r="X19786">
        <v>9</v>
      </c>
      <c r="Y19786">
        <v>9</v>
      </c>
      <c r="Z19786">
        <v>9</v>
      </c>
      <c r="AA19786">
        <v>9</v>
      </c>
      <c r="AB19786">
        <v>9</v>
      </c>
      <c r="AC19786">
        <v>9</v>
      </c>
      <c r="AD19786">
        <v>9</v>
      </c>
      <c r="AE19786">
        <v>10</v>
      </c>
      <c r="AF19786">
        <v>10</v>
      </c>
      <c r="AG19786">
        <v>10</v>
      </c>
      <c r="AH19786">
        <v>10</v>
      </c>
      <c r="AI19786">
        <v>10</v>
      </c>
      <c r="AJ19786">
        <v>10</v>
      </c>
      <c r="AK19786">
        <v>11</v>
      </c>
      <c r="AL19786">
        <v>11</v>
      </c>
      <c r="AM19786">
        <v>11</v>
      </c>
      <c r="AN19786">
        <v>11</v>
      </c>
      <c r="AO19786">
        <v>11</v>
      </c>
      <c r="AP19786">
        <v>11</v>
      </c>
      <c r="AQ19786">
        <v>11</v>
      </c>
    </row>
    <row r="19787" spans="1:43">
      <c r="A19787" t="s">
        <v>12254</v>
      </c>
      <c r="B19787" t="s">
        <v>12255</v>
      </c>
      <c r="C19787" t="s">
        <v>12252</v>
      </c>
      <c r="D19787" t="s">
        <v>12253</v>
      </c>
      <c r="E19787" t="s">
        <v>12188</v>
      </c>
      <c r="F19787" t="s">
        <v>12189</v>
      </c>
      <c r="G19787" t="s">
        <v>10450</v>
      </c>
      <c r="H19787" t="s">
        <v>10451</v>
      </c>
      <c r="I19787" s="2">
        <v>1</v>
      </c>
      <c r="J19787" s="2">
        <v>0</v>
      </c>
      <c r="K19787" s="2">
        <v>0</v>
      </c>
      <c r="L19787" t="s">
        <v>120</v>
      </c>
      <c r="M19787" t="s">
        <v>87</v>
      </c>
      <c r="N19787" t="s">
        <v>88</v>
      </c>
      <c r="O19787" t="s">
        <v>85</v>
      </c>
      <c r="P19787" t="s">
        <v>86</v>
      </c>
      <c r="Q19787">
        <v>8</v>
      </c>
      <c r="R19787">
        <v>9</v>
      </c>
      <c r="S19787">
        <v>9</v>
      </c>
      <c r="T19787">
        <v>9</v>
      </c>
      <c r="U19787">
        <v>9</v>
      </c>
      <c r="V19787">
        <v>9</v>
      </c>
      <c r="W19787">
        <v>9</v>
      </c>
      <c r="X19787">
        <v>9</v>
      </c>
      <c r="Y19787">
        <v>9</v>
      </c>
      <c r="Z19787">
        <v>9</v>
      </c>
      <c r="AA19787">
        <v>9</v>
      </c>
      <c r="AB19787">
        <v>9</v>
      </c>
      <c r="AC19787">
        <v>9</v>
      </c>
      <c r="AD19787">
        <v>9</v>
      </c>
      <c r="AE19787">
        <v>10</v>
      </c>
      <c r="AF19787">
        <v>10</v>
      </c>
      <c r="AG19787">
        <v>10</v>
      </c>
      <c r="AH19787">
        <v>10</v>
      </c>
      <c r="AI19787">
        <v>10</v>
      </c>
      <c r="AJ19787">
        <v>10</v>
      </c>
      <c r="AK19787">
        <v>10</v>
      </c>
      <c r="AL19787">
        <v>10</v>
      </c>
      <c r="AM19787">
        <v>10</v>
      </c>
      <c r="AN19787">
        <v>10</v>
      </c>
      <c r="AO19787">
        <v>10</v>
      </c>
      <c r="AP19787">
        <v>10</v>
      </c>
      <c r="AQ19787">
        <v>11</v>
      </c>
    </row>
    <row r="19788" spans="1:43">
      <c r="A19788" t="s">
        <v>12254</v>
      </c>
      <c r="B19788" t="s">
        <v>12255</v>
      </c>
      <c r="C19788" t="s">
        <v>12252</v>
      </c>
      <c r="D19788" t="s">
        <v>12253</v>
      </c>
      <c r="E19788" t="s">
        <v>12188</v>
      </c>
      <c r="F19788" t="s">
        <v>12189</v>
      </c>
      <c r="G19788" t="s">
        <v>10450</v>
      </c>
      <c r="H19788" t="s">
        <v>10451</v>
      </c>
      <c r="I19788" s="2">
        <v>1</v>
      </c>
      <c r="J19788" s="2">
        <v>0</v>
      </c>
      <c r="K19788" s="2">
        <v>0</v>
      </c>
      <c r="L19788" t="s">
        <v>120</v>
      </c>
      <c r="M19788" t="s">
        <v>89</v>
      </c>
      <c r="N19788" t="s">
        <v>90</v>
      </c>
      <c r="O19788" t="s">
        <v>85</v>
      </c>
      <c r="P19788" t="s">
        <v>86</v>
      </c>
      <c r="Q19788">
        <v>8</v>
      </c>
      <c r="R19788">
        <v>8</v>
      </c>
      <c r="S19788">
        <v>8</v>
      </c>
      <c r="T19788">
        <v>8</v>
      </c>
      <c r="U19788">
        <v>8</v>
      </c>
      <c r="V19788">
        <v>9</v>
      </c>
      <c r="W19788">
        <v>9</v>
      </c>
      <c r="X19788">
        <v>9</v>
      </c>
      <c r="Y19788">
        <v>9</v>
      </c>
      <c r="Z19788">
        <v>9</v>
      </c>
      <c r="AA19788">
        <v>10</v>
      </c>
      <c r="AB19788">
        <v>10</v>
      </c>
      <c r="AC19788">
        <v>10</v>
      </c>
      <c r="AD19788">
        <v>10</v>
      </c>
      <c r="AE19788">
        <v>10</v>
      </c>
      <c r="AF19788">
        <v>10</v>
      </c>
      <c r="AG19788">
        <v>10</v>
      </c>
      <c r="AH19788">
        <v>10</v>
      </c>
      <c r="AI19788">
        <v>11</v>
      </c>
      <c r="AJ19788">
        <v>11</v>
      </c>
      <c r="AK19788">
        <v>11</v>
      </c>
      <c r="AL19788">
        <v>11</v>
      </c>
      <c r="AM19788">
        <v>11</v>
      </c>
      <c r="AN19788">
        <v>11</v>
      </c>
      <c r="AO19788">
        <v>11</v>
      </c>
      <c r="AP19788">
        <v>11</v>
      </c>
      <c r="AQ19788">
        <v>11</v>
      </c>
    </row>
    <row r="19789" spans="1:43">
      <c r="A19789" t="s">
        <v>12254</v>
      </c>
      <c r="B19789" t="s">
        <v>12255</v>
      </c>
      <c r="C19789" t="s">
        <v>12252</v>
      </c>
      <c r="D19789" t="s">
        <v>12253</v>
      </c>
      <c r="E19789" t="s">
        <v>12188</v>
      </c>
      <c r="F19789" t="s">
        <v>12189</v>
      </c>
      <c r="G19789" t="s">
        <v>10450</v>
      </c>
      <c r="H19789" t="s">
        <v>10451</v>
      </c>
      <c r="I19789" s="2">
        <v>1</v>
      </c>
      <c r="J19789" s="2">
        <v>0</v>
      </c>
      <c r="K19789" s="2">
        <v>0</v>
      </c>
      <c r="L19789" t="s">
        <v>120</v>
      </c>
      <c r="M19789" t="s">
        <v>83</v>
      </c>
      <c r="N19789" t="s">
        <v>91</v>
      </c>
      <c r="O19789" t="s">
        <v>85</v>
      </c>
      <c r="P19789" t="s">
        <v>86</v>
      </c>
      <c r="Q19789">
        <v>8</v>
      </c>
      <c r="R19789">
        <v>8</v>
      </c>
      <c r="S19789">
        <v>8</v>
      </c>
      <c r="T19789">
        <v>8</v>
      </c>
      <c r="U19789">
        <v>8</v>
      </c>
      <c r="V19789">
        <v>8</v>
      </c>
      <c r="W19789">
        <v>8</v>
      </c>
      <c r="X19789">
        <v>9</v>
      </c>
      <c r="Y19789">
        <v>9</v>
      </c>
      <c r="Z19789">
        <v>9</v>
      </c>
      <c r="AA19789">
        <v>9</v>
      </c>
      <c r="AB19789">
        <v>9</v>
      </c>
      <c r="AC19789">
        <v>9</v>
      </c>
      <c r="AD19789">
        <v>9</v>
      </c>
      <c r="AE19789">
        <v>10</v>
      </c>
      <c r="AF19789">
        <v>10</v>
      </c>
      <c r="AG19789">
        <v>10</v>
      </c>
      <c r="AH19789">
        <v>10</v>
      </c>
      <c r="AI19789">
        <v>10</v>
      </c>
      <c r="AJ19789">
        <v>10</v>
      </c>
      <c r="AK19789">
        <v>11</v>
      </c>
      <c r="AL19789">
        <v>11</v>
      </c>
      <c r="AM19789">
        <v>11</v>
      </c>
      <c r="AN19789">
        <v>11</v>
      </c>
      <c r="AO19789">
        <v>11</v>
      </c>
      <c r="AP19789">
        <v>11</v>
      </c>
      <c r="AQ19789">
        <v>11</v>
      </c>
    </row>
    <row r="19790" spans="1:43">
      <c r="A19790" t="s">
        <v>12256</v>
      </c>
      <c r="B19790" t="s">
        <v>12257</v>
      </c>
      <c r="C19790" t="s">
        <v>12252</v>
      </c>
      <c r="D19790" t="s">
        <v>12253</v>
      </c>
      <c r="E19790" t="s">
        <v>12188</v>
      </c>
      <c r="F19790" t="s">
        <v>12189</v>
      </c>
      <c r="G19790" t="s">
        <v>10450</v>
      </c>
      <c r="H19790" t="s">
        <v>10451</v>
      </c>
      <c r="I19790" s="2">
        <v>1</v>
      </c>
      <c r="J19790" s="2">
        <v>0</v>
      </c>
      <c r="K19790" s="2">
        <v>0</v>
      </c>
      <c r="L19790" t="s">
        <v>120</v>
      </c>
      <c r="M19790" t="s">
        <v>83</v>
      </c>
      <c r="N19790" t="s">
        <v>84</v>
      </c>
      <c r="O19790" t="s">
        <v>85</v>
      </c>
      <c r="P19790" t="s">
        <v>86</v>
      </c>
      <c r="Q19790">
        <v>76</v>
      </c>
      <c r="R19790">
        <v>78</v>
      </c>
      <c r="S19790">
        <v>79</v>
      </c>
      <c r="T19790">
        <v>81</v>
      </c>
      <c r="U19790">
        <v>82</v>
      </c>
      <c r="V19790">
        <v>84</v>
      </c>
      <c r="W19790">
        <v>85</v>
      </c>
      <c r="X19790">
        <v>87</v>
      </c>
      <c r="Y19790">
        <v>88</v>
      </c>
      <c r="Z19790">
        <v>89</v>
      </c>
      <c r="AA19790">
        <v>91</v>
      </c>
      <c r="AB19790">
        <v>92</v>
      </c>
      <c r="AC19790">
        <v>94</v>
      </c>
      <c r="AD19790">
        <v>95</v>
      </c>
      <c r="AE19790">
        <v>96</v>
      </c>
      <c r="AF19790">
        <v>98</v>
      </c>
      <c r="AG19790">
        <v>99</v>
      </c>
      <c r="AH19790">
        <v>101</v>
      </c>
      <c r="AI19790">
        <v>102</v>
      </c>
      <c r="AJ19790">
        <v>104</v>
      </c>
      <c r="AK19790">
        <v>105</v>
      </c>
      <c r="AL19790">
        <v>106</v>
      </c>
      <c r="AM19790">
        <v>107</v>
      </c>
      <c r="AN19790">
        <v>108</v>
      </c>
      <c r="AO19790">
        <v>108</v>
      </c>
      <c r="AP19790">
        <v>109</v>
      </c>
      <c r="AQ19790">
        <v>110</v>
      </c>
    </row>
    <row r="19791" spans="1:43">
      <c r="A19791" t="s">
        <v>12256</v>
      </c>
      <c r="B19791" t="s">
        <v>12257</v>
      </c>
      <c r="C19791" t="s">
        <v>12252</v>
      </c>
      <c r="D19791" t="s">
        <v>12253</v>
      </c>
      <c r="E19791" t="s">
        <v>12188</v>
      </c>
      <c r="F19791" t="s">
        <v>12189</v>
      </c>
      <c r="G19791" t="s">
        <v>10450</v>
      </c>
      <c r="H19791" t="s">
        <v>10451</v>
      </c>
      <c r="I19791" s="2">
        <v>1</v>
      </c>
      <c r="J19791" s="2">
        <v>0</v>
      </c>
      <c r="K19791" s="2">
        <v>0</v>
      </c>
      <c r="L19791" t="s">
        <v>120</v>
      </c>
      <c r="M19791" t="s">
        <v>87</v>
      </c>
      <c r="N19791" t="s">
        <v>88</v>
      </c>
      <c r="O19791" t="s">
        <v>85</v>
      </c>
      <c r="P19791" t="s">
        <v>86</v>
      </c>
      <c r="Q19791">
        <v>76</v>
      </c>
      <c r="R19791">
        <v>76</v>
      </c>
      <c r="S19791">
        <v>77</v>
      </c>
      <c r="T19791">
        <v>78</v>
      </c>
      <c r="U19791">
        <v>79</v>
      </c>
      <c r="V19791">
        <v>79</v>
      </c>
      <c r="W19791">
        <v>80</v>
      </c>
      <c r="X19791">
        <v>81</v>
      </c>
      <c r="Y19791">
        <v>82</v>
      </c>
      <c r="Z19791">
        <v>82</v>
      </c>
      <c r="AA19791">
        <v>83</v>
      </c>
      <c r="AB19791">
        <v>84</v>
      </c>
      <c r="AC19791">
        <v>85</v>
      </c>
      <c r="AD19791">
        <v>86</v>
      </c>
      <c r="AE19791">
        <v>86</v>
      </c>
      <c r="AF19791">
        <v>87</v>
      </c>
      <c r="AG19791">
        <v>88</v>
      </c>
      <c r="AH19791">
        <v>89</v>
      </c>
      <c r="AI19791">
        <v>90</v>
      </c>
      <c r="AJ19791">
        <v>91</v>
      </c>
      <c r="AK19791">
        <v>92</v>
      </c>
      <c r="AL19791">
        <v>92</v>
      </c>
      <c r="AM19791">
        <v>93</v>
      </c>
      <c r="AN19791">
        <v>94</v>
      </c>
      <c r="AO19791">
        <v>95</v>
      </c>
      <c r="AP19791">
        <v>96</v>
      </c>
      <c r="AQ19791">
        <v>97</v>
      </c>
    </row>
    <row r="19792" spans="1:43">
      <c r="A19792" t="s">
        <v>12256</v>
      </c>
      <c r="B19792" t="s">
        <v>12257</v>
      </c>
      <c r="C19792" t="s">
        <v>12252</v>
      </c>
      <c r="D19792" t="s">
        <v>12253</v>
      </c>
      <c r="E19792" t="s">
        <v>12188</v>
      </c>
      <c r="F19792" t="s">
        <v>12189</v>
      </c>
      <c r="G19792" t="s">
        <v>10450</v>
      </c>
      <c r="H19792" t="s">
        <v>10451</v>
      </c>
      <c r="I19792" s="2">
        <v>1</v>
      </c>
      <c r="J19792" s="2">
        <v>0</v>
      </c>
      <c r="K19792" s="2">
        <v>0</v>
      </c>
      <c r="L19792" t="s">
        <v>120</v>
      </c>
      <c r="M19792" t="s">
        <v>89</v>
      </c>
      <c r="N19792" t="s">
        <v>90</v>
      </c>
      <c r="O19792" t="s">
        <v>85</v>
      </c>
      <c r="P19792" t="s">
        <v>86</v>
      </c>
      <c r="Q19792">
        <v>76</v>
      </c>
      <c r="R19792">
        <v>78</v>
      </c>
      <c r="S19792">
        <v>80</v>
      </c>
      <c r="T19792">
        <v>82</v>
      </c>
      <c r="U19792">
        <v>84</v>
      </c>
      <c r="V19792">
        <v>86</v>
      </c>
      <c r="W19792">
        <v>88</v>
      </c>
      <c r="X19792">
        <v>90</v>
      </c>
      <c r="Y19792">
        <v>91</v>
      </c>
      <c r="Z19792">
        <v>93</v>
      </c>
      <c r="AA19792">
        <v>95</v>
      </c>
      <c r="AB19792">
        <v>97</v>
      </c>
      <c r="AC19792">
        <v>98</v>
      </c>
      <c r="AD19792">
        <v>100</v>
      </c>
      <c r="AE19792">
        <v>102</v>
      </c>
      <c r="AF19792">
        <v>102</v>
      </c>
      <c r="AG19792">
        <v>103</v>
      </c>
      <c r="AH19792">
        <v>103</v>
      </c>
      <c r="AI19792">
        <v>104</v>
      </c>
      <c r="AJ19792">
        <v>105</v>
      </c>
      <c r="AK19792">
        <v>105</v>
      </c>
      <c r="AL19792">
        <v>106</v>
      </c>
      <c r="AM19792">
        <v>107</v>
      </c>
      <c r="AN19792">
        <v>107</v>
      </c>
      <c r="AO19792">
        <v>108</v>
      </c>
      <c r="AP19792">
        <v>109</v>
      </c>
      <c r="AQ19792">
        <v>110</v>
      </c>
    </row>
    <row r="19793" spans="1:43">
      <c r="A19793" t="s">
        <v>12256</v>
      </c>
      <c r="B19793" t="s">
        <v>12257</v>
      </c>
      <c r="C19793" t="s">
        <v>12252</v>
      </c>
      <c r="D19793" t="s">
        <v>12253</v>
      </c>
      <c r="E19793" t="s">
        <v>12188</v>
      </c>
      <c r="F19793" t="s">
        <v>12189</v>
      </c>
      <c r="G19793" t="s">
        <v>10450</v>
      </c>
      <c r="H19793" t="s">
        <v>10451</v>
      </c>
      <c r="I19793" s="2">
        <v>1</v>
      </c>
      <c r="J19793" s="2">
        <v>0</v>
      </c>
      <c r="K19793" s="2">
        <v>0</v>
      </c>
      <c r="L19793" t="s">
        <v>120</v>
      </c>
      <c r="M19793" t="s">
        <v>83</v>
      </c>
      <c r="N19793" t="s">
        <v>91</v>
      </c>
      <c r="O19793" t="s">
        <v>85</v>
      </c>
      <c r="P19793" t="s">
        <v>86</v>
      </c>
      <c r="Q19793">
        <v>76</v>
      </c>
      <c r="R19793">
        <v>78</v>
      </c>
      <c r="S19793">
        <v>79</v>
      </c>
      <c r="T19793">
        <v>81</v>
      </c>
      <c r="U19793">
        <v>82</v>
      </c>
      <c r="V19793">
        <v>84</v>
      </c>
      <c r="W19793">
        <v>85</v>
      </c>
      <c r="X19793">
        <v>87</v>
      </c>
      <c r="Y19793">
        <v>88</v>
      </c>
      <c r="Z19793">
        <v>89</v>
      </c>
      <c r="AA19793">
        <v>91</v>
      </c>
      <c r="AB19793">
        <v>92</v>
      </c>
      <c r="AC19793">
        <v>94</v>
      </c>
      <c r="AD19793">
        <v>95</v>
      </c>
      <c r="AE19793">
        <v>96</v>
      </c>
      <c r="AF19793">
        <v>98</v>
      </c>
      <c r="AG19793">
        <v>99</v>
      </c>
      <c r="AH19793">
        <v>101</v>
      </c>
      <c r="AI19793">
        <v>102</v>
      </c>
      <c r="AJ19793">
        <v>104</v>
      </c>
      <c r="AK19793">
        <v>105</v>
      </c>
      <c r="AL19793">
        <v>106</v>
      </c>
      <c r="AM19793">
        <v>107</v>
      </c>
      <c r="AN19793">
        <v>108</v>
      </c>
      <c r="AO19793">
        <v>108</v>
      </c>
      <c r="AP19793">
        <v>109</v>
      </c>
      <c r="AQ19793">
        <v>110</v>
      </c>
    </row>
    <row r="19794" spans="1:43">
      <c r="A19794" t="s">
        <v>12258</v>
      </c>
      <c r="B19794" t="s">
        <v>12259</v>
      </c>
      <c r="C19794" t="s">
        <v>12252</v>
      </c>
      <c r="D19794" t="s">
        <v>12253</v>
      </c>
      <c r="E19794" t="s">
        <v>12188</v>
      </c>
      <c r="F19794" t="s">
        <v>12189</v>
      </c>
      <c r="G19794" t="s">
        <v>10450</v>
      </c>
      <c r="H19794" t="s">
        <v>10451</v>
      </c>
      <c r="I19794" s="2">
        <v>1</v>
      </c>
      <c r="J19794" s="2">
        <v>0</v>
      </c>
      <c r="K19794" s="2">
        <v>0</v>
      </c>
      <c r="L19794" t="s">
        <v>120</v>
      </c>
      <c r="M19794" t="s">
        <v>83</v>
      </c>
      <c r="N19794" t="s">
        <v>84</v>
      </c>
      <c r="O19794" t="s">
        <v>85</v>
      </c>
      <c r="P19794" t="s">
        <v>86</v>
      </c>
      <c r="Q19794">
        <v>34</v>
      </c>
      <c r="R19794">
        <v>34</v>
      </c>
      <c r="S19794">
        <v>35</v>
      </c>
      <c r="T19794">
        <v>35</v>
      </c>
      <c r="U19794">
        <v>36</v>
      </c>
      <c r="V19794">
        <v>37</v>
      </c>
      <c r="W19794">
        <v>37</v>
      </c>
      <c r="X19794">
        <v>38</v>
      </c>
      <c r="Y19794">
        <v>39</v>
      </c>
      <c r="Z19794">
        <v>39</v>
      </c>
      <c r="AA19794">
        <v>40</v>
      </c>
      <c r="AB19794">
        <v>41</v>
      </c>
      <c r="AC19794">
        <v>41</v>
      </c>
      <c r="AD19794">
        <v>42</v>
      </c>
      <c r="AE19794">
        <v>43</v>
      </c>
      <c r="AF19794">
        <v>43</v>
      </c>
      <c r="AG19794">
        <v>44</v>
      </c>
      <c r="AH19794">
        <v>45</v>
      </c>
      <c r="AI19794">
        <v>45</v>
      </c>
      <c r="AJ19794">
        <v>46</v>
      </c>
      <c r="AK19794">
        <v>47</v>
      </c>
      <c r="AL19794">
        <v>47</v>
      </c>
      <c r="AM19794">
        <v>47</v>
      </c>
      <c r="AN19794">
        <v>48</v>
      </c>
      <c r="AO19794">
        <v>48</v>
      </c>
      <c r="AP19794">
        <v>48</v>
      </c>
      <c r="AQ19794">
        <v>49</v>
      </c>
    </row>
    <row r="19795" spans="1:43">
      <c r="A19795" t="s">
        <v>12258</v>
      </c>
      <c r="B19795" t="s">
        <v>12259</v>
      </c>
      <c r="C19795" t="s">
        <v>12252</v>
      </c>
      <c r="D19795" t="s">
        <v>12253</v>
      </c>
      <c r="E19795" t="s">
        <v>12188</v>
      </c>
      <c r="F19795" t="s">
        <v>12189</v>
      </c>
      <c r="G19795" t="s">
        <v>10450</v>
      </c>
      <c r="H19795" t="s">
        <v>10451</v>
      </c>
      <c r="I19795" s="2">
        <v>1</v>
      </c>
      <c r="J19795" s="2">
        <v>0</v>
      </c>
      <c r="K19795" s="2">
        <v>0</v>
      </c>
      <c r="L19795" t="s">
        <v>120</v>
      </c>
      <c r="M19795" t="s">
        <v>87</v>
      </c>
      <c r="N19795" t="s">
        <v>88</v>
      </c>
      <c r="O19795" t="s">
        <v>85</v>
      </c>
      <c r="P19795" t="s">
        <v>86</v>
      </c>
      <c r="Q19795">
        <v>34</v>
      </c>
      <c r="R19795">
        <v>35</v>
      </c>
      <c r="S19795">
        <v>35</v>
      </c>
      <c r="T19795">
        <v>35</v>
      </c>
      <c r="U19795">
        <v>35</v>
      </c>
      <c r="V19795">
        <v>36</v>
      </c>
      <c r="W19795">
        <v>36</v>
      </c>
      <c r="X19795">
        <v>36</v>
      </c>
      <c r="Y19795">
        <v>37</v>
      </c>
      <c r="Z19795">
        <v>37</v>
      </c>
      <c r="AA19795">
        <v>37</v>
      </c>
      <c r="AB19795">
        <v>38</v>
      </c>
      <c r="AC19795">
        <v>38</v>
      </c>
      <c r="AD19795">
        <v>39</v>
      </c>
      <c r="AE19795">
        <v>39</v>
      </c>
      <c r="AF19795">
        <v>39</v>
      </c>
      <c r="AG19795">
        <v>40</v>
      </c>
      <c r="AH19795">
        <v>40</v>
      </c>
      <c r="AI19795">
        <v>40</v>
      </c>
      <c r="AJ19795">
        <v>41</v>
      </c>
      <c r="AK19795">
        <v>41</v>
      </c>
      <c r="AL19795">
        <v>41</v>
      </c>
      <c r="AM19795">
        <v>42</v>
      </c>
      <c r="AN19795">
        <v>42</v>
      </c>
      <c r="AO19795">
        <v>43</v>
      </c>
      <c r="AP19795">
        <v>43</v>
      </c>
      <c r="AQ19795">
        <v>44</v>
      </c>
    </row>
    <row r="19796" spans="1:43">
      <c r="A19796" t="s">
        <v>12258</v>
      </c>
      <c r="B19796" t="s">
        <v>12259</v>
      </c>
      <c r="C19796" t="s">
        <v>12252</v>
      </c>
      <c r="D19796" t="s">
        <v>12253</v>
      </c>
      <c r="E19796" t="s">
        <v>12188</v>
      </c>
      <c r="F19796" t="s">
        <v>12189</v>
      </c>
      <c r="G19796" t="s">
        <v>10450</v>
      </c>
      <c r="H19796" t="s">
        <v>10451</v>
      </c>
      <c r="I19796" s="2">
        <v>1</v>
      </c>
      <c r="J19796" s="2">
        <v>0</v>
      </c>
      <c r="K19796" s="2">
        <v>0</v>
      </c>
      <c r="L19796" t="s">
        <v>120</v>
      </c>
      <c r="M19796" t="s">
        <v>89</v>
      </c>
      <c r="N19796" t="s">
        <v>90</v>
      </c>
      <c r="O19796" t="s">
        <v>85</v>
      </c>
      <c r="P19796" t="s">
        <v>86</v>
      </c>
      <c r="Q19796">
        <v>34</v>
      </c>
      <c r="R19796">
        <v>35</v>
      </c>
      <c r="S19796">
        <v>36</v>
      </c>
      <c r="T19796">
        <v>37</v>
      </c>
      <c r="U19796">
        <v>38</v>
      </c>
      <c r="V19796">
        <v>38</v>
      </c>
      <c r="W19796">
        <v>39</v>
      </c>
      <c r="X19796">
        <v>40</v>
      </c>
      <c r="Y19796">
        <v>41</v>
      </c>
      <c r="Z19796">
        <v>42</v>
      </c>
      <c r="AA19796">
        <v>42</v>
      </c>
      <c r="AB19796">
        <v>43</v>
      </c>
      <c r="AC19796">
        <v>44</v>
      </c>
      <c r="AD19796">
        <v>45</v>
      </c>
      <c r="AE19796">
        <v>45</v>
      </c>
      <c r="AF19796">
        <v>46</v>
      </c>
      <c r="AG19796">
        <v>46</v>
      </c>
      <c r="AH19796">
        <v>46</v>
      </c>
      <c r="AI19796">
        <v>47</v>
      </c>
      <c r="AJ19796">
        <v>47</v>
      </c>
      <c r="AK19796">
        <v>47</v>
      </c>
      <c r="AL19796">
        <v>47</v>
      </c>
      <c r="AM19796">
        <v>48</v>
      </c>
      <c r="AN19796">
        <v>48</v>
      </c>
      <c r="AO19796">
        <v>48</v>
      </c>
      <c r="AP19796">
        <v>49</v>
      </c>
      <c r="AQ19796">
        <v>49</v>
      </c>
    </row>
    <row r="19797" spans="1:43">
      <c r="A19797" t="s">
        <v>12258</v>
      </c>
      <c r="B19797" t="s">
        <v>12259</v>
      </c>
      <c r="C19797" t="s">
        <v>12252</v>
      </c>
      <c r="D19797" t="s">
        <v>12253</v>
      </c>
      <c r="E19797" t="s">
        <v>12188</v>
      </c>
      <c r="F19797" t="s">
        <v>12189</v>
      </c>
      <c r="G19797" t="s">
        <v>10450</v>
      </c>
      <c r="H19797" t="s">
        <v>10451</v>
      </c>
      <c r="I19797" s="2">
        <v>1</v>
      </c>
      <c r="J19797" s="2">
        <v>0</v>
      </c>
      <c r="K19797" s="2">
        <v>0</v>
      </c>
      <c r="L19797" t="s">
        <v>120</v>
      </c>
      <c r="M19797" t="s">
        <v>83</v>
      </c>
      <c r="N19797" t="s">
        <v>91</v>
      </c>
      <c r="O19797" t="s">
        <v>85</v>
      </c>
      <c r="P19797" t="s">
        <v>86</v>
      </c>
      <c r="Q19797">
        <v>34</v>
      </c>
      <c r="R19797">
        <v>34</v>
      </c>
      <c r="S19797">
        <v>35</v>
      </c>
      <c r="T19797">
        <v>35</v>
      </c>
      <c r="U19797">
        <v>36</v>
      </c>
      <c r="V19797">
        <v>37</v>
      </c>
      <c r="W19797">
        <v>37</v>
      </c>
      <c r="X19797">
        <v>38</v>
      </c>
      <c r="Y19797">
        <v>39</v>
      </c>
      <c r="Z19797">
        <v>39</v>
      </c>
      <c r="AA19797">
        <v>40</v>
      </c>
      <c r="AB19797">
        <v>41</v>
      </c>
      <c r="AC19797">
        <v>41</v>
      </c>
      <c r="AD19797">
        <v>42</v>
      </c>
      <c r="AE19797">
        <v>43</v>
      </c>
      <c r="AF19797">
        <v>43</v>
      </c>
      <c r="AG19797">
        <v>44</v>
      </c>
      <c r="AH19797">
        <v>45</v>
      </c>
      <c r="AI19797">
        <v>45</v>
      </c>
      <c r="AJ19797">
        <v>46</v>
      </c>
      <c r="AK19797">
        <v>47</v>
      </c>
      <c r="AL19797">
        <v>47</v>
      </c>
      <c r="AM19797">
        <v>47</v>
      </c>
      <c r="AN19797">
        <v>48</v>
      </c>
      <c r="AO19797">
        <v>48</v>
      </c>
      <c r="AP19797">
        <v>48</v>
      </c>
      <c r="AQ19797">
        <v>49</v>
      </c>
    </row>
    <row r="19798" spans="1:43">
      <c r="A19798" t="s">
        <v>12260</v>
      </c>
      <c r="B19798" t="s">
        <v>12261</v>
      </c>
      <c r="C19798" t="s">
        <v>12262</v>
      </c>
      <c r="D19798" t="s">
        <v>12263</v>
      </c>
      <c r="E19798" t="s">
        <v>12188</v>
      </c>
      <c r="F19798" t="s">
        <v>12189</v>
      </c>
      <c r="G19798" t="s">
        <v>10450</v>
      </c>
      <c r="H19798" t="s">
        <v>10451</v>
      </c>
      <c r="I19798" s="2">
        <v>1</v>
      </c>
      <c r="J19798" s="2">
        <v>0</v>
      </c>
      <c r="K19798" s="2">
        <v>0</v>
      </c>
      <c r="L19798" t="s">
        <v>120</v>
      </c>
      <c r="M19798" t="s">
        <v>83</v>
      </c>
      <c r="N19798" t="s">
        <v>84</v>
      </c>
      <c r="O19798" t="s">
        <v>85</v>
      </c>
      <c r="P19798" t="s">
        <v>86</v>
      </c>
      <c r="Q19798">
        <v>6</v>
      </c>
      <c r="R19798">
        <v>6</v>
      </c>
      <c r="S19798">
        <v>6</v>
      </c>
      <c r="T19798">
        <v>6</v>
      </c>
      <c r="U19798">
        <v>7</v>
      </c>
      <c r="V19798">
        <v>7</v>
      </c>
      <c r="W19798">
        <v>7</v>
      </c>
      <c r="X19798">
        <v>7</v>
      </c>
      <c r="Y19798">
        <v>7</v>
      </c>
      <c r="Z19798">
        <v>7</v>
      </c>
      <c r="AA19798">
        <v>7</v>
      </c>
      <c r="AB19798">
        <v>7</v>
      </c>
      <c r="AC19798">
        <v>7</v>
      </c>
      <c r="AD19798">
        <v>8</v>
      </c>
      <c r="AE19798">
        <v>8</v>
      </c>
      <c r="AF19798">
        <v>8</v>
      </c>
      <c r="AG19798">
        <v>8</v>
      </c>
      <c r="AH19798">
        <v>8</v>
      </c>
      <c r="AI19798">
        <v>8</v>
      </c>
      <c r="AJ19798">
        <v>8</v>
      </c>
      <c r="AK19798">
        <v>8</v>
      </c>
      <c r="AL19798">
        <v>9</v>
      </c>
      <c r="AM19798">
        <v>9</v>
      </c>
      <c r="AN19798">
        <v>9</v>
      </c>
      <c r="AO19798">
        <v>9</v>
      </c>
      <c r="AP19798">
        <v>9</v>
      </c>
      <c r="AQ19798">
        <v>9</v>
      </c>
    </row>
    <row r="19799" spans="1:43">
      <c r="A19799" t="s">
        <v>12260</v>
      </c>
      <c r="B19799" t="s">
        <v>12261</v>
      </c>
      <c r="C19799" t="s">
        <v>12262</v>
      </c>
      <c r="D19799" t="s">
        <v>12263</v>
      </c>
      <c r="E19799" t="s">
        <v>12188</v>
      </c>
      <c r="F19799" t="s">
        <v>12189</v>
      </c>
      <c r="G19799" t="s">
        <v>10450</v>
      </c>
      <c r="H19799" t="s">
        <v>10451</v>
      </c>
      <c r="I19799" s="2">
        <v>1</v>
      </c>
      <c r="J19799" s="2">
        <v>0</v>
      </c>
      <c r="K19799" s="2">
        <v>0</v>
      </c>
      <c r="L19799" t="s">
        <v>120</v>
      </c>
      <c r="M19799" t="s">
        <v>87</v>
      </c>
      <c r="N19799" t="s">
        <v>88</v>
      </c>
      <c r="O19799" t="s">
        <v>85</v>
      </c>
      <c r="P19799" t="s">
        <v>86</v>
      </c>
      <c r="Q19799">
        <v>6</v>
      </c>
      <c r="R19799">
        <v>6</v>
      </c>
      <c r="S19799">
        <v>6</v>
      </c>
      <c r="T19799">
        <v>6</v>
      </c>
      <c r="U19799">
        <v>6</v>
      </c>
      <c r="V19799">
        <v>6</v>
      </c>
      <c r="W19799">
        <v>6</v>
      </c>
      <c r="X19799">
        <v>6</v>
      </c>
      <c r="Y19799">
        <v>6</v>
      </c>
      <c r="Z19799">
        <v>7</v>
      </c>
      <c r="AA19799">
        <v>7</v>
      </c>
      <c r="AB19799">
        <v>7</v>
      </c>
      <c r="AC19799">
        <v>7</v>
      </c>
      <c r="AD19799">
        <v>7</v>
      </c>
      <c r="AE19799">
        <v>7</v>
      </c>
      <c r="AF19799">
        <v>7</v>
      </c>
      <c r="AG19799">
        <v>7</v>
      </c>
      <c r="AH19799">
        <v>7</v>
      </c>
      <c r="AI19799">
        <v>7</v>
      </c>
      <c r="AJ19799">
        <v>7</v>
      </c>
      <c r="AK19799">
        <v>7</v>
      </c>
      <c r="AL19799">
        <v>7</v>
      </c>
      <c r="AM19799">
        <v>7</v>
      </c>
      <c r="AN19799">
        <v>7</v>
      </c>
      <c r="AO19799">
        <v>8</v>
      </c>
      <c r="AP19799">
        <v>8</v>
      </c>
      <c r="AQ19799">
        <v>8</v>
      </c>
    </row>
    <row r="19800" spans="1:43">
      <c r="A19800" t="s">
        <v>12260</v>
      </c>
      <c r="B19800" t="s">
        <v>12261</v>
      </c>
      <c r="C19800" t="s">
        <v>12262</v>
      </c>
      <c r="D19800" t="s">
        <v>12263</v>
      </c>
      <c r="E19800" t="s">
        <v>12188</v>
      </c>
      <c r="F19800" t="s">
        <v>12189</v>
      </c>
      <c r="G19800" t="s">
        <v>10450</v>
      </c>
      <c r="H19800" t="s">
        <v>10451</v>
      </c>
      <c r="I19800" s="2">
        <v>1</v>
      </c>
      <c r="J19800" s="2">
        <v>0</v>
      </c>
      <c r="K19800" s="2">
        <v>0</v>
      </c>
      <c r="L19800" t="s">
        <v>120</v>
      </c>
      <c r="M19800" t="s">
        <v>89</v>
      </c>
      <c r="N19800" t="s">
        <v>90</v>
      </c>
      <c r="O19800" t="s">
        <v>85</v>
      </c>
      <c r="P19800" t="s">
        <v>86</v>
      </c>
      <c r="Q19800">
        <v>6</v>
      </c>
      <c r="R19800">
        <v>6</v>
      </c>
      <c r="S19800">
        <v>6</v>
      </c>
      <c r="T19800">
        <v>7</v>
      </c>
      <c r="U19800">
        <v>7</v>
      </c>
      <c r="V19800">
        <v>7</v>
      </c>
      <c r="W19800">
        <v>7</v>
      </c>
      <c r="X19800">
        <v>7</v>
      </c>
      <c r="Y19800">
        <v>7</v>
      </c>
      <c r="Z19800">
        <v>8</v>
      </c>
      <c r="AA19800">
        <v>8</v>
      </c>
      <c r="AB19800">
        <v>8</v>
      </c>
      <c r="AC19800">
        <v>8</v>
      </c>
      <c r="AD19800">
        <v>8</v>
      </c>
      <c r="AE19800">
        <v>8</v>
      </c>
      <c r="AF19800">
        <v>8</v>
      </c>
      <c r="AG19800">
        <v>8</v>
      </c>
      <c r="AH19800">
        <v>8</v>
      </c>
      <c r="AI19800">
        <v>8</v>
      </c>
      <c r="AJ19800">
        <v>9</v>
      </c>
      <c r="AK19800">
        <v>9</v>
      </c>
      <c r="AL19800">
        <v>9</v>
      </c>
      <c r="AM19800">
        <v>9</v>
      </c>
      <c r="AN19800">
        <v>9</v>
      </c>
      <c r="AO19800">
        <v>9</v>
      </c>
      <c r="AP19800">
        <v>9</v>
      </c>
      <c r="AQ19800">
        <v>9</v>
      </c>
    </row>
    <row r="19801" spans="1:43">
      <c r="A19801" t="s">
        <v>12260</v>
      </c>
      <c r="B19801" t="s">
        <v>12261</v>
      </c>
      <c r="C19801" t="s">
        <v>12262</v>
      </c>
      <c r="D19801" t="s">
        <v>12263</v>
      </c>
      <c r="E19801" t="s">
        <v>12188</v>
      </c>
      <c r="F19801" t="s">
        <v>12189</v>
      </c>
      <c r="G19801" t="s">
        <v>10450</v>
      </c>
      <c r="H19801" t="s">
        <v>10451</v>
      </c>
      <c r="I19801" s="2">
        <v>1</v>
      </c>
      <c r="J19801" s="2">
        <v>0</v>
      </c>
      <c r="K19801" s="2">
        <v>0</v>
      </c>
      <c r="L19801" t="s">
        <v>120</v>
      </c>
      <c r="M19801" t="s">
        <v>83</v>
      </c>
      <c r="N19801" t="s">
        <v>91</v>
      </c>
      <c r="O19801" t="s">
        <v>85</v>
      </c>
      <c r="P19801" t="s">
        <v>86</v>
      </c>
      <c r="Q19801">
        <v>6</v>
      </c>
      <c r="R19801">
        <v>6</v>
      </c>
      <c r="S19801">
        <v>6</v>
      </c>
      <c r="T19801">
        <v>6</v>
      </c>
      <c r="U19801">
        <v>7</v>
      </c>
      <c r="V19801">
        <v>7</v>
      </c>
      <c r="W19801">
        <v>7</v>
      </c>
      <c r="X19801">
        <v>7</v>
      </c>
      <c r="Y19801">
        <v>7</v>
      </c>
      <c r="Z19801">
        <v>7</v>
      </c>
      <c r="AA19801">
        <v>7</v>
      </c>
      <c r="AB19801">
        <v>7</v>
      </c>
      <c r="AC19801">
        <v>7</v>
      </c>
      <c r="AD19801">
        <v>8</v>
      </c>
      <c r="AE19801">
        <v>8</v>
      </c>
      <c r="AF19801">
        <v>8</v>
      </c>
      <c r="AG19801">
        <v>8</v>
      </c>
      <c r="AH19801">
        <v>8</v>
      </c>
      <c r="AI19801">
        <v>8</v>
      </c>
      <c r="AJ19801">
        <v>8</v>
      </c>
      <c r="AK19801">
        <v>8</v>
      </c>
      <c r="AL19801">
        <v>9</v>
      </c>
      <c r="AM19801">
        <v>9</v>
      </c>
      <c r="AN19801">
        <v>9</v>
      </c>
      <c r="AO19801">
        <v>9</v>
      </c>
      <c r="AP19801">
        <v>9</v>
      </c>
      <c r="AQ19801">
        <v>9</v>
      </c>
    </row>
    <row r="19802" spans="1:43">
      <c r="A19802" t="s">
        <v>12264</v>
      </c>
      <c r="B19802" t="s">
        <v>12265</v>
      </c>
      <c r="C19802" t="s">
        <v>12266</v>
      </c>
      <c r="D19802" t="s">
        <v>12267</v>
      </c>
      <c r="E19802" t="s">
        <v>12188</v>
      </c>
      <c r="F19802" t="s">
        <v>12189</v>
      </c>
      <c r="G19802" t="s">
        <v>10450</v>
      </c>
      <c r="H19802" t="s">
        <v>10451</v>
      </c>
      <c r="I19802" s="2">
        <v>1</v>
      </c>
      <c r="J19802" s="2">
        <v>0</v>
      </c>
      <c r="K19802" s="2">
        <v>0</v>
      </c>
      <c r="L19802" t="s">
        <v>120</v>
      </c>
      <c r="M19802" t="s">
        <v>83</v>
      </c>
      <c r="N19802" t="s">
        <v>84</v>
      </c>
      <c r="O19802" t="s">
        <v>85</v>
      </c>
      <c r="P19802" t="s">
        <v>86</v>
      </c>
      <c r="Q19802">
        <v>13</v>
      </c>
      <c r="R19802">
        <v>13</v>
      </c>
      <c r="S19802">
        <v>13</v>
      </c>
      <c r="T19802">
        <v>13</v>
      </c>
      <c r="U19802">
        <v>14</v>
      </c>
      <c r="V19802">
        <v>14</v>
      </c>
      <c r="W19802">
        <v>14</v>
      </c>
      <c r="X19802">
        <v>14</v>
      </c>
      <c r="Y19802">
        <v>15</v>
      </c>
      <c r="Z19802">
        <v>15</v>
      </c>
      <c r="AA19802">
        <v>15</v>
      </c>
      <c r="AB19802">
        <v>15</v>
      </c>
      <c r="AC19802">
        <v>16</v>
      </c>
      <c r="AD19802">
        <v>16</v>
      </c>
      <c r="AE19802">
        <v>16</v>
      </c>
      <c r="AF19802">
        <v>16</v>
      </c>
      <c r="AG19802">
        <v>17</v>
      </c>
      <c r="AH19802">
        <v>17</v>
      </c>
      <c r="AI19802">
        <v>17</v>
      </c>
      <c r="AJ19802">
        <v>18</v>
      </c>
      <c r="AK19802">
        <v>18</v>
      </c>
      <c r="AL19802">
        <v>18</v>
      </c>
      <c r="AM19802">
        <v>18</v>
      </c>
      <c r="AN19802">
        <v>18</v>
      </c>
      <c r="AO19802">
        <v>18</v>
      </c>
      <c r="AP19802">
        <v>18</v>
      </c>
      <c r="AQ19802">
        <v>19</v>
      </c>
    </row>
    <row r="19803" spans="1:43">
      <c r="A19803" t="s">
        <v>12264</v>
      </c>
      <c r="B19803" t="s">
        <v>12265</v>
      </c>
      <c r="C19803" t="s">
        <v>12266</v>
      </c>
      <c r="D19803" t="s">
        <v>12267</v>
      </c>
      <c r="E19803" t="s">
        <v>12188</v>
      </c>
      <c r="F19803" t="s">
        <v>12189</v>
      </c>
      <c r="G19803" t="s">
        <v>10450</v>
      </c>
      <c r="H19803" t="s">
        <v>10451</v>
      </c>
      <c r="I19803" s="2">
        <v>1</v>
      </c>
      <c r="J19803" s="2">
        <v>0</v>
      </c>
      <c r="K19803" s="2">
        <v>0</v>
      </c>
      <c r="L19803" t="s">
        <v>120</v>
      </c>
      <c r="M19803" t="s">
        <v>87</v>
      </c>
      <c r="N19803" t="s">
        <v>88</v>
      </c>
      <c r="O19803" t="s">
        <v>85</v>
      </c>
      <c r="P19803" t="s">
        <v>86</v>
      </c>
      <c r="Q19803">
        <v>13</v>
      </c>
      <c r="R19803">
        <v>13</v>
      </c>
      <c r="S19803">
        <v>13</v>
      </c>
      <c r="T19803">
        <v>13</v>
      </c>
      <c r="U19803">
        <v>13</v>
      </c>
      <c r="V19803">
        <v>13</v>
      </c>
      <c r="W19803">
        <v>13</v>
      </c>
      <c r="X19803">
        <v>13</v>
      </c>
      <c r="Y19803">
        <v>14</v>
      </c>
      <c r="Z19803">
        <v>14</v>
      </c>
      <c r="AA19803">
        <v>14</v>
      </c>
      <c r="AB19803">
        <v>14</v>
      </c>
      <c r="AC19803">
        <v>14</v>
      </c>
      <c r="AD19803">
        <v>14</v>
      </c>
      <c r="AE19803">
        <v>14</v>
      </c>
      <c r="AF19803">
        <v>14</v>
      </c>
      <c r="AG19803">
        <v>15</v>
      </c>
      <c r="AH19803">
        <v>15</v>
      </c>
      <c r="AI19803">
        <v>15</v>
      </c>
      <c r="AJ19803">
        <v>15</v>
      </c>
      <c r="AK19803">
        <v>15</v>
      </c>
      <c r="AL19803">
        <v>15</v>
      </c>
      <c r="AM19803">
        <v>15</v>
      </c>
      <c r="AN19803">
        <v>16</v>
      </c>
      <c r="AO19803">
        <v>16</v>
      </c>
      <c r="AP19803">
        <v>16</v>
      </c>
      <c r="AQ19803">
        <v>16</v>
      </c>
    </row>
    <row r="19804" spans="1:43">
      <c r="A19804" t="s">
        <v>12264</v>
      </c>
      <c r="B19804" t="s">
        <v>12265</v>
      </c>
      <c r="C19804" t="s">
        <v>12266</v>
      </c>
      <c r="D19804" t="s">
        <v>12267</v>
      </c>
      <c r="E19804" t="s">
        <v>12188</v>
      </c>
      <c r="F19804" t="s">
        <v>12189</v>
      </c>
      <c r="G19804" t="s">
        <v>10450</v>
      </c>
      <c r="H19804" t="s">
        <v>10451</v>
      </c>
      <c r="I19804" s="2">
        <v>1</v>
      </c>
      <c r="J19804" s="2">
        <v>0</v>
      </c>
      <c r="K19804" s="2">
        <v>0</v>
      </c>
      <c r="L19804" t="s">
        <v>120</v>
      </c>
      <c r="M19804" t="s">
        <v>89</v>
      </c>
      <c r="N19804" t="s">
        <v>90</v>
      </c>
      <c r="O19804" t="s">
        <v>85</v>
      </c>
      <c r="P19804" t="s">
        <v>86</v>
      </c>
      <c r="Q19804">
        <v>13</v>
      </c>
      <c r="R19804">
        <v>13</v>
      </c>
      <c r="S19804">
        <v>14</v>
      </c>
      <c r="T19804">
        <v>14</v>
      </c>
      <c r="U19804">
        <v>14</v>
      </c>
      <c r="V19804">
        <v>15</v>
      </c>
      <c r="W19804">
        <v>15</v>
      </c>
      <c r="X19804">
        <v>15</v>
      </c>
      <c r="Y19804">
        <v>16</v>
      </c>
      <c r="Z19804">
        <v>16</v>
      </c>
      <c r="AA19804">
        <v>16</v>
      </c>
      <c r="AB19804">
        <v>16</v>
      </c>
      <c r="AC19804">
        <v>17</v>
      </c>
      <c r="AD19804">
        <v>17</v>
      </c>
      <c r="AE19804">
        <v>17</v>
      </c>
      <c r="AF19804">
        <v>17</v>
      </c>
      <c r="AG19804">
        <v>18</v>
      </c>
      <c r="AH19804">
        <v>18</v>
      </c>
      <c r="AI19804">
        <v>18</v>
      </c>
      <c r="AJ19804">
        <v>18</v>
      </c>
      <c r="AK19804">
        <v>18</v>
      </c>
      <c r="AL19804">
        <v>18</v>
      </c>
      <c r="AM19804">
        <v>18</v>
      </c>
      <c r="AN19804">
        <v>18</v>
      </c>
      <c r="AO19804">
        <v>18</v>
      </c>
      <c r="AP19804">
        <v>19</v>
      </c>
      <c r="AQ19804">
        <v>19</v>
      </c>
    </row>
    <row r="19805" spans="1:43">
      <c r="A19805" t="s">
        <v>12264</v>
      </c>
      <c r="B19805" t="s">
        <v>12265</v>
      </c>
      <c r="C19805" t="s">
        <v>12266</v>
      </c>
      <c r="D19805" t="s">
        <v>12267</v>
      </c>
      <c r="E19805" t="s">
        <v>12188</v>
      </c>
      <c r="F19805" t="s">
        <v>12189</v>
      </c>
      <c r="G19805" t="s">
        <v>10450</v>
      </c>
      <c r="H19805" t="s">
        <v>10451</v>
      </c>
      <c r="I19805" s="2">
        <v>1</v>
      </c>
      <c r="J19805" s="2">
        <v>0</v>
      </c>
      <c r="K19805" s="2">
        <v>0</v>
      </c>
      <c r="L19805" t="s">
        <v>120</v>
      </c>
      <c r="M19805" t="s">
        <v>83</v>
      </c>
      <c r="N19805" t="s">
        <v>91</v>
      </c>
      <c r="O19805" t="s">
        <v>85</v>
      </c>
      <c r="P19805" t="s">
        <v>86</v>
      </c>
      <c r="Q19805">
        <v>13</v>
      </c>
      <c r="R19805">
        <v>13</v>
      </c>
      <c r="S19805">
        <v>13</v>
      </c>
      <c r="T19805">
        <v>13</v>
      </c>
      <c r="U19805">
        <v>14</v>
      </c>
      <c r="V19805">
        <v>14</v>
      </c>
      <c r="W19805">
        <v>14</v>
      </c>
      <c r="X19805">
        <v>14</v>
      </c>
      <c r="Y19805">
        <v>15</v>
      </c>
      <c r="Z19805">
        <v>15</v>
      </c>
      <c r="AA19805">
        <v>15</v>
      </c>
      <c r="AB19805">
        <v>15</v>
      </c>
      <c r="AC19805">
        <v>16</v>
      </c>
      <c r="AD19805">
        <v>16</v>
      </c>
      <c r="AE19805">
        <v>16</v>
      </c>
      <c r="AF19805">
        <v>16</v>
      </c>
      <c r="AG19805">
        <v>17</v>
      </c>
      <c r="AH19805">
        <v>17</v>
      </c>
      <c r="AI19805">
        <v>17</v>
      </c>
      <c r="AJ19805">
        <v>18</v>
      </c>
      <c r="AK19805">
        <v>18</v>
      </c>
      <c r="AL19805">
        <v>18</v>
      </c>
      <c r="AM19805">
        <v>18</v>
      </c>
      <c r="AN19805">
        <v>18</v>
      </c>
      <c r="AO19805">
        <v>18</v>
      </c>
      <c r="AP19805">
        <v>18</v>
      </c>
      <c r="AQ19805">
        <v>19</v>
      </c>
    </row>
    <row r="19806" spans="1:43">
      <c r="A19806" t="s">
        <v>12268</v>
      </c>
      <c r="B19806" t="s">
        <v>12269</v>
      </c>
      <c r="C19806" t="s">
        <v>12266</v>
      </c>
      <c r="D19806" t="s">
        <v>12267</v>
      </c>
      <c r="E19806" t="s">
        <v>12188</v>
      </c>
      <c r="F19806" t="s">
        <v>12189</v>
      </c>
      <c r="G19806" t="s">
        <v>10450</v>
      </c>
      <c r="H19806" t="s">
        <v>10451</v>
      </c>
      <c r="I19806" s="2">
        <v>1</v>
      </c>
      <c r="J19806" s="2">
        <v>0</v>
      </c>
      <c r="K19806" s="2">
        <v>0</v>
      </c>
      <c r="L19806" t="s">
        <v>120</v>
      </c>
      <c r="M19806" t="s">
        <v>83</v>
      </c>
      <c r="N19806" t="s">
        <v>84</v>
      </c>
      <c r="O19806" t="s">
        <v>85</v>
      </c>
      <c r="P19806" t="s">
        <v>86</v>
      </c>
      <c r="Q19806">
        <v>10</v>
      </c>
      <c r="R19806">
        <v>10</v>
      </c>
      <c r="S19806">
        <v>11</v>
      </c>
      <c r="T19806">
        <v>11</v>
      </c>
      <c r="U19806">
        <v>11</v>
      </c>
      <c r="V19806">
        <v>11</v>
      </c>
      <c r="W19806">
        <v>11</v>
      </c>
      <c r="X19806">
        <v>12</v>
      </c>
      <c r="Y19806">
        <v>12</v>
      </c>
      <c r="Z19806">
        <v>12</v>
      </c>
      <c r="AA19806">
        <v>12</v>
      </c>
      <c r="AB19806">
        <v>12</v>
      </c>
      <c r="AC19806">
        <v>13</v>
      </c>
      <c r="AD19806">
        <v>13</v>
      </c>
      <c r="AE19806">
        <v>13</v>
      </c>
      <c r="AF19806">
        <v>13</v>
      </c>
      <c r="AG19806">
        <v>13</v>
      </c>
      <c r="AH19806">
        <v>14</v>
      </c>
      <c r="AI19806">
        <v>14</v>
      </c>
      <c r="AJ19806">
        <v>14</v>
      </c>
      <c r="AK19806">
        <v>14</v>
      </c>
      <c r="AL19806">
        <v>14</v>
      </c>
      <c r="AM19806">
        <v>15</v>
      </c>
      <c r="AN19806">
        <v>15</v>
      </c>
      <c r="AO19806">
        <v>15</v>
      </c>
      <c r="AP19806">
        <v>15</v>
      </c>
      <c r="AQ19806">
        <v>15</v>
      </c>
    </row>
    <row r="19807" spans="1:43">
      <c r="A19807" t="s">
        <v>12268</v>
      </c>
      <c r="B19807" t="s">
        <v>12269</v>
      </c>
      <c r="C19807" t="s">
        <v>12266</v>
      </c>
      <c r="D19807" t="s">
        <v>12267</v>
      </c>
      <c r="E19807" t="s">
        <v>12188</v>
      </c>
      <c r="F19807" t="s">
        <v>12189</v>
      </c>
      <c r="G19807" t="s">
        <v>10450</v>
      </c>
      <c r="H19807" t="s">
        <v>10451</v>
      </c>
      <c r="I19807" s="2">
        <v>1</v>
      </c>
      <c r="J19807" s="2">
        <v>0</v>
      </c>
      <c r="K19807" s="2">
        <v>0</v>
      </c>
      <c r="L19807" t="s">
        <v>120</v>
      </c>
      <c r="M19807" t="s">
        <v>87</v>
      </c>
      <c r="N19807" t="s">
        <v>88</v>
      </c>
      <c r="O19807" t="s">
        <v>85</v>
      </c>
      <c r="P19807" t="s">
        <v>86</v>
      </c>
      <c r="Q19807">
        <v>10</v>
      </c>
      <c r="R19807">
        <v>10</v>
      </c>
      <c r="S19807">
        <v>10</v>
      </c>
      <c r="T19807">
        <v>10</v>
      </c>
      <c r="U19807">
        <v>11</v>
      </c>
      <c r="V19807">
        <v>11</v>
      </c>
      <c r="W19807">
        <v>11</v>
      </c>
      <c r="X19807">
        <v>11</v>
      </c>
      <c r="Y19807">
        <v>11</v>
      </c>
      <c r="Z19807">
        <v>11</v>
      </c>
      <c r="AA19807">
        <v>11</v>
      </c>
      <c r="AB19807">
        <v>11</v>
      </c>
      <c r="AC19807">
        <v>11</v>
      </c>
      <c r="AD19807">
        <v>11</v>
      </c>
      <c r="AE19807">
        <v>12</v>
      </c>
      <c r="AF19807">
        <v>12</v>
      </c>
      <c r="AG19807">
        <v>12</v>
      </c>
      <c r="AH19807">
        <v>12</v>
      </c>
      <c r="AI19807">
        <v>12</v>
      </c>
      <c r="AJ19807">
        <v>12</v>
      </c>
      <c r="AK19807">
        <v>12</v>
      </c>
      <c r="AL19807">
        <v>12</v>
      </c>
      <c r="AM19807">
        <v>12</v>
      </c>
      <c r="AN19807">
        <v>13</v>
      </c>
      <c r="AO19807">
        <v>13</v>
      </c>
      <c r="AP19807">
        <v>13</v>
      </c>
      <c r="AQ19807">
        <v>13</v>
      </c>
    </row>
    <row r="19808" spans="1:43">
      <c r="A19808" t="s">
        <v>12268</v>
      </c>
      <c r="B19808" t="s">
        <v>12269</v>
      </c>
      <c r="C19808" t="s">
        <v>12266</v>
      </c>
      <c r="D19808" t="s">
        <v>12267</v>
      </c>
      <c r="E19808" t="s">
        <v>12188</v>
      </c>
      <c r="F19808" t="s">
        <v>12189</v>
      </c>
      <c r="G19808" t="s">
        <v>10450</v>
      </c>
      <c r="H19808" t="s">
        <v>10451</v>
      </c>
      <c r="I19808" s="2">
        <v>1</v>
      </c>
      <c r="J19808" s="2">
        <v>0</v>
      </c>
      <c r="K19808" s="2">
        <v>0</v>
      </c>
      <c r="L19808" t="s">
        <v>120</v>
      </c>
      <c r="M19808" t="s">
        <v>89</v>
      </c>
      <c r="N19808" t="s">
        <v>90</v>
      </c>
      <c r="O19808" t="s">
        <v>85</v>
      </c>
      <c r="P19808" t="s">
        <v>86</v>
      </c>
      <c r="Q19808">
        <v>10</v>
      </c>
      <c r="R19808">
        <v>11</v>
      </c>
      <c r="S19808">
        <v>11</v>
      </c>
      <c r="T19808">
        <v>11</v>
      </c>
      <c r="U19808">
        <v>11</v>
      </c>
      <c r="V19808">
        <v>12</v>
      </c>
      <c r="W19808">
        <v>12</v>
      </c>
      <c r="X19808">
        <v>12</v>
      </c>
      <c r="Y19808">
        <v>13</v>
      </c>
      <c r="Z19808">
        <v>13</v>
      </c>
      <c r="AA19808">
        <v>13</v>
      </c>
      <c r="AB19808">
        <v>13</v>
      </c>
      <c r="AC19808">
        <v>14</v>
      </c>
      <c r="AD19808">
        <v>14</v>
      </c>
      <c r="AE19808">
        <v>14</v>
      </c>
      <c r="AF19808">
        <v>14</v>
      </c>
      <c r="AG19808">
        <v>14</v>
      </c>
      <c r="AH19808">
        <v>14</v>
      </c>
      <c r="AI19808">
        <v>14</v>
      </c>
      <c r="AJ19808">
        <v>14</v>
      </c>
      <c r="AK19808">
        <v>15</v>
      </c>
      <c r="AL19808">
        <v>15</v>
      </c>
      <c r="AM19808">
        <v>15</v>
      </c>
      <c r="AN19808">
        <v>15</v>
      </c>
      <c r="AO19808">
        <v>15</v>
      </c>
      <c r="AP19808">
        <v>15</v>
      </c>
      <c r="AQ19808">
        <v>15</v>
      </c>
    </row>
    <row r="19809" spans="1:43">
      <c r="A19809" t="s">
        <v>12268</v>
      </c>
      <c r="B19809" t="s">
        <v>12269</v>
      </c>
      <c r="C19809" t="s">
        <v>12266</v>
      </c>
      <c r="D19809" t="s">
        <v>12267</v>
      </c>
      <c r="E19809" t="s">
        <v>12188</v>
      </c>
      <c r="F19809" t="s">
        <v>12189</v>
      </c>
      <c r="G19809" t="s">
        <v>10450</v>
      </c>
      <c r="H19809" t="s">
        <v>10451</v>
      </c>
      <c r="I19809" s="2">
        <v>1</v>
      </c>
      <c r="J19809" s="2">
        <v>0</v>
      </c>
      <c r="K19809" s="2">
        <v>0</v>
      </c>
      <c r="L19809" t="s">
        <v>120</v>
      </c>
      <c r="M19809" t="s">
        <v>83</v>
      </c>
      <c r="N19809" t="s">
        <v>91</v>
      </c>
      <c r="O19809" t="s">
        <v>85</v>
      </c>
      <c r="P19809" t="s">
        <v>86</v>
      </c>
      <c r="Q19809">
        <v>10</v>
      </c>
      <c r="R19809">
        <v>10</v>
      </c>
      <c r="S19809">
        <v>11</v>
      </c>
      <c r="T19809">
        <v>11</v>
      </c>
      <c r="U19809">
        <v>11</v>
      </c>
      <c r="V19809">
        <v>11</v>
      </c>
      <c r="W19809">
        <v>11</v>
      </c>
      <c r="X19809">
        <v>12</v>
      </c>
      <c r="Y19809">
        <v>12</v>
      </c>
      <c r="Z19809">
        <v>12</v>
      </c>
      <c r="AA19809">
        <v>12</v>
      </c>
      <c r="AB19809">
        <v>12</v>
      </c>
      <c r="AC19809">
        <v>13</v>
      </c>
      <c r="AD19809">
        <v>13</v>
      </c>
      <c r="AE19809">
        <v>13</v>
      </c>
      <c r="AF19809">
        <v>13</v>
      </c>
      <c r="AG19809">
        <v>13</v>
      </c>
      <c r="AH19809">
        <v>14</v>
      </c>
      <c r="AI19809">
        <v>14</v>
      </c>
      <c r="AJ19809">
        <v>14</v>
      </c>
      <c r="AK19809">
        <v>14</v>
      </c>
      <c r="AL19809">
        <v>14</v>
      </c>
      <c r="AM19809">
        <v>15</v>
      </c>
      <c r="AN19809">
        <v>15</v>
      </c>
      <c r="AO19809">
        <v>15</v>
      </c>
      <c r="AP19809">
        <v>15</v>
      </c>
      <c r="AQ19809">
        <v>15</v>
      </c>
    </row>
    <row r="19810" spans="1:43">
      <c r="A19810" t="s">
        <v>12270</v>
      </c>
      <c r="B19810" t="s">
        <v>12271</v>
      </c>
      <c r="C19810" t="s">
        <v>12266</v>
      </c>
      <c r="D19810" t="s">
        <v>12267</v>
      </c>
      <c r="E19810" t="s">
        <v>12188</v>
      </c>
      <c r="F19810" t="s">
        <v>12189</v>
      </c>
      <c r="G19810" t="s">
        <v>10450</v>
      </c>
      <c r="H19810" t="s">
        <v>10451</v>
      </c>
      <c r="I19810" s="2">
        <v>1</v>
      </c>
      <c r="J19810" s="2">
        <v>0</v>
      </c>
      <c r="K19810" s="2">
        <v>0</v>
      </c>
      <c r="L19810" t="s">
        <v>120</v>
      </c>
      <c r="M19810" t="s">
        <v>83</v>
      </c>
      <c r="N19810" t="s">
        <v>84</v>
      </c>
      <c r="O19810" t="s">
        <v>85</v>
      </c>
      <c r="P19810" t="s">
        <v>86</v>
      </c>
      <c r="Q19810">
        <v>53</v>
      </c>
      <c r="R19810">
        <v>54</v>
      </c>
      <c r="S19810">
        <v>55</v>
      </c>
      <c r="T19810">
        <v>56</v>
      </c>
      <c r="U19810">
        <v>57</v>
      </c>
      <c r="V19810">
        <v>58</v>
      </c>
      <c r="W19810">
        <v>59</v>
      </c>
      <c r="X19810">
        <v>60</v>
      </c>
      <c r="Y19810">
        <v>61</v>
      </c>
      <c r="Z19810">
        <v>62</v>
      </c>
      <c r="AA19810">
        <v>63</v>
      </c>
      <c r="AB19810">
        <v>64</v>
      </c>
      <c r="AC19810">
        <v>65</v>
      </c>
      <c r="AD19810">
        <v>66</v>
      </c>
      <c r="AE19810">
        <v>67</v>
      </c>
      <c r="AF19810">
        <v>68</v>
      </c>
      <c r="AG19810">
        <v>69</v>
      </c>
      <c r="AH19810">
        <v>70</v>
      </c>
      <c r="AI19810">
        <v>72</v>
      </c>
      <c r="AJ19810">
        <v>73</v>
      </c>
      <c r="AK19810">
        <v>74</v>
      </c>
      <c r="AL19810">
        <v>75</v>
      </c>
      <c r="AM19810">
        <v>75</v>
      </c>
      <c r="AN19810">
        <v>76</v>
      </c>
      <c r="AO19810">
        <v>76</v>
      </c>
      <c r="AP19810">
        <v>77</v>
      </c>
      <c r="AQ19810">
        <v>77</v>
      </c>
    </row>
    <row r="19811" spans="1:43">
      <c r="A19811" t="s">
        <v>12270</v>
      </c>
      <c r="B19811" t="s">
        <v>12271</v>
      </c>
      <c r="C19811" t="s">
        <v>12266</v>
      </c>
      <c r="D19811" t="s">
        <v>12267</v>
      </c>
      <c r="E19811" t="s">
        <v>12188</v>
      </c>
      <c r="F19811" t="s">
        <v>12189</v>
      </c>
      <c r="G19811" t="s">
        <v>10450</v>
      </c>
      <c r="H19811" t="s">
        <v>10451</v>
      </c>
      <c r="I19811" s="2">
        <v>1</v>
      </c>
      <c r="J19811" s="2">
        <v>0</v>
      </c>
      <c r="K19811" s="2">
        <v>0</v>
      </c>
      <c r="L19811" t="s">
        <v>120</v>
      </c>
      <c r="M19811" t="s">
        <v>87</v>
      </c>
      <c r="N19811" t="s">
        <v>88</v>
      </c>
      <c r="O19811" t="s">
        <v>85</v>
      </c>
      <c r="P19811" t="s">
        <v>86</v>
      </c>
      <c r="Q19811">
        <v>53</v>
      </c>
      <c r="R19811">
        <v>54</v>
      </c>
      <c r="S19811">
        <v>54</v>
      </c>
      <c r="T19811">
        <v>55</v>
      </c>
      <c r="U19811">
        <v>55</v>
      </c>
      <c r="V19811">
        <v>56</v>
      </c>
      <c r="W19811">
        <v>56</v>
      </c>
      <c r="X19811">
        <v>57</v>
      </c>
      <c r="Y19811">
        <v>57</v>
      </c>
      <c r="Z19811">
        <v>58</v>
      </c>
      <c r="AA19811">
        <v>58</v>
      </c>
      <c r="AB19811">
        <v>59</v>
      </c>
      <c r="AC19811">
        <v>60</v>
      </c>
      <c r="AD19811">
        <v>60</v>
      </c>
      <c r="AE19811">
        <v>61</v>
      </c>
      <c r="AF19811">
        <v>61</v>
      </c>
      <c r="AG19811">
        <v>62</v>
      </c>
      <c r="AH19811">
        <v>62</v>
      </c>
      <c r="AI19811">
        <v>63</v>
      </c>
      <c r="AJ19811">
        <v>64</v>
      </c>
      <c r="AK19811">
        <v>64</v>
      </c>
      <c r="AL19811">
        <v>65</v>
      </c>
      <c r="AM19811">
        <v>65</v>
      </c>
      <c r="AN19811">
        <v>66</v>
      </c>
      <c r="AO19811">
        <v>67</v>
      </c>
      <c r="AP19811">
        <v>67</v>
      </c>
      <c r="AQ19811">
        <v>68</v>
      </c>
    </row>
    <row r="19812" spans="1:43">
      <c r="A19812" t="s">
        <v>12270</v>
      </c>
      <c r="B19812" t="s">
        <v>12271</v>
      </c>
      <c r="C19812" t="s">
        <v>12266</v>
      </c>
      <c r="D19812" t="s">
        <v>12267</v>
      </c>
      <c r="E19812" t="s">
        <v>12188</v>
      </c>
      <c r="F19812" t="s">
        <v>12189</v>
      </c>
      <c r="G19812" t="s">
        <v>10450</v>
      </c>
      <c r="H19812" t="s">
        <v>10451</v>
      </c>
      <c r="I19812" s="2">
        <v>1</v>
      </c>
      <c r="J19812" s="2">
        <v>0</v>
      </c>
      <c r="K19812" s="2">
        <v>0</v>
      </c>
      <c r="L19812" t="s">
        <v>120</v>
      </c>
      <c r="M19812" t="s">
        <v>89</v>
      </c>
      <c r="N19812" t="s">
        <v>90</v>
      </c>
      <c r="O19812" t="s">
        <v>85</v>
      </c>
      <c r="P19812" t="s">
        <v>86</v>
      </c>
      <c r="Q19812">
        <v>53</v>
      </c>
      <c r="R19812">
        <v>55</v>
      </c>
      <c r="S19812">
        <v>56</v>
      </c>
      <c r="T19812">
        <v>58</v>
      </c>
      <c r="U19812">
        <v>59</v>
      </c>
      <c r="V19812">
        <v>60</v>
      </c>
      <c r="W19812">
        <v>62</v>
      </c>
      <c r="X19812">
        <v>63</v>
      </c>
      <c r="Y19812">
        <v>64</v>
      </c>
      <c r="Z19812">
        <v>66</v>
      </c>
      <c r="AA19812">
        <v>67</v>
      </c>
      <c r="AB19812">
        <v>68</v>
      </c>
      <c r="AC19812">
        <v>70</v>
      </c>
      <c r="AD19812">
        <v>71</v>
      </c>
      <c r="AE19812">
        <v>72</v>
      </c>
      <c r="AF19812">
        <v>72</v>
      </c>
      <c r="AG19812">
        <v>73</v>
      </c>
      <c r="AH19812">
        <v>73</v>
      </c>
      <c r="AI19812">
        <v>74</v>
      </c>
      <c r="AJ19812">
        <v>74</v>
      </c>
      <c r="AK19812">
        <v>75</v>
      </c>
      <c r="AL19812">
        <v>75</v>
      </c>
      <c r="AM19812">
        <v>76</v>
      </c>
      <c r="AN19812">
        <v>76</v>
      </c>
      <c r="AO19812">
        <v>77</v>
      </c>
      <c r="AP19812">
        <v>77</v>
      </c>
      <c r="AQ19812">
        <v>78</v>
      </c>
    </row>
    <row r="19813" spans="1:43">
      <c r="A19813" t="s">
        <v>12270</v>
      </c>
      <c r="B19813" t="s">
        <v>12271</v>
      </c>
      <c r="C19813" t="s">
        <v>12266</v>
      </c>
      <c r="D19813" t="s">
        <v>12267</v>
      </c>
      <c r="E19813" t="s">
        <v>12188</v>
      </c>
      <c r="F19813" t="s">
        <v>12189</v>
      </c>
      <c r="G19813" t="s">
        <v>10450</v>
      </c>
      <c r="H19813" t="s">
        <v>10451</v>
      </c>
      <c r="I19813" s="2">
        <v>1</v>
      </c>
      <c r="J19813" s="2">
        <v>0</v>
      </c>
      <c r="K19813" s="2">
        <v>0</v>
      </c>
      <c r="L19813" t="s">
        <v>120</v>
      </c>
      <c r="M19813" t="s">
        <v>83</v>
      </c>
      <c r="N19813" t="s">
        <v>91</v>
      </c>
      <c r="O19813" t="s">
        <v>85</v>
      </c>
      <c r="P19813" t="s">
        <v>86</v>
      </c>
      <c r="Q19813">
        <v>53</v>
      </c>
      <c r="R19813">
        <v>54</v>
      </c>
      <c r="S19813">
        <v>55</v>
      </c>
      <c r="T19813">
        <v>56</v>
      </c>
      <c r="U19813">
        <v>57</v>
      </c>
      <c r="V19813">
        <v>58</v>
      </c>
      <c r="W19813">
        <v>59</v>
      </c>
      <c r="X19813">
        <v>60</v>
      </c>
      <c r="Y19813">
        <v>61</v>
      </c>
      <c r="Z19813">
        <v>62</v>
      </c>
      <c r="AA19813">
        <v>63</v>
      </c>
      <c r="AB19813">
        <v>64</v>
      </c>
      <c r="AC19813">
        <v>65</v>
      </c>
      <c r="AD19813">
        <v>66</v>
      </c>
      <c r="AE19813">
        <v>67</v>
      </c>
      <c r="AF19813">
        <v>68</v>
      </c>
      <c r="AG19813">
        <v>69</v>
      </c>
      <c r="AH19813">
        <v>70</v>
      </c>
      <c r="AI19813">
        <v>72</v>
      </c>
      <c r="AJ19813">
        <v>73</v>
      </c>
      <c r="AK19813">
        <v>74</v>
      </c>
      <c r="AL19813">
        <v>75</v>
      </c>
      <c r="AM19813">
        <v>75</v>
      </c>
      <c r="AN19813">
        <v>76</v>
      </c>
      <c r="AO19813">
        <v>76</v>
      </c>
      <c r="AP19813">
        <v>77</v>
      </c>
      <c r="AQ19813">
        <v>77</v>
      </c>
    </row>
    <row r="19814" spans="1:43">
      <c r="A19814" t="s">
        <v>12272</v>
      </c>
      <c r="B19814" t="s">
        <v>12273</v>
      </c>
      <c r="C19814" t="s">
        <v>12266</v>
      </c>
      <c r="D19814" t="s">
        <v>12267</v>
      </c>
      <c r="E19814" t="s">
        <v>12188</v>
      </c>
      <c r="F19814" t="s">
        <v>12189</v>
      </c>
      <c r="G19814" t="s">
        <v>10450</v>
      </c>
      <c r="H19814" t="s">
        <v>10451</v>
      </c>
      <c r="I19814" s="2">
        <v>1</v>
      </c>
      <c r="J19814" s="2">
        <v>0</v>
      </c>
      <c r="K19814" s="2">
        <v>0</v>
      </c>
      <c r="L19814" t="s">
        <v>120</v>
      </c>
      <c r="M19814" t="s">
        <v>83</v>
      </c>
      <c r="N19814" t="s">
        <v>84</v>
      </c>
      <c r="O19814" t="s">
        <v>85</v>
      </c>
      <c r="P19814" t="s">
        <v>86</v>
      </c>
      <c r="Q19814">
        <v>12</v>
      </c>
      <c r="R19814">
        <v>12</v>
      </c>
      <c r="S19814">
        <v>12</v>
      </c>
      <c r="T19814">
        <v>12</v>
      </c>
      <c r="U19814">
        <v>12</v>
      </c>
      <c r="V19814">
        <v>13</v>
      </c>
      <c r="W19814">
        <v>13</v>
      </c>
      <c r="X19814">
        <v>13</v>
      </c>
      <c r="Y19814">
        <v>13</v>
      </c>
      <c r="Z19814">
        <v>14</v>
      </c>
      <c r="AA19814">
        <v>14</v>
      </c>
      <c r="AB19814">
        <v>14</v>
      </c>
      <c r="AC19814">
        <v>14</v>
      </c>
      <c r="AD19814">
        <v>14</v>
      </c>
      <c r="AE19814">
        <v>15</v>
      </c>
      <c r="AF19814">
        <v>15</v>
      </c>
      <c r="AG19814">
        <v>15</v>
      </c>
      <c r="AH19814">
        <v>15</v>
      </c>
      <c r="AI19814">
        <v>16</v>
      </c>
      <c r="AJ19814">
        <v>16</v>
      </c>
      <c r="AK19814">
        <v>16</v>
      </c>
      <c r="AL19814">
        <v>16</v>
      </c>
      <c r="AM19814">
        <v>16</v>
      </c>
      <c r="AN19814">
        <v>17</v>
      </c>
      <c r="AO19814">
        <v>17</v>
      </c>
      <c r="AP19814">
        <v>17</v>
      </c>
      <c r="AQ19814">
        <v>17</v>
      </c>
    </row>
    <row r="19815" spans="1:43">
      <c r="A19815" t="s">
        <v>12272</v>
      </c>
      <c r="B19815" t="s">
        <v>12273</v>
      </c>
      <c r="C19815" t="s">
        <v>12266</v>
      </c>
      <c r="D19815" t="s">
        <v>12267</v>
      </c>
      <c r="E19815" t="s">
        <v>12188</v>
      </c>
      <c r="F19815" t="s">
        <v>12189</v>
      </c>
      <c r="G19815" t="s">
        <v>10450</v>
      </c>
      <c r="H19815" t="s">
        <v>10451</v>
      </c>
      <c r="I19815" s="2">
        <v>1</v>
      </c>
      <c r="J19815" s="2">
        <v>0</v>
      </c>
      <c r="K19815" s="2">
        <v>0</v>
      </c>
      <c r="L19815" t="s">
        <v>120</v>
      </c>
      <c r="M19815" t="s">
        <v>87</v>
      </c>
      <c r="N19815" t="s">
        <v>88</v>
      </c>
      <c r="O19815" t="s">
        <v>85</v>
      </c>
      <c r="P19815" t="s">
        <v>86</v>
      </c>
      <c r="Q19815">
        <v>12</v>
      </c>
      <c r="R19815">
        <v>13</v>
      </c>
      <c r="S19815">
        <v>13</v>
      </c>
      <c r="T19815">
        <v>13</v>
      </c>
      <c r="U19815">
        <v>13</v>
      </c>
      <c r="V19815">
        <v>13</v>
      </c>
      <c r="W19815">
        <v>13</v>
      </c>
      <c r="X19815">
        <v>13</v>
      </c>
      <c r="Y19815">
        <v>13</v>
      </c>
      <c r="Z19815">
        <v>13</v>
      </c>
      <c r="AA19815">
        <v>14</v>
      </c>
      <c r="AB19815">
        <v>14</v>
      </c>
      <c r="AC19815">
        <v>14</v>
      </c>
      <c r="AD19815">
        <v>14</v>
      </c>
      <c r="AE19815">
        <v>14</v>
      </c>
      <c r="AF19815">
        <v>14</v>
      </c>
      <c r="AG19815">
        <v>14</v>
      </c>
      <c r="AH19815">
        <v>14</v>
      </c>
      <c r="AI19815">
        <v>15</v>
      </c>
      <c r="AJ19815">
        <v>15</v>
      </c>
      <c r="AK19815">
        <v>15</v>
      </c>
      <c r="AL19815">
        <v>15</v>
      </c>
      <c r="AM19815">
        <v>15</v>
      </c>
      <c r="AN19815">
        <v>15</v>
      </c>
      <c r="AO19815">
        <v>15</v>
      </c>
      <c r="AP19815">
        <v>16</v>
      </c>
      <c r="AQ19815">
        <v>16</v>
      </c>
    </row>
    <row r="19816" spans="1:43">
      <c r="A19816" t="s">
        <v>12272</v>
      </c>
      <c r="B19816" t="s">
        <v>12273</v>
      </c>
      <c r="C19816" t="s">
        <v>12266</v>
      </c>
      <c r="D19816" t="s">
        <v>12267</v>
      </c>
      <c r="E19816" t="s">
        <v>12188</v>
      </c>
      <c r="F19816" t="s">
        <v>12189</v>
      </c>
      <c r="G19816" t="s">
        <v>10450</v>
      </c>
      <c r="H19816" t="s">
        <v>10451</v>
      </c>
      <c r="I19816" s="2">
        <v>1</v>
      </c>
      <c r="J19816" s="2">
        <v>0</v>
      </c>
      <c r="K19816" s="2">
        <v>0</v>
      </c>
      <c r="L19816" t="s">
        <v>120</v>
      </c>
      <c r="M19816" t="s">
        <v>89</v>
      </c>
      <c r="N19816" t="s">
        <v>90</v>
      </c>
      <c r="O19816" t="s">
        <v>85</v>
      </c>
      <c r="P19816" t="s">
        <v>86</v>
      </c>
      <c r="Q19816">
        <v>12</v>
      </c>
      <c r="R19816">
        <v>12</v>
      </c>
      <c r="S19816">
        <v>12</v>
      </c>
      <c r="T19816">
        <v>13</v>
      </c>
      <c r="U19816">
        <v>13</v>
      </c>
      <c r="V19816">
        <v>13</v>
      </c>
      <c r="W19816">
        <v>14</v>
      </c>
      <c r="X19816">
        <v>14</v>
      </c>
      <c r="Y19816">
        <v>14</v>
      </c>
      <c r="Z19816">
        <v>14</v>
      </c>
      <c r="AA19816">
        <v>15</v>
      </c>
      <c r="AB19816">
        <v>15</v>
      </c>
      <c r="AC19816">
        <v>15</v>
      </c>
      <c r="AD19816">
        <v>16</v>
      </c>
      <c r="AE19816">
        <v>16</v>
      </c>
      <c r="AF19816">
        <v>16</v>
      </c>
      <c r="AG19816">
        <v>16</v>
      </c>
      <c r="AH19816">
        <v>16</v>
      </c>
      <c r="AI19816">
        <v>16</v>
      </c>
      <c r="AJ19816">
        <v>16</v>
      </c>
      <c r="AK19816">
        <v>16</v>
      </c>
      <c r="AL19816">
        <v>17</v>
      </c>
      <c r="AM19816">
        <v>17</v>
      </c>
      <c r="AN19816">
        <v>17</v>
      </c>
      <c r="AO19816">
        <v>17</v>
      </c>
      <c r="AP19816">
        <v>17</v>
      </c>
      <c r="AQ19816">
        <v>17</v>
      </c>
    </row>
    <row r="19817" spans="1:43">
      <c r="A19817" t="s">
        <v>12272</v>
      </c>
      <c r="B19817" t="s">
        <v>12273</v>
      </c>
      <c r="C19817" t="s">
        <v>12266</v>
      </c>
      <c r="D19817" t="s">
        <v>12267</v>
      </c>
      <c r="E19817" t="s">
        <v>12188</v>
      </c>
      <c r="F19817" t="s">
        <v>12189</v>
      </c>
      <c r="G19817" t="s">
        <v>10450</v>
      </c>
      <c r="H19817" t="s">
        <v>10451</v>
      </c>
      <c r="I19817" s="2">
        <v>1</v>
      </c>
      <c r="J19817" s="2">
        <v>0</v>
      </c>
      <c r="K19817" s="2">
        <v>0</v>
      </c>
      <c r="L19817" t="s">
        <v>120</v>
      </c>
      <c r="M19817" t="s">
        <v>83</v>
      </c>
      <c r="N19817" t="s">
        <v>91</v>
      </c>
      <c r="O19817" t="s">
        <v>85</v>
      </c>
      <c r="P19817" t="s">
        <v>86</v>
      </c>
      <c r="Q19817">
        <v>12</v>
      </c>
      <c r="R19817">
        <v>12</v>
      </c>
      <c r="S19817">
        <v>12</v>
      </c>
      <c r="T19817">
        <v>12</v>
      </c>
      <c r="U19817">
        <v>12</v>
      </c>
      <c r="V19817">
        <v>13</v>
      </c>
      <c r="W19817">
        <v>13</v>
      </c>
      <c r="X19817">
        <v>13</v>
      </c>
      <c r="Y19817">
        <v>13</v>
      </c>
      <c r="Z19817">
        <v>14</v>
      </c>
      <c r="AA19817">
        <v>14</v>
      </c>
      <c r="AB19817">
        <v>14</v>
      </c>
      <c r="AC19817">
        <v>14</v>
      </c>
      <c r="AD19817">
        <v>14</v>
      </c>
      <c r="AE19817">
        <v>15</v>
      </c>
      <c r="AF19817">
        <v>15</v>
      </c>
      <c r="AG19817">
        <v>15</v>
      </c>
      <c r="AH19817">
        <v>15</v>
      </c>
      <c r="AI19817">
        <v>16</v>
      </c>
      <c r="AJ19817">
        <v>16</v>
      </c>
      <c r="AK19817">
        <v>16</v>
      </c>
      <c r="AL19817">
        <v>16</v>
      </c>
      <c r="AM19817">
        <v>16</v>
      </c>
      <c r="AN19817">
        <v>17</v>
      </c>
      <c r="AO19817">
        <v>17</v>
      </c>
      <c r="AP19817">
        <v>17</v>
      </c>
      <c r="AQ19817">
        <v>17</v>
      </c>
    </row>
    <row r="19818" spans="1:43">
      <c r="A19818" t="s">
        <v>12274</v>
      </c>
      <c r="B19818" t="s">
        <v>12275</v>
      </c>
      <c r="C19818" t="s">
        <v>12266</v>
      </c>
      <c r="D19818" t="s">
        <v>12267</v>
      </c>
      <c r="E19818" t="s">
        <v>12188</v>
      </c>
      <c r="F19818" t="s">
        <v>12189</v>
      </c>
      <c r="G19818" t="s">
        <v>10450</v>
      </c>
      <c r="H19818" t="s">
        <v>10451</v>
      </c>
      <c r="I19818" s="2">
        <v>1</v>
      </c>
      <c r="J19818" s="2">
        <v>0</v>
      </c>
      <c r="K19818" s="2">
        <v>0</v>
      </c>
      <c r="L19818" t="s">
        <v>120</v>
      </c>
      <c r="M19818" t="s">
        <v>83</v>
      </c>
      <c r="N19818" t="s">
        <v>84</v>
      </c>
      <c r="O19818" t="s">
        <v>85</v>
      </c>
      <c r="P19818" t="s">
        <v>86</v>
      </c>
      <c r="Q19818">
        <v>16</v>
      </c>
      <c r="R19818">
        <v>16</v>
      </c>
      <c r="S19818">
        <v>17</v>
      </c>
      <c r="T19818">
        <v>17</v>
      </c>
      <c r="U19818">
        <v>17</v>
      </c>
      <c r="V19818">
        <v>18</v>
      </c>
      <c r="W19818">
        <v>18</v>
      </c>
      <c r="X19818">
        <v>18</v>
      </c>
      <c r="Y19818">
        <v>18</v>
      </c>
      <c r="Z19818">
        <v>19</v>
      </c>
      <c r="AA19818">
        <v>19</v>
      </c>
      <c r="AB19818">
        <v>19</v>
      </c>
      <c r="AC19818">
        <v>20</v>
      </c>
      <c r="AD19818">
        <v>20</v>
      </c>
      <c r="AE19818">
        <v>20</v>
      </c>
      <c r="AF19818">
        <v>21</v>
      </c>
      <c r="AG19818">
        <v>21</v>
      </c>
      <c r="AH19818">
        <v>21</v>
      </c>
      <c r="AI19818">
        <v>22</v>
      </c>
      <c r="AJ19818">
        <v>22</v>
      </c>
      <c r="AK19818">
        <v>22</v>
      </c>
      <c r="AL19818">
        <v>23</v>
      </c>
      <c r="AM19818">
        <v>23</v>
      </c>
      <c r="AN19818">
        <v>23</v>
      </c>
      <c r="AO19818">
        <v>23</v>
      </c>
      <c r="AP19818">
        <v>23</v>
      </c>
      <c r="AQ19818">
        <v>23</v>
      </c>
    </row>
    <row r="19819" spans="1:43">
      <c r="A19819" t="s">
        <v>12274</v>
      </c>
      <c r="B19819" t="s">
        <v>12275</v>
      </c>
      <c r="C19819" t="s">
        <v>12266</v>
      </c>
      <c r="D19819" t="s">
        <v>12267</v>
      </c>
      <c r="E19819" t="s">
        <v>12188</v>
      </c>
      <c r="F19819" t="s">
        <v>12189</v>
      </c>
      <c r="G19819" t="s">
        <v>10450</v>
      </c>
      <c r="H19819" t="s">
        <v>10451</v>
      </c>
      <c r="I19819" s="2">
        <v>1</v>
      </c>
      <c r="J19819" s="2">
        <v>0</v>
      </c>
      <c r="K19819" s="2">
        <v>0</v>
      </c>
      <c r="L19819" t="s">
        <v>120</v>
      </c>
      <c r="M19819" t="s">
        <v>87</v>
      </c>
      <c r="N19819" t="s">
        <v>88</v>
      </c>
      <c r="O19819" t="s">
        <v>85</v>
      </c>
      <c r="P19819" t="s">
        <v>86</v>
      </c>
      <c r="Q19819">
        <v>16</v>
      </c>
      <c r="R19819">
        <v>16</v>
      </c>
      <c r="S19819">
        <v>16</v>
      </c>
      <c r="T19819">
        <v>16</v>
      </c>
      <c r="U19819">
        <v>16</v>
      </c>
      <c r="V19819">
        <v>17</v>
      </c>
      <c r="W19819">
        <v>17</v>
      </c>
      <c r="X19819">
        <v>17</v>
      </c>
      <c r="Y19819">
        <v>17</v>
      </c>
      <c r="Z19819">
        <v>17</v>
      </c>
      <c r="AA19819">
        <v>17</v>
      </c>
      <c r="AB19819">
        <v>18</v>
      </c>
      <c r="AC19819">
        <v>18</v>
      </c>
      <c r="AD19819">
        <v>18</v>
      </c>
      <c r="AE19819">
        <v>18</v>
      </c>
      <c r="AF19819">
        <v>18</v>
      </c>
      <c r="AG19819">
        <v>18</v>
      </c>
      <c r="AH19819">
        <v>19</v>
      </c>
      <c r="AI19819">
        <v>19</v>
      </c>
      <c r="AJ19819">
        <v>19</v>
      </c>
      <c r="AK19819">
        <v>19</v>
      </c>
      <c r="AL19819">
        <v>19</v>
      </c>
      <c r="AM19819">
        <v>20</v>
      </c>
      <c r="AN19819">
        <v>20</v>
      </c>
      <c r="AO19819">
        <v>20</v>
      </c>
      <c r="AP19819">
        <v>20</v>
      </c>
      <c r="AQ19819">
        <v>20</v>
      </c>
    </row>
    <row r="19820" spans="1:43">
      <c r="A19820" t="s">
        <v>12274</v>
      </c>
      <c r="B19820" t="s">
        <v>12275</v>
      </c>
      <c r="C19820" t="s">
        <v>12266</v>
      </c>
      <c r="D19820" t="s">
        <v>12267</v>
      </c>
      <c r="E19820" t="s">
        <v>12188</v>
      </c>
      <c r="F19820" t="s">
        <v>12189</v>
      </c>
      <c r="G19820" t="s">
        <v>10450</v>
      </c>
      <c r="H19820" t="s">
        <v>10451</v>
      </c>
      <c r="I19820" s="2">
        <v>1</v>
      </c>
      <c r="J19820" s="2">
        <v>0</v>
      </c>
      <c r="K19820" s="2">
        <v>0</v>
      </c>
      <c r="L19820" t="s">
        <v>120</v>
      </c>
      <c r="M19820" t="s">
        <v>89</v>
      </c>
      <c r="N19820" t="s">
        <v>90</v>
      </c>
      <c r="O19820" t="s">
        <v>85</v>
      </c>
      <c r="P19820" t="s">
        <v>86</v>
      </c>
      <c r="Q19820">
        <v>16</v>
      </c>
      <c r="R19820">
        <v>17</v>
      </c>
      <c r="S19820">
        <v>17</v>
      </c>
      <c r="T19820">
        <v>17</v>
      </c>
      <c r="U19820">
        <v>18</v>
      </c>
      <c r="V19820">
        <v>18</v>
      </c>
      <c r="W19820">
        <v>19</v>
      </c>
      <c r="X19820">
        <v>19</v>
      </c>
      <c r="Y19820">
        <v>20</v>
      </c>
      <c r="Z19820">
        <v>20</v>
      </c>
      <c r="AA19820">
        <v>20</v>
      </c>
      <c r="AB19820">
        <v>21</v>
      </c>
      <c r="AC19820">
        <v>21</v>
      </c>
      <c r="AD19820">
        <v>21</v>
      </c>
      <c r="AE19820">
        <v>22</v>
      </c>
      <c r="AF19820">
        <v>22</v>
      </c>
      <c r="AG19820">
        <v>22</v>
      </c>
      <c r="AH19820">
        <v>22</v>
      </c>
      <c r="AI19820">
        <v>22</v>
      </c>
      <c r="AJ19820">
        <v>23</v>
      </c>
      <c r="AK19820">
        <v>23</v>
      </c>
      <c r="AL19820">
        <v>23</v>
      </c>
      <c r="AM19820">
        <v>23</v>
      </c>
      <c r="AN19820">
        <v>23</v>
      </c>
      <c r="AO19820">
        <v>23</v>
      </c>
      <c r="AP19820">
        <v>23</v>
      </c>
      <c r="AQ19820">
        <v>24</v>
      </c>
    </row>
    <row r="19821" spans="1:43">
      <c r="A19821" t="s">
        <v>12274</v>
      </c>
      <c r="B19821" t="s">
        <v>12275</v>
      </c>
      <c r="C19821" t="s">
        <v>12266</v>
      </c>
      <c r="D19821" t="s">
        <v>12267</v>
      </c>
      <c r="E19821" t="s">
        <v>12188</v>
      </c>
      <c r="F19821" t="s">
        <v>12189</v>
      </c>
      <c r="G19821" t="s">
        <v>10450</v>
      </c>
      <c r="H19821" t="s">
        <v>10451</v>
      </c>
      <c r="I19821" s="2">
        <v>1</v>
      </c>
      <c r="J19821" s="2">
        <v>0</v>
      </c>
      <c r="K19821" s="2">
        <v>0</v>
      </c>
      <c r="L19821" t="s">
        <v>120</v>
      </c>
      <c r="M19821" t="s">
        <v>83</v>
      </c>
      <c r="N19821" t="s">
        <v>91</v>
      </c>
      <c r="O19821" t="s">
        <v>85</v>
      </c>
      <c r="P19821" t="s">
        <v>86</v>
      </c>
      <c r="Q19821">
        <v>16</v>
      </c>
      <c r="R19821">
        <v>16</v>
      </c>
      <c r="S19821">
        <v>17</v>
      </c>
      <c r="T19821">
        <v>17</v>
      </c>
      <c r="U19821">
        <v>17</v>
      </c>
      <c r="V19821">
        <v>18</v>
      </c>
      <c r="W19821">
        <v>18</v>
      </c>
      <c r="X19821">
        <v>18</v>
      </c>
      <c r="Y19821">
        <v>18</v>
      </c>
      <c r="Z19821">
        <v>19</v>
      </c>
      <c r="AA19821">
        <v>19</v>
      </c>
      <c r="AB19821">
        <v>19</v>
      </c>
      <c r="AC19821">
        <v>20</v>
      </c>
      <c r="AD19821">
        <v>20</v>
      </c>
      <c r="AE19821">
        <v>20</v>
      </c>
      <c r="AF19821">
        <v>21</v>
      </c>
      <c r="AG19821">
        <v>21</v>
      </c>
      <c r="AH19821">
        <v>21</v>
      </c>
      <c r="AI19821">
        <v>22</v>
      </c>
      <c r="AJ19821">
        <v>22</v>
      </c>
      <c r="AK19821">
        <v>22</v>
      </c>
      <c r="AL19821">
        <v>23</v>
      </c>
      <c r="AM19821">
        <v>23</v>
      </c>
      <c r="AN19821">
        <v>23</v>
      </c>
      <c r="AO19821">
        <v>23</v>
      </c>
      <c r="AP19821">
        <v>23</v>
      </c>
      <c r="AQ19821">
        <v>23</v>
      </c>
    </row>
    <row r="19822" spans="1:43">
      <c r="A19822" t="s">
        <v>12276</v>
      </c>
      <c r="B19822" t="s">
        <v>12277</v>
      </c>
      <c r="C19822" t="s">
        <v>12266</v>
      </c>
      <c r="D19822" t="s">
        <v>12267</v>
      </c>
      <c r="E19822" t="s">
        <v>12188</v>
      </c>
      <c r="F19822" t="s">
        <v>12189</v>
      </c>
      <c r="G19822" t="s">
        <v>10450</v>
      </c>
      <c r="H19822" t="s">
        <v>10451</v>
      </c>
      <c r="I19822" s="2">
        <v>1</v>
      </c>
      <c r="J19822" s="2">
        <v>0</v>
      </c>
      <c r="K19822" s="2">
        <v>0</v>
      </c>
      <c r="L19822" t="s">
        <v>120</v>
      </c>
      <c r="M19822" t="s">
        <v>83</v>
      </c>
      <c r="N19822" t="s">
        <v>84</v>
      </c>
      <c r="O19822" t="s">
        <v>85</v>
      </c>
      <c r="P19822" t="s">
        <v>86</v>
      </c>
      <c r="Q19822">
        <v>21</v>
      </c>
      <c r="R19822">
        <v>21</v>
      </c>
      <c r="S19822">
        <v>21</v>
      </c>
      <c r="T19822">
        <v>22</v>
      </c>
      <c r="U19822">
        <v>22</v>
      </c>
      <c r="V19822">
        <v>23</v>
      </c>
      <c r="W19822">
        <v>23</v>
      </c>
      <c r="X19822">
        <v>23</v>
      </c>
      <c r="Y19822">
        <v>24</v>
      </c>
      <c r="Z19822">
        <v>24</v>
      </c>
      <c r="AA19822">
        <v>25</v>
      </c>
      <c r="AB19822">
        <v>25</v>
      </c>
      <c r="AC19822">
        <v>25</v>
      </c>
      <c r="AD19822">
        <v>26</v>
      </c>
      <c r="AE19822">
        <v>26</v>
      </c>
      <c r="AF19822">
        <v>27</v>
      </c>
      <c r="AG19822">
        <v>27</v>
      </c>
      <c r="AH19822">
        <v>28</v>
      </c>
      <c r="AI19822">
        <v>28</v>
      </c>
      <c r="AJ19822">
        <v>28</v>
      </c>
      <c r="AK19822">
        <v>29</v>
      </c>
      <c r="AL19822">
        <v>29</v>
      </c>
      <c r="AM19822">
        <v>29</v>
      </c>
      <c r="AN19822">
        <v>30</v>
      </c>
      <c r="AO19822">
        <v>30</v>
      </c>
      <c r="AP19822">
        <v>30</v>
      </c>
      <c r="AQ19822">
        <v>30</v>
      </c>
    </row>
    <row r="19823" spans="1:43">
      <c r="A19823" t="s">
        <v>12276</v>
      </c>
      <c r="B19823" t="s">
        <v>12277</v>
      </c>
      <c r="C19823" t="s">
        <v>12266</v>
      </c>
      <c r="D19823" t="s">
        <v>12267</v>
      </c>
      <c r="E19823" t="s">
        <v>12188</v>
      </c>
      <c r="F19823" t="s">
        <v>12189</v>
      </c>
      <c r="G19823" t="s">
        <v>10450</v>
      </c>
      <c r="H19823" t="s">
        <v>10451</v>
      </c>
      <c r="I19823" s="2">
        <v>1</v>
      </c>
      <c r="J19823" s="2">
        <v>0</v>
      </c>
      <c r="K19823" s="2">
        <v>0</v>
      </c>
      <c r="L19823" t="s">
        <v>120</v>
      </c>
      <c r="M19823" t="s">
        <v>87</v>
      </c>
      <c r="N19823" t="s">
        <v>88</v>
      </c>
      <c r="O19823" t="s">
        <v>85</v>
      </c>
      <c r="P19823" t="s">
        <v>86</v>
      </c>
      <c r="Q19823">
        <v>21</v>
      </c>
      <c r="R19823">
        <v>22</v>
      </c>
      <c r="S19823">
        <v>22</v>
      </c>
      <c r="T19823">
        <v>22</v>
      </c>
      <c r="U19823">
        <v>22</v>
      </c>
      <c r="V19823">
        <v>22</v>
      </c>
      <c r="W19823">
        <v>23</v>
      </c>
      <c r="X19823">
        <v>23</v>
      </c>
      <c r="Y19823">
        <v>23</v>
      </c>
      <c r="Z19823">
        <v>23</v>
      </c>
      <c r="AA19823">
        <v>24</v>
      </c>
      <c r="AB19823">
        <v>24</v>
      </c>
      <c r="AC19823">
        <v>24</v>
      </c>
      <c r="AD19823">
        <v>24</v>
      </c>
      <c r="AE19823">
        <v>24</v>
      </c>
      <c r="AF19823">
        <v>25</v>
      </c>
      <c r="AG19823">
        <v>25</v>
      </c>
      <c r="AH19823">
        <v>25</v>
      </c>
      <c r="AI19823">
        <v>25</v>
      </c>
      <c r="AJ19823">
        <v>26</v>
      </c>
      <c r="AK19823">
        <v>26</v>
      </c>
      <c r="AL19823">
        <v>26</v>
      </c>
      <c r="AM19823">
        <v>26</v>
      </c>
      <c r="AN19823">
        <v>26</v>
      </c>
      <c r="AO19823">
        <v>27</v>
      </c>
      <c r="AP19823">
        <v>27</v>
      </c>
      <c r="AQ19823">
        <v>27</v>
      </c>
    </row>
    <row r="19824" spans="1:43">
      <c r="A19824" t="s">
        <v>12276</v>
      </c>
      <c r="B19824" t="s">
        <v>12277</v>
      </c>
      <c r="C19824" t="s">
        <v>12266</v>
      </c>
      <c r="D19824" t="s">
        <v>12267</v>
      </c>
      <c r="E19824" t="s">
        <v>12188</v>
      </c>
      <c r="F19824" t="s">
        <v>12189</v>
      </c>
      <c r="G19824" t="s">
        <v>10450</v>
      </c>
      <c r="H19824" t="s">
        <v>10451</v>
      </c>
      <c r="I19824" s="2">
        <v>1</v>
      </c>
      <c r="J19824" s="2">
        <v>0</v>
      </c>
      <c r="K19824" s="2">
        <v>0</v>
      </c>
      <c r="L19824" t="s">
        <v>120</v>
      </c>
      <c r="M19824" t="s">
        <v>89</v>
      </c>
      <c r="N19824" t="s">
        <v>90</v>
      </c>
      <c r="O19824" t="s">
        <v>85</v>
      </c>
      <c r="P19824" t="s">
        <v>86</v>
      </c>
      <c r="Q19824">
        <v>21</v>
      </c>
      <c r="R19824">
        <v>21</v>
      </c>
      <c r="S19824">
        <v>22</v>
      </c>
      <c r="T19824">
        <v>23</v>
      </c>
      <c r="U19824">
        <v>23</v>
      </c>
      <c r="V19824">
        <v>24</v>
      </c>
      <c r="W19824">
        <v>24</v>
      </c>
      <c r="X19824">
        <v>25</v>
      </c>
      <c r="Y19824">
        <v>25</v>
      </c>
      <c r="Z19824">
        <v>26</v>
      </c>
      <c r="AA19824">
        <v>26</v>
      </c>
      <c r="AB19824">
        <v>27</v>
      </c>
      <c r="AC19824">
        <v>27</v>
      </c>
      <c r="AD19824">
        <v>28</v>
      </c>
      <c r="AE19824">
        <v>28</v>
      </c>
      <c r="AF19824">
        <v>28</v>
      </c>
      <c r="AG19824">
        <v>29</v>
      </c>
      <c r="AH19824">
        <v>29</v>
      </c>
      <c r="AI19824">
        <v>29</v>
      </c>
      <c r="AJ19824">
        <v>29</v>
      </c>
      <c r="AK19824">
        <v>29</v>
      </c>
      <c r="AL19824">
        <v>30</v>
      </c>
      <c r="AM19824">
        <v>30</v>
      </c>
      <c r="AN19824">
        <v>30</v>
      </c>
      <c r="AO19824">
        <v>30</v>
      </c>
      <c r="AP19824">
        <v>30</v>
      </c>
      <c r="AQ19824">
        <v>31</v>
      </c>
    </row>
    <row r="19825" spans="1:43">
      <c r="A19825" t="s">
        <v>12276</v>
      </c>
      <c r="B19825" t="s">
        <v>12277</v>
      </c>
      <c r="C19825" t="s">
        <v>12266</v>
      </c>
      <c r="D19825" t="s">
        <v>12267</v>
      </c>
      <c r="E19825" t="s">
        <v>12188</v>
      </c>
      <c r="F19825" t="s">
        <v>12189</v>
      </c>
      <c r="G19825" t="s">
        <v>10450</v>
      </c>
      <c r="H19825" t="s">
        <v>10451</v>
      </c>
      <c r="I19825" s="2">
        <v>1</v>
      </c>
      <c r="J19825" s="2">
        <v>0</v>
      </c>
      <c r="K19825" s="2">
        <v>0</v>
      </c>
      <c r="L19825" t="s">
        <v>120</v>
      </c>
      <c r="M19825" t="s">
        <v>83</v>
      </c>
      <c r="N19825" t="s">
        <v>91</v>
      </c>
      <c r="O19825" t="s">
        <v>85</v>
      </c>
      <c r="P19825" t="s">
        <v>86</v>
      </c>
      <c r="Q19825">
        <v>21</v>
      </c>
      <c r="R19825">
        <v>21</v>
      </c>
      <c r="S19825">
        <v>21</v>
      </c>
      <c r="T19825">
        <v>22</v>
      </c>
      <c r="U19825">
        <v>22</v>
      </c>
      <c r="V19825">
        <v>23</v>
      </c>
      <c r="W19825">
        <v>23</v>
      </c>
      <c r="X19825">
        <v>23</v>
      </c>
      <c r="Y19825">
        <v>24</v>
      </c>
      <c r="Z19825">
        <v>24</v>
      </c>
      <c r="AA19825">
        <v>25</v>
      </c>
      <c r="AB19825">
        <v>25</v>
      </c>
      <c r="AC19825">
        <v>25</v>
      </c>
      <c r="AD19825">
        <v>26</v>
      </c>
      <c r="AE19825">
        <v>26</v>
      </c>
      <c r="AF19825">
        <v>27</v>
      </c>
      <c r="AG19825">
        <v>27</v>
      </c>
      <c r="AH19825">
        <v>28</v>
      </c>
      <c r="AI19825">
        <v>28</v>
      </c>
      <c r="AJ19825">
        <v>28</v>
      </c>
      <c r="AK19825">
        <v>29</v>
      </c>
      <c r="AL19825">
        <v>29</v>
      </c>
      <c r="AM19825">
        <v>29</v>
      </c>
      <c r="AN19825">
        <v>30</v>
      </c>
      <c r="AO19825">
        <v>30</v>
      </c>
      <c r="AP19825">
        <v>30</v>
      </c>
      <c r="AQ19825">
        <v>30</v>
      </c>
    </row>
    <row r="19826" spans="1:43">
      <c r="A19826" t="s">
        <v>12278</v>
      </c>
      <c r="B19826" t="s">
        <v>12279</v>
      </c>
      <c r="C19826" t="s">
        <v>12280</v>
      </c>
      <c r="D19826" t="s">
        <v>12281</v>
      </c>
      <c r="E19826" t="s">
        <v>12188</v>
      </c>
      <c r="F19826" t="s">
        <v>12189</v>
      </c>
      <c r="G19826" t="s">
        <v>10450</v>
      </c>
      <c r="H19826" t="s">
        <v>10451</v>
      </c>
      <c r="I19826" s="2">
        <v>1</v>
      </c>
      <c r="J19826" s="2">
        <v>0</v>
      </c>
      <c r="K19826" s="2">
        <v>0</v>
      </c>
      <c r="L19826" t="s">
        <v>120</v>
      </c>
      <c r="M19826" t="s">
        <v>83</v>
      </c>
      <c r="N19826" t="s">
        <v>84</v>
      </c>
      <c r="O19826" t="s">
        <v>85</v>
      </c>
      <c r="P19826" t="s">
        <v>86</v>
      </c>
      <c r="Q19826">
        <v>34</v>
      </c>
      <c r="R19826">
        <v>35</v>
      </c>
      <c r="S19826">
        <v>35</v>
      </c>
      <c r="T19826">
        <v>36</v>
      </c>
      <c r="U19826">
        <v>37</v>
      </c>
      <c r="V19826">
        <v>37</v>
      </c>
      <c r="W19826">
        <v>38</v>
      </c>
      <c r="X19826">
        <v>38</v>
      </c>
      <c r="Y19826">
        <v>39</v>
      </c>
      <c r="Z19826">
        <v>40</v>
      </c>
      <c r="AA19826">
        <v>40</v>
      </c>
      <c r="AB19826">
        <v>41</v>
      </c>
      <c r="AC19826">
        <v>42</v>
      </c>
      <c r="AD19826">
        <v>43</v>
      </c>
      <c r="AE19826">
        <v>43</v>
      </c>
      <c r="AF19826">
        <v>44</v>
      </c>
      <c r="AG19826">
        <v>45</v>
      </c>
      <c r="AH19826">
        <v>45</v>
      </c>
      <c r="AI19826">
        <v>46</v>
      </c>
      <c r="AJ19826">
        <v>47</v>
      </c>
      <c r="AK19826">
        <v>48</v>
      </c>
      <c r="AL19826">
        <v>48</v>
      </c>
      <c r="AM19826">
        <v>48</v>
      </c>
      <c r="AN19826">
        <v>49</v>
      </c>
      <c r="AO19826">
        <v>49</v>
      </c>
      <c r="AP19826">
        <v>49</v>
      </c>
      <c r="AQ19826">
        <v>50</v>
      </c>
    </row>
    <row r="19827" spans="1:43">
      <c r="A19827" t="s">
        <v>12278</v>
      </c>
      <c r="B19827" t="s">
        <v>12279</v>
      </c>
      <c r="C19827" t="s">
        <v>12280</v>
      </c>
      <c r="D19827" t="s">
        <v>12281</v>
      </c>
      <c r="E19827" t="s">
        <v>12188</v>
      </c>
      <c r="F19827" t="s">
        <v>12189</v>
      </c>
      <c r="G19827" t="s">
        <v>10450</v>
      </c>
      <c r="H19827" t="s">
        <v>10451</v>
      </c>
      <c r="I19827" s="2">
        <v>1</v>
      </c>
      <c r="J19827" s="2">
        <v>0</v>
      </c>
      <c r="K19827" s="2">
        <v>0</v>
      </c>
      <c r="L19827" t="s">
        <v>120</v>
      </c>
      <c r="M19827" t="s">
        <v>87</v>
      </c>
      <c r="N19827" t="s">
        <v>88</v>
      </c>
      <c r="O19827" t="s">
        <v>85</v>
      </c>
      <c r="P19827" t="s">
        <v>86</v>
      </c>
      <c r="Q19827">
        <v>34</v>
      </c>
      <c r="R19827">
        <v>34</v>
      </c>
      <c r="S19827">
        <v>34</v>
      </c>
      <c r="T19827">
        <v>35</v>
      </c>
      <c r="U19827">
        <v>35</v>
      </c>
      <c r="V19827">
        <v>35</v>
      </c>
      <c r="W19827">
        <v>36</v>
      </c>
      <c r="X19827">
        <v>36</v>
      </c>
      <c r="Y19827">
        <v>36</v>
      </c>
      <c r="Z19827">
        <v>37</v>
      </c>
      <c r="AA19827">
        <v>37</v>
      </c>
      <c r="AB19827">
        <v>37</v>
      </c>
      <c r="AC19827">
        <v>38</v>
      </c>
      <c r="AD19827">
        <v>38</v>
      </c>
      <c r="AE19827">
        <v>38</v>
      </c>
      <c r="AF19827">
        <v>39</v>
      </c>
      <c r="AG19827">
        <v>39</v>
      </c>
      <c r="AH19827">
        <v>39</v>
      </c>
      <c r="AI19827">
        <v>40</v>
      </c>
      <c r="AJ19827">
        <v>40</v>
      </c>
      <c r="AK19827">
        <v>40</v>
      </c>
      <c r="AL19827">
        <v>41</v>
      </c>
      <c r="AM19827">
        <v>41</v>
      </c>
      <c r="AN19827">
        <v>42</v>
      </c>
      <c r="AO19827">
        <v>42</v>
      </c>
      <c r="AP19827">
        <v>42</v>
      </c>
      <c r="AQ19827">
        <v>43</v>
      </c>
    </row>
    <row r="19828" spans="1:43">
      <c r="A19828" t="s">
        <v>12278</v>
      </c>
      <c r="B19828" t="s">
        <v>12279</v>
      </c>
      <c r="C19828" t="s">
        <v>12280</v>
      </c>
      <c r="D19828" t="s">
        <v>12281</v>
      </c>
      <c r="E19828" t="s">
        <v>12188</v>
      </c>
      <c r="F19828" t="s">
        <v>12189</v>
      </c>
      <c r="G19828" t="s">
        <v>10450</v>
      </c>
      <c r="H19828" t="s">
        <v>10451</v>
      </c>
      <c r="I19828" s="2">
        <v>1</v>
      </c>
      <c r="J19828" s="2">
        <v>0</v>
      </c>
      <c r="K19828" s="2">
        <v>0</v>
      </c>
      <c r="L19828" t="s">
        <v>120</v>
      </c>
      <c r="M19828" t="s">
        <v>89</v>
      </c>
      <c r="N19828" t="s">
        <v>90</v>
      </c>
      <c r="O19828" t="s">
        <v>85</v>
      </c>
      <c r="P19828" t="s">
        <v>86</v>
      </c>
      <c r="Q19828">
        <v>34</v>
      </c>
      <c r="R19828">
        <v>35</v>
      </c>
      <c r="S19828">
        <v>36</v>
      </c>
      <c r="T19828">
        <v>37</v>
      </c>
      <c r="U19828">
        <v>38</v>
      </c>
      <c r="V19828">
        <v>39</v>
      </c>
      <c r="W19828">
        <v>40</v>
      </c>
      <c r="X19828">
        <v>41</v>
      </c>
      <c r="Y19828">
        <v>41</v>
      </c>
      <c r="Z19828">
        <v>42</v>
      </c>
      <c r="AA19828">
        <v>43</v>
      </c>
      <c r="AB19828">
        <v>44</v>
      </c>
      <c r="AC19828">
        <v>45</v>
      </c>
      <c r="AD19828">
        <v>46</v>
      </c>
      <c r="AE19828">
        <v>46</v>
      </c>
      <c r="AF19828">
        <v>47</v>
      </c>
      <c r="AG19828">
        <v>47</v>
      </c>
      <c r="AH19828">
        <v>47</v>
      </c>
      <c r="AI19828">
        <v>48</v>
      </c>
      <c r="AJ19828">
        <v>48</v>
      </c>
      <c r="AK19828">
        <v>48</v>
      </c>
      <c r="AL19828">
        <v>48</v>
      </c>
      <c r="AM19828">
        <v>49</v>
      </c>
      <c r="AN19828">
        <v>49</v>
      </c>
      <c r="AO19828">
        <v>49</v>
      </c>
      <c r="AP19828">
        <v>50</v>
      </c>
      <c r="AQ19828">
        <v>50</v>
      </c>
    </row>
    <row r="19829" spans="1:43">
      <c r="A19829" t="s">
        <v>12278</v>
      </c>
      <c r="B19829" t="s">
        <v>12279</v>
      </c>
      <c r="C19829" t="s">
        <v>12280</v>
      </c>
      <c r="D19829" t="s">
        <v>12281</v>
      </c>
      <c r="E19829" t="s">
        <v>12188</v>
      </c>
      <c r="F19829" t="s">
        <v>12189</v>
      </c>
      <c r="G19829" t="s">
        <v>10450</v>
      </c>
      <c r="H19829" t="s">
        <v>10451</v>
      </c>
      <c r="I19829" s="2">
        <v>1</v>
      </c>
      <c r="J19829" s="2">
        <v>0</v>
      </c>
      <c r="K19829" s="2">
        <v>0</v>
      </c>
      <c r="L19829" t="s">
        <v>120</v>
      </c>
      <c r="M19829" t="s">
        <v>83</v>
      </c>
      <c r="N19829" t="s">
        <v>91</v>
      </c>
      <c r="O19829" t="s">
        <v>85</v>
      </c>
      <c r="P19829" t="s">
        <v>86</v>
      </c>
      <c r="Q19829">
        <v>34</v>
      </c>
      <c r="R19829">
        <v>35</v>
      </c>
      <c r="S19829">
        <v>35</v>
      </c>
      <c r="T19829">
        <v>36</v>
      </c>
      <c r="U19829">
        <v>37</v>
      </c>
      <c r="V19829">
        <v>37</v>
      </c>
      <c r="W19829">
        <v>38</v>
      </c>
      <c r="X19829">
        <v>38</v>
      </c>
      <c r="Y19829">
        <v>39</v>
      </c>
      <c r="Z19829">
        <v>40</v>
      </c>
      <c r="AA19829">
        <v>40</v>
      </c>
      <c r="AB19829">
        <v>41</v>
      </c>
      <c r="AC19829">
        <v>42</v>
      </c>
      <c r="AD19829">
        <v>43</v>
      </c>
      <c r="AE19829">
        <v>43</v>
      </c>
      <c r="AF19829">
        <v>44</v>
      </c>
      <c r="AG19829">
        <v>45</v>
      </c>
      <c r="AH19829">
        <v>45</v>
      </c>
      <c r="AI19829">
        <v>46</v>
      </c>
      <c r="AJ19829">
        <v>47</v>
      </c>
      <c r="AK19829">
        <v>48</v>
      </c>
      <c r="AL19829">
        <v>48</v>
      </c>
      <c r="AM19829">
        <v>48</v>
      </c>
      <c r="AN19829">
        <v>49</v>
      </c>
      <c r="AO19829">
        <v>49</v>
      </c>
      <c r="AP19829">
        <v>49</v>
      </c>
      <c r="AQ19829">
        <v>50</v>
      </c>
    </row>
    <row r="19830" spans="1:43">
      <c r="A19830" t="s">
        <v>12282</v>
      </c>
      <c r="B19830" t="s">
        <v>12283</v>
      </c>
      <c r="C19830" t="s">
        <v>12280</v>
      </c>
      <c r="D19830" t="s">
        <v>12281</v>
      </c>
      <c r="E19830" t="s">
        <v>12188</v>
      </c>
      <c r="F19830" t="s">
        <v>12189</v>
      </c>
      <c r="G19830" t="s">
        <v>10450</v>
      </c>
      <c r="H19830" t="s">
        <v>10451</v>
      </c>
      <c r="I19830" s="2">
        <v>1</v>
      </c>
      <c r="J19830" s="2">
        <v>0</v>
      </c>
      <c r="K19830" s="2">
        <v>0</v>
      </c>
      <c r="L19830" t="s">
        <v>120</v>
      </c>
      <c r="M19830" t="s">
        <v>83</v>
      </c>
      <c r="N19830" t="s">
        <v>84</v>
      </c>
      <c r="O19830" t="s">
        <v>85</v>
      </c>
      <c r="P19830" t="s">
        <v>86</v>
      </c>
      <c r="Q19830">
        <v>27</v>
      </c>
      <c r="R19830">
        <v>28</v>
      </c>
      <c r="S19830">
        <v>28</v>
      </c>
      <c r="T19830">
        <v>29</v>
      </c>
      <c r="U19830">
        <v>29</v>
      </c>
      <c r="V19830">
        <v>30</v>
      </c>
      <c r="W19830">
        <v>30</v>
      </c>
      <c r="X19830">
        <v>31</v>
      </c>
      <c r="Y19830">
        <v>31</v>
      </c>
      <c r="Z19830">
        <v>32</v>
      </c>
      <c r="AA19830">
        <v>32</v>
      </c>
      <c r="AB19830">
        <v>33</v>
      </c>
      <c r="AC19830">
        <v>33</v>
      </c>
      <c r="AD19830">
        <v>34</v>
      </c>
      <c r="AE19830">
        <v>35</v>
      </c>
      <c r="AF19830">
        <v>35</v>
      </c>
      <c r="AG19830">
        <v>36</v>
      </c>
      <c r="AH19830">
        <v>36</v>
      </c>
      <c r="AI19830">
        <v>37</v>
      </c>
      <c r="AJ19830">
        <v>37</v>
      </c>
      <c r="AK19830">
        <v>38</v>
      </c>
      <c r="AL19830">
        <v>38</v>
      </c>
      <c r="AM19830">
        <v>39</v>
      </c>
      <c r="AN19830">
        <v>39</v>
      </c>
      <c r="AO19830">
        <v>39</v>
      </c>
      <c r="AP19830">
        <v>39</v>
      </c>
      <c r="AQ19830">
        <v>40</v>
      </c>
    </row>
    <row r="19831" spans="1:43">
      <c r="A19831" t="s">
        <v>12282</v>
      </c>
      <c r="B19831" t="s">
        <v>12283</v>
      </c>
      <c r="C19831" t="s">
        <v>12280</v>
      </c>
      <c r="D19831" t="s">
        <v>12281</v>
      </c>
      <c r="E19831" t="s">
        <v>12188</v>
      </c>
      <c r="F19831" t="s">
        <v>12189</v>
      </c>
      <c r="G19831" t="s">
        <v>10450</v>
      </c>
      <c r="H19831" t="s">
        <v>10451</v>
      </c>
      <c r="I19831" s="2">
        <v>1</v>
      </c>
      <c r="J19831" s="2">
        <v>0</v>
      </c>
      <c r="K19831" s="2">
        <v>0</v>
      </c>
      <c r="L19831" t="s">
        <v>120</v>
      </c>
      <c r="M19831" t="s">
        <v>87</v>
      </c>
      <c r="N19831" t="s">
        <v>88</v>
      </c>
      <c r="O19831" t="s">
        <v>85</v>
      </c>
      <c r="P19831" t="s">
        <v>86</v>
      </c>
      <c r="Q19831">
        <v>27</v>
      </c>
      <c r="R19831">
        <v>27</v>
      </c>
      <c r="S19831">
        <v>27</v>
      </c>
      <c r="T19831">
        <v>28</v>
      </c>
      <c r="U19831">
        <v>28</v>
      </c>
      <c r="V19831">
        <v>28</v>
      </c>
      <c r="W19831">
        <v>28</v>
      </c>
      <c r="X19831">
        <v>29</v>
      </c>
      <c r="Y19831">
        <v>29</v>
      </c>
      <c r="Z19831">
        <v>29</v>
      </c>
      <c r="AA19831">
        <v>29</v>
      </c>
      <c r="AB19831">
        <v>30</v>
      </c>
      <c r="AC19831">
        <v>30</v>
      </c>
      <c r="AD19831">
        <v>30</v>
      </c>
      <c r="AE19831">
        <v>31</v>
      </c>
      <c r="AF19831">
        <v>31</v>
      </c>
      <c r="AG19831">
        <v>31</v>
      </c>
      <c r="AH19831">
        <v>31</v>
      </c>
      <c r="AI19831">
        <v>32</v>
      </c>
      <c r="AJ19831">
        <v>32</v>
      </c>
      <c r="AK19831">
        <v>32</v>
      </c>
      <c r="AL19831">
        <v>33</v>
      </c>
      <c r="AM19831">
        <v>33</v>
      </c>
      <c r="AN19831">
        <v>33</v>
      </c>
      <c r="AO19831">
        <v>34</v>
      </c>
      <c r="AP19831">
        <v>34</v>
      </c>
      <c r="AQ19831">
        <v>34</v>
      </c>
    </row>
    <row r="19832" spans="1:43">
      <c r="A19832" t="s">
        <v>12282</v>
      </c>
      <c r="B19832" t="s">
        <v>12283</v>
      </c>
      <c r="C19832" t="s">
        <v>12280</v>
      </c>
      <c r="D19832" t="s">
        <v>12281</v>
      </c>
      <c r="E19832" t="s">
        <v>12188</v>
      </c>
      <c r="F19832" t="s">
        <v>12189</v>
      </c>
      <c r="G19832" t="s">
        <v>10450</v>
      </c>
      <c r="H19832" t="s">
        <v>10451</v>
      </c>
      <c r="I19832" s="2">
        <v>1</v>
      </c>
      <c r="J19832" s="2">
        <v>0</v>
      </c>
      <c r="K19832" s="2">
        <v>0</v>
      </c>
      <c r="L19832" t="s">
        <v>120</v>
      </c>
      <c r="M19832" t="s">
        <v>89</v>
      </c>
      <c r="N19832" t="s">
        <v>90</v>
      </c>
      <c r="O19832" t="s">
        <v>85</v>
      </c>
      <c r="P19832" t="s">
        <v>86</v>
      </c>
      <c r="Q19832">
        <v>27</v>
      </c>
      <c r="R19832">
        <v>28</v>
      </c>
      <c r="S19832">
        <v>29</v>
      </c>
      <c r="T19832">
        <v>30</v>
      </c>
      <c r="U19832">
        <v>30</v>
      </c>
      <c r="V19832">
        <v>31</v>
      </c>
      <c r="W19832">
        <v>32</v>
      </c>
      <c r="X19832">
        <v>32</v>
      </c>
      <c r="Y19832">
        <v>33</v>
      </c>
      <c r="Z19832">
        <v>34</v>
      </c>
      <c r="AA19832">
        <v>35</v>
      </c>
      <c r="AB19832">
        <v>35</v>
      </c>
      <c r="AC19832">
        <v>36</v>
      </c>
      <c r="AD19832">
        <v>37</v>
      </c>
      <c r="AE19832">
        <v>37</v>
      </c>
      <c r="AF19832">
        <v>37</v>
      </c>
      <c r="AG19832">
        <v>38</v>
      </c>
      <c r="AH19832">
        <v>38</v>
      </c>
      <c r="AI19832">
        <v>38</v>
      </c>
      <c r="AJ19832">
        <v>38</v>
      </c>
      <c r="AK19832">
        <v>38</v>
      </c>
      <c r="AL19832">
        <v>39</v>
      </c>
      <c r="AM19832">
        <v>39</v>
      </c>
      <c r="AN19832">
        <v>39</v>
      </c>
      <c r="AO19832">
        <v>39</v>
      </c>
      <c r="AP19832">
        <v>40</v>
      </c>
      <c r="AQ19832">
        <v>40</v>
      </c>
    </row>
    <row r="19833" spans="1:43">
      <c r="A19833" t="s">
        <v>12282</v>
      </c>
      <c r="B19833" t="s">
        <v>12283</v>
      </c>
      <c r="C19833" t="s">
        <v>12280</v>
      </c>
      <c r="D19833" t="s">
        <v>12281</v>
      </c>
      <c r="E19833" t="s">
        <v>12188</v>
      </c>
      <c r="F19833" t="s">
        <v>12189</v>
      </c>
      <c r="G19833" t="s">
        <v>10450</v>
      </c>
      <c r="H19833" t="s">
        <v>10451</v>
      </c>
      <c r="I19833" s="2">
        <v>1</v>
      </c>
      <c r="J19833" s="2">
        <v>0</v>
      </c>
      <c r="K19833" s="2">
        <v>0</v>
      </c>
      <c r="L19833" t="s">
        <v>120</v>
      </c>
      <c r="M19833" t="s">
        <v>83</v>
      </c>
      <c r="N19833" t="s">
        <v>91</v>
      </c>
      <c r="O19833" t="s">
        <v>85</v>
      </c>
      <c r="P19833" t="s">
        <v>86</v>
      </c>
      <c r="Q19833">
        <v>27</v>
      </c>
      <c r="R19833">
        <v>28</v>
      </c>
      <c r="S19833">
        <v>28</v>
      </c>
      <c r="T19833">
        <v>29</v>
      </c>
      <c r="U19833">
        <v>29</v>
      </c>
      <c r="V19833">
        <v>30</v>
      </c>
      <c r="W19833">
        <v>30</v>
      </c>
      <c r="X19833">
        <v>31</v>
      </c>
      <c r="Y19833">
        <v>31</v>
      </c>
      <c r="Z19833">
        <v>32</v>
      </c>
      <c r="AA19833">
        <v>32</v>
      </c>
      <c r="AB19833">
        <v>33</v>
      </c>
      <c r="AC19833">
        <v>33</v>
      </c>
      <c r="AD19833">
        <v>34</v>
      </c>
      <c r="AE19833">
        <v>35</v>
      </c>
      <c r="AF19833">
        <v>35</v>
      </c>
      <c r="AG19833">
        <v>36</v>
      </c>
      <c r="AH19833">
        <v>36</v>
      </c>
      <c r="AI19833">
        <v>37</v>
      </c>
      <c r="AJ19833">
        <v>37</v>
      </c>
      <c r="AK19833">
        <v>38</v>
      </c>
      <c r="AL19833">
        <v>38</v>
      </c>
      <c r="AM19833">
        <v>39</v>
      </c>
      <c r="AN19833">
        <v>39</v>
      </c>
      <c r="AO19833">
        <v>39</v>
      </c>
      <c r="AP19833">
        <v>39</v>
      </c>
      <c r="AQ19833">
        <v>40</v>
      </c>
    </row>
    <row r="19834" spans="1:43">
      <c r="A19834" t="s">
        <v>12284</v>
      </c>
      <c r="B19834" t="s">
        <v>12285</v>
      </c>
      <c r="C19834" t="s">
        <v>12286</v>
      </c>
      <c r="D19834" t="s">
        <v>12287</v>
      </c>
      <c r="E19834" t="s">
        <v>12188</v>
      </c>
      <c r="F19834" t="s">
        <v>12189</v>
      </c>
      <c r="G19834" t="s">
        <v>10450</v>
      </c>
      <c r="H19834" t="s">
        <v>10451</v>
      </c>
      <c r="I19834" s="2">
        <v>1</v>
      </c>
      <c r="J19834" s="2">
        <v>0</v>
      </c>
      <c r="K19834" s="2">
        <v>0</v>
      </c>
      <c r="L19834" t="s">
        <v>120</v>
      </c>
      <c r="M19834" t="s">
        <v>83</v>
      </c>
      <c r="N19834" t="s">
        <v>84</v>
      </c>
      <c r="O19834" t="s">
        <v>85</v>
      </c>
      <c r="P19834" t="s">
        <v>86</v>
      </c>
      <c r="Q19834">
        <v>25</v>
      </c>
      <c r="R19834">
        <v>25</v>
      </c>
      <c r="S19834">
        <v>26</v>
      </c>
      <c r="T19834">
        <v>26</v>
      </c>
      <c r="U19834">
        <v>27</v>
      </c>
      <c r="V19834">
        <v>27</v>
      </c>
      <c r="W19834">
        <v>28</v>
      </c>
      <c r="X19834">
        <v>28</v>
      </c>
      <c r="Y19834">
        <v>28</v>
      </c>
      <c r="Z19834">
        <v>29</v>
      </c>
      <c r="AA19834">
        <v>29</v>
      </c>
      <c r="AB19834">
        <v>30</v>
      </c>
      <c r="AC19834">
        <v>30</v>
      </c>
      <c r="AD19834">
        <v>31</v>
      </c>
      <c r="AE19834">
        <v>31</v>
      </c>
      <c r="AF19834">
        <v>32</v>
      </c>
      <c r="AG19834">
        <v>32</v>
      </c>
      <c r="AH19834">
        <v>33</v>
      </c>
      <c r="AI19834">
        <v>33</v>
      </c>
      <c r="AJ19834">
        <v>34</v>
      </c>
      <c r="AK19834">
        <v>34</v>
      </c>
      <c r="AL19834">
        <v>35</v>
      </c>
      <c r="AM19834">
        <v>35</v>
      </c>
      <c r="AN19834">
        <v>35</v>
      </c>
      <c r="AO19834">
        <v>35</v>
      </c>
      <c r="AP19834">
        <v>35</v>
      </c>
      <c r="AQ19834">
        <v>36</v>
      </c>
    </row>
    <row r="19835" spans="1:43">
      <c r="A19835" t="s">
        <v>12284</v>
      </c>
      <c r="B19835" t="s">
        <v>12285</v>
      </c>
      <c r="C19835" t="s">
        <v>12286</v>
      </c>
      <c r="D19835" t="s">
        <v>12287</v>
      </c>
      <c r="E19835" t="s">
        <v>12188</v>
      </c>
      <c r="F19835" t="s">
        <v>12189</v>
      </c>
      <c r="G19835" t="s">
        <v>10450</v>
      </c>
      <c r="H19835" t="s">
        <v>10451</v>
      </c>
      <c r="I19835" s="2">
        <v>1</v>
      </c>
      <c r="J19835" s="2">
        <v>0</v>
      </c>
      <c r="K19835" s="2">
        <v>0</v>
      </c>
      <c r="L19835" t="s">
        <v>120</v>
      </c>
      <c r="M19835" t="s">
        <v>87</v>
      </c>
      <c r="N19835" t="s">
        <v>88</v>
      </c>
      <c r="O19835" t="s">
        <v>85</v>
      </c>
      <c r="P19835" t="s">
        <v>86</v>
      </c>
      <c r="Q19835">
        <v>25</v>
      </c>
      <c r="R19835">
        <v>26</v>
      </c>
      <c r="S19835">
        <v>26</v>
      </c>
      <c r="T19835">
        <v>26</v>
      </c>
      <c r="U19835">
        <v>26</v>
      </c>
      <c r="V19835">
        <v>27</v>
      </c>
      <c r="W19835">
        <v>27</v>
      </c>
      <c r="X19835">
        <v>27</v>
      </c>
      <c r="Y19835">
        <v>27</v>
      </c>
      <c r="Z19835">
        <v>28</v>
      </c>
      <c r="AA19835">
        <v>28</v>
      </c>
      <c r="AB19835">
        <v>28</v>
      </c>
      <c r="AC19835">
        <v>28</v>
      </c>
      <c r="AD19835">
        <v>29</v>
      </c>
      <c r="AE19835">
        <v>29</v>
      </c>
      <c r="AF19835">
        <v>29</v>
      </c>
      <c r="AG19835">
        <v>29</v>
      </c>
      <c r="AH19835">
        <v>30</v>
      </c>
      <c r="AI19835">
        <v>30</v>
      </c>
      <c r="AJ19835">
        <v>30</v>
      </c>
      <c r="AK19835">
        <v>31</v>
      </c>
      <c r="AL19835">
        <v>31</v>
      </c>
      <c r="AM19835">
        <v>31</v>
      </c>
      <c r="AN19835">
        <v>31</v>
      </c>
      <c r="AO19835">
        <v>32</v>
      </c>
      <c r="AP19835">
        <v>32</v>
      </c>
      <c r="AQ19835">
        <v>32</v>
      </c>
    </row>
    <row r="19836" spans="1:43">
      <c r="A19836" t="s">
        <v>12284</v>
      </c>
      <c r="B19836" t="s">
        <v>12285</v>
      </c>
      <c r="C19836" t="s">
        <v>12286</v>
      </c>
      <c r="D19836" t="s">
        <v>12287</v>
      </c>
      <c r="E19836" t="s">
        <v>12188</v>
      </c>
      <c r="F19836" t="s">
        <v>12189</v>
      </c>
      <c r="G19836" t="s">
        <v>10450</v>
      </c>
      <c r="H19836" t="s">
        <v>10451</v>
      </c>
      <c r="I19836" s="2">
        <v>1</v>
      </c>
      <c r="J19836" s="2">
        <v>0</v>
      </c>
      <c r="K19836" s="2">
        <v>0</v>
      </c>
      <c r="L19836" t="s">
        <v>120</v>
      </c>
      <c r="M19836" t="s">
        <v>89</v>
      </c>
      <c r="N19836" t="s">
        <v>90</v>
      </c>
      <c r="O19836" t="s">
        <v>85</v>
      </c>
      <c r="P19836" t="s">
        <v>86</v>
      </c>
      <c r="Q19836">
        <v>25</v>
      </c>
      <c r="R19836">
        <v>26</v>
      </c>
      <c r="S19836">
        <v>26</v>
      </c>
      <c r="T19836">
        <v>27</v>
      </c>
      <c r="U19836">
        <v>28</v>
      </c>
      <c r="V19836">
        <v>28</v>
      </c>
      <c r="W19836">
        <v>29</v>
      </c>
      <c r="X19836">
        <v>29</v>
      </c>
      <c r="Y19836">
        <v>30</v>
      </c>
      <c r="Z19836">
        <v>31</v>
      </c>
      <c r="AA19836">
        <v>31</v>
      </c>
      <c r="AB19836">
        <v>32</v>
      </c>
      <c r="AC19836">
        <v>32</v>
      </c>
      <c r="AD19836">
        <v>33</v>
      </c>
      <c r="AE19836">
        <v>33</v>
      </c>
      <c r="AF19836">
        <v>34</v>
      </c>
      <c r="AG19836">
        <v>34</v>
      </c>
      <c r="AH19836">
        <v>34</v>
      </c>
      <c r="AI19836">
        <v>34</v>
      </c>
      <c r="AJ19836">
        <v>34</v>
      </c>
      <c r="AK19836">
        <v>35</v>
      </c>
      <c r="AL19836">
        <v>35</v>
      </c>
      <c r="AM19836">
        <v>35</v>
      </c>
      <c r="AN19836">
        <v>35</v>
      </c>
      <c r="AO19836">
        <v>35</v>
      </c>
      <c r="AP19836">
        <v>36</v>
      </c>
      <c r="AQ19836">
        <v>36</v>
      </c>
    </row>
    <row r="19837" spans="1:43">
      <c r="A19837" t="s">
        <v>12284</v>
      </c>
      <c r="B19837" t="s">
        <v>12285</v>
      </c>
      <c r="C19837" t="s">
        <v>12286</v>
      </c>
      <c r="D19837" t="s">
        <v>12287</v>
      </c>
      <c r="E19837" t="s">
        <v>12188</v>
      </c>
      <c r="F19837" t="s">
        <v>12189</v>
      </c>
      <c r="G19837" t="s">
        <v>10450</v>
      </c>
      <c r="H19837" t="s">
        <v>10451</v>
      </c>
      <c r="I19837" s="2">
        <v>1</v>
      </c>
      <c r="J19837" s="2">
        <v>0</v>
      </c>
      <c r="K19837" s="2">
        <v>0</v>
      </c>
      <c r="L19837" t="s">
        <v>120</v>
      </c>
      <c r="M19837" t="s">
        <v>83</v>
      </c>
      <c r="N19837" t="s">
        <v>91</v>
      </c>
      <c r="O19837" t="s">
        <v>85</v>
      </c>
      <c r="P19837" t="s">
        <v>86</v>
      </c>
      <c r="Q19837">
        <v>25</v>
      </c>
      <c r="R19837">
        <v>25</v>
      </c>
      <c r="S19837">
        <v>26</v>
      </c>
      <c r="T19837">
        <v>26</v>
      </c>
      <c r="U19837">
        <v>27</v>
      </c>
      <c r="V19837">
        <v>27</v>
      </c>
      <c r="W19837">
        <v>28</v>
      </c>
      <c r="X19837">
        <v>28</v>
      </c>
      <c r="Y19837">
        <v>28</v>
      </c>
      <c r="Z19837">
        <v>29</v>
      </c>
      <c r="AA19837">
        <v>29</v>
      </c>
      <c r="AB19837">
        <v>30</v>
      </c>
      <c r="AC19837">
        <v>30</v>
      </c>
      <c r="AD19837">
        <v>31</v>
      </c>
      <c r="AE19837">
        <v>31</v>
      </c>
      <c r="AF19837">
        <v>32</v>
      </c>
      <c r="AG19837">
        <v>32</v>
      </c>
      <c r="AH19837">
        <v>33</v>
      </c>
      <c r="AI19837">
        <v>33</v>
      </c>
      <c r="AJ19837">
        <v>34</v>
      </c>
      <c r="AK19837">
        <v>34</v>
      </c>
      <c r="AL19837">
        <v>35</v>
      </c>
      <c r="AM19837">
        <v>35</v>
      </c>
      <c r="AN19837">
        <v>35</v>
      </c>
      <c r="AO19837">
        <v>35</v>
      </c>
      <c r="AP19837">
        <v>35</v>
      </c>
      <c r="AQ19837">
        <v>36</v>
      </c>
    </row>
    <row r="19838" spans="1:43">
      <c r="A19838" t="s">
        <v>12288</v>
      </c>
      <c r="B19838" t="s">
        <v>12289</v>
      </c>
      <c r="C19838" t="s">
        <v>12286</v>
      </c>
      <c r="D19838" t="s">
        <v>12287</v>
      </c>
      <c r="E19838" t="s">
        <v>12188</v>
      </c>
      <c r="F19838" t="s">
        <v>12189</v>
      </c>
      <c r="G19838" t="s">
        <v>10450</v>
      </c>
      <c r="H19838" t="s">
        <v>10451</v>
      </c>
      <c r="I19838" s="2">
        <v>1</v>
      </c>
      <c r="J19838" s="2">
        <v>0</v>
      </c>
      <c r="K19838" s="2">
        <v>0</v>
      </c>
      <c r="L19838" t="s">
        <v>120</v>
      </c>
      <c r="M19838" t="s">
        <v>83</v>
      </c>
      <c r="N19838" t="s">
        <v>84</v>
      </c>
      <c r="O19838" t="s">
        <v>85</v>
      </c>
      <c r="P19838" t="s">
        <v>86</v>
      </c>
      <c r="Q19838">
        <v>18</v>
      </c>
      <c r="R19838">
        <v>18</v>
      </c>
      <c r="S19838">
        <v>18</v>
      </c>
      <c r="T19838">
        <v>19</v>
      </c>
      <c r="U19838">
        <v>19</v>
      </c>
      <c r="V19838">
        <v>19</v>
      </c>
      <c r="W19838">
        <v>20</v>
      </c>
      <c r="X19838">
        <v>20</v>
      </c>
      <c r="Y19838">
        <v>20</v>
      </c>
      <c r="Z19838">
        <v>21</v>
      </c>
      <c r="AA19838">
        <v>21</v>
      </c>
      <c r="AB19838">
        <v>21</v>
      </c>
      <c r="AC19838">
        <v>22</v>
      </c>
      <c r="AD19838">
        <v>22</v>
      </c>
      <c r="AE19838">
        <v>22</v>
      </c>
      <c r="AF19838">
        <v>23</v>
      </c>
      <c r="AG19838">
        <v>23</v>
      </c>
      <c r="AH19838">
        <v>23</v>
      </c>
      <c r="AI19838">
        <v>24</v>
      </c>
      <c r="AJ19838">
        <v>24</v>
      </c>
      <c r="AK19838">
        <v>24</v>
      </c>
      <c r="AL19838">
        <v>25</v>
      </c>
      <c r="AM19838">
        <v>25</v>
      </c>
      <c r="AN19838">
        <v>25</v>
      </c>
      <c r="AO19838">
        <v>25</v>
      </c>
      <c r="AP19838">
        <v>25</v>
      </c>
      <c r="AQ19838">
        <v>25</v>
      </c>
    </row>
    <row r="19839" spans="1:43">
      <c r="A19839" t="s">
        <v>12288</v>
      </c>
      <c r="B19839" t="s">
        <v>12289</v>
      </c>
      <c r="C19839" t="s">
        <v>12286</v>
      </c>
      <c r="D19839" t="s">
        <v>12287</v>
      </c>
      <c r="E19839" t="s">
        <v>12188</v>
      </c>
      <c r="F19839" t="s">
        <v>12189</v>
      </c>
      <c r="G19839" t="s">
        <v>10450</v>
      </c>
      <c r="H19839" t="s">
        <v>10451</v>
      </c>
      <c r="I19839" s="2">
        <v>1</v>
      </c>
      <c r="J19839" s="2">
        <v>0</v>
      </c>
      <c r="K19839" s="2">
        <v>0</v>
      </c>
      <c r="L19839" t="s">
        <v>120</v>
      </c>
      <c r="M19839" t="s">
        <v>87</v>
      </c>
      <c r="N19839" t="s">
        <v>88</v>
      </c>
      <c r="O19839" t="s">
        <v>85</v>
      </c>
      <c r="P19839" t="s">
        <v>86</v>
      </c>
      <c r="Q19839">
        <v>18</v>
      </c>
      <c r="R19839">
        <v>19</v>
      </c>
      <c r="S19839">
        <v>19</v>
      </c>
      <c r="T19839">
        <v>19</v>
      </c>
      <c r="U19839">
        <v>19</v>
      </c>
      <c r="V19839">
        <v>19</v>
      </c>
      <c r="W19839">
        <v>19</v>
      </c>
      <c r="X19839">
        <v>20</v>
      </c>
      <c r="Y19839">
        <v>20</v>
      </c>
      <c r="Z19839">
        <v>20</v>
      </c>
      <c r="AA19839">
        <v>20</v>
      </c>
      <c r="AB19839">
        <v>20</v>
      </c>
      <c r="AC19839">
        <v>20</v>
      </c>
      <c r="AD19839">
        <v>21</v>
      </c>
      <c r="AE19839">
        <v>21</v>
      </c>
      <c r="AF19839">
        <v>21</v>
      </c>
      <c r="AG19839">
        <v>21</v>
      </c>
      <c r="AH19839">
        <v>21</v>
      </c>
      <c r="AI19839">
        <v>22</v>
      </c>
      <c r="AJ19839">
        <v>22</v>
      </c>
      <c r="AK19839">
        <v>22</v>
      </c>
      <c r="AL19839">
        <v>22</v>
      </c>
      <c r="AM19839">
        <v>22</v>
      </c>
      <c r="AN19839">
        <v>23</v>
      </c>
      <c r="AO19839">
        <v>23</v>
      </c>
      <c r="AP19839">
        <v>23</v>
      </c>
      <c r="AQ19839">
        <v>23</v>
      </c>
    </row>
    <row r="19840" spans="1:43">
      <c r="A19840" t="s">
        <v>12288</v>
      </c>
      <c r="B19840" t="s">
        <v>12289</v>
      </c>
      <c r="C19840" t="s">
        <v>12286</v>
      </c>
      <c r="D19840" t="s">
        <v>12287</v>
      </c>
      <c r="E19840" t="s">
        <v>12188</v>
      </c>
      <c r="F19840" t="s">
        <v>12189</v>
      </c>
      <c r="G19840" t="s">
        <v>10450</v>
      </c>
      <c r="H19840" t="s">
        <v>10451</v>
      </c>
      <c r="I19840" s="2">
        <v>1</v>
      </c>
      <c r="J19840" s="2">
        <v>0</v>
      </c>
      <c r="K19840" s="2">
        <v>0</v>
      </c>
      <c r="L19840" t="s">
        <v>120</v>
      </c>
      <c r="M19840" t="s">
        <v>89</v>
      </c>
      <c r="N19840" t="s">
        <v>90</v>
      </c>
      <c r="O19840" t="s">
        <v>85</v>
      </c>
      <c r="P19840" t="s">
        <v>86</v>
      </c>
      <c r="Q19840">
        <v>18</v>
      </c>
      <c r="R19840">
        <v>18</v>
      </c>
      <c r="S19840">
        <v>19</v>
      </c>
      <c r="T19840">
        <v>19</v>
      </c>
      <c r="U19840">
        <v>20</v>
      </c>
      <c r="V19840">
        <v>20</v>
      </c>
      <c r="W19840">
        <v>20</v>
      </c>
      <c r="X19840">
        <v>21</v>
      </c>
      <c r="Y19840">
        <v>21</v>
      </c>
      <c r="Z19840">
        <v>22</v>
      </c>
      <c r="AA19840">
        <v>22</v>
      </c>
      <c r="AB19840">
        <v>23</v>
      </c>
      <c r="AC19840">
        <v>23</v>
      </c>
      <c r="AD19840">
        <v>23</v>
      </c>
      <c r="AE19840">
        <v>24</v>
      </c>
      <c r="AF19840">
        <v>24</v>
      </c>
      <c r="AG19840">
        <v>24</v>
      </c>
      <c r="AH19840">
        <v>24</v>
      </c>
      <c r="AI19840">
        <v>24</v>
      </c>
      <c r="AJ19840">
        <v>24</v>
      </c>
      <c r="AK19840">
        <v>25</v>
      </c>
      <c r="AL19840">
        <v>25</v>
      </c>
      <c r="AM19840">
        <v>25</v>
      </c>
      <c r="AN19840">
        <v>25</v>
      </c>
      <c r="AO19840">
        <v>25</v>
      </c>
      <c r="AP19840">
        <v>25</v>
      </c>
      <c r="AQ19840">
        <v>25</v>
      </c>
    </row>
    <row r="19841" spans="1:43">
      <c r="A19841" t="s">
        <v>12288</v>
      </c>
      <c r="B19841" t="s">
        <v>12289</v>
      </c>
      <c r="C19841" t="s">
        <v>12286</v>
      </c>
      <c r="D19841" t="s">
        <v>12287</v>
      </c>
      <c r="E19841" t="s">
        <v>12188</v>
      </c>
      <c r="F19841" t="s">
        <v>12189</v>
      </c>
      <c r="G19841" t="s">
        <v>10450</v>
      </c>
      <c r="H19841" t="s">
        <v>10451</v>
      </c>
      <c r="I19841" s="2">
        <v>1</v>
      </c>
      <c r="J19841" s="2">
        <v>0</v>
      </c>
      <c r="K19841" s="2">
        <v>0</v>
      </c>
      <c r="L19841" t="s">
        <v>120</v>
      </c>
      <c r="M19841" t="s">
        <v>83</v>
      </c>
      <c r="N19841" t="s">
        <v>91</v>
      </c>
      <c r="O19841" t="s">
        <v>85</v>
      </c>
      <c r="P19841" t="s">
        <v>86</v>
      </c>
      <c r="Q19841">
        <v>18</v>
      </c>
      <c r="R19841">
        <v>18</v>
      </c>
      <c r="S19841">
        <v>18</v>
      </c>
      <c r="T19841">
        <v>19</v>
      </c>
      <c r="U19841">
        <v>19</v>
      </c>
      <c r="V19841">
        <v>19</v>
      </c>
      <c r="W19841">
        <v>20</v>
      </c>
      <c r="X19841">
        <v>20</v>
      </c>
      <c r="Y19841">
        <v>20</v>
      </c>
      <c r="Z19841">
        <v>21</v>
      </c>
      <c r="AA19841">
        <v>21</v>
      </c>
      <c r="AB19841">
        <v>21</v>
      </c>
      <c r="AC19841">
        <v>22</v>
      </c>
      <c r="AD19841">
        <v>22</v>
      </c>
      <c r="AE19841">
        <v>22</v>
      </c>
      <c r="AF19841">
        <v>23</v>
      </c>
      <c r="AG19841">
        <v>23</v>
      </c>
      <c r="AH19841">
        <v>23</v>
      </c>
      <c r="AI19841">
        <v>24</v>
      </c>
      <c r="AJ19841">
        <v>24</v>
      </c>
      <c r="AK19841">
        <v>24</v>
      </c>
      <c r="AL19841">
        <v>25</v>
      </c>
      <c r="AM19841">
        <v>25</v>
      </c>
      <c r="AN19841">
        <v>25</v>
      </c>
      <c r="AO19841">
        <v>25</v>
      </c>
      <c r="AP19841">
        <v>25</v>
      </c>
      <c r="AQ19841">
        <v>25</v>
      </c>
    </row>
    <row r="19842" spans="1:43">
      <c r="A19842" t="s">
        <v>12290</v>
      </c>
      <c r="B19842" t="s">
        <v>12291</v>
      </c>
      <c r="C19842" t="s">
        <v>12286</v>
      </c>
      <c r="D19842" t="s">
        <v>12287</v>
      </c>
      <c r="E19842" t="s">
        <v>12188</v>
      </c>
      <c r="F19842" t="s">
        <v>12189</v>
      </c>
      <c r="G19842" t="s">
        <v>10450</v>
      </c>
      <c r="H19842" t="s">
        <v>10451</v>
      </c>
      <c r="I19842" s="2">
        <v>1</v>
      </c>
      <c r="J19842" s="2">
        <v>0</v>
      </c>
      <c r="K19842" s="2">
        <v>0</v>
      </c>
      <c r="L19842" t="s">
        <v>120</v>
      </c>
      <c r="M19842" t="s">
        <v>83</v>
      </c>
      <c r="N19842" t="s">
        <v>84</v>
      </c>
      <c r="O19842" t="s">
        <v>85</v>
      </c>
      <c r="P19842" t="s">
        <v>86</v>
      </c>
      <c r="Q19842">
        <v>63</v>
      </c>
      <c r="R19842">
        <v>64</v>
      </c>
      <c r="S19842">
        <v>66</v>
      </c>
      <c r="T19842">
        <v>67</v>
      </c>
      <c r="U19842">
        <v>68</v>
      </c>
      <c r="V19842">
        <v>69</v>
      </c>
      <c r="W19842">
        <v>71</v>
      </c>
      <c r="X19842">
        <v>72</v>
      </c>
      <c r="Y19842">
        <v>73</v>
      </c>
      <c r="Z19842">
        <v>74</v>
      </c>
      <c r="AA19842">
        <v>75</v>
      </c>
      <c r="AB19842">
        <v>77</v>
      </c>
      <c r="AC19842">
        <v>78</v>
      </c>
      <c r="AD19842">
        <v>79</v>
      </c>
      <c r="AE19842">
        <v>80</v>
      </c>
      <c r="AF19842">
        <v>81</v>
      </c>
      <c r="AG19842">
        <v>83</v>
      </c>
      <c r="AH19842">
        <v>84</v>
      </c>
      <c r="AI19842">
        <v>85</v>
      </c>
      <c r="AJ19842">
        <v>87</v>
      </c>
      <c r="AK19842">
        <v>88</v>
      </c>
      <c r="AL19842">
        <v>89</v>
      </c>
      <c r="AM19842">
        <v>89</v>
      </c>
      <c r="AN19842">
        <v>90</v>
      </c>
      <c r="AO19842">
        <v>90</v>
      </c>
      <c r="AP19842">
        <v>91</v>
      </c>
      <c r="AQ19842">
        <v>91</v>
      </c>
    </row>
    <row r="19843" spans="1:43">
      <c r="A19843" t="s">
        <v>12290</v>
      </c>
      <c r="B19843" t="s">
        <v>12291</v>
      </c>
      <c r="C19843" t="s">
        <v>12286</v>
      </c>
      <c r="D19843" t="s">
        <v>12287</v>
      </c>
      <c r="E19843" t="s">
        <v>12188</v>
      </c>
      <c r="F19843" t="s">
        <v>12189</v>
      </c>
      <c r="G19843" t="s">
        <v>10450</v>
      </c>
      <c r="H19843" t="s">
        <v>10451</v>
      </c>
      <c r="I19843" s="2">
        <v>1</v>
      </c>
      <c r="J19843" s="2">
        <v>0</v>
      </c>
      <c r="K19843" s="2">
        <v>0</v>
      </c>
      <c r="L19843" t="s">
        <v>120</v>
      </c>
      <c r="M19843" t="s">
        <v>87</v>
      </c>
      <c r="N19843" t="s">
        <v>88</v>
      </c>
      <c r="O19843" t="s">
        <v>85</v>
      </c>
      <c r="P19843" t="s">
        <v>86</v>
      </c>
      <c r="Q19843">
        <v>63</v>
      </c>
      <c r="R19843">
        <v>63</v>
      </c>
      <c r="S19843">
        <v>64</v>
      </c>
      <c r="T19843">
        <v>65</v>
      </c>
      <c r="U19843">
        <v>65</v>
      </c>
      <c r="V19843">
        <v>66</v>
      </c>
      <c r="W19843">
        <v>66</v>
      </c>
      <c r="X19843">
        <v>67</v>
      </c>
      <c r="Y19843">
        <v>68</v>
      </c>
      <c r="Z19843">
        <v>68</v>
      </c>
      <c r="AA19843">
        <v>69</v>
      </c>
      <c r="AB19843">
        <v>70</v>
      </c>
      <c r="AC19843">
        <v>70</v>
      </c>
      <c r="AD19843">
        <v>71</v>
      </c>
      <c r="AE19843">
        <v>71</v>
      </c>
      <c r="AF19843">
        <v>72</v>
      </c>
      <c r="AG19843">
        <v>73</v>
      </c>
      <c r="AH19843">
        <v>74</v>
      </c>
      <c r="AI19843">
        <v>74</v>
      </c>
      <c r="AJ19843">
        <v>75</v>
      </c>
      <c r="AK19843">
        <v>76</v>
      </c>
      <c r="AL19843">
        <v>76</v>
      </c>
      <c r="AM19843">
        <v>77</v>
      </c>
      <c r="AN19843">
        <v>78</v>
      </c>
      <c r="AO19843">
        <v>79</v>
      </c>
      <c r="AP19843">
        <v>80</v>
      </c>
      <c r="AQ19843">
        <v>80</v>
      </c>
    </row>
    <row r="19844" spans="1:43">
      <c r="A19844" t="s">
        <v>12290</v>
      </c>
      <c r="B19844" t="s">
        <v>12291</v>
      </c>
      <c r="C19844" t="s">
        <v>12286</v>
      </c>
      <c r="D19844" t="s">
        <v>12287</v>
      </c>
      <c r="E19844" t="s">
        <v>12188</v>
      </c>
      <c r="F19844" t="s">
        <v>12189</v>
      </c>
      <c r="G19844" t="s">
        <v>10450</v>
      </c>
      <c r="H19844" t="s">
        <v>10451</v>
      </c>
      <c r="I19844" s="2">
        <v>1</v>
      </c>
      <c r="J19844" s="2">
        <v>0</v>
      </c>
      <c r="K19844" s="2">
        <v>0</v>
      </c>
      <c r="L19844" t="s">
        <v>120</v>
      </c>
      <c r="M19844" t="s">
        <v>89</v>
      </c>
      <c r="N19844" t="s">
        <v>90</v>
      </c>
      <c r="O19844" t="s">
        <v>85</v>
      </c>
      <c r="P19844" t="s">
        <v>86</v>
      </c>
      <c r="Q19844">
        <v>63</v>
      </c>
      <c r="R19844">
        <v>65</v>
      </c>
      <c r="S19844">
        <v>66</v>
      </c>
      <c r="T19844">
        <v>68</v>
      </c>
      <c r="U19844">
        <v>70</v>
      </c>
      <c r="V19844">
        <v>71</v>
      </c>
      <c r="W19844">
        <v>73</v>
      </c>
      <c r="X19844">
        <v>74</v>
      </c>
      <c r="Y19844">
        <v>76</v>
      </c>
      <c r="Z19844">
        <v>77</v>
      </c>
      <c r="AA19844">
        <v>79</v>
      </c>
      <c r="AB19844">
        <v>80</v>
      </c>
      <c r="AC19844">
        <v>82</v>
      </c>
      <c r="AD19844">
        <v>83</v>
      </c>
      <c r="AE19844">
        <v>85</v>
      </c>
      <c r="AF19844">
        <v>85</v>
      </c>
      <c r="AG19844">
        <v>86</v>
      </c>
      <c r="AH19844">
        <v>86</v>
      </c>
      <c r="AI19844">
        <v>87</v>
      </c>
      <c r="AJ19844">
        <v>87</v>
      </c>
      <c r="AK19844">
        <v>88</v>
      </c>
      <c r="AL19844">
        <v>88</v>
      </c>
      <c r="AM19844">
        <v>89</v>
      </c>
      <c r="AN19844">
        <v>89</v>
      </c>
      <c r="AO19844">
        <v>90</v>
      </c>
      <c r="AP19844">
        <v>90</v>
      </c>
      <c r="AQ19844">
        <v>91</v>
      </c>
    </row>
    <row r="19845" spans="1:43">
      <c r="A19845" t="s">
        <v>12290</v>
      </c>
      <c r="B19845" t="s">
        <v>12291</v>
      </c>
      <c r="C19845" t="s">
        <v>12286</v>
      </c>
      <c r="D19845" t="s">
        <v>12287</v>
      </c>
      <c r="E19845" t="s">
        <v>12188</v>
      </c>
      <c r="F19845" t="s">
        <v>12189</v>
      </c>
      <c r="G19845" t="s">
        <v>10450</v>
      </c>
      <c r="H19845" t="s">
        <v>10451</v>
      </c>
      <c r="I19845" s="2">
        <v>1</v>
      </c>
      <c r="J19845" s="2">
        <v>0</v>
      </c>
      <c r="K19845" s="2">
        <v>0</v>
      </c>
      <c r="L19845" t="s">
        <v>120</v>
      </c>
      <c r="M19845" t="s">
        <v>83</v>
      </c>
      <c r="N19845" t="s">
        <v>91</v>
      </c>
      <c r="O19845" t="s">
        <v>85</v>
      </c>
      <c r="P19845" t="s">
        <v>86</v>
      </c>
      <c r="Q19845">
        <v>63</v>
      </c>
      <c r="R19845">
        <v>64</v>
      </c>
      <c r="S19845">
        <v>66</v>
      </c>
      <c r="T19845">
        <v>67</v>
      </c>
      <c r="U19845">
        <v>68</v>
      </c>
      <c r="V19845">
        <v>69</v>
      </c>
      <c r="W19845">
        <v>71</v>
      </c>
      <c r="X19845">
        <v>72</v>
      </c>
      <c r="Y19845">
        <v>73</v>
      </c>
      <c r="Z19845">
        <v>74</v>
      </c>
      <c r="AA19845">
        <v>75</v>
      </c>
      <c r="AB19845">
        <v>77</v>
      </c>
      <c r="AC19845">
        <v>78</v>
      </c>
      <c r="AD19845">
        <v>79</v>
      </c>
      <c r="AE19845">
        <v>80</v>
      </c>
      <c r="AF19845">
        <v>81</v>
      </c>
      <c r="AG19845">
        <v>83</v>
      </c>
      <c r="AH19845">
        <v>84</v>
      </c>
      <c r="AI19845">
        <v>85</v>
      </c>
      <c r="AJ19845">
        <v>87</v>
      </c>
      <c r="AK19845">
        <v>88</v>
      </c>
      <c r="AL19845">
        <v>89</v>
      </c>
      <c r="AM19845">
        <v>89</v>
      </c>
      <c r="AN19845">
        <v>90</v>
      </c>
      <c r="AO19845">
        <v>90</v>
      </c>
      <c r="AP19845">
        <v>91</v>
      </c>
      <c r="AQ19845">
        <v>91</v>
      </c>
    </row>
    <row r="19846" spans="1:43">
      <c r="A19846" t="s">
        <v>12292</v>
      </c>
      <c r="B19846" t="s">
        <v>12293</v>
      </c>
      <c r="C19846" t="s">
        <v>12286</v>
      </c>
      <c r="D19846" t="s">
        <v>12287</v>
      </c>
      <c r="E19846" t="s">
        <v>12188</v>
      </c>
      <c r="F19846" t="s">
        <v>12189</v>
      </c>
      <c r="G19846" t="s">
        <v>10450</v>
      </c>
      <c r="H19846" t="s">
        <v>10451</v>
      </c>
      <c r="I19846" s="2">
        <v>1</v>
      </c>
      <c r="J19846" s="2">
        <v>0</v>
      </c>
      <c r="K19846" s="2">
        <v>0</v>
      </c>
      <c r="L19846" t="s">
        <v>120</v>
      </c>
      <c r="M19846" t="s">
        <v>83</v>
      </c>
      <c r="N19846" t="s">
        <v>84</v>
      </c>
      <c r="O19846" t="s">
        <v>85</v>
      </c>
      <c r="P19846" t="s">
        <v>86</v>
      </c>
      <c r="Q19846">
        <v>66</v>
      </c>
      <c r="R19846">
        <v>67</v>
      </c>
      <c r="S19846">
        <v>68</v>
      </c>
      <c r="T19846">
        <v>69</v>
      </c>
      <c r="U19846">
        <v>71</v>
      </c>
      <c r="V19846">
        <v>72</v>
      </c>
      <c r="W19846">
        <v>73</v>
      </c>
      <c r="X19846">
        <v>75</v>
      </c>
      <c r="Y19846">
        <v>76</v>
      </c>
      <c r="Z19846">
        <v>77</v>
      </c>
      <c r="AA19846">
        <v>78</v>
      </c>
      <c r="AB19846">
        <v>79</v>
      </c>
      <c r="AC19846">
        <v>81</v>
      </c>
      <c r="AD19846">
        <v>82</v>
      </c>
      <c r="AE19846">
        <v>83</v>
      </c>
      <c r="AF19846">
        <v>84</v>
      </c>
      <c r="AG19846">
        <v>86</v>
      </c>
      <c r="AH19846">
        <v>87</v>
      </c>
      <c r="AI19846">
        <v>88</v>
      </c>
      <c r="AJ19846">
        <v>90</v>
      </c>
      <c r="AK19846">
        <v>91</v>
      </c>
      <c r="AL19846">
        <v>92</v>
      </c>
      <c r="AM19846">
        <v>93</v>
      </c>
      <c r="AN19846">
        <v>93</v>
      </c>
      <c r="AO19846">
        <v>94</v>
      </c>
      <c r="AP19846">
        <v>94</v>
      </c>
      <c r="AQ19846">
        <v>95</v>
      </c>
    </row>
    <row r="19847" spans="1:43">
      <c r="A19847" t="s">
        <v>12292</v>
      </c>
      <c r="B19847" t="s">
        <v>12293</v>
      </c>
      <c r="C19847" t="s">
        <v>12286</v>
      </c>
      <c r="D19847" t="s">
        <v>12287</v>
      </c>
      <c r="E19847" t="s">
        <v>12188</v>
      </c>
      <c r="F19847" t="s">
        <v>12189</v>
      </c>
      <c r="G19847" t="s">
        <v>10450</v>
      </c>
      <c r="H19847" t="s">
        <v>10451</v>
      </c>
      <c r="I19847" s="2">
        <v>1</v>
      </c>
      <c r="J19847" s="2">
        <v>0</v>
      </c>
      <c r="K19847" s="2">
        <v>0</v>
      </c>
      <c r="L19847" t="s">
        <v>120</v>
      </c>
      <c r="M19847" t="s">
        <v>87</v>
      </c>
      <c r="N19847" t="s">
        <v>88</v>
      </c>
      <c r="O19847" t="s">
        <v>85</v>
      </c>
      <c r="P19847" t="s">
        <v>86</v>
      </c>
      <c r="Q19847">
        <v>66</v>
      </c>
      <c r="R19847">
        <v>67</v>
      </c>
      <c r="S19847">
        <v>67</v>
      </c>
      <c r="T19847">
        <v>68</v>
      </c>
      <c r="U19847">
        <v>69</v>
      </c>
      <c r="V19847">
        <v>69</v>
      </c>
      <c r="W19847">
        <v>70</v>
      </c>
      <c r="X19847">
        <v>70</v>
      </c>
      <c r="Y19847">
        <v>71</v>
      </c>
      <c r="Z19847">
        <v>72</v>
      </c>
      <c r="AA19847">
        <v>72</v>
      </c>
      <c r="AB19847">
        <v>73</v>
      </c>
      <c r="AC19847">
        <v>74</v>
      </c>
      <c r="AD19847">
        <v>74</v>
      </c>
      <c r="AE19847">
        <v>75</v>
      </c>
      <c r="AF19847">
        <v>76</v>
      </c>
      <c r="AG19847">
        <v>77</v>
      </c>
      <c r="AH19847">
        <v>77</v>
      </c>
      <c r="AI19847">
        <v>78</v>
      </c>
      <c r="AJ19847">
        <v>79</v>
      </c>
      <c r="AK19847">
        <v>80</v>
      </c>
      <c r="AL19847">
        <v>80</v>
      </c>
      <c r="AM19847">
        <v>81</v>
      </c>
      <c r="AN19847">
        <v>82</v>
      </c>
      <c r="AO19847">
        <v>83</v>
      </c>
      <c r="AP19847">
        <v>83</v>
      </c>
      <c r="AQ19847">
        <v>84</v>
      </c>
    </row>
    <row r="19848" spans="1:43">
      <c r="A19848" t="s">
        <v>12292</v>
      </c>
      <c r="B19848" t="s">
        <v>12293</v>
      </c>
      <c r="C19848" t="s">
        <v>12286</v>
      </c>
      <c r="D19848" t="s">
        <v>12287</v>
      </c>
      <c r="E19848" t="s">
        <v>12188</v>
      </c>
      <c r="F19848" t="s">
        <v>12189</v>
      </c>
      <c r="G19848" t="s">
        <v>10450</v>
      </c>
      <c r="H19848" t="s">
        <v>10451</v>
      </c>
      <c r="I19848" s="2">
        <v>1</v>
      </c>
      <c r="J19848" s="2">
        <v>0</v>
      </c>
      <c r="K19848" s="2">
        <v>0</v>
      </c>
      <c r="L19848" t="s">
        <v>120</v>
      </c>
      <c r="M19848" t="s">
        <v>89</v>
      </c>
      <c r="N19848" t="s">
        <v>90</v>
      </c>
      <c r="O19848" t="s">
        <v>85</v>
      </c>
      <c r="P19848" t="s">
        <v>86</v>
      </c>
      <c r="Q19848">
        <v>66</v>
      </c>
      <c r="R19848">
        <v>68</v>
      </c>
      <c r="S19848">
        <v>70</v>
      </c>
      <c r="T19848">
        <v>72</v>
      </c>
      <c r="U19848">
        <v>73</v>
      </c>
      <c r="V19848">
        <v>75</v>
      </c>
      <c r="W19848">
        <v>77</v>
      </c>
      <c r="X19848">
        <v>78</v>
      </c>
      <c r="Y19848">
        <v>80</v>
      </c>
      <c r="Z19848">
        <v>81</v>
      </c>
      <c r="AA19848">
        <v>83</v>
      </c>
      <c r="AB19848">
        <v>84</v>
      </c>
      <c r="AC19848">
        <v>86</v>
      </c>
      <c r="AD19848">
        <v>88</v>
      </c>
      <c r="AE19848">
        <v>89</v>
      </c>
      <c r="AF19848">
        <v>89</v>
      </c>
      <c r="AG19848">
        <v>90</v>
      </c>
      <c r="AH19848">
        <v>90</v>
      </c>
      <c r="AI19848">
        <v>91</v>
      </c>
      <c r="AJ19848">
        <v>91</v>
      </c>
      <c r="AK19848">
        <v>92</v>
      </c>
      <c r="AL19848">
        <v>93</v>
      </c>
      <c r="AM19848">
        <v>93</v>
      </c>
      <c r="AN19848">
        <v>94</v>
      </c>
      <c r="AO19848">
        <v>94</v>
      </c>
      <c r="AP19848">
        <v>95</v>
      </c>
      <c r="AQ19848">
        <v>95</v>
      </c>
    </row>
    <row r="19849" spans="1:43">
      <c r="A19849" t="s">
        <v>12292</v>
      </c>
      <c r="B19849" t="s">
        <v>12293</v>
      </c>
      <c r="C19849" t="s">
        <v>12286</v>
      </c>
      <c r="D19849" t="s">
        <v>12287</v>
      </c>
      <c r="E19849" t="s">
        <v>12188</v>
      </c>
      <c r="F19849" t="s">
        <v>12189</v>
      </c>
      <c r="G19849" t="s">
        <v>10450</v>
      </c>
      <c r="H19849" t="s">
        <v>10451</v>
      </c>
      <c r="I19849" s="2">
        <v>1</v>
      </c>
      <c r="J19849" s="2">
        <v>0</v>
      </c>
      <c r="K19849" s="2">
        <v>0</v>
      </c>
      <c r="L19849" t="s">
        <v>120</v>
      </c>
      <c r="M19849" t="s">
        <v>83</v>
      </c>
      <c r="N19849" t="s">
        <v>91</v>
      </c>
      <c r="O19849" t="s">
        <v>85</v>
      </c>
      <c r="P19849" t="s">
        <v>86</v>
      </c>
      <c r="Q19849">
        <v>66</v>
      </c>
      <c r="R19849">
        <v>67</v>
      </c>
      <c r="S19849">
        <v>68</v>
      </c>
      <c r="T19849">
        <v>69</v>
      </c>
      <c r="U19849">
        <v>71</v>
      </c>
      <c r="V19849">
        <v>72</v>
      </c>
      <c r="W19849">
        <v>73</v>
      </c>
      <c r="X19849">
        <v>75</v>
      </c>
      <c r="Y19849">
        <v>76</v>
      </c>
      <c r="Z19849">
        <v>77</v>
      </c>
      <c r="AA19849">
        <v>78</v>
      </c>
      <c r="AB19849">
        <v>79</v>
      </c>
      <c r="AC19849">
        <v>81</v>
      </c>
      <c r="AD19849">
        <v>82</v>
      </c>
      <c r="AE19849">
        <v>83</v>
      </c>
      <c r="AF19849">
        <v>84</v>
      </c>
      <c r="AG19849">
        <v>86</v>
      </c>
      <c r="AH19849">
        <v>87</v>
      </c>
      <c r="AI19849">
        <v>88</v>
      </c>
      <c r="AJ19849">
        <v>90</v>
      </c>
      <c r="AK19849">
        <v>91</v>
      </c>
      <c r="AL19849">
        <v>92</v>
      </c>
      <c r="AM19849">
        <v>93</v>
      </c>
      <c r="AN19849">
        <v>93</v>
      </c>
      <c r="AO19849">
        <v>94</v>
      </c>
      <c r="AP19849">
        <v>94</v>
      </c>
      <c r="AQ19849">
        <v>95</v>
      </c>
    </row>
    <row r="19850" spans="1:43">
      <c r="A19850" t="s">
        <v>12294</v>
      </c>
      <c r="B19850" t="s">
        <v>12295</v>
      </c>
      <c r="C19850" t="s">
        <v>12286</v>
      </c>
      <c r="D19850" t="s">
        <v>12287</v>
      </c>
      <c r="E19850" t="s">
        <v>12188</v>
      </c>
      <c r="F19850" t="s">
        <v>12189</v>
      </c>
      <c r="G19850" t="s">
        <v>10450</v>
      </c>
      <c r="H19850" t="s">
        <v>10451</v>
      </c>
      <c r="I19850" s="2">
        <v>1</v>
      </c>
      <c r="J19850" s="2">
        <v>0</v>
      </c>
      <c r="K19850" s="2">
        <v>0</v>
      </c>
      <c r="L19850" t="s">
        <v>120</v>
      </c>
      <c r="M19850" t="s">
        <v>83</v>
      </c>
      <c r="N19850" t="s">
        <v>84</v>
      </c>
      <c r="O19850" t="s">
        <v>85</v>
      </c>
      <c r="P19850" t="s">
        <v>86</v>
      </c>
      <c r="Q19850">
        <v>66</v>
      </c>
      <c r="R19850">
        <v>68</v>
      </c>
      <c r="S19850">
        <v>69</v>
      </c>
      <c r="T19850">
        <v>70</v>
      </c>
      <c r="U19850">
        <v>72</v>
      </c>
      <c r="V19850">
        <v>73</v>
      </c>
      <c r="W19850">
        <v>74</v>
      </c>
      <c r="X19850">
        <v>75</v>
      </c>
      <c r="Y19850">
        <v>77</v>
      </c>
      <c r="Z19850">
        <v>78</v>
      </c>
      <c r="AA19850">
        <v>79</v>
      </c>
      <c r="AB19850">
        <v>80</v>
      </c>
      <c r="AC19850">
        <v>81</v>
      </c>
      <c r="AD19850">
        <v>83</v>
      </c>
      <c r="AE19850">
        <v>84</v>
      </c>
      <c r="AF19850">
        <v>85</v>
      </c>
      <c r="AG19850">
        <v>86</v>
      </c>
      <c r="AH19850">
        <v>88</v>
      </c>
      <c r="AI19850">
        <v>89</v>
      </c>
      <c r="AJ19850">
        <v>90</v>
      </c>
      <c r="AK19850">
        <v>92</v>
      </c>
      <c r="AL19850">
        <v>93</v>
      </c>
      <c r="AM19850">
        <v>93</v>
      </c>
      <c r="AN19850">
        <v>94</v>
      </c>
      <c r="AO19850">
        <v>94</v>
      </c>
      <c r="AP19850">
        <v>95</v>
      </c>
      <c r="AQ19850">
        <v>96</v>
      </c>
    </row>
    <row r="19851" spans="1:43">
      <c r="A19851" t="s">
        <v>12294</v>
      </c>
      <c r="B19851" t="s">
        <v>12295</v>
      </c>
      <c r="C19851" t="s">
        <v>12286</v>
      </c>
      <c r="D19851" t="s">
        <v>12287</v>
      </c>
      <c r="E19851" t="s">
        <v>12188</v>
      </c>
      <c r="F19851" t="s">
        <v>12189</v>
      </c>
      <c r="G19851" t="s">
        <v>10450</v>
      </c>
      <c r="H19851" t="s">
        <v>10451</v>
      </c>
      <c r="I19851" s="2">
        <v>1</v>
      </c>
      <c r="J19851" s="2">
        <v>0</v>
      </c>
      <c r="K19851" s="2">
        <v>0</v>
      </c>
      <c r="L19851" t="s">
        <v>120</v>
      </c>
      <c r="M19851" t="s">
        <v>87</v>
      </c>
      <c r="N19851" t="s">
        <v>88</v>
      </c>
      <c r="O19851" t="s">
        <v>85</v>
      </c>
      <c r="P19851" t="s">
        <v>86</v>
      </c>
      <c r="Q19851">
        <v>66</v>
      </c>
      <c r="R19851">
        <v>66</v>
      </c>
      <c r="S19851">
        <v>67</v>
      </c>
      <c r="T19851">
        <v>68</v>
      </c>
      <c r="U19851">
        <v>68</v>
      </c>
      <c r="V19851">
        <v>69</v>
      </c>
      <c r="W19851">
        <v>70</v>
      </c>
      <c r="X19851">
        <v>70</v>
      </c>
      <c r="Y19851">
        <v>71</v>
      </c>
      <c r="Z19851">
        <v>72</v>
      </c>
      <c r="AA19851">
        <v>72</v>
      </c>
      <c r="AB19851">
        <v>73</v>
      </c>
      <c r="AC19851">
        <v>74</v>
      </c>
      <c r="AD19851">
        <v>74</v>
      </c>
      <c r="AE19851">
        <v>75</v>
      </c>
      <c r="AF19851">
        <v>76</v>
      </c>
      <c r="AG19851">
        <v>77</v>
      </c>
      <c r="AH19851">
        <v>77</v>
      </c>
      <c r="AI19851">
        <v>78</v>
      </c>
      <c r="AJ19851">
        <v>79</v>
      </c>
      <c r="AK19851">
        <v>80</v>
      </c>
      <c r="AL19851">
        <v>80</v>
      </c>
      <c r="AM19851">
        <v>81</v>
      </c>
      <c r="AN19851">
        <v>82</v>
      </c>
      <c r="AO19851">
        <v>83</v>
      </c>
      <c r="AP19851">
        <v>84</v>
      </c>
      <c r="AQ19851">
        <v>85</v>
      </c>
    </row>
    <row r="19852" spans="1:43">
      <c r="A19852" t="s">
        <v>12294</v>
      </c>
      <c r="B19852" t="s">
        <v>12295</v>
      </c>
      <c r="C19852" t="s">
        <v>12286</v>
      </c>
      <c r="D19852" t="s">
        <v>12287</v>
      </c>
      <c r="E19852" t="s">
        <v>12188</v>
      </c>
      <c r="F19852" t="s">
        <v>12189</v>
      </c>
      <c r="G19852" t="s">
        <v>10450</v>
      </c>
      <c r="H19852" t="s">
        <v>10451</v>
      </c>
      <c r="I19852" s="2">
        <v>1</v>
      </c>
      <c r="J19852" s="2">
        <v>0</v>
      </c>
      <c r="K19852" s="2">
        <v>0</v>
      </c>
      <c r="L19852" t="s">
        <v>120</v>
      </c>
      <c r="M19852" t="s">
        <v>89</v>
      </c>
      <c r="N19852" t="s">
        <v>90</v>
      </c>
      <c r="O19852" t="s">
        <v>85</v>
      </c>
      <c r="P19852" t="s">
        <v>86</v>
      </c>
      <c r="Q19852">
        <v>66</v>
      </c>
      <c r="R19852">
        <v>68</v>
      </c>
      <c r="S19852">
        <v>70</v>
      </c>
      <c r="T19852">
        <v>72</v>
      </c>
      <c r="U19852">
        <v>73</v>
      </c>
      <c r="V19852">
        <v>75</v>
      </c>
      <c r="W19852">
        <v>76</v>
      </c>
      <c r="X19852">
        <v>78</v>
      </c>
      <c r="Y19852">
        <v>79</v>
      </c>
      <c r="Z19852">
        <v>81</v>
      </c>
      <c r="AA19852">
        <v>82</v>
      </c>
      <c r="AB19852">
        <v>84</v>
      </c>
      <c r="AC19852">
        <v>86</v>
      </c>
      <c r="AD19852">
        <v>87</v>
      </c>
      <c r="AE19852">
        <v>88</v>
      </c>
      <c r="AF19852">
        <v>89</v>
      </c>
      <c r="AG19852">
        <v>89</v>
      </c>
      <c r="AH19852">
        <v>90</v>
      </c>
      <c r="AI19852">
        <v>90</v>
      </c>
      <c r="AJ19852">
        <v>91</v>
      </c>
      <c r="AK19852">
        <v>92</v>
      </c>
      <c r="AL19852">
        <v>92</v>
      </c>
      <c r="AM19852">
        <v>93</v>
      </c>
      <c r="AN19852">
        <v>93</v>
      </c>
      <c r="AO19852">
        <v>94</v>
      </c>
      <c r="AP19852">
        <v>95</v>
      </c>
      <c r="AQ19852">
        <v>95</v>
      </c>
    </row>
    <row r="19853" spans="1:43">
      <c r="A19853" t="s">
        <v>12294</v>
      </c>
      <c r="B19853" t="s">
        <v>12295</v>
      </c>
      <c r="C19853" t="s">
        <v>12286</v>
      </c>
      <c r="D19853" t="s">
        <v>12287</v>
      </c>
      <c r="E19853" t="s">
        <v>12188</v>
      </c>
      <c r="F19853" t="s">
        <v>12189</v>
      </c>
      <c r="G19853" t="s">
        <v>10450</v>
      </c>
      <c r="H19853" t="s">
        <v>10451</v>
      </c>
      <c r="I19853" s="2">
        <v>1</v>
      </c>
      <c r="J19853" s="2">
        <v>0</v>
      </c>
      <c r="K19853" s="2">
        <v>0</v>
      </c>
      <c r="L19853" t="s">
        <v>120</v>
      </c>
      <c r="M19853" t="s">
        <v>83</v>
      </c>
      <c r="N19853" t="s">
        <v>91</v>
      </c>
      <c r="O19853" t="s">
        <v>85</v>
      </c>
      <c r="P19853" t="s">
        <v>86</v>
      </c>
      <c r="Q19853">
        <v>66</v>
      </c>
      <c r="R19853">
        <v>68</v>
      </c>
      <c r="S19853">
        <v>69</v>
      </c>
      <c r="T19853">
        <v>70</v>
      </c>
      <c r="U19853">
        <v>72</v>
      </c>
      <c r="V19853">
        <v>73</v>
      </c>
      <c r="W19853">
        <v>74</v>
      </c>
      <c r="X19853">
        <v>75</v>
      </c>
      <c r="Y19853">
        <v>77</v>
      </c>
      <c r="Z19853">
        <v>78</v>
      </c>
      <c r="AA19853">
        <v>79</v>
      </c>
      <c r="AB19853">
        <v>80</v>
      </c>
      <c r="AC19853">
        <v>81</v>
      </c>
      <c r="AD19853">
        <v>83</v>
      </c>
      <c r="AE19853">
        <v>84</v>
      </c>
      <c r="AF19853">
        <v>85</v>
      </c>
      <c r="AG19853">
        <v>86</v>
      </c>
      <c r="AH19853">
        <v>88</v>
      </c>
      <c r="AI19853">
        <v>89</v>
      </c>
      <c r="AJ19853">
        <v>90</v>
      </c>
      <c r="AK19853">
        <v>92</v>
      </c>
      <c r="AL19853">
        <v>93</v>
      </c>
      <c r="AM19853">
        <v>93</v>
      </c>
      <c r="AN19853">
        <v>94</v>
      </c>
      <c r="AO19853">
        <v>94</v>
      </c>
      <c r="AP19853">
        <v>95</v>
      </c>
      <c r="AQ19853">
        <v>96</v>
      </c>
    </row>
    <row r="19854" spans="1:43">
      <c r="A19854" t="s">
        <v>12296</v>
      </c>
      <c r="B19854" t="s">
        <v>12297</v>
      </c>
      <c r="C19854" t="s">
        <v>12286</v>
      </c>
      <c r="D19854" t="s">
        <v>12287</v>
      </c>
      <c r="E19854" t="s">
        <v>12188</v>
      </c>
      <c r="F19854" t="s">
        <v>12189</v>
      </c>
      <c r="G19854" t="s">
        <v>10450</v>
      </c>
      <c r="H19854" t="s">
        <v>10451</v>
      </c>
      <c r="I19854" s="2">
        <v>1</v>
      </c>
      <c r="J19854" s="2">
        <v>0</v>
      </c>
      <c r="K19854" s="2">
        <v>0</v>
      </c>
      <c r="L19854" t="s">
        <v>120</v>
      </c>
      <c r="M19854" t="s">
        <v>83</v>
      </c>
      <c r="N19854" t="s">
        <v>84</v>
      </c>
      <c r="O19854" t="s">
        <v>85</v>
      </c>
      <c r="P19854" t="s">
        <v>86</v>
      </c>
      <c r="Q19854">
        <v>60</v>
      </c>
      <c r="R19854">
        <v>61</v>
      </c>
      <c r="S19854">
        <v>62</v>
      </c>
      <c r="T19854">
        <v>63</v>
      </c>
      <c r="U19854">
        <v>64</v>
      </c>
      <c r="V19854">
        <v>65</v>
      </c>
      <c r="W19854">
        <v>67</v>
      </c>
      <c r="X19854">
        <v>68</v>
      </c>
      <c r="Y19854">
        <v>69</v>
      </c>
      <c r="Z19854">
        <v>70</v>
      </c>
      <c r="AA19854">
        <v>71</v>
      </c>
      <c r="AB19854">
        <v>72</v>
      </c>
      <c r="AC19854">
        <v>73</v>
      </c>
      <c r="AD19854">
        <v>74</v>
      </c>
      <c r="AE19854">
        <v>75</v>
      </c>
      <c r="AF19854">
        <v>76</v>
      </c>
      <c r="AG19854">
        <v>78</v>
      </c>
      <c r="AH19854">
        <v>79</v>
      </c>
      <c r="AI19854">
        <v>80</v>
      </c>
      <c r="AJ19854">
        <v>81</v>
      </c>
      <c r="AK19854">
        <v>82</v>
      </c>
      <c r="AL19854">
        <v>83</v>
      </c>
      <c r="AM19854">
        <v>84</v>
      </c>
      <c r="AN19854">
        <v>84</v>
      </c>
      <c r="AO19854">
        <v>85</v>
      </c>
      <c r="AP19854">
        <v>85</v>
      </c>
      <c r="AQ19854">
        <v>86</v>
      </c>
    </row>
    <row r="19855" spans="1:43">
      <c r="A19855" t="s">
        <v>12296</v>
      </c>
      <c r="B19855" t="s">
        <v>12297</v>
      </c>
      <c r="C19855" t="s">
        <v>12286</v>
      </c>
      <c r="D19855" t="s">
        <v>12287</v>
      </c>
      <c r="E19855" t="s">
        <v>12188</v>
      </c>
      <c r="F19855" t="s">
        <v>12189</v>
      </c>
      <c r="G19855" t="s">
        <v>10450</v>
      </c>
      <c r="H19855" t="s">
        <v>10451</v>
      </c>
      <c r="I19855" s="2">
        <v>1</v>
      </c>
      <c r="J19855" s="2">
        <v>0</v>
      </c>
      <c r="K19855" s="2">
        <v>0</v>
      </c>
      <c r="L19855" t="s">
        <v>120</v>
      </c>
      <c r="M19855" t="s">
        <v>87</v>
      </c>
      <c r="N19855" t="s">
        <v>88</v>
      </c>
      <c r="O19855" t="s">
        <v>85</v>
      </c>
      <c r="P19855" t="s">
        <v>86</v>
      </c>
      <c r="Q19855">
        <v>60</v>
      </c>
      <c r="R19855">
        <v>61</v>
      </c>
      <c r="S19855">
        <v>61</v>
      </c>
      <c r="T19855">
        <v>62</v>
      </c>
      <c r="U19855">
        <v>62</v>
      </c>
      <c r="V19855">
        <v>63</v>
      </c>
      <c r="W19855">
        <v>64</v>
      </c>
      <c r="X19855">
        <v>64</v>
      </c>
      <c r="Y19855">
        <v>65</v>
      </c>
      <c r="Z19855">
        <v>65</v>
      </c>
      <c r="AA19855">
        <v>66</v>
      </c>
      <c r="AB19855">
        <v>67</v>
      </c>
      <c r="AC19855">
        <v>67</v>
      </c>
      <c r="AD19855">
        <v>68</v>
      </c>
      <c r="AE19855">
        <v>68</v>
      </c>
      <c r="AF19855">
        <v>69</v>
      </c>
      <c r="AG19855">
        <v>70</v>
      </c>
      <c r="AH19855">
        <v>70</v>
      </c>
      <c r="AI19855">
        <v>71</v>
      </c>
      <c r="AJ19855">
        <v>72</v>
      </c>
      <c r="AK19855">
        <v>72</v>
      </c>
      <c r="AL19855">
        <v>73</v>
      </c>
      <c r="AM19855">
        <v>74</v>
      </c>
      <c r="AN19855">
        <v>75</v>
      </c>
      <c r="AO19855">
        <v>75</v>
      </c>
      <c r="AP19855">
        <v>76</v>
      </c>
      <c r="AQ19855">
        <v>77</v>
      </c>
    </row>
    <row r="19856" spans="1:43">
      <c r="A19856" t="s">
        <v>12296</v>
      </c>
      <c r="B19856" t="s">
        <v>12297</v>
      </c>
      <c r="C19856" t="s">
        <v>12286</v>
      </c>
      <c r="D19856" t="s">
        <v>12287</v>
      </c>
      <c r="E19856" t="s">
        <v>12188</v>
      </c>
      <c r="F19856" t="s">
        <v>12189</v>
      </c>
      <c r="G19856" t="s">
        <v>10450</v>
      </c>
      <c r="H19856" t="s">
        <v>10451</v>
      </c>
      <c r="I19856" s="2">
        <v>1</v>
      </c>
      <c r="J19856" s="2">
        <v>0</v>
      </c>
      <c r="K19856" s="2">
        <v>0</v>
      </c>
      <c r="L19856" t="s">
        <v>120</v>
      </c>
      <c r="M19856" t="s">
        <v>89</v>
      </c>
      <c r="N19856" t="s">
        <v>90</v>
      </c>
      <c r="O19856" t="s">
        <v>85</v>
      </c>
      <c r="P19856" t="s">
        <v>86</v>
      </c>
      <c r="Q19856">
        <v>60</v>
      </c>
      <c r="R19856">
        <v>62</v>
      </c>
      <c r="S19856">
        <v>63</v>
      </c>
      <c r="T19856">
        <v>65</v>
      </c>
      <c r="U19856">
        <v>67</v>
      </c>
      <c r="V19856">
        <v>68</v>
      </c>
      <c r="W19856">
        <v>69</v>
      </c>
      <c r="X19856">
        <v>71</v>
      </c>
      <c r="Y19856">
        <v>72</v>
      </c>
      <c r="Z19856">
        <v>74</v>
      </c>
      <c r="AA19856">
        <v>75</v>
      </c>
      <c r="AB19856">
        <v>76</v>
      </c>
      <c r="AC19856">
        <v>78</v>
      </c>
      <c r="AD19856">
        <v>79</v>
      </c>
      <c r="AE19856">
        <v>80</v>
      </c>
      <c r="AF19856">
        <v>81</v>
      </c>
      <c r="AG19856">
        <v>81</v>
      </c>
      <c r="AH19856">
        <v>82</v>
      </c>
      <c r="AI19856">
        <v>82</v>
      </c>
      <c r="AJ19856">
        <v>83</v>
      </c>
      <c r="AK19856">
        <v>83</v>
      </c>
      <c r="AL19856">
        <v>84</v>
      </c>
      <c r="AM19856">
        <v>84</v>
      </c>
      <c r="AN19856">
        <v>85</v>
      </c>
      <c r="AO19856">
        <v>85</v>
      </c>
      <c r="AP19856">
        <v>86</v>
      </c>
      <c r="AQ19856">
        <v>86</v>
      </c>
    </row>
    <row r="19857" spans="1:43">
      <c r="A19857" t="s">
        <v>12296</v>
      </c>
      <c r="B19857" t="s">
        <v>12297</v>
      </c>
      <c r="C19857" t="s">
        <v>12286</v>
      </c>
      <c r="D19857" t="s">
        <v>12287</v>
      </c>
      <c r="E19857" t="s">
        <v>12188</v>
      </c>
      <c r="F19857" t="s">
        <v>12189</v>
      </c>
      <c r="G19857" t="s">
        <v>10450</v>
      </c>
      <c r="H19857" t="s">
        <v>10451</v>
      </c>
      <c r="I19857" s="2">
        <v>1</v>
      </c>
      <c r="J19857" s="2">
        <v>0</v>
      </c>
      <c r="K19857" s="2">
        <v>0</v>
      </c>
      <c r="L19857" t="s">
        <v>120</v>
      </c>
      <c r="M19857" t="s">
        <v>83</v>
      </c>
      <c r="N19857" t="s">
        <v>91</v>
      </c>
      <c r="O19857" t="s">
        <v>85</v>
      </c>
      <c r="P19857" t="s">
        <v>86</v>
      </c>
      <c r="Q19857">
        <v>60</v>
      </c>
      <c r="R19857">
        <v>61</v>
      </c>
      <c r="S19857">
        <v>62</v>
      </c>
      <c r="T19857">
        <v>63</v>
      </c>
      <c r="U19857">
        <v>64</v>
      </c>
      <c r="V19857">
        <v>65</v>
      </c>
      <c r="W19857">
        <v>67</v>
      </c>
      <c r="X19857">
        <v>68</v>
      </c>
      <c r="Y19857">
        <v>69</v>
      </c>
      <c r="Z19857">
        <v>70</v>
      </c>
      <c r="AA19857">
        <v>71</v>
      </c>
      <c r="AB19857">
        <v>72</v>
      </c>
      <c r="AC19857">
        <v>73</v>
      </c>
      <c r="AD19857">
        <v>74</v>
      </c>
      <c r="AE19857">
        <v>75</v>
      </c>
      <c r="AF19857">
        <v>76</v>
      </c>
      <c r="AG19857">
        <v>78</v>
      </c>
      <c r="AH19857">
        <v>79</v>
      </c>
      <c r="AI19857">
        <v>80</v>
      </c>
      <c r="AJ19857">
        <v>81</v>
      </c>
      <c r="AK19857">
        <v>82</v>
      </c>
      <c r="AL19857">
        <v>83</v>
      </c>
      <c r="AM19857">
        <v>84</v>
      </c>
      <c r="AN19857">
        <v>84</v>
      </c>
      <c r="AO19857">
        <v>85</v>
      </c>
      <c r="AP19857">
        <v>85</v>
      </c>
      <c r="AQ19857">
        <v>86</v>
      </c>
    </row>
    <row r="19858" spans="1:43">
      <c r="A19858" t="s">
        <v>12298</v>
      </c>
      <c r="B19858" t="s">
        <v>12299</v>
      </c>
      <c r="C19858" t="s">
        <v>12212</v>
      </c>
      <c r="D19858" t="s">
        <v>12213</v>
      </c>
      <c r="E19858" t="s">
        <v>12188</v>
      </c>
      <c r="F19858" t="s">
        <v>12189</v>
      </c>
      <c r="G19858" t="s">
        <v>10450</v>
      </c>
      <c r="H19858" t="s">
        <v>10451</v>
      </c>
      <c r="I19858" s="2">
        <v>0</v>
      </c>
      <c r="J19858" s="2">
        <v>0</v>
      </c>
      <c r="K19858" s="2">
        <v>0</v>
      </c>
      <c r="L19858" t="s">
        <v>120</v>
      </c>
      <c r="M19858" t="s">
        <v>83</v>
      </c>
      <c r="N19858" t="s">
        <v>84</v>
      </c>
      <c r="O19858" t="s">
        <v>85</v>
      </c>
      <c r="P19858" t="s">
        <v>86</v>
      </c>
      <c r="Q19858">
        <v>0</v>
      </c>
      <c r="R19858">
        <v>0</v>
      </c>
      <c r="S19858">
        <v>0</v>
      </c>
      <c r="T19858">
        <v>0</v>
      </c>
      <c r="U19858">
        <v>0</v>
      </c>
      <c r="V19858">
        <v>0</v>
      </c>
      <c r="W19858">
        <v>0</v>
      </c>
      <c r="X19858">
        <v>0</v>
      </c>
      <c r="Y19858">
        <v>0</v>
      </c>
      <c r="Z19858">
        <v>0</v>
      </c>
      <c r="AA19858">
        <v>0</v>
      </c>
      <c r="AB19858">
        <v>0</v>
      </c>
      <c r="AC19858">
        <v>0</v>
      </c>
      <c r="AD19858">
        <v>0</v>
      </c>
      <c r="AE19858">
        <v>0</v>
      </c>
      <c r="AF19858">
        <v>0</v>
      </c>
      <c r="AG19858">
        <v>0</v>
      </c>
      <c r="AH19858">
        <v>0</v>
      </c>
      <c r="AI19858">
        <v>0</v>
      </c>
      <c r="AJ19858">
        <v>0</v>
      </c>
      <c r="AK19858">
        <v>0</v>
      </c>
      <c r="AL19858">
        <v>0</v>
      </c>
      <c r="AM19858">
        <v>0</v>
      </c>
      <c r="AN19858">
        <v>0</v>
      </c>
      <c r="AO19858">
        <v>0</v>
      </c>
      <c r="AP19858">
        <v>0</v>
      </c>
      <c r="AQ19858">
        <v>0</v>
      </c>
    </row>
    <row r="19859" spans="1:43">
      <c r="A19859" t="s">
        <v>12298</v>
      </c>
      <c r="B19859" t="s">
        <v>12299</v>
      </c>
      <c r="C19859" t="s">
        <v>12212</v>
      </c>
      <c r="D19859" t="s">
        <v>12213</v>
      </c>
      <c r="E19859" t="s">
        <v>12188</v>
      </c>
      <c r="F19859" t="s">
        <v>12189</v>
      </c>
      <c r="G19859" t="s">
        <v>10450</v>
      </c>
      <c r="H19859" t="s">
        <v>10451</v>
      </c>
      <c r="I19859" s="2">
        <v>0</v>
      </c>
      <c r="J19859" s="2">
        <v>0</v>
      </c>
      <c r="K19859" s="2">
        <v>0</v>
      </c>
      <c r="L19859" t="s">
        <v>120</v>
      </c>
      <c r="M19859" t="s">
        <v>87</v>
      </c>
      <c r="N19859" t="s">
        <v>88</v>
      </c>
      <c r="O19859" t="s">
        <v>85</v>
      </c>
      <c r="P19859" t="s">
        <v>86</v>
      </c>
      <c r="Q19859">
        <v>0</v>
      </c>
      <c r="R19859">
        <v>0</v>
      </c>
      <c r="S19859">
        <v>0</v>
      </c>
      <c r="T19859">
        <v>0</v>
      </c>
      <c r="U19859">
        <v>0</v>
      </c>
      <c r="V19859">
        <v>0</v>
      </c>
      <c r="W19859">
        <v>0</v>
      </c>
      <c r="X19859">
        <v>0</v>
      </c>
      <c r="Y19859">
        <v>0</v>
      </c>
      <c r="Z19859">
        <v>0</v>
      </c>
      <c r="AA19859">
        <v>0</v>
      </c>
      <c r="AB19859">
        <v>0</v>
      </c>
      <c r="AC19859">
        <v>0</v>
      </c>
      <c r="AD19859">
        <v>0</v>
      </c>
      <c r="AE19859">
        <v>0</v>
      </c>
      <c r="AF19859">
        <v>0</v>
      </c>
      <c r="AG19859">
        <v>0</v>
      </c>
      <c r="AH19859">
        <v>0</v>
      </c>
      <c r="AI19859">
        <v>0</v>
      </c>
      <c r="AJ19859">
        <v>0</v>
      </c>
      <c r="AK19859">
        <v>0</v>
      </c>
      <c r="AL19859">
        <v>0</v>
      </c>
      <c r="AM19859">
        <v>0</v>
      </c>
      <c r="AN19859">
        <v>0</v>
      </c>
      <c r="AO19859">
        <v>0</v>
      </c>
      <c r="AP19859">
        <v>0</v>
      </c>
      <c r="AQ19859">
        <v>0</v>
      </c>
    </row>
    <row r="19860" spans="1:43">
      <c r="A19860" t="s">
        <v>12298</v>
      </c>
      <c r="B19860" t="s">
        <v>12299</v>
      </c>
      <c r="C19860" t="s">
        <v>12212</v>
      </c>
      <c r="D19860" t="s">
        <v>12213</v>
      </c>
      <c r="E19860" t="s">
        <v>12188</v>
      </c>
      <c r="F19860" t="s">
        <v>12189</v>
      </c>
      <c r="G19860" t="s">
        <v>10450</v>
      </c>
      <c r="H19860" t="s">
        <v>10451</v>
      </c>
      <c r="I19860" s="2">
        <v>0</v>
      </c>
      <c r="J19860" s="2">
        <v>0</v>
      </c>
      <c r="K19860" s="2">
        <v>0</v>
      </c>
      <c r="L19860" t="s">
        <v>120</v>
      </c>
      <c r="M19860" t="s">
        <v>89</v>
      </c>
      <c r="N19860" t="s">
        <v>90</v>
      </c>
      <c r="O19860" t="s">
        <v>85</v>
      </c>
      <c r="P19860" t="s">
        <v>86</v>
      </c>
      <c r="Q19860">
        <v>0</v>
      </c>
      <c r="R19860">
        <v>0</v>
      </c>
      <c r="S19860">
        <v>0</v>
      </c>
      <c r="T19860">
        <v>0</v>
      </c>
      <c r="U19860">
        <v>0</v>
      </c>
      <c r="V19860">
        <v>0</v>
      </c>
      <c r="W19860">
        <v>0</v>
      </c>
      <c r="X19860">
        <v>0</v>
      </c>
      <c r="Y19860">
        <v>0</v>
      </c>
      <c r="Z19860">
        <v>0</v>
      </c>
      <c r="AA19860">
        <v>0</v>
      </c>
      <c r="AB19860">
        <v>0</v>
      </c>
      <c r="AC19860">
        <v>0</v>
      </c>
      <c r="AD19860">
        <v>0</v>
      </c>
      <c r="AE19860">
        <v>0</v>
      </c>
      <c r="AF19860">
        <v>0</v>
      </c>
      <c r="AG19860">
        <v>0</v>
      </c>
      <c r="AH19860">
        <v>0</v>
      </c>
      <c r="AI19860">
        <v>0</v>
      </c>
      <c r="AJ19860">
        <v>0</v>
      </c>
      <c r="AK19860">
        <v>0</v>
      </c>
      <c r="AL19860">
        <v>0</v>
      </c>
      <c r="AM19860">
        <v>0</v>
      </c>
      <c r="AN19860">
        <v>0</v>
      </c>
      <c r="AO19860">
        <v>0</v>
      </c>
      <c r="AP19860">
        <v>0</v>
      </c>
      <c r="AQ19860">
        <v>0</v>
      </c>
    </row>
    <row r="19861" spans="1:43">
      <c r="A19861" t="s">
        <v>12298</v>
      </c>
      <c r="B19861" t="s">
        <v>12299</v>
      </c>
      <c r="C19861" t="s">
        <v>12212</v>
      </c>
      <c r="D19861" t="s">
        <v>12213</v>
      </c>
      <c r="E19861" t="s">
        <v>12188</v>
      </c>
      <c r="F19861" t="s">
        <v>12189</v>
      </c>
      <c r="G19861" t="s">
        <v>10450</v>
      </c>
      <c r="H19861" t="s">
        <v>10451</v>
      </c>
      <c r="I19861" s="2">
        <v>0</v>
      </c>
      <c r="J19861" s="2">
        <v>0</v>
      </c>
      <c r="K19861" s="2">
        <v>0</v>
      </c>
      <c r="L19861" t="s">
        <v>120</v>
      </c>
      <c r="M19861" t="s">
        <v>83</v>
      </c>
      <c r="N19861" t="s">
        <v>91</v>
      </c>
      <c r="O19861" t="s">
        <v>85</v>
      </c>
      <c r="P19861" t="s">
        <v>86</v>
      </c>
      <c r="Q19861">
        <v>0</v>
      </c>
      <c r="R19861">
        <v>0</v>
      </c>
      <c r="S19861">
        <v>0</v>
      </c>
      <c r="T19861">
        <v>0</v>
      </c>
      <c r="U19861">
        <v>0</v>
      </c>
      <c r="V19861">
        <v>0</v>
      </c>
      <c r="W19861">
        <v>0</v>
      </c>
      <c r="X19861">
        <v>0</v>
      </c>
      <c r="Y19861">
        <v>0</v>
      </c>
      <c r="Z19861">
        <v>0</v>
      </c>
      <c r="AA19861">
        <v>0</v>
      </c>
      <c r="AB19861">
        <v>0</v>
      </c>
      <c r="AC19861">
        <v>0</v>
      </c>
      <c r="AD19861">
        <v>0</v>
      </c>
      <c r="AE19861">
        <v>0</v>
      </c>
      <c r="AF19861">
        <v>0</v>
      </c>
      <c r="AG19861">
        <v>0</v>
      </c>
      <c r="AH19861">
        <v>0</v>
      </c>
      <c r="AI19861">
        <v>0</v>
      </c>
      <c r="AJ19861">
        <v>0</v>
      </c>
      <c r="AK19861">
        <v>0</v>
      </c>
      <c r="AL19861">
        <v>0</v>
      </c>
      <c r="AM19861">
        <v>0</v>
      </c>
      <c r="AN19861">
        <v>0</v>
      </c>
      <c r="AO19861">
        <v>0</v>
      </c>
      <c r="AP19861">
        <v>0</v>
      </c>
      <c r="AQ19861">
        <v>0</v>
      </c>
    </row>
    <row r="19862" spans="1:43">
      <c r="A19862" t="s">
        <v>12300</v>
      </c>
      <c r="B19862" t="s">
        <v>12301</v>
      </c>
      <c r="C19862" t="s">
        <v>12302</v>
      </c>
      <c r="D19862" t="s">
        <v>12303</v>
      </c>
      <c r="E19862" t="s">
        <v>12188</v>
      </c>
      <c r="F19862" t="s">
        <v>12189</v>
      </c>
      <c r="G19862" t="s">
        <v>10450</v>
      </c>
      <c r="H19862" t="s">
        <v>10451</v>
      </c>
      <c r="I19862" s="2">
        <v>1</v>
      </c>
      <c r="J19862" s="2">
        <v>0</v>
      </c>
      <c r="K19862" s="2">
        <v>0</v>
      </c>
      <c r="L19862" t="s">
        <v>120</v>
      </c>
      <c r="M19862" t="s">
        <v>83</v>
      </c>
      <c r="N19862" t="s">
        <v>84</v>
      </c>
      <c r="O19862" t="s">
        <v>85</v>
      </c>
      <c r="P19862" t="s">
        <v>86</v>
      </c>
      <c r="Q19862">
        <v>24</v>
      </c>
      <c r="R19862">
        <v>24</v>
      </c>
      <c r="S19862">
        <v>25</v>
      </c>
      <c r="T19862">
        <v>25</v>
      </c>
      <c r="U19862">
        <v>25</v>
      </c>
      <c r="V19862">
        <v>26</v>
      </c>
      <c r="W19862">
        <v>26</v>
      </c>
      <c r="X19862">
        <v>27</v>
      </c>
      <c r="Y19862">
        <v>27</v>
      </c>
      <c r="Z19862">
        <v>28</v>
      </c>
      <c r="AA19862">
        <v>28</v>
      </c>
      <c r="AB19862">
        <v>29</v>
      </c>
      <c r="AC19862">
        <v>29</v>
      </c>
      <c r="AD19862">
        <v>30</v>
      </c>
      <c r="AE19862">
        <v>30</v>
      </c>
      <c r="AF19862">
        <v>31</v>
      </c>
      <c r="AG19862">
        <v>31</v>
      </c>
      <c r="AH19862">
        <v>32</v>
      </c>
      <c r="AI19862">
        <v>32</v>
      </c>
      <c r="AJ19862">
        <v>33</v>
      </c>
      <c r="AK19862">
        <v>33</v>
      </c>
      <c r="AL19862">
        <v>33</v>
      </c>
      <c r="AM19862">
        <v>34</v>
      </c>
      <c r="AN19862">
        <v>34</v>
      </c>
      <c r="AO19862">
        <v>34</v>
      </c>
      <c r="AP19862">
        <v>34</v>
      </c>
      <c r="AQ19862">
        <v>34</v>
      </c>
    </row>
    <row r="19863" spans="1:43">
      <c r="A19863" t="s">
        <v>12300</v>
      </c>
      <c r="B19863" t="s">
        <v>12301</v>
      </c>
      <c r="C19863" t="s">
        <v>12302</v>
      </c>
      <c r="D19863" t="s">
        <v>12303</v>
      </c>
      <c r="E19863" t="s">
        <v>12188</v>
      </c>
      <c r="F19863" t="s">
        <v>12189</v>
      </c>
      <c r="G19863" t="s">
        <v>10450</v>
      </c>
      <c r="H19863" t="s">
        <v>10451</v>
      </c>
      <c r="I19863" s="2">
        <v>1</v>
      </c>
      <c r="J19863" s="2">
        <v>0</v>
      </c>
      <c r="K19863" s="2">
        <v>0</v>
      </c>
      <c r="L19863" t="s">
        <v>120</v>
      </c>
      <c r="M19863" t="s">
        <v>87</v>
      </c>
      <c r="N19863" t="s">
        <v>88</v>
      </c>
      <c r="O19863" t="s">
        <v>85</v>
      </c>
      <c r="P19863" t="s">
        <v>86</v>
      </c>
      <c r="Q19863">
        <v>24</v>
      </c>
      <c r="R19863">
        <v>25</v>
      </c>
      <c r="S19863">
        <v>25</v>
      </c>
      <c r="T19863">
        <v>25</v>
      </c>
      <c r="U19863">
        <v>25</v>
      </c>
      <c r="V19863">
        <v>26</v>
      </c>
      <c r="W19863">
        <v>26</v>
      </c>
      <c r="X19863">
        <v>26</v>
      </c>
      <c r="Y19863">
        <v>26</v>
      </c>
      <c r="Z19863">
        <v>27</v>
      </c>
      <c r="AA19863">
        <v>27</v>
      </c>
      <c r="AB19863">
        <v>27</v>
      </c>
      <c r="AC19863">
        <v>27</v>
      </c>
      <c r="AD19863">
        <v>27</v>
      </c>
      <c r="AE19863">
        <v>28</v>
      </c>
      <c r="AF19863">
        <v>28</v>
      </c>
      <c r="AG19863">
        <v>28</v>
      </c>
      <c r="AH19863">
        <v>29</v>
      </c>
      <c r="AI19863">
        <v>29</v>
      </c>
      <c r="AJ19863">
        <v>29</v>
      </c>
      <c r="AK19863">
        <v>29</v>
      </c>
      <c r="AL19863">
        <v>30</v>
      </c>
      <c r="AM19863">
        <v>30</v>
      </c>
      <c r="AN19863">
        <v>30</v>
      </c>
      <c r="AO19863">
        <v>30</v>
      </c>
      <c r="AP19863">
        <v>31</v>
      </c>
      <c r="AQ19863">
        <v>31</v>
      </c>
    </row>
    <row r="19864" spans="1:43">
      <c r="A19864" t="s">
        <v>12300</v>
      </c>
      <c r="B19864" t="s">
        <v>12301</v>
      </c>
      <c r="C19864" t="s">
        <v>12302</v>
      </c>
      <c r="D19864" t="s">
        <v>12303</v>
      </c>
      <c r="E19864" t="s">
        <v>12188</v>
      </c>
      <c r="F19864" t="s">
        <v>12189</v>
      </c>
      <c r="G19864" t="s">
        <v>10450</v>
      </c>
      <c r="H19864" t="s">
        <v>10451</v>
      </c>
      <c r="I19864" s="2">
        <v>1</v>
      </c>
      <c r="J19864" s="2">
        <v>0</v>
      </c>
      <c r="K19864" s="2">
        <v>0</v>
      </c>
      <c r="L19864" t="s">
        <v>120</v>
      </c>
      <c r="M19864" t="s">
        <v>89</v>
      </c>
      <c r="N19864" t="s">
        <v>90</v>
      </c>
      <c r="O19864" t="s">
        <v>85</v>
      </c>
      <c r="P19864" t="s">
        <v>86</v>
      </c>
      <c r="Q19864">
        <v>24</v>
      </c>
      <c r="R19864">
        <v>25</v>
      </c>
      <c r="S19864">
        <v>25</v>
      </c>
      <c r="T19864">
        <v>26</v>
      </c>
      <c r="U19864">
        <v>26</v>
      </c>
      <c r="V19864">
        <v>27</v>
      </c>
      <c r="W19864">
        <v>28</v>
      </c>
      <c r="X19864">
        <v>28</v>
      </c>
      <c r="Y19864">
        <v>29</v>
      </c>
      <c r="Z19864">
        <v>29</v>
      </c>
      <c r="AA19864">
        <v>30</v>
      </c>
      <c r="AB19864">
        <v>31</v>
      </c>
      <c r="AC19864">
        <v>31</v>
      </c>
      <c r="AD19864">
        <v>32</v>
      </c>
      <c r="AE19864">
        <v>32</v>
      </c>
      <c r="AF19864">
        <v>32</v>
      </c>
      <c r="AG19864">
        <v>33</v>
      </c>
      <c r="AH19864">
        <v>33</v>
      </c>
      <c r="AI19864">
        <v>33</v>
      </c>
      <c r="AJ19864">
        <v>33</v>
      </c>
      <c r="AK19864">
        <v>33</v>
      </c>
      <c r="AL19864">
        <v>34</v>
      </c>
      <c r="AM19864">
        <v>34</v>
      </c>
      <c r="AN19864">
        <v>34</v>
      </c>
      <c r="AO19864">
        <v>34</v>
      </c>
      <c r="AP19864">
        <v>35</v>
      </c>
      <c r="AQ19864">
        <v>35</v>
      </c>
    </row>
    <row r="19865" spans="1:43">
      <c r="A19865" t="s">
        <v>12300</v>
      </c>
      <c r="B19865" t="s">
        <v>12301</v>
      </c>
      <c r="C19865" t="s">
        <v>12302</v>
      </c>
      <c r="D19865" t="s">
        <v>12303</v>
      </c>
      <c r="E19865" t="s">
        <v>12188</v>
      </c>
      <c r="F19865" t="s">
        <v>12189</v>
      </c>
      <c r="G19865" t="s">
        <v>10450</v>
      </c>
      <c r="H19865" t="s">
        <v>10451</v>
      </c>
      <c r="I19865" s="2">
        <v>1</v>
      </c>
      <c r="J19865" s="2">
        <v>0</v>
      </c>
      <c r="K19865" s="2">
        <v>0</v>
      </c>
      <c r="L19865" t="s">
        <v>120</v>
      </c>
      <c r="M19865" t="s">
        <v>83</v>
      </c>
      <c r="N19865" t="s">
        <v>91</v>
      </c>
      <c r="O19865" t="s">
        <v>85</v>
      </c>
      <c r="P19865" t="s">
        <v>86</v>
      </c>
      <c r="Q19865">
        <v>24</v>
      </c>
      <c r="R19865">
        <v>24</v>
      </c>
      <c r="S19865">
        <v>25</v>
      </c>
      <c r="T19865">
        <v>25</v>
      </c>
      <c r="U19865">
        <v>25</v>
      </c>
      <c r="V19865">
        <v>26</v>
      </c>
      <c r="W19865">
        <v>26</v>
      </c>
      <c r="X19865">
        <v>27</v>
      </c>
      <c r="Y19865">
        <v>27</v>
      </c>
      <c r="Z19865">
        <v>28</v>
      </c>
      <c r="AA19865">
        <v>28</v>
      </c>
      <c r="AB19865">
        <v>29</v>
      </c>
      <c r="AC19865">
        <v>29</v>
      </c>
      <c r="AD19865">
        <v>30</v>
      </c>
      <c r="AE19865">
        <v>30</v>
      </c>
      <c r="AF19865">
        <v>31</v>
      </c>
      <c r="AG19865">
        <v>31</v>
      </c>
      <c r="AH19865">
        <v>32</v>
      </c>
      <c r="AI19865">
        <v>32</v>
      </c>
      <c r="AJ19865">
        <v>33</v>
      </c>
      <c r="AK19865">
        <v>33</v>
      </c>
      <c r="AL19865">
        <v>33</v>
      </c>
      <c r="AM19865">
        <v>34</v>
      </c>
      <c r="AN19865">
        <v>34</v>
      </c>
      <c r="AO19865">
        <v>34</v>
      </c>
      <c r="AP19865">
        <v>34</v>
      </c>
      <c r="AQ19865">
        <v>34</v>
      </c>
    </row>
    <row r="19866" spans="1:43">
      <c r="A19866" t="s">
        <v>12304</v>
      </c>
      <c r="B19866" t="s">
        <v>12305</v>
      </c>
      <c r="C19866" t="s">
        <v>12302</v>
      </c>
      <c r="D19866" t="s">
        <v>12303</v>
      </c>
      <c r="E19866" t="s">
        <v>12188</v>
      </c>
      <c r="F19866" t="s">
        <v>12189</v>
      </c>
      <c r="G19866" t="s">
        <v>10450</v>
      </c>
      <c r="H19866" t="s">
        <v>10451</v>
      </c>
      <c r="I19866" s="2">
        <v>1</v>
      </c>
      <c r="J19866" s="2">
        <v>0</v>
      </c>
      <c r="K19866" s="2">
        <v>0</v>
      </c>
      <c r="L19866" t="s">
        <v>120</v>
      </c>
      <c r="M19866" t="s">
        <v>83</v>
      </c>
      <c r="N19866" t="s">
        <v>84</v>
      </c>
      <c r="O19866" t="s">
        <v>85</v>
      </c>
      <c r="P19866" t="s">
        <v>86</v>
      </c>
      <c r="Q19866">
        <v>29</v>
      </c>
      <c r="R19866">
        <v>30</v>
      </c>
      <c r="S19866">
        <v>31</v>
      </c>
      <c r="T19866">
        <v>31</v>
      </c>
      <c r="U19866">
        <v>32</v>
      </c>
      <c r="V19866">
        <v>32</v>
      </c>
      <c r="W19866">
        <v>33</v>
      </c>
      <c r="X19866">
        <v>34</v>
      </c>
      <c r="Y19866">
        <v>34</v>
      </c>
      <c r="Z19866">
        <v>35</v>
      </c>
      <c r="AA19866">
        <v>35</v>
      </c>
      <c r="AB19866">
        <v>36</v>
      </c>
      <c r="AC19866">
        <v>36</v>
      </c>
      <c r="AD19866">
        <v>37</v>
      </c>
      <c r="AE19866">
        <v>37</v>
      </c>
      <c r="AF19866">
        <v>38</v>
      </c>
      <c r="AG19866">
        <v>39</v>
      </c>
      <c r="AH19866">
        <v>39</v>
      </c>
      <c r="AI19866">
        <v>40</v>
      </c>
      <c r="AJ19866">
        <v>41</v>
      </c>
      <c r="AK19866">
        <v>41</v>
      </c>
      <c r="AL19866">
        <v>42</v>
      </c>
      <c r="AM19866">
        <v>42</v>
      </c>
      <c r="AN19866">
        <v>42</v>
      </c>
      <c r="AO19866">
        <v>42</v>
      </c>
      <c r="AP19866">
        <v>43</v>
      </c>
      <c r="AQ19866">
        <v>43</v>
      </c>
    </row>
    <row r="19867" spans="1:43">
      <c r="A19867" t="s">
        <v>12304</v>
      </c>
      <c r="B19867" t="s">
        <v>12305</v>
      </c>
      <c r="C19867" t="s">
        <v>12302</v>
      </c>
      <c r="D19867" t="s">
        <v>12303</v>
      </c>
      <c r="E19867" t="s">
        <v>12188</v>
      </c>
      <c r="F19867" t="s">
        <v>12189</v>
      </c>
      <c r="G19867" t="s">
        <v>10450</v>
      </c>
      <c r="H19867" t="s">
        <v>10451</v>
      </c>
      <c r="I19867" s="2">
        <v>1</v>
      </c>
      <c r="J19867" s="2">
        <v>0</v>
      </c>
      <c r="K19867" s="2">
        <v>0</v>
      </c>
      <c r="L19867" t="s">
        <v>120</v>
      </c>
      <c r="M19867" t="s">
        <v>87</v>
      </c>
      <c r="N19867" t="s">
        <v>88</v>
      </c>
      <c r="O19867" t="s">
        <v>85</v>
      </c>
      <c r="P19867" t="s">
        <v>86</v>
      </c>
      <c r="Q19867">
        <v>29</v>
      </c>
      <c r="R19867">
        <v>30</v>
      </c>
      <c r="S19867">
        <v>30</v>
      </c>
      <c r="T19867">
        <v>30</v>
      </c>
      <c r="U19867">
        <v>30</v>
      </c>
      <c r="V19867">
        <v>31</v>
      </c>
      <c r="W19867">
        <v>31</v>
      </c>
      <c r="X19867">
        <v>31</v>
      </c>
      <c r="Y19867">
        <v>32</v>
      </c>
      <c r="Z19867">
        <v>32</v>
      </c>
      <c r="AA19867">
        <v>32</v>
      </c>
      <c r="AB19867">
        <v>32</v>
      </c>
      <c r="AC19867">
        <v>33</v>
      </c>
      <c r="AD19867">
        <v>33</v>
      </c>
      <c r="AE19867">
        <v>33</v>
      </c>
      <c r="AF19867">
        <v>34</v>
      </c>
      <c r="AG19867">
        <v>34</v>
      </c>
      <c r="AH19867">
        <v>34</v>
      </c>
      <c r="AI19867">
        <v>35</v>
      </c>
      <c r="AJ19867">
        <v>35</v>
      </c>
      <c r="AK19867">
        <v>35</v>
      </c>
      <c r="AL19867">
        <v>36</v>
      </c>
      <c r="AM19867">
        <v>36</v>
      </c>
      <c r="AN19867">
        <v>36</v>
      </c>
      <c r="AO19867">
        <v>37</v>
      </c>
      <c r="AP19867">
        <v>37</v>
      </c>
      <c r="AQ19867">
        <v>37</v>
      </c>
    </row>
    <row r="19868" spans="1:43">
      <c r="A19868" t="s">
        <v>12304</v>
      </c>
      <c r="B19868" t="s">
        <v>12305</v>
      </c>
      <c r="C19868" t="s">
        <v>12302</v>
      </c>
      <c r="D19868" t="s">
        <v>12303</v>
      </c>
      <c r="E19868" t="s">
        <v>12188</v>
      </c>
      <c r="F19868" t="s">
        <v>12189</v>
      </c>
      <c r="G19868" t="s">
        <v>10450</v>
      </c>
      <c r="H19868" t="s">
        <v>10451</v>
      </c>
      <c r="I19868" s="2">
        <v>1</v>
      </c>
      <c r="J19868" s="2">
        <v>0</v>
      </c>
      <c r="K19868" s="2">
        <v>0</v>
      </c>
      <c r="L19868" t="s">
        <v>120</v>
      </c>
      <c r="M19868" t="s">
        <v>89</v>
      </c>
      <c r="N19868" t="s">
        <v>90</v>
      </c>
      <c r="O19868" t="s">
        <v>85</v>
      </c>
      <c r="P19868" t="s">
        <v>86</v>
      </c>
      <c r="Q19868">
        <v>29</v>
      </c>
      <c r="R19868">
        <v>30</v>
      </c>
      <c r="S19868">
        <v>30</v>
      </c>
      <c r="T19868">
        <v>31</v>
      </c>
      <c r="U19868">
        <v>32</v>
      </c>
      <c r="V19868">
        <v>33</v>
      </c>
      <c r="W19868">
        <v>34</v>
      </c>
      <c r="X19868">
        <v>34</v>
      </c>
      <c r="Y19868">
        <v>35</v>
      </c>
      <c r="Z19868">
        <v>36</v>
      </c>
      <c r="AA19868">
        <v>36</v>
      </c>
      <c r="AB19868">
        <v>37</v>
      </c>
      <c r="AC19868">
        <v>38</v>
      </c>
      <c r="AD19868">
        <v>39</v>
      </c>
      <c r="AE19868">
        <v>39</v>
      </c>
      <c r="AF19868">
        <v>39</v>
      </c>
      <c r="AG19868">
        <v>40</v>
      </c>
      <c r="AH19868">
        <v>40</v>
      </c>
      <c r="AI19868">
        <v>40</v>
      </c>
      <c r="AJ19868">
        <v>40</v>
      </c>
      <c r="AK19868">
        <v>41</v>
      </c>
      <c r="AL19868">
        <v>41</v>
      </c>
      <c r="AM19868">
        <v>41</v>
      </c>
      <c r="AN19868">
        <v>41</v>
      </c>
      <c r="AO19868">
        <v>42</v>
      </c>
      <c r="AP19868">
        <v>42</v>
      </c>
      <c r="AQ19868">
        <v>42</v>
      </c>
    </row>
    <row r="19869" spans="1:43">
      <c r="A19869" t="s">
        <v>12304</v>
      </c>
      <c r="B19869" t="s">
        <v>12305</v>
      </c>
      <c r="C19869" t="s">
        <v>12302</v>
      </c>
      <c r="D19869" t="s">
        <v>12303</v>
      </c>
      <c r="E19869" t="s">
        <v>12188</v>
      </c>
      <c r="F19869" t="s">
        <v>12189</v>
      </c>
      <c r="G19869" t="s">
        <v>10450</v>
      </c>
      <c r="H19869" t="s">
        <v>10451</v>
      </c>
      <c r="I19869" s="2">
        <v>1</v>
      </c>
      <c r="J19869" s="2">
        <v>0</v>
      </c>
      <c r="K19869" s="2">
        <v>0</v>
      </c>
      <c r="L19869" t="s">
        <v>120</v>
      </c>
      <c r="M19869" t="s">
        <v>83</v>
      </c>
      <c r="N19869" t="s">
        <v>91</v>
      </c>
      <c r="O19869" t="s">
        <v>85</v>
      </c>
      <c r="P19869" t="s">
        <v>86</v>
      </c>
      <c r="Q19869">
        <v>29</v>
      </c>
      <c r="R19869">
        <v>30</v>
      </c>
      <c r="S19869">
        <v>31</v>
      </c>
      <c r="T19869">
        <v>31</v>
      </c>
      <c r="U19869">
        <v>32</v>
      </c>
      <c r="V19869">
        <v>32</v>
      </c>
      <c r="W19869">
        <v>33</v>
      </c>
      <c r="X19869">
        <v>34</v>
      </c>
      <c r="Y19869">
        <v>34</v>
      </c>
      <c r="Z19869">
        <v>35</v>
      </c>
      <c r="AA19869">
        <v>35</v>
      </c>
      <c r="AB19869">
        <v>36</v>
      </c>
      <c r="AC19869">
        <v>36</v>
      </c>
      <c r="AD19869">
        <v>37</v>
      </c>
      <c r="AE19869">
        <v>37</v>
      </c>
      <c r="AF19869">
        <v>38</v>
      </c>
      <c r="AG19869">
        <v>39</v>
      </c>
      <c r="AH19869">
        <v>39</v>
      </c>
      <c r="AI19869">
        <v>40</v>
      </c>
      <c r="AJ19869">
        <v>41</v>
      </c>
      <c r="AK19869">
        <v>41</v>
      </c>
      <c r="AL19869">
        <v>42</v>
      </c>
      <c r="AM19869">
        <v>42</v>
      </c>
      <c r="AN19869">
        <v>42</v>
      </c>
      <c r="AO19869">
        <v>42</v>
      </c>
      <c r="AP19869">
        <v>43</v>
      </c>
      <c r="AQ19869">
        <v>43</v>
      </c>
    </row>
    <row r="19870" spans="1:43">
      <c r="A19870" t="s">
        <v>12306</v>
      </c>
      <c r="B19870" t="s">
        <v>12307</v>
      </c>
      <c r="C19870" t="s">
        <v>12302</v>
      </c>
      <c r="D19870" t="s">
        <v>12303</v>
      </c>
      <c r="E19870" t="s">
        <v>12188</v>
      </c>
      <c r="F19870" t="s">
        <v>12189</v>
      </c>
      <c r="G19870" t="s">
        <v>10450</v>
      </c>
      <c r="H19870" t="s">
        <v>10451</v>
      </c>
      <c r="I19870" s="2">
        <v>1</v>
      </c>
      <c r="J19870" s="2">
        <v>0</v>
      </c>
      <c r="K19870" s="2">
        <v>0</v>
      </c>
      <c r="L19870" t="s">
        <v>120</v>
      </c>
      <c r="M19870" t="s">
        <v>83</v>
      </c>
      <c r="N19870" t="s">
        <v>84</v>
      </c>
      <c r="O19870" t="s">
        <v>85</v>
      </c>
      <c r="P19870" t="s">
        <v>86</v>
      </c>
      <c r="Q19870">
        <v>6</v>
      </c>
      <c r="R19870">
        <v>6</v>
      </c>
      <c r="S19870">
        <v>6</v>
      </c>
      <c r="T19870">
        <v>6</v>
      </c>
      <c r="U19870">
        <v>7</v>
      </c>
      <c r="V19870">
        <v>7</v>
      </c>
      <c r="W19870">
        <v>7</v>
      </c>
      <c r="X19870">
        <v>7</v>
      </c>
      <c r="Y19870">
        <v>7</v>
      </c>
      <c r="Z19870">
        <v>7</v>
      </c>
      <c r="AA19870">
        <v>7</v>
      </c>
      <c r="AB19870">
        <v>7</v>
      </c>
      <c r="AC19870">
        <v>8</v>
      </c>
      <c r="AD19870">
        <v>8</v>
      </c>
      <c r="AE19870">
        <v>8</v>
      </c>
      <c r="AF19870">
        <v>8</v>
      </c>
      <c r="AG19870">
        <v>8</v>
      </c>
      <c r="AH19870">
        <v>8</v>
      </c>
      <c r="AI19870">
        <v>8</v>
      </c>
      <c r="AJ19870">
        <v>8</v>
      </c>
      <c r="AK19870">
        <v>8</v>
      </c>
      <c r="AL19870">
        <v>9</v>
      </c>
      <c r="AM19870">
        <v>9</v>
      </c>
      <c r="AN19870">
        <v>9</v>
      </c>
      <c r="AO19870">
        <v>9</v>
      </c>
      <c r="AP19870">
        <v>9</v>
      </c>
      <c r="AQ19870">
        <v>9</v>
      </c>
    </row>
    <row r="19871" spans="1:43">
      <c r="A19871" t="s">
        <v>12306</v>
      </c>
      <c r="B19871" t="s">
        <v>12307</v>
      </c>
      <c r="C19871" t="s">
        <v>12302</v>
      </c>
      <c r="D19871" t="s">
        <v>12303</v>
      </c>
      <c r="E19871" t="s">
        <v>12188</v>
      </c>
      <c r="F19871" t="s">
        <v>12189</v>
      </c>
      <c r="G19871" t="s">
        <v>10450</v>
      </c>
      <c r="H19871" t="s">
        <v>10451</v>
      </c>
      <c r="I19871" s="2">
        <v>1</v>
      </c>
      <c r="J19871" s="2">
        <v>0</v>
      </c>
      <c r="K19871" s="2">
        <v>0</v>
      </c>
      <c r="L19871" t="s">
        <v>120</v>
      </c>
      <c r="M19871" t="s">
        <v>87</v>
      </c>
      <c r="N19871" t="s">
        <v>88</v>
      </c>
      <c r="O19871" t="s">
        <v>85</v>
      </c>
      <c r="P19871" t="s">
        <v>86</v>
      </c>
      <c r="Q19871">
        <v>6</v>
      </c>
      <c r="R19871">
        <v>6</v>
      </c>
      <c r="S19871">
        <v>6</v>
      </c>
      <c r="T19871">
        <v>6</v>
      </c>
      <c r="U19871">
        <v>6</v>
      </c>
      <c r="V19871">
        <v>6</v>
      </c>
      <c r="W19871">
        <v>6</v>
      </c>
      <c r="X19871">
        <v>6</v>
      </c>
      <c r="Y19871">
        <v>7</v>
      </c>
      <c r="Z19871">
        <v>7</v>
      </c>
      <c r="AA19871">
        <v>7</v>
      </c>
      <c r="AB19871">
        <v>7</v>
      </c>
      <c r="AC19871">
        <v>7</v>
      </c>
      <c r="AD19871">
        <v>7</v>
      </c>
      <c r="AE19871">
        <v>7</v>
      </c>
      <c r="AF19871">
        <v>7</v>
      </c>
      <c r="AG19871">
        <v>7</v>
      </c>
      <c r="AH19871">
        <v>7</v>
      </c>
      <c r="AI19871">
        <v>7</v>
      </c>
      <c r="AJ19871">
        <v>7</v>
      </c>
      <c r="AK19871">
        <v>7</v>
      </c>
      <c r="AL19871">
        <v>7</v>
      </c>
      <c r="AM19871">
        <v>7</v>
      </c>
      <c r="AN19871">
        <v>8</v>
      </c>
      <c r="AO19871">
        <v>8</v>
      </c>
      <c r="AP19871">
        <v>8</v>
      </c>
      <c r="AQ19871">
        <v>8</v>
      </c>
    </row>
    <row r="19872" spans="1:43">
      <c r="A19872" t="s">
        <v>12306</v>
      </c>
      <c r="B19872" t="s">
        <v>12307</v>
      </c>
      <c r="C19872" t="s">
        <v>12302</v>
      </c>
      <c r="D19872" t="s">
        <v>12303</v>
      </c>
      <c r="E19872" t="s">
        <v>12188</v>
      </c>
      <c r="F19872" t="s">
        <v>12189</v>
      </c>
      <c r="G19872" t="s">
        <v>10450</v>
      </c>
      <c r="H19872" t="s">
        <v>10451</v>
      </c>
      <c r="I19872" s="2">
        <v>1</v>
      </c>
      <c r="J19872" s="2">
        <v>0</v>
      </c>
      <c r="K19872" s="2">
        <v>0</v>
      </c>
      <c r="L19872" t="s">
        <v>120</v>
      </c>
      <c r="M19872" t="s">
        <v>89</v>
      </c>
      <c r="N19872" t="s">
        <v>90</v>
      </c>
      <c r="O19872" t="s">
        <v>85</v>
      </c>
      <c r="P19872" t="s">
        <v>86</v>
      </c>
      <c r="Q19872">
        <v>6</v>
      </c>
      <c r="R19872">
        <v>6</v>
      </c>
      <c r="S19872">
        <v>6</v>
      </c>
      <c r="T19872">
        <v>7</v>
      </c>
      <c r="U19872">
        <v>7</v>
      </c>
      <c r="V19872">
        <v>7</v>
      </c>
      <c r="W19872">
        <v>7</v>
      </c>
      <c r="X19872">
        <v>7</v>
      </c>
      <c r="Y19872">
        <v>7</v>
      </c>
      <c r="Z19872">
        <v>8</v>
      </c>
      <c r="AA19872">
        <v>8</v>
      </c>
      <c r="AB19872">
        <v>8</v>
      </c>
      <c r="AC19872">
        <v>8</v>
      </c>
      <c r="AD19872">
        <v>8</v>
      </c>
      <c r="AE19872">
        <v>8</v>
      </c>
      <c r="AF19872">
        <v>8</v>
      </c>
      <c r="AG19872">
        <v>8</v>
      </c>
      <c r="AH19872">
        <v>8</v>
      </c>
      <c r="AI19872">
        <v>8</v>
      </c>
      <c r="AJ19872">
        <v>9</v>
      </c>
      <c r="AK19872">
        <v>9</v>
      </c>
      <c r="AL19872">
        <v>9</v>
      </c>
      <c r="AM19872">
        <v>9</v>
      </c>
      <c r="AN19872">
        <v>9</v>
      </c>
      <c r="AO19872">
        <v>9</v>
      </c>
      <c r="AP19872">
        <v>9</v>
      </c>
      <c r="AQ19872">
        <v>9</v>
      </c>
    </row>
    <row r="19873" spans="1:43">
      <c r="A19873" t="s">
        <v>12306</v>
      </c>
      <c r="B19873" t="s">
        <v>12307</v>
      </c>
      <c r="C19873" t="s">
        <v>12302</v>
      </c>
      <c r="D19873" t="s">
        <v>12303</v>
      </c>
      <c r="E19873" t="s">
        <v>12188</v>
      </c>
      <c r="F19873" t="s">
        <v>12189</v>
      </c>
      <c r="G19873" t="s">
        <v>10450</v>
      </c>
      <c r="H19873" t="s">
        <v>10451</v>
      </c>
      <c r="I19873" s="2">
        <v>1</v>
      </c>
      <c r="J19873" s="2">
        <v>0</v>
      </c>
      <c r="K19873" s="2">
        <v>0</v>
      </c>
      <c r="L19873" t="s">
        <v>120</v>
      </c>
      <c r="M19873" t="s">
        <v>83</v>
      </c>
      <c r="N19873" t="s">
        <v>91</v>
      </c>
      <c r="O19873" t="s">
        <v>85</v>
      </c>
      <c r="P19873" t="s">
        <v>86</v>
      </c>
      <c r="Q19873">
        <v>6</v>
      </c>
      <c r="R19873">
        <v>6</v>
      </c>
      <c r="S19873">
        <v>6</v>
      </c>
      <c r="T19873">
        <v>6</v>
      </c>
      <c r="U19873">
        <v>7</v>
      </c>
      <c r="V19873">
        <v>7</v>
      </c>
      <c r="W19873">
        <v>7</v>
      </c>
      <c r="X19873">
        <v>7</v>
      </c>
      <c r="Y19873">
        <v>7</v>
      </c>
      <c r="Z19873">
        <v>7</v>
      </c>
      <c r="AA19873">
        <v>7</v>
      </c>
      <c r="AB19873">
        <v>7</v>
      </c>
      <c r="AC19873">
        <v>8</v>
      </c>
      <c r="AD19873">
        <v>8</v>
      </c>
      <c r="AE19873">
        <v>8</v>
      </c>
      <c r="AF19873">
        <v>8</v>
      </c>
      <c r="AG19873">
        <v>8</v>
      </c>
      <c r="AH19873">
        <v>8</v>
      </c>
      <c r="AI19873">
        <v>8</v>
      </c>
      <c r="AJ19873">
        <v>8</v>
      </c>
      <c r="AK19873">
        <v>8</v>
      </c>
      <c r="AL19873">
        <v>9</v>
      </c>
      <c r="AM19873">
        <v>9</v>
      </c>
      <c r="AN19873">
        <v>9</v>
      </c>
      <c r="AO19873">
        <v>9</v>
      </c>
      <c r="AP19873">
        <v>9</v>
      </c>
      <c r="AQ19873">
        <v>9</v>
      </c>
    </row>
    <row r="19874" spans="1:43">
      <c r="A19874" t="s">
        <v>12308</v>
      </c>
      <c r="B19874" t="s">
        <v>12309</v>
      </c>
      <c r="C19874" t="s">
        <v>12302</v>
      </c>
      <c r="D19874" t="s">
        <v>12303</v>
      </c>
      <c r="E19874" t="s">
        <v>12188</v>
      </c>
      <c r="F19874" t="s">
        <v>12189</v>
      </c>
      <c r="G19874" t="s">
        <v>10450</v>
      </c>
      <c r="H19874" t="s">
        <v>10451</v>
      </c>
      <c r="I19874" s="2">
        <v>1</v>
      </c>
      <c r="J19874" s="2">
        <v>0</v>
      </c>
      <c r="K19874" s="2">
        <v>0</v>
      </c>
      <c r="L19874" t="s">
        <v>120</v>
      </c>
      <c r="M19874" t="s">
        <v>83</v>
      </c>
      <c r="N19874" t="s">
        <v>84</v>
      </c>
      <c r="O19874" t="s">
        <v>85</v>
      </c>
      <c r="P19874" t="s">
        <v>86</v>
      </c>
      <c r="Q19874">
        <v>5</v>
      </c>
      <c r="R19874">
        <v>5</v>
      </c>
      <c r="S19874">
        <v>5</v>
      </c>
      <c r="T19874">
        <v>5</v>
      </c>
      <c r="U19874">
        <v>5</v>
      </c>
      <c r="V19874">
        <v>5</v>
      </c>
      <c r="W19874">
        <v>5</v>
      </c>
      <c r="X19874">
        <v>5</v>
      </c>
      <c r="Y19874">
        <v>5</v>
      </c>
      <c r="Z19874">
        <v>6</v>
      </c>
      <c r="AA19874">
        <v>6</v>
      </c>
      <c r="AB19874">
        <v>6</v>
      </c>
      <c r="AC19874">
        <v>6</v>
      </c>
      <c r="AD19874">
        <v>6</v>
      </c>
      <c r="AE19874">
        <v>6</v>
      </c>
      <c r="AF19874">
        <v>6</v>
      </c>
      <c r="AG19874">
        <v>6</v>
      </c>
      <c r="AH19874">
        <v>6</v>
      </c>
      <c r="AI19874">
        <v>6</v>
      </c>
      <c r="AJ19874">
        <v>7</v>
      </c>
      <c r="AK19874">
        <v>7</v>
      </c>
      <c r="AL19874">
        <v>7</v>
      </c>
      <c r="AM19874">
        <v>7</v>
      </c>
      <c r="AN19874">
        <v>7</v>
      </c>
      <c r="AO19874">
        <v>7</v>
      </c>
      <c r="AP19874">
        <v>7</v>
      </c>
      <c r="AQ19874">
        <v>7</v>
      </c>
    </row>
    <row r="19875" spans="1:43">
      <c r="A19875" t="s">
        <v>12308</v>
      </c>
      <c r="B19875" t="s">
        <v>12309</v>
      </c>
      <c r="C19875" t="s">
        <v>12302</v>
      </c>
      <c r="D19875" t="s">
        <v>12303</v>
      </c>
      <c r="E19875" t="s">
        <v>12188</v>
      </c>
      <c r="F19875" t="s">
        <v>12189</v>
      </c>
      <c r="G19875" t="s">
        <v>10450</v>
      </c>
      <c r="H19875" t="s">
        <v>10451</v>
      </c>
      <c r="I19875" s="2">
        <v>1</v>
      </c>
      <c r="J19875" s="2">
        <v>0</v>
      </c>
      <c r="K19875" s="2">
        <v>0</v>
      </c>
      <c r="L19875" t="s">
        <v>120</v>
      </c>
      <c r="M19875" t="s">
        <v>87</v>
      </c>
      <c r="N19875" t="s">
        <v>88</v>
      </c>
      <c r="O19875" t="s">
        <v>85</v>
      </c>
      <c r="P19875" t="s">
        <v>86</v>
      </c>
      <c r="Q19875">
        <v>5</v>
      </c>
      <c r="R19875">
        <v>5</v>
      </c>
      <c r="S19875">
        <v>5</v>
      </c>
      <c r="T19875">
        <v>5</v>
      </c>
      <c r="U19875">
        <v>5</v>
      </c>
      <c r="V19875">
        <v>5</v>
      </c>
      <c r="W19875">
        <v>5</v>
      </c>
      <c r="X19875">
        <v>5</v>
      </c>
      <c r="Y19875">
        <v>5</v>
      </c>
      <c r="Z19875">
        <v>5</v>
      </c>
      <c r="AA19875">
        <v>5</v>
      </c>
      <c r="AB19875">
        <v>5</v>
      </c>
      <c r="AC19875">
        <v>5</v>
      </c>
      <c r="AD19875">
        <v>5</v>
      </c>
      <c r="AE19875">
        <v>5</v>
      </c>
      <c r="AF19875">
        <v>5</v>
      </c>
      <c r="AG19875">
        <v>5</v>
      </c>
      <c r="AH19875">
        <v>6</v>
      </c>
      <c r="AI19875">
        <v>6</v>
      </c>
      <c r="AJ19875">
        <v>6</v>
      </c>
      <c r="AK19875">
        <v>6</v>
      </c>
      <c r="AL19875">
        <v>6</v>
      </c>
      <c r="AM19875">
        <v>6</v>
      </c>
      <c r="AN19875">
        <v>6</v>
      </c>
      <c r="AO19875">
        <v>6</v>
      </c>
      <c r="AP19875">
        <v>6</v>
      </c>
      <c r="AQ19875">
        <v>6</v>
      </c>
    </row>
    <row r="19876" spans="1:43">
      <c r="A19876" t="s">
        <v>12308</v>
      </c>
      <c r="B19876" t="s">
        <v>12309</v>
      </c>
      <c r="C19876" t="s">
        <v>12302</v>
      </c>
      <c r="D19876" t="s">
        <v>12303</v>
      </c>
      <c r="E19876" t="s">
        <v>12188</v>
      </c>
      <c r="F19876" t="s">
        <v>12189</v>
      </c>
      <c r="G19876" t="s">
        <v>10450</v>
      </c>
      <c r="H19876" t="s">
        <v>10451</v>
      </c>
      <c r="I19876" s="2">
        <v>1</v>
      </c>
      <c r="J19876" s="2">
        <v>0</v>
      </c>
      <c r="K19876" s="2">
        <v>0</v>
      </c>
      <c r="L19876" t="s">
        <v>120</v>
      </c>
      <c r="M19876" t="s">
        <v>89</v>
      </c>
      <c r="N19876" t="s">
        <v>90</v>
      </c>
      <c r="O19876" t="s">
        <v>85</v>
      </c>
      <c r="P19876" t="s">
        <v>86</v>
      </c>
      <c r="Q19876">
        <v>5</v>
      </c>
      <c r="R19876">
        <v>5</v>
      </c>
      <c r="S19876">
        <v>5</v>
      </c>
      <c r="T19876">
        <v>5</v>
      </c>
      <c r="U19876">
        <v>5</v>
      </c>
      <c r="V19876">
        <v>5</v>
      </c>
      <c r="W19876">
        <v>6</v>
      </c>
      <c r="X19876">
        <v>6</v>
      </c>
      <c r="Y19876">
        <v>6</v>
      </c>
      <c r="Z19876">
        <v>6</v>
      </c>
      <c r="AA19876">
        <v>6</v>
      </c>
      <c r="AB19876">
        <v>6</v>
      </c>
      <c r="AC19876">
        <v>6</v>
      </c>
      <c r="AD19876">
        <v>6</v>
      </c>
      <c r="AE19876">
        <v>6</v>
      </c>
      <c r="AF19876">
        <v>7</v>
      </c>
      <c r="AG19876">
        <v>7</v>
      </c>
      <c r="AH19876">
        <v>7</v>
      </c>
      <c r="AI19876">
        <v>7</v>
      </c>
      <c r="AJ19876">
        <v>7</v>
      </c>
      <c r="AK19876">
        <v>7</v>
      </c>
      <c r="AL19876">
        <v>7</v>
      </c>
      <c r="AM19876">
        <v>7</v>
      </c>
      <c r="AN19876">
        <v>7</v>
      </c>
      <c r="AO19876">
        <v>7</v>
      </c>
      <c r="AP19876">
        <v>7</v>
      </c>
      <c r="AQ19876">
        <v>7</v>
      </c>
    </row>
    <row r="19877" spans="1:43">
      <c r="A19877" t="s">
        <v>12308</v>
      </c>
      <c r="B19877" t="s">
        <v>12309</v>
      </c>
      <c r="C19877" t="s">
        <v>12302</v>
      </c>
      <c r="D19877" t="s">
        <v>12303</v>
      </c>
      <c r="E19877" t="s">
        <v>12188</v>
      </c>
      <c r="F19877" t="s">
        <v>12189</v>
      </c>
      <c r="G19877" t="s">
        <v>10450</v>
      </c>
      <c r="H19877" t="s">
        <v>10451</v>
      </c>
      <c r="I19877" s="2">
        <v>1</v>
      </c>
      <c r="J19877" s="2">
        <v>0</v>
      </c>
      <c r="K19877" s="2">
        <v>0</v>
      </c>
      <c r="L19877" t="s">
        <v>120</v>
      </c>
      <c r="M19877" t="s">
        <v>83</v>
      </c>
      <c r="N19877" t="s">
        <v>91</v>
      </c>
      <c r="O19877" t="s">
        <v>85</v>
      </c>
      <c r="P19877" t="s">
        <v>86</v>
      </c>
      <c r="Q19877">
        <v>5</v>
      </c>
      <c r="R19877">
        <v>5</v>
      </c>
      <c r="S19877">
        <v>5</v>
      </c>
      <c r="T19877">
        <v>5</v>
      </c>
      <c r="U19877">
        <v>5</v>
      </c>
      <c r="V19877">
        <v>5</v>
      </c>
      <c r="W19877">
        <v>5</v>
      </c>
      <c r="X19877">
        <v>5</v>
      </c>
      <c r="Y19877">
        <v>5</v>
      </c>
      <c r="Z19877">
        <v>6</v>
      </c>
      <c r="AA19877">
        <v>6</v>
      </c>
      <c r="AB19877">
        <v>6</v>
      </c>
      <c r="AC19877">
        <v>6</v>
      </c>
      <c r="AD19877">
        <v>6</v>
      </c>
      <c r="AE19877">
        <v>6</v>
      </c>
      <c r="AF19877">
        <v>6</v>
      </c>
      <c r="AG19877">
        <v>6</v>
      </c>
      <c r="AH19877">
        <v>6</v>
      </c>
      <c r="AI19877">
        <v>6</v>
      </c>
      <c r="AJ19877">
        <v>7</v>
      </c>
      <c r="AK19877">
        <v>7</v>
      </c>
      <c r="AL19877">
        <v>7</v>
      </c>
      <c r="AM19877">
        <v>7</v>
      </c>
      <c r="AN19877">
        <v>7</v>
      </c>
      <c r="AO19877">
        <v>7</v>
      </c>
      <c r="AP19877">
        <v>7</v>
      </c>
      <c r="AQ19877">
        <v>7</v>
      </c>
    </row>
    <row r="19878" spans="1:43">
      <c r="A19878" t="s">
        <v>12310</v>
      </c>
      <c r="B19878" t="s">
        <v>12311</v>
      </c>
      <c r="C19878" t="s">
        <v>12312</v>
      </c>
      <c r="D19878" t="s">
        <v>12313</v>
      </c>
      <c r="E19878" t="s">
        <v>12188</v>
      </c>
      <c r="F19878" t="s">
        <v>12189</v>
      </c>
      <c r="G19878" t="s">
        <v>10450</v>
      </c>
      <c r="H19878" t="s">
        <v>10451</v>
      </c>
      <c r="I19878" s="2">
        <v>1</v>
      </c>
      <c r="J19878" s="2">
        <v>0</v>
      </c>
      <c r="K19878" s="2">
        <v>0</v>
      </c>
      <c r="L19878" t="s">
        <v>120</v>
      </c>
      <c r="M19878" t="s">
        <v>83</v>
      </c>
      <c r="N19878" t="s">
        <v>84</v>
      </c>
      <c r="O19878" t="s">
        <v>85</v>
      </c>
      <c r="P19878" t="s">
        <v>86</v>
      </c>
      <c r="Q19878">
        <v>36</v>
      </c>
      <c r="R19878">
        <v>37</v>
      </c>
      <c r="S19878">
        <v>38</v>
      </c>
      <c r="T19878">
        <v>38</v>
      </c>
      <c r="U19878">
        <v>39</v>
      </c>
      <c r="V19878">
        <v>40</v>
      </c>
      <c r="W19878">
        <v>40</v>
      </c>
      <c r="X19878">
        <v>41</v>
      </c>
      <c r="Y19878">
        <v>42</v>
      </c>
      <c r="Z19878">
        <v>42</v>
      </c>
      <c r="AA19878">
        <v>43</v>
      </c>
      <c r="AB19878">
        <v>44</v>
      </c>
      <c r="AC19878">
        <v>45</v>
      </c>
      <c r="AD19878">
        <v>45</v>
      </c>
      <c r="AE19878">
        <v>46</v>
      </c>
      <c r="AF19878">
        <v>47</v>
      </c>
      <c r="AG19878">
        <v>47</v>
      </c>
      <c r="AH19878">
        <v>48</v>
      </c>
      <c r="AI19878">
        <v>49</v>
      </c>
      <c r="AJ19878">
        <v>50</v>
      </c>
      <c r="AK19878">
        <v>50</v>
      </c>
      <c r="AL19878">
        <v>51</v>
      </c>
      <c r="AM19878">
        <v>51</v>
      </c>
      <c r="AN19878">
        <v>52</v>
      </c>
      <c r="AO19878">
        <v>52</v>
      </c>
      <c r="AP19878">
        <v>52</v>
      </c>
      <c r="AQ19878">
        <v>53</v>
      </c>
    </row>
    <row r="19879" spans="1:43">
      <c r="A19879" t="s">
        <v>12310</v>
      </c>
      <c r="B19879" t="s">
        <v>12311</v>
      </c>
      <c r="C19879" t="s">
        <v>12312</v>
      </c>
      <c r="D19879" t="s">
        <v>12313</v>
      </c>
      <c r="E19879" t="s">
        <v>12188</v>
      </c>
      <c r="F19879" t="s">
        <v>12189</v>
      </c>
      <c r="G19879" t="s">
        <v>10450</v>
      </c>
      <c r="H19879" t="s">
        <v>10451</v>
      </c>
      <c r="I19879" s="2">
        <v>1</v>
      </c>
      <c r="J19879" s="2">
        <v>0</v>
      </c>
      <c r="K19879" s="2">
        <v>0</v>
      </c>
      <c r="L19879" t="s">
        <v>120</v>
      </c>
      <c r="M19879" t="s">
        <v>87</v>
      </c>
      <c r="N19879" t="s">
        <v>88</v>
      </c>
      <c r="O19879" t="s">
        <v>85</v>
      </c>
      <c r="P19879" t="s">
        <v>86</v>
      </c>
      <c r="Q19879">
        <v>36</v>
      </c>
      <c r="R19879">
        <v>36</v>
      </c>
      <c r="S19879">
        <v>37</v>
      </c>
      <c r="T19879">
        <v>37</v>
      </c>
      <c r="U19879">
        <v>37</v>
      </c>
      <c r="V19879">
        <v>38</v>
      </c>
      <c r="W19879">
        <v>38</v>
      </c>
      <c r="X19879">
        <v>38</v>
      </c>
      <c r="Y19879">
        <v>39</v>
      </c>
      <c r="Z19879">
        <v>39</v>
      </c>
      <c r="AA19879">
        <v>39</v>
      </c>
      <c r="AB19879">
        <v>40</v>
      </c>
      <c r="AC19879">
        <v>40</v>
      </c>
      <c r="AD19879">
        <v>40</v>
      </c>
      <c r="AE19879">
        <v>41</v>
      </c>
      <c r="AF19879">
        <v>41</v>
      </c>
      <c r="AG19879">
        <v>42</v>
      </c>
      <c r="AH19879">
        <v>42</v>
      </c>
      <c r="AI19879">
        <v>42</v>
      </c>
      <c r="AJ19879">
        <v>43</v>
      </c>
      <c r="AK19879">
        <v>43</v>
      </c>
      <c r="AL19879">
        <v>44</v>
      </c>
      <c r="AM19879">
        <v>44</v>
      </c>
      <c r="AN19879">
        <v>45</v>
      </c>
      <c r="AO19879">
        <v>45</v>
      </c>
      <c r="AP19879">
        <v>45</v>
      </c>
      <c r="AQ19879">
        <v>46</v>
      </c>
    </row>
    <row r="19880" spans="1:43">
      <c r="A19880" t="s">
        <v>12310</v>
      </c>
      <c r="B19880" t="s">
        <v>12311</v>
      </c>
      <c r="C19880" t="s">
        <v>12312</v>
      </c>
      <c r="D19880" t="s">
        <v>12313</v>
      </c>
      <c r="E19880" t="s">
        <v>12188</v>
      </c>
      <c r="F19880" t="s">
        <v>12189</v>
      </c>
      <c r="G19880" t="s">
        <v>10450</v>
      </c>
      <c r="H19880" t="s">
        <v>10451</v>
      </c>
      <c r="I19880" s="2">
        <v>1</v>
      </c>
      <c r="J19880" s="2">
        <v>0</v>
      </c>
      <c r="K19880" s="2">
        <v>0</v>
      </c>
      <c r="L19880" t="s">
        <v>120</v>
      </c>
      <c r="M19880" t="s">
        <v>89</v>
      </c>
      <c r="N19880" t="s">
        <v>90</v>
      </c>
      <c r="O19880" t="s">
        <v>85</v>
      </c>
      <c r="P19880" t="s">
        <v>86</v>
      </c>
      <c r="Q19880">
        <v>36</v>
      </c>
      <c r="R19880">
        <v>38</v>
      </c>
      <c r="S19880">
        <v>39</v>
      </c>
      <c r="T19880">
        <v>40</v>
      </c>
      <c r="U19880">
        <v>40</v>
      </c>
      <c r="V19880">
        <v>41</v>
      </c>
      <c r="W19880">
        <v>42</v>
      </c>
      <c r="X19880">
        <v>43</v>
      </c>
      <c r="Y19880">
        <v>44</v>
      </c>
      <c r="Z19880">
        <v>45</v>
      </c>
      <c r="AA19880">
        <v>46</v>
      </c>
      <c r="AB19880">
        <v>47</v>
      </c>
      <c r="AC19880">
        <v>48</v>
      </c>
      <c r="AD19880">
        <v>48</v>
      </c>
      <c r="AE19880">
        <v>49</v>
      </c>
      <c r="AF19880">
        <v>49</v>
      </c>
      <c r="AG19880">
        <v>50</v>
      </c>
      <c r="AH19880">
        <v>50</v>
      </c>
      <c r="AI19880">
        <v>50</v>
      </c>
      <c r="AJ19880">
        <v>51</v>
      </c>
      <c r="AK19880">
        <v>51</v>
      </c>
      <c r="AL19880">
        <v>51</v>
      </c>
      <c r="AM19880">
        <v>52</v>
      </c>
      <c r="AN19880">
        <v>52</v>
      </c>
      <c r="AO19880">
        <v>52</v>
      </c>
      <c r="AP19880">
        <v>53</v>
      </c>
      <c r="AQ19880">
        <v>53</v>
      </c>
    </row>
    <row r="19881" spans="1:43">
      <c r="A19881" t="s">
        <v>12310</v>
      </c>
      <c r="B19881" t="s">
        <v>12311</v>
      </c>
      <c r="C19881" t="s">
        <v>12312</v>
      </c>
      <c r="D19881" t="s">
        <v>12313</v>
      </c>
      <c r="E19881" t="s">
        <v>12188</v>
      </c>
      <c r="F19881" t="s">
        <v>12189</v>
      </c>
      <c r="G19881" t="s">
        <v>10450</v>
      </c>
      <c r="H19881" t="s">
        <v>10451</v>
      </c>
      <c r="I19881" s="2">
        <v>1</v>
      </c>
      <c r="J19881" s="2">
        <v>0</v>
      </c>
      <c r="K19881" s="2">
        <v>0</v>
      </c>
      <c r="L19881" t="s">
        <v>120</v>
      </c>
      <c r="M19881" t="s">
        <v>83</v>
      </c>
      <c r="N19881" t="s">
        <v>91</v>
      </c>
      <c r="O19881" t="s">
        <v>85</v>
      </c>
      <c r="P19881" t="s">
        <v>86</v>
      </c>
      <c r="Q19881">
        <v>36</v>
      </c>
      <c r="R19881">
        <v>37</v>
      </c>
      <c r="S19881">
        <v>38</v>
      </c>
      <c r="T19881">
        <v>38</v>
      </c>
      <c r="U19881">
        <v>39</v>
      </c>
      <c r="V19881">
        <v>40</v>
      </c>
      <c r="W19881">
        <v>40</v>
      </c>
      <c r="X19881">
        <v>41</v>
      </c>
      <c r="Y19881">
        <v>42</v>
      </c>
      <c r="Z19881">
        <v>42</v>
      </c>
      <c r="AA19881">
        <v>43</v>
      </c>
      <c r="AB19881">
        <v>44</v>
      </c>
      <c r="AC19881">
        <v>45</v>
      </c>
      <c r="AD19881">
        <v>45</v>
      </c>
      <c r="AE19881">
        <v>46</v>
      </c>
      <c r="AF19881">
        <v>47</v>
      </c>
      <c r="AG19881">
        <v>47</v>
      </c>
      <c r="AH19881">
        <v>48</v>
      </c>
      <c r="AI19881">
        <v>49</v>
      </c>
      <c r="AJ19881">
        <v>50</v>
      </c>
      <c r="AK19881">
        <v>50</v>
      </c>
      <c r="AL19881">
        <v>51</v>
      </c>
      <c r="AM19881">
        <v>51</v>
      </c>
      <c r="AN19881">
        <v>52</v>
      </c>
      <c r="AO19881">
        <v>52</v>
      </c>
      <c r="AP19881">
        <v>52</v>
      </c>
      <c r="AQ19881">
        <v>53</v>
      </c>
    </row>
    <row r="19882" spans="1:43">
      <c r="A19882" t="s">
        <v>12314</v>
      </c>
      <c r="B19882" t="s">
        <v>12315</v>
      </c>
      <c r="C19882" t="s">
        <v>12312</v>
      </c>
      <c r="D19882" t="s">
        <v>12313</v>
      </c>
      <c r="E19882" t="s">
        <v>12188</v>
      </c>
      <c r="F19882" t="s">
        <v>12189</v>
      </c>
      <c r="G19882" t="s">
        <v>10450</v>
      </c>
      <c r="H19882" t="s">
        <v>10451</v>
      </c>
      <c r="I19882" s="2">
        <v>1</v>
      </c>
      <c r="J19882" s="2">
        <v>0</v>
      </c>
      <c r="K19882" s="2">
        <v>0</v>
      </c>
      <c r="L19882" t="s">
        <v>120</v>
      </c>
      <c r="M19882" t="s">
        <v>83</v>
      </c>
      <c r="N19882" t="s">
        <v>84</v>
      </c>
      <c r="O19882" t="s">
        <v>85</v>
      </c>
      <c r="P19882" t="s">
        <v>86</v>
      </c>
      <c r="Q19882">
        <v>24</v>
      </c>
      <c r="R19882">
        <v>25</v>
      </c>
      <c r="S19882">
        <v>25</v>
      </c>
      <c r="T19882">
        <v>26</v>
      </c>
      <c r="U19882">
        <v>26</v>
      </c>
      <c r="V19882">
        <v>26</v>
      </c>
      <c r="W19882">
        <v>27</v>
      </c>
      <c r="X19882">
        <v>27</v>
      </c>
      <c r="Y19882">
        <v>28</v>
      </c>
      <c r="Z19882">
        <v>28</v>
      </c>
      <c r="AA19882">
        <v>29</v>
      </c>
      <c r="AB19882">
        <v>29</v>
      </c>
      <c r="AC19882">
        <v>30</v>
      </c>
      <c r="AD19882">
        <v>30</v>
      </c>
      <c r="AE19882">
        <v>31</v>
      </c>
      <c r="AF19882">
        <v>31</v>
      </c>
      <c r="AG19882">
        <v>32</v>
      </c>
      <c r="AH19882">
        <v>32</v>
      </c>
      <c r="AI19882">
        <v>33</v>
      </c>
      <c r="AJ19882">
        <v>33</v>
      </c>
      <c r="AK19882">
        <v>34</v>
      </c>
      <c r="AL19882">
        <v>34</v>
      </c>
      <c r="AM19882">
        <v>34</v>
      </c>
      <c r="AN19882">
        <v>35</v>
      </c>
      <c r="AO19882">
        <v>35</v>
      </c>
      <c r="AP19882">
        <v>35</v>
      </c>
      <c r="AQ19882">
        <v>35</v>
      </c>
    </row>
    <row r="19883" spans="1:43">
      <c r="A19883" t="s">
        <v>12314</v>
      </c>
      <c r="B19883" t="s">
        <v>12315</v>
      </c>
      <c r="C19883" t="s">
        <v>12312</v>
      </c>
      <c r="D19883" t="s">
        <v>12313</v>
      </c>
      <c r="E19883" t="s">
        <v>12188</v>
      </c>
      <c r="F19883" t="s">
        <v>12189</v>
      </c>
      <c r="G19883" t="s">
        <v>10450</v>
      </c>
      <c r="H19883" t="s">
        <v>10451</v>
      </c>
      <c r="I19883" s="2">
        <v>1</v>
      </c>
      <c r="J19883" s="2">
        <v>0</v>
      </c>
      <c r="K19883" s="2">
        <v>0</v>
      </c>
      <c r="L19883" t="s">
        <v>120</v>
      </c>
      <c r="M19883" t="s">
        <v>87</v>
      </c>
      <c r="N19883" t="s">
        <v>88</v>
      </c>
      <c r="O19883" t="s">
        <v>85</v>
      </c>
      <c r="P19883" t="s">
        <v>86</v>
      </c>
      <c r="Q19883">
        <v>24</v>
      </c>
      <c r="R19883">
        <v>24</v>
      </c>
      <c r="S19883">
        <v>24</v>
      </c>
      <c r="T19883">
        <v>25</v>
      </c>
      <c r="U19883">
        <v>25</v>
      </c>
      <c r="V19883">
        <v>25</v>
      </c>
      <c r="W19883">
        <v>25</v>
      </c>
      <c r="X19883">
        <v>26</v>
      </c>
      <c r="Y19883">
        <v>26</v>
      </c>
      <c r="Z19883">
        <v>26</v>
      </c>
      <c r="AA19883">
        <v>26</v>
      </c>
      <c r="AB19883">
        <v>27</v>
      </c>
      <c r="AC19883">
        <v>27</v>
      </c>
      <c r="AD19883">
        <v>27</v>
      </c>
      <c r="AE19883">
        <v>27</v>
      </c>
      <c r="AF19883">
        <v>28</v>
      </c>
      <c r="AG19883">
        <v>28</v>
      </c>
      <c r="AH19883">
        <v>28</v>
      </c>
      <c r="AI19883">
        <v>28</v>
      </c>
      <c r="AJ19883">
        <v>29</v>
      </c>
      <c r="AK19883">
        <v>29</v>
      </c>
      <c r="AL19883">
        <v>29</v>
      </c>
      <c r="AM19883">
        <v>29</v>
      </c>
      <c r="AN19883">
        <v>30</v>
      </c>
      <c r="AO19883">
        <v>30</v>
      </c>
      <c r="AP19883">
        <v>30</v>
      </c>
      <c r="AQ19883">
        <v>31</v>
      </c>
    </row>
    <row r="19884" spans="1:43">
      <c r="A19884" t="s">
        <v>12314</v>
      </c>
      <c r="B19884" t="s">
        <v>12315</v>
      </c>
      <c r="C19884" t="s">
        <v>12312</v>
      </c>
      <c r="D19884" t="s">
        <v>12313</v>
      </c>
      <c r="E19884" t="s">
        <v>12188</v>
      </c>
      <c r="F19884" t="s">
        <v>12189</v>
      </c>
      <c r="G19884" t="s">
        <v>10450</v>
      </c>
      <c r="H19884" t="s">
        <v>10451</v>
      </c>
      <c r="I19884" s="2">
        <v>1</v>
      </c>
      <c r="J19884" s="2">
        <v>0</v>
      </c>
      <c r="K19884" s="2">
        <v>0</v>
      </c>
      <c r="L19884" t="s">
        <v>120</v>
      </c>
      <c r="M19884" t="s">
        <v>89</v>
      </c>
      <c r="N19884" t="s">
        <v>90</v>
      </c>
      <c r="O19884" t="s">
        <v>85</v>
      </c>
      <c r="P19884" t="s">
        <v>86</v>
      </c>
      <c r="Q19884">
        <v>24</v>
      </c>
      <c r="R19884">
        <v>25</v>
      </c>
      <c r="S19884">
        <v>26</v>
      </c>
      <c r="T19884">
        <v>26</v>
      </c>
      <c r="U19884">
        <v>27</v>
      </c>
      <c r="V19884">
        <v>28</v>
      </c>
      <c r="W19884">
        <v>28</v>
      </c>
      <c r="X19884">
        <v>29</v>
      </c>
      <c r="Y19884">
        <v>29</v>
      </c>
      <c r="Z19884">
        <v>30</v>
      </c>
      <c r="AA19884">
        <v>31</v>
      </c>
      <c r="AB19884">
        <v>31</v>
      </c>
      <c r="AC19884">
        <v>32</v>
      </c>
      <c r="AD19884">
        <v>32</v>
      </c>
      <c r="AE19884">
        <v>33</v>
      </c>
      <c r="AF19884">
        <v>33</v>
      </c>
      <c r="AG19884">
        <v>33</v>
      </c>
      <c r="AH19884">
        <v>34</v>
      </c>
      <c r="AI19884">
        <v>34</v>
      </c>
      <c r="AJ19884">
        <v>34</v>
      </c>
      <c r="AK19884">
        <v>34</v>
      </c>
      <c r="AL19884">
        <v>34</v>
      </c>
      <c r="AM19884">
        <v>35</v>
      </c>
      <c r="AN19884">
        <v>35</v>
      </c>
      <c r="AO19884">
        <v>35</v>
      </c>
      <c r="AP19884">
        <v>35</v>
      </c>
      <c r="AQ19884">
        <v>36</v>
      </c>
    </row>
    <row r="19885" spans="1:43">
      <c r="A19885" t="s">
        <v>12314</v>
      </c>
      <c r="B19885" t="s">
        <v>12315</v>
      </c>
      <c r="C19885" t="s">
        <v>12312</v>
      </c>
      <c r="D19885" t="s">
        <v>12313</v>
      </c>
      <c r="E19885" t="s">
        <v>12188</v>
      </c>
      <c r="F19885" t="s">
        <v>12189</v>
      </c>
      <c r="G19885" t="s">
        <v>10450</v>
      </c>
      <c r="H19885" t="s">
        <v>10451</v>
      </c>
      <c r="I19885" s="2">
        <v>1</v>
      </c>
      <c r="J19885" s="2">
        <v>0</v>
      </c>
      <c r="K19885" s="2">
        <v>0</v>
      </c>
      <c r="L19885" t="s">
        <v>120</v>
      </c>
      <c r="M19885" t="s">
        <v>83</v>
      </c>
      <c r="N19885" t="s">
        <v>91</v>
      </c>
      <c r="O19885" t="s">
        <v>85</v>
      </c>
      <c r="P19885" t="s">
        <v>86</v>
      </c>
      <c r="Q19885">
        <v>24</v>
      </c>
      <c r="R19885">
        <v>25</v>
      </c>
      <c r="S19885">
        <v>25</v>
      </c>
      <c r="T19885">
        <v>26</v>
      </c>
      <c r="U19885">
        <v>26</v>
      </c>
      <c r="V19885">
        <v>26</v>
      </c>
      <c r="W19885">
        <v>27</v>
      </c>
      <c r="X19885">
        <v>27</v>
      </c>
      <c r="Y19885">
        <v>28</v>
      </c>
      <c r="Z19885">
        <v>28</v>
      </c>
      <c r="AA19885">
        <v>29</v>
      </c>
      <c r="AB19885">
        <v>29</v>
      </c>
      <c r="AC19885">
        <v>30</v>
      </c>
      <c r="AD19885">
        <v>30</v>
      </c>
      <c r="AE19885">
        <v>31</v>
      </c>
      <c r="AF19885">
        <v>31</v>
      </c>
      <c r="AG19885">
        <v>32</v>
      </c>
      <c r="AH19885">
        <v>32</v>
      </c>
      <c r="AI19885">
        <v>33</v>
      </c>
      <c r="AJ19885">
        <v>33</v>
      </c>
      <c r="AK19885">
        <v>34</v>
      </c>
      <c r="AL19885">
        <v>34</v>
      </c>
      <c r="AM19885">
        <v>34</v>
      </c>
      <c r="AN19885">
        <v>35</v>
      </c>
      <c r="AO19885">
        <v>35</v>
      </c>
      <c r="AP19885">
        <v>35</v>
      </c>
      <c r="AQ19885">
        <v>35</v>
      </c>
    </row>
    <row r="19886" spans="1:43">
      <c r="A19886" t="s">
        <v>12316</v>
      </c>
      <c r="B19886" t="s">
        <v>12317</v>
      </c>
      <c r="C19886" t="s">
        <v>12312</v>
      </c>
      <c r="D19886" t="s">
        <v>12313</v>
      </c>
      <c r="E19886" t="s">
        <v>12188</v>
      </c>
      <c r="F19886" t="s">
        <v>12189</v>
      </c>
      <c r="G19886" t="s">
        <v>10450</v>
      </c>
      <c r="H19886" t="s">
        <v>10451</v>
      </c>
      <c r="I19886" s="2">
        <v>1</v>
      </c>
      <c r="J19886" s="2">
        <v>0</v>
      </c>
      <c r="K19886" s="2">
        <v>0</v>
      </c>
      <c r="L19886" t="s">
        <v>120</v>
      </c>
      <c r="M19886" t="s">
        <v>83</v>
      </c>
      <c r="N19886" t="s">
        <v>84</v>
      </c>
      <c r="O19886" t="s">
        <v>85</v>
      </c>
      <c r="P19886" t="s">
        <v>86</v>
      </c>
      <c r="Q19886">
        <v>7</v>
      </c>
      <c r="R19886">
        <v>7</v>
      </c>
      <c r="S19886">
        <v>7</v>
      </c>
      <c r="T19886">
        <v>7</v>
      </c>
      <c r="U19886">
        <v>7</v>
      </c>
      <c r="V19886">
        <v>8</v>
      </c>
      <c r="W19886">
        <v>8</v>
      </c>
      <c r="X19886">
        <v>8</v>
      </c>
      <c r="Y19886">
        <v>8</v>
      </c>
      <c r="Z19886">
        <v>8</v>
      </c>
      <c r="AA19886">
        <v>8</v>
      </c>
      <c r="AB19886">
        <v>8</v>
      </c>
      <c r="AC19886">
        <v>8</v>
      </c>
      <c r="AD19886">
        <v>9</v>
      </c>
      <c r="AE19886">
        <v>9</v>
      </c>
      <c r="AF19886">
        <v>9</v>
      </c>
      <c r="AG19886">
        <v>9</v>
      </c>
      <c r="AH19886">
        <v>9</v>
      </c>
      <c r="AI19886">
        <v>9</v>
      </c>
      <c r="AJ19886">
        <v>9</v>
      </c>
      <c r="AK19886">
        <v>10</v>
      </c>
      <c r="AL19886">
        <v>10</v>
      </c>
      <c r="AM19886">
        <v>10</v>
      </c>
      <c r="AN19886">
        <v>10</v>
      </c>
      <c r="AO19886">
        <v>10</v>
      </c>
      <c r="AP19886">
        <v>10</v>
      </c>
      <c r="AQ19886">
        <v>10</v>
      </c>
    </row>
    <row r="19887" spans="1:43">
      <c r="A19887" t="s">
        <v>12316</v>
      </c>
      <c r="B19887" t="s">
        <v>12317</v>
      </c>
      <c r="C19887" t="s">
        <v>12312</v>
      </c>
      <c r="D19887" t="s">
        <v>12313</v>
      </c>
      <c r="E19887" t="s">
        <v>12188</v>
      </c>
      <c r="F19887" t="s">
        <v>12189</v>
      </c>
      <c r="G19887" t="s">
        <v>10450</v>
      </c>
      <c r="H19887" t="s">
        <v>10451</v>
      </c>
      <c r="I19887" s="2">
        <v>1</v>
      </c>
      <c r="J19887" s="2">
        <v>0</v>
      </c>
      <c r="K19887" s="2">
        <v>0</v>
      </c>
      <c r="L19887" t="s">
        <v>120</v>
      </c>
      <c r="M19887" t="s">
        <v>87</v>
      </c>
      <c r="N19887" t="s">
        <v>88</v>
      </c>
      <c r="O19887" t="s">
        <v>85</v>
      </c>
      <c r="P19887" t="s">
        <v>86</v>
      </c>
      <c r="Q19887">
        <v>7</v>
      </c>
      <c r="R19887">
        <v>7</v>
      </c>
      <c r="S19887">
        <v>7</v>
      </c>
      <c r="T19887">
        <v>7</v>
      </c>
      <c r="U19887">
        <v>7</v>
      </c>
      <c r="V19887">
        <v>7</v>
      </c>
      <c r="W19887">
        <v>7</v>
      </c>
      <c r="X19887">
        <v>7</v>
      </c>
      <c r="Y19887">
        <v>7</v>
      </c>
      <c r="Z19887">
        <v>7</v>
      </c>
      <c r="AA19887">
        <v>7</v>
      </c>
      <c r="AB19887">
        <v>8</v>
      </c>
      <c r="AC19887">
        <v>8</v>
      </c>
      <c r="AD19887">
        <v>8</v>
      </c>
      <c r="AE19887">
        <v>8</v>
      </c>
      <c r="AF19887">
        <v>8</v>
      </c>
      <c r="AG19887">
        <v>8</v>
      </c>
      <c r="AH19887">
        <v>8</v>
      </c>
      <c r="AI19887">
        <v>8</v>
      </c>
      <c r="AJ19887">
        <v>8</v>
      </c>
      <c r="AK19887">
        <v>8</v>
      </c>
      <c r="AL19887">
        <v>8</v>
      </c>
      <c r="AM19887">
        <v>8</v>
      </c>
      <c r="AN19887">
        <v>8</v>
      </c>
      <c r="AO19887">
        <v>9</v>
      </c>
      <c r="AP19887">
        <v>9</v>
      </c>
      <c r="AQ19887">
        <v>9</v>
      </c>
    </row>
    <row r="19888" spans="1:43">
      <c r="A19888" t="s">
        <v>12316</v>
      </c>
      <c r="B19888" t="s">
        <v>12317</v>
      </c>
      <c r="C19888" t="s">
        <v>12312</v>
      </c>
      <c r="D19888" t="s">
        <v>12313</v>
      </c>
      <c r="E19888" t="s">
        <v>12188</v>
      </c>
      <c r="F19888" t="s">
        <v>12189</v>
      </c>
      <c r="G19888" t="s">
        <v>10450</v>
      </c>
      <c r="H19888" t="s">
        <v>10451</v>
      </c>
      <c r="I19888" s="2">
        <v>1</v>
      </c>
      <c r="J19888" s="2">
        <v>0</v>
      </c>
      <c r="K19888" s="2">
        <v>0</v>
      </c>
      <c r="L19888" t="s">
        <v>120</v>
      </c>
      <c r="M19888" t="s">
        <v>89</v>
      </c>
      <c r="N19888" t="s">
        <v>90</v>
      </c>
      <c r="O19888" t="s">
        <v>85</v>
      </c>
      <c r="P19888" t="s">
        <v>86</v>
      </c>
      <c r="Q19888">
        <v>7</v>
      </c>
      <c r="R19888">
        <v>7</v>
      </c>
      <c r="S19888">
        <v>7</v>
      </c>
      <c r="T19888">
        <v>7</v>
      </c>
      <c r="U19888">
        <v>8</v>
      </c>
      <c r="V19888">
        <v>8</v>
      </c>
      <c r="W19888">
        <v>8</v>
      </c>
      <c r="X19888">
        <v>8</v>
      </c>
      <c r="Y19888">
        <v>8</v>
      </c>
      <c r="Z19888">
        <v>9</v>
      </c>
      <c r="AA19888">
        <v>9</v>
      </c>
      <c r="AB19888">
        <v>9</v>
      </c>
      <c r="AC19888">
        <v>9</v>
      </c>
      <c r="AD19888">
        <v>9</v>
      </c>
      <c r="AE19888">
        <v>9</v>
      </c>
      <c r="AF19888">
        <v>9</v>
      </c>
      <c r="AG19888">
        <v>9</v>
      </c>
      <c r="AH19888">
        <v>10</v>
      </c>
      <c r="AI19888">
        <v>10</v>
      </c>
      <c r="AJ19888">
        <v>10</v>
      </c>
      <c r="AK19888">
        <v>10</v>
      </c>
      <c r="AL19888">
        <v>10</v>
      </c>
      <c r="AM19888">
        <v>10</v>
      </c>
      <c r="AN19888">
        <v>10</v>
      </c>
      <c r="AO19888">
        <v>10</v>
      </c>
      <c r="AP19888">
        <v>10</v>
      </c>
      <c r="AQ19888">
        <v>10</v>
      </c>
    </row>
    <row r="19889" spans="1:43">
      <c r="A19889" t="s">
        <v>12316</v>
      </c>
      <c r="B19889" t="s">
        <v>12317</v>
      </c>
      <c r="C19889" t="s">
        <v>12312</v>
      </c>
      <c r="D19889" t="s">
        <v>12313</v>
      </c>
      <c r="E19889" t="s">
        <v>12188</v>
      </c>
      <c r="F19889" t="s">
        <v>12189</v>
      </c>
      <c r="G19889" t="s">
        <v>10450</v>
      </c>
      <c r="H19889" t="s">
        <v>10451</v>
      </c>
      <c r="I19889" s="2">
        <v>1</v>
      </c>
      <c r="J19889" s="2">
        <v>0</v>
      </c>
      <c r="K19889" s="2">
        <v>0</v>
      </c>
      <c r="L19889" t="s">
        <v>120</v>
      </c>
      <c r="M19889" t="s">
        <v>83</v>
      </c>
      <c r="N19889" t="s">
        <v>91</v>
      </c>
      <c r="O19889" t="s">
        <v>85</v>
      </c>
      <c r="P19889" t="s">
        <v>86</v>
      </c>
      <c r="Q19889">
        <v>7</v>
      </c>
      <c r="R19889">
        <v>7</v>
      </c>
      <c r="S19889">
        <v>7</v>
      </c>
      <c r="T19889">
        <v>7</v>
      </c>
      <c r="U19889">
        <v>7</v>
      </c>
      <c r="V19889">
        <v>8</v>
      </c>
      <c r="W19889">
        <v>8</v>
      </c>
      <c r="X19889">
        <v>8</v>
      </c>
      <c r="Y19889">
        <v>8</v>
      </c>
      <c r="Z19889">
        <v>8</v>
      </c>
      <c r="AA19889">
        <v>8</v>
      </c>
      <c r="AB19889">
        <v>8</v>
      </c>
      <c r="AC19889">
        <v>8</v>
      </c>
      <c r="AD19889">
        <v>9</v>
      </c>
      <c r="AE19889">
        <v>9</v>
      </c>
      <c r="AF19889">
        <v>9</v>
      </c>
      <c r="AG19889">
        <v>9</v>
      </c>
      <c r="AH19889">
        <v>9</v>
      </c>
      <c r="AI19889">
        <v>9</v>
      </c>
      <c r="AJ19889">
        <v>9</v>
      </c>
      <c r="AK19889">
        <v>10</v>
      </c>
      <c r="AL19889">
        <v>10</v>
      </c>
      <c r="AM19889">
        <v>10</v>
      </c>
      <c r="AN19889">
        <v>10</v>
      </c>
      <c r="AO19889">
        <v>10</v>
      </c>
      <c r="AP19889">
        <v>10</v>
      </c>
      <c r="AQ19889">
        <v>10</v>
      </c>
    </row>
    <row r="19890" spans="1:43">
      <c r="A19890" t="s">
        <v>12318</v>
      </c>
      <c r="B19890" t="s">
        <v>12319</v>
      </c>
      <c r="C19890" t="s">
        <v>12312</v>
      </c>
      <c r="D19890" t="s">
        <v>12313</v>
      </c>
      <c r="E19890" t="s">
        <v>12188</v>
      </c>
      <c r="F19890" t="s">
        <v>12189</v>
      </c>
      <c r="G19890" t="s">
        <v>10450</v>
      </c>
      <c r="H19890" t="s">
        <v>10451</v>
      </c>
      <c r="I19890" s="2">
        <v>1</v>
      </c>
      <c r="J19890" s="2">
        <v>0</v>
      </c>
      <c r="K19890" s="2">
        <v>0</v>
      </c>
      <c r="L19890" t="s">
        <v>120</v>
      </c>
      <c r="M19890" t="s">
        <v>83</v>
      </c>
      <c r="N19890" t="s">
        <v>84</v>
      </c>
      <c r="O19890" t="s">
        <v>85</v>
      </c>
      <c r="P19890" t="s">
        <v>86</v>
      </c>
      <c r="Q19890">
        <v>51</v>
      </c>
      <c r="R19890">
        <v>52</v>
      </c>
      <c r="S19890">
        <v>53</v>
      </c>
      <c r="T19890">
        <v>54</v>
      </c>
      <c r="U19890">
        <v>55</v>
      </c>
      <c r="V19890">
        <v>56</v>
      </c>
      <c r="W19890">
        <v>57</v>
      </c>
      <c r="X19890">
        <v>58</v>
      </c>
      <c r="Y19890">
        <v>59</v>
      </c>
      <c r="Z19890">
        <v>60</v>
      </c>
      <c r="AA19890">
        <v>60</v>
      </c>
      <c r="AB19890">
        <v>61</v>
      </c>
      <c r="AC19890">
        <v>62</v>
      </c>
      <c r="AD19890">
        <v>63</v>
      </c>
      <c r="AE19890">
        <v>64</v>
      </c>
      <c r="AF19890">
        <v>66</v>
      </c>
      <c r="AG19890">
        <v>67</v>
      </c>
      <c r="AH19890">
        <v>68</v>
      </c>
      <c r="AI19890">
        <v>69</v>
      </c>
      <c r="AJ19890">
        <v>70</v>
      </c>
      <c r="AK19890">
        <v>71</v>
      </c>
      <c r="AL19890">
        <v>71</v>
      </c>
      <c r="AM19890">
        <v>72</v>
      </c>
      <c r="AN19890">
        <v>72</v>
      </c>
      <c r="AO19890">
        <v>73</v>
      </c>
      <c r="AP19890">
        <v>73</v>
      </c>
      <c r="AQ19890">
        <v>74</v>
      </c>
    </row>
    <row r="19891" spans="1:43">
      <c r="A19891" t="s">
        <v>12318</v>
      </c>
      <c r="B19891" t="s">
        <v>12319</v>
      </c>
      <c r="C19891" t="s">
        <v>12312</v>
      </c>
      <c r="D19891" t="s">
        <v>12313</v>
      </c>
      <c r="E19891" t="s">
        <v>12188</v>
      </c>
      <c r="F19891" t="s">
        <v>12189</v>
      </c>
      <c r="G19891" t="s">
        <v>10450</v>
      </c>
      <c r="H19891" t="s">
        <v>10451</v>
      </c>
      <c r="I19891" s="2">
        <v>1</v>
      </c>
      <c r="J19891" s="2">
        <v>0</v>
      </c>
      <c r="K19891" s="2">
        <v>0</v>
      </c>
      <c r="L19891" t="s">
        <v>120</v>
      </c>
      <c r="M19891" t="s">
        <v>87</v>
      </c>
      <c r="N19891" t="s">
        <v>88</v>
      </c>
      <c r="O19891" t="s">
        <v>85</v>
      </c>
      <c r="P19891" t="s">
        <v>86</v>
      </c>
      <c r="Q19891">
        <v>51</v>
      </c>
      <c r="R19891">
        <v>52</v>
      </c>
      <c r="S19891">
        <v>52</v>
      </c>
      <c r="T19891">
        <v>53</v>
      </c>
      <c r="U19891">
        <v>53</v>
      </c>
      <c r="V19891">
        <v>54</v>
      </c>
      <c r="W19891">
        <v>54</v>
      </c>
      <c r="X19891">
        <v>55</v>
      </c>
      <c r="Y19891">
        <v>55</v>
      </c>
      <c r="Z19891">
        <v>56</v>
      </c>
      <c r="AA19891">
        <v>56</v>
      </c>
      <c r="AB19891">
        <v>57</v>
      </c>
      <c r="AC19891">
        <v>57</v>
      </c>
      <c r="AD19891">
        <v>58</v>
      </c>
      <c r="AE19891">
        <v>58</v>
      </c>
      <c r="AF19891">
        <v>59</v>
      </c>
      <c r="AG19891">
        <v>59</v>
      </c>
      <c r="AH19891">
        <v>60</v>
      </c>
      <c r="AI19891">
        <v>61</v>
      </c>
      <c r="AJ19891">
        <v>61</v>
      </c>
      <c r="AK19891">
        <v>62</v>
      </c>
      <c r="AL19891">
        <v>62</v>
      </c>
      <c r="AM19891">
        <v>63</v>
      </c>
      <c r="AN19891">
        <v>64</v>
      </c>
      <c r="AO19891">
        <v>64</v>
      </c>
      <c r="AP19891">
        <v>65</v>
      </c>
      <c r="AQ19891">
        <v>65</v>
      </c>
    </row>
    <row r="19892" spans="1:43">
      <c r="A19892" t="s">
        <v>12318</v>
      </c>
      <c r="B19892" t="s">
        <v>12319</v>
      </c>
      <c r="C19892" t="s">
        <v>12312</v>
      </c>
      <c r="D19892" t="s">
        <v>12313</v>
      </c>
      <c r="E19892" t="s">
        <v>12188</v>
      </c>
      <c r="F19892" t="s">
        <v>12189</v>
      </c>
      <c r="G19892" t="s">
        <v>10450</v>
      </c>
      <c r="H19892" t="s">
        <v>10451</v>
      </c>
      <c r="I19892" s="2">
        <v>1</v>
      </c>
      <c r="J19892" s="2">
        <v>0</v>
      </c>
      <c r="K19892" s="2">
        <v>0</v>
      </c>
      <c r="L19892" t="s">
        <v>120</v>
      </c>
      <c r="M19892" t="s">
        <v>89</v>
      </c>
      <c r="N19892" t="s">
        <v>90</v>
      </c>
      <c r="O19892" t="s">
        <v>85</v>
      </c>
      <c r="P19892" t="s">
        <v>86</v>
      </c>
      <c r="Q19892">
        <v>51</v>
      </c>
      <c r="R19892">
        <v>53</v>
      </c>
      <c r="S19892">
        <v>54</v>
      </c>
      <c r="T19892">
        <v>55</v>
      </c>
      <c r="U19892">
        <v>57</v>
      </c>
      <c r="V19892">
        <v>58</v>
      </c>
      <c r="W19892">
        <v>59</v>
      </c>
      <c r="X19892">
        <v>61</v>
      </c>
      <c r="Y19892">
        <v>62</v>
      </c>
      <c r="Z19892">
        <v>63</v>
      </c>
      <c r="AA19892">
        <v>64</v>
      </c>
      <c r="AB19892">
        <v>65</v>
      </c>
      <c r="AC19892">
        <v>67</v>
      </c>
      <c r="AD19892">
        <v>68</v>
      </c>
      <c r="AE19892">
        <v>69</v>
      </c>
      <c r="AF19892">
        <v>69</v>
      </c>
      <c r="AG19892">
        <v>70</v>
      </c>
      <c r="AH19892">
        <v>70</v>
      </c>
      <c r="AI19892">
        <v>71</v>
      </c>
      <c r="AJ19892">
        <v>71</v>
      </c>
      <c r="AK19892">
        <v>72</v>
      </c>
      <c r="AL19892">
        <v>72</v>
      </c>
      <c r="AM19892">
        <v>73</v>
      </c>
      <c r="AN19892">
        <v>73</v>
      </c>
      <c r="AO19892">
        <v>74</v>
      </c>
      <c r="AP19892">
        <v>74</v>
      </c>
      <c r="AQ19892">
        <v>75</v>
      </c>
    </row>
    <row r="19893" spans="1:43">
      <c r="A19893" t="s">
        <v>12318</v>
      </c>
      <c r="B19893" t="s">
        <v>12319</v>
      </c>
      <c r="C19893" t="s">
        <v>12312</v>
      </c>
      <c r="D19893" t="s">
        <v>12313</v>
      </c>
      <c r="E19893" t="s">
        <v>12188</v>
      </c>
      <c r="F19893" t="s">
        <v>12189</v>
      </c>
      <c r="G19893" t="s">
        <v>10450</v>
      </c>
      <c r="H19893" t="s">
        <v>10451</v>
      </c>
      <c r="I19893" s="2">
        <v>1</v>
      </c>
      <c r="J19893" s="2">
        <v>0</v>
      </c>
      <c r="K19893" s="2">
        <v>0</v>
      </c>
      <c r="L19893" t="s">
        <v>120</v>
      </c>
      <c r="M19893" t="s">
        <v>83</v>
      </c>
      <c r="N19893" t="s">
        <v>91</v>
      </c>
      <c r="O19893" t="s">
        <v>85</v>
      </c>
      <c r="P19893" t="s">
        <v>86</v>
      </c>
      <c r="Q19893">
        <v>51</v>
      </c>
      <c r="R19893">
        <v>52</v>
      </c>
      <c r="S19893">
        <v>53</v>
      </c>
      <c r="T19893">
        <v>54</v>
      </c>
      <c r="U19893">
        <v>55</v>
      </c>
      <c r="V19893">
        <v>56</v>
      </c>
      <c r="W19893">
        <v>57</v>
      </c>
      <c r="X19893">
        <v>58</v>
      </c>
      <c r="Y19893">
        <v>59</v>
      </c>
      <c r="Z19893">
        <v>60</v>
      </c>
      <c r="AA19893">
        <v>60</v>
      </c>
      <c r="AB19893">
        <v>61</v>
      </c>
      <c r="AC19893">
        <v>62</v>
      </c>
      <c r="AD19893">
        <v>63</v>
      </c>
      <c r="AE19893">
        <v>64</v>
      </c>
      <c r="AF19893">
        <v>66</v>
      </c>
      <c r="AG19893">
        <v>67</v>
      </c>
      <c r="AH19893">
        <v>68</v>
      </c>
      <c r="AI19893">
        <v>69</v>
      </c>
      <c r="AJ19893">
        <v>70</v>
      </c>
      <c r="AK19893">
        <v>71</v>
      </c>
      <c r="AL19893">
        <v>71</v>
      </c>
      <c r="AM19893">
        <v>72</v>
      </c>
      <c r="AN19893">
        <v>72</v>
      </c>
      <c r="AO19893">
        <v>73</v>
      </c>
      <c r="AP19893">
        <v>73</v>
      </c>
      <c r="AQ19893">
        <v>74</v>
      </c>
    </row>
    <row r="19894" spans="1:43">
      <c r="A19894" t="s">
        <v>12320</v>
      </c>
      <c r="B19894" t="s">
        <v>12321</v>
      </c>
      <c r="C19894" t="s">
        <v>12322</v>
      </c>
      <c r="D19894" t="s">
        <v>12323</v>
      </c>
      <c r="E19894" t="s">
        <v>12188</v>
      </c>
      <c r="F19894" t="s">
        <v>12189</v>
      </c>
      <c r="G19894" t="s">
        <v>10450</v>
      </c>
      <c r="H19894" t="s">
        <v>10451</v>
      </c>
      <c r="I19894" s="2">
        <v>1</v>
      </c>
      <c r="J19894" s="2">
        <v>0</v>
      </c>
      <c r="K19894" s="2">
        <v>0</v>
      </c>
      <c r="L19894" t="s">
        <v>120</v>
      </c>
      <c r="M19894" t="s">
        <v>83</v>
      </c>
      <c r="N19894" t="s">
        <v>84</v>
      </c>
      <c r="O19894" t="s">
        <v>85</v>
      </c>
      <c r="P19894" t="s">
        <v>86</v>
      </c>
      <c r="Q19894">
        <v>5</v>
      </c>
      <c r="R19894">
        <v>5</v>
      </c>
      <c r="S19894">
        <v>5</v>
      </c>
      <c r="T19894">
        <v>5</v>
      </c>
      <c r="U19894">
        <v>5</v>
      </c>
      <c r="V19894">
        <v>5</v>
      </c>
      <c r="W19894">
        <v>6</v>
      </c>
      <c r="X19894">
        <v>6</v>
      </c>
      <c r="Y19894">
        <v>6</v>
      </c>
      <c r="Z19894">
        <v>6</v>
      </c>
      <c r="AA19894">
        <v>6</v>
      </c>
      <c r="AB19894">
        <v>6</v>
      </c>
      <c r="AC19894">
        <v>6</v>
      </c>
      <c r="AD19894">
        <v>6</v>
      </c>
      <c r="AE19894">
        <v>6</v>
      </c>
      <c r="AF19894">
        <v>6</v>
      </c>
      <c r="AG19894">
        <v>6</v>
      </c>
      <c r="AH19894">
        <v>7</v>
      </c>
      <c r="AI19894">
        <v>7</v>
      </c>
      <c r="AJ19894">
        <v>7</v>
      </c>
      <c r="AK19894">
        <v>7</v>
      </c>
      <c r="AL19894">
        <v>7</v>
      </c>
      <c r="AM19894">
        <v>7</v>
      </c>
      <c r="AN19894">
        <v>7</v>
      </c>
      <c r="AO19894">
        <v>7</v>
      </c>
      <c r="AP19894">
        <v>7</v>
      </c>
      <c r="AQ19894">
        <v>7</v>
      </c>
    </row>
    <row r="19895" spans="1:43">
      <c r="A19895" t="s">
        <v>12320</v>
      </c>
      <c r="B19895" t="s">
        <v>12321</v>
      </c>
      <c r="C19895" t="s">
        <v>12322</v>
      </c>
      <c r="D19895" t="s">
        <v>12323</v>
      </c>
      <c r="E19895" t="s">
        <v>12188</v>
      </c>
      <c r="F19895" t="s">
        <v>12189</v>
      </c>
      <c r="G19895" t="s">
        <v>10450</v>
      </c>
      <c r="H19895" t="s">
        <v>10451</v>
      </c>
      <c r="I19895" s="2">
        <v>1</v>
      </c>
      <c r="J19895" s="2">
        <v>0</v>
      </c>
      <c r="K19895" s="2">
        <v>0</v>
      </c>
      <c r="L19895" t="s">
        <v>120</v>
      </c>
      <c r="M19895" t="s">
        <v>87</v>
      </c>
      <c r="N19895" t="s">
        <v>88</v>
      </c>
      <c r="O19895" t="s">
        <v>85</v>
      </c>
      <c r="P19895" t="s">
        <v>86</v>
      </c>
      <c r="Q19895">
        <v>5</v>
      </c>
      <c r="R19895">
        <v>5</v>
      </c>
      <c r="S19895">
        <v>5</v>
      </c>
      <c r="T19895">
        <v>5</v>
      </c>
      <c r="U19895">
        <v>5</v>
      </c>
      <c r="V19895">
        <v>5</v>
      </c>
      <c r="W19895">
        <v>5</v>
      </c>
      <c r="X19895">
        <v>5</v>
      </c>
      <c r="Y19895">
        <v>5</v>
      </c>
      <c r="Z19895">
        <v>5</v>
      </c>
      <c r="AA19895">
        <v>5</v>
      </c>
      <c r="AB19895">
        <v>5</v>
      </c>
      <c r="AC19895">
        <v>5</v>
      </c>
      <c r="AD19895">
        <v>6</v>
      </c>
      <c r="AE19895">
        <v>6</v>
      </c>
      <c r="AF19895">
        <v>6</v>
      </c>
      <c r="AG19895">
        <v>6</v>
      </c>
      <c r="AH19895">
        <v>6</v>
      </c>
      <c r="AI19895">
        <v>6</v>
      </c>
      <c r="AJ19895">
        <v>6</v>
      </c>
      <c r="AK19895">
        <v>6</v>
      </c>
      <c r="AL19895">
        <v>6</v>
      </c>
      <c r="AM19895">
        <v>6</v>
      </c>
      <c r="AN19895">
        <v>6</v>
      </c>
      <c r="AO19895">
        <v>6</v>
      </c>
      <c r="AP19895">
        <v>6</v>
      </c>
      <c r="AQ19895">
        <v>6</v>
      </c>
    </row>
    <row r="19896" spans="1:43">
      <c r="A19896" t="s">
        <v>12320</v>
      </c>
      <c r="B19896" t="s">
        <v>12321</v>
      </c>
      <c r="C19896" t="s">
        <v>12322</v>
      </c>
      <c r="D19896" t="s">
        <v>12323</v>
      </c>
      <c r="E19896" t="s">
        <v>12188</v>
      </c>
      <c r="F19896" t="s">
        <v>12189</v>
      </c>
      <c r="G19896" t="s">
        <v>10450</v>
      </c>
      <c r="H19896" t="s">
        <v>10451</v>
      </c>
      <c r="I19896" s="2">
        <v>1</v>
      </c>
      <c r="J19896" s="2">
        <v>0</v>
      </c>
      <c r="K19896" s="2">
        <v>0</v>
      </c>
      <c r="L19896" t="s">
        <v>120</v>
      </c>
      <c r="M19896" t="s">
        <v>89</v>
      </c>
      <c r="N19896" t="s">
        <v>90</v>
      </c>
      <c r="O19896" t="s">
        <v>85</v>
      </c>
      <c r="P19896" t="s">
        <v>86</v>
      </c>
      <c r="Q19896">
        <v>5</v>
      </c>
      <c r="R19896">
        <v>5</v>
      </c>
      <c r="S19896">
        <v>5</v>
      </c>
      <c r="T19896">
        <v>5</v>
      </c>
      <c r="U19896">
        <v>6</v>
      </c>
      <c r="V19896">
        <v>6</v>
      </c>
      <c r="W19896">
        <v>6</v>
      </c>
      <c r="X19896">
        <v>6</v>
      </c>
      <c r="Y19896">
        <v>6</v>
      </c>
      <c r="Z19896">
        <v>6</v>
      </c>
      <c r="AA19896">
        <v>6</v>
      </c>
      <c r="AB19896">
        <v>6</v>
      </c>
      <c r="AC19896">
        <v>7</v>
      </c>
      <c r="AD19896">
        <v>7</v>
      </c>
      <c r="AE19896">
        <v>7</v>
      </c>
      <c r="AF19896">
        <v>7</v>
      </c>
      <c r="AG19896">
        <v>7</v>
      </c>
      <c r="AH19896">
        <v>7</v>
      </c>
      <c r="AI19896">
        <v>7</v>
      </c>
      <c r="AJ19896">
        <v>7</v>
      </c>
      <c r="AK19896">
        <v>7</v>
      </c>
      <c r="AL19896">
        <v>7</v>
      </c>
      <c r="AM19896">
        <v>7</v>
      </c>
      <c r="AN19896">
        <v>7</v>
      </c>
      <c r="AO19896">
        <v>7</v>
      </c>
      <c r="AP19896">
        <v>7</v>
      </c>
      <c r="AQ19896">
        <v>7</v>
      </c>
    </row>
    <row r="19897" spans="1:43">
      <c r="A19897" t="s">
        <v>12320</v>
      </c>
      <c r="B19897" t="s">
        <v>12321</v>
      </c>
      <c r="C19897" t="s">
        <v>12322</v>
      </c>
      <c r="D19897" t="s">
        <v>12323</v>
      </c>
      <c r="E19897" t="s">
        <v>12188</v>
      </c>
      <c r="F19897" t="s">
        <v>12189</v>
      </c>
      <c r="G19897" t="s">
        <v>10450</v>
      </c>
      <c r="H19897" t="s">
        <v>10451</v>
      </c>
      <c r="I19897" s="2">
        <v>1</v>
      </c>
      <c r="J19897" s="2">
        <v>0</v>
      </c>
      <c r="K19897" s="2">
        <v>0</v>
      </c>
      <c r="L19897" t="s">
        <v>120</v>
      </c>
      <c r="M19897" t="s">
        <v>83</v>
      </c>
      <c r="N19897" t="s">
        <v>91</v>
      </c>
      <c r="O19897" t="s">
        <v>85</v>
      </c>
      <c r="P19897" t="s">
        <v>86</v>
      </c>
      <c r="Q19897">
        <v>5</v>
      </c>
      <c r="R19897">
        <v>5</v>
      </c>
      <c r="S19897">
        <v>5</v>
      </c>
      <c r="T19897">
        <v>5</v>
      </c>
      <c r="U19897">
        <v>5</v>
      </c>
      <c r="V19897">
        <v>5</v>
      </c>
      <c r="W19897">
        <v>6</v>
      </c>
      <c r="X19897">
        <v>6</v>
      </c>
      <c r="Y19897">
        <v>6</v>
      </c>
      <c r="Z19897">
        <v>6</v>
      </c>
      <c r="AA19897">
        <v>6</v>
      </c>
      <c r="AB19897">
        <v>6</v>
      </c>
      <c r="AC19897">
        <v>6</v>
      </c>
      <c r="AD19897">
        <v>6</v>
      </c>
      <c r="AE19897">
        <v>6</v>
      </c>
      <c r="AF19897">
        <v>6</v>
      </c>
      <c r="AG19897">
        <v>6</v>
      </c>
      <c r="AH19897">
        <v>7</v>
      </c>
      <c r="AI19897">
        <v>7</v>
      </c>
      <c r="AJ19897">
        <v>7</v>
      </c>
      <c r="AK19897">
        <v>7</v>
      </c>
      <c r="AL19897">
        <v>7</v>
      </c>
      <c r="AM19897">
        <v>7</v>
      </c>
      <c r="AN19897">
        <v>7</v>
      </c>
      <c r="AO19897">
        <v>7</v>
      </c>
      <c r="AP19897">
        <v>7</v>
      </c>
      <c r="AQ19897">
        <v>7</v>
      </c>
    </row>
    <row r="19898" spans="1:43">
      <c r="A19898" t="s">
        <v>12324</v>
      </c>
      <c r="B19898" t="s">
        <v>12325</v>
      </c>
      <c r="C19898" t="s">
        <v>12322</v>
      </c>
      <c r="D19898" t="s">
        <v>12323</v>
      </c>
      <c r="E19898" t="s">
        <v>12188</v>
      </c>
      <c r="F19898" t="s">
        <v>12189</v>
      </c>
      <c r="G19898" t="s">
        <v>10450</v>
      </c>
      <c r="H19898" t="s">
        <v>10451</v>
      </c>
      <c r="I19898" s="2">
        <v>1</v>
      </c>
      <c r="J19898" s="2">
        <v>0</v>
      </c>
      <c r="K19898" s="2">
        <v>0</v>
      </c>
      <c r="L19898" t="s">
        <v>120</v>
      </c>
      <c r="M19898" t="s">
        <v>83</v>
      </c>
      <c r="N19898" t="s">
        <v>84</v>
      </c>
      <c r="O19898" t="s">
        <v>85</v>
      </c>
      <c r="P19898" t="s">
        <v>86</v>
      </c>
      <c r="Q19898">
        <v>16</v>
      </c>
      <c r="R19898">
        <v>16</v>
      </c>
      <c r="S19898">
        <v>16</v>
      </c>
      <c r="T19898">
        <v>17</v>
      </c>
      <c r="U19898">
        <v>17</v>
      </c>
      <c r="V19898">
        <v>17</v>
      </c>
      <c r="W19898">
        <v>18</v>
      </c>
      <c r="X19898">
        <v>18</v>
      </c>
      <c r="Y19898">
        <v>18</v>
      </c>
      <c r="Z19898">
        <v>18</v>
      </c>
      <c r="AA19898">
        <v>19</v>
      </c>
      <c r="AB19898">
        <v>19</v>
      </c>
      <c r="AC19898">
        <v>19</v>
      </c>
      <c r="AD19898">
        <v>20</v>
      </c>
      <c r="AE19898">
        <v>20</v>
      </c>
      <c r="AF19898">
        <v>20</v>
      </c>
      <c r="AG19898">
        <v>21</v>
      </c>
      <c r="AH19898">
        <v>21</v>
      </c>
      <c r="AI19898">
        <v>21</v>
      </c>
      <c r="AJ19898">
        <v>22</v>
      </c>
      <c r="AK19898">
        <v>22</v>
      </c>
      <c r="AL19898">
        <v>22</v>
      </c>
      <c r="AM19898">
        <v>22</v>
      </c>
      <c r="AN19898">
        <v>23</v>
      </c>
      <c r="AO19898">
        <v>23</v>
      </c>
      <c r="AP19898">
        <v>23</v>
      </c>
      <c r="AQ19898">
        <v>23</v>
      </c>
    </row>
    <row r="19899" spans="1:43">
      <c r="A19899" t="s">
        <v>12324</v>
      </c>
      <c r="B19899" t="s">
        <v>12325</v>
      </c>
      <c r="C19899" t="s">
        <v>12322</v>
      </c>
      <c r="D19899" t="s">
        <v>12323</v>
      </c>
      <c r="E19899" t="s">
        <v>12188</v>
      </c>
      <c r="F19899" t="s">
        <v>12189</v>
      </c>
      <c r="G19899" t="s">
        <v>10450</v>
      </c>
      <c r="H19899" t="s">
        <v>10451</v>
      </c>
      <c r="I19899" s="2">
        <v>1</v>
      </c>
      <c r="J19899" s="2">
        <v>0</v>
      </c>
      <c r="K19899" s="2">
        <v>0</v>
      </c>
      <c r="L19899" t="s">
        <v>120</v>
      </c>
      <c r="M19899" t="s">
        <v>87</v>
      </c>
      <c r="N19899" t="s">
        <v>88</v>
      </c>
      <c r="O19899" t="s">
        <v>85</v>
      </c>
      <c r="P19899" t="s">
        <v>86</v>
      </c>
      <c r="Q19899">
        <v>16</v>
      </c>
      <c r="R19899">
        <v>16</v>
      </c>
      <c r="S19899">
        <v>16</v>
      </c>
      <c r="T19899">
        <v>16</v>
      </c>
      <c r="U19899">
        <v>16</v>
      </c>
      <c r="V19899">
        <v>16</v>
      </c>
      <c r="W19899">
        <v>17</v>
      </c>
      <c r="X19899">
        <v>17</v>
      </c>
      <c r="Y19899">
        <v>17</v>
      </c>
      <c r="Z19899">
        <v>17</v>
      </c>
      <c r="AA19899">
        <v>17</v>
      </c>
      <c r="AB19899">
        <v>17</v>
      </c>
      <c r="AC19899">
        <v>17</v>
      </c>
      <c r="AD19899">
        <v>18</v>
      </c>
      <c r="AE19899">
        <v>18</v>
      </c>
      <c r="AF19899">
        <v>18</v>
      </c>
      <c r="AG19899">
        <v>18</v>
      </c>
      <c r="AH19899">
        <v>18</v>
      </c>
      <c r="AI19899">
        <v>18</v>
      </c>
      <c r="AJ19899">
        <v>19</v>
      </c>
      <c r="AK19899">
        <v>19</v>
      </c>
      <c r="AL19899">
        <v>19</v>
      </c>
      <c r="AM19899">
        <v>19</v>
      </c>
      <c r="AN19899">
        <v>19</v>
      </c>
      <c r="AO19899">
        <v>20</v>
      </c>
      <c r="AP19899">
        <v>20</v>
      </c>
      <c r="AQ19899">
        <v>20</v>
      </c>
    </row>
    <row r="19900" spans="1:43">
      <c r="A19900" t="s">
        <v>12324</v>
      </c>
      <c r="B19900" t="s">
        <v>12325</v>
      </c>
      <c r="C19900" t="s">
        <v>12322</v>
      </c>
      <c r="D19900" t="s">
        <v>12323</v>
      </c>
      <c r="E19900" t="s">
        <v>12188</v>
      </c>
      <c r="F19900" t="s">
        <v>12189</v>
      </c>
      <c r="G19900" t="s">
        <v>10450</v>
      </c>
      <c r="H19900" t="s">
        <v>10451</v>
      </c>
      <c r="I19900" s="2">
        <v>1</v>
      </c>
      <c r="J19900" s="2">
        <v>0</v>
      </c>
      <c r="K19900" s="2">
        <v>0</v>
      </c>
      <c r="L19900" t="s">
        <v>120</v>
      </c>
      <c r="M19900" t="s">
        <v>89</v>
      </c>
      <c r="N19900" t="s">
        <v>90</v>
      </c>
      <c r="O19900" t="s">
        <v>85</v>
      </c>
      <c r="P19900" t="s">
        <v>86</v>
      </c>
      <c r="Q19900">
        <v>16</v>
      </c>
      <c r="R19900">
        <v>16</v>
      </c>
      <c r="S19900">
        <v>17</v>
      </c>
      <c r="T19900">
        <v>17</v>
      </c>
      <c r="U19900">
        <v>18</v>
      </c>
      <c r="V19900">
        <v>18</v>
      </c>
      <c r="W19900">
        <v>18</v>
      </c>
      <c r="X19900">
        <v>19</v>
      </c>
      <c r="Y19900">
        <v>19</v>
      </c>
      <c r="Z19900">
        <v>20</v>
      </c>
      <c r="AA19900">
        <v>20</v>
      </c>
      <c r="AB19900">
        <v>20</v>
      </c>
      <c r="AC19900">
        <v>21</v>
      </c>
      <c r="AD19900">
        <v>21</v>
      </c>
      <c r="AE19900">
        <v>21</v>
      </c>
      <c r="AF19900">
        <v>22</v>
      </c>
      <c r="AG19900">
        <v>22</v>
      </c>
      <c r="AH19900">
        <v>22</v>
      </c>
      <c r="AI19900">
        <v>22</v>
      </c>
      <c r="AJ19900">
        <v>22</v>
      </c>
      <c r="AK19900">
        <v>22</v>
      </c>
      <c r="AL19900">
        <v>23</v>
      </c>
      <c r="AM19900">
        <v>23</v>
      </c>
      <c r="AN19900">
        <v>23</v>
      </c>
      <c r="AO19900">
        <v>23</v>
      </c>
      <c r="AP19900">
        <v>23</v>
      </c>
      <c r="AQ19900">
        <v>23</v>
      </c>
    </row>
    <row r="19901" spans="1:43">
      <c r="A19901" t="s">
        <v>12324</v>
      </c>
      <c r="B19901" t="s">
        <v>12325</v>
      </c>
      <c r="C19901" t="s">
        <v>12322</v>
      </c>
      <c r="D19901" t="s">
        <v>12323</v>
      </c>
      <c r="E19901" t="s">
        <v>12188</v>
      </c>
      <c r="F19901" t="s">
        <v>12189</v>
      </c>
      <c r="G19901" t="s">
        <v>10450</v>
      </c>
      <c r="H19901" t="s">
        <v>10451</v>
      </c>
      <c r="I19901" s="2">
        <v>1</v>
      </c>
      <c r="J19901" s="2">
        <v>0</v>
      </c>
      <c r="K19901" s="2">
        <v>0</v>
      </c>
      <c r="L19901" t="s">
        <v>120</v>
      </c>
      <c r="M19901" t="s">
        <v>83</v>
      </c>
      <c r="N19901" t="s">
        <v>91</v>
      </c>
      <c r="O19901" t="s">
        <v>85</v>
      </c>
      <c r="P19901" t="s">
        <v>86</v>
      </c>
      <c r="Q19901">
        <v>16</v>
      </c>
      <c r="R19901">
        <v>16</v>
      </c>
      <c r="S19901">
        <v>16</v>
      </c>
      <c r="T19901">
        <v>17</v>
      </c>
      <c r="U19901">
        <v>17</v>
      </c>
      <c r="V19901">
        <v>17</v>
      </c>
      <c r="W19901">
        <v>18</v>
      </c>
      <c r="X19901">
        <v>18</v>
      </c>
      <c r="Y19901">
        <v>18</v>
      </c>
      <c r="Z19901">
        <v>18</v>
      </c>
      <c r="AA19901">
        <v>19</v>
      </c>
      <c r="AB19901">
        <v>19</v>
      </c>
      <c r="AC19901">
        <v>19</v>
      </c>
      <c r="AD19901">
        <v>20</v>
      </c>
      <c r="AE19901">
        <v>20</v>
      </c>
      <c r="AF19901">
        <v>20</v>
      </c>
      <c r="AG19901">
        <v>21</v>
      </c>
      <c r="AH19901">
        <v>21</v>
      </c>
      <c r="AI19901">
        <v>21</v>
      </c>
      <c r="AJ19901">
        <v>22</v>
      </c>
      <c r="AK19901">
        <v>22</v>
      </c>
      <c r="AL19901">
        <v>22</v>
      </c>
      <c r="AM19901">
        <v>22</v>
      </c>
      <c r="AN19901">
        <v>23</v>
      </c>
      <c r="AO19901">
        <v>23</v>
      </c>
      <c r="AP19901">
        <v>23</v>
      </c>
      <c r="AQ19901">
        <v>23</v>
      </c>
    </row>
    <row r="19902" spans="1:43">
      <c r="A19902" t="s">
        <v>12326</v>
      </c>
      <c r="B19902" t="s">
        <v>12327</v>
      </c>
      <c r="C19902" t="s">
        <v>12322</v>
      </c>
      <c r="D19902" t="s">
        <v>12323</v>
      </c>
      <c r="E19902" t="s">
        <v>12188</v>
      </c>
      <c r="F19902" t="s">
        <v>12189</v>
      </c>
      <c r="G19902" t="s">
        <v>10450</v>
      </c>
      <c r="H19902" t="s">
        <v>10451</v>
      </c>
      <c r="I19902" s="2">
        <v>1</v>
      </c>
      <c r="J19902" s="2">
        <v>0</v>
      </c>
      <c r="K19902" s="2">
        <v>0</v>
      </c>
      <c r="L19902" t="s">
        <v>120</v>
      </c>
      <c r="M19902" t="s">
        <v>83</v>
      </c>
      <c r="N19902" t="s">
        <v>84</v>
      </c>
      <c r="O19902" t="s">
        <v>85</v>
      </c>
      <c r="P19902" t="s">
        <v>86</v>
      </c>
      <c r="Q19902">
        <v>11</v>
      </c>
      <c r="R19902">
        <v>11</v>
      </c>
      <c r="S19902">
        <v>12</v>
      </c>
      <c r="T19902">
        <v>12</v>
      </c>
      <c r="U19902">
        <v>12</v>
      </c>
      <c r="V19902">
        <v>12</v>
      </c>
      <c r="W19902">
        <v>12</v>
      </c>
      <c r="X19902">
        <v>13</v>
      </c>
      <c r="Y19902">
        <v>13</v>
      </c>
      <c r="Z19902">
        <v>13</v>
      </c>
      <c r="AA19902">
        <v>13</v>
      </c>
      <c r="AB19902">
        <v>13</v>
      </c>
      <c r="AC19902">
        <v>14</v>
      </c>
      <c r="AD19902">
        <v>14</v>
      </c>
      <c r="AE19902">
        <v>14</v>
      </c>
      <c r="AF19902">
        <v>14</v>
      </c>
      <c r="AG19902">
        <v>15</v>
      </c>
      <c r="AH19902">
        <v>15</v>
      </c>
      <c r="AI19902">
        <v>15</v>
      </c>
      <c r="AJ19902">
        <v>15</v>
      </c>
      <c r="AK19902">
        <v>16</v>
      </c>
      <c r="AL19902">
        <v>16</v>
      </c>
      <c r="AM19902">
        <v>16</v>
      </c>
      <c r="AN19902">
        <v>16</v>
      </c>
      <c r="AO19902">
        <v>16</v>
      </c>
      <c r="AP19902">
        <v>16</v>
      </c>
      <c r="AQ19902">
        <v>16</v>
      </c>
    </row>
    <row r="19903" spans="1:43">
      <c r="A19903" t="s">
        <v>12326</v>
      </c>
      <c r="B19903" t="s">
        <v>12327</v>
      </c>
      <c r="C19903" t="s">
        <v>12322</v>
      </c>
      <c r="D19903" t="s">
        <v>12323</v>
      </c>
      <c r="E19903" t="s">
        <v>12188</v>
      </c>
      <c r="F19903" t="s">
        <v>12189</v>
      </c>
      <c r="G19903" t="s">
        <v>10450</v>
      </c>
      <c r="H19903" t="s">
        <v>10451</v>
      </c>
      <c r="I19903" s="2">
        <v>1</v>
      </c>
      <c r="J19903" s="2">
        <v>0</v>
      </c>
      <c r="K19903" s="2">
        <v>0</v>
      </c>
      <c r="L19903" t="s">
        <v>120</v>
      </c>
      <c r="M19903" t="s">
        <v>87</v>
      </c>
      <c r="N19903" t="s">
        <v>88</v>
      </c>
      <c r="O19903" t="s">
        <v>85</v>
      </c>
      <c r="P19903" t="s">
        <v>86</v>
      </c>
      <c r="Q19903">
        <v>11</v>
      </c>
      <c r="R19903">
        <v>11</v>
      </c>
      <c r="S19903">
        <v>11</v>
      </c>
      <c r="T19903">
        <v>11</v>
      </c>
      <c r="U19903">
        <v>11</v>
      </c>
      <c r="V19903">
        <v>12</v>
      </c>
      <c r="W19903">
        <v>12</v>
      </c>
      <c r="X19903">
        <v>12</v>
      </c>
      <c r="Y19903">
        <v>12</v>
      </c>
      <c r="Z19903">
        <v>12</v>
      </c>
      <c r="AA19903">
        <v>12</v>
      </c>
      <c r="AB19903">
        <v>12</v>
      </c>
      <c r="AC19903">
        <v>12</v>
      </c>
      <c r="AD19903">
        <v>12</v>
      </c>
      <c r="AE19903">
        <v>13</v>
      </c>
      <c r="AF19903">
        <v>13</v>
      </c>
      <c r="AG19903">
        <v>13</v>
      </c>
      <c r="AH19903">
        <v>13</v>
      </c>
      <c r="AI19903">
        <v>13</v>
      </c>
      <c r="AJ19903">
        <v>13</v>
      </c>
      <c r="AK19903">
        <v>13</v>
      </c>
      <c r="AL19903">
        <v>13</v>
      </c>
      <c r="AM19903">
        <v>14</v>
      </c>
      <c r="AN19903">
        <v>14</v>
      </c>
      <c r="AO19903">
        <v>14</v>
      </c>
      <c r="AP19903">
        <v>14</v>
      </c>
      <c r="AQ19903">
        <v>14</v>
      </c>
    </row>
    <row r="19904" spans="1:43">
      <c r="A19904" t="s">
        <v>12326</v>
      </c>
      <c r="B19904" t="s">
        <v>12327</v>
      </c>
      <c r="C19904" t="s">
        <v>12322</v>
      </c>
      <c r="D19904" t="s">
        <v>12323</v>
      </c>
      <c r="E19904" t="s">
        <v>12188</v>
      </c>
      <c r="F19904" t="s">
        <v>12189</v>
      </c>
      <c r="G19904" t="s">
        <v>10450</v>
      </c>
      <c r="H19904" t="s">
        <v>10451</v>
      </c>
      <c r="I19904" s="2">
        <v>1</v>
      </c>
      <c r="J19904" s="2">
        <v>0</v>
      </c>
      <c r="K19904" s="2">
        <v>0</v>
      </c>
      <c r="L19904" t="s">
        <v>120</v>
      </c>
      <c r="M19904" t="s">
        <v>89</v>
      </c>
      <c r="N19904" t="s">
        <v>90</v>
      </c>
      <c r="O19904" t="s">
        <v>85</v>
      </c>
      <c r="P19904" t="s">
        <v>86</v>
      </c>
      <c r="Q19904">
        <v>11</v>
      </c>
      <c r="R19904">
        <v>11</v>
      </c>
      <c r="S19904">
        <v>12</v>
      </c>
      <c r="T19904">
        <v>12</v>
      </c>
      <c r="U19904">
        <v>12</v>
      </c>
      <c r="V19904">
        <v>13</v>
      </c>
      <c r="W19904">
        <v>13</v>
      </c>
      <c r="X19904">
        <v>13</v>
      </c>
      <c r="Y19904">
        <v>14</v>
      </c>
      <c r="Z19904">
        <v>14</v>
      </c>
      <c r="AA19904">
        <v>14</v>
      </c>
      <c r="AB19904">
        <v>14</v>
      </c>
      <c r="AC19904">
        <v>15</v>
      </c>
      <c r="AD19904">
        <v>15</v>
      </c>
      <c r="AE19904">
        <v>15</v>
      </c>
      <c r="AF19904">
        <v>15</v>
      </c>
      <c r="AG19904">
        <v>15</v>
      </c>
      <c r="AH19904">
        <v>15</v>
      </c>
      <c r="AI19904">
        <v>16</v>
      </c>
      <c r="AJ19904">
        <v>16</v>
      </c>
      <c r="AK19904">
        <v>16</v>
      </c>
      <c r="AL19904">
        <v>16</v>
      </c>
      <c r="AM19904">
        <v>16</v>
      </c>
      <c r="AN19904">
        <v>16</v>
      </c>
      <c r="AO19904">
        <v>16</v>
      </c>
      <c r="AP19904">
        <v>16</v>
      </c>
      <c r="AQ19904">
        <v>16</v>
      </c>
    </row>
    <row r="19905" spans="1:43">
      <c r="A19905" t="s">
        <v>12326</v>
      </c>
      <c r="B19905" t="s">
        <v>12327</v>
      </c>
      <c r="C19905" t="s">
        <v>12322</v>
      </c>
      <c r="D19905" t="s">
        <v>12323</v>
      </c>
      <c r="E19905" t="s">
        <v>12188</v>
      </c>
      <c r="F19905" t="s">
        <v>12189</v>
      </c>
      <c r="G19905" t="s">
        <v>10450</v>
      </c>
      <c r="H19905" t="s">
        <v>10451</v>
      </c>
      <c r="I19905" s="2">
        <v>1</v>
      </c>
      <c r="J19905" s="2">
        <v>0</v>
      </c>
      <c r="K19905" s="2">
        <v>0</v>
      </c>
      <c r="L19905" t="s">
        <v>120</v>
      </c>
      <c r="M19905" t="s">
        <v>83</v>
      </c>
      <c r="N19905" t="s">
        <v>91</v>
      </c>
      <c r="O19905" t="s">
        <v>85</v>
      </c>
      <c r="P19905" t="s">
        <v>86</v>
      </c>
      <c r="Q19905">
        <v>11</v>
      </c>
      <c r="R19905">
        <v>11</v>
      </c>
      <c r="S19905">
        <v>12</v>
      </c>
      <c r="T19905">
        <v>12</v>
      </c>
      <c r="U19905">
        <v>12</v>
      </c>
      <c r="V19905">
        <v>12</v>
      </c>
      <c r="W19905">
        <v>12</v>
      </c>
      <c r="X19905">
        <v>13</v>
      </c>
      <c r="Y19905">
        <v>13</v>
      </c>
      <c r="Z19905">
        <v>13</v>
      </c>
      <c r="AA19905">
        <v>13</v>
      </c>
      <c r="AB19905">
        <v>13</v>
      </c>
      <c r="AC19905">
        <v>14</v>
      </c>
      <c r="AD19905">
        <v>14</v>
      </c>
      <c r="AE19905">
        <v>14</v>
      </c>
      <c r="AF19905">
        <v>14</v>
      </c>
      <c r="AG19905">
        <v>15</v>
      </c>
      <c r="AH19905">
        <v>15</v>
      </c>
      <c r="AI19905">
        <v>15</v>
      </c>
      <c r="AJ19905">
        <v>15</v>
      </c>
      <c r="AK19905">
        <v>16</v>
      </c>
      <c r="AL19905">
        <v>16</v>
      </c>
      <c r="AM19905">
        <v>16</v>
      </c>
      <c r="AN19905">
        <v>16</v>
      </c>
      <c r="AO19905">
        <v>16</v>
      </c>
      <c r="AP19905">
        <v>16</v>
      </c>
      <c r="AQ19905">
        <v>16</v>
      </c>
    </row>
    <row r="19906" spans="1:43">
      <c r="A19906" t="s">
        <v>12328</v>
      </c>
      <c r="B19906" t="s">
        <v>12329</v>
      </c>
      <c r="C19906" t="s">
        <v>12322</v>
      </c>
      <c r="D19906" t="s">
        <v>12323</v>
      </c>
      <c r="E19906" t="s">
        <v>12188</v>
      </c>
      <c r="F19906" t="s">
        <v>12189</v>
      </c>
      <c r="G19906" t="s">
        <v>10450</v>
      </c>
      <c r="H19906" t="s">
        <v>10451</v>
      </c>
      <c r="I19906" s="2">
        <v>1</v>
      </c>
      <c r="J19906" s="2">
        <v>0</v>
      </c>
      <c r="K19906" s="2">
        <v>0</v>
      </c>
      <c r="L19906" t="s">
        <v>120</v>
      </c>
      <c r="M19906" t="s">
        <v>83</v>
      </c>
      <c r="N19906" t="s">
        <v>84</v>
      </c>
      <c r="O19906" t="s">
        <v>85</v>
      </c>
      <c r="P19906" t="s">
        <v>86</v>
      </c>
      <c r="Q19906">
        <v>13</v>
      </c>
      <c r="R19906">
        <v>13</v>
      </c>
      <c r="S19906">
        <v>14</v>
      </c>
      <c r="T19906">
        <v>14</v>
      </c>
      <c r="U19906">
        <v>14</v>
      </c>
      <c r="V19906">
        <v>14</v>
      </c>
      <c r="W19906">
        <v>15</v>
      </c>
      <c r="X19906">
        <v>15</v>
      </c>
      <c r="Y19906">
        <v>15</v>
      </c>
      <c r="Z19906">
        <v>15</v>
      </c>
      <c r="AA19906">
        <v>16</v>
      </c>
      <c r="AB19906">
        <v>16</v>
      </c>
      <c r="AC19906">
        <v>16</v>
      </c>
      <c r="AD19906">
        <v>16</v>
      </c>
      <c r="AE19906">
        <v>17</v>
      </c>
      <c r="AF19906">
        <v>17</v>
      </c>
      <c r="AG19906">
        <v>17</v>
      </c>
      <c r="AH19906">
        <v>17</v>
      </c>
      <c r="AI19906">
        <v>18</v>
      </c>
      <c r="AJ19906">
        <v>18</v>
      </c>
      <c r="AK19906">
        <v>18</v>
      </c>
      <c r="AL19906">
        <v>18</v>
      </c>
      <c r="AM19906">
        <v>19</v>
      </c>
      <c r="AN19906">
        <v>19</v>
      </c>
      <c r="AO19906">
        <v>19</v>
      </c>
      <c r="AP19906">
        <v>19</v>
      </c>
      <c r="AQ19906">
        <v>19</v>
      </c>
    </row>
    <row r="19907" spans="1:43">
      <c r="A19907" t="s">
        <v>12328</v>
      </c>
      <c r="B19907" t="s">
        <v>12329</v>
      </c>
      <c r="C19907" t="s">
        <v>12322</v>
      </c>
      <c r="D19907" t="s">
        <v>12323</v>
      </c>
      <c r="E19907" t="s">
        <v>12188</v>
      </c>
      <c r="F19907" t="s">
        <v>12189</v>
      </c>
      <c r="G19907" t="s">
        <v>10450</v>
      </c>
      <c r="H19907" t="s">
        <v>10451</v>
      </c>
      <c r="I19907" s="2">
        <v>1</v>
      </c>
      <c r="J19907" s="2">
        <v>0</v>
      </c>
      <c r="K19907" s="2">
        <v>0</v>
      </c>
      <c r="L19907" t="s">
        <v>120</v>
      </c>
      <c r="M19907" t="s">
        <v>87</v>
      </c>
      <c r="N19907" t="s">
        <v>88</v>
      </c>
      <c r="O19907" t="s">
        <v>85</v>
      </c>
      <c r="P19907" t="s">
        <v>86</v>
      </c>
      <c r="Q19907">
        <v>13</v>
      </c>
      <c r="R19907">
        <v>13</v>
      </c>
      <c r="S19907">
        <v>13</v>
      </c>
      <c r="T19907">
        <v>13</v>
      </c>
      <c r="U19907">
        <v>13</v>
      </c>
      <c r="V19907">
        <v>14</v>
      </c>
      <c r="W19907">
        <v>14</v>
      </c>
      <c r="X19907">
        <v>14</v>
      </c>
      <c r="Y19907">
        <v>14</v>
      </c>
      <c r="Z19907">
        <v>14</v>
      </c>
      <c r="AA19907">
        <v>14</v>
      </c>
      <c r="AB19907">
        <v>14</v>
      </c>
      <c r="AC19907">
        <v>14</v>
      </c>
      <c r="AD19907">
        <v>15</v>
      </c>
      <c r="AE19907">
        <v>15</v>
      </c>
      <c r="AF19907">
        <v>15</v>
      </c>
      <c r="AG19907">
        <v>15</v>
      </c>
      <c r="AH19907">
        <v>15</v>
      </c>
      <c r="AI19907">
        <v>15</v>
      </c>
      <c r="AJ19907">
        <v>15</v>
      </c>
      <c r="AK19907">
        <v>16</v>
      </c>
      <c r="AL19907">
        <v>16</v>
      </c>
      <c r="AM19907">
        <v>16</v>
      </c>
      <c r="AN19907">
        <v>16</v>
      </c>
      <c r="AO19907">
        <v>16</v>
      </c>
      <c r="AP19907">
        <v>16</v>
      </c>
      <c r="AQ19907">
        <v>17</v>
      </c>
    </row>
    <row r="19908" spans="1:43">
      <c r="A19908" t="s">
        <v>12328</v>
      </c>
      <c r="B19908" t="s">
        <v>12329</v>
      </c>
      <c r="C19908" t="s">
        <v>12322</v>
      </c>
      <c r="D19908" t="s">
        <v>12323</v>
      </c>
      <c r="E19908" t="s">
        <v>12188</v>
      </c>
      <c r="F19908" t="s">
        <v>12189</v>
      </c>
      <c r="G19908" t="s">
        <v>10450</v>
      </c>
      <c r="H19908" t="s">
        <v>10451</v>
      </c>
      <c r="I19908" s="2">
        <v>1</v>
      </c>
      <c r="J19908" s="2">
        <v>0</v>
      </c>
      <c r="K19908" s="2">
        <v>0</v>
      </c>
      <c r="L19908" t="s">
        <v>120</v>
      </c>
      <c r="M19908" t="s">
        <v>89</v>
      </c>
      <c r="N19908" t="s">
        <v>90</v>
      </c>
      <c r="O19908" t="s">
        <v>85</v>
      </c>
      <c r="P19908" t="s">
        <v>86</v>
      </c>
      <c r="Q19908">
        <v>13</v>
      </c>
      <c r="R19908">
        <v>13</v>
      </c>
      <c r="S19908">
        <v>14</v>
      </c>
      <c r="T19908">
        <v>14</v>
      </c>
      <c r="U19908">
        <v>15</v>
      </c>
      <c r="V19908">
        <v>15</v>
      </c>
      <c r="W19908">
        <v>15</v>
      </c>
      <c r="X19908">
        <v>16</v>
      </c>
      <c r="Y19908">
        <v>16</v>
      </c>
      <c r="Z19908">
        <v>16</v>
      </c>
      <c r="AA19908">
        <v>17</v>
      </c>
      <c r="AB19908">
        <v>17</v>
      </c>
      <c r="AC19908">
        <v>17</v>
      </c>
      <c r="AD19908">
        <v>18</v>
      </c>
      <c r="AE19908">
        <v>18</v>
      </c>
      <c r="AF19908">
        <v>18</v>
      </c>
      <c r="AG19908">
        <v>18</v>
      </c>
      <c r="AH19908">
        <v>18</v>
      </c>
      <c r="AI19908">
        <v>18</v>
      </c>
      <c r="AJ19908">
        <v>18</v>
      </c>
      <c r="AK19908">
        <v>19</v>
      </c>
      <c r="AL19908">
        <v>19</v>
      </c>
      <c r="AM19908">
        <v>19</v>
      </c>
      <c r="AN19908">
        <v>19</v>
      </c>
      <c r="AO19908">
        <v>19</v>
      </c>
      <c r="AP19908">
        <v>19</v>
      </c>
      <c r="AQ19908">
        <v>19</v>
      </c>
    </row>
    <row r="19909" spans="1:43">
      <c r="A19909" t="s">
        <v>12328</v>
      </c>
      <c r="B19909" t="s">
        <v>12329</v>
      </c>
      <c r="C19909" t="s">
        <v>12322</v>
      </c>
      <c r="D19909" t="s">
        <v>12323</v>
      </c>
      <c r="E19909" t="s">
        <v>12188</v>
      </c>
      <c r="F19909" t="s">
        <v>12189</v>
      </c>
      <c r="G19909" t="s">
        <v>10450</v>
      </c>
      <c r="H19909" t="s">
        <v>10451</v>
      </c>
      <c r="I19909" s="2">
        <v>1</v>
      </c>
      <c r="J19909" s="2">
        <v>0</v>
      </c>
      <c r="K19909" s="2">
        <v>0</v>
      </c>
      <c r="L19909" t="s">
        <v>120</v>
      </c>
      <c r="M19909" t="s">
        <v>83</v>
      </c>
      <c r="N19909" t="s">
        <v>91</v>
      </c>
      <c r="O19909" t="s">
        <v>85</v>
      </c>
      <c r="P19909" t="s">
        <v>86</v>
      </c>
      <c r="Q19909">
        <v>13</v>
      </c>
      <c r="R19909">
        <v>13</v>
      </c>
      <c r="S19909">
        <v>14</v>
      </c>
      <c r="T19909">
        <v>14</v>
      </c>
      <c r="U19909">
        <v>14</v>
      </c>
      <c r="V19909">
        <v>14</v>
      </c>
      <c r="W19909">
        <v>15</v>
      </c>
      <c r="X19909">
        <v>15</v>
      </c>
      <c r="Y19909">
        <v>15</v>
      </c>
      <c r="Z19909">
        <v>15</v>
      </c>
      <c r="AA19909">
        <v>16</v>
      </c>
      <c r="AB19909">
        <v>16</v>
      </c>
      <c r="AC19909">
        <v>16</v>
      </c>
      <c r="AD19909">
        <v>16</v>
      </c>
      <c r="AE19909">
        <v>17</v>
      </c>
      <c r="AF19909">
        <v>17</v>
      </c>
      <c r="AG19909">
        <v>17</v>
      </c>
      <c r="AH19909">
        <v>17</v>
      </c>
      <c r="AI19909">
        <v>18</v>
      </c>
      <c r="AJ19909">
        <v>18</v>
      </c>
      <c r="AK19909">
        <v>18</v>
      </c>
      <c r="AL19909">
        <v>18</v>
      </c>
      <c r="AM19909">
        <v>19</v>
      </c>
      <c r="AN19909">
        <v>19</v>
      </c>
      <c r="AO19909">
        <v>19</v>
      </c>
      <c r="AP19909">
        <v>19</v>
      </c>
      <c r="AQ19909">
        <v>19</v>
      </c>
    </row>
    <row r="19910" spans="1:43">
      <c r="A19910" t="s">
        <v>12330</v>
      </c>
      <c r="B19910" t="s">
        <v>12331</v>
      </c>
      <c r="C19910" t="s">
        <v>12332</v>
      </c>
      <c r="D19910" t="s">
        <v>12333</v>
      </c>
      <c r="E19910" t="s">
        <v>12188</v>
      </c>
      <c r="F19910" t="s">
        <v>12189</v>
      </c>
      <c r="G19910" t="s">
        <v>10450</v>
      </c>
      <c r="H19910" t="s">
        <v>10451</v>
      </c>
      <c r="I19910" s="2">
        <v>1</v>
      </c>
      <c r="J19910" s="2">
        <v>0</v>
      </c>
      <c r="K19910" s="2">
        <v>0</v>
      </c>
      <c r="L19910" t="s">
        <v>120</v>
      </c>
      <c r="M19910" t="s">
        <v>83</v>
      </c>
      <c r="N19910" t="s">
        <v>84</v>
      </c>
      <c r="O19910" t="s">
        <v>85</v>
      </c>
      <c r="P19910" t="s">
        <v>86</v>
      </c>
      <c r="Q19910">
        <v>7</v>
      </c>
      <c r="R19910">
        <v>7</v>
      </c>
      <c r="S19910">
        <v>7</v>
      </c>
      <c r="T19910">
        <v>8</v>
      </c>
      <c r="U19910">
        <v>8</v>
      </c>
      <c r="V19910">
        <v>8</v>
      </c>
      <c r="W19910">
        <v>8</v>
      </c>
      <c r="X19910">
        <v>8</v>
      </c>
      <c r="Y19910">
        <v>8</v>
      </c>
      <c r="Z19910">
        <v>8</v>
      </c>
      <c r="AA19910">
        <v>8</v>
      </c>
      <c r="AB19910">
        <v>9</v>
      </c>
      <c r="AC19910">
        <v>9</v>
      </c>
      <c r="AD19910">
        <v>9</v>
      </c>
      <c r="AE19910">
        <v>9</v>
      </c>
      <c r="AF19910">
        <v>9</v>
      </c>
      <c r="AG19910">
        <v>9</v>
      </c>
      <c r="AH19910">
        <v>9</v>
      </c>
      <c r="AI19910">
        <v>10</v>
      </c>
      <c r="AJ19910">
        <v>10</v>
      </c>
      <c r="AK19910">
        <v>10</v>
      </c>
      <c r="AL19910">
        <v>10</v>
      </c>
      <c r="AM19910">
        <v>10</v>
      </c>
      <c r="AN19910">
        <v>10</v>
      </c>
      <c r="AO19910">
        <v>10</v>
      </c>
      <c r="AP19910">
        <v>10</v>
      </c>
      <c r="AQ19910">
        <v>10</v>
      </c>
    </row>
    <row r="19911" spans="1:43">
      <c r="A19911" t="s">
        <v>12330</v>
      </c>
      <c r="B19911" t="s">
        <v>12331</v>
      </c>
      <c r="C19911" t="s">
        <v>12332</v>
      </c>
      <c r="D19911" t="s">
        <v>12333</v>
      </c>
      <c r="E19911" t="s">
        <v>12188</v>
      </c>
      <c r="F19911" t="s">
        <v>12189</v>
      </c>
      <c r="G19911" t="s">
        <v>10450</v>
      </c>
      <c r="H19911" t="s">
        <v>10451</v>
      </c>
      <c r="I19911" s="2">
        <v>1</v>
      </c>
      <c r="J19911" s="2">
        <v>0</v>
      </c>
      <c r="K19911" s="2">
        <v>0</v>
      </c>
      <c r="L19911" t="s">
        <v>120</v>
      </c>
      <c r="M19911" t="s">
        <v>87</v>
      </c>
      <c r="N19911" t="s">
        <v>88</v>
      </c>
      <c r="O19911" t="s">
        <v>85</v>
      </c>
      <c r="P19911" t="s">
        <v>86</v>
      </c>
      <c r="Q19911">
        <v>7</v>
      </c>
      <c r="R19911">
        <v>7</v>
      </c>
      <c r="S19911">
        <v>7</v>
      </c>
      <c r="T19911">
        <v>7</v>
      </c>
      <c r="U19911">
        <v>7</v>
      </c>
      <c r="V19911">
        <v>7</v>
      </c>
      <c r="W19911">
        <v>7</v>
      </c>
      <c r="X19911">
        <v>8</v>
      </c>
      <c r="Y19911">
        <v>8</v>
      </c>
      <c r="Z19911">
        <v>8</v>
      </c>
      <c r="AA19911">
        <v>8</v>
      </c>
      <c r="AB19911">
        <v>8</v>
      </c>
      <c r="AC19911">
        <v>8</v>
      </c>
      <c r="AD19911">
        <v>8</v>
      </c>
      <c r="AE19911">
        <v>8</v>
      </c>
      <c r="AF19911">
        <v>8</v>
      </c>
      <c r="AG19911">
        <v>8</v>
      </c>
      <c r="AH19911">
        <v>8</v>
      </c>
      <c r="AI19911">
        <v>8</v>
      </c>
      <c r="AJ19911">
        <v>8</v>
      </c>
      <c r="AK19911">
        <v>9</v>
      </c>
      <c r="AL19911">
        <v>9</v>
      </c>
      <c r="AM19911">
        <v>9</v>
      </c>
      <c r="AN19911">
        <v>9</v>
      </c>
      <c r="AO19911">
        <v>9</v>
      </c>
      <c r="AP19911">
        <v>9</v>
      </c>
      <c r="AQ19911">
        <v>9</v>
      </c>
    </row>
    <row r="19912" spans="1:43">
      <c r="A19912" t="s">
        <v>12330</v>
      </c>
      <c r="B19912" t="s">
        <v>12331</v>
      </c>
      <c r="C19912" t="s">
        <v>12332</v>
      </c>
      <c r="D19912" t="s">
        <v>12333</v>
      </c>
      <c r="E19912" t="s">
        <v>12188</v>
      </c>
      <c r="F19912" t="s">
        <v>12189</v>
      </c>
      <c r="G19912" t="s">
        <v>10450</v>
      </c>
      <c r="H19912" t="s">
        <v>10451</v>
      </c>
      <c r="I19912" s="2">
        <v>1</v>
      </c>
      <c r="J19912" s="2">
        <v>0</v>
      </c>
      <c r="K19912" s="2">
        <v>0</v>
      </c>
      <c r="L19912" t="s">
        <v>120</v>
      </c>
      <c r="M19912" t="s">
        <v>89</v>
      </c>
      <c r="N19912" t="s">
        <v>90</v>
      </c>
      <c r="O19912" t="s">
        <v>85</v>
      </c>
      <c r="P19912" t="s">
        <v>86</v>
      </c>
      <c r="Q19912">
        <v>7</v>
      </c>
      <c r="R19912">
        <v>7</v>
      </c>
      <c r="S19912">
        <v>8</v>
      </c>
      <c r="T19912">
        <v>8</v>
      </c>
      <c r="U19912">
        <v>8</v>
      </c>
      <c r="V19912">
        <v>8</v>
      </c>
      <c r="W19912">
        <v>8</v>
      </c>
      <c r="X19912">
        <v>8</v>
      </c>
      <c r="Y19912">
        <v>9</v>
      </c>
      <c r="Z19912">
        <v>9</v>
      </c>
      <c r="AA19912">
        <v>9</v>
      </c>
      <c r="AB19912">
        <v>9</v>
      </c>
      <c r="AC19912">
        <v>9</v>
      </c>
      <c r="AD19912">
        <v>10</v>
      </c>
      <c r="AE19912">
        <v>10</v>
      </c>
      <c r="AF19912">
        <v>10</v>
      </c>
      <c r="AG19912">
        <v>10</v>
      </c>
      <c r="AH19912">
        <v>10</v>
      </c>
      <c r="AI19912">
        <v>10</v>
      </c>
      <c r="AJ19912">
        <v>10</v>
      </c>
      <c r="AK19912">
        <v>10</v>
      </c>
      <c r="AL19912">
        <v>10</v>
      </c>
      <c r="AM19912">
        <v>10</v>
      </c>
      <c r="AN19912">
        <v>10</v>
      </c>
      <c r="AO19912">
        <v>10</v>
      </c>
      <c r="AP19912">
        <v>10</v>
      </c>
      <c r="AQ19912">
        <v>10</v>
      </c>
    </row>
    <row r="19913" spans="1:43">
      <c r="A19913" t="s">
        <v>12330</v>
      </c>
      <c r="B19913" t="s">
        <v>12331</v>
      </c>
      <c r="C19913" t="s">
        <v>12332</v>
      </c>
      <c r="D19913" t="s">
        <v>12333</v>
      </c>
      <c r="E19913" t="s">
        <v>12188</v>
      </c>
      <c r="F19913" t="s">
        <v>12189</v>
      </c>
      <c r="G19913" t="s">
        <v>10450</v>
      </c>
      <c r="H19913" t="s">
        <v>10451</v>
      </c>
      <c r="I19913" s="2">
        <v>1</v>
      </c>
      <c r="J19913" s="2">
        <v>0</v>
      </c>
      <c r="K19913" s="2">
        <v>0</v>
      </c>
      <c r="L19913" t="s">
        <v>120</v>
      </c>
      <c r="M19913" t="s">
        <v>83</v>
      </c>
      <c r="N19913" t="s">
        <v>91</v>
      </c>
      <c r="O19913" t="s">
        <v>85</v>
      </c>
      <c r="P19913" t="s">
        <v>86</v>
      </c>
      <c r="Q19913">
        <v>7</v>
      </c>
      <c r="R19913">
        <v>7</v>
      </c>
      <c r="S19913">
        <v>7</v>
      </c>
      <c r="T19913">
        <v>8</v>
      </c>
      <c r="U19913">
        <v>8</v>
      </c>
      <c r="V19913">
        <v>8</v>
      </c>
      <c r="W19913">
        <v>8</v>
      </c>
      <c r="X19913">
        <v>8</v>
      </c>
      <c r="Y19913">
        <v>8</v>
      </c>
      <c r="Z19913">
        <v>8</v>
      </c>
      <c r="AA19913">
        <v>8</v>
      </c>
      <c r="AB19913">
        <v>9</v>
      </c>
      <c r="AC19913">
        <v>9</v>
      </c>
      <c r="AD19913">
        <v>9</v>
      </c>
      <c r="AE19913">
        <v>9</v>
      </c>
      <c r="AF19913">
        <v>9</v>
      </c>
      <c r="AG19913">
        <v>9</v>
      </c>
      <c r="AH19913">
        <v>9</v>
      </c>
      <c r="AI19913">
        <v>10</v>
      </c>
      <c r="AJ19913">
        <v>10</v>
      </c>
      <c r="AK19913">
        <v>10</v>
      </c>
      <c r="AL19913">
        <v>10</v>
      </c>
      <c r="AM19913">
        <v>10</v>
      </c>
      <c r="AN19913">
        <v>10</v>
      </c>
      <c r="AO19913">
        <v>10</v>
      </c>
      <c r="AP19913">
        <v>10</v>
      </c>
      <c r="AQ19913">
        <v>10</v>
      </c>
    </row>
    <row r="19914" spans="1:43">
      <c r="A19914" t="s">
        <v>12334</v>
      </c>
      <c r="B19914" t="s">
        <v>12335</v>
      </c>
      <c r="C19914" t="s">
        <v>12332</v>
      </c>
      <c r="D19914" t="s">
        <v>12333</v>
      </c>
      <c r="E19914" t="s">
        <v>12188</v>
      </c>
      <c r="F19914" t="s">
        <v>12189</v>
      </c>
      <c r="G19914" t="s">
        <v>10450</v>
      </c>
      <c r="H19914" t="s">
        <v>10451</v>
      </c>
      <c r="I19914" s="2">
        <v>1</v>
      </c>
      <c r="J19914" s="2">
        <v>0</v>
      </c>
      <c r="K19914" s="2">
        <v>0</v>
      </c>
      <c r="L19914" t="s">
        <v>120</v>
      </c>
      <c r="M19914" t="s">
        <v>83</v>
      </c>
      <c r="N19914" t="s">
        <v>84</v>
      </c>
      <c r="O19914" t="s">
        <v>85</v>
      </c>
      <c r="P19914" t="s">
        <v>86</v>
      </c>
      <c r="Q19914">
        <v>10</v>
      </c>
      <c r="R19914">
        <v>11</v>
      </c>
      <c r="S19914">
        <v>11</v>
      </c>
      <c r="T19914">
        <v>11</v>
      </c>
      <c r="U19914">
        <v>11</v>
      </c>
      <c r="V19914">
        <v>12</v>
      </c>
      <c r="W19914">
        <v>12</v>
      </c>
      <c r="X19914">
        <v>12</v>
      </c>
      <c r="Y19914">
        <v>12</v>
      </c>
      <c r="Z19914">
        <v>12</v>
      </c>
      <c r="AA19914">
        <v>13</v>
      </c>
      <c r="AB19914">
        <v>13</v>
      </c>
      <c r="AC19914">
        <v>13</v>
      </c>
      <c r="AD19914">
        <v>13</v>
      </c>
      <c r="AE19914">
        <v>13</v>
      </c>
      <c r="AF19914">
        <v>14</v>
      </c>
      <c r="AG19914">
        <v>14</v>
      </c>
      <c r="AH19914">
        <v>14</v>
      </c>
      <c r="AI19914">
        <v>14</v>
      </c>
      <c r="AJ19914">
        <v>14</v>
      </c>
      <c r="AK19914">
        <v>15</v>
      </c>
      <c r="AL19914">
        <v>15</v>
      </c>
      <c r="AM19914">
        <v>15</v>
      </c>
      <c r="AN19914">
        <v>15</v>
      </c>
      <c r="AO19914">
        <v>15</v>
      </c>
      <c r="AP19914">
        <v>15</v>
      </c>
      <c r="AQ19914">
        <v>15</v>
      </c>
    </row>
    <row r="19915" spans="1:43">
      <c r="A19915" t="s">
        <v>12334</v>
      </c>
      <c r="B19915" t="s">
        <v>12335</v>
      </c>
      <c r="C19915" t="s">
        <v>12332</v>
      </c>
      <c r="D19915" t="s">
        <v>12333</v>
      </c>
      <c r="E19915" t="s">
        <v>12188</v>
      </c>
      <c r="F19915" t="s">
        <v>12189</v>
      </c>
      <c r="G19915" t="s">
        <v>10450</v>
      </c>
      <c r="H19915" t="s">
        <v>10451</v>
      </c>
      <c r="I19915" s="2">
        <v>1</v>
      </c>
      <c r="J19915" s="2">
        <v>0</v>
      </c>
      <c r="K19915" s="2">
        <v>0</v>
      </c>
      <c r="L19915" t="s">
        <v>120</v>
      </c>
      <c r="M19915" t="s">
        <v>87</v>
      </c>
      <c r="N19915" t="s">
        <v>88</v>
      </c>
      <c r="O19915" t="s">
        <v>85</v>
      </c>
      <c r="P19915" t="s">
        <v>86</v>
      </c>
      <c r="Q19915">
        <v>10</v>
      </c>
      <c r="R19915">
        <v>11</v>
      </c>
      <c r="S19915">
        <v>11</v>
      </c>
      <c r="T19915">
        <v>11</v>
      </c>
      <c r="U19915">
        <v>11</v>
      </c>
      <c r="V19915">
        <v>11</v>
      </c>
      <c r="W19915">
        <v>11</v>
      </c>
      <c r="X19915">
        <v>11</v>
      </c>
      <c r="Y19915">
        <v>11</v>
      </c>
      <c r="Z19915">
        <v>11</v>
      </c>
      <c r="AA19915">
        <v>11</v>
      </c>
      <c r="AB19915">
        <v>12</v>
      </c>
      <c r="AC19915">
        <v>12</v>
      </c>
      <c r="AD19915">
        <v>12</v>
      </c>
      <c r="AE19915">
        <v>12</v>
      </c>
      <c r="AF19915">
        <v>12</v>
      </c>
      <c r="AG19915">
        <v>12</v>
      </c>
      <c r="AH19915">
        <v>12</v>
      </c>
      <c r="AI19915">
        <v>12</v>
      </c>
      <c r="AJ19915">
        <v>12</v>
      </c>
      <c r="AK19915">
        <v>13</v>
      </c>
      <c r="AL19915">
        <v>13</v>
      </c>
      <c r="AM19915">
        <v>13</v>
      </c>
      <c r="AN19915">
        <v>13</v>
      </c>
      <c r="AO19915">
        <v>13</v>
      </c>
      <c r="AP19915">
        <v>13</v>
      </c>
      <c r="AQ19915">
        <v>13</v>
      </c>
    </row>
    <row r="19916" spans="1:43">
      <c r="A19916" t="s">
        <v>12334</v>
      </c>
      <c r="B19916" t="s">
        <v>12335</v>
      </c>
      <c r="C19916" t="s">
        <v>12332</v>
      </c>
      <c r="D19916" t="s">
        <v>12333</v>
      </c>
      <c r="E19916" t="s">
        <v>12188</v>
      </c>
      <c r="F19916" t="s">
        <v>12189</v>
      </c>
      <c r="G19916" t="s">
        <v>10450</v>
      </c>
      <c r="H19916" t="s">
        <v>10451</v>
      </c>
      <c r="I19916" s="2">
        <v>1</v>
      </c>
      <c r="J19916" s="2">
        <v>0</v>
      </c>
      <c r="K19916" s="2">
        <v>0</v>
      </c>
      <c r="L19916" t="s">
        <v>120</v>
      </c>
      <c r="M19916" t="s">
        <v>89</v>
      </c>
      <c r="N19916" t="s">
        <v>90</v>
      </c>
      <c r="O19916" t="s">
        <v>85</v>
      </c>
      <c r="P19916" t="s">
        <v>86</v>
      </c>
      <c r="Q19916">
        <v>10</v>
      </c>
      <c r="R19916">
        <v>10</v>
      </c>
      <c r="S19916">
        <v>10</v>
      </c>
      <c r="T19916">
        <v>10</v>
      </c>
      <c r="U19916">
        <v>11</v>
      </c>
      <c r="V19916">
        <v>11</v>
      </c>
      <c r="W19916">
        <v>11</v>
      </c>
      <c r="X19916">
        <v>12</v>
      </c>
      <c r="Y19916">
        <v>12</v>
      </c>
      <c r="Z19916">
        <v>12</v>
      </c>
      <c r="AA19916">
        <v>12</v>
      </c>
      <c r="AB19916">
        <v>13</v>
      </c>
      <c r="AC19916">
        <v>13</v>
      </c>
      <c r="AD19916">
        <v>13</v>
      </c>
      <c r="AE19916">
        <v>13</v>
      </c>
      <c r="AF19916">
        <v>13</v>
      </c>
      <c r="AG19916">
        <v>13</v>
      </c>
      <c r="AH19916">
        <v>14</v>
      </c>
      <c r="AI19916">
        <v>14</v>
      </c>
      <c r="AJ19916">
        <v>14</v>
      </c>
      <c r="AK19916">
        <v>14</v>
      </c>
      <c r="AL19916">
        <v>14</v>
      </c>
      <c r="AM19916">
        <v>14</v>
      </c>
      <c r="AN19916">
        <v>14</v>
      </c>
      <c r="AO19916">
        <v>14</v>
      </c>
      <c r="AP19916">
        <v>14</v>
      </c>
      <c r="AQ19916">
        <v>15</v>
      </c>
    </row>
    <row r="19917" spans="1:43">
      <c r="A19917" t="s">
        <v>12334</v>
      </c>
      <c r="B19917" t="s">
        <v>12335</v>
      </c>
      <c r="C19917" t="s">
        <v>12332</v>
      </c>
      <c r="D19917" t="s">
        <v>12333</v>
      </c>
      <c r="E19917" t="s">
        <v>12188</v>
      </c>
      <c r="F19917" t="s">
        <v>12189</v>
      </c>
      <c r="G19917" t="s">
        <v>10450</v>
      </c>
      <c r="H19917" t="s">
        <v>10451</v>
      </c>
      <c r="I19917" s="2">
        <v>1</v>
      </c>
      <c r="J19917" s="2">
        <v>0</v>
      </c>
      <c r="K19917" s="2">
        <v>0</v>
      </c>
      <c r="L19917" t="s">
        <v>120</v>
      </c>
      <c r="M19917" t="s">
        <v>83</v>
      </c>
      <c r="N19917" t="s">
        <v>91</v>
      </c>
      <c r="O19917" t="s">
        <v>85</v>
      </c>
      <c r="P19917" t="s">
        <v>86</v>
      </c>
      <c r="Q19917">
        <v>10</v>
      </c>
      <c r="R19917">
        <v>11</v>
      </c>
      <c r="S19917">
        <v>11</v>
      </c>
      <c r="T19917">
        <v>11</v>
      </c>
      <c r="U19917">
        <v>11</v>
      </c>
      <c r="V19917">
        <v>12</v>
      </c>
      <c r="W19917">
        <v>12</v>
      </c>
      <c r="X19917">
        <v>12</v>
      </c>
      <c r="Y19917">
        <v>12</v>
      </c>
      <c r="Z19917">
        <v>12</v>
      </c>
      <c r="AA19917">
        <v>13</v>
      </c>
      <c r="AB19917">
        <v>13</v>
      </c>
      <c r="AC19917">
        <v>13</v>
      </c>
      <c r="AD19917">
        <v>13</v>
      </c>
      <c r="AE19917">
        <v>13</v>
      </c>
      <c r="AF19917">
        <v>14</v>
      </c>
      <c r="AG19917">
        <v>14</v>
      </c>
      <c r="AH19917">
        <v>14</v>
      </c>
      <c r="AI19917">
        <v>14</v>
      </c>
      <c r="AJ19917">
        <v>14</v>
      </c>
      <c r="AK19917">
        <v>15</v>
      </c>
      <c r="AL19917">
        <v>15</v>
      </c>
      <c r="AM19917">
        <v>15</v>
      </c>
      <c r="AN19917">
        <v>15</v>
      </c>
      <c r="AO19917">
        <v>15</v>
      </c>
      <c r="AP19917">
        <v>15</v>
      </c>
      <c r="AQ19917">
        <v>15</v>
      </c>
    </row>
    <row r="19918" spans="1:43">
      <c r="A19918" t="s">
        <v>12336</v>
      </c>
      <c r="B19918" t="s">
        <v>12337</v>
      </c>
      <c r="C19918" t="s">
        <v>12332</v>
      </c>
      <c r="D19918" t="s">
        <v>12333</v>
      </c>
      <c r="E19918" t="s">
        <v>12188</v>
      </c>
      <c r="F19918" t="s">
        <v>12189</v>
      </c>
      <c r="G19918" t="s">
        <v>10450</v>
      </c>
      <c r="H19918" t="s">
        <v>10451</v>
      </c>
      <c r="I19918" s="2">
        <v>1</v>
      </c>
      <c r="J19918" s="2">
        <v>0</v>
      </c>
      <c r="K19918" s="2">
        <v>0</v>
      </c>
      <c r="L19918" t="s">
        <v>120</v>
      </c>
      <c r="M19918" t="s">
        <v>83</v>
      </c>
      <c r="N19918" t="s">
        <v>84</v>
      </c>
      <c r="O19918" t="s">
        <v>85</v>
      </c>
      <c r="P19918" t="s">
        <v>86</v>
      </c>
      <c r="Q19918">
        <v>56</v>
      </c>
      <c r="R19918">
        <v>57</v>
      </c>
      <c r="S19918">
        <v>58</v>
      </c>
      <c r="T19918">
        <v>59</v>
      </c>
      <c r="U19918">
        <v>61</v>
      </c>
      <c r="V19918">
        <v>62</v>
      </c>
      <c r="W19918">
        <v>63</v>
      </c>
      <c r="X19918">
        <v>64</v>
      </c>
      <c r="Y19918">
        <v>65</v>
      </c>
      <c r="Z19918">
        <v>66</v>
      </c>
      <c r="AA19918">
        <v>67</v>
      </c>
      <c r="AB19918">
        <v>68</v>
      </c>
      <c r="AC19918">
        <v>69</v>
      </c>
      <c r="AD19918">
        <v>70</v>
      </c>
      <c r="AE19918">
        <v>72</v>
      </c>
      <c r="AF19918">
        <v>73</v>
      </c>
      <c r="AG19918">
        <v>74</v>
      </c>
      <c r="AH19918">
        <v>75</v>
      </c>
      <c r="AI19918">
        <v>76</v>
      </c>
      <c r="AJ19918">
        <v>77</v>
      </c>
      <c r="AK19918">
        <v>79</v>
      </c>
      <c r="AL19918">
        <v>79</v>
      </c>
      <c r="AM19918">
        <v>80</v>
      </c>
      <c r="AN19918">
        <v>80</v>
      </c>
      <c r="AO19918">
        <v>81</v>
      </c>
      <c r="AP19918">
        <v>82</v>
      </c>
      <c r="AQ19918">
        <v>82</v>
      </c>
    </row>
    <row r="19919" spans="1:43">
      <c r="A19919" t="s">
        <v>12336</v>
      </c>
      <c r="B19919" t="s">
        <v>12337</v>
      </c>
      <c r="C19919" t="s">
        <v>12332</v>
      </c>
      <c r="D19919" t="s">
        <v>12333</v>
      </c>
      <c r="E19919" t="s">
        <v>12188</v>
      </c>
      <c r="F19919" t="s">
        <v>12189</v>
      </c>
      <c r="G19919" t="s">
        <v>10450</v>
      </c>
      <c r="H19919" t="s">
        <v>10451</v>
      </c>
      <c r="I19919" s="2">
        <v>1</v>
      </c>
      <c r="J19919" s="2">
        <v>0</v>
      </c>
      <c r="K19919" s="2">
        <v>0</v>
      </c>
      <c r="L19919" t="s">
        <v>120</v>
      </c>
      <c r="M19919" t="s">
        <v>87</v>
      </c>
      <c r="N19919" t="s">
        <v>88</v>
      </c>
      <c r="O19919" t="s">
        <v>85</v>
      </c>
      <c r="P19919" t="s">
        <v>86</v>
      </c>
      <c r="Q19919">
        <v>56</v>
      </c>
      <c r="R19919">
        <v>56</v>
      </c>
      <c r="S19919">
        <v>57</v>
      </c>
      <c r="T19919">
        <v>57</v>
      </c>
      <c r="U19919">
        <v>58</v>
      </c>
      <c r="V19919">
        <v>58</v>
      </c>
      <c r="W19919">
        <v>59</v>
      </c>
      <c r="X19919">
        <v>59</v>
      </c>
      <c r="Y19919">
        <v>60</v>
      </c>
      <c r="Z19919">
        <v>61</v>
      </c>
      <c r="AA19919">
        <v>61</v>
      </c>
      <c r="AB19919">
        <v>62</v>
      </c>
      <c r="AC19919">
        <v>62</v>
      </c>
      <c r="AD19919">
        <v>63</v>
      </c>
      <c r="AE19919">
        <v>63</v>
      </c>
      <c r="AF19919">
        <v>64</v>
      </c>
      <c r="AG19919">
        <v>65</v>
      </c>
      <c r="AH19919">
        <v>65</v>
      </c>
      <c r="AI19919">
        <v>66</v>
      </c>
      <c r="AJ19919">
        <v>67</v>
      </c>
      <c r="AK19919">
        <v>67</v>
      </c>
      <c r="AL19919">
        <v>68</v>
      </c>
      <c r="AM19919">
        <v>69</v>
      </c>
      <c r="AN19919">
        <v>69</v>
      </c>
      <c r="AO19919">
        <v>70</v>
      </c>
      <c r="AP19919">
        <v>71</v>
      </c>
      <c r="AQ19919">
        <v>71</v>
      </c>
    </row>
    <row r="19920" spans="1:43">
      <c r="A19920" t="s">
        <v>12336</v>
      </c>
      <c r="B19920" t="s">
        <v>12337</v>
      </c>
      <c r="C19920" t="s">
        <v>12332</v>
      </c>
      <c r="D19920" t="s">
        <v>12333</v>
      </c>
      <c r="E19920" t="s">
        <v>12188</v>
      </c>
      <c r="F19920" t="s">
        <v>12189</v>
      </c>
      <c r="G19920" t="s">
        <v>10450</v>
      </c>
      <c r="H19920" t="s">
        <v>10451</v>
      </c>
      <c r="I19920" s="2">
        <v>1</v>
      </c>
      <c r="J19920" s="2">
        <v>0</v>
      </c>
      <c r="K19920" s="2">
        <v>0</v>
      </c>
      <c r="L19920" t="s">
        <v>120</v>
      </c>
      <c r="M19920" t="s">
        <v>89</v>
      </c>
      <c r="N19920" t="s">
        <v>90</v>
      </c>
      <c r="O19920" t="s">
        <v>85</v>
      </c>
      <c r="P19920" t="s">
        <v>86</v>
      </c>
      <c r="Q19920">
        <v>56</v>
      </c>
      <c r="R19920">
        <v>57</v>
      </c>
      <c r="S19920">
        <v>59</v>
      </c>
      <c r="T19920">
        <v>60</v>
      </c>
      <c r="U19920">
        <v>62</v>
      </c>
      <c r="V19920">
        <v>63</v>
      </c>
      <c r="W19920">
        <v>65</v>
      </c>
      <c r="X19920">
        <v>66</v>
      </c>
      <c r="Y19920">
        <v>68</v>
      </c>
      <c r="Z19920">
        <v>69</v>
      </c>
      <c r="AA19920">
        <v>70</v>
      </c>
      <c r="AB19920">
        <v>72</v>
      </c>
      <c r="AC19920">
        <v>73</v>
      </c>
      <c r="AD19920">
        <v>75</v>
      </c>
      <c r="AE19920">
        <v>76</v>
      </c>
      <c r="AF19920">
        <v>76</v>
      </c>
      <c r="AG19920">
        <v>77</v>
      </c>
      <c r="AH19920">
        <v>77</v>
      </c>
      <c r="AI19920">
        <v>78</v>
      </c>
      <c r="AJ19920">
        <v>78</v>
      </c>
      <c r="AK19920">
        <v>79</v>
      </c>
      <c r="AL19920">
        <v>79</v>
      </c>
      <c r="AM19920">
        <v>80</v>
      </c>
      <c r="AN19920">
        <v>80</v>
      </c>
      <c r="AO19920">
        <v>81</v>
      </c>
      <c r="AP19920">
        <v>81</v>
      </c>
      <c r="AQ19920">
        <v>82</v>
      </c>
    </row>
    <row r="19921" spans="1:43">
      <c r="A19921" t="s">
        <v>12336</v>
      </c>
      <c r="B19921" t="s">
        <v>12337</v>
      </c>
      <c r="C19921" t="s">
        <v>12332</v>
      </c>
      <c r="D19921" t="s">
        <v>12333</v>
      </c>
      <c r="E19921" t="s">
        <v>12188</v>
      </c>
      <c r="F19921" t="s">
        <v>12189</v>
      </c>
      <c r="G19921" t="s">
        <v>10450</v>
      </c>
      <c r="H19921" t="s">
        <v>10451</v>
      </c>
      <c r="I19921" s="2">
        <v>1</v>
      </c>
      <c r="J19921" s="2">
        <v>0</v>
      </c>
      <c r="K19921" s="2">
        <v>0</v>
      </c>
      <c r="L19921" t="s">
        <v>120</v>
      </c>
      <c r="M19921" t="s">
        <v>83</v>
      </c>
      <c r="N19921" t="s">
        <v>91</v>
      </c>
      <c r="O19921" t="s">
        <v>85</v>
      </c>
      <c r="P19921" t="s">
        <v>86</v>
      </c>
      <c r="Q19921">
        <v>56</v>
      </c>
      <c r="R19921">
        <v>57</v>
      </c>
      <c r="S19921">
        <v>58</v>
      </c>
      <c r="T19921">
        <v>59</v>
      </c>
      <c r="U19921">
        <v>61</v>
      </c>
      <c r="V19921">
        <v>62</v>
      </c>
      <c r="W19921">
        <v>63</v>
      </c>
      <c r="X19921">
        <v>64</v>
      </c>
      <c r="Y19921">
        <v>65</v>
      </c>
      <c r="Z19921">
        <v>66</v>
      </c>
      <c r="AA19921">
        <v>67</v>
      </c>
      <c r="AB19921">
        <v>68</v>
      </c>
      <c r="AC19921">
        <v>69</v>
      </c>
      <c r="AD19921">
        <v>70</v>
      </c>
      <c r="AE19921">
        <v>72</v>
      </c>
      <c r="AF19921">
        <v>73</v>
      </c>
      <c r="AG19921">
        <v>74</v>
      </c>
      <c r="AH19921">
        <v>75</v>
      </c>
      <c r="AI19921">
        <v>76</v>
      </c>
      <c r="AJ19921">
        <v>77</v>
      </c>
      <c r="AK19921">
        <v>79</v>
      </c>
      <c r="AL19921">
        <v>79</v>
      </c>
      <c r="AM19921">
        <v>80</v>
      </c>
      <c r="AN19921">
        <v>80</v>
      </c>
      <c r="AO19921">
        <v>81</v>
      </c>
      <c r="AP19921">
        <v>82</v>
      </c>
      <c r="AQ19921">
        <v>82</v>
      </c>
    </row>
    <row r="19922" spans="1:43">
      <c r="A19922" t="s">
        <v>12338</v>
      </c>
      <c r="B19922" t="s">
        <v>12339</v>
      </c>
      <c r="C19922" t="s">
        <v>12332</v>
      </c>
      <c r="D19922" t="s">
        <v>12333</v>
      </c>
      <c r="E19922" t="s">
        <v>12188</v>
      </c>
      <c r="F19922" t="s">
        <v>12189</v>
      </c>
      <c r="G19922" t="s">
        <v>10450</v>
      </c>
      <c r="H19922" t="s">
        <v>10451</v>
      </c>
      <c r="I19922" s="2">
        <v>1</v>
      </c>
      <c r="J19922" s="2">
        <v>0</v>
      </c>
      <c r="K19922" s="2">
        <v>0</v>
      </c>
      <c r="L19922" t="s">
        <v>120</v>
      </c>
      <c r="M19922" t="s">
        <v>83</v>
      </c>
      <c r="N19922" t="s">
        <v>84</v>
      </c>
      <c r="O19922" t="s">
        <v>85</v>
      </c>
      <c r="P19922" t="s">
        <v>86</v>
      </c>
      <c r="Q19922">
        <v>20</v>
      </c>
      <c r="R19922">
        <v>20</v>
      </c>
      <c r="S19922">
        <v>20</v>
      </c>
      <c r="T19922">
        <v>21</v>
      </c>
      <c r="U19922">
        <v>21</v>
      </c>
      <c r="V19922">
        <v>22</v>
      </c>
      <c r="W19922">
        <v>22</v>
      </c>
      <c r="X19922">
        <v>22</v>
      </c>
      <c r="Y19922">
        <v>23</v>
      </c>
      <c r="Z19922">
        <v>23</v>
      </c>
      <c r="AA19922">
        <v>23</v>
      </c>
      <c r="AB19922">
        <v>24</v>
      </c>
      <c r="AC19922">
        <v>24</v>
      </c>
      <c r="AD19922">
        <v>25</v>
      </c>
      <c r="AE19922">
        <v>25</v>
      </c>
      <c r="AF19922">
        <v>25</v>
      </c>
      <c r="AG19922">
        <v>26</v>
      </c>
      <c r="AH19922">
        <v>26</v>
      </c>
      <c r="AI19922">
        <v>27</v>
      </c>
      <c r="AJ19922">
        <v>27</v>
      </c>
      <c r="AK19922">
        <v>28</v>
      </c>
      <c r="AL19922">
        <v>28</v>
      </c>
      <c r="AM19922">
        <v>28</v>
      </c>
      <c r="AN19922">
        <v>28</v>
      </c>
      <c r="AO19922">
        <v>28</v>
      </c>
      <c r="AP19922">
        <v>29</v>
      </c>
      <c r="AQ19922">
        <v>29</v>
      </c>
    </row>
    <row r="19923" spans="1:43">
      <c r="A19923" t="s">
        <v>12338</v>
      </c>
      <c r="B19923" t="s">
        <v>12339</v>
      </c>
      <c r="C19923" t="s">
        <v>12332</v>
      </c>
      <c r="D19923" t="s">
        <v>12333</v>
      </c>
      <c r="E19923" t="s">
        <v>12188</v>
      </c>
      <c r="F19923" t="s">
        <v>12189</v>
      </c>
      <c r="G19923" t="s">
        <v>10450</v>
      </c>
      <c r="H19923" t="s">
        <v>10451</v>
      </c>
      <c r="I19923" s="2">
        <v>1</v>
      </c>
      <c r="J19923" s="2">
        <v>0</v>
      </c>
      <c r="K19923" s="2">
        <v>0</v>
      </c>
      <c r="L19923" t="s">
        <v>120</v>
      </c>
      <c r="M19923" t="s">
        <v>87</v>
      </c>
      <c r="N19923" t="s">
        <v>88</v>
      </c>
      <c r="O19923" t="s">
        <v>85</v>
      </c>
      <c r="P19923" t="s">
        <v>86</v>
      </c>
      <c r="Q19923">
        <v>20</v>
      </c>
      <c r="R19923">
        <v>20</v>
      </c>
      <c r="S19923">
        <v>20</v>
      </c>
      <c r="T19923">
        <v>20</v>
      </c>
      <c r="U19923">
        <v>20</v>
      </c>
      <c r="V19923">
        <v>20</v>
      </c>
      <c r="W19923">
        <v>21</v>
      </c>
      <c r="X19923">
        <v>21</v>
      </c>
      <c r="Y19923">
        <v>21</v>
      </c>
      <c r="Z19923">
        <v>21</v>
      </c>
      <c r="AA19923">
        <v>21</v>
      </c>
      <c r="AB19923">
        <v>22</v>
      </c>
      <c r="AC19923">
        <v>22</v>
      </c>
      <c r="AD19923">
        <v>22</v>
      </c>
      <c r="AE19923">
        <v>22</v>
      </c>
      <c r="AF19923">
        <v>22</v>
      </c>
      <c r="AG19923">
        <v>23</v>
      </c>
      <c r="AH19923">
        <v>23</v>
      </c>
      <c r="AI19923">
        <v>23</v>
      </c>
      <c r="AJ19923">
        <v>23</v>
      </c>
      <c r="AK19923">
        <v>24</v>
      </c>
      <c r="AL19923">
        <v>24</v>
      </c>
      <c r="AM19923">
        <v>24</v>
      </c>
      <c r="AN19923">
        <v>24</v>
      </c>
      <c r="AO19923">
        <v>25</v>
      </c>
      <c r="AP19923">
        <v>25</v>
      </c>
      <c r="AQ19923">
        <v>25</v>
      </c>
    </row>
    <row r="19924" spans="1:43">
      <c r="A19924" t="s">
        <v>12338</v>
      </c>
      <c r="B19924" t="s">
        <v>12339</v>
      </c>
      <c r="C19924" t="s">
        <v>12332</v>
      </c>
      <c r="D19924" t="s">
        <v>12333</v>
      </c>
      <c r="E19924" t="s">
        <v>12188</v>
      </c>
      <c r="F19924" t="s">
        <v>12189</v>
      </c>
      <c r="G19924" t="s">
        <v>10450</v>
      </c>
      <c r="H19924" t="s">
        <v>10451</v>
      </c>
      <c r="I19924" s="2">
        <v>1</v>
      </c>
      <c r="J19924" s="2">
        <v>0</v>
      </c>
      <c r="K19924" s="2">
        <v>0</v>
      </c>
      <c r="L19924" t="s">
        <v>120</v>
      </c>
      <c r="M19924" t="s">
        <v>89</v>
      </c>
      <c r="N19924" t="s">
        <v>90</v>
      </c>
      <c r="O19924" t="s">
        <v>85</v>
      </c>
      <c r="P19924" t="s">
        <v>86</v>
      </c>
      <c r="Q19924">
        <v>20</v>
      </c>
      <c r="R19924">
        <v>20</v>
      </c>
      <c r="S19924">
        <v>21</v>
      </c>
      <c r="T19924">
        <v>22</v>
      </c>
      <c r="U19924">
        <v>22</v>
      </c>
      <c r="V19924">
        <v>23</v>
      </c>
      <c r="W19924">
        <v>23</v>
      </c>
      <c r="X19924">
        <v>24</v>
      </c>
      <c r="Y19924">
        <v>24</v>
      </c>
      <c r="Z19924">
        <v>24</v>
      </c>
      <c r="AA19924">
        <v>25</v>
      </c>
      <c r="AB19924">
        <v>25</v>
      </c>
      <c r="AC19924">
        <v>26</v>
      </c>
      <c r="AD19924">
        <v>26</v>
      </c>
      <c r="AE19924">
        <v>27</v>
      </c>
      <c r="AF19924">
        <v>27</v>
      </c>
      <c r="AG19924">
        <v>27</v>
      </c>
      <c r="AH19924">
        <v>27</v>
      </c>
      <c r="AI19924">
        <v>28</v>
      </c>
      <c r="AJ19924">
        <v>28</v>
      </c>
      <c r="AK19924">
        <v>28</v>
      </c>
      <c r="AL19924">
        <v>28</v>
      </c>
      <c r="AM19924">
        <v>28</v>
      </c>
      <c r="AN19924">
        <v>28</v>
      </c>
      <c r="AO19924">
        <v>29</v>
      </c>
      <c r="AP19924">
        <v>29</v>
      </c>
      <c r="AQ19924">
        <v>29</v>
      </c>
    </row>
    <row r="19925" spans="1:43">
      <c r="A19925" t="s">
        <v>12338</v>
      </c>
      <c r="B19925" t="s">
        <v>12339</v>
      </c>
      <c r="C19925" t="s">
        <v>12332</v>
      </c>
      <c r="D19925" t="s">
        <v>12333</v>
      </c>
      <c r="E19925" t="s">
        <v>12188</v>
      </c>
      <c r="F19925" t="s">
        <v>12189</v>
      </c>
      <c r="G19925" t="s">
        <v>10450</v>
      </c>
      <c r="H19925" t="s">
        <v>10451</v>
      </c>
      <c r="I19925" s="2">
        <v>1</v>
      </c>
      <c r="J19925" s="2">
        <v>0</v>
      </c>
      <c r="K19925" s="2">
        <v>0</v>
      </c>
      <c r="L19925" t="s">
        <v>120</v>
      </c>
      <c r="M19925" t="s">
        <v>83</v>
      </c>
      <c r="N19925" t="s">
        <v>91</v>
      </c>
      <c r="O19925" t="s">
        <v>85</v>
      </c>
      <c r="P19925" t="s">
        <v>86</v>
      </c>
      <c r="Q19925">
        <v>20</v>
      </c>
      <c r="R19925">
        <v>20</v>
      </c>
      <c r="S19925">
        <v>20</v>
      </c>
      <c r="T19925">
        <v>21</v>
      </c>
      <c r="U19925">
        <v>21</v>
      </c>
      <c r="V19925">
        <v>22</v>
      </c>
      <c r="W19925">
        <v>22</v>
      </c>
      <c r="X19925">
        <v>22</v>
      </c>
      <c r="Y19925">
        <v>23</v>
      </c>
      <c r="Z19925">
        <v>23</v>
      </c>
      <c r="AA19925">
        <v>23</v>
      </c>
      <c r="AB19925">
        <v>24</v>
      </c>
      <c r="AC19925">
        <v>24</v>
      </c>
      <c r="AD19925">
        <v>25</v>
      </c>
      <c r="AE19925">
        <v>25</v>
      </c>
      <c r="AF19925">
        <v>25</v>
      </c>
      <c r="AG19925">
        <v>26</v>
      </c>
      <c r="AH19925">
        <v>26</v>
      </c>
      <c r="AI19925">
        <v>27</v>
      </c>
      <c r="AJ19925">
        <v>27</v>
      </c>
      <c r="AK19925">
        <v>28</v>
      </c>
      <c r="AL19925">
        <v>28</v>
      </c>
      <c r="AM19925">
        <v>28</v>
      </c>
      <c r="AN19925">
        <v>28</v>
      </c>
      <c r="AO19925">
        <v>28</v>
      </c>
      <c r="AP19925">
        <v>29</v>
      </c>
      <c r="AQ19925">
        <v>29</v>
      </c>
    </row>
    <row r="19926" spans="1:43">
      <c r="A19926" t="s">
        <v>12340</v>
      </c>
      <c r="B19926" t="s">
        <v>12341</v>
      </c>
      <c r="C19926" t="s">
        <v>12332</v>
      </c>
      <c r="D19926" t="s">
        <v>12333</v>
      </c>
      <c r="E19926" t="s">
        <v>12188</v>
      </c>
      <c r="F19926" t="s">
        <v>12189</v>
      </c>
      <c r="G19926" t="s">
        <v>10450</v>
      </c>
      <c r="H19926" t="s">
        <v>10451</v>
      </c>
      <c r="I19926" s="2">
        <v>1</v>
      </c>
      <c r="J19926" s="2">
        <v>0</v>
      </c>
      <c r="K19926" s="2">
        <v>0</v>
      </c>
      <c r="L19926" t="s">
        <v>120</v>
      </c>
      <c r="M19926" t="s">
        <v>83</v>
      </c>
      <c r="N19926" t="s">
        <v>84</v>
      </c>
      <c r="O19926" t="s">
        <v>85</v>
      </c>
      <c r="P19926" t="s">
        <v>86</v>
      </c>
      <c r="Q19926">
        <v>71</v>
      </c>
      <c r="R19926">
        <v>72</v>
      </c>
      <c r="S19926">
        <v>73</v>
      </c>
      <c r="T19926">
        <v>75</v>
      </c>
      <c r="U19926">
        <v>76</v>
      </c>
      <c r="V19926">
        <v>78</v>
      </c>
      <c r="W19926">
        <v>79</v>
      </c>
      <c r="X19926">
        <v>80</v>
      </c>
      <c r="Y19926">
        <v>82</v>
      </c>
      <c r="Z19926">
        <v>83</v>
      </c>
      <c r="AA19926">
        <v>84</v>
      </c>
      <c r="AB19926">
        <v>86</v>
      </c>
      <c r="AC19926">
        <v>87</v>
      </c>
      <c r="AD19926">
        <v>89</v>
      </c>
      <c r="AE19926">
        <v>90</v>
      </c>
      <c r="AF19926">
        <v>91</v>
      </c>
      <c r="AG19926">
        <v>93</v>
      </c>
      <c r="AH19926">
        <v>94</v>
      </c>
      <c r="AI19926">
        <v>96</v>
      </c>
      <c r="AJ19926">
        <v>97</v>
      </c>
      <c r="AK19926">
        <v>99</v>
      </c>
      <c r="AL19926">
        <v>100</v>
      </c>
      <c r="AM19926">
        <v>101</v>
      </c>
      <c r="AN19926">
        <v>101</v>
      </c>
      <c r="AO19926">
        <v>102</v>
      </c>
      <c r="AP19926">
        <v>103</v>
      </c>
      <c r="AQ19926">
        <v>103</v>
      </c>
    </row>
    <row r="19927" spans="1:43">
      <c r="A19927" t="s">
        <v>12340</v>
      </c>
      <c r="B19927" t="s">
        <v>12341</v>
      </c>
      <c r="C19927" t="s">
        <v>12332</v>
      </c>
      <c r="D19927" t="s">
        <v>12333</v>
      </c>
      <c r="E19927" t="s">
        <v>12188</v>
      </c>
      <c r="F19927" t="s">
        <v>12189</v>
      </c>
      <c r="G19927" t="s">
        <v>10450</v>
      </c>
      <c r="H19927" t="s">
        <v>10451</v>
      </c>
      <c r="I19927" s="2">
        <v>1</v>
      </c>
      <c r="J19927" s="2">
        <v>0</v>
      </c>
      <c r="K19927" s="2">
        <v>0</v>
      </c>
      <c r="L19927" t="s">
        <v>120</v>
      </c>
      <c r="M19927" t="s">
        <v>87</v>
      </c>
      <c r="N19927" t="s">
        <v>88</v>
      </c>
      <c r="O19927" t="s">
        <v>85</v>
      </c>
      <c r="P19927" t="s">
        <v>86</v>
      </c>
      <c r="Q19927">
        <v>71</v>
      </c>
      <c r="R19927">
        <v>72</v>
      </c>
      <c r="S19927">
        <v>72</v>
      </c>
      <c r="T19927">
        <v>73</v>
      </c>
      <c r="U19927">
        <v>74</v>
      </c>
      <c r="V19927">
        <v>75</v>
      </c>
      <c r="W19927">
        <v>75</v>
      </c>
      <c r="X19927">
        <v>76</v>
      </c>
      <c r="Y19927">
        <v>77</v>
      </c>
      <c r="Z19927">
        <v>77</v>
      </c>
      <c r="AA19927">
        <v>78</v>
      </c>
      <c r="AB19927">
        <v>79</v>
      </c>
      <c r="AC19927">
        <v>79</v>
      </c>
      <c r="AD19927">
        <v>80</v>
      </c>
      <c r="AE19927">
        <v>81</v>
      </c>
      <c r="AF19927">
        <v>82</v>
      </c>
      <c r="AG19927">
        <v>83</v>
      </c>
      <c r="AH19927">
        <v>83</v>
      </c>
      <c r="AI19927">
        <v>84</v>
      </c>
      <c r="AJ19927">
        <v>85</v>
      </c>
      <c r="AK19927">
        <v>86</v>
      </c>
      <c r="AL19927">
        <v>87</v>
      </c>
      <c r="AM19927">
        <v>87</v>
      </c>
      <c r="AN19927">
        <v>88</v>
      </c>
      <c r="AO19927">
        <v>89</v>
      </c>
      <c r="AP19927">
        <v>90</v>
      </c>
      <c r="AQ19927">
        <v>91</v>
      </c>
    </row>
    <row r="19928" spans="1:43">
      <c r="A19928" t="s">
        <v>12340</v>
      </c>
      <c r="B19928" t="s">
        <v>12341</v>
      </c>
      <c r="C19928" t="s">
        <v>12332</v>
      </c>
      <c r="D19928" t="s">
        <v>12333</v>
      </c>
      <c r="E19928" t="s">
        <v>12188</v>
      </c>
      <c r="F19928" t="s">
        <v>12189</v>
      </c>
      <c r="G19928" t="s">
        <v>10450</v>
      </c>
      <c r="H19928" t="s">
        <v>10451</v>
      </c>
      <c r="I19928" s="2">
        <v>1</v>
      </c>
      <c r="J19928" s="2">
        <v>0</v>
      </c>
      <c r="K19928" s="2">
        <v>0</v>
      </c>
      <c r="L19928" t="s">
        <v>120</v>
      </c>
      <c r="M19928" t="s">
        <v>89</v>
      </c>
      <c r="N19928" t="s">
        <v>90</v>
      </c>
      <c r="O19928" t="s">
        <v>85</v>
      </c>
      <c r="P19928" t="s">
        <v>86</v>
      </c>
      <c r="Q19928">
        <v>71</v>
      </c>
      <c r="R19928">
        <v>73</v>
      </c>
      <c r="S19928">
        <v>75</v>
      </c>
      <c r="T19928">
        <v>77</v>
      </c>
      <c r="U19928">
        <v>79</v>
      </c>
      <c r="V19928">
        <v>81</v>
      </c>
      <c r="W19928">
        <v>83</v>
      </c>
      <c r="X19928">
        <v>85</v>
      </c>
      <c r="Y19928">
        <v>86</v>
      </c>
      <c r="Z19928">
        <v>88</v>
      </c>
      <c r="AA19928">
        <v>90</v>
      </c>
      <c r="AB19928">
        <v>91</v>
      </c>
      <c r="AC19928">
        <v>93</v>
      </c>
      <c r="AD19928">
        <v>95</v>
      </c>
      <c r="AE19928">
        <v>96</v>
      </c>
      <c r="AF19928">
        <v>97</v>
      </c>
      <c r="AG19928">
        <v>98</v>
      </c>
      <c r="AH19928">
        <v>98</v>
      </c>
      <c r="AI19928">
        <v>99</v>
      </c>
      <c r="AJ19928">
        <v>100</v>
      </c>
      <c r="AK19928">
        <v>100</v>
      </c>
      <c r="AL19928">
        <v>101</v>
      </c>
      <c r="AM19928">
        <v>102</v>
      </c>
      <c r="AN19928">
        <v>102</v>
      </c>
      <c r="AO19928">
        <v>103</v>
      </c>
      <c r="AP19928">
        <v>104</v>
      </c>
      <c r="AQ19928">
        <v>104</v>
      </c>
    </row>
    <row r="19929" spans="1:43">
      <c r="A19929" t="s">
        <v>12340</v>
      </c>
      <c r="B19929" t="s">
        <v>12341</v>
      </c>
      <c r="C19929" t="s">
        <v>12332</v>
      </c>
      <c r="D19929" t="s">
        <v>12333</v>
      </c>
      <c r="E19929" t="s">
        <v>12188</v>
      </c>
      <c r="F19929" t="s">
        <v>12189</v>
      </c>
      <c r="G19929" t="s">
        <v>10450</v>
      </c>
      <c r="H19929" t="s">
        <v>10451</v>
      </c>
      <c r="I19929" s="2">
        <v>1</v>
      </c>
      <c r="J19929" s="2">
        <v>0</v>
      </c>
      <c r="K19929" s="2">
        <v>0</v>
      </c>
      <c r="L19929" t="s">
        <v>120</v>
      </c>
      <c r="M19929" t="s">
        <v>83</v>
      </c>
      <c r="N19929" t="s">
        <v>91</v>
      </c>
      <c r="O19929" t="s">
        <v>85</v>
      </c>
      <c r="P19929" t="s">
        <v>86</v>
      </c>
      <c r="Q19929">
        <v>71</v>
      </c>
      <c r="R19929">
        <v>72</v>
      </c>
      <c r="S19929">
        <v>73</v>
      </c>
      <c r="T19929">
        <v>75</v>
      </c>
      <c r="U19929">
        <v>76</v>
      </c>
      <c r="V19929">
        <v>78</v>
      </c>
      <c r="W19929">
        <v>79</v>
      </c>
      <c r="X19929">
        <v>80</v>
      </c>
      <c r="Y19929">
        <v>82</v>
      </c>
      <c r="Z19929">
        <v>83</v>
      </c>
      <c r="AA19929">
        <v>84</v>
      </c>
      <c r="AB19929">
        <v>86</v>
      </c>
      <c r="AC19929">
        <v>87</v>
      </c>
      <c r="AD19929">
        <v>89</v>
      </c>
      <c r="AE19929">
        <v>90</v>
      </c>
      <c r="AF19929">
        <v>91</v>
      </c>
      <c r="AG19929">
        <v>93</v>
      </c>
      <c r="AH19929">
        <v>94</v>
      </c>
      <c r="AI19929">
        <v>96</v>
      </c>
      <c r="AJ19929">
        <v>97</v>
      </c>
      <c r="AK19929">
        <v>99</v>
      </c>
      <c r="AL19929">
        <v>100</v>
      </c>
      <c r="AM19929">
        <v>101</v>
      </c>
      <c r="AN19929">
        <v>101</v>
      </c>
      <c r="AO19929">
        <v>102</v>
      </c>
      <c r="AP19929">
        <v>103</v>
      </c>
      <c r="AQ19929">
        <v>103</v>
      </c>
    </row>
    <row r="19930" spans="1:43">
      <c r="A19930" t="s">
        <v>12342</v>
      </c>
      <c r="B19930" t="s">
        <v>12343</v>
      </c>
      <c r="C19930" t="s">
        <v>12332</v>
      </c>
      <c r="D19930" t="s">
        <v>12333</v>
      </c>
      <c r="E19930" t="s">
        <v>12188</v>
      </c>
      <c r="F19930" t="s">
        <v>12189</v>
      </c>
      <c r="G19930" t="s">
        <v>10450</v>
      </c>
      <c r="H19930" t="s">
        <v>10451</v>
      </c>
      <c r="I19930" s="2">
        <v>1</v>
      </c>
      <c r="J19930" s="2">
        <v>0</v>
      </c>
      <c r="K19930" s="2">
        <v>0</v>
      </c>
      <c r="L19930" t="s">
        <v>120</v>
      </c>
      <c r="M19930" t="s">
        <v>83</v>
      </c>
      <c r="N19930" t="s">
        <v>84</v>
      </c>
      <c r="O19930" t="s">
        <v>85</v>
      </c>
      <c r="P19930" t="s">
        <v>86</v>
      </c>
      <c r="Q19930">
        <v>11</v>
      </c>
      <c r="R19930">
        <v>11</v>
      </c>
      <c r="S19930">
        <v>11</v>
      </c>
      <c r="T19930">
        <v>11</v>
      </c>
      <c r="U19930">
        <v>11</v>
      </c>
      <c r="V19930">
        <v>12</v>
      </c>
      <c r="W19930">
        <v>12</v>
      </c>
      <c r="X19930">
        <v>12</v>
      </c>
      <c r="Y19930">
        <v>12</v>
      </c>
      <c r="Z19930">
        <v>12</v>
      </c>
      <c r="AA19930">
        <v>13</v>
      </c>
      <c r="AB19930">
        <v>13</v>
      </c>
      <c r="AC19930">
        <v>13</v>
      </c>
      <c r="AD19930">
        <v>13</v>
      </c>
      <c r="AE19930">
        <v>13</v>
      </c>
      <c r="AF19930">
        <v>14</v>
      </c>
      <c r="AG19930">
        <v>14</v>
      </c>
      <c r="AH19930">
        <v>14</v>
      </c>
      <c r="AI19930">
        <v>14</v>
      </c>
      <c r="AJ19930">
        <v>15</v>
      </c>
      <c r="AK19930">
        <v>15</v>
      </c>
      <c r="AL19930">
        <v>15</v>
      </c>
      <c r="AM19930">
        <v>15</v>
      </c>
      <c r="AN19930">
        <v>15</v>
      </c>
      <c r="AO19930">
        <v>15</v>
      </c>
      <c r="AP19930">
        <v>15</v>
      </c>
      <c r="AQ19930">
        <v>15</v>
      </c>
    </row>
    <row r="19931" spans="1:43">
      <c r="A19931" t="s">
        <v>12342</v>
      </c>
      <c r="B19931" t="s">
        <v>12343</v>
      </c>
      <c r="C19931" t="s">
        <v>12332</v>
      </c>
      <c r="D19931" t="s">
        <v>12333</v>
      </c>
      <c r="E19931" t="s">
        <v>12188</v>
      </c>
      <c r="F19931" t="s">
        <v>12189</v>
      </c>
      <c r="G19931" t="s">
        <v>10450</v>
      </c>
      <c r="H19931" t="s">
        <v>10451</v>
      </c>
      <c r="I19931" s="2">
        <v>1</v>
      </c>
      <c r="J19931" s="2">
        <v>0</v>
      </c>
      <c r="K19931" s="2">
        <v>0</v>
      </c>
      <c r="L19931" t="s">
        <v>120</v>
      </c>
      <c r="M19931" t="s">
        <v>87</v>
      </c>
      <c r="N19931" t="s">
        <v>88</v>
      </c>
      <c r="O19931" t="s">
        <v>85</v>
      </c>
      <c r="P19931" t="s">
        <v>86</v>
      </c>
      <c r="Q19931">
        <v>11</v>
      </c>
      <c r="R19931">
        <v>12</v>
      </c>
      <c r="S19931">
        <v>12</v>
      </c>
      <c r="T19931">
        <v>12</v>
      </c>
      <c r="U19931">
        <v>12</v>
      </c>
      <c r="V19931">
        <v>12</v>
      </c>
      <c r="W19931">
        <v>12</v>
      </c>
      <c r="X19931">
        <v>12</v>
      </c>
      <c r="Y19931">
        <v>12</v>
      </c>
      <c r="Z19931">
        <v>12</v>
      </c>
      <c r="AA19931">
        <v>12</v>
      </c>
      <c r="AB19931">
        <v>13</v>
      </c>
      <c r="AC19931">
        <v>13</v>
      </c>
      <c r="AD19931">
        <v>13</v>
      </c>
      <c r="AE19931">
        <v>13</v>
      </c>
      <c r="AF19931">
        <v>13</v>
      </c>
      <c r="AG19931">
        <v>13</v>
      </c>
      <c r="AH19931">
        <v>13</v>
      </c>
      <c r="AI19931">
        <v>13</v>
      </c>
      <c r="AJ19931">
        <v>14</v>
      </c>
      <c r="AK19931">
        <v>14</v>
      </c>
      <c r="AL19931">
        <v>14</v>
      </c>
      <c r="AM19931">
        <v>14</v>
      </c>
      <c r="AN19931">
        <v>14</v>
      </c>
      <c r="AO19931">
        <v>14</v>
      </c>
      <c r="AP19931">
        <v>14</v>
      </c>
      <c r="AQ19931">
        <v>14</v>
      </c>
    </row>
    <row r="19932" spans="1:43">
      <c r="A19932" t="s">
        <v>12342</v>
      </c>
      <c r="B19932" t="s">
        <v>12343</v>
      </c>
      <c r="C19932" t="s">
        <v>12332</v>
      </c>
      <c r="D19932" t="s">
        <v>12333</v>
      </c>
      <c r="E19932" t="s">
        <v>12188</v>
      </c>
      <c r="F19932" t="s">
        <v>12189</v>
      </c>
      <c r="G19932" t="s">
        <v>10450</v>
      </c>
      <c r="H19932" t="s">
        <v>10451</v>
      </c>
      <c r="I19932" s="2">
        <v>1</v>
      </c>
      <c r="J19932" s="2">
        <v>0</v>
      </c>
      <c r="K19932" s="2">
        <v>0</v>
      </c>
      <c r="L19932" t="s">
        <v>120</v>
      </c>
      <c r="M19932" t="s">
        <v>89</v>
      </c>
      <c r="N19932" t="s">
        <v>90</v>
      </c>
      <c r="O19932" t="s">
        <v>85</v>
      </c>
      <c r="P19932" t="s">
        <v>86</v>
      </c>
      <c r="Q19932">
        <v>11</v>
      </c>
      <c r="R19932">
        <v>11</v>
      </c>
      <c r="S19932">
        <v>11</v>
      </c>
      <c r="T19932">
        <v>12</v>
      </c>
      <c r="U19932">
        <v>12</v>
      </c>
      <c r="V19932">
        <v>12</v>
      </c>
      <c r="W19932">
        <v>12</v>
      </c>
      <c r="X19932">
        <v>13</v>
      </c>
      <c r="Y19932">
        <v>13</v>
      </c>
      <c r="Z19932">
        <v>13</v>
      </c>
      <c r="AA19932">
        <v>13</v>
      </c>
      <c r="AB19932">
        <v>14</v>
      </c>
      <c r="AC19932">
        <v>14</v>
      </c>
      <c r="AD19932">
        <v>14</v>
      </c>
      <c r="AE19932">
        <v>14</v>
      </c>
      <c r="AF19932">
        <v>14</v>
      </c>
      <c r="AG19932">
        <v>15</v>
      </c>
      <c r="AH19932">
        <v>15</v>
      </c>
      <c r="AI19932">
        <v>15</v>
      </c>
      <c r="AJ19932">
        <v>15</v>
      </c>
      <c r="AK19932">
        <v>15</v>
      </c>
      <c r="AL19932">
        <v>15</v>
      </c>
      <c r="AM19932">
        <v>15</v>
      </c>
      <c r="AN19932">
        <v>15</v>
      </c>
      <c r="AO19932">
        <v>15</v>
      </c>
      <c r="AP19932">
        <v>15</v>
      </c>
      <c r="AQ19932">
        <v>16</v>
      </c>
    </row>
    <row r="19933" spans="1:43">
      <c r="A19933" t="s">
        <v>12342</v>
      </c>
      <c r="B19933" t="s">
        <v>12343</v>
      </c>
      <c r="C19933" t="s">
        <v>12332</v>
      </c>
      <c r="D19933" t="s">
        <v>12333</v>
      </c>
      <c r="E19933" t="s">
        <v>12188</v>
      </c>
      <c r="F19933" t="s">
        <v>12189</v>
      </c>
      <c r="G19933" t="s">
        <v>10450</v>
      </c>
      <c r="H19933" t="s">
        <v>10451</v>
      </c>
      <c r="I19933" s="2">
        <v>1</v>
      </c>
      <c r="J19933" s="2">
        <v>0</v>
      </c>
      <c r="K19933" s="2">
        <v>0</v>
      </c>
      <c r="L19933" t="s">
        <v>120</v>
      </c>
      <c r="M19933" t="s">
        <v>83</v>
      </c>
      <c r="N19933" t="s">
        <v>91</v>
      </c>
      <c r="O19933" t="s">
        <v>85</v>
      </c>
      <c r="P19933" t="s">
        <v>86</v>
      </c>
      <c r="Q19933">
        <v>11</v>
      </c>
      <c r="R19933">
        <v>11</v>
      </c>
      <c r="S19933">
        <v>11</v>
      </c>
      <c r="T19933">
        <v>11</v>
      </c>
      <c r="U19933">
        <v>11</v>
      </c>
      <c r="V19933">
        <v>12</v>
      </c>
      <c r="W19933">
        <v>12</v>
      </c>
      <c r="X19933">
        <v>12</v>
      </c>
      <c r="Y19933">
        <v>12</v>
      </c>
      <c r="Z19933">
        <v>12</v>
      </c>
      <c r="AA19933">
        <v>13</v>
      </c>
      <c r="AB19933">
        <v>13</v>
      </c>
      <c r="AC19933">
        <v>13</v>
      </c>
      <c r="AD19933">
        <v>13</v>
      </c>
      <c r="AE19933">
        <v>13</v>
      </c>
      <c r="AF19933">
        <v>14</v>
      </c>
      <c r="AG19933">
        <v>14</v>
      </c>
      <c r="AH19933">
        <v>14</v>
      </c>
      <c r="AI19933">
        <v>14</v>
      </c>
      <c r="AJ19933">
        <v>15</v>
      </c>
      <c r="AK19933">
        <v>15</v>
      </c>
      <c r="AL19933">
        <v>15</v>
      </c>
      <c r="AM19933">
        <v>15</v>
      </c>
      <c r="AN19933">
        <v>15</v>
      </c>
      <c r="AO19933">
        <v>15</v>
      </c>
      <c r="AP19933">
        <v>15</v>
      </c>
      <c r="AQ19933">
        <v>15</v>
      </c>
    </row>
    <row r="19934" spans="1:43">
      <c r="A19934" t="s">
        <v>12344</v>
      </c>
      <c r="B19934" t="s">
        <v>12345</v>
      </c>
      <c r="C19934" t="s">
        <v>12346</v>
      </c>
      <c r="D19934" t="s">
        <v>12347</v>
      </c>
      <c r="E19934" t="s">
        <v>12188</v>
      </c>
      <c r="F19934" t="s">
        <v>12189</v>
      </c>
      <c r="G19934" t="s">
        <v>10450</v>
      </c>
      <c r="H19934" t="s">
        <v>10451</v>
      </c>
      <c r="I19934" s="2">
        <v>1</v>
      </c>
      <c r="J19934" s="2">
        <v>0</v>
      </c>
      <c r="K19934" s="2">
        <v>0</v>
      </c>
      <c r="L19934" t="s">
        <v>120</v>
      </c>
      <c r="M19934" t="s">
        <v>83</v>
      </c>
      <c r="N19934" t="s">
        <v>84</v>
      </c>
      <c r="O19934" t="s">
        <v>85</v>
      </c>
      <c r="P19934" t="s">
        <v>86</v>
      </c>
      <c r="Q19934">
        <v>18</v>
      </c>
      <c r="R19934">
        <v>18</v>
      </c>
      <c r="S19934">
        <v>19</v>
      </c>
      <c r="T19934">
        <v>19</v>
      </c>
      <c r="U19934">
        <v>19</v>
      </c>
      <c r="V19934">
        <v>20</v>
      </c>
      <c r="W19934">
        <v>20</v>
      </c>
      <c r="X19934">
        <v>20</v>
      </c>
      <c r="Y19934">
        <v>21</v>
      </c>
      <c r="Z19934">
        <v>21</v>
      </c>
      <c r="AA19934">
        <v>21</v>
      </c>
      <c r="AB19934">
        <v>22</v>
      </c>
      <c r="AC19934">
        <v>22</v>
      </c>
      <c r="AD19934">
        <v>22</v>
      </c>
      <c r="AE19934">
        <v>23</v>
      </c>
      <c r="AF19934">
        <v>23</v>
      </c>
      <c r="AG19934">
        <v>24</v>
      </c>
      <c r="AH19934">
        <v>24</v>
      </c>
      <c r="AI19934">
        <v>24</v>
      </c>
      <c r="AJ19934">
        <v>25</v>
      </c>
      <c r="AK19934">
        <v>25</v>
      </c>
      <c r="AL19934">
        <v>25</v>
      </c>
      <c r="AM19934">
        <v>25</v>
      </c>
      <c r="AN19934">
        <v>26</v>
      </c>
      <c r="AO19934">
        <v>26</v>
      </c>
      <c r="AP19934">
        <v>26</v>
      </c>
      <c r="AQ19934">
        <v>26</v>
      </c>
    </row>
    <row r="19935" spans="1:43">
      <c r="A19935" t="s">
        <v>12344</v>
      </c>
      <c r="B19935" t="s">
        <v>12345</v>
      </c>
      <c r="C19935" t="s">
        <v>12346</v>
      </c>
      <c r="D19935" t="s">
        <v>12347</v>
      </c>
      <c r="E19935" t="s">
        <v>12188</v>
      </c>
      <c r="F19935" t="s">
        <v>12189</v>
      </c>
      <c r="G19935" t="s">
        <v>10450</v>
      </c>
      <c r="H19935" t="s">
        <v>10451</v>
      </c>
      <c r="I19935" s="2">
        <v>1</v>
      </c>
      <c r="J19935" s="2">
        <v>0</v>
      </c>
      <c r="K19935" s="2">
        <v>0</v>
      </c>
      <c r="L19935" t="s">
        <v>120</v>
      </c>
      <c r="M19935" t="s">
        <v>87</v>
      </c>
      <c r="N19935" t="s">
        <v>88</v>
      </c>
      <c r="O19935" t="s">
        <v>85</v>
      </c>
      <c r="P19935" t="s">
        <v>86</v>
      </c>
      <c r="Q19935">
        <v>18</v>
      </c>
      <c r="R19935">
        <v>18</v>
      </c>
      <c r="S19935">
        <v>18</v>
      </c>
      <c r="T19935">
        <v>18</v>
      </c>
      <c r="U19935">
        <v>18</v>
      </c>
      <c r="V19935">
        <v>19</v>
      </c>
      <c r="W19935">
        <v>19</v>
      </c>
      <c r="X19935">
        <v>19</v>
      </c>
      <c r="Y19935">
        <v>19</v>
      </c>
      <c r="Z19935">
        <v>19</v>
      </c>
      <c r="AA19935">
        <v>19</v>
      </c>
      <c r="AB19935">
        <v>20</v>
      </c>
      <c r="AC19935">
        <v>20</v>
      </c>
      <c r="AD19935">
        <v>20</v>
      </c>
      <c r="AE19935">
        <v>20</v>
      </c>
      <c r="AF19935">
        <v>20</v>
      </c>
      <c r="AG19935">
        <v>21</v>
      </c>
      <c r="AH19935">
        <v>21</v>
      </c>
      <c r="AI19935">
        <v>21</v>
      </c>
      <c r="AJ19935">
        <v>21</v>
      </c>
      <c r="AK19935">
        <v>21</v>
      </c>
      <c r="AL19935">
        <v>22</v>
      </c>
      <c r="AM19935">
        <v>22</v>
      </c>
      <c r="AN19935">
        <v>22</v>
      </c>
      <c r="AO19935">
        <v>22</v>
      </c>
      <c r="AP19935">
        <v>22</v>
      </c>
      <c r="AQ19935">
        <v>23</v>
      </c>
    </row>
    <row r="19936" spans="1:43">
      <c r="A19936" t="s">
        <v>12344</v>
      </c>
      <c r="B19936" t="s">
        <v>12345</v>
      </c>
      <c r="C19936" t="s">
        <v>12346</v>
      </c>
      <c r="D19936" t="s">
        <v>12347</v>
      </c>
      <c r="E19936" t="s">
        <v>12188</v>
      </c>
      <c r="F19936" t="s">
        <v>12189</v>
      </c>
      <c r="G19936" t="s">
        <v>10450</v>
      </c>
      <c r="H19936" t="s">
        <v>10451</v>
      </c>
      <c r="I19936" s="2">
        <v>1</v>
      </c>
      <c r="J19936" s="2">
        <v>0</v>
      </c>
      <c r="K19936" s="2">
        <v>0</v>
      </c>
      <c r="L19936" t="s">
        <v>120</v>
      </c>
      <c r="M19936" t="s">
        <v>89</v>
      </c>
      <c r="N19936" t="s">
        <v>90</v>
      </c>
      <c r="O19936" t="s">
        <v>85</v>
      </c>
      <c r="P19936" t="s">
        <v>86</v>
      </c>
      <c r="Q19936">
        <v>18</v>
      </c>
      <c r="R19936">
        <v>19</v>
      </c>
      <c r="S19936">
        <v>19</v>
      </c>
      <c r="T19936">
        <v>20</v>
      </c>
      <c r="U19936">
        <v>20</v>
      </c>
      <c r="V19936">
        <v>21</v>
      </c>
      <c r="W19936">
        <v>21</v>
      </c>
      <c r="X19936">
        <v>21</v>
      </c>
      <c r="Y19936">
        <v>22</v>
      </c>
      <c r="Z19936">
        <v>22</v>
      </c>
      <c r="AA19936">
        <v>23</v>
      </c>
      <c r="AB19936">
        <v>23</v>
      </c>
      <c r="AC19936">
        <v>24</v>
      </c>
      <c r="AD19936">
        <v>24</v>
      </c>
      <c r="AE19936">
        <v>24</v>
      </c>
      <c r="AF19936">
        <v>25</v>
      </c>
      <c r="AG19936">
        <v>25</v>
      </c>
      <c r="AH19936">
        <v>25</v>
      </c>
      <c r="AI19936">
        <v>25</v>
      </c>
      <c r="AJ19936">
        <v>25</v>
      </c>
      <c r="AK19936">
        <v>25</v>
      </c>
      <c r="AL19936">
        <v>26</v>
      </c>
      <c r="AM19936">
        <v>26</v>
      </c>
      <c r="AN19936">
        <v>26</v>
      </c>
      <c r="AO19936">
        <v>26</v>
      </c>
      <c r="AP19936">
        <v>26</v>
      </c>
      <c r="AQ19936">
        <v>26</v>
      </c>
    </row>
    <row r="19937" spans="1:43">
      <c r="A19937" t="s">
        <v>12344</v>
      </c>
      <c r="B19937" t="s">
        <v>12345</v>
      </c>
      <c r="C19937" t="s">
        <v>12346</v>
      </c>
      <c r="D19937" t="s">
        <v>12347</v>
      </c>
      <c r="E19937" t="s">
        <v>12188</v>
      </c>
      <c r="F19937" t="s">
        <v>12189</v>
      </c>
      <c r="G19937" t="s">
        <v>10450</v>
      </c>
      <c r="H19937" t="s">
        <v>10451</v>
      </c>
      <c r="I19937" s="2">
        <v>1</v>
      </c>
      <c r="J19937" s="2">
        <v>0</v>
      </c>
      <c r="K19937" s="2">
        <v>0</v>
      </c>
      <c r="L19937" t="s">
        <v>120</v>
      </c>
      <c r="M19937" t="s">
        <v>83</v>
      </c>
      <c r="N19937" t="s">
        <v>91</v>
      </c>
      <c r="O19937" t="s">
        <v>85</v>
      </c>
      <c r="P19937" t="s">
        <v>86</v>
      </c>
      <c r="Q19937">
        <v>18</v>
      </c>
      <c r="R19937">
        <v>18</v>
      </c>
      <c r="S19937">
        <v>19</v>
      </c>
      <c r="T19937">
        <v>19</v>
      </c>
      <c r="U19937">
        <v>19</v>
      </c>
      <c r="V19937">
        <v>20</v>
      </c>
      <c r="W19937">
        <v>20</v>
      </c>
      <c r="X19937">
        <v>20</v>
      </c>
      <c r="Y19937">
        <v>21</v>
      </c>
      <c r="Z19937">
        <v>21</v>
      </c>
      <c r="AA19937">
        <v>21</v>
      </c>
      <c r="AB19937">
        <v>22</v>
      </c>
      <c r="AC19937">
        <v>22</v>
      </c>
      <c r="AD19937">
        <v>22</v>
      </c>
      <c r="AE19937">
        <v>23</v>
      </c>
      <c r="AF19937">
        <v>23</v>
      </c>
      <c r="AG19937">
        <v>24</v>
      </c>
      <c r="AH19937">
        <v>24</v>
      </c>
      <c r="AI19937">
        <v>24</v>
      </c>
      <c r="AJ19937">
        <v>25</v>
      </c>
      <c r="AK19937">
        <v>25</v>
      </c>
      <c r="AL19937">
        <v>25</v>
      </c>
      <c r="AM19937">
        <v>25</v>
      </c>
      <c r="AN19937">
        <v>26</v>
      </c>
      <c r="AO19937">
        <v>26</v>
      </c>
      <c r="AP19937">
        <v>26</v>
      </c>
      <c r="AQ19937">
        <v>26</v>
      </c>
    </row>
    <row r="19938" spans="1:43">
      <c r="A19938" t="s">
        <v>12348</v>
      </c>
      <c r="B19938" t="s">
        <v>12349</v>
      </c>
      <c r="C19938" t="s">
        <v>12346</v>
      </c>
      <c r="D19938" t="s">
        <v>12347</v>
      </c>
      <c r="E19938" t="s">
        <v>12188</v>
      </c>
      <c r="F19938" t="s">
        <v>12189</v>
      </c>
      <c r="G19938" t="s">
        <v>10450</v>
      </c>
      <c r="H19938" t="s">
        <v>10451</v>
      </c>
      <c r="I19938" s="2">
        <v>1</v>
      </c>
      <c r="J19938" s="2">
        <v>0</v>
      </c>
      <c r="K19938" s="2">
        <v>0</v>
      </c>
      <c r="L19938" t="s">
        <v>120</v>
      </c>
      <c r="M19938" t="s">
        <v>83</v>
      </c>
      <c r="N19938" t="s">
        <v>84</v>
      </c>
      <c r="O19938" t="s">
        <v>85</v>
      </c>
      <c r="P19938" t="s">
        <v>86</v>
      </c>
      <c r="Q19938">
        <v>35</v>
      </c>
      <c r="R19938">
        <v>36</v>
      </c>
      <c r="S19938">
        <v>36</v>
      </c>
      <c r="T19938">
        <v>37</v>
      </c>
      <c r="U19938">
        <v>38</v>
      </c>
      <c r="V19938">
        <v>38</v>
      </c>
      <c r="W19938">
        <v>39</v>
      </c>
      <c r="X19938">
        <v>40</v>
      </c>
      <c r="Y19938">
        <v>40</v>
      </c>
      <c r="Z19938">
        <v>41</v>
      </c>
      <c r="AA19938">
        <v>42</v>
      </c>
      <c r="AB19938">
        <v>43</v>
      </c>
      <c r="AC19938">
        <v>43</v>
      </c>
      <c r="AD19938">
        <v>44</v>
      </c>
      <c r="AE19938">
        <v>45</v>
      </c>
      <c r="AF19938">
        <v>45</v>
      </c>
      <c r="AG19938">
        <v>46</v>
      </c>
      <c r="AH19938">
        <v>47</v>
      </c>
      <c r="AI19938">
        <v>48</v>
      </c>
      <c r="AJ19938">
        <v>48</v>
      </c>
      <c r="AK19938">
        <v>49</v>
      </c>
      <c r="AL19938">
        <v>50</v>
      </c>
      <c r="AM19938">
        <v>50</v>
      </c>
      <c r="AN19938">
        <v>50</v>
      </c>
      <c r="AO19938">
        <v>51</v>
      </c>
      <c r="AP19938">
        <v>51</v>
      </c>
      <c r="AQ19938">
        <v>51</v>
      </c>
    </row>
    <row r="19939" spans="1:43">
      <c r="A19939" t="s">
        <v>12348</v>
      </c>
      <c r="B19939" t="s">
        <v>12349</v>
      </c>
      <c r="C19939" t="s">
        <v>12346</v>
      </c>
      <c r="D19939" t="s">
        <v>12347</v>
      </c>
      <c r="E19939" t="s">
        <v>12188</v>
      </c>
      <c r="F19939" t="s">
        <v>12189</v>
      </c>
      <c r="G19939" t="s">
        <v>10450</v>
      </c>
      <c r="H19939" t="s">
        <v>10451</v>
      </c>
      <c r="I19939" s="2">
        <v>1</v>
      </c>
      <c r="J19939" s="2">
        <v>0</v>
      </c>
      <c r="K19939" s="2">
        <v>0</v>
      </c>
      <c r="L19939" t="s">
        <v>120</v>
      </c>
      <c r="M19939" t="s">
        <v>87</v>
      </c>
      <c r="N19939" t="s">
        <v>88</v>
      </c>
      <c r="O19939" t="s">
        <v>85</v>
      </c>
      <c r="P19939" t="s">
        <v>86</v>
      </c>
      <c r="Q19939">
        <v>35</v>
      </c>
      <c r="R19939">
        <v>35</v>
      </c>
      <c r="S19939">
        <v>35</v>
      </c>
      <c r="T19939">
        <v>36</v>
      </c>
      <c r="U19939">
        <v>36</v>
      </c>
      <c r="V19939">
        <v>36</v>
      </c>
      <c r="W19939">
        <v>37</v>
      </c>
      <c r="X19939">
        <v>37</v>
      </c>
      <c r="Y19939">
        <v>37</v>
      </c>
      <c r="Z19939">
        <v>38</v>
      </c>
      <c r="AA19939">
        <v>38</v>
      </c>
      <c r="AB19939">
        <v>39</v>
      </c>
      <c r="AC19939">
        <v>39</v>
      </c>
      <c r="AD19939">
        <v>39</v>
      </c>
      <c r="AE19939">
        <v>40</v>
      </c>
      <c r="AF19939">
        <v>40</v>
      </c>
      <c r="AG19939">
        <v>40</v>
      </c>
      <c r="AH19939">
        <v>41</v>
      </c>
      <c r="AI19939">
        <v>41</v>
      </c>
      <c r="AJ19939">
        <v>42</v>
      </c>
      <c r="AK19939">
        <v>42</v>
      </c>
      <c r="AL19939">
        <v>42</v>
      </c>
      <c r="AM19939">
        <v>43</v>
      </c>
      <c r="AN19939">
        <v>43</v>
      </c>
      <c r="AO19939">
        <v>44</v>
      </c>
      <c r="AP19939">
        <v>44</v>
      </c>
      <c r="AQ19939">
        <v>44</v>
      </c>
    </row>
    <row r="19940" spans="1:43">
      <c r="A19940" t="s">
        <v>12348</v>
      </c>
      <c r="B19940" t="s">
        <v>12349</v>
      </c>
      <c r="C19940" t="s">
        <v>12346</v>
      </c>
      <c r="D19940" t="s">
        <v>12347</v>
      </c>
      <c r="E19940" t="s">
        <v>12188</v>
      </c>
      <c r="F19940" t="s">
        <v>12189</v>
      </c>
      <c r="G19940" t="s">
        <v>10450</v>
      </c>
      <c r="H19940" t="s">
        <v>10451</v>
      </c>
      <c r="I19940" s="2">
        <v>1</v>
      </c>
      <c r="J19940" s="2">
        <v>0</v>
      </c>
      <c r="K19940" s="2">
        <v>0</v>
      </c>
      <c r="L19940" t="s">
        <v>120</v>
      </c>
      <c r="M19940" t="s">
        <v>89</v>
      </c>
      <c r="N19940" t="s">
        <v>90</v>
      </c>
      <c r="O19940" t="s">
        <v>85</v>
      </c>
      <c r="P19940" t="s">
        <v>86</v>
      </c>
      <c r="Q19940">
        <v>35</v>
      </c>
      <c r="R19940">
        <v>36</v>
      </c>
      <c r="S19940">
        <v>37</v>
      </c>
      <c r="T19940">
        <v>38</v>
      </c>
      <c r="U19940">
        <v>39</v>
      </c>
      <c r="V19940">
        <v>40</v>
      </c>
      <c r="W19940">
        <v>41</v>
      </c>
      <c r="X19940">
        <v>42</v>
      </c>
      <c r="Y19940">
        <v>43</v>
      </c>
      <c r="Z19940">
        <v>44</v>
      </c>
      <c r="AA19940">
        <v>45</v>
      </c>
      <c r="AB19940">
        <v>45</v>
      </c>
      <c r="AC19940">
        <v>46</v>
      </c>
      <c r="AD19940">
        <v>47</v>
      </c>
      <c r="AE19940">
        <v>48</v>
      </c>
      <c r="AF19940">
        <v>48</v>
      </c>
      <c r="AG19940">
        <v>49</v>
      </c>
      <c r="AH19940">
        <v>49</v>
      </c>
      <c r="AI19940">
        <v>49</v>
      </c>
      <c r="AJ19940">
        <v>49</v>
      </c>
      <c r="AK19940">
        <v>50</v>
      </c>
      <c r="AL19940">
        <v>50</v>
      </c>
      <c r="AM19940">
        <v>50</v>
      </c>
      <c r="AN19940">
        <v>51</v>
      </c>
      <c r="AO19940">
        <v>51</v>
      </c>
      <c r="AP19940">
        <v>51</v>
      </c>
      <c r="AQ19940">
        <v>52</v>
      </c>
    </row>
    <row r="19941" spans="1:43">
      <c r="A19941" t="s">
        <v>12348</v>
      </c>
      <c r="B19941" t="s">
        <v>12349</v>
      </c>
      <c r="C19941" t="s">
        <v>12346</v>
      </c>
      <c r="D19941" t="s">
        <v>12347</v>
      </c>
      <c r="E19941" t="s">
        <v>12188</v>
      </c>
      <c r="F19941" t="s">
        <v>12189</v>
      </c>
      <c r="G19941" t="s">
        <v>10450</v>
      </c>
      <c r="H19941" t="s">
        <v>10451</v>
      </c>
      <c r="I19941" s="2">
        <v>1</v>
      </c>
      <c r="J19941" s="2">
        <v>0</v>
      </c>
      <c r="K19941" s="2">
        <v>0</v>
      </c>
      <c r="L19941" t="s">
        <v>120</v>
      </c>
      <c r="M19941" t="s">
        <v>83</v>
      </c>
      <c r="N19941" t="s">
        <v>91</v>
      </c>
      <c r="O19941" t="s">
        <v>85</v>
      </c>
      <c r="P19941" t="s">
        <v>86</v>
      </c>
      <c r="Q19941">
        <v>35</v>
      </c>
      <c r="R19941">
        <v>36</v>
      </c>
      <c r="S19941">
        <v>36</v>
      </c>
      <c r="T19941">
        <v>37</v>
      </c>
      <c r="U19941">
        <v>38</v>
      </c>
      <c r="V19941">
        <v>38</v>
      </c>
      <c r="W19941">
        <v>39</v>
      </c>
      <c r="X19941">
        <v>40</v>
      </c>
      <c r="Y19941">
        <v>40</v>
      </c>
      <c r="Z19941">
        <v>41</v>
      </c>
      <c r="AA19941">
        <v>42</v>
      </c>
      <c r="AB19941">
        <v>43</v>
      </c>
      <c r="AC19941">
        <v>43</v>
      </c>
      <c r="AD19941">
        <v>44</v>
      </c>
      <c r="AE19941">
        <v>45</v>
      </c>
      <c r="AF19941">
        <v>45</v>
      </c>
      <c r="AG19941">
        <v>46</v>
      </c>
      <c r="AH19941">
        <v>47</v>
      </c>
      <c r="AI19941">
        <v>48</v>
      </c>
      <c r="AJ19941">
        <v>48</v>
      </c>
      <c r="AK19941">
        <v>49</v>
      </c>
      <c r="AL19941">
        <v>50</v>
      </c>
      <c r="AM19941">
        <v>50</v>
      </c>
      <c r="AN19941">
        <v>50</v>
      </c>
      <c r="AO19941">
        <v>51</v>
      </c>
      <c r="AP19941">
        <v>51</v>
      </c>
      <c r="AQ19941">
        <v>51</v>
      </c>
    </row>
    <row r="19942" spans="1:43">
      <c r="A19942" t="s">
        <v>12350</v>
      </c>
      <c r="B19942" t="s">
        <v>12351</v>
      </c>
      <c r="C19942" t="s">
        <v>12346</v>
      </c>
      <c r="D19942" t="s">
        <v>12347</v>
      </c>
      <c r="E19942" t="s">
        <v>12188</v>
      </c>
      <c r="F19942" t="s">
        <v>12189</v>
      </c>
      <c r="G19942" t="s">
        <v>10450</v>
      </c>
      <c r="H19942" t="s">
        <v>10451</v>
      </c>
      <c r="I19942" s="2">
        <v>1</v>
      </c>
      <c r="J19942" s="2">
        <v>0</v>
      </c>
      <c r="K19942" s="2">
        <v>0</v>
      </c>
      <c r="L19942" t="s">
        <v>120</v>
      </c>
      <c r="M19942" t="s">
        <v>83</v>
      </c>
      <c r="N19942" t="s">
        <v>84</v>
      </c>
      <c r="O19942" t="s">
        <v>85</v>
      </c>
      <c r="P19942" t="s">
        <v>86</v>
      </c>
      <c r="Q19942">
        <v>5</v>
      </c>
      <c r="R19942">
        <v>5</v>
      </c>
      <c r="S19942">
        <v>5</v>
      </c>
      <c r="T19942">
        <v>5</v>
      </c>
      <c r="U19942">
        <v>5</v>
      </c>
      <c r="V19942">
        <v>5</v>
      </c>
      <c r="W19942">
        <v>5</v>
      </c>
      <c r="X19942">
        <v>5</v>
      </c>
      <c r="Y19942">
        <v>5</v>
      </c>
      <c r="Z19942">
        <v>5</v>
      </c>
      <c r="AA19942">
        <v>5</v>
      </c>
      <c r="AB19942">
        <v>5</v>
      </c>
      <c r="AC19942">
        <v>6</v>
      </c>
      <c r="AD19942">
        <v>6</v>
      </c>
      <c r="AE19942">
        <v>6</v>
      </c>
      <c r="AF19942">
        <v>6</v>
      </c>
      <c r="AG19942">
        <v>6</v>
      </c>
      <c r="AH19942">
        <v>6</v>
      </c>
      <c r="AI19942">
        <v>6</v>
      </c>
      <c r="AJ19942">
        <v>6</v>
      </c>
      <c r="AK19942">
        <v>6</v>
      </c>
      <c r="AL19942">
        <v>6</v>
      </c>
      <c r="AM19942">
        <v>6</v>
      </c>
      <c r="AN19942">
        <v>6</v>
      </c>
      <c r="AO19942">
        <v>6</v>
      </c>
      <c r="AP19942">
        <v>7</v>
      </c>
      <c r="AQ19942">
        <v>7</v>
      </c>
    </row>
    <row r="19943" spans="1:43">
      <c r="A19943" t="s">
        <v>12350</v>
      </c>
      <c r="B19943" t="s">
        <v>12351</v>
      </c>
      <c r="C19943" t="s">
        <v>12346</v>
      </c>
      <c r="D19943" t="s">
        <v>12347</v>
      </c>
      <c r="E19943" t="s">
        <v>12188</v>
      </c>
      <c r="F19943" t="s">
        <v>12189</v>
      </c>
      <c r="G19943" t="s">
        <v>10450</v>
      </c>
      <c r="H19943" t="s">
        <v>10451</v>
      </c>
      <c r="I19943" s="2">
        <v>1</v>
      </c>
      <c r="J19943" s="2">
        <v>0</v>
      </c>
      <c r="K19943" s="2">
        <v>0</v>
      </c>
      <c r="L19943" t="s">
        <v>120</v>
      </c>
      <c r="M19943" t="s">
        <v>87</v>
      </c>
      <c r="N19943" t="s">
        <v>88</v>
      </c>
      <c r="O19943" t="s">
        <v>85</v>
      </c>
      <c r="P19943" t="s">
        <v>86</v>
      </c>
      <c r="Q19943">
        <v>5</v>
      </c>
      <c r="R19943">
        <v>6</v>
      </c>
      <c r="S19943">
        <v>6</v>
      </c>
      <c r="T19943">
        <v>6</v>
      </c>
      <c r="U19943">
        <v>6</v>
      </c>
      <c r="V19943">
        <v>6</v>
      </c>
      <c r="W19943">
        <v>6</v>
      </c>
      <c r="X19943">
        <v>6</v>
      </c>
      <c r="Y19943">
        <v>6</v>
      </c>
      <c r="Z19943">
        <v>6</v>
      </c>
      <c r="AA19943">
        <v>6</v>
      </c>
      <c r="AB19943">
        <v>6</v>
      </c>
      <c r="AC19943">
        <v>6</v>
      </c>
      <c r="AD19943">
        <v>6</v>
      </c>
      <c r="AE19943">
        <v>6</v>
      </c>
      <c r="AF19943">
        <v>6</v>
      </c>
      <c r="AG19943">
        <v>6</v>
      </c>
      <c r="AH19943">
        <v>6</v>
      </c>
      <c r="AI19943">
        <v>6</v>
      </c>
      <c r="AJ19943">
        <v>6</v>
      </c>
      <c r="AK19943">
        <v>6</v>
      </c>
      <c r="AL19943">
        <v>6</v>
      </c>
      <c r="AM19943">
        <v>6</v>
      </c>
      <c r="AN19943">
        <v>7</v>
      </c>
      <c r="AO19943">
        <v>7</v>
      </c>
      <c r="AP19943">
        <v>7</v>
      </c>
      <c r="AQ19943">
        <v>7</v>
      </c>
    </row>
    <row r="19944" spans="1:43">
      <c r="A19944" t="s">
        <v>12350</v>
      </c>
      <c r="B19944" t="s">
        <v>12351</v>
      </c>
      <c r="C19944" t="s">
        <v>12346</v>
      </c>
      <c r="D19944" t="s">
        <v>12347</v>
      </c>
      <c r="E19944" t="s">
        <v>12188</v>
      </c>
      <c r="F19944" t="s">
        <v>12189</v>
      </c>
      <c r="G19944" t="s">
        <v>10450</v>
      </c>
      <c r="H19944" t="s">
        <v>10451</v>
      </c>
      <c r="I19944" s="2">
        <v>1</v>
      </c>
      <c r="J19944" s="2">
        <v>0</v>
      </c>
      <c r="K19944" s="2">
        <v>0</v>
      </c>
      <c r="L19944" t="s">
        <v>120</v>
      </c>
      <c r="M19944" t="s">
        <v>89</v>
      </c>
      <c r="N19944" t="s">
        <v>90</v>
      </c>
      <c r="O19944" t="s">
        <v>85</v>
      </c>
      <c r="P19944" t="s">
        <v>86</v>
      </c>
      <c r="Q19944">
        <v>5</v>
      </c>
      <c r="R19944">
        <v>5</v>
      </c>
      <c r="S19944">
        <v>5</v>
      </c>
      <c r="T19944">
        <v>5</v>
      </c>
      <c r="U19944">
        <v>5</v>
      </c>
      <c r="V19944">
        <v>5</v>
      </c>
      <c r="W19944">
        <v>5</v>
      </c>
      <c r="X19944">
        <v>5</v>
      </c>
      <c r="Y19944">
        <v>6</v>
      </c>
      <c r="Z19944">
        <v>6</v>
      </c>
      <c r="AA19944">
        <v>6</v>
      </c>
      <c r="AB19944">
        <v>6</v>
      </c>
      <c r="AC19944">
        <v>6</v>
      </c>
      <c r="AD19944">
        <v>6</v>
      </c>
      <c r="AE19944">
        <v>6</v>
      </c>
      <c r="AF19944">
        <v>6</v>
      </c>
      <c r="AG19944">
        <v>6</v>
      </c>
      <c r="AH19944">
        <v>6</v>
      </c>
      <c r="AI19944">
        <v>6</v>
      </c>
      <c r="AJ19944">
        <v>6</v>
      </c>
      <c r="AK19944">
        <v>6</v>
      </c>
      <c r="AL19944">
        <v>6</v>
      </c>
      <c r="AM19944">
        <v>6</v>
      </c>
      <c r="AN19944">
        <v>7</v>
      </c>
      <c r="AO19944">
        <v>7</v>
      </c>
      <c r="AP19944">
        <v>7</v>
      </c>
      <c r="AQ19944">
        <v>7</v>
      </c>
    </row>
    <row r="19945" spans="1:43">
      <c r="A19945" t="s">
        <v>12350</v>
      </c>
      <c r="B19945" t="s">
        <v>12351</v>
      </c>
      <c r="C19945" t="s">
        <v>12346</v>
      </c>
      <c r="D19945" t="s">
        <v>12347</v>
      </c>
      <c r="E19945" t="s">
        <v>12188</v>
      </c>
      <c r="F19945" t="s">
        <v>12189</v>
      </c>
      <c r="G19945" t="s">
        <v>10450</v>
      </c>
      <c r="H19945" t="s">
        <v>10451</v>
      </c>
      <c r="I19945" s="2">
        <v>1</v>
      </c>
      <c r="J19945" s="2">
        <v>0</v>
      </c>
      <c r="K19945" s="2">
        <v>0</v>
      </c>
      <c r="L19945" t="s">
        <v>120</v>
      </c>
      <c r="M19945" t="s">
        <v>83</v>
      </c>
      <c r="N19945" t="s">
        <v>91</v>
      </c>
      <c r="O19945" t="s">
        <v>85</v>
      </c>
      <c r="P19945" t="s">
        <v>86</v>
      </c>
      <c r="Q19945">
        <v>5</v>
      </c>
      <c r="R19945">
        <v>5</v>
      </c>
      <c r="S19945">
        <v>5</v>
      </c>
      <c r="T19945">
        <v>5</v>
      </c>
      <c r="U19945">
        <v>5</v>
      </c>
      <c r="V19945">
        <v>5</v>
      </c>
      <c r="W19945">
        <v>5</v>
      </c>
      <c r="X19945">
        <v>5</v>
      </c>
      <c r="Y19945">
        <v>5</v>
      </c>
      <c r="Z19945">
        <v>5</v>
      </c>
      <c r="AA19945">
        <v>5</v>
      </c>
      <c r="AB19945">
        <v>5</v>
      </c>
      <c r="AC19945">
        <v>6</v>
      </c>
      <c r="AD19945">
        <v>6</v>
      </c>
      <c r="AE19945">
        <v>6</v>
      </c>
      <c r="AF19945">
        <v>6</v>
      </c>
      <c r="AG19945">
        <v>6</v>
      </c>
      <c r="AH19945">
        <v>6</v>
      </c>
      <c r="AI19945">
        <v>6</v>
      </c>
      <c r="AJ19945">
        <v>6</v>
      </c>
      <c r="AK19945">
        <v>6</v>
      </c>
      <c r="AL19945">
        <v>6</v>
      </c>
      <c r="AM19945">
        <v>6</v>
      </c>
      <c r="AN19945">
        <v>6</v>
      </c>
      <c r="AO19945">
        <v>6</v>
      </c>
      <c r="AP19945">
        <v>7</v>
      </c>
      <c r="AQ19945">
        <v>7</v>
      </c>
    </row>
    <row r="19946" spans="1:43">
      <c r="A19946" t="s">
        <v>12352</v>
      </c>
      <c r="B19946" t="s">
        <v>12353</v>
      </c>
      <c r="C19946" t="s">
        <v>12346</v>
      </c>
      <c r="D19946" t="s">
        <v>12347</v>
      </c>
      <c r="E19946" t="s">
        <v>12188</v>
      </c>
      <c r="F19946" t="s">
        <v>12189</v>
      </c>
      <c r="G19946" t="s">
        <v>10450</v>
      </c>
      <c r="H19946" t="s">
        <v>10451</v>
      </c>
      <c r="I19946" s="2">
        <v>1</v>
      </c>
      <c r="J19946" s="2">
        <v>0</v>
      </c>
      <c r="K19946" s="2">
        <v>0</v>
      </c>
      <c r="L19946" t="s">
        <v>120</v>
      </c>
      <c r="M19946" t="s">
        <v>83</v>
      </c>
      <c r="N19946" t="s">
        <v>84</v>
      </c>
      <c r="O19946" t="s">
        <v>85</v>
      </c>
      <c r="P19946" t="s">
        <v>86</v>
      </c>
      <c r="Q19946">
        <v>15</v>
      </c>
      <c r="R19946">
        <v>15</v>
      </c>
      <c r="S19946">
        <v>15</v>
      </c>
      <c r="T19946">
        <v>16</v>
      </c>
      <c r="U19946">
        <v>16</v>
      </c>
      <c r="V19946">
        <v>16</v>
      </c>
      <c r="W19946">
        <v>16</v>
      </c>
      <c r="X19946">
        <v>16</v>
      </c>
      <c r="Y19946">
        <v>17</v>
      </c>
      <c r="Z19946">
        <v>17</v>
      </c>
      <c r="AA19946">
        <v>17</v>
      </c>
      <c r="AB19946">
        <v>17</v>
      </c>
      <c r="AC19946">
        <v>17</v>
      </c>
      <c r="AD19946">
        <v>18</v>
      </c>
      <c r="AE19946">
        <v>18</v>
      </c>
      <c r="AF19946">
        <v>18</v>
      </c>
      <c r="AG19946">
        <v>18</v>
      </c>
      <c r="AH19946">
        <v>18</v>
      </c>
      <c r="AI19946">
        <v>19</v>
      </c>
      <c r="AJ19946">
        <v>19</v>
      </c>
      <c r="AK19946">
        <v>19</v>
      </c>
      <c r="AL19946">
        <v>19</v>
      </c>
      <c r="AM19946">
        <v>19</v>
      </c>
      <c r="AN19946">
        <v>19</v>
      </c>
      <c r="AO19946">
        <v>19</v>
      </c>
      <c r="AP19946">
        <v>19</v>
      </c>
      <c r="AQ19946">
        <v>19</v>
      </c>
    </row>
    <row r="19947" spans="1:43">
      <c r="A19947" t="s">
        <v>12352</v>
      </c>
      <c r="B19947" t="s">
        <v>12353</v>
      </c>
      <c r="C19947" t="s">
        <v>12346</v>
      </c>
      <c r="D19947" t="s">
        <v>12347</v>
      </c>
      <c r="E19947" t="s">
        <v>12188</v>
      </c>
      <c r="F19947" t="s">
        <v>12189</v>
      </c>
      <c r="G19947" t="s">
        <v>10450</v>
      </c>
      <c r="H19947" t="s">
        <v>10451</v>
      </c>
      <c r="I19947" s="2">
        <v>1</v>
      </c>
      <c r="J19947" s="2">
        <v>0</v>
      </c>
      <c r="K19947" s="2">
        <v>0</v>
      </c>
      <c r="L19947" t="s">
        <v>120</v>
      </c>
      <c r="M19947" t="s">
        <v>87</v>
      </c>
      <c r="N19947" t="s">
        <v>88</v>
      </c>
      <c r="O19947" t="s">
        <v>85</v>
      </c>
      <c r="P19947" t="s">
        <v>86</v>
      </c>
      <c r="Q19947">
        <v>15</v>
      </c>
      <c r="R19947">
        <v>15</v>
      </c>
      <c r="S19947">
        <v>15</v>
      </c>
      <c r="T19947">
        <v>15</v>
      </c>
      <c r="U19947">
        <v>15</v>
      </c>
      <c r="V19947">
        <v>15</v>
      </c>
      <c r="W19947">
        <v>15</v>
      </c>
      <c r="X19947">
        <v>15</v>
      </c>
      <c r="Y19947">
        <v>15</v>
      </c>
      <c r="Z19947">
        <v>15</v>
      </c>
      <c r="AA19947">
        <v>16</v>
      </c>
      <c r="AB19947">
        <v>16</v>
      </c>
      <c r="AC19947">
        <v>16</v>
      </c>
      <c r="AD19947">
        <v>16</v>
      </c>
      <c r="AE19947">
        <v>16</v>
      </c>
      <c r="AF19947">
        <v>16</v>
      </c>
      <c r="AG19947">
        <v>16</v>
      </c>
      <c r="AH19947">
        <v>16</v>
      </c>
      <c r="AI19947">
        <v>16</v>
      </c>
      <c r="AJ19947">
        <v>16</v>
      </c>
      <c r="AK19947">
        <v>16</v>
      </c>
      <c r="AL19947">
        <v>16</v>
      </c>
      <c r="AM19947">
        <v>16</v>
      </c>
      <c r="AN19947">
        <v>16</v>
      </c>
      <c r="AO19947">
        <v>16</v>
      </c>
      <c r="AP19947">
        <v>17</v>
      </c>
      <c r="AQ19947">
        <v>17</v>
      </c>
    </row>
    <row r="19948" spans="1:43">
      <c r="A19948" t="s">
        <v>12352</v>
      </c>
      <c r="B19948" t="s">
        <v>12353</v>
      </c>
      <c r="C19948" t="s">
        <v>12346</v>
      </c>
      <c r="D19948" t="s">
        <v>12347</v>
      </c>
      <c r="E19948" t="s">
        <v>12188</v>
      </c>
      <c r="F19948" t="s">
        <v>12189</v>
      </c>
      <c r="G19948" t="s">
        <v>10450</v>
      </c>
      <c r="H19948" t="s">
        <v>10451</v>
      </c>
      <c r="I19948" s="2">
        <v>1</v>
      </c>
      <c r="J19948" s="2">
        <v>0</v>
      </c>
      <c r="K19948" s="2">
        <v>0</v>
      </c>
      <c r="L19948" t="s">
        <v>120</v>
      </c>
      <c r="M19948" t="s">
        <v>89</v>
      </c>
      <c r="N19948" t="s">
        <v>90</v>
      </c>
      <c r="O19948" t="s">
        <v>85</v>
      </c>
      <c r="P19948" t="s">
        <v>86</v>
      </c>
      <c r="Q19948">
        <v>15</v>
      </c>
      <c r="R19948">
        <v>15</v>
      </c>
      <c r="S19948">
        <v>16</v>
      </c>
      <c r="T19948">
        <v>16</v>
      </c>
      <c r="U19948">
        <v>16</v>
      </c>
      <c r="V19948">
        <v>17</v>
      </c>
      <c r="W19948">
        <v>17</v>
      </c>
      <c r="X19948">
        <v>17</v>
      </c>
      <c r="Y19948">
        <v>18</v>
      </c>
      <c r="Z19948">
        <v>18</v>
      </c>
      <c r="AA19948">
        <v>18</v>
      </c>
      <c r="AB19948">
        <v>18</v>
      </c>
      <c r="AC19948">
        <v>19</v>
      </c>
      <c r="AD19948">
        <v>19</v>
      </c>
      <c r="AE19948">
        <v>19</v>
      </c>
      <c r="AF19948">
        <v>19</v>
      </c>
      <c r="AG19948">
        <v>19</v>
      </c>
      <c r="AH19948">
        <v>19</v>
      </c>
      <c r="AI19948">
        <v>19</v>
      </c>
      <c r="AJ19948">
        <v>19</v>
      </c>
      <c r="AK19948">
        <v>19</v>
      </c>
      <c r="AL19948">
        <v>19</v>
      </c>
      <c r="AM19948">
        <v>19</v>
      </c>
      <c r="AN19948">
        <v>19</v>
      </c>
      <c r="AO19948">
        <v>19</v>
      </c>
      <c r="AP19948">
        <v>19</v>
      </c>
      <c r="AQ19948">
        <v>19</v>
      </c>
    </row>
    <row r="19949" spans="1:43">
      <c r="A19949" t="s">
        <v>12352</v>
      </c>
      <c r="B19949" t="s">
        <v>12353</v>
      </c>
      <c r="C19949" t="s">
        <v>12346</v>
      </c>
      <c r="D19949" t="s">
        <v>12347</v>
      </c>
      <c r="E19949" t="s">
        <v>12188</v>
      </c>
      <c r="F19949" t="s">
        <v>12189</v>
      </c>
      <c r="G19949" t="s">
        <v>10450</v>
      </c>
      <c r="H19949" t="s">
        <v>10451</v>
      </c>
      <c r="I19949" s="2">
        <v>1</v>
      </c>
      <c r="J19949" s="2">
        <v>0</v>
      </c>
      <c r="K19949" s="2">
        <v>0</v>
      </c>
      <c r="L19949" t="s">
        <v>120</v>
      </c>
      <c r="M19949" t="s">
        <v>83</v>
      </c>
      <c r="N19949" t="s">
        <v>91</v>
      </c>
      <c r="O19949" t="s">
        <v>85</v>
      </c>
      <c r="P19949" t="s">
        <v>86</v>
      </c>
      <c r="Q19949">
        <v>15</v>
      </c>
      <c r="R19949">
        <v>15</v>
      </c>
      <c r="S19949">
        <v>15</v>
      </c>
      <c r="T19949">
        <v>16</v>
      </c>
      <c r="U19949">
        <v>16</v>
      </c>
      <c r="V19949">
        <v>16</v>
      </c>
      <c r="W19949">
        <v>16</v>
      </c>
      <c r="X19949">
        <v>16</v>
      </c>
      <c r="Y19949">
        <v>17</v>
      </c>
      <c r="Z19949">
        <v>17</v>
      </c>
      <c r="AA19949">
        <v>17</v>
      </c>
      <c r="AB19949">
        <v>17</v>
      </c>
      <c r="AC19949">
        <v>17</v>
      </c>
      <c r="AD19949">
        <v>18</v>
      </c>
      <c r="AE19949">
        <v>18</v>
      </c>
      <c r="AF19949">
        <v>18</v>
      </c>
      <c r="AG19949">
        <v>18</v>
      </c>
      <c r="AH19949">
        <v>18</v>
      </c>
      <c r="AI19949">
        <v>19</v>
      </c>
      <c r="AJ19949">
        <v>19</v>
      </c>
      <c r="AK19949">
        <v>19</v>
      </c>
      <c r="AL19949">
        <v>19</v>
      </c>
      <c r="AM19949">
        <v>19</v>
      </c>
      <c r="AN19949">
        <v>19</v>
      </c>
      <c r="AO19949">
        <v>19</v>
      </c>
      <c r="AP19949">
        <v>19</v>
      </c>
      <c r="AQ19949">
        <v>19</v>
      </c>
    </row>
    <row r="19950" spans="1:43">
      <c r="A19950" t="s">
        <v>12354</v>
      </c>
      <c r="B19950" t="s">
        <v>12355</v>
      </c>
      <c r="C19950" t="s">
        <v>12242</v>
      </c>
      <c r="D19950" t="s">
        <v>12243</v>
      </c>
      <c r="E19950" t="s">
        <v>12188</v>
      </c>
      <c r="F19950" t="s">
        <v>12189</v>
      </c>
      <c r="G19950" t="s">
        <v>10450</v>
      </c>
      <c r="H19950" t="s">
        <v>10451</v>
      </c>
      <c r="I19950" s="2">
        <v>1</v>
      </c>
      <c r="J19950" s="2">
        <v>0</v>
      </c>
      <c r="K19950" s="2">
        <v>0</v>
      </c>
      <c r="L19950" t="s">
        <v>120</v>
      </c>
      <c r="M19950" t="s">
        <v>83</v>
      </c>
      <c r="N19950" t="s">
        <v>84</v>
      </c>
      <c r="O19950" t="s">
        <v>85</v>
      </c>
      <c r="P19950" t="s">
        <v>86</v>
      </c>
      <c r="Q19950">
        <v>25</v>
      </c>
      <c r="R19950">
        <v>25</v>
      </c>
      <c r="S19950">
        <v>26</v>
      </c>
      <c r="T19950">
        <v>26</v>
      </c>
      <c r="U19950">
        <v>27</v>
      </c>
      <c r="V19950">
        <v>27</v>
      </c>
      <c r="W19950">
        <v>28</v>
      </c>
      <c r="X19950">
        <v>28</v>
      </c>
      <c r="Y19950">
        <v>29</v>
      </c>
      <c r="Z19950">
        <v>29</v>
      </c>
      <c r="AA19950">
        <v>30</v>
      </c>
      <c r="AB19950">
        <v>30</v>
      </c>
      <c r="AC19950">
        <v>31</v>
      </c>
      <c r="AD19950">
        <v>31</v>
      </c>
      <c r="AE19950">
        <v>32</v>
      </c>
      <c r="AF19950">
        <v>32</v>
      </c>
      <c r="AG19950">
        <v>33</v>
      </c>
      <c r="AH19950">
        <v>33</v>
      </c>
      <c r="AI19950">
        <v>34</v>
      </c>
      <c r="AJ19950">
        <v>34</v>
      </c>
      <c r="AK19950">
        <v>35</v>
      </c>
      <c r="AL19950">
        <v>35</v>
      </c>
      <c r="AM19950">
        <v>35</v>
      </c>
      <c r="AN19950">
        <v>36</v>
      </c>
      <c r="AO19950">
        <v>36</v>
      </c>
      <c r="AP19950">
        <v>36</v>
      </c>
      <c r="AQ19950">
        <v>36</v>
      </c>
    </row>
    <row r="19951" spans="1:43">
      <c r="A19951" t="s">
        <v>12354</v>
      </c>
      <c r="B19951" t="s">
        <v>12355</v>
      </c>
      <c r="C19951" t="s">
        <v>12242</v>
      </c>
      <c r="D19951" t="s">
        <v>12243</v>
      </c>
      <c r="E19951" t="s">
        <v>12188</v>
      </c>
      <c r="F19951" t="s">
        <v>12189</v>
      </c>
      <c r="G19951" t="s">
        <v>10450</v>
      </c>
      <c r="H19951" t="s">
        <v>10451</v>
      </c>
      <c r="I19951" s="2">
        <v>1</v>
      </c>
      <c r="J19951" s="2">
        <v>0</v>
      </c>
      <c r="K19951" s="2">
        <v>0</v>
      </c>
      <c r="L19951" t="s">
        <v>120</v>
      </c>
      <c r="M19951" t="s">
        <v>87</v>
      </c>
      <c r="N19951" t="s">
        <v>88</v>
      </c>
      <c r="O19951" t="s">
        <v>85</v>
      </c>
      <c r="P19951" t="s">
        <v>86</v>
      </c>
      <c r="Q19951">
        <v>25</v>
      </c>
      <c r="R19951">
        <v>25</v>
      </c>
      <c r="S19951">
        <v>25</v>
      </c>
      <c r="T19951">
        <v>25</v>
      </c>
      <c r="U19951">
        <v>26</v>
      </c>
      <c r="V19951">
        <v>26</v>
      </c>
      <c r="W19951">
        <v>26</v>
      </c>
      <c r="X19951">
        <v>26</v>
      </c>
      <c r="Y19951">
        <v>27</v>
      </c>
      <c r="Z19951">
        <v>27</v>
      </c>
      <c r="AA19951">
        <v>27</v>
      </c>
      <c r="AB19951">
        <v>27</v>
      </c>
      <c r="AC19951">
        <v>28</v>
      </c>
      <c r="AD19951">
        <v>28</v>
      </c>
      <c r="AE19951">
        <v>28</v>
      </c>
      <c r="AF19951">
        <v>28</v>
      </c>
      <c r="AG19951">
        <v>29</v>
      </c>
      <c r="AH19951">
        <v>29</v>
      </c>
      <c r="AI19951">
        <v>29</v>
      </c>
      <c r="AJ19951">
        <v>29</v>
      </c>
      <c r="AK19951">
        <v>30</v>
      </c>
      <c r="AL19951">
        <v>30</v>
      </c>
      <c r="AM19951">
        <v>30</v>
      </c>
      <c r="AN19951">
        <v>31</v>
      </c>
      <c r="AO19951">
        <v>31</v>
      </c>
      <c r="AP19951">
        <v>31</v>
      </c>
      <c r="AQ19951">
        <v>32</v>
      </c>
    </row>
    <row r="19952" spans="1:43">
      <c r="A19952" t="s">
        <v>12354</v>
      </c>
      <c r="B19952" t="s">
        <v>12355</v>
      </c>
      <c r="C19952" t="s">
        <v>12242</v>
      </c>
      <c r="D19952" t="s">
        <v>12243</v>
      </c>
      <c r="E19952" t="s">
        <v>12188</v>
      </c>
      <c r="F19952" t="s">
        <v>12189</v>
      </c>
      <c r="G19952" t="s">
        <v>10450</v>
      </c>
      <c r="H19952" t="s">
        <v>10451</v>
      </c>
      <c r="I19952" s="2">
        <v>1</v>
      </c>
      <c r="J19952" s="2">
        <v>0</v>
      </c>
      <c r="K19952" s="2">
        <v>0</v>
      </c>
      <c r="L19952" t="s">
        <v>120</v>
      </c>
      <c r="M19952" t="s">
        <v>89</v>
      </c>
      <c r="N19952" t="s">
        <v>90</v>
      </c>
      <c r="O19952" t="s">
        <v>85</v>
      </c>
      <c r="P19952" t="s">
        <v>86</v>
      </c>
      <c r="Q19952">
        <v>25</v>
      </c>
      <c r="R19952">
        <v>26</v>
      </c>
      <c r="S19952">
        <v>27</v>
      </c>
      <c r="T19952">
        <v>27</v>
      </c>
      <c r="U19952">
        <v>28</v>
      </c>
      <c r="V19952">
        <v>29</v>
      </c>
      <c r="W19952">
        <v>29</v>
      </c>
      <c r="X19952">
        <v>30</v>
      </c>
      <c r="Y19952">
        <v>30</v>
      </c>
      <c r="Z19952">
        <v>31</v>
      </c>
      <c r="AA19952">
        <v>32</v>
      </c>
      <c r="AB19952">
        <v>32</v>
      </c>
      <c r="AC19952">
        <v>33</v>
      </c>
      <c r="AD19952">
        <v>34</v>
      </c>
      <c r="AE19952">
        <v>34</v>
      </c>
      <c r="AF19952">
        <v>34</v>
      </c>
      <c r="AG19952">
        <v>34</v>
      </c>
      <c r="AH19952">
        <v>35</v>
      </c>
      <c r="AI19952">
        <v>35</v>
      </c>
      <c r="AJ19952">
        <v>35</v>
      </c>
      <c r="AK19952">
        <v>35</v>
      </c>
      <c r="AL19952">
        <v>35</v>
      </c>
      <c r="AM19952">
        <v>36</v>
      </c>
      <c r="AN19952">
        <v>36</v>
      </c>
      <c r="AO19952">
        <v>36</v>
      </c>
      <c r="AP19952">
        <v>36</v>
      </c>
      <c r="AQ19952">
        <v>36</v>
      </c>
    </row>
    <row r="19953" spans="1:43">
      <c r="A19953" t="s">
        <v>12354</v>
      </c>
      <c r="B19953" t="s">
        <v>12355</v>
      </c>
      <c r="C19953" t="s">
        <v>12242</v>
      </c>
      <c r="D19953" t="s">
        <v>12243</v>
      </c>
      <c r="E19953" t="s">
        <v>12188</v>
      </c>
      <c r="F19953" t="s">
        <v>12189</v>
      </c>
      <c r="G19953" t="s">
        <v>10450</v>
      </c>
      <c r="H19953" t="s">
        <v>10451</v>
      </c>
      <c r="I19953" s="2">
        <v>1</v>
      </c>
      <c r="J19953" s="2">
        <v>0</v>
      </c>
      <c r="K19953" s="2">
        <v>0</v>
      </c>
      <c r="L19953" t="s">
        <v>120</v>
      </c>
      <c r="M19953" t="s">
        <v>83</v>
      </c>
      <c r="N19953" t="s">
        <v>91</v>
      </c>
      <c r="O19953" t="s">
        <v>85</v>
      </c>
      <c r="P19953" t="s">
        <v>86</v>
      </c>
      <c r="Q19953">
        <v>25</v>
      </c>
      <c r="R19953">
        <v>25</v>
      </c>
      <c r="S19953">
        <v>26</v>
      </c>
      <c r="T19953">
        <v>26</v>
      </c>
      <c r="U19953">
        <v>27</v>
      </c>
      <c r="V19953">
        <v>27</v>
      </c>
      <c r="W19953">
        <v>28</v>
      </c>
      <c r="X19953">
        <v>28</v>
      </c>
      <c r="Y19953">
        <v>29</v>
      </c>
      <c r="Z19953">
        <v>29</v>
      </c>
      <c r="AA19953">
        <v>30</v>
      </c>
      <c r="AB19953">
        <v>30</v>
      </c>
      <c r="AC19953">
        <v>31</v>
      </c>
      <c r="AD19953">
        <v>31</v>
      </c>
      <c r="AE19953">
        <v>32</v>
      </c>
      <c r="AF19953">
        <v>32</v>
      </c>
      <c r="AG19953">
        <v>33</v>
      </c>
      <c r="AH19953">
        <v>33</v>
      </c>
      <c r="AI19953">
        <v>34</v>
      </c>
      <c r="AJ19953">
        <v>34</v>
      </c>
      <c r="AK19953">
        <v>35</v>
      </c>
      <c r="AL19953">
        <v>35</v>
      </c>
      <c r="AM19953">
        <v>35</v>
      </c>
      <c r="AN19953">
        <v>36</v>
      </c>
      <c r="AO19953">
        <v>36</v>
      </c>
      <c r="AP19953">
        <v>36</v>
      </c>
      <c r="AQ19953">
        <v>36</v>
      </c>
    </row>
    <row r="19954" spans="1:43">
      <c r="A19954" t="s">
        <v>12356</v>
      </c>
      <c r="B19954" t="s">
        <v>12357</v>
      </c>
      <c r="C19954" t="s">
        <v>12358</v>
      </c>
      <c r="D19954" t="s">
        <v>12359</v>
      </c>
      <c r="E19954" t="s">
        <v>12188</v>
      </c>
      <c r="F19954" t="s">
        <v>12189</v>
      </c>
      <c r="G19954" t="s">
        <v>10450</v>
      </c>
      <c r="H19954" t="s">
        <v>10451</v>
      </c>
      <c r="I19954" s="2">
        <v>1</v>
      </c>
      <c r="J19954" s="2">
        <v>0</v>
      </c>
      <c r="K19954" s="2">
        <v>0</v>
      </c>
      <c r="L19954" t="s">
        <v>120</v>
      </c>
      <c r="M19954" t="s">
        <v>83</v>
      </c>
      <c r="N19954" t="s">
        <v>84</v>
      </c>
      <c r="O19954" t="s">
        <v>85</v>
      </c>
      <c r="P19954" t="s">
        <v>86</v>
      </c>
      <c r="Q19954">
        <v>4</v>
      </c>
      <c r="R19954">
        <v>4</v>
      </c>
      <c r="S19954">
        <v>4</v>
      </c>
      <c r="T19954">
        <v>4</v>
      </c>
      <c r="U19954">
        <v>4</v>
      </c>
      <c r="V19954">
        <v>4</v>
      </c>
      <c r="W19954">
        <v>4</v>
      </c>
      <c r="X19954">
        <v>4</v>
      </c>
      <c r="Y19954">
        <v>4</v>
      </c>
      <c r="Z19954">
        <v>4</v>
      </c>
      <c r="AA19954">
        <v>4</v>
      </c>
      <c r="AB19954">
        <v>4</v>
      </c>
      <c r="AC19954">
        <v>4</v>
      </c>
      <c r="AD19954">
        <v>4</v>
      </c>
      <c r="AE19954">
        <v>4</v>
      </c>
      <c r="AF19954">
        <v>5</v>
      </c>
      <c r="AG19954">
        <v>5</v>
      </c>
      <c r="AH19954">
        <v>5</v>
      </c>
      <c r="AI19954">
        <v>5</v>
      </c>
      <c r="AJ19954">
        <v>5</v>
      </c>
      <c r="AK19954">
        <v>5</v>
      </c>
      <c r="AL19954">
        <v>5</v>
      </c>
      <c r="AM19954">
        <v>5</v>
      </c>
      <c r="AN19954">
        <v>5</v>
      </c>
      <c r="AO19954">
        <v>5</v>
      </c>
      <c r="AP19954">
        <v>5</v>
      </c>
      <c r="AQ19954">
        <v>5</v>
      </c>
    </row>
    <row r="19955" spans="1:43">
      <c r="A19955" t="s">
        <v>12356</v>
      </c>
      <c r="B19955" t="s">
        <v>12357</v>
      </c>
      <c r="C19955" t="s">
        <v>12358</v>
      </c>
      <c r="D19955" t="s">
        <v>12359</v>
      </c>
      <c r="E19955" t="s">
        <v>12188</v>
      </c>
      <c r="F19955" t="s">
        <v>12189</v>
      </c>
      <c r="G19955" t="s">
        <v>10450</v>
      </c>
      <c r="H19955" t="s">
        <v>10451</v>
      </c>
      <c r="I19955" s="2">
        <v>1</v>
      </c>
      <c r="J19955" s="2">
        <v>0</v>
      </c>
      <c r="K19955" s="2">
        <v>0</v>
      </c>
      <c r="L19955" t="s">
        <v>120</v>
      </c>
      <c r="M19955" t="s">
        <v>87</v>
      </c>
      <c r="N19955" t="s">
        <v>88</v>
      </c>
      <c r="O19955" t="s">
        <v>85</v>
      </c>
      <c r="P19955" t="s">
        <v>86</v>
      </c>
      <c r="Q19955">
        <v>4</v>
      </c>
      <c r="R19955">
        <v>5</v>
      </c>
      <c r="S19955">
        <v>5</v>
      </c>
      <c r="T19955">
        <v>5</v>
      </c>
      <c r="U19955">
        <v>5</v>
      </c>
      <c r="V19955">
        <v>5</v>
      </c>
      <c r="W19955">
        <v>5</v>
      </c>
      <c r="X19955">
        <v>5</v>
      </c>
      <c r="Y19955">
        <v>5</v>
      </c>
      <c r="Z19955">
        <v>5</v>
      </c>
      <c r="AA19955">
        <v>5</v>
      </c>
      <c r="AB19955">
        <v>5</v>
      </c>
      <c r="AC19955">
        <v>5</v>
      </c>
      <c r="AD19955">
        <v>5</v>
      </c>
      <c r="AE19955">
        <v>5</v>
      </c>
      <c r="AF19955">
        <v>5</v>
      </c>
      <c r="AG19955">
        <v>5</v>
      </c>
      <c r="AH19955">
        <v>5</v>
      </c>
      <c r="AI19955">
        <v>5</v>
      </c>
      <c r="AJ19955">
        <v>5</v>
      </c>
      <c r="AK19955">
        <v>5</v>
      </c>
      <c r="AL19955">
        <v>5</v>
      </c>
      <c r="AM19955">
        <v>5</v>
      </c>
      <c r="AN19955">
        <v>5</v>
      </c>
      <c r="AO19955">
        <v>5</v>
      </c>
      <c r="AP19955">
        <v>5</v>
      </c>
      <c r="AQ19955">
        <v>5</v>
      </c>
    </row>
    <row r="19956" spans="1:43">
      <c r="A19956" t="s">
        <v>12356</v>
      </c>
      <c r="B19956" t="s">
        <v>12357</v>
      </c>
      <c r="C19956" t="s">
        <v>12358</v>
      </c>
      <c r="D19956" t="s">
        <v>12359</v>
      </c>
      <c r="E19956" t="s">
        <v>12188</v>
      </c>
      <c r="F19956" t="s">
        <v>12189</v>
      </c>
      <c r="G19956" t="s">
        <v>10450</v>
      </c>
      <c r="H19956" t="s">
        <v>10451</v>
      </c>
      <c r="I19956" s="2">
        <v>1</v>
      </c>
      <c r="J19956" s="2">
        <v>0</v>
      </c>
      <c r="K19956" s="2">
        <v>0</v>
      </c>
      <c r="L19956" t="s">
        <v>120</v>
      </c>
      <c r="M19956" t="s">
        <v>89</v>
      </c>
      <c r="N19956" t="s">
        <v>90</v>
      </c>
      <c r="O19956" t="s">
        <v>85</v>
      </c>
      <c r="P19956" t="s">
        <v>86</v>
      </c>
      <c r="Q19956">
        <v>4</v>
      </c>
      <c r="R19956">
        <v>4</v>
      </c>
      <c r="S19956">
        <v>4</v>
      </c>
      <c r="T19956">
        <v>4</v>
      </c>
      <c r="U19956">
        <v>4</v>
      </c>
      <c r="V19956">
        <v>4</v>
      </c>
      <c r="W19956">
        <v>4</v>
      </c>
      <c r="X19956">
        <v>4</v>
      </c>
      <c r="Y19956">
        <v>4</v>
      </c>
      <c r="Z19956">
        <v>4</v>
      </c>
      <c r="AA19956">
        <v>4</v>
      </c>
      <c r="AB19956">
        <v>5</v>
      </c>
      <c r="AC19956">
        <v>5</v>
      </c>
      <c r="AD19956">
        <v>5</v>
      </c>
      <c r="AE19956">
        <v>5</v>
      </c>
      <c r="AF19956">
        <v>5</v>
      </c>
      <c r="AG19956">
        <v>5</v>
      </c>
      <c r="AH19956">
        <v>5</v>
      </c>
      <c r="AI19956">
        <v>5</v>
      </c>
      <c r="AJ19956">
        <v>5</v>
      </c>
      <c r="AK19956">
        <v>5</v>
      </c>
      <c r="AL19956">
        <v>5</v>
      </c>
      <c r="AM19956">
        <v>5</v>
      </c>
      <c r="AN19956">
        <v>5</v>
      </c>
      <c r="AO19956">
        <v>5</v>
      </c>
      <c r="AP19956">
        <v>5</v>
      </c>
      <c r="AQ19956">
        <v>5</v>
      </c>
    </row>
    <row r="19957" spans="1:43">
      <c r="A19957" t="s">
        <v>12356</v>
      </c>
      <c r="B19957" t="s">
        <v>12357</v>
      </c>
      <c r="C19957" t="s">
        <v>12358</v>
      </c>
      <c r="D19957" t="s">
        <v>12359</v>
      </c>
      <c r="E19957" t="s">
        <v>12188</v>
      </c>
      <c r="F19957" t="s">
        <v>12189</v>
      </c>
      <c r="G19957" t="s">
        <v>10450</v>
      </c>
      <c r="H19957" t="s">
        <v>10451</v>
      </c>
      <c r="I19957" s="2">
        <v>1</v>
      </c>
      <c r="J19957" s="2">
        <v>0</v>
      </c>
      <c r="K19957" s="2">
        <v>0</v>
      </c>
      <c r="L19957" t="s">
        <v>120</v>
      </c>
      <c r="M19957" t="s">
        <v>83</v>
      </c>
      <c r="N19957" t="s">
        <v>91</v>
      </c>
      <c r="O19957" t="s">
        <v>85</v>
      </c>
      <c r="P19957" t="s">
        <v>86</v>
      </c>
      <c r="Q19957">
        <v>4</v>
      </c>
      <c r="R19957">
        <v>4</v>
      </c>
      <c r="S19957">
        <v>4</v>
      </c>
      <c r="T19957">
        <v>4</v>
      </c>
      <c r="U19957">
        <v>4</v>
      </c>
      <c r="V19957">
        <v>4</v>
      </c>
      <c r="W19957">
        <v>4</v>
      </c>
      <c r="X19957">
        <v>4</v>
      </c>
      <c r="Y19957">
        <v>4</v>
      </c>
      <c r="Z19957">
        <v>4</v>
      </c>
      <c r="AA19957">
        <v>4</v>
      </c>
      <c r="AB19957">
        <v>4</v>
      </c>
      <c r="AC19957">
        <v>4</v>
      </c>
      <c r="AD19957">
        <v>4</v>
      </c>
      <c r="AE19957">
        <v>4</v>
      </c>
      <c r="AF19957">
        <v>5</v>
      </c>
      <c r="AG19957">
        <v>5</v>
      </c>
      <c r="AH19957">
        <v>5</v>
      </c>
      <c r="AI19957">
        <v>5</v>
      </c>
      <c r="AJ19957">
        <v>5</v>
      </c>
      <c r="AK19957">
        <v>5</v>
      </c>
      <c r="AL19957">
        <v>5</v>
      </c>
      <c r="AM19957">
        <v>5</v>
      </c>
      <c r="AN19957">
        <v>5</v>
      </c>
      <c r="AO19957">
        <v>5</v>
      </c>
      <c r="AP19957">
        <v>5</v>
      </c>
      <c r="AQ19957">
        <v>5</v>
      </c>
    </row>
    <row r="19958" spans="1:43">
      <c r="A19958" t="s">
        <v>12360</v>
      </c>
      <c r="B19958" t="s">
        <v>12361</v>
      </c>
      <c r="C19958" t="s">
        <v>12358</v>
      </c>
      <c r="D19958" t="s">
        <v>12359</v>
      </c>
      <c r="E19958" t="s">
        <v>12188</v>
      </c>
      <c r="F19958" t="s">
        <v>12189</v>
      </c>
      <c r="G19958" t="s">
        <v>10450</v>
      </c>
      <c r="H19958" t="s">
        <v>10451</v>
      </c>
      <c r="I19958" s="2">
        <v>1</v>
      </c>
      <c r="J19958" s="2">
        <v>0</v>
      </c>
      <c r="K19958" s="2">
        <v>0</v>
      </c>
      <c r="L19958" t="s">
        <v>120</v>
      </c>
      <c r="M19958" t="s">
        <v>83</v>
      </c>
      <c r="N19958" t="s">
        <v>84</v>
      </c>
      <c r="O19958" t="s">
        <v>85</v>
      </c>
      <c r="P19958" t="s">
        <v>86</v>
      </c>
      <c r="Q19958">
        <v>4</v>
      </c>
      <c r="R19958">
        <v>4</v>
      </c>
      <c r="S19958">
        <v>4</v>
      </c>
      <c r="T19958">
        <v>4</v>
      </c>
      <c r="U19958">
        <v>4</v>
      </c>
      <c r="V19958">
        <v>4</v>
      </c>
      <c r="W19958">
        <v>5</v>
      </c>
      <c r="X19958">
        <v>5</v>
      </c>
      <c r="Y19958">
        <v>5</v>
      </c>
      <c r="Z19958">
        <v>5</v>
      </c>
      <c r="AA19958">
        <v>5</v>
      </c>
      <c r="AB19958">
        <v>5</v>
      </c>
      <c r="AC19958">
        <v>5</v>
      </c>
      <c r="AD19958">
        <v>5</v>
      </c>
      <c r="AE19958">
        <v>5</v>
      </c>
      <c r="AF19958">
        <v>5</v>
      </c>
      <c r="AG19958">
        <v>5</v>
      </c>
      <c r="AH19958">
        <v>5</v>
      </c>
      <c r="AI19958">
        <v>6</v>
      </c>
      <c r="AJ19958">
        <v>6</v>
      </c>
      <c r="AK19958">
        <v>6</v>
      </c>
      <c r="AL19958">
        <v>6</v>
      </c>
      <c r="AM19958">
        <v>6</v>
      </c>
      <c r="AN19958">
        <v>6</v>
      </c>
      <c r="AO19958">
        <v>6</v>
      </c>
      <c r="AP19958">
        <v>6</v>
      </c>
      <c r="AQ19958">
        <v>6</v>
      </c>
    </row>
    <row r="19959" spans="1:43">
      <c r="A19959" t="s">
        <v>12360</v>
      </c>
      <c r="B19959" t="s">
        <v>12361</v>
      </c>
      <c r="C19959" t="s">
        <v>12358</v>
      </c>
      <c r="D19959" t="s">
        <v>12359</v>
      </c>
      <c r="E19959" t="s">
        <v>12188</v>
      </c>
      <c r="F19959" t="s">
        <v>12189</v>
      </c>
      <c r="G19959" t="s">
        <v>10450</v>
      </c>
      <c r="H19959" t="s">
        <v>10451</v>
      </c>
      <c r="I19959" s="2">
        <v>1</v>
      </c>
      <c r="J19959" s="2">
        <v>0</v>
      </c>
      <c r="K19959" s="2">
        <v>0</v>
      </c>
      <c r="L19959" t="s">
        <v>120</v>
      </c>
      <c r="M19959" t="s">
        <v>87</v>
      </c>
      <c r="N19959" t="s">
        <v>88</v>
      </c>
      <c r="O19959" t="s">
        <v>85</v>
      </c>
      <c r="P19959" t="s">
        <v>86</v>
      </c>
      <c r="Q19959">
        <v>4</v>
      </c>
      <c r="R19959">
        <v>4</v>
      </c>
      <c r="S19959">
        <v>4</v>
      </c>
      <c r="T19959">
        <v>4</v>
      </c>
      <c r="U19959">
        <v>4</v>
      </c>
      <c r="V19959">
        <v>4</v>
      </c>
      <c r="W19959">
        <v>4</v>
      </c>
      <c r="X19959">
        <v>4</v>
      </c>
      <c r="Y19959">
        <v>4</v>
      </c>
      <c r="Z19959">
        <v>4</v>
      </c>
      <c r="AA19959">
        <v>4</v>
      </c>
      <c r="AB19959">
        <v>4</v>
      </c>
      <c r="AC19959">
        <v>5</v>
      </c>
      <c r="AD19959">
        <v>5</v>
      </c>
      <c r="AE19959">
        <v>5</v>
      </c>
      <c r="AF19959">
        <v>5</v>
      </c>
      <c r="AG19959">
        <v>5</v>
      </c>
      <c r="AH19959">
        <v>5</v>
      </c>
      <c r="AI19959">
        <v>5</v>
      </c>
      <c r="AJ19959">
        <v>5</v>
      </c>
      <c r="AK19959">
        <v>5</v>
      </c>
      <c r="AL19959">
        <v>5</v>
      </c>
      <c r="AM19959">
        <v>5</v>
      </c>
      <c r="AN19959">
        <v>5</v>
      </c>
      <c r="AO19959">
        <v>5</v>
      </c>
      <c r="AP19959">
        <v>5</v>
      </c>
      <c r="AQ19959">
        <v>5</v>
      </c>
    </row>
    <row r="19960" spans="1:43">
      <c r="A19960" t="s">
        <v>12360</v>
      </c>
      <c r="B19960" t="s">
        <v>12361</v>
      </c>
      <c r="C19960" t="s">
        <v>12358</v>
      </c>
      <c r="D19960" t="s">
        <v>12359</v>
      </c>
      <c r="E19960" t="s">
        <v>12188</v>
      </c>
      <c r="F19960" t="s">
        <v>12189</v>
      </c>
      <c r="G19960" t="s">
        <v>10450</v>
      </c>
      <c r="H19960" t="s">
        <v>10451</v>
      </c>
      <c r="I19960" s="2">
        <v>1</v>
      </c>
      <c r="J19960" s="2">
        <v>0</v>
      </c>
      <c r="K19960" s="2">
        <v>0</v>
      </c>
      <c r="L19960" t="s">
        <v>120</v>
      </c>
      <c r="M19960" t="s">
        <v>89</v>
      </c>
      <c r="N19960" t="s">
        <v>90</v>
      </c>
      <c r="O19960" t="s">
        <v>85</v>
      </c>
      <c r="P19960" t="s">
        <v>86</v>
      </c>
      <c r="Q19960">
        <v>4</v>
      </c>
      <c r="R19960">
        <v>4</v>
      </c>
      <c r="S19960">
        <v>4</v>
      </c>
      <c r="T19960">
        <v>4</v>
      </c>
      <c r="U19960">
        <v>5</v>
      </c>
      <c r="V19960">
        <v>5</v>
      </c>
      <c r="W19960">
        <v>5</v>
      </c>
      <c r="X19960">
        <v>5</v>
      </c>
      <c r="Y19960">
        <v>5</v>
      </c>
      <c r="Z19960">
        <v>5</v>
      </c>
      <c r="AA19960">
        <v>5</v>
      </c>
      <c r="AB19960">
        <v>5</v>
      </c>
      <c r="AC19960">
        <v>5</v>
      </c>
      <c r="AD19960">
        <v>5</v>
      </c>
      <c r="AE19960">
        <v>6</v>
      </c>
      <c r="AF19960">
        <v>6</v>
      </c>
      <c r="AG19960">
        <v>6</v>
      </c>
      <c r="AH19960">
        <v>6</v>
      </c>
      <c r="AI19960">
        <v>6</v>
      </c>
      <c r="AJ19960">
        <v>6</v>
      </c>
      <c r="AK19960">
        <v>6</v>
      </c>
      <c r="AL19960">
        <v>6</v>
      </c>
      <c r="AM19960">
        <v>6</v>
      </c>
      <c r="AN19960">
        <v>6</v>
      </c>
      <c r="AO19960">
        <v>6</v>
      </c>
      <c r="AP19960">
        <v>6</v>
      </c>
      <c r="AQ19960">
        <v>6</v>
      </c>
    </row>
    <row r="19961" spans="1:43">
      <c r="A19961" t="s">
        <v>12360</v>
      </c>
      <c r="B19961" t="s">
        <v>12361</v>
      </c>
      <c r="C19961" t="s">
        <v>12358</v>
      </c>
      <c r="D19961" t="s">
        <v>12359</v>
      </c>
      <c r="E19961" t="s">
        <v>12188</v>
      </c>
      <c r="F19961" t="s">
        <v>12189</v>
      </c>
      <c r="G19961" t="s">
        <v>10450</v>
      </c>
      <c r="H19961" t="s">
        <v>10451</v>
      </c>
      <c r="I19961" s="2">
        <v>1</v>
      </c>
      <c r="J19961" s="2">
        <v>0</v>
      </c>
      <c r="K19961" s="2">
        <v>0</v>
      </c>
      <c r="L19961" t="s">
        <v>120</v>
      </c>
      <c r="M19961" t="s">
        <v>83</v>
      </c>
      <c r="N19961" t="s">
        <v>91</v>
      </c>
      <c r="O19961" t="s">
        <v>85</v>
      </c>
      <c r="P19961" t="s">
        <v>86</v>
      </c>
      <c r="Q19961">
        <v>4</v>
      </c>
      <c r="R19961">
        <v>4</v>
      </c>
      <c r="S19961">
        <v>4</v>
      </c>
      <c r="T19961">
        <v>4</v>
      </c>
      <c r="U19961">
        <v>4</v>
      </c>
      <c r="V19961">
        <v>4</v>
      </c>
      <c r="W19961">
        <v>5</v>
      </c>
      <c r="X19961">
        <v>5</v>
      </c>
      <c r="Y19961">
        <v>5</v>
      </c>
      <c r="Z19961">
        <v>5</v>
      </c>
      <c r="AA19961">
        <v>5</v>
      </c>
      <c r="AB19961">
        <v>5</v>
      </c>
      <c r="AC19961">
        <v>5</v>
      </c>
      <c r="AD19961">
        <v>5</v>
      </c>
      <c r="AE19961">
        <v>5</v>
      </c>
      <c r="AF19961">
        <v>5</v>
      </c>
      <c r="AG19961">
        <v>5</v>
      </c>
      <c r="AH19961">
        <v>5</v>
      </c>
      <c r="AI19961">
        <v>6</v>
      </c>
      <c r="AJ19961">
        <v>6</v>
      </c>
      <c r="AK19961">
        <v>6</v>
      </c>
      <c r="AL19961">
        <v>6</v>
      </c>
      <c r="AM19961">
        <v>6</v>
      </c>
      <c r="AN19961">
        <v>6</v>
      </c>
      <c r="AO19961">
        <v>6</v>
      </c>
      <c r="AP19961">
        <v>6</v>
      </c>
      <c r="AQ19961">
        <v>6</v>
      </c>
    </row>
    <row r="19962" spans="1:43">
      <c r="A19962" t="s">
        <v>12362</v>
      </c>
      <c r="B19962" t="s">
        <v>12363</v>
      </c>
      <c r="C19962" t="s">
        <v>12358</v>
      </c>
      <c r="D19962" t="s">
        <v>12359</v>
      </c>
      <c r="E19962" t="s">
        <v>12188</v>
      </c>
      <c r="F19962" t="s">
        <v>12189</v>
      </c>
      <c r="G19962" t="s">
        <v>10450</v>
      </c>
      <c r="H19962" t="s">
        <v>10451</v>
      </c>
      <c r="I19962" s="2">
        <v>1</v>
      </c>
      <c r="J19962" s="2">
        <v>0</v>
      </c>
      <c r="K19962" s="2">
        <v>0</v>
      </c>
      <c r="L19962" t="s">
        <v>120</v>
      </c>
      <c r="M19962" t="s">
        <v>83</v>
      </c>
      <c r="N19962" t="s">
        <v>84</v>
      </c>
      <c r="O19962" t="s">
        <v>85</v>
      </c>
      <c r="P19962" t="s">
        <v>86</v>
      </c>
      <c r="Q19962">
        <v>10</v>
      </c>
      <c r="R19962">
        <v>10</v>
      </c>
      <c r="S19962">
        <v>10</v>
      </c>
      <c r="T19962">
        <v>10</v>
      </c>
      <c r="U19962">
        <v>10</v>
      </c>
      <c r="V19962">
        <v>10</v>
      </c>
      <c r="W19962">
        <v>11</v>
      </c>
      <c r="X19962">
        <v>11</v>
      </c>
      <c r="Y19962">
        <v>11</v>
      </c>
      <c r="Z19962">
        <v>11</v>
      </c>
      <c r="AA19962">
        <v>11</v>
      </c>
      <c r="AB19962">
        <v>12</v>
      </c>
      <c r="AC19962">
        <v>12</v>
      </c>
      <c r="AD19962">
        <v>12</v>
      </c>
      <c r="AE19962">
        <v>12</v>
      </c>
      <c r="AF19962">
        <v>12</v>
      </c>
      <c r="AG19962">
        <v>13</v>
      </c>
      <c r="AH19962">
        <v>13</v>
      </c>
      <c r="AI19962">
        <v>13</v>
      </c>
      <c r="AJ19962">
        <v>13</v>
      </c>
      <c r="AK19962">
        <v>13</v>
      </c>
      <c r="AL19962">
        <v>13</v>
      </c>
      <c r="AM19962">
        <v>14</v>
      </c>
      <c r="AN19962">
        <v>14</v>
      </c>
      <c r="AO19962">
        <v>14</v>
      </c>
      <c r="AP19962">
        <v>14</v>
      </c>
      <c r="AQ19962">
        <v>14</v>
      </c>
    </row>
    <row r="19963" spans="1:43">
      <c r="A19963" t="s">
        <v>12362</v>
      </c>
      <c r="B19963" t="s">
        <v>12363</v>
      </c>
      <c r="C19963" t="s">
        <v>12358</v>
      </c>
      <c r="D19963" t="s">
        <v>12359</v>
      </c>
      <c r="E19963" t="s">
        <v>12188</v>
      </c>
      <c r="F19963" t="s">
        <v>12189</v>
      </c>
      <c r="G19963" t="s">
        <v>10450</v>
      </c>
      <c r="H19963" t="s">
        <v>10451</v>
      </c>
      <c r="I19963" s="2">
        <v>1</v>
      </c>
      <c r="J19963" s="2">
        <v>0</v>
      </c>
      <c r="K19963" s="2">
        <v>0</v>
      </c>
      <c r="L19963" t="s">
        <v>120</v>
      </c>
      <c r="M19963" t="s">
        <v>87</v>
      </c>
      <c r="N19963" t="s">
        <v>88</v>
      </c>
      <c r="O19963" t="s">
        <v>85</v>
      </c>
      <c r="P19963" t="s">
        <v>86</v>
      </c>
      <c r="Q19963">
        <v>10</v>
      </c>
      <c r="R19963">
        <v>11</v>
      </c>
      <c r="S19963">
        <v>11</v>
      </c>
      <c r="T19963">
        <v>11</v>
      </c>
      <c r="U19963">
        <v>11</v>
      </c>
      <c r="V19963">
        <v>11</v>
      </c>
      <c r="W19963">
        <v>11</v>
      </c>
      <c r="X19963">
        <v>11</v>
      </c>
      <c r="Y19963">
        <v>11</v>
      </c>
      <c r="Z19963">
        <v>11</v>
      </c>
      <c r="AA19963">
        <v>11</v>
      </c>
      <c r="AB19963">
        <v>12</v>
      </c>
      <c r="AC19963">
        <v>12</v>
      </c>
      <c r="AD19963">
        <v>12</v>
      </c>
      <c r="AE19963">
        <v>12</v>
      </c>
      <c r="AF19963">
        <v>12</v>
      </c>
      <c r="AG19963">
        <v>12</v>
      </c>
      <c r="AH19963">
        <v>12</v>
      </c>
      <c r="AI19963">
        <v>12</v>
      </c>
      <c r="AJ19963">
        <v>12</v>
      </c>
      <c r="AK19963">
        <v>12</v>
      </c>
      <c r="AL19963">
        <v>13</v>
      </c>
      <c r="AM19963">
        <v>13</v>
      </c>
      <c r="AN19963">
        <v>13</v>
      </c>
      <c r="AO19963">
        <v>13</v>
      </c>
      <c r="AP19963">
        <v>13</v>
      </c>
      <c r="AQ19963">
        <v>13</v>
      </c>
    </row>
    <row r="19964" spans="1:43">
      <c r="A19964" t="s">
        <v>12362</v>
      </c>
      <c r="B19964" t="s">
        <v>12363</v>
      </c>
      <c r="C19964" t="s">
        <v>12358</v>
      </c>
      <c r="D19964" t="s">
        <v>12359</v>
      </c>
      <c r="E19964" t="s">
        <v>12188</v>
      </c>
      <c r="F19964" t="s">
        <v>12189</v>
      </c>
      <c r="G19964" t="s">
        <v>10450</v>
      </c>
      <c r="H19964" t="s">
        <v>10451</v>
      </c>
      <c r="I19964" s="2">
        <v>1</v>
      </c>
      <c r="J19964" s="2">
        <v>0</v>
      </c>
      <c r="K19964" s="2">
        <v>0</v>
      </c>
      <c r="L19964" t="s">
        <v>120</v>
      </c>
      <c r="M19964" t="s">
        <v>89</v>
      </c>
      <c r="N19964" t="s">
        <v>90</v>
      </c>
      <c r="O19964" t="s">
        <v>85</v>
      </c>
      <c r="P19964" t="s">
        <v>86</v>
      </c>
      <c r="Q19964">
        <v>10</v>
      </c>
      <c r="R19964">
        <v>10</v>
      </c>
      <c r="S19964">
        <v>10</v>
      </c>
      <c r="T19964">
        <v>10</v>
      </c>
      <c r="U19964">
        <v>11</v>
      </c>
      <c r="V19964">
        <v>11</v>
      </c>
      <c r="W19964">
        <v>11</v>
      </c>
      <c r="X19964">
        <v>11</v>
      </c>
      <c r="Y19964">
        <v>12</v>
      </c>
      <c r="Z19964">
        <v>12</v>
      </c>
      <c r="AA19964">
        <v>12</v>
      </c>
      <c r="AB19964">
        <v>12</v>
      </c>
      <c r="AC19964">
        <v>13</v>
      </c>
      <c r="AD19964">
        <v>13</v>
      </c>
      <c r="AE19964">
        <v>13</v>
      </c>
      <c r="AF19964">
        <v>13</v>
      </c>
      <c r="AG19964">
        <v>13</v>
      </c>
      <c r="AH19964">
        <v>13</v>
      </c>
      <c r="AI19964">
        <v>13</v>
      </c>
      <c r="AJ19964">
        <v>13</v>
      </c>
      <c r="AK19964">
        <v>13</v>
      </c>
      <c r="AL19964">
        <v>14</v>
      </c>
      <c r="AM19964">
        <v>14</v>
      </c>
      <c r="AN19964">
        <v>14</v>
      </c>
      <c r="AO19964">
        <v>14</v>
      </c>
      <c r="AP19964">
        <v>14</v>
      </c>
      <c r="AQ19964">
        <v>14</v>
      </c>
    </row>
    <row r="19965" spans="1:43">
      <c r="A19965" t="s">
        <v>12362</v>
      </c>
      <c r="B19965" t="s">
        <v>12363</v>
      </c>
      <c r="C19965" t="s">
        <v>12358</v>
      </c>
      <c r="D19965" t="s">
        <v>12359</v>
      </c>
      <c r="E19965" t="s">
        <v>12188</v>
      </c>
      <c r="F19965" t="s">
        <v>12189</v>
      </c>
      <c r="G19965" t="s">
        <v>10450</v>
      </c>
      <c r="H19965" t="s">
        <v>10451</v>
      </c>
      <c r="I19965" s="2">
        <v>1</v>
      </c>
      <c r="J19965" s="2">
        <v>0</v>
      </c>
      <c r="K19965" s="2">
        <v>0</v>
      </c>
      <c r="L19965" t="s">
        <v>120</v>
      </c>
      <c r="M19965" t="s">
        <v>83</v>
      </c>
      <c r="N19965" t="s">
        <v>91</v>
      </c>
      <c r="O19965" t="s">
        <v>85</v>
      </c>
      <c r="P19965" t="s">
        <v>86</v>
      </c>
      <c r="Q19965">
        <v>10</v>
      </c>
      <c r="R19965">
        <v>10</v>
      </c>
      <c r="S19965">
        <v>10</v>
      </c>
      <c r="T19965">
        <v>10</v>
      </c>
      <c r="U19965">
        <v>10</v>
      </c>
      <c r="V19965">
        <v>10</v>
      </c>
      <c r="W19965">
        <v>11</v>
      </c>
      <c r="X19965">
        <v>11</v>
      </c>
      <c r="Y19965">
        <v>11</v>
      </c>
      <c r="Z19965">
        <v>11</v>
      </c>
      <c r="AA19965">
        <v>11</v>
      </c>
      <c r="AB19965">
        <v>12</v>
      </c>
      <c r="AC19965">
        <v>12</v>
      </c>
      <c r="AD19965">
        <v>12</v>
      </c>
      <c r="AE19965">
        <v>12</v>
      </c>
      <c r="AF19965">
        <v>12</v>
      </c>
      <c r="AG19965">
        <v>13</v>
      </c>
      <c r="AH19965">
        <v>13</v>
      </c>
      <c r="AI19965">
        <v>13</v>
      </c>
      <c r="AJ19965">
        <v>13</v>
      </c>
      <c r="AK19965">
        <v>13</v>
      </c>
      <c r="AL19965">
        <v>13</v>
      </c>
      <c r="AM19965">
        <v>14</v>
      </c>
      <c r="AN19965">
        <v>14</v>
      </c>
      <c r="AO19965">
        <v>14</v>
      </c>
      <c r="AP19965">
        <v>14</v>
      </c>
      <c r="AQ19965">
        <v>14</v>
      </c>
    </row>
    <row r="19966" spans="1:43">
      <c r="A19966" t="s">
        <v>12364</v>
      </c>
      <c r="B19966" t="s">
        <v>12365</v>
      </c>
      <c r="C19966" t="s">
        <v>12358</v>
      </c>
      <c r="D19966" t="s">
        <v>12359</v>
      </c>
      <c r="E19966" t="s">
        <v>12188</v>
      </c>
      <c r="F19966" t="s">
        <v>12189</v>
      </c>
      <c r="G19966" t="s">
        <v>10450</v>
      </c>
      <c r="H19966" t="s">
        <v>10451</v>
      </c>
      <c r="I19966" s="2">
        <v>1</v>
      </c>
      <c r="J19966" s="2">
        <v>0</v>
      </c>
      <c r="K19966" s="2">
        <v>0</v>
      </c>
      <c r="L19966" t="s">
        <v>120</v>
      </c>
      <c r="M19966" t="s">
        <v>83</v>
      </c>
      <c r="N19966" t="s">
        <v>84</v>
      </c>
      <c r="O19966" t="s">
        <v>85</v>
      </c>
      <c r="P19966" t="s">
        <v>86</v>
      </c>
      <c r="Q19966">
        <v>14</v>
      </c>
      <c r="R19966">
        <v>14</v>
      </c>
      <c r="S19966">
        <v>14</v>
      </c>
      <c r="T19966">
        <v>15</v>
      </c>
      <c r="U19966">
        <v>15</v>
      </c>
      <c r="V19966">
        <v>15</v>
      </c>
      <c r="W19966">
        <v>15</v>
      </c>
      <c r="X19966">
        <v>16</v>
      </c>
      <c r="Y19966">
        <v>16</v>
      </c>
      <c r="Z19966">
        <v>16</v>
      </c>
      <c r="AA19966">
        <v>16</v>
      </c>
      <c r="AB19966">
        <v>17</v>
      </c>
      <c r="AC19966">
        <v>17</v>
      </c>
      <c r="AD19966">
        <v>17</v>
      </c>
      <c r="AE19966">
        <v>17</v>
      </c>
      <c r="AF19966">
        <v>18</v>
      </c>
      <c r="AG19966">
        <v>18</v>
      </c>
      <c r="AH19966">
        <v>18</v>
      </c>
      <c r="AI19966">
        <v>19</v>
      </c>
      <c r="AJ19966">
        <v>19</v>
      </c>
      <c r="AK19966">
        <v>19</v>
      </c>
      <c r="AL19966">
        <v>19</v>
      </c>
      <c r="AM19966">
        <v>19</v>
      </c>
      <c r="AN19966">
        <v>20</v>
      </c>
      <c r="AO19966">
        <v>20</v>
      </c>
      <c r="AP19966">
        <v>20</v>
      </c>
      <c r="AQ19966">
        <v>20</v>
      </c>
    </row>
    <row r="19967" spans="1:43">
      <c r="A19967" t="s">
        <v>12364</v>
      </c>
      <c r="B19967" t="s">
        <v>12365</v>
      </c>
      <c r="C19967" t="s">
        <v>12358</v>
      </c>
      <c r="D19967" t="s">
        <v>12359</v>
      </c>
      <c r="E19967" t="s">
        <v>12188</v>
      </c>
      <c r="F19967" t="s">
        <v>12189</v>
      </c>
      <c r="G19967" t="s">
        <v>10450</v>
      </c>
      <c r="H19967" t="s">
        <v>10451</v>
      </c>
      <c r="I19967" s="2">
        <v>1</v>
      </c>
      <c r="J19967" s="2">
        <v>0</v>
      </c>
      <c r="K19967" s="2">
        <v>0</v>
      </c>
      <c r="L19967" t="s">
        <v>120</v>
      </c>
      <c r="M19967" t="s">
        <v>87</v>
      </c>
      <c r="N19967" t="s">
        <v>88</v>
      </c>
      <c r="O19967" t="s">
        <v>85</v>
      </c>
      <c r="P19967" t="s">
        <v>86</v>
      </c>
      <c r="Q19967">
        <v>14</v>
      </c>
      <c r="R19967">
        <v>14</v>
      </c>
      <c r="S19967">
        <v>14</v>
      </c>
      <c r="T19967">
        <v>14</v>
      </c>
      <c r="U19967">
        <v>14</v>
      </c>
      <c r="V19967">
        <v>14</v>
      </c>
      <c r="W19967">
        <v>14</v>
      </c>
      <c r="X19967">
        <v>15</v>
      </c>
      <c r="Y19967">
        <v>15</v>
      </c>
      <c r="Z19967">
        <v>15</v>
      </c>
      <c r="AA19967">
        <v>15</v>
      </c>
      <c r="AB19967">
        <v>15</v>
      </c>
      <c r="AC19967">
        <v>15</v>
      </c>
      <c r="AD19967">
        <v>15</v>
      </c>
      <c r="AE19967">
        <v>15</v>
      </c>
      <c r="AF19967">
        <v>16</v>
      </c>
      <c r="AG19967">
        <v>16</v>
      </c>
      <c r="AH19967">
        <v>16</v>
      </c>
      <c r="AI19967">
        <v>16</v>
      </c>
      <c r="AJ19967">
        <v>16</v>
      </c>
      <c r="AK19967">
        <v>16</v>
      </c>
      <c r="AL19967">
        <v>17</v>
      </c>
      <c r="AM19967">
        <v>17</v>
      </c>
      <c r="AN19967">
        <v>17</v>
      </c>
      <c r="AO19967">
        <v>17</v>
      </c>
      <c r="AP19967">
        <v>17</v>
      </c>
      <c r="AQ19967">
        <v>17</v>
      </c>
    </row>
    <row r="19968" spans="1:43">
      <c r="A19968" t="s">
        <v>12364</v>
      </c>
      <c r="B19968" t="s">
        <v>12365</v>
      </c>
      <c r="C19968" t="s">
        <v>12358</v>
      </c>
      <c r="D19968" t="s">
        <v>12359</v>
      </c>
      <c r="E19968" t="s">
        <v>12188</v>
      </c>
      <c r="F19968" t="s">
        <v>12189</v>
      </c>
      <c r="G19968" t="s">
        <v>10450</v>
      </c>
      <c r="H19968" t="s">
        <v>10451</v>
      </c>
      <c r="I19968" s="2">
        <v>1</v>
      </c>
      <c r="J19968" s="2">
        <v>0</v>
      </c>
      <c r="K19968" s="2">
        <v>0</v>
      </c>
      <c r="L19968" t="s">
        <v>120</v>
      </c>
      <c r="M19968" t="s">
        <v>89</v>
      </c>
      <c r="N19968" t="s">
        <v>90</v>
      </c>
      <c r="O19968" t="s">
        <v>85</v>
      </c>
      <c r="P19968" t="s">
        <v>86</v>
      </c>
      <c r="Q19968">
        <v>14</v>
      </c>
      <c r="R19968">
        <v>14</v>
      </c>
      <c r="S19968">
        <v>15</v>
      </c>
      <c r="T19968">
        <v>15</v>
      </c>
      <c r="U19968">
        <v>15</v>
      </c>
      <c r="V19968">
        <v>16</v>
      </c>
      <c r="W19968">
        <v>16</v>
      </c>
      <c r="X19968">
        <v>16</v>
      </c>
      <c r="Y19968">
        <v>17</v>
      </c>
      <c r="Z19968">
        <v>17</v>
      </c>
      <c r="AA19968">
        <v>17</v>
      </c>
      <c r="AB19968">
        <v>18</v>
      </c>
      <c r="AC19968">
        <v>18</v>
      </c>
      <c r="AD19968">
        <v>18</v>
      </c>
      <c r="AE19968">
        <v>19</v>
      </c>
      <c r="AF19968">
        <v>19</v>
      </c>
      <c r="AG19968">
        <v>19</v>
      </c>
      <c r="AH19968">
        <v>19</v>
      </c>
      <c r="AI19968">
        <v>19</v>
      </c>
      <c r="AJ19968">
        <v>19</v>
      </c>
      <c r="AK19968">
        <v>19</v>
      </c>
      <c r="AL19968">
        <v>19</v>
      </c>
      <c r="AM19968">
        <v>20</v>
      </c>
      <c r="AN19968">
        <v>20</v>
      </c>
      <c r="AO19968">
        <v>20</v>
      </c>
      <c r="AP19968">
        <v>20</v>
      </c>
      <c r="AQ19968">
        <v>20</v>
      </c>
    </row>
    <row r="19969" spans="1:43">
      <c r="A19969" t="s">
        <v>12364</v>
      </c>
      <c r="B19969" t="s">
        <v>12365</v>
      </c>
      <c r="C19969" t="s">
        <v>12358</v>
      </c>
      <c r="D19969" t="s">
        <v>12359</v>
      </c>
      <c r="E19969" t="s">
        <v>12188</v>
      </c>
      <c r="F19969" t="s">
        <v>12189</v>
      </c>
      <c r="G19969" t="s">
        <v>10450</v>
      </c>
      <c r="H19969" t="s">
        <v>10451</v>
      </c>
      <c r="I19969" s="2">
        <v>1</v>
      </c>
      <c r="J19969" s="2">
        <v>0</v>
      </c>
      <c r="K19969" s="2">
        <v>0</v>
      </c>
      <c r="L19969" t="s">
        <v>120</v>
      </c>
      <c r="M19969" t="s">
        <v>83</v>
      </c>
      <c r="N19969" t="s">
        <v>91</v>
      </c>
      <c r="O19969" t="s">
        <v>85</v>
      </c>
      <c r="P19969" t="s">
        <v>86</v>
      </c>
      <c r="Q19969">
        <v>14</v>
      </c>
      <c r="R19969">
        <v>14</v>
      </c>
      <c r="S19969">
        <v>14</v>
      </c>
      <c r="T19969">
        <v>15</v>
      </c>
      <c r="U19969">
        <v>15</v>
      </c>
      <c r="V19969">
        <v>15</v>
      </c>
      <c r="W19969">
        <v>15</v>
      </c>
      <c r="X19969">
        <v>16</v>
      </c>
      <c r="Y19969">
        <v>16</v>
      </c>
      <c r="Z19969">
        <v>16</v>
      </c>
      <c r="AA19969">
        <v>16</v>
      </c>
      <c r="AB19969">
        <v>17</v>
      </c>
      <c r="AC19969">
        <v>17</v>
      </c>
      <c r="AD19969">
        <v>17</v>
      </c>
      <c r="AE19969">
        <v>17</v>
      </c>
      <c r="AF19969">
        <v>18</v>
      </c>
      <c r="AG19969">
        <v>18</v>
      </c>
      <c r="AH19969">
        <v>18</v>
      </c>
      <c r="AI19969">
        <v>19</v>
      </c>
      <c r="AJ19969">
        <v>19</v>
      </c>
      <c r="AK19969">
        <v>19</v>
      </c>
      <c r="AL19969">
        <v>19</v>
      </c>
      <c r="AM19969">
        <v>19</v>
      </c>
      <c r="AN19969">
        <v>20</v>
      </c>
      <c r="AO19969">
        <v>20</v>
      </c>
      <c r="AP19969">
        <v>20</v>
      </c>
      <c r="AQ19969">
        <v>20</v>
      </c>
    </row>
    <row r="19970" spans="1:43">
      <c r="A19970" t="s">
        <v>12366</v>
      </c>
      <c r="B19970" t="s">
        <v>12367</v>
      </c>
      <c r="C19970" t="s">
        <v>12358</v>
      </c>
      <c r="D19970" t="s">
        <v>12359</v>
      </c>
      <c r="E19970" t="s">
        <v>12188</v>
      </c>
      <c r="F19970" t="s">
        <v>12189</v>
      </c>
      <c r="G19970" t="s">
        <v>10450</v>
      </c>
      <c r="H19970" t="s">
        <v>10451</v>
      </c>
      <c r="I19970" s="2">
        <v>1</v>
      </c>
      <c r="J19970" s="2">
        <v>0</v>
      </c>
      <c r="K19970" s="2">
        <v>0</v>
      </c>
      <c r="L19970" t="s">
        <v>120</v>
      </c>
      <c r="M19970" t="s">
        <v>83</v>
      </c>
      <c r="N19970" t="s">
        <v>84</v>
      </c>
      <c r="O19970" t="s">
        <v>85</v>
      </c>
      <c r="P19970" t="s">
        <v>86</v>
      </c>
      <c r="Q19970">
        <v>5</v>
      </c>
      <c r="R19970">
        <v>5</v>
      </c>
      <c r="S19970">
        <v>5</v>
      </c>
      <c r="T19970">
        <v>5</v>
      </c>
      <c r="U19970">
        <v>5</v>
      </c>
      <c r="V19970">
        <v>6</v>
      </c>
      <c r="W19970">
        <v>6</v>
      </c>
      <c r="X19970">
        <v>6</v>
      </c>
      <c r="Y19970">
        <v>6</v>
      </c>
      <c r="Z19970">
        <v>6</v>
      </c>
      <c r="AA19970">
        <v>6</v>
      </c>
      <c r="AB19970">
        <v>6</v>
      </c>
      <c r="AC19970">
        <v>6</v>
      </c>
      <c r="AD19970">
        <v>6</v>
      </c>
      <c r="AE19970">
        <v>6</v>
      </c>
      <c r="AF19970">
        <v>7</v>
      </c>
      <c r="AG19970">
        <v>7</v>
      </c>
      <c r="AH19970">
        <v>7</v>
      </c>
      <c r="AI19970">
        <v>7</v>
      </c>
      <c r="AJ19970">
        <v>7</v>
      </c>
      <c r="AK19970">
        <v>7</v>
      </c>
      <c r="AL19970">
        <v>7</v>
      </c>
      <c r="AM19970">
        <v>7</v>
      </c>
      <c r="AN19970">
        <v>7</v>
      </c>
      <c r="AO19970">
        <v>7</v>
      </c>
      <c r="AP19970">
        <v>7</v>
      </c>
      <c r="AQ19970">
        <v>7</v>
      </c>
    </row>
    <row r="19971" spans="1:43">
      <c r="A19971" t="s">
        <v>12366</v>
      </c>
      <c r="B19971" t="s">
        <v>12367</v>
      </c>
      <c r="C19971" t="s">
        <v>12358</v>
      </c>
      <c r="D19971" t="s">
        <v>12359</v>
      </c>
      <c r="E19971" t="s">
        <v>12188</v>
      </c>
      <c r="F19971" t="s">
        <v>12189</v>
      </c>
      <c r="G19971" t="s">
        <v>10450</v>
      </c>
      <c r="H19971" t="s">
        <v>10451</v>
      </c>
      <c r="I19971" s="2">
        <v>1</v>
      </c>
      <c r="J19971" s="2">
        <v>0</v>
      </c>
      <c r="K19971" s="2">
        <v>0</v>
      </c>
      <c r="L19971" t="s">
        <v>120</v>
      </c>
      <c r="M19971" t="s">
        <v>87</v>
      </c>
      <c r="N19971" t="s">
        <v>88</v>
      </c>
      <c r="O19971" t="s">
        <v>85</v>
      </c>
      <c r="P19971" t="s">
        <v>86</v>
      </c>
      <c r="Q19971">
        <v>5</v>
      </c>
      <c r="R19971">
        <v>5</v>
      </c>
      <c r="S19971">
        <v>5</v>
      </c>
      <c r="T19971">
        <v>5</v>
      </c>
      <c r="U19971">
        <v>5</v>
      </c>
      <c r="V19971">
        <v>5</v>
      </c>
      <c r="W19971">
        <v>5</v>
      </c>
      <c r="X19971">
        <v>5</v>
      </c>
      <c r="Y19971">
        <v>5</v>
      </c>
      <c r="Z19971">
        <v>5</v>
      </c>
      <c r="AA19971">
        <v>6</v>
      </c>
      <c r="AB19971">
        <v>6</v>
      </c>
      <c r="AC19971">
        <v>6</v>
      </c>
      <c r="AD19971">
        <v>6</v>
      </c>
      <c r="AE19971">
        <v>6</v>
      </c>
      <c r="AF19971">
        <v>6</v>
      </c>
      <c r="AG19971">
        <v>6</v>
      </c>
      <c r="AH19971">
        <v>6</v>
      </c>
      <c r="AI19971">
        <v>6</v>
      </c>
      <c r="AJ19971">
        <v>6</v>
      </c>
      <c r="AK19971">
        <v>6</v>
      </c>
      <c r="AL19971">
        <v>6</v>
      </c>
      <c r="AM19971">
        <v>6</v>
      </c>
      <c r="AN19971">
        <v>6</v>
      </c>
      <c r="AO19971">
        <v>6</v>
      </c>
      <c r="AP19971">
        <v>6</v>
      </c>
      <c r="AQ19971">
        <v>6</v>
      </c>
    </row>
    <row r="19972" spans="1:43">
      <c r="A19972" t="s">
        <v>12366</v>
      </c>
      <c r="B19972" t="s">
        <v>12367</v>
      </c>
      <c r="C19972" t="s">
        <v>12358</v>
      </c>
      <c r="D19972" t="s">
        <v>12359</v>
      </c>
      <c r="E19972" t="s">
        <v>12188</v>
      </c>
      <c r="F19972" t="s">
        <v>12189</v>
      </c>
      <c r="G19972" t="s">
        <v>10450</v>
      </c>
      <c r="H19972" t="s">
        <v>10451</v>
      </c>
      <c r="I19972" s="2">
        <v>1</v>
      </c>
      <c r="J19972" s="2">
        <v>0</v>
      </c>
      <c r="K19972" s="2">
        <v>0</v>
      </c>
      <c r="L19972" t="s">
        <v>120</v>
      </c>
      <c r="M19972" t="s">
        <v>89</v>
      </c>
      <c r="N19972" t="s">
        <v>90</v>
      </c>
      <c r="O19972" t="s">
        <v>85</v>
      </c>
      <c r="P19972" t="s">
        <v>86</v>
      </c>
      <c r="Q19972">
        <v>5</v>
      </c>
      <c r="R19972">
        <v>5</v>
      </c>
      <c r="S19972">
        <v>5</v>
      </c>
      <c r="T19972">
        <v>6</v>
      </c>
      <c r="U19972">
        <v>6</v>
      </c>
      <c r="V19972">
        <v>6</v>
      </c>
      <c r="W19972">
        <v>6</v>
      </c>
      <c r="X19972">
        <v>6</v>
      </c>
      <c r="Y19972">
        <v>6</v>
      </c>
      <c r="Z19972">
        <v>6</v>
      </c>
      <c r="AA19972">
        <v>6</v>
      </c>
      <c r="AB19972">
        <v>7</v>
      </c>
      <c r="AC19972">
        <v>7</v>
      </c>
      <c r="AD19972">
        <v>7</v>
      </c>
      <c r="AE19972">
        <v>7</v>
      </c>
      <c r="AF19972">
        <v>7</v>
      </c>
      <c r="AG19972">
        <v>7</v>
      </c>
      <c r="AH19972">
        <v>7</v>
      </c>
      <c r="AI19972">
        <v>7</v>
      </c>
      <c r="AJ19972">
        <v>7</v>
      </c>
      <c r="AK19972">
        <v>7</v>
      </c>
      <c r="AL19972">
        <v>7</v>
      </c>
      <c r="AM19972">
        <v>7</v>
      </c>
      <c r="AN19972">
        <v>7</v>
      </c>
      <c r="AO19972">
        <v>7</v>
      </c>
      <c r="AP19972">
        <v>7</v>
      </c>
      <c r="AQ19972">
        <v>7</v>
      </c>
    </row>
    <row r="19973" spans="1:43">
      <c r="A19973" t="s">
        <v>12366</v>
      </c>
      <c r="B19973" t="s">
        <v>12367</v>
      </c>
      <c r="C19973" t="s">
        <v>12358</v>
      </c>
      <c r="D19973" t="s">
        <v>12359</v>
      </c>
      <c r="E19973" t="s">
        <v>12188</v>
      </c>
      <c r="F19973" t="s">
        <v>12189</v>
      </c>
      <c r="G19973" t="s">
        <v>10450</v>
      </c>
      <c r="H19973" t="s">
        <v>10451</v>
      </c>
      <c r="I19973" s="2">
        <v>1</v>
      </c>
      <c r="J19973" s="2">
        <v>0</v>
      </c>
      <c r="K19973" s="2">
        <v>0</v>
      </c>
      <c r="L19973" t="s">
        <v>120</v>
      </c>
      <c r="M19973" t="s">
        <v>83</v>
      </c>
      <c r="N19973" t="s">
        <v>91</v>
      </c>
      <c r="O19973" t="s">
        <v>85</v>
      </c>
      <c r="P19973" t="s">
        <v>86</v>
      </c>
      <c r="Q19973">
        <v>5</v>
      </c>
      <c r="R19973">
        <v>5</v>
      </c>
      <c r="S19973">
        <v>5</v>
      </c>
      <c r="T19973">
        <v>5</v>
      </c>
      <c r="U19973">
        <v>5</v>
      </c>
      <c r="V19973">
        <v>6</v>
      </c>
      <c r="W19973">
        <v>6</v>
      </c>
      <c r="X19973">
        <v>6</v>
      </c>
      <c r="Y19973">
        <v>6</v>
      </c>
      <c r="Z19973">
        <v>6</v>
      </c>
      <c r="AA19973">
        <v>6</v>
      </c>
      <c r="AB19973">
        <v>6</v>
      </c>
      <c r="AC19973">
        <v>6</v>
      </c>
      <c r="AD19973">
        <v>6</v>
      </c>
      <c r="AE19973">
        <v>6</v>
      </c>
      <c r="AF19973">
        <v>7</v>
      </c>
      <c r="AG19973">
        <v>7</v>
      </c>
      <c r="AH19973">
        <v>7</v>
      </c>
      <c r="AI19973">
        <v>7</v>
      </c>
      <c r="AJ19973">
        <v>7</v>
      </c>
      <c r="AK19973">
        <v>7</v>
      </c>
      <c r="AL19973">
        <v>7</v>
      </c>
      <c r="AM19973">
        <v>7</v>
      </c>
      <c r="AN19973">
        <v>7</v>
      </c>
      <c r="AO19973">
        <v>7</v>
      </c>
      <c r="AP19973">
        <v>7</v>
      </c>
      <c r="AQ19973">
        <v>7</v>
      </c>
    </row>
    <row r="19974" spans="1:43">
      <c r="A19974" t="s">
        <v>12368</v>
      </c>
      <c r="B19974" t="s">
        <v>12369</v>
      </c>
      <c r="C19974" t="s">
        <v>12358</v>
      </c>
      <c r="D19974" t="s">
        <v>12359</v>
      </c>
      <c r="E19974" t="s">
        <v>12188</v>
      </c>
      <c r="F19974" t="s">
        <v>12189</v>
      </c>
      <c r="G19974" t="s">
        <v>10450</v>
      </c>
      <c r="H19974" t="s">
        <v>10451</v>
      </c>
      <c r="I19974" s="2">
        <v>1</v>
      </c>
      <c r="J19974" s="2">
        <v>0</v>
      </c>
      <c r="K19974" s="2">
        <v>0</v>
      </c>
      <c r="L19974" t="s">
        <v>120</v>
      </c>
      <c r="M19974" t="s">
        <v>83</v>
      </c>
      <c r="N19974" t="s">
        <v>84</v>
      </c>
      <c r="O19974" t="s">
        <v>85</v>
      </c>
      <c r="P19974" t="s">
        <v>86</v>
      </c>
      <c r="Q19974">
        <v>8</v>
      </c>
      <c r="R19974">
        <v>8</v>
      </c>
      <c r="S19974">
        <v>8</v>
      </c>
      <c r="T19974">
        <v>8</v>
      </c>
      <c r="U19974">
        <v>8</v>
      </c>
      <c r="V19974">
        <v>8</v>
      </c>
      <c r="W19974">
        <v>9</v>
      </c>
      <c r="X19974">
        <v>9</v>
      </c>
      <c r="Y19974">
        <v>9</v>
      </c>
      <c r="Z19974">
        <v>9</v>
      </c>
      <c r="AA19974">
        <v>9</v>
      </c>
      <c r="AB19974">
        <v>9</v>
      </c>
      <c r="AC19974">
        <v>10</v>
      </c>
      <c r="AD19974">
        <v>10</v>
      </c>
      <c r="AE19974">
        <v>10</v>
      </c>
      <c r="AF19974">
        <v>10</v>
      </c>
      <c r="AG19974">
        <v>10</v>
      </c>
      <c r="AH19974">
        <v>10</v>
      </c>
      <c r="AI19974">
        <v>10</v>
      </c>
      <c r="AJ19974">
        <v>11</v>
      </c>
      <c r="AK19974">
        <v>11</v>
      </c>
      <c r="AL19974">
        <v>11</v>
      </c>
      <c r="AM19974">
        <v>11</v>
      </c>
      <c r="AN19974">
        <v>11</v>
      </c>
      <c r="AO19974">
        <v>11</v>
      </c>
      <c r="AP19974">
        <v>11</v>
      </c>
      <c r="AQ19974">
        <v>11</v>
      </c>
    </row>
    <row r="19975" spans="1:43">
      <c r="A19975" t="s">
        <v>12368</v>
      </c>
      <c r="B19975" t="s">
        <v>12369</v>
      </c>
      <c r="C19975" t="s">
        <v>12358</v>
      </c>
      <c r="D19975" t="s">
        <v>12359</v>
      </c>
      <c r="E19975" t="s">
        <v>12188</v>
      </c>
      <c r="F19975" t="s">
        <v>12189</v>
      </c>
      <c r="G19975" t="s">
        <v>10450</v>
      </c>
      <c r="H19975" t="s">
        <v>10451</v>
      </c>
      <c r="I19975" s="2">
        <v>1</v>
      </c>
      <c r="J19975" s="2">
        <v>0</v>
      </c>
      <c r="K19975" s="2">
        <v>0</v>
      </c>
      <c r="L19975" t="s">
        <v>120</v>
      </c>
      <c r="M19975" t="s">
        <v>87</v>
      </c>
      <c r="N19975" t="s">
        <v>88</v>
      </c>
      <c r="O19975" t="s">
        <v>85</v>
      </c>
      <c r="P19975" t="s">
        <v>86</v>
      </c>
      <c r="Q19975">
        <v>8</v>
      </c>
      <c r="R19975">
        <v>8</v>
      </c>
      <c r="S19975">
        <v>8</v>
      </c>
      <c r="T19975">
        <v>8</v>
      </c>
      <c r="U19975">
        <v>8</v>
      </c>
      <c r="V19975">
        <v>8</v>
      </c>
      <c r="W19975">
        <v>8</v>
      </c>
      <c r="X19975">
        <v>8</v>
      </c>
      <c r="Y19975">
        <v>8</v>
      </c>
      <c r="Z19975">
        <v>8</v>
      </c>
      <c r="AA19975">
        <v>8</v>
      </c>
      <c r="AB19975">
        <v>8</v>
      </c>
      <c r="AC19975">
        <v>9</v>
      </c>
      <c r="AD19975">
        <v>9</v>
      </c>
      <c r="AE19975">
        <v>9</v>
      </c>
      <c r="AF19975">
        <v>9</v>
      </c>
      <c r="AG19975">
        <v>9</v>
      </c>
      <c r="AH19975">
        <v>9</v>
      </c>
      <c r="AI19975">
        <v>9</v>
      </c>
      <c r="AJ19975">
        <v>9</v>
      </c>
      <c r="AK19975">
        <v>9</v>
      </c>
      <c r="AL19975">
        <v>9</v>
      </c>
      <c r="AM19975">
        <v>9</v>
      </c>
      <c r="AN19975">
        <v>9</v>
      </c>
      <c r="AO19975">
        <v>10</v>
      </c>
      <c r="AP19975">
        <v>10</v>
      </c>
      <c r="AQ19975">
        <v>10</v>
      </c>
    </row>
    <row r="19976" spans="1:43">
      <c r="A19976" t="s">
        <v>12368</v>
      </c>
      <c r="B19976" t="s">
        <v>12369</v>
      </c>
      <c r="C19976" t="s">
        <v>12358</v>
      </c>
      <c r="D19976" t="s">
        <v>12359</v>
      </c>
      <c r="E19976" t="s">
        <v>12188</v>
      </c>
      <c r="F19976" t="s">
        <v>12189</v>
      </c>
      <c r="G19976" t="s">
        <v>10450</v>
      </c>
      <c r="H19976" t="s">
        <v>10451</v>
      </c>
      <c r="I19976" s="2">
        <v>1</v>
      </c>
      <c r="J19976" s="2">
        <v>0</v>
      </c>
      <c r="K19976" s="2">
        <v>0</v>
      </c>
      <c r="L19976" t="s">
        <v>120</v>
      </c>
      <c r="M19976" t="s">
        <v>89</v>
      </c>
      <c r="N19976" t="s">
        <v>90</v>
      </c>
      <c r="O19976" t="s">
        <v>85</v>
      </c>
      <c r="P19976" t="s">
        <v>86</v>
      </c>
      <c r="Q19976">
        <v>8</v>
      </c>
      <c r="R19976">
        <v>8</v>
      </c>
      <c r="S19976">
        <v>8</v>
      </c>
      <c r="T19976">
        <v>8</v>
      </c>
      <c r="U19976">
        <v>9</v>
      </c>
      <c r="V19976">
        <v>9</v>
      </c>
      <c r="W19976">
        <v>9</v>
      </c>
      <c r="X19976">
        <v>9</v>
      </c>
      <c r="Y19976">
        <v>9</v>
      </c>
      <c r="Z19976">
        <v>10</v>
      </c>
      <c r="AA19976">
        <v>10</v>
      </c>
      <c r="AB19976">
        <v>10</v>
      </c>
      <c r="AC19976">
        <v>10</v>
      </c>
      <c r="AD19976">
        <v>10</v>
      </c>
      <c r="AE19976">
        <v>11</v>
      </c>
      <c r="AF19976">
        <v>11</v>
      </c>
      <c r="AG19976">
        <v>11</v>
      </c>
      <c r="AH19976">
        <v>11</v>
      </c>
      <c r="AI19976">
        <v>11</v>
      </c>
      <c r="AJ19976">
        <v>11</v>
      </c>
      <c r="AK19976">
        <v>11</v>
      </c>
      <c r="AL19976">
        <v>11</v>
      </c>
      <c r="AM19976">
        <v>11</v>
      </c>
      <c r="AN19976">
        <v>11</v>
      </c>
      <c r="AO19976">
        <v>11</v>
      </c>
      <c r="AP19976">
        <v>11</v>
      </c>
      <c r="AQ19976">
        <v>11</v>
      </c>
    </row>
    <row r="19977" spans="1:43">
      <c r="A19977" t="s">
        <v>12368</v>
      </c>
      <c r="B19977" t="s">
        <v>12369</v>
      </c>
      <c r="C19977" t="s">
        <v>12358</v>
      </c>
      <c r="D19977" t="s">
        <v>12359</v>
      </c>
      <c r="E19977" t="s">
        <v>12188</v>
      </c>
      <c r="F19977" t="s">
        <v>12189</v>
      </c>
      <c r="G19977" t="s">
        <v>10450</v>
      </c>
      <c r="H19977" t="s">
        <v>10451</v>
      </c>
      <c r="I19977" s="2">
        <v>1</v>
      </c>
      <c r="J19977" s="2">
        <v>0</v>
      </c>
      <c r="K19977" s="2">
        <v>0</v>
      </c>
      <c r="L19977" t="s">
        <v>120</v>
      </c>
      <c r="M19977" t="s">
        <v>83</v>
      </c>
      <c r="N19977" t="s">
        <v>91</v>
      </c>
      <c r="O19977" t="s">
        <v>85</v>
      </c>
      <c r="P19977" t="s">
        <v>86</v>
      </c>
      <c r="Q19977">
        <v>8</v>
      </c>
      <c r="R19977">
        <v>8</v>
      </c>
      <c r="S19977">
        <v>8</v>
      </c>
      <c r="T19977">
        <v>8</v>
      </c>
      <c r="U19977">
        <v>8</v>
      </c>
      <c r="V19977">
        <v>8</v>
      </c>
      <c r="W19977">
        <v>9</v>
      </c>
      <c r="X19977">
        <v>9</v>
      </c>
      <c r="Y19977">
        <v>9</v>
      </c>
      <c r="Z19977">
        <v>9</v>
      </c>
      <c r="AA19977">
        <v>9</v>
      </c>
      <c r="AB19977">
        <v>9</v>
      </c>
      <c r="AC19977">
        <v>10</v>
      </c>
      <c r="AD19977">
        <v>10</v>
      </c>
      <c r="AE19977">
        <v>10</v>
      </c>
      <c r="AF19977">
        <v>10</v>
      </c>
      <c r="AG19977">
        <v>10</v>
      </c>
      <c r="AH19977">
        <v>10</v>
      </c>
      <c r="AI19977">
        <v>10</v>
      </c>
      <c r="AJ19977">
        <v>11</v>
      </c>
      <c r="AK19977">
        <v>11</v>
      </c>
      <c r="AL19977">
        <v>11</v>
      </c>
      <c r="AM19977">
        <v>11</v>
      </c>
      <c r="AN19977">
        <v>11</v>
      </c>
      <c r="AO19977">
        <v>11</v>
      </c>
      <c r="AP19977">
        <v>11</v>
      </c>
      <c r="AQ19977">
        <v>11</v>
      </c>
    </row>
    <row r="19978" spans="1:43">
      <c r="A19978" t="s">
        <v>12370</v>
      </c>
      <c r="B19978" t="s">
        <v>12371</v>
      </c>
      <c r="C19978" t="s">
        <v>12372</v>
      </c>
      <c r="D19978" t="s">
        <v>12373</v>
      </c>
      <c r="E19978" t="s">
        <v>12188</v>
      </c>
      <c r="F19978" t="s">
        <v>12189</v>
      </c>
      <c r="G19978" t="s">
        <v>10450</v>
      </c>
      <c r="H19978" t="s">
        <v>10451</v>
      </c>
      <c r="I19978" s="2">
        <v>1</v>
      </c>
      <c r="J19978" s="2">
        <v>0</v>
      </c>
      <c r="K19978" s="2">
        <v>0</v>
      </c>
      <c r="L19978" t="s">
        <v>120</v>
      </c>
      <c r="M19978" t="s">
        <v>83</v>
      </c>
      <c r="N19978" t="s">
        <v>84</v>
      </c>
      <c r="O19978" t="s">
        <v>85</v>
      </c>
      <c r="P19978" t="s">
        <v>86</v>
      </c>
      <c r="Q19978">
        <v>15</v>
      </c>
      <c r="R19978">
        <v>15</v>
      </c>
      <c r="S19978">
        <v>16</v>
      </c>
      <c r="T19978">
        <v>16</v>
      </c>
      <c r="U19978">
        <v>16</v>
      </c>
      <c r="V19978">
        <v>16</v>
      </c>
      <c r="W19978">
        <v>17</v>
      </c>
      <c r="X19978">
        <v>17</v>
      </c>
      <c r="Y19978">
        <v>17</v>
      </c>
      <c r="Z19978">
        <v>18</v>
      </c>
      <c r="AA19978">
        <v>18</v>
      </c>
      <c r="AB19978">
        <v>18</v>
      </c>
      <c r="AC19978">
        <v>18</v>
      </c>
      <c r="AD19978">
        <v>19</v>
      </c>
      <c r="AE19978">
        <v>19</v>
      </c>
      <c r="AF19978">
        <v>19</v>
      </c>
      <c r="AG19978">
        <v>20</v>
      </c>
      <c r="AH19978">
        <v>20</v>
      </c>
      <c r="AI19978">
        <v>20</v>
      </c>
      <c r="AJ19978">
        <v>20</v>
      </c>
      <c r="AK19978">
        <v>21</v>
      </c>
      <c r="AL19978">
        <v>21</v>
      </c>
      <c r="AM19978">
        <v>21</v>
      </c>
      <c r="AN19978">
        <v>21</v>
      </c>
      <c r="AO19978">
        <v>21</v>
      </c>
      <c r="AP19978">
        <v>22</v>
      </c>
      <c r="AQ19978">
        <v>22</v>
      </c>
    </row>
    <row r="19979" spans="1:43">
      <c r="A19979" t="s">
        <v>12370</v>
      </c>
      <c r="B19979" t="s">
        <v>12371</v>
      </c>
      <c r="C19979" t="s">
        <v>12372</v>
      </c>
      <c r="D19979" t="s">
        <v>12373</v>
      </c>
      <c r="E19979" t="s">
        <v>12188</v>
      </c>
      <c r="F19979" t="s">
        <v>12189</v>
      </c>
      <c r="G19979" t="s">
        <v>10450</v>
      </c>
      <c r="H19979" t="s">
        <v>10451</v>
      </c>
      <c r="I19979" s="2">
        <v>1</v>
      </c>
      <c r="J19979" s="2">
        <v>0</v>
      </c>
      <c r="K19979" s="2">
        <v>0</v>
      </c>
      <c r="L19979" t="s">
        <v>120</v>
      </c>
      <c r="M19979" t="s">
        <v>87</v>
      </c>
      <c r="N19979" t="s">
        <v>88</v>
      </c>
      <c r="O19979" t="s">
        <v>85</v>
      </c>
      <c r="P19979" t="s">
        <v>86</v>
      </c>
      <c r="Q19979">
        <v>15</v>
      </c>
      <c r="R19979">
        <v>15</v>
      </c>
      <c r="S19979">
        <v>15</v>
      </c>
      <c r="T19979">
        <v>15</v>
      </c>
      <c r="U19979">
        <v>15</v>
      </c>
      <c r="V19979">
        <v>16</v>
      </c>
      <c r="W19979">
        <v>16</v>
      </c>
      <c r="X19979">
        <v>16</v>
      </c>
      <c r="Y19979">
        <v>16</v>
      </c>
      <c r="Z19979">
        <v>16</v>
      </c>
      <c r="AA19979">
        <v>16</v>
      </c>
      <c r="AB19979">
        <v>16</v>
      </c>
      <c r="AC19979">
        <v>17</v>
      </c>
      <c r="AD19979">
        <v>17</v>
      </c>
      <c r="AE19979">
        <v>17</v>
      </c>
      <c r="AF19979">
        <v>17</v>
      </c>
      <c r="AG19979">
        <v>17</v>
      </c>
      <c r="AH19979">
        <v>17</v>
      </c>
      <c r="AI19979">
        <v>18</v>
      </c>
      <c r="AJ19979">
        <v>18</v>
      </c>
      <c r="AK19979">
        <v>18</v>
      </c>
      <c r="AL19979">
        <v>18</v>
      </c>
      <c r="AM19979">
        <v>18</v>
      </c>
      <c r="AN19979">
        <v>18</v>
      </c>
      <c r="AO19979">
        <v>19</v>
      </c>
      <c r="AP19979">
        <v>19</v>
      </c>
      <c r="AQ19979">
        <v>19</v>
      </c>
    </row>
    <row r="19980" spans="1:43">
      <c r="A19980" t="s">
        <v>12370</v>
      </c>
      <c r="B19980" t="s">
        <v>12371</v>
      </c>
      <c r="C19980" t="s">
        <v>12372</v>
      </c>
      <c r="D19980" t="s">
        <v>12373</v>
      </c>
      <c r="E19980" t="s">
        <v>12188</v>
      </c>
      <c r="F19980" t="s">
        <v>12189</v>
      </c>
      <c r="G19980" t="s">
        <v>10450</v>
      </c>
      <c r="H19980" t="s">
        <v>10451</v>
      </c>
      <c r="I19980" s="2">
        <v>1</v>
      </c>
      <c r="J19980" s="2">
        <v>0</v>
      </c>
      <c r="K19980" s="2">
        <v>0</v>
      </c>
      <c r="L19980" t="s">
        <v>120</v>
      </c>
      <c r="M19980" t="s">
        <v>89</v>
      </c>
      <c r="N19980" t="s">
        <v>90</v>
      </c>
      <c r="O19980" t="s">
        <v>85</v>
      </c>
      <c r="P19980" t="s">
        <v>86</v>
      </c>
      <c r="Q19980">
        <v>15</v>
      </c>
      <c r="R19980">
        <v>15</v>
      </c>
      <c r="S19980">
        <v>16</v>
      </c>
      <c r="T19980">
        <v>16</v>
      </c>
      <c r="U19980">
        <v>17</v>
      </c>
      <c r="V19980">
        <v>17</v>
      </c>
      <c r="W19980">
        <v>17</v>
      </c>
      <c r="X19980">
        <v>18</v>
      </c>
      <c r="Y19980">
        <v>18</v>
      </c>
      <c r="Z19980">
        <v>19</v>
      </c>
      <c r="AA19980">
        <v>19</v>
      </c>
      <c r="AB19980">
        <v>19</v>
      </c>
      <c r="AC19980">
        <v>20</v>
      </c>
      <c r="AD19980">
        <v>20</v>
      </c>
      <c r="AE19980">
        <v>20</v>
      </c>
      <c r="AF19980">
        <v>20</v>
      </c>
      <c r="AG19980">
        <v>21</v>
      </c>
      <c r="AH19980">
        <v>21</v>
      </c>
      <c r="AI19980">
        <v>21</v>
      </c>
      <c r="AJ19980">
        <v>21</v>
      </c>
      <c r="AK19980">
        <v>21</v>
      </c>
      <c r="AL19980">
        <v>21</v>
      </c>
      <c r="AM19980">
        <v>21</v>
      </c>
      <c r="AN19980">
        <v>21</v>
      </c>
      <c r="AO19980">
        <v>22</v>
      </c>
      <c r="AP19980">
        <v>22</v>
      </c>
      <c r="AQ19980">
        <v>22</v>
      </c>
    </row>
    <row r="19981" spans="1:43">
      <c r="A19981" t="s">
        <v>12370</v>
      </c>
      <c r="B19981" t="s">
        <v>12371</v>
      </c>
      <c r="C19981" t="s">
        <v>12372</v>
      </c>
      <c r="D19981" t="s">
        <v>12373</v>
      </c>
      <c r="E19981" t="s">
        <v>12188</v>
      </c>
      <c r="F19981" t="s">
        <v>12189</v>
      </c>
      <c r="G19981" t="s">
        <v>10450</v>
      </c>
      <c r="H19981" t="s">
        <v>10451</v>
      </c>
      <c r="I19981" s="2">
        <v>1</v>
      </c>
      <c r="J19981" s="2">
        <v>0</v>
      </c>
      <c r="K19981" s="2">
        <v>0</v>
      </c>
      <c r="L19981" t="s">
        <v>120</v>
      </c>
      <c r="M19981" t="s">
        <v>83</v>
      </c>
      <c r="N19981" t="s">
        <v>91</v>
      </c>
      <c r="O19981" t="s">
        <v>85</v>
      </c>
      <c r="P19981" t="s">
        <v>86</v>
      </c>
      <c r="Q19981">
        <v>15</v>
      </c>
      <c r="R19981">
        <v>15</v>
      </c>
      <c r="S19981">
        <v>16</v>
      </c>
      <c r="T19981">
        <v>16</v>
      </c>
      <c r="U19981">
        <v>16</v>
      </c>
      <c r="V19981">
        <v>16</v>
      </c>
      <c r="W19981">
        <v>17</v>
      </c>
      <c r="X19981">
        <v>17</v>
      </c>
      <c r="Y19981">
        <v>17</v>
      </c>
      <c r="Z19981">
        <v>18</v>
      </c>
      <c r="AA19981">
        <v>18</v>
      </c>
      <c r="AB19981">
        <v>18</v>
      </c>
      <c r="AC19981">
        <v>18</v>
      </c>
      <c r="AD19981">
        <v>19</v>
      </c>
      <c r="AE19981">
        <v>19</v>
      </c>
      <c r="AF19981">
        <v>19</v>
      </c>
      <c r="AG19981">
        <v>20</v>
      </c>
      <c r="AH19981">
        <v>20</v>
      </c>
      <c r="AI19981">
        <v>20</v>
      </c>
      <c r="AJ19981">
        <v>20</v>
      </c>
      <c r="AK19981">
        <v>21</v>
      </c>
      <c r="AL19981">
        <v>21</v>
      </c>
      <c r="AM19981">
        <v>21</v>
      </c>
      <c r="AN19981">
        <v>21</v>
      </c>
      <c r="AO19981">
        <v>21</v>
      </c>
      <c r="AP19981">
        <v>22</v>
      </c>
      <c r="AQ19981">
        <v>22</v>
      </c>
    </row>
    <row r="19982" spans="1:43">
      <c r="A19982" t="s">
        <v>12374</v>
      </c>
      <c r="B19982" t="s">
        <v>12375</v>
      </c>
      <c r="C19982" t="s">
        <v>12372</v>
      </c>
      <c r="D19982" t="s">
        <v>12373</v>
      </c>
      <c r="E19982" t="s">
        <v>12188</v>
      </c>
      <c r="F19982" t="s">
        <v>12189</v>
      </c>
      <c r="G19982" t="s">
        <v>10450</v>
      </c>
      <c r="H19982" t="s">
        <v>10451</v>
      </c>
      <c r="I19982" s="2">
        <v>1</v>
      </c>
      <c r="J19982" s="2">
        <v>0</v>
      </c>
      <c r="K19982" s="2">
        <v>0</v>
      </c>
      <c r="L19982" t="s">
        <v>120</v>
      </c>
      <c r="M19982" t="s">
        <v>83</v>
      </c>
      <c r="N19982" t="s">
        <v>84</v>
      </c>
      <c r="O19982" t="s">
        <v>85</v>
      </c>
      <c r="P19982" t="s">
        <v>86</v>
      </c>
      <c r="Q19982">
        <v>22</v>
      </c>
      <c r="R19982">
        <v>23</v>
      </c>
      <c r="S19982">
        <v>23</v>
      </c>
      <c r="T19982">
        <v>24</v>
      </c>
      <c r="U19982">
        <v>24</v>
      </c>
      <c r="V19982">
        <v>25</v>
      </c>
      <c r="W19982">
        <v>25</v>
      </c>
      <c r="X19982">
        <v>25</v>
      </c>
      <c r="Y19982">
        <v>26</v>
      </c>
      <c r="Z19982">
        <v>26</v>
      </c>
      <c r="AA19982">
        <v>27</v>
      </c>
      <c r="AB19982">
        <v>27</v>
      </c>
      <c r="AC19982">
        <v>28</v>
      </c>
      <c r="AD19982">
        <v>28</v>
      </c>
      <c r="AE19982">
        <v>28</v>
      </c>
      <c r="AF19982">
        <v>29</v>
      </c>
      <c r="AG19982">
        <v>29</v>
      </c>
      <c r="AH19982">
        <v>30</v>
      </c>
      <c r="AI19982">
        <v>30</v>
      </c>
      <c r="AJ19982">
        <v>31</v>
      </c>
      <c r="AK19982">
        <v>31</v>
      </c>
      <c r="AL19982">
        <v>31</v>
      </c>
      <c r="AM19982">
        <v>32</v>
      </c>
      <c r="AN19982">
        <v>32</v>
      </c>
      <c r="AO19982">
        <v>32</v>
      </c>
      <c r="AP19982">
        <v>32</v>
      </c>
      <c r="AQ19982">
        <v>32</v>
      </c>
    </row>
    <row r="19983" spans="1:43">
      <c r="A19983" t="s">
        <v>12374</v>
      </c>
      <c r="B19983" t="s">
        <v>12375</v>
      </c>
      <c r="C19983" t="s">
        <v>12372</v>
      </c>
      <c r="D19983" t="s">
        <v>12373</v>
      </c>
      <c r="E19983" t="s">
        <v>12188</v>
      </c>
      <c r="F19983" t="s">
        <v>12189</v>
      </c>
      <c r="G19983" t="s">
        <v>10450</v>
      </c>
      <c r="H19983" t="s">
        <v>10451</v>
      </c>
      <c r="I19983" s="2">
        <v>1</v>
      </c>
      <c r="J19983" s="2">
        <v>0</v>
      </c>
      <c r="K19983" s="2">
        <v>0</v>
      </c>
      <c r="L19983" t="s">
        <v>120</v>
      </c>
      <c r="M19983" t="s">
        <v>87</v>
      </c>
      <c r="N19983" t="s">
        <v>88</v>
      </c>
      <c r="O19983" t="s">
        <v>85</v>
      </c>
      <c r="P19983" t="s">
        <v>86</v>
      </c>
      <c r="Q19983">
        <v>22</v>
      </c>
      <c r="R19983">
        <v>22</v>
      </c>
      <c r="S19983">
        <v>23</v>
      </c>
      <c r="T19983">
        <v>23</v>
      </c>
      <c r="U19983">
        <v>23</v>
      </c>
      <c r="V19983">
        <v>23</v>
      </c>
      <c r="W19983">
        <v>23</v>
      </c>
      <c r="X19983">
        <v>24</v>
      </c>
      <c r="Y19983">
        <v>24</v>
      </c>
      <c r="Z19983">
        <v>24</v>
      </c>
      <c r="AA19983">
        <v>24</v>
      </c>
      <c r="AB19983">
        <v>25</v>
      </c>
      <c r="AC19983">
        <v>25</v>
      </c>
      <c r="AD19983">
        <v>25</v>
      </c>
      <c r="AE19983">
        <v>25</v>
      </c>
      <c r="AF19983">
        <v>26</v>
      </c>
      <c r="AG19983">
        <v>26</v>
      </c>
      <c r="AH19983">
        <v>26</v>
      </c>
      <c r="AI19983">
        <v>26</v>
      </c>
      <c r="AJ19983">
        <v>27</v>
      </c>
      <c r="AK19983">
        <v>27</v>
      </c>
      <c r="AL19983">
        <v>27</v>
      </c>
      <c r="AM19983">
        <v>27</v>
      </c>
      <c r="AN19983">
        <v>28</v>
      </c>
      <c r="AO19983">
        <v>28</v>
      </c>
      <c r="AP19983">
        <v>28</v>
      </c>
      <c r="AQ19983">
        <v>28</v>
      </c>
    </row>
    <row r="19984" spans="1:43">
      <c r="A19984" t="s">
        <v>12374</v>
      </c>
      <c r="B19984" t="s">
        <v>12375</v>
      </c>
      <c r="C19984" t="s">
        <v>12372</v>
      </c>
      <c r="D19984" t="s">
        <v>12373</v>
      </c>
      <c r="E19984" t="s">
        <v>12188</v>
      </c>
      <c r="F19984" t="s">
        <v>12189</v>
      </c>
      <c r="G19984" t="s">
        <v>10450</v>
      </c>
      <c r="H19984" t="s">
        <v>10451</v>
      </c>
      <c r="I19984" s="2">
        <v>1</v>
      </c>
      <c r="J19984" s="2">
        <v>0</v>
      </c>
      <c r="K19984" s="2">
        <v>0</v>
      </c>
      <c r="L19984" t="s">
        <v>120</v>
      </c>
      <c r="M19984" t="s">
        <v>89</v>
      </c>
      <c r="N19984" t="s">
        <v>90</v>
      </c>
      <c r="O19984" t="s">
        <v>85</v>
      </c>
      <c r="P19984" t="s">
        <v>86</v>
      </c>
      <c r="Q19984">
        <v>22</v>
      </c>
      <c r="R19984">
        <v>22</v>
      </c>
      <c r="S19984">
        <v>23</v>
      </c>
      <c r="T19984">
        <v>23</v>
      </c>
      <c r="U19984">
        <v>24</v>
      </c>
      <c r="V19984">
        <v>25</v>
      </c>
      <c r="W19984">
        <v>25</v>
      </c>
      <c r="X19984">
        <v>26</v>
      </c>
      <c r="Y19984">
        <v>26</v>
      </c>
      <c r="Z19984">
        <v>27</v>
      </c>
      <c r="AA19984">
        <v>27</v>
      </c>
      <c r="AB19984">
        <v>28</v>
      </c>
      <c r="AC19984">
        <v>28</v>
      </c>
      <c r="AD19984">
        <v>29</v>
      </c>
      <c r="AE19984">
        <v>29</v>
      </c>
      <c r="AF19984">
        <v>30</v>
      </c>
      <c r="AG19984">
        <v>30</v>
      </c>
      <c r="AH19984">
        <v>30</v>
      </c>
      <c r="AI19984">
        <v>30</v>
      </c>
      <c r="AJ19984">
        <v>30</v>
      </c>
      <c r="AK19984">
        <v>30</v>
      </c>
      <c r="AL19984">
        <v>31</v>
      </c>
      <c r="AM19984">
        <v>31</v>
      </c>
      <c r="AN19984">
        <v>31</v>
      </c>
      <c r="AO19984">
        <v>31</v>
      </c>
      <c r="AP19984">
        <v>31</v>
      </c>
      <c r="AQ19984">
        <v>32</v>
      </c>
    </row>
    <row r="19985" spans="1:43">
      <c r="A19985" t="s">
        <v>12374</v>
      </c>
      <c r="B19985" t="s">
        <v>12375</v>
      </c>
      <c r="C19985" t="s">
        <v>12372</v>
      </c>
      <c r="D19985" t="s">
        <v>12373</v>
      </c>
      <c r="E19985" t="s">
        <v>12188</v>
      </c>
      <c r="F19985" t="s">
        <v>12189</v>
      </c>
      <c r="G19985" t="s">
        <v>10450</v>
      </c>
      <c r="H19985" t="s">
        <v>10451</v>
      </c>
      <c r="I19985" s="2">
        <v>1</v>
      </c>
      <c r="J19985" s="2">
        <v>0</v>
      </c>
      <c r="K19985" s="2">
        <v>0</v>
      </c>
      <c r="L19985" t="s">
        <v>120</v>
      </c>
      <c r="M19985" t="s">
        <v>83</v>
      </c>
      <c r="N19985" t="s">
        <v>91</v>
      </c>
      <c r="O19985" t="s">
        <v>85</v>
      </c>
      <c r="P19985" t="s">
        <v>86</v>
      </c>
      <c r="Q19985">
        <v>22</v>
      </c>
      <c r="R19985">
        <v>23</v>
      </c>
      <c r="S19985">
        <v>23</v>
      </c>
      <c r="T19985">
        <v>24</v>
      </c>
      <c r="U19985">
        <v>24</v>
      </c>
      <c r="V19985">
        <v>25</v>
      </c>
      <c r="W19985">
        <v>25</v>
      </c>
      <c r="X19985">
        <v>25</v>
      </c>
      <c r="Y19985">
        <v>26</v>
      </c>
      <c r="Z19985">
        <v>26</v>
      </c>
      <c r="AA19985">
        <v>27</v>
      </c>
      <c r="AB19985">
        <v>27</v>
      </c>
      <c r="AC19985">
        <v>28</v>
      </c>
      <c r="AD19985">
        <v>28</v>
      </c>
      <c r="AE19985">
        <v>28</v>
      </c>
      <c r="AF19985">
        <v>29</v>
      </c>
      <c r="AG19985">
        <v>29</v>
      </c>
      <c r="AH19985">
        <v>30</v>
      </c>
      <c r="AI19985">
        <v>30</v>
      </c>
      <c r="AJ19985">
        <v>31</v>
      </c>
      <c r="AK19985">
        <v>31</v>
      </c>
      <c r="AL19985">
        <v>31</v>
      </c>
      <c r="AM19985">
        <v>32</v>
      </c>
      <c r="AN19985">
        <v>32</v>
      </c>
      <c r="AO19985">
        <v>32</v>
      </c>
      <c r="AP19985">
        <v>32</v>
      </c>
      <c r="AQ19985">
        <v>32</v>
      </c>
    </row>
    <row r="19986" spans="1:43">
      <c r="A19986" t="s">
        <v>12376</v>
      </c>
      <c r="B19986" t="s">
        <v>12377</v>
      </c>
      <c r="C19986" t="s">
        <v>12372</v>
      </c>
      <c r="D19986" t="s">
        <v>12373</v>
      </c>
      <c r="E19986" t="s">
        <v>12188</v>
      </c>
      <c r="F19986" t="s">
        <v>12189</v>
      </c>
      <c r="G19986" t="s">
        <v>10450</v>
      </c>
      <c r="H19986" t="s">
        <v>10451</v>
      </c>
      <c r="I19986" s="2">
        <v>1</v>
      </c>
      <c r="J19986" s="2">
        <v>0</v>
      </c>
      <c r="K19986" s="2">
        <v>0</v>
      </c>
      <c r="L19986" t="s">
        <v>120</v>
      </c>
      <c r="M19986" t="s">
        <v>83</v>
      </c>
      <c r="N19986" t="s">
        <v>84</v>
      </c>
      <c r="O19986" t="s">
        <v>85</v>
      </c>
      <c r="P19986" t="s">
        <v>86</v>
      </c>
      <c r="Q19986">
        <v>9</v>
      </c>
      <c r="R19986">
        <v>9</v>
      </c>
      <c r="S19986">
        <v>9</v>
      </c>
      <c r="T19986">
        <v>9</v>
      </c>
      <c r="U19986">
        <v>9</v>
      </c>
      <c r="V19986">
        <v>9</v>
      </c>
      <c r="W19986">
        <v>10</v>
      </c>
      <c r="X19986">
        <v>10</v>
      </c>
      <c r="Y19986">
        <v>10</v>
      </c>
      <c r="Z19986">
        <v>10</v>
      </c>
      <c r="AA19986">
        <v>10</v>
      </c>
      <c r="AB19986">
        <v>10</v>
      </c>
      <c r="AC19986">
        <v>11</v>
      </c>
      <c r="AD19986">
        <v>11</v>
      </c>
      <c r="AE19986">
        <v>11</v>
      </c>
      <c r="AF19986">
        <v>11</v>
      </c>
      <c r="AG19986">
        <v>11</v>
      </c>
      <c r="AH19986">
        <v>11</v>
      </c>
      <c r="AI19986">
        <v>12</v>
      </c>
      <c r="AJ19986">
        <v>12</v>
      </c>
      <c r="AK19986">
        <v>12</v>
      </c>
      <c r="AL19986">
        <v>12</v>
      </c>
      <c r="AM19986">
        <v>12</v>
      </c>
      <c r="AN19986">
        <v>12</v>
      </c>
      <c r="AO19986">
        <v>12</v>
      </c>
      <c r="AP19986">
        <v>12</v>
      </c>
      <c r="AQ19986">
        <v>12</v>
      </c>
    </row>
    <row r="19987" spans="1:43">
      <c r="A19987" t="s">
        <v>12376</v>
      </c>
      <c r="B19987" t="s">
        <v>12377</v>
      </c>
      <c r="C19987" t="s">
        <v>12372</v>
      </c>
      <c r="D19987" t="s">
        <v>12373</v>
      </c>
      <c r="E19987" t="s">
        <v>12188</v>
      </c>
      <c r="F19987" t="s">
        <v>12189</v>
      </c>
      <c r="G19987" t="s">
        <v>10450</v>
      </c>
      <c r="H19987" t="s">
        <v>10451</v>
      </c>
      <c r="I19987" s="2">
        <v>1</v>
      </c>
      <c r="J19987" s="2">
        <v>0</v>
      </c>
      <c r="K19987" s="2">
        <v>0</v>
      </c>
      <c r="L19987" t="s">
        <v>120</v>
      </c>
      <c r="M19987" t="s">
        <v>87</v>
      </c>
      <c r="N19987" t="s">
        <v>88</v>
      </c>
      <c r="O19987" t="s">
        <v>85</v>
      </c>
      <c r="P19987" t="s">
        <v>86</v>
      </c>
      <c r="Q19987">
        <v>9</v>
      </c>
      <c r="R19987">
        <v>9</v>
      </c>
      <c r="S19987">
        <v>9</v>
      </c>
      <c r="T19987">
        <v>9</v>
      </c>
      <c r="U19987">
        <v>9</v>
      </c>
      <c r="V19987">
        <v>9</v>
      </c>
      <c r="W19987">
        <v>9</v>
      </c>
      <c r="X19987">
        <v>9</v>
      </c>
      <c r="Y19987">
        <v>9</v>
      </c>
      <c r="Z19987">
        <v>9</v>
      </c>
      <c r="AA19987">
        <v>9</v>
      </c>
      <c r="AB19987">
        <v>9</v>
      </c>
      <c r="AC19987">
        <v>10</v>
      </c>
      <c r="AD19987">
        <v>10</v>
      </c>
      <c r="AE19987">
        <v>10</v>
      </c>
      <c r="AF19987">
        <v>10</v>
      </c>
      <c r="AG19987">
        <v>10</v>
      </c>
      <c r="AH19987">
        <v>10</v>
      </c>
      <c r="AI19987">
        <v>10</v>
      </c>
      <c r="AJ19987">
        <v>10</v>
      </c>
      <c r="AK19987">
        <v>10</v>
      </c>
      <c r="AL19987">
        <v>10</v>
      </c>
      <c r="AM19987">
        <v>10</v>
      </c>
      <c r="AN19987">
        <v>11</v>
      </c>
      <c r="AO19987">
        <v>11</v>
      </c>
      <c r="AP19987">
        <v>11</v>
      </c>
      <c r="AQ19987">
        <v>11</v>
      </c>
    </row>
    <row r="19988" spans="1:43">
      <c r="A19988" t="s">
        <v>12376</v>
      </c>
      <c r="B19988" t="s">
        <v>12377</v>
      </c>
      <c r="C19988" t="s">
        <v>12372</v>
      </c>
      <c r="D19988" t="s">
        <v>12373</v>
      </c>
      <c r="E19988" t="s">
        <v>12188</v>
      </c>
      <c r="F19988" t="s">
        <v>12189</v>
      </c>
      <c r="G19988" t="s">
        <v>10450</v>
      </c>
      <c r="H19988" t="s">
        <v>10451</v>
      </c>
      <c r="I19988" s="2">
        <v>1</v>
      </c>
      <c r="J19988" s="2">
        <v>0</v>
      </c>
      <c r="K19988" s="2">
        <v>0</v>
      </c>
      <c r="L19988" t="s">
        <v>120</v>
      </c>
      <c r="M19988" t="s">
        <v>89</v>
      </c>
      <c r="N19988" t="s">
        <v>90</v>
      </c>
      <c r="O19988" t="s">
        <v>85</v>
      </c>
      <c r="P19988" t="s">
        <v>86</v>
      </c>
      <c r="Q19988">
        <v>9</v>
      </c>
      <c r="R19988">
        <v>9</v>
      </c>
      <c r="S19988">
        <v>9</v>
      </c>
      <c r="T19988">
        <v>9</v>
      </c>
      <c r="U19988">
        <v>10</v>
      </c>
      <c r="V19988">
        <v>10</v>
      </c>
      <c r="W19988">
        <v>10</v>
      </c>
      <c r="X19988">
        <v>10</v>
      </c>
      <c r="Y19988">
        <v>10</v>
      </c>
      <c r="Z19988">
        <v>11</v>
      </c>
      <c r="AA19988">
        <v>11</v>
      </c>
      <c r="AB19988">
        <v>11</v>
      </c>
      <c r="AC19988">
        <v>11</v>
      </c>
      <c r="AD19988">
        <v>12</v>
      </c>
      <c r="AE19988">
        <v>12</v>
      </c>
      <c r="AF19988">
        <v>12</v>
      </c>
      <c r="AG19988">
        <v>12</v>
      </c>
      <c r="AH19988">
        <v>12</v>
      </c>
      <c r="AI19988">
        <v>12</v>
      </c>
      <c r="AJ19988">
        <v>12</v>
      </c>
      <c r="AK19988">
        <v>12</v>
      </c>
      <c r="AL19988">
        <v>12</v>
      </c>
      <c r="AM19988">
        <v>12</v>
      </c>
      <c r="AN19988">
        <v>12</v>
      </c>
      <c r="AO19988">
        <v>12</v>
      </c>
      <c r="AP19988">
        <v>12</v>
      </c>
      <c r="AQ19988">
        <v>13</v>
      </c>
    </row>
    <row r="19989" spans="1:43">
      <c r="A19989" t="s">
        <v>12376</v>
      </c>
      <c r="B19989" t="s">
        <v>12377</v>
      </c>
      <c r="C19989" t="s">
        <v>12372</v>
      </c>
      <c r="D19989" t="s">
        <v>12373</v>
      </c>
      <c r="E19989" t="s">
        <v>12188</v>
      </c>
      <c r="F19989" t="s">
        <v>12189</v>
      </c>
      <c r="G19989" t="s">
        <v>10450</v>
      </c>
      <c r="H19989" t="s">
        <v>10451</v>
      </c>
      <c r="I19989" s="2">
        <v>1</v>
      </c>
      <c r="J19989" s="2">
        <v>0</v>
      </c>
      <c r="K19989" s="2">
        <v>0</v>
      </c>
      <c r="L19989" t="s">
        <v>120</v>
      </c>
      <c r="M19989" t="s">
        <v>83</v>
      </c>
      <c r="N19989" t="s">
        <v>91</v>
      </c>
      <c r="O19989" t="s">
        <v>85</v>
      </c>
      <c r="P19989" t="s">
        <v>86</v>
      </c>
      <c r="Q19989">
        <v>9</v>
      </c>
      <c r="R19989">
        <v>9</v>
      </c>
      <c r="S19989">
        <v>9</v>
      </c>
      <c r="T19989">
        <v>9</v>
      </c>
      <c r="U19989">
        <v>9</v>
      </c>
      <c r="V19989">
        <v>9</v>
      </c>
      <c r="W19989">
        <v>10</v>
      </c>
      <c r="X19989">
        <v>10</v>
      </c>
      <c r="Y19989">
        <v>10</v>
      </c>
      <c r="Z19989">
        <v>10</v>
      </c>
      <c r="AA19989">
        <v>10</v>
      </c>
      <c r="AB19989">
        <v>10</v>
      </c>
      <c r="AC19989">
        <v>11</v>
      </c>
      <c r="AD19989">
        <v>11</v>
      </c>
      <c r="AE19989">
        <v>11</v>
      </c>
      <c r="AF19989">
        <v>11</v>
      </c>
      <c r="AG19989">
        <v>11</v>
      </c>
      <c r="AH19989">
        <v>11</v>
      </c>
      <c r="AI19989">
        <v>12</v>
      </c>
      <c r="AJ19989">
        <v>12</v>
      </c>
      <c r="AK19989">
        <v>12</v>
      </c>
      <c r="AL19989">
        <v>12</v>
      </c>
      <c r="AM19989">
        <v>12</v>
      </c>
      <c r="AN19989">
        <v>12</v>
      </c>
      <c r="AO19989">
        <v>12</v>
      </c>
      <c r="AP19989">
        <v>12</v>
      </c>
      <c r="AQ19989">
        <v>12</v>
      </c>
    </row>
    <row r="19990" spans="1:43">
      <c r="A19990" t="s">
        <v>12378</v>
      </c>
      <c r="B19990" t="s">
        <v>12379</v>
      </c>
      <c r="C19990" t="s">
        <v>12372</v>
      </c>
      <c r="D19990" t="s">
        <v>12373</v>
      </c>
      <c r="E19990" t="s">
        <v>12188</v>
      </c>
      <c r="F19990" t="s">
        <v>12189</v>
      </c>
      <c r="G19990" t="s">
        <v>10450</v>
      </c>
      <c r="H19990" t="s">
        <v>10451</v>
      </c>
      <c r="I19990" s="2">
        <v>1</v>
      </c>
      <c r="J19990" s="2">
        <v>0</v>
      </c>
      <c r="K19990" s="2">
        <v>0</v>
      </c>
      <c r="L19990" t="s">
        <v>120</v>
      </c>
      <c r="M19990" t="s">
        <v>83</v>
      </c>
      <c r="N19990" t="s">
        <v>84</v>
      </c>
      <c r="O19990" t="s">
        <v>85</v>
      </c>
      <c r="P19990" t="s">
        <v>86</v>
      </c>
      <c r="Q19990">
        <v>41</v>
      </c>
      <c r="R19990">
        <v>42</v>
      </c>
      <c r="S19990">
        <v>43</v>
      </c>
      <c r="T19990">
        <v>44</v>
      </c>
      <c r="U19990">
        <v>45</v>
      </c>
      <c r="V19990">
        <v>45</v>
      </c>
      <c r="W19990">
        <v>46</v>
      </c>
      <c r="X19990">
        <v>47</v>
      </c>
      <c r="Y19990">
        <v>48</v>
      </c>
      <c r="Z19990">
        <v>49</v>
      </c>
      <c r="AA19990">
        <v>49</v>
      </c>
      <c r="AB19990">
        <v>50</v>
      </c>
      <c r="AC19990">
        <v>51</v>
      </c>
      <c r="AD19990">
        <v>52</v>
      </c>
      <c r="AE19990">
        <v>53</v>
      </c>
      <c r="AF19990">
        <v>53</v>
      </c>
      <c r="AG19990">
        <v>54</v>
      </c>
      <c r="AH19990">
        <v>55</v>
      </c>
      <c r="AI19990">
        <v>56</v>
      </c>
      <c r="AJ19990">
        <v>57</v>
      </c>
      <c r="AK19990">
        <v>58</v>
      </c>
      <c r="AL19990">
        <v>58</v>
      </c>
      <c r="AM19990">
        <v>59</v>
      </c>
      <c r="AN19990">
        <v>59</v>
      </c>
      <c r="AO19990">
        <v>59</v>
      </c>
      <c r="AP19990">
        <v>60</v>
      </c>
      <c r="AQ19990">
        <v>60</v>
      </c>
    </row>
    <row r="19991" spans="1:43">
      <c r="A19991" t="s">
        <v>12378</v>
      </c>
      <c r="B19991" t="s">
        <v>12379</v>
      </c>
      <c r="C19991" t="s">
        <v>12372</v>
      </c>
      <c r="D19991" t="s">
        <v>12373</v>
      </c>
      <c r="E19991" t="s">
        <v>12188</v>
      </c>
      <c r="F19991" t="s">
        <v>12189</v>
      </c>
      <c r="G19991" t="s">
        <v>10450</v>
      </c>
      <c r="H19991" t="s">
        <v>10451</v>
      </c>
      <c r="I19991" s="2">
        <v>1</v>
      </c>
      <c r="J19991" s="2">
        <v>0</v>
      </c>
      <c r="K19991" s="2">
        <v>0</v>
      </c>
      <c r="L19991" t="s">
        <v>120</v>
      </c>
      <c r="M19991" t="s">
        <v>87</v>
      </c>
      <c r="N19991" t="s">
        <v>88</v>
      </c>
      <c r="O19991" t="s">
        <v>85</v>
      </c>
      <c r="P19991" t="s">
        <v>86</v>
      </c>
      <c r="Q19991">
        <v>41</v>
      </c>
      <c r="R19991">
        <v>41</v>
      </c>
      <c r="S19991">
        <v>42</v>
      </c>
      <c r="T19991">
        <v>42</v>
      </c>
      <c r="U19991">
        <v>43</v>
      </c>
      <c r="V19991">
        <v>43</v>
      </c>
      <c r="W19991">
        <v>43</v>
      </c>
      <c r="X19991">
        <v>44</v>
      </c>
      <c r="Y19991">
        <v>44</v>
      </c>
      <c r="Z19991">
        <v>45</v>
      </c>
      <c r="AA19991">
        <v>45</v>
      </c>
      <c r="AB19991">
        <v>45</v>
      </c>
      <c r="AC19991">
        <v>46</v>
      </c>
      <c r="AD19991">
        <v>46</v>
      </c>
      <c r="AE19991">
        <v>47</v>
      </c>
      <c r="AF19991">
        <v>47</v>
      </c>
      <c r="AG19991">
        <v>48</v>
      </c>
      <c r="AH19991">
        <v>48</v>
      </c>
      <c r="AI19991">
        <v>49</v>
      </c>
      <c r="AJ19991">
        <v>49</v>
      </c>
      <c r="AK19991">
        <v>50</v>
      </c>
      <c r="AL19991">
        <v>50</v>
      </c>
      <c r="AM19991">
        <v>50</v>
      </c>
      <c r="AN19991">
        <v>51</v>
      </c>
      <c r="AO19991">
        <v>51</v>
      </c>
      <c r="AP19991">
        <v>52</v>
      </c>
      <c r="AQ19991">
        <v>53</v>
      </c>
    </row>
    <row r="19992" spans="1:43">
      <c r="A19992" t="s">
        <v>12378</v>
      </c>
      <c r="B19992" t="s">
        <v>12379</v>
      </c>
      <c r="C19992" t="s">
        <v>12372</v>
      </c>
      <c r="D19992" t="s">
        <v>12373</v>
      </c>
      <c r="E19992" t="s">
        <v>12188</v>
      </c>
      <c r="F19992" t="s">
        <v>12189</v>
      </c>
      <c r="G19992" t="s">
        <v>10450</v>
      </c>
      <c r="H19992" t="s">
        <v>10451</v>
      </c>
      <c r="I19992" s="2">
        <v>1</v>
      </c>
      <c r="J19992" s="2">
        <v>0</v>
      </c>
      <c r="K19992" s="2">
        <v>0</v>
      </c>
      <c r="L19992" t="s">
        <v>120</v>
      </c>
      <c r="M19992" t="s">
        <v>89</v>
      </c>
      <c r="N19992" t="s">
        <v>90</v>
      </c>
      <c r="O19992" t="s">
        <v>85</v>
      </c>
      <c r="P19992" t="s">
        <v>86</v>
      </c>
      <c r="Q19992">
        <v>41</v>
      </c>
      <c r="R19992">
        <v>42</v>
      </c>
      <c r="S19992">
        <v>43</v>
      </c>
      <c r="T19992">
        <v>44</v>
      </c>
      <c r="U19992">
        <v>45</v>
      </c>
      <c r="V19992">
        <v>46</v>
      </c>
      <c r="W19992">
        <v>47</v>
      </c>
      <c r="X19992">
        <v>48</v>
      </c>
      <c r="Y19992">
        <v>49</v>
      </c>
      <c r="Z19992">
        <v>50</v>
      </c>
      <c r="AA19992">
        <v>51</v>
      </c>
      <c r="AB19992">
        <v>52</v>
      </c>
      <c r="AC19992">
        <v>53</v>
      </c>
      <c r="AD19992">
        <v>54</v>
      </c>
      <c r="AE19992">
        <v>55</v>
      </c>
      <c r="AF19992">
        <v>56</v>
      </c>
      <c r="AG19992">
        <v>56</v>
      </c>
      <c r="AH19992">
        <v>56</v>
      </c>
      <c r="AI19992">
        <v>57</v>
      </c>
      <c r="AJ19992">
        <v>57</v>
      </c>
      <c r="AK19992">
        <v>57</v>
      </c>
      <c r="AL19992">
        <v>58</v>
      </c>
      <c r="AM19992">
        <v>58</v>
      </c>
      <c r="AN19992">
        <v>58</v>
      </c>
      <c r="AO19992">
        <v>59</v>
      </c>
      <c r="AP19992">
        <v>59</v>
      </c>
      <c r="AQ19992">
        <v>59</v>
      </c>
    </row>
    <row r="19993" spans="1:43">
      <c r="A19993" t="s">
        <v>12378</v>
      </c>
      <c r="B19993" t="s">
        <v>12379</v>
      </c>
      <c r="C19993" t="s">
        <v>12372</v>
      </c>
      <c r="D19993" t="s">
        <v>12373</v>
      </c>
      <c r="E19993" t="s">
        <v>12188</v>
      </c>
      <c r="F19993" t="s">
        <v>12189</v>
      </c>
      <c r="G19993" t="s">
        <v>10450</v>
      </c>
      <c r="H19993" t="s">
        <v>10451</v>
      </c>
      <c r="I19993" s="2">
        <v>1</v>
      </c>
      <c r="J19993" s="2">
        <v>0</v>
      </c>
      <c r="K19993" s="2">
        <v>0</v>
      </c>
      <c r="L19993" t="s">
        <v>120</v>
      </c>
      <c r="M19993" t="s">
        <v>83</v>
      </c>
      <c r="N19993" t="s">
        <v>91</v>
      </c>
      <c r="O19993" t="s">
        <v>85</v>
      </c>
      <c r="P19993" t="s">
        <v>86</v>
      </c>
      <c r="Q19993">
        <v>41</v>
      </c>
      <c r="R19993">
        <v>42</v>
      </c>
      <c r="S19993">
        <v>43</v>
      </c>
      <c r="T19993">
        <v>44</v>
      </c>
      <c r="U19993">
        <v>45</v>
      </c>
      <c r="V19993">
        <v>45</v>
      </c>
      <c r="W19993">
        <v>46</v>
      </c>
      <c r="X19993">
        <v>47</v>
      </c>
      <c r="Y19993">
        <v>48</v>
      </c>
      <c r="Z19993">
        <v>49</v>
      </c>
      <c r="AA19993">
        <v>49</v>
      </c>
      <c r="AB19993">
        <v>50</v>
      </c>
      <c r="AC19993">
        <v>51</v>
      </c>
      <c r="AD19993">
        <v>52</v>
      </c>
      <c r="AE19993">
        <v>53</v>
      </c>
      <c r="AF19993">
        <v>53</v>
      </c>
      <c r="AG19993">
        <v>54</v>
      </c>
      <c r="AH19993">
        <v>55</v>
      </c>
      <c r="AI19993">
        <v>56</v>
      </c>
      <c r="AJ19993">
        <v>57</v>
      </c>
      <c r="AK19993">
        <v>58</v>
      </c>
      <c r="AL19993">
        <v>58</v>
      </c>
      <c r="AM19993">
        <v>59</v>
      </c>
      <c r="AN19993">
        <v>59</v>
      </c>
      <c r="AO19993">
        <v>59</v>
      </c>
      <c r="AP19993">
        <v>60</v>
      </c>
      <c r="AQ19993">
        <v>60</v>
      </c>
    </row>
    <row r="19994" spans="1:43">
      <c r="A19994" t="s">
        <v>12380</v>
      </c>
      <c r="B19994" t="s">
        <v>12381</v>
      </c>
      <c r="C19994" t="s">
        <v>12372</v>
      </c>
      <c r="D19994" t="s">
        <v>12373</v>
      </c>
      <c r="E19994" t="s">
        <v>12188</v>
      </c>
      <c r="F19994" t="s">
        <v>12189</v>
      </c>
      <c r="G19994" t="s">
        <v>10450</v>
      </c>
      <c r="H19994" t="s">
        <v>10451</v>
      </c>
      <c r="I19994" s="2">
        <v>1</v>
      </c>
      <c r="J19994" s="2">
        <v>0</v>
      </c>
      <c r="K19994" s="2">
        <v>0</v>
      </c>
      <c r="L19994" t="s">
        <v>120</v>
      </c>
      <c r="M19994" t="s">
        <v>83</v>
      </c>
      <c r="N19994" t="s">
        <v>84</v>
      </c>
      <c r="O19994" t="s">
        <v>85</v>
      </c>
      <c r="P19994" t="s">
        <v>86</v>
      </c>
      <c r="Q19994">
        <v>9</v>
      </c>
      <c r="R19994">
        <v>9</v>
      </c>
      <c r="S19994">
        <v>9</v>
      </c>
      <c r="T19994">
        <v>9</v>
      </c>
      <c r="U19994">
        <v>9</v>
      </c>
      <c r="V19994">
        <v>10</v>
      </c>
      <c r="W19994">
        <v>10</v>
      </c>
      <c r="X19994">
        <v>10</v>
      </c>
      <c r="Y19994">
        <v>10</v>
      </c>
      <c r="Z19994">
        <v>10</v>
      </c>
      <c r="AA19994">
        <v>10</v>
      </c>
      <c r="AB19994">
        <v>10</v>
      </c>
      <c r="AC19994">
        <v>11</v>
      </c>
      <c r="AD19994">
        <v>11</v>
      </c>
      <c r="AE19994">
        <v>11</v>
      </c>
      <c r="AF19994">
        <v>11</v>
      </c>
      <c r="AG19994">
        <v>11</v>
      </c>
      <c r="AH19994">
        <v>12</v>
      </c>
      <c r="AI19994">
        <v>12</v>
      </c>
      <c r="AJ19994">
        <v>12</v>
      </c>
      <c r="AK19994">
        <v>12</v>
      </c>
      <c r="AL19994">
        <v>12</v>
      </c>
      <c r="AM19994">
        <v>12</v>
      </c>
      <c r="AN19994">
        <v>12</v>
      </c>
      <c r="AO19994">
        <v>12</v>
      </c>
      <c r="AP19994">
        <v>12</v>
      </c>
      <c r="AQ19994">
        <v>13</v>
      </c>
    </row>
    <row r="19995" spans="1:43">
      <c r="A19995" t="s">
        <v>12380</v>
      </c>
      <c r="B19995" t="s">
        <v>12381</v>
      </c>
      <c r="C19995" t="s">
        <v>12372</v>
      </c>
      <c r="D19995" t="s">
        <v>12373</v>
      </c>
      <c r="E19995" t="s">
        <v>12188</v>
      </c>
      <c r="F19995" t="s">
        <v>12189</v>
      </c>
      <c r="G19995" t="s">
        <v>10450</v>
      </c>
      <c r="H19995" t="s">
        <v>10451</v>
      </c>
      <c r="I19995" s="2">
        <v>1</v>
      </c>
      <c r="J19995" s="2">
        <v>0</v>
      </c>
      <c r="K19995" s="2">
        <v>0</v>
      </c>
      <c r="L19995" t="s">
        <v>120</v>
      </c>
      <c r="M19995" t="s">
        <v>87</v>
      </c>
      <c r="N19995" t="s">
        <v>88</v>
      </c>
      <c r="O19995" t="s">
        <v>85</v>
      </c>
      <c r="P19995" t="s">
        <v>86</v>
      </c>
      <c r="Q19995">
        <v>9</v>
      </c>
      <c r="R19995">
        <v>9</v>
      </c>
      <c r="S19995">
        <v>9</v>
      </c>
      <c r="T19995">
        <v>9</v>
      </c>
      <c r="U19995">
        <v>9</v>
      </c>
      <c r="V19995">
        <v>9</v>
      </c>
      <c r="W19995">
        <v>9</v>
      </c>
      <c r="X19995">
        <v>9</v>
      </c>
      <c r="Y19995">
        <v>9</v>
      </c>
      <c r="Z19995">
        <v>9</v>
      </c>
      <c r="AA19995">
        <v>9</v>
      </c>
      <c r="AB19995">
        <v>10</v>
      </c>
      <c r="AC19995">
        <v>10</v>
      </c>
      <c r="AD19995">
        <v>10</v>
      </c>
      <c r="AE19995">
        <v>10</v>
      </c>
      <c r="AF19995">
        <v>10</v>
      </c>
      <c r="AG19995">
        <v>10</v>
      </c>
      <c r="AH19995">
        <v>10</v>
      </c>
      <c r="AI19995">
        <v>10</v>
      </c>
      <c r="AJ19995">
        <v>10</v>
      </c>
      <c r="AK19995">
        <v>10</v>
      </c>
      <c r="AL19995">
        <v>10</v>
      </c>
      <c r="AM19995">
        <v>11</v>
      </c>
      <c r="AN19995">
        <v>11</v>
      </c>
      <c r="AO19995">
        <v>11</v>
      </c>
      <c r="AP19995">
        <v>11</v>
      </c>
      <c r="AQ19995">
        <v>11</v>
      </c>
    </row>
    <row r="19996" spans="1:43">
      <c r="A19996" t="s">
        <v>12380</v>
      </c>
      <c r="B19996" t="s">
        <v>12381</v>
      </c>
      <c r="C19996" t="s">
        <v>12372</v>
      </c>
      <c r="D19996" t="s">
        <v>12373</v>
      </c>
      <c r="E19996" t="s">
        <v>12188</v>
      </c>
      <c r="F19996" t="s">
        <v>12189</v>
      </c>
      <c r="G19996" t="s">
        <v>10450</v>
      </c>
      <c r="H19996" t="s">
        <v>10451</v>
      </c>
      <c r="I19996" s="2">
        <v>1</v>
      </c>
      <c r="J19996" s="2">
        <v>0</v>
      </c>
      <c r="K19996" s="2">
        <v>0</v>
      </c>
      <c r="L19996" t="s">
        <v>120</v>
      </c>
      <c r="M19996" t="s">
        <v>89</v>
      </c>
      <c r="N19996" t="s">
        <v>90</v>
      </c>
      <c r="O19996" t="s">
        <v>85</v>
      </c>
      <c r="P19996" t="s">
        <v>86</v>
      </c>
      <c r="Q19996">
        <v>9</v>
      </c>
      <c r="R19996">
        <v>9</v>
      </c>
      <c r="S19996">
        <v>9</v>
      </c>
      <c r="T19996">
        <v>9</v>
      </c>
      <c r="U19996">
        <v>10</v>
      </c>
      <c r="V19996">
        <v>10</v>
      </c>
      <c r="W19996">
        <v>10</v>
      </c>
      <c r="X19996">
        <v>10</v>
      </c>
      <c r="Y19996">
        <v>11</v>
      </c>
      <c r="Z19996">
        <v>11</v>
      </c>
      <c r="AA19996">
        <v>11</v>
      </c>
      <c r="AB19996">
        <v>11</v>
      </c>
      <c r="AC19996">
        <v>11</v>
      </c>
      <c r="AD19996">
        <v>12</v>
      </c>
      <c r="AE19996">
        <v>12</v>
      </c>
      <c r="AF19996">
        <v>12</v>
      </c>
      <c r="AG19996">
        <v>12</v>
      </c>
      <c r="AH19996">
        <v>12</v>
      </c>
      <c r="AI19996">
        <v>12</v>
      </c>
      <c r="AJ19996">
        <v>12</v>
      </c>
      <c r="AK19996">
        <v>12</v>
      </c>
      <c r="AL19996">
        <v>12</v>
      </c>
      <c r="AM19996">
        <v>12</v>
      </c>
      <c r="AN19996">
        <v>12</v>
      </c>
      <c r="AO19996">
        <v>12</v>
      </c>
      <c r="AP19996">
        <v>13</v>
      </c>
      <c r="AQ19996">
        <v>13</v>
      </c>
    </row>
    <row r="19997" spans="1:43">
      <c r="A19997" t="s">
        <v>12380</v>
      </c>
      <c r="B19997" t="s">
        <v>12381</v>
      </c>
      <c r="C19997" t="s">
        <v>12372</v>
      </c>
      <c r="D19997" t="s">
        <v>12373</v>
      </c>
      <c r="E19997" t="s">
        <v>12188</v>
      </c>
      <c r="F19997" t="s">
        <v>12189</v>
      </c>
      <c r="G19997" t="s">
        <v>10450</v>
      </c>
      <c r="H19997" t="s">
        <v>10451</v>
      </c>
      <c r="I19997" s="2">
        <v>1</v>
      </c>
      <c r="J19997" s="2">
        <v>0</v>
      </c>
      <c r="K19997" s="2">
        <v>0</v>
      </c>
      <c r="L19997" t="s">
        <v>120</v>
      </c>
      <c r="M19997" t="s">
        <v>83</v>
      </c>
      <c r="N19997" t="s">
        <v>91</v>
      </c>
      <c r="O19997" t="s">
        <v>85</v>
      </c>
      <c r="P19997" t="s">
        <v>86</v>
      </c>
      <c r="Q19997">
        <v>9</v>
      </c>
      <c r="R19997">
        <v>9</v>
      </c>
      <c r="S19997">
        <v>9</v>
      </c>
      <c r="T19997">
        <v>9</v>
      </c>
      <c r="U19997">
        <v>9</v>
      </c>
      <c r="V19997">
        <v>10</v>
      </c>
      <c r="W19997">
        <v>10</v>
      </c>
      <c r="X19997">
        <v>10</v>
      </c>
      <c r="Y19997">
        <v>10</v>
      </c>
      <c r="Z19997">
        <v>10</v>
      </c>
      <c r="AA19997">
        <v>10</v>
      </c>
      <c r="AB19997">
        <v>10</v>
      </c>
      <c r="AC19997">
        <v>11</v>
      </c>
      <c r="AD19997">
        <v>11</v>
      </c>
      <c r="AE19997">
        <v>11</v>
      </c>
      <c r="AF19997">
        <v>11</v>
      </c>
      <c r="AG19997">
        <v>11</v>
      </c>
      <c r="AH19997">
        <v>12</v>
      </c>
      <c r="AI19997">
        <v>12</v>
      </c>
      <c r="AJ19997">
        <v>12</v>
      </c>
      <c r="AK19997">
        <v>12</v>
      </c>
      <c r="AL19997">
        <v>12</v>
      </c>
      <c r="AM19997">
        <v>12</v>
      </c>
      <c r="AN19997">
        <v>12</v>
      </c>
      <c r="AO19997">
        <v>12</v>
      </c>
      <c r="AP19997">
        <v>12</v>
      </c>
      <c r="AQ19997">
        <v>13</v>
      </c>
    </row>
    <row r="19998" spans="1:43">
      <c r="A19998" t="s">
        <v>12382</v>
      </c>
      <c r="B19998" t="s">
        <v>12383</v>
      </c>
      <c r="C19998" t="s">
        <v>12384</v>
      </c>
      <c r="D19998" t="s">
        <v>12385</v>
      </c>
      <c r="E19998" t="s">
        <v>12188</v>
      </c>
      <c r="F19998" t="s">
        <v>12189</v>
      </c>
      <c r="G19998" t="s">
        <v>10450</v>
      </c>
      <c r="H19998" t="s">
        <v>10451</v>
      </c>
      <c r="I19998" s="2">
        <v>1</v>
      </c>
      <c r="J19998" s="2">
        <v>0</v>
      </c>
      <c r="K19998" s="2">
        <v>0</v>
      </c>
      <c r="L19998" t="s">
        <v>120</v>
      </c>
      <c r="M19998" t="s">
        <v>83</v>
      </c>
      <c r="N19998" t="s">
        <v>84</v>
      </c>
      <c r="O19998" t="s">
        <v>85</v>
      </c>
      <c r="P19998" t="s">
        <v>86</v>
      </c>
      <c r="Q19998">
        <v>51</v>
      </c>
      <c r="R19998">
        <v>52</v>
      </c>
      <c r="S19998">
        <v>53</v>
      </c>
      <c r="T19998">
        <v>54</v>
      </c>
      <c r="U19998">
        <v>55</v>
      </c>
      <c r="V19998">
        <v>56</v>
      </c>
      <c r="W19998">
        <v>57</v>
      </c>
      <c r="X19998">
        <v>58</v>
      </c>
      <c r="Y19998">
        <v>59</v>
      </c>
      <c r="Z19998">
        <v>60</v>
      </c>
      <c r="AA19998">
        <v>61</v>
      </c>
      <c r="AB19998">
        <v>62</v>
      </c>
      <c r="AC19998">
        <v>63</v>
      </c>
      <c r="AD19998">
        <v>64</v>
      </c>
      <c r="AE19998">
        <v>65</v>
      </c>
      <c r="AF19998">
        <v>67</v>
      </c>
      <c r="AG19998">
        <v>68</v>
      </c>
      <c r="AH19998">
        <v>69</v>
      </c>
      <c r="AI19998">
        <v>70</v>
      </c>
      <c r="AJ19998">
        <v>71</v>
      </c>
      <c r="AK19998">
        <v>72</v>
      </c>
      <c r="AL19998">
        <v>73</v>
      </c>
      <c r="AM19998">
        <v>73</v>
      </c>
      <c r="AN19998">
        <v>74</v>
      </c>
      <c r="AO19998">
        <v>74</v>
      </c>
      <c r="AP19998">
        <v>75</v>
      </c>
      <c r="AQ19998">
        <v>75</v>
      </c>
    </row>
    <row r="19999" spans="1:43">
      <c r="A19999" t="s">
        <v>12382</v>
      </c>
      <c r="B19999" t="s">
        <v>12383</v>
      </c>
      <c r="C19999" t="s">
        <v>12384</v>
      </c>
      <c r="D19999" t="s">
        <v>12385</v>
      </c>
      <c r="E19999" t="s">
        <v>12188</v>
      </c>
      <c r="F19999" t="s">
        <v>12189</v>
      </c>
      <c r="G19999" t="s">
        <v>10450</v>
      </c>
      <c r="H19999" t="s">
        <v>10451</v>
      </c>
      <c r="I19999" s="2">
        <v>1</v>
      </c>
      <c r="J19999" s="2">
        <v>0</v>
      </c>
      <c r="K19999" s="2">
        <v>0</v>
      </c>
      <c r="L19999" t="s">
        <v>120</v>
      </c>
      <c r="M19999" t="s">
        <v>87</v>
      </c>
      <c r="N19999" t="s">
        <v>88</v>
      </c>
      <c r="O19999" t="s">
        <v>85</v>
      </c>
      <c r="P19999" t="s">
        <v>86</v>
      </c>
      <c r="Q19999">
        <v>51</v>
      </c>
      <c r="R19999">
        <v>51</v>
      </c>
      <c r="S19999">
        <v>52</v>
      </c>
      <c r="T19999">
        <v>52</v>
      </c>
      <c r="U19999">
        <v>53</v>
      </c>
      <c r="V19999">
        <v>53</v>
      </c>
      <c r="W19999">
        <v>54</v>
      </c>
      <c r="X19999">
        <v>54</v>
      </c>
      <c r="Y19999">
        <v>55</v>
      </c>
      <c r="Z19999">
        <v>55</v>
      </c>
      <c r="AA19999">
        <v>56</v>
      </c>
      <c r="AB19999">
        <v>56</v>
      </c>
      <c r="AC19999">
        <v>57</v>
      </c>
      <c r="AD19999">
        <v>57</v>
      </c>
      <c r="AE19999">
        <v>58</v>
      </c>
      <c r="AF19999">
        <v>58</v>
      </c>
      <c r="AG19999">
        <v>59</v>
      </c>
      <c r="AH19999">
        <v>60</v>
      </c>
      <c r="AI19999">
        <v>60</v>
      </c>
      <c r="AJ19999">
        <v>61</v>
      </c>
      <c r="AK19999">
        <v>61</v>
      </c>
      <c r="AL19999">
        <v>62</v>
      </c>
      <c r="AM19999">
        <v>62</v>
      </c>
      <c r="AN19999">
        <v>63</v>
      </c>
      <c r="AO19999">
        <v>64</v>
      </c>
      <c r="AP19999">
        <v>64</v>
      </c>
      <c r="AQ19999">
        <v>65</v>
      </c>
    </row>
    <row r="20000" spans="1:43">
      <c r="A20000" t="s">
        <v>12382</v>
      </c>
      <c r="B20000" t="s">
        <v>12383</v>
      </c>
      <c r="C20000" t="s">
        <v>12384</v>
      </c>
      <c r="D20000" t="s">
        <v>12385</v>
      </c>
      <c r="E20000" t="s">
        <v>12188</v>
      </c>
      <c r="F20000" t="s">
        <v>12189</v>
      </c>
      <c r="G20000" t="s">
        <v>10450</v>
      </c>
      <c r="H20000" t="s">
        <v>10451</v>
      </c>
      <c r="I20000" s="2">
        <v>1</v>
      </c>
      <c r="J20000" s="2">
        <v>0</v>
      </c>
      <c r="K20000" s="2">
        <v>0</v>
      </c>
      <c r="L20000" t="s">
        <v>120</v>
      </c>
      <c r="M20000" t="s">
        <v>89</v>
      </c>
      <c r="N20000" t="s">
        <v>90</v>
      </c>
      <c r="O20000" t="s">
        <v>85</v>
      </c>
      <c r="P20000" t="s">
        <v>86</v>
      </c>
      <c r="Q20000">
        <v>51</v>
      </c>
      <c r="R20000">
        <v>52</v>
      </c>
      <c r="S20000">
        <v>54</v>
      </c>
      <c r="T20000">
        <v>55</v>
      </c>
      <c r="U20000">
        <v>57</v>
      </c>
      <c r="V20000">
        <v>58</v>
      </c>
      <c r="W20000">
        <v>59</v>
      </c>
      <c r="X20000">
        <v>61</v>
      </c>
      <c r="Y20000">
        <v>62</v>
      </c>
      <c r="Z20000">
        <v>63</v>
      </c>
      <c r="AA20000">
        <v>64</v>
      </c>
      <c r="AB20000">
        <v>66</v>
      </c>
      <c r="AC20000">
        <v>67</v>
      </c>
      <c r="AD20000">
        <v>68</v>
      </c>
      <c r="AE20000">
        <v>69</v>
      </c>
      <c r="AF20000">
        <v>70</v>
      </c>
      <c r="AG20000">
        <v>70</v>
      </c>
      <c r="AH20000">
        <v>71</v>
      </c>
      <c r="AI20000">
        <v>71</v>
      </c>
      <c r="AJ20000">
        <v>71</v>
      </c>
      <c r="AK20000">
        <v>72</v>
      </c>
      <c r="AL20000">
        <v>72</v>
      </c>
      <c r="AM20000">
        <v>73</v>
      </c>
      <c r="AN20000">
        <v>73</v>
      </c>
      <c r="AO20000">
        <v>74</v>
      </c>
      <c r="AP20000">
        <v>74</v>
      </c>
      <c r="AQ20000">
        <v>75</v>
      </c>
    </row>
    <row r="20001" spans="1:43">
      <c r="A20001" t="s">
        <v>12382</v>
      </c>
      <c r="B20001" t="s">
        <v>12383</v>
      </c>
      <c r="C20001" t="s">
        <v>12384</v>
      </c>
      <c r="D20001" t="s">
        <v>12385</v>
      </c>
      <c r="E20001" t="s">
        <v>12188</v>
      </c>
      <c r="F20001" t="s">
        <v>12189</v>
      </c>
      <c r="G20001" t="s">
        <v>10450</v>
      </c>
      <c r="H20001" t="s">
        <v>10451</v>
      </c>
      <c r="I20001" s="2">
        <v>1</v>
      </c>
      <c r="J20001" s="2">
        <v>0</v>
      </c>
      <c r="K20001" s="2">
        <v>0</v>
      </c>
      <c r="L20001" t="s">
        <v>120</v>
      </c>
      <c r="M20001" t="s">
        <v>83</v>
      </c>
      <c r="N20001" t="s">
        <v>91</v>
      </c>
      <c r="O20001" t="s">
        <v>85</v>
      </c>
      <c r="P20001" t="s">
        <v>86</v>
      </c>
      <c r="Q20001">
        <v>51</v>
      </c>
      <c r="R20001">
        <v>52</v>
      </c>
      <c r="S20001">
        <v>53</v>
      </c>
      <c r="T20001">
        <v>54</v>
      </c>
      <c r="U20001">
        <v>55</v>
      </c>
      <c r="V20001">
        <v>56</v>
      </c>
      <c r="W20001">
        <v>57</v>
      </c>
      <c r="X20001">
        <v>58</v>
      </c>
      <c r="Y20001">
        <v>59</v>
      </c>
      <c r="Z20001">
        <v>60</v>
      </c>
      <c r="AA20001">
        <v>61</v>
      </c>
      <c r="AB20001">
        <v>62</v>
      </c>
      <c r="AC20001">
        <v>63</v>
      </c>
      <c r="AD20001">
        <v>64</v>
      </c>
      <c r="AE20001">
        <v>65</v>
      </c>
      <c r="AF20001">
        <v>67</v>
      </c>
      <c r="AG20001">
        <v>68</v>
      </c>
      <c r="AH20001">
        <v>69</v>
      </c>
      <c r="AI20001">
        <v>70</v>
      </c>
      <c r="AJ20001">
        <v>71</v>
      </c>
      <c r="AK20001">
        <v>72</v>
      </c>
      <c r="AL20001">
        <v>73</v>
      </c>
      <c r="AM20001">
        <v>73</v>
      </c>
      <c r="AN20001">
        <v>74</v>
      </c>
      <c r="AO20001">
        <v>74</v>
      </c>
      <c r="AP20001">
        <v>75</v>
      </c>
      <c r="AQ20001">
        <v>75</v>
      </c>
    </row>
    <row r="20002" spans="1:43">
      <c r="A20002" t="s">
        <v>12386</v>
      </c>
      <c r="B20002" t="s">
        <v>12387</v>
      </c>
      <c r="C20002" t="s">
        <v>12384</v>
      </c>
      <c r="D20002" t="s">
        <v>12385</v>
      </c>
      <c r="E20002" t="s">
        <v>12188</v>
      </c>
      <c r="F20002" t="s">
        <v>12189</v>
      </c>
      <c r="G20002" t="s">
        <v>10450</v>
      </c>
      <c r="H20002" t="s">
        <v>10451</v>
      </c>
      <c r="I20002" s="2">
        <v>0</v>
      </c>
      <c r="J20002" s="2">
        <v>0</v>
      </c>
      <c r="K20002" s="2">
        <v>0</v>
      </c>
      <c r="L20002" t="s">
        <v>120</v>
      </c>
      <c r="M20002" t="s">
        <v>83</v>
      </c>
      <c r="N20002" t="s">
        <v>84</v>
      </c>
      <c r="O20002" t="s">
        <v>85</v>
      </c>
      <c r="P20002" t="s">
        <v>86</v>
      </c>
      <c r="Q20002">
        <v>0</v>
      </c>
      <c r="R20002">
        <v>0</v>
      </c>
      <c r="S20002">
        <v>0</v>
      </c>
      <c r="T20002">
        <v>0</v>
      </c>
      <c r="U20002">
        <v>0</v>
      </c>
      <c r="V20002">
        <v>0</v>
      </c>
      <c r="W20002">
        <v>0</v>
      </c>
      <c r="X20002">
        <v>0</v>
      </c>
      <c r="Y20002">
        <v>0</v>
      </c>
      <c r="Z20002">
        <v>0</v>
      </c>
      <c r="AA20002">
        <v>0</v>
      </c>
      <c r="AB20002">
        <v>0</v>
      </c>
      <c r="AC20002">
        <v>0</v>
      </c>
      <c r="AD20002">
        <v>0</v>
      </c>
      <c r="AE20002">
        <v>0</v>
      </c>
      <c r="AF20002">
        <v>0</v>
      </c>
      <c r="AG20002">
        <v>0</v>
      </c>
      <c r="AH20002">
        <v>0</v>
      </c>
      <c r="AI20002">
        <v>0</v>
      </c>
      <c r="AJ20002">
        <v>0</v>
      </c>
      <c r="AK20002">
        <v>0</v>
      </c>
      <c r="AL20002">
        <v>0</v>
      </c>
      <c r="AM20002">
        <v>0</v>
      </c>
      <c r="AN20002">
        <v>0</v>
      </c>
      <c r="AO20002">
        <v>0</v>
      </c>
      <c r="AP20002">
        <v>0</v>
      </c>
      <c r="AQ20002">
        <v>0</v>
      </c>
    </row>
    <row r="20003" spans="1:43">
      <c r="A20003" t="s">
        <v>12386</v>
      </c>
      <c r="B20003" t="s">
        <v>12387</v>
      </c>
      <c r="C20003" t="s">
        <v>12384</v>
      </c>
      <c r="D20003" t="s">
        <v>12385</v>
      </c>
      <c r="E20003" t="s">
        <v>12188</v>
      </c>
      <c r="F20003" t="s">
        <v>12189</v>
      </c>
      <c r="G20003" t="s">
        <v>10450</v>
      </c>
      <c r="H20003" t="s">
        <v>10451</v>
      </c>
      <c r="I20003" s="2">
        <v>0</v>
      </c>
      <c r="J20003" s="2">
        <v>0</v>
      </c>
      <c r="K20003" s="2">
        <v>0</v>
      </c>
      <c r="L20003" t="s">
        <v>120</v>
      </c>
      <c r="M20003" t="s">
        <v>87</v>
      </c>
      <c r="N20003" t="s">
        <v>88</v>
      </c>
      <c r="O20003" t="s">
        <v>85</v>
      </c>
      <c r="P20003" t="s">
        <v>86</v>
      </c>
      <c r="Q20003">
        <v>0</v>
      </c>
      <c r="R20003">
        <v>0</v>
      </c>
      <c r="S20003">
        <v>0</v>
      </c>
      <c r="T20003">
        <v>0</v>
      </c>
      <c r="U20003">
        <v>0</v>
      </c>
      <c r="V20003">
        <v>0</v>
      </c>
      <c r="W20003">
        <v>0</v>
      </c>
      <c r="X20003">
        <v>0</v>
      </c>
      <c r="Y20003">
        <v>0</v>
      </c>
      <c r="Z20003">
        <v>0</v>
      </c>
      <c r="AA20003">
        <v>0</v>
      </c>
      <c r="AB20003">
        <v>0</v>
      </c>
      <c r="AC20003">
        <v>0</v>
      </c>
      <c r="AD20003">
        <v>0</v>
      </c>
      <c r="AE20003">
        <v>0</v>
      </c>
      <c r="AF20003">
        <v>0</v>
      </c>
      <c r="AG20003">
        <v>0</v>
      </c>
      <c r="AH20003">
        <v>0</v>
      </c>
      <c r="AI20003">
        <v>0</v>
      </c>
      <c r="AJ20003">
        <v>0</v>
      </c>
      <c r="AK20003">
        <v>0</v>
      </c>
      <c r="AL20003">
        <v>0</v>
      </c>
      <c r="AM20003">
        <v>0</v>
      </c>
      <c r="AN20003">
        <v>0</v>
      </c>
      <c r="AO20003">
        <v>0</v>
      </c>
      <c r="AP20003">
        <v>0</v>
      </c>
      <c r="AQ20003">
        <v>0</v>
      </c>
    </row>
    <row r="20004" spans="1:43">
      <c r="A20004" t="s">
        <v>12386</v>
      </c>
      <c r="B20004" t="s">
        <v>12387</v>
      </c>
      <c r="C20004" t="s">
        <v>12384</v>
      </c>
      <c r="D20004" t="s">
        <v>12385</v>
      </c>
      <c r="E20004" t="s">
        <v>12188</v>
      </c>
      <c r="F20004" t="s">
        <v>12189</v>
      </c>
      <c r="G20004" t="s">
        <v>10450</v>
      </c>
      <c r="H20004" t="s">
        <v>10451</v>
      </c>
      <c r="I20004" s="2">
        <v>0</v>
      </c>
      <c r="J20004" s="2">
        <v>0</v>
      </c>
      <c r="K20004" s="2">
        <v>0</v>
      </c>
      <c r="L20004" t="s">
        <v>120</v>
      </c>
      <c r="M20004" t="s">
        <v>89</v>
      </c>
      <c r="N20004" t="s">
        <v>90</v>
      </c>
      <c r="O20004" t="s">
        <v>85</v>
      </c>
      <c r="P20004" t="s">
        <v>86</v>
      </c>
      <c r="Q20004">
        <v>0</v>
      </c>
      <c r="R20004">
        <v>0</v>
      </c>
      <c r="S20004">
        <v>0</v>
      </c>
      <c r="T20004">
        <v>0</v>
      </c>
      <c r="U20004">
        <v>0</v>
      </c>
      <c r="V20004">
        <v>0</v>
      </c>
      <c r="W20004">
        <v>0</v>
      </c>
      <c r="X20004">
        <v>0</v>
      </c>
      <c r="Y20004">
        <v>0</v>
      </c>
      <c r="Z20004">
        <v>0</v>
      </c>
      <c r="AA20004">
        <v>0</v>
      </c>
      <c r="AB20004">
        <v>0</v>
      </c>
      <c r="AC20004">
        <v>0</v>
      </c>
      <c r="AD20004">
        <v>0</v>
      </c>
      <c r="AE20004">
        <v>0</v>
      </c>
      <c r="AF20004">
        <v>0</v>
      </c>
      <c r="AG20004">
        <v>0</v>
      </c>
      <c r="AH20004">
        <v>0</v>
      </c>
      <c r="AI20004">
        <v>0</v>
      </c>
      <c r="AJ20004">
        <v>0</v>
      </c>
      <c r="AK20004">
        <v>0</v>
      </c>
      <c r="AL20004">
        <v>0</v>
      </c>
      <c r="AM20004">
        <v>0</v>
      </c>
      <c r="AN20004">
        <v>0</v>
      </c>
      <c r="AO20004">
        <v>0</v>
      </c>
      <c r="AP20004">
        <v>0</v>
      </c>
      <c r="AQ20004">
        <v>0</v>
      </c>
    </row>
    <row r="20005" spans="1:43">
      <c r="A20005" t="s">
        <v>12386</v>
      </c>
      <c r="B20005" t="s">
        <v>12387</v>
      </c>
      <c r="C20005" t="s">
        <v>12384</v>
      </c>
      <c r="D20005" t="s">
        <v>12385</v>
      </c>
      <c r="E20005" t="s">
        <v>12188</v>
      </c>
      <c r="F20005" t="s">
        <v>12189</v>
      </c>
      <c r="G20005" t="s">
        <v>10450</v>
      </c>
      <c r="H20005" t="s">
        <v>10451</v>
      </c>
      <c r="I20005" s="2">
        <v>0</v>
      </c>
      <c r="J20005" s="2">
        <v>0</v>
      </c>
      <c r="K20005" s="2">
        <v>0</v>
      </c>
      <c r="L20005" t="s">
        <v>120</v>
      </c>
      <c r="M20005" t="s">
        <v>83</v>
      </c>
      <c r="N20005" t="s">
        <v>91</v>
      </c>
      <c r="O20005" t="s">
        <v>85</v>
      </c>
      <c r="P20005" t="s">
        <v>86</v>
      </c>
      <c r="Q20005">
        <v>0</v>
      </c>
      <c r="R20005">
        <v>0</v>
      </c>
      <c r="S20005">
        <v>0</v>
      </c>
      <c r="T20005">
        <v>0</v>
      </c>
      <c r="U20005">
        <v>0</v>
      </c>
      <c r="V20005">
        <v>0</v>
      </c>
      <c r="W20005">
        <v>0</v>
      </c>
      <c r="X20005">
        <v>0</v>
      </c>
      <c r="Y20005">
        <v>0</v>
      </c>
      <c r="Z20005">
        <v>0</v>
      </c>
      <c r="AA20005">
        <v>0</v>
      </c>
      <c r="AB20005">
        <v>0</v>
      </c>
      <c r="AC20005">
        <v>0</v>
      </c>
      <c r="AD20005">
        <v>0</v>
      </c>
      <c r="AE20005">
        <v>0</v>
      </c>
      <c r="AF20005">
        <v>0</v>
      </c>
      <c r="AG20005">
        <v>0</v>
      </c>
      <c r="AH20005">
        <v>0</v>
      </c>
      <c r="AI20005">
        <v>0</v>
      </c>
      <c r="AJ20005">
        <v>0</v>
      </c>
      <c r="AK20005">
        <v>0</v>
      </c>
      <c r="AL20005">
        <v>0</v>
      </c>
      <c r="AM20005">
        <v>0</v>
      </c>
      <c r="AN20005">
        <v>0</v>
      </c>
      <c r="AO20005">
        <v>0</v>
      </c>
      <c r="AP20005">
        <v>0</v>
      </c>
      <c r="AQ20005">
        <v>0</v>
      </c>
    </row>
    <row r="20006" spans="1:43">
      <c r="A20006" t="s">
        <v>12388</v>
      </c>
      <c r="B20006" t="s">
        <v>12389</v>
      </c>
      <c r="C20006" t="s">
        <v>12280</v>
      </c>
      <c r="D20006" t="s">
        <v>12281</v>
      </c>
      <c r="E20006" t="s">
        <v>12188</v>
      </c>
      <c r="F20006" t="s">
        <v>12189</v>
      </c>
      <c r="G20006" t="s">
        <v>10450</v>
      </c>
      <c r="H20006" t="s">
        <v>10451</v>
      </c>
      <c r="I20006" s="2">
        <v>1</v>
      </c>
      <c r="J20006" s="2">
        <v>0</v>
      </c>
      <c r="K20006" s="2">
        <v>0</v>
      </c>
      <c r="L20006" t="s">
        <v>120</v>
      </c>
      <c r="M20006" t="s">
        <v>83</v>
      </c>
      <c r="N20006" t="s">
        <v>84</v>
      </c>
      <c r="O20006" t="s">
        <v>85</v>
      </c>
      <c r="P20006" t="s">
        <v>86</v>
      </c>
      <c r="Q20006">
        <v>65</v>
      </c>
      <c r="R20006">
        <v>66</v>
      </c>
      <c r="S20006">
        <v>67</v>
      </c>
      <c r="T20006">
        <v>69</v>
      </c>
      <c r="U20006">
        <v>70</v>
      </c>
      <c r="V20006">
        <v>71</v>
      </c>
      <c r="W20006">
        <v>72</v>
      </c>
      <c r="X20006">
        <v>74</v>
      </c>
      <c r="Y20006">
        <v>75</v>
      </c>
      <c r="Z20006">
        <v>76</v>
      </c>
      <c r="AA20006">
        <v>77</v>
      </c>
      <c r="AB20006">
        <v>79</v>
      </c>
      <c r="AC20006">
        <v>80</v>
      </c>
      <c r="AD20006">
        <v>81</v>
      </c>
      <c r="AE20006">
        <v>83</v>
      </c>
      <c r="AF20006">
        <v>84</v>
      </c>
      <c r="AG20006">
        <v>85</v>
      </c>
      <c r="AH20006">
        <v>87</v>
      </c>
      <c r="AI20006">
        <v>88</v>
      </c>
      <c r="AJ20006">
        <v>89</v>
      </c>
      <c r="AK20006">
        <v>91</v>
      </c>
      <c r="AL20006">
        <v>92</v>
      </c>
      <c r="AM20006">
        <v>92</v>
      </c>
      <c r="AN20006">
        <v>93</v>
      </c>
      <c r="AO20006">
        <v>93</v>
      </c>
      <c r="AP20006">
        <v>94</v>
      </c>
      <c r="AQ20006">
        <v>95</v>
      </c>
    </row>
    <row r="20007" spans="1:43">
      <c r="A20007" t="s">
        <v>12388</v>
      </c>
      <c r="B20007" t="s">
        <v>12389</v>
      </c>
      <c r="C20007" t="s">
        <v>12280</v>
      </c>
      <c r="D20007" t="s">
        <v>12281</v>
      </c>
      <c r="E20007" t="s">
        <v>12188</v>
      </c>
      <c r="F20007" t="s">
        <v>12189</v>
      </c>
      <c r="G20007" t="s">
        <v>10450</v>
      </c>
      <c r="H20007" t="s">
        <v>10451</v>
      </c>
      <c r="I20007" s="2">
        <v>1</v>
      </c>
      <c r="J20007" s="2">
        <v>0</v>
      </c>
      <c r="K20007" s="2">
        <v>0</v>
      </c>
      <c r="L20007" t="s">
        <v>120</v>
      </c>
      <c r="M20007" t="s">
        <v>87</v>
      </c>
      <c r="N20007" t="s">
        <v>88</v>
      </c>
      <c r="O20007" t="s">
        <v>85</v>
      </c>
      <c r="P20007" t="s">
        <v>86</v>
      </c>
      <c r="Q20007">
        <v>65</v>
      </c>
      <c r="R20007">
        <v>66</v>
      </c>
      <c r="S20007">
        <v>66</v>
      </c>
      <c r="T20007">
        <v>67</v>
      </c>
      <c r="U20007">
        <v>68</v>
      </c>
      <c r="V20007">
        <v>68</v>
      </c>
      <c r="W20007">
        <v>69</v>
      </c>
      <c r="X20007">
        <v>70</v>
      </c>
      <c r="Y20007">
        <v>70</v>
      </c>
      <c r="Z20007">
        <v>71</v>
      </c>
      <c r="AA20007">
        <v>71</v>
      </c>
      <c r="AB20007">
        <v>72</v>
      </c>
      <c r="AC20007">
        <v>73</v>
      </c>
      <c r="AD20007">
        <v>73</v>
      </c>
      <c r="AE20007">
        <v>74</v>
      </c>
      <c r="AF20007">
        <v>75</v>
      </c>
      <c r="AG20007">
        <v>75</v>
      </c>
      <c r="AH20007">
        <v>76</v>
      </c>
      <c r="AI20007">
        <v>77</v>
      </c>
      <c r="AJ20007">
        <v>78</v>
      </c>
      <c r="AK20007">
        <v>78</v>
      </c>
      <c r="AL20007">
        <v>79</v>
      </c>
      <c r="AM20007">
        <v>80</v>
      </c>
      <c r="AN20007">
        <v>81</v>
      </c>
      <c r="AO20007">
        <v>81</v>
      </c>
      <c r="AP20007">
        <v>82</v>
      </c>
      <c r="AQ20007">
        <v>83</v>
      </c>
    </row>
    <row r="20008" spans="1:43">
      <c r="A20008" t="s">
        <v>12388</v>
      </c>
      <c r="B20008" t="s">
        <v>12389</v>
      </c>
      <c r="C20008" t="s">
        <v>12280</v>
      </c>
      <c r="D20008" t="s">
        <v>12281</v>
      </c>
      <c r="E20008" t="s">
        <v>12188</v>
      </c>
      <c r="F20008" t="s">
        <v>12189</v>
      </c>
      <c r="G20008" t="s">
        <v>10450</v>
      </c>
      <c r="H20008" t="s">
        <v>10451</v>
      </c>
      <c r="I20008" s="2">
        <v>1</v>
      </c>
      <c r="J20008" s="2">
        <v>0</v>
      </c>
      <c r="K20008" s="2">
        <v>0</v>
      </c>
      <c r="L20008" t="s">
        <v>120</v>
      </c>
      <c r="M20008" t="s">
        <v>89</v>
      </c>
      <c r="N20008" t="s">
        <v>90</v>
      </c>
      <c r="O20008" t="s">
        <v>85</v>
      </c>
      <c r="P20008" t="s">
        <v>86</v>
      </c>
      <c r="Q20008">
        <v>65</v>
      </c>
      <c r="R20008">
        <v>67</v>
      </c>
      <c r="S20008">
        <v>69</v>
      </c>
      <c r="T20008">
        <v>71</v>
      </c>
      <c r="U20008">
        <v>73</v>
      </c>
      <c r="V20008">
        <v>74</v>
      </c>
      <c r="W20008">
        <v>76</v>
      </c>
      <c r="X20008">
        <v>78</v>
      </c>
      <c r="Y20008">
        <v>79</v>
      </c>
      <c r="Z20008">
        <v>81</v>
      </c>
      <c r="AA20008">
        <v>82</v>
      </c>
      <c r="AB20008">
        <v>84</v>
      </c>
      <c r="AC20008">
        <v>86</v>
      </c>
      <c r="AD20008">
        <v>87</v>
      </c>
      <c r="AE20008">
        <v>89</v>
      </c>
      <c r="AF20008">
        <v>89</v>
      </c>
      <c r="AG20008">
        <v>90</v>
      </c>
      <c r="AH20008">
        <v>90</v>
      </c>
      <c r="AI20008">
        <v>91</v>
      </c>
      <c r="AJ20008">
        <v>91</v>
      </c>
      <c r="AK20008">
        <v>92</v>
      </c>
      <c r="AL20008">
        <v>92</v>
      </c>
      <c r="AM20008">
        <v>93</v>
      </c>
      <c r="AN20008">
        <v>94</v>
      </c>
      <c r="AO20008">
        <v>94</v>
      </c>
      <c r="AP20008">
        <v>95</v>
      </c>
      <c r="AQ20008">
        <v>95</v>
      </c>
    </row>
    <row r="20009" spans="1:43">
      <c r="A20009" t="s">
        <v>12388</v>
      </c>
      <c r="B20009" t="s">
        <v>12389</v>
      </c>
      <c r="C20009" t="s">
        <v>12280</v>
      </c>
      <c r="D20009" t="s">
        <v>12281</v>
      </c>
      <c r="E20009" t="s">
        <v>12188</v>
      </c>
      <c r="F20009" t="s">
        <v>12189</v>
      </c>
      <c r="G20009" t="s">
        <v>10450</v>
      </c>
      <c r="H20009" t="s">
        <v>10451</v>
      </c>
      <c r="I20009" s="2">
        <v>1</v>
      </c>
      <c r="J20009" s="2">
        <v>0</v>
      </c>
      <c r="K20009" s="2">
        <v>0</v>
      </c>
      <c r="L20009" t="s">
        <v>120</v>
      </c>
      <c r="M20009" t="s">
        <v>83</v>
      </c>
      <c r="N20009" t="s">
        <v>91</v>
      </c>
      <c r="O20009" t="s">
        <v>85</v>
      </c>
      <c r="P20009" t="s">
        <v>86</v>
      </c>
      <c r="Q20009">
        <v>65</v>
      </c>
      <c r="R20009">
        <v>66</v>
      </c>
      <c r="S20009">
        <v>67</v>
      </c>
      <c r="T20009">
        <v>69</v>
      </c>
      <c r="U20009">
        <v>70</v>
      </c>
      <c r="V20009">
        <v>71</v>
      </c>
      <c r="W20009">
        <v>72</v>
      </c>
      <c r="X20009">
        <v>74</v>
      </c>
      <c r="Y20009">
        <v>75</v>
      </c>
      <c r="Z20009">
        <v>76</v>
      </c>
      <c r="AA20009">
        <v>77</v>
      </c>
      <c r="AB20009">
        <v>79</v>
      </c>
      <c r="AC20009">
        <v>80</v>
      </c>
      <c r="AD20009">
        <v>81</v>
      </c>
      <c r="AE20009">
        <v>83</v>
      </c>
      <c r="AF20009">
        <v>84</v>
      </c>
      <c r="AG20009">
        <v>85</v>
      </c>
      <c r="AH20009">
        <v>87</v>
      </c>
      <c r="AI20009">
        <v>88</v>
      </c>
      <c r="AJ20009">
        <v>89</v>
      </c>
      <c r="AK20009">
        <v>91</v>
      </c>
      <c r="AL20009">
        <v>92</v>
      </c>
      <c r="AM20009">
        <v>92</v>
      </c>
      <c r="AN20009">
        <v>93</v>
      </c>
      <c r="AO20009">
        <v>93</v>
      </c>
      <c r="AP20009">
        <v>94</v>
      </c>
      <c r="AQ20009">
        <v>95</v>
      </c>
    </row>
    <row r="20010" spans="1:43">
      <c r="A20010" t="s">
        <v>12390</v>
      </c>
      <c r="B20010" t="s">
        <v>12391</v>
      </c>
      <c r="C20010" t="s">
        <v>12280</v>
      </c>
      <c r="D20010" t="s">
        <v>12281</v>
      </c>
      <c r="E20010" t="s">
        <v>12188</v>
      </c>
      <c r="F20010" t="s">
        <v>12189</v>
      </c>
      <c r="G20010" t="s">
        <v>10450</v>
      </c>
      <c r="H20010" t="s">
        <v>10451</v>
      </c>
      <c r="I20010" s="2">
        <v>1</v>
      </c>
      <c r="J20010" s="2">
        <v>0</v>
      </c>
      <c r="K20010" s="2">
        <v>0</v>
      </c>
      <c r="L20010" t="s">
        <v>120</v>
      </c>
      <c r="M20010" t="s">
        <v>83</v>
      </c>
      <c r="N20010" t="s">
        <v>84</v>
      </c>
      <c r="O20010" t="s">
        <v>85</v>
      </c>
      <c r="P20010" t="s">
        <v>86</v>
      </c>
      <c r="Q20010">
        <v>61</v>
      </c>
      <c r="R20010">
        <v>62</v>
      </c>
      <c r="S20010">
        <v>63</v>
      </c>
      <c r="T20010">
        <v>64</v>
      </c>
      <c r="U20010">
        <v>65</v>
      </c>
      <c r="V20010">
        <v>67</v>
      </c>
      <c r="W20010">
        <v>68</v>
      </c>
      <c r="X20010">
        <v>69</v>
      </c>
      <c r="Y20010">
        <v>70</v>
      </c>
      <c r="Z20010">
        <v>71</v>
      </c>
      <c r="AA20010">
        <v>73</v>
      </c>
      <c r="AB20010">
        <v>74</v>
      </c>
      <c r="AC20010">
        <v>75</v>
      </c>
      <c r="AD20010">
        <v>76</v>
      </c>
      <c r="AE20010">
        <v>77</v>
      </c>
      <c r="AF20010">
        <v>79</v>
      </c>
      <c r="AG20010">
        <v>80</v>
      </c>
      <c r="AH20010">
        <v>81</v>
      </c>
      <c r="AI20010">
        <v>83</v>
      </c>
      <c r="AJ20010">
        <v>84</v>
      </c>
      <c r="AK20010">
        <v>85</v>
      </c>
      <c r="AL20010">
        <v>86</v>
      </c>
      <c r="AM20010">
        <v>87</v>
      </c>
      <c r="AN20010">
        <v>87</v>
      </c>
      <c r="AO20010">
        <v>88</v>
      </c>
      <c r="AP20010">
        <v>88</v>
      </c>
      <c r="AQ20010">
        <v>89</v>
      </c>
    </row>
    <row r="20011" spans="1:43">
      <c r="A20011" t="s">
        <v>12390</v>
      </c>
      <c r="B20011" t="s">
        <v>12391</v>
      </c>
      <c r="C20011" t="s">
        <v>12280</v>
      </c>
      <c r="D20011" t="s">
        <v>12281</v>
      </c>
      <c r="E20011" t="s">
        <v>12188</v>
      </c>
      <c r="F20011" t="s">
        <v>12189</v>
      </c>
      <c r="G20011" t="s">
        <v>10450</v>
      </c>
      <c r="H20011" t="s">
        <v>10451</v>
      </c>
      <c r="I20011" s="2">
        <v>1</v>
      </c>
      <c r="J20011" s="2">
        <v>0</v>
      </c>
      <c r="K20011" s="2">
        <v>0</v>
      </c>
      <c r="L20011" t="s">
        <v>120</v>
      </c>
      <c r="M20011" t="s">
        <v>87</v>
      </c>
      <c r="N20011" t="s">
        <v>88</v>
      </c>
      <c r="O20011" t="s">
        <v>85</v>
      </c>
      <c r="P20011" t="s">
        <v>86</v>
      </c>
      <c r="Q20011">
        <v>61</v>
      </c>
      <c r="R20011">
        <v>62</v>
      </c>
      <c r="S20011">
        <v>62</v>
      </c>
      <c r="T20011">
        <v>63</v>
      </c>
      <c r="U20011">
        <v>64</v>
      </c>
      <c r="V20011">
        <v>64</v>
      </c>
      <c r="W20011">
        <v>65</v>
      </c>
      <c r="X20011">
        <v>65</v>
      </c>
      <c r="Y20011">
        <v>66</v>
      </c>
      <c r="Z20011">
        <v>66</v>
      </c>
      <c r="AA20011">
        <v>67</v>
      </c>
      <c r="AB20011">
        <v>68</v>
      </c>
      <c r="AC20011">
        <v>68</v>
      </c>
      <c r="AD20011">
        <v>69</v>
      </c>
      <c r="AE20011">
        <v>70</v>
      </c>
      <c r="AF20011">
        <v>70</v>
      </c>
      <c r="AG20011">
        <v>71</v>
      </c>
      <c r="AH20011">
        <v>72</v>
      </c>
      <c r="AI20011">
        <v>72</v>
      </c>
      <c r="AJ20011">
        <v>73</v>
      </c>
      <c r="AK20011">
        <v>74</v>
      </c>
      <c r="AL20011">
        <v>74</v>
      </c>
      <c r="AM20011">
        <v>75</v>
      </c>
      <c r="AN20011">
        <v>76</v>
      </c>
      <c r="AO20011">
        <v>76</v>
      </c>
      <c r="AP20011">
        <v>77</v>
      </c>
      <c r="AQ20011">
        <v>78</v>
      </c>
    </row>
    <row r="20012" spans="1:43">
      <c r="A20012" t="s">
        <v>12390</v>
      </c>
      <c r="B20012" t="s">
        <v>12391</v>
      </c>
      <c r="C20012" t="s">
        <v>12280</v>
      </c>
      <c r="D20012" t="s">
        <v>12281</v>
      </c>
      <c r="E20012" t="s">
        <v>12188</v>
      </c>
      <c r="F20012" t="s">
        <v>12189</v>
      </c>
      <c r="G20012" t="s">
        <v>10450</v>
      </c>
      <c r="H20012" t="s">
        <v>10451</v>
      </c>
      <c r="I20012" s="2">
        <v>1</v>
      </c>
      <c r="J20012" s="2">
        <v>0</v>
      </c>
      <c r="K20012" s="2">
        <v>0</v>
      </c>
      <c r="L20012" t="s">
        <v>120</v>
      </c>
      <c r="M20012" t="s">
        <v>89</v>
      </c>
      <c r="N20012" t="s">
        <v>90</v>
      </c>
      <c r="O20012" t="s">
        <v>85</v>
      </c>
      <c r="P20012" t="s">
        <v>86</v>
      </c>
      <c r="Q20012">
        <v>61</v>
      </c>
      <c r="R20012">
        <v>63</v>
      </c>
      <c r="S20012">
        <v>65</v>
      </c>
      <c r="T20012">
        <v>66</v>
      </c>
      <c r="U20012">
        <v>68</v>
      </c>
      <c r="V20012">
        <v>70</v>
      </c>
      <c r="W20012">
        <v>71</v>
      </c>
      <c r="X20012">
        <v>73</v>
      </c>
      <c r="Y20012">
        <v>74</v>
      </c>
      <c r="Z20012">
        <v>76</v>
      </c>
      <c r="AA20012">
        <v>77</v>
      </c>
      <c r="AB20012">
        <v>79</v>
      </c>
      <c r="AC20012">
        <v>80</v>
      </c>
      <c r="AD20012">
        <v>82</v>
      </c>
      <c r="AE20012">
        <v>83</v>
      </c>
      <c r="AF20012">
        <v>84</v>
      </c>
      <c r="AG20012">
        <v>84</v>
      </c>
      <c r="AH20012">
        <v>85</v>
      </c>
      <c r="AI20012">
        <v>85</v>
      </c>
      <c r="AJ20012">
        <v>86</v>
      </c>
      <c r="AK20012">
        <v>86</v>
      </c>
      <c r="AL20012">
        <v>87</v>
      </c>
      <c r="AM20012">
        <v>87</v>
      </c>
      <c r="AN20012">
        <v>88</v>
      </c>
      <c r="AO20012">
        <v>88</v>
      </c>
      <c r="AP20012">
        <v>89</v>
      </c>
      <c r="AQ20012">
        <v>89</v>
      </c>
    </row>
    <row r="20013" spans="1:43">
      <c r="A20013" t="s">
        <v>12390</v>
      </c>
      <c r="B20013" t="s">
        <v>12391</v>
      </c>
      <c r="C20013" t="s">
        <v>12280</v>
      </c>
      <c r="D20013" t="s">
        <v>12281</v>
      </c>
      <c r="E20013" t="s">
        <v>12188</v>
      </c>
      <c r="F20013" t="s">
        <v>12189</v>
      </c>
      <c r="G20013" t="s">
        <v>10450</v>
      </c>
      <c r="H20013" t="s">
        <v>10451</v>
      </c>
      <c r="I20013" s="2">
        <v>1</v>
      </c>
      <c r="J20013" s="2">
        <v>0</v>
      </c>
      <c r="K20013" s="2">
        <v>0</v>
      </c>
      <c r="L20013" t="s">
        <v>120</v>
      </c>
      <c r="M20013" t="s">
        <v>83</v>
      </c>
      <c r="N20013" t="s">
        <v>91</v>
      </c>
      <c r="O20013" t="s">
        <v>85</v>
      </c>
      <c r="P20013" t="s">
        <v>86</v>
      </c>
      <c r="Q20013">
        <v>61</v>
      </c>
      <c r="R20013">
        <v>62</v>
      </c>
      <c r="S20013">
        <v>63</v>
      </c>
      <c r="T20013">
        <v>64</v>
      </c>
      <c r="U20013">
        <v>65</v>
      </c>
      <c r="V20013">
        <v>67</v>
      </c>
      <c r="W20013">
        <v>68</v>
      </c>
      <c r="X20013">
        <v>69</v>
      </c>
      <c r="Y20013">
        <v>70</v>
      </c>
      <c r="Z20013">
        <v>71</v>
      </c>
      <c r="AA20013">
        <v>73</v>
      </c>
      <c r="AB20013">
        <v>74</v>
      </c>
      <c r="AC20013">
        <v>75</v>
      </c>
      <c r="AD20013">
        <v>76</v>
      </c>
      <c r="AE20013">
        <v>77</v>
      </c>
      <c r="AF20013">
        <v>79</v>
      </c>
      <c r="AG20013">
        <v>80</v>
      </c>
      <c r="AH20013">
        <v>81</v>
      </c>
      <c r="AI20013">
        <v>83</v>
      </c>
      <c r="AJ20013">
        <v>84</v>
      </c>
      <c r="AK20013">
        <v>85</v>
      </c>
      <c r="AL20013">
        <v>86</v>
      </c>
      <c r="AM20013">
        <v>87</v>
      </c>
      <c r="AN20013">
        <v>87</v>
      </c>
      <c r="AO20013">
        <v>88</v>
      </c>
      <c r="AP20013">
        <v>88</v>
      </c>
      <c r="AQ20013">
        <v>89</v>
      </c>
    </row>
    <row r="20014" spans="1:43">
      <c r="A20014" t="s">
        <v>12392</v>
      </c>
      <c r="B20014" t="s">
        <v>12393</v>
      </c>
      <c r="C20014" t="s">
        <v>12384</v>
      </c>
      <c r="D20014" t="s">
        <v>12385</v>
      </c>
      <c r="E20014" t="s">
        <v>12188</v>
      </c>
      <c r="F20014" t="s">
        <v>12189</v>
      </c>
      <c r="G20014" t="s">
        <v>10450</v>
      </c>
      <c r="H20014" t="s">
        <v>10451</v>
      </c>
      <c r="I20014" s="2">
        <v>0</v>
      </c>
      <c r="J20014" s="2">
        <v>0</v>
      </c>
      <c r="K20014" s="2">
        <v>0</v>
      </c>
      <c r="L20014" t="s">
        <v>120</v>
      </c>
      <c r="M20014" t="s">
        <v>83</v>
      </c>
      <c r="N20014" t="s">
        <v>84</v>
      </c>
      <c r="O20014" t="s">
        <v>85</v>
      </c>
      <c r="P20014" t="s">
        <v>86</v>
      </c>
      <c r="Q20014">
        <v>0</v>
      </c>
      <c r="R20014">
        <v>0</v>
      </c>
      <c r="S20014">
        <v>0</v>
      </c>
      <c r="T20014">
        <v>0</v>
      </c>
      <c r="U20014">
        <v>0</v>
      </c>
      <c r="V20014">
        <v>0</v>
      </c>
      <c r="W20014">
        <v>0</v>
      </c>
      <c r="X20014">
        <v>0</v>
      </c>
      <c r="Y20014">
        <v>0</v>
      </c>
      <c r="Z20014">
        <v>0</v>
      </c>
      <c r="AA20014">
        <v>0</v>
      </c>
      <c r="AB20014">
        <v>0</v>
      </c>
      <c r="AC20014">
        <v>0</v>
      </c>
      <c r="AD20014">
        <v>0</v>
      </c>
      <c r="AE20014">
        <v>0</v>
      </c>
      <c r="AF20014">
        <v>0</v>
      </c>
      <c r="AG20014">
        <v>0</v>
      </c>
      <c r="AH20014">
        <v>0</v>
      </c>
      <c r="AI20014">
        <v>0</v>
      </c>
      <c r="AJ20014">
        <v>0</v>
      </c>
      <c r="AK20014">
        <v>0</v>
      </c>
      <c r="AL20014">
        <v>0</v>
      </c>
      <c r="AM20014">
        <v>0</v>
      </c>
      <c r="AN20014">
        <v>0</v>
      </c>
      <c r="AO20014">
        <v>0</v>
      </c>
      <c r="AP20014">
        <v>0</v>
      </c>
      <c r="AQ20014">
        <v>0</v>
      </c>
    </row>
    <row r="20015" spans="1:43">
      <c r="A20015" t="s">
        <v>12392</v>
      </c>
      <c r="B20015" t="s">
        <v>12393</v>
      </c>
      <c r="C20015" t="s">
        <v>12384</v>
      </c>
      <c r="D20015" t="s">
        <v>12385</v>
      </c>
      <c r="E20015" t="s">
        <v>12188</v>
      </c>
      <c r="F20015" t="s">
        <v>12189</v>
      </c>
      <c r="G20015" t="s">
        <v>10450</v>
      </c>
      <c r="H20015" t="s">
        <v>10451</v>
      </c>
      <c r="I20015" s="2">
        <v>0</v>
      </c>
      <c r="J20015" s="2">
        <v>0</v>
      </c>
      <c r="K20015" s="2">
        <v>0</v>
      </c>
      <c r="L20015" t="s">
        <v>120</v>
      </c>
      <c r="M20015" t="s">
        <v>87</v>
      </c>
      <c r="N20015" t="s">
        <v>88</v>
      </c>
      <c r="O20015" t="s">
        <v>85</v>
      </c>
      <c r="P20015" t="s">
        <v>86</v>
      </c>
      <c r="Q20015">
        <v>0</v>
      </c>
      <c r="R20015">
        <v>0</v>
      </c>
      <c r="S20015">
        <v>0</v>
      </c>
      <c r="T20015">
        <v>0</v>
      </c>
      <c r="U20015">
        <v>0</v>
      </c>
      <c r="V20015">
        <v>0</v>
      </c>
      <c r="W20015">
        <v>0</v>
      </c>
      <c r="X20015">
        <v>0</v>
      </c>
      <c r="Y20015">
        <v>0</v>
      </c>
      <c r="Z20015">
        <v>0</v>
      </c>
      <c r="AA20015">
        <v>0</v>
      </c>
      <c r="AB20015">
        <v>0</v>
      </c>
      <c r="AC20015">
        <v>0</v>
      </c>
      <c r="AD20015">
        <v>0</v>
      </c>
      <c r="AE20015">
        <v>0</v>
      </c>
      <c r="AF20015">
        <v>0</v>
      </c>
      <c r="AG20015">
        <v>0</v>
      </c>
      <c r="AH20015">
        <v>0</v>
      </c>
      <c r="AI20015">
        <v>0</v>
      </c>
      <c r="AJ20015">
        <v>0</v>
      </c>
      <c r="AK20015">
        <v>0</v>
      </c>
      <c r="AL20015">
        <v>0</v>
      </c>
      <c r="AM20015">
        <v>0</v>
      </c>
      <c r="AN20015">
        <v>0</v>
      </c>
      <c r="AO20015">
        <v>0</v>
      </c>
      <c r="AP20015">
        <v>0</v>
      </c>
      <c r="AQ20015">
        <v>0</v>
      </c>
    </row>
    <row r="20016" spans="1:43">
      <c r="A20016" t="s">
        <v>12392</v>
      </c>
      <c r="B20016" t="s">
        <v>12393</v>
      </c>
      <c r="C20016" t="s">
        <v>12384</v>
      </c>
      <c r="D20016" t="s">
        <v>12385</v>
      </c>
      <c r="E20016" t="s">
        <v>12188</v>
      </c>
      <c r="F20016" t="s">
        <v>12189</v>
      </c>
      <c r="G20016" t="s">
        <v>10450</v>
      </c>
      <c r="H20016" t="s">
        <v>10451</v>
      </c>
      <c r="I20016" s="2">
        <v>0</v>
      </c>
      <c r="J20016" s="2">
        <v>0</v>
      </c>
      <c r="K20016" s="2">
        <v>0</v>
      </c>
      <c r="L20016" t="s">
        <v>120</v>
      </c>
      <c r="M20016" t="s">
        <v>89</v>
      </c>
      <c r="N20016" t="s">
        <v>90</v>
      </c>
      <c r="O20016" t="s">
        <v>85</v>
      </c>
      <c r="P20016" t="s">
        <v>86</v>
      </c>
      <c r="Q20016">
        <v>0</v>
      </c>
      <c r="R20016">
        <v>0</v>
      </c>
      <c r="S20016">
        <v>0</v>
      </c>
      <c r="T20016">
        <v>0</v>
      </c>
      <c r="U20016">
        <v>0</v>
      </c>
      <c r="V20016">
        <v>0</v>
      </c>
      <c r="W20016">
        <v>0</v>
      </c>
      <c r="X20016">
        <v>0</v>
      </c>
      <c r="Y20016">
        <v>0</v>
      </c>
      <c r="Z20016">
        <v>0</v>
      </c>
      <c r="AA20016">
        <v>0</v>
      </c>
      <c r="AB20016">
        <v>0</v>
      </c>
      <c r="AC20016">
        <v>0</v>
      </c>
      <c r="AD20016">
        <v>0</v>
      </c>
      <c r="AE20016">
        <v>0</v>
      </c>
      <c r="AF20016">
        <v>0</v>
      </c>
      <c r="AG20016">
        <v>0</v>
      </c>
      <c r="AH20016">
        <v>0</v>
      </c>
      <c r="AI20016">
        <v>0</v>
      </c>
      <c r="AJ20016">
        <v>0</v>
      </c>
      <c r="AK20016">
        <v>0</v>
      </c>
      <c r="AL20016">
        <v>0</v>
      </c>
      <c r="AM20016">
        <v>0</v>
      </c>
      <c r="AN20016">
        <v>0</v>
      </c>
      <c r="AO20016">
        <v>0</v>
      </c>
      <c r="AP20016">
        <v>0</v>
      </c>
      <c r="AQ20016">
        <v>0</v>
      </c>
    </row>
    <row r="20017" spans="1:43">
      <c r="A20017" t="s">
        <v>12392</v>
      </c>
      <c r="B20017" t="s">
        <v>12393</v>
      </c>
      <c r="C20017" t="s">
        <v>12384</v>
      </c>
      <c r="D20017" t="s">
        <v>12385</v>
      </c>
      <c r="E20017" t="s">
        <v>12188</v>
      </c>
      <c r="F20017" t="s">
        <v>12189</v>
      </c>
      <c r="G20017" t="s">
        <v>10450</v>
      </c>
      <c r="H20017" t="s">
        <v>10451</v>
      </c>
      <c r="I20017" s="2">
        <v>0</v>
      </c>
      <c r="J20017" s="2">
        <v>0</v>
      </c>
      <c r="K20017" s="2">
        <v>0</v>
      </c>
      <c r="L20017" t="s">
        <v>120</v>
      </c>
      <c r="M20017" t="s">
        <v>83</v>
      </c>
      <c r="N20017" t="s">
        <v>91</v>
      </c>
      <c r="O20017" t="s">
        <v>85</v>
      </c>
      <c r="P20017" t="s">
        <v>86</v>
      </c>
      <c r="Q20017">
        <v>0</v>
      </c>
      <c r="R20017">
        <v>0</v>
      </c>
      <c r="S20017">
        <v>0</v>
      </c>
      <c r="T20017">
        <v>0</v>
      </c>
      <c r="U20017">
        <v>0</v>
      </c>
      <c r="V20017">
        <v>0</v>
      </c>
      <c r="W20017">
        <v>0</v>
      </c>
      <c r="X20017">
        <v>0</v>
      </c>
      <c r="Y20017">
        <v>0</v>
      </c>
      <c r="Z20017">
        <v>0</v>
      </c>
      <c r="AA20017">
        <v>0</v>
      </c>
      <c r="AB20017">
        <v>0</v>
      </c>
      <c r="AC20017">
        <v>0</v>
      </c>
      <c r="AD20017">
        <v>0</v>
      </c>
      <c r="AE20017">
        <v>0</v>
      </c>
      <c r="AF20017">
        <v>0</v>
      </c>
      <c r="AG20017">
        <v>0</v>
      </c>
      <c r="AH20017">
        <v>0</v>
      </c>
      <c r="AI20017">
        <v>0</v>
      </c>
      <c r="AJ20017">
        <v>0</v>
      </c>
      <c r="AK20017">
        <v>0</v>
      </c>
      <c r="AL20017">
        <v>0</v>
      </c>
      <c r="AM20017">
        <v>0</v>
      </c>
      <c r="AN20017">
        <v>0</v>
      </c>
      <c r="AO20017">
        <v>0</v>
      </c>
      <c r="AP20017">
        <v>0</v>
      </c>
      <c r="AQ20017">
        <v>0</v>
      </c>
    </row>
    <row r="20018" spans="1:43">
      <c r="A20018" t="s">
        <v>12394</v>
      </c>
      <c r="B20018" t="s">
        <v>12395</v>
      </c>
      <c r="C20018" t="s">
        <v>12384</v>
      </c>
      <c r="D20018" t="s">
        <v>12385</v>
      </c>
      <c r="E20018" t="s">
        <v>12188</v>
      </c>
      <c r="F20018" t="s">
        <v>12189</v>
      </c>
      <c r="G20018" t="s">
        <v>10450</v>
      </c>
      <c r="H20018" t="s">
        <v>10451</v>
      </c>
      <c r="I20018" s="2">
        <v>0</v>
      </c>
      <c r="J20018" s="2">
        <v>0</v>
      </c>
      <c r="K20018" s="2">
        <v>0</v>
      </c>
      <c r="L20018" t="s">
        <v>120</v>
      </c>
      <c r="M20018" t="s">
        <v>83</v>
      </c>
      <c r="N20018" t="s">
        <v>84</v>
      </c>
      <c r="O20018" t="s">
        <v>85</v>
      </c>
      <c r="P20018" t="s">
        <v>86</v>
      </c>
      <c r="Q20018">
        <v>0</v>
      </c>
      <c r="R20018">
        <v>0</v>
      </c>
      <c r="S20018">
        <v>0</v>
      </c>
      <c r="T20018">
        <v>0</v>
      </c>
      <c r="U20018">
        <v>0</v>
      </c>
      <c r="V20018">
        <v>0</v>
      </c>
      <c r="W20018">
        <v>0</v>
      </c>
      <c r="X20018">
        <v>0</v>
      </c>
      <c r="Y20018">
        <v>0</v>
      </c>
      <c r="Z20018">
        <v>0</v>
      </c>
      <c r="AA20018">
        <v>0</v>
      </c>
      <c r="AB20018">
        <v>0</v>
      </c>
      <c r="AC20018">
        <v>0</v>
      </c>
      <c r="AD20018">
        <v>0</v>
      </c>
      <c r="AE20018">
        <v>0</v>
      </c>
      <c r="AF20018">
        <v>0</v>
      </c>
      <c r="AG20018">
        <v>0</v>
      </c>
      <c r="AH20018">
        <v>0</v>
      </c>
      <c r="AI20018">
        <v>0</v>
      </c>
      <c r="AJ20018">
        <v>0</v>
      </c>
      <c r="AK20018">
        <v>0</v>
      </c>
      <c r="AL20018">
        <v>0</v>
      </c>
      <c r="AM20018">
        <v>0</v>
      </c>
      <c r="AN20018">
        <v>0</v>
      </c>
      <c r="AO20018">
        <v>0</v>
      </c>
      <c r="AP20018">
        <v>0</v>
      </c>
      <c r="AQ20018">
        <v>0</v>
      </c>
    </row>
    <row r="20019" spans="1:43">
      <c r="A20019" t="s">
        <v>12394</v>
      </c>
      <c r="B20019" t="s">
        <v>12395</v>
      </c>
      <c r="C20019" t="s">
        <v>12384</v>
      </c>
      <c r="D20019" t="s">
        <v>12385</v>
      </c>
      <c r="E20019" t="s">
        <v>12188</v>
      </c>
      <c r="F20019" t="s">
        <v>12189</v>
      </c>
      <c r="G20019" t="s">
        <v>10450</v>
      </c>
      <c r="H20019" t="s">
        <v>10451</v>
      </c>
      <c r="I20019" s="2">
        <v>0</v>
      </c>
      <c r="J20019" s="2">
        <v>0</v>
      </c>
      <c r="K20019" s="2">
        <v>0</v>
      </c>
      <c r="L20019" t="s">
        <v>120</v>
      </c>
      <c r="M20019" t="s">
        <v>87</v>
      </c>
      <c r="N20019" t="s">
        <v>88</v>
      </c>
      <c r="O20019" t="s">
        <v>85</v>
      </c>
      <c r="P20019" t="s">
        <v>86</v>
      </c>
      <c r="Q20019">
        <v>0</v>
      </c>
      <c r="R20019">
        <v>0</v>
      </c>
      <c r="S20019">
        <v>0</v>
      </c>
      <c r="T20019">
        <v>0</v>
      </c>
      <c r="U20019">
        <v>0</v>
      </c>
      <c r="V20019">
        <v>0</v>
      </c>
      <c r="W20019">
        <v>0</v>
      </c>
      <c r="X20019">
        <v>0</v>
      </c>
      <c r="Y20019">
        <v>0</v>
      </c>
      <c r="Z20019">
        <v>0</v>
      </c>
      <c r="AA20019">
        <v>0</v>
      </c>
      <c r="AB20019">
        <v>0</v>
      </c>
      <c r="AC20019">
        <v>0</v>
      </c>
      <c r="AD20019">
        <v>0</v>
      </c>
      <c r="AE20019">
        <v>0</v>
      </c>
      <c r="AF20019">
        <v>0</v>
      </c>
      <c r="AG20019">
        <v>0</v>
      </c>
      <c r="AH20019">
        <v>0</v>
      </c>
      <c r="AI20019">
        <v>0</v>
      </c>
      <c r="AJ20019">
        <v>0</v>
      </c>
      <c r="AK20019">
        <v>0</v>
      </c>
      <c r="AL20019">
        <v>0</v>
      </c>
      <c r="AM20019">
        <v>0</v>
      </c>
      <c r="AN20019">
        <v>0</v>
      </c>
      <c r="AO20019">
        <v>0</v>
      </c>
      <c r="AP20019">
        <v>0</v>
      </c>
      <c r="AQ20019">
        <v>0</v>
      </c>
    </row>
    <row r="20020" spans="1:43">
      <c r="A20020" t="s">
        <v>12394</v>
      </c>
      <c r="B20020" t="s">
        <v>12395</v>
      </c>
      <c r="C20020" t="s">
        <v>12384</v>
      </c>
      <c r="D20020" t="s">
        <v>12385</v>
      </c>
      <c r="E20020" t="s">
        <v>12188</v>
      </c>
      <c r="F20020" t="s">
        <v>12189</v>
      </c>
      <c r="G20020" t="s">
        <v>10450</v>
      </c>
      <c r="H20020" t="s">
        <v>10451</v>
      </c>
      <c r="I20020" s="2">
        <v>0</v>
      </c>
      <c r="J20020" s="2">
        <v>0</v>
      </c>
      <c r="K20020" s="2">
        <v>0</v>
      </c>
      <c r="L20020" t="s">
        <v>120</v>
      </c>
      <c r="M20020" t="s">
        <v>89</v>
      </c>
      <c r="N20020" t="s">
        <v>90</v>
      </c>
      <c r="O20020" t="s">
        <v>85</v>
      </c>
      <c r="P20020" t="s">
        <v>86</v>
      </c>
      <c r="Q20020">
        <v>0</v>
      </c>
      <c r="R20020">
        <v>0</v>
      </c>
      <c r="S20020">
        <v>0</v>
      </c>
      <c r="T20020">
        <v>0</v>
      </c>
      <c r="U20020">
        <v>0</v>
      </c>
      <c r="V20020">
        <v>0</v>
      </c>
      <c r="W20020">
        <v>0</v>
      </c>
      <c r="X20020">
        <v>0</v>
      </c>
      <c r="Y20020">
        <v>0</v>
      </c>
      <c r="Z20020">
        <v>0</v>
      </c>
      <c r="AA20020">
        <v>0</v>
      </c>
      <c r="AB20020">
        <v>0</v>
      </c>
      <c r="AC20020">
        <v>0</v>
      </c>
      <c r="AD20020">
        <v>0</v>
      </c>
      <c r="AE20020">
        <v>0</v>
      </c>
      <c r="AF20020">
        <v>0</v>
      </c>
      <c r="AG20020">
        <v>0</v>
      </c>
      <c r="AH20020">
        <v>0</v>
      </c>
      <c r="AI20020">
        <v>0</v>
      </c>
      <c r="AJ20020">
        <v>0</v>
      </c>
      <c r="AK20020">
        <v>0</v>
      </c>
      <c r="AL20020">
        <v>0</v>
      </c>
      <c r="AM20020">
        <v>0</v>
      </c>
      <c r="AN20020">
        <v>0</v>
      </c>
      <c r="AO20020">
        <v>0</v>
      </c>
      <c r="AP20020">
        <v>0</v>
      </c>
      <c r="AQ20020">
        <v>0</v>
      </c>
    </row>
    <row r="20021" spans="1:43">
      <c r="A20021" t="s">
        <v>12394</v>
      </c>
      <c r="B20021" t="s">
        <v>12395</v>
      </c>
      <c r="C20021" t="s">
        <v>12384</v>
      </c>
      <c r="D20021" t="s">
        <v>12385</v>
      </c>
      <c r="E20021" t="s">
        <v>12188</v>
      </c>
      <c r="F20021" t="s">
        <v>12189</v>
      </c>
      <c r="G20021" t="s">
        <v>10450</v>
      </c>
      <c r="H20021" t="s">
        <v>10451</v>
      </c>
      <c r="I20021" s="2">
        <v>0</v>
      </c>
      <c r="J20021" s="2">
        <v>0</v>
      </c>
      <c r="K20021" s="2">
        <v>0</v>
      </c>
      <c r="L20021" t="s">
        <v>120</v>
      </c>
      <c r="M20021" t="s">
        <v>83</v>
      </c>
      <c r="N20021" t="s">
        <v>91</v>
      </c>
      <c r="O20021" t="s">
        <v>85</v>
      </c>
      <c r="P20021" t="s">
        <v>86</v>
      </c>
      <c r="Q20021">
        <v>0</v>
      </c>
      <c r="R20021">
        <v>0</v>
      </c>
      <c r="S20021">
        <v>0</v>
      </c>
      <c r="T20021">
        <v>0</v>
      </c>
      <c r="U20021">
        <v>0</v>
      </c>
      <c r="V20021">
        <v>0</v>
      </c>
      <c r="W20021">
        <v>0</v>
      </c>
      <c r="X20021">
        <v>0</v>
      </c>
      <c r="Y20021">
        <v>0</v>
      </c>
      <c r="Z20021">
        <v>0</v>
      </c>
      <c r="AA20021">
        <v>0</v>
      </c>
      <c r="AB20021">
        <v>0</v>
      </c>
      <c r="AC20021">
        <v>0</v>
      </c>
      <c r="AD20021">
        <v>0</v>
      </c>
      <c r="AE20021">
        <v>0</v>
      </c>
      <c r="AF20021">
        <v>0</v>
      </c>
      <c r="AG20021">
        <v>0</v>
      </c>
      <c r="AH20021">
        <v>0</v>
      </c>
      <c r="AI20021">
        <v>0</v>
      </c>
      <c r="AJ20021">
        <v>0</v>
      </c>
      <c r="AK20021">
        <v>0</v>
      </c>
      <c r="AL20021">
        <v>0</v>
      </c>
      <c r="AM20021">
        <v>0</v>
      </c>
      <c r="AN20021">
        <v>0</v>
      </c>
      <c r="AO20021">
        <v>0</v>
      </c>
      <c r="AP20021">
        <v>0</v>
      </c>
      <c r="AQ20021">
        <v>0</v>
      </c>
    </row>
    <row r="20022" spans="1:43">
      <c r="A20022" t="s">
        <v>12396</v>
      </c>
      <c r="B20022" t="s">
        <v>12397</v>
      </c>
      <c r="C20022" t="s">
        <v>12212</v>
      </c>
      <c r="D20022" t="s">
        <v>12213</v>
      </c>
      <c r="E20022" t="s">
        <v>12188</v>
      </c>
      <c r="F20022" t="s">
        <v>12189</v>
      </c>
      <c r="G20022" t="s">
        <v>10450</v>
      </c>
      <c r="H20022" t="s">
        <v>10451</v>
      </c>
      <c r="I20022" s="2">
        <v>1</v>
      </c>
      <c r="J20022" s="2">
        <v>0</v>
      </c>
      <c r="K20022" s="2">
        <v>0</v>
      </c>
      <c r="L20022" t="s">
        <v>120</v>
      </c>
      <c r="M20022" t="s">
        <v>83</v>
      </c>
      <c r="N20022" t="s">
        <v>84</v>
      </c>
      <c r="O20022" t="s">
        <v>85</v>
      </c>
      <c r="P20022" t="s">
        <v>86</v>
      </c>
      <c r="Q20022">
        <v>28</v>
      </c>
      <c r="R20022">
        <v>29</v>
      </c>
      <c r="S20022">
        <v>29</v>
      </c>
      <c r="T20022">
        <v>30</v>
      </c>
      <c r="U20022">
        <v>30</v>
      </c>
      <c r="V20022">
        <v>31</v>
      </c>
      <c r="W20022">
        <v>31</v>
      </c>
      <c r="X20022">
        <v>32</v>
      </c>
      <c r="Y20022">
        <v>33</v>
      </c>
      <c r="Z20022">
        <v>33</v>
      </c>
      <c r="AA20022">
        <v>34</v>
      </c>
      <c r="AB20022">
        <v>34</v>
      </c>
      <c r="AC20022">
        <v>35</v>
      </c>
      <c r="AD20022">
        <v>35</v>
      </c>
      <c r="AE20022">
        <v>36</v>
      </c>
      <c r="AF20022">
        <v>36</v>
      </c>
      <c r="AG20022">
        <v>37</v>
      </c>
      <c r="AH20022">
        <v>38</v>
      </c>
      <c r="AI20022">
        <v>38</v>
      </c>
      <c r="AJ20022">
        <v>39</v>
      </c>
      <c r="AK20022">
        <v>39</v>
      </c>
      <c r="AL20022">
        <v>40</v>
      </c>
      <c r="AM20022">
        <v>40</v>
      </c>
      <c r="AN20022">
        <v>40</v>
      </c>
      <c r="AO20022">
        <v>40</v>
      </c>
      <c r="AP20022">
        <v>41</v>
      </c>
      <c r="AQ20022">
        <v>41</v>
      </c>
    </row>
    <row r="20023" spans="1:43">
      <c r="A20023" t="s">
        <v>12396</v>
      </c>
      <c r="B20023" t="s">
        <v>12397</v>
      </c>
      <c r="C20023" t="s">
        <v>12212</v>
      </c>
      <c r="D20023" t="s">
        <v>12213</v>
      </c>
      <c r="E20023" t="s">
        <v>12188</v>
      </c>
      <c r="F20023" t="s">
        <v>12189</v>
      </c>
      <c r="G20023" t="s">
        <v>10450</v>
      </c>
      <c r="H20023" t="s">
        <v>10451</v>
      </c>
      <c r="I20023" s="2">
        <v>1</v>
      </c>
      <c r="J20023" s="2">
        <v>0</v>
      </c>
      <c r="K20023" s="2">
        <v>0</v>
      </c>
      <c r="L20023" t="s">
        <v>120</v>
      </c>
      <c r="M20023" t="s">
        <v>87</v>
      </c>
      <c r="N20023" t="s">
        <v>88</v>
      </c>
      <c r="O20023" t="s">
        <v>85</v>
      </c>
      <c r="P20023" t="s">
        <v>86</v>
      </c>
      <c r="Q20023">
        <v>28</v>
      </c>
      <c r="R20023">
        <v>28</v>
      </c>
      <c r="S20023">
        <v>28</v>
      </c>
      <c r="T20023">
        <v>29</v>
      </c>
      <c r="U20023">
        <v>29</v>
      </c>
      <c r="V20023">
        <v>29</v>
      </c>
      <c r="W20023">
        <v>30</v>
      </c>
      <c r="X20023">
        <v>30</v>
      </c>
      <c r="Y20023">
        <v>30</v>
      </c>
      <c r="Z20023">
        <v>30</v>
      </c>
      <c r="AA20023">
        <v>31</v>
      </c>
      <c r="AB20023">
        <v>31</v>
      </c>
      <c r="AC20023">
        <v>31</v>
      </c>
      <c r="AD20023">
        <v>31</v>
      </c>
      <c r="AE20023">
        <v>32</v>
      </c>
      <c r="AF20023">
        <v>32</v>
      </c>
      <c r="AG20023">
        <v>32</v>
      </c>
      <c r="AH20023">
        <v>33</v>
      </c>
      <c r="AI20023">
        <v>33</v>
      </c>
      <c r="AJ20023">
        <v>33</v>
      </c>
      <c r="AK20023">
        <v>34</v>
      </c>
      <c r="AL20023">
        <v>34</v>
      </c>
      <c r="AM20023">
        <v>34</v>
      </c>
      <c r="AN20023">
        <v>35</v>
      </c>
      <c r="AO20023">
        <v>35</v>
      </c>
      <c r="AP20023">
        <v>35</v>
      </c>
      <c r="AQ20023">
        <v>36</v>
      </c>
    </row>
    <row r="20024" spans="1:43">
      <c r="A20024" t="s">
        <v>12396</v>
      </c>
      <c r="B20024" t="s">
        <v>12397</v>
      </c>
      <c r="C20024" t="s">
        <v>12212</v>
      </c>
      <c r="D20024" t="s">
        <v>12213</v>
      </c>
      <c r="E20024" t="s">
        <v>12188</v>
      </c>
      <c r="F20024" t="s">
        <v>12189</v>
      </c>
      <c r="G20024" t="s">
        <v>10450</v>
      </c>
      <c r="H20024" t="s">
        <v>10451</v>
      </c>
      <c r="I20024" s="2">
        <v>1</v>
      </c>
      <c r="J20024" s="2">
        <v>0</v>
      </c>
      <c r="K20024" s="2">
        <v>0</v>
      </c>
      <c r="L20024" t="s">
        <v>120</v>
      </c>
      <c r="M20024" t="s">
        <v>89</v>
      </c>
      <c r="N20024" t="s">
        <v>90</v>
      </c>
      <c r="O20024" t="s">
        <v>85</v>
      </c>
      <c r="P20024" t="s">
        <v>86</v>
      </c>
      <c r="Q20024">
        <v>28</v>
      </c>
      <c r="R20024">
        <v>29</v>
      </c>
      <c r="S20024">
        <v>30</v>
      </c>
      <c r="T20024">
        <v>31</v>
      </c>
      <c r="U20024">
        <v>32</v>
      </c>
      <c r="V20024">
        <v>32</v>
      </c>
      <c r="W20024">
        <v>33</v>
      </c>
      <c r="X20024">
        <v>34</v>
      </c>
      <c r="Y20024">
        <v>34</v>
      </c>
      <c r="Z20024">
        <v>35</v>
      </c>
      <c r="AA20024">
        <v>36</v>
      </c>
      <c r="AB20024">
        <v>36</v>
      </c>
      <c r="AC20024">
        <v>37</v>
      </c>
      <c r="AD20024">
        <v>38</v>
      </c>
      <c r="AE20024">
        <v>38</v>
      </c>
      <c r="AF20024">
        <v>39</v>
      </c>
      <c r="AG20024">
        <v>39</v>
      </c>
      <c r="AH20024">
        <v>39</v>
      </c>
      <c r="AI20024">
        <v>39</v>
      </c>
      <c r="AJ20024">
        <v>40</v>
      </c>
      <c r="AK20024">
        <v>40</v>
      </c>
      <c r="AL20024">
        <v>40</v>
      </c>
      <c r="AM20024">
        <v>40</v>
      </c>
      <c r="AN20024">
        <v>40</v>
      </c>
      <c r="AO20024">
        <v>41</v>
      </c>
      <c r="AP20024">
        <v>41</v>
      </c>
      <c r="AQ20024">
        <v>41</v>
      </c>
    </row>
    <row r="20025" spans="1:43">
      <c r="A20025" t="s">
        <v>12396</v>
      </c>
      <c r="B20025" t="s">
        <v>12397</v>
      </c>
      <c r="C20025" t="s">
        <v>12212</v>
      </c>
      <c r="D20025" t="s">
        <v>12213</v>
      </c>
      <c r="E20025" t="s">
        <v>12188</v>
      </c>
      <c r="F20025" t="s">
        <v>12189</v>
      </c>
      <c r="G20025" t="s">
        <v>10450</v>
      </c>
      <c r="H20025" t="s">
        <v>10451</v>
      </c>
      <c r="I20025" s="2">
        <v>1</v>
      </c>
      <c r="J20025" s="2">
        <v>0</v>
      </c>
      <c r="K20025" s="2">
        <v>0</v>
      </c>
      <c r="L20025" t="s">
        <v>120</v>
      </c>
      <c r="M20025" t="s">
        <v>83</v>
      </c>
      <c r="N20025" t="s">
        <v>91</v>
      </c>
      <c r="O20025" t="s">
        <v>85</v>
      </c>
      <c r="P20025" t="s">
        <v>86</v>
      </c>
      <c r="Q20025">
        <v>28</v>
      </c>
      <c r="R20025">
        <v>29</v>
      </c>
      <c r="S20025">
        <v>29</v>
      </c>
      <c r="T20025">
        <v>30</v>
      </c>
      <c r="U20025">
        <v>30</v>
      </c>
      <c r="V20025">
        <v>31</v>
      </c>
      <c r="W20025">
        <v>31</v>
      </c>
      <c r="X20025">
        <v>32</v>
      </c>
      <c r="Y20025">
        <v>33</v>
      </c>
      <c r="Z20025">
        <v>33</v>
      </c>
      <c r="AA20025">
        <v>34</v>
      </c>
      <c r="AB20025">
        <v>34</v>
      </c>
      <c r="AC20025">
        <v>35</v>
      </c>
      <c r="AD20025">
        <v>35</v>
      </c>
      <c r="AE20025">
        <v>36</v>
      </c>
      <c r="AF20025">
        <v>36</v>
      </c>
      <c r="AG20025">
        <v>37</v>
      </c>
      <c r="AH20025">
        <v>38</v>
      </c>
      <c r="AI20025">
        <v>38</v>
      </c>
      <c r="AJ20025">
        <v>39</v>
      </c>
      <c r="AK20025">
        <v>39</v>
      </c>
      <c r="AL20025">
        <v>40</v>
      </c>
      <c r="AM20025">
        <v>40</v>
      </c>
      <c r="AN20025">
        <v>40</v>
      </c>
      <c r="AO20025">
        <v>40</v>
      </c>
      <c r="AP20025">
        <v>41</v>
      </c>
      <c r="AQ20025">
        <v>41</v>
      </c>
    </row>
    <row r="20026" spans="1:43">
      <c r="A20026" t="s">
        <v>12398</v>
      </c>
      <c r="B20026" t="s">
        <v>12399</v>
      </c>
      <c r="C20026" t="s">
        <v>12212</v>
      </c>
      <c r="D20026" t="s">
        <v>12213</v>
      </c>
      <c r="E20026" t="s">
        <v>12188</v>
      </c>
      <c r="F20026" t="s">
        <v>12189</v>
      </c>
      <c r="G20026" t="s">
        <v>10450</v>
      </c>
      <c r="H20026" t="s">
        <v>10451</v>
      </c>
      <c r="I20026" s="2">
        <v>0.97</v>
      </c>
      <c r="J20026" s="2">
        <v>0</v>
      </c>
      <c r="K20026" s="2">
        <v>0</v>
      </c>
      <c r="L20026" t="s">
        <v>120</v>
      </c>
      <c r="M20026" t="s">
        <v>83</v>
      </c>
      <c r="N20026" t="s">
        <v>84</v>
      </c>
      <c r="O20026" t="s">
        <v>85</v>
      </c>
      <c r="P20026" t="s">
        <v>86</v>
      </c>
      <c r="Q20026">
        <v>35</v>
      </c>
      <c r="R20026">
        <v>36</v>
      </c>
      <c r="S20026">
        <v>37</v>
      </c>
      <c r="T20026">
        <v>37</v>
      </c>
      <c r="U20026">
        <v>38</v>
      </c>
      <c r="V20026">
        <v>39</v>
      </c>
      <c r="W20026">
        <v>39</v>
      </c>
      <c r="X20026">
        <v>40</v>
      </c>
      <c r="Y20026">
        <v>41</v>
      </c>
      <c r="Z20026">
        <v>41</v>
      </c>
      <c r="AA20026">
        <v>42</v>
      </c>
      <c r="AB20026">
        <v>43</v>
      </c>
      <c r="AC20026">
        <v>43</v>
      </c>
      <c r="AD20026">
        <v>44</v>
      </c>
      <c r="AE20026">
        <v>45</v>
      </c>
      <c r="AF20026">
        <v>45</v>
      </c>
      <c r="AG20026">
        <v>46</v>
      </c>
      <c r="AH20026">
        <v>47</v>
      </c>
      <c r="AI20026">
        <v>47</v>
      </c>
      <c r="AJ20026">
        <v>48</v>
      </c>
      <c r="AK20026">
        <v>49</v>
      </c>
      <c r="AL20026">
        <v>49</v>
      </c>
      <c r="AM20026">
        <v>50</v>
      </c>
      <c r="AN20026">
        <v>50</v>
      </c>
      <c r="AO20026">
        <v>50</v>
      </c>
      <c r="AP20026">
        <v>50</v>
      </c>
      <c r="AQ20026">
        <v>51</v>
      </c>
    </row>
    <row r="20027" spans="1:43">
      <c r="A20027" t="s">
        <v>12398</v>
      </c>
      <c r="B20027" t="s">
        <v>12399</v>
      </c>
      <c r="C20027" t="s">
        <v>12212</v>
      </c>
      <c r="D20027" t="s">
        <v>12213</v>
      </c>
      <c r="E20027" t="s">
        <v>12188</v>
      </c>
      <c r="F20027" t="s">
        <v>12189</v>
      </c>
      <c r="G20027" t="s">
        <v>10450</v>
      </c>
      <c r="H20027" t="s">
        <v>10451</v>
      </c>
      <c r="I20027" s="2">
        <v>0.97</v>
      </c>
      <c r="J20027" s="2">
        <v>0</v>
      </c>
      <c r="K20027" s="2">
        <v>0</v>
      </c>
      <c r="L20027" t="s">
        <v>120</v>
      </c>
      <c r="M20027" t="s">
        <v>87</v>
      </c>
      <c r="N20027" t="s">
        <v>88</v>
      </c>
      <c r="O20027" t="s">
        <v>85</v>
      </c>
      <c r="P20027" t="s">
        <v>86</v>
      </c>
      <c r="Q20027">
        <v>35</v>
      </c>
      <c r="R20027">
        <v>35</v>
      </c>
      <c r="S20027">
        <v>36</v>
      </c>
      <c r="T20027">
        <v>36</v>
      </c>
      <c r="U20027">
        <v>36</v>
      </c>
      <c r="V20027">
        <v>37</v>
      </c>
      <c r="W20027">
        <v>37</v>
      </c>
      <c r="X20027">
        <v>37</v>
      </c>
      <c r="Y20027">
        <v>38</v>
      </c>
      <c r="Z20027">
        <v>38</v>
      </c>
      <c r="AA20027">
        <v>38</v>
      </c>
      <c r="AB20027">
        <v>38</v>
      </c>
      <c r="AC20027">
        <v>39</v>
      </c>
      <c r="AD20027">
        <v>39</v>
      </c>
      <c r="AE20027">
        <v>40</v>
      </c>
      <c r="AF20027">
        <v>40</v>
      </c>
      <c r="AG20027">
        <v>40</v>
      </c>
      <c r="AH20027">
        <v>41</v>
      </c>
      <c r="AI20027">
        <v>41</v>
      </c>
      <c r="AJ20027">
        <v>41</v>
      </c>
      <c r="AK20027">
        <v>42</v>
      </c>
      <c r="AL20027">
        <v>42</v>
      </c>
      <c r="AM20027">
        <v>42</v>
      </c>
      <c r="AN20027">
        <v>43</v>
      </c>
      <c r="AO20027">
        <v>43</v>
      </c>
      <c r="AP20027">
        <v>44</v>
      </c>
      <c r="AQ20027">
        <v>44</v>
      </c>
    </row>
    <row r="20028" spans="1:43">
      <c r="A20028" t="s">
        <v>12398</v>
      </c>
      <c r="B20028" t="s">
        <v>12399</v>
      </c>
      <c r="C20028" t="s">
        <v>12212</v>
      </c>
      <c r="D20028" t="s">
        <v>12213</v>
      </c>
      <c r="E20028" t="s">
        <v>12188</v>
      </c>
      <c r="F20028" t="s">
        <v>12189</v>
      </c>
      <c r="G20028" t="s">
        <v>10450</v>
      </c>
      <c r="H20028" t="s">
        <v>10451</v>
      </c>
      <c r="I20028" s="2">
        <v>0.97</v>
      </c>
      <c r="J20028" s="2">
        <v>0</v>
      </c>
      <c r="K20028" s="2">
        <v>0</v>
      </c>
      <c r="L20028" t="s">
        <v>120</v>
      </c>
      <c r="M20028" t="s">
        <v>89</v>
      </c>
      <c r="N20028" t="s">
        <v>90</v>
      </c>
      <c r="O20028" t="s">
        <v>85</v>
      </c>
      <c r="P20028" t="s">
        <v>86</v>
      </c>
      <c r="Q20028">
        <v>35</v>
      </c>
      <c r="R20028">
        <v>36</v>
      </c>
      <c r="S20028">
        <v>37</v>
      </c>
      <c r="T20028">
        <v>37</v>
      </c>
      <c r="U20028">
        <v>38</v>
      </c>
      <c r="V20028">
        <v>39</v>
      </c>
      <c r="W20028">
        <v>40</v>
      </c>
      <c r="X20028">
        <v>41</v>
      </c>
      <c r="Y20028">
        <v>42</v>
      </c>
      <c r="Z20028">
        <v>43</v>
      </c>
      <c r="AA20028">
        <v>44</v>
      </c>
      <c r="AB20028">
        <v>44</v>
      </c>
      <c r="AC20028">
        <v>45</v>
      </c>
      <c r="AD20028">
        <v>46</v>
      </c>
      <c r="AE20028">
        <v>47</v>
      </c>
      <c r="AF20028">
        <v>47</v>
      </c>
      <c r="AG20028">
        <v>47</v>
      </c>
      <c r="AH20028">
        <v>48</v>
      </c>
      <c r="AI20028">
        <v>48</v>
      </c>
      <c r="AJ20028">
        <v>48</v>
      </c>
      <c r="AK20028">
        <v>48</v>
      </c>
      <c r="AL20028">
        <v>49</v>
      </c>
      <c r="AM20028">
        <v>49</v>
      </c>
      <c r="AN20028">
        <v>49</v>
      </c>
      <c r="AO20028">
        <v>49</v>
      </c>
      <c r="AP20028">
        <v>50</v>
      </c>
      <c r="AQ20028">
        <v>50</v>
      </c>
    </row>
    <row r="20029" spans="1:43">
      <c r="A20029" t="s">
        <v>12398</v>
      </c>
      <c r="B20029" t="s">
        <v>12399</v>
      </c>
      <c r="C20029" t="s">
        <v>12212</v>
      </c>
      <c r="D20029" t="s">
        <v>12213</v>
      </c>
      <c r="E20029" t="s">
        <v>12188</v>
      </c>
      <c r="F20029" t="s">
        <v>12189</v>
      </c>
      <c r="G20029" t="s">
        <v>10450</v>
      </c>
      <c r="H20029" t="s">
        <v>10451</v>
      </c>
      <c r="I20029" s="2">
        <v>0.97</v>
      </c>
      <c r="J20029" s="2">
        <v>0</v>
      </c>
      <c r="K20029" s="2">
        <v>0</v>
      </c>
      <c r="L20029" t="s">
        <v>120</v>
      </c>
      <c r="M20029" t="s">
        <v>83</v>
      </c>
      <c r="N20029" t="s">
        <v>91</v>
      </c>
      <c r="O20029" t="s">
        <v>85</v>
      </c>
      <c r="P20029" t="s">
        <v>86</v>
      </c>
      <c r="Q20029">
        <v>35</v>
      </c>
      <c r="R20029">
        <v>36</v>
      </c>
      <c r="S20029">
        <v>37</v>
      </c>
      <c r="T20029">
        <v>37</v>
      </c>
      <c r="U20029">
        <v>38</v>
      </c>
      <c r="V20029">
        <v>39</v>
      </c>
      <c r="W20029">
        <v>39</v>
      </c>
      <c r="X20029">
        <v>40</v>
      </c>
      <c r="Y20029">
        <v>41</v>
      </c>
      <c r="Z20029">
        <v>41</v>
      </c>
      <c r="AA20029">
        <v>42</v>
      </c>
      <c r="AB20029">
        <v>43</v>
      </c>
      <c r="AC20029">
        <v>43</v>
      </c>
      <c r="AD20029">
        <v>44</v>
      </c>
      <c r="AE20029">
        <v>45</v>
      </c>
      <c r="AF20029">
        <v>45</v>
      </c>
      <c r="AG20029">
        <v>46</v>
      </c>
      <c r="AH20029">
        <v>47</v>
      </c>
      <c r="AI20029">
        <v>47</v>
      </c>
      <c r="AJ20029">
        <v>48</v>
      </c>
      <c r="AK20029">
        <v>49</v>
      </c>
      <c r="AL20029">
        <v>49</v>
      </c>
      <c r="AM20029">
        <v>50</v>
      </c>
      <c r="AN20029">
        <v>50</v>
      </c>
      <c r="AO20029">
        <v>50</v>
      </c>
      <c r="AP20029">
        <v>50</v>
      </c>
      <c r="AQ20029">
        <v>51</v>
      </c>
    </row>
    <row r="20030" spans="1:43">
      <c r="A20030" t="s">
        <v>12400</v>
      </c>
      <c r="B20030" t="s">
        <v>12401</v>
      </c>
      <c r="C20030" t="s">
        <v>12262</v>
      </c>
      <c r="D20030" t="s">
        <v>12263</v>
      </c>
      <c r="E20030" t="s">
        <v>12188</v>
      </c>
      <c r="F20030" t="s">
        <v>12189</v>
      </c>
      <c r="G20030" t="s">
        <v>10450</v>
      </c>
      <c r="H20030" t="s">
        <v>10451</v>
      </c>
      <c r="I20030" s="2">
        <v>1</v>
      </c>
      <c r="J20030" s="2">
        <v>0</v>
      </c>
      <c r="K20030" s="2">
        <v>0</v>
      </c>
      <c r="L20030" t="s">
        <v>120</v>
      </c>
      <c r="M20030" t="s">
        <v>83</v>
      </c>
      <c r="N20030" t="s">
        <v>84</v>
      </c>
      <c r="O20030" t="s">
        <v>85</v>
      </c>
      <c r="P20030" t="s">
        <v>86</v>
      </c>
      <c r="Q20030">
        <v>15</v>
      </c>
      <c r="R20030">
        <v>15</v>
      </c>
      <c r="S20030">
        <v>16</v>
      </c>
      <c r="T20030">
        <v>16</v>
      </c>
      <c r="U20030">
        <v>16</v>
      </c>
      <c r="V20030">
        <v>17</v>
      </c>
      <c r="W20030">
        <v>17</v>
      </c>
      <c r="X20030">
        <v>17</v>
      </c>
      <c r="Y20030">
        <v>17</v>
      </c>
      <c r="Z20030">
        <v>18</v>
      </c>
      <c r="AA20030">
        <v>18</v>
      </c>
      <c r="AB20030">
        <v>18</v>
      </c>
      <c r="AC20030">
        <v>19</v>
      </c>
      <c r="AD20030">
        <v>19</v>
      </c>
      <c r="AE20030">
        <v>19</v>
      </c>
      <c r="AF20030">
        <v>20</v>
      </c>
      <c r="AG20030">
        <v>20</v>
      </c>
      <c r="AH20030">
        <v>20</v>
      </c>
      <c r="AI20030">
        <v>21</v>
      </c>
      <c r="AJ20030">
        <v>21</v>
      </c>
      <c r="AK20030">
        <v>21</v>
      </c>
      <c r="AL20030">
        <v>21</v>
      </c>
      <c r="AM20030">
        <v>22</v>
      </c>
      <c r="AN20030">
        <v>22</v>
      </c>
      <c r="AO20030">
        <v>22</v>
      </c>
      <c r="AP20030">
        <v>22</v>
      </c>
      <c r="AQ20030">
        <v>22</v>
      </c>
    </row>
    <row r="20031" spans="1:43">
      <c r="A20031" t="s">
        <v>12400</v>
      </c>
      <c r="B20031" t="s">
        <v>12401</v>
      </c>
      <c r="C20031" t="s">
        <v>12262</v>
      </c>
      <c r="D20031" t="s">
        <v>12263</v>
      </c>
      <c r="E20031" t="s">
        <v>12188</v>
      </c>
      <c r="F20031" t="s">
        <v>12189</v>
      </c>
      <c r="G20031" t="s">
        <v>10450</v>
      </c>
      <c r="H20031" t="s">
        <v>10451</v>
      </c>
      <c r="I20031" s="2">
        <v>1</v>
      </c>
      <c r="J20031" s="2">
        <v>0</v>
      </c>
      <c r="K20031" s="2">
        <v>0</v>
      </c>
      <c r="L20031" t="s">
        <v>120</v>
      </c>
      <c r="M20031" t="s">
        <v>87</v>
      </c>
      <c r="N20031" t="s">
        <v>88</v>
      </c>
      <c r="O20031" t="s">
        <v>85</v>
      </c>
      <c r="P20031" t="s">
        <v>86</v>
      </c>
      <c r="Q20031">
        <v>15</v>
      </c>
      <c r="R20031">
        <v>15</v>
      </c>
      <c r="S20031">
        <v>15</v>
      </c>
      <c r="T20031">
        <v>15</v>
      </c>
      <c r="U20031">
        <v>16</v>
      </c>
      <c r="V20031">
        <v>16</v>
      </c>
      <c r="W20031">
        <v>16</v>
      </c>
      <c r="X20031">
        <v>16</v>
      </c>
      <c r="Y20031">
        <v>16</v>
      </c>
      <c r="Z20031">
        <v>16</v>
      </c>
      <c r="AA20031">
        <v>16</v>
      </c>
      <c r="AB20031">
        <v>17</v>
      </c>
      <c r="AC20031">
        <v>17</v>
      </c>
      <c r="AD20031">
        <v>17</v>
      </c>
      <c r="AE20031">
        <v>17</v>
      </c>
      <c r="AF20031">
        <v>17</v>
      </c>
      <c r="AG20031">
        <v>17</v>
      </c>
      <c r="AH20031">
        <v>18</v>
      </c>
      <c r="AI20031">
        <v>18</v>
      </c>
      <c r="AJ20031">
        <v>18</v>
      </c>
      <c r="AK20031">
        <v>18</v>
      </c>
      <c r="AL20031">
        <v>18</v>
      </c>
      <c r="AM20031">
        <v>18</v>
      </c>
      <c r="AN20031">
        <v>19</v>
      </c>
      <c r="AO20031">
        <v>19</v>
      </c>
      <c r="AP20031">
        <v>19</v>
      </c>
      <c r="AQ20031">
        <v>19</v>
      </c>
    </row>
    <row r="20032" spans="1:43">
      <c r="A20032" t="s">
        <v>12400</v>
      </c>
      <c r="B20032" t="s">
        <v>12401</v>
      </c>
      <c r="C20032" t="s">
        <v>12262</v>
      </c>
      <c r="D20032" t="s">
        <v>12263</v>
      </c>
      <c r="E20032" t="s">
        <v>12188</v>
      </c>
      <c r="F20032" t="s">
        <v>12189</v>
      </c>
      <c r="G20032" t="s">
        <v>10450</v>
      </c>
      <c r="H20032" t="s">
        <v>10451</v>
      </c>
      <c r="I20032" s="2">
        <v>1</v>
      </c>
      <c r="J20032" s="2">
        <v>0</v>
      </c>
      <c r="K20032" s="2">
        <v>0</v>
      </c>
      <c r="L20032" t="s">
        <v>120</v>
      </c>
      <c r="M20032" t="s">
        <v>89</v>
      </c>
      <c r="N20032" t="s">
        <v>90</v>
      </c>
      <c r="O20032" t="s">
        <v>85</v>
      </c>
      <c r="P20032" t="s">
        <v>86</v>
      </c>
      <c r="Q20032">
        <v>15</v>
      </c>
      <c r="R20032">
        <v>16</v>
      </c>
      <c r="S20032">
        <v>16</v>
      </c>
      <c r="T20032">
        <v>17</v>
      </c>
      <c r="U20032">
        <v>17</v>
      </c>
      <c r="V20032">
        <v>17</v>
      </c>
      <c r="W20032">
        <v>18</v>
      </c>
      <c r="X20032">
        <v>18</v>
      </c>
      <c r="Y20032">
        <v>19</v>
      </c>
      <c r="Z20032">
        <v>19</v>
      </c>
      <c r="AA20032">
        <v>19</v>
      </c>
      <c r="AB20032">
        <v>20</v>
      </c>
      <c r="AC20032">
        <v>20</v>
      </c>
      <c r="AD20032">
        <v>20</v>
      </c>
      <c r="AE20032">
        <v>21</v>
      </c>
      <c r="AF20032">
        <v>21</v>
      </c>
      <c r="AG20032">
        <v>21</v>
      </c>
      <c r="AH20032">
        <v>21</v>
      </c>
      <c r="AI20032">
        <v>21</v>
      </c>
      <c r="AJ20032">
        <v>21</v>
      </c>
      <c r="AK20032">
        <v>22</v>
      </c>
      <c r="AL20032">
        <v>22</v>
      </c>
      <c r="AM20032">
        <v>22</v>
      </c>
      <c r="AN20032">
        <v>22</v>
      </c>
      <c r="AO20032">
        <v>22</v>
      </c>
      <c r="AP20032">
        <v>22</v>
      </c>
      <c r="AQ20032">
        <v>22</v>
      </c>
    </row>
    <row r="20033" spans="1:43">
      <c r="A20033" t="s">
        <v>12400</v>
      </c>
      <c r="B20033" t="s">
        <v>12401</v>
      </c>
      <c r="C20033" t="s">
        <v>12262</v>
      </c>
      <c r="D20033" t="s">
        <v>12263</v>
      </c>
      <c r="E20033" t="s">
        <v>12188</v>
      </c>
      <c r="F20033" t="s">
        <v>12189</v>
      </c>
      <c r="G20033" t="s">
        <v>10450</v>
      </c>
      <c r="H20033" t="s">
        <v>10451</v>
      </c>
      <c r="I20033" s="2">
        <v>1</v>
      </c>
      <c r="J20033" s="2">
        <v>0</v>
      </c>
      <c r="K20033" s="2">
        <v>0</v>
      </c>
      <c r="L20033" t="s">
        <v>120</v>
      </c>
      <c r="M20033" t="s">
        <v>83</v>
      </c>
      <c r="N20033" t="s">
        <v>91</v>
      </c>
      <c r="O20033" t="s">
        <v>85</v>
      </c>
      <c r="P20033" t="s">
        <v>86</v>
      </c>
      <c r="Q20033">
        <v>15</v>
      </c>
      <c r="R20033">
        <v>15</v>
      </c>
      <c r="S20033">
        <v>16</v>
      </c>
      <c r="T20033">
        <v>16</v>
      </c>
      <c r="U20033">
        <v>16</v>
      </c>
      <c r="V20033">
        <v>17</v>
      </c>
      <c r="W20033">
        <v>17</v>
      </c>
      <c r="X20033">
        <v>17</v>
      </c>
      <c r="Y20033">
        <v>17</v>
      </c>
      <c r="Z20033">
        <v>18</v>
      </c>
      <c r="AA20033">
        <v>18</v>
      </c>
      <c r="AB20033">
        <v>18</v>
      </c>
      <c r="AC20033">
        <v>19</v>
      </c>
      <c r="AD20033">
        <v>19</v>
      </c>
      <c r="AE20033">
        <v>19</v>
      </c>
      <c r="AF20033">
        <v>20</v>
      </c>
      <c r="AG20033">
        <v>20</v>
      </c>
      <c r="AH20033">
        <v>20</v>
      </c>
      <c r="AI20033">
        <v>21</v>
      </c>
      <c r="AJ20033">
        <v>21</v>
      </c>
      <c r="AK20033">
        <v>21</v>
      </c>
      <c r="AL20033">
        <v>21</v>
      </c>
      <c r="AM20033">
        <v>22</v>
      </c>
      <c r="AN20033">
        <v>22</v>
      </c>
      <c r="AO20033">
        <v>22</v>
      </c>
      <c r="AP20033">
        <v>22</v>
      </c>
      <c r="AQ20033">
        <v>22</v>
      </c>
    </row>
    <row r="20034" spans="1:43">
      <c r="A20034" t="s">
        <v>12402</v>
      </c>
      <c r="B20034" t="s">
        <v>12403</v>
      </c>
      <c r="C20034" t="s">
        <v>12404</v>
      </c>
      <c r="D20034" t="s">
        <v>12405</v>
      </c>
      <c r="E20034" t="s">
        <v>12188</v>
      </c>
      <c r="F20034" t="s">
        <v>12189</v>
      </c>
      <c r="G20034" t="s">
        <v>10450</v>
      </c>
      <c r="H20034" t="s">
        <v>10451</v>
      </c>
      <c r="I20034" s="2">
        <v>1</v>
      </c>
      <c r="J20034" s="2">
        <v>0</v>
      </c>
      <c r="K20034" s="2">
        <v>0</v>
      </c>
      <c r="L20034" t="s">
        <v>120</v>
      </c>
      <c r="M20034" t="s">
        <v>83</v>
      </c>
      <c r="N20034" t="s">
        <v>84</v>
      </c>
      <c r="O20034" t="s">
        <v>85</v>
      </c>
      <c r="P20034" t="s">
        <v>86</v>
      </c>
      <c r="Q20034">
        <v>37</v>
      </c>
      <c r="R20034">
        <v>37</v>
      </c>
      <c r="S20034">
        <v>38</v>
      </c>
      <c r="T20034">
        <v>39</v>
      </c>
      <c r="U20034">
        <v>39</v>
      </c>
      <c r="V20034">
        <v>40</v>
      </c>
      <c r="W20034">
        <v>41</v>
      </c>
      <c r="X20034">
        <v>41</v>
      </c>
      <c r="Y20034">
        <v>42</v>
      </c>
      <c r="Z20034">
        <v>43</v>
      </c>
      <c r="AA20034">
        <v>44</v>
      </c>
      <c r="AB20034">
        <v>44</v>
      </c>
      <c r="AC20034">
        <v>45</v>
      </c>
      <c r="AD20034">
        <v>46</v>
      </c>
      <c r="AE20034">
        <v>47</v>
      </c>
      <c r="AF20034">
        <v>47</v>
      </c>
      <c r="AG20034">
        <v>48</v>
      </c>
      <c r="AH20034">
        <v>49</v>
      </c>
      <c r="AI20034">
        <v>50</v>
      </c>
      <c r="AJ20034">
        <v>50</v>
      </c>
      <c r="AK20034">
        <v>51</v>
      </c>
      <c r="AL20034">
        <v>52</v>
      </c>
      <c r="AM20034">
        <v>52</v>
      </c>
      <c r="AN20034">
        <v>52</v>
      </c>
      <c r="AO20034">
        <v>53</v>
      </c>
      <c r="AP20034">
        <v>53</v>
      </c>
      <c r="AQ20034">
        <v>53</v>
      </c>
    </row>
    <row r="20035" spans="1:43">
      <c r="A20035" t="s">
        <v>12402</v>
      </c>
      <c r="B20035" t="s">
        <v>12403</v>
      </c>
      <c r="C20035" t="s">
        <v>12404</v>
      </c>
      <c r="D20035" t="s">
        <v>12405</v>
      </c>
      <c r="E20035" t="s">
        <v>12188</v>
      </c>
      <c r="F20035" t="s">
        <v>12189</v>
      </c>
      <c r="G20035" t="s">
        <v>10450</v>
      </c>
      <c r="H20035" t="s">
        <v>10451</v>
      </c>
      <c r="I20035" s="2">
        <v>1</v>
      </c>
      <c r="J20035" s="2">
        <v>0</v>
      </c>
      <c r="K20035" s="2">
        <v>0</v>
      </c>
      <c r="L20035" t="s">
        <v>120</v>
      </c>
      <c r="M20035" t="s">
        <v>87</v>
      </c>
      <c r="N20035" t="s">
        <v>88</v>
      </c>
      <c r="O20035" t="s">
        <v>85</v>
      </c>
      <c r="P20035" t="s">
        <v>86</v>
      </c>
      <c r="Q20035">
        <v>37</v>
      </c>
      <c r="R20035">
        <v>38</v>
      </c>
      <c r="S20035">
        <v>38</v>
      </c>
      <c r="T20035">
        <v>38</v>
      </c>
      <c r="U20035">
        <v>39</v>
      </c>
      <c r="V20035">
        <v>39</v>
      </c>
      <c r="W20035">
        <v>39</v>
      </c>
      <c r="X20035">
        <v>40</v>
      </c>
      <c r="Y20035">
        <v>40</v>
      </c>
      <c r="Z20035">
        <v>40</v>
      </c>
      <c r="AA20035">
        <v>41</v>
      </c>
      <c r="AB20035">
        <v>41</v>
      </c>
      <c r="AC20035">
        <v>41</v>
      </c>
      <c r="AD20035">
        <v>42</v>
      </c>
      <c r="AE20035">
        <v>42</v>
      </c>
      <c r="AF20035">
        <v>43</v>
      </c>
      <c r="AG20035">
        <v>43</v>
      </c>
      <c r="AH20035">
        <v>43</v>
      </c>
      <c r="AI20035">
        <v>44</v>
      </c>
      <c r="AJ20035">
        <v>44</v>
      </c>
      <c r="AK20035">
        <v>45</v>
      </c>
      <c r="AL20035">
        <v>45</v>
      </c>
      <c r="AM20035">
        <v>45</v>
      </c>
      <c r="AN20035">
        <v>46</v>
      </c>
      <c r="AO20035">
        <v>46</v>
      </c>
      <c r="AP20035">
        <v>47</v>
      </c>
      <c r="AQ20035">
        <v>47</v>
      </c>
    </row>
    <row r="20036" spans="1:43">
      <c r="A20036" t="s">
        <v>12402</v>
      </c>
      <c r="B20036" t="s">
        <v>12403</v>
      </c>
      <c r="C20036" t="s">
        <v>12404</v>
      </c>
      <c r="D20036" t="s">
        <v>12405</v>
      </c>
      <c r="E20036" t="s">
        <v>12188</v>
      </c>
      <c r="F20036" t="s">
        <v>12189</v>
      </c>
      <c r="G20036" t="s">
        <v>10450</v>
      </c>
      <c r="H20036" t="s">
        <v>10451</v>
      </c>
      <c r="I20036" s="2">
        <v>1</v>
      </c>
      <c r="J20036" s="2">
        <v>0</v>
      </c>
      <c r="K20036" s="2">
        <v>0</v>
      </c>
      <c r="L20036" t="s">
        <v>120</v>
      </c>
      <c r="M20036" t="s">
        <v>89</v>
      </c>
      <c r="N20036" t="s">
        <v>90</v>
      </c>
      <c r="O20036" t="s">
        <v>85</v>
      </c>
      <c r="P20036" t="s">
        <v>86</v>
      </c>
      <c r="Q20036">
        <v>37</v>
      </c>
      <c r="R20036">
        <v>38</v>
      </c>
      <c r="S20036">
        <v>39</v>
      </c>
      <c r="T20036">
        <v>40</v>
      </c>
      <c r="U20036">
        <v>41</v>
      </c>
      <c r="V20036">
        <v>42</v>
      </c>
      <c r="W20036">
        <v>43</v>
      </c>
      <c r="X20036">
        <v>44</v>
      </c>
      <c r="Y20036">
        <v>45</v>
      </c>
      <c r="Z20036">
        <v>46</v>
      </c>
      <c r="AA20036">
        <v>47</v>
      </c>
      <c r="AB20036">
        <v>47</v>
      </c>
      <c r="AC20036">
        <v>48</v>
      </c>
      <c r="AD20036">
        <v>49</v>
      </c>
      <c r="AE20036">
        <v>50</v>
      </c>
      <c r="AF20036">
        <v>50</v>
      </c>
      <c r="AG20036">
        <v>51</v>
      </c>
      <c r="AH20036">
        <v>51</v>
      </c>
      <c r="AI20036">
        <v>51</v>
      </c>
      <c r="AJ20036">
        <v>51</v>
      </c>
      <c r="AK20036">
        <v>52</v>
      </c>
      <c r="AL20036">
        <v>52</v>
      </c>
      <c r="AM20036">
        <v>52</v>
      </c>
      <c r="AN20036">
        <v>53</v>
      </c>
      <c r="AO20036">
        <v>53</v>
      </c>
      <c r="AP20036">
        <v>53</v>
      </c>
      <c r="AQ20036">
        <v>54</v>
      </c>
    </row>
    <row r="20037" spans="1:43">
      <c r="A20037" t="s">
        <v>12402</v>
      </c>
      <c r="B20037" t="s">
        <v>12403</v>
      </c>
      <c r="C20037" t="s">
        <v>12404</v>
      </c>
      <c r="D20037" t="s">
        <v>12405</v>
      </c>
      <c r="E20037" t="s">
        <v>12188</v>
      </c>
      <c r="F20037" t="s">
        <v>12189</v>
      </c>
      <c r="G20037" t="s">
        <v>10450</v>
      </c>
      <c r="H20037" t="s">
        <v>10451</v>
      </c>
      <c r="I20037" s="2">
        <v>1</v>
      </c>
      <c r="J20037" s="2">
        <v>0</v>
      </c>
      <c r="K20037" s="2">
        <v>0</v>
      </c>
      <c r="L20037" t="s">
        <v>120</v>
      </c>
      <c r="M20037" t="s">
        <v>83</v>
      </c>
      <c r="N20037" t="s">
        <v>91</v>
      </c>
      <c r="O20037" t="s">
        <v>85</v>
      </c>
      <c r="P20037" t="s">
        <v>86</v>
      </c>
      <c r="Q20037">
        <v>37</v>
      </c>
      <c r="R20037">
        <v>37</v>
      </c>
      <c r="S20037">
        <v>38</v>
      </c>
      <c r="T20037">
        <v>39</v>
      </c>
      <c r="U20037">
        <v>39</v>
      </c>
      <c r="V20037">
        <v>40</v>
      </c>
      <c r="W20037">
        <v>41</v>
      </c>
      <c r="X20037">
        <v>41</v>
      </c>
      <c r="Y20037">
        <v>42</v>
      </c>
      <c r="Z20037">
        <v>43</v>
      </c>
      <c r="AA20037">
        <v>44</v>
      </c>
      <c r="AB20037">
        <v>44</v>
      </c>
      <c r="AC20037">
        <v>45</v>
      </c>
      <c r="AD20037">
        <v>46</v>
      </c>
      <c r="AE20037">
        <v>47</v>
      </c>
      <c r="AF20037">
        <v>47</v>
      </c>
      <c r="AG20037">
        <v>48</v>
      </c>
      <c r="AH20037">
        <v>49</v>
      </c>
      <c r="AI20037">
        <v>50</v>
      </c>
      <c r="AJ20037">
        <v>50</v>
      </c>
      <c r="AK20037">
        <v>51</v>
      </c>
      <c r="AL20037">
        <v>52</v>
      </c>
      <c r="AM20037">
        <v>52</v>
      </c>
      <c r="AN20037">
        <v>52</v>
      </c>
      <c r="AO20037">
        <v>53</v>
      </c>
      <c r="AP20037">
        <v>53</v>
      </c>
      <c r="AQ20037">
        <v>53</v>
      </c>
    </row>
    <row r="20038" spans="1:43">
      <c r="A20038" t="s">
        <v>12406</v>
      </c>
      <c r="B20038" t="s">
        <v>12407</v>
      </c>
      <c r="C20038" t="s">
        <v>12404</v>
      </c>
      <c r="D20038" t="s">
        <v>12405</v>
      </c>
      <c r="E20038" t="s">
        <v>12188</v>
      </c>
      <c r="F20038" t="s">
        <v>12189</v>
      </c>
      <c r="G20038" t="s">
        <v>10450</v>
      </c>
      <c r="H20038" t="s">
        <v>10451</v>
      </c>
      <c r="I20038" s="2">
        <v>1</v>
      </c>
      <c r="J20038" s="2">
        <v>0</v>
      </c>
      <c r="K20038" s="2">
        <v>0</v>
      </c>
      <c r="L20038" t="s">
        <v>120</v>
      </c>
      <c r="M20038" t="s">
        <v>83</v>
      </c>
      <c r="N20038" t="s">
        <v>84</v>
      </c>
      <c r="O20038" t="s">
        <v>85</v>
      </c>
      <c r="P20038" t="s">
        <v>86</v>
      </c>
      <c r="Q20038">
        <v>13</v>
      </c>
      <c r="R20038">
        <v>13</v>
      </c>
      <c r="S20038">
        <v>13</v>
      </c>
      <c r="T20038">
        <v>13</v>
      </c>
      <c r="U20038">
        <v>14</v>
      </c>
      <c r="V20038">
        <v>14</v>
      </c>
      <c r="W20038">
        <v>14</v>
      </c>
      <c r="X20038">
        <v>14</v>
      </c>
      <c r="Y20038">
        <v>15</v>
      </c>
      <c r="Z20038">
        <v>15</v>
      </c>
      <c r="AA20038">
        <v>15</v>
      </c>
      <c r="AB20038">
        <v>15</v>
      </c>
      <c r="AC20038">
        <v>16</v>
      </c>
      <c r="AD20038">
        <v>16</v>
      </c>
      <c r="AE20038">
        <v>16</v>
      </c>
      <c r="AF20038">
        <v>16</v>
      </c>
      <c r="AG20038">
        <v>17</v>
      </c>
      <c r="AH20038">
        <v>17</v>
      </c>
      <c r="AI20038">
        <v>17</v>
      </c>
      <c r="AJ20038">
        <v>18</v>
      </c>
      <c r="AK20038">
        <v>18</v>
      </c>
      <c r="AL20038">
        <v>18</v>
      </c>
      <c r="AM20038">
        <v>18</v>
      </c>
      <c r="AN20038">
        <v>18</v>
      </c>
      <c r="AO20038">
        <v>18</v>
      </c>
      <c r="AP20038">
        <v>18</v>
      </c>
      <c r="AQ20038">
        <v>18</v>
      </c>
    </row>
    <row r="20039" spans="1:43">
      <c r="A20039" t="s">
        <v>12406</v>
      </c>
      <c r="B20039" t="s">
        <v>12407</v>
      </c>
      <c r="C20039" t="s">
        <v>12404</v>
      </c>
      <c r="D20039" t="s">
        <v>12405</v>
      </c>
      <c r="E20039" t="s">
        <v>12188</v>
      </c>
      <c r="F20039" t="s">
        <v>12189</v>
      </c>
      <c r="G20039" t="s">
        <v>10450</v>
      </c>
      <c r="H20039" t="s">
        <v>10451</v>
      </c>
      <c r="I20039" s="2">
        <v>1</v>
      </c>
      <c r="J20039" s="2">
        <v>0</v>
      </c>
      <c r="K20039" s="2">
        <v>0</v>
      </c>
      <c r="L20039" t="s">
        <v>120</v>
      </c>
      <c r="M20039" t="s">
        <v>87</v>
      </c>
      <c r="N20039" t="s">
        <v>88</v>
      </c>
      <c r="O20039" t="s">
        <v>85</v>
      </c>
      <c r="P20039" t="s">
        <v>86</v>
      </c>
      <c r="Q20039">
        <v>13</v>
      </c>
      <c r="R20039">
        <v>13</v>
      </c>
      <c r="S20039">
        <v>13</v>
      </c>
      <c r="T20039">
        <v>13</v>
      </c>
      <c r="U20039">
        <v>13</v>
      </c>
      <c r="V20039">
        <v>13</v>
      </c>
      <c r="W20039">
        <v>13</v>
      </c>
      <c r="X20039">
        <v>13</v>
      </c>
      <c r="Y20039">
        <v>14</v>
      </c>
      <c r="Z20039">
        <v>14</v>
      </c>
      <c r="AA20039">
        <v>14</v>
      </c>
      <c r="AB20039">
        <v>14</v>
      </c>
      <c r="AC20039">
        <v>14</v>
      </c>
      <c r="AD20039">
        <v>14</v>
      </c>
      <c r="AE20039">
        <v>14</v>
      </c>
      <c r="AF20039">
        <v>14</v>
      </c>
      <c r="AG20039">
        <v>15</v>
      </c>
      <c r="AH20039">
        <v>15</v>
      </c>
      <c r="AI20039">
        <v>15</v>
      </c>
      <c r="AJ20039">
        <v>15</v>
      </c>
      <c r="AK20039">
        <v>15</v>
      </c>
      <c r="AL20039">
        <v>15</v>
      </c>
      <c r="AM20039">
        <v>15</v>
      </c>
      <c r="AN20039">
        <v>16</v>
      </c>
      <c r="AO20039">
        <v>16</v>
      </c>
      <c r="AP20039">
        <v>16</v>
      </c>
      <c r="AQ20039">
        <v>16</v>
      </c>
    </row>
    <row r="20040" spans="1:43">
      <c r="A20040" t="s">
        <v>12406</v>
      </c>
      <c r="B20040" t="s">
        <v>12407</v>
      </c>
      <c r="C20040" t="s">
        <v>12404</v>
      </c>
      <c r="D20040" t="s">
        <v>12405</v>
      </c>
      <c r="E20040" t="s">
        <v>12188</v>
      </c>
      <c r="F20040" t="s">
        <v>12189</v>
      </c>
      <c r="G20040" t="s">
        <v>10450</v>
      </c>
      <c r="H20040" t="s">
        <v>10451</v>
      </c>
      <c r="I20040" s="2">
        <v>1</v>
      </c>
      <c r="J20040" s="2">
        <v>0</v>
      </c>
      <c r="K20040" s="2">
        <v>0</v>
      </c>
      <c r="L20040" t="s">
        <v>120</v>
      </c>
      <c r="M20040" t="s">
        <v>89</v>
      </c>
      <c r="N20040" t="s">
        <v>90</v>
      </c>
      <c r="O20040" t="s">
        <v>85</v>
      </c>
      <c r="P20040" t="s">
        <v>86</v>
      </c>
      <c r="Q20040">
        <v>13</v>
      </c>
      <c r="R20040">
        <v>13</v>
      </c>
      <c r="S20040">
        <v>14</v>
      </c>
      <c r="T20040">
        <v>14</v>
      </c>
      <c r="U20040">
        <v>14</v>
      </c>
      <c r="V20040">
        <v>15</v>
      </c>
      <c r="W20040">
        <v>15</v>
      </c>
      <c r="X20040">
        <v>15</v>
      </c>
      <c r="Y20040">
        <v>16</v>
      </c>
      <c r="Z20040">
        <v>16</v>
      </c>
      <c r="AA20040">
        <v>16</v>
      </c>
      <c r="AB20040">
        <v>16</v>
      </c>
      <c r="AC20040">
        <v>17</v>
      </c>
      <c r="AD20040">
        <v>17</v>
      </c>
      <c r="AE20040">
        <v>17</v>
      </c>
      <c r="AF20040">
        <v>17</v>
      </c>
      <c r="AG20040">
        <v>18</v>
      </c>
      <c r="AH20040">
        <v>18</v>
      </c>
      <c r="AI20040">
        <v>18</v>
      </c>
      <c r="AJ20040">
        <v>18</v>
      </c>
      <c r="AK20040">
        <v>18</v>
      </c>
      <c r="AL20040">
        <v>18</v>
      </c>
      <c r="AM20040">
        <v>18</v>
      </c>
      <c r="AN20040">
        <v>18</v>
      </c>
      <c r="AO20040">
        <v>18</v>
      </c>
      <c r="AP20040">
        <v>18</v>
      </c>
      <c r="AQ20040">
        <v>19</v>
      </c>
    </row>
    <row r="20041" spans="1:43">
      <c r="A20041" t="s">
        <v>12406</v>
      </c>
      <c r="B20041" t="s">
        <v>12407</v>
      </c>
      <c r="C20041" t="s">
        <v>12404</v>
      </c>
      <c r="D20041" t="s">
        <v>12405</v>
      </c>
      <c r="E20041" t="s">
        <v>12188</v>
      </c>
      <c r="F20041" t="s">
        <v>12189</v>
      </c>
      <c r="G20041" t="s">
        <v>10450</v>
      </c>
      <c r="H20041" t="s">
        <v>10451</v>
      </c>
      <c r="I20041" s="2">
        <v>1</v>
      </c>
      <c r="J20041" s="2">
        <v>0</v>
      </c>
      <c r="K20041" s="2">
        <v>0</v>
      </c>
      <c r="L20041" t="s">
        <v>120</v>
      </c>
      <c r="M20041" t="s">
        <v>83</v>
      </c>
      <c r="N20041" t="s">
        <v>91</v>
      </c>
      <c r="O20041" t="s">
        <v>85</v>
      </c>
      <c r="P20041" t="s">
        <v>86</v>
      </c>
      <c r="Q20041">
        <v>13</v>
      </c>
      <c r="R20041">
        <v>13</v>
      </c>
      <c r="S20041">
        <v>13</v>
      </c>
      <c r="T20041">
        <v>13</v>
      </c>
      <c r="U20041">
        <v>14</v>
      </c>
      <c r="V20041">
        <v>14</v>
      </c>
      <c r="W20041">
        <v>14</v>
      </c>
      <c r="X20041">
        <v>14</v>
      </c>
      <c r="Y20041">
        <v>15</v>
      </c>
      <c r="Z20041">
        <v>15</v>
      </c>
      <c r="AA20041">
        <v>15</v>
      </c>
      <c r="AB20041">
        <v>15</v>
      </c>
      <c r="AC20041">
        <v>16</v>
      </c>
      <c r="AD20041">
        <v>16</v>
      </c>
      <c r="AE20041">
        <v>16</v>
      </c>
      <c r="AF20041">
        <v>16</v>
      </c>
      <c r="AG20041">
        <v>17</v>
      </c>
      <c r="AH20041">
        <v>17</v>
      </c>
      <c r="AI20041">
        <v>17</v>
      </c>
      <c r="AJ20041">
        <v>18</v>
      </c>
      <c r="AK20041">
        <v>18</v>
      </c>
      <c r="AL20041">
        <v>18</v>
      </c>
      <c r="AM20041">
        <v>18</v>
      </c>
      <c r="AN20041">
        <v>18</v>
      </c>
      <c r="AO20041">
        <v>18</v>
      </c>
      <c r="AP20041">
        <v>18</v>
      </c>
      <c r="AQ20041">
        <v>18</v>
      </c>
    </row>
    <row r="20042" spans="1:43">
      <c r="A20042" t="s">
        <v>12408</v>
      </c>
      <c r="B20042" t="s">
        <v>12409</v>
      </c>
      <c r="C20042" t="s">
        <v>12404</v>
      </c>
      <c r="D20042" t="s">
        <v>12405</v>
      </c>
      <c r="E20042" t="s">
        <v>12188</v>
      </c>
      <c r="F20042" t="s">
        <v>12189</v>
      </c>
      <c r="G20042" t="s">
        <v>10450</v>
      </c>
      <c r="H20042" t="s">
        <v>10451</v>
      </c>
      <c r="I20042" s="2">
        <v>1</v>
      </c>
      <c r="J20042" s="2">
        <v>0</v>
      </c>
      <c r="K20042" s="2">
        <v>0</v>
      </c>
      <c r="L20042" t="s">
        <v>120</v>
      </c>
      <c r="M20042" t="s">
        <v>83</v>
      </c>
      <c r="N20042" t="s">
        <v>84</v>
      </c>
      <c r="O20042" t="s">
        <v>85</v>
      </c>
      <c r="P20042" t="s">
        <v>86</v>
      </c>
      <c r="Q20042">
        <v>10</v>
      </c>
      <c r="R20042">
        <v>10</v>
      </c>
      <c r="S20042">
        <v>11</v>
      </c>
      <c r="T20042">
        <v>11</v>
      </c>
      <c r="U20042">
        <v>11</v>
      </c>
      <c r="V20042">
        <v>11</v>
      </c>
      <c r="W20042">
        <v>11</v>
      </c>
      <c r="X20042">
        <v>12</v>
      </c>
      <c r="Y20042">
        <v>12</v>
      </c>
      <c r="Z20042">
        <v>12</v>
      </c>
      <c r="AA20042">
        <v>12</v>
      </c>
      <c r="AB20042">
        <v>12</v>
      </c>
      <c r="AC20042">
        <v>13</v>
      </c>
      <c r="AD20042">
        <v>13</v>
      </c>
      <c r="AE20042">
        <v>13</v>
      </c>
      <c r="AF20042">
        <v>13</v>
      </c>
      <c r="AG20042">
        <v>13</v>
      </c>
      <c r="AH20042">
        <v>14</v>
      </c>
      <c r="AI20042">
        <v>14</v>
      </c>
      <c r="AJ20042">
        <v>14</v>
      </c>
      <c r="AK20042">
        <v>14</v>
      </c>
      <c r="AL20042">
        <v>14</v>
      </c>
      <c r="AM20042">
        <v>15</v>
      </c>
      <c r="AN20042">
        <v>15</v>
      </c>
      <c r="AO20042">
        <v>15</v>
      </c>
      <c r="AP20042">
        <v>15</v>
      </c>
      <c r="AQ20042">
        <v>15</v>
      </c>
    </row>
    <row r="20043" spans="1:43">
      <c r="A20043" t="s">
        <v>12408</v>
      </c>
      <c r="B20043" t="s">
        <v>12409</v>
      </c>
      <c r="C20043" t="s">
        <v>12404</v>
      </c>
      <c r="D20043" t="s">
        <v>12405</v>
      </c>
      <c r="E20043" t="s">
        <v>12188</v>
      </c>
      <c r="F20043" t="s">
        <v>12189</v>
      </c>
      <c r="G20043" t="s">
        <v>10450</v>
      </c>
      <c r="H20043" t="s">
        <v>10451</v>
      </c>
      <c r="I20043" s="2">
        <v>1</v>
      </c>
      <c r="J20043" s="2">
        <v>0</v>
      </c>
      <c r="K20043" s="2">
        <v>0</v>
      </c>
      <c r="L20043" t="s">
        <v>120</v>
      </c>
      <c r="M20043" t="s">
        <v>87</v>
      </c>
      <c r="N20043" t="s">
        <v>88</v>
      </c>
      <c r="O20043" t="s">
        <v>85</v>
      </c>
      <c r="P20043" t="s">
        <v>86</v>
      </c>
      <c r="Q20043">
        <v>10</v>
      </c>
      <c r="R20043">
        <v>10</v>
      </c>
      <c r="S20043">
        <v>10</v>
      </c>
      <c r="T20043">
        <v>10</v>
      </c>
      <c r="U20043">
        <v>11</v>
      </c>
      <c r="V20043">
        <v>11</v>
      </c>
      <c r="W20043">
        <v>11</v>
      </c>
      <c r="X20043">
        <v>11</v>
      </c>
      <c r="Y20043">
        <v>11</v>
      </c>
      <c r="Z20043">
        <v>11</v>
      </c>
      <c r="AA20043">
        <v>11</v>
      </c>
      <c r="AB20043">
        <v>11</v>
      </c>
      <c r="AC20043">
        <v>11</v>
      </c>
      <c r="AD20043">
        <v>11</v>
      </c>
      <c r="AE20043">
        <v>12</v>
      </c>
      <c r="AF20043">
        <v>12</v>
      </c>
      <c r="AG20043">
        <v>12</v>
      </c>
      <c r="AH20043">
        <v>12</v>
      </c>
      <c r="AI20043">
        <v>12</v>
      </c>
      <c r="AJ20043">
        <v>12</v>
      </c>
      <c r="AK20043">
        <v>12</v>
      </c>
      <c r="AL20043">
        <v>12</v>
      </c>
      <c r="AM20043">
        <v>12</v>
      </c>
      <c r="AN20043">
        <v>13</v>
      </c>
      <c r="AO20043">
        <v>13</v>
      </c>
      <c r="AP20043">
        <v>13</v>
      </c>
      <c r="AQ20043">
        <v>13</v>
      </c>
    </row>
    <row r="20044" spans="1:43">
      <c r="A20044" t="s">
        <v>12408</v>
      </c>
      <c r="B20044" t="s">
        <v>12409</v>
      </c>
      <c r="C20044" t="s">
        <v>12404</v>
      </c>
      <c r="D20044" t="s">
        <v>12405</v>
      </c>
      <c r="E20044" t="s">
        <v>12188</v>
      </c>
      <c r="F20044" t="s">
        <v>12189</v>
      </c>
      <c r="G20044" t="s">
        <v>10450</v>
      </c>
      <c r="H20044" t="s">
        <v>10451</v>
      </c>
      <c r="I20044" s="2">
        <v>1</v>
      </c>
      <c r="J20044" s="2">
        <v>0</v>
      </c>
      <c r="K20044" s="2">
        <v>0</v>
      </c>
      <c r="L20044" t="s">
        <v>120</v>
      </c>
      <c r="M20044" t="s">
        <v>89</v>
      </c>
      <c r="N20044" t="s">
        <v>90</v>
      </c>
      <c r="O20044" t="s">
        <v>85</v>
      </c>
      <c r="P20044" t="s">
        <v>86</v>
      </c>
      <c r="Q20044">
        <v>10</v>
      </c>
      <c r="R20044">
        <v>11</v>
      </c>
      <c r="S20044">
        <v>11</v>
      </c>
      <c r="T20044">
        <v>11</v>
      </c>
      <c r="U20044">
        <v>11</v>
      </c>
      <c r="V20044">
        <v>12</v>
      </c>
      <c r="W20044">
        <v>12</v>
      </c>
      <c r="X20044">
        <v>12</v>
      </c>
      <c r="Y20044">
        <v>12</v>
      </c>
      <c r="Z20044">
        <v>13</v>
      </c>
      <c r="AA20044">
        <v>13</v>
      </c>
      <c r="AB20044">
        <v>13</v>
      </c>
      <c r="AC20044">
        <v>14</v>
      </c>
      <c r="AD20044">
        <v>14</v>
      </c>
      <c r="AE20044">
        <v>14</v>
      </c>
      <c r="AF20044">
        <v>14</v>
      </c>
      <c r="AG20044">
        <v>14</v>
      </c>
      <c r="AH20044">
        <v>14</v>
      </c>
      <c r="AI20044">
        <v>14</v>
      </c>
      <c r="AJ20044">
        <v>14</v>
      </c>
      <c r="AK20044">
        <v>14</v>
      </c>
      <c r="AL20044">
        <v>15</v>
      </c>
      <c r="AM20044">
        <v>15</v>
      </c>
      <c r="AN20044">
        <v>15</v>
      </c>
      <c r="AO20044">
        <v>15</v>
      </c>
      <c r="AP20044">
        <v>15</v>
      </c>
      <c r="AQ20044">
        <v>15</v>
      </c>
    </row>
    <row r="20045" spans="1:43">
      <c r="A20045" t="s">
        <v>12408</v>
      </c>
      <c r="B20045" t="s">
        <v>12409</v>
      </c>
      <c r="C20045" t="s">
        <v>12404</v>
      </c>
      <c r="D20045" t="s">
        <v>12405</v>
      </c>
      <c r="E20045" t="s">
        <v>12188</v>
      </c>
      <c r="F20045" t="s">
        <v>12189</v>
      </c>
      <c r="G20045" t="s">
        <v>10450</v>
      </c>
      <c r="H20045" t="s">
        <v>10451</v>
      </c>
      <c r="I20045" s="2">
        <v>1</v>
      </c>
      <c r="J20045" s="2">
        <v>0</v>
      </c>
      <c r="K20045" s="2">
        <v>0</v>
      </c>
      <c r="L20045" t="s">
        <v>120</v>
      </c>
      <c r="M20045" t="s">
        <v>83</v>
      </c>
      <c r="N20045" t="s">
        <v>91</v>
      </c>
      <c r="O20045" t="s">
        <v>85</v>
      </c>
      <c r="P20045" t="s">
        <v>86</v>
      </c>
      <c r="Q20045">
        <v>10</v>
      </c>
      <c r="R20045">
        <v>10</v>
      </c>
      <c r="S20045">
        <v>11</v>
      </c>
      <c r="T20045">
        <v>11</v>
      </c>
      <c r="U20045">
        <v>11</v>
      </c>
      <c r="V20045">
        <v>11</v>
      </c>
      <c r="W20045">
        <v>11</v>
      </c>
      <c r="X20045">
        <v>12</v>
      </c>
      <c r="Y20045">
        <v>12</v>
      </c>
      <c r="Z20045">
        <v>12</v>
      </c>
      <c r="AA20045">
        <v>12</v>
      </c>
      <c r="AB20045">
        <v>12</v>
      </c>
      <c r="AC20045">
        <v>13</v>
      </c>
      <c r="AD20045">
        <v>13</v>
      </c>
      <c r="AE20045">
        <v>13</v>
      </c>
      <c r="AF20045">
        <v>13</v>
      </c>
      <c r="AG20045">
        <v>13</v>
      </c>
      <c r="AH20045">
        <v>14</v>
      </c>
      <c r="AI20045">
        <v>14</v>
      </c>
      <c r="AJ20045">
        <v>14</v>
      </c>
      <c r="AK20045">
        <v>14</v>
      </c>
      <c r="AL20045">
        <v>14</v>
      </c>
      <c r="AM20045">
        <v>15</v>
      </c>
      <c r="AN20045">
        <v>15</v>
      </c>
      <c r="AO20045">
        <v>15</v>
      </c>
      <c r="AP20045">
        <v>15</v>
      </c>
      <c r="AQ20045">
        <v>15</v>
      </c>
    </row>
    <row r="20046" spans="1:43">
      <c r="A20046" t="s">
        <v>12410</v>
      </c>
      <c r="B20046" t="s">
        <v>12411</v>
      </c>
      <c r="C20046" t="s">
        <v>12412</v>
      </c>
      <c r="D20046" t="s">
        <v>12413</v>
      </c>
      <c r="E20046" t="s">
        <v>12006</v>
      </c>
      <c r="F20046" t="s">
        <v>12007</v>
      </c>
      <c r="G20046" t="s">
        <v>10450</v>
      </c>
      <c r="H20046" t="s">
        <v>10451</v>
      </c>
      <c r="I20046" s="2">
        <v>1</v>
      </c>
      <c r="J20046" s="2">
        <v>0</v>
      </c>
      <c r="K20046" s="2">
        <v>0</v>
      </c>
      <c r="L20046" t="s">
        <v>120</v>
      </c>
      <c r="M20046" t="s">
        <v>83</v>
      </c>
      <c r="N20046" t="s">
        <v>84</v>
      </c>
      <c r="O20046" t="s">
        <v>85</v>
      </c>
      <c r="P20046" t="s">
        <v>86</v>
      </c>
      <c r="Q20046">
        <v>211</v>
      </c>
      <c r="R20046">
        <v>215</v>
      </c>
      <c r="S20046">
        <v>218</v>
      </c>
      <c r="T20046">
        <v>221</v>
      </c>
      <c r="U20046">
        <v>224</v>
      </c>
      <c r="V20046">
        <v>227</v>
      </c>
      <c r="W20046">
        <v>230</v>
      </c>
      <c r="X20046">
        <v>233</v>
      </c>
      <c r="Y20046">
        <v>236</v>
      </c>
      <c r="Z20046">
        <v>238</v>
      </c>
      <c r="AA20046">
        <v>241</v>
      </c>
      <c r="AB20046">
        <v>244</v>
      </c>
      <c r="AC20046">
        <v>247</v>
      </c>
      <c r="AD20046">
        <v>249</v>
      </c>
      <c r="AE20046">
        <v>252</v>
      </c>
      <c r="AF20046">
        <v>255</v>
      </c>
      <c r="AG20046">
        <v>258</v>
      </c>
      <c r="AH20046">
        <v>260</v>
      </c>
      <c r="AI20046">
        <v>263</v>
      </c>
      <c r="AJ20046">
        <v>266</v>
      </c>
      <c r="AK20046">
        <v>268</v>
      </c>
      <c r="AL20046">
        <v>269</v>
      </c>
      <c r="AM20046">
        <v>270</v>
      </c>
      <c r="AN20046">
        <v>270</v>
      </c>
      <c r="AO20046">
        <v>271</v>
      </c>
      <c r="AP20046">
        <v>271</v>
      </c>
      <c r="AQ20046">
        <v>271</v>
      </c>
    </row>
    <row r="20047" spans="1:43">
      <c r="A20047" t="s">
        <v>12410</v>
      </c>
      <c r="B20047" t="s">
        <v>12411</v>
      </c>
      <c r="C20047" t="s">
        <v>12412</v>
      </c>
      <c r="D20047" t="s">
        <v>12413</v>
      </c>
      <c r="E20047" t="s">
        <v>12006</v>
      </c>
      <c r="F20047" t="s">
        <v>12007</v>
      </c>
      <c r="G20047" t="s">
        <v>10450</v>
      </c>
      <c r="H20047" t="s">
        <v>10451</v>
      </c>
      <c r="I20047" s="2">
        <v>1</v>
      </c>
      <c r="J20047" s="2">
        <v>0</v>
      </c>
      <c r="K20047" s="2">
        <v>0</v>
      </c>
      <c r="L20047" t="s">
        <v>120</v>
      </c>
      <c r="M20047" t="s">
        <v>87</v>
      </c>
      <c r="N20047" t="s">
        <v>88</v>
      </c>
      <c r="O20047" t="s">
        <v>85</v>
      </c>
      <c r="P20047" t="s">
        <v>86</v>
      </c>
      <c r="Q20047">
        <v>211</v>
      </c>
      <c r="R20047">
        <v>213</v>
      </c>
      <c r="S20047">
        <v>214</v>
      </c>
      <c r="T20047">
        <v>215</v>
      </c>
      <c r="U20047">
        <v>216</v>
      </c>
      <c r="V20047">
        <v>217</v>
      </c>
      <c r="W20047">
        <v>218</v>
      </c>
      <c r="X20047">
        <v>219</v>
      </c>
      <c r="Y20047">
        <v>220</v>
      </c>
      <c r="Z20047">
        <v>221</v>
      </c>
      <c r="AA20047">
        <v>222</v>
      </c>
      <c r="AB20047">
        <v>223</v>
      </c>
      <c r="AC20047">
        <v>224</v>
      </c>
      <c r="AD20047">
        <v>225</v>
      </c>
      <c r="AE20047">
        <v>226</v>
      </c>
      <c r="AF20047">
        <v>227</v>
      </c>
      <c r="AG20047">
        <v>228</v>
      </c>
      <c r="AH20047">
        <v>229</v>
      </c>
      <c r="AI20047">
        <v>230</v>
      </c>
      <c r="AJ20047">
        <v>231</v>
      </c>
      <c r="AK20047">
        <v>232</v>
      </c>
      <c r="AL20047">
        <v>233</v>
      </c>
      <c r="AM20047">
        <v>234</v>
      </c>
      <c r="AN20047">
        <v>234</v>
      </c>
      <c r="AO20047">
        <v>235</v>
      </c>
      <c r="AP20047">
        <v>236</v>
      </c>
      <c r="AQ20047">
        <v>237</v>
      </c>
    </row>
    <row r="20048" spans="1:43">
      <c r="A20048" t="s">
        <v>12410</v>
      </c>
      <c r="B20048" t="s">
        <v>12411</v>
      </c>
      <c r="C20048" t="s">
        <v>12412</v>
      </c>
      <c r="D20048" t="s">
        <v>12413</v>
      </c>
      <c r="E20048" t="s">
        <v>12006</v>
      </c>
      <c r="F20048" t="s">
        <v>12007</v>
      </c>
      <c r="G20048" t="s">
        <v>10450</v>
      </c>
      <c r="H20048" t="s">
        <v>10451</v>
      </c>
      <c r="I20048" s="2">
        <v>1</v>
      </c>
      <c r="J20048" s="2">
        <v>0</v>
      </c>
      <c r="K20048" s="2">
        <v>0</v>
      </c>
      <c r="L20048" t="s">
        <v>120</v>
      </c>
      <c r="M20048" t="s">
        <v>89</v>
      </c>
      <c r="N20048" t="s">
        <v>90</v>
      </c>
      <c r="O20048" t="s">
        <v>85</v>
      </c>
      <c r="P20048" t="s">
        <v>86</v>
      </c>
      <c r="Q20048">
        <v>211</v>
      </c>
      <c r="R20048">
        <v>216</v>
      </c>
      <c r="S20048">
        <v>221</v>
      </c>
      <c r="T20048">
        <v>226</v>
      </c>
      <c r="U20048">
        <v>231</v>
      </c>
      <c r="V20048">
        <v>235</v>
      </c>
      <c r="W20048">
        <v>239</v>
      </c>
      <c r="X20048">
        <v>243</v>
      </c>
      <c r="Y20048">
        <v>247</v>
      </c>
      <c r="Z20048">
        <v>251</v>
      </c>
      <c r="AA20048">
        <v>254</v>
      </c>
      <c r="AB20048">
        <v>258</v>
      </c>
      <c r="AC20048">
        <v>262</v>
      </c>
      <c r="AD20048">
        <v>266</v>
      </c>
      <c r="AE20048">
        <v>268</v>
      </c>
      <c r="AF20048">
        <v>269</v>
      </c>
      <c r="AG20048">
        <v>269</v>
      </c>
      <c r="AH20048">
        <v>270</v>
      </c>
      <c r="AI20048">
        <v>270</v>
      </c>
      <c r="AJ20048">
        <v>270</v>
      </c>
      <c r="AK20048">
        <v>271</v>
      </c>
      <c r="AL20048">
        <v>271</v>
      </c>
      <c r="AM20048">
        <v>272</v>
      </c>
      <c r="AN20048">
        <v>272</v>
      </c>
      <c r="AO20048">
        <v>272</v>
      </c>
      <c r="AP20048">
        <v>272</v>
      </c>
      <c r="AQ20048">
        <v>273</v>
      </c>
    </row>
    <row r="20049" spans="1:43">
      <c r="A20049" t="s">
        <v>12410</v>
      </c>
      <c r="B20049" t="s">
        <v>12411</v>
      </c>
      <c r="C20049" t="s">
        <v>12412</v>
      </c>
      <c r="D20049" t="s">
        <v>12413</v>
      </c>
      <c r="E20049" t="s">
        <v>12006</v>
      </c>
      <c r="F20049" t="s">
        <v>12007</v>
      </c>
      <c r="G20049" t="s">
        <v>10450</v>
      </c>
      <c r="H20049" t="s">
        <v>10451</v>
      </c>
      <c r="I20049" s="2">
        <v>1</v>
      </c>
      <c r="J20049" s="2">
        <v>0</v>
      </c>
      <c r="K20049" s="2">
        <v>0</v>
      </c>
      <c r="L20049" t="s">
        <v>120</v>
      </c>
      <c r="M20049" t="s">
        <v>83</v>
      </c>
      <c r="N20049" t="s">
        <v>91</v>
      </c>
      <c r="O20049" t="s">
        <v>85</v>
      </c>
      <c r="P20049" t="s">
        <v>86</v>
      </c>
      <c r="Q20049">
        <v>211</v>
      </c>
      <c r="R20049">
        <v>215</v>
      </c>
      <c r="S20049">
        <v>218</v>
      </c>
      <c r="T20049">
        <v>221</v>
      </c>
      <c r="U20049">
        <v>224</v>
      </c>
      <c r="V20049">
        <v>227</v>
      </c>
      <c r="W20049">
        <v>230</v>
      </c>
      <c r="X20049">
        <v>233</v>
      </c>
      <c r="Y20049">
        <v>236</v>
      </c>
      <c r="Z20049">
        <v>238</v>
      </c>
      <c r="AA20049">
        <v>241</v>
      </c>
      <c r="AB20049">
        <v>244</v>
      </c>
      <c r="AC20049">
        <v>247</v>
      </c>
      <c r="AD20049">
        <v>249</v>
      </c>
      <c r="AE20049">
        <v>252</v>
      </c>
      <c r="AF20049">
        <v>255</v>
      </c>
      <c r="AG20049">
        <v>258</v>
      </c>
      <c r="AH20049">
        <v>260</v>
      </c>
      <c r="AI20049">
        <v>263</v>
      </c>
      <c r="AJ20049">
        <v>266</v>
      </c>
      <c r="AK20049">
        <v>268</v>
      </c>
      <c r="AL20049">
        <v>269</v>
      </c>
      <c r="AM20049">
        <v>270</v>
      </c>
      <c r="AN20049">
        <v>270</v>
      </c>
      <c r="AO20049">
        <v>271</v>
      </c>
      <c r="AP20049">
        <v>271</v>
      </c>
      <c r="AQ20049">
        <v>271</v>
      </c>
    </row>
    <row r="20050" spans="1:43">
      <c r="A20050" t="s">
        <v>12414</v>
      </c>
      <c r="B20050" t="s">
        <v>12415</v>
      </c>
      <c r="C20050" t="s">
        <v>12412</v>
      </c>
      <c r="D20050" t="s">
        <v>12413</v>
      </c>
      <c r="E20050" t="s">
        <v>12006</v>
      </c>
      <c r="F20050" t="s">
        <v>12007</v>
      </c>
      <c r="G20050" t="s">
        <v>10450</v>
      </c>
      <c r="H20050" t="s">
        <v>10451</v>
      </c>
      <c r="I20050" s="2">
        <v>1</v>
      </c>
      <c r="J20050" s="2">
        <v>0</v>
      </c>
      <c r="K20050" s="2">
        <v>0</v>
      </c>
      <c r="L20050" t="s">
        <v>120</v>
      </c>
      <c r="M20050" t="s">
        <v>83</v>
      </c>
      <c r="N20050" t="s">
        <v>84</v>
      </c>
      <c r="O20050" t="s">
        <v>85</v>
      </c>
      <c r="P20050" t="s">
        <v>86</v>
      </c>
      <c r="Q20050">
        <v>11</v>
      </c>
      <c r="R20050">
        <v>12</v>
      </c>
      <c r="S20050">
        <v>12</v>
      </c>
      <c r="T20050">
        <v>12</v>
      </c>
      <c r="U20050">
        <v>12</v>
      </c>
      <c r="V20050">
        <v>12</v>
      </c>
      <c r="W20050">
        <v>12</v>
      </c>
      <c r="X20050">
        <v>13</v>
      </c>
      <c r="Y20050">
        <v>13</v>
      </c>
      <c r="Z20050">
        <v>13</v>
      </c>
      <c r="AA20050">
        <v>13</v>
      </c>
      <c r="AB20050">
        <v>13</v>
      </c>
      <c r="AC20050">
        <v>13</v>
      </c>
      <c r="AD20050">
        <v>13</v>
      </c>
      <c r="AE20050">
        <v>14</v>
      </c>
      <c r="AF20050">
        <v>14</v>
      </c>
      <c r="AG20050">
        <v>14</v>
      </c>
      <c r="AH20050">
        <v>14</v>
      </c>
      <c r="AI20050">
        <v>14</v>
      </c>
      <c r="AJ20050">
        <v>14</v>
      </c>
      <c r="AK20050">
        <v>14</v>
      </c>
      <c r="AL20050">
        <v>14</v>
      </c>
      <c r="AM20050">
        <v>14</v>
      </c>
      <c r="AN20050">
        <v>14</v>
      </c>
      <c r="AO20050">
        <v>14</v>
      </c>
      <c r="AP20050">
        <v>14</v>
      </c>
      <c r="AQ20050">
        <v>14</v>
      </c>
    </row>
    <row r="20051" spans="1:43">
      <c r="A20051" t="s">
        <v>12414</v>
      </c>
      <c r="B20051" t="s">
        <v>12415</v>
      </c>
      <c r="C20051" t="s">
        <v>12412</v>
      </c>
      <c r="D20051" t="s">
        <v>12413</v>
      </c>
      <c r="E20051" t="s">
        <v>12006</v>
      </c>
      <c r="F20051" t="s">
        <v>12007</v>
      </c>
      <c r="G20051" t="s">
        <v>10450</v>
      </c>
      <c r="H20051" t="s">
        <v>10451</v>
      </c>
      <c r="I20051" s="2">
        <v>1</v>
      </c>
      <c r="J20051" s="2">
        <v>0</v>
      </c>
      <c r="K20051" s="2">
        <v>0</v>
      </c>
      <c r="L20051" t="s">
        <v>120</v>
      </c>
      <c r="M20051" t="s">
        <v>87</v>
      </c>
      <c r="N20051" t="s">
        <v>88</v>
      </c>
      <c r="O20051" t="s">
        <v>85</v>
      </c>
      <c r="P20051" t="s">
        <v>86</v>
      </c>
      <c r="Q20051">
        <v>11</v>
      </c>
      <c r="R20051">
        <v>11</v>
      </c>
      <c r="S20051">
        <v>11</v>
      </c>
      <c r="T20051">
        <v>11</v>
      </c>
      <c r="U20051">
        <v>11</v>
      </c>
      <c r="V20051">
        <v>12</v>
      </c>
      <c r="W20051">
        <v>12</v>
      </c>
      <c r="X20051">
        <v>12</v>
      </c>
      <c r="Y20051">
        <v>12</v>
      </c>
      <c r="Z20051">
        <v>12</v>
      </c>
      <c r="AA20051">
        <v>12</v>
      </c>
      <c r="AB20051">
        <v>12</v>
      </c>
      <c r="AC20051">
        <v>12</v>
      </c>
      <c r="AD20051">
        <v>12</v>
      </c>
      <c r="AE20051">
        <v>12</v>
      </c>
      <c r="AF20051">
        <v>12</v>
      </c>
      <c r="AG20051">
        <v>12</v>
      </c>
      <c r="AH20051">
        <v>12</v>
      </c>
      <c r="AI20051">
        <v>12</v>
      </c>
      <c r="AJ20051">
        <v>12</v>
      </c>
      <c r="AK20051">
        <v>12</v>
      </c>
      <c r="AL20051">
        <v>12</v>
      </c>
      <c r="AM20051">
        <v>12</v>
      </c>
      <c r="AN20051">
        <v>12</v>
      </c>
      <c r="AO20051">
        <v>13</v>
      </c>
      <c r="AP20051">
        <v>13</v>
      </c>
      <c r="AQ20051">
        <v>13</v>
      </c>
    </row>
    <row r="20052" spans="1:43">
      <c r="A20052" t="s">
        <v>12414</v>
      </c>
      <c r="B20052" t="s">
        <v>12415</v>
      </c>
      <c r="C20052" t="s">
        <v>12412</v>
      </c>
      <c r="D20052" t="s">
        <v>12413</v>
      </c>
      <c r="E20052" t="s">
        <v>12006</v>
      </c>
      <c r="F20052" t="s">
        <v>12007</v>
      </c>
      <c r="G20052" t="s">
        <v>10450</v>
      </c>
      <c r="H20052" t="s">
        <v>10451</v>
      </c>
      <c r="I20052" s="2">
        <v>1</v>
      </c>
      <c r="J20052" s="2">
        <v>0</v>
      </c>
      <c r="K20052" s="2">
        <v>0</v>
      </c>
      <c r="L20052" t="s">
        <v>120</v>
      </c>
      <c r="M20052" t="s">
        <v>89</v>
      </c>
      <c r="N20052" t="s">
        <v>90</v>
      </c>
      <c r="O20052" t="s">
        <v>85</v>
      </c>
      <c r="P20052" t="s">
        <v>86</v>
      </c>
      <c r="Q20052">
        <v>11</v>
      </c>
      <c r="R20052">
        <v>12</v>
      </c>
      <c r="S20052">
        <v>12</v>
      </c>
      <c r="T20052">
        <v>12</v>
      </c>
      <c r="U20052">
        <v>13</v>
      </c>
      <c r="V20052">
        <v>13</v>
      </c>
      <c r="W20052">
        <v>13</v>
      </c>
      <c r="X20052">
        <v>13</v>
      </c>
      <c r="Y20052">
        <v>13</v>
      </c>
      <c r="Z20052">
        <v>14</v>
      </c>
      <c r="AA20052">
        <v>14</v>
      </c>
      <c r="AB20052">
        <v>14</v>
      </c>
      <c r="AC20052">
        <v>14</v>
      </c>
      <c r="AD20052">
        <v>14</v>
      </c>
      <c r="AE20052">
        <v>15</v>
      </c>
      <c r="AF20052">
        <v>15</v>
      </c>
      <c r="AG20052">
        <v>15</v>
      </c>
      <c r="AH20052">
        <v>15</v>
      </c>
      <c r="AI20052">
        <v>15</v>
      </c>
      <c r="AJ20052">
        <v>15</v>
      </c>
      <c r="AK20052">
        <v>15</v>
      </c>
      <c r="AL20052">
        <v>15</v>
      </c>
      <c r="AM20052">
        <v>15</v>
      </c>
      <c r="AN20052">
        <v>15</v>
      </c>
      <c r="AO20052">
        <v>15</v>
      </c>
      <c r="AP20052">
        <v>15</v>
      </c>
      <c r="AQ20052">
        <v>15</v>
      </c>
    </row>
    <row r="20053" spans="1:43">
      <c r="A20053" t="s">
        <v>12414</v>
      </c>
      <c r="B20053" t="s">
        <v>12415</v>
      </c>
      <c r="C20053" t="s">
        <v>12412</v>
      </c>
      <c r="D20053" t="s">
        <v>12413</v>
      </c>
      <c r="E20053" t="s">
        <v>12006</v>
      </c>
      <c r="F20053" t="s">
        <v>12007</v>
      </c>
      <c r="G20053" t="s">
        <v>10450</v>
      </c>
      <c r="H20053" t="s">
        <v>10451</v>
      </c>
      <c r="I20053" s="2">
        <v>1</v>
      </c>
      <c r="J20053" s="2">
        <v>0</v>
      </c>
      <c r="K20053" s="2">
        <v>0</v>
      </c>
      <c r="L20053" t="s">
        <v>120</v>
      </c>
      <c r="M20053" t="s">
        <v>83</v>
      </c>
      <c r="N20053" t="s">
        <v>91</v>
      </c>
      <c r="O20053" t="s">
        <v>85</v>
      </c>
      <c r="P20053" t="s">
        <v>86</v>
      </c>
      <c r="Q20053">
        <v>11</v>
      </c>
      <c r="R20053">
        <v>12</v>
      </c>
      <c r="S20053">
        <v>12</v>
      </c>
      <c r="T20053">
        <v>12</v>
      </c>
      <c r="U20053">
        <v>12</v>
      </c>
      <c r="V20053">
        <v>12</v>
      </c>
      <c r="W20053">
        <v>12</v>
      </c>
      <c r="X20053">
        <v>13</v>
      </c>
      <c r="Y20053">
        <v>13</v>
      </c>
      <c r="Z20053">
        <v>13</v>
      </c>
      <c r="AA20053">
        <v>13</v>
      </c>
      <c r="AB20053">
        <v>13</v>
      </c>
      <c r="AC20053">
        <v>13</v>
      </c>
      <c r="AD20053">
        <v>13</v>
      </c>
      <c r="AE20053">
        <v>14</v>
      </c>
      <c r="AF20053">
        <v>14</v>
      </c>
      <c r="AG20053">
        <v>14</v>
      </c>
      <c r="AH20053">
        <v>14</v>
      </c>
      <c r="AI20053">
        <v>14</v>
      </c>
      <c r="AJ20053">
        <v>14</v>
      </c>
      <c r="AK20053">
        <v>14</v>
      </c>
      <c r="AL20053">
        <v>14</v>
      </c>
      <c r="AM20053">
        <v>14</v>
      </c>
      <c r="AN20053">
        <v>14</v>
      </c>
      <c r="AO20053">
        <v>14</v>
      </c>
      <c r="AP20053">
        <v>14</v>
      </c>
      <c r="AQ20053">
        <v>14</v>
      </c>
    </row>
    <row r="20054" spans="1:43">
      <c r="A20054" t="s">
        <v>12416</v>
      </c>
      <c r="B20054" t="s">
        <v>12417</v>
      </c>
      <c r="C20054" t="s">
        <v>12412</v>
      </c>
      <c r="D20054" t="s">
        <v>12413</v>
      </c>
      <c r="E20054" t="s">
        <v>12006</v>
      </c>
      <c r="F20054" t="s">
        <v>12007</v>
      </c>
      <c r="G20054" t="s">
        <v>10450</v>
      </c>
      <c r="H20054" t="s">
        <v>10451</v>
      </c>
      <c r="I20054" s="2">
        <v>1</v>
      </c>
      <c r="J20054" s="2">
        <v>0</v>
      </c>
      <c r="K20054" s="2">
        <v>0</v>
      </c>
      <c r="L20054" t="s">
        <v>120</v>
      </c>
      <c r="M20054" t="s">
        <v>83</v>
      </c>
      <c r="N20054" t="s">
        <v>84</v>
      </c>
      <c r="O20054" t="s">
        <v>85</v>
      </c>
      <c r="P20054" t="s">
        <v>86</v>
      </c>
      <c r="Q20054">
        <v>46</v>
      </c>
      <c r="R20054">
        <v>47</v>
      </c>
      <c r="S20054">
        <v>48</v>
      </c>
      <c r="T20054">
        <v>48</v>
      </c>
      <c r="U20054">
        <v>49</v>
      </c>
      <c r="V20054">
        <v>50</v>
      </c>
      <c r="W20054">
        <v>50</v>
      </c>
      <c r="X20054">
        <v>51</v>
      </c>
      <c r="Y20054">
        <v>52</v>
      </c>
      <c r="Z20054">
        <v>52</v>
      </c>
      <c r="AA20054">
        <v>53</v>
      </c>
      <c r="AB20054">
        <v>54</v>
      </c>
      <c r="AC20054">
        <v>54</v>
      </c>
      <c r="AD20054">
        <v>55</v>
      </c>
      <c r="AE20054">
        <v>55</v>
      </c>
      <c r="AF20054">
        <v>56</v>
      </c>
      <c r="AG20054">
        <v>57</v>
      </c>
      <c r="AH20054">
        <v>57</v>
      </c>
      <c r="AI20054">
        <v>58</v>
      </c>
      <c r="AJ20054">
        <v>58</v>
      </c>
      <c r="AK20054">
        <v>59</v>
      </c>
      <c r="AL20054">
        <v>59</v>
      </c>
      <c r="AM20054">
        <v>59</v>
      </c>
      <c r="AN20054">
        <v>59</v>
      </c>
      <c r="AO20054">
        <v>59</v>
      </c>
      <c r="AP20054">
        <v>59</v>
      </c>
      <c r="AQ20054">
        <v>59</v>
      </c>
    </row>
    <row r="20055" spans="1:43">
      <c r="A20055" t="s">
        <v>12416</v>
      </c>
      <c r="B20055" t="s">
        <v>12417</v>
      </c>
      <c r="C20055" t="s">
        <v>12412</v>
      </c>
      <c r="D20055" t="s">
        <v>12413</v>
      </c>
      <c r="E20055" t="s">
        <v>12006</v>
      </c>
      <c r="F20055" t="s">
        <v>12007</v>
      </c>
      <c r="G20055" t="s">
        <v>10450</v>
      </c>
      <c r="H20055" t="s">
        <v>10451</v>
      </c>
      <c r="I20055" s="2">
        <v>1</v>
      </c>
      <c r="J20055" s="2">
        <v>0</v>
      </c>
      <c r="K20055" s="2">
        <v>0</v>
      </c>
      <c r="L20055" t="s">
        <v>120</v>
      </c>
      <c r="M20055" t="s">
        <v>87</v>
      </c>
      <c r="N20055" t="s">
        <v>88</v>
      </c>
      <c r="O20055" t="s">
        <v>85</v>
      </c>
      <c r="P20055" t="s">
        <v>86</v>
      </c>
      <c r="Q20055">
        <v>46</v>
      </c>
      <c r="R20055">
        <v>46</v>
      </c>
      <c r="S20055">
        <v>46</v>
      </c>
      <c r="T20055">
        <v>47</v>
      </c>
      <c r="U20055">
        <v>47</v>
      </c>
      <c r="V20055">
        <v>47</v>
      </c>
      <c r="W20055">
        <v>47</v>
      </c>
      <c r="X20055">
        <v>48</v>
      </c>
      <c r="Y20055">
        <v>48</v>
      </c>
      <c r="Z20055">
        <v>48</v>
      </c>
      <c r="AA20055">
        <v>48</v>
      </c>
      <c r="AB20055">
        <v>48</v>
      </c>
      <c r="AC20055">
        <v>49</v>
      </c>
      <c r="AD20055">
        <v>49</v>
      </c>
      <c r="AE20055">
        <v>49</v>
      </c>
      <c r="AF20055">
        <v>49</v>
      </c>
      <c r="AG20055">
        <v>50</v>
      </c>
      <c r="AH20055">
        <v>50</v>
      </c>
      <c r="AI20055">
        <v>50</v>
      </c>
      <c r="AJ20055">
        <v>50</v>
      </c>
      <c r="AK20055">
        <v>50</v>
      </c>
      <c r="AL20055">
        <v>51</v>
      </c>
      <c r="AM20055">
        <v>51</v>
      </c>
      <c r="AN20055">
        <v>51</v>
      </c>
      <c r="AO20055">
        <v>51</v>
      </c>
      <c r="AP20055">
        <v>51</v>
      </c>
      <c r="AQ20055">
        <v>52</v>
      </c>
    </row>
    <row r="20056" spans="1:43">
      <c r="A20056" t="s">
        <v>12416</v>
      </c>
      <c r="B20056" t="s">
        <v>12417</v>
      </c>
      <c r="C20056" t="s">
        <v>12412</v>
      </c>
      <c r="D20056" t="s">
        <v>12413</v>
      </c>
      <c r="E20056" t="s">
        <v>12006</v>
      </c>
      <c r="F20056" t="s">
        <v>12007</v>
      </c>
      <c r="G20056" t="s">
        <v>10450</v>
      </c>
      <c r="H20056" t="s">
        <v>10451</v>
      </c>
      <c r="I20056" s="2">
        <v>1</v>
      </c>
      <c r="J20056" s="2">
        <v>0</v>
      </c>
      <c r="K20056" s="2">
        <v>0</v>
      </c>
      <c r="L20056" t="s">
        <v>120</v>
      </c>
      <c r="M20056" t="s">
        <v>89</v>
      </c>
      <c r="N20056" t="s">
        <v>90</v>
      </c>
      <c r="O20056" t="s">
        <v>85</v>
      </c>
      <c r="P20056" t="s">
        <v>86</v>
      </c>
      <c r="Q20056">
        <v>46</v>
      </c>
      <c r="R20056">
        <v>47</v>
      </c>
      <c r="S20056">
        <v>48</v>
      </c>
      <c r="T20056">
        <v>49</v>
      </c>
      <c r="U20056">
        <v>50</v>
      </c>
      <c r="V20056">
        <v>51</v>
      </c>
      <c r="W20056">
        <v>52</v>
      </c>
      <c r="X20056">
        <v>53</v>
      </c>
      <c r="Y20056">
        <v>54</v>
      </c>
      <c r="Z20056">
        <v>54</v>
      </c>
      <c r="AA20056">
        <v>55</v>
      </c>
      <c r="AB20056">
        <v>56</v>
      </c>
      <c r="AC20056">
        <v>57</v>
      </c>
      <c r="AD20056">
        <v>58</v>
      </c>
      <c r="AE20056">
        <v>58</v>
      </c>
      <c r="AF20056">
        <v>58</v>
      </c>
      <c r="AG20056">
        <v>58</v>
      </c>
      <c r="AH20056">
        <v>59</v>
      </c>
      <c r="AI20056">
        <v>59</v>
      </c>
      <c r="AJ20056">
        <v>59</v>
      </c>
      <c r="AK20056">
        <v>59</v>
      </c>
      <c r="AL20056">
        <v>59</v>
      </c>
      <c r="AM20056">
        <v>59</v>
      </c>
      <c r="AN20056">
        <v>59</v>
      </c>
      <c r="AO20056">
        <v>59</v>
      </c>
      <c r="AP20056">
        <v>59</v>
      </c>
      <c r="AQ20056">
        <v>59</v>
      </c>
    </row>
    <row r="20057" spans="1:43">
      <c r="A20057" t="s">
        <v>12416</v>
      </c>
      <c r="B20057" t="s">
        <v>12417</v>
      </c>
      <c r="C20057" t="s">
        <v>12412</v>
      </c>
      <c r="D20057" t="s">
        <v>12413</v>
      </c>
      <c r="E20057" t="s">
        <v>12006</v>
      </c>
      <c r="F20057" t="s">
        <v>12007</v>
      </c>
      <c r="G20057" t="s">
        <v>10450</v>
      </c>
      <c r="H20057" t="s">
        <v>10451</v>
      </c>
      <c r="I20057" s="2">
        <v>1</v>
      </c>
      <c r="J20057" s="2">
        <v>0</v>
      </c>
      <c r="K20057" s="2">
        <v>0</v>
      </c>
      <c r="L20057" t="s">
        <v>120</v>
      </c>
      <c r="M20057" t="s">
        <v>83</v>
      </c>
      <c r="N20057" t="s">
        <v>91</v>
      </c>
      <c r="O20057" t="s">
        <v>85</v>
      </c>
      <c r="P20057" t="s">
        <v>86</v>
      </c>
      <c r="Q20057">
        <v>46</v>
      </c>
      <c r="R20057">
        <v>47</v>
      </c>
      <c r="S20057">
        <v>48</v>
      </c>
      <c r="T20057">
        <v>48</v>
      </c>
      <c r="U20057">
        <v>49</v>
      </c>
      <c r="V20057">
        <v>50</v>
      </c>
      <c r="W20057">
        <v>50</v>
      </c>
      <c r="X20057">
        <v>51</v>
      </c>
      <c r="Y20057">
        <v>52</v>
      </c>
      <c r="Z20057">
        <v>52</v>
      </c>
      <c r="AA20057">
        <v>53</v>
      </c>
      <c r="AB20057">
        <v>54</v>
      </c>
      <c r="AC20057">
        <v>54</v>
      </c>
      <c r="AD20057">
        <v>55</v>
      </c>
      <c r="AE20057">
        <v>55</v>
      </c>
      <c r="AF20057">
        <v>56</v>
      </c>
      <c r="AG20057">
        <v>57</v>
      </c>
      <c r="AH20057">
        <v>57</v>
      </c>
      <c r="AI20057">
        <v>58</v>
      </c>
      <c r="AJ20057">
        <v>58</v>
      </c>
      <c r="AK20057">
        <v>59</v>
      </c>
      <c r="AL20057">
        <v>59</v>
      </c>
      <c r="AM20057">
        <v>59</v>
      </c>
      <c r="AN20057">
        <v>59</v>
      </c>
      <c r="AO20057">
        <v>59</v>
      </c>
      <c r="AP20057">
        <v>59</v>
      </c>
      <c r="AQ20057">
        <v>59</v>
      </c>
    </row>
    <row r="20058" spans="1:43">
      <c r="A20058" t="s">
        <v>12418</v>
      </c>
      <c r="B20058" t="s">
        <v>12419</v>
      </c>
      <c r="C20058" t="s">
        <v>12420</v>
      </c>
      <c r="D20058" t="s">
        <v>12421</v>
      </c>
      <c r="E20058" t="s">
        <v>12006</v>
      </c>
      <c r="F20058" t="s">
        <v>12007</v>
      </c>
      <c r="G20058" t="s">
        <v>10450</v>
      </c>
      <c r="H20058" t="s">
        <v>10451</v>
      </c>
      <c r="I20058" s="2">
        <v>1</v>
      </c>
      <c r="J20058" s="2">
        <v>0</v>
      </c>
      <c r="K20058" s="2">
        <v>0</v>
      </c>
      <c r="L20058" t="s">
        <v>120</v>
      </c>
      <c r="M20058" t="s">
        <v>83</v>
      </c>
      <c r="N20058" t="s">
        <v>84</v>
      </c>
      <c r="O20058" t="s">
        <v>85</v>
      </c>
      <c r="P20058" t="s">
        <v>86</v>
      </c>
      <c r="Q20058">
        <v>15</v>
      </c>
      <c r="R20058">
        <v>15</v>
      </c>
      <c r="S20058">
        <v>15</v>
      </c>
      <c r="T20058">
        <v>16</v>
      </c>
      <c r="U20058">
        <v>16</v>
      </c>
      <c r="V20058">
        <v>16</v>
      </c>
      <c r="W20058">
        <v>16</v>
      </c>
      <c r="X20058">
        <v>16</v>
      </c>
      <c r="Y20058">
        <v>17</v>
      </c>
      <c r="Z20058">
        <v>17</v>
      </c>
      <c r="AA20058">
        <v>17</v>
      </c>
      <c r="AB20058">
        <v>17</v>
      </c>
      <c r="AC20058">
        <v>17</v>
      </c>
      <c r="AD20058">
        <v>18</v>
      </c>
      <c r="AE20058">
        <v>18</v>
      </c>
      <c r="AF20058">
        <v>18</v>
      </c>
      <c r="AG20058">
        <v>18</v>
      </c>
      <c r="AH20058">
        <v>18</v>
      </c>
      <c r="AI20058">
        <v>19</v>
      </c>
      <c r="AJ20058">
        <v>19</v>
      </c>
      <c r="AK20058">
        <v>19</v>
      </c>
      <c r="AL20058">
        <v>19</v>
      </c>
      <c r="AM20058">
        <v>19</v>
      </c>
      <c r="AN20058">
        <v>19</v>
      </c>
      <c r="AO20058">
        <v>19</v>
      </c>
      <c r="AP20058">
        <v>19</v>
      </c>
      <c r="AQ20058">
        <v>19</v>
      </c>
    </row>
    <row r="20059" spans="1:43">
      <c r="A20059" t="s">
        <v>12418</v>
      </c>
      <c r="B20059" t="s">
        <v>12419</v>
      </c>
      <c r="C20059" t="s">
        <v>12420</v>
      </c>
      <c r="D20059" t="s">
        <v>12421</v>
      </c>
      <c r="E20059" t="s">
        <v>12006</v>
      </c>
      <c r="F20059" t="s">
        <v>12007</v>
      </c>
      <c r="G20059" t="s">
        <v>10450</v>
      </c>
      <c r="H20059" t="s">
        <v>10451</v>
      </c>
      <c r="I20059" s="2">
        <v>1</v>
      </c>
      <c r="J20059" s="2">
        <v>0</v>
      </c>
      <c r="K20059" s="2">
        <v>0</v>
      </c>
      <c r="L20059" t="s">
        <v>120</v>
      </c>
      <c r="M20059" t="s">
        <v>87</v>
      </c>
      <c r="N20059" t="s">
        <v>88</v>
      </c>
      <c r="O20059" t="s">
        <v>85</v>
      </c>
      <c r="P20059" t="s">
        <v>86</v>
      </c>
      <c r="Q20059">
        <v>15</v>
      </c>
      <c r="R20059">
        <v>15</v>
      </c>
      <c r="S20059">
        <v>15</v>
      </c>
      <c r="T20059">
        <v>15</v>
      </c>
      <c r="U20059">
        <v>15</v>
      </c>
      <c r="V20059">
        <v>15</v>
      </c>
      <c r="W20059">
        <v>15</v>
      </c>
      <c r="X20059">
        <v>15</v>
      </c>
      <c r="Y20059">
        <v>15</v>
      </c>
      <c r="Z20059">
        <v>15</v>
      </c>
      <c r="AA20059">
        <v>16</v>
      </c>
      <c r="AB20059">
        <v>16</v>
      </c>
      <c r="AC20059">
        <v>16</v>
      </c>
      <c r="AD20059">
        <v>16</v>
      </c>
      <c r="AE20059">
        <v>16</v>
      </c>
      <c r="AF20059">
        <v>16</v>
      </c>
      <c r="AG20059">
        <v>16</v>
      </c>
      <c r="AH20059">
        <v>16</v>
      </c>
      <c r="AI20059">
        <v>16</v>
      </c>
      <c r="AJ20059">
        <v>16</v>
      </c>
      <c r="AK20059">
        <v>16</v>
      </c>
      <c r="AL20059">
        <v>16</v>
      </c>
      <c r="AM20059">
        <v>16</v>
      </c>
      <c r="AN20059">
        <v>16</v>
      </c>
      <c r="AO20059">
        <v>16</v>
      </c>
      <c r="AP20059">
        <v>16</v>
      </c>
      <c r="AQ20059">
        <v>17</v>
      </c>
    </row>
    <row r="20060" spans="1:43">
      <c r="A20060" t="s">
        <v>12418</v>
      </c>
      <c r="B20060" t="s">
        <v>12419</v>
      </c>
      <c r="C20060" t="s">
        <v>12420</v>
      </c>
      <c r="D20060" t="s">
        <v>12421</v>
      </c>
      <c r="E20060" t="s">
        <v>12006</v>
      </c>
      <c r="F20060" t="s">
        <v>12007</v>
      </c>
      <c r="G20060" t="s">
        <v>10450</v>
      </c>
      <c r="H20060" t="s">
        <v>10451</v>
      </c>
      <c r="I20060" s="2">
        <v>1</v>
      </c>
      <c r="J20060" s="2">
        <v>0</v>
      </c>
      <c r="K20060" s="2">
        <v>0</v>
      </c>
      <c r="L20060" t="s">
        <v>120</v>
      </c>
      <c r="M20060" t="s">
        <v>89</v>
      </c>
      <c r="N20060" t="s">
        <v>90</v>
      </c>
      <c r="O20060" t="s">
        <v>85</v>
      </c>
      <c r="P20060" t="s">
        <v>86</v>
      </c>
      <c r="Q20060">
        <v>15</v>
      </c>
      <c r="R20060">
        <v>15</v>
      </c>
      <c r="S20060">
        <v>16</v>
      </c>
      <c r="T20060">
        <v>16</v>
      </c>
      <c r="U20060">
        <v>16</v>
      </c>
      <c r="V20060">
        <v>17</v>
      </c>
      <c r="W20060">
        <v>17</v>
      </c>
      <c r="X20060">
        <v>17</v>
      </c>
      <c r="Y20060">
        <v>18</v>
      </c>
      <c r="Z20060">
        <v>18</v>
      </c>
      <c r="AA20060">
        <v>18</v>
      </c>
      <c r="AB20060">
        <v>18</v>
      </c>
      <c r="AC20060">
        <v>19</v>
      </c>
      <c r="AD20060">
        <v>19</v>
      </c>
      <c r="AE20060">
        <v>19</v>
      </c>
      <c r="AF20060">
        <v>19</v>
      </c>
      <c r="AG20060">
        <v>19</v>
      </c>
      <c r="AH20060">
        <v>19</v>
      </c>
      <c r="AI20060">
        <v>19</v>
      </c>
      <c r="AJ20060">
        <v>19</v>
      </c>
      <c r="AK20060">
        <v>19</v>
      </c>
      <c r="AL20060">
        <v>19</v>
      </c>
      <c r="AM20060">
        <v>19</v>
      </c>
      <c r="AN20060">
        <v>19</v>
      </c>
      <c r="AO20060">
        <v>19</v>
      </c>
      <c r="AP20060">
        <v>19</v>
      </c>
      <c r="AQ20060">
        <v>19</v>
      </c>
    </row>
    <row r="20061" spans="1:43">
      <c r="A20061" t="s">
        <v>12418</v>
      </c>
      <c r="B20061" t="s">
        <v>12419</v>
      </c>
      <c r="C20061" t="s">
        <v>12420</v>
      </c>
      <c r="D20061" t="s">
        <v>12421</v>
      </c>
      <c r="E20061" t="s">
        <v>12006</v>
      </c>
      <c r="F20061" t="s">
        <v>12007</v>
      </c>
      <c r="G20061" t="s">
        <v>10450</v>
      </c>
      <c r="H20061" t="s">
        <v>10451</v>
      </c>
      <c r="I20061" s="2">
        <v>1</v>
      </c>
      <c r="J20061" s="2">
        <v>0</v>
      </c>
      <c r="K20061" s="2">
        <v>0</v>
      </c>
      <c r="L20061" t="s">
        <v>120</v>
      </c>
      <c r="M20061" t="s">
        <v>83</v>
      </c>
      <c r="N20061" t="s">
        <v>91</v>
      </c>
      <c r="O20061" t="s">
        <v>85</v>
      </c>
      <c r="P20061" t="s">
        <v>86</v>
      </c>
      <c r="Q20061">
        <v>15</v>
      </c>
      <c r="R20061">
        <v>15</v>
      </c>
      <c r="S20061">
        <v>15</v>
      </c>
      <c r="T20061">
        <v>16</v>
      </c>
      <c r="U20061">
        <v>16</v>
      </c>
      <c r="V20061">
        <v>16</v>
      </c>
      <c r="W20061">
        <v>16</v>
      </c>
      <c r="X20061">
        <v>16</v>
      </c>
      <c r="Y20061">
        <v>17</v>
      </c>
      <c r="Z20061">
        <v>17</v>
      </c>
      <c r="AA20061">
        <v>17</v>
      </c>
      <c r="AB20061">
        <v>17</v>
      </c>
      <c r="AC20061">
        <v>17</v>
      </c>
      <c r="AD20061">
        <v>18</v>
      </c>
      <c r="AE20061">
        <v>18</v>
      </c>
      <c r="AF20061">
        <v>18</v>
      </c>
      <c r="AG20061">
        <v>18</v>
      </c>
      <c r="AH20061">
        <v>18</v>
      </c>
      <c r="AI20061">
        <v>19</v>
      </c>
      <c r="AJ20061">
        <v>19</v>
      </c>
      <c r="AK20061">
        <v>19</v>
      </c>
      <c r="AL20061">
        <v>19</v>
      </c>
      <c r="AM20061">
        <v>19</v>
      </c>
      <c r="AN20061">
        <v>19</v>
      </c>
      <c r="AO20061">
        <v>19</v>
      </c>
      <c r="AP20061">
        <v>19</v>
      </c>
      <c r="AQ20061">
        <v>19</v>
      </c>
    </row>
    <row r="20062" spans="1:43">
      <c r="A20062" t="s">
        <v>12422</v>
      </c>
      <c r="B20062" t="s">
        <v>12423</v>
      </c>
      <c r="C20062" t="s">
        <v>12420</v>
      </c>
      <c r="D20062" t="s">
        <v>12421</v>
      </c>
      <c r="E20062" t="s">
        <v>12006</v>
      </c>
      <c r="F20062" t="s">
        <v>12007</v>
      </c>
      <c r="G20062" t="s">
        <v>10450</v>
      </c>
      <c r="H20062" t="s">
        <v>10451</v>
      </c>
      <c r="I20062" s="2">
        <v>1</v>
      </c>
      <c r="J20062" s="2">
        <v>0</v>
      </c>
      <c r="K20062" s="2">
        <v>0</v>
      </c>
      <c r="L20062" t="s">
        <v>120</v>
      </c>
      <c r="M20062" t="s">
        <v>83</v>
      </c>
      <c r="N20062" t="s">
        <v>84</v>
      </c>
      <c r="O20062" t="s">
        <v>85</v>
      </c>
      <c r="P20062" t="s">
        <v>86</v>
      </c>
      <c r="Q20062">
        <v>41</v>
      </c>
      <c r="R20062">
        <v>42</v>
      </c>
      <c r="S20062">
        <v>43</v>
      </c>
      <c r="T20062">
        <v>43</v>
      </c>
      <c r="U20062">
        <v>44</v>
      </c>
      <c r="V20062">
        <v>44</v>
      </c>
      <c r="W20062">
        <v>45</v>
      </c>
      <c r="X20062">
        <v>46</v>
      </c>
      <c r="Y20062">
        <v>46</v>
      </c>
      <c r="Z20062">
        <v>47</v>
      </c>
      <c r="AA20062">
        <v>47</v>
      </c>
      <c r="AB20062">
        <v>48</v>
      </c>
      <c r="AC20062">
        <v>48</v>
      </c>
      <c r="AD20062">
        <v>49</v>
      </c>
      <c r="AE20062">
        <v>49</v>
      </c>
      <c r="AF20062">
        <v>50</v>
      </c>
      <c r="AG20062">
        <v>51</v>
      </c>
      <c r="AH20062">
        <v>51</v>
      </c>
      <c r="AI20062">
        <v>52</v>
      </c>
      <c r="AJ20062">
        <v>52</v>
      </c>
      <c r="AK20062">
        <v>53</v>
      </c>
      <c r="AL20062">
        <v>53</v>
      </c>
      <c r="AM20062">
        <v>53</v>
      </c>
      <c r="AN20062">
        <v>53</v>
      </c>
      <c r="AO20062">
        <v>53</v>
      </c>
      <c r="AP20062">
        <v>53</v>
      </c>
      <c r="AQ20062">
        <v>53</v>
      </c>
    </row>
    <row r="20063" spans="1:43">
      <c r="A20063" t="s">
        <v>12422</v>
      </c>
      <c r="B20063" t="s">
        <v>12423</v>
      </c>
      <c r="C20063" t="s">
        <v>12420</v>
      </c>
      <c r="D20063" t="s">
        <v>12421</v>
      </c>
      <c r="E20063" t="s">
        <v>12006</v>
      </c>
      <c r="F20063" t="s">
        <v>12007</v>
      </c>
      <c r="G20063" t="s">
        <v>10450</v>
      </c>
      <c r="H20063" t="s">
        <v>10451</v>
      </c>
      <c r="I20063" s="2">
        <v>1</v>
      </c>
      <c r="J20063" s="2">
        <v>0</v>
      </c>
      <c r="K20063" s="2">
        <v>0</v>
      </c>
      <c r="L20063" t="s">
        <v>120</v>
      </c>
      <c r="M20063" t="s">
        <v>87</v>
      </c>
      <c r="N20063" t="s">
        <v>88</v>
      </c>
      <c r="O20063" t="s">
        <v>85</v>
      </c>
      <c r="P20063" t="s">
        <v>86</v>
      </c>
      <c r="Q20063">
        <v>41</v>
      </c>
      <c r="R20063">
        <v>41</v>
      </c>
      <c r="S20063">
        <v>41</v>
      </c>
      <c r="T20063">
        <v>42</v>
      </c>
      <c r="U20063">
        <v>42</v>
      </c>
      <c r="V20063">
        <v>42</v>
      </c>
      <c r="W20063">
        <v>42</v>
      </c>
      <c r="X20063">
        <v>42</v>
      </c>
      <c r="Y20063">
        <v>43</v>
      </c>
      <c r="Z20063">
        <v>43</v>
      </c>
      <c r="AA20063">
        <v>43</v>
      </c>
      <c r="AB20063">
        <v>43</v>
      </c>
      <c r="AC20063">
        <v>43</v>
      </c>
      <c r="AD20063">
        <v>44</v>
      </c>
      <c r="AE20063">
        <v>44</v>
      </c>
      <c r="AF20063">
        <v>44</v>
      </c>
      <c r="AG20063">
        <v>44</v>
      </c>
      <c r="AH20063">
        <v>44</v>
      </c>
      <c r="AI20063">
        <v>45</v>
      </c>
      <c r="AJ20063">
        <v>45</v>
      </c>
      <c r="AK20063">
        <v>45</v>
      </c>
      <c r="AL20063">
        <v>45</v>
      </c>
      <c r="AM20063">
        <v>45</v>
      </c>
      <c r="AN20063">
        <v>45</v>
      </c>
      <c r="AO20063">
        <v>46</v>
      </c>
      <c r="AP20063">
        <v>46</v>
      </c>
      <c r="AQ20063">
        <v>46</v>
      </c>
    </row>
    <row r="20064" spans="1:43">
      <c r="A20064" t="s">
        <v>12422</v>
      </c>
      <c r="B20064" t="s">
        <v>12423</v>
      </c>
      <c r="C20064" t="s">
        <v>12420</v>
      </c>
      <c r="D20064" t="s">
        <v>12421</v>
      </c>
      <c r="E20064" t="s">
        <v>12006</v>
      </c>
      <c r="F20064" t="s">
        <v>12007</v>
      </c>
      <c r="G20064" t="s">
        <v>10450</v>
      </c>
      <c r="H20064" t="s">
        <v>10451</v>
      </c>
      <c r="I20064" s="2">
        <v>1</v>
      </c>
      <c r="J20064" s="2">
        <v>0</v>
      </c>
      <c r="K20064" s="2">
        <v>0</v>
      </c>
      <c r="L20064" t="s">
        <v>120</v>
      </c>
      <c r="M20064" t="s">
        <v>89</v>
      </c>
      <c r="N20064" t="s">
        <v>90</v>
      </c>
      <c r="O20064" t="s">
        <v>85</v>
      </c>
      <c r="P20064" t="s">
        <v>86</v>
      </c>
      <c r="Q20064">
        <v>41</v>
      </c>
      <c r="R20064">
        <v>42</v>
      </c>
      <c r="S20064">
        <v>43</v>
      </c>
      <c r="T20064">
        <v>44</v>
      </c>
      <c r="U20064">
        <v>45</v>
      </c>
      <c r="V20064">
        <v>45</v>
      </c>
      <c r="W20064">
        <v>46</v>
      </c>
      <c r="X20064">
        <v>47</v>
      </c>
      <c r="Y20064">
        <v>48</v>
      </c>
      <c r="Z20064">
        <v>49</v>
      </c>
      <c r="AA20064">
        <v>49</v>
      </c>
      <c r="AB20064">
        <v>50</v>
      </c>
      <c r="AC20064">
        <v>51</v>
      </c>
      <c r="AD20064">
        <v>52</v>
      </c>
      <c r="AE20064">
        <v>52</v>
      </c>
      <c r="AF20064">
        <v>52</v>
      </c>
      <c r="AG20064">
        <v>52</v>
      </c>
      <c r="AH20064">
        <v>52</v>
      </c>
      <c r="AI20064">
        <v>52</v>
      </c>
      <c r="AJ20064">
        <v>52</v>
      </c>
      <c r="AK20064">
        <v>52</v>
      </c>
      <c r="AL20064">
        <v>52</v>
      </c>
      <c r="AM20064">
        <v>52</v>
      </c>
      <c r="AN20064">
        <v>52</v>
      </c>
      <c r="AO20064">
        <v>52</v>
      </c>
      <c r="AP20064">
        <v>52</v>
      </c>
      <c r="AQ20064">
        <v>52</v>
      </c>
    </row>
    <row r="20065" spans="1:43">
      <c r="A20065" t="s">
        <v>12422</v>
      </c>
      <c r="B20065" t="s">
        <v>12423</v>
      </c>
      <c r="C20065" t="s">
        <v>12420</v>
      </c>
      <c r="D20065" t="s">
        <v>12421</v>
      </c>
      <c r="E20065" t="s">
        <v>12006</v>
      </c>
      <c r="F20065" t="s">
        <v>12007</v>
      </c>
      <c r="G20065" t="s">
        <v>10450</v>
      </c>
      <c r="H20065" t="s">
        <v>10451</v>
      </c>
      <c r="I20065" s="2">
        <v>1</v>
      </c>
      <c r="J20065" s="2">
        <v>0</v>
      </c>
      <c r="K20065" s="2">
        <v>0</v>
      </c>
      <c r="L20065" t="s">
        <v>120</v>
      </c>
      <c r="M20065" t="s">
        <v>83</v>
      </c>
      <c r="N20065" t="s">
        <v>91</v>
      </c>
      <c r="O20065" t="s">
        <v>85</v>
      </c>
      <c r="P20065" t="s">
        <v>86</v>
      </c>
      <c r="Q20065">
        <v>41</v>
      </c>
      <c r="R20065">
        <v>42</v>
      </c>
      <c r="S20065">
        <v>43</v>
      </c>
      <c r="T20065">
        <v>43</v>
      </c>
      <c r="U20065">
        <v>44</v>
      </c>
      <c r="V20065">
        <v>44</v>
      </c>
      <c r="W20065">
        <v>45</v>
      </c>
      <c r="X20065">
        <v>46</v>
      </c>
      <c r="Y20065">
        <v>46</v>
      </c>
      <c r="Z20065">
        <v>47</v>
      </c>
      <c r="AA20065">
        <v>47</v>
      </c>
      <c r="AB20065">
        <v>48</v>
      </c>
      <c r="AC20065">
        <v>48</v>
      </c>
      <c r="AD20065">
        <v>49</v>
      </c>
      <c r="AE20065">
        <v>49</v>
      </c>
      <c r="AF20065">
        <v>50</v>
      </c>
      <c r="AG20065">
        <v>51</v>
      </c>
      <c r="AH20065">
        <v>51</v>
      </c>
      <c r="AI20065">
        <v>52</v>
      </c>
      <c r="AJ20065">
        <v>52</v>
      </c>
      <c r="AK20065">
        <v>53</v>
      </c>
      <c r="AL20065">
        <v>53</v>
      </c>
      <c r="AM20065">
        <v>53</v>
      </c>
      <c r="AN20065">
        <v>53</v>
      </c>
      <c r="AO20065">
        <v>53</v>
      </c>
      <c r="AP20065">
        <v>53</v>
      </c>
      <c r="AQ20065">
        <v>53</v>
      </c>
    </row>
    <row r="20066" spans="1:43">
      <c r="A20066" t="s">
        <v>12424</v>
      </c>
      <c r="B20066" t="s">
        <v>12425</v>
      </c>
      <c r="C20066" t="s">
        <v>12420</v>
      </c>
      <c r="D20066" t="s">
        <v>12421</v>
      </c>
      <c r="E20066" t="s">
        <v>12006</v>
      </c>
      <c r="F20066" t="s">
        <v>12007</v>
      </c>
      <c r="G20066" t="s">
        <v>10450</v>
      </c>
      <c r="H20066" t="s">
        <v>10451</v>
      </c>
      <c r="I20066" s="2">
        <v>1</v>
      </c>
      <c r="J20066" s="2">
        <v>0</v>
      </c>
      <c r="K20066" s="2">
        <v>0</v>
      </c>
      <c r="L20066" t="s">
        <v>120</v>
      </c>
      <c r="M20066" t="s">
        <v>83</v>
      </c>
      <c r="N20066" t="s">
        <v>84</v>
      </c>
      <c r="O20066" t="s">
        <v>85</v>
      </c>
      <c r="P20066" t="s">
        <v>86</v>
      </c>
      <c r="Q20066">
        <v>7</v>
      </c>
      <c r="R20066">
        <v>7</v>
      </c>
      <c r="S20066">
        <v>7</v>
      </c>
      <c r="T20066">
        <v>7</v>
      </c>
      <c r="U20066">
        <v>7</v>
      </c>
      <c r="V20066">
        <v>7</v>
      </c>
      <c r="W20066">
        <v>7</v>
      </c>
      <c r="X20066">
        <v>7</v>
      </c>
      <c r="Y20066">
        <v>7</v>
      </c>
      <c r="Z20066">
        <v>7</v>
      </c>
      <c r="AA20066">
        <v>8</v>
      </c>
      <c r="AB20066">
        <v>8</v>
      </c>
      <c r="AC20066">
        <v>8</v>
      </c>
      <c r="AD20066">
        <v>8</v>
      </c>
      <c r="AE20066">
        <v>8</v>
      </c>
      <c r="AF20066">
        <v>8</v>
      </c>
      <c r="AG20066">
        <v>8</v>
      </c>
      <c r="AH20066">
        <v>8</v>
      </c>
      <c r="AI20066">
        <v>8</v>
      </c>
      <c r="AJ20066">
        <v>8</v>
      </c>
      <c r="AK20066">
        <v>8</v>
      </c>
      <c r="AL20066">
        <v>8</v>
      </c>
      <c r="AM20066">
        <v>8</v>
      </c>
      <c r="AN20066">
        <v>8</v>
      </c>
      <c r="AO20066">
        <v>8</v>
      </c>
      <c r="AP20066">
        <v>8</v>
      </c>
      <c r="AQ20066">
        <v>8</v>
      </c>
    </row>
    <row r="20067" spans="1:43">
      <c r="A20067" t="s">
        <v>12424</v>
      </c>
      <c r="B20067" t="s">
        <v>12425</v>
      </c>
      <c r="C20067" t="s">
        <v>12420</v>
      </c>
      <c r="D20067" t="s">
        <v>12421</v>
      </c>
      <c r="E20067" t="s">
        <v>12006</v>
      </c>
      <c r="F20067" t="s">
        <v>12007</v>
      </c>
      <c r="G20067" t="s">
        <v>10450</v>
      </c>
      <c r="H20067" t="s">
        <v>10451</v>
      </c>
      <c r="I20067" s="2">
        <v>1</v>
      </c>
      <c r="J20067" s="2">
        <v>0</v>
      </c>
      <c r="K20067" s="2">
        <v>0</v>
      </c>
      <c r="L20067" t="s">
        <v>120</v>
      </c>
      <c r="M20067" t="s">
        <v>87</v>
      </c>
      <c r="N20067" t="s">
        <v>88</v>
      </c>
      <c r="O20067" t="s">
        <v>85</v>
      </c>
      <c r="P20067" t="s">
        <v>86</v>
      </c>
      <c r="Q20067">
        <v>7</v>
      </c>
      <c r="R20067">
        <v>7</v>
      </c>
      <c r="S20067">
        <v>7</v>
      </c>
      <c r="T20067">
        <v>7</v>
      </c>
      <c r="U20067">
        <v>7</v>
      </c>
      <c r="V20067">
        <v>7</v>
      </c>
      <c r="W20067">
        <v>7</v>
      </c>
      <c r="X20067">
        <v>7</v>
      </c>
      <c r="Y20067">
        <v>7</v>
      </c>
      <c r="Z20067">
        <v>7</v>
      </c>
      <c r="AA20067">
        <v>7</v>
      </c>
      <c r="AB20067">
        <v>7</v>
      </c>
      <c r="AC20067">
        <v>7</v>
      </c>
      <c r="AD20067">
        <v>7</v>
      </c>
      <c r="AE20067">
        <v>7</v>
      </c>
      <c r="AF20067">
        <v>7</v>
      </c>
      <c r="AG20067">
        <v>7</v>
      </c>
      <c r="AH20067">
        <v>7</v>
      </c>
      <c r="AI20067">
        <v>7</v>
      </c>
      <c r="AJ20067">
        <v>7</v>
      </c>
      <c r="AK20067">
        <v>7</v>
      </c>
      <c r="AL20067">
        <v>7</v>
      </c>
      <c r="AM20067">
        <v>7</v>
      </c>
      <c r="AN20067">
        <v>7</v>
      </c>
      <c r="AO20067">
        <v>7</v>
      </c>
      <c r="AP20067">
        <v>7</v>
      </c>
      <c r="AQ20067">
        <v>7</v>
      </c>
    </row>
    <row r="20068" spans="1:43">
      <c r="A20068" t="s">
        <v>12424</v>
      </c>
      <c r="B20068" t="s">
        <v>12425</v>
      </c>
      <c r="C20068" t="s">
        <v>12420</v>
      </c>
      <c r="D20068" t="s">
        <v>12421</v>
      </c>
      <c r="E20068" t="s">
        <v>12006</v>
      </c>
      <c r="F20068" t="s">
        <v>12007</v>
      </c>
      <c r="G20068" t="s">
        <v>10450</v>
      </c>
      <c r="H20068" t="s">
        <v>10451</v>
      </c>
      <c r="I20068" s="2">
        <v>1</v>
      </c>
      <c r="J20068" s="2">
        <v>0</v>
      </c>
      <c r="K20068" s="2">
        <v>0</v>
      </c>
      <c r="L20068" t="s">
        <v>120</v>
      </c>
      <c r="M20068" t="s">
        <v>89</v>
      </c>
      <c r="N20068" t="s">
        <v>90</v>
      </c>
      <c r="O20068" t="s">
        <v>85</v>
      </c>
      <c r="P20068" t="s">
        <v>86</v>
      </c>
      <c r="Q20068">
        <v>7</v>
      </c>
      <c r="R20068">
        <v>7</v>
      </c>
      <c r="S20068">
        <v>7</v>
      </c>
      <c r="T20068">
        <v>7</v>
      </c>
      <c r="U20068">
        <v>7</v>
      </c>
      <c r="V20068">
        <v>7</v>
      </c>
      <c r="W20068">
        <v>8</v>
      </c>
      <c r="X20068">
        <v>8</v>
      </c>
      <c r="Y20068">
        <v>8</v>
      </c>
      <c r="Z20068">
        <v>8</v>
      </c>
      <c r="AA20068">
        <v>8</v>
      </c>
      <c r="AB20068">
        <v>8</v>
      </c>
      <c r="AC20068">
        <v>8</v>
      </c>
      <c r="AD20068">
        <v>8</v>
      </c>
      <c r="AE20068">
        <v>8</v>
      </c>
      <c r="AF20068">
        <v>8</v>
      </c>
      <c r="AG20068">
        <v>8</v>
      </c>
      <c r="AH20068">
        <v>8</v>
      </c>
      <c r="AI20068">
        <v>8</v>
      </c>
      <c r="AJ20068">
        <v>8</v>
      </c>
      <c r="AK20068">
        <v>8</v>
      </c>
      <c r="AL20068">
        <v>8</v>
      </c>
      <c r="AM20068">
        <v>8</v>
      </c>
      <c r="AN20068">
        <v>8</v>
      </c>
      <c r="AO20068">
        <v>8</v>
      </c>
      <c r="AP20068">
        <v>8</v>
      </c>
      <c r="AQ20068">
        <v>8</v>
      </c>
    </row>
    <row r="20069" spans="1:43">
      <c r="A20069" t="s">
        <v>12424</v>
      </c>
      <c r="B20069" t="s">
        <v>12425</v>
      </c>
      <c r="C20069" t="s">
        <v>12420</v>
      </c>
      <c r="D20069" t="s">
        <v>12421</v>
      </c>
      <c r="E20069" t="s">
        <v>12006</v>
      </c>
      <c r="F20069" t="s">
        <v>12007</v>
      </c>
      <c r="G20069" t="s">
        <v>10450</v>
      </c>
      <c r="H20069" t="s">
        <v>10451</v>
      </c>
      <c r="I20069" s="2">
        <v>1</v>
      </c>
      <c r="J20069" s="2">
        <v>0</v>
      </c>
      <c r="K20069" s="2">
        <v>0</v>
      </c>
      <c r="L20069" t="s">
        <v>120</v>
      </c>
      <c r="M20069" t="s">
        <v>83</v>
      </c>
      <c r="N20069" t="s">
        <v>91</v>
      </c>
      <c r="O20069" t="s">
        <v>85</v>
      </c>
      <c r="P20069" t="s">
        <v>86</v>
      </c>
      <c r="Q20069">
        <v>7</v>
      </c>
      <c r="R20069">
        <v>7</v>
      </c>
      <c r="S20069">
        <v>7</v>
      </c>
      <c r="T20069">
        <v>7</v>
      </c>
      <c r="U20069">
        <v>7</v>
      </c>
      <c r="V20069">
        <v>7</v>
      </c>
      <c r="W20069">
        <v>7</v>
      </c>
      <c r="X20069">
        <v>7</v>
      </c>
      <c r="Y20069">
        <v>7</v>
      </c>
      <c r="Z20069">
        <v>7</v>
      </c>
      <c r="AA20069">
        <v>8</v>
      </c>
      <c r="AB20069">
        <v>8</v>
      </c>
      <c r="AC20069">
        <v>8</v>
      </c>
      <c r="AD20069">
        <v>8</v>
      </c>
      <c r="AE20069">
        <v>8</v>
      </c>
      <c r="AF20069">
        <v>8</v>
      </c>
      <c r="AG20069">
        <v>8</v>
      </c>
      <c r="AH20069">
        <v>8</v>
      </c>
      <c r="AI20069">
        <v>8</v>
      </c>
      <c r="AJ20069">
        <v>8</v>
      </c>
      <c r="AK20069">
        <v>8</v>
      </c>
      <c r="AL20069">
        <v>8</v>
      </c>
      <c r="AM20069">
        <v>8</v>
      </c>
      <c r="AN20069">
        <v>8</v>
      </c>
      <c r="AO20069">
        <v>8</v>
      </c>
      <c r="AP20069">
        <v>8</v>
      </c>
      <c r="AQ20069">
        <v>8</v>
      </c>
    </row>
    <row r="20070" spans="1:43">
      <c r="A20070" t="s">
        <v>12426</v>
      </c>
      <c r="B20070" t="s">
        <v>12427</v>
      </c>
      <c r="C20070" t="s">
        <v>12428</v>
      </c>
      <c r="D20070" t="s">
        <v>12429</v>
      </c>
      <c r="E20070" t="s">
        <v>12006</v>
      </c>
      <c r="F20070" t="s">
        <v>12007</v>
      </c>
      <c r="G20070" t="s">
        <v>10450</v>
      </c>
      <c r="H20070" t="s">
        <v>10451</v>
      </c>
      <c r="I20070" s="2">
        <v>1</v>
      </c>
      <c r="J20070" s="2">
        <v>0</v>
      </c>
      <c r="K20070" s="2">
        <v>0</v>
      </c>
      <c r="L20070" t="s">
        <v>120</v>
      </c>
      <c r="M20070" t="s">
        <v>83</v>
      </c>
      <c r="N20070" t="s">
        <v>84</v>
      </c>
      <c r="O20070" t="s">
        <v>85</v>
      </c>
      <c r="P20070" t="s">
        <v>86</v>
      </c>
      <c r="Q20070">
        <v>28</v>
      </c>
      <c r="R20070">
        <v>28</v>
      </c>
      <c r="S20070">
        <v>28</v>
      </c>
      <c r="T20070">
        <v>29</v>
      </c>
      <c r="U20070">
        <v>29</v>
      </c>
      <c r="V20070">
        <v>30</v>
      </c>
      <c r="W20070">
        <v>30</v>
      </c>
      <c r="X20070">
        <v>30</v>
      </c>
      <c r="Y20070">
        <v>31</v>
      </c>
      <c r="Z20070">
        <v>31</v>
      </c>
      <c r="AA20070">
        <v>32</v>
      </c>
      <c r="AB20070">
        <v>32</v>
      </c>
      <c r="AC20070">
        <v>32</v>
      </c>
      <c r="AD20070">
        <v>33</v>
      </c>
      <c r="AE20070">
        <v>33</v>
      </c>
      <c r="AF20070">
        <v>33</v>
      </c>
      <c r="AG20070">
        <v>34</v>
      </c>
      <c r="AH20070">
        <v>34</v>
      </c>
      <c r="AI20070">
        <v>34</v>
      </c>
      <c r="AJ20070">
        <v>35</v>
      </c>
      <c r="AK20070">
        <v>35</v>
      </c>
      <c r="AL20070">
        <v>35</v>
      </c>
      <c r="AM20070">
        <v>35</v>
      </c>
      <c r="AN20070">
        <v>35</v>
      </c>
      <c r="AO20070">
        <v>35</v>
      </c>
      <c r="AP20070">
        <v>35</v>
      </c>
      <c r="AQ20070">
        <v>35</v>
      </c>
    </row>
    <row r="20071" spans="1:43">
      <c r="A20071" t="s">
        <v>12426</v>
      </c>
      <c r="B20071" t="s">
        <v>12427</v>
      </c>
      <c r="C20071" t="s">
        <v>12428</v>
      </c>
      <c r="D20071" t="s">
        <v>12429</v>
      </c>
      <c r="E20071" t="s">
        <v>12006</v>
      </c>
      <c r="F20071" t="s">
        <v>12007</v>
      </c>
      <c r="G20071" t="s">
        <v>10450</v>
      </c>
      <c r="H20071" t="s">
        <v>10451</v>
      </c>
      <c r="I20071" s="2">
        <v>1</v>
      </c>
      <c r="J20071" s="2">
        <v>0</v>
      </c>
      <c r="K20071" s="2">
        <v>0</v>
      </c>
      <c r="L20071" t="s">
        <v>120</v>
      </c>
      <c r="M20071" t="s">
        <v>87</v>
      </c>
      <c r="N20071" t="s">
        <v>88</v>
      </c>
      <c r="O20071" t="s">
        <v>85</v>
      </c>
      <c r="P20071" t="s">
        <v>86</v>
      </c>
      <c r="Q20071">
        <v>28</v>
      </c>
      <c r="R20071">
        <v>29</v>
      </c>
      <c r="S20071">
        <v>29</v>
      </c>
      <c r="T20071">
        <v>29</v>
      </c>
      <c r="U20071">
        <v>29</v>
      </c>
      <c r="V20071">
        <v>29</v>
      </c>
      <c r="W20071">
        <v>29</v>
      </c>
      <c r="X20071">
        <v>29</v>
      </c>
      <c r="Y20071">
        <v>30</v>
      </c>
      <c r="Z20071">
        <v>30</v>
      </c>
      <c r="AA20071">
        <v>30</v>
      </c>
      <c r="AB20071">
        <v>30</v>
      </c>
      <c r="AC20071">
        <v>30</v>
      </c>
      <c r="AD20071">
        <v>30</v>
      </c>
      <c r="AE20071">
        <v>30</v>
      </c>
      <c r="AF20071">
        <v>30</v>
      </c>
      <c r="AG20071">
        <v>31</v>
      </c>
      <c r="AH20071">
        <v>31</v>
      </c>
      <c r="AI20071">
        <v>31</v>
      </c>
      <c r="AJ20071">
        <v>31</v>
      </c>
      <c r="AK20071">
        <v>31</v>
      </c>
      <c r="AL20071">
        <v>31</v>
      </c>
      <c r="AM20071">
        <v>31</v>
      </c>
      <c r="AN20071">
        <v>31</v>
      </c>
      <c r="AO20071">
        <v>31</v>
      </c>
      <c r="AP20071">
        <v>32</v>
      </c>
      <c r="AQ20071">
        <v>32</v>
      </c>
    </row>
    <row r="20072" spans="1:43">
      <c r="A20072" t="s">
        <v>12426</v>
      </c>
      <c r="B20072" t="s">
        <v>12427</v>
      </c>
      <c r="C20072" t="s">
        <v>12428</v>
      </c>
      <c r="D20072" t="s">
        <v>12429</v>
      </c>
      <c r="E20072" t="s">
        <v>12006</v>
      </c>
      <c r="F20072" t="s">
        <v>12007</v>
      </c>
      <c r="G20072" t="s">
        <v>10450</v>
      </c>
      <c r="H20072" t="s">
        <v>10451</v>
      </c>
      <c r="I20072" s="2">
        <v>1</v>
      </c>
      <c r="J20072" s="2">
        <v>0</v>
      </c>
      <c r="K20072" s="2">
        <v>0</v>
      </c>
      <c r="L20072" t="s">
        <v>120</v>
      </c>
      <c r="M20072" t="s">
        <v>89</v>
      </c>
      <c r="N20072" t="s">
        <v>90</v>
      </c>
      <c r="O20072" t="s">
        <v>85</v>
      </c>
      <c r="P20072" t="s">
        <v>86</v>
      </c>
      <c r="Q20072">
        <v>28</v>
      </c>
      <c r="R20072">
        <v>29</v>
      </c>
      <c r="S20072">
        <v>29</v>
      </c>
      <c r="T20072">
        <v>30</v>
      </c>
      <c r="U20072">
        <v>30</v>
      </c>
      <c r="V20072">
        <v>31</v>
      </c>
      <c r="W20072">
        <v>32</v>
      </c>
      <c r="X20072">
        <v>32</v>
      </c>
      <c r="Y20072">
        <v>33</v>
      </c>
      <c r="Z20072">
        <v>33</v>
      </c>
      <c r="AA20072">
        <v>34</v>
      </c>
      <c r="AB20072">
        <v>34</v>
      </c>
      <c r="AC20072">
        <v>35</v>
      </c>
      <c r="AD20072">
        <v>35</v>
      </c>
      <c r="AE20072">
        <v>35</v>
      </c>
      <c r="AF20072">
        <v>35</v>
      </c>
      <c r="AG20072">
        <v>35</v>
      </c>
      <c r="AH20072">
        <v>36</v>
      </c>
      <c r="AI20072">
        <v>36</v>
      </c>
      <c r="AJ20072">
        <v>36</v>
      </c>
      <c r="AK20072">
        <v>36</v>
      </c>
      <c r="AL20072">
        <v>36</v>
      </c>
      <c r="AM20072">
        <v>36</v>
      </c>
      <c r="AN20072">
        <v>36</v>
      </c>
      <c r="AO20072">
        <v>36</v>
      </c>
      <c r="AP20072">
        <v>36</v>
      </c>
      <c r="AQ20072">
        <v>36</v>
      </c>
    </row>
    <row r="20073" spans="1:43">
      <c r="A20073" t="s">
        <v>12426</v>
      </c>
      <c r="B20073" t="s">
        <v>12427</v>
      </c>
      <c r="C20073" t="s">
        <v>12428</v>
      </c>
      <c r="D20073" t="s">
        <v>12429</v>
      </c>
      <c r="E20073" t="s">
        <v>12006</v>
      </c>
      <c r="F20073" t="s">
        <v>12007</v>
      </c>
      <c r="G20073" t="s">
        <v>10450</v>
      </c>
      <c r="H20073" t="s">
        <v>10451</v>
      </c>
      <c r="I20073" s="2">
        <v>1</v>
      </c>
      <c r="J20073" s="2">
        <v>0</v>
      </c>
      <c r="K20073" s="2">
        <v>0</v>
      </c>
      <c r="L20073" t="s">
        <v>120</v>
      </c>
      <c r="M20073" t="s">
        <v>83</v>
      </c>
      <c r="N20073" t="s">
        <v>91</v>
      </c>
      <c r="O20073" t="s">
        <v>85</v>
      </c>
      <c r="P20073" t="s">
        <v>86</v>
      </c>
      <c r="Q20073">
        <v>28</v>
      </c>
      <c r="R20073">
        <v>28</v>
      </c>
      <c r="S20073">
        <v>28</v>
      </c>
      <c r="T20073">
        <v>29</v>
      </c>
      <c r="U20073">
        <v>29</v>
      </c>
      <c r="V20073">
        <v>30</v>
      </c>
      <c r="W20073">
        <v>30</v>
      </c>
      <c r="X20073">
        <v>30</v>
      </c>
      <c r="Y20073">
        <v>31</v>
      </c>
      <c r="Z20073">
        <v>31</v>
      </c>
      <c r="AA20073">
        <v>32</v>
      </c>
      <c r="AB20073">
        <v>32</v>
      </c>
      <c r="AC20073">
        <v>32</v>
      </c>
      <c r="AD20073">
        <v>33</v>
      </c>
      <c r="AE20073">
        <v>33</v>
      </c>
      <c r="AF20073">
        <v>33</v>
      </c>
      <c r="AG20073">
        <v>34</v>
      </c>
      <c r="AH20073">
        <v>34</v>
      </c>
      <c r="AI20073">
        <v>34</v>
      </c>
      <c r="AJ20073">
        <v>35</v>
      </c>
      <c r="AK20073">
        <v>35</v>
      </c>
      <c r="AL20073">
        <v>35</v>
      </c>
      <c r="AM20073">
        <v>35</v>
      </c>
      <c r="AN20073">
        <v>35</v>
      </c>
      <c r="AO20073">
        <v>35</v>
      </c>
      <c r="AP20073">
        <v>35</v>
      </c>
      <c r="AQ20073">
        <v>35</v>
      </c>
    </row>
    <row r="20074" spans="1:43">
      <c r="A20074" t="s">
        <v>12430</v>
      </c>
      <c r="B20074" t="s">
        <v>12431</v>
      </c>
      <c r="C20074" t="s">
        <v>12428</v>
      </c>
      <c r="D20074" t="s">
        <v>12429</v>
      </c>
      <c r="E20074" t="s">
        <v>12006</v>
      </c>
      <c r="F20074" t="s">
        <v>12007</v>
      </c>
      <c r="G20074" t="s">
        <v>10450</v>
      </c>
      <c r="H20074" t="s">
        <v>10451</v>
      </c>
      <c r="I20074" s="2">
        <v>1</v>
      </c>
      <c r="J20074" s="2">
        <v>0</v>
      </c>
      <c r="K20074" s="2">
        <v>0</v>
      </c>
      <c r="L20074" t="s">
        <v>120</v>
      </c>
      <c r="M20074" t="s">
        <v>83</v>
      </c>
      <c r="N20074" t="s">
        <v>84</v>
      </c>
      <c r="O20074" t="s">
        <v>85</v>
      </c>
      <c r="P20074" t="s">
        <v>86</v>
      </c>
      <c r="Q20074">
        <v>20</v>
      </c>
      <c r="R20074">
        <v>20</v>
      </c>
      <c r="S20074">
        <v>21</v>
      </c>
      <c r="T20074">
        <v>21</v>
      </c>
      <c r="U20074">
        <v>21</v>
      </c>
      <c r="V20074">
        <v>21</v>
      </c>
      <c r="W20074">
        <v>22</v>
      </c>
      <c r="X20074">
        <v>22</v>
      </c>
      <c r="Y20074">
        <v>22</v>
      </c>
      <c r="Z20074">
        <v>22</v>
      </c>
      <c r="AA20074">
        <v>22</v>
      </c>
      <c r="AB20074">
        <v>23</v>
      </c>
      <c r="AC20074">
        <v>23</v>
      </c>
      <c r="AD20074">
        <v>23</v>
      </c>
      <c r="AE20074">
        <v>23</v>
      </c>
      <c r="AF20074">
        <v>24</v>
      </c>
      <c r="AG20074">
        <v>24</v>
      </c>
      <c r="AH20074">
        <v>24</v>
      </c>
      <c r="AI20074">
        <v>24</v>
      </c>
      <c r="AJ20074">
        <v>24</v>
      </c>
      <c r="AK20074">
        <v>25</v>
      </c>
      <c r="AL20074">
        <v>25</v>
      </c>
      <c r="AM20074">
        <v>25</v>
      </c>
      <c r="AN20074">
        <v>25</v>
      </c>
      <c r="AO20074">
        <v>25</v>
      </c>
      <c r="AP20074">
        <v>25</v>
      </c>
      <c r="AQ20074">
        <v>25</v>
      </c>
    </row>
    <row r="20075" spans="1:43">
      <c r="A20075" t="s">
        <v>12430</v>
      </c>
      <c r="B20075" t="s">
        <v>12431</v>
      </c>
      <c r="C20075" t="s">
        <v>12428</v>
      </c>
      <c r="D20075" t="s">
        <v>12429</v>
      </c>
      <c r="E20075" t="s">
        <v>12006</v>
      </c>
      <c r="F20075" t="s">
        <v>12007</v>
      </c>
      <c r="G20075" t="s">
        <v>10450</v>
      </c>
      <c r="H20075" t="s">
        <v>10451</v>
      </c>
      <c r="I20075" s="2">
        <v>1</v>
      </c>
      <c r="J20075" s="2">
        <v>0</v>
      </c>
      <c r="K20075" s="2">
        <v>0</v>
      </c>
      <c r="L20075" t="s">
        <v>120</v>
      </c>
      <c r="M20075" t="s">
        <v>87</v>
      </c>
      <c r="N20075" t="s">
        <v>88</v>
      </c>
      <c r="O20075" t="s">
        <v>85</v>
      </c>
      <c r="P20075" t="s">
        <v>86</v>
      </c>
      <c r="Q20075">
        <v>20</v>
      </c>
      <c r="R20075">
        <v>20</v>
      </c>
      <c r="S20075">
        <v>20</v>
      </c>
      <c r="T20075">
        <v>20</v>
      </c>
      <c r="U20075">
        <v>20</v>
      </c>
      <c r="V20075">
        <v>20</v>
      </c>
      <c r="W20075">
        <v>20</v>
      </c>
      <c r="X20075">
        <v>20</v>
      </c>
      <c r="Y20075">
        <v>20</v>
      </c>
      <c r="Z20075">
        <v>20</v>
      </c>
      <c r="AA20075">
        <v>20</v>
      </c>
      <c r="AB20075">
        <v>21</v>
      </c>
      <c r="AC20075">
        <v>21</v>
      </c>
      <c r="AD20075">
        <v>21</v>
      </c>
      <c r="AE20075">
        <v>21</v>
      </c>
      <c r="AF20075">
        <v>21</v>
      </c>
      <c r="AG20075">
        <v>21</v>
      </c>
      <c r="AH20075">
        <v>21</v>
      </c>
      <c r="AI20075">
        <v>21</v>
      </c>
      <c r="AJ20075">
        <v>21</v>
      </c>
      <c r="AK20075">
        <v>21</v>
      </c>
      <c r="AL20075">
        <v>21</v>
      </c>
      <c r="AM20075">
        <v>21</v>
      </c>
      <c r="AN20075">
        <v>21</v>
      </c>
      <c r="AO20075">
        <v>21</v>
      </c>
      <c r="AP20075">
        <v>21</v>
      </c>
      <c r="AQ20075">
        <v>21</v>
      </c>
    </row>
    <row r="20076" spans="1:43">
      <c r="A20076" t="s">
        <v>12430</v>
      </c>
      <c r="B20076" t="s">
        <v>12431</v>
      </c>
      <c r="C20076" t="s">
        <v>12428</v>
      </c>
      <c r="D20076" t="s">
        <v>12429</v>
      </c>
      <c r="E20076" t="s">
        <v>12006</v>
      </c>
      <c r="F20076" t="s">
        <v>12007</v>
      </c>
      <c r="G20076" t="s">
        <v>10450</v>
      </c>
      <c r="H20076" t="s">
        <v>10451</v>
      </c>
      <c r="I20076" s="2">
        <v>1</v>
      </c>
      <c r="J20076" s="2">
        <v>0</v>
      </c>
      <c r="K20076" s="2">
        <v>0</v>
      </c>
      <c r="L20076" t="s">
        <v>120</v>
      </c>
      <c r="M20076" t="s">
        <v>89</v>
      </c>
      <c r="N20076" t="s">
        <v>90</v>
      </c>
      <c r="O20076" t="s">
        <v>85</v>
      </c>
      <c r="P20076" t="s">
        <v>86</v>
      </c>
      <c r="Q20076">
        <v>20</v>
      </c>
      <c r="R20076">
        <v>21</v>
      </c>
      <c r="S20076">
        <v>21</v>
      </c>
      <c r="T20076">
        <v>21</v>
      </c>
      <c r="U20076">
        <v>22</v>
      </c>
      <c r="V20076">
        <v>22</v>
      </c>
      <c r="W20076">
        <v>23</v>
      </c>
      <c r="X20076">
        <v>23</v>
      </c>
      <c r="Y20076">
        <v>23</v>
      </c>
      <c r="Z20076">
        <v>24</v>
      </c>
      <c r="AA20076">
        <v>24</v>
      </c>
      <c r="AB20076">
        <v>24</v>
      </c>
      <c r="AC20076">
        <v>25</v>
      </c>
      <c r="AD20076">
        <v>25</v>
      </c>
      <c r="AE20076">
        <v>25</v>
      </c>
      <c r="AF20076">
        <v>25</v>
      </c>
      <c r="AG20076">
        <v>25</v>
      </c>
      <c r="AH20076">
        <v>25</v>
      </c>
      <c r="AI20076">
        <v>25</v>
      </c>
      <c r="AJ20076">
        <v>25</v>
      </c>
      <c r="AK20076">
        <v>25</v>
      </c>
      <c r="AL20076">
        <v>25</v>
      </c>
      <c r="AM20076">
        <v>25</v>
      </c>
      <c r="AN20076">
        <v>25</v>
      </c>
      <c r="AO20076">
        <v>25</v>
      </c>
      <c r="AP20076">
        <v>25</v>
      </c>
      <c r="AQ20076">
        <v>25</v>
      </c>
    </row>
    <row r="20077" spans="1:43">
      <c r="A20077" t="s">
        <v>12430</v>
      </c>
      <c r="B20077" t="s">
        <v>12431</v>
      </c>
      <c r="C20077" t="s">
        <v>12428</v>
      </c>
      <c r="D20077" t="s">
        <v>12429</v>
      </c>
      <c r="E20077" t="s">
        <v>12006</v>
      </c>
      <c r="F20077" t="s">
        <v>12007</v>
      </c>
      <c r="G20077" t="s">
        <v>10450</v>
      </c>
      <c r="H20077" t="s">
        <v>10451</v>
      </c>
      <c r="I20077" s="2">
        <v>1</v>
      </c>
      <c r="J20077" s="2">
        <v>0</v>
      </c>
      <c r="K20077" s="2">
        <v>0</v>
      </c>
      <c r="L20077" t="s">
        <v>120</v>
      </c>
      <c r="M20077" t="s">
        <v>83</v>
      </c>
      <c r="N20077" t="s">
        <v>91</v>
      </c>
      <c r="O20077" t="s">
        <v>85</v>
      </c>
      <c r="P20077" t="s">
        <v>86</v>
      </c>
      <c r="Q20077">
        <v>20</v>
      </c>
      <c r="R20077">
        <v>20</v>
      </c>
      <c r="S20077">
        <v>21</v>
      </c>
      <c r="T20077">
        <v>21</v>
      </c>
      <c r="U20077">
        <v>21</v>
      </c>
      <c r="V20077">
        <v>21</v>
      </c>
      <c r="W20077">
        <v>22</v>
      </c>
      <c r="X20077">
        <v>22</v>
      </c>
      <c r="Y20077">
        <v>22</v>
      </c>
      <c r="Z20077">
        <v>22</v>
      </c>
      <c r="AA20077">
        <v>22</v>
      </c>
      <c r="AB20077">
        <v>23</v>
      </c>
      <c r="AC20077">
        <v>23</v>
      </c>
      <c r="AD20077">
        <v>23</v>
      </c>
      <c r="AE20077">
        <v>23</v>
      </c>
      <c r="AF20077">
        <v>24</v>
      </c>
      <c r="AG20077">
        <v>24</v>
      </c>
      <c r="AH20077">
        <v>24</v>
      </c>
      <c r="AI20077">
        <v>24</v>
      </c>
      <c r="AJ20077">
        <v>24</v>
      </c>
      <c r="AK20077">
        <v>25</v>
      </c>
      <c r="AL20077">
        <v>25</v>
      </c>
      <c r="AM20077">
        <v>25</v>
      </c>
      <c r="AN20077">
        <v>25</v>
      </c>
      <c r="AO20077">
        <v>25</v>
      </c>
      <c r="AP20077">
        <v>25</v>
      </c>
      <c r="AQ20077">
        <v>25</v>
      </c>
    </row>
    <row r="20078" spans="1:43">
      <c r="A20078" t="s">
        <v>12432</v>
      </c>
      <c r="B20078" t="s">
        <v>12433</v>
      </c>
      <c r="C20078" t="s">
        <v>12428</v>
      </c>
      <c r="D20078" t="s">
        <v>12429</v>
      </c>
      <c r="E20078" t="s">
        <v>12006</v>
      </c>
      <c r="F20078" t="s">
        <v>12007</v>
      </c>
      <c r="G20078" t="s">
        <v>10450</v>
      </c>
      <c r="H20078" t="s">
        <v>10451</v>
      </c>
      <c r="I20078" s="2">
        <v>1</v>
      </c>
      <c r="J20078" s="2">
        <v>0</v>
      </c>
      <c r="K20078" s="2">
        <v>0</v>
      </c>
      <c r="L20078" t="s">
        <v>120</v>
      </c>
      <c r="M20078" t="s">
        <v>83</v>
      </c>
      <c r="N20078" t="s">
        <v>84</v>
      </c>
      <c r="O20078" t="s">
        <v>85</v>
      </c>
      <c r="P20078" t="s">
        <v>86</v>
      </c>
      <c r="Q20078">
        <v>14</v>
      </c>
      <c r="R20078">
        <v>14</v>
      </c>
      <c r="S20078">
        <v>14</v>
      </c>
      <c r="T20078">
        <v>15</v>
      </c>
      <c r="U20078">
        <v>15</v>
      </c>
      <c r="V20078">
        <v>15</v>
      </c>
      <c r="W20078">
        <v>15</v>
      </c>
      <c r="X20078">
        <v>15</v>
      </c>
      <c r="Y20078">
        <v>16</v>
      </c>
      <c r="Z20078">
        <v>16</v>
      </c>
      <c r="AA20078">
        <v>16</v>
      </c>
      <c r="AB20078">
        <v>16</v>
      </c>
      <c r="AC20078">
        <v>16</v>
      </c>
      <c r="AD20078">
        <v>17</v>
      </c>
      <c r="AE20078">
        <v>17</v>
      </c>
      <c r="AF20078">
        <v>17</v>
      </c>
      <c r="AG20078">
        <v>17</v>
      </c>
      <c r="AH20078">
        <v>17</v>
      </c>
      <c r="AI20078">
        <v>17</v>
      </c>
      <c r="AJ20078">
        <v>18</v>
      </c>
      <c r="AK20078">
        <v>18</v>
      </c>
      <c r="AL20078">
        <v>18</v>
      </c>
      <c r="AM20078">
        <v>18</v>
      </c>
      <c r="AN20078">
        <v>18</v>
      </c>
      <c r="AO20078">
        <v>18</v>
      </c>
      <c r="AP20078">
        <v>18</v>
      </c>
      <c r="AQ20078">
        <v>18</v>
      </c>
    </row>
    <row r="20079" spans="1:43">
      <c r="A20079" t="s">
        <v>12432</v>
      </c>
      <c r="B20079" t="s">
        <v>12433</v>
      </c>
      <c r="C20079" t="s">
        <v>12428</v>
      </c>
      <c r="D20079" t="s">
        <v>12429</v>
      </c>
      <c r="E20079" t="s">
        <v>12006</v>
      </c>
      <c r="F20079" t="s">
        <v>12007</v>
      </c>
      <c r="G20079" t="s">
        <v>10450</v>
      </c>
      <c r="H20079" t="s">
        <v>10451</v>
      </c>
      <c r="I20079" s="2">
        <v>1</v>
      </c>
      <c r="J20079" s="2">
        <v>0</v>
      </c>
      <c r="K20079" s="2">
        <v>0</v>
      </c>
      <c r="L20079" t="s">
        <v>120</v>
      </c>
      <c r="M20079" t="s">
        <v>87</v>
      </c>
      <c r="N20079" t="s">
        <v>88</v>
      </c>
      <c r="O20079" t="s">
        <v>85</v>
      </c>
      <c r="P20079" t="s">
        <v>86</v>
      </c>
      <c r="Q20079">
        <v>14</v>
      </c>
      <c r="R20079">
        <v>14</v>
      </c>
      <c r="S20079">
        <v>14</v>
      </c>
      <c r="T20079">
        <v>14</v>
      </c>
      <c r="U20079">
        <v>14</v>
      </c>
      <c r="V20079">
        <v>14</v>
      </c>
      <c r="W20079">
        <v>14</v>
      </c>
      <c r="X20079">
        <v>14</v>
      </c>
      <c r="Y20079">
        <v>14</v>
      </c>
      <c r="Z20079">
        <v>15</v>
      </c>
      <c r="AA20079">
        <v>15</v>
      </c>
      <c r="AB20079">
        <v>15</v>
      </c>
      <c r="AC20079">
        <v>15</v>
      </c>
      <c r="AD20079">
        <v>15</v>
      </c>
      <c r="AE20079">
        <v>15</v>
      </c>
      <c r="AF20079">
        <v>15</v>
      </c>
      <c r="AG20079">
        <v>15</v>
      </c>
      <c r="AH20079">
        <v>15</v>
      </c>
      <c r="AI20079">
        <v>15</v>
      </c>
      <c r="AJ20079">
        <v>15</v>
      </c>
      <c r="AK20079">
        <v>15</v>
      </c>
      <c r="AL20079">
        <v>15</v>
      </c>
      <c r="AM20079">
        <v>15</v>
      </c>
      <c r="AN20079">
        <v>15</v>
      </c>
      <c r="AO20079">
        <v>15</v>
      </c>
      <c r="AP20079">
        <v>16</v>
      </c>
      <c r="AQ20079">
        <v>16</v>
      </c>
    </row>
    <row r="20080" spans="1:43">
      <c r="A20080" t="s">
        <v>12432</v>
      </c>
      <c r="B20080" t="s">
        <v>12433</v>
      </c>
      <c r="C20080" t="s">
        <v>12428</v>
      </c>
      <c r="D20080" t="s">
        <v>12429</v>
      </c>
      <c r="E20080" t="s">
        <v>12006</v>
      </c>
      <c r="F20080" t="s">
        <v>12007</v>
      </c>
      <c r="G20080" t="s">
        <v>10450</v>
      </c>
      <c r="H20080" t="s">
        <v>10451</v>
      </c>
      <c r="I20080" s="2">
        <v>1</v>
      </c>
      <c r="J20080" s="2">
        <v>0</v>
      </c>
      <c r="K20080" s="2">
        <v>0</v>
      </c>
      <c r="L20080" t="s">
        <v>120</v>
      </c>
      <c r="M20080" t="s">
        <v>89</v>
      </c>
      <c r="N20080" t="s">
        <v>90</v>
      </c>
      <c r="O20080" t="s">
        <v>85</v>
      </c>
      <c r="P20080" t="s">
        <v>86</v>
      </c>
      <c r="Q20080">
        <v>14</v>
      </c>
      <c r="R20080">
        <v>15</v>
      </c>
      <c r="S20080">
        <v>15</v>
      </c>
      <c r="T20080">
        <v>15</v>
      </c>
      <c r="U20080">
        <v>15</v>
      </c>
      <c r="V20080">
        <v>16</v>
      </c>
      <c r="W20080">
        <v>16</v>
      </c>
      <c r="X20080">
        <v>16</v>
      </c>
      <c r="Y20080">
        <v>17</v>
      </c>
      <c r="Z20080">
        <v>17</v>
      </c>
      <c r="AA20080">
        <v>17</v>
      </c>
      <c r="AB20080">
        <v>17</v>
      </c>
      <c r="AC20080">
        <v>18</v>
      </c>
      <c r="AD20080">
        <v>18</v>
      </c>
      <c r="AE20080">
        <v>18</v>
      </c>
      <c r="AF20080">
        <v>18</v>
      </c>
      <c r="AG20080">
        <v>18</v>
      </c>
      <c r="AH20080">
        <v>18</v>
      </c>
      <c r="AI20080">
        <v>18</v>
      </c>
      <c r="AJ20080">
        <v>18</v>
      </c>
      <c r="AK20080">
        <v>18</v>
      </c>
      <c r="AL20080">
        <v>18</v>
      </c>
      <c r="AM20080">
        <v>18</v>
      </c>
      <c r="AN20080">
        <v>18</v>
      </c>
      <c r="AO20080">
        <v>18</v>
      </c>
      <c r="AP20080">
        <v>18</v>
      </c>
      <c r="AQ20080">
        <v>18</v>
      </c>
    </row>
    <row r="20081" spans="1:43">
      <c r="A20081" t="s">
        <v>12432</v>
      </c>
      <c r="B20081" t="s">
        <v>12433</v>
      </c>
      <c r="C20081" t="s">
        <v>12428</v>
      </c>
      <c r="D20081" t="s">
        <v>12429</v>
      </c>
      <c r="E20081" t="s">
        <v>12006</v>
      </c>
      <c r="F20081" t="s">
        <v>12007</v>
      </c>
      <c r="G20081" t="s">
        <v>10450</v>
      </c>
      <c r="H20081" t="s">
        <v>10451</v>
      </c>
      <c r="I20081" s="2">
        <v>1</v>
      </c>
      <c r="J20081" s="2">
        <v>0</v>
      </c>
      <c r="K20081" s="2">
        <v>0</v>
      </c>
      <c r="L20081" t="s">
        <v>120</v>
      </c>
      <c r="M20081" t="s">
        <v>83</v>
      </c>
      <c r="N20081" t="s">
        <v>91</v>
      </c>
      <c r="O20081" t="s">
        <v>85</v>
      </c>
      <c r="P20081" t="s">
        <v>86</v>
      </c>
      <c r="Q20081">
        <v>14</v>
      </c>
      <c r="R20081">
        <v>14</v>
      </c>
      <c r="S20081">
        <v>14</v>
      </c>
      <c r="T20081">
        <v>15</v>
      </c>
      <c r="U20081">
        <v>15</v>
      </c>
      <c r="V20081">
        <v>15</v>
      </c>
      <c r="W20081">
        <v>15</v>
      </c>
      <c r="X20081">
        <v>15</v>
      </c>
      <c r="Y20081">
        <v>16</v>
      </c>
      <c r="Z20081">
        <v>16</v>
      </c>
      <c r="AA20081">
        <v>16</v>
      </c>
      <c r="AB20081">
        <v>16</v>
      </c>
      <c r="AC20081">
        <v>16</v>
      </c>
      <c r="AD20081">
        <v>17</v>
      </c>
      <c r="AE20081">
        <v>17</v>
      </c>
      <c r="AF20081">
        <v>17</v>
      </c>
      <c r="AG20081">
        <v>17</v>
      </c>
      <c r="AH20081">
        <v>17</v>
      </c>
      <c r="AI20081">
        <v>17</v>
      </c>
      <c r="AJ20081">
        <v>18</v>
      </c>
      <c r="AK20081">
        <v>18</v>
      </c>
      <c r="AL20081">
        <v>18</v>
      </c>
      <c r="AM20081">
        <v>18</v>
      </c>
      <c r="AN20081">
        <v>18</v>
      </c>
      <c r="AO20081">
        <v>18</v>
      </c>
      <c r="AP20081">
        <v>18</v>
      </c>
      <c r="AQ20081">
        <v>18</v>
      </c>
    </row>
    <row r="20082" spans="1:43">
      <c r="A20082" t="s">
        <v>12434</v>
      </c>
      <c r="B20082" t="s">
        <v>12435</v>
      </c>
      <c r="C20082" t="s">
        <v>12428</v>
      </c>
      <c r="D20082" t="s">
        <v>12429</v>
      </c>
      <c r="E20082" t="s">
        <v>12006</v>
      </c>
      <c r="F20082" t="s">
        <v>12007</v>
      </c>
      <c r="G20082" t="s">
        <v>10450</v>
      </c>
      <c r="H20082" t="s">
        <v>10451</v>
      </c>
      <c r="I20082" s="2">
        <v>1</v>
      </c>
      <c r="J20082" s="2">
        <v>0</v>
      </c>
      <c r="K20082" s="2">
        <v>0</v>
      </c>
      <c r="L20082" t="s">
        <v>120</v>
      </c>
      <c r="M20082" t="s">
        <v>83</v>
      </c>
      <c r="N20082" t="s">
        <v>84</v>
      </c>
      <c r="O20082" t="s">
        <v>85</v>
      </c>
      <c r="P20082" t="s">
        <v>86</v>
      </c>
      <c r="Q20082">
        <v>29</v>
      </c>
      <c r="R20082">
        <v>29</v>
      </c>
      <c r="S20082">
        <v>29</v>
      </c>
      <c r="T20082">
        <v>30</v>
      </c>
      <c r="U20082">
        <v>30</v>
      </c>
      <c r="V20082">
        <v>31</v>
      </c>
      <c r="W20082">
        <v>31</v>
      </c>
      <c r="X20082">
        <v>31</v>
      </c>
      <c r="Y20082">
        <v>32</v>
      </c>
      <c r="Z20082">
        <v>32</v>
      </c>
      <c r="AA20082">
        <v>33</v>
      </c>
      <c r="AB20082">
        <v>33</v>
      </c>
      <c r="AC20082">
        <v>33</v>
      </c>
      <c r="AD20082">
        <v>34</v>
      </c>
      <c r="AE20082">
        <v>34</v>
      </c>
      <c r="AF20082">
        <v>34</v>
      </c>
      <c r="AG20082">
        <v>35</v>
      </c>
      <c r="AH20082">
        <v>35</v>
      </c>
      <c r="AI20082">
        <v>35</v>
      </c>
      <c r="AJ20082">
        <v>36</v>
      </c>
      <c r="AK20082">
        <v>36</v>
      </c>
      <c r="AL20082">
        <v>36</v>
      </c>
      <c r="AM20082">
        <v>36</v>
      </c>
      <c r="AN20082">
        <v>36</v>
      </c>
      <c r="AO20082">
        <v>36</v>
      </c>
      <c r="AP20082">
        <v>36</v>
      </c>
      <c r="AQ20082">
        <v>36</v>
      </c>
    </row>
    <row r="20083" spans="1:43">
      <c r="A20083" t="s">
        <v>12434</v>
      </c>
      <c r="B20083" t="s">
        <v>12435</v>
      </c>
      <c r="C20083" t="s">
        <v>12428</v>
      </c>
      <c r="D20083" t="s">
        <v>12429</v>
      </c>
      <c r="E20083" t="s">
        <v>12006</v>
      </c>
      <c r="F20083" t="s">
        <v>12007</v>
      </c>
      <c r="G20083" t="s">
        <v>10450</v>
      </c>
      <c r="H20083" t="s">
        <v>10451</v>
      </c>
      <c r="I20083" s="2">
        <v>1</v>
      </c>
      <c r="J20083" s="2">
        <v>0</v>
      </c>
      <c r="K20083" s="2">
        <v>0</v>
      </c>
      <c r="L20083" t="s">
        <v>120</v>
      </c>
      <c r="M20083" t="s">
        <v>87</v>
      </c>
      <c r="N20083" t="s">
        <v>88</v>
      </c>
      <c r="O20083" t="s">
        <v>85</v>
      </c>
      <c r="P20083" t="s">
        <v>86</v>
      </c>
      <c r="Q20083">
        <v>29</v>
      </c>
      <c r="R20083">
        <v>29</v>
      </c>
      <c r="S20083">
        <v>30</v>
      </c>
      <c r="T20083">
        <v>30</v>
      </c>
      <c r="U20083">
        <v>30</v>
      </c>
      <c r="V20083">
        <v>30</v>
      </c>
      <c r="W20083">
        <v>30</v>
      </c>
      <c r="X20083">
        <v>30</v>
      </c>
      <c r="Y20083">
        <v>30</v>
      </c>
      <c r="Z20083">
        <v>31</v>
      </c>
      <c r="AA20083">
        <v>31</v>
      </c>
      <c r="AB20083">
        <v>31</v>
      </c>
      <c r="AC20083">
        <v>31</v>
      </c>
      <c r="AD20083">
        <v>31</v>
      </c>
      <c r="AE20083">
        <v>31</v>
      </c>
      <c r="AF20083">
        <v>31</v>
      </c>
      <c r="AG20083">
        <v>31</v>
      </c>
      <c r="AH20083">
        <v>32</v>
      </c>
      <c r="AI20083">
        <v>32</v>
      </c>
      <c r="AJ20083">
        <v>32</v>
      </c>
      <c r="AK20083">
        <v>32</v>
      </c>
      <c r="AL20083">
        <v>32</v>
      </c>
      <c r="AM20083">
        <v>32</v>
      </c>
      <c r="AN20083">
        <v>32</v>
      </c>
      <c r="AO20083">
        <v>32</v>
      </c>
      <c r="AP20083">
        <v>32</v>
      </c>
      <c r="AQ20083">
        <v>33</v>
      </c>
    </row>
    <row r="20084" spans="1:43">
      <c r="A20084" t="s">
        <v>12434</v>
      </c>
      <c r="B20084" t="s">
        <v>12435</v>
      </c>
      <c r="C20084" t="s">
        <v>12428</v>
      </c>
      <c r="D20084" t="s">
        <v>12429</v>
      </c>
      <c r="E20084" t="s">
        <v>12006</v>
      </c>
      <c r="F20084" t="s">
        <v>12007</v>
      </c>
      <c r="G20084" t="s">
        <v>10450</v>
      </c>
      <c r="H20084" t="s">
        <v>10451</v>
      </c>
      <c r="I20084" s="2">
        <v>1</v>
      </c>
      <c r="J20084" s="2">
        <v>0</v>
      </c>
      <c r="K20084" s="2">
        <v>0</v>
      </c>
      <c r="L20084" t="s">
        <v>120</v>
      </c>
      <c r="M20084" t="s">
        <v>89</v>
      </c>
      <c r="N20084" t="s">
        <v>90</v>
      </c>
      <c r="O20084" t="s">
        <v>85</v>
      </c>
      <c r="P20084" t="s">
        <v>86</v>
      </c>
      <c r="Q20084">
        <v>29</v>
      </c>
      <c r="R20084">
        <v>29</v>
      </c>
      <c r="S20084">
        <v>30</v>
      </c>
      <c r="T20084">
        <v>31</v>
      </c>
      <c r="U20084">
        <v>31</v>
      </c>
      <c r="V20084">
        <v>32</v>
      </c>
      <c r="W20084">
        <v>32</v>
      </c>
      <c r="X20084">
        <v>33</v>
      </c>
      <c r="Y20084">
        <v>34</v>
      </c>
      <c r="Z20084">
        <v>34</v>
      </c>
      <c r="AA20084">
        <v>35</v>
      </c>
      <c r="AB20084">
        <v>35</v>
      </c>
      <c r="AC20084">
        <v>36</v>
      </c>
      <c r="AD20084">
        <v>36</v>
      </c>
      <c r="AE20084">
        <v>36</v>
      </c>
      <c r="AF20084">
        <v>36</v>
      </c>
      <c r="AG20084">
        <v>37</v>
      </c>
      <c r="AH20084">
        <v>37</v>
      </c>
      <c r="AI20084">
        <v>37</v>
      </c>
      <c r="AJ20084">
        <v>37</v>
      </c>
      <c r="AK20084">
        <v>37</v>
      </c>
      <c r="AL20084">
        <v>37</v>
      </c>
      <c r="AM20084">
        <v>37</v>
      </c>
      <c r="AN20084">
        <v>37</v>
      </c>
      <c r="AO20084">
        <v>37</v>
      </c>
      <c r="AP20084">
        <v>37</v>
      </c>
      <c r="AQ20084">
        <v>37</v>
      </c>
    </row>
    <row r="20085" spans="1:43">
      <c r="A20085" t="s">
        <v>12434</v>
      </c>
      <c r="B20085" t="s">
        <v>12435</v>
      </c>
      <c r="C20085" t="s">
        <v>12428</v>
      </c>
      <c r="D20085" t="s">
        <v>12429</v>
      </c>
      <c r="E20085" t="s">
        <v>12006</v>
      </c>
      <c r="F20085" t="s">
        <v>12007</v>
      </c>
      <c r="G20085" t="s">
        <v>10450</v>
      </c>
      <c r="H20085" t="s">
        <v>10451</v>
      </c>
      <c r="I20085" s="2">
        <v>1</v>
      </c>
      <c r="J20085" s="2">
        <v>0</v>
      </c>
      <c r="K20085" s="2">
        <v>0</v>
      </c>
      <c r="L20085" t="s">
        <v>120</v>
      </c>
      <c r="M20085" t="s">
        <v>83</v>
      </c>
      <c r="N20085" t="s">
        <v>91</v>
      </c>
      <c r="O20085" t="s">
        <v>85</v>
      </c>
      <c r="P20085" t="s">
        <v>86</v>
      </c>
      <c r="Q20085">
        <v>29</v>
      </c>
      <c r="R20085">
        <v>29</v>
      </c>
      <c r="S20085">
        <v>29</v>
      </c>
      <c r="T20085">
        <v>30</v>
      </c>
      <c r="U20085">
        <v>30</v>
      </c>
      <c r="V20085">
        <v>31</v>
      </c>
      <c r="W20085">
        <v>31</v>
      </c>
      <c r="X20085">
        <v>31</v>
      </c>
      <c r="Y20085">
        <v>32</v>
      </c>
      <c r="Z20085">
        <v>32</v>
      </c>
      <c r="AA20085">
        <v>33</v>
      </c>
      <c r="AB20085">
        <v>33</v>
      </c>
      <c r="AC20085">
        <v>33</v>
      </c>
      <c r="AD20085">
        <v>34</v>
      </c>
      <c r="AE20085">
        <v>34</v>
      </c>
      <c r="AF20085">
        <v>34</v>
      </c>
      <c r="AG20085">
        <v>35</v>
      </c>
      <c r="AH20085">
        <v>35</v>
      </c>
      <c r="AI20085">
        <v>35</v>
      </c>
      <c r="AJ20085">
        <v>36</v>
      </c>
      <c r="AK20085">
        <v>36</v>
      </c>
      <c r="AL20085">
        <v>36</v>
      </c>
      <c r="AM20085">
        <v>36</v>
      </c>
      <c r="AN20085">
        <v>36</v>
      </c>
      <c r="AO20085">
        <v>36</v>
      </c>
      <c r="AP20085">
        <v>36</v>
      </c>
      <c r="AQ20085">
        <v>36</v>
      </c>
    </row>
    <row r="20086" spans="1:43">
      <c r="A20086" t="s">
        <v>12436</v>
      </c>
      <c r="B20086" t="s">
        <v>12437</v>
      </c>
      <c r="C20086" t="s">
        <v>12438</v>
      </c>
      <c r="D20086" t="s">
        <v>12439</v>
      </c>
      <c r="E20086" t="s">
        <v>12006</v>
      </c>
      <c r="F20086" t="s">
        <v>12007</v>
      </c>
      <c r="G20086" t="s">
        <v>10450</v>
      </c>
      <c r="H20086" t="s">
        <v>10451</v>
      </c>
      <c r="I20086" s="2">
        <v>1</v>
      </c>
      <c r="J20086" s="2">
        <v>0</v>
      </c>
      <c r="K20086" s="2">
        <v>0</v>
      </c>
      <c r="L20086" t="s">
        <v>120</v>
      </c>
      <c r="M20086" t="s">
        <v>83</v>
      </c>
      <c r="N20086" t="s">
        <v>84</v>
      </c>
      <c r="O20086" t="s">
        <v>85</v>
      </c>
      <c r="P20086" t="s">
        <v>86</v>
      </c>
      <c r="Q20086">
        <v>24</v>
      </c>
      <c r="R20086">
        <v>25</v>
      </c>
      <c r="S20086">
        <v>25</v>
      </c>
      <c r="T20086">
        <v>25</v>
      </c>
      <c r="U20086">
        <v>26</v>
      </c>
      <c r="V20086">
        <v>26</v>
      </c>
      <c r="W20086">
        <v>26</v>
      </c>
      <c r="X20086">
        <v>27</v>
      </c>
      <c r="Y20086">
        <v>27</v>
      </c>
      <c r="Z20086">
        <v>27</v>
      </c>
      <c r="AA20086">
        <v>28</v>
      </c>
      <c r="AB20086">
        <v>28</v>
      </c>
      <c r="AC20086">
        <v>28</v>
      </c>
      <c r="AD20086">
        <v>29</v>
      </c>
      <c r="AE20086">
        <v>29</v>
      </c>
      <c r="AF20086">
        <v>29</v>
      </c>
      <c r="AG20086">
        <v>29</v>
      </c>
      <c r="AH20086">
        <v>30</v>
      </c>
      <c r="AI20086">
        <v>30</v>
      </c>
      <c r="AJ20086">
        <v>30</v>
      </c>
      <c r="AK20086">
        <v>31</v>
      </c>
      <c r="AL20086">
        <v>31</v>
      </c>
      <c r="AM20086">
        <v>31</v>
      </c>
      <c r="AN20086">
        <v>31</v>
      </c>
      <c r="AO20086">
        <v>31</v>
      </c>
      <c r="AP20086">
        <v>31</v>
      </c>
      <c r="AQ20086">
        <v>31</v>
      </c>
    </row>
    <row r="20087" spans="1:43">
      <c r="A20087" t="s">
        <v>12436</v>
      </c>
      <c r="B20087" t="s">
        <v>12437</v>
      </c>
      <c r="C20087" t="s">
        <v>12438</v>
      </c>
      <c r="D20087" t="s">
        <v>12439</v>
      </c>
      <c r="E20087" t="s">
        <v>12006</v>
      </c>
      <c r="F20087" t="s">
        <v>12007</v>
      </c>
      <c r="G20087" t="s">
        <v>10450</v>
      </c>
      <c r="H20087" t="s">
        <v>10451</v>
      </c>
      <c r="I20087" s="2">
        <v>1</v>
      </c>
      <c r="J20087" s="2">
        <v>0</v>
      </c>
      <c r="K20087" s="2">
        <v>0</v>
      </c>
      <c r="L20087" t="s">
        <v>120</v>
      </c>
      <c r="M20087" t="s">
        <v>87</v>
      </c>
      <c r="N20087" t="s">
        <v>88</v>
      </c>
      <c r="O20087" t="s">
        <v>85</v>
      </c>
      <c r="P20087" t="s">
        <v>86</v>
      </c>
      <c r="Q20087">
        <v>24</v>
      </c>
      <c r="R20087">
        <v>24</v>
      </c>
      <c r="S20087">
        <v>24</v>
      </c>
      <c r="T20087">
        <v>24</v>
      </c>
      <c r="U20087">
        <v>24</v>
      </c>
      <c r="V20087">
        <v>25</v>
      </c>
      <c r="W20087">
        <v>25</v>
      </c>
      <c r="X20087">
        <v>25</v>
      </c>
      <c r="Y20087">
        <v>25</v>
      </c>
      <c r="Z20087">
        <v>25</v>
      </c>
      <c r="AA20087">
        <v>25</v>
      </c>
      <c r="AB20087">
        <v>25</v>
      </c>
      <c r="AC20087">
        <v>25</v>
      </c>
      <c r="AD20087">
        <v>25</v>
      </c>
      <c r="AE20087">
        <v>26</v>
      </c>
      <c r="AF20087">
        <v>26</v>
      </c>
      <c r="AG20087">
        <v>26</v>
      </c>
      <c r="AH20087">
        <v>26</v>
      </c>
      <c r="AI20087">
        <v>26</v>
      </c>
      <c r="AJ20087">
        <v>26</v>
      </c>
      <c r="AK20087">
        <v>26</v>
      </c>
      <c r="AL20087">
        <v>26</v>
      </c>
      <c r="AM20087">
        <v>26</v>
      </c>
      <c r="AN20087">
        <v>27</v>
      </c>
      <c r="AO20087">
        <v>27</v>
      </c>
      <c r="AP20087">
        <v>27</v>
      </c>
      <c r="AQ20087">
        <v>27</v>
      </c>
    </row>
    <row r="20088" spans="1:43">
      <c r="A20088" t="s">
        <v>12436</v>
      </c>
      <c r="B20088" t="s">
        <v>12437</v>
      </c>
      <c r="C20088" t="s">
        <v>12438</v>
      </c>
      <c r="D20088" t="s">
        <v>12439</v>
      </c>
      <c r="E20088" t="s">
        <v>12006</v>
      </c>
      <c r="F20088" t="s">
        <v>12007</v>
      </c>
      <c r="G20088" t="s">
        <v>10450</v>
      </c>
      <c r="H20088" t="s">
        <v>10451</v>
      </c>
      <c r="I20088" s="2">
        <v>1</v>
      </c>
      <c r="J20088" s="2">
        <v>0</v>
      </c>
      <c r="K20088" s="2">
        <v>0</v>
      </c>
      <c r="L20088" t="s">
        <v>120</v>
      </c>
      <c r="M20088" t="s">
        <v>89</v>
      </c>
      <c r="N20088" t="s">
        <v>90</v>
      </c>
      <c r="O20088" t="s">
        <v>85</v>
      </c>
      <c r="P20088" t="s">
        <v>86</v>
      </c>
      <c r="Q20088">
        <v>24</v>
      </c>
      <c r="R20088">
        <v>25</v>
      </c>
      <c r="S20088">
        <v>26</v>
      </c>
      <c r="T20088">
        <v>26</v>
      </c>
      <c r="U20088">
        <v>27</v>
      </c>
      <c r="V20088">
        <v>27</v>
      </c>
      <c r="W20088">
        <v>28</v>
      </c>
      <c r="X20088">
        <v>28</v>
      </c>
      <c r="Y20088">
        <v>28</v>
      </c>
      <c r="Z20088">
        <v>29</v>
      </c>
      <c r="AA20088">
        <v>29</v>
      </c>
      <c r="AB20088">
        <v>30</v>
      </c>
      <c r="AC20088">
        <v>30</v>
      </c>
      <c r="AD20088">
        <v>31</v>
      </c>
      <c r="AE20088">
        <v>31</v>
      </c>
      <c r="AF20088">
        <v>31</v>
      </c>
      <c r="AG20088">
        <v>31</v>
      </c>
      <c r="AH20088">
        <v>31</v>
      </c>
      <c r="AI20088">
        <v>31</v>
      </c>
      <c r="AJ20088">
        <v>31</v>
      </c>
      <c r="AK20088">
        <v>31</v>
      </c>
      <c r="AL20088">
        <v>31</v>
      </c>
      <c r="AM20088">
        <v>31</v>
      </c>
      <c r="AN20088">
        <v>31</v>
      </c>
      <c r="AO20088">
        <v>31</v>
      </c>
      <c r="AP20088">
        <v>31</v>
      </c>
      <c r="AQ20088">
        <v>31</v>
      </c>
    </row>
    <row r="20089" spans="1:43">
      <c r="A20089" t="s">
        <v>12436</v>
      </c>
      <c r="B20089" t="s">
        <v>12437</v>
      </c>
      <c r="C20089" t="s">
        <v>12438</v>
      </c>
      <c r="D20089" t="s">
        <v>12439</v>
      </c>
      <c r="E20089" t="s">
        <v>12006</v>
      </c>
      <c r="F20089" t="s">
        <v>12007</v>
      </c>
      <c r="G20089" t="s">
        <v>10450</v>
      </c>
      <c r="H20089" t="s">
        <v>10451</v>
      </c>
      <c r="I20089" s="2">
        <v>1</v>
      </c>
      <c r="J20089" s="2">
        <v>0</v>
      </c>
      <c r="K20089" s="2">
        <v>0</v>
      </c>
      <c r="L20089" t="s">
        <v>120</v>
      </c>
      <c r="M20089" t="s">
        <v>83</v>
      </c>
      <c r="N20089" t="s">
        <v>91</v>
      </c>
      <c r="O20089" t="s">
        <v>85</v>
      </c>
      <c r="P20089" t="s">
        <v>86</v>
      </c>
      <c r="Q20089">
        <v>24</v>
      </c>
      <c r="R20089">
        <v>25</v>
      </c>
      <c r="S20089">
        <v>25</v>
      </c>
      <c r="T20089">
        <v>25</v>
      </c>
      <c r="U20089">
        <v>26</v>
      </c>
      <c r="V20089">
        <v>26</v>
      </c>
      <c r="W20089">
        <v>26</v>
      </c>
      <c r="X20089">
        <v>27</v>
      </c>
      <c r="Y20089">
        <v>27</v>
      </c>
      <c r="Z20089">
        <v>27</v>
      </c>
      <c r="AA20089">
        <v>28</v>
      </c>
      <c r="AB20089">
        <v>28</v>
      </c>
      <c r="AC20089">
        <v>28</v>
      </c>
      <c r="AD20089">
        <v>29</v>
      </c>
      <c r="AE20089">
        <v>29</v>
      </c>
      <c r="AF20089">
        <v>29</v>
      </c>
      <c r="AG20089">
        <v>29</v>
      </c>
      <c r="AH20089">
        <v>30</v>
      </c>
      <c r="AI20089">
        <v>30</v>
      </c>
      <c r="AJ20089">
        <v>30</v>
      </c>
      <c r="AK20089">
        <v>31</v>
      </c>
      <c r="AL20089">
        <v>31</v>
      </c>
      <c r="AM20089">
        <v>31</v>
      </c>
      <c r="AN20089">
        <v>31</v>
      </c>
      <c r="AO20089">
        <v>31</v>
      </c>
      <c r="AP20089">
        <v>31</v>
      </c>
      <c r="AQ20089">
        <v>31</v>
      </c>
    </row>
    <row r="20090" spans="1:43">
      <c r="A20090" t="s">
        <v>12440</v>
      </c>
      <c r="B20090" t="s">
        <v>12441</v>
      </c>
      <c r="C20090" t="s">
        <v>12442</v>
      </c>
      <c r="D20090" t="s">
        <v>12443</v>
      </c>
      <c r="E20090" t="s">
        <v>12006</v>
      </c>
      <c r="F20090" t="s">
        <v>12007</v>
      </c>
      <c r="G20090" t="s">
        <v>10450</v>
      </c>
      <c r="H20090" t="s">
        <v>10451</v>
      </c>
      <c r="I20090" s="2">
        <v>1</v>
      </c>
      <c r="J20090" s="2">
        <v>0</v>
      </c>
      <c r="K20090" s="2">
        <v>0</v>
      </c>
      <c r="L20090" t="s">
        <v>120</v>
      </c>
      <c r="M20090" t="s">
        <v>83</v>
      </c>
      <c r="N20090" t="s">
        <v>84</v>
      </c>
      <c r="O20090" t="s">
        <v>85</v>
      </c>
      <c r="P20090" t="s">
        <v>86</v>
      </c>
      <c r="Q20090">
        <v>11</v>
      </c>
      <c r="R20090">
        <v>11</v>
      </c>
      <c r="S20090">
        <v>12</v>
      </c>
      <c r="T20090">
        <v>12</v>
      </c>
      <c r="U20090">
        <v>12</v>
      </c>
      <c r="V20090">
        <v>12</v>
      </c>
      <c r="W20090">
        <v>12</v>
      </c>
      <c r="X20090">
        <v>12</v>
      </c>
      <c r="Y20090">
        <v>13</v>
      </c>
      <c r="Z20090">
        <v>13</v>
      </c>
      <c r="AA20090">
        <v>13</v>
      </c>
      <c r="AB20090">
        <v>13</v>
      </c>
      <c r="AC20090">
        <v>13</v>
      </c>
      <c r="AD20090">
        <v>13</v>
      </c>
      <c r="AE20090">
        <v>13</v>
      </c>
      <c r="AF20090">
        <v>14</v>
      </c>
      <c r="AG20090">
        <v>14</v>
      </c>
      <c r="AH20090">
        <v>14</v>
      </c>
      <c r="AI20090">
        <v>14</v>
      </c>
      <c r="AJ20090">
        <v>14</v>
      </c>
      <c r="AK20090">
        <v>14</v>
      </c>
      <c r="AL20090">
        <v>14</v>
      </c>
      <c r="AM20090">
        <v>14</v>
      </c>
      <c r="AN20090">
        <v>14</v>
      </c>
      <c r="AO20090">
        <v>14</v>
      </c>
      <c r="AP20090">
        <v>14</v>
      </c>
      <c r="AQ20090">
        <v>14</v>
      </c>
    </row>
    <row r="20091" spans="1:43">
      <c r="A20091" t="s">
        <v>12440</v>
      </c>
      <c r="B20091" t="s">
        <v>12441</v>
      </c>
      <c r="C20091" t="s">
        <v>12442</v>
      </c>
      <c r="D20091" t="s">
        <v>12443</v>
      </c>
      <c r="E20091" t="s">
        <v>12006</v>
      </c>
      <c r="F20091" t="s">
        <v>12007</v>
      </c>
      <c r="G20091" t="s">
        <v>10450</v>
      </c>
      <c r="H20091" t="s">
        <v>10451</v>
      </c>
      <c r="I20091" s="2">
        <v>1</v>
      </c>
      <c r="J20091" s="2">
        <v>0</v>
      </c>
      <c r="K20091" s="2">
        <v>0</v>
      </c>
      <c r="L20091" t="s">
        <v>120</v>
      </c>
      <c r="M20091" t="s">
        <v>87</v>
      </c>
      <c r="N20091" t="s">
        <v>88</v>
      </c>
      <c r="O20091" t="s">
        <v>85</v>
      </c>
      <c r="P20091" t="s">
        <v>86</v>
      </c>
      <c r="Q20091">
        <v>11</v>
      </c>
      <c r="R20091">
        <v>11</v>
      </c>
      <c r="S20091">
        <v>11</v>
      </c>
      <c r="T20091">
        <v>11</v>
      </c>
      <c r="U20091">
        <v>11</v>
      </c>
      <c r="V20091">
        <v>11</v>
      </c>
      <c r="W20091">
        <v>12</v>
      </c>
      <c r="X20091">
        <v>12</v>
      </c>
      <c r="Y20091">
        <v>12</v>
      </c>
      <c r="Z20091">
        <v>12</v>
      </c>
      <c r="AA20091">
        <v>12</v>
      </c>
      <c r="AB20091">
        <v>12</v>
      </c>
      <c r="AC20091">
        <v>12</v>
      </c>
      <c r="AD20091">
        <v>12</v>
      </c>
      <c r="AE20091">
        <v>12</v>
      </c>
      <c r="AF20091">
        <v>12</v>
      </c>
      <c r="AG20091">
        <v>12</v>
      </c>
      <c r="AH20091">
        <v>12</v>
      </c>
      <c r="AI20091">
        <v>12</v>
      </c>
      <c r="AJ20091">
        <v>12</v>
      </c>
      <c r="AK20091">
        <v>12</v>
      </c>
      <c r="AL20091">
        <v>12</v>
      </c>
      <c r="AM20091">
        <v>12</v>
      </c>
      <c r="AN20091">
        <v>12</v>
      </c>
      <c r="AO20091">
        <v>12</v>
      </c>
      <c r="AP20091">
        <v>12</v>
      </c>
      <c r="AQ20091">
        <v>13</v>
      </c>
    </row>
    <row r="20092" spans="1:43">
      <c r="A20092" t="s">
        <v>12440</v>
      </c>
      <c r="B20092" t="s">
        <v>12441</v>
      </c>
      <c r="C20092" t="s">
        <v>12442</v>
      </c>
      <c r="D20092" t="s">
        <v>12443</v>
      </c>
      <c r="E20092" t="s">
        <v>12006</v>
      </c>
      <c r="F20092" t="s">
        <v>12007</v>
      </c>
      <c r="G20092" t="s">
        <v>10450</v>
      </c>
      <c r="H20092" t="s">
        <v>10451</v>
      </c>
      <c r="I20092" s="2">
        <v>1</v>
      </c>
      <c r="J20092" s="2">
        <v>0</v>
      </c>
      <c r="K20092" s="2">
        <v>0</v>
      </c>
      <c r="L20092" t="s">
        <v>120</v>
      </c>
      <c r="M20092" t="s">
        <v>89</v>
      </c>
      <c r="N20092" t="s">
        <v>90</v>
      </c>
      <c r="O20092" t="s">
        <v>85</v>
      </c>
      <c r="P20092" t="s">
        <v>86</v>
      </c>
      <c r="Q20092">
        <v>11</v>
      </c>
      <c r="R20092">
        <v>12</v>
      </c>
      <c r="S20092">
        <v>12</v>
      </c>
      <c r="T20092">
        <v>12</v>
      </c>
      <c r="U20092">
        <v>12</v>
      </c>
      <c r="V20092">
        <v>13</v>
      </c>
      <c r="W20092">
        <v>13</v>
      </c>
      <c r="X20092">
        <v>13</v>
      </c>
      <c r="Y20092">
        <v>13</v>
      </c>
      <c r="Z20092">
        <v>14</v>
      </c>
      <c r="AA20092">
        <v>14</v>
      </c>
      <c r="AB20092">
        <v>14</v>
      </c>
      <c r="AC20092">
        <v>14</v>
      </c>
      <c r="AD20092">
        <v>14</v>
      </c>
      <c r="AE20092">
        <v>14</v>
      </c>
      <c r="AF20092">
        <v>14</v>
      </c>
      <c r="AG20092">
        <v>14</v>
      </c>
      <c r="AH20092">
        <v>14</v>
      </c>
      <c r="AI20092">
        <v>14</v>
      </c>
      <c r="AJ20092">
        <v>14</v>
      </c>
      <c r="AK20092">
        <v>14</v>
      </c>
      <c r="AL20092">
        <v>14</v>
      </c>
      <c r="AM20092">
        <v>14</v>
      </c>
      <c r="AN20092">
        <v>14</v>
      </c>
      <c r="AO20092">
        <v>14</v>
      </c>
      <c r="AP20092">
        <v>14</v>
      </c>
      <c r="AQ20092">
        <v>14</v>
      </c>
    </row>
    <row r="20093" spans="1:43">
      <c r="A20093" t="s">
        <v>12440</v>
      </c>
      <c r="B20093" t="s">
        <v>12441</v>
      </c>
      <c r="C20093" t="s">
        <v>12442</v>
      </c>
      <c r="D20093" t="s">
        <v>12443</v>
      </c>
      <c r="E20093" t="s">
        <v>12006</v>
      </c>
      <c r="F20093" t="s">
        <v>12007</v>
      </c>
      <c r="G20093" t="s">
        <v>10450</v>
      </c>
      <c r="H20093" t="s">
        <v>10451</v>
      </c>
      <c r="I20093" s="2">
        <v>1</v>
      </c>
      <c r="J20093" s="2">
        <v>0</v>
      </c>
      <c r="K20093" s="2">
        <v>0</v>
      </c>
      <c r="L20093" t="s">
        <v>120</v>
      </c>
      <c r="M20093" t="s">
        <v>83</v>
      </c>
      <c r="N20093" t="s">
        <v>91</v>
      </c>
      <c r="O20093" t="s">
        <v>85</v>
      </c>
      <c r="P20093" t="s">
        <v>86</v>
      </c>
      <c r="Q20093">
        <v>11</v>
      </c>
      <c r="R20093">
        <v>11</v>
      </c>
      <c r="S20093">
        <v>12</v>
      </c>
      <c r="T20093">
        <v>12</v>
      </c>
      <c r="U20093">
        <v>12</v>
      </c>
      <c r="V20093">
        <v>12</v>
      </c>
      <c r="W20093">
        <v>12</v>
      </c>
      <c r="X20093">
        <v>12</v>
      </c>
      <c r="Y20093">
        <v>13</v>
      </c>
      <c r="Z20093">
        <v>13</v>
      </c>
      <c r="AA20093">
        <v>13</v>
      </c>
      <c r="AB20093">
        <v>13</v>
      </c>
      <c r="AC20093">
        <v>13</v>
      </c>
      <c r="AD20093">
        <v>13</v>
      </c>
      <c r="AE20093">
        <v>13</v>
      </c>
      <c r="AF20093">
        <v>14</v>
      </c>
      <c r="AG20093">
        <v>14</v>
      </c>
      <c r="AH20093">
        <v>14</v>
      </c>
      <c r="AI20093">
        <v>14</v>
      </c>
      <c r="AJ20093">
        <v>14</v>
      </c>
      <c r="AK20093">
        <v>14</v>
      </c>
      <c r="AL20093">
        <v>14</v>
      </c>
      <c r="AM20093">
        <v>14</v>
      </c>
      <c r="AN20093">
        <v>14</v>
      </c>
      <c r="AO20093">
        <v>14</v>
      </c>
      <c r="AP20093">
        <v>14</v>
      </c>
      <c r="AQ20093">
        <v>14</v>
      </c>
    </row>
    <row r="20094" spans="1:43">
      <c r="A20094" t="s">
        <v>12444</v>
      </c>
      <c r="B20094" t="s">
        <v>12445</v>
      </c>
      <c r="C20094" t="s">
        <v>12438</v>
      </c>
      <c r="D20094" t="s">
        <v>12439</v>
      </c>
      <c r="E20094" t="s">
        <v>12006</v>
      </c>
      <c r="F20094" t="s">
        <v>12007</v>
      </c>
      <c r="G20094" t="s">
        <v>10450</v>
      </c>
      <c r="H20094" t="s">
        <v>10451</v>
      </c>
      <c r="I20094" s="2">
        <v>1</v>
      </c>
      <c r="J20094" s="2">
        <v>0</v>
      </c>
      <c r="K20094" s="2">
        <v>0</v>
      </c>
      <c r="L20094" t="s">
        <v>120</v>
      </c>
      <c r="M20094" t="s">
        <v>83</v>
      </c>
      <c r="N20094" t="s">
        <v>84</v>
      </c>
      <c r="O20094" t="s">
        <v>85</v>
      </c>
      <c r="P20094" t="s">
        <v>86</v>
      </c>
      <c r="Q20094">
        <v>70</v>
      </c>
      <c r="R20094">
        <v>71</v>
      </c>
      <c r="S20094">
        <v>72</v>
      </c>
      <c r="T20094">
        <v>73</v>
      </c>
      <c r="U20094">
        <v>74</v>
      </c>
      <c r="V20094">
        <v>75</v>
      </c>
      <c r="W20094">
        <v>76</v>
      </c>
      <c r="X20094">
        <v>77</v>
      </c>
      <c r="Y20094">
        <v>78</v>
      </c>
      <c r="Z20094">
        <v>78</v>
      </c>
      <c r="AA20094">
        <v>79</v>
      </c>
      <c r="AB20094">
        <v>80</v>
      </c>
      <c r="AC20094">
        <v>81</v>
      </c>
      <c r="AD20094">
        <v>82</v>
      </c>
      <c r="AE20094">
        <v>83</v>
      </c>
      <c r="AF20094">
        <v>84</v>
      </c>
      <c r="AG20094">
        <v>85</v>
      </c>
      <c r="AH20094">
        <v>86</v>
      </c>
      <c r="AI20094">
        <v>87</v>
      </c>
      <c r="AJ20094">
        <v>88</v>
      </c>
      <c r="AK20094">
        <v>88</v>
      </c>
      <c r="AL20094">
        <v>89</v>
      </c>
      <c r="AM20094">
        <v>89</v>
      </c>
      <c r="AN20094">
        <v>89</v>
      </c>
      <c r="AO20094">
        <v>89</v>
      </c>
      <c r="AP20094">
        <v>89</v>
      </c>
      <c r="AQ20094">
        <v>89</v>
      </c>
    </row>
    <row r="20095" spans="1:43">
      <c r="A20095" t="s">
        <v>12444</v>
      </c>
      <c r="B20095" t="s">
        <v>12445</v>
      </c>
      <c r="C20095" t="s">
        <v>12438</v>
      </c>
      <c r="D20095" t="s">
        <v>12439</v>
      </c>
      <c r="E20095" t="s">
        <v>12006</v>
      </c>
      <c r="F20095" t="s">
        <v>12007</v>
      </c>
      <c r="G20095" t="s">
        <v>10450</v>
      </c>
      <c r="H20095" t="s">
        <v>10451</v>
      </c>
      <c r="I20095" s="2">
        <v>1</v>
      </c>
      <c r="J20095" s="2">
        <v>0</v>
      </c>
      <c r="K20095" s="2">
        <v>0</v>
      </c>
      <c r="L20095" t="s">
        <v>120</v>
      </c>
      <c r="M20095" t="s">
        <v>87</v>
      </c>
      <c r="N20095" t="s">
        <v>88</v>
      </c>
      <c r="O20095" t="s">
        <v>85</v>
      </c>
      <c r="P20095" t="s">
        <v>86</v>
      </c>
      <c r="Q20095">
        <v>70</v>
      </c>
      <c r="R20095">
        <v>70</v>
      </c>
      <c r="S20095">
        <v>71</v>
      </c>
      <c r="T20095">
        <v>71</v>
      </c>
      <c r="U20095">
        <v>71</v>
      </c>
      <c r="V20095">
        <v>72</v>
      </c>
      <c r="W20095">
        <v>72</v>
      </c>
      <c r="X20095">
        <v>72</v>
      </c>
      <c r="Y20095">
        <v>73</v>
      </c>
      <c r="Z20095">
        <v>73</v>
      </c>
      <c r="AA20095">
        <v>73</v>
      </c>
      <c r="AB20095">
        <v>74</v>
      </c>
      <c r="AC20095">
        <v>74</v>
      </c>
      <c r="AD20095">
        <v>74</v>
      </c>
      <c r="AE20095">
        <v>75</v>
      </c>
      <c r="AF20095">
        <v>75</v>
      </c>
      <c r="AG20095">
        <v>75</v>
      </c>
      <c r="AH20095">
        <v>76</v>
      </c>
      <c r="AI20095">
        <v>76</v>
      </c>
      <c r="AJ20095">
        <v>76</v>
      </c>
      <c r="AK20095">
        <v>77</v>
      </c>
      <c r="AL20095">
        <v>77</v>
      </c>
      <c r="AM20095">
        <v>77</v>
      </c>
      <c r="AN20095">
        <v>77</v>
      </c>
      <c r="AO20095">
        <v>78</v>
      </c>
      <c r="AP20095">
        <v>78</v>
      </c>
      <c r="AQ20095">
        <v>78</v>
      </c>
    </row>
    <row r="20096" spans="1:43">
      <c r="A20096" t="s">
        <v>12444</v>
      </c>
      <c r="B20096" t="s">
        <v>12445</v>
      </c>
      <c r="C20096" t="s">
        <v>12438</v>
      </c>
      <c r="D20096" t="s">
        <v>12439</v>
      </c>
      <c r="E20096" t="s">
        <v>12006</v>
      </c>
      <c r="F20096" t="s">
        <v>12007</v>
      </c>
      <c r="G20096" t="s">
        <v>10450</v>
      </c>
      <c r="H20096" t="s">
        <v>10451</v>
      </c>
      <c r="I20096" s="2">
        <v>1</v>
      </c>
      <c r="J20096" s="2">
        <v>0</v>
      </c>
      <c r="K20096" s="2">
        <v>0</v>
      </c>
      <c r="L20096" t="s">
        <v>120</v>
      </c>
      <c r="M20096" t="s">
        <v>89</v>
      </c>
      <c r="N20096" t="s">
        <v>90</v>
      </c>
      <c r="O20096" t="s">
        <v>85</v>
      </c>
      <c r="P20096" t="s">
        <v>86</v>
      </c>
      <c r="Q20096">
        <v>70</v>
      </c>
      <c r="R20096">
        <v>72</v>
      </c>
      <c r="S20096">
        <v>74</v>
      </c>
      <c r="T20096">
        <v>75</v>
      </c>
      <c r="U20096">
        <v>77</v>
      </c>
      <c r="V20096">
        <v>78</v>
      </c>
      <c r="W20096">
        <v>79</v>
      </c>
      <c r="X20096">
        <v>81</v>
      </c>
      <c r="Y20096">
        <v>82</v>
      </c>
      <c r="Z20096">
        <v>83</v>
      </c>
      <c r="AA20096">
        <v>85</v>
      </c>
      <c r="AB20096">
        <v>86</v>
      </c>
      <c r="AC20096">
        <v>87</v>
      </c>
      <c r="AD20096">
        <v>88</v>
      </c>
      <c r="AE20096">
        <v>89</v>
      </c>
      <c r="AF20096">
        <v>89</v>
      </c>
      <c r="AG20096">
        <v>89</v>
      </c>
      <c r="AH20096">
        <v>89</v>
      </c>
      <c r="AI20096">
        <v>90</v>
      </c>
      <c r="AJ20096">
        <v>90</v>
      </c>
      <c r="AK20096">
        <v>90</v>
      </c>
      <c r="AL20096">
        <v>90</v>
      </c>
      <c r="AM20096">
        <v>90</v>
      </c>
      <c r="AN20096">
        <v>90</v>
      </c>
      <c r="AO20096">
        <v>90</v>
      </c>
      <c r="AP20096">
        <v>90</v>
      </c>
      <c r="AQ20096">
        <v>90</v>
      </c>
    </row>
    <row r="20097" spans="1:43">
      <c r="A20097" t="s">
        <v>12444</v>
      </c>
      <c r="B20097" t="s">
        <v>12445</v>
      </c>
      <c r="C20097" t="s">
        <v>12438</v>
      </c>
      <c r="D20097" t="s">
        <v>12439</v>
      </c>
      <c r="E20097" t="s">
        <v>12006</v>
      </c>
      <c r="F20097" t="s">
        <v>12007</v>
      </c>
      <c r="G20097" t="s">
        <v>10450</v>
      </c>
      <c r="H20097" t="s">
        <v>10451</v>
      </c>
      <c r="I20097" s="2">
        <v>1</v>
      </c>
      <c r="J20097" s="2">
        <v>0</v>
      </c>
      <c r="K20097" s="2">
        <v>0</v>
      </c>
      <c r="L20097" t="s">
        <v>120</v>
      </c>
      <c r="M20097" t="s">
        <v>83</v>
      </c>
      <c r="N20097" t="s">
        <v>91</v>
      </c>
      <c r="O20097" t="s">
        <v>85</v>
      </c>
      <c r="P20097" t="s">
        <v>86</v>
      </c>
      <c r="Q20097">
        <v>70</v>
      </c>
      <c r="R20097">
        <v>71</v>
      </c>
      <c r="S20097">
        <v>72</v>
      </c>
      <c r="T20097">
        <v>73</v>
      </c>
      <c r="U20097">
        <v>74</v>
      </c>
      <c r="V20097">
        <v>75</v>
      </c>
      <c r="W20097">
        <v>76</v>
      </c>
      <c r="X20097">
        <v>77</v>
      </c>
      <c r="Y20097">
        <v>78</v>
      </c>
      <c r="Z20097">
        <v>78</v>
      </c>
      <c r="AA20097">
        <v>79</v>
      </c>
      <c r="AB20097">
        <v>80</v>
      </c>
      <c r="AC20097">
        <v>81</v>
      </c>
      <c r="AD20097">
        <v>82</v>
      </c>
      <c r="AE20097">
        <v>83</v>
      </c>
      <c r="AF20097">
        <v>84</v>
      </c>
      <c r="AG20097">
        <v>85</v>
      </c>
      <c r="AH20097">
        <v>86</v>
      </c>
      <c r="AI20097">
        <v>87</v>
      </c>
      <c r="AJ20097">
        <v>88</v>
      </c>
      <c r="AK20097">
        <v>88</v>
      </c>
      <c r="AL20097">
        <v>89</v>
      </c>
      <c r="AM20097">
        <v>89</v>
      </c>
      <c r="AN20097">
        <v>89</v>
      </c>
      <c r="AO20097">
        <v>89</v>
      </c>
      <c r="AP20097">
        <v>89</v>
      </c>
      <c r="AQ20097">
        <v>89</v>
      </c>
    </row>
    <row r="20098" spans="1:43">
      <c r="A20098" t="s">
        <v>12446</v>
      </c>
      <c r="B20098" t="s">
        <v>12447</v>
      </c>
      <c r="C20098" t="s">
        <v>12438</v>
      </c>
      <c r="D20098" t="s">
        <v>12439</v>
      </c>
      <c r="E20098" t="s">
        <v>12006</v>
      </c>
      <c r="F20098" t="s">
        <v>12007</v>
      </c>
      <c r="G20098" t="s">
        <v>10450</v>
      </c>
      <c r="H20098" t="s">
        <v>10451</v>
      </c>
      <c r="I20098" s="2">
        <v>1</v>
      </c>
      <c r="J20098" s="2">
        <v>0</v>
      </c>
      <c r="K20098" s="2">
        <v>0</v>
      </c>
      <c r="L20098" t="s">
        <v>120</v>
      </c>
      <c r="M20098" t="s">
        <v>83</v>
      </c>
      <c r="N20098" t="s">
        <v>84</v>
      </c>
      <c r="O20098" t="s">
        <v>85</v>
      </c>
      <c r="P20098" t="s">
        <v>86</v>
      </c>
      <c r="Q20098">
        <v>122</v>
      </c>
      <c r="R20098">
        <v>124</v>
      </c>
      <c r="S20098">
        <v>126</v>
      </c>
      <c r="T20098">
        <v>128</v>
      </c>
      <c r="U20098">
        <v>130</v>
      </c>
      <c r="V20098">
        <v>131</v>
      </c>
      <c r="W20098">
        <v>133</v>
      </c>
      <c r="X20098">
        <v>135</v>
      </c>
      <c r="Y20098">
        <v>136</v>
      </c>
      <c r="Z20098">
        <v>138</v>
      </c>
      <c r="AA20098">
        <v>140</v>
      </c>
      <c r="AB20098">
        <v>141</v>
      </c>
      <c r="AC20098">
        <v>143</v>
      </c>
      <c r="AD20098">
        <v>144</v>
      </c>
      <c r="AE20098">
        <v>146</v>
      </c>
      <c r="AF20098">
        <v>148</v>
      </c>
      <c r="AG20098">
        <v>149</v>
      </c>
      <c r="AH20098">
        <v>151</v>
      </c>
      <c r="AI20098">
        <v>152</v>
      </c>
      <c r="AJ20098">
        <v>154</v>
      </c>
      <c r="AK20098">
        <v>156</v>
      </c>
      <c r="AL20098">
        <v>156</v>
      </c>
      <c r="AM20098">
        <v>156</v>
      </c>
      <c r="AN20098">
        <v>156</v>
      </c>
      <c r="AO20098">
        <v>157</v>
      </c>
      <c r="AP20098">
        <v>157</v>
      </c>
      <c r="AQ20098">
        <v>157</v>
      </c>
    </row>
    <row r="20099" spans="1:43">
      <c r="A20099" t="s">
        <v>12446</v>
      </c>
      <c r="B20099" t="s">
        <v>12447</v>
      </c>
      <c r="C20099" t="s">
        <v>12438</v>
      </c>
      <c r="D20099" t="s">
        <v>12439</v>
      </c>
      <c r="E20099" t="s">
        <v>12006</v>
      </c>
      <c r="F20099" t="s">
        <v>12007</v>
      </c>
      <c r="G20099" t="s">
        <v>10450</v>
      </c>
      <c r="H20099" t="s">
        <v>10451</v>
      </c>
      <c r="I20099" s="2">
        <v>1</v>
      </c>
      <c r="J20099" s="2">
        <v>0</v>
      </c>
      <c r="K20099" s="2">
        <v>0</v>
      </c>
      <c r="L20099" t="s">
        <v>120</v>
      </c>
      <c r="M20099" t="s">
        <v>87</v>
      </c>
      <c r="N20099" t="s">
        <v>88</v>
      </c>
      <c r="O20099" t="s">
        <v>85</v>
      </c>
      <c r="P20099" t="s">
        <v>86</v>
      </c>
      <c r="Q20099">
        <v>122</v>
      </c>
      <c r="R20099">
        <v>123</v>
      </c>
      <c r="S20099">
        <v>124</v>
      </c>
      <c r="T20099">
        <v>124</v>
      </c>
      <c r="U20099">
        <v>125</v>
      </c>
      <c r="V20099">
        <v>125</v>
      </c>
      <c r="W20099">
        <v>126</v>
      </c>
      <c r="X20099">
        <v>127</v>
      </c>
      <c r="Y20099">
        <v>127</v>
      </c>
      <c r="Z20099">
        <v>128</v>
      </c>
      <c r="AA20099">
        <v>128</v>
      </c>
      <c r="AB20099">
        <v>129</v>
      </c>
      <c r="AC20099">
        <v>129</v>
      </c>
      <c r="AD20099">
        <v>130</v>
      </c>
      <c r="AE20099">
        <v>131</v>
      </c>
      <c r="AF20099">
        <v>131</v>
      </c>
      <c r="AG20099">
        <v>132</v>
      </c>
      <c r="AH20099">
        <v>132</v>
      </c>
      <c r="AI20099">
        <v>133</v>
      </c>
      <c r="AJ20099">
        <v>133</v>
      </c>
      <c r="AK20099">
        <v>134</v>
      </c>
      <c r="AL20099">
        <v>134</v>
      </c>
      <c r="AM20099">
        <v>135</v>
      </c>
      <c r="AN20099">
        <v>135</v>
      </c>
      <c r="AO20099">
        <v>136</v>
      </c>
      <c r="AP20099">
        <v>136</v>
      </c>
      <c r="AQ20099">
        <v>137</v>
      </c>
    </row>
    <row r="20100" spans="1:43">
      <c r="A20100" t="s">
        <v>12446</v>
      </c>
      <c r="B20100" t="s">
        <v>12447</v>
      </c>
      <c r="C20100" t="s">
        <v>12438</v>
      </c>
      <c r="D20100" t="s">
        <v>12439</v>
      </c>
      <c r="E20100" t="s">
        <v>12006</v>
      </c>
      <c r="F20100" t="s">
        <v>12007</v>
      </c>
      <c r="G20100" t="s">
        <v>10450</v>
      </c>
      <c r="H20100" t="s">
        <v>10451</v>
      </c>
      <c r="I20100" s="2">
        <v>1</v>
      </c>
      <c r="J20100" s="2">
        <v>0</v>
      </c>
      <c r="K20100" s="2">
        <v>0</v>
      </c>
      <c r="L20100" t="s">
        <v>120</v>
      </c>
      <c r="M20100" t="s">
        <v>89</v>
      </c>
      <c r="N20100" t="s">
        <v>90</v>
      </c>
      <c r="O20100" t="s">
        <v>85</v>
      </c>
      <c r="P20100" t="s">
        <v>86</v>
      </c>
      <c r="Q20100">
        <v>122</v>
      </c>
      <c r="R20100">
        <v>124</v>
      </c>
      <c r="S20100">
        <v>127</v>
      </c>
      <c r="T20100">
        <v>130</v>
      </c>
      <c r="U20100">
        <v>133</v>
      </c>
      <c r="V20100">
        <v>135</v>
      </c>
      <c r="W20100">
        <v>138</v>
      </c>
      <c r="X20100">
        <v>140</v>
      </c>
      <c r="Y20100">
        <v>142</v>
      </c>
      <c r="Z20100">
        <v>145</v>
      </c>
      <c r="AA20100">
        <v>147</v>
      </c>
      <c r="AB20100">
        <v>149</v>
      </c>
      <c r="AC20100">
        <v>151</v>
      </c>
      <c r="AD20100">
        <v>153</v>
      </c>
      <c r="AE20100">
        <v>155</v>
      </c>
      <c r="AF20100">
        <v>155</v>
      </c>
      <c r="AG20100">
        <v>155</v>
      </c>
      <c r="AH20100">
        <v>155</v>
      </c>
      <c r="AI20100">
        <v>156</v>
      </c>
      <c r="AJ20100">
        <v>156</v>
      </c>
      <c r="AK20100">
        <v>156</v>
      </c>
      <c r="AL20100">
        <v>156</v>
      </c>
      <c r="AM20100">
        <v>156</v>
      </c>
      <c r="AN20100">
        <v>156</v>
      </c>
      <c r="AO20100">
        <v>156</v>
      </c>
      <c r="AP20100">
        <v>156</v>
      </c>
      <c r="AQ20100">
        <v>156</v>
      </c>
    </row>
    <row r="20101" spans="1:43">
      <c r="A20101" t="s">
        <v>12446</v>
      </c>
      <c r="B20101" t="s">
        <v>12447</v>
      </c>
      <c r="C20101" t="s">
        <v>12438</v>
      </c>
      <c r="D20101" t="s">
        <v>12439</v>
      </c>
      <c r="E20101" t="s">
        <v>12006</v>
      </c>
      <c r="F20101" t="s">
        <v>12007</v>
      </c>
      <c r="G20101" t="s">
        <v>10450</v>
      </c>
      <c r="H20101" t="s">
        <v>10451</v>
      </c>
      <c r="I20101" s="2">
        <v>1</v>
      </c>
      <c r="J20101" s="2">
        <v>0</v>
      </c>
      <c r="K20101" s="2">
        <v>0</v>
      </c>
      <c r="L20101" t="s">
        <v>120</v>
      </c>
      <c r="M20101" t="s">
        <v>83</v>
      </c>
      <c r="N20101" t="s">
        <v>91</v>
      </c>
      <c r="O20101" t="s">
        <v>85</v>
      </c>
      <c r="P20101" t="s">
        <v>86</v>
      </c>
      <c r="Q20101">
        <v>122</v>
      </c>
      <c r="R20101">
        <v>124</v>
      </c>
      <c r="S20101">
        <v>126</v>
      </c>
      <c r="T20101">
        <v>128</v>
      </c>
      <c r="U20101">
        <v>130</v>
      </c>
      <c r="V20101">
        <v>131</v>
      </c>
      <c r="W20101">
        <v>133</v>
      </c>
      <c r="X20101">
        <v>135</v>
      </c>
      <c r="Y20101">
        <v>136</v>
      </c>
      <c r="Z20101">
        <v>138</v>
      </c>
      <c r="AA20101">
        <v>140</v>
      </c>
      <c r="AB20101">
        <v>141</v>
      </c>
      <c r="AC20101">
        <v>143</v>
      </c>
      <c r="AD20101">
        <v>144</v>
      </c>
      <c r="AE20101">
        <v>146</v>
      </c>
      <c r="AF20101">
        <v>148</v>
      </c>
      <c r="AG20101">
        <v>149</v>
      </c>
      <c r="AH20101">
        <v>151</v>
      </c>
      <c r="AI20101">
        <v>152</v>
      </c>
      <c r="AJ20101">
        <v>154</v>
      </c>
      <c r="AK20101">
        <v>156</v>
      </c>
      <c r="AL20101">
        <v>156</v>
      </c>
      <c r="AM20101">
        <v>156</v>
      </c>
      <c r="AN20101">
        <v>156</v>
      </c>
      <c r="AO20101">
        <v>157</v>
      </c>
      <c r="AP20101">
        <v>157</v>
      </c>
      <c r="AQ20101">
        <v>157</v>
      </c>
    </row>
    <row r="20102" spans="1:43">
      <c r="A20102" t="s">
        <v>12448</v>
      </c>
      <c r="B20102" t="s">
        <v>12449</v>
      </c>
      <c r="C20102" t="s">
        <v>12438</v>
      </c>
      <c r="D20102" t="s">
        <v>12439</v>
      </c>
      <c r="E20102" t="s">
        <v>12006</v>
      </c>
      <c r="F20102" t="s">
        <v>12007</v>
      </c>
      <c r="G20102" t="s">
        <v>10450</v>
      </c>
      <c r="H20102" t="s">
        <v>10451</v>
      </c>
      <c r="I20102" s="2">
        <v>1</v>
      </c>
      <c r="J20102" s="2">
        <v>0</v>
      </c>
      <c r="K20102" s="2">
        <v>0</v>
      </c>
      <c r="L20102" t="s">
        <v>120</v>
      </c>
      <c r="M20102" t="s">
        <v>83</v>
      </c>
      <c r="N20102" t="s">
        <v>84</v>
      </c>
      <c r="O20102" t="s">
        <v>85</v>
      </c>
      <c r="P20102" t="s">
        <v>86</v>
      </c>
      <c r="Q20102">
        <v>73</v>
      </c>
      <c r="R20102">
        <v>74</v>
      </c>
      <c r="S20102">
        <v>75</v>
      </c>
      <c r="T20102">
        <v>76</v>
      </c>
      <c r="U20102">
        <v>77</v>
      </c>
      <c r="V20102">
        <v>78</v>
      </c>
      <c r="W20102">
        <v>79</v>
      </c>
      <c r="X20102">
        <v>80</v>
      </c>
      <c r="Y20102">
        <v>81</v>
      </c>
      <c r="Z20102">
        <v>82</v>
      </c>
      <c r="AA20102">
        <v>83</v>
      </c>
      <c r="AB20102">
        <v>84</v>
      </c>
      <c r="AC20102">
        <v>85</v>
      </c>
      <c r="AD20102">
        <v>86</v>
      </c>
      <c r="AE20102">
        <v>87</v>
      </c>
      <c r="AF20102">
        <v>88</v>
      </c>
      <c r="AG20102">
        <v>89</v>
      </c>
      <c r="AH20102">
        <v>90</v>
      </c>
      <c r="AI20102">
        <v>91</v>
      </c>
      <c r="AJ20102">
        <v>92</v>
      </c>
      <c r="AK20102">
        <v>93</v>
      </c>
      <c r="AL20102">
        <v>93</v>
      </c>
      <c r="AM20102">
        <v>93</v>
      </c>
      <c r="AN20102">
        <v>93</v>
      </c>
      <c r="AO20102">
        <v>93</v>
      </c>
      <c r="AP20102">
        <v>93</v>
      </c>
      <c r="AQ20102">
        <v>93</v>
      </c>
    </row>
    <row r="20103" spans="1:43">
      <c r="A20103" t="s">
        <v>12448</v>
      </c>
      <c r="B20103" t="s">
        <v>12449</v>
      </c>
      <c r="C20103" t="s">
        <v>12438</v>
      </c>
      <c r="D20103" t="s">
        <v>12439</v>
      </c>
      <c r="E20103" t="s">
        <v>12006</v>
      </c>
      <c r="F20103" t="s">
        <v>12007</v>
      </c>
      <c r="G20103" t="s">
        <v>10450</v>
      </c>
      <c r="H20103" t="s">
        <v>10451</v>
      </c>
      <c r="I20103" s="2">
        <v>1</v>
      </c>
      <c r="J20103" s="2">
        <v>0</v>
      </c>
      <c r="K20103" s="2">
        <v>0</v>
      </c>
      <c r="L20103" t="s">
        <v>120</v>
      </c>
      <c r="M20103" t="s">
        <v>87</v>
      </c>
      <c r="N20103" t="s">
        <v>88</v>
      </c>
      <c r="O20103" t="s">
        <v>85</v>
      </c>
      <c r="P20103" t="s">
        <v>86</v>
      </c>
      <c r="Q20103">
        <v>73</v>
      </c>
      <c r="R20103">
        <v>74</v>
      </c>
      <c r="S20103">
        <v>74</v>
      </c>
      <c r="T20103">
        <v>74</v>
      </c>
      <c r="U20103">
        <v>75</v>
      </c>
      <c r="V20103">
        <v>75</v>
      </c>
      <c r="W20103">
        <v>75</v>
      </c>
      <c r="X20103">
        <v>76</v>
      </c>
      <c r="Y20103">
        <v>76</v>
      </c>
      <c r="Z20103">
        <v>76</v>
      </c>
      <c r="AA20103">
        <v>77</v>
      </c>
      <c r="AB20103">
        <v>77</v>
      </c>
      <c r="AC20103">
        <v>77</v>
      </c>
      <c r="AD20103">
        <v>78</v>
      </c>
      <c r="AE20103">
        <v>78</v>
      </c>
      <c r="AF20103">
        <v>78</v>
      </c>
      <c r="AG20103">
        <v>79</v>
      </c>
      <c r="AH20103">
        <v>79</v>
      </c>
      <c r="AI20103">
        <v>79</v>
      </c>
      <c r="AJ20103">
        <v>80</v>
      </c>
      <c r="AK20103">
        <v>80</v>
      </c>
      <c r="AL20103">
        <v>80</v>
      </c>
      <c r="AM20103">
        <v>81</v>
      </c>
      <c r="AN20103">
        <v>81</v>
      </c>
      <c r="AO20103">
        <v>81</v>
      </c>
      <c r="AP20103">
        <v>81</v>
      </c>
      <c r="AQ20103">
        <v>82</v>
      </c>
    </row>
    <row r="20104" spans="1:43">
      <c r="A20104" t="s">
        <v>12448</v>
      </c>
      <c r="B20104" t="s">
        <v>12449</v>
      </c>
      <c r="C20104" t="s">
        <v>12438</v>
      </c>
      <c r="D20104" t="s">
        <v>12439</v>
      </c>
      <c r="E20104" t="s">
        <v>12006</v>
      </c>
      <c r="F20104" t="s">
        <v>12007</v>
      </c>
      <c r="G20104" t="s">
        <v>10450</v>
      </c>
      <c r="H20104" t="s">
        <v>10451</v>
      </c>
      <c r="I20104" s="2">
        <v>1</v>
      </c>
      <c r="J20104" s="2">
        <v>0</v>
      </c>
      <c r="K20104" s="2">
        <v>0</v>
      </c>
      <c r="L20104" t="s">
        <v>120</v>
      </c>
      <c r="M20104" t="s">
        <v>89</v>
      </c>
      <c r="N20104" t="s">
        <v>90</v>
      </c>
      <c r="O20104" t="s">
        <v>85</v>
      </c>
      <c r="P20104" t="s">
        <v>86</v>
      </c>
      <c r="Q20104">
        <v>73</v>
      </c>
      <c r="R20104">
        <v>74</v>
      </c>
      <c r="S20104">
        <v>76</v>
      </c>
      <c r="T20104">
        <v>78</v>
      </c>
      <c r="U20104">
        <v>79</v>
      </c>
      <c r="V20104">
        <v>81</v>
      </c>
      <c r="W20104">
        <v>82</v>
      </c>
      <c r="X20104">
        <v>83</v>
      </c>
      <c r="Y20104">
        <v>85</v>
      </c>
      <c r="Z20104">
        <v>86</v>
      </c>
      <c r="AA20104">
        <v>88</v>
      </c>
      <c r="AB20104">
        <v>89</v>
      </c>
      <c r="AC20104">
        <v>90</v>
      </c>
      <c r="AD20104">
        <v>91</v>
      </c>
      <c r="AE20104">
        <v>92</v>
      </c>
      <c r="AF20104">
        <v>92</v>
      </c>
      <c r="AG20104">
        <v>93</v>
      </c>
      <c r="AH20104">
        <v>93</v>
      </c>
      <c r="AI20104">
        <v>93</v>
      </c>
      <c r="AJ20104">
        <v>93</v>
      </c>
      <c r="AK20104">
        <v>93</v>
      </c>
      <c r="AL20104">
        <v>93</v>
      </c>
      <c r="AM20104">
        <v>93</v>
      </c>
      <c r="AN20104">
        <v>93</v>
      </c>
      <c r="AO20104">
        <v>93</v>
      </c>
      <c r="AP20104">
        <v>93</v>
      </c>
      <c r="AQ20104">
        <v>93</v>
      </c>
    </row>
    <row r="20105" spans="1:43">
      <c r="A20105" t="s">
        <v>12448</v>
      </c>
      <c r="B20105" t="s">
        <v>12449</v>
      </c>
      <c r="C20105" t="s">
        <v>12438</v>
      </c>
      <c r="D20105" t="s">
        <v>12439</v>
      </c>
      <c r="E20105" t="s">
        <v>12006</v>
      </c>
      <c r="F20105" t="s">
        <v>12007</v>
      </c>
      <c r="G20105" t="s">
        <v>10450</v>
      </c>
      <c r="H20105" t="s">
        <v>10451</v>
      </c>
      <c r="I20105" s="2">
        <v>1</v>
      </c>
      <c r="J20105" s="2">
        <v>0</v>
      </c>
      <c r="K20105" s="2">
        <v>0</v>
      </c>
      <c r="L20105" t="s">
        <v>120</v>
      </c>
      <c r="M20105" t="s">
        <v>83</v>
      </c>
      <c r="N20105" t="s">
        <v>91</v>
      </c>
      <c r="O20105" t="s">
        <v>85</v>
      </c>
      <c r="P20105" t="s">
        <v>86</v>
      </c>
      <c r="Q20105">
        <v>73</v>
      </c>
      <c r="R20105">
        <v>74</v>
      </c>
      <c r="S20105">
        <v>75</v>
      </c>
      <c r="T20105">
        <v>76</v>
      </c>
      <c r="U20105">
        <v>77</v>
      </c>
      <c r="V20105">
        <v>78</v>
      </c>
      <c r="W20105">
        <v>79</v>
      </c>
      <c r="X20105">
        <v>80</v>
      </c>
      <c r="Y20105">
        <v>81</v>
      </c>
      <c r="Z20105">
        <v>82</v>
      </c>
      <c r="AA20105">
        <v>83</v>
      </c>
      <c r="AB20105">
        <v>84</v>
      </c>
      <c r="AC20105">
        <v>85</v>
      </c>
      <c r="AD20105">
        <v>86</v>
      </c>
      <c r="AE20105">
        <v>87</v>
      </c>
      <c r="AF20105">
        <v>88</v>
      </c>
      <c r="AG20105">
        <v>89</v>
      </c>
      <c r="AH20105">
        <v>90</v>
      </c>
      <c r="AI20105">
        <v>91</v>
      </c>
      <c r="AJ20105">
        <v>92</v>
      </c>
      <c r="AK20105">
        <v>93</v>
      </c>
      <c r="AL20105">
        <v>93</v>
      </c>
      <c r="AM20105">
        <v>93</v>
      </c>
      <c r="AN20105">
        <v>93</v>
      </c>
      <c r="AO20105">
        <v>93</v>
      </c>
      <c r="AP20105">
        <v>93</v>
      </c>
      <c r="AQ20105">
        <v>93</v>
      </c>
    </row>
    <row r="20106" spans="1:43">
      <c r="A20106" t="s">
        <v>12450</v>
      </c>
      <c r="B20106" t="s">
        <v>12451</v>
      </c>
      <c r="C20106" t="s">
        <v>12452</v>
      </c>
      <c r="D20106" t="s">
        <v>12453</v>
      </c>
      <c r="E20106" t="s">
        <v>12006</v>
      </c>
      <c r="F20106" t="s">
        <v>12007</v>
      </c>
      <c r="G20106" t="s">
        <v>10450</v>
      </c>
      <c r="H20106" t="s">
        <v>10451</v>
      </c>
      <c r="I20106" s="2">
        <v>1</v>
      </c>
      <c r="J20106" s="2">
        <v>0</v>
      </c>
      <c r="K20106" s="2">
        <v>0</v>
      </c>
      <c r="L20106" t="s">
        <v>120</v>
      </c>
      <c r="M20106" t="s">
        <v>83</v>
      </c>
      <c r="N20106" t="s">
        <v>84</v>
      </c>
      <c r="O20106" t="s">
        <v>85</v>
      </c>
      <c r="P20106" t="s">
        <v>86</v>
      </c>
      <c r="Q20106">
        <v>19</v>
      </c>
      <c r="R20106">
        <v>20</v>
      </c>
      <c r="S20106">
        <v>20</v>
      </c>
      <c r="T20106">
        <v>20</v>
      </c>
      <c r="U20106">
        <v>21</v>
      </c>
      <c r="V20106">
        <v>21</v>
      </c>
      <c r="W20106">
        <v>21</v>
      </c>
      <c r="X20106">
        <v>21</v>
      </c>
      <c r="Y20106">
        <v>22</v>
      </c>
      <c r="Z20106">
        <v>22</v>
      </c>
      <c r="AA20106">
        <v>22</v>
      </c>
      <c r="AB20106">
        <v>22</v>
      </c>
      <c r="AC20106">
        <v>23</v>
      </c>
      <c r="AD20106">
        <v>23</v>
      </c>
      <c r="AE20106">
        <v>23</v>
      </c>
      <c r="AF20106">
        <v>23</v>
      </c>
      <c r="AG20106">
        <v>24</v>
      </c>
      <c r="AH20106">
        <v>24</v>
      </c>
      <c r="AI20106">
        <v>24</v>
      </c>
      <c r="AJ20106">
        <v>24</v>
      </c>
      <c r="AK20106">
        <v>25</v>
      </c>
      <c r="AL20106">
        <v>25</v>
      </c>
      <c r="AM20106">
        <v>25</v>
      </c>
      <c r="AN20106">
        <v>25</v>
      </c>
      <c r="AO20106">
        <v>25</v>
      </c>
      <c r="AP20106">
        <v>25</v>
      </c>
      <c r="AQ20106">
        <v>25</v>
      </c>
    </row>
    <row r="20107" spans="1:43">
      <c r="A20107" t="s">
        <v>12450</v>
      </c>
      <c r="B20107" t="s">
        <v>12451</v>
      </c>
      <c r="C20107" t="s">
        <v>12452</v>
      </c>
      <c r="D20107" t="s">
        <v>12453</v>
      </c>
      <c r="E20107" t="s">
        <v>12006</v>
      </c>
      <c r="F20107" t="s">
        <v>12007</v>
      </c>
      <c r="G20107" t="s">
        <v>10450</v>
      </c>
      <c r="H20107" t="s">
        <v>10451</v>
      </c>
      <c r="I20107" s="2">
        <v>1</v>
      </c>
      <c r="J20107" s="2">
        <v>0</v>
      </c>
      <c r="K20107" s="2">
        <v>0</v>
      </c>
      <c r="L20107" t="s">
        <v>120</v>
      </c>
      <c r="M20107" t="s">
        <v>87</v>
      </c>
      <c r="N20107" t="s">
        <v>88</v>
      </c>
      <c r="O20107" t="s">
        <v>85</v>
      </c>
      <c r="P20107" t="s">
        <v>86</v>
      </c>
      <c r="Q20107">
        <v>19</v>
      </c>
      <c r="R20107">
        <v>19</v>
      </c>
      <c r="S20107">
        <v>19</v>
      </c>
      <c r="T20107">
        <v>20</v>
      </c>
      <c r="U20107">
        <v>20</v>
      </c>
      <c r="V20107">
        <v>20</v>
      </c>
      <c r="W20107">
        <v>20</v>
      </c>
      <c r="X20107">
        <v>20</v>
      </c>
      <c r="Y20107">
        <v>20</v>
      </c>
      <c r="Z20107">
        <v>20</v>
      </c>
      <c r="AA20107">
        <v>20</v>
      </c>
      <c r="AB20107">
        <v>20</v>
      </c>
      <c r="AC20107">
        <v>20</v>
      </c>
      <c r="AD20107">
        <v>20</v>
      </c>
      <c r="AE20107">
        <v>21</v>
      </c>
      <c r="AF20107">
        <v>21</v>
      </c>
      <c r="AG20107">
        <v>21</v>
      </c>
      <c r="AH20107">
        <v>21</v>
      </c>
      <c r="AI20107">
        <v>21</v>
      </c>
      <c r="AJ20107">
        <v>21</v>
      </c>
      <c r="AK20107">
        <v>21</v>
      </c>
      <c r="AL20107">
        <v>21</v>
      </c>
      <c r="AM20107">
        <v>21</v>
      </c>
      <c r="AN20107">
        <v>21</v>
      </c>
      <c r="AO20107">
        <v>21</v>
      </c>
      <c r="AP20107">
        <v>21</v>
      </c>
      <c r="AQ20107">
        <v>21</v>
      </c>
    </row>
    <row r="20108" spans="1:43">
      <c r="A20108" t="s">
        <v>12450</v>
      </c>
      <c r="B20108" t="s">
        <v>12451</v>
      </c>
      <c r="C20108" t="s">
        <v>12452</v>
      </c>
      <c r="D20108" t="s">
        <v>12453</v>
      </c>
      <c r="E20108" t="s">
        <v>12006</v>
      </c>
      <c r="F20108" t="s">
        <v>12007</v>
      </c>
      <c r="G20108" t="s">
        <v>10450</v>
      </c>
      <c r="H20108" t="s">
        <v>10451</v>
      </c>
      <c r="I20108" s="2">
        <v>1</v>
      </c>
      <c r="J20108" s="2">
        <v>0</v>
      </c>
      <c r="K20108" s="2">
        <v>0</v>
      </c>
      <c r="L20108" t="s">
        <v>120</v>
      </c>
      <c r="M20108" t="s">
        <v>89</v>
      </c>
      <c r="N20108" t="s">
        <v>90</v>
      </c>
      <c r="O20108" t="s">
        <v>85</v>
      </c>
      <c r="P20108" t="s">
        <v>86</v>
      </c>
      <c r="Q20108">
        <v>19</v>
      </c>
      <c r="R20108">
        <v>19</v>
      </c>
      <c r="S20108">
        <v>20</v>
      </c>
      <c r="T20108">
        <v>20</v>
      </c>
      <c r="U20108">
        <v>20</v>
      </c>
      <c r="V20108">
        <v>21</v>
      </c>
      <c r="W20108">
        <v>21</v>
      </c>
      <c r="X20108">
        <v>22</v>
      </c>
      <c r="Y20108">
        <v>22</v>
      </c>
      <c r="Z20108">
        <v>22</v>
      </c>
      <c r="AA20108">
        <v>23</v>
      </c>
      <c r="AB20108">
        <v>23</v>
      </c>
      <c r="AC20108">
        <v>23</v>
      </c>
      <c r="AD20108">
        <v>24</v>
      </c>
      <c r="AE20108">
        <v>24</v>
      </c>
      <c r="AF20108">
        <v>24</v>
      </c>
      <c r="AG20108">
        <v>24</v>
      </c>
      <c r="AH20108">
        <v>24</v>
      </c>
      <c r="AI20108">
        <v>24</v>
      </c>
      <c r="AJ20108">
        <v>24</v>
      </c>
      <c r="AK20108">
        <v>24</v>
      </c>
      <c r="AL20108">
        <v>24</v>
      </c>
      <c r="AM20108">
        <v>24</v>
      </c>
      <c r="AN20108">
        <v>24</v>
      </c>
      <c r="AO20108">
        <v>24</v>
      </c>
      <c r="AP20108">
        <v>24</v>
      </c>
      <c r="AQ20108">
        <v>24</v>
      </c>
    </row>
    <row r="20109" spans="1:43">
      <c r="A20109" t="s">
        <v>12450</v>
      </c>
      <c r="B20109" t="s">
        <v>12451</v>
      </c>
      <c r="C20109" t="s">
        <v>12452</v>
      </c>
      <c r="D20109" t="s">
        <v>12453</v>
      </c>
      <c r="E20109" t="s">
        <v>12006</v>
      </c>
      <c r="F20109" t="s">
        <v>12007</v>
      </c>
      <c r="G20109" t="s">
        <v>10450</v>
      </c>
      <c r="H20109" t="s">
        <v>10451</v>
      </c>
      <c r="I20109" s="2">
        <v>1</v>
      </c>
      <c r="J20109" s="2">
        <v>0</v>
      </c>
      <c r="K20109" s="2">
        <v>0</v>
      </c>
      <c r="L20109" t="s">
        <v>120</v>
      </c>
      <c r="M20109" t="s">
        <v>83</v>
      </c>
      <c r="N20109" t="s">
        <v>91</v>
      </c>
      <c r="O20109" t="s">
        <v>85</v>
      </c>
      <c r="P20109" t="s">
        <v>86</v>
      </c>
      <c r="Q20109">
        <v>19</v>
      </c>
      <c r="R20109">
        <v>20</v>
      </c>
      <c r="S20109">
        <v>20</v>
      </c>
      <c r="T20109">
        <v>20</v>
      </c>
      <c r="U20109">
        <v>21</v>
      </c>
      <c r="V20109">
        <v>21</v>
      </c>
      <c r="W20109">
        <v>21</v>
      </c>
      <c r="X20109">
        <v>21</v>
      </c>
      <c r="Y20109">
        <v>22</v>
      </c>
      <c r="Z20109">
        <v>22</v>
      </c>
      <c r="AA20109">
        <v>22</v>
      </c>
      <c r="AB20109">
        <v>22</v>
      </c>
      <c r="AC20109">
        <v>23</v>
      </c>
      <c r="AD20109">
        <v>23</v>
      </c>
      <c r="AE20109">
        <v>23</v>
      </c>
      <c r="AF20109">
        <v>23</v>
      </c>
      <c r="AG20109">
        <v>24</v>
      </c>
      <c r="AH20109">
        <v>24</v>
      </c>
      <c r="AI20109">
        <v>24</v>
      </c>
      <c r="AJ20109">
        <v>24</v>
      </c>
      <c r="AK20109">
        <v>25</v>
      </c>
      <c r="AL20109">
        <v>25</v>
      </c>
      <c r="AM20109">
        <v>25</v>
      </c>
      <c r="AN20109">
        <v>25</v>
      </c>
      <c r="AO20109">
        <v>25</v>
      </c>
      <c r="AP20109">
        <v>25</v>
      </c>
      <c r="AQ20109">
        <v>25</v>
      </c>
    </row>
    <row r="20110" spans="1:43">
      <c r="A20110" t="s">
        <v>12454</v>
      </c>
      <c r="B20110" t="s">
        <v>12455</v>
      </c>
      <c r="C20110" t="s">
        <v>12452</v>
      </c>
      <c r="D20110" t="s">
        <v>12453</v>
      </c>
      <c r="E20110" t="s">
        <v>12006</v>
      </c>
      <c r="F20110" t="s">
        <v>12007</v>
      </c>
      <c r="G20110" t="s">
        <v>10450</v>
      </c>
      <c r="H20110" t="s">
        <v>10451</v>
      </c>
      <c r="I20110" s="2">
        <v>1</v>
      </c>
      <c r="J20110" s="2">
        <v>0</v>
      </c>
      <c r="K20110" s="2">
        <v>0</v>
      </c>
      <c r="L20110" t="s">
        <v>120</v>
      </c>
      <c r="M20110" t="s">
        <v>83</v>
      </c>
      <c r="N20110" t="s">
        <v>84</v>
      </c>
      <c r="O20110" t="s">
        <v>85</v>
      </c>
      <c r="P20110" t="s">
        <v>86</v>
      </c>
      <c r="Q20110">
        <v>15</v>
      </c>
      <c r="R20110">
        <v>15</v>
      </c>
      <c r="S20110">
        <v>15</v>
      </c>
      <c r="T20110">
        <v>15</v>
      </c>
      <c r="U20110">
        <v>16</v>
      </c>
      <c r="V20110">
        <v>16</v>
      </c>
      <c r="W20110">
        <v>16</v>
      </c>
      <c r="X20110">
        <v>16</v>
      </c>
      <c r="Y20110">
        <v>16</v>
      </c>
      <c r="Z20110">
        <v>16</v>
      </c>
      <c r="AA20110">
        <v>17</v>
      </c>
      <c r="AB20110">
        <v>17</v>
      </c>
      <c r="AC20110">
        <v>17</v>
      </c>
      <c r="AD20110">
        <v>17</v>
      </c>
      <c r="AE20110">
        <v>17</v>
      </c>
      <c r="AF20110">
        <v>17</v>
      </c>
      <c r="AG20110">
        <v>18</v>
      </c>
      <c r="AH20110">
        <v>18</v>
      </c>
      <c r="AI20110">
        <v>18</v>
      </c>
      <c r="AJ20110">
        <v>18</v>
      </c>
      <c r="AK20110">
        <v>18</v>
      </c>
      <c r="AL20110">
        <v>18</v>
      </c>
      <c r="AM20110">
        <v>18</v>
      </c>
      <c r="AN20110">
        <v>18</v>
      </c>
      <c r="AO20110">
        <v>18</v>
      </c>
      <c r="AP20110">
        <v>18</v>
      </c>
      <c r="AQ20110">
        <v>18</v>
      </c>
    </row>
    <row r="20111" spans="1:43">
      <c r="A20111" t="s">
        <v>12454</v>
      </c>
      <c r="B20111" t="s">
        <v>12455</v>
      </c>
      <c r="C20111" t="s">
        <v>12452</v>
      </c>
      <c r="D20111" t="s">
        <v>12453</v>
      </c>
      <c r="E20111" t="s">
        <v>12006</v>
      </c>
      <c r="F20111" t="s">
        <v>12007</v>
      </c>
      <c r="G20111" t="s">
        <v>10450</v>
      </c>
      <c r="H20111" t="s">
        <v>10451</v>
      </c>
      <c r="I20111" s="2">
        <v>1</v>
      </c>
      <c r="J20111" s="2">
        <v>0</v>
      </c>
      <c r="K20111" s="2">
        <v>0</v>
      </c>
      <c r="L20111" t="s">
        <v>120</v>
      </c>
      <c r="M20111" t="s">
        <v>87</v>
      </c>
      <c r="N20111" t="s">
        <v>88</v>
      </c>
      <c r="O20111" t="s">
        <v>85</v>
      </c>
      <c r="P20111" t="s">
        <v>86</v>
      </c>
      <c r="Q20111">
        <v>15</v>
      </c>
      <c r="R20111">
        <v>15</v>
      </c>
      <c r="S20111">
        <v>15</v>
      </c>
      <c r="T20111">
        <v>15</v>
      </c>
      <c r="U20111">
        <v>15</v>
      </c>
      <c r="V20111">
        <v>15</v>
      </c>
      <c r="W20111">
        <v>15</v>
      </c>
      <c r="X20111">
        <v>15</v>
      </c>
      <c r="Y20111">
        <v>15</v>
      </c>
      <c r="Z20111">
        <v>15</v>
      </c>
      <c r="AA20111">
        <v>15</v>
      </c>
      <c r="AB20111">
        <v>15</v>
      </c>
      <c r="AC20111">
        <v>15</v>
      </c>
      <c r="AD20111">
        <v>15</v>
      </c>
      <c r="AE20111">
        <v>15</v>
      </c>
      <c r="AF20111">
        <v>15</v>
      </c>
      <c r="AG20111">
        <v>15</v>
      </c>
      <c r="AH20111">
        <v>15</v>
      </c>
      <c r="AI20111">
        <v>15</v>
      </c>
      <c r="AJ20111">
        <v>16</v>
      </c>
      <c r="AK20111">
        <v>16</v>
      </c>
      <c r="AL20111">
        <v>16</v>
      </c>
      <c r="AM20111">
        <v>16</v>
      </c>
      <c r="AN20111">
        <v>16</v>
      </c>
      <c r="AO20111">
        <v>16</v>
      </c>
      <c r="AP20111">
        <v>16</v>
      </c>
      <c r="AQ20111">
        <v>16</v>
      </c>
    </row>
    <row r="20112" spans="1:43">
      <c r="A20112" t="s">
        <v>12454</v>
      </c>
      <c r="B20112" t="s">
        <v>12455</v>
      </c>
      <c r="C20112" t="s">
        <v>12452</v>
      </c>
      <c r="D20112" t="s">
        <v>12453</v>
      </c>
      <c r="E20112" t="s">
        <v>12006</v>
      </c>
      <c r="F20112" t="s">
        <v>12007</v>
      </c>
      <c r="G20112" t="s">
        <v>10450</v>
      </c>
      <c r="H20112" t="s">
        <v>10451</v>
      </c>
      <c r="I20112" s="2">
        <v>1</v>
      </c>
      <c r="J20112" s="2">
        <v>0</v>
      </c>
      <c r="K20112" s="2">
        <v>0</v>
      </c>
      <c r="L20112" t="s">
        <v>120</v>
      </c>
      <c r="M20112" t="s">
        <v>89</v>
      </c>
      <c r="N20112" t="s">
        <v>90</v>
      </c>
      <c r="O20112" t="s">
        <v>85</v>
      </c>
      <c r="P20112" t="s">
        <v>86</v>
      </c>
      <c r="Q20112">
        <v>15</v>
      </c>
      <c r="R20112">
        <v>15</v>
      </c>
      <c r="S20112">
        <v>16</v>
      </c>
      <c r="T20112">
        <v>16</v>
      </c>
      <c r="U20112">
        <v>16</v>
      </c>
      <c r="V20112">
        <v>16</v>
      </c>
      <c r="W20112">
        <v>17</v>
      </c>
      <c r="X20112">
        <v>17</v>
      </c>
      <c r="Y20112">
        <v>17</v>
      </c>
      <c r="Z20112">
        <v>17</v>
      </c>
      <c r="AA20112">
        <v>18</v>
      </c>
      <c r="AB20112">
        <v>18</v>
      </c>
      <c r="AC20112">
        <v>18</v>
      </c>
      <c r="AD20112">
        <v>18</v>
      </c>
      <c r="AE20112">
        <v>19</v>
      </c>
      <c r="AF20112">
        <v>19</v>
      </c>
      <c r="AG20112">
        <v>19</v>
      </c>
      <c r="AH20112">
        <v>19</v>
      </c>
      <c r="AI20112">
        <v>19</v>
      </c>
      <c r="AJ20112">
        <v>18</v>
      </c>
      <c r="AK20112">
        <v>18</v>
      </c>
      <c r="AL20112">
        <v>18</v>
      </c>
      <c r="AM20112">
        <v>18</v>
      </c>
      <c r="AN20112">
        <v>18</v>
      </c>
      <c r="AO20112">
        <v>18</v>
      </c>
      <c r="AP20112">
        <v>18</v>
      </c>
      <c r="AQ20112">
        <v>18</v>
      </c>
    </row>
    <row r="20113" spans="1:43">
      <c r="A20113" t="s">
        <v>12454</v>
      </c>
      <c r="B20113" t="s">
        <v>12455</v>
      </c>
      <c r="C20113" t="s">
        <v>12452</v>
      </c>
      <c r="D20113" t="s">
        <v>12453</v>
      </c>
      <c r="E20113" t="s">
        <v>12006</v>
      </c>
      <c r="F20113" t="s">
        <v>12007</v>
      </c>
      <c r="G20113" t="s">
        <v>10450</v>
      </c>
      <c r="H20113" t="s">
        <v>10451</v>
      </c>
      <c r="I20113" s="2">
        <v>1</v>
      </c>
      <c r="J20113" s="2">
        <v>0</v>
      </c>
      <c r="K20113" s="2">
        <v>0</v>
      </c>
      <c r="L20113" t="s">
        <v>120</v>
      </c>
      <c r="M20113" t="s">
        <v>83</v>
      </c>
      <c r="N20113" t="s">
        <v>91</v>
      </c>
      <c r="O20113" t="s">
        <v>85</v>
      </c>
      <c r="P20113" t="s">
        <v>86</v>
      </c>
      <c r="Q20113">
        <v>15</v>
      </c>
      <c r="R20113">
        <v>15</v>
      </c>
      <c r="S20113">
        <v>15</v>
      </c>
      <c r="T20113">
        <v>15</v>
      </c>
      <c r="U20113">
        <v>16</v>
      </c>
      <c r="V20113">
        <v>16</v>
      </c>
      <c r="W20113">
        <v>16</v>
      </c>
      <c r="X20113">
        <v>16</v>
      </c>
      <c r="Y20113">
        <v>16</v>
      </c>
      <c r="Z20113">
        <v>16</v>
      </c>
      <c r="AA20113">
        <v>17</v>
      </c>
      <c r="AB20113">
        <v>17</v>
      </c>
      <c r="AC20113">
        <v>17</v>
      </c>
      <c r="AD20113">
        <v>17</v>
      </c>
      <c r="AE20113">
        <v>17</v>
      </c>
      <c r="AF20113">
        <v>17</v>
      </c>
      <c r="AG20113">
        <v>18</v>
      </c>
      <c r="AH20113">
        <v>18</v>
      </c>
      <c r="AI20113">
        <v>18</v>
      </c>
      <c r="AJ20113">
        <v>18</v>
      </c>
      <c r="AK20113">
        <v>18</v>
      </c>
      <c r="AL20113">
        <v>18</v>
      </c>
      <c r="AM20113">
        <v>18</v>
      </c>
      <c r="AN20113">
        <v>18</v>
      </c>
      <c r="AO20113">
        <v>18</v>
      </c>
      <c r="AP20113">
        <v>18</v>
      </c>
      <c r="AQ20113">
        <v>18</v>
      </c>
    </row>
    <row r="20114" spans="1:43">
      <c r="A20114" t="s">
        <v>12456</v>
      </c>
      <c r="B20114" t="s">
        <v>12457</v>
      </c>
      <c r="C20114" t="s">
        <v>12458</v>
      </c>
      <c r="D20114" t="s">
        <v>12459</v>
      </c>
      <c r="E20114" t="s">
        <v>12006</v>
      </c>
      <c r="F20114" t="s">
        <v>12007</v>
      </c>
      <c r="G20114" t="s">
        <v>10450</v>
      </c>
      <c r="H20114" t="s">
        <v>10451</v>
      </c>
      <c r="I20114" s="2">
        <v>1</v>
      </c>
      <c r="J20114" s="2">
        <v>0</v>
      </c>
      <c r="K20114" s="2">
        <v>0</v>
      </c>
      <c r="L20114" t="s">
        <v>120</v>
      </c>
      <c r="M20114" t="s">
        <v>83</v>
      </c>
      <c r="N20114" t="s">
        <v>84</v>
      </c>
      <c r="O20114" t="s">
        <v>85</v>
      </c>
      <c r="P20114" t="s">
        <v>86</v>
      </c>
      <c r="Q20114">
        <v>10</v>
      </c>
      <c r="R20114">
        <v>10</v>
      </c>
      <c r="S20114">
        <v>10</v>
      </c>
      <c r="T20114">
        <v>10</v>
      </c>
      <c r="U20114">
        <v>10</v>
      </c>
      <c r="V20114">
        <v>11</v>
      </c>
      <c r="W20114">
        <v>11</v>
      </c>
      <c r="X20114">
        <v>11</v>
      </c>
      <c r="Y20114">
        <v>11</v>
      </c>
      <c r="Z20114">
        <v>11</v>
      </c>
      <c r="AA20114">
        <v>11</v>
      </c>
      <c r="AB20114">
        <v>11</v>
      </c>
      <c r="AC20114">
        <v>11</v>
      </c>
      <c r="AD20114">
        <v>12</v>
      </c>
      <c r="AE20114">
        <v>12</v>
      </c>
      <c r="AF20114">
        <v>12</v>
      </c>
      <c r="AG20114">
        <v>12</v>
      </c>
      <c r="AH20114">
        <v>12</v>
      </c>
      <c r="AI20114">
        <v>12</v>
      </c>
      <c r="AJ20114">
        <v>12</v>
      </c>
      <c r="AK20114">
        <v>12</v>
      </c>
      <c r="AL20114">
        <v>12</v>
      </c>
      <c r="AM20114">
        <v>12</v>
      </c>
      <c r="AN20114">
        <v>12</v>
      </c>
      <c r="AO20114">
        <v>12</v>
      </c>
      <c r="AP20114">
        <v>12</v>
      </c>
      <c r="AQ20114">
        <v>12</v>
      </c>
    </row>
    <row r="20115" spans="1:43">
      <c r="A20115" t="s">
        <v>12456</v>
      </c>
      <c r="B20115" t="s">
        <v>12457</v>
      </c>
      <c r="C20115" t="s">
        <v>12458</v>
      </c>
      <c r="D20115" t="s">
        <v>12459</v>
      </c>
      <c r="E20115" t="s">
        <v>12006</v>
      </c>
      <c r="F20115" t="s">
        <v>12007</v>
      </c>
      <c r="G20115" t="s">
        <v>10450</v>
      </c>
      <c r="H20115" t="s">
        <v>10451</v>
      </c>
      <c r="I20115" s="2">
        <v>1</v>
      </c>
      <c r="J20115" s="2">
        <v>0</v>
      </c>
      <c r="K20115" s="2">
        <v>0</v>
      </c>
      <c r="L20115" t="s">
        <v>120</v>
      </c>
      <c r="M20115" t="s">
        <v>87</v>
      </c>
      <c r="N20115" t="s">
        <v>88</v>
      </c>
      <c r="O20115" t="s">
        <v>85</v>
      </c>
      <c r="P20115" t="s">
        <v>86</v>
      </c>
      <c r="Q20115">
        <v>10</v>
      </c>
      <c r="R20115">
        <v>10</v>
      </c>
      <c r="S20115">
        <v>10</v>
      </c>
      <c r="T20115">
        <v>10</v>
      </c>
      <c r="U20115">
        <v>10</v>
      </c>
      <c r="V20115">
        <v>10</v>
      </c>
      <c r="W20115">
        <v>10</v>
      </c>
      <c r="X20115">
        <v>10</v>
      </c>
      <c r="Y20115">
        <v>10</v>
      </c>
      <c r="Z20115">
        <v>10</v>
      </c>
      <c r="AA20115">
        <v>10</v>
      </c>
      <c r="AB20115">
        <v>10</v>
      </c>
      <c r="AC20115">
        <v>10</v>
      </c>
      <c r="AD20115">
        <v>10</v>
      </c>
      <c r="AE20115">
        <v>10</v>
      </c>
      <c r="AF20115">
        <v>10</v>
      </c>
      <c r="AG20115">
        <v>10</v>
      </c>
      <c r="AH20115">
        <v>11</v>
      </c>
      <c r="AI20115">
        <v>11</v>
      </c>
      <c r="AJ20115">
        <v>11</v>
      </c>
      <c r="AK20115">
        <v>11</v>
      </c>
      <c r="AL20115">
        <v>11</v>
      </c>
      <c r="AM20115">
        <v>11</v>
      </c>
      <c r="AN20115">
        <v>11</v>
      </c>
      <c r="AO20115">
        <v>11</v>
      </c>
      <c r="AP20115">
        <v>11</v>
      </c>
      <c r="AQ20115">
        <v>11</v>
      </c>
    </row>
    <row r="20116" spans="1:43">
      <c r="A20116" t="s">
        <v>12456</v>
      </c>
      <c r="B20116" t="s">
        <v>12457</v>
      </c>
      <c r="C20116" t="s">
        <v>12458</v>
      </c>
      <c r="D20116" t="s">
        <v>12459</v>
      </c>
      <c r="E20116" t="s">
        <v>12006</v>
      </c>
      <c r="F20116" t="s">
        <v>12007</v>
      </c>
      <c r="G20116" t="s">
        <v>10450</v>
      </c>
      <c r="H20116" t="s">
        <v>10451</v>
      </c>
      <c r="I20116" s="2">
        <v>1</v>
      </c>
      <c r="J20116" s="2">
        <v>0</v>
      </c>
      <c r="K20116" s="2">
        <v>0</v>
      </c>
      <c r="L20116" t="s">
        <v>120</v>
      </c>
      <c r="M20116" t="s">
        <v>89</v>
      </c>
      <c r="N20116" t="s">
        <v>90</v>
      </c>
      <c r="O20116" t="s">
        <v>85</v>
      </c>
      <c r="P20116" t="s">
        <v>86</v>
      </c>
      <c r="Q20116">
        <v>10</v>
      </c>
      <c r="R20116">
        <v>10</v>
      </c>
      <c r="S20116">
        <v>10</v>
      </c>
      <c r="T20116">
        <v>11</v>
      </c>
      <c r="U20116">
        <v>11</v>
      </c>
      <c r="V20116">
        <v>11</v>
      </c>
      <c r="W20116">
        <v>11</v>
      </c>
      <c r="X20116">
        <v>11</v>
      </c>
      <c r="Y20116">
        <v>12</v>
      </c>
      <c r="Z20116">
        <v>12</v>
      </c>
      <c r="AA20116">
        <v>12</v>
      </c>
      <c r="AB20116">
        <v>12</v>
      </c>
      <c r="AC20116">
        <v>12</v>
      </c>
      <c r="AD20116">
        <v>12</v>
      </c>
      <c r="AE20116">
        <v>13</v>
      </c>
      <c r="AF20116">
        <v>13</v>
      </c>
      <c r="AG20116">
        <v>13</v>
      </c>
      <c r="AH20116">
        <v>13</v>
      </c>
      <c r="AI20116">
        <v>13</v>
      </c>
      <c r="AJ20116">
        <v>13</v>
      </c>
      <c r="AK20116">
        <v>13</v>
      </c>
      <c r="AL20116">
        <v>13</v>
      </c>
      <c r="AM20116">
        <v>13</v>
      </c>
      <c r="AN20116">
        <v>13</v>
      </c>
      <c r="AO20116">
        <v>13</v>
      </c>
      <c r="AP20116">
        <v>13</v>
      </c>
      <c r="AQ20116">
        <v>13</v>
      </c>
    </row>
    <row r="20117" spans="1:43">
      <c r="A20117" t="s">
        <v>12456</v>
      </c>
      <c r="B20117" t="s">
        <v>12457</v>
      </c>
      <c r="C20117" t="s">
        <v>12458</v>
      </c>
      <c r="D20117" t="s">
        <v>12459</v>
      </c>
      <c r="E20117" t="s">
        <v>12006</v>
      </c>
      <c r="F20117" t="s">
        <v>12007</v>
      </c>
      <c r="G20117" t="s">
        <v>10450</v>
      </c>
      <c r="H20117" t="s">
        <v>10451</v>
      </c>
      <c r="I20117" s="2">
        <v>1</v>
      </c>
      <c r="J20117" s="2">
        <v>0</v>
      </c>
      <c r="K20117" s="2">
        <v>0</v>
      </c>
      <c r="L20117" t="s">
        <v>120</v>
      </c>
      <c r="M20117" t="s">
        <v>83</v>
      </c>
      <c r="N20117" t="s">
        <v>91</v>
      </c>
      <c r="O20117" t="s">
        <v>85</v>
      </c>
      <c r="P20117" t="s">
        <v>86</v>
      </c>
      <c r="Q20117">
        <v>10</v>
      </c>
      <c r="R20117">
        <v>10</v>
      </c>
      <c r="S20117">
        <v>10</v>
      </c>
      <c r="T20117">
        <v>10</v>
      </c>
      <c r="U20117">
        <v>10</v>
      </c>
      <c r="V20117">
        <v>11</v>
      </c>
      <c r="W20117">
        <v>11</v>
      </c>
      <c r="X20117">
        <v>11</v>
      </c>
      <c r="Y20117">
        <v>11</v>
      </c>
      <c r="Z20117">
        <v>11</v>
      </c>
      <c r="AA20117">
        <v>11</v>
      </c>
      <c r="AB20117">
        <v>11</v>
      </c>
      <c r="AC20117">
        <v>11</v>
      </c>
      <c r="AD20117">
        <v>12</v>
      </c>
      <c r="AE20117">
        <v>12</v>
      </c>
      <c r="AF20117">
        <v>12</v>
      </c>
      <c r="AG20117">
        <v>12</v>
      </c>
      <c r="AH20117">
        <v>12</v>
      </c>
      <c r="AI20117">
        <v>12</v>
      </c>
      <c r="AJ20117">
        <v>12</v>
      </c>
      <c r="AK20117">
        <v>12</v>
      </c>
      <c r="AL20117">
        <v>12</v>
      </c>
      <c r="AM20117">
        <v>12</v>
      </c>
      <c r="AN20117">
        <v>12</v>
      </c>
      <c r="AO20117">
        <v>12</v>
      </c>
      <c r="AP20117">
        <v>12</v>
      </c>
      <c r="AQ20117">
        <v>12</v>
      </c>
    </row>
    <row r="20118" spans="1:43">
      <c r="A20118" t="s">
        <v>12460</v>
      </c>
      <c r="B20118" t="s">
        <v>12461</v>
      </c>
      <c r="C20118" t="s">
        <v>12458</v>
      </c>
      <c r="D20118" t="s">
        <v>12459</v>
      </c>
      <c r="E20118" t="s">
        <v>12006</v>
      </c>
      <c r="F20118" t="s">
        <v>12007</v>
      </c>
      <c r="G20118" t="s">
        <v>10450</v>
      </c>
      <c r="H20118" t="s">
        <v>10451</v>
      </c>
      <c r="I20118" s="2">
        <v>1</v>
      </c>
      <c r="J20118" s="2">
        <v>0</v>
      </c>
      <c r="K20118" s="2">
        <v>0</v>
      </c>
      <c r="L20118" t="s">
        <v>120</v>
      </c>
      <c r="M20118" t="s">
        <v>83</v>
      </c>
      <c r="N20118" t="s">
        <v>84</v>
      </c>
      <c r="O20118" t="s">
        <v>85</v>
      </c>
      <c r="P20118" t="s">
        <v>86</v>
      </c>
      <c r="Q20118">
        <v>9</v>
      </c>
      <c r="R20118">
        <v>9</v>
      </c>
      <c r="S20118">
        <v>9</v>
      </c>
      <c r="T20118">
        <v>9</v>
      </c>
      <c r="U20118">
        <v>9</v>
      </c>
      <c r="V20118">
        <v>9</v>
      </c>
      <c r="W20118">
        <v>9</v>
      </c>
      <c r="X20118">
        <v>9</v>
      </c>
      <c r="Y20118">
        <v>10</v>
      </c>
      <c r="Z20118">
        <v>10</v>
      </c>
      <c r="AA20118">
        <v>10</v>
      </c>
      <c r="AB20118">
        <v>10</v>
      </c>
      <c r="AC20118">
        <v>10</v>
      </c>
      <c r="AD20118">
        <v>10</v>
      </c>
      <c r="AE20118">
        <v>10</v>
      </c>
      <c r="AF20118">
        <v>10</v>
      </c>
      <c r="AG20118">
        <v>10</v>
      </c>
      <c r="AH20118">
        <v>11</v>
      </c>
      <c r="AI20118">
        <v>11</v>
      </c>
      <c r="AJ20118">
        <v>11</v>
      </c>
      <c r="AK20118">
        <v>11</v>
      </c>
      <c r="AL20118">
        <v>11</v>
      </c>
      <c r="AM20118">
        <v>11</v>
      </c>
      <c r="AN20118">
        <v>11</v>
      </c>
      <c r="AO20118">
        <v>11</v>
      </c>
      <c r="AP20118">
        <v>11</v>
      </c>
      <c r="AQ20118">
        <v>11</v>
      </c>
    </row>
    <row r="20119" spans="1:43">
      <c r="A20119" t="s">
        <v>12460</v>
      </c>
      <c r="B20119" t="s">
        <v>12461</v>
      </c>
      <c r="C20119" t="s">
        <v>12458</v>
      </c>
      <c r="D20119" t="s">
        <v>12459</v>
      </c>
      <c r="E20119" t="s">
        <v>12006</v>
      </c>
      <c r="F20119" t="s">
        <v>12007</v>
      </c>
      <c r="G20119" t="s">
        <v>10450</v>
      </c>
      <c r="H20119" t="s">
        <v>10451</v>
      </c>
      <c r="I20119" s="2">
        <v>1</v>
      </c>
      <c r="J20119" s="2">
        <v>0</v>
      </c>
      <c r="K20119" s="2">
        <v>0</v>
      </c>
      <c r="L20119" t="s">
        <v>120</v>
      </c>
      <c r="M20119" t="s">
        <v>87</v>
      </c>
      <c r="N20119" t="s">
        <v>88</v>
      </c>
      <c r="O20119" t="s">
        <v>85</v>
      </c>
      <c r="P20119" t="s">
        <v>86</v>
      </c>
      <c r="Q20119">
        <v>9</v>
      </c>
      <c r="R20119">
        <v>9</v>
      </c>
      <c r="S20119">
        <v>9</v>
      </c>
      <c r="T20119">
        <v>9</v>
      </c>
      <c r="U20119">
        <v>9</v>
      </c>
      <c r="V20119">
        <v>9</v>
      </c>
      <c r="W20119">
        <v>9</v>
      </c>
      <c r="X20119">
        <v>9</v>
      </c>
      <c r="Y20119">
        <v>9</v>
      </c>
      <c r="Z20119">
        <v>9</v>
      </c>
      <c r="AA20119">
        <v>9</v>
      </c>
      <c r="AB20119">
        <v>9</v>
      </c>
      <c r="AC20119">
        <v>9</v>
      </c>
      <c r="AD20119">
        <v>9</v>
      </c>
      <c r="AE20119">
        <v>9</v>
      </c>
      <c r="AF20119">
        <v>9</v>
      </c>
      <c r="AG20119">
        <v>9</v>
      </c>
      <c r="AH20119">
        <v>9</v>
      </c>
      <c r="AI20119">
        <v>9</v>
      </c>
      <c r="AJ20119">
        <v>9</v>
      </c>
      <c r="AK20119">
        <v>9</v>
      </c>
      <c r="AL20119">
        <v>9</v>
      </c>
      <c r="AM20119">
        <v>9</v>
      </c>
      <c r="AN20119">
        <v>9</v>
      </c>
      <c r="AO20119">
        <v>9</v>
      </c>
      <c r="AP20119">
        <v>9</v>
      </c>
      <c r="AQ20119">
        <v>10</v>
      </c>
    </row>
    <row r="20120" spans="1:43">
      <c r="A20120" t="s">
        <v>12460</v>
      </c>
      <c r="B20120" t="s">
        <v>12461</v>
      </c>
      <c r="C20120" t="s">
        <v>12458</v>
      </c>
      <c r="D20120" t="s">
        <v>12459</v>
      </c>
      <c r="E20120" t="s">
        <v>12006</v>
      </c>
      <c r="F20120" t="s">
        <v>12007</v>
      </c>
      <c r="G20120" t="s">
        <v>10450</v>
      </c>
      <c r="H20120" t="s">
        <v>10451</v>
      </c>
      <c r="I20120" s="2">
        <v>1</v>
      </c>
      <c r="J20120" s="2">
        <v>0</v>
      </c>
      <c r="K20120" s="2">
        <v>0</v>
      </c>
      <c r="L20120" t="s">
        <v>120</v>
      </c>
      <c r="M20120" t="s">
        <v>89</v>
      </c>
      <c r="N20120" t="s">
        <v>90</v>
      </c>
      <c r="O20120" t="s">
        <v>85</v>
      </c>
      <c r="P20120" t="s">
        <v>86</v>
      </c>
      <c r="Q20120">
        <v>9</v>
      </c>
      <c r="R20120">
        <v>9</v>
      </c>
      <c r="S20120">
        <v>9</v>
      </c>
      <c r="T20120">
        <v>9</v>
      </c>
      <c r="U20120">
        <v>9</v>
      </c>
      <c r="V20120">
        <v>10</v>
      </c>
      <c r="W20120">
        <v>10</v>
      </c>
      <c r="X20120">
        <v>10</v>
      </c>
      <c r="Y20120">
        <v>10</v>
      </c>
      <c r="Z20120">
        <v>10</v>
      </c>
      <c r="AA20120">
        <v>10</v>
      </c>
      <c r="AB20120">
        <v>11</v>
      </c>
      <c r="AC20120">
        <v>11</v>
      </c>
      <c r="AD20120">
        <v>11</v>
      </c>
      <c r="AE20120">
        <v>11</v>
      </c>
      <c r="AF20120">
        <v>11</v>
      </c>
      <c r="AG20120">
        <v>11</v>
      </c>
      <c r="AH20120">
        <v>11</v>
      </c>
      <c r="AI20120">
        <v>11</v>
      </c>
      <c r="AJ20120">
        <v>11</v>
      </c>
      <c r="AK20120">
        <v>11</v>
      </c>
      <c r="AL20120">
        <v>11</v>
      </c>
      <c r="AM20120">
        <v>11</v>
      </c>
      <c r="AN20120">
        <v>11</v>
      </c>
      <c r="AO20120">
        <v>11</v>
      </c>
      <c r="AP20120">
        <v>11</v>
      </c>
      <c r="AQ20120">
        <v>11</v>
      </c>
    </row>
    <row r="20121" spans="1:43">
      <c r="A20121" t="s">
        <v>12460</v>
      </c>
      <c r="B20121" t="s">
        <v>12461</v>
      </c>
      <c r="C20121" t="s">
        <v>12458</v>
      </c>
      <c r="D20121" t="s">
        <v>12459</v>
      </c>
      <c r="E20121" t="s">
        <v>12006</v>
      </c>
      <c r="F20121" t="s">
        <v>12007</v>
      </c>
      <c r="G20121" t="s">
        <v>10450</v>
      </c>
      <c r="H20121" t="s">
        <v>10451</v>
      </c>
      <c r="I20121" s="2">
        <v>1</v>
      </c>
      <c r="J20121" s="2">
        <v>0</v>
      </c>
      <c r="K20121" s="2">
        <v>0</v>
      </c>
      <c r="L20121" t="s">
        <v>120</v>
      </c>
      <c r="M20121" t="s">
        <v>83</v>
      </c>
      <c r="N20121" t="s">
        <v>91</v>
      </c>
      <c r="O20121" t="s">
        <v>85</v>
      </c>
      <c r="P20121" t="s">
        <v>86</v>
      </c>
      <c r="Q20121">
        <v>9</v>
      </c>
      <c r="R20121">
        <v>9</v>
      </c>
      <c r="S20121">
        <v>9</v>
      </c>
      <c r="T20121">
        <v>9</v>
      </c>
      <c r="U20121">
        <v>9</v>
      </c>
      <c r="V20121">
        <v>9</v>
      </c>
      <c r="W20121">
        <v>9</v>
      </c>
      <c r="X20121">
        <v>9</v>
      </c>
      <c r="Y20121">
        <v>10</v>
      </c>
      <c r="Z20121">
        <v>10</v>
      </c>
      <c r="AA20121">
        <v>10</v>
      </c>
      <c r="AB20121">
        <v>10</v>
      </c>
      <c r="AC20121">
        <v>10</v>
      </c>
      <c r="AD20121">
        <v>10</v>
      </c>
      <c r="AE20121">
        <v>10</v>
      </c>
      <c r="AF20121">
        <v>10</v>
      </c>
      <c r="AG20121">
        <v>10</v>
      </c>
      <c r="AH20121">
        <v>11</v>
      </c>
      <c r="AI20121">
        <v>11</v>
      </c>
      <c r="AJ20121">
        <v>11</v>
      </c>
      <c r="AK20121">
        <v>11</v>
      </c>
      <c r="AL20121">
        <v>11</v>
      </c>
      <c r="AM20121">
        <v>11</v>
      </c>
      <c r="AN20121">
        <v>11</v>
      </c>
      <c r="AO20121">
        <v>11</v>
      </c>
      <c r="AP20121">
        <v>11</v>
      </c>
      <c r="AQ20121">
        <v>11</v>
      </c>
    </row>
    <row r="20122" spans="1:43">
      <c r="A20122" t="s">
        <v>12462</v>
      </c>
      <c r="B20122" t="s">
        <v>12463</v>
      </c>
      <c r="C20122" t="s">
        <v>12464</v>
      </c>
      <c r="D20122" t="s">
        <v>12465</v>
      </c>
      <c r="E20122" t="s">
        <v>12006</v>
      </c>
      <c r="F20122" t="s">
        <v>12007</v>
      </c>
      <c r="G20122" t="s">
        <v>10450</v>
      </c>
      <c r="H20122" t="s">
        <v>10451</v>
      </c>
      <c r="I20122" s="2">
        <v>1</v>
      </c>
      <c r="J20122" s="2">
        <v>0</v>
      </c>
      <c r="K20122" s="2">
        <v>0</v>
      </c>
      <c r="L20122" t="s">
        <v>120</v>
      </c>
      <c r="M20122" t="s">
        <v>83</v>
      </c>
      <c r="N20122" t="s">
        <v>84</v>
      </c>
      <c r="O20122" t="s">
        <v>85</v>
      </c>
      <c r="P20122" t="s">
        <v>86</v>
      </c>
      <c r="Q20122">
        <v>40</v>
      </c>
      <c r="R20122">
        <v>41</v>
      </c>
      <c r="S20122">
        <v>41</v>
      </c>
      <c r="T20122">
        <v>42</v>
      </c>
      <c r="U20122">
        <v>42</v>
      </c>
      <c r="V20122">
        <v>43</v>
      </c>
      <c r="W20122">
        <v>44</v>
      </c>
      <c r="X20122">
        <v>44</v>
      </c>
      <c r="Y20122">
        <v>45</v>
      </c>
      <c r="Z20122">
        <v>45</v>
      </c>
      <c r="AA20122">
        <v>46</v>
      </c>
      <c r="AB20122">
        <v>46</v>
      </c>
      <c r="AC20122">
        <v>47</v>
      </c>
      <c r="AD20122">
        <v>47</v>
      </c>
      <c r="AE20122">
        <v>48</v>
      </c>
      <c r="AF20122">
        <v>48</v>
      </c>
      <c r="AG20122">
        <v>49</v>
      </c>
      <c r="AH20122">
        <v>49</v>
      </c>
      <c r="AI20122">
        <v>50</v>
      </c>
      <c r="AJ20122">
        <v>50</v>
      </c>
      <c r="AK20122">
        <v>51</v>
      </c>
      <c r="AL20122">
        <v>51</v>
      </c>
      <c r="AM20122">
        <v>51</v>
      </c>
      <c r="AN20122">
        <v>51</v>
      </c>
      <c r="AO20122">
        <v>51</v>
      </c>
      <c r="AP20122">
        <v>51</v>
      </c>
      <c r="AQ20122">
        <v>51</v>
      </c>
    </row>
    <row r="20123" spans="1:43">
      <c r="A20123" t="s">
        <v>12462</v>
      </c>
      <c r="B20123" t="s">
        <v>12463</v>
      </c>
      <c r="C20123" t="s">
        <v>12464</v>
      </c>
      <c r="D20123" t="s">
        <v>12465</v>
      </c>
      <c r="E20123" t="s">
        <v>12006</v>
      </c>
      <c r="F20123" t="s">
        <v>12007</v>
      </c>
      <c r="G20123" t="s">
        <v>10450</v>
      </c>
      <c r="H20123" t="s">
        <v>10451</v>
      </c>
      <c r="I20123" s="2">
        <v>1</v>
      </c>
      <c r="J20123" s="2">
        <v>0</v>
      </c>
      <c r="K20123" s="2">
        <v>0</v>
      </c>
      <c r="L20123" t="s">
        <v>120</v>
      </c>
      <c r="M20123" t="s">
        <v>87</v>
      </c>
      <c r="N20123" t="s">
        <v>88</v>
      </c>
      <c r="O20123" t="s">
        <v>85</v>
      </c>
      <c r="P20123" t="s">
        <v>86</v>
      </c>
      <c r="Q20123">
        <v>40</v>
      </c>
      <c r="R20123">
        <v>40</v>
      </c>
      <c r="S20123">
        <v>40</v>
      </c>
      <c r="T20123">
        <v>40</v>
      </c>
      <c r="U20123">
        <v>41</v>
      </c>
      <c r="V20123">
        <v>41</v>
      </c>
      <c r="W20123">
        <v>41</v>
      </c>
      <c r="X20123">
        <v>41</v>
      </c>
      <c r="Y20123">
        <v>41</v>
      </c>
      <c r="Z20123">
        <v>42</v>
      </c>
      <c r="AA20123">
        <v>42</v>
      </c>
      <c r="AB20123">
        <v>42</v>
      </c>
      <c r="AC20123">
        <v>42</v>
      </c>
      <c r="AD20123">
        <v>42</v>
      </c>
      <c r="AE20123">
        <v>42</v>
      </c>
      <c r="AF20123">
        <v>43</v>
      </c>
      <c r="AG20123">
        <v>43</v>
      </c>
      <c r="AH20123">
        <v>43</v>
      </c>
      <c r="AI20123">
        <v>43</v>
      </c>
      <c r="AJ20123">
        <v>43</v>
      </c>
      <c r="AK20123">
        <v>43</v>
      </c>
      <c r="AL20123">
        <v>44</v>
      </c>
      <c r="AM20123">
        <v>44</v>
      </c>
      <c r="AN20123">
        <v>44</v>
      </c>
      <c r="AO20123">
        <v>44</v>
      </c>
      <c r="AP20123">
        <v>44</v>
      </c>
      <c r="AQ20123">
        <v>44</v>
      </c>
    </row>
    <row r="20124" spans="1:43">
      <c r="A20124" t="s">
        <v>12462</v>
      </c>
      <c r="B20124" t="s">
        <v>12463</v>
      </c>
      <c r="C20124" t="s">
        <v>12464</v>
      </c>
      <c r="D20124" t="s">
        <v>12465</v>
      </c>
      <c r="E20124" t="s">
        <v>12006</v>
      </c>
      <c r="F20124" t="s">
        <v>12007</v>
      </c>
      <c r="G20124" t="s">
        <v>10450</v>
      </c>
      <c r="H20124" t="s">
        <v>10451</v>
      </c>
      <c r="I20124" s="2">
        <v>1</v>
      </c>
      <c r="J20124" s="2">
        <v>0</v>
      </c>
      <c r="K20124" s="2">
        <v>0</v>
      </c>
      <c r="L20124" t="s">
        <v>120</v>
      </c>
      <c r="M20124" t="s">
        <v>89</v>
      </c>
      <c r="N20124" t="s">
        <v>90</v>
      </c>
      <c r="O20124" t="s">
        <v>85</v>
      </c>
      <c r="P20124" t="s">
        <v>86</v>
      </c>
      <c r="Q20124">
        <v>40</v>
      </c>
      <c r="R20124">
        <v>40</v>
      </c>
      <c r="S20124">
        <v>41</v>
      </c>
      <c r="T20124">
        <v>42</v>
      </c>
      <c r="U20124">
        <v>43</v>
      </c>
      <c r="V20124">
        <v>44</v>
      </c>
      <c r="W20124">
        <v>45</v>
      </c>
      <c r="X20124">
        <v>46</v>
      </c>
      <c r="Y20124">
        <v>46</v>
      </c>
      <c r="Z20124">
        <v>47</v>
      </c>
      <c r="AA20124">
        <v>48</v>
      </c>
      <c r="AB20124">
        <v>48</v>
      </c>
      <c r="AC20124">
        <v>49</v>
      </c>
      <c r="AD20124">
        <v>50</v>
      </c>
      <c r="AE20124">
        <v>50</v>
      </c>
      <c r="AF20124">
        <v>50</v>
      </c>
      <c r="AG20124">
        <v>50</v>
      </c>
      <c r="AH20124">
        <v>51</v>
      </c>
      <c r="AI20124">
        <v>51</v>
      </c>
      <c r="AJ20124">
        <v>51</v>
      </c>
      <c r="AK20124">
        <v>51</v>
      </c>
      <c r="AL20124">
        <v>51</v>
      </c>
      <c r="AM20124">
        <v>51</v>
      </c>
      <c r="AN20124">
        <v>51</v>
      </c>
      <c r="AO20124">
        <v>51</v>
      </c>
      <c r="AP20124">
        <v>51</v>
      </c>
      <c r="AQ20124">
        <v>51</v>
      </c>
    </row>
    <row r="20125" spans="1:43">
      <c r="A20125" t="s">
        <v>12462</v>
      </c>
      <c r="B20125" t="s">
        <v>12463</v>
      </c>
      <c r="C20125" t="s">
        <v>12464</v>
      </c>
      <c r="D20125" t="s">
        <v>12465</v>
      </c>
      <c r="E20125" t="s">
        <v>12006</v>
      </c>
      <c r="F20125" t="s">
        <v>12007</v>
      </c>
      <c r="G20125" t="s">
        <v>10450</v>
      </c>
      <c r="H20125" t="s">
        <v>10451</v>
      </c>
      <c r="I20125" s="2">
        <v>1</v>
      </c>
      <c r="J20125" s="2">
        <v>0</v>
      </c>
      <c r="K20125" s="2">
        <v>0</v>
      </c>
      <c r="L20125" t="s">
        <v>120</v>
      </c>
      <c r="M20125" t="s">
        <v>83</v>
      </c>
      <c r="N20125" t="s">
        <v>91</v>
      </c>
      <c r="O20125" t="s">
        <v>85</v>
      </c>
      <c r="P20125" t="s">
        <v>86</v>
      </c>
      <c r="Q20125">
        <v>40</v>
      </c>
      <c r="R20125">
        <v>41</v>
      </c>
      <c r="S20125">
        <v>41</v>
      </c>
      <c r="T20125">
        <v>42</v>
      </c>
      <c r="U20125">
        <v>42</v>
      </c>
      <c r="V20125">
        <v>43</v>
      </c>
      <c r="W20125">
        <v>44</v>
      </c>
      <c r="X20125">
        <v>44</v>
      </c>
      <c r="Y20125">
        <v>45</v>
      </c>
      <c r="Z20125">
        <v>45</v>
      </c>
      <c r="AA20125">
        <v>46</v>
      </c>
      <c r="AB20125">
        <v>46</v>
      </c>
      <c r="AC20125">
        <v>47</v>
      </c>
      <c r="AD20125">
        <v>47</v>
      </c>
      <c r="AE20125">
        <v>48</v>
      </c>
      <c r="AF20125">
        <v>48</v>
      </c>
      <c r="AG20125">
        <v>49</v>
      </c>
      <c r="AH20125">
        <v>49</v>
      </c>
      <c r="AI20125">
        <v>50</v>
      </c>
      <c r="AJ20125">
        <v>50</v>
      </c>
      <c r="AK20125">
        <v>51</v>
      </c>
      <c r="AL20125">
        <v>51</v>
      </c>
      <c r="AM20125">
        <v>51</v>
      </c>
      <c r="AN20125">
        <v>51</v>
      </c>
      <c r="AO20125">
        <v>51</v>
      </c>
      <c r="AP20125">
        <v>51</v>
      </c>
      <c r="AQ20125">
        <v>51</v>
      </c>
    </row>
    <row r="20126" spans="1:43">
      <c r="A20126" t="s">
        <v>12466</v>
      </c>
      <c r="B20126" t="s">
        <v>12467</v>
      </c>
      <c r="C20126" t="s">
        <v>12468</v>
      </c>
      <c r="D20126" t="s">
        <v>12469</v>
      </c>
      <c r="E20126" t="s">
        <v>12006</v>
      </c>
      <c r="F20126" t="s">
        <v>12007</v>
      </c>
      <c r="G20126" t="s">
        <v>10450</v>
      </c>
      <c r="H20126" t="s">
        <v>10451</v>
      </c>
      <c r="I20126" s="2">
        <v>1</v>
      </c>
      <c r="J20126" s="2">
        <v>0</v>
      </c>
      <c r="K20126" s="2">
        <v>0</v>
      </c>
      <c r="L20126" t="s">
        <v>120</v>
      </c>
      <c r="M20126" t="s">
        <v>83</v>
      </c>
      <c r="N20126" t="s">
        <v>84</v>
      </c>
      <c r="O20126" t="s">
        <v>85</v>
      </c>
      <c r="P20126" t="s">
        <v>86</v>
      </c>
      <c r="Q20126">
        <v>64</v>
      </c>
      <c r="R20126">
        <v>65</v>
      </c>
      <c r="S20126">
        <v>66</v>
      </c>
      <c r="T20126">
        <v>67</v>
      </c>
      <c r="U20126">
        <v>68</v>
      </c>
      <c r="V20126">
        <v>69</v>
      </c>
      <c r="W20126">
        <v>70</v>
      </c>
      <c r="X20126">
        <v>71</v>
      </c>
      <c r="Y20126">
        <v>71</v>
      </c>
      <c r="Z20126">
        <v>72</v>
      </c>
      <c r="AA20126">
        <v>73</v>
      </c>
      <c r="AB20126">
        <v>74</v>
      </c>
      <c r="AC20126">
        <v>75</v>
      </c>
      <c r="AD20126">
        <v>76</v>
      </c>
      <c r="AE20126">
        <v>76</v>
      </c>
      <c r="AF20126">
        <v>77</v>
      </c>
      <c r="AG20126">
        <v>78</v>
      </c>
      <c r="AH20126">
        <v>79</v>
      </c>
      <c r="AI20126">
        <v>80</v>
      </c>
      <c r="AJ20126">
        <v>80</v>
      </c>
      <c r="AK20126">
        <v>81</v>
      </c>
      <c r="AL20126">
        <v>81</v>
      </c>
      <c r="AM20126">
        <v>82</v>
      </c>
      <c r="AN20126">
        <v>82</v>
      </c>
      <c r="AO20126">
        <v>82</v>
      </c>
      <c r="AP20126">
        <v>82</v>
      </c>
      <c r="AQ20126">
        <v>82</v>
      </c>
    </row>
    <row r="20127" spans="1:43">
      <c r="A20127" t="s">
        <v>12466</v>
      </c>
      <c r="B20127" t="s">
        <v>12467</v>
      </c>
      <c r="C20127" t="s">
        <v>12468</v>
      </c>
      <c r="D20127" t="s">
        <v>12469</v>
      </c>
      <c r="E20127" t="s">
        <v>12006</v>
      </c>
      <c r="F20127" t="s">
        <v>12007</v>
      </c>
      <c r="G20127" t="s">
        <v>10450</v>
      </c>
      <c r="H20127" t="s">
        <v>10451</v>
      </c>
      <c r="I20127" s="2">
        <v>1</v>
      </c>
      <c r="J20127" s="2">
        <v>0</v>
      </c>
      <c r="K20127" s="2">
        <v>0</v>
      </c>
      <c r="L20127" t="s">
        <v>120</v>
      </c>
      <c r="M20127" t="s">
        <v>87</v>
      </c>
      <c r="N20127" t="s">
        <v>88</v>
      </c>
      <c r="O20127" t="s">
        <v>85</v>
      </c>
      <c r="P20127" t="s">
        <v>86</v>
      </c>
      <c r="Q20127">
        <v>64</v>
      </c>
      <c r="R20127">
        <v>64</v>
      </c>
      <c r="S20127">
        <v>64</v>
      </c>
      <c r="T20127">
        <v>65</v>
      </c>
      <c r="U20127">
        <v>65</v>
      </c>
      <c r="V20127">
        <v>65</v>
      </c>
      <c r="W20127">
        <v>65</v>
      </c>
      <c r="X20127">
        <v>66</v>
      </c>
      <c r="Y20127">
        <v>66</v>
      </c>
      <c r="Z20127">
        <v>66</v>
      </c>
      <c r="AA20127">
        <v>67</v>
      </c>
      <c r="AB20127">
        <v>67</v>
      </c>
      <c r="AC20127">
        <v>67</v>
      </c>
      <c r="AD20127">
        <v>68</v>
      </c>
      <c r="AE20127">
        <v>68</v>
      </c>
      <c r="AF20127">
        <v>68</v>
      </c>
      <c r="AG20127">
        <v>68</v>
      </c>
      <c r="AH20127">
        <v>69</v>
      </c>
      <c r="AI20127">
        <v>69</v>
      </c>
      <c r="AJ20127">
        <v>69</v>
      </c>
      <c r="AK20127">
        <v>70</v>
      </c>
      <c r="AL20127">
        <v>70</v>
      </c>
      <c r="AM20127">
        <v>70</v>
      </c>
      <c r="AN20127">
        <v>70</v>
      </c>
      <c r="AO20127">
        <v>71</v>
      </c>
      <c r="AP20127">
        <v>71</v>
      </c>
      <c r="AQ20127">
        <v>71</v>
      </c>
    </row>
    <row r="20128" spans="1:43">
      <c r="A20128" t="s">
        <v>12466</v>
      </c>
      <c r="B20128" t="s">
        <v>12467</v>
      </c>
      <c r="C20128" t="s">
        <v>12468</v>
      </c>
      <c r="D20128" t="s">
        <v>12469</v>
      </c>
      <c r="E20128" t="s">
        <v>12006</v>
      </c>
      <c r="F20128" t="s">
        <v>12007</v>
      </c>
      <c r="G20128" t="s">
        <v>10450</v>
      </c>
      <c r="H20128" t="s">
        <v>10451</v>
      </c>
      <c r="I20128" s="2">
        <v>1</v>
      </c>
      <c r="J20128" s="2">
        <v>0</v>
      </c>
      <c r="K20128" s="2">
        <v>0</v>
      </c>
      <c r="L20128" t="s">
        <v>120</v>
      </c>
      <c r="M20128" t="s">
        <v>89</v>
      </c>
      <c r="N20128" t="s">
        <v>90</v>
      </c>
      <c r="O20128" t="s">
        <v>85</v>
      </c>
      <c r="P20128" t="s">
        <v>86</v>
      </c>
      <c r="Q20128">
        <v>64</v>
      </c>
      <c r="R20128">
        <v>65</v>
      </c>
      <c r="S20128">
        <v>67</v>
      </c>
      <c r="T20128">
        <v>68</v>
      </c>
      <c r="U20128">
        <v>70</v>
      </c>
      <c r="V20128">
        <v>71</v>
      </c>
      <c r="W20128">
        <v>72</v>
      </c>
      <c r="X20128">
        <v>73</v>
      </c>
      <c r="Y20128">
        <v>74</v>
      </c>
      <c r="Z20128">
        <v>76</v>
      </c>
      <c r="AA20128">
        <v>77</v>
      </c>
      <c r="AB20128">
        <v>78</v>
      </c>
      <c r="AC20128">
        <v>79</v>
      </c>
      <c r="AD20128">
        <v>80</v>
      </c>
      <c r="AE20128">
        <v>81</v>
      </c>
      <c r="AF20128">
        <v>81</v>
      </c>
      <c r="AG20128">
        <v>81</v>
      </c>
      <c r="AH20128">
        <v>81</v>
      </c>
      <c r="AI20128">
        <v>81</v>
      </c>
      <c r="AJ20128">
        <v>81</v>
      </c>
      <c r="AK20128">
        <v>81</v>
      </c>
      <c r="AL20128">
        <v>81</v>
      </c>
      <c r="AM20128">
        <v>81</v>
      </c>
      <c r="AN20128">
        <v>81</v>
      </c>
      <c r="AO20128">
        <v>81</v>
      </c>
      <c r="AP20128">
        <v>81</v>
      </c>
      <c r="AQ20128">
        <v>81</v>
      </c>
    </row>
    <row r="20129" spans="1:43">
      <c r="A20129" t="s">
        <v>12466</v>
      </c>
      <c r="B20129" t="s">
        <v>12467</v>
      </c>
      <c r="C20129" t="s">
        <v>12468</v>
      </c>
      <c r="D20129" t="s">
        <v>12469</v>
      </c>
      <c r="E20129" t="s">
        <v>12006</v>
      </c>
      <c r="F20129" t="s">
        <v>12007</v>
      </c>
      <c r="G20129" t="s">
        <v>10450</v>
      </c>
      <c r="H20129" t="s">
        <v>10451</v>
      </c>
      <c r="I20129" s="2">
        <v>1</v>
      </c>
      <c r="J20129" s="2">
        <v>0</v>
      </c>
      <c r="K20129" s="2">
        <v>0</v>
      </c>
      <c r="L20129" t="s">
        <v>120</v>
      </c>
      <c r="M20129" t="s">
        <v>83</v>
      </c>
      <c r="N20129" t="s">
        <v>91</v>
      </c>
      <c r="O20129" t="s">
        <v>85</v>
      </c>
      <c r="P20129" t="s">
        <v>86</v>
      </c>
      <c r="Q20129">
        <v>64</v>
      </c>
      <c r="R20129">
        <v>65</v>
      </c>
      <c r="S20129">
        <v>66</v>
      </c>
      <c r="T20129">
        <v>67</v>
      </c>
      <c r="U20129">
        <v>68</v>
      </c>
      <c r="V20129">
        <v>69</v>
      </c>
      <c r="W20129">
        <v>70</v>
      </c>
      <c r="X20129">
        <v>71</v>
      </c>
      <c r="Y20129">
        <v>71</v>
      </c>
      <c r="Z20129">
        <v>72</v>
      </c>
      <c r="AA20129">
        <v>73</v>
      </c>
      <c r="AB20129">
        <v>74</v>
      </c>
      <c r="AC20129">
        <v>75</v>
      </c>
      <c r="AD20129">
        <v>76</v>
      </c>
      <c r="AE20129">
        <v>76</v>
      </c>
      <c r="AF20129">
        <v>77</v>
      </c>
      <c r="AG20129">
        <v>78</v>
      </c>
      <c r="AH20129">
        <v>79</v>
      </c>
      <c r="AI20129">
        <v>80</v>
      </c>
      <c r="AJ20129">
        <v>80</v>
      </c>
      <c r="AK20129">
        <v>81</v>
      </c>
      <c r="AL20129">
        <v>81</v>
      </c>
      <c r="AM20129">
        <v>82</v>
      </c>
      <c r="AN20129">
        <v>82</v>
      </c>
      <c r="AO20129">
        <v>82</v>
      </c>
      <c r="AP20129">
        <v>82</v>
      </c>
      <c r="AQ20129">
        <v>82</v>
      </c>
    </row>
    <row r="20130" spans="1:43">
      <c r="A20130" t="s">
        <v>12470</v>
      </c>
      <c r="B20130" t="s">
        <v>12471</v>
      </c>
      <c r="C20130" t="s">
        <v>12468</v>
      </c>
      <c r="D20130" t="s">
        <v>12469</v>
      </c>
      <c r="E20130" t="s">
        <v>12006</v>
      </c>
      <c r="F20130" t="s">
        <v>12007</v>
      </c>
      <c r="G20130" t="s">
        <v>10450</v>
      </c>
      <c r="H20130" t="s">
        <v>10451</v>
      </c>
      <c r="I20130" s="2">
        <v>1</v>
      </c>
      <c r="J20130" s="2">
        <v>0</v>
      </c>
      <c r="K20130" s="2">
        <v>0</v>
      </c>
      <c r="L20130" t="s">
        <v>120</v>
      </c>
      <c r="M20130" t="s">
        <v>83</v>
      </c>
      <c r="N20130" t="s">
        <v>84</v>
      </c>
      <c r="O20130" t="s">
        <v>85</v>
      </c>
      <c r="P20130" t="s">
        <v>86</v>
      </c>
      <c r="Q20130">
        <v>9</v>
      </c>
      <c r="R20130">
        <v>9</v>
      </c>
      <c r="S20130">
        <v>9</v>
      </c>
      <c r="T20130">
        <v>9</v>
      </c>
      <c r="U20130">
        <v>10</v>
      </c>
      <c r="V20130">
        <v>10</v>
      </c>
      <c r="W20130">
        <v>10</v>
      </c>
      <c r="X20130">
        <v>10</v>
      </c>
      <c r="Y20130">
        <v>10</v>
      </c>
      <c r="Z20130">
        <v>10</v>
      </c>
      <c r="AA20130">
        <v>10</v>
      </c>
      <c r="AB20130">
        <v>10</v>
      </c>
      <c r="AC20130">
        <v>11</v>
      </c>
      <c r="AD20130">
        <v>11</v>
      </c>
      <c r="AE20130">
        <v>11</v>
      </c>
      <c r="AF20130">
        <v>11</v>
      </c>
      <c r="AG20130">
        <v>11</v>
      </c>
      <c r="AH20130">
        <v>11</v>
      </c>
      <c r="AI20130">
        <v>11</v>
      </c>
      <c r="AJ20130">
        <v>11</v>
      </c>
      <c r="AK20130">
        <v>11</v>
      </c>
      <c r="AL20130">
        <v>11</v>
      </c>
      <c r="AM20130">
        <v>11</v>
      </c>
      <c r="AN20130">
        <v>11</v>
      </c>
      <c r="AO20130">
        <v>11</v>
      </c>
      <c r="AP20130">
        <v>11</v>
      </c>
      <c r="AQ20130">
        <v>11</v>
      </c>
    </row>
    <row r="20131" spans="1:43">
      <c r="A20131" t="s">
        <v>12470</v>
      </c>
      <c r="B20131" t="s">
        <v>12471</v>
      </c>
      <c r="C20131" t="s">
        <v>12468</v>
      </c>
      <c r="D20131" t="s">
        <v>12469</v>
      </c>
      <c r="E20131" t="s">
        <v>12006</v>
      </c>
      <c r="F20131" t="s">
        <v>12007</v>
      </c>
      <c r="G20131" t="s">
        <v>10450</v>
      </c>
      <c r="H20131" t="s">
        <v>10451</v>
      </c>
      <c r="I20131" s="2">
        <v>1</v>
      </c>
      <c r="J20131" s="2">
        <v>0</v>
      </c>
      <c r="K20131" s="2">
        <v>0</v>
      </c>
      <c r="L20131" t="s">
        <v>120</v>
      </c>
      <c r="M20131" t="s">
        <v>87</v>
      </c>
      <c r="N20131" t="s">
        <v>88</v>
      </c>
      <c r="O20131" t="s">
        <v>85</v>
      </c>
      <c r="P20131" t="s">
        <v>86</v>
      </c>
      <c r="Q20131">
        <v>9</v>
      </c>
      <c r="R20131">
        <v>9</v>
      </c>
      <c r="S20131">
        <v>9</v>
      </c>
      <c r="T20131">
        <v>9</v>
      </c>
      <c r="U20131">
        <v>9</v>
      </c>
      <c r="V20131">
        <v>9</v>
      </c>
      <c r="W20131">
        <v>9</v>
      </c>
      <c r="X20131">
        <v>9</v>
      </c>
      <c r="Y20131">
        <v>9</v>
      </c>
      <c r="Z20131">
        <v>9</v>
      </c>
      <c r="AA20131">
        <v>9</v>
      </c>
      <c r="AB20131">
        <v>9</v>
      </c>
      <c r="AC20131">
        <v>9</v>
      </c>
      <c r="AD20131">
        <v>9</v>
      </c>
      <c r="AE20131">
        <v>10</v>
      </c>
      <c r="AF20131">
        <v>10</v>
      </c>
      <c r="AG20131">
        <v>10</v>
      </c>
      <c r="AH20131">
        <v>10</v>
      </c>
      <c r="AI20131">
        <v>10</v>
      </c>
      <c r="AJ20131">
        <v>10</v>
      </c>
      <c r="AK20131">
        <v>10</v>
      </c>
      <c r="AL20131">
        <v>10</v>
      </c>
      <c r="AM20131">
        <v>10</v>
      </c>
      <c r="AN20131">
        <v>10</v>
      </c>
      <c r="AO20131">
        <v>10</v>
      </c>
      <c r="AP20131">
        <v>10</v>
      </c>
      <c r="AQ20131">
        <v>10</v>
      </c>
    </row>
    <row r="20132" spans="1:43">
      <c r="A20132" t="s">
        <v>12470</v>
      </c>
      <c r="B20132" t="s">
        <v>12471</v>
      </c>
      <c r="C20132" t="s">
        <v>12468</v>
      </c>
      <c r="D20132" t="s">
        <v>12469</v>
      </c>
      <c r="E20132" t="s">
        <v>12006</v>
      </c>
      <c r="F20132" t="s">
        <v>12007</v>
      </c>
      <c r="G20132" t="s">
        <v>10450</v>
      </c>
      <c r="H20132" t="s">
        <v>10451</v>
      </c>
      <c r="I20132" s="2">
        <v>1</v>
      </c>
      <c r="J20132" s="2">
        <v>0</v>
      </c>
      <c r="K20132" s="2">
        <v>0</v>
      </c>
      <c r="L20132" t="s">
        <v>120</v>
      </c>
      <c r="M20132" t="s">
        <v>89</v>
      </c>
      <c r="N20132" t="s">
        <v>90</v>
      </c>
      <c r="O20132" t="s">
        <v>85</v>
      </c>
      <c r="P20132" t="s">
        <v>86</v>
      </c>
      <c r="Q20132">
        <v>9</v>
      </c>
      <c r="R20132">
        <v>9</v>
      </c>
      <c r="S20132">
        <v>10</v>
      </c>
      <c r="T20132">
        <v>10</v>
      </c>
      <c r="U20132">
        <v>10</v>
      </c>
      <c r="V20132">
        <v>10</v>
      </c>
      <c r="W20132">
        <v>10</v>
      </c>
      <c r="X20132">
        <v>10</v>
      </c>
      <c r="Y20132">
        <v>11</v>
      </c>
      <c r="Z20132">
        <v>11</v>
      </c>
      <c r="AA20132">
        <v>11</v>
      </c>
      <c r="AB20132">
        <v>11</v>
      </c>
      <c r="AC20132">
        <v>11</v>
      </c>
      <c r="AD20132">
        <v>11</v>
      </c>
      <c r="AE20132">
        <v>12</v>
      </c>
      <c r="AF20132">
        <v>12</v>
      </c>
      <c r="AG20132">
        <v>12</v>
      </c>
      <c r="AH20132">
        <v>12</v>
      </c>
      <c r="AI20132">
        <v>12</v>
      </c>
      <c r="AJ20132">
        <v>12</v>
      </c>
      <c r="AK20132">
        <v>12</v>
      </c>
      <c r="AL20132">
        <v>12</v>
      </c>
      <c r="AM20132">
        <v>12</v>
      </c>
      <c r="AN20132">
        <v>12</v>
      </c>
      <c r="AO20132">
        <v>12</v>
      </c>
      <c r="AP20132">
        <v>12</v>
      </c>
      <c r="AQ20132">
        <v>12</v>
      </c>
    </row>
    <row r="20133" spans="1:43">
      <c r="A20133" t="s">
        <v>12470</v>
      </c>
      <c r="B20133" t="s">
        <v>12471</v>
      </c>
      <c r="C20133" t="s">
        <v>12468</v>
      </c>
      <c r="D20133" t="s">
        <v>12469</v>
      </c>
      <c r="E20133" t="s">
        <v>12006</v>
      </c>
      <c r="F20133" t="s">
        <v>12007</v>
      </c>
      <c r="G20133" t="s">
        <v>10450</v>
      </c>
      <c r="H20133" t="s">
        <v>10451</v>
      </c>
      <c r="I20133" s="2">
        <v>1</v>
      </c>
      <c r="J20133" s="2">
        <v>0</v>
      </c>
      <c r="K20133" s="2">
        <v>0</v>
      </c>
      <c r="L20133" t="s">
        <v>120</v>
      </c>
      <c r="M20133" t="s">
        <v>83</v>
      </c>
      <c r="N20133" t="s">
        <v>91</v>
      </c>
      <c r="O20133" t="s">
        <v>85</v>
      </c>
      <c r="P20133" t="s">
        <v>86</v>
      </c>
      <c r="Q20133">
        <v>9</v>
      </c>
      <c r="R20133">
        <v>9</v>
      </c>
      <c r="S20133">
        <v>9</v>
      </c>
      <c r="T20133">
        <v>9</v>
      </c>
      <c r="U20133">
        <v>10</v>
      </c>
      <c r="V20133">
        <v>10</v>
      </c>
      <c r="W20133">
        <v>10</v>
      </c>
      <c r="X20133">
        <v>10</v>
      </c>
      <c r="Y20133">
        <v>10</v>
      </c>
      <c r="Z20133">
        <v>10</v>
      </c>
      <c r="AA20133">
        <v>10</v>
      </c>
      <c r="AB20133">
        <v>10</v>
      </c>
      <c r="AC20133">
        <v>11</v>
      </c>
      <c r="AD20133">
        <v>11</v>
      </c>
      <c r="AE20133">
        <v>11</v>
      </c>
      <c r="AF20133">
        <v>11</v>
      </c>
      <c r="AG20133">
        <v>11</v>
      </c>
      <c r="AH20133">
        <v>11</v>
      </c>
      <c r="AI20133">
        <v>11</v>
      </c>
      <c r="AJ20133">
        <v>11</v>
      </c>
      <c r="AK20133">
        <v>11</v>
      </c>
      <c r="AL20133">
        <v>11</v>
      </c>
      <c r="AM20133">
        <v>11</v>
      </c>
      <c r="AN20133">
        <v>11</v>
      </c>
      <c r="AO20133">
        <v>11</v>
      </c>
      <c r="AP20133">
        <v>11</v>
      </c>
      <c r="AQ20133">
        <v>11</v>
      </c>
    </row>
    <row r="20134" spans="1:43">
      <c r="A20134" t="s">
        <v>12472</v>
      </c>
      <c r="B20134" t="s">
        <v>12473</v>
      </c>
      <c r="C20134" t="s">
        <v>12468</v>
      </c>
      <c r="D20134" t="s">
        <v>12469</v>
      </c>
      <c r="E20134" t="s">
        <v>12006</v>
      </c>
      <c r="F20134" t="s">
        <v>12007</v>
      </c>
      <c r="G20134" t="s">
        <v>10450</v>
      </c>
      <c r="H20134" t="s">
        <v>10451</v>
      </c>
      <c r="I20134" s="2">
        <v>1</v>
      </c>
      <c r="J20134" s="2">
        <v>0</v>
      </c>
      <c r="K20134" s="2">
        <v>0</v>
      </c>
      <c r="L20134" t="s">
        <v>120</v>
      </c>
      <c r="M20134" t="s">
        <v>83</v>
      </c>
      <c r="N20134" t="s">
        <v>84</v>
      </c>
      <c r="O20134" t="s">
        <v>85</v>
      </c>
      <c r="P20134" t="s">
        <v>86</v>
      </c>
      <c r="Q20134">
        <v>8</v>
      </c>
      <c r="R20134">
        <v>9</v>
      </c>
      <c r="S20134">
        <v>9</v>
      </c>
      <c r="T20134">
        <v>9</v>
      </c>
      <c r="U20134">
        <v>9</v>
      </c>
      <c r="V20134">
        <v>9</v>
      </c>
      <c r="W20134">
        <v>9</v>
      </c>
      <c r="X20134">
        <v>9</v>
      </c>
      <c r="Y20134">
        <v>9</v>
      </c>
      <c r="Z20134">
        <v>9</v>
      </c>
      <c r="AA20134">
        <v>10</v>
      </c>
      <c r="AB20134">
        <v>10</v>
      </c>
      <c r="AC20134">
        <v>10</v>
      </c>
      <c r="AD20134">
        <v>10</v>
      </c>
      <c r="AE20134">
        <v>10</v>
      </c>
      <c r="AF20134">
        <v>10</v>
      </c>
      <c r="AG20134">
        <v>10</v>
      </c>
      <c r="AH20134">
        <v>10</v>
      </c>
      <c r="AI20134">
        <v>10</v>
      </c>
      <c r="AJ20134">
        <v>11</v>
      </c>
      <c r="AK20134">
        <v>11</v>
      </c>
      <c r="AL20134">
        <v>11</v>
      </c>
      <c r="AM20134">
        <v>11</v>
      </c>
      <c r="AN20134">
        <v>11</v>
      </c>
      <c r="AO20134">
        <v>11</v>
      </c>
      <c r="AP20134">
        <v>11</v>
      </c>
      <c r="AQ20134">
        <v>11</v>
      </c>
    </row>
    <row r="20135" spans="1:43">
      <c r="A20135" t="s">
        <v>12472</v>
      </c>
      <c r="B20135" t="s">
        <v>12473</v>
      </c>
      <c r="C20135" t="s">
        <v>12468</v>
      </c>
      <c r="D20135" t="s">
        <v>12469</v>
      </c>
      <c r="E20135" t="s">
        <v>12006</v>
      </c>
      <c r="F20135" t="s">
        <v>12007</v>
      </c>
      <c r="G20135" t="s">
        <v>10450</v>
      </c>
      <c r="H20135" t="s">
        <v>10451</v>
      </c>
      <c r="I20135" s="2">
        <v>1</v>
      </c>
      <c r="J20135" s="2">
        <v>0</v>
      </c>
      <c r="K20135" s="2">
        <v>0</v>
      </c>
      <c r="L20135" t="s">
        <v>120</v>
      </c>
      <c r="M20135" t="s">
        <v>87</v>
      </c>
      <c r="N20135" t="s">
        <v>88</v>
      </c>
      <c r="O20135" t="s">
        <v>85</v>
      </c>
      <c r="P20135" t="s">
        <v>86</v>
      </c>
      <c r="Q20135">
        <v>8</v>
      </c>
      <c r="R20135">
        <v>8</v>
      </c>
      <c r="S20135">
        <v>8</v>
      </c>
      <c r="T20135">
        <v>8</v>
      </c>
      <c r="U20135">
        <v>9</v>
      </c>
      <c r="V20135">
        <v>9</v>
      </c>
      <c r="W20135">
        <v>9</v>
      </c>
      <c r="X20135">
        <v>9</v>
      </c>
      <c r="Y20135">
        <v>9</v>
      </c>
      <c r="Z20135">
        <v>9</v>
      </c>
      <c r="AA20135">
        <v>9</v>
      </c>
      <c r="AB20135">
        <v>9</v>
      </c>
      <c r="AC20135">
        <v>9</v>
      </c>
      <c r="AD20135">
        <v>9</v>
      </c>
      <c r="AE20135">
        <v>9</v>
      </c>
      <c r="AF20135">
        <v>9</v>
      </c>
      <c r="AG20135">
        <v>9</v>
      </c>
      <c r="AH20135">
        <v>9</v>
      </c>
      <c r="AI20135">
        <v>9</v>
      </c>
      <c r="AJ20135">
        <v>9</v>
      </c>
      <c r="AK20135">
        <v>9</v>
      </c>
      <c r="AL20135">
        <v>9</v>
      </c>
      <c r="AM20135">
        <v>9</v>
      </c>
      <c r="AN20135">
        <v>9</v>
      </c>
      <c r="AO20135">
        <v>9</v>
      </c>
      <c r="AP20135">
        <v>9</v>
      </c>
      <c r="AQ20135">
        <v>9</v>
      </c>
    </row>
    <row r="20136" spans="1:43">
      <c r="A20136" t="s">
        <v>12472</v>
      </c>
      <c r="B20136" t="s">
        <v>12473</v>
      </c>
      <c r="C20136" t="s">
        <v>12468</v>
      </c>
      <c r="D20136" t="s">
        <v>12469</v>
      </c>
      <c r="E20136" t="s">
        <v>12006</v>
      </c>
      <c r="F20136" t="s">
        <v>12007</v>
      </c>
      <c r="G20136" t="s">
        <v>10450</v>
      </c>
      <c r="H20136" t="s">
        <v>10451</v>
      </c>
      <c r="I20136" s="2">
        <v>1</v>
      </c>
      <c r="J20136" s="2">
        <v>0</v>
      </c>
      <c r="K20136" s="2">
        <v>0</v>
      </c>
      <c r="L20136" t="s">
        <v>120</v>
      </c>
      <c r="M20136" t="s">
        <v>89</v>
      </c>
      <c r="N20136" t="s">
        <v>90</v>
      </c>
      <c r="O20136" t="s">
        <v>85</v>
      </c>
      <c r="P20136" t="s">
        <v>86</v>
      </c>
      <c r="Q20136">
        <v>8</v>
      </c>
      <c r="R20136">
        <v>9</v>
      </c>
      <c r="S20136">
        <v>9</v>
      </c>
      <c r="T20136">
        <v>9</v>
      </c>
      <c r="U20136">
        <v>9</v>
      </c>
      <c r="V20136">
        <v>9</v>
      </c>
      <c r="W20136">
        <v>10</v>
      </c>
      <c r="X20136">
        <v>10</v>
      </c>
      <c r="Y20136">
        <v>10</v>
      </c>
      <c r="Z20136">
        <v>10</v>
      </c>
      <c r="AA20136">
        <v>10</v>
      </c>
      <c r="AB20136">
        <v>10</v>
      </c>
      <c r="AC20136">
        <v>10</v>
      </c>
      <c r="AD20136">
        <v>11</v>
      </c>
      <c r="AE20136">
        <v>11</v>
      </c>
      <c r="AF20136">
        <v>11</v>
      </c>
      <c r="AG20136">
        <v>11</v>
      </c>
      <c r="AH20136">
        <v>11</v>
      </c>
      <c r="AI20136">
        <v>11</v>
      </c>
      <c r="AJ20136">
        <v>11</v>
      </c>
      <c r="AK20136">
        <v>11</v>
      </c>
      <c r="AL20136">
        <v>11</v>
      </c>
      <c r="AM20136">
        <v>11</v>
      </c>
      <c r="AN20136">
        <v>11</v>
      </c>
      <c r="AO20136">
        <v>11</v>
      </c>
      <c r="AP20136">
        <v>11</v>
      </c>
      <c r="AQ20136">
        <v>11</v>
      </c>
    </row>
    <row r="20137" spans="1:43">
      <c r="A20137" t="s">
        <v>12472</v>
      </c>
      <c r="B20137" t="s">
        <v>12473</v>
      </c>
      <c r="C20137" t="s">
        <v>12468</v>
      </c>
      <c r="D20137" t="s">
        <v>12469</v>
      </c>
      <c r="E20137" t="s">
        <v>12006</v>
      </c>
      <c r="F20137" t="s">
        <v>12007</v>
      </c>
      <c r="G20137" t="s">
        <v>10450</v>
      </c>
      <c r="H20137" t="s">
        <v>10451</v>
      </c>
      <c r="I20137" s="2">
        <v>1</v>
      </c>
      <c r="J20137" s="2">
        <v>0</v>
      </c>
      <c r="K20137" s="2">
        <v>0</v>
      </c>
      <c r="L20137" t="s">
        <v>120</v>
      </c>
      <c r="M20137" t="s">
        <v>83</v>
      </c>
      <c r="N20137" t="s">
        <v>91</v>
      </c>
      <c r="O20137" t="s">
        <v>85</v>
      </c>
      <c r="P20137" t="s">
        <v>86</v>
      </c>
      <c r="Q20137">
        <v>8</v>
      </c>
      <c r="R20137">
        <v>9</v>
      </c>
      <c r="S20137">
        <v>9</v>
      </c>
      <c r="T20137">
        <v>9</v>
      </c>
      <c r="U20137">
        <v>9</v>
      </c>
      <c r="V20137">
        <v>9</v>
      </c>
      <c r="W20137">
        <v>9</v>
      </c>
      <c r="X20137">
        <v>9</v>
      </c>
      <c r="Y20137">
        <v>9</v>
      </c>
      <c r="Z20137">
        <v>9</v>
      </c>
      <c r="AA20137">
        <v>10</v>
      </c>
      <c r="AB20137">
        <v>10</v>
      </c>
      <c r="AC20137">
        <v>10</v>
      </c>
      <c r="AD20137">
        <v>10</v>
      </c>
      <c r="AE20137">
        <v>10</v>
      </c>
      <c r="AF20137">
        <v>10</v>
      </c>
      <c r="AG20137">
        <v>10</v>
      </c>
      <c r="AH20137">
        <v>10</v>
      </c>
      <c r="AI20137">
        <v>10</v>
      </c>
      <c r="AJ20137">
        <v>11</v>
      </c>
      <c r="AK20137">
        <v>11</v>
      </c>
      <c r="AL20137">
        <v>11</v>
      </c>
      <c r="AM20137">
        <v>11</v>
      </c>
      <c r="AN20137">
        <v>11</v>
      </c>
      <c r="AO20137">
        <v>11</v>
      </c>
      <c r="AP20137">
        <v>11</v>
      </c>
      <c r="AQ20137">
        <v>11</v>
      </c>
    </row>
    <row r="20138" spans="1:43">
      <c r="A20138" t="s">
        <v>12474</v>
      </c>
      <c r="B20138" t="s">
        <v>12475</v>
      </c>
      <c r="C20138" t="s">
        <v>12468</v>
      </c>
      <c r="D20138" t="s">
        <v>12469</v>
      </c>
      <c r="E20138" t="s">
        <v>12006</v>
      </c>
      <c r="F20138" t="s">
        <v>12007</v>
      </c>
      <c r="G20138" t="s">
        <v>10450</v>
      </c>
      <c r="H20138" t="s">
        <v>10451</v>
      </c>
      <c r="I20138" s="2">
        <v>1</v>
      </c>
      <c r="J20138" s="2">
        <v>0</v>
      </c>
      <c r="K20138" s="2">
        <v>0</v>
      </c>
      <c r="L20138" t="s">
        <v>120</v>
      </c>
      <c r="M20138" t="s">
        <v>83</v>
      </c>
      <c r="N20138" t="s">
        <v>84</v>
      </c>
      <c r="O20138" t="s">
        <v>85</v>
      </c>
      <c r="P20138" t="s">
        <v>86</v>
      </c>
      <c r="Q20138">
        <v>57</v>
      </c>
      <c r="R20138">
        <v>58</v>
      </c>
      <c r="S20138">
        <v>59</v>
      </c>
      <c r="T20138">
        <v>60</v>
      </c>
      <c r="U20138">
        <v>61</v>
      </c>
      <c r="V20138">
        <v>61</v>
      </c>
      <c r="W20138">
        <v>62</v>
      </c>
      <c r="X20138">
        <v>63</v>
      </c>
      <c r="Y20138">
        <v>64</v>
      </c>
      <c r="Z20138">
        <v>64</v>
      </c>
      <c r="AA20138">
        <v>65</v>
      </c>
      <c r="AB20138">
        <v>66</v>
      </c>
      <c r="AC20138">
        <v>67</v>
      </c>
      <c r="AD20138">
        <v>67</v>
      </c>
      <c r="AE20138">
        <v>68</v>
      </c>
      <c r="AF20138">
        <v>69</v>
      </c>
      <c r="AG20138">
        <v>70</v>
      </c>
      <c r="AH20138">
        <v>70</v>
      </c>
      <c r="AI20138">
        <v>71</v>
      </c>
      <c r="AJ20138">
        <v>72</v>
      </c>
      <c r="AK20138">
        <v>72</v>
      </c>
      <c r="AL20138">
        <v>73</v>
      </c>
      <c r="AM20138">
        <v>73</v>
      </c>
      <c r="AN20138">
        <v>73</v>
      </c>
      <c r="AO20138">
        <v>73</v>
      </c>
      <c r="AP20138">
        <v>73</v>
      </c>
      <c r="AQ20138">
        <v>73</v>
      </c>
    </row>
    <row r="20139" spans="1:43">
      <c r="A20139" t="s">
        <v>12474</v>
      </c>
      <c r="B20139" t="s">
        <v>12475</v>
      </c>
      <c r="C20139" t="s">
        <v>12468</v>
      </c>
      <c r="D20139" t="s">
        <v>12469</v>
      </c>
      <c r="E20139" t="s">
        <v>12006</v>
      </c>
      <c r="F20139" t="s">
        <v>12007</v>
      </c>
      <c r="G20139" t="s">
        <v>10450</v>
      </c>
      <c r="H20139" t="s">
        <v>10451</v>
      </c>
      <c r="I20139" s="2">
        <v>1</v>
      </c>
      <c r="J20139" s="2">
        <v>0</v>
      </c>
      <c r="K20139" s="2">
        <v>0</v>
      </c>
      <c r="L20139" t="s">
        <v>120</v>
      </c>
      <c r="M20139" t="s">
        <v>87</v>
      </c>
      <c r="N20139" t="s">
        <v>88</v>
      </c>
      <c r="O20139" t="s">
        <v>85</v>
      </c>
      <c r="P20139" t="s">
        <v>86</v>
      </c>
      <c r="Q20139">
        <v>57</v>
      </c>
      <c r="R20139">
        <v>57</v>
      </c>
      <c r="S20139">
        <v>57</v>
      </c>
      <c r="T20139">
        <v>58</v>
      </c>
      <c r="U20139">
        <v>58</v>
      </c>
      <c r="V20139">
        <v>58</v>
      </c>
      <c r="W20139">
        <v>58</v>
      </c>
      <c r="X20139">
        <v>59</v>
      </c>
      <c r="Y20139">
        <v>59</v>
      </c>
      <c r="Z20139">
        <v>59</v>
      </c>
      <c r="AA20139">
        <v>60</v>
      </c>
      <c r="AB20139">
        <v>60</v>
      </c>
      <c r="AC20139">
        <v>60</v>
      </c>
      <c r="AD20139">
        <v>60</v>
      </c>
      <c r="AE20139">
        <v>61</v>
      </c>
      <c r="AF20139">
        <v>61</v>
      </c>
      <c r="AG20139">
        <v>61</v>
      </c>
      <c r="AH20139">
        <v>61</v>
      </c>
      <c r="AI20139">
        <v>62</v>
      </c>
      <c r="AJ20139">
        <v>62</v>
      </c>
      <c r="AK20139">
        <v>62</v>
      </c>
      <c r="AL20139">
        <v>62</v>
      </c>
      <c r="AM20139">
        <v>63</v>
      </c>
      <c r="AN20139">
        <v>63</v>
      </c>
      <c r="AO20139">
        <v>63</v>
      </c>
      <c r="AP20139">
        <v>63</v>
      </c>
      <c r="AQ20139">
        <v>63</v>
      </c>
    </row>
    <row r="20140" spans="1:43">
      <c r="A20140" t="s">
        <v>12474</v>
      </c>
      <c r="B20140" t="s">
        <v>12475</v>
      </c>
      <c r="C20140" t="s">
        <v>12468</v>
      </c>
      <c r="D20140" t="s">
        <v>12469</v>
      </c>
      <c r="E20140" t="s">
        <v>12006</v>
      </c>
      <c r="F20140" t="s">
        <v>12007</v>
      </c>
      <c r="G20140" t="s">
        <v>10450</v>
      </c>
      <c r="H20140" t="s">
        <v>10451</v>
      </c>
      <c r="I20140" s="2">
        <v>1</v>
      </c>
      <c r="J20140" s="2">
        <v>0</v>
      </c>
      <c r="K20140" s="2">
        <v>0</v>
      </c>
      <c r="L20140" t="s">
        <v>120</v>
      </c>
      <c r="M20140" t="s">
        <v>89</v>
      </c>
      <c r="N20140" t="s">
        <v>90</v>
      </c>
      <c r="O20140" t="s">
        <v>85</v>
      </c>
      <c r="P20140" t="s">
        <v>86</v>
      </c>
      <c r="Q20140">
        <v>57</v>
      </c>
      <c r="R20140">
        <v>58</v>
      </c>
      <c r="S20140">
        <v>59</v>
      </c>
      <c r="T20140">
        <v>61</v>
      </c>
      <c r="U20140">
        <v>62</v>
      </c>
      <c r="V20140">
        <v>63</v>
      </c>
      <c r="W20140">
        <v>64</v>
      </c>
      <c r="X20140">
        <v>65</v>
      </c>
      <c r="Y20140">
        <v>66</v>
      </c>
      <c r="Z20140">
        <v>67</v>
      </c>
      <c r="AA20140">
        <v>68</v>
      </c>
      <c r="AB20140">
        <v>69</v>
      </c>
      <c r="AC20140">
        <v>70</v>
      </c>
      <c r="AD20140">
        <v>71</v>
      </c>
      <c r="AE20140">
        <v>72</v>
      </c>
      <c r="AF20140">
        <v>72</v>
      </c>
      <c r="AG20140">
        <v>72</v>
      </c>
      <c r="AH20140">
        <v>72</v>
      </c>
      <c r="AI20140">
        <v>72</v>
      </c>
      <c r="AJ20140">
        <v>72</v>
      </c>
      <c r="AK20140">
        <v>72</v>
      </c>
      <c r="AL20140">
        <v>72</v>
      </c>
      <c r="AM20140">
        <v>72</v>
      </c>
      <c r="AN20140">
        <v>72</v>
      </c>
      <c r="AO20140">
        <v>72</v>
      </c>
      <c r="AP20140">
        <v>72</v>
      </c>
      <c r="AQ20140">
        <v>72</v>
      </c>
    </row>
    <row r="20141" spans="1:43">
      <c r="A20141" t="s">
        <v>12474</v>
      </c>
      <c r="B20141" t="s">
        <v>12475</v>
      </c>
      <c r="C20141" t="s">
        <v>12468</v>
      </c>
      <c r="D20141" t="s">
        <v>12469</v>
      </c>
      <c r="E20141" t="s">
        <v>12006</v>
      </c>
      <c r="F20141" t="s">
        <v>12007</v>
      </c>
      <c r="G20141" t="s">
        <v>10450</v>
      </c>
      <c r="H20141" t="s">
        <v>10451</v>
      </c>
      <c r="I20141" s="2">
        <v>1</v>
      </c>
      <c r="J20141" s="2">
        <v>0</v>
      </c>
      <c r="K20141" s="2">
        <v>0</v>
      </c>
      <c r="L20141" t="s">
        <v>120</v>
      </c>
      <c r="M20141" t="s">
        <v>83</v>
      </c>
      <c r="N20141" t="s">
        <v>91</v>
      </c>
      <c r="O20141" t="s">
        <v>85</v>
      </c>
      <c r="P20141" t="s">
        <v>86</v>
      </c>
      <c r="Q20141">
        <v>57</v>
      </c>
      <c r="R20141">
        <v>58</v>
      </c>
      <c r="S20141">
        <v>59</v>
      </c>
      <c r="T20141">
        <v>60</v>
      </c>
      <c r="U20141">
        <v>61</v>
      </c>
      <c r="V20141">
        <v>61</v>
      </c>
      <c r="W20141">
        <v>62</v>
      </c>
      <c r="X20141">
        <v>63</v>
      </c>
      <c r="Y20141">
        <v>64</v>
      </c>
      <c r="Z20141">
        <v>64</v>
      </c>
      <c r="AA20141">
        <v>65</v>
      </c>
      <c r="AB20141">
        <v>66</v>
      </c>
      <c r="AC20141">
        <v>67</v>
      </c>
      <c r="AD20141">
        <v>67</v>
      </c>
      <c r="AE20141">
        <v>68</v>
      </c>
      <c r="AF20141">
        <v>69</v>
      </c>
      <c r="AG20141">
        <v>70</v>
      </c>
      <c r="AH20141">
        <v>70</v>
      </c>
      <c r="AI20141">
        <v>71</v>
      </c>
      <c r="AJ20141">
        <v>72</v>
      </c>
      <c r="AK20141">
        <v>72</v>
      </c>
      <c r="AL20141">
        <v>73</v>
      </c>
      <c r="AM20141">
        <v>73</v>
      </c>
      <c r="AN20141">
        <v>73</v>
      </c>
      <c r="AO20141">
        <v>73</v>
      </c>
      <c r="AP20141">
        <v>73</v>
      </c>
      <c r="AQ20141">
        <v>73</v>
      </c>
    </row>
    <row r="20142" spans="1:43">
      <c r="A20142" t="s">
        <v>12476</v>
      </c>
      <c r="B20142" t="s">
        <v>12477</v>
      </c>
      <c r="C20142" t="s">
        <v>12478</v>
      </c>
      <c r="D20142" t="s">
        <v>12479</v>
      </c>
      <c r="E20142" t="s">
        <v>12006</v>
      </c>
      <c r="F20142" t="s">
        <v>12007</v>
      </c>
      <c r="G20142" t="s">
        <v>10450</v>
      </c>
      <c r="H20142" t="s">
        <v>10451</v>
      </c>
      <c r="I20142" s="2">
        <v>1</v>
      </c>
      <c r="J20142" s="2">
        <v>0</v>
      </c>
      <c r="K20142" s="2">
        <v>0</v>
      </c>
      <c r="L20142" t="s">
        <v>120</v>
      </c>
      <c r="M20142" t="s">
        <v>83</v>
      </c>
      <c r="N20142" t="s">
        <v>84</v>
      </c>
      <c r="O20142" t="s">
        <v>85</v>
      </c>
      <c r="P20142" t="s">
        <v>86</v>
      </c>
      <c r="Q20142">
        <v>17</v>
      </c>
      <c r="R20142">
        <v>17</v>
      </c>
      <c r="S20142">
        <v>17</v>
      </c>
      <c r="T20142">
        <v>17</v>
      </c>
      <c r="U20142">
        <v>18</v>
      </c>
      <c r="V20142">
        <v>18</v>
      </c>
      <c r="W20142">
        <v>18</v>
      </c>
      <c r="X20142">
        <v>18</v>
      </c>
      <c r="Y20142">
        <v>19</v>
      </c>
      <c r="Z20142">
        <v>19</v>
      </c>
      <c r="AA20142">
        <v>19</v>
      </c>
      <c r="AB20142">
        <v>19</v>
      </c>
      <c r="AC20142">
        <v>19</v>
      </c>
      <c r="AD20142">
        <v>20</v>
      </c>
      <c r="AE20142">
        <v>20</v>
      </c>
      <c r="AF20142">
        <v>20</v>
      </c>
      <c r="AG20142">
        <v>20</v>
      </c>
      <c r="AH20142">
        <v>20</v>
      </c>
      <c r="AI20142">
        <v>21</v>
      </c>
      <c r="AJ20142">
        <v>21</v>
      </c>
      <c r="AK20142">
        <v>21</v>
      </c>
      <c r="AL20142">
        <v>21</v>
      </c>
      <c r="AM20142">
        <v>21</v>
      </c>
      <c r="AN20142">
        <v>21</v>
      </c>
      <c r="AO20142">
        <v>21</v>
      </c>
      <c r="AP20142">
        <v>21</v>
      </c>
      <c r="AQ20142">
        <v>21</v>
      </c>
    </row>
    <row r="20143" spans="1:43">
      <c r="A20143" t="s">
        <v>12476</v>
      </c>
      <c r="B20143" t="s">
        <v>12477</v>
      </c>
      <c r="C20143" t="s">
        <v>12478</v>
      </c>
      <c r="D20143" t="s">
        <v>12479</v>
      </c>
      <c r="E20143" t="s">
        <v>12006</v>
      </c>
      <c r="F20143" t="s">
        <v>12007</v>
      </c>
      <c r="G20143" t="s">
        <v>10450</v>
      </c>
      <c r="H20143" t="s">
        <v>10451</v>
      </c>
      <c r="I20143" s="2">
        <v>1</v>
      </c>
      <c r="J20143" s="2">
        <v>0</v>
      </c>
      <c r="K20143" s="2">
        <v>0</v>
      </c>
      <c r="L20143" t="s">
        <v>120</v>
      </c>
      <c r="M20143" t="s">
        <v>87</v>
      </c>
      <c r="N20143" t="s">
        <v>88</v>
      </c>
      <c r="O20143" t="s">
        <v>85</v>
      </c>
      <c r="P20143" t="s">
        <v>86</v>
      </c>
      <c r="Q20143">
        <v>17</v>
      </c>
      <c r="R20143">
        <v>18</v>
      </c>
      <c r="S20143">
        <v>18</v>
      </c>
      <c r="T20143">
        <v>18</v>
      </c>
      <c r="U20143">
        <v>18</v>
      </c>
      <c r="V20143">
        <v>18</v>
      </c>
      <c r="W20143">
        <v>18</v>
      </c>
      <c r="X20143">
        <v>18</v>
      </c>
      <c r="Y20143">
        <v>18</v>
      </c>
      <c r="Z20143">
        <v>18</v>
      </c>
      <c r="AA20143">
        <v>18</v>
      </c>
      <c r="AB20143">
        <v>18</v>
      </c>
      <c r="AC20143">
        <v>18</v>
      </c>
      <c r="AD20143">
        <v>19</v>
      </c>
      <c r="AE20143">
        <v>19</v>
      </c>
      <c r="AF20143">
        <v>19</v>
      </c>
      <c r="AG20143">
        <v>19</v>
      </c>
      <c r="AH20143">
        <v>19</v>
      </c>
      <c r="AI20143">
        <v>19</v>
      </c>
      <c r="AJ20143">
        <v>19</v>
      </c>
      <c r="AK20143">
        <v>19</v>
      </c>
      <c r="AL20143">
        <v>19</v>
      </c>
      <c r="AM20143">
        <v>19</v>
      </c>
      <c r="AN20143">
        <v>19</v>
      </c>
      <c r="AO20143">
        <v>19</v>
      </c>
      <c r="AP20143">
        <v>19</v>
      </c>
      <c r="AQ20143">
        <v>19</v>
      </c>
    </row>
    <row r="20144" spans="1:43">
      <c r="A20144" t="s">
        <v>12476</v>
      </c>
      <c r="B20144" t="s">
        <v>12477</v>
      </c>
      <c r="C20144" t="s">
        <v>12478</v>
      </c>
      <c r="D20144" t="s">
        <v>12479</v>
      </c>
      <c r="E20144" t="s">
        <v>12006</v>
      </c>
      <c r="F20144" t="s">
        <v>12007</v>
      </c>
      <c r="G20144" t="s">
        <v>10450</v>
      </c>
      <c r="H20144" t="s">
        <v>10451</v>
      </c>
      <c r="I20144" s="2">
        <v>1</v>
      </c>
      <c r="J20144" s="2">
        <v>0</v>
      </c>
      <c r="K20144" s="2">
        <v>0</v>
      </c>
      <c r="L20144" t="s">
        <v>120</v>
      </c>
      <c r="M20144" t="s">
        <v>89</v>
      </c>
      <c r="N20144" t="s">
        <v>90</v>
      </c>
      <c r="O20144" t="s">
        <v>85</v>
      </c>
      <c r="P20144" t="s">
        <v>86</v>
      </c>
      <c r="Q20144">
        <v>17</v>
      </c>
      <c r="R20144">
        <v>17</v>
      </c>
      <c r="S20144">
        <v>18</v>
      </c>
      <c r="T20144">
        <v>18</v>
      </c>
      <c r="U20144">
        <v>18</v>
      </c>
      <c r="V20144">
        <v>19</v>
      </c>
      <c r="W20144">
        <v>19</v>
      </c>
      <c r="X20144">
        <v>19</v>
      </c>
      <c r="Y20144">
        <v>20</v>
      </c>
      <c r="Z20144">
        <v>20</v>
      </c>
      <c r="AA20144">
        <v>20</v>
      </c>
      <c r="AB20144">
        <v>20</v>
      </c>
      <c r="AC20144">
        <v>21</v>
      </c>
      <c r="AD20144">
        <v>21</v>
      </c>
      <c r="AE20144">
        <v>21</v>
      </c>
      <c r="AF20144">
        <v>21</v>
      </c>
      <c r="AG20144">
        <v>21</v>
      </c>
      <c r="AH20144">
        <v>21</v>
      </c>
      <c r="AI20144">
        <v>21</v>
      </c>
      <c r="AJ20144">
        <v>21</v>
      </c>
      <c r="AK20144">
        <v>21</v>
      </c>
      <c r="AL20144">
        <v>21</v>
      </c>
      <c r="AM20144">
        <v>21</v>
      </c>
      <c r="AN20144">
        <v>22</v>
      </c>
      <c r="AO20144">
        <v>22</v>
      </c>
      <c r="AP20144">
        <v>22</v>
      </c>
      <c r="AQ20144">
        <v>22</v>
      </c>
    </row>
    <row r="20145" spans="1:43">
      <c r="A20145" t="s">
        <v>12476</v>
      </c>
      <c r="B20145" t="s">
        <v>12477</v>
      </c>
      <c r="C20145" t="s">
        <v>12478</v>
      </c>
      <c r="D20145" t="s">
        <v>12479</v>
      </c>
      <c r="E20145" t="s">
        <v>12006</v>
      </c>
      <c r="F20145" t="s">
        <v>12007</v>
      </c>
      <c r="G20145" t="s">
        <v>10450</v>
      </c>
      <c r="H20145" t="s">
        <v>10451</v>
      </c>
      <c r="I20145" s="2">
        <v>1</v>
      </c>
      <c r="J20145" s="2">
        <v>0</v>
      </c>
      <c r="K20145" s="2">
        <v>0</v>
      </c>
      <c r="L20145" t="s">
        <v>120</v>
      </c>
      <c r="M20145" t="s">
        <v>83</v>
      </c>
      <c r="N20145" t="s">
        <v>91</v>
      </c>
      <c r="O20145" t="s">
        <v>85</v>
      </c>
      <c r="P20145" t="s">
        <v>86</v>
      </c>
      <c r="Q20145">
        <v>17</v>
      </c>
      <c r="R20145">
        <v>17</v>
      </c>
      <c r="S20145">
        <v>17</v>
      </c>
      <c r="T20145">
        <v>17</v>
      </c>
      <c r="U20145">
        <v>18</v>
      </c>
      <c r="V20145">
        <v>18</v>
      </c>
      <c r="W20145">
        <v>18</v>
      </c>
      <c r="X20145">
        <v>18</v>
      </c>
      <c r="Y20145">
        <v>19</v>
      </c>
      <c r="Z20145">
        <v>19</v>
      </c>
      <c r="AA20145">
        <v>19</v>
      </c>
      <c r="AB20145">
        <v>19</v>
      </c>
      <c r="AC20145">
        <v>19</v>
      </c>
      <c r="AD20145">
        <v>20</v>
      </c>
      <c r="AE20145">
        <v>20</v>
      </c>
      <c r="AF20145">
        <v>20</v>
      </c>
      <c r="AG20145">
        <v>20</v>
      </c>
      <c r="AH20145">
        <v>20</v>
      </c>
      <c r="AI20145">
        <v>21</v>
      </c>
      <c r="AJ20145">
        <v>21</v>
      </c>
      <c r="AK20145">
        <v>21</v>
      </c>
      <c r="AL20145">
        <v>21</v>
      </c>
      <c r="AM20145">
        <v>21</v>
      </c>
      <c r="AN20145">
        <v>21</v>
      </c>
      <c r="AO20145">
        <v>21</v>
      </c>
      <c r="AP20145">
        <v>21</v>
      </c>
      <c r="AQ20145">
        <v>21</v>
      </c>
    </row>
    <row r="20146" spans="1:43">
      <c r="A20146" t="s">
        <v>12480</v>
      </c>
      <c r="B20146" t="s">
        <v>12481</v>
      </c>
      <c r="C20146" t="s">
        <v>12478</v>
      </c>
      <c r="D20146" t="s">
        <v>12479</v>
      </c>
      <c r="E20146" t="s">
        <v>12006</v>
      </c>
      <c r="F20146" t="s">
        <v>12007</v>
      </c>
      <c r="G20146" t="s">
        <v>10450</v>
      </c>
      <c r="H20146" t="s">
        <v>10451</v>
      </c>
      <c r="I20146" s="2">
        <v>1</v>
      </c>
      <c r="J20146" s="2">
        <v>0</v>
      </c>
      <c r="K20146" s="2">
        <v>0</v>
      </c>
      <c r="L20146" t="s">
        <v>120</v>
      </c>
      <c r="M20146" t="s">
        <v>83</v>
      </c>
      <c r="N20146" t="s">
        <v>84</v>
      </c>
      <c r="O20146" t="s">
        <v>85</v>
      </c>
      <c r="P20146" t="s">
        <v>86</v>
      </c>
      <c r="Q20146">
        <v>15</v>
      </c>
      <c r="R20146">
        <v>15</v>
      </c>
      <c r="S20146">
        <v>15</v>
      </c>
      <c r="T20146">
        <v>15</v>
      </c>
      <c r="U20146">
        <v>16</v>
      </c>
      <c r="V20146">
        <v>16</v>
      </c>
      <c r="W20146">
        <v>16</v>
      </c>
      <c r="X20146">
        <v>16</v>
      </c>
      <c r="Y20146">
        <v>16</v>
      </c>
      <c r="Z20146">
        <v>17</v>
      </c>
      <c r="AA20146">
        <v>17</v>
      </c>
      <c r="AB20146">
        <v>17</v>
      </c>
      <c r="AC20146">
        <v>17</v>
      </c>
      <c r="AD20146">
        <v>17</v>
      </c>
      <c r="AE20146">
        <v>18</v>
      </c>
      <c r="AF20146">
        <v>18</v>
      </c>
      <c r="AG20146">
        <v>18</v>
      </c>
      <c r="AH20146">
        <v>18</v>
      </c>
      <c r="AI20146">
        <v>18</v>
      </c>
      <c r="AJ20146">
        <v>19</v>
      </c>
      <c r="AK20146">
        <v>19</v>
      </c>
      <c r="AL20146">
        <v>19</v>
      </c>
      <c r="AM20146">
        <v>19</v>
      </c>
      <c r="AN20146">
        <v>19</v>
      </c>
      <c r="AO20146">
        <v>19</v>
      </c>
      <c r="AP20146">
        <v>19</v>
      </c>
      <c r="AQ20146">
        <v>19</v>
      </c>
    </row>
    <row r="20147" spans="1:43">
      <c r="A20147" t="s">
        <v>12480</v>
      </c>
      <c r="B20147" t="s">
        <v>12481</v>
      </c>
      <c r="C20147" t="s">
        <v>12478</v>
      </c>
      <c r="D20147" t="s">
        <v>12479</v>
      </c>
      <c r="E20147" t="s">
        <v>12006</v>
      </c>
      <c r="F20147" t="s">
        <v>12007</v>
      </c>
      <c r="G20147" t="s">
        <v>10450</v>
      </c>
      <c r="H20147" t="s">
        <v>10451</v>
      </c>
      <c r="I20147" s="2">
        <v>1</v>
      </c>
      <c r="J20147" s="2">
        <v>0</v>
      </c>
      <c r="K20147" s="2">
        <v>0</v>
      </c>
      <c r="L20147" t="s">
        <v>120</v>
      </c>
      <c r="M20147" t="s">
        <v>87</v>
      </c>
      <c r="N20147" t="s">
        <v>88</v>
      </c>
      <c r="O20147" t="s">
        <v>85</v>
      </c>
      <c r="P20147" t="s">
        <v>86</v>
      </c>
      <c r="Q20147">
        <v>15</v>
      </c>
      <c r="R20147">
        <v>15</v>
      </c>
      <c r="S20147">
        <v>15</v>
      </c>
      <c r="T20147">
        <v>15</v>
      </c>
      <c r="U20147">
        <v>15</v>
      </c>
      <c r="V20147">
        <v>15</v>
      </c>
      <c r="W20147">
        <v>15</v>
      </c>
      <c r="X20147">
        <v>15</v>
      </c>
      <c r="Y20147">
        <v>15</v>
      </c>
      <c r="Z20147">
        <v>15</v>
      </c>
      <c r="AA20147">
        <v>15</v>
      </c>
      <c r="AB20147">
        <v>15</v>
      </c>
      <c r="AC20147">
        <v>15</v>
      </c>
      <c r="AD20147">
        <v>16</v>
      </c>
      <c r="AE20147">
        <v>16</v>
      </c>
      <c r="AF20147">
        <v>16</v>
      </c>
      <c r="AG20147">
        <v>16</v>
      </c>
      <c r="AH20147">
        <v>16</v>
      </c>
      <c r="AI20147">
        <v>16</v>
      </c>
      <c r="AJ20147">
        <v>16</v>
      </c>
      <c r="AK20147">
        <v>16</v>
      </c>
      <c r="AL20147">
        <v>16</v>
      </c>
      <c r="AM20147">
        <v>16</v>
      </c>
      <c r="AN20147">
        <v>16</v>
      </c>
      <c r="AO20147">
        <v>16</v>
      </c>
      <c r="AP20147">
        <v>16</v>
      </c>
      <c r="AQ20147">
        <v>16</v>
      </c>
    </row>
    <row r="20148" spans="1:43">
      <c r="A20148" t="s">
        <v>12480</v>
      </c>
      <c r="B20148" t="s">
        <v>12481</v>
      </c>
      <c r="C20148" t="s">
        <v>12478</v>
      </c>
      <c r="D20148" t="s">
        <v>12479</v>
      </c>
      <c r="E20148" t="s">
        <v>12006</v>
      </c>
      <c r="F20148" t="s">
        <v>12007</v>
      </c>
      <c r="G20148" t="s">
        <v>10450</v>
      </c>
      <c r="H20148" t="s">
        <v>10451</v>
      </c>
      <c r="I20148" s="2">
        <v>1</v>
      </c>
      <c r="J20148" s="2">
        <v>0</v>
      </c>
      <c r="K20148" s="2">
        <v>0</v>
      </c>
      <c r="L20148" t="s">
        <v>120</v>
      </c>
      <c r="M20148" t="s">
        <v>89</v>
      </c>
      <c r="N20148" t="s">
        <v>90</v>
      </c>
      <c r="O20148" t="s">
        <v>85</v>
      </c>
      <c r="P20148" t="s">
        <v>86</v>
      </c>
      <c r="Q20148">
        <v>15</v>
      </c>
      <c r="R20148">
        <v>15</v>
      </c>
      <c r="S20148">
        <v>16</v>
      </c>
      <c r="T20148">
        <v>16</v>
      </c>
      <c r="U20148">
        <v>16</v>
      </c>
      <c r="V20148">
        <v>17</v>
      </c>
      <c r="W20148">
        <v>17</v>
      </c>
      <c r="X20148">
        <v>17</v>
      </c>
      <c r="Y20148">
        <v>17</v>
      </c>
      <c r="Z20148">
        <v>18</v>
      </c>
      <c r="AA20148">
        <v>18</v>
      </c>
      <c r="AB20148">
        <v>18</v>
      </c>
      <c r="AC20148">
        <v>18</v>
      </c>
      <c r="AD20148">
        <v>19</v>
      </c>
      <c r="AE20148">
        <v>19</v>
      </c>
      <c r="AF20148">
        <v>19</v>
      </c>
      <c r="AG20148">
        <v>19</v>
      </c>
      <c r="AH20148">
        <v>19</v>
      </c>
      <c r="AI20148">
        <v>19</v>
      </c>
      <c r="AJ20148">
        <v>19</v>
      </c>
      <c r="AK20148">
        <v>19</v>
      </c>
      <c r="AL20148">
        <v>19</v>
      </c>
      <c r="AM20148">
        <v>19</v>
      </c>
      <c r="AN20148">
        <v>19</v>
      </c>
      <c r="AO20148">
        <v>19</v>
      </c>
      <c r="AP20148">
        <v>19</v>
      </c>
      <c r="AQ20148">
        <v>19</v>
      </c>
    </row>
    <row r="20149" spans="1:43">
      <c r="A20149" t="s">
        <v>12480</v>
      </c>
      <c r="B20149" t="s">
        <v>12481</v>
      </c>
      <c r="C20149" t="s">
        <v>12478</v>
      </c>
      <c r="D20149" t="s">
        <v>12479</v>
      </c>
      <c r="E20149" t="s">
        <v>12006</v>
      </c>
      <c r="F20149" t="s">
        <v>12007</v>
      </c>
      <c r="G20149" t="s">
        <v>10450</v>
      </c>
      <c r="H20149" t="s">
        <v>10451</v>
      </c>
      <c r="I20149" s="2">
        <v>1</v>
      </c>
      <c r="J20149" s="2">
        <v>0</v>
      </c>
      <c r="K20149" s="2">
        <v>0</v>
      </c>
      <c r="L20149" t="s">
        <v>120</v>
      </c>
      <c r="M20149" t="s">
        <v>83</v>
      </c>
      <c r="N20149" t="s">
        <v>91</v>
      </c>
      <c r="O20149" t="s">
        <v>85</v>
      </c>
      <c r="P20149" t="s">
        <v>86</v>
      </c>
      <c r="Q20149">
        <v>15</v>
      </c>
      <c r="R20149">
        <v>15</v>
      </c>
      <c r="S20149">
        <v>15</v>
      </c>
      <c r="T20149">
        <v>15</v>
      </c>
      <c r="U20149">
        <v>16</v>
      </c>
      <c r="V20149">
        <v>16</v>
      </c>
      <c r="W20149">
        <v>16</v>
      </c>
      <c r="X20149">
        <v>16</v>
      </c>
      <c r="Y20149">
        <v>16</v>
      </c>
      <c r="Z20149">
        <v>17</v>
      </c>
      <c r="AA20149">
        <v>17</v>
      </c>
      <c r="AB20149">
        <v>17</v>
      </c>
      <c r="AC20149">
        <v>17</v>
      </c>
      <c r="AD20149">
        <v>17</v>
      </c>
      <c r="AE20149">
        <v>18</v>
      </c>
      <c r="AF20149">
        <v>18</v>
      </c>
      <c r="AG20149">
        <v>18</v>
      </c>
      <c r="AH20149">
        <v>18</v>
      </c>
      <c r="AI20149">
        <v>18</v>
      </c>
      <c r="AJ20149">
        <v>19</v>
      </c>
      <c r="AK20149">
        <v>19</v>
      </c>
      <c r="AL20149">
        <v>19</v>
      </c>
      <c r="AM20149">
        <v>19</v>
      </c>
      <c r="AN20149">
        <v>19</v>
      </c>
      <c r="AO20149">
        <v>19</v>
      </c>
      <c r="AP20149">
        <v>19</v>
      </c>
      <c r="AQ20149">
        <v>19</v>
      </c>
    </row>
    <row r="20150" spans="1:43">
      <c r="A20150" t="s">
        <v>12482</v>
      </c>
      <c r="B20150" t="s">
        <v>12483</v>
      </c>
      <c r="C20150" t="s">
        <v>12478</v>
      </c>
      <c r="D20150" t="s">
        <v>12479</v>
      </c>
      <c r="E20150" t="s">
        <v>12006</v>
      </c>
      <c r="F20150" t="s">
        <v>12007</v>
      </c>
      <c r="G20150" t="s">
        <v>10450</v>
      </c>
      <c r="H20150" t="s">
        <v>10451</v>
      </c>
      <c r="I20150" s="2">
        <v>1</v>
      </c>
      <c r="J20150" s="2">
        <v>0</v>
      </c>
      <c r="K20150" s="2">
        <v>0</v>
      </c>
      <c r="L20150" t="s">
        <v>120</v>
      </c>
      <c r="M20150" t="s">
        <v>83</v>
      </c>
      <c r="N20150" t="s">
        <v>84</v>
      </c>
      <c r="O20150" t="s">
        <v>85</v>
      </c>
      <c r="P20150" t="s">
        <v>86</v>
      </c>
      <c r="Q20150">
        <v>48</v>
      </c>
      <c r="R20150">
        <v>48</v>
      </c>
      <c r="S20150">
        <v>49</v>
      </c>
      <c r="T20150">
        <v>50</v>
      </c>
      <c r="U20150">
        <v>50</v>
      </c>
      <c r="V20150">
        <v>51</v>
      </c>
      <c r="W20150">
        <v>52</v>
      </c>
      <c r="X20150">
        <v>52</v>
      </c>
      <c r="Y20150">
        <v>53</v>
      </c>
      <c r="Z20150">
        <v>54</v>
      </c>
      <c r="AA20150">
        <v>54</v>
      </c>
      <c r="AB20150">
        <v>55</v>
      </c>
      <c r="AC20150">
        <v>56</v>
      </c>
      <c r="AD20150">
        <v>56</v>
      </c>
      <c r="AE20150">
        <v>57</v>
      </c>
      <c r="AF20150">
        <v>57</v>
      </c>
      <c r="AG20150">
        <v>58</v>
      </c>
      <c r="AH20150">
        <v>59</v>
      </c>
      <c r="AI20150">
        <v>59</v>
      </c>
      <c r="AJ20150">
        <v>60</v>
      </c>
      <c r="AK20150">
        <v>61</v>
      </c>
      <c r="AL20150">
        <v>61</v>
      </c>
      <c r="AM20150">
        <v>61</v>
      </c>
      <c r="AN20150">
        <v>61</v>
      </c>
      <c r="AO20150">
        <v>61</v>
      </c>
      <c r="AP20150">
        <v>61</v>
      </c>
      <c r="AQ20150">
        <v>61</v>
      </c>
    </row>
    <row r="20151" spans="1:43">
      <c r="A20151" t="s">
        <v>12482</v>
      </c>
      <c r="B20151" t="s">
        <v>12483</v>
      </c>
      <c r="C20151" t="s">
        <v>12478</v>
      </c>
      <c r="D20151" t="s">
        <v>12479</v>
      </c>
      <c r="E20151" t="s">
        <v>12006</v>
      </c>
      <c r="F20151" t="s">
        <v>12007</v>
      </c>
      <c r="G20151" t="s">
        <v>10450</v>
      </c>
      <c r="H20151" t="s">
        <v>10451</v>
      </c>
      <c r="I20151" s="2">
        <v>1</v>
      </c>
      <c r="J20151" s="2">
        <v>0</v>
      </c>
      <c r="K20151" s="2">
        <v>0</v>
      </c>
      <c r="L20151" t="s">
        <v>120</v>
      </c>
      <c r="M20151" t="s">
        <v>87</v>
      </c>
      <c r="N20151" t="s">
        <v>88</v>
      </c>
      <c r="O20151" t="s">
        <v>85</v>
      </c>
      <c r="P20151" t="s">
        <v>86</v>
      </c>
      <c r="Q20151">
        <v>48</v>
      </c>
      <c r="R20151">
        <v>48</v>
      </c>
      <c r="S20151">
        <v>49</v>
      </c>
      <c r="T20151">
        <v>49</v>
      </c>
      <c r="U20151">
        <v>49</v>
      </c>
      <c r="V20151">
        <v>49</v>
      </c>
      <c r="W20151">
        <v>50</v>
      </c>
      <c r="X20151">
        <v>50</v>
      </c>
      <c r="Y20151">
        <v>50</v>
      </c>
      <c r="Z20151">
        <v>50</v>
      </c>
      <c r="AA20151">
        <v>51</v>
      </c>
      <c r="AB20151">
        <v>51</v>
      </c>
      <c r="AC20151">
        <v>51</v>
      </c>
      <c r="AD20151">
        <v>51</v>
      </c>
      <c r="AE20151">
        <v>51</v>
      </c>
      <c r="AF20151">
        <v>52</v>
      </c>
      <c r="AG20151">
        <v>52</v>
      </c>
      <c r="AH20151">
        <v>52</v>
      </c>
      <c r="AI20151">
        <v>52</v>
      </c>
      <c r="AJ20151">
        <v>52</v>
      </c>
      <c r="AK20151">
        <v>53</v>
      </c>
      <c r="AL20151">
        <v>53</v>
      </c>
      <c r="AM20151">
        <v>53</v>
      </c>
      <c r="AN20151">
        <v>53</v>
      </c>
      <c r="AO20151">
        <v>53</v>
      </c>
      <c r="AP20151">
        <v>54</v>
      </c>
      <c r="AQ20151">
        <v>54</v>
      </c>
    </row>
    <row r="20152" spans="1:43">
      <c r="A20152" t="s">
        <v>12482</v>
      </c>
      <c r="B20152" t="s">
        <v>12483</v>
      </c>
      <c r="C20152" t="s">
        <v>12478</v>
      </c>
      <c r="D20152" t="s">
        <v>12479</v>
      </c>
      <c r="E20152" t="s">
        <v>12006</v>
      </c>
      <c r="F20152" t="s">
        <v>12007</v>
      </c>
      <c r="G20152" t="s">
        <v>10450</v>
      </c>
      <c r="H20152" t="s">
        <v>10451</v>
      </c>
      <c r="I20152" s="2">
        <v>1</v>
      </c>
      <c r="J20152" s="2">
        <v>0</v>
      </c>
      <c r="K20152" s="2">
        <v>0</v>
      </c>
      <c r="L20152" t="s">
        <v>120</v>
      </c>
      <c r="M20152" t="s">
        <v>89</v>
      </c>
      <c r="N20152" t="s">
        <v>90</v>
      </c>
      <c r="O20152" t="s">
        <v>85</v>
      </c>
      <c r="P20152" t="s">
        <v>86</v>
      </c>
      <c r="Q20152">
        <v>48</v>
      </c>
      <c r="R20152">
        <v>49</v>
      </c>
      <c r="S20152">
        <v>50</v>
      </c>
      <c r="T20152">
        <v>51</v>
      </c>
      <c r="U20152">
        <v>52</v>
      </c>
      <c r="V20152">
        <v>53</v>
      </c>
      <c r="W20152">
        <v>54</v>
      </c>
      <c r="X20152">
        <v>55</v>
      </c>
      <c r="Y20152">
        <v>56</v>
      </c>
      <c r="Z20152">
        <v>57</v>
      </c>
      <c r="AA20152">
        <v>58</v>
      </c>
      <c r="AB20152">
        <v>59</v>
      </c>
      <c r="AC20152">
        <v>60</v>
      </c>
      <c r="AD20152">
        <v>60</v>
      </c>
      <c r="AE20152">
        <v>61</v>
      </c>
      <c r="AF20152">
        <v>61</v>
      </c>
      <c r="AG20152">
        <v>61</v>
      </c>
      <c r="AH20152">
        <v>61</v>
      </c>
      <c r="AI20152">
        <v>61</v>
      </c>
      <c r="AJ20152">
        <v>61</v>
      </c>
      <c r="AK20152">
        <v>62</v>
      </c>
      <c r="AL20152">
        <v>62</v>
      </c>
      <c r="AM20152">
        <v>62</v>
      </c>
      <c r="AN20152">
        <v>62</v>
      </c>
      <c r="AO20152">
        <v>62</v>
      </c>
      <c r="AP20152">
        <v>62</v>
      </c>
      <c r="AQ20152">
        <v>62</v>
      </c>
    </row>
    <row r="20153" spans="1:43">
      <c r="A20153" t="s">
        <v>12482</v>
      </c>
      <c r="B20153" t="s">
        <v>12483</v>
      </c>
      <c r="C20153" t="s">
        <v>12478</v>
      </c>
      <c r="D20153" t="s">
        <v>12479</v>
      </c>
      <c r="E20153" t="s">
        <v>12006</v>
      </c>
      <c r="F20153" t="s">
        <v>12007</v>
      </c>
      <c r="G20153" t="s">
        <v>10450</v>
      </c>
      <c r="H20153" t="s">
        <v>10451</v>
      </c>
      <c r="I20153" s="2">
        <v>1</v>
      </c>
      <c r="J20153" s="2">
        <v>0</v>
      </c>
      <c r="K20153" s="2">
        <v>0</v>
      </c>
      <c r="L20153" t="s">
        <v>120</v>
      </c>
      <c r="M20153" t="s">
        <v>83</v>
      </c>
      <c r="N20153" t="s">
        <v>91</v>
      </c>
      <c r="O20153" t="s">
        <v>85</v>
      </c>
      <c r="P20153" t="s">
        <v>86</v>
      </c>
      <c r="Q20153">
        <v>48</v>
      </c>
      <c r="R20153">
        <v>48</v>
      </c>
      <c r="S20153">
        <v>49</v>
      </c>
      <c r="T20153">
        <v>50</v>
      </c>
      <c r="U20153">
        <v>50</v>
      </c>
      <c r="V20153">
        <v>51</v>
      </c>
      <c r="W20153">
        <v>52</v>
      </c>
      <c r="X20153">
        <v>52</v>
      </c>
      <c r="Y20153">
        <v>53</v>
      </c>
      <c r="Z20153">
        <v>54</v>
      </c>
      <c r="AA20153">
        <v>54</v>
      </c>
      <c r="AB20153">
        <v>55</v>
      </c>
      <c r="AC20153">
        <v>56</v>
      </c>
      <c r="AD20153">
        <v>56</v>
      </c>
      <c r="AE20153">
        <v>57</v>
      </c>
      <c r="AF20153">
        <v>57</v>
      </c>
      <c r="AG20153">
        <v>58</v>
      </c>
      <c r="AH20153">
        <v>59</v>
      </c>
      <c r="AI20153">
        <v>59</v>
      </c>
      <c r="AJ20153">
        <v>60</v>
      </c>
      <c r="AK20153">
        <v>61</v>
      </c>
      <c r="AL20153">
        <v>61</v>
      </c>
      <c r="AM20153">
        <v>61</v>
      </c>
      <c r="AN20153">
        <v>61</v>
      </c>
      <c r="AO20153">
        <v>61</v>
      </c>
      <c r="AP20153">
        <v>61</v>
      </c>
      <c r="AQ20153">
        <v>61</v>
      </c>
    </row>
    <row r="20154" spans="1:43">
      <c r="A20154" t="s">
        <v>12484</v>
      </c>
      <c r="B20154" t="s">
        <v>12485</v>
      </c>
      <c r="C20154" t="s">
        <v>12478</v>
      </c>
      <c r="D20154" t="s">
        <v>12479</v>
      </c>
      <c r="E20154" t="s">
        <v>12006</v>
      </c>
      <c r="F20154" t="s">
        <v>12007</v>
      </c>
      <c r="G20154" t="s">
        <v>10450</v>
      </c>
      <c r="H20154" t="s">
        <v>10451</v>
      </c>
      <c r="I20154" s="2">
        <v>1</v>
      </c>
      <c r="J20154" s="2">
        <v>0</v>
      </c>
      <c r="K20154" s="2">
        <v>0</v>
      </c>
      <c r="L20154" t="s">
        <v>120</v>
      </c>
      <c r="M20154" t="s">
        <v>83</v>
      </c>
      <c r="N20154" t="s">
        <v>84</v>
      </c>
      <c r="O20154" t="s">
        <v>85</v>
      </c>
      <c r="P20154" t="s">
        <v>86</v>
      </c>
      <c r="Q20154">
        <v>11</v>
      </c>
      <c r="R20154">
        <v>11</v>
      </c>
      <c r="S20154">
        <v>11</v>
      </c>
      <c r="T20154">
        <v>12</v>
      </c>
      <c r="U20154">
        <v>12</v>
      </c>
      <c r="V20154">
        <v>12</v>
      </c>
      <c r="W20154">
        <v>12</v>
      </c>
      <c r="X20154">
        <v>12</v>
      </c>
      <c r="Y20154">
        <v>12</v>
      </c>
      <c r="Z20154">
        <v>13</v>
      </c>
      <c r="AA20154">
        <v>13</v>
      </c>
      <c r="AB20154">
        <v>13</v>
      </c>
      <c r="AC20154">
        <v>13</v>
      </c>
      <c r="AD20154">
        <v>13</v>
      </c>
      <c r="AE20154">
        <v>13</v>
      </c>
      <c r="AF20154">
        <v>13</v>
      </c>
      <c r="AG20154">
        <v>14</v>
      </c>
      <c r="AH20154">
        <v>14</v>
      </c>
      <c r="AI20154">
        <v>14</v>
      </c>
      <c r="AJ20154">
        <v>14</v>
      </c>
      <c r="AK20154">
        <v>14</v>
      </c>
      <c r="AL20154">
        <v>14</v>
      </c>
      <c r="AM20154">
        <v>14</v>
      </c>
      <c r="AN20154">
        <v>14</v>
      </c>
      <c r="AO20154">
        <v>14</v>
      </c>
      <c r="AP20154">
        <v>14</v>
      </c>
      <c r="AQ20154">
        <v>14</v>
      </c>
    </row>
    <row r="20155" spans="1:43">
      <c r="A20155" t="s">
        <v>12484</v>
      </c>
      <c r="B20155" t="s">
        <v>12485</v>
      </c>
      <c r="C20155" t="s">
        <v>12478</v>
      </c>
      <c r="D20155" t="s">
        <v>12479</v>
      </c>
      <c r="E20155" t="s">
        <v>12006</v>
      </c>
      <c r="F20155" t="s">
        <v>12007</v>
      </c>
      <c r="G20155" t="s">
        <v>10450</v>
      </c>
      <c r="H20155" t="s">
        <v>10451</v>
      </c>
      <c r="I20155" s="2">
        <v>1</v>
      </c>
      <c r="J20155" s="2">
        <v>0</v>
      </c>
      <c r="K20155" s="2">
        <v>0</v>
      </c>
      <c r="L20155" t="s">
        <v>120</v>
      </c>
      <c r="M20155" t="s">
        <v>87</v>
      </c>
      <c r="N20155" t="s">
        <v>88</v>
      </c>
      <c r="O20155" t="s">
        <v>85</v>
      </c>
      <c r="P20155" t="s">
        <v>86</v>
      </c>
      <c r="Q20155">
        <v>11</v>
      </c>
      <c r="R20155">
        <v>11</v>
      </c>
      <c r="S20155">
        <v>11</v>
      </c>
      <c r="T20155">
        <v>11</v>
      </c>
      <c r="U20155">
        <v>11</v>
      </c>
      <c r="V20155">
        <v>11</v>
      </c>
      <c r="W20155">
        <v>11</v>
      </c>
      <c r="X20155">
        <v>11</v>
      </c>
      <c r="Y20155">
        <v>11</v>
      </c>
      <c r="Z20155">
        <v>12</v>
      </c>
      <c r="AA20155">
        <v>12</v>
      </c>
      <c r="AB20155">
        <v>12</v>
      </c>
      <c r="AC20155">
        <v>12</v>
      </c>
      <c r="AD20155">
        <v>12</v>
      </c>
      <c r="AE20155">
        <v>12</v>
      </c>
      <c r="AF20155">
        <v>12</v>
      </c>
      <c r="AG20155">
        <v>12</v>
      </c>
      <c r="AH20155">
        <v>12</v>
      </c>
      <c r="AI20155">
        <v>12</v>
      </c>
      <c r="AJ20155">
        <v>12</v>
      </c>
      <c r="AK20155">
        <v>12</v>
      </c>
      <c r="AL20155">
        <v>12</v>
      </c>
      <c r="AM20155">
        <v>12</v>
      </c>
      <c r="AN20155">
        <v>12</v>
      </c>
      <c r="AO20155">
        <v>12</v>
      </c>
      <c r="AP20155">
        <v>12</v>
      </c>
      <c r="AQ20155">
        <v>12</v>
      </c>
    </row>
    <row r="20156" spans="1:43">
      <c r="A20156" t="s">
        <v>12484</v>
      </c>
      <c r="B20156" t="s">
        <v>12485</v>
      </c>
      <c r="C20156" t="s">
        <v>12478</v>
      </c>
      <c r="D20156" t="s">
        <v>12479</v>
      </c>
      <c r="E20156" t="s">
        <v>12006</v>
      </c>
      <c r="F20156" t="s">
        <v>12007</v>
      </c>
      <c r="G20156" t="s">
        <v>10450</v>
      </c>
      <c r="H20156" t="s">
        <v>10451</v>
      </c>
      <c r="I20156" s="2">
        <v>1</v>
      </c>
      <c r="J20156" s="2">
        <v>0</v>
      </c>
      <c r="K20156" s="2">
        <v>0</v>
      </c>
      <c r="L20156" t="s">
        <v>120</v>
      </c>
      <c r="M20156" t="s">
        <v>89</v>
      </c>
      <c r="N20156" t="s">
        <v>90</v>
      </c>
      <c r="O20156" t="s">
        <v>85</v>
      </c>
      <c r="P20156" t="s">
        <v>86</v>
      </c>
      <c r="Q20156">
        <v>11</v>
      </c>
      <c r="R20156">
        <v>12</v>
      </c>
      <c r="S20156">
        <v>12</v>
      </c>
      <c r="T20156">
        <v>12</v>
      </c>
      <c r="U20156">
        <v>12</v>
      </c>
      <c r="V20156">
        <v>12</v>
      </c>
      <c r="W20156">
        <v>13</v>
      </c>
      <c r="X20156">
        <v>13</v>
      </c>
      <c r="Y20156">
        <v>13</v>
      </c>
      <c r="Z20156">
        <v>13</v>
      </c>
      <c r="AA20156">
        <v>14</v>
      </c>
      <c r="AB20156">
        <v>14</v>
      </c>
      <c r="AC20156">
        <v>14</v>
      </c>
      <c r="AD20156">
        <v>14</v>
      </c>
      <c r="AE20156">
        <v>14</v>
      </c>
      <c r="AF20156">
        <v>14</v>
      </c>
      <c r="AG20156">
        <v>14</v>
      </c>
      <c r="AH20156">
        <v>14</v>
      </c>
      <c r="AI20156">
        <v>14</v>
      </c>
      <c r="AJ20156">
        <v>14</v>
      </c>
      <c r="AK20156">
        <v>14</v>
      </c>
      <c r="AL20156">
        <v>14</v>
      </c>
      <c r="AM20156">
        <v>14</v>
      </c>
      <c r="AN20156">
        <v>14</v>
      </c>
      <c r="AO20156">
        <v>14</v>
      </c>
      <c r="AP20156">
        <v>14</v>
      </c>
      <c r="AQ20156">
        <v>14</v>
      </c>
    </row>
    <row r="20157" spans="1:43">
      <c r="A20157" t="s">
        <v>12484</v>
      </c>
      <c r="B20157" t="s">
        <v>12485</v>
      </c>
      <c r="C20157" t="s">
        <v>12478</v>
      </c>
      <c r="D20157" t="s">
        <v>12479</v>
      </c>
      <c r="E20157" t="s">
        <v>12006</v>
      </c>
      <c r="F20157" t="s">
        <v>12007</v>
      </c>
      <c r="G20157" t="s">
        <v>10450</v>
      </c>
      <c r="H20157" t="s">
        <v>10451</v>
      </c>
      <c r="I20157" s="2">
        <v>1</v>
      </c>
      <c r="J20157" s="2">
        <v>0</v>
      </c>
      <c r="K20157" s="2">
        <v>0</v>
      </c>
      <c r="L20157" t="s">
        <v>120</v>
      </c>
      <c r="M20157" t="s">
        <v>83</v>
      </c>
      <c r="N20157" t="s">
        <v>91</v>
      </c>
      <c r="O20157" t="s">
        <v>85</v>
      </c>
      <c r="P20157" t="s">
        <v>86</v>
      </c>
      <c r="Q20157">
        <v>11</v>
      </c>
      <c r="R20157">
        <v>11</v>
      </c>
      <c r="S20157">
        <v>11</v>
      </c>
      <c r="T20157">
        <v>12</v>
      </c>
      <c r="U20157">
        <v>12</v>
      </c>
      <c r="V20157">
        <v>12</v>
      </c>
      <c r="W20157">
        <v>12</v>
      </c>
      <c r="X20157">
        <v>12</v>
      </c>
      <c r="Y20157">
        <v>12</v>
      </c>
      <c r="Z20157">
        <v>13</v>
      </c>
      <c r="AA20157">
        <v>13</v>
      </c>
      <c r="AB20157">
        <v>13</v>
      </c>
      <c r="AC20157">
        <v>13</v>
      </c>
      <c r="AD20157">
        <v>13</v>
      </c>
      <c r="AE20157">
        <v>13</v>
      </c>
      <c r="AF20157">
        <v>13</v>
      </c>
      <c r="AG20157">
        <v>14</v>
      </c>
      <c r="AH20157">
        <v>14</v>
      </c>
      <c r="AI20157">
        <v>14</v>
      </c>
      <c r="AJ20157">
        <v>14</v>
      </c>
      <c r="AK20157">
        <v>14</v>
      </c>
      <c r="AL20157">
        <v>14</v>
      </c>
      <c r="AM20157">
        <v>14</v>
      </c>
      <c r="AN20157">
        <v>14</v>
      </c>
      <c r="AO20157">
        <v>14</v>
      </c>
      <c r="AP20157">
        <v>14</v>
      </c>
      <c r="AQ20157">
        <v>14</v>
      </c>
    </row>
    <row r="20158" spans="1:43">
      <c r="A20158" t="s">
        <v>12486</v>
      </c>
      <c r="B20158" t="s">
        <v>12487</v>
      </c>
      <c r="C20158" t="s">
        <v>12452</v>
      </c>
      <c r="D20158" t="s">
        <v>12453</v>
      </c>
      <c r="E20158" t="s">
        <v>12006</v>
      </c>
      <c r="F20158" t="s">
        <v>12007</v>
      </c>
      <c r="G20158" t="s">
        <v>10450</v>
      </c>
      <c r="H20158" t="s">
        <v>10451</v>
      </c>
      <c r="I20158" s="2">
        <v>1</v>
      </c>
      <c r="J20158" s="2">
        <v>0</v>
      </c>
      <c r="K20158" s="2">
        <v>0</v>
      </c>
      <c r="L20158" t="s">
        <v>120</v>
      </c>
      <c r="M20158" t="s">
        <v>83</v>
      </c>
      <c r="N20158" t="s">
        <v>84</v>
      </c>
      <c r="O20158" t="s">
        <v>85</v>
      </c>
      <c r="P20158" t="s">
        <v>86</v>
      </c>
      <c r="Q20158">
        <v>35</v>
      </c>
      <c r="R20158">
        <v>35</v>
      </c>
      <c r="S20158">
        <v>36</v>
      </c>
      <c r="T20158">
        <v>36</v>
      </c>
      <c r="U20158">
        <v>37</v>
      </c>
      <c r="V20158">
        <v>37</v>
      </c>
      <c r="W20158">
        <v>38</v>
      </c>
      <c r="X20158">
        <v>38</v>
      </c>
      <c r="Y20158">
        <v>39</v>
      </c>
      <c r="Z20158">
        <v>39</v>
      </c>
      <c r="AA20158">
        <v>40</v>
      </c>
      <c r="AB20158">
        <v>40</v>
      </c>
      <c r="AC20158">
        <v>41</v>
      </c>
      <c r="AD20158">
        <v>41</v>
      </c>
      <c r="AE20158">
        <v>42</v>
      </c>
      <c r="AF20158">
        <v>42</v>
      </c>
      <c r="AG20158">
        <v>42</v>
      </c>
      <c r="AH20158">
        <v>43</v>
      </c>
      <c r="AI20158">
        <v>43</v>
      </c>
      <c r="AJ20158">
        <v>44</v>
      </c>
      <c r="AK20158">
        <v>44</v>
      </c>
      <c r="AL20158">
        <v>44</v>
      </c>
      <c r="AM20158">
        <v>44</v>
      </c>
      <c r="AN20158">
        <v>44</v>
      </c>
      <c r="AO20158">
        <v>44</v>
      </c>
      <c r="AP20158">
        <v>44</v>
      </c>
      <c r="AQ20158">
        <v>45</v>
      </c>
    </row>
    <row r="20159" spans="1:43">
      <c r="A20159" t="s">
        <v>12486</v>
      </c>
      <c r="B20159" t="s">
        <v>12487</v>
      </c>
      <c r="C20159" t="s">
        <v>12452</v>
      </c>
      <c r="D20159" t="s">
        <v>12453</v>
      </c>
      <c r="E20159" t="s">
        <v>12006</v>
      </c>
      <c r="F20159" t="s">
        <v>12007</v>
      </c>
      <c r="G20159" t="s">
        <v>10450</v>
      </c>
      <c r="H20159" t="s">
        <v>10451</v>
      </c>
      <c r="I20159" s="2">
        <v>1</v>
      </c>
      <c r="J20159" s="2">
        <v>0</v>
      </c>
      <c r="K20159" s="2">
        <v>0</v>
      </c>
      <c r="L20159" t="s">
        <v>120</v>
      </c>
      <c r="M20159" t="s">
        <v>87</v>
      </c>
      <c r="N20159" t="s">
        <v>88</v>
      </c>
      <c r="O20159" t="s">
        <v>85</v>
      </c>
      <c r="P20159" t="s">
        <v>86</v>
      </c>
      <c r="Q20159">
        <v>35</v>
      </c>
      <c r="R20159">
        <v>35</v>
      </c>
      <c r="S20159">
        <v>35</v>
      </c>
      <c r="T20159">
        <v>35</v>
      </c>
      <c r="U20159">
        <v>35</v>
      </c>
      <c r="V20159">
        <v>35</v>
      </c>
      <c r="W20159">
        <v>36</v>
      </c>
      <c r="X20159">
        <v>36</v>
      </c>
      <c r="Y20159">
        <v>36</v>
      </c>
      <c r="Z20159">
        <v>36</v>
      </c>
      <c r="AA20159">
        <v>36</v>
      </c>
      <c r="AB20159">
        <v>36</v>
      </c>
      <c r="AC20159">
        <v>37</v>
      </c>
      <c r="AD20159">
        <v>37</v>
      </c>
      <c r="AE20159">
        <v>37</v>
      </c>
      <c r="AF20159">
        <v>37</v>
      </c>
      <c r="AG20159">
        <v>37</v>
      </c>
      <c r="AH20159">
        <v>37</v>
      </c>
      <c r="AI20159">
        <v>37</v>
      </c>
      <c r="AJ20159">
        <v>38</v>
      </c>
      <c r="AK20159">
        <v>38</v>
      </c>
      <c r="AL20159">
        <v>38</v>
      </c>
      <c r="AM20159">
        <v>38</v>
      </c>
      <c r="AN20159">
        <v>38</v>
      </c>
      <c r="AO20159">
        <v>38</v>
      </c>
      <c r="AP20159">
        <v>38</v>
      </c>
      <c r="AQ20159">
        <v>39</v>
      </c>
    </row>
    <row r="20160" spans="1:43">
      <c r="A20160" t="s">
        <v>12486</v>
      </c>
      <c r="B20160" t="s">
        <v>12487</v>
      </c>
      <c r="C20160" t="s">
        <v>12452</v>
      </c>
      <c r="D20160" t="s">
        <v>12453</v>
      </c>
      <c r="E20160" t="s">
        <v>12006</v>
      </c>
      <c r="F20160" t="s">
        <v>12007</v>
      </c>
      <c r="G20160" t="s">
        <v>10450</v>
      </c>
      <c r="H20160" t="s">
        <v>10451</v>
      </c>
      <c r="I20160" s="2">
        <v>1</v>
      </c>
      <c r="J20160" s="2">
        <v>0</v>
      </c>
      <c r="K20160" s="2">
        <v>0</v>
      </c>
      <c r="L20160" t="s">
        <v>120</v>
      </c>
      <c r="M20160" t="s">
        <v>89</v>
      </c>
      <c r="N20160" t="s">
        <v>90</v>
      </c>
      <c r="O20160" t="s">
        <v>85</v>
      </c>
      <c r="P20160" t="s">
        <v>86</v>
      </c>
      <c r="Q20160">
        <v>35</v>
      </c>
      <c r="R20160">
        <v>36</v>
      </c>
      <c r="S20160">
        <v>37</v>
      </c>
      <c r="T20160">
        <v>38</v>
      </c>
      <c r="U20160">
        <v>38</v>
      </c>
      <c r="V20160">
        <v>39</v>
      </c>
      <c r="W20160">
        <v>40</v>
      </c>
      <c r="X20160">
        <v>40</v>
      </c>
      <c r="Y20160">
        <v>41</v>
      </c>
      <c r="Z20160">
        <v>42</v>
      </c>
      <c r="AA20160">
        <v>42</v>
      </c>
      <c r="AB20160">
        <v>43</v>
      </c>
      <c r="AC20160">
        <v>44</v>
      </c>
      <c r="AD20160">
        <v>44</v>
      </c>
      <c r="AE20160">
        <v>45</v>
      </c>
      <c r="AF20160">
        <v>45</v>
      </c>
      <c r="AG20160">
        <v>45</v>
      </c>
      <c r="AH20160">
        <v>45</v>
      </c>
      <c r="AI20160">
        <v>45</v>
      </c>
      <c r="AJ20160">
        <v>45</v>
      </c>
      <c r="AK20160">
        <v>45</v>
      </c>
      <c r="AL20160">
        <v>45</v>
      </c>
      <c r="AM20160">
        <v>45</v>
      </c>
      <c r="AN20160">
        <v>45</v>
      </c>
      <c r="AO20160">
        <v>45</v>
      </c>
      <c r="AP20160">
        <v>45</v>
      </c>
      <c r="AQ20160">
        <v>45</v>
      </c>
    </row>
    <row r="20161" spans="1:43">
      <c r="A20161" t="s">
        <v>12486</v>
      </c>
      <c r="B20161" t="s">
        <v>12487</v>
      </c>
      <c r="C20161" t="s">
        <v>12452</v>
      </c>
      <c r="D20161" t="s">
        <v>12453</v>
      </c>
      <c r="E20161" t="s">
        <v>12006</v>
      </c>
      <c r="F20161" t="s">
        <v>12007</v>
      </c>
      <c r="G20161" t="s">
        <v>10450</v>
      </c>
      <c r="H20161" t="s">
        <v>10451</v>
      </c>
      <c r="I20161" s="2">
        <v>1</v>
      </c>
      <c r="J20161" s="2">
        <v>0</v>
      </c>
      <c r="K20161" s="2">
        <v>0</v>
      </c>
      <c r="L20161" t="s">
        <v>120</v>
      </c>
      <c r="M20161" t="s">
        <v>83</v>
      </c>
      <c r="N20161" t="s">
        <v>91</v>
      </c>
      <c r="O20161" t="s">
        <v>85</v>
      </c>
      <c r="P20161" t="s">
        <v>86</v>
      </c>
      <c r="Q20161">
        <v>35</v>
      </c>
      <c r="R20161">
        <v>35</v>
      </c>
      <c r="S20161">
        <v>36</v>
      </c>
      <c r="T20161">
        <v>36</v>
      </c>
      <c r="U20161">
        <v>37</v>
      </c>
      <c r="V20161">
        <v>37</v>
      </c>
      <c r="W20161">
        <v>38</v>
      </c>
      <c r="X20161">
        <v>38</v>
      </c>
      <c r="Y20161">
        <v>39</v>
      </c>
      <c r="Z20161">
        <v>39</v>
      </c>
      <c r="AA20161">
        <v>40</v>
      </c>
      <c r="AB20161">
        <v>40</v>
      </c>
      <c r="AC20161">
        <v>41</v>
      </c>
      <c r="AD20161">
        <v>41</v>
      </c>
      <c r="AE20161">
        <v>42</v>
      </c>
      <c r="AF20161">
        <v>42</v>
      </c>
      <c r="AG20161">
        <v>42</v>
      </c>
      <c r="AH20161">
        <v>43</v>
      </c>
      <c r="AI20161">
        <v>43</v>
      </c>
      <c r="AJ20161">
        <v>44</v>
      </c>
      <c r="AK20161">
        <v>44</v>
      </c>
      <c r="AL20161">
        <v>44</v>
      </c>
      <c r="AM20161">
        <v>44</v>
      </c>
      <c r="AN20161">
        <v>44</v>
      </c>
      <c r="AO20161">
        <v>44</v>
      </c>
      <c r="AP20161">
        <v>44</v>
      </c>
      <c r="AQ20161">
        <v>45</v>
      </c>
    </row>
    <row r="20162" spans="1:43">
      <c r="A20162" t="s">
        <v>12488</v>
      </c>
      <c r="B20162" t="s">
        <v>12489</v>
      </c>
      <c r="C20162" t="s">
        <v>12452</v>
      </c>
      <c r="D20162" t="s">
        <v>12453</v>
      </c>
      <c r="E20162" t="s">
        <v>12006</v>
      </c>
      <c r="F20162" t="s">
        <v>12007</v>
      </c>
      <c r="G20162" t="s">
        <v>10450</v>
      </c>
      <c r="H20162" t="s">
        <v>10451</v>
      </c>
      <c r="I20162" s="2">
        <v>1</v>
      </c>
      <c r="J20162" s="2">
        <v>0</v>
      </c>
      <c r="K20162" s="2">
        <v>0</v>
      </c>
      <c r="L20162" t="s">
        <v>120</v>
      </c>
      <c r="M20162" t="s">
        <v>83</v>
      </c>
      <c r="N20162" t="s">
        <v>84</v>
      </c>
      <c r="O20162" t="s">
        <v>85</v>
      </c>
      <c r="P20162" t="s">
        <v>86</v>
      </c>
      <c r="Q20162">
        <v>32</v>
      </c>
      <c r="R20162">
        <v>32</v>
      </c>
      <c r="S20162">
        <v>32</v>
      </c>
      <c r="T20162">
        <v>33</v>
      </c>
      <c r="U20162">
        <v>33</v>
      </c>
      <c r="V20162">
        <v>34</v>
      </c>
      <c r="W20162">
        <v>34</v>
      </c>
      <c r="X20162">
        <v>35</v>
      </c>
      <c r="Y20162">
        <v>35</v>
      </c>
      <c r="Z20162">
        <v>36</v>
      </c>
      <c r="AA20162">
        <v>36</v>
      </c>
      <c r="AB20162">
        <v>36</v>
      </c>
      <c r="AC20162">
        <v>37</v>
      </c>
      <c r="AD20162">
        <v>37</v>
      </c>
      <c r="AE20162">
        <v>38</v>
      </c>
      <c r="AF20162">
        <v>38</v>
      </c>
      <c r="AG20162">
        <v>38</v>
      </c>
      <c r="AH20162">
        <v>39</v>
      </c>
      <c r="AI20162">
        <v>39</v>
      </c>
      <c r="AJ20162">
        <v>40</v>
      </c>
      <c r="AK20162">
        <v>40</v>
      </c>
      <c r="AL20162">
        <v>40</v>
      </c>
      <c r="AM20162">
        <v>40</v>
      </c>
      <c r="AN20162">
        <v>40</v>
      </c>
      <c r="AO20162">
        <v>40</v>
      </c>
      <c r="AP20162">
        <v>40</v>
      </c>
      <c r="AQ20162">
        <v>40</v>
      </c>
    </row>
    <row r="20163" spans="1:43">
      <c r="A20163" t="s">
        <v>12488</v>
      </c>
      <c r="B20163" t="s">
        <v>12489</v>
      </c>
      <c r="C20163" t="s">
        <v>12452</v>
      </c>
      <c r="D20163" t="s">
        <v>12453</v>
      </c>
      <c r="E20163" t="s">
        <v>12006</v>
      </c>
      <c r="F20163" t="s">
        <v>12007</v>
      </c>
      <c r="G20163" t="s">
        <v>10450</v>
      </c>
      <c r="H20163" t="s">
        <v>10451</v>
      </c>
      <c r="I20163" s="2">
        <v>1</v>
      </c>
      <c r="J20163" s="2">
        <v>0</v>
      </c>
      <c r="K20163" s="2">
        <v>0</v>
      </c>
      <c r="L20163" t="s">
        <v>120</v>
      </c>
      <c r="M20163" t="s">
        <v>87</v>
      </c>
      <c r="N20163" t="s">
        <v>88</v>
      </c>
      <c r="O20163" t="s">
        <v>85</v>
      </c>
      <c r="P20163" t="s">
        <v>86</v>
      </c>
      <c r="Q20163">
        <v>32</v>
      </c>
      <c r="R20163">
        <v>32</v>
      </c>
      <c r="S20163">
        <v>33</v>
      </c>
      <c r="T20163">
        <v>33</v>
      </c>
      <c r="U20163">
        <v>33</v>
      </c>
      <c r="V20163">
        <v>33</v>
      </c>
      <c r="W20163">
        <v>33</v>
      </c>
      <c r="X20163">
        <v>33</v>
      </c>
      <c r="Y20163">
        <v>34</v>
      </c>
      <c r="Z20163">
        <v>34</v>
      </c>
      <c r="AA20163">
        <v>34</v>
      </c>
      <c r="AB20163">
        <v>34</v>
      </c>
      <c r="AC20163">
        <v>34</v>
      </c>
      <c r="AD20163">
        <v>34</v>
      </c>
      <c r="AE20163">
        <v>34</v>
      </c>
      <c r="AF20163">
        <v>34</v>
      </c>
      <c r="AG20163">
        <v>35</v>
      </c>
      <c r="AH20163">
        <v>35</v>
      </c>
      <c r="AI20163">
        <v>35</v>
      </c>
      <c r="AJ20163">
        <v>35</v>
      </c>
      <c r="AK20163">
        <v>35</v>
      </c>
      <c r="AL20163">
        <v>35</v>
      </c>
      <c r="AM20163">
        <v>35</v>
      </c>
      <c r="AN20163">
        <v>36</v>
      </c>
      <c r="AO20163">
        <v>36</v>
      </c>
      <c r="AP20163">
        <v>36</v>
      </c>
      <c r="AQ20163">
        <v>36</v>
      </c>
    </row>
    <row r="20164" spans="1:43">
      <c r="A20164" t="s">
        <v>12488</v>
      </c>
      <c r="B20164" t="s">
        <v>12489</v>
      </c>
      <c r="C20164" t="s">
        <v>12452</v>
      </c>
      <c r="D20164" t="s">
        <v>12453</v>
      </c>
      <c r="E20164" t="s">
        <v>12006</v>
      </c>
      <c r="F20164" t="s">
        <v>12007</v>
      </c>
      <c r="G20164" t="s">
        <v>10450</v>
      </c>
      <c r="H20164" t="s">
        <v>10451</v>
      </c>
      <c r="I20164" s="2">
        <v>1</v>
      </c>
      <c r="J20164" s="2">
        <v>0</v>
      </c>
      <c r="K20164" s="2">
        <v>0</v>
      </c>
      <c r="L20164" t="s">
        <v>120</v>
      </c>
      <c r="M20164" t="s">
        <v>89</v>
      </c>
      <c r="N20164" t="s">
        <v>90</v>
      </c>
      <c r="O20164" t="s">
        <v>85</v>
      </c>
      <c r="P20164" t="s">
        <v>86</v>
      </c>
      <c r="Q20164">
        <v>32</v>
      </c>
      <c r="R20164">
        <v>33</v>
      </c>
      <c r="S20164">
        <v>33</v>
      </c>
      <c r="T20164">
        <v>34</v>
      </c>
      <c r="U20164">
        <v>35</v>
      </c>
      <c r="V20164">
        <v>35</v>
      </c>
      <c r="W20164">
        <v>36</v>
      </c>
      <c r="X20164">
        <v>37</v>
      </c>
      <c r="Y20164">
        <v>37</v>
      </c>
      <c r="Z20164">
        <v>38</v>
      </c>
      <c r="AA20164">
        <v>38</v>
      </c>
      <c r="AB20164">
        <v>39</v>
      </c>
      <c r="AC20164">
        <v>40</v>
      </c>
      <c r="AD20164">
        <v>40</v>
      </c>
      <c r="AE20164">
        <v>40</v>
      </c>
      <c r="AF20164">
        <v>40</v>
      </c>
      <c r="AG20164">
        <v>40</v>
      </c>
      <c r="AH20164">
        <v>40</v>
      </c>
      <c r="AI20164">
        <v>40</v>
      </c>
      <c r="AJ20164">
        <v>40</v>
      </c>
      <c r="AK20164">
        <v>40</v>
      </c>
      <c r="AL20164">
        <v>40</v>
      </c>
      <c r="AM20164">
        <v>40</v>
      </c>
      <c r="AN20164">
        <v>40</v>
      </c>
      <c r="AO20164">
        <v>40</v>
      </c>
      <c r="AP20164">
        <v>40</v>
      </c>
      <c r="AQ20164">
        <v>40</v>
      </c>
    </row>
    <row r="20165" spans="1:43">
      <c r="A20165" t="s">
        <v>12488</v>
      </c>
      <c r="B20165" t="s">
        <v>12489</v>
      </c>
      <c r="C20165" t="s">
        <v>12452</v>
      </c>
      <c r="D20165" t="s">
        <v>12453</v>
      </c>
      <c r="E20165" t="s">
        <v>12006</v>
      </c>
      <c r="F20165" t="s">
        <v>12007</v>
      </c>
      <c r="G20165" t="s">
        <v>10450</v>
      </c>
      <c r="H20165" t="s">
        <v>10451</v>
      </c>
      <c r="I20165" s="2">
        <v>1</v>
      </c>
      <c r="J20165" s="2">
        <v>0</v>
      </c>
      <c r="K20165" s="2">
        <v>0</v>
      </c>
      <c r="L20165" t="s">
        <v>120</v>
      </c>
      <c r="M20165" t="s">
        <v>83</v>
      </c>
      <c r="N20165" t="s">
        <v>91</v>
      </c>
      <c r="O20165" t="s">
        <v>85</v>
      </c>
      <c r="P20165" t="s">
        <v>86</v>
      </c>
      <c r="Q20165">
        <v>32</v>
      </c>
      <c r="R20165">
        <v>32</v>
      </c>
      <c r="S20165">
        <v>32</v>
      </c>
      <c r="T20165">
        <v>33</v>
      </c>
      <c r="U20165">
        <v>33</v>
      </c>
      <c r="V20165">
        <v>34</v>
      </c>
      <c r="W20165">
        <v>34</v>
      </c>
      <c r="X20165">
        <v>35</v>
      </c>
      <c r="Y20165">
        <v>35</v>
      </c>
      <c r="Z20165">
        <v>36</v>
      </c>
      <c r="AA20165">
        <v>36</v>
      </c>
      <c r="AB20165">
        <v>36</v>
      </c>
      <c r="AC20165">
        <v>37</v>
      </c>
      <c r="AD20165">
        <v>37</v>
      </c>
      <c r="AE20165">
        <v>38</v>
      </c>
      <c r="AF20165">
        <v>38</v>
      </c>
      <c r="AG20165">
        <v>38</v>
      </c>
      <c r="AH20165">
        <v>39</v>
      </c>
      <c r="AI20165">
        <v>39</v>
      </c>
      <c r="AJ20165">
        <v>40</v>
      </c>
      <c r="AK20165">
        <v>40</v>
      </c>
      <c r="AL20165">
        <v>40</v>
      </c>
      <c r="AM20165">
        <v>40</v>
      </c>
      <c r="AN20165">
        <v>40</v>
      </c>
      <c r="AO20165">
        <v>40</v>
      </c>
      <c r="AP20165">
        <v>40</v>
      </c>
      <c r="AQ20165">
        <v>40</v>
      </c>
    </row>
    <row r="20166" spans="1:43">
      <c r="A20166" t="s">
        <v>12490</v>
      </c>
      <c r="B20166" t="s">
        <v>12491</v>
      </c>
      <c r="C20166" t="s">
        <v>12452</v>
      </c>
      <c r="D20166" t="s">
        <v>12453</v>
      </c>
      <c r="E20166" t="s">
        <v>12006</v>
      </c>
      <c r="F20166" t="s">
        <v>12007</v>
      </c>
      <c r="G20166" t="s">
        <v>10450</v>
      </c>
      <c r="H20166" t="s">
        <v>10451</v>
      </c>
      <c r="I20166" s="2">
        <v>1</v>
      </c>
      <c r="J20166" s="2">
        <v>0</v>
      </c>
      <c r="K20166" s="2">
        <v>0</v>
      </c>
      <c r="L20166" t="s">
        <v>120</v>
      </c>
      <c r="M20166" t="s">
        <v>83</v>
      </c>
      <c r="N20166" t="s">
        <v>84</v>
      </c>
      <c r="O20166" t="s">
        <v>85</v>
      </c>
      <c r="P20166" t="s">
        <v>86</v>
      </c>
      <c r="Q20166">
        <v>19</v>
      </c>
      <c r="R20166">
        <v>19</v>
      </c>
      <c r="S20166">
        <v>20</v>
      </c>
      <c r="T20166">
        <v>20</v>
      </c>
      <c r="U20166">
        <v>20</v>
      </c>
      <c r="V20166">
        <v>21</v>
      </c>
      <c r="W20166">
        <v>21</v>
      </c>
      <c r="X20166">
        <v>21</v>
      </c>
      <c r="Y20166">
        <v>21</v>
      </c>
      <c r="Z20166">
        <v>22</v>
      </c>
      <c r="AA20166">
        <v>22</v>
      </c>
      <c r="AB20166">
        <v>22</v>
      </c>
      <c r="AC20166">
        <v>22</v>
      </c>
      <c r="AD20166">
        <v>23</v>
      </c>
      <c r="AE20166">
        <v>23</v>
      </c>
      <c r="AF20166">
        <v>23</v>
      </c>
      <c r="AG20166">
        <v>23</v>
      </c>
      <c r="AH20166">
        <v>24</v>
      </c>
      <c r="AI20166">
        <v>24</v>
      </c>
      <c r="AJ20166">
        <v>24</v>
      </c>
      <c r="AK20166">
        <v>24</v>
      </c>
      <c r="AL20166">
        <v>24</v>
      </c>
      <c r="AM20166">
        <v>24</v>
      </c>
      <c r="AN20166">
        <v>24</v>
      </c>
      <c r="AO20166">
        <v>24</v>
      </c>
      <c r="AP20166">
        <v>24</v>
      </c>
      <c r="AQ20166">
        <v>24</v>
      </c>
    </row>
    <row r="20167" spans="1:43">
      <c r="A20167" t="s">
        <v>12490</v>
      </c>
      <c r="B20167" t="s">
        <v>12491</v>
      </c>
      <c r="C20167" t="s">
        <v>12452</v>
      </c>
      <c r="D20167" t="s">
        <v>12453</v>
      </c>
      <c r="E20167" t="s">
        <v>12006</v>
      </c>
      <c r="F20167" t="s">
        <v>12007</v>
      </c>
      <c r="G20167" t="s">
        <v>10450</v>
      </c>
      <c r="H20167" t="s">
        <v>10451</v>
      </c>
      <c r="I20167" s="2">
        <v>1</v>
      </c>
      <c r="J20167" s="2">
        <v>0</v>
      </c>
      <c r="K20167" s="2">
        <v>0</v>
      </c>
      <c r="L20167" t="s">
        <v>120</v>
      </c>
      <c r="M20167" t="s">
        <v>87</v>
      </c>
      <c r="N20167" t="s">
        <v>88</v>
      </c>
      <c r="O20167" t="s">
        <v>85</v>
      </c>
      <c r="P20167" t="s">
        <v>86</v>
      </c>
      <c r="Q20167">
        <v>19</v>
      </c>
      <c r="R20167">
        <v>19</v>
      </c>
      <c r="S20167">
        <v>19</v>
      </c>
      <c r="T20167">
        <v>19</v>
      </c>
      <c r="U20167">
        <v>19</v>
      </c>
      <c r="V20167">
        <v>19</v>
      </c>
      <c r="W20167">
        <v>20</v>
      </c>
      <c r="X20167">
        <v>20</v>
      </c>
      <c r="Y20167">
        <v>20</v>
      </c>
      <c r="Z20167">
        <v>20</v>
      </c>
      <c r="AA20167">
        <v>20</v>
      </c>
      <c r="AB20167">
        <v>20</v>
      </c>
      <c r="AC20167">
        <v>20</v>
      </c>
      <c r="AD20167">
        <v>20</v>
      </c>
      <c r="AE20167">
        <v>20</v>
      </c>
      <c r="AF20167">
        <v>20</v>
      </c>
      <c r="AG20167">
        <v>20</v>
      </c>
      <c r="AH20167">
        <v>21</v>
      </c>
      <c r="AI20167">
        <v>21</v>
      </c>
      <c r="AJ20167">
        <v>21</v>
      </c>
      <c r="AK20167">
        <v>21</v>
      </c>
      <c r="AL20167">
        <v>21</v>
      </c>
      <c r="AM20167">
        <v>21</v>
      </c>
      <c r="AN20167">
        <v>21</v>
      </c>
      <c r="AO20167">
        <v>21</v>
      </c>
      <c r="AP20167">
        <v>21</v>
      </c>
      <c r="AQ20167">
        <v>21</v>
      </c>
    </row>
    <row r="20168" spans="1:43">
      <c r="A20168" t="s">
        <v>12490</v>
      </c>
      <c r="B20168" t="s">
        <v>12491</v>
      </c>
      <c r="C20168" t="s">
        <v>12452</v>
      </c>
      <c r="D20168" t="s">
        <v>12453</v>
      </c>
      <c r="E20168" t="s">
        <v>12006</v>
      </c>
      <c r="F20168" t="s">
        <v>12007</v>
      </c>
      <c r="G20168" t="s">
        <v>10450</v>
      </c>
      <c r="H20168" t="s">
        <v>10451</v>
      </c>
      <c r="I20168" s="2">
        <v>1</v>
      </c>
      <c r="J20168" s="2">
        <v>0</v>
      </c>
      <c r="K20168" s="2">
        <v>0</v>
      </c>
      <c r="L20168" t="s">
        <v>120</v>
      </c>
      <c r="M20168" t="s">
        <v>89</v>
      </c>
      <c r="N20168" t="s">
        <v>90</v>
      </c>
      <c r="O20168" t="s">
        <v>85</v>
      </c>
      <c r="P20168" t="s">
        <v>86</v>
      </c>
      <c r="Q20168">
        <v>19</v>
      </c>
      <c r="R20168">
        <v>20</v>
      </c>
      <c r="S20168">
        <v>20</v>
      </c>
      <c r="T20168">
        <v>21</v>
      </c>
      <c r="U20168">
        <v>21</v>
      </c>
      <c r="V20168">
        <v>21</v>
      </c>
      <c r="W20168">
        <v>22</v>
      </c>
      <c r="X20168">
        <v>22</v>
      </c>
      <c r="Y20168">
        <v>23</v>
      </c>
      <c r="Z20168">
        <v>23</v>
      </c>
      <c r="AA20168">
        <v>23</v>
      </c>
      <c r="AB20168">
        <v>24</v>
      </c>
      <c r="AC20168">
        <v>24</v>
      </c>
      <c r="AD20168">
        <v>24</v>
      </c>
      <c r="AE20168">
        <v>25</v>
      </c>
      <c r="AF20168">
        <v>25</v>
      </c>
      <c r="AG20168">
        <v>25</v>
      </c>
      <c r="AH20168">
        <v>25</v>
      </c>
      <c r="AI20168">
        <v>25</v>
      </c>
      <c r="AJ20168">
        <v>25</v>
      </c>
      <c r="AK20168">
        <v>25</v>
      </c>
      <c r="AL20168">
        <v>25</v>
      </c>
      <c r="AM20168">
        <v>25</v>
      </c>
      <c r="AN20168">
        <v>25</v>
      </c>
      <c r="AO20168">
        <v>25</v>
      </c>
      <c r="AP20168">
        <v>25</v>
      </c>
      <c r="AQ20168">
        <v>25</v>
      </c>
    </row>
    <row r="20169" spans="1:43">
      <c r="A20169" t="s">
        <v>12490</v>
      </c>
      <c r="B20169" t="s">
        <v>12491</v>
      </c>
      <c r="C20169" t="s">
        <v>12452</v>
      </c>
      <c r="D20169" t="s">
        <v>12453</v>
      </c>
      <c r="E20169" t="s">
        <v>12006</v>
      </c>
      <c r="F20169" t="s">
        <v>12007</v>
      </c>
      <c r="G20169" t="s">
        <v>10450</v>
      </c>
      <c r="H20169" t="s">
        <v>10451</v>
      </c>
      <c r="I20169" s="2">
        <v>1</v>
      </c>
      <c r="J20169" s="2">
        <v>0</v>
      </c>
      <c r="K20169" s="2">
        <v>0</v>
      </c>
      <c r="L20169" t="s">
        <v>120</v>
      </c>
      <c r="M20169" t="s">
        <v>83</v>
      </c>
      <c r="N20169" t="s">
        <v>91</v>
      </c>
      <c r="O20169" t="s">
        <v>85</v>
      </c>
      <c r="P20169" t="s">
        <v>86</v>
      </c>
      <c r="Q20169">
        <v>19</v>
      </c>
      <c r="R20169">
        <v>19</v>
      </c>
      <c r="S20169">
        <v>20</v>
      </c>
      <c r="T20169">
        <v>20</v>
      </c>
      <c r="U20169">
        <v>20</v>
      </c>
      <c r="V20169">
        <v>21</v>
      </c>
      <c r="W20169">
        <v>21</v>
      </c>
      <c r="X20169">
        <v>21</v>
      </c>
      <c r="Y20169">
        <v>21</v>
      </c>
      <c r="Z20169">
        <v>22</v>
      </c>
      <c r="AA20169">
        <v>22</v>
      </c>
      <c r="AB20169">
        <v>22</v>
      </c>
      <c r="AC20169">
        <v>22</v>
      </c>
      <c r="AD20169">
        <v>23</v>
      </c>
      <c r="AE20169">
        <v>23</v>
      </c>
      <c r="AF20169">
        <v>23</v>
      </c>
      <c r="AG20169">
        <v>23</v>
      </c>
      <c r="AH20169">
        <v>24</v>
      </c>
      <c r="AI20169">
        <v>24</v>
      </c>
      <c r="AJ20169">
        <v>24</v>
      </c>
      <c r="AK20169">
        <v>24</v>
      </c>
      <c r="AL20169">
        <v>24</v>
      </c>
      <c r="AM20169">
        <v>24</v>
      </c>
      <c r="AN20169">
        <v>24</v>
      </c>
      <c r="AO20169">
        <v>24</v>
      </c>
      <c r="AP20169">
        <v>24</v>
      </c>
      <c r="AQ20169">
        <v>24</v>
      </c>
    </row>
    <row r="20170" spans="1:43">
      <c r="A20170" t="s">
        <v>12492</v>
      </c>
      <c r="B20170" t="s">
        <v>12493</v>
      </c>
      <c r="C20170" t="s">
        <v>12494</v>
      </c>
      <c r="D20170" t="s">
        <v>12495</v>
      </c>
      <c r="E20170" t="s">
        <v>12006</v>
      </c>
      <c r="F20170" t="s">
        <v>12007</v>
      </c>
      <c r="G20170" t="s">
        <v>10450</v>
      </c>
      <c r="H20170" t="s">
        <v>10451</v>
      </c>
      <c r="I20170" s="2">
        <v>1</v>
      </c>
      <c r="J20170" s="2">
        <v>0</v>
      </c>
      <c r="K20170" s="2">
        <v>0</v>
      </c>
      <c r="L20170" t="s">
        <v>120</v>
      </c>
      <c r="M20170" t="s">
        <v>83</v>
      </c>
      <c r="N20170" t="s">
        <v>84</v>
      </c>
      <c r="O20170" t="s">
        <v>85</v>
      </c>
      <c r="P20170" t="s">
        <v>86</v>
      </c>
      <c r="Q20170">
        <v>30</v>
      </c>
      <c r="R20170">
        <v>30</v>
      </c>
      <c r="S20170">
        <v>31</v>
      </c>
      <c r="T20170">
        <v>31</v>
      </c>
      <c r="U20170">
        <v>31</v>
      </c>
      <c r="V20170">
        <v>32</v>
      </c>
      <c r="W20170">
        <v>32</v>
      </c>
      <c r="X20170">
        <v>33</v>
      </c>
      <c r="Y20170">
        <v>33</v>
      </c>
      <c r="Z20170">
        <v>34</v>
      </c>
      <c r="AA20170">
        <v>34</v>
      </c>
      <c r="AB20170">
        <v>34</v>
      </c>
      <c r="AC20170">
        <v>35</v>
      </c>
      <c r="AD20170">
        <v>35</v>
      </c>
      <c r="AE20170">
        <v>36</v>
      </c>
      <c r="AF20170">
        <v>36</v>
      </c>
      <c r="AG20170">
        <v>36</v>
      </c>
      <c r="AH20170">
        <v>37</v>
      </c>
      <c r="AI20170">
        <v>37</v>
      </c>
      <c r="AJ20170">
        <v>37</v>
      </c>
      <c r="AK20170">
        <v>38</v>
      </c>
      <c r="AL20170">
        <v>38</v>
      </c>
      <c r="AM20170">
        <v>38</v>
      </c>
      <c r="AN20170">
        <v>38</v>
      </c>
      <c r="AO20170">
        <v>38</v>
      </c>
      <c r="AP20170">
        <v>38</v>
      </c>
      <c r="AQ20170">
        <v>38</v>
      </c>
    </row>
    <row r="20171" spans="1:43">
      <c r="A20171" t="s">
        <v>12492</v>
      </c>
      <c r="B20171" t="s">
        <v>12493</v>
      </c>
      <c r="C20171" t="s">
        <v>12494</v>
      </c>
      <c r="D20171" t="s">
        <v>12495</v>
      </c>
      <c r="E20171" t="s">
        <v>12006</v>
      </c>
      <c r="F20171" t="s">
        <v>12007</v>
      </c>
      <c r="G20171" t="s">
        <v>10450</v>
      </c>
      <c r="H20171" t="s">
        <v>10451</v>
      </c>
      <c r="I20171" s="2">
        <v>1</v>
      </c>
      <c r="J20171" s="2">
        <v>0</v>
      </c>
      <c r="K20171" s="2">
        <v>0</v>
      </c>
      <c r="L20171" t="s">
        <v>120</v>
      </c>
      <c r="M20171" t="s">
        <v>87</v>
      </c>
      <c r="N20171" t="s">
        <v>88</v>
      </c>
      <c r="O20171" t="s">
        <v>85</v>
      </c>
      <c r="P20171" t="s">
        <v>86</v>
      </c>
      <c r="Q20171">
        <v>30</v>
      </c>
      <c r="R20171">
        <v>31</v>
      </c>
      <c r="S20171">
        <v>31</v>
      </c>
      <c r="T20171">
        <v>31</v>
      </c>
      <c r="U20171">
        <v>31</v>
      </c>
      <c r="V20171">
        <v>31</v>
      </c>
      <c r="W20171">
        <v>31</v>
      </c>
      <c r="X20171">
        <v>31</v>
      </c>
      <c r="Y20171">
        <v>32</v>
      </c>
      <c r="Z20171">
        <v>32</v>
      </c>
      <c r="AA20171">
        <v>32</v>
      </c>
      <c r="AB20171">
        <v>32</v>
      </c>
      <c r="AC20171">
        <v>32</v>
      </c>
      <c r="AD20171">
        <v>32</v>
      </c>
      <c r="AE20171">
        <v>32</v>
      </c>
      <c r="AF20171">
        <v>33</v>
      </c>
      <c r="AG20171">
        <v>33</v>
      </c>
      <c r="AH20171">
        <v>33</v>
      </c>
      <c r="AI20171">
        <v>33</v>
      </c>
      <c r="AJ20171">
        <v>33</v>
      </c>
      <c r="AK20171">
        <v>33</v>
      </c>
      <c r="AL20171">
        <v>33</v>
      </c>
      <c r="AM20171">
        <v>33</v>
      </c>
      <c r="AN20171">
        <v>34</v>
      </c>
      <c r="AO20171">
        <v>34</v>
      </c>
      <c r="AP20171">
        <v>34</v>
      </c>
      <c r="AQ20171">
        <v>34</v>
      </c>
    </row>
    <row r="20172" spans="1:43">
      <c r="A20172" t="s">
        <v>12492</v>
      </c>
      <c r="B20172" t="s">
        <v>12493</v>
      </c>
      <c r="C20172" t="s">
        <v>12494</v>
      </c>
      <c r="D20172" t="s">
        <v>12495</v>
      </c>
      <c r="E20172" t="s">
        <v>12006</v>
      </c>
      <c r="F20172" t="s">
        <v>12007</v>
      </c>
      <c r="G20172" t="s">
        <v>10450</v>
      </c>
      <c r="H20172" t="s">
        <v>10451</v>
      </c>
      <c r="I20172" s="2">
        <v>1</v>
      </c>
      <c r="J20172" s="2">
        <v>0</v>
      </c>
      <c r="K20172" s="2">
        <v>0</v>
      </c>
      <c r="L20172" t="s">
        <v>120</v>
      </c>
      <c r="M20172" t="s">
        <v>89</v>
      </c>
      <c r="N20172" t="s">
        <v>90</v>
      </c>
      <c r="O20172" t="s">
        <v>85</v>
      </c>
      <c r="P20172" t="s">
        <v>86</v>
      </c>
      <c r="Q20172">
        <v>30</v>
      </c>
      <c r="R20172">
        <v>31</v>
      </c>
      <c r="S20172">
        <v>31</v>
      </c>
      <c r="T20172">
        <v>32</v>
      </c>
      <c r="U20172">
        <v>33</v>
      </c>
      <c r="V20172">
        <v>33</v>
      </c>
      <c r="W20172">
        <v>34</v>
      </c>
      <c r="X20172">
        <v>35</v>
      </c>
      <c r="Y20172">
        <v>35</v>
      </c>
      <c r="Z20172">
        <v>36</v>
      </c>
      <c r="AA20172">
        <v>36</v>
      </c>
      <c r="AB20172">
        <v>37</v>
      </c>
      <c r="AC20172">
        <v>37</v>
      </c>
      <c r="AD20172">
        <v>38</v>
      </c>
      <c r="AE20172">
        <v>38</v>
      </c>
      <c r="AF20172">
        <v>38</v>
      </c>
      <c r="AG20172">
        <v>38</v>
      </c>
      <c r="AH20172">
        <v>38</v>
      </c>
      <c r="AI20172">
        <v>38</v>
      </c>
      <c r="AJ20172">
        <v>38</v>
      </c>
      <c r="AK20172">
        <v>38</v>
      </c>
      <c r="AL20172">
        <v>38</v>
      </c>
      <c r="AM20172">
        <v>38</v>
      </c>
      <c r="AN20172">
        <v>38</v>
      </c>
      <c r="AO20172">
        <v>38</v>
      </c>
      <c r="AP20172">
        <v>38</v>
      </c>
      <c r="AQ20172">
        <v>38</v>
      </c>
    </row>
    <row r="20173" spans="1:43">
      <c r="A20173" t="s">
        <v>12492</v>
      </c>
      <c r="B20173" t="s">
        <v>12493</v>
      </c>
      <c r="C20173" t="s">
        <v>12494</v>
      </c>
      <c r="D20173" t="s">
        <v>12495</v>
      </c>
      <c r="E20173" t="s">
        <v>12006</v>
      </c>
      <c r="F20173" t="s">
        <v>12007</v>
      </c>
      <c r="G20173" t="s">
        <v>10450</v>
      </c>
      <c r="H20173" t="s">
        <v>10451</v>
      </c>
      <c r="I20173" s="2">
        <v>1</v>
      </c>
      <c r="J20173" s="2">
        <v>0</v>
      </c>
      <c r="K20173" s="2">
        <v>0</v>
      </c>
      <c r="L20173" t="s">
        <v>120</v>
      </c>
      <c r="M20173" t="s">
        <v>83</v>
      </c>
      <c r="N20173" t="s">
        <v>91</v>
      </c>
      <c r="O20173" t="s">
        <v>85</v>
      </c>
      <c r="P20173" t="s">
        <v>86</v>
      </c>
      <c r="Q20173">
        <v>30</v>
      </c>
      <c r="R20173">
        <v>30</v>
      </c>
      <c r="S20173">
        <v>31</v>
      </c>
      <c r="T20173">
        <v>31</v>
      </c>
      <c r="U20173">
        <v>31</v>
      </c>
      <c r="V20173">
        <v>32</v>
      </c>
      <c r="W20173">
        <v>32</v>
      </c>
      <c r="X20173">
        <v>33</v>
      </c>
      <c r="Y20173">
        <v>33</v>
      </c>
      <c r="Z20173">
        <v>34</v>
      </c>
      <c r="AA20173">
        <v>34</v>
      </c>
      <c r="AB20173">
        <v>34</v>
      </c>
      <c r="AC20173">
        <v>35</v>
      </c>
      <c r="AD20173">
        <v>35</v>
      </c>
      <c r="AE20173">
        <v>36</v>
      </c>
      <c r="AF20173">
        <v>36</v>
      </c>
      <c r="AG20173">
        <v>36</v>
      </c>
      <c r="AH20173">
        <v>37</v>
      </c>
      <c r="AI20173">
        <v>37</v>
      </c>
      <c r="AJ20173">
        <v>37</v>
      </c>
      <c r="AK20173">
        <v>38</v>
      </c>
      <c r="AL20173">
        <v>38</v>
      </c>
      <c r="AM20173">
        <v>38</v>
      </c>
      <c r="AN20173">
        <v>38</v>
      </c>
      <c r="AO20173">
        <v>38</v>
      </c>
      <c r="AP20173">
        <v>38</v>
      </c>
      <c r="AQ20173">
        <v>38</v>
      </c>
    </row>
    <row r="20174" spans="1:43">
      <c r="A20174" t="s">
        <v>12496</v>
      </c>
      <c r="B20174" t="s">
        <v>12497</v>
      </c>
      <c r="C20174" t="s">
        <v>12494</v>
      </c>
      <c r="D20174" t="s">
        <v>12495</v>
      </c>
      <c r="E20174" t="s">
        <v>12006</v>
      </c>
      <c r="F20174" t="s">
        <v>12007</v>
      </c>
      <c r="G20174" t="s">
        <v>10450</v>
      </c>
      <c r="H20174" t="s">
        <v>10451</v>
      </c>
      <c r="I20174" s="2">
        <v>1</v>
      </c>
      <c r="J20174" s="2">
        <v>0</v>
      </c>
      <c r="K20174" s="2">
        <v>0</v>
      </c>
      <c r="L20174" t="s">
        <v>120</v>
      </c>
      <c r="M20174" t="s">
        <v>83</v>
      </c>
      <c r="N20174" t="s">
        <v>84</v>
      </c>
      <c r="O20174" t="s">
        <v>85</v>
      </c>
      <c r="P20174" t="s">
        <v>86</v>
      </c>
      <c r="Q20174">
        <v>19</v>
      </c>
      <c r="R20174">
        <v>19</v>
      </c>
      <c r="S20174">
        <v>19</v>
      </c>
      <c r="T20174">
        <v>20</v>
      </c>
      <c r="U20174">
        <v>20</v>
      </c>
      <c r="V20174">
        <v>20</v>
      </c>
      <c r="W20174">
        <v>20</v>
      </c>
      <c r="X20174">
        <v>21</v>
      </c>
      <c r="Y20174">
        <v>21</v>
      </c>
      <c r="Z20174">
        <v>21</v>
      </c>
      <c r="AA20174">
        <v>21</v>
      </c>
      <c r="AB20174">
        <v>22</v>
      </c>
      <c r="AC20174">
        <v>22</v>
      </c>
      <c r="AD20174">
        <v>22</v>
      </c>
      <c r="AE20174">
        <v>22</v>
      </c>
      <c r="AF20174">
        <v>23</v>
      </c>
      <c r="AG20174">
        <v>23</v>
      </c>
      <c r="AH20174">
        <v>23</v>
      </c>
      <c r="AI20174">
        <v>23</v>
      </c>
      <c r="AJ20174">
        <v>24</v>
      </c>
      <c r="AK20174">
        <v>24</v>
      </c>
      <c r="AL20174">
        <v>24</v>
      </c>
      <c r="AM20174">
        <v>24</v>
      </c>
      <c r="AN20174">
        <v>24</v>
      </c>
      <c r="AO20174">
        <v>24</v>
      </c>
      <c r="AP20174">
        <v>24</v>
      </c>
      <c r="AQ20174">
        <v>24</v>
      </c>
    </row>
    <row r="20175" spans="1:43">
      <c r="A20175" t="s">
        <v>12496</v>
      </c>
      <c r="B20175" t="s">
        <v>12497</v>
      </c>
      <c r="C20175" t="s">
        <v>12494</v>
      </c>
      <c r="D20175" t="s">
        <v>12495</v>
      </c>
      <c r="E20175" t="s">
        <v>12006</v>
      </c>
      <c r="F20175" t="s">
        <v>12007</v>
      </c>
      <c r="G20175" t="s">
        <v>10450</v>
      </c>
      <c r="H20175" t="s">
        <v>10451</v>
      </c>
      <c r="I20175" s="2">
        <v>1</v>
      </c>
      <c r="J20175" s="2">
        <v>0</v>
      </c>
      <c r="K20175" s="2">
        <v>0</v>
      </c>
      <c r="L20175" t="s">
        <v>120</v>
      </c>
      <c r="M20175" t="s">
        <v>87</v>
      </c>
      <c r="N20175" t="s">
        <v>88</v>
      </c>
      <c r="O20175" t="s">
        <v>85</v>
      </c>
      <c r="P20175" t="s">
        <v>86</v>
      </c>
      <c r="Q20175">
        <v>19</v>
      </c>
      <c r="R20175">
        <v>19</v>
      </c>
      <c r="S20175">
        <v>19</v>
      </c>
      <c r="T20175">
        <v>19</v>
      </c>
      <c r="U20175">
        <v>19</v>
      </c>
      <c r="V20175">
        <v>19</v>
      </c>
      <c r="W20175">
        <v>19</v>
      </c>
      <c r="X20175">
        <v>19</v>
      </c>
      <c r="Y20175">
        <v>19</v>
      </c>
      <c r="Z20175">
        <v>19</v>
      </c>
      <c r="AA20175">
        <v>20</v>
      </c>
      <c r="AB20175">
        <v>20</v>
      </c>
      <c r="AC20175">
        <v>20</v>
      </c>
      <c r="AD20175">
        <v>20</v>
      </c>
      <c r="AE20175">
        <v>20</v>
      </c>
      <c r="AF20175">
        <v>20</v>
      </c>
      <c r="AG20175">
        <v>20</v>
      </c>
      <c r="AH20175">
        <v>20</v>
      </c>
      <c r="AI20175">
        <v>20</v>
      </c>
      <c r="AJ20175">
        <v>20</v>
      </c>
      <c r="AK20175">
        <v>20</v>
      </c>
      <c r="AL20175">
        <v>20</v>
      </c>
      <c r="AM20175">
        <v>20</v>
      </c>
      <c r="AN20175">
        <v>21</v>
      </c>
      <c r="AO20175">
        <v>21</v>
      </c>
      <c r="AP20175">
        <v>21</v>
      </c>
      <c r="AQ20175">
        <v>21</v>
      </c>
    </row>
    <row r="20176" spans="1:43">
      <c r="A20176" t="s">
        <v>12496</v>
      </c>
      <c r="B20176" t="s">
        <v>12497</v>
      </c>
      <c r="C20176" t="s">
        <v>12494</v>
      </c>
      <c r="D20176" t="s">
        <v>12495</v>
      </c>
      <c r="E20176" t="s">
        <v>12006</v>
      </c>
      <c r="F20176" t="s">
        <v>12007</v>
      </c>
      <c r="G20176" t="s">
        <v>10450</v>
      </c>
      <c r="H20176" t="s">
        <v>10451</v>
      </c>
      <c r="I20176" s="2">
        <v>1</v>
      </c>
      <c r="J20176" s="2">
        <v>0</v>
      </c>
      <c r="K20176" s="2">
        <v>0</v>
      </c>
      <c r="L20176" t="s">
        <v>120</v>
      </c>
      <c r="M20176" t="s">
        <v>89</v>
      </c>
      <c r="N20176" t="s">
        <v>90</v>
      </c>
      <c r="O20176" t="s">
        <v>85</v>
      </c>
      <c r="P20176" t="s">
        <v>86</v>
      </c>
      <c r="Q20176">
        <v>19</v>
      </c>
      <c r="R20176">
        <v>19</v>
      </c>
      <c r="S20176">
        <v>20</v>
      </c>
      <c r="T20176">
        <v>20</v>
      </c>
      <c r="U20176">
        <v>21</v>
      </c>
      <c r="V20176">
        <v>21</v>
      </c>
      <c r="W20176">
        <v>21</v>
      </c>
      <c r="X20176">
        <v>22</v>
      </c>
      <c r="Y20176">
        <v>22</v>
      </c>
      <c r="Z20176">
        <v>23</v>
      </c>
      <c r="AA20176">
        <v>23</v>
      </c>
      <c r="AB20176">
        <v>23</v>
      </c>
      <c r="AC20176">
        <v>24</v>
      </c>
      <c r="AD20176">
        <v>24</v>
      </c>
      <c r="AE20176">
        <v>24</v>
      </c>
      <c r="AF20176">
        <v>24</v>
      </c>
      <c r="AG20176">
        <v>24</v>
      </c>
      <c r="AH20176">
        <v>24</v>
      </c>
      <c r="AI20176">
        <v>24</v>
      </c>
      <c r="AJ20176">
        <v>24</v>
      </c>
      <c r="AK20176">
        <v>24</v>
      </c>
      <c r="AL20176">
        <v>24</v>
      </c>
      <c r="AM20176">
        <v>24</v>
      </c>
      <c r="AN20176">
        <v>24</v>
      </c>
      <c r="AO20176">
        <v>24</v>
      </c>
      <c r="AP20176">
        <v>24</v>
      </c>
      <c r="AQ20176">
        <v>24</v>
      </c>
    </row>
    <row r="20177" spans="1:43">
      <c r="A20177" t="s">
        <v>12496</v>
      </c>
      <c r="B20177" t="s">
        <v>12497</v>
      </c>
      <c r="C20177" t="s">
        <v>12494</v>
      </c>
      <c r="D20177" t="s">
        <v>12495</v>
      </c>
      <c r="E20177" t="s">
        <v>12006</v>
      </c>
      <c r="F20177" t="s">
        <v>12007</v>
      </c>
      <c r="G20177" t="s">
        <v>10450</v>
      </c>
      <c r="H20177" t="s">
        <v>10451</v>
      </c>
      <c r="I20177" s="2">
        <v>1</v>
      </c>
      <c r="J20177" s="2">
        <v>0</v>
      </c>
      <c r="K20177" s="2">
        <v>0</v>
      </c>
      <c r="L20177" t="s">
        <v>120</v>
      </c>
      <c r="M20177" t="s">
        <v>83</v>
      </c>
      <c r="N20177" t="s">
        <v>91</v>
      </c>
      <c r="O20177" t="s">
        <v>85</v>
      </c>
      <c r="P20177" t="s">
        <v>86</v>
      </c>
      <c r="Q20177">
        <v>19</v>
      </c>
      <c r="R20177">
        <v>19</v>
      </c>
      <c r="S20177">
        <v>19</v>
      </c>
      <c r="T20177">
        <v>20</v>
      </c>
      <c r="U20177">
        <v>20</v>
      </c>
      <c r="V20177">
        <v>20</v>
      </c>
      <c r="W20177">
        <v>20</v>
      </c>
      <c r="X20177">
        <v>21</v>
      </c>
      <c r="Y20177">
        <v>21</v>
      </c>
      <c r="Z20177">
        <v>21</v>
      </c>
      <c r="AA20177">
        <v>21</v>
      </c>
      <c r="AB20177">
        <v>22</v>
      </c>
      <c r="AC20177">
        <v>22</v>
      </c>
      <c r="AD20177">
        <v>22</v>
      </c>
      <c r="AE20177">
        <v>22</v>
      </c>
      <c r="AF20177">
        <v>23</v>
      </c>
      <c r="AG20177">
        <v>23</v>
      </c>
      <c r="AH20177">
        <v>23</v>
      </c>
      <c r="AI20177">
        <v>23</v>
      </c>
      <c r="AJ20177">
        <v>24</v>
      </c>
      <c r="AK20177">
        <v>24</v>
      </c>
      <c r="AL20177">
        <v>24</v>
      </c>
      <c r="AM20177">
        <v>24</v>
      </c>
      <c r="AN20177">
        <v>24</v>
      </c>
      <c r="AO20177">
        <v>24</v>
      </c>
      <c r="AP20177">
        <v>24</v>
      </c>
      <c r="AQ20177">
        <v>24</v>
      </c>
    </row>
    <row r="20178" spans="1:43">
      <c r="A20178" t="s">
        <v>12498</v>
      </c>
      <c r="B20178" t="s">
        <v>12499</v>
      </c>
      <c r="C20178" t="s">
        <v>12494</v>
      </c>
      <c r="D20178" t="s">
        <v>12495</v>
      </c>
      <c r="E20178" t="s">
        <v>12006</v>
      </c>
      <c r="F20178" t="s">
        <v>12007</v>
      </c>
      <c r="G20178" t="s">
        <v>10450</v>
      </c>
      <c r="H20178" t="s">
        <v>10451</v>
      </c>
      <c r="I20178" s="2">
        <v>1</v>
      </c>
      <c r="J20178" s="2">
        <v>0</v>
      </c>
      <c r="K20178" s="2">
        <v>0</v>
      </c>
      <c r="L20178" t="s">
        <v>120</v>
      </c>
      <c r="M20178" t="s">
        <v>83</v>
      </c>
      <c r="N20178" t="s">
        <v>84</v>
      </c>
      <c r="O20178" t="s">
        <v>85</v>
      </c>
      <c r="P20178" t="s">
        <v>86</v>
      </c>
      <c r="Q20178">
        <v>27</v>
      </c>
      <c r="R20178">
        <v>28</v>
      </c>
      <c r="S20178">
        <v>28</v>
      </c>
      <c r="T20178">
        <v>28</v>
      </c>
      <c r="U20178">
        <v>29</v>
      </c>
      <c r="V20178">
        <v>29</v>
      </c>
      <c r="W20178">
        <v>30</v>
      </c>
      <c r="X20178">
        <v>30</v>
      </c>
      <c r="Y20178">
        <v>30</v>
      </c>
      <c r="Z20178">
        <v>31</v>
      </c>
      <c r="AA20178">
        <v>31</v>
      </c>
      <c r="AB20178">
        <v>31</v>
      </c>
      <c r="AC20178">
        <v>32</v>
      </c>
      <c r="AD20178">
        <v>32</v>
      </c>
      <c r="AE20178">
        <v>32</v>
      </c>
      <c r="AF20178">
        <v>33</v>
      </c>
      <c r="AG20178">
        <v>33</v>
      </c>
      <c r="AH20178">
        <v>34</v>
      </c>
      <c r="AI20178">
        <v>34</v>
      </c>
      <c r="AJ20178">
        <v>34</v>
      </c>
      <c r="AK20178">
        <v>35</v>
      </c>
      <c r="AL20178">
        <v>35</v>
      </c>
      <c r="AM20178">
        <v>35</v>
      </c>
      <c r="AN20178">
        <v>35</v>
      </c>
      <c r="AO20178">
        <v>35</v>
      </c>
      <c r="AP20178">
        <v>35</v>
      </c>
      <c r="AQ20178">
        <v>35</v>
      </c>
    </row>
    <row r="20179" spans="1:43">
      <c r="A20179" t="s">
        <v>12498</v>
      </c>
      <c r="B20179" t="s">
        <v>12499</v>
      </c>
      <c r="C20179" t="s">
        <v>12494</v>
      </c>
      <c r="D20179" t="s">
        <v>12495</v>
      </c>
      <c r="E20179" t="s">
        <v>12006</v>
      </c>
      <c r="F20179" t="s">
        <v>12007</v>
      </c>
      <c r="G20179" t="s">
        <v>10450</v>
      </c>
      <c r="H20179" t="s">
        <v>10451</v>
      </c>
      <c r="I20179" s="2">
        <v>1</v>
      </c>
      <c r="J20179" s="2">
        <v>0</v>
      </c>
      <c r="K20179" s="2">
        <v>0</v>
      </c>
      <c r="L20179" t="s">
        <v>120</v>
      </c>
      <c r="M20179" t="s">
        <v>87</v>
      </c>
      <c r="N20179" t="s">
        <v>88</v>
      </c>
      <c r="O20179" t="s">
        <v>85</v>
      </c>
      <c r="P20179" t="s">
        <v>86</v>
      </c>
      <c r="Q20179">
        <v>27</v>
      </c>
      <c r="R20179">
        <v>27</v>
      </c>
      <c r="S20179">
        <v>27</v>
      </c>
      <c r="T20179">
        <v>27</v>
      </c>
      <c r="U20179">
        <v>28</v>
      </c>
      <c r="V20179">
        <v>28</v>
      </c>
      <c r="W20179">
        <v>28</v>
      </c>
      <c r="X20179">
        <v>28</v>
      </c>
      <c r="Y20179">
        <v>28</v>
      </c>
      <c r="Z20179">
        <v>28</v>
      </c>
      <c r="AA20179">
        <v>28</v>
      </c>
      <c r="AB20179">
        <v>28</v>
      </c>
      <c r="AC20179">
        <v>29</v>
      </c>
      <c r="AD20179">
        <v>29</v>
      </c>
      <c r="AE20179">
        <v>29</v>
      </c>
      <c r="AF20179">
        <v>29</v>
      </c>
      <c r="AG20179">
        <v>29</v>
      </c>
      <c r="AH20179">
        <v>29</v>
      </c>
      <c r="AI20179">
        <v>29</v>
      </c>
      <c r="AJ20179">
        <v>29</v>
      </c>
      <c r="AK20179">
        <v>29</v>
      </c>
      <c r="AL20179">
        <v>30</v>
      </c>
      <c r="AM20179">
        <v>30</v>
      </c>
      <c r="AN20179">
        <v>30</v>
      </c>
      <c r="AO20179">
        <v>30</v>
      </c>
      <c r="AP20179">
        <v>30</v>
      </c>
      <c r="AQ20179">
        <v>30</v>
      </c>
    </row>
    <row r="20180" spans="1:43">
      <c r="A20180" t="s">
        <v>12498</v>
      </c>
      <c r="B20180" t="s">
        <v>12499</v>
      </c>
      <c r="C20180" t="s">
        <v>12494</v>
      </c>
      <c r="D20180" t="s">
        <v>12495</v>
      </c>
      <c r="E20180" t="s">
        <v>12006</v>
      </c>
      <c r="F20180" t="s">
        <v>12007</v>
      </c>
      <c r="G20180" t="s">
        <v>10450</v>
      </c>
      <c r="H20180" t="s">
        <v>10451</v>
      </c>
      <c r="I20180" s="2">
        <v>1</v>
      </c>
      <c r="J20180" s="2">
        <v>0</v>
      </c>
      <c r="K20180" s="2">
        <v>0</v>
      </c>
      <c r="L20180" t="s">
        <v>120</v>
      </c>
      <c r="M20180" t="s">
        <v>89</v>
      </c>
      <c r="N20180" t="s">
        <v>90</v>
      </c>
      <c r="O20180" t="s">
        <v>85</v>
      </c>
      <c r="P20180" t="s">
        <v>86</v>
      </c>
      <c r="Q20180">
        <v>27</v>
      </c>
      <c r="R20180">
        <v>28</v>
      </c>
      <c r="S20180">
        <v>29</v>
      </c>
      <c r="T20180">
        <v>29</v>
      </c>
      <c r="U20180">
        <v>30</v>
      </c>
      <c r="V20180">
        <v>30</v>
      </c>
      <c r="W20180">
        <v>31</v>
      </c>
      <c r="X20180">
        <v>32</v>
      </c>
      <c r="Y20180">
        <v>32</v>
      </c>
      <c r="Z20180">
        <v>33</v>
      </c>
      <c r="AA20180">
        <v>33</v>
      </c>
      <c r="AB20180">
        <v>34</v>
      </c>
      <c r="AC20180">
        <v>34</v>
      </c>
      <c r="AD20180">
        <v>35</v>
      </c>
      <c r="AE20180">
        <v>35</v>
      </c>
      <c r="AF20180">
        <v>35</v>
      </c>
      <c r="AG20180">
        <v>35</v>
      </c>
      <c r="AH20180">
        <v>35</v>
      </c>
      <c r="AI20180">
        <v>35</v>
      </c>
      <c r="AJ20180">
        <v>35</v>
      </c>
      <c r="AK20180">
        <v>35</v>
      </c>
      <c r="AL20180">
        <v>35</v>
      </c>
      <c r="AM20180">
        <v>35</v>
      </c>
      <c r="AN20180">
        <v>35</v>
      </c>
      <c r="AO20180">
        <v>35</v>
      </c>
      <c r="AP20180">
        <v>35</v>
      </c>
      <c r="AQ20180">
        <v>35</v>
      </c>
    </row>
    <row r="20181" spans="1:43">
      <c r="A20181" t="s">
        <v>12498</v>
      </c>
      <c r="B20181" t="s">
        <v>12499</v>
      </c>
      <c r="C20181" t="s">
        <v>12494</v>
      </c>
      <c r="D20181" t="s">
        <v>12495</v>
      </c>
      <c r="E20181" t="s">
        <v>12006</v>
      </c>
      <c r="F20181" t="s">
        <v>12007</v>
      </c>
      <c r="G20181" t="s">
        <v>10450</v>
      </c>
      <c r="H20181" t="s">
        <v>10451</v>
      </c>
      <c r="I20181" s="2">
        <v>1</v>
      </c>
      <c r="J20181" s="2">
        <v>0</v>
      </c>
      <c r="K20181" s="2">
        <v>0</v>
      </c>
      <c r="L20181" t="s">
        <v>120</v>
      </c>
      <c r="M20181" t="s">
        <v>83</v>
      </c>
      <c r="N20181" t="s">
        <v>91</v>
      </c>
      <c r="O20181" t="s">
        <v>85</v>
      </c>
      <c r="P20181" t="s">
        <v>86</v>
      </c>
      <c r="Q20181">
        <v>27</v>
      </c>
      <c r="R20181">
        <v>28</v>
      </c>
      <c r="S20181">
        <v>28</v>
      </c>
      <c r="T20181">
        <v>28</v>
      </c>
      <c r="U20181">
        <v>29</v>
      </c>
      <c r="V20181">
        <v>29</v>
      </c>
      <c r="W20181">
        <v>30</v>
      </c>
      <c r="X20181">
        <v>30</v>
      </c>
      <c r="Y20181">
        <v>30</v>
      </c>
      <c r="Z20181">
        <v>31</v>
      </c>
      <c r="AA20181">
        <v>31</v>
      </c>
      <c r="AB20181">
        <v>31</v>
      </c>
      <c r="AC20181">
        <v>32</v>
      </c>
      <c r="AD20181">
        <v>32</v>
      </c>
      <c r="AE20181">
        <v>32</v>
      </c>
      <c r="AF20181">
        <v>33</v>
      </c>
      <c r="AG20181">
        <v>33</v>
      </c>
      <c r="AH20181">
        <v>34</v>
      </c>
      <c r="AI20181">
        <v>34</v>
      </c>
      <c r="AJ20181">
        <v>34</v>
      </c>
      <c r="AK20181">
        <v>35</v>
      </c>
      <c r="AL20181">
        <v>35</v>
      </c>
      <c r="AM20181">
        <v>35</v>
      </c>
      <c r="AN20181">
        <v>35</v>
      </c>
      <c r="AO20181">
        <v>35</v>
      </c>
      <c r="AP20181">
        <v>35</v>
      </c>
      <c r="AQ20181">
        <v>35</v>
      </c>
    </row>
    <row r="20182" spans="1:43">
      <c r="A20182" t="s">
        <v>12500</v>
      </c>
      <c r="B20182" t="s">
        <v>12501</v>
      </c>
      <c r="C20182" t="s">
        <v>12502</v>
      </c>
      <c r="D20182" t="s">
        <v>12503</v>
      </c>
      <c r="E20182" t="s">
        <v>12006</v>
      </c>
      <c r="F20182" t="s">
        <v>12007</v>
      </c>
      <c r="G20182" t="s">
        <v>10450</v>
      </c>
      <c r="H20182" t="s">
        <v>10451</v>
      </c>
      <c r="I20182" s="2">
        <v>1</v>
      </c>
      <c r="J20182" s="2">
        <v>0</v>
      </c>
      <c r="K20182" s="2">
        <v>0</v>
      </c>
      <c r="L20182" t="s">
        <v>120</v>
      </c>
      <c r="M20182" t="s">
        <v>83</v>
      </c>
      <c r="N20182" t="s">
        <v>84</v>
      </c>
      <c r="O20182" t="s">
        <v>85</v>
      </c>
      <c r="P20182" t="s">
        <v>86</v>
      </c>
      <c r="Q20182">
        <v>21</v>
      </c>
      <c r="R20182">
        <v>21</v>
      </c>
      <c r="S20182">
        <v>21</v>
      </c>
      <c r="T20182">
        <v>22</v>
      </c>
      <c r="U20182">
        <v>22</v>
      </c>
      <c r="V20182">
        <v>22</v>
      </c>
      <c r="W20182">
        <v>23</v>
      </c>
      <c r="X20182">
        <v>23</v>
      </c>
      <c r="Y20182">
        <v>23</v>
      </c>
      <c r="Z20182">
        <v>23</v>
      </c>
      <c r="AA20182">
        <v>24</v>
      </c>
      <c r="AB20182">
        <v>24</v>
      </c>
      <c r="AC20182">
        <v>24</v>
      </c>
      <c r="AD20182">
        <v>24</v>
      </c>
      <c r="AE20182">
        <v>25</v>
      </c>
      <c r="AF20182">
        <v>25</v>
      </c>
      <c r="AG20182">
        <v>25</v>
      </c>
      <c r="AH20182">
        <v>26</v>
      </c>
      <c r="AI20182">
        <v>26</v>
      </c>
      <c r="AJ20182">
        <v>26</v>
      </c>
      <c r="AK20182">
        <v>26</v>
      </c>
      <c r="AL20182">
        <v>26</v>
      </c>
      <c r="AM20182">
        <v>26</v>
      </c>
      <c r="AN20182">
        <v>27</v>
      </c>
      <c r="AO20182">
        <v>27</v>
      </c>
      <c r="AP20182">
        <v>27</v>
      </c>
      <c r="AQ20182">
        <v>27</v>
      </c>
    </row>
    <row r="20183" spans="1:43">
      <c r="A20183" t="s">
        <v>12500</v>
      </c>
      <c r="B20183" t="s">
        <v>12501</v>
      </c>
      <c r="C20183" t="s">
        <v>12502</v>
      </c>
      <c r="D20183" t="s">
        <v>12503</v>
      </c>
      <c r="E20183" t="s">
        <v>12006</v>
      </c>
      <c r="F20183" t="s">
        <v>12007</v>
      </c>
      <c r="G20183" t="s">
        <v>10450</v>
      </c>
      <c r="H20183" t="s">
        <v>10451</v>
      </c>
      <c r="I20183" s="2">
        <v>1</v>
      </c>
      <c r="J20183" s="2">
        <v>0</v>
      </c>
      <c r="K20183" s="2">
        <v>0</v>
      </c>
      <c r="L20183" t="s">
        <v>120</v>
      </c>
      <c r="M20183" t="s">
        <v>87</v>
      </c>
      <c r="N20183" t="s">
        <v>88</v>
      </c>
      <c r="O20183" t="s">
        <v>85</v>
      </c>
      <c r="P20183" t="s">
        <v>86</v>
      </c>
      <c r="Q20183">
        <v>21</v>
      </c>
      <c r="R20183">
        <v>21</v>
      </c>
      <c r="S20183">
        <v>21</v>
      </c>
      <c r="T20183">
        <v>21</v>
      </c>
      <c r="U20183">
        <v>21</v>
      </c>
      <c r="V20183">
        <v>21</v>
      </c>
      <c r="W20183">
        <v>21</v>
      </c>
      <c r="X20183">
        <v>21</v>
      </c>
      <c r="Y20183">
        <v>21</v>
      </c>
      <c r="Z20183">
        <v>21</v>
      </c>
      <c r="AA20183">
        <v>22</v>
      </c>
      <c r="AB20183">
        <v>22</v>
      </c>
      <c r="AC20183">
        <v>22</v>
      </c>
      <c r="AD20183">
        <v>22</v>
      </c>
      <c r="AE20183">
        <v>22</v>
      </c>
      <c r="AF20183">
        <v>22</v>
      </c>
      <c r="AG20183">
        <v>22</v>
      </c>
      <c r="AH20183">
        <v>22</v>
      </c>
      <c r="AI20183">
        <v>22</v>
      </c>
      <c r="AJ20183">
        <v>22</v>
      </c>
      <c r="AK20183">
        <v>22</v>
      </c>
      <c r="AL20183">
        <v>23</v>
      </c>
      <c r="AM20183">
        <v>23</v>
      </c>
      <c r="AN20183">
        <v>23</v>
      </c>
      <c r="AO20183">
        <v>23</v>
      </c>
      <c r="AP20183">
        <v>23</v>
      </c>
      <c r="AQ20183">
        <v>23</v>
      </c>
    </row>
    <row r="20184" spans="1:43">
      <c r="A20184" t="s">
        <v>12500</v>
      </c>
      <c r="B20184" t="s">
        <v>12501</v>
      </c>
      <c r="C20184" t="s">
        <v>12502</v>
      </c>
      <c r="D20184" t="s">
        <v>12503</v>
      </c>
      <c r="E20184" t="s">
        <v>12006</v>
      </c>
      <c r="F20184" t="s">
        <v>12007</v>
      </c>
      <c r="G20184" t="s">
        <v>10450</v>
      </c>
      <c r="H20184" t="s">
        <v>10451</v>
      </c>
      <c r="I20184" s="2">
        <v>1</v>
      </c>
      <c r="J20184" s="2">
        <v>0</v>
      </c>
      <c r="K20184" s="2">
        <v>0</v>
      </c>
      <c r="L20184" t="s">
        <v>120</v>
      </c>
      <c r="M20184" t="s">
        <v>89</v>
      </c>
      <c r="N20184" t="s">
        <v>90</v>
      </c>
      <c r="O20184" t="s">
        <v>85</v>
      </c>
      <c r="P20184" t="s">
        <v>86</v>
      </c>
      <c r="Q20184">
        <v>21</v>
      </c>
      <c r="R20184">
        <v>21</v>
      </c>
      <c r="S20184">
        <v>22</v>
      </c>
      <c r="T20184">
        <v>22</v>
      </c>
      <c r="U20184">
        <v>23</v>
      </c>
      <c r="V20184">
        <v>23</v>
      </c>
      <c r="W20184">
        <v>24</v>
      </c>
      <c r="X20184">
        <v>24</v>
      </c>
      <c r="Y20184">
        <v>24</v>
      </c>
      <c r="Z20184">
        <v>25</v>
      </c>
      <c r="AA20184">
        <v>25</v>
      </c>
      <c r="AB20184">
        <v>26</v>
      </c>
      <c r="AC20184">
        <v>26</v>
      </c>
      <c r="AD20184">
        <v>26</v>
      </c>
      <c r="AE20184">
        <v>27</v>
      </c>
      <c r="AF20184">
        <v>27</v>
      </c>
      <c r="AG20184">
        <v>27</v>
      </c>
      <c r="AH20184">
        <v>27</v>
      </c>
      <c r="AI20184">
        <v>27</v>
      </c>
      <c r="AJ20184">
        <v>27</v>
      </c>
      <c r="AK20184">
        <v>27</v>
      </c>
      <c r="AL20184">
        <v>27</v>
      </c>
      <c r="AM20184">
        <v>27</v>
      </c>
      <c r="AN20184">
        <v>27</v>
      </c>
      <c r="AO20184">
        <v>27</v>
      </c>
      <c r="AP20184">
        <v>27</v>
      </c>
      <c r="AQ20184">
        <v>27</v>
      </c>
    </row>
    <row r="20185" spans="1:43">
      <c r="A20185" t="s">
        <v>12500</v>
      </c>
      <c r="B20185" t="s">
        <v>12501</v>
      </c>
      <c r="C20185" t="s">
        <v>12502</v>
      </c>
      <c r="D20185" t="s">
        <v>12503</v>
      </c>
      <c r="E20185" t="s">
        <v>12006</v>
      </c>
      <c r="F20185" t="s">
        <v>12007</v>
      </c>
      <c r="G20185" t="s">
        <v>10450</v>
      </c>
      <c r="H20185" t="s">
        <v>10451</v>
      </c>
      <c r="I20185" s="2">
        <v>1</v>
      </c>
      <c r="J20185" s="2">
        <v>0</v>
      </c>
      <c r="K20185" s="2">
        <v>0</v>
      </c>
      <c r="L20185" t="s">
        <v>120</v>
      </c>
      <c r="M20185" t="s">
        <v>83</v>
      </c>
      <c r="N20185" t="s">
        <v>91</v>
      </c>
      <c r="O20185" t="s">
        <v>85</v>
      </c>
      <c r="P20185" t="s">
        <v>86</v>
      </c>
      <c r="Q20185">
        <v>21</v>
      </c>
      <c r="R20185">
        <v>21</v>
      </c>
      <c r="S20185">
        <v>21</v>
      </c>
      <c r="T20185">
        <v>22</v>
      </c>
      <c r="U20185">
        <v>22</v>
      </c>
      <c r="V20185">
        <v>22</v>
      </c>
      <c r="W20185">
        <v>23</v>
      </c>
      <c r="X20185">
        <v>23</v>
      </c>
      <c r="Y20185">
        <v>23</v>
      </c>
      <c r="Z20185">
        <v>23</v>
      </c>
      <c r="AA20185">
        <v>24</v>
      </c>
      <c r="AB20185">
        <v>24</v>
      </c>
      <c r="AC20185">
        <v>24</v>
      </c>
      <c r="AD20185">
        <v>24</v>
      </c>
      <c r="AE20185">
        <v>25</v>
      </c>
      <c r="AF20185">
        <v>25</v>
      </c>
      <c r="AG20185">
        <v>25</v>
      </c>
      <c r="AH20185">
        <v>26</v>
      </c>
      <c r="AI20185">
        <v>26</v>
      </c>
      <c r="AJ20185">
        <v>26</v>
      </c>
      <c r="AK20185">
        <v>26</v>
      </c>
      <c r="AL20185">
        <v>26</v>
      </c>
      <c r="AM20185">
        <v>26</v>
      </c>
      <c r="AN20185">
        <v>27</v>
      </c>
      <c r="AO20185">
        <v>27</v>
      </c>
      <c r="AP20185">
        <v>27</v>
      </c>
      <c r="AQ20185">
        <v>27</v>
      </c>
    </row>
    <row r="20186" spans="1:43">
      <c r="A20186" t="s">
        <v>12504</v>
      </c>
      <c r="B20186" t="s">
        <v>12505</v>
      </c>
      <c r="C20186" t="s">
        <v>12502</v>
      </c>
      <c r="D20186" t="s">
        <v>12503</v>
      </c>
      <c r="E20186" t="s">
        <v>12006</v>
      </c>
      <c r="F20186" t="s">
        <v>12007</v>
      </c>
      <c r="G20186" t="s">
        <v>10450</v>
      </c>
      <c r="H20186" t="s">
        <v>10451</v>
      </c>
      <c r="I20186" s="2">
        <v>1</v>
      </c>
      <c r="J20186" s="2">
        <v>0</v>
      </c>
      <c r="K20186" s="2">
        <v>0</v>
      </c>
      <c r="L20186" t="s">
        <v>120</v>
      </c>
      <c r="M20186" t="s">
        <v>83</v>
      </c>
      <c r="N20186" t="s">
        <v>84</v>
      </c>
      <c r="O20186" t="s">
        <v>85</v>
      </c>
      <c r="P20186" t="s">
        <v>86</v>
      </c>
      <c r="Q20186">
        <v>23</v>
      </c>
      <c r="R20186">
        <v>23</v>
      </c>
      <c r="S20186">
        <v>23</v>
      </c>
      <c r="T20186">
        <v>24</v>
      </c>
      <c r="U20186">
        <v>24</v>
      </c>
      <c r="V20186">
        <v>24</v>
      </c>
      <c r="W20186">
        <v>25</v>
      </c>
      <c r="X20186">
        <v>25</v>
      </c>
      <c r="Y20186">
        <v>25</v>
      </c>
      <c r="Z20186">
        <v>26</v>
      </c>
      <c r="AA20186">
        <v>26</v>
      </c>
      <c r="AB20186">
        <v>26</v>
      </c>
      <c r="AC20186">
        <v>26</v>
      </c>
      <c r="AD20186">
        <v>27</v>
      </c>
      <c r="AE20186">
        <v>27</v>
      </c>
      <c r="AF20186">
        <v>27</v>
      </c>
      <c r="AG20186">
        <v>28</v>
      </c>
      <c r="AH20186">
        <v>28</v>
      </c>
      <c r="AI20186">
        <v>28</v>
      </c>
      <c r="AJ20186">
        <v>29</v>
      </c>
      <c r="AK20186">
        <v>29</v>
      </c>
      <c r="AL20186">
        <v>29</v>
      </c>
      <c r="AM20186">
        <v>29</v>
      </c>
      <c r="AN20186">
        <v>29</v>
      </c>
      <c r="AO20186">
        <v>29</v>
      </c>
      <c r="AP20186">
        <v>29</v>
      </c>
      <c r="AQ20186">
        <v>29</v>
      </c>
    </row>
    <row r="20187" spans="1:43">
      <c r="A20187" t="s">
        <v>12504</v>
      </c>
      <c r="B20187" t="s">
        <v>12505</v>
      </c>
      <c r="C20187" t="s">
        <v>12502</v>
      </c>
      <c r="D20187" t="s">
        <v>12503</v>
      </c>
      <c r="E20187" t="s">
        <v>12006</v>
      </c>
      <c r="F20187" t="s">
        <v>12007</v>
      </c>
      <c r="G20187" t="s">
        <v>10450</v>
      </c>
      <c r="H20187" t="s">
        <v>10451</v>
      </c>
      <c r="I20187" s="2">
        <v>1</v>
      </c>
      <c r="J20187" s="2">
        <v>0</v>
      </c>
      <c r="K20187" s="2">
        <v>0</v>
      </c>
      <c r="L20187" t="s">
        <v>120</v>
      </c>
      <c r="M20187" t="s">
        <v>87</v>
      </c>
      <c r="N20187" t="s">
        <v>88</v>
      </c>
      <c r="O20187" t="s">
        <v>85</v>
      </c>
      <c r="P20187" t="s">
        <v>86</v>
      </c>
      <c r="Q20187">
        <v>23</v>
      </c>
      <c r="R20187">
        <v>24</v>
      </c>
      <c r="S20187">
        <v>24</v>
      </c>
      <c r="T20187">
        <v>24</v>
      </c>
      <c r="U20187">
        <v>24</v>
      </c>
      <c r="V20187">
        <v>24</v>
      </c>
      <c r="W20187">
        <v>24</v>
      </c>
      <c r="X20187">
        <v>24</v>
      </c>
      <c r="Y20187">
        <v>24</v>
      </c>
      <c r="Z20187">
        <v>24</v>
      </c>
      <c r="AA20187">
        <v>25</v>
      </c>
      <c r="AB20187">
        <v>25</v>
      </c>
      <c r="AC20187">
        <v>25</v>
      </c>
      <c r="AD20187">
        <v>25</v>
      </c>
      <c r="AE20187">
        <v>25</v>
      </c>
      <c r="AF20187">
        <v>25</v>
      </c>
      <c r="AG20187">
        <v>25</v>
      </c>
      <c r="AH20187">
        <v>25</v>
      </c>
      <c r="AI20187">
        <v>25</v>
      </c>
      <c r="AJ20187">
        <v>26</v>
      </c>
      <c r="AK20187">
        <v>26</v>
      </c>
      <c r="AL20187">
        <v>26</v>
      </c>
      <c r="AM20187">
        <v>26</v>
      </c>
      <c r="AN20187">
        <v>26</v>
      </c>
      <c r="AO20187">
        <v>26</v>
      </c>
      <c r="AP20187">
        <v>26</v>
      </c>
      <c r="AQ20187">
        <v>26</v>
      </c>
    </row>
    <row r="20188" spans="1:43">
      <c r="A20188" t="s">
        <v>12504</v>
      </c>
      <c r="B20188" t="s">
        <v>12505</v>
      </c>
      <c r="C20188" t="s">
        <v>12502</v>
      </c>
      <c r="D20188" t="s">
        <v>12503</v>
      </c>
      <c r="E20188" t="s">
        <v>12006</v>
      </c>
      <c r="F20188" t="s">
        <v>12007</v>
      </c>
      <c r="G20188" t="s">
        <v>10450</v>
      </c>
      <c r="H20188" t="s">
        <v>10451</v>
      </c>
      <c r="I20188" s="2">
        <v>1</v>
      </c>
      <c r="J20188" s="2">
        <v>0</v>
      </c>
      <c r="K20188" s="2">
        <v>0</v>
      </c>
      <c r="L20188" t="s">
        <v>120</v>
      </c>
      <c r="M20188" t="s">
        <v>89</v>
      </c>
      <c r="N20188" t="s">
        <v>90</v>
      </c>
      <c r="O20188" t="s">
        <v>85</v>
      </c>
      <c r="P20188" t="s">
        <v>86</v>
      </c>
      <c r="Q20188">
        <v>23</v>
      </c>
      <c r="R20188">
        <v>23</v>
      </c>
      <c r="S20188">
        <v>24</v>
      </c>
      <c r="T20188">
        <v>24</v>
      </c>
      <c r="U20188">
        <v>25</v>
      </c>
      <c r="V20188">
        <v>25</v>
      </c>
      <c r="W20188">
        <v>26</v>
      </c>
      <c r="X20188">
        <v>26</v>
      </c>
      <c r="Y20188">
        <v>27</v>
      </c>
      <c r="Z20188">
        <v>27</v>
      </c>
      <c r="AA20188">
        <v>28</v>
      </c>
      <c r="AB20188">
        <v>28</v>
      </c>
      <c r="AC20188">
        <v>28</v>
      </c>
      <c r="AD20188">
        <v>29</v>
      </c>
      <c r="AE20188">
        <v>29</v>
      </c>
      <c r="AF20188">
        <v>29</v>
      </c>
      <c r="AG20188">
        <v>29</v>
      </c>
      <c r="AH20188">
        <v>29</v>
      </c>
      <c r="AI20188">
        <v>29</v>
      </c>
      <c r="AJ20188">
        <v>29</v>
      </c>
      <c r="AK20188">
        <v>29</v>
      </c>
      <c r="AL20188">
        <v>29</v>
      </c>
      <c r="AM20188">
        <v>29</v>
      </c>
      <c r="AN20188">
        <v>29</v>
      </c>
      <c r="AO20188">
        <v>29</v>
      </c>
      <c r="AP20188">
        <v>29</v>
      </c>
      <c r="AQ20188">
        <v>29</v>
      </c>
    </row>
    <row r="20189" spans="1:43">
      <c r="A20189" t="s">
        <v>12504</v>
      </c>
      <c r="B20189" t="s">
        <v>12505</v>
      </c>
      <c r="C20189" t="s">
        <v>12502</v>
      </c>
      <c r="D20189" t="s">
        <v>12503</v>
      </c>
      <c r="E20189" t="s">
        <v>12006</v>
      </c>
      <c r="F20189" t="s">
        <v>12007</v>
      </c>
      <c r="G20189" t="s">
        <v>10450</v>
      </c>
      <c r="H20189" t="s">
        <v>10451</v>
      </c>
      <c r="I20189" s="2">
        <v>1</v>
      </c>
      <c r="J20189" s="2">
        <v>0</v>
      </c>
      <c r="K20189" s="2">
        <v>0</v>
      </c>
      <c r="L20189" t="s">
        <v>120</v>
      </c>
      <c r="M20189" t="s">
        <v>83</v>
      </c>
      <c r="N20189" t="s">
        <v>91</v>
      </c>
      <c r="O20189" t="s">
        <v>85</v>
      </c>
      <c r="P20189" t="s">
        <v>86</v>
      </c>
      <c r="Q20189">
        <v>23</v>
      </c>
      <c r="R20189">
        <v>23</v>
      </c>
      <c r="S20189">
        <v>23</v>
      </c>
      <c r="T20189">
        <v>24</v>
      </c>
      <c r="U20189">
        <v>24</v>
      </c>
      <c r="V20189">
        <v>24</v>
      </c>
      <c r="W20189">
        <v>25</v>
      </c>
      <c r="X20189">
        <v>25</v>
      </c>
      <c r="Y20189">
        <v>25</v>
      </c>
      <c r="Z20189">
        <v>26</v>
      </c>
      <c r="AA20189">
        <v>26</v>
      </c>
      <c r="AB20189">
        <v>26</v>
      </c>
      <c r="AC20189">
        <v>26</v>
      </c>
      <c r="AD20189">
        <v>27</v>
      </c>
      <c r="AE20189">
        <v>27</v>
      </c>
      <c r="AF20189">
        <v>27</v>
      </c>
      <c r="AG20189">
        <v>28</v>
      </c>
      <c r="AH20189">
        <v>28</v>
      </c>
      <c r="AI20189">
        <v>28</v>
      </c>
      <c r="AJ20189">
        <v>29</v>
      </c>
      <c r="AK20189">
        <v>29</v>
      </c>
      <c r="AL20189">
        <v>29</v>
      </c>
      <c r="AM20189">
        <v>29</v>
      </c>
      <c r="AN20189">
        <v>29</v>
      </c>
      <c r="AO20189">
        <v>29</v>
      </c>
      <c r="AP20189">
        <v>29</v>
      </c>
      <c r="AQ20189">
        <v>29</v>
      </c>
    </row>
    <row r="20190" spans="1:43">
      <c r="A20190" t="s">
        <v>12506</v>
      </c>
      <c r="B20190" t="s">
        <v>12507</v>
      </c>
      <c r="C20190" t="s">
        <v>12502</v>
      </c>
      <c r="D20190" t="s">
        <v>12503</v>
      </c>
      <c r="E20190" t="s">
        <v>12006</v>
      </c>
      <c r="F20190" t="s">
        <v>12007</v>
      </c>
      <c r="G20190" t="s">
        <v>10450</v>
      </c>
      <c r="H20190" t="s">
        <v>10451</v>
      </c>
      <c r="I20190" s="2">
        <v>1</v>
      </c>
      <c r="J20190" s="2">
        <v>0</v>
      </c>
      <c r="K20190" s="2">
        <v>0</v>
      </c>
      <c r="L20190" t="s">
        <v>120</v>
      </c>
      <c r="M20190" t="s">
        <v>83</v>
      </c>
      <c r="N20190" t="s">
        <v>84</v>
      </c>
      <c r="O20190" t="s">
        <v>85</v>
      </c>
      <c r="P20190" t="s">
        <v>86</v>
      </c>
      <c r="Q20190">
        <v>26</v>
      </c>
      <c r="R20190">
        <v>26</v>
      </c>
      <c r="S20190">
        <v>27</v>
      </c>
      <c r="T20190">
        <v>27</v>
      </c>
      <c r="U20190">
        <v>27</v>
      </c>
      <c r="V20190">
        <v>28</v>
      </c>
      <c r="W20190">
        <v>28</v>
      </c>
      <c r="X20190">
        <v>28</v>
      </c>
      <c r="Y20190">
        <v>29</v>
      </c>
      <c r="Z20190">
        <v>29</v>
      </c>
      <c r="AA20190">
        <v>29</v>
      </c>
      <c r="AB20190">
        <v>30</v>
      </c>
      <c r="AC20190">
        <v>30</v>
      </c>
      <c r="AD20190">
        <v>30</v>
      </c>
      <c r="AE20190">
        <v>31</v>
      </c>
      <c r="AF20190">
        <v>31</v>
      </c>
      <c r="AG20190">
        <v>31</v>
      </c>
      <c r="AH20190">
        <v>32</v>
      </c>
      <c r="AI20190">
        <v>32</v>
      </c>
      <c r="AJ20190">
        <v>32</v>
      </c>
      <c r="AK20190">
        <v>33</v>
      </c>
      <c r="AL20190">
        <v>33</v>
      </c>
      <c r="AM20190">
        <v>33</v>
      </c>
      <c r="AN20190">
        <v>33</v>
      </c>
      <c r="AO20190">
        <v>33</v>
      </c>
      <c r="AP20190">
        <v>33</v>
      </c>
      <c r="AQ20190">
        <v>33</v>
      </c>
    </row>
    <row r="20191" spans="1:43">
      <c r="A20191" t="s">
        <v>12506</v>
      </c>
      <c r="B20191" t="s">
        <v>12507</v>
      </c>
      <c r="C20191" t="s">
        <v>12502</v>
      </c>
      <c r="D20191" t="s">
        <v>12503</v>
      </c>
      <c r="E20191" t="s">
        <v>12006</v>
      </c>
      <c r="F20191" t="s">
        <v>12007</v>
      </c>
      <c r="G20191" t="s">
        <v>10450</v>
      </c>
      <c r="H20191" t="s">
        <v>10451</v>
      </c>
      <c r="I20191" s="2">
        <v>1</v>
      </c>
      <c r="J20191" s="2">
        <v>0</v>
      </c>
      <c r="K20191" s="2">
        <v>0</v>
      </c>
      <c r="L20191" t="s">
        <v>120</v>
      </c>
      <c r="M20191" t="s">
        <v>87</v>
      </c>
      <c r="N20191" t="s">
        <v>88</v>
      </c>
      <c r="O20191" t="s">
        <v>85</v>
      </c>
      <c r="P20191" t="s">
        <v>86</v>
      </c>
      <c r="Q20191">
        <v>26</v>
      </c>
      <c r="R20191">
        <v>26</v>
      </c>
      <c r="S20191">
        <v>26</v>
      </c>
      <c r="T20191">
        <v>26</v>
      </c>
      <c r="U20191">
        <v>26</v>
      </c>
      <c r="V20191">
        <v>26</v>
      </c>
      <c r="W20191">
        <v>26</v>
      </c>
      <c r="X20191">
        <v>26</v>
      </c>
      <c r="Y20191">
        <v>27</v>
      </c>
      <c r="Z20191">
        <v>27</v>
      </c>
      <c r="AA20191">
        <v>27</v>
      </c>
      <c r="AB20191">
        <v>27</v>
      </c>
      <c r="AC20191">
        <v>27</v>
      </c>
      <c r="AD20191">
        <v>27</v>
      </c>
      <c r="AE20191">
        <v>27</v>
      </c>
      <c r="AF20191">
        <v>27</v>
      </c>
      <c r="AG20191">
        <v>28</v>
      </c>
      <c r="AH20191">
        <v>28</v>
      </c>
      <c r="AI20191">
        <v>28</v>
      </c>
      <c r="AJ20191">
        <v>28</v>
      </c>
      <c r="AK20191">
        <v>28</v>
      </c>
      <c r="AL20191">
        <v>28</v>
      </c>
      <c r="AM20191">
        <v>28</v>
      </c>
      <c r="AN20191">
        <v>28</v>
      </c>
      <c r="AO20191">
        <v>28</v>
      </c>
      <c r="AP20191">
        <v>28</v>
      </c>
      <c r="AQ20191">
        <v>29</v>
      </c>
    </row>
    <row r="20192" spans="1:43">
      <c r="A20192" t="s">
        <v>12506</v>
      </c>
      <c r="B20192" t="s">
        <v>12507</v>
      </c>
      <c r="C20192" t="s">
        <v>12502</v>
      </c>
      <c r="D20192" t="s">
        <v>12503</v>
      </c>
      <c r="E20192" t="s">
        <v>12006</v>
      </c>
      <c r="F20192" t="s">
        <v>12007</v>
      </c>
      <c r="G20192" t="s">
        <v>10450</v>
      </c>
      <c r="H20192" t="s">
        <v>10451</v>
      </c>
      <c r="I20192" s="2">
        <v>1</v>
      </c>
      <c r="J20192" s="2">
        <v>0</v>
      </c>
      <c r="K20192" s="2">
        <v>0</v>
      </c>
      <c r="L20192" t="s">
        <v>120</v>
      </c>
      <c r="M20192" t="s">
        <v>89</v>
      </c>
      <c r="N20192" t="s">
        <v>90</v>
      </c>
      <c r="O20192" t="s">
        <v>85</v>
      </c>
      <c r="P20192" t="s">
        <v>86</v>
      </c>
      <c r="Q20192">
        <v>26</v>
      </c>
      <c r="R20192">
        <v>27</v>
      </c>
      <c r="S20192">
        <v>27</v>
      </c>
      <c r="T20192">
        <v>28</v>
      </c>
      <c r="U20192">
        <v>28</v>
      </c>
      <c r="V20192">
        <v>29</v>
      </c>
      <c r="W20192">
        <v>29</v>
      </c>
      <c r="X20192">
        <v>30</v>
      </c>
      <c r="Y20192">
        <v>30</v>
      </c>
      <c r="Z20192">
        <v>31</v>
      </c>
      <c r="AA20192">
        <v>31</v>
      </c>
      <c r="AB20192">
        <v>32</v>
      </c>
      <c r="AC20192">
        <v>32</v>
      </c>
      <c r="AD20192">
        <v>33</v>
      </c>
      <c r="AE20192">
        <v>33</v>
      </c>
      <c r="AF20192">
        <v>33</v>
      </c>
      <c r="AG20192">
        <v>33</v>
      </c>
      <c r="AH20192">
        <v>33</v>
      </c>
      <c r="AI20192">
        <v>33</v>
      </c>
      <c r="AJ20192">
        <v>33</v>
      </c>
      <c r="AK20192">
        <v>33</v>
      </c>
      <c r="AL20192">
        <v>33</v>
      </c>
      <c r="AM20192">
        <v>33</v>
      </c>
      <c r="AN20192">
        <v>33</v>
      </c>
      <c r="AO20192">
        <v>33</v>
      </c>
      <c r="AP20192">
        <v>33</v>
      </c>
      <c r="AQ20192">
        <v>33</v>
      </c>
    </row>
    <row r="20193" spans="1:43">
      <c r="A20193" t="s">
        <v>12506</v>
      </c>
      <c r="B20193" t="s">
        <v>12507</v>
      </c>
      <c r="C20193" t="s">
        <v>12502</v>
      </c>
      <c r="D20193" t="s">
        <v>12503</v>
      </c>
      <c r="E20193" t="s">
        <v>12006</v>
      </c>
      <c r="F20193" t="s">
        <v>12007</v>
      </c>
      <c r="G20193" t="s">
        <v>10450</v>
      </c>
      <c r="H20193" t="s">
        <v>10451</v>
      </c>
      <c r="I20193" s="2">
        <v>1</v>
      </c>
      <c r="J20193" s="2">
        <v>0</v>
      </c>
      <c r="K20193" s="2">
        <v>0</v>
      </c>
      <c r="L20193" t="s">
        <v>120</v>
      </c>
      <c r="M20193" t="s">
        <v>83</v>
      </c>
      <c r="N20193" t="s">
        <v>91</v>
      </c>
      <c r="O20193" t="s">
        <v>85</v>
      </c>
      <c r="P20193" t="s">
        <v>86</v>
      </c>
      <c r="Q20193">
        <v>26</v>
      </c>
      <c r="R20193">
        <v>26</v>
      </c>
      <c r="S20193">
        <v>27</v>
      </c>
      <c r="T20193">
        <v>27</v>
      </c>
      <c r="U20193">
        <v>27</v>
      </c>
      <c r="V20193">
        <v>28</v>
      </c>
      <c r="W20193">
        <v>28</v>
      </c>
      <c r="X20193">
        <v>28</v>
      </c>
      <c r="Y20193">
        <v>29</v>
      </c>
      <c r="Z20193">
        <v>29</v>
      </c>
      <c r="AA20193">
        <v>29</v>
      </c>
      <c r="AB20193">
        <v>30</v>
      </c>
      <c r="AC20193">
        <v>30</v>
      </c>
      <c r="AD20193">
        <v>30</v>
      </c>
      <c r="AE20193">
        <v>31</v>
      </c>
      <c r="AF20193">
        <v>31</v>
      </c>
      <c r="AG20193">
        <v>31</v>
      </c>
      <c r="AH20193">
        <v>32</v>
      </c>
      <c r="AI20193">
        <v>32</v>
      </c>
      <c r="AJ20193">
        <v>32</v>
      </c>
      <c r="AK20193">
        <v>33</v>
      </c>
      <c r="AL20193">
        <v>33</v>
      </c>
      <c r="AM20193">
        <v>33</v>
      </c>
      <c r="AN20193">
        <v>33</v>
      </c>
      <c r="AO20193">
        <v>33</v>
      </c>
      <c r="AP20193">
        <v>33</v>
      </c>
      <c r="AQ20193">
        <v>33</v>
      </c>
    </row>
    <row r="20194" spans="1:43">
      <c r="A20194" t="s">
        <v>12508</v>
      </c>
      <c r="B20194" t="s">
        <v>12509</v>
      </c>
      <c r="C20194" t="s">
        <v>12442</v>
      </c>
      <c r="D20194" t="s">
        <v>12443</v>
      </c>
      <c r="E20194" t="s">
        <v>12006</v>
      </c>
      <c r="F20194" t="s">
        <v>12007</v>
      </c>
      <c r="G20194" t="s">
        <v>10450</v>
      </c>
      <c r="H20194" t="s">
        <v>10451</v>
      </c>
      <c r="I20194" s="2">
        <v>1</v>
      </c>
      <c r="J20194" s="2">
        <v>0</v>
      </c>
      <c r="K20194" s="2">
        <v>0</v>
      </c>
      <c r="L20194" t="s">
        <v>120</v>
      </c>
      <c r="M20194" t="s">
        <v>83</v>
      </c>
      <c r="N20194" t="s">
        <v>84</v>
      </c>
      <c r="O20194" t="s">
        <v>85</v>
      </c>
      <c r="P20194" t="s">
        <v>86</v>
      </c>
      <c r="Q20194">
        <v>19</v>
      </c>
      <c r="R20194">
        <v>19</v>
      </c>
      <c r="S20194">
        <v>20</v>
      </c>
      <c r="T20194">
        <v>20</v>
      </c>
      <c r="U20194">
        <v>20</v>
      </c>
      <c r="V20194">
        <v>20</v>
      </c>
      <c r="W20194">
        <v>21</v>
      </c>
      <c r="X20194">
        <v>21</v>
      </c>
      <c r="Y20194">
        <v>21</v>
      </c>
      <c r="Z20194">
        <v>21</v>
      </c>
      <c r="AA20194">
        <v>22</v>
      </c>
      <c r="AB20194">
        <v>22</v>
      </c>
      <c r="AC20194">
        <v>22</v>
      </c>
      <c r="AD20194">
        <v>22</v>
      </c>
      <c r="AE20194">
        <v>23</v>
      </c>
      <c r="AF20194">
        <v>23</v>
      </c>
      <c r="AG20194">
        <v>23</v>
      </c>
      <c r="AH20194">
        <v>23</v>
      </c>
      <c r="AI20194">
        <v>24</v>
      </c>
      <c r="AJ20194">
        <v>24</v>
      </c>
      <c r="AK20194">
        <v>24</v>
      </c>
      <c r="AL20194">
        <v>24</v>
      </c>
      <c r="AM20194">
        <v>24</v>
      </c>
      <c r="AN20194">
        <v>24</v>
      </c>
      <c r="AO20194">
        <v>24</v>
      </c>
      <c r="AP20194">
        <v>24</v>
      </c>
      <c r="AQ20194">
        <v>24</v>
      </c>
    </row>
    <row r="20195" spans="1:43">
      <c r="A20195" t="s">
        <v>12508</v>
      </c>
      <c r="B20195" t="s">
        <v>12509</v>
      </c>
      <c r="C20195" t="s">
        <v>12442</v>
      </c>
      <c r="D20195" t="s">
        <v>12443</v>
      </c>
      <c r="E20195" t="s">
        <v>12006</v>
      </c>
      <c r="F20195" t="s">
        <v>12007</v>
      </c>
      <c r="G20195" t="s">
        <v>10450</v>
      </c>
      <c r="H20195" t="s">
        <v>10451</v>
      </c>
      <c r="I20195" s="2">
        <v>1</v>
      </c>
      <c r="J20195" s="2">
        <v>0</v>
      </c>
      <c r="K20195" s="2">
        <v>0</v>
      </c>
      <c r="L20195" t="s">
        <v>120</v>
      </c>
      <c r="M20195" t="s">
        <v>87</v>
      </c>
      <c r="N20195" t="s">
        <v>88</v>
      </c>
      <c r="O20195" t="s">
        <v>85</v>
      </c>
      <c r="P20195" t="s">
        <v>86</v>
      </c>
      <c r="Q20195">
        <v>19</v>
      </c>
      <c r="R20195">
        <v>19</v>
      </c>
      <c r="S20195">
        <v>19</v>
      </c>
      <c r="T20195">
        <v>19</v>
      </c>
      <c r="U20195">
        <v>19</v>
      </c>
      <c r="V20195">
        <v>19</v>
      </c>
      <c r="W20195">
        <v>19</v>
      </c>
      <c r="X20195">
        <v>20</v>
      </c>
      <c r="Y20195">
        <v>20</v>
      </c>
      <c r="Z20195">
        <v>20</v>
      </c>
      <c r="AA20195">
        <v>20</v>
      </c>
      <c r="AB20195">
        <v>20</v>
      </c>
      <c r="AC20195">
        <v>20</v>
      </c>
      <c r="AD20195">
        <v>20</v>
      </c>
      <c r="AE20195">
        <v>20</v>
      </c>
      <c r="AF20195">
        <v>20</v>
      </c>
      <c r="AG20195">
        <v>20</v>
      </c>
      <c r="AH20195">
        <v>20</v>
      </c>
      <c r="AI20195">
        <v>20</v>
      </c>
      <c r="AJ20195">
        <v>21</v>
      </c>
      <c r="AK20195">
        <v>21</v>
      </c>
      <c r="AL20195">
        <v>21</v>
      </c>
      <c r="AM20195">
        <v>21</v>
      </c>
      <c r="AN20195">
        <v>21</v>
      </c>
      <c r="AO20195">
        <v>21</v>
      </c>
      <c r="AP20195">
        <v>21</v>
      </c>
      <c r="AQ20195">
        <v>21</v>
      </c>
    </row>
    <row r="20196" spans="1:43">
      <c r="A20196" t="s">
        <v>12508</v>
      </c>
      <c r="B20196" t="s">
        <v>12509</v>
      </c>
      <c r="C20196" t="s">
        <v>12442</v>
      </c>
      <c r="D20196" t="s">
        <v>12443</v>
      </c>
      <c r="E20196" t="s">
        <v>12006</v>
      </c>
      <c r="F20196" t="s">
        <v>12007</v>
      </c>
      <c r="G20196" t="s">
        <v>10450</v>
      </c>
      <c r="H20196" t="s">
        <v>10451</v>
      </c>
      <c r="I20196" s="2">
        <v>1</v>
      </c>
      <c r="J20196" s="2">
        <v>0</v>
      </c>
      <c r="K20196" s="2">
        <v>0</v>
      </c>
      <c r="L20196" t="s">
        <v>120</v>
      </c>
      <c r="M20196" t="s">
        <v>89</v>
      </c>
      <c r="N20196" t="s">
        <v>90</v>
      </c>
      <c r="O20196" t="s">
        <v>85</v>
      </c>
      <c r="P20196" t="s">
        <v>86</v>
      </c>
      <c r="Q20196">
        <v>19</v>
      </c>
      <c r="R20196">
        <v>20</v>
      </c>
      <c r="S20196">
        <v>20</v>
      </c>
      <c r="T20196">
        <v>21</v>
      </c>
      <c r="U20196">
        <v>21</v>
      </c>
      <c r="V20196">
        <v>21</v>
      </c>
      <c r="W20196">
        <v>22</v>
      </c>
      <c r="X20196">
        <v>22</v>
      </c>
      <c r="Y20196">
        <v>22</v>
      </c>
      <c r="Z20196">
        <v>23</v>
      </c>
      <c r="AA20196">
        <v>23</v>
      </c>
      <c r="AB20196">
        <v>23</v>
      </c>
      <c r="AC20196">
        <v>24</v>
      </c>
      <c r="AD20196">
        <v>24</v>
      </c>
      <c r="AE20196">
        <v>24</v>
      </c>
      <c r="AF20196">
        <v>24</v>
      </c>
      <c r="AG20196">
        <v>24</v>
      </c>
      <c r="AH20196">
        <v>24</v>
      </c>
      <c r="AI20196">
        <v>24</v>
      </c>
      <c r="AJ20196">
        <v>25</v>
      </c>
      <c r="AK20196">
        <v>25</v>
      </c>
      <c r="AL20196">
        <v>25</v>
      </c>
      <c r="AM20196">
        <v>25</v>
      </c>
      <c r="AN20196">
        <v>25</v>
      </c>
      <c r="AO20196">
        <v>25</v>
      </c>
      <c r="AP20196">
        <v>25</v>
      </c>
      <c r="AQ20196">
        <v>25</v>
      </c>
    </row>
    <row r="20197" spans="1:43">
      <c r="A20197" t="s">
        <v>12508</v>
      </c>
      <c r="B20197" t="s">
        <v>12509</v>
      </c>
      <c r="C20197" t="s">
        <v>12442</v>
      </c>
      <c r="D20197" t="s">
        <v>12443</v>
      </c>
      <c r="E20197" t="s">
        <v>12006</v>
      </c>
      <c r="F20197" t="s">
        <v>12007</v>
      </c>
      <c r="G20197" t="s">
        <v>10450</v>
      </c>
      <c r="H20197" t="s">
        <v>10451</v>
      </c>
      <c r="I20197" s="2">
        <v>1</v>
      </c>
      <c r="J20197" s="2">
        <v>0</v>
      </c>
      <c r="K20197" s="2">
        <v>0</v>
      </c>
      <c r="L20197" t="s">
        <v>120</v>
      </c>
      <c r="M20197" t="s">
        <v>83</v>
      </c>
      <c r="N20197" t="s">
        <v>91</v>
      </c>
      <c r="O20197" t="s">
        <v>85</v>
      </c>
      <c r="P20197" t="s">
        <v>86</v>
      </c>
      <c r="Q20197">
        <v>19</v>
      </c>
      <c r="R20197">
        <v>19</v>
      </c>
      <c r="S20197">
        <v>20</v>
      </c>
      <c r="T20197">
        <v>20</v>
      </c>
      <c r="U20197">
        <v>20</v>
      </c>
      <c r="V20197">
        <v>20</v>
      </c>
      <c r="W20197">
        <v>21</v>
      </c>
      <c r="X20197">
        <v>21</v>
      </c>
      <c r="Y20197">
        <v>21</v>
      </c>
      <c r="Z20197">
        <v>21</v>
      </c>
      <c r="AA20197">
        <v>22</v>
      </c>
      <c r="AB20197">
        <v>22</v>
      </c>
      <c r="AC20197">
        <v>22</v>
      </c>
      <c r="AD20197">
        <v>22</v>
      </c>
      <c r="AE20197">
        <v>23</v>
      </c>
      <c r="AF20197">
        <v>23</v>
      </c>
      <c r="AG20197">
        <v>23</v>
      </c>
      <c r="AH20197">
        <v>23</v>
      </c>
      <c r="AI20197">
        <v>24</v>
      </c>
      <c r="AJ20197">
        <v>24</v>
      </c>
      <c r="AK20197">
        <v>24</v>
      </c>
      <c r="AL20197">
        <v>24</v>
      </c>
      <c r="AM20197">
        <v>24</v>
      </c>
      <c r="AN20197">
        <v>24</v>
      </c>
      <c r="AO20197">
        <v>24</v>
      </c>
      <c r="AP20197">
        <v>24</v>
      </c>
      <c r="AQ20197">
        <v>24</v>
      </c>
    </row>
    <row r="20198" spans="1:43">
      <c r="A20198" t="s">
        <v>12510</v>
      </c>
      <c r="B20198" t="s">
        <v>12511</v>
      </c>
      <c r="C20198" t="s">
        <v>12442</v>
      </c>
      <c r="D20198" t="s">
        <v>12443</v>
      </c>
      <c r="E20198" t="s">
        <v>12006</v>
      </c>
      <c r="F20198" t="s">
        <v>12007</v>
      </c>
      <c r="G20198" t="s">
        <v>10450</v>
      </c>
      <c r="H20198" t="s">
        <v>10451</v>
      </c>
      <c r="I20198" s="2">
        <v>1</v>
      </c>
      <c r="J20198" s="2">
        <v>0</v>
      </c>
      <c r="K20198" s="2">
        <v>0</v>
      </c>
      <c r="L20198" t="s">
        <v>120</v>
      </c>
      <c r="M20198" t="s">
        <v>83</v>
      </c>
      <c r="N20198" t="s">
        <v>84</v>
      </c>
      <c r="O20198" t="s">
        <v>85</v>
      </c>
      <c r="P20198" t="s">
        <v>86</v>
      </c>
      <c r="Q20198">
        <v>15</v>
      </c>
      <c r="R20198">
        <v>16</v>
      </c>
      <c r="S20198">
        <v>16</v>
      </c>
      <c r="T20198">
        <v>16</v>
      </c>
      <c r="U20198">
        <v>16</v>
      </c>
      <c r="V20198">
        <v>17</v>
      </c>
      <c r="W20198">
        <v>17</v>
      </c>
      <c r="X20198">
        <v>17</v>
      </c>
      <c r="Y20198">
        <v>17</v>
      </c>
      <c r="Z20198">
        <v>17</v>
      </c>
      <c r="AA20198">
        <v>18</v>
      </c>
      <c r="AB20198">
        <v>18</v>
      </c>
      <c r="AC20198">
        <v>18</v>
      </c>
      <c r="AD20198">
        <v>18</v>
      </c>
      <c r="AE20198">
        <v>18</v>
      </c>
      <c r="AF20198">
        <v>19</v>
      </c>
      <c r="AG20198">
        <v>19</v>
      </c>
      <c r="AH20198">
        <v>19</v>
      </c>
      <c r="AI20198">
        <v>19</v>
      </c>
      <c r="AJ20198">
        <v>19</v>
      </c>
      <c r="AK20198">
        <v>20</v>
      </c>
      <c r="AL20198">
        <v>20</v>
      </c>
      <c r="AM20198">
        <v>20</v>
      </c>
      <c r="AN20198">
        <v>20</v>
      </c>
      <c r="AO20198">
        <v>20</v>
      </c>
      <c r="AP20198">
        <v>20</v>
      </c>
      <c r="AQ20198">
        <v>20</v>
      </c>
    </row>
    <row r="20199" spans="1:43">
      <c r="A20199" t="s">
        <v>12510</v>
      </c>
      <c r="B20199" t="s">
        <v>12511</v>
      </c>
      <c r="C20199" t="s">
        <v>12442</v>
      </c>
      <c r="D20199" t="s">
        <v>12443</v>
      </c>
      <c r="E20199" t="s">
        <v>12006</v>
      </c>
      <c r="F20199" t="s">
        <v>12007</v>
      </c>
      <c r="G20199" t="s">
        <v>10450</v>
      </c>
      <c r="H20199" t="s">
        <v>10451</v>
      </c>
      <c r="I20199" s="2">
        <v>1</v>
      </c>
      <c r="J20199" s="2">
        <v>0</v>
      </c>
      <c r="K20199" s="2">
        <v>0</v>
      </c>
      <c r="L20199" t="s">
        <v>120</v>
      </c>
      <c r="M20199" t="s">
        <v>87</v>
      </c>
      <c r="N20199" t="s">
        <v>88</v>
      </c>
      <c r="O20199" t="s">
        <v>85</v>
      </c>
      <c r="P20199" t="s">
        <v>86</v>
      </c>
      <c r="Q20199">
        <v>15</v>
      </c>
      <c r="R20199">
        <v>15</v>
      </c>
      <c r="S20199">
        <v>15</v>
      </c>
      <c r="T20199">
        <v>16</v>
      </c>
      <c r="U20199">
        <v>16</v>
      </c>
      <c r="V20199">
        <v>16</v>
      </c>
      <c r="W20199">
        <v>16</v>
      </c>
      <c r="X20199">
        <v>16</v>
      </c>
      <c r="Y20199">
        <v>16</v>
      </c>
      <c r="Z20199">
        <v>16</v>
      </c>
      <c r="AA20199">
        <v>16</v>
      </c>
      <c r="AB20199">
        <v>16</v>
      </c>
      <c r="AC20199">
        <v>16</v>
      </c>
      <c r="AD20199">
        <v>16</v>
      </c>
      <c r="AE20199">
        <v>16</v>
      </c>
      <c r="AF20199">
        <v>16</v>
      </c>
      <c r="AG20199">
        <v>16</v>
      </c>
      <c r="AH20199">
        <v>17</v>
      </c>
      <c r="AI20199">
        <v>17</v>
      </c>
      <c r="AJ20199">
        <v>17</v>
      </c>
      <c r="AK20199">
        <v>17</v>
      </c>
      <c r="AL20199">
        <v>17</v>
      </c>
      <c r="AM20199">
        <v>17</v>
      </c>
      <c r="AN20199">
        <v>17</v>
      </c>
      <c r="AO20199">
        <v>17</v>
      </c>
      <c r="AP20199">
        <v>17</v>
      </c>
      <c r="AQ20199">
        <v>17</v>
      </c>
    </row>
    <row r="20200" spans="1:43">
      <c r="A20200" t="s">
        <v>12510</v>
      </c>
      <c r="B20200" t="s">
        <v>12511</v>
      </c>
      <c r="C20200" t="s">
        <v>12442</v>
      </c>
      <c r="D20200" t="s">
        <v>12443</v>
      </c>
      <c r="E20200" t="s">
        <v>12006</v>
      </c>
      <c r="F20200" t="s">
        <v>12007</v>
      </c>
      <c r="G20200" t="s">
        <v>10450</v>
      </c>
      <c r="H20200" t="s">
        <v>10451</v>
      </c>
      <c r="I20200" s="2">
        <v>1</v>
      </c>
      <c r="J20200" s="2">
        <v>0</v>
      </c>
      <c r="K20200" s="2">
        <v>0</v>
      </c>
      <c r="L20200" t="s">
        <v>120</v>
      </c>
      <c r="M20200" t="s">
        <v>89</v>
      </c>
      <c r="N20200" t="s">
        <v>90</v>
      </c>
      <c r="O20200" t="s">
        <v>85</v>
      </c>
      <c r="P20200" t="s">
        <v>86</v>
      </c>
      <c r="Q20200">
        <v>15</v>
      </c>
      <c r="R20200">
        <v>15</v>
      </c>
      <c r="S20200">
        <v>15</v>
      </c>
      <c r="T20200">
        <v>16</v>
      </c>
      <c r="U20200">
        <v>16</v>
      </c>
      <c r="V20200">
        <v>16</v>
      </c>
      <c r="W20200">
        <v>17</v>
      </c>
      <c r="X20200">
        <v>17</v>
      </c>
      <c r="Y20200">
        <v>17</v>
      </c>
      <c r="Z20200">
        <v>17</v>
      </c>
      <c r="AA20200">
        <v>18</v>
      </c>
      <c r="AB20200">
        <v>18</v>
      </c>
      <c r="AC20200">
        <v>18</v>
      </c>
      <c r="AD20200">
        <v>19</v>
      </c>
      <c r="AE20200">
        <v>19</v>
      </c>
      <c r="AF20200">
        <v>19</v>
      </c>
      <c r="AG20200">
        <v>19</v>
      </c>
      <c r="AH20200">
        <v>19</v>
      </c>
      <c r="AI20200">
        <v>19</v>
      </c>
      <c r="AJ20200">
        <v>19</v>
      </c>
      <c r="AK20200">
        <v>19</v>
      </c>
      <c r="AL20200">
        <v>19</v>
      </c>
      <c r="AM20200">
        <v>19</v>
      </c>
      <c r="AN20200">
        <v>19</v>
      </c>
      <c r="AO20200">
        <v>19</v>
      </c>
      <c r="AP20200">
        <v>19</v>
      </c>
      <c r="AQ20200">
        <v>19</v>
      </c>
    </row>
    <row r="20201" spans="1:43">
      <c r="A20201" t="s">
        <v>12510</v>
      </c>
      <c r="B20201" t="s">
        <v>12511</v>
      </c>
      <c r="C20201" t="s">
        <v>12442</v>
      </c>
      <c r="D20201" t="s">
        <v>12443</v>
      </c>
      <c r="E20201" t="s">
        <v>12006</v>
      </c>
      <c r="F20201" t="s">
        <v>12007</v>
      </c>
      <c r="G20201" t="s">
        <v>10450</v>
      </c>
      <c r="H20201" t="s">
        <v>10451</v>
      </c>
      <c r="I20201" s="2">
        <v>1</v>
      </c>
      <c r="J20201" s="2">
        <v>0</v>
      </c>
      <c r="K20201" s="2">
        <v>0</v>
      </c>
      <c r="L20201" t="s">
        <v>120</v>
      </c>
      <c r="M20201" t="s">
        <v>83</v>
      </c>
      <c r="N20201" t="s">
        <v>91</v>
      </c>
      <c r="O20201" t="s">
        <v>85</v>
      </c>
      <c r="P20201" t="s">
        <v>86</v>
      </c>
      <c r="Q20201">
        <v>15</v>
      </c>
      <c r="R20201">
        <v>16</v>
      </c>
      <c r="S20201">
        <v>16</v>
      </c>
      <c r="T20201">
        <v>16</v>
      </c>
      <c r="U20201">
        <v>16</v>
      </c>
      <c r="V20201">
        <v>17</v>
      </c>
      <c r="W20201">
        <v>17</v>
      </c>
      <c r="X20201">
        <v>17</v>
      </c>
      <c r="Y20201">
        <v>17</v>
      </c>
      <c r="Z20201">
        <v>17</v>
      </c>
      <c r="AA20201">
        <v>18</v>
      </c>
      <c r="AB20201">
        <v>18</v>
      </c>
      <c r="AC20201">
        <v>18</v>
      </c>
      <c r="AD20201">
        <v>18</v>
      </c>
      <c r="AE20201">
        <v>18</v>
      </c>
      <c r="AF20201">
        <v>19</v>
      </c>
      <c r="AG20201">
        <v>19</v>
      </c>
      <c r="AH20201">
        <v>19</v>
      </c>
      <c r="AI20201">
        <v>19</v>
      </c>
      <c r="AJ20201">
        <v>19</v>
      </c>
      <c r="AK20201">
        <v>20</v>
      </c>
      <c r="AL20201">
        <v>20</v>
      </c>
      <c r="AM20201">
        <v>20</v>
      </c>
      <c r="AN20201">
        <v>20</v>
      </c>
      <c r="AO20201">
        <v>20</v>
      </c>
      <c r="AP20201">
        <v>20</v>
      </c>
      <c r="AQ20201">
        <v>20</v>
      </c>
    </row>
    <row r="20202" spans="1:43">
      <c r="A20202" t="s">
        <v>12512</v>
      </c>
      <c r="B20202" t="s">
        <v>12513</v>
      </c>
      <c r="C20202" t="s">
        <v>12442</v>
      </c>
      <c r="D20202" t="s">
        <v>12443</v>
      </c>
      <c r="E20202" t="s">
        <v>12006</v>
      </c>
      <c r="F20202" t="s">
        <v>12007</v>
      </c>
      <c r="G20202" t="s">
        <v>10450</v>
      </c>
      <c r="H20202" t="s">
        <v>10451</v>
      </c>
      <c r="I20202" s="2">
        <v>1</v>
      </c>
      <c r="J20202" s="2">
        <v>0</v>
      </c>
      <c r="K20202" s="2">
        <v>0</v>
      </c>
      <c r="L20202" t="s">
        <v>120</v>
      </c>
      <c r="M20202" t="s">
        <v>83</v>
      </c>
      <c r="N20202" t="s">
        <v>84</v>
      </c>
      <c r="O20202" t="s">
        <v>85</v>
      </c>
      <c r="P20202" t="s">
        <v>86</v>
      </c>
      <c r="Q20202">
        <v>2</v>
      </c>
      <c r="R20202">
        <v>2</v>
      </c>
      <c r="S20202">
        <v>2</v>
      </c>
      <c r="T20202">
        <v>2</v>
      </c>
      <c r="U20202">
        <v>2</v>
      </c>
      <c r="V20202">
        <v>2</v>
      </c>
      <c r="W20202">
        <v>2</v>
      </c>
      <c r="X20202">
        <v>2</v>
      </c>
      <c r="Y20202">
        <v>2</v>
      </c>
      <c r="Z20202">
        <v>2</v>
      </c>
      <c r="AA20202">
        <v>2</v>
      </c>
      <c r="AB20202">
        <v>2</v>
      </c>
      <c r="AC20202">
        <v>2</v>
      </c>
      <c r="AD20202">
        <v>2</v>
      </c>
      <c r="AE20202">
        <v>2</v>
      </c>
      <c r="AF20202">
        <v>2</v>
      </c>
      <c r="AG20202">
        <v>2</v>
      </c>
      <c r="AH20202">
        <v>2</v>
      </c>
      <c r="AI20202">
        <v>2</v>
      </c>
      <c r="AJ20202">
        <v>2</v>
      </c>
      <c r="AK20202">
        <v>2</v>
      </c>
      <c r="AL20202">
        <v>2</v>
      </c>
      <c r="AM20202">
        <v>2</v>
      </c>
      <c r="AN20202">
        <v>2</v>
      </c>
      <c r="AO20202">
        <v>2</v>
      </c>
      <c r="AP20202">
        <v>2</v>
      </c>
      <c r="AQ20202">
        <v>2</v>
      </c>
    </row>
    <row r="20203" spans="1:43">
      <c r="A20203" t="s">
        <v>12512</v>
      </c>
      <c r="B20203" t="s">
        <v>12513</v>
      </c>
      <c r="C20203" t="s">
        <v>12442</v>
      </c>
      <c r="D20203" t="s">
        <v>12443</v>
      </c>
      <c r="E20203" t="s">
        <v>12006</v>
      </c>
      <c r="F20203" t="s">
        <v>12007</v>
      </c>
      <c r="G20203" t="s">
        <v>10450</v>
      </c>
      <c r="H20203" t="s">
        <v>10451</v>
      </c>
      <c r="I20203" s="2">
        <v>1</v>
      </c>
      <c r="J20203" s="2">
        <v>0</v>
      </c>
      <c r="K20203" s="2">
        <v>0</v>
      </c>
      <c r="L20203" t="s">
        <v>120</v>
      </c>
      <c r="M20203" t="s">
        <v>87</v>
      </c>
      <c r="N20203" t="s">
        <v>88</v>
      </c>
      <c r="O20203" t="s">
        <v>85</v>
      </c>
      <c r="P20203" t="s">
        <v>86</v>
      </c>
      <c r="Q20203">
        <v>2</v>
      </c>
      <c r="R20203">
        <v>2</v>
      </c>
      <c r="S20203">
        <v>2</v>
      </c>
      <c r="T20203">
        <v>2</v>
      </c>
      <c r="U20203">
        <v>2</v>
      </c>
      <c r="V20203">
        <v>2</v>
      </c>
      <c r="W20203">
        <v>2</v>
      </c>
      <c r="X20203">
        <v>2</v>
      </c>
      <c r="Y20203">
        <v>2</v>
      </c>
      <c r="Z20203">
        <v>2</v>
      </c>
      <c r="AA20203">
        <v>2</v>
      </c>
      <c r="AB20203">
        <v>2</v>
      </c>
      <c r="AC20203">
        <v>2</v>
      </c>
      <c r="AD20203">
        <v>2</v>
      </c>
      <c r="AE20203">
        <v>2</v>
      </c>
      <c r="AF20203">
        <v>2</v>
      </c>
      <c r="AG20203">
        <v>2</v>
      </c>
      <c r="AH20203">
        <v>2</v>
      </c>
      <c r="AI20203">
        <v>2</v>
      </c>
      <c r="AJ20203">
        <v>2</v>
      </c>
      <c r="AK20203">
        <v>2</v>
      </c>
      <c r="AL20203">
        <v>2</v>
      </c>
      <c r="AM20203">
        <v>2</v>
      </c>
      <c r="AN20203">
        <v>2</v>
      </c>
      <c r="AO20203">
        <v>2</v>
      </c>
      <c r="AP20203">
        <v>2</v>
      </c>
      <c r="AQ20203">
        <v>2</v>
      </c>
    </row>
    <row r="20204" spans="1:43">
      <c r="A20204" t="s">
        <v>12512</v>
      </c>
      <c r="B20204" t="s">
        <v>12513</v>
      </c>
      <c r="C20204" t="s">
        <v>12442</v>
      </c>
      <c r="D20204" t="s">
        <v>12443</v>
      </c>
      <c r="E20204" t="s">
        <v>12006</v>
      </c>
      <c r="F20204" t="s">
        <v>12007</v>
      </c>
      <c r="G20204" t="s">
        <v>10450</v>
      </c>
      <c r="H20204" t="s">
        <v>10451</v>
      </c>
      <c r="I20204" s="2">
        <v>1</v>
      </c>
      <c r="J20204" s="2">
        <v>0</v>
      </c>
      <c r="K20204" s="2">
        <v>0</v>
      </c>
      <c r="L20204" t="s">
        <v>120</v>
      </c>
      <c r="M20204" t="s">
        <v>89</v>
      </c>
      <c r="N20204" t="s">
        <v>90</v>
      </c>
      <c r="O20204" t="s">
        <v>85</v>
      </c>
      <c r="P20204" t="s">
        <v>86</v>
      </c>
      <c r="Q20204">
        <v>2</v>
      </c>
      <c r="R20204">
        <v>2</v>
      </c>
      <c r="S20204">
        <v>2</v>
      </c>
      <c r="T20204">
        <v>2</v>
      </c>
      <c r="U20204">
        <v>2</v>
      </c>
      <c r="V20204">
        <v>2</v>
      </c>
      <c r="W20204">
        <v>2</v>
      </c>
      <c r="X20204">
        <v>2</v>
      </c>
      <c r="Y20204">
        <v>2</v>
      </c>
      <c r="Z20204">
        <v>2</v>
      </c>
      <c r="AA20204">
        <v>2</v>
      </c>
      <c r="AB20204">
        <v>2</v>
      </c>
      <c r="AC20204">
        <v>2</v>
      </c>
      <c r="AD20204">
        <v>2</v>
      </c>
      <c r="AE20204">
        <v>2</v>
      </c>
      <c r="AF20204">
        <v>2</v>
      </c>
      <c r="AG20204">
        <v>2</v>
      </c>
      <c r="AH20204">
        <v>2</v>
      </c>
      <c r="AI20204">
        <v>2</v>
      </c>
      <c r="AJ20204">
        <v>2</v>
      </c>
      <c r="AK20204">
        <v>2</v>
      </c>
      <c r="AL20204">
        <v>2</v>
      </c>
      <c r="AM20204">
        <v>2</v>
      </c>
      <c r="AN20204">
        <v>2</v>
      </c>
      <c r="AO20204">
        <v>2</v>
      </c>
      <c r="AP20204">
        <v>2</v>
      </c>
      <c r="AQ20204">
        <v>2</v>
      </c>
    </row>
    <row r="20205" spans="1:43">
      <c r="A20205" t="s">
        <v>12512</v>
      </c>
      <c r="B20205" t="s">
        <v>12513</v>
      </c>
      <c r="C20205" t="s">
        <v>12442</v>
      </c>
      <c r="D20205" t="s">
        <v>12443</v>
      </c>
      <c r="E20205" t="s">
        <v>12006</v>
      </c>
      <c r="F20205" t="s">
        <v>12007</v>
      </c>
      <c r="G20205" t="s">
        <v>10450</v>
      </c>
      <c r="H20205" t="s">
        <v>10451</v>
      </c>
      <c r="I20205" s="2">
        <v>1</v>
      </c>
      <c r="J20205" s="2">
        <v>0</v>
      </c>
      <c r="K20205" s="2">
        <v>0</v>
      </c>
      <c r="L20205" t="s">
        <v>120</v>
      </c>
      <c r="M20205" t="s">
        <v>83</v>
      </c>
      <c r="N20205" t="s">
        <v>91</v>
      </c>
      <c r="O20205" t="s">
        <v>85</v>
      </c>
      <c r="P20205" t="s">
        <v>86</v>
      </c>
      <c r="Q20205">
        <v>2</v>
      </c>
      <c r="R20205">
        <v>2</v>
      </c>
      <c r="S20205">
        <v>2</v>
      </c>
      <c r="T20205">
        <v>2</v>
      </c>
      <c r="U20205">
        <v>2</v>
      </c>
      <c r="V20205">
        <v>2</v>
      </c>
      <c r="W20205">
        <v>2</v>
      </c>
      <c r="X20205">
        <v>2</v>
      </c>
      <c r="Y20205">
        <v>2</v>
      </c>
      <c r="Z20205">
        <v>2</v>
      </c>
      <c r="AA20205">
        <v>2</v>
      </c>
      <c r="AB20205">
        <v>2</v>
      </c>
      <c r="AC20205">
        <v>2</v>
      </c>
      <c r="AD20205">
        <v>2</v>
      </c>
      <c r="AE20205">
        <v>2</v>
      </c>
      <c r="AF20205">
        <v>2</v>
      </c>
      <c r="AG20205">
        <v>2</v>
      </c>
      <c r="AH20205">
        <v>2</v>
      </c>
      <c r="AI20205">
        <v>2</v>
      </c>
      <c r="AJ20205">
        <v>2</v>
      </c>
      <c r="AK20205">
        <v>2</v>
      </c>
      <c r="AL20205">
        <v>2</v>
      </c>
      <c r="AM20205">
        <v>2</v>
      </c>
      <c r="AN20205">
        <v>2</v>
      </c>
      <c r="AO20205">
        <v>2</v>
      </c>
      <c r="AP20205">
        <v>2</v>
      </c>
      <c r="AQ20205">
        <v>2</v>
      </c>
    </row>
    <row r="20206" spans="1:43">
      <c r="A20206" t="s">
        <v>12514</v>
      </c>
      <c r="B20206" t="s">
        <v>12515</v>
      </c>
      <c r="C20206" t="s">
        <v>12442</v>
      </c>
      <c r="D20206" t="s">
        <v>12443</v>
      </c>
      <c r="E20206" t="s">
        <v>12006</v>
      </c>
      <c r="F20206" t="s">
        <v>12007</v>
      </c>
      <c r="G20206" t="s">
        <v>10450</v>
      </c>
      <c r="H20206" t="s">
        <v>10451</v>
      </c>
      <c r="I20206" s="2">
        <v>1</v>
      </c>
      <c r="J20206" s="2">
        <v>0</v>
      </c>
      <c r="K20206" s="2">
        <v>0</v>
      </c>
      <c r="L20206" t="s">
        <v>120</v>
      </c>
      <c r="M20206" t="s">
        <v>83</v>
      </c>
      <c r="N20206" t="s">
        <v>84</v>
      </c>
      <c r="O20206" t="s">
        <v>85</v>
      </c>
      <c r="P20206" t="s">
        <v>86</v>
      </c>
      <c r="Q20206">
        <v>10</v>
      </c>
      <c r="R20206">
        <v>10</v>
      </c>
      <c r="S20206">
        <v>10</v>
      </c>
      <c r="T20206">
        <v>10</v>
      </c>
      <c r="U20206">
        <v>10</v>
      </c>
      <c r="V20206">
        <v>10</v>
      </c>
      <c r="W20206">
        <v>11</v>
      </c>
      <c r="X20206">
        <v>11</v>
      </c>
      <c r="Y20206">
        <v>11</v>
      </c>
      <c r="Z20206">
        <v>11</v>
      </c>
      <c r="AA20206">
        <v>11</v>
      </c>
      <c r="AB20206">
        <v>11</v>
      </c>
      <c r="AC20206">
        <v>11</v>
      </c>
      <c r="AD20206">
        <v>12</v>
      </c>
      <c r="AE20206">
        <v>12</v>
      </c>
      <c r="AF20206">
        <v>12</v>
      </c>
      <c r="AG20206">
        <v>12</v>
      </c>
      <c r="AH20206">
        <v>12</v>
      </c>
      <c r="AI20206">
        <v>12</v>
      </c>
      <c r="AJ20206">
        <v>12</v>
      </c>
      <c r="AK20206">
        <v>12</v>
      </c>
      <c r="AL20206">
        <v>12</v>
      </c>
      <c r="AM20206">
        <v>12</v>
      </c>
      <c r="AN20206">
        <v>12</v>
      </c>
      <c r="AO20206">
        <v>12</v>
      </c>
      <c r="AP20206">
        <v>12</v>
      </c>
      <c r="AQ20206">
        <v>12</v>
      </c>
    </row>
    <row r="20207" spans="1:43">
      <c r="A20207" t="s">
        <v>12514</v>
      </c>
      <c r="B20207" t="s">
        <v>12515</v>
      </c>
      <c r="C20207" t="s">
        <v>12442</v>
      </c>
      <c r="D20207" t="s">
        <v>12443</v>
      </c>
      <c r="E20207" t="s">
        <v>12006</v>
      </c>
      <c r="F20207" t="s">
        <v>12007</v>
      </c>
      <c r="G20207" t="s">
        <v>10450</v>
      </c>
      <c r="H20207" t="s">
        <v>10451</v>
      </c>
      <c r="I20207" s="2">
        <v>1</v>
      </c>
      <c r="J20207" s="2">
        <v>0</v>
      </c>
      <c r="K20207" s="2">
        <v>0</v>
      </c>
      <c r="L20207" t="s">
        <v>120</v>
      </c>
      <c r="M20207" t="s">
        <v>87</v>
      </c>
      <c r="N20207" t="s">
        <v>88</v>
      </c>
      <c r="O20207" t="s">
        <v>85</v>
      </c>
      <c r="P20207" t="s">
        <v>86</v>
      </c>
      <c r="Q20207">
        <v>10</v>
      </c>
      <c r="R20207">
        <v>10</v>
      </c>
      <c r="S20207">
        <v>10</v>
      </c>
      <c r="T20207">
        <v>10</v>
      </c>
      <c r="U20207">
        <v>10</v>
      </c>
      <c r="V20207">
        <v>10</v>
      </c>
      <c r="W20207">
        <v>10</v>
      </c>
      <c r="X20207">
        <v>10</v>
      </c>
      <c r="Y20207">
        <v>10</v>
      </c>
      <c r="Z20207">
        <v>10</v>
      </c>
      <c r="AA20207">
        <v>10</v>
      </c>
      <c r="AB20207">
        <v>10</v>
      </c>
      <c r="AC20207">
        <v>10</v>
      </c>
      <c r="AD20207">
        <v>10</v>
      </c>
      <c r="AE20207">
        <v>10</v>
      </c>
      <c r="AF20207">
        <v>10</v>
      </c>
      <c r="AG20207">
        <v>10</v>
      </c>
      <c r="AH20207">
        <v>10</v>
      </c>
      <c r="AI20207">
        <v>10</v>
      </c>
      <c r="AJ20207">
        <v>11</v>
      </c>
      <c r="AK20207">
        <v>11</v>
      </c>
      <c r="AL20207">
        <v>11</v>
      </c>
      <c r="AM20207">
        <v>11</v>
      </c>
      <c r="AN20207">
        <v>11</v>
      </c>
      <c r="AO20207">
        <v>11</v>
      </c>
      <c r="AP20207">
        <v>11</v>
      </c>
      <c r="AQ20207">
        <v>11</v>
      </c>
    </row>
    <row r="20208" spans="1:43">
      <c r="A20208" t="s">
        <v>12514</v>
      </c>
      <c r="B20208" t="s">
        <v>12515</v>
      </c>
      <c r="C20208" t="s">
        <v>12442</v>
      </c>
      <c r="D20208" t="s">
        <v>12443</v>
      </c>
      <c r="E20208" t="s">
        <v>12006</v>
      </c>
      <c r="F20208" t="s">
        <v>12007</v>
      </c>
      <c r="G20208" t="s">
        <v>10450</v>
      </c>
      <c r="H20208" t="s">
        <v>10451</v>
      </c>
      <c r="I20208" s="2">
        <v>1</v>
      </c>
      <c r="J20208" s="2">
        <v>0</v>
      </c>
      <c r="K20208" s="2">
        <v>0</v>
      </c>
      <c r="L20208" t="s">
        <v>120</v>
      </c>
      <c r="M20208" t="s">
        <v>89</v>
      </c>
      <c r="N20208" t="s">
        <v>90</v>
      </c>
      <c r="O20208" t="s">
        <v>85</v>
      </c>
      <c r="P20208" t="s">
        <v>86</v>
      </c>
      <c r="Q20208">
        <v>10</v>
      </c>
      <c r="R20208">
        <v>10</v>
      </c>
      <c r="S20208">
        <v>10</v>
      </c>
      <c r="T20208">
        <v>11</v>
      </c>
      <c r="U20208">
        <v>11</v>
      </c>
      <c r="V20208">
        <v>11</v>
      </c>
      <c r="W20208">
        <v>11</v>
      </c>
      <c r="X20208">
        <v>11</v>
      </c>
      <c r="Y20208">
        <v>11</v>
      </c>
      <c r="Z20208">
        <v>12</v>
      </c>
      <c r="AA20208">
        <v>12</v>
      </c>
      <c r="AB20208">
        <v>12</v>
      </c>
      <c r="AC20208">
        <v>12</v>
      </c>
      <c r="AD20208">
        <v>12</v>
      </c>
      <c r="AE20208">
        <v>12</v>
      </c>
      <c r="AF20208">
        <v>13</v>
      </c>
      <c r="AG20208">
        <v>13</v>
      </c>
      <c r="AH20208">
        <v>13</v>
      </c>
      <c r="AI20208">
        <v>13</v>
      </c>
      <c r="AJ20208">
        <v>13</v>
      </c>
      <c r="AK20208">
        <v>13</v>
      </c>
      <c r="AL20208">
        <v>13</v>
      </c>
      <c r="AM20208">
        <v>13</v>
      </c>
      <c r="AN20208">
        <v>13</v>
      </c>
      <c r="AO20208">
        <v>13</v>
      </c>
      <c r="AP20208">
        <v>13</v>
      </c>
      <c r="AQ20208">
        <v>13</v>
      </c>
    </row>
    <row r="20209" spans="1:43">
      <c r="A20209" t="s">
        <v>12514</v>
      </c>
      <c r="B20209" t="s">
        <v>12515</v>
      </c>
      <c r="C20209" t="s">
        <v>12442</v>
      </c>
      <c r="D20209" t="s">
        <v>12443</v>
      </c>
      <c r="E20209" t="s">
        <v>12006</v>
      </c>
      <c r="F20209" t="s">
        <v>12007</v>
      </c>
      <c r="G20209" t="s">
        <v>10450</v>
      </c>
      <c r="H20209" t="s">
        <v>10451</v>
      </c>
      <c r="I20209" s="2">
        <v>1</v>
      </c>
      <c r="J20209" s="2">
        <v>0</v>
      </c>
      <c r="K20209" s="2">
        <v>0</v>
      </c>
      <c r="L20209" t="s">
        <v>120</v>
      </c>
      <c r="M20209" t="s">
        <v>83</v>
      </c>
      <c r="N20209" t="s">
        <v>91</v>
      </c>
      <c r="O20209" t="s">
        <v>85</v>
      </c>
      <c r="P20209" t="s">
        <v>86</v>
      </c>
      <c r="Q20209">
        <v>10</v>
      </c>
      <c r="R20209">
        <v>10</v>
      </c>
      <c r="S20209">
        <v>10</v>
      </c>
      <c r="T20209">
        <v>10</v>
      </c>
      <c r="U20209">
        <v>10</v>
      </c>
      <c r="V20209">
        <v>10</v>
      </c>
      <c r="W20209">
        <v>11</v>
      </c>
      <c r="X20209">
        <v>11</v>
      </c>
      <c r="Y20209">
        <v>11</v>
      </c>
      <c r="Z20209">
        <v>11</v>
      </c>
      <c r="AA20209">
        <v>11</v>
      </c>
      <c r="AB20209">
        <v>11</v>
      </c>
      <c r="AC20209">
        <v>11</v>
      </c>
      <c r="AD20209">
        <v>12</v>
      </c>
      <c r="AE20209">
        <v>12</v>
      </c>
      <c r="AF20209">
        <v>12</v>
      </c>
      <c r="AG20209">
        <v>12</v>
      </c>
      <c r="AH20209">
        <v>12</v>
      </c>
      <c r="AI20209">
        <v>12</v>
      </c>
      <c r="AJ20209">
        <v>12</v>
      </c>
      <c r="AK20209">
        <v>12</v>
      </c>
      <c r="AL20209">
        <v>12</v>
      </c>
      <c r="AM20209">
        <v>12</v>
      </c>
      <c r="AN20209">
        <v>12</v>
      </c>
      <c r="AO20209">
        <v>12</v>
      </c>
      <c r="AP20209">
        <v>12</v>
      </c>
      <c r="AQ20209">
        <v>12</v>
      </c>
    </row>
    <row r="20210" spans="1:43">
      <c r="A20210" t="s">
        <v>12516</v>
      </c>
      <c r="B20210" t="s">
        <v>12517</v>
      </c>
      <c r="C20210" t="s">
        <v>12518</v>
      </c>
      <c r="D20210" t="s">
        <v>12519</v>
      </c>
      <c r="E20210" t="s">
        <v>12006</v>
      </c>
      <c r="F20210" t="s">
        <v>12007</v>
      </c>
      <c r="G20210" t="s">
        <v>10450</v>
      </c>
      <c r="H20210" t="s">
        <v>10451</v>
      </c>
      <c r="I20210" s="2">
        <v>1</v>
      </c>
      <c r="J20210" s="2">
        <v>0</v>
      </c>
      <c r="K20210" s="2">
        <v>0</v>
      </c>
      <c r="L20210" t="s">
        <v>120</v>
      </c>
      <c r="M20210" t="s">
        <v>83</v>
      </c>
      <c r="N20210" t="s">
        <v>84</v>
      </c>
      <c r="O20210" t="s">
        <v>85</v>
      </c>
      <c r="P20210" t="s">
        <v>86</v>
      </c>
      <c r="Q20210">
        <v>7</v>
      </c>
      <c r="R20210">
        <v>8</v>
      </c>
      <c r="S20210">
        <v>8</v>
      </c>
      <c r="T20210">
        <v>8</v>
      </c>
      <c r="U20210">
        <v>8</v>
      </c>
      <c r="V20210">
        <v>8</v>
      </c>
      <c r="W20210">
        <v>8</v>
      </c>
      <c r="X20210">
        <v>8</v>
      </c>
      <c r="Y20210">
        <v>8</v>
      </c>
      <c r="Z20210">
        <v>8</v>
      </c>
      <c r="AA20210">
        <v>9</v>
      </c>
      <c r="AB20210">
        <v>9</v>
      </c>
      <c r="AC20210">
        <v>9</v>
      </c>
      <c r="AD20210">
        <v>9</v>
      </c>
      <c r="AE20210">
        <v>9</v>
      </c>
      <c r="AF20210">
        <v>9</v>
      </c>
      <c r="AG20210">
        <v>9</v>
      </c>
      <c r="AH20210">
        <v>9</v>
      </c>
      <c r="AI20210">
        <v>9</v>
      </c>
      <c r="AJ20210">
        <v>9</v>
      </c>
      <c r="AK20210">
        <v>9</v>
      </c>
      <c r="AL20210">
        <v>10</v>
      </c>
      <c r="AM20210">
        <v>10</v>
      </c>
      <c r="AN20210">
        <v>10</v>
      </c>
      <c r="AO20210">
        <v>10</v>
      </c>
      <c r="AP20210">
        <v>10</v>
      </c>
      <c r="AQ20210">
        <v>10</v>
      </c>
    </row>
    <row r="20211" spans="1:43">
      <c r="A20211" t="s">
        <v>12516</v>
      </c>
      <c r="B20211" t="s">
        <v>12517</v>
      </c>
      <c r="C20211" t="s">
        <v>12518</v>
      </c>
      <c r="D20211" t="s">
        <v>12519</v>
      </c>
      <c r="E20211" t="s">
        <v>12006</v>
      </c>
      <c r="F20211" t="s">
        <v>12007</v>
      </c>
      <c r="G20211" t="s">
        <v>10450</v>
      </c>
      <c r="H20211" t="s">
        <v>10451</v>
      </c>
      <c r="I20211" s="2">
        <v>1</v>
      </c>
      <c r="J20211" s="2">
        <v>0</v>
      </c>
      <c r="K20211" s="2">
        <v>0</v>
      </c>
      <c r="L20211" t="s">
        <v>120</v>
      </c>
      <c r="M20211" t="s">
        <v>87</v>
      </c>
      <c r="N20211" t="s">
        <v>88</v>
      </c>
      <c r="O20211" t="s">
        <v>85</v>
      </c>
      <c r="P20211" t="s">
        <v>86</v>
      </c>
      <c r="Q20211">
        <v>7</v>
      </c>
      <c r="R20211">
        <v>7</v>
      </c>
      <c r="S20211">
        <v>8</v>
      </c>
      <c r="T20211">
        <v>8</v>
      </c>
      <c r="U20211">
        <v>8</v>
      </c>
      <c r="V20211">
        <v>8</v>
      </c>
      <c r="W20211">
        <v>8</v>
      </c>
      <c r="X20211">
        <v>8</v>
      </c>
      <c r="Y20211">
        <v>8</v>
      </c>
      <c r="Z20211">
        <v>8</v>
      </c>
      <c r="AA20211">
        <v>8</v>
      </c>
      <c r="AB20211">
        <v>8</v>
      </c>
      <c r="AC20211">
        <v>8</v>
      </c>
      <c r="AD20211">
        <v>8</v>
      </c>
      <c r="AE20211">
        <v>8</v>
      </c>
      <c r="AF20211">
        <v>8</v>
      </c>
      <c r="AG20211">
        <v>8</v>
      </c>
      <c r="AH20211">
        <v>8</v>
      </c>
      <c r="AI20211">
        <v>8</v>
      </c>
      <c r="AJ20211">
        <v>8</v>
      </c>
      <c r="AK20211">
        <v>8</v>
      </c>
      <c r="AL20211">
        <v>8</v>
      </c>
      <c r="AM20211">
        <v>8</v>
      </c>
      <c r="AN20211">
        <v>8</v>
      </c>
      <c r="AO20211">
        <v>8</v>
      </c>
      <c r="AP20211">
        <v>8</v>
      </c>
      <c r="AQ20211">
        <v>8</v>
      </c>
    </row>
    <row r="20212" spans="1:43">
      <c r="A20212" t="s">
        <v>12516</v>
      </c>
      <c r="B20212" t="s">
        <v>12517</v>
      </c>
      <c r="C20212" t="s">
        <v>12518</v>
      </c>
      <c r="D20212" t="s">
        <v>12519</v>
      </c>
      <c r="E20212" t="s">
        <v>12006</v>
      </c>
      <c r="F20212" t="s">
        <v>12007</v>
      </c>
      <c r="G20212" t="s">
        <v>10450</v>
      </c>
      <c r="H20212" t="s">
        <v>10451</v>
      </c>
      <c r="I20212" s="2">
        <v>1</v>
      </c>
      <c r="J20212" s="2">
        <v>0</v>
      </c>
      <c r="K20212" s="2">
        <v>0</v>
      </c>
      <c r="L20212" t="s">
        <v>120</v>
      </c>
      <c r="M20212" t="s">
        <v>89</v>
      </c>
      <c r="N20212" t="s">
        <v>90</v>
      </c>
      <c r="O20212" t="s">
        <v>85</v>
      </c>
      <c r="P20212" t="s">
        <v>86</v>
      </c>
      <c r="Q20212">
        <v>7</v>
      </c>
      <c r="R20212">
        <v>7</v>
      </c>
      <c r="S20212">
        <v>7</v>
      </c>
      <c r="T20212">
        <v>7</v>
      </c>
      <c r="U20212">
        <v>7</v>
      </c>
      <c r="V20212">
        <v>7</v>
      </c>
      <c r="W20212">
        <v>8</v>
      </c>
      <c r="X20212">
        <v>8</v>
      </c>
      <c r="Y20212">
        <v>8</v>
      </c>
      <c r="Z20212">
        <v>8</v>
      </c>
      <c r="AA20212">
        <v>8</v>
      </c>
      <c r="AB20212">
        <v>8</v>
      </c>
      <c r="AC20212">
        <v>8</v>
      </c>
      <c r="AD20212">
        <v>8</v>
      </c>
      <c r="AE20212">
        <v>9</v>
      </c>
      <c r="AF20212">
        <v>9</v>
      </c>
      <c r="AG20212">
        <v>9</v>
      </c>
      <c r="AH20212">
        <v>9</v>
      </c>
      <c r="AI20212">
        <v>9</v>
      </c>
      <c r="AJ20212">
        <v>9</v>
      </c>
      <c r="AK20212">
        <v>9</v>
      </c>
      <c r="AL20212">
        <v>9</v>
      </c>
      <c r="AM20212">
        <v>9</v>
      </c>
      <c r="AN20212">
        <v>9</v>
      </c>
      <c r="AO20212">
        <v>9</v>
      </c>
      <c r="AP20212">
        <v>9</v>
      </c>
      <c r="AQ20212">
        <v>9</v>
      </c>
    </row>
    <row r="20213" spans="1:43">
      <c r="A20213" t="s">
        <v>12516</v>
      </c>
      <c r="B20213" t="s">
        <v>12517</v>
      </c>
      <c r="C20213" t="s">
        <v>12518</v>
      </c>
      <c r="D20213" t="s">
        <v>12519</v>
      </c>
      <c r="E20213" t="s">
        <v>12006</v>
      </c>
      <c r="F20213" t="s">
        <v>12007</v>
      </c>
      <c r="G20213" t="s">
        <v>10450</v>
      </c>
      <c r="H20213" t="s">
        <v>10451</v>
      </c>
      <c r="I20213" s="2">
        <v>1</v>
      </c>
      <c r="J20213" s="2">
        <v>0</v>
      </c>
      <c r="K20213" s="2">
        <v>0</v>
      </c>
      <c r="L20213" t="s">
        <v>120</v>
      </c>
      <c r="M20213" t="s">
        <v>83</v>
      </c>
      <c r="N20213" t="s">
        <v>91</v>
      </c>
      <c r="O20213" t="s">
        <v>85</v>
      </c>
      <c r="P20213" t="s">
        <v>86</v>
      </c>
      <c r="Q20213">
        <v>7</v>
      </c>
      <c r="R20213">
        <v>8</v>
      </c>
      <c r="S20213">
        <v>8</v>
      </c>
      <c r="T20213">
        <v>8</v>
      </c>
      <c r="U20213">
        <v>8</v>
      </c>
      <c r="V20213">
        <v>8</v>
      </c>
      <c r="W20213">
        <v>8</v>
      </c>
      <c r="X20213">
        <v>8</v>
      </c>
      <c r="Y20213">
        <v>8</v>
      </c>
      <c r="Z20213">
        <v>8</v>
      </c>
      <c r="AA20213">
        <v>9</v>
      </c>
      <c r="AB20213">
        <v>9</v>
      </c>
      <c r="AC20213">
        <v>9</v>
      </c>
      <c r="AD20213">
        <v>9</v>
      </c>
      <c r="AE20213">
        <v>9</v>
      </c>
      <c r="AF20213">
        <v>9</v>
      </c>
      <c r="AG20213">
        <v>9</v>
      </c>
      <c r="AH20213">
        <v>9</v>
      </c>
      <c r="AI20213">
        <v>9</v>
      </c>
      <c r="AJ20213">
        <v>9</v>
      </c>
      <c r="AK20213">
        <v>9</v>
      </c>
      <c r="AL20213">
        <v>10</v>
      </c>
      <c r="AM20213">
        <v>10</v>
      </c>
      <c r="AN20213">
        <v>10</v>
      </c>
      <c r="AO20213">
        <v>10</v>
      </c>
      <c r="AP20213">
        <v>10</v>
      </c>
      <c r="AQ20213">
        <v>10</v>
      </c>
    </row>
    <row r="20214" spans="1:43">
      <c r="A20214" t="s">
        <v>12520</v>
      </c>
      <c r="B20214" t="s">
        <v>12521</v>
      </c>
      <c r="C20214" t="s">
        <v>12518</v>
      </c>
      <c r="D20214" t="s">
        <v>12519</v>
      </c>
      <c r="E20214" t="s">
        <v>12006</v>
      </c>
      <c r="F20214" t="s">
        <v>12007</v>
      </c>
      <c r="G20214" t="s">
        <v>10450</v>
      </c>
      <c r="H20214" t="s">
        <v>10451</v>
      </c>
      <c r="I20214" s="2">
        <v>1</v>
      </c>
      <c r="J20214" s="2">
        <v>0</v>
      </c>
      <c r="K20214" s="2">
        <v>0</v>
      </c>
      <c r="L20214" t="s">
        <v>120</v>
      </c>
      <c r="M20214" t="s">
        <v>83</v>
      </c>
      <c r="N20214" t="s">
        <v>84</v>
      </c>
      <c r="O20214" t="s">
        <v>85</v>
      </c>
      <c r="P20214" t="s">
        <v>86</v>
      </c>
      <c r="Q20214">
        <v>11</v>
      </c>
      <c r="R20214">
        <v>11</v>
      </c>
      <c r="S20214">
        <v>11</v>
      </c>
      <c r="T20214">
        <v>11</v>
      </c>
      <c r="U20214">
        <v>11</v>
      </c>
      <c r="V20214">
        <v>12</v>
      </c>
      <c r="W20214">
        <v>12</v>
      </c>
      <c r="X20214">
        <v>12</v>
      </c>
      <c r="Y20214">
        <v>12</v>
      </c>
      <c r="Z20214">
        <v>12</v>
      </c>
      <c r="AA20214">
        <v>12</v>
      </c>
      <c r="AB20214">
        <v>12</v>
      </c>
      <c r="AC20214">
        <v>13</v>
      </c>
      <c r="AD20214">
        <v>13</v>
      </c>
      <c r="AE20214">
        <v>13</v>
      </c>
      <c r="AF20214">
        <v>13</v>
      </c>
      <c r="AG20214">
        <v>13</v>
      </c>
      <c r="AH20214">
        <v>13</v>
      </c>
      <c r="AI20214">
        <v>13</v>
      </c>
      <c r="AJ20214">
        <v>14</v>
      </c>
      <c r="AK20214">
        <v>14</v>
      </c>
      <c r="AL20214">
        <v>14</v>
      </c>
      <c r="AM20214">
        <v>14</v>
      </c>
      <c r="AN20214">
        <v>14</v>
      </c>
      <c r="AO20214">
        <v>14</v>
      </c>
      <c r="AP20214">
        <v>14</v>
      </c>
      <c r="AQ20214">
        <v>14</v>
      </c>
    </row>
    <row r="20215" spans="1:43">
      <c r="A20215" t="s">
        <v>12520</v>
      </c>
      <c r="B20215" t="s">
        <v>12521</v>
      </c>
      <c r="C20215" t="s">
        <v>12518</v>
      </c>
      <c r="D20215" t="s">
        <v>12519</v>
      </c>
      <c r="E20215" t="s">
        <v>12006</v>
      </c>
      <c r="F20215" t="s">
        <v>12007</v>
      </c>
      <c r="G20215" t="s">
        <v>10450</v>
      </c>
      <c r="H20215" t="s">
        <v>10451</v>
      </c>
      <c r="I20215" s="2">
        <v>1</v>
      </c>
      <c r="J20215" s="2">
        <v>0</v>
      </c>
      <c r="K20215" s="2">
        <v>0</v>
      </c>
      <c r="L20215" t="s">
        <v>120</v>
      </c>
      <c r="M20215" t="s">
        <v>87</v>
      </c>
      <c r="N20215" t="s">
        <v>88</v>
      </c>
      <c r="O20215" t="s">
        <v>85</v>
      </c>
      <c r="P20215" t="s">
        <v>86</v>
      </c>
      <c r="Q20215">
        <v>11</v>
      </c>
      <c r="R20215">
        <v>11</v>
      </c>
      <c r="S20215">
        <v>11</v>
      </c>
      <c r="T20215">
        <v>11</v>
      </c>
      <c r="U20215">
        <v>11</v>
      </c>
      <c r="V20215">
        <v>11</v>
      </c>
      <c r="W20215">
        <v>11</v>
      </c>
      <c r="X20215">
        <v>11</v>
      </c>
      <c r="Y20215">
        <v>11</v>
      </c>
      <c r="Z20215">
        <v>11</v>
      </c>
      <c r="AA20215">
        <v>11</v>
      </c>
      <c r="AB20215">
        <v>11</v>
      </c>
      <c r="AC20215">
        <v>11</v>
      </c>
      <c r="AD20215">
        <v>11</v>
      </c>
      <c r="AE20215">
        <v>11</v>
      </c>
      <c r="AF20215">
        <v>11</v>
      </c>
      <c r="AG20215">
        <v>12</v>
      </c>
      <c r="AH20215">
        <v>12</v>
      </c>
      <c r="AI20215">
        <v>12</v>
      </c>
      <c r="AJ20215">
        <v>12</v>
      </c>
      <c r="AK20215">
        <v>12</v>
      </c>
      <c r="AL20215">
        <v>12</v>
      </c>
      <c r="AM20215">
        <v>12</v>
      </c>
      <c r="AN20215">
        <v>12</v>
      </c>
      <c r="AO20215">
        <v>12</v>
      </c>
      <c r="AP20215">
        <v>12</v>
      </c>
      <c r="AQ20215">
        <v>12</v>
      </c>
    </row>
    <row r="20216" spans="1:43">
      <c r="A20216" t="s">
        <v>12520</v>
      </c>
      <c r="B20216" t="s">
        <v>12521</v>
      </c>
      <c r="C20216" t="s">
        <v>12518</v>
      </c>
      <c r="D20216" t="s">
        <v>12519</v>
      </c>
      <c r="E20216" t="s">
        <v>12006</v>
      </c>
      <c r="F20216" t="s">
        <v>12007</v>
      </c>
      <c r="G20216" t="s">
        <v>10450</v>
      </c>
      <c r="H20216" t="s">
        <v>10451</v>
      </c>
      <c r="I20216" s="2">
        <v>1</v>
      </c>
      <c r="J20216" s="2">
        <v>0</v>
      </c>
      <c r="K20216" s="2">
        <v>0</v>
      </c>
      <c r="L20216" t="s">
        <v>120</v>
      </c>
      <c r="M20216" t="s">
        <v>89</v>
      </c>
      <c r="N20216" t="s">
        <v>90</v>
      </c>
      <c r="O20216" t="s">
        <v>85</v>
      </c>
      <c r="P20216" t="s">
        <v>86</v>
      </c>
      <c r="Q20216">
        <v>11</v>
      </c>
      <c r="R20216">
        <v>11</v>
      </c>
      <c r="S20216">
        <v>11</v>
      </c>
      <c r="T20216">
        <v>12</v>
      </c>
      <c r="U20216">
        <v>12</v>
      </c>
      <c r="V20216">
        <v>12</v>
      </c>
      <c r="W20216">
        <v>12</v>
      </c>
      <c r="X20216">
        <v>13</v>
      </c>
      <c r="Y20216">
        <v>13</v>
      </c>
      <c r="Z20216">
        <v>13</v>
      </c>
      <c r="AA20216">
        <v>13</v>
      </c>
      <c r="AB20216">
        <v>13</v>
      </c>
      <c r="AC20216">
        <v>13</v>
      </c>
      <c r="AD20216">
        <v>14</v>
      </c>
      <c r="AE20216">
        <v>14</v>
      </c>
      <c r="AF20216">
        <v>14</v>
      </c>
      <c r="AG20216">
        <v>14</v>
      </c>
      <c r="AH20216">
        <v>14</v>
      </c>
      <c r="AI20216">
        <v>14</v>
      </c>
      <c r="AJ20216">
        <v>14</v>
      </c>
      <c r="AK20216">
        <v>14</v>
      </c>
      <c r="AL20216">
        <v>14</v>
      </c>
      <c r="AM20216">
        <v>14</v>
      </c>
      <c r="AN20216">
        <v>14</v>
      </c>
      <c r="AO20216">
        <v>14</v>
      </c>
      <c r="AP20216">
        <v>14</v>
      </c>
      <c r="AQ20216">
        <v>14</v>
      </c>
    </row>
    <row r="20217" spans="1:43">
      <c r="A20217" t="s">
        <v>12520</v>
      </c>
      <c r="B20217" t="s">
        <v>12521</v>
      </c>
      <c r="C20217" t="s">
        <v>12518</v>
      </c>
      <c r="D20217" t="s">
        <v>12519</v>
      </c>
      <c r="E20217" t="s">
        <v>12006</v>
      </c>
      <c r="F20217" t="s">
        <v>12007</v>
      </c>
      <c r="G20217" t="s">
        <v>10450</v>
      </c>
      <c r="H20217" t="s">
        <v>10451</v>
      </c>
      <c r="I20217" s="2">
        <v>1</v>
      </c>
      <c r="J20217" s="2">
        <v>0</v>
      </c>
      <c r="K20217" s="2">
        <v>0</v>
      </c>
      <c r="L20217" t="s">
        <v>120</v>
      </c>
      <c r="M20217" t="s">
        <v>83</v>
      </c>
      <c r="N20217" t="s">
        <v>91</v>
      </c>
      <c r="O20217" t="s">
        <v>85</v>
      </c>
      <c r="P20217" t="s">
        <v>86</v>
      </c>
      <c r="Q20217">
        <v>11</v>
      </c>
      <c r="R20217">
        <v>11</v>
      </c>
      <c r="S20217">
        <v>11</v>
      </c>
      <c r="T20217">
        <v>11</v>
      </c>
      <c r="U20217">
        <v>11</v>
      </c>
      <c r="V20217">
        <v>12</v>
      </c>
      <c r="W20217">
        <v>12</v>
      </c>
      <c r="X20217">
        <v>12</v>
      </c>
      <c r="Y20217">
        <v>12</v>
      </c>
      <c r="Z20217">
        <v>12</v>
      </c>
      <c r="AA20217">
        <v>12</v>
      </c>
      <c r="AB20217">
        <v>12</v>
      </c>
      <c r="AC20217">
        <v>13</v>
      </c>
      <c r="AD20217">
        <v>13</v>
      </c>
      <c r="AE20217">
        <v>13</v>
      </c>
      <c r="AF20217">
        <v>13</v>
      </c>
      <c r="AG20217">
        <v>13</v>
      </c>
      <c r="AH20217">
        <v>13</v>
      </c>
      <c r="AI20217">
        <v>13</v>
      </c>
      <c r="AJ20217">
        <v>14</v>
      </c>
      <c r="AK20217">
        <v>14</v>
      </c>
      <c r="AL20217">
        <v>14</v>
      </c>
      <c r="AM20217">
        <v>14</v>
      </c>
      <c r="AN20217">
        <v>14</v>
      </c>
      <c r="AO20217">
        <v>14</v>
      </c>
      <c r="AP20217">
        <v>14</v>
      </c>
      <c r="AQ20217">
        <v>14</v>
      </c>
    </row>
    <row r="20218" spans="1:43">
      <c r="A20218" t="s">
        <v>12522</v>
      </c>
      <c r="B20218" t="s">
        <v>12523</v>
      </c>
      <c r="C20218" t="s">
        <v>12518</v>
      </c>
      <c r="D20218" t="s">
        <v>12519</v>
      </c>
      <c r="E20218" t="s">
        <v>12006</v>
      </c>
      <c r="F20218" t="s">
        <v>12007</v>
      </c>
      <c r="G20218" t="s">
        <v>10450</v>
      </c>
      <c r="H20218" t="s">
        <v>10451</v>
      </c>
      <c r="I20218" s="2">
        <v>1</v>
      </c>
      <c r="J20218" s="2">
        <v>0</v>
      </c>
      <c r="K20218" s="2">
        <v>0</v>
      </c>
      <c r="L20218" t="s">
        <v>120</v>
      </c>
      <c r="M20218" t="s">
        <v>83</v>
      </c>
      <c r="N20218" t="s">
        <v>84</v>
      </c>
      <c r="O20218" t="s">
        <v>85</v>
      </c>
      <c r="P20218" t="s">
        <v>86</v>
      </c>
      <c r="Q20218">
        <v>14</v>
      </c>
      <c r="R20218">
        <v>14</v>
      </c>
      <c r="S20218">
        <v>15</v>
      </c>
      <c r="T20218">
        <v>15</v>
      </c>
      <c r="U20218">
        <v>15</v>
      </c>
      <c r="V20218">
        <v>15</v>
      </c>
      <c r="W20218">
        <v>15</v>
      </c>
      <c r="X20218">
        <v>16</v>
      </c>
      <c r="Y20218">
        <v>16</v>
      </c>
      <c r="Z20218">
        <v>16</v>
      </c>
      <c r="AA20218">
        <v>16</v>
      </c>
      <c r="AB20218">
        <v>16</v>
      </c>
      <c r="AC20218">
        <v>16</v>
      </c>
      <c r="AD20218">
        <v>17</v>
      </c>
      <c r="AE20218">
        <v>17</v>
      </c>
      <c r="AF20218">
        <v>17</v>
      </c>
      <c r="AG20218">
        <v>17</v>
      </c>
      <c r="AH20218">
        <v>17</v>
      </c>
      <c r="AI20218">
        <v>18</v>
      </c>
      <c r="AJ20218">
        <v>18</v>
      </c>
      <c r="AK20218">
        <v>18</v>
      </c>
      <c r="AL20218">
        <v>18</v>
      </c>
      <c r="AM20218">
        <v>18</v>
      </c>
      <c r="AN20218">
        <v>18</v>
      </c>
      <c r="AO20218">
        <v>18</v>
      </c>
      <c r="AP20218">
        <v>18</v>
      </c>
      <c r="AQ20218">
        <v>18</v>
      </c>
    </row>
    <row r="20219" spans="1:43">
      <c r="A20219" t="s">
        <v>12522</v>
      </c>
      <c r="B20219" t="s">
        <v>12523</v>
      </c>
      <c r="C20219" t="s">
        <v>12518</v>
      </c>
      <c r="D20219" t="s">
        <v>12519</v>
      </c>
      <c r="E20219" t="s">
        <v>12006</v>
      </c>
      <c r="F20219" t="s">
        <v>12007</v>
      </c>
      <c r="G20219" t="s">
        <v>10450</v>
      </c>
      <c r="H20219" t="s">
        <v>10451</v>
      </c>
      <c r="I20219" s="2">
        <v>1</v>
      </c>
      <c r="J20219" s="2">
        <v>0</v>
      </c>
      <c r="K20219" s="2">
        <v>0</v>
      </c>
      <c r="L20219" t="s">
        <v>120</v>
      </c>
      <c r="M20219" t="s">
        <v>87</v>
      </c>
      <c r="N20219" t="s">
        <v>88</v>
      </c>
      <c r="O20219" t="s">
        <v>85</v>
      </c>
      <c r="P20219" t="s">
        <v>86</v>
      </c>
      <c r="Q20219">
        <v>14</v>
      </c>
      <c r="R20219">
        <v>14</v>
      </c>
      <c r="S20219">
        <v>14</v>
      </c>
      <c r="T20219">
        <v>14</v>
      </c>
      <c r="U20219">
        <v>14</v>
      </c>
      <c r="V20219">
        <v>14</v>
      </c>
      <c r="W20219">
        <v>14</v>
      </c>
      <c r="X20219">
        <v>14</v>
      </c>
      <c r="Y20219">
        <v>15</v>
      </c>
      <c r="Z20219">
        <v>15</v>
      </c>
      <c r="AA20219">
        <v>15</v>
      </c>
      <c r="AB20219">
        <v>15</v>
      </c>
      <c r="AC20219">
        <v>15</v>
      </c>
      <c r="AD20219">
        <v>15</v>
      </c>
      <c r="AE20219">
        <v>15</v>
      </c>
      <c r="AF20219">
        <v>15</v>
      </c>
      <c r="AG20219">
        <v>15</v>
      </c>
      <c r="AH20219">
        <v>15</v>
      </c>
      <c r="AI20219">
        <v>15</v>
      </c>
      <c r="AJ20219">
        <v>15</v>
      </c>
      <c r="AK20219">
        <v>15</v>
      </c>
      <c r="AL20219">
        <v>15</v>
      </c>
      <c r="AM20219">
        <v>15</v>
      </c>
      <c r="AN20219">
        <v>15</v>
      </c>
      <c r="AO20219">
        <v>16</v>
      </c>
      <c r="AP20219">
        <v>16</v>
      </c>
      <c r="AQ20219">
        <v>16</v>
      </c>
    </row>
    <row r="20220" spans="1:43">
      <c r="A20220" t="s">
        <v>12522</v>
      </c>
      <c r="B20220" t="s">
        <v>12523</v>
      </c>
      <c r="C20220" t="s">
        <v>12518</v>
      </c>
      <c r="D20220" t="s">
        <v>12519</v>
      </c>
      <c r="E20220" t="s">
        <v>12006</v>
      </c>
      <c r="F20220" t="s">
        <v>12007</v>
      </c>
      <c r="G20220" t="s">
        <v>10450</v>
      </c>
      <c r="H20220" t="s">
        <v>10451</v>
      </c>
      <c r="I20220" s="2">
        <v>1</v>
      </c>
      <c r="J20220" s="2">
        <v>0</v>
      </c>
      <c r="K20220" s="2">
        <v>0</v>
      </c>
      <c r="L20220" t="s">
        <v>120</v>
      </c>
      <c r="M20220" t="s">
        <v>89</v>
      </c>
      <c r="N20220" t="s">
        <v>90</v>
      </c>
      <c r="O20220" t="s">
        <v>85</v>
      </c>
      <c r="P20220" t="s">
        <v>86</v>
      </c>
      <c r="Q20220">
        <v>14</v>
      </c>
      <c r="R20220">
        <v>15</v>
      </c>
      <c r="S20220">
        <v>15</v>
      </c>
      <c r="T20220">
        <v>15</v>
      </c>
      <c r="U20220">
        <v>16</v>
      </c>
      <c r="V20220">
        <v>16</v>
      </c>
      <c r="W20220">
        <v>16</v>
      </c>
      <c r="X20220">
        <v>16</v>
      </c>
      <c r="Y20220">
        <v>17</v>
      </c>
      <c r="Z20220">
        <v>17</v>
      </c>
      <c r="AA20220">
        <v>17</v>
      </c>
      <c r="AB20220">
        <v>17</v>
      </c>
      <c r="AC20220">
        <v>18</v>
      </c>
      <c r="AD20220">
        <v>18</v>
      </c>
      <c r="AE20220">
        <v>18</v>
      </c>
      <c r="AF20220">
        <v>18</v>
      </c>
      <c r="AG20220">
        <v>18</v>
      </c>
      <c r="AH20220">
        <v>18</v>
      </c>
      <c r="AI20220">
        <v>18</v>
      </c>
      <c r="AJ20220">
        <v>18</v>
      </c>
      <c r="AK20220">
        <v>18</v>
      </c>
      <c r="AL20220">
        <v>18</v>
      </c>
      <c r="AM20220">
        <v>18</v>
      </c>
      <c r="AN20220">
        <v>18</v>
      </c>
      <c r="AO20220">
        <v>18</v>
      </c>
      <c r="AP20220">
        <v>18</v>
      </c>
      <c r="AQ20220">
        <v>18</v>
      </c>
    </row>
    <row r="20221" spans="1:43">
      <c r="A20221" t="s">
        <v>12522</v>
      </c>
      <c r="B20221" t="s">
        <v>12523</v>
      </c>
      <c r="C20221" t="s">
        <v>12518</v>
      </c>
      <c r="D20221" t="s">
        <v>12519</v>
      </c>
      <c r="E20221" t="s">
        <v>12006</v>
      </c>
      <c r="F20221" t="s">
        <v>12007</v>
      </c>
      <c r="G20221" t="s">
        <v>10450</v>
      </c>
      <c r="H20221" t="s">
        <v>10451</v>
      </c>
      <c r="I20221" s="2">
        <v>1</v>
      </c>
      <c r="J20221" s="2">
        <v>0</v>
      </c>
      <c r="K20221" s="2">
        <v>0</v>
      </c>
      <c r="L20221" t="s">
        <v>120</v>
      </c>
      <c r="M20221" t="s">
        <v>83</v>
      </c>
      <c r="N20221" t="s">
        <v>91</v>
      </c>
      <c r="O20221" t="s">
        <v>85</v>
      </c>
      <c r="P20221" t="s">
        <v>86</v>
      </c>
      <c r="Q20221">
        <v>14</v>
      </c>
      <c r="R20221">
        <v>14</v>
      </c>
      <c r="S20221">
        <v>15</v>
      </c>
      <c r="T20221">
        <v>15</v>
      </c>
      <c r="U20221">
        <v>15</v>
      </c>
      <c r="V20221">
        <v>15</v>
      </c>
      <c r="W20221">
        <v>15</v>
      </c>
      <c r="X20221">
        <v>16</v>
      </c>
      <c r="Y20221">
        <v>16</v>
      </c>
      <c r="Z20221">
        <v>16</v>
      </c>
      <c r="AA20221">
        <v>16</v>
      </c>
      <c r="AB20221">
        <v>16</v>
      </c>
      <c r="AC20221">
        <v>16</v>
      </c>
      <c r="AD20221">
        <v>17</v>
      </c>
      <c r="AE20221">
        <v>17</v>
      </c>
      <c r="AF20221">
        <v>17</v>
      </c>
      <c r="AG20221">
        <v>17</v>
      </c>
      <c r="AH20221">
        <v>17</v>
      </c>
      <c r="AI20221">
        <v>18</v>
      </c>
      <c r="AJ20221">
        <v>18</v>
      </c>
      <c r="AK20221">
        <v>18</v>
      </c>
      <c r="AL20221">
        <v>18</v>
      </c>
      <c r="AM20221">
        <v>18</v>
      </c>
      <c r="AN20221">
        <v>18</v>
      </c>
      <c r="AO20221">
        <v>18</v>
      </c>
      <c r="AP20221">
        <v>18</v>
      </c>
      <c r="AQ20221">
        <v>18</v>
      </c>
    </row>
    <row r="20222" spans="1:43">
      <c r="A20222" t="s">
        <v>12524</v>
      </c>
      <c r="B20222" t="s">
        <v>12525</v>
      </c>
      <c r="C20222" t="s">
        <v>12526</v>
      </c>
      <c r="D20222" t="s">
        <v>12527</v>
      </c>
      <c r="E20222" t="s">
        <v>12006</v>
      </c>
      <c r="F20222" t="s">
        <v>12007</v>
      </c>
      <c r="G20222" t="s">
        <v>10450</v>
      </c>
      <c r="H20222" t="s">
        <v>10451</v>
      </c>
      <c r="I20222" s="2">
        <v>1</v>
      </c>
      <c r="J20222" s="2">
        <v>0</v>
      </c>
      <c r="K20222" s="2">
        <v>0</v>
      </c>
      <c r="L20222" t="s">
        <v>120</v>
      </c>
      <c r="M20222" t="s">
        <v>83</v>
      </c>
      <c r="N20222" t="s">
        <v>84</v>
      </c>
      <c r="O20222" t="s">
        <v>85</v>
      </c>
      <c r="P20222" t="s">
        <v>86</v>
      </c>
      <c r="Q20222">
        <v>7</v>
      </c>
      <c r="R20222">
        <v>7</v>
      </c>
      <c r="S20222">
        <v>7</v>
      </c>
      <c r="T20222">
        <v>7</v>
      </c>
      <c r="U20222">
        <v>7</v>
      </c>
      <c r="V20222">
        <v>7</v>
      </c>
      <c r="W20222">
        <v>7</v>
      </c>
      <c r="X20222">
        <v>7</v>
      </c>
      <c r="Y20222">
        <v>7</v>
      </c>
      <c r="Z20222">
        <v>7</v>
      </c>
      <c r="AA20222">
        <v>7</v>
      </c>
      <c r="AB20222">
        <v>8</v>
      </c>
      <c r="AC20222">
        <v>8</v>
      </c>
      <c r="AD20222">
        <v>8</v>
      </c>
      <c r="AE20222">
        <v>8</v>
      </c>
      <c r="AF20222">
        <v>8</v>
      </c>
      <c r="AG20222">
        <v>8</v>
      </c>
      <c r="AH20222">
        <v>8</v>
      </c>
      <c r="AI20222">
        <v>8</v>
      </c>
      <c r="AJ20222">
        <v>8</v>
      </c>
      <c r="AK20222">
        <v>8</v>
      </c>
      <c r="AL20222">
        <v>8</v>
      </c>
      <c r="AM20222">
        <v>8</v>
      </c>
      <c r="AN20222">
        <v>8</v>
      </c>
      <c r="AO20222">
        <v>8</v>
      </c>
      <c r="AP20222">
        <v>8</v>
      </c>
      <c r="AQ20222">
        <v>8</v>
      </c>
    </row>
    <row r="20223" spans="1:43">
      <c r="A20223" t="s">
        <v>12524</v>
      </c>
      <c r="B20223" t="s">
        <v>12525</v>
      </c>
      <c r="C20223" t="s">
        <v>12526</v>
      </c>
      <c r="D20223" t="s">
        <v>12527</v>
      </c>
      <c r="E20223" t="s">
        <v>12006</v>
      </c>
      <c r="F20223" t="s">
        <v>12007</v>
      </c>
      <c r="G20223" t="s">
        <v>10450</v>
      </c>
      <c r="H20223" t="s">
        <v>10451</v>
      </c>
      <c r="I20223" s="2">
        <v>1</v>
      </c>
      <c r="J20223" s="2">
        <v>0</v>
      </c>
      <c r="K20223" s="2">
        <v>0</v>
      </c>
      <c r="L20223" t="s">
        <v>120</v>
      </c>
      <c r="M20223" t="s">
        <v>87</v>
      </c>
      <c r="N20223" t="s">
        <v>88</v>
      </c>
      <c r="O20223" t="s">
        <v>85</v>
      </c>
      <c r="P20223" t="s">
        <v>86</v>
      </c>
      <c r="Q20223">
        <v>7</v>
      </c>
      <c r="R20223">
        <v>8</v>
      </c>
      <c r="S20223">
        <v>8</v>
      </c>
      <c r="T20223">
        <v>8</v>
      </c>
      <c r="U20223">
        <v>8</v>
      </c>
      <c r="V20223">
        <v>8</v>
      </c>
      <c r="W20223">
        <v>8</v>
      </c>
      <c r="X20223">
        <v>8</v>
      </c>
      <c r="Y20223">
        <v>8</v>
      </c>
      <c r="Z20223">
        <v>8</v>
      </c>
      <c r="AA20223">
        <v>8</v>
      </c>
      <c r="AB20223">
        <v>8</v>
      </c>
      <c r="AC20223">
        <v>8</v>
      </c>
      <c r="AD20223">
        <v>8</v>
      </c>
      <c r="AE20223">
        <v>8</v>
      </c>
      <c r="AF20223">
        <v>8</v>
      </c>
      <c r="AG20223">
        <v>8</v>
      </c>
      <c r="AH20223">
        <v>8</v>
      </c>
      <c r="AI20223">
        <v>8</v>
      </c>
      <c r="AJ20223">
        <v>8</v>
      </c>
      <c r="AK20223">
        <v>8</v>
      </c>
      <c r="AL20223">
        <v>8</v>
      </c>
      <c r="AM20223">
        <v>8</v>
      </c>
      <c r="AN20223">
        <v>8</v>
      </c>
      <c r="AO20223">
        <v>8</v>
      </c>
      <c r="AP20223">
        <v>8</v>
      </c>
      <c r="AQ20223">
        <v>8</v>
      </c>
    </row>
    <row r="20224" spans="1:43">
      <c r="A20224" t="s">
        <v>12524</v>
      </c>
      <c r="B20224" t="s">
        <v>12525</v>
      </c>
      <c r="C20224" t="s">
        <v>12526</v>
      </c>
      <c r="D20224" t="s">
        <v>12527</v>
      </c>
      <c r="E20224" t="s">
        <v>12006</v>
      </c>
      <c r="F20224" t="s">
        <v>12007</v>
      </c>
      <c r="G20224" t="s">
        <v>10450</v>
      </c>
      <c r="H20224" t="s">
        <v>10451</v>
      </c>
      <c r="I20224" s="2">
        <v>1</v>
      </c>
      <c r="J20224" s="2">
        <v>0</v>
      </c>
      <c r="K20224" s="2">
        <v>0</v>
      </c>
      <c r="L20224" t="s">
        <v>120</v>
      </c>
      <c r="M20224" t="s">
        <v>89</v>
      </c>
      <c r="N20224" t="s">
        <v>90</v>
      </c>
      <c r="O20224" t="s">
        <v>85</v>
      </c>
      <c r="P20224" t="s">
        <v>86</v>
      </c>
      <c r="Q20224">
        <v>7</v>
      </c>
      <c r="R20224">
        <v>7</v>
      </c>
      <c r="S20224">
        <v>7</v>
      </c>
      <c r="T20224">
        <v>7</v>
      </c>
      <c r="U20224">
        <v>7</v>
      </c>
      <c r="V20224">
        <v>7</v>
      </c>
      <c r="W20224">
        <v>7</v>
      </c>
      <c r="X20224">
        <v>8</v>
      </c>
      <c r="Y20224">
        <v>8</v>
      </c>
      <c r="Z20224">
        <v>8</v>
      </c>
      <c r="AA20224">
        <v>8</v>
      </c>
      <c r="AB20224">
        <v>8</v>
      </c>
      <c r="AC20224">
        <v>8</v>
      </c>
      <c r="AD20224">
        <v>8</v>
      </c>
      <c r="AE20224">
        <v>8</v>
      </c>
      <c r="AF20224">
        <v>8</v>
      </c>
      <c r="AG20224">
        <v>8</v>
      </c>
      <c r="AH20224">
        <v>8</v>
      </c>
      <c r="AI20224">
        <v>8</v>
      </c>
      <c r="AJ20224">
        <v>8</v>
      </c>
      <c r="AK20224">
        <v>8</v>
      </c>
      <c r="AL20224">
        <v>8</v>
      </c>
      <c r="AM20224">
        <v>8</v>
      </c>
      <c r="AN20224">
        <v>8</v>
      </c>
      <c r="AO20224">
        <v>8</v>
      </c>
      <c r="AP20224">
        <v>8</v>
      </c>
      <c r="AQ20224">
        <v>8</v>
      </c>
    </row>
    <row r="20225" spans="1:43">
      <c r="A20225" t="s">
        <v>12524</v>
      </c>
      <c r="B20225" t="s">
        <v>12525</v>
      </c>
      <c r="C20225" t="s">
        <v>12526</v>
      </c>
      <c r="D20225" t="s">
        <v>12527</v>
      </c>
      <c r="E20225" t="s">
        <v>12006</v>
      </c>
      <c r="F20225" t="s">
        <v>12007</v>
      </c>
      <c r="G20225" t="s">
        <v>10450</v>
      </c>
      <c r="H20225" t="s">
        <v>10451</v>
      </c>
      <c r="I20225" s="2">
        <v>1</v>
      </c>
      <c r="J20225" s="2">
        <v>0</v>
      </c>
      <c r="K20225" s="2">
        <v>0</v>
      </c>
      <c r="L20225" t="s">
        <v>120</v>
      </c>
      <c r="M20225" t="s">
        <v>83</v>
      </c>
      <c r="N20225" t="s">
        <v>91</v>
      </c>
      <c r="O20225" t="s">
        <v>85</v>
      </c>
      <c r="P20225" t="s">
        <v>86</v>
      </c>
      <c r="Q20225">
        <v>7</v>
      </c>
      <c r="R20225">
        <v>7</v>
      </c>
      <c r="S20225">
        <v>7</v>
      </c>
      <c r="T20225">
        <v>7</v>
      </c>
      <c r="U20225">
        <v>7</v>
      </c>
      <c r="V20225">
        <v>7</v>
      </c>
      <c r="W20225">
        <v>7</v>
      </c>
      <c r="X20225">
        <v>7</v>
      </c>
      <c r="Y20225">
        <v>7</v>
      </c>
      <c r="Z20225">
        <v>7</v>
      </c>
      <c r="AA20225">
        <v>7</v>
      </c>
      <c r="AB20225">
        <v>8</v>
      </c>
      <c r="AC20225">
        <v>8</v>
      </c>
      <c r="AD20225">
        <v>8</v>
      </c>
      <c r="AE20225">
        <v>8</v>
      </c>
      <c r="AF20225">
        <v>8</v>
      </c>
      <c r="AG20225">
        <v>8</v>
      </c>
      <c r="AH20225">
        <v>8</v>
      </c>
      <c r="AI20225">
        <v>8</v>
      </c>
      <c r="AJ20225">
        <v>8</v>
      </c>
      <c r="AK20225">
        <v>8</v>
      </c>
      <c r="AL20225">
        <v>8</v>
      </c>
      <c r="AM20225">
        <v>8</v>
      </c>
      <c r="AN20225">
        <v>8</v>
      </c>
      <c r="AO20225">
        <v>8</v>
      </c>
      <c r="AP20225">
        <v>8</v>
      </c>
      <c r="AQ20225">
        <v>8</v>
      </c>
    </row>
    <row r="20226" spans="1:43">
      <c r="A20226" t="s">
        <v>12528</v>
      </c>
      <c r="B20226" t="s">
        <v>12529</v>
      </c>
      <c r="C20226" t="s">
        <v>12526</v>
      </c>
      <c r="D20226" t="s">
        <v>12527</v>
      </c>
      <c r="E20226" t="s">
        <v>12006</v>
      </c>
      <c r="F20226" t="s">
        <v>12007</v>
      </c>
      <c r="G20226" t="s">
        <v>10450</v>
      </c>
      <c r="H20226" t="s">
        <v>10451</v>
      </c>
      <c r="I20226" s="2">
        <v>1</v>
      </c>
      <c r="J20226" s="2">
        <v>0</v>
      </c>
      <c r="K20226" s="2">
        <v>0</v>
      </c>
      <c r="L20226" t="s">
        <v>120</v>
      </c>
      <c r="M20226" t="s">
        <v>83</v>
      </c>
      <c r="N20226" t="s">
        <v>84</v>
      </c>
      <c r="O20226" t="s">
        <v>85</v>
      </c>
      <c r="P20226" t="s">
        <v>86</v>
      </c>
      <c r="Q20226">
        <v>4</v>
      </c>
      <c r="R20226">
        <v>4</v>
      </c>
      <c r="S20226">
        <v>4</v>
      </c>
      <c r="T20226">
        <v>4</v>
      </c>
      <c r="U20226">
        <v>4</v>
      </c>
      <c r="V20226">
        <v>4</v>
      </c>
      <c r="W20226">
        <v>4</v>
      </c>
      <c r="X20226">
        <v>4</v>
      </c>
      <c r="Y20226">
        <v>4</v>
      </c>
      <c r="Z20226">
        <v>4</v>
      </c>
      <c r="AA20226">
        <v>4</v>
      </c>
      <c r="AB20226">
        <v>4</v>
      </c>
      <c r="AC20226">
        <v>5</v>
      </c>
      <c r="AD20226">
        <v>5</v>
      </c>
      <c r="AE20226">
        <v>5</v>
      </c>
      <c r="AF20226">
        <v>5</v>
      </c>
      <c r="AG20226">
        <v>5</v>
      </c>
      <c r="AH20226">
        <v>5</v>
      </c>
      <c r="AI20226">
        <v>5</v>
      </c>
      <c r="AJ20226">
        <v>5</v>
      </c>
      <c r="AK20226">
        <v>5</v>
      </c>
      <c r="AL20226">
        <v>5</v>
      </c>
      <c r="AM20226">
        <v>5</v>
      </c>
      <c r="AN20226">
        <v>5</v>
      </c>
      <c r="AO20226">
        <v>5</v>
      </c>
      <c r="AP20226">
        <v>5</v>
      </c>
      <c r="AQ20226">
        <v>5</v>
      </c>
    </row>
    <row r="20227" spans="1:43">
      <c r="A20227" t="s">
        <v>12528</v>
      </c>
      <c r="B20227" t="s">
        <v>12529</v>
      </c>
      <c r="C20227" t="s">
        <v>12526</v>
      </c>
      <c r="D20227" t="s">
        <v>12527</v>
      </c>
      <c r="E20227" t="s">
        <v>12006</v>
      </c>
      <c r="F20227" t="s">
        <v>12007</v>
      </c>
      <c r="G20227" t="s">
        <v>10450</v>
      </c>
      <c r="H20227" t="s">
        <v>10451</v>
      </c>
      <c r="I20227" s="2">
        <v>1</v>
      </c>
      <c r="J20227" s="2">
        <v>0</v>
      </c>
      <c r="K20227" s="2">
        <v>0</v>
      </c>
      <c r="L20227" t="s">
        <v>120</v>
      </c>
      <c r="M20227" t="s">
        <v>87</v>
      </c>
      <c r="N20227" t="s">
        <v>88</v>
      </c>
      <c r="O20227" t="s">
        <v>85</v>
      </c>
      <c r="P20227" t="s">
        <v>86</v>
      </c>
      <c r="Q20227">
        <v>4</v>
      </c>
      <c r="R20227">
        <v>4</v>
      </c>
      <c r="S20227">
        <v>4</v>
      </c>
      <c r="T20227">
        <v>4</v>
      </c>
      <c r="U20227">
        <v>4</v>
      </c>
      <c r="V20227">
        <v>4</v>
      </c>
      <c r="W20227">
        <v>4</v>
      </c>
      <c r="X20227">
        <v>4</v>
      </c>
      <c r="Y20227">
        <v>4</v>
      </c>
      <c r="Z20227">
        <v>4</v>
      </c>
      <c r="AA20227">
        <v>4</v>
      </c>
      <c r="AB20227">
        <v>4</v>
      </c>
      <c r="AC20227">
        <v>4</v>
      </c>
      <c r="AD20227">
        <v>4</v>
      </c>
      <c r="AE20227">
        <v>4</v>
      </c>
      <c r="AF20227">
        <v>4</v>
      </c>
      <c r="AG20227">
        <v>4</v>
      </c>
      <c r="AH20227">
        <v>4</v>
      </c>
      <c r="AI20227">
        <v>4</v>
      </c>
      <c r="AJ20227">
        <v>4</v>
      </c>
      <c r="AK20227">
        <v>4</v>
      </c>
      <c r="AL20227">
        <v>4</v>
      </c>
      <c r="AM20227">
        <v>4</v>
      </c>
      <c r="AN20227">
        <v>4</v>
      </c>
      <c r="AO20227">
        <v>4</v>
      </c>
      <c r="AP20227">
        <v>4</v>
      </c>
      <c r="AQ20227">
        <v>4</v>
      </c>
    </row>
    <row r="20228" spans="1:43">
      <c r="A20228" t="s">
        <v>12528</v>
      </c>
      <c r="B20228" t="s">
        <v>12529</v>
      </c>
      <c r="C20228" t="s">
        <v>12526</v>
      </c>
      <c r="D20228" t="s">
        <v>12527</v>
      </c>
      <c r="E20228" t="s">
        <v>12006</v>
      </c>
      <c r="F20228" t="s">
        <v>12007</v>
      </c>
      <c r="G20228" t="s">
        <v>10450</v>
      </c>
      <c r="H20228" t="s">
        <v>10451</v>
      </c>
      <c r="I20228" s="2">
        <v>1</v>
      </c>
      <c r="J20228" s="2">
        <v>0</v>
      </c>
      <c r="K20228" s="2">
        <v>0</v>
      </c>
      <c r="L20228" t="s">
        <v>120</v>
      </c>
      <c r="M20228" t="s">
        <v>89</v>
      </c>
      <c r="N20228" t="s">
        <v>90</v>
      </c>
      <c r="O20228" t="s">
        <v>85</v>
      </c>
      <c r="P20228" t="s">
        <v>86</v>
      </c>
      <c r="Q20228">
        <v>4</v>
      </c>
      <c r="R20228">
        <v>4</v>
      </c>
      <c r="S20228">
        <v>4</v>
      </c>
      <c r="T20228">
        <v>4</v>
      </c>
      <c r="U20228">
        <v>4</v>
      </c>
      <c r="V20228">
        <v>4</v>
      </c>
      <c r="W20228">
        <v>4</v>
      </c>
      <c r="X20228">
        <v>5</v>
      </c>
      <c r="Y20228">
        <v>5</v>
      </c>
      <c r="Z20228">
        <v>5</v>
      </c>
      <c r="AA20228">
        <v>5</v>
      </c>
      <c r="AB20228">
        <v>5</v>
      </c>
      <c r="AC20228">
        <v>5</v>
      </c>
      <c r="AD20228">
        <v>5</v>
      </c>
      <c r="AE20228">
        <v>5</v>
      </c>
      <c r="AF20228">
        <v>5</v>
      </c>
      <c r="AG20228">
        <v>5</v>
      </c>
      <c r="AH20228">
        <v>5</v>
      </c>
      <c r="AI20228">
        <v>5</v>
      </c>
      <c r="AJ20228">
        <v>5</v>
      </c>
      <c r="AK20228">
        <v>5</v>
      </c>
      <c r="AL20228">
        <v>5</v>
      </c>
      <c r="AM20228">
        <v>5</v>
      </c>
      <c r="AN20228">
        <v>5</v>
      </c>
      <c r="AO20228">
        <v>5</v>
      </c>
      <c r="AP20228">
        <v>5</v>
      </c>
      <c r="AQ20228">
        <v>5</v>
      </c>
    </row>
    <row r="20229" spans="1:43">
      <c r="A20229" t="s">
        <v>12528</v>
      </c>
      <c r="B20229" t="s">
        <v>12529</v>
      </c>
      <c r="C20229" t="s">
        <v>12526</v>
      </c>
      <c r="D20229" t="s">
        <v>12527</v>
      </c>
      <c r="E20229" t="s">
        <v>12006</v>
      </c>
      <c r="F20229" t="s">
        <v>12007</v>
      </c>
      <c r="G20229" t="s">
        <v>10450</v>
      </c>
      <c r="H20229" t="s">
        <v>10451</v>
      </c>
      <c r="I20229" s="2">
        <v>1</v>
      </c>
      <c r="J20229" s="2">
        <v>0</v>
      </c>
      <c r="K20229" s="2">
        <v>0</v>
      </c>
      <c r="L20229" t="s">
        <v>120</v>
      </c>
      <c r="M20229" t="s">
        <v>83</v>
      </c>
      <c r="N20229" t="s">
        <v>91</v>
      </c>
      <c r="O20229" t="s">
        <v>85</v>
      </c>
      <c r="P20229" t="s">
        <v>86</v>
      </c>
      <c r="Q20229">
        <v>4</v>
      </c>
      <c r="R20229">
        <v>4</v>
      </c>
      <c r="S20229">
        <v>4</v>
      </c>
      <c r="T20229">
        <v>4</v>
      </c>
      <c r="U20229">
        <v>4</v>
      </c>
      <c r="V20229">
        <v>4</v>
      </c>
      <c r="W20229">
        <v>4</v>
      </c>
      <c r="X20229">
        <v>4</v>
      </c>
      <c r="Y20229">
        <v>4</v>
      </c>
      <c r="Z20229">
        <v>4</v>
      </c>
      <c r="AA20229">
        <v>4</v>
      </c>
      <c r="AB20229">
        <v>4</v>
      </c>
      <c r="AC20229">
        <v>5</v>
      </c>
      <c r="AD20229">
        <v>5</v>
      </c>
      <c r="AE20229">
        <v>5</v>
      </c>
      <c r="AF20229">
        <v>5</v>
      </c>
      <c r="AG20229">
        <v>5</v>
      </c>
      <c r="AH20229">
        <v>5</v>
      </c>
      <c r="AI20229">
        <v>5</v>
      </c>
      <c r="AJ20229">
        <v>5</v>
      </c>
      <c r="AK20229">
        <v>5</v>
      </c>
      <c r="AL20229">
        <v>5</v>
      </c>
      <c r="AM20229">
        <v>5</v>
      </c>
      <c r="AN20229">
        <v>5</v>
      </c>
      <c r="AO20229">
        <v>5</v>
      </c>
      <c r="AP20229">
        <v>5</v>
      </c>
      <c r="AQ20229">
        <v>5</v>
      </c>
    </row>
    <row r="20230" spans="1:43">
      <c r="A20230" t="s">
        <v>12530</v>
      </c>
      <c r="B20230" t="s">
        <v>12531</v>
      </c>
      <c r="C20230" t="s">
        <v>12526</v>
      </c>
      <c r="D20230" t="s">
        <v>12527</v>
      </c>
      <c r="E20230" t="s">
        <v>12006</v>
      </c>
      <c r="F20230" t="s">
        <v>12007</v>
      </c>
      <c r="G20230" t="s">
        <v>10450</v>
      </c>
      <c r="H20230" t="s">
        <v>10451</v>
      </c>
      <c r="I20230" s="2">
        <v>1</v>
      </c>
      <c r="J20230" s="2">
        <v>0</v>
      </c>
      <c r="K20230" s="2">
        <v>0</v>
      </c>
      <c r="L20230" t="s">
        <v>120</v>
      </c>
      <c r="M20230" t="s">
        <v>83</v>
      </c>
      <c r="N20230" t="s">
        <v>84</v>
      </c>
      <c r="O20230" t="s">
        <v>85</v>
      </c>
      <c r="P20230" t="s">
        <v>86</v>
      </c>
      <c r="Q20230">
        <v>9</v>
      </c>
      <c r="R20230">
        <v>9</v>
      </c>
      <c r="S20230">
        <v>10</v>
      </c>
      <c r="T20230">
        <v>10</v>
      </c>
      <c r="U20230">
        <v>10</v>
      </c>
      <c r="V20230">
        <v>10</v>
      </c>
      <c r="W20230">
        <v>10</v>
      </c>
      <c r="X20230">
        <v>10</v>
      </c>
      <c r="Y20230">
        <v>10</v>
      </c>
      <c r="Z20230">
        <v>10</v>
      </c>
      <c r="AA20230">
        <v>11</v>
      </c>
      <c r="AB20230">
        <v>11</v>
      </c>
      <c r="AC20230">
        <v>11</v>
      </c>
      <c r="AD20230">
        <v>11</v>
      </c>
      <c r="AE20230">
        <v>11</v>
      </c>
      <c r="AF20230">
        <v>11</v>
      </c>
      <c r="AG20230">
        <v>11</v>
      </c>
      <c r="AH20230">
        <v>11</v>
      </c>
      <c r="AI20230">
        <v>12</v>
      </c>
      <c r="AJ20230">
        <v>12</v>
      </c>
      <c r="AK20230">
        <v>12</v>
      </c>
      <c r="AL20230">
        <v>12</v>
      </c>
      <c r="AM20230">
        <v>12</v>
      </c>
      <c r="AN20230">
        <v>12</v>
      </c>
      <c r="AO20230">
        <v>12</v>
      </c>
      <c r="AP20230">
        <v>12</v>
      </c>
      <c r="AQ20230">
        <v>12</v>
      </c>
    </row>
    <row r="20231" spans="1:43">
      <c r="A20231" t="s">
        <v>12530</v>
      </c>
      <c r="B20231" t="s">
        <v>12531</v>
      </c>
      <c r="C20231" t="s">
        <v>12526</v>
      </c>
      <c r="D20231" t="s">
        <v>12527</v>
      </c>
      <c r="E20231" t="s">
        <v>12006</v>
      </c>
      <c r="F20231" t="s">
        <v>12007</v>
      </c>
      <c r="G20231" t="s">
        <v>10450</v>
      </c>
      <c r="H20231" t="s">
        <v>10451</v>
      </c>
      <c r="I20231" s="2">
        <v>1</v>
      </c>
      <c r="J20231" s="2">
        <v>0</v>
      </c>
      <c r="K20231" s="2">
        <v>0</v>
      </c>
      <c r="L20231" t="s">
        <v>120</v>
      </c>
      <c r="M20231" t="s">
        <v>87</v>
      </c>
      <c r="N20231" t="s">
        <v>88</v>
      </c>
      <c r="O20231" t="s">
        <v>85</v>
      </c>
      <c r="P20231" t="s">
        <v>86</v>
      </c>
      <c r="Q20231">
        <v>9</v>
      </c>
      <c r="R20231">
        <v>9</v>
      </c>
      <c r="S20231">
        <v>9</v>
      </c>
      <c r="T20231">
        <v>9</v>
      </c>
      <c r="U20231">
        <v>9</v>
      </c>
      <c r="V20231">
        <v>9</v>
      </c>
      <c r="W20231">
        <v>9</v>
      </c>
      <c r="X20231">
        <v>10</v>
      </c>
      <c r="Y20231">
        <v>10</v>
      </c>
      <c r="Z20231">
        <v>10</v>
      </c>
      <c r="AA20231">
        <v>10</v>
      </c>
      <c r="AB20231">
        <v>10</v>
      </c>
      <c r="AC20231">
        <v>10</v>
      </c>
      <c r="AD20231">
        <v>10</v>
      </c>
      <c r="AE20231">
        <v>10</v>
      </c>
      <c r="AF20231">
        <v>10</v>
      </c>
      <c r="AG20231">
        <v>10</v>
      </c>
      <c r="AH20231">
        <v>10</v>
      </c>
      <c r="AI20231">
        <v>10</v>
      </c>
      <c r="AJ20231">
        <v>10</v>
      </c>
      <c r="AK20231">
        <v>10</v>
      </c>
      <c r="AL20231">
        <v>10</v>
      </c>
      <c r="AM20231">
        <v>10</v>
      </c>
      <c r="AN20231">
        <v>10</v>
      </c>
      <c r="AO20231">
        <v>10</v>
      </c>
      <c r="AP20231">
        <v>10</v>
      </c>
      <c r="AQ20231">
        <v>10</v>
      </c>
    </row>
    <row r="20232" spans="1:43">
      <c r="A20232" t="s">
        <v>12530</v>
      </c>
      <c r="B20232" t="s">
        <v>12531</v>
      </c>
      <c r="C20232" t="s">
        <v>12526</v>
      </c>
      <c r="D20232" t="s">
        <v>12527</v>
      </c>
      <c r="E20232" t="s">
        <v>12006</v>
      </c>
      <c r="F20232" t="s">
        <v>12007</v>
      </c>
      <c r="G20232" t="s">
        <v>10450</v>
      </c>
      <c r="H20232" t="s">
        <v>10451</v>
      </c>
      <c r="I20232" s="2">
        <v>1</v>
      </c>
      <c r="J20232" s="2">
        <v>0</v>
      </c>
      <c r="K20232" s="2">
        <v>0</v>
      </c>
      <c r="L20232" t="s">
        <v>120</v>
      </c>
      <c r="M20232" t="s">
        <v>89</v>
      </c>
      <c r="N20232" t="s">
        <v>90</v>
      </c>
      <c r="O20232" t="s">
        <v>85</v>
      </c>
      <c r="P20232" t="s">
        <v>86</v>
      </c>
      <c r="Q20232">
        <v>9</v>
      </c>
      <c r="R20232">
        <v>10</v>
      </c>
      <c r="S20232">
        <v>10</v>
      </c>
      <c r="T20232">
        <v>10</v>
      </c>
      <c r="U20232">
        <v>10</v>
      </c>
      <c r="V20232">
        <v>10</v>
      </c>
      <c r="W20232">
        <v>11</v>
      </c>
      <c r="X20232">
        <v>11</v>
      </c>
      <c r="Y20232">
        <v>11</v>
      </c>
      <c r="Z20232">
        <v>11</v>
      </c>
      <c r="AA20232">
        <v>11</v>
      </c>
      <c r="AB20232">
        <v>11</v>
      </c>
      <c r="AC20232">
        <v>12</v>
      </c>
      <c r="AD20232">
        <v>12</v>
      </c>
      <c r="AE20232">
        <v>12</v>
      </c>
      <c r="AF20232">
        <v>12</v>
      </c>
      <c r="AG20232">
        <v>12</v>
      </c>
      <c r="AH20232">
        <v>12</v>
      </c>
      <c r="AI20232">
        <v>12</v>
      </c>
      <c r="AJ20232">
        <v>12</v>
      </c>
      <c r="AK20232">
        <v>12</v>
      </c>
      <c r="AL20232">
        <v>12</v>
      </c>
      <c r="AM20232">
        <v>12</v>
      </c>
      <c r="AN20232">
        <v>12</v>
      </c>
      <c r="AO20232">
        <v>12</v>
      </c>
      <c r="AP20232">
        <v>12</v>
      </c>
      <c r="AQ20232">
        <v>12</v>
      </c>
    </row>
    <row r="20233" spans="1:43">
      <c r="A20233" t="s">
        <v>12530</v>
      </c>
      <c r="B20233" t="s">
        <v>12531</v>
      </c>
      <c r="C20233" t="s">
        <v>12526</v>
      </c>
      <c r="D20233" t="s">
        <v>12527</v>
      </c>
      <c r="E20233" t="s">
        <v>12006</v>
      </c>
      <c r="F20233" t="s">
        <v>12007</v>
      </c>
      <c r="G20233" t="s">
        <v>10450</v>
      </c>
      <c r="H20233" t="s">
        <v>10451</v>
      </c>
      <c r="I20233" s="2">
        <v>1</v>
      </c>
      <c r="J20233" s="2">
        <v>0</v>
      </c>
      <c r="K20233" s="2">
        <v>0</v>
      </c>
      <c r="L20233" t="s">
        <v>120</v>
      </c>
      <c r="M20233" t="s">
        <v>83</v>
      </c>
      <c r="N20233" t="s">
        <v>91</v>
      </c>
      <c r="O20233" t="s">
        <v>85</v>
      </c>
      <c r="P20233" t="s">
        <v>86</v>
      </c>
      <c r="Q20233">
        <v>9</v>
      </c>
      <c r="R20233">
        <v>9</v>
      </c>
      <c r="S20233">
        <v>10</v>
      </c>
      <c r="T20233">
        <v>10</v>
      </c>
      <c r="U20233">
        <v>10</v>
      </c>
      <c r="V20233">
        <v>10</v>
      </c>
      <c r="W20233">
        <v>10</v>
      </c>
      <c r="X20233">
        <v>10</v>
      </c>
      <c r="Y20233">
        <v>10</v>
      </c>
      <c r="Z20233">
        <v>10</v>
      </c>
      <c r="AA20233">
        <v>11</v>
      </c>
      <c r="AB20233">
        <v>11</v>
      </c>
      <c r="AC20233">
        <v>11</v>
      </c>
      <c r="AD20233">
        <v>11</v>
      </c>
      <c r="AE20233">
        <v>11</v>
      </c>
      <c r="AF20233">
        <v>11</v>
      </c>
      <c r="AG20233">
        <v>11</v>
      </c>
      <c r="AH20233">
        <v>11</v>
      </c>
      <c r="AI20233">
        <v>12</v>
      </c>
      <c r="AJ20233">
        <v>12</v>
      </c>
      <c r="AK20233">
        <v>12</v>
      </c>
      <c r="AL20233">
        <v>12</v>
      </c>
      <c r="AM20233">
        <v>12</v>
      </c>
      <c r="AN20233">
        <v>12</v>
      </c>
      <c r="AO20233">
        <v>12</v>
      </c>
      <c r="AP20233">
        <v>12</v>
      </c>
      <c r="AQ20233">
        <v>12</v>
      </c>
    </row>
    <row r="20234" spans="1:43">
      <c r="A20234" t="s">
        <v>12532</v>
      </c>
      <c r="B20234" t="s">
        <v>12533</v>
      </c>
      <c r="C20234" t="s">
        <v>12526</v>
      </c>
      <c r="D20234" t="s">
        <v>12527</v>
      </c>
      <c r="E20234" t="s">
        <v>12006</v>
      </c>
      <c r="F20234" t="s">
        <v>12007</v>
      </c>
      <c r="G20234" t="s">
        <v>10450</v>
      </c>
      <c r="H20234" t="s">
        <v>10451</v>
      </c>
      <c r="I20234" s="2">
        <v>1</v>
      </c>
      <c r="J20234" s="2">
        <v>0</v>
      </c>
      <c r="K20234" s="2">
        <v>0</v>
      </c>
      <c r="L20234" t="s">
        <v>120</v>
      </c>
      <c r="M20234" t="s">
        <v>83</v>
      </c>
      <c r="N20234" t="s">
        <v>84</v>
      </c>
      <c r="O20234" t="s">
        <v>85</v>
      </c>
      <c r="P20234" t="s">
        <v>86</v>
      </c>
      <c r="Q20234">
        <v>14</v>
      </c>
      <c r="R20234">
        <v>14</v>
      </c>
      <c r="S20234">
        <v>14</v>
      </c>
      <c r="T20234">
        <v>14</v>
      </c>
      <c r="U20234">
        <v>14</v>
      </c>
      <c r="V20234">
        <v>15</v>
      </c>
      <c r="W20234">
        <v>15</v>
      </c>
      <c r="X20234">
        <v>15</v>
      </c>
      <c r="Y20234">
        <v>15</v>
      </c>
      <c r="Z20234">
        <v>15</v>
      </c>
      <c r="AA20234">
        <v>16</v>
      </c>
      <c r="AB20234">
        <v>16</v>
      </c>
      <c r="AC20234">
        <v>16</v>
      </c>
      <c r="AD20234">
        <v>16</v>
      </c>
      <c r="AE20234">
        <v>16</v>
      </c>
      <c r="AF20234">
        <v>16</v>
      </c>
      <c r="AG20234">
        <v>17</v>
      </c>
      <c r="AH20234">
        <v>17</v>
      </c>
      <c r="AI20234">
        <v>17</v>
      </c>
      <c r="AJ20234">
        <v>17</v>
      </c>
      <c r="AK20234">
        <v>17</v>
      </c>
      <c r="AL20234">
        <v>17</v>
      </c>
      <c r="AM20234">
        <v>17</v>
      </c>
      <c r="AN20234">
        <v>17</v>
      </c>
      <c r="AO20234">
        <v>17</v>
      </c>
      <c r="AP20234">
        <v>17</v>
      </c>
      <c r="AQ20234">
        <v>17</v>
      </c>
    </row>
    <row r="20235" spans="1:43">
      <c r="A20235" t="s">
        <v>12532</v>
      </c>
      <c r="B20235" t="s">
        <v>12533</v>
      </c>
      <c r="C20235" t="s">
        <v>12526</v>
      </c>
      <c r="D20235" t="s">
        <v>12527</v>
      </c>
      <c r="E20235" t="s">
        <v>12006</v>
      </c>
      <c r="F20235" t="s">
        <v>12007</v>
      </c>
      <c r="G20235" t="s">
        <v>10450</v>
      </c>
      <c r="H20235" t="s">
        <v>10451</v>
      </c>
      <c r="I20235" s="2">
        <v>1</v>
      </c>
      <c r="J20235" s="2">
        <v>0</v>
      </c>
      <c r="K20235" s="2">
        <v>0</v>
      </c>
      <c r="L20235" t="s">
        <v>120</v>
      </c>
      <c r="M20235" t="s">
        <v>87</v>
      </c>
      <c r="N20235" t="s">
        <v>88</v>
      </c>
      <c r="O20235" t="s">
        <v>85</v>
      </c>
      <c r="P20235" t="s">
        <v>86</v>
      </c>
      <c r="Q20235">
        <v>14</v>
      </c>
      <c r="R20235">
        <v>14</v>
      </c>
      <c r="S20235">
        <v>14</v>
      </c>
      <c r="T20235">
        <v>14</v>
      </c>
      <c r="U20235">
        <v>14</v>
      </c>
      <c r="V20235">
        <v>14</v>
      </c>
      <c r="W20235">
        <v>14</v>
      </c>
      <c r="X20235">
        <v>14</v>
      </c>
      <c r="Y20235">
        <v>14</v>
      </c>
      <c r="Z20235">
        <v>14</v>
      </c>
      <c r="AA20235">
        <v>14</v>
      </c>
      <c r="AB20235">
        <v>14</v>
      </c>
      <c r="AC20235">
        <v>14</v>
      </c>
      <c r="AD20235">
        <v>14</v>
      </c>
      <c r="AE20235">
        <v>14</v>
      </c>
      <c r="AF20235">
        <v>15</v>
      </c>
      <c r="AG20235">
        <v>15</v>
      </c>
      <c r="AH20235">
        <v>15</v>
      </c>
      <c r="AI20235">
        <v>15</v>
      </c>
      <c r="AJ20235">
        <v>15</v>
      </c>
      <c r="AK20235">
        <v>15</v>
      </c>
      <c r="AL20235">
        <v>15</v>
      </c>
      <c r="AM20235">
        <v>15</v>
      </c>
      <c r="AN20235">
        <v>15</v>
      </c>
      <c r="AO20235">
        <v>15</v>
      </c>
      <c r="AP20235">
        <v>15</v>
      </c>
      <c r="AQ20235">
        <v>15</v>
      </c>
    </row>
    <row r="20236" spans="1:43">
      <c r="A20236" t="s">
        <v>12532</v>
      </c>
      <c r="B20236" t="s">
        <v>12533</v>
      </c>
      <c r="C20236" t="s">
        <v>12526</v>
      </c>
      <c r="D20236" t="s">
        <v>12527</v>
      </c>
      <c r="E20236" t="s">
        <v>12006</v>
      </c>
      <c r="F20236" t="s">
        <v>12007</v>
      </c>
      <c r="G20236" t="s">
        <v>10450</v>
      </c>
      <c r="H20236" t="s">
        <v>10451</v>
      </c>
      <c r="I20236" s="2">
        <v>1</v>
      </c>
      <c r="J20236" s="2">
        <v>0</v>
      </c>
      <c r="K20236" s="2">
        <v>0</v>
      </c>
      <c r="L20236" t="s">
        <v>120</v>
      </c>
      <c r="M20236" t="s">
        <v>89</v>
      </c>
      <c r="N20236" t="s">
        <v>90</v>
      </c>
      <c r="O20236" t="s">
        <v>85</v>
      </c>
      <c r="P20236" t="s">
        <v>86</v>
      </c>
      <c r="Q20236">
        <v>14</v>
      </c>
      <c r="R20236">
        <v>14</v>
      </c>
      <c r="S20236">
        <v>14</v>
      </c>
      <c r="T20236">
        <v>15</v>
      </c>
      <c r="U20236">
        <v>15</v>
      </c>
      <c r="V20236">
        <v>15</v>
      </c>
      <c r="W20236">
        <v>16</v>
      </c>
      <c r="X20236">
        <v>16</v>
      </c>
      <c r="Y20236">
        <v>16</v>
      </c>
      <c r="Z20236">
        <v>16</v>
      </c>
      <c r="AA20236">
        <v>17</v>
      </c>
      <c r="AB20236">
        <v>17</v>
      </c>
      <c r="AC20236">
        <v>17</v>
      </c>
      <c r="AD20236">
        <v>17</v>
      </c>
      <c r="AE20236">
        <v>17</v>
      </c>
      <c r="AF20236">
        <v>17</v>
      </c>
      <c r="AG20236">
        <v>17</v>
      </c>
      <c r="AH20236">
        <v>17</v>
      </c>
      <c r="AI20236">
        <v>17</v>
      </c>
      <c r="AJ20236">
        <v>17</v>
      </c>
      <c r="AK20236">
        <v>17</v>
      </c>
      <c r="AL20236">
        <v>17</v>
      </c>
      <c r="AM20236">
        <v>17</v>
      </c>
      <c r="AN20236">
        <v>17</v>
      </c>
      <c r="AO20236">
        <v>17</v>
      </c>
      <c r="AP20236">
        <v>17</v>
      </c>
      <c r="AQ20236">
        <v>17</v>
      </c>
    </row>
    <row r="20237" spans="1:43">
      <c r="A20237" t="s">
        <v>12532</v>
      </c>
      <c r="B20237" t="s">
        <v>12533</v>
      </c>
      <c r="C20237" t="s">
        <v>12526</v>
      </c>
      <c r="D20237" t="s">
        <v>12527</v>
      </c>
      <c r="E20237" t="s">
        <v>12006</v>
      </c>
      <c r="F20237" t="s">
        <v>12007</v>
      </c>
      <c r="G20237" t="s">
        <v>10450</v>
      </c>
      <c r="H20237" t="s">
        <v>10451</v>
      </c>
      <c r="I20237" s="2">
        <v>1</v>
      </c>
      <c r="J20237" s="2">
        <v>0</v>
      </c>
      <c r="K20237" s="2">
        <v>0</v>
      </c>
      <c r="L20237" t="s">
        <v>120</v>
      </c>
      <c r="M20237" t="s">
        <v>83</v>
      </c>
      <c r="N20237" t="s">
        <v>91</v>
      </c>
      <c r="O20237" t="s">
        <v>85</v>
      </c>
      <c r="P20237" t="s">
        <v>86</v>
      </c>
      <c r="Q20237">
        <v>14</v>
      </c>
      <c r="R20237">
        <v>14</v>
      </c>
      <c r="S20237">
        <v>14</v>
      </c>
      <c r="T20237">
        <v>14</v>
      </c>
      <c r="U20237">
        <v>14</v>
      </c>
      <c r="V20237">
        <v>15</v>
      </c>
      <c r="W20237">
        <v>15</v>
      </c>
      <c r="X20237">
        <v>15</v>
      </c>
      <c r="Y20237">
        <v>15</v>
      </c>
      <c r="Z20237">
        <v>15</v>
      </c>
      <c r="AA20237">
        <v>16</v>
      </c>
      <c r="AB20237">
        <v>16</v>
      </c>
      <c r="AC20237">
        <v>16</v>
      </c>
      <c r="AD20237">
        <v>16</v>
      </c>
      <c r="AE20237">
        <v>16</v>
      </c>
      <c r="AF20237">
        <v>16</v>
      </c>
      <c r="AG20237">
        <v>17</v>
      </c>
      <c r="AH20237">
        <v>17</v>
      </c>
      <c r="AI20237">
        <v>17</v>
      </c>
      <c r="AJ20237">
        <v>17</v>
      </c>
      <c r="AK20237">
        <v>17</v>
      </c>
      <c r="AL20237">
        <v>17</v>
      </c>
      <c r="AM20237">
        <v>17</v>
      </c>
      <c r="AN20237">
        <v>17</v>
      </c>
      <c r="AO20237">
        <v>17</v>
      </c>
      <c r="AP20237">
        <v>17</v>
      </c>
      <c r="AQ20237">
        <v>17</v>
      </c>
    </row>
    <row r="20238" spans="1:43">
      <c r="A20238" t="s">
        <v>12534</v>
      </c>
      <c r="B20238" t="s">
        <v>12535</v>
      </c>
      <c r="C20238" t="s">
        <v>12526</v>
      </c>
      <c r="D20238" t="s">
        <v>12527</v>
      </c>
      <c r="E20238" t="s">
        <v>12006</v>
      </c>
      <c r="F20238" t="s">
        <v>12007</v>
      </c>
      <c r="G20238" t="s">
        <v>10450</v>
      </c>
      <c r="H20238" t="s">
        <v>10451</v>
      </c>
      <c r="I20238" s="2">
        <v>1</v>
      </c>
      <c r="J20238" s="2">
        <v>0</v>
      </c>
      <c r="K20238" s="2">
        <v>0</v>
      </c>
      <c r="L20238" t="s">
        <v>120</v>
      </c>
      <c r="M20238" t="s">
        <v>83</v>
      </c>
      <c r="N20238" t="s">
        <v>84</v>
      </c>
      <c r="O20238" t="s">
        <v>85</v>
      </c>
      <c r="P20238" t="s">
        <v>86</v>
      </c>
      <c r="Q20238">
        <v>8</v>
      </c>
      <c r="R20238">
        <v>8</v>
      </c>
      <c r="S20238">
        <v>8</v>
      </c>
      <c r="T20238">
        <v>8</v>
      </c>
      <c r="U20238">
        <v>8</v>
      </c>
      <c r="V20238">
        <v>8</v>
      </c>
      <c r="W20238">
        <v>8</v>
      </c>
      <c r="X20238">
        <v>9</v>
      </c>
      <c r="Y20238">
        <v>9</v>
      </c>
      <c r="Z20238">
        <v>9</v>
      </c>
      <c r="AA20238">
        <v>9</v>
      </c>
      <c r="AB20238">
        <v>9</v>
      </c>
      <c r="AC20238">
        <v>9</v>
      </c>
      <c r="AD20238">
        <v>9</v>
      </c>
      <c r="AE20238">
        <v>9</v>
      </c>
      <c r="AF20238">
        <v>9</v>
      </c>
      <c r="AG20238">
        <v>9</v>
      </c>
      <c r="AH20238">
        <v>10</v>
      </c>
      <c r="AI20238">
        <v>10</v>
      </c>
      <c r="AJ20238">
        <v>10</v>
      </c>
      <c r="AK20238">
        <v>10</v>
      </c>
      <c r="AL20238">
        <v>10</v>
      </c>
      <c r="AM20238">
        <v>10</v>
      </c>
      <c r="AN20238">
        <v>10</v>
      </c>
      <c r="AO20238">
        <v>10</v>
      </c>
      <c r="AP20238">
        <v>10</v>
      </c>
      <c r="AQ20238">
        <v>10</v>
      </c>
    </row>
    <row r="20239" spans="1:43">
      <c r="A20239" t="s">
        <v>12534</v>
      </c>
      <c r="B20239" t="s">
        <v>12535</v>
      </c>
      <c r="C20239" t="s">
        <v>12526</v>
      </c>
      <c r="D20239" t="s">
        <v>12527</v>
      </c>
      <c r="E20239" t="s">
        <v>12006</v>
      </c>
      <c r="F20239" t="s">
        <v>12007</v>
      </c>
      <c r="G20239" t="s">
        <v>10450</v>
      </c>
      <c r="H20239" t="s">
        <v>10451</v>
      </c>
      <c r="I20239" s="2">
        <v>1</v>
      </c>
      <c r="J20239" s="2">
        <v>0</v>
      </c>
      <c r="K20239" s="2">
        <v>0</v>
      </c>
      <c r="L20239" t="s">
        <v>120</v>
      </c>
      <c r="M20239" t="s">
        <v>87</v>
      </c>
      <c r="N20239" t="s">
        <v>88</v>
      </c>
      <c r="O20239" t="s">
        <v>85</v>
      </c>
      <c r="P20239" t="s">
        <v>86</v>
      </c>
      <c r="Q20239">
        <v>8</v>
      </c>
      <c r="R20239">
        <v>8</v>
      </c>
      <c r="S20239">
        <v>8</v>
      </c>
      <c r="T20239">
        <v>8</v>
      </c>
      <c r="U20239">
        <v>8</v>
      </c>
      <c r="V20239">
        <v>8</v>
      </c>
      <c r="W20239">
        <v>8</v>
      </c>
      <c r="X20239">
        <v>8</v>
      </c>
      <c r="Y20239">
        <v>8</v>
      </c>
      <c r="Z20239">
        <v>8</v>
      </c>
      <c r="AA20239">
        <v>8</v>
      </c>
      <c r="AB20239">
        <v>8</v>
      </c>
      <c r="AC20239">
        <v>8</v>
      </c>
      <c r="AD20239">
        <v>8</v>
      </c>
      <c r="AE20239">
        <v>8</v>
      </c>
      <c r="AF20239">
        <v>8</v>
      </c>
      <c r="AG20239">
        <v>8</v>
      </c>
      <c r="AH20239">
        <v>8</v>
      </c>
      <c r="AI20239">
        <v>8</v>
      </c>
      <c r="AJ20239">
        <v>8</v>
      </c>
      <c r="AK20239">
        <v>8</v>
      </c>
      <c r="AL20239">
        <v>8</v>
      </c>
      <c r="AM20239">
        <v>8</v>
      </c>
      <c r="AN20239">
        <v>8</v>
      </c>
      <c r="AO20239">
        <v>9</v>
      </c>
      <c r="AP20239">
        <v>9</v>
      </c>
      <c r="AQ20239">
        <v>9</v>
      </c>
    </row>
    <row r="20240" spans="1:43">
      <c r="A20240" t="s">
        <v>12534</v>
      </c>
      <c r="B20240" t="s">
        <v>12535</v>
      </c>
      <c r="C20240" t="s">
        <v>12526</v>
      </c>
      <c r="D20240" t="s">
        <v>12527</v>
      </c>
      <c r="E20240" t="s">
        <v>12006</v>
      </c>
      <c r="F20240" t="s">
        <v>12007</v>
      </c>
      <c r="G20240" t="s">
        <v>10450</v>
      </c>
      <c r="H20240" t="s">
        <v>10451</v>
      </c>
      <c r="I20240" s="2">
        <v>1</v>
      </c>
      <c r="J20240" s="2">
        <v>0</v>
      </c>
      <c r="K20240" s="2">
        <v>0</v>
      </c>
      <c r="L20240" t="s">
        <v>120</v>
      </c>
      <c r="M20240" t="s">
        <v>89</v>
      </c>
      <c r="N20240" t="s">
        <v>90</v>
      </c>
      <c r="O20240" t="s">
        <v>85</v>
      </c>
      <c r="P20240" t="s">
        <v>86</v>
      </c>
      <c r="Q20240">
        <v>8</v>
      </c>
      <c r="R20240">
        <v>8</v>
      </c>
      <c r="S20240">
        <v>8</v>
      </c>
      <c r="T20240">
        <v>8</v>
      </c>
      <c r="U20240">
        <v>9</v>
      </c>
      <c r="V20240">
        <v>9</v>
      </c>
      <c r="W20240">
        <v>9</v>
      </c>
      <c r="X20240">
        <v>9</v>
      </c>
      <c r="Y20240">
        <v>9</v>
      </c>
      <c r="Z20240">
        <v>9</v>
      </c>
      <c r="AA20240">
        <v>9</v>
      </c>
      <c r="AB20240">
        <v>10</v>
      </c>
      <c r="AC20240">
        <v>10</v>
      </c>
      <c r="AD20240">
        <v>10</v>
      </c>
      <c r="AE20240">
        <v>10</v>
      </c>
      <c r="AF20240">
        <v>10</v>
      </c>
      <c r="AG20240">
        <v>10</v>
      </c>
      <c r="AH20240">
        <v>10</v>
      </c>
      <c r="AI20240">
        <v>10</v>
      </c>
      <c r="AJ20240">
        <v>10</v>
      </c>
      <c r="AK20240">
        <v>10</v>
      </c>
      <c r="AL20240">
        <v>10</v>
      </c>
      <c r="AM20240">
        <v>10</v>
      </c>
      <c r="AN20240">
        <v>10</v>
      </c>
      <c r="AO20240">
        <v>10</v>
      </c>
      <c r="AP20240">
        <v>10</v>
      </c>
      <c r="AQ20240">
        <v>10</v>
      </c>
    </row>
    <row r="20241" spans="1:43">
      <c r="A20241" t="s">
        <v>12534</v>
      </c>
      <c r="B20241" t="s">
        <v>12535</v>
      </c>
      <c r="C20241" t="s">
        <v>12526</v>
      </c>
      <c r="D20241" t="s">
        <v>12527</v>
      </c>
      <c r="E20241" t="s">
        <v>12006</v>
      </c>
      <c r="F20241" t="s">
        <v>12007</v>
      </c>
      <c r="G20241" t="s">
        <v>10450</v>
      </c>
      <c r="H20241" t="s">
        <v>10451</v>
      </c>
      <c r="I20241" s="2">
        <v>1</v>
      </c>
      <c r="J20241" s="2">
        <v>0</v>
      </c>
      <c r="K20241" s="2">
        <v>0</v>
      </c>
      <c r="L20241" t="s">
        <v>120</v>
      </c>
      <c r="M20241" t="s">
        <v>83</v>
      </c>
      <c r="N20241" t="s">
        <v>91</v>
      </c>
      <c r="O20241" t="s">
        <v>85</v>
      </c>
      <c r="P20241" t="s">
        <v>86</v>
      </c>
      <c r="Q20241">
        <v>8</v>
      </c>
      <c r="R20241">
        <v>8</v>
      </c>
      <c r="S20241">
        <v>8</v>
      </c>
      <c r="T20241">
        <v>8</v>
      </c>
      <c r="U20241">
        <v>8</v>
      </c>
      <c r="V20241">
        <v>8</v>
      </c>
      <c r="W20241">
        <v>8</v>
      </c>
      <c r="X20241">
        <v>9</v>
      </c>
      <c r="Y20241">
        <v>9</v>
      </c>
      <c r="Z20241">
        <v>9</v>
      </c>
      <c r="AA20241">
        <v>9</v>
      </c>
      <c r="AB20241">
        <v>9</v>
      </c>
      <c r="AC20241">
        <v>9</v>
      </c>
      <c r="AD20241">
        <v>9</v>
      </c>
      <c r="AE20241">
        <v>9</v>
      </c>
      <c r="AF20241">
        <v>9</v>
      </c>
      <c r="AG20241">
        <v>9</v>
      </c>
      <c r="AH20241">
        <v>10</v>
      </c>
      <c r="AI20241">
        <v>10</v>
      </c>
      <c r="AJ20241">
        <v>10</v>
      </c>
      <c r="AK20241">
        <v>10</v>
      </c>
      <c r="AL20241">
        <v>10</v>
      </c>
      <c r="AM20241">
        <v>10</v>
      </c>
      <c r="AN20241">
        <v>10</v>
      </c>
      <c r="AO20241">
        <v>10</v>
      </c>
      <c r="AP20241">
        <v>10</v>
      </c>
      <c r="AQ20241">
        <v>10</v>
      </c>
    </row>
    <row r="20242" spans="1:43">
      <c r="A20242" t="s">
        <v>12536</v>
      </c>
      <c r="B20242" t="s">
        <v>12537</v>
      </c>
      <c r="C20242" t="s">
        <v>12412</v>
      </c>
      <c r="D20242" t="s">
        <v>12413</v>
      </c>
      <c r="E20242" t="s">
        <v>12006</v>
      </c>
      <c r="F20242" t="s">
        <v>12007</v>
      </c>
      <c r="G20242" t="s">
        <v>10450</v>
      </c>
      <c r="H20242" t="s">
        <v>10451</v>
      </c>
      <c r="I20242" s="2">
        <v>1</v>
      </c>
      <c r="J20242" s="2">
        <v>0</v>
      </c>
      <c r="K20242" s="2">
        <v>0</v>
      </c>
      <c r="L20242" t="s">
        <v>120</v>
      </c>
      <c r="M20242" t="s">
        <v>83</v>
      </c>
      <c r="N20242" t="s">
        <v>84</v>
      </c>
      <c r="O20242" t="s">
        <v>85</v>
      </c>
      <c r="P20242" t="s">
        <v>86</v>
      </c>
      <c r="Q20242">
        <v>12</v>
      </c>
      <c r="R20242">
        <v>12</v>
      </c>
      <c r="S20242">
        <v>12</v>
      </c>
      <c r="T20242">
        <v>13</v>
      </c>
      <c r="U20242">
        <v>13</v>
      </c>
      <c r="V20242">
        <v>13</v>
      </c>
      <c r="W20242">
        <v>13</v>
      </c>
      <c r="X20242">
        <v>13</v>
      </c>
      <c r="Y20242">
        <v>13</v>
      </c>
      <c r="Z20242">
        <v>14</v>
      </c>
      <c r="AA20242">
        <v>14</v>
      </c>
      <c r="AB20242">
        <v>14</v>
      </c>
      <c r="AC20242">
        <v>14</v>
      </c>
      <c r="AD20242">
        <v>14</v>
      </c>
      <c r="AE20242">
        <v>14</v>
      </c>
      <c r="AF20242">
        <v>14</v>
      </c>
      <c r="AG20242">
        <v>15</v>
      </c>
      <c r="AH20242">
        <v>15</v>
      </c>
      <c r="AI20242">
        <v>15</v>
      </c>
      <c r="AJ20242">
        <v>15</v>
      </c>
      <c r="AK20242">
        <v>15</v>
      </c>
      <c r="AL20242">
        <v>15</v>
      </c>
      <c r="AM20242">
        <v>15</v>
      </c>
      <c r="AN20242">
        <v>15</v>
      </c>
      <c r="AO20242">
        <v>15</v>
      </c>
      <c r="AP20242">
        <v>15</v>
      </c>
      <c r="AQ20242">
        <v>15</v>
      </c>
    </row>
    <row r="20243" spans="1:43">
      <c r="A20243" t="s">
        <v>12536</v>
      </c>
      <c r="B20243" t="s">
        <v>12537</v>
      </c>
      <c r="C20243" t="s">
        <v>12412</v>
      </c>
      <c r="D20243" t="s">
        <v>12413</v>
      </c>
      <c r="E20243" t="s">
        <v>12006</v>
      </c>
      <c r="F20243" t="s">
        <v>12007</v>
      </c>
      <c r="G20243" t="s">
        <v>10450</v>
      </c>
      <c r="H20243" t="s">
        <v>10451</v>
      </c>
      <c r="I20243" s="2">
        <v>1</v>
      </c>
      <c r="J20243" s="2">
        <v>0</v>
      </c>
      <c r="K20243" s="2">
        <v>0</v>
      </c>
      <c r="L20243" t="s">
        <v>120</v>
      </c>
      <c r="M20243" t="s">
        <v>87</v>
      </c>
      <c r="N20243" t="s">
        <v>88</v>
      </c>
      <c r="O20243" t="s">
        <v>85</v>
      </c>
      <c r="P20243" t="s">
        <v>86</v>
      </c>
      <c r="Q20243">
        <v>12</v>
      </c>
      <c r="R20243">
        <v>12</v>
      </c>
      <c r="S20243">
        <v>12</v>
      </c>
      <c r="T20243">
        <v>12</v>
      </c>
      <c r="U20243">
        <v>12</v>
      </c>
      <c r="V20243">
        <v>12</v>
      </c>
      <c r="W20243">
        <v>12</v>
      </c>
      <c r="X20243">
        <v>12</v>
      </c>
      <c r="Y20243">
        <v>12</v>
      </c>
      <c r="Z20243">
        <v>12</v>
      </c>
      <c r="AA20243">
        <v>13</v>
      </c>
      <c r="AB20243">
        <v>13</v>
      </c>
      <c r="AC20243">
        <v>13</v>
      </c>
      <c r="AD20243">
        <v>13</v>
      </c>
      <c r="AE20243">
        <v>13</v>
      </c>
      <c r="AF20243">
        <v>13</v>
      </c>
      <c r="AG20243">
        <v>13</v>
      </c>
      <c r="AH20243">
        <v>13</v>
      </c>
      <c r="AI20243">
        <v>13</v>
      </c>
      <c r="AJ20243">
        <v>13</v>
      </c>
      <c r="AK20243">
        <v>13</v>
      </c>
      <c r="AL20243">
        <v>13</v>
      </c>
      <c r="AM20243">
        <v>13</v>
      </c>
      <c r="AN20243">
        <v>13</v>
      </c>
      <c r="AO20243">
        <v>13</v>
      </c>
      <c r="AP20243">
        <v>13</v>
      </c>
      <c r="AQ20243">
        <v>13</v>
      </c>
    </row>
    <row r="20244" spans="1:43">
      <c r="A20244" t="s">
        <v>12536</v>
      </c>
      <c r="B20244" t="s">
        <v>12537</v>
      </c>
      <c r="C20244" t="s">
        <v>12412</v>
      </c>
      <c r="D20244" t="s">
        <v>12413</v>
      </c>
      <c r="E20244" t="s">
        <v>12006</v>
      </c>
      <c r="F20244" t="s">
        <v>12007</v>
      </c>
      <c r="G20244" t="s">
        <v>10450</v>
      </c>
      <c r="H20244" t="s">
        <v>10451</v>
      </c>
      <c r="I20244" s="2">
        <v>1</v>
      </c>
      <c r="J20244" s="2">
        <v>0</v>
      </c>
      <c r="K20244" s="2">
        <v>0</v>
      </c>
      <c r="L20244" t="s">
        <v>120</v>
      </c>
      <c r="M20244" t="s">
        <v>89</v>
      </c>
      <c r="N20244" t="s">
        <v>90</v>
      </c>
      <c r="O20244" t="s">
        <v>85</v>
      </c>
      <c r="P20244" t="s">
        <v>86</v>
      </c>
      <c r="Q20244">
        <v>12</v>
      </c>
      <c r="R20244">
        <v>12</v>
      </c>
      <c r="S20244">
        <v>13</v>
      </c>
      <c r="T20244">
        <v>13</v>
      </c>
      <c r="U20244">
        <v>13</v>
      </c>
      <c r="V20244">
        <v>13</v>
      </c>
      <c r="W20244">
        <v>14</v>
      </c>
      <c r="X20244">
        <v>14</v>
      </c>
      <c r="Y20244">
        <v>14</v>
      </c>
      <c r="Z20244">
        <v>14</v>
      </c>
      <c r="AA20244">
        <v>15</v>
      </c>
      <c r="AB20244">
        <v>15</v>
      </c>
      <c r="AC20244">
        <v>15</v>
      </c>
      <c r="AD20244">
        <v>15</v>
      </c>
      <c r="AE20244">
        <v>15</v>
      </c>
      <c r="AF20244">
        <v>15</v>
      </c>
      <c r="AG20244">
        <v>15</v>
      </c>
      <c r="AH20244">
        <v>15</v>
      </c>
      <c r="AI20244">
        <v>15</v>
      </c>
      <c r="AJ20244">
        <v>15</v>
      </c>
      <c r="AK20244">
        <v>15</v>
      </c>
      <c r="AL20244">
        <v>15</v>
      </c>
      <c r="AM20244">
        <v>15</v>
      </c>
      <c r="AN20244">
        <v>15</v>
      </c>
      <c r="AO20244">
        <v>15</v>
      </c>
      <c r="AP20244">
        <v>15</v>
      </c>
      <c r="AQ20244">
        <v>15</v>
      </c>
    </row>
    <row r="20245" spans="1:43">
      <c r="A20245" t="s">
        <v>12536</v>
      </c>
      <c r="B20245" t="s">
        <v>12537</v>
      </c>
      <c r="C20245" t="s">
        <v>12412</v>
      </c>
      <c r="D20245" t="s">
        <v>12413</v>
      </c>
      <c r="E20245" t="s">
        <v>12006</v>
      </c>
      <c r="F20245" t="s">
        <v>12007</v>
      </c>
      <c r="G20245" t="s">
        <v>10450</v>
      </c>
      <c r="H20245" t="s">
        <v>10451</v>
      </c>
      <c r="I20245" s="2">
        <v>1</v>
      </c>
      <c r="J20245" s="2">
        <v>0</v>
      </c>
      <c r="K20245" s="2">
        <v>0</v>
      </c>
      <c r="L20245" t="s">
        <v>120</v>
      </c>
      <c r="M20245" t="s">
        <v>83</v>
      </c>
      <c r="N20245" t="s">
        <v>91</v>
      </c>
      <c r="O20245" t="s">
        <v>85</v>
      </c>
      <c r="P20245" t="s">
        <v>86</v>
      </c>
      <c r="Q20245">
        <v>12</v>
      </c>
      <c r="R20245">
        <v>12</v>
      </c>
      <c r="S20245">
        <v>12</v>
      </c>
      <c r="T20245">
        <v>13</v>
      </c>
      <c r="U20245">
        <v>13</v>
      </c>
      <c r="V20245">
        <v>13</v>
      </c>
      <c r="W20245">
        <v>13</v>
      </c>
      <c r="X20245">
        <v>13</v>
      </c>
      <c r="Y20245">
        <v>13</v>
      </c>
      <c r="Z20245">
        <v>14</v>
      </c>
      <c r="AA20245">
        <v>14</v>
      </c>
      <c r="AB20245">
        <v>14</v>
      </c>
      <c r="AC20245">
        <v>14</v>
      </c>
      <c r="AD20245">
        <v>14</v>
      </c>
      <c r="AE20245">
        <v>14</v>
      </c>
      <c r="AF20245">
        <v>14</v>
      </c>
      <c r="AG20245">
        <v>15</v>
      </c>
      <c r="AH20245">
        <v>15</v>
      </c>
      <c r="AI20245">
        <v>15</v>
      </c>
      <c r="AJ20245">
        <v>15</v>
      </c>
      <c r="AK20245">
        <v>15</v>
      </c>
      <c r="AL20245">
        <v>15</v>
      </c>
      <c r="AM20245">
        <v>15</v>
      </c>
      <c r="AN20245">
        <v>15</v>
      </c>
      <c r="AO20245">
        <v>15</v>
      </c>
      <c r="AP20245">
        <v>15</v>
      </c>
      <c r="AQ20245">
        <v>15</v>
      </c>
    </row>
    <row r="20246" spans="1:43">
      <c r="A20246" t="s">
        <v>12538</v>
      </c>
      <c r="B20246" t="s">
        <v>12539</v>
      </c>
      <c r="C20246" t="s">
        <v>12412</v>
      </c>
      <c r="D20246" t="s">
        <v>12413</v>
      </c>
      <c r="E20246" t="s">
        <v>12006</v>
      </c>
      <c r="F20246" t="s">
        <v>12007</v>
      </c>
      <c r="G20246" t="s">
        <v>10450</v>
      </c>
      <c r="H20246" t="s">
        <v>10451</v>
      </c>
      <c r="I20246" s="2">
        <v>1</v>
      </c>
      <c r="J20246" s="2">
        <v>0</v>
      </c>
      <c r="K20246" s="2">
        <v>0</v>
      </c>
      <c r="L20246" t="s">
        <v>120</v>
      </c>
      <c r="M20246" t="s">
        <v>83</v>
      </c>
      <c r="N20246" t="s">
        <v>84</v>
      </c>
      <c r="O20246" t="s">
        <v>85</v>
      </c>
      <c r="P20246" t="s">
        <v>86</v>
      </c>
      <c r="Q20246">
        <v>13</v>
      </c>
      <c r="R20246">
        <v>13</v>
      </c>
      <c r="S20246">
        <v>13</v>
      </c>
      <c r="T20246">
        <v>13</v>
      </c>
      <c r="U20246">
        <v>13</v>
      </c>
      <c r="V20246">
        <v>13</v>
      </c>
      <c r="W20246">
        <v>14</v>
      </c>
      <c r="X20246">
        <v>14</v>
      </c>
      <c r="Y20246">
        <v>14</v>
      </c>
      <c r="Z20246">
        <v>14</v>
      </c>
      <c r="AA20246">
        <v>14</v>
      </c>
      <c r="AB20246">
        <v>14</v>
      </c>
      <c r="AC20246">
        <v>15</v>
      </c>
      <c r="AD20246">
        <v>15</v>
      </c>
      <c r="AE20246">
        <v>15</v>
      </c>
      <c r="AF20246">
        <v>15</v>
      </c>
      <c r="AG20246">
        <v>15</v>
      </c>
      <c r="AH20246">
        <v>15</v>
      </c>
      <c r="AI20246">
        <v>16</v>
      </c>
      <c r="AJ20246">
        <v>16</v>
      </c>
      <c r="AK20246">
        <v>16</v>
      </c>
      <c r="AL20246">
        <v>16</v>
      </c>
      <c r="AM20246">
        <v>16</v>
      </c>
      <c r="AN20246">
        <v>16</v>
      </c>
      <c r="AO20246">
        <v>16</v>
      </c>
      <c r="AP20246">
        <v>16</v>
      </c>
      <c r="AQ20246">
        <v>16</v>
      </c>
    </row>
    <row r="20247" spans="1:43">
      <c r="A20247" t="s">
        <v>12538</v>
      </c>
      <c r="B20247" t="s">
        <v>12539</v>
      </c>
      <c r="C20247" t="s">
        <v>12412</v>
      </c>
      <c r="D20247" t="s">
        <v>12413</v>
      </c>
      <c r="E20247" t="s">
        <v>12006</v>
      </c>
      <c r="F20247" t="s">
        <v>12007</v>
      </c>
      <c r="G20247" t="s">
        <v>10450</v>
      </c>
      <c r="H20247" t="s">
        <v>10451</v>
      </c>
      <c r="I20247" s="2">
        <v>1</v>
      </c>
      <c r="J20247" s="2">
        <v>0</v>
      </c>
      <c r="K20247" s="2">
        <v>0</v>
      </c>
      <c r="L20247" t="s">
        <v>120</v>
      </c>
      <c r="M20247" t="s">
        <v>87</v>
      </c>
      <c r="N20247" t="s">
        <v>88</v>
      </c>
      <c r="O20247" t="s">
        <v>85</v>
      </c>
      <c r="P20247" t="s">
        <v>86</v>
      </c>
      <c r="Q20247">
        <v>13</v>
      </c>
      <c r="R20247">
        <v>13</v>
      </c>
      <c r="S20247">
        <v>14</v>
      </c>
      <c r="T20247">
        <v>14</v>
      </c>
      <c r="U20247">
        <v>14</v>
      </c>
      <c r="V20247">
        <v>14</v>
      </c>
      <c r="W20247">
        <v>14</v>
      </c>
      <c r="X20247">
        <v>14</v>
      </c>
      <c r="Y20247">
        <v>14</v>
      </c>
      <c r="Z20247">
        <v>14</v>
      </c>
      <c r="AA20247">
        <v>14</v>
      </c>
      <c r="AB20247">
        <v>14</v>
      </c>
      <c r="AC20247">
        <v>14</v>
      </c>
      <c r="AD20247">
        <v>14</v>
      </c>
      <c r="AE20247">
        <v>14</v>
      </c>
      <c r="AF20247">
        <v>14</v>
      </c>
      <c r="AG20247">
        <v>14</v>
      </c>
      <c r="AH20247">
        <v>14</v>
      </c>
      <c r="AI20247">
        <v>14</v>
      </c>
      <c r="AJ20247">
        <v>15</v>
      </c>
      <c r="AK20247">
        <v>15</v>
      </c>
      <c r="AL20247">
        <v>15</v>
      </c>
      <c r="AM20247">
        <v>15</v>
      </c>
      <c r="AN20247">
        <v>15</v>
      </c>
      <c r="AO20247">
        <v>15</v>
      </c>
      <c r="AP20247">
        <v>15</v>
      </c>
      <c r="AQ20247">
        <v>15</v>
      </c>
    </row>
    <row r="20248" spans="1:43">
      <c r="A20248" t="s">
        <v>12538</v>
      </c>
      <c r="B20248" t="s">
        <v>12539</v>
      </c>
      <c r="C20248" t="s">
        <v>12412</v>
      </c>
      <c r="D20248" t="s">
        <v>12413</v>
      </c>
      <c r="E20248" t="s">
        <v>12006</v>
      </c>
      <c r="F20248" t="s">
        <v>12007</v>
      </c>
      <c r="G20248" t="s">
        <v>10450</v>
      </c>
      <c r="H20248" t="s">
        <v>10451</v>
      </c>
      <c r="I20248" s="2">
        <v>1</v>
      </c>
      <c r="J20248" s="2">
        <v>0</v>
      </c>
      <c r="K20248" s="2">
        <v>0</v>
      </c>
      <c r="L20248" t="s">
        <v>120</v>
      </c>
      <c r="M20248" t="s">
        <v>89</v>
      </c>
      <c r="N20248" t="s">
        <v>90</v>
      </c>
      <c r="O20248" t="s">
        <v>85</v>
      </c>
      <c r="P20248" t="s">
        <v>86</v>
      </c>
      <c r="Q20248">
        <v>13</v>
      </c>
      <c r="R20248">
        <v>13</v>
      </c>
      <c r="S20248">
        <v>13</v>
      </c>
      <c r="T20248">
        <v>14</v>
      </c>
      <c r="U20248">
        <v>14</v>
      </c>
      <c r="V20248">
        <v>14</v>
      </c>
      <c r="W20248">
        <v>14</v>
      </c>
      <c r="X20248">
        <v>15</v>
      </c>
      <c r="Y20248">
        <v>15</v>
      </c>
      <c r="Z20248">
        <v>15</v>
      </c>
      <c r="AA20248">
        <v>15</v>
      </c>
      <c r="AB20248">
        <v>15</v>
      </c>
      <c r="AC20248">
        <v>16</v>
      </c>
      <c r="AD20248">
        <v>16</v>
      </c>
      <c r="AE20248">
        <v>16</v>
      </c>
      <c r="AF20248">
        <v>16</v>
      </c>
      <c r="AG20248">
        <v>16</v>
      </c>
      <c r="AH20248">
        <v>16</v>
      </c>
      <c r="AI20248">
        <v>16</v>
      </c>
      <c r="AJ20248">
        <v>16</v>
      </c>
      <c r="AK20248">
        <v>16</v>
      </c>
      <c r="AL20248">
        <v>16</v>
      </c>
      <c r="AM20248">
        <v>16</v>
      </c>
      <c r="AN20248">
        <v>16</v>
      </c>
      <c r="AO20248">
        <v>16</v>
      </c>
      <c r="AP20248">
        <v>16</v>
      </c>
      <c r="AQ20248">
        <v>16</v>
      </c>
    </row>
    <row r="20249" spans="1:43">
      <c r="A20249" t="s">
        <v>12538</v>
      </c>
      <c r="B20249" t="s">
        <v>12539</v>
      </c>
      <c r="C20249" t="s">
        <v>12412</v>
      </c>
      <c r="D20249" t="s">
        <v>12413</v>
      </c>
      <c r="E20249" t="s">
        <v>12006</v>
      </c>
      <c r="F20249" t="s">
        <v>12007</v>
      </c>
      <c r="G20249" t="s">
        <v>10450</v>
      </c>
      <c r="H20249" t="s">
        <v>10451</v>
      </c>
      <c r="I20249" s="2">
        <v>1</v>
      </c>
      <c r="J20249" s="2">
        <v>0</v>
      </c>
      <c r="K20249" s="2">
        <v>0</v>
      </c>
      <c r="L20249" t="s">
        <v>120</v>
      </c>
      <c r="M20249" t="s">
        <v>83</v>
      </c>
      <c r="N20249" t="s">
        <v>91</v>
      </c>
      <c r="O20249" t="s">
        <v>85</v>
      </c>
      <c r="P20249" t="s">
        <v>86</v>
      </c>
      <c r="Q20249">
        <v>13</v>
      </c>
      <c r="R20249">
        <v>13</v>
      </c>
      <c r="S20249">
        <v>13</v>
      </c>
      <c r="T20249">
        <v>13</v>
      </c>
      <c r="U20249">
        <v>13</v>
      </c>
      <c r="V20249">
        <v>13</v>
      </c>
      <c r="W20249">
        <v>14</v>
      </c>
      <c r="X20249">
        <v>14</v>
      </c>
      <c r="Y20249">
        <v>14</v>
      </c>
      <c r="Z20249">
        <v>14</v>
      </c>
      <c r="AA20249">
        <v>14</v>
      </c>
      <c r="AB20249">
        <v>14</v>
      </c>
      <c r="AC20249">
        <v>15</v>
      </c>
      <c r="AD20249">
        <v>15</v>
      </c>
      <c r="AE20249">
        <v>15</v>
      </c>
      <c r="AF20249">
        <v>15</v>
      </c>
      <c r="AG20249">
        <v>15</v>
      </c>
      <c r="AH20249">
        <v>15</v>
      </c>
      <c r="AI20249">
        <v>16</v>
      </c>
      <c r="AJ20249">
        <v>16</v>
      </c>
      <c r="AK20249">
        <v>16</v>
      </c>
      <c r="AL20249">
        <v>16</v>
      </c>
      <c r="AM20249">
        <v>16</v>
      </c>
      <c r="AN20249">
        <v>16</v>
      </c>
      <c r="AO20249">
        <v>16</v>
      </c>
      <c r="AP20249">
        <v>16</v>
      </c>
      <c r="AQ20249">
        <v>16</v>
      </c>
    </row>
    <row r="20250" spans="1:43">
      <c r="A20250" t="s">
        <v>12540</v>
      </c>
      <c r="B20250" t="s">
        <v>12541</v>
      </c>
      <c r="C20250" t="s">
        <v>12494</v>
      </c>
      <c r="D20250" t="s">
        <v>12495</v>
      </c>
      <c r="E20250" t="s">
        <v>12006</v>
      </c>
      <c r="F20250" t="s">
        <v>12007</v>
      </c>
      <c r="G20250" t="s">
        <v>10450</v>
      </c>
      <c r="H20250" t="s">
        <v>10451</v>
      </c>
      <c r="I20250" s="2">
        <v>1</v>
      </c>
      <c r="J20250" s="2">
        <v>0</v>
      </c>
      <c r="K20250" s="2">
        <v>0</v>
      </c>
      <c r="L20250" t="s">
        <v>120</v>
      </c>
      <c r="M20250" t="s">
        <v>83</v>
      </c>
      <c r="N20250" t="s">
        <v>84</v>
      </c>
      <c r="O20250" t="s">
        <v>85</v>
      </c>
      <c r="P20250" t="s">
        <v>86</v>
      </c>
      <c r="Q20250">
        <v>10</v>
      </c>
      <c r="R20250">
        <v>10</v>
      </c>
      <c r="S20250">
        <v>11</v>
      </c>
      <c r="T20250">
        <v>11</v>
      </c>
      <c r="U20250">
        <v>11</v>
      </c>
      <c r="V20250">
        <v>11</v>
      </c>
      <c r="W20250">
        <v>11</v>
      </c>
      <c r="X20250">
        <v>11</v>
      </c>
      <c r="Y20250">
        <v>12</v>
      </c>
      <c r="Z20250">
        <v>12</v>
      </c>
      <c r="AA20250">
        <v>12</v>
      </c>
      <c r="AB20250">
        <v>12</v>
      </c>
      <c r="AC20250">
        <v>12</v>
      </c>
      <c r="AD20250">
        <v>12</v>
      </c>
      <c r="AE20250">
        <v>12</v>
      </c>
      <c r="AF20250">
        <v>12</v>
      </c>
      <c r="AG20250">
        <v>13</v>
      </c>
      <c r="AH20250">
        <v>13</v>
      </c>
      <c r="AI20250">
        <v>13</v>
      </c>
      <c r="AJ20250">
        <v>13</v>
      </c>
      <c r="AK20250">
        <v>13</v>
      </c>
      <c r="AL20250">
        <v>13</v>
      </c>
      <c r="AM20250">
        <v>13</v>
      </c>
      <c r="AN20250">
        <v>13</v>
      </c>
      <c r="AO20250">
        <v>13</v>
      </c>
      <c r="AP20250">
        <v>13</v>
      </c>
      <c r="AQ20250">
        <v>13</v>
      </c>
    </row>
    <row r="20251" spans="1:43">
      <c r="A20251" t="s">
        <v>12540</v>
      </c>
      <c r="B20251" t="s">
        <v>12541</v>
      </c>
      <c r="C20251" t="s">
        <v>12494</v>
      </c>
      <c r="D20251" t="s">
        <v>12495</v>
      </c>
      <c r="E20251" t="s">
        <v>12006</v>
      </c>
      <c r="F20251" t="s">
        <v>12007</v>
      </c>
      <c r="G20251" t="s">
        <v>10450</v>
      </c>
      <c r="H20251" t="s">
        <v>10451</v>
      </c>
      <c r="I20251" s="2">
        <v>1</v>
      </c>
      <c r="J20251" s="2">
        <v>0</v>
      </c>
      <c r="K20251" s="2">
        <v>0</v>
      </c>
      <c r="L20251" t="s">
        <v>120</v>
      </c>
      <c r="M20251" t="s">
        <v>87</v>
      </c>
      <c r="N20251" t="s">
        <v>88</v>
      </c>
      <c r="O20251" t="s">
        <v>85</v>
      </c>
      <c r="P20251" t="s">
        <v>86</v>
      </c>
      <c r="Q20251">
        <v>10</v>
      </c>
      <c r="R20251">
        <v>10</v>
      </c>
      <c r="S20251">
        <v>10</v>
      </c>
      <c r="T20251">
        <v>10</v>
      </c>
      <c r="U20251">
        <v>10</v>
      </c>
      <c r="V20251">
        <v>11</v>
      </c>
      <c r="W20251">
        <v>11</v>
      </c>
      <c r="X20251">
        <v>11</v>
      </c>
      <c r="Y20251">
        <v>11</v>
      </c>
      <c r="Z20251">
        <v>11</v>
      </c>
      <c r="AA20251">
        <v>11</v>
      </c>
      <c r="AB20251">
        <v>11</v>
      </c>
      <c r="AC20251">
        <v>11</v>
      </c>
      <c r="AD20251">
        <v>11</v>
      </c>
      <c r="AE20251">
        <v>11</v>
      </c>
      <c r="AF20251">
        <v>11</v>
      </c>
      <c r="AG20251">
        <v>11</v>
      </c>
      <c r="AH20251">
        <v>11</v>
      </c>
      <c r="AI20251">
        <v>11</v>
      </c>
      <c r="AJ20251">
        <v>11</v>
      </c>
      <c r="AK20251">
        <v>11</v>
      </c>
      <c r="AL20251">
        <v>11</v>
      </c>
      <c r="AM20251">
        <v>11</v>
      </c>
      <c r="AN20251">
        <v>11</v>
      </c>
      <c r="AO20251">
        <v>11</v>
      </c>
      <c r="AP20251">
        <v>11</v>
      </c>
      <c r="AQ20251">
        <v>11</v>
      </c>
    </row>
    <row r="20252" spans="1:43">
      <c r="A20252" t="s">
        <v>12540</v>
      </c>
      <c r="B20252" t="s">
        <v>12541</v>
      </c>
      <c r="C20252" t="s">
        <v>12494</v>
      </c>
      <c r="D20252" t="s">
        <v>12495</v>
      </c>
      <c r="E20252" t="s">
        <v>12006</v>
      </c>
      <c r="F20252" t="s">
        <v>12007</v>
      </c>
      <c r="G20252" t="s">
        <v>10450</v>
      </c>
      <c r="H20252" t="s">
        <v>10451</v>
      </c>
      <c r="I20252" s="2">
        <v>1</v>
      </c>
      <c r="J20252" s="2">
        <v>0</v>
      </c>
      <c r="K20252" s="2">
        <v>0</v>
      </c>
      <c r="L20252" t="s">
        <v>120</v>
      </c>
      <c r="M20252" t="s">
        <v>89</v>
      </c>
      <c r="N20252" t="s">
        <v>90</v>
      </c>
      <c r="O20252" t="s">
        <v>85</v>
      </c>
      <c r="P20252" t="s">
        <v>86</v>
      </c>
      <c r="Q20252">
        <v>10</v>
      </c>
      <c r="R20252">
        <v>11</v>
      </c>
      <c r="S20252">
        <v>11</v>
      </c>
      <c r="T20252">
        <v>11</v>
      </c>
      <c r="U20252">
        <v>11</v>
      </c>
      <c r="V20252">
        <v>12</v>
      </c>
      <c r="W20252">
        <v>12</v>
      </c>
      <c r="X20252">
        <v>12</v>
      </c>
      <c r="Y20252">
        <v>12</v>
      </c>
      <c r="Z20252">
        <v>12</v>
      </c>
      <c r="AA20252">
        <v>13</v>
      </c>
      <c r="AB20252">
        <v>13</v>
      </c>
      <c r="AC20252">
        <v>13</v>
      </c>
      <c r="AD20252">
        <v>13</v>
      </c>
      <c r="AE20252">
        <v>13</v>
      </c>
      <c r="AF20252">
        <v>13</v>
      </c>
      <c r="AG20252">
        <v>13</v>
      </c>
      <c r="AH20252">
        <v>13</v>
      </c>
      <c r="AI20252">
        <v>13</v>
      </c>
      <c r="AJ20252">
        <v>13</v>
      </c>
      <c r="AK20252">
        <v>13</v>
      </c>
      <c r="AL20252">
        <v>13</v>
      </c>
      <c r="AM20252">
        <v>13</v>
      </c>
      <c r="AN20252">
        <v>13</v>
      </c>
      <c r="AO20252">
        <v>13</v>
      </c>
      <c r="AP20252">
        <v>13</v>
      </c>
      <c r="AQ20252">
        <v>13</v>
      </c>
    </row>
    <row r="20253" spans="1:43">
      <c r="A20253" t="s">
        <v>12540</v>
      </c>
      <c r="B20253" t="s">
        <v>12541</v>
      </c>
      <c r="C20253" t="s">
        <v>12494</v>
      </c>
      <c r="D20253" t="s">
        <v>12495</v>
      </c>
      <c r="E20253" t="s">
        <v>12006</v>
      </c>
      <c r="F20253" t="s">
        <v>12007</v>
      </c>
      <c r="G20253" t="s">
        <v>10450</v>
      </c>
      <c r="H20253" t="s">
        <v>10451</v>
      </c>
      <c r="I20253" s="2">
        <v>1</v>
      </c>
      <c r="J20253" s="2">
        <v>0</v>
      </c>
      <c r="K20253" s="2">
        <v>0</v>
      </c>
      <c r="L20253" t="s">
        <v>120</v>
      </c>
      <c r="M20253" t="s">
        <v>83</v>
      </c>
      <c r="N20253" t="s">
        <v>91</v>
      </c>
      <c r="O20253" t="s">
        <v>85</v>
      </c>
      <c r="P20253" t="s">
        <v>86</v>
      </c>
      <c r="Q20253">
        <v>10</v>
      </c>
      <c r="R20253">
        <v>10</v>
      </c>
      <c r="S20253">
        <v>11</v>
      </c>
      <c r="T20253">
        <v>11</v>
      </c>
      <c r="U20253">
        <v>11</v>
      </c>
      <c r="V20253">
        <v>11</v>
      </c>
      <c r="W20253">
        <v>11</v>
      </c>
      <c r="X20253">
        <v>11</v>
      </c>
      <c r="Y20253">
        <v>12</v>
      </c>
      <c r="Z20253">
        <v>12</v>
      </c>
      <c r="AA20253">
        <v>12</v>
      </c>
      <c r="AB20253">
        <v>12</v>
      </c>
      <c r="AC20253">
        <v>12</v>
      </c>
      <c r="AD20253">
        <v>12</v>
      </c>
      <c r="AE20253">
        <v>12</v>
      </c>
      <c r="AF20253">
        <v>12</v>
      </c>
      <c r="AG20253">
        <v>13</v>
      </c>
      <c r="AH20253">
        <v>13</v>
      </c>
      <c r="AI20253">
        <v>13</v>
      </c>
      <c r="AJ20253">
        <v>13</v>
      </c>
      <c r="AK20253">
        <v>13</v>
      </c>
      <c r="AL20253">
        <v>13</v>
      </c>
      <c r="AM20253">
        <v>13</v>
      </c>
      <c r="AN20253">
        <v>13</v>
      </c>
      <c r="AO20253">
        <v>13</v>
      </c>
      <c r="AP20253">
        <v>13</v>
      </c>
      <c r="AQ20253">
        <v>13</v>
      </c>
    </row>
    <row r="20254" spans="1:43">
      <c r="A20254" t="s">
        <v>12542</v>
      </c>
      <c r="B20254" t="s">
        <v>12543</v>
      </c>
      <c r="C20254" t="s">
        <v>12544</v>
      </c>
      <c r="D20254" t="s">
        <v>12545</v>
      </c>
      <c r="E20254" t="s">
        <v>12006</v>
      </c>
      <c r="F20254" t="s">
        <v>12007</v>
      </c>
      <c r="G20254" t="s">
        <v>10450</v>
      </c>
      <c r="H20254" t="s">
        <v>10451</v>
      </c>
      <c r="I20254" s="2">
        <v>1</v>
      </c>
      <c r="J20254" s="2">
        <v>0</v>
      </c>
      <c r="K20254" s="2">
        <v>0</v>
      </c>
      <c r="L20254" t="s">
        <v>120</v>
      </c>
      <c r="M20254" t="s">
        <v>83</v>
      </c>
      <c r="N20254" t="s">
        <v>84</v>
      </c>
      <c r="O20254" t="s">
        <v>85</v>
      </c>
      <c r="P20254" t="s">
        <v>86</v>
      </c>
      <c r="Q20254">
        <v>5</v>
      </c>
      <c r="R20254">
        <v>5</v>
      </c>
      <c r="S20254">
        <v>5</v>
      </c>
      <c r="T20254">
        <v>5</v>
      </c>
      <c r="U20254">
        <v>6</v>
      </c>
      <c r="V20254">
        <v>6</v>
      </c>
      <c r="W20254">
        <v>6</v>
      </c>
      <c r="X20254">
        <v>6</v>
      </c>
      <c r="Y20254">
        <v>6</v>
      </c>
      <c r="Z20254">
        <v>6</v>
      </c>
      <c r="AA20254">
        <v>6</v>
      </c>
      <c r="AB20254">
        <v>6</v>
      </c>
      <c r="AC20254">
        <v>6</v>
      </c>
      <c r="AD20254">
        <v>6</v>
      </c>
      <c r="AE20254">
        <v>6</v>
      </c>
      <c r="AF20254">
        <v>6</v>
      </c>
      <c r="AG20254">
        <v>6</v>
      </c>
      <c r="AH20254">
        <v>6</v>
      </c>
      <c r="AI20254">
        <v>7</v>
      </c>
      <c r="AJ20254">
        <v>7</v>
      </c>
      <c r="AK20254">
        <v>7</v>
      </c>
      <c r="AL20254">
        <v>7</v>
      </c>
      <c r="AM20254">
        <v>7</v>
      </c>
      <c r="AN20254">
        <v>7</v>
      </c>
      <c r="AO20254">
        <v>7</v>
      </c>
      <c r="AP20254">
        <v>7</v>
      </c>
      <c r="AQ20254">
        <v>7</v>
      </c>
    </row>
    <row r="20255" spans="1:43">
      <c r="A20255" t="s">
        <v>12542</v>
      </c>
      <c r="B20255" t="s">
        <v>12543</v>
      </c>
      <c r="C20255" t="s">
        <v>12544</v>
      </c>
      <c r="D20255" t="s">
        <v>12545</v>
      </c>
      <c r="E20255" t="s">
        <v>12006</v>
      </c>
      <c r="F20255" t="s">
        <v>12007</v>
      </c>
      <c r="G20255" t="s">
        <v>10450</v>
      </c>
      <c r="H20255" t="s">
        <v>10451</v>
      </c>
      <c r="I20255" s="2">
        <v>1</v>
      </c>
      <c r="J20255" s="2">
        <v>0</v>
      </c>
      <c r="K20255" s="2">
        <v>0</v>
      </c>
      <c r="L20255" t="s">
        <v>120</v>
      </c>
      <c r="M20255" t="s">
        <v>87</v>
      </c>
      <c r="N20255" t="s">
        <v>88</v>
      </c>
      <c r="O20255" t="s">
        <v>85</v>
      </c>
      <c r="P20255" t="s">
        <v>86</v>
      </c>
      <c r="Q20255">
        <v>5</v>
      </c>
      <c r="R20255">
        <v>5</v>
      </c>
      <c r="S20255">
        <v>5</v>
      </c>
      <c r="T20255">
        <v>5</v>
      </c>
      <c r="U20255">
        <v>5</v>
      </c>
      <c r="V20255">
        <v>5</v>
      </c>
      <c r="W20255">
        <v>5</v>
      </c>
      <c r="X20255">
        <v>5</v>
      </c>
      <c r="Y20255">
        <v>5</v>
      </c>
      <c r="Z20255">
        <v>5</v>
      </c>
      <c r="AA20255">
        <v>5</v>
      </c>
      <c r="AB20255">
        <v>5</v>
      </c>
      <c r="AC20255">
        <v>5</v>
      </c>
      <c r="AD20255">
        <v>5</v>
      </c>
      <c r="AE20255">
        <v>6</v>
      </c>
      <c r="AF20255">
        <v>6</v>
      </c>
      <c r="AG20255">
        <v>6</v>
      </c>
      <c r="AH20255">
        <v>6</v>
      </c>
      <c r="AI20255">
        <v>6</v>
      </c>
      <c r="AJ20255">
        <v>6</v>
      </c>
      <c r="AK20255">
        <v>6</v>
      </c>
      <c r="AL20255">
        <v>6</v>
      </c>
      <c r="AM20255">
        <v>6</v>
      </c>
      <c r="AN20255">
        <v>6</v>
      </c>
      <c r="AO20255">
        <v>6</v>
      </c>
      <c r="AP20255">
        <v>6</v>
      </c>
      <c r="AQ20255">
        <v>6</v>
      </c>
    </row>
    <row r="20256" spans="1:43">
      <c r="A20256" t="s">
        <v>12542</v>
      </c>
      <c r="B20256" t="s">
        <v>12543</v>
      </c>
      <c r="C20256" t="s">
        <v>12544</v>
      </c>
      <c r="D20256" t="s">
        <v>12545</v>
      </c>
      <c r="E20256" t="s">
        <v>12006</v>
      </c>
      <c r="F20256" t="s">
        <v>12007</v>
      </c>
      <c r="G20256" t="s">
        <v>10450</v>
      </c>
      <c r="H20256" t="s">
        <v>10451</v>
      </c>
      <c r="I20256" s="2">
        <v>1</v>
      </c>
      <c r="J20256" s="2">
        <v>0</v>
      </c>
      <c r="K20256" s="2">
        <v>0</v>
      </c>
      <c r="L20256" t="s">
        <v>120</v>
      </c>
      <c r="M20256" t="s">
        <v>89</v>
      </c>
      <c r="N20256" t="s">
        <v>90</v>
      </c>
      <c r="O20256" t="s">
        <v>85</v>
      </c>
      <c r="P20256" t="s">
        <v>86</v>
      </c>
      <c r="Q20256">
        <v>5</v>
      </c>
      <c r="R20256">
        <v>5</v>
      </c>
      <c r="S20256">
        <v>6</v>
      </c>
      <c r="T20256">
        <v>6</v>
      </c>
      <c r="U20256">
        <v>6</v>
      </c>
      <c r="V20256">
        <v>6</v>
      </c>
      <c r="W20256">
        <v>6</v>
      </c>
      <c r="X20256">
        <v>6</v>
      </c>
      <c r="Y20256">
        <v>6</v>
      </c>
      <c r="Z20256">
        <v>6</v>
      </c>
      <c r="AA20256">
        <v>6</v>
      </c>
      <c r="AB20256">
        <v>6</v>
      </c>
      <c r="AC20256">
        <v>7</v>
      </c>
      <c r="AD20256">
        <v>7</v>
      </c>
      <c r="AE20256">
        <v>7</v>
      </c>
      <c r="AF20256">
        <v>7</v>
      </c>
      <c r="AG20256">
        <v>7</v>
      </c>
      <c r="AH20256">
        <v>7</v>
      </c>
      <c r="AI20256">
        <v>7</v>
      </c>
      <c r="AJ20256">
        <v>7</v>
      </c>
      <c r="AK20256">
        <v>7</v>
      </c>
      <c r="AL20256">
        <v>7</v>
      </c>
      <c r="AM20256">
        <v>7</v>
      </c>
      <c r="AN20256">
        <v>7</v>
      </c>
      <c r="AO20256">
        <v>7</v>
      </c>
      <c r="AP20256">
        <v>7</v>
      </c>
      <c r="AQ20256">
        <v>7</v>
      </c>
    </row>
    <row r="20257" spans="1:43">
      <c r="A20257" t="s">
        <v>12542</v>
      </c>
      <c r="B20257" t="s">
        <v>12543</v>
      </c>
      <c r="C20257" t="s">
        <v>12544</v>
      </c>
      <c r="D20257" t="s">
        <v>12545</v>
      </c>
      <c r="E20257" t="s">
        <v>12006</v>
      </c>
      <c r="F20257" t="s">
        <v>12007</v>
      </c>
      <c r="G20257" t="s">
        <v>10450</v>
      </c>
      <c r="H20257" t="s">
        <v>10451</v>
      </c>
      <c r="I20257" s="2">
        <v>1</v>
      </c>
      <c r="J20257" s="2">
        <v>0</v>
      </c>
      <c r="K20257" s="2">
        <v>0</v>
      </c>
      <c r="L20257" t="s">
        <v>120</v>
      </c>
      <c r="M20257" t="s">
        <v>83</v>
      </c>
      <c r="N20257" t="s">
        <v>91</v>
      </c>
      <c r="O20257" t="s">
        <v>85</v>
      </c>
      <c r="P20257" t="s">
        <v>86</v>
      </c>
      <c r="Q20257">
        <v>5</v>
      </c>
      <c r="R20257">
        <v>5</v>
      </c>
      <c r="S20257">
        <v>5</v>
      </c>
      <c r="T20257">
        <v>5</v>
      </c>
      <c r="U20257">
        <v>6</v>
      </c>
      <c r="V20257">
        <v>6</v>
      </c>
      <c r="W20257">
        <v>6</v>
      </c>
      <c r="X20257">
        <v>6</v>
      </c>
      <c r="Y20257">
        <v>6</v>
      </c>
      <c r="Z20257">
        <v>6</v>
      </c>
      <c r="AA20257">
        <v>6</v>
      </c>
      <c r="AB20257">
        <v>6</v>
      </c>
      <c r="AC20257">
        <v>6</v>
      </c>
      <c r="AD20257">
        <v>6</v>
      </c>
      <c r="AE20257">
        <v>6</v>
      </c>
      <c r="AF20257">
        <v>6</v>
      </c>
      <c r="AG20257">
        <v>6</v>
      </c>
      <c r="AH20257">
        <v>6</v>
      </c>
      <c r="AI20257">
        <v>7</v>
      </c>
      <c r="AJ20257">
        <v>7</v>
      </c>
      <c r="AK20257">
        <v>7</v>
      </c>
      <c r="AL20257">
        <v>7</v>
      </c>
      <c r="AM20257">
        <v>7</v>
      </c>
      <c r="AN20257">
        <v>7</v>
      </c>
      <c r="AO20257">
        <v>7</v>
      </c>
      <c r="AP20257">
        <v>7</v>
      </c>
      <c r="AQ20257">
        <v>7</v>
      </c>
    </row>
    <row r="20258" spans="1:43">
      <c r="A20258" t="s">
        <v>12546</v>
      </c>
      <c r="B20258" t="s">
        <v>12547</v>
      </c>
      <c r="C20258" t="s">
        <v>12544</v>
      </c>
      <c r="D20258" t="s">
        <v>12545</v>
      </c>
      <c r="E20258" t="s">
        <v>12006</v>
      </c>
      <c r="F20258" t="s">
        <v>12007</v>
      </c>
      <c r="G20258" t="s">
        <v>10450</v>
      </c>
      <c r="H20258" t="s">
        <v>10451</v>
      </c>
      <c r="I20258" s="2">
        <v>1</v>
      </c>
      <c r="J20258" s="2">
        <v>0</v>
      </c>
      <c r="K20258" s="2">
        <v>0</v>
      </c>
      <c r="L20258" t="s">
        <v>120</v>
      </c>
      <c r="M20258" t="s">
        <v>83</v>
      </c>
      <c r="N20258" t="s">
        <v>84</v>
      </c>
      <c r="O20258" t="s">
        <v>85</v>
      </c>
      <c r="P20258" t="s">
        <v>86</v>
      </c>
      <c r="Q20258">
        <v>7</v>
      </c>
      <c r="R20258">
        <v>8</v>
      </c>
      <c r="S20258">
        <v>8</v>
      </c>
      <c r="T20258">
        <v>8</v>
      </c>
      <c r="U20258">
        <v>8</v>
      </c>
      <c r="V20258">
        <v>8</v>
      </c>
      <c r="W20258">
        <v>8</v>
      </c>
      <c r="X20258">
        <v>8</v>
      </c>
      <c r="Y20258">
        <v>8</v>
      </c>
      <c r="Z20258">
        <v>8</v>
      </c>
      <c r="AA20258">
        <v>8</v>
      </c>
      <c r="AB20258">
        <v>9</v>
      </c>
      <c r="AC20258">
        <v>9</v>
      </c>
      <c r="AD20258">
        <v>9</v>
      </c>
      <c r="AE20258">
        <v>9</v>
      </c>
      <c r="AF20258">
        <v>9</v>
      </c>
      <c r="AG20258">
        <v>9</v>
      </c>
      <c r="AH20258">
        <v>9</v>
      </c>
      <c r="AI20258">
        <v>9</v>
      </c>
      <c r="AJ20258">
        <v>9</v>
      </c>
      <c r="AK20258">
        <v>9</v>
      </c>
      <c r="AL20258">
        <v>9</v>
      </c>
      <c r="AM20258">
        <v>9</v>
      </c>
      <c r="AN20258">
        <v>9</v>
      </c>
      <c r="AO20258">
        <v>9</v>
      </c>
      <c r="AP20258">
        <v>9</v>
      </c>
      <c r="AQ20258">
        <v>9</v>
      </c>
    </row>
    <row r="20259" spans="1:43">
      <c r="A20259" t="s">
        <v>12546</v>
      </c>
      <c r="B20259" t="s">
        <v>12547</v>
      </c>
      <c r="C20259" t="s">
        <v>12544</v>
      </c>
      <c r="D20259" t="s">
        <v>12545</v>
      </c>
      <c r="E20259" t="s">
        <v>12006</v>
      </c>
      <c r="F20259" t="s">
        <v>12007</v>
      </c>
      <c r="G20259" t="s">
        <v>10450</v>
      </c>
      <c r="H20259" t="s">
        <v>10451</v>
      </c>
      <c r="I20259" s="2">
        <v>1</v>
      </c>
      <c r="J20259" s="2">
        <v>0</v>
      </c>
      <c r="K20259" s="2">
        <v>0</v>
      </c>
      <c r="L20259" t="s">
        <v>120</v>
      </c>
      <c r="M20259" t="s">
        <v>87</v>
      </c>
      <c r="N20259" t="s">
        <v>88</v>
      </c>
      <c r="O20259" t="s">
        <v>85</v>
      </c>
      <c r="P20259" t="s">
        <v>86</v>
      </c>
      <c r="Q20259">
        <v>7</v>
      </c>
      <c r="R20259">
        <v>7</v>
      </c>
      <c r="S20259">
        <v>7</v>
      </c>
      <c r="T20259">
        <v>7</v>
      </c>
      <c r="U20259">
        <v>8</v>
      </c>
      <c r="V20259">
        <v>8</v>
      </c>
      <c r="W20259">
        <v>8</v>
      </c>
      <c r="X20259">
        <v>8</v>
      </c>
      <c r="Y20259">
        <v>8</v>
      </c>
      <c r="Z20259">
        <v>8</v>
      </c>
      <c r="AA20259">
        <v>8</v>
      </c>
      <c r="AB20259">
        <v>8</v>
      </c>
      <c r="AC20259">
        <v>8</v>
      </c>
      <c r="AD20259">
        <v>8</v>
      </c>
      <c r="AE20259">
        <v>8</v>
      </c>
      <c r="AF20259">
        <v>8</v>
      </c>
      <c r="AG20259">
        <v>8</v>
      </c>
      <c r="AH20259">
        <v>8</v>
      </c>
      <c r="AI20259">
        <v>8</v>
      </c>
      <c r="AJ20259">
        <v>8</v>
      </c>
      <c r="AK20259">
        <v>8</v>
      </c>
      <c r="AL20259">
        <v>8</v>
      </c>
      <c r="AM20259">
        <v>8</v>
      </c>
      <c r="AN20259">
        <v>8</v>
      </c>
      <c r="AO20259">
        <v>8</v>
      </c>
      <c r="AP20259">
        <v>8</v>
      </c>
      <c r="AQ20259">
        <v>8</v>
      </c>
    </row>
    <row r="20260" spans="1:43">
      <c r="A20260" t="s">
        <v>12546</v>
      </c>
      <c r="B20260" t="s">
        <v>12547</v>
      </c>
      <c r="C20260" t="s">
        <v>12544</v>
      </c>
      <c r="D20260" t="s">
        <v>12545</v>
      </c>
      <c r="E20260" t="s">
        <v>12006</v>
      </c>
      <c r="F20260" t="s">
        <v>12007</v>
      </c>
      <c r="G20260" t="s">
        <v>10450</v>
      </c>
      <c r="H20260" t="s">
        <v>10451</v>
      </c>
      <c r="I20260" s="2">
        <v>1</v>
      </c>
      <c r="J20260" s="2">
        <v>0</v>
      </c>
      <c r="K20260" s="2">
        <v>0</v>
      </c>
      <c r="L20260" t="s">
        <v>120</v>
      </c>
      <c r="M20260" t="s">
        <v>89</v>
      </c>
      <c r="N20260" t="s">
        <v>90</v>
      </c>
      <c r="O20260" t="s">
        <v>85</v>
      </c>
      <c r="P20260" t="s">
        <v>86</v>
      </c>
      <c r="Q20260">
        <v>7</v>
      </c>
      <c r="R20260">
        <v>7</v>
      </c>
      <c r="S20260">
        <v>7</v>
      </c>
      <c r="T20260">
        <v>7</v>
      </c>
      <c r="U20260">
        <v>7</v>
      </c>
      <c r="V20260">
        <v>7</v>
      </c>
      <c r="W20260">
        <v>7</v>
      </c>
      <c r="X20260">
        <v>8</v>
      </c>
      <c r="Y20260">
        <v>8</v>
      </c>
      <c r="Z20260">
        <v>8</v>
      </c>
      <c r="AA20260">
        <v>8</v>
      </c>
      <c r="AB20260">
        <v>8</v>
      </c>
      <c r="AC20260">
        <v>8</v>
      </c>
      <c r="AD20260">
        <v>8</v>
      </c>
      <c r="AE20260">
        <v>9</v>
      </c>
      <c r="AF20260">
        <v>9</v>
      </c>
      <c r="AG20260">
        <v>9</v>
      </c>
      <c r="AH20260">
        <v>9</v>
      </c>
      <c r="AI20260">
        <v>9</v>
      </c>
      <c r="AJ20260">
        <v>9</v>
      </c>
      <c r="AK20260">
        <v>9</v>
      </c>
      <c r="AL20260">
        <v>9</v>
      </c>
      <c r="AM20260">
        <v>9</v>
      </c>
      <c r="AN20260">
        <v>9</v>
      </c>
      <c r="AO20260">
        <v>9</v>
      </c>
      <c r="AP20260">
        <v>9</v>
      </c>
      <c r="AQ20260">
        <v>9</v>
      </c>
    </row>
    <row r="20261" spans="1:43">
      <c r="A20261" t="s">
        <v>12546</v>
      </c>
      <c r="B20261" t="s">
        <v>12547</v>
      </c>
      <c r="C20261" t="s">
        <v>12544</v>
      </c>
      <c r="D20261" t="s">
        <v>12545</v>
      </c>
      <c r="E20261" t="s">
        <v>12006</v>
      </c>
      <c r="F20261" t="s">
        <v>12007</v>
      </c>
      <c r="G20261" t="s">
        <v>10450</v>
      </c>
      <c r="H20261" t="s">
        <v>10451</v>
      </c>
      <c r="I20261" s="2">
        <v>1</v>
      </c>
      <c r="J20261" s="2">
        <v>0</v>
      </c>
      <c r="K20261" s="2">
        <v>0</v>
      </c>
      <c r="L20261" t="s">
        <v>120</v>
      </c>
      <c r="M20261" t="s">
        <v>83</v>
      </c>
      <c r="N20261" t="s">
        <v>91</v>
      </c>
      <c r="O20261" t="s">
        <v>85</v>
      </c>
      <c r="P20261" t="s">
        <v>86</v>
      </c>
      <c r="Q20261">
        <v>7</v>
      </c>
      <c r="R20261">
        <v>8</v>
      </c>
      <c r="S20261">
        <v>8</v>
      </c>
      <c r="T20261">
        <v>8</v>
      </c>
      <c r="U20261">
        <v>8</v>
      </c>
      <c r="V20261">
        <v>8</v>
      </c>
      <c r="W20261">
        <v>8</v>
      </c>
      <c r="X20261">
        <v>8</v>
      </c>
      <c r="Y20261">
        <v>8</v>
      </c>
      <c r="Z20261">
        <v>8</v>
      </c>
      <c r="AA20261">
        <v>8</v>
      </c>
      <c r="AB20261">
        <v>9</v>
      </c>
      <c r="AC20261">
        <v>9</v>
      </c>
      <c r="AD20261">
        <v>9</v>
      </c>
      <c r="AE20261">
        <v>9</v>
      </c>
      <c r="AF20261">
        <v>9</v>
      </c>
      <c r="AG20261">
        <v>9</v>
      </c>
      <c r="AH20261">
        <v>9</v>
      </c>
      <c r="AI20261">
        <v>9</v>
      </c>
      <c r="AJ20261">
        <v>9</v>
      </c>
      <c r="AK20261">
        <v>9</v>
      </c>
      <c r="AL20261">
        <v>9</v>
      </c>
      <c r="AM20261">
        <v>9</v>
      </c>
      <c r="AN20261">
        <v>9</v>
      </c>
      <c r="AO20261">
        <v>9</v>
      </c>
      <c r="AP20261">
        <v>9</v>
      </c>
      <c r="AQ20261">
        <v>9</v>
      </c>
    </row>
    <row r="20262" spans="1:43">
      <c r="A20262" t="s">
        <v>12548</v>
      </c>
      <c r="B20262" t="s">
        <v>12549</v>
      </c>
      <c r="C20262" t="s">
        <v>12544</v>
      </c>
      <c r="D20262" t="s">
        <v>12545</v>
      </c>
      <c r="E20262" t="s">
        <v>12006</v>
      </c>
      <c r="F20262" t="s">
        <v>12007</v>
      </c>
      <c r="G20262" t="s">
        <v>10450</v>
      </c>
      <c r="H20262" t="s">
        <v>10451</v>
      </c>
      <c r="I20262" s="2">
        <v>1</v>
      </c>
      <c r="J20262" s="2">
        <v>0</v>
      </c>
      <c r="K20262" s="2">
        <v>0</v>
      </c>
      <c r="L20262" t="s">
        <v>120</v>
      </c>
      <c r="M20262" t="s">
        <v>83</v>
      </c>
      <c r="N20262" t="s">
        <v>84</v>
      </c>
      <c r="O20262" t="s">
        <v>85</v>
      </c>
      <c r="P20262" t="s">
        <v>86</v>
      </c>
      <c r="Q20262">
        <v>26</v>
      </c>
      <c r="R20262">
        <v>27</v>
      </c>
      <c r="S20262">
        <v>27</v>
      </c>
      <c r="T20262">
        <v>27</v>
      </c>
      <c r="U20262">
        <v>28</v>
      </c>
      <c r="V20262">
        <v>28</v>
      </c>
      <c r="W20262">
        <v>29</v>
      </c>
      <c r="X20262">
        <v>29</v>
      </c>
      <c r="Y20262">
        <v>29</v>
      </c>
      <c r="Z20262">
        <v>30</v>
      </c>
      <c r="AA20262">
        <v>30</v>
      </c>
      <c r="AB20262">
        <v>30</v>
      </c>
      <c r="AC20262">
        <v>31</v>
      </c>
      <c r="AD20262">
        <v>31</v>
      </c>
      <c r="AE20262">
        <v>31</v>
      </c>
      <c r="AF20262">
        <v>32</v>
      </c>
      <c r="AG20262">
        <v>32</v>
      </c>
      <c r="AH20262">
        <v>32</v>
      </c>
      <c r="AI20262">
        <v>33</v>
      </c>
      <c r="AJ20262">
        <v>33</v>
      </c>
      <c r="AK20262">
        <v>33</v>
      </c>
      <c r="AL20262">
        <v>34</v>
      </c>
      <c r="AM20262">
        <v>34</v>
      </c>
      <c r="AN20262">
        <v>34</v>
      </c>
      <c r="AO20262">
        <v>34</v>
      </c>
      <c r="AP20262">
        <v>34</v>
      </c>
      <c r="AQ20262">
        <v>34</v>
      </c>
    </row>
    <row r="20263" spans="1:43">
      <c r="A20263" t="s">
        <v>12548</v>
      </c>
      <c r="B20263" t="s">
        <v>12549</v>
      </c>
      <c r="C20263" t="s">
        <v>12544</v>
      </c>
      <c r="D20263" t="s">
        <v>12545</v>
      </c>
      <c r="E20263" t="s">
        <v>12006</v>
      </c>
      <c r="F20263" t="s">
        <v>12007</v>
      </c>
      <c r="G20263" t="s">
        <v>10450</v>
      </c>
      <c r="H20263" t="s">
        <v>10451</v>
      </c>
      <c r="I20263" s="2">
        <v>1</v>
      </c>
      <c r="J20263" s="2">
        <v>0</v>
      </c>
      <c r="K20263" s="2">
        <v>0</v>
      </c>
      <c r="L20263" t="s">
        <v>120</v>
      </c>
      <c r="M20263" t="s">
        <v>87</v>
      </c>
      <c r="N20263" t="s">
        <v>88</v>
      </c>
      <c r="O20263" t="s">
        <v>85</v>
      </c>
      <c r="P20263" t="s">
        <v>86</v>
      </c>
      <c r="Q20263">
        <v>26</v>
      </c>
      <c r="R20263">
        <v>26</v>
      </c>
      <c r="S20263">
        <v>26</v>
      </c>
      <c r="T20263">
        <v>26</v>
      </c>
      <c r="U20263">
        <v>27</v>
      </c>
      <c r="V20263">
        <v>27</v>
      </c>
      <c r="W20263">
        <v>27</v>
      </c>
      <c r="X20263">
        <v>27</v>
      </c>
      <c r="Y20263">
        <v>27</v>
      </c>
      <c r="Z20263">
        <v>27</v>
      </c>
      <c r="AA20263">
        <v>27</v>
      </c>
      <c r="AB20263">
        <v>27</v>
      </c>
      <c r="AC20263">
        <v>28</v>
      </c>
      <c r="AD20263">
        <v>28</v>
      </c>
      <c r="AE20263">
        <v>28</v>
      </c>
      <c r="AF20263">
        <v>28</v>
      </c>
      <c r="AG20263">
        <v>28</v>
      </c>
      <c r="AH20263">
        <v>28</v>
      </c>
      <c r="AI20263">
        <v>28</v>
      </c>
      <c r="AJ20263">
        <v>28</v>
      </c>
      <c r="AK20263">
        <v>28</v>
      </c>
      <c r="AL20263">
        <v>29</v>
      </c>
      <c r="AM20263">
        <v>29</v>
      </c>
      <c r="AN20263">
        <v>29</v>
      </c>
      <c r="AO20263">
        <v>29</v>
      </c>
      <c r="AP20263">
        <v>29</v>
      </c>
      <c r="AQ20263">
        <v>29</v>
      </c>
    </row>
    <row r="20264" spans="1:43">
      <c r="A20264" t="s">
        <v>12548</v>
      </c>
      <c r="B20264" t="s">
        <v>12549</v>
      </c>
      <c r="C20264" t="s">
        <v>12544</v>
      </c>
      <c r="D20264" t="s">
        <v>12545</v>
      </c>
      <c r="E20264" t="s">
        <v>12006</v>
      </c>
      <c r="F20264" t="s">
        <v>12007</v>
      </c>
      <c r="G20264" t="s">
        <v>10450</v>
      </c>
      <c r="H20264" t="s">
        <v>10451</v>
      </c>
      <c r="I20264" s="2">
        <v>1</v>
      </c>
      <c r="J20264" s="2">
        <v>0</v>
      </c>
      <c r="K20264" s="2">
        <v>0</v>
      </c>
      <c r="L20264" t="s">
        <v>120</v>
      </c>
      <c r="M20264" t="s">
        <v>89</v>
      </c>
      <c r="N20264" t="s">
        <v>90</v>
      </c>
      <c r="O20264" t="s">
        <v>85</v>
      </c>
      <c r="P20264" t="s">
        <v>86</v>
      </c>
      <c r="Q20264">
        <v>26</v>
      </c>
      <c r="R20264">
        <v>26</v>
      </c>
      <c r="S20264">
        <v>27</v>
      </c>
      <c r="T20264">
        <v>27</v>
      </c>
      <c r="U20264">
        <v>28</v>
      </c>
      <c r="V20264">
        <v>28</v>
      </c>
      <c r="W20264">
        <v>29</v>
      </c>
      <c r="X20264">
        <v>29</v>
      </c>
      <c r="Y20264">
        <v>30</v>
      </c>
      <c r="Z20264">
        <v>30</v>
      </c>
      <c r="AA20264">
        <v>31</v>
      </c>
      <c r="AB20264">
        <v>31</v>
      </c>
      <c r="AC20264">
        <v>32</v>
      </c>
      <c r="AD20264">
        <v>32</v>
      </c>
      <c r="AE20264">
        <v>33</v>
      </c>
      <c r="AF20264">
        <v>33</v>
      </c>
      <c r="AG20264">
        <v>33</v>
      </c>
      <c r="AH20264">
        <v>33</v>
      </c>
      <c r="AI20264">
        <v>33</v>
      </c>
      <c r="AJ20264">
        <v>33</v>
      </c>
      <c r="AK20264">
        <v>33</v>
      </c>
      <c r="AL20264">
        <v>33</v>
      </c>
      <c r="AM20264">
        <v>33</v>
      </c>
      <c r="AN20264">
        <v>33</v>
      </c>
      <c r="AO20264">
        <v>33</v>
      </c>
      <c r="AP20264">
        <v>33</v>
      </c>
      <c r="AQ20264">
        <v>33</v>
      </c>
    </row>
    <row r="20265" spans="1:43">
      <c r="A20265" t="s">
        <v>12548</v>
      </c>
      <c r="B20265" t="s">
        <v>12549</v>
      </c>
      <c r="C20265" t="s">
        <v>12544</v>
      </c>
      <c r="D20265" t="s">
        <v>12545</v>
      </c>
      <c r="E20265" t="s">
        <v>12006</v>
      </c>
      <c r="F20265" t="s">
        <v>12007</v>
      </c>
      <c r="G20265" t="s">
        <v>10450</v>
      </c>
      <c r="H20265" t="s">
        <v>10451</v>
      </c>
      <c r="I20265" s="2">
        <v>1</v>
      </c>
      <c r="J20265" s="2">
        <v>0</v>
      </c>
      <c r="K20265" s="2">
        <v>0</v>
      </c>
      <c r="L20265" t="s">
        <v>120</v>
      </c>
      <c r="M20265" t="s">
        <v>83</v>
      </c>
      <c r="N20265" t="s">
        <v>91</v>
      </c>
      <c r="O20265" t="s">
        <v>85</v>
      </c>
      <c r="P20265" t="s">
        <v>86</v>
      </c>
      <c r="Q20265">
        <v>26</v>
      </c>
      <c r="R20265">
        <v>27</v>
      </c>
      <c r="S20265">
        <v>27</v>
      </c>
      <c r="T20265">
        <v>27</v>
      </c>
      <c r="U20265">
        <v>28</v>
      </c>
      <c r="V20265">
        <v>28</v>
      </c>
      <c r="W20265">
        <v>29</v>
      </c>
      <c r="X20265">
        <v>29</v>
      </c>
      <c r="Y20265">
        <v>29</v>
      </c>
      <c r="Z20265">
        <v>30</v>
      </c>
      <c r="AA20265">
        <v>30</v>
      </c>
      <c r="AB20265">
        <v>30</v>
      </c>
      <c r="AC20265">
        <v>31</v>
      </c>
      <c r="AD20265">
        <v>31</v>
      </c>
      <c r="AE20265">
        <v>31</v>
      </c>
      <c r="AF20265">
        <v>32</v>
      </c>
      <c r="AG20265">
        <v>32</v>
      </c>
      <c r="AH20265">
        <v>32</v>
      </c>
      <c r="AI20265">
        <v>33</v>
      </c>
      <c r="AJ20265">
        <v>33</v>
      </c>
      <c r="AK20265">
        <v>33</v>
      </c>
      <c r="AL20265">
        <v>34</v>
      </c>
      <c r="AM20265">
        <v>34</v>
      </c>
      <c r="AN20265">
        <v>34</v>
      </c>
      <c r="AO20265">
        <v>34</v>
      </c>
      <c r="AP20265">
        <v>34</v>
      </c>
      <c r="AQ20265">
        <v>34</v>
      </c>
    </row>
    <row r="20266" spans="1:43">
      <c r="A20266" t="s">
        <v>12550</v>
      </c>
      <c r="B20266" t="s">
        <v>12551</v>
      </c>
      <c r="C20266" t="s">
        <v>12544</v>
      </c>
      <c r="D20266" t="s">
        <v>12545</v>
      </c>
      <c r="E20266" t="s">
        <v>12006</v>
      </c>
      <c r="F20266" t="s">
        <v>12007</v>
      </c>
      <c r="G20266" t="s">
        <v>10450</v>
      </c>
      <c r="H20266" t="s">
        <v>10451</v>
      </c>
      <c r="I20266" s="2">
        <v>1</v>
      </c>
      <c r="J20266" s="2">
        <v>0</v>
      </c>
      <c r="K20266" s="2">
        <v>0</v>
      </c>
      <c r="L20266" t="s">
        <v>120</v>
      </c>
      <c r="M20266" t="s">
        <v>83</v>
      </c>
      <c r="N20266" t="s">
        <v>84</v>
      </c>
      <c r="O20266" t="s">
        <v>85</v>
      </c>
      <c r="P20266" t="s">
        <v>86</v>
      </c>
      <c r="Q20266">
        <v>8</v>
      </c>
      <c r="R20266">
        <v>8</v>
      </c>
      <c r="S20266">
        <v>8</v>
      </c>
      <c r="T20266">
        <v>8</v>
      </c>
      <c r="U20266">
        <v>8</v>
      </c>
      <c r="V20266">
        <v>8</v>
      </c>
      <c r="W20266">
        <v>8</v>
      </c>
      <c r="X20266">
        <v>8</v>
      </c>
      <c r="Y20266">
        <v>8</v>
      </c>
      <c r="Z20266">
        <v>9</v>
      </c>
      <c r="AA20266">
        <v>9</v>
      </c>
      <c r="AB20266">
        <v>9</v>
      </c>
      <c r="AC20266">
        <v>9</v>
      </c>
      <c r="AD20266">
        <v>9</v>
      </c>
      <c r="AE20266">
        <v>9</v>
      </c>
      <c r="AF20266">
        <v>9</v>
      </c>
      <c r="AG20266">
        <v>9</v>
      </c>
      <c r="AH20266">
        <v>9</v>
      </c>
      <c r="AI20266">
        <v>9</v>
      </c>
      <c r="AJ20266">
        <v>10</v>
      </c>
      <c r="AK20266">
        <v>10</v>
      </c>
      <c r="AL20266">
        <v>10</v>
      </c>
      <c r="AM20266">
        <v>10</v>
      </c>
      <c r="AN20266">
        <v>10</v>
      </c>
      <c r="AO20266">
        <v>10</v>
      </c>
      <c r="AP20266">
        <v>10</v>
      </c>
      <c r="AQ20266">
        <v>10</v>
      </c>
    </row>
    <row r="20267" spans="1:43">
      <c r="A20267" t="s">
        <v>12550</v>
      </c>
      <c r="B20267" t="s">
        <v>12551</v>
      </c>
      <c r="C20267" t="s">
        <v>12544</v>
      </c>
      <c r="D20267" t="s">
        <v>12545</v>
      </c>
      <c r="E20267" t="s">
        <v>12006</v>
      </c>
      <c r="F20267" t="s">
        <v>12007</v>
      </c>
      <c r="G20267" t="s">
        <v>10450</v>
      </c>
      <c r="H20267" t="s">
        <v>10451</v>
      </c>
      <c r="I20267" s="2">
        <v>1</v>
      </c>
      <c r="J20267" s="2">
        <v>0</v>
      </c>
      <c r="K20267" s="2">
        <v>0</v>
      </c>
      <c r="L20267" t="s">
        <v>120</v>
      </c>
      <c r="M20267" t="s">
        <v>87</v>
      </c>
      <c r="N20267" t="s">
        <v>88</v>
      </c>
      <c r="O20267" t="s">
        <v>85</v>
      </c>
      <c r="P20267" t="s">
        <v>86</v>
      </c>
      <c r="Q20267">
        <v>8</v>
      </c>
      <c r="R20267">
        <v>9</v>
      </c>
      <c r="S20267">
        <v>9</v>
      </c>
      <c r="T20267">
        <v>9</v>
      </c>
      <c r="U20267">
        <v>9</v>
      </c>
      <c r="V20267">
        <v>9</v>
      </c>
      <c r="W20267">
        <v>9</v>
      </c>
      <c r="X20267">
        <v>9</v>
      </c>
      <c r="Y20267">
        <v>9</v>
      </c>
      <c r="Z20267">
        <v>9</v>
      </c>
      <c r="AA20267">
        <v>9</v>
      </c>
      <c r="AB20267">
        <v>9</v>
      </c>
      <c r="AC20267">
        <v>9</v>
      </c>
      <c r="AD20267">
        <v>9</v>
      </c>
      <c r="AE20267">
        <v>9</v>
      </c>
      <c r="AF20267">
        <v>9</v>
      </c>
      <c r="AG20267">
        <v>9</v>
      </c>
      <c r="AH20267">
        <v>9</v>
      </c>
      <c r="AI20267">
        <v>9</v>
      </c>
      <c r="AJ20267">
        <v>9</v>
      </c>
      <c r="AK20267">
        <v>9</v>
      </c>
      <c r="AL20267">
        <v>9</v>
      </c>
      <c r="AM20267">
        <v>9</v>
      </c>
      <c r="AN20267">
        <v>9</v>
      </c>
      <c r="AO20267">
        <v>9</v>
      </c>
      <c r="AP20267">
        <v>9</v>
      </c>
      <c r="AQ20267">
        <v>9</v>
      </c>
    </row>
    <row r="20268" spans="1:43">
      <c r="A20268" t="s">
        <v>12550</v>
      </c>
      <c r="B20268" t="s">
        <v>12551</v>
      </c>
      <c r="C20268" t="s">
        <v>12544</v>
      </c>
      <c r="D20268" t="s">
        <v>12545</v>
      </c>
      <c r="E20268" t="s">
        <v>12006</v>
      </c>
      <c r="F20268" t="s">
        <v>12007</v>
      </c>
      <c r="G20268" t="s">
        <v>10450</v>
      </c>
      <c r="H20268" t="s">
        <v>10451</v>
      </c>
      <c r="I20268" s="2">
        <v>1</v>
      </c>
      <c r="J20268" s="2">
        <v>0</v>
      </c>
      <c r="K20268" s="2">
        <v>0</v>
      </c>
      <c r="L20268" t="s">
        <v>120</v>
      </c>
      <c r="M20268" t="s">
        <v>89</v>
      </c>
      <c r="N20268" t="s">
        <v>90</v>
      </c>
      <c r="O20268" t="s">
        <v>85</v>
      </c>
      <c r="P20268" t="s">
        <v>86</v>
      </c>
      <c r="Q20268">
        <v>8</v>
      </c>
      <c r="R20268">
        <v>8</v>
      </c>
      <c r="S20268">
        <v>8</v>
      </c>
      <c r="T20268">
        <v>8</v>
      </c>
      <c r="U20268">
        <v>8</v>
      </c>
      <c r="V20268">
        <v>8</v>
      </c>
      <c r="W20268">
        <v>9</v>
      </c>
      <c r="X20268">
        <v>9</v>
      </c>
      <c r="Y20268">
        <v>9</v>
      </c>
      <c r="Z20268">
        <v>9</v>
      </c>
      <c r="AA20268">
        <v>9</v>
      </c>
      <c r="AB20268">
        <v>9</v>
      </c>
      <c r="AC20268">
        <v>9</v>
      </c>
      <c r="AD20268">
        <v>10</v>
      </c>
      <c r="AE20268">
        <v>10</v>
      </c>
      <c r="AF20268">
        <v>10</v>
      </c>
      <c r="AG20268">
        <v>10</v>
      </c>
      <c r="AH20268">
        <v>10</v>
      </c>
      <c r="AI20268">
        <v>10</v>
      </c>
      <c r="AJ20268">
        <v>10</v>
      </c>
      <c r="AK20268">
        <v>10</v>
      </c>
      <c r="AL20268">
        <v>10</v>
      </c>
      <c r="AM20268">
        <v>10</v>
      </c>
      <c r="AN20268">
        <v>10</v>
      </c>
      <c r="AO20268">
        <v>10</v>
      </c>
      <c r="AP20268">
        <v>10</v>
      </c>
      <c r="AQ20268">
        <v>10</v>
      </c>
    </row>
    <row r="20269" spans="1:43">
      <c r="A20269" t="s">
        <v>12550</v>
      </c>
      <c r="B20269" t="s">
        <v>12551</v>
      </c>
      <c r="C20269" t="s">
        <v>12544</v>
      </c>
      <c r="D20269" t="s">
        <v>12545</v>
      </c>
      <c r="E20269" t="s">
        <v>12006</v>
      </c>
      <c r="F20269" t="s">
        <v>12007</v>
      </c>
      <c r="G20269" t="s">
        <v>10450</v>
      </c>
      <c r="H20269" t="s">
        <v>10451</v>
      </c>
      <c r="I20269" s="2">
        <v>1</v>
      </c>
      <c r="J20269" s="2">
        <v>0</v>
      </c>
      <c r="K20269" s="2">
        <v>0</v>
      </c>
      <c r="L20269" t="s">
        <v>120</v>
      </c>
      <c r="M20269" t="s">
        <v>83</v>
      </c>
      <c r="N20269" t="s">
        <v>91</v>
      </c>
      <c r="O20269" t="s">
        <v>85</v>
      </c>
      <c r="P20269" t="s">
        <v>86</v>
      </c>
      <c r="Q20269">
        <v>8</v>
      </c>
      <c r="R20269">
        <v>8</v>
      </c>
      <c r="S20269">
        <v>8</v>
      </c>
      <c r="T20269">
        <v>8</v>
      </c>
      <c r="U20269">
        <v>8</v>
      </c>
      <c r="V20269">
        <v>8</v>
      </c>
      <c r="W20269">
        <v>8</v>
      </c>
      <c r="X20269">
        <v>8</v>
      </c>
      <c r="Y20269">
        <v>8</v>
      </c>
      <c r="Z20269">
        <v>9</v>
      </c>
      <c r="AA20269">
        <v>9</v>
      </c>
      <c r="AB20269">
        <v>9</v>
      </c>
      <c r="AC20269">
        <v>9</v>
      </c>
      <c r="AD20269">
        <v>9</v>
      </c>
      <c r="AE20269">
        <v>9</v>
      </c>
      <c r="AF20269">
        <v>9</v>
      </c>
      <c r="AG20269">
        <v>9</v>
      </c>
      <c r="AH20269">
        <v>9</v>
      </c>
      <c r="AI20269">
        <v>9</v>
      </c>
      <c r="AJ20269">
        <v>10</v>
      </c>
      <c r="AK20269">
        <v>10</v>
      </c>
      <c r="AL20269">
        <v>10</v>
      </c>
      <c r="AM20269">
        <v>10</v>
      </c>
      <c r="AN20269">
        <v>10</v>
      </c>
      <c r="AO20269">
        <v>10</v>
      </c>
      <c r="AP20269">
        <v>10</v>
      </c>
      <c r="AQ20269">
        <v>10</v>
      </c>
    </row>
    <row r="20270" spans="1:43">
      <c r="A20270" t="s">
        <v>12552</v>
      </c>
      <c r="B20270" t="s">
        <v>12553</v>
      </c>
      <c r="C20270" t="s">
        <v>12420</v>
      </c>
      <c r="D20270" t="s">
        <v>12421</v>
      </c>
      <c r="E20270" t="s">
        <v>12006</v>
      </c>
      <c r="F20270" t="s">
        <v>12007</v>
      </c>
      <c r="G20270" t="s">
        <v>10450</v>
      </c>
      <c r="H20270" t="s">
        <v>10451</v>
      </c>
      <c r="I20270" s="2">
        <v>1</v>
      </c>
      <c r="J20270" s="2">
        <v>0</v>
      </c>
      <c r="K20270" s="2">
        <v>0</v>
      </c>
      <c r="L20270" t="s">
        <v>120</v>
      </c>
      <c r="M20270" t="s">
        <v>83</v>
      </c>
      <c r="N20270" t="s">
        <v>84</v>
      </c>
      <c r="O20270" t="s">
        <v>85</v>
      </c>
      <c r="P20270" t="s">
        <v>86</v>
      </c>
      <c r="Q20270">
        <v>27</v>
      </c>
      <c r="R20270">
        <v>28</v>
      </c>
      <c r="S20270">
        <v>28</v>
      </c>
      <c r="T20270">
        <v>29</v>
      </c>
      <c r="U20270">
        <v>29</v>
      </c>
      <c r="V20270">
        <v>29</v>
      </c>
      <c r="W20270">
        <v>30</v>
      </c>
      <c r="X20270">
        <v>30</v>
      </c>
      <c r="Y20270">
        <v>31</v>
      </c>
      <c r="Z20270">
        <v>31</v>
      </c>
      <c r="AA20270">
        <v>31</v>
      </c>
      <c r="AB20270">
        <v>32</v>
      </c>
      <c r="AC20270">
        <v>32</v>
      </c>
      <c r="AD20270">
        <v>32</v>
      </c>
      <c r="AE20270">
        <v>33</v>
      </c>
      <c r="AF20270">
        <v>33</v>
      </c>
      <c r="AG20270">
        <v>33</v>
      </c>
      <c r="AH20270">
        <v>34</v>
      </c>
      <c r="AI20270">
        <v>34</v>
      </c>
      <c r="AJ20270">
        <v>34</v>
      </c>
      <c r="AK20270">
        <v>35</v>
      </c>
      <c r="AL20270">
        <v>35</v>
      </c>
      <c r="AM20270">
        <v>35</v>
      </c>
      <c r="AN20270">
        <v>35</v>
      </c>
      <c r="AO20270">
        <v>35</v>
      </c>
      <c r="AP20270">
        <v>35</v>
      </c>
      <c r="AQ20270">
        <v>35</v>
      </c>
    </row>
    <row r="20271" spans="1:43">
      <c r="A20271" t="s">
        <v>12552</v>
      </c>
      <c r="B20271" t="s">
        <v>12553</v>
      </c>
      <c r="C20271" t="s">
        <v>12420</v>
      </c>
      <c r="D20271" t="s">
        <v>12421</v>
      </c>
      <c r="E20271" t="s">
        <v>12006</v>
      </c>
      <c r="F20271" t="s">
        <v>12007</v>
      </c>
      <c r="G20271" t="s">
        <v>10450</v>
      </c>
      <c r="H20271" t="s">
        <v>10451</v>
      </c>
      <c r="I20271" s="2">
        <v>1</v>
      </c>
      <c r="J20271" s="2">
        <v>0</v>
      </c>
      <c r="K20271" s="2">
        <v>0</v>
      </c>
      <c r="L20271" t="s">
        <v>120</v>
      </c>
      <c r="M20271" t="s">
        <v>87</v>
      </c>
      <c r="N20271" t="s">
        <v>88</v>
      </c>
      <c r="O20271" t="s">
        <v>85</v>
      </c>
      <c r="P20271" t="s">
        <v>86</v>
      </c>
      <c r="Q20271">
        <v>27</v>
      </c>
      <c r="R20271">
        <v>27</v>
      </c>
      <c r="S20271">
        <v>27</v>
      </c>
      <c r="T20271">
        <v>28</v>
      </c>
      <c r="U20271">
        <v>28</v>
      </c>
      <c r="V20271">
        <v>28</v>
      </c>
      <c r="W20271">
        <v>28</v>
      </c>
      <c r="X20271">
        <v>28</v>
      </c>
      <c r="Y20271">
        <v>28</v>
      </c>
      <c r="Z20271">
        <v>28</v>
      </c>
      <c r="AA20271">
        <v>28</v>
      </c>
      <c r="AB20271">
        <v>29</v>
      </c>
      <c r="AC20271">
        <v>29</v>
      </c>
      <c r="AD20271">
        <v>29</v>
      </c>
      <c r="AE20271">
        <v>29</v>
      </c>
      <c r="AF20271">
        <v>29</v>
      </c>
      <c r="AG20271">
        <v>29</v>
      </c>
      <c r="AH20271">
        <v>29</v>
      </c>
      <c r="AI20271">
        <v>29</v>
      </c>
      <c r="AJ20271">
        <v>30</v>
      </c>
      <c r="AK20271">
        <v>30</v>
      </c>
      <c r="AL20271">
        <v>30</v>
      </c>
      <c r="AM20271">
        <v>30</v>
      </c>
      <c r="AN20271">
        <v>30</v>
      </c>
      <c r="AO20271">
        <v>30</v>
      </c>
      <c r="AP20271">
        <v>30</v>
      </c>
      <c r="AQ20271">
        <v>30</v>
      </c>
    </row>
    <row r="20272" spans="1:43">
      <c r="A20272" t="s">
        <v>12552</v>
      </c>
      <c r="B20272" t="s">
        <v>12553</v>
      </c>
      <c r="C20272" t="s">
        <v>12420</v>
      </c>
      <c r="D20272" t="s">
        <v>12421</v>
      </c>
      <c r="E20272" t="s">
        <v>12006</v>
      </c>
      <c r="F20272" t="s">
        <v>12007</v>
      </c>
      <c r="G20272" t="s">
        <v>10450</v>
      </c>
      <c r="H20272" t="s">
        <v>10451</v>
      </c>
      <c r="I20272" s="2">
        <v>1</v>
      </c>
      <c r="J20272" s="2">
        <v>0</v>
      </c>
      <c r="K20272" s="2">
        <v>0</v>
      </c>
      <c r="L20272" t="s">
        <v>120</v>
      </c>
      <c r="M20272" t="s">
        <v>89</v>
      </c>
      <c r="N20272" t="s">
        <v>90</v>
      </c>
      <c r="O20272" t="s">
        <v>85</v>
      </c>
      <c r="P20272" t="s">
        <v>86</v>
      </c>
      <c r="Q20272">
        <v>27</v>
      </c>
      <c r="R20272">
        <v>27</v>
      </c>
      <c r="S20272">
        <v>28</v>
      </c>
      <c r="T20272">
        <v>29</v>
      </c>
      <c r="U20272">
        <v>29</v>
      </c>
      <c r="V20272">
        <v>30</v>
      </c>
      <c r="W20272">
        <v>30</v>
      </c>
      <c r="X20272">
        <v>31</v>
      </c>
      <c r="Y20272">
        <v>31</v>
      </c>
      <c r="Z20272">
        <v>32</v>
      </c>
      <c r="AA20272">
        <v>32</v>
      </c>
      <c r="AB20272">
        <v>33</v>
      </c>
      <c r="AC20272">
        <v>33</v>
      </c>
      <c r="AD20272">
        <v>34</v>
      </c>
      <c r="AE20272">
        <v>34</v>
      </c>
      <c r="AF20272">
        <v>34</v>
      </c>
      <c r="AG20272">
        <v>34</v>
      </c>
      <c r="AH20272">
        <v>34</v>
      </c>
      <c r="AI20272">
        <v>34</v>
      </c>
      <c r="AJ20272">
        <v>34</v>
      </c>
      <c r="AK20272">
        <v>34</v>
      </c>
      <c r="AL20272">
        <v>34</v>
      </c>
      <c r="AM20272">
        <v>34</v>
      </c>
      <c r="AN20272">
        <v>34</v>
      </c>
      <c r="AO20272">
        <v>34</v>
      </c>
      <c r="AP20272">
        <v>34</v>
      </c>
      <c r="AQ20272">
        <v>34</v>
      </c>
    </row>
    <row r="20273" spans="1:43">
      <c r="A20273" t="s">
        <v>12552</v>
      </c>
      <c r="B20273" t="s">
        <v>12553</v>
      </c>
      <c r="C20273" t="s">
        <v>12420</v>
      </c>
      <c r="D20273" t="s">
        <v>12421</v>
      </c>
      <c r="E20273" t="s">
        <v>12006</v>
      </c>
      <c r="F20273" t="s">
        <v>12007</v>
      </c>
      <c r="G20273" t="s">
        <v>10450</v>
      </c>
      <c r="H20273" t="s">
        <v>10451</v>
      </c>
      <c r="I20273" s="2">
        <v>1</v>
      </c>
      <c r="J20273" s="2">
        <v>0</v>
      </c>
      <c r="K20273" s="2">
        <v>0</v>
      </c>
      <c r="L20273" t="s">
        <v>120</v>
      </c>
      <c r="M20273" t="s">
        <v>83</v>
      </c>
      <c r="N20273" t="s">
        <v>91</v>
      </c>
      <c r="O20273" t="s">
        <v>85</v>
      </c>
      <c r="P20273" t="s">
        <v>86</v>
      </c>
      <c r="Q20273">
        <v>27</v>
      </c>
      <c r="R20273">
        <v>28</v>
      </c>
      <c r="S20273">
        <v>28</v>
      </c>
      <c r="T20273">
        <v>29</v>
      </c>
      <c r="U20273">
        <v>29</v>
      </c>
      <c r="V20273">
        <v>29</v>
      </c>
      <c r="W20273">
        <v>30</v>
      </c>
      <c r="X20273">
        <v>30</v>
      </c>
      <c r="Y20273">
        <v>31</v>
      </c>
      <c r="Z20273">
        <v>31</v>
      </c>
      <c r="AA20273">
        <v>31</v>
      </c>
      <c r="AB20273">
        <v>32</v>
      </c>
      <c r="AC20273">
        <v>32</v>
      </c>
      <c r="AD20273">
        <v>32</v>
      </c>
      <c r="AE20273">
        <v>33</v>
      </c>
      <c r="AF20273">
        <v>33</v>
      </c>
      <c r="AG20273">
        <v>33</v>
      </c>
      <c r="AH20273">
        <v>34</v>
      </c>
      <c r="AI20273">
        <v>34</v>
      </c>
      <c r="AJ20273">
        <v>34</v>
      </c>
      <c r="AK20273">
        <v>35</v>
      </c>
      <c r="AL20273">
        <v>35</v>
      </c>
      <c r="AM20273">
        <v>35</v>
      </c>
      <c r="AN20273">
        <v>35</v>
      </c>
      <c r="AO20273">
        <v>35</v>
      </c>
      <c r="AP20273">
        <v>35</v>
      </c>
      <c r="AQ20273">
        <v>35</v>
      </c>
    </row>
    <row r="20274" spans="1:43">
      <c r="A20274" t="s">
        <v>12554</v>
      </c>
      <c r="B20274" t="s">
        <v>12555</v>
      </c>
      <c r="C20274" t="s">
        <v>12468</v>
      </c>
      <c r="D20274" t="s">
        <v>12469</v>
      </c>
      <c r="E20274" t="s">
        <v>12006</v>
      </c>
      <c r="F20274" t="s">
        <v>12007</v>
      </c>
      <c r="G20274" t="s">
        <v>10450</v>
      </c>
      <c r="H20274" t="s">
        <v>10451</v>
      </c>
      <c r="I20274" s="2">
        <v>1</v>
      </c>
      <c r="J20274" s="2">
        <v>0</v>
      </c>
      <c r="K20274" s="2">
        <v>0</v>
      </c>
      <c r="L20274" t="s">
        <v>120</v>
      </c>
      <c r="M20274" t="s">
        <v>83</v>
      </c>
      <c r="N20274" t="s">
        <v>84</v>
      </c>
      <c r="O20274" t="s">
        <v>85</v>
      </c>
      <c r="P20274" t="s">
        <v>86</v>
      </c>
      <c r="Q20274">
        <v>11</v>
      </c>
      <c r="R20274">
        <v>12</v>
      </c>
      <c r="S20274">
        <v>12</v>
      </c>
      <c r="T20274">
        <v>12</v>
      </c>
      <c r="U20274">
        <v>12</v>
      </c>
      <c r="V20274">
        <v>12</v>
      </c>
      <c r="W20274">
        <v>12</v>
      </c>
      <c r="X20274">
        <v>13</v>
      </c>
      <c r="Y20274">
        <v>13</v>
      </c>
      <c r="Z20274">
        <v>13</v>
      </c>
      <c r="AA20274">
        <v>13</v>
      </c>
      <c r="AB20274">
        <v>13</v>
      </c>
      <c r="AC20274">
        <v>13</v>
      </c>
      <c r="AD20274">
        <v>13</v>
      </c>
      <c r="AE20274">
        <v>14</v>
      </c>
      <c r="AF20274">
        <v>14</v>
      </c>
      <c r="AG20274">
        <v>14</v>
      </c>
      <c r="AH20274">
        <v>14</v>
      </c>
      <c r="AI20274">
        <v>14</v>
      </c>
      <c r="AJ20274">
        <v>14</v>
      </c>
      <c r="AK20274">
        <v>14</v>
      </c>
      <c r="AL20274">
        <v>15</v>
      </c>
      <c r="AM20274">
        <v>15</v>
      </c>
      <c r="AN20274">
        <v>15</v>
      </c>
      <c r="AO20274">
        <v>15</v>
      </c>
      <c r="AP20274">
        <v>15</v>
      </c>
      <c r="AQ20274">
        <v>15</v>
      </c>
    </row>
    <row r="20275" spans="1:43">
      <c r="A20275" t="s">
        <v>12554</v>
      </c>
      <c r="B20275" t="s">
        <v>12555</v>
      </c>
      <c r="C20275" t="s">
        <v>12468</v>
      </c>
      <c r="D20275" t="s">
        <v>12469</v>
      </c>
      <c r="E20275" t="s">
        <v>12006</v>
      </c>
      <c r="F20275" t="s">
        <v>12007</v>
      </c>
      <c r="G20275" t="s">
        <v>10450</v>
      </c>
      <c r="H20275" t="s">
        <v>10451</v>
      </c>
      <c r="I20275" s="2">
        <v>1</v>
      </c>
      <c r="J20275" s="2">
        <v>0</v>
      </c>
      <c r="K20275" s="2">
        <v>0</v>
      </c>
      <c r="L20275" t="s">
        <v>120</v>
      </c>
      <c r="M20275" t="s">
        <v>87</v>
      </c>
      <c r="N20275" t="s">
        <v>88</v>
      </c>
      <c r="O20275" t="s">
        <v>85</v>
      </c>
      <c r="P20275" t="s">
        <v>86</v>
      </c>
      <c r="Q20275">
        <v>11</v>
      </c>
      <c r="R20275">
        <v>11</v>
      </c>
      <c r="S20275">
        <v>11</v>
      </c>
      <c r="T20275">
        <v>11</v>
      </c>
      <c r="U20275">
        <v>12</v>
      </c>
      <c r="V20275">
        <v>12</v>
      </c>
      <c r="W20275">
        <v>12</v>
      </c>
      <c r="X20275">
        <v>12</v>
      </c>
      <c r="Y20275">
        <v>12</v>
      </c>
      <c r="Z20275">
        <v>12</v>
      </c>
      <c r="AA20275">
        <v>12</v>
      </c>
      <c r="AB20275">
        <v>12</v>
      </c>
      <c r="AC20275">
        <v>12</v>
      </c>
      <c r="AD20275">
        <v>12</v>
      </c>
      <c r="AE20275">
        <v>12</v>
      </c>
      <c r="AF20275">
        <v>12</v>
      </c>
      <c r="AG20275">
        <v>12</v>
      </c>
      <c r="AH20275">
        <v>12</v>
      </c>
      <c r="AI20275">
        <v>12</v>
      </c>
      <c r="AJ20275">
        <v>12</v>
      </c>
      <c r="AK20275">
        <v>12</v>
      </c>
      <c r="AL20275">
        <v>12</v>
      </c>
      <c r="AM20275">
        <v>12</v>
      </c>
      <c r="AN20275">
        <v>13</v>
      </c>
      <c r="AO20275">
        <v>13</v>
      </c>
      <c r="AP20275">
        <v>13</v>
      </c>
      <c r="AQ20275">
        <v>13</v>
      </c>
    </row>
    <row r="20276" spans="1:43">
      <c r="A20276" t="s">
        <v>12554</v>
      </c>
      <c r="B20276" t="s">
        <v>12555</v>
      </c>
      <c r="C20276" t="s">
        <v>12468</v>
      </c>
      <c r="D20276" t="s">
        <v>12469</v>
      </c>
      <c r="E20276" t="s">
        <v>12006</v>
      </c>
      <c r="F20276" t="s">
        <v>12007</v>
      </c>
      <c r="G20276" t="s">
        <v>10450</v>
      </c>
      <c r="H20276" t="s">
        <v>10451</v>
      </c>
      <c r="I20276" s="2">
        <v>1</v>
      </c>
      <c r="J20276" s="2">
        <v>0</v>
      </c>
      <c r="K20276" s="2">
        <v>0</v>
      </c>
      <c r="L20276" t="s">
        <v>120</v>
      </c>
      <c r="M20276" t="s">
        <v>89</v>
      </c>
      <c r="N20276" t="s">
        <v>90</v>
      </c>
      <c r="O20276" t="s">
        <v>85</v>
      </c>
      <c r="P20276" t="s">
        <v>86</v>
      </c>
      <c r="Q20276">
        <v>11</v>
      </c>
      <c r="R20276">
        <v>11</v>
      </c>
      <c r="S20276">
        <v>11</v>
      </c>
      <c r="T20276">
        <v>11</v>
      </c>
      <c r="U20276">
        <v>12</v>
      </c>
      <c r="V20276">
        <v>12</v>
      </c>
      <c r="W20276">
        <v>12</v>
      </c>
      <c r="X20276">
        <v>12</v>
      </c>
      <c r="Y20276">
        <v>12</v>
      </c>
      <c r="Z20276">
        <v>13</v>
      </c>
      <c r="AA20276">
        <v>13</v>
      </c>
      <c r="AB20276">
        <v>13</v>
      </c>
      <c r="AC20276">
        <v>13</v>
      </c>
      <c r="AD20276">
        <v>13</v>
      </c>
      <c r="AE20276">
        <v>14</v>
      </c>
      <c r="AF20276">
        <v>14</v>
      </c>
      <c r="AG20276">
        <v>14</v>
      </c>
      <c r="AH20276">
        <v>14</v>
      </c>
      <c r="AI20276">
        <v>14</v>
      </c>
      <c r="AJ20276">
        <v>14</v>
      </c>
      <c r="AK20276">
        <v>14</v>
      </c>
      <c r="AL20276">
        <v>14</v>
      </c>
      <c r="AM20276">
        <v>14</v>
      </c>
      <c r="AN20276">
        <v>14</v>
      </c>
      <c r="AO20276">
        <v>14</v>
      </c>
      <c r="AP20276">
        <v>14</v>
      </c>
      <c r="AQ20276">
        <v>14</v>
      </c>
    </row>
    <row r="20277" spans="1:43">
      <c r="A20277" t="s">
        <v>12554</v>
      </c>
      <c r="B20277" t="s">
        <v>12555</v>
      </c>
      <c r="C20277" t="s">
        <v>12468</v>
      </c>
      <c r="D20277" t="s">
        <v>12469</v>
      </c>
      <c r="E20277" t="s">
        <v>12006</v>
      </c>
      <c r="F20277" t="s">
        <v>12007</v>
      </c>
      <c r="G20277" t="s">
        <v>10450</v>
      </c>
      <c r="H20277" t="s">
        <v>10451</v>
      </c>
      <c r="I20277" s="2">
        <v>1</v>
      </c>
      <c r="J20277" s="2">
        <v>0</v>
      </c>
      <c r="K20277" s="2">
        <v>0</v>
      </c>
      <c r="L20277" t="s">
        <v>120</v>
      </c>
      <c r="M20277" t="s">
        <v>83</v>
      </c>
      <c r="N20277" t="s">
        <v>91</v>
      </c>
      <c r="O20277" t="s">
        <v>85</v>
      </c>
      <c r="P20277" t="s">
        <v>86</v>
      </c>
      <c r="Q20277">
        <v>11</v>
      </c>
      <c r="R20277">
        <v>12</v>
      </c>
      <c r="S20277">
        <v>12</v>
      </c>
      <c r="T20277">
        <v>12</v>
      </c>
      <c r="U20277">
        <v>12</v>
      </c>
      <c r="V20277">
        <v>12</v>
      </c>
      <c r="W20277">
        <v>12</v>
      </c>
      <c r="X20277">
        <v>13</v>
      </c>
      <c r="Y20277">
        <v>13</v>
      </c>
      <c r="Z20277">
        <v>13</v>
      </c>
      <c r="AA20277">
        <v>13</v>
      </c>
      <c r="AB20277">
        <v>13</v>
      </c>
      <c r="AC20277">
        <v>13</v>
      </c>
      <c r="AD20277">
        <v>13</v>
      </c>
      <c r="AE20277">
        <v>14</v>
      </c>
      <c r="AF20277">
        <v>14</v>
      </c>
      <c r="AG20277">
        <v>14</v>
      </c>
      <c r="AH20277">
        <v>14</v>
      </c>
      <c r="AI20277">
        <v>14</v>
      </c>
      <c r="AJ20277">
        <v>14</v>
      </c>
      <c r="AK20277">
        <v>14</v>
      </c>
      <c r="AL20277">
        <v>15</v>
      </c>
      <c r="AM20277">
        <v>15</v>
      </c>
      <c r="AN20277">
        <v>15</v>
      </c>
      <c r="AO20277">
        <v>15</v>
      </c>
      <c r="AP20277">
        <v>15</v>
      </c>
      <c r="AQ20277">
        <v>15</v>
      </c>
    </row>
    <row r="20278" spans="1:43">
      <c r="A20278" t="s">
        <v>12556</v>
      </c>
      <c r="B20278" t="s">
        <v>12557</v>
      </c>
      <c r="C20278" t="s">
        <v>12518</v>
      </c>
      <c r="D20278" t="s">
        <v>12519</v>
      </c>
      <c r="E20278" t="s">
        <v>12006</v>
      </c>
      <c r="F20278" t="s">
        <v>12007</v>
      </c>
      <c r="G20278" t="s">
        <v>10450</v>
      </c>
      <c r="H20278" t="s">
        <v>10451</v>
      </c>
      <c r="I20278" s="2">
        <v>1</v>
      </c>
      <c r="J20278" s="2">
        <v>0</v>
      </c>
      <c r="K20278" s="2">
        <v>0</v>
      </c>
      <c r="L20278" t="s">
        <v>120</v>
      </c>
      <c r="M20278" t="s">
        <v>83</v>
      </c>
      <c r="N20278" t="s">
        <v>84</v>
      </c>
      <c r="O20278" t="s">
        <v>85</v>
      </c>
      <c r="P20278" t="s">
        <v>86</v>
      </c>
      <c r="Q20278">
        <v>9</v>
      </c>
      <c r="R20278">
        <v>9</v>
      </c>
      <c r="S20278">
        <v>9</v>
      </c>
      <c r="T20278">
        <v>9</v>
      </c>
      <c r="U20278">
        <v>9</v>
      </c>
      <c r="V20278">
        <v>9</v>
      </c>
      <c r="W20278">
        <v>9</v>
      </c>
      <c r="X20278">
        <v>10</v>
      </c>
      <c r="Y20278">
        <v>10</v>
      </c>
      <c r="Z20278">
        <v>10</v>
      </c>
      <c r="AA20278">
        <v>10</v>
      </c>
      <c r="AB20278">
        <v>10</v>
      </c>
      <c r="AC20278">
        <v>10</v>
      </c>
      <c r="AD20278">
        <v>10</v>
      </c>
      <c r="AE20278">
        <v>10</v>
      </c>
      <c r="AF20278">
        <v>10</v>
      </c>
      <c r="AG20278">
        <v>11</v>
      </c>
      <c r="AH20278">
        <v>11</v>
      </c>
      <c r="AI20278">
        <v>11</v>
      </c>
      <c r="AJ20278">
        <v>11</v>
      </c>
      <c r="AK20278">
        <v>11</v>
      </c>
      <c r="AL20278">
        <v>11</v>
      </c>
      <c r="AM20278">
        <v>11</v>
      </c>
      <c r="AN20278">
        <v>11</v>
      </c>
      <c r="AO20278">
        <v>11</v>
      </c>
      <c r="AP20278">
        <v>11</v>
      </c>
      <c r="AQ20278">
        <v>11</v>
      </c>
    </row>
    <row r="20279" spans="1:43">
      <c r="A20279" t="s">
        <v>12556</v>
      </c>
      <c r="B20279" t="s">
        <v>12557</v>
      </c>
      <c r="C20279" t="s">
        <v>12518</v>
      </c>
      <c r="D20279" t="s">
        <v>12519</v>
      </c>
      <c r="E20279" t="s">
        <v>12006</v>
      </c>
      <c r="F20279" t="s">
        <v>12007</v>
      </c>
      <c r="G20279" t="s">
        <v>10450</v>
      </c>
      <c r="H20279" t="s">
        <v>10451</v>
      </c>
      <c r="I20279" s="2">
        <v>1</v>
      </c>
      <c r="J20279" s="2">
        <v>0</v>
      </c>
      <c r="K20279" s="2">
        <v>0</v>
      </c>
      <c r="L20279" t="s">
        <v>120</v>
      </c>
      <c r="M20279" t="s">
        <v>87</v>
      </c>
      <c r="N20279" t="s">
        <v>88</v>
      </c>
      <c r="O20279" t="s">
        <v>85</v>
      </c>
      <c r="P20279" t="s">
        <v>86</v>
      </c>
      <c r="Q20279">
        <v>9</v>
      </c>
      <c r="R20279">
        <v>9</v>
      </c>
      <c r="S20279">
        <v>9</v>
      </c>
      <c r="T20279">
        <v>9</v>
      </c>
      <c r="U20279">
        <v>9</v>
      </c>
      <c r="V20279">
        <v>9</v>
      </c>
      <c r="W20279">
        <v>9</v>
      </c>
      <c r="X20279">
        <v>9</v>
      </c>
      <c r="Y20279">
        <v>9</v>
      </c>
      <c r="Z20279">
        <v>9</v>
      </c>
      <c r="AA20279">
        <v>9</v>
      </c>
      <c r="AB20279">
        <v>9</v>
      </c>
      <c r="AC20279">
        <v>9</v>
      </c>
      <c r="AD20279">
        <v>9</v>
      </c>
      <c r="AE20279">
        <v>9</v>
      </c>
      <c r="AF20279">
        <v>9</v>
      </c>
      <c r="AG20279">
        <v>9</v>
      </c>
      <c r="AH20279">
        <v>9</v>
      </c>
      <c r="AI20279">
        <v>9</v>
      </c>
      <c r="AJ20279">
        <v>9</v>
      </c>
      <c r="AK20279">
        <v>9</v>
      </c>
      <c r="AL20279">
        <v>9</v>
      </c>
      <c r="AM20279">
        <v>10</v>
      </c>
      <c r="AN20279">
        <v>10</v>
      </c>
      <c r="AO20279">
        <v>10</v>
      </c>
      <c r="AP20279">
        <v>10</v>
      </c>
      <c r="AQ20279">
        <v>10</v>
      </c>
    </row>
    <row r="20280" spans="1:43">
      <c r="A20280" t="s">
        <v>12556</v>
      </c>
      <c r="B20280" t="s">
        <v>12557</v>
      </c>
      <c r="C20280" t="s">
        <v>12518</v>
      </c>
      <c r="D20280" t="s">
        <v>12519</v>
      </c>
      <c r="E20280" t="s">
        <v>12006</v>
      </c>
      <c r="F20280" t="s">
        <v>12007</v>
      </c>
      <c r="G20280" t="s">
        <v>10450</v>
      </c>
      <c r="H20280" t="s">
        <v>10451</v>
      </c>
      <c r="I20280" s="2">
        <v>1</v>
      </c>
      <c r="J20280" s="2">
        <v>0</v>
      </c>
      <c r="K20280" s="2">
        <v>0</v>
      </c>
      <c r="L20280" t="s">
        <v>120</v>
      </c>
      <c r="M20280" t="s">
        <v>89</v>
      </c>
      <c r="N20280" t="s">
        <v>90</v>
      </c>
      <c r="O20280" t="s">
        <v>85</v>
      </c>
      <c r="P20280" t="s">
        <v>86</v>
      </c>
      <c r="Q20280">
        <v>9</v>
      </c>
      <c r="R20280">
        <v>9</v>
      </c>
      <c r="S20280">
        <v>9</v>
      </c>
      <c r="T20280">
        <v>9</v>
      </c>
      <c r="U20280">
        <v>10</v>
      </c>
      <c r="V20280">
        <v>10</v>
      </c>
      <c r="W20280">
        <v>10</v>
      </c>
      <c r="X20280">
        <v>10</v>
      </c>
      <c r="Y20280">
        <v>10</v>
      </c>
      <c r="Z20280">
        <v>10</v>
      </c>
      <c r="AA20280">
        <v>11</v>
      </c>
      <c r="AB20280">
        <v>11</v>
      </c>
      <c r="AC20280">
        <v>11</v>
      </c>
      <c r="AD20280">
        <v>11</v>
      </c>
      <c r="AE20280">
        <v>11</v>
      </c>
      <c r="AF20280">
        <v>11</v>
      </c>
      <c r="AG20280">
        <v>11</v>
      </c>
      <c r="AH20280">
        <v>11</v>
      </c>
      <c r="AI20280">
        <v>11</v>
      </c>
      <c r="AJ20280">
        <v>11</v>
      </c>
      <c r="AK20280">
        <v>11</v>
      </c>
      <c r="AL20280">
        <v>11</v>
      </c>
      <c r="AM20280">
        <v>11</v>
      </c>
      <c r="AN20280">
        <v>11</v>
      </c>
      <c r="AO20280">
        <v>11</v>
      </c>
      <c r="AP20280">
        <v>11</v>
      </c>
      <c r="AQ20280">
        <v>11</v>
      </c>
    </row>
    <row r="20281" spans="1:43">
      <c r="A20281" t="s">
        <v>12556</v>
      </c>
      <c r="B20281" t="s">
        <v>12557</v>
      </c>
      <c r="C20281" t="s">
        <v>12518</v>
      </c>
      <c r="D20281" t="s">
        <v>12519</v>
      </c>
      <c r="E20281" t="s">
        <v>12006</v>
      </c>
      <c r="F20281" t="s">
        <v>12007</v>
      </c>
      <c r="G20281" t="s">
        <v>10450</v>
      </c>
      <c r="H20281" t="s">
        <v>10451</v>
      </c>
      <c r="I20281" s="2">
        <v>1</v>
      </c>
      <c r="J20281" s="2">
        <v>0</v>
      </c>
      <c r="K20281" s="2">
        <v>0</v>
      </c>
      <c r="L20281" t="s">
        <v>120</v>
      </c>
      <c r="M20281" t="s">
        <v>83</v>
      </c>
      <c r="N20281" t="s">
        <v>91</v>
      </c>
      <c r="O20281" t="s">
        <v>85</v>
      </c>
      <c r="P20281" t="s">
        <v>86</v>
      </c>
      <c r="Q20281">
        <v>9</v>
      </c>
      <c r="R20281">
        <v>9</v>
      </c>
      <c r="S20281">
        <v>9</v>
      </c>
      <c r="T20281">
        <v>9</v>
      </c>
      <c r="U20281">
        <v>9</v>
      </c>
      <c r="V20281">
        <v>9</v>
      </c>
      <c r="W20281">
        <v>9</v>
      </c>
      <c r="X20281">
        <v>10</v>
      </c>
      <c r="Y20281">
        <v>10</v>
      </c>
      <c r="Z20281">
        <v>10</v>
      </c>
      <c r="AA20281">
        <v>10</v>
      </c>
      <c r="AB20281">
        <v>10</v>
      </c>
      <c r="AC20281">
        <v>10</v>
      </c>
      <c r="AD20281">
        <v>10</v>
      </c>
      <c r="AE20281">
        <v>10</v>
      </c>
      <c r="AF20281">
        <v>10</v>
      </c>
      <c r="AG20281">
        <v>11</v>
      </c>
      <c r="AH20281">
        <v>11</v>
      </c>
      <c r="AI20281">
        <v>11</v>
      </c>
      <c r="AJ20281">
        <v>11</v>
      </c>
      <c r="AK20281">
        <v>11</v>
      </c>
      <c r="AL20281">
        <v>11</v>
      </c>
      <c r="AM20281">
        <v>11</v>
      </c>
      <c r="AN20281">
        <v>11</v>
      </c>
      <c r="AO20281">
        <v>11</v>
      </c>
      <c r="AP20281">
        <v>11</v>
      </c>
      <c r="AQ20281">
        <v>11</v>
      </c>
    </row>
    <row r="20282" spans="1:43">
      <c r="A20282" t="s">
        <v>12558</v>
      </c>
      <c r="B20282" t="s">
        <v>12559</v>
      </c>
      <c r="C20282" t="s">
        <v>12518</v>
      </c>
      <c r="D20282" t="s">
        <v>12519</v>
      </c>
      <c r="E20282" t="s">
        <v>12006</v>
      </c>
      <c r="F20282" t="s">
        <v>12007</v>
      </c>
      <c r="G20282" t="s">
        <v>10450</v>
      </c>
      <c r="H20282" t="s">
        <v>10451</v>
      </c>
      <c r="I20282" s="2">
        <v>1</v>
      </c>
      <c r="J20282" s="2">
        <v>0</v>
      </c>
      <c r="K20282" s="2">
        <v>0</v>
      </c>
      <c r="L20282" t="s">
        <v>120</v>
      </c>
      <c r="M20282" t="s">
        <v>83</v>
      </c>
      <c r="N20282" t="s">
        <v>84</v>
      </c>
      <c r="O20282" t="s">
        <v>85</v>
      </c>
      <c r="P20282" t="s">
        <v>86</v>
      </c>
      <c r="Q20282">
        <v>11</v>
      </c>
      <c r="R20282">
        <v>11</v>
      </c>
      <c r="S20282">
        <v>11</v>
      </c>
      <c r="T20282">
        <v>12</v>
      </c>
      <c r="U20282">
        <v>12</v>
      </c>
      <c r="V20282">
        <v>12</v>
      </c>
      <c r="W20282">
        <v>12</v>
      </c>
      <c r="X20282">
        <v>12</v>
      </c>
      <c r="Y20282">
        <v>12</v>
      </c>
      <c r="Z20282">
        <v>13</v>
      </c>
      <c r="AA20282">
        <v>13</v>
      </c>
      <c r="AB20282">
        <v>13</v>
      </c>
      <c r="AC20282">
        <v>13</v>
      </c>
      <c r="AD20282">
        <v>13</v>
      </c>
      <c r="AE20282">
        <v>13</v>
      </c>
      <c r="AF20282">
        <v>13</v>
      </c>
      <c r="AG20282">
        <v>14</v>
      </c>
      <c r="AH20282">
        <v>14</v>
      </c>
      <c r="AI20282">
        <v>14</v>
      </c>
      <c r="AJ20282">
        <v>14</v>
      </c>
      <c r="AK20282">
        <v>14</v>
      </c>
      <c r="AL20282">
        <v>14</v>
      </c>
      <c r="AM20282">
        <v>14</v>
      </c>
      <c r="AN20282">
        <v>14</v>
      </c>
      <c r="AO20282">
        <v>14</v>
      </c>
      <c r="AP20282">
        <v>14</v>
      </c>
      <c r="AQ20282">
        <v>14</v>
      </c>
    </row>
    <row r="20283" spans="1:43">
      <c r="A20283" t="s">
        <v>12558</v>
      </c>
      <c r="B20283" t="s">
        <v>12559</v>
      </c>
      <c r="C20283" t="s">
        <v>12518</v>
      </c>
      <c r="D20283" t="s">
        <v>12519</v>
      </c>
      <c r="E20283" t="s">
        <v>12006</v>
      </c>
      <c r="F20283" t="s">
        <v>12007</v>
      </c>
      <c r="G20283" t="s">
        <v>10450</v>
      </c>
      <c r="H20283" t="s">
        <v>10451</v>
      </c>
      <c r="I20283" s="2">
        <v>1</v>
      </c>
      <c r="J20283" s="2">
        <v>0</v>
      </c>
      <c r="K20283" s="2">
        <v>0</v>
      </c>
      <c r="L20283" t="s">
        <v>120</v>
      </c>
      <c r="M20283" t="s">
        <v>87</v>
      </c>
      <c r="N20283" t="s">
        <v>88</v>
      </c>
      <c r="O20283" t="s">
        <v>85</v>
      </c>
      <c r="P20283" t="s">
        <v>86</v>
      </c>
      <c r="Q20283">
        <v>11</v>
      </c>
      <c r="R20283">
        <v>11</v>
      </c>
      <c r="S20283">
        <v>11</v>
      </c>
      <c r="T20283">
        <v>11</v>
      </c>
      <c r="U20283">
        <v>11</v>
      </c>
      <c r="V20283">
        <v>11</v>
      </c>
      <c r="W20283">
        <v>11</v>
      </c>
      <c r="X20283">
        <v>11</v>
      </c>
      <c r="Y20283">
        <v>11</v>
      </c>
      <c r="Z20283">
        <v>12</v>
      </c>
      <c r="AA20283">
        <v>12</v>
      </c>
      <c r="AB20283">
        <v>12</v>
      </c>
      <c r="AC20283">
        <v>12</v>
      </c>
      <c r="AD20283">
        <v>12</v>
      </c>
      <c r="AE20283">
        <v>12</v>
      </c>
      <c r="AF20283">
        <v>12</v>
      </c>
      <c r="AG20283">
        <v>12</v>
      </c>
      <c r="AH20283">
        <v>12</v>
      </c>
      <c r="AI20283">
        <v>12</v>
      </c>
      <c r="AJ20283">
        <v>12</v>
      </c>
      <c r="AK20283">
        <v>12</v>
      </c>
      <c r="AL20283">
        <v>12</v>
      </c>
      <c r="AM20283">
        <v>12</v>
      </c>
      <c r="AN20283">
        <v>12</v>
      </c>
      <c r="AO20283">
        <v>12</v>
      </c>
      <c r="AP20283">
        <v>12</v>
      </c>
      <c r="AQ20283">
        <v>12</v>
      </c>
    </row>
    <row r="20284" spans="1:43">
      <c r="A20284" t="s">
        <v>12558</v>
      </c>
      <c r="B20284" t="s">
        <v>12559</v>
      </c>
      <c r="C20284" t="s">
        <v>12518</v>
      </c>
      <c r="D20284" t="s">
        <v>12519</v>
      </c>
      <c r="E20284" t="s">
        <v>12006</v>
      </c>
      <c r="F20284" t="s">
        <v>12007</v>
      </c>
      <c r="G20284" t="s">
        <v>10450</v>
      </c>
      <c r="H20284" t="s">
        <v>10451</v>
      </c>
      <c r="I20284" s="2">
        <v>1</v>
      </c>
      <c r="J20284" s="2">
        <v>0</v>
      </c>
      <c r="K20284" s="2">
        <v>0</v>
      </c>
      <c r="L20284" t="s">
        <v>120</v>
      </c>
      <c r="M20284" t="s">
        <v>89</v>
      </c>
      <c r="N20284" t="s">
        <v>90</v>
      </c>
      <c r="O20284" t="s">
        <v>85</v>
      </c>
      <c r="P20284" t="s">
        <v>86</v>
      </c>
      <c r="Q20284">
        <v>11</v>
      </c>
      <c r="R20284">
        <v>11</v>
      </c>
      <c r="S20284">
        <v>12</v>
      </c>
      <c r="T20284">
        <v>12</v>
      </c>
      <c r="U20284">
        <v>12</v>
      </c>
      <c r="V20284">
        <v>12</v>
      </c>
      <c r="W20284">
        <v>13</v>
      </c>
      <c r="X20284">
        <v>13</v>
      </c>
      <c r="Y20284">
        <v>13</v>
      </c>
      <c r="Z20284">
        <v>13</v>
      </c>
      <c r="AA20284">
        <v>13</v>
      </c>
      <c r="AB20284">
        <v>14</v>
      </c>
      <c r="AC20284">
        <v>14</v>
      </c>
      <c r="AD20284">
        <v>14</v>
      </c>
      <c r="AE20284">
        <v>14</v>
      </c>
      <c r="AF20284">
        <v>14</v>
      </c>
      <c r="AG20284">
        <v>14</v>
      </c>
      <c r="AH20284">
        <v>14</v>
      </c>
      <c r="AI20284">
        <v>14</v>
      </c>
      <c r="AJ20284">
        <v>14</v>
      </c>
      <c r="AK20284">
        <v>14</v>
      </c>
      <c r="AL20284">
        <v>14</v>
      </c>
      <c r="AM20284">
        <v>14</v>
      </c>
      <c r="AN20284">
        <v>14</v>
      </c>
      <c r="AO20284">
        <v>14</v>
      </c>
      <c r="AP20284">
        <v>14</v>
      </c>
      <c r="AQ20284">
        <v>14</v>
      </c>
    </row>
    <row r="20285" spans="1:43">
      <c r="A20285" t="s">
        <v>12558</v>
      </c>
      <c r="B20285" t="s">
        <v>12559</v>
      </c>
      <c r="C20285" t="s">
        <v>12518</v>
      </c>
      <c r="D20285" t="s">
        <v>12519</v>
      </c>
      <c r="E20285" t="s">
        <v>12006</v>
      </c>
      <c r="F20285" t="s">
        <v>12007</v>
      </c>
      <c r="G20285" t="s">
        <v>10450</v>
      </c>
      <c r="H20285" t="s">
        <v>10451</v>
      </c>
      <c r="I20285" s="2">
        <v>1</v>
      </c>
      <c r="J20285" s="2">
        <v>0</v>
      </c>
      <c r="K20285" s="2">
        <v>0</v>
      </c>
      <c r="L20285" t="s">
        <v>120</v>
      </c>
      <c r="M20285" t="s">
        <v>83</v>
      </c>
      <c r="N20285" t="s">
        <v>91</v>
      </c>
      <c r="O20285" t="s">
        <v>85</v>
      </c>
      <c r="P20285" t="s">
        <v>86</v>
      </c>
      <c r="Q20285">
        <v>11</v>
      </c>
      <c r="R20285">
        <v>11</v>
      </c>
      <c r="S20285">
        <v>11</v>
      </c>
      <c r="T20285">
        <v>12</v>
      </c>
      <c r="U20285">
        <v>12</v>
      </c>
      <c r="V20285">
        <v>12</v>
      </c>
      <c r="W20285">
        <v>12</v>
      </c>
      <c r="X20285">
        <v>12</v>
      </c>
      <c r="Y20285">
        <v>12</v>
      </c>
      <c r="Z20285">
        <v>13</v>
      </c>
      <c r="AA20285">
        <v>13</v>
      </c>
      <c r="AB20285">
        <v>13</v>
      </c>
      <c r="AC20285">
        <v>13</v>
      </c>
      <c r="AD20285">
        <v>13</v>
      </c>
      <c r="AE20285">
        <v>13</v>
      </c>
      <c r="AF20285">
        <v>13</v>
      </c>
      <c r="AG20285">
        <v>14</v>
      </c>
      <c r="AH20285">
        <v>14</v>
      </c>
      <c r="AI20285">
        <v>14</v>
      </c>
      <c r="AJ20285">
        <v>14</v>
      </c>
      <c r="AK20285">
        <v>14</v>
      </c>
      <c r="AL20285">
        <v>14</v>
      </c>
      <c r="AM20285">
        <v>14</v>
      </c>
      <c r="AN20285">
        <v>14</v>
      </c>
      <c r="AO20285">
        <v>14</v>
      </c>
      <c r="AP20285">
        <v>14</v>
      </c>
      <c r="AQ20285">
        <v>14</v>
      </c>
    </row>
    <row r="20286" spans="1:43">
      <c r="A20286" t="s">
        <v>12560</v>
      </c>
      <c r="B20286" t="s">
        <v>12561</v>
      </c>
      <c r="C20286" t="s">
        <v>12464</v>
      </c>
      <c r="D20286" t="s">
        <v>12465</v>
      </c>
      <c r="E20286" t="s">
        <v>12006</v>
      </c>
      <c r="F20286" t="s">
        <v>12007</v>
      </c>
      <c r="G20286" t="s">
        <v>10450</v>
      </c>
      <c r="H20286" t="s">
        <v>10451</v>
      </c>
      <c r="I20286" s="2">
        <v>1</v>
      </c>
      <c r="J20286" s="2">
        <v>0</v>
      </c>
      <c r="K20286" s="2">
        <v>0</v>
      </c>
      <c r="L20286" t="s">
        <v>120</v>
      </c>
      <c r="M20286" t="s">
        <v>83</v>
      </c>
      <c r="N20286" t="s">
        <v>84</v>
      </c>
      <c r="O20286" t="s">
        <v>85</v>
      </c>
      <c r="P20286" t="s">
        <v>86</v>
      </c>
      <c r="Q20286">
        <v>44</v>
      </c>
      <c r="R20286">
        <v>45</v>
      </c>
      <c r="S20286">
        <v>46</v>
      </c>
      <c r="T20286">
        <v>46</v>
      </c>
      <c r="U20286">
        <v>47</v>
      </c>
      <c r="V20286">
        <v>48</v>
      </c>
      <c r="W20286">
        <v>48</v>
      </c>
      <c r="X20286">
        <v>49</v>
      </c>
      <c r="Y20286">
        <v>49</v>
      </c>
      <c r="Z20286">
        <v>50</v>
      </c>
      <c r="AA20286">
        <v>51</v>
      </c>
      <c r="AB20286">
        <v>51</v>
      </c>
      <c r="AC20286">
        <v>52</v>
      </c>
      <c r="AD20286">
        <v>52</v>
      </c>
      <c r="AE20286">
        <v>53</v>
      </c>
      <c r="AF20286">
        <v>54</v>
      </c>
      <c r="AG20286">
        <v>54</v>
      </c>
      <c r="AH20286">
        <v>55</v>
      </c>
      <c r="AI20286">
        <v>55</v>
      </c>
      <c r="AJ20286">
        <v>56</v>
      </c>
      <c r="AK20286">
        <v>56</v>
      </c>
      <c r="AL20286">
        <v>57</v>
      </c>
      <c r="AM20286">
        <v>57</v>
      </c>
      <c r="AN20286">
        <v>57</v>
      </c>
      <c r="AO20286">
        <v>57</v>
      </c>
      <c r="AP20286">
        <v>57</v>
      </c>
      <c r="AQ20286">
        <v>57</v>
      </c>
    </row>
    <row r="20287" spans="1:43">
      <c r="A20287" t="s">
        <v>12560</v>
      </c>
      <c r="B20287" t="s">
        <v>12561</v>
      </c>
      <c r="C20287" t="s">
        <v>12464</v>
      </c>
      <c r="D20287" t="s">
        <v>12465</v>
      </c>
      <c r="E20287" t="s">
        <v>12006</v>
      </c>
      <c r="F20287" t="s">
        <v>12007</v>
      </c>
      <c r="G20287" t="s">
        <v>10450</v>
      </c>
      <c r="H20287" t="s">
        <v>10451</v>
      </c>
      <c r="I20287" s="2">
        <v>1</v>
      </c>
      <c r="J20287" s="2">
        <v>0</v>
      </c>
      <c r="K20287" s="2">
        <v>0</v>
      </c>
      <c r="L20287" t="s">
        <v>120</v>
      </c>
      <c r="M20287" t="s">
        <v>87</v>
      </c>
      <c r="N20287" t="s">
        <v>88</v>
      </c>
      <c r="O20287" t="s">
        <v>85</v>
      </c>
      <c r="P20287" t="s">
        <v>86</v>
      </c>
      <c r="Q20287">
        <v>44</v>
      </c>
      <c r="R20287">
        <v>44</v>
      </c>
      <c r="S20287">
        <v>44</v>
      </c>
      <c r="T20287">
        <v>45</v>
      </c>
      <c r="U20287">
        <v>45</v>
      </c>
      <c r="V20287">
        <v>45</v>
      </c>
      <c r="W20287">
        <v>45</v>
      </c>
      <c r="X20287">
        <v>46</v>
      </c>
      <c r="Y20287">
        <v>46</v>
      </c>
      <c r="Z20287">
        <v>46</v>
      </c>
      <c r="AA20287">
        <v>46</v>
      </c>
      <c r="AB20287">
        <v>46</v>
      </c>
      <c r="AC20287">
        <v>47</v>
      </c>
      <c r="AD20287">
        <v>47</v>
      </c>
      <c r="AE20287">
        <v>47</v>
      </c>
      <c r="AF20287">
        <v>47</v>
      </c>
      <c r="AG20287">
        <v>47</v>
      </c>
      <c r="AH20287">
        <v>48</v>
      </c>
      <c r="AI20287">
        <v>48</v>
      </c>
      <c r="AJ20287">
        <v>48</v>
      </c>
      <c r="AK20287">
        <v>48</v>
      </c>
      <c r="AL20287">
        <v>48</v>
      </c>
      <c r="AM20287">
        <v>48</v>
      </c>
      <c r="AN20287">
        <v>49</v>
      </c>
      <c r="AO20287">
        <v>49</v>
      </c>
      <c r="AP20287">
        <v>49</v>
      </c>
      <c r="AQ20287">
        <v>49</v>
      </c>
    </row>
    <row r="20288" spans="1:43">
      <c r="A20288" t="s">
        <v>12560</v>
      </c>
      <c r="B20288" t="s">
        <v>12561</v>
      </c>
      <c r="C20288" t="s">
        <v>12464</v>
      </c>
      <c r="D20288" t="s">
        <v>12465</v>
      </c>
      <c r="E20288" t="s">
        <v>12006</v>
      </c>
      <c r="F20288" t="s">
        <v>12007</v>
      </c>
      <c r="G20288" t="s">
        <v>10450</v>
      </c>
      <c r="H20288" t="s">
        <v>10451</v>
      </c>
      <c r="I20288" s="2">
        <v>1</v>
      </c>
      <c r="J20288" s="2">
        <v>0</v>
      </c>
      <c r="K20288" s="2">
        <v>0</v>
      </c>
      <c r="L20288" t="s">
        <v>120</v>
      </c>
      <c r="M20288" t="s">
        <v>89</v>
      </c>
      <c r="N20288" t="s">
        <v>90</v>
      </c>
      <c r="O20288" t="s">
        <v>85</v>
      </c>
      <c r="P20288" t="s">
        <v>86</v>
      </c>
      <c r="Q20288">
        <v>44</v>
      </c>
      <c r="R20288">
        <v>45</v>
      </c>
      <c r="S20288">
        <v>46</v>
      </c>
      <c r="T20288">
        <v>47</v>
      </c>
      <c r="U20288">
        <v>48</v>
      </c>
      <c r="V20288">
        <v>49</v>
      </c>
      <c r="W20288">
        <v>50</v>
      </c>
      <c r="X20288">
        <v>50</v>
      </c>
      <c r="Y20288">
        <v>51</v>
      </c>
      <c r="Z20288">
        <v>52</v>
      </c>
      <c r="AA20288">
        <v>53</v>
      </c>
      <c r="AB20288">
        <v>54</v>
      </c>
      <c r="AC20288">
        <v>55</v>
      </c>
      <c r="AD20288">
        <v>55</v>
      </c>
      <c r="AE20288">
        <v>56</v>
      </c>
      <c r="AF20288">
        <v>56</v>
      </c>
      <c r="AG20288">
        <v>56</v>
      </c>
      <c r="AH20288">
        <v>56</v>
      </c>
      <c r="AI20288">
        <v>56</v>
      </c>
      <c r="AJ20288">
        <v>56</v>
      </c>
      <c r="AK20288">
        <v>56</v>
      </c>
      <c r="AL20288">
        <v>56</v>
      </c>
      <c r="AM20288">
        <v>56</v>
      </c>
      <c r="AN20288">
        <v>56</v>
      </c>
      <c r="AO20288">
        <v>56</v>
      </c>
      <c r="AP20288">
        <v>56</v>
      </c>
      <c r="AQ20288">
        <v>56</v>
      </c>
    </row>
    <row r="20289" spans="1:43">
      <c r="A20289" t="s">
        <v>12560</v>
      </c>
      <c r="B20289" t="s">
        <v>12561</v>
      </c>
      <c r="C20289" t="s">
        <v>12464</v>
      </c>
      <c r="D20289" t="s">
        <v>12465</v>
      </c>
      <c r="E20289" t="s">
        <v>12006</v>
      </c>
      <c r="F20289" t="s">
        <v>12007</v>
      </c>
      <c r="G20289" t="s">
        <v>10450</v>
      </c>
      <c r="H20289" t="s">
        <v>10451</v>
      </c>
      <c r="I20289" s="2">
        <v>1</v>
      </c>
      <c r="J20289" s="2">
        <v>0</v>
      </c>
      <c r="K20289" s="2">
        <v>0</v>
      </c>
      <c r="L20289" t="s">
        <v>120</v>
      </c>
      <c r="M20289" t="s">
        <v>83</v>
      </c>
      <c r="N20289" t="s">
        <v>91</v>
      </c>
      <c r="O20289" t="s">
        <v>85</v>
      </c>
      <c r="P20289" t="s">
        <v>86</v>
      </c>
      <c r="Q20289">
        <v>44</v>
      </c>
      <c r="R20289">
        <v>45</v>
      </c>
      <c r="S20289">
        <v>46</v>
      </c>
      <c r="T20289">
        <v>46</v>
      </c>
      <c r="U20289">
        <v>47</v>
      </c>
      <c r="V20289">
        <v>48</v>
      </c>
      <c r="W20289">
        <v>48</v>
      </c>
      <c r="X20289">
        <v>49</v>
      </c>
      <c r="Y20289">
        <v>49</v>
      </c>
      <c r="Z20289">
        <v>50</v>
      </c>
      <c r="AA20289">
        <v>51</v>
      </c>
      <c r="AB20289">
        <v>51</v>
      </c>
      <c r="AC20289">
        <v>52</v>
      </c>
      <c r="AD20289">
        <v>52</v>
      </c>
      <c r="AE20289">
        <v>53</v>
      </c>
      <c r="AF20289">
        <v>54</v>
      </c>
      <c r="AG20289">
        <v>54</v>
      </c>
      <c r="AH20289">
        <v>55</v>
      </c>
      <c r="AI20289">
        <v>55</v>
      </c>
      <c r="AJ20289">
        <v>56</v>
      </c>
      <c r="AK20289">
        <v>56</v>
      </c>
      <c r="AL20289">
        <v>57</v>
      </c>
      <c r="AM20289">
        <v>57</v>
      </c>
      <c r="AN20289">
        <v>57</v>
      </c>
      <c r="AO20289">
        <v>57</v>
      </c>
      <c r="AP20289">
        <v>57</v>
      </c>
      <c r="AQ20289">
        <v>57</v>
      </c>
    </row>
    <row r="20290" spans="1:43">
      <c r="A20290" t="s">
        <v>12562</v>
      </c>
      <c r="B20290" t="s">
        <v>12563</v>
      </c>
      <c r="C20290" t="s">
        <v>12464</v>
      </c>
      <c r="D20290" t="s">
        <v>12465</v>
      </c>
      <c r="E20290" t="s">
        <v>12006</v>
      </c>
      <c r="F20290" t="s">
        <v>12007</v>
      </c>
      <c r="G20290" t="s">
        <v>10450</v>
      </c>
      <c r="H20290" t="s">
        <v>10451</v>
      </c>
      <c r="I20290" s="2">
        <v>1</v>
      </c>
      <c r="J20290" s="2">
        <v>0</v>
      </c>
      <c r="K20290" s="2">
        <v>0</v>
      </c>
      <c r="L20290" t="s">
        <v>120</v>
      </c>
      <c r="M20290" t="s">
        <v>83</v>
      </c>
      <c r="N20290" t="s">
        <v>84</v>
      </c>
      <c r="O20290" t="s">
        <v>85</v>
      </c>
      <c r="P20290" t="s">
        <v>86</v>
      </c>
      <c r="Q20290">
        <v>8</v>
      </c>
      <c r="R20290">
        <v>8</v>
      </c>
      <c r="S20290">
        <v>8</v>
      </c>
      <c r="T20290">
        <v>8</v>
      </c>
      <c r="U20290">
        <v>9</v>
      </c>
      <c r="V20290">
        <v>9</v>
      </c>
      <c r="W20290">
        <v>9</v>
      </c>
      <c r="X20290">
        <v>9</v>
      </c>
      <c r="Y20290">
        <v>9</v>
      </c>
      <c r="Z20290">
        <v>9</v>
      </c>
      <c r="AA20290">
        <v>9</v>
      </c>
      <c r="AB20290">
        <v>9</v>
      </c>
      <c r="AC20290">
        <v>9</v>
      </c>
      <c r="AD20290">
        <v>10</v>
      </c>
      <c r="AE20290">
        <v>10</v>
      </c>
      <c r="AF20290">
        <v>10</v>
      </c>
      <c r="AG20290">
        <v>10</v>
      </c>
      <c r="AH20290">
        <v>10</v>
      </c>
      <c r="AI20290">
        <v>10</v>
      </c>
      <c r="AJ20290">
        <v>10</v>
      </c>
      <c r="AK20290">
        <v>10</v>
      </c>
      <c r="AL20290">
        <v>10</v>
      </c>
      <c r="AM20290">
        <v>10</v>
      </c>
      <c r="AN20290">
        <v>10</v>
      </c>
      <c r="AO20290">
        <v>10</v>
      </c>
      <c r="AP20290">
        <v>10</v>
      </c>
      <c r="AQ20290">
        <v>10</v>
      </c>
    </row>
    <row r="20291" spans="1:43">
      <c r="A20291" t="s">
        <v>12562</v>
      </c>
      <c r="B20291" t="s">
        <v>12563</v>
      </c>
      <c r="C20291" t="s">
        <v>12464</v>
      </c>
      <c r="D20291" t="s">
        <v>12465</v>
      </c>
      <c r="E20291" t="s">
        <v>12006</v>
      </c>
      <c r="F20291" t="s">
        <v>12007</v>
      </c>
      <c r="G20291" t="s">
        <v>10450</v>
      </c>
      <c r="H20291" t="s">
        <v>10451</v>
      </c>
      <c r="I20291" s="2">
        <v>1</v>
      </c>
      <c r="J20291" s="2">
        <v>0</v>
      </c>
      <c r="K20291" s="2">
        <v>0</v>
      </c>
      <c r="L20291" t="s">
        <v>120</v>
      </c>
      <c r="M20291" t="s">
        <v>87</v>
      </c>
      <c r="N20291" t="s">
        <v>88</v>
      </c>
      <c r="O20291" t="s">
        <v>85</v>
      </c>
      <c r="P20291" t="s">
        <v>86</v>
      </c>
      <c r="Q20291">
        <v>8</v>
      </c>
      <c r="R20291">
        <v>8</v>
      </c>
      <c r="S20291">
        <v>8</v>
      </c>
      <c r="T20291">
        <v>8</v>
      </c>
      <c r="U20291">
        <v>8</v>
      </c>
      <c r="V20291">
        <v>8</v>
      </c>
      <c r="W20291">
        <v>8</v>
      </c>
      <c r="X20291">
        <v>8</v>
      </c>
      <c r="Y20291">
        <v>8</v>
      </c>
      <c r="Z20291">
        <v>8</v>
      </c>
      <c r="AA20291">
        <v>8</v>
      </c>
      <c r="AB20291">
        <v>8</v>
      </c>
      <c r="AC20291">
        <v>9</v>
      </c>
      <c r="AD20291">
        <v>9</v>
      </c>
      <c r="AE20291">
        <v>9</v>
      </c>
      <c r="AF20291">
        <v>9</v>
      </c>
      <c r="AG20291">
        <v>9</v>
      </c>
      <c r="AH20291">
        <v>9</v>
      </c>
      <c r="AI20291">
        <v>9</v>
      </c>
      <c r="AJ20291">
        <v>9</v>
      </c>
      <c r="AK20291">
        <v>9</v>
      </c>
      <c r="AL20291">
        <v>9</v>
      </c>
      <c r="AM20291">
        <v>9</v>
      </c>
      <c r="AN20291">
        <v>9</v>
      </c>
      <c r="AO20291">
        <v>9</v>
      </c>
      <c r="AP20291">
        <v>9</v>
      </c>
      <c r="AQ20291">
        <v>9</v>
      </c>
    </row>
    <row r="20292" spans="1:43">
      <c r="A20292" t="s">
        <v>12562</v>
      </c>
      <c r="B20292" t="s">
        <v>12563</v>
      </c>
      <c r="C20292" t="s">
        <v>12464</v>
      </c>
      <c r="D20292" t="s">
        <v>12465</v>
      </c>
      <c r="E20292" t="s">
        <v>12006</v>
      </c>
      <c r="F20292" t="s">
        <v>12007</v>
      </c>
      <c r="G20292" t="s">
        <v>10450</v>
      </c>
      <c r="H20292" t="s">
        <v>10451</v>
      </c>
      <c r="I20292" s="2">
        <v>1</v>
      </c>
      <c r="J20292" s="2">
        <v>0</v>
      </c>
      <c r="K20292" s="2">
        <v>0</v>
      </c>
      <c r="L20292" t="s">
        <v>120</v>
      </c>
      <c r="M20292" t="s">
        <v>89</v>
      </c>
      <c r="N20292" t="s">
        <v>90</v>
      </c>
      <c r="O20292" t="s">
        <v>85</v>
      </c>
      <c r="P20292" t="s">
        <v>86</v>
      </c>
      <c r="Q20292">
        <v>8</v>
      </c>
      <c r="R20292">
        <v>8</v>
      </c>
      <c r="S20292">
        <v>9</v>
      </c>
      <c r="T20292">
        <v>9</v>
      </c>
      <c r="U20292">
        <v>9</v>
      </c>
      <c r="V20292">
        <v>9</v>
      </c>
      <c r="W20292">
        <v>9</v>
      </c>
      <c r="X20292">
        <v>9</v>
      </c>
      <c r="Y20292">
        <v>10</v>
      </c>
      <c r="Z20292">
        <v>10</v>
      </c>
      <c r="AA20292">
        <v>10</v>
      </c>
      <c r="AB20292">
        <v>10</v>
      </c>
      <c r="AC20292">
        <v>10</v>
      </c>
      <c r="AD20292">
        <v>10</v>
      </c>
      <c r="AE20292">
        <v>10</v>
      </c>
      <c r="AF20292">
        <v>10</v>
      </c>
      <c r="AG20292">
        <v>10</v>
      </c>
      <c r="AH20292">
        <v>10</v>
      </c>
      <c r="AI20292">
        <v>10</v>
      </c>
      <c r="AJ20292">
        <v>10</v>
      </c>
      <c r="AK20292">
        <v>10</v>
      </c>
      <c r="AL20292">
        <v>10</v>
      </c>
      <c r="AM20292">
        <v>10</v>
      </c>
      <c r="AN20292">
        <v>10</v>
      </c>
      <c r="AO20292">
        <v>10</v>
      </c>
      <c r="AP20292">
        <v>10</v>
      </c>
      <c r="AQ20292">
        <v>10</v>
      </c>
    </row>
    <row r="20293" spans="1:43">
      <c r="A20293" t="s">
        <v>12562</v>
      </c>
      <c r="B20293" t="s">
        <v>12563</v>
      </c>
      <c r="C20293" t="s">
        <v>12464</v>
      </c>
      <c r="D20293" t="s">
        <v>12465</v>
      </c>
      <c r="E20293" t="s">
        <v>12006</v>
      </c>
      <c r="F20293" t="s">
        <v>12007</v>
      </c>
      <c r="G20293" t="s">
        <v>10450</v>
      </c>
      <c r="H20293" t="s">
        <v>10451</v>
      </c>
      <c r="I20293" s="2">
        <v>1</v>
      </c>
      <c r="J20293" s="2">
        <v>0</v>
      </c>
      <c r="K20293" s="2">
        <v>0</v>
      </c>
      <c r="L20293" t="s">
        <v>120</v>
      </c>
      <c r="M20293" t="s">
        <v>83</v>
      </c>
      <c r="N20293" t="s">
        <v>91</v>
      </c>
      <c r="O20293" t="s">
        <v>85</v>
      </c>
      <c r="P20293" t="s">
        <v>86</v>
      </c>
      <c r="Q20293">
        <v>8</v>
      </c>
      <c r="R20293">
        <v>8</v>
      </c>
      <c r="S20293">
        <v>8</v>
      </c>
      <c r="T20293">
        <v>8</v>
      </c>
      <c r="U20293">
        <v>9</v>
      </c>
      <c r="V20293">
        <v>9</v>
      </c>
      <c r="W20293">
        <v>9</v>
      </c>
      <c r="X20293">
        <v>9</v>
      </c>
      <c r="Y20293">
        <v>9</v>
      </c>
      <c r="Z20293">
        <v>9</v>
      </c>
      <c r="AA20293">
        <v>9</v>
      </c>
      <c r="AB20293">
        <v>9</v>
      </c>
      <c r="AC20293">
        <v>9</v>
      </c>
      <c r="AD20293">
        <v>10</v>
      </c>
      <c r="AE20293">
        <v>10</v>
      </c>
      <c r="AF20293">
        <v>10</v>
      </c>
      <c r="AG20293">
        <v>10</v>
      </c>
      <c r="AH20293">
        <v>10</v>
      </c>
      <c r="AI20293">
        <v>10</v>
      </c>
      <c r="AJ20293">
        <v>10</v>
      </c>
      <c r="AK20293">
        <v>10</v>
      </c>
      <c r="AL20293">
        <v>10</v>
      </c>
      <c r="AM20293">
        <v>10</v>
      </c>
      <c r="AN20293">
        <v>10</v>
      </c>
      <c r="AO20293">
        <v>10</v>
      </c>
      <c r="AP20293">
        <v>10</v>
      </c>
      <c r="AQ20293">
        <v>10</v>
      </c>
    </row>
    <row r="20294" spans="1:43">
      <c r="A20294" t="s">
        <v>12564</v>
      </c>
      <c r="B20294" t="s">
        <v>12565</v>
      </c>
      <c r="C20294" t="s">
        <v>12464</v>
      </c>
      <c r="D20294" t="s">
        <v>12465</v>
      </c>
      <c r="E20294" t="s">
        <v>12006</v>
      </c>
      <c r="F20294" t="s">
        <v>12007</v>
      </c>
      <c r="G20294" t="s">
        <v>10450</v>
      </c>
      <c r="H20294" t="s">
        <v>10451</v>
      </c>
      <c r="I20294" s="2">
        <v>1</v>
      </c>
      <c r="J20294" s="2">
        <v>0</v>
      </c>
      <c r="K20294" s="2">
        <v>0</v>
      </c>
      <c r="L20294" t="s">
        <v>120</v>
      </c>
      <c r="M20294" t="s">
        <v>83</v>
      </c>
      <c r="N20294" t="s">
        <v>84</v>
      </c>
      <c r="O20294" t="s">
        <v>85</v>
      </c>
      <c r="P20294" t="s">
        <v>86</v>
      </c>
      <c r="Q20294">
        <v>40</v>
      </c>
      <c r="R20294">
        <v>40</v>
      </c>
      <c r="S20294">
        <v>41</v>
      </c>
      <c r="T20294">
        <v>41</v>
      </c>
      <c r="U20294">
        <v>42</v>
      </c>
      <c r="V20294">
        <v>42</v>
      </c>
      <c r="W20294">
        <v>43</v>
      </c>
      <c r="X20294">
        <v>43</v>
      </c>
      <c r="Y20294">
        <v>44</v>
      </c>
      <c r="Z20294">
        <v>44</v>
      </c>
      <c r="AA20294">
        <v>45</v>
      </c>
      <c r="AB20294">
        <v>46</v>
      </c>
      <c r="AC20294">
        <v>46</v>
      </c>
      <c r="AD20294">
        <v>47</v>
      </c>
      <c r="AE20294">
        <v>47</v>
      </c>
      <c r="AF20294">
        <v>48</v>
      </c>
      <c r="AG20294">
        <v>48</v>
      </c>
      <c r="AH20294">
        <v>49</v>
      </c>
      <c r="AI20294">
        <v>49</v>
      </c>
      <c r="AJ20294">
        <v>50</v>
      </c>
      <c r="AK20294">
        <v>50</v>
      </c>
      <c r="AL20294">
        <v>50</v>
      </c>
      <c r="AM20294">
        <v>50</v>
      </c>
      <c r="AN20294">
        <v>50</v>
      </c>
      <c r="AO20294">
        <v>50</v>
      </c>
      <c r="AP20294">
        <v>50</v>
      </c>
      <c r="AQ20294">
        <v>51</v>
      </c>
    </row>
    <row r="20295" spans="1:43">
      <c r="A20295" t="s">
        <v>12564</v>
      </c>
      <c r="B20295" t="s">
        <v>12565</v>
      </c>
      <c r="C20295" t="s">
        <v>12464</v>
      </c>
      <c r="D20295" t="s">
        <v>12465</v>
      </c>
      <c r="E20295" t="s">
        <v>12006</v>
      </c>
      <c r="F20295" t="s">
        <v>12007</v>
      </c>
      <c r="G20295" t="s">
        <v>10450</v>
      </c>
      <c r="H20295" t="s">
        <v>10451</v>
      </c>
      <c r="I20295" s="2">
        <v>1</v>
      </c>
      <c r="J20295" s="2">
        <v>0</v>
      </c>
      <c r="K20295" s="2">
        <v>0</v>
      </c>
      <c r="L20295" t="s">
        <v>120</v>
      </c>
      <c r="M20295" t="s">
        <v>87</v>
      </c>
      <c r="N20295" t="s">
        <v>88</v>
      </c>
      <c r="O20295" t="s">
        <v>85</v>
      </c>
      <c r="P20295" t="s">
        <v>86</v>
      </c>
      <c r="Q20295">
        <v>40</v>
      </c>
      <c r="R20295">
        <v>40</v>
      </c>
      <c r="S20295">
        <v>41</v>
      </c>
      <c r="T20295">
        <v>41</v>
      </c>
      <c r="U20295">
        <v>41</v>
      </c>
      <c r="V20295">
        <v>41</v>
      </c>
      <c r="W20295">
        <v>41</v>
      </c>
      <c r="X20295">
        <v>41</v>
      </c>
      <c r="Y20295">
        <v>42</v>
      </c>
      <c r="Z20295">
        <v>42</v>
      </c>
      <c r="AA20295">
        <v>42</v>
      </c>
      <c r="AB20295">
        <v>42</v>
      </c>
      <c r="AC20295">
        <v>42</v>
      </c>
      <c r="AD20295">
        <v>43</v>
      </c>
      <c r="AE20295">
        <v>43</v>
      </c>
      <c r="AF20295">
        <v>43</v>
      </c>
      <c r="AG20295">
        <v>43</v>
      </c>
      <c r="AH20295">
        <v>43</v>
      </c>
      <c r="AI20295">
        <v>43</v>
      </c>
      <c r="AJ20295">
        <v>44</v>
      </c>
      <c r="AK20295">
        <v>44</v>
      </c>
      <c r="AL20295">
        <v>44</v>
      </c>
      <c r="AM20295">
        <v>44</v>
      </c>
      <c r="AN20295">
        <v>44</v>
      </c>
      <c r="AO20295">
        <v>44</v>
      </c>
      <c r="AP20295">
        <v>45</v>
      </c>
      <c r="AQ20295">
        <v>45</v>
      </c>
    </row>
    <row r="20296" spans="1:43">
      <c r="A20296" t="s">
        <v>12564</v>
      </c>
      <c r="B20296" t="s">
        <v>12565</v>
      </c>
      <c r="C20296" t="s">
        <v>12464</v>
      </c>
      <c r="D20296" t="s">
        <v>12465</v>
      </c>
      <c r="E20296" t="s">
        <v>12006</v>
      </c>
      <c r="F20296" t="s">
        <v>12007</v>
      </c>
      <c r="G20296" t="s">
        <v>10450</v>
      </c>
      <c r="H20296" t="s">
        <v>10451</v>
      </c>
      <c r="I20296" s="2">
        <v>1</v>
      </c>
      <c r="J20296" s="2">
        <v>0</v>
      </c>
      <c r="K20296" s="2">
        <v>0</v>
      </c>
      <c r="L20296" t="s">
        <v>120</v>
      </c>
      <c r="M20296" t="s">
        <v>89</v>
      </c>
      <c r="N20296" t="s">
        <v>90</v>
      </c>
      <c r="O20296" t="s">
        <v>85</v>
      </c>
      <c r="P20296" t="s">
        <v>86</v>
      </c>
      <c r="Q20296">
        <v>40</v>
      </c>
      <c r="R20296">
        <v>41</v>
      </c>
      <c r="S20296">
        <v>42</v>
      </c>
      <c r="T20296">
        <v>43</v>
      </c>
      <c r="U20296">
        <v>43</v>
      </c>
      <c r="V20296">
        <v>44</v>
      </c>
      <c r="W20296">
        <v>45</v>
      </c>
      <c r="X20296">
        <v>46</v>
      </c>
      <c r="Y20296">
        <v>47</v>
      </c>
      <c r="Z20296">
        <v>47</v>
      </c>
      <c r="AA20296">
        <v>48</v>
      </c>
      <c r="AB20296">
        <v>49</v>
      </c>
      <c r="AC20296">
        <v>49</v>
      </c>
      <c r="AD20296">
        <v>50</v>
      </c>
      <c r="AE20296">
        <v>51</v>
      </c>
      <c r="AF20296">
        <v>51</v>
      </c>
      <c r="AG20296">
        <v>51</v>
      </c>
      <c r="AH20296">
        <v>51</v>
      </c>
      <c r="AI20296">
        <v>51</v>
      </c>
      <c r="AJ20296">
        <v>51</v>
      </c>
      <c r="AK20296">
        <v>51</v>
      </c>
      <c r="AL20296">
        <v>51</v>
      </c>
      <c r="AM20296">
        <v>51</v>
      </c>
      <c r="AN20296">
        <v>51</v>
      </c>
      <c r="AO20296">
        <v>51</v>
      </c>
      <c r="AP20296">
        <v>51</v>
      </c>
      <c r="AQ20296">
        <v>51</v>
      </c>
    </row>
    <row r="20297" spans="1:43">
      <c r="A20297" t="s">
        <v>12564</v>
      </c>
      <c r="B20297" t="s">
        <v>12565</v>
      </c>
      <c r="C20297" t="s">
        <v>12464</v>
      </c>
      <c r="D20297" t="s">
        <v>12465</v>
      </c>
      <c r="E20297" t="s">
        <v>12006</v>
      </c>
      <c r="F20297" t="s">
        <v>12007</v>
      </c>
      <c r="G20297" t="s">
        <v>10450</v>
      </c>
      <c r="H20297" t="s">
        <v>10451</v>
      </c>
      <c r="I20297" s="2">
        <v>1</v>
      </c>
      <c r="J20297" s="2">
        <v>0</v>
      </c>
      <c r="K20297" s="2">
        <v>0</v>
      </c>
      <c r="L20297" t="s">
        <v>120</v>
      </c>
      <c r="M20297" t="s">
        <v>83</v>
      </c>
      <c r="N20297" t="s">
        <v>91</v>
      </c>
      <c r="O20297" t="s">
        <v>85</v>
      </c>
      <c r="P20297" t="s">
        <v>86</v>
      </c>
      <c r="Q20297">
        <v>40</v>
      </c>
      <c r="R20297">
        <v>40</v>
      </c>
      <c r="S20297">
        <v>41</v>
      </c>
      <c r="T20297">
        <v>41</v>
      </c>
      <c r="U20297">
        <v>42</v>
      </c>
      <c r="V20297">
        <v>42</v>
      </c>
      <c r="W20297">
        <v>43</v>
      </c>
      <c r="X20297">
        <v>43</v>
      </c>
      <c r="Y20297">
        <v>44</v>
      </c>
      <c r="Z20297">
        <v>44</v>
      </c>
      <c r="AA20297">
        <v>45</v>
      </c>
      <c r="AB20297">
        <v>46</v>
      </c>
      <c r="AC20297">
        <v>46</v>
      </c>
      <c r="AD20297">
        <v>47</v>
      </c>
      <c r="AE20297">
        <v>47</v>
      </c>
      <c r="AF20297">
        <v>48</v>
      </c>
      <c r="AG20297">
        <v>48</v>
      </c>
      <c r="AH20297">
        <v>49</v>
      </c>
      <c r="AI20297">
        <v>49</v>
      </c>
      <c r="AJ20297">
        <v>50</v>
      </c>
      <c r="AK20297">
        <v>50</v>
      </c>
      <c r="AL20297">
        <v>50</v>
      </c>
      <c r="AM20297">
        <v>50</v>
      </c>
      <c r="AN20297">
        <v>50</v>
      </c>
      <c r="AO20297">
        <v>50</v>
      </c>
      <c r="AP20297">
        <v>50</v>
      </c>
      <c r="AQ20297">
        <v>51</v>
      </c>
    </row>
    <row r="20298" spans="1:43">
      <c r="A20298" t="s">
        <v>12566</v>
      </c>
      <c r="B20298" t="s">
        <v>12567</v>
      </c>
      <c r="C20298" t="s">
        <v>12568</v>
      </c>
      <c r="D20298" t="s">
        <v>12569</v>
      </c>
      <c r="E20298" t="s">
        <v>12006</v>
      </c>
      <c r="F20298" t="s">
        <v>12007</v>
      </c>
      <c r="G20298" t="s">
        <v>10450</v>
      </c>
      <c r="H20298" t="s">
        <v>10451</v>
      </c>
      <c r="I20298" s="2">
        <v>1</v>
      </c>
      <c r="J20298" s="2">
        <v>0</v>
      </c>
      <c r="K20298" s="2">
        <v>0</v>
      </c>
      <c r="L20298" t="s">
        <v>120</v>
      </c>
      <c r="M20298" t="s">
        <v>83</v>
      </c>
      <c r="N20298" t="s">
        <v>84</v>
      </c>
      <c r="O20298" t="s">
        <v>85</v>
      </c>
      <c r="P20298" t="s">
        <v>86</v>
      </c>
      <c r="Q20298">
        <v>33</v>
      </c>
      <c r="R20298">
        <v>34</v>
      </c>
      <c r="S20298">
        <v>34</v>
      </c>
      <c r="T20298">
        <v>35</v>
      </c>
      <c r="U20298">
        <v>35</v>
      </c>
      <c r="V20298">
        <v>36</v>
      </c>
      <c r="W20298">
        <v>36</v>
      </c>
      <c r="X20298">
        <v>37</v>
      </c>
      <c r="Y20298">
        <v>37</v>
      </c>
      <c r="Z20298">
        <v>37</v>
      </c>
      <c r="AA20298">
        <v>38</v>
      </c>
      <c r="AB20298">
        <v>38</v>
      </c>
      <c r="AC20298">
        <v>39</v>
      </c>
      <c r="AD20298">
        <v>39</v>
      </c>
      <c r="AE20298">
        <v>40</v>
      </c>
      <c r="AF20298">
        <v>40</v>
      </c>
      <c r="AG20298">
        <v>41</v>
      </c>
      <c r="AH20298">
        <v>41</v>
      </c>
      <c r="AI20298">
        <v>41</v>
      </c>
      <c r="AJ20298">
        <v>42</v>
      </c>
      <c r="AK20298">
        <v>42</v>
      </c>
      <c r="AL20298">
        <v>42</v>
      </c>
      <c r="AM20298">
        <v>42</v>
      </c>
      <c r="AN20298">
        <v>42</v>
      </c>
      <c r="AO20298">
        <v>42</v>
      </c>
      <c r="AP20298">
        <v>42</v>
      </c>
      <c r="AQ20298">
        <v>43</v>
      </c>
    </row>
    <row r="20299" spans="1:43">
      <c r="A20299" t="s">
        <v>12566</v>
      </c>
      <c r="B20299" t="s">
        <v>12567</v>
      </c>
      <c r="C20299" t="s">
        <v>12568</v>
      </c>
      <c r="D20299" t="s">
        <v>12569</v>
      </c>
      <c r="E20299" t="s">
        <v>12006</v>
      </c>
      <c r="F20299" t="s">
        <v>12007</v>
      </c>
      <c r="G20299" t="s">
        <v>10450</v>
      </c>
      <c r="H20299" t="s">
        <v>10451</v>
      </c>
      <c r="I20299" s="2">
        <v>1</v>
      </c>
      <c r="J20299" s="2">
        <v>0</v>
      </c>
      <c r="K20299" s="2">
        <v>0</v>
      </c>
      <c r="L20299" t="s">
        <v>120</v>
      </c>
      <c r="M20299" t="s">
        <v>87</v>
      </c>
      <c r="N20299" t="s">
        <v>88</v>
      </c>
      <c r="O20299" t="s">
        <v>85</v>
      </c>
      <c r="P20299" t="s">
        <v>86</v>
      </c>
      <c r="Q20299">
        <v>33</v>
      </c>
      <c r="R20299">
        <v>33</v>
      </c>
      <c r="S20299">
        <v>33</v>
      </c>
      <c r="T20299">
        <v>33</v>
      </c>
      <c r="U20299">
        <v>34</v>
      </c>
      <c r="V20299">
        <v>34</v>
      </c>
      <c r="W20299">
        <v>34</v>
      </c>
      <c r="X20299">
        <v>34</v>
      </c>
      <c r="Y20299">
        <v>34</v>
      </c>
      <c r="Z20299">
        <v>34</v>
      </c>
      <c r="AA20299">
        <v>35</v>
      </c>
      <c r="AB20299">
        <v>35</v>
      </c>
      <c r="AC20299">
        <v>35</v>
      </c>
      <c r="AD20299">
        <v>35</v>
      </c>
      <c r="AE20299">
        <v>35</v>
      </c>
      <c r="AF20299">
        <v>35</v>
      </c>
      <c r="AG20299">
        <v>35</v>
      </c>
      <c r="AH20299">
        <v>36</v>
      </c>
      <c r="AI20299">
        <v>36</v>
      </c>
      <c r="AJ20299">
        <v>36</v>
      </c>
      <c r="AK20299">
        <v>36</v>
      </c>
      <c r="AL20299">
        <v>36</v>
      </c>
      <c r="AM20299">
        <v>36</v>
      </c>
      <c r="AN20299">
        <v>36</v>
      </c>
      <c r="AO20299">
        <v>37</v>
      </c>
      <c r="AP20299">
        <v>37</v>
      </c>
      <c r="AQ20299">
        <v>37</v>
      </c>
    </row>
    <row r="20300" spans="1:43">
      <c r="A20300" t="s">
        <v>12566</v>
      </c>
      <c r="B20300" t="s">
        <v>12567</v>
      </c>
      <c r="C20300" t="s">
        <v>12568</v>
      </c>
      <c r="D20300" t="s">
        <v>12569</v>
      </c>
      <c r="E20300" t="s">
        <v>12006</v>
      </c>
      <c r="F20300" t="s">
        <v>12007</v>
      </c>
      <c r="G20300" t="s">
        <v>10450</v>
      </c>
      <c r="H20300" t="s">
        <v>10451</v>
      </c>
      <c r="I20300" s="2">
        <v>1</v>
      </c>
      <c r="J20300" s="2">
        <v>0</v>
      </c>
      <c r="K20300" s="2">
        <v>0</v>
      </c>
      <c r="L20300" t="s">
        <v>120</v>
      </c>
      <c r="M20300" t="s">
        <v>89</v>
      </c>
      <c r="N20300" t="s">
        <v>90</v>
      </c>
      <c r="O20300" t="s">
        <v>85</v>
      </c>
      <c r="P20300" t="s">
        <v>86</v>
      </c>
      <c r="Q20300">
        <v>33</v>
      </c>
      <c r="R20300">
        <v>33</v>
      </c>
      <c r="S20300">
        <v>34</v>
      </c>
      <c r="T20300">
        <v>35</v>
      </c>
      <c r="U20300">
        <v>36</v>
      </c>
      <c r="V20300">
        <v>36</v>
      </c>
      <c r="W20300">
        <v>37</v>
      </c>
      <c r="X20300">
        <v>38</v>
      </c>
      <c r="Y20300">
        <v>38</v>
      </c>
      <c r="Z20300">
        <v>39</v>
      </c>
      <c r="AA20300">
        <v>39</v>
      </c>
      <c r="AB20300">
        <v>40</v>
      </c>
      <c r="AC20300">
        <v>41</v>
      </c>
      <c r="AD20300">
        <v>41</v>
      </c>
      <c r="AE20300">
        <v>42</v>
      </c>
      <c r="AF20300">
        <v>42</v>
      </c>
      <c r="AG20300">
        <v>42</v>
      </c>
      <c r="AH20300">
        <v>42</v>
      </c>
      <c r="AI20300">
        <v>42</v>
      </c>
      <c r="AJ20300">
        <v>42</v>
      </c>
      <c r="AK20300">
        <v>42</v>
      </c>
      <c r="AL20300">
        <v>42</v>
      </c>
      <c r="AM20300">
        <v>42</v>
      </c>
      <c r="AN20300">
        <v>42</v>
      </c>
      <c r="AO20300">
        <v>42</v>
      </c>
      <c r="AP20300">
        <v>42</v>
      </c>
      <c r="AQ20300">
        <v>42</v>
      </c>
    </row>
    <row r="20301" spans="1:43">
      <c r="A20301" t="s">
        <v>12566</v>
      </c>
      <c r="B20301" t="s">
        <v>12567</v>
      </c>
      <c r="C20301" t="s">
        <v>12568</v>
      </c>
      <c r="D20301" t="s">
        <v>12569</v>
      </c>
      <c r="E20301" t="s">
        <v>12006</v>
      </c>
      <c r="F20301" t="s">
        <v>12007</v>
      </c>
      <c r="G20301" t="s">
        <v>10450</v>
      </c>
      <c r="H20301" t="s">
        <v>10451</v>
      </c>
      <c r="I20301" s="2">
        <v>1</v>
      </c>
      <c r="J20301" s="2">
        <v>0</v>
      </c>
      <c r="K20301" s="2">
        <v>0</v>
      </c>
      <c r="L20301" t="s">
        <v>120</v>
      </c>
      <c r="M20301" t="s">
        <v>83</v>
      </c>
      <c r="N20301" t="s">
        <v>91</v>
      </c>
      <c r="O20301" t="s">
        <v>85</v>
      </c>
      <c r="P20301" t="s">
        <v>86</v>
      </c>
      <c r="Q20301">
        <v>33</v>
      </c>
      <c r="R20301">
        <v>34</v>
      </c>
      <c r="S20301">
        <v>34</v>
      </c>
      <c r="T20301">
        <v>35</v>
      </c>
      <c r="U20301">
        <v>35</v>
      </c>
      <c r="V20301">
        <v>36</v>
      </c>
      <c r="W20301">
        <v>36</v>
      </c>
      <c r="X20301">
        <v>37</v>
      </c>
      <c r="Y20301">
        <v>37</v>
      </c>
      <c r="Z20301">
        <v>37</v>
      </c>
      <c r="AA20301">
        <v>38</v>
      </c>
      <c r="AB20301">
        <v>38</v>
      </c>
      <c r="AC20301">
        <v>39</v>
      </c>
      <c r="AD20301">
        <v>39</v>
      </c>
      <c r="AE20301">
        <v>40</v>
      </c>
      <c r="AF20301">
        <v>40</v>
      </c>
      <c r="AG20301">
        <v>41</v>
      </c>
      <c r="AH20301">
        <v>41</v>
      </c>
      <c r="AI20301">
        <v>41</v>
      </c>
      <c r="AJ20301">
        <v>42</v>
      </c>
      <c r="AK20301">
        <v>42</v>
      </c>
      <c r="AL20301">
        <v>42</v>
      </c>
      <c r="AM20301">
        <v>42</v>
      </c>
      <c r="AN20301">
        <v>42</v>
      </c>
      <c r="AO20301">
        <v>42</v>
      </c>
      <c r="AP20301">
        <v>42</v>
      </c>
      <c r="AQ20301">
        <v>43</v>
      </c>
    </row>
    <row r="20302" spans="1:43">
      <c r="A20302" t="s">
        <v>12570</v>
      </c>
      <c r="B20302" t="s">
        <v>12571</v>
      </c>
      <c r="C20302" t="s">
        <v>12568</v>
      </c>
      <c r="D20302" t="s">
        <v>12569</v>
      </c>
      <c r="E20302" t="s">
        <v>12006</v>
      </c>
      <c r="F20302" t="s">
        <v>12007</v>
      </c>
      <c r="G20302" t="s">
        <v>10450</v>
      </c>
      <c r="H20302" t="s">
        <v>10451</v>
      </c>
      <c r="I20302" s="2">
        <v>1</v>
      </c>
      <c r="J20302" s="2">
        <v>0</v>
      </c>
      <c r="K20302" s="2">
        <v>0</v>
      </c>
      <c r="L20302" t="s">
        <v>120</v>
      </c>
      <c r="M20302" t="s">
        <v>83</v>
      </c>
      <c r="N20302" t="s">
        <v>84</v>
      </c>
      <c r="O20302" t="s">
        <v>85</v>
      </c>
      <c r="P20302" t="s">
        <v>86</v>
      </c>
      <c r="Q20302">
        <v>16</v>
      </c>
      <c r="R20302">
        <v>17</v>
      </c>
      <c r="S20302">
        <v>17</v>
      </c>
      <c r="T20302">
        <v>17</v>
      </c>
      <c r="U20302">
        <v>17</v>
      </c>
      <c r="V20302">
        <v>17</v>
      </c>
      <c r="W20302">
        <v>18</v>
      </c>
      <c r="X20302">
        <v>18</v>
      </c>
      <c r="Y20302">
        <v>18</v>
      </c>
      <c r="Z20302">
        <v>18</v>
      </c>
      <c r="AA20302">
        <v>19</v>
      </c>
      <c r="AB20302">
        <v>19</v>
      </c>
      <c r="AC20302">
        <v>19</v>
      </c>
      <c r="AD20302">
        <v>19</v>
      </c>
      <c r="AE20302">
        <v>19</v>
      </c>
      <c r="AF20302">
        <v>20</v>
      </c>
      <c r="AG20302">
        <v>20</v>
      </c>
      <c r="AH20302">
        <v>20</v>
      </c>
      <c r="AI20302">
        <v>20</v>
      </c>
      <c r="AJ20302">
        <v>21</v>
      </c>
      <c r="AK20302">
        <v>21</v>
      </c>
      <c r="AL20302">
        <v>21</v>
      </c>
      <c r="AM20302">
        <v>21</v>
      </c>
      <c r="AN20302">
        <v>21</v>
      </c>
      <c r="AO20302">
        <v>21</v>
      </c>
      <c r="AP20302">
        <v>21</v>
      </c>
      <c r="AQ20302">
        <v>21</v>
      </c>
    </row>
    <row r="20303" spans="1:43">
      <c r="A20303" t="s">
        <v>12570</v>
      </c>
      <c r="B20303" t="s">
        <v>12571</v>
      </c>
      <c r="C20303" t="s">
        <v>12568</v>
      </c>
      <c r="D20303" t="s">
        <v>12569</v>
      </c>
      <c r="E20303" t="s">
        <v>12006</v>
      </c>
      <c r="F20303" t="s">
        <v>12007</v>
      </c>
      <c r="G20303" t="s">
        <v>10450</v>
      </c>
      <c r="H20303" t="s">
        <v>10451</v>
      </c>
      <c r="I20303" s="2">
        <v>1</v>
      </c>
      <c r="J20303" s="2">
        <v>0</v>
      </c>
      <c r="K20303" s="2">
        <v>0</v>
      </c>
      <c r="L20303" t="s">
        <v>120</v>
      </c>
      <c r="M20303" t="s">
        <v>87</v>
      </c>
      <c r="N20303" t="s">
        <v>88</v>
      </c>
      <c r="O20303" t="s">
        <v>85</v>
      </c>
      <c r="P20303" t="s">
        <v>86</v>
      </c>
      <c r="Q20303">
        <v>16</v>
      </c>
      <c r="R20303">
        <v>16</v>
      </c>
      <c r="S20303">
        <v>16</v>
      </c>
      <c r="T20303">
        <v>16</v>
      </c>
      <c r="U20303">
        <v>16</v>
      </c>
      <c r="V20303">
        <v>17</v>
      </c>
      <c r="W20303">
        <v>17</v>
      </c>
      <c r="X20303">
        <v>17</v>
      </c>
      <c r="Y20303">
        <v>17</v>
      </c>
      <c r="Z20303">
        <v>17</v>
      </c>
      <c r="AA20303">
        <v>17</v>
      </c>
      <c r="AB20303">
        <v>17</v>
      </c>
      <c r="AC20303">
        <v>17</v>
      </c>
      <c r="AD20303">
        <v>17</v>
      </c>
      <c r="AE20303">
        <v>17</v>
      </c>
      <c r="AF20303">
        <v>17</v>
      </c>
      <c r="AG20303">
        <v>17</v>
      </c>
      <c r="AH20303">
        <v>17</v>
      </c>
      <c r="AI20303">
        <v>18</v>
      </c>
      <c r="AJ20303">
        <v>18</v>
      </c>
      <c r="AK20303">
        <v>18</v>
      </c>
      <c r="AL20303">
        <v>18</v>
      </c>
      <c r="AM20303">
        <v>18</v>
      </c>
      <c r="AN20303">
        <v>18</v>
      </c>
      <c r="AO20303">
        <v>18</v>
      </c>
      <c r="AP20303">
        <v>18</v>
      </c>
      <c r="AQ20303">
        <v>18</v>
      </c>
    </row>
    <row r="20304" spans="1:43">
      <c r="A20304" t="s">
        <v>12570</v>
      </c>
      <c r="B20304" t="s">
        <v>12571</v>
      </c>
      <c r="C20304" t="s">
        <v>12568</v>
      </c>
      <c r="D20304" t="s">
        <v>12569</v>
      </c>
      <c r="E20304" t="s">
        <v>12006</v>
      </c>
      <c r="F20304" t="s">
        <v>12007</v>
      </c>
      <c r="G20304" t="s">
        <v>10450</v>
      </c>
      <c r="H20304" t="s">
        <v>10451</v>
      </c>
      <c r="I20304" s="2">
        <v>1</v>
      </c>
      <c r="J20304" s="2">
        <v>0</v>
      </c>
      <c r="K20304" s="2">
        <v>0</v>
      </c>
      <c r="L20304" t="s">
        <v>120</v>
      </c>
      <c r="M20304" t="s">
        <v>89</v>
      </c>
      <c r="N20304" t="s">
        <v>90</v>
      </c>
      <c r="O20304" t="s">
        <v>85</v>
      </c>
      <c r="P20304" t="s">
        <v>86</v>
      </c>
      <c r="Q20304">
        <v>16</v>
      </c>
      <c r="R20304">
        <v>17</v>
      </c>
      <c r="S20304">
        <v>17</v>
      </c>
      <c r="T20304">
        <v>18</v>
      </c>
      <c r="U20304">
        <v>18</v>
      </c>
      <c r="V20304">
        <v>18</v>
      </c>
      <c r="W20304">
        <v>19</v>
      </c>
      <c r="X20304">
        <v>19</v>
      </c>
      <c r="Y20304">
        <v>19</v>
      </c>
      <c r="Z20304">
        <v>20</v>
      </c>
      <c r="AA20304">
        <v>20</v>
      </c>
      <c r="AB20304">
        <v>20</v>
      </c>
      <c r="AC20304">
        <v>20</v>
      </c>
      <c r="AD20304">
        <v>21</v>
      </c>
      <c r="AE20304">
        <v>21</v>
      </c>
      <c r="AF20304">
        <v>21</v>
      </c>
      <c r="AG20304">
        <v>21</v>
      </c>
      <c r="AH20304">
        <v>21</v>
      </c>
      <c r="AI20304">
        <v>21</v>
      </c>
      <c r="AJ20304">
        <v>21</v>
      </c>
      <c r="AK20304">
        <v>21</v>
      </c>
      <c r="AL20304">
        <v>21</v>
      </c>
      <c r="AM20304">
        <v>21</v>
      </c>
      <c r="AN20304">
        <v>21</v>
      </c>
      <c r="AO20304">
        <v>21</v>
      </c>
      <c r="AP20304">
        <v>21</v>
      </c>
      <c r="AQ20304">
        <v>21</v>
      </c>
    </row>
    <row r="20305" spans="1:43">
      <c r="A20305" t="s">
        <v>12570</v>
      </c>
      <c r="B20305" t="s">
        <v>12571</v>
      </c>
      <c r="C20305" t="s">
        <v>12568</v>
      </c>
      <c r="D20305" t="s">
        <v>12569</v>
      </c>
      <c r="E20305" t="s">
        <v>12006</v>
      </c>
      <c r="F20305" t="s">
        <v>12007</v>
      </c>
      <c r="G20305" t="s">
        <v>10450</v>
      </c>
      <c r="H20305" t="s">
        <v>10451</v>
      </c>
      <c r="I20305" s="2">
        <v>1</v>
      </c>
      <c r="J20305" s="2">
        <v>0</v>
      </c>
      <c r="K20305" s="2">
        <v>0</v>
      </c>
      <c r="L20305" t="s">
        <v>120</v>
      </c>
      <c r="M20305" t="s">
        <v>83</v>
      </c>
      <c r="N20305" t="s">
        <v>91</v>
      </c>
      <c r="O20305" t="s">
        <v>85</v>
      </c>
      <c r="P20305" t="s">
        <v>86</v>
      </c>
      <c r="Q20305">
        <v>16</v>
      </c>
      <c r="R20305">
        <v>17</v>
      </c>
      <c r="S20305">
        <v>17</v>
      </c>
      <c r="T20305">
        <v>17</v>
      </c>
      <c r="U20305">
        <v>17</v>
      </c>
      <c r="V20305">
        <v>17</v>
      </c>
      <c r="W20305">
        <v>18</v>
      </c>
      <c r="X20305">
        <v>18</v>
      </c>
      <c r="Y20305">
        <v>18</v>
      </c>
      <c r="Z20305">
        <v>18</v>
      </c>
      <c r="AA20305">
        <v>19</v>
      </c>
      <c r="AB20305">
        <v>19</v>
      </c>
      <c r="AC20305">
        <v>19</v>
      </c>
      <c r="AD20305">
        <v>19</v>
      </c>
      <c r="AE20305">
        <v>19</v>
      </c>
      <c r="AF20305">
        <v>20</v>
      </c>
      <c r="AG20305">
        <v>20</v>
      </c>
      <c r="AH20305">
        <v>20</v>
      </c>
      <c r="AI20305">
        <v>20</v>
      </c>
      <c r="AJ20305">
        <v>21</v>
      </c>
      <c r="AK20305">
        <v>21</v>
      </c>
      <c r="AL20305">
        <v>21</v>
      </c>
      <c r="AM20305">
        <v>21</v>
      </c>
      <c r="AN20305">
        <v>21</v>
      </c>
      <c r="AO20305">
        <v>21</v>
      </c>
      <c r="AP20305">
        <v>21</v>
      </c>
      <c r="AQ20305">
        <v>21</v>
      </c>
    </row>
    <row r="20306" spans="1:43">
      <c r="A20306" t="s">
        <v>12572</v>
      </c>
      <c r="B20306" t="s">
        <v>12573</v>
      </c>
      <c r="C20306" t="s">
        <v>12568</v>
      </c>
      <c r="D20306" t="s">
        <v>12569</v>
      </c>
      <c r="E20306" t="s">
        <v>12006</v>
      </c>
      <c r="F20306" t="s">
        <v>12007</v>
      </c>
      <c r="G20306" t="s">
        <v>10450</v>
      </c>
      <c r="H20306" t="s">
        <v>10451</v>
      </c>
      <c r="I20306" s="2">
        <v>1</v>
      </c>
      <c r="J20306" s="2">
        <v>0</v>
      </c>
      <c r="K20306" s="2">
        <v>0</v>
      </c>
      <c r="L20306" t="s">
        <v>120</v>
      </c>
      <c r="M20306" t="s">
        <v>83</v>
      </c>
      <c r="N20306" t="s">
        <v>84</v>
      </c>
      <c r="O20306" t="s">
        <v>85</v>
      </c>
      <c r="P20306" t="s">
        <v>86</v>
      </c>
      <c r="Q20306">
        <v>7</v>
      </c>
      <c r="R20306">
        <v>7</v>
      </c>
      <c r="S20306">
        <v>7</v>
      </c>
      <c r="T20306">
        <v>7</v>
      </c>
      <c r="U20306">
        <v>7</v>
      </c>
      <c r="V20306">
        <v>7</v>
      </c>
      <c r="W20306">
        <v>7</v>
      </c>
      <c r="X20306">
        <v>7</v>
      </c>
      <c r="Y20306">
        <v>7</v>
      </c>
      <c r="Z20306">
        <v>8</v>
      </c>
      <c r="AA20306">
        <v>8</v>
      </c>
      <c r="AB20306">
        <v>8</v>
      </c>
      <c r="AC20306">
        <v>8</v>
      </c>
      <c r="AD20306">
        <v>8</v>
      </c>
      <c r="AE20306">
        <v>8</v>
      </c>
      <c r="AF20306">
        <v>8</v>
      </c>
      <c r="AG20306">
        <v>8</v>
      </c>
      <c r="AH20306">
        <v>8</v>
      </c>
      <c r="AI20306">
        <v>8</v>
      </c>
      <c r="AJ20306">
        <v>8</v>
      </c>
      <c r="AK20306">
        <v>8</v>
      </c>
      <c r="AL20306">
        <v>9</v>
      </c>
      <c r="AM20306">
        <v>9</v>
      </c>
      <c r="AN20306">
        <v>9</v>
      </c>
      <c r="AO20306">
        <v>9</v>
      </c>
      <c r="AP20306">
        <v>9</v>
      </c>
      <c r="AQ20306">
        <v>9</v>
      </c>
    </row>
    <row r="20307" spans="1:43">
      <c r="A20307" t="s">
        <v>12572</v>
      </c>
      <c r="B20307" t="s">
        <v>12573</v>
      </c>
      <c r="C20307" t="s">
        <v>12568</v>
      </c>
      <c r="D20307" t="s">
        <v>12569</v>
      </c>
      <c r="E20307" t="s">
        <v>12006</v>
      </c>
      <c r="F20307" t="s">
        <v>12007</v>
      </c>
      <c r="G20307" t="s">
        <v>10450</v>
      </c>
      <c r="H20307" t="s">
        <v>10451</v>
      </c>
      <c r="I20307" s="2">
        <v>1</v>
      </c>
      <c r="J20307" s="2">
        <v>0</v>
      </c>
      <c r="K20307" s="2">
        <v>0</v>
      </c>
      <c r="L20307" t="s">
        <v>120</v>
      </c>
      <c r="M20307" t="s">
        <v>87</v>
      </c>
      <c r="N20307" t="s">
        <v>88</v>
      </c>
      <c r="O20307" t="s">
        <v>85</v>
      </c>
      <c r="P20307" t="s">
        <v>86</v>
      </c>
      <c r="Q20307">
        <v>7</v>
      </c>
      <c r="R20307">
        <v>7</v>
      </c>
      <c r="S20307">
        <v>7</v>
      </c>
      <c r="T20307">
        <v>7</v>
      </c>
      <c r="U20307">
        <v>7</v>
      </c>
      <c r="V20307">
        <v>7</v>
      </c>
      <c r="W20307">
        <v>7</v>
      </c>
      <c r="X20307">
        <v>7</v>
      </c>
      <c r="Y20307">
        <v>7</v>
      </c>
      <c r="Z20307">
        <v>7</v>
      </c>
      <c r="AA20307">
        <v>7</v>
      </c>
      <c r="AB20307">
        <v>7</v>
      </c>
      <c r="AC20307">
        <v>7</v>
      </c>
      <c r="AD20307">
        <v>7</v>
      </c>
      <c r="AE20307">
        <v>7</v>
      </c>
      <c r="AF20307">
        <v>7</v>
      </c>
      <c r="AG20307">
        <v>7</v>
      </c>
      <c r="AH20307">
        <v>7</v>
      </c>
      <c r="AI20307">
        <v>7</v>
      </c>
      <c r="AJ20307">
        <v>7</v>
      </c>
      <c r="AK20307">
        <v>7</v>
      </c>
      <c r="AL20307">
        <v>7</v>
      </c>
      <c r="AM20307">
        <v>7</v>
      </c>
      <c r="AN20307">
        <v>7</v>
      </c>
      <c r="AO20307">
        <v>7</v>
      </c>
      <c r="AP20307">
        <v>7</v>
      </c>
      <c r="AQ20307">
        <v>7</v>
      </c>
    </row>
    <row r="20308" spans="1:43">
      <c r="A20308" t="s">
        <v>12572</v>
      </c>
      <c r="B20308" t="s">
        <v>12573</v>
      </c>
      <c r="C20308" t="s">
        <v>12568</v>
      </c>
      <c r="D20308" t="s">
        <v>12569</v>
      </c>
      <c r="E20308" t="s">
        <v>12006</v>
      </c>
      <c r="F20308" t="s">
        <v>12007</v>
      </c>
      <c r="G20308" t="s">
        <v>10450</v>
      </c>
      <c r="H20308" t="s">
        <v>10451</v>
      </c>
      <c r="I20308" s="2">
        <v>1</v>
      </c>
      <c r="J20308" s="2">
        <v>0</v>
      </c>
      <c r="K20308" s="2">
        <v>0</v>
      </c>
      <c r="L20308" t="s">
        <v>120</v>
      </c>
      <c r="M20308" t="s">
        <v>89</v>
      </c>
      <c r="N20308" t="s">
        <v>90</v>
      </c>
      <c r="O20308" t="s">
        <v>85</v>
      </c>
      <c r="P20308" t="s">
        <v>86</v>
      </c>
      <c r="Q20308">
        <v>7</v>
      </c>
      <c r="R20308">
        <v>7</v>
      </c>
      <c r="S20308">
        <v>7</v>
      </c>
      <c r="T20308">
        <v>7</v>
      </c>
      <c r="U20308">
        <v>7</v>
      </c>
      <c r="V20308">
        <v>7</v>
      </c>
      <c r="W20308">
        <v>8</v>
      </c>
      <c r="X20308">
        <v>8</v>
      </c>
      <c r="Y20308">
        <v>8</v>
      </c>
      <c r="Z20308">
        <v>8</v>
      </c>
      <c r="AA20308">
        <v>8</v>
      </c>
      <c r="AB20308">
        <v>8</v>
      </c>
      <c r="AC20308">
        <v>8</v>
      </c>
      <c r="AD20308">
        <v>8</v>
      </c>
      <c r="AE20308">
        <v>9</v>
      </c>
      <c r="AF20308">
        <v>9</v>
      </c>
      <c r="AG20308">
        <v>9</v>
      </c>
      <c r="AH20308">
        <v>9</v>
      </c>
      <c r="AI20308">
        <v>9</v>
      </c>
      <c r="AJ20308">
        <v>9</v>
      </c>
      <c r="AK20308">
        <v>9</v>
      </c>
      <c r="AL20308">
        <v>9</v>
      </c>
      <c r="AM20308">
        <v>9</v>
      </c>
      <c r="AN20308">
        <v>9</v>
      </c>
      <c r="AO20308">
        <v>9</v>
      </c>
      <c r="AP20308">
        <v>9</v>
      </c>
      <c r="AQ20308">
        <v>9</v>
      </c>
    </row>
    <row r="20309" spans="1:43">
      <c r="A20309" t="s">
        <v>12572</v>
      </c>
      <c r="B20309" t="s">
        <v>12573</v>
      </c>
      <c r="C20309" t="s">
        <v>12568</v>
      </c>
      <c r="D20309" t="s">
        <v>12569</v>
      </c>
      <c r="E20309" t="s">
        <v>12006</v>
      </c>
      <c r="F20309" t="s">
        <v>12007</v>
      </c>
      <c r="G20309" t="s">
        <v>10450</v>
      </c>
      <c r="H20309" t="s">
        <v>10451</v>
      </c>
      <c r="I20309" s="2">
        <v>1</v>
      </c>
      <c r="J20309" s="2">
        <v>0</v>
      </c>
      <c r="K20309" s="2">
        <v>0</v>
      </c>
      <c r="L20309" t="s">
        <v>120</v>
      </c>
      <c r="M20309" t="s">
        <v>83</v>
      </c>
      <c r="N20309" t="s">
        <v>91</v>
      </c>
      <c r="O20309" t="s">
        <v>85</v>
      </c>
      <c r="P20309" t="s">
        <v>86</v>
      </c>
      <c r="Q20309">
        <v>7</v>
      </c>
      <c r="R20309">
        <v>7</v>
      </c>
      <c r="S20309">
        <v>7</v>
      </c>
      <c r="T20309">
        <v>7</v>
      </c>
      <c r="U20309">
        <v>7</v>
      </c>
      <c r="V20309">
        <v>7</v>
      </c>
      <c r="W20309">
        <v>7</v>
      </c>
      <c r="X20309">
        <v>7</v>
      </c>
      <c r="Y20309">
        <v>7</v>
      </c>
      <c r="Z20309">
        <v>8</v>
      </c>
      <c r="AA20309">
        <v>8</v>
      </c>
      <c r="AB20309">
        <v>8</v>
      </c>
      <c r="AC20309">
        <v>8</v>
      </c>
      <c r="AD20309">
        <v>8</v>
      </c>
      <c r="AE20309">
        <v>8</v>
      </c>
      <c r="AF20309">
        <v>8</v>
      </c>
      <c r="AG20309">
        <v>8</v>
      </c>
      <c r="AH20309">
        <v>8</v>
      </c>
      <c r="AI20309">
        <v>8</v>
      </c>
      <c r="AJ20309">
        <v>8</v>
      </c>
      <c r="AK20309">
        <v>8</v>
      </c>
      <c r="AL20309">
        <v>9</v>
      </c>
      <c r="AM20309">
        <v>9</v>
      </c>
      <c r="AN20309">
        <v>9</v>
      </c>
      <c r="AO20309">
        <v>9</v>
      </c>
      <c r="AP20309">
        <v>9</v>
      </c>
      <c r="AQ20309">
        <v>9</v>
      </c>
    </row>
    <row r="20310" spans="1:43">
      <c r="A20310" t="s">
        <v>12574</v>
      </c>
      <c r="B20310" t="s">
        <v>12575</v>
      </c>
      <c r="C20310" t="s">
        <v>12568</v>
      </c>
      <c r="D20310" t="s">
        <v>12569</v>
      </c>
      <c r="E20310" t="s">
        <v>12006</v>
      </c>
      <c r="F20310" t="s">
        <v>12007</v>
      </c>
      <c r="G20310" t="s">
        <v>10450</v>
      </c>
      <c r="H20310" t="s">
        <v>10451</v>
      </c>
      <c r="I20310" s="2">
        <v>1</v>
      </c>
      <c r="J20310" s="2">
        <v>0</v>
      </c>
      <c r="K20310" s="2">
        <v>0</v>
      </c>
      <c r="L20310" t="s">
        <v>120</v>
      </c>
      <c r="M20310" t="s">
        <v>83</v>
      </c>
      <c r="N20310" t="s">
        <v>84</v>
      </c>
      <c r="O20310" t="s">
        <v>85</v>
      </c>
      <c r="P20310" t="s">
        <v>86</v>
      </c>
      <c r="Q20310">
        <v>16</v>
      </c>
      <c r="R20310">
        <v>16</v>
      </c>
      <c r="S20310">
        <v>16</v>
      </c>
      <c r="T20310">
        <v>16</v>
      </c>
      <c r="U20310">
        <v>17</v>
      </c>
      <c r="V20310">
        <v>17</v>
      </c>
      <c r="W20310">
        <v>17</v>
      </c>
      <c r="X20310">
        <v>17</v>
      </c>
      <c r="Y20310">
        <v>17</v>
      </c>
      <c r="Z20310">
        <v>18</v>
      </c>
      <c r="AA20310">
        <v>18</v>
      </c>
      <c r="AB20310">
        <v>18</v>
      </c>
      <c r="AC20310">
        <v>18</v>
      </c>
      <c r="AD20310">
        <v>19</v>
      </c>
      <c r="AE20310">
        <v>19</v>
      </c>
      <c r="AF20310">
        <v>19</v>
      </c>
      <c r="AG20310">
        <v>19</v>
      </c>
      <c r="AH20310">
        <v>19</v>
      </c>
      <c r="AI20310">
        <v>20</v>
      </c>
      <c r="AJ20310">
        <v>20</v>
      </c>
      <c r="AK20310">
        <v>20</v>
      </c>
      <c r="AL20310">
        <v>20</v>
      </c>
      <c r="AM20310">
        <v>20</v>
      </c>
      <c r="AN20310">
        <v>20</v>
      </c>
      <c r="AO20310">
        <v>20</v>
      </c>
      <c r="AP20310">
        <v>20</v>
      </c>
      <c r="AQ20310">
        <v>20</v>
      </c>
    </row>
    <row r="20311" spans="1:43">
      <c r="A20311" t="s">
        <v>12574</v>
      </c>
      <c r="B20311" t="s">
        <v>12575</v>
      </c>
      <c r="C20311" t="s">
        <v>12568</v>
      </c>
      <c r="D20311" t="s">
        <v>12569</v>
      </c>
      <c r="E20311" t="s">
        <v>12006</v>
      </c>
      <c r="F20311" t="s">
        <v>12007</v>
      </c>
      <c r="G20311" t="s">
        <v>10450</v>
      </c>
      <c r="H20311" t="s">
        <v>10451</v>
      </c>
      <c r="I20311" s="2">
        <v>1</v>
      </c>
      <c r="J20311" s="2">
        <v>0</v>
      </c>
      <c r="K20311" s="2">
        <v>0</v>
      </c>
      <c r="L20311" t="s">
        <v>120</v>
      </c>
      <c r="M20311" t="s">
        <v>87</v>
      </c>
      <c r="N20311" t="s">
        <v>88</v>
      </c>
      <c r="O20311" t="s">
        <v>85</v>
      </c>
      <c r="P20311" t="s">
        <v>86</v>
      </c>
      <c r="Q20311">
        <v>16</v>
      </c>
      <c r="R20311">
        <v>16</v>
      </c>
      <c r="S20311">
        <v>16</v>
      </c>
      <c r="T20311">
        <v>16</v>
      </c>
      <c r="U20311">
        <v>16</v>
      </c>
      <c r="V20311">
        <v>16</v>
      </c>
      <c r="W20311">
        <v>16</v>
      </c>
      <c r="X20311">
        <v>16</v>
      </c>
      <c r="Y20311">
        <v>16</v>
      </c>
      <c r="Z20311">
        <v>16</v>
      </c>
      <c r="AA20311">
        <v>16</v>
      </c>
      <c r="AB20311">
        <v>16</v>
      </c>
      <c r="AC20311">
        <v>16</v>
      </c>
      <c r="AD20311">
        <v>17</v>
      </c>
      <c r="AE20311">
        <v>17</v>
      </c>
      <c r="AF20311">
        <v>17</v>
      </c>
      <c r="AG20311">
        <v>17</v>
      </c>
      <c r="AH20311">
        <v>17</v>
      </c>
      <c r="AI20311">
        <v>17</v>
      </c>
      <c r="AJ20311">
        <v>17</v>
      </c>
      <c r="AK20311">
        <v>17</v>
      </c>
      <c r="AL20311">
        <v>17</v>
      </c>
      <c r="AM20311">
        <v>17</v>
      </c>
      <c r="AN20311">
        <v>17</v>
      </c>
      <c r="AO20311">
        <v>17</v>
      </c>
      <c r="AP20311">
        <v>17</v>
      </c>
      <c r="AQ20311">
        <v>17</v>
      </c>
    </row>
    <row r="20312" spans="1:43">
      <c r="A20312" t="s">
        <v>12574</v>
      </c>
      <c r="B20312" t="s">
        <v>12575</v>
      </c>
      <c r="C20312" t="s">
        <v>12568</v>
      </c>
      <c r="D20312" t="s">
        <v>12569</v>
      </c>
      <c r="E20312" t="s">
        <v>12006</v>
      </c>
      <c r="F20312" t="s">
        <v>12007</v>
      </c>
      <c r="G20312" t="s">
        <v>10450</v>
      </c>
      <c r="H20312" t="s">
        <v>10451</v>
      </c>
      <c r="I20312" s="2">
        <v>1</v>
      </c>
      <c r="J20312" s="2">
        <v>0</v>
      </c>
      <c r="K20312" s="2">
        <v>0</v>
      </c>
      <c r="L20312" t="s">
        <v>120</v>
      </c>
      <c r="M20312" t="s">
        <v>89</v>
      </c>
      <c r="N20312" t="s">
        <v>90</v>
      </c>
      <c r="O20312" t="s">
        <v>85</v>
      </c>
      <c r="P20312" t="s">
        <v>86</v>
      </c>
      <c r="Q20312">
        <v>16</v>
      </c>
      <c r="R20312">
        <v>16</v>
      </c>
      <c r="S20312">
        <v>17</v>
      </c>
      <c r="T20312">
        <v>17</v>
      </c>
      <c r="U20312">
        <v>17</v>
      </c>
      <c r="V20312">
        <v>18</v>
      </c>
      <c r="W20312">
        <v>18</v>
      </c>
      <c r="X20312">
        <v>18</v>
      </c>
      <c r="Y20312">
        <v>19</v>
      </c>
      <c r="Z20312">
        <v>19</v>
      </c>
      <c r="AA20312">
        <v>19</v>
      </c>
      <c r="AB20312">
        <v>19</v>
      </c>
      <c r="AC20312">
        <v>20</v>
      </c>
      <c r="AD20312">
        <v>20</v>
      </c>
      <c r="AE20312">
        <v>20</v>
      </c>
      <c r="AF20312">
        <v>20</v>
      </c>
      <c r="AG20312">
        <v>20</v>
      </c>
      <c r="AH20312">
        <v>20</v>
      </c>
      <c r="AI20312">
        <v>20</v>
      </c>
      <c r="AJ20312">
        <v>20</v>
      </c>
      <c r="AK20312">
        <v>20</v>
      </c>
      <c r="AL20312">
        <v>20</v>
      </c>
      <c r="AM20312">
        <v>20</v>
      </c>
      <c r="AN20312">
        <v>20</v>
      </c>
      <c r="AO20312">
        <v>20</v>
      </c>
      <c r="AP20312">
        <v>20</v>
      </c>
      <c r="AQ20312">
        <v>20</v>
      </c>
    </row>
    <row r="20313" spans="1:43">
      <c r="A20313" t="s">
        <v>12574</v>
      </c>
      <c r="B20313" t="s">
        <v>12575</v>
      </c>
      <c r="C20313" t="s">
        <v>12568</v>
      </c>
      <c r="D20313" t="s">
        <v>12569</v>
      </c>
      <c r="E20313" t="s">
        <v>12006</v>
      </c>
      <c r="F20313" t="s">
        <v>12007</v>
      </c>
      <c r="G20313" t="s">
        <v>10450</v>
      </c>
      <c r="H20313" t="s">
        <v>10451</v>
      </c>
      <c r="I20313" s="2">
        <v>1</v>
      </c>
      <c r="J20313" s="2">
        <v>0</v>
      </c>
      <c r="K20313" s="2">
        <v>0</v>
      </c>
      <c r="L20313" t="s">
        <v>120</v>
      </c>
      <c r="M20313" t="s">
        <v>83</v>
      </c>
      <c r="N20313" t="s">
        <v>91</v>
      </c>
      <c r="O20313" t="s">
        <v>85</v>
      </c>
      <c r="P20313" t="s">
        <v>86</v>
      </c>
      <c r="Q20313">
        <v>16</v>
      </c>
      <c r="R20313">
        <v>16</v>
      </c>
      <c r="S20313">
        <v>16</v>
      </c>
      <c r="T20313">
        <v>16</v>
      </c>
      <c r="U20313">
        <v>17</v>
      </c>
      <c r="V20313">
        <v>17</v>
      </c>
      <c r="W20313">
        <v>17</v>
      </c>
      <c r="X20313">
        <v>17</v>
      </c>
      <c r="Y20313">
        <v>17</v>
      </c>
      <c r="Z20313">
        <v>18</v>
      </c>
      <c r="AA20313">
        <v>18</v>
      </c>
      <c r="AB20313">
        <v>18</v>
      </c>
      <c r="AC20313">
        <v>18</v>
      </c>
      <c r="AD20313">
        <v>19</v>
      </c>
      <c r="AE20313">
        <v>19</v>
      </c>
      <c r="AF20313">
        <v>19</v>
      </c>
      <c r="AG20313">
        <v>19</v>
      </c>
      <c r="AH20313">
        <v>19</v>
      </c>
      <c r="AI20313">
        <v>20</v>
      </c>
      <c r="AJ20313">
        <v>20</v>
      </c>
      <c r="AK20313">
        <v>20</v>
      </c>
      <c r="AL20313">
        <v>20</v>
      </c>
      <c r="AM20313">
        <v>20</v>
      </c>
      <c r="AN20313">
        <v>20</v>
      </c>
      <c r="AO20313">
        <v>20</v>
      </c>
      <c r="AP20313">
        <v>20</v>
      </c>
      <c r="AQ20313">
        <v>20</v>
      </c>
    </row>
    <row r="20314" spans="1:43">
      <c r="A20314" t="s">
        <v>12576</v>
      </c>
      <c r="B20314" t="s">
        <v>12577</v>
      </c>
      <c r="C20314" t="s">
        <v>12578</v>
      </c>
      <c r="D20314" t="s">
        <v>12579</v>
      </c>
      <c r="E20314" t="s">
        <v>12580</v>
      </c>
      <c r="F20314" t="s">
        <v>12581</v>
      </c>
      <c r="G20314" t="s">
        <v>12582</v>
      </c>
      <c r="H20314" t="s">
        <v>12581</v>
      </c>
      <c r="I20314" s="2">
        <v>1</v>
      </c>
      <c r="J20314" s="2">
        <v>0</v>
      </c>
      <c r="K20314" s="2">
        <v>0</v>
      </c>
      <c r="L20314" t="s">
        <v>120</v>
      </c>
      <c r="M20314" t="s">
        <v>83</v>
      </c>
      <c r="N20314" t="s">
        <v>84</v>
      </c>
      <c r="O20314" t="s">
        <v>85</v>
      </c>
      <c r="P20314" t="s">
        <v>86</v>
      </c>
      <c r="Q20314">
        <v>38</v>
      </c>
      <c r="R20314">
        <v>39</v>
      </c>
      <c r="S20314">
        <v>39</v>
      </c>
      <c r="T20314">
        <v>40</v>
      </c>
      <c r="U20314">
        <v>40</v>
      </c>
      <c r="V20314">
        <v>41</v>
      </c>
      <c r="W20314">
        <v>42</v>
      </c>
      <c r="X20314">
        <v>42</v>
      </c>
      <c r="Y20314">
        <v>43</v>
      </c>
      <c r="Z20314">
        <v>43</v>
      </c>
      <c r="AA20314">
        <v>44</v>
      </c>
      <c r="AB20314">
        <v>45</v>
      </c>
      <c r="AC20314">
        <v>45</v>
      </c>
      <c r="AD20314">
        <v>46</v>
      </c>
      <c r="AE20314">
        <v>46</v>
      </c>
      <c r="AF20314">
        <v>47</v>
      </c>
      <c r="AG20314">
        <v>48</v>
      </c>
      <c r="AH20314">
        <v>48</v>
      </c>
      <c r="AI20314">
        <v>49</v>
      </c>
      <c r="AJ20314">
        <v>50</v>
      </c>
      <c r="AK20314">
        <v>50</v>
      </c>
      <c r="AL20314">
        <v>51</v>
      </c>
      <c r="AM20314">
        <v>51</v>
      </c>
      <c r="AN20314">
        <v>51</v>
      </c>
      <c r="AO20314">
        <v>51</v>
      </c>
      <c r="AP20314">
        <v>51</v>
      </c>
      <c r="AQ20314">
        <v>51</v>
      </c>
    </row>
    <row r="20315" spans="1:43">
      <c r="A20315" t="s">
        <v>12576</v>
      </c>
      <c r="B20315" t="s">
        <v>12577</v>
      </c>
      <c r="C20315" t="s">
        <v>12578</v>
      </c>
      <c r="D20315" t="s">
        <v>12579</v>
      </c>
      <c r="E20315" t="s">
        <v>12580</v>
      </c>
      <c r="F20315" t="s">
        <v>12581</v>
      </c>
      <c r="G20315" t="s">
        <v>12582</v>
      </c>
      <c r="H20315" t="s">
        <v>12581</v>
      </c>
      <c r="I20315" s="2">
        <v>1</v>
      </c>
      <c r="J20315" s="2">
        <v>0</v>
      </c>
      <c r="K20315" s="2">
        <v>0</v>
      </c>
      <c r="L20315" t="s">
        <v>120</v>
      </c>
      <c r="M20315" t="s">
        <v>87</v>
      </c>
      <c r="N20315" t="s">
        <v>88</v>
      </c>
      <c r="O20315" t="s">
        <v>85</v>
      </c>
      <c r="P20315" t="s">
        <v>86</v>
      </c>
      <c r="Q20315">
        <v>38</v>
      </c>
      <c r="R20315">
        <v>38</v>
      </c>
      <c r="S20315">
        <v>38</v>
      </c>
      <c r="T20315">
        <v>38</v>
      </c>
      <c r="U20315">
        <v>39</v>
      </c>
      <c r="V20315">
        <v>39</v>
      </c>
      <c r="W20315">
        <v>39</v>
      </c>
      <c r="X20315">
        <v>39</v>
      </c>
      <c r="Y20315">
        <v>40</v>
      </c>
      <c r="Z20315">
        <v>40</v>
      </c>
      <c r="AA20315">
        <v>40</v>
      </c>
      <c r="AB20315">
        <v>40</v>
      </c>
      <c r="AC20315">
        <v>41</v>
      </c>
      <c r="AD20315">
        <v>41</v>
      </c>
      <c r="AE20315">
        <v>41</v>
      </c>
      <c r="AF20315">
        <v>42</v>
      </c>
      <c r="AG20315">
        <v>42</v>
      </c>
      <c r="AH20315">
        <v>42</v>
      </c>
      <c r="AI20315">
        <v>42</v>
      </c>
      <c r="AJ20315">
        <v>43</v>
      </c>
      <c r="AK20315">
        <v>43</v>
      </c>
      <c r="AL20315">
        <v>43</v>
      </c>
      <c r="AM20315">
        <v>44</v>
      </c>
      <c r="AN20315">
        <v>44</v>
      </c>
      <c r="AO20315">
        <v>44</v>
      </c>
      <c r="AP20315">
        <v>44</v>
      </c>
      <c r="AQ20315">
        <v>45</v>
      </c>
    </row>
    <row r="20316" spans="1:43">
      <c r="A20316" t="s">
        <v>12576</v>
      </c>
      <c r="B20316" t="s">
        <v>12577</v>
      </c>
      <c r="C20316" t="s">
        <v>12578</v>
      </c>
      <c r="D20316" t="s">
        <v>12579</v>
      </c>
      <c r="E20316" t="s">
        <v>12580</v>
      </c>
      <c r="F20316" t="s">
        <v>12581</v>
      </c>
      <c r="G20316" t="s">
        <v>12582</v>
      </c>
      <c r="H20316" t="s">
        <v>12581</v>
      </c>
      <c r="I20316" s="2">
        <v>1</v>
      </c>
      <c r="J20316" s="2">
        <v>0</v>
      </c>
      <c r="K20316" s="2">
        <v>0</v>
      </c>
      <c r="L20316" t="s">
        <v>120</v>
      </c>
      <c r="M20316" t="s">
        <v>89</v>
      </c>
      <c r="N20316" t="s">
        <v>90</v>
      </c>
      <c r="O20316" t="s">
        <v>85</v>
      </c>
      <c r="P20316" t="s">
        <v>86</v>
      </c>
      <c r="Q20316">
        <v>38</v>
      </c>
      <c r="R20316">
        <v>39</v>
      </c>
      <c r="S20316">
        <v>40</v>
      </c>
      <c r="T20316">
        <v>41</v>
      </c>
      <c r="U20316">
        <v>42</v>
      </c>
      <c r="V20316">
        <v>43</v>
      </c>
      <c r="W20316">
        <v>44</v>
      </c>
      <c r="X20316">
        <v>44</v>
      </c>
      <c r="Y20316">
        <v>45</v>
      </c>
      <c r="Z20316">
        <v>46</v>
      </c>
      <c r="AA20316">
        <v>47</v>
      </c>
      <c r="AB20316">
        <v>48</v>
      </c>
      <c r="AC20316">
        <v>48</v>
      </c>
      <c r="AD20316">
        <v>49</v>
      </c>
      <c r="AE20316">
        <v>50</v>
      </c>
      <c r="AF20316">
        <v>50</v>
      </c>
      <c r="AG20316">
        <v>50</v>
      </c>
      <c r="AH20316">
        <v>50</v>
      </c>
      <c r="AI20316">
        <v>50</v>
      </c>
      <c r="AJ20316">
        <v>51</v>
      </c>
      <c r="AK20316">
        <v>51</v>
      </c>
      <c r="AL20316">
        <v>51</v>
      </c>
      <c r="AM20316">
        <v>51</v>
      </c>
      <c r="AN20316">
        <v>51</v>
      </c>
      <c r="AO20316">
        <v>51</v>
      </c>
      <c r="AP20316">
        <v>52</v>
      </c>
      <c r="AQ20316">
        <v>52</v>
      </c>
    </row>
    <row r="20317" spans="1:43">
      <c r="A20317" t="s">
        <v>12576</v>
      </c>
      <c r="B20317" t="s">
        <v>12577</v>
      </c>
      <c r="C20317" t="s">
        <v>12578</v>
      </c>
      <c r="D20317" t="s">
        <v>12579</v>
      </c>
      <c r="E20317" t="s">
        <v>12580</v>
      </c>
      <c r="F20317" t="s">
        <v>12581</v>
      </c>
      <c r="G20317" t="s">
        <v>12582</v>
      </c>
      <c r="H20317" t="s">
        <v>12581</v>
      </c>
      <c r="I20317" s="2">
        <v>1</v>
      </c>
      <c r="J20317" s="2">
        <v>0</v>
      </c>
      <c r="K20317" s="2">
        <v>0</v>
      </c>
      <c r="L20317" t="s">
        <v>120</v>
      </c>
      <c r="M20317" t="s">
        <v>83</v>
      </c>
      <c r="N20317" t="s">
        <v>91</v>
      </c>
      <c r="O20317" t="s">
        <v>85</v>
      </c>
      <c r="P20317" t="s">
        <v>86</v>
      </c>
      <c r="Q20317">
        <v>38</v>
      </c>
      <c r="R20317">
        <v>39</v>
      </c>
      <c r="S20317">
        <v>39</v>
      </c>
      <c r="T20317">
        <v>40</v>
      </c>
      <c r="U20317">
        <v>40</v>
      </c>
      <c r="V20317">
        <v>41</v>
      </c>
      <c r="W20317">
        <v>42</v>
      </c>
      <c r="X20317">
        <v>42</v>
      </c>
      <c r="Y20317">
        <v>43</v>
      </c>
      <c r="Z20317">
        <v>43</v>
      </c>
      <c r="AA20317">
        <v>44</v>
      </c>
      <c r="AB20317">
        <v>45</v>
      </c>
      <c r="AC20317">
        <v>45</v>
      </c>
      <c r="AD20317">
        <v>46</v>
      </c>
      <c r="AE20317">
        <v>46</v>
      </c>
      <c r="AF20317">
        <v>47</v>
      </c>
      <c r="AG20317">
        <v>48</v>
      </c>
      <c r="AH20317">
        <v>48</v>
      </c>
      <c r="AI20317">
        <v>49</v>
      </c>
      <c r="AJ20317">
        <v>50</v>
      </c>
      <c r="AK20317">
        <v>50</v>
      </c>
      <c r="AL20317">
        <v>51</v>
      </c>
      <c r="AM20317">
        <v>51</v>
      </c>
      <c r="AN20317">
        <v>51</v>
      </c>
      <c r="AO20317">
        <v>51</v>
      </c>
      <c r="AP20317">
        <v>51</v>
      </c>
      <c r="AQ20317">
        <v>51</v>
      </c>
    </row>
    <row r="20318" spans="1:43">
      <c r="A20318" t="s">
        <v>12583</v>
      </c>
      <c r="B20318" t="s">
        <v>12584</v>
      </c>
      <c r="C20318" t="s">
        <v>12578</v>
      </c>
      <c r="D20318" t="s">
        <v>12579</v>
      </c>
      <c r="E20318" t="s">
        <v>12580</v>
      </c>
      <c r="F20318" t="s">
        <v>12581</v>
      </c>
      <c r="G20318" t="s">
        <v>12582</v>
      </c>
      <c r="H20318" t="s">
        <v>12581</v>
      </c>
      <c r="I20318" s="2">
        <v>1</v>
      </c>
      <c r="J20318" s="2">
        <v>0</v>
      </c>
      <c r="K20318" s="2">
        <v>0</v>
      </c>
      <c r="L20318" t="s">
        <v>120</v>
      </c>
      <c r="M20318" t="s">
        <v>83</v>
      </c>
      <c r="N20318" t="s">
        <v>84</v>
      </c>
      <c r="O20318" t="s">
        <v>85</v>
      </c>
      <c r="P20318" t="s">
        <v>86</v>
      </c>
      <c r="Q20318">
        <v>18</v>
      </c>
      <c r="R20318">
        <v>18</v>
      </c>
      <c r="S20318">
        <v>18</v>
      </c>
      <c r="T20318">
        <v>18</v>
      </c>
      <c r="U20318">
        <v>19</v>
      </c>
      <c r="V20318">
        <v>19</v>
      </c>
      <c r="W20318">
        <v>19</v>
      </c>
      <c r="X20318">
        <v>20</v>
      </c>
      <c r="Y20318">
        <v>20</v>
      </c>
      <c r="Z20318">
        <v>20</v>
      </c>
      <c r="AA20318">
        <v>20</v>
      </c>
      <c r="AB20318">
        <v>21</v>
      </c>
      <c r="AC20318">
        <v>21</v>
      </c>
      <c r="AD20318">
        <v>21</v>
      </c>
      <c r="AE20318">
        <v>22</v>
      </c>
      <c r="AF20318">
        <v>22</v>
      </c>
      <c r="AG20318">
        <v>22</v>
      </c>
      <c r="AH20318">
        <v>22</v>
      </c>
      <c r="AI20318">
        <v>23</v>
      </c>
      <c r="AJ20318">
        <v>23</v>
      </c>
      <c r="AK20318">
        <v>23</v>
      </c>
      <c r="AL20318">
        <v>23</v>
      </c>
      <c r="AM20318">
        <v>24</v>
      </c>
      <c r="AN20318">
        <v>24</v>
      </c>
      <c r="AO20318">
        <v>24</v>
      </c>
      <c r="AP20318">
        <v>24</v>
      </c>
      <c r="AQ20318">
        <v>24</v>
      </c>
    </row>
    <row r="20319" spans="1:43">
      <c r="A20319" t="s">
        <v>12583</v>
      </c>
      <c r="B20319" t="s">
        <v>12584</v>
      </c>
      <c r="C20319" t="s">
        <v>12578</v>
      </c>
      <c r="D20319" t="s">
        <v>12579</v>
      </c>
      <c r="E20319" t="s">
        <v>12580</v>
      </c>
      <c r="F20319" t="s">
        <v>12581</v>
      </c>
      <c r="G20319" t="s">
        <v>12582</v>
      </c>
      <c r="H20319" t="s">
        <v>12581</v>
      </c>
      <c r="I20319" s="2">
        <v>1</v>
      </c>
      <c r="J20319" s="2">
        <v>0</v>
      </c>
      <c r="K20319" s="2">
        <v>0</v>
      </c>
      <c r="L20319" t="s">
        <v>120</v>
      </c>
      <c r="M20319" t="s">
        <v>87</v>
      </c>
      <c r="N20319" t="s">
        <v>88</v>
      </c>
      <c r="O20319" t="s">
        <v>85</v>
      </c>
      <c r="P20319" t="s">
        <v>86</v>
      </c>
      <c r="Q20319">
        <v>18</v>
      </c>
      <c r="R20319">
        <v>19</v>
      </c>
      <c r="S20319">
        <v>19</v>
      </c>
      <c r="T20319">
        <v>19</v>
      </c>
      <c r="U20319">
        <v>19</v>
      </c>
      <c r="V20319">
        <v>19</v>
      </c>
      <c r="W20319">
        <v>19</v>
      </c>
      <c r="X20319">
        <v>19</v>
      </c>
      <c r="Y20319">
        <v>19</v>
      </c>
      <c r="Z20319">
        <v>20</v>
      </c>
      <c r="AA20319">
        <v>20</v>
      </c>
      <c r="AB20319">
        <v>20</v>
      </c>
      <c r="AC20319">
        <v>20</v>
      </c>
      <c r="AD20319">
        <v>20</v>
      </c>
      <c r="AE20319">
        <v>20</v>
      </c>
      <c r="AF20319">
        <v>20</v>
      </c>
      <c r="AG20319">
        <v>20</v>
      </c>
      <c r="AH20319">
        <v>21</v>
      </c>
      <c r="AI20319">
        <v>21</v>
      </c>
      <c r="AJ20319">
        <v>21</v>
      </c>
      <c r="AK20319">
        <v>21</v>
      </c>
      <c r="AL20319">
        <v>21</v>
      </c>
      <c r="AM20319">
        <v>21</v>
      </c>
      <c r="AN20319">
        <v>21</v>
      </c>
      <c r="AO20319">
        <v>22</v>
      </c>
      <c r="AP20319">
        <v>22</v>
      </c>
      <c r="AQ20319">
        <v>22</v>
      </c>
    </row>
    <row r="20320" spans="1:43">
      <c r="A20320" t="s">
        <v>12583</v>
      </c>
      <c r="B20320" t="s">
        <v>12584</v>
      </c>
      <c r="C20320" t="s">
        <v>12578</v>
      </c>
      <c r="D20320" t="s">
        <v>12579</v>
      </c>
      <c r="E20320" t="s">
        <v>12580</v>
      </c>
      <c r="F20320" t="s">
        <v>12581</v>
      </c>
      <c r="G20320" t="s">
        <v>12582</v>
      </c>
      <c r="H20320" t="s">
        <v>12581</v>
      </c>
      <c r="I20320" s="2">
        <v>1</v>
      </c>
      <c r="J20320" s="2">
        <v>0</v>
      </c>
      <c r="K20320" s="2">
        <v>0</v>
      </c>
      <c r="L20320" t="s">
        <v>120</v>
      </c>
      <c r="M20320" t="s">
        <v>89</v>
      </c>
      <c r="N20320" t="s">
        <v>90</v>
      </c>
      <c r="O20320" t="s">
        <v>85</v>
      </c>
      <c r="P20320" t="s">
        <v>86</v>
      </c>
      <c r="Q20320">
        <v>18</v>
      </c>
      <c r="R20320">
        <v>18</v>
      </c>
      <c r="S20320">
        <v>19</v>
      </c>
      <c r="T20320">
        <v>19</v>
      </c>
      <c r="U20320">
        <v>19</v>
      </c>
      <c r="V20320">
        <v>20</v>
      </c>
      <c r="W20320">
        <v>20</v>
      </c>
      <c r="X20320">
        <v>21</v>
      </c>
      <c r="Y20320">
        <v>21</v>
      </c>
      <c r="Z20320">
        <v>21</v>
      </c>
      <c r="AA20320">
        <v>22</v>
      </c>
      <c r="AB20320">
        <v>22</v>
      </c>
      <c r="AC20320">
        <v>23</v>
      </c>
      <c r="AD20320">
        <v>23</v>
      </c>
      <c r="AE20320">
        <v>23</v>
      </c>
      <c r="AF20320">
        <v>23</v>
      </c>
      <c r="AG20320">
        <v>23</v>
      </c>
      <c r="AH20320">
        <v>23</v>
      </c>
      <c r="AI20320">
        <v>23</v>
      </c>
      <c r="AJ20320">
        <v>24</v>
      </c>
      <c r="AK20320">
        <v>24</v>
      </c>
      <c r="AL20320">
        <v>24</v>
      </c>
      <c r="AM20320">
        <v>24</v>
      </c>
      <c r="AN20320">
        <v>24</v>
      </c>
      <c r="AO20320">
        <v>24</v>
      </c>
      <c r="AP20320">
        <v>24</v>
      </c>
      <c r="AQ20320">
        <v>24</v>
      </c>
    </row>
    <row r="20321" spans="1:43">
      <c r="A20321" t="s">
        <v>12583</v>
      </c>
      <c r="B20321" t="s">
        <v>12584</v>
      </c>
      <c r="C20321" t="s">
        <v>12578</v>
      </c>
      <c r="D20321" t="s">
        <v>12579</v>
      </c>
      <c r="E20321" t="s">
        <v>12580</v>
      </c>
      <c r="F20321" t="s">
        <v>12581</v>
      </c>
      <c r="G20321" t="s">
        <v>12582</v>
      </c>
      <c r="H20321" t="s">
        <v>12581</v>
      </c>
      <c r="I20321" s="2">
        <v>1</v>
      </c>
      <c r="J20321" s="2">
        <v>0</v>
      </c>
      <c r="K20321" s="2">
        <v>0</v>
      </c>
      <c r="L20321" t="s">
        <v>120</v>
      </c>
      <c r="M20321" t="s">
        <v>83</v>
      </c>
      <c r="N20321" t="s">
        <v>91</v>
      </c>
      <c r="O20321" t="s">
        <v>85</v>
      </c>
      <c r="P20321" t="s">
        <v>86</v>
      </c>
      <c r="Q20321">
        <v>18</v>
      </c>
      <c r="R20321">
        <v>18</v>
      </c>
      <c r="S20321">
        <v>18</v>
      </c>
      <c r="T20321">
        <v>18</v>
      </c>
      <c r="U20321">
        <v>19</v>
      </c>
      <c r="V20321">
        <v>19</v>
      </c>
      <c r="W20321">
        <v>19</v>
      </c>
      <c r="X20321">
        <v>20</v>
      </c>
      <c r="Y20321">
        <v>20</v>
      </c>
      <c r="Z20321">
        <v>20</v>
      </c>
      <c r="AA20321">
        <v>20</v>
      </c>
      <c r="AB20321">
        <v>21</v>
      </c>
      <c r="AC20321">
        <v>21</v>
      </c>
      <c r="AD20321">
        <v>21</v>
      </c>
      <c r="AE20321">
        <v>22</v>
      </c>
      <c r="AF20321">
        <v>22</v>
      </c>
      <c r="AG20321">
        <v>22</v>
      </c>
      <c r="AH20321">
        <v>22</v>
      </c>
      <c r="AI20321">
        <v>23</v>
      </c>
      <c r="AJ20321">
        <v>23</v>
      </c>
      <c r="AK20321">
        <v>23</v>
      </c>
      <c r="AL20321">
        <v>23</v>
      </c>
      <c r="AM20321">
        <v>24</v>
      </c>
      <c r="AN20321">
        <v>24</v>
      </c>
      <c r="AO20321">
        <v>24</v>
      </c>
      <c r="AP20321">
        <v>24</v>
      </c>
      <c r="AQ20321">
        <v>24</v>
      </c>
    </row>
    <row r="20322" spans="1:43">
      <c r="A20322" t="s">
        <v>12585</v>
      </c>
      <c r="B20322" t="s">
        <v>12586</v>
      </c>
      <c r="C20322" t="s">
        <v>12578</v>
      </c>
      <c r="D20322" t="s">
        <v>12579</v>
      </c>
      <c r="E20322" t="s">
        <v>12580</v>
      </c>
      <c r="F20322" t="s">
        <v>12581</v>
      </c>
      <c r="G20322" t="s">
        <v>12582</v>
      </c>
      <c r="H20322" t="s">
        <v>12581</v>
      </c>
      <c r="I20322" s="2">
        <v>1</v>
      </c>
      <c r="J20322" s="2">
        <v>0</v>
      </c>
      <c r="K20322" s="2">
        <v>0</v>
      </c>
      <c r="L20322" t="s">
        <v>120</v>
      </c>
      <c r="M20322" t="s">
        <v>83</v>
      </c>
      <c r="N20322" t="s">
        <v>84</v>
      </c>
      <c r="O20322" t="s">
        <v>85</v>
      </c>
      <c r="P20322" t="s">
        <v>86</v>
      </c>
      <c r="Q20322">
        <v>21</v>
      </c>
      <c r="R20322">
        <v>22</v>
      </c>
      <c r="S20322">
        <v>22</v>
      </c>
      <c r="T20322">
        <v>22</v>
      </c>
      <c r="U20322">
        <v>23</v>
      </c>
      <c r="V20322">
        <v>23</v>
      </c>
      <c r="W20322">
        <v>23</v>
      </c>
      <c r="X20322">
        <v>24</v>
      </c>
      <c r="Y20322">
        <v>24</v>
      </c>
      <c r="Z20322">
        <v>24</v>
      </c>
      <c r="AA20322">
        <v>25</v>
      </c>
      <c r="AB20322">
        <v>25</v>
      </c>
      <c r="AC20322">
        <v>25</v>
      </c>
      <c r="AD20322">
        <v>26</v>
      </c>
      <c r="AE20322">
        <v>26</v>
      </c>
      <c r="AF20322">
        <v>26</v>
      </c>
      <c r="AG20322">
        <v>27</v>
      </c>
      <c r="AH20322">
        <v>27</v>
      </c>
      <c r="AI20322">
        <v>27</v>
      </c>
      <c r="AJ20322">
        <v>28</v>
      </c>
      <c r="AK20322">
        <v>28</v>
      </c>
      <c r="AL20322">
        <v>28</v>
      </c>
      <c r="AM20322">
        <v>28</v>
      </c>
      <c r="AN20322">
        <v>29</v>
      </c>
      <c r="AO20322">
        <v>29</v>
      </c>
      <c r="AP20322">
        <v>29</v>
      </c>
      <c r="AQ20322">
        <v>29</v>
      </c>
    </row>
    <row r="20323" spans="1:43">
      <c r="A20323" t="s">
        <v>12585</v>
      </c>
      <c r="B20323" t="s">
        <v>12586</v>
      </c>
      <c r="C20323" t="s">
        <v>12578</v>
      </c>
      <c r="D20323" t="s">
        <v>12579</v>
      </c>
      <c r="E20323" t="s">
        <v>12580</v>
      </c>
      <c r="F20323" t="s">
        <v>12581</v>
      </c>
      <c r="G20323" t="s">
        <v>12582</v>
      </c>
      <c r="H20323" t="s">
        <v>12581</v>
      </c>
      <c r="I20323" s="2">
        <v>1</v>
      </c>
      <c r="J20323" s="2">
        <v>0</v>
      </c>
      <c r="K20323" s="2">
        <v>0</v>
      </c>
      <c r="L20323" t="s">
        <v>120</v>
      </c>
      <c r="M20323" t="s">
        <v>87</v>
      </c>
      <c r="N20323" t="s">
        <v>88</v>
      </c>
      <c r="O20323" t="s">
        <v>85</v>
      </c>
      <c r="P20323" t="s">
        <v>86</v>
      </c>
      <c r="Q20323">
        <v>21</v>
      </c>
      <c r="R20323">
        <v>21</v>
      </c>
      <c r="S20323">
        <v>21</v>
      </c>
      <c r="T20323">
        <v>22</v>
      </c>
      <c r="U20323">
        <v>22</v>
      </c>
      <c r="V20323">
        <v>22</v>
      </c>
      <c r="W20323">
        <v>22</v>
      </c>
      <c r="X20323">
        <v>22</v>
      </c>
      <c r="Y20323">
        <v>22</v>
      </c>
      <c r="Z20323">
        <v>22</v>
      </c>
      <c r="AA20323">
        <v>23</v>
      </c>
      <c r="AB20323">
        <v>23</v>
      </c>
      <c r="AC20323">
        <v>23</v>
      </c>
      <c r="AD20323">
        <v>23</v>
      </c>
      <c r="AE20323">
        <v>23</v>
      </c>
      <c r="AF20323">
        <v>23</v>
      </c>
      <c r="AG20323">
        <v>23</v>
      </c>
      <c r="AH20323">
        <v>24</v>
      </c>
      <c r="AI20323">
        <v>24</v>
      </c>
      <c r="AJ20323">
        <v>24</v>
      </c>
      <c r="AK20323">
        <v>24</v>
      </c>
      <c r="AL20323">
        <v>24</v>
      </c>
      <c r="AM20323">
        <v>24</v>
      </c>
      <c r="AN20323">
        <v>25</v>
      </c>
      <c r="AO20323">
        <v>25</v>
      </c>
      <c r="AP20323">
        <v>25</v>
      </c>
      <c r="AQ20323">
        <v>25</v>
      </c>
    </row>
    <row r="20324" spans="1:43">
      <c r="A20324" t="s">
        <v>12585</v>
      </c>
      <c r="B20324" t="s">
        <v>12586</v>
      </c>
      <c r="C20324" t="s">
        <v>12578</v>
      </c>
      <c r="D20324" t="s">
        <v>12579</v>
      </c>
      <c r="E20324" t="s">
        <v>12580</v>
      </c>
      <c r="F20324" t="s">
        <v>12581</v>
      </c>
      <c r="G20324" t="s">
        <v>12582</v>
      </c>
      <c r="H20324" t="s">
        <v>12581</v>
      </c>
      <c r="I20324" s="2">
        <v>1</v>
      </c>
      <c r="J20324" s="2">
        <v>0</v>
      </c>
      <c r="K20324" s="2">
        <v>0</v>
      </c>
      <c r="L20324" t="s">
        <v>120</v>
      </c>
      <c r="M20324" t="s">
        <v>89</v>
      </c>
      <c r="N20324" t="s">
        <v>90</v>
      </c>
      <c r="O20324" t="s">
        <v>85</v>
      </c>
      <c r="P20324" t="s">
        <v>86</v>
      </c>
      <c r="Q20324">
        <v>21</v>
      </c>
      <c r="R20324">
        <v>21</v>
      </c>
      <c r="S20324">
        <v>22</v>
      </c>
      <c r="T20324">
        <v>22</v>
      </c>
      <c r="U20324">
        <v>23</v>
      </c>
      <c r="V20324">
        <v>23</v>
      </c>
      <c r="W20324">
        <v>24</v>
      </c>
      <c r="X20324">
        <v>24</v>
      </c>
      <c r="Y20324">
        <v>24</v>
      </c>
      <c r="Z20324">
        <v>25</v>
      </c>
      <c r="AA20324">
        <v>25</v>
      </c>
      <c r="AB20324">
        <v>26</v>
      </c>
      <c r="AC20324">
        <v>26</v>
      </c>
      <c r="AD20324">
        <v>27</v>
      </c>
      <c r="AE20324">
        <v>27</v>
      </c>
      <c r="AF20324">
        <v>27</v>
      </c>
      <c r="AG20324">
        <v>27</v>
      </c>
      <c r="AH20324">
        <v>27</v>
      </c>
      <c r="AI20324">
        <v>27</v>
      </c>
      <c r="AJ20324">
        <v>27</v>
      </c>
      <c r="AK20324">
        <v>28</v>
      </c>
      <c r="AL20324">
        <v>28</v>
      </c>
      <c r="AM20324">
        <v>28</v>
      </c>
      <c r="AN20324">
        <v>28</v>
      </c>
      <c r="AO20324">
        <v>28</v>
      </c>
      <c r="AP20324">
        <v>28</v>
      </c>
      <c r="AQ20324">
        <v>28</v>
      </c>
    </row>
    <row r="20325" spans="1:43">
      <c r="A20325" t="s">
        <v>12585</v>
      </c>
      <c r="B20325" t="s">
        <v>12586</v>
      </c>
      <c r="C20325" t="s">
        <v>12578</v>
      </c>
      <c r="D20325" t="s">
        <v>12579</v>
      </c>
      <c r="E20325" t="s">
        <v>12580</v>
      </c>
      <c r="F20325" t="s">
        <v>12581</v>
      </c>
      <c r="G20325" t="s">
        <v>12582</v>
      </c>
      <c r="H20325" t="s">
        <v>12581</v>
      </c>
      <c r="I20325" s="2">
        <v>1</v>
      </c>
      <c r="J20325" s="2">
        <v>0</v>
      </c>
      <c r="K20325" s="2">
        <v>0</v>
      </c>
      <c r="L20325" t="s">
        <v>120</v>
      </c>
      <c r="M20325" t="s">
        <v>83</v>
      </c>
      <c r="N20325" t="s">
        <v>91</v>
      </c>
      <c r="O20325" t="s">
        <v>85</v>
      </c>
      <c r="P20325" t="s">
        <v>86</v>
      </c>
      <c r="Q20325">
        <v>21</v>
      </c>
      <c r="R20325">
        <v>22</v>
      </c>
      <c r="S20325">
        <v>22</v>
      </c>
      <c r="T20325">
        <v>22</v>
      </c>
      <c r="U20325">
        <v>23</v>
      </c>
      <c r="V20325">
        <v>23</v>
      </c>
      <c r="W20325">
        <v>23</v>
      </c>
      <c r="X20325">
        <v>24</v>
      </c>
      <c r="Y20325">
        <v>24</v>
      </c>
      <c r="Z20325">
        <v>24</v>
      </c>
      <c r="AA20325">
        <v>25</v>
      </c>
      <c r="AB20325">
        <v>25</v>
      </c>
      <c r="AC20325">
        <v>25</v>
      </c>
      <c r="AD20325">
        <v>26</v>
      </c>
      <c r="AE20325">
        <v>26</v>
      </c>
      <c r="AF20325">
        <v>26</v>
      </c>
      <c r="AG20325">
        <v>27</v>
      </c>
      <c r="AH20325">
        <v>27</v>
      </c>
      <c r="AI20325">
        <v>27</v>
      </c>
      <c r="AJ20325">
        <v>28</v>
      </c>
      <c r="AK20325">
        <v>28</v>
      </c>
      <c r="AL20325">
        <v>28</v>
      </c>
      <c r="AM20325">
        <v>28</v>
      </c>
      <c r="AN20325">
        <v>29</v>
      </c>
      <c r="AO20325">
        <v>29</v>
      </c>
      <c r="AP20325">
        <v>29</v>
      </c>
      <c r="AQ20325">
        <v>29</v>
      </c>
    </row>
    <row r="20326" spans="1:43">
      <c r="A20326" t="s">
        <v>12587</v>
      </c>
      <c r="B20326" t="s">
        <v>12588</v>
      </c>
      <c r="C20326" t="s">
        <v>12578</v>
      </c>
      <c r="D20326" t="s">
        <v>12579</v>
      </c>
      <c r="E20326" t="s">
        <v>12580</v>
      </c>
      <c r="F20326" t="s">
        <v>12581</v>
      </c>
      <c r="G20326" t="s">
        <v>12582</v>
      </c>
      <c r="H20326" t="s">
        <v>12581</v>
      </c>
      <c r="I20326" s="2">
        <v>1</v>
      </c>
      <c r="J20326" s="2">
        <v>0</v>
      </c>
      <c r="K20326" s="2">
        <v>0</v>
      </c>
      <c r="L20326" t="s">
        <v>120</v>
      </c>
      <c r="M20326" t="s">
        <v>83</v>
      </c>
      <c r="N20326" t="s">
        <v>84</v>
      </c>
      <c r="O20326" t="s">
        <v>85</v>
      </c>
      <c r="P20326" t="s">
        <v>86</v>
      </c>
      <c r="Q20326">
        <v>15</v>
      </c>
      <c r="R20326">
        <v>15</v>
      </c>
      <c r="S20326">
        <v>16</v>
      </c>
      <c r="T20326">
        <v>16</v>
      </c>
      <c r="U20326">
        <v>16</v>
      </c>
      <c r="V20326">
        <v>16</v>
      </c>
      <c r="W20326">
        <v>17</v>
      </c>
      <c r="X20326">
        <v>17</v>
      </c>
      <c r="Y20326">
        <v>17</v>
      </c>
      <c r="Z20326">
        <v>17</v>
      </c>
      <c r="AA20326">
        <v>18</v>
      </c>
      <c r="AB20326">
        <v>18</v>
      </c>
      <c r="AC20326">
        <v>18</v>
      </c>
      <c r="AD20326">
        <v>18</v>
      </c>
      <c r="AE20326">
        <v>19</v>
      </c>
      <c r="AF20326">
        <v>19</v>
      </c>
      <c r="AG20326">
        <v>19</v>
      </c>
      <c r="AH20326">
        <v>19</v>
      </c>
      <c r="AI20326">
        <v>20</v>
      </c>
      <c r="AJ20326">
        <v>20</v>
      </c>
      <c r="AK20326">
        <v>20</v>
      </c>
      <c r="AL20326">
        <v>20</v>
      </c>
      <c r="AM20326">
        <v>20</v>
      </c>
      <c r="AN20326">
        <v>20</v>
      </c>
      <c r="AO20326">
        <v>21</v>
      </c>
      <c r="AP20326">
        <v>21</v>
      </c>
      <c r="AQ20326">
        <v>21</v>
      </c>
    </row>
    <row r="20327" spans="1:43">
      <c r="A20327" t="s">
        <v>12587</v>
      </c>
      <c r="B20327" t="s">
        <v>12588</v>
      </c>
      <c r="C20327" t="s">
        <v>12578</v>
      </c>
      <c r="D20327" t="s">
        <v>12579</v>
      </c>
      <c r="E20327" t="s">
        <v>12580</v>
      </c>
      <c r="F20327" t="s">
        <v>12581</v>
      </c>
      <c r="G20327" t="s">
        <v>12582</v>
      </c>
      <c r="H20327" t="s">
        <v>12581</v>
      </c>
      <c r="I20327" s="2">
        <v>1</v>
      </c>
      <c r="J20327" s="2">
        <v>0</v>
      </c>
      <c r="K20327" s="2">
        <v>0</v>
      </c>
      <c r="L20327" t="s">
        <v>120</v>
      </c>
      <c r="M20327" t="s">
        <v>87</v>
      </c>
      <c r="N20327" t="s">
        <v>88</v>
      </c>
      <c r="O20327" t="s">
        <v>85</v>
      </c>
      <c r="P20327" t="s">
        <v>86</v>
      </c>
      <c r="Q20327">
        <v>15</v>
      </c>
      <c r="R20327">
        <v>15</v>
      </c>
      <c r="S20327">
        <v>15</v>
      </c>
      <c r="T20327">
        <v>15</v>
      </c>
      <c r="U20327">
        <v>15</v>
      </c>
      <c r="V20327">
        <v>16</v>
      </c>
      <c r="W20327">
        <v>16</v>
      </c>
      <c r="X20327">
        <v>16</v>
      </c>
      <c r="Y20327">
        <v>16</v>
      </c>
      <c r="Z20327">
        <v>16</v>
      </c>
      <c r="AA20327">
        <v>16</v>
      </c>
      <c r="AB20327">
        <v>16</v>
      </c>
      <c r="AC20327">
        <v>16</v>
      </c>
      <c r="AD20327">
        <v>16</v>
      </c>
      <c r="AE20327">
        <v>17</v>
      </c>
      <c r="AF20327">
        <v>17</v>
      </c>
      <c r="AG20327">
        <v>17</v>
      </c>
      <c r="AH20327">
        <v>17</v>
      </c>
      <c r="AI20327">
        <v>17</v>
      </c>
      <c r="AJ20327">
        <v>17</v>
      </c>
      <c r="AK20327">
        <v>17</v>
      </c>
      <c r="AL20327">
        <v>17</v>
      </c>
      <c r="AM20327">
        <v>18</v>
      </c>
      <c r="AN20327">
        <v>18</v>
      </c>
      <c r="AO20327">
        <v>18</v>
      </c>
      <c r="AP20327">
        <v>18</v>
      </c>
      <c r="AQ20327">
        <v>18</v>
      </c>
    </row>
    <row r="20328" spans="1:43">
      <c r="A20328" t="s">
        <v>12587</v>
      </c>
      <c r="B20328" t="s">
        <v>12588</v>
      </c>
      <c r="C20328" t="s">
        <v>12578</v>
      </c>
      <c r="D20328" t="s">
        <v>12579</v>
      </c>
      <c r="E20328" t="s">
        <v>12580</v>
      </c>
      <c r="F20328" t="s">
        <v>12581</v>
      </c>
      <c r="G20328" t="s">
        <v>12582</v>
      </c>
      <c r="H20328" t="s">
        <v>12581</v>
      </c>
      <c r="I20328" s="2">
        <v>1</v>
      </c>
      <c r="J20328" s="2">
        <v>0</v>
      </c>
      <c r="K20328" s="2">
        <v>0</v>
      </c>
      <c r="L20328" t="s">
        <v>120</v>
      </c>
      <c r="M20328" t="s">
        <v>89</v>
      </c>
      <c r="N20328" t="s">
        <v>90</v>
      </c>
      <c r="O20328" t="s">
        <v>85</v>
      </c>
      <c r="P20328" t="s">
        <v>86</v>
      </c>
      <c r="Q20328">
        <v>15</v>
      </c>
      <c r="R20328">
        <v>16</v>
      </c>
      <c r="S20328">
        <v>16</v>
      </c>
      <c r="T20328">
        <v>16</v>
      </c>
      <c r="U20328">
        <v>17</v>
      </c>
      <c r="V20328">
        <v>17</v>
      </c>
      <c r="W20328">
        <v>18</v>
      </c>
      <c r="X20328">
        <v>18</v>
      </c>
      <c r="Y20328">
        <v>18</v>
      </c>
      <c r="Z20328">
        <v>18</v>
      </c>
      <c r="AA20328">
        <v>19</v>
      </c>
      <c r="AB20328">
        <v>19</v>
      </c>
      <c r="AC20328">
        <v>19</v>
      </c>
      <c r="AD20328">
        <v>20</v>
      </c>
      <c r="AE20328">
        <v>20</v>
      </c>
      <c r="AF20328">
        <v>20</v>
      </c>
      <c r="AG20328">
        <v>20</v>
      </c>
      <c r="AH20328">
        <v>20</v>
      </c>
      <c r="AI20328">
        <v>20</v>
      </c>
      <c r="AJ20328">
        <v>20</v>
      </c>
      <c r="AK20328">
        <v>20</v>
      </c>
      <c r="AL20328">
        <v>20</v>
      </c>
      <c r="AM20328">
        <v>21</v>
      </c>
      <c r="AN20328">
        <v>21</v>
      </c>
      <c r="AO20328">
        <v>21</v>
      </c>
      <c r="AP20328">
        <v>21</v>
      </c>
      <c r="AQ20328">
        <v>21</v>
      </c>
    </row>
    <row r="20329" spans="1:43">
      <c r="A20329" t="s">
        <v>12587</v>
      </c>
      <c r="B20329" t="s">
        <v>12588</v>
      </c>
      <c r="C20329" t="s">
        <v>12578</v>
      </c>
      <c r="D20329" t="s">
        <v>12579</v>
      </c>
      <c r="E20329" t="s">
        <v>12580</v>
      </c>
      <c r="F20329" t="s">
        <v>12581</v>
      </c>
      <c r="G20329" t="s">
        <v>12582</v>
      </c>
      <c r="H20329" t="s">
        <v>12581</v>
      </c>
      <c r="I20329" s="2">
        <v>1</v>
      </c>
      <c r="J20329" s="2">
        <v>0</v>
      </c>
      <c r="K20329" s="2">
        <v>0</v>
      </c>
      <c r="L20329" t="s">
        <v>120</v>
      </c>
      <c r="M20329" t="s">
        <v>83</v>
      </c>
      <c r="N20329" t="s">
        <v>91</v>
      </c>
      <c r="O20329" t="s">
        <v>85</v>
      </c>
      <c r="P20329" t="s">
        <v>86</v>
      </c>
      <c r="Q20329">
        <v>15</v>
      </c>
      <c r="R20329">
        <v>15</v>
      </c>
      <c r="S20329">
        <v>16</v>
      </c>
      <c r="T20329">
        <v>16</v>
      </c>
      <c r="U20329">
        <v>16</v>
      </c>
      <c r="V20329">
        <v>16</v>
      </c>
      <c r="W20329">
        <v>17</v>
      </c>
      <c r="X20329">
        <v>17</v>
      </c>
      <c r="Y20329">
        <v>17</v>
      </c>
      <c r="Z20329">
        <v>17</v>
      </c>
      <c r="AA20329">
        <v>18</v>
      </c>
      <c r="AB20329">
        <v>18</v>
      </c>
      <c r="AC20329">
        <v>18</v>
      </c>
      <c r="AD20329">
        <v>18</v>
      </c>
      <c r="AE20329">
        <v>19</v>
      </c>
      <c r="AF20329">
        <v>19</v>
      </c>
      <c r="AG20329">
        <v>19</v>
      </c>
      <c r="AH20329">
        <v>19</v>
      </c>
      <c r="AI20329">
        <v>20</v>
      </c>
      <c r="AJ20329">
        <v>20</v>
      </c>
      <c r="AK20329">
        <v>20</v>
      </c>
      <c r="AL20329">
        <v>20</v>
      </c>
      <c r="AM20329">
        <v>20</v>
      </c>
      <c r="AN20329">
        <v>20</v>
      </c>
      <c r="AO20329">
        <v>21</v>
      </c>
      <c r="AP20329">
        <v>21</v>
      </c>
      <c r="AQ20329">
        <v>21</v>
      </c>
    </row>
    <row r="20330" spans="1:43">
      <c r="A20330" t="s">
        <v>12589</v>
      </c>
      <c r="B20330" t="s">
        <v>12590</v>
      </c>
      <c r="C20330" t="s">
        <v>12578</v>
      </c>
      <c r="D20330" t="s">
        <v>12579</v>
      </c>
      <c r="E20330" t="s">
        <v>12580</v>
      </c>
      <c r="F20330" t="s">
        <v>12581</v>
      </c>
      <c r="G20330" t="s">
        <v>12582</v>
      </c>
      <c r="H20330" t="s">
        <v>12581</v>
      </c>
      <c r="I20330" s="2">
        <v>1</v>
      </c>
      <c r="J20330" s="2">
        <v>0</v>
      </c>
      <c r="K20330" s="2">
        <v>0</v>
      </c>
      <c r="L20330" t="s">
        <v>120</v>
      </c>
      <c r="M20330" t="s">
        <v>83</v>
      </c>
      <c r="N20330" t="s">
        <v>84</v>
      </c>
      <c r="O20330" t="s">
        <v>85</v>
      </c>
      <c r="P20330" t="s">
        <v>86</v>
      </c>
      <c r="Q20330">
        <v>36</v>
      </c>
      <c r="R20330">
        <v>36</v>
      </c>
      <c r="S20330">
        <v>37</v>
      </c>
      <c r="T20330">
        <v>37</v>
      </c>
      <c r="U20330">
        <v>38</v>
      </c>
      <c r="V20330">
        <v>39</v>
      </c>
      <c r="W20330">
        <v>39</v>
      </c>
      <c r="X20330">
        <v>40</v>
      </c>
      <c r="Y20330">
        <v>40</v>
      </c>
      <c r="Z20330">
        <v>41</v>
      </c>
      <c r="AA20330">
        <v>41</v>
      </c>
      <c r="AB20330">
        <v>42</v>
      </c>
      <c r="AC20330">
        <v>43</v>
      </c>
      <c r="AD20330">
        <v>43</v>
      </c>
      <c r="AE20330">
        <v>44</v>
      </c>
      <c r="AF20330">
        <v>44</v>
      </c>
      <c r="AG20330">
        <v>45</v>
      </c>
      <c r="AH20330">
        <v>46</v>
      </c>
      <c r="AI20330">
        <v>46</v>
      </c>
      <c r="AJ20330">
        <v>47</v>
      </c>
      <c r="AK20330">
        <v>47</v>
      </c>
      <c r="AL20330">
        <v>48</v>
      </c>
      <c r="AM20330">
        <v>48</v>
      </c>
      <c r="AN20330">
        <v>48</v>
      </c>
      <c r="AO20330">
        <v>48</v>
      </c>
      <c r="AP20330">
        <v>48</v>
      </c>
      <c r="AQ20330">
        <v>49</v>
      </c>
    </row>
    <row r="20331" spans="1:43">
      <c r="A20331" t="s">
        <v>12589</v>
      </c>
      <c r="B20331" t="s">
        <v>12590</v>
      </c>
      <c r="C20331" t="s">
        <v>12578</v>
      </c>
      <c r="D20331" t="s">
        <v>12579</v>
      </c>
      <c r="E20331" t="s">
        <v>12580</v>
      </c>
      <c r="F20331" t="s">
        <v>12581</v>
      </c>
      <c r="G20331" t="s">
        <v>12582</v>
      </c>
      <c r="H20331" t="s">
        <v>12581</v>
      </c>
      <c r="I20331" s="2">
        <v>1</v>
      </c>
      <c r="J20331" s="2">
        <v>0</v>
      </c>
      <c r="K20331" s="2">
        <v>0</v>
      </c>
      <c r="L20331" t="s">
        <v>120</v>
      </c>
      <c r="M20331" t="s">
        <v>87</v>
      </c>
      <c r="N20331" t="s">
        <v>88</v>
      </c>
      <c r="O20331" t="s">
        <v>85</v>
      </c>
      <c r="P20331" t="s">
        <v>86</v>
      </c>
      <c r="Q20331">
        <v>36</v>
      </c>
      <c r="R20331">
        <v>37</v>
      </c>
      <c r="S20331">
        <v>37</v>
      </c>
      <c r="T20331">
        <v>37</v>
      </c>
      <c r="U20331">
        <v>37</v>
      </c>
      <c r="V20331">
        <v>38</v>
      </c>
      <c r="W20331">
        <v>38</v>
      </c>
      <c r="X20331">
        <v>38</v>
      </c>
      <c r="Y20331">
        <v>38</v>
      </c>
      <c r="Z20331">
        <v>39</v>
      </c>
      <c r="AA20331">
        <v>39</v>
      </c>
      <c r="AB20331">
        <v>39</v>
      </c>
      <c r="AC20331">
        <v>39</v>
      </c>
      <c r="AD20331">
        <v>40</v>
      </c>
      <c r="AE20331">
        <v>40</v>
      </c>
      <c r="AF20331">
        <v>40</v>
      </c>
      <c r="AG20331">
        <v>40</v>
      </c>
      <c r="AH20331">
        <v>41</v>
      </c>
      <c r="AI20331">
        <v>41</v>
      </c>
      <c r="AJ20331">
        <v>41</v>
      </c>
      <c r="AK20331">
        <v>42</v>
      </c>
      <c r="AL20331">
        <v>42</v>
      </c>
      <c r="AM20331">
        <v>42</v>
      </c>
      <c r="AN20331">
        <v>42</v>
      </c>
      <c r="AO20331">
        <v>43</v>
      </c>
      <c r="AP20331">
        <v>43</v>
      </c>
      <c r="AQ20331">
        <v>43</v>
      </c>
    </row>
    <row r="20332" spans="1:43">
      <c r="A20332" t="s">
        <v>12589</v>
      </c>
      <c r="B20332" t="s">
        <v>12590</v>
      </c>
      <c r="C20332" t="s">
        <v>12578</v>
      </c>
      <c r="D20332" t="s">
        <v>12579</v>
      </c>
      <c r="E20332" t="s">
        <v>12580</v>
      </c>
      <c r="F20332" t="s">
        <v>12581</v>
      </c>
      <c r="G20332" t="s">
        <v>12582</v>
      </c>
      <c r="H20332" t="s">
        <v>12581</v>
      </c>
      <c r="I20332" s="2">
        <v>1</v>
      </c>
      <c r="J20332" s="2">
        <v>0</v>
      </c>
      <c r="K20332" s="2">
        <v>0</v>
      </c>
      <c r="L20332" t="s">
        <v>120</v>
      </c>
      <c r="M20332" t="s">
        <v>89</v>
      </c>
      <c r="N20332" t="s">
        <v>90</v>
      </c>
      <c r="O20332" t="s">
        <v>85</v>
      </c>
      <c r="P20332" t="s">
        <v>86</v>
      </c>
      <c r="Q20332">
        <v>36</v>
      </c>
      <c r="R20332">
        <v>37</v>
      </c>
      <c r="S20332">
        <v>38</v>
      </c>
      <c r="T20332">
        <v>39</v>
      </c>
      <c r="U20332">
        <v>40</v>
      </c>
      <c r="V20332">
        <v>40</v>
      </c>
      <c r="W20332">
        <v>41</v>
      </c>
      <c r="X20332">
        <v>42</v>
      </c>
      <c r="Y20332">
        <v>43</v>
      </c>
      <c r="Z20332">
        <v>43</v>
      </c>
      <c r="AA20332">
        <v>44</v>
      </c>
      <c r="AB20332">
        <v>45</v>
      </c>
      <c r="AC20332">
        <v>46</v>
      </c>
      <c r="AD20332">
        <v>46</v>
      </c>
      <c r="AE20332">
        <v>47</v>
      </c>
      <c r="AF20332">
        <v>47</v>
      </c>
      <c r="AG20332">
        <v>47</v>
      </c>
      <c r="AH20332">
        <v>47</v>
      </c>
      <c r="AI20332">
        <v>48</v>
      </c>
      <c r="AJ20332">
        <v>48</v>
      </c>
      <c r="AK20332">
        <v>48</v>
      </c>
      <c r="AL20332">
        <v>48</v>
      </c>
      <c r="AM20332">
        <v>48</v>
      </c>
      <c r="AN20332">
        <v>48</v>
      </c>
      <c r="AO20332">
        <v>49</v>
      </c>
      <c r="AP20332">
        <v>49</v>
      </c>
      <c r="AQ20332">
        <v>49</v>
      </c>
    </row>
    <row r="20333" spans="1:43">
      <c r="A20333" t="s">
        <v>12589</v>
      </c>
      <c r="B20333" t="s">
        <v>12590</v>
      </c>
      <c r="C20333" t="s">
        <v>12578</v>
      </c>
      <c r="D20333" t="s">
        <v>12579</v>
      </c>
      <c r="E20333" t="s">
        <v>12580</v>
      </c>
      <c r="F20333" t="s">
        <v>12581</v>
      </c>
      <c r="G20333" t="s">
        <v>12582</v>
      </c>
      <c r="H20333" t="s">
        <v>12581</v>
      </c>
      <c r="I20333" s="2">
        <v>1</v>
      </c>
      <c r="J20333" s="2">
        <v>0</v>
      </c>
      <c r="K20333" s="2">
        <v>0</v>
      </c>
      <c r="L20333" t="s">
        <v>120</v>
      </c>
      <c r="M20333" t="s">
        <v>83</v>
      </c>
      <c r="N20333" t="s">
        <v>91</v>
      </c>
      <c r="O20333" t="s">
        <v>85</v>
      </c>
      <c r="P20333" t="s">
        <v>86</v>
      </c>
      <c r="Q20333">
        <v>36</v>
      </c>
      <c r="R20333">
        <v>36</v>
      </c>
      <c r="S20333">
        <v>37</v>
      </c>
      <c r="T20333">
        <v>37</v>
      </c>
      <c r="U20333">
        <v>38</v>
      </c>
      <c r="V20333">
        <v>39</v>
      </c>
      <c r="W20333">
        <v>39</v>
      </c>
      <c r="X20333">
        <v>40</v>
      </c>
      <c r="Y20333">
        <v>40</v>
      </c>
      <c r="Z20333">
        <v>41</v>
      </c>
      <c r="AA20333">
        <v>41</v>
      </c>
      <c r="AB20333">
        <v>42</v>
      </c>
      <c r="AC20333">
        <v>43</v>
      </c>
      <c r="AD20333">
        <v>43</v>
      </c>
      <c r="AE20333">
        <v>44</v>
      </c>
      <c r="AF20333">
        <v>44</v>
      </c>
      <c r="AG20333">
        <v>45</v>
      </c>
      <c r="AH20333">
        <v>46</v>
      </c>
      <c r="AI20333">
        <v>46</v>
      </c>
      <c r="AJ20333">
        <v>47</v>
      </c>
      <c r="AK20333">
        <v>47</v>
      </c>
      <c r="AL20333">
        <v>48</v>
      </c>
      <c r="AM20333">
        <v>48</v>
      </c>
      <c r="AN20333">
        <v>48</v>
      </c>
      <c r="AO20333">
        <v>48</v>
      </c>
      <c r="AP20333">
        <v>48</v>
      </c>
      <c r="AQ20333">
        <v>49</v>
      </c>
    </row>
    <row r="20334" spans="1:43">
      <c r="A20334" t="s">
        <v>12591</v>
      </c>
      <c r="B20334" t="s">
        <v>12592</v>
      </c>
      <c r="C20334" t="s">
        <v>12593</v>
      </c>
      <c r="D20334" t="s">
        <v>12594</v>
      </c>
      <c r="E20334" t="s">
        <v>12580</v>
      </c>
      <c r="F20334" t="s">
        <v>12581</v>
      </c>
      <c r="G20334" t="s">
        <v>12582</v>
      </c>
      <c r="H20334" t="s">
        <v>12581</v>
      </c>
      <c r="I20334" s="2">
        <v>1</v>
      </c>
      <c r="J20334" s="2">
        <v>0</v>
      </c>
      <c r="K20334" s="2">
        <v>0</v>
      </c>
      <c r="L20334" t="s">
        <v>120</v>
      </c>
      <c r="M20334" t="s">
        <v>83</v>
      </c>
      <c r="N20334" t="s">
        <v>84</v>
      </c>
      <c r="O20334" t="s">
        <v>85</v>
      </c>
      <c r="P20334" t="s">
        <v>86</v>
      </c>
      <c r="Q20334">
        <v>67</v>
      </c>
      <c r="R20334">
        <v>68</v>
      </c>
      <c r="S20334">
        <v>69</v>
      </c>
      <c r="T20334">
        <v>70</v>
      </c>
      <c r="U20334">
        <v>71</v>
      </c>
      <c r="V20334">
        <v>72</v>
      </c>
      <c r="W20334">
        <v>74</v>
      </c>
      <c r="X20334">
        <v>75</v>
      </c>
      <c r="Y20334">
        <v>76</v>
      </c>
      <c r="Z20334">
        <v>77</v>
      </c>
      <c r="AA20334">
        <v>78</v>
      </c>
      <c r="AB20334">
        <v>79</v>
      </c>
      <c r="AC20334">
        <v>80</v>
      </c>
      <c r="AD20334">
        <v>81</v>
      </c>
      <c r="AE20334">
        <v>83</v>
      </c>
      <c r="AF20334">
        <v>84</v>
      </c>
      <c r="AG20334">
        <v>85</v>
      </c>
      <c r="AH20334">
        <v>86</v>
      </c>
      <c r="AI20334">
        <v>87</v>
      </c>
      <c r="AJ20334">
        <v>89</v>
      </c>
      <c r="AK20334">
        <v>90</v>
      </c>
      <c r="AL20334">
        <v>90</v>
      </c>
      <c r="AM20334">
        <v>91</v>
      </c>
      <c r="AN20334">
        <v>91</v>
      </c>
      <c r="AO20334">
        <v>92</v>
      </c>
      <c r="AP20334">
        <v>92</v>
      </c>
      <c r="AQ20334">
        <v>93</v>
      </c>
    </row>
    <row r="20335" spans="1:43">
      <c r="A20335" t="s">
        <v>12591</v>
      </c>
      <c r="B20335" t="s">
        <v>12592</v>
      </c>
      <c r="C20335" t="s">
        <v>12593</v>
      </c>
      <c r="D20335" t="s">
        <v>12594</v>
      </c>
      <c r="E20335" t="s">
        <v>12580</v>
      </c>
      <c r="F20335" t="s">
        <v>12581</v>
      </c>
      <c r="G20335" t="s">
        <v>12582</v>
      </c>
      <c r="H20335" t="s">
        <v>12581</v>
      </c>
      <c r="I20335" s="2">
        <v>1</v>
      </c>
      <c r="J20335" s="2">
        <v>0</v>
      </c>
      <c r="K20335" s="2">
        <v>0</v>
      </c>
      <c r="L20335" t="s">
        <v>120</v>
      </c>
      <c r="M20335" t="s">
        <v>87</v>
      </c>
      <c r="N20335" t="s">
        <v>88</v>
      </c>
      <c r="O20335" t="s">
        <v>85</v>
      </c>
      <c r="P20335" t="s">
        <v>86</v>
      </c>
      <c r="Q20335">
        <v>67</v>
      </c>
      <c r="R20335">
        <v>68</v>
      </c>
      <c r="S20335">
        <v>68</v>
      </c>
      <c r="T20335">
        <v>69</v>
      </c>
      <c r="U20335">
        <v>69</v>
      </c>
      <c r="V20335">
        <v>70</v>
      </c>
      <c r="W20335">
        <v>70</v>
      </c>
      <c r="X20335">
        <v>71</v>
      </c>
      <c r="Y20335">
        <v>71</v>
      </c>
      <c r="Z20335">
        <v>72</v>
      </c>
      <c r="AA20335">
        <v>72</v>
      </c>
      <c r="AB20335">
        <v>73</v>
      </c>
      <c r="AC20335">
        <v>73</v>
      </c>
      <c r="AD20335">
        <v>74</v>
      </c>
      <c r="AE20335">
        <v>74</v>
      </c>
      <c r="AF20335">
        <v>75</v>
      </c>
      <c r="AG20335">
        <v>76</v>
      </c>
      <c r="AH20335">
        <v>76</v>
      </c>
      <c r="AI20335">
        <v>77</v>
      </c>
      <c r="AJ20335">
        <v>77</v>
      </c>
      <c r="AK20335">
        <v>78</v>
      </c>
      <c r="AL20335">
        <v>79</v>
      </c>
      <c r="AM20335">
        <v>79</v>
      </c>
      <c r="AN20335">
        <v>80</v>
      </c>
      <c r="AO20335">
        <v>80</v>
      </c>
      <c r="AP20335">
        <v>81</v>
      </c>
      <c r="AQ20335">
        <v>82</v>
      </c>
    </row>
    <row r="20336" spans="1:43">
      <c r="A20336" t="s">
        <v>12591</v>
      </c>
      <c r="B20336" t="s">
        <v>12592</v>
      </c>
      <c r="C20336" t="s">
        <v>12593</v>
      </c>
      <c r="D20336" t="s">
        <v>12594</v>
      </c>
      <c r="E20336" t="s">
        <v>12580</v>
      </c>
      <c r="F20336" t="s">
        <v>12581</v>
      </c>
      <c r="G20336" t="s">
        <v>12582</v>
      </c>
      <c r="H20336" t="s">
        <v>12581</v>
      </c>
      <c r="I20336" s="2">
        <v>1</v>
      </c>
      <c r="J20336" s="2">
        <v>0</v>
      </c>
      <c r="K20336" s="2">
        <v>0</v>
      </c>
      <c r="L20336" t="s">
        <v>120</v>
      </c>
      <c r="M20336" t="s">
        <v>89</v>
      </c>
      <c r="N20336" t="s">
        <v>90</v>
      </c>
      <c r="O20336" t="s">
        <v>85</v>
      </c>
      <c r="P20336" t="s">
        <v>86</v>
      </c>
      <c r="Q20336">
        <v>67</v>
      </c>
      <c r="R20336">
        <v>69</v>
      </c>
      <c r="S20336">
        <v>71</v>
      </c>
      <c r="T20336">
        <v>72</v>
      </c>
      <c r="U20336">
        <v>74</v>
      </c>
      <c r="V20336">
        <v>76</v>
      </c>
      <c r="W20336">
        <v>77</v>
      </c>
      <c r="X20336">
        <v>79</v>
      </c>
      <c r="Y20336">
        <v>80</v>
      </c>
      <c r="Z20336">
        <v>82</v>
      </c>
      <c r="AA20336">
        <v>83</v>
      </c>
      <c r="AB20336">
        <v>84</v>
      </c>
      <c r="AC20336">
        <v>86</v>
      </c>
      <c r="AD20336">
        <v>87</v>
      </c>
      <c r="AE20336">
        <v>88</v>
      </c>
      <c r="AF20336">
        <v>89</v>
      </c>
      <c r="AG20336">
        <v>89</v>
      </c>
      <c r="AH20336">
        <v>90</v>
      </c>
      <c r="AI20336">
        <v>90</v>
      </c>
      <c r="AJ20336">
        <v>91</v>
      </c>
      <c r="AK20336">
        <v>91</v>
      </c>
      <c r="AL20336">
        <v>92</v>
      </c>
      <c r="AM20336">
        <v>92</v>
      </c>
      <c r="AN20336">
        <v>93</v>
      </c>
      <c r="AO20336">
        <v>93</v>
      </c>
      <c r="AP20336">
        <v>94</v>
      </c>
      <c r="AQ20336">
        <v>94</v>
      </c>
    </row>
    <row r="20337" spans="1:43">
      <c r="A20337" t="s">
        <v>12591</v>
      </c>
      <c r="B20337" t="s">
        <v>12592</v>
      </c>
      <c r="C20337" t="s">
        <v>12593</v>
      </c>
      <c r="D20337" t="s">
        <v>12594</v>
      </c>
      <c r="E20337" t="s">
        <v>12580</v>
      </c>
      <c r="F20337" t="s">
        <v>12581</v>
      </c>
      <c r="G20337" t="s">
        <v>12582</v>
      </c>
      <c r="H20337" t="s">
        <v>12581</v>
      </c>
      <c r="I20337" s="2">
        <v>1</v>
      </c>
      <c r="J20337" s="2">
        <v>0</v>
      </c>
      <c r="K20337" s="2">
        <v>0</v>
      </c>
      <c r="L20337" t="s">
        <v>120</v>
      </c>
      <c r="M20337" t="s">
        <v>83</v>
      </c>
      <c r="N20337" t="s">
        <v>91</v>
      </c>
      <c r="O20337" t="s">
        <v>85</v>
      </c>
      <c r="P20337" t="s">
        <v>86</v>
      </c>
      <c r="Q20337">
        <v>67</v>
      </c>
      <c r="R20337">
        <v>68</v>
      </c>
      <c r="S20337">
        <v>69</v>
      </c>
      <c r="T20337">
        <v>70</v>
      </c>
      <c r="U20337">
        <v>71</v>
      </c>
      <c r="V20337">
        <v>72</v>
      </c>
      <c r="W20337">
        <v>74</v>
      </c>
      <c r="X20337">
        <v>75</v>
      </c>
      <c r="Y20337">
        <v>76</v>
      </c>
      <c r="Z20337">
        <v>77</v>
      </c>
      <c r="AA20337">
        <v>78</v>
      </c>
      <c r="AB20337">
        <v>79</v>
      </c>
      <c r="AC20337">
        <v>80</v>
      </c>
      <c r="AD20337">
        <v>81</v>
      </c>
      <c r="AE20337">
        <v>83</v>
      </c>
      <c r="AF20337">
        <v>84</v>
      </c>
      <c r="AG20337">
        <v>85</v>
      </c>
      <c r="AH20337">
        <v>86</v>
      </c>
      <c r="AI20337">
        <v>87</v>
      </c>
      <c r="AJ20337">
        <v>89</v>
      </c>
      <c r="AK20337">
        <v>90</v>
      </c>
      <c r="AL20337">
        <v>90</v>
      </c>
      <c r="AM20337">
        <v>91</v>
      </c>
      <c r="AN20337">
        <v>91</v>
      </c>
      <c r="AO20337">
        <v>92</v>
      </c>
      <c r="AP20337">
        <v>92</v>
      </c>
      <c r="AQ20337">
        <v>93</v>
      </c>
    </row>
    <row r="20338" spans="1:43">
      <c r="A20338" t="s">
        <v>12595</v>
      </c>
      <c r="B20338" t="s">
        <v>12596</v>
      </c>
      <c r="C20338" t="s">
        <v>12597</v>
      </c>
      <c r="D20338" t="s">
        <v>12598</v>
      </c>
      <c r="E20338" t="s">
        <v>12580</v>
      </c>
      <c r="F20338" t="s">
        <v>12581</v>
      </c>
      <c r="G20338" t="s">
        <v>12582</v>
      </c>
      <c r="H20338" t="s">
        <v>12581</v>
      </c>
      <c r="I20338" s="2">
        <v>1</v>
      </c>
      <c r="J20338" s="2">
        <v>0</v>
      </c>
      <c r="K20338" s="2">
        <v>0</v>
      </c>
      <c r="L20338" t="s">
        <v>120</v>
      </c>
      <c r="M20338" t="s">
        <v>83</v>
      </c>
      <c r="N20338" t="s">
        <v>84</v>
      </c>
      <c r="O20338" t="s">
        <v>85</v>
      </c>
      <c r="P20338" t="s">
        <v>86</v>
      </c>
      <c r="Q20338">
        <v>14</v>
      </c>
      <c r="R20338">
        <v>14</v>
      </c>
      <c r="S20338">
        <v>14</v>
      </c>
      <c r="T20338">
        <v>15</v>
      </c>
      <c r="U20338">
        <v>15</v>
      </c>
      <c r="V20338">
        <v>15</v>
      </c>
      <c r="W20338">
        <v>15</v>
      </c>
      <c r="X20338">
        <v>15</v>
      </c>
      <c r="Y20338">
        <v>16</v>
      </c>
      <c r="Z20338">
        <v>16</v>
      </c>
      <c r="AA20338">
        <v>16</v>
      </c>
      <c r="AB20338">
        <v>16</v>
      </c>
      <c r="AC20338">
        <v>17</v>
      </c>
      <c r="AD20338">
        <v>17</v>
      </c>
      <c r="AE20338">
        <v>17</v>
      </c>
      <c r="AF20338">
        <v>17</v>
      </c>
      <c r="AG20338">
        <v>18</v>
      </c>
      <c r="AH20338">
        <v>18</v>
      </c>
      <c r="AI20338">
        <v>18</v>
      </c>
      <c r="AJ20338">
        <v>18</v>
      </c>
      <c r="AK20338">
        <v>18</v>
      </c>
      <c r="AL20338">
        <v>19</v>
      </c>
      <c r="AM20338">
        <v>19</v>
      </c>
      <c r="AN20338">
        <v>19</v>
      </c>
      <c r="AO20338">
        <v>19</v>
      </c>
      <c r="AP20338">
        <v>19</v>
      </c>
      <c r="AQ20338">
        <v>19</v>
      </c>
    </row>
    <row r="20339" spans="1:43">
      <c r="A20339" t="s">
        <v>12595</v>
      </c>
      <c r="B20339" t="s">
        <v>12596</v>
      </c>
      <c r="C20339" t="s">
        <v>12597</v>
      </c>
      <c r="D20339" t="s">
        <v>12598</v>
      </c>
      <c r="E20339" t="s">
        <v>12580</v>
      </c>
      <c r="F20339" t="s">
        <v>12581</v>
      </c>
      <c r="G20339" t="s">
        <v>12582</v>
      </c>
      <c r="H20339" t="s">
        <v>12581</v>
      </c>
      <c r="I20339" s="2">
        <v>1</v>
      </c>
      <c r="J20339" s="2">
        <v>0</v>
      </c>
      <c r="K20339" s="2">
        <v>0</v>
      </c>
      <c r="L20339" t="s">
        <v>120</v>
      </c>
      <c r="M20339" t="s">
        <v>87</v>
      </c>
      <c r="N20339" t="s">
        <v>88</v>
      </c>
      <c r="O20339" t="s">
        <v>85</v>
      </c>
      <c r="P20339" t="s">
        <v>86</v>
      </c>
      <c r="Q20339">
        <v>14</v>
      </c>
      <c r="R20339">
        <v>14</v>
      </c>
      <c r="S20339">
        <v>14</v>
      </c>
      <c r="T20339">
        <v>14</v>
      </c>
      <c r="U20339">
        <v>14</v>
      </c>
      <c r="V20339">
        <v>14</v>
      </c>
      <c r="W20339">
        <v>14</v>
      </c>
      <c r="X20339">
        <v>14</v>
      </c>
      <c r="Y20339">
        <v>15</v>
      </c>
      <c r="Z20339">
        <v>15</v>
      </c>
      <c r="AA20339">
        <v>15</v>
      </c>
      <c r="AB20339">
        <v>15</v>
      </c>
      <c r="AC20339">
        <v>15</v>
      </c>
      <c r="AD20339">
        <v>15</v>
      </c>
      <c r="AE20339">
        <v>15</v>
      </c>
      <c r="AF20339">
        <v>15</v>
      </c>
      <c r="AG20339">
        <v>15</v>
      </c>
      <c r="AH20339">
        <v>15</v>
      </c>
      <c r="AI20339">
        <v>16</v>
      </c>
      <c r="AJ20339">
        <v>16</v>
      </c>
      <c r="AK20339">
        <v>16</v>
      </c>
      <c r="AL20339">
        <v>16</v>
      </c>
      <c r="AM20339">
        <v>16</v>
      </c>
      <c r="AN20339">
        <v>16</v>
      </c>
      <c r="AO20339">
        <v>16</v>
      </c>
      <c r="AP20339">
        <v>16</v>
      </c>
      <c r="AQ20339">
        <v>17</v>
      </c>
    </row>
    <row r="20340" spans="1:43">
      <c r="A20340" t="s">
        <v>12595</v>
      </c>
      <c r="B20340" t="s">
        <v>12596</v>
      </c>
      <c r="C20340" t="s">
        <v>12597</v>
      </c>
      <c r="D20340" t="s">
        <v>12598</v>
      </c>
      <c r="E20340" t="s">
        <v>12580</v>
      </c>
      <c r="F20340" t="s">
        <v>12581</v>
      </c>
      <c r="G20340" t="s">
        <v>12582</v>
      </c>
      <c r="H20340" t="s">
        <v>12581</v>
      </c>
      <c r="I20340" s="2">
        <v>1</v>
      </c>
      <c r="J20340" s="2">
        <v>0</v>
      </c>
      <c r="K20340" s="2">
        <v>0</v>
      </c>
      <c r="L20340" t="s">
        <v>120</v>
      </c>
      <c r="M20340" t="s">
        <v>89</v>
      </c>
      <c r="N20340" t="s">
        <v>90</v>
      </c>
      <c r="O20340" t="s">
        <v>85</v>
      </c>
      <c r="P20340" t="s">
        <v>86</v>
      </c>
      <c r="Q20340">
        <v>14</v>
      </c>
      <c r="R20340">
        <v>14</v>
      </c>
      <c r="S20340">
        <v>15</v>
      </c>
      <c r="T20340">
        <v>15</v>
      </c>
      <c r="U20340">
        <v>15</v>
      </c>
      <c r="V20340">
        <v>16</v>
      </c>
      <c r="W20340">
        <v>16</v>
      </c>
      <c r="X20340">
        <v>16</v>
      </c>
      <c r="Y20340">
        <v>17</v>
      </c>
      <c r="Z20340">
        <v>17</v>
      </c>
      <c r="AA20340">
        <v>17</v>
      </c>
      <c r="AB20340">
        <v>17</v>
      </c>
      <c r="AC20340">
        <v>18</v>
      </c>
      <c r="AD20340">
        <v>18</v>
      </c>
      <c r="AE20340">
        <v>18</v>
      </c>
      <c r="AF20340">
        <v>18</v>
      </c>
      <c r="AG20340">
        <v>18</v>
      </c>
      <c r="AH20340">
        <v>18</v>
      </c>
      <c r="AI20340">
        <v>19</v>
      </c>
      <c r="AJ20340">
        <v>19</v>
      </c>
      <c r="AK20340">
        <v>19</v>
      </c>
      <c r="AL20340">
        <v>19</v>
      </c>
      <c r="AM20340">
        <v>19</v>
      </c>
      <c r="AN20340">
        <v>19</v>
      </c>
      <c r="AO20340">
        <v>19</v>
      </c>
      <c r="AP20340">
        <v>19</v>
      </c>
      <c r="AQ20340">
        <v>19</v>
      </c>
    </row>
    <row r="20341" spans="1:43">
      <c r="A20341" t="s">
        <v>12595</v>
      </c>
      <c r="B20341" t="s">
        <v>12596</v>
      </c>
      <c r="C20341" t="s">
        <v>12597</v>
      </c>
      <c r="D20341" t="s">
        <v>12598</v>
      </c>
      <c r="E20341" t="s">
        <v>12580</v>
      </c>
      <c r="F20341" t="s">
        <v>12581</v>
      </c>
      <c r="G20341" t="s">
        <v>12582</v>
      </c>
      <c r="H20341" t="s">
        <v>12581</v>
      </c>
      <c r="I20341" s="2">
        <v>1</v>
      </c>
      <c r="J20341" s="2">
        <v>0</v>
      </c>
      <c r="K20341" s="2">
        <v>0</v>
      </c>
      <c r="L20341" t="s">
        <v>120</v>
      </c>
      <c r="M20341" t="s">
        <v>83</v>
      </c>
      <c r="N20341" t="s">
        <v>91</v>
      </c>
      <c r="O20341" t="s">
        <v>85</v>
      </c>
      <c r="P20341" t="s">
        <v>86</v>
      </c>
      <c r="Q20341">
        <v>14</v>
      </c>
      <c r="R20341">
        <v>14</v>
      </c>
      <c r="S20341">
        <v>14</v>
      </c>
      <c r="T20341">
        <v>15</v>
      </c>
      <c r="U20341">
        <v>15</v>
      </c>
      <c r="V20341">
        <v>15</v>
      </c>
      <c r="W20341">
        <v>15</v>
      </c>
      <c r="X20341">
        <v>15</v>
      </c>
      <c r="Y20341">
        <v>16</v>
      </c>
      <c r="Z20341">
        <v>16</v>
      </c>
      <c r="AA20341">
        <v>16</v>
      </c>
      <c r="AB20341">
        <v>16</v>
      </c>
      <c r="AC20341">
        <v>17</v>
      </c>
      <c r="AD20341">
        <v>17</v>
      </c>
      <c r="AE20341">
        <v>17</v>
      </c>
      <c r="AF20341">
        <v>17</v>
      </c>
      <c r="AG20341">
        <v>18</v>
      </c>
      <c r="AH20341">
        <v>18</v>
      </c>
      <c r="AI20341">
        <v>18</v>
      </c>
      <c r="AJ20341">
        <v>18</v>
      </c>
      <c r="AK20341">
        <v>18</v>
      </c>
      <c r="AL20341">
        <v>19</v>
      </c>
      <c r="AM20341">
        <v>19</v>
      </c>
      <c r="AN20341">
        <v>19</v>
      </c>
      <c r="AO20341">
        <v>19</v>
      </c>
      <c r="AP20341">
        <v>19</v>
      </c>
      <c r="AQ20341">
        <v>19</v>
      </c>
    </row>
    <row r="20342" spans="1:43">
      <c r="A20342" t="s">
        <v>12599</v>
      </c>
      <c r="B20342" t="s">
        <v>12600</v>
      </c>
      <c r="C20342" t="s">
        <v>12597</v>
      </c>
      <c r="D20342" t="s">
        <v>12598</v>
      </c>
      <c r="E20342" t="s">
        <v>12580</v>
      </c>
      <c r="F20342" t="s">
        <v>12581</v>
      </c>
      <c r="G20342" t="s">
        <v>12582</v>
      </c>
      <c r="H20342" t="s">
        <v>12581</v>
      </c>
      <c r="I20342" s="2">
        <v>1</v>
      </c>
      <c r="J20342" s="2">
        <v>0</v>
      </c>
      <c r="K20342" s="2">
        <v>0</v>
      </c>
      <c r="L20342" t="s">
        <v>120</v>
      </c>
      <c r="M20342" t="s">
        <v>83</v>
      </c>
      <c r="N20342" t="s">
        <v>84</v>
      </c>
      <c r="O20342" t="s">
        <v>85</v>
      </c>
      <c r="P20342" t="s">
        <v>86</v>
      </c>
      <c r="Q20342">
        <v>4</v>
      </c>
      <c r="R20342">
        <v>4</v>
      </c>
      <c r="S20342">
        <v>4</v>
      </c>
      <c r="T20342">
        <v>4</v>
      </c>
      <c r="U20342">
        <v>4</v>
      </c>
      <c r="V20342">
        <v>4</v>
      </c>
      <c r="W20342">
        <v>4</v>
      </c>
      <c r="X20342">
        <v>4</v>
      </c>
      <c r="Y20342">
        <v>4</v>
      </c>
      <c r="Z20342">
        <v>4</v>
      </c>
      <c r="AA20342">
        <v>4</v>
      </c>
      <c r="AB20342">
        <v>5</v>
      </c>
      <c r="AC20342">
        <v>5</v>
      </c>
      <c r="AD20342">
        <v>5</v>
      </c>
      <c r="AE20342">
        <v>5</v>
      </c>
      <c r="AF20342">
        <v>5</v>
      </c>
      <c r="AG20342">
        <v>5</v>
      </c>
      <c r="AH20342">
        <v>5</v>
      </c>
      <c r="AI20342">
        <v>5</v>
      </c>
      <c r="AJ20342">
        <v>5</v>
      </c>
      <c r="AK20342">
        <v>5</v>
      </c>
      <c r="AL20342">
        <v>5</v>
      </c>
      <c r="AM20342">
        <v>5</v>
      </c>
      <c r="AN20342">
        <v>5</v>
      </c>
      <c r="AO20342">
        <v>5</v>
      </c>
      <c r="AP20342">
        <v>5</v>
      </c>
      <c r="AQ20342">
        <v>5</v>
      </c>
    </row>
    <row r="20343" spans="1:43">
      <c r="A20343" t="s">
        <v>12599</v>
      </c>
      <c r="B20343" t="s">
        <v>12600</v>
      </c>
      <c r="C20343" t="s">
        <v>12597</v>
      </c>
      <c r="D20343" t="s">
        <v>12598</v>
      </c>
      <c r="E20343" t="s">
        <v>12580</v>
      </c>
      <c r="F20343" t="s">
        <v>12581</v>
      </c>
      <c r="G20343" t="s">
        <v>12582</v>
      </c>
      <c r="H20343" t="s">
        <v>12581</v>
      </c>
      <c r="I20343" s="2">
        <v>1</v>
      </c>
      <c r="J20343" s="2">
        <v>0</v>
      </c>
      <c r="K20343" s="2">
        <v>0</v>
      </c>
      <c r="L20343" t="s">
        <v>120</v>
      </c>
      <c r="M20343" t="s">
        <v>87</v>
      </c>
      <c r="N20343" t="s">
        <v>88</v>
      </c>
      <c r="O20343" t="s">
        <v>85</v>
      </c>
      <c r="P20343" t="s">
        <v>86</v>
      </c>
      <c r="Q20343">
        <v>4</v>
      </c>
      <c r="R20343">
        <v>4</v>
      </c>
      <c r="S20343">
        <v>4</v>
      </c>
      <c r="T20343">
        <v>4</v>
      </c>
      <c r="U20343">
        <v>4</v>
      </c>
      <c r="V20343">
        <v>4</v>
      </c>
      <c r="W20343">
        <v>4</v>
      </c>
      <c r="X20343">
        <v>4</v>
      </c>
      <c r="Y20343">
        <v>4</v>
      </c>
      <c r="Z20343">
        <v>4</v>
      </c>
      <c r="AA20343">
        <v>4</v>
      </c>
      <c r="AB20343">
        <v>4</v>
      </c>
      <c r="AC20343">
        <v>4</v>
      </c>
      <c r="AD20343">
        <v>4</v>
      </c>
      <c r="AE20343">
        <v>4</v>
      </c>
      <c r="AF20343">
        <v>4</v>
      </c>
      <c r="AG20343">
        <v>4</v>
      </c>
      <c r="AH20343">
        <v>4</v>
      </c>
      <c r="AI20343">
        <v>4</v>
      </c>
      <c r="AJ20343">
        <v>4</v>
      </c>
      <c r="AK20343">
        <v>4</v>
      </c>
      <c r="AL20343">
        <v>4</v>
      </c>
      <c r="AM20343">
        <v>4</v>
      </c>
      <c r="AN20343">
        <v>5</v>
      </c>
      <c r="AO20343">
        <v>5</v>
      </c>
      <c r="AP20343">
        <v>5</v>
      </c>
      <c r="AQ20343">
        <v>5</v>
      </c>
    </row>
    <row r="20344" spans="1:43">
      <c r="A20344" t="s">
        <v>12599</v>
      </c>
      <c r="B20344" t="s">
        <v>12600</v>
      </c>
      <c r="C20344" t="s">
        <v>12597</v>
      </c>
      <c r="D20344" t="s">
        <v>12598</v>
      </c>
      <c r="E20344" t="s">
        <v>12580</v>
      </c>
      <c r="F20344" t="s">
        <v>12581</v>
      </c>
      <c r="G20344" t="s">
        <v>12582</v>
      </c>
      <c r="H20344" t="s">
        <v>12581</v>
      </c>
      <c r="I20344" s="2">
        <v>1</v>
      </c>
      <c r="J20344" s="2">
        <v>0</v>
      </c>
      <c r="K20344" s="2">
        <v>0</v>
      </c>
      <c r="L20344" t="s">
        <v>120</v>
      </c>
      <c r="M20344" t="s">
        <v>89</v>
      </c>
      <c r="N20344" t="s">
        <v>90</v>
      </c>
      <c r="O20344" t="s">
        <v>85</v>
      </c>
      <c r="P20344" t="s">
        <v>86</v>
      </c>
      <c r="Q20344">
        <v>4</v>
      </c>
      <c r="R20344">
        <v>4</v>
      </c>
      <c r="S20344">
        <v>4</v>
      </c>
      <c r="T20344">
        <v>4</v>
      </c>
      <c r="U20344">
        <v>4</v>
      </c>
      <c r="V20344">
        <v>4</v>
      </c>
      <c r="W20344">
        <v>4</v>
      </c>
      <c r="X20344">
        <v>5</v>
      </c>
      <c r="Y20344">
        <v>5</v>
      </c>
      <c r="Z20344">
        <v>5</v>
      </c>
      <c r="AA20344">
        <v>5</v>
      </c>
      <c r="AB20344">
        <v>5</v>
      </c>
      <c r="AC20344">
        <v>5</v>
      </c>
      <c r="AD20344">
        <v>5</v>
      </c>
      <c r="AE20344">
        <v>5</v>
      </c>
      <c r="AF20344">
        <v>5</v>
      </c>
      <c r="AG20344">
        <v>5</v>
      </c>
      <c r="AH20344">
        <v>5</v>
      </c>
      <c r="AI20344">
        <v>5</v>
      </c>
      <c r="AJ20344">
        <v>5</v>
      </c>
      <c r="AK20344">
        <v>5</v>
      </c>
      <c r="AL20344">
        <v>5</v>
      </c>
      <c r="AM20344">
        <v>5</v>
      </c>
      <c r="AN20344">
        <v>5</v>
      </c>
      <c r="AO20344">
        <v>5</v>
      </c>
      <c r="AP20344">
        <v>5</v>
      </c>
      <c r="AQ20344">
        <v>5</v>
      </c>
    </row>
    <row r="20345" spans="1:43">
      <c r="A20345" t="s">
        <v>12599</v>
      </c>
      <c r="B20345" t="s">
        <v>12600</v>
      </c>
      <c r="C20345" t="s">
        <v>12597</v>
      </c>
      <c r="D20345" t="s">
        <v>12598</v>
      </c>
      <c r="E20345" t="s">
        <v>12580</v>
      </c>
      <c r="F20345" t="s">
        <v>12581</v>
      </c>
      <c r="G20345" t="s">
        <v>12582</v>
      </c>
      <c r="H20345" t="s">
        <v>12581</v>
      </c>
      <c r="I20345" s="2">
        <v>1</v>
      </c>
      <c r="J20345" s="2">
        <v>0</v>
      </c>
      <c r="K20345" s="2">
        <v>0</v>
      </c>
      <c r="L20345" t="s">
        <v>120</v>
      </c>
      <c r="M20345" t="s">
        <v>83</v>
      </c>
      <c r="N20345" t="s">
        <v>91</v>
      </c>
      <c r="O20345" t="s">
        <v>85</v>
      </c>
      <c r="P20345" t="s">
        <v>86</v>
      </c>
      <c r="Q20345">
        <v>4</v>
      </c>
      <c r="R20345">
        <v>4</v>
      </c>
      <c r="S20345">
        <v>4</v>
      </c>
      <c r="T20345">
        <v>4</v>
      </c>
      <c r="U20345">
        <v>4</v>
      </c>
      <c r="V20345">
        <v>4</v>
      </c>
      <c r="W20345">
        <v>4</v>
      </c>
      <c r="X20345">
        <v>4</v>
      </c>
      <c r="Y20345">
        <v>4</v>
      </c>
      <c r="Z20345">
        <v>4</v>
      </c>
      <c r="AA20345">
        <v>4</v>
      </c>
      <c r="AB20345">
        <v>5</v>
      </c>
      <c r="AC20345">
        <v>5</v>
      </c>
      <c r="AD20345">
        <v>5</v>
      </c>
      <c r="AE20345">
        <v>5</v>
      </c>
      <c r="AF20345">
        <v>5</v>
      </c>
      <c r="AG20345">
        <v>5</v>
      </c>
      <c r="AH20345">
        <v>5</v>
      </c>
      <c r="AI20345">
        <v>5</v>
      </c>
      <c r="AJ20345">
        <v>5</v>
      </c>
      <c r="AK20345">
        <v>5</v>
      </c>
      <c r="AL20345">
        <v>5</v>
      </c>
      <c r="AM20345">
        <v>5</v>
      </c>
      <c r="AN20345">
        <v>5</v>
      </c>
      <c r="AO20345">
        <v>5</v>
      </c>
      <c r="AP20345">
        <v>5</v>
      </c>
      <c r="AQ20345">
        <v>5</v>
      </c>
    </row>
    <row r="20346" spans="1:43">
      <c r="A20346" t="s">
        <v>12601</v>
      </c>
      <c r="B20346" t="s">
        <v>12602</v>
      </c>
      <c r="C20346" t="s">
        <v>12597</v>
      </c>
      <c r="D20346" t="s">
        <v>12598</v>
      </c>
      <c r="E20346" t="s">
        <v>12580</v>
      </c>
      <c r="F20346" t="s">
        <v>12581</v>
      </c>
      <c r="G20346" t="s">
        <v>12582</v>
      </c>
      <c r="H20346" t="s">
        <v>12581</v>
      </c>
      <c r="I20346" s="2">
        <v>1</v>
      </c>
      <c r="J20346" s="2">
        <v>0</v>
      </c>
      <c r="K20346" s="2">
        <v>0</v>
      </c>
      <c r="L20346" t="s">
        <v>120</v>
      </c>
      <c r="M20346" t="s">
        <v>83</v>
      </c>
      <c r="N20346" t="s">
        <v>84</v>
      </c>
      <c r="O20346" t="s">
        <v>85</v>
      </c>
      <c r="P20346" t="s">
        <v>86</v>
      </c>
      <c r="Q20346">
        <v>21</v>
      </c>
      <c r="R20346">
        <v>22</v>
      </c>
      <c r="S20346">
        <v>22</v>
      </c>
      <c r="T20346">
        <v>22</v>
      </c>
      <c r="U20346">
        <v>23</v>
      </c>
      <c r="V20346">
        <v>23</v>
      </c>
      <c r="W20346">
        <v>23</v>
      </c>
      <c r="X20346">
        <v>24</v>
      </c>
      <c r="Y20346">
        <v>24</v>
      </c>
      <c r="Z20346">
        <v>24</v>
      </c>
      <c r="AA20346">
        <v>25</v>
      </c>
      <c r="AB20346">
        <v>25</v>
      </c>
      <c r="AC20346">
        <v>25</v>
      </c>
      <c r="AD20346">
        <v>26</v>
      </c>
      <c r="AE20346">
        <v>26</v>
      </c>
      <c r="AF20346">
        <v>27</v>
      </c>
      <c r="AG20346">
        <v>27</v>
      </c>
      <c r="AH20346">
        <v>27</v>
      </c>
      <c r="AI20346">
        <v>28</v>
      </c>
      <c r="AJ20346">
        <v>28</v>
      </c>
      <c r="AK20346">
        <v>28</v>
      </c>
      <c r="AL20346">
        <v>29</v>
      </c>
      <c r="AM20346">
        <v>29</v>
      </c>
      <c r="AN20346">
        <v>29</v>
      </c>
      <c r="AO20346">
        <v>29</v>
      </c>
      <c r="AP20346">
        <v>29</v>
      </c>
      <c r="AQ20346">
        <v>29</v>
      </c>
    </row>
    <row r="20347" spans="1:43">
      <c r="A20347" t="s">
        <v>12601</v>
      </c>
      <c r="B20347" t="s">
        <v>12602</v>
      </c>
      <c r="C20347" t="s">
        <v>12597</v>
      </c>
      <c r="D20347" t="s">
        <v>12598</v>
      </c>
      <c r="E20347" t="s">
        <v>12580</v>
      </c>
      <c r="F20347" t="s">
        <v>12581</v>
      </c>
      <c r="G20347" t="s">
        <v>12582</v>
      </c>
      <c r="H20347" t="s">
        <v>12581</v>
      </c>
      <c r="I20347" s="2">
        <v>1</v>
      </c>
      <c r="J20347" s="2">
        <v>0</v>
      </c>
      <c r="K20347" s="2">
        <v>0</v>
      </c>
      <c r="L20347" t="s">
        <v>120</v>
      </c>
      <c r="M20347" t="s">
        <v>87</v>
      </c>
      <c r="N20347" t="s">
        <v>88</v>
      </c>
      <c r="O20347" t="s">
        <v>85</v>
      </c>
      <c r="P20347" t="s">
        <v>86</v>
      </c>
      <c r="Q20347">
        <v>21</v>
      </c>
      <c r="R20347">
        <v>21</v>
      </c>
      <c r="S20347">
        <v>21</v>
      </c>
      <c r="T20347">
        <v>22</v>
      </c>
      <c r="U20347">
        <v>22</v>
      </c>
      <c r="V20347">
        <v>22</v>
      </c>
      <c r="W20347">
        <v>22</v>
      </c>
      <c r="X20347">
        <v>22</v>
      </c>
      <c r="Y20347">
        <v>22</v>
      </c>
      <c r="Z20347">
        <v>22</v>
      </c>
      <c r="AA20347">
        <v>23</v>
      </c>
      <c r="AB20347">
        <v>23</v>
      </c>
      <c r="AC20347">
        <v>23</v>
      </c>
      <c r="AD20347">
        <v>23</v>
      </c>
      <c r="AE20347">
        <v>23</v>
      </c>
      <c r="AF20347">
        <v>23</v>
      </c>
      <c r="AG20347">
        <v>24</v>
      </c>
      <c r="AH20347">
        <v>24</v>
      </c>
      <c r="AI20347">
        <v>24</v>
      </c>
      <c r="AJ20347">
        <v>24</v>
      </c>
      <c r="AK20347">
        <v>24</v>
      </c>
      <c r="AL20347">
        <v>25</v>
      </c>
      <c r="AM20347">
        <v>25</v>
      </c>
      <c r="AN20347">
        <v>25</v>
      </c>
      <c r="AO20347">
        <v>25</v>
      </c>
      <c r="AP20347">
        <v>25</v>
      </c>
      <c r="AQ20347">
        <v>26</v>
      </c>
    </row>
    <row r="20348" spans="1:43">
      <c r="A20348" t="s">
        <v>12601</v>
      </c>
      <c r="B20348" t="s">
        <v>12602</v>
      </c>
      <c r="C20348" t="s">
        <v>12597</v>
      </c>
      <c r="D20348" t="s">
        <v>12598</v>
      </c>
      <c r="E20348" t="s">
        <v>12580</v>
      </c>
      <c r="F20348" t="s">
        <v>12581</v>
      </c>
      <c r="G20348" t="s">
        <v>12582</v>
      </c>
      <c r="H20348" t="s">
        <v>12581</v>
      </c>
      <c r="I20348" s="2">
        <v>1</v>
      </c>
      <c r="J20348" s="2">
        <v>0</v>
      </c>
      <c r="K20348" s="2">
        <v>0</v>
      </c>
      <c r="L20348" t="s">
        <v>120</v>
      </c>
      <c r="M20348" t="s">
        <v>89</v>
      </c>
      <c r="N20348" t="s">
        <v>90</v>
      </c>
      <c r="O20348" t="s">
        <v>85</v>
      </c>
      <c r="P20348" t="s">
        <v>86</v>
      </c>
      <c r="Q20348">
        <v>21</v>
      </c>
      <c r="R20348">
        <v>22</v>
      </c>
      <c r="S20348">
        <v>23</v>
      </c>
      <c r="T20348">
        <v>23</v>
      </c>
      <c r="U20348">
        <v>24</v>
      </c>
      <c r="V20348">
        <v>24</v>
      </c>
      <c r="W20348">
        <v>25</v>
      </c>
      <c r="X20348">
        <v>25</v>
      </c>
      <c r="Y20348">
        <v>25</v>
      </c>
      <c r="Z20348">
        <v>26</v>
      </c>
      <c r="AA20348">
        <v>26</v>
      </c>
      <c r="AB20348">
        <v>27</v>
      </c>
      <c r="AC20348">
        <v>27</v>
      </c>
      <c r="AD20348">
        <v>28</v>
      </c>
      <c r="AE20348">
        <v>28</v>
      </c>
      <c r="AF20348">
        <v>28</v>
      </c>
      <c r="AG20348">
        <v>28</v>
      </c>
      <c r="AH20348">
        <v>28</v>
      </c>
      <c r="AI20348">
        <v>28</v>
      </c>
      <c r="AJ20348">
        <v>29</v>
      </c>
      <c r="AK20348">
        <v>29</v>
      </c>
      <c r="AL20348">
        <v>29</v>
      </c>
      <c r="AM20348">
        <v>29</v>
      </c>
      <c r="AN20348">
        <v>29</v>
      </c>
      <c r="AO20348">
        <v>29</v>
      </c>
      <c r="AP20348">
        <v>29</v>
      </c>
      <c r="AQ20348">
        <v>29</v>
      </c>
    </row>
    <row r="20349" spans="1:43">
      <c r="A20349" t="s">
        <v>12601</v>
      </c>
      <c r="B20349" t="s">
        <v>12602</v>
      </c>
      <c r="C20349" t="s">
        <v>12597</v>
      </c>
      <c r="D20349" t="s">
        <v>12598</v>
      </c>
      <c r="E20349" t="s">
        <v>12580</v>
      </c>
      <c r="F20349" t="s">
        <v>12581</v>
      </c>
      <c r="G20349" t="s">
        <v>12582</v>
      </c>
      <c r="H20349" t="s">
        <v>12581</v>
      </c>
      <c r="I20349" s="2">
        <v>1</v>
      </c>
      <c r="J20349" s="2">
        <v>0</v>
      </c>
      <c r="K20349" s="2">
        <v>0</v>
      </c>
      <c r="L20349" t="s">
        <v>120</v>
      </c>
      <c r="M20349" t="s">
        <v>83</v>
      </c>
      <c r="N20349" t="s">
        <v>91</v>
      </c>
      <c r="O20349" t="s">
        <v>85</v>
      </c>
      <c r="P20349" t="s">
        <v>86</v>
      </c>
      <c r="Q20349">
        <v>21</v>
      </c>
      <c r="R20349">
        <v>22</v>
      </c>
      <c r="S20349">
        <v>22</v>
      </c>
      <c r="T20349">
        <v>22</v>
      </c>
      <c r="U20349">
        <v>23</v>
      </c>
      <c r="V20349">
        <v>23</v>
      </c>
      <c r="W20349">
        <v>23</v>
      </c>
      <c r="X20349">
        <v>24</v>
      </c>
      <c r="Y20349">
        <v>24</v>
      </c>
      <c r="Z20349">
        <v>24</v>
      </c>
      <c r="AA20349">
        <v>25</v>
      </c>
      <c r="AB20349">
        <v>25</v>
      </c>
      <c r="AC20349">
        <v>25</v>
      </c>
      <c r="AD20349">
        <v>26</v>
      </c>
      <c r="AE20349">
        <v>26</v>
      </c>
      <c r="AF20349">
        <v>27</v>
      </c>
      <c r="AG20349">
        <v>27</v>
      </c>
      <c r="AH20349">
        <v>27</v>
      </c>
      <c r="AI20349">
        <v>28</v>
      </c>
      <c r="AJ20349">
        <v>28</v>
      </c>
      <c r="AK20349">
        <v>28</v>
      </c>
      <c r="AL20349">
        <v>29</v>
      </c>
      <c r="AM20349">
        <v>29</v>
      </c>
      <c r="AN20349">
        <v>29</v>
      </c>
      <c r="AO20349">
        <v>29</v>
      </c>
      <c r="AP20349">
        <v>29</v>
      </c>
      <c r="AQ20349">
        <v>29</v>
      </c>
    </row>
    <row r="20350" spans="1:43">
      <c r="A20350" t="s">
        <v>12603</v>
      </c>
      <c r="B20350" t="s">
        <v>12604</v>
      </c>
      <c r="C20350" t="s">
        <v>12597</v>
      </c>
      <c r="D20350" t="s">
        <v>12598</v>
      </c>
      <c r="E20350" t="s">
        <v>12580</v>
      </c>
      <c r="F20350" t="s">
        <v>12581</v>
      </c>
      <c r="G20350" t="s">
        <v>12582</v>
      </c>
      <c r="H20350" t="s">
        <v>12581</v>
      </c>
      <c r="I20350" s="2">
        <v>1</v>
      </c>
      <c r="J20350" s="2">
        <v>0</v>
      </c>
      <c r="K20350" s="2">
        <v>0</v>
      </c>
      <c r="L20350" t="s">
        <v>120</v>
      </c>
      <c r="M20350" t="s">
        <v>83</v>
      </c>
      <c r="N20350" t="s">
        <v>84</v>
      </c>
      <c r="O20350" t="s">
        <v>85</v>
      </c>
      <c r="P20350" t="s">
        <v>86</v>
      </c>
      <c r="Q20350">
        <v>11</v>
      </c>
      <c r="R20350">
        <v>11</v>
      </c>
      <c r="S20350">
        <v>11</v>
      </c>
      <c r="T20350">
        <v>12</v>
      </c>
      <c r="U20350">
        <v>12</v>
      </c>
      <c r="V20350">
        <v>12</v>
      </c>
      <c r="W20350">
        <v>12</v>
      </c>
      <c r="X20350">
        <v>12</v>
      </c>
      <c r="Y20350">
        <v>13</v>
      </c>
      <c r="Z20350">
        <v>13</v>
      </c>
      <c r="AA20350">
        <v>13</v>
      </c>
      <c r="AB20350">
        <v>13</v>
      </c>
      <c r="AC20350">
        <v>13</v>
      </c>
      <c r="AD20350">
        <v>13</v>
      </c>
      <c r="AE20350">
        <v>14</v>
      </c>
      <c r="AF20350">
        <v>14</v>
      </c>
      <c r="AG20350">
        <v>14</v>
      </c>
      <c r="AH20350">
        <v>14</v>
      </c>
      <c r="AI20350">
        <v>14</v>
      </c>
      <c r="AJ20350">
        <v>15</v>
      </c>
      <c r="AK20350">
        <v>15</v>
      </c>
      <c r="AL20350">
        <v>15</v>
      </c>
      <c r="AM20350">
        <v>15</v>
      </c>
      <c r="AN20350">
        <v>15</v>
      </c>
      <c r="AO20350">
        <v>15</v>
      </c>
      <c r="AP20350">
        <v>15</v>
      </c>
      <c r="AQ20350">
        <v>15</v>
      </c>
    </row>
    <row r="20351" spans="1:43">
      <c r="A20351" t="s">
        <v>12603</v>
      </c>
      <c r="B20351" t="s">
        <v>12604</v>
      </c>
      <c r="C20351" t="s">
        <v>12597</v>
      </c>
      <c r="D20351" t="s">
        <v>12598</v>
      </c>
      <c r="E20351" t="s">
        <v>12580</v>
      </c>
      <c r="F20351" t="s">
        <v>12581</v>
      </c>
      <c r="G20351" t="s">
        <v>12582</v>
      </c>
      <c r="H20351" t="s">
        <v>12581</v>
      </c>
      <c r="I20351" s="2">
        <v>1</v>
      </c>
      <c r="J20351" s="2">
        <v>0</v>
      </c>
      <c r="K20351" s="2">
        <v>0</v>
      </c>
      <c r="L20351" t="s">
        <v>120</v>
      </c>
      <c r="M20351" t="s">
        <v>87</v>
      </c>
      <c r="N20351" t="s">
        <v>88</v>
      </c>
      <c r="O20351" t="s">
        <v>85</v>
      </c>
      <c r="P20351" t="s">
        <v>86</v>
      </c>
      <c r="Q20351">
        <v>11</v>
      </c>
      <c r="R20351">
        <v>11</v>
      </c>
      <c r="S20351">
        <v>11</v>
      </c>
      <c r="T20351">
        <v>11</v>
      </c>
      <c r="U20351">
        <v>11</v>
      </c>
      <c r="V20351">
        <v>11</v>
      </c>
      <c r="W20351">
        <v>11</v>
      </c>
      <c r="X20351">
        <v>12</v>
      </c>
      <c r="Y20351">
        <v>12</v>
      </c>
      <c r="Z20351">
        <v>12</v>
      </c>
      <c r="AA20351">
        <v>12</v>
      </c>
      <c r="AB20351">
        <v>12</v>
      </c>
      <c r="AC20351">
        <v>12</v>
      </c>
      <c r="AD20351">
        <v>12</v>
      </c>
      <c r="AE20351">
        <v>12</v>
      </c>
      <c r="AF20351">
        <v>12</v>
      </c>
      <c r="AG20351">
        <v>12</v>
      </c>
      <c r="AH20351">
        <v>12</v>
      </c>
      <c r="AI20351">
        <v>13</v>
      </c>
      <c r="AJ20351">
        <v>13</v>
      </c>
      <c r="AK20351">
        <v>13</v>
      </c>
      <c r="AL20351">
        <v>13</v>
      </c>
      <c r="AM20351">
        <v>13</v>
      </c>
      <c r="AN20351">
        <v>13</v>
      </c>
      <c r="AO20351">
        <v>13</v>
      </c>
      <c r="AP20351">
        <v>13</v>
      </c>
      <c r="AQ20351">
        <v>13</v>
      </c>
    </row>
    <row r="20352" spans="1:43">
      <c r="A20352" t="s">
        <v>12603</v>
      </c>
      <c r="B20352" t="s">
        <v>12604</v>
      </c>
      <c r="C20352" t="s">
        <v>12597</v>
      </c>
      <c r="D20352" t="s">
        <v>12598</v>
      </c>
      <c r="E20352" t="s">
        <v>12580</v>
      </c>
      <c r="F20352" t="s">
        <v>12581</v>
      </c>
      <c r="G20352" t="s">
        <v>12582</v>
      </c>
      <c r="H20352" t="s">
        <v>12581</v>
      </c>
      <c r="I20352" s="2">
        <v>1</v>
      </c>
      <c r="J20352" s="2">
        <v>0</v>
      </c>
      <c r="K20352" s="2">
        <v>0</v>
      </c>
      <c r="L20352" t="s">
        <v>120</v>
      </c>
      <c r="M20352" t="s">
        <v>89</v>
      </c>
      <c r="N20352" t="s">
        <v>90</v>
      </c>
      <c r="O20352" t="s">
        <v>85</v>
      </c>
      <c r="P20352" t="s">
        <v>86</v>
      </c>
      <c r="Q20352">
        <v>11</v>
      </c>
      <c r="R20352">
        <v>11</v>
      </c>
      <c r="S20352">
        <v>12</v>
      </c>
      <c r="T20352">
        <v>12</v>
      </c>
      <c r="U20352">
        <v>12</v>
      </c>
      <c r="V20352">
        <v>13</v>
      </c>
      <c r="W20352">
        <v>13</v>
      </c>
      <c r="X20352">
        <v>13</v>
      </c>
      <c r="Y20352">
        <v>13</v>
      </c>
      <c r="Z20352">
        <v>13</v>
      </c>
      <c r="AA20352">
        <v>14</v>
      </c>
      <c r="AB20352">
        <v>14</v>
      </c>
      <c r="AC20352">
        <v>14</v>
      </c>
      <c r="AD20352">
        <v>14</v>
      </c>
      <c r="AE20352">
        <v>15</v>
      </c>
      <c r="AF20352">
        <v>15</v>
      </c>
      <c r="AG20352">
        <v>15</v>
      </c>
      <c r="AH20352">
        <v>15</v>
      </c>
      <c r="AI20352">
        <v>15</v>
      </c>
      <c r="AJ20352">
        <v>15</v>
      </c>
      <c r="AK20352">
        <v>15</v>
      </c>
      <c r="AL20352">
        <v>15</v>
      </c>
      <c r="AM20352">
        <v>15</v>
      </c>
      <c r="AN20352">
        <v>15</v>
      </c>
      <c r="AO20352">
        <v>15</v>
      </c>
      <c r="AP20352">
        <v>15</v>
      </c>
      <c r="AQ20352">
        <v>15</v>
      </c>
    </row>
    <row r="20353" spans="1:43">
      <c r="A20353" t="s">
        <v>12603</v>
      </c>
      <c r="B20353" t="s">
        <v>12604</v>
      </c>
      <c r="C20353" t="s">
        <v>12597</v>
      </c>
      <c r="D20353" t="s">
        <v>12598</v>
      </c>
      <c r="E20353" t="s">
        <v>12580</v>
      </c>
      <c r="F20353" t="s">
        <v>12581</v>
      </c>
      <c r="G20353" t="s">
        <v>12582</v>
      </c>
      <c r="H20353" t="s">
        <v>12581</v>
      </c>
      <c r="I20353" s="2">
        <v>1</v>
      </c>
      <c r="J20353" s="2">
        <v>0</v>
      </c>
      <c r="K20353" s="2">
        <v>0</v>
      </c>
      <c r="L20353" t="s">
        <v>120</v>
      </c>
      <c r="M20353" t="s">
        <v>83</v>
      </c>
      <c r="N20353" t="s">
        <v>91</v>
      </c>
      <c r="O20353" t="s">
        <v>85</v>
      </c>
      <c r="P20353" t="s">
        <v>86</v>
      </c>
      <c r="Q20353">
        <v>11</v>
      </c>
      <c r="R20353">
        <v>11</v>
      </c>
      <c r="S20353">
        <v>11</v>
      </c>
      <c r="T20353">
        <v>12</v>
      </c>
      <c r="U20353">
        <v>12</v>
      </c>
      <c r="V20353">
        <v>12</v>
      </c>
      <c r="W20353">
        <v>12</v>
      </c>
      <c r="X20353">
        <v>12</v>
      </c>
      <c r="Y20353">
        <v>13</v>
      </c>
      <c r="Z20353">
        <v>13</v>
      </c>
      <c r="AA20353">
        <v>13</v>
      </c>
      <c r="AB20353">
        <v>13</v>
      </c>
      <c r="AC20353">
        <v>13</v>
      </c>
      <c r="AD20353">
        <v>13</v>
      </c>
      <c r="AE20353">
        <v>14</v>
      </c>
      <c r="AF20353">
        <v>14</v>
      </c>
      <c r="AG20353">
        <v>14</v>
      </c>
      <c r="AH20353">
        <v>14</v>
      </c>
      <c r="AI20353">
        <v>14</v>
      </c>
      <c r="AJ20353">
        <v>15</v>
      </c>
      <c r="AK20353">
        <v>15</v>
      </c>
      <c r="AL20353">
        <v>15</v>
      </c>
      <c r="AM20353">
        <v>15</v>
      </c>
      <c r="AN20353">
        <v>15</v>
      </c>
      <c r="AO20353">
        <v>15</v>
      </c>
      <c r="AP20353">
        <v>15</v>
      </c>
      <c r="AQ20353">
        <v>15</v>
      </c>
    </row>
    <row r="20354" spans="1:43">
      <c r="A20354" t="s">
        <v>12605</v>
      </c>
      <c r="B20354" t="s">
        <v>12606</v>
      </c>
      <c r="C20354" t="s">
        <v>12597</v>
      </c>
      <c r="D20354" t="s">
        <v>12598</v>
      </c>
      <c r="E20354" t="s">
        <v>12580</v>
      </c>
      <c r="F20354" t="s">
        <v>12581</v>
      </c>
      <c r="G20354" t="s">
        <v>12582</v>
      </c>
      <c r="H20354" t="s">
        <v>12581</v>
      </c>
      <c r="I20354" s="2">
        <v>1</v>
      </c>
      <c r="J20354" s="2">
        <v>0</v>
      </c>
      <c r="K20354" s="2">
        <v>0</v>
      </c>
      <c r="L20354" t="s">
        <v>120</v>
      </c>
      <c r="M20354" t="s">
        <v>83</v>
      </c>
      <c r="N20354" t="s">
        <v>84</v>
      </c>
      <c r="O20354" t="s">
        <v>85</v>
      </c>
      <c r="P20354" t="s">
        <v>86</v>
      </c>
      <c r="Q20354">
        <v>8</v>
      </c>
      <c r="R20354">
        <v>8</v>
      </c>
      <c r="S20354">
        <v>8</v>
      </c>
      <c r="T20354">
        <v>8</v>
      </c>
      <c r="U20354">
        <v>8</v>
      </c>
      <c r="V20354">
        <v>8</v>
      </c>
      <c r="W20354">
        <v>9</v>
      </c>
      <c r="X20354">
        <v>9</v>
      </c>
      <c r="Y20354">
        <v>9</v>
      </c>
      <c r="Z20354">
        <v>9</v>
      </c>
      <c r="AA20354">
        <v>9</v>
      </c>
      <c r="AB20354">
        <v>9</v>
      </c>
      <c r="AC20354">
        <v>9</v>
      </c>
      <c r="AD20354">
        <v>9</v>
      </c>
      <c r="AE20354">
        <v>10</v>
      </c>
      <c r="AF20354">
        <v>10</v>
      </c>
      <c r="AG20354">
        <v>10</v>
      </c>
      <c r="AH20354">
        <v>10</v>
      </c>
      <c r="AI20354">
        <v>10</v>
      </c>
      <c r="AJ20354">
        <v>10</v>
      </c>
      <c r="AK20354">
        <v>10</v>
      </c>
      <c r="AL20354">
        <v>10</v>
      </c>
      <c r="AM20354">
        <v>11</v>
      </c>
      <c r="AN20354">
        <v>11</v>
      </c>
      <c r="AO20354">
        <v>11</v>
      </c>
      <c r="AP20354">
        <v>11</v>
      </c>
      <c r="AQ20354">
        <v>11</v>
      </c>
    </row>
    <row r="20355" spans="1:43">
      <c r="A20355" t="s">
        <v>12605</v>
      </c>
      <c r="B20355" t="s">
        <v>12606</v>
      </c>
      <c r="C20355" t="s">
        <v>12597</v>
      </c>
      <c r="D20355" t="s">
        <v>12598</v>
      </c>
      <c r="E20355" t="s">
        <v>12580</v>
      </c>
      <c r="F20355" t="s">
        <v>12581</v>
      </c>
      <c r="G20355" t="s">
        <v>12582</v>
      </c>
      <c r="H20355" t="s">
        <v>12581</v>
      </c>
      <c r="I20355" s="2">
        <v>1</v>
      </c>
      <c r="J20355" s="2">
        <v>0</v>
      </c>
      <c r="K20355" s="2">
        <v>0</v>
      </c>
      <c r="L20355" t="s">
        <v>120</v>
      </c>
      <c r="M20355" t="s">
        <v>87</v>
      </c>
      <c r="N20355" t="s">
        <v>88</v>
      </c>
      <c r="O20355" t="s">
        <v>85</v>
      </c>
      <c r="P20355" t="s">
        <v>86</v>
      </c>
      <c r="Q20355">
        <v>8</v>
      </c>
      <c r="R20355">
        <v>8</v>
      </c>
      <c r="S20355">
        <v>8</v>
      </c>
      <c r="T20355">
        <v>8</v>
      </c>
      <c r="U20355">
        <v>8</v>
      </c>
      <c r="V20355">
        <v>8</v>
      </c>
      <c r="W20355">
        <v>8</v>
      </c>
      <c r="X20355">
        <v>8</v>
      </c>
      <c r="Y20355">
        <v>8</v>
      </c>
      <c r="Z20355">
        <v>8</v>
      </c>
      <c r="AA20355">
        <v>8</v>
      </c>
      <c r="AB20355">
        <v>8</v>
      </c>
      <c r="AC20355">
        <v>8</v>
      </c>
      <c r="AD20355">
        <v>8</v>
      </c>
      <c r="AE20355">
        <v>9</v>
      </c>
      <c r="AF20355">
        <v>9</v>
      </c>
      <c r="AG20355">
        <v>9</v>
      </c>
      <c r="AH20355">
        <v>9</v>
      </c>
      <c r="AI20355">
        <v>9</v>
      </c>
      <c r="AJ20355">
        <v>9</v>
      </c>
      <c r="AK20355">
        <v>9</v>
      </c>
      <c r="AL20355">
        <v>9</v>
      </c>
      <c r="AM20355">
        <v>9</v>
      </c>
      <c r="AN20355">
        <v>9</v>
      </c>
      <c r="AO20355">
        <v>9</v>
      </c>
      <c r="AP20355">
        <v>9</v>
      </c>
      <c r="AQ20355">
        <v>9</v>
      </c>
    </row>
    <row r="20356" spans="1:43">
      <c r="A20356" t="s">
        <v>12605</v>
      </c>
      <c r="B20356" t="s">
        <v>12606</v>
      </c>
      <c r="C20356" t="s">
        <v>12597</v>
      </c>
      <c r="D20356" t="s">
        <v>12598</v>
      </c>
      <c r="E20356" t="s">
        <v>12580</v>
      </c>
      <c r="F20356" t="s">
        <v>12581</v>
      </c>
      <c r="G20356" t="s">
        <v>12582</v>
      </c>
      <c r="H20356" t="s">
        <v>12581</v>
      </c>
      <c r="I20356" s="2">
        <v>1</v>
      </c>
      <c r="J20356" s="2">
        <v>0</v>
      </c>
      <c r="K20356" s="2">
        <v>0</v>
      </c>
      <c r="L20356" t="s">
        <v>120</v>
      </c>
      <c r="M20356" t="s">
        <v>89</v>
      </c>
      <c r="N20356" t="s">
        <v>90</v>
      </c>
      <c r="O20356" t="s">
        <v>85</v>
      </c>
      <c r="P20356" t="s">
        <v>86</v>
      </c>
      <c r="Q20356">
        <v>8</v>
      </c>
      <c r="R20356">
        <v>8</v>
      </c>
      <c r="S20356">
        <v>8</v>
      </c>
      <c r="T20356">
        <v>8</v>
      </c>
      <c r="U20356">
        <v>9</v>
      </c>
      <c r="V20356">
        <v>9</v>
      </c>
      <c r="W20356">
        <v>9</v>
      </c>
      <c r="X20356">
        <v>9</v>
      </c>
      <c r="Y20356">
        <v>9</v>
      </c>
      <c r="Z20356">
        <v>10</v>
      </c>
      <c r="AA20356">
        <v>10</v>
      </c>
      <c r="AB20356">
        <v>10</v>
      </c>
      <c r="AC20356">
        <v>10</v>
      </c>
      <c r="AD20356">
        <v>10</v>
      </c>
      <c r="AE20356">
        <v>10</v>
      </c>
      <c r="AF20356">
        <v>10</v>
      </c>
      <c r="AG20356">
        <v>10</v>
      </c>
      <c r="AH20356">
        <v>10</v>
      </c>
      <c r="AI20356">
        <v>10</v>
      </c>
      <c r="AJ20356">
        <v>11</v>
      </c>
      <c r="AK20356">
        <v>11</v>
      </c>
      <c r="AL20356">
        <v>11</v>
      </c>
      <c r="AM20356">
        <v>11</v>
      </c>
      <c r="AN20356">
        <v>11</v>
      </c>
      <c r="AO20356">
        <v>11</v>
      </c>
      <c r="AP20356">
        <v>11</v>
      </c>
      <c r="AQ20356">
        <v>11</v>
      </c>
    </row>
    <row r="20357" spans="1:43">
      <c r="A20357" t="s">
        <v>12605</v>
      </c>
      <c r="B20357" t="s">
        <v>12606</v>
      </c>
      <c r="C20357" t="s">
        <v>12597</v>
      </c>
      <c r="D20357" t="s">
        <v>12598</v>
      </c>
      <c r="E20357" t="s">
        <v>12580</v>
      </c>
      <c r="F20357" t="s">
        <v>12581</v>
      </c>
      <c r="G20357" t="s">
        <v>12582</v>
      </c>
      <c r="H20357" t="s">
        <v>12581</v>
      </c>
      <c r="I20357" s="2">
        <v>1</v>
      </c>
      <c r="J20357" s="2">
        <v>0</v>
      </c>
      <c r="K20357" s="2">
        <v>0</v>
      </c>
      <c r="L20357" t="s">
        <v>120</v>
      </c>
      <c r="M20357" t="s">
        <v>83</v>
      </c>
      <c r="N20357" t="s">
        <v>91</v>
      </c>
      <c r="O20357" t="s">
        <v>85</v>
      </c>
      <c r="P20357" t="s">
        <v>86</v>
      </c>
      <c r="Q20357">
        <v>8</v>
      </c>
      <c r="R20357">
        <v>8</v>
      </c>
      <c r="S20357">
        <v>8</v>
      </c>
      <c r="T20357">
        <v>8</v>
      </c>
      <c r="U20357">
        <v>8</v>
      </c>
      <c r="V20357">
        <v>8</v>
      </c>
      <c r="W20357">
        <v>9</v>
      </c>
      <c r="X20357">
        <v>9</v>
      </c>
      <c r="Y20357">
        <v>9</v>
      </c>
      <c r="Z20357">
        <v>9</v>
      </c>
      <c r="AA20357">
        <v>9</v>
      </c>
      <c r="AB20357">
        <v>9</v>
      </c>
      <c r="AC20357">
        <v>9</v>
      </c>
      <c r="AD20357">
        <v>9</v>
      </c>
      <c r="AE20357">
        <v>10</v>
      </c>
      <c r="AF20357">
        <v>10</v>
      </c>
      <c r="AG20357">
        <v>10</v>
      </c>
      <c r="AH20357">
        <v>10</v>
      </c>
      <c r="AI20357">
        <v>10</v>
      </c>
      <c r="AJ20357">
        <v>10</v>
      </c>
      <c r="AK20357">
        <v>10</v>
      </c>
      <c r="AL20357">
        <v>10</v>
      </c>
      <c r="AM20357">
        <v>11</v>
      </c>
      <c r="AN20357">
        <v>11</v>
      </c>
      <c r="AO20357">
        <v>11</v>
      </c>
      <c r="AP20357">
        <v>11</v>
      </c>
      <c r="AQ20357">
        <v>11</v>
      </c>
    </row>
    <row r="20358" spans="1:43">
      <c r="A20358" t="s">
        <v>12607</v>
      </c>
      <c r="B20358" t="s">
        <v>12608</v>
      </c>
      <c r="C20358" t="s">
        <v>12597</v>
      </c>
      <c r="D20358" t="s">
        <v>12598</v>
      </c>
      <c r="E20358" t="s">
        <v>12580</v>
      </c>
      <c r="F20358" t="s">
        <v>12581</v>
      </c>
      <c r="G20358" t="s">
        <v>12582</v>
      </c>
      <c r="H20358" t="s">
        <v>12581</v>
      </c>
      <c r="I20358" s="2">
        <v>1</v>
      </c>
      <c r="J20358" s="2">
        <v>0</v>
      </c>
      <c r="K20358" s="2">
        <v>0</v>
      </c>
      <c r="L20358" t="s">
        <v>120</v>
      </c>
      <c r="M20358" t="s">
        <v>83</v>
      </c>
      <c r="N20358" t="s">
        <v>84</v>
      </c>
      <c r="O20358" t="s">
        <v>85</v>
      </c>
      <c r="P20358" t="s">
        <v>86</v>
      </c>
      <c r="Q20358">
        <v>9</v>
      </c>
      <c r="R20358">
        <v>9</v>
      </c>
      <c r="S20358">
        <v>9</v>
      </c>
      <c r="T20358">
        <v>9</v>
      </c>
      <c r="U20358">
        <v>9</v>
      </c>
      <c r="V20358">
        <v>9</v>
      </c>
      <c r="W20358">
        <v>9</v>
      </c>
      <c r="X20358">
        <v>10</v>
      </c>
      <c r="Y20358">
        <v>10</v>
      </c>
      <c r="Z20358">
        <v>10</v>
      </c>
      <c r="AA20358">
        <v>10</v>
      </c>
      <c r="AB20358">
        <v>10</v>
      </c>
      <c r="AC20358">
        <v>10</v>
      </c>
      <c r="AD20358">
        <v>10</v>
      </c>
      <c r="AE20358">
        <v>11</v>
      </c>
      <c r="AF20358">
        <v>11</v>
      </c>
      <c r="AG20358">
        <v>11</v>
      </c>
      <c r="AH20358">
        <v>11</v>
      </c>
      <c r="AI20358">
        <v>11</v>
      </c>
      <c r="AJ20358">
        <v>11</v>
      </c>
      <c r="AK20358">
        <v>11</v>
      </c>
      <c r="AL20358">
        <v>11</v>
      </c>
      <c r="AM20358">
        <v>12</v>
      </c>
      <c r="AN20358">
        <v>12</v>
      </c>
      <c r="AO20358">
        <v>12</v>
      </c>
      <c r="AP20358">
        <v>12</v>
      </c>
      <c r="AQ20358">
        <v>12</v>
      </c>
    </row>
    <row r="20359" spans="1:43">
      <c r="A20359" t="s">
        <v>12607</v>
      </c>
      <c r="B20359" t="s">
        <v>12608</v>
      </c>
      <c r="C20359" t="s">
        <v>12597</v>
      </c>
      <c r="D20359" t="s">
        <v>12598</v>
      </c>
      <c r="E20359" t="s">
        <v>12580</v>
      </c>
      <c r="F20359" t="s">
        <v>12581</v>
      </c>
      <c r="G20359" t="s">
        <v>12582</v>
      </c>
      <c r="H20359" t="s">
        <v>12581</v>
      </c>
      <c r="I20359" s="2">
        <v>1</v>
      </c>
      <c r="J20359" s="2">
        <v>0</v>
      </c>
      <c r="K20359" s="2">
        <v>0</v>
      </c>
      <c r="L20359" t="s">
        <v>120</v>
      </c>
      <c r="M20359" t="s">
        <v>87</v>
      </c>
      <c r="N20359" t="s">
        <v>88</v>
      </c>
      <c r="O20359" t="s">
        <v>85</v>
      </c>
      <c r="P20359" t="s">
        <v>86</v>
      </c>
      <c r="Q20359">
        <v>9</v>
      </c>
      <c r="R20359">
        <v>10</v>
      </c>
      <c r="S20359">
        <v>10</v>
      </c>
      <c r="T20359">
        <v>10</v>
      </c>
      <c r="U20359">
        <v>10</v>
      </c>
      <c r="V20359">
        <v>10</v>
      </c>
      <c r="W20359">
        <v>10</v>
      </c>
      <c r="X20359">
        <v>10</v>
      </c>
      <c r="Y20359">
        <v>10</v>
      </c>
      <c r="Z20359">
        <v>10</v>
      </c>
      <c r="AA20359">
        <v>10</v>
      </c>
      <c r="AB20359">
        <v>10</v>
      </c>
      <c r="AC20359">
        <v>10</v>
      </c>
      <c r="AD20359">
        <v>10</v>
      </c>
      <c r="AE20359">
        <v>10</v>
      </c>
      <c r="AF20359">
        <v>10</v>
      </c>
      <c r="AG20359">
        <v>11</v>
      </c>
      <c r="AH20359">
        <v>11</v>
      </c>
      <c r="AI20359">
        <v>11</v>
      </c>
      <c r="AJ20359">
        <v>11</v>
      </c>
      <c r="AK20359">
        <v>11</v>
      </c>
      <c r="AL20359">
        <v>11</v>
      </c>
      <c r="AM20359">
        <v>11</v>
      </c>
      <c r="AN20359">
        <v>11</v>
      </c>
      <c r="AO20359">
        <v>11</v>
      </c>
      <c r="AP20359">
        <v>11</v>
      </c>
      <c r="AQ20359">
        <v>11</v>
      </c>
    </row>
    <row r="20360" spans="1:43">
      <c r="A20360" t="s">
        <v>12607</v>
      </c>
      <c r="B20360" t="s">
        <v>12608</v>
      </c>
      <c r="C20360" t="s">
        <v>12597</v>
      </c>
      <c r="D20360" t="s">
        <v>12598</v>
      </c>
      <c r="E20360" t="s">
        <v>12580</v>
      </c>
      <c r="F20360" t="s">
        <v>12581</v>
      </c>
      <c r="G20360" t="s">
        <v>12582</v>
      </c>
      <c r="H20360" t="s">
        <v>12581</v>
      </c>
      <c r="I20360" s="2">
        <v>1</v>
      </c>
      <c r="J20360" s="2">
        <v>0</v>
      </c>
      <c r="K20360" s="2">
        <v>0</v>
      </c>
      <c r="L20360" t="s">
        <v>120</v>
      </c>
      <c r="M20360" t="s">
        <v>89</v>
      </c>
      <c r="N20360" t="s">
        <v>90</v>
      </c>
      <c r="O20360" t="s">
        <v>85</v>
      </c>
      <c r="P20360" t="s">
        <v>86</v>
      </c>
      <c r="Q20360">
        <v>9</v>
      </c>
      <c r="R20360">
        <v>9</v>
      </c>
      <c r="S20360">
        <v>9</v>
      </c>
      <c r="T20360">
        <v>9</v>
      </c>
      <c r="U20360">
        <v>9</v>
      </c>
      <c r="V20360">
        <v>10</v>
      </c>
      <c r="W20360">
        <v>10</v>
      </c>
      <c r="X20360">
        <v>10</v>
      </c>
      <c r="Y20360">
        <v>10</v>
      </c>
      <c r="Z20360">
        <v>10</v>
      </c>
      <c r="AA20360">
        <v>11</v>
      </c>
      <c r="AB20360">
        <v>11</v>
      </c>
      <c r="AC20360">
        <v>11</v>
      </c>
      <c r="AD20360">
        <v>11</v>
      </c>
      <c r="AE20360">
        <v>11</v>
      </c>
      <c r="AF20360">
        <v>11</v>
      </c>
      <c r="AG20360">
        <v>11</v>
      </c>
      <c r="AH20360">
        <v>11</v>
      </c>
      <c r="AI20360">
        <v>11</v>
      </c>
      <c r="AJ20360">
        <v>12</v>
      </c>
      <c r="AK20360">
        <v>12</v>
      </c>
      <c r="AL20360">
        <v>12</v>
      </c>
      <c r="AM20360">
        <v>12</v>
      </c>
      <c r="AN20360">
        <v>12</v>
      </c>
      <c r="AO20360">
        <v>12</v>
      </c>
      <c r="AP20360">
        <v>12</v>
      </c>
      <c r="AQ20360">
        <v>12</v>
      </c>
    </row>
    <row r="20361" spans="1:43">
      <c r="A20361" t="s">
        <v>12607</v>
      </c>
      <c r="B20361" t="s">
        <v>12608</v>
      </c>
      <c r="C20361" t="s">
        <v>12597</v>
      </c>
      <c r="D20361" t="s">
        <v>12598</v>
      </c>
      <c r="E20361" t="s">
        <v>12580</v>
      </c>
      <c r="F20361" t="s">
        <v>12581</v>
      </c>
      <c r="G20361" t="s">
        <v>12582</v>
      </c>
      <c r="H20361" t="s">
        <v>12581</v>
      </c>
      <c r="I20361" s="2">
        <v>1</v>
      </c>
      <c r="J20361" s="2">
        <v>0</v>
      </c>
      <c r="K20361" s="2">
        <v>0</v>
      </c>
      <c r="L20361" t="s">
        <v>120</v>
      </c>
      <c r="M20361" t="s">
        <v>83</v>
      </c>
      <c r="N20361" t="s">
        <v>91</v>
      </c>
      <c r="O20361" t="s">
        <v>85</v>
      </c>
      <c r="P20361" t="s">
        <v>86</v>
      </c>
      <c r="Q20361">
        <v>9</v>
      </c>
      <c r="R20361">
        <v>9</v>
      </c>
      <c r="S20361">
        <v>9</v>
      </c>
      <c r="T20361">
        <v>9</v>
      </c>
      <c r="U20361">
        <v>9</v>
      </c>
      <c r="V20361">
        <v>9</v>
      </c>
      <c r="W20361">
        <v>9</v>
      </c>
      <c r="X20361">
        <v>10</v>
      </c>
      <c r="Y20361">
        <v>10</v>
      </c>
      <c r="Z20361">
        <v>10</v>
      </c>
      <c r="AA20361">
        <v>10</v>
      </c>
      <c r="AB20361">
        <v>10</v>
      </c>
      <c r="AC20361">
        <v>10</v>
      </c>
      <c r="AD20361">
        <v>10</v>
      </c>
      <c r="AE20361">
        <v>11</v>
      </c>
      <c r="AF20361">
        <v>11</v>
      </c>
      <c r="AG20361">
        <v>11</v>
      </c>
      <c r="AH20361">
        <v>11</v>
      </c>
      <c r="AI20361">
        <v>11</v>
      </c>
      <c r="AJ20361">
        <v>11</v>
      </c>
      <c r="AK20361">
        <v>11</v>
      </c>
      <c r="AL20361">
        <v>11</v>
      </c>
      <c r="AM20361">
        <v>12</v>
      </c>
      <c r="AN20361">
        <v>12</v>
      </c>
      <c r="AO20361">
        <v>12</v>
      </c>
      <c r="AP20361">
        <v>12</v>
      </c>
      <c r="AQ20361">
        <v>12</v>
      </c>
    </row>
    <row r="20362" spans="1:43">
      <c r="A20362" t="s">
        <v>12609</v>
      </c>
      <c r="B20362" t="s">
        <v>12610</v>
      </c>
      <c r="C20362" t="s">
        <v>12611</v>
      </c>
      <c r="D20362" t="s">
        <v>12612</v>
      </c>
      <c r="E20362" t="s">
        <v>12580</v>
      </c>
      <c r="F20362" t="s">
        <v>12581</v>
      </c>
      <c r="G20362" t="s">
        <v>12582</v>
      </c>
      <c r="H20362" t="s">
        <v>12581</v>
      </c>
      <c r="I20362" s="2">
        <v>1</v>
      </c>
      <c r="J20362" s="2">
        <v>0</v>
      </c>
      <c r="K20362" s="2">
        <v>0</v>
      </c>
      <c r="L20362" t="s">
        <v>120</v>
      </c>
      <c r="M20362" t="s">
        <v>83</v>
      </c>
      <c r="N20362" t="s">
        <v>84</v>
      </c>
      <c r="O20362" t="s">
        <v>85</v>
      </c>
      <c r="P20362" t="s">
        <v>86</v>
      </c>
      <c r="Q20362">
        <v>34</v>
      </c>
      <c r="R20362">
        <v>35</v>
      </c>
      <c r="S20362">
        <v>35</v>
      </c>
      <c r="T20362">
        <v>36</v>
      </c>
      <c r="U20362">
        <v>36</v>
      </c>
      <c r="V20362">
        <v>37</v>
      </c>
      <c r="W20362">
        <v>37</v>
      </c>
      <c r="X20362">
        <v>38</v>
      </c>
      <c r="Y20362">
        <v>38</v>
      </c>
      <c r="Z20362">
        <v>39</v>
      </c>
      <c r="AA20362">
        <v>39</v>
      </c>
      <c r="AB20362">
        <v>40</v>
      </c>
      <c r="AC20362">
        <v>40</v>
      </c>
      <c r="AD20362">
        <v>41</v>
      </c>
      <c r="AE20362">
        <v>42</v>
      </c>
      <c r="AF20362">
        <v>42</v>
      </c>
      <c r="AG20362">
        <v>43</v>
      </c>
      <c r="AH20362">
        <v>43</v>
      </c>
      <c r="AI20362">
        <v>44</v>
      </c>
      <c r="AJ20362">
        <v>44</v>
      </c>
      <c r="AK20362">
        <v>45</v>
      </c>
      <c r="AL20362">
        <v>45</v>
      </c>
      <c r="AM20362">
        <v>45</v>
      </c>
      <c r="AN20362">
        <v>45</v>
      </c>
      <c r="AO20362">
        <v>46</v>
      </c>
      <c r="AP20362">
        <v>46</v>
      </c>
      <c r="AQ20362">
        <v>46</v>
      </c>
    </row>
    <row r="20363" spans="1:43">
      <c r="A20363" t="s">
        <v>12609</v>
      </c>
      <c r="B20363" t="s">
        <v>12610</v>
      </c>
      <c r="C20363" t="s">
        <v>12611</v>
      </c>
      <c r="D20363" t="s">
        <v>12612</v>
      </c>
      <c r="E20363" t="s">
        <v>12580</v>
      </c>
      <c r="F20363" t="s">
        <v>12581</v>
      </c>
      <c r="G20363" t="s">
        <v>12582</v>
      </c>
      <c r="H20363" t="s">
        <v>12581</v>
      </c>
      <c r="I20363" s="2">
        <v>1</v>
      </c>
      <c r="J20363" s="2">
        <v>0</v>
      </c>
      <c r="K20363" s="2">
        <v>0</v>
      </c>
      <c r="L20363" t="s">
        <v>120</v>
      </c>
      <c r="M20363" t="s">
        <v>87</v>
      </c>
      <c r="N20363" t="s">
        <v>88</v>
      </c>
      <c r="O20363" t="s">
        <v>85</v>
      </c>
      <c r="P20363" t="s">
        <v>86</v>
      </c>
      <c r="Q20363">
        <v>34</v>
      </c>
      <c r="R20363">
        <v>34</v>
      </c>
      <c r="S20363">
        <v>34</v>
      </c>
      <c r="T20363">
        <v>34</v>
      </c>
      <c r="U20363">
        <v>35</v>
      </c>
      <c r="V20363">
        <v>35</v>
      </c>
      <c r="W20363">
        <v>35</v>
      </c>
      <c r="X20363">
        <v>35</v>
      </c>
      <c r="Y20363">
        <v>35</v>
      </c>
      <c r="Z20363">
        <v>36</v>
      </c>
      <c r="AA20363">
        <v>36</v>
      </c>
      <c r="AB20363">
        <v>36</v>
      </c>
      <c r="AC20363">
        <v>36</v>
      </c>
      <c r="AD20363">
        <v>37</v>
      </c>
      <c r="AE20363">
        <v>37</v>
      </c>
      <c r="AF20363">
        <v>37</v>
      </c>
      <c r="AG20363">
        <v>37</v>
      </c>
      <c r="AH20363">
        <v>38</v>
      </c>
      <c r="AI20363">
        <v>38</v>
      </c>
      <c r="AJ20363">
        <v>38</v>
      </c>
      <c r="AK20363">
        <v>38</v>
      </c>
      <c r="AL20363">
        <v>39</v>
      </c>
      <c r="AM20363">
        <v>39</v>
      </c>
      <c r="AN20363">
        <v>39</v>
      </c>
      <c r="AO20363">
        <v>39</v>
      </c>
      <c r="AP20363">
        <v>40</v>
      </c>
      <c r="AQ20363">
        <v>40</v>
      </c>
    </row>
    <row r="20364" spans="1:43">
      <c r="A20364" t="s">
        <v>12609</v>
      </c>
      <c r="B20364" t="s">
        <v>12610</v>
      </c>
      <c r="C20364" t="s">
        <v>12611</v>
      </c>
      <c r="D20364" t="s">
        <v>12612</v>
      </c>
      <c r="E20364" t="s">
        <v>12580</v>
      </c>
      <c r="F20364" t="s">
        <v>12581</v>
      </c>
      <c r="G20364" t="s">
        <v>12582</v>
      </c>
      <c r="H20364" t="s">
        <v>12581</v>
      </c>
      <c r="I20364" s="2">
        <v>1</v>
      </c>
      <c r="J20364" s="2">
        <v>0</v>
      </c>
      <c r="K20364" s="2">
        <v>0</v>
      </c>
      <c r="L20364" t="s">
        <v>120</v>
      </c>
      <c r="M20364" t="s">
        <v>89</v>
      </c>
      <c r="N20364" t="s">
        <v>90</v>
      </c>
      <c r="O20364" t="s">
        <v>85</v>
      </c>
      <c r="P20364" t="s">
        <v>86</v>
      </c>
      <c r="Q20364">
        <v>34</v>
      </c>
      <c r="R20364">
        <v>35</v>
      </c>
      <c r="S20364">
        <v>36</v>
      </c>
      <c r="T20364">
        <v>37</v>
      </c>
      <c r="U20364">
        <v>38</v>
      </c>
      <c r="V20364">
        <v>38</v>
      </c>
      <c r="W20364">
        <v>39</v>
      </c>
      <c r="X20364">
        <v>40</v>
      </c>
      <c r="Y20364">
        <v>41</v>
      </c>
      <c r="Z20364">
        <v>41</v>
      </c>
      <c r="AA20364">
        <v>42</v>
      </c>
      <c r="AB20364">
        <v>43</v>
      </c>
      <c r="AC20364">
        <v>43</v>
      </c>
      <c r="AD20364">
        <v>44</v>
      </c>
      <c r="AE20364">
        <v>45</v>
      </c>
      <c r="AF20364">
        <v>45</v>
      </c>
      <c r="AG20364">
        <v>45</v>
      </c>
      <c r="AH20364">
        <v>45</v>
      </c>
      <c r="AI20364">
        <v>45</v>
      </c>
      <c r="AJ20364">
        <v>45</v>
      </c>
      <c r="AK20364">
        <v>45</v>
      </c>
      <c r="AL20364">
        <v>46</v>
      </c>
      <c r="AM20364">
        <v>46</v>
      </c>
      <c r="AN20364">
        <v>46</v>
      </c>
      <c r="AO20364">
        <v>46</v>
      </c>
      <c r="AP20364">
        <v>46</v>
      </c>
      <c r="AQ20364">
        <v>46</v>
      </c>
    </row>
    <row r="20365" spans="1:43">
      <c r="A20365" t="s">
        <v>12609</v>
      </c>
      <c r="B20365" t="s">
        <v>12610</v>
      </c>
      <c r="C20365" t="s">
        <v>12611</v>
      </c>
      <c r="D20365" t="s">
        <v>12612</v>
      </c>
      <c r="E20365" t="s">
        <v>12580</v>
      </c>
      <c r="F20365" t="s">
        <v>12581</v>
      </c>
      <c r="G20365" t="s">
        <v>12582</v>
      </c>
      <c r="H20365" t="s">
        <v>12581</v>
      </c>
      <c r="I20365" s="2">
        <v>1</v>
      </c>
      <c r="J20365" s="2">
        <v>0</v>
      </c>
      <c r="K20365" s="2">
        <v>0</v>
      </c>
      <c r="L20365" t="s">
        <v>120</v>
      </c>
      <c r="M20365" t="s">
        <v>83</v>
      </c>
      <c r="N20365" t="s">
        <v>91</v>
      </c>
      <c r="O20365" t="s">
        <v>85</v>
      </c>
      <c r="P20365" t="s">
        <v>86</v>
      </c>
      <c r="Q20365">
        <v>34</v>
      </c>
      <c r="R20365">
        <v>35</v>
      </c>
      <c r="S20365">
        <v>35</v>
      </c>
      <c r="T20365">
        <v>36</v>
      </c>
      <c r="U20365">
        <v>36</v>
      </c>
      <c r="V20365">
        <v>37</v>
      </c>
      <c r="W20365">
        <v>37</v>
      </c>
      <c r="X20365">
        <v>38</v>
      </c>
      <c r="Y20365">
        <v>38</v>
      </c>
      <c r="Z20365">
        <v>39</v>
      </c>
      <c r="AA20365">
        <v>39</v>
      </c>
      <c r="AB20365">
        <v>40</v>
      </c>
      <c r="AC20365">
        <v>40</v>
      </c>
      <c r="AD20365">
        <v>41</v>
      </c>
      <c r="AE20365">
        <v>42</v>
      </c>
      <c r="AF20365">
        <v>42</v>
      </c>
      <c r="AG20365">
        <v>43</v>
      </c>
      <c r="AH20365">
        <v>43</v>
      </c>
      <c r="AI20365">
        <v>44</v>
      </c>
      <c r="AJ20365">
        <v>44</v>
      </c>
      <c r="AK20365">
        <v>45</v>
      </c>
      <c r="AL20365">
        <v>45</v>
      </c>
      <c r="AM20365">
        <v>45</v>
      </c>
      <c r="AN20365">
        <v>45</v>
      </c>
      <c r="AO20365">
        <v>46</v>
      </c>
      <c r="AP20365">
        <v>46</v>
      </c>
      <c r="AQ20365">
        <v>46</v>
      </c>
    </row>
    <row r="20366" spans="1:43">
      <c r="A20366" t="s">
        <v>12613</v>
      </c>
      <c r="B20366" t="s">
        <v>12614</v>
      </c>
      <c r="C20366" t="s">
        <v>12611</v>
      </c>
      <c r="D20366" t="s">
        <v>12612</v>
      </c>
      <c r="E20366" t="s">
        <v>12580</v>
      </c>
      <c r="F20366" t="s">
        <v>12581</v>
      </c>
      <c r="G20366" t="s">
        <v>12582</v>
      </c>
      <c r="H20366" t="s">
        <v>12581</v>
      </c>
      <c r="I20366" s="2">
        <v>0.95</v>
      </c>
      <c r="J20366" s="2">
        <v>0</v>
      </c>
      <c r="K20366" s="2">
        <v>0</v>
      </c>
      <c r="L20366" t="s">
        <v>120</v>
      </c>
      <c r="M20366" t="s">
        <v>83</v>
      </c>
      <c r="N20366" t="s">
        <v>84</v>
      </c>
      <c r="O20366" t="s">
        <v>85</v>
      </c>
      <c r="P20366" t="s">
        <v>86</v>
      </c>
      <c r="Q20366">
        <v>30</v>
      </c>
      <c r="R20366">
        <v>30</v>
      </c>
      <c r="S20366">
        <v>31</v>
      </c>
      <c r="T20366">
        <v>31</v>
      </c>
      <c r="U20366">
        <v>32</v>
      </c>
      <c r="V20366">
        <v>32</v>
      </c>
      <c r="W20366">
        <v>33</v>
      </c>
      <c r="X20366">
        <v>33</v>
      </c>
      <c r="Y20366">
        <v>34</v>
      </c>
      <c r="Z20366">
        <v>34</v>
      </c>
      <c r="AA20366">
        <v>35</v>
      </c>
      <c r="AB20366">
        <v>35</v>
      </c>
      <c r="AC20366">
        <v>35</v>
      </c>
      <c r="AD20366">
        <v>36</v>
      </c>
      <c r="AE20366">
        <v>36</v>
      </c>
      <c r="AF20366">
        <v>37</v>
      </c>
      <c r="AG20366">
        <v>37</v>
      </c>
      <c r="AH20366">
        <v>38</v>
      </c>
      <c r="AI20366">
        <v>38</v>
      </c>
      <c r="AJ20366">
        <v>39</v>
      </c>
      <c r="AK20366">
        <v>39</v>
      </c>
      <c r="AL20366">
        <v>40</v>
      </c>
      <c r="AM20366">
        <v>40</v>
      </c>
      <c r="AN20366">
        <v>40</v>
      </c>
      <c r="AO20366">
        <v>40</v>
      </c>
      <c r="AP20366">
        <v>40</v>
      </c>
      <c r="AQ20366">
        <v>40</v>
      </c>
    </row>
    <row r="20367" spans="1:43">
      <c r="A20367" t="s">
        <v>12613</v>
      </c>
      <c r="B20367" t="s">
        <v>12614</v>
      </c>
      <c r="C20367" t="s">
        <v>12611</v>
      </c>
      <c r="D20367" t="s">
        <v>12612</v>
      </c>
      <c r="E20367" t="s">
        <v>12580</v>
      </c>
      <c r="F20367" t="s">
        <v>12581</v>
      </c>
      <c r="G20367" t="s">
        <v>12582</v>
      </c>
      <c r="H20367" t="s">
        <v>12581</v>
      </c>
      <c r="I20367" s="2">
        <v>0.95</v>
      </c>
      <c r="J20367" s="2">
        <v>0</v>
      </c>
      <c r="K20367" s="2">
        <v>0</v>
      </c>
      <c r="L20367" t="s">
        <v>120</v>
      </c>
      <c r="M20367" t="s">
        <v>87</v>
      </c>
      <c r="N20367" t="s">
        <v>88</v>
      </c>
      <c r="O20367" t="s">
        <v>85</v>
      </c>
      <c r="P20367" t="s">
        <v>86</v>
      </c>
      <c r="Q20367">
        <v>30</v>
      </c>
      <c r="R20367">
        <v>30</v>
      </c>
      <c r="S20367">
        <v>30</v>
      </c>
      <c r="T20367">
        <v>30</v>
      </c>
      <c r="U20367">
        <v>30</v>
      </c>
      <c r="V20367">
        <v>30</v>
      </c>
      <c r="W20367">
        <v>31</v>
      </c>
      <c r="X20367">
        <v>31</v>
      </c>
      <c r="Y20367">
        <v>31</v>
      </c>
      <c r="Z20367">
        <v>31</v>
      </c>
      <c r="AA20367">
        <v>31</v>
      </c>
      <c r="AB20367">
        <v>32</v>
      </c>
      <c r="AC20367">
        <v>32</v>
      </c>
      <c r="AD20367">
        <v>32</v>
      </c>
      <c r="AE20367">
        <v>32</v>
      </c>
      <c r="AF20367">
        <v>33</v>
      </c>
      <c r="AG20367">
        <v>33</v>
      </c>
      <c r="AH20367">
        <v>33</v>
      </c>
      <c r="AI20367">
        <v>33</v>
      </c>
      <c r="AJ20367">
        <v>33</v>
      </c>
      <c r="AK20367">
        <v>34</v>
      </c>
      <c r="AL20367">
        <v>34</v>
      </c>
      <c r="AM20367">
        <v>34</v>
      </c>
      <c r="AN20367">
        <v>34</v>
      </c>
      <c r="AO20367">
        <v>35</v>
      </c>
      <c r="AP20367">
        <v>35</v>
      </c>
      <c r="AQ20367">
        <v>35</v>
      </c>
    </row>
    <row r="20368" spans="1:43">
      <c r="A20368" t="s">
        <v>12613</v>
      </c>
      <c r="B20368" t="s">
        <v>12614</v>
      </c>
      <c r="C20368" t="s">
        <v>12611</v>
      </c>
      <c r="D20368" t="s">
        <v>12612</v>
      </c>
      <c r="E20368" t="s">
        <v>12580</v>
      </c>
      <c r="F20368" t="s">
        <v>12581</v>
      </c>
      <c r="G20368" t="s">
        <v>12582</v>
      </c>
      <c r="H20368" t="s">
        <v>12581</v>
      </c>
      <c r="I20368" s="2">
        <v>0.95</v>
      </c>
      <c r="J20368" s="2">
        <v>0</v>
      </c>
      <c r="K20368" s="2">
        <v>0</v>
      </c>
      <c r="L20368" t="s">
        <v>120</v>
      </c>
      <c r="M20368" t="s">
        <v>89</v>
      </c>
      <c r="N20368" t="s">
        <v>90</v>
      </c>
      <c r="O20368" t="s">
        <v>85</v>
      </c>
      <c r="P20368" t="s">
        <v>86</v>
      </c>
      <c r="Q20368">
        <v>30</v>
      </c>
      <c r="R20368">
        <v>31</v>
      </c>
      <c r="S20368">
        <v>32</v>
      </c>
      <c r="T20368">
        <v>32</v>
      </c>
      <c r="U20368">
        <v>33</v>
      </c>
      <c r="V20368">
        <v>34</v>
      </c>
      <c r="W20368">
        <v>34</v>
      </c>
      <c r="X20368">
        <v>35</v>
      </c>
      <c r="Y20368">
        <v>36</v>
      </c>
      <c r="Z20368">
        <v>36</v>
      </c>
      <c r="AA20368">
        <v>37</v>
      </c>
      <c r="AB20368">
        <v>37</v>
      </c>
      <c r="AC20368">
        <v>38</v>
      </c>
      <c r="AD20368">
        <v>39</v>
      </c>
      <c r="AE20368">
        <v>39</v>
      </c>
      <c r="AF20368">
        <v>39</v>
      </c>
      <c r="AG20368">
        <v>39</v>
      </c>
      <c r="AH20368">
        <v>39</v>
      </c>
      <c r="AI20368">
        <v>40</v>
      </c>
      <c r="AJ20368">
        <v>40</v>
      </c>
      <c r="AK20368">
        <v>40</v>
      </c>
      <c r="AL20368">
        <v>40</v>
      </c>
      <c r="AM20368">
        <v>40</v>
      </c>
      <c r="AN20368">
        <v>40</v>
      </c>
      <c r="AO20368">
        <v>40</v>
      </c>
      <c r="AP20368">
        <v>40</v>
      </c>
      <c r="AQ20368">
        <v>41</v>
      </c>
    </row>
    <row r="20369" spans="1:43">
      <c r="A20369" t="s">
        <v>12613</v>
      </c>
      <c r="B20369" t="s">
        <v>12614</v>
      </c>
      <c r="C20369" t="s">
        <v>12611</v>
      </c>
      <c r="D20369" t="s">
        <v>12612</v>
      </c>
      <c r="E20369" t="s">
        <v>12580</v>
      </c>
      <c r="F20369" t="s">
        <v>12581</v>
      </c>
      <c r="G20369" t="s">
        <v>12582</v>
      </c>
      <c r="H20369" t="s">
        <v>12581</v>
      </c>
      <c r="I20369" s="2">
        <v>0.95</v>
      </c>
      <c r="J20369" s="2">
        <v>0</v>
      </c>
      <c r="K20369" s="2">
        <v>0</v>
      </c>
      <c r="L20369" t="s">
        <v>120</v>
      </c>
      <c r="M20369" t="s">
        <v>83</v>
      </c>
      <c r="N20369" t="s">
        <v>91</v>
      </c>
      <c r="O20369" t="s">
        <v>85</v>
      </c>
      <c r="P20369" t="s">
        <v>86</v>
      </c>
      <c r="Q20369">
        <v>30</v>
      </c>
      <c r="R20369">
        <v>30</v>
      </c>
      <c r="S20369">
        <v>31</v>
      </c>
      <c r="T20369">
        <v>31</v>
      </c>
      <c r="U20369">
        <v>32</v>
      </c>
      <c r="V20369">
        <v>32</v>
      </c>
      <c r="W20369">
        <v>33</v>
      </c>
      <c r="X20369">
        <v>33</v>
      </c>
      <c r="Y20369">
        <v>34</v>
      </c>
      <c r="Z20369">
        <v>34</v>
      </c>
      <c r="AA20369">
        <v>35</v>
      </c>
      <c r="AB20369">
        <v>35</v>
      </c>
      <c r="AC20369">
        <v>35</v>
      </c>
      <c r="AD20369">
        <v>36</v>
      </c>
      <c r="AE20369">
        <v>36</v>
      </c>
      <c r="AF20369">
        <v>37</v>
      </c>
      <c r="AG20369">
        <v>37</v>
      </c>
      <c r="AH20369">
        <v>38</v>
      </c>
      <c r="AI20369">
        <v>38</v>
      </c>
      <c r="AJ20369">
        <v>39</v>
      </c>
      <c r="AK20369">
        <v>39</v>
      </c>
      <c r="AL20369">
        <v>40</v>
      </c>
      <c r="AM20369">
        <v>40</v>
      </c>
      <c r="AN20369">
        <v>40</v>
      </c>
      <c r="AO20369">
        <v>40</v>
      </c>
      <c r="AP20369">
        <v>40</v>
      </c>
      <c r="AQ20369">
        <v>40</v>
      </c>
    </row>
    <row r="20370" spans="1:43">
      <c r="A20370" t="s">
        <v>12615</v>
      </c>
      <c r="B20370" t="s">
        <v>12616</v>
      </c>
      <c r="C20370" t="s">
        <v>12617</v>
      </c>
      <c r="D20370" t="s">
        <v>12618</v>
      </c>
      <c r="E20370" t="s">
        <v>12580</v>
      </c>
      <c r="F20370" t="s">
        <v>12581</v>
      </c>
      <c r="G20370" t="s">
        <v>12582</v>
      </c>
      <c r="H20370" t="s">
        <v>12581</v>
      </c>
      <c r="I20370" s="2">
        <v>1</v>
      </c>
      <c r="J20370" s="2">
        <v>0</v>
      </c>
      <c r="K20370" s="2">
        <v>0</v>
      </c>
      <c r="L20370" t="s">
        <v>120</v>
      </c>
      <c r="M20370" t="s">
        <v>83</v>
      </c>
      <c r="N20370" t="s">
        <v>84</v>
      </c>
      <c r="O20370" t="s">
        <v>85</v>
      </c>
      <c r="P20370" t="s">
        <v>86</v>
      </c>
      <c r="Q20370">
        <v>33</v>
      </c>
      <c r="R20370">
        <v>34</v>
      </c>
      <c r="S20370">
        <v>34</v>
      </c>
      <c r="T20370">
        <v>35</v>
      </c>
      <c r="U20370">
        <v>35</v>
      </c>
      <c r="V20370">
        <v>36</v>
      </c>
      <c r="W20370">
        <v>36</v>
      </c>
      <c r="X20370">
        <v>37</v>
      </c>
      <c r="Y20370">
        <v>37</v>
      </c>
      <c r="Z20370">
        <v>38</v>
      </c>
      <c r="AA20370">
        <v>38</v>
      </c>
      <c r="AB20370">
        <v>39</v>
      </c>
      <c r="AC20370">
        <v>39</v>
      </c>
      <c r="AD20370">
        <v>40</v>
      </c>
      <c r="AE20370">
        <v>40</v>
      </c>
      <c r="AF20370">
        <v>41</v>
      </c>
      <c r="AG20370">
        <v>42</v>
      </c>
      <c r="AH20370">
        <v>42</v>
      </c>
      <c r="AI20370">
        <v>43</v>
      </c>
      <c r="AJ20370">
        <v>43</v>
      </c>
      <c r="AK20370">
        <v>44</v>
      </c>
      <c r="AL20370">
        <v>44</v>
      </c>
      <c r="AM20370">
        <v>44</v>
      </c>
      <c r="AN20370">
        <v>44</v>
      </c>
      <c r="AO20370">
        <v>45</v>
      </c>
      <c r="AP20370">
        <v>45</v>
      </c>
      <c r="AQ20370">
        <v>45</v>
      </c>
    </row>
    <row r="20371" spans="1:43">
      <c r="A20371" t="s">
        <v>12615</v>
      </c>
      <c r="B20371" t="s">
        <v>12616</v>
      </c>
      <c r="C20371" t="s">
        <v>12617</v>
      </c>
      <c r="D20371" t="s">
        <v>12618</v>
      </c>
      <c r="E20371" t="s">
        <v>12580</v>
      </c>
      <c r="F20371" t="s">
        <v>12581</v>
      </c>
      <c r="G20371" t="s">
        <v>12582</v>
      </c>
      <c r="H20371" t="s">
        <v>12581</v>
      </c>
      <c r="I20371" s="2">
        <v>1</v>
      </c>
      <c r="J20371" s="2">
        <v>0</v>
      </c>
      <c r="K20371" s="2">
        <v>0</v>
      </c>
      <c r="L20371" t="s">
        <v>120</v>
      </c>
      <c r="M20371" t="s">
        <v>87</v>
      </c>
      <c r="N20371" t="s">
        <v>88</v>
      </c>
      <c r="O20371" t="s">
        <v>85</v>
      </c>
      <c r="P20371" t="s">
        <v>86</v>
      </c>
      <c r="Q20371">
        <v>33</v>
      </c>
      <c r="R20371">
        <v>33</v>
      </c>
      <c r="S20371">
        <v>33</v>
      </c>
      <c r="T20371">
        <v>33</v>
      </c>
      <c r="U20371">
        <v>34</v>
      </c>
      <c r="V20371">
        <v>34</v>
      </c>
      <c r="W20371">
        <v>34</v>
      </c>
      <c r="X20371">
        <v>34</v>
      </c>
      <c r="Y20371">
        <v>34</v>
      </c>
      <c r="Z20371">
        <v>35</v>
      </c>
      <c r="AA20371">
        <v>35</v>
      </c>
      <c r="AB20371">
        <v>35</v>
      </c>
      <c r="AC20371">
        <v>35</v>
      </c>
      <c r="AD20371">
        <v>36</v>
      </c>
      <c r="AE20371">
        <v>36</v>
      </c>
      <c r="AF20371">
        <v>36</v>
      </c>
      <c r="AG20371">
        <v>36</v>
      </c>
      <c r="AH20371">
        <v>37</v>
      </c>
      <c r="AI20371">
        <v>37</v>
      </c>
      <c r="AJ20371">
        <v>37</v>
      </c>
      <c r="AK20371">
        <v>37</v>
      </c>
      <c r="AL20371">
        <v>38</v>
      </c>
      <c r="AM20371">
        <v>38</v>
      </c>
      <c r="AN20371">
        <v>38</v>
      </c>
      <c r="AO20371">
        <v>38</v>
      </c>
      <c r="AP20371">
        <v>39</v>
      </c>
      <c r="AQ20371">
        <v>39</v>
      </c>
    </row>
    <row r="20372" spans="1:43">
      <c r="A20372" t="s">
        <v>12615</v>
      </c>
      <c r="B20372" t="s">
        <v>12616</v>
      </c>
      <c r="C20372" t="s">
        <v>12617</v>
      </c>
      <c r="D20372" t="s">
        <v>12618</v>
      </c>
      <c r="E20372" t="s">
        <v>12580</v>
      </c>
      <c r="F20372" t="s">
        <v>12581</v>
      </c>
      <c r="G20372" t="s">
        <v>12582</v>
      </c>
      <c r="H20372" t="s">
        <v>12581</v>
      </c>
      <c r="I20372" s="2">
        <v>1</v>
      </c>
      <c r="J20372" s="2">
        <v>0</v>
      </c>
      <c r="K20372" s="2">
        <v>0</v>
      </c>
      <c r="L20372" t="s">
        <v>120</v>
      </c>
      <c r="M20372" t="s">
        <v>89</v>
      </c>
      <c r="N20372" t="s">
        <v>90</v>
      </c>
      <c r="O20372" t="s">
        <v>85</v>
      </c>
      <c r="P20372" t="s">
        <v>86</v>
      </c>
      <c r="Q20372">
        <v>33</v>
      </c>
      <c r="R20372">
        <v>34</v>
      </c>
      <c r="S20372">
        <v>35</v>
      </c>
      <c r="T20372">
        <v>36</v>
      </c>
      <c r="U20372">
        <v>36</v>
      </c>
      <c r="V20372">
        <v>37</v>
      </c>
      <c r="W20372">
        <v>38</v>
      </c>
      <c r="X20372">
        <v>39</v>
      </c>
      <c r="Y20372">
        <v>39</v>
      </c>
      <c r="Z20372">
        <v>40</v>
      </c>
      <c r="AA20372">
        <v>41</v>
      </c>
      <c r="AB20372">
        <v>41</v>
      </c>
      <c r="AC20372">
        <v>42</v>
      </c>
      <c r="AD20372">
        <v>43</v>
      </c>
      <c r="AE20372">
        <v>43</v>
      </c>
      <c r="AF20372">
        <v>44</v>
      </c>
      <c r="AG20372">
        <v>44</v>
      </c>
      <c r="AH20372">
        <v>44</v>
      </c>
      <c r="AI20372">
        <v>44</v>
      </c>
      <c r="AJ20372">
        <v>44</v>
      </c>
      <c r="AK20372">
        <v>44</v>
      </c>
      <c r="AL20372">
        <v>44</v>
      </c>
      <c r="AM20372">
        <v>45</v>
      </c>
      <c r="AN20372">
        <v>45</v>
      </c>
      <c r="AO20372">
        <v>45</v>
      </c>
      <c r="AP20372">
        <v>45</v>
      </c>
      <c r="AQ20372">
        <v>45</v>
      </c>
    </row>
    <row r="20373" spans="1:43">
      <c r="A20373" t="s">
        <v>12615</v>
      </c>
      <c r="B20373" t="s">
        <v>12616</v>
      </c>
      <c r="C20373" t="s">
        <v>12617</v>
      </c>
      <c r="D20373" t="s">
        <v>12618</v>
      </c>
      <c r="E20373" t="s">
        <v>12580</v>
      </c>
      <c r="F20373" t="s">
        <v>12581</v>
      </c>
      <c r="G20373" t="s">
        <v>12582</v>
      </c>
      <c r="H20373" t="s">
        <v>12581</v>
      </c>
      <c r="I20373" s="2">
        <v>1</v>
      </c>
      <c r="J20373" s="2">
        <v>0</v>
      </c>
      <c r="K20373" s="2">
        <v>0</v>
      </c>
      <c r="L20373" t="s">
        <v>120</v>
      </c>
      <c r="M20373" t="s">
        <v>83</v>
      </c>
      <c r="N20373" t="s">
        <v>91</v>
      </c>
      <c r="O20373" t="s">
        <v>85</v>
      </c>
      <c r="P20373" t="s">
        <v>86</v>
      </c>
      <c r="Q20373">
        <v>33</v>
      </c>
      <c r="R20373">
        <v>34</v>
      </c>
      <c r="S20373">
        <v>34</v>
      </c>
      <c r="T20373">
        <v>35</v>
      </c>
      <c r="U20373">
        <v>35</v>
      </c>
      <c r="V20373">
        <v>36</v>
      </c>
      <c r="W20373">
        <v>36</v>
      </c>
      <c r="X20373">
        <v>37</v>
      </c>
      <c r="Y20373">
        <v>37</v>
      </c>
      <c r="Z20373">
        <v>38</v>
      </c>
      <c r="AA20373">
        <v>38</v>
      </c>
      <c r="AB20373">
        <v>39</v>
      </c>
      <c r="AC20373">
        <v>39</v>
      </c>
      <c r="AD20373">
        <v>40</v>
      </c>
      <c r="AE20373">
        <v>40</v>
      </c>
      <c r="AF20373">
        <v>41</v>
      </c>
      <c r="AG20373">
        <v>42</v>
      </c>
      <c r="AH20373">
        <v>42</v>
      </c>
      <c r="AI20373">
        <v>43</v>
      </c>
      <c r="AJ20373">
        <v>43</v>
      </c>
      <c r="AK20373">
        <v>44</v>
      </c>
      <c r="AL20373">
        <v>44</v>
      </c>
      <c r="AM20373">
        <v>44</v>
      </c>
      <c r="AN20373">
        <v>44</v>
      </c>
      <c r="AO20373">
        <v>45</v>
      </c>
      <c r="AP20373">
        <v>45</v>
      </c>
      <c r="AQ20373">
        <v>45</v>
      </c>
    </row>
    <row r="20374" spans="1:43">
      <c r="A20374" t="s">
        <v>12619</v>
      </c>
      <c r="B20374" t="s">
        <v>12620</v>
      </c>
      <c r="C20374" t="s">
        <v>12617</v>
      </c>
      <c r="D20374" t="s">
        <v>12618</v>
      </c>
      <c r="E20374" t="s">
        <v>12580</v>
      </c>
      <c r="F20374" t="s">
        <v>12581</v>
      </c>
      <c r="G20374" t="s">
        <v>12582</v>
      </c>
      <c r="H20374" t="s">
        <v>12581</v>
      </c>
      <c r="I20374" s="2">
        <v>1</v>
      </c>
      <c r="J20374" s="2">
        <v>0</v>
      </c>
      <c r="K20374" s="2">
        <v>0</v>
      </c>
      <c r="L20374" t="s">
        <v>120</v>
      </c>
      <c r="M20374" t="s">
        <v>83</v>
      </c>
      <c r="N20374" t="s">
        <v>84</v>
      </c>
      <c r="O20374" t="s">
        <v>85</v>
      </c>
      <c r="P20374" t="s">
        <v>86</v>
      </c>
      <c r="Q20374">
        <v>30</v>
      </c>
      <c r="R20374">
        <v>30</v>
      </c>
      <c r="S20374">
        <v>31</v>
      </c>
      <c r="T20374">
        <v>31</v>
      </c>
      <c r="U20374">
        <v>32</v>
      </c>
      <c r="V20374">
        <v>32</v>
      </c>
      <c r="W20374">
        <v>33</v>
      </c>
      <c r="X20374">
        <v>33</v>
      </c>
      <c r="Y20374">
        <v>34</v>
      </c>
      <c r="Z20374">
        <v>34</v>
      </c>
      <c r="AA20374">
        <v>35</v>
      </c>
      <c r="AB20374">
        <v>35</v>
      </c>
      <c r="AC20374">
        <v>35</v>
      </c>
      <c r="AD20374">
        <v>36</v>
      </c>
      <c r="AE20374">
        <v>36</v>
      </c>
      <c r="AF20374">
        <v>37</v>
      </c>
      <c r="AG20374">
        <v>37</v>
      </c>
      <c r="AH20374">
        <v>38</v>
      </c>
      <c r="AI20374">
        <v>38</v>
      </c>
      <c r="AJ20374">
        <v>39</v>
      </c>
      <c r="AK20374">
        <v>39</v>
      </c>
      <c r="AL20374">
        <v>40</v>
      </c>
      <c r="AM20374">
        <v>40</v>
      </c>
      <c r="AN20374">
        <v>40</v>
      </c>
      <c r="AO20374">
        <v>40</v>
      </c>
      <c r="AP20374">
        <v>40</v>
      </c>
      <c r="AQ20374">
        <v>40</v>
      </c>
    </row>
    <row r="20375" spans="1:43">
      <c r="A20375" t="s">
        <v>12619</v>
      </c>
      <c r="B20375" t="s">
        <v>12620</v>
      </c>
      <c r="C20375" t="s">
        <v>12617</v>
      </c>
      <c r="D20375" t="s">
        <v>12618</v>
      </c>
      <c r="E20375" t="s">
        <v>12580</v>
      </c>
      <c r="F20375" t="s">
        <v>12581</v>
      </c>
      <c r="G20375" t="s">
        <v>12582</v>
      </c>
      <c r="H20375" t="s">
        <v>12581</v>
      </c>
      <c r="I20375" s="2">
        <v>1</v>
      </c>
      <c r="J20375" s="2">
        <v>0</v>
      </c>
      <c r="K20375" s="2">
        <v>0</v>
      </c>
      <c r="L20375" t="s">
        <v>120</v>
      </c>
      <c r="M20375" t="s">
        <v>87</v>
      </c>
      <c r="N20375" t="s">
        <v>88</v>
      </c>
      <c r="O20375" t="s">
        <v>85</v>
      </c>
      <c r="P20375" t="s">
        <v>86</v>
      </c>
      <c r="Q20375">
        <v>30</v>
      </c>
      <c r="R20375">
        <v>30</v>
      </c>
      <c r="S20375">
        <v>30</v>
      </c>
      <c r="T20375">
        <v>30</v>
      </c>
      <c r="U20375">
        <v>30</v>
      </c>
      <c r="V20375">
        <v>30</v>
      </c>
      <c r="W20375">
        <v>31</v>
      </c>
      <c r="X20375">
        <v>31</v>
      </c>
      <c r="Y20375">
        <v>31</v>
      </c>
      <c r="Z20375">
        <v>31</v>
      </c>
      <c r="AA20375">
        <v>31</v>
      </c>
      <c r="AB20375">
        <v>32</v>
      </c>
      <c r="AC20375">
        <v>32</v>
      </c>
      <c r="AD20375">
        <v>32</v>
      </c>
      <c r="AE20375">
        <v>32</v>
      </c>
      <c r="AF20375">
        <v>33</v>
      </c>
      <c r="AG20375">
        <v>33</v>
      </c>
      <c r="AH20375">
        <v>33</v>
      </c>
      <c r="AI20375">
        <v>33</v>
      </c>
      <c r="AJ20375">
        <v>33</v>
      </c>
      <c r="AK20375">
        <v>34</v>
      </c>
      <c r="AL20375">
        <v>34</v>
      </c>
      <c r="AM20375">
        <v>34</v>
      </c>
      <c r="AN20375">
        <v>34</v>
      </c>
      <c r="AO20375">
        <v>35</v>
      </c>
      <c r="AP20375">
        <v>35</v>
      </c>
      <c r="AQ20375">
        <v>35</v>
      </c>
    </row>
    <row r="20376" spans="1:43">
      <c r="A20376" t="s">
        <v>12619</v>
      </c>
      <c r="B20376" t="s">
        <v>12620</v>
      </c>
      <c r="C20376" t="s">
        <v>12617</v>
      </c>
      <c r="D20376" t="s">
        <v>12618</v>
      </c>
      <c r="E20376" t="s">
        <v>12580</v>
      </c>
      <c r="F20376" t="s">
        <v>12581</v>
      </c>
      <c r="G20376" t="s">
        <v>12582</v>
      </c>
      <c r="H20376" t="s">
        <v>12581</v>
      </c>
      <c r="I20376" s="2">
        <v>1</v>
      </c>
      <c r="J20376" s="2">
        <v>0</v>
      </c>
      <c r="K20376" s="2">
        <v>0</v>
      </c>
      <c r="L20376" t="s">
        <v>120</v>
      </c>
      <c r="M20376" t="s">
        <v>89</v>
      </c>
      <c r="N20376" t="s">
        <v>90</v>
      </c>
      <c r="O20376" t="s">
        <v>85</v>
      </c>
      <c r="P20376" t="s">
        <v>86</v>
      </c>
      <c r="Q20376">
        <v>30</v>
      </c>
      <c r="R20376">
        <v>31</v>
      </c>
      <c r="S20376">
        <v>32</v>
      </c>
      <c r="T20376">
        <v>32</v>
      </c>
      <c r="U20376">
        <v>33</v>
      </c>
      <c r="V20376">
        <v>34</v>
      </c>
      <c r="W20376">
        <v>34</v>
      </c>
      <c r="X20376">
        <v>35</v>
      </c>
      <c r="Y20376">
        <v>36</v>
      </c>
      <c r="Z20376">
        <v>36</v>
      </c>
      <c r="AA20376">
        <v>37</v>
      </c>
      <c r="AB20376">
        <v>37</v>
      </c>
      <c r="AC20376">
        <v>38</v>
      </c>
      <c r="AD20376">
        <v>39</v>
      </c>
      <c r="AE20376">
        <v>39</v>
      </c>
      <c r="AF20376">
        <v>39</v>
      </c>
      <c r="AG20376">
        <v>39</v>
      </c>
      <c r="AH20376">
        <v>40</v>
      </c>
      <c r="AI20376">
        <v>40</v>
      </c>
      <c r="AJ20376">
        <v>40</v>
      </c>
      <c r="AK20376">
        <v>40</v>
      </c>
      <c r="AL20376">
        <v>40</v>
      </c>
      <c r="AM20376">
        <v>40</v>
      </c>
      <c r="AN20376">
        <v>40</v>
      </c>
      <c r="AO20376">
        <v>40</v>
      </c>
      <c r="AP20376">
        <v>41</v>
      </c>
      <c r="AQ20376">
        <v>41</v>
      </c>
    </row>
    <row r="20377" spans="1:43">
      <c r="A20377" t="s">
        <v>12619</v>
      </c>
      <c r="B20377" t="s">
        <v>12620</v>
      </c>
      <c r="C20377" t="s">
        <v>12617</v>
      </c>
      <c r="D20377" t="s">
        <v>12618</v>
      </c>
      <c r="E20377" t="s">
        <v>12580</v>
      </c>
      <c r="F20377" t="s">
        <v>12581</v>
      </c>
      <c r="G20377" t="s">
        <v>12582</v>
      </c>
      <c r="H20377" t="s">
        <v>12581</v>
      </c>
      <c r="I20377" s="2">
        <v>1</v>
      </c>
      <c r="J20377" s="2">
        <v>0</v>
      </c>
      <c r="K20377" s="2">
        <v>0</v>
      </c>
      <c r="L20377" t="s">
        <v>120</v>
      </c>
      <c r="M20377" t="s">
        <v>83</v>
      </c>
      <c r="N20377" t="s">
        <v>91</v>
      </c>
      <c r="O20377" t="s">
        <v>85</v>
      </c>
      <c r="P20377" t="s">
        <v>86</v>
      </c>
      <c r="Q20377">
        <v>30</v>
      </c>
      <c r="R20377">
        <v>30</v>
      </c>
      <c r="S20377">
        <v>31</v>
      </c>
      <c r="T20377">
        <v>31</v>
      </c>
      <c r="U20377">
        <v>32</v>
      </c>
      <c r="V20377">
        <v>32</v>
      </c>
      <c r="W20377">
        <v>33</v>
      </c>
      <c r="X20377">
        <v>33</v>
      </c>
      <c r="Y20377">
        <v>34</v>
      </c>
      <c r="Z20377">
        <v>34</v>
      </c>
      <c r="AA20377">
        <v>35</v>
      </c>
      <c r="AB20377">
        <v>35</v>
      </c>
      <c r="AC20377">
        <v>35</v>
      </c>
      <c r="AD20377">
        <v>36</v>
      </c>
      <c r="AE20377">
        <v>36</v>
      </c>
      <c r="AF20377">
        <v>37</v>
      </c>
      <c r="AG20377">
        <v>37</v>
      </c>
      <c r="AH20377">
        <v>38</v>
      </c>
      <c r="AI20377">
        <v>38</v>
      </c>
      <c r="AJ20377">
        <v>39</v>
      </c>
      <c r="AK20377">
        <v>39</v>
      </c>
      <c r="AL20377">
        <v>40</v>
      </c>
      <c r="AM20377">
        <v>40</v>
      </c>
      <c r="AN20377">
        <v>40</v>
      </c>
      <c r="AO20377">
        <v>40</v>
      </c>
      <c r="AP20377">
        <v>40</v>
      </c>
      <c r="AQ20377">
        <v>40</v>
      </c>
    </row>
    <row r="20378" spans="1:43">
      <c r="A20378" t="s">
        <v>12621</v>
      </c>
      <c r="B20378" t="s">
        <v>12622</v>
      </c>
      <c r="C20378" t="s">
        <v>12623</v>
      </c>
      <c r="D20378" t="s">
        <v>12624</v>
      </c>
      <c r="E20378" t="s">
        <v>12580</v>
      </c>
      <c r="F20378" t="s">
        <v>12581</v>
      </c>
      <c r="G20378" t="s">
        <v>12582</v>
      </c>
      <c r="H20378" t="s">
        <v>12581</v>
      </c>
      <c r="I20378" s="2">
        <v>1</v>
      </c>
      <c r="J20378" s="2">
        <v>0</v>
      </c>
      <c r="K20378" s="2">
        <v>0</v>
      </c>
      <c r="L20378" t="s">
        <v>120</v>
      </c>
      <c r="M20378" t="s">
        <v>83</v>
      </c>
      <c r="N20378" t="s">
        <v>84</v>
      </c>
      <c r="O20378" t="s">
        <v>85</v>
      </c>
      <c r="P20378" t="s">
        <v>86</v>
      </c>
      <c r="Q20378">
        <v>17</v>
      </c>
      <c r="R20378">
        <v>17</v>
      </c>
      <c r="S20378">
        <v>18</v>
      </c>
      <c r="T20378">
        <v>18</v>
      </c>
      <c r="U20378">
        <v>18</v>
      </c>
      <c r="V20378">
        <v>19</v>
      </c>
      <c r="W20378">
        <v>19</v>
      </c>
      <c r="X20378">
        <v>19</v>
      </c>
      <c r="Y20378">
        <v>19</v>
      </c>
      <c r="Z20378">
        <v>20</v>
      </c>
      <c r="AA20378">
        <v>20</v>
      </c>
      <c r="AB20378">
        <v>20</v>
      </c>
      <c r="AC20378">
        <v>21</v>
      </c>
      <c r="AD20378">
        <v>21</v>
      </c>
      <c r="AE20378">
        <v>21</v>
      </c>
      <c r="AF20378">
        <v>21</v>
      </c>
      <c r="AG20378">
        <v>22</v>
      </c>
      <c r="AH20378">
        <v>22</v>
      </c>
      <c r="AI20378">
        <v>22</v>
      </c>
      <c r="AJ20378">
        <v>23</v>
      </c>
      <c r="AK20378">
        <v>23</v>
      </c>
      <c r="AL20378">
        <v>23</v>
      </c>
      <c r="AM20378">
        <v>23</v>
      </c>
      <c r="AN20378">
        <v>23</v>
      </c>
      <c r="AO20378">
        <v>23</v>
      </c>
      <c r="AP20378">
        <v>23</v>
      </c>
      <c r="AQ20378">
        <v>23</v>
      </c>
    </row>
    <row r="20379" spans="1:43">
      <c r="A20379" t="s">
        <v>12621</v>
      </c>
      <c r="B20379" t="s">
        <v>12622</v>
      </c>
      <c r="C20379" t="s">
        <v>12623</v>
      </c>
      <c r="D20379" t="s">
        <v>12624</v>
      </c>
      <c r="E20379" t="s">
        <v>12580</v>
      </c>
      <c r="F20379" t="s">
        <v>12581</v>
      </c>
      <c r="G20379" t="s">
        <v>12582</v>
      </c>
      <c r="H20379" t="s">
        <v>12581</v>
      </c>
      <c r="I20379" s="2">
        <v>1</v>
      </c>
      <c r="J20379" s="2">
        <v>0</v>
      </c>
      <c r="K20379" s="2">
        <v>0</v>
      </c>
      <c r="L20379" t="s">
        <v>120</v>
      </c>
      <c r="M20379" t="s">
        <v>87</v>
      </c>
      <c r="N20379" t="s">
        <v>88</v>
      </c>
      <c r="O20379" t="s">
        <v>85</v>
      </c>
      <c r="P20379" t="s">
        <v>86</v>
      </c>
      <c r="Q20379">
        <v>17</v>
      </c>
      <c r="R20379">
        <v>17</v>
      </c>
      <c r="S20379">
        <v>17</v>
      </c>
      <c r="T20379">
        <v>17</v>
      </c>
      <c r="U20379">
        <v>17</v>
      </c>
      <c r="V20379">
        <v>18</v>
      </c>
      <c r="W20379">
        <v>18</v>
      </c>
      <c r="X20379">
        <v>18</v>
      </c>
      <c r="Y20379">
        <v>18</v>
      </c>
      <c r="Z20379">
        <v>18</v>
      </c>
      <c r="AA20379">
        <v>18</v>
      </c>
      <c r="AB20379">
        <v>18</v>
      </c>
      <c r="AC20379">
        <v>19</v>
      </c>
      <c r="AD20379">
        <v>19</v>
      </c>
      <c r="AE20379">
        <v>19</v>
      </c>
      <c r="AF20379">
        <v>19</v>
      </c>
      <c r="AG20379">
        <v>19</v>
      </c>
      <c r="AH20379">
        <v>19</v>
      </c>
      <c r="AI20379">
        <v>19</v>
      </c>
      <c r="AJ20379">
        <v>20</v>
      </c>
      <c r="AK20379">
        <v>20</v>
      </c>
      <c r="AL20379">
        <v>20</v>
      </c>
      <c r="AM20379">
        <v>20</v>
      </c>
      <c r="AN20379">
        <v>20</v>
      </c>
      <c r="AO20379">
        <v>20</v>
      </c>
      <c r="AP20379">
        <v>20</v>
      </c>
      <c r="AQ20379">
        <v>21</v>
      </c>
    </row>
    <row r="20380" spans="1:43">
      <c r="A20380" t="s">
        <v>12621</v>
      </c>
      <c r="B20380" t="s">
        <v>12622</v>
      </c>
      <c r="C20380" t="s">
        <v>12623</v>
      </c>
      <c r="D20380" t="s">
        <v>12624</v>
      </c>
      <c r="E20380" t="s">
        <v>12580</v>
      </c>
      <c r="F20380" t="s">
        <v>12581</v>
      </c>
      <c r="G20380" t="s">
        <v>12582</v>
      </c>
      <c r="H20380" t="s">
        <v>12581</v>
      </c>
      <c r="I20380" s="2">
        <v>1</v>
      </c>
      <c r="J20380" s="2">
        <v>0</v>
      </c>
      <c r="K20380" s="2">
        <v>0</v>
      </c>
      <c r="L20380" t="s">
        <v>120</v>
      </c>
      <c r="M20380" t="s">
        <v>89</v>
      </c>
      <c r="N20380" t="s">
        <v>90</v>
      </c>
      <c r="O20380" t="s">
        <v>85</v>
      </c>
      <c r="P20380" t="s">
        <v>86</v>
      </c>
      <c r="Q20380">
        <v>17</v>
      </c>
      <c r="R20380">
        <v>18</v>
      </c>
      <c r="S20380">
        <v>18</v>
      </c>
      <c r="T20380">
        <v>19</v>
      </c>
      <c r="U20380">
        <v>19</v>
      </c>
      <c r="V20380">
        <v>19</v>
      </c>
      <c r="W20380">
        <v>20</v>
      </c>
      <c r="X20380">
        <v>20</v>
      </c>
      <c r="Y20380">
        <v>21</v>
      </c>
      <c r="Z20380">
        <v>21</v>
      </c>
      <c r="AA20380">
        <v>21</v>
      </c>
      <c r="AB20380">
        <v>22</v>
      </c>
      <c r="AC20380">
        <v>22</v>
      </c>
      <c r="AD20380">
        <v>22</v>
      </c>
      <c r="AE20380">
        <v>23</v>
      </c>
      <c r="AF20380">
        <v>23</v>
      </c>
      <c r="AG20380">
        <v>23</v>
      </c>
      <c r="AH20380">
        <v>23</v>
      </c>
      <c r="AI20380">
        <v>23</v>
      </c>
      <c r="AJ20380">
        <v>23</v>
      </c>
      <c r="AK20380">
        <v>23</v>
      </c>
      <c r="AL20380">
        <v>23</v>
      </c>
      <c r="AM20380">
        <v>23</v>
      </c>
      <c r="AN20380">
        <v>23</v>
      </c>
      <c r="AO20380">
        <v>23</v>
      </c>
      <c r="AP20380">
        <v>23</v>
      </c>
      <c r="AQ20380">
        <v>24</v>
      </c>
    </row>
    <row r="20381" spans="1:43">
      <c r="A20381" t="s">
        <v>12621</v>
      </c>
      <c r="B20381" t="s">
        <v>12622</v>
      </c>
      <c r="C20381" t="s">
        <v>12623</v>
      </c>
      <c r="D20381" t="s">
        <v>12624</v>
      </c>
      <c r="E20381" t="s">
        <v>12580</v>
      </c>
      <c r="F20381" t="s">
        <v>12581</v>
      </c>
      <c r="G20381" t="s">
        <v>12582</v>
      </c>
      <c r="H20381" t="s">
        <v>12581</v>
      </c>
      <c r="I20381" s="2">
        <v>1</v>
      </c>
      <c r="J20381" s="2">
        <v>0</v>
      </c>
      <c r="K20381" s="2">
        <v>0</v>
      </c>
      <c r="L20381" t="s">
        <v>120</v>
      </c>
      <c r="M20381" t="s">
        <v>83</v>
      </c>
      <c r="N20381" t="s">
        <v>91</v>
      </c>
      <c r="O20381" t="s">
        <v>85</v>
      </c>
      <c r="P20381" t="s">
        <v>86</v>
      </c>
      <c r="Q20381">
        <v>17</v>
      </c>
      <c r="R20381">
        <v>17</v>
      </c>
      <c r="S20381">
        <v>18</v>
      </c>
      <c r="T20381">
        <v>18</v>
      </c>
      <c r="U20381">
        <v>18</v>
      </c>
      <c r="V20381">
        <v>19</v>
      </c>
      <c r="W20381">
        <v>19</v>
      </c>
      <c r="X20381">
        <v>19</v>
      </c>
      <c r="Y20381">
        <v>19</v>
      </c>
      <c r="Z20381">
        <v>20</v>
      </c>
      <c r="AA20381">
        <v>20</v>
      </c>
      <c r="AB20381">
        <v>20</v>
      </c>
      <c r="AC20381">
        <v>21</v>
      </c>
      <c r="AD20381">
        <v>21</v>
      </c>
      <c r="AE20381">
        <v>21</v>
      </c>
      <c r="AF20381">
        <v>21</v>
      </c>
      <c r="AG20381">
        <v>22</v>
      </c>
      <c r="AH20381">
        <v>22</v>
      </c>
      <c r="AI20381">
        <v>22</v>
      </c>
      <c r="AJ20381">
        <v>23</v>
      </c>
      <c r="AK20381">
        <v>23</v>
      </c>
      <c r="AL20381">
        <v>23</v>
      </c>
      <c r="AM20381">
        <v>23</v>
      </c>
      <c r="AN20381">
        <v>23</v>
      </c>
      <c r="AO20381">
        <v>23</v>
      </c>
      <c r="AP20381">
        <v>23</v>
      </c>
      <c r="AQ20381">
        <v>23</v>
      </c>
    </row>
    <row r="20382" spans="1:43">
      <c r="A20382" t="s">
        <v>12625</v>
      </c>
      <c r="B20382" t="s">
        <v>12626</v>
      </c>
      <c r="C20382" t="s">
        <v>12623</v>
      </c>
      <c r="D20382" t="s">
        <v>12624</v>
      </c>
      <c r="E20382" t="s">
        <v>12580</v>
      </c>
      <c r="F20382" t="s">
        <v>12581</v>
      </c>
      <c r="G20382" t="s">
        <v>12582</v>
      </c>
      <c r="H20382" t="s">
        <v>12581</v>
      </c>
      <c r="I20382" s="2">
        <v>1</v>
      </c>
      <c r="J20382" s="2">
        <v>0</v>
      </c>
      <c r="K20382" s="2">
        <v>0</v>
      </c>
      <c r="L20382" t="s">
        <v>120</v>
      </c>
      <c r="M20382" t="s">
        <v>83</v>
      </c>
      <c r="N20382" t="s">
        <v>84</v>
      </c>
      <c r="O20382" t="s">
        <v>85</v>
      </c>
      <c r="P20382" t="s">
        <v>86</v>
      </c>
      <c r="Q20382">
        <v>19</v>
      </c>
      <c r="R20382">
        <v>19</v>
      </c>
      <c r="S20382">
        <v>19</v>
      </c>
      <c r="T20382">
        <v>20</v>
      </c>
      <c r="U20382">
        <v>20</v>
      </c>
      <c r="V20382">
        <v>20</v>
      </c>
      <c r="W20382">
        <v>21</v>
      </c>
      <c r="X20382">
        <v>21</v>
      </c>
      <c r="Y20382">
        <v>21</v>
      </c>
      <c r="Z20382">
        <v>21</v>
      </c>
      <c r="AA20382">
        <v>22</v>
      </c>
      <c r="AB20382">
        <v>22</v>
      </c>
      <c r="AC20382">
        <v>22</v>
      </c>
      <c r="AD20382">
        <v>23</v>
      </c>
      <c r="AE20382">
        <v>23</v>
      </c>
      <c r="AF20382">
        <v>23</v>
      </c>
      <c r="AG20382">
        <v>23</v>
      </c>
      <c r="AH20382">
        <v>24</v>
      </c>
      <c r="AI20382">
        <v>24</v>
      </c>
      <c r="AJ20382">
        <v>24</v>
      </c>
      <c r="AK20382">
        <v>25</v>
      </c>
      <c r="AL20382">
        <v>25</v>
      </c>
      <c r="AM20382">
        <v>25</v>
      </c>
      <c r="AN20382">
        <v>25</v>
      </c>
      <c r="AO20382">
        <v>25</v>
      </c>
      <c r="AP20382">
        <v>25</v>
      </c>
      <c r="AQ20382">
        <v>25</v>
      </c>
    </row>
    <row r="20383" spans="1:43">
      <c r="A20383" t="s">
        <v>12625</v>
      </c>
      <c r="B20383" t="s">
        <v>12626</v>
      </c>
      <c r="C20383" t="s">
        <v>12623</v>
      </c>
      <c r="D20383" t="s">
        <v>12624</v>
      </c>
      <c r="E20383" t="s">
        <v>12580</v>
      </c>
      <c r="F20383" t="s">
        <v>12581</v>
      </c>
      <c r="G20383" t="s">
        <v>12582</v>
      </c>
      <c r="H20383" t="s">
        <v>12581</v>
      </c>
      <c r="I20383" s="2">
        <v>1</v>
      </c>
      <c r="J20383" s="2">
        <v>0</v>
      </c>
      <c r="K20383" s="2">
        <v>0</v>
      </c>
      <c r="L20383" t="s">
        <v>120</v>
      </c>
      <c r="M20383" t="s">
        <v>87</v>
      </c>
      <c r="N20383" t="s">
        <v>88</v>
      </c>
      <c r="O20383" t="s">
        <v>85</v>
      </c>
      <c r="P20383" t="s">
        <v>86</v>
      </c>
      <c r="Q20383">
        <v>19</v>
      </c>
      <c r="R20383">
        <v>20</v>
      </c>
      <c r="S20383">
        <v>20</v>
      </c>
      <c r="T20383">
        <v>20</v>
      </c>
      <c r="U20383">
        <v>20</v>
      </c>
      <c r="V20383">
        <v>20</v>
      </c>
      <c r="W20383">
        <v>20</v>
      </c>
      <c r="X20383">
        <v>20</v>
      </c>
      <c r="Y20383">
        <v>21</v>
      </c>
      <c r="Z20383">
        <v>21</v>
      </c>
      <c r="AA20383">
        <v>21</v>
      </c>
      <c r="AB20383">
        <v>21</v>
      </c>
      <c r="AC20383">
        <v>21</v>
      </c>
      <c r="AD20383">
        <v>21</v>
      </c>
      <c r="AE20383">
        <v>21</v>
      </c>
      <c r="AF20383">
        <v>22</v>
      </c>
      <c r="AG20383">
        <v>22</v>
      </c>
      <c r="AH20383">
        <v>22</v>
      </c>
      <c r="AI20383">
        <v>22</v>
      </c>
      <c r="AJ20383">
        <v>22</v>
      </c>
      <c r="AK20383">
        <v>22</v>
      </c>
      <c r="AL20383">
        <v>22</v>
      </c>
      <c r="AM20383">
        <v>23</v>
      </c>
      <c r="AN20383">
        <v>23</v>
      </c>
      <c r="AO20383">
        <v>23</v>
      </c>
      <c r="AP20383">
        <v>23</v>
      </c>
      <c r="AQ20383">
        <v>23</v>
      </c>
    </row>
    <row r="20384" spans="1:43">
      <c r="A20384" t="s">
        <v>12625</v>
      </c>
      <c r="B20384" t="s">
        <v>12626</v>
      </c>
      <c r="C20384" t="s">
        <v>12623</v>
      </c>
      <c r="D20384" t="s">
        <v>12624</v>
      </c>
      <c r="E20384" t="s">
        <v>12580</v>
      </c>
      <c r="F20384" t="s">
        <v>12581</v>
      </c>
      <c r="G20384" t="s">
        <v>12582</v>
      </c>
      <c r="H20384" t="s">
        <v>12581</v>
      </c>
      <c r="I20384" s="2">
        <v>1</v>
      </c>
      <c r="J20384" s="2">
        <v>0</v>
      </c>
      <c r="K20384" s="2">
        <v>0</v>
      </c>
      <c r="L20384" t="s">
        <v>120</v>
      </c>
      <c r="M20384" t="s">
        <v>89</v>
      </c>
      <c r="N20384" t="s">
        <v>90</v>
      </c>
      <c r="O20384" t="s">
        <v>85</v>
      </c>
      <c r="P20384" t="s">
        <v>86</v>
      </c>
      <c r="Q20384">
        <v>19</v>
      </c>
      <c r="R20384">
        <v>19</v>
      </c>
      <c r="S20384">
        <v>20</v>
      </c>
      <c r="T20384">
        <v>20</v>
      </c>
      <c r="U20384">
        <v>21</v>
      </c>
      <c r="V20384">
        <v>21</v>
      </c>
      <c r="W20384">
        <v>21</v>
      </c>
      <c r="X20384">
        <v>22</v>
      </c>
      <c r="Y20384">
        <v>22</v>
      </c>
      <c r="Z20384">
        <v>23</v>
      </c>
      <c r="AA20384">
        <v>23</v>
      </c>
      <c r="AB20384">
        <v>23</v>
      </c>
      <c r="AC20384">
        <v>24</v>
      </c>
      <c r="AD20384">
        <v>24</v>
      </c>
      <c r="AE20384">
        <v>24</v>
      </c>
      <c r="AF20384">
        <v>25</v>
      </c>
      <c r="AG20384">
        <v>25</v>
      </c>
      <c r="AH20384">
        <v>25</v>
      </c>
      <c r="AI20384">
        <v>25</v>
      </c>
      <c r="AJ20384">
        <v>25</v>
      </c>
      <c r="AK20384">
        <v>25</v>
      </c>
      <c r="AL20384">
        <v>25</v>
      </c>
      <c r="AM20384">
        <v>25</v>
      </c>
      <c r="AN20384">
        <v>25</v>
      </c>
      <c r="AO20384">
        <v>25</v>
      </c>
      <c r="AP20384">
        <v>25</v>
      </c>
      <c r="AQ20384">
        <v>26</v>
      </c>
    </row>
    <row r="20385" spans="1:43">
      <c r="A20385" t="s">
        <v>12625</v>
      </c>
      <c r="B20385" t="s">
        <v>12626</v>
      </c>
      <c r="C20385" t="s">
        <v>12623</v>
      </c>
      <c r="D20385" t="s">
        <v>12624</v>
      </c>
      <c r="E20385" t="s">
        <v>12580</v>
      </c>
      <c r="F20385" t="s">
        <v>12581</v>
      </c>
      <c r="G20385" t="s">
        <v>12582</v>
      </c>
      <c r="H20385" t="s">
        <v>12581</v>
      </c>
      <c r="I20385" s="2">
        <v>1</v>
      </c>
      <c r="J20385" s="2">
        <v>0</v>
      </c>
      <c r="K20385" s="2">
        <v>0</v>
      </c>
      <c r="L20385" t="s">
        <v>120</v>
      </c>
      <c r="M20385" t="s">
        <v>83</v>
      </c>
      <c r="N20385" t="s">
        <v>91</v>
      </c>
      <c r="O20385" t="s">
        <v>85</v>
      </c>
      <c r="P20385" t="s">
        <v>86</v>
      </c>
      <c r="Q20385">
        <v>19</v>
      </c>
      <c r="R20385">
        <v>19</v>
      </c>
      <c r="S20385">
        <v>19</v>
      </c>
      <c r="T20385">
        <v>20</v>
      </c>
      <c r="U20385">
        <v>20</v>
      </c>
      <c r="V20385">
        <v>20</v>
      </c>
      <c r="W20385">
        <v>21</v>
      </c>
      <c r="X20385">
        <v>21</v>
      </c>
      <c r="Y20385">
        <v>21</v>
      </c>
      <c r="Z20385">
        <v>21</v>
      </c>
      <c r="AA20385">
        <v>22</v>
      </c>
      <c r="AB20385">
        <v>22</v>
      </c>
      <c r="AC20385">
        <v>22</v>
      </c>
      <c r="AD20385">
        <v>23</v>
      </c>
      <c r="AE20385">
        <v>23</v>
      </c>
      <c r="AF20385">
        <v>23</v>
      </c>
      <c r="AG20385">
        <v>23</v>
      </c>
      <c r="AH20385">
        <v>24</v>
      </c>
      <c r="AI20385">
        <v>24</v>
      </c>
      <c r="AJ20385">
        <v>24</v>
      </c>
      <c r="AK20385">
        <v>25</v>
      </c>
      <c r="AL20385">
        <v>25</v>
      </c>
      <c r="AM20385">
        <v>25</v>
      </c>
      <c r="AN20385">
        <v>25</v>
      </c>
      <c r="AO20385">
        <v>25</v>
      </c>
      <c r="AP20385">
        <v>25</v>
      </c>
      <c r="AQ20385">
        <v>25</v>
      </c>
    </row>
    <row r="20386" spans="1:43">
      <c r="A20386" t="s">
        <v>12627</v>
      </c>
      <c r="B20386" t="s">
        <v>12628</v>
      </c>
      <c r="C20386" t="s">
        <v>12623</v>
      </c>
      <c r="D20386" t="s">
        <v>12624</v>
      </c>
      <c r="E20386" t="s">
        <v>12580</v>
      </c>
      <c r="F20386" t="s">
        <v>12581</v>
      </c>
      <c r="G20386" t="s">
        <v>12582</v>
      </c>
      <c r="H20386" t="s">
        <v>12581</v>
      </c>
      <c r="I20386" s="2">
        <v>1</v>
      </c>
      <c r="J20386" s="2">
        <v>0</v>
      </c>
      <c r="K20386" s="2">
        <v>0</v>
      </c>
      <c r="L20386" t="s">
        <v>120</v>
      </c>
      <c r="M20386" t="s">
        <v>83</v>
      </c>
      <c r="N20386" t="s">
        <v>84</v>
      </c>
      <c r="O20386" t="s">
        <v>85</v>
      </c>
      <c r="P20386" t="s">
        <v>86</v>
      </c>
      <c r="Q20386">
        <v>6</v>
      </c>
      <c r="R20386">
        <v>6</v>
      </c>
      <c r="S20386">
        <v>6</v>
      </c>
      <c r="T20386">
        <v>6</v>
      </c>
      <c r="U20386">
        <v>6</v>
      </c>
      <c r="V20386">
        <v>6</v>
      </c>
      <c r="W20386">
        <v>6</v>
      </c>
      <c r="X20386">
        <v>6</v>
      </c>
      <c r="Y20386">
        <v>7</v>
      </c>
      <c r="Z20386">
        <v>7</v>
      </c>
      <c r="AA20386">
        <v>7</v>
      </c>
      <c r="AB20386">
        <v>7</v>
      </c>
      <c r="AC20386">
        <v>7</v>
      </c>
      <c r="AD20386">
        <v>7</v>
      </c>
      <c r="AE20386">
        <v>7</v>
      </c>
      <c r="AF20386">
        <v>7</v>
      </c>
      <c r="AG20386">
        <v>7</v>
      </c>
      <c r="AH20386">
        <v>7</v>
      </c>
      <c r="AI20386">
        <v>7</v>
      </c>
      <c r="AJ20386">
        <v>8</v>
      </c>
      <c r="AK20386">
        <v>8</v>
      </c>
      <c r="AL20386">
        <v>8</v>
      </c>
      <c r="AM20386">
        <v>8</v>
      </c>
      <c r="AN20386">
        <v>8</v>
      </c>
      <c r="AO20386">
        <v>8</v>
      </c>
      <c r="AP20386">
        <v>8</v>
      </c>
      <c r="AQ20386">
        <v>8</v>
      </c>
    </row>
    <row r="20387" spans="1:43">
      <c r="A20387" t="s">
        <v>12627</v>
      </c>
      <c r="B20387" t="s">
        <v>12628</v>
      </c>
      <c r="C20387" t="s">
        <v>12623</v>
      </c>
      <c r="D20387" t="s">
        <v>12624</v>
      </c>
      <c r="E20387" t="s">
        <v>12580</v>
      </c>
      <c r="F20387" t="s">
        <v>12581</v>
      </c>
      <c r="G20387" t="s">
        <v>12582</v>
      </c>
      <c r="H20387" t="s">
        <v>12581</v>
      </c>
      <c r="I20387" s="2">
        <v>1</v>
      </c>
      <c r="J20387" s="2">
        <v>0</v>
      </c>
      <c r="K20387" s="2">
        <v>0</v>
      </c>
      <c r="L20387" t="s">
        <v>120</v>
      </c>
      <c r="M20387" t="s">
        <v>87</v>
      </c>
      <c r="N20387" t="s">
        <v>88</v>
      </c>
      <c r="O20387" t="s">
        <v>85</v>
      </c>
      <c r="P20387" t="s">
        <v>86</v>
      </c>
      <c r="Q20387">
        <v>6</v>
      </c>
      <c r="R20387">
        <v>6</v>
      </c>
      <c r="S20387">
        <v>6</v>
      </c>
      <c r="T20387">
        <v>6</v>
      </c>
      <c r="U20387">
        <v>6</v>
      </c>
      <c r="V20387">
        <v>6</v>
      </c>
      <c r="W20387">
        <v>6</v>
      </c>
      <c r="X20387">
        <v>6</v>
      </c>
      <c r="Y20387">
        <v>6</v>
      </c>
      <c r="Z20387">
        <v>6</v>
      </c>
      <c r="AA20387">
        <v>6</v>
      </c>
      <c r="AB20387">
        <v>6</v>
      </c>
      <c r="AC20387">
        <v>6</v>
      </c>
      <c r="AD20387">
        <v>6</v>
      </c>
      <c r="AE20387">
        <v>6</v>
      </c>
      <c r="AF20387">
        <v>6</v>
      </c>
      <c r="AG20387">
        <v>6</v>
      </c>
      <c r="AH20387">
        <v>6</v>
      </c>
      <c r="AI20387">
        <v>7</v>
      </c>
      <c r="AJ20387">
        <v>7</v>
      </c>
      <c r="AK20387">
        <v>7</v>
      </c>
      <c r="AL20387">
        <v>7</v>
      </c>
      <c r="AM20387">
        <v>7</v>
      </c>
      <c r="AN20387">
        <v>7</v>
      </c>
      <c r="AO20387">
        <v>7</v>
      </c>
      <c r="AP20387">
        <v>7</v>
      </c>
      <c r="AQ20387">
        <v>7</v>
      </c>
    </row>
    <row r="20388" spans="1:43">
      <c r="A20388" t="s">
        <v>12627</v>
      </c>
      <c r="B20388" t="s">
        <v>12628</v>
      </c>
      <c r="C20388" t="s">
        <v>12623</v>
      </c>
      <c r="D20388" t="s">
        <v>12624</v>
      </c>
      <c r="E20388" t="s">
        <v>12580</v>
      </c>
      <c r="F20388" t="s">
        <v>12581</v>
      </c>
      <c r="G20388" t="s">
        <v>12582</v>
      </c>
      <c r="H20388" t="s">
        <v>12581</v>
      </c>
      <c r="I20388" s="2">
        <v>1</v>
      </c>
      <c r="J20388" s="2">
        <v>0</v>
      </c>
      <c r="K20388" s="2">
        <v>0</v>
      </c>
      <c r="L20388" t="s">
        <v>120</v>
      </c>
      <c r="M20388" t="s">
        <v>89</v>
      </c>
      <c r="N20388" t="s">
        <v>90</v>
      </c>
      <c r="O20388" t="s">
        <v>85</v>
      </c>
      <c r="P20388" t="s">
        <v>86</v>
      </c>
      <c r="Q20388">
        <v>6</v>
      </c>
      <c r="R20388">
        <v>6</v>
      </c>
      <c r="S20388">
        <v>6</v>
      </c>
      <c r="T20388">
        <v>6</v>
      </c>
      <c r="U20388">
        <v>6</v>
      </c>
      <c r="V20388">
        <v>7</v>
      </c>
      <c r="W20388">
        <v>7</v>
      </c>
      <c r="X20388">
        <v>7</v>
      </c>
      <c r="Y20388">
        <v>7</v>
      </c>
      <c r="Z20388">
        <v>7</v>
      </c>
      <c r="AA20388">
        <v>7</v>
      </c>
      <c r="AB20388">
        <v>7</v>
      </c>
      <c r="AC20388">
        <v>7</v>
      </c>
      <c r="AD20388">
        <v>8</v>
      </c>
      <c r="AE20388">
        <v>8</v>
      </c>
      <c r="AF20388">
        <v>8</v>
      </c>
      <c r="AG20388">
        <v>8</v>
      </c>
      <c r="AH20388">
        <v>8</v>
      </c>
      <c r="AI20388">
        <v>8</v>
      </c>
      <c r="AJ20388">
        <v>8</v>
      </c>
      <c r="AK20388">
        <v>8</v>
      </c>
      <c r="AL20388">
        <v>8</v>
      </c>
      <c r="AM20388">
        <v>8</v>
      </c>
      <c r="AN20388">
        <v>8</v>
      </c>
      <c r="AO20388">
        <v>8</v>
      </c>
      <c r="AP20388">
        <v>8</v>
      </c>
      <c r="AQ20388">
        <v>8</v>
      </c>
    </row>
    <row r="20389" spans="1:43">
      <c r="A20389" t="s">
        <v>12627</v>
      </c>
      <c r="B20389" t="s">
        <v>12628</v>
      </c>
      <c r="C20389" t="s">
        <v>12623</v>
      </c>
      <c r="D20389" t="s">
        <v>12624</v>
      </c>
      <c r="E20389" t="s">
        <v>12580</v>
      </c>
      <c r="F20389" t="s">
        <v>12581</v>
      </c>
      <c r="G20389" t="s">
        <v>12582</v>
      </c>
      <c r="H20389" t="s">
        <v>12581</v>
      </c>
      <c r="I20389" s="2">
        <v>1</v>
      </c>
      <c r="J20389" s="2">
        <v>0</v>
      </c>
      <c r="K20389" s="2">
        <v>0</v>
      </c>
      <c r="L20389" t="s">
        <v>120</v>
      </c>
      <c r="M20389" t="s">
        <v>83</v>
      </c>
      <c r="N20389" t="s">
        <v>91</v>
      </c>
      <c r="O20389" t="s">
        <v>85</v>
      </c>
      <c r="P20389" t="s">
        <v>86</v>
      </c>
      <c r="Q20389">
        <v>6</v>
      </c>
      <c r="R20389">
        <v>6</v>
      </c>
      <c r="S20389">
        <v>6</v>
      </c>
      <c r="T20389">
        <v>6</v>
      </c>
      <c r="U20389">
        <v>6</v>
      </c>
      <c r="V20389">
        <v>6</v>
      </c>
      <c r="W20389">
        <v>6</v>
      </c>
      <c r="X20389">
        <v>6</v>
      </c>
      <c r="Y20389">
        <v>7</v>
      </c>
      <c r="Z20389">
        <v>7</v>
      </c>
      <c r="AA20389">
        <v>7</v>
      </c>
      <c r="AB20389">
        <v>7</v>
      </c>
      <c r="AC20389">
        <v>7</v>
      </c>
      <c r="AD20389">
        <v>7</v>
      </c>
      <c r="AE20389">
        <v>7</v>
      </c>
      <c r="AF20389">
        <v>7</v>
      </c>
      <c r="AG20389">
        <v>7</v>
      </c>
      <c r="AH20389">
        <v>7</v>
      </c>
      <c r="AI20389">
        <v>7</v>
      </c>
      <c r="AJ20389">
        <v>8</v>
      </c>
      <c r="AK20389">
        <v>8</v>
      </c>
      <c r="AL20389">
        <v>8</v>
      </c>
      <c r="AM20389">
        <v>8</v>
      </c>
      <c r="AN20389">
        <v>8</v>
      </c>
      <c r="AO20389">
        <v>8</v>
      </c>
      <c r="AP20389">
        <v>8</v>
      </c>
      <c r="AQ20389">
        <v>8</v>
      </c>
    </row>
    <row r="20390" spans="1:43">
      <c r="A20390" t="s">
        <v>12629</v>
      </c>
      <c r="B20390" t="s">
        <v>12630</v>
      </c>
      <c r="C20390" t="s">
        <v>12617</v>
      </c>
      <c r="D20390" t="s">
        <v>12618</v>
      </c>
      <c r="E20390" t="s">
        <v>12580</v>
      </c>
      <c r="F20390" t="s">
        <v>12581</v>
      </c>
      <c r="G20390" t="s">
        <v>12582</v>
      </c>
      <c r="H20390" t="s">
        <v>12581</v>
      </c>
      <c r="I20390" s="2">
        <v>1</v>
      </c>
      <c r="J20390" s="2">
        <v>0</v>
      </c>
      <c r="K20390" s="2">
        <v>0</v>
      </c>
      <c r="L20390" t="s">
        <v>120</v>
      </c>
      <c r="M20390" t="s">
        <v>83</v>
      </c>
      <c r="N20390" t="s">
        <v>84</v>
      </c>
      <c r="O20390" t="s">
        <v>85</v>
      </c>
      <c r="P20390" t="s">
        <v>86</v>
      </c>
      <c r="Q20390">
        <v>30</v>
      </c>
      <c r="R20390">
        <v>31</v>
      </c>
      <c r="S20390">
        <v>31</v>
      </c>
      <c r="T20390">
        <v>32</v>
      </c>
      <c r="U20390">
        <v>32</v>
      </c>
      <c r="V20390">
        <v>33</v>
      </c>
      <c r="W20390">
        <v>33</v>
      </c>
      <c r="X20390">
        <v>34</v>
      </c>
      <c r="Y20390">
        <v>34</v>
      </c>
      <c r="Z20390">
        <v>34</v>
      </c>
      <c r="AA20390">
        <v>35</v>
      </c>
      <c r="AB20390">
        <v>35</v>
      </c>
      <c r="AC20390">
        <v>36</v>
      </c>
      <c r="AD20390">
        <v>36</v>
      </c>
      <c r="AE20390">
        <v>37</v>
      </c>
      <c r="AF20390">
        <v>37</v>
      </c>
      <c r="AG20390">
        <v>38</v>
      </c>
      <c r="AH20390">
        <v>38</v>
      </c>
      <c r="AI20390">
        <v>39</v>
      </c>
      <c r="AJ20390">
        <v>39</v>
      </c>
      <c r="AK20390">
        <v>40</v>
      </c>
      <c r="AL20390">
        <v>40</v>
      </c>
      <c r="AM20390">
        <v>40</v>
      </c>
      <c r="AN20390">
        <v>40</v>
      </c>
      <c r="AO20390">
        <v>41</v>
      </c>
      <c r="AP20390">
        <v>41</v>
      </c>
      <c r="AQ20390">
        <v>41</v>
      </c>
    </row>
    <row r="20391" spans="1:43">
      <c r="A20391" t="s">
        <v>12629</v>
      </c>
      <c r="B20391" t="s">
        <v>12630</v>
      </c>
      <c r="C20391" t="s">
        <v>12617</v>
      </c>
      <c r="D20391" t="s">
        <v>12618</v>
      </c>
      <c r="E20391" t="s">
        <v>12580</v>
      </c>
      <c r="F20391" t="s">
        <v>12581</v>
      </c>
      <c r="G20391" t="s">
        <v>12582</v>
      </c>
      <c r="H20391" t="s">
        <v>12581</v>
      </c>
      <c r="I20391" s="2">
        <v>1</v>
      </c>
      <c r="J20391" s="2">
        <v>0</v>
      </c>
      <c r="K20391" s="2">
        <v>0</v>
      </c>
      <c r="L20391" t="s">
        <v>120</v>
      </c>
      <c r="M20391" t="s">
        <v>87</v>
      </c>
      <c r="N20391" t="s">
        <v>88</v>
      </c>
      <c r="O20391" t="s">
        <v>85</v>
      </c>
      <c r="P20391" t="s">
        <v>86</v>
      </c>
      <c r="Q20391">
        <v>30</v>
      </c>
      <c r="R20391">
        <v>30</v>
      </c>
      <c r="S20391">
        <v>30</v>
      </c>
      <c r="T20391">
        <v>30</v>
      </c>
      <c r="U20391">
        <v>31</v>
      </c>
      <c r="V20391">
        <v>31</v>
      </c>
      <c r="W20391">
        <v>31</v>
      </c>
      <c r="X20391">
        <v>31</v>
      </c>
      <c r="Y20391">
        <v>31</v>
      </c>
      <c r="Z20391">
        <v>32</v>
      </c>
      <c r="AA20391">
        <v>32</v>
      </c>
      <c r="AB20391">
        <v>32</v>
      </c>
      <c r="AC20391">
        <v>32</v>
      </c>
      <c r="AD20391">
        <v>32</v>
      </c>
      <c r="AE20391">
        <v>33</v>
      </c>
      <c r="AF20391">
        <v>33</v>
      </c>
      <c r="AG20391">
        <v>33</v>
      </c>
      <c r="AH20391">
        <v>33</v>
      </c>
      <c r="AI20391">
        <v>34</v>
      </c>
      <c r="AJ20391">
        <v>34</v>
      </c>
      <c r="AK20391">
        <v>34</v>
      </c>
      <c r="AL20391">
        <v>34</v>
      </c>
      <c r="AM20391">
        <v>35</v>
      </c>
      <c r="AN20391">
        <v>35</v>
      </c>
      <c r="AO20391">
        <v>35</v>
      </c>
      <c r="AP20391">
        <v>35</v>
      </c>
      <c r="AQ20391">
        <v>35</v>
      </c>
    </row>
    <row r="20392" spans="1:43">
      <c r="A20392" t="s">
        <v>12629</v>
      </c>
      <c r="B20392" t="s">
        <v>12630</v>
      </c>
      <c r="C20392" t="s">
        <v>12617</v>
      </c>
      <c r="D20392" t="s">
        <v>12618</v>
      </c>
      <c r="E20392" t="s">
        <v>12580</v>
      </c>
      <c r="F20392" t="s">
        <v>12581</v>
      </c>
      <c r="G20392" t="s">
        <v>12582</v>
      </c>
      <c r="H20392" t="s">
        <v>12581</v>
      </c>
      <c r="I20392" s="2">
        <v>1</v>
      </c>
      <c r="J20392" s="2">
        <v>0</v>
      </c>
      <c r="K20392" s="2">
        <v>0</v>
      </c>
      <c r="L20392" t="s">
        <v>120</v>
      </c>
      <c r="M20392" t="s">
        <v>89</v>
      </c>
      <c r="N20392" t="s">
        <v>90</v>
      </c>
      <c r="O20392" t="s">
        <v>85</v>
      </c>
      <c r="P20392" t="s">
        <v>86</v>
      </c>
      <c r="Q20392">
        <v>30</v>
      </c>
      <c r="R20392">
        <v>31</v>
      </c>
      <c r="S20392">
        <v>32</v>
      </c>
      <c r="T20392">
        <v>33</v>
      </c>
      <c r="U20392">
        <v>33</v>
      </c>
      <c r="V20392">
        <v>34</v>
      </c>
      <c r="W20392">
        <v>35</v>
      </c>
      <c r="X20392">
        <v>35</v>
      </c>
      <c r="Y20392">
        <v>36</v>
      </c>
      <c r="Z20392">
        <v>37</v>
      </c>
      <c r="AA20392">
        <v>37</v>
      </c>
      <c r="AB20392">
        <v>38</v>
      </c>
      <c r="AC20392">
        <v>39</v>
      </c>
      <c r="AD20392">
        <v>39</v>
      </c>
      <c r="AE20392">
        <v>40</v>
      </c>
      <c r="AF20392">
        <v>40</v>
      </c>
      <c r="AG20392">
        <v>40</v>
      </c>
      <c r="AH20392">
        <v>40</v>
      </c>
      <c r="AI20392">
        <v>40</v>
      </c>
      <c r="AJ20392">
        <v>40</v>
      </c>
      <c r="AK20392">
        <v>40</v>
      </c>
      <c r="AL20392">
        <v>41</v>
      </c>
      <c r="AM20392">
        <v>41</v>
      </c>
      <c r="AN20392">
        <v>41</v>
      </c>
      <c r="AO20392">
        <v>41</v>
      </c>
      <c r="AP20392">
        <v>41</v>
      </c>
      <c r="AQ20392">
        <v>41</v>
      </c>
    </row>
    <row r="20393" spans="1:43">
      <c r="A20393" t="s">
        <v>12629</v>
      </c>
      <c r="B20393" t="s">
        <v>12630</v>
      </c>
      <c r="C20393" t="s">
        <v>12617</v>
      </c>
      <c r="D20393" t="s">
        <v>12618</v>
      </c>
      <c r="E20393" t="s">
        <v>12580</v>
      </c>
      <c r="F20393" t="s">
        <v>12581</v>
      </c>
      <c r="G20393" t="s">
        <v>12582</v>
      </c>
      <c r="H20393" t="s">
        <v>12581</v>
      </c>
      <c r="I20393" s="2">
        <v>1</v>
      </c>
      <c r="J20393" s="2">
        <v>0</v>
      </c>
      <c r="K20393" s="2">
        <v>0</v>
      </c>
      <c r="L20393" t="s">
        <v>120</v>
      </c>
      <c r="M20393" t="s">
        <v>83</v>
      </c>
      <c r="N20393" t="s">
        <v>91</v>
      </c>
      <c r="O20393" t="s">
        <v>85</v>
      </c>
      <c r="P20393" t="s">
        <v>86</v>
      </c>
      <c r="Q20393">
        <v>30</v>
      </c>
      <c r="R20393">
        <v>31</v>
      </c>
      <c r="S20393">
        <v>31</v>
      </c>
      <c r="T20393">
        <v>32</v>
      </c>
      <c r="U20393">
        <v>32</v>
      </c>
      <c r="V20393">
        <v>33</v>
      </c>
      <c r="W20393">
        <v>33</v>
      </c>
      <c r="X20393">
        <v>34</v>
      </c>
      <c r="Y20393">
        <v>34</v>
      </c>
      <c r="Z20393">
        <v>34</v>
      </c>
      <c r="AA20393">
        <v>35</v>
      </c>
      <c r="AB20393">
        <v>35</v>
      </c>
      <c r="AC20393">
        <v>36</v>
      </c>
      <c r="AD20393">
        <v>36</v>
      </c>
      <c r="AE20393">
        <v>37</v>
      </c>
      <c r="AF20393">
        <v>37</v>
      </c>
      <c r="AG20393">
        <v>38</v>
      </c>
      <c r="AH20393">
        <v>38</v>
      </c>
      <c r="AI20393">
        <v>39</v>
      </c>
      <c r="AJ20393">
        <v>39</v>
      </c>
      <c r="AK20393">
        <v>40</v>
      </c>
      <c r="AL20393">
        <v>40</v>
      </c>
      <c r="AM20393">
        <v>40</v>
      </c>
      <c r="AN20393">
        <v>40</v>
      </c>
      <c r="AO20393">
        <v>41</v>
      </c>
      <c r="AP20393">
        <v>41</v>
      </c>
      <c r="AQ20393">
        <v>41</v>
      </c>
    </row>
    <row r="20394" spans="1:43">
      <c r="A20394" t="s">
        <v>12631</v>
      </c>
      <c r="B20394" t="s">
        <v>12632</v>
      </c>
      <c r="C20394" t="s">
        <v>12617</v>
      </c>
      <c r="D20394" t="s">
        <v>12618</v>
      </c>
      <c r="E20394" t="s">
        <v>12580</v>
      </c>
      <c r="F20394" t="s">
        <v>12581</v>
      </c>
      <c r="G20394" t="s">
        <v>12582</v>
      </c>
      <c r="H20394" t="s">
        <v>12581</v>
      </c>
      <c r="I20394" s="2">
        <v>1</v>
      </c>
      <c r="J20394" s="2">
        <v>0</v>
      </c>
      <c r="K20394" s="2">
        <v>0</v>
      </c>
      <c r="L20394" t="s">
        <v>120</v>
      </c>
      <c r="M20394" t="s">
        <v>83</v>
      </c>
      <c r="N20394" t="s">
        <v>84</v>
      </c>
      <c r="O20394" t="s">
        <v>85</v>
      </c>
      <c r="P20394" t="s">
        <v>86</v>
      </c>
      <c r="Q20394">
        <v>20</v>
      </c>
      <c r="R20394">
        <v>21</v>
      </c>
      <c r="S20394">
        <v>21</v>
      </c>
      <c r="T20394">
        <v>21</v>
      </c>
      <c r="U20394">
        <v>22</v>
      </c>
      <c r="V20394">
        <v>22</v>
      </c>
      <c r="W20394">
        <v>22</v>
      </c>
      <c r="X20394">
        <v>23</v>
      </c>
      <c r="Y20394">
        <v>23</v>
      </c>
      <c r="Z20394">
        <v>23</v>
      </c>
      <c r="AA20394">
        <v>23</v>
      </c>
      <c r="AB20394">
        <v>24</v>
      </c>
      <c r="AC20394">
        <v>24</v>
      </c>
      <c r="AD20394">
        <v>24</v>
      </c>
      <c r="AE20394">
        <v>25</v>
      </c>
      <c r="AF20394">
        <v>25</v>
      </c>
      <c r="AG20394">
        <v>25</v>
      </c>
      <c r="AH20394">
        <v>26</v>
      </c>
      <c r="AI20394">
        <v>26</v>
      </c>
      <c r="AJ20394">
        <v>26</v>
      </c>
      <c r="AK20394">
        <v>27</v>
      </c>
      <c r="AL20394">
        <v>27</v>
      </c>
      <c r="AM20394">
        <v>27</v>
      </c>
      <c r="AN20394">
        <v>27</v>
      </c>
      <c r="AO20394">
        <v>27</v>
      </c>
      <c r="AP20394">
        <v>27</v>
      </c>
      <c r="AQ20394">
        <v>27</v>
      </c>
    </row>
    <row r="20395" spans="1:43">
      <c r="A20395" t="s">
        <v>12631</v>
      </c>
      <c r="B20395" t="s">
        <v>12632</v>
      </c>
      <c r="C20395" t="s">
        <v>12617</v>
      </c>
      <c r="D20395" t="s">
        <v>12618</v>
      </c>
      <c r="E20395" t="s">
        <v>12580</v>
      </c>
      <c r="F20395" t="s">
        <v>12581</v>
      </c>
      <c r="G20395" t="s">
        <v>12582</v>
      </c>
      <c r="H20395" t="s">
        <v>12581</v>
      </c>
      <c r="I20395" s="2">
        <v>1</v>
      </c>
      <c r="J20395" s="2">
        <v>0</v>
      </c>
      <c r="K20395" s="2">
        <v>0</v>
      </c>
      <c r="L20395" t="s">
        <v>120</v>
      </c>
      <c r="M20395" t="s">
        <v>87</v>
      </c>
      <c r="N20395" t="s">
        <v>88</v>
      </c>
      <c r="O20395" t="s">
        <v>85</v>
      </c>
      <c r="P20395" t="s">
        <v>86</v>
      </c>
      <c r="Q20395">
        <v>20</v>
      </c>
      <c r="R20395">
        <v>20</v>
      </c>
      <c r="S20395">
        <v>20</v>
      </c>
      <c r="T20395">
        <v>20</v>
      </c>
      <c r="U20395">
        <v>21</v>
      </c>
      <c r="V20395">
        <v>21</v>
      </c>
      <c r="W20395">
        <v>21</v>
      </c>
      <c r="X20395">
        <v>21</v>
      </c>
      <c r="Y20395">
        <v>21</v>
      </c>
      <c r="Z20395">
        <v>21</v>
      </c>
      <c r="AA20395">
        <v>21</v>
      </c>
      <c r="AB20395">
        <v>22</v>
      </c>
      <c r="AC20395">
        <v>22</v>
      </c>
      <c r="AD20395">
        <v>22</v>
      </c>
      <c r="AE20395">
        <v>22</v>
      </c>
      <c r="AF20395">
        <v>22</v>
      </c>
      <c r="AG20395">
        <v>22</v>
      </c>
      <c r="AH20395">
        <v>22</v>
      </c>
      <c r="AI20395">
        <v>23</v>
      </c>
      <c r="AJ20395">
        <v>23</v>
      </c>
      <c r="AK20395">
        <v>23</v>
      </c>
      <c r="AL20395">
        <v>23</v>
      </c>
      <c r="AM20395">
        <v>23</v>
      </c>
      <c r="AN20395">
        <v>23</v>
      </c>
      <c r="AO20395">
        <v>23</v>
      </c>
      <c r="AP20395">
        <v>24</v>
      </c>
      <c r="AQ20395">
        <v>24</v>
      </c>
    </row>
    <row r="20396" spans="1:43">
      <c r="A20396" t="s">
        <v>12631</v>
      </c>
      <c r="B20396" t="s">
        <v>12632</v>
      </c>
      <c r="C20396" t="s">
        <v>12617</v>
      </c>
      <c r="D20396" t="s">
        <v>12618</v>
      </c>
      <c r="E20396" t="s">
        <v>12580</v>
      </c>
      <c r="F20396" t="s">
        <v>12581</v>
      </c>
      <c r="G20396" t="s">
        <v>12582</v>
      </c>
      <c r="H20396" t="s">
        <v>12581</v>
      </c>
      <c r="I20396" s="2">
        <v>1</v>
      </c>
      <c r="J20396" s="2">
        <v>0</v>
      </c>
      <c r="K20396" s="2">
        <v>0</v>
      </c>
      <c r="L20396" t="s">
        <v>120</v>
      </c>
      <c r="M20396" t="s">
        <v>89</v>
      </c>
      <c r="N20396" t="s">
        <v>90</v>
      </c>
      <c r="O20396" t="s">
        <v>85</v>
      </c>
      <c r="P20396" t="s">
        <v>86</v>
      </c>
      <c r="Q20396">
        <v>20</v>
      </c>
      <c r="R20396">
        <v>21</v>
      </c>
      <c r="S20396">
        <v>21</v>
      </c>
      <c r="T20396">
        <v>22</v>
      </c>
      <c r="U20396">
        <v>22</v>
      </c>
      <c r="V20396">
        <v>23</v>
      </c>
      <c r="W20396">
        <v>23</v>
      </c>
      <c r="X20396">
        <v>24</v>
      </c>
      <c r="Y20396">
        <v>24</v>
      </c>
      <c r="Z20396">
        <v>25</v>
      </c>
      <c r="AA20396">
        <v>25</v>
      </c>
      <c r="AB20396">
        <v>25</v>
      </c>
      <c r="AC20396">
        <v>26</v>
      </c>
      <c r="AD20396">
        <v>26</v>
      </c>
      <c r="AE20396">
        <v>27</v>
      </c>
      <c r="AF20396">
        <v>27</v>
      </c>
      <c r="AG20396">
        <v>27</v>
      </c>
      <c r="AH20396">
        <v>27</v>
      </c>
      <c r="AI20396">
        <v>27</v>
      </c>
      <c r="AJ20396">
        <v>27</v>
      </c>
      <c r="AK20396">
        <v>27</v>
      </c>
      <c r="AL20396">
        <v>27</v>
      </c>
      <c r="AM20396">
        <v>27</v>
      </c>
      <c r="AN20396">
        <v>27</v>
      </c>
      <c r="AO20396">
        <v>27</v>
      </c>
      <c r="AP20396">
        <v>27</v>
      </c>
      <c r="AQ20396">
        <v>28</v>
      </c>
    </row>
    <row r="20397" spans="1:43">
      <c r="A20397" t="s">
        <v>12631</v>
      </c>
      <c r="B20397" t="s">
        <v>12632</v>
      </c>
      <c r="C20397" t="s">
        <v>12617</v>
      </c>
      <c r="D20397" t="s">
        <v>12618</v>
      </c>
      <c r="E20397" t="s">
        <v>12580</v>
      </c>
      <c r="F20397" t="s">
        <v>12581</v>
      </c>
      <c r="G20397" t="s">
        <v>12582</v>
      </c>
      <c r="H20397" t="s">
        <v>12581</v>
      </c>
      <c r="I20397" s="2">
        <v>1</v>
      </c>
      <c r="J20397" s="2">
        <v>0</v>
      </c>
      <c r="K20397" s="2">
        <v>0</v>
      </c>
      <c r="L20397" t="s">
        <v>120</v>
      </c>
      <c r="M20397" t="s">
        <v>83</v>
      </c>
      <c r="N20397" t="s">
        <v>91</v>
      </c>
      <c r="O20397" t="s">
        <v>85</v>
      </c>
      <c r="P20397" t="s">
        <v>86</v>
      </c>
      <c r="Q20397">
        <v>20</v>
      </c>
      <c r="R20397">
        <v>21</v>
      </c>
      <c r="S20397">
        <v>21</v>
      </c>
      <c r="T20397">
        <v>21</v>
      </c>
      <c r="U20397">
        <v>22</v>
      </c>
      <c r="V20397">
        <v>22</v>
      </c>
      <c r="W20397">
        <v>22</v>
      </c>
      <c r="X20397">
        <v>23</v>
      </c>
      <c r="Y20397">
        <v>23</v>
      </c>
      <c r="Z20397">
        <v>23</v>
      </c>
      <c r="AA20397">
        <v>23</v>
      </c>
      <c r="AB20397">
        <v>24</v>
      </c>
      <c r="AC20397">
        <v>24</v>
      </c>
      <c r="AD20397">
        <v>24</v>
      </c>
      <c r="AE20397">
        <v>25</v>
      </c>
      <c r="AF20397">
        <v>25</v>
      </c>
      <c r="AG20397">
        <v>25</v>
      </c>
      <c r="AH20397">
        <v>26</v>
      </c>
      <c r="AI20397">
        <v>26</v>
      </c>
      <c r="AJ20397">
        <v>26</v>
      </c>
      <c r="AK20397">
        <v>27</v>
      </c>
      <c r="AL20397">
        <v>27</v>
      </c>
      <c r="AM20397">
        <v>27</v>
      </c>
      <c r="AN20397">
        <v>27</v>
      </c>
      <c r="AO20397">
        <v>27</v>
      </c>
      <c r="AP20397">
        <v>27</v>
      </c>
      <c r="AQ20397">
        <v>27</v>
      </c>
    </row>
    <row r="20398" spans="1:43">
      <c r="A20398" t="s">
        <v>12633</v>
      </c>
      <c r="B20398" t="s">
        <v>12634</v>
      </c>
      <c r="C20398" t="s">
        <v>12635</v>
      </c>
      <c r="D20398" t="s">
        <v>12636</v>
      </c>
      <c r="E20398" t="s">
        <v>12580</v>
      </c>
      <c r="F20398" t="s">
        <v>12581</v>
      </c>
      <c r="G20398" t="s">
        <v>12582</v>
      </c>
      <c r="H20398" t="s">
        <v>12581</v>
      </c>
      <c r="I20398" s="2">
        <v>1</v>
      </c>
      <c r="J20398" s="2">
        <v>0</v>
      </c>
      <c r="K20398" s="2">
        <v>0</v>
      </c>
      <c r="L20398" t="s">
        <v>120</v>
      </c>
      <c r="M20398" t="s">
        <v>83</v>
      </c>
      <c r="N20398" t="s">
        <v>84</v>
      </c>
      <c r="O20398" t="s">
        <v>85</v>
      </c>
      <c r="P20398" t="s">
        <v>86</v>
      </c>
      <c r="Q20398">
        <v>11</v>
      </c>
      <c r="R20398">
        <v>11</v>
      </c>
      <c r="S20398">
        <v>11</v>
      </c>
      <c r="T20398">
        <v>12</v>
      </c>
      <c r="U20398">
        <v>12</v>
      </c>
      <c r="V20398">
        <v>12</v>
      </c>
      <c r="W20398">
        <v>12</v>
      </c>
      <c r="X20398">
        <v>12</v>
      </c>
      <c r="Y20398">
        <v>13</v>
      </c>
      <c r="Z20398">
        <v>13</v>
      </c>
      <c r="AA20398">
        <v>13</v>
      </c>
      <c r="AB20398">
        <v>13</v>
      </c>
      <c r="AC20398">
        <v>13</v>
      </c>
      <c r="AD20398">
        <v>13</v>
      </c>
      <c r="AE20398">
        <v>14</v>
      </c>
      <c r="AF20398">
        <v>14</v>
      </c>
      <c r="AG20398">
        <v>14</v>
      </c>
      <c r="AH20398">
        <v>14</v>
      </c>
      <c r="AI20398">
        <v>14</v>
      </c>
      <c r="AJ20398">
        <v>15</v>
      </c>
      <c r="AK20398">
        <v>15</v>
      </c>
      <c r="AL20398">
        <v>15</v>
      </c>
      <c r="AM20398">
        <v>15</v>
      </c>
      <c r="AN20398">
        <v>15</v>
      </c>
      <c r="AO20398">
        <v>15</v>
      </c>
      <c r="AP20398">
        <v>15</v>
      </c>
      <c r="AQ20398">
        <v>15</v>
      </c>
    </row>
    <row r="20399" spans="1:43">
      <c r="A20399" t="s">
        <v>12633</v>
      </c>
      <c r="B20399" t="s">
        <v>12634</v>
      </c>
      <c r="C20399" t="s">
        <v>12635</v>
      </c>
      <c r="D20399" t="s">
        <v>12636</v>
      </c>
      <c r="E20399" t="s">
        <v>12580</v>
      </c>
      <c r="F20399" t="s">
        <v>12581</v>
      </c>
      <c r="G20399" t="s">
        <v>12582</v>
      </c>
      <c r="H20399" t="s">
        <v>12581</v>
      </c>
      <c r="I20399" s="2">
        <v>1</v>
      </c>
      <c r="J20399" s="2">
        <v>0</v>
      </c>
      <c r="K20399" s="2">
        <v>0</v>
      </c>
      <c r="L20399" t="s">
        <v>120</v>
      </c>
      <c r="M20399" t="s">
        <v>87</v>
      </c>
      <c r="N20399" t="s">
        <v>88</v>
      </c>
      <c r="O20399" t="s">
        <v>85</v>
      </c>
      <c r="P20399" t="s">
        <v>86</v>
      </c>
      <c r="Q20399">
        <v>11</v>
      </c>
      <c r="R20399">
        <v>11</v>
      </c>
      <c r="S20399">
        <v>11</v>
      </c>
      <c r="T20399">
        <v>11</v>
      </c>
      <c r="U20399">
        <v>11</v>
      </c>
      <c r="V20399">
        <v>11</v>
      </c>
      <c r="W20399">
        <v>11</v>
      </c>
      <c r="X20399">
        <v>11</v>
      </c>
      <c r="Y20399">
        <v>12</v>
      </c>
      <c r="Z20399">
        <v>12</v>
      </c>
      <c r="AA20399">
        <v>12</v>
      </c>
      <c r="AB20399">
        <v>12</v>
      </c>
      <c r="AC20399">
        <v>12</v>
      </c>
      <c r="AD20399">
        <v>12</v>
      </c>
      <c r="AE20399">
        <v>12</v>
      </c>
      <c r="AF20399">
        <v>12</v>
      </c>
      <c r="AG20399">
        <v>12</v>
      </c>
      <c r="AH20399">
        <v>12</v>
      </c>
      <c r="AI20399">
        <v>13</v>
      </c>
      <c r="AJ20399">
        <v>13</v>
      </c>
      <c r="AK20399">
        <v>13</v>
      </c>
      <c r="AL20399">
        <v>13</v>
      </c>
      <c r="AM20399">
        <v>13</v>
      </c>
      <c r="AN20399">
        <v>13</v>
      </c>
      <c r="AO20399">
        <v>13</v>
      </c>
      <c r="AP20399">
        <v>13</v>
      </c>
      <c r="AQ20399">
        <v>13</v>
      </c>
    </row>
    <row r="20400" spans="1:43">
      <c r="A20400" t="s">
        <v>12633</v>
      </c>
      <c r="B20400" t="s">
        <v>12634</v>
      </c>
      <c r="C20400" t="s">
        <v>12635</v>
      </c>
      <c r="D20400" t="s">
        <v>12636</v>
      </c>
      <c r="E20400" t="s">
        <v>12580</v>
      </c>
      <c r="F20400" t="s">
        <v>12581</v>
      </c>
      <c r="G20400" t="s">
        <v>12582</v>
      </c>
      <c r="H20400" t="s">
        <v>12581</v>
      </c>
      <c r="I20400" s="2">
        <v>1</v>
      </c>
      <c r="J20400" s="2">
        <v>0</v>
      </c>
      <c r="K20400" s="2">
        <v>0</v>
      </c>
      <c r="L20400" t="s">
        <v>120</v>
      </c>
      <c r="M20400" t="s">
        <v>89</v>
      </c>
      <c r="N20400" t="s">
        <v>90</v>
      </c>
      <c r="O20400" t="s">
        <v>85</v>
      </c>
      <c r="P20400" t="s">
        <v>86</v>
      </c>
      <c r="Q20400">
        <v>11</v>
      </c>
      <c r="R20400">
        <v>11</v>
      </c>
      <c r="S20400">
        <v>12</v>
      </c>
      <c r="T20400">
        <v>12</v>
      </c>
      <c r="U20400">
        <v>12</v>
      </c>
      <c r="V20400">
        <v>12</v>
      </c>
      <c r="W20400">
        <v>13</v>
      </c>
      <c r="X20400">
        <v>13</v>
      </c>
      <c r="Y20400">
        <v>13</v>
      </c>
      <c r="Z20400">
        <v>13</v>
      </c>
      <c r="AA20400">
        <v>14</v>
      </c>
      <c r="AB20400">
        <v>14</v>
      </c>
      <c r="AC20400">
        <v>14</v>
      </c>
      <c r="AD20400">
        <v>14</v>
      </c>
      <c r="AE20400">
        <v>15</v>
      </c>
      <c r="AF20400">
        <v>15</v>
      </c>
      <c r="AG20400">
        <v>15</v>
      </c>
      <c r="AH20400">
        <v>15</v>
      </c>
      <c r="AI20400">
        <v>15</v>
      </c>
      <c r="AJ20400">
        <v>15</v>
      </c>
      <c r="AK20400">
        <v>15</v>
      </c>
      <c r="AL20400">
        <v>15</v>
      </c>
      <c r="AM20400">
        <v>15</v>
      </c>
      <c r="AN20400">
        <v>15</v>
      </c>
      <c r="AO20400">
        <v>15</v>
      </c>
      <c r="AP20400">
        <v>16</v>
      </c>
      <c r="AQ20400">
        <v>16</v>
      </c>
    </row>
    <row r="20401" spans="1:43">
      <c r="A20401" t="s">
        <v>12633</v>
      </c>
      <c r="B20401" t="s">
        <v>12634</v>
      </c>
      <c r="C20401" t="s">
        <v>12635</v>
      </c>
      <c r="D20401" t="s">
        <v>12636</v>
      </c>
      <c r="E20401" t="s">
        <v>12580</v>
      </c>
      <c r="F20401" t="s">
        <v>12581</v>
      </c>
      <c r="G20401" t="s">
        <v>12582</v>
      </c>
      <c r="H20401" t="s">
        <v>12581</v>
      </c>
      <c r="I20401" s="2">
        <v>1</v>
      </c>
      <c r="J20401" s="2">
        <v>0</v>
      </c>
      <c r="K20401" s="2">
        <v>0</v>
      </c>
      <c r="L20401" t="s">
        <v>120</v>
      </c>
      <c r="M20401" t="s">
        <v>83</v>
      </c>
      <c r="N20401" t="s">
        <v>91</v>
      </c>
      <c r="O20401" t="s">
        <v>85</v>
      </c>
      <c r="P20401" t="s">
        <v>86</v>
      </c>
      <c r="Q20401">
        <v>11</v>
      </c>
      <c r="R20401">
        <v>11</v>
      </c>
      <c r="S20401">
        <v>11</v>
      </c>
      <c r="T20401">
        <v>12</v>
      </c>
      <c r="U20401">
        <v>12</v>
      </c>
      <c r="V20401">
        <v>12</v>
      </c>
      <c r="W20401">
        <v>12</v>
      </c>
      <c r="X20401">
        <v>12</v>
      </c>
      <c r="Y20401">
        <v>13</v>
      </c>
      <c r="Z20401">
        <v>13</v>
      </c>
      <c r="AA20401">
        <v>13</v>
      </c>
      <c r="AB20401">
        <v>13</v>
      </c>
      <c r="AC20401">
        <v>13</v>
      </c>
      <c r="AD20401">
        <v>13</v>
      </c>
      <c r="AE20401">
        <v>14</v>
      </c>
      <c r="AF20401">
        <v>14</v>
      </c>
      <c r="AG20401">
        <v>14</v>
      </c>
      <c r="AH20401">
        <v>14</v>
      </c>
      <c r="AI20401">
        <v>14</v>
      </c>
      <c r="AJ20401">
        <v>15</v>
      </c>
      <c r="AK20401">
        <v>15</v>
      </c>
      <c r="AL20401">
        <v>15</v>
      </c>
      <c r="AM20401">
        <v>15</v>
      </c>
      <c r="AN20401">
        <v>15</v>
      </c>
      <c r="AO20401">
        <v>15</v>
      </c>
      <c r="AP20401">
        <v>15</v>
      </c>
      <c r="AQ20401">
        <v>15</v>
      </c>
    </row>
    <row r="20402" spans="1:43">
      <c r="A20402" t="s">
        <v>12637</v>
      </c>
      <c r="B20402" t="s">
        <v>12638</v>
      </c>
      <c r="C20402" t="s">
        <v>12635</v>
      </c>
      <c r="D20402" t="s">
        <v>12636</v>
      </c>
      <c r="E20402" t="s">
        <v>12580</v>
      </c>
      <c r="F20402" t="s">
        <v>12581</v>
      </c>
      <c r="G20402" t="s">
        <v>12582</v>
      </c>
      <c r="H20402" t="s">
        <v>12581</v>
      </c>
      <c r="I20402" s="2">
        <v>1</v>
      </c>
      <c r="J20402" s="2">
        <v>0</v>
      </c>
      <c r="K20402" s="2">
        <v>0</v>
      </c>
      <c r="L20402" t="s">
        <v>120</v>
      </c>
      <c r="M20402" t="s">
        <v>83</v>
      </c>
      <c r="N20402" t="s">
        <v>84</v>
      </c>
      <c r="O20402" t="s">
        <v>85</v>
      </c>
      <c r="P20402" t="s">
        <v>86</v>
      </c>
      <c r="Q20402">
        <v>7</v>
      </c>
      <c r="R20402">
        <v>7</v>
      </c>
      <c r="S20402">
        <v>7</v>
      </c>
      <c r="T20402">
        <v>7</v>
      </c>
      <c r="U20402">
        <v>7</v>
      </c>
      <c r="V20402">
        <v>7</v>
      </c>
      <c r="W20402">
        <v>7</v>
      </c>
      <c r="X20402">
        <v>7</v>
      </c>
      <c r="Y20402">
        <v>7</v>
      </c>
      <c r="Z20402">
        <v>8</v>
      </c>
      <c r="AA20402">
        <v>8</v>
      </c>
      <c r="AB20402">
        <v>8</v>
      </c>
      <c r="AC20402">
        <v>8</v>
      </c>
      <c r="AD20402">
        <v>8</v>
      </c>
      <c r="AE20402">
        <v>8</v>
      </c>
      <c r="AF20402">
        <v>8</v>
      </c>
      <c r="AG20402">
        <v>8</v>
      </c>
      <c r="AH20402">
        <v>8</v>
      </c>
      <c r="AI20402">
        <v>8</v>
      </c>
      <c r="AJ20402">
        <v>9</v>
      </c>
      <c r="AK20402">
        <v>9</v>
      </c>
      <c r="AL20402">
        <v>9</v>
      </c>
      <c r="AM20402">
        <v>9</v>
      </c>
      <c r="AN20402">
        <v>9</v>
      </c>
      <c r="AO20402">
        <v>9</v>
      </c>
      <c r="AP20402">
        <v>9</v>
      </c>
      <c r="AQ20402">
        <v>9</v>
      </c>
    </row>
    <row r="20403" spans="1:43">
      <c r="A20403" t="s">
        <v>12637</v>
      </c>
      <c r="B20403" t="s">
        <v>12638</v>
      </c>
      <c r="C20403" t="s">
        <v>12635</v>
      </c>
      <c r="D20403" t="s">
        <v>12636</v>
      </c>
      <c r="E20403" t="s">
        <v>12580</v>
      </c>
      <c r="F20403" t="s">
        <v>12581</v>
      </c>
      <c r="G20403" t="s">
        <v>12582</v>
      </c>
      <c r="H20403" t="s">
        <v>12581</v>
      </c>
      <c r="I20403" s="2">
        <v>1</v>
      </c>
      <c r="J20403" s="2">
        <v>0</v>
      </c>
      <c r="K20403" s="2">
        <v>0</v>
      </c>
      <c r="L20403" t="s">
        <v>120</v>
      </c>
      <c r="M20403" t="s">
        <v>87</v>
      </c>
      <c r="N20403" t="s">
        <v>88</v>
      </c>
      <c r="O20403" t="s">
        <v>85</v>
      </c>
      <c r="P20403" t="s">
        <v>86</v>
      </c>
      <c r="Q20403">
        <v>7</v>
      </c>
      <c r="R20403">
        <v>8</v>
      </c>
      <c r="S20403">
        <v>8</v>
      </c>
      <c r="T20403">
        <v>8</v>
      </c>
      <c r="U20403">
        <v>8</v>
      </c>
      <c r="V20403">
        <v>8</v>
      </c>
      <c r="W20403">
        <v>8</v>
      </c>
      <c r="X20403">
        <v>8</v>
      </c>
      <c r="Y20403">
        <v>8</v>
      </c>
      <c r="Z20403">
        <v>8</v>
      </c>
      <c r="AA20403">
        <v>8</v>
      </c>
      <c r="AB20403">
        <v>8</v>
      </c>
      <c r="AC20403">
        <v>8</v>
      </c>
      <c r="AD20403">
        <v>8</v>
      </c>
      <c r="AE20403">
        <v>8</v>
      </c>
      <c r="AF20403">
        <v>8</v>
      </c>
      <c r="AG20403">
        <v>8</v>
      </c>
      <c r="AH20403">
        <v>8</v>
      </c>
      <c r="AI20403">
        <v>8</v>
      </c>
      <c r="AJ20403">
        <v>8</v>
      </c>
      <c r="AK20403">
        <v>8</v>
      </c>
      <c r="AL20403">
        <v>9</v>
      </c>
      <c r="AM20403">
        <v>9</v>
      </c>
      <c r="AN20403">
        <v>9</v>
      </c>
      <c r="AO20403">
        <v>9</v>
      </c>
      <c r="AP20403">
        <v>9</v>
      </c>
      <c r="AQ20403">
        <v>9</v>
      </c>
    </row>
    <row r="20404" spans="1:43">
      <c r="A20404" t="s">
        <v>12637</v>
      </c>
      <c r="B20404" t="s">
        <v>12638</v>
      </c>
      <c r="C20404" t="s">
        <v>12635</v>
      </c>
      <c r="D20404" t="s">
        <v>12636</v>
      </c>
      <c r="E20404" t="s">
        <v>12580</v>
      </c>
      <c r="F20404" t="s">
        <v>12581</v>
      </c>
      <c r="G20404" t="s">
        <v>12582</v>
      </c>
      <c r="H20404" t="s">
        <v>12581</v>
      </c>
      <c r="I20404" s="2">
        <v>1</v>
      </c>
      <c r="J20404" s="2">
        <v>0</v>
      </c>
      <c r="K20404" s="2">
        <v>0</v>
      </c>
      <c r="L20404" t="s">
        <v>120</v>
      </c>
      <c r="M20404" t="s">
        <v>89</v>
      </c>
      <c r="N20404" t="s">
        <v>90</v>
      </c>
      <c r="O20404" t="s">
        <v>85</v>
      </c>
      <c r="P20404" t="s">
        <v>86</v>
      </c>
      <c r="Q20404">
        <v>7</v>
      </c>
      <c r="R20404">
        <v>7</v>
      </c>
      <c r="S20404">
        <v>7</v>
      </c>
      <c r="T20404">
        <v>7</v>
      </c>
      <c r="U20404">
        <v>7</v>
      </c>
      <c r="V20404">
        <v>7</v>
      </c>
      <c r="W20404">
        <v>8</v>
      </c>
      <c r="X20404">
        <v>8</v>
      </c>
      <c r="Y20404">
        <v>8</v>
      </c>
      <c r="Z20404">
        <v>8</v>
      </c>
      <c r="AA20404">
        <v>8</v>
      </c>
      <c r="AB20404">
        <v>8</v>
      </c>
      <c r="AC20404">
        <v>8</v>
      </c>
      <c r="AD20404">
        <v>9</v>
      </c>
      <c r="AE20404">
        <v>9</v>
      </c>
      <c r="AF20404">
        <v>9</v>
      </c>
      <c r="AG20404">
        <v>9</v>
      </c>
      <c r="AH20404">
        <v>9</v>
      </c>
      <c r="AI20404">
        <v>9</v>
      </c>
      <c r="AJ20404">
        <v>9</v>
      </c>
      <c r="AK20404">
        <v>9</v>
      </c>
      <c r="AL20404">
        <v>9</v>
      </c>
      <c r="AM20404">
        <v>9</v>
      </c>
      <c r="AN20404">
        <v>9</v>
      </c>
      <c r="AO20404">
        <v>9</v>
      </c>
      <c r="AP20404">
        <v>9</v>
      </c>
      <c r="AQ20404">
        <v>9</v>
      </c>
    </row>
    <row r="20405" spans="1:43">
      <c r="A20405" t="s">
        <v>12637</v>
      </c>
      <c r="B20405" t="s">
        <v>12638</v>
      </c>
      <c r="C20405" t="s">
        <v>12635</v>
      </c>
      <c r="D20405" t="s">
        <v>12636</v>
      </c>
      <c r="E20405" t="s">
        <v>12580</v>
      </c>
      <c r="F20405" t="s">
        <v>12581</v>
      </c>
      <c r="G20405" t="s">
        <v>12582</v>
      </c>
      <c r="H20405" t="s">
        <v>12581</v>
      </c>
      <c r="I20405" s="2">
        <v>1</v>
      </c>
      <c r="J20405" s="2">
        <v>0</v>
      </c>
      <c r="K20405" s="2">
        <v>0</v>
      </c>
      <c r="L20405" t="s">
        <v>120</v>
      </c>
      <c r="M20405" t="s">
        <v>83</v>
      </c>
      <c r="N20405" t="s">
        <v>91</v>
      </c>
      <c r="O20405" t="s">
        <v>85</v>
      </c>
      <c r="P20405" t="s">
        <v>86</v>
      </c>
      <c r="Q20405">
        <v>7</v>
      </c>
      <c r="R20405">
        <v>7</v>
      </c>
      <c r="S20405">
        <v>7</v>
      </c>
      <c r="T20405">
        <v>7</v>
      </c>
      <c r="U20405">
        <v>7</v>
      </c>
      <c r="V20405">
        <v>7</v>
      </c>
      <c r="W20405">
        <v>7</v>
      </c>
      <c r="X20405">
        <v>7</v>
      </c>
      <c r="Y20405">
        <v>7</v>
      </c>
      <c r="Z20405">
        <v>8</v>
      </c>
      <c r="AA20405">
        <v>8</v>
      </c>
      <c r="AB20405">
        <v>8</v>
      </c>
      <c r="AC20405">
        <v>8</v>
      </c>
      <c r="AD20405">
        <v>8</v>
      </c>
      <c r="AE20405">
        <v>8</v>
      </c>
      <c r="AF20405">
        <v>8</v>
      </c>
      <c r="AG20405">
        <v>8</v>
      </c>
      <c r="AH20405">
        <v>8</v>
      </c>
      <c r="AI20405">
        <v>8</v>
      </c>
      <c r="AJ20405">
        <v>9</v>
      </c>
      <c r="AK20405">
        <v>9</v>
      </c>
      <c r="AL20405">
        <v>9</v>
      </c>
      <c r="AM20405">
        <v>9</v>
      </c>
      <c r="AN20405">
        <v>9</v>
      </c>
      <c r="AO20405">
        <v>9</v>
      </c>
      <c r="AP20405">
        <v>9</v>
      </c>
      <c r="AQ20405">
        <v>9</v>
      </c>
    </row>
    <row r="20406" spans="1:43">
      <c r="A20406" t="s">
        <v>12639</v>
      </c>
      <c r="B20406" t="s">
        <v>12640</v>
      </c>
      <c r="C20406" t="s">
        <v>12635</v>
      </c>
      <c r="D20406" t="s">
        <v>12636</v>
      </c>
      <c r="E20406" t="s">
        <v>12580</v>
      </c>
      <c r="F20406" t="s">
        <v>12581</v>
      </c>
      <c r="G20406" t="s">
        <v>12582</v>
      </c>
      <c r="H20406" t="s">
        <v>12581</v>
      </c>
      <c r="I20406" s="2">
        <v>1</v>
      </c>
      <c r="J20406" s="2">
        <v>0</v>
      </c>
      <c r="K20406" s="2">
        <v>0</v>
      </c>
      <c r="L20406" t="s">
        <v>120</v>
      </c>
      <c r="M20406" t="s">
        <v>83</v>
      </c>
      <c r="N20406" t="s">
        <v>84</v>
      </c>
      <c r="O20406" t="s">
        <v>85</v>
      </c>
      <c r="P20406" t="s">
        <v>86</v>
      </c>
      <c r="Q20406">
        <v>8</v>
      </c>
      <c r="R20406">
        <v>8</v>
      </c>
      <c r="S20406">
        <v>8</v>
      </c>
      <c r="T20406">
        <v>8</v>
      </c>
      <c r="U20406">
        <v>8</v>
      </c>
      <c r="V20406">
        <v>8</v>
      </c>
      <c r="W20406">
        <v>8</v>
      </c>
      <c r="X20406">
        <v>8</v>
      </c>
      <c r="Y20406">
        <v>9</v>
      </c>
      <c r="Z20406">
        <v>9</v>
      </c>
      <c r="AA20406">
        <v>9</v>
      </c>
      <c r="AB20406">
        <v>9</v>
      </c>
      <c r="AC20406">
        <v>9</v>
      </c>
      <c r="AD20406">
        <v>9</v>
      </c>
      <c r="AE20406">
        <v>9</v>
      </c>
      <c r="AF20406">
        <v>9</v>
      </c>
      <c r="AG20406">
        <v>10</v>
      </c>
      <c r="AH20406">
        <v>10</v>
      </c>
      <c r="AI20406">
        <v>10</v>
      </c>
      <c r="AJ20406">
        <v>10</v>
      </c>
      <c r="AK20406">
        <v>10</v>
      </c>
      <c r="AL20406">
        <v>10</v>
      </c>
      <c r="AM20406">
        <v>10</v>
      </c>
      <c r="AN20406">
        <v>10</v>
      </c>
      <c r="AO20406">
        <v>10</v>
      </c>
      <c r="AP20406">
        <v>10</v>
      </c>
      <c r="AQ20406">
        <v>11</v>
      </c>
    </row>
    <row r="20407" spans="1:43">
      <c r="A20407" t="s">
        <v>12639</v>
      </c>
      <c r="B20407" t="s">
        <v>12640</v>
      </c>
      <c r="C20407" t="s">
        <v>12635</v>
      </c>
      <c r="D20407" t="s">
        <v>12636</v>
      </c>
      <c r="E20407" t="s">
        <v>12580</v>
      </c>
      <c r="F20407" t="s">
        <v>12581</v>
      </c>
      <c r="G20407" t="s">
        <v>12582</v>
      </c>
      <c r="H20407" t="s">
        <v>12581</v>
      </c>
      <c r="I20407" s="2">
        <v>1</v>
      </c>
      <c r="J20407" s="2">
        <v>0</v>
      </c>
      <c r="K20407" s="2">
        <v>0</v>
      </c>
      <c r="L20407" t="s">
        <v>120</v>
      </c>
      <c r="M20407" t="s">
        <v>87</v>
      </c>
      <c r="N20407" t="s">
        <v>88</v>
      </c>
      <c r="O20407" t="s">
        <v>85</v>
      </c>
      <c r="P20407" t="s">
        <v>86</v>
      </c>
      <c r="Q20407">
        <v>8</v>
      </c>
      <c r="R20407">
        <v>9</v>
      </c>
      <c r="S20407">
        <v>9</v>
      </c>
      <c r="T20407">
        <v>9</v>
      </c>
      <c r="U20407">
        <v>9</v>
      </c>
      <c r="V20407">
        <v>9</v>
      </c>
      <c r="W20407">
        <v>9</v>
      </c>
      <c r="X20407">
        <v>9</v>
      </c>
      <c r="Y20407">
        <v>9</v>
      </c>
      <c r="Z20407">
        <v>9</v>
      </c>
      <c r="AA20407">
        <v>9</v>
      </c>
      <c r="AB20407">
        <v>9</v>
      </c>
      <c r="AC20407">
        <v>9</v>
      </c>
      <c r="AD20407">
        <v>9</v>
      </c>
      <c r="AE20407">
        <v>9</v>
      </c>
      <c r="AF20407">
        <v>9</v>
      </c>
      <c r="AG20407">
        <v>9</v>
      </c>
      <c r="AH20407">
        <v>10</v>
      </c>
      <c r="AI20407">
        <v>10</v>
      </c>
      <c r="AJ20407">
        <v>10</v>
      </c>
      <c r="AK20407">
        <v>10</v>
      </c>
      <c r="AL20407">
        <v>10</v>
      </c>
      <c r="AM20407">
        <v>10</v>
      </c>
      <c r="AN20407">
        <v>10</v>
      </c>
      <c r="AO20407">
        <v>10</v>
      </c>
      <c r="AP20407">
        <v>10</v>
      </c>
      <c r="AQ20407">
        <v>10</v>
      </c>
    </row>
    <row r="20408" spans="1:43">
      <c r="A20408" t="s">
        <v>12639</v>
      </c>
      <c r="B20408" t="s">
        <v>12640</v>
      </c>
      <c r="C20408" t="s">
        <v>12635</v>
      </c>
      <c r="D20408" t="s">
        <v>12636</v>
      </c>
      <c r="E20408" t="s">
        <v>12580</v>
      </c>
      <c r="F20408" t="s">
        <v>12581</v>
      </c>
      <c r="G20408" t="s">
        <v>12582</v>
      </c>
      <c r="H20408" t="s">
        <v>12581</v>
      </c>
      <c r="I20408" s="2">
        <v>1</v>
      </c>
      <c r="J20408" s="2">
        <v>0</v>
      </c>
      <c r="K20408" s="2">
        <v>0</v>
      </c>
      <c r="L20408" t="s">
        <v>120</v>
      </c>
      <c r="M20408" t="s">
        <v>89</v>
      </c>
      <c r="N20408" t="s">
        <v>90</v>
      </c>
      <c r="O20408" t="s">
        <v>85</v>
      </c>
      <c r="P20408" t="s">
        <v>86</v>
      </c>
      <c r="Q20408">
        <v>8</v>
      </c>
      <c r="R20408">
        <v>8</v>
      </c>
      <c r="S20408">
        <v>8</v>
      </c>
      <c r="T20408">
        <v>8</v>
      </c>
      <c r="U20408">
        <v>8</v>
      </c>
      <c r="V20408">
        <v>9</v>
      </c>
      <c r="W20408">
        <v>9</v>
      </c>
      <c r="X20408">
        <v>9</v>
      </c>
      <c r="Y20408">
        <v>9</v>
      </c>
      <c r="Z20408">
        <v>9</v>
      </c>
      <c r="AA20408">
        <v>9</v>
      </c>
      <c r="AB20408">
        <v>10</v>
      </c>
      <c r="AC20408">
        <v>10</v>
      </c>
      <c r="AD20408">
        <v>10</v>
      </c>
      <c r="AE20408">
        <v>10</v>
      </c>
      <c r="AF20408">
        <v>10</v>
      </c>
      <c r="AG20408">
        <v>10</v>
      </c>
      <c r="AH20408">
        <v>10</v>
      </c>
      <c r="AI20408">
        <v>10</v>
      </c>
      <c r="AJ20408">
        <v>10</v>
      </c>
      <c r="AK20408">
        <v>10</v>
      </c>
      <c r="AL20408">
        <v>10</v>
      </c>
      <c r="AM20408">
        <v>10</v>
      </c>
      <c r="AN20408">
        <v>11</v>
      </c>
      <c r="AO20408">
        <v>11</v>
      </c>
      <c r="AP20408">
        <v>11</v>
      </c>
      <c r="AQ20408">
        <v>11</v>
      </c>
    </row>
    <row r="20409" spans="1:43">
      <c r="A20409" t="s">
        <v>12639</v>
      </c>
      <c r="B20409" t="s">
        <v>12640</v>
      </c>
      <c r="C20409" t="s">
        <v>12635</v>
      </c>
      <c r="D20409" t="s">
        <v>12636</v>
      </c>
      <c r="E20409" t="s">
        <v>12580</v>
      </c>
      <c r="F20409" t="s">
        <v>12581</v>
      </c>
      <c r="G20409" t="s">
        <v>12582</v>
      </c>
      <c r="H20409" t="s">
        <v>12581</v>
      </c>
      <c r="I20409" s="2">
        <v>1</v>
      </c>
      <c r="J20409" s="2">
        <v>0</v>
      </c>
      <c r="K20409" s="2">
        <v>0</v>
      </c>
      <c r="L20409" t="s">
        <v>120</v>
      </c>
      <c r="M20409" t="s">
        <v>83</v>
      </c>
      <c r="N20409" t="s">
        <v>91</v>
      </c>
      <c r="O20409" t="s">
        <v>85</v>
      </c>
      <c r="P20409" t="s">
        <v>86</v>
      </c>
      <c r="Q20409">
        <v>8</v>
      </c>
      <c r="R20409">
        <v>8</v>
      </c>
      <c r="S20409">
        <v>8</v>
      </c>
      <c r="T20409">
        <v>8</v>
      </c>
      <c r="U20409">
        <v>8</v>
      </c>
      <c r="V20409">
        <v>8</v>
      </c>
      <c r="W20409">
        <v>8</v>
      </c>
      <c r="X20409">
        <v>8</v>
      </c>
      <c r="Y20409">
        <v>9</v>
      </c>
      <c r="Z20409">
        <v>9</v>
      </c>
      <c r="AA20409">
        <v>9</v>
      </c>
      <c r="AB20409">
        <v>9</v>
      </c>
      <c r="AC20409">
        <v>9</v>
      </c>
      <c r="AD20409">
        <v>9</v>
      </c>
      <c r="AE20409">
        <v>9</v>
      </c>
      <c r="AF20409">
        <v>9</v>
      </c>
      <c r="AG20409">
        <v>10</v>
      </c>
      <c r="AH20409">
        <v>10</v>
      </c>
      <c r="AI20409">
        <v>10</v>
      </c>
      <c r="AJ20409">
        <v>10</v>
      </c>
      <c r="AK20409">
        <v>10</v>
      </c>
      <c r="AL20409">
        <v>10</v>
      </c>
      <c r="AM20409">
        <v>10</v>
      </c>
      <c r="AN20409">
        <v>10</v>
      </c>
      <c r="AO20409">
        <v>10</v>
      </c>
      <c r="AP20409">
        <v>10</v>
      </c>
      <c r="AQ20409">
        <v>11</v>
      </c>
    </row>
    <row r="20410" spans="1:43">
      <c r="A20410" t="s">
        <v>12641</v>
      </c>
      <c r="B20410" t="s">
        <v>12642</v>
      </c>
      <c r="C20410" t="s">
        <v>12593</v>
      </c>
      <c r="D20410" t="s">
        <v>12594</v>
      </c>
      <c r="E20410" t="s">
        <v>12580</v>
      </c>
      <c r="F20410" t="s">
        <v>12581</v>
      </c>
      <c r="G20410" t="s">
        <v>12582</v>
      </c>
      <c r="H20410" t="s">
        <v>12581</v>
      </c>
      <c r="I20410" s="2">
        <v>1</v>
      </c>
      <c r="J20410" s="2">
        <v>0</v>
      </c>
      <c r="K20410" s="2">
        <v>0</v>
      </c>
      <c r="L20410" t="s">
        <v>120</v>
      </c>
      <c r="M20410" t="s">
        <v>83</v>
      </c>
      <c r="N20410" t="s">
        <v>84</v>
      </c>
      <c r="O20410" t="s">
        <v>85</v>
      </c>
      <c r="P20410" t="s">
        <v>86</v>
      </c>
      <c r="Q20410">
        <v>24</v>
      </c>
      <c r="R20410">
        <v>25</v>
      </c>
      <c r="S20410">
        <v>25</v>
      </c>
      <c r="T20410">
        <v>26</v>
      </c>
      <c r="U20410">
        <v>26</v>
      </c>
      <c r="V20410">
        <v>26</v>
      </c>
      <c r="W20410">
        <v>27</v>
      </c>
      <c r="X20410">
        <v>27</v>
      </c>
      <c r="Y20410">
        <v>28</v>
      </c>
      <c r="Z20410">
        <v>28</v>
      </c>
      <c r="AA20410">
        <v>29</v>
      </c>
      <c r="AB20410">
        <v>29</v>
      </c>
      <c r="AC20410">
        <v>29</v>
      </c>
      <c r="AD20410">
        <v>30</v>
      </c>
      <c r="AE20410">
        <v>30</v>
      </c>
      <c r="AF20410">
        <v>31</v>
      </c>
      <c r="AG20410">
        <v>31</v>
      </c>
      <c r="AH20410">
        <v>32</v>
      </c>
      <c r="AI20410">
        <v>32</v>
      </c>
      <c r="AJ20410">
        <v>32</v>
      </c>
      <c r="AK20410">
        <v>33</v>
      </c>
      <c r="AL20410">
        <v>33</v>
      </c>
      <c r="AM20410">
        <v>33</v>
      </c>
      <c r="AN20410">
        <v>34</v>
      </c>
      <c r="AO20410">
        <v>34</v>
      </c>
      <c r="AP20410">
        <v>34</v>
      </c>
      <c r="AQ20410">
        <v>34</v>
      </c>
    </row>
    <row r="20411" spans="1:43">
      <c r="A20411" t="s">
        <v>12641</v>
      </c>
      <c r="B20411" t="s">
        <v>12642</v>
      </c>
      <c r="C20411" t="s">
        <v>12593</v>
      </c>
      <c r="D20411" t="s">
        <v>12594</v>
      </c>
      <c r="E20411" t="s">
        <v>12580</v>
      </c>
      <c r="F20411" t="s">
        <v>12581</v>
      </c>
      <c r="G20411" t="s">
        <v>12582</v>
      </c>
      <c r="H20411" t="s">
        <v>12581</v>
      </c>
      <c r="I20411" s="2">
        <v>1</v>
      </c>
      <c r="J20411" s="2">
        <v>0</v>
      </c>
      <c r="K20411" s="2">
        <v>0</v>
      </c>
      <c r="L20411" t="s">
        <v>120</v>
      </c>
      <c r="M20411" t="s">
        <v>87</v>
      </c>
      <c r="N20411" t="s">
        <v>88</v>
      </c>
      <c r="O20411" t="s">
        <v>85</v>
      </c>
      <c r="P20411" t="s">
        <v>86</v>
      </c>
      <c r="Q20411">
        <v>24</v>
      </c>
      <c r="R20411">
        <v>24</v>
      </c>
      <c r="S20411">
        <v>24</v>
      </c>
      <c r="T20411">
        <v>25</v>
      </c>
      <c r="U20411">
        <v>25</v>
      </c>
      <c r="V20411">
        <v>25</v>
      </c>
      <c r="W20411">
        <v>25</v>
      </c>
      <c r="X20411">
        <v>25</v>
      </c>
      <c r="Y20411">
        <v>26</v>
      </c>
      <c r="Z20411">
        <v>26</v>
      </c>
      <c r="AA20411">
        <v>26</v>
      </c>
      <c r="AB20411">
        <v>26</v>
      </c>
      <c r="AC20411">
        <v>26</v>
      </c>
      <c r="AD20411">
        <v>27</v>
      </c>
      <c r="AE20411">
        <v>27</v>
      </c>
      <c r="AF20411">
        <v>27</v>
      </c>
      <c r="AG20411">
        <v>27</v>
      </c>
      <c r="AH20411">
        <v>28</v>
      </c>
      <c r="AI20411">
        <v>28</v>
      </c>
      <c r="AJ20411">
        <v>28</v>
      </c>
      <c r="AK20411">
        <v>28</v>
      </c>
      <c r="AL20411">
        <v>28</v>
      </c>
      <c r="AM20411">
        <v>29</v>
      </c>
      <c r="AN20411">
        <v>29</v>
      </c>
      <c r="AO20411">
        <v>29</v>
      </c>
      <c r="AP20411">
        <v>29</v>
      </c>
      <c r="AQ20411">
        <v>30</v>
      </c>
    </row>
    <row r="20412" spans="1:43">
      <c r="A20412" t="s">
        <v>12641</v>
      </c>
      <c r="B20412" t="s">
        <v>12642</v>
      </c>
      <c r="C20412" t="s">
        <v>12593</v>
      </c>
      <c r="D20412" t="s">
        <v>12594</v>
      </c>
      <c r="E20412" t="s">
        <v>12580</v>
      </c>
      <c r="F20412" t="s">
        <v>12581</v>
      </c>
      <c r="G20412" t="s">
        <v>12582</v>
      </c>
      <c r="H20412" t="s">
        <v>12581</v>
      </c>
      <c r="I20412" s="2">
        <v>1</v>
      </c>
      <c r="J20412" s="2">
        <v>0</v>
      </c>
      <c r="K20412" s="2">
        <v>0</v>
      </c>
      <c r="L20412" t="s">
        <v>120</v>
      </c>
      <c r="M20412" t="s">
        <v>89</v>
      </c>
      <c r="N20412" t="s">
        <v>90</v>
      </c>
      <c r="O20412" t="s">
        <v>85</v>
      </c>
      <c r="P20412" t="s">
        <v>86</v>
      </c>
      <c r="Q20412">
        <v>24</v>
      </c>
      <c r="R20412">
        <v>24</v>
      </c>
      <c r="S20412">
        <v>25</v>
      </c>
      <c r="T20412">
        <v>25</v>
      </c>
      <c r="U20412">
        <v>26</v>
      </c>
      <c r="V20412">
        <v>27</v>
      </c>
      <c r="W20412">
        <v>27</v>
      </c>
      <c r="X20412">
        <v>28</v>
      </c>
      <c r="Y20412">
        <v>28</v>
      </c>
      <c r="Z20412">
        <v>29</v>
      </c>
      <c r="AA20412">
        <v>29</v>
      </c>
      <c r="AB20412">
        <v>30</v>
      </c>
      <c r="AC20412">
        <v>30</v>
      </c>
      <c r="AD20412">
        <v>31</v>
      </c>
      <c r="AE20412">
        <v>31</v>
      </c>
      <c r="AF20412">
        <v>32</v>
      </c>
      <c r="AG20412">
        <v>32</v>
      </c>
      <c r="AH20412">
        <v>32</v>
      </c>
      <c r="AI20412">
        <v>32</v>
      </c>
      <c r="AJ20412">
        <v>32</v>
      </c>
      <c r="AK20412">
        <v>33</v>
      </c>
      <c r="AL20412">
        <v>33</v>
      </c>
      <c r="AM20412">
        <v>33</v>
      </c>
      <c r="AN20412">
        <v>33</v>
      </c>
      <c r="AO20412">
        <v>33</v>
      </c>
      <c r="AP20412">
        <v>33</v>
      </c>
      <c r="AQ20412">
        <v>34</v>
      </c>
    </row>
    <row r="20413" spans="1:43">
      <c r="A20413" t="s">
        <v>12641</v>
      </c>
      <c r="B20413" t="s">
        <v>12642</v>
      </c>
      <c r="C20413" t="s">
        <v>12593</v>
      </c>
      <c r="D20413" t="s">
        <v>12594</v>
      </c>
      <c r="E20413" t="s">
        <v>12580</v>
      </c>
      <c r="F20413" t="s">
        <v>12581</v>
      </c>
      <c r="G20413" t="s">
        <v>12582</v>
      </c>
      <c r="H20413" t="s">
        <v>12581</v>
      </c>
      <c r="I20413" s="2">
        <v>1</v>
      </c>
      <c r="J20413" s="2">
        <v>0</v>
      </c>
      <c r="K20413" s="2">
        <v>0</v>
      </c>
      <c r="L20413" t="s">
        <v>120</v>
      </c>
      <c r="M20413" t="s">
        <v>83</v>
      </c>
      <c r="N20413" t="s">
        <v>91</v>
      </c>
      <c r="O20413" t="s">
        <v>85</v>
      </c>
      <c r="P20413" t="s">
        <v>86</v>
      </c>
      <c r="Q20413">
        <v>24</v>
      </c>
      <c r="R20413">
        <v>25</v>
      </c>
      <c r="S20413">
        <v>25</v>
      </c>
      <c r="T20413">
        <v>26</v>
      </c>
      <c r="U20413">
        <v>26</v>
      </c>
      <c r="V20413">
        <v>26</v>
      </c>
      <c r="W20413">
        <v>27</v>
      </c>
      <c r="X20413">
        <v>27</v>
      </c>
      <c r="Y20413">
        <v>28</v>
      </c>
      <c r="Z20413">
        <v>28</v>
      </c>
      <c r="AA20413">
        <v>29</v>
      </c>
      <c r="AB20413">
        <v>29</v>
      </c>
      <c r="AC20413">
        <v>29</v>
      </c>
      <c r="AD20413">
        <v>30</v>
      </c>
      <c r="AE20413">
        <v>30</v>
      </c>
      <c r="AF20413">
        <v>31</v>
      </c>
      <c r="AG20413">
        <v>31</v>
      </c>
      <c r="AH20413">
        <v>32</v>
      </c>
      <c r="AI20413">
        <v>32</v>
      </c>
      <c r="AJ20413">
        <v>32</v>
      </c>
      <c r="AK20413">
        <v>33</v>
      </c>
      <c r="AL20413">
        <v>33</v>
      </c>
      <c r="AM20413">
        <v>33</v>
      </c>
      <c r="AN20413">
        <v>34</v>
      </c>
      <c r="AO20413">
        <v>34</v>
      </c>
      <c r="AP20413">
        <v>34</v>
      </c>
      <c r="AQ20413">
        <v>34</v>
      </c>
    </row>
    <row r="20414" spans="1:43">
      <c r="A20414" t="s">
        <v>12643</v>
      </c>
      <c r="B20414" t="s">
        <v>12644</v>
      </c>
      <c r="C20414" t="s">
        <v>12593</v>
      </c>
      <c r="D20414" t="s">
        <v>12594</v>
      </c>
      <c r="E20414" t="s">
        <v>12580</v>
      </c>
      <c r="F20414" t="s">
        <v>12581</v>
      </c>
      <c r="G20414" t="s">
        <v>12582</v>
      </c>
      <c r="H20414" t="s">
        <v>12581</v>
      </c>
      <c r="I20414" s="2">
        <v>1</v>
      </c>
      <c r="J20414" s="2">
        <v>0</v>
      </c>
      <c r="K20414" s="2">
        <v>0</v>
      </c>
      <c r="L20414" t="s">
        <v>120</v>
      </c>
      <c r="M20414" t="s">
        <v>83</v>
      </c>
      <c r="N20414" t="s">
        <v>84</v>
      </c>
      <c r="O20414" t="s">
        <v>85</v>
      </c>
      <c r="P20414" t="s">
        <v>86</v>
      </c>
      <c r="Q20414">
        <v>13</v>
      </c>
      <c r="R20414">
        <v>13</v>
      </c>
      <c r="S20414">
        <v>14</v>
      </c>
      <c r="T20414">
        <v>14</v>
      </c>
      <c r="U20414">
        <v>14</v>
      </c>
      <c r="V20414">
        <v>14</v>
      </c>
      <c r="W20414">
        <v>15</v>
      </c>
      <c r="X20414">
        <v>15</v>
      </c>
      <c r="Y20414">
        <v>15</v>
      </c>
      <c r="Z20414">
        <v>15</v>
      </c>
      <c r="AA20414">
        <v>16</v>
      </c>
      <c r="AB20414">
        <v>16</v>
      </c>
      <c r="AC20414">
        <v>16</v>
      </c>
      <c r="AD20414">
        <v>16</v>
      </c>
      <c r="AE20414">
        <v>16</v>
      </c>
      <c r="AF20414">
        <v>17</v>
      </c>
      <c r="AG20414">
        <v>17</v>
      </c>
      <c r="AH20414">
        <v>17</v>
      </c>
      <c r="AI20414">
        <v>17</v>
      </c>
      <c r="AJ20414">
        <v>18</v>
      </c>
      <c r="AK20414">
        <v>18</v>
      </c>
      <c r="AL20414">
        <v>18</v>
      </c>
      <c r="AM20414">
        <v>18</v>
      </c>
      <c r="AN20414">
        <v>18</v>
      </c>
      <c r="AO20414">
        <v>18</v>
      </c>
      <c r="AP20414">
        <v>18</v>
      </c>
      <c r="AQ20414">
        <v>19</v>
      </c>
    </row>
    <row r="20415" spans="1:43">
      <c r="A20415" t="s">
        <v>12643</v>
      </c>
      <c r="B20415" t="s">
        <v>12644</v>
      </c>
      <c r="C20415" t="s">
        <v>12593</v>
      </c>
      <c r="D20415" t="s">
        <v>12594</v>
      </c>
      <c r="E20415" t="s">
        <v>12580</v>
      </c>
      <c r="F20415" t="s">
        <v>12581</v>
      </c>
      <c r="G20415" t="s">
        <v>12582</v>
      </c>
      <c r="H20415" t="s">
        <v>12581</v>
      </c>
      <c r="I20415" s="2">
        <v>1</v>
      </c>
      <c r="J20415" s="2">
        <v>0</v>
      </c>
      <c r="K20415" s="2">
        <v>0</v>
      </c>
      <c r="L20415" t="s">
        <v>120</v>
      </c>
      <c r="M20415" t="s">
        <v>87</v>
      </c>
      <c r="N20415" t="s">
        <v>88</v>
      </c>
      <c r="O20415" t="s">
        <v>85</v>
      </c>
      <c r="P20415" t="s">
        <v>86</v>
      </c>
      <c r="Q20415">
        <v>13</v>
      </c>
      <c r="R20415">
        <v>13</v>
      </c>
      <c r="S20415">
        <v>13</v>
      </c>
      <c r="T20415">
        <v>13</v>
      </c>
      <c r="U20415">
        <v>14</v>
      </c>
      <c r="V20415">
        <v>14</v>
      </c>
      <c r="W20415">
        <v>14</v>
      </c>
      <c r="X20415">
        <v>14</v>
      </c>
      <c r="Y20415">
        <v>14</v>
      </c>
      <c r="Z20415">
        <v>14</v>
      </c>
      <c r="AA20415">
        <v>14</v>
      </c>
      <c r="AB20415">
        <v>14</v>
      </c>
      <c r="AC20415">
        <v>14</v>
      </c>
      <c r="AD20415">
        <v>15</v>
      </c>
      <c r="AE20415">
        <v>15</v>
      </c>
      <c r="AF20415">
        <v>15</v>
      </c>
      <c r="AG20415">
        <v>15</v>
      </c>
      <c r="AH20415">
        <v>15</v>
      </c>
      <c r="AI20415">
        <v>15</v>
      </c>
      <c r="AJ20415">
        <v>15</v>
      </c>
      <c r="AK20415">
        <v>15</v>
      </c>
      <c r="AL20415">
        <v>15</v>
      </c>
      <c r="AM20415">
        <v>16</v>
      </c>
      <c r="AN20415">
        <v>16</v>
      </c>
      <c r="AO20415">
        <v>16</v>
      </c>
      <c r="AP20415">
        <v>16</v>
      </c>
      <c r="AQ20415">
        <v>16</v>
      </c>
    </row>
    <row r="20416" spans="1:43">
      <c r="A20416" t="s">
        <v>12643</v>
      </c>
      <c r="B20416" t="s">
        <v>12644</v>
      </c>
      <c r="C20416" t="s">
        <v>12593</v>
      </c>
      <c r="D20416" t="s">
        <v>12594</v>
      </c>
      <c r="E20416" t="s">
        <v>12580</v>
      </c>
      <c r="F20416" t="s">
        <v>12581</v>
      </c>
      <c r="G20416" t="s">
        <v>12582</v>
      </c>
      <c r="H20416" t="s">
        <v>12581</v>
      </c>
      <c r="I20416" s="2">
        <v>1</v>
      </c>
      <c r="J20416" s="2">
        <v>0</v>
      </c>
      <c r="K20416" s="2">
        <v>0</v>
      </c>
      <c r="L20416" t="s">
        <v>120</v>
      </c>
      <c r="M20416" t="s">
        <v>89</v>
      </c>
      <c r="N20416" t="s">
        <v>90</v>
      </c>
      <c r="O20416" t="s">
        <v>85</v>
      </c>
      <c r="P20416" t="s">
        <v>86</v>
      </c>
      <c r="Q20416">
        <v>13</v>
      </c>
      <c r="R20416">
        <v>14</v>
      </c>
      <c r="S20416">
        <v>14</v>
      </c>
      <c r="T20416">
        <v>14</v>
      </c>
      <c r="U20416">
        <v>15</v>
      </c>
      <c r="V20416">
        <v>15</v>
      </c>
      <c r="W20416">
        <v>15</v>
      </c>
      <c r="X20416">
        <v>16</v>
      </c>
      <c r="Y20416">
        <v>16</v>
      </c>
      <c r="Z20416">
        <v>16</v>
      </c>
      <c r="AA20416">
        <v>17</v>
      </c>
      <c r="AB20416">
        <v>17</v>
      </c>
      <c r="AC20416">
        <v>17</v>
      </c>
      <c r="AD20416">
        <v>17</v>
      </c>
      <c r="AE20416">
        <v>18</v>
      </c>
      <c r="AF20416">
        <v>18</v>
      </c>
      <c r="AG20416">
        <v>18</v>
      </c>
      <c r="AH20416">
        <v>18</v>
      </c>
      <c r="AI20416">
        <v>18</v>
      </c>
      <c r="AJ20416">
        <v>18</v>
      </c>
      <c r="AK20416">
        <v>18</v>
      </c>
      <c r="AL20416">
        <v>18</v>
      </c>
      <c r="AM20416">
        <v>18</v>
      </c>
      <c r="AN20416">
        <v>18</v>
      </c>
      <c r="AO20416">
        <v>19</v>
      </c>
      <c r="AP20416">
        <v>19</v>
      </c>
      <c r="AQ20416">
        <v>19</v>
      </c>
    </row>
    <row r="20417" spans="1:43">
      <c r="A20417" t="s">
        <v>12643</v>
      </c>
      <c r="B20417" t="s">
        <v>12644</v>
      </c>
      <c r="C20417" t="s">
        <v>12593</v>
      </c>
      <c r="D20417" t="s">
        <v>12594</v>
      </c>
      <c r="E20417" t="s">
        <v>12580</v>
      </c>
      <c r="F20417" t="s">
        <v>12581</v>
      </c>
      <c r="G20417" t="s">
        <v>12582</v>
      </c>
      <c r="H20417" t="s">
        <v>12581</v>
      </c>
      <c r="I20417" s="2">
        <v>1</v>
      </c>
      <c r="J20417" s="2">
        <v>0</v>
      </c>
      <c r="K20417" s="2">
        <v>0</v>
      </c>
      <c r="L20417" t="s">
        <v>120</v>
      </c>
      <c r="M20417" t="s">
        <v>83</v>
      </c>
      <c r="N20417" t="s">
        <v>91</v>
      </c>
      <c r="O20417" t="s">
        <v>85</v>
      </c>
      <c r="P20417" t="s">
        <v>86</v>
      </c>
      <c r="Q20417">
        <v>13</v>
      </c>
      <c r="R20417">
        <v>13</v>
      </c>
      <c r="S20417">
        <v>14</v>
      </c>
      <c r="T20417">
        <v>14</v>
      </c>
      <c r="U20417">
        <v>14</v>
      </c>
      <c r="V20417">
        <v>14</v>
      </c>
      <c r="W20417">
        <v>15</v>
      </c>
      <c r="X20417">
        <v>15</v>
      </c>
      <c r="Y20417">
        <v>15</v>
      </c>
      <c r="Z20417">
        <v>15</v>
      </c>
      <c r="AA20417">
        <v>16</v>
      </c>
      <c r="AB20417">
        <v>16</v>
      </c>
      <c r="AC20417">
        <v>16</v>
      </c>
      <c r="AD20417">
        <v>16</v>
      </c>
      <c r="AE20417">
        <v>16</v>
      </c>
      <c r="AF20417">
        <v>17</v>
      </c>
      <c r="AG20417">
        <v>17</v>
      </c>
      <c r="AH20417">
        <v>17</v>
      </c>
      <c r="AI20417">
        <v>17</v>
      </c>
      <c r="AJ20417">
        <v>18</v>
      </c>
      <c r="AK20417">
        <v>18</v>
      </c>
      <c r="AL20417">
        <v>18</v>
      </c>
      <c r="AM20417">
        <v>18</v>
      </c>
      <c r="AN20417">
        <v>18</v>
      </c>
      <c r="AO20417">
        <v>18</v>
      </c>
      <c r="AP20417">
        <v>18</v>
      </c>
      <c r="AQ20417">
        <v>19</v>
      </c>
    </row>
    <row r="20418" spans="1:43">
      <c r="A20418" t="s">
        <v>12645</v>
      </c>
      <c r="B20418" t="s">
        <v>12646</v>
      </c>
      <c r="C20418" t="s">
        <v>12635</v>
      </c>
      <c r="D20418" t="s">
        <v>12636</v>
      </c>
      <c r="E20418" t="s">
        <v>12580</v>
      </c>
      <c r="F20418" t="s">
        <v>12581</v>
      </c>
      <c r="G20418" t="s">
        <v>12582</v>
      </c>
      <c r="H20418" t="s">
        <v>12581</v>
      </c>
      <c r="I20418" s="2">
        <v>1</v>
      </c>
      <c r="J20418" s="2">
        <v>0</v>
      </c>
      <c r="K20418" s="2">
        <v>0</v>
      </c>
      <c r="L20418" t="s">
        <v>120</v>
      </c>
      <c r="M20418" t="s">
        <v>83</v>
      </c>
      <c r="N20418" t="s">
        <v>84</v>
      </c>
      <c r="O20418" t="s">
        <v>85</v>
      </c>
      <c r="P20418" t="s">
        <v>86</v>
      </c>
      <c r="Q20418">
        <v>18</v>
      </c>
      <c r="R20418">
        <v>19</v>
      </c>
      <c r="S20418">
        <v>19</v>
      </c>
      <c r="T20418">
        <v>19</v>
      </c>
      <c r="U20418">
        <v>19</v>
      </c>
      <c r="V20418">
        <v>20</v>
      </c>
      <c r="W20418">
        <v>20</v>
      </c>
      <c r="X20418">
        <v>20</v>
      </c>
      <c r="Y20418">
        <v>21</v>
      </c>
      <c r="Z20418">
        <v>21</v>
      </c>
      <c r="AA20418">
        <v>21</v>
      </c>
      <c r="AB20418">
        <v>22</v>
      </c>
      <c r="AC20418">
        <v>22</v>
      </c>
      <c r="AD20418">
        <v>22</v>
      </c>
      <c r="AE20418">
        <v>22</v>
      </c>
      <c r="AF20418">
        <v>23</v>
      </c>
      <c r="AG20418">
        <v>23</v>
      </c>
      <c r="AH20418">
        <v>23</v>
      </c>
      <c r="AI20418">
        <v>24</v>
      </c>
      <c r="AJ20418">
        <v>24</v>
      </c>
      <c r="AK20418">
        <v>24</v>
      </c>
      <c r="AL20418">
        <v>24</v>
      </c>
      <c r="AM20418">
        <v>24</v>
      </c>
      <c r="AN20418">
        <v>24</v>
      </c>
      <c r="AO20418">
        <v>24</v>
      </c>
      <c r="AP20418">
        <v>25</v>
      </c>
      <c r="AQ20418">
        <v>25</v>
      </c>
    </row>
    <row r="20419" spans="1:43">
      <c r="A20419" t="s">
        <v>12645</v>
      </c>
      <c r="B20419" t="s">
        <v>12646</v>
      </c>
      <c r="C20419" t="s">
        <v>12635</v>
      </c>
      <c r="D20419" t="s">
        <v>12636</v>
      </c>
      <c r="E20419" t="s">
        <v>12580</v>
      </c>
      <c r="F20419" t="s">
        <v>12581</v>
      </c>
      <c r="G20419" t="s">
        <v>12582</v>
      </c>
      <c r="H20419" t="s">
        <v>12581</v>
      </c>
      <c r="I20419" s="2">
        <v>1</v>
      </c>
      <c r="J20419" s="2">
        <v>0</v>
      </c>
      <c r="K20419" s="2">
        <v>0</v>
      </c>
      <c r="L20419" t="s">
        <v>120</v>
      </c>
      <c r="M20419" t="s">
        <v>87</v>
      </c>
      <c r="N20419" t="s">
        <v>88</v>
      </c>
      <c r="O20419" t="s">
        <v>85</v>
      </c>
      <c r="P20419" t="s">
        <v>86</v>
      </c>
      <c r="Q20419">
        <v>18</v>
      </c>
      <c r="R20419">
        <v>18</v>
      </c>
      <c r="S20419">
        <v>18</v>
      </c>
      <c r="T20419">
        <v>19</v>
      </c>
      <c r="U20419">
        <v>19</v>
      </c>
      <c r="V20419">
        <v>19</v>
      </c>
      <c r="W20419">
        <v>19</v>
      </c>
      <c r="X20419">
        <v>19</v>
      </c>
      <c r="Y20419">
        <v>19</v>
      </c>
      <c r="Z20419">
        <v>19</v>
      </c>
      <c r="AA20419">
        <v>19</v>
      </c>
      <c r="AB20419">
        <v>19</v>
      </c>
      <c r="AC20419">
        <v>20</v>
      </c>
      <c r="AD20419">
        <v>20</v>
      </c>
      <c r="AE20419">
        <v>20</v>
      </c>
      <c r="AF20419">
        <v>20</v>
      </c>
      <c r="AG20419">
        <v>20</v>
      </c>
      <c r="AH20419">
        <v>20</v>
      </c>
      <c r="AI20419">
        <v>20</v>
      </c>
      <c r="AJ20419">
        <v>21</v>
      </c>
      <c r="AK20419">
        <v>21</v>
      </c>
      <c r="AL20419">
        <v>21</v>
      </c>
      <c r="AM20419">
        <v>21</v>
      </c>
      <c r="AN20419">
        <v>21</v>
      </c>
      <c r="AO20419">
        <v>21</v>
      </c>
      <c r="AP20419">
        <v>21</v>
      </c>
      <c r="AQ20419">
        <v>22</v>
      </c>
    </row>
    <row r="20420" spans="1:43">
      <c r="A20420" t="s">
        <v>12645</v>
      </c>
      <c r="B20420" t="s">
        <v>12646</v>
      </c>
      <c r="C20420" t="s">
        <v>12635</v>
      </c>
      <c r="D20420" t="s">
        <v>12636</v>
      </c>
      <c r="E20420" t="s">
        <v>12580</v>
      </c>
      <c r="F20420" t="s">
        <v>12581</v>
      </c>
      <c r="G20420" t="s">
        <v>12582</v>
      </c>
      <c r="H20420" t="s">
        <v>12581</v>
      </c>
      <c r="I20420" s="2">
        <v>1</v>
      </c>
      <c r="J20420" s="2">
        <v>0</v>
      </c>
      <c r="K20420" s="2">
        <v>0</v>
      </c>
      <c r="L20420" t="s">
        <v>120</v>
      </c>
      <c r="M20420" t="s">
        <v>89</v>
      </c>
      <c r="N20420" t="s">
        <v>90</v>
      </c>
      <c r="O20420" t="s">
        <v>85</v>
      </c>
      <c r="P20420" t="s">
        <v>86</v>
      </c>
      <c r="Q20420">
        <v>18</v>
      </c>
      <c r="R20420">
        <v>19</v>
      </c>
      <c r="S20420">
        <v>19</v>
      </c>
      <c r="T20420">
        <v>20</v>
      </c>
      <c r="U20420">
        <v>20</v>
      </c>
      <c r="V20420">
        <v>21</v>
      </c>
      <c r="W20420">
        <v>21</v>
      </c>
      <c r="X20420">
        <v>21</v>
      </c>
      <c r="Y20420">
        <v>22</v>
      </c>
      <c r="Z20420">
        <v>22</v>
      </c>
      <c r="AA20420">
        <v>23</v>
      </c>
      <c r="AB20420">
        <v>23</v>
      </c>
      <c r="AC20420">
        <v>23</v>
      </c>
      <c r="AD20420">
        <v>24</v>
      </c>
      <c r="AE20420">
        <v>24</v>
      </c>
      <c r="AF20420">
        <v>24</v>
      </c>
      <c r="AG20420">
        <v>24</v>
      </c>
      <c r="AH20420">
        <v>24</v>
      </c>
      <c r="AI20420">
        <v>24</v>
      </c>
      <c r="AJ20420">
        <v>24</v>
      </c>
      <c r="AK20420">
        <v>24</v>
      </c>
      <c r="AL20420">
        <v>24</v>
      </c>
      <c r="AM20420">
        <v>24</v>
      </c>
      <c r="AN20420">
        <v>25</v>
      </c>
      <c r="AO20420">
        <v>25</v>
      </c>
      <c r="AP20420">
        <v>25</v>
      </c>
      <c r="AQ20420">
        <v>25</v>
      </c>
    </row>
    <row r="20421" spans="1:43">
      <c r="A20421" t="s">
        <v>12645</v>
      </c>
      <c r="B20421" t="s">
        <v>12646</v>
      </c>
      <c r="C20421" t="s">
        <v>12635</v>
      </c>
      <c r="D20421" t="s">
        <v>12636</v>
      </c>
      <c r="E20421" t="s">
        <v>12580</v>
      </c>
      <c r="F20421" t="s">
        <v>12581</v>
      </c>
      <c r="G20421" t="s">
        <v>12582</v>
      </c>
      <c r="H20421" t="s">
        <v>12581</v>
      </c>
      <c r="I20421" s="2">
        <v>1</v>
      </c>
      <c r="J20421" s="2">
        <v>0</v>
      </c>
      <c r="K20421" s="2">
        <v>0</v>
      </c>
      <c r="L20421" t="s">
        <v>120</v>
      </c>
      <c r="M20421" t="s">
        <v>83</v>
      </c>
      <c r="N20421" t="s">
        <v>91</v>
      </c>
      <c r="O20421" t="s">
        <v>85</v>
      </c>
      <c r="P20421" t="s">
        <v>86</v>
      </c>
      <c r="Q20421">
        <v>18</v>
      </c>
      <c r="R20421">
        <v>19</v>
      </c>
      <c r="S20421">
        <v>19</v>
      </c>
      <c r="T20421">
        <v>19</v>
      </c>
      <c r="U20421">
        <v>19</v>
      </c>
      <c r="V20421">
        <v>20</v>
      </c>
      <c r="W20421">
        <v>20</v>
      </c>
      <c r="X20421">
        <v>20</v>
      </c>
      <c r="Y20421">
        <v>21</v>
      </c>
      <c r="Z20421">
        <v>21</v>
      </c>
      <c r="AA20421">
        <v>21</v>
      </c>
      <c r="AB20421">
        <v>22</v>
      </c>
      <c r="AC20421">
        <v>22</v>
      </c>
      <c r="AD20421">
        <v>22</v>
      </c>
      <c r="AE20421">
        <v>22</v>
      </c>
      <c r="AF20421">
        <v>23</v>
      </c>
      <c r="AG20421">
        <v>23</v>
      </c>
      <c r="AH20421">
        <v>23</v>
      </c>
      <c r="AI20421">
        <v>24</v>
      </c>
      <c r="AJ20421">
        <v>24</v>
      </c>
      <c r="AK20421">
        <v>24</v>
      </c>
      <c r="AL20421">
        <v>24</v>
      </c>
      <c r="AM20421">
        <v>24</v>
      </c>
      <c r="AN20421">
        <v>24</v>
      </c>
      <c r="AO20421">
        <v>24</v>
      </c>
      <c r="AP20421">
        <v>25</v>
      </c>
      <c r="AQ20421">
        <v>25</v>
      </c>
    </row>
    <row r="20422" spans="1:43">
      <c r="A20422" t="s">
        <v>12647</v>
      </c>
      <c r="B20422" t="s">
        <v>12648</v>
      </c>
      <c r="C20422" t="s">
        <v>12649</v>
      </c>
      <c r="D20422" t="s">
        <v>12650</v>
      </c>
      <c r="E20422" t="s">
        <v>12580</v>
      </c>
      <c r="F20422" t="s">
        <v>12581</v>
      </c>
      <c r="G20422" t="s">
        <v>12582</v>
      </c>
      <c r="H20422" t="s">
        <v>12581</v>
      </c>
      <c r="I20422" s="2">
        <v>1</v>
      </c>
      <c r="J20422" s="2">
        <v>0</v>
      </c>
      <c r="K20422" s="2">
        <v>0</v>
      </c>
      <c r="L20422" t="s">
        <v>120</v>
      </c>
      <c r="M20422" t="s">
        <v>83</v>
      </c>
      <c r="N20422" t="s">
        <v>84</v>
      </c>
      <c r="O20422" t="s">
        <v>85</v>
      </c>
      <c r="P20422" t="s">
        <v>86</v>
      </c>
      <c r="Q20422">
        <v>76</v>
      </c>
      <c r="R20422">
        <v>78</v>
      </c>
      <c r="S20422">
        <v>79</v>
      </c>
      <c r="T20422">
        <v>80</v>
      </c>
      <c r="U20422">
        <v>81</v>
      </c>
      <c r="V20422">
        <v>83</v>
      </c>
      <c r="W20422">
        <v>84</v>
      </c>
      <c r="X20422">
        <v>85</v>
      </c>
      <c r="Y20422">
        <v>87</v>
      </c>
      <c r="Z20422">
        <v>88</v>
      </c>
      <c r="AA20422">
        <v>89</v>
      </c>
      <c r="AB20422">
        <v>90</v>
      </c>
      <c r="AC20422">
        <v>92</v>
      </c>
      <c r="AD20422">
        <v>93</v>
      </c>
      <c r="AE20422">
        <v>94</v>
      </c>
      <c r="AF20422">
        <v>95</v>
      </c>
      <c r="AG20422">
        <v>97</v>
      </c>
      <c r="AH20422">
        <v>98</v>
      </c>
      <c r="AI20422">
        <v>99</v>
      </c>
      <c r="AJ20422">
        <v>101</v>
      </c>
      <c r="AK20422">
        <v>102</v>
      </c>
      <c r="AL20422">
        <v>103</v>
      </c>
      <c r="AM20422">
        <v>103</v>
      </c>
      <c r="AN20422">
        <v>103</v>
      </c>
      <c r="AO20422">
        <v>104</v>
      </c>
      <c r="AP20422">
        <v>104</v>
      </c>
      <c r="AQ20422">
        <v>105</v>
      </c>
    </row>
    <row r="20423" spans="1:43">
      <c r="A20423" t="s">
        <v>12647</v>
      </c>
      <c r="B20423" t="s">
        <v>12648</v>
      </c>
      <c r="C20423" t="s">
        <v>12649</v>
      </c>
      <c r="D20423" t="s">
        <v>12650</v>
      </c>
      <c r="E20423" t="s">
        <v>12580</v>
      </c>
      <c r="F20423" t="s">
        <v>12581</v>
      </c>
      <c r="G20423" t="s">
        <v>12582</v>
      </c>
      <c r="H20423" t="s">
        <v>12581</v>
      </c>
      <c r="I20423" s="2">
        <v>1</v>
      </c>
      <c r="J20423" s="2">
        <v>0</v>
      </c>
      <c r="K20423" s="2">
        <v>0</v>
      </c>
      <c r="L20423" t="s">
        <v>120</v>
      </c>
      <c r="M20423" t="s">
        <v>87</v>
      </c>
      <c r="N20423" t="s">
        <v>88</v>
      </c>
      <c r="O20423" t="s">
        <v>85</v>
      </c>
      <c r="P20423" t="s">
        <v>86</v>
      </c>
      <c r="Q20423">
        <v>76</v>
      </c>
      <c r="R20423">
        <v>76</v>
      </c>
      <c r="S20423">
        <v>77</v>
      </c>
      <c r="T20423">
        <v>77</v>
      </c>
      <c r="U20423">
        <v>78</v>
      </c>
      <c r="V20423">
        <v>78</v>
      </c>
      <c r="W20423">
        <v>79</v>
      </c>
      <c r="X20423">
        <v>80</v>
      </c>
      <c r="Y20423">
        <v>80</v>
      </c>
      <c r="Z20423">
        <v>81</v>
      </c>
      <c r="AA20423">
        <v>81</v>
      </c>
      <c r="AB20423">
        <v>82</v>
      </c>
      <c r="AC20423">
        <v>82</v>
      </c>
      <c r="AD20423">
        <v>83</v>
      </c>
      <c r="AE20423">
        <v>84</v>
      </c>
      <c r="AF20423">
        <v>84</v>
      </c>
      <c r="AG20423">
        <v>85</v>
      </c>
      <c r="AH20423">
        <v>85</v>
      </c>
      <c r="AI20423">
        <v>86</v>
      </c>
      <c r="AJ20423">
        <v>87</v>
      </c>
      <c r="AK20423">
        <v>87</v>
      </c>
      <c r="AL20423">
        <v>88</v>
      </c>
      <c r="AM20423">
        <v>89</v>
      </c>
      <c r="AN20423">
        <v>89</v>
      </c>
      <c r="AO20423">
        <v>90</v>
      </c>
      <c r="AP20423">
        <v>91</v>
      </c>
      <c r="AQ20423">
        <v>91</v>
      </c>
    </row>
    <row r="20424" spans="1:43">
      <c r="A20424" t="s">
        <v>12647</v>
      </c>
      <c r="B20424" t="s">
        <v>12648</v>
      </c>
      <c r="C20424" t="s">
        <v>12649</v>
      </c>
      <c r="D20424" t="s">
        <v>12650</v>
      </c>
      <c r="E20424" t="s">
        <v>12580</v>
      </c>
      <c r="F20424" t="s">
        <v>12581</v>
      </c>
      <c r="G20424" t="s">
        <v>12582</v>
      </c>
      <c r="H20424" t="s">
        <v>12581</v>
      </c>
      <c r="I20424" s="2">
        <v>1</v>
      </c>
      <c r="J20424" s="2">
        <v>0</v>
      </c>
      <c r="K20424" s="2">
        <v>0</v>
      </c>
      <c r="L20424" t="s">
        <v>120</v>
      </c>
      <c r="M20424" t="s">
        <v>89</v>
      </c>
      <c r="N20424" t="s">
        <v>90</v>
      </c>
      <c r="O20424" t="s">
        <v>85</v>
      </c>
      <c r="P20424" t="s">
        <v>86</v>
      </c>
      <c r="Q20424">
        <v>76</v>
      </c>
      <c r="R20424">
        <v>78</v>
      </c>
      <c r="S20424">
        <v>80</v>
      </c>
      <c r="T20424">
        <v>82</v>
      </c>
      <c r="U20424">
        <v>84</v>
      </c>
      <c r="V20424">
        <v>85</v>
      </c>
      <c r="W20424">
        <v>87</v>
      </c>
      <c r="X20424">
        <v>89</v>
      </c>
      <c r="Y20424">
        <v>90</v>
      </c>
      <c r="Z20424">
        <v>92</v>
      </c>
      <c r="AA20424">
        <v>94</v>
      </c>
      <c r="AB20424">
        <v>95</v>
      </c>
      <c r="AC20424">
        <v>97</v>
      </c>
      <c r="AD20424">
        <v>99</v>
      </c>
      <c r="AE20424">
        <v>100</v>
      </c>
      <c r="AF20424">
        <v>100</v>
      </c>
      <c r="AG20424">
        <v>101</v>
      </c>
      <c r="AH20424">
        <v>101</v>
      </c>
      <c r="AI20424">
        <v>101</v>
      </c>
      <c r="AJ20424">
        <v>102</v>
      </c>
      <c r="AK20424">
        <v>102</v>
      </c>
      <c r="AL20424">
        <v>103</v>
      </c>
      <c r="AM20424">
        <v>103</v>
      </c>
      <c r="AN20424">
        <v>104</v>
      </c>
      <c r="AO20424">
        <v>104</v>
      </c>
      <c r="AP20424">
        <v>104</v>
      </c>
      <c r="AQ20424">
        <v>105</v>
      </c>
    </row>
    <row r="20425" spans="1:43">
      <c r="A20425" t="s">
        <v>12647</v>
      </c>
      <c r="B20425" t="s">
        <v>12648</v>
      </c>
      <c r="C20425" t="s">
        <v>12649</v>
      </c>
      <c r="D20425" t="s">
        <v>12650</v>
      </c>
      <c r="E20425" t="s">
        <v>12580</v>
      </c>
      <c r="F20425" t="s">
        <v>12581</v>
      </c>
      <c r="G20425" t="s">
        <v>12582</v>
      </c>
      <c r="H20425" t="s">
        <v>12581</v>
      </c>
      <c r="I20425" s="2">
        <v>1</v>
      </c>
      <c r="J20425" s="2">
        <v>0</v>
      </c>
      <c r="K20425" s="2">
        <v>0</v>
      </c>
      <c r="L20425" t="s">
        <v>120</v>
      </c>
      <c r="M20425" t="s">
        <v>83</v>
      </c>
      <c r="N20425" t="s">
        <v>91</v>
      </c>
      <c r="O20425" t="s">
        <v>85</v>
      </c>
      <c r="P20425" t="s">
        <v>86</v>
      </c>
      <c r="Q20425">
        <v>76</v>
      </c>
      <c r="R20425">
        <v>78</v>
      </c>
      <c r="S20425">
        <v>79</v>
      </c>
      <c r="T20425">
        <v>80</v>
      </c>
      <c r="U20425">
        <v>81</v>
      </c>
      <c r="V20425">
        <v>83</v>
      </c>
      <c r="W20425">
        <v>84</v>
      </c>
      <c r="X20425">
        <v>85</v>
      </c>
      <c r="Y20425">
        <v>87</v>
      </c>
      <c r="Z20425">
        <v>88</v>
      </c>
      <c r="AA20425">
        <v>89</v>
      </c>
      <c r="AB20425">
        <v>90</v>
      </c>
      <c r="AC20425">
        <v>92</v>
      </c>
      <c r="AD20425">
        <v>93</v>
      </c>
      <c r="AE20425">
        <v>94</v>
      </c>
      <c r="AF20425">
        <v>95</v>
      </c>
      <c r="AG20425">
        <v>97</v>
      </c>
      <c r="AH20425">
        <v>98</v>
      </c>
      <c r="AI20425">
        <v>99</v>
      </c>
      <c r="AJ20425">
        <v>101</v>
      </c>
      <c r="AK20425">
        <v>102</v>
      </c>
      <c r="AL20425">
        <v>103</v>
      </c>
      <c r="AM20425">
        <v>103</v>
      </c>
      <c r="AN20425">
        <v>103</v>
      </c>
      <c r="AO20425">
        <v>104</v>
      </c>
      <c r="AP20425">
        <v>104</v>
      </c>
      <c r="AQ20425">
        <v>105</v>
      </c>
    </row>
    <row r="20426" spans="1:43">
      <c r="A20426" t="s">
        <v>12651</v>
      </c>
      <c r="B20426" t="s">
        <v>12652</v>
      </c>
      <c r="C20426" t="s">
        <v>12649</v>
      </c>
      <c r="D20426" t="s">
        <v>12650</v>
      </c>
      <c r="E20426" t="s">
        <v>12580</v>
      </c>
      <c r="F20426" t="s">
        <v>12581</v>
      </c>
      <c r="G20426" t="s">
        <v>12582</v>
      </c>
      <c r="H20426" t="s">
        <v>12581</v>
      </c>
      <c r="I20426" s="2">
        <v>1</v>
      </c>
      <c r="J20426" s="2">
        <v>0</v>
      </c>
      <c r="K20426" s="2">
        <v>0</v>
      </c>
      <c r="L20426" t="s">
        <v>120</v>
      </c>
      <c r="M20426" t="s">
        <v>83</v>
      </c>
      <c r="N20426" t="s">
        <v>84</v>
      </c>
      <c r="O20426" t="s">
        <v>85</v>
      </c>
      <c r="P20426" t="s">
        <v>86</v>
      </c>
      <c r="Q20426">
        <v>54</v>
      </c>
      <c r="R20426">
        <v>55</v>
      </c>
      <c r="S20426">
        <v>56</v>
      </c>
      <c r="T20426">
        <v>57</v>
      </c>
      <c r="U20426">
        <v>58</v>
      </c>
      <c r="V20426">
        <v>59</v>
      </c>
      <c r="W20426">
        <v>59</v>
      </c>
      <c r="X20426">
        <v>60</v>
      </c>
      <c r="Y20426">
        <v>61</v>
      </c>
      <c r="Z20426">
        <v>62</v>
      </c>
      <c r="AA20426">
        <v>63</v>
      </c>
      <c r="AB20426">
        <v>64</v>
      </c>
      <c r="AC20426">
        <v>65</v>
      </c>
      <c r="AD20426">
        <v>66</v>
      </c>
      <c r="AE20426">
        <v>66</v>
      </c>
      <c r="AF20426">
        <v>67</v>
      </c>
      <c r="AG20426">
        <v>68</v>
      </c>
      <c r="AH20426">
        <v>69</v>
      </c>
      <c r="AI20426">
        <v>70</v>
      </c>
      <c r="AJ20426">
        <v>71</v>
      </c>
      <c r="AK20426">
        <v>72</v>
      </c>
      <c r="AL20426">
        <v>72</v>
      </c>
      <c r="AM20426">
        <v>73</v>
      </c>
      <c r="AN20426">
        <v>73</v>
      </c>
      <c r="AO20426">
        <v>73</v>
      </c>
      <c r="AP20426">
        <v>74</v>
      </c>
      <c r="AQ20426">
        <v>74</v>
      </c>
    </row>
    <row r="20427" spans="1:43">
      <c r="A20427" t="s">
        <v>12651</v>
      </c>
      <c r="B20427" t="s">
        <v>12652</v>
      </c>
      <c r="C20427" t="s">
        <v>12649</v>
      </c>
      <c r="D20427" t="s">
        <v>12650</v>
      </c>
      <c r="E20427" t="s">
        <v>12580</v>
      </c>
      <c r="F20427" t="s">
        <v>12581</v>
      </c>
      <c r="G20427" t="s">
        <v>12582</v>
      </c>
      <c r="H20427" t="s">
        <v>12581</v>
      </c>
      <c r="I20427" s="2">
        <v>1</v>
      </c>
      <c r="J20427" s="2">
        <v>0</v>
      </c>
      <c r="K20427" s="2">
        <v>0</v>
      </c>
      <c r="L20427" t="s">
        <v>120</v>
      </c>
      <c r="M20427" t="s">
        <v>87</v>
      </c>
      <c r="N20427" t="s">
        <v>88</v>
      </c>
      <c r="O20427" t="s">
        <v>85</v>
      </c>
      <c r="P20427" t="s">
        <v>86</v>
      </c>
      <c r="Q20427">
        <v>54</v>
      </c>
      <c r="R20427">
        <v>54</v>
      </c>
      <c r="S20427">
        <v>54</v>
      </c>
      <c r="T20427">
        <v>55</v>
      </c>
      <c r="U20427">
        <v>55</v>
      </c>
      <c r="V20427">
        <v>55</v>
      </c>
      <c r="W20427">
        <v>56</v>
      </c>
      <c r="X20427">
        <v>56</v>
      </c>
      <c r="Y20427">
        <v>57</v>
      </c>
      <c r="Z20427">
        <v>57</v>
      </c>
      <c r="AA20427">
        <v>57</v>
      </c>
      <c r="AB20427">
        <v>58</v>
      </c>
      <c r="AC20427">
        <v>58</v>
      </c>
      <c r="AD20427">
        <v>59</v>
      </c>
      <c r="AE20427">
        <v>59</v>
      </c>
      <c r="AF20427">
        <v>60</v>
      </c>
      <c r="AG20427">
        <v>60</v>
      </c>
      <c r="AH20427">
        <v>60</v>
      </c>
      <c r="AI20427">
        <v>61</v>
      </c>
      <c r="AJ20427">
        <v>61</v>
      </c>
      <c r="AK20427">
        <v>62</v>
      </c>
      <c r="AL20427">
        <v>62</v>
      </c>
      <c r="AM20427">
        <v>63</v>
      </c>
      <c r="AN20427">
        <v>63</v>
      </c>
      <c r="AO20427">
        <v>64</v>
      </c>
      <c r="AP20427">
        <v>64</v>
      </c>
      <c r="AQ20427">
        <v>65</v>
      </c>
    </row>
    <row r="20428" spans="1:43">
      <c r="A20428" t="s">
        <v>12651</v>
      </c>
      <c r="B20428" t="s">
        <v>12652</v>
      </c>
      <c r="C20428" t="s">
        <v>12649</v>
      </c>
      <c r="D20428" t="s">
        <v>12650</v>
      </c>
      <c r="E20428" t="s">
        <v>12580</v>
      </c>
      <c r="F20428" t="s">
        <v>12581</v>
      </c>
      <c r="G20428" t="s">
        <v>12582</v>
      </c>
      <c r="H20428" t="s">
        <v>12581</v>
      </c>
      <c r="I20428" s="2">
        <v>1</v>
      </c>
      <c r="J20428" s="2">
        <v>0</v>
      </c>
      <c r="K20428" s="2">
        <v>0</v>
      </c>
      <c r="L20428" t="s">
        <v>120</v>
      </c>
      <c r="M20428" t="s">
        <v>89</v>
      </c>
      <c r="N20428" t="s">
        <v>90</v>
      </c>
      <c r="O20428" t="s">
        <v>85</v>
      </c>
      <c r="P20428" t="s">
        <v>86</v>
      </c>
      <c r="Q20428">
        <v>54</v>
      </c>
      <c r="R20428">
        <v>55</v>
      </c>
      <c r="S20428">
        <v>56</v>
      </c>
      <c r="T20428">
        <v>58</v>
      </c>
      <c r="U20428">
        <v>59</v>
      </c>
      <c r="V20428">
        <v>60</v>
      </c>
      <c r="W20428">
        <v>61</v>
      </c>
      <c r="X20428">
        <v>62</v>
      </c>
      <c r="Y20428">
        <v>64</v>
      </c>
      <c r="Z20428">
        <v>65</v>
      </c>
      <c r="AA20428">
        <v>66</v>
      </c>
      <c r="AB20428">
        <v>67</v>
      </c>
      <c r="AC20428">
        <v>68</v>
      </c>
      <c r="AD20428">
        <v>69</v>
      </c>
      <c r="AE20428">
        <v>70</v>
      </c>
      <c r="AF20428">
        <v>70</v>
      </c>
      <c r="AG20428">
        <v>71</v>
      </c>
      <c r="AH20428">
        <v>71</v>
      </c>
      <c r="AI20428">
        <v>71</v>
      </c>
      <c r="AJ20428">
        <v>71</v>
      </c>
      <c r="AK20428">
        <v>72</v>
      </c>
      <c r="AL20428">
        <v>72</v>
      </c>
      <c r="AM20428">
        <v>72</v>
      </c>
      <c r="AN20428">
        <v>73</v>
      </c>
      <c r="AO20428">
        <v>73</v>
      </c>
      <c r="AP20428">
        <v>73</v>
      </c>
      <c r="AQ20428">
        <v>73</v>
      </c>
    </row>
    <row r="20429" spans="1:43">
      <c r="A20429" t="s">
        <v>12651</v>
      </c>
      <c r="B20429" t="s">
        <v>12652</v>
      </c>
      <c r="C20429" t="s">
        <v>12649</v>
      </c>
      <c r="D20429" t="s">
        <v>12650</v>
      </c>
      <c r="E20429" t="s">
        <v>12580</v>
      </c>
      <c r="F20429" t="s">
        <v>12581</v>
      </c>
      <c r="G20429" t="s">
        <v>12582</v>
      </c>
      <c r="H20429" t="s">
        <v>12581</v>
      </c>
      <c r="I20429" s="2">
        <v>1</v>
      </c>
      <c r="J20429" s="2">
        <v>0</v>
      </c>
      <c r="K20429" s="2">
        <v>0</v>
      </c>
      <c r="L20429" t="s">
        <v>120</v>
      </c>
      <c r="M20429" t="s">
        <v>83</v>
      </c>
      <c r="N20429" t="s">
        <v>91</v>
      </c>
      <c r="O20429" t="s">
        <v>85</v>
      </c>
      <c r="P20429" t="s">
        <v>86</v>
      </c>
      <c r="Q20429">
        <v>54</v>
      </c>
      <c r="R20429">
        <v>55</v>
      </c>
      <c r="S20429">
        <v>56</v>
      </c>
      <c r="T20429">
        <v>57</v>
      </c>
      <c r="U20429">
        <v>58</v>
      </c>
      <c r="V20429">
        <v>59</v>
      </c>
      <c r="W20429">
        <v>59</v>
      </c>
      <c r="X20429">
        <v>60</v>
      </c>
      <c r="Y20429">
        <v>61</v>
      </c>
      <c r="Z20429">
        <v>62</v>
      </c>
      <c r="AA20429">
        <v>63</v>
      </c>
      <c r="AB20429">
        <v>64</v>
      </c>
      <c r="AC20429">
        <v>65</v>
      </c>
      <c r="AD20429">
        <v>66</v>
      </c>
      <c r="AE20429">
        <v>66</v>
      </c>
      <c r="AF20429">
        <v>67</v>
      </c>
      <c r="AG20429">
        <v>68</v>
      </c>
      <c r="AH20429">
        <v>69</v>
      </c>
      <c r="AI20429">
        <v>70</v>
      </c>
      <c r="AJ20429">
        <v>71</v>
      </c>
      <c r="AK20429">
        <v>72</v>
      </c>
      <c r="AL20429">
        <v>72</v>
      </c>
      <c r="AM20429">
        <v>73</v>
      </c>
      <c r="AN20429">
        <v>73</v>
      </c>
      <c r="AO20429">
        <v>73</v>
      </c>
      <c r="AP20429">
        <v>74</v>
      </c>
      <c r="AQ20429">
        <v>74</v>
      </c>
    </row>
    <row r="20430" spans="1:43">
      <c r="A20430" t="s">
        <v>12653</v>
      </c>
      <c r="B20430" t="s">
        <v>12654</v>
      </c>
      <c r="C20430" t="s">
        <v>12649</v>
      </c>
      <c r="D20430" t="s">
        <v>12650</v>
      </c>
      <c r="E20430" t="s">
        <v>12580</v>
      </c>
      <c r="F20430" t="s">
        <v>12581</v>
      </c>
      <c r="G20430" t="s">
        <v>12582</v>
      </c>
      <c r="H20430" t="s">
        <v>12581</v>
      </c>
      <c r="I20430" s="2">
        <v>1</v>
      </c>
      <c r="J20430" s="2">
        <v>0</v>
      </c>
      <c r="K20430" s="2">
        <v>0</v>
      </c>
      <c r="L20430" t="s">
        <v>120</v>
      </c>
      <c r="M20430" t="s">
        <v>83</v>
      </c>
      <c r="N20430" t="s">
        <v>84</v>
      </c>
      <c r="O20430" t="s">
        <v>85</v>
      </c>
      <c r="P20430" t="s">
        <v>86</v>
      </c>
      <c r="Q20430">
        <v>9</v>
      </c>
      <c r="R20430">
        <v>9</v>
      </c>
      <c r="S20430">
        <v>9</v>
      </c>
      <c r="T20430">
        <v>10</v>
      </c>
      <c r="U20430">
        <v>10</v>
      </c>
      <c r="V20430">
        <v>10</v>
      </c>
      <c r="W20430">
        <v>10</v>
      </c>
      <c r="X20430">
        <v>10</v>
      </c>
      <c r="Y20430">
        <v>10</v>
      </c>
      <c r="Z20430">
        <v>10</v>
      </c>
      <c r="AA20430">
        <v>11</v>
      </c>
      <c r="AB20430">
        <v>11</v>
      </c>
      <c r="AC20430">
        <v>11</v>
      </c>
      <c r="AD20430">
        <v>11</v>
      </c>
      <c r="AE20430">
        <v>11</v>
      </c>
      <c r="AF20430">
        <v>11</v>
      </c>
      <c r="AG20430">
        <v>11</v>
      </c>
      <c r="AH20430">
        <v>12</v>
      </c>
      <c r="AI20430">
        <v>12</v>
      </c>
      <c r="AJ20430">
        <v>12</v>
      </c>
      <c r="AK20430">
        <v>12</v>
      </c>
      <c r="AL20430">
        <v>12</v>
      </c>
      <c r="AM20430">
        <v>12</v>
      </c>
      <c r="AN20430">
        <v>12</v>
      </c>
      <c r="AO20430">
        <v>12</v>
      </c>
      <c r="AP20430">
        <v>12</v>
      </c>
      <c r="AQ20430">
        <v>12</v>
      </c>
    </row>
    <row r="20431" spans="1:43">
      <c r="A20431" t="s">
        <v>12653</v>
      </c>
      <c r="B20431" t="s">
        <v>12654</v>
      </c>
      <c r="C20431" t="s">
        <v>12649</v>
      </c>
      <c r="D20431" t="s">
        <v>12650</v>
      </c>
      <c r="E20431" t="s">
        <v>12580</v>
      </c>
      <c r="F20431" t="s">
        <v>12581</v>
      </c>
      <c r="G20431" t="s">
        <v>12582</v>
      </c>
      <c r="H20431" t="s">
        <v>12581</v>
      </c>
      <c r="I20431" s="2">
        <v>1</v>
      </c>
      <c r="J20431" s="2">
        <v>0</v>
      </c>
      <c r="K20431" s="2">
        <v>0</v>
      </c>
      <c r="L20431" t="s">
        <v>120</v>
      </c>
      <c r="M20431" t="s">
        <v>87</v>
      </c>
      <c r="N20431" t="s">
        <v>88</v>
      </c>
      <c r="O20431" t="s">
        <v>85</v>
      </c>
      <c r="P20431" t="s">
        <v>86</v>
      </c>
      <c r="Q20431">
        <v>9</v>
      </c>
      <c r="R20431">
        <v>9</v>
      </c>
      <c r="S20431">
        <v>9</v>
      </c>
      <c r="T20431">
        <v>9</v>
      </c>
      <c r="U20431">
        <v>9</v>
      </c>
      <c r="V20431">
        <v>9</v>
      </c>
      <c r="W20431">
        <v>9</v>
      </c>
      <c r="X20431">
        <v>9</v>
      </c>
      <c r="Y20431">
        <v>10</v>
      </c>
      <c r="Z20431">
        <v>10</v>
      </c>
      <c r="AA20431">
        <v>10</v>
      </c>
      <c r="AB20431">
        <v>10</v>
      </c>
      <c r="AC20431">
        <v>10</v>
      </c>
      <c r="AD20431">
        <v>10</v>
      </c>
      <c r="AE20431">
        <v>10</v>
      </c>
      <c r="AF20431">
        <v>10</v>
      </c>
      <c r="AG20431">
        <v>10</v>
      </c>
      <c r="AH20431">
        <v>10</v>
      </c>
      <c r="AI20431">
        <v>10</v>
      </c>
      <c r="AJ20431">
        <v>10</v>
      </c>
      <c r="AK20431">
        <v>10</v>
      </c>
      <c r="AL20431">
        <v>10</v>
      </c>
      <c r="AM20431">
        <v>11</v>
      </c>
      <c r="AN20431">
        <v>11</v>
      </c>
      <c r="AO20431">
        <v>11</v>
      </c>
      <c r="AP20431">
        <v>11</v>
      </c>
      <c r="AQ20431">
        <v>11</v>
      </c>
    </row>
    <row r="20432" spans="1:43">
      <c r="A20432" t="s">
        <v>12653</v>
      </c>
      <c r="B20432" t="s">
        <v>12654</v>
      </c>
      <c r="C20432" t="s">
        <v>12649</v>
      </c>
      <c r="D20432" t="s">
        <v>12650</v>
      </c>
      <c r="E20432" t="s">
        <v>12580</v>
      </c>
      <c r="F20432" t="s">
        <v>12581</v>
      </c>
      <c r="G20432" t="s">
        <v>12582</v>
      </c>
      <c r="H20432" t="s">
        <v>12581</v>
      </c>
      <c r="I20432" s="2">
        <v>1</v>
      </c>
      <c r="J20432" s="2">
        <v>0</v>
      </c>
      <c r="K20432" s="2">
        <v>0</v>
      </c>
      <c r="L20432" t="s">
        <v>120</v>
      </c>
      <c r="M20432" t="s">
        <v>89</v>
      </c>
      <c r="N20432" t="s">
        <v>90</v>
      </c>
      <c r="O20432" t="s">
        <v>85</v>
      </c>
      <c r="P20432" t="s">
        <v>86</v>
      </c>
      <c r="Q20432">
        <v>9</v>
      </c>
      <c r="R20432">
        <v>9</v>
      </c>
      <c r="S20432">
        <v>10</v>
      </c>
      <c r="T20432">
        <v>10</v>
      </c>
      <c r="U20432">
        <v>10</v>
      </c>
      <c r="V20432">
        <v>10</v>
      </c>
      <c r="W20432">
        <v>10</v>
      </c>
      <c r="X20432">
        <v>11</v>
      </c>
      <c r="Y20432">
        <v>11</v>
      </c>
      <c r="Z20432">
        <v>11</v>
      </c>
      <c r="AA20432">
        <v>11</v>
      </c>
      <c r="AB20432">
        <v>11</v>
      </c>
      <c r="AC20432">
        <v>12</v>
      </c>
      <c r="AD20432">
        <v>12</v>
      </c>
      <c r="AE20432">
        <v>12</v>
      </c>
      <c r="AF20432">
        <v>12</v>
      </c>
      <c r="AG20432">
        <v>12</v>
      </c>
      <c r="AH20432">
        <v>12</v>
      </c>
      <c r="AI20432">
        <v>12</v>
      </c>
      <c r="AJ20432">
        <v>12</v>
      </c>
      <c r="AK20432">
        <v>12</v>
      </c>
      <c r="AL20432">
        <v>12</v>
      </c>
      <c r="AM20432">
        <v>12</v>
      </c>
      <c r="AN20432">
        <v>12</v>
      </c>
      <c r="AO20432">
        <v>12</v>
      </c>
      <c r="AP20432">
        <v>12</v>
      </c>
      <c r="AQ20432">
        <v>12</v>
      </c>
    </row>
    <row r="20433" spans="1:43">
      <c r="A20433" t="s">
        <v>12653</v>
      </c>
      <c r="B20433" t="s">
        <v>12654</v>
      </c>
      <c r="C20433" t="s">
        <v>12649</v>
      </c>
      <c r="D20433" t="s">
        <v>12650</v>
      </c>
      <c r="E20433" t="s">
        <v>12580</v>
      </c>
      <c r="F20433" t="s">
        <v>12581</v>
      </c>
      <c r="G20433" t="s">
        <v>12582</v>
      </c>
      <c r="H20433" t="s">
        <v>12581</v>
      </c>
      <c r="I20433" s="2">
        <v>1</v>
      </c>
      <c r="J20433" s="2">
        <v>0</v>
      </c>
      <c r="K20433" s="2">
        <v>0</v>
      </c>
      <c r="L20433" t="s">
        <v>120</v>
      </c>
      <c r="M20433" t="s">
        <v>83</v>
      </c>
      <c r="N20433" t="s">
        <v>91</v>
      </c>
      <c r="O20433" t="s">
        <v>85</v>
      </c>
      <c r="P20433" t="s">
        <v>86</v>
      </c>
      <c r="Q20433">
        <v>9</v>
      </c>
      <c r="R20433">
        <v>9</v>
      </c>
      <c r="S20433">
        <v>9</v>
      </c>
      <c r="T20433">
        <v>10</v>
      </c>
      <c r="U20433">
        <v>10</v>
      </c>
      <c r="V20433">
        <v>10</v>
      </c>
      <c r="W20433">
        <v>10</v>
      </c>
      <c r="X20433">
        <v>10</v>
      </c>
      <c r="Y20433">
        <v>10</v>
      </c>
      <c r="Z20433">
        <v>10</v>
      </c>
      <c r="AA20433">
        <v>11</v>
      </c>
      <c r="AB20433">
        <v>11</v>
      </c>
      <c r="AC20433">
        <v>11</v>
      </c>
      <c r="AD20433">
        <v>11</v>
      </c>
      <c r="AE20433">
        <v>11</v>
      </c>
      <c r="AF20433">
        <v>11</v>
      </c>
      <c r="AG20433">
        <v>11</v>
      </c>
      <c r="AH20433">
        <v>12</v>
      </c>
      <c r="AI20433">
        <v>12</v>
      </c>
      <c r="AJ20433">
        <v>12</v>
      </c>
      <c r="AK20433">
        <v>12</v>
      </c>
      <c r="AL20433">
        <v>12</v>
      </c>
      <c r="AM20433">
        <v>12</v>
      </c>
      <c r="AN20433">
        <v>12</v>
      </c>
      <c r="AO20433">
        <v>12</v>
      </c>
      <c r="AP20433">
        <v>12</v>
      </c>
      <c r="AQ20433">
        <v>12</v>
      </c>
    </row>
    <row r="20434" spans="1:43">
      <c r="A20434" t="s">
        <v>12655</v>
      </c>
      <c r="B20434" t="s">
        <v>12656</v>
      </c>
      <c r="C20434" t="s">
        <v>12649</v>
      </c>
      <c r="D20434" t="s">
        <v>12650</v>
      </c>
      <c r="E20434" t="s">
        <v>12580</v>
      </c>
      <c r="F20434" t="s">
        <v>12581</v>
      </c>
      <c r="G20434" t="s">
        <v>12582</v>
      </c>
      <c r="H20434" t="s">
        <v>12581</v>
      </c>
      <c r="I20434" s="2">
        <v>1</v>
      </c>
      <c r="J20434" s="2">
        <v>0</v>
      </c>
      <c r="K20434" s="2">
        <v>0</v>
      </c>
      <c r="L20434" t="s">
        <v>120</v>
      </c>
      <c r="M20434" t="s">
        <v>83</v>
      </c>
      <c r="N20434" t="s">
        <v>84</v>
      </c>
      <c r="O20434" t="s">
        <v>85</v>
      </c>
      <c r="P20434" t="s">
        <v>86</v>
      </c>
      <c r="Q20434">
        <v>25</v>
      </c>
      <c r="R20434">
        <v>25</v>
      </c>
      <c r="S20434">
        <v>26</v>
      </c>
      <c r="T20434">
        <v>26</v>
      </c>
      <c r="U20434">
        <v>26</v>
      </c>
      <c r="V20434">
        <v>27</v>
      </c>
      <c r="W20434">
        <v>27</v>
      </c>
      <c r="X20434">
        <v>28</v>
      </c>
      <c r="Y20434">
        <v>28</v>
      </c>
      <c r="Z20434">
        <v>28</v>
      </c>
      <c r="AA20434">
        <v>29</v>
      </c>
      <c r="AB20434">
        <v>29</v>
      </c>
      <c r="AC20434">
        <v>30</v>
      </c>
      <c r="AD20434">
        <v>30</v>
      </c>
      <c r="AE20434">
        <v>30</v>
      </c>
      <c r="AF20434">
        <v>31</v>
      </c>
      <c r="AG20434">
        <v>31</v>
      </c>
      <c r="AH20434">
        <v>32</v>
      </c>
      <c r="AI20434">
        <v>32</v>
      </c>
      <c r="AJ20434">
        <v>32</v>
      </c>
      <c r="AK20434">
        <v>33</v>
      </c>
      <c r="AL20434">
        <v>33</v>
      </c>
      <c r="AM20434">
        <v>33</v>
      </c>
      <c r="AN20434">
        <v>33</v>
      </c>
      <c r="AO20434">
        <v>34</v>
      </c>
      <c r="AP20434">
        <v>34</v>
      </c>
      <c r="AQ20434">
        <v>34</v>
      </c>
    </row>
    <row r="20435" spans="1:43">
      <c r="A20435" t="s">
        <v>12655</v>
      </c>
      <c r="B20435" t="s">
        <v>12656</v>
      </c>
      <c r="C20435" t="s">
        <v>12649</v>
      </c>
      <c r="D20435" t="s">
        <v>12650</v>
      </c>
      <c r="E20435" t="s">
        <v>12580</v>
      </c>
      <c r="F20435" t="s">
        <v>12581</v>
      </c>
      <c r="G20435" t="s">
        <v>12582</v>
      </c>
      <c r="H20435" t="s">
        <v>12581</v>
      </c>
      <c r="I20435" s="2">
        <v>1</v>
      </c>
      <c r="J20435" s="2">
        <v>0</v>
      </c>
      <c r="K20435" s="2">
        <v>0</v>
      </c>
      <c r="L20435" t="s">
        <v>120</v>
      </c>
      <c r="M20435" t="s">
        <v>87</v>
      </c>
      <c r="N20435" t="s">
        <v>88</v>
      </c>
      <c r="O20435" t="s">
        <v>85</v>
      </c>
      <c r="P20435" t="s">
        <v>86</v>
      </c>
      <c r="Q20435">
        <v>25</v>
      </c>
      <c r="R20435">
        <v>25</v>
      </c>
      <c r="S20435">
        <v>25</v>
      </c>
      <c r="T20435">
        <v>25</v>
      </c>
      <c r="U20435">
        <v>25</v>
      </c>
      <c r="V20435">
        <v>25</v>
      </c>
      <c r="W20435">
        <v>26</v>
      </c>
      <c r="X20435">
        <v>26</v>
      </c>
      <c r="Y20435">
        <v>26</v>
      </c>
      <c r="Z20435">
        <v>26</v>
      </c>
      <c r="AA20435">
        <v>26</v>
      </c>
      <c r="AB20435">
        <v>27</v>
      </c>
      <c r="AC20435">
        <v>27</v>
      </c>
      <c r="AD20435">
        <v>27</v>
      </c>
      <c r="AE20435">
        <v>27</v>
      </c>
      <c r="AF20435">
        <v>27</v>
      </c>
      <c r="AG20435">
        <v>28</v>
      </c>
      <c r="AH20435">
        <v>28</v>
      </c>
      <c r="AI20435">
        <v>28</v>
      </c>
      <c r="AJ20435">
        <v>28</v>
      </c>
      <c r="AK20435">
        <v>28</v>
      </c>
      <c r="AL20435">
        <v>29</v>
      </c>
      <c r="AM20435">
        <v>29</v>
      </c>
      <c r="AN20435">
        <v>29</v>
      </c>
      <c r="AO20435">
        <v>29</v>
      </c>
      <c r="AP20435">
        <v>29</v>
      </c>
      <c r="AQ20435">
        <v>30</v>
      </c>
    </row>
    <row r="20436" spans="1:43">
      <c r="A20436" t="s">
        <v>12655</v>
      </c>
      <c r="B20436" t="s">
        <v>12656</v>
      </c>
      <c r="C20436" t="s">
        <v>12649</v>
      </c>
      <c r="D20436" t="s">
        <v>12650</v>
      </c>
      <c r="E20436" t="s">
        <v>12580</v>
      </c>
      <c r="F20436" t="s">
        <v>12581</v>
      </c>
      <c r="G20436" t="s">
        <v>12582</v>
      </c>
      <c r="H20436" t="s">
        <v>12581</v>
      </c>
      <c r="I20436" s="2">
        <v>1</v>
      </c>
      <c r="J20436" s="2">
        <v>0</v>
      </c>
      <c r="K20436" s="2">
        <v>0</v>
      </c>
      <c r="L20436" t="s">
        <v>120</v>
      </c>
      <c r="M20436" t="s">
        <v>89</v>
      </c>
      <c r="N20436" t="s">
        <v>90</v>
      </c>
      <c r="O20436" t="s">
        <v>85</v>
      </c>
      <c r="P20436" t="s">
        <v>86</v>
      </c>
      <c r="Q20436">
        <v>25</v>
      </c>
      <c r="R20436">
        <v>26</v>
      </c>
      <c r="S20436">
        <v>26</v>
      </c>
      <c r="T20436">
        <v>27</v>
      </c>
      <c r="U20436">
        <v>27</v>
      </c>
      <c r="V20436">
        <v>28</v>
      </c>
      <c r="W20436">
        <v>29</v>
      </c>
      <c r="X20436">
        <v>29</v>
      </c>
      <c r="Y20436">
        <v>30</v>
      </c>
      <c r="Z20436">
        <v>30</v>
      </c>
      <c r="AA20436">
        <v>31</v>
      </c>
      <c r="AB20436">
        <v>31</v>
      </c>
      <c r="AC20436">
        <v>32</v>
      </c>
      <c r="AD20436">
        <v>32</v>
      </c>
      <c r="AE20436">
        <v>33</v>
      </c>
      <c r="AF20436">
        <v>33</v>
      </c>
      <c r="AG20436">
        <v>33</v>
      </c>
      <c r="AH20436">
        <v>33</v>
      </c>
      <c r="AI20436">
        <v>33</v>
      </c>
      <c r="AJ20436">
        <v>33</v>
      </c>
      <c r="AK20436">
        <v>33</v>
      </c>
      <c r="AL20436">
        <v>33</v>
      </c>
      <c r="AM20436">
        <v>33</v>
      </c>
      <c r="AN20436">
        <v>34</v>
      </c>
      <c r="AO20436">
        <v>34</v>
      </c>
      <c r="AP20436">
        <v>34</v>
      </c>
      <c r="AQ20436">
        <v>34</v>
      </c>
    </row>
    <row r="20437" spans="1:43">
      <c r="A20437" t="s">
        <v>12655</v>
      </c>
      <c r="B20437" t="s">
        <v>12656</v>
      </c>
      <c r="C20437" t="s">
        <v>12649</v>
      </c>
      <c r="D20437" t="s">
        <v>12650</v>
      </c>
      <c r="E20437" t="s">
        <v>12580</v>
      </c>
      <c r="F20437" t="s">
        <v>12581</v>
      </c>
      <c r="G20437" t="s">
        <v>12582</v>
      </c>
      <c r="H20437" t="s">
        <v>12581</v>
      </c>
      <c r="I20437" s="2">
        <v>1</v>
      </c>
      <c r="J20437" s="2">
        <v>0</v>
      </c>
      <c r="K20437" s="2">
        <v>0</v>
      </c>
      <c r="L20437" t="s">
        <v>120</v>
      </c>
      <c r="M20437" t="s">
        <v>83</v>
      </c>
      <c r="N20437" t="s">
        <v>91</v>
      </c>
      <c r="O20437" t="s">
        <v>85</v>
      </c>
      <c r="P20437" t="s">
        <v>86</v>
      </c>
      <c r="Q20437">
        <v>25</v>
      </c>
      <c r="R20437">
        <v>25</v>
      </c>
      <c r="S20437">
        <v>26</v>
      </c>
      <c r="T20437">
        <v>26</v>
      </c>
      <c r="U20437">
        <v>26</v>
      </c>
      <c r="V20437">
        <v>27</v>
      </c>
      <c r="W20437">
        <v>27</v>
      </c>
      <c r="X20437">
        <v>28</v>
      </c>
      <c r="Y20437">
        <v>28</v>
      </c>
      <c r="Z20437">
        <v>28</v>
      </c>
      <c r="AA20437">
        <v>29</v>
      </c>
      <c r="AB20437">
        <v>29</v>
      </c>
      <c r="AC20437">
        <v>30</v>
      </c>
      <c r="AD20437">
        <v>30</v>
      </c>
      <c r="AE20437">
        <v>30</v>
      </c>
      <c r="AF20437">
        <v>31</v>
      </c>
      <c r="AG20437">
        <v>31</v>
      </c>
      <c r="AH20437">
        <v>32</v>
      </c>
      <c r="AI20437">
        <v>32</v>
      </c>
      <c r="AJ20437">
        <v>32</v>
      </c>
      <c r="AK20437">
        <v>33</v>
      </c>
      <c r="AL20437">
        <v>33</v>
      </c>
      <c r="AM20437">
        <v>33</v>
      </c>
      <c r="AN20437">
        <v>33</v>
      </c>
      <c r="AO20437">
        <v>34</v>
      </c>
      <c r="AP20437">
        <v>34</v>
      </c>
      <c r="AQ20437">
        <v>34</v>
      </c>
    </row>
    <row r="20438" spans="1:43">
      <c r="A20438" t="s">
        <v>12657</v>
      </c>
      <c r="B20438" t="s">
        <v>12658</v>
      </c>
      <c r="C20438" t="s">
        <v>12659</v>
      </c>
      <c r="D20438" t="s">
        <v>12660</v>
      </c>
      <c r="E20438" t="s">
        <v>12580</v>
      </c>
      <c r="F20438" t="s">
        <v>12581</v>
      </c>
      <c r="G20438" t="s">
        <v>12582</v>
      </c>
      <c r="H20438" t="s">
        <v>12581</v>
      </c>
      <c r="I20438" s="2">
        <v>0.14000000000000001</v>
      </c>
      <c r="J20438" s="2">
        <v>0</v>
      </c>
      <c r="K20438" s="2">
        <v>0</v>
      </c>
      <c r="L20438" t="s">
        <v>120</v>
      </c>
      <c r="M20438" t="s">
        <v>83</v>
      </c>
      <c r="N20438" t="s">
        <v>84</v>
      </c>
      <c r="O20438" t="s">
        <v>85</v>
      </c>
      <c r="P20438" t="s">
        <v>86</v>
      </c>
      <c r="Q20438">
        <v>7</v>
      </c>
      <c r="R20438">
        <v>7</v>
      </c>
      <c r="S20438">
        <v>7</v>
      </c>
      <c r="T20438">
        <v>8</v>
      </c>
      <c r="U20438">
        <v>8</v>
      </c>
      <c r="V20438">
        <v>8</v>
      </c>
      <c r="W20438">
        <v>8</v>
      </c>
      <c r="X20438">
        <v>8</v>
      </c>
      <c r="Y20438">
        <v>8</v>
      </c>
      <c r="Z20438">
        <v>8</v>
      </c>
      <c r="AA20438">
        <v>8</v>
      </c>
      <c r="AB20438">
        <v>9</v>
      </c>
      <c r="AC20438">
        <v>9</v>
      </c>
      <c r="AD20438">
        <v>9</v>
      </c>
      <c r="AE20438">
        <v>9</v>
      </c>
      <c r="AF20438">
        <v>9</v>
      </c>
      <c r="AG20438">
        <v>9</v>
      </c>
      <c r="AH20438">
        <v>9</v>
      </c>
      <c r="AI20438">
        <v>9</v>
      </c>
      <c r="AJ20438">
        <v>10</v>
      </c>
      <c r="AK20438">
        <v>10</v>
      </c>
      <c r="AL20438">
        <v>10</v>
      </c>
      <c r="AM20438">
        <v>10</v>
      </c>
      <c r="AN20438">
        <v>10</v>
      </c>
      <c r="AO20438">
        <v>10</v>
      </c>
      <c r="AP20438">
        <v>10</v>
      </c>
      <c r="AQ20438">
        <v>10</v>
      </c>
    </row>
    <row r="20439" spans="1:43">
      <c r="A20439" t="s">
        <v>12657</v>
      </c>
      <c r="B20439" t="s">
        <v>12658</v>
      </c>
      <c r="C20439" t="s">
        <v>12659</v>
      </c>
      <c r="D20439" t="s">
        <v>12660</v>
      </c>
      <c r="E20439" t="s">
        <v>12580</v>
      </c>
      <c r="F20439" t="s">
        <v>12581</v>
      </c>
      <c r="G20439" t="s">
        <v>12582</v>
      </c>
      <c r="H20439" t="s">
        <v>12581</v>
      </c>
      <c r="I20439" s="2">
        <v>0.14000000000000001</v>
      </c>
      <c r="J20439" s="2">
        <v>0</v>
      </c>
      <c r="K20439" s="2">
        <v>0</v>
      </c>
      <c r="L20439" t="s">
        <v>120</v>
      </c>
      <c r="M20439" t="s">
        <v>87</v>
      </c>
      <c r="N20439" t="s">
        <v>88</v>
      </c>
      <c r="O20439" t="s">
        <v>85</v>
      </c>
      <c r="P20439" t="s">
        <v>86</v>
      </c>
      <c r="Q20439">
        <v>7</v>
      </c>
      <c r="R20439">
        <v>7</v>
      </c>
      <c r="S20439">
        <v>7</v>
      </c>
      <c r="T20439">
        <v>7</v>
      </c>
      <c r="U20439">
        <v>7</v>
      </c>
      <c r="V20439">
        <v>7</v>
      </c>
      <c r="W20439">
        <v>7</v>
      </c>
      <c r="X20439">
        <v>8</v>
      </c>
      <c r="Y20439">
        <v>8</v>
      </c>
      <c r="Z20439">
        <v>8</v>
      </c>
      <c r="AA20439">
        <v>8</v>
      </c>
      <c r="AB20439">
        <v>8</v>
      </c>
      <c r="AC20439">
        <v>8</v>
      </c>
      <c r="AD20439">
        <v>8</v>
      </c>
      <c r="AE20439">
        <v>8</v>
      </c>
      <c r="AF20439">
        <v>8</v>
      </c>
      <c r="AG20439">
        <v>8</v>
      </c>
      <c r="AH20439">
        <v>8</v>
      </c>
      <c r="AI20439">
        <v>8</v>
      </c>
      <c r="AJ20439">
        <v>8</v>
      </c>
      <c r="AK20439">
        <v>8</v>
      </c>
      <c r="AL20439">
        <v>8</v>
      </c>
      <c r="AM20439">
        <v>8</v>
      </c>
      <c r="AN20439">
        <v>8</v>
      </c>
      <c r="AO20439">
        <v>8</v>
      </c>
      <c r="AP20439">
        <v>9</v>
      </c>
      <c r="AQ20439">
        <v>9</v>
      </c>
    </row>
    <row r="20440" spans="1:43">
      <c r="A20440" t="s">
        <v>12657</v>
      </c>
      <c r="B20440" t="s">
        <v>12658</v>
      </c>
      <c r="C20440" t="s">
        <v>12659</v>
      </c>
      <c r="D20440" t="s">
        <v>12660</v>
      </c>
      <c r="E20440" t="s">
        <v>12580</v>
      </c>
      <c r="F20440" t="s">
        <v>12581</v>
      </c>
      <c r="G20440" t="s">
        <v>12582</v>
      </c>
      <c r="H20440" t="s">
        <v>12581</v>
      </c>
      <c r="I20440" s="2">
        <v>0.14000000000000001</v>
      </c>
      <c r="J20440" s="2">
        <v>0</v>
      </c>
      <c r="K20440" s="2">
        <v>0</v>
      </c>
      <c r="L20440" t="s">
        <v>120</v>
      </c>
      <c r="M20440" t="s">
        <v>89</v>
      </c>
      <c r="N20440" t="s">
        <v>90</v>
      </c>
      <c r="O20440" t="s">
        <v>85</v>
      </c>
      <c r="P20440" t="s">
        <v>86</v>
      </c>
      <c r="Q20440">
        <v>7</v>
      </c>
      <c r="R20440">
        <v>8</v>
      </c>
      <c r="S20440">
        <v>8</v>
      </c>
      <c r="T20440">
        <v>8</v>
      </c>
      <c r="U20440">
        <v>8</v>
      </c>
      <c r="V20440">
        <v>8</v>
      </c>
      <c r="W20440">
        <v>8</v>
      </c>
      <c r="X20440">
        <v>9</v>
      </c>
      <c r="Y20440">
        <v>9</v>
      </c>
      <c r="Z20440">
        <v>9</v>
      </c>
      <c r="AA20440">
        <v>9</v>
      </c>
      <c r="AB20440">
        <v>9</v>
      </c>
      <c r="AC20440">
        <v>9</v>
      </c>
      <c r="AD20440">
        <v>9</v>
      </c>
      <c r="AE20440">
        <v>10</v>
      </c>
      <c r="AF20440">
        <v>10</v>
      </c>
      <c r="AG20440">
        <v>10</v>
      </c>
      <c r="AH20440">
        <v>10</v>
      </c>
      <c r="AI20440">
        <v>10</v>
      </c>
      <c r="AJ20440">
        <v>10</v>
      </c>
      <c r="AK20440">
        <v>10</v>
      </c>
      <c r="AL20440">
        <v>10</v>
      </c>
      <c r="AM20440">
        <v>10</v>
      </c>
      <c r="AN20440">
        <v>10</v>
      </c>
      <c r="AO20440">
        <v>10</v>
      </c>
      <c r="AP20440">
        <v>10</v>
      </c>
      <c r="AQ20440">
        <v>10</v>
      </c>
    </row>
    <row r="20441" spans="1:43">
      <c r="A20441" t="s">
        <v>12657</v>
      </c>
      <c r="B20441" t="s">
        <v>12658</v>
      </c>
      <c r="C20441" t="s">
        <v>12659</v>
      </c>
      <c r="D20441" t="s">
        <v>12660</v>
      </c>
      <c r="E20441" t="s">
        <v>12580</v>
      </c>
      <c r="F20441" t="s">
        <v>12581</v>
      </c>
      <c r="G20441" t="s">
        <v>12582</v>
      </c>
      <c r="H20441" t="s">
        <v>12581</v>
      </c>
      <c r="I20441" s="2">
        <v>0.14000000000000001</v>
      </c>
      <c r="J20441" s="2">
        <v>0</v>
      </c>
      <c r="K20441" s="2">
        <v>0</v>
      </c>
      <c r="L20441" t="s">
        <v>120</v>
      </c>
      <c r="M20441" t="s">
        <v>83</v>
      </c>
      <c r="N20441" t="s">
        <v>91</v>
      </c>
      <c r="O20441" t="s">
        <v>85</v>
      </c>
      <c r="P20441" t="s">
        <v>86</v>
      </c>
      <c r="Q20441">
        <v>7</v>
      </c>
      <c r="R20441">
        <v>7</v>
      </c>
      <c r="S20441">
        <v>7</v>
      </c>
      <c r="T20441">
        <v>8</v>
      </c>
      <c r="U20441">
        <v>8</v>
      </c>
      <c r="V20441">
        <v>8</v>
      </c>
      <c r="W20441">
        <v>8</v>
      </c>
      <c r="X20441">
        <v>8</v>
      </c>
      <c r="Y20441">
        <v>8</v>
      </c>
      <c r="Z20441">
        <v>8</v>
      </c>
      <c r="AA20441">
        <v>8</v>
      </c>
      <c r="AB20441">
        <v>9</v>
      </c>
      <c r="AC20441">
        <v>9</v>
      </c>
      <c r="AD20441">
        <v>9</v>
      </c>
      <c r="AE20441">
        <v>9</v>
      </c>
      <c r="AF20441">
        <v>9</v>
      </c>
      <c r="AG20441">
        <v>9</v>
      </c>
      <c r="AH20441">
        <v>9</v>
      </c>
      <c r="AI20441">
        <v>9</v>
      </c>
      <c r="AJ20441">
        <v>10</v>
      </c>
      <c r="AK20441">
        <v>10</v>
      </c>
      <c r="AL20441">
        <v>10</v>
      </c>
      <c r="AM20441">
        <v>10</v>
      </c>
      <c r="AN20441">
        <v>10</v>
      </c>
      <c r="AO20441">
        <v>10</v>
      </c>
      <c r="AP20441">
        <v>10</v>
      </c>
      <c r="AQ20441">
        <v>10</v>
      </c>
    </row>
    <row r="20442" spans="1:43">
      <c r="A20442" t="s">
        <v>12661</v>
      </c>
      <c r="B20442" t="s">
        <v>12662</v>
      </c>
      <c r="C20442" t="s">
        <v>12659</v>
      </c>
      <c r="D20442" t="s">
        <v>12660</v>
      </c>
      <c r="E20442" t="s">
        <v>12580</v>
      </c>
      <c r="F20442" t="s">
        <v>12581</v>
      </c>
      <c r="G20442" t="s">
        <v>12582</v>
      </c>
      <c r="H20442" t="s">
        <v>12581</v>
      </c>
      <c r="I20442" s="2">
        <v>0.8</v>
      </c>
      <c r="J20442" s="2">
        <v>0</v>
      </c>
      <c r="K20442" s="2">
        <v>0</v>
      </c>
      <c r="L20442" t="s">
        <v>120</v>
      </c>
      <c r="M20442" t="s">
        <v>83</v>
      </c>
      <c r="N20442" t="s">
        <v>84</v>
      </c>
      <c r="O20442" t="s">
        <v>85</v>
      </c>
      <c r="P20442" t="s">
        <v>86</v>
      </c>
      <c r="Q20442">
        <v>35</v>
      </c>
      <c r="R20442">
        <v>36</v>
      </c>
      <c r="S20442">
        <v>36</v>
      </c>
      <c r="T20442">
        <v>37</v>
      </c>
      <c r="U20442">
        <v>37</v>
      </c>
      <c r="V20442">
        <v>38</v>
      </c>
      <c r="W20442">
        <v>38</v>
      </c>
      <c r="X20442">
        <v>39</v>
      </c>
      <c r="Y20442">
        <v>39</v>
      </c>
      <c r="Z20442">
        <v>40</v>
      </c>
      <c r="AA20442">
        <v>41</v>
      </c>
      <c r="AB20442">
        <v>41</v>
      </c>
      <c r="AC20442">
        <v>42</v>
      </c>
      <c r="AD20442">
        <v>42</v>
      </c>
      <c r="AE20442">
        <v>43</v>
      </c>
      <c r="AF20442">
        <v>43</v>
      </c>
      <c r="AG20442">
        <v>44</v>
      </c>
      <c r="AH20442">
        <v>45</v>
      </c>
      <c r="AI20442">
        <v>45</v>
      </c>
      <c r="AJ20442">
        <v>46</v>
      </c>
      <c r="AK20442">
        <v>46</v>
      </c>
      <c r="AL20442">
        <v>47</v>
      </c>
      <c r="AM20442">
        <v>47</v>
      </c>
      <c r="AN20442">
        <v>47</v>
      </c>
      <c r="AO20442">
        <v>47</v>
      </c>
      <c r="AP20442">
        <v>47</v>
      </c>
      <c r="AQ20442">
        <v>47</v>
      </c>
    </row>
    <row r="20443" spans="1:43">
      <c r="A20443" t="s">
        <v>12661</v>
      </c>
      <c r="B20443" t="s">
        <v>12662</v>
      </c>
      <c r="C20443" t="s">
        <v>12659</v>
      </c>
      <c r="D20443" t="s">
        <v>12660</v>
      </c>
      <c r="E20443" t="s">
        <v>12580</v>
      </c>
      <c r="F20443" t="s">
        <v>12581</v>
      </c>
      <c r="G20443" t="s">
        <v>12582</v>
      </c>
      <c r="H20443" t="s">
        <v>12581</v>
      </c>
      <c r="I20443" s="2">
        <v>0.8</v>
      </c>
      <c r="J20443" s="2">
        <v>0</v>
      </c>
      <c r="K20443" s="2">
        <v>0</v>
      </c>
      <c r="L20443" t="s">
        <v>120</v>
      </c>
      <c r="M20443" t="s">
        <v>87</v>
      </c>
      <c r="N20443" t="s">
        <v>88</v>
      </c>
      <c r="O20443" t="s">
        <v>85</v>
      </c>
      <c r="P20443" t="s">
        <v>86</v>
      </c>
      <c r="Q20443">
        <v>35</v>
      </c>
      <c r="R20443">
        <v>35</v>
      </c>
      <c r="S20443">
        <v>35</v>
      </c>
      <c r="T20443">
        <v>35</v>
      </c>
      <c r="U20443">
        <v>36</v>
      </c>
      <c r="V20443">
        <v>36</v>
      </c>
      <c r="W20443">
        <v>36</v>
      </c>
      <c r="X20443">
        <v>36</v>
      </c>
      <c r="Y20443">
        <v>36</v>
      </c>
      <c r="Z20443">
        <v>37</v>
      </c>
      <c r="AA20443">
        <v>37</v>
      </c>
      <c r="AB20443">
        <v>37</v>
      </c>
      <c r="AC20443">
        <v>37</v>
      </c>
      <c r="AD20443">
        <v>38</v>
      </c>
      <c r="AE20443">
        <v>38</v>
      </c>
      <c r="AF20443">
        <v>38</v>
      </c>
      <c r="AG20443">
        <v>38</v>
      </c>
      <c r="AH20443">
        <v>39</v>
      </c>
      <c r="AI20443">
        <v>39</v>
      </c>
      <c r="AJ20443">
        <v>39</v>
      </c>
      <c r="AK20443">
        <v>39</v>
      </c>
      <c r="AL20443">
        <v>40</v>
      </c>
      <c r="AM20443">
        <v>40</v>
      </c>
      <c r="AN20443">
        <v>40</v>
      </c>
      <c r="AO20443">
        <v>41</v>
      </c>
      <c r="AP20443">
        <v>41</v>
      </c>
      <c r="AQ20443">
        <v>41</v>
      </c>
    </row>
    <row r="20444" spans="1:43">
      <c r="A20444" t="s">
        <v>12661</v>
      </c>
      <c r="B20444" t="s">
        <v>12662</v>
      </c>
      <c r="C20444" t="s">
        <v>12659</v>
      </c>
      <c r="D20444" t="s">
        <v>12660</v>
      </c>
      <c r="E20444" t="s">
        <v>12580</v>
      </c>
      <c r="F20444" t="s">
        <v>12581</v>
      </c>
      <c r="G20444" t="s">
        <v>12582</v>
      </c>
      <c r="H20444" t="s">
        <v>12581</v>
      </c>
      <c r="I20444" s="2">
        <v>0.8</v>
      </c>
      <c r="J20444" s="2">
        <v>0</v>
      </c>
      <c r="K20444" s="2">
        <v>0</v>
      </c>
      <c r="L20444" t="s">
        <v>120</v>
      </c>
      <c r="M20444" t="s">
        <v>89</v>
      </c>
      <c r="N20444" t="s">
        <v>90</v>
      </c>
      <c r="O20444" t="s">
        <v>85</v>
      </c>
      <c r="P20444" t="s">
        <v>86</v>
      </c>
      <c r="Q20444">
        <v>35</v>
      </c>
      <c r="R20444">
        <v>36</v>
      </c>
      <c r="S20444">
        <v>37</v>
      </c>
      <c r="T20444">
        <v>38</v>
      </c>
      <c r="U20444">
        <v>39</v>
      </c>
      <c r="V20444">
        <v>39</v>
      </c>
      <c r="W20444">
        <v>40</v>
      </c>
      <c r="X20444">
        <v>41</v>
      </c>
      <c r="Y20444">
        <v>42</v>
      </c>
      <c r="Z20444">
        <v>42</v>
      </c>
      <c r="AA20444">
        <v>43</v>
      </c>
      <c r="AB20444">
        <v>44</v>
      </c>
      <c r="AC20444">
        <v>45</v>
      </c>
      <c r="AD20444">
        <v>45</v>
      </c>
      <c r="AE20444">
        <v>46</v>
      </c>
      <c r="AF20444">
        <v>46</v>
      </c>
      <c r="AG20444">
        <v>46</v>
      </c>
      <c r="AH20444">
        <v>46</v>
      </c>
      <c r="AI20444">
        <v>47</v>
      </c>
      <c r="AJ20444">
        <v>47</v>
      </c>
      <c r="AK20444">
        <v>47</v>
      </c>
      <c r="AL20444">
        <v>47</v>
      </c>
      <c r="AM20444">
        <v>47</v>
      </c>
      <c r="AN20444">
        <v>47</v>
      </c>
      <c r="AO20444">
        <v>47</v>
      </c>
      <c r="AP20444">
        <v>48</v>
      </c>
      <c r="AQ20444">
        <v>48</v>
      </c>
    </row>
    <row r="20445" spans="1:43">
      <c r="A20445" t="s">
        <v>12661</v>
      </c>
      <c r="B20445" t="s">
        <v>12662</v>
      </c>
      <c r="C20445" t="s">
        <v>12659</v>
      </c>
      <c r="D20445" t="s">
        <v>12660</v>
      </c>
      <c r="E20445" t="s">
        <v>12580</v>
      </c>
      <c r="F20445" t="s">
        <v>12581</v>
      </c>
      <c r="G20445" t="s">
        <v>12582</v>
      </c>
      <c r="H20445" t="s">
        <v>12581</v>
      </c>
      <c r="I20445" s="2">
        <v>0.8</v>
      </c>
      <c r="J20445" s="2">
        <v>0</v>
      </c>
      <c r="K20445" s="2">
        <v>0</v>
      </c>
      <c r="L20445" t="s">
        <v>120</v>
      </c>
      <c r="M20445" t="s">
        <v>83</v>
      </c>
      <c r="N20445" t="s">
        <v>91</v>
      </c>
      <c r="O20445" t="s">
        <v>85</v>
      </c>
      <c r="P20445" t="s">
        <v>86</v>
      </c>
      <c r="Q20445">
        <v>35</v>
      </c>
      <c r="R20445">
        <v>36</v>
      </c>
      <c r="S20445">
        <v>36</v>
      </c>
      <c r="T20445">
        <v>37</v>
      </c>
      <c r="U20445">
        <v>37</v>
      </c>
      <c r="V20445">
        <v>38</v>
      </c>
      <c r="W20445">
        <v>38</v>
      </c>
      <c r="X20445">
        <v>39</v>
      </c>
      <c r="Y20445">
        <v>39</v>
      </c>
      <c r="Z20445">
        <v>40</v>
      </c>
      <c r="AA20445">
        <v>41</v>
      </c>
      <c r="AB20445">
        <v>41</v>
      </c>
      <c r="AC20445">
        <v>42</v>
      </c>
      <c r="AD20445">
        <v>42</v>
      </c>
      <c r="AE20445">
        <v>43</v>
      </c>
      <c r="AF20445">
        <v>43</v>
      </c>
      <c r="AG20445">
        <v>44</v>
      </c>
      <c r="AH20445">
        <v>45</v>
      </c>
      <c r="AI20445">
        <v>45</v>
      </c>
      <c r="AJ20445">
        <v>46</v>
      </c>
      <c r="AK20445">
        <v>46</v>
      </c>
      <c r="AL20445">
        <v>47</v>
      </c>
      <c r="AM20445">
        <v>47</v>
      </c>
      <c r="AN20445">
        <v>47</v>
      </c>
      <c r="AO20445">
        <v>47</v>
      </c>
      <c r="AP20445">
        <v>47</v>
      </c>
      <c r="AQ20445">
        <v>47</v>
      </c>
    </row>
    <row r="20446" spans="1:43">
      <c r="A20446" t="s">
        <v>12663</v>
      </c>
      <c r="B20446" t="s">
        <v>12664</v>
      </c>
      <c r="C20446" t="s">
        <v>12611</v>
      </c>
      <c r="D20446" t="s">
        <v>12612</v>
      </c>
      <c r="E20446" t="s">
        <v>12580</v>
      </c>
      <c r="F20446" t="s">
        <v>12581</v>
      </c>
      <c r="G20446" t="s">
        <v>12582</v>
      </c>
      <c r="H20446" t="s">
        <v>12581</v>
      </c>
      <c r="I20446" s="2">
        <v>0.83</v>
      </c>
      <c r="J20446" s="2">
        <v>0</v>
      </c>
      <c r="K20446" s="2">
        <v>0</v>
      </c>
      <c r="L20446" t="s">
        <v>120</v>
      </c>
      <c r="M20446" t="s">
        <v>83</v>
      </c>
      <c r="N20446" t="s">
        <v>84</v>
      </c>
      <c r="O20446" t="s">
        <v>85</v>
      </c>
      <c r="P20446" t="s">
        <v>86</v>
      </c>
      <c r="Q20446">
        <v>19</v>
      </c>
      <c r="R20446">
        <v>19</v>
      </c>
      <c r="S20446">
        <v>19</v>
      </c>
      <c r="T20446">
        <v>19</v>
      </c>
      <c r="U20446">
        <v>20</v>
      </c>
      <c r="V20446">
        <v>20</v>
      </c>
      <c r="W20446">
        <v>20</v>
      </c>
      <c r="X20446">
        <v>20</v>
      </c>
      <c r="Y20446">
        <v>21</v>
      </c>
      <c r="Z20446">
        <v>21</v>
      </c>
      <c r="AA20446">
        <v>21</v>
      </c>
      <c r="AB20446">
        <v>22</v>
      </c>
      <c r="AC20446">
        <v>22</v>
      </c>
      <c r="AD20446">
        <v>22</v>
      </c>
      <c r="AE20446">
        <v>22</v>
      </c>
      <c r="AF20446">
        <v>23</v>
      </c>
      <c r="AG20446">
        <v>23</v>
      </c>
      <c r="AH20446">
        <v>23</v>
      </c>
      <c r="AI20446">
        <v>23</v>
      </c>
      <c r="AJ20446">
        <v>24</v>
      </c>
      <c r="AK20446">
        <v>24</v>
      </c>
      <c r="AL20446">
        <v>24</v>
      </c>
      <c r="AM20446">
        <v>24</v>
      </c>
      <c r="AN20446">
        <v>24</v>
      </c>
      <c r="AO20446">
        <v>24</v>
      </c>
      <c r="AP20446">
        <v>24</v>
      </c>
      <c r="AQ20446">
        <v>24</v>
      </c>
    </row>
    <row r="20447" spans="1:43">
      <c r="A20447" t="s">
        <v>12663</v>
      </c>
      <c r="B20447" t="s">
        <v>12664</v>
      </c>
      <c r="C20447" t="s">
        <v>12611</v>
      </c>
      <c r="D20447" t="s">
        <v>12612</v>
      </c>
      <c r="E20447" t="s">
        <v>12580</v>
      </c>
      <c r="F20447" t="s">
        <v>12581</v>
      </c>
      <c r="G20447" t="s">
        <v>12582</v>
      </c>
      <c r="H20447" t="s">
        <v>12581</v>
      </c>
      <c r="I20447" s="2">
        <v>0.83</v>
      </c>
      <c r="J20447" s="2">
        <v>0</v>
      </c>
      <c r="K20447" s="2">
        <v>0</v>
      </c>
      <c r="L20447" t="s">
        <v>120</v>
      </c>
      <c r="M20447" t="s">
        <v>87</v>
      </c>
      <c r="N20447" t="s">
        <v>88</v>
      </c>
      <c r="O20447" t="s">
        <v>85</v>
      </c>
      <c r="P20447" t="s">
        <v>86</v>
      </c>
      <c r="Q20447">
        <v>19</v>
      </c>
      <c r="R20447">
        <v>19</v>
      </c>
      <c r="S20447">
        <v>20</v>
      </c>
      <c r="T20447">
        <v>20</v>
      </c>
      <c r="U20447">
        <v>20</v>
      </c>
      <c r="V20447">
        <v>20</v>
      </c>
      <c r="W20447">
        <v>20</v>
      </c>
      <c r="X20447">
        <v>20</v>
      </c>
      <c r="Y20447">
        <v>20</v>
      </c>
      <c r="Z20447">
        <v>20</v>
      </c>
      <c r="AA20447">
        <v>20</v>
      </c>
      <c r="AB20447">
        <v>20</v>
      </c>
      <c r="AC20447">
        <v>21</v>
      </c>
      <c r="AD20447">
        <v>21</v>
      </c>
      <c r="AE20447">
        <v>21</v>
      </c>
      <c r="AF20447">
        <v>21</v>
      </c>
      <c r="AG20447">
        <v>21</v>
      </c>
      <c r="AH20447">
        <v>21</v>
      </c>
      <c r="AI20447">
        <v>21</v>
      </c>
      <c r="AJ20447">
        <v>21</v>
      </c>
      <c r="AK20447">
        <v>22</v>
      </c>
      <c r="AL20447">
        <v>22</v>
      </c>
      <c r="AM20447">
        <v>22</v>
      </c>
      <c r="AN20447">
        <v>22</v>
      </c>
      <c r="AO20447">
        <v>22</v>
      </c>
      <c r="AP20447">
        <v>22</v>
      </c>
      <c r="AQ20447">
        <v>22</v>
      </c>
    </row>
    <row r="20448" spans="1:43">
      <c r="A20448" t="s">
        <v>12663</v>
      </c>
      <c r="B20448" t="s">
        <v>12664</v>
      </c>
      <c r="C20448" t="s">
        <v>12611</v>
      </c>
      <c r="D20448" t="s">
        <v>12612</v>
      </c>
      <c r="E20448" t="s">
        <v>12580</v>
      </c>
      <c r="F20448" t="s">
        <v>12581</v>
      </c>
      <c r="G20448" t="s">
        <v>12582</v>
      </c>
      <c r="H20448" t="s">
        <v>12581</v>
      </c>
      <c r="I20448" s="2">
        <v>0.83</v>
      </c>
      <c r="J20448" s="2">
        <v>0</v>
      </c>
      <c r="K20448" s="2">
        <v>0</v>
      </c>
      <c r="L20448" t="s">
        <v>120</v>
      </c>
      <c r="M20448" t="s">
        <v>89</v>
      </c>
      <c r="N20448" t="s">
        <v>90</v>
      </c>
      <c r="O20448" t="s">
        <v>85</v>
      </c>
      <c r="P20448" t="s">
        <v>86</v>
      </c>
      <c r="Q20448">
        <v>19</v>
      </c>
      <c r="R20448">
        <v>19</v>
      </c>
      <c r="S20448">
        <v>20</v>
      </c>
      <c r="T20448">
        <v>20</v>
      </c>
      <c r="U20448">
        <v>20</v>
      </c>
      <c r="V20448">
        <v>21</v>
      </c>
      <c r="W20448">
        <v>21</v>
      </c>
      <c r="X20448">
        <v>22</v>
      </c>
      <c r="Y20448">
        <v>22</v>
      </c>
      <c r="Z20448">
        <v>22</v>
      </c>
      <c r="AA20448">
        <v>23</v>
      </c>
      <c r="AB20448">
        <v>23</v>
      </c>
      <c r="AC20448">
        <v>23</v>
      </c>
      <c r="AD20448">
        <v>24</v>
      </c>
      <c r="AE20448">
        <v>24</v>
      </c>
      <c r="AF20448">
        <v>24</v>
      </c>
      <c r="AG20448">
        <v>24</v>
      </c>
      <c r="AH20448">
        <v>24</v>
      </c>
      <c r="AI20448">
        <v>24</v>
      </c>
      <c r="AJ20448">
        <v>24</v>
      </c>
      <c r="AK20448">
        <v>24</v>
      </c>
      <c r="AL20448">
        <v>24</v>
      </c>
      <c r="AM20448">
        <v>24</v>
      </c>
      <c r="AN20448">
        <v>24</v>
      </c>
      <c r="AO20448">
        <v>24</v>
      </c>
      <c r="AP20448">
        <v>24</v>
      </c>
      <c r="AQ20448">
        <v>25</v>
      </c>
    </row>
    <row r="20449" spans="1:43">
      <c r="A20449" t="s">
        <v>12663</v>
      </c>
      <c r="B20449" t="s">
        <v>12664</v>
      </c>
      <c r="C20449" t="s">
        <v>12611</v>
      </c>
      <c r="D20449" t="s">
        <v>12612</v>
      </c>
      <c r="E20449" t="s">
        <v>12580</v>
      </c>
      <c r="F20449" t="s">
        <v>12581</v>
      </c>
      <c r="G20449" t="s">
        <v>12582</v>
      </c>
      <c r="H20449" t="s">
        <v>12581</v>
      </c>
      <c r="I20449" s="2">
        <v>0.83</v>
      </c>
      <c r="J20449" s="2">
        <v>0</v>
      </c>
      <c r="K20449" s="2">
        <v>0</v>
      </c>
      <c r="L20449" t="s">
        <v>120</v>
      </c>
      <c r="M20449" t="s">
        <v>83</v>
      </c>
      <c r="N20449" t="s">
        <v>91</v>
      </c>
      <c r="O20449" t="s">
        <v>85</v>
      </c>
      <c r="P20449" t="s">
        <v>86</v>
      </c>
      <c r="Q20449">
        <v>19</v>
      </c>
      <c r="R20449">
        <v>19</v>
      </c>
      <c r="S20449">
        <v>19</v>
      </c>
      <c r="T20449">
        <v>19</v>
      </c>
      <c r="U20449">
        <v>20</v>
      </c>
      <c r="V20449">
        <v>20</v>
      </c>
      <c r="W20449">
        <v>20</v>
      </c>
      <c r="X20449">
        <v>20</v>
      </c>
      <c r="Y20449">
        <v>21</v>
      </c>
      <c r="Z20449">
        <v>21</v>
      </c>
      <c r="AA20449">
        <v>21</v>
      </c>
      <c r="AB20449">
        <v>22</v>
      </c>
      <c r="AC20449">
        <v>22</v>
      </c>
      <c r="AD20449">
        <v>22</v>
      </c>
      <c r="AE20449">
        <v>22</v>
      </c>
      <c r="AF20449">
        <v>23</v>
      </c>
      <c r="AG20449">
        <v>23</v>
      </c>
      <c r="AH20449">
        <v>23</v>
      </c>
      <c r="AI20449">
        <v>23</v>
      </c>
      <c r="AJ20449">
        <v>24</v>
      </c>
      <c r="AK20449">
        <v>24</v>
      </c>
      <c r="AL20449">
        <v>24</v>
      </c>
      <c r="AM20449">
        <v>24</v>
      </c>
      <c r="AN20449">
        <v>24</v>
      </c>
      <c r="AO20449">
        <v>24</v>
      </c>
      <c r="AP20449">
        <v>24</v>
      </c>
      <c r="AQ20449">
        <v>24</v>
      </c>
    </row>
    <row r="20450" spans="1:43">
      <c r="A20450" t="s">
        <v>12665</v>
      </c>
      <c r="B20450" t="s">
        <v>12666</v>
      </c>
      <c r="C20450" t="s">
        <v>12611</v>
      </c>
      <c r="D20450" t="s">
        <v>12612</v>
      </c>
      <c r="E20450" t="s">
        <v>12580</v>
      </c>
      <c r="F20450" t="s">
        <v>12581</v>
      </c>
      <c r="G20450" t="s">
        <v>12582</v>
      </c>
      <c r="H20450" t="s">
        <v>12581</v>
      </c>
      <c r="I20450" s="2">
        <v>1</v>
      </c>
      <c r="J20450" s="2">
        <v>0</v>
      </c>
      <c r="K20450" s="2">
        <v>0</v>
      </c>
      <c r="L20450" t="s">
        <v>120</v>
      </c>
      <c r="M20450" t="s">
        <v>83</v>
      </c>
      <c r="N20450" t="s">
        <v>84</v>
      </c>
      <c r="O20450" t="s">
        <v>85</v>
      </c>
      <c r="P20450" t="s">
        <v>86</v>
      </c>
      <c r="Q20450">
        <v>52</v>
      </c>
      <c r="R20450">
        <v>53</v>
      </c>
      <c r="S20450">
        <v>53</v>
      </c>
      <c r="T20450">
        <v>54</v>
      </c>
      <c r="U20450">
        <v>55</v>
      </c>
      <c r="V20450">
        <v>56</v>
      </c>
      <c r="W20450">
        <v>57</v>
      </c>
      <c r="X20450">
        <v>58</v>
      </c>
      <c r="Y20450">
        <v>58</v>
      </c>
      <c r="Z20450">
        <v>59</v>
      </c>
      <c r="AA20450">
        <v>60</v>
      </c>
      <c r="AB20450">
        <v>61</v>
      </c>
      <c r="AC20450">
        <v>62</v>
      </c>
      <c r="AD20450">
        <v>63</v>
      </c>
      <c r="AE20450">
        <v>63</v>
      </c>
      <c r="AF20450">
        <v>64</v>
      </c>
      <c r="AG20450">
        <v>65</v>
      </c>
      <c r="AH20450">
        <v>66</v>
      </c>
      <c r="AI20450">
        <v>67</v>
      </c>
      <c r="AJ20450">
        <v>68</v>
      </c>
      <c r="AK20450">
        <v>68</v>
      </c>
      <c r="AL20450">
        <v>69</v>
      </c>
      <c r="AM20450">
        <v>69</v>
      </c>
      <c r="AN20450">
        <v>69</v>
      </c>
      <c r="AO20450">
        <v>70</v>
      </c>
      <c r="AP20450">
        <v>70</v>
      </c>
      <c r="AQ20450">
        <v>70</v>
      </c>
    </row>
    <row r="20451" spans="1:43">
      <c r="A20451" t="s">
        <v>12665</v>
      </c>
      <c r="B20451" t="s">
        <v>12666</v>
      </c>
      <c r="C20451" t="s">
        <v>12611</v>
      </c>
      <c r="D20451" t="s">
        <v>12612</v>
      </c>
      <c r="E20451" t="s">
        <v>12580</v>
      </c>
      <c r="F20451" t="s">
        <v>12581</v>
      </c>
      <c r="G20451" t="s">
        <v>12582</v>
      </c>
      <c r="H20451" t="s">
        <v>12581</v>
      </c>
      <c r="I20451" s="2">
        <v>1</v>
      </c>
      <c r="J20451" s="2">
        <v>0</v>
      </c>
      <c r="K20451" s="2">
        <v>0</v>
      </c>
      <c r="L20451" t="s">
        <v>120</v>
      </c>
      <c r="M20451" t="s">
        <v>87</v>
      </c>
      <c r="N20451" t="s">
        <v>88</v>
      </c>
      <c r="O20451" t="s">
        <v>85</v>
      </c>
      <c r="P20451" t="s">
        <v>86</v>
      </c>
      <c r="Q20451">
        <v>52</v>
      </c>
      <c r="R20451">
        <v>53</v>
      </c>
      <c r="S20451">
        <v>53</v>
      </c>
      <c r="T20451">
        <v>53</v>
      </c>
      <c r="U20451">
        <v>54</v>
      </c>
      <c r="V20451">
        <v>54</v>
      </c>
      <c r="W20451">
        <v>54</v>
      </c>
      <c r="X20451">
        <v>55</v>
      </c>
      <c r="Y20451">
        <v>55</v>
      </c>
      <c r="Z20451">
        <v>55</v>
      </c>
      <c r="AA20451">
        <v>56</v>
      </c>
      <c r="AB20451">
        <v>56</v>
      </c>
      <c r="AC20451">
        <v>56</v>
      </c>
      <c r="AD20451">
        <v>57</v>
      </c>
      <c r="AE20451">
        <v>57</v>
      </c>
      <c r="AF20451">
        <v>58</v>
      </c>
      <c r="AG20451">
        <v>58</v>
      </c>
      <c r="AH20451">
        <v>58</v>
      </c>
      <c r="AI20451">
        <v>59</v>
      </c>
      <c r="AJ20451">
        <v>59</v>
      </c>
      <c r="AK20451">
        <v>59</v>
      </c>
      <c r="AL20451">
        <v>60</v>
      </c>
      <c r="AM20451">
        <v>60</v>
      </c>
      <c r="AN20451">
        <v>61</v>
      </c>
      <c r="AO20451">
        <v>61</v>
      </c>
      <c r="AP20451">
        <v>61</v>
      </c>
      <c r="AQ20451">
        <v>62</v>
      </c>
    </row>
    <row r="20452" spans="1:43">
      <c r="A20452" t="s">
        <v>12665</v>
      </c>
      <c r="B20452" t="s">
        <v>12666</v>
      </c>
      <c r="C20452" t="s">
        <v>12611</v>
      </c>
      <c r="D20452" t="s">
        <v>12612</v>
      </c>
      <c r="E20452" t="s">
        <v>12580</v>
      </c>
      <c r="F20452" t="s">
        <v>12581</v>
      </c>
      <c r="G20452" t="s">
        <v>12582</v>
      </c>
      <c r="H20452" t="s">
        <v>12581</v>
      </c>
      <c r="I20452" s="2">
        <v>1</v>
      </c>
      <c r="J20452" s="2">
        <v>0</v>
      </c>
      <c r="K20452" s="2">
        <v>0</v>
      </c>
      <c r="L20452" t="s">
        <v>120</v>
      </c>
      <c r="M20452" t="s">
        <v>89</v>
      </c>
      <c r="N20452" t="s">
        <v>90</v>
      </c>
      <c r="O20452" t="s">
        <v>85</v>
      </c>
      <c r="P20452" t="s">
        <v>86</v>
      </c>
      <c r="Q20452">
        <v>52</v>
      </c>
      <c r="R20452">
        <v>54</v>
      </c>
      <c r="S20452">
        <v>55</v>
      </c>
      <c r="T20452">
        <v>56</v>
      </c>
      <c r="U20452">
        <v>57</v>
      </c>
      <c r="V20452">
        <v>58</v>
      </c>
      <c r="W20452">
        <v>60</v>
      </c>
      <c r="X20452">
        <v>61</v>
      </c>
      <c r="Y20452">
        <v>62</v>
      </c>
      <c r="Z20452">
        <v>63</v>
      </c>
      <c r="AA20452">
        <v>64</v>
      </c>
      <c r="AB20452">
        <v>65</v>
      </c>
      <c r="AC20452">
        <v>66</v>
      </c>
      <c r="AD20452">
        <v>67</v>
      </c>
      <c r="AE20452">
        <v>68</v>
      </c>
      <c r="AF20452">
        <v>68</v>
      </c>
      <c r="AG20452">
        <v>68</v>
      </c>
      <c r="AH20452">
        <v>69</v>
      </c>
      <c r="AI20452">
        <v>69</v>
      </c>
      <c r="AJ20452">
        <v>69</v>
      </c>
      <c r="AK20452">
        <v>69</v>
      </c>
      <c r="AL20452">
        <v>69</v>
      </c>
      <c r="AM20452">
        <v>70</v>
      </c>
      <c r="AN20452">
        <v>70</v>
      </c>
      <c r="AO20452">
        <v>70</v>
      </c>
      <c r="AP20452">
        <v>70</v>
      </c>
      <c r="AQ20452">
        <v>71</v>
      </c>
    </row>
    <row r="20453" spans="1:43">
      <c r="A20453" t="s">
        <v>12665</v>
      </c>
      <c r="B20453" t="s">
        <v>12666</v>
      </c>
      <c r="C20453" t="s">
        <v>12611</v>
      </c>
      <c r="D20453" t="s">
        <v>12612</v>
      </c>
      <c r="E20453" t="s">
        <v>12580</v>
      </c>
      <c r="F20453" t="s">
        <v>12581</v>
      </c>
      <c r="G20453" t="s">
        <v>12582</v>
      </c>
      <c r="H20453" t="s">
        <v>12581</v>
      </c>
      <c r="I20453" s="2">
        <v>1</v>
      </c>
      <c r="J20453" s="2">
        <v>0</v>
      </c>
      <c r="K20453" s="2">
        <v>0</v>
      </c>
      <c r="L20453" t="s">
        <v>120</v>
      </c>
      <c r="M20453" t="s">
        <v>83</v>
      </c>
      <c r="N20453" t="s">
        <v>91</v>
      </c>
      <c r="O20453" t="s">
        <v>85</v>
      </c>
      <c r="P20453" t="s">
        <v>86</v>
      </c>
      <c r="Q20453">
        <v>52</v>
      </c>
      <c r="R20453">
        <v>53</v>
      </c>
      <c r="S20453">
        <v>53</v>
      </c>
      <c r="T20453">
        <v>54</v>
      </c>
      <c r="U20453">
        <v>55</v>
      </c>
      <c r="V20453">
        <v>56</v>
      </c>
      <c r="W20453">
        <v>57</v>
      </c>
      <c r="X20453">
        <v>58</v>
      </c>
      <c r="Y20453">
        <v>58</v>
      </c>
      <c r="Z20453">
        <v>59</v>
      </c>
      <c r="AA20453">
        <v>60</v>
      </c>
      <c r="AB20453">
        <v>61</v>
      </c>
      <c r="AC20453">
        <v>62</v>
      </c>
      <c r="AD20453">
        <v>63</v>
      </c>
      <c r="AE20453">
        <v>63</v>
      </c>
      <c r="AF20453">
        <v>64</v>
      </c>
      <c r="AG20453">
        <v>65</v>
      </c>
      <c r="AH20453">
        <v>66</v>
      </c>
      <c r="AI20453">
        <v>67</v>
      </c>
      <c r="AJ20453">
        <v>68</v>
      </c>
      <c r="AK20453">
        <v>68</v>
      </c>
      <c r="AL20453">
        <v>69</v>
      </c>
      <c r="AM20453">
        <v>69</v>
      </c>
      <c r="AN20453">
        <v>69</v>
      </c>
      <c r="AO20453">
        <v>70</v>
      </c>
      <c r="AP20453">
        <v>70</v>
      </c>
      <c r="AQ20453">
        <v>70</v>
      </c>
    </row>
    <row r="20454" spans="1:43">
      <c r="A20454" t="s">
        <v>12667</v>
      </c>
      <c r="B20454" t="s">
        <v>12668</v>
      </c>
      <c r="C20454" t="s">
        <v>12669</v>
      </c>
      <c r="D20454" t="s">
        <v>12670</v>
      </c>
      <c r="E20454" t="s">
        <v>12580</v>
      </c>
      <c r="F20454" t="s">
        <v>12581</v>
      </c>
      <c r="G20454" t="s">
        <v>12582</v>
      </c>
      <c r="H20454" t="s">
        <v>12581</v>
      </c>
      <c r="I20454" s="2">
        <v>1</v>
      </c>
      <c r="J20454" s="2">
        <v>0</v>
      </c>
      <c r="K20454" s="2">
        <v>0</v>
      </c>
      <c r="L20454" t="s">
        <v>120</v>
      </c>
      <c r="M20454" t="s">
        <v>83</v>
      </c>
      <c r="N20454" t="s">
        <v>84</v>
      </c>
      <c r="O20454" t="s">
        <v>85</v>
      </c>
      <c r="P20454" t="s">
        <v>86</v>
      </c>
      <c r="Q20454">
        <v>25</v>
      </c>
      <c r="R20454">
        <v>25</v>
      </c>
      <c r="S20454">
        <v>25</v>
      </c>
      <c r="T20454">
        <v>26</v>
      </c>
      <c r="U20454">
        <v>26</v>
      </c>
      <c r="V20454">
        <v>27</v>
      </c>
      <c r="W20454">
        <v>27</v>
      </c>
      <c r="X20454">
        <v>27</v>
      </c>
      <c r="Y20454">
        <v>28</v>
      </c>
      <c r="Z20454">
        <v>28</v>
      </c>
      <c r="AA20454">
        <v>29</v>
      </c>
      <c r="AB20454">
        <v>29</v>
      </c>
      <c r="AC20454">
        <v>29</v>
      </c>
      <c r="AD20454">
        <v>30</v>
      </c>
      <c r="AE20454">
        <v>30</v>
      </c>
      <c r="AF20454">
        <v>31</v>
      </c>
      <c r="AG20454">
        <v>31</v>
      </c>
      <c r="AH20454">
        <v>31</v>
      </c>
      <c r="AI20454">
        <v>32</v>
      </c>
      <c r="AJ20454">
        <v>32</v>
      </c>
      <c r="AK20454">
        <v>33</v>
      </c>
      <c r="AL20454">
        <v>33</v>
      </c>
      <c r="AM20454">
        <v>33</v>
      </c>
      <c r="AN20454">
        <v>33</v>
      </c>
      <c r="AO20454">
        <v>33</v>
      </c>
      <c r="AP20454">
        <v>33</v>
      </c>
      <c r="AQ20454">
        <v>33</v>
      </c>
    </row>
    <row r="20455" spans="1:43">
      <c r="A20455" t="s">
        <v>12667</v>
      </c>
      <c r="B20455" t="s">
        <v>12668</v>
      </c>
      <c r="C20455" t="s">
        <v>12669</v>
      </c>
      <c r="D20455" t="s">
        <v>12670</v>
      </c>
      <c r="E20455" t="s">
        <v>12580</v>
      </c>
      <c r="F20455" t="s">
        <v>12581</v>
      </c>
      <c r="G20455" t="s">
        <v>12582</v>
      </c>
      <c r="H20455" t="s">
        <v>12581</v>
      </c>
      <c r="I20455" s="2">
        <v>1</v>
      </c>
      <c r="J20455" s="2">
        <v>0</v>
      </c>
      <c r="K20455" s="2">
        <v>0</v>
      </c>
      <c r="L20455" t="s">
        <v>120</v>
      </c>
      <c r="M20455" t="s">
        <v>87</v>
      </c>
      <c r="N20455" t="s">
        <v>88</v>
      </c>
      <c r="O20455" t="s">
        <v>85</v>
      </c>
      <c r="P20455" t="s">
        <v>86</v>
      </c>
      <c r="Q20455">
        <v>25</v>
      </c>
      <c r="R20455">
        <v>26</v>
      </c>
      <c r="S20455">
        <v>26</v>
      </c>
      <c r="T20455">
        <v>26</v>
      </c>
      <c r="U20455">
        <v>26</v>
      </c>
      <c r="V20455">
        <v>26</v>
      </c>
      <c r="W20455">
        <v>26</v>
      </c>
      <c r="X20455">
        <v>27</v>
      </c>
      <c r="Y20455">
        <v>27</v>
      </c>
      <c r="Z20455">
        <v>27</v>
      </c>
      <c r="AA20455">
        <v>27</v>
      </c>
      <c r="AB20455">
        <v>27</v>
      </c>
      <c r="AC20455">
        <v>27</v>
      </c>
      <c r="AD20455">
        <v>28</v>
      </c>
      <c r="AE20455">
        <v>28</v>
      </c>
      <c r="AF20455">
        <v>28</v>
      </c>
      <c r="AG20455">
        <v>28</v>
      </c>
      <c r="AH20455">
        <v>28</v>
      </c>
      <c r="AI20455">
        <v>28</v>
      </c>
      <c r="AJ20455">
        <v>29</v>
      </c>
      <c r="AK20455">
        <v>29</v>
      </c>
      <c r="AL20455">
        <v>29</v>
      </c>
      <c r="AM20455">
        <v>29</v>
      </c>
      <c r="AN20455">
        <v>29</v>
      </c>
      <c r="AO20455">
        <v>30</v>
      </c>
      <c r="AP20455">
        <v>30</v>
      </c>
      <c r="AQ20455">
        <v>30</v>
      </c>
    </row>
    <row r="20456" spans="1:43">
      <c r="A20456" t="s">
        <v>12667</v>
      </c>
      <c r="B20456" t="s">
        <v>12668</v>
      </c>
      <c r="C20456" t="s">
        <v>12669</v>
      </c>
      <c r="D20456" t="s">
        <v>12670</v>
      </c>
      <c r="E20456" t="s">
        <v>12580</v>
      </c>
      <c r="F20456" t="s">
        <v>12581</v>
      </c>
      <c r="G20456" t="s">
        <v>12582</v>
      </c>
      <c r="H20456" t="s">
        <v>12581</v>
      </c>
      <c r="I20456" s="2">
        <v>1</v>
      </c>
      <c r="J20456" s="2">
        <v>0</v>
      </c>
      <c r="K20456" s="2">
        <v>0</v>
      </c>
      <c r="L20456" t="s">
        <v>120</v>
      </c>
      <c r="M20456" t="s">
        <v>89</v>
      </c>
      <c r="N20456" t="s">
        <v>90</v>
      </c>
      <c r="O20456" t="s">
        <v>85</v>
      </c>
      <c r="P20456" t="s">
        <v>86</v>
      </c>
      <c r="Q20456">
        <v>25</v>
      </c>
      <c r="R20456">
        <v>25</v>
      </c>
      <c r="S20456">
        <v>26</v>
      </c>
      <c r="T20456">
        <v>27</v>
      </c>
      <c r="U20456">
        <v>27</v>
      </c>
      <c r="V20456">
        <v>28</v>
      </c>
      <c r="W20456">
        <v>28</v>
      </c>
      <c r="X20456">
        <v>29</v>
      </c>
      <c r="Y20456">
        <v>29</v>
      </c>
      <c r="Z20456">
        <v>30</v>
      </c>
      <c r="AA20456">
        <v>30</v>
      </c>
      <c r="AB20456">
        <v>31</v>
      </c>
      <c r="AC20456">
        <v>31</v>
      </c>
      <c r="AD20456">
        <v>32</v>
      </c>
      <c r="AE20456">
        <v>32</v>
      </c>
      <c r="AF20456">
        <v>32</v>
      </c>
      <c r="AG20456">
        <v>32</v>
      </c>
      <c r="AH20456">
        <v>33</v>
      </c>
      <c r="AI20456">
        <v>33</v>
      </c>
      <c r="AJ20456">
        <v>33</v>
      </c>
      <c r="AK20456">
        <v>33</v>
      </c>
      <c r="AL20456">
        <v>33</v>
      </c>
      <c r="AM20456">
        <v>33</v>
      </c>
      <c r="AN20456">
        <v>33</v>
      </c>
      <c r="AO20456">
        <v>33</v>
      </c>
      <c r="AP20456">
        <v>33</v>
      </c>
      <c r="AQ20456">
        <v>34</v>
      </c>
    </row>
    <row r="20457" spans="1:43">
      <c r="A20457" t="s">
        <v>12667</v>
      </c>
      <c r="B20457" t="s">
        <v>12668</v>
      </c>
      <c r="C20457" t="s">
        <v>12669</v>
      </c>
      <c r="D20457" t="s">
        <v>12670</v>
      </c>
      <c r="E20457" t="s">
        <v>12580</v>
      </c>
      <c r="F20457" t="s">
        <v>12581</v>
      </c>
      <c r="G20457" t="s">
        <v>12582</v>
      </c>
      <c r="H20457" t="s">
        <v>12581</v>
      </c>
      <c r="I20457" s="2">
        <v>1</v>
      </c>
      <c r="J20457" s="2">
        <v>0</v>
      </c>
      <c r="K20457" s="2">
        <v>0</v>
      </c>
      <c r="L20457" t="s">
        <v>120</v>
      </c>
      <c r="M20457" t="s">
        <v>83</v>
      </c>
      <c r="N20457" t="s">
        <v>91</v>
      </c>
      <c r="O20457" t="s">
        <v>85</v>
      </c>
      <c r="P20457" t="s">
        <v>86</v>
      </c>
      <c r="Q20457">
        <v>25</v>
      </c>
      <c r="R20457">
        <v>25</v>
      </c>
      <c r="S20457">
        <v>25</v>
      </c>
      <c r="T20457">
        <v>26</v>
      </c>
      <c r="U20457">
        <v>26</v>
      </c>
      <c r="V20457">
        <v>27</v>
      </c>
      <c r="W20457">
        <v>27</v>
      </c>
      <c r="X20457">
        <v>27</v>
      </c>
      <c r="Y20457">
        <v>28</v>
      </c>
      <c r="Z20457">
        <v>28</v>
      </c>
      <c r="AA20457">
        <v>29</v>
      </c>
      <c r="AB20457">
        <v>29</v>
      </c>
      <c r="AC20457">
        <v>29</v>
      </c>
      <c r="AD20457">
        <v>30</v>
      </c>
      <c r="AE20457">
        <v>30</v>
      </c>
      <c r="AF20457">
        <v>31</v>
      </c>
      <c r="AG20457">
        <v>31</v>
      </c>
      <c r="AH20457">
        <v>31</v>
      </c>
      <c r="AI20457">
        <v>32</v>
      </c>
      <c r="AJ20457">
        <v>32</v>
      </c>
      <c r="AK20457">
        <v>33</v>
      </c>
      <c r="AL20457">
        <v>33</v>
      </c>
      <c r="AM20457">
        <v>33</v>
      </c>
      <c r="AN20457">
        <v>33</v>
      </c>
      <c r="AO20457">
        <v>33</v>
      </c>
      <c r="AP20457">
        <v>33</v>
      </c>
      <c r="AQ20457">
        <v>33</v>
      </c>
    </row>
    <row r="20458" spans="1:43">
      <c r="A20458" t="s">
        <v>12671</v>
      </c>
      <c r="B20458" t="s">
        <v>12672</v>
      </c>
      <c r="C20458" t="s">
        <v>12669</v>
      </c>
      <c r="D20458" t="s">
        <v>12670</v>
      </c>
      <c r="E20458" t="s">
        <v>12580</v>
      </c>
      <c r="F20458" t="s">
        <v>12581</v>
      </c>
      <c r="G20458" t="s">
        <v>12582</v>
      </c>
      <c r="H20458" t="s">
        <v>12581</v>
      </c>
      <c r="I20458" s="2">
        <v>1</v>
      </c>
      <c r="J20458" s="2">
        <v>0</v>
      </c>
      <c r="K20458" s="2">
        <v>0</v>
      </c>
      <c r="L20458" t="s">
        <v>120</v>
      </c>
      <c r="M20458" t="s">
        <v>83</v>
      </c>
      <c r="N20458" t="s">
        <v>84</v>
      </c>
      <c r="O20458" t="s">
        <v>85</v>
      </c>
      <c r="P20458" t="s">
        <v>86</v>
      </c>
      <c r="Q20458">
        <v>44</v>
      </c>
      <c r="R20458">
        <v>45</v>
      </c>
      <c r="S20458">
        <v>45</v>
      </c>
      <c r="T20458">
        <v>46</v>
      </c>
      <c r="U20458">
        <v>47</v>
      </c>
      <c r="V20458">
        <v>47</v>
      </c>
      <c r="W20458">
        <v>48</v>
      </c>
      <c r="X20458">
        <v>49</v>
      </c>
      <c r="Y20458">
        <v>49</v>
      </c>
      <c r="Z20458">
        <v>50</v>
      </c>
      <c r="AA20458">
        <v>51</v>
      </c>
      <c r="AB20458">
        <v>52</v>
      </c>
      <c r="AC20458">
        <v>52</v>
      </c>
      <c r="AD20458">
        <v>53</v>
      </c>
      <c r="AE20458">
        <v>54</v>
      </c>
      <c r="AF20458">
        <v>54</v>
      </c>
      <c r="AG20458">
        <v>55</v>
      </c>
      <c r="AH20458">
        <v>56</v>
      </c>
      <c r="AI20458">
        <v>57</v>
      </c>
      <c r="AJ20458">
        <v>57</v>
      </c>
      <c r="AK20458">
        <v>58</v>
      </c>
      <c r="AL20458">
        <v>58</v>
      </c>
      <c r="AM20458">
        <v>59</v>
      </c>
      <c r="AN20458">
        <v>59</v>
      </c>
      <c r="AO20458">
        <v>59</v>
      </c>
      <c r="AP20458">
        <v>59</v>
      </c>
      <c r="AQ20458">
        <v>59</v>
      </c>
    </row>
    <row r="20459" spans="1:43">
      <c r="A20459" t="s">
        <v>12671</v>
      </c>
      <c r="B20459" t="s">
        <v>12672</v>
      </c>
      <c r="C20459" t="s">
        <v>12669</v>
      </c>
      <c r="D20459" t="s">
        <v>12670</v>
      </c>
      <c r="E20459" t="s">
        <v>12580</v>
      </c>
      <c r="F20459" t="s">
        <v>12581</v>
      </c>
      <c r="G20459" t="s">
        <v>12582</v>
      </c>
      <c r="H20459" t="s">
        <v>12581</v>
      </c>
      <c r="I20459" s="2">
        <v>1</v>
      </c>
      <c r="J20459" s="2">
        <v>0</v>
      </c>
      <c r="K20459" s="2">
        <v>0</v>
      </c>
      <c r="L20459" t="s">
        <v>120</v>
      </c>
      <c r="M20459" t="s">
        <v>87</v>
      </c>
      <c r="N20459" t="s">
        <v>88</v>
      </c>
      <c r="O20459" t="s">
        <v>85</v>
      </c>
      <c r="P20459" t="s">
        <v>86</v>
      </c>
      <c r="Q20459">
        <v>44</v>
      </c>
      <c r="R20459">
        <v>45</v>
      </c>
      <c r="S20459">
        <v>45</v>
      </c>
      <c r="T20459">
        <v>45</v>
      </c>
      <c r="U20459">
        <v>46</v>
      </c>
      <c r="V20459">
        <v>46</v>
      </c>
      <c r="W20459">
        <v>46</v>
      </c>
      <c r="X20459">
        <v>46</v>
      </c>
      <c r="Y20459">
        <v>47</v>
      </c>
      <c r="Z20459">
        <v>47</v>
      </c>
      <c r="AA20459">
        <v>47</v>
      </c>
      <c r="AB20459">
        <v>48</v>
      </c>
      <c r="AC20459">
        <v>48</v>
      </c>
      <c r="AD20459">
        <v>48</v>
      </c>
      <c r="AE20459">
        <v>49</v>
      </c>
      <c r="AF20459">
        <v>49</v>
      </c>
      <c r="AG20459">
        <v>49</v>
      </c>
      <c r="AH20459">
        <v>50</v>
      </c>
      <c r="AI20459">
        <v>50</v>
      </c>
      <c r="AJ20459">
        <v>50</v>
      </c>
      <c r="AK20459">
        <v>51</v>
      </c>
      <c r="AL20459">
        <v>51</v>
      </c>
      <c r="AM20459">
        <v>51</v>
      </c>
      <c r="AN20459">
        <v>52</v>
      </c>
      <c r="AO20459">
        <v>52</v>
      </c>
      <c r="AP20459">
        <v>52</v>
      </c>
      <c r="AQ20459">
        <v>53</v>
      </c>
    </row>
    <row r="20460" spans="1:43">
      <c r="A20460" t="s">
        <v>12671</v>
      </c>
      <c r="B20460" t="s">
        <v>12672</v>
      </c>
      <c r="C20460" t="s">
        <v>12669</v>
      </c>
      <c r="D20460" t="s">
        <v>12670</v>
      </c>
      <c r="E20460" t="s">
        <v>12580</v>
      </c>
      <c r="F20460" t="s">
        <v>12581</v>
      </c>
      <c r="G20460" t="s">
        <v>12582</v>
      </c>
      <c r="H20460" t="s">
        <v>12581</v>
      </c>
      <c r="I20460" s="2">
        <v>1</v>
      </c>
      <c r="J20460" s="2">
        <v>0</v>
      </c>
      <c r="K20460" s="2">
        <v>0</v>
      </c>
      <c r="L20460" t="s">
        <v>120</v>
      </c>
      <c r="M20460" t="s">
        <v>89</v>
      </c>
      <c r="N20460" t="s">
        <v>90</v>
      </c>
      <c r="O20460" t="s">
        <v>85</v>
      </c>
      <c r="P20460" t="s">
        <v>86</v>
      </c>
      <c r="Q20460">
        <v>44</v>
      </c>
      <c r="R20460">
        <v>45</v>
      </c>
      <c r="S20460">
        <v>46</v>
      </c>
      <c r="T20460">
        <v>47</v>
      </c>
      <c r="U20460">
        <v>48</v>
      </c>
      <c r="V20460">
        <v>49</v>
      </c>
      <c r="W20460">
        <v>50</v>
      </c>
      <c r="X20460">
        <v>51</v>
      </c>
      <c r="Y20460">
        <v>52</v>
      </c>
      <c r="Z20460">
        <v>53</v>
      </c>
      <c r="AA20460">
        <v>54</v>
      </c>
      <c r="AB20460">
        <v>55</v>
      </c>
      <c r="AC20460">
        <v>56</v>
      </c>
      <c r="AD20460">
        <v>57</v>
      </c>
      <c r="AE20460">
        <v>58</v>
      </c>
      <c r="AF20460">
        <v>58</v>
      </c>
      <c r="AG20460">
        <v>58</v>
      </c>
      <c r="AH20460">
        <v>58</v>
      </c>
      <c r="AI20460">
        <v>58</v>
      </c>
      <c r="AJ20460">
        <v>58</v>
      </c>
      <c r="AK20460">
        <v>59</v>
      </c>
      <c r="AL20460">
        <v>59</v>
      </c>
      <c r="AM20460">
        <v>59</v>
      </c>
      <c r="AN20460">
        <v>59</v>
      </c>
      <c r="AO20460">
        <v>59</v>
      </c>
      <c r="AP20460">
        <v>60</v>
      </c>
      <c r="AQ20460">
        <v>60</v>
      </c>
    </row>
    <row r="20461" spans="1:43">
      <c r="A20461" t="s">
        <v>12671</v>
      </c>
      <c r="B20461" t="s">
        <v>12672</v>
      </c>
      <c r="C20461" t="s">
        <v>12669</v>
      </c>
      <c r="D20461" t="s">
        <v>12670</v>
      </c>
      <c r="E20461" t="s">
        <v>12580</v>
      </c>
      <c r="F20461" t="s">
        <v>12581</v>
      </c>
      <c r="G20461" t="s">
        <v>12582</v>
      </c>
      <c r="H20461" t="s">
        <v>12581</v>
      </c>
      <c r="I20461" s="2">
        <v>1</v>
      </c>
      <c r="J20461" s="2">
        <v>0</v>
      </c>
      <c r="K20461" s="2">
        <v>0</v>
      </c>
      <c r="L20461" t="s">
        <v>120</v>
      </c>
      <c r="M20461" t="s">
        <v>83</v>
      </c>
      <c r="N20461" t="s">
        <v>91</v>
      </c>
      <c r="O20461" t="s">
        <v>85</v>
      </c>
      <c r="P20461" t="s">
        <v>86</v>
      </c>
      <c r="Q20461">
        <v>44</v>
      </c>
      <c r="R20461">
        <v>45</v>
      </c>
      <c r="S20461">
        <v>45</v>
      </c>
      <c r="T20461">
        <v>46</v>
      </c>
      <c r="U20461">
        <v>47</v>
      </c>
      <c r="V20461">
        <v>47</v>
      </c>
      <c r="W20461">
        <v>48</v>
      </c>
      <c r="X20461">
        <v>49</v>
      </c>
      <c r="Y20461">
        <v>49</v>
      </c>
      <c r="Z20461">
        <v>50</v>
      </c>
      <c r="AA20461">
        <v>51</v>
      </c>
      <c r="AB20461">
        <v>52</v>
      </c>
      <c r="AC20461">
        <v>52</v>
      </c>
      <c r="AD20461">
        <v>53</v>
      </c>
      <c r="AE20461">
        <v>54</v>
      </c>
      <c r="AF20461">
        <v>54</v>
      </c>
      <c r="AG20461">
        <v>55</v>
      </c>
      <c r="AH20461">
        <v>56</v>
      </c>
      <c r="AI20461">
        <v>57</v>
      </c>
      <c r="AJ20461">
        <v>57</v>
      </c>
      <c r="AK20461">
        <v>58</v>
      </c>
      <c r="AL20461">
        <v>58</v>
      </c>
      <c r="AM20461">
        <v>59</v>
      </c>
      <c r="AN20461">
        <v>59</v>
      </c>
      <c r="AO20461">
        <v>59</v>
      </c>
      <c r="AP20461">
        <v>59</v>
      </c>
      <c r="AQ20461">
        <v>59</v>
      </c>
    </row>
    <row r="20462" spans="1:43">
      <c r="A20462" t="s">
        <v>12673</v>
      </c>
      <c r="B20462" t="s">
        <v>12674</v>
      </c>
      <c r="C20462" t="s">
        <v>12669</v>
      </c>
      <c r="D20462" t="s">
        <v>12670</v>
      </c>
      <c r="E20462" t="s">
        <v>12580</v>
      </c>
      <c r="F20462" t="s">
        <v>12581</v>
      </c>
      <c r="G20462" t="s">
        <v>12582</v>
      </c>
      <c r="H20462" t="s">
        <v>12581</v>
      </c>
      <c r="I20462" s="2">
        <v>1</v>
      </c>
      <c r="J20462" s="2">
        <v>0</v>
      </c>
      <c r="K20462" s="2">
        <v>0</v>
      </c>
      <c r="L20462" t="s">
        <v>120</v>
      </c>
      <c r="M20462" t="s">
        <v>83</v>
      </c>
      <c r="N20462" t="s">
        <v>84</v>
      </c>
      <c r="O20462" t="s">
        <v>85</v>
      </c>
      <c r="P20462" t="s">
        <v>86</v>
      </c>
      <c r="Q20462">
        <v>31</v>
      </c>
      <c r="R20462">
        <v>32</v>
      </c>
      <c r="S20462">
        <v>32</v>
      </c>
      <c r="T20462">
        <v>33</v>
      </c>
      <c r="U20462">
        <v>33</v>
      </c>
      <c r="V20462">
        <v>34</v>
      </c>
      <c r="W20462">
        <v>34</v>
      </c>
      <c r="X20462">
        <v>35</v>
      </c>
      <c r="Y20462">
        <v>35</v>
      </c>
      <c r="Z20462">
        <v>36</v>
      </c>
      <c r="AA20462">
        <v>36</v>
      </c>
      <c r="AB20462">
        <v>37</v>
      </c>
      <c r="AC20462">
        <v>37</v>
      </c>
      <c r="AD20462">
        <v>38</v>
      </c>
      <c r="AE20462">
        <v>38</v>
      </c>
      <c r="AF20462">
        <v>39</v>
      </c>
      <c r="AG20462">
        <v>39</v>
      </c>
      <c r="AH20462">
        <v>40</v>
      </c>
      <c r="AI20462">
        <v>40</v>
      </c>
      <c r="AJ20462">
        <v>41</v>
      </c>
      <c r="AK20462">
        <v>41</v>
      </c>
      <c r="AL20462">
        <v>42</v>
      </c>
      <c r="AM20462">
        <v>42</v>
      </c>
      <c r="AN20462">
        <v>42</v>
      </c>
      <c r="AO20462">
        <v>42</v>
      </c>
      <c r="AP20462">
        <v>42</v>
      </c>
      <c r="AQ20462">
        <v>42</v>
      </c>
    </row>
    <row r="20463" spans="1:43">
      <c r="A20463" t="s">
        <v>12673</v>
      </c>
      <c r="B20463" t="s">
        <v>12674</v>
      </c>
      <c r="C20463" t="s">
        <v>12669</v>
      </c>
      <c r="D20463" t="s">
        <v>12670</v>
      </c>
      <c r="E20463" t="s">
        <v>12580</v>
      </c>
      <c r="F20463" t="s">
        <v>12581</v>
      </c>
      <c r="G20463" t="s">
        <v>12582</v>
      </c>
      <c r="H20463" t="s">
        <v>12581</v>
      </c>
      <c r="I20463" s="2">
        <v>1</v>
      </c>
      <c r="J20463" s="2">
        <v>0</v>
      </c>
      <c r="K20463" s="2">
        <v>0</v>
      </c>
      <c r="L20463" t="s">
        <v>120</v>
      </c>
      <c r="M20463" t="s">
        <v>87</v>
      </c>
      <c r="N20463" t="s">
        <v>88</v>
      </c>
      <c r="O20463" t="s">
        <v>85</v>
      </c>
      <c r="P20463" t="s">
        <v>86</v>
      </c>
      <c r="Q20463">
        <v>31</v>
      </c>
      <c r="R20463">
        <v>31</v>
      </c>
      <c r="S20463">
        <v>31</v>
      </c>
      <c r="T20463">
        <v>32</v>
      </c>
      <c r="U20463">
        <v>32</v>
      </c>
      <c r="V20463">
        <v>32</v>
      </c>
      <c r="W20463">
        <v>32</v>
      </c>
      <c r="X20463">
        <v>32</v>
      </c>
      <c r="Y20463">
        <v>33</v>
      </c>
      <c r="Z20463">
        <v>33</v>
      </c>
      <c r="AA20463">
        <v>33</v>
      </c>
      <c r="AB20463">
        <v>33</v>
      </c>
      <c r="AC20463">
        <v>33</v>
      </c>
      <c r="AD20463">
        <v>34</v>
      </c>
      <c r="AE20463">
        <v>34</v>
      </c>
      <c r="AF20463">
        <v>34</v>
      </c>
      <c r="AG20463">
        <v>34</v>
      </c>
      <c r="AH20463">
        <v>35</v>
      </c>
      <c r="AI20463">
        <v>35</v>
      </c>
      <c r="AJ20463">
        <v>35</v>
      </c>
      <c r="AK20463">
        <v>35</v>
      </c>
      <c r="AL20463">
        <v>36</v>
      </c>
      <c r="AM20463">
        <v>36</v>
      </c>
      <c r="AN20463">
        <v>36</v>
      </c>
      <c r="AO20463">
        <v>36</v>
      </c>
      <c r="AP20463">
        <v>37</v>
      </c>
      <c r="AQ20463">
        <v>37</v>
      </c>
    </row>
    <row r="20464" spans="1:43">
      <c r="A20464" t="s">
        <v>12673</v>
      </c>
      <c r="B20464" t="s">
        <v>12674</v>
      </c>
      <c r="C20464" t="s">
        <v>12669</v>
      </c>
      <c r="D20464" t="s">
        <v>12670</v>
      </c>
      <c r="E20464" t="s">
        <v>12580</v>
      </c>
      <c r="F20464" t="s">
        <v>12581</v>
      </c>
      <c r="G20464" t="s">
        <v>12582</v>
      </c>
      <c r="H20464" t="s">
        <v>12581</v>
      </c>
      <c r="I20464" s="2">
        <v>1</v>
      </c>
      <c r="J20464" s="2">
        <v>0</v>
      </c>
      <c r="K20464" s="2">
        <v>0</v>
      </c>
      <c r="L20464" t="s">
        <v>120</v>
      </c>
      <c r="M20464" t="s">
        <v>89</v>
      </c>
      <c r="N20464" t="s">
        <v>90</v>
      </c>
      <c r="O20464" t="s">
        <v>85</v>
      </c>
      <c r="P20464" t="s">
        <v>86</v>
      </c>
      <c r="Q20464">
        <v>31</v>
      </c>
      <c r="R20464">
        <v>31</v>
      </c>
      <c r="S20464">
        <v>32</v>
      </c>
      <c r="T20464">
        <v>33</v>
      </c>
      <c r="U20464">
        <v>34</v>
      </c>
      <c r="V20464">
        <v>34</v>
      </c>
      <c r="W20464">
        <v>35</v>
      </c>
      <c r="X20464">
        <v>36</v>
      </c>
      <c r="Y20464">
        <v>36</v>
      </c>
      <c r="Z20464">
        <v>37</v>
      </c>
      <c r="AA20464">
        <v>38</v>
      </c>
      <c r="AB20464">
        <v>38</v>
      </c>
      <c r="AC20464">
        <v>39</v>
      </c>
      <c r="AD20464">
        <v>40</v>
      </c>
      <c r="AE20464">
        <v>40</v>
      </c>
      <c r="AF20464">
        <v>40</v>
      </c>
      <c r="AG20464">
        <v>40</v>
      </c>
      <c r="AH20464">
        <v>40</v>
      </c>
      <c r="AI20464">
        <v>40</v>
      </c>
      <c r="AJ20464">
        <v>41</v>
      </c>
      <c r="AK20464">
        <v>41</v>
      </c>
      <c r="AL20464">
        <v>41</v>
      </c>
      <c r="AM20464">
        <v>41</v>
      </c>
      <c r="AN20464">
        <v>41</v>
      </c>
      <c r="AO20464">
        <v>41</v>
      </c>
      <c r="AP20464">
        <v>41</v>
      </c>
      <c r="AQ20464">
        <v>42</v>
      </c>
    </row>
    <row r="20465" spans="1:43">
      <c r="A20465" t="s">
        <v>12673</v>
      </c>
      <c r="B20465" t="s">
        <v>12674</v>
      </c>
      <c r="C20465" t="s">
        <v>12669</v>
      </c>
      <c r="D20465" t="s">
        <v>12670</v>
      </c>
      <c r="E20465" t="s">
        <v>12580</v>
      </c>
      <c r="F20465" t="s">
        <v>12581</v>
      </c>
      <c r="G20465" t="s">
        <v>12582</v>
      </c>
      <c r="H20465" t="s">
        <v>12581</v>
      </c>
      <c r="I20465" s="2">
        <v>1</v>
      </c>
      <c r="J20465" s="2">
        <v>0</v>
      </c>
      <c r="K20465" s="2">
        <v>0</v>
      </c>
      <c r="L20465" t="s">
        <v>120</v>
      </c>
      <c r="M20465" t="s">
        <v>83</v>
      </c>
      <c r="N20465" t="s">
        <v>91</v>
      </c>
      <c r="O20465" t="s">
        <v>85</v>
      </c>
      <c r="P20465" t="s">
        <v>86</v>
      </c>
      <c r="Q20465">
        <v>31</v>
      </c>
      <c r="R20465">
        <v>32</v>
      </c>
      <c r="S20465">
        <v>32</v>
      </c>
      <c r="T20465">
        <v>33</v>
      </c>
      <c r="U20465">
        <v>33</v>
      </c>
      <c r="V20465">
        <v>34</v>
      </c>
      <c r="W20465">
        <v>34</v>
      </c>
      <c r="X20465">
        <v>35</v>
      </c>
      <c r="Y20465">
        <v>35</v>
      </c>
      <c r="Z20465">
        <v>36</v>
      </c>
      <c r="AA20465">
        <v>36</v>
      </c>
      <c r="AB20465">
        <v>37</v>
      </c>
      <c r="AC20465">
        <v>37</v>
      </c>
      <c r="AD20465">
        <v>38</v>
      </c>
      <c r="AE20465">
        <v>38</v>
      </c>
      <c r="AF20465">
        <v>39</v>
      </c>
      <c r="AG20465">
        <v>39</v>
      </c>
      <c r="AH20465">
        <v>40</v>
      </c>
      <c r="AI20465">
        <v>40</v>
      </c>
      <c r="AJ20465">
        <v>41</v>
      </c>
      <c r="AK20465">
        <v>41</v>
      </c>
      <c r="AL20465">
        <v>42</v>
      </c>
      <c r="AM20465">
        <v>42</v>
      </c>
      <c r="AN20465">
        <v>42</v>
      </c>
      <c r="AO20465">
        <v>42</v>
      </c>
      <c r="AP20465">
        <v>42</v>
      </c>
      <c r="AQ20465">
        <v>42</v>
      </c>
    </row>
    <row r="20466" spans="1:43">
      <c r="A20466" t="s">
        <v>12675</v>
      </c>
      <c r="B20466" t="s">
        <v>12676</v>
      </c>
      <c r="C20466" t="s">
        <v>12669</v>
      </c>
      <c r="D20466" t="s">
        <v>12670</v>
      </c>
      <c r="E20466" t="s">
        <v>12580</v>
      </c>
      <c r="F20466" t="s">
        <v>12581</v>
      </c>
      <c r="G20466" t="s">
        <v>12582</v>
      </c>
      <c r="H20466" t="s">
        <v>12581</v>
      </c>
      <c r="I20466" s="2">
        <v>1</v>
      </c>
      <c r="J20466" s="2">
        <v>0</v>
      </c>
      <c r="K20466" s="2">
        <v>0</v>
      </c>
      <c r="L20466" t="s">
        <v>120</v>
      </c>
      <c r="M20466" t="s">
        <v>83</v>
      </c>
      <c r="N20466" t="s">
        <v>84</v>
      </c>
      <c r="O20466" t="s">
        <v>85</v>
      </c>
      <c r="P20466" t="s">
        <v>86</v>
      </c>
      <c r="Q20466">
        <v>29</v>
      </c>
      <c r="R20466">
        <v>30</v>
      </c>
      <c r="S20466">
        <v>30</v>
      </c>
      <c r="T20466">
        <v>30</v>
      </c>
      <c r="U20466">
        <v>31</v>
      </c>
      <c r="V20466">
        <v>31</v>
      </c>
      <c r="W20466">
        <v>32</v>
      </c>
      <c r="X20466">
        <v>32</v>
      </c>
      <c r="Y20466">
        <v>32</v>
      </c>
      <c r="Z20466">
        <v>33</v>
      </c>
      <c r="AA20466">
        <v>33</v>
      </c>
      <c r="AB20466">
        <v>33</v>
      </c>
      <c r="AC20466">
        <v>34</v>
      </c>
      <c r="AD20466">
        <v>34</v>
      </c>
      <c r="AE20466">
        <v>34</v>
      </c>
      <c r="AF20466">
        <v>35</v>
      </c>
      <c r="AG20466">
        <v>35</v>
      </c>
      <c r="AH20466">
        <v>35</v>
      </c>
      <c r="AI20466">
        <v>36</v>
      </c>
      <c r="AJ20466">
        <v>36</v>
      </c>
      <c r="AK20466">
        <v>36</v>
      </c>
      <c r="AL20466">
        <v>37</v>
      </c>
      <c r="AM20466">
        <v>37</v>
      </c>
      <c r="AN20466">
        <v>37</v>
      </c>
      <c r="AO20466">
        <v>37</v>
      </c>
      <c r="AP20466">
        <v>37</v>
      </c>
      <c r="AQ20466">
        <v>37</v>
      </c>
    </row>
    <row r="20467" spans="1:43">
      <c r="A20467" t="s">
        <v>12675</v>
      </c>
      <c r="B20467" t="s">
        <v>12676</v>
      </c>
      <c r="C20467" t="s">
        <v>12669</v>
      </c>
      <c r="D20467" t="s">
        <v>12670</v>
      </c>
      <c r="E20467" t="s">
        <v>12580</v>
      </c>
      <c r="F20467" t="s">
        <v>12581</v>
      </c>
      <c r="G20467" t="s">
        <v>12582</v>
      </c>
      <c r="H20467" t="s">
        <v>12581</v>
      </c>
      <c r="I20467" s="2">
        <v>1</v>
      </c>
      <c r="J20467" s="2">
        <v>0</v>
      </c>
      <c r="K20467" s="2">
        <v>0</v>
      </c>
      <c r="L20467" t="s">
        <v>120</v>
      </c>
      <c r="M20467" t="s">
        <v>87</v>
      </c>
      <c r="N20467" t="s">
        <v>88</v>
      </c>
      <c r="O20467" t="s">
        <v>85</v>
      </c>
      <c r="P20467" t="s">
        <v>86</v>
      </c>
      <c r="Q20467">
        <v>29</v>
      </c>
      <c r="R20467">
        <v>29</v>
      </c>
      <c r="S20467">
        <v>29</v>
      </c>
      <c r="T20467">
        <v>29</v>
      </c>
      <c r="U20467">
        <v>29</v>
      </c>
      <c r="V20467">
        <v>30</v>
      </c>
      <c r="W20467">
        <v>30</v>
      </c>
      <c r="X20467">
        <v>30</v>
      </c>
      <c r="Y20467">
        <v>30</v>
      </c>
      <c r="Z20467">
        <v>30</v>
      </c>
      <c r="AA20467">
        <v>30</v>
      </c>
      <c r="AB20467">
        <v>30</v>
      </c>
      <c r="AC20467">
        <v>30</v>
      </c>
      <c r="AD20467">
        <v>30</v>
      </c>
      <c r="AE20467">
        <v>30</v>
      </c>
      <c r="AF20467">
        <v>31</v>
      </c>
      <c r="AG20467">
        <v>31</v>
      </c>
      <c r="AH20467">
        <v>31</v>
      </c>
      <c r="AI20467">
        <v>31</v>
      </c>
      <c r="AJ20467">
        <v>31</v>
      </c>
      <c r="AK20467">
        <v>31</v>
      </c>
      <c r="AL20467">
        <v>31</v>
      </c>
      <c r="AM20467">
        <v>31</v>
      </c>
      <c r="AN20467">
        <v>31</v>
      </c>
      <c r="AO20467">
        <v>32</v>
      </c>
      <c r="AP20467">
        <v>32</v>
      </c>
      <c r="AQ20467">
        <v>32</v>
      </c>
    </row>
    <row r="20468" spans="1:43">
      <c r="A20468" t="s">
        <v>12675</v>
      </c>
      <c r="B20468" t="s">
        <v>12676</v>
      </c>
      <c r="C20468" t="s">
        <v>12669</v>
      </c>
      <c r="D20468" t="s">
        <v>12670</v>
      </c>
      <c r="E20468" t="s">
        <v>12580</v>
      </c>
      <c r="F20468" t="s">
        <v>12581</v>
      </c>
      <c r="G20468" t="s">
        <v>12582</v>
      </c>
      <c r="H20468" t="s">
        <v>12581</v>
      </c>
      <c r="I20468" s="2">
        <v>1</v>
      </c>
      <c r="J20468" s="2">
        <v>0</v>
      </c>
      <c r="K20468" s="2">
        <v>0</v>
      </c>
      <c r="L20468" t="s">
        <v>120</v>
      </c>
      <c r="M20468" t="s">
        <v>89</v>
      </c>
      <c r="N20468" t="s">
        <v>90</v>
      </c>
      <c r="O20468" t="s">
        <v>85</v>
      </c>
      <c r="P20468" t="s">
        <v>86</v>
      </c>
      <c r="Q20468">
        <v>29</v>
      </c>
      <c r="R20468">
        <v>29</v>
      </c>
      <c r="S20468">
        <v>30</v>
      </c>
      <c r="T20468">
        <v>30</v>
      </c>
      <c r="U20468">
        <v>31</v>
      </c>
      <c r="V20468">
        <v>32</v>
      </c>
      <c r="W20468">
        <v>32</v>
      </c>
      <c r="X20468">
        <v>33</v>
      </c>
      <c r="Y20468">
        <v>33</v>
      </c>
      <c r="Z20468">
        <v>34</v>
      </c>
      <c r="AA20468">
        <v>34</v>
      </c>
      <c r="AB20468">
        <v>35</v>
      </c>
      <c r="AC20468">
        <v>35</v>
      </c>
      <c r="AD20468">
        <v>36</v>
      </c>
      <c r="AE20468">
        <v>36</v>
      </c>
      <c r="AF20468">
        <v>36</v>
      </c>
      <c r="AG20468">
        <v>36</v>
      </c>
      <c r="AH20468">
        <v>36</v>
      </c>
      <c r="AI20468">
        <v>36</v>
      </c>
      <c r="AJ20468">
        <v>36</v>
      </c>
      <c r="AK20468">
        <v>36</v>
      </c>
      <c r="AL20468">
        <v>36</v>
      </c>
      <c r="AM20468">
        <v>36</v>
      </c>
      <c r="AN20468">
        <v>36</v>
      </c>
      <c r="AO20468">
        <v>36</v>
      </c>
      <c r="AP20468">
        <v>36</v>
      </c>
      <c r="AQ20468">
        <v>36</v>
      </c>
    </row>
    <row r="20469" spans="1:43">
      <c r="A20469" t="s">
        <v>12675</v>
      </c>
      <c r="B20469" t="s">
        <v>12676</v>
      </c>
      <c r="C20469" t="s">
        <v>12669</v>
      </c>
      <c r="D20469" t="s">
        <v>12670</v>
      </c>
      <c r="E20469" t="s">
        <v>12580</v>
      </c>
      <c r="F20469" t="s">
        <v>12581</v>
      </c>
      <c r="G20469" t="s">
        <v>12582</v>
      </c>
      <c r="H20469" t="s">
        <v>12581</v>
      </c>
      <c r="I20469" s="2">
        <v>1</v>
      </c>
      <c r="J20469" s="2">
        <v>0</v>
      </c>
      <c r="K20469" s="2">
        <v>0</v>
      </c>
      <c r="L20469" t="s">
        <v>120</v>
      </c>
      <c r="M20469" t="s">
        <v>83</v>
      </c>
      <c r="N20469" t="s">
        <v>91</v>
      </c>
      <c r="O20469" t="s">
        <v>85</v>
      </c>
      <c r="P20469" t="s">
        <v>86</v>
      </c>
      <c r="Q20469">
        <v>29</v>
      </c>
      <c r="R20469">
        <v>30</v>
      </c>
      <c r="S20469">
        <v>30</v>
      </c>
      <c r="T20469">
        <v>30</v>
      </c>
      <c r="U20469">
        <v>31</v>
      </c>
      <c r="V20469">
        <v>31</v>
      </c>
      <c r="W20469">
        <v>32</v>
      </c>
      <c r="X20469">
        <v>32</v>
      </c>
      <c r="Y20469">
        <v>32</v>
      </c>
      <c r="Z20469">
        <v>33</v>
      </c>
      <c r="AA20469">
        <v>33</v>
      </c>
      <c r="AB20469">
        <v>33</v>
      </c>
      <c r="AC20469">
        <v>34</v>
      </c>
      <c r="AD20469">
        <v>34</v>
      </c>
      <c r="AE20469">
        <v>34</v>
      </c>
      <c r="AF20469">
        <v>35</v>
      </c>
      <c r="AG20469">
        <v>35</v>
      </c>
      <c r="AH20469">
        <v>35</v>
      </c>
      <c r="AI20469">
        <v>36</v>
      </c>
      <c r="AJ20469">
        <v>36</v>
      </c>
      <c r="AK20469">
        <v>36</v>
      </c>
      <c r="AL20469">
        <v>37</v>
      </c>
      <c r="AM20469">
        <v>37</v>
      </c>
      <c r="AN20469">
        <v>37</v>
      </c>
      <c r="AO20469">
        <v>37</v>
      </c>
      <c r="AP20469">
        <v>37</v>
      </c>
      <c r="AQ20469">
        <v>37</v>
      </c>
    </row>
    <row r="20470" spans="1:43">
      <c r="A20470" t="s">
        <v>12677</v>
      </c>
      <c r="B20470" t="s">
        <v>12678</v>
      </c>
      <c r="C20470" t="s">
        <v>12669</v>
      </c>
      <c r="D20470" t="s">
        <v>12670</v>
      </c>
      <c r="E20470" t="s">
        <v>12580</v>
      </c>
      <c r="F20470" t="s">
        <v>12581</v>
      </c>
      <c r="G20470" t="s">
        <v>12582</v>
      </c>
      <c r="H20470" t="s">
        <v>12581</v>
      </c>
      <c r="I20470" s="2">
        <v>1</v>
      </c>
      <c r="J20470" s="2">
        <v>0</v>
      </c>
      <c r="K20470" s="2">
        <v>0</v>
      </c>
      <c r="L20470" t="s">
        <v>120</v>
      </c>
      <c r="M20470" t="s">
        <v>83</v>
      </c>
      <c r="N20470" t="s">
        <v>84</v>
      </c>
      <c r="O20470" t="s">
        <v>85</v>
      </c>
      <c r="P20470" t="s">
        <v>86</v>
      </c>
      <c r="Q20470">
        <v>18</v>
      </c>
      <c r="R20470">
        <v>18</v>
      </c>
      <c r="S20470">
        <v>18</v>
      </c>
      <c r="T20470">
        <v>19</v>
      </c>
      <c r="U20470">
        <v>19</v>
      </c>
      <c r="V20470">
        <v>19</v>
      </c>
      <c r="W20470">
        <v>19</v>
      </c>
      <c r="X20470">
        <v>20</v>
      </c>
      <c r="Y20470">
        <v>20</v>
      </c>
      <c r="Z20470">
        <v>20</v>
      </c>
      <c r="AA20470">
        <v>21</v>
      </c>
      <c r="AB20470">
        <v>21</v>
      </c>
      <c r="AC20470">
        <v>21</v>
      </c>
      <c r="AD20470">
        <v>21</v>
      </c>
      <c r="AE20470">
        <v>22</v>
      </c>
      <c r="AF20470">
        <v>22</v>
      </c>
      <c r="AG20470">
        <v>22</v>
      </c>
      <c r="AH20470">
        <v>23</v>
      </c>
      <c r="AI20470">
        <v>23</v>
      </c>
      <c r="AJ20470">
        <v>23</v>
      </c>
      <c r="AK20470">
        <v>23</v>
      </c>
      <c r="AL20470">
        <v>24</v>
      </c>
      <c r="AM20470">
        <v>24</v>
      </c>
      <c r="AN20470">
        <v>24</v>
      </c>
      <c r="AO20470">
        <v>24</v>
      </c>
      <c r="AP20470">
        <v>24</v>
      </c>
      <c r="AQ20470">
        <v>24</v>
      </c>
    </row>
    <row r="20471" spans="1:43">
      <c r="A20471" t="s">
        <v>12677</v>
      </c>
      <c r="B20471" t="s">
        <v>12678</v>
      </c>
      <c r="C20471" t="s">
        <v>12669</v>
      </c>
      <c r="D20471" t="s">
        <v>12670</v>
      </c>
      <c r="E20471" t="s">
        <v>12580</v>
      </c>
      <c r="F20471" t="s">
        <v>12581</v>
      </c>
      <c r="G20471" t="s">
        <v>12582</v>
      </c>
      <c r="H20471" t="s">
        <v>12581</v>
      </c>
      <c r="I20471" s="2">
        <v>1</v>
      </c>
      <c r="J20471" s="2">
        <v>0</v>
      </c>
      <c r="K20471" s="2">
        <v>0</v>
      </c>
      <c r="L20471" t="s">
        <v>120</v>
      </c>
      <c r="M20471" t="s">
        <v>87</v>
      </c>
      <c r="N20471" t="s">
        <v>88</v>
      </c>
      <c r="O20471" t="s">
        <v>85</v>
      </c>
      <c r="P20471" t="s">
        <v>86</v>
      </c>
      <c r="Q20471">
        <v>18</v>
      </c>
      <c r="R20471">
        <v>18</v>
      </c>
      <c r="S20471">
        <v>18</v>
      </c>
      <c r="T20471">
        <v>18</v>
      </c>
      <c r="U20471">
        <v>18</v>
      </c>
      <c r="V20471">
        <v>18</v>
      </c>
      <c r="W20471">
        <v>18</v>
      </c>
      <c r="X20471">
        <v>18</v>
      </c>
      <c r="Y20471">
        <v>19</v>
      </c>
      <c r="Z20471">
        <v>19</v>
      </c>
      <c r="AA20471">
        <v>19</v>
      </c>
      <c r="AB20471">
        <v>19</v>
      </c>
      <c r="AC20471">
        <v>19</v>
      </c>
      <c r="AD20471">
        <v>19</v>
      </c>
      <c r="AE20471">
        <v>19</v>
      </c>
      <c r="AF20471">
        <v>19</v>
      </c>
      <c r="AG20471">
        <v>20</v>
      </c>
      <c r="AH20471">
        <v>20</v>
      </c>
      <c r="AI20471">
        <v>20</v>
      </c>
      <c r="AJ20471">
        <v>20</v>
      </c>
      <c r="AK20471">
        <v>20</v>
      </c>
      <c r="AL20471">
        <v>20</v>
      </c>
      <c r="AM20471">
        <v>20</v>
      </c>
      <c r="AN20471">
        <v>20</v>
      </c>
      <c r="AO20471">
        <v>21</v>
      </c>
      <c r="AP20471">
        <v>21</v>
      </c>
      <c r="AQ20471">
        <v>21</v>
      </c>
    </row>
    <row r="20472" spans="1:43">
      <c r="A20472" t="s">
        <v>12677</v>
      </c>
      <c r="B20472" t="s">
        <v>12678</v>
      </c>
      <c r="C20472" t="s">
        <v>12669</v>
      </c>
      <c r="D20472" t="s">
        <v>12670</v>
      </c>
      <c r="E20472" t="s">
        <v>12580</v>
      </c>
      <c r="F20472" t="s">
        <v>12581</v>
      </c>
      <c r="G20472" t="s">
        <v>12582</v>
      </c>
      <c r="H20472" t="s">
        <v>12581</v>
      </c>
      <c r="I20472" s="2">
        <v>1</v>
      </c>
      <c r="J20472" s="2">
        <v>0</v>
      </c>
      <c r="K20472" s="2">
        <v>0</v>
      </c>
      <c r="L20472" t="s">
        <v>120</v>
      </c>
      <c r="M20472" t="s">
        <v>89</v>
      </c>
      <c r="N20472" t="s">
        <v>90</v>
      </c>
      <c r="O20472" t="s">
        <v>85</v>
      </c>
      <c r="P20472" t="s">
        <v>86</v>
      </c>
      <c r="Q20472">
        <v>18</v>
      </c>
      <c r="R20472">
        <v>18</v>
      </c>
      <c r="S20472">
        <v>19</v>
      </c>
      <c r="T20472">
        <v>19</v>
      </c>
      <c r="U20472">
        <v>20</v>
      </c>
      <c r="V20472">
        <v>20</v>
      </c>
      <c r="W20472">
        <v>20</v>
      </c>
      <c r="X20472">
        <v>21</v>
      </c>
      <c r="Y20472">
        <v>21</v>
      </c>
      <c r="Z20472">
        <v>22</v>
      </c>
      <c r="AA20472">
        <v>22</v>
      </c>
      <c r="AB20472">
        <v>22</v>
      </c>
      <c r="AC20472">
        <v>23</v>
      </c>
      <c r="AD20472">
        <v>23</v>
      </c>
      <c r="AE20472">
        <v>23</v>
      </c>
      <c r="AF20472">
        <v>23</v>
      </c>
      <c r="AG20472">
        <v>23</v>
      </c>
      <c r="AH20472">
        <v>23</v>
      </c>
      <c r="AI20472">
        <v>24</v>
      </c>
      <c r="AJ20472">
        <v>24</v>
      </c>
      <c r="AK20472">
        <v>24</v>
      </c>
      <c r="AL20472">
        <v>24</v>
      </c>
      <c r="AM20472">
        <v>24</v>
      </c>
      <c r="AN20472">
        <v>24</v>
      </c>
      <c r="AO20472">
        <v>24</v>
      </c>
      <c r="AP20472">
        <v>24</v>
      </c>
      <c r="AQ20472">
        <v>24</v>
      </c>
    </row>
    <row r="20473" spans="1:43">
      <c r="A20473" t="s">
        <v>12677</v>
      </c>
      <c r="B20473" t="s">
        <v>12678</v>
      </c>
      <c r="C20473" t="s">
        <v>12669</v>
      </c>
      <c r="D20473" t="s">
        <v>12670</v>
      </c>
      <c r="E20473" t="s">
        <v>12580</v>
      </c>
      <c r="F20473" t="s">
        <v>12581</v>
      </c>
      <c r="G20473" t="s">
        <v>12582</v>
      </c>
      <c r="H20473" t="s">
        <v>12581</v>
      </c>
      <c r="I20473" s="2">
        <v>1</v>
      </c>
      <c r="J20473" s="2">
        <v>0</v>
      </c>
      <c r="K20473" s="2">
        <v>0</v>
      </c>
      <c r="L20473" t="s">
        <v>120</v>
      </c>
      <c r="M20473" t="s">
        <v>83</v>
      </c>
      <c r="N20473" t="s">
        <v>91</v>
      </c>
      <c r="O20473" t="s">
        <v>85</v>
      </c>
      <c r="P20473" t="s">
        <v>86</v>
      </c>
      <c r="Q20473">
        <v>18</v>
      </c>
      <c r="R20473">
        <v>18</v>
      </c>
      <c r="S20473">
        <v>18</v>
      </c>
      <c r="T20473">
        <v>19</v>
      </c>
      <c r="U20473">
        <v>19</v>
      </c>
      <c r="V20473">
        <v>19</v>
      </c>
      <c r="W20473">
        <v>19</v>
      </c>
      <c r="X20473">
        <v>20</v>
      </c>
      <c r="Y20473">
        <v>20</v>
      </c>
      <c r="Z20473">
        <v>20</v>
      </c>
      <c r="AA20473">
        <v>21</v>
      </c>
      <c r="AB20473">
        <v>21</v>
      </c>
      <c r="AC20473">
        <v>21</v>
      </c>
      <c r="AD20473">
        <v>21</v>
      </c>
      <c r="AE20473">
        <v>22</v>
      </c>
      <c r="AF20473">
        <v>22</v>
      </c>
      <c r="AG20473">
        <v>22</v>
      </c>
      <c r="AH20473">
        <v>23</v>
      </c>
      <c r="AI20473">
        <v>23</v>
      </c>
      <c r="AJ20473">
        <v>23</v>
      </c>
      <c r="AK20473">
        <v>23</v>
      </c>
      <c r="AL20473">
        <v>24</v>
      </c>
      <c r="AM20473">
        <v>24</v>
      </c>
      <c r="AN20473">
        <v>24</v>
      </c>
      <c r="AO20473">
        <v>24</v>
      </c>
      <c r="AP20473">
        <v>24</v>
      </c>
      <c r="AQ20473">
        <v>24</v>
      </c>
    </row>
    <row r="20474" spans="1:43">
      <c r="A20474" t="s">
        <v>12679</v>
      </c>
      <c r="B20474" t="s">
        <v>12680</v>
      </c>
      <c r="C20474" t="s">
        <v>12669</v>
      </c>
      <c r="D20474" t="s">
        <v>12670</v>
      </c>
      <c r="E20474" t="s">
        <v>12580</v>
      </c>
      <c r="F20474" t="s">
        <v>12581</v>
      </c>
      <c r="G20474" t="s">
        <v>12582</v>
      </c>
      <c r="H20474" t="s">
        <v>12581</v>
      </c>
      <c r="I20474" s="2">
        <v>1</v>
      </c>
      <c r="J20474" s="2">
        <v>0</v>
      </c>
      <c r="K20474" s="2">
        <v>0</v>
      </c>
      <c r="L20474" t="s">
        <v>120</v>
      </c>
      <c r="M20474" t="s">
        <v>83</v>
      </c>
      <c r="N20474" t="s">
        <v>84</v>
      </c>
      <c r="O20474" t="s">
        <v>85</v>
      </c>
      <c r="P20474" t="s">
        <v>86</v>
      </c>
      <c r="Q20474">
        <v>27</v>
      </c>
      <c r="R20474">
        <v>27</v>
      </c>
      <c r="S20474">
        <v>27</v>
      </c>
      <c r="T20474">
        <v>28</v>
      </c>
      <c r="U20474">
        <v>28</v>
      </c>
      <c r="V20474">
        <v>29</v>
      </c>
      <c r="W20474">
        <v>29</v>
      </c>
      <c r="X20474">
        <v>30</v>
      </c>
      <c r="Y20474">
        <v>30</v>
      </c>
      <c r="Z20474">
        <v>30</v>
      </c>
      <c r="AA20474">
        <v>31</v>
      </c>
      <c r="AB20474">
        <v>31</v>
      </c>
      <c r="AC20474">
        <v>32</v>
      </c>
      <c r="AD20474">
        <v>32</v>
      </c>
      <c r="AE20474">
        <v>32</v>
      </c>
      <c r="AF20474">
        <v>33</v>
      </c>
      <c r="AG20474">
        <v>33</v>
      </c>
      <c r="AH20474">
        <v>34</v>
      </c>
      <c r="AI20474">
        <v>34</v>
      </c>
      <c r="AJ20474">
        <v>35</v>
      </c>
      <c r="AK20474">
        <v>35</v>
      </c>
      <c r="AL20474">
        <v>35</v>
      </c>
      <c r="AM20474">
        <v>35</v>
      </c>
      <c r="AN20474">
        <v>36</v>
      </c>
      <c r="AO20474">
        <v>36</v>
      </c>
      <c r="AP20474">
        <v>36</v>
      </c>
      <c r="AQ20474">
        <v>36</v>
      </c>
    </row>
    <row r="20475" spans="1:43">
      <c r="A20475" t="s">
        <v>12679</v>
      </c>
      <c r="B20475" t="s">
        <v>12680</v>
      </c>
      <c r="C20475" t="s">
        <v>12669</v>
      </c>
      <c r="D20475" t="s">
        <v>12670</v>
      </c>
      <c r="E20475" t="s">
        <v>12580</v>
      </c>
      <c r="F20475" t="s">
        <v>12581</v>
      </c>
      <c r="G20475" t="s">
        <v>12582</v>
      </c>
      <c r="H20475" t="s">
        <v>12581</v>
      </c>
      <c r="I20475" s="2">
        <v>1</v>
      </c>
      <c r="J20475" s="2">
        <v>0</v>
      </c>
      <c r="K20475" s="2">
        <v>0</v>
      </c>
      <c r="L20475" t="s">
        <v>120</v>
      </c>
      <c r="M20475" t="s">
        <v>87</v>
      </c>
      <c r="N20475" t="s">
        <v>88</v>
      </c>
      <c r="O20475" t="s">
        <v>85</v>
      </c>
      <c r="P20475" t="s">
        <v>86</v>
      </c>
      <c r="Q20475">
        <v>27</v>
      </c>
      <c r="R20475">
        <v>27</v>
      </c>
      <c r="S20475">
        <v>28</v>
      </c>
      <c r="T20475">
        <v>28</v>
      </c>
      <c r="U20475">
        <v>28</v>
      </c>
      <c r="V20475">
        <v>28</v>
      </c>
      <c r="W20475">
        <v>28</v>
      </c>
      <c r="X20475">
        <v>29</v>
      </c>
      <c r="Y20475">
        <v>29</v>
      </c>
      <c r="Z20475">
        <v>29</v>
      </c>
      <c r="AA20475">
        <v>29</v>
      </c>
      <c r="AB20475">
        <v>29</v>
      </c>
      <c r="AC20475">
        <v>29</v>
      </c>
      <c r="AD20475">
        <v>30</v>
      </c>
      <c r="AE20475">
        <v>30</v>
      </c>
      <c r="AF20475">
        <v>30</v>
      </c>
      <c r="AG20475">
        <v>30</v>
      </c>
      <c r="AH20475">
        <v>30</v>
      </c>
      <c r="AI20475">
        <v>31</v>
      </c>
      <c r="AJ20475">
        <v>31</v>
      </c>
      <c r="AK20475">
        <v>31</v>
      </c>
      <c r="AL20475">
        <v>31</v>
      </c>
      <c r="AM20475">
        <v>31</v>
      </c>
      <c r="AN20475">
        <v>32</v>
      </c>
      <c r="AO20475">
        <v>32</v>
      </c>
      <c r="AP20475">
        <v>32</v>
      </c>
      <c r="AQ20475">
        <v>32</v>
      </c>
    </row>
    <row r="20476" spans="1:43">
      <c r="A20476" t="s">
        <v>12679</v>
      </c>
      <c r="B20476" t="s">
        <v>12680</v>
      </c>
      <c r="C20476" t="s">
        <v>12669</v>
      </c>
      <c r="D20476" t="s">
        <v>12670</v>
      </c>
      <c r="E20476" t="s">
        <v>12580</v>
      </c>
      <c r="F20476" t="s">
        <v>12581</v>
      </c>
      <c r="G20476" t="s">
        <v>12582</v>
      </c>
      <c r="H20476" t="s">
        <v>12581</v>
      </c>
      <c r="I20476" s="2">
        <v>1</v>
      </c>
      <c r="J20476" s="2">
        <v>0</v>
      </c>
      <c r="K20476" s="2">
        <v>0</v>
      </c>
      <c r="L20476" t="s">
        <v>120</v>
      </c>
      <c r="M20476" t="s">
        <v>89</v>
      </c>
      <c r="N20476" t="s">
        <v>90</v>
      </c>
      <c r="O20476" t="s">
        <v>85</v>
      </c>
      <c r="P20476" t="s">
        <v>86</v>
      </c>
      <c r="Q20476">
        <v>27</v>
      </c>
      <c r="R20476">
        <v>27</v>
      </c>
      <c r="S20476">
        <v>28</v>
      </c>
      <c r="T20476">
        <v>29</v>
      </c>
      <c r="U20476">
        <v>29</v>
      </c>
      <c r="V20476">
        <v>30</v>
      </c>
      <c r="W20476">
        <v>31</v>
      </c>
      <c r="X20476">
        <v>31</v>
      </c>
      <c r="Y20476">
        <v>32</v>
      </c>
      <c r="Z20476">
        <v>32</v>
      </c>
      <c r="AA20476">
        <v>33</v>
      </c>
      <c r="AB20476">
        <v>33</v>
      </c>
      <c r="AC20476">
        <v>34</v>
      </c>
      <c r="AD20476">
        <v>34</v>
      </c>
      <c r="AE20476">
        <v>35</v>
      </c>
      <c r="AF20476">
        <v>35</v>
      </c>
      <c r="AG20476">
        <v>35</v>
      </c>
      <c r="AH20476">
        <v>35</v>
      </c>
      <c r="AI20476">
        <v>35</v>
      </c>
      <c r="AJ20476">
        <v>35</v>
      </c>
      <c r="AK20476">
        <v>35</v>
      </c>
      <c r="AL20476">
        <v>36</v>
      </c>
      <c r="AM20476">
        <v>36</v>
      </c>
      <c r="AN20476">
        <v>36</v>
      </c>
      <c r="AO20476">
        <v>36</v>
      </c>
      <c r="AP20476">
        <v>36</v>
      </c>
      <c r="AQ20476">
        <v>36</v>
      </c>
    </row>
    <row r="20477" spans="1:43">
      <c r="A20477" t="s">
        <v>12679</v>
      </c>
      <c r="B20477" t="s">
        <v>12680</v>
      </c>
      <c r="C20477" t="s">
        <v>12669</v>
      </c>
      <c r="D20477" t="s">
        <v>12670</v>
      </c>
      <c r="E20477" t="s">
        <v>12580</v>
      </c>
      <c r="F20477" t="s">
        <v>12581</v>
      </c>
      <c r="G20477" t="s">
        <v>12582</v>
      </c>
      <c r="H20477" t="s">
        <v>12581</v>
      </c>
      <c r="I20477" s="2">
        <v>1</v>
      </c>
      <c r="J20477" s="2">
        <v>0</v>
      </c>
      <c r="K20477" s="2">
        <v>0</v>
      </c>
      <c r="L20477" t="s">
        <v>120</v>
      </c>
      <c r="M20477" t="s">
        <v>83</v>
      </c>
      <c r="N20477" t="s">
        <v>91</v>
      </c>
      <c r="O20477" t="s">
        <v>85</v>
      </c>
      <c r="P20477" t="s">
        <v>86</v>
      </c>
      <c r="Q20477">
        <v>27</v>
      </c>
      <c r="R20477">
        <v>27</v>
      </c>
      <c r="S20477">
        <v>27</v>
      </c>
      <c r="T20477">
        <v>28</v>
      </c>
      <c r="U20477">
        <v>28</v>
      </c>
      <c r="V20477">
        <v>29</v>
      </c>
      <c r="W20477">
        <v>29</v>
      </c>
      <c r="X20477">
        <v>30</v>
      </c>
      <c r="Y20477">
        <v>30</v>
      </c>
      <c r="Z20477">
        <v>30</v>
      </c>
      <c r="AA20477">
        <v>31</v>
      </c>
      <c r="AB20477">
        <v>31</v>
      </c>
      <c r="AC20477">
        <v>32</v>
      </c>
      <c r="AD20477">
        <v>32</v>
      </c>
      <c r="AE20477">
        <v>32</v>
      </c>
      <c r="AF20477">
        <v>33</v>
      </c>
      <c r="AG20477">
        <v>33</v>
      </c>
      <c r="AH20477">
        <v>34</v>
      </c>
      <c r="AI20477">
        <v>34</v>
      </c>
      <c r="AJ20477">
        <v>35</v>
      </c>
      <c r="AK20477">
        <v>35</v>
      </c>
      <c r="AL20477">
        <v>35</v>
      </c>
      <c r="AM20477">
        <v>35</v>
      </c>
      <c r="AN20477">
        <v>36</v>
      </c>
      <c r="AO20477">
        <v>36</v>
      </c>
      <c r="AP20477">
        <v>36</v>
      </c>
      <c r="AQ20477">
        <v>36</v>
      </c>
    </row>
    <row r="20478" spans="1:43">
      <c r="A20478" t="s">
        <v>12681</v>
      </c>
      <c r="B20478" t="s">
        <v>12682</v>
      </c>
      <c r="C20478" t="s">
        <v>12683</v>
      </c>
      <c r="D20478" t="s">
        <v>12684</v>
      </c>
      <c r="E20478" t="s">
        <v>12580</v>
      </c>
      <c r="F20478" t="s">
        <v>12581</v>
      </c>
      <c r="G20478" t="s">
        <v>12582</v>
      </c>
      <c r="H20478" t="s">
        <v>12581</v>
      </c>
      <c r="I20478" s="2">
        <v>1</v>
      </c>
      <c r="J20478" s="2">
        <v>0</v>
      </c>
      <c r="K20478" s="2">
        <v>0</v>
      </c>
      <c r="L20478" t="s">
        <v>120</v>
      </c>
      <c r="M20478" t="s">
        <v>83</v>
      </c>
      <c r="N20478" t="s">
        <v>84</v>
      </c>
      <c r="O20478" t="s">
        <v>85</v>
      </c>
      <c r="P20478" t="s">
        <v>86</v>
      </c>
      <c r="Q20478">
        <v>59</v>
      </c>
      <c r="R20478">
        <v>60</v>
      </c>
      <c r="S20478">
        <v>61</v>
      </c>
      <c r="T20478">
        <v>62</v>
      </c>
      <c r="U20478">
        <v>63</v>
      </c>
      <c r="V20478">
        <v>64</v>
      </c>
      <c r="W20478">
        <v>65</v>
      </c>
      <c r="X20478">
        <v>66</v>
      </c>
      <c r="Y20478">
        <v>67</v>
      </c>
      <c r="Z20478">
        <v>68</v>
      </c>
      <c r="AA20478">
        <v>68</v>
      </c>
      <c r="AB20478">
        <v>69</v>
      </c>
      <c r="AC20478">
        <v>70</v>
      </c>
      <c r="AD20478">
        <v>71</v>
      </c>
      <c r="AE20478">
        <v>72</v>
      </c>
      <c r="AF20478">
        <v>73</v>
      </c>
      <c r="AG20478">
        <v>74</v>
      </c>
      <c r="AH20478">
        <v>75</v>
      </c>
      <c r="AI20478">
        <v>76</v>
      </c>
      <c r="AJ20478">
        <v>77</v>
      </c>
      <c r="AK20478">
        <v>78</v>
      </c>
      <c r="AL20478">
        <v>79</v>
      </c>
      <c r="AM20478">
        <v>79</v>
      </c>
      <c r="AN20478">
        <v>79</v>
      </c>
      <c r="AO20478">
        <v>79</v>
      </c>
      <c r="AP20478">
        <v>80</v>
      </c>
      <c r="AQ20478">
        <v>80</v>
      </c>
    </row>
    <row r="20479" spans="1:43">
      <c r="A20479" t="s">
        <v>12681</v>
      </c>
      <c r="B20479" t="s">
        <v>12682</v>
      </c>
      <c r="C20479" t="s">
        <v>12683</v>
      </c>
      <c r="D20479" t="s">
        <v>12684</v>
      </c>
      <c r="E20479" t="s">
        <v>12580</v>
      </c>
      <c r="F20479" t="s">
        <v>12581</v>
      </c>
      <c r="G20479" t="s">
        <v>12582</v>
      </c>
      <c r="H20479" t="s">
        <v>12581</v>
      </c>
      <c r="I20479" s="2">
        <v>1</v>
      </c>
      <c r="J20479" s="2">
        <v>0</v>
      </c>
      <c r="K20479" s="2">
        <v>0</v>
      </c>
      <c r="L20479" t="s">
        <v>120</v>
      </c>
      <c r="M20479" t="s">
        <v>87</v>
      </c>
      <c r="N20479" t="s">
        <v>88</v>
      </c>
      <c r="O20479" t="s">
        <v>85</v>
      </c>
      <c r="P20479" t="s">
        <v>86</v>
      </c>
      <c r="Q20479">
        <v>59</v>
      </c>
      <c r="R20479">
        <v>59</v>
      </c>
      <c r="S20479">
        <v>59</v>
      </c>
      <c r="T20479">
        <v>60</v>
      </c>
      <c r="U20479">
        <v>60</v>
      </c>
      <c r="V20479">
        <v>60</v>
      </c>
      <c r="W20479">
        <v>61</v>
      </c>
      <c r="X20479">
        <v>61</v>
      </c>
      <c r="Y20479">
        <v>62</v>
      </c>
      <c r="Z20479">
        <v>62</v>
      </c>
      <c r="AA20479">
        <v>62</v>
      </c>
      <c r="AB20479">
        <v>63</v>
      </c>
      <c r="AC20479">
        <v>63</v>
      </c>
      <c r="AD20479">
        <v>64</v>
      </c>
      <c r="AE20479">
        <v>64</v>
      </c>
      <c r="AF20479">
        <v>65</v>
      </c>
      <c r="AG20479">
        <v>65</v>
      </c>
      <c r="AH20479">
        <v>65</v>
      </c>
      <c r="AI20479">
        <v>66</v>
      </c>
      <c r="AJ20479">
        <v>66</v>
      </c>
      <c r="AK20479">
        <v>67</v>
      </c>
      <c r="AL20479">
        <v>67</v>
      </c>
      <c r="AM20479">
        <v>68</v>
      </c>
      <c r="AN20479">
        <v>68</v>
      </c>
      <c r="AO20479">
        <v>69</v>
      </c>
      <c r="AP20479">
        <v>69</v>
      </c>
      <c r="AQ20479">
        <v>70</v>
      </c>
    </row>
    <row r="20480" spans="1:43">
      <c r="A20480" t="s">
        <v>12681</v>
      </c>
      <c r="B20480" t="s">
        <v>12682</v>
      </c>
      <c r="C20480" t="s">
        <v>12683</v>
      </c>
      <c r="D20480" t="s">
        <v>12684</v>
      </c>
      <c r="E20480" t="s">
        <v>12580</v>
      </c>
      <c r="F20480" t="s">
        <v>12581</v>
      </c>
      <c r="G20480" t="s">
        <v>12582</v>
      </c>
      <c r="H20480" t="s">
        <v>12581</v>
      </c>
      <c r="I20480" s="2">
        <v>1</v>
      </c>
      <c r="J20480" s="2">
        <v>0</v>
      </c>
      <c r="K20480" s="2">
        <v>0</v>
      </c>
      <c r="L20480" t="s">
        <v>120</v>
      </c>
      <c r="M20480" t="s">
        <v>89</v>
      </c>
      <c r="N20480" t="s">
        <v>90</v>
      </c>
      <c r="O20480" t="s">
        <v>85</v>
      </c>
      <c r="P20480" t="s">
        <v>86</v>
      </c>
      <c r="Q20480">
        <v>59</v>
      </c>
      <c r="R20480">
        <v>60</v>
      </c>
      <c r="S20480">
        <v>61</v>
      </c>
      <c r="T20480">
        <v>63</v>
      </c>
      <c r="U20480">
        <v>64</v>
      </c>
      <c r="V20480">
        <v>66</v>
      </c>
      <c r="W20480">
        <v>67</v>
      </c>
      <c r="X20480">
        <v>68</v>
      </c>
      <c r="Y20480">
        <v>69</v>
      </c>
      <c r="Z20480">
        <v>71</v>
      </c>
      <c r="AA20480">
        <v>72</v>
      </c>
      <c r="AB20480">
        <v>73</v>
      </c>
      <c r="AC20480">
        <v>74</v>
      </c>
      <c r="AD20480">
        <v>76</v>
      </c>
      <c r="AE20480">
        <v>76</v>
      </c>
      <c r="AF20480">
        <v>77</v>
      </c>
      <c r="AG20480">
        <v>77</v>
      </c>
      <c r="AH20480">
        <v>77</v>
      </c>
      <c r="AI20480">
        <v>77</v>
      </c>
      <c r="AJ20480">
        <v>78</v>
      </c>
      <c r="AK20480">
        <v>78</v>
      </c>
      <c r="AL20480">
        <v>78</v>
      </c>
      <c r="AM20480">
        <v>79</v>
      </c>
      <c r="AN20480">
        <v>79</v>
      </c>
      <c r="AO20480">
        <v>79</v>
      </c>
      <c r="AP20480">
        <v>79</v>
      </c>
      <c r="AQ20480">
        <v>80</v>
      </c>
    </row>
    <row r="20481" spans="1:43">
      <c r="A20481" t="s">
        <v>12681</v>
      </c>
      <c r="B20481" t="s">
        <v>12682</v>
      </c>
      <c r="C20481" t="s">
        <v>12683</v>
      </c>
      <c r="D20481" t="s">
        <v>12684</v>
      </c>
      <c r="E20481" t="s">
        <v>12580</v>
      </c>
      <c r="F20481" t="s">
        <v>12581</v>
      </c>
      <c r="G20481" t="s">
        <v>12582</v>
      </c>
      <c r="H20481" t="s">
        <v>12581</v>
      </c>
      <c r="I20481" s="2">
        <v>1</v>
      </c>
      <c r="J20481" s="2">
        <v>0</v>
      </c>
      <c r="K20481" s="2">
        <v>0</v>
      </c>
      <c r="L20481" t="s">
        <v>120</v>
      </c>
      <c r="M20481" t="s">
        <v>83</v>
      </c>
      <c r="N20481" t="s">
        <v>91</v>
      </c>
      <c r="O20481" t="s">
        <v>85</v>
      </c>
      <c r="P20481" t="s">
        <v>86</v>
      </c>
      <c r="Q20481">
        <v>59</v>
      </c>
      <c r="R20481">
        <v>60</v>
      </c>
      <c r="S20481">
        <v>61</v>
      </c>
      <c r="T20481">
        <v>62</v>
      </c>
      <c r="U20481">
        <v>63</v>
      </c>
      <c r="V20481">
        <v>64</v>
      </c>
      <c r="W20481">
        <v>65</v>
      </c>
      <c r="X20481">
        <v>66</v>
      </c>
      <c r="Y20481">
        <v>67</v>
      </c>
      <c r="Z20481">
        <v>68</v>
      </c>
      <c r="AA20481">
        <v>68</v>
      </c>
      <c r="AB20481">
        <v>69</v>
      </c>
      <c r="AC20481">
        <v>70</v>
      </c>
      <c r="AD20481">
        <v>71</v>
      </c>
      <c r="AE20481">
        <v>72</v>
      </c>
      <c r="AF20481">
        <v>73</v>
      </c>
      <c r="AG20481">
        <v>74</v>
      </c>
      <c r="AH20481">
        <v>75</v>
      </c>
      <c r="AI20481">
        <v>76</v>
      </c>
      <c r="AJ20481">
        <v>77</v>
      </c>
      <c r="AK20481">
        <v>78</v>
      </c>
      <c r="AL20481">
        <v>79</v>
      </c>
      <c r="AM20481">
        <v>79</v>
      </c>
      <c r="AN20481">
        <v>79</v>
      </c>
      <c r="AO20481">
        <v>79</v>
      </c>
      <c r="AP20481">
        <v>80</v>
      </c>
      <c r="AQ20481">
        <v>80</v>
      </c>
    </row>
    <row r="20482" spans="1:43">
      <c r="A20482" t="s">
        <v>12685</v>
      </c>
      <c r="B20482" t="s">
        <v>12686</v>
      </c>
      <c r="C20482" t="s">
        <v>12683</v>
      </c>
      <c r="D20482" t="s">
        <v>12684</v>
      </c>
      <c r="E20482" t="s">
        <v>12580</v>
      </c>
      <c r="F20482" t="s">
        <v>12581</v>
      </c>
      <c r="G20482" t="s">
        <v>12582</v>
      </c>
      <c r="H20482" t="s">
        <v>12581</v>
      </c>
      <c r="I20482" s="2">
        <v>1</v>
      </c>
      <c r="J20482" s="2">
        <v>0</v>
      </c>
      <c r="K20482" s="2">
        <v>0</v>
      </c>
      <c r="L20482" t="s">
        <v>120</v>
      </c>
      <c r="M20482" t="s">
        <v>83</v>
      </c>
      <c r="N20482" t="s">
        <v>84</v>
      </c>
      <c r="O20482" t="s">
        <v>85</v>
      </c>
      <c r="P20482" t="s">
        <v>86</v>
      </c>
      <c r="Q20482">
        <v>23</v>
      </c>
      <c r="R20482">
        <v>23</v>
      </c>
      <c r="S20482">
        <v>23</v>
      </c>
      <c r="T20482">
        <v>24</v>
      </c>
      <c r="U20482">
        <v>24</v>
      </c>
      <c r="V20482">
        <v>24</v>
      </c>
      <c r="W20482">
        <v>25</v>
      </c>
      <c r="X20482">
        <v>25</v>
      </c>
      <c r="Y20482">
        <v>26</v>
      </c>
      <c r="Z20482">
        <v>26</v>
      </c>
      <c r="AA20482">
        <v>26</v>
      </c>
      <c r="AB20482">
        <v>27</v>
      </c>
      <c r="AC20482">
        <v>27</v>
      </c>
      <c r="AD20482">
        <v>27</v>
      </c>
      <c r="AE20482">
        <v>28</v>
      </c>
      <c r="AF20482">
        <v>28</v>
      </c>
      <c r="AG20482">
        <v>28</v>
      </c>
      <c r="AH20482">
        <v>29</v>
      </c>
      <c r="AI20482">
        <v>29</v>
      </c>
      <c r="AJ20482">
        <v>30</v>
      </c>
      <c r="AK20482">
        <v>30</v>
      </c>
      <c r="AL20482">
        <v>30</v>
      </c>
      <c r="AM20482">
        <v>30</v>
      </c>
      <c r="AN20482">
        <v>30</v>
      </c>
      <c r="AO20482">
        <v>30</v>
      </c>
      <c r="AP20482">
        <v>31</v>
      </c>
      <c r="AQ20482">
        <v>31</v>
      </c>
    </row>
    <row r="20483" spans="1:43">
      <c r="A20483" t="s">
        <v>12685</v>
      </c>
      <c r="B20483" t="s">
        <v>12686</v>
      </c>
      <c r="C20483" t="s">
        <v>12683</v>
      </c>
      <c r="D20483" t="s">
        <v>12684</v>
      </c>
      <c r="E20483" t="s">
        <v>12580</v>
      </c>
      <c r="F20483" t="s">
        <v>12581</v>
      </c>
      <c r="G20483" t="s">
        <v>12582</v>
      </c>
      <c r="H20483" t="s">
        <v>12581</v>
      </c>
      <c r="I20483" s="2">
        <v>1</v>
      </c>
      <c r="J20483" s="2">
        <v>0</v>
      </c>
      <c r="K20483" s="2">
        <v>0</v>
      </c>
      <c r="L20483" t="s">
        <v>120</v>
      </c>
      <c r="M20483" t="s">
        <v>87</v>
      </c>
      <c r="N20483" t="s">
        <v>88</v>
      </c>
      <c r="O20483" t="s">
        <v>85</v>
      </c>
      <c r="P20483" t="s">
        <v>86</v>
      </c>
      <c r="Q20483">
        <v>23</v>
      </c>
      <c r="R20483">
        <v>24</v>
      </c>
      <c r="S20483">
        <v>24</v>
      </c>
      <c r="T20483">
        <v>24</v>
      </c>
      <c r="U20483">
        <v>24</v>
      </c>
      <c r="V20483">
        <v>24</v>
      </c>
      <c r="W20483">
        <v>24</v>
      </c>
      <c r="X20483">
        <v>24</v>
      </c>
      <c r="Y20483">
        <v>25</v>
      </c>
      <c r="Z20483">
        <v>25</v>
      </c>
      <c r="AA20483">
        <v>25</v>
      </c>
      <c r="AB20483">
        <v>25</v>
      </c>
      <c r="AC20483">
        <v>25</v>
      </c>
      <c r="AD20483">
        <v>25</v>
      </c>
      <c r="AE20483">
        <v>26</v>
      </c>
      <c r="AF20483">
        <v>26</v>
      </c>
      <c r="AG20483">
        <v>26</v>
      </c>
      <c r="AH20483">
        <v>26</v>
      </c>
      <c r="AI20483">
        <v>26</v>
      </c>
      <c r="AJ20483">
        <v>26</v>
      </c>
      <c r="AK20483">
        <v>27</v>
      </c>
      <c r="AL20483">
        <v>27</v>
      </c>
      <c r="AM20483">
        <v>27</v>
      </c>
      <c r="AN20483">
        <v>27</v>
      </c>
      <c r="AO20483">
        <v>27</v>
      </c>
      <c r="AP20483">
        <v>27</v>
      </c>
      <c r="AQ20483">
        <v>28</v>
      </c>
    </row>
    <row r="20484" spans="1:43">
      <c r="A20484" t="s">
        <v>12685</v>
      </c>
      <c r="B20484" t="s">
        <v>12686</v>
      </c>
      <c r="C20484" t="s">
        <v>12683</v>
      </c>
      <c r="D20484" t="s">
        <v>12684</v>
      </c>
      <c r="E20484" t="s">
        <v>12580</v>
      </c>
      <c r="F20484" t="s">
        <v>12581</v>
      </c>
      <c r="G20484" t="s">
        <v>12582</v>
      </c>
      <c r="H20484" t="s">
        <v>12581</v>
      </c>
      <c r="I20484" s="2">
        <v>1</v>
      </c>
      <c r="J20484" s="2">
        <v>0</v>
      </c>
      <c r="K20484" s="2">
        <v>0</v>
      </c>
      <c r="L20484" t="s">
        <v>120</v>
      </c>
      <c r="M20484" t="s">
        <v>89</v>
      </c>
      <c r="N20484" t="s">
        <v>90</v>
      </c>
      <c r="O20484" t="s">
        <v>85</v>
      </c>
      <c r="P20484" t="s">
        <v>86</v>
      </c>
      <c r="Q20484">
        <v>23</v>
      </c>
      <c r="R20484">
        <v>23</v>
      </c>
      <c r="S20484">
        <v>24</v>
      </c>
      <c r="T20484">
        <v>25</v>
      </c>
      <c r="U20484">
        <v>25</v>
      </c>
      <c r="V20484">
        <v>26</v>
      </c>
      <c r="W20484">
        <v>26</v>
      </c>
      <c r="X20484">
        <v>27</v>
      </c>
      <c r="Y20484">
        <v>27</v>
      </c>
      <c r="Z20484">
        <v>27</v>
      </c>
      <c r="AA20484">
        <v>28</v>
      </c>
      <c r="AB20484">
        <v>28</v>
      </c>
      <c r="AC20484">
        <v>29</v>
      </c>
      <c r="AD20484">
        <v>29</v>
      </c>
      <c r="AE20484">
        <v>30</v>
      </c>
      <c r="AF20484">
        <v>30</v>
      </c>
      <c r="AG20484">
        <v>30</v>
      </c>
      <c r="AH20484">
        <v>30</v>
      </c>
      <c r="AI20484">
        <v>30</v>
      </c>
      <c r="AJ20484">
        <v>30</v>
      </c>
      <c r="AK20484">
        <v>30</v>
      </c>
      <c r="AL20484">
        <v>30</v>
      </c>
      <c r="AM20484">
        <v>30</v>
      </c>
      <c r="AN20484">
        <v>31</v>
      </c>
      <c r="AO20484">
        <v>31</v>
      </c>
      <c r="AP20484">
        <v>31</v>
      </c>
      <c r="AQ20484">
        <v>31</v>
      </c>
    </row>
    <row r="20485" spans="1:43">
      <c r="A20485" t="s">
        <v>12685</v>
      </c>
      <c r="B20485" t="s">
        <v>12686</v>
      </c>
      <c r="C20485" t="s">
        <v>12683</v>
      </c>
      <c r="D20485" t="s">
        <v>12684</v>
      </c>
      <c r="E20485" t="s">
        <v>12580</v>
      </c>
      <c r="F20485" t="s">
        <v>12581</v>
      </c>
      <c r="G20485" t="s">
        <v>12582</v>
      </c>
      <c r="H20485" t="s">
        <v>12581</v>
      </c>
      <c r="I20485" s="2">
        <v>1</v>
      </c>
      <c r="J20485" s="2">
        <v>0</v>
      </c>
      <c r="K20485" s="2">
        <v>0</v>
      </c>
      <c r="L20485" t="s">
        <v>120</v>
      </c>
      <c r="M20485" t="s">
        <v>83</v>
      </c>
      <c r="N20485" t="s">
        <v>91</v>
      </c>
      <c r="O20485" t="s">
        <v>85</v>
      </c>
      <c r="P20485" t="s">
        <v>86</v>
      </c>
      <c r="Q20485">
        <v>23</v>
      </c>
      <c r="R20485">
        <v>23</v>
      </c>
      <c r="S20485">
        <v>23</v>
      </c>
      <c r="T20485">
        <v>24</v>
      </c>
      <c r="U20485">
        <v>24</v>
      </c>
      <c r="V20485">
        <v>24</v>
      </c>
      <c r="W20485">
        <v>25</v>
      </c>
      <c r="X20485">
        <v>25</v>
      </c>
      <c r="Y20485">
        <v>26</v>
      </c>
      <c r="Z20485">
        <v>26</v>
      </c>
      <c r="AA20485">
        <v>26</v>
      </c>
      <c r="AB20485">
        <v>27</v>
      </c>
      <c r="AC20485">
        <v>27</v>
      </c>
      <c r="AD20485">
        <v>27</v>
      </c>
      <c r="AE20485">
        <v>28</v>
      </c>
      <c r="AF20485">
        <v>28</v>
      </c>
      <c r="AG20485">
        <v>28</v>
      </c>
      <c r="AH20485">
        <v>29</v>
      </c>
      <c r="AI20485">
        <v>29</v>
      </c>
      <c r="AJ20485">
        <v>30</v>
      </c>
      <c r="AK20485">
        <v>30</v>
      </c>
      <c r="AL20485">
        <v>30</v>
      </c>
      <c r="AM20485">
        <v>30</v>
      </c>
      <c r="AN20485">
        <v>30</v>
      </c>
      <c r="AO20485">
        <v>30</v>
      </c>
      <c r="AP20485">
        <v>31</v>
      </c>
      <c r="AQ20485">
        <v>31</v>
      </c>
    </row>
    <row r="20486" spans="1:43">
      <c r="A20486" t="s">
        <v>12687</v>
      </c>
      <c r="B20486" t="s">
        <v>12688</v>
      </c>
      <c r="C20486" t="s">
        <v>12683</v>
      </c>
      <c r="D20486" t="s">
        <v>12684</v>
      </c>
      <c r="E20486" t="s">
        <v>12580</v>
      </c>
      <c r="F20486" t="s">
        <v>12581</v>
      </c>
      <c r="G20486" t="s">
        <v>12582</v>
      </c>
      <c r="H20486" t="s">
        <v>12581</v>
      </c>
      <c r="I20486" s="2">
        <v>0.92</v>
      </c>
      <c r="J20486" s="2">
        <v>0</v>
      </c>
      <c r="K20486" s="2">
        <v>0</v>
      </c>
      <c r="L20486" t="s">
        <v>120</v>
      </c>
      <c r="M20486" t="s">
        <v>83</v>
      </c>
      <c r="N20486" t="s">
        <v>84</v>
      </c>
      <c r="O20486" t="s">
        <v>85</v>
      </c>
      <c r="P20486" t="s">
        <v>86</v>
      </c>
      <c r="Q20486">
        <v>26</v>
      </c>
      <c r="R20486">
        <v>27</v>
      </c>
      <c r="S20486">
        <v>27</v>
      </c>
      <c r="T20486">
        <v>27</v>
      </c>
      <c r="U20486">
        <v>28</v>
      </c>
      <c r="V20486">
        <v>28</v>
      </c>
      <c r="W20486">
        <v>29</v>
      </c>
      <c r="X20486">
        <v>29</v>
      </c>
      <c r="Y20486">
        <v>29</v>
      </c>
      <c r="Z20486">
        <v>30</v>
      </c>
      <c r="AA20486">
        <v>30</v>
      </c>
      <c r="AB20486">
        <v>31</v>
      </c>
      <c r="AC20486">
        <v>31</v>
      </c>
      <c r="AD20486">
        <v>31</v>
      </c>
      <c r="AE20486">
        <v>32</v>
      </c>
      <c r="AF20486">
        <v>32</v>
      </c>
      <c r="AG20486">
        <v>33</v>
      </c>
      <c r="AH20486">
        <v>33</v>
      </c>
      <c r="AI20486">
        <v>34</v>
      </c>
      <c r="AJ20486">
        <v>34</v>
      </c>
      <c r="AK20486">
        <v>34</v>
      </c>
      <c r="AL20486">
        <v>35</v>
      </c>
      <c r="AM20486">
        <v>35</v>
      </c>
      <c r="AN20486">
        <v>35</v>
      </c>
      <c r="AO20486">
        <v>35</v>
      </c>
      <c r="AP20486">
        <v>35</v>
      </c>
      <c r="AQ20486">
        <v>35</v>
      </c>
    </row>
    <row r="20487" spans="1:43">
      <c r="A20487" t="s">
        <v>12687</v>
      </c>
      <c r="B20487" t="s">
        <v>12688</v>
      </c>
      <c r="C20487" t="s">
        <v>12683</v>
      </c>
      <c r="D20487" t="s">
        <v>12684</v>
      </c>
      <c r="E20487" t="s">
        <v>12580</v>
      </c>
      <c r="F20487" t="s">
        <v>12581</v>
      </c>
      <c r="G20487" t="s">
        <v>12582</v>
      </c>
      <c r="H20487" t="s">
        <v>12581</v>
      </c>
      <c r="I20487" s="2">
        <v>0.92</v>
      </c>
      <c r="J20487" s="2">
        <v>0</v>
      </c>
      <c r="K20487" s="2">
        <v>0</v>
      </c>
      <c r="L20487" t="s">
        <v>120</v>
      </c>
      <c r="M20487" t="s">
        <v>87</v>
      </c>
      <c r="N20487" t="s">
        <v>88</v>
      </c>
      <c r="O20487" t="s">
        <v>85</v>
      </c>
      <c r="P20487" t="s">
        <v>86</v>
      </c>
      <c r="Q20487">
        <v>26</v>
      </c>
      <c r="R20487">
        <v>26</v>
      </c>
      <c r="S20487">
        <v>26</v>
      </c>
      <c r="T20487">
        <v>26</v>
      </c>
      <c r="U20487">
        <v>27</v>
      </c>
      <c r="V20487">
        <v>27</v>
      </c>
      <c r="W20487">
        <v>27</v>
      </c>
      <c r="X20487">
        <v>27</v>
      </c>
      <c r="Y20487">
        <v>27</v>
      </c>
      <c r="Z20487">
        <v>27</v>
      </c>
      <c r="AA20487">
        <v>28</v>
      </c>
      <c r="AB20487">
        <v>28</v>
      </c>
      <c r="AC20487">
        <v>28</v>
      </c>
      <c r="AD20487">
        <v>28</v>
      </c>
      <c r="AE20487">
        <v>28</v>
      </c>
      <c r="AF20487">
        <v>28</v>
      </c>
      <c r="AG20487">
        <v>29</v>
      </c>
      <c r="AH20487">
        <v>29</v>
      </c>
      <c r="AI20487">
        <v>29</v>
      </c>
      <c r="AJ20487">
        <v>29</v>
      </c>
      <c r="AK20487">
        <v>29</v>
      </c>
      <c r="AL20487">
        <v>30</v>
      </c>
      <c r="AM20487">
        <v>30</v>
      </c>
      <c r="AN20487">
        <v>30</v>
      </c>
      <c r="AO20487">
        <v>30</v>
      </c>
      <c r="AP20487">
        <v>30</v>
      </c>
      <c r="AQ20487">
        <v>31</v>
      </c>
    </row>
    <row r="20488" spans="1:43">
      <c r="A20488" t="s">
        <v>12687</v>
      </c>
      <c r="B20488" t="s">
        <v>12688</v>
      </c>
      <c r="C20488" t="s">
        <v>12683</v>
      </c>
      <c r="D20488" t="s">
        <v>12684</v>
      </c>
      <c r="E20488" t="s">
        <v>12580</v>
      </c>
      <c r="F20488" t="s">
        <v>12581</v>
      </c>
      <c r="G20488" t="s">
        <v>12582</v>
      </c>
      <c r="H20488" t="s">
        <v>12581</v>
      </c>
      <c r="I20488" s="2">
        <v>0.92</v>
      </c>
      <c r="J20488" s="2">
        <v>0</v>
      </c>
      <c r="K20488" s="2">
        <v>0</v>
      </c>
      <c r="L20488" t="s">
        <v>120</v>
      </c>
      <c r="M20488" t="s">
        <v>89</v>
      </c>
      <c r="N20488" t="s">
        <v>90</v>
      </c>
      <c r="O20488" t="s">
        <v>85</v>
      </c>
      <c r="P20488" t="s">
        <v>86</v>
      </c>
      <c r="Q20488">
        <v>26</v>
      </c>
      <c r="R20488">
        <v>27</v>
      </c>
      <c r="S20488">
        <v>28</v>
      </c>
      <c r="T20488">
        <v>28</v>
      </c>
      <c r="U20488">
        <v>29</v>
      </c>
      <c r="V20488">
        <v>29</v>
      </c>
      <c r="W20488">
        <v>30</v>
      </c>
      <c r="X20488">
        <v>31</v>
      </c>
      <c r="Y20488">
        <v>31</v>
      </c>
      <c r="Z20488">
        <v>32</v>
      </c>
      <c r="AA20488">
        <v>32</v>
      </c>
      <c r="AB20488">
        <v>33</v>
      </c>
      <c r="AC20488">
        <v>33</v>
      </c>
      <c r="AD20488">
        <v>34</v>
      </c>
      <c r="AE20488">
        <v>34</v>
      </c>
      <c r="AF20488">
        <v>34</v>
      </c>
      <c r="AG20488">
        <v>34</v>
      </c>
      <c r="AH20488">
        <v>35</v>
      </c>
      <c r="AI20488">
        <v>35</v>
      </c>
      <c r="AJ20488">
        <v>35</v>
      </c>
      <c r="AK20488">
        <v>35</v>
      </c>
      <c r="AL20488">
        <v>35</v>
      </c>
      <c r="AM20488">
        <v>35</v>
      </c>
      <c r="AN20488">
        <v>35</v>
      </c>
      <c r="AO20488">
        <v>35</v>
      </c>
      <c r="AP20488">
        <v>35</v>
      </c>
      <c r="AQ20488">
        <v>36</v>
      </c>
    </row>
    <row r="20489" spans="1:43">
      <c r="A20489" t="s">
        <v>12687</v>
      </c>
      <c r="B20489" t="s">
        <v>12688</v>
      </c>
      <c r="C20489" t="s">
        <v>12683</v>
      </c>
      <c r="D20489" t="s">
        <v>12684</v>
      </c>
      <c r="E20489" t="s">
        <v>12580</v>
      </c>
      <c r="F20489" t="s">
        <v>12581</v>
      </c>
      <c r="G20489" t="s">
        <v>12582</v>
      </c>
      <c r="H20489" t="s">
        <v>12581</v>
      </c>
      <c r="I20489" s="2">
        <v>0.92</v>
      </c>
      <c r="J20489" s="2">
        <v>0</v>
      </c>
      <c r="K20489" s="2">
        <v>0</v>
      </c>
      <c r="L20489" t="s">
        <v>120</v>
      </c>
      <c r="M20489" t="s">
        <v>83</v>
      </c>
      <c r="N20489" t="s">
        <v>91</v>
      </c>
      <c r="O20489" t="s">
        <v>85</v>
      </c>
      <c r="P20489" t="s">
        <v>86</v>
      </c>
      <c r="Q20489">
        <v>26</v>
      </c>
      <c r="R20489">
        <v>27</v>
      </c>
      <c r="S20489">
        <v>27</v>
      </c>
      <c r="T20489">
        <v>27</v>
      </c>
      <c r="U20489">
        <v>28</v>
      </c>
      <c r="V20489">
        <v>28</v>
      </c>
      <c r="W20489">
        <v>29</v>
      </c>
      <c r="X20489">
        <v>29</v>
      </c>
      <c r="Y20489">
        <v>29</v>
      </c>
      <c r="Z20489">
        <v>30</v>
      </c>
      <c r="AA20489">
        <v>30</v>
      </c>
      <c r="AB20489">
        <v>31</v>
      </c>
      <c r="AC20489">
        <v>31</v>
      </c>
      <c r="AD20489">
        <v>31</v>
      </c>
      <c r="AE20489">
        <v>32</v>
      </c>
      <c r="AF20489">
        <v>32</v>
      </c>
      <c r="AG20489">
        <v>33</v>
      </c>
      <c r="AH20489">
        <v>33</v>
      </c>
      <c r="AI20489">
        <v>34</v>
      </c>
      <c r="AJ20489">
        <v>34</v>
      </c>
      <c r="AK20489">
        <v>34</v>
      </c>
      <c r="AL20489">
        <v>35</v>
      </c>
      <c r="AM20489">
        <v>35</v>
      </c>
      <c r="AN20489">
        <v>35</v>
      </c>
      <c r="AO20489">
        <v>35</v>
      </c>
      <c r="AP20489">
        <v>35</v>
      </c>
      <c r="AQ20489">
        <v>35</v>
      </c>
    </row>
    <row r="20490" spans="1:43">
      <c r="A20490" t="s">
        <v>12689</v>
      </c>
      <c r="B20490" t="s">
        <v>12690</v>
      </c>
      <c r="C20490" t="s">
        <v>12683</v>
      </c>
      <c r="D20490" t="s">
        <v>12684</v>
      </c>
      <c r="E20490" t="s">
        <v>12580</v>
      </c>
      <c r="F20490" t="s">
        <v>12581</v>
      </c>
      <c r="G20490" t="s">
        <v>12582</v>
      </c>
      <c r="H20490" t="s">
        <v>12581</v>
      </c>
      <c r="I20490" s="2">
        <v>1</v>
      </c>
      <c r="J20490" s="2">
        <v>0</v>
      </c>
      <c r="K20490" s="2">
        <v>0</v>
      </c>
      <c r="L20490" t="s">
        <v>120</v>
      </c>
      <c r="M20490" t="s">
        <v>83</v>
      </c>
      <c r="N20490" t="s">
        <v>84</v>
      </c>
      <c r="O20490" t="s">
        <v>85</v>
      </c>
      <c r="P20490" t="s">
        <v>86</v>
      </c>
      <c r="Q20490">
        <v>19</v>
      </c>
      <c r="R20490">
        <v>20</v>
      </c>
      <c r="S20490">
        <v>20</v>
      </c>
      <c r="T20490">
        <v>20</v>
      </c>
      <c r="U20490">
        <v>21</v>
      </c>
      <c r="V20490">
        <v>21</v>
      </c>
      <c r="W20490">
        <v>21</v>
      </c>
      <c r="X20490">
        <v>21</v>
      </c>
      <c r="Y20490">
        <v>22</v>
      </c>
      <c r="Z20490">
        <v>22</v>
      </c>
      <c r="AA20490">
        <v>22</v>
      </c>
      <c r="AB20490">
        <v>23</v>
      </c>
      <c r="AC20490">
        <v>23</v>
      </c>
      <c r="AD20490">
        <v>23</v>
      </c>
      <c r="AE20490">
        <v>24</v>
      </c>
      <c r="AF20490">
        <v>24</v>
      </c>
      <c r="AG20490">
        <v>24</v>
      </c>
      <c r="AH20490">
        <v>25</v>
      </c>
      <c r="AI20490">
        <v>25</v>
      </c>
      <c r="AJ20490">
        <v>25</v>
      </c>
      <c r="AK20490">
        <v>25</v>
      </c>
      <c r="AL20490">
        <v>26</v>
      </c>
      <c r="AM20490">
        <v>26</v>
      </c>
      <c r="AN20490">
        <v>26</v>
      </c>
      <c r="AO20490">
        <v>26</v>
      </c>
      <c r="AP20490">
        <v>26</v>
      </c>
      <c r="AQ20490">
        <v>26</v>
      </c>
    </row>
    <row r="20491" spans="1:43">
      <c r="A20491" t="s">
        <v>12689</v>
      </c>
      <c r="B20491" t="s">
        <v>12690</v>
      </c>
      <c r="C20491" t="s">
        <v>12683</v>
      </c>
      <c r="D20491" t="s">
        <v>12684</v>
      </c>
      <c r="E20491" t="s">
        <v>12580</v>
      </c>
      <c r="F20491" t="s">
        <v>12581</v>
      </c>
      <c r="G20491" t="s">
        <v>12582</v>
      </c>
      <c r="H20491" t="s">
        <v>12581</v>
      </c>
      <c r="I20491" s="2">
        <v>1</v>
      </c>
      <c r="J20491" s="2">
        <v>0</v>
      </c>
      <c r="K20491" s="2">
        <v>0</v>
      </c>
      <c r="L20491" t="s">
        <v>120</v>
      </c>
      <c r="M20491" t="s">
        <v>87</v>
      </c>
      <c r="N20491" t="s">
        <v>88</v>
      </c>
      <c r="O20491" t="s">
        <v>85</v>
      </c>
      <c r="P20491" t="s">
        <v>86</v>
      </c>
      <c r="Q20491">
        <v>19</v>
      </c>
      <c r="R20491">
        <v>19</v>
      </c>
      <c r="S20491">
        <v>19</v>
      </c>
      <c r="T20491">
        <v>19</v>
      </c>
      <c r="U20491">
        <v>20</v>
      </c>
      <c r="V20491">
        <v>20</v>
      </c>
      <c r="W20491">
        <v>20</v>
      </c>
      <c r="X20491">
        <v>20</v>
      </c>
      <c r="Y20491">
        <v>20</v>
      </c>
      <c r="Z20491">
        <v>20</v>
      </c>
      <c r="AA20491">
        <v>20</v>
      </c>
      <c r="AB20491">
        <v>21</v>
      </c>
      <c r="AC20491">
        <v>21</v>
      </c>
      <c r="AD20491">
        <v>21</v>
      </c>
      <c r="AE20491">
        <v>21</v>
      </c>
      <c r="AF20491">
        <v>21</v>
      </c>
      <c r="AG20491">
        <v>21</v>
      </c>
      <c r="AH20491">
        <v>21</v>
      </c>
      <c r="AI20491">
        <v>21</v>
      </c>
      <c r="AJ20491">
        <v>22</v>
      </c>
      <c r="AK20491">
        <v>22</v>
      </c>
      <c r="AL20491">
        <v>22</v>
      </c>
      <c r="AM20491">
        <v>22</v>
      </c>
      <c r="AN20491">
        <v>22</v>
      </c>
      <c r="AO20491">
        <v>22</v>
      </c>
      <c r="AP20491">
        <v>23</v>
      </c>
      <c r="AQ20491">
        <v>23</v>
      </c>
    </row>
    <row r="20492" spans="1:43">
      <c r="A20492" t="s">
        <v>12689</v>
      </c>
      <c r="B20492" t="s">
        <v>12690</v>
      </c>
      <c r="C20492" t="s">
        <v>12683</v>
      </c>
      <c r="D20492" t="s">
        <v>12684</v>
      </c>
      <c r="E20492" t="s">
        <v>12580</v>
      </c>
      <c r="F20492" t="s">
        <v>12581</v>
      </c>
      <c r="G20492" t="s">
        <v>12582</v>
      </c>
      <c r="H20492" t="s">
        <v>12581</v>
      </c>
      <c r="I20492" s="2">
        <v>1</v>
      </c>
      <c r="J20492" s="2">
        <v>0</v>
      </c>
      <c r="K20492" s="2">
        <v>0</v>
      </c>
      <c r="L20492" t="s">
        <v>120</v>
      </c>
      <c r="M20492" t="s">
        <v>89</v>
      </c>
      <c r="N20492" t="s">
        <v>90</v>
      </c>
      <c r="O20492" t="s">
        <v>85</v>
      </c>
      <c r="P20492" t="s">
        <v>86</v>
      </c>
      <c r="Q20492">
        <v>19</v>
      </c>
      <c r="R20492">
        <v>20</v>
      </c>
      <c r="S20492">
        <v>20</v>
      </c>
      <c r="T20492">
        <v>21</v>
      </c>
      <c r="U20492">
        <v>21</v>
      </c>
      <c r="V20492">
        <v>22</v>
      </c>
      <c r="W20492">
        <v>22</v>
      </c>
      <c r="X20492">
        <v>23</v>
      </c>
      <c r="Y20492">
        <v>23</v>
      </c>
      <c r="Z20492">
        <v>23</v>
      </c>
      <c r="AA20492">
        <v>24</v>
      </c>
      <c r="AB20492">
        <v>24</v>
      </c>
      <c r="AC20492">
        <v>25</v>
      </c>
      <c r="AD20492">
        <v>25</v>
      </c>
      <c r="AE20492">
        <v>25</v>
      </c>
      <c r="AF20492">
        <v>25</v>
      </c>
      <c r="AG20492">
        <v>25</v>
      </c>
      <c r="AH20492">
        <v>26</v>
      </c>
      <c r="AI20492">
        <v>26</v>
      </c>
      <c r="AJ20492">
        <v>26</v>
      </c>
      <c r="AK20492">
        <v>26</v>
      </c>
      <c r="AL20492">
        <v>26</v>
      </c>
      <c r="AM20492">
        <v>26</v>
      </c>
      <c r="AN20492">
        <v>26</v>
      </c>
      <c r="AO20492">
        <v>26</v>
      </c>
      <c r="AP20492">
        <v>26</v>
      </c>
      <c r="AQ20492">
        <v>26</v>
      </c>
    </row>
    <row r="20493" spans="1:43">
      <c r="A20493" t="s">
        <v>12689</v>
      </c>
      <c r="B20493" t="s">
        <v>12690</v>
      </c>
      <c r="C20493" t="s">
        <v>12683</v>
      </c>
      <c r="D20493" t="s">
        <v>12684</v>
      </c>
      <c r="E20493" t="s">
        <v>12580</v>
      </c>
      <c r="F20493" t="s">
        <v>12581</v>
      </c>
      <c r="G20493" t="s">
        <v>12582</v>
      </c>
      <c r="H20493" t="s">
        <v>12581</v>
      </c>
      <c r="I20493" s="2">
        <v>1</v>
      </c>
      <c r="J20493" s="2">
        <v>0</v>
      </c>
      <c r="K20493" s="2">
        <v>0</v>
      </c>
      <c r="L20493" t="s">
        <v>120</v>
      </c>
      <c r="M20493" t="s">
        <v>83</v>
      </c>
      <c r="N20493" t="s">
        <v>91</v>
      </c>
      <c r="O20493" t="s">
        <v>85</v>
      </c>
      <c r="P20493" t="s">
        <v>86</v>
      </c>
      <c r="Q20493">
        <v>19</v>
      </c>
      <c r="R20493">
        <v>20</v>
      </c>
      <c r="S20493">
        <v>20</v>
      </c>
      <c r="T20493">
        <v>20</v>
      </c>
      <c r="U20493">
        <v>21</v>
      </c>
      <c r="V20493">
        <v>21</v>
      </c>
      <c r="W20493">
        <v>21</v>
      </c>
      <c r="X20493">
        <v>21</v>
      </c>
      <c r="Y20493">
        <v>22</v>
      </c>
      <c r="Z20493">
        <v>22</v>
      </c>
      <c r="AA20493">
        <v>22</v>
      </c>
      <c r="AB20493">
        <v>23</v>
      </c>
      <c r="AC20493">
        <v>23</v>
      </c>
      <c r="AD20493">
        <v>23</v>
      </c>
      <c r="AE20493">
        <v>24</v>
      </c>
      <c r="AF20493">
        <v>24</v>
      </c>
      <c r="AG20493">
        <v>24</v>
      </c>
      <c r="AH20493">
        <v>25</v>
      </c>
      <c r="AI20493">
        <v>25</v>
      </c>
      <c r="AJ20493">
        <v>25</v>
      </c>
      <c r="AK20493">
        <v>25</v>
      </c>
      <c r="AL20493">
        <v>26</v>
      </c>
      <c r="AM20493">
        <v>26</v>
      </c>
      <c r="AN20493">
        <v>26</v>
      </c>
      <c r="AO20493">
        <v>26</v>
      </c>
      <c r="AP20493">
        <v>26</v>
      </c>
      <c r="AQ20493">
        <v>26</v>
      </c>
    </row>
    <row r="20494" spans="1:43">
      <c r="A20494" t="s">
        <v>12691</v>
      </c>
      <c r="B20494" t="s">
        <v>12692</v>
      </c>
      <c r="C20494" t="s">
        <v>12693</v>
      </c>
      <c r="D20494" t="s">
        <v>12694</v>
      </c>
      <c r="E20494" t="s">
        <v>12580</v>
      </c>
      <c r="F20494" t="s">
        <v>12581</v>
      </c>
      <c r="G20494" t="s">
        <v>12582</v>
      </c>
      <c r="H20494" t="s">
        <v>12581</v>
      </c>
      <c r="I20494" s="2">
        <v>1</v>
      </c>
      <c r="J20494" s="2">
        <v>0</v>
      </c>
      <c r="K20494" s="2">
        <v>0</v>
      </c>
      <c r="L20494" t="s">
        <v>120</v>
      </c>
      <c r="M20494" t="s">
        <v>83</v>
      </c>
      <c r="N20494" t="s">
        <v>84</v>
      </c>
      <c r="O20494" t="s">
        <v>85</v>
      </c>
      <c r="P20494" t="s">
        <v>86</v>
      </c>
      <c r="Q20494">
        <v>11</v>
      </c>
      <c r="R20494">
        <v>12</v>
      </c>
      <c r="S20494">
        <v>12</v>
      </c>
      <c r="T20494">
        <v>12</v>
      </c>
      <c r="U20494">
        <v>12</v>
      </c>
      <c r="V20494">
        <v>12</v>
      </c>
      <c r="W20494">
        <v>13</v>
      </c>
      <c r="X20494">
        <v>13</v>
      </c>
      <c r="Y20494">
        <v>13</v>
      </c>
      <c r="Z20494">
        <v>13</v>
      </c>
      <c r="AA20494">
        <v>13</v>
      </c>
      <c r="AB20494">
        <v>14</v>
      </c>
      <c r="AC20494">
        <v>14</v>
      </c>
      <c r="AD20494">
        <v>14</v>
      </c>
      <c r="AE20494">
        <v>14</v>
      </c>
      <c r="AF20494">
        <v>14</v>
      </c>
      <c r="AG20494">
        <v>14</v>
      </c>
      <c r="AH20494">
        <v>15</v>
      </c>
      <c r="AI20494">
        <v>15</v>
      </c>
      <c r="AJ20494">
        <v>15</v>
      </c>
      <c r="AK20494">
        <v>15</v>
      </c>
      <c r="AL20494">
        <v>15</v>
      </c>
      <c r="AM20494">
        <v>15</v>
      </c>
      <c r="AN20494">
        <v>16</v>
      </c>
      <c r="AO20494">
        <v>16</v>
      </c>
      <c r="AP20494">
        <v>16</v>
      </c>
      <c r="AQ20494">
        <v>16</v>
      </c>
    </row>
    <row r="20495" spans="1:43">
      <c r="A20495" t="s">
        <v>12691</v>
      </c>
      <c r="B20495" t="s">
        <v>12692</v>
      </c>
      <c r="C20495" t="s">
        <v>12693</v>
      </c>
      <c r="D20495" t="s">
        <v>12694</v>
      </c>
      <c r="E20495" t="s">
        <v>12580</v>
      </c>
      <c r="F20495" t="s">
        <v>12581</v>
      </c>
      <c r="G20495" t="s">
        <v>12582</v>
      </c>
      <c r="H20495" t="s">
        <v>12581</v>
      </c>
      <c r="I20495" s="2">
        <v>1</v>
      </c>
      <c r="J20495" s="2">
        <v>0</v>
      </c>
      <c r="K20495" s="2">
        <v>0</v>
      </c>
      <c r="L20495" t="s">
        <v>120</v>
      </c>
      <c r="M20495" t="s">
        <v>87</v>
      </c>
      <c r="N20495" t="s">
        <v>88</v>
      </c>
      <c r="O20495" t="s">
        <v>85</v>
      </c>
      <c r="P20495" t="s">
        <v>86</v>
      </c>
      <c r="Q20495">
        <v>11</v>
      </c>
      <c r="R20495">
        <v>11</v>
      </c>
      <c r="S20495">
        <v>12</v>
      </c>
      <c r="T20495">
        <v>12</v>
      </c>
      <c r="U20495">
        <v>12</v>
      </c>
      <c r="V20495">
        <v>12</v>
      </c>
      <c r="W20495">
        <v>12</v>
      </c>
      <c r="X20495">
        <v>12</v>
      </c>
      <c r="Y20495">
        <v>12</v>
      </c>
      <c r="Z20495">
        <v>12</v>
      </c>
      <c r="AA20495">
        <v>12</v>
      </c>
      <c r="AB20495">
        <v>12</v>
      </c>
      <c r="AC20495">
        <v>12</v>
      </c>
      <c r="AD20495">
        <v>12</v>
      </c>
      <c r="AE20495">
        <v>13</v>
      </c>
      <c r="AF20495">
        <v>13</v>
      </c>
      <c r="AG20495">
        <v>13</v>
      </c>
      <c r="AH20495">
        <v>13</v>
      </c>
      <c r="AI20495">
        <v>13</v>
      </c>
      <c r="AJ20495">
        <v>13</v>
      </c>
      <c r="AK20495">
        <v>13</v>
      </c>
      <c r="AL20495">
        <v>13</v>
      </c>
      <c r="AM20495">
        <v>13</v>
      </c>
      <c r="AN20495">
        <v>13</v>
      </c>
      <c r="AO20495">
        <v>14</v>
      </c>
      <c r="AP20495">
        <v>14</v>
      </c>
      <c r="AQ20495">
        <v>14</v>
      </c>
    </row>
    <row r="20496" spans="1:43">
      <c r="A20496" t="s">
        <v>12691</v>
      </c>
      <c r="B20496" t="s">
        <v>12692</v>
      </c>
      <c r="C20496" t="s">
        <v>12693</v>
      </c>
      <c r="D20496" t="s">
        <v>12694</v>
      </c>
      <c r="E20496" t="s">
        <v>12580</v>
      </c>
      <c r="F20496" t="s">
        <v>12581</v>
      </c>
      <c r="G20496" t="s">
        <v>12582</v>
      </c>
      <c r="H20496" t="s">
        <v>12581</v>
      </c>
      <c r="I20496" s="2">
        <v>1</v>
      </c>
      <c r="J20496" s="2">
        <v>0</v>
      </c>
      <c r="K20496" s="2">
        <v>0</v>
      </c>
      <c r="L20496" t="s">
        <v>120</v>
      </c>
      <c r="M20496" t="s">
        <v>89</v>
      </c>
      <c r="N20496" t="s">
        <v>90</v>
      </c>
      <c r="O20496" t="s">
        <v>85</v>
      </c>
      <c r="P20496" t="s">
        <v>86</v>
      </c>
      <c r="Q20496">
        <v>11</v>
      </c>
      <c r="R20496">
        <v>11</v>
      </c>
      <c r="S20496">
        <v>11</v>
      </c>
      <c r="T20496">
        <v>11</v>
      </c>
      <c r="U20496">
        <v>12</v>
      </c>
      <c r="V20496">
        <v>12</v>
      </c>
      <c r="W20496">
        <v>12</v>
      </c>
      <c r="X20496">
        <v>12</v>
      </c>
      <c r="Y20496">
        <v>13</v>
      </c>
      <c r="Z20496">
        <v>13</v>
      </c>
      <c r="AA20496">
        <v>13</v>
      </c>
      <c r="AB20496">
        <v>13</v>
      </c>
      <c r="AC20496">
        <v>14</v>
      </c>
      <c r="AD20496">
        <v>14</v>
      </c>
      <c r="AE20496">
        <v>14</v>
      </c>
      <c r="AF20496">
        <v>14</v>
      </c>
      <c r="AG20496">
        <v>14</v>
      </c>
      <c r="AH20496">
        <v>14</v>
      </c>
      <c r="AI20496">
        <v>14</v>
      </c>
      <c r="AJ20496">
        <v>14</v>
      </c>
      <c r="AK20496">
        <v>14</v>
      </c>
      <c r="AL20496">
        <v>15</v>
      </c>
      <c r="AM20496">
        <v>15</v>
      </c>
      <c r="AN20496">
        <v>15</v>
      </c>
      <c r="AO20496">
        <v>15</v>
      </c>
      <c r="AP20496">
        <v>15</v>
      </c>
      <c r="AQ20496">
        <v>15</v>
      </c>
    </row>
    <row r="20497" spans="1:43">
      <c r="A20497" t="s">
        <v>12691</v>
      </c>
      <c r="B20497" t="s">
        <v>12692</v>
      </c>
      <c r="C20497" t="s">
        <v>12693</v>
      </c>
      <c r="D20497" t="s">
        <v>12694</v>
      </c>
      <c r="E20497" t="s">
        <v>12580</v>
      </c>
      <c r="F20497" t="s">
        <v>12581</v>
      </c>
      <c r="G20497" t="s">
        <v>12582</v>
      </c>
      <c r="H20497" t="s">
        <v>12581</v>
      </c>
      <c r="I20497" s="2">
        <v>1</v>
      </c>
      <c r="J20497" s="2">
        <v>0</v>
      </c>
      <c r="K20497" s="2">
        <v>0</v>
      </c>
      <c r="L20497" t="s">
        <v>120</v>
      </c>
      <c r="M20497" t="s">
        <v>83</v>
      </c>
      <c r="N20497" t="s">
        <v>91</v>
      </c>
      <c r="O20497" t="s">
        <v>85</v>
      </c>
      <c r="P20497" t="s">
        <v>86</v>
      </c>
      <c r="Q20497">
        <v>11</v>
      </c>
      <c r="R20497">
        <v>12</v>
      </c>
      <c r="S20497">
        <v>12</v>
      </c>
      <c r="T20497">
        <v>12</v>
      </c>
      <c r="U20497">
        <v>12</v>
      </c>
      <c r="V20497">
        <v>12</v>
      </c>
      <c r="W20497">
        <v>13</v>
      </c>
      <c r="X20497">
        <v>13</v>
      </c>
      <c r="Y20497">
        <v>13</v>
      </c>
      <c r="Z20497">
        <v>13</v>
      </c>
      <c r="AA20497">
        <v>13</v>
      </c>
      <c r="AB20497">
        <v>14</v>
      </c>
      <c r="AC20497">
        <v>14</v>
      </c>
      <c r="AD20497">
        <v>14</v>
      </c>
      <c r="AE20497">
        <v>14</v>
      </c>
      <c r="AF20497">
        <v>14</v>
      </c>
      <c r="AG20497">
        <v>14</v>
      </c>
      <c r="AH20497">
        <v>15</v>
      </c>
      <c r="AI20497">
        <v>15</v>
      </c>
      <c r="AJ20497">
        <v>15</v>
      </c>
      <c r="AK20497">
        <v>15</v>
      </c>
      <c r="AL20497">
        <v>15</v>
      </c>
      <c r="AM20497">
        <v>15</v>
      </c>
      <c r="AN20497">
        <v>16</v>
      </c>
      <c r="AO20497">
        <v>16</v>
      </c>
      <c r="AP20497">
        <v>16</v>
      </c>
      <c r="AQ20497">
        <v>16</v>
      </c>
    </row>
    <row r="20498" spans="1:43">
      <c r="A20498" t="s">
        <v>12695</v>
      </c>
      <c r="B20498" t="s">
        <v>12696</v>
      </c>
      <c r="C20498" t="s">
        <v>12693</v>
      </c>
      <c r="D20498" t="s">
        <v>12694</v>
      </c>
      <c r="E20498" t="s">
        <v>12580</v>
      </c>
      <c r="F20498" t="s">
        <v>12581</v>
      </c>
      <c r="G20498" t="s">
        <v>12582</v>
      </c>
      <c r="H20498" t="s">
        <v>12581</v>
      </c>
      <c r="I20498" s="2">
        <v>1</v>
      </c>
      <c r="J20498" s="2">
        <v>0</v>
      </c>
      <c r="K20498" s="2">
        <v>0</v>
      </c>
      <c r="L20498" t="s">
        <v>120</v>
      </c>
      <c r="M20498" t="s">
        <v>83</v>
      </c>
      <c r="N20498" t="s">
        <v>84</v>
      </c>
      <c r="O20498" t="s">
        <v>85</v>
      </c>
      <c r="P20498" t="s">
        <v>86</v>
      </c>
      <c r="Q20498">
        <v>13</v>
      </c>
      <c r="R20498">
        <v>13</v>
      </c>
      <c r="S20498">
        <v>13</v>
      </c>
      <c r="T20498">
        <v>13</v>
      </c>
      <c r="U20498">
        <v>14</v>
      </c>
      <c r="V20498">
        <v>14</v>
      </c>
      <c r="W20498">
        <v>14</v>
      </c>
      <c r="X20498">
        <v>14</v>
      </c>
      <c r="Y20498">
        <v>15</v>
      </c>
      <c r="Z20498">
        <v>15</v>
      </c>
      <c r="AA20498">
        <v>15</v>
      </c>
      <c r="AB20498">
        <v>15</v>
      </c>
      <c r="AC20498">
        <v>15</v>
      </c>
      <c r="AD20498">
        <v>16</v>
      </c>
      <c r="AE20498">
        <v>16</v>
      </c>
      <c r="AF20498">
        <v>16</v>
      </c>
      <c r="AG20498">
        <v>16</v>
      </c>
      <c r="AH20498">
        <v>16</v>
      </c>
      <c r="AI20498">
        <v>17</v>
      </c>
      <c r="AJ20498">
        <v>17</v>
      </c>
      <c r="AK20498">
        <v>17</v>
      </c>
      <c r="AL20498">
        <v>17</v>
      </c>
      <c r="AM20498">
        <v>17</v>
      </c>
      <c r="AN20498">
        <v>17</v>
      </c>
      <c r="AO20498">
        <v>17</v>
      </c>
      <c r="AP20498">
        <v>17</v>
      </c>
      <c r="AQ20498">
        <v>17</v>
      </c>
    </row>
    <row r="20499" spans="1:43">
      <c r="A20499" t="s">
        <v>12695</v>
      </c>
      <c r="B20499" t="s">
        <v>12696</v>
      </c>
      <c r="C20499" t="s">
        <v>12693</v>
      </c>
      <c r="D20499" t="s">
        <v>12694</v>
      </c>
      <c r="E20499" t="s">
        <v>12580</v>
      </c>
      <c r="F20499" t="s">
        <v>12581</v>
      </c>
      <c r="G20499" t="s">
        <v>12582</v>
      </c>
      <c r="H20499" t="s">
        <v>12581</v>
      </c>
      <c r="I20499" s="2">
        <v>1</v>
      </c>
      <c r="J20499" s="2">
        <v>0</v>
      </c>
      <c r="K20499" s="2">
        <v>0</v>
      </c>
      <c r="L20499" t="s">
        <v>120</v>
      </c>
      <c r="M20499" t="s">
        <v>87</v>
      </c>
      <c r="N20499" t="s">
        <v>88</v>
      </c>
      <c r="O20499" t="s">
        <v>85</v>
      </c>
      <c r="P20499" t="s">
        <v>86</v>
      </c>
      <c r="Q20499">
        <v>13</v>
      </c>
      <c r="R20499">
        <v>13</v>
      </c>
      <c r="S20499">
        <v>13</v>
      </c>
      <c r="T20499">
        <v>13</v>
      </c>
      <c r="U20499">
        <v>13</v>
      </c>
      <c r="V20499">
        <v>13</v>
      </c>
      <c r="W20499">
        <v>13</v>
      </c>
      <c r="X20499">
        <v>13</v>
      </c>
      <c r="Y20499">
        <v>13</v>
      </c>
      <c r="Z20499">
        <v>14</v>
      </c>
      <c r="AA20499">
        <v>14</v>
      </c>
      <c r="AB20499">
        <v>14</v>
      </c>
      <c r="AC20499">
        <v>14</v>
      </c>
      <c r="AD20499">
        <v>14</v>
      </c>
      <c r="AE20499">
        <v>14</v>
      </c>
      <c r="AF20499">
        <v>14</v>
      </c>
      <c r="AG20499">
        <v>14</v>
      </c>
      <c r="AH20499">
        <v>14</v>
      </c>
      <c r="AI20499">
        <v>14</v>
      </c>
      <c r="AJ20499">
        <v>15</v>
      </c>
      <c r="AK20499">
        <v>15</v>
      </c>
      <c r="AL20499">
        <v>15</v>
      </c>
      <c r="AM20499">
        <v>15</v>
      </c>
      <c r="AN20499">
        <v>15</v>
      </c>
      <c r="AO20499">
        <v>15</v>
      </c>
      <c r="AP20499">
        <v>15</v>
      </c>
      <c r="AQ20499">
        <v>15</v>
      </c>
    </row>
    <row r="20500" spans="1:43">
      <c r="A20500" t="s">
        <v>12695</v>
      </c>
      <c r="B20500" t="s">
        <v>12696</v>
      </c>
      <c r="C20500" t="s">
        <v>12693</v>
      </c>
      <c r="D20500" t="s">
        <v>12694</v>
      </c>
      <c r="E20500" t="s">
        <v>12580</v>
      </c>
      <c r="F20500" t="s">
        <v>12581</v>
      </c>
      <c r="G20500" t="s">
        <v>12582</v>
      </c>
      <c r="H20500" t="s">
        <v>12581</v>
      </c>
      <c r="I20500" s="2">
        <v>1</v>
      </c>
      <c r="J20500" s="2">
        <v>0</v>
      </c>
      <c r="K20500" s="2">
        <v>0</v>
      </c>
      <c r="L20500" t="s">
        <v>120</v>
      </c>
      <c r="M20500" t="s">
        <v>89</v>
      </c>
      <c r="N20500" t="s">
        <v>90</v>
      </c>
      <c r="O20500" t="s">
        <v>85</v>
      </c>
      <c r="P20500" t="s">
        <v>86</v>
      </c>
      <c r="Q20500">
        <v>13</v>
      </c>
      <c r="R20500">
        <v>13</v>
      </c>
      <c r="S20500">
        <v>14</v>
      </c>
      <c r="T20500">
        <v>14</v>
      </c>
      <c r="U20500">
        <v>14</v>
      </c>
      <c r="V20500">
        <v>14</v>
      </c>
      <c r="W20500">
        <v>15</v>
      </c>
      <c r="X20500">
        <v>15</v>
      </c>
      <c r="Y20500">
        <v>15</v>
      </c>
      <c r="Z20500">
        <v>16</v>
      </c>
      <c r="AA20500">
        <v>16</v>
      </c>
      <c r="AB20500">
        <v>16</v>
      </c>
      <c r="AC20500">
        <v>16</v>
      </c>
      <c r="AD20500">
        <v>17</v>
      </c>
      <c r="AE20500">
        <v>17</v>
      </c>
      <c r="AF20500">
        <v>17</v>
      </c>
      <c r="AG20500">
        <v>17</v>
      </c>
      <c r="AH20500">
        <v>17</v>
      </c>
      <c r="AI20500">
        <v>17</v>
      </c>
      <c r="AJ20500">
        <v>17</v>
      </c>
      <c r="AK20500">
        <v>17</v>
      </c>
      <c r="AL20500">
        <v>17</v>
      </c>
      <c r="AM20500">
        <v>17</v>
      </c>
      <c r="AN20500">
        <v>17</v>
      </c>
      <c r="AO20500">
        <v>17</v>
      </c>
      <c r="AP20500">
        <v>18</v>
      </c>
      <c r="AQ20500">
        <v>18</v>
      </c>
    </row>
    <row r="20501" spans="1:43">
      <c r="A20501" t="s">
        <v>12695</v>
      </c>
      <c r="B20501" t="s">
        <v>12696</v>
      </c>
      <c r="C20501" t="s">
        <v>12693</v>
      </c>
      <c r="D20501" t="s">
        <v>12694</v>
      </c>
      <c r="E20501" t="s">
        <v>12580</v>
      </c>
      <c r="F20501" t="s">
        <v>12581</v>
      </c>
      <c r="G20501" t="s">
        <v>12582</v>
      </c>
      <c r="H20501" t="s">
        <v>12581</v>
      </c>
      <c r="I20501" s="2">
        <v>1</v>
      </c>
      <c r="J20501" s="2">
        <v>0</v>
      </c>
      <c r="K20501" s="2">
        <v>0</v>
      </c>
      <c r="L20501" t="s">
        <v>120</v>
      </c>
      <c r="M20501" t="s">
        <v>83</v>
      </c>
      <c r="N20501" t="s">
        <v>91</v>
      </c>
      <c r="O20501" t="s">
        <v>85</v>
      </c>
      <c r="P20501" t="s">
        <v>86</v>
      </c>
      <c r="Q20501">
        <v>13</v>
      </c>
      <c r="R20501">
        <v>13</v>
      </c>
      <c r="S20501">
        <v>13</v>
      </c>
      <c r="T20501">
        <v>13</v>
      </c>
      <c r="U20501">
        <v>14</v>
      </c>
      <c r="V20501">
        <v>14</v>
      </c>
      <c r="W20501">
        <v>14</v>
      </c>
      <c r="X20501">
        <v>14</v>
      </c>
      <c r="Y20501">
        <v>15</v>
      </c>
      <c r="Z20501">
        <v>15</v>
      </c>
      <c r="AA20501">
        <v>15</v>
      </c>
      <c r="AB20501">
        <v>15</v>
      </c>
      <c r="AC20501">
        <v>15</v>
      </c>
      <c r="AD20501">
        <v>16</v>
      </c>
      <c r="AE20501">
        <v>16</v>
      </c>
      <c r="AF20501">
        <v>16</v>
      </c>
      <c r="AG20501">
        <v>16</v>
      </c>
      <c r="AH20501">
        <v>16</v>
      </c>
      <c r="AI20501">
        <v>17</v>
      </c>
      <c r="AJ20501">
        <v>17</v>
      </c>
      <c r="AK20501">
        <v>17</v>
      </c>
      <c r="AL20501">
        <v>17</v>
      </c>
      <c r="AM20501">
        <v>17</v>
      </c>
      <c r="AN20501">
        <v>17</v>
      </c>
      <c r="AO20501">
        <v>17</v>
      </c>
      <c r="AP20501">
        <v>17</v>
      </c>
      <c r="AQ20501">
        <v>17</v>
      </c>
    </row>
    <row r="20502" spans="1:43">
      <c r="A20502" t="s">
        <v>12697</v>
      </c>
      <c r="B20502" t="s">
        <v>12698</v>
      </c>
      <c r="C20502" t="s">
        <v>12693</v>
      </c>
      <c r="D20502" t="s">
        <v>12694</v>
      </c>
      <c r="E20502" t="s">
        <v>12580</v>
      </c>
      <c r="F20502" t="s">
        <v>12581</v>
      </c>
      <c r="G20502" t="s">
        <v>12582</v>
      </c>
      <c r="H20502" t="s">
        <v>12581</v>
      </c>
      <c r="I20502" s="2">
        <v>1</v>
      </c>
      <c r="J20502" s="2">
        <v>0</v>
      </c>
      <c r="K20502" s="2">
        <v>0</v>
      </c>
      <c r="L20502" t="s">
        <v>120</v>
      </c>
      <c r="M20502" t="s">
        <v>83</v>
      </c>
      <c r="N20502" t="s">
        <v>84</v>
      </c>
      <c r="O20502" t="s">
        <v>85</v>
      </c>
      <c r="P20502" t="s">
        <v>86</v>
      </c>
      <c r="Q20502">
        <v>10</v>
      </c>
      <c r="R20502">
        <v>10</v>
      </c>
      <c r="S20502">
        <v>10</v>
      </c>
      <c r="T20502">
        <v>10</v>
      </c>
      <c r="U20502">
        <v>10</v>
      </c>
      <c r="V20502">
        <v>11</v>
      </c>
      <c r="W20502">
        <v>11</v>
      </c>
      <c r="X20502">
        <v>11</v>
      </c>
      <c r="Y20502">
        <v>11</v>
      </c>
      <c r="Z20502">
        <v>11</v>
      </c>
      <c r="AA20502">
        <v>11</v>
      </c>
      <c r="AB20502">
        <v>12</v>
      </c>
      <c r="AC20502">
        <v>12</v>
      </c>
      <c r="AD20502">
        <v>12</v>
      </c>
      <c r="AE20502">
        <v>12</v>
      </c>
      <c r="AF20502">
        <v>12</v>
      </c>
      <c r="AG20502">
        <v>12</v>
      </c>
      <c r="AH20502">
        <v>12</v>
      </c>
      <c r="AI20502">
        <v>13</v>
      </c>
      <c r="AJ20502">
        <v>13</v>
      </c>
      <c r="AK20502">
        <v>13</v>
      </c>
      <c r="AL20502">
        <v>13</v>
      </c>
      <c r="AM20502">
        <v>13</v>
      </c>
      <c r="AN20502">
        <v>13</v>
      </c>
      <c r="AO20502">
        <v>13</v>
      </c>
      <c r="AP20502">
        <v>13</v>
      </c>
      <c r="AQ20502">
        <v>13</v>
      </c>
    </row>
    <row r="20503" spans="1:43">
      <c r="A20503" t="s">
        <v>12697</v>
      </c>
      <c r="B20503" t="s">
        <v>12698</v>
      </c>
      <c r="C20503" t="s">
        <v>12693</v>
      </c>
      <c r="D20503" t="s">
        <v>12694</v>
      </c>
      <c r="E20503" t="s">
        <v>12580</v>
      </c>
      <c r="F20503" t="s">
        <v>12581</v>
      </c>
      <c r="G20503" t="s">
        <v>12582</v>
      </c>
      <c r="H20503" t="s">
        <v>12581</v>
      </c>
      <c r="I20503" s="2">
        <v>1</v>
      </c>
      <c r="J20503" s="2">
        <v>0</v>
      </c>
      <c r="K20503" s="2">
        <v>0</v>
      </c>
      <c r="L20503" t="s">
        <v>120</v>
      </c>
      <c r="M20503" t="s">
        <v>87</v>
      </c>
      <c r="N20503" t="s">
        <v>88</v>
      </c>
      <c r="O20503" t="s">
        <v>85</v>
      </c>
      <c r="P20503" t="s">
        <v>86</v>
      </c>
      <c r="Q20503">
        <v>10</v>
      </c>
      <c r="R20503">
        <v>10</v>
      </c>
      <c r="S20503">
        <v>10</v>
      </c>
      <c r="T20503">
        <v>10</v>
      </c>
      <c r="U20503">
        <v>10</v>
      </c>
      <c r="V20503">
        <v>10</v>
      </c>
      <c r="W20503">
        <v>10</v>
      </c>
      <c r="X20503">
        <v>10</v>
      </c>
      <c r="Y20503">
        <v>10</v>
      </c>
      <c r="Z20503">
        <v>10</v>
      </c>
      <c r="AA20503">
        <v>10</v>
      </c>
      <c r="AB20503">
        <v>10</v>
      </c>
      <c r="AC20503">
        <v>11</v>
      </c>
      <c r="AD20503">
        <v>11</v>
      </c>
      <c r="AE20503">
        <v>11</v>
      </c>
      <c r="AF20503">
        <v>11</v>
      </c>
      <c r="AG20503">
        <v>11</v>
      </c>
      <c r="AH20503">
        <v>11</v>
      </c>
      <c r="AI20503">
        <v>11</v>
      </c>
      <c r="AJ20503">
        <v>11</v>
      </c>
      <c r="AK20503">
        <v>11</v>
      </c>
      <c r="AL20503">
        <v>11</v>
      </c>
      <c r="AM20503">
        <v>11</v>
      </c>
      <c r="AN20503">
        <v>11</v>
      </c>
      <c r="AO20503">
        <v>12</v>
      </c>
      <c r="AP20503">
        <v>12</v>
      </c>
      <c r="AQ20503">
        <v>12</v>
      </c>
    </row>
    <row r="20504" spans="1:43">
      <c r="A20504" t="s">
        <v>12697</v>
      </c>
      <c r="B20504" t="s">
        <v>12698</v>
      </c>
      <c r="C20504" t="s">
        <v>12693</v>
      </c>
      <c r="D20504" t="s">
        <v>12694</v>
      </c>
      <c r="E20504" t="s">
        <v>12580</v>
      </c>
      <c r="F20504" t="s">
        <v>12581</v>
      </c>
      <c r="G20504" t="s">
        <v>12582</v>
      </c>
      <c r="H20504" t="s">
        <v>12581</v>
      </c>
      <c r="I20504" s="2">
        <v>1</v>
      </c>
      <c r="J20504" s="2">
        <v>0</v>
      </c>
      <c r="K20504" s="2">
        <v>0</v>
      </c>
      <c r="L20504" t="s">
        <v>120</v>
      </c>
      <c r="M20504" t="s">
        <v>89</v>
      </c>
      <c r="N20504" t="s">
        <v>90</v>
      </c>
      <c r="O20504" t="s">
        <v>85</v>
      </c>
      <c r="P20504" t="s">
        <v>86</v>
      </c>
      <c r="Q20504">
        <v>10</v>
      </c>
      <c r="R20504">
        <v>10</v>
      </c>
      <c r="S20504">
        <v>10</v>
      </c>
      <c r="T20504">
        <v>11</v>
      </c>
      <c r="U20504">
        <v>11</v>
      </c>
      <c r="V20504">
        <v>11</v>
      </c>
      <c r="W20504">
        <v>11</v>
      </c>
      <c r="X20504">
        <v>11</v>
      </c>
      <c r="Y20504">
        <v>12</v>
      </c>
      <c r="Z20504">
        <v>12</v>
      </c>
      <c r="AA20504">
        <v>12</v>
      </c>
      <c r="AB20504">
        <v>12</v>
      </c>
      <c r="AC20504">
        <v>12</v>
      </c>
      <c r="AD20504">
        <v>13</v>
      </c>
      <c r="AE20504">
        <v>13</v>
      </c>
      <c r="AF20504">
        <v>13</v>
      </c>
      <c r="AG20504">
        <v>13</v>
      </c>
      <c r="AH20504">
        <v>13</v>
      </c>
      <c r="AI20504">
        <v>13</v>
      </c>
      <c r="AJ20504">
        <v>13</v>
      </c>
      <c r="AK20504">
        <v>13</v>
      </c>
      <c r="AL20504">
        <v>13</v>
      </c>
      <c r="AM20504">
        <v>13</v>
      </c>
      <c r="AN20504">
        <v>13</v>
      </c>
      <c r="AO20504">
        <v>13</v>
      </c>
      <c r="AP20504">
        <v>13</v>
      </c>
      <c r="AQ20504">
        <v>13</v>
      </c>
    </row>
    <row r="20505" spans="1:43">
      <c r="A20505" t="s">
        <v>12697</v>
      </c>
      <c r="B20505" t="s">
        <v>12698</v>
      </c>
      <c r="C20505" t="s">
        <v>12693</v>
      </c>
      <c r="D20505" t="s">
        <v>12694</v>
      </c>
      <c r="E20505" t="s">
        <v>12580</v>
      </c>
      <c r="F20505" t="s">
        <v>12581</v>
      </c>
      <c r="G20505" t="s">
        <v>12582</v>
      </c>
      <c r="H20505" t="s">
        <v>12581</v>
      </c>
      <c r="I20505" s="2">
        <v>1</v>
      </c>
      <c r="J20505" s="2">
        <v>0</v>
      </c>
      <c r="K20505" s="2">
        <v>0</v>
      </c>
      <c r="L20505" t="s">
        <v>120</v>
      </c>
      <c r="M20505" t="s">
        <v>83</v>
      </c>
      <c r="N20505" t="s">
        <v>91</v>
      </c>
      <c r="O20505" t="s">
        <v>85</v>
      </c>
      <c r="P20505" t="s">
        <v>86</v>
      </c>
      <c r="Q20505">
        <v>10</v>
      </c>
      <c r="R20505">
        <v>10</v>
      </c>
      <c r="S20505">
        <v>10</v>
      </c>
      <c r="T20505">
        <v>10</v>
      </c>
      <c r="U20505">
        <v>10</v>
      </c>
      <c r="V20505">
        <v>11</v>
      </c>
      <c r="W20505">
        <v>11</v>
      </c>
      <c r="X20505">
        <v>11</v>
      </c>
      <c r="Y20505">
        <v>11</v>
      </c>
      <c r="Z20505">
        <v>11</v>
      </c>
      <c r="AA20505">
        <v>11</v>
      </c>
      <c r="AB20505">
        <v>12</v>
      </c>
      <c r="AC20505">
        <v>12</v>
      </c>
      <c r="AD20505">
        <v>12</v>
      </c>
      <c r="AE20505">
        <v>12</v>
      </c>
      <c r="AF20505">
        <v>12</v>
      </c>
      <c r="AG20505">
        <v>12</v>
      </c>
      <c r="AH20505">
        <v>12</v>
      </c>
      <c r="AI20505">
        <v>13</v>
      </c>
      <c r="AJ20505">
        <v>13</v>
      </c>
      <c r="AK20505">
        <v>13</v>
      </c>
      <c r="AL20505">
        <v>13</v>
      </c>
      <c r="AM20505">
        <v>13</v>
      </c>
      <c r="AN20505">
        <v>13</v>
      </c>
      <c r="AO20505">
        <v>13</v>
      </c>
      <c r="AP20505">
        <v>13</v>
      </c>
      <c r="AQ20505">
        <v>13</v>
      </c>
    </row>
    <row r="20506" spans="1:43">
      <c r="A20506" t="s">
        <v>12699</v>
      </c>
      <c r="B20506" t="s">
        <v>12700</v>
      </c>
      <c r="C20506" t="s">
        <v>12693</v>
      </c>
      <c r="D20506" t="s">
        <v>12694</v>
      </c>
      <c r="E20506" t="s">
        <v>12580</v>
      </c>
      <c r="F20506" t="s">
        <v>12581</v>
      </c>
      <c r="G20506" t="s">
        <v>12582</v>
      </c>
      <c r="H20506" t="s">
        <v>12581</v>
      </c>
      <c r="I20506" s="2">
        <v>1</v>
      </c>
      <c r="J20506" s="2">
        <v>0</v>
      </c>
      <c r="K20506" s="2">
        <v>0</v>
      </c>
      <c r="L20506" t="s">
        <v>120</v>
      </c>
      <c r="M20506" t="s">
        <v>83</v>
      </c>
      <c r="N20506" t="s">
        <v>84</v>
      </c>
      <c r="O20506" t="s">
        <v>85</v>
      </c>
      <c r="P20506" t="s">
        <v>86</v>
      </c>
      <c r="Q20506">
        <v>6</v>
      </c>
      <c r="R20506">
        <v>6</v>
      </c>
      <c r="S20506">
        <v>6</v>
      </c>
      <c r="T20506">
        <v>7</v>
      </c>
      <c r="U20506">
        <v>7</v>
      </c>
      <c r="V20506">
        <v>7</v>
      </c>
      <c r="W20506">
        <v>7</v>
      </c>
      <c r="X20506">
        <v>7</v>
      </c>
      <c r="Y20506">
        <v>7</v>
      </c>
      <c r="Z20506">
        <v>7</v>
      </c>
      <c r="AA20506">
        <v>7</v>
      </c>
      <c r="AB20506">
        <v>7</v>
      </c>
      <c r="AC20506">
        <v>7</v>
      </c>
      <c r="AD20506">
        <v>8</v>
      </c>
      <c r="AE20506">
        <v>8</v>
      </c>
      <c r="AF20506">
        <v>8</v>
      </c>
      <c r="AG20506">
        <v>8</v>
      </c>
      <c r="AH20506">
        <v>8</v>
      </c>
      <c r="AI20506">
        <v>8</v>
      </c>
      <c r="AJ20506">
        <v>8</v>
      </c>
      <c r="AK20506">
        <v>8</v>
      </c>
      <c r="AL20506">
        <v>8</v>
      </c>
      <c r="AM20506">
        <v>8</v>
      </c>
      <c r="AN20506">
        <v>8</v>
      </c>
      <c r="AO20506">
        <v>8</v>
      </c>
      <c r="AP20506">
        <v>9</v>
      </c>
      <c r="AQ20506">
        <v>9</v>
      </c>
    </row>
    <row r="20507" spans="1:43">
      <c r="A20507" t="s">
        <v>12699</v>
      </c>
      <c r="B20507" t="s">
        <v>12700</v>
      </c>
      <c r="C20507" t="s">
        <v>12693</v>
      </c>
      <c r="D20507" t="s">
        <v>12694</v>
      </c>
      <c r="E20507" t="s">
        <v>12580</v>
      </c>
      <c r="F20507" t="s">
        <v>12581</v>
      </c>
      <c r="G20507" t="s">
        <v>12582</v>
      </c>
      <c r="H20507" t="s">
        <v>12581</v>
      </c>
      <c r="I20507" s="2">
        <v>1</v>
      </c>
      <c r="J20507" s="2">
        <v>0</v>
      </c>
      <c r="K20507" s="2">
        <v>0</v>
      </c>
      <c r="L20507" t="s">
        <v>120</v>
      </c>
      <c r="M20507" t="s">
        <v>87</v>
      </c>
      <c r="N20507" t="s">
        <v>88</v>
      </c>
      <c r="O20507" t="s">
        <v>85</v>
      </c>
      <c r="P20507" t="s">
        <v>86</v>
      </c>
      <c r="Q20507">
        <v>6</v>
      </c>
      <c r="R20507">
        <v>6</v>
      </c>
      <c r="S20507">
        <v>6</v>
      </c>
      <c r="T20507">
        <v>6</v>
      </c>
      <c r="U20507">
        <v>6</v>
      </c>
      <c r="V20507">
        <v>6</v>
      </c>
      <c r="W20507">
        <v>6</v>
      </c>
      <c r="X20507">
        <v>7</v>
      </c>
      <c r="Y20507">
        <v>7</v>
      </c>
      <c r="Z20507">
        <v>7</v>
      </c>
      <c r="AA20507">
        <v>7</v>
      </c>
      <c r="AB20507">
        <v>7</v>
      </c>
      <c r="AC20507">
        <v>7</v>
      </c>
      <c r="AD20507">
        <v>7</v>
      </c>
      <c r="AE20507">
        <v>7</v>
      </c>
      <c r="AF20507">
        <v>7</v>
      </c>
      <c r="AG20507">
        <v>7</v>
      </c>
      <c r="AH20507">
        <v>7</v>
      </c>
      <c r="AI20507">
        <v>7</v>
      </c>
      <c r="AJ20507">
        <v>7</v>
      </c>
      <c r="AK20507">
        <v>7</v>
      </c>
      <c r="AL20507">
        <v>7</v>
      </c>
      <c r="AM20507">
        <v>7</v>
      </c>
      <c r="AN20507">
        <v>7</v>
      </c>
      <c r="AO20507">
        <v>7</v>
      </c>
      <c r="AP20507">
        <v>7</v>
      </c>
      <c r="AQ20507">
        <v>8</v>
      </c>
    </row>
    <row r="20508" spans="1:43">
      <c r="A20508" t="s">
        <v>12699</v>
      </c>
      <c r="B20508" t="s">
        <v>12700</v>
      </c>
      <c r="C20508" t="s">
        <v>12693</v>
      </c>
      <c r="D20508" t="s">
        <v>12694</v>
      </c>
      <c r="E20508" t="s">
        <v>12580</v>
      </c>
      <c r="F20508" t="s">
        <v>12581</v>
      </c>
      <c r="G20508" t="s">
        <v>12582</v>
      </c>
      <c r="H20508" t="s">
        <v>12581</v>
      </c>
      <c r="I20508" s="2">
        <v>1</v>
      </c>
      <c r="J20508" s="2">
        <v>0</v>
      </c>
      <c r="K20508" s="2">
        <v>0</v>
      </c>
      <c r="L20508" t="s">
        <v>120</v>
      </c>
      <c r="M20508" t="s">
        <v>89</v>
      </c>
      <c r="N20508" t="s">
        <v>90</v>
      </c>
      <c r="O20508" t="s">
        <v>85</v>
      </c>
      <c r="P20508" t="s">
        <v>86</v>
      </c>
      <c r="Q20508">
        <v>6</v>
      </c>
      <c r="R20508">
        <v>6</v>
      </c>
      <c r="S20508">
        <v>7</v>
      </c>
      <c r="T20508">
        <v>7</v>
      </c>
      <c r="U20508">
        <v>7</v>
      </c>
      <c r="V20508">
        <v>7</v>
      </c>
      <c r="W20508">
        <v>7</v>
      </c>
      <c r="X20508">
        <v>7</v>
      </c>
      <c r="Y20508">
        <v>7</v>
      </c>
      <c r="Z20508">
        <v>8</v>
      </c>
      <c r="AA20508">
        <v>8</v>
      </c>
      <c r="AB20508">
        <v>8</v>
      </c>
      <c r="AC20508">
        <v>8</v>
      </c>
      <c r="AD20508">
        <v>8</v>
      </c>
      <c r="AE20508">
        <v>8</v>
      </c>
      <c r="AF20508">
        <v>8</v>
      </c>
      <c r="AG20508">
        <v>8</v>
      </c>
      <c r="AH20508">
        <v>8</v>
      </c>
      <c r="AI20508">
        <v>8</v>
      </c>
      <c r="AJ20508">
        <v>8</v>
      </c>
      <c r="AK20508">
        <v>8</v>
      </c>
      <c r="AL20508">
        <v>8</v>
      </c>
      <c r="AM20508">
        <v>8</v>
      </c>
      <c r="AN20508">
        <v>8</v>
      </c>
      <c r="AO20508">
        <v>9</v>
      </c>
      <c r="AP20508">
        <v>9</v>
      </c>
      <c r="AQ20508">
        <v>9</v>
      </c>
    </row>
    <row r="20509" spans="1:43">
      <c r="A20509" t="s">
        <v>12699</v>
      </c>
      <c r="B20509" t="s">
        <v>12700</v>
      </c>
      <c r="C20509" t="s">
        <v>12693</v>
      </c>
      <c r="D20509" t="s">
        <v>12694</v>
      </c>
      <c r="E20509" t="s">
        <v>12580</v>
      </c>
      <c r="F20509" t="s">
        <v>12581</v>
      </c>
      <c r="G20509" t="s">
        <v>12582</v>
      </c>
      <c r="H20509" t="s">
        <v>12581</v>
      </c>
      <c r="I20509" s="2">
        <v>1</v>
      </c>
      <c r="J20509" s="2">
        <v>0</v>
      </c>
      <c r="K20509" s="2">
        <v>0</v>
      </c>
      <c r="L20509" t="s">
        <v>120</v>
      </c>
      <c r="M20509" t="s">
        <v>83</v>
      </c>
      <c r="N20509" t="s">
        <v>91</v>
      </c>
      <c r="O20509" t="s">
        <v>85</v>
      </c>
      <c r="P20509" t="s">
        <v>86</v>
      </c>
      <c r="Q20509">
        <v>6</v>
      </c>
      <c r="R20509">
        <v>6</v>
      </c>
      <c r="S20509">
        <v>6</v>
      </c>
      <c r="T20509">
        <v>7</v>
      </c>
      <c r="U20509">
        <v>7</v>
      </c>
      <c r="V20509">
        <v>7</v>
      </c>
      <c r="W20509">
        <v>7</v>
      </c>
      <c r="X20509">
        <v>7</v>
      </c>
      <c r="Y20509">
        <v>7</v>
      </c>
      <c r="Z20509">
        <v>7</v>
      </c>
      <c r="AA20509">
        <v>7</v>
      </c>
      <c r="AB20509">
        <v>7</v>
      </c>
      <c r="AC20509">
        <v>7</v>
      </c>
      <c r="AD20509">
        <v>8</v>
      </c>
      <c r="AE20509">
        <v>8</v>
      </c>
      <c r="AF20509">
        <v>8</v>
      </c>
      <c r="AG20509">
        <v>8</v>
      </c>
      <c r="AH20509">
        <v>8</v>
      </c>
      <c r="AI20509">
        <v>8</v>
      </c>
      <c r="AJ20509">
        <v>8</v>
      </c>
      <c r="AK20509">
        <v>8</v>
      </c>
      <c r="AL20509">
        <v>8</v>
      </c>
      <c r="AM20509">
        <v>8</v>
      </c>
      <c r="AN20509">
        <v>8</v>
      </c>
      <c r="AO20509">
        <v>8</v>
      </c>
      <c r="AP20509">
        <v>9</v>
      </c>
      <c r="AQ20509">
        <v>9</v>
      </c>
    </row>
    <row r="20510" spans="1:43">
      <c r="A20510" t="s">
        <v>12701</v>
      </c>
      <c r="B20510" t="s">
        <v>12702</v>
      </c>
      <c r="C20510" t="s">
        <v>12693</v>
      </c>
      <c r="D20510" t="s">
        <v>12694</v>
      </c>
      <c r="E20510" t="s">
        <v>12580</v>
      </c>
      <c r="F20510" t="s">
        <v>12581</v>
      </c>
      <c r="G20510" t="s">
        <v>12582</v>
      </c>
      <c r="H20510" t="s">
        <v>12581</v>
      </c>
      <c r="I20510" s="2">
        <v>1</v>
      </c>
      <c r="J20510" s="2">
        <v>0</v>
      </c>
      <c r="K20510" s="2">
        <v>0</v>
      </c>
      <c r="L20510" t="s">
        <v>120</v>
      </c>
      <c r="M20510" t="s">
        <v>83</v>
      </c>
      <c r="N20510" t="s">
        <v>84</v>
      </c>
      <c r="O20510" t="s">
        <v>85</v>
      </c>
      <c r="P20510" t="s">
        <v>86</v>
      </c>
      <c r="Q20510">
        <v>5</v>
      </c>
      <c r="R20510">
        <v>5</v>
      </c>
      <c r="S20510">
        <v>5</v>
      </c>
      <c r="T20510">
        <v>5</v>
      </c>
      <c r="U20510">
        <v>5</v>
      </c>
      <c r="V20510">
        <v>5</v>
      </c>
      <c r="W20510">
        <v>5</v>
      </c>
      <c r="X20510">
        <v>5</v>
      </c>
      <c r="Y20510">
        <v>5</v>
      </c>
      <c r="Z20510">
        <v>5</v>
      </c>
      <c r="AA20510">
        <v>5</v>
      </c>
      <c r="AB20510">
        <v>6</v>
      </c>
      <c r="AC20510">
        <v>6</v>
      </c>
      <c r="AD20510">
        <v>6</v>
      </c>
      <c r="AE20510">
        <v>6</v>
      </c>
      <c r="AF20510">
        <v>6</v>
      </c>
      <c r="AG20510">
        <v>6</v>
      </c>
      <c r="AH20510">
        <v>6</v>
      </c>
      <c r="AI20510">
        <v>6</v>
      </c>
      <c r="AJ20510">
        <v>6</v>
      </c>
      <c r="AK20510">
        <v>6</v>
      </c>
      <c r="AL20510">
        <v>6</v>
      </c>
      <c r="AM20510">
        <v>6</v>
      </c>
      <c r="AN20510">
        <v>6</v>
      </c>
      <c r="AO20510">
        <v>6</v>
      </c>
      <c r="AP20510">
        <v>6</v>
      </c>
      <c r="AQ20510">
        <v>6</v>
      </c>
    </row>
    <row r="20511" spans="1:43">
      <c r="A20511" t="s">
        <v>12701</v>
      </c>
      <c r="B20511" t="s">
        <v>12702</v>
      </c>
      <c r="C20511" t="s">
        <v>12693</v>
      </c>
      <c r="D20511" t="s">
        <v>12694</v>
      </c>
      <c r="E20511" t="s">
        <v>12580</v>
      </c>
      <c r="F20511" t="s">
        <v>12581</v>
      </c>
      <c r="G20511" t="s">
        <v>12582</v>
      </c>
      <c r="H20511" t="s">
        <v>12581</v>
      </c>
      <c r="I20511" s="2">
        <v>1</v>
      </c>
      <c r="J20511" s="2">
        <v>0</v>
      </c>
      <c r="K20511" s="2">
        <v>0</v>
      </c>
      <c r="L20511" t="s">
        <v>120</v>
      </c>
      <c r="M20511" t="s">
        <v>87</v>
      </c>
      <c r="N20511" t="s">
        <v>88</v>
      </c>
      <c r="O20511" t="s">
        <v>85</v>
      </c>
      <c r="P20511" t="s">
        <v>86</v>
      </c>
      <c r="Q20511">
        <v>5</v>
      </c>
      <c r="R20511">
        <v>5</v>
      </c>
      <c r="S20511">
        <v>5</v>
      </c>
      <c r="T20511">
        <v>5</v>
      </c>
      <c r="U20511">
        <v>5</v>
      </c>
      <c r="V20511">
        <v>5</v>
      </c>
      <c r="W20511">
        <v>5</v>
      </c>
      <c r="X20511">
        <v>5</v>
      </c>
      <c r="Y20511">
        <v>5</v>
      </c>
      <c r="Z20511">
        <v>5</v>
      </c>
      <c r="AA20511">
        <v>5</v>
      </c>
      <c r="AB20511">
        <v>5</v>
      </c>
      <c r="AC20511">
        <v>5</v>
      </c>
      <c r="AD20511">
        <v>5</v>
      </c>
      <c r="AE20511">
        <v>5</v>
      </c>
      <c r="AF20511">
        <v>5</v>
      </c>
      <c r="AG20511">
        <v>5</v>
      </c>
      <c r="AH20511">
        <v>5</v>
      </c>
      <c r="AI20511">
        <v>5</v>
      </c>
      <c r="AJ20511">
        <v>5</v>
      </c>
      <c r="AK20511">
        <v>5</v>
      </c>
      <c r="AL20511">
        <v>5</v>
      </c>
      <c r="AM20511">
        <v>5</v>
      </c>
      <c r="AN20511">
        <v>6</v>
      </c>
      <c r="AO20511">
        <v>6</v>
      </c>
      <c r="AP20511">
        <v>6</v>
      </c>
      <c r="AQ20511">
        <v>6</v>
      </c>
    </row>
    <row r="20512" spans="1:43">
      <c r="A20512" t="s">
        <v>12701</v>
      </c>
      <c r="B20512" t="s">
        <v>12702</v>
      </c>
      <c r="C20512" t="s">
        <v>12693</v>
      </c>
      <c r="D20512" t="s">
        <v>12694</v>
      </c>
      <c r="E20512" t="s">
        <v>12580</v>
      </c>
      <c r="F20512" t="s">
        <v>12581</v>
      </c>
      <c r="G20512" t="s">
        <v>12582</v>
      </c>
      <c r="H20512" t="s">
        <v>12581</v>
      </c>
      <c r="I20512" s="2">
        <v>1</v>
      </c>
      <c r="J20512" s="2">
        <v>0</v>
      </c>
      <c r="K20512" s="2">
        <v>0</v>
      </c>
      <c r="L20512" t="s">
        <v>120</v>
      </c>
      <c r="M20512" t="s">
        <v>89</v>
      </c>
      <c r="N20512" t="s">
        <v>90</v>
      </c>
      <c r="O20512" t="s">
        <v>85</v>
      </c>
      <c r="P20512" t="s">
        <v>86</v>
      </c>
      <c r="Q20512">
        <v>5</v>
      </c>
      <c r="R20512">
        <v>5</v>
      </c>
      <c r="S20512">
        <v>5</v>
      </c>
      <c r="T20512">
        <v>5</v>
      </c>
      <c r="U20512">
        <v>5</v>
      </c>
      <c r="V20512">
        <v>5</v>
      </c>
      <c r="W20512">
        <v>5</v>
      </c>
      <c r="X20512">
        <v>5</v>
      </c>
      <c r="Y20512">
        <v>6</v>
      </c>
      <c r="Z20512">
        <v>6</v>
      </c>
      <c r="AA20512">
        <v>6</v>
      </c>
      <c r="AB20512">
        <v>6</v>
      </c>
      <c r="AC20512">
        <v>6</v>
      </c>
      <c r="AD20512">
        <v>6</v>
      </c>
      <c r="AE20512">
        <v>6</v>
      </c>
      <c r="AF20512">
        <v>6</v>
      </c>
      <c r="AG20512">
        <v>6</v>
      </c>
      <c r="AH20512">
        <v>6</v>
      </c>
      <c r="AI20512">
        <v>6</v>
      </c>
      <c r="AJ20512">
        <v>6</v>
      </c>
      <c r="AK20512">
        <v>6</v>
      </c>
      <c r="AL20512">
        <v>6</v>
      </c>
      <c r="AM20512">
        <v>6</v>
      </c>
      <c r="AN20512">
        <v>6</v>
      </c>
      <c r="AO20512">
        <v>6</v>
      </c>
      <c r="AP20512">
        <v>6</v>
      </c>
      <c r="AQ20512">
        <v>6</v>
      </c>
    </row>
    <row r="20513" spans="1:43">
      <c r="A20513" t="s">
        <v>12701</v>
      </c>
      <c r="B20513" t="s">
        <v>12702</v>
      </c>
      <c r="C20513" t="s">
        <v>12693</v>
      </c>
      <c r="D20513" t="s">
        <v>12694</v>
      </c>
      <c r="E20513" t="s">
        <v>12580</v>
      </c>
      <c r="F20513" t="s">
        <v>12581</v>
      </c>
      <c r="G20513" t="s">
        <v>12582</v>
      </c>
      <c r="H20513" t="s">
        <v>12581</v>
      </c>
      <c r="I20513" s="2">
        <v>1</v>
      </c>
      <c r="J20513" s="2">
        <v>0</v>
      </c>
      <c r="K20513" s="2">
        <v>0</v>
      </c>
      <c r="L20513" t="s">
        <v>120</v>
      </c>
      <c r="M20513" t="s">
        <v>83</v>
      </c>
      <c r="N20513" t="s">
        <v>91</v>
      </c>
      <c r="O20513" t="s">
        <v>85</v>
      </c>
      <c r="P20513" t="s">
        <v>86</v>
      </c>
      <c r="Q20513">
        <v>5</v>
      </c>
      <c r="R20513">
        <v>5</v>
      </c>
      <c r="S20513">
        <v>5</v>
      </c>
      <c r="T20513">
        <v>5</v>
      </c>
      <c r="U20513">
        <v>5</v>
      </c>
      <c r="V20513">
        <v>5</v>
      </c>
      <c r="W20513">
        <v>5</v>
      </c>
      <c r="X20513">
        <v>5</v>
      </c>
      <c r="Y20513">
        <v>5</v>
      </c>
      <c r="Z20513">
        <v>5</v>
      </c>
      <c r="AA20513">
        <v>5</v>
      </c>
      <c r="AB20513">
        <v>6</v>
      </c>
      <c r="AC20513">
        <v>6</v>
      </c>
      <c r="AD20513">
        <v>6</v>
      </c>
      <c r="AE20513">
        <v>6</v>
      </c>
      <c r="AF20513">
        <v>6</v>
      </c>
      <c r="AG20513">
        <v>6</v>
      </c>
      <c r="AH20513">
        <v>6</v>
      </c>
      <c r="AI20513">
        <v>6</v>
      </c>
      <c r="AJ20513">
        <v>6</v>
      </c>
      <c r="AK20513">
        <v>6</v>
      </c>
      <c r="AL20513">
        <v>6</v>
      </c>
      <c r="AM20513">
        <v>6</v>
      </c>
      <c r="AN20513">
        <v>6</v>
      </c>
      <c r="AO20513">
        <v>6</v>
      </c>
      <c r="AP20513">
        <v>6</v>
      </c>
      <c r="AQ20513">
        <v>6</v>
      </c>
    </row>
    <row r="20514" spans="1:43">
      <c r="A20514" t="s">
        <v>12703</v>
      </c>
      <c r="B20514" t="s">
        <v>12704</v>
      </c>
      <c r="C20514" t="s">
        <v>12693</v>
      </c>
      <c r="D20514" t="s">
        <v>12694</v>
      </c>
      <c r="E20514" t="s">
        <v>12580</v>
      </c>
      <c r="F20514" t="s">
        <v>12581</v>
      </c>
      <c r="G20514" t="s">
        <v>12582</v>
      </c>
      <c r="H20514" t="s">
        <v>12581</v>
      </c>
      <c r="I20514" s="2">
        <v>1</v>
      </c>
      <c r="J20514" s="2">
        <v>0</v>
      </c>
      <c r="K20514" s="2">
        <v>0</v>
      </c>
      <c r="L20514" t="s">
        <v>120</v>
      </c>
      <c r="M20514" t="s">
        <v>83</v>
      </c>
      <c r="N20514" t="s">
        <v>84</v>
      </c>
      <c r="O20514" t="s">
        <v>85</v>
      </c>
      <c r="P20514" t="s">
        <v>86</v>
      </c>
      <c r="Q20514">
        <v>28</v>
      </c>
      <c r="R20514">
        <v>28</v>
      </c>
      <c r="S20514">
        <v>29</v>
      </c>
      <c r="T20514">
        <v>29</v>
      </c>
      <c r="U20514">
        <v>30</v>
      </c>
      <c r="V20514">
        <v>30</v>
      </c>
      <c r="W20514">
        <v>31</v>
      </c>
      <c r="X20514">
        <v>31</v>
      </c>
      <c r="Y20514">
        <v>32</v>
      </c>
      <c r="Z20514">
        <v>32</v>
      </c>
      <c r="AA20514">
        <v>32</v>
      </c>
      <c r="AB20514">
        <v>33</v>
      </c>
      <c r="AC20514">
        <v>33</v>
      </c>
      <c r="AD20514">
        <v>34</v>
      </c>
      <c r="AE20514">
        <v>34</v>
      </c>
      <c r="AF20514">
        <v>35</v>
      </c>
      <c r="AG20514">
        <v>35</v>
      </c>
      <c r="AH20514">
        <v>36</v>
      </c>
      <c r="AI20514">
        <v>36</v>
      </c>
      <c r="AJ20514">
        <v>37</v>
      </c>
      <c r="AK20514">
        <v>37</v>
      </c>
      <c r="AL20514">
        <v>37</v>
      </c>
      <c r="AM20514">
        <v>38</v>
      </c>
      <c r="AN20514">
        <v>38</v>
      </c>
      <c r="AO20514">
        <v>38</v>
      </c>
      <c r="AP20514">
        <v>38</v>
      </c>
      <c r="AQ20514">
        <v>38</v>
      </c>
    </row>
    <row r="20515" spans="1:43">
      <c r="A20515" t="s">
        <v>12703</v>
      </c>
      <c r="B20515" t="s">
        <v>12704</v>
      </c>
      <c r="C20515" t="s">
        <v>12693</v>
      </c>
      <c r="D20515" t="s">
        <v>12694</v>
      </c>
      <c r="E20515" t="s">
        <v>12580</v>
      </c>
      <c r="F20515" t="s">
        <v>12581</v>
      </c>
      <c r="G20515" t="s">
        <v>12582</v>
      </c>
      <c r="H20515" t="s">
        <v>12581</v>
      </c>
      <c r="I20515" s="2">
        <v>1</v>
      </c>
      <c r="J20515" s="2">
        <v>0</v>
      </c>
      <c r="K20515" s="2">
        <v>0</v>
      </c>
      <c r="L20515" t="s">
        <v>120</v>
      </c>
      <c r="M20515" t="s">
        <v>87</v>
      </c>
      <c r="N20515" t="s">
        <v>88</v>
      </c>
      <c r="O20515" t="s">
        <v>85</v>
      </c>
      <c r="P20515" t="s">
        <v>86</v>
      </c>
      <c r="Q20515">
        <v>28</v>
      </c>
      <c r="R20515">
        <v>28</v>
      </c>
      <c r="S20515">
        <v>28</v>
      </c>
      <c r="T20515">
        <v>28</v>
      </c>
      <c r="U20515">
        <v>28</v>
      </c>
      <c r="V20515">
        <v>29</v>
      </c>
      <c r="W20515">
        <v>29</v>
      </c>
      <c r="X20515">
        <v>29</v>
      </c>
      <c r="Y20515">
        <v>29</v>
      </c>
      <c r="Z20515">
        <v>29</v>
      </c>
      <c r="AA20515">
        <v>30</v>
      </c>
      <c r="AB20515">
        <v>30</v>
      </c>
      <c r="AC20515">
        <v>30</v>
      </c>
      <c r="AD20515">
        <v>30</v>
      </c>
      <c r="AE20515">
        <v>31</v>
      </c>
      <c r="AF20515">
        <v>31</v>
      </c>
      <c r="AG20515">
        <v>31</v>
      </c>
      <c r="AH20515">
        <v>31</v>
      </c>
      <c r="AI20515">
        <v>31</v>
      </c>
      <c r="AJ20515">
        <v>32</v>
      </c>
      <c r="AK20515">
        <v>32</v>
      </c>
      <c r="AL20515">
        <v>32</v>
      </c>
      <c r="AM20515">
        <v>32</v>
      </c>
      <c r="AN20515">
        <v>33</v>
      </c>
      <c r="AO20515">
        <v>33</v>
      </c>
      <c r="AP20515">
        <v>33</v>
      </c>
      <c r="AQ20515">
        <v>33</v>
      </c>
    </row>
    <row r="20516" spans="1:43">
      <c r="A20516" t="s">
        <v>12703</v>
      </c>
      <c r="B20516" t="s">
        <v>12704</v>
      </c>
      <c r="C20516" t="s">
        <v>12693</v>
      </c>
      <c r="D20516" t="s">
        <v>12694</v>
      </c>
      <c r="E20516" t="s">
        <v>12580</v>
      </c>
      <c r="F20516" t="s">
        <v>12581</v>
      </c>
      <c r="G20516" t="s">
        <v>12582</v>
      </c>
      <c r="H20516" t="s">
        <v>12581</v>
      </c>
      <c r="I20516" s="2">
        <v>1</v>
      </c>
      <c r="J20516" s="2">
        <v>0</v>
      </c>
      <c r="K20516" s="2">
        <v>0</v>
      </c>
      <c r="L20516" t="s">
        <v>120</v>
      </c>
      <c r="M20516" t="s">
        <v>89</v>
      </c>
      <c r="N20516" t="s">
        <v>90</v>
      </c>
      <c r="O20516" t="s">
        <v>85</v>
      </c>
      <c r="P20516" t="s">
        <v>86</v>
      </c>
      <c r="Q20516">
        <v>28</v>
      </c>
      <c r="R20516">
        <v>29</v>
      </c>
      <c r="S20516">
        <v>30</v>
      </c>
      <c r="T20516">
        <v>30</v>
      </c>
      <c r="U20516">
        <v>31</v>
      </c>
      <c r="V20516">
        <v>32</v>
      </c>
      <c r="W20516">
        <v>32</v>
      </c>
      <c r="X20516">
        <v>33</v>
      </c>
      <c r="Y20516">
        <v>33</v>
      </c>
      <c r="Z20516">
        <v>34</v>
      </c>
      <c r="AA20516">
        <v>35</v>
      </c>
      <c r="AB20516">
        <v>35</v>
      </c>
      <c r="AC20516">
        <v>36</v>
      </c>
      <c r="AD20516">
        <v>36</v>
      </c>
      <c r="AE20516">
        <v>37</v>
      </c>
      <c r="AF20516">
        <v>37</v>
      </c>
      <c r="AG20516">
        <v>37</v>
      </c>
      <c r="AH20516">
        <v>37</v>
      </c>
      <c r="AI20516">
        <v>37</v>
      </c>
      <c r="AJ20516">
        <v>37</v>
      </c>
      <c r="AK20516">
        <v>38</v>
      </c>
      <c r="AL20516">
        <v>38</v>
      </c>
      <c r="AM20516">
        <v>38</v>
      </c>
      <c r="AN20516">
        <v>38</v>
      </c>
      <c r="AO20516">
        <v>38</v>
      </c>
      <c r="AP20516">
        <v>38</v>
      </c>
      <c r="AQ20516">
        <v>39</v>
      </c>
    </row>
    <row r="20517" spans="1:43">
      <c r="A20517" t="s">
        <v>12703</v>
      </c>
      <c r="B20517" t="s">
        <v>12704</v>
      </c>
      <c r="C20517" t="s">
        <v>12693</v>
      </c>
      <c r="D20517" t="s">
        <v>12694</v>
      </c>
      <c r="E20517" t="s">
        <v>12580</v>
      </c>
      <c r="F20517" t="s">
        <v>12581</v>
      </c>
      <c r="G20517" t="s">
        <v>12582</v>
      </c>
      <c r="H20517" t="s">
        <v>12581</v>
      </c>
      <c r="I20517" s="2">
        <v>1</v>
      </c>
      <c r="J20517" s="2">
        <v>0</v>
      </c>
      <c r="K20517" s="2">
        <v>0</v>
      </c>
      <c r="L20517" t="s">
        <v>120</v>
      </c>
      <c r="M20517" t="s">
        <v>83</v>
      </c>
      <c r="N20517" t="s">
        <v>91</v>
      </c>
      <c r="O20517" t="s">
        <v>85</v>
      </c>
      <c r="P20517" t="s">
        <v>86</v>
      </c>
      <c r="Q20517">
        <v>28</v>
      </c>
      <c r="R20517">
        <v>28</v>
      </c>
      <c r="S20517">
        <v>29</v>
      </c>
      <c r="T20517">
        <v>29</v>
      </c>
      <c r="U20517">
        <v>30</v>
      </c>
      <c r="V20517">
        <v>30</v>
      </c>
      <c r="W20517">
        <v>31</v>
      </c>
      <c r="X20517">
        <v>31</v>
      </c>
      <c r="Y20517">
        <v>32</v>
      </c>
      <c r="Z20517">
        <v>32</v>
      </c>
      <c r="AA20517">
        <v>32</v>
      </c>
      <c r="AB20517">
        <v>33</v>
      </c>
      <c r="AC20517">
        <v>33</v>
      </c>
      <c r="AD20517">
        <v>34</v>
      </c>
      <c r="AE20517">
        <v>34</v>
      </c>
      <c r="AF20517">
        <v>35</v>
      </c>
      <c r="AG20517">
        <v>35</v>
      </c>
      <c r="AH20517">
        <v>36</v>
      </c>
      <c r="AI20517">
        <v>36</v>
      </c>
      <c r="AJ20517">
        <v>37</v>
      </c>
      <c r="AK20517">
        <v>37</v>
      </c>
      <c r="AL20517">
        <v>37</v>
      </c>
      <c r="AM20517">
        <v>38</v>
      </c>
      <c r="AN20517">
        <v>38</v>
      </c>
      <c r="AO20517">
        <v>38</v>
      </c>
      <c r="AP20517">
        <v>38</v>
      </c>
      <c r="AQ20517">
        <v>38</v>
      </c>
    </row>
    <row r="20518" spans="1:43">
      <c r="A20518" t="s">
        <v>12705</v>
      </c>
      <c r="B20518" t="s">
        <v>12706</v>
      </c>
      <c r="C20518" t="s">
        <v>12707</v>
      </c>
      <c r="D20518" t="s">
        <v>12708</v>
      </c>
      <c r="E20518" t="s">
        <v>12580</v>
      </c>
      <c r="F20518" t="s">
        <v>12581</v>
      </c>
      <c r="G20518" t="s">
        <v>12582</v>
      </c>
      <c r="H20518" t="s">
        <v>12581</v>
      </c>
      <c r="I20518" s="2">
        <v>1</v>
      </c>
      <c r="J20518" s="2">
        <v>0</v>
      </c>
      <c r="K20518" s="2">
        <v>0</v>
      </c>
      <c r="L20518" t="s">
        <v>120</v>
      </c>
      <c r="M20518" t="s">
        <v>83</v>
      </c>
      <c r="N20518" t="s">
        <v>84</v>
      </c>
      <c r="O20518" t="s">
        <v>85</v>
      </c>
      <c r="P20518" t="s">
        <v>86</v>
      </c>
      <c r="Q20518">
        <v>9</v>
      </c>
      <c r="R20518">
        <v>9</v>
      </c>
      <c r="S20518">
        <v>9</v>
      </c>
      <c r="T20518">
        <v>9</v>
      </c>
      <c r="U20518">
        <v>9</v>
      </c>
      <c r="V20518">
        <v>10</v>
      </c>
      <c r="W20518">
        <v>10</v>
      </c>
      <c r="X20518">
        <v>10</v>
      </c>
      <c r="Y20518">
        <v>10</v>
      </c>
      <c r="Z20518">
        <v>10</v>
      </c>
      <c r="AA20518">
        <v>10</v>
      </c>
      <c r="AB20518">
        <v>11</v>
      </c>
      <c r="AC20518">
        <v>11</v>
      </c>
      <c r="AD20518">
        <v>11</v>
      </c>
      <c r="AE20518">
        <v>11</v>
      </c>
      <c r="AF20518">
        <v>11</v>
      </c>
      <c r="AG20518">
        <v>11</v>
      </c>
      <c r="AH20518">
        <v>12</v>
      </c>
      <c r="AI20518">
        <v>12</v>
      </c>
      <c r="AJ20518">
        <v>12</v>
      </c>
      <c r="AK20518">
        <v>12</v>
      </c>
      <c r="AL20518">
        <v>12</v>
      </c>
      <c r="AM20518">
        <v>12</v>
      </c>
      <c r="AN20518">
        <v>12</v>
      </c>
      <c r="AO20518">
        <v>12</v>
      </c>
      <c r="AP20518">
        <v>12</v>
      </c>
      <c r="AQ20518">
        <v>12</v>
      </c>
    </row>
    <row r="20519" spans="1:43">
      <c r="A20519" t="s">
        <v>12705</v>
      </c>
      <c r="B20519" t="s">
        <v>12706</v>
      </c>
      <c r="C20519" t="s">
        <v>12707</v>
      </c>
      <c r="D20519" t="s">
        <v>12708</v>
      </c>
      <c r="E20519" t="s">
        <v>12580</v>
      </c>
      <c r="F20519" t="s">
        <v>12581</v>
      </c>
      <c r="G20519" t="s">
        <v>12582</v>
      </c>
      <c r="H20519" t="s">
        <v>12581</v>
      </c>
      <c r="I20519" s="2">
        <v>1</v>
      </c>
      <c r="J20519" s="2">
        <v>0</v>
      </c>
      <c r="K20519" s="2">
        <v>0</v>
      </c>
      <c r="L20519" t="s">
        <v>120</v>
      </c>
      <c r="M20519" t="s">
        <v>87</v>
      </c>
      <c r="N20519" t="s">
        <v>88</v>
      </c>
      <c r="O20519" t="s">
        <v>85</v>
      </c>
      <c r="P20519" t="s">
        <v>86</v>
      </c>
      <c r="Q20519">
        <v>9</v>
      </c>
      <c r="R20519">
        <v>9</v>
      </c>
      <c r="S20519">
        <v>9</v>
      </c>
      <c r="T20519">
        <v>9</v>
      </c>
      <c r="U20519">
        <v>9</v>
      </c>
      <c r="V20519">
        <v>9</v>
      </c>
      <c r="W20519">
        <v>9</v>
      </c>
      <c r="X20519">
        <v>9</v>
      </c>
      <c r="Y20519">
        <v>9</v>
      </c>
      <c r="Z20519">
        <v>9</v>
      </c>
      <c r="AA20519">
        <v>9</v>
      </c>
      <c r="AB20519">
        <v>10</v>
      </c>
      <c r="AC20519">
        <v>10</v>
      </c>
      <c r="AD20519">
        <v>10</v>
      </c>
      <c r="AE20519">
        <v>10</v>
      </c>
      <c r="AF20519">
        <v>10</v>
      </c>
      <c r="AG20519">
        <v>10</v>
      </c>
      <c r="AH20519">
        <v>10</v>
      </c>
      <c r="AI20519">
        <v>10</v>
      </c>
      <c r="AJ20519">
        <v>10</v>
      </c>
      <c r="AK20519">
        <v>10</v>
      </c>
      <c r="AL20519">
        <v>10</v>
      </c>
      <c r="AM20519">
        <v>10</v>
      </c>
      <c r="AN20519">
        <v>11</v>
      </c>
      <c r="AO20519">
        <v>11</v>
      </c>
      <c r="AP20519">
        <v>11</v>
      </c>
      <c r="AQ20519">
        <v>11</v>
      </c>
    </row>
    <row r="20520" spans="1:43">
      <c r="A20520" t="s">
        <v>12705</v>
      </c>
      <c r="B20520" t="s">
        <v>12706</v>
      </c>
      <c r="C20520" t="s">
        <v>12707</v>
      </c>
      <c r="D20520" t="s">
        <v>12708</v>
      </c>
      <c r="E20520" t="s">
        <v>12580</v>
      </c>
      <c r="F20520" t="s">
        <v>12581</v>
      </c>
      <c r="G20520" t="s">
        <v>12582</v>
      </c>
      <c r="H20520" t="s">
        <v>12581</v>
      </c>
      <c r="I20520" s="2">
        <v>1</v>
      </c>
      <c r="J20520" s="2">
        <v>0</v>
      </c>
      <c r="K20520" s="2">
        <v>0</v>
      </c>
      <c r="L20520" t="s">
        <v>120</v>
      </c>
      <c r="M20520" t="s">
        <v>89</v>
      </c>
      <c r="N20520" t="s">
        <v>90</v>
      </c>
      <c r="O20520" t="s">
        <v>85</v>
      </c>
      <c r="P20520" t="s">
        <v>86</v>
      </c>
      <c r="Q20520">
        <v>9</v>
      </c>
      <c r="R20520">
        <v>9</v>
      </c>
      <c r="S20520">
        <v>9</v>
      </c>
      <c r="T20520">
        <v>10</v>
      </c>
      <c r="U20520">
        <v>10</v>
      </c>
      <c r="V20520">
        <v>10</v>
      </c>
      <c r="W20520">
        <v>10</v>
      </c>
      <c r="X20520">
        <v>10</v>
      </c>
      <c r="Y20520">
        <v>11</v>
      </c>
      <c r="Z20520">
        <v>11</v>
      </c>
      <c r="AA20520">
        <v>11</v>
      </c>
      <c r="AB20520">
        <v>11</v>
      </c>
      <c r="AC20520">
        <v>11</v>
      </c>
      <c r="AD20520">
        <v>12</v>
      </c>
      <c r="AE20520">
        <v>12</v>
      </c>
      <c r="AF20520">
        <v>12</v>
      </c>
      <c r="AG20520">
        <v>12</v>
      </c>
      <c r="AH20520">
        <v>12</v>
      </c>
      <c r="AI20520">
        <v>12</v>
      </c>
      <c r="AJ20520">
        <v>12</v>
      </c>
      <c r="AK20520">
        <v>12</v>
      </c>
      <c r="AL20520">
        <v>12</v>
      </c>
      <c r="AM20520">
        <v>12</v>
      </c>
      <c r="AN20520">
        <v>12</v>
      </c>
      <c r="AO20520">
        <v>12</v>
      </c>
      <c r="AP20520">
        <v>13</v>
      </c>
      <c r="AQ20520">
        <v>13</v>
      </c>
    </row>
    <row r="20521" spans="1:43">
      <c r="A20521" t="s">
        <v>12705</v>
      </c>
      <c r="B20521" t="s">
        <v>12706</v>
      </c>
      <c r="C20521" t="s">
        <v>12707</v>
      </c>
      <c r="D20521" t="s">
        <v>12708</v>
      </c>
      <c r="E20521" t="s">
        <v>12580</v>
      </c>
      <c r="F20521" t="s">
        <v>12581</v>
      </c>
      <c r="G20521" t="s">
        <v>12582</v>
      </c>
      <c r="H20521" t="s">
        <v>12581</v>
      </c>
      <c r="I20521" s="2">
        <v>1</v>
      </c>
      <c r="J20521" s="2">
        <v>0</v>
      </c>
      <c r="K20521" s="2">
        <v>0</v>
      </c>
      <c r="L20521" t="s">
        <v>120</v>
      </c>
      <c r="M20521" t="s">
        <v>83</v>
      </c>
      <c r="N20521" t="s">
        <v>91</v>
      </c>
      <c r="O20521" t="s">
        <v>85</v>
      </c>
      <c r="P20521" t="s">
        <v>86</v>
      </c>
      <c r="Q20521">
        <v>9</v>
      </c>
      <c r="R20521">
        <v>9</v>
      </c>
      <c r="S20521">
        <v>9</v>
      </c>
      <c r="T20521">
        <v>9</v>
      </c>
      <c r="U20521">
        <v>9</v>
      </c>
      <c r="V20521">
        <v>10</v>
      </c>
      <c r="W20521">
        <v>10</v>
      </c>
      <c r="X20521">
        <v>10</v>
      </c>
      <c r="Y20521">
        <v>10</v>
      </c>
      <c r="Z20521">
        <v>10</v>
      </c>
      <c r="AA20521">
        <v>10</v>
      </c>
      <c r="AB20521">
        <v>11</v>
      </c>
      <c r="AC20521">
        <v>11</v>
      </c>
      <c r="AD20521">
        <v>11</v>
      </c>
      <c r="AE20521">
        <v>11</v>
      </c>
      <c r="AF20521">
        <v>11</v>
      </c>
      <c r="AG20521">
        <v>11</v>
      </c>
      <c r="AH20521">
        <v>12</v>
      </c>
      <c r="AI20521">
        <v>12</v>
      </c>
      <c r="AJ20521">
        <v>12</v>
      </c>
      <c r="AK20521">
        <v>12</v>
      </c>
      <c r="AL20521">
        <v>12</v>
      </c>
      <c r="AM20521">
        <v>12</v>
      </c>
      <c r="AN20521">
        <v>12</v>
      </c>
      <c r="AO20521">
        <v>12</v>
      </c>
      <c r="AP20521">
        <v>12</v>
      </c>
      <c r="AQ20521">
        <v>12</v>
      </c>
    </row>
    <row r="20522" spans="1:43">
      <c r="A20522" t="s">
        <v>12709</v>
      </c>
      <c r="B20522" t="s">
        <v>12710</v>
      </c>
      <c r="C20522" t="s">
        <v>12707</v>
      </c>
      <c r="D20522" t="s">
        <v>12708</v>
      </c>
      <c r="E20522" t="s">
        <v>12580</v>
      </c>
      <c r="F20522" t="s">
        <v>12581</v>
      </c>
      <c r="G20522" t="s">
        <v>12582</v>
      </c>
      <c r="H20522" t="s">
        <v>12581</v>
      </c>
      <c r="I20522" s="2">
        <v>1</v>
      </c>
      <c r="J20522" s="2">
        <v>0</v>
      </c>
      <c r="K20522" s="2">
        <v>0</v>
      </c>
      <c r="L20522" t="s">
        <v>120</v>
      </c>
      <c r="M20522" t="s">
        <v>83</v>
      </c>
      <c r="N20522" t="s">
        <v>84</v>
      </c>
      <c r="O20522" t="s">
        <v>85</v>
      </c>
      <c r="P20522" t="s">
        <v>86</v>
      </c>
      <c r="Q20522">
        <v>37</v>
      </c>
      <c r="R20522">
        <v>38</v>
      </c>
      <c r="S20522">
        <v>39</v>
      </c>
      <c r="T20522">
        <v>39</v>
      </c>
      <c r="U20522">
        <v>40</v>
      </c>
      <c r="V20522">
        <v>41</v>
      </c>
      <c r="W20522">
        <v>41</v>
      </c>
      <c r="X20522">
        <v>42</v>
      </c>
      <c r="Y20522">
        <v>43</v>
      </c>
      <c r="Z20522">
        <v>43</v>
      </c>
      <c r="AA20522">
        <v>44</v>
      </c>
      <c r="AB20522">
        <v>45</v>
      </c>
      <c r="AC20522">
        <v>45</v>
      </c>
      <c r="AD20522">
        <v>46</v>
      </c>
      <c r="AE20522">
        <v>47</v>
      </c>
      <c r="AF20522">
        <v>47</v>
      </c>
      <c r="AG20522">
        <v>48</v>
      </c>
      <c r="AH20522">
        <v>49</v>
      </c>
      <c r="AI20522">
        <v>49</v>
      </c>
      <c r="AJ20522">
        <v>50</v>
      </c>
      <c r="AK20522">
        <v>51</v>
      </c>
      <c r="AL20522">
        <v>51</v>
      </c>
      <c r="AM20522">
        <v>51</v>
      </c>
      <c r="AN20522">
        <v>52</v>
      </c>
      <c r="AO20522">
        <v>52</v>
      </c>
      <c r="AP20522">
        <v>52</v>
      </c>
      <c r="AQ20522">
        <v>53</v>
      </c>
    </row>
    <row r="20523" spans="1:43">
      <c r="A20523" t="s">
        <v>12709</v>
      </c>
      <c r="B20523" t="s">
        <v>12710</v>
      </c>
      <c r="C20523" t="s">
        <v>12707</v>
      </c>
      <c r="D20523" t="s">
        <v>12708</v>
      </c>
      <c r="E20523" t="s">
        <v>12580</v>
      </c>
      <c r="F20523" t="s">
        <v>12581</v>
      </c>
      <c r="G20523" t="s">
        <v>12582</v>
      </c>
      <c r="H20523" t="s">
        <v>12581</v>
      </c>
      <c r="I20523" s="2">
        <v>1</v>
      </c>
      <c r="J20523" s="2">
        <v>0</v>
      </c>
      <c r="K20523" s="2">
        <v>0</v>
      </c>
      <c r="L20523" t="s">
        <v>120</v>
      </c>
      <c r="M20523" t="s">
        <v>87</v>
      </c>
      <c r="N20523" t="s">
        <v>88</v>
      </c>
      <c r="O20523" t="s">
        <v>85</v>
      </c>
      <c r="P20523" t="s">
        <v>86</v>
      </c>
      <c r="Q20523">
        <v>37</v>
      </c>
      <c r="R20523">
        <v>37</v>
      </c>
      <c r="S20523">
        <v>38</v>
      </c>
      <c r="T20523">
        <v>38</v>
      </c>
      <c r="U20523">
        <v>38</v>
      </c>
      <c r="V20523">
        <v>39</v>
      </c>
      <c r="W20523">
        <v>39</v>
      </c>
      <c r="X20523">
        <v>39</v>
      </c>
      <c r="Y20523">
        <v>40</v>
      </c>
      <c r="Z20523">
        <v>40</v>
      </c>
      <c r="AA20523">
        <v>40</v>
      </c>
      <c r="AB20523">
        <v>40</v>
      </c>
      <c r="AC20523">
        <v>41</v>
      </c>
      <c r="AD20523">
        <v>41</v>
      </c>
      <c r="AE20523">
        <v>41</v>
      </c>
      <c r="AF20523">
        <v>42</v>
      </c>
      <c r="AG20523">
        <v>42</v>
      </c>
      <c r="AH20523">
        <v>42</v>
      </c>
      <c r="AI20523">
        <v>43</v>
      </c>
      <c r="AJ20523">
        <v>43</v>
      </c>
      <c r="AK20523">
        <v>43</v>
      </c>
      <c r="AL20523">
        <v>44</v>
      </c>
      <c r="AM20523">
        <v>44</v>
      </c>
      <c r="AN20523">
        <v>45</v>
      </c>
      <c r="AO20523">
        <v>45</v>
      </c>
      <c r="AP20523">
        <v>45</v>
      </c>
      <c r="AQ20523">
        <v>46</v>
      </c>
    </row>
    <row r="20524" spans="1:43">
      <c r="A20524" t="s">
        <v>12709</v>
      </c>
      <c r="B20524" t="s">
        <v>12710</v>
      </c>
      <c r="C20524" t="s">
        <v>12707</v>
      </c>
      <c r="D20524" t="s">
        <v>12708</v>
      </c>
      <c r="E20524" t="s">
        <v>12580</v>
      </c>
      <c r="F20524" t="s">
        <v>12581</v>
      </c>
      <c r="G20524" t="s">
        <v>12582</v>
      </c>
      <c r="H20524" t="s">
        <v>12581</v>
      </c>
      <c r="I20524" s="2">
        <v>1</v>
      </c>
      <c r="J20524" s="2">
        <v>0</v>
      </c>
      <c r="K20524" s="2">
        <v>0</v>
      </c>
      <c r="L20524" t="s">
        <v>120</v>
      </c>
      <c r="M20524" t="s">
        <v>89</v>
      </c>
      <c r="N20524" t="s">
        <v>90</v>
      </c>
      <c r="O20524" t="s">
        <v>85</v>
      </c>
      <c r="P20524" t="s">
        <v>86</v>
      </c>
      <c r="Q20524">
        <v>37</v>
      </c>
      <c r="R20524">
        <v>38</v>
      </c>
      <c r="S20524">
        <v>39</v>
      </c>
      <c r="T20524">
        <v>40</v>
      </c>
      <c r="U20524">
        <v>41</v>
      </c>
      <c r="V20524">
        <v>42</v>
      </c>
      <c r="W20524">
        <v>42</v>
      </c>
      <c r="X20524">
        <v>43</v>
      </c>
      <c r="Y20524">
        <v>44</v>
      </c>
      <c r="Z20524">
        <v>45</v>
      </c>
      <c r="AA20524">
        <v>46</v>
      </c>
      <c r="AB20524">
        <v>47</v>
      </c>
      <c r="AC20524">
        <v>47</v>
      </c>
      <c r="AD20524">
        <v>48</v>
      </c>
      <c r="AE20524">
        <v>49</v>
      </c>
      <c r="AF20524">
        <v>49</v>
      </c>
      <c r="AG20524">
        <v>49</v>
      </c>
      <c r="AH20524">
        <v>50</v>
      </c>
      <c r="AI20524">
        <v>50</v>
      </c>
      <c r="AJ20524">
        <v>50</v>
      </c>
      <c r="AK20524">
        <v>51</v>
      </c>
      <c r="AL20524">
        <v>51</v>
      </c>
      <c r="AM20524">
        <v>51</v>
      </c>
      <c r="AN20524">
        <v>51</v>
      </c>
      <c r="AO20524">
        <v>52</v>
      </c>
      <c r="AP20524">
        <v>52</v>
      </c>
      <c r="AQ20524">
        <v>52</v>
      </c>
    </row>
    <row r="20525" spans="1:43">
      <c r="A20525" t="s">
        <v>12709</v>
      </c>
      <c r="B20525" t="s">
        <v>12710</v>
      </c>
      <c r="C20525" t="s">
        <v>12707</v>
      </c>
      <c r="D20525" t="s">
        <v>12708</v>
      </c>
      <c r="E20525" t="s">
        <v>12580</v>
      </c>
      <c r="F20525" t="s">
        <v>12581</v>
      </c>
      <c r="G20525" t="s">
        <v>12582</v>
      </c>
      <c r="H20525" t="s">
        <v>12581</v>
      </c>
      <c r="I20525" s="2">
        <v>1</v>
      </c>
      <c r="J20525" s="2">
        <v>0</v>
      </c>
      <c r="K20525" s="2">
        <v>0</v>
      </c>
      <c r="L20525" t="s">
        <v>120</v>
      </c>
      <c r="M20525" t="s">
        <v>83</v>
      </c>
      <c r="N20525" t="s">
        <v>91</v>
      </c>
      <c r="O20525" t="s">
        <v>85</v>
      </c>
      <c r="P20525" t="s">
        <v>86</v>
      </c>
      <c r="Q20525">
        <v>37</v>
      </c>
      <c r="R20525">
        <v>38</v>
      </c>
      <c r="S20525">
        <v>39</v>
      </c>
      <c r="T20525">
        <v>39</v>
      </c>
      <c r="U20525">
        <v>40</v>
      </c>
      <c r="V20525">
        <v>41</v>
      </c>
      <c r="W20525">
        <v>41</v>
      </c>
      <c r="X20525">
        <v>42</v>
      </c>
      <c r="Y20525">
        <v>43</v>
      </c>
      <c r="Z20525">
        <v>43</v>
      </c>
      <c r="AA20525">
        <v>44</v>
      </c>
      <c r="AB20525">
        <v>45</v>
      </c>
      <c r="AC20525">
        <v>45</v>
      </c>
      <c r="AD20525">
        <v>46</v>
      </c>
      <c r="AE20525">
        <v>47</v>
      </c>
      <c r="AF20525">
        <v>47</v>
      </c>
      <c r="AG20525">
        <v>48</v>
      </c>
      <c r="AH20525">
        <v>49</v>
      </c>
      <c r="AI20525">
        <v>49</v>
      </c>
      <c r="AJ20525">
        <v>50</v>
      </c>
      <c r="AK20525">
        <v>51</v>
      </c>
      <c r="AL20525">
        <v>51</v>
      </c>
      <c r="AM20525">
        <v>51</v>
      </c>
      <c r="AN20525">
        <v>52</v>
      </c>
      <c r="AO20525">
        <v>52</v>
      </c>
      <c r="AP20525">
        <v>52</v>
      </c>
      <c r="AQ20525">
        <v>53</v>
      </c>
    </row>
    <row r="20526" spans="1:43">
      <c r="A20526" t="s">
        <v>12711</v>
      </c>
      <c r="B20526" t="s">
        <v>12712</v>
      </c>
      <c r="C20526" t="s">
        <v>12707</v>
      </c>
      <c r="D20526" t="s">
        <v>12708</v>
      </c>
      <c r="E20526" t="s">
        <v>12580</v>
      </c>
      <c r="F20526" t="s">
        <v>12581</v>
      </c>
      <c r="G20526" t="s">
        <v>12582</v>
      </c>
      <c r="H20526" t="s">
        <v>12581</v>
      </c>
      <c r="I20526" s="2">
        <v>1</v>
      </c>
      <c r="J20526" s="2">
        <v>0</v>
      </c>
      <c r="K20526" s="2">
        <v>0</v>
      </c>
      <c r="L20526" t="s">
        <v>120</v>
      </c>
      <c r="M20526" t="s">
        <v>83</v>
      </c>
      <c r="N20526" t="s">
        <v>84</v>
      </c>
      <c r="O20526" t="s">
        <v>85</v>
      </c>
      <c r="P20526" t="s">
        <v>86</v>
      </c>
      <c r="Q20526">
        <v>39</v>
      </c>
      <c r="R20526">
        <v>39</v>
      </c>
      <c r="S20526">
        <v>40</v>
      </c>
      <c r="T20526">
        <v>41</v>
      </c>
      <c r="U20526">
        <v>41</v>
      </c>
      <c r="V20526">
        <v>42</v>
      </c>
      <c r="W20526">
        <v>43</v>
      </c>
      <c r="X20526">
        <v>43</v>
      </c>
      <c r="Y20526">
        <v>44</v>
      </c>
      <c r="Z20526">
        <v>45</v>
      </c>
      <c r="AA20526">
        <v>45</v>
      </c>
      <c r="AB20526">
        <v>46</v>
      </c>
      <c r="AC20526">
        <v>47</v>
      </c>
      <c r="AD20526">
        <v>47</v>
      </c>
      <c r="AE20526">
        <v>48</v>
      </c>
      <c r="AF20526">
        <v>49</v>
      </c>
      <c r="AG20526">
        <v>49</v>
      </c>
      <c r="AH20526">
        <v>50</v>
      </c>
      <c r="AI20526">
        <v>51</v>
      </c>
      <c r="AJ20526">
        <v>52</v>
      </c>
      <c r="AK20526">
        <v>52</v>
      </c>
      <c r="AL20526">
        <v>53</v>
      </c>
      <c r="AM20526">
        <v>53</v>
      </c>
      <c r="AN20526">
        <v>53</v>
      </c>
      <c r="AO20526">
        <v>54</v>
      </c>
      <c r="AP20526">
        <v>54</v>
      </c>
      <c r="AQ20526">
        <v>54</v>
      </c>
    </row>
    <row r="20527" spans="1:43">
      <c r="A20527" t="s">
        <v>12711</v>
      </c>
      <c r="B20527" t="s">
        <v>12712</v>
      </c>
      <c r="C20527" t="s">
        <v>12707</v>
      </c>
      <c r="D20527" t="s">
        <v>12708</v>
      </c>
      <c r="E20527" t="s">
        <v>12580</v>
      </c>
      <c r="F20527" t="s">
        <v>12581</v>
      </c>
      <c r="G20527" t="s">
        <v>12582</v>
      </c>
      <c r="H20527" t="s">
        <v>12581</v>
      </c>
      <c r="I20527" s="2">
        <v>1</v>
      </c>
      <c r="J20527" s="2">
        <v>0</v>
      </c>
      <c r="K20527" s="2">
        <v>0</v>
      </c>
      <c r="L20527" t="s">
        <v>120</v>
      </c>
      <c r="M20527" t="s">
        <v>87</v>
      </c>
      <c r="N20527" t="s">
        <v>88</v>
      </c>
      <c r="O20527" t="s">
        <v>85</v>
      </c>
      <c r="P20527" t="s">
        <v>86</v>
      </c>
      <c r="Q20527">
        <v>39</v>
      </c>
      <c r="R20527">
        <v>40</v>
      </c>
      <c r="S20527">
        <v>40</v>
      </c>
      <c r="T20527">
        <v>40</v>
      </c>
      <c r="U20527">
        <v>41</v>
      </c>
      <c r="V20527">
        <v>41</v>
      </c>
      <c r="W20527">
        <v>41</v>
      </c>
      <c r="X20527">
        <v>41</v>
      </c>
      <c r="Y20527">
        <v>42</v>
      </c>
      <c r="Z20527">
        <v>42</v>
      </c>
      <c r="AA20527">
        <v>42</v>
      </c>
      <c r="AB20527">
        <v>43</v>
      </c>
      <c r="AC20527">
        <v>43</v>
      </c>
      <c r="AD20527">
        <v>43</v>
      </c>
      <c r="AE20527">
        <v>44</v>
      </c>
      <c r="AF20527">
        <v>44</v>
      </c>
      <c r="AG20527">
        <v>44</v>
      </c>
      <c r="AH20527">
        <v>45</v>
      </c>
      <c r="AI20527">
        <v>45</v>
      </c>
      <c r="AJ20527">
        <v>45</v>
      </c>
      <c r="AK20527">
        <v>46</v>
      </c>
      <c r="AL20527">
        <v>46</v>
      </c>
      <c r="AM20527">
        <v>47</v>
      </c>
      <c r="AN20527">
        <v>47</v>
      </c>
      <c r="AO20527">
        <v>47</v>
      </c>
      <c r="AP20527">
        <v>48</v>
      </c>
      <c r="AQ20527">
        <v>48</v>
      </c>
    </row>
    <row r="20528" spans="1:43">
      <c r="A20528" t="s">
        <v>12711</v>
      </c>
      <c r="B20528" t="s">
        <v>12712</v>
      </c>
      <c r="C20528" t="s">
        <v>12707</v>
      </c>
      <c r="D20528" t="s">
        <v>12708</v>
      </c>
      <c r="E20528" t="s">
        <v>12580</v>
      </c>
      <c r="F20528" t="s">
        <v>12581</v>
      </c>
      <c r="G20528" t="s">
        <v>12582</v>
      </c>
      <c r="H20528" t="s">
        <v>12581</v>
      </c>
      <c r="I20528" s="2">
        <v>1</v>
      </c>
      <c r="J20528" s="2">
        <v>0</v>
      </c>
      <c r="K20528" s="2">
        <v>0</v>
      </c>
      <c r="L20528" t="s">
        <v>120</v>
      </c>
      <c r="M20528" t="s">
        <v>89</v>
      </c>
      <c r="N20528" t="s">
        <v>90</v>
      </c>
      <c r="O20528" t="s">
        <v>85</v>
      </c>
      <c r="P20528" t="s">
        <v>86</v>
      </c>
      <c r="Q20528">
        <v>39</v>
      </c>
      <c r="R20528">
        <v>40</v>
      </c>
      <c r="S20528">
        <v>41</v>
      </c>
      <c r="T20528">
        <v>42</v>
      </c>
      <c r="U20528">
        <v>43</v>
      </c>
      <c r="V20528">
        <v>44</v>
      </c>
      <c r="W20528">
        <v>45</v>
      </c>
      <c r="X20528">
        <v>46</v>
      </c>
      <c r="Y20528">
        <v>47</v>
      </c>
      <c r="Z20528">
        <v>47</v>
      </c>
      <c r="AA20528">
        <v>48</v>
      </c>
      <c r="AB20528">
        <v>49</v>
      </c>
      <c r="AC20528">
        <v>50</v>
      </c>
      <c r="AD20528">
        <v>51</v>
      </c>
      <c r="AE20528">
        <v>51</v>
      </c>
      <c r="AF20528">
        <v>52</v>
      </c>
      <c r="AG20528">
        <v>52</v>
      </c>
      <c r="AH20528">
        <v>52</v>
      </c>
      <c r="AI20528">
        <v>53</v>
      </c>
      <c r="AJ20528">
        <v>53</v>
      </c>
      <c r="AK20528">
        <v>53</v>
      </c>
      <c r="AL20528">
        <v>54</v>
      </c>
      <c r="AM20528">
        <v>54</v>
      </c>
      <c r="AN20528">
        <v>54</v>
      </c>
      <c r="AO20528">
        <v>54</v>
      </c>
      <c r="AP20528">
        <v>55</v>
      </c>
      <c r="AQ20528">
        <v>55</v>
      </c>
    </row>
    <row r="20529" spans="1:43">
      <c r="A20529" t="s">
        <v>12711</v>
      </c>
      <c r="B20529" t="s">
        <v>12712</v>
      </c>
      <c r="C20529" t="s">
        <v>12707</v>
      </c>
      <c r="D20529" t="s">
        <v>12708</v>
      </c>
      <c r="E20529" t="s">
        <v>12580</v>
      </c>
      <c r="F20529" t="s">
        <v>12581</v>
      </c>
      <c r="G20529" t="s">
        <v>12582</v>
      </c>
      <c r="H20529" t="s">
        <v>12581</v>
      </c>
      <c r="I20529" s="2">
        <v>1</v>
      </c>
      <c r="J20529" s="2">
        <v>0</v>
      </c>
      <c r="K20529" s="2">
        <v>0</v>
      </c>
      <c r="L20529" t="s">
        <v>120</v>
      </c>
      <c r="M20529" t="s">
        <v>83</v>
      </c>
      <c r="N20529" t="s">
        <v>91</v>
      </c>
      <c r="O20529" t="s">
        <v>85</v>
      </c>
      <c r="P20529" t="s">
        <v>86</v>
      </c>
      <c r="Q20529">
        <v>39</v>
      </c>
      <c r="R20529">
        <v>39</v>
      </c>
      <c r="S20529">
        <v>40</v>
      </c>
      <c r="T20529">
        <v>41</v>
      </c>
      <c r="U20529">
        <v>41</v>
      </c>
      <c r="V20529">
        <v>42</v>
      </c>
      <c r="W20529">
        <v>43</v>
      </c>
      <c r="X20529">
        <v>43</v>
      </c>
      <c r="Y20529">
        <v>44</v>
      </c>
      <c r="Z20529">
        <v>45</v>
      </c>
      <c r="AA20529">
        <v>45</v>
      </c>
      <c r="AB20529">
        <v>46</v>
      </c>
      <c r="AC20529">
        <v>47</v>
      </c>
      <c r="AD20529">
        <v>47</v>
      </c>
      <c r="AE20529">
        <v>48</v>
      </c>
      <c r="AF20529">
        <v>49</v>
      </c>
      <c r="AG20529">
        <v>49</v>
      </c>
      <c r="AH20529">
        <v>50</v>
      </c>
      <c r="AI20529">
        <v>51</v>
      </c>
      <c r="AJ20529">
        <v>52</v>
      </c>
      <c r="AK20529">
        <v>52</v>
      </c>
      <c r="AL20529">
        <v>53</v>
      </c>
      <c r="AM20529">
        <v>53</v>
      </c>
      <c r="AN20529">
        <v>53</v>
      </c>
      <c r="AO20529">
        <v>54</v>
      </c>
      <c r="AP20529">
        <v>54</v>
      </c>
      <c r="AQ20529">
        <v>54</v>
      </c>
    </row>
    <row r="20530" spans="1:43">
      <c r="A20530" t="s">
        <v>12713</v>
      </c>
      <c r="B20530" t="s">
        <v>12714</v>
      </c>
      <c r="C20530" t="s">
        <v>12707</v>
      </c>
      <c r="D20530" t="s">
        <v>12708</v>
      </c>
      <c r="E20530" t="s">
        <v>12580</v>
      </c>
      <c r="F20530" t="s">
        <v>12581</v>
      </c>
      <c r="G20530" t="s">
        <v>12582</v>
      </c>
      <c r="H20530" t="s">
        <v>12581</v>
      </c>
      <c r="I20530" s="2">
        <v>1</v>
      </c>
      <c r="J20530" s="2">
        <v>0</v>
      </c>
      <c r="K20530" s="2">
        <v>0</v>
      </c>
      <c r="L20530" t="s">
        <v>120</v>
      </c>
      <c r="M20530" t="s">
        <v>83</v>
      </c>
      <c r="N20530" t="s">
        <v>84</v>
      </c>
      <c r="O20530" t="s">
        <v>85</v>
      </c>
      <c r="P20530" t="s">
        <v>86</v>
      </c>
      <c r="Q20530">
        <v>6</v>
      </c>
      <c r="R20530">
        <v>6</v>
      </c>
      <c r="S20530">
        <v>6</v>
      </c>
      <c r="T20530">
        <v>6</v>
      </c>
      <c r="U20530">
        <v>6</v>
      </c>
      <c r="V20530">
        <v>6</v>
      </c>
      <c r="W20530">
        <v>7</v>
      </c>
      <c r="X20530">
        <v>7</v>
      </c>
      <c r="Y20530">
        <v>7</v>
      </c>
      <c r="Z20530">
        <v>7</v>
      </c>
      <c r="AA20530">
        <v>7</v>
      </c>
      <c r="AB20530">
        <v>7</v>
      </c>
      <c r="AC20530">
        <v>7</v>
      </c>
      <c r="AD20530">
        <v>7</v>
      </c>
      <c r="AE20530">
        <v>7</v>
      </c>
      <c r="AF20530">
        <v>8</v>
      </c>
      <c r="AG20530">
        <v>8</v>
      </c>
      <c r="AH20530">
        <v>8</v>
      </c>
      <c r="AI20530">
        <v>8</v>
      </c>
      <c r="AJ20530">
        <v>8</v>
      </c>
      <c r="AK20530">
        <v>8</v>
      </c>
      <c r="AL20530">
        <v>8</v>
      </c>
      <c r="AM20530">
        <v>8</v>
      </c>
      <c r="AN20530">
        <v>8</v>
      </c>
      <c r="AO20530">
        <v>8</v>
      </c>
      <c r="AP20530">
        <v>8</v>
      </c>
      <c r="AQ20530">
        <v>8</v>
      </c>
    </row>
    <row r="20531" spans="1:43">
      <c r="A20531" t="s">
        <v>12713</v>
      </c>
      <c r="B20531" t="s">
        <v>12714</v>
      </c>
      <c r="C20531" t="s">
        <v>12707</v>
      </c>
      <c r="D20531" t="s">
        <v>12708</v>
      </c>
      <c r="E20531" t="s">
        <v>12580</v>
      </c>
      <c r="F20531" t="s">
        <v>12581</v>
      </c>
      <c r="G20531" t="s">
        <v>12582</v>
      </c>
      <c r="H20531" t="s">
        <v>12581</v>
      </c>
      <c r="I20531" s="2">
        <v>1</v>
      </c>
      <c r="J20531" s="2">
        <v>0</v>
      </c>
      <c r="K20531" s="2">
        <v>0</v>
      </c>
      <c r="L20531" t="s">
        <v>120</v>
      </c>
      <c r="M20531" t="s">
        <v>87</v>
      </c>
      <c r="N20531" t="s">
        <v>88</v>
      </c>
      <c r="O20531" t="s">
        <v>85</v>
      </c>
      <c r="P20531" t="s">
        <v>86</v>
      </c>
      <c r="Q20531">
        <v>6</v>
      </c>
      <c r="R20531">
        <v>6</v>
      </c>
      <c r="S20531">
        <v>6</v>
      </c>
      <c r="T20531">
        <v>6</v>
      </c>
      <c r="U20531">
        <v>6</v>
      </c>
      <c r="V20531">
        <v>6</v>
      </c>
      <c r="W20531">
        <v>6</v>
      </c>
      <c r="X20531">
        <v>6</v>
      </c>
      <c r="Y20531">
        <v>6</v>
      </c>
      <c r="Z20531">
        <v>6</v>
      </c>
      <c r="AA20531">
        <v>6</v>
      </c>
      <c r="AB20531">
        <v>6</v>
      </c>
      <c r="AC20531">
        <v>7</v>
      </c>
      <c r="AD20531">
        <v>7</v>
      </c>
      <c r="AE20531">
        <v>7</v>
      </c>
      <c r="AF20531">
        <v>7</v>
      </c>
      <c r="AG20531">
        <v>7</v>
      </c>
      <c r="AH20531">
        <v>7</v>
      </c>
      <c r="AI20531">
        <v>7</v>
      </c>
      <c r="AJ20531">
        <v>7</v>
      </c>
      <c r="AK20531">
        <v>7</v>
      </c>
      <c r="AL20531">
        <v>7</v>
      </c>
      <c r="AM20531">
        <v>7</v>
      </c>
      <c r="AN20531">
        <v>7</v>
      </c>
      <c r="AO20531">
        <v>7</v>
      </c>
      <c r="AP20531">
        <v>7</v>
      </c>
      <c r="AQ20531">
        <v>7</v>
      </c>
    </row>
    <row r="20532" spans="1:43">
      <c r="A20532" t="s">
        <v>12713</v>
      </c>
      <c r="B20532" t="s">
        <v>12714</v>
      </c>
      <c r="C20532" t="s">
        <v>12707</v>
      </c>
      <c r="D20532" t="s">
        <v>12708</v>
      </c>
      <c r="E20532" t="s">
        <v>12580</v>
      </c>
      <c r="F20532" t="s">
        <v>12581</v>
      </c>
      <c r="G20532" t="s">
        <v>12582</v>
      </c>
      <c r="H20532" t="s">
        <v>12581</v>
      </c>
      <c r="I20532" s="2">
        <v>1</v>
      </c>
      <c r="J20532" s="2">
        <v>0</v>
      </c>
      <c r="K20532" s="2">
        <v>0</v>
      </c>
      <c r="L20532" t="s">
        <v>120</v>
      </c>
      <c r="M20532" t="s">
        <v>89</v>
      </c>
      <c r="N20532" t="s">
        <v>90</v>
      </c>
      <c r="O20532" t="s">
        <v>85</v>
      </c>
      <c r="P20532" t="s">
        <v>86</v>
      </c>
      <c r="Q20532">
        <v>6</v>
      </c>
      <c r="R20532">
        <v>6</v>
      </c>
      <c r="S20532">
        <v>6</v>
      </c>
      <c r="T20532">
        <v>6</v>
      </c>
      <c r="U20532">
        <v>7</v>
      </c>
      <c r="V20532">
        <v>7</v>
      </c>
      <c r="W20532">
        <v>7</v>
      </c>
      <c r="X20532">
        <v>7</v>
      </c>
      <c r="Y20532">
        <v>7</v>
      </c>
      <c r="Z20532">
        <v>7</v>
      </c>
      <c r="AA20532">
        <v>7</v>
      </c>
      <c r="AB20532">
        <v>8</v>
      </c>
      <c r="AC20532">
        <v>8</v>
      </c>
      <c r="AD20532">
        <v>8</v>
      </c>
      <c r="AE20532">
        <v>8</v>
      </c>
      <c r="AF20532">
        <v>8</v>
      </c>
      <c r="AG20532">
        <v>8</v>
      </c>
      <c r="AH20532">
        <v>8</v>
      </c>
      <c r="AI20532">
        <v>8</v>
      </c>
      <c r="AJ20532">
        <v>8</v>
      </c>
      <c r="AK20532">
        <v>8</v>
      </c>
      <c r="AL20532">
        <v>8</v>
      </c>
      <c r="AM20532">
        <v>8</v>
      </c>
      <c r="AN20532">
        <v>8</v>
      </c>
      <c r="AO20532">
        <v>8</v>
      </c>
      <c r="AP20532">
        <v>8</v>
      </c>
      <c r="AQ20532">
        <v>9</v>
      </c>
    </row>
    <row r="20533" spans="1:43">
      <c r="A20533" t="s">
        <v>12713</v>
      </c>
      <c r="B20533" t="s">
        <v>12714</v>
      </c>
      <c r="C20533" t="s">
        <v>12707</v>
      </c>
      <c r="D20533" t="s">
        <v>12708</v>
      </c>
      <c r="E20533" t="s">
        <v>12580</v>
      </c>
      <c r="F20533" t="s">
        <v>12581</v>
      </c>
      <c r="G20533" t="s">
        <v>12582</v>
      </c>
      <c r="H20533" t="s">
        <v>12581</v>
      </c>
      <c r="I20533" s="2">
        <v>1</v>
      </c>
      <c r="J20533" s="2">
        <v>0</v>
      </c>
      <c r="K20533" s="2">
        <v>0</v>
      </c>
      <c r="L20533" t="s">
        <v>120</v>
      </c>
      <c r="M20533" t="s">
        <v>83</v>
      </c>
      <c r="N20533" t="s">
        <v>91</v>
      </c>
      <c r="O20533" t="s">
        <v>85</v>
      </c>
      <c r="P20533" t="s">
        <v>86</v>
      </c>
      <c r="Q20533">
        <v>6</v>
      </c>
      <c r="R20533">
        <v>6</v>
      </c>
      <c r="S20533">
        <v>6</v>
      </c>
      <c r="T20533">
        <v>6</v>
      </c>
      <c r="U20533">
        <v>6</v>
      </c>
      <c r="V20533">
        <v>6</v>
      </c>
      <c r="W20533">
        <v>7</v>
      </c>
      <c r="X20533">
        <v>7</v>
      </c>
      <c r="Y20533">
        <v>7</v>
      </c>
      <c r="Z20533">
        <v>7</v>
      </c>
      <c r="AA20533">
        <v>7</v>
      </c>
      <c r="AB20533">
        <v>7</v>
      </c>
      <c r="AC20533">
        <v>7</v>
      </c>
      <c r="AD20533">
        <v>7</v>
      </c>
      <c r="AE20533">
        <v>7</v>
      </c>
      <c r="AF20533">
        <v>8</v>
      </c>
      <c r="AG20533">
        <v>8</v>
      </c>
      <c r="AH20533">
        <v>8</v>
      </c>
      <c r="AI20533">
        <v>8</v>
      </c>
      <c r="AJ20533">
        <v>8</v>
      </c>
      <c r="AK20533">
        <v>8</v>
      </c>
      <c r="AL20533">
        <v>8</v>
      </c>
      <c r="AM20533">
        <v>8</v>
      </c>
      <c r="AN20533">
        <v>8</v>
      </c>
      <c r="AO20533">
        <v>8</v>
      </c>
      <c r="AP20533">
        <v>8</v>
      </c>
      <c r="AQ20533">
        <v>8</v>
      </c>
    </row>
    <row r="20534" spans="1:43">
      <c r="A20534" t="s">
        <v>12715</v>
      </c>
      <c r="B20534" t="s">
        <v>12716</v>
      </c>
      <c r="C20534" t="s">
        <v>12617</v>
      </c>
      <c r="D20534" t="s">
        <v>12618</v>
      </c>
      <c r="E20534" t="s">
        <v>12580</v>
      </c>
      <c r="F20534" t="s">
        <v>12581</v>
      </c>
      <c r="G20534" t="s">
        <v>12582</v>
      </c>
      <c r="H20534" t="s">
        <v>12581</v>
      </c>
      <c r="I20534" s="2">
        <v>1</v>
      </c>
      <c r="J20534" s="2">
        <v>0</v>
      </c>
      <c r="K20534" s="2">
        <v>0</v>
      </c>
      <c r="L20534" t="s">
        <v>120</v>
      </c>
      <c r="M20534" t="s">
        <v>83</v>
      </c>
      <c r="N20534" t="s">
        <v>84</v>
      </c>
      <c r="O20534" t="s">
        <v>85</v>
      </c>
      <c r="P20534" t="s">
        <v>86</v>
      </c>
      <c r="Q20534">
        <v>37</v>
      </c>
      <c r="R20534">
        <v>38</v>
      </c>
      <c r="S20534">
        <v>38</v>
      </c>
      <c r="T20534">
        <v>39</v>
      </c>
      <c r="U20534">
        <v>40</v>
      </c>
      <c r="V20534">
        <v>40</v>
      </c>
      <c r="W20534">
        <v>41</v>
      </c>
      <c r="X20534">
        <v>41</v>
      </c>
      <c r="Y20534">
        <v>42</v>
      </c>
      <c r="Z20534">
        <v>43</v>
      </c>
      <c r="AA20534">
        <v>43</v>
      </c>
      <c r="AB20534">
        <v>44</v>
      </c>
      <c r="AC20534">
        <v>44</v>
      </c>
      <c r="AD20534">
        <v>45</v>
      </c>
      <c r="AE20534">
        <v>46</v>
      </c>
      <c r="AF20534">
        <v>46</v>
      </c>
      <c r="AG20534">
        <v>47</v>
      </c>
      <c r="AH20534">
        <v>47</v>
      </c>
      <c r="AI20534">
        <v>48</v>
      </c>
      <c r="AJ20534">
        <v>49</v>
      </c>
      <c r="AK20534">
        <v>49</v>
      </c>
      <c r="AL20534">
        <v>50</v>
      </c>
      <c r="AM20534">
        <v>50</v>
      </c>
      <c r="AN20534">
        <v>50</v>
      </c>
      <c r="AO20534">
        <v>50</v>
      </c>
      <c r="AP20534">
        <v>50</v>
      </c>
      <c r="AQ20534">
        <v>51</v>
      </c>
    </row>
    <row r="20535" spans="1:43">
      <c r="A20535" t="s">
        <v>12715</v>
      </c>
      <c r="B20535" t="s">
        <v>12716</v>
      </c>
      <c r="C20535" t="s">
        <v>12617</v>
      </c>
      <c r="D20535" t="s">
        <v>12618</v>
      </c>
      <c r="E20535" t="s">
        <v>12580</v>
      </c>
      <c r="F20535" t="s">
        <v>12581</v>
      </c>
      <c r="G20535" t="s">
        <v>12582</v>
      </c>
      <c r="H20535" t="s">
        <v>12581</v>
      </c>
      <c r="I20535" s="2">
        <v>1</v>
      </c>
      <c r="J20535" s="2">
        <v>0</v>
      </c>
      <c r="K20535" s="2">
        <v>0</v>
      </c>
      <c r="L20535" t="s">
        <v>120</v>
      </c>
      <c r="M20535" t="s">
        <v>87</v>
      </c>
      <c r="N20535" t="s">
        <v>88</v>
      </c>
      <c r="O20535" t="s">
        <v>85</v>
      </c>
      <c r="P20535" t="s">
        <v>86</v>
      </c>
      <c r="Q20535">
        <v>37</v>
      </c>
      <c r="R20535">
        <v>37</v>
      </c>
      <c r="S20535">
        <v>37</v>
      </c>
      <c r="T20535">
        <v>38</v>
      </c>
      <c r="U20535">
        <v>38</v>
      </c>
      <c r="V20535">
        <v>38</v>
      </c>
      <c r="W20535">
        <v>38</v>
      </c>
      <c r="X20535">
        <v>39</v>
      </c>
      <c r="Y20535">
        <v>39</v>
      </c>
      <c r="Z20535">
        <v>39</v>
      </c>
      <c r="AA20535">
        <v>39</v>
      </c>
      <c r="AB20535">
        <v>40</v>
      </c>
      <c r="AC20535">
        <v>40</v>
      </c>
      <c r="AD20535">
        <v>40</v>
      </c>
      <c r="AE20535">
        <v>40</v>
      </c>
      <c r="AF20535">
        <v>41</v>
      </c>
      <c r="AG20535">
        <v>41</v>
      </c>
      <c r="AH20535">
        <v>41</v>
      </c>
      <c r="AI20535">
        <v>42</v>
      </c>
      <c r="AJ20535">
        <v>42</v>
      </c>
      <c r="AK20535">
        <v>42</v>
      </c>
      <c r="AL20535">
        <v>42</v>
      </c>
      <c r="AM20535">
        <v>43</v>
      </c>
      <c r="AN20535">
        <v>43</v>
      </c>
      <c r="AO20535">
        <v>43</v>
      </c>
      <c r="AP20535">
        <v>44</v>
      </c>
      <c r="AQ20535">
        <v>44</v>
      </c>
    </row>
    <row r="20536" spans="1:43">
      <c r="A20536" t="s">
        <v>12715</v>
      </c>
      <c r="B20536" t="s">
        <v>12716</v>
      </c>
      <c r="C20536" t="s">
        <v>12617</v>
      </c>
      <c r="D20536" t="s">
        <v>12618</v>
      </c>
      <c r="E20536" t="s">
        <v>12580</v>
      </c>
      <c r="F20536" t="s">
        <v>12581</v>
      </c>
      <c r="G20536" t="s">
        <v>12582</v>
      </c>
      <c r="H20536" t="s">
        <v>12581</v>
      </c>
      <c r="I20536" s="2">
        <v>1</v>
      </c>
      <c r="J20536" s="2">
        <v>0</v>
      </c>
      <c r="K20536" s="2">
        <v>0</v>
      </c>
      <c r="L20536" t="s">
        <v>120</v>
      </c>
      <c r="M20536" t="s">
        <v>89</v>
      </c>
      <c r="N20536" t="s">
        <v>90</v>
      </c>
      <c r="O20536" t="s">
        <v>85</v>
      </c>
      <c r="P20536" t="s">
        <v>86</v>
      </c>
      <c r="Q20536">
        <v>37</v>
      </c>
      <c r="R20536">
        <v>38</v>
      </c>
      <c r="S20536">
        <v>39</v>
      </c>
      <c r="T20536">
        <v>40</v>
      </c>
      <c r="U20536">
        <v>41</v>
      </c>
      <c r="V20536">
        <v>42</v>
      </c>
      <c r="W20536">
        <v>43</v>
      </c>
      <c r="X20536">
        <v>44</v>
      </c>
      <c r="Y20536">
        <v>44</v>
      </c>
      <c r="Z20536">
        <v>45</v>
      </c>
      <c r="AA20536">
        <v>46</v>
      </c>
      <c r="AB20536">
        <v>47</v>
      </c>
      <c r="AC20536">
        <v>48</v>
      </c>
      <c r="AD20536">
        <v>48</v>
      </c>
      <c r="AE20536">
        <v>49</v>
      </c>
      <c r="AF20536">
        <v>49</v>
      </c>
      <c r="AG20536">
        <v>49</v>
      </c>
      <c r="AH20536">
        <v>49</v>
      </c>
      <c r="AI20536">
        <v>50</v>
      </c>
      <c r="AJ20536">
        <v>50</v>
      </c>
      <c r="AK20536">
        <v>50</v>
      </c>
      <c r="AL20536">
        <v>50</v>
      </c>
      <c r="AM20536">
        <v>50</v>
      </c>
      <c r="AN20536">
        <v>51</v>
      </c>
      <c r="AO20536">
        <v>51</v>
      </c>
      <c r="AP20536">
        <v>51</v>
      </c>
      <c r="AQ20536">
        <v>51</v>
      </c>
    </row>
    <row r="20537" spans="1:43">
      <c r="A20537" t="s">
        <v>12715</v>
      </c>
      <c r="B20537" t="s">
        <v>12716</v>
      </c>
      <c r="C20537" t="s">
        <v>12617</v>
      </c>
      <c r="D20537" t="s">
        <v>12618</v>
      </c>
      <c r="E20537" t="s">
        <v>12580</v>
      </c>
      <c r="F20537" t="s">
        <v>12581</v>
      </c>
      <c r="G20537" t="s">
        <v>12582</v>
      </c>
      <c r="H20537" t="s">
        <v>12581</v>
      </c>
      <c r="I20537" s="2">
        <v>1</v>
      </c>
      <c r="J20537" s="2">
        <v>0</v>
      </c>
      <c r="K20537" s="2">
        <v>0</v>
      </c>
      <c r="L20537" t="s">
        <v>120</v>
      </c>
      <c r="M20537" t="s">
        <v>83</v>
      </c>
      <c r="N20537" t="s">
        <v>91</v>
      </c>
      <c r="O20537" t="s">
        <v>85</v>
      </c>
      <c r="P20537" t="s">
        <v>86</v>
      </c>
      <c r="Q20537">
        <v>37</v>
      </c>
      <c r="R20537">
        <v>38</v>
      </c>
      <c r="S20537">
        <v>38</v>
      </c>
      <c r="T20537">
        <v>39</v>
      </c>
      <c r="U20537">
        <v>40</v>
      </c>
      <c r="V20537">
        <v>40</v>
      </c>
      <c r="W20537">
        <v>41</v>
      </c>
      <c r="X20537">
        <v>41</v>
      </c>
      <c r="Y20537">
        <v>42</v>
      </c>
      <c r="Z20537">
        <v>43</v>
      </c>
      <c r="AA20537">
        <v>43</v>
      </c>
      <c r="AB20537">
        <v>44</v>
      </c>
      <c r="AC20537">
        <v>44</v>
      </c>
      <c r="AD20537">
        <v>45</v>
      </c>
      <c r="AE20537">
        <v>46</v>
      </c>
      <c r="AF20537">
        <v>46</v>
      </c>
      <c r="AG20537">
        <v>47</v>
      </c>
      <c r="AH20537">
        <v>47</v>
      </c>
      <c r="AI20537">
        <v>48</v>
      </c>
      <c r="AJ20537">
        <v>49</v>
      </c>
      <c r="AK20537">
        <v>49</v>
      </c>
      <c r="AL20537">
        <v>50</v>
      </c>
      <c r="AM20537">
        <v>50</v>
      </c>
      <c r="AN20537">
        <v>50</v>
      </c>
      <c r="AO20537">
        <v>50</v>
      </c>
      <c r="AP20537">
        <v>50</v>
      </c>
      <c r="AQ20537">
        <v>51</v>
      </c>
    </row>
    <row r="20538" spans="1:43">
      <c r="A20538" t="s">
        <v>12717</v>
      </c>
      <c r="B20538" t="s">
        <v>12718</v>
      </c>
      <c r="C20538" t="s">
        <v>12617</v>
      </c>
      <c r="D20538" t="s">
        <v>12618</v>
      </c>
      <c r="E20538" t="s">
        <v>12580</v>
      </c>
      <c r="F20538" t="s">
        <v>12581</v>
      </c>
      <c r="G20538" t="s">
        <v>12582</v>
      </c>
      <c r="H20538" t="s">
        <v>12581</v>
      </c>
      <c r="I20538" s="2">
        <v>1</v>
      </c>
      <c r="J20538" s="2">
        <v>0</v>
      </c>
      <c r="K20538" s="2">
        <v>0</v>
      </c>
      <c r="L20538" t="s">
        <v>120</v>
      </c>
      <c r="M20538" t="s">
        <v>83</v>
      </c>
      <c r="N20538" t="s">
        <v>84</v>
      </c>
      <c r="O20538" t="s">
        <v>85</v>
      </c>
      <c r="P20538" t="s">
        <v>86</v>
      </c>
      <c r="Q20538">
        <v>18</v>
      </c>
      <c r="R20538">
        <v>18</v>
      </c>
      <c r="S20538">
        <v>19</v>
      </c>
      <c r="T20538">
        <v>19</v>
      </c>
      <c r="U20538">
        <v>19</v>
      </c>
      <c r="V20538">
        <v>20</v>
      </c>
      <c r="W20538">
        <v>20</v>
      </c>
      <c r="X20538">
        <v>20</v>
      </c>
      <c r="Y20538">
        <v>21</v>
      </c>
      <c r="Z20538">
        <v>21</v>
      </c>
      <c r="AA20538">
        <v>21</v>
      </c>
      <c r="AB20538">
        <v>21</v>
      </c>
      <c r="AC20538">
        <v>22</v>
      </c>
      <c r="AD20538">
        <v>22</v>
      </c>
      <c r="AE20538">
        <v>22</v>
      </c>
      <c r="AF20538">
        <v>23</v>
      </c>
      <c r="AG20538">
        <v>23</v>
      </c>
      <c r="AH20538">
        <v>23</v>
      </c>
      <c r="AI20538">
        <v>24</v>
      </c>
      <c r="AJ20538">
        <v>24</v>
      </c>
      <c r="AK20538">
        <v>24</v>
      </c>
      <c r="AL20538">
        <v>24</v>
      </c>
      <c r="AM20538">
        <v>24</v>
      </c>
      <c r="AN20538">
        <v>25</v>
      </c>
      <c r="AO20538">
        <v>25</v>
      </c>
      <c r="AP20538">
        <v>25</v>
      </c>
      <c r="AQ20538">
        <v>25</v>
      </c>
    </row>
    <row r="20539" spans="1:43">
      <c r="A20539" t="s">
        <v>12717</v>
      </c>
      <c r="B20539" t="s">
        <v>12718</v>
      </c>
      <c r="C20539" t="s">
        <v>12617</v>
      </c>
      <c r="D20539" t="s">
        <v>12618</v>
      </c>
      <c r="E20539" t="s">
        <v>12580</v>
      </c>
      <c r="F20539" t="s">
        <v>12581</v>
      </c>
      <c r="G20539" t="s">
        <v>12582</v>
      </c>
      <c r="H20539" t="s">
        <v>12581</v>
      </c>
      <c r="I20539" s="2">
        <v>1</v>
      </c>
      <c r="J20539" s="2">
        <v>0</v>
      </c>
      <c r="K20539" s="2">
        <v>0</v>
      </c>
      <c r="L20539" t="s">
        <v>120</v>
      </c>
      <c r="M20539" t="s">
        <v>87</v>
      </c>
      <c r="N20539" t="s">
        <v>88</v>
      </c>
      <c r="O20539" t="s">
        <v>85</v>
      </c>
      <c r="P20539" t="s">
        <v>86</v>
      </c>
      <c r="Q20539">
        <v>18</v>
      </c>
      <c r="R20539">
        <v>18</v>
      </c>
      <c r="S20539">
        <v>18</v>
      </c>
      <c r="T20539">
        <v>18</v>
      </c>
      <c r="U20539">
        <v>18</v>
      </c>
      <c r="V20539">
        <v>19</v>
      </c>
      <c r="W20539">
        <v>19</v>
      </c>
      <c r="X20539">
        <v>19</v>
      </c>
      <c r="Y20539">
        <v>19</v>
      </c>
      <c r="Z20539">
        <v>19</v>
      </c>
      <c r="AA20539">
        <v>19</v>
      </c>
      <c r="AB20539">
        <v>19</v>
      </c>
      <c r="AC20539">
        <v>20</v>
      </c>
      <c r="AD20539">
        <v>20</v>
      </c>
      <c r="AE20539">
        <v>20</v>
      </c>
      <c r="AF20539">
        <v>20</v>
      </c>
      <c r="AG20539">
        <v>20</v>
      </c>
      <c r="AH20539">
        <v>20</v>
      </c>
      <c r="AI20539">
        <v>20</v>
      </c>
      <c r="AJ20539">
        <v>20</v>
      </c>
      <c r="AK20539">
        <v>21</v>
      </c>
      <c r="AL20539">
        <v>21</v>
      </c>
      <c r="AM20539">
        <v>21</v>
      </c>
      <c r="AN20539">
        <v>21</v>
      </c>
      <c r="AO20539">
        <v>21</v>
      </c>
      <c r="AP20539">
        <v>21</v>
      </c>
      <c r="AQ20539">
        <v>22</v>
      </c>
    </row>
    <row r="20540" spans="1:43">
      <c r="A20540" t="s">
        <v>12717</v>
      </c>
      <c r="B20540" t="s">
        <v>12718</v>
      </c>
      <c r="C20540" t="s">
        <v>12617</v>
      </c>
      <c r="D20540" t="s">
        <v>12618</v>
      </c>
      <c r="E20540" t="s">
        <v>12580</v>
      </c>
      <c r="F20540" t="s">
        <v>12581</v>
      </c>
      <c r="G20540" t="s">
        <v>12582</v>
      </c>
      <c r="H20540" t="s">
        <v>12581</v>
      </c>
      <c r="I20540" s="2">
        <v>1</v>
      </c>
      <c r="J20540" s="2">
        <v>0</v>
      </c>
      <c r="K20540" s="2">
        <v>0</v>
      </c>
      <c r="L20540" t="s">
        <v>120</v>
      </c>
      <c r="M20540" t="s">
        <v>89</v>
      </c>
      <c r="N20540" t="s">
        <v>90</v>
      </c>
      <c r="O20540" t="s">
        <v>85</v>
      </c>
      <c r="P20540" t="s">
        <v>86</v>
      </c>
      <c r="Q20540">
        <v>18</v>
      </c>
      <c r="R20540">
        <v>19</v>
      </c>
      <c r="S20540">
        <v>19</v>
      </c>
      <c r="T20540">
        <v>20</v>
      </c>
      <c r="U20540">
        <v>20</v>
      </c>
      <c r="V20540">
        <v>21</v>
      </c>
      <c r="W20540">
        <v>21</v>
      </c>
      <c r="X20540">
        <v>21</v>
      </c>
      <c r="Y20540">
        <v>22</v>
      </c>
      <c r="Z20540">
        <v>22</v>
      </c>
      <c r="AA20540">
        <v>22</v>
      </c>
      <c r="AB20540">
        <v>23</v>
      </c>
      <c r="AC20540">
        <v>23</v>
      </c>
      <c r="AD20540">
        <v>24</v>
      </c>
      <c r="AE20540">
        <v>24</v>
      </c>
      <c r="AF20540">
        <v>24</v>
      </c>
      <c r="AG20540">
        <v>24</v>
      </c>
      <c r="AH20540">
        <v>24</v>
      </c>
      <c r="AI20540">
        <v>24</v>
      </c>
      <c r="AJ20540">
        <v>24</v>
      </c>
      <c r="AK20540">
        <v>24</v>
      </c>
      <c r="AL20540">
        <v>25</v>
      </c>
      <c r="AM20540">
        <v>25</v>
      </c>
      <c r="AN20540">
        <v>25</v>
      </c>
      <c r="AO20540">
        <v>25</v>
      </c>
      <c r="AP20540">
        <v>25</v>
      </c>
      <c r="AQ20540">
        <v>25</v>
      </c>
    </row>
    <row r="20541" spans="1:43">
      <c r="A20541" t="s">
        <v>12717</v>
      </c>
      <c r="B20541" t="s">
        <v>12718</v>
      </c>
      <c r="C20541" t="s">
        <v>12617</v>
      </c>
      <c r="D20541" t="s">
        <v>12618</v>
      </c>
      <c r="E20541" t="s">
        <v>12580</v>
      </c>
      <c r="F20541" t="s">
        <v>12581</v>
      </c>
      <c r="G20541" t="s">
        <v>12582</v>
      </c>
      <c r="H20541" t="s">
        <v>12581</v>
      </c>
      <c r="I20541" s="2">
        <v>1</v>
      </c>
      <c r="J20541" s="2">
        <v>0</v>
      </c>
      <c r="K20541" s="2">
        <v>0</v>
      </c>
      <c r="L20541" t="s">
        <v>120</v>
      </c>
      <c r="M20541" t="s">
        <v>83</v>
      </c>
      <c r="N20541" t="s">
        <v>91</v>
      </c>
      <c r="O20541" t="s">
        <v>85</v>
      </c>
      <c r="P20541" t="s">
        <v>86</v>
      </c>
      <c r="Q20541">
        <v>18</v>
      </c>
      <c r="R20541">
        <v>18</v>
      </c>
      <c r="S20541">
        <v>19</v>
      </c>
      <c r="T20541">
        <v>19</v>
      </c>
      <c r="U20541">
        <v>19</v>
      </c>
      <c r="V20541">
        <v>20</v>
      </c>
      <c r="W20541">
        <v>20</v>
      </c>
      <c r="X20541">
        <v>20</v>
      </c>
      <c r="Y20541">
        <v>21</v>
      </c>
      <c r="Z20541">
        <v>21</v>
      </c>
      <c r="AA20541">
        <v>21</v>
      </c>
      <c r="AB20541">
        <v>21</v>
      </c>
      <c r="AC20541">
        <v>22</v>
      </c>
      <c r="AD20541">
        <v>22</v>
      </c>
      <c r="AE20541">
        <v>22</v>
      </c>
      <c r="AF20541">
        <v>23</v>
      </c>
      <c r="AG20541">
        <v>23</v>
      </c>
      <c r="AH20541">
        <v>23</v>
      </c>
      <c r="AI20541">
        <v>24</v>
      </c>
      <c r="AJ20541">
        <v>24</v>
      </c>
      <c r="AK20541">
        <v>24</v>
      </c>
      <c r="AL20541">
        <v>24</v>
      </c>
      <c r="AM20541">
        <v>24</v>
      </c>
      <c r="AN20541">
        <v>25</v>
      </c>
      <c r="AO20541">
        <v>25</v>
      </c>
      <c r="AP20541">
        <v>25</v>
      </c>
      <c r="AQ20541">
        <v>25</v>
      </c>
    </row>
    <row r="20542" spans="1:43">
      <c r="A20542" t="s">
        <v>12719</v>
      </c>
      <c r="B20542" t="s">
        <v>12720</v>
      </c>
      <c r="C20542" t="s">
        <v>12721</v>
      </c>
      <c r="D20542" t="s">
        <v>12722</v>
      </c>
      <c r="E20542" t="s">
        <v>12580</v>
      </c>
      <c r="F20542" t="s">
        <v>12581</v>
      </c>
      <c r="G20542" t="s">
        <v>12582</v>
      </c>
      <c r="H20542" t="s">
        <v>12581</v>
      </c>
      <c r="I20542" s="2">
        <v>1</v>
      </c>
      <c r="J20542" s="2">
        <v>0</v>
      </c>
      <c r="K20542" s="2">
        <v>0</v>
      </c>
      <c r="L20542" t="s">
        <v>120</v>
      </c>
      <c r="M20542" t="s">
        <v>83</v>
      </c>
      <c r="N20542" t="s">
        <v>84</v>
      </c>
      <c r="O20542" t="s">
        <v>85</v>
      </c>
      <c r="P20542" t="s">
        <v>86</v>
      </c>
      <c r="Q20542">
        <v>24</v>
      </c>
      <c r="R20542">
        <v>25</v>
      </c>
      <c r="S20542">
        <v>25</v>
      </c>
      <c r="T20542">
        <v>25</v>
      </c>
      <c r="U20542">
        <v>26</v>
      </c>
      <c r="V20542">
        <v>26</v>
      </c>
      <c r="W20542">
        <v>26</v>
      </c>
      <c r="X20542">
        <v>27</v>
      </c>
      <c r="Y20542">
        <v>27</v>
      </c>
      <c r="Z20542">
        <v>27</v>
      </c>
      <c r="AA20542">
        <v>28</v>
      </c>
      <c r="AB20542">
        <v>28</v>
      </c>
      <c r="AC20542">
        <v>28</v>
      </c>
      <c r="AD20542">
        <v>28</v>
      </c>
      <c r="AE20542">
        <v>29</v>
      </c>
      <c r="AF20542">
        <v>29</v>
      </c>
      <c r="AG20542">
        <v>29</v>
      </c>
      <c r="AH20542">
        <v>30</v>
      </c>
      <c r="AI20542">
        <v>30</v>
      </c>
      <c r="AJ20542">
        <v>30</v>
      </c>
      <c r="AK20542">
        <v>31</v>
      </c>
      <c r="AL20542">
        <v>31</v>
      </c>
      <c r="AM20542">
        <v>31</v>
      </c>
      <c r="AN20542">
        <v>31</v>
      </c>
      <c r="AO20542">
        <v>31</v>
      </c>
      <c r="AP20542">
        <v>31</v>
      </c>
      <c r="AQ20542">
        <v>31</v>
      </c>
    </row>
    <row r="20543" spans="1:43">
      <c r="A20543" t="s">
        <v>12719</v>
      </c>
      <c r="B20543" t="s">
        <v>12720</v>
      </c>
      <c r="C20543" t="s">
        <v>12721</v>
      </c>
      <c r="D20543" t="s">
        <v>12722</v>
      </c>
      <c r="E20543" t="s">
        <v>12580</v>
      </c>
      <c r="F20543" t="s">
        <v>12581</v>
      </c>
      <c r="G20543" t="s">
        <v>12582</v>
      </c>
      <c r="H20543" t="s">
        <v>12581</v>
      </c>
      <c r="I20543" s="2">
        <v>1</v>
      </c>
      <c r="J20543" s="2">
        <v>0</v>
      </c>
      <c r="K20543" s="2">
        <v>0</v>
      </c>
      <c r="L20543" t="s">
        <v>120</v>
      </c>
      <c r="M20543" t="s">
        <v>87</v>
      </c>
      <c r="N20543" t="s">
        <v>88</v>
      </c>
      <c r="O20543" t="s">
        <v>85</v>
      </c>
      <c r="P20543" t="s">
        <v>86</v>
      </c>
      <c r="Q20543">
        <v>24</v>
      </c>
      <c r="R20543">
        <v>24</v>
      </c>
      <c r="S20543">
        <v>24</v>
      </c>
      <c r="T20543">
        <v>24</v>
      </c>
      <c r="U20543">
        <v>24</v>
      </c>
      <c r="V20543">
        <v>25</v>
      </c>
      <c r="W20543">
        <v>25</v>
      </c>
      <c r="X20543">
        <v>25</v>
      </c>
      <c r="Y20543">
        <v>25</v>
      </c>
      <c r="Z20543">
        <v>25</v>
      </c>
      <c r="AA20543">
        <v>25</v>
      </c>
      <c r="AB20543">
        <v>25</v>
      </c>
      <c r="AC20543">
        <v>25</v>
      </c>
      <c r="AD20543">
        <v>25</v>
      </c>
      <c r="AE20543">
        <v>25</v>
      </c>
      <c r="AF20543">
        <v>26</v>
      </c>
      <c r="AG20543">
        <v>26</v>
      </c>
      <c r="AH20543">
        <v>26</v>
      </c>
      <c r="AI20543">
        <v>26</v>
      </c>
      <c r="AJ20543">
        <v>26</v>
      </c>
      <c r="AK20543">
        <v>26</v>
      </c>
      <c r="AL20543">
        <v>26</v>
      </c>
      <c r="AM20543">
        <v>26</v>
      </c>
      <c r="AN20543">
        <v>26</v>
      </c>
      <c r="AO20543">
        <v>27</v>
      </c>
      <c r="AP20543">
        <v>27</v>
      </c>
      <c r="AQ20543">
        <v>27</v>
      </c>
    </row>
    <row r="20544" spans="1:43">
      <c r="A20544" t="s">
        <v>12719</v>
      </c>
      <c r="B20544" t="s">
        <v>12720</v>
      </c>
      <c r="C20544" t="s">
        <v>12721</v>
      </c>
      <c r="D20544" t="s">
        <v>12722</v>
      </c>
      <c r="E20544" t="s">
        <v>12580</v>
      </c>
      <c r="F20544" t="s">
        <v>12581</v>
      </c>
      <c r="G20544" t="s">
        <v>12582</v>
      </c>
      <c r="H20544" t="s">
        <v>12581</v>
      </c>
      <c r="I20544" s="2">
        <v>1</v>
      </c>
      <c r="J20544" s="2">
        <v>0</v>
      </c>
      <c r="K20544" s="2">
        <v>0</v>
      </c>
      <c r="L20544" t="s">
        <v>120</v>
      </c>
      <c r="M20544" t="s">
        <v>89</v>
      </c>
      <c r="N20544" t="s">
        <v>90</v>
      </c>
      <c r="O20544" t="s">
        <v>85</v>
      </c>
      <c r="P20544" t="s">
        <v>86</v>
      </c>
      <c r="Q20544">
        <v>24</v>
      </c>
      <c r="R20544">
        <v>24</v>
      </c>
      <c r="S20544">
        <v>25</v>
      </c>
      <c r="T20544">
        <v>25</v>
      </c>
      <c r="U20544">
        <v>26</v>
      </c>
      <c r="V20544">
        <v>26</v>
      </c>
      <c r="W20544">
        <v>27</v>
      </c>
      <c r="X20544">
        <v>27</v>
      </c>
      <c r="Y20544">
        <v>27</v>
      </c>
      <c r="Z20544">
        <v>28</v>
      </c>
      <c r="AA20544">
        <v>28</v>
      </c>
      <c r="AB20544">
        <v>29</v>
      </c>
      <c r="AC20544">
        <v>29</v>
      </c>
      <c r="AD20544">
        <v>30</v>
      </c>
      <c r="AE20544">
        <v>30</v>
      </c>
      <c r="AF20544">
        <v>30</v>
      </c>
      <c r="AG20544">
        <v>30</v>
      </c>
      <c r="AH20544">
        <v>30</v>
      </c>
      <c r="AI20544">
        <v>30</v>
      </c>
      <c r="AJ20544">
        <v>30</v>
      </c>
      <c r="AK20544">
        <v>30</v>
      </c>
      <c r="AL20544">
        <v>30</v>
      </c>
      <c r="AM20544">
        <v>30</v>
      </c>
      <c r="AN20544">
        <v>30</v>
      </c>
      <c r="AO20544">
        <v>30</v>
      </c>
      <c r="AP20544">
        <v>30</v>
      </c>
      <c r="AQ20544">
        <v>30</v>
      </c>
    </row>
    <row r="20545" spans="1:43">
      <c r="A20545" t="s">
        <v>12719</v>
      </c>
      <c r="B20545" t="s">
        <v>12720</v>
      </c>
      <c r="C20545" t="s">
        <v>12721</v>
      </c>
      <c r="D20545" t="s">
        <v>12722</v>
      </c>
      <c r="E20545" t="s">
        <v>12580</v>
      </c>
      <c r="F20545" t="s">
        <v>12581</v>
      </c>
      <c r="G20545" t="s">
        <v>12582</v>
      </c>
      <c r="H20545" t="s">
        <v>12581</v>
      </c>
      <c r="I20545" s="2">
        <v>1</v>
      </c>
      <c r="J20545" s="2">
        <v>0</v>
      </c>
      <c r="K20545" s="2">
        <v>0</v>
      </c>
      <c r="L20545" t="s">
        <v>120</v>
      </c>
      <c r="M20545" t="s">
        <v>83</v>
      </c>
      <c r="N20545" t="s">
        <v>91</v>
      </c>
      <c r="O20545" t="s">
        <v>85</v>
      </c>
      <c r="P20545" t="s">
        <v>86</v>
      </c>
      <c r="Q20545">
        <v>24</v>
      </c>
      <c r="R20545">
        <v>25</v>
      </c>
      <c r="S20545">
        <v>25</v>
      </c>
      <c r="T20545">
        <v>25</v>
      </c>
      <c r="U20545">
        <v>26</v>
      </c>
      <c r="V20545">
        <v>26</v>
      </c>
      <c r="W20545">
        <v>26</v>
      </c>
      <c r="X20545">
        <v>27</v>
      </c>
      <c r="Y20545">
        <v>27</v>
      </c>
      <c r="Z20545">
        <v>27</v>
      </c>
      <c r="AA20545">
        <v>28</v>
      </c>
      <c r="AB20545">
        <v>28</v>
      </c>
      <c r="AC20545">
        <v>28</v>
      </c>
      <c r="AD20545">
        <v>28</v>
      </c>
      <c r="AE20545">
        <v>29</v>
      </c>
      <c r="AF20545">
        <v>29</v>
      </c>
      <c r="AG20545">
        <v>29</v>
      </c>
      <c r="AH20545">
        <v>30</v>
      </c>
      <c r="AI20545">
        <v>30</v>
      </c>
      <c r="AJ20545">
        <v>30</v>
      </c>
      <c r="AK20545">
        <v>31</v>
      </c>
      <c r="AL20545">
        <v>31</v>
      </c>
      <c r="AM20545">
        <v>31</v>
      </c>
      <c r="AN20545">
        <v>31</v>
      </c>
      <c r="AO20545">
        <v>31</v>
      </c>
      <c r="AP20545">
        <v>31</v>
      </c>
      <c r="AQ20545">
        <v>31</v>
      </c>
    </row>
    <row r="20546" spans="1:43">
      <c r="A20546" t="s">
        <v>12723</v>
      </c>
      <c r="B20546" t="s">
        <v>12724</v>
      </c>
      <c r="C20546" t="s">
        <v>12721</v>
      </c>
      <c r="D20546" t="s">
        <v>12722</v>
      </c>
      <c r="E20546" t="s">
        <v>12580</v>
      </c>
      <c r="F20546" t="s">
        <v>12581</v>
      </c>
      <c r="G20546" t="s">
        <v>12582</v>
      </c>
      <c r="H20546" t="s">
        <v>12581</v>
      </c>
      <c r="I20546" s="2">
        <v>0.52</v>
      </c>
      <c r="J20546" s="2">
        <v>0</v>
      </c>
      <c r="K20546" s="2">
        <v>0</v>
      </c>
      <c r="L20546" t="s">
        <v>120</v>
      </c>
      <c r="M20546" t="s">
        <v>83</v>
      </c>
      <c r="N20546" t="s">
        <v>84</v>
      </c>
      <c r="O20546" t="s">
        <v>85</v>
      </c>
      <c r="P20546" t="s">
        <v>86</v>
      </c>
      <c r="Q20546">
        <v>43</v>
      </c>
      <c r="R20546">
        <v>44</v>
      </c>
      <c r="S20546">
        <v>45</v>
      </c>
      <c r="T20546">
        <v>45</v>
      </c>
      <c r="U20546">
        <v>46</v>
      </c>
      <c r="V20546">
        <v>47</v>
      </c>
      <c r="W20546">
        <v>48</v>
      </c>
      <c r="X20546">
        <v>48</v>
      </c>
      <c r="Y20546">
        <v>49</v>
      </c>
      <c r="Z20546">
        <v>50</v>
      </c>
      <c r="AA20546">
        <v>50</v>
      </c>
      <c r="AB20546">
        <v>51</v>
      </c>
      <c r="AC20546">
        <v>52</v>
      </c>
      <c r="AD20546">
        <v>52</v>
      </c>
      <c r="AE20546">
        <v>53</v>
      </c>
      <c r="AF20546">
        <v>54</v>
      </c>
      <c r="AG20546">
        <v>54</v>
      </c>
      <c r="AH20546">
        <v>55</v>
      </c>
      <c r="AI20546">
        <v>56</v>
      </c>
      <c r="AJ20546">
        <v>56</v>
      </c>
      <c r="AK20546">
        <v>57</v>
      </c>
      <c r="AL20546">
        <v>57</v>
      </c>
      <c r="AM20546">
        <v>58</v>
      </c>
      <c r="AN20546">
        <v>58</v>
      </c>
      <c r="AO20546">
        <v>58</v>
      </c>
      <c r="AP20546">
        <v>58</v>
      </c>
      <c r="AQ20546">
        <v>58</v>
      </c>
    </row>
    <row r="20547" spans="1:43">
      <c r="A20547" t="s">
        <v>12723</v>
      </c>
      <c r="B20547" t="s">
        <v>12724</v>
      </c>
      <c r="C20547" t="s">
        <v>12721</v>
      </c>
      <c r="D20547" t="s">
        <v>12722</v>
      </c>
      <c r="E20547" t="s">
        <v>12580</v>
      </c>
      <c r="F20547" t="s">
        <v>12581</v>
      </c>
      <c r="G20547" t="s">
        <v>12582</v>
      </c>
      <c r="H20547" t="s">
        <v>12581</v>
      </c>
      <c r="I20547" s="2">
        <v>0.52</v>
      </c>
      <c r="J20547" s="2">
        <v>0</v>
      </c>
      <c r="K20547" s="2">
        <v>0</v>
      </c>
      <c r="L20547" t="s">
        <v>120</v>
      </c>
      <c r="M20547" t="s">
        <v>87</v>
      </c>
      <c r="N20547" t="s">
        <v>88</v>
      </c>
      <c r="O20547" t="s">
        <v>85</v>
      </c>
      <c r="P20547" t="s">
        <v>86</v>
      </c>
      <c r="Q20547">
        <v>43</v>
      </c>
      <c r="R20547">
        <v>43</v>
      </c>
      <c r="S20547">
        <v>44</v>
      </c>
      <c r="T20547">
        <v>44</v>
      </c>
      <c r="U20547">
        <v>44</v>
      </c>
      <c r="V20547">
        <v>44</v>
      </c>
      <c r="W20547">
        <v>45</v>
      </c>
      <c r="X20547">
        <v>45</v>
      </c>
      <c r="Y20547">
        <v>45</v>
      </c>
      <c r="Z20547">
        <v>45</v>
      </c>
      <c r="AA20547">
        <v>46</v>
      </c>
      <c r="AB20547">
        <v>46</v>
      </c>
      <c r="AC20547">
        <v>46</v>
      </c>
      <c r="AD20547">
        <v>47</v>
      </c>
      <c r="AE20547">
        <v>47</v>
      </c>
      <c r="AF20547">
        <v>47</v>
      </c>
      <c r="AG20547">
        <v>47</v>
      </c>
      <c r="AH20547">
        <v>48</v>
      </c>
      <c r="AI20547">
        <v>48</v>
      </c>
      <c r="AJ20547">
        <v>48</v>
      </c>
      <c r="AK20547">
        <v>49</v>
      </c>
      <c r="AL20547">
        <v>49</v>
      </c>
      <c r="AM20547">
        <v>49</v>
      </c>
      <c r="AN20547">
        <v>50</v>
      </c>
      <c r="AO20547">
        <v>50</v>
      </c>
      <c r="AP20547">
        <v>50</v>
      </c>
      <c r="AQ20547">
        <v>51</v>
      </c>
    </row>
    <row r="20548" spans="1:43">
      <c r="A20548" t="s">
        <v>12723</v>
      </c>
      <c r="B20548" t="s">
        <v>12724</v>
      </c>
      <c r="C20548" t="s">
        <v>12721</v>
      </c>
      <c r="D20548" t="s">
        <v>12722</v>
      </c>
      <c r="E20548" t="s">
        <v>12580</v>
      </c>
      <c r="F20548" t="s">
        <v>12581</v>
      </c>
      <c r="G20548" t="s">
        <v>12582</v>
      </c>
      <c r="H20548" t="s">
        <v>12581</v>
      </c>
      <c r="I20548" s="2">
        <v>0.52</v>
      </c>
      <c r="J20548" s="2">
        <v>0</v>
      </c>
      <c r="K20548" s="2">
        <v>0</v>
      </c>
      <c r="L20548" t="s">
        <v>120</v>
      </c>
      <c r="M20548" t="s">
        <v>89</v>
      </c>
      <c r="N20548" t="s">
        <v>90</v>
      </c>
      <c r="O20548" t="s">
        <v>85</v>
      </c>
      <c r="P20548" t="s">
        <v>86</v>
      </c>
      <c r="Q20548">
        <v>43</v>
      </c>
      <c r="R20548">
        <v>44</v>
      </c>
      <c r="S20548">
        <v>45</v>
      </c>
      <c r="T20548">
        <v>46</v>
      </c>
      <c r="U20548">
        <v>47</v>
      </c>
      <c r="V20548">
        <v>48</v>
      </c>
      <c r="W20548">
        <v>49</v>
      </c>
      <c r="X20548">
        <v>50</v>
      </c>
      <c r="Y20548">
        <v>51</v>
      </c>
      <c r="Z20548">
        <v>52</v>
      </c>
      <c r="AA20548">
        <v>52</v>
      </c>
      <c r="AB20548">
        <v>53</v>
      </c>
      <c r="AC20548">
        <v>54</v>
      </c>
      <c r="AD20548">
        <v>55</v>
      </c>
      <c r="AE20548">
        <v>56</v>
      </c>
      <c r="AF20548">
        <v>56</v>
      </c>
      <c r="AG20548">
        <v>56</v>
      </c>
      <c r="AH20548">
        <v>56</v>
      </c>
      <c r="AI20548">
        <v>56</v>
      </c>
      <c r="AJ20548">
        <v>57</v>
      </c>
      <c r="AK20548">
        <v>57</v>
      </c>
      <c r="AL20548">
        <v>57</v>
      </c>
      <c r="AM20548">
        <v>57</v>
      </c>
      <c r="AN20548">
        <v>57</v>
      </c>
      <c r="AO20548">
        <v>57</v>
      </c>
      <c r="AP20548">
        <v>58</v>
      </c>
      <c r="AQ20548">
        <v>58</v>
      </c>
    </row>
    <row r="20549" spans="1:43">
      <c r="A20549" t="s">
        <v>12723</v>
      </c>
      <c r="B20549" t="s">
        <v>12724</v>
      </c>
      <c r="C20549" t="s">
        <v>12721</v>
      </c>
      <c r="D20549" t="s">
        <v>12722</v>
      </c>
      <c r="E20549" t="s">
        <v>12580</v>
      </c>
      <c r="F20549" t="s">
        <v>12581</v>
      </c>
      <c r="G20549" t="s">
        <v>12582</v>
      </c>
      <c r="H20549" t="s">
        <v>12581</v>
      </c>
      <c r="I20549" s="2">
        <v>0.52</v>
      </c>
      <c r="J20549" s="2">
        <v>0</v>
      </c>
      <c r="K20549" s="2">
        <v>0</v>
      </c>
      <c r="L20549" t="s">
        <v>120</v>
      </c>
      <c r="M20549" t="s">
        <v>83</v>
      </c>
      <c r="N20549" t="s">
        <v>91</v>
      </c>
      <c r="O20549" t="s">
        <v>85</v>
      </c>
      <c r="P20549" t="s">
        <v>86</v>
      </c>
      <c r="Q20549">
        <v>43</v>
      </c>
      <c r="R20549">
        <v>44</v>
      </c>
      <c r="S20549">
        <v>45</v>
      </c>
      <c r="T20549">
        <v>45</v>
      </c>
      <c r="U20549">
        <v>46</v>
      </c>
      <c r="V20549">
        <v>47</v>
      </c>
      <c r="W20549">
        <v>48</v>
      </c>
      <c r="X20549">
        <v>48</v>
      </c>
      <c r="Y20549">
        <v>49</v>
      </c>
      <c r="Z20549">
        <v>50</v>
      </c>
      <c r="AA20549">
        <v>50</v>
      </c>
      <c r="AB20549">
        <v>51</v>
      </c>
      <c r="AC20549">
        <v>52</v>
      </c>
      <c r="AD20549">
        <v>52</v>
      </c>
      <c r="AE20549">
        <v>53</v>
      </c>
      <c r="AF20549">
        <v>54</v>
      </c>
      <c r="AG20549">
        <v>54</v>
      </c>
      <c r="AH20549">
        <v>55</v>
      </c>
      <c r="AI20549">
        <v>56</v>
      </c>
      <c r="AJ20549">
        <v>56</v>
      </c>
      <c r="AK20549">
        <v>57</v>
      </c>
      <c r="AL20549">
        <v>57</v>
      </c>
      <c r="AM20549">
        <v>58</v>
      </c>
      <c r="AN20549">
        <v>58</v>
      </c>
      <c r="AO20549">
        <v>58</v>
      </c>
      <c r="AP20549">
        <v>58</v>
      </c>
      <c r="AQ20549">
        <v>58</v>
      </c>
    </row>
    <row r="20550" spans="1:43">
      <c r="A20550" t="s">
        <v>12725</v>
      </c>
      <c r="B20550" t="s">
        <v>12726</v>
      </c>
      <c r="C20550" t="s">
        <v>12727</v>
      </c>
      <c r="D20550" t="s">
        <v>12728</v>
      </c>
      <c r="E20550" t="s">
        <v>12580</v>
      </c>
      <c r="F20550" t="s">
        <v>12581</v>
      </c>
      <c r="G20550" t="s">
        <v>12582</v>
      </c>
      <c r="H20550" t="s">
        <v>12581</v>
      </c>
      <c r="I20550" s="2">
        <v>1</v>
      </c>
      <c r="J20550" s="2">
        <v>0</v>
      </c>
      <c r="K20550" s="2">
        <v>0</v>
      </c>
      <c r="L20550" t="s">
        <v>120</v>
      </c>
      <c r="M20550" t="s">
        <v>83</v>
      </c>
      <c r="N20550" t="s">
        <v>84</v>
      </c>
      <c r="O20550" t="s">
        <v>85</v>
      </c>
      <c r="P20550" t="s">
        <v>86</v>
      </c>
      <c r="Q20550">
        <v>8</v>
      </c>
      <c r="R20550">
        <v>8</v>
      </c>
      <c r="S20550">
        <v>8</v>
      </c>
      <c r="T20550">
        <v>9</v>
      </c>
      <c r="U20550">
        <v>9</v>
      </c>
      <c r="V20550">
        <v>9</v>
      </c>
      <c r="W20550">
        <v>9</v>
      </c>
      <c r="X20550">
        <v>9</v>
      </c>
      <c r="Y20550">
        <v>9</v>
      </c>
      <c r="Z20550">
        <v>9</v>
      </c>
      <c r="AA20550">
        <v>9</v>
      </c>
      <c r="AB20550">
        <v>10</v>
      </c>
      <c r="AC20550">
        <v>10</v>
      </c>
      <c r="AD20550">
        <v>10</v>
      </c>
      <c r="AE20550">
        <v>10</v>
      </c>
      <c r="AF20550">
        <v>10</v>
      </c>
      <c r="AG20550">
        <v>10</v>
      </c>
      <c r="AH20550">
        <v>10</v>
      </c>
      <c r="AI20550">
        <v>10</v>
      </c>
      <c r="AJ20550">
        <v>11</v>
      </c>
      <c r="AK20550">
        <v>11</v>
      </c>
      <c r="AL20550">
        <v>11</v>
      </c>
      <c r="AM20550">
        <v>11</v>
      </c>
      <c r="AN20550">
        <v>11</v>
      </c>
      <c r="AO20550">
        <v>11</v>
      </c>
      <c r="AP20550">
        <v>11</v>
      </c>
      <c r="AQ20550">
        <v>11</v>
      </c>
    </row>
    <row r="20551" spans="1:43">
      <c r="A20551" t="s">
        <v>12725</v>
      </c>
      <c r="B20551" t="s">
        <v>12726</v>
      </c>
      <c r="C20551" t="s">
        <v>12727</v>
      </c>
      <c r="D20551" t="s">
        <v>12728</v>
      </c>
      <c r="E20551" t="s">
        <v>12580</v>
      </c>
      <c r="F20551" t="s">
        <v>12581</v>
      </c>
      <c r="G20551" t="s">
        <v>12582</v>
      </c>
      <c r="H20551" t="s">
        <v>12581</v>
      </c>
      <c r="I20551" s="2">
        <v>1</v>
      </c>
      <c r="J20551" s="2">
        <v>0</v>
      </c>
      <c r="K20551" s="2">
        <v>0</v>
      </c>
      <c r="L20551" t="s">
        <v>120</v>
      </c>
      <c r="M20551" t="s">
        <v>87</v>
      </c>
      <c r="N20551" t="s">
        <v>88</v>
      </c>
      <c r="O20551" t="s">
        <v>85</v>
      </c>
      <c r="P20551" t="s">
        <v>86</v>
      </c>
      <c r="Q20551">
        <v>8</v>
      </c>
      <c r="R20551">
        <v>8</v>
      </c>
      <c r="S20551">
        <v>8</v>
      </c>
      <c r="T20551">
        <v>8</v>
      </c>
      <c r="U20551">
        <v>8</v>
      </c>
      <c r="V20551">
        <v>8</v>
      </c>
      <c r="W20551">
        <v>8</v>
      </c>
      <c r="X20551">
        <v>8</v>
      </c>
      <c r="Y20551">
        <v>8</v>
      </c>
      <c r="Z20551">
        <v>9</v>
      </c>
      <c r="AA20551">
        <v>9</v>
      </c>
      <c r="AB20551">
        <v>9</v>
      </c>
      <c r="AC20551">
        <v>9</v>
      </c>
      <c r="AD20551">
        <v>9</v>
      </c>
      <c r="AE20551">
        <v>9</v>
      </c>
      <c r="AF20551">
        <v>9</v>
      </c>
      <c r="AG20551">
        <v>9</v>
      </c>
      <c r="AH20551">
        <v>9</v>
      </c>
      <c r="AI20551">
        <v>9</v>
      </c>
      <c r="AJ20551">
        <v>9</v>
      </c>
      <c r="AK20551">
        <v>9</v>
      </c>
      <c r="AL20551">
        <v>9</v>
      </c>
      <c r="AM20551">
        <v>9</v>
      </c>
      <c r="AN20551">
        <v>9</v>
      </c>
      <c r="AO20551">
        <v>10</v>
      </c>
      <c r="AP20551">
        <v>10</v>
      </c>
      <c r="AQ20551">
        <v>10</v>
      </c>
    </row>
    <row r="20552" spans="1:43">
      <c r="A20552" t="s">
        <v>12725</v>
      </c>
      <c r="B20552" t="s">
        <v>12726</v>
      </c>
      <c r="C20552" t="s">
        <v>12727</v>
      </c>
      <c r="D20552" t="s">
        <v>12728</v>
      </c>
      <c r="E20552" t="s">
        <v>12580</v>
      </c>
      <c r="F20552" t="s">
        <v>12581</v>
      </c>
      <c r="G20552" t="s">
        <v>12582</v>
      </c>
      <c r="H20552" t="s">
        <v>12581</v>
      </c>
      <c r="I20552" s="2">
        <v>1</v>
      </c>
      <c r="J20552" s="2">
        <v>0</v>
      </c>
      <c r="K20552" s="2">
        <v>0</v>
      </c>
      <c r="L20552" t="s">
        <v>120</v>
      </c>
      <c r="M20552" t="s">
        <v>89</v>
      </c>
      <c r="N20552" t="s">
        <v>90</v>
      </c>
      <c r="O20552" t="s">
        <v>85</v>
      </c>
      <c r="P20552" t="s">
        <v>86</v>
      </c>
      <c r="Q20552">
        <v>8</v>
      </c>
      <c r="R20552">
        <v>8</v>
      </c>
      <c r="S20552">
        <v>9</v>
      </c>
      <c r="T20552">
        <v>9</v>
      </c>
      <c r="U20552">
        <v>9</v>
      </c>
      <c r="V20552">
        <v>9</v>
      </c>
      <c r="W20552">
        <v>9</v>
      </c>
      <c r="X20552">
        <v>10</v>
      </c>
      <c r="Y20552">
        <v>10</v>
      </c>
      <c r="Z20552">
        <v>10</v>
      </c>
      <c r="AA20552">
        <v>10</v>
      </c>
      <c r="AB20552">
        <v>10</v>
      </c>
      <c r="AC20552">
        <v>10</v>
      </c>
      <c r="AD20552">
        <v>11</v>
      </c>
      <c r="AE20552">
        <v>11</v>
      </c>
      <c r="AF20552">
        <v>11</v>
      </c>
      <c r="AG20552">
        <v>11</v>
      </c>
      <c r="AH20552">
        <v>11</v>
      </c>
      <c r="AI20552">
        <v>11</v>
      </c>
      <c r="AJ20552">
        <v>11</v>
      </c>
      <c r="AK20552">
        <v>11</v>
      </c>
      <c r="AL20552">
        <v>11</v>
      </c>
      <c r="AM20552">
        <v>11</v>
      </c>
      <c r="AN20552">
        <v>11</v>
      </c>
      <c r="AO20552">
        <v>11</v>
      </c>
      <c r="AP20552">
        <v>11</v>
      </c>
      <c r="AQ20552">
        <v>11</v>
      </c>
    </row>
    <row r="20553" spans="1:43">
      <c r="A20553" t="s">
        <v>12725</v>
      </c>
      <c r="B20553" t="s">
        <v>12726</v>
      </c>
      <c r="C20553" t="s">
        <v>12727</v>
      </c>
      <c r="D20553" t="s">
        <v>12728</v>
      </c>
      <c r="E20553" t="s">
        <v>12580</v>
      </c>
      <c r="F20553" t="s">
        <v>12581</v>
      </c>
      <c r="G20553" t="s">
        <v>12582</v>
      </c>
      <c r="H20553" t="s">
        <v>12581</v>
      </c>
      <c r="I20553" s="2">
        <v>1</v>
      </c>
      <c r="J20553" s="2">
        <v>0</v>
      </c>
      <c r="K20553" s="2">
        <v>0</v>
      </c>
      <c r="L20553" t="s">
        <v>120</v>
      </c>
      <c r="M20553" t="s">
        <v>83</v>
      </c>
      <c r="N20553" t="s">
        <v>91</v>
      </c>
      <c r="O20553" t="s">
        <v>85</v>
      </c>
      <c r="P20553" t="s">
        <v>86</v>
      </c>
      <c r="Q20553">
        <v>8</v>
      </c>
      <c r="R20553">
        <v>8</v>
      </c>
      <c r="S20553">
        <v>8</v>
      </c>
      <c r="T20553">
        <v>9</v>
      </c>
      <c r="U20553">
        <v>9</v>
      </c>
      <c r="V20553">
        <v>9</v>
      </c>
      <c r="W20553">
        <v>9</v>
      </c>
      <c r="X20553">
        <v>9</v>
      </c>
      <c r="Y20553">
        <v>9</v>
      </c>
      <c r="Z20553">
        <v>9</v>
      </c>
      <c r="AA20553">
        <v>9</v>
      </c>
      <c r="AB20553">
        <v>10</v>
      </c>
      <c r="AC20553">
        <v>10</v>
      </c>
      <c r="AD20553">
        <v>10</v>
      </c>
      <c r="AE20553">
        <v>10</v>
      </c>
      <c r="AF20553">
        <v>10</v>
      </c>
      <c r="AG20553">
        <v>10</v>
      </c>
      <c r="AH20553">
        <v>10</v>
      </c>
      <c r="AI20553">
        <v>10</v>
      </c>
      <c r="AJ20553">
        <v>11</v>
      </c>
      <c r="AK20553">
        <v>11</v>
      </c>
      <c r="AL20553">
        <v>11</v>
      </c>
      <c r="AM20553">
        <v>11</v>
      </c>
      <c r="AN20553">
        <v>11</v>
      </c>
      <c r="AO20553">
        <v>11</v>
      </c>
      <c r="AP20553">
        <v>11</v>
      </c>
      <c r="AQ20553">
        <v>11</v>
      </c>
    </row>
    <row r="20554" spans="1:43">
      <c r="A20554" t="s">
        <v>12729</v>
      </c>
      <c r="B20554" t="s">
        <v>12730</v>
      </c>
      <c r="C20554" t="s">
        <v>12727</v>
      </c>
      <c r="D20554" t="s">
        <v>12728</v>
      </c>
      <c r="E20554" t="s">
        <v>12580</v>
      </c>
      <c r="F20554" t="s">
        <v>12581</v>
      </c>
      <c r="G20554" t="s">
        <v>12582</v>
      </c>
      <c r="H20554" t="s">
        <v>12581</v>
      </c>
      <c r="I20554" s="2">
        <v>1</v>
      </c>
      <c r="J20554" s="2">
        <v>0</v>
      </c>
      <c r="K20554" s="2">
        <v>0</v>
      </c>
      <c r="L20554" t="s">
        <v>120</v>
      </c>
      <c r="M20554" t="s">
        <v>83</v>
      </c>
      <c r="N20554" t="s">
        <v>84</v>
      </c>
      <c r="O20554" t="s">
        <v>85</v>
      </c>
      <c r="P20554" t="s">
        <v>86</v>
      </c>
      <c r="Q20554">
        <v>2</v>
      </c>
      <c r="R20554">
        <v>2</v>
      </c>
      <c r="S20554">
        <v>2</v>
      </c>
      <c r="T20554">
        <v>2</v>
      </c>
      <c r="U20554">
        <v>3</v>
      </c>
      <c r="V20554">
        <v>3</v>
      </c>
      <c r="W20554">
        <v>3</v>
      </c>
      <c r="X20554">
        <v>3</v>
      </c>
      <c r="Y20554">
        <v>3</v>
      </c>
      <c r="Z20554">
        <v>3</v>
      </c>
      <c r="AA20554">
        <v>3</v>
      </c>
      <c r="AB20554">
        <v>3</v>
      </c>
      <c r="AC20554">
        <v>3</v>
      </c>
      <c r="AD20554">
        <v>3</v>
      </c>
      <c r="AE20554">
        <v>3</v>
      </c>
      <c r="AF20554">
        <v>3</v>
      </c>
      <c r="AG20554">
        <v>3</v>
      </c>
      <c r="AH20554">
        <v>3</v>
      </c>
      <c r="AI20554">
        <v>3</v>
      </c>
      <c r="AJ20554">
        <v>3</v>
      </c>
      <c r="AK20554">
        <v>3</v>
      </c>
      <c r="AL20554">
        <v>3</v>
      </c>
      <c r="AM20554">
        <v>3</v>
      </c>
      <c r="AN20554">
        <v>3</v>
      </c>
      <c r="AO20554">
        <v>3</v>
      </c>
      <c r="AP20554">
        <v>3</v>
      </c>
      <c r="AQ20554">
        <v>3</v>
      </c>
    </row>
    <row r="20555" spans="1:43">
      <c r="A20555" t="s">
        <v>12729</v>
      </c>
      <c r="B20555" t="s">
        <v>12730</v>
      </c>
      <c r="C20555" t="s">
        <v>12727</v>
      </c>
      <c r="D20555" t="s">
        <v>12728</v>
      </c>
      <c r="E20555" t="s">
        <v>12580</v>
      </c>
      <c r="F20555" t="s">
        <v>12581</v>
      </c>
      <c r="G20555" t="s">
        <v>12582</v>
      </c>
      <c r="H20555" t="s">
        <v>12581</v>
      </c>
      <c r="I20555" s="2">
        <v>1</v>
      </c>
      <c r="J20555" s="2">
        <v>0</v>
      </c>
      <c r="K20555" s="2">
        <v>0</v>
      </c>
      <c r="L20555" t="s">
        <v>120</v>
      </c>
      <c r="M20555" t="s">
        <v>87</v>
      </c>
      <c r="N20555" t="s">
        <v>88</v>
      </c>
      <c r="O20555" t="s">
        <v>85</v>
      </c>
      <c r="P20555" t="s">
        <v>86</v>
      </c>
      <c r="Q20555">
        <v>2</v>
      </c>
      <c r="R20555">
        <v>2</v>
      </c>
      <c r="S20555">
        <v>2</v>
      </c>
      <c r="T20555">
        <v>2</v>
      </c>
      <c r="U20555">
        <v>2</v>
      </c>
      <c r="V20555">
        <v>2</v>
      </c>
      <c r="W20555">
        <v>2</v>
      </c>
      <c r="X20555">
        <v>2</v>
      </c>
      <c r="Y20555">
        <v>2</v>
      </c>
      <c r="Z20555">
        <v>3</v>
      </c>
      <c r="AA20555">
        <v>3</v>
      </c>
      <c r="AB20555">
        <v>3</v>
      </c>
      <c r="AC20555">
        <v>3</v>
      </c>
      <c r="AD20555">
        <v>3</v>
      </c>
      <c r="AE20555">
        <v>3</v>
      </c>
      <c r="AF20555">
        <v>3</v>
      </c>
      <c r="AG20555">
        <v>3</v>
      </c>
      <c r="AH20555">
        <v>3</v>
      </c>
      <c r="AI20555">
        <v>3</v>
      </c>
      <c r="AJ20555">
        <v>3</v>
      </c>
      <c r="AK20555">
        <v>3</v>
      </c>
      <c r="AL20555">
        <v>3</v>
      </c>
      <c r="AM20555">
        <v>3</v>
      </c>
      <c r="AN20555">
        <v>3</v>
      </c>
      <c r="AO20555">
        <v>3</v>
      </c>
      <c r="AP20555">
        <v>3</v>
      </c>
      <c r="AQ20555">
        <v>3</v>
      </c>
    </row>
    <row r="20556" spans="1:43">
      <c r="A20556" t="s">
        <v>12729</v>
      </c>
      <c r="B20556" t="s">
        <v>12730</v>
      </c>
      <c r="C20556" t="s">
        <v>12727</v>
      </c>
      <c r="D20556" t="s">
        <v>12728</v>
      </c>
      <c r="E20556" t="s">
        <v>12580</v>
      </c>
      <c r="F20556" t="s">
        <v>12581</v>
      </c>
      <c r="G20556" t="s">
        <v>12582</v>
      </c>
      <c r="H20556" t="s">
        <v>12581</v>
      </c>
      <c r="I20556" s="2">
        <v>1</v>
      </c>
      <c r="J20556" s="2">
        <v>0</v>
      </c>
      <c r="K20556" s="2">
        <v>0</v>
      </c>
      <c r="L20556" t="s">
        <v>120</v>
      </c>
      <c r="M20556" t="s">
        <v>89</v>
      </c>
      <c r="N20556" t="s">
        <v>90</v>
      </c>
      <c r="O20556" t="s">
        <v>85</v>
      </c>
      <c r="P20556" t="s">
        <v>86</v>
      </c>
      <c r="Q20556">
        <v>2</v>
      </c>
      <c r="R20556">
        <v>2</v>
      </c>
      <c r="S20556">
        <v>3</v>
      </c>
      <c r="T20556">
        <v>3</v>
      </c>
      <c r="U20556">
        <v>3</v>
      </c>
      <c r="V20556">
        <v>3</v>
      </c>
      <c r="W20556">
        <v>3</v>
      </c>
      <c r="X20556">
        <v>3</v>
      </c>
      <c r="Y20556">
        <v>3</v>
      </c>
      <c r="Z20556">
        <v>3</v>
      </c>
      <c r="AA20556">
        <v>3</v>
      </c>
      <c r="AB20556">
        <v>3</v>
      </c>
      <c r="AC20556">
        <v>3</v>
      </c>
      <c r="AD20556">
        <v>3</v>
      </c>
      <c r="AE20556">
        <v>3</v>
      </c>
      <c r="AF20556">
        <v>3</v>
      </c>
      <c r="AG20556">
        <v>3</v>
      </c>
      <c r="AH20556">
        <v>3</v>
      </c>
      <c r="AI20556">
        <v>3</v>
      </c>
      <c r="AJ20556">
        <v>3</v>
      </c>
      <c r="AK20556">
        <v>3</v>
      </c>
      <c r="AL20556">
        <v>3</v>
      </c>
      <c r="AM20556">
        <v>3</v>
      </c>
      <c r="AN20556">
        <v>3</v>
      </c>
      <c r="AO20556">
        <v>3</v>
      </c>
      <c r="AP20556">
        <v>3</v>
      </c>
      <c r="AQ20556">
        <v>3</v>
      </c>
    </row>
    <row r="20557" spans="1:43">
      <c r="A20557" t="s">
        <v>12729</v>
      </c>
      <c r="B20557" t="s">
        <v>12730</v>
      </c>
      <c r="C20557" t="s">
        <v>12727</v>
      </c>
      <c r="D20557" t="s">
        <v>12728</v>
      </c>
      <c r="E20557" t="s">
        <v>12580</v>
      </c>
      <c r="F20557" t="s">
        <v>12581</v>
      </c>
      <c r="G20557" t="s">
        <v>12582</v>
      </c>
      <c r="H20557" t="s">
        <v>12581</v>
      </c>
      <c r="I20557" s="2">
        <v>1</v>
      </c>
      <c r="J20557" s="2">
        <v>0</v>
      </c>
      <c r="K20557" s="2">
        <v>0</v>
      </c>
      <c r="L20557" t="s">
        <v>120</v>
      </c>
      <c r="M20557" t="s">
        <v>83</v>
      </c>
      <c r="N20557" t="s">
        <v>91</v>
      </c>
      <c r="O20557" t="s">
        <v>85</v>
      </c>
      <c r="P20557" t="s">
        <v>86</v>
      </c>
      <c r="Q20557">
        <v>2</v>
      </c>
      <c r="R20557">
        <v>2</v>
      </c>
      <c r="S20557">
        <v>2</v>
      </c>
      <c r="T20557">
        <v>2</v>
      </c>
      <c r="U20557">
        <v>3</v>
      </c>
      <c r="V20557">
        <v>3</v>
      </c>
      <c r="W20557">
        <v>3</v>
      </c>
      <c r="X20557">
        <v>3</v>
      </c>
      <c r="Y20557">
        <v>3</v>
      </c>
      <c r="Z20557">
        <v>3</v>
      </c>
      <c r="AA20557">
        <v>3</v>
      </c>
      <c r="AB20557">
        <v>3</v>
      </c>
      <c r="AC20557">
        <v>3</v>
      </c>
      <c r="AD20557">
        <v>3</v>
      </c>
      <c r="AE20557">
        <v>3</v>
      </c>
      <c r="AF20557">
        <v>3</v>
      </c>
      <c r="AG20557">
        <v>3</v>
      </c>
      <c r="AH20557">
        <v>3</v>
      </c>
      <c r="AI20557">
        <v>3</v>
      </c>
      <c r="AJ20557">
        <v>3</v>
      </c>
      <c r="AK20557">
        <v>3</v>
      </c>
      <c r="AL20557">
        <v>3</v>
      </c>
      <c r="AM20557">
        <v>3</v>
      </c>
      <c r="AN20557">
        <v>3</v>
      </c>
      <c r="AO20557">
        <v>3</v>
      </c>
      <c r="AP20557">
        <v>3</v>
      </c>
      <c r="AQ20557">
        <v>3</v>
      </c>
    </row>
    <row r="20558" spans="1:43">
      <c r="A20558" t="s">
        <v>12731</v>
      </c>
      <c r="B20558" t="s">
        <v>12732</v>
      </c>
      <c r="C20558" t="s">
        <v>12727</v>
      </c>
      <c r="D20558" t="s">
        <v>12728</v>
      </c>
      <c r="E20558" t="s">
        <v>12580</v>
      </c>
      <c r="F20558" t="s">
        <v>12581</v>
      </c>
      <c r="G20558" t="s">
        <v>12582</v>
      </c>
      <c r="H20558" t="s">
        <v>12581</v>
      </c>
      <c r="I20558" s="2">
        <v>1</v>
      </c>
      <c r="J20558" s="2">
        <v>0</v>
      </c>
      <c r="K20558" s="2">
        <v>0</v>
      </c>
      <c r="L20558" t="s">
        <v>120</v>
      </c>
      <c r="M20558" t="s">
        <v>83</v>
      </c>
      <c r="N20558" t="s">
        <v>84</v>
      </c>
      <c r="O20558" t="s">
        <v>85</v>
      </c>
      <c r="P20558" t="s">
        <v>86</v>
      </c>
      <c r="Q20558">
        <v>84</v>
      </c>
      <c r="R20558">
        <v>86</v>
      </c>
      <c r="S20558">
        <v>87</v>
      </c>
      <c r="T20558">
        <v>88</v>
      </c>
      <c r="U20558">
        <v>90</v>
      </c>
      <c r="V20558">
        <v>91</v>
      </c>
      <c r="W20558">
        <v>93</v>
      </c>
      <c r="X20558">
        <v>94</v>
      </c>
      <c r="Y20558">
        <v>95</v>
      </c>
      <c r="Z20558">
        <v>97</v>
      </c>
      <c r="AA20558">
        <v>98</v>
      </c>
      <c r="AB20558">
        <v>99</v>
      </c>
      <c r="AC20558">
        <v>101</v>
      </c>
      <c r="AD20558">
        <v>102</v>
      </c>
      <c r="AE20558">
        <v>104</v>
      </c>
      <c r="AF20558">
        <v>105</v>
      </c>
      <c r="AG20558">
        <v>106</v>
      </c>
      <c r="AH20558">
        <v>108</v>
      </c>
      <c r="AI20558">
        <v>109</v>
      </c>
      <c r="AJ20558">
        <v>111</v>
      </c>
      <c r="AK20558">
        <v>112</v>
      </c>
      <c r="AL20558">
        <v>113</v>
      </c>
      <c r="AM20558">
        <v>114</v>
      </c>
      <c r="AN20558">
        <v>114</v>
      </c>
      <c r="AO20558">
        <v>115</v>
      </c>
      <c r="AP20558">
        <v>115</v>
      </c>
      <c r="AQ20558">
        <v>116</v>
      </c>
    </row>
    <row r="20559" spans="1:43">
      <c r="A20559" t="s">
        <v>12731</v>
      </c>
      <c r="B20559" t="s">
        <v>12732</v>
      </c>
      <c r="C20559" t="s">
        <v>12727</v>
      </c>
      <c r="D20559" t="s">
        <v>12728</v>
      </c>
      <c r="E20559" t="s">
        <v>12580</v>
      </c>
      <c r="F20559" t="s">
        <v>12581</v>
      </c>
      <c r="G20559" t="s">
        <v>12582</v>
      </c>
      <c r="H20559" t="s">
        <v>12581</v>
      </c>
      <c r="I20559" s="2">
        <v>1</v>
      </c>
      <c r="J20559" s="2">
        <v>0</v>
      </c>
      <c r="K20559" s="2">
        <v>0</v>
      </c>
      <c r="L20559" t="s">
        <v>120</v>
      </c>
      <c r="M20559" t="s">
        <v>87</v>
      </c>
      <c r="N20559" t="s">
        <v>88</v>
      </c>
      <c r="O20559" t="s">
        <v>85</v>
      </c>
      <c r="P20559" t="s">
        <v>86</v>
      </c>
      <c r="Q20559">
        <v>84</v>
      </c>
      <c r="R20559">
        <v>85</v>
      </c>
      <c r="S20559">
        <v>86</v>
      </c>
      <c r="T20559">
        <v>86</v>
      </c>
      <c r="U20559">
        <v>87</v>
      </c>
      <c r="V20559">
        <v>87</v>
      </c>
      <c r="W20559">
        <v>88</v>
      </c>
      <c r="X20559">
        <v>89</v>
      </c>
      <c r="Y20559">
        <v>89</v>
      </c>
      <c r="Z20559">
        <v>90</v>
      </c>
      <c r="AA20559">
        <v>90</v>
      </c>
      <c r="AB20559">
        <v>91</v>
      </c>
      <c r="AC20559">
        <v>92</v>
      </c>
      <c r="AD20559">
        <v>92</v>
      </c>
      <c r="AE20559">
        <v>93</v>
      </c>
      <c r="AF20559">
        <v>94</v>
      </c>
      <c r="AG20559">
        <v>94</v>
      </c>
      <c r="AH20559">
        <v>95</v>
      </c>
      <c r="AI20559">
        <v>96</v>
      </c>
      <c r="AJ20559">
        <v>96</v>
      </c>
      <c r="AK20559">
        <v>97</v>
      </c>
      <c r="AL20559">
        <v>98</v>
      </c>
      <c r="AM20559">
        <v>99</v>
      </c>
      <c r="AN20559">
        <v>99</v>
      </c>
      <c r="AO20559">
        <v>100</v>
      </c>
      <c r="AP20559">
        <v>101</v>
      </c>
      <c r="AQ20559">
        <v>102</v>
      </c>
    </row>
    <row r="20560" spans="1:43">
      <c r="A20560" t="s">
        <v>12731</v>
      </c>
      <c r="B20560" t="s">
        <v>12732</v>
      </c>
      <c r="C20560" t="s">
        <v>12727</v>
      </c>
      <c r="D20560" t="s">
        <v>12728</v>
      </c>
      <c r="E20560" t="s">
        <v>12580</v>
      </c>
      <c r="F20560" t="s">
        <v>12581</v>
      </c>
      <c r="G20560" t="s">
        <v>12582</v>
      </c>
      <c r="H20560" t="s">
        <v>12581</v>
      </c>
      <c r="I20560" s="2">
        <v>1</v>
      </c>
      <c r="J20560" s="2">
        <v>0</v>
      </c>
      <c r="K20560" s="2">
        <v>0</v>
      </c>
      <c r="L20560" t="s">
        <v>120</v>
      </c>
      <c r="M20560" t="s">
        <v>89</v>
      </c>
      <c r="N20560" t="s">
        <v>90</v>
      </c>
      <c r="O20560" t="s">
        <v>85</v>
      </c>
      <c r="P20560" t="s">
        <v>86</v>
      </c>
      <c r="Q20560">
        <v>84</v>
      </c>
      <c r="R20560">
        <v>86</v>
      </c>
      <c r="S20560">
        <v>88</v>
      </c>
      <c r="T20560">
        <v>90</v>
      </c>
      <c r="U20560">
        <v>92</v>
      </c>
      <c r="V20560">
        <v>94</v>
      </c>
      <c r="W20560">
        <v>96</v>
      </c>
      <c r="X20560">
        <v>98</v>
      </c>
      <c r="Y20560">
        <v>100</v>
      </c>
      <c r="Z20560">
        <v>102</v>
      </c>
      <c r="AA20560">
        <v>103</v>
      </c>
      <c r="AB20560">
        <v>105</v>
      </c>
      <c r="AC20560">
        <v>107</v>
      </c>
      <c r="AD20560">
        <v>109</v>
      </c>
      <c r="AE20560">
        <v>110</v>
      </c>
      <c r="AF20560">
        <v>110</v>
      </c>
      <c r="AG20560">
        <v>111</v>
      </c>
      <c r="AH20560">
        <v>111</v>
      </c>
      <c r="AI20560">
        <v>112</v>
      </c>
      <c r="AJ20560">
        <v>112</v>
      </c>
      <c r="AK20560">
        <v>113</v>
      </c>
      <c r="AL20560">
        <v>113</v>
      </c>
      <c r="AM20560">
        <v>114</v>
      </c>
      <c r="AN20560">
        <v>114</v>
      </c>
      <c r="AO20560">
        <v>115</v>
      </c>
      <c r="AP20560">
        <v>115</v>
      </c>
      <c r="AQ20560">
        <v>116</v>
      </c>
    </row>
    <row r="20561" spans="1:43">
      <c r="A20561" t="s">
        <v>12731</v>
      </c>
      <c r="B20561" t="s">
        <v>12732</v>
      </c>
      <c r="C20561" t="s">
        <v>12727</v>
      </c>
      <c r="D20561" t="s">
        <v>12728</v>
      </c>
      <c r="E20561" t="s">
        <v>12580</v>
      </c>
      <c r="F20561" t="s">
        <v>12581</v>
      </c>
      <c r="G20561" t="s">
        <v>12582</v>
      </c>
      <c r="H20561" t="s">
        <v>12581</v>
      </c>
      <c r="I20561" s="2">
        <v>1</v>
      </c>
      <c r="J20561" s="2">
        <v>0</v>
      </c>
      <c r="K20561" s="2">
        <v>0</v>
      </c>
      <c r="L20561" t="s">
        <v>120</v>
      </c>
      <c r="M20561" t="s">
        <v>83</v>
      </c>
      <c r="N20561" t="s">
        <v>91</v>
      </c>
      <c r="O20561" t="s">
        <v>85</v>
      </c>
      <c r="P20561" t="s">
        <v>86</v>
      </c>
      <c r="Q20561">
        <v>84</v>
      </c>
      <c r="R20561">
        <v>86</v>
      </c>
      <c r="S20561">
        <v>87</v>
      </c>
      <c r="T20561">
        <v>88</v>
      </c>
      <c r="U20561">
        <v>90</v>
      </c>
      <c r="V20561">
        <v>91</v>
      </c>
      <c r="W20561">
        <v>93</v>
      </c>
      <c r="X20561">
        <v>94</v>
      </c>
      <c r="Y20561">
        <v>95</v>
      </c>
      <c r="Z20561">
        <v>97</v>
      </c>
      <c r="AA20561">
        <v>98</v>
      </c>
      <c r="AB20561">
        <v>99</v>
      </c>
      <c r="AC20561">
        <v>101</v>
      </c>
      <c r="AD20561">
        <v>102</v>
      </c>
      <c r="AE20561">
        <v>104</v>
      </c>
      <c r="AF20561">
        <v>105</v>
      </c>
      <c r="AG20561">
        <v>106</v>
      </c>
      <c r="AH20561">
        <v>108</v>
      </c>
      <c r="AI20561">
        <v>109</v>
      </c>
      <c r="AJ20561">
        <v>111</v>
      </c>
      <c r="AK20561">
        <v>112</v>
      </c>
      <c r="AL20561">
        <v>113</v>
      </c>
      <c r="AM20561">
        <v>114</v>
      </c>
      <c r="AN20561">
        <v>114</v>
      </c>
      <c r="AO20561">
        <v>115</v>
      </c>
      <c r="AP20561">
        <v>115</v>
      </c>
      <c r="AQ20561">
        <v>116</v>
      </c>
    </row>
    <row r="20562" spans="1:43">
      <c r="A20562" t="s">
        <v>12733</v>
      </c>
      <c r="B20562" t="s">
        <v>12734</v>
      </c>
      <c r="C20562" t="s">
        <v>12735</v>
      </c>
      <c r="D20562" t="s">
        <v>12736</v>
      </c>
      <c r="E20562" t="s">
        <v>12580</v>
      </c>
      <c r="F20562" t="s">
        <v>12581</v>
      </c>
      <c r="G20562" t="s">
        <v>12582</v>
      </c>
      <c r="H20562" t="s">
        <v>12581</v>
      </c>
      <c r="I20562" s="2">
        <v>1</v>
      </c>
      <c r="J20562" s="2">
        <v>0</v>
      </c>
      <c r="K20562" s="2">
        <v>0</v>
      </c>
      <c r="L20562" t="s">
        <v>120</v>
      </c>
      <c r="M20562" t="s">
        <v>83</v>
      </c>
      <c r="N20562" t="s">
        <v>84</v>
      </c>
      <c r="O20562" t="s">
        <v>85</v>
      </c>
      <c r="P20562" t="s">
        <v>86</v>
      </c>
      <c r="Q20562">
        <v>1</v>
      </c>
      <c r="R20562">
        <v>1</v>
      </c>
      <c r="S20562">
        <v>1</v>
      </c>
      <c r="T20562">
        <v>1</v>
      </c>
      <c r="U20562">
        <v>1</v>
      </c>
      <c r="V20562">
        <v>1</v>
      </c>
      <c r="W20562">
        <v>1</v>
      </c>
      <c r="X20562">
        <v>1</v>
      </c>
      <c r="Y20562">
        <v>1</v>
      </c>
      <c r="Z20562">
        <v>1</v>
      </c>
      <c r="AA20562">
        <v>1</v>
      </c>
      <c r="AB20562">
        <v>1</v>
      </c>
      <c r="AC20562">
        <v>1</v>
      </c>
      <c r="AD20562">
        <v>2</v>
      </c>
      <c r="AE20562">
        <v>2</v>
      </c>
      <c r="AF20562">
        <v>2</v>
      </c>
      <c r="AG20562">
        <v>2</v>
      </c>
      <c r="AH20562">
        <v>2</v>
      </c>
      <c r="AI20562">
        <v>2</v>
      </c>
      <c r="AJ20562">
        <v>2</v>
      </c>
      <c r="AK20562">
        <v>2</v>
      </c>
      <c r="AL20562">
        <v>2</v>
      </c>
      <c r="AM20562">
        <v>2</v>
      </c>
      <c r="AN20562">
        <v>2</v>
      </c>
      <c r="AO20562">
        <v>2</v>
      </c>
      <c r="AP20562">
        <v>2</v>
      </c>
      <c r="AQ20562">
        <v>2</v>
      </c>
    </row>
    <row r="20563" spans="1:43">
      <c r="A20563" t="s">
        <v>12733</v>
      </c>
      <c r="B20563" t="s">
        <v>12734</v>
      </c>
      <c r="C20563" t="s">
        <v>12735</v>
      </c>
      <c r="D20563" t="s">
        <v>12736</v>
      </c>
      <c r="E20563" t="s">
        <v>12580</v>
      </c>
      <c r="F20563" t="s">
        <v>12581</v>
      </c>
      <c r="G20563" t="s">
        <v>12582</v>
      </c>
      <c r="H20563" t="s">
        <v>12581</v>
      </c>
      <c r="I20563" s="2">
        <v>1</v>
      </c>
      <c r="J20563" s="2">
        <v>0</v>
      </c>
      <c r="K20563" s="2">
        <v>0</v>
      </c>
      <c r="L20563" t="s">
        <v>120</v>
      </c>
      <c r="M20563" t="s">
        <v>87</v>
      </c>
      <c r="N20563" t="s">
        <v>88</v>
      </c>
      <c r="O20563" t="s">
        <v>85</v>
      </c>
      <c r="P20563" t="s">
        <v>86</v>
      </c>
      <c r="Q20563">
        <v>1</v>
      </c>
      <c r="R20563">
        <v>1</v>
      </c>
      <c r="S20563">
        <v>1</v>
      </c>
      <c r="T20563">
        <v>1</v>
      </c>
      <c r="U20563">
        <v>1</v>
      </c>
      <c r="V20563">
        <v>1</v>
      </c>
      <c r="W20563">
        <v>1</v>
      </c>
      <c r="X20563">
        <v>1</v>
      </c>
      <c r="Y20563">
        <v>1</v>
      </c>
      <c r="Z20563">
        <v>1</v>
      </c>
      <c r="AA20563">
        <v>1</v>
      </c>
      <c r="AB20563">
        <v>1</v>
      </c>
      <c r="AC20563">
        <v>1</v>
      </c>
      <c r="AD20563">
        <v>1</v>
      </c>
      <c r="AE20563">
        <v>1</v>
      </c>
      <c r="AF20563">
        <v>1</v>
      </c>
      <c r="AG20563">
        <v>1</v>
      </c>
      <c r="AH20563">
        <v>1</v>
      </c>
      <c r="AI20563">
        <v>1</v>
      </c>
      <c r="AJ20563">
        <v>1</v>
      </c>
      <c r="AK20563">
        <v>1</v>
      </c>
      <c r="AL20563">
        <v>1</v>
      </c>
      <c r="AM20563">
        <v>1</v>
      </c>
      <c r="AN20563">
        <v>1</v>
      </c>
      <c r="AO20563">
        <v>1</v>
      </c>
      <c r="AP20563">
        <v>1</v>
      </c>
      <c r="AQ20563">
        <v>1</v>
      </c>
    </row>
    <row r="20564" spans="1:43">
      <c r="A20564" t="s">
        <v>12733</v>
      </c>
      <c r="B20564" t="s">
        <v>12734</v>
      </c>
      <c r="C20564" t="s">
        <v>12735</v>
      </c>
      <c r="D20564" t="s">
        <v>12736</v>
      </c>
      <c r="E20564" t="s">
        <v>12580</v>
      </c>
      <c r="F20564" t="s">
        <v>12581</v>
      </c>
      <c r="G20564" t="s">
        <v>12582</v>
      </c>
      <c r="H20564" t="s">
        <v>12581</v>
      </c>
      <c r="I20564" s="2">
        <v>1</v>
      </c>
      <c r="J20564" s="2">
        <v>0</v>
      </c>
      <c r="K20564" s="2">
        <v>0</v>
      </c>
      <c r="L20564" t="s">
        <v>120</v>
      </c>
      <c r="M20564" t="s">
        <v>89</v>
      </c>
      <c r="N20564" t="s">
        <v>90</v>
      </c>
      <c r="O20564" t="s">
        <v>85</v>
      </c>
      <c r="P20564" t="s">
        <v>86</v>
      </c>
      <c r="Q20564">
        <v>1</v>
      </c>
      <c r="R20564">
        <v>1</v>
      </c>
      <c r="S20564">
        <v>1</v>
      </c>
      <c r="T20564">
        <v>1</v>
      </c>
      <c r="U20564">
        <v>1</v>
      </c>
      <c r="V20564">
        <v>1</v>
      </c>
      <c r="W20564">
        <v>1</v>
      </c>
      <c r="X20564">
        <v>1</v>
      </c>
      <c r="Y20564">
        <v>1</v>
      </c>
      <c r="Z20564">
        <v>2</v>
      </c>
      <c r="AA20564">
        <v>2</v>
      </c>
      <c r="AB20564">
        <v>2</v>
      </c>
      <c r="AC20564">
        <v>2</v>
      </c>
      <c r="AD20564">
        <v>2</v>
      </c>
      <c r="AE20564">
        <v>2</v>
      </c>
      <c r="AF20564">
        <v>2</v>
      </c>
      <c r="AG20564">
        <v>2</v>
      </c>
      <c r="AH20564">
        <v>2</v>
      </c>
      <c r="AI20564">
        <v>2</v>
      </c>
      <c r="AJ20564">
        <v>2</v>
      </c>
      <c r="AK20564">
        <v>2</v>
      </c>
      <c r="AL20564">
        <v>2</v>
      </c>
      <c r="AM20564">
        <v>2</v>
      </c>
      <c r="AN20564">
        <v>2</v>
      </c>
      <c r="AO20564">
        <v>2</v>
      </c>
      <c r="AP20564">
        <v>2</v>
      </c>
      <c r="AQ20564">
        <v>2</v>
      </c>
    </row>
    <row r="20565" spans="1:43">
      <c r="A20565" t="s">
        <v>12733</v>
      </c>
      <c r="B20565" t="s">
        <v>12734</v>
      </c>
      <c r="C20565" t="s">
        <v>12735</v>
      </c>
      <c r="D20565" t="s">
        <v>12736</v>
      </c>
      <c r="E20565" t="s">
        <v>12580</v>
      </c>
      <c r="F20565" t="s">
        <v>12581</v>
      </c>
      <c r="G20565" t="s">
        <v>12582</v>
      </c>
      <c r="H20565" t="s">
        <v>12581</v>
      </c>
      <c r="I20565" s="2">
        <v>1</v>
      </c>
      <c r="J20565" s="2">
        <v>0</v>
      </c>
      <c r="K20565" s="2">
        <v>0</v>
      </c>
      <c r="L20565" t="s">
        <v>120</v>
      </c>
      <c r="M20565" t="s">
        <v>83</v>
      </c>
      <c r="N20565" t="s">
        <v>91</v>
      </c>
      <c r="O20565" t="s">
        <v>85</v>
      </c>
      <c r="P20565" t="s">
        <v>86</v>
      </c>
      <c r="Q20565">
        <v>1</v>
      </c>
      <c r="R20565">
        <v>1</v>
      </c>
      <c r="S20565">
        <v>1</v>
      </c>
      <c r="T20565">
        <v>1</v>
      </c>
      <c r="U20565">
        <v>1</v>
      </c>
      <c r="V20565">
        <v>1</v>
      </c>
      <c r="W20565">
        <v>1</v>
      </c>
      <c r="X20565">
        <v>1</v>
      </c>
      <c r="Y20565">
        <v>1</v>
      </c>
      <c r="Z20565">
        <v>1</v>
      </c>
      <c r="AA20565">
        <v>1</v>
      </c>
      <c r="AB20565">
        <v>1</v>
      </c>
      <c r="AC20565">
        <v>1</v>
      </c>
      <c r="AD20565">
        <v>2</v>
      </c>
      <c r="AE20565">
        <v>2</v>
      </c>
      <c r="AF20565">
        <v>2</v>
      </c>
      <c r="AG20565">
        <v>2</v>
      </c>
      <c r="AH20565">
        <v>2</v>
      </c>
      <c r="AI20565">
        <v>2</v>
      </c>
      <c r="AJ20565">
        <v>2</v>
      </c>
      <c r="AK20565">
        <v>2</v>
      </c>
      <c r="AL20565">
        <v>2</v>
      </c>
      <c r="AM20565">
        <v>2</v>
      </c>
      <c r="AN20565">
        <v>2</v>
      </c>
      <c r="AO20565">
        <v>2</v>
      </c>
      <c r="AP20565">
        <v>2</v>
      </c>
      <c r="AQ20565">
        <v>2</v>
      </c>
    </row>
    <row r="20566" spans="1:43">
      <c r="A20566" t="s">
        <v>12737</v>
      </c>
      <c r="B20566" t="s">
        <v>12738</v>
      </c>
      <c r="C20566" t="s">
        <v>12735</v>
      </c>
      <c r="D20566" t="s">
        <v>12736</v>
      </c>
      <c r="E20566" t="s">
        <v>12580</v>
      </c>
      <c r="F20566" t="s">
        <v>12581</v>
      </c>
      <c r="G20566" t="s">
        <v>12582</v>
      </c>
      <c r="H20566" t="s">
        <v>12581</v>
      </c>
      <c r="I20566" s="2">
        <v>1</v>
      </c>
      <c r="J20566" s="2">
        <v>0</v>
      </c>
      <c r="K20566" s="2">
        <v>0</v>
      </c>
      <c r="L20566" t="s">
        <v>120</v>
      </c>
      <c r="M20566" t="s">
        <v>83</v>
      </c>
      <c r="N20566" t="s">
        <v>84</v>
      </c>
      <c r="O20566" t="s">
        <v>85</v>
      </c>
      <c r="P20566" t="s">
        <v>86</v>
      </c>
      <c r="Q20566">
        <v>8</v>
      </c>
      <c r="R20566">
        <v>9</v>
      </c>
      <c r="S20566">
        <v>9</v>
      </c>
      <c r="T20566">
        <v>9</v>
      </c>
      <c r="U20566">
        <v>9</v>
      </c>
      <c r="V20566">
        <v>9</v>
      </c>
      <c r="W20566">
        <v>9</v>
      </c>
      <c r="X20566">
        <v>9</v>
      </c>
      <c r="Y20566">
        <v>10</v>
      </c>
      <c r="Z20566">
        <v>10</v>
      </c>
      <c r="AA20566">
        <v>10</v>
      </c>
      <c r="AB20566">
        <v>10</v>
      </c>
      <c r="AC20566">
        <v>10</v>
      </c>
      <c r="AD20566">
        <v>10</v>
      </c>
      <c r="AE20566">
        <v>10</v>
      </c>
      <c r="AF20566">
        <v>10</v>
      </c>
      <c r="AG20566">
        <v>11</v>
      </c>
      <c r="AH20566">
        <v>11</v>
      </c>
      <c r="AI20566">
        <v>11</v>
      </c>
      <c r="AJ20566">
        <v>11</v>
      </c>
      <c r="AK20566">
        <v>11</v>
      </c>
      <c r="AL20566">
        <v>11</v>
      </c>
      <c r="AM20566">
        <v>11</v>
      </c>
      <c r="AN20566">
        <v>11</v>
      </c>
      <c r="AO20566">
        <v>11</v>
      </c>
      <c r="AP20566">
        <v>11</v>
      </c>
      <c r="AQ20566">
        <v>11</v>
      </c>
    </row>
    <row r="20567" spans="1:43">
      <c r="A20567" t="s">
        <v>12737</v>
      </c>
      <c r="B20567" t="s">
        <v>12738</v>
      </c>
      <c r="C20567" t="s">
        <v>12735</v>
      </c>
      <c r="D20567" t="s">
        <v>12736</v>
      </c>
      <c r="E20567" t="s">
        <v>12580</v>
      </c>
      <c r="F20567" t="s">
        <v>12581</v>
      </c>
      <c r="G20567" t="s">
        <v>12582</v>
      </c>
      <c r="H20567" t="s">
        <v>12581</v>
      </c>
      <c r="I20567" s="2">
        <v>1</v>
      </c>
      <c r="J20567" s="2">
        <v>0</v>
      </c>
      <c r="K20567" s="2">
        <v>0</v>
      </c>
      <c r="L20567" t="s">
        <v>120</v>
      </c>
      <c r="M20567" t="s">
        <v>87</v>
      </c>
      <c r="N20567" t="s">
        <v>88</v>
      </c>
      <c r="O20567" t="s">
        <v>85</v>
      </c>
      <c r="P20567" t="s">
        <v>86</v>
      </c>
      <c r="Q20567">
        <v>8</v>
      </c>
      <c r="R20567">
        <v>8</v>
      </c>
      <c r="S20567">
        <v>8</v>
      </c>
      <c r="T20567">
        <v>9</v>
      </c>
      <c r="U20567">
        <v>9</v>
      </c>
      <c r="V20567">
        <v>9</v>
      </c>
      <c r="W20567">
        <v>9</v>
      </c>
      <c r="X20567">
        <v>9</v>
      </c>
      <c r="Y20567">
        <v>9</v>
      </c>
      <c r="Z20567">
        <v>9</v>
      </c>
      <c r="AA20567">
        <v>9</v>
      </c>
      <c r="AB20567">
        <v>9</v>
      </c>
      <c r="AC20567">
        <v>9</v>
      </c>
      <c r="AD20567">
        <v>9</v>
      </c>
      <c r="AE20567">
        <v>9</v>
      </c>
      <c r="AF20567">
        <v>9</v>
      </c>
      <c r="AG20567">
        <v>9</v>
      </c>
      <c r="AH20567">
        <v>9</v>
      </c>
      <c r="AI20567">
        <v>9</v>
      </c>
      <c r="AJ20567">
        <v>10</v>
      </c>
      <c r="AK20567">
        <v>10</v>
      </c>
      <c r="AL20567">
        <v>10</v>
      </c>
      <c r="AM20567">
        <v>10</v>
      </c>
      <c r="AN20567">
        <v>10</v>
      </c>
      <c r="AO20567">
        <v>10</v>
      </c>
      <c r="AP20567">
        <v>10</v>
      </c>
      <c r="AQ20567">
        <v>10</v>
      </c>
    </row>
    <row r="20568" spans="1:43">
      <c r="A20568" t="s">
        <v>12737</v>
      </c>
      <c r="B20568" t="s">
        <v>12738</v>
      </c>
      <c r="C20568" t="s">
        <v>12735</v>
      </c>
      <c r="D20568" t="s">
        <v>12736</v>
      </c>
      <c r="E20568" t="s">
        <v>12580</v>
      </c>
      <c r="F20568" t="s">
        <v>12581</v>
      </c>
      <c r="G20568" t="s">
        <v>12582</v>
      </c>
      <c r="H20568" t="s">
        <v>12581</v>
      </c>
      <c r="I20568" s="2">
        <v>1</v>
      </c>
      <c r="J20568" s="2">
        <v>0</v>
      </c>
      <c r="K20568" s="2">
        <v>0</v>
      </c>
      <c r="L20568" t="s">
        <v>120</v>
      </c>
      <c r="M20568" t="s">
        <v>89</v>
      </c>
      <c r="N20568" t="s">
        <v>90</v>
      </c>
      <c r="O20568" t="s">
        <v>85</v>
      </c>
      <c r="P20568" t="s">
        <v>86</v>
      </c>
      <c r="Q20568">
        <v>8</v>
      </c>
      <c r="R20568">
        <v>8</v>
      </c>
      <c r="S20568">
        <v>8</v>
      </c>
      <c r="T20568">
        <v>8</v>
      </c>
      <c r="U20568">
        <v>8</v>
      </c>
      <c r="V20568">
        <v>9</v>
      </c>
      <c r="W20568">
        <v>9</v>
      </c>
      <c r="X20568">
        <v>9</v>
      </c>
      <c r="Y20568">
        <v>9</v>
      </c>
      <c r="Z20568">
        <v>9</v>
      </c>
      <c r="AA20568">
        <v>9</v>
      </c>
      <c r="AB20568">
        <v>10</v>
      </c>
      <c r="AC20568">
        <v>10</v>
      </c>
      <c r="AD20568">
        <v>10</v>
      </c>
      <c r="AE20568">
        <v>10</v>
      </c>
      <c r="AF20568">
        <v>10</v>
      </c>
      <c r="AG20568">
        <v>10</v>
      </c>
      <c r="AH20568">
        <v>10</v>
      </c>
      <c r="AI20568">
        <v>10</v>
      </c>
      <c r="AJ20568">
        <v>10</v>
      </c>
      <c r="AK20568">
        <v>10</v>
      </c>
      <c r="AL20568">
        <v>10</v>
      </c>
      <c r="AM20568">
        <v>10</v>
      </c>
      <c r="AN20568">
        <v>10</v>
      </c>
      <c r="AO20568">
        <v>10</v>
      </c>
      <c r="AP20568">
        <v>11</v>
      </c>
      <c r="AQ20568">
        <v>11</v>
      </c>
    </row>
    <row r="20569" spans="1:43">
      <c r="A20569" t="s">
        <v>12737</v>
      </c>
      <c r="B20569" t="s">
        <v>12738</v>
      </c>
      <c r="C20569" t="s">
        <v>12735</v>
      </c>
      <c r="D20569" t="s">
        <v>12736</v>
      </c>
      <c r="E20569" t="s">
        <v>12580</v>
      </c>
      <c r="F20569" t="s">
        <v>12581</v>
      </c>
      <c r="G20569" t="s">
        <v>12582</v>
      </c>
      <c r="H20569" t="s">
        <v>12581</v>
      </c>
      <c r="I20569" s="2">
        <v>1</v>
      </c>
      <c r="J20569" s="2">
        <v>0</v>
      </c>
      <c r="K20569" s="2">
        <v>0</v>
      </c>
      <c r="L20569" t="s">
        <v>120</v>
      </c>
      <c r="M20569" t="s">
        <v>83</v>
      </c>
      <c r="N20569" t="s">
        <v>91</v>
      </c>
      <c r="O20569" t="s">
        <v>85</v>
      </c>
      <c r="P20569" t="s">
        <v>86</v>
      </c>
      <c r="Q20569">
        <v>8</v>
      </c>
      <c r="R20569">
        <v>9</v>
      </c>
      <c r="S20569">
        <v>9</v>
      </c>
      <c r="T20569">
        <v>9</v>
      </c>
      <c r="U20569">
        <v>9</v>
      </c>
      <c r="V20569">
        <v>9</v>
      </c>
      <c r="W20569">
        <v>9</v>
      </c>
      <c r="X20569">
        <v>9</v>
      </c>
      <c r="Y20569">
        <v>10</v>
      </c>
      <c r="Z20569">
        <v>10</v>
      </c>
      <c r="AA20569">
        <v>10</v>
      </c>
      <c r="AB20569">
        <v>10</v>
      </c>
      <c r="AC20569">
        <v>10</v>
      </c>
      <c r="AD20569">
        <v>10</v>
      </c>
      <c r="AE20569">
        <v>10</v>
      </c>
      <c r="AF20569">
        <v>10</v>
      </c>
      <c r="AG20569">
        <v>11</v>
      </c>
      <c r="AH20569">
        <v>11</v>
      </c>
      <c r="AI20569">
        <v>11</v>
      </c>
      <c r="AJ20569">
        <v>11</v>
      </c>
      <c r="AK20569">
        <v>11</v>
      </c>
      <c r="AL20569">
        <v>11</v>
      </c>
      <c r="AM20569">
        <v>11</v>
      </c>
      <c r="AN20569">
        <v>11</v>
      </c>
      <c r="AO20569">
        <v>11</v>
      </c>
      <c r="AP20569">
        <v>11</v>
      </c>
      <c r="AQ20569">
        <v>11</v>
      </c>
    </row>
    <row r="20570" spans="1:43">
      <c r="A20570" t="s">
        <v>12739</v>
      </c>
      <c r="B20570" t="s">
        <v>12740</v>
      </c>
      <c r="C20570" t="s">
        <v>12735</v>
      </c>
      <c r="D20570" t="s">
        <v>12736</v>
      </c>
      <c r="E20570" t="s">
        <v>12580</v>
      </c>
      <c r="F20570" t="s">
        <v>12581</v>
      </c>
      <c r="G20570" t="s">
        <v>12582</v>
      </c>
      <c r="H20570" t="s">
        <v>12581</v>
      </c>
      <c r="I20570" s="2">
        <v>1</v>
      </c>
      <c r="J20570" s="2">
        <v>0</v>
      </c>
      <c r="K20570" s="2">
        <v>0</v>
      </c>
      <c r="L20570" t="s">
        <v>120</v>
      </c>
      <c r="M20570" t="s">
        <v>83</v>
      </c>
      <c r="N20570" t="s">
        <v>84</v>
      </c>
      <c r="O20570" t="s">
        <v>85</v>
      </c>
      <c r="P20570" t="s">
        <v>86</v>
      </c>
      <c r="Q20570">
        <v>19</v>
      </c>
      <c r="R20570">
        <v>20</v>
      </c>
      <c r="S20570">
        <v>20</v>
      </c>
      <c r="T20570">
        <v>20</v>
      </c>
      <c r="U20570">
        <v>20</v>
      </c>
      <c r="V20570">
        <v>21</v>
      </c>
      <c r="W20570">
        <v>21</v>
      </c>
      <c r="X20570">
        <v>21</v>
      </c>
      <c r="Y20570">
        <v>22</v>
      </c>
      <c r="Z20570">
        <v>22</v>
      </c>
      <c r="AA20570">
        <v>22</v>
      </c>
      <c r="AB20570">
        <v>23</v>
      </c>
      <c r="AC20570">
        <v>23</v>
      </c>
      <c r="AD20570">
        <v>23</v>
      </c>
      <c r="AE20570">
        <v>24</v>
      </c>
      <c r="AF20570">
        <v>24</v>
      </c>
      <c r="AG20570">
        <v>24</v>
      </c>
      <c r="AH20570">
        <v>25</v>
      </c>
      <c r="AI20570">
        <v>25</v>
      </c>
      <c r="AJ20570">
        <v>25</v>
      </c>
      <c r="AK20570">
        <v>26</v>
      </c>
      <c r="AL20570">
        <v>26</v>
      </c>
      <c r="AM20570">
        <v>26</v>
      </c>
      <c r="AN20570">
        <v>26</v>
      </c>
      <c r="AO20570">
        <v>26</v>
      </c>
      <c r="AP20570">
        <v>26</v>
      </c>
      <c r="AQ20570">
        <v>26</v>
      </c>
    </row>
    <row r="20571" spans="1:43">
      <c r="A20571" t="s">
        <v>12739</v>
      </c>
      <c r="B20571" t="s">
        <v>12740</v>
      </c>
      <c r="C20571" t="s">
        <v>12735</v>
      </c>
      <c r="D20571" t="s">
        <v>12736</v>
      </c>
      <c r="E20571" t="s">
        <v>12580</v>
      </c>
      <c r="F20571" t="s">
        <v>12581</v>
      </c>
      <c r="G20571" t="s">
        <v>12582</v>
      </c>
      <c r="H20571" t="s">
        <v>12581</v>
      </c>
      <c r="I20571" s="2">
        <v>1</v>
      </c>
      <c r="J20571" s="2">
        <v>0</v>
      </c>
      <c r="K20571" s="2">
        <v>0</v>
      </c>
      <c r="L20571" t="s">
        <v>120</v>
      </c>
      <c r="M20571" t="s">
        <v>87</v>
      </c>
      <c r="N20571" t="s">
        <v>88</v>
      </c>
      <c r="O20571" t="s">
        <v>85</v>
      </c>
      <c r="P20571" t="s">
        <v>86</v>
      </c>
      <c r="Q20571">
        <v>19</v>
      </c>
      <c r="R20571">
        <v>19</v>
      </c>
      <c r="S20571">
        <v>19</v>
      </c>
      <c r="T20571">
        <v>19</v>
      </c>
      <c r="U20571">
        <v>20</v>
      </c>
      <c r="V20571">
        <v>20</v>
      </c>
      <c r="W20571">
        <v>20</v>
      </c>
      <c r="X20571">
        <v>20</v>
      </c>
      <c r="Y20571">
        <v>20</v>
      </c>
      <c r="Z20571">
        <v>20</v>
      </c>
      <c r="AA20571">
        <v>20</v>
      </c>
      <c r="AB20571">
        <v>21</v>
      </c>
      <c r="AC20571">
        <v>21</v>
      </c>
      <c r="AD20571">
        <v>21</v>
      </c>
      <c r="AE20571">
        <v>21</v>
      </c>
      <c r="AF20571">
        <v>21</v>
      </c>
      <c r="AG20571">
        <v>21</v>
      </c>
      <c r="AH20571">
        <v>21</v>
      </c>
      <c r="AI20571">
        <v>22</v>
      </c>
      <c r="AJ20571">
        <v>22</v>
      </c>
      <c r="AK20571">
        <v>22</v>
      </c>
      <c r="AL20571">
        <v>22</v>
      </c>
      <c r="AM20571">
        <v>22</v>
      </c>
      <c r="AN20571">
        <v>22</v>
      </c>
      <c r="AO20571">
        <v>23</v>
      </c>
      <c r="AP20571">
        <v>23</v>
      </c>
      <c r="AQ20571">
        <v>23</v>
      </c>
    </row>
    <row r="20572" spans="1:43">
      <c r="A20572" t="s">
        <v>12739</v>
      </c>
      <c r="B20572" t="s">
        <v>12740</v>
      </c>
      <c r="C20572" t="s">
        <v>12735</v>
      </c>
      <c r="D20572" t="s">
        <v>12736</v>
      </c>
      <c r="E20572" t="s">
        <v>12580</v>
      </c>
      <c r="F20572" t="s">
        <v>12581</v>
      </c>
      <c r="G20572" t="s">
        <v>12582</v>
      </c>
      <c r="H20572" t="s">
        <v>12581</v>
      </c>
      <c r="I20572" s="2">
        <v>1</v>
      </c>
      <c r="J20572" s="2">
        <v>0</v>
      </c>
      <c r="K20572" s="2">
        <v>0</v>
      </c>
      <c r="L20572" t="s">
        <v>120</v>
      </c>
      <c r="M20572" t="s">
        <v>89</v>
      </c>
      <c r="N20572" t="s">
        <v>90</v>
      </c>
      <c r="O20572" t="s">
        <v>85</v>
      </c>
      <c r="P20572" t="s">
        <v>86</v>
      </c>
      <c r="Q20572">
        <v>19</v>
      </c>
      <c r="R20572">
        <v>20</v>
      </c>
      <c r="S20572">
        <v>20</v>
      </c>
      <c r="T20572">
        <v>21</v>
      </c>
      <c r="U20572">
        <v>21</v>
      </c>
      <c r="V20572">
        <v>22</v>
      </c>
      <c r="W20572">
        <v>22</v>
      </c>
      <c r="X20572">
        <v>23</v>
      </c>
      <c r="Y20572">
        <v>23</v>
      </c>
      <c r="Z20572">
        <v>23</v>
      </c>
      <c r="AA20572">
        <v>24</v>
      </c>
      <c r="AB20572">
        <v>24</v>
      </c>
      <c r="AC20572">
        <v>25</v>
      </c>
      <c r="AD20572">
        <v>25</v>
      </c>
      <c r="AE20572">
        <v>25</v>
      </c>
      <c r="AF20572">
        <v>25</v>
      </c>
      <c r="AG20572">
        <v>25</v>
      </c>
      <c r="AH20572">
        <v>26</v>
      </c>
      <c r="AI20572">
        <v>26</v>
      </c>
      <c r="AJ20572">
        <v>26</v>
      </c>
      <c r="AK20572">
        <v>26</v>
      </c>
      <c r="AL20572">
        <v>26</v>
      </c>
      <c r="AM20572">
        <v>26</v>
      </c>
      <c r="AN20572">
        <v>26</v>
      </c>
      <c r="AO20572">
        <v>26</v>
      </c>
      <c r="AP20572">
        <v>26</v>
      </c>
      <c r="AQ20572">
        <v>26</v>
      </c>
    </row>
    <row r="20573" spans="1:43">
      <c r="A20573" t="s">
        <v>12739</v>
      </c>
      <c r="B20573" t="s">
        <v>12740</v>
      </c>
      <c r="C20573" t="s">
        <v>12735</v>
      </c>
      <c r="D20573" t="s">
        <v>12736</v>
      </c>
      <c r="E20573" t="s">
        <v>12580</v>
      </c>
      <c r="F20573" t="s">
        <v>12581</v>
      </c>
      <c r="G20573" t="s">
        <v>12582</v>
      </c>
      <c r="H20573" t="s">
        <v>12581</v>
      </c>
      <c r="I20573" s="2">
        <v>1</v>
      </c>
      <c r="J20573" s="2">
        <v>0</v>
      </c>
      <c r="K20573" s="2">
        <v>0</v>
      </c>
      <c r="L20573" t="s">
        <v>120</v>
      </c>
      <c r="M20573" t="s">
        <v>83</v>
      </c>
      <c r="N20573" t="s">
        <v>91</v>
      </c>
      <c r="O20573" t="s">
        <v>85</v>
      </c>
      <c r="P20573" t="s">
        <v>86</v>
      </c>
      <c r="Q20573">
        <v>19</v>
      </c>
      <c r="R20573">
        <v>20</v>
      </c>
      <c r="S20573">
        <v>20</v>
      </c>
      <c r="T20573">
        <v>20</v>
      </c>
      <c r="U20573">
        <v>20</v>
      </c>
      <c r="V20573">
        <v>21</v>
      </c>
      <c r="W20573">
        <v>21</v>
      </c>
      <c r="X20573">
        <v>21</v>
      </c>
      <c r="Y20573">
        <v>22</v>
      </c>
      <c r="Z20573">
        <v>22</v>
      </c>
      <c r="AA20573">
        <v>22</v>
      </c>
      <c r="AB20573">
        <v>23</v>
      </c>
      <c r="AC20573">
        <v>23</v>
      </c>
      <c r="AD20573">
        <v>23</v>
      </c>
      <c r="AE20573">
        <v>24</v>
      </c>
      <c r="AF20573">
        <v>24</v>
      </c>
      <c r="AG20573">
        <v>24</v>
      </c>
      <c r="AH20573">
        <v>25</v>
      </c>
      <c r="AI20573">
        <v>25</v>
      </c>
      <c r="AJ20573">
        <v>25</v>
      </c>
      <c r="AK20573">
        <v>26</v>
      </c>
      <c r="AL20573">
        <v>26</v>
      </c>
      <c r="AM20573">
        <v>26</v>
      </c>
      <c r="AN20573">
        <v>26</v>
      </c>
      <c r="AO20573">
        <v>26</v>
      </c>
      <c r="AP20573">
        <v>26</v>
      </c>
      <c r="AQ20573">
        <v>26</v>
      </c>
    </row>
    <row r="20574" spans="1:43">
      <c r="A20574" t="s">
        <v>12741</v>
      </c>
      <c r="B20574" t="s">
        <v>12742</v>
      </c>
      <c r="C20574" t="s">
        <v>12735</v>
      </c>
      <c r="D20574" t="s">
        <v>12736</v>
      </c>
      <c r="E20574" t="s">
        <v>12580</v>
      </c>
      <c r="F20574" t="s">
        <v>12581</v>
      </c>
      <c r="G20574" t="s">
        <v>12582</v>
      </c>
      <c r="H20574" t="s">
        <v>12581</v>
      </c>
      <c r="I20574" s="2">
        <v>1</v>
      </c>
      <c r="J20574" s="2">
        <v>0</v>
      </c>
      <c r="K20574" s="2">
        <v>0</v>
      </c>
      <c r="L20574" t="s">
        <v>120</v>
      </c>
      <c r="M20574" t="s">
        <v>83</v>
      </c>
      <c r="N20574" t="s">
        <v>84</v>
      </c>
      <c r="O20574" t="s">
        <v>85</v>
      </c>
      <c r="P20574" t="s">
        <v>86</v>
      </c>
      <c r="Q20574">
        <v>31</v>
      </c>
      <c r="R20574">
        <v>31</v>
      </c>
      <c r="S20574">
        <v>32</v>
      </c>
      <c r="T20574">
        <v>32</v>
      </c>
      <c r="U20574">
        <v>33</v>
      </c>
      <c r="V20574">
        <v>33</v>
      </c>
      <c r="W20574">
        <v>34</v>
      </c>
      <c r="X20574">
        <v>34</v>
      </c>
      <c r="Y20574">
        <v>35</v>
      </c>
      <c r="Z20574">
        <v>35</v>
      </c>
      <c r="AA20574">
        <v>36</v>
      </c>
      <c r="AB20574">
        <v>36</v>
      </c>
      <c r="AC20574">
        <v>37</v>
      </c>
      <c r="AD20574">
        <v>37</v>
      </c>
      <c r="AE20574">
        <v>38</v>
      </c>
      <c r="AF20574">
        <v>38</v>
      </c>
      <c r="AG20574">
        <v>39</v>
      </c>
      <c r="AH20574">
        <v>39</v>
      </c>
      <c r="AI20574">
        <v>40</v>
      </c>
      <c r="AJ20574">
        <v>40</v>
      </c>
      <c r="AK20574">
        <v>41</v>
      </c>
      <c r="AL20574">
        <v>41</v>
      </c>
      <c r="AM20574">
        <v>41</v>
      </c>
      <c r="AN20574">
        <v>41</v>
      </c>
      <c r="AO20574">
        <v>41</v>
      </c>
      <c r="AP20574">
        <v>41</v>
      </c>
      <c r="AQ20574">
        <v>42</v>
      </c>
    </row>
    <row r="20575" spans="1:43">
      <c r="A20575" t="s">
        <v>12741</v>
      </c>
      <c r="B20575" t="s">
        <v>12742</v>
      </c>
      <c r="C20575" t="s">
        <v>12735</v>
      </c>
      <c r="D20575" t="s">
        <v>12736</v>
      </c>
      <c r="E20575" t="s">
        <v>12580</v>
      </c>
      <c r="F20575" t="s">
        <v>12581</v>
      </c>
      <c r="G20575" t="s">
        <v>12582</v>
      </c>
      <c r="H20575" t="s">
        <v>12581</v>
      </c>
      <c r="I20575" s="2">
        <v>1</v>
      </c>
      <c r="J20575" s="2">
        <v>0</v>
      </c>
      <c r="K20575" s="2">
        <v>0</v>
      </c>
      <c r="L20575" t="s">
        <v>120</v>
      </c>
      <c r="M20575" t="s">
        <v>87</v>
      </c>
      <c r="N20575" t="s">
        <v>88</v>
      </c>
      <c r="O20575" t="s">
        <v>85</v>
      </c>
      <c r="P20575" t="s">
        <v>86</v>
      </c>
      <c r="Q20575">
        <v>31</v>
      </c>
      <c r="R20575">
        <v>32</v>
      </c>
      <c r="S20575">
        <v>32</v>
      </c>
      <c r="T20575">
        <v>32</v>
      </c>
      <c r="U20575">
        <v>32</v>
      </c>
      <c r="V20575">
        <v>32</v>
      </c>
      <c r="W20575">
        <v>33</v>
      </c>
      <c r="X20575">
        <v>33</v>
      </c>
      <c r="Y20575">
        <v>33</v>
      </c>
      <c r="Z20575">
        <v>33</v>
      </c>
      <c r="AA20575">
        <v>33</v>
      </c>
      <c r="AB20575">
        <v>34</v>
      </c>
      <c r="AC20575">
        <v>34</v>
      </c>
      <c r="AD20575">
        <v>34</v>
      </c>
      <c r="AE20575">
        <v>34</v>
      </c>
      <c r="AF20575">
        <v>35</v>
      </c>
      <c r="AG20575">
        <v>35</v>
      </c>
      <c r="AH20575">
        <v>35</v>
      </c>
      <c r="AI20575">
        <v>35</v>
      </c>
      <c r="AJ20575">
        <v>36</v>
      </c>
      <c r="AK20575">
        <v>36</v>
      </c>
      <c r="AL20575">
        <v>36</v>
      </c>
      <c r="AM20575">
        <v>36</v>
      </c>
      <c r="AN20575">
        <v>37</v>
      </c>
      <c r="AO20575">
        <v>37</v>
      </c>
      <c r="AP20575">
        <v>37</v>
      </c>
      <c r="AQ20575">
        <v>37</v>
      </c>
    </row>
    <row r="20576" spans="1:43">
      <c r="A20576" t="s">
        <v>12741</v>
      </c>
      <c r="B20576" t="s">
        <v>12742</v>
      </c>
      <c r="C20576" t="s">
        <v>12735</v>
      </c>
      <c r="D20576" t="s">
        <v>12736</v>
      </c>
      <c r="E20576" t="s">
        <v>12580</v>
      </c>
      <c r="F20576" t="s">
        <v>12581</v>
      </c>
      <c r="G20576" t="s">
        <v>12582</v>
      </c>
      <c r="H20576" t="s">
        <v>12581</v>
      </c>
      <c r="I20576" s="2">
        <v>1</v>
      </c>
      <c r="J20576" s="2">
        <v>0</v>
      </c>
      <c r="K20576" s="2">
        <v>0</v>
      </c>
      <c r="L20576" t="s">
        <v>120</v>
      </c>
      <c r="M20576" t="s">
        <v>89</v>
      </c>
      <c r="N20576" t="s">
        <v>90</v>
      </c>
      <c r="O20576" t="s">
        <v>85</v>
      </c>
      <c r="P20576" t="s">
        <v>86</v>
      </c>
      <c r="Q20576">
        <v>31</v>
      </c>
      <c r="R20576">
        <v>32</v>
      </c>
      <c r="S20576">
        <v>32</v>
      </c>
      <c r="T20576">
        <v>33</v>
      </c>
      <c r="U20576">
        <v>34</v>
      </c>
      <c r="V20576">
        <v>35</v>
      </c>
      <c r="W20576">
        <v>35</v>
      </c>
      <c r="X20576">
        <v>36</v>
      </c>
      <c r="Y20576">
        <v>37</v>
      </c>
      <c r="Z20576">
        <v>37</v>
      </c>
      <c r="AA20576">
        <v>38</v>
      </c>
      <c r="AB20576">
        <v>38</v>
      </c>
      <c r="AC20576">
        <v>39</v>
      </c>
      <c r="AD20576">
        <v>40</v>
      </c>
      <c r="AE20576">
        <v>40</v>
      </c>
      <c r="AF20576">
        <v>40</v>
      </c>
      <c r="AG20576">
        <v>40</v>
      </c>
      <c r="AH20576">
        <v>41</v>
      </c>
      <c r="AI20576">
        <v>41</v>
      </c>
      <c r="AJ20576">
        <v>41</v>
      </c>
      <c r="AK20576">
        <v>41</v>
      </c>
      <c r="AL20576">
        <v>41</v>
      </c>
      <c r="AM20576">
        <v>41</v>
      </c>
      <c r="AN20576">
        <v>41</v>
      </c>
      <c r="AO20576">
        <v>42</v>
      </c>
      <c r="AP20576">
        <v>42</v>
      </c>
      <c r="AQ20576">
        <v>42</v>
      </c>
    </row>
    <row r="20577" spans="1:43">
      <c r="A20577" t="s">
        <v>12741</v>
      </c>
      <c r="B20577" t="s">
        <v>12742</v>
      </c>
      <c r="C20577" t="s">
        <v>12735</v>
      </c>
      <c r="D20577" t="s">
        <v>12736</v>
      </c>
      <c r="E20577" t="s">
        <v>12580</v>
      </c>
      <c r="F20577" t="s">
        <v>12581</v>
      </c>
      <c r="G20577" t="s">
        <v>12582</v>
      </c>
      <c r="H20577" t="s">
        <v>12581</v>
      </c>
      <c r="I20577" s="2">
        <v>1</v>
      </c>
      <c r="J20577" s="2">
        <v>0</v>
      </c>
      <c r="K20577" s="2">
        <v>0</v>
      </c>
      <c r="L20577" t="s">
        <v>120</v>
      </c>
      <c r="M20577" t="s">
        <v>83</v>
      </c>
      <c r="N20577" t="s">
        <v>91</v>
      </c>
      <c r="O20577" t="s">
        <v>85</v>
      </c>
      <c r="P20577" t="s">
        <v>86</v>
      </c>
      <c r="Q20577">
        <v>31</v>
      </c>
      <c r="R20577">
        <v>31</v>
      </c>
      <c r="S20577">
        <v>32</v>
      </c>
      <c r="T20577">
        <v>32</v>
      </c>
      <c r="U20577">
        <v>33</v>
      </c>
      <c r="V20577">
        <v>33</v>
      </c>
      <c r="W20577">
        <v>34</v>
      </c>
      <c r="X20577">
        <v>34</v>
      </c>
      <c r="Y20577">
        <v>35</v>
      </c>
      <c r="Z20577">
        <v>35</v>
      </c>
      <c r="AA20577">
        <v>36</v>
      </c>
      <c r="AB20577">
        <v>36</v>
      </c>
      <c r="AC20577">
        <v>37</v>
      </c>
      <c r="AD20577">
        <v>37</v>
      </c>
      <c r="AE20577">
        <v>38</v>
      </c>
      <c r="AF20577">
        <v>38</v>
      </c>
      <c r="AG20577">
        <v>39</v>
      </c>
      <c r="AH20577">
        <v>39</v>
      </c>
      <c r="AI20577">
        <v>40</v>
      </c>
      <c r="AJ20577">
        <v>40</v>
      </c>
      <c r="AK20577">
        <v>41</v>
      </c>
      <c r="AL20577">
        <v>41</v>
      </c>
      <c r="AM20577">
        <v>41</v>
      </c>
      <c r="AN20577">
        <v>41</v>
      </c>
      <c r="AO20577">
        <v>41</v>
      </c>
      <c r="AP20577">
        <v>41</v>
      </c>
      <c r="AQ20577">
        <v>42</v>
      </c>
    </row>
    <row r="20578" spans="1:43">
      <c r="A20578" t="s">
        <v>12743</v>
      </c>
      <c r="B20578" t="s">
        <v>12744</v>
      </c>
      <c r="C20578" t="s">
        <v>12745</v>
      </c>
      <c r="D20578" t="s">
        <v>12746</v>
      </c>
      <c r="E20578" t="s">
        <v>12580</v>
      </c>
      <c r="F20578" t="s">
        <v>12581</v>
      </c>
      <c r="G20578" t="s">
        <v>12582</v>
      </c>
      <c r="H20578" t="s">
        <v>12581</v>
      </c>
      <c r="I20578" s="2">
        <v>0</v>
      </c>
      <c r="J20578" s="2">
        <v>0</v>
      </c>
      <c r="K20578" s="2">
        <v>0</v>
      </c>
      <c r="L20578" t="s">
        <v>120</v>
      </c>
      <c r="M20578" t="s">
        <v>83</v>
      </c>
      <c r="N20578" t="s">
        <v>84</v>
      </c>
      <c r="O20578" t="s">
        <v>85</v>
      </c>
      <c r="P20578" t="s">
        <v>86</v>
      </c>
      <c r="Q20578">
        <v>0</v>
      </c>
      <c r="R20578">
        <v>0</v>
      </c>
      <c r="S20578">
        <v>0</v>
      </c>
      <c r="T20578">
        <v>0</v>
      </c>
      <c r="U20578">
        <v>0</v>
      </c>
      <c r="V20578">
        <v>0</v>
      </c>
      <c r="W20578">
        <v>0</v>
      </c>
      <c r="X20578">
        <v>0</v>
      </c>
      <c r="Y20578">
        <v>0</v>
      </c>
      <c r="Z20578">
        <v>0</v>
      </c>
      <c r="AA20578">
        <v>0</v>
      </c>
      <c r="AB20578">
        <v>0</v>
      </c>
      <c r="AC20578">
        <v>0</v>
      </c>
      <c r="AD20578">
        <v>0</v>
      </c>
      <c r="AE20578">
        <v>0</v>
      </c>
      <c r="AF20578">
        <v>0</v>
      </c>
      <c r="AG20578">
        <v>0</v>
      </c>
      <c r="AH20578">
        <v>0</v>
      </c>
      <c r="AI20578">
        <v>0</v>
      </c>
      <c r="AJ20578">
        <v>0</v>
      </c>
      <c r="AK20578">
        <v>0</v>
      </c>
      <c r="AL20578">
        <v>0</v>
      </c>
      <c r="AM20578">
        <v>0</v>
      </c>
      <c r="AN20578">
        <v>0</v>
      </c>
      <c r="AO20578">
        <v>0</v>
      </c>
      <c r="AP20578">
        <v>0</v>
      </c>
      <c r="AQ20578">
        <v>0</v>
      </c>
    </row>
    <row r="20579" spans="1:43">
      <c r="A20579" t="s">
        <v>12743</v>
      </c>
      <c r="B20579" t="s">
        <v>12744</v>
      </c>
      <c r="C20579" t="s">
        <v>12745</v>
      </c>
      <c r="D20579" t="s">
        <v>12746</v>
      </c>
      <c r="E20579" t="s">
        <v>12580</v>
      </c>
      <c r="F20579" t="s">
        <v>12581</v>
      </c>
      <c r="G20579" t="s">
        <v>12582</v>
      </c>
      <c r="H20579" t="s">
        <v>12581</v>
      </c>
      <c r="I20579" s="2">
        <v>0</v>
      </c>
      <c r="J20579" s="2">
        <v>0</v>
      </c>
      <c r="K20579" s="2">
        <v>0</v>
      </c>
      <c r="L20579" t="s">
        <v>120</v>
      </c>
      <c r="M20579" t="s">
        <v>87</v>
      </c>
      <c r="N20579" t="s">
        <v>88</v>
      </c>
      <c r="O20579" t="s">
        <v>85</v>
      </c>
      <c r="P20579" t="s">
        <v>86</v>
      </c>
      <c r="Q20579">
        <v>0</v>
      </c>
      <c r="R20579">
        <v>0</v>
      </c>
      <c r="S20579">
        <v>0</v>
      </c>
      <c r="T20579">
        <v>0</v>
      </c>
      <c r="U20579">
        <v>0</v>
      </c>
      <c r="V20579">
        <v>0</v>
      </c>
      <c r="W20579">
        <v>0</v>
      </c>
      <c r="X20579">
        <v>0</v>
      </c>
      <c r="Y20579">
        <v>0</v>
      </c>
      <c r="Z20579">
        <v>0</v>
      </c>
      <c r="AA20579">
        <v>0</v>
      </c>
      <c r="AB20579">
        <v>0</v>
      </c>
      <c r="AC20579">
        <v>0</v>
      </c>
      <c r="AD20579">
        <v>0</v>
      </c>
      <c r="AE20579">
        <v>0</v>
      </c>
      <c r="AF20579">
        <v>0</v>
      </c>
      <c r="AG20579">
        <v>0</v>
      </c>
      <c r="AH20579">
        <v>0</v>
      </c>
      <c r="AI20579">
        <v>0</v>
      </c>
      <c r="AJ20579">
        <v>0</v>
      </c>
      <c r="AK20579">
        <v>0</v>
      </c>
      <c r="AL20579">
        <v>0</v>
      </c>
      <c r="AM20579">
        <v>0</v>
      </c>
      <c r="AN20579">
        <v>0</v>
      </c>
      <c r="AO20579">
        <v>0</v>
      </c>
      <c r="AP20579">
        <v>0</v>
      </c>
      <c r="AQ20579">
        <v>0</v>
      </c>
    </row>
    <row r="20580" spans="1:43">
      <c r="A20580" t="s">
        <v>12743</v>
      </c>
      <c r="B20580" t="s">
        <v>12744</v>
      </c>
      <c r="C20580" t="s">
        <v>12745</v>
      </c>
      <c r="D20580" t="s">
        <v>12746</v>
      </c>
      <c r="E20580" t="s">
        <v>12580</v>
      </c>
      <c r="F20580" t="s">
        <v>12581</v>
      </c>
      <c r="G20580" t="s">
        <v>12582</v>
      </c>
      <c r="H20580" t="s">
        <v>12581</v>
      </c>
      <c r="I20580" s="2">
        <v>0</v>
      </c>
      <c r="J20580" s="2">
        <v>0</v>
      </c>
      <c r="K20580" s="2">
        <v>0</v>
      </c>
      <c r="L20580" t="s">
        <v>120</v>
      </c>
      <c r="M20580" t="s">
        <v>89</v>
      </c>
      <c r="N20580" t="s">
        <v>90</v>
      </c>
      <c r="O20580" t="s">
        <v>85</v>
      </c>
      <c r="P20580" t="s">
        <v>86</v>
      </c>
      <c r="Q20580">
        <v>0</v>
      </c>
      <c r="R20580">
        <v>0</v>
      </c>
      <c r="S20580">
        <v>0</v>
      </c>
      <c r="T20580">
        <v>0</v>
      </c>
      <c r="U20580">
        <v>0</v>
      </c>
      <c r="V20580">
        <v>0</v>
      </c>
      <c r="W20580">
        <v>0</v>
      </c>
      <c r="X20580">
        <v>0</v>
      </c>
      <c r="Y20580">
        <v>0</v>
      </c>
      <c r="Z20580">
        <v>0</v>
      </c>
      <c r="AA20580">
        <v>0</v>
      </c>
      <c r="AB20580">
        <v>0</v>
      </c>
      <c r="AC20580">
        <v>0</v>
      </c>
      <c r="AD20580">
        <v>0</v>
      </c>
      <c r="AE20580">
        <v>0</v>
      </c>
      <c r="AF20580">
        <v>0</v>
      </c>
      <c r="AG20580">
        <v>0</v>
      </c>
      <c r="AH20580">
        <v>0</v>
      </c>
      <c r="AI20580">
        <v>0</v>
      </c>
      <c r="AJ20580">
        <v>0</v>
      </c>
      <c r="AK20580">
        <v>0</v>
      </c>
      <c r="AL20580">
        <v>0</v>
      </c>
      <c r="AM20580">
        <v>0</v>
      </c>
      <c r="AN20580">
        <v>0</v>
      </c>
      <c r="AO20580">
        <v>0</v>
      </c>
      <c r="AP20580">
        <v>0</v>
      </c>
      <c r="AQ20580">
        <v>0</v>
      </c>
    </row>
    <row r="20581" spans="1:43">
      <c r="A20581" t="s">
        <v>12743</v>
      </c>
      <c r="B20581" t="s">
        <v>12744</v>
      </c>
      <c r="C20581" t="s">
        <v>12745</v>
      </c>
      <c r="D20581" t="s">
        <v>12746</v>
      </c>
      <c r="E20581" t="s">
        <v>12580</v>
      </c>
      <c r="F20581" t="s">
        <v>12581</v>
      </c>
      <c r="G20581" t="s">
        <v>12582</v>
      </c>
      <c r="H20581" t="s">
        <v>12581</v>
      </c>
      <c r="I20581" s="2">
        <v>0</v>
      </c>
      <c r="J20581" s="2">
        <v>0</v>
      </c>
      <c r="K20581" s="2">
        <v>0</v>
      </c>
      <c r="L20581" t="s">
        <v>120</v>
      </c>
      <c r="M20581" t="s">
        <v>83</v>
      </c>
      <c r="N20581" t="s">
        <v>91</v>
      </c>
      <c r="O20581" t="s">
        <v>85</v>
      </c>
      <c r="P20581" t="s">
        <v>86</v>
      </c>
      <c r="Q20581">
        <v>0</v>
      </c>
      <c r="R20581">
        <v>0</v>
      </c>
      <c r="S20581">
        <v>0</v>
      </c>
      <c r="T20581">
        <v>0</v>
      </c>
      <c r="U20581">
        <v>0</v>
      </c>
      <c r="V20581">
        <v>0</v>
      </c>
      <c r="W20581">
        <v>0</v>
      </c>
      <c r="X20581">
        <v>0</v>
      </c>
      <c r="Y20581">
        <v>0</v>
      </c>
      <c r="Z20581">
        <v>0</v>
      </c>
      <c r="AA20581">
        <v>0</v>
      </c>
      <c r="AB20581">
        <v>0</v>
      </c>
      <c r="AC20581">
        <v>0</v>
      </c>
      <c r="AD20581">
        <v>0</v>
      </c>
      <c r="AE20581">
        <v>0</v>
      </c>
      <c r="AF20581">
        <v>0</v>
      </c>
      <c r="AG20581">
        <v>0</v>
      </c>
      <c r="AH20581">
        <v>0</v>
      </c>
      <c r="AI20581">
        <v>0</v>
      </c>
      <c r="AJ20581">
        <v>0</v>
      </c>
      <c r="AK20581">
        <v>0</v>
      </c>
      <c r="AL20581">
        <v>0</v>
      </c>
      <c r="AM20581">
        <v>0</v>
      </c>
      <c r="AN20581">
        <v>0</v>
      </c>
      <c r="AO20581">
        <v>0</v>
      </c>
      <c r="AP20581">
        <v>0</v>
      </c>
      <c r="AQ20581">
        <v>0</v>
      </c>
    </row>
    <row r="20582" spans="1:43">
      <c r="A20582" t="s">
        <v>12747</v>
      </c>
      <c r="B20582" t="s">
        <v>12748</v>
      </c>
      <c r="C20582" t="s">
        <v>12659</v>
      </c>
      <c r="D20582" t="s">
        <v>12660</v>
      </c>
      <c r="E20582" t="s">
        <v>12580</v>
      </c>
      <c r="F20582" t="s">
        <v>12581</v>
      </c>
      <c r="G20582" t="s">
        <v>12582</v>
      </c>
      <c r="H20582" t="s">
        <v>12581</v>
      </c>
      <c r="I20582" s="2">
        <v>0</v>
      </c>
      <c r="J20582" s="2">
        <v>0</v>
      </c>
      <c r="K20582" s="2">
        <v>0</v>
      </c>
      <c r="L20582" t="s">
        <v>120</v>
      </c>
      <c r="M20582" t="s">
        <v>83</v>
      </c>
      <c r="N20582" t="s">
        <v>84</v>
      </c>
      <c r="O20582" t="s">
        <v>85</v>
      </c>
      <c r="P20582" t="s">
        <v>86</v>
      </c>
      <c r="Q20582">
        <v>0</v>
      </c>
      <c r="R20582">
        <v>0</v>
      </c>
      <c r="S20582">
        <v>0</v>
      </c>
      <c r="T20582">
        <v>0</v>
      </c>
      <c r="U20582">
        <v>0</v>
      </c>
      <c r="V20582">
        <v>0</v>
      </c>
      <c r="W20582">
        <v>0</v>
      </c>
      <c r="X20582">
        <v>0</v>
      </c>
      <c r="Y20582">
        <v>0</v>
      </c>
      <c r="Z20582">
        <v>0</v>
      </c>
      <c r="AA20582">
        <v>0</v>
      </c>
      <c r="AB20582">
        <v>0</v>
      </c>
      <c r="AC20582">
        <v>0</v>
      </c>
      <c r="AD20582">
        <v>0</v>
      </c>
      <c r="AE20582">
        <v>0</v>
      </c>
      <c r="AF20582">
        <v>0</v>
      </c>
      <c r="AG20582">
        <v>0</v>
      </c>
      <c r="AH20582">
        <v>0</v>
      </c>
      <c r="AI20582">
        <v>0</v>
      </c>
      <c r="AJ20582">
        <v>0</v>
      </c>
      <c r="AK20582">
        <v>0</v>
      </c>
      <c r="AL20582">
        <v>0</v>
      </c>
      <c r="AM20582">
        <v>0</v>
      </c>
      <c r="AN20582">
        <v>0</v>
      </c>
      <c r="AO20582">
        <v>0</v>
      </c>
      <c r="AP20582">
        <v>0</v>
      </c>
      <c r="AQ20582">
        <v>0</v>
      </c>
    </row>
    <row r="20583" spans="1:43">
      <c r="A20583" t="s">
        <v>12747</v>
      </c>
      <c r="B20583" t="s">
        <v>12748</v>
      </c>
      <c r="C20583" t="s">
        <v>12659</v>
      </c>
      <c r="D20583" t="s">
        <v>12660</v>
      </c>
      <c r="E20583" t="s">
        <v>12580</v>
      </c>
      <c r="F20583" t="s">
        <v>12581</v>
      </c>
      <c r="G20583" t="s">
        <v>12582</v>
      </c>
      <c r="H20583" t="s">
        <v>12581</v>
      </c>
      <c r="I20583" s="2">
        <v>0</v>
      </c>
      <c r="J20583" s="2">
        <v>0</v>
      </c>
      <c r="K20583" s="2">
        <v>0</v>
      </c>
      <c r="L20583" t="s">
        <v>120</v>
      </c>
      <c r="M20583" t="s">
        <v>87</v>
      </c>
      <c r="N20583" t="s">
        <v>88</v>
      </c>
      <c r="O20583" t="s">
        <v>85</v>
      </c>
      <c r="P20583" t="s">
        <v>86</v>
      </c>
      <c r="Q20583">
        <v>0</v>
      </c>
      <c r="R20583">
        <v>0</v>
      </c>
      <c r="S20583">
        <v>0</v>
      </c>
      <c r="T20583">
        <v>0</v>
      </c>
      <c r="U20583">
        <v>0</v>
      </c>
      <c r="V20583">
        <v>0</v>
      </c>
      <c r="W20583">
        <v>0</v>
      </c>
      <c r="X20583">
        <v>0</v>
      </c>
      <c r="Y20583">
        <v>0</v>
      </c>
      <c r="Z20583">
        <v>0</v>
      </c>
      <c r="AA20583">
        <v>0</v>
      </c>
      <c r="AB20583">
        <v>0</v>
      </c>
      <c r="AC20583">
        <v>0</v>
      </c>
      <c r="AD20583">
        <v>0</v>
      </c>
      <c r="AE20583">
        <v>0</v>
      </c>
      <c r="AF20583">
        <v>0</v>
      </c>
      <c r="AG20583">
        <v>0</v>
      </c>
      <c r="AH20583">
        <v>0</v>
      </c>
      <c r="AI20583">
        <v>0</v>
      </c>
      <c r="AJ20583">
        <v>0</v>
      </c>
      <c r="AK20583">
        <v>0</v>
      </c>
      <c r="AL20583">
        <v>0</v>
      </c>
      <c r="AM20583">
        <v>0</v>
      </c>
      <c r="AN20583">
        <v>0</v>
      </c>
      <c r="AO20583">
        <v>0</v>
      </c>
      <c r="AP20583">
        <v>0</v>
      </c>
      <c r="AQ20583">
        <v>0</v>
      </c>
    </row>
    <row r="20584" spans="1:43">
      <c r="A20584" t="s">
        <v>12747</v>
      </c>
      <c r="B20584" t="s">
        <v>12748</v>
      </c>
      <c r="C20584" t="s">
        <v>12659</v>
      </c>
      <c r="D20584" t="s">
        <v>12660</v>
      </c>
      <c r="E20584" t="s">
        <v>12580</v>
      </c>
      <c r="F20584" t="s">
        <v>12581</v>
      </c>
      <c r="G20584" t="s">
        <v>12582</v>
      </c>
      <c r="H20584" t="s">
        <v>12581</v>
      </c>
      <c r="I20584" s="2">
        <v>0</v>
      </c>
      <c r="J20584" s="2">
        <v>0</v>
      </c>
      <c r="K20584" s="2">
        <v>0</v>
      </c>
      <c r="L20584" t="s">
        <v>120</v>
      </c>
      <c r="M20584" t="s">
        <v>89</v>
      </c>
      <c r="N20584" t="s">
        <v>90</v>
      </c>
      <c r="O20584" t="s">
        <v>85</v>
      </c>
      <c r="P20584" t="s">
        <v>86</v>
      </c>
      <c r="Q20584">
        <v>0</v>
      </c>
      <c r="R20584">
        <v>0</v>
      </c>
      <c r="S20584">
        <v>0</v>
      </c>
      <c r="T20584">
        <v>0</v>
      </c>
      <c r="U20584">
        <v>0</v>
      </c>
      <c r="V20584">
        <v>0</v>
      </c>
      <c r="W20584">
        <v>0</v>
      </c>
      <c r="X20584">
        <v>0</v>
      </c>
      <c r="Y20584">
        <v>0</v>
      </c>
      <c r="Z20584">
        <v>0</v>
      </c>
      <c r="AA20584">
        <v>0</v>
      </c>
      <c r="AB20584">
        <v>0</v>
      </c>
      <c r="AC20584">
        <v>0</v>
      </c>
      <c r="AD20584">
        <v>0</v>
      </c>
      <c r="AE20584">
        <v>0</v>
      </c>
      <c r="AF20584">
        <v>0</v>
      </c>
      <c r="AG20584">
        <v>0</v>
      </c>
      <c r="AH20584">
        <v>0</v>
      </c>
      <c r="AI20584">
        <v>0</v>
      </c>
      <c r="AJ20584">
        <v>0</v>
      </c>
      <c r="AK20584">
        <v>0</v>
      </c>
      <c r="AL20584">
        <v>0</v>
      </c>
      <c r="AM20584">
        <v>0</v>
      </c>
      <c r="AN20584">
        <v>0</v>
      </c>
      <c r="AO20584">
        <v>0</v>
      </c>
      <c r="AP20584">
        <v>0</v>
      </c>
      <c r="AQ20584">
        <v>0</v>
      </c>
    </row>
    <row r="20585" spans="1:43">
      <c r="A20585" t="s">
        <v>12747</v>
      </c>
      <c r="B20585" t="s">
        <v>12748</v>
      </c>
      <c r="C20585" t="s">
        <v>12659</v>
      </c>
      <c r="D20585" t="s">
        <v>12660</v>
      </c>
      <c r="E20585" t="s">
        <v>12580</v>
      </c>
      <c r="F20585" t="s">
        <v>12581</v>
      </c>
      <c r="G20585" t="s">
        <v>12582</v>
      </c>
      <c r="H20585" t="s">
        <v>12581</v>
      </c>
      <c r="I20585" s="2">
        <v>0</v>
      </c>
      <c r="J20585" s="2">
        <v>0</v>
      </c>
      <c r="K20585" s="2">
        <v>0</v>
      </c>
      <c r="L20585" t="s">
        <v>120</v>
      </c>
      <c r="M20585" t="s">
        <v>83</v>
      </c>
      <c r="N20585" t="s">
        <v>91</v>
      </c>
      <c r="O20585" t="s">
        <v>85</v>
      </c>
      <c r="P20585" t="s">
        <v>86</v>
      </c>
      <c r="Q20585">
        <v>0</v>
      </c>
      <c r="R20585">
        <v>0</v>
      </c>
      <c r="S20585">
        <v>0</v>
      </c>
      <c r="T20585">
        <v>0</v>
      </c>
      <c r="U20585">
        <v>0</v>
      </c>
      <c r="V20585">
        <v>0</v>
      </c>
      <c r="W20585">
        <v>0</v>
      </c>
      <c r="X20585">
        <v>0</v>
      </c>
      <c r="Y20585">
        <v>0</v>
      </c>
      <c r="Z20585">
        <v>0</v>
      </c>
      <c r="AA20585">
        <v>0</v>
      </c>
      <c r="AB20585">
        <v>0</v>
      </c>
      <c r="AC20585">
        <v>0</v>
      </c>
      <c r="AD20585">
        <v>0</v>
      </c>
      <c r="AE20585">
        <v>0</v>
      </c>
      <c r="AF20585">
        <v>0</v>
      </c>
      <c r="AG20585">
        <v>0</v>
      </c>
      <c r="AH20585">
        <v>0</v>
      </c>
      <c r="AI20585">
        <v>0</v>
      </c>
      <c r="AJ20585">
        <v>0</v>
      </c>
      <c r="AK20585">
        <v>0</v>
      </c>
      <c r="AL20585">
        <v>0</v>
      </c>
      <c r="AM20585">
        <v>0</v>
      </c>
      <c r="AN20585">
        <v>0</v>
      </c>
      <c r="AO20585">
        <v>0</v>
      </c>
      <c r="AP20585">
        <v>0</v>
      </c>
      <c r="AQ20585">
        <v>0</v>
      </c>
    </row>
    <row r="20586" spans="1:43">
      <c r="A20586" t="s">
        <v>12749</v>
      </c>
      <c r="B20586" t="s">
        <v>12750</v>
      </c>
      <c r="C20586" t="s">
        <v>12721</v>
      </c>
      <c r="D20586" t="s">
        <v>12722</v>
      </c>
      <c r="E20586" t="s">
        <v>12580</v>
      </c>
      <c r="F20586" t="s">
        <v>12581</v>
      </c>
      <c r="G20586" t="s">
        <v>12582</v>
      </c>
      <c r="H20586" t="s">
        <v>12581</v>
      </c>
      <c r="I20586" s="2">
        <v>1</v>
      </c>
      <c r="J20586" s="2">
        <v>0</v>
      </c>
      <c r="K20586" s="2">
        <v>0</v>
      </c>
      <c r="L20586" t="s">
        <v>120</v>
      </c>
      <c r="M20586" t="s">
        <v>83</v>
      </c>
      <c r="N20586" t="s">
        <v>84</v>
      </c>
      <c r="O20586" t="s">
        <v>85</v>
      </c>
      <c r="P20586" t="s">
        <v>86</v>
      </c>
      <c r="Q20586">
        <v>20</v>
      </c>
      <c r="R20586">
        <v>20</v>
      </c>
      <c r="S20586">
        <v>21</v>
      </c>
      <c r="T20586">
        <v>21</v>
      </c>
      <c r="U20586">
        <v>21</v>
      </c>
      <c r="V20586">
        <v>21</v>
      </c>
      <c r="W20586">
        <v>22</v>
      </c>
      <c r="X20586">
        <v>22</v>
      </c>
      <c r="Y20586">
        <v>22</v>
      </c>
      <c r="Z20586">
        <v>23</v>
      </c>
      <c r="AA20586">
        <v>23</v>
      </c>
      <c r="AB20586">
        <v>23</v>
      </c>
      <c r="AC20586">
        <v>24</v>
      </c>
      <c r="AD20586">
        <v>24</v>
      </c>
      <c r="AE20586">
        <v>24</v>
      </c>
      <c r="AF20586">
        <v>25</v>
      </c>
      <c r="AG20586">
        <v>25</v>
      </c>
      <c r="AH20586">
        <v>25</v>
      </c>
      <c r="AI20586">
        <v>26</v>
      </c>
      <c r="AJ20586">
        <v>26</v>
      </c>
      <c r="AK20586">
        <v>26</v>
      </c>
      <c r="AL20586">
        <v>26</v>
      </c>
      <c r="AM20586">
        <v>27</v>
      </c>
      <c r="AN20586">
        <v>27</v>
      </c>
      <c r="AO20586">
        <v>27</v>
      </c>
      <c r="AP20586">
        <v>27</v>
      </c>
      <c r="AQ20586">
        <v>27</v>
      </c>
    </row>
    <row r="20587" spans="1:43">
      <c r="A20587" t="s">
        <v>12749</v>
      </c>
      <c r="B20587" t="s">
        <v>12750</v>
      </c>
      <c r="C20587" t="s">
        <v>12721</v>
      </c>
      <c r="D20587" t="s">
        <v>12722</v>
      </c>
      <c r="E20587" t="s">
        <v>12580</v>
      </c>
      <c r="F20587" t="s">
        <v>12581</v>
      </c>
      <c r="G20587" t="s">
        <v>12582</v>
      </c>
      <c r="H20587" t="s">
        <v>12581</v>
      </c>
      <c r="I20587" s="2">
        <v>1</v>
      </c>
      <c r="J20587" s="2">
        <v>0</v>
      </c>
      <c r="K20587" s="2">
        <v>0</v>
      </c>
      <c r="L20587" t="s">
        <v>120</v>
      </c>
      <c r="M20587" t="s">
        <v>87</v>
      </c>
      <c r="N20587" t="s">
        <v>88</v>
      </c>
      <c r="O20587" t="s">
        <v>85</v>
      </c>
      <c r="P20587" t="s">
        <v>86</v>
      </c>
      <c r="Q20587">
        <v>20</v>
      </c>
      <c r="R20587">
        <v>20</v>
      </c>
      <c r="S20587">
        <v>20</v>
      </c>
      <c r="T20587">
        <v>20</v>
      </c>
      <c r="U20587">
        <v>20</v>
      </c>
      <c r="V20587">
        <v>20</v>
      </c>
      <c r="W20587">
        <v>20</v>
      </c>
      <c r="X20587">
        <v>21</v>
      </c>
      <c r="Y20587">
        <v>21</v>
      </c>
      <c r="Z20587">
        <v>21</v>
      </c>
      <c r="AA20587">
        <v>21</v>
      </c>
      <c r="AB20587">
        <v>21</v>
      </c>
      <c r="AC20587">
        <v>21</v>
      </c>
      <c r="AD20587">
        <v>21</v>
      </c>
      <c r="AE20587">
        <v>22</v>
      </c>
      <c r="AF20587">
        <v>22</v>
      </c>
      <c r="AG20587">
        <v>22</v>
      </c>
      <c r="AH20587">
        <v>22</v>
      </c>
      <c r="AI20587">
        <v>22</v>
      </c>
      <c r="AJ20587">
        <v>22</v>
      </c>
      <c r="AK20587">
        <v>22</v>
      </c>
      <c r="AL20587">
        <v>23</v>
      </c>
      <c r="AM20587">
        <v>23</v>
      </c>
      <c r="AN20587">
        <v>23</v>
      </c>
      <c r="AO20587">
        <v>23</v>
      </c>
      <c r="AP20587">
        <v>23</v>
      </c>
      <c r="AQ20587">
        <v>23</v>
      </c>
    </row>
    <row r="20588" spans="1:43">
      <c r="A20588" t="s">
        <v>12749</v>
      </c>
      <c r="B20588" t="s">
        <v>12750</v>
      </c>
      <c r="C20588" t="s">
        <v>12721</v>
      </c>
      <c r="D20588" t="s">
        <v>12722</v>
      </c>
      <c r="E20588" t="s">
        <v>12580</v>
      </c>
      <c r="F20588" t="s">
        <v>12581</v>
      </c>
      <c r="G20588" t="s">
        <v>12582</v>
      </c>
      <c r="H20588" t="s">
        <v>12581</v>
      </c>
      <c r="I20588" s="2">
        <v>1</v>
      </c>
      <c r="J20588" s="2">
        <v>0</v>
      </c>
      <c r="K20588" s="2">
        <v>0</v>
      </c>
      <c r="L20588" t="s">
        <v>120</v>
      </c>
      <c r="M20588" t="s">
        <v>89</v>
      </c>
      <c r="N20588" t="s">
        <v>90</v>
      </c>
      <c r="O20588" t="s">
        <v>85</v>
      </c>
      <c r="P20588" t="s">
        <v>86</v>
      </c>
      <c r="Q20588">
        <v>20</v>
      </c>
      <c r="R20588">
        <v>21</v>
      </c>
      <c r="S20588">
        <v>21</v>
      </c>
      <c r="T20588">
        <v>22</v>
      </c>
      <c r="U20588">
        <v>22</v>
      </c>
      <c r="V20588">
        <v>22</v>
      </c>
      <c r="W20588">
        <v>23</v>
      </c>
      <c r="X20588">
        <v>23</v>
      </c>
      <c r="Y20588">
        <v>24</v>
      </c>
      <c r="Z20588">
        <v>24</v>
      </c>
      <c r="AA20588">
        <v>25</v>
      </c>
      <c r="AB20588">
        <v>25</v>
      </c>
      <c r="AC20588">
        <v>25</v>
      </c>
      <c r="AD20588">
        <v>26</v>
      </c>
      <c r="AE20588">
        <v>26</v>
      </c>
      <c r="AF20588">
        <v>26</v>
      </c>
      <c r="AG20588">
        <v>26</v>
      </c>
      <c r="AH20588">
        <v>26</v>
      </c>
      <c r="AI20588">
        <v>26</v>
      </c>
      <c r="AJ20588">
        <v>26</v>
      </c>
      <c r="AK20588">
        <v>27</v>
      </c>
      <c r="AL20588">
        <v>27</v>
      </c>
      <c r="AM20588">
        <v>27</v>
      </c>
      <c r="AN20588">
        <v>27</v>
      </c>
      <c r="AO20588">
        <v>27</v>
      </c>
      <c r="AP20588">
        <v>27</v>
      </c>
      <c r="AQ20588">
        <v>27</v>
      </c>
    </row>
    <row r="20589" spans="1:43">
      <c r="A20589" t="s">
        <v>12749</v>
      </c>
      <c r="B20589" t="s">
        <v>12750</v>
      </c>
      <c r="C20589" t="s">
        <v>12721</v>
      </c>
      <c r="D20589" t="s">
        <v>12722</v>
      </c>
      <c r="E20589" t="s">
        <v>12580</v>
      </c>
      <c r="F20589" t="s">
        <v>12581</v>
      </c>
      <c r="G20589" t="s">
        <v>12582</v>
      </c>
      <c r="H20589" t="s">
        <v>12581</v>
      </c>
      <c r="I20589" s="2">
        <v>1</v>
      </c>
      <c r="J20589" s="2">
        <v>0</v>
      </c>
      <c r="K20589" s="2">
        <v>0</v>
      </c>
      <c r="L20589" t="s">
        <v>120</v>
      </c>
      <c r="M20589" t="s">
        <v>83</v>
      </c>
      <c r="N20589" t="s">
        <v>91</v>
      </c>
      <c r="O20589" t="s">
        <v>85</v>
      </c>
      <c r="P20589" t="s">
        <v>86</v>
      </c>
      <c r="Q20589">
        <v>20</v>
      </c>
      <c r="R20589">
        <v>20</v>
      </c>
      <c r="S20589">
        <v>21</v>
      </c>
      <c r="T20589">
        <v>21</v>
      </c>
      <c r="U20589">
        <v>21</v>
      </c>
      <c r="V20589">
        <v>21</v>
      </c>
      <c r="W20589">
        <v>22</v>
      </c>
      <c r="X20589">
        <v>22</v>
      </c>
      <c r="Y20589">
        <v>22</v>
      </c>
      <c r="Z20589">
        <v>23</v>
      </c>
      <c r="AA20589">
        <v>23</v>
      </c>
      <c r="AB20589">
        <v>23</v>
      </c>
      <c r="AC20589">
        <v>24</v>
      </c>
      <c r="AD20589">
        <v>24</v>
      </c>
      <c r="AE20589">
        <v>24</v>
      </c>
      <c r="AF20589">
        <v>25</v>
      </c>
      <c r="AG20589">
        <v>25</v>
      </c>
      <c r="AH20589">
        <v>25</v>
      </c>
      <c r="AI20589">
        <v>26</v>
      </c>
      <c r="AJ20589">
        <v>26</v>
      </c>
      <c r="AK20589">
        <v>26</v>
      </c>
      <c r="AL20589">
        <v>26</v>
      </c>
      <c r="AM20589">
        <v>27</v>
      </c>
      <c r="AN20589">
        <v>27</v>
      </c>
      <c r="AO20589">
        <v>27</v>
      </c>
      <c r="AP20589">
        <v>27</v>
      </c>
      <c r="AQ20589">
        <v>27</v>
      </c>
    </row>
    <row r="20590" spans="1:43">
      <c r="A20590" t="s">
        <v>12751</v>
      </c>
      <c r="B20590" t="s">
        <v>12752</v>
      </c>
      <c r="C20590" t="s">
        <v>12721</v>
      </c>
      <c r="D20590" t="s">
        <v>12722</v>
      </c>
      <c r="E20590" t="s">
        <v>12580</v>
      </c>
      <c r="F20590" t="s">
        <v>12581</v>
      </c>
      <c r="G20590" t="s">
        <v>12582</v>
      </c>
      <c r="H20590" t="s">
        <v>12581</v>
      </c>
      <c r="I20590" s="2">
        <v>1</v>
      </c>
      <c r="J20590" s="2">
        <v>0</v>
      </c>
      <c r="K20590" s="2">
        <v>0</v>
      </c>
      <c r="L20590" t="s">
        <v>120</v>
      </c>
      <c r="M20590" t="s">
        <v>83</v>
      </c>
      <c r="N20590" t="s">
        <v>84</v>
      </c>
      <c r="O20590" t="s">
        <v>85</v>
      </c>
      <c r="P20590" t="s">
        <v>86</v>
      </c>
      <c r="Q20590">
        <v>45</v>
      </c>
      <c r="R20590">
        <v>46</v>
      </c>
      <c r="S20590">
        <v>46</v>
      </c>
      <c r="T20590">
        <v>47</v>
      </c>
      <c r="U20590">
        <v>48</v>
      </c>
      <c r="V20590">
        <v>49</v>
      </c>
      <c r="W20590">
        <v>49</v>
      </c>
      <c r="X20590">
        <v>50</v>
      </c>
      <c r="Y20590">
        <v>51</v>
      </c>
      <c r="Z20590">
        <v>51</v>
      </c>
      <c r="AA20590">
        <v>52</v>
      </c>
      <c r="AB20590">
        <v>53</v>
      </c>
      <c r="AC20590">
        <v>54</v>
      </c>
      <c r="AD20590">
        <v>54</v>
      </c>
      <c r="AE20590">
        <v>55</v>
      </c>
      <c r="AF20590">
        <v>56</v>
      </c>
      <c r="AG20590">
        <v>57</v>
      </c>
      <c r="AH20590">
        <v>57</v>
      </c>
      <c r="AI20590">
        <v>58</v>
      </c>
      <c r="AJ20590">
        <v>59</v>
      </c>
      <c r="AK20590">
        <v>60</v>
      </c>
      <c r="AL20590">
        <v>60</v>
      </c>
      <c r="AM20590">
        <v>60</v>
      </c>
      <c r="AN20590">
        <v>60</v>
      </c>
      <c r="AO20590">
        <v>60</v>
      </c>
      <c r="AP20590">
        <v>61</v>
      </c>
      <c r="AQ20590">
        <v>61</v>
      </c>
    </row>
    <row r="20591" spans="1:43">
      <c r="A20591" t="s">
        <v>12751</v>
      </c>
      <c r="B20591" t="s">
        <v>12752</v>
      </c>
      <c r="C20591" t="s">
        <v>12721</v>
      </c>
      <c r="D20591" t="s">
        <v>12722</v>
      </c>
      <c r="E20591" t="s">
        <v>12580</v>
      </c>
      <c r="F20591" t="s">
        <v>12581</v>
      </c>
      <c r="G20591" t="s">
        <v>12582</v>
      </c>
      <c r="H20591" t="s">
        <v>12581</v>
      </c>
      <c r="I20591" s="2">
        <v>1</v>
      </c>
      <c r="J20591" s="2">
        <v>0</v>
      </c>
      <c r="K20591" s="2">
        <v>0</v>
      </c>
      <c r="L20591" t="s">
        <v>120</v>
      </c>
      <c r="M20591" t="s">
        <v>87</v>
      </c>
      <c r="N20591" t="s">
        <v>88</v>
      </c>
      <c r="O20591" t="s">
        <v>85</v>
      </c>
      <c r="P20591" t="s">
        <v>86</v>
      </c>
      <c r="Q20591">
        <v>45</v>
      </c>
      <c r="R20591">
        <v>45</v>
      </c>
      <c r="S20591">
        <v>45</v>
      </c>
      <c r="T20591">
        <v>45</v>
      </c>
      <c r="U20591">
        <v>46</v>
      </c>
      <c r="V20591">
        <v>46</v>
      </c>
      <c r="W20591">
        <v>46</v>
      </c>
      <c r="X20591">
        <v>47</v>
      </c>
      <c r="Y20591">
        <v>47</v>
      </c>
      <c r="Z20591">
        <v>47</v>
      </c>
      <c r="AA20591">
        <v>48</v>
      </c>
      <c r="AB20591">
        <v>48</v>
      </c>
      <c r="AC20591">
        <v>48</v>
      </c>
      <c r="AD20591">
        <v>49</v>
      </c>
      <c r="AE20591">
        <v>49</v>
      </c>
      <c r="AF20591">
        <v>49</v>
      </c>
      <c r="AG20591">
        <v>49</v>
      </c>
      <c r="AH20591">
        <v>50</v>
      </c>
      <c r="AI20591">
        <v>50</v>
      </c>
      <c r="AJ20591">
        <v>50</v>
      </c>
      <c r="AK20591">
        <v>51</v>
      </c>
      <c r="AL20591">
        <v>51</v>
      </c>
      <c r="AM20591">
        <v>52</v>
      </c>
      <c r="AN20591">
        <v>52</v>
      </c>
      <c r="AO20591">
        <v>52</v>
      </c>
      <c r="AP20591">
        <v>53</v>
      </c>
      <c r="AQ20591">
        <v>53</v>
      </c>
    </row>
    <row r="20592" spans="1:43">
      <c r="A20592" t="s">
        <v>12751</v>
      </c>
      <c r="B20592" t="s">
        <v>12752</v>
      </c>
      <c r="C20592" t="s">
        <v>12721</v>
      </c>
      <c r="D20592" t="s">
        <v>12722</v>
      </c>
      <c r="E20592" t="s">
        <v>12580</v>
      </c>
      <c r="F20592" t="s">
        <v>12581</v>
      </c>
      <c r="G20592" t="s">
        <v>12582</v>
      </c>
      <c r="H20592" t="s">
        <v>12581</v>
      </c>
      <c r="I20592" s="2">
        <v>1</v>
      </c>
      <c r="J20592" s="2">
        <v>0</v>
      </c>
      <c r="K20592" s="2">
        <v>0</v>
      </c>
      <c r="L20592" t="s">
        <v>120</v>
      </c>
      <c r="M20592" t="s">
        <v>89</v>
      </c>
      <c r="N20592" t="s">
        <v>90</v>
      </c>
      <c r="O20592" t="s">
        <v>85</v>
      </c>
      <c r="P20592" t="s">
        <v>86</v>
      </c>
      <c r="Q20592">
        <v>45</v>
      </c>
      <c r="R20592">
        <v>47</v>
      </c>
      <c r="S20592">
        <v>48</v>
      </c>
      <c r="T20592">
        <v>49</v>
      </c>
      <c r="U20592">
        <v>50</v>
      </c>
      <c r="V20592">
        <v>51</v>
      </c>
      <c r="W20592">
        <v>52</v>
      </c>
      <c r="X20592">
        <v>53</v>
      </c>
      <c r="Y20592">
        <v>54</v>
      </c>
      <c r="Z20592">
        <v>55</v>
      </c>
      <c r="AA20592">
        <v>56</v>
      </c>
      <c r="AB20592">
        <v>56</v>
      </c>
      <c r="AC20592">
        <v>57</v>
      </c>
      <c r="AD20592">
        <v>58</v>
      </c>
      <c r="AE20592">
        <v>59</v>
      </c>
      <c r="AF20592">
        <v>59</v>
      </c>
      <c r="AG20592">
        <v>59</v>
      </c>
      <c r="AH20592">
        <v>60</v>
      </c>
      <c r="AI20592">
        <v>60</v>
      </c>
      <c r="AJ20592">
        <v>60</v>
      </c>
      <c r="AK20592">
        <v>60</v>
      </c>
      <c r="AL20592">
        <v>60</v>
      </c>
      <c r="AM20592">
        <v>61</v>
      </c>
      <c r="AN20592">
        <v>61</v>
      </c>
      <c r="AO20592">
        <v>61</v>
      </c>
      <c r="AP20592">
        <v>61</v>
      </c>
      <c r="AQ20592">
        <v>61</v>
      </c>
    </row>
    <row r="20593" spans="1:43">
      <c r="A20593" t="s">
        <v>12751</v>
      </c>
      <c r="B20593" t="s">
        <v>12752</v>
      </c>
      <c r="C20593" t="s">
        <v>12721</v>
      </c>
      <c r="D20593" t="s">
        <v>12722</v>
      </c>
      <c r="E20593" t="s">
        <v>12580</v>
      </c>
      <c r="F20593" t="s">
        <v>12581</v>
      </c>
      <c r="G20593" t="s">
        <v>12582</v>
      </c>
      <c r="H20593" t="s">
        <v>12581</v>
      </c>
      <c r="I20593" s="2">
        <v>1</v>
      </c>
      <c r="J20593" s="2">
        <v>0</v>
      </c>
      <c r="K20593" s="2">
        <v>0</v>
      </c>
      <c r="L20593" t="s">
        <v>120</v>
      </c>
      <c r="M20593" t="s">
        <v>83</v>
      </c>
      <c r="N20593" t="s">
        <v>91</v>
      </c>
      <c r="O20593" t="s">
        <v>85</v>
      </c>
      <c r="P20593" t="s">
        <v>86</v>
      </c>
      <c r="Q20593">
        <v>45</v>
      </c>
      <c r="R20593">
        <v>46</v>
      </c>
      <c r="S20593">
        <v>46</v>
      </c>
      <c r="T20593">
        <v>47</v>
      </c>
      <c r="U20593">
        <v>48</v>
      </c>
      <c r="V20593">
        <v>49</v>
      </c>
      <c r="W20593">
        <v>49</v>
      </c>
      <c r="X20593">
        <v>50</v>
      </c>
      <c r="Y20593">
        <v>51</v>
      </c>
      <c r="Z20593">
        <v>51</v>
      </c>
      <c r="AA20593">
        <v>52</v>
      </c>
      <c r="AB20593">
        <v>53</v>
      </c>
      <c r="AC20593">
        <v>54</v>
      </c>
      <c r="AD20593">
        <v>54</v>
      </c>
      <c r="AE20593">
        <v>55</v>
      </c>
      <c r="AF20593">
        <v>56</v>
      </c>
      <c r="AG20593">
        <v>57</v>
      </c>
      <c r="AH20593">
        <v>57</v>
      </c>
      <c r="AI20593">
        <v>58</v>
      </c>
      <c r="AJ20593">
        <v>59</v>
      </c>
      <c r="AK20593">
        <v>60</v>
      </c>
      <c r="AL20593">
        <v>60</v>
      </c>
      <c r="AM20593">
        <v>60</v>
      </c>
      <c r="AN20593">
        <v>60</v>
      </c>
      <c r="AO20593">
        <v>60</v>
      </c>
      <c r="AP20593">
        <v>61</v>
      </c>
      <c r="AQ20593">
        <v>61</v>
      </c>
    </row>
    <row r="20594" spans="1:43">
      <c r="A20594" t="s">
        <v>12753</v>
      </c>
      <c r="B20594" t="s">
        <v>12754</v>
      </c>
      <c r="C20594" t="s">
        <v>12755</v>
      </c>
      <c r="D20594" t="s">
        <v>12756</v>
      </c>
      <c r="E20594" t="s">
        <v>12580</v>
      </c>
      <c r="F20594" t="s">
        <v>12581</v>
      </c>
      <c r="G20594" t="s">
        <v>12582</v>
      </c>
      <c r="H20594" t="s">
        <v>12581</v>
      </c>
      <c r="I20594" s="2">
        <v>1</v>
      </c>
      <c r="J20594" s="2">
        <v>0</v>
      </c>
      <c r="K20594" s="2">
        <v>0</v>
      </c>
      <c r="L20594" t="s">
        <v>120</v>
      </c>
      <c r="M20594" t="s">
        <v>83</v>
      </c>
      <c r="N20594" t="s">
        <v>84</v>
      </c>
      <c r="O20594" t="s">
        <v>85</v>
      </c>
      <c r="P20594" t="s">
        <v>86</v>
      </c>
      <c r="Q20594">
        <v>24</v>
      </c>
      <c r="R20594">
        <v>24</v>
      </c>
      <c r="S20594">
        <v>25</v>
      </c>
      <c r="T20594">
        <v>25</v>
      </c>
      <c r="U20594">
        <v>26</v>
      </c>
      <c r="V20594">
        <v>26</v>
      </c>
      <c r="W20594">
        <v>27</v>
      </c>
      <c r="X20594">
        <v>27</v>
      </c>
      <c r="Y20594">
        <v>27</v>
      </c>
      <c r="Z20594">
        <v>28</v>
      </c>
      <c r="AA20594">
        <v>28</v>
      </c>
      <c r="AB20594">
        <v>28</v>
      </c>
      <c r="AC20594">
        <v>29</v>
      </c>
      <c r="AD20594">
        <v>29</v>
      </c>
      <c r="AE20594">
        <v>30</v>
      </c>
      <c r="AF20594">
        <v>30</v>
      </c>
      <c r="AG20594">
        <v>30</v>
      </c>
      <c r="AH20594">
        <v>31</v>
      </c>
      <c r="AI20594">
        <v>31</v>
      </c>
      <c r="AJ20594">
        <v>32</v>
      </c>
      <c r="AK20594">
        <v>32</v>
      </c>
      <c r="AL20594">
        <v>32</v>
      </c>
      <c r="AM20594">
        <v>32</v>
      </c>
      <c r="AN20594">
        <v>33</v>
      </c>
      <c r="AO20594">
        <v>33</v>
      </c>
      <c r="AP20594">
        <v>33</v>
      </c>
      <c r="AQ20594">
        <v>33</v>
      </c>
    </row>
    <row r="20595" spans="1:43">
      <c r="A20595" t="s">
        <v>12753</v>
      </c>
      <c r="B20595" t="s">
        <v>12754</v>
      </c>
      <c r="C20595" t="s">
        <v>12755</v>
      </c>
      <c r="D20595" t="s">
        <v>12756</v>
      </c>
      <c r="E20595" t="s">
        <v>12580</v>
      </c>
      <c r="F20595" t="s">
        <v>12581</v>
      </c>
      <c r="G20595" t="s">
        <v>12582</v>
      </c>
      <c r="H20595" t="s">
        <v>12581</v>
      </c>
      <c r="I20595" s="2">
        <v>1</v>
      </c>
      <c r="J20595" s="2">
        <v>0</v>
      </c>
      <c r="K20595" s="2">
        <v>0</v>
      </c>
      <c r="L20595" t="s">
        <v>120</v>
      </c>
      <c r="M20595" t="s">
        <v>87</v>
      </c>
      <c r="N20595" t="s">
        <v>88</v>
      </c>
      <c r="O20595" t="s">
        <v>85</v>
      </c>
      <c r="P20595" t="s">
        <v>86</v>
      </c>
      <c r="Q20595">
        <v>24</v>
      </c>
      <c r="R20595">
        <v>24</v>
      </c>
      <c r="S20595">
        <v>24</v>
      </c>
      <c r="T20595">
        <v>24</v>
      </c>
      <c r="U20595">
        <v>25</v>
      </c>
      <c r="V20595">
        <v>25</v>
      </c>
      <c r="W20595">
        <v>25</v>
      </c>
      <c r="X20595">
        <v>25</v>
      </c>
      <c r="Y20595">
        <v>25</v>
      </c>
      <c r="Z20595">
        <v>25</v>
      </c>
      <c r="AA20595">
        <v>26</v>
      </c>
      <c r="AB20595">
        <v>26</v>
      </c>
      <c r="AC20595">
        <v>26</v>
      </c>
      <c r="AD20595">
        <v>26</v>
      </c>
      <c r="AE20595">
        <v>26</v>
      </c>
      <c r="AF20595">
        <v>27</v>
      </c>
      <c r="AG20595">
        <v>27</v>
      </c>
      <c r="AH20595">
        <v>27</v>
      </c>
      <c r="AI20595">
        <v>27</v>
      </c>
      <c r="AJ20595">
        <v>27</v>
      </c>
      <c r="AK20595">
        <v>28</v>
      </c>
      <c r="AL20595">
        <v>28</v>
      </c>
      <c r="AM20595">
        <v>28</v>
      </c>
      <c r="AN20595">
        <v>28</v>
      </c>
      <c r="AO20595">
        <v>28</v>
      </c>
      <c r="AP20595">
        <v>29</v>
      </c>
      <c r="AQ20595">
        <v>29</v>
      </c>
    </row>
    <row r="20596" spans="1:43">
      <c r="A20596" t="s">
        <v>12753</v>
      </c>
      <c r="B20596" t="s">
        <v>12754</v>
      </c>
      <c r="C20596" t="s">
        <v>12755</v>
      </c>
      <c r="D20596" t="s">
        <v>12756</v>
      </c>
      <c r="E20596" t="s">
        <v>12580</v>
      </c>
      <c r="F20596" t="s">
        <v>12581</v>
      </c>
      <c r="G20596" t="s">
        <v>12582</v>
      </c>
      <c r="H20596" t="s">
        <v>12581</v>
      </c>
      <c r="I20596" s="2">
        <v>1</v>
      </c>
      <c r="J20596" s="2">
        <v>0</v>
      </c>
      <c r="K20596" s="2">
        <v>0</v>
      </c>
      <c r="L20596" t="s">
        <v>120</v>
      </c>
      <c r="M20596" t="s">
        <v>89</v>
      </c>
      <c r="N20596" t="s">
        <v>90</v>
      </c>
      <c r="O20596" t="s">
        <v>85</v>
      </c>
      <c r="P20596" t="s">
        <v>86</v>
      </c>
      <c r="Q20596">
        <v>24</v>
      </c>
      <c r="R20596">
        <v>25</v>
      </c>
      <c r="S20596">
        <v>25</v>
      </c>
      <c r="T20596">
        <v>26</v>
      </c>
      <c r="U20596">
        <v>27</v>
      </c>
      <c r="V20596">
        <v>27</v>
      </c>
      <c r="W20596">
        <v>28</v>
      </c>
      <c r="X20596">
        <v>28</v>
      </c>
      <c r="Y20596">
        <v>29</v>
      </c>
      <c r="Z20596">
        <v>29</v>
      </c>
      <c r="AA20596">
        <v>30</v>
      </c>
      <c r="AB20596">
        <v>30</v>
      </c>
      <c r="AC20596">
        <v>31</v>
      </c>
      <c r="AD20596">
        <v>31</v>
      </c>
      <c r="AE20596">
        <v>32</v>
      </c>
      <c r="AF20596">
        <v>32</v>
      </c>
      <c r="AG20596">
        <v>32</v>
      </c>
      <c r="AH20596">
        <v>32</v>
      </c>
      <c r="AI20596">
        <v>32</v>
      </c>
      <c r="AJ20596">
        <v>32</v>
      </c>
      <c r="AK20596">
        <v>32</v>
      </c>
      <c r="AL20596">
        <v>33</v>
      </c>
      <c r="AM20596">
        <v>33</v>
      </c>
      <c r="AN20596">
        <v>33</v>
      </c>
      <c r="AO20596">
        <v>33</v>
      </c>
      <c r="AP20596">
        <v>33</v>
      </c>
      <c r="AQ20596">
        <v>33</v>
      </c>
    </row>
    <row r="20597" spans="1:43">
      <c r="A20597" t="s">
        <v>12753</v>
      </c>
      <c r="B20597" t="s">
        <v>12754</v>
      </c>
      <c r="C20597" t="s">
        <v>12755</v>
      </c>
      <c r="D20597" t="s">
        <v>12756</v>
      </c>
      <c r="E20597" t="s">
        <v>12580</v>
      </c>
      <c r="F20597" t="s">
        <v>12581</v>
      </c>
      <c r="G20597" t="s">
        <v>12582</v>
      </c>
      <c r="H20597" t="s">
        <v>12581</v>
      </c>
      <c r="I20597" s="2">
        <v>1</v>
      </c>
      <c r="J20597" s="2">
        <v>0</v>
      </c>
      <c r="K20597" s="2">
        <v>0</v>
      </c>
      <c r="L20597" t="s">
        <v>120</v>
      </c>
      <c r="M20597" t="s">
        <v>83</v>
      </c>
      <c r="N20597" t="s">
        <v>91</v>
      </c>
      <c r="O20597" t="s">
        <v>85</v>
      </c>
      <c r="P20597" t="s">
        <v>86</v>
      </c>
      <c r="Q20597">
        <v>24</v>
      </c>
      <c r="R20597">
        <v>24</v>
      </c>
      <c r="S20597">
        <v>25</v>
      </c>
      <c r="T20597">
        <v>25</v>
      </c>
      <c r="U20597">
        <v>26</v>
      </c>
      <c r="V20597">
        <v>26</v>
      </c>
      <c r="W20597">
        <v>27</v>
      </c>
      <c r="X20597">
        <v>27</v>
      </c>
      <c r="Y20597">
        <v>27</v>
      </c>
      <c r="Z20597">
        <v>28</v>
      </c>
      <c r="AA20597">
        <v>28</v>
      </c>
      <c r="AB20597">
        <v>28</v>
      </c>
      <c r="AC20597">
        <v>29</v>
      </c>
      <c r="AD20597">
        <v>29</v>
      </c>
      <c r="AE20597">
        <v>30</v>
      </c>
      <c r="AF20597">
        <v>30</v>
      </c>
      <c r="AG20597">
        <v>30</v>
      </c>
      <c r="AH20597">
        <v>31</v>
      </c>
      <c r="AI20597">
        <v>31</v>
      </c>
      <c r="AJ20597">
        <v>32</v>
      </c>
      <c r="AK20597">
        <v>32</v>
      </c>
      <c r="AL20597">
        <v>32</v>
      </c>
      <c r="AM20597">
        <v>32</v>
      </c>
      <c r="AN20597">
        <v>33</v>
      </c>
      <c r="AO20597">
        <v>33</v>
      </c>
      <c r="AP20597">
        <v>33</v>
      </c>
      <c r="AQ20597">
        <v>33</v>
      </c>
    </row>
    <row r="20598" spans="1:43">
      <c r="A20598" t="s">
        <v>12757</v>
      </c>
      <c r="B20598" t="s">
        <v>12758</v>
      </c>
      <c r="C20598" t="s">
        <v>12755</v>
      </c>
      <c r="D20598" t="s">
        <v>12756</v>
      </c>
      <c r="E20598" t="s">
        <v>12580</v>
      </c>
      <c r="F20598" t="s">
        <v>12581</v>
      </c>
      <c r="G20598" t="s">
        <v>12582</v>
      </c>
      <c r="H20598" t="s">
        <v>12581</v>
      </c>
      <c r="I20598" s="2">
        <v>1</v>
      </c>
      <c r="J20598" s="2">
        <v>0</v>
      </c>
      <c r="K20598" s="2">
        <v>0</v>
      </c>
      <c r="L20598" t="s">
        <v>120</v>
      </c>
      <c r="M20598" t="s">
        <v>83</v>
      </c>
      <c r="N20598" t="s">
        <v>84</v>
      </c>
      <c r="O20598" t="s">
        <v>85</v>
      </c>
      <c r="P20598" t="s">
        <v>86</v>
      </c>
      <c r="Q20598">
        <v>10</v>
      </c>
      <c r="R20598">
        <v>10</v>
      </c>
      <c r="S20598">
        <v>10</v>
      </c>
      <c r="T20598">
        <v>11</v>
      </c>
      <c r="U20598">
        <v>11</v>
      </c>
      <c r="V20598">
        <v>11</v>
      </c>
      <c r="W20598">
        <v>11</v>
      </c>
      <c r="X20598">
        <v>11</v>
      </c>
      <c r="Y20598">
        <v>12</v>
      </c>
      <c r="Z20598">
        <v>12</v>
      </c>
      <c r="AA20598">
        <v>12</v>
      </c>
      <c r="AB20598">
        <v>12</v>
      </c>
      <c r="AC20598">
        <v>12</v>
      </c>
      <c r="AD20598">
        <v>12</v>
      </c>
      <c r="AE20598">
        <v>12</v>
      </c>
      <c r="AF20598">
        <v>13</v>
      </c>
      <c r="AG20598">
        <v>13</v>
      </c>
      <c r="AH20598">
        <v>13</v>
      </c>
      <c r="AI20598">
        <v>13</v>
      </c>
      <c r="AJ20598">
        <v>13</v>
      </c>
      <c r="AK20598">
        <v>14</v>
      </c>
      <c r="AL20598">
        <v>14</v>
      </c>
      <c r="AM20598">
        <v>14</v>
      </c>
      <c r="AN20598">
        <v>14</v>
      </c>
      <c r="AO20598">
        <v>14</v>
      </c>
      <c r="AP20598">
        <v>14</v>
      </c>
      <c r="AQ20598">
        <v>14</v>
      </c>
    </row>
    <row r="20599" spans="1:43">
      <c r="A20599" t="s">
        <v>12757</v>
      </c>
      <c r="B20599" t="s">
        <v>12758</v>
      </c>
      <c r="C20599" t="s">
        <v>12755</v>
      </c>
      <c r="D20599" t="s">
        <v>12756</v>
      </c>
      <c r="E20599" t="s">
        <v>12580</v>
      </c>
      <c r="F20599" t="s">
        <v>12581</v>
      </c>
      <c r="G20599" t="s">
        <v>12582</v>
      </c>
      <c r="H20599" t="s">
        <v>12581</v>
      </c>
      <c r="I20599" s="2">
        <v>1</v>
      </c>
      <c r="J20599" s="2">
        <v>0</v>
      </c>
      <c r="K20599" s="2">
        <v>0</v>
      </c>
      <c r="L20599" t="s">
        <v>120</v>
      </c>
      <c r="M20599" t="s">
        <v>87</v>
      </c>
      <c r="N20599" t="s">
        <v>88</v>
      </c>
      <c r="O20599" t="s">
        <v>85</v>
      </c>
      <c r="P20599" t="s">
        <v>86</v>
      </c>
      <c r="Q20599">
        <v>10</v>
      </c>
      <c r="R20599">
        <v>10</v>
      </c>
      <c r="S20599">
        <v>10</v>
      </c>
      <c r="T20599">
        <v>10</v>
      </c>
      <c r="U20599">
        <v>10</v>
      </c>
      <c r="V20599">
        <v>10</v>
      </c>
      <c r="W20599">
        <v>10</v>
      </c>
      <c r="X20599">
        <v>11</v>
      </c>
      <c r="Y20599">
        <v>11</v>
      </c>
      <c r="Z20599">
        <v>11</v>
      </c>
      <c r="AA20599">
        <v>11</v>
      </c>
      <c r="AB20599">
        <v>11</v>
      </c>
      <c r="AC20599">
        <v>11</v>
      </c>
      <c r="AD20599">
        <v>11</v>
      </c>
      <c r="AE20599">
        <v>11</v>
      </c>
      <c r="AF20599">
        <v>11</v>
      </c>
      <c r="AG20599">
        <v>11</v>
      </c>
      <c r="AH20599">
        <v>11</v>
      </c>
      <c r="AI20599">
        <v>12</v>
      </c>
      <c r="AJ20599">
        <v>12</v>
      </c>
      <c r="AK20599">
        <v>12</v>
      </c>
      <c r="AL20599">
        <v>12</v>
      </c>
      <c r="AM20599">
        <v>12</v>
      </c>
      <c r="AN20599">
        <v>12</v>
      </c>
      <c r="AO20599">
        <v>12</v>
      </c>
      <c r="AP20599">
        <v>12</v>
      </c>
      <c r="AQ20599">
        <v>12</v>
      </c>
    </row>
    <row r="20600" spans="1:43">
      <c r="A20600" t="s">
        <v>12757</v>
      </c>
      <c r="B20600" t="s">
        <v>12758</v>
      </c>
      <c r="C20600" t="s">
        <v>12755</v>
      </c>
      <c r="D20600" t="s">
        <v>12756</v>
      </c>
      <c r="E20600" t="s">
        <v>12580</v>
      </c>
      <c r="F20600" t="s">
        <v>12581</v>
      </c>
      <c r="G20600" t="s">
        <v>12582</v>
      </c>
      <c r="H20600" t="s">
        <v>12581</v>
      </c>
      <c r="I20600" s="2">
        <v>1</v>
      </c>
      <c r="J20600" s="2">
        <v>0</v>
      </c>
      <c r="K20600" s="2">
        <v>0</v>
      </c>
      <c r="L20600" t="s">
        <v>120</v>
      </c>
      <c r="M20600" t="s">
        <v>89</v>
      </c>
      <c r="N20600" t="s">
        <v>90</v>
      </c>
      <c r="O20600" t="s">
        <v>85</v>
      </c>
      <c r="P20600" t="s">
        <v>86</v>
      </c>
      <c r="Q20600">
        <v>10</v>
      </c>
      <c r="R20600">
        <v>10</v>
      </c>
      <c r="S20600">
        <v>11</v>
      </c>
      <c r="T20600">
        <v>11</v>
      </c>
      <c r="U20600">
        <v>11</v>
      </c>
      <c r="V20600">
        <v>11</v>
      </c>
      <c r="W20600">
        <v>12</v>
      </c>
      <c r="X20600">
        <v>12</v>
      </c>
      <c r="Y20600">
        <v>12</v>
      </c>
      <c r="Z20600">
        <v>12</v>
      </c>
      <c r="AA20600">
        <v>13</v>
      </c>
      <c r="AB20600">
        <v>13</v>
      </c>
      <c r="AC20600">
        <v>13</v>
      </c>
      <c r="AD20600">
        <v>13</v>
      </c>
      <c r="AE20600">
        <v>13</v>
      </c>
      <c r="AF20600">
        <v>13</v>
      </c>
      <c r="AG20600">
        <v>13</v>
      </c>
      <c r="AH20600">
        <v>13</v>
      </c>
      <c r="AI20600">
        <v>14</v>
      </c>
      <c r="AJ20600">
        <v>14</v>
      </c>
      <c r="AK20600">
        <v>14</v>
      </c>
      <c r="AL20600">
        <v>14</v>
      </c>
      <c r="AM20600">
        <v>14</v>
      </c>
      <c r="AN20600">
        <v>14</v>
      </c>
      <c r="AO20600">
        <v>14</v>
      </c>
      <c r="AP20600">
        <v>14</v>
      </c>
      <c r="AQ20600">
        <v>14</v>
      </c>
    </row>
    <row r="20601" spans="1:43">
      <c r="A20601" t="s">
        <v>12757</v>
      </c>
      <c r="B20601" t="s">
        <v>12758</v>
      </c>
      <c r="C20601" t="s">
        <v>12755</v>
      </c>
      <c r="D20601" t="s">
        <v>12756</v>
      </c>
      <c r="E20601" t="s">
        <v>12580</v>
      </c>
      <c r="F20601" t="s">
        <v>12581</v>
      </c>
      <c r="G20601" t="s">
        <v>12582</v>
      </c>
      <c r="H20601" t="s">
        <v>12581</v>
      </c>
      <c r="I20601" s="2">
        <v>1</v>
      </c>
      <c r="J20601" s="2">
        <v>0</v>
      </c>
      <c r="K20601" s="2">
        <v>0</v>
      </c>
      <c r="L20601" t="s">
        <v>120</v>
      </c>
      <c r="M20601" t="s">
        <v>83</v>
      </c>
      <c r="N20601" t="s">
        <v>91</v>
      </c>
      <c r="O20601" t="s">
        <v>85</v>
      </c>
      <c r="P20601" t="s">
        <v>86</v>
      </c>
      <c r="Q20601">
        <v>10</v>
      </c>
      <c r="R20601">
        <v>10</v>
      </c>
      <c r="S20601">
        <v>10</v>
      </c>
      <c r="T20601">
        <v>11</v>
      </c>
      <c r="U20601">
        <v>11</v>
      </c>
      <c r="V20601">
        <v>11</v>
      </c>
      <c r="W20601">
        <v>11</v>
      </c>
      <c r="X20601">
        <v>11</v>
      </c>
      <c r="Y20601">
        <v>12</v>
      </c>
      <c r="Z20601">
        <v>12</v>
      </c>
      <c r="AA20601">
        <v>12</v>
      </c>
      <c r="AB20601">
        <v>12</v>
      </c>
      <c r="AC20601">
        <v>12</v>
      </c>
      <c r="AD20601">
        <v>12</v>
      </c>
      <c r="AE20601">
        <v>12</v>
      </c>
      <c r="AF20601">
        <v>13</v>
      </c>
      <c r="AG20601">
        <v>13</v>
      </c>
      <c r="AH20601">
        <v>13</v>
      </c>
      <c r="AI20601">
        <v>13</v>
      </c>
      <c r="AJ20601">
        <v>13</v>
      </c>
      <c r="AK20601">
        <v>14</v>
      </c>
      <c r="AL20601">
        <v>14</v>
      </c>
      <c r="AM20601">
        <v>14</v>
      </c>
      <c r="AN20601">
        <v>14</v>
      </c>
      <c r="AO20601">
        <v>14</v>
      </c>
      <c r="AP20601">
        <v>14</v>
      </c>
      <c r="AQ20601">
        <v>14</v>
      </c>
    </row>
    <row r="20602" spans="1:43">
      <c r="A20602" t="s">
        <v>12759</v>
      </c>
      <c r="B20602" t="s">
        <v>12760</v>
      </c>
      <c r="C20602" t="s">
        <v>12755</v>
      </c>
      <c r="D20602" t="s">
        <v>12756</v>
      </c>
      <c r="E20602" t="s">
        <v>12580</v>
      </c>
      <c r="F20602" t="s">
        <v>12581</v>
      </c>
      <c r="G20602" t="s">
        <v>12582</v>
      </c>
      <c r="H20602" t="s">
        <v>12581</v>
      </c>
      <c r="I20602" s="2">
        <v>1</v>
      </c>
      <c r="J20602" s="2">
        <v>0</v>
      </c>
      <c r="K20602" s="2">
        <v>0</v>
      </c>
      <c r="L20602" t="s">
        <v>120</v>
      </c>
      <c r="M20602" t="s">
        <v>83</v>
      </c>
      <c r="N20602" t="s">
        <v>84</v>
      </c>
      <c r="O20602" t="s">
        <v>85</v>
      </c>
      <c r="P20602" t="s">
        <v>86</v>
      </c>
      <c r="Q20602">
        <v>27</v>
      </c>
      <c r="R20602">
        <v>28</v>
      </c>
      <c r="S20602">
        <v>28</v>
      </c>
      <c r="T20602">
        <v>29</v>
      </c>
      <c r="U20602">
        <v>29</v>
      </c>
      <c r="V20602">
        <v>29</v>
      </c>
      <c r="W20602">
        <v>30</v>
      </c>
      <c r="X20602">
        <v>30</v>
      </c>
      <c r="Y20602">
        <v>31</v>
      </c>
      <c r="Z20602">
        <v>31</v>
      </c>
      <c r="AA20602">
        <v>32</v>
      </c>
      <c r="AB20602">
        <v>32</v>
      </c>
      <c r="AC20602">
        <v>33</v>
      </c>
      <c r="AD20602">
        <v>33</v>
      </c>
      <c r="AE20602">
        <v>33</v>
      </c>
      <c r="AF20602">
        <v>34</v>
      </c>
      <c r="AG20602">
        <v>34</v>
      </c>
      <c r="AH20602">
        <v>35</v>
      </c>
      <c r="AI20602">
        <v>35</v>
      </c>
      <c r="AJ20602">
        <v>36</v>
      </c>
      <c r="AK20602">
        <v>36</v>
      </c>
      <c r="AL20602">
        <v>36</v>
      </c>
      <c r="AM20602">
        <v>37</v>
      </c>
      <c r="AN20602">
        <v>37</v>
      </c>
      <c r="AO20602">
        <v>37</v>
      </c>
      <c r="AP20602">
        <v>37</v>
      </c>
      <c r="AQ20602">
        <v>37</v>
      </c>
    </row>
    <row r="20603" spans="1:43">
      <c r="A20603" t="s">
        <v>12759</v>
      </c>
      <c r="B20603" t="s">
        <v>12760</v>
      </c>
      <c r="C20603" t="s">
        <v>12755</v>
      </c>
      <c r="D20603" t="s">
        <v>12756</v>
      </c>
      <c r="E20603" t="s">
        <v>12580</v>
      </c>
      <c r="F20603" t="s">
        <v>12581</v>
      </c>
      <c r="G20603" t="s">
        <v>12582</v>
      </c>
      <c r="H20603" t="s">
        <v>12581</v>
      </c>
      <c r="I20603" s="2">
        <v>1</v>
      </c>
      <c r="J20603" s="2">
        <v>0</v>
      </c>
      <c r="K20603" s="2">
        <v>0</v>
      </c>
      <c r="L20603" t="s">
        <v>120</v>
      </c>
      <c r="M20603" t="s">
        <v>87</v>
      </c>
      <c r="N20603" t="s">
        <v>88</v>
      </c>
      <c r="O20603" t="s">
        <v>85</v>
      </c>
      <c r="P20603" t="s">
        <v>86</v>
      </c>
      <c r="Q20603">
        <v>27</v>
      </c>
      <c r="R20603">
        <v>27</v>
      </c>
      <c r="S20603">
        <v>27</v>
      </c>
      <c r="T20603">
        <v>28</v>
      </c>
      <c r="U20603">
        <v>28</v>
      </c>
      <c r="V20603">
        <v>28</v>
      </c>
      <c r="W20603">
        <v>28</v>
      </c>
      <c r="X20603">
        <v>28</v>
      </c>
      <c r="Y20603">
        <v>29</v>
      </c>
      <c r="Z20603">
        <v>29</v>
      </c>
      <c r="AA20603">
        <v>29</v>
      </c>
      <c r="AB20603">
        <v>29</v>
      </c>
      <c r="AC20603">
        <v>29</v>
      </c>
      <c r="AD20603">
        <v>30</v>
      </c>
      <c r="AE20603">
        <v>30</v>
      </c>
      <c r="AF20603">
        <v>30</v>
      </c>
      <c r="AG20603">
        <v>30</v>
      </c>
      <c r="AH20603">
        <v>30</v>
      </c>
      <c r="AI20603">
        <v>31</v>
      </c>
      <c r="AJ20603">
        <v>31</v>
      </c>
      <c r="AK20603">
        <v>31</v>
      </c>
      <c r="AL20603">
        <v>31</v>
      </c>
      <c r="AM20603">
        <v>32</v>
      </c>
      <c r="AN20603">
        <v>32</v>
      </c>
      <c r="AO20603">
        <v>32</v>
      </c>
      <c r="AP20603">
        <v>32</v>
      </c>
      <c r="AQ20603">
        <v>32</v>
      </c>
    </row>
    <row r="20604" spans="1:43">
      <c r="A20604" t="s">
        <v>12759</v>
      </c>
      <c r="B20604" t="s">
        <v>12760</v>
      </c>
      <c r="C20604" t="s">
        <v>12755</v>
      </c>
      <c r="D20604" t="s">
        <v>12756</v>
      </c>
      <c r="E20604" t="s">
        <v>12580</v>
      </c>
      <c r="F20604" t="s">
        <v>12581</v>
      </c>
      <c r="G20604" t="s">
        <v>12582</v>
      </c>
      <c r="H20604" t="s">
        <v>12581</v>
      </c>
      <c r="I20604" s="2">
        <v>1</v>
      </c>
      <c r="J20604" s="2">
        <v>0</v>
      </c>
      <c r="K20604" s="2">
        <v>0</v>
      </c>
      <c r="L20604" t="s">
        <v>120</v>
      </c>
      <c r="M20604" t="s">
        <v>89</v>
      </c>
      <c r="N20604" t="s">
        <v>90</v>
      </c>
      <c r="O20604" t="s">
        <v>85</v>
      </c>
      <c r="P20604" t="s">
        <v>86</v>
      </c>
      <c r="Q20604">
        <v>27</v>
      </c>
      <c r="R20604">
        <v>28</v>
      </c>
      <c r="S20604">
        <v>29</v>
      </c>
      <c r="T20604">
        <v>30</v>
      </c>
      <c r="U20604">
        <v>30</v>
      </c>
      <c r="V20604">
        <v>31</v>
      </c>
      <c r="W20604">
        <v>31</v>
      </c>
      <c r="X20604">
        <v>32</v>
      </c>
      <c r="Y20604">
        <v>33</v>
      </c>
      <c r="Z20604">
        <v>33</v>
      </c>
      <c r="AA20604">
        <v>34</v>
      </c>
      <c r="AB20604">
        <v>34</v>
      </c>
      <c r="AC20604">
        <v>35</v>
      </c>
      <c r="AD20604">
        <v>35</v>
      </c>
      <c r="AE20604">
        <v>36</v>
      </c>
      <c r="AF20604">
        <v>36</v>
      </c>
      <c r="AG20604">
        <v>36</v>
      </c>
      <c r="AH20604">
        <v>36</v>
      </c>
      <c r="AI20604">
        <v>36</v>
      </c>
      <c r="AJ20604">
        <v>36</v>
      </c>
      <c r="AK20604">
        <v>37</v>
      </c>
      <c r="AL20604">
        <v>37</v>
      </c>
      <c r="AM20604">
        <v>37</v>
      </c>
      <c r="AN20604">
        <v>37</v>
      </c>
      <c r="AO20604">
        <v>37</v>
      </c>
      <c r="AP20604">
        <v>37</v>
      </c>
      <c r="AQ20604">
        <v>37</v>
      </c>
    </row>
    <row r="20605" spans="1:43">
      <c r="A20605" t="s">
        <v>12759</v>
      </c>
      <c r="B20605" t="s">
        <v>12760</v>
      </c>
      <c r="C20605" t="s">
        <v>12755</v>
      </c>
      <c r="D20605" t="s">
        <v>12756</v>
      </c>
      <c r="E20605" t="s">
        <v>12580</v>
      </c>
      <c r="F20605" t="s">
        <v>12581</v>
      </c>
      <c r="G20605" t="s">
        <v>12582</v>
      </c>
      <c r="H20605" t="s">
        <v>12581</v>
      </c>
      <c r="I20605" s="2">
        <v>1</v>
      </c>
      <c r="J20605" s="2">
        <v>0</v>
      </c>
      <c r="K20605" s="2">
        <v>0</v>
      </c>
      <c r="L20605" t="s">
        <v>120</v>
      </c>
      <c r="M20605" t="s">
        <v>83</v>
      </c>
      <c r="N20605" t="s">
        <v>91</v>
      </c>
      <c r="O20605" t="s">
        <v>85</v>
      </c>
      <c r="P20605" t="s">
        <v>86</v>
      </c>
      <c r="Q20605">
        <v>27</v>
      </c>
      <c r="R20605">
        <v>28</v>
      </c>
      <c r="S20605">
        <v>28</v>
      </c>
      <c r="T20605">
        <v>29</v>
      </c>
      <c r="U20605">
        <v>29</v>
      </c>
      <c r="V20605">
        <v>29</v>
      </c>
      <c r="W20605">
        <v>30</v>
      </c>
      <c r="X20605">
        <v>30</v>
      </c>
      <c r="Y20605">
        <v>31</v>
      </c>
      <c r="Z20605">
        <v>31</v>
      </c>
      <c r="AA20605">
        <v>32</v>
      </c>
      <c r="AB20605">
        <v>32</v>
      </c>
      <c r="AC20605">
        <v>33</v>
      </c>
      <c r="AD20605">
        <v>33</v>
      </c>
      <c r="AE20605">
        <v>33</v>
      </c>
      <c r="AF20605">
        <v>34</v>
      </c>
      <c r="AG20605">
        <v>34</v>
      </c>
      <c r="AH20605">
        <v>35</v>
      </c>
      <c r="AI20605">
        <v>35</v>
      </c>
      <c r="AJ20605">
        <v>36</v>
      </c>
      <c r="AK20605">
        <v>36</v>
      </c>
      <c r="AL20605">
        <v>36</v>
      </c>
      <c r="AM20605">
        <v>37</v>
      </c>
      <c r="AN20605">
        <v>37</v>
      </c>
      <c r="AO20605">
        <v>37</v>
      </c>
      <c r="AP20605">
        <v>37</v>
      </c>
      <c r="AQ20605">
        <v>37</v>
      </c>
    </row>
    <row r="20606" spans="1:43">
      <c r="A20606" t="s">
        <v>12761</v>
      </c>
      <c r="B20606" t="s">
        <v>12762</v>
      </c>
      <c r="C20606" t="s">
        <v>12755</v>
      </c>
      <c r="D20606" t="s">
        <v>12756</v>
      </c>
      <c r="E20606" t="s">
        <v>12580</v>
      </c>
      <c r="F20606" t="s">
        <v>12581</v>
      </c>
      <c r="G20606" t="s">
        <v>12582</v>
      </c>
      <c r="H20606" t="s">
        <v>12581</v>
      </c>
      <c r="I20606" s="2">
        <v>1</v>
      </c>
      <c r="J20606" s="2">
        <v>0</v>
      </c>
      <c r="K20606" s="2">
        <v>0</v>
      </c>
      <c r="L20606" t="s">
        <v>120</v>
      </c>
      <c r="M20606" t="s">
        <v>83</v>
      </c>
      <c r="N20606" t="s">
        <v>84</v>
      </c>
      <c r="O20606" t="s">
        <v>85</v>
      </c>
      <c r="P20606" t="s">
        <v>86</v>
      </c>
      <c r="Q20606">
        <v>5</v>
      </c>
      <c r="R20606">
        <v>5</v>
      </c>
      <c r="S20606">
        <v>5</v>
      </c>
      <c r="T20606">
        <v>5</v>
      </c>
      <c r="U20606">
        <v>5</v>
      </c>
      <c r="V20606">
        <v>5</v>
      </c>
      <c r="W20606">
        <v>6</v>
      </c>
      <c r="X20606">
        <v>6</v>
      </c>
      <c r="Y20606">
        <v>6</v>
      </c>
      <c r="Z20606">
        <v>6</v>
      </c>
      <c r="AA20606">
        <v>6</v>
      </c>
      <c r="AB20606">
        <v>6</v>
      </c>
      <c r="AC20606">
        <v>6</v>
      </c>
      <c r="AD20606">
        <v>6</v>
      </c>
      <c r="AE20606">
        <v>6</v>
      </c>
      <c r="AF20606">
        <v>6</v>
      </c>
      <c r="AG20606">
        <v>6</v>
      </c>
      <c r="AH20606">
        <v>6</v>
      </c>
      <c r="AI20606">
        <v>7</v>
      </c>
      <c r="AJ20606">
        <v>7</v>
      </c>
      <c r="AK20606">
        <v>7</v>
      </c>
      <c r="AL20606">
        <v>7</v>
      </c>
      <c r="AM20606">
        <v>7</v>
      </c>
      <c r="AN20606">
        <v>7</v>
      </c>
      <c r="AO20606">
        <v>7</v>
      </c>
      <c r="AP20606">
        <v>7</v>
      </c>
      <c r="AQ20606">
        <v>7</v>
      </c>
    </row>
    <row r="20607" spans="1:43">
      <c r="A20607" t="s">
        <v>12761</v>
      </c>
      <c r="B20607" t="s">
        <v>12762</v>
      </c>
      <c r="C20607" t="s">
        <v>12755</v>
      </c>
      <c r="D20607" t="s">
        <v>12756</v>
      </c>
      <c r="E20607" t="s">
        <v>12580</v>
      </c>
      <c r="F20607" t="s">
        <v>12581</v>
      </c>
      <c r="G20607" t="s">
        <v>12582</v>
      </c>
      <c r="H20607" t="s">
        <v>12581</v>
      </c>
      <c r="I20607" s="2">
        <v>1</v>
      </c>
      <c r="J20607" s="2">
        <v>0</v>
      </c>
      <c r="K20607" s="2">
        <v>0</v>
      </c>
      <c r="L20607" t="s">
        <v>120</v>
      </c>
      <c r="M20607" t="s">
        <v>87</v>
      </c>
      <c r="N20607" t="s">
        <v>88</v>
      </c>
      <c r="O20607" t="s">
        <v>85</v>
      </c>
      <c r="P20607" t="s">
        <v>86</v>
      </c>
      <c r="Q20607">
        <v>5</v>
      </c>
      <c r="R20607">
        <v>5</v>
      </c>
      <c r="S20607">
        <v>5</v>
      </c>
      <c r="T20607">
        <v>5</v>
      </c>
      <c r="U20607">
        <v>5</v>
      </c>
      <c r="V20607">
        <v>5</v>
      </c>
      <c r="W20607">
        <v>5</v>
      </c>
      <c r="X20607">
        <v>5</v>
      </c>
      <c r="Y20607">
        <v>5</v>
      </c>
      <c r="Z20607">
        <v>5</v>
      </c>
      <c r="AA20607">
        <v>5</v>
      </c>
      <c r="AB20607">
        <v>5</v>
      </c>
      <c r="AC20607">
        <v>5</v>
      </c>
      <c r="AD20607">
        <v>5</v>
      </c>
      <c r="AE20607">
        <v>6</v>
      </c>
      <c r="AF20607">
        <v>6</v>
      </c>
      <c r="AG20607">
        <v>6</v>
      </c>
      <c r="AH20607">
        <v>6</v>
      </c>
      <c r="AI20607">
        <v>6</v>
      </c>
      <c r="AJ20607">
        <v>6</v>
      </c>
      <c r="AK20607">
        <v>6</v>
      </c>
      <c r="AL20607">
        <v>6</v>
      </c>
      <c r="AM20607">
        <v>6</v>
      </c>
      <c r="AN20607">
        <v>6</v>
      </c>
      <c r="AO20607">
        <v>6</v>
      </c>
      <c r="AP20607">
        <v>6</v>
      </c>
      <c r="AQ20607">
        <v>6</v>
      </c>
    </row>
    <row r="20608" spans="1:43">
      <c r="A20608" t="s">
        <v>12761</v>
      </c>
      <c r="B20608" t="s">
        <v>12762</v>
      </c>
      <c r="C20608" t="s">
        <v>12755</v>
      </c>
      <c r="D20608" t="s">
        <v>12756</v>
      </c>
      <c r="E20608" t="s">
        <v>12580</v>
      </c>
      <c r="F20608" t="s">
        <v>12581</v>
      </c>
      <c r="G20608" t="s">
        <v>12582</v>
      </c>
      <c r="H20608" t="s">
        <v>12581</v>
      </c>
      <c r="I20608" s="2">
        <v>1</v>
      </c>
      <c r="J20608" s="2">
        <v>0</v>
      </c>
      <c r="K20608" s="2">
        <v>0</v>
      </c>
      <c r="L20608" t="s">
        <v>120</v>
      </c>
      <c r="M20608" t="s">
        <v>89</v>
      </c>
      <c r="N20608" t="s">
        <v>90</v>
      </c>
      <c r="O20608" t="s">
        <v>85</v>
      </c>
      <c r="P20608" t="s">
        <v>86</v>
      </c>
      <c r="Q20608">
        <v>5</v>
      </c>
      <c r="R20608">
        <v>5</v>
      </c>
      <c r="S20608">
        <v>5</v>
      </c>
      <c r="T20608">
        <v>5</v>
      </c>
      <c r="U20608">
        <v>6</v>
      </c>
      <c r="V20608">
        <v>6</v>
      </c>
      <c r="W20608">
        <v>6</v>
      </c>
      <c r="X20608">
        <v>6</v>
      </c>
      <c r="Y20608">
        <v>6</v>
      </c>
      <c r="Z20608">
        <v>6</v>
      </c>
      <c r="AA20608">
        <v>6</v>
      </c>
      <c r="AB20608">
        <v>6</v>
      </c>
      <c r="AC20608">
        <v>6</v>
      </c>
      <c r="AD20608">
        <v>7</v>
      </c>
      <c r="AE20608">
        <v>7</v>
      </c>
      <c r="AF20608">
        <v>7</v>
      </c>
      <c r="AG20608">
        <v>7</v>
      </c>
      <c r="AH20608">
        <v>7</v>
      </c>
      <c r="AI20608">
        <v>7</v>
      </c>
      <c r="AJ20608">
        <v>7</v>
      </c>
      <c r="AK20608">
        <v>7</v>
      </c>
      <c r="AL20608">
        <v>7</v>
      </c>
      <c r="AM20608">
        <v>7</v>
      </c>
      <c r="AN20608">
        <v>7</v>
      </c>
      <c r="AO20608">
        <v>7</v>
      </c>
      <c r="AP20608">
        <v>7</v>
      </c>
      <c r="AQ20608">
        <v>7</v>
      </c>
    </row>
    <row r="20609" spans="1:43">
      <c r="A20609" t="s">
        <v>12761</v>
      </c>
      <c r="B20609" t="s">
        <v>12762</v>
      </c>
      <c r="C20609" t="s">
        <v>12755</v>
      </c>
      <c r="D20609" t="s">
        <v>12756</v>
      </c>
      <c r="E20609" t="s">
        <v>12580</v>
      </c>
      <c r="F20609" t="s">
        <v>12581</v>
      </c>
      <c r="G20609" t="s">
        <v>12582</v>
      </c>
      <c r="H20609" t="s">
        <v>12581</v>
      </c>
      <c r="I20609" s="2">
        <v>1</v>
      </c>
      <c r="J20609" s="2">
        <v>0</v>
      </c>
      <c r="K20609" s="2">
        <v>0</v>
      </c>
      <c r="L20609" t="s">
        <v>120</v>
      </c>
      <c r="M20609" t="s">
        <v>83</v>
      </c>
      <c r="N20609" t="s">
        <v>91</v>
      </c>
      <c r="O20609" t="s">
        <v>85</v>
      </c>
      <c r="P20609" t="s">
        <v>86</v>
      </c>
      <c r="Q20609">
        <v>5</v>
      </c>
      <c r="R20609">
        <v>5</v>
      </c>
      <c r="S20609">
        <v>5</v>
      </c>
      <c r="T20609">
        <v>5</v>
      </c>
      <c r="U20609">
        <v>5</v>
      </c>
      <c r="V20609">
        <v>5</v>
      </c>
      <c r="W20609">
        <v>6</v>
      </c>
      <c r="X20609">
        <v>6</v>
      </c>
      <c r="Y20609">
        <v>6</v>
      </c>
      <c r="Z20609">
        <v>6</v>
      </c>
      <c r="AA20609">
        <v>6</v>
      </c>
      <c r="AB20609">
        <v>6</v>
      </c>
      <c r="AC20609">
        <v>6</v>
      </c>
      <c r="AD20609">
        <v>6</v>
      </c>
      <c r="AE20609">
        <v>6</v>
      </c>
      <c r="AF20609">
        <v>6</v>
      </c>
      <c r="AG20609">
        <v>6</v>
      </c>
      <c r="AH20609">
        <v>6</v>
      </c>
      <c r="AI20609">
        <v>7</v>
      </c>
      <c r="AJ20609">
        <v>7</v>
      </c>
      <c r="AK20609">
        <v>7</v>
      </c>
      <c r="AL20609">
        <v>7</v>
      </c>
      <c r="AM20609">
        <v>7</v>
      </c>
      <c r="AN20609">
        <v>7</v>
      </c>
      <c r="AO20609">
        <v>7</v>
      </c>
      <c r="AP20609">
        <v>7</v>
      </c>
      <c r="AQ20609">
        <v>7</v>
      </c>
    </row>
    <row r="20610" spans="1:43">
      <c r="A20610" t="s">
        <v>12763</v>
      </c>
      <c r="B20610" t="s">
        <v>12764</v>
      </c>
      <c r="C20610" t="s">
        <v>12765</v>
      </c>
      <c r="D20610" t="s">
        <v>12766</v>
      </c>
      <c r="E20610" t="s">
        <v>12580</v>
      </c>
      <c r="F20610" t="s">
        <v>12581</v>
      </c>
      <c r="G20610" t="s">
        <v>12582</v>
      </c>
      <c r="H20610" t="s">
        <v>12581</v>
      </c>
      <c r="I20610" s="2">
        <v>1</v>
      </c>
      <c r="J20610" s="2">
        <v>0</v>
      </c>
      <c r="K20610" s="2">
        <v>0</v>
      </c>
      <c r="L20610" t="s">
        <v>120</v>
      </c>
      <c r="M20610" t="s">
        <v>83</v>
      </c>
      <c r="N20610" t="s">
        <v>84</v>
      </c>
      <c r="O20610" t="s">
        <v>85</v>
      </c>
      <c r="P20610" t="s">
        <v>86</v>
      </c>
      <c r="Q20610">
        <v>80</v>
      </c>
      <c r="R20610">
        <v>81</v>
      </c>
      <c r="S20610">
        <v>82</v>
      </c>
      <c r="T20610">
        <v>84</v>
      </c>
      <c r="U20610">
        <v>85</v>
      </c>
      <c r="V20610">
        <v>86</v>
      </c>
      <c r="W20610">
        <v>87</v>
      </c>
      <c r="X20610">
        <v>89</v>
      </c>
      <c r="Y20610">
        <v>90</v>
      </c>
      <c r="Z20610">
        <v>91</v>
      </c>
      <c r="AA20610">
        <v>93</v>
      </c>
      <c r="AB20610">
        <v>94</v>
      </c>
      <c r="AC20610">
        <v>95</v>
      </c>
      <c r="AD20610">
        <v>97</v>
      </c>
      <c r="AE20610">
        <v>98</v>
      </c>
      <c r="AF20610">
        <v>99</v>
      </c>
      <c r="AG20610">
        <v>101</v>
      </c>
      <c r="AH20610">
        <v>102</v>
      </c>
      <c r="AI20610">
        <v>103</v>
      </c>
      <c r="AJ20610">
        <v>105</v>
      </c>
      <c r="AK20610">
        <v>106</v>
      </c>
      <c r="AL20610">
        <v>107</v>
      </c>
      <c r="AM20610">
        <v>107</v>
      </c>
      <c r="AN20610">
        <v>108</v>
      </c>
      <c r="AO20610">
        <v>108</v>
      </c>
      <c r="AP20610">
        <v>109</v>
      </c>
      <c r="AQ20610">
        <v>109</v>
      </c>
    </row>
    <row r="20611" spans="1:43">
      <c r="A20611" t="s">
        <v>12763</v>
      </c>
      <c r="B20611" t="s">
        <v>12764</v>
      </c>
      <c r="C20611" t="s">
        <v>12765</v>
      </c>
      <c r="D20611" t="s">
        <v>12766</v>
      </c>
      <c r="E20611" t="s">
        <v>12580</v>
      </c>
      <c r="F20611" t="s">
        <v>12581</v>
      </c>
      <c r="G20611" t="s">
        <v>12582</v>
      </c>
      <c r="H20611" t="s">
        <v>12581</v>
      </c>
      <c r="I20611" s="2">
        <v>1</v>
      </c>
      <c r="J20611" s="2">
        <v>0</v>
      </c>
      <c r="K20611" s="2">
        <v>0</v>
      </c>
      <c r="L20611" t="s">
        <v>120</v>
      </c>
      <c r="M20611" t="s">
        <v>87</v>
      </c>
      <c r="N20611" t="s">
        <v>88</v>
      </c>
      <c r="O20611" t="s">
        <v>85</v>
      </c>
      <c r="P20611" t="s">
        <v>86</v>
      </c>
      <c r="Q20611">
        <v>80</v>
      </c>
      <c r="R20611">
        <v>81</v>
      </c>
      <c r="S20611">
        <v>81</v>
      </c>
      <c r="T20611">
        <v>82</v>
      </c>
      <c r="U20611">
        <v>82</v>
      </c>
      <c r="V20611">
        <v>83</v>
      </c>
      <c r="W20611">
        <v>83</v>
      </c>
      <c r="X20611">
        <v>84</v>
      </c>
      <c r="Y20611">
        <v>84</v>
      </c>
      <c r="Z20611">
        <v>85</v>
      </c>
      <c r="AA20611">
        <v>85</v>
      </c>
      <c r="AB20611">
        <v>86</v>
      </c>
      <c r="AC20611">
        <v>87</v>
      </c>
      <c r="AD20611">
        <v>87</v>
      </c>
      <c r="AE20611">
        <v>88</v>
      </c>
      <c r="AF20611">
        <v>88</v>
      </c>
      <c r="AG20611">
        <v>89</v>
      </c>
      <c r="AH20611">
        <v>90</v>
      </c>
      <c r="AI20611">
        <v>90</v>
      </c>
      <c r="AJ20611">
        <v>91</v>
      </c>
      <c r="AK20611">
        <v>91</v>
      </c>
      <c r="AL20611">
        <v>92</v>
      </c>
      <c r="AM20611">
        <v>93</v>
      </c>
      <c r="AN20611">
        <v>93</v>
      </c>
      <c r="AO20611">
        <v>94</v>
      </c>
      <c r="AP20611">
        <v>95</v>
      </c>
      <c r="AQ20611">
        <v>95</v>
      </c>
    </row>
    <row r="20612" spans="1:43">
      <c r="A20612" t="s">
        <v>12763</v>
      </c>
      <c r="B20612" t="s">
        <v>12764</v>
      </c>
      <c r="C20612" t="s">
        <v>12765</v>
      </c>
      <c r="D20612" t="s">
        <v>12766</v>
      </c>
      <c r="E20612" t="s">
        <v>12580</v>
      </c>
      <c r="F20612" t="s">
        <v>12581</v>
      </c>
      <c r="G20612" t="s">
        <v>12582</v>
      </c>
      <c r="H20612" t="s">
        <v>12581</v>
      </c>
      <c r="I20612" s="2">
        <v>1</v>
      </c>
      <c r="J20612" s="2">
        <v>0</v>
      </c>
      <c r="K20612" s="2">
        <v>0</v>
      </c>
      <c r="L20612" t="s">
        <v>120</v>
      </c>
      <c r="M20612" t="s">
        <v>89</v>
      </c>
      <c r="N20612" t="s">
        <v>90</v>
      </c>
      <c r="O20612" t="s">
        <v>85</v>
      </c>
      <c r="P20612" t="s">
        <v>86</v>
      </c>
      <c r="Q20612">
        <v>80</v>
      </c>
      <c r="R20612">
        <v>82</v>
      </c>
      <c r="S20612">
        <v>84</v>
      </c>
      <c r="T20612">
        <v>86</v>
      </c>
      <c r="U20612">
        <v>88</v>
      </c>
      <c r="V20612">
        <v>90</v>
      </c>
      <c r="W20612">
        <v>92</v>
      </c>
      <c r="X20612">
        <v>94</v>
      </c>
      <c r="Y20612">
        <v>95</v>
      </c>
      <c r="Z20612">
        <v>97</v>
      </c>
      <c r="AA20612">
        <v>99</v>
      </c>
      <c r="AB20612">
        <v>100</v>
      </c>
      <c r="AC20612">
        <v>102</v>
      </c>
      <c r="AD20612">
        <v>104</v>
      </c>
      <c r="AE20612">
        <v>105</v>
      </c>
      <c r="AF20612">
        <v>105</v>
      </c>
      <c r="AG20612">
        <v>106</v>
      </c>
      <c r="AH20612">
        <v>106</v>
      </c>
      <c r="AI20612">
        <v>107</v>
      </c>
      <c r="AJ20612">
        <v>107</v>
      </c>
      <c r="AK20612">
        <v>108</v>
      </c>
      <c r="AL20612">
        <v>108</v>
      </c>
      <c r="AM20612">
        <v>108</v>
      </c>
      <c r="AN20612">
        <v>109</v>
      </c>
      <c r="AO20612">
        <v>109</v>
      </c>
      <c r="AP20612">
        <v>110</v>
      </c>
      <c r="AQ20612">
        <v>110</v>
      </c>
    </row>
    <row r="20613" spans="1:43">
      <c r="A20613" t="s">
        <v>12763</v>
      </c>
      <c r="B20613" t="s">
        <v>12764</v>
      </c>
      <c r="C20613" t="s">
        <v>12765</v>
      </c>
      <c r="D20613" t="s">
        <v>12766</v>
      </c>
      <c r="E20613" t="s">
        <v>12580</v>
      </c>
      <c r="F20613" t="s">
        <v>12581</v>
      </c>
      <c r="G20613" t="s">
        <v>12582</v>
      </c>
      <c r="H20613" t="s">
        <v>12581</v>
      </c>
      <c r="I20613" s="2">
        <v>1</v>
      </c>
      <c r="J20613" s="2">
        <v>0</v>
      </c>
      <c r="K20613" s="2">
        <v>0</v>
      </c>
      <c r="L20613" t="s">
        <v>120</v>
      </c>
      <c r="M20613" t="s">
        <v>83</v>
      </c>
      <c r="N20613" t="s">
        <v>91</v>
      </c>
      <c r="O20613" t="s">
        <v>85</v>
      </c>
      <c r="P20613" t="s">
        <v>86</v>
      </c>
      <c r="Q20613">
        <v>80</v>
      </c>
      <c r="R20613">
        <v>81</v>
      </c>
      <c r="S20613">
        <v>82</v>
      </c>
      <c r="T20613">
        <v>84</v>
      </c>
      <c r="U20613">
        <v>85</v>
      </c>
      <c r="V20613">
        <v>86</v>
      </c>
      <c r="W20613">
        <v>87</v>
      </c>
      <c r="X20613">
        <v>89</v>
      </c>
      <c r="Y20613">
        <v>90</v>
      </c>
      <c r="Z20613">
        <v>91</v>
      </c>
      <c r="AA20613">
        <v>93</v>
      </c>
      <c r="AB20613">
        <v>94</v>
      </c>
      <c r="AC20613">
        <v>95</v>
      </c>
      <c r="AD20613">
        <v>97</v>
      </c>
      <c r="AE20613">
        <v>98</v>
      </c>
      <c r="AF20613">
        <v>99</v>
      </c>
      <c r="AG20613">
        <v>101</v>
      </c>
      <c r="AH20613">
        <v>102</v>
      </c>
      <c r="AI20613">
        <v>103</v>
      </c>
      <c r="AJ20613">
        <v>105</v>
      </c>
      <c r="AK20613">
        <v>106</v>
      </c>
      <c r="AL20613">
        <v>107</v>
      </c>
      <c r="AM20613">
        <v>107</v>
      </c>
      <c r="AN20613">
        <v>108</v>
      </c>
      <c r="AO20613">
        <v>108</v>
      </c>
      <c r="AP20613">
        <v>109</v>
      </c>
      <c r="AQ20613">
        <v>109</v>
      </c>
    </row>
    <row r="20614" spans="1:43">
      <c r="A20614" t="s">
        <v>12767</v>
      </c>
      <c r="B20614" t="s">
        <v>12768</v>
      </c>
      <c r="C20614" t="s">
        <v>12765</v>
      </c>
      <c r="D20614" t="s">
        <v>12766</v>
      </c>
      <c r="E20614" t="s">
        <v>12580</v>
      </c>
      <c r="F20614" t="s">
        <v>12581</v>
      </c>
      <c r="G20614" t="s">
        <v>12582</v>
      </c>
      <c r="H20614" t="s">
        <v>12581</v>
      </c>
      <c r="I20614" s="2">
        <v>1</v>
      </c>
      <c r="J20614" s="2">
        <v>0</v>
      </c>
      <c r="K20614" s="2">
        <v>0</v>
      </c>
      <c r="L20614" t="s">
        <v>120</v>
      </c>
      <c r="M20614" t="s">
        <v>83</v>
      </c>
      <c r="N20614" t="s">
        <v>84</v>
      </c>
      <c r="O20614" t="s">
        <v>85</v>
      </c>
      <c r="P20614" t="s">
        <v>86</v>
      </c>
      <c r="Q20614">
        <v>31</v>
      </c>
      <c r="R20614">
        <v>31</v>
      </c>
      <c r="S20614">
        <v>32</v>
      </c>
      <c r="T20614">
        <v>32</v>
      </c>
      <c r="U20614">
        <v>33</v>
      </c>
      <c r="V20614">
        <v>33</v>
      </c>
      <c r="W20614">
        <v>34</v>
      </c>
      <c r="X20614">
        <v>34</v>
      </c>
      <c r="Y20614">
        <v>35</v>
      </c>
      <c r="Z20614">
        <v>35</v>
      </c>
      <c r="AA20614">
        <v>36</v>
      </c>
      <c r="AB20614">
        <v>36</v>
      </c>
      <c r="AC20614">
        <v>37</v>
      </c>
      <c r="AD20614">
        <v>37</v>
      </c>
      <c r="AE20614">
        <v>38</v>
      </c>
      <c r="AF20614">
        <v>38</v>
      </c>
      <c r="AG20614">
        <v>39</v>
      </c>
      <c r="AH20614">
        <v>39</v>
      </c>
      <c r="AI20614">
        <v>40</v>
      </c>
      <c r="AJ20614">
        <v>40</v>
      </c>
      <c r="AK20614">
        <v>41</v>
      </c>
      <c r="AL20614">
        <v>41</v>
      </c>
      <c r="AM20614">
        <v>41</v>
      </c>
      <c r="AN20614">
        <v>42</v>
      </c>
      <c r="AO20614">
        <v>42</v>
      </c>
      <c r="AP20614">
        <v>42</v>
      </c>
      <c r="AQ20614">
        <v>42</v>
      </c>
    </row>
    <row r="20615" spans="1:43">
      <c r="A20615" t="s">
        <v>12767</v>
      </c>
      <c r="B20615" t="s">
        <v>12768</v>
      </c>
      <c r="C20615" t="s">
        <v>12765</v>
      </c>
      <c r="D20615" t="s">
        <v>12766</v>
      </c>
      <c r="E20615" t="s">
        <v>12580</v>
      </c>
      <c r="F20615" t="s">
        <v>12581</v>
      </c>
      <c r="G20615" t="s">
        <v>12582</v>
      </c>
      <c r="H20615" t="s">
        <v>12581</v>
      </c>
      <c r="I20615" s="2">
        <v>1</v>
      </c>
      <c r="J20615" s="2">
        <v>0</v>
      </c>
      <c r="K20615" s="2">
        <v>0</v>
      </c>
      <c r="L20615" t="s">
        <v>120</v>
      </c>
      <c r="M20615" t="s">
        <v>87</v>
      </c>
      <c r="N20615" t="s">
        <v>88</v>
      </c>
      <c r="O20615" t="s">
        <v>85</v>
      </c>
      <c r="P20615" t="s">
        <v>86</v>
      </c>
      <c r="Q20615">
        <v>31</v>
      </c>
      <c r="R20615">
        <v>31</v>
      </c>
      <c r="S20615">
        <v>31</v>
      </c>
      <c r="T20615">
        <v>31</v>
      </c>
      <c r="U20615">
        <v>31</v>
      </c>
      <c r="V20615">
        <v>32</v>
      </c>
      <c r="W20615">
        <v>32</v>
      </c>
      <c r="X20615">
        <v>32</v>
      </c>
      <c r="Y20615">
        <v>32</v>
      </c>
      <c r="Z20615">
        <v>32</v>
      </c>
      <c r="AA20615">
        <v>33</v>
      </c>
      <c r="AB20615">
        <v>33</v>
      </c>
      <c r="AC20615">
        <v>33</v>
      </c>
      <c r="AD20615">
        <v>33</v>
      </c>
      <c r="AE20615">
        <v>34</v>
      </c>
      <c r="AF20615">
        <v>34</v>
      </c>
      <c r="AG20615">
        <v>34</v>
      </c>
      <c r="AH20615">
        <v>34</v>
      </c>
      <c r="AI20615">
        <v>35</v>
      </c>
      <c r="AJ20615">
        <v>35</v>
      </c>
      <c r="AK20615">
        <v>35</v>
      </c>
      <c r="AL20615">
        <v>35</v>
      </c>
      <c r="AM20615">
        <v>35</v>
      </c>
      <c r="AN20615">
        <v>36</v>
      </c>
      <c r="AO20615">
        <v>36</v>
      </c>
      <c r="AP20615">
        <v>36</v>
      </c>
      <c r="AQ20615">
        <v>36</v>
      </c>
    </row>
    <row r="20616" spans="1:43">
      <c r="A20616" t="s">
        <v>12767</v>
      </c>
      <c r="B20616" t="s">
        <v>12768</v>
      </c>
      <c r="C20616" t="s">
        <v>12765</v>
      </c>
      <c r="D20616" t="s">
        <v>12766</v>
      </c>
      <c r="E20616" t="s">
        <v>12580</v>
      </c>
      <c r="F20616" t="s">
        <v>12581</v>
      </c>
      <c r="G20616" t="s">
        <v>12582</v>
      </c>
      <c r="H20616" t="s">
        <v>12581</v>
      </c>
      <c r="I20616" s="2">
        <v>1</v>
      </c>
      <c r="J20616" s="2">
        <v>0</v>
      </c>
      <c r="K20616" s="2">
        <v>0</v>
      </c>
      <c r="L20616" t="s">
        <v>120</v>
      </c>
      <c r="M20616" t="s">
        <v>89</v>
      </c>
      <c r="N20616" t="s">
        <v>90</v>
      </c>
      <c r="O20616" t="s">
        <v>85</v>
      </c>
      <c r="P20616" t="s">
        <v>86</v>
      </c>
      <c r="Q20616">
        <v>31</v>
      </c>
      <c r="R20616">
        <v>32</v>
      </c>
      <c r="S20616">
        <v>33</v>
      </c>
      <c r="T20616">
        <v>33</v>
      </c>
      <c r="U20616">
        <v>34</v>
      </c>
      <c r="V20616">
        <v>35</v>
      </c>
      <c r="W20616">
        <v>36</v>
      </c>
      <c r="X20616">
        <v>36</v>
      </c>
      <c r="Y20616">
        <v>37</v>
      </c>
      <c r="Z20616">
        <v>38</v>
      </c>
      <c r="AA20616">
        <v>38</v>
      </c>
      <c r="AB20616">
        <v>39</v>
      </c>
      <c r="AC20616">
        <v>40</v>
      </c>
      <c r="AD20616">
        <v>40</v>
      </c>
      <c r="AE20616">
        <v>41</v>
      </c>
      <c r="AF20616">
        <v>41</v>
      </c>
      <c r="AG20616">
        <v>41</v>
      </c>
      <c r="AH20616">
        <v>41</v>
      </c>
      <c r="AI20616">
        <v>41</v>
      </c>
      <c r="AJ20616">
        <v>41</v>
      </c>
      <c r="AK20616">
        <v>42</v>
      </c>
      <c r="AL20616">
        <v>42</v>
      </c>
      <c r="AM20616">
        <v>42</v>
      </c>
      <c r="AN20616">
        <v>42</v>
      </c>
      <c r="AO20616">
        <v>42</v>
      </c>
      <c r="AP20616">
        <v>42</v>
      </c>
      <c r="AQ20616">
        <v>43</v>
      </c>
    </row>
    <row r="20617" spans="1:43">
      <c r="A20617" t="s">
        <v>12767</v>
      </c>
      <c r="B20617" t="s">
        <v>12768</v>
      </c>
      <c r="C20617" t="s">
        <v>12765</v>
      </c>
      <c r="D20617" t="s">
        <v>12766</v>
      </c>
      <c r="E20617" t="s">
        <v>12580</v>
      </c>
      <c r="F20617" t="s">
        <v>12581</v>
      </c>
      <c r="G20617" t="s">
        <v>12582</v>
      </c>
      <c r="H20617" t="s">
        <v>12581</v>
      </c>
      <c r="I20617" s="2">
        <v>1</v>
      </c>
      <c r="J20617" s="2">
        <v>0</v>
      </c>
      <c r="K20617" s="2">
        <v>0</v>
      </c>
      <c r="L20617" t="s">
        <v>120</v>
      </c>
      <c r="M20617" t="s">
        <v>83</v>
      </c>
      <c r="N20617" t="s">
        <v>91</v>
      </c>
      <c r="O20617" t="s">
        <v>85</v>
      </c>
      <c r="P20617" t="s">
        <v>86</v>
      </c>
      <c r="Q20617">
        <v>31</v>
      </c>
      <c r="R20617">
        <v>31</v>
      </c>
      <c r="S20617">
        <v>32</v>
      </c>
      <c r="T20617">
        <v>32</v>
      </c>
      <c r="U20617">
        <v>33</v>
      </c>
      <c r="V20617">
        <v>33</v>
      </c>
      <c r="W20617">
        <v>34</v>
      </c>
      <c r="X20617">
        <v>34</v>
      </c>
      <c r="Y20617">
        <v>35</v>
      </c>
      <c r="Z20617">
        <v>35</v>
      </c>
      <c r="AA20617">
        <v>36</v>
      </c>
      <c r="AB20617">
        <v>36</v>
      </c>
      <c r="AC20617">
        <v>37</v>
      </c>
      <c r="AD20617">
        <v>37</v>
      </c>
      <c r="AE20617">
        <v>38</v>
      </c>
      <c r="AF20617">
        <v>38</v>
      </c>
      <c r="AG20617">
        <v>39</v>
      </c>
      <c r="AH20617">
        <v>39</v>
      </c>
      <c r="AI20617">
        <v>40</v>
      </c>
      <c r="AJ20617">
        <v>40</v>
      </c>
      <c r="AK20617">
        <v>41</v>
      </c>
      <c r="AL20617">
        <v>41</v>
      </c>
      <c r="AM20617">
        <v>41</v>
      </c>
      <c r="AN20617">
        <v>42</v>
      </c>
      <c r="AO20617">
        <v>42</v>
      </c>
      <c r="AP20617">
        <v>42</v>
      </c>
      <c r="AQ20617">
        <v>42</v>
      </c>
    </row>
    <row r="20618" spans="1:43">
      <c r="A20618" t="s">
        <v>12769</v>
      </c>
      <c r="B20618" t="s">
        <v>12770</v>
      </c>
      <c r="C20618" t="s">
        <v>12765</v>
      </c>
      <c r="D20618" t="s">
        <v>12766</v>
      </c>
      <c r="E20618" t="s">
        <v>12580</v>
      </c>
      <c r="F20618" t="s">
        <v>12581</v>
      </c>
      <c r="G20618" t="s">
        <v>12582</v>
      </c>
      <c r="H20618" t="s">
        <v>12581</v>
      </c>
      <c r="I20618" s="2">
        <v>1</v>
      </c>
      <c r="J20618" s="2">
        <v>0</v>
      </c>
      <c r="K20618" s="2">
        <v>0</v>
      </c>
      <c r="L20618" t="s">
        <v>120</v>
      </c>
      <c r="M20618" t="s">
        <v>83</v>
      </c>
      <c r="N20618" t="s">
        <v>84</v>
      </c>
      <c r="O20618" t="s">
        <v>85</v>
      </c>
      <c r="P20618" t="s">
        <v>86</v>
      </c>
      <c r="Q20618">
        <v>8</v>
      </c>
      <c r="R20618">
        <v>8</v>
      </c>
      <c r="S20618">
        <v>8</v>
      </c>
      <c r="T20618">
        <v>9</v>
      </c>
      <c r="U20618">
        <v>9</v>
      </c>
      <c r="V20618">
        <v>9</v>
      </c>
      <c r="W20618">
        <v>9</v>
      </c>
      <c r="X20618">
        <v>9</v>
      </c>
      <c r="Y20618">
        <v>9</v>
      </c>
      <c r="Z20618">
        <v>9</v>
      </c>
      <c r="AA20618">
        <v>9</v>
      </c>
      <c r="AB20618">
        <v>10</v>
      </c>
      <c r="AC20618">
        <v>10</v>
      </c>
      <c r="AD20618">
        <v>10</v>
      </c>
      <c r="AE20618">
        <v>10</v>
      </c>
      <c r="AF20618">
        <v>10</v>
      </c>
      <c r="AG20618">
        <v>10</v>
      </c>
      <c r="AH20618">
        <v>10</v>
      </c>
      <c r="AI20618">
        <v>11</v>
      </c>
      <c r="AJ20618">
        <v>11</v>
      </c>
      <c r="AK20618">
        <v>11</v>
      </c>
      <c r="AL20618">
        <v>11</v>
      </c>
      <c r="AM20618">
        <v>11</v>
      </c>
      <c r="AN20618">
        <v>11</v>
      </c>
      <c r="AO20618">
        <v>11</v>
      </c>
      <c r="AP20618">
        <v>11</v>
      </c>
      <c r="AQ20618">
        <v>11</v>
      </c>
    </row>
    <row r="20619" spans="1:43">
      <c r="A20619" t="s">
        <v>12769</v>
      </c>
      <c r="B20619" t="s">
        <v>12770</v>
      </c>
      <c r="C20619" t="s">
        <v>12765</v>
      </c>
      <c r="D20619" t="s">
        <v>12766</v>
      </c>
      <c r="E20619" t="s">
        <v>12580</v>
      </c>
      <c r="F20619" t="s">
        <v>12581</v>
      </c>
      <c r="G20619" t="s">
        <v>12582</v>
      </c>
      <c r="H20619" t="s">
        <v>12581</v>
      </c>
      <c r="I20619" s="2">
        <v>1</v>
      </c>
      <c r="J20619" s="2">
        <v>0</v>
      </c>
      <c r="K20619" s="2">
        <v>0</v>
      </c>
      <c r="L20619" t="s">
        <v>120</v>
      </c>
      <c r="M20619" t="s">
        <v>87</v>
      </c>
      <c r="N20619" t="s">
        <v>88</v>
      </c>
      <c r="O20619" t="s">
        <v>85</v>
      </c>
      <c r="P20619" t="s">
        <v>86</v>
      </c>
      <c r="Q20619">
        <v>8</v>
      </c>
      <c r="R20619">
        <v>8</v>
      </c>
      <c r="S20619">
        <v>8</v>
      </c>
      <c r="T20619">
        <v>8</v>
      </c>
      <c r="U20619">
        <v>8</v>
      </c>
      <c r="V20619">
        <v>8</v>
      </c>
      <c r="W20619">
        <v>8</v>
      </c>
      <c r="X20619">
        <v>8</v>
      </c>
      <c r="Y20619">
        <v>8</v>
      </c>
      <c r="Z20619">
        <v>9</v>
      </c>
      <c r="AA20619">
        <v>9</v>
      </c>
      <c r="AB20619">
        <v>9</v>
      </c>
      <c r="AC20619">
        <v>9</v>
      </c>
      <c r="AD20619">
        <v>9</v>
      </c>
      <c r="AE20619">
        <v>9</v>
      </c>
      <c r="AF20619">
        <v>9</v>
      </c>
      <c r="AG20619">
        <v>9</v>
      </c>
      <c r="AH20619">
        <v>9</v>
      </c>
      <c r="AI20619">
        <v>9</v>
      </c>
      <c r="AJ20619">
        <v>9</v>
      </c>
      <c r="AK20619">
        <v>9</v>
      </c>
      <c r="AL20619">
        <v>9</v>
      </c>
      <c r="AM20619">
        <v>9</v>
      </c>
      <c r="AN20619">
        <v>9</v>
      </c>
      <c r="AO20619">
        <v>9</v>
      </c>
      <c r="AP20619">
        <v>10</v>
      </c>
      <c r="AQ20619">
        <v>10</v>
      </c>
    </row>
    <row r="20620" spans="1:43">
      <c r="A20620" t="s">
        <v>12769</v>
      </c>
      <c r="B20620" t="s">
        <v>12770</v>
      </c>
      <c r="C20620" t="s">
        <v>12765</v>
      </c>
      <c r="D20620" t="s">
        <v>12766</v>
      </c>
      <c r="E20620" t="s">
        <v>12580</v>
      </c>
      <c r="F20620" t="s">
        <v>12581</v>
      </c>
      <c r="G20620" t="s">
        <v>12582</v>
      </c>
      <c r="H20620" t="s">
        <v>12581</v>
      </c>
      <c r="I20620" s="2">
        <v>1</v>
      </c>
      <c r="J20620" s="2">
        <v>0</v>
      </c>
      <c r="K20620" s="2">
        <v>0</v>
      </c>
      <c r="L20620" t="s">
        <v>120</v>
      </c>
      <c r="M20620" t="s">
        <v>89</v>
      </c>
      <c r="N20620" t="s">
        <v>90</v>
      </c>
      <c r="O20620" t="s">
        <v>85</v>
      </c>
      <c r="P20620" t="s">
        <v>86</v>
      </c>
      <c r="Q20620">
        <v>8</v>
      </c>
      <c r="R20620">
        <v>8</v>
      </c>
      <c r="S20620">
        <v>9</v>
      </c>
      <c r="T20620">
        <v>9</v>
      </c>
      <c r="U20620">
        <v>9</v>
      </c>
      <c r="V20620">
        <v>9</v>
      </c>
      <c r="W20620">
        <v>9</v>
      </c>
      <c r="X20620">
        <v>10</v>
      </c>
      <c r="Y20620">
        <v>10</v>
      </c>
      <c r="Z20620">
        <v>10</v>
      </c>
      <c r="AA20620">
        <v>10</v>
      </c>
      <c r="AB20620">
        <v>10</v>
      </c>
      <c r="AC20620">
        <v>10</v>
      </c>
      <c r="AD20620">
        <v>11</v>
      </c>
      <c r="AE20620">
        <v>11</v>
      </c>
      <c r="AF20620">
        <v>11</v>
      </c>
      <c r="AG20620">
        <v>11</v>
      </c>
      <c r="AH20620">
        <v>11</v>
      </c>
      <c r="AI20620">
        <v>11</v>
      </c>
      <c r="AJ20620">
        <v>11</v>
      </c>
      <c r="AK20620">
        <v>11</v>
      </c>
      <c r="AL20620">
        <v>11</v>
      </c>
      <c r="AM20620">
        <v>11</v>
      </c>
      <c r="AN20620">
        <v>11</v>
      </c>
      <c r="AO20620">
        <v>11</v>
      </c>
      <c r="AP20620">
        <v>11</v>
      </c>
      <c r="AQ20620">
        <v>11</v>
      </c>
    </row>
    <row r="20621" spans="1:43">
      <c r="A20621" t="s">
        <v>12769</v>
      </c>
      <c r="B20621" t="s">
        <v>12770</v>
      </c>
      <c r="C20621" t="s">
        <v>12765</v>
      </c>
      <c r="D20621" t="s">
        <v>12766</v>
      </c>
      <c r="E20621" t="s">
        <v>12580</v>
      </c>
      <c r="F20621" t="s">
        <v>12581</v>
      </c>
      <c r="G20621" t="s">
        <v>12582</v>
      </c>
      <c r="H20621" t="s">
        <v>12581</v>
      </c>
      <c r="I20621" s="2">
        <v>1</v>
      </c>
      <c r="J20621" s="2">
        <v>0</v>
      </c>
      <c r="K20621" s="2">
        <v>0</v>
      </c>
      <c r="L20621" t="s">
        <v>120</v>
      </c>
      <c r="M20621" t="s">
        <v>83</v>
      </c>
      <c r="N20621" t="s">
        <v>91</v>
      </c>
      <c r="O20621" t="s">
        <v>85</v>
      </c>
      <c r="P20621" t="s">
        <v>86</v>
      </c>
      <c r="Q20621">
        <v>8</v>
      </c>
      <c r="R20621">
        <v>8</v>
      </c>
      <c r="S20621">
        <v>8</v>
      </c>
      <c r="T20621">
        <v>9</v>
      </c>
      <c r="U20621">
        <v>9</v>
      </c>
      <c r="V20621">
        <v>9</v>
      </c>
      <c r="W20621">
        <v>9</v>
      </c>
      <c r="X20621">
        <v>9</v>
      </c>
      <c r="Y20621">
        <v>9</v>
      </c>
      <c r="Z20621">
        <v>9</v>
      </c>
      <c r="AA20621">
        <v>9</v>
      </c>
      <c r="AB20621">
        <v>10</v>
      </c>
      <c r="AC20621">
        <v>10</v>
      </c>
      <c r="AD20621">
        <v>10</v>
      </c>
      <c r="AE20621">
        <v>10</v>
      </c>
      <c r="AF20621">
        <v>10</v>
      </c>
      <c r="AG20621">
        <v>10</v>
      </c>
      <c r="AH20621">
        <v>10</v>
      </c>
      <c r="AI20621">
        <v>11</v>
      </c>
      <c r="AJ20621">
        <v>11</v>
      </c>
      <c r="AK20621">
        <v>11</v>
      </c>
      <c r="AL20621">
        <v>11</v>
      </c>
      <c r="AM20621">
        <v>11</v>
      </c>
      <c r="AN20621">
        <v>11</v>
      </c>
      <c r="AO20621">
        <v>11</v>
      </c>
      <c r="AP20621">
        <v>11</v>
      </c>
      <c r="AQ20621">
        <v>11</v>
      </c>
    </row>
    <row r="20622" spans="1:43">
      <c r="A20622" t="s">
        <v>12771</v>
      </c>
      <c r="B20622" t="s">
        <v>12772</v>
      </c>
      <c r="C20622" t="s">
        <v>12765</v>
      </c>
      <c r="D20622" t="s">
        <v>12766</v>
      </c>
      <c r="E20622" t="s">
        <v>12580</v>
      </c>
      <c r="F20622" t="s">
        <v>12581</v>
      </c>
      <c r="G20622" t="s">
        <v>12582</v>
      </c>
      <c r="H20622" t="s">
        <v>12581</v>
      </c>
      <c r="I20622" s="2">
        <v>1</v>
      </c>
      <c r="J20622" s="2">
        <v>0</v>
      </c>
      <c r="K20622" s="2">
        <v>0</v>
      </c>
      <c r="L20622" t="s">
        <v>120</v>
      </c>
      <c r="M20622" t="s">
        <v>83</v>
      </c>
      <c r="N20622" t="s">
        <v>84</v>
      </c>
      <c r="O20622" t="s">
        <v>85</v>
      </c>
      <c r="P20622" t="s">
        <v>86</v>
      </c>
      <c r="Q20622">
        <v>12</v>
      </c>
      <c r="R20622">
        <v>13</v>
      </c>
      <c r="S20622">
        <v>13</v>
      </c>
      <c r="T20622">
        <v>13</v>
      </c>
      <c r="U20622">
        <v>13</v>
      </c>
      <c r="V20622">
        <v>13</v>
      </c>
      <c r="W20622">
        <v>14</v>
      </c>
      <c r="X20622">
        <v>14</v>
      </c>
      <c r="Y20622">
        <v>14</v>
      </c>
      <c r="Z20622">
        <v>14</v>
      </c>
      <c r="AA20622">
        <v>14</v>
      </c>
      <c r="AB20622">
        <v>15</v>
      </c>
      <c r="AC20622">
        <v>15</v>
      </c>
      <c r="AD20622">
        <v>15</v>
      </c>
      <c r="AE20622">
        <v>15</v>
      </c>
      <c r="AF20622">
        <v>15</v>
      </c>
      <c r="AG20622">
        <v>16</v>
      </c>
      <c r="AH20622">
        <v>16</v>
      </c>
      <c r="AI20622">
        <v>16</v>
      </c>
      <c r="AJ20622">
        <v>16</v>
      </c>
      <c r="AK20622">
        <v>17</v>
      </c>
      <c r="AL20622">
        <v>17</v>
      </c>
      <c r="AM20622">
        <v>17</v>
      </c>
      <c r="AN20622">
        <v>17</v>
      </c>
      <c r="AO20622">
        <v>17</v>
      </c>
      <c r="AP20622">
        <v>17</v>
      </c>
      <c r="AQ20622">
        <v>17</v>
      </c>
    </row>
    <row r="20623" spans="1:43">
      <c r="A20623" t="s">
        <v>12771</v>
      </c>
      <c r="B20623" t="s">
        <v>12772</v>
      </c>
      <c r="C20623" t="s">
        <v>12765</v>
      </c>
      <c r="D20623" t="s">
        <v>12766</v>
      </c>
      <c r="E20623" t="s">
        <v>12580</v>
      </c>
      <c r="F20623" t="s">
        <v>12581</v>
      </c>
      <c r="G20623" t="s">
        <v>12582</v>
      </c>
      <c r="H20623" t="s">
        <v>12581</v>
      </c>
      <c r="I20623" s="2">
        <v>1</v>
      </c>
      <c r="J20623" s="2">
        <v>0</v>
      </c>
      <c r="K20623" s="2">
        <v>0</v>
      </c>
      <c r="L20623" t="s">
        <v>120</v>
      </c>
      <c r="M20623" t="s">
        <v>87</v>
      </c>
      <c r="N20623" t="s">
        <v>88</v>
      </c>
      <c r="O20623" t="s">
        <v>85</v>
      </c>
      <c r="P20623" t="s">
        <v>86</v>
      </c>
      <c r="Q20623">
        <v>12</v>
      </c>
      <c r="R20623">
        <v>12</v>
      </c>
      <c r="S20623">
        <v>12</v>
      </c>
      <c r="T20623">
        <v>13</v>
      </c>
      <c r="U20623">
        <v>13</v>
      </c>
      <c r="V20623">
        <v>13</v>
      </c>
      <c r="W20623">
        <v>13</v>
      </c>
      <c r="X20623">
        <v>13</v>
      </c>
      <c r="Y20623">
        <v>13</v>
      </c>
      <c r="Z20623">
        <v>13</v>
      </c>
      <c r="AA20623">
        <v>13</v>
      </c>
      <c r="AB20623">
        <v>13</v>
      </c>
      <c r="AC20623">
        <v>13</v>
      </c>
      <c r="AD20623">
        <v>13</v>
      </c>
      <c r="AE20623">
        <v>14</v>
      </c>
      <c r="AF20623">
        <v>14</v>
      </c>
      <c r="AG20623">
        <v>14</v>
      </c>
      <c r="AH20623">
        <v>14</v>
      </c>
      <c r="AI20623">
        <v>14</v>
      </c>
      <c r="AJ20623">
        <v>14</v>
      </c>
      <c r="AK20623">
        <v>14</v>
      </c>
      <c r="AL20623">
        <v>14</v>
      </c>
      <c r="AM20623">
        <v>14</v>
      </c>
      <c r="AN20623">
        <v>14</v>
      </c>
      <c r="AO20623">
        <v>14</v>
      </c>
      <c r="AP20623">
        <v>15</v>
      </c>
      <c r="AQ20623">
        <v>15</v>
      </c>
    </row>
    <row r="20624" spans="1:43">
      <c r="A20624" t="s">
        <v>12771</v>
      </c>
      <c r="B20624" t="s">
        <v>12772</v>
      </c>
      <c r="C20624" t="s">
        <v>12765</v>
      </c>
      <c r="D20624" t="s">
        <v>12766</v>
      </c>
      <c r="E20624" t="s">
        <v>12580</v>
      </c>
      <c r="F20624" t="s">
        <v>12581</v>
      </c>
      <c r="G20624" t="s">
        <v>12582</v>
      </c>
      <c r="H20624" t="s">
        <v>12581</v>
      </c>
      <c r="I20624" s="2">
        <v>1</v>
      </c>
      <c r="J20624" s="2">
        <v>0</v>
      </c>
      <c r="K20624" s="2">
        <v>0</v>
      </c>
      <c r="L20624" t="s">
        <v>120</v>
      </c>
      <c r="M20624" t="s">
        <v>89</v>
      </c>
      <c r="N20624" t="s">
        <v>90</v>
      </c>
      <c r="O20624" t="s">
        <v>85</v>
      </c>
      <c r="P20624" t="s">
        <v>86</v>
      </c>
      <c r="Q20624">
        <v>12</v>
      </c>
      <c r="R20624">
        <v>12</v>
      </c>
      <c r="S20624">
        <v>12</v>
      </c>
      <c r="T20624">
        <v>12</v>
      </c>
      <c r="U20624">
        <v>13</v>
      </c>
      <c r="V20624">
        <v>13</v>
      </c>
      <c r="W20624">
        <v>13</v>
      </c>
      <c r="X20624">
        <v>14</v>
      </c>
      <c r="Y20624">
        <v>14</v>
      </c>
      <c r="Z20624">
        <v>14</v>
      </c>
      <c r="AA20624">
        <v>14</v>
      </c>
      <c r="AB20624">
        <v>15</v>
      </c>
      <c r="AC20624">
        <v>15</v>
      </c>
      <c r="AD20624">
        <v>15</v>
      </c>
      <c r="AE20624">
        <v>15</v>
      </c>
      <c r="AF20624">
        <v>15</v>
      </c>
      <c r="AG20624">
        <v>15</v>
      </c>
      <c r="AH20624">
        <v>16</v>
      </c>
      <c r="AI20624">
        <v>16</v>
      </c>
      <c r="AJ20624">
        <v>16</v>
      </c>
      <c r="AK20624">
        <v>16</v>
      </c>
      <c r="AL20624">
        <v>16</v>
      </c>
      <c r="AM20624">
        <v>16</v>
      </c>
      <c r="AN20624">
        <v>16</v>
      </c>
      <c r="AO20624">
        <v>16</v>
      </c>
      <c r="AP20624">
        <v>16</v>
      </c>
      <c r="AQ20624">
        <v>16</v>
      </c>
    </row>
    <row r="20625" spans="1:43">
      <c r="A20625" t="s">
        <v>12771</v>
      </c>
      <c r="B20625" t="s">
        <v>12772</v>
      </c>
      <c r="C20625" t="s">
        <v>12765</v>
      </c>
      <c r="D20625" t="s">
        <v>12766</v>
      </c>
      <c r="E20625" t="s">
        <v>12580</v>
      </c>
      <c r="F20625" t="s">
        <v>12581</v>
      </c>
      <c r="G20625" t="s">
        <v>12582</v>
      </c>
      <c r="H20625" t="s">
        <v>12581</v>
      </c>
      <c r="I20625" s="2">
        <v>1</v>
      </c>
      <c r="J20625" s="2">
        <v>0</v>
      </c>
      <c r="K20625" s="2">
        <v>0</v>
      </c>
      <c r="L20625" t="s">
        <v>120</v>
      </c>
      <c r="M20625" t="s">
        <v>83</v>
      </c>
      <c r="N20625" t="s">
        <v>91</v>
      </c>
      <c r="O20625" t="s">
        <v>85</v>
      </c>
      <c r="P20625" t="s">
        <v>86</v>
      </c>
      <c r="Q20625">
        <v>12</v>
      </c>
      <c r="R20625">
        <v>13</v>
      </c>
      <c r="S20625">
        <v>13</v>
      </c>
      <c r="T20625">
        <v>13</v>
      </c>
      <c r="U20625">
        <v>13</v>
      </c>
      <c r="V20625">
        <v>13</v>
      </c>
      <c r="W20625">
        <v>14</v>
      </c>
      <c r="X20625">
        <v>14</v>
      </c>
      <c r="Y20625">
        <v>14</v>
      </c>
      <c r="Z20625">
        <v>14</v>
      </c>
      <c r="AA20625">
        <v>14</v>
      </c>
      <c r="AB20625">
        <v>15</v>
      </c>
      <c r="AC20625">
        <v>15</v>
      </c>
      <c r="AD20625">
        <v>15</v>
      </c>
      <c r="AE20625">
        <v>15</v>
      </c>
      <c r="AF20625">
        <v>15</v>
      </c>
      <c r="AG20625">
        <v>16</v>
      </c>
      <c r="AH20625">
        <v>16</v>
      </c>
      <c r="AI20625">
        <v>16</v>
      </c>
      <c r="AJ20625">
        <v>16</v>
      </c>
      <c r="AK20625">
        <v>17</v>
      </c>
      <c r="AL20625">
        <v>17</v>
      </c>
      <c r="AM20625">
        <v>17</v>
      </c>
      <c r="AN20625">
        <v>17</v>
      </c>
      <c r="AO20625">
        <v>17</v>
      </c>
      <c r="AP20625">
        <v>17</v>
      </c>
      <c r="AQ20625">
        <v>17</v>
      </c>
    </row>
    <row r="20626" spans="1:43">
      <c r="A20626" t="s">
        <v>12773</v>
      </c>
      <c r="B20626" t="s">
        <v>12774</v>
      </c>
      <c r="C20626" t="s">
        <v>12775</v>
      </c>
      <c r="D20626" t="s">
        <v>12776</v>
      </c>
      <c r="E20626" t="s">
        <v>12580</v>
      </c>
      <c r="F20626" t="s">
        <v>12581</v>
      </c>
      <c r="G20626" t="s">
        <v>12582</v>
      </c>
      <c r="H20626" t="s">
        <v>12581</v>
      </c>
      <c r="I20626" s="2">
        <v>1</v>
      </c>
      <c r="J20626" s="2">
        <v>0</v>
      </c>
      <c r="K20626" s="2">
        <v>0</v>
      </c>
      <c r="L20626" t="s">
        <v>120</v>
      </c>
      <c r="M20626" t="s">
        <v>83</v>
      </c>
      <c r="N20626" t="s">
        <v>84</v>
      </c>
      <c r="O20626" t="s">
        <v>85</v>
      </c>
      <c r="P20626" t="s">
        <v>86</v>
      </c>
      <c r="Q20626">
        <v>17</v>
      </c>
      <c r="R20626">
        <v>17</v>
      </c>
      <c r="S20626">
        <v>18</v>
      </c>
      <c r="T20626">
        <v>18</v>
      </c>
      <c r="U20626">
        <v>18</v>
      </c>
      <c r="V20626">
        <v>18</v>
      </c>
      <c r="W20626">
        <v>19</v>
      </c>
      <c r="X20626">
        <v>19</v>
      </c>
      <c r="Y20626">
        <v>19</v>
      </c>
      <c r="Z20626">
        <v>20</v>
      </c>
      <c r="AA20626">
        <v>20</v>
      </c>
      <c r="AB20626">
        <v>20</v>
      </c>
      <c r="AC20626">
        <v>20</v>
      </c>
      <c r="AD20626">
        <v>21</v>
      </c>
      <c r="AE20626">
        <v>21</v>
      </c>
      <c r="AF20626">
        <v>21</v>
      </c>
      <c r="AG20626">
        <v>21</v>
      </c>
      <c r="AH20626">
        <v>22</v>
      </c>
      <c r="AI20626">
        <v>22</v>
      </c>
      <c r="AJ20626">
        <v>22</v>
      </c>
      <c r="AK20626">
        <v>23</v>
      </c>
      <c r="AL20626">
        <v>23</v>
      </c>
      <c r="AM20626">
        <v>23</v>
      </c>
      <c r="AN20626">
        <v>23</v>
      </c>
      <c r="AO20626">
        <v>23</v>
      </c>
      <c r="AP20626">
        <v>23</v>
      </c>
      <c r="AQ20626">
        <v>23</v>
      </c>
    </row>
    <row r="20627" spans="1:43">
      <c r="A20627" t="s">
        <v>12773</v>
      </c>
      <c r="B20627" t="s">
        <v>12774</v>
      </c>
      <c r="C20627" t="s">
        <v>12775</v>
      </c>
      <c r="D20627" t="s">
        <v>12776</v>
      </c>
      <c r="E20627" t="s">
        <v>12580</v>
      </c>
      <c r="F20627" t="s">
        <v>12581</v>
      </c>
      <c r="G20627" t="s">
        <v>12582</v>
      </c>
      <c r="H20627" t="s">
        <v>12581</v>
      </c>
      <c r="I20627" s="2">
        <v>1</v>
      </c>
      <c r="J20627" s="2">
        <v>0</v>
      </c>
      <c r="K20627" s="2">
        <v>0</v>
      </c>
      <c r="L20627" t="s">
        <v>120</v>
      </c>
      <c r="M20627" t="s">
        <v>87</v>
      </c>
      <c r="N20627" t="s">
        <v>88</v>
      </c>
      <c r="O20627" t="s">
        <v>85</v>
      </c>
      <c r="P20627" t="s">
        <v>86</v>
      </c>
      <c r="Q20627">
        <v>17</v>
      </c>
      <c r="R20627">
        <v>17</v>
      </c>
      <c r="S20627">
        <v>17</v>
      </c>
      <c r="T20627">
        <v>17</v>
      </c>
      <c r="U20627">
        <v>17</v>
      </c>
      <c r="V20627">
        <v>18</v>
      </c>
      <c r="W20627">
        <v>18</v>
      </c>
      <c r="X20627">
        <v>18</v>
      </c>
      <c r="Y20627">
        <v>18</v>
      </c>
      <c r="Z20627">
        <v>18</v>
      </c>
      <c r="AA20627">
        <v>18</v>
      </c>
      <c r="AB20627">
        <v>18</v>
      </c>
      <c r="AC20627">
        <v>18</v>
      </c>
      <c r="AD20627">
        <v>18</v>
      </c>
      <c r="AE20627">
        <v>19</v>
      </c>
      <c r="AF20627">
        <v>19</v>
      </c>
      <c r="AG20627">
        <v>19</v>
      </c>
      <c r="AH20627">
        <v>19</v>
      </c>
      <c r="AI20627">
        <v>19</v>
      </c>
      <c r="AJ20627">
        <v>19</v>
      </c>
      <c r="AK20627">
        <v>19</v>
      </c>
      <c r="AL20627">
        <v>19</v>
      </c>
      <c r="AM20627">
        <v>20</v>
      </c>
      <c r="AN20627">
        <v>20</v>
      </c>
      <c r="AO20627">
        <v>20</v>
      </c>
      <c r="AP20627">
        <v>20</v>
      </c>
      <c r="AQ20627">
        <v>20</v>
      </c>
    </row>
    <row r="20628" spans="1:43">
      <c r="A20628" t="s">
        <v>12773</v>
      </c>
      <c r="B20628" t="s">
        <v>12774</v>
      </c>
      <c r="C20628" t="s">
        <v>12775</v>
      </c>
      <c r="D20628" t="s">
        <v>12776</v>
      </c>
      <c r="E20628" t="s">
        <v>12580</v>
      </c>
      <c r="F20628" t="s">
        <v>12581</v>
      </c>
      <c r="G20628" t="s">
        <v>12582</v>
      </c>
      <c r="H20628" t="s">
        <v>12581</v>
      </c>
      <c r="I20628" s="2">
        <v>1</v>
      </c>
      <c r="J20628" s="2">
        <v>0</v>
      </c>
      <c r="K20628" s="2">
        <v>0</v>
      </c>
      <c r="L20628" t="s">
        <v>120</v>
      </c>
      <c r="M20628" t="s">
        <v>89</v>
      </c>
      <c r="N20628" t="s">
        <v>90</v>
      </c>
      <c r="O20628" t="s">
        <v>85</v>
      </c>
      <c r="P20628" t="s">
        <v>86</v>
      </c>
      <c r="Q20628">
        <v>17</v>
      </c>
      <c r="R20628">
        <v>18</v>
      </c>
      <c r="S20628">
        <v>18</v>
      </c>
      <c r="T20628">
        <v>19</v>
      </c>
      <c r="U20628">
        <v>19</v>
      </c>
      <c r="V20628">
        <v>19</v>
      </c>
      <c r="W20628">
        <v>20</v>
      </c>
      <c r="X20628">
        <v>20</v>
      </c>
      <c r="Y20628">
        <v>20</v>
      </c>
      <c r="Z20628">
        <v>21</v>
      </c>
      <c r="AA20628">
        <v>21</v>
      </c>
      <c r="AB20628">
        <v>21</v>
      </c>
      <c r="AC20628">
        <v>22</v>
      </c>
      <c r="AD20628">
        <v>22</v>
      </c>
      <c r="AE20628">
        <v>22</v>
      </c>
      <c r="AF20628">
        <v>23</v>
      </c>
      <c r="AG20628">
        <v>23</v>
      </c>
      <c r="AH20628">
        <v>23</v>
      </c>
      <c r="AI20628">
        <v>23</v>
      </c>
      <c r="AJ20628">
        <v>23</v>
      </c>
      <c r="AK20628">
        <v>23</v>
      </c>
      <c r="AL20628">
        <v>23</v>
      </c>
      <c r="AM20628">
        <v>23</v>
      </c>
      <c r="AN20628">
        <v>23</v>
      </c>
      <c r="AO20628">
        <v>23</v>
      </c>
      <c r="AP20628">
        <v>23</v>
      </c>
      <c r="AQ20628">
        <v>23</v>
      </c>
    </row>
    <row r="20629" spans="1:43">
      <c r="A20629" t="s">
        <v>12773</v>
      </c>
      <c r="B20629" t="s">
        <v>12774</v>
      </c>
      <c r="C20629" t="s">
        <v>12775</v>
      </c>
      <c r="D20629" t="s">
        <v>12776</v>
      </c>
      <c r="E20629" t="s">
        <v>12580</v>
      </c>
      <c r="F20629" t="s">
        <v>12581</v>
      </c>
      <c r="G20629" t="s">
        <v>12582</v>
      </c>
      <c r="H20629" t="s">
        <v>12581</v>
      </c>
      <c r="I20629" s="2">
        <v>1</v>
      </c>
      <c r="J20629" s="2">
        <v>0</v>
      </c>
      <c r="K20629" s="2">
        <v>0</v>
      </c>
      <c r="L20629" t="s">
        <v>120</v>
      </c>
      <c r="M20629" t="s">
        <v>83</v>
      </c>
      <c r="N20629" t="s">
        <v>91</v>
      </c>
      <c r="O20629" t="s">
        <v>85</v>
      </c>
      <c r="P20629" t="s">
        <v>86</v>
      </c>
      <c r="Q20629">
        <v>17</v>
      </c>
      <c r="R20629">
        <v>17</v>
      </c>
      <c r="S20629">
        <v>18</v>
      </c>
      <c r="T20629">
        <v>18</v>
      </c>
      <c r="U20629">
        <v>18</v>
      </c>
      <c r="V20629">
        <v>18</v>
      </c>
      <c r="W20629">
        <v>19</v>
      </c>
      <c r="X20629">
        <v>19</v>
      </c>
      <c r="Y20629">
        <v>19</v>
      </c>
      <c r="Z20629">
        <v>20</v>
      </c>
      <c r="AA20629">
        <v>20</v>
      </c>
      <c r="AB20629">
        <v>20</v>
      </c>
      <c r="AC20629">
        <v>20</v>
      </c>
      <c r="AD20629">
        <v>21</v>
      </c>
      <c r="AE20629">
        <v>21</v>
      </c>
      <c r="AF20629">
        <v>21</v>
      </c>
      <c r="AG20629">
        <v>21</v>
      </c>
      <c r="AH20629">
        <v>22</v>
      </c>
      <c r="AI20629">
        <v>22</v>
      </c>
      <c r="AJ20629">
        <v>22</v>
      </c>
      <c r="AK20629">
        <v>23</v>
      </c>
      <c r="AL20629">
        <v>23</v>
      </c>
      <c r="AM20629">
        <v>23</v>
      </c>
      <c r="AN20629">
        <v>23</v>
      </c>
      <c r="AO20629">
        <v>23</v>
      </c>
      <c r="AP20629">
        <v>23</v>
      </c>
      <c r="AQ20629">
        <v>23</v>
      </c>
    </row>
    <row r="20630" spans="1:43">
      <c r="A20630" t="s">
        <v>12777</v>
      </c>
      <c r="B20630" t="s">
        <v>12778</v>
      </c>
      <c r="C20630" t="s">
        <v>12775</v>
      </c>
      <c r="D20630" t="s">
        <v>12776</v>
      </c>
      <c r="E20630" t="s">
        <v>12580</v>
      </c>
      <c r="F20630" t="s">
        <v>12581</v>
      </c>
      <c r="G20630" t="s">
        <v>12582</v>
      </c>
      <c r="H20630" t="s">
        <v>12581</v>
      </c>
      <c r="I20630" s="2">
        <v>0.64</v>
      </c>
      <c r="J20630" s="2">
        <v>0</v>
      </c>
      <c r="K20630" s="2">
        <v>0</v>
      </c>
      <c r="L20630" t="s">
        <v>120</v>
      </c>
      <c r="M20630" t="s">
        <v>83</v>
      </c>
      <c r="N20630" t="s">
        <v>84</v>
      </c>
      <c r="O20630" t="s">
        <v>85</v>
      </c>
      <c r="P20630" t="s">
        <v>86</v>
      </c>
      <c r="Q20630">
        <v>36</v>
      </c>
      <c r="R20630">
        <v>37</v>
      </c>
      <c r="S20630">
        <v>37</v>
      </c>
      <c r="T20630">
        <v>38</v>
      </c>
      <c r="U20630">
        <v>38</v>
      </c>
      <c r="V20630">
        <v>39</v>
      </c>
      <c r="W20630">
        <v>39</v>
      </c>
      <c r="X20630">
        <v>40</v>
      </c>
      <c r="Y20630">
        <v>41</v>
      </c>
      <c r="Z20630">
        <v>41</v>
      </c>
      <c r="AA20630">
        <v>42</v>
      </c>
      <c r="AB20630">
        <v>42</v>
      </c>
      <c r="AC20630">
        <v>43</v>
      </c>
      <c r="AD20630">
        <v>43</v>
      </c>
      <c r="AE20630">
        <v>44</v>
      </c>
      <c r="AF20630">
        <v>45</v>
      </c>
      <c r="AG20630">
        <v>45</v>
      </c>
      <c r="AH20630">
        <v>46</v>
      </c>
      <c r="AI20630">
        <v>46</v>
      </c>
      <c r="AJ20630">
        <v>47</v>
      </c>
      <c r="AK20630">
        <v>48</v>
      </c>
      <c r="AL20630">
        <v>48</v>
      </c>
      <c r="AM20630">
        <v>48</v>
      </c>
      <c r="AN20630">
        <v>48</v>
      </c>
      <c r="AO20630">
        <v>48</v>
      </c>
      <c r="AP20630">
        <v>48</v>
      </c>
      <c r="AQ20630">
        <v>49</v>
      </c>
    </row>
    <row r="20631" spans="1:43">
      <c r="A20631" t="s">
        <v>12777</v>
      </c>
      <c r="B20631" t="s">
        <v>12778</v>
      </c>
      <c r="C20631" t="s">
        <v>12775</v>
      </c>
      <c r="D20631" t="s">
        <v>12776</v>
      </c>
      <c r="E20631" t="s">
        <v>12580</v>
      </c>
      <c r="F20631" t="s">
        <v>12581</v>
      </c>
      <c r="G20631" t="s">
        <v>12582</v>
      </c>
      <c r="H20631" t="s">
        <v>12581</v>
      </c>
      <c r="I20631" s="2">
        <v>0.64</v>
      </c>
      <c r="J20631" s="2">
        <v>0</v>
      </c>
      <c r="K20631" s="2">
        <v>0</v>
      </c>
      <c r="L20631" t="s">
        <v>120</v>
      </c>
      <c r="M20631" t="s">
        <v>87</v>
      </c>
      <c r="N20631" t="s">
        <v>88</v>
      </c>
      <c r="O20631" t="s">
        <v>85</v>
      </c>
      <c r="P20631" t="s">
        <v>86</v>
      </c>
      <c r="Q20631">
        <v>36</v>
      </c>
      <c r="R20631">
        <v>36</v>
      </c>
      <c r="S20631">
        <v>36</v>
      </c>
      <c r="T20631">
        <v>36</v>
      </c>
      <c r="U20631">
        <v>37</v>
      </c>
      <c r="V20631">
        <v>37</v>
      </c>
      <c r="W20631">
        <v>37</v>
      </c>
      <c r="X20631">
        <v>37</v>
      </c>
      <c r="Y20631">
        <v>38</v>
      </c>
      <c r="Z20631">
        <v>38</v>
      </c>
      <c r="AA20631">
        <v>38</v>
      </c>
      <c r="AB20631">
        <v>38</v>
      </c>
      <c r="AC20631">
        <v>38</v>
      </c>
      <c r="AD20631">
        <v>39</v>
      </c>
      <c r="AE20631">
        <v>39</v>
      </c>
      <c r="AF20631">
        <v>39</v>
      </c>
      <c r="AG20631">
        <v>39</v>
      </c>
      <c r="AH20631">
        <v>40</v>
      </c>
      <c r="AI20631">
        <v>40</v>
      </c>
      <c r="AJ20631">
        <v>40</v>
      </c>
      <c r="AK20631">
        <v>41</v>
      </c>
      <c r="AL20631">
        <v>41</v>
      </c>
      <c r="AM20631">
        <v>41</v>
      </c>
      <c r="AN20631">
        <v>41</v>
      </c>
      <c r="AO20631">
        <v>42</v>
      </c>
      <c r="AP20631">
        <v>42</v>
      </c>
      <c r="AQ20631">
        <v>42</v>
      </c>
    </row>
    <row r="20632" spans="1:43">
      <c r="A20632" t="s">
        <v>12777</v>
      </c>
      <c r="B20632" t="s">
        <v>12778</v>
      </c>
      <c r="C20632" t="s">
        <v>12775</v>
      </c>
      <c r="D20632" t="s">
        <v>12776</v>
      </c>
      <c r="E20632" t="s">
        <v>12580</v>
      </c>
      <c r="F20632" t="s">
        <v>12581</v>
      </c>
      <c r="G20632" t="s">
        <v>12582</v>
      </c>
      <c r="H20632" t="s">
        <v>12581</v>
      </c>
      <c r="I20632" s="2">
        <v>0.64</v>
      </c>
      <c r="J20632" s="2">
        <v>0</v>
      </c>
      <c r="K20632" s="2">
        <v>0</v>
      </c>
      <c r="L20632" t="s">
        <v>120</v>
      </c>
      <c r="M20632" t="s">
        <v>89</v>
      </c>
      <c r="N20632" t="s">
        <v>90</v>
      </c>
      <c r="O20632" t="s">
        <v>85</v>
      </c>
      <c r="P20632" t="s">
        <v>86</v>
      </c>
      <c r="Q20632">
        <v>36</v>
      </c>
      <c r="R20632">
        <v>37</v>
      </c>
      <c r="S20632">
        <v>38</v>
      </c>
      <c r="T20632">
        <v>39</v>
      </c>
      <c r="U20632">
        <v>40</v>
      </c>
      <c r="V20632">
        <v>41</v>
      </c>
      <c r="W20632">
        <v>41</v>
      </c>
      <c r="X20632">
        <v>42</v>
      </c>
      <c r="Y20632">
        <v>43</v>
      </c>
      <c r="Z20632">
        <v>44</v>
      </c>
      <c r="AA20632">
        <v>44</v>
      </c>
      <c r="AB20632">
        <v>45</v>
      </c>
      <c r="AC20632">
        <v>46</v>
      </c>
      <c r="AD20632">
        <v>47</v>
      </c>
      <c r="AE20632">
        <v>47</v>
      </c>
      <c r="AF20632">
        <v>47</v>
      </c>
      <c r="AG20632">
        <v>48</v>
      </c>
      <c r="AH20632">
        <v>48</v>
      </c>
      <c r="AI20632">
        <v>48</v>
      </c>
      <c r="AJ20632">
        <v>48</v>
      </c>
      <c r="AK20632">
        <v>48</v>
      </c>
      <c r="AL20632">
        <v>48</v>
      </c>
      <c r="AM20632">
        <v>48</v>
      </c>
      <c r="AN20632">
        <v>49</v>
      </c>
      <c r="AO20632">
        <v>49</v>
      </c>
      <c r="AP20632">
        <v>49</v>
      </c>
      <c r="AQ20632">
        <v>49</v>
      </c>
    </row>
    <row r="20633" spans="1:43">
      <c r="A20633" t="s">
        <v>12777</v>
      </c>
      <c r="B20633" t="s">
        <v>12778</v>
      </c>
      <c r="C20633" t="s">
        <v>12775</v>
      </c>
      <c r="D20633" t="s">
        <v>12776</v>
      </c>
      <c r="E20633" t="s">
        <v>12580</v>
      </c>
      <c r="F20633" t="s">
        <v>12581</v>
      </c>
      <c r="G20633" t="s">
        <v>12582</v>
      </c>
      <c r="H20633" t="s">
        <v>12581</v>
      </c>
      <c r="I20633" s="2">
        <v>0.64</v>
      </c>
      <c r="J20633" s="2">
        <v>0</v>
      </c>
      <c r="K20633" s="2">
        <v>0</v>
      </c>
      <c r="L20633" t="s">
        <v>120</v>
      </c>
      <c r="M20633" t="s">
        <v>83</v>
      </c>
      <c r="N20633" t="s">
        <v>91</v>
      </c>
      <c r="O20633" t="s">
        <v>85</v>
      </c>
      <c r="P20633" t="s">
        <v>86</v>
      </c>
      <c r="Q20633">
        <v>36</v>
      </c>
      <c r="R20633">
        <v>37</v>
      </c>
      <c r="S20633">
        <v>37</v>
      </c>
      <c r="T20633">
        <v>38</v>
      </c>
      <c r="U20633">
        <v>38</v>
      </c>
      <c r="V20633">
        <v>39</v>
      </c>
      <c r="W20633">
        <v>39</v>
      </c>
      <c r="X20633">
        <v>40</v>
      </c>
      <c r="Y20633">
        <v>41</v>
      </c>
      <c r="Z20633">
        <v>41</v>
      </c>
      <c r="AA20633">
        <v>42</v>
      </c>
      <c r="AB20633">
        <v>42</v>
      </c>
      <c r="AC20633">
        <v>43</v>
      </c>
      <c r="AD20633">
        <v>43</v>
      </c>
      <c r="AE20633">
        <v>44</v>
      </c>
      <c r="AF20633">
        <v>45</v>
      </c>
      <c r="AG20633">
        <v>45</v>
      </c>
      <c r="AH20633">
        <v>46</v>
      </c>
      <c r="AI20633">
        <v>46</v>
      </c>
      <c r="AJ20633">
        <v>47</v>
      </c>
      <c r="AK20633">
        <v>48</v>
      </c>
      <c r="AL20633">
        <v>48</v>
      </c>
      <c r="AM20633">
        <v>48</v>
      </c>
      <c r="AN20633">
        <v>48</v>
      </c>
      <c r="AO20633">
        <v>48</v>
      </c>
      <c r="AP20633">
        <v>48</v>
      </c>
      <c r="AQ20633">
        <v>49</v>
      </c>
    </row>
    <row r="20634" spans="1:43">
      <c r="A20634" t="s">
        <v>12779</v>
      </c>
      <c r="B20634" t="s">
        <v>12780</v>
      </c>
      <c r="C20634" t="s">
        <v>12775</v>
      </c>
      <c r="D20634" t="s">
        <v>12776</v>
      </c>
      <c r="E20634" t="s">
        <v>12580</v>
      </c>
      <c r="F20634" t="s">
        <v>12581</v>
      </c>
      <c r="G20634" t="s">
        <v>12582</v>
      </c>
      <c r="H20634" t="s">
        <v>12581</v>
      </c>
      <c r="I20634" s="2">
        <v>1</v>
      </c>
      <c r="J20634" s="2">
        <v>0</v>
      </c>
      <c r="K20634" s="2">
        <v>0</v>
      </c>
      <c r="L20634" t="s">
        <v>120</v>
      </c>
      <c r="M20634" t="s">
        <v>83</v>
      </c>
      <c r="N20634" t="s">
        <v>84</v>
      </c>
      <c r="O20634" t="s">
        <v>85</v>
      </c>
      <c r="P20634" t="s">
        <v>86</v>
      </c>
      <c r="Q20634">
        <v>37</v>
      </c>
      <c r="R20634">
        <v>37</v>
      </c>
      <c r="S20634">
        <v>38</v>
      </c>
      <c r="T20634">
        <v>39</v>
      </c>
      <c r="U20634">
        <v>39</v>
      </c>
      <c r="V20634">
        <v>40</v>
      </c>
      <c r="W20634">
        <v>40</v>
      </c>
      <c r="X20634">
        <v>41</v>
      </c>
      <c r="Y20634">
        <v>41</v>
      </c>
      <c r="Z20634">
        <v>42</v>
      </c>
      <c r="AA20634">
        <v>43</v>
      </c>
      <c r="AB20634">
        <v>43</v>
      </c>
      <c r="AC20634">
        <v>44</v>
      </c>
      <c r="AD20634">
        <v>44</v>
      </c>
      <c r="AE20634">
        <v>45</v>
      </c>
      <c r="AF20634">
        <v>45</v>
      </c>
      <c r="AG20634">
        <v>46</v>
      </c>
      <c r="AH20634">
        <v>47</v>
      </c>
      <c r="AI20634">
        <v>47</v>
      </c>
      <c r="AJ20634">
        <v>48</v>
      </c>
      <c r="AK20634">
        <v>48</v>
      </c>
      <c r="AL20634">
        <v>49</v>
      </c>
      <c r="AM20634">
        <v>49</v>
      </c>
      <c r="AN20634">
        <v>49</v>
      </c>
      <c r="AO20634">
        <v>49</v>
      </c>
      <c r="AP20634">
        <v>49</v>
      </c>
      <c r="AQ20634">
        <v>49</v>
      </c>
    </row>
    <row r="20635" spans="1:43">
      <c r="A20635" t="s">
        <v>12779</v>
      </c>
      <c r="B20635" t="s">
        <v>12780</v>
      </c>
      <c r="C20635" t="s">
        <v>12775</v>
      </c>
      <c r="D20635" t="s">
        <v>12776</v>
      </c>
      <c r="E20635" t="s">
        <v>12580</v>
      </c>
      <c r="F20635" t="s">
        <v>12581</v>
      </c>
      <c r="G20635" t="s">
        <v>12582</v>
      </c>
      <c r="H20635" t="s">
        <v>12581</v>
      </c>
      <c r="I20635" s="2">
        <v>1</v>
      </c>
      <c r="J20635" s="2">
        <v>0</v>
      </c>
      <c r="K20635" s="2">
        <v>0</v>
      </c>
      <c r="L20635" t="s">
        <v>120</v>
      </c>
      <c r="M20635" t="s">
        <v>87</v>
      </c>
      <c r="N20635" t="s">
        <v>88</v>
      </c>
      <c r="O20635" t="s">
        <v>85</v>
      </c>
      <c r="P20635" t="s">
        <v>86</v>
      </c>
      <c r="Q20635">
        <v>37</v>
      </c>
      <c r="R20635">
        <v>38</v>
      </c>
      <c r="S20635">
        <v>38</v>
      </c>
      <c r="T20635">
        <v>38</v>
      </c>
      <c r="U20635">
        <v>38</v>
      </c>
      <c r="V20635">
        <v>39</v>
      </c>
      <c r="W20635">
        <v>39</v>
      </c>
      <c r="X20635">
        <v>39</v>
      </c>
      <c r="Y20635">
        <v>39</v>
      </c>
      <c r="Z20635">
        <v>40</v>
      </c>
      <c r="AA20635">
        <v>40</v>
      </c>
      <c r="AB20635">
        <v>40</v>
      </c>
      <c r="AC20635">
        <v>40</v>
      </c>
      <c r="AD20635">
        <v>40</v>
      </c>
      <c r="AE20635">
        <v>41</v>
      </c>
      <c r="AF20635">
        <v>41</v>
      </c>
      <c r="AG20635">
        <v>41</v>
      </c>
      <c r="AH20635">
        <v>41</v>
      </c>
      <c r="AI20635">
        <v>42</v>
      </c>
      <c r="AJ20635">
        <v>42</v>
      </c>
      <c r="AK20635">
        <v>42</v>
      </c>
      <c r="AL20635">
        <v>43</v>
      </c>
      <c r="AM20635">
        <v>43</v>
      </c>
      <c r="AN20635">
        <v>43</v>
      </c>
      <c r="AO20635">
        <v>43</v>
      </c>
      <c r="AP20635">
        <v>44</v>
      </c>
      <c r="AQ20635">
        <v>44</v>
      </c>
    </row>
    <row r="20636" spans="1:43">
      <c r="A20636" t="s">
        <v>12779</v>
      </c>
      <c r="B20636" t="s">
        <v>12780</v>
      </c>
      <c r="C20636" t="s">
        <v>12775</v>
      </c>
      <c r="D20636" t="s">
        <v>12776</v>
      </c>
      <c r="E20636" t="s">
        <v>12580</v>
      </c>
      <c r="F20636" t="s">
        <v>12581</v>
      </c>
      <c r="G20636" t="s">
        <v>12582</v>
      </c>
      <c r="H20636" t="s">
        <v>12581</v>
      </c>
      <c r="I20636" s="2">
        <v>1</v>
      </c>
      <c r="J20636" s="2">
        <v>0</v>
      </c>
      <c r="K20636" s="2">
        <v>0</v>
      </c>
      <c r="L20636" t="s">
        <v>120</v>
      </c>
      <c r="M20636" t="s">
        <v>89</v>
      </c>
      <c r="N20636" t="s">
        <v>90</v>
      </c>
      <c r="O20636" t="s">
        <v>85</v>
      </c>
      <c r="P20636" t="s">
        <v>86</v>
      </c>
      <c r="Q20636">
        <v>37</v>
      </c>
      <c r="R20636">
        <v>38</v>
      </c>
      <c r="S20636">
        <v>39</v>
      </c>
      <c r="T20636">
        <v>40</v>
      </c>
      <c r="U20636">
        <v>41</v>
      </c>
      <c r="V20636">
        <v>41</v>
      </c>
      <c r="W20636">
        <v>42</v>
      </c>
      <c r="X20636">
        <v>43</v>
      </c>
      <c r="Y20636">
        <v>44</v>
      </c>
      <c r="Z20636">
        <v>45</v>
      </c>
      <c r="AA20636">
        <v>45</v>
      </c>
      <c r="AB20636">
        <v>46</v>
      </c>
      <c r="AC20636">
        <v>47</v>
      </c>
      <c r="AD20636">
        <v>48</v>
      </c>
      <c r="AE20636">
        <v>48</v>
      </c>
      <c r="AF20636">
        <v>48</v>
      </c>
      <c r="AG20636">
        <v>48</v>
      </c>
      <c r="AH20636">
        <v>49</v>
      </c>
      <c r="AI20636">
        <v>49</v>
      </c>
      <c r="AJ20636">
        <v>49</v>
      </c>
      <c r="AK20636">
        <v>49</v>
      </c>
      <c r="AL20636">
        <v>49</v>
      </c>
      <c r="AM20636">
        <v>49</v>
      </c>
      <c r="AN20636">
        <v>49</v>
      </c>
      <c r="AO20636">
        <v>49</v>
      </c>
      <c r="AP20636">
        <v>50</v>
      </c>
      <c r="AQ20636">
        <v>50</v>
      </c>
    </row>
    <row r="20637" spans="1:43">
      <c r="A20637" t="s">
        <v>12779</v>
      </c>
      <c r="B20637" t="s">
        <v>12780</v>
      </c>
      <c r="C20637" t="s">
        <v>12775</v>
      </c>
      <c r="D20637" t="s">
        <v>12776</v>
      </c>
      <c r="E20637" t="s">
        <v>12580</v>
      </c>
      <c r="F20637" t="s">
        <v>12581</v>
      </c>
      <c r="G20637" t="s">
        <v>12582</v>
      </c>
      <c r="H20637" t="s">
        <v>12581</v>
      </c>
      <c r="I20637" s="2">
        <v>1</v>
      </c>
      <c r="J20637" s="2">
        <v>0</v>
      </c>
      <c r="K20637" s="2">
        <v>0</v>
      </c>
      <c r="L20637" t="s">
        <v>120</v>
      </c>
      <c r="M20637" t="s">
        <v>83</v>
      </c>
      <c r="N20637" t="s">
        <v>91</v>
      </c>
      <c r="O20637" t="s">
        <v>85</v>
      </c>
      <c r="P20637" t="s">
        <v>86</v>
      </c>
      <c r="Q20637">
        <v>37</v>
      </c>
      <c r="R20637">
        <v>37</v>
      </c>
      <c r="S20637">
        <v>38</v>
      </c>
      <c r="T20637">
        <v>39</v>
      </c>
      <c r="U20637">
        <v>39</v>
      </c>
      <c r="V20637">
        <v>40</v>
      </c>
      <c r="W20637">
        <v>40</v>
      </c>
      <c r="X20637">
        <v>41</v>
      </c>
      <c r="Y20637">
        <v>41</v>
      </c>
      <c r="Z20637">
        <v>42</v>
      </c>
      <c r="AA20637">
        <v>43</v>
      </c>
      <c r="AB20637">
        <v>43</v>
      </c>
      <c r="AC20637">
        <v>44</v>
      </c>
      <c r="AD20637">
        <v>44</v>
      </c>
      <c r="AE20637">
        <v>45</v>
      </c>
      <c r="AF20637">
        <v>45</v>
      </c>
      <c r="AG20637">
        <v>46</v>
      </c>
      <c r="AH20637">
        <v>47</v>
      </c>
      <c r="AI20637">
        <v>47</v>
      </c>
      <c r="AJ20637">
        <v>48</v>
      </c>
      <c r="AK20637">
        <v>48</v>
      </c>
      <c r="AL20637">
        <v>49</v>
      </c>
      <c r="AM20637">
        <v>49</v>
      </c>
      <c r="AN20637">
        <v>49</v>
      </c>
      <c r="AO20637">
        <v>49</v>
      </c>
      <c r="AP20637">
        <v>49</v>
      </c>
      <c r="AQ20637">
        <v>49</v>
      </c>
    </row>
    <row r="20638" spans="1:43">
      <c r="A20638" t="s">
        <v>12781</v>
      </c>
      <c r="B20638" t="s">
        <v>12782</v>
      </c>
      <c r="C20638" t="s">
        <v>12775</v>
      </c>
      <c r="D20638" t="s">
        <v>12776</v>
      </c>
      <c r="E20638" t="s">
        <v>12580</v>
      </c>
      <c r="F20638" t="s">
        <v>12581</v>
      </c>
      <c r="G20638" t="s">
        <v>12582</v>
      </c>
      <c r="H20638" t="s">
        <v>12581</v>
      </c>
      <c r="I20638" s="2">
        <v>1</v>
      </c>
      <c r="J20638" s="2">
        <v>0</v>
      </c>
      <c r="K20638" s="2">
        <v>0</v>
      </c>
      <c r="L20638" t="s">
        <v>120</v>
      </c>
      <c r="M20638" t="s">
        <v>83</v>
      </c>
      <c r="N20638" t="s">
        <v>84</v>
      </c>
      <c r="O20638" t="s">
        <v>85</v>
      </c>
      <c r="P20638" t="s">
        <v>86</v>
      </c>
      <c r="Q20638">
        <v>27</v>
      </c>
      <c r="R20638">
        <v>27</v>
      </c>
      <c r="S20638">
        <v>28</v>
      </c>
      <c r="T20638">
        <v>28</v>
      </c>
      <c r="U20638">
        <v>28</v>
      </c>
      <c r="V20638">
        <v>29</v>
      </c>
      <c r="W20638">
        <v>29</v>
      </c>
      <c r="X20638">
        <v>30</v>
      </c>
      <c r="Y20638">
        <v>30</v>
      </c>
      <c r="Z20638">
        <v>30</v>
      </c>
      <c r="AA20638">
        <v>31</v>
      </c>
      <c r="AB20638">
        <v>31</v>
      </c>
      <c r="AC20638">
        <v>32</v>
      </c>
      <c r="AD20638">
        <v>32</v>
      </c>
      <c r="AE20638">
        <v>33</v>
      </c>
      <c r="AF20638">
        <v>33</v>
      </c>
      <c r="AG20638">
        <v>33</v>
      </c>
      <c r="AH20638">
        <v>34</v>
      </c>
      <c r="AI20638">
        <v>34</v>
      </c>
      <c r="AJ20638">
        <v>35</v>
      </c>
      <c r="AK20638">
        <v>35</v>
      </c>
      <c r="AL20638">
        <v>35</v>
      </c>
      <c r="AM20638">
        <v>35</v>
      </c>
      <c r="AN20638">
        <v>36</v>
      </c>
      <c r="AO20638">
        <v>36</v>
      </c>
      <c r="AP20638">
        <v>36</v>
      </c>
      <c r="AQ20638">
        <v>36</v>
      </c>
    </row>
    <row r="20639" spans="1:43">
      <c r="A20639" t="s">
        <v>12781</v>
      </c>
      <c r="B20639" t="s">
        <v>12782</v>
      </c>
      <c r="C20639" t="s">
        <v>12775</v>
      </c>
      <c r="D20639" t="s">
        <v>12776</v>
      </c>
      <c r="E20639" t="s">
        <v>12580</v>
      </c>
      <c r="F20639" t="s">
        <v>12581</v>
      </c>
      <c r="G20639" t="s">
        <v>12582</v>
      </c>
      <c r="H20639" t="s">
        <v>12581</v>
      </c>
      <c r="I20639" s="2">
        <v>1</v>
      </c>
      <c r="J20639" s="2">
        <v>0</v>
      </c>
      <c r="K20639" s="2">
        <v>0</v>
      </c>
      <c r="L20639" t="s">
        <v>120</v>
      </c>
      <c r="M20639" t="s">
        <v>87</v>
      </c>
      <c r="N20639" t="s">
        <v>88</v>
      </c>
      <c r="O20639" t="s">
        <v>85</v>
      </c>
      <c r="P20639" t="s">
        <v>86</v>
      </c>
      <c r="Q20639">
        <v>27</v>
      </c>
      <c r="R20639">
        <v>28</v>
      </c>
      <c r="S20639">
        <v>28</v>
      </c>
      <c r="T20639">
        <v>28</v>
      </c>
      <c r="U20639">
        <v>28</v>
      </c>
      <c r="V20639">
        <v>28</v>
      </c>
      <c r="W20639">
        <v>28</v>
      </c>
      <c r="X20639">
        <v>29</v>
      </c>
      <c r="Y20639">
        <v>29</v>
      </c>
      <c r="Z20639">
        <v>29</v>
      </c>
      <c r="AA20639">
        <v>29</v>
      </c>
      <c r="AB20639">
        <v>29</v>
      </c>
      <c r="AC20639">
        <v>29</v>
      </c>
      <c r="AD20639">
        <v>30</v>
      </c>
      <c r="AE20639">
        <v>30</v>
      </c>
      <c r="AF20639">
        <v>30</v>
      </c>
      <c r="AG20639">
        <v>30</v>
      </c>
      <c r="AH20639">
        <v>30</v>
      </c>
      <c r="AI20639">
        <v>31</v>
      </c>
      <c r="AJ20639">
        <v>31</v>
      </c>
      <c r="AK20639">
        <v>31</v>
      </c>
      <c r="AL20639">
        <v>31</v>
      </c>
      <c r="AM20639">
        <v>31</v>
      </c>
      <c r="AN20639">
        <v>32</v>
      </c>
      <c r="AO20639">
        <v>32</v>
      </c>
      <c r="AP20639">
        <v>32</v>
      </c>
      <c r="AQ20639">
        <v>32</v>
      </c>
    </row>
    <row r="20640" spans="1:43">
      <c r="A20640" t="s">
        <v>12781</v>
      </c>
      <c r="B20640" t="s">
        <v>12782</v>
      </c>
      <c r="C20640" t="s">
        <v>12775</v>
      </c>
      <c r="D20640" t="s">
        <v>12776</v>
      </c>
      <c r="E20640" t="s">
        <v>12580</v>
      </c>
      <c r="F20640" t="s">
        <v>12581</v>
      </c>
      <c r="G20640" t="s">
        <v>12582</v>
      </c>
      <c r="H20640" t="s">
        <v>12581</v>
      </c>
      <c r="I20640" s="2">
        <v>1</v>
      </c>
      <c r="J20640" s="2">
        <v>0</v>
      </c>
      <c r="K20640" s="2">
        <v>0</v>
      </c>
      <c r="L20640" t="s">
        <v>120</v>
      </c>
      <c r="M20640" t="s">
        <v>89</v>
      </c>
      <c r="N20640" t="s">
        <v>90</v>
      </c>
      <c r="O20640" t="s">
        <v>85</v>
      </c>
      <c r="P20640" t="s">
        <v>86</v>
      </c>
      <c r="Q20640">
        <v>27</v>
      </c>
      <c r="R20640">
        <v>28</v>
      </c>
      <c r="S20640">
        <v>28</v>
      </c>
      <c r="T20640">
        <v>29</v>
      </c>
      <c r="U20640">
        <v>29</v>
      </c>
      <c r="V20640">
        <v>30</v>
      </c>
      <c r="W20640">
        <v>31</v>
      </c>
      <c r="X20640">
        <v>31</v>
      </c>
      <c r="Y20640">
        <v>32</v>
      </c>
      <c r="Z20640">
        <v>32</v>
      </c>
      <c r="AA20640">
        <v>33</v>
      </c>
      <c r="AB20640">
        <v>33</v>
      </c>
      <c r="AC20640">
        <v>34</v>
      </c>
      <c r="AD20640">
        <v>35</v>
      </c>
      <c r="AE20640">
        <v>35</v>
      </c>
      <c r="AF20640">
        <v>35</v>
      </c>
      <c r="AG20640">
        <v>35</v>
      </c>
      <c r="AH20640">
        <v>35</v>
      </c>
      <c r="AI20640">
        <v>35</v>
      </c>
      <c r="AJ20640">
        <v>35</v>
      </c>
      <c r="AK20640">
        <v>36</v>
      </c>
      <c r="AL20640">
        <v>36</v>
      </c>
      <c r="AM20640">
        <v>36</v>
      </c>
      <c r="AN20640">
        <v>36</v>
      </c>
      <c r="AO20640">
        <v>36</v>
      </c>
      <c r="AP20640">
        <v>36</v>
      </c>
      <c r="AQ20640">
        <v>36</v>
      </c>
    </row>
    <row r="20641" spans="1:43">
      <c r="A20641" t="s">
        <v>12781</v>
      </c>
      <c r="B20641" t="s">
        <v>12782</v>
      </c>
      <c r="C20641" t="s">
        <v>12775</v>
      </c>
      <c r="D20641" t="s">
        <v>12776</v>
      </c>
      <c r="E20641" t="s">
        <v>12580</v>
      </c>
      <c r="F20641" t="s">
        <v>12581</v>
      </c>
      <c r="G20641" t="s">
        <v>12582</v>
      </c>
      <c r="H20641" t="s">
        <v>12581</v>
      </c>
      <c r="I20641" s="2">
        <v>1</v>
      </c>
      <c r="J20641" s="2">
        <v>0</v>
      </c>
      <c r="K20641" s="2">
        <v>0</v>
      </c>
      <c r="L20641" t="s">
        <v>120</v>
      </c>
      <c r="M20641" t="s">
        <v>83</v>
      </c>
      <c r="N20641" t="s">
        <v>91</v>
      </c>
      <c r="O20641" t="s">
        <v>85</v>
      </c>
      <c r="P20641" t="s">
        <v>86</v>
      </c>
      <c r="Q20641">
        <v>27</v>
      </c>
      <c r="R20641">
        <v>27</v>
      </c>
      <c r="S20641">
        <v>28</v>
      </c>
      <c r="T20641">
        <v>28</v>
      </c>
      <c r="U20641">
        <v>28</v>
      </c>
      <c r="V20641">
        <v>29</v>
      </c>
      <c r="W20641">
        <v>29</v>
      </c>
      <c r="X20641">
        <v>30</v>
      </c>
      <c r="Y20641">
        <v>30</v>
      </c>
      <c r="Z20641">
        <v>30</v>
      </c>
      <c r="AA20641">
        <v>31</v>
      </c>
      <c r="AB20641">
        <v>31</v>
      </c>
      <c r="AC20641">
        <v>32</v>
      </c>
      <c r="AD20641">
        <v>32</v>
      </c>
      <c r="AE20641">
        <v>33</v>
      </c>
      <c r="AF20641">
        <v>33</v>
      </c>
      <c r="AG20641">
        <v>33</v>
      </c>
      <c r="AH20641">
        <v>34</v>
      </c>
      <c r="AI20641">
        <v>34</v>
      </c>
      <c r="AJ20641">
        <v>35</v>
      </c>
      <c r="AK20641">
        <v>35</v>
      </c>
      <c r="AL20641">
        <v>35</v>
      </c>
      <c r="AM20641">
        <v>35</v>
      </c>
      <c r="AN20641">
        <v>36</v>
      </c>
      <c r="AO20641">
        <v>36</v>
      </c>
      <c r="AP20641">
        <v>36</v>
      </c>
      <c r="AQ20641">
        <v>36</v>
      </c>
    </row>
    <row r="20642" spans="1:43">
      <c r="A20642" t="s">
        <v>12783</v>
      </c>
      <c r="B20642" t="s">
        <v>12784</v>
      </c>
      <c r="C20642" t="s">
        <v>12785</v>
      </c>
      <c r="D20642" t="s">
        <v>12786</v>
      </c>
      <c r="E20642" t="s">
        <v>12580</v>
      </c>
      <c r="F20642" t="s">
        <v>12581</v>
      </c>
      <c r="G20642" t="s">
        <v>12582</v>
      </c>
      <c r="H20642" t="s">
        <v>12581</v>
      </c>
      <c r="I20642" s="2">
        <v>1</v>
      </c>
      <c r="J20642" s="2">
        <v>0</v>
      </c>
      <c r="K20642" s="2">
        <v>0</v>
      </c>
      <c r="L20642" t="s">
        <v>120</v>
      </c>
      <c r="M20642" t="s">
        <v>83</v>
      </c>
      <c r="N20642" t="s">
        <v>84</v>
      </c>
      <c r="O20642" t="s">
        <v>85</v>
      </c>
      <c r="P20642" t="s">
        <v>86</v>
      </c>
      <c r="Q20642">
        <v>18</v>
      </c>
      <c r="R20642">
        <v>18</v>
      </c>
      <c r="S20642">
        <v>18</v>
      </c>
      <c r="T20642">
        <v>18</v>
      </c>
      <c r="U20642">
        <v>19</v>
      </c>
      <c r="V20642">
        <v>19</v>
      </c>
      <c r="W20642">
        <v>19</v>
      </c>
      <c r="X20642">
        <v>20</v>
      </c>
      <c r="Y20642">
        <v>20</v>
      </c>
      <c r="Z20642">
        <v>20</v>
      </c>
      <c r="AA20642">
        <v>20</v>
      </c>
      <c r="AB20642">
        <v>21</v>
      </c>
      <c r="AC20642">
        <v>21</v>
      </c>
      <c r="AD20642">
        <v>21</v>
      </c>
      <c r="AE20642">
        <v>22</v>
      </c>
      <c r="AF20642">
        <v>22</v>
      </c>
      <c r="AG20642">
        <v>22</v>
      </c>
      <c r="AH20642">
        <v>22</v>
      </c>
      <c r="AI20642">
        <v>23</v>
      </c>
      <c r="AJ20642">
        <v>23</v>
      </c>
      <c r="AK20642">
        <v>23</v>
      </c>
      <c r="AL20642">
        <v>23</v>
      </c>
      <c r="AM20642">
        <v>24</v>
      </c>
      <c r="AN20642">
        <v>24</v>
      </c>
      <c r="AO20642">
        <v>24</v>
      </c>
      <c r="AP20642">
        <v>24</v>
      </c>
      <c r="AQ20642">
        <v>24</v>
      </c>
    </row>
    <row r="20643" spans="1:43">
      <c r="A20643" t="s">
        <v>12783</v>
      </c>
      <c r="B20643" t="s">
        <v>12784</v>
      </c>
      <c r="C20643" t="s">
        <v>12785</v>
      </c>
      <c r="D20643" t="s">
        <v>12786</v>
      </c>
      <c r="E20643" t="s">
        <v>12580</v>
      </c>
      <c r="F20643" t="s">
        <v>12581</v>
      </c>
      <c r="G20643" t="s">
        <v>12582</v>
      </c>
      <c r="H20643" t="s">
        <v>12581</v>
      </c>
      <c r="I20643" s="2">
        <v>1</v>
      </c>
      <c r="J20643" s="2">
        <v>0</v>
      </c>
      <c r="K20643" s="2">
        <v>0</v>
      </c>
      <c r="L20643" t="s">
        <v>120</v>
      </c>
      <c r="M20643" t="s">
        <v>87</v>
      </c>
      <c r="N20643" t="s">
        <v>88</v>
      </c>
      <c r="O20643" t="s">
        <v>85</v>
      </c>
      <c r="P20643" t="s">
        <v>86</v>
      </c>
      <c r="Q20643">
        <v>18</v>
      </c>
      <c r="R20643">
        <v>18</v>
      </c>
      <c r="S20643">
        <v>19</v>
      </c>
      <c r="T20643">
        <v>19</v>
      </c>
      <c r="U20643">
        <v>19</v>
      </c>
      <c r="V20643">
        <v>19</v>
      </c>
      <c r="W20643">
        <v>19</v>
      </c>
      <c r="X20643">
        <v>19</v>
      </c>
      <c r="Y20643">
        <v>19</v>
      </c>
      <c r="Z20643">
        <v>19</v>
      </c>
      <c r="AA20643">
        <v>20</v>
      </c>
      <c r="AB20643">
        <v>20</v>
      </c>
      <c r="AC20643">
        <v>20</v>
      </c>
      <c r="AD20643">
        <v>20</v>
      </c>
      <c r="AE20643">
        <v>20</v>
      </c>
      <c r="AF20643">
        <v>20</v>
      </c>
      <c r="AG20643">
        <v>20</v>
      </c>
      <c r="AH20643">
        <v>20</v>
      </c>
      <c r="AI20643">
        <v>21</v>
      </c>
      <c r="AJ20643">
        <v>21</v>
      </c>
      <c r="AK20643">
        <v>21</v>
      </c>
      <c r="AL20643">
        <v>21</v>
      </c>
      <c r="AM20643">
        <v>21</v>
      </c>
      <c r="AN20643">
        <v>21</v>
      </c>
      <c r="AO20643">
        <v>21</v>
      </c>
      <c r="AP20643">
        <v>22</v>
      </c>
      <c r="AQ20643">
        <v>22</v>
      </c>
    </row>
    <row r="20644" spans="1:43">
      <c r="A20644" t="s">
        <v>12783</v>
      </c>
      <c r="B20644" t="s">
        <v>12784</v>
      </c>
      <c r="C20644" t="s">
        <v>12785</v>
      </c>
      <c r="D20644" t="s">
        <v>12786</v>
      </c>
      <c r="E20644" t="s">
        <v>12580</v>
      </c>
      <c r="F20644" t="s">
        <v>12581</v>
      </c>
      <c r="G20644" t="s">
        <v>12582</v>
      </c>
      <c r="H20644" t="s">
        <v>12581</v>
      </c>
      <c r="I20644" s="2">
        <v>1</v>
      </c>
      <c r="J20644" s="2">
        <v>0</v>
      </c>
      <c r="K20644" s="2">
        <v>0</v>
      </c>
      <c r="L20644" t="s">
        <v>120</v>
      </c>
      <c r="M20644" t="s">
        <v>89</v>
      </c>
      <c r="N20644" t="s">
        <v>90</v>
      </c>
      <c r="O20644" t="s">
        <v>85</v>
      </c>
      <c r="P20644" t="s">
        <v>86</v>
      </c>
      <c r="Q20644">
        <v>18</v>
      </c>
      <c r="R20644">
        <v>18</v>
      </c>
      <c r="S20644">
        <v>19</v>
      </c>
      <c r="T20644">
        <v>19</v>
      </c>
      <c r="U20644">
        <v>19</v>
      </c>
      <c r="V20644">
        <v>20</v>
      </c>
      <c r="W20644">
        <v>20</v>
      </c>
      <c r="X20644">
        <v>21</v>
      </c>
      <c r="Y20644">
        <v>21</v>
      </c>
      <c r="Z20644">
        <v>21</v>
      </c>
      <c r="AA20644">
        <v>22</v>
      </c>
      <c r="AB20644">
        <v>22</v>
      </c>
      <c r="AC20644">
        <v>22</v>
      </c>
      <c r="AD20644">
        <v>23</v>
      </c>
      <c r="AE20644">
        <v>23</v>
      </c>
      <c r="AF20644">
        <v>23</v>
      </c>
      <c r="AG20644">
        <v>23</v>
      </c>
      <c r="AH20644">
        <v>23</v>
      </c>
      <c r="AI20644">
        <v>23</v>
      </c>
      <c r="AJ20644">
        <v>23</v>
      </c>
      <c r="AK20644">
        <v>24</v>
      </c>
      <c r="AL20644">
        <v>24</v>
      </c>
      <c r="AM20644">
        <v>24</v>
      </c>
      <c r="AN20644">
        <v>24</v>
      </c>
      <c r="AO20644">
        <v>24</v>
      </c>
      <c r="AP20644">
        <v>24</v>
      </c>
      <c r="AQ20644">
        <v>24</v>
      </c>
    </row>
    <row r="20645" spans="1:43">
      <c r="A20645" t="s">
        <v>12783</v>
      </c>
      <c r="B20645" t="s">
        <v>12784</v>
      </c>
      <c r="C20645" t="s">
        <v>12785</v>
      </c>
      <c r="D20645" t="s">
        <v>12786</v>
      </c>
      <c r="E20645" t="s">
        <v>12580</v>
      </c>
      <c r="F20645" t="s">
        <v>12581</v>
      </c>
      <c r="G20645" t="s">
        <v>12582</v>
      </c>
      <c r="H20645" t="s">
        <v>12581</v>
      </c>
      <c r="I20645" s="2">
        <v>1</v>
      </c>
      <c r="J20645" s="2">
        <v>0</v>
      </c>
      <c r="K20645" s="2">
        <v>0</v>
      </c>
      <c r="L20645" t="s">
        <v>120</v>
      </c>
      <c r="M20645" t="s">
        <v>83</v>
      </c>
      <c r="N20645" t="s">
        <v>91</v>
      </c>
      <c r="O20645" t="s">
        <v>85</v>
      </c>
      <c r="P20645" t="s">
        <v>86</v>
      </c>
      <c r="Q20645">
        <v>18</v>
      </c>
      <c r="R20645">
        <v>18</v>
      </c>
      <c r="S20645">
        <v>18</v>
      </c>
      <c r="T20645">
        <v>18</v>
      </c>
      <c r="U20645">
        <v>19</v>
      </c>
      <c r="V20645">
        <v>19</v>
      </c>
      <c r="W20645">
        <v>19</v>
      </c>
      <c r="X20645">
        <v>20</v>
      </c>
      <c r="Y20645">
        <v>20</v>
      </c>
      <c r="Z20645">
        <v>20</v>
      </c>
      <c r="AA20645">
        <v>20</v>
      </c>
      <c r="AB20645">
        <v>21</v>
      </c>
      <c r="AC20645">
        <v>21</v>
      </c>
      <c r="AD20645">
        <v>21</v>
      </c>
      <c r="AE20645">
        <v>22</v>
      </c>
      <c r="AF20645">
        <v>22</v>
      </c>
      <c r="AG20645">
        <v>22</v>
      </c>
      <c r="AH20645">
        <v>22</v>
      </c>
      <c r="AI20645">
        <v>23</v>
      </c>
      <c r="AJ20645">
        <v>23</v>
      </c>
      <c r="AK20645">
        <v>23</v>
      </c>
      <c r="AL20645">
        <v>23</v>
      </c>
      <c r="AM20645">
        <v>24</v>
      </c>
      <c r="AN20645">
        <v>24</v>
      </c>
      <c r="AO20645">
        <v>24</v>
      </c>
      <c r="AP20645">
        <v>24</v>
      </c>
      <c r="AQ20645">
        <v>24</v>
      </c>
    </row>
    <row r="20646" spans="1:43">
      <c r="A20646" t="s">
        <v>12787</v>
      </c>
      <c r="B20646" t="s">
        <v>12788</v>
      </c>
      <c r="C20646" t="s">
        <v>12785</v>
      </c>
      <c r="D20646" t="s">
        <v>12786</v>
      </c>
      <c r="E20646" t="s">
        <v>12580</v>
      </c>
      <c r="F20646" t="s">
        <v>12581</v>
      </c>
      <c r="G20646" t="s">
        <v>12582</v>
      </c>
      <c r="H20646" t="s">
        <v>12581</v>
      </c>
      <c r="I20646" s="2">
        <v>1</v>
      </c>
      <c r="J20646" s="2">
        <v>0</v>
      </c>
      <c r="K20646" s="2">
        <v>0</v>
      </c>
      <c r="L20646" t="s">
        <v>120</v>
      </c>
      <c r="M20646" t="s">
        <v>83</v>
      </c>
      <c r="N20646" t="s">
        <v>84</v>
      </c>
      <c r="O20646" t="s">
        <v>85</v>
      </c>
      <c r="P20646" t="s">
        <v>86</v>
      </c>
      <c r="Q20646">
        <v>45</v>
      </c>
      <c r="R20646">
        <v>46</v>
      </c>
      <c r="S20646">
        <v>47</v>
      </c>
      <c r="T20646">
        <v>48</v>
      </c>
      <c r="U20646">
        <v>48</v>
      </c>
      <c r="V20646">
        <v>49</v>
      </c>
      <c r="W20646">
        <v>50</v>
      </c>
      <c r="X20646">
        <v>51</v>
      </c>
      <c r="Y20646">
        <v>51</v>
      </c>
      <c r="Z20646">
        <v>52</v>
      </c>
      <c r="AA20646">
        <v>53</v>
      </c>
      <c r="AB20646">
        <v>54</v>
      </c>
      <c r="AC20646">
        <v>54</v>
      </c>
      <c r="AD20646">
        <v>55</v>
      </c>
      <c r="AE20646">
        <v>56</v>
      </c>
      <c r="AF20646">
        <v>57</v>
      </c>
      <c r="AG20646">
        <v>57</v>
      </c>
      <c r="AH20646">
        <v>58</v>
      </c>
      <c r="AI20646">
        <v>59</v>
      </c>
      <c r="AJ20646">
        <v>60</v>
      </c>
      <c r="AK20646">
        <v>60</v>
      </c>
      <c r="AL20646">
        <v>61</v>
      </c>
      <c r="AM20646">
        <v>61</v>
      </c>
      <c r="AN20646">
        <v>61</v>
      </c>
      <c r="AO20646">
        <v>61</v>
      </c>
      <c r="AP20646">
        <v>62</v>
      </c>
      <c r="AQ20646">
        <v>62</v>
      </c>
    </row>
    <row r="20647" spans="1:43">
      <c r="A20647" t="s">
        <v>12787</v>
      </c>
      <c r="B20647" t="s">
        <v>12788</v>
      </c>
      <c r="C20647" t="s">
        <v>12785</v>
      </c>
      <c r="D20647" t="s">
        <v>12786</v>
      </c>
      <c r="E20647" t="s">
        <v>12580</v>
      </c>
      <c r="F20647" t="s">
        <v>12581</v>
      </c>
      <c r="G20647" t="s">
        <v>12582</v>
      </c>
      <c r="H20647" t="s">
        <v>12581</v>
      </c>
      <c r="I20647" s="2">
        <v>1</v>
      </c>
      <c r="J20647" s="2">
        <v>0</v>
      </c>
      <c r="K20647" s="2">
        <v>0</v>
      </c>
      <c r="L20647" t="s">
        <v>120</v>
      </c>
      <c r="M20647" t="s">
        <v>87</v>
      </c>
      <c r="N20647" t="s">
        <v>88</v>
      </c>
      <c r="O20647" t="s">
        <v>85</v>
      </c>
      <c r="P20647" t="s">
        <v>86</v>
      </c>
      <c r="Q20647">
        <v>45</v>
      </c>
      <c r="R20647">
        <v>45</v>
      </c>
      <c r="S20647">
        <v>46</v>
      </c>
      <c r="T20647">
        <v>46</v>
      </c>
      <c r="U20647">
        <v>46</v>
      </c>
      <c r="V20647">
        <v>47</v>
      </c>
      <c r="W20647">
        <v>47</v>
      </c>
      <c r="X20647">
        <v>47</v>
      </c>
      <c r="Y20647">
        <v>48</v>
      </c>
      <c r="Z20647">
        <v>48</v>
      </c>
      <c r="AA20647">
        <v>48</v>
      </c>
      <c r="AB20647">
        <v>48</v>
      </c>
      <c r="AC20647">
        <v>49</v>
      </c>
      <c r="AD20647">
        <v>49</v>
      </c>
      <c r="AE20647">
        <v>49</v>
      </c>
      <c r="AF20647">
        <v>50</v>
      </c>
      <c r="AG20647">
        <v>50</v>
      </c>
      <c r="AH20647">
        <v>51</v>
      </c>
      <c r="AI20647">
        <v>51</v>
      </c>
      <c r="AJ20647">
        <v>51</v>
      </c>
      <c r="AK20647">
        <v>52</v>
      </c>
      <c r="AL20647">
        <v>52</v>
      </c>
      <c r="AM20647">
        <v>52</v>
      </c>
      <c r="AN20647">
        <v>53</v>
      </c>
      <c r="AO20647">
        <v>53</v>
      </c>
      <c r="AP20647">
        <v>53</v>
      </c>
      <c r="AQ20647">
        <v>54</v>
      </c>
    </row>
    <row r="20648" spans="1:43">
      <c r="A20648" t="s">
        <v>12787</v>
      </c>
      <c r="B20648" t="s">
        <v>12788</v>
      </c>
      <c r="C20648" t="s">
        <v>12785</v>
      </c>
      <c r="D20648" t="s">
        <v>12786</v>
      </c>
      <c r="E20648" t="s">
        <v>12580</v>
      </c>
      <c r="F20648" t="s">
        <v>12581</v>
      </c>
      <c r="G20648" t="s">
        <v>12582</v>
      </c>
      <c r="H20648" t="s">
        <v>12581</v>
      </c>
      <c r="I20648" s="2">
        <v>1</v>
      </c>
      <c r="J20648" s="2">
        <v>0</v>
      </c>
      <c r="K20648" s="2">
        <v>0</v>
      </c>
      <c r="L20648" t="s">
        <v>120</v>
      </c>
      <c r="M20648" t="s">
        <v>89</v>
      </c>
      <c r="N20648" t="s">
        <v>90</v>
      </c>
      <c r="O20648" t="s">
        <v>85</v>
      </c>
      <c r="P20648" t="s">
        <v>86</v>
      </c>
      <c r="Q20648">
        <v>45</v>
      </c>
      <c r="R20648">
        <v>46</v>
      </c>
      <c r="S20648">
        <v>47</v>
      </c>
      <c r="T20648">
        <v>48</v>
      </c>
      <c r="U20648">
        <v>49</v>
      </c>
      <c r="V20648">
        <v>50</v>
      </c>
      <c r="W20648">
        <v>51</v>
      </c>
      <c r="X20648">
        <v>52</v>
      </c>
      <c r="Y20648">
        <v>53</v>
      </c>
      <c r="Z20648">
        <v>54</v>
      </c>
      <c r="AA20648">
        <v>55</v>
      </c>
      <c r="AB20648">
        <v>56</v>
      </c>
      <c r="AC20648">
        <v>57</v>
      </c>
      <c r="AD20648">
        <v>58</v>
      </c>
      <c r="AE20648">
        <v>59</v>
      </c>
      <c r="AF20648">
        <v>59</v>
      </c>
      <c r="AG20648">
        <v>59</v>
      </c>
      <c r="AH20648">
        <v>59</v>
      </c>
      <c r="AI20648">
        <v>60</v>
      </c>
      <c r="AJ20648">
        <v>60</v>
      </c>
      <c r="AK20648">
        <v>60</v>
      </c>
      <c r="AL20648">
        <v>60</v>
      </c>
      <c r="AM20648">
        <v>61</v>
      </c>
      <c r="AN20648">
        <v>61</v>
      </c>
      <c r="AO20648">
        <v>61</v>
      </c>
      <c r="AP20648">
        <v>61</v>
      </c>
      <c r="AQ20648">
        <v>61</v>
      </c>
    </row>
    <row r="20649" spans="1:43">
      <c r="A20649" t="s">
        <v>12787</v>
      </c>
      <c r="B20649" t="s">
        <v>12788</v>
      </c>
      <c r="C20649" t="s">
        <v>12785</v>
      </c>
      <c r="D20649" t="s">
        <v>12786</v>
      </c>
      <c r="E20649" t="s">
        <v>12580</v>
      </c>
      <c r="F20649" t="s">
        <v>12581</v>
      </c>
      <c r="G20649" t="s">
        <v>12582</v>
      </c>
      <c r="H20649" t="s">
        <v>12581</v>
      </c>
      <c r="I20649" s="2">
        <v>1</v>
      </c>
      <c r="J20649" s="2">
        <v>0</v>
      </c>
      <c r="K20649" s="2">
        <v>0</v>
      </c>
      <c r="L20649" t="s">
        <v>120</v>
      </c>
      <c r="M20649" t="s">
        <v>83</v>
      </c>
      <c r="N20649" t="s">
        <v>91</v>
      </c>
      <c r="O20649" t="s">
        <v>85</v>
      </c>
      <c r="P20649" t="s">
        <v>86</v>
      </c>
      <c r="Q20649">
        <v>45</v>
      </c>
      <c r="R20649">
        <v>46</v>
      </c>
      <c r="S20649">
        <v>47</v>
      </c>
      <c r="T20649">
        <v>48</v>
      </c>
      <c r="U20649">
        <v>48</v>
      </c>
      <c r="V20649">
        <v>49</v>
      </c>
      <c r="W20649">
        <v>50</v>
      </c>
      <c r="X20649">
        <v>51</v>
      </c>
      <c r="Y20649">
        <v>51</v>
      </c>
      <c r="Z20649">
        <v>52</v>
      </c>
      <c r="AA20649">
        <v>53</v>
      </c>
      <c r="AB20649">
        <v>54</v>
      </c>
      <c r="AC20649">
        <v>54</v>
      </c>
      <c r="AD20649">
        <v>55</v>
      </c>
      <c r="AE20649">
        <v>56</v>
      </c>
      <c r="AF20649">
        <v>57</v>
      </c>
      <c r="AG20649">
        <v>57</v>
      </c>
      <c r="AH20649">
        <v>58</v>
      </c>
      <c r="AI20649">
        <v>59</v>
      </c>
      <c r="AJ20649">
        <v>60</v>
      </c>
      <c r="AK20649">
        <v>60</v>
      </c>
      <c r="AL20649">
        <v>61</v>
      </c>
      <c r="AM20649">
        <v>61</v>
      </c>
      <c r="AN20649">
        <v>61</v>
      </c>
      <c r="AO20649">
        <v>61</v>
      </c>
      <c r="AP20649">
        <v>62</v>
      </c>
      <c r="AQ20649">
        <v>62</v>
      </c>
    </row>
    <row r="20650" spans="1:43">
      <c r="A20650" t="s">
        <v>12789</v>
      </c>
      <c r="B20650" t="s">
        <v>12790</v>
      </c>
      <c r="C20650" t="s">
        <v>12791</v>
      </c>
      <c r="D20650" t="s">
        <v>12792</v>
      </c>
      <c r="E20650" t="s">
        <v>12580</v>
      </c>
      <c r="F20650" t="s">
        <v>12581</v>
      </c>
      <c r="G20650" t="s">
        <v>12582</v>
      </c>
      <c r="H20650" t="s">
        <v>12581</v>
      </c>
      <c r="I20650" s="2">
        <v>1</v>
      </c>
      <c r="J20650" s="2">
        <v>0</v>
      </c>
      <c r="K20650" s="2">
        <v>0</v>
      </c>
      <c r="L20650" t="s">
        <v>120</v>
      </c>
      <c r="M20650" t="s">
        <v>83</v>
      </c>
      <c r="N20650" t="s">
        <v>84</v>
      </c>
      <c r="O20650" t="s">
        <v>85</v>
      </c>
      <c r="P20650" t="s">
        <v>86</v>
      </c>
      <c r="Q20650">
        <v>21</v>
      </c>
      <c r="R20650">
        <v>21</v>
      </c>
      <c r="S20650">
        <v>21</v>
      </c>
      <c r="T20650">
        <v>22</v>
      </c>
      <c r="U20650">
        <v>22</v>
      </c>
      <c r="V20650">
        <v>22</v>
      </c>
      <c r="W20650">
        <v>23</v>
      </c>
      <c r="X20650">
        <v>23</v>
      </c>
      <c r="Y20650">
        <v>23</v>
      </c>
      <c r="Z20650">
        <v>24</v>
      </c>
      <c r="AA20650">
        <v>24</v>
      </c>
      <c r="AB20650">
        <v>24</v>
      </c>
      <c r="AC20650">
        <v>25</v>
      </c>
      <c r="AD20650">
        <v>25</v>
      </c>
      <c r="AE20650">
        <v>25</v>
      </c>
      <c r="AF20650">
        <v>26</v>
      </c>
      <c r="AG20650">
        <v>26</v>
      </c>
      <c r="AH20650">
        <v>26</v>
      </c>
      <c r="AI20650">
        <v>27</v>
      </c>
      <c r="AJ20650">
        <v>27</v>
      </c>
      <c r="AK20650">
        <v>27</v>
      </c>
      <c r="AL20650">
        <v>28</v>
      </c>
      <c r="AM20650">
        <v>28</v>
      </c>
      <c r="AN20650">
        <v>28</v>
      </c>
      <c r="AO20650">
        <v>28</v>
      </c>
      <c r="AP20650">
        <v>28</v>
      </c>
      <c r="AQ20650">
        <v>28</v>
      </c>
    </row>
    <row r="20651" spans="1:43">
      <c r="A20651" t="s">
        <v>12789</v>
      </c>
      <c r="B20651" t="s">
        <v>12790</v>
      </c>
      <c r="C20651" t="s">
        <v>12791</v>
      </c>
      <c r="D20651" t="s">
        <v>12792</v>
      </c>
      <c r="E20651" t="s">
        <v>12580</v>
      </c>
      <c r="F20651" t="s">
        <v>12581</v>
      </c>
      <c r="G20651" t="s">
        <v>12582</v>
      </c>
      <c r="H20651" t="s">
        <v>12581</v>
      </c>
      <c r="I20651" s="2">
        <v>1</v>
      </c>
      <c r="J20651" s="2">
        <v>0</v>
      </c>
      <c r="K20651" s="2">
        <v>0</v>
      </c>
      <c r="L20651" t="s">
        <v>120</v>
      </c>
      <c r="M20651" t="s">
        <v>87</v>
      </c>
      <c r="N20651" t="s">
        <v>88</v>
      </c>
      <c r="O20651" t="s">
        <v>85</v>
      </c>
      <c r="P20651" t="s">
        <v>86</v>
      </c>
      <c r="Q20651">
        <v>21</v>
      </c>
      <c r="R20651">
        <v>22</v>
      </c>
      <c r="S20651">
        <v>22</v>
      </c>
      <c r="T20651">
        <v>22</v>
      </c>
      <c r="U20651">
        <v>22</v>
      </c>
      <c r="V20651">
        <v>22</v>
      </c>
      <c r="W20651">
        <v>22</v>
      </c>
      <c r="X20651">
        <v>22</v>
      </c>
      <c r="Y20651">
        <v>23</v>
      </c>
      <c r="Z20651">
        <v>23</v>
      </c>
      <c r="AA20651">
        <v>23</v>
      </c>
      <c r="AB20651">
        <v>23</v>
      </c>
      <c r="AC20651">
        <v>23</v>
      </c>
      <c r="AD20651">
        <v>23</v>
      </c>
      <c r="AE20651">
        <v>23</v>
      </c>
      <c r="AF20651">
        <v>24</v>
      </c>
      <c r="AG20651">
        <v>24</v>
      </c>
      <c r="AH20651">
        <v>24</v>
      </c>
      <c r="AI20651">
        <v>24</v>
      </c>
      <c r="AJ20651">
        <v>24</v>
      </c>
      <c r="AK20651">
        <v>24</v>
      </c>
      <c r="AL20651">
        <v>25</v>
      </c>
      <c r="AM20651">
        <v>25</v>
      </c>
      <c r="AN20651">
        <v>25</v>
      </c>
      <c r="AO20651">
        <v>25</v>
      </c>
      <c r="AP20651">
        <v>25</v>
      </c>
      <c r="AQ20651">
        <v>25</v>
      </c>
    </row>
    <row r="20652" spans="1:43">
      <c r="A20652" t="s">
        <v>12789</v>
      </c>
      <c r="B20652" t="s">
        <v>12790</v>
      </c>
      <c r="C20652" t="s">
        <v>12791</v>
      </c>
      <c r="D20652" t="s">
        <v>12792</v>
      </c>
      <c r="E20652" t="s">
        <v>12580</v>
      </c>
      <c r="F20652" t="s">
        <v>12581</v>
      </c>
      <c r="G20652" t="s">
        <v>12582</v>
      </c>
      <c r="H20652" t="s">
        <v>12581</v>
      </c>
      <c r="I20652" s="2">
        <v>1</v>
      </c>
      <c r="J20652" s="2">
        <v>0</v>
      </c>
      <c r="K20652" s="2">
        <v>0</v>
      </c>
      <c r="L20652" t="s">
        <v>120</v>
      </c>
      <c r="M20652" t="s">
        <v>89</v>
      </c>
      <c r="N20652" t="s">
        <v>90</v>
      </c>
      <c r="O20652" t="s">
        <v>85</v>
      </c>
      <c r="P20652" t="s">
        <v>86</v>
      </c>
      <c r="Q20652">
        <v>21</v>
      </c>
      <c r="R20652">
        <v>21</v>
      </c>
      <c r="S20652">
        <v>22</v>
      </c>
      <c r="T20652">
        <v>22</v>
      </c>
      <c r="U20652">
        <v>23</v>
      </c>
      <c r="V20652">
        <v>23</v>
      </c>
      <c r="W20652">
        <v>24</v>
      </c>
      <c r="X20652">
        <v>24</v>
      </c>
      <c r="Y20652">
        <v>25</v>
      </c>
      <c r="Z20652">
        <v>25</v>
      </c>
      <c r="AA20652">
        <v>26</v>
      </c>
      <c r="AB20652">
        <v>26</v>
      </c>
      <c r="AC20652">
        <v>26</v>
      </c>
      <c r="AD20652">
        <v>27</v>
      </c>
      <c r="AE20652">
        <v>27</v>
      </c>
      <c r="AF20652">
        <v>27</v>
      </c>
      <c r="AG20652">
        <v>27</v>
      </c>
      <c r="AH20652">
        <v>27</v>
      </c>
      <c r="AI20652">
        <v>27</v>
      </c>
      <c r="AJ20652">
        <v>28</v>
      </c>
      <c r="AK20652">
        <v>28</v>
      </c>
      <c r="AL20652">
        <v>28</v>
      </c>
      <c r="AM20652">
        <v>28</v>
      </c>
      <c r="AN20652">
        <v>28</v>
      </c>
      <c r="AO20652">
        <v>28</v>
      </c>
      <c r="AP20652">
        <v>28</v>
      </c>
      <c r="AQ20652">
        <v>28</v>
      </c>
    </row>
    <row r="20653" spans="1:43">
      <c r="A20653" t="s">
        <v>12789</v>
      </c>
      <c r="B20653" t="s">
        <v>12790</v>
      </c>
      <c r="C20653" t="s">
        <v>12791</v>
      </c>
      <c r="D20653" t="s">
        <v>12792</v>
      </c>
      <c r="E20653" t="s">
        <v>12580</v>
      </c>
      <c r="F20653" t="s">
        <v>12581</v>
      </c>
      <c r="G20653" t="s">
        <v>12582</v>
      </c>
      <c r="H20653" t="s">
        <v>12581</v>
      </c>
      <c r="I20653" s="2">
        <v>1</v>
      </c>
      <c r="J20653" s="2">
        <v>0</v>
      </c>
      <c r="K20653" s="2">
        <v>0</v>
      </c>
      <c r="L20653" t="s">
        <v>120</v>
      </c>
      <c r="M20653" t="s">
        <v>83</v>
      </c>
      <c r="N20653" t="s">
        <v>91</v>
      </c>
      <c r="O20653" t="s">
        <v>85</v>
      </c>
      <c r="P20653" t="s">
        <v>86</v>
      </c>
      <c r="Q20653">
        <v>21</v>
      </c>
      <c r="R20653">
        <v>21</v>
      </c>
      <c r="S20653">
        <v>21</v>
      </c>
      <c r="T20653">
        <v>22</v>
      </c>
      <c r="U20653">
        <v>22</v>
      </c>
      <c r="V20653">
        <v>22</v>
      </c>
      <c r="W20653">
        <v>23</v>
      </c>
      <c r="X20653">
        <v>23</v>
      </c>
      <c r="Y20653">
        <v>23</v>
      </c>
      <c r="Z20653">
        <v>24</v>
      </c>
      <c r="AA20653">
        <v>24</v>
      </c>
      <c r="AB20653">
        <v>24</v>
      </c>
      <c r="AC20653">
        <v>25</v>
      </c>
      <c r="AD20653">
        <v>25</v>
      </c>
      <c r="AE20653">
        <v>25</v>
      </c>
      <c r="AF20653">
        <v>26</v>
      </c>
      <c r="AG20653">
        <v>26</v>
      </c>
      <c r="AH20653">
        <v>26</v>
      </c>
      <c r="AI20653">
        <v>27</v>
      </c>
      <c r="AJ20653">
        <v>27</v>
      </c>
      <c r="AK20653">
        <v>27</v>
      </c>
      <c r="AL20653">
        <v>28</v>
      </c>
      <c r="AM20653">
        <v>28</v>
      </c>
      <c r="AN20653">
        <v>28</v>
      </c>
      <c r="AO20653">
        <v>28</v>
      </c>
      <c r="AP20653">
        <v>28</v>
      </c>
      <c r="AQ20653">
        <v>28</v>
      </c>
    </row>
    <row r="20654" spans="1:43">
      <c r="A20654" t="s">
        <v>12793</v>
      </c>
      <c r="B20654" t="s">
        <v>12794</v>
      </c>
      <c r="C20654" t="s">
        <v>12791</v>
      </c>
      <c r="D20654" t="s">
        <v>12792</v>
      </c>
      <c r="E20654" t="s">
        <v>12580</v>
      </c>
      <c r="F20654" t="s">
        <v>12581</v>
      </c>
      <c r="G20654" t="s">
        <v>12582</v>
      </c>
      <c r="H20654" t="s">
        <v>12581</v>
      </c>
      <c r="I20654" s="2">
        <v>1</v>
      </c>
      <c r="J20654" s="2">
        <v>0</v>
      </c>
      <c r="K20654" s="2">
        <v>0</v>
      </c>
      <c r="L20654" t="s">
        <v>120</v>
      </c>
      <c r="M20654" t="s">
        <v>83</v>
      </c>
      <c r="N20654" t="s">
        <v>84</v>
      </c>
      <c r="O20654" t="s">
        <v>85</v>
      </c>
      <c r="P20654" t="s">
        <v>86</v>
      </c>
      <c r="Q20654">
        <v>130</v>
      </c>
      <c r="R20654">
        <v>132</v>
      </c>
      <c r="S20654">
        <v>134</v>
      </c>
      <c r="T20654">
        <v>136</v>
      </c>
      <c r="U20654">
        <v>138</v>
      </c>
      <c r="V20654">
        <v>140</v>
      </c>
      <c r="W20654">
        <v>142</v>
      </c>
      <c r="X20654">
        <v>144</v>
      </c>
      <c r="Y20654">
        <v>146</v>
      </c>
      <c r="Z20654">
        <v>149</v>
      </c>
      <c r="AA20654">
        <v>151</v>
      </c>
      <c r="AB20654">
        <v>153</v>
      </c>
      <c r="AC20654">
        <v>155</v>
      </c>
      <c r="AD20654">
        <v>157</v>
      </c>
      <c r="AE20654">
        <v>159</v>
      </c>
      <c r="AF20654">
        <v>161</v>
      </c>
      <c r="AG20654">
        <v>163</v>
      </c>
      <c r="AH20654">
        <v>166</v>
      </c>
      <c r="AI20654">
        <v>168</v>
      </c>
      <c r="AJ20654">
        <v>170</v>
      </c>
      <c r="AK20654">
        <v>172</v>
      </c>
      <c r="AL20654">
        <v>173</v>
      </c>
      <c r="AM20654">
        <v>174</v>
      </c>
      <c r="AN20654">
        <v>175</v>
      </c>
      <c r="AO20654">
        <v>175</v>
      </c>
      <c r="AP20654">
        <v>176</v>
      </c>
      <c r="AQ20654">
        <v>177</v>
      </c>
    </row>
    <row r="20655" spans="1:43">
      <c r="A20655" t="s">
        <v>12793</v>
      </c>
      <c r="B20655" t="s">
        <v>12794</v>
      </c>
      <c r="C20655" t="s">
        <v>12791</v>
      </c>
      <c r="D20655" t="s">
        <v>12792</v>
      </c>
      <c r="E20655" t="s">
        <v>12580</v>
      </c>
      <c r="F20655" t="s">
        <v>12581</v>
      </c>
      <c r="G20655" t="s">
        <v>12582</v>
      </c>
      <c r="H20655" t="s">
        <v>12581</v>
      </c>
      <c r="I20655" s="2">
        <v>1</v>
      </c>
      <c r="J20655" s="2">
        <v>0</v>
      </c>
      <c r="K20655" s="2">
        <v>0</v>
      </c>
      <c r="L20655" t="s">
        <v>120</v>
      </c>
      <c r="M20655" t="s">
        <v>87</v>
      </c>
      <c r="N20655" t="s">
        <v>88</v>
      </c>
      <c r="O20655" t="s">
        <v>85</v>
      </c>
      <c r="P20655" t="s">
        <v>86</v>
      </c>
      <c r="Q20655">
        <v>130</v>
      </c>
      <c r="R20655">
        <v>131</v>
      </c>
      <c r="S20655">
        <v>132</v>
      </c>
      <c r="T20655">
        <v>133</v>
      </c>
      <c r="U20655">
        <v>134</v>
      </c>
      <c r="V20655">
        <v>135</v>
      </c>
      <c r="W20655">
        <v>136</v>
      </c>
      <c r="X20655">
        <v>137</v>
      </c>
      <c r="Y20655">
        <v>138</v>
      </c>
      <c r="Z20655">
        <v>138</v>
      </c>
      <c r="AA20655">
        <v>139</v>
      </c>
      <c r="AB20655">
        <v>140</v>
      </c>
      <c r="AC20655">
        <v>141</v>
      </c>
      <c r="AD20655">
        <v>142</v>
      </c>
      <c r="AE20655">
        <v>143</v>
      </c>
      <c r="AF20655">
        <v>144</v>
      </c>
      <c r="AG20655">
        <v>145</v>
      </c>
      <c r="AH20655">
        <v>146</v>
      </c>
      <c r="AI20655">
        <v>147</v>
      </c>
      <c r="AJ20655">
        <v>148</v>
      </c>
      <c r="AK20655">
        <v>149</v>
      </c>
      <c r="AL20655">
        <v>151</v>
      </c>
      <c r="AM20655">
        <v>152</v>
      </c>
      <c r="AN20655">
        <v>153</v>
      </c>
      <c r="AO20655">
        <v>154</v>
      </c>
      <c r="AP20655">
        <v>155</v>
      </c>
      <c r="AQ20655">
        <v>156</v>
      </c>
    </row>
    <row r="20656" spans="1:43">
      <c r="A20656" t="s">
        <v>12793</v>
      </c>
      <c r="B20656" t="s">
        <v>12794</v>
      </c>
      <c r="C20656" t="s">
        <v>12791</v>
      </c>
      <c r="D20656" t="s">
        <v>12792</v>
      </c>
      <c r="E20656" t="s">
        <v>12580</v>
      </c>
      <c r="F20656" t="s">
        <v>12581</v>
      </c>
      <c r="G20656" t="s">
        <v>12582</v>
      </c>
      <c r="H20656" t="s">
        <v>12581</v>
      </c>
      <c r="I20656" s="2">
        <v>1</v>
      </c>
      <c r="J20656" s="2">
        <v>0</v>
      </c>
      <c r="K20656" s="2">
        <v>0</v>
      </c>
      <c r="L20656" t="s">
        <v>120</v>
      </c>
      <c r="M20656" t="s">
        <v>89</v>
      </c>
      <c r="N20656" t="s">
        <v>90</v>
      </c>
      <c r="O20656" t="s">
        <v>85</v>
      </c>
      <c r="P20656" t="s">
        <v>86</v>
      </c>
      <c r="Q20656">
        <v>130</v>
      </c>
      <c r="R20656">
        <v>133</v>
      </c>
      <c r="S20656">
        <v>136</v>
      </c>
      <c r="T20656">
        <v>139</v>
      </c>
      <c r="U20656">
        <v>142</v>
      </c>
      <c r="V20656">
        <v>145</v>
      </c>
      <c r="W20656">
        <v>148</v>
      </c>
      <c r="X20656">
        <v>151</v>
      </c>
      <c r="Y20656">
        <v>154</v>
      </c>
      <c r="Z20656">
        <v>157</v>
      </c>
      <c r="AA20656">
        <v>159</v>
      </c>
      <c r="AB20656">
        <v>162</v>
      </c>
      <c r="AC20656">
        <v>165</v>
      </c>
      <c r="AD20656">
        <v>167</v>
      </c>
      <c r="AE20656">
        <v>169</v>
      </c>
      <c r="AF20656">
        <v>170</v>
      </c>
      <c r="AG20656">
        <v>171</v>
      </c>
      <c r="AH20656">
        <v>171</v>
      </c>
      <c r="AI20656">
        <v>172</v>
      </c>
      <c r="AJ20656">
        <v>173</v>
      </c>
      <c r="AK20656">
        <v>173</v>
      </c>
      <c r="AL20656">
        <v>174</v>
      </c>
      <c r="AM20656">
        <v>175</v>
      </c>
      <c r="AN20656">
        <v>175</v>
      </c>
      <c r="AO20656">
        <v>176</v>
      </c>
      <c r="AP20656">
        <v>177</v>
      </c>
      <c r="AQ20656">
        <v>177</v>
      </c>
    </row>
    <row r="20657" spans="1:43">
      <c r="A20657" t="s">
        <v>12793</v>
      </c>
      <c r="B20657" t="s">
        <v>12794</v>
      </c>
      <c r="C20657" t="s">
        <v>12791</v>
      </c>
      <c r="D20657" t="s">
        <v>12792</v>
      </c>
      <c r="E20657" t="s">
        <v>12580</v>
      </c>
      <c r="F20657" t="s">
        <v>12581</v>
      </c>
      <c r="G20657" t="s">
        <v>12582</v>
      </c>
      <c r="H20657" t="s">
        <v>12581</v>
      </c>
      <c r="I20657" s="2">
        <v>1</v>
      </c>
      <c r="J20657" s="2">
        <v>0</v>
      </c>
      <c r="K20657" s="2">
        <v>0</v>
      </c>
      <c r="L20657" t="s">
        <v>120</v>
      </c>
      <c r="M20657" t="s">
        <v>83</v>
      </c>
      <c r="N20657" t="s">
        <v>91</v>
      </c>
      <c r="O20657" t="s">
        <v>85</v>
      </c>
      <c r="P20657" t="s">
        <v>86</v>
      </c>
      <c r="Q20657">
        <v>130</v>
      </c>
      <c r="R20657">
        <v>132</v>
      </c>
      <c r="S20657">
        <v>134</v>
      </c>
      <c r="T20657">
        <v>136</v>
      </c>
      <c r="U20657">
        <v>138</v>
      </c>
      <c r="V20657">
        <v>140</v>
      </c>
      <c r="W20657">
        <v>142</v>
      </c>
      <c r="X20657">
        <v>144</v>
      </c>
      <c r="Y20657">
        <v>146</v>
      </c>
      <c r="Z20657">
        <v>149</v>
      </c>
      <c r="AA20657">
        <v>151</v>
      </c>
      <c r="AB20657">
        <v>153</v>
      </c>
      <c r="AC20657">
        <v>155</v>
      </c>
      <c r="AD20657">
        <v>157</v>
      </c>
      <c r="AE20657">
        <v>159</v>
      </c>
      <c r="AF20657">
        <v>161</v>
      </c>
      <c r="AG20657">
        <v>163</v>
      </c>
      <c r="AH20657">
        <v>166</v>
      </c>
      <c r="AI20657">
        <v>168</v>
      </c>
      <c r="AJ20657">
        <v>170</v>
      </c>
      <c r="AK20657">
        <v>172</v>
      </c>
      <c r="AL20657">
        <v>173</v>
      </c>
      <c r="AM20657">
        <v>174</v>
      </c>
      <c r="AN20657">
        <v>175</v>
      </c>
      <c r="AO20657">
        <v>175</v>
      </c>
      <c r="AP20657">
        <v>176</v>
      </c>
      <c r="AQ20657">
        <v>177</v>
      </c>
    </row>
    <row r="20658" spans="1:43">
      <c r="A20658" t="s">
        <v>12795</v>
      </c>
      <c r="B20658" t="s">
        <v>12796</v>
      </c>
      <c r="C20658" t="s">
        <v>12791</v>
      </c>
      <c r="D20658" t="s">
        <v>12792</v>
      </c>
      <c r="E20658" t="s">
        <v>12580</v>
      </c>
      <c r="F20658" t="s">
        <v>12581</v>
      </c>
      <c r="G20658" t="s">
        <v>12582</v>
      </c>
      <c r="H20658" t="s">
        <v>12581</v>
      </c>
      <c r="I20658" s="2">
        <v>1</v>
      </c>
      <c r="J20658" s="2">
        <v>0</v>
      </c>
      <c r="K20658" s="2">
        <v>0</v>
      </c>
      <c r="L20658" t="s">
        <v>120</v>
      </c>
      <c r="M20658" t="s">
        <v>83</v>
      </c>
      <c r="N20658" t="s">
        <v>84</v>
      </c>
      <c r="O20658" t="s">
        <v>85</v>
      </c>
      <c r="P20658" t="s">
        <v>86</v>
      </c>
      <c r="Q20658">
        <v>31</v>
      </c>
      <c r="R20658">
        <v>31</v>
      </c>
      <c r="S20658">
        <v>32</v>
      </c>
      <c r="T20658">
        <v>32</v>
      </c>
      <c r="U20658">
        <v>33</v>
      </c>
      <c r="V20658">
        <v>33</v>
      </c>
      <c r="W20658">
        <v>34</v>
      </c>
      <c r="X20658">
        <v>34</v>
      </c>
      <c r="Y20658">
        <v>35</v>
      </c>
      <c r="Z20658">
        <v>35</v>
      </c>
      <c r="AA20658">
        <v>36</v>
      </c>
      <c r="AB20658">
        <v>36</v>
      </c>
      <c r="AC20658">
        <v>37</v>
      </c>
      <c r="AD20658">
        <v>37</v>
      </c>
      <c r="AE20658">
        <v>38</v>
      </c>
      <c r="AF20658">
        <v>38</v>
      </c>
      <c r="AG20658">
        <v>39</v>
      </c>
      <c r="AH20658">
        <v>39</v>
      </c>
      <c r="AI20658">
        <v>40</v>
      </c>
      <c r="AJ20658">
        <v>40</v>
      </c>
      <c r="AK20658">
        <v>41</v>
      </c>
      <c r="AL20658">
        <v>41</v>
      </c>
      <c r="AM20658">
        <v>41</v>
      </c>
      <c r="AN20658">
        <v>41</v>
      </c>
      <c r="AO20658">
        <v>41</v>
      </c>
      <c r="AP20658">
        <v>41</v>
      </c>
      <c r="AQ20658">
        <v>42</v>
      </c>
    </row>
    <row r="20659" spans="1:43">
      <c r="A20659" t="s">
        <v>12795</v>
      </c>
      <c r="B20659" t="s">
        <v>12796</v>
      </c>
      <c r="C20659" t="s">
        <v>12791</v>
      </c>
      <c r="D20659" t="s">
        <v>12792</v>
      </c>
      <c r="E20659" t="s">
        <v>12580</v>
      </c>
      <c r="F20659" t="s">
        <v>12581</v>
      </c>
      <c r="G20659" t="s">
        <v>12582</v>
      </c>
      <c r="H20659" t="s">
        <v>12581</v>
      </c>
      <c r="I20659" s="2">
        <v>1</v>
      </c>
      <c r="J20659" s="2">
        <v>0</v>
      </c>
      <c r="K20659" s="2">
        <v>0</v>
      </c>
      <c r="L20659" t="s">
        <v>120</v>
      </c>
      <c r="M20659" t="s">
        <v>87</v>
      </c>
      <c r="N20659" t="s">
        <v>88</v>
      </c>
      <c r="O20659" t="s">
        <v>85</v>
      </c>
      <c r="P20659" t="s">
        <v>86</v>
      </c>
      <c r="Q20659">
        <v>31</v>
      </c>
      <c r="R20659">
        <v>32</v>
      </c>
      <c r="S20659">
        <v>32</v>
      </c>
      <c r="T20659">
        <v>32</v>
      </c>
      <c r="U20659">
        <v>32</v>
      </c>
      <c r="V20659">
        <v>32</v>
      </c>
      <c r="W20659">
        <v>33</v>
      </c>
      <c r="X20659">
        <v>33</v>
      </c>
      <c r="Y20659">
        <v>33</v>
      </c>
      <c r="Z20659">
        <v>33</v>
      </c>
      <c r="AA20659">
        <v>33</v>
      </c>
      <c r="AB20659">
        <v>34</v>
      </c>
      <c r="AC20659">
        <v>34</v>
      </c>
      <c r="AD20659">
        <v>34</v>
      </c>
      <c r="AE20659">
        <v>34</v>
      </c>
      <c r="AF20659">
        <v>35</v>
      </c>
      <c r="AG20659">
        <v>35</v>
      </c>
      <c r="AH20659">
        <v>35</v>
      </c>
      <c r="AI20659">
        <v>35</v>
      </c>
      <c r="AJ20659">
        <v>35</v>
      </c>
      <c r="AK20659">
        <v>36</v>
      </c>
      <c r="AL20659">
        <v>36</v>
      </c>
      <c r="AM20659">
        <v>36</v>
      </c>
      <c r="AN20659">
        <v>36</v>
      </c>
      <c r="AO20659">
        <v>37</v>
      </c>
      <c r="AP20659">
        <v>37</v>
      </c>
      <c r="AQ20659">
        <v>37</v>
      </c>
    </row>
    <row r="20660" spans="1:43">
      <c r="A20660" t="s">
        <v>12795</v>
      </c>
      <c r="B20660" t="s">
        <v>12796</v>
      </c>
      <c r="C20660" t="s">
        <v>12791</v>
      </c>
      <c r="D20660" t="s">
        <v>12792</v>
      </c>
      <c r="E20660" t="s">
        <v>12580</v>
      </c>
      <c r="F20660" t="s">
        <v>12581</v>
      </c>
      <c r="G20660" t="s">
        <v>12582</v>
      </c>
      <c r="H20660" t="s">
        <v>12581</v>
      </c>
      <c r="I20660" s="2">
        <v>1</v>
      </c>
      <c r="J20660" s="2">
        <v>0</v>
      </c>
      <c r="K20660" s="2">
        <v>0</v>
      </c>
      <c r="L20660" t="s">
        <v>120</v>
      </c>
      <c r="M20660" t="s">
        <v>89</v>
      </c>
      <c r="N20660" t="s">
        <v>90</v>
      </c>
      <c r="O20660" t="s">
        <v>85</v>
      </c>
      <c r="P20660" t="s">
        <v>86</v>
      </c>
      <c r="Q20660">
        <v>31</v>
      </c>
      <c r="R20660">
        <v>32</v>
      </c>
      <c r="S20660">
        <v>32</v>
      </c>
      <c r="T20660">
        <v>33</v>
      </c>
      <c r="U20660">
        <v>34</v>
      </c>
      <c r="V20660">
        <v>35</v>
      </c>
      <c r="W20660">
        <v>35</v>
      </c>
      <c r="X20660">
        <v>36</v>
      </c>
      <c r="Y20660">
        <v>37</v>
      </c>
      <c r="Z20660">
        <v>37</v>
      </c>
      <c r="AA20660">
        <v>38</v>
      </c>
      <c r="AB20660">
        <v>38</v>
      </c>
      <c r="AC20660">
        <v>39</v>
      </c>
      <c r="AD20660">
        <v>40</v>
      </c>
      <c r="AE20660">
        <v>40</v>
      </c>
      <c r="AF20660">
        <v>40</v>
      </c>
      <c r="AG20660">
        <v>40</v>
      </c>
      <c r="AH20660">
        <v>41</v>
      </c>
      <c r="AI20660">
        <v>41</v>
      </c>
      <c r="AJ20660">
        <v>41</v>
      </c>
      <c r="AK20660">
        <v>41</v>
      </c>
      <c r="AL20660">
        <v>41</v>
      </c>
      <c r="AM20660">
        <v>41</v>
      </c>
      <c r="AN20660">
        <v>41</v>
      </c>
      <c r="AO20660">
        <v>42</v>
      </c>
      <c r="AP20660">
        <v>42</v>
      </c>
      <c r="AQ20660">
        <v>42</v>
      </c>
    </row>
    <row r="20661" spans="1:43">
      <c r="A20661" t="s">
        <v>12795</v>
      </c>
      <c r="B20661" t="s">
        <v>12796</v>
      </c>
      <c r="C20661" t="s">
        <v>12791</v>
      </c>
      <c r="D20661" t="s">
        <v>12792</v>
      </c>
      <c r="E20661" t="s">
        <v>12580</v>
      </c>
      <c r="F20661" t="s">
        <v>12581</v>
      </c>
      <c r="G20661" t="s">
        <v>12582</v>
      </c>
      <c r="H20661" t="s">
        <v>12581</v>
      </c>
      <c r="I20661" s="2">
        <v>1</v>
      </c>
      <c r="J20661" s="2">
        <v>0</v>
      </c>
      <c r="K20661" s="2">
        <v>0</v>
      </c>
      <c r="L20661" t="s">
        <v>120</v>
      </c>
      <c r="M20661" t="s">
        <v>83</v>
      </c>
      <c r="N20661" t="s">
        <v>91</v>
      </c>
      <c r="O20661" t="s">
        <v>85</v>
      </c>
      <c r="P20661" t="s">
        <v>86</v>
      </c>
      <c r="Q20661">
        <v>31</v>
      </c>
      <c r="R20661">
        <v>31</v>
      </c>
      <c r="S20661">
        <v>32</v>
      </c>
      <c r="T20661">
        <v>32</v>
      </c>
      <c r="U20661">
        <v>33</v>
      </c>
      <c r="V20661">
        <v>33</v>
      </c>
      <c r="W20661">
        <v>34</v>
      </c>
      <c r="X20661">
        <v>34</v>
      </c>
      <c r="Y20661">
        <v>35</v>
      </c>
      <c r="Z20661">
        <v>35</v>
      </c>
      <c r="AA20661">
        <v>36</v>
      </c>
      <c r="AB20661">
        <v>36</v>
      </c>
      <c r="AC20661">
        <v>37</v>
      </c>
      <c r="AD20661">
        <v>37</v>
      </c>
      <c r="AE20661">
        <v>38</v>
      </c>
      <c r="AF20661">
        <v>38</v>
      </c>
      <c r="AG20661">
        <v>39</v>
      </c>
      <c r="AH20661">
        <v>39</v>
      </c>
      <c r="AI20661">
        <v>40</v>
      </c>
      <c r="AJ20661">
        <v>40</v>
      </c>
      <c r="AK20661">
        <v>41</v>
      </c>
      <c r="AL20661">
        <v>41</v>
      </c>
      <c r="AM20661">
        <v>41</v>
      </c>
      <c r="AN20661">
        <v>41</v>
      </c>
      <c r="AO20661">
        <v>41</v>
      </c>
      <c r="AP20661">
        <v>41</v>
      </c>
      <c r="AQ20661">
        <v>42</v>
      </c>
    </row>
    <row r="20662" spans="1:43">
      <c r="A20662" t="s">
        <v>12797</v>
      </c>
      <c r="B20662" t="s">
        <v>12798</v>
      </c>
      <c r="C20662" t="s">
        <v>12785</v>
      </c>
      <c r="D20662" t="s">
        <v>12786</v>
      </c>
      <c r="E20662" t="s">
        <v>12580</v>
      </c>
      <c r="F20662" t="s">
        <v>12581</v>
      </c>
      <c r="G20662" t="s">
        <v>12582</v>
      </c>
      <c r="H20662" t="s">
        <v>12581</v>
      </c>
      <c r="I20662" s="2">
        <v>1</v>
      </c>
      <c r="J20662" s="2">
        <v>0</v>
      </c>
      <c r="K20662" s="2">
        <v>0</v>
      </c>
      <c r="L20662" t="s">
        <v>120</v>
      </c>
      <c r="M20662" t="s">
        <v>83</v>
      </c>
      <c r="N20662" t="s">
        <v>84</v>
      </c>
      <c r="O20662" t="s">
        <v>85</v>
      </c>
      <c r="P20662" t="s">
        <v>86</v>
      </c>
      <c r="Q20662">
        <v>60</v>
      </c>
      <c r="R20662">
        <v>61</v>
      </c>
      <c r="S20662">
        <v>62</v>
      </c>
      <c r="T20662">
        <v>63</v>
      </c>
      <c r="U20662">
        <v>64</v>
      </c>
      <c r="V20662">
        <v>65</v>
      </c>
      <c r="W20662">
        <v>66</v>
      </c>
      <c r="X20662">
        <v>67</v>
      </c>
      <c r="Y20662">
        <v>67</v>
      </c>
      <c r="Z20662">
        <v>68</v>
      </c>
      <c r="AA20662">
        <v>69</v>
      </c>
      <c r="AB20662">
        <v>70</v>
      </c>
      <c r="AC20662">
        <v>71</v>
      </c>
      <c r="AD20662">
        <v>72</v>
      </c>
      <c r="AE20662">
        <v>73</v>
      </c>
      <c r="AF20662">
        <v>74</v>
      </c>
      <c r="AG20662">
        <v>75</v>
      </c>
      <c r="AH20662">
        <v>76</v>
      </c>
      <c r="AI20662">
        <v>77</v>
      </c>
      <c r="AJ20662">
        <v>78</v>
      </c>
      <c r="AK20662">
        <v>79</v>
      </c>
      <c r="AL20662">
        <v>80</v>
      </c>
      <c r="AM20662">
        <v>80</v>
      </c>
      <c r="AN20662">
        <v>80</v>
      </c>
      <c r="AO20662">
        <v>81</v>
      </c>
      <c r="AP20662">
        <v>81</v>
      </c>
      <c r="AQ20662">
        <v>81</v>
      </c>
    </row>
    <row r="20663" spans="1:43">
      <c r="A20663" t="s">
        <v>12797</v>
      </c>
      <c r="B20663" t="s">
        <v>12798</v>
      </c>
      <c r="C20663" t="s">
        <v>12785</v>
      </c>
      <c r="D20663" t="s">
        <v>12786</v>
      </c>
      <c r="E20663" t="s">
        <v>12580</v>
      </c>
      <c r="F20663" t="s">
        <v>12581</v>
      </c>
      <c r="G20663" t="s">
        <v>12582</v>
      </c>
      <c r="H20663" t="s">
        <v>12581</v>
      </c>
      <c r="I20663" s="2">
        <v>1</v>
      </c>
      <c r="J20663" s="2">
        <v>0</v>
      </c>
      <c r="K20663" s="2">
        <v>0</v>
      </c>
      <c r="L20663" t="s">
        <v>120</v>
      </c>
      <c r="M20663" t="s">
        <v>87</v>
      </c>
      <c r="N20663" t="s">
        <v>88</v>
      </c>
      <c r="O20663" t="s">
        <v>85</v>
      </c>
      <c r="P20663" t="s">
        <v>86</v>
      </c>
      <c r="Q20663">
        <v>60</v>
      </c>
      <c r="R20663">
        <v>61</v>
      </c>
      <c r="S20663">
        <v>61</v>
      </c>
      <c r="T20663">
        <v>61</v>
      </c>
      <c r="U20663">
        <v>62</v>
      </c>
      <c r="V20663">
        <v>62</v>
      </c>
      <c r="W20663">
        <v>63</v>
      </c>
      <c r="X20663">
        <v>63</v>
      </c>
      <c r="Y20663">
        <v>63</v>
      </c>
      <c r="Z20663">
        <v>64</v>
      </c>
      <c r="AA20663">
        <v>64</v>
      </c>
      <c r="AB20663">
        <v>65</v>
      </c>
      <c r="AC20663">
        <v>65</v>
      </c>
      <c r="AD20663">
        <v>66</v>
      </c>
      <c r="AE20663">
        <v>66</v>
      </c>
      <c r="AF20663">
        <v>66</v>
      </c>
      <c r="AG20663">
        <v>67</v>
      </c>
      <c r="AH20663">
        <v>67</v>
      </c>
      <c r="AI20663">
        <v>68</v>
      </c>
      <c r="AJ20663">
        <v>68</v>
      </c>
      <c r="AK20663">
        <v>69</v>
      </c>
      <c r="AL20663">
        <v>69</v>
      </c>
      <c r="AM20663">
        <v>70</v>
      </c>
      <c r="AN20663">
        <v>70</v>
      </c>
      <c r="AO20663">
        <v>71</v>
      </c>
      <c r="AP20663">
        <v>71</v>
      </c>
      <c r="AQ20663">
        <v>72</v>
      </c>
    </row>
    <row r="20664" spans="1:43">
      <c r="A20664" t="s">
        <v>12797</v>
      </c>
      <c r="B20664" t="s">
        <v>12798</v>
      </c>
      <c r="C20664" t="s">
        <v>12785</v>
      </c>
      <c r="D20664" t="s">
        <v>12786</v>
      </c>
      <c r="E20664" t="s">
        <v>12580</v>
      </c>
      <c r="F20664" t="s">
        <v>12581</v>
      </c>
      <c r="G20664" t="s">
        <v>12582</v>
      </c>
      <c r="H20664" t="s">
        <v>12581</v>
      </c>
      <c r="I20664" s="2">
        <v>1</v>
      </c>
      <c r="J20664" s="2">
        <v>0</v>
      </c>
      <c r="K20664" s="2">
        <v>0</v>
      </c>
      <c r="L20664" t="s">
        <v>120</v>
      </c>
      <c r="M20664" t="s">
        <v>89</v>
      </c>
      <c r="N20664" t="s">
        <v>90</v>
      </c>
      <c r="O20664" t="s">
        <v>85</v>
      </c>
      <c r="P20664" t="s">
        <v>86</v>
      </c>
      <c r="Q20664">
        <v>60</v>
      </c>
      <c r="R20664">
        <v>62</v>
      </c>
      <c r="S20664">
        <v>63</v>
      </c>
      <c r="T20664">
        <v>65</v>
      </c>
      <c r="U20664">
        <v>66</v>
      </c>
      <c r="V20664">
        <v>67</v>
      </c>
      <c r="W20664">
        <v>69</v>
      </c>
      <c r="X20664">
        <v>70</v>
      </c>
      <c r="Y20664">
        <v>71</v>
      </c>
      <c r="Z20664">
        <v>73</v>
      </c>
      <c r="AA20664">
        <v>74</v>
      </c>
      <c r="AB20664">
        <v>75</v>
      </c>
      <c r="AC20664">
        <v>76</v>
      </c>
      <c r="AD20664">
        <v>78</v>
      </c>
      <c r="AE20664">
        <v>78</v>
      </c>
      <c r="AF20664">
        <v>79</v>
      </c>
      <c r="AG20664">
        <v>79</v>
      </c>
      <c r="AH20664">
        <v>79</v>
      </c>
      <c r="AI20664">
        <v>80</v>
      </c>
      <c r="AJ20664">
        <v>80</v>
      </c>
      <c r="AK20664">
        <v>80</v>
      </c>
      <c r="AL20664">
        <v>80</v>
      </c>
      <c r="AM20664">
        <v>81</v>
      </c>
      <c r="AN20664">
        <v>81</v>
      </c>
      <c r="AO20664">
        <v>81</v>
      </c>
      <c r="AP20664">
        <v>82</v>
      </c>
      <c r="AQ20664">
        <v>82</v>
      </c>
    </row>
    <row r="20665" spans="1:43">
      <c r="A20665" t="s">
        <v>12797</v>
      </c>
      <c r="B20665" t="s">
        <v>12798</v>
      </c>
      <c r="C20665" t="s">
        <v>12785</v>
      </c>
      <c r="D20665" t="s">
        <v>12786</v>
      </c>
      <c r="E20665" t="s">
        <v>12580</v>
      </c>
      <c r="F20665" t="s">
        <v>12581</v>
      </c>
      <c r="G20665" t="s">
        <v>12582</v>
      </c>
      <c r="H20665" t="s">
        <v>12581</v>
      </c>
      <c r="I20665" s="2">
        <v>1</v>
      </c>
      <c r="J20665" s="2">
        <v>0</v>
      </c>
      <c r="K20665" s="2">
        <v>0</v>
      </c>
      <c r="L20665" t="s">
        <v>120</v>
      </c>
      <c r="M20665" t="s">
        <v>83</v>
      </c>
      <c r="N20665" t="s">
        <v>91</v>
      </c>
      <c r="O20665" t="s">
        <v>85</v>
      </c>
      <c r="P20665" t="s">
        <v>86</v>
      </c>
      <c r="Q20665">
        <v>60</v>
      </c>
      <c r="R20665">
        <v>61</v>
      </c>
      <c r="S20665">
        <v>62</v>
      </c>
      <c r="T20665">
        <v>63</v>
      </c>
      <c r="U20665">
        <v>64</v>
      </c>
      <c r="V20665">
        <v>65</v>
      </c>
      <c r="W20665">
        <v>66</v>
      </c>
      <c r="X20665">
        <v>67</v>
      </c>
      <c r="Y20665">
        <v>67</v>
      </c>
      <c r="Z20665">
        <v>68</v>
      </c>
      <c r="AA20665">
        <v>69</v>
      </c>
      <c r="AB20665">
        <v>70</v>
      </c>
      <c r="AC20665">
        <v>71</v>
      </c>
      <c r="AD20665">
        <v>72</v>
      </c>
      <c r="AE20665">
        <v>73</v>
      </c>
      <c r="AF20665">
        <v>74</v>
      </c>
      <c r="AG20665">
        <v>75</v>
      </c>
      <c r="AH20665">
        <v>76</v>
      </c>
      <c r="AI20665">
        <v>77</v>
      </c>
      <c r="AJ20665">
        <v>78</v>
      </c>
      <c r="AK20665">
        <v>79</v>
      </c>
      <c r="AL20665">
        <v>80</v>
      </c>
      <c r="AM20665">
        <v>80</v>
      </c>
      <c r="AN20665">
        <v>80</v>
      </c>
      <c r="AO20665">
        <v>81</v>
      </c>
      <c r="AP20665">
        <v>81</v>
      </c>
      <c r="AQ20665">
        <v>81</v>
      </c>
    </row>
    <row r="20666" spans="1:43">
      <c r="A20666" t="s">
        <v>12799</v>
      </c>
      <c r="B20666" t="s">
        <v>12800</v>
      </c>
      <c r="C20666" t="s">
        <v>12785</v>
      </c>
      <c r="D20666" t="s">
        <v>12786</v>
      </c>
      <c r="E20666" t="s">
        <v>12580</v>
      </c>
      <c r="F20666" t="s">
        <v>12581</v>
      </c>
      <c r="G20666" t="s">
        <v>12582</v>
      </c>
      <c r="H20666" t="s">
        <v>12581</v>
      </c>
      <c r="I20666" s="2">
        <v>1</v>
      </c>
      <c r="J20666" s="2">
        <v>0</v>
      </c>
      <c r="K20666" s="2">
        <v>0</v>
      </c>
      <c r="L20666" t="s">
        <v>120</v>
      </c>
      <c r="M20666" t="s">
        <v>83</v>
      </c>
      <c r="N20666" t="s">
        <v>84</v>
      </c>
      <c r="O20666" t="s">
        <v>85</v>
      </c>
      <c r="P20666" t="s">
        <v>86</v>
      </c>
      <c r="Q20666">
        <v>36</v>
      </c>
      <c r="R20666">
        <v>37</v>
      </c>
      <c r="S20666">
        <v>37</v>
      </c>
      <c r="T20666">
        <v>38</v>
      </c>
      <c r="U20666">
        <v>38</v>
      </c>
      <c r="V20666">
        <v>39</v>
      </c>
      <c r="W20666">
        <v>39</v>
      </c>
      <c r="X20666">
        <v>40</v>
      </c>
      <c r="Y20666">
        <v>41</v>
      </c>
      <c r="Z20666">
        <v>41</v>
      </c>
      <c r="AA20666">
        <v>42</v>
      </c>
      <c r="AB20666">
        <v>42</v>
      </c>
      <c r="AC20666">
        <v>43</v>
      </c>
      <c r="AD20666">
        <v>44</v>
      </c>
      <c r="AE20666">
        <v>44</v>
      </c>
      <c r="AF20666">
        <v>45</v>
      </c>
      <c r="AG20666">
        <v>45</v>
      </c>
      <c r="AH20666">
        <v>46</v>
      </c>
      <c r="AI20666">
        <v>47</v>
      </c>
      <c r="AJ20666">
        <v>47</v>
      </c>
      <c r="AK20666">
        <v>48</v>
      </c>
      <c r="AL20666">
        <v>48</v>
      </c>
      <c r="AM20666">
        <v>48</v>
      </c>
      <c r="AN20666">
        <v>48</v>
      </c>
      <c r="AO20666">
        <v>49</v>
      </c>
      <c r="AP20666">
        <v>49</v>
      </c>
      <c r="AQ20666">
        <v>49</v>
      </c>
    </row>
    <row r="20667" spans="1:43">
      <c r="A20667" t="s">
        <v>12799</v>
      </c>
      <c r="B20667" t="s">
        <v>12800</v>
      </c>
      <c r="C20667" t="s">
        <v>12785</v>
      </c>
      <c r="D20667" t="s">
        <v>12786</v>
      </c>
      <c r="E20667" t="s">
        <v>12580</v>
      </c>
      <c r="F20667" t="s">
        <v>12581</v>
      </c>
      <c r="G20667" t="s">
        <v>12582</v>
      </c>
      <c r="H20667" t="s">
        <v>12581</v>
      </c>
      <c r="I20667" s="2">
        <v>1</v>
      </c>
      <c r="J20667" s="2">
        <v>0</v>
      </c>
      <c r="K20667" s="2">
        <v>0</v>
      </c>
      <c r="L20667" t="s">
        <v>120</v>
      </c>
      <c r="M20667" t="s">
        <v>87</v>
      </c>
      <c r="N20667" t="s">
        <v>88</v>
      </c>
      <c r="O20667" t="s">
        <v>85</v>
      </c>
      <c r="P20667" t="s">
        <v>86</v>
      </c>
      <c r="Q20667">
        <v>36</v>
      </c>
      <c r="R20667">
        <v>36</v>
      </c>
      <c r="S20667">
        <v>36</v>
      </c>
      <c r="T20667">
        <v>36</v>
      </c>
      <c r="U20667">
        <v>37</v>
      </c>
      <c r="V20667">
        <v>37</v>
      </c>
      <c r="W20667">
        <v>37</v>
      </c>
      <c r="X20667">
        <v>37</v>
      </c>
      <c r="Y20667">
        <v>38</v>
      </c>
      <c r="Z20667">
        <v>38</v>
      </c>
      <c r="AA20667">
        <v>38</v>
      </c>
      <c r="AB20667">
        <v>38</v>
      </c>
      <c r="AC20667">
        <v>39</v>
      </c>
      <c r="AD20667">
        <v>39</v>
      </c>
      <c r="AE20667">
        <v>39</v>
      </c>
      <c r="AF20667">
        <v>39</v>
      </c>
      <c r="AG20667">
        <v>40</v>
      </c>
      <c r="AH20667">
        <v>40</v>
      </c>
      <c r="AI20667">
        <v>40</v>
      </c>
      <c r="AJ20667">
        <v>41</v>
      </c>
      <c r="AK20667">
        <v>41</v>
      </c>
      <c r="AL20667">
        <v>41</v>
      </c>
      <c r="AM20667">
        <v>41</v>
      </c>
      <c r="AN20667">
        <v>42</v>
      </c>
      <c r="AO20667">
        <v>42</v>
      </c>
      <c r="AP20667">
        <v>42</v>
      </c>
      <c r="AQ20667">
        <v>43</v>
      </c>
    </row>
    <row r="20668" spans="1:43">
      <c r="A20668" t="s">
        <v>12799</v>
      </c>
      <c r="B20668" t="s">
        <v>12800</v>
      </c>
      <c r="C20668" t="s">
        <v>12785</v>
      </c>
      <c r="D20668" t="s">
        <v>12786</v>
      </c>
      <c r="E20668" t="s">
        <v>12580</v>
      </c>
      <c r="F20668" t="s">
        <v>12581</v>
      </c>
      <c r="G20668" t="s">
        <v>12582</v>
      </c>
      <c r="H20668" t="s">
        <v>12581</v>
      </c>
      <c r="I20668" s="2">
        <v>1</v>
      </c>
      <c r="J20668" s="2">
        <v>0</v>
      </c>
      <c r="K20668" s="2">
        <v>0</v>
      </c>
      <c r="L20668" t="s">
        <v>120</v>
      </c>
      <c r="M20668" t="s">
        <v>89</v>
      </c>
      <c r="N20668" t="s">
        <v>90</v>
      </c>
      <c r="O20668" t="s">
        <v>85</v>
      </c>
      <c r="P20668" t="s">
        <v>86</v>
      </c>
      <c r="Q20668">
        <v>36</v>
      </c>
      <c r="R20668">
        <v>37</v>
      </c>
      <c r="S20668">
        <v>38</v>
      </c>
      <c r="T20668">
        <v>39</v>
      </c>
      <c r="U20668">
        <v>40</v>
      </c>
      <c r="V20668">
        <v>41</v>
      </c>
      <c r="W20668">
        <v>41</v>
      </c>
      <c r="X20668">
        <v>42</v>
      </c>
      <c r="Y20668">
        <v>43</v>
      </c>
      <c r="Z20668">
        <v>44</v>
      </c>
      <c r="AA20668">
        <v>44</v>
      </c>
      <c r="AB20668">
        <v>45</v>
      </c>
      <c r="AC20668">
        <v>46</v>
      </c>
      <c r="AD20668">
        <v>47</v>
      </c>
      <c r="AE20668">
        <v>47</v>
      </c>
      <c r="AF20668">
        <v>47</v>
      </c>
      <c r="AG20668">
        <v>48</v>
      </c>
      <c r="AH20668">
        <v>48</v>
      </c>
      <c r="AI20668">
        <v>48</v>
      </c>
      <c r="AJ20668">
        <v>48</v>
      </c>
      <c r="AK20668">
        <v>48</v>
      </c>
      <c r="AL20668">
        <v>49</v>
      </c>
      <c r="AM20668">
        <v>49</v>
      </c>
      <c r="AN20668">
        <v>49</v>
      </c>
      <c r="AO20668">
        <v>49</v>
      </c>
      <c r="AP20668">
        <v>49</v>
      </c>
      <c r="AQ20668">
        <v>49</v>
      </c>
    </row>
    <row r="20669" spans="1:43">
      <c r="A20669" t="s">
        <v>12799</v>
      </c>
      <c r="B20669" t="s">
        <v>12800</v>
      </c>
      <c r="C20669" t="s">
        <v>12785</v>
      </c>
      <c r="D20669" t="s">
        <v>12786</v>
      </c>
      <c r="E20669" t="s">
        <v>12580</v>
      </c>
      <c r="F20669" t="s">
        <v>12581</v>
      </c>
      <c r="G20669" t="s">
        <v>12582</v>
      </c>
      <c r="H20669" t="s">
        <v>12581</v>
      </c>
      <c r="I20669" s="2">
        <v>1</v>
      </c>
      <c r="J20669" s="2">
        <v>0</v>
      </c>
      <c r="K20669" s="2">
        <v>0</v>
      </c>
      <c r="L20669" t="s">
        <v>120</v>
      </c>
      <c r="M20669" t="s">
        <v>83</v>
      </c>
      <c r="N20669" t="s">
        <v>91</v>
      </c>
      <c r="O20669" t="s">
        <v>85</v>
      </c>
      <c r="P20669" t="s">
        <v>86</v>
      </c>
      <c r="Q20669">
        <v>36</v>
      </c>
      <c r="R20669">
        <v>37</v>
      </c>
      <c r="S20669">
        <v>37</v>
      </c>
      <c r="T20669">
        <v>38</v>
      </c>
      <c r="U20669">
        <v>38</v>
      </c>
      <c r="V20669">
        <v>39</v>
      </c>
      <c r="W20669">
        <v>39</v>
      </c>
      <c r="X20669">
        <v>40</v>
      </c>
      <c r="Y20669">
        <v>41</v>
      </c>
      <c r="Z20669">
        <v>41</v>
      </c>
      <c r="AA20669">
        <v>42</v>
      </c>
      <c r="AB20669">
        <v>42</v>
      </c>
      <c r="AC20669">
        <v>43</v>
      </c>
      <c r="AD20669">
        <v>44</v>
      </c>
      <c r="AE20669">
        <v>44</v>
      </c>
      <c r="AF20669">
        <v>45</v>
      </c>
      <c r="AG20669">
        <v>45</v>
      </c>
      <c r="AH20669">
        <v>46</v>
      </c>
      <c r="AI20669">
        <v>47</v>
      </c>
      <c r="AJ20669">
        <v>47</v>
      </c>
      <c r="AK20669">
        <v>48</v>
      </c>
      <c r="AL20669">
        <v>48</v>
      </c>
      <c r="AM20669">
        <v>48</v>
      </c>
      <c r="AN20669">
        <v>48</v>
      </c>
      <c r="AO20669">
        <v>49</v>
      </c>
      <c r="AP20669">
        <v>49</v>
      </c>
      <c r="AQ20669">
        <v>49</v>
      </c>
    </row>
    <row r="20670" spans="1:43">
      <c r="A20670" t="s">
        <v>12801</v>
      </c>
      <c r="B20670" t="s">
        <v>12802</v>
      </c>
      <c r="C20670" t="s">
        <v>12785</v>
      </c>
      <c r="D20670" t="s">
        <v>12786</v>
      </c>
      <c r="E20670" t="s">
        <v>12580</v>
      </c>
      <c r="F20670" t="s">
        <v>12581</v>
      </c>
      <c r="G20670" t="s">
        <v>12582</v>
      </c>
      <c r="H20670" t="s">
        <v>12581</v>
      </c>
      <c r="I20670" s="2">
        <v>1</v>
      </c>
      <c r="J20670" s="2">
        <v>0</v>
      </c>
      <c r="K20670" s="2">
        <v>0</v>
      </c>
      <c r="L20670" t="s">
        <v>120</v>
      </c>
      <c r="M20670" t="s">
        <v>83</v>
      </c>
      <c r="N20670" t="s">
        <v>84</v>
      </c>
      <c r="O20670" t="s">
        <v>85</v>
      </c>
      <c r="P20670" t="s">
        <v>86</v>
      </c>
      <c r="Q20670">
        <v>13</v>
      </c>
      <c r="R20670">
        <v>13</v>
      </c>
      <c r="S20670">
        <v>13</v>
      </c>
      <c r="T20670">
        <v>13</v>
      </c>
      <c r="U20670">
        <v>13</v>
      </c>
      <c r="V20670">
        <v>14</v>
      </c>
      <c r="W20670">
        <v>14</v>
      </c>
      <c r="X20670">
        <v>14</v>
      </c>
      <c r="Y20670">
        <v>14</v>
      </c>
      <c r="Z20670">
        <v>14</v>
      </c>
      <c r="AA20670">
        <v>15</v>
      </c>
      <c r="AB20670">
        <v>15</v>
      </c>
      <c r="AC20670">
        <v>15</v>
      </c>
      <c r="AD20670">
        <v>15</v>
      </c>
      <c r="AE20670">
        <v>15</v>
      </c>
      <c r="AF20670">
        <v>16</v>
      </c>
      <c r="AG20670">
        <v>16</v>
      </c>
      <c r="AH20670">
        <v>16</v>
      </c>
      <c r="AI20670">
        <v>16</v>
      </c>
      <c r="AJ20670">
        <v>16</v>
      </c>
      <c r="AK20670">
        <v>17</v>
      </c>
      <c r="AL20670">
        <v>17</v>
      </c>
      <c r="AM20670">
        <v>17</v>
      </c>
      <c r="AN20670">
        <v>17</v>
      </c>
      <c r="AO20670">
        <v>17</v>
      </c>
      <c r="AP20670">
        <v>17</v>
      </c>
      <c r="AQ20670">
        <v>17</v>
      </c>
    </row>
    <row r="20671" spans="1:43">
      <c r="A20671" t="s">
        <v>12801</v>
      </c>
      <c r="B20671" t="s">
        <v>12802</v>
      </c>
      <c r="C20671" t="s">
        <v>12785</v>
      </c>
      <c r="D20671" t="s">
        <v>12786</v>
      </c>
      <c r="E20671" t="s">
        <v>12580</v>
      </c>
      <c r="F20671" t="s">
        <v>12581</v>
      </c>
      <c r="G20671" t="s">
        <v>12582</v>
      </c>
      <c r="H20671" t="s">
        <v>12581</v>
      </c>
      <c r="I20671" s="2">
        <v>1</v>
      </c>
      <c r="J20671" s="2">
        <v>0</v>
      </c>
      <c r="K20671" s="2">
        <v>0</v>
      </c>
      <c r="L20671" t="s">
        <v>120</v>
      </c>
      <c r="M20671" t="s">
        <v>87</v>
      </c>
      <c r="N20671" t="s">
        <v>88</v>
      </c>
      <c r="O20671" t="s">
        <v>85</v>
      </c>
      <c r="P20671" t="s">
        <v>86</v>
      </c>
      <c r="Q20671">
        <v>13</v>
      </c>
      <c r="R20671">
        <v>14</v>
      </c>
      <c r="S20671">
        <v>14</v>
      </c>
      <c r="T20671">
        <v>14</v>
      </c>
      <c r="U20671">
        <v>14</v>
      </c>
      <c r="V20671">
        <v>14</v>
      </c>
      <c r="W20671">
        <v>14</v>
      </c>
      <c r="X20671">
        <v>14</v>
      </c>
      <c r="Y20671">
        <v>14</v>
      </c>
      <c r="Z20671">
        <v>14</v>
      </c>
      <c r="AA20671">
        <v>14</v>
      </c>
      <c r="AB20671">
        <v>14</v>
      </c>
      <c r="AC20671">
        <v>14</v>
      </c>
      <c r="AD20671">
        <v>15</v>
      </c>
      <c r="AE20671">
        <v>15</v>
      </c>
      <c r="AF20671">
        <v>15</v>
      </c>
      <c r="AG20671">
        <v>15</v>
      </c>
      <c r="AH20671">
        <v>15</v>
      </c>
      <c r="AI20671">
        <v>15</v>
      </c>
      <c r="AJ20671">
        <v>15</v>
      </c>
      <c r="AK20671">
        <v>15</v>
      </c>
      <c r="AL20671">
        <v>15</v>
      </c>
      <c r="AM20671">
        <v>15</v>
      </c>
      <c r="AN20671">
        <v>16</v>
      </c>
      <c r="AO20671">
        <v>16</v>
      </c>
      <c r="AP20671">
        <v>16</v>
      </c>
      <c r="AQ20671">
        <v>16</v>
      </c>
    </row>
    <row r="20672" spans="1:43">
      <c r="A20672" t="s">
        <v>12801</v>
      </c>
      <c r="B20672" t="s">
        <v>12802</v>
      </c>
      <c r="C20672" t="s">
        <v>12785</v>
      </c>
      <c r="D20672" t="s">
        <v>12786</v>
      </c>
      <c r="E20672" t="s">
        <v>12580</v>
      </c>
      <c r="F20672" t="s">
        <v>12581</v>
      </c>
      <c r="G20672" t="s">
        <v>12582</v>
      </c>
      <c r="H20672" t="s">
        <v>12581</v>
      </c>
      <c r="I20672" s="2">
        <v>1</v>
      </c>
      <c r="J20672" s="2">
        <v>0</v>
      </c>
      <c r="K20672" s="2">
        <v>0</v>
      </c>
      <c r="L20672" t="s">
        <v>120</v>
      </c>
      <c r="M20672" t="s">
        <v>89</v>
      </c>
      <c r="N20672" t="s">
        <v>90</v>
      </c>
      <c r="O20672" t="s">
        <v>85</v>
      </c>
      <c r="P20672" t="s">
        <v>86</v>
      </c>
      <c r="Q20672">
        <v>13</v>
      </c>
      <c r="R20672">
        <v>13</v>
      </c>
      <c r="S20672">
        <v>13</v>
      </c>
      <c r="T20672">
        <v>14</v>
      </c>
      <c r="U20672">
        <v>14</v>
      </c>
      <c r="V20672">
        <v>14</v>
      </c>
      <c r="W20672">
        <v>14</v>
      </c>
      <c r="X20672">
        <v>15</v>
      </c>
      <c r="Y20672">
        <v>15</v>
      </c>
      <c r="Z20672">
        <v>15</v>
      </c>
      <c r="AA20672">
        <v>16</v>
      </c>
      <c r="AB20672">
        <v>16</v>
      </c>
      <c r="AC20672">
        <v>16</v>
      </c>
      <c r="AD20672">
        <v>16</v>
      </c>
      <c r="AE20672">
        <v>16</v>
      </c>
      <c r="AF20672">
        <v>17</v>
      </c>
      <c r="AG20672">
        <v>17</v>
      </c>
      <c r="AH20672">
        <v>17</v>
      </c>
      <c r="AI20672">
        <v>17</v>
      </c>
      <c r="AJ20672">
        <v>17</v>
      </c>
      <c r="AK20672">
        <v>17</v>
      </c>
      <c r="AL20672">
        <v>17</v>
      </c>
      <c r="AM20672">
        <v>17</v>
      </c>
      <c r="AN20672">
        <v>17</v>
      </c>
      <c r="AO20672">
        <v>17</v>
      </c>
      <c r="AP20672">
        <v>17</v>
      </c>
      <c r="AQ20672">
        <v>17</v>
      </c>
    </row>
    <row r="20673" spans="1:43">
      <c r="A20673" t="s">
        <v>12801</v>
      </c>
      <c r="B20673" t="s">
        <v>12802</v>
      </c>
      <c r="C20673" t="s">
        <v>12785</v>
      </c>
      <c r="D20673" t="s">
        <v>12786</v>
      </c>
      <c r="E20673" t="s">
        <v>12580</v>
      </c>
      <c r="F20673" t="s">
        <v>12581</v>
      </c>
      <c r="G20673" t="s">
        <v>12582</v>
      </c>
      <c r="H20673" t="s">
        <v>12581</v>
      </c>
      <c r="I20673" s="2">
        <v>1</v>
      </c>
      <c r="J20673" s="2">
        <v>0</v>
      </c>
      <c r="K20673" s="2">
        <v>0</v>
      </c>
      <c r="L20673" t="s">
        <v>120</v>
      </c>
      <c r="M20673" t="s">
        <v>83</v>
      </c>
      <c r="N20673" t="s">
        <v>91</v>
      </c>
      <c r="O20673" t="s">
        <v>85</v>
      </c>
      <c r="P20673" t="s">
        <v>86</v>
      </c>
      <c r="Q20673">
        <v>13</v>
      </c>
      <c r="R20673">
        <v>13</v>
      </c>
      <c r="S20673">
        <v>13</v>
      </c>
      <c r="T20673">
        <v>13</v>
      </c>
      <c r="U20673">
        <v>13</v>
      </c>
      <c r="V20673">
        <v>14</v>
      </c>
      <c r="W20673">
        <v>14</v>
      </c>
      <c r="X20673">
        <v>14</v>
      </c>
      <c r="Y20673">
        <v>14</v>
      </c>
      <c r="Z20673">
        <v>14</v>
      </c>
      <c r="AA20673">
        <v>15</v>
      </c>
      <c r="AB20673">
        <v>15</v>
      </c>
      <c r="AC20673">
        <v>15</v>
      </c>
      <c r="AD20673">
        <v>15</v>
      </c>
      <c r="AE20673">
        <v>15</v>
      </c>
      <c r="AF20673">
        <v>16</v>
      </c>
      <c r="AG20673">
        <v>16</v>
      </c>
      <c r="AH20673">
        <v>16</v>
      </c>
      <c r="AI20673">
        <v>16</v>
      </c>
      <c r="AJ20673">
        <v>16</v>
      </c>
      <c r="AK20673">
        <v>17</v>
      </c>
      <c r="AL20673">
        <v>17</v>
      </c>
      <c r="AM20673">
        <v>17</v>
      </c>
      <c r="AN20673">
        <v>17</v>
      </c>
      <c r="AO20673">
        <v>17</v>
      </c>
      <c r="AP20673">
        <v>17</v>
      </c>
      <c r="AQ20673">
        <v>17</v>
      </c>
    </row>
    <row r="20674" spans="1:43">
      <c r="A20674" t="s">
        <v>12803</v>
      </c>
      <c r="B20674" t="s">
        <v>12804</v>
      </c>
      <c r="C20674" t="s">
        <v>12805</v>
      </c>
      <c r="D20674" t="s">
        <v>12806</v>
      </c>
      <c r="E20674" t="s">
        <v>12580</v>
      </c>
      <c r="F20674" t="s">
        <v>12581</v>
      </c>
      <c r="G20674" t="s">
        <v>12582</v>
      </c>
      <c r="H20674" t="s">
        <v>12581</v>
      </c>
      <c r="I20674" s="2">
        <v>1</v>
      </c>
      <c r="J20674" s="2">
        <v>0</v>
      </c>
      <c r="K20674" s="2">
        <v>0</v>
      </c>
      <c r="L20674" t="s">
        <v>120</v>
      </c>
      <c r="M20674" t="s">
        <v>83</v>
      </c>
      <c r="N20674" t="s">
        <v>84</v>
      </c>
      <c r="O20674" t="s">
        <v>85</v>
      </c>
      <c r="P20674" t="s">
        <v>86</v>
      </c>
      <c r="Q20674">
        <v>22</v>
      </c>
      <c r="R20674">
        <v>22</v>
      </c>
      <c r="S20674">
        <v>23</v>
      </c>
      <c r="T20674">
        <v>23</v>
      </c>
      <c r="U20674">
        <v>23</v>
      </c>
      <c r="V20674">
        <v>24</v>
      </c>
      <c r="W20674">
        <v>24</v>
      </c>
      <c r="X20674">
        <v>24</v>
      </c>
      <c r="Y20674">
        <v>25</v>
      </c>
      <c r="Z20674">
        <v>25</v>
      </c>
      <c r="AA20674">
        <v>25</v>
      </c>
      <c r="AB20674">
        <v>26</v>
      </c>
      <c r="AC20674">
        <v>26</v>
      </c>
      <c r="AD20674">
        <v>26</v>
      </c>
      <c r="AE20674">
        <v>27</v>
      </c>
      <c r="AF20674">
        <v>27</v>
      </c>
      <c r="AG20674">
        <v>27</v>
      </c>
      <c r="AH20674">
        <v>28</v>
      </c>
      <c r="AI20674">
        <v>28</v>
      </c>
      <c r="AJ20674">
        <v>28</v>
      </c>
      <c r="AK20674">
        <v>29</v>
      </c>
      <c r="AL20674">
        <v>29</v>
      </c>
      <c r="AM20674">
        <v>29</v>
      </c>
      <c r="AN20674">
        <v>29</v>
      </c>
      <c r="AO20674">
        <v>29</v>
      </c>
      <c r="AP20674">
        <v>29</v>
      </c>
      <c r="AQ20674">
        <v>29</v>
      </c>
    </row>
    <row r="20675" spans="1:43">
      <c r="A20675" t="s">
        <v>12803</v>
      </c>
      <c r="B20675" t="s">
        <v>12804</v>
      </c>
      <c r="C20675" t="s">
        <v>12805</v>
      </c>
      <c r="D20675" t="s">
        <v>12806</v>
      </c>
      <c r="E20675" t="s">
        <v>12580</v>
      </c>
      <c r="F20675" t="s">
        <v>12581</v>
      </c>
      <c r="G20675" t="s">
        <v>12582</v>
      </c>
      <c r="H20675" t="s">
        <v>12581</v>
      </c>
      <c r="I20675" s="2">
        <v>1</v>
      </c>
      <c r="J20675" s="2">
        <v>0</v>
      </c>
      <c r="K20675" s="2">
        <v>0</v>
      </c>
      <c r="L20675" t="s">
        <v>120</v>
      </c>
      <c r="M20675" t="s">
        <v>87</v>
      </c>
      <c r="N20675" t="s">
        <v>88</v>
      </c>
      <c r="O20675" t="s">
        <v>85</v>
      </c>
      <c r="P20675" t="s">
        <v>86</v>
      </c>
      <c r="Q20675">
        <v>22</v>
      </c>
      <c r="R20675">
        <v>22</v>
      </c>
      <c r="S20675">
        <v>22</v>
      </c>
      <c r="T20675">
        <v>22</v>
      </c>
      <c r="U20675">
        <v>22</v>
      </c>
      <c r="V20675">
        <v>22</v>
      </c>
      <c r="W20675">
        <v>22</v>
      </c>
      <c r="X20675">
        <v>23</v>
      </c>
      <c r="Y20675">
        <v>23</v>
      </c>
      <c r="Z20675">
        <v>23</v>
      </c>
      <c r="AA20675">
        <v>23</v>
      </c>
      <c r="AB20675">
        <v>23</v>
      </c>
      <c r="AC20675">
        <v>23</v>
      </c>
      <c r="AD20675">
        <v>23</v>
      </c>
      <c r="AE20675">
        <v>24</v>
      </c>
      <c r="AF20675">
        <v>24</v>
      </c>
      <c r="AG20675">
        <v>24</v>
      </c>
      <c r="AH20675">
        <v>24</v>
      </c>
      <c r="AI20675">
        <v>24</v>
      </c>
      <c r="AJ20675">
        <v>24</v>
      </c>
      <c r="AK20675">
        <v>25</v>
      </c>
      <c r="AL20675">
        <v>25</v>
      </c>
      <c r="AM20675">
        <v>25</v>
      </c>
      <c r="AN20675">
        <v>25</v>
      </c>
      <c r="AO20675">
        <v>25</v>
      </c>
      <c r="AP20675">
        <v>25</v>
      </c>
      <c r="AQ20675">
        <v>26</v>
      </c>
    </row>
    <row r="20676" spans="1:43">
      <c r="A20676" t="s">
        <v>12803</v>
      </c>
      <c r="B20676" t="s">
        <v>12804</v>
      </c>
      <c r="C20676" t="s">
        <v>12805</v>
      </c>
      <c r="D20676" t="s">
        <v>12806</v>
      </c>
      <c r="E20676" t="s">
        <v>12580</v>
      </c>
      <c r="F20676" t="s">
        <v>12581</v>
      </c>
      <c r="G20676" t="s">
        <v>12582</v>
      </c>
      <c r="H20676" t="s">
        <v>12581</v>
      </c>
      <c r="I20676" s="2">
        <v>1</v>
      </c>
      <c r="J20676" s="2">
        <v>0</v>
      </c>
      <c r="K20676" s="2">
        <v>0</v>
      </c>
      <c r="L20676" t="s">
        <v>120</v>
      </c>
      <c r="M20676" t="s">
        <v>89</v>
      </c>
      <c r="N20676" t="s">
        <v>90</v>
      </c>
      <c r="O20676" t="s">
        <v>85</v>
      </c>
      <c r="P20676" t="s">
        <v>86</v>
      </c>
      <c r="Q20676">
        <v>22</v>
      </c>
      <c r="R20676">
        <v>23</v>
      </c>
      <c r="S20676">
        <v>23</v>
      </c>
      <c r="T20676">
        <v>24</v>
      </c>
      <c r="U20676">
        <v>24</v>
      </c>
      <c r="V20676">
        <v>25</v>
      </c>
      <c r="W20676">
        <v>25</v>
      </c>
      <c r="X20676">
        <v>26</v>
      </c>
      <c r="Y20676">
        <v>26</v>
      </c>
      <c r="Z20676">
        <v>27</v>
      </c>
      <c r="AA20676">
        <v>27</v>
      </c>
      <c r="AB20676">
        <v>27</v>
      </c>
      <c r="AC20676">
        <v>28</v>
      </c>
      <c r="AD20676">
        <v>28</v>
      </c>
      <c r="AE20676">
        <v>29</v>
      </c>
      <c r="AF20676">
        <v>29</v>
      </c>
      <c r="AG20676">
        <v>29</v>
      </c>
      <c r="AH20676">
        <v>29</v>
      </c>
      <c r="AI20676">
        <v>29</v>
      </c>
      <c r="AJ20676">
        <v>29</v>
      </c>
      <c r="AK20676">
        <v>29</v>
      </c>
      <c r="AL20676">
        <v>29</v>
      </c>
      <c r="AM20676">
        <v>29</v>
      </c>
      <c r="AN20676">
        <v>29</v>
      </c>
      <c r="AO20676">
        <v>29</v>
      </c>
      <c r="AP20676">
        <v>30</v>
      </c>
      <c r="AQ20676">
        <v>30</v>
      </c>
    </row>
    <row r="20677" spans="1:43">
      <c r="A20677" t="s">
        <v>12803</v>
      </c>
      <c r="B20677" t="s">
        <v>12804</v>
      </c>
      <c r="C20677" t="s">
        <v>12805</v>
      </c>
      <c r="D20677" t="s">
        <v>12806</v>
      </c>
      <c r="E20677" t="s">
        <v>12580</v>
      </c>
      <c r="F20677" t="s">
        <v>12581</v>
      </c>
      <c r="G20677" t="s">
        <v>12582</v>
      </c>
      <c r="H20677" t="s">
        <v>12581</v>
      </c>
      <c r="I20677" s="2">
        <v>1</v>
      </c>
      <c r="J20677" s="2">
        <v>0</v>
      </c>
      <c r="K20677" s="2">
        <v>0</v>
      </c>
      <c r="L20677" t="s">
        <v>120</v>
      </c>
      <c r="M20677" t="s">
        <v>83</v>
      </c>
      <c r="N20677" t="s">
        <v>91</v>
      </c>
      <c r="O20677" t="s">
        <v>85</v>
      </c>
      <c r="P20677" t="s">
        <v>86</v>
      </c>
      <c r="Q20677">
        <v>22</v>
      </c>
      <c r="R20677">
        <v>22</v>
      </c>
      <c r="S20677">
        <v>23</v>
      </c>
      <c r="T20677">
        <v>23</v>
      </c>
      <c r="U20677">
        <v>23</v>
      </c>
      <c r="V20677">
        <v>24</v>
      </c>
      <c r="W20677">
        <v>24</v>
      </c>
      <c r="X20677">
        <v>24</v>
      </c>
      <c r="Y20677">
        <v>25</v>
      </c>
      <c r="Z20677">
        <v>25</v>
      </c>
      <c r="AA20677">
        <v>25</v>
      </c>
      <c r="AB20677">
        <v>26</v>
      </c>
      <c r="AC20677">
        <v>26</v>
      </c>
      <c r="AD20677">
        <v>26</v>
      </c>
      <c r="AE20677">
        <v>27</v>
      </c>
      <c r="AF20677">
        <v>27</v>
      </c>
      <c r="AG20677">
        <v>27</v>
      </c>
      <c r="AH20677">
        <v>28</v>
      </c>
      <c r="AI20677">
        <v>28</v>
      </c>
      <c r="AJ20677">
        <v>28</v>
      </c>
      <c r="AK20677">
        <v>29</v>
      </c>
      <c r="AL20677">
        <v>29</v>
      </c>
      <c r="AM20677">
        <v>29</v>
      </c>
      <c r="AN20677">
        <v>29</v>
      </c>
      <c r="AO20677">
        <v>29</v>
      </c>
      <c r="AP20677">
        <v>29</v>
      </c>
      <c r="AQ20677">
        <v>29</v>
      </c>
    </row>
    <row r="20678" spans="1:43">
      <c r="A20678" t="s">
        <v>12807</v>
      </c>
      <c r="B20678" t="s">
        <v>12808</v>
      </c>
      <c r="C20678" t="s">
        <v>12805</v>
      </c>
      <c r="D20678" t="s">
        <v>12806</v>
      </c>
      <c r="E20678" t="s">
        <v>12580</v>
      </c>
      <c r="F20678" t="s">
        <v>12581</v>
      </c>
      <c r="G20678" t="s">
        <v>12582</v>
      </c>
      <c r="H20678" t="s">
        <v>12581</v>
      </c>
      <c r="I20678" s="2">
        <v>1</v>
      </c>
      <c r="J20678" s="2">
        <v>0</v>
      </c>
      <c r="K20678" s="2">
        <v>0</v>
      </c>
      <c r="L20678" t="s">
        <v>120</v>
      </c>
      <c r="M20678" t="s">
        <v>83</v>
      </c>
      <c r="N20678" t="s">
        <v>84</v>
      </c>
      <c r="O20678" t="s">
        <v>85</v>
      </c>
      <c r="P20678" t="s">
        <v>86</v>
      </c>
      <c r="Q20678">
        <v>24</v>
      </c>
      <c r="R20678">
        <v>25</v>
      </c>
      <c r="S20678">
        <v>25</v>
      </c>
      <c r="T20678">
        <v>25</v>
      </c>
      <c r="U20678">
        <v>26</v>
      </c>
      <c r="V20678">
        <v>26</v>
      </c>
      <c r="W20678">
        <v>27</v>
      </c>
      <c r="X20678">
        <v>27</v>
      </c>
      <c r="Y20678">
        <v>27</v>
      </c>
      <c r="Z20678">
        <v>28</v>
      </c>
      <c r="AA20678">
        <v>28</v>
      </c>
      <c r="AB20678">
        <v>29</v>
      </c>
      <c r="AC20678">
        <v>29</v>
      </c>
      <c r="AD20678">
        <v>29</v>
      </c>
      <c r="AE20678">
        <v>30</v>
      </c>
      <c r="AF20678">
        <v>30</v>
      </c>
      <c r="AG20678">
        <v>30</v>
      </c>
      <c r="AH20678">
        <v>31</v>
      </c>
      <c r="AI20678">
        <v>31</v>
      </c>
      <c r="AJ20678">
        <v>32</v>
      </c>
      <c r="AK20678">
        <v>32</v>
      </c>
      <c r="AL20678">
        <v>32</v>
      </c>
      <c r="AM20678">
        <v>32</v>
      </c>
      <c r="AN20678">
        <v>32</v>
      </c>
      <c r="AO20678">
        <v>33</v>
      </c>
      <c r="AP20678">
        <v>33</v>
      </c>
      <c r="AQ20678">
        <v>33</v>
      </c>
    </row>
    <row r="20679" spans="1:43">
      <c r="A20679" t="s">
        <v>12807</v>
      </c>
      <c r="B20679" t="s">
        <v>12808</v>
      </c>
      <c r="C20679" t="s">
        <v>12805</v>
      </c>
      <c r="D20679" t="s">
        <v>12806</v>
      </c>
      <c r="E20679" t="s">
        <v>12580</v>
      </c>
      <c r="F20679" t="s">
        <v>12581</v>
      </c>
      <c r="G20679" t="s">
        <v>12582</v>
      </c>
      <c r="H20679" t="s">
        <v>12581</v>
      </c>
      <c r="I20679" s="2">
        <v>1</v>
      </c>
      <c r="J20679" s="2">
        <v>0</v>
      </c>
      <c r="K20679" s="2">
        <v>0</v>
      </c>
      <c r="L20679" t="s">
        <v>120</v>
      </c>
      <c r="M20679" t="s">
        <v>87</v>
      </c>
      <c r="N20679" t="s">
        <v>88</v>
      </c>
      <c r="O20679" t="s">
        <v>85</v>
      </c>
      <c r="P20679" t="s">
        <v>86</v>
      </c>
      <c r="Q20679">
        <v>24</v>
      </c>
      <c r="R20679">
        <v>24</v>
      </c>
      <c r="S20679">
        <v>24</v>
      </c>
      <c r="T20679">
        <v>25</v>
      </c>
      <c r="U20679">
        <v>25</v>
      </c>
      <c r="V20679">
        <v>25</v>
      </c>
      <c r="W20679">
        <v>25</v>
      </c>
      <c r="X20679">
        <v>25</v>
      </c>
      <c r="Y20679">
        <v>25</v>
      </c>
      <c r="Z20679">
        <v>25</v>
      </c>
      <c r="AA20679">
        <v>26</v>
      </c>
      <c r="AB20679">
        <v>26</v>
      </c>
      <c r="AC20679">
        <v>26</v>
      </c>
      <c r="AD20679">
        <v>26</v>
      </c>
      <c r="AE20679">
        <v>26</v>
      </c>
      <c r="AF20679">
        <v>26</v>
      </c>
      <c r="AG20679">
        <v>27</v>
      </c>
      <c r="AH20679">
        <v>27</v>
      </c>
      <c r="AI20679">
        <v>27</v>
      </c>
      <c r="AJ20679">
        <v>27</v>
      </c>
      <c r="AK20679">
        <v>27</v>
      </c>
      <c r="AL20679">
        <v>27</v>
      </c>
      <c r="AM20679">
        <v>28</v>
      </c>
      <c r="AN20679">
        <v>28</v>
      </c>
      <c r="AO20679">
        <v>28</v>
      </c>
      <c r="AP20679">
        <v>28</v>
      </c>
      <c r="AQ20679">
        <v>28</v>
      </c>
    </row>
    <row r="20680" spans="1:43">
      <c r="A20680" t="s">
        <v>12807</v>
      </c>
      <c r="B20680" t="s">
        <v>12808</v>
      </c>
      <c r="C20680" t="s">
        <v>12805</v>
      </c>
      <c r="D20680" t="s">
        <v>12806</v>
      </c>
      <c r="E20680" t="s">
        <v>12580</v>
      </c>
      <c r="F20680" t="s">
        <v>12581</v>
      </c>
      <c r="G20680" t="s">
        <v>12582</v>
      </c>
      <c r="H20680" t="s">
        <v>12581</v>
      </c>
      <c r="I20680" s="2">
        <v>1</v>
      </c>
      <c r="J20680" s="2">
        <v>0</v>
      </c>
      <c r="K20680" s="2">
        <v>0</v>
      </c>
      <c r="L20680" t="s">
        <v>120</v>
      </c>
      <c r="M20680" t="s">
        <v>89</v>
      </c>
      <c r="N20680" t="s">
        <v>90</v>
      </c>
      <c r="O20680" t="s">
        <v>85</v>
      </c>
      <c r="P20680" t="s">
        <v>86</v>
      </c>
      <c r="Q20680">
        <v>24</v>
      </c>
      <c r="R20680">
        <v>24</v>
      </c>
      <c r="S20680">
        <v>25</v>
      </c>
      <c r="T20680">
        <v>25</v>
      </c>
      <c r="U20680">
        <v>26</v>
      </c>
      <c r="V20680">
        <v>26</v>
      </c>
      <c r="W20680">
        <v>27</v>
      </c>
      <c r="X20680">
        <v>27</v>
      </c>
      <c r="Y20680">
        <v>28</v>
      </c>
      <c r="Z20680">
        <v>28</v>
      </c>
      <c r="AA20680">
        <v>29</v>
      </c>
      <c r="AB20680">
        <v>29</v>
      </c>
      <c r="AC20680">
        <v>30</v>
      </c>
      <c r="AD20680">
        <v>31</v>
      </c>
      <c r="AE20680">
        <v>31</v>
      </c>
      <c r="AF20680">
        <v>31</v>
      </c>
      <c r="AG20680">
        <v>31</v>
      </c>
      <c r="AH20680">
        <v>31</v>
      </c>
      <c r="AI20680">
        <v>31</v>
      </c>
      <c r="AJ20680">
        <v>31</v>
      </c>
      <c r="AK20680">
        <v>31</v>
      </c>
      <c r="AL20680">
        <v>31</v>
      </c>
      <c r="AM20680">
        <v>32</v>
      </c>
      <c r="AN20680">
        <v>32</v>
      </c>
      <c r="AO20680">
        <v>32</v>
      </c>
      <c r="AP20680">
        <v>32</v>
      </c>
      <c r="AQ20680">
        <v>32</v>
      </c>
    </row>
    <row r="20681" spans="1:43">
      <c r="A20681" t="s">
        <v>12807</v>
      </c>
      <c r="B20681" t="s">
        <v>12808</v>
      </c>
      <c r="C20681" t="s">
        <v>12805</v>
      </c>
      <c r="D20681" t="s">
        <v>12806</v>
      </c>
      <c r="E20681" t="s">
        <v>12580</v>
      </c>
      <c r="F20681" t="s">
        <v>12581</v>
      </c>
      <c r="G20681" t="s">
        <v>12582</v>
      </c>
      <c r="H20681" t="s">
        <v>12581</v>
      </c>
      <c r="I20681" s="2">
        <v>1</v>
      </c>
      <c r="J20681" s="2">
        <v>0</v>
      </c>
      <c r="K20681" s="2">
        <v>0</v>
      </c>
      <c r="L20681" t="s">
        <v>120</v>
      </c>
      <c r="M20681" t="s">
        <v>83</v>
      </c>
      <c r="N20681" t="s">
        <v>91</v>
      </c>
      <c r="O20681" t="s">
        <v>85</v>
      </c>
      <c r="P20681" t="s">
        <v>86</v>
      </c>
      <c r="Q20681">
        <v>24</v>
      </c>
      <c r="R20681">
        <v>25</v>
      </c>
      <c r="S20681">
        <v>25</v>
      </c>
      <c r="T20681">
        <v>25</v>
      </c>
      <c r="U20681">
        <v>26</v>
      </c>
      <c r="V20681">
        <v>26</v>
      </c>
      <c r="W20681">
        <v>27</v>
      </c>
      <c r="X20681">
        <v>27</v>
      </c>
      <c r="Y20681">
        <v>27</v>
      </c>
      <c r="Z20681">
        <v>28</v>
      </c>
      <c r="AA20681">
        <v>28</v>
      </c>
      <c r="AB20681">
        <v>29</v>
      </c>
      <c r="AC20681">
        <v>29</v>
      </c>
      <c r="AD20681">
        <v>29</v>
      </c>
      <c r="AE20681">
        <v>30</v>
      </c>
      <c r="AF20681">
        <v>30</v>
      </c>
      <c r="AG20681">
        <v>30</v>
      </c>
      <c r="AH20681">
        <v>31</v>
      </c>
      <c r="AI20681">
        <v>31</v>
      </c>
      <c r="AJ20681">
        <v>32</v>
      </c>
      <c r="AK20681">
        <v>32</v>
      </c>
      <c r="AL20681">
        <v>32</v>
      </c>
      <c r="AM20681">
        <v>32</v>
      </c>
      <c r="AN20681">
        <v>32</v>
      </c>
      <c r="AO20681">
        <v>33</v>
      </c>
      <c r="AP20681">
        <v>33</v>
      </c>
      <c r="AQ20681">
        <v>33</v>
      </c>
    </row>
    <row r="20682" spans="1:43">
      <c r="A20682" t="s">
        <v>12809</v>
      </c>
      <c r="B20682" t="s">
        <v>12810</v>
      </c>
      <c r="C20682" t="s">
        <v>12805</v>
      </c>
      <c r="D20682" t="s">
        <v>12806</v>
      </c>
      <c r="E20682" t="s">
        <v>12580</v>
      </c>
      <c r="F20682" t="s">
        <v>12581</v>
      </c>
      <c r="G20682" t="s">
        <v>12582</v>
      </c>
      <c r="H20682" t="s">
        <v>12581</v>
      </c>
      <c r="I20682" s="2">
        <v>1</v>
      </c>
      <c r="J20682" s="2">
        <v>0</v>
      </c>
      <c r="K20682" s="2">
        <v>0</v>
      </c>
      <c r="L20682" t="s">
        <v>120</v>
      </c>
      <c r="M20682" t="s">
        <v>83</v>
      </c>
      <c r="N20682" t="s">
        <v>84</v>
      </c>
      <c r="O20682" t="s">
        <v>85</v>
      </c>
      <c r="P20682" t="s">
        <v>86</v>
      </c>
      <c r="Q20682">
        <v>18</v>
      </c>
      <c r="R20682">
        <v>18</v>
      </c>
      <c r="S20682">
        <v>19</v>
      </c>
      <c r="T20682">
        <v>19</v>
      </c>
      <c r="U20682">
        <v>19</v>
      </c>
      <c r="V20682">
        <v>19</v>
      </c>
      <c r="W20682">
        <v>20</v>
      </c>
      <c r="X20682">
        <v>20</v>
      </c>
      <c r="Y20682">
        <v>20</v>
      </c>
      <c r="Z20682">
        <v>20</v>
      </c>
      <c r="AA20682">
        <v>21</v>
      </c>
      <c r="AB20682">
        <v>21</v>
      </c>
      <c r="AC20682">
        <v>21</v>
      </c>
      <c r="AD20682">
        <v>22</v>
      </c>
      <c r="AE20682">
        <v>22</v>
      </c>
      <c r="AF20682">
        <v>22</v>
      </c>
      <c r="AG20682">
        <v>22</v>
      </c>
      <c r="AH20682">
        <v>23</v>
      </c>
      <c r="AI20682">
        <v>23</v>
      </c>
      <c r="AJ20682">
        <v>23</v>
      </c>
      <c r="AK20682">
        <v>24</v>
      </c>
      <c r="AL20682">
        <v>24</v>
      </c>
      <c r="AM20682">
        <v>24</v>
      </c>
      <c r="AN20682">
        <v>24</v>
      </c>
      <c r="AO20682">
        <v>24</v>
      </c>
      <c r="AP20682">
        <v>24</v>
      </c>
      <c r="AQ20682">
        <v>24</v>
      </c>
    </row>
    <row r="20683" spans="1:43">
      <c r="A20683" t="s">
        <v>12809</v>
      </c>
      <c r="B20683" t="s">
        <v>12810</v>
      </c>
      <c r="C20683" t="s">
        <v>12805</v>
      </c>
      <c r="D20683" t="s">
        <v>12806</v>
      </c>
      <c r="E20683" t="s">
        <v>12580</v>
      </c>
      <c r="F20683" t="s">
        <v>12581</v>
      </c>
      <c r="G20683" t="s">
        <v>12582</v>
      </c>
      <c r="H20683" t="s">
        <v>12581</v>
      </c>
      <c r="I20683" s="2">
        <v>1</v>
      </c>
      <c r="J20683" s="2">
        <v>0</v>
      </c>
      <c r="K20683" s="2">
        <v>0</v>
      </c>
      <c r="L20683" t="s">
        <v>120</v>
      </c>
      <c r="M20683" t="s">
        <v>87</v>
      </c>
      <c r="N20683" t="s">
        <v>88</v>
      </c>
      <c r="O20683" t="s">
        <v>85</v>
      </c>
      <c r="P20683" t="s">
        <v>86</v>
      </c>
      <c r="Q20683">
        <v>18</v>
      </c>
      <c r="R20683">
        <v>18</v>
      </c>
      <c r="S20683">
        <v>18</v>
      </c>
      <c r="T20683">
        <v>18</v>
      </c>
      <c r="U20683">
        <v>18</v>
      </c>
      <c r="V20683">
        <v>18</v>
      </c>
      <c r="W20683">
        <v>18</v>
      </c>
      <c r="X20683">
        <v>19</v>
      </c>
      <c r="Y20683">
        <v>19</v>
      </c>
      <c r="Z20683">
        <v>19</v>
      </c>
      <c r="AA20683">
        <v>19</v>
      </c>
      <c r="AB20683">
        <v>19</v>
      </c>
      <c r="AC20683">
        <v>19</v>
      </c>
      <c r="AD20683">
        <v>19</v>
      </c>
      <c r="AE20683">
        <v>19</v>
      </c>
      <c r="AF20683">
        <v>20</v>
      </c>
      <c r="AG20683">
        <v>20</v>
      </c>
      <c r="AH20683">
        <v>20</v>
      </c>
      <c r="AI20683">
        <v>20</v>
      </c>
      <c r="AJ20683">
        <v>20</v>
      </c>
      <c r="AK20683">
        <v>20</v>
      </c>
      <c r="AL20683">
        <v>20</v>
      </c>
      <c r="AM20683">
        <v>20</v>
      </c>
      <c r="AN20683">
        <v>21</v>
      </c>
      <c r="AO20683">
        <v>21</v>
      </c>
      <c r="AP20683">
        <v>21</v>
      </c>
      <c r="AQ20683">
        <v>21</v>
      </c>
    </row>
    <row r="20684" spans="1:43">
      <c r="A20684" t="s">
        <v>12809</v>
      </c>
      <c r="B20684" t="s">
        <v>12810</v>
      </c>
      <c r="C20684" t="s">
        <v>12805</v>
      </c>
      <c r="D20684" t="s">
        <v>12806</v>
      </c>
      <c r="E20684" t="s">
        <v>12580</v>
      </c>
      <c r="F20684" t="s">
        <v>12581</v>
      </c>
      <c r="G20684" t="s">
        <v>12582</v>
      </c>
      <c r="H20684" t="s">
        <v>12581</v>
      </c>
      <c r="I20684" s="2">
        <v>1</v>
      </c>
      <c r="J20684" s="2">
        <v>0</v>
      </c>
      <c r="K20684" s="2">
        <v>0</v>
      </c>
      <c r="L20684" t="s">
        <v>120</v>
      </c>
      <c r="M20684" t="s">
        <v>89</v>
      </c>
      <c r="N20684" t="s">
        <v>90</v>
      </c>
      <c r="O20684" t="s">
        <v>85</v>
      </c>
      <c r="P20684" t="s">
        <v>86</v>
      </c>
      <c r="Q20684">
        <v>18</v>
      </c>
      <c r="R20684">
        <v>19</v>
      </c>
      <c r="S20684">
        <v>19</v>
      </c>
      <c r="T20684">
        <v>19</v>
      </c>
      <c r="U20684">
        <v>20</v>
      </c>
      <c r="V20684">
        <v>20</v>
      </c>
      <c r="W20684">
        <v>21</v>
      </c>
      <c r="X20684">
        <v>21</v>
      </c>
      <c r="Y20684">
        <v>21</v>
      </c>
      <c r="Z20684">
        <v>22</v>
      </c>
      <c r="AA20684">
        <v>22</v>
      </c>
      <c r="AB20684">
        <v>23</v>
      </c>
      <c r="AC20684">
        <v>23</v>
      </c>
      <c r="AD20684">
        <v>23</v>
      </c>
      <c r="AE20684">
        <v>24</v>
      </c>
      <c r="AF20684">
        <v>24</v>
      </c>
      <c r="AG20684">
        <v>24</v>
      </c>
      <c r="AH20684">
        <v>24</v>
      </c>
      <c r="AI20684">
        <v>24</v>
      </c>
      <c r="AJ20684">
        <v>24</v>
      </c>
      <c r="AK20684">
        <v>24</v>
      </c>
      <c r="AL20684">
        <v>24</v>
      </c>
      <c r="AM20684">
        <v>24</v>
      </c>
      <c r="AN20684">
        <v>24</v>
      </c>
      <c r="AO20684">
        <v>24</v>
      </c>
      <c r="AP20684">
        <v>24</v>
      </c>
      <c r="AQ20684">
        <v>24</v>
      </c>
    </row>
    <row r="20685" spans="1:43">
      <c r="A20685" t="s">
        <v>12809</v>
      </c>
      <c r="B20685" t="s">
        <v>12810</v>
      </c>
      <c r="C20685" t="s">
        <v>12805</v>
      </c>
      <c r="D20685" t="s">
        <v>12806</v>
      </c>
      <c r="E20685" t="s">
        <v>12580</v>
      </c>
      <c r="F20685" t="s">
        <v>12581</v>
      </c>
      <c r="G20685" t="s">
        <v>12582</v>
      </c>
      <c r="H20685" t="s">
        <v>12581</v>
      </c>
      <c r="I20685" s="2">
        <v>1</v>
      </c>
      <c r="J20685" s="2">
        <v>0</v>
      </c>
      <c r="K20685" s="2">
        <v>0</v>
      </c>
      <c r="L20685" t="s">
        <v>120</v>
      </c>
      <c r="M20685" t="s">
        <v>83</v>
      </c>
      <c r="N20685" t="s">
        <v>91</v>
      </c>
      <c r="O20685" t="s">
        <v>85</v>
      </c>
      <c r="P20685" t="s">
        <v>86</v>
      </c>
      <c r="Q20685">
        <v>18</v>
      </c>
      <c r="R20685">
        <v>18</v>
      </c>
      <c r="S20685">
        <v>19</v>
      </c>
      <c r="T20685">
        <v>19</v>
      </c>
      <c r="U20685">
        <v>19</v>
      </c>
      <c r="V20685">
        <v>19</v>
      </c>
      <c r="W20685">
        <v>20</v>
      </c>
      <c r="X20685">
        <v>20</v>
      </c>
      <c r="Y20685">
        <v>20</v>
      </c>
      <c r="Z20685">
        <v>20</v>
      </c>
      <c r="AA20685">
        <v>21</v>
      </c>
      <c r="AB20685">
        <v>21</v>
      </c>
      <c r="AC20685">
        <v>21</v>
      </c>
      <c r="AD20685">
        <v>22</v>
      </c>
      <c r="AE20685">
        <v>22</v>
      </c>
      <c r="AF20685">
        <v>22</v>
      </c>
      <c r="AG20685">
        <v>22</v>
      </c>
      <c r="AH20685">
        <v>23</v>
      </c>
      <c r="AI20685">
        <v>23</v>
      </c>
      <c r="AJ20685">
        <v>23</v>
      </c>
      <c r="AK20685">
        <v>24</v>
      </c>
      <c r="AL20685">
        <v>24</v>
      </c>
      <c r="AM20685">
        <v>24</v>
      </c>
      <c r="AN20685">
        <v>24</v>
      </c>
      <c r="AO20685">
        <v>24</v>
      </c>
      <c r="AP20685">
        <v>24</v>
      </c>
      <c r="AQ20685">
        <v>24</v>
      </c>
    </row>
    <row r="20686" spans="1:43">
      <c r="A20686" t="s">
        <v>12811</v>
      </c>
      <c r="B20686" t="s">
        <v>12812</v>
      </c>
      <c r="C20686" t="s">
        <v>12813</v>
      </c>
      <c r="D20686" t="s">
        <v>12814</v>
      </c>
      <c r="E20686" t="s">
        <v>12580</v>
      </c>
      <c r="F20686" t="s">
        <v>12581</v>
      </c>
      <c r="G20686" t="s">
        <v>12582</v>
      </c>
      <c r="H20686" t="s">
        <v>12581</v>
      </c>
      <c r="I20686" s="2">
        <v>0.96</v>
      </c>
      <c r="J20686" s="2">
        <v>0</v>
      </c>
      <c r="K20686" s="2">
        <v>0</v>
      </c>
      <c r="L20686" t="s">
        <v>120</v>
      </c>
      <c r="M20686" t="s">
        <v>83</v>
      </c>
      <c r="N20686" t="s">
        <v>84</v>
      </c>
      <c r="O20686" t="s">
        <v>85</v>
      </c>
      <c r="P20686" t="s">
        <v>86</v>
      </c>
      <c r="Q20686">
        <v>51</v>
      </c>
      <c r="R20686">
        <v>52</v>
      </c>
      <c r="S20686">
        <v>53</v>
      </c>
      <c r="T20686">
        <v>54</v>
      </c>
      <c r="U20686">
        <v>54</v>
      </c>
      <c r="V20686">
        <v>55</v>
      </c>
      <c r="W20686">
        <v>56</v>
      </c>
      <c r="X20686">
        <v>57</v>
      </c>
      <c r="Y20686">
        <v>58</v>
      </c>
      <c r="Z20686">
        <v>59</v>
      </c>
      <c r="AA20686">
        <v>59</v>
      </c>
      <c r="AB20686">
        <v>60</v>
      </c>
      <c r="AC20686">
        <v>61</v>
      </c>
      <c r="AD20686">
        <v>62</v>
      </c>
      <c r="AE20686">
        <v>63</v>
      </c>
      <c r="AF20686">
        <v>64</v>
      </c>
      <c r="AG20686">
        <v>64</v>
      </c>
      <c r="AH20686">
        <v>65</v>
      </c>
      <c r="AI20686">
        <v>66</v>
      </c>
      <c r="AJ20686">
        <v>67</v>
      </c>
      <c r="AK20686">
        <v>68</v>
      </c>
      <c r="AL20686">
        <v>68</v>
      </c>
      <c r="AM20686">
        <v>69</v>
      </c>
      <c r="AN20686">
        <v>69</v>
      </c>
      <c r="AO20686">
        <v>69</v>
      </c>
      <c r="AP20686">
        <v>69</v>
      </c>
      <c r="AQ20686">
        <v>70</v>
      </c>
    </row>
    <row r="20687" spans="1:43">
      <c r="A20687" t="s">
        <v>12811</v>
      </c>
      <c r="B20687" t="s">
        <v>12812</v>
      </c>
      <c r="C20687" t="s">
        <v>12813</v>
      </c>
      <c r="D20687" t="s">
        <v>12814</v>
      </c>
      <c r="E20687" t="s">
        <v>12580</v>
      </c>
      <c r="F20687" t="s">
        <v>12581</v>
      </c>
      <c r="G20687" t="s">
        <v>12582</v>
      </c>
      <c r="H20687" t="s">
        <v>12581</v>
      </c>
      <c r="I20687" s="2">
        <v>0.96</v>
      </c>
      <c r="J20687" s="2">
        <v>0</v>
      </c>
      <c r="K20687" s="2">
        <v>0</v>
      </c>
      <c r="L20687" t="s">
        <v>120</v>
      </c>
      <c r="M20687" t="s">
        <v>87</v>
      </c>
      <c r="N20687" t="s">
        <v>88</v>
      </c>
      <c r="O20687" t="s">
        <v>85</v>
      </c>
      <c r="P20687" t="s">
        <v>86</v>
      </c>
      <c r="Q20687">
        <v>51</v>
      </c>
      <c r="R20687">
        <v>51</v>
      </c>
      <c r="S20687">
        <v>51</v>
      </c>
      <c r="T20687">
        <v>52</v>
      </c>
      <c r="U20687">
        <v>52</v>
      </c>
      <c r="V20687">
        <v>52</v>
      </c>
      <c r="W20687">
        <v>53</v>
      </c>
      <c r="X20687">
        <v>53</v>
      </c>
      <c r="Y20687">
        <v>53</v>
      </c>
      <c r="Z20687">
        <v>54</v>
      </c>
      <c r="AA20687">
        <v>54</v>
      </c>
      <c r="AB20687">
        <v>54</v>
      </c>
      <c r="AC20687">
        <v>55</v>
      </c>
      <c r="AD20687">
        <v>55</v>
      </c>
      <c r="AE20687">
        <v>56</v>
      </c>
      <c r="AF20687">
        <v>56</v>
      </c>
      <c r="AG20687">
        <v>56</v>
      </c>
      <c r="AH20687">
        <v>57</v>
      </c>
      <c r="AI20687">
        <v>57</v>
      </c>
      <c r="AJ20687">
        <v>58</v>
      </c>
      <c r="AK20687">
        <v>58</v>
      </c>
      <c r="AL20687">
        <v>58</v>
      </c>
      <c r="AM20687">
        <v>59</v>
      </c>
      <c r="AN20687">
        <v>59</v>
      </c>
      <c r="AO20687">
        <v>60</v>
      </c>
      <c r="AP20687">
        <v>60</v>
      </c>
      <c r="AQ20687">
        <v>60</v>
      </c>
    </row>
    <row r="20688" spans="1:43">
      <c r="A20688" t="s">
        <v>12811</v>
      </c>
      <c r="B20688" t="s">
        <v>12812</v>
      </c>
      <c r="C20688" t="s">
        <v>12813</v>
      </c>
      <c r="D20688" t="s">
        <v>12814</v>
      </c>
      <c r="E20688" t="s">
        <v>12580</v>
      </c>
      <c r="F20688" t="s">
        <v>12581</v>
      </c>
      <c r="G20688" t="s">
        <v>12582</v>
      </c>
      <c r="H20688" t="s">
        <v>12581</v>
      </c>
      <c r="I20688" s="2">
        <v>0.96</v>
      </c>
      <c r="J20688" s="2">
        <v>0</v>
      </c>
      <c r="K20688" s="2">
        <v>0</v>
      </c>
      <c r="L20688" t="s">
        <v>120</v>
      </c>
      <c r="M20688" t="s">
        <v>89</v>
      </c>
      <c r="N20688" t="s">
        <v>90</v>
      </c>
      <c r="O20688" t="s">
        <v>85</v>
      </c>
      <c r="P20688" t="s">
        <v>86</v>
      </c>
      <c r="Q20688">
        <v>51</v>
      </c>
      <c r="R20688">
        <v>52</v>
      </c>
      <c r="S20688">
        <v>53</v>
      </c>
      <c r="T20688">
        <v>54</v>
      </c>
      <c r="U20688">
        <v>56</v>
      </c>
      <c r="V20688">
        <v>57</v>
      </c>
      <c r="W20688">
        <v>58</v>
      </c>
      <c r="X20688">
        <v>59</v>
      </c>
      <c r="Y20688">
        <v>60</v>
      </c>
      <c r="Z20688">
        <v>61</v>
      </c>
      <c r="AA20688">
        <v>62</v>
      </c>
      <c r="AB20688">
        <v>63</v>
      </c>
      <c r="AC20688">
        <v>64</v>
      </c>
      <c r="AD20688">
        <v>65</v>
      </c>
      <c r="AE20688">
        <v>66</v>
      </c>
      <c r="AF20688">
        <v>66</v>
      </c>
      <c r="AG20688">
        <v>67</v>
      </c>
      <c r="AH20688">
        <v>67</v>
      </c>
      <c r="AI20688">
        <v>67</v>
      </c>
      <c r="AJ20688">
        <v>67</v>
      </c>
      <c r="AK20688">
        <v>68</v>
      </c>
      <c r="AL20688">
        <v>68</v>
      </c>
      <c r="AM20688">
        <v>68</v>
      </c>
      <c r="AN20688">
        <v>68</v>
      </c>
      <c r="AO20688">
        <v>69</v>
      </c>
      <c r="AP20688">
        <v>69</v>
      </c>
      <c r="AQ20688">
        <v>69</v>
      </c>
    </row>
    <row r="20689" spans="1:43">
      <c r="A20689" t="s">
        <v>12811</v>
      </c>
      <c r="B20689" t="s">
        <v>12812</v>
      </c>
      <c r="C20689" t="s">
        <v>12813</v>
      </c>
      <c r="D20689" t="s">
        <v>12814</v>
      </c>
      <c r="E20689" t="s">
        <v>12580</v>
      </c>
      <c r="F20689" t="s">
        <v>12581</v>
      </c>
      <c r="G20689" t="s">
        <v>12582</v>
      </c>
      <c r="H20689" t="s">
        <v>12581</v>
      </c>
      <c r="I20689" s="2">
        <v>0.96</v>
      </c>
      <c r="J20689" s="2">
        <v>0</v>
      </c>
      <c r="K20689" s="2">
        <v>0</v>
      </c>
      <c r="L20689" t="s">
        <v>120</v>
      </c>
      <c r="M20689" t="s">
        <v>83</v>
      </c>
      <c r="N20689" t="s">
        <v>91</v>
      </c>
      <c r="O20689" t="s">
        <v>85</v>
      </c>
      <c r="P20689" t="s">
        <v>86</v>
      </c>
      <c r="Q20689">
        <v>51</v>
      </c>
      <c r="R20689">
        <v>52</v>
      </c>
      <c r="S20689">
        <v>53</v>
      </c>
      <c r="T20689">
        <v>54</v>
      </c>
      <c r="U20689">
        <v>54</v>
      </c>
      <c r="V20689">
        <v>55</v>
      </c>
      <c r="W20689">
        <v>56</v>
      </c>
      <c r="X20689">
        <v>57</v>
      </c>
      <c r="Y20689">
        <v>58</v>
      </c>
      <c r="Z20689">
        <v>59</v>
      </c>
      <c r="AA20689">
        <v>59</v>
      </c>
      <c r="AB20689">
        <v>60</v>
      </c>
      <c r="AC20689">
        <v>61</v>
      </c>
      <c r="AD20689">
        <v>62</v>
      </c>
      <c r="AE20689">
        <v>63</v>
      </c>
      <c r="AF20689">
        <v>64</v>
      </c>
      <c r="AG20689">
        <v>64</v>
      </c>
      <c r="AH20689">
        <v>65</v>
      </c>
      <c r="AI20689">
        <v>66</v>
      </c>
      <c r="AJ20689">
        <v>67</v>
      </c>
      <c r="AK20689">
        <v>68</v>
      </c>
      <c r="AL20689">
        <v>68</v>
      </c>
      <c r="AM20689">
        <v>69</v>
      </c>
      <c r="AN20689">
        <v>69</v>
      </c>
      <c r="AO20689">
        <v>69</v>
      </c>
      <c r="AP20689">
        <v>69</v>
      </c>
      <c r="AQ20689">
        <v>70</v>
      </c>
    </row>
    <row r="20690" spans="1:43">
      <c r="A20690" t="s">
        <v>12815</v>
      </c>
      <c r="B20690" t="s">
        <v>12816</v>
      </c>
      <c r="C20690" t="s">
        <v>12813</v>
      </c>
      <c r="D20690" t="s">
        <v>12814</v>
      </c>
      <c r="E20690" t="s">
        <v>12580</v>
      </c>
      <c r="F20690" t="s">
        <v>12581</v>
      </c>
      <c r="G20690" t="s">
        <v>12582</v>
      </c>
      <c r="H20690" t="s">
        <v>12581</v>
      </c>
      <c r="I20690" s="2">
        <v>1</v>
      </c>
      <c r="J20690" s="2">
        <v>0</v>
      </c>
      <c r="K20690" s="2">
        <v>0</v>
      </c>
      <c r="L20690" t="s">
        <v>120</v>
      </c>
      <c r="M20690" t="s">
        <v>83</v>
      </c>
      <c r="N20690" t="s">
        <v>84</v>
      </c>
      <c r="O20690" t="s">
        <v>85</v>
      </c>
      <c r="P20690" t="s">
        <v>86</v>
      </c>
      <c r="Q20690">
        <v>33</v>
      </c>
      <c r="R20690">
        <v>34</v>
      </c>
      <c r="S20690">
        <v>34</v>
      </c>
      <c r="T20690">
        <v>35</v>
      </c>
      <c r="U20690">
        <v>35</v>
      </c>
      <c r="V20690">
        <v>36</v>
      </c>
      <c r="W20690">
        <v>36</v>
      </c>
      <c r="X20690">
        <v>37</v>
      </c>
      <c r="Y20690">
        <v>37</v>
      </c>
      <c r="Z20690">
        <v>38</v>
      </c>
      <c r="AA20690">
        <v>38</v>
      </c>
      <c r="AB20690">
        <v>39</v>
      </c>
      <c r="AC20690">
        <v>40</v>
      </c>
      <c r="AD20690">
        <v>40</v>
      </c>
      <c r="AE20690">
        <v>41</v>
      </c>
      <c r="AF20690">
        <v>41</v>
      </c>
      <c r="AG20690">
        <v>42</v>
      </c>
      <c r="AH20690">
        <v>42</v>
      </c>
      <c r="AI20690">
        <v>43</v>
      </c>
      <c r="AJ20690">
        <v>43</v>
      </c>
      <c r="AK20690">
        <v>44</v>
      </c>
      <c r="AL20690">
        <v>44</v>
      </c>
      <c r="AM20690">
        <v>44</v>
      </c>
      <c r="AN20690">
        <v>44</v>
      </c>
      <c r="AO20690">
        <v>45</v>
      </c>
      <c r="AP20690">
        <v>45</v>
      </c>
      <c r="AQ20690">
        <v>45</v>
      </c>
    </row>
    <row r="20691" spans="1:43">
      <c r="A20691" t="s">
        <v>12815</v>
      </c>
      <c r="B20691" t="s">
        <v>12816</v>
      </c>
      <c r="C20691" t="s">
        <v>12813</v>
      </c>
      <c r="D20691" t="s">
        <v>12814</v>
      </c>
      <c r="E20691" t="s">
        <v>12580</v>
      </c>
      <c r="F20691" t="s">
        <v>12581</v>
      </c>
      <c r="G20691" t="s">
        <v>12582</v>
      </c>
      <c r="H20691" t="s">
        <v>12581</v>
      </c>
      <c r="I20691" s="2">
        <v>1</v>
      </c>
      <c r="J20691" s="2">
        <v>0</v>
      </c>
      <c r="K20691" s="2">
        <v>0</v>
      </c>
      <c r="L20691" t="s">
        <v>120</v>
      </c>
      <c r="M20691" t="s">
        <v>87</v>
      </c>
      <c r="N20691" t="s">
        <v>88</v>
      </c>
      <c r="O20691" t="s">
        <v>85</v>
      </c>
      <c r="P20691" t="s">
        <v>86</v>
      </c>
      <c r="Q20691">
        <v>33</v>
      </c>
      <c r="R20691">
        <v>33</v>
      </c>
      <c r="S20691">
        <v>33</v>
      </c>
      <c r="T20691">
        <v>34</v>
      </c>
      <c r="U20691">
        <v>34</v>
      </c>
      <c r="V20691">
        <v>34</v>
      </c>
      <c r="W20691">
        <v>34</v>
      </c>
      <c r="X20691">
        <v>34</v>
      </c>
      <c r="Y20691">
        <v>35</v>
      </c>
      <c r="Z20691">
        <v>35</v>
      </c>
      <c r="AA20691">
        <v>35</v>
      </c>
      <c r="AB20691">
        <v>35</v>
      </c>
      <c r="AC20691">
        <v>36</v>
      </c>
      <c r="AD20691">
        <v>36</v>
      </c>
      <c r="AE20691">
        <v>36</v>
      </c>
      <c r="AF20691">
        <v>36</v>
      </c>
      <c r="AG20691">
        <v>36</v>
      </c>
      <c r="AH20691">
        <v>37</v>
      </c>
      <c r="AI20691">
        <v>37</v>
      </c>
      <c r="AJ20691">
        <v>37</v>
      </c>
      <c r="AK20691">
        <v>37</v>
      </c>
      <c r="AL20691">
        <v>38</v>
      </c>
      <c r="AM20691">
        <v>38</v>
      </c>
      <c r="AN20691">
        <v>38</v>
      </c>
      <c r="AO20691">
        <v>38</v>
      </c>
      <c r="AP20691">
        <v>39</v>
      </c>
      <c r="AQ20691">
        <v>39</v>
      </c>
    </row>
    <row r="20692" spans="1:43">
      <c r="A20692" t="s">
        <v>12815</v>
      </c>
      <c r="B20692" t="s">
        <v>12816</v>
      </c>
      <c r="C20692" t="s">
        <v>12813</v>
      </c>
      <c r="D20692" t="s">
        <v>12814</v>
      </c>
      <c r="E20692" t="s">
        <v>12580</v>
      </c>
      <c r="F20692" t="s">
        <v>12581</v>
      </c>
      <c r="G20692" t="s">
        <v>12582</v>
      </c>
      <c r="H20692" t="s">
        <v>12581</v>
      </c>
      <c r="I20692" s="2">
        <v>1</v>
      </c>
      <c r="J20692" s="2">
        <v>0</v>
      </c>
      <c r="K20692" s="2">
        <v>0</v>
      </c>
      <c r="L20692" t="s">
        <v>120</v>
      </c>
      <c r="M20692" t="s">
        <v>89</v>
      </c>
      <c r="N20692" t="s">
        <v>90</v>
      </c>
      <c r="O20692" t="s">
        <v>85</v>
      </c>
      <c r="P20692" t="s">
        <v>86</v>
      </c>
      <c r="Q20692">
        <v>33</v>
      </c>
      <c r="R20692">
        <v>33</v>
      </c>
      <c r="S20692">
        <v>34</v>
      </c>
      <c r="T20692">
        <v>35</v>
      </c>
      <c r="U20692">
        <v>36</v>
      </c>
      <c r="V20692">
        <v>36</v>
      </c>
      <c r="W20692">
        <v>37</v>
      </c>
      <c r="X20692">
        <v>38</v>
      </c>
      <c r="Y20692">
        <v>39</v>
      </c>
      <c r="Z20692">
        <v>39</v>
      </c>
      <c r="AA20692">
        <v>40</v>
      </c>
      <c r="AB20692">
        <v>41</v>
      </c>
      <c r="AC20692">
        <v>41</v>
      </c>
      <c r="AD20692">
        <v>42</v>
      </c>
      <c r="AE20692">
        <v>43</v>
      </c>
      <c r="AF20692">
        <v>43</v>
      </c>
      <c r="AG20692">
        <v>43</v>
      </c>
      <c r="AH20692">
        <v>43</v>
      </c>
      <c r="AI20692">
        <v>43</v>
      </c>
      <c r="AJ20692">
        <v>43</v>
      </c>
      <c r="AK20692">
        <v>43</v>
      </c>
      <c r="AL20692">
        <v>43</v>
      </c>
      <c r="AM20692">
        <v>44</v>
      </c>
      <c r="AN20692">
        <v>44</v>
      </c>
      <c r="AO20692">
        <v>44</v>
      </c>
      <c r="AP20692">
        <v>44</v>
      </c>
      <c r="AQ20692">
        <v>44</v>
      </c>
    </row>
    <row r="20693" spans="1:43">
      <c r="A20693" t="s">
        <v>12815</v>
      </c>
      <c r="B20693" t="s">
        <v>12816</v>
      </c>
      <c r="C20693" t="s">
        <v>12813</v>
      </c>
      <c r="D20693" t="s">
        <v>12814</v>
      </c>
      <c r="E20693" t="s">
        <v>12580</v>
      </c>
      <c r="F20693" t="s">
        <v>12581</v>
      </c>
      <c r="G20693" t="s">
        <v>12582</v>
      </c>
      <c r="H20693" t="s">
        <v>12581</v>
      </c>
      <c r="I20693" s="2">
        <v>1</v>
      </c>
      <c r="J20693" s="2">
        <v>0</v>
      </c>
      <c r="K20693" s="2">
        <v>0</v>
      </c>
      <c r="L20693" t="s">
        <v>120</v>
      </c>
      <c r="M20693" t="s">
        <v>83</v>
      </c>
      <c r="N20693" t="s">
        <v>91</v>
      </c>
      <c r="O20693" t="s">
        <v>85</v>
      </c>
      <c r="P20693" t="s">
        <v>86</v>
      </c>
      <c r="Q20693">
        <v>33</v>
      </c>
      <c r="R20693">
        <v>34</v>
      </c>
      <c r="S20693">
        <v>34</v>
      </c>
      <c r="T20693">
        <v>35</v>
      </c>
      <c r="U20693">
        <v>35</v>
      </c>
      <c r="V20693">
        <v>36</v>
      </c>
      <c r="W20693">
        <v>36</v>
      </c>
      <c r="X20693">
        <v>37</v>
      </c>
      <c r="Y20693">
        <v>37</v>
      </c>
      <c r="Z20693">
        <v>38</v>
      </c>
      <c r="AA20693">
        <v>38</v>
      </c>
      <c r="AB20693">
        <v>39</v>
      </c>
      <c r="AC20693">
        <v>40</v>
      </c>
      <c r="AD20693">
        <v>40</v>
      </c>
      <c r="AE20693">
        <v>41</v>
      </c>
      <c r="AF20693">
        <v>41</v>
      </c>
      <c r="AG20693">
        <v>42</v>
      </c>
      <c r="AH20693">
        <v>42</v>
      </c>
      <c r="AI20693">
        <v>43</v>
      </c>
      <c r="AJ20693">
        <v>43</v>
      </c>
      <c r="AK20693">
        <v>44</v>
      </c>
      <c r="AL20693">
        <v>44</v>
      </c>
      <c r="AM20693">
        <v>44</v>
      </c>
      <c r="AN20693">
        <v>44</v>
      </c>
      <c r="AO20693">
        <v>45</v>
      </c>
      <c r="AP20693">
        <v>45</v>
      </c>
      <c r="AQ20693">
        <v>45</v>
      </c>
    </row>
    <row r="20694" spans="1:43">
      <c r="A20694" t="s">
        <v>12817</v>
      </c>
      <c r="B20694" t="s">
        <v>12818</v>
      </c>
      <c r="C20694" t="s">
        <v>12791</v>
      </c>
      <c r="D20694" t="s">
        <v>12792</v>
      </c>
      <c r="E20694" t="s">
        <v>12580</v>
      </c>
      <c r="F20694" t="s">
        <v>12581</v>
      </c>
      <c r="G20694" t="s">
        <v>12582</v>
      </c>
      <c r="H20694" t="s">
        <v>12581</v>
      </c>
      <c r="I20694" s="2">
        <v>1</v>
      </c>
      <c r="J20694" s="2">
        <v>0</v>
      </c>
      <c r="K20694" s="2">
        <v>0</v>
      </c>
      <c r="L20694" t="s">
        <v>120</v>
      </c>
      <c r="M20694" t="s">
        <v>83</v>
      </c>
      <c r="N20694" t="s">
        <v>84</v>
      </c>
      <c r="O20694" t="s">
        <v>85</v>
      </c>
      <c r="P20694" t="s">
        <v>86</v>
      </c>
      <c r="Q20694">
        <v>57</v>
      </c>
      <c r="R20694">
        <v>58</v>
      </c>
      <c r="S20694">
        <v>59</v>
      </c>
      <c r="T20694">
        <v>60</v>
      </c>
      <c r="U20694">
        <v>61</v>
      </c>
      <c r="V20694">
        <v>62</v>
      </c>
      <c r="W20694">
        <v>63</v>
      </c>
      <c r="X20694">
        <v>63</v>
      </c>
      <c r="Y20694">
        <v>64</v>
      </c>
      <c r="Z20694">
        <v>65</v>
      </c>
      <c r="AA20694">
        <v>66</v>
      </c>
      <c r="AB20694">
        <v>67</v>
      </c>
      <c r="AC20694">
        <v>68</v>
      </c>
      <c r="AD20694">
        <v>69</v>
      </c>
      <c r="AE20694">
        <v>70</v>
      </c>
      <c r="AF20694">
        <v>71</v>
      </c>
      <c r="AG20694">
        <v>72</v>
      </c>
      <c r="AH20694">
        <v>73</v>
      </c>
      <c r="AI20694">
        <v>74</v>
      </c>
      <c r="AJ20694">
        <v>75</v>
      </c>
      <c r="AK20694">
        <v>76</v>
      </c>
      <c r="AL20694">
        <v>76</v>
      </c>
      <c r="AM20694">
        <v>77</v>
      </c>
      <c r="AN20694">
        <v>77</v>
      </c>
      <c r="AO20694">
        <v>77</v>
      </c>
      <c r="AP20694">
        <v>78</v>
      </c>
      <c r="AQ20694">
        <v>78</v>
      </c>
    </row>
    <row r="20695" spans="1:43">
      <c r="A20695" t="s">
        <v>12817</v>
      </c>
      <c r="B20695" t="s">
        <v>12818</v>
      </c>
      <c r="C20695" t="s">
        <v>12791</v>
      </c>
      <c r="D20695" t="s">
        <v>12792</v>
      </c>
      <c r="E20695" t="s">
        <v>12580</v>
      </c>
      <c r="F20695" t="s">
        <v>12581</v>
      </c>
      <c r="G20695" t="s">
        <v>12582</v>
      </c>
      <c r="H20695" t="s">
        <v>12581</v>
      </c>
      <c r="I20695" s="2">
        <v>1</v>
      </c>
      <c r="J20695" s="2">
        <v>0</v>
      </c>
      <c r="K20695" s="2">
        <v>0</v>
      </c>
      <c r="L20695" t="s">
        <v>120</v>
      </c>
      <c r="M20695" t="s">
        <v>87</v>
      </c>
      <c r="N20695" t="s">
        <v>88</v>
      </c>
      <c r="O20695" t="s">
        <v>85</v>
      </c>
      <c r="P20695" t="s">
        <v>86</v>
      </c>
      <c r="Q20695">
        <v>57</v>
      </c>
      <c r="R20695">
        <v>58</v>
      </c>
      <c r="S20695">
        <v>58</v>
      </c>
      <c r="T20695">
        <v>59</v>
      </c>
      <c r="U20695">
        <v>59</v>
      </c>
      <c r="V20695">
        <v>59</v>
      </c>
      <c r="W20695">
        <v>60</v>
      </c>
      <c r="X20695">
        <v>60</v>
      </c>
      <c r="Y20695">
        <v>61</v>
      </c>
      <c r="Z20695">
        <v>61</v>
      </c>
      <c r="AA20695">
        <v>61</v>
      </c>
      <c r="AB20695">
        <v>62</v>
      </c>
      <c r="AC20695">
        <v>62</v>
      </c>
      <c r="AD20695">
        <v>63</v>
      </c>
      <c r="AE20695">
        <v>63</v>
      </c>
      <c r="AF20695">
        <v>64</v>
      </c>
      <c r="AG20695">
        <v>64</v>
      </c>
      <c r="AH20695">
        <v>65</v>
      </c>
      <c r="AI20695">
        <v>65</v>
      </c>
      <c r="AJ20695">
        <v>65</v>
      </c>
      <c r="AK20695">
        <v>66</v>
      </c>
      <c r="AL20695">
        <v>66</v>
      </c>
      <c r="AM20695">
        <v>67</v>
      </c>
      <c r="AN20695">
        <v>67</v>
      </c>
      <c r="AO20695">
        <v>68</v>
      </c>
      <c r="AP20695">
        <v>68</v>
      </c>
      <c r="AQ20695">
        <v>69</v>
      </c>
    </row>
    <row r="20696" spans="1:43">
      <c r="A20696" t="s">
        <v>12817</v>
      </c>
      <c r="B20696" t="s">
        <v>12818</v>
      </c>
      <c r="C20696" t="s">
        <v>12791</v>
      </c>
      <c r="D20696" t="s">
        <v>12792</v>
      </c>
      <c r="E20696" t="s">
        <v>12580</v>
      </c>
      <c r="F20696" t="s">
        <v>12581</v>
      </c>
      <c r="G20696" t="s">
        <v>12582</v>
      </c>
      <c r="H20696" t="s">
        <v>12581</v>
      </c>
      <c r="I20696" s="2">
        <v>1</v>
      </c>
      <c r="J20696" s="2">
        <v>0</v>
      </c>
      <c r="K20696" s="2">
        <v>0</v>
      </c>
      <c r="L20696" t="s">
        <v>120</v>
      </c>
      <c r="M20696" t="s">
        <v>89</v>
      </c>
      <c r="N20696" t="s">
        <v>90</v>
      </c>
      <c r="O20696" t="s">
        <v>85</v>
      </c>
      <c r="P20696" t="s">
        <v>86</v>
      </c>
      <c r="Q20696">
        <v>57</v>
      </c>
      <c r="R20696">
        <v>59</v>
      </c>
      <c r="S20696">
        <v>60</v>
      </c>
      <c r="T20696">
        <v>62</v>
      </c>
      <c r="U20696">
        <v>63</v>
      </c>
      <c r="V20696">
        <v>64</v>
      </c>
      <c r="W20696">
        <v>66</v>
      </c>
      <c r="X20696">
        <v>67</v>
      </c>
      <c r="Y20696">
        <v>68</v>
      </c>
      <c r="Z20696">
        <v>69</v>
      </c>
      <c r="AA20696">
        <v>70</v>
      </c>
      <c r="AB20696">
        <v>72</v>
      </c>
      <c r="AC20696">
        <v>73</v>
      </c>
      <c r="AD20696">
        <v>74</v>
      </c>
      <c r="AE20696">
        <v>75</v>
      </c>
      <c r="AF20696">
        <v>75</v>
      </c>
      <c r="AG20696">
        <v>75</v>
      </c>
      <c r="AH20696">
        <v>76</v>
      </c>
      <c r="AI20696">
        <v>76</v>
      </c>
      <c r="AJ20696">
        <v>76</v>
      </c>
      <c r="AK20696">
        <v>77</v>
      </c>
      <c r="AL20696">
        <v>77</v>
      </c>
      <c r="AM20696">
        <v>77</v>
      </c>
      <c r="AN20696">
        <v>78</v>
      </c>
      <c r="AO20696">
        <v>78</v>
      </c>
      <c r="AP20696">
        <v>78</v>
      </c>
      <c r="AQ20696">
        <v>79</v>
      </c>
    </row>
    <row r="20697" spans="1:43">
      <c r="A20697" t="s">
        <v>12817</v>
      </c>
      <c r="B20697" t="s">
        <v>12818</v>
      </c>
      <c r="C20697" t="s">
        <v>12791</v>
      </c>
      <c r="D20697" t="s">
        <v>12792</v>
      </c>
      <c r="E20697" t="s">
        <v>12580</v>
      </c>
      <c r="F20697" t="s">
        <v>12581</v>
      </c>
      <c r="G20697" t="s">
        <v>12582</v>
      </c>
      <c r="H20697" t="s">
        <v>12581</v>
      </c>
      <c r="I20697" s="2">
        <v>1</v>
      </c>
      <c r="J20697" s="2">
        <v>0</v>
      </c>
      <c r="K20697" s="2">
        <v>0</v>
      </c>
      <c r="L20697" t="s">
        <v>120</v>
      </c>
      <c r="M20697" t="s">
        <v>83</v>
      </c>
      <c r="N20697" t="s">
        <v>91</v>
      </c>
      <c r="O20697" t="s">
        <v>85</v>
      </c>
      <c r="P20697" t="s">
        <v>86</v>
      </c>
      <c r="Q20697">
        <v>57</v>
      </c>
      <c r="R20697">
        <v>58</v>
      </c>
      <c r="S20697">
        <v>59</v>
      </c>
      <c r="T20697">
        <v>60</v>
      </c>
      <c r="U20697">
        <v>61</v>
      </c>
      <c r="V20697">
        <v>62</v>
      </c>
      <c r="W20697">
        <v>63</v>
      </c>
      <c r="X20697">
        <v>63</v>
      </c>
      <c r="Y20697">
        <v>64</v>
      </c>
      <c r="Z20697">
        <v>65</v>
      </c>
      <c r="AA20697">
        <v>66</v>
      </c>
      <c r="AB20697">
        <v>67</v>
      </c>
      <c r="AC20697">
        <v>68</v>
      </c>
      <c r="AD20697">
        <v>69</v>
      </c>
      <c r="AE20697">
        <v>70</v>
      </c>
      <c r="AF20697">
        <v>71</v>
      </c>
      <c r="AG20697">
        <v>72</v>
      </c>
      <c r="AH20697">
        <v>73</v>
      </c>
      <c r="AI20697">
        <v>74</v>
      </c>
      <c r="AJ20697">
        <v>75</v>
      </c>
      <c r="AK20697">
        <v>76</v>
      </c>
      <c r="AL20697">
        <v>76</v>
      </c>
      <c r="AM20697">
        <v>77</v>
      </c>
      <c r="AN20697">
        <v>77</v>
      </c>
      <c r="AO20697">
        <v>77</v>
      </c>
      <c r="AP20697">
        <v>78</v>
      </c>
      <c r="AQ20697">
        <v>78</v>
      </c>
    </row>
    <row r="20698" spans="1:43">
      <c r="A20698" t="s">
        <v>12819</v>
      </c>
      <c r="B20698" t="s">
        <v>12820</v>
      </c>
      <c r="C20698" t="s">
        <v>12791</v>
      </c>
      <c r="D20698" t="s">
        <v>12792</v>
      </c>
      <c r="E20698" t="s">
        <v>12580</v>
      </c>
      <c r="F20698" t="s">
        <v>12581</v>
      </c>
      <c r="G20698" t="s">
        <v>12582</v>
      </c>
      <c r="H20698" t="s">
        <v>12581</v>
      </c>
      <c r="I20698" s="2">
        <v>1</v>
      </c>
      <c r="J20698" s="2">
        <v>0</v>
      </c>
      <c r="K20698" s="2">
        <v>0</v>
      </c>
      <c r="L20698" t="s">
        <v>120</v>
      </c>
      <c r="M20698" t="s">
        <v>83</v>
      </c>
      <c r="N20698" t="s">
        <v>84</v>
      </c>
      <c r="O20698" t="s">
        <v>85</v>
      </c>
      <c r="P20698" t="s">
        <v>86</v>
      </c>
      <c r="Q20698">
        <v>8</v>
      </c>
      <c r="R20698">
        <v>8</v>
      </c>
      <c r="S20698">
        <v>8</v>
      </c>
      <c r="T20698">
        <v>8</v>
      </c>
      <c r="U20698">
        <v>8</v>
      </c>
      <c r="V20698">
        <v>8</v>
      </c>
      <c r="W20698">
        <v>9</v>
      </c>
      <c r="X20698">
        <v>9</v>
      </c>
      <c r="Y20698">
        <v>9</v>
      </c>
      <c r="Z20698">
        <v>9</v>
      </c>
      <c r="AA20698">
        <v>9</v>
      </c>
      <c r="AB20698">
        <v>9</v>
      </c>
      <c r="AC20698">
        <v>9</v>
      </c>
      <c r="AD20698">
        <v>9</v>
      </c>
      <c r="AE20698">
        <v>10</v>
      </c>
      <c r="AF20698">
        <v>10</v>
      </c>
      <c r="AG20698">
        <v>10</v>
      </c>
      <c r="AH20698">
        <v>10</v>
      </c>
      <c r="AI20698">
        <v>10</v>
      </c>
      <c r="AJ20698">
        <v>10</v>
      </c>
      <c r="AK20698">
        <v>10</v>
      </c>
      <c r="AL20698">
        <v>10</v>
      </c>
      <c r="AM20698">
        <v>10</v>
      </c>
      <c r="AN20698">
        <v>11</v>
      </c>
      <c r="AO20698">
        <v>11</v>
      </c>
      <c r="AP20698">
        <v>11</v>
      </c>
      <c r="AQ20698">
        <v>11</v>
      </c>
    </row>
    <row r="20699" spans="1:43">
      <c r="A20699" t="s">
        <v>12819</v>
      </c>
      <c r="B20699" t="s">
        <v>12820</v>
      </c>
      <c r="C20699" t="s">
        <v>12791</v>
      </c>
      <c r="D20699" t="s">
        <v>12792</v>
      </c>
      <c r="E20699" t="s">
        <v>12580</v>
      </c>
      <c r="F20699" t="s">
        <v>12581</v>
      </c>
      <c r="G20699" t="s">
        <v>12582</v>
      </c>
      <c r="H20699" t="s">
        <v>12581</v>
      </c>
      <c r="I20699" s="2">
        <v>1</v>
      </c>
      <c r="J20699" s="2">
        <v>0</v>
      </c>
      <c r="K20699" s="2">
        <v>0</v>
      </c>
      <c r="L20699" t="s">
        <v>120</v>
      </c>
      <c r="M20699" t="s">
        <v>87</v>
      </c>
      <c r="N20699" t="s">
        <v>88</v>
      </c>
      <c r="O20699" t="s">
        <v>85</v>
      </c>
      <c r="P20699" t="s">
        <v>86</v>
      </c>
      <c r="Q20699">
        <v>8</v>
      </c>
      <c r="R20699">
        <v>8</v>
      </c>
      <c r="S20699">
        <v>8</v>
      </c>
      <c r="T20699">
        <v>8</v>
      </c>
      <c r="U20699">
        <v>8</v>
      </c>
      <c r="V20699">
        <v>8</v>
      </c>
      <c r="W20699">
        <v>8</v>
      </c>
      <c r="X20699">
        <v>8</v>
      </c>
      <c r="Y20699">
        <v>8</v>
      </c>
      <c r="Z20699">
        <v>8</v>
      </c>
      <c r="AA20699">
        <v>8</v>
      </c>
      <c r="AB20699">
        <v>8</v>
      </c>
      <c r="AC20699">
        <v>8</v>
      </c>
      <c r="AD20699">
        <v>8</v>
      </c>
      <c r="AE20699">
        <v>9</v>
      </c>
      <c r="AF20699">
        <v>9</v>
      </c>
      <c r="AG20699">
        <v>9</v>
      </c>
      <c r="AH20699">
        <v>9</v>
      </c>
      <c r="AI20699">
        <v>9</v>
      </c>
      <c r="AJ20699">
        <v>9</v>
      </c>
      <c r="AK20699">
        <v>9</v>
      </c>
      <c r="AL20699">
        <v>9</v>
      </c>
      <c r="AM20699">
        <v>9</v>
      </c>
      <c r="AN20699">
        <v>9</v>
      </c>
      <c r="AO20699">
        <v>9</v>
      </c>
      <c r="AP20699">
        <v>9</v>
      </c>
      <c r="AQ20699">
        <v>9</v>
      </c>
    </row>
    <row r="20700" spans="1:43">
      <c r="A20700" t="s">
        <v>12819</v>
      </c>
      <c r="B20700" t="s">
        <v>12820</v>
      </c>
      <c r="C20700" t="s">
        <v>12791</v>
      </c>
      <c r="D20700" t="s">
        <v>12792</v>
      </c>
      <c r="E20700" t="s">
        <v>12580</v>
      </c>
      <c r="F20700" t="s">
        <v>12581</v>
      </c>
      <c r="G20700" t="s">
        <v>12582</v>
      </c>
      <c r="H20700" t="s">
        <v>12581</v>
      </c>
      <c r="I20700" s="2">
        <v>1</v>
      </c>
      <c r="J20700" s="2">
        <v>0</v>
      </c>
      <c r="K20700" s="2">
        <v>0</v>
      </c>
      <c r="L20700" t="s">
        <v>120</v>
      </c>
      <c r="M20700" t="s">
        <v>89</v>
      </c>
      <c r="N20700" t="s">
        <v>90</v>
      </c>
      <c r="O20700" t="s">
        <v>85</v>
      </c>
      <c r="P20700" t="s">
        <v>86</v>
      </c>
      <c r="Q20700">
        <v>8</v>
      </c>
      <c r="R20700">
        <v>8</v>
      </c>
      <c r="S20700">
        <v>8</v>
      </c>
      <c r="T20700">
        <v>8</v>
      </c>
      <c r="U20700">
        <v>9</v>
      </c>
      <c r="V20700">
        <v>9</v>
      </c>
      <c r="W20700">
        <v>9</v>
      </c>
      <c r="X20700">
        <v>9</v>
      </c>
      <c r="Y20700">
        <v>9</v>
      </c>
      <c r="Z20700">
        <v>10</v>
      </c>
      <c r="AA20700">
        <v>10</v>
      </c>
      <c r="AB20700">
        <v>10</v>
      </c>
      <c r="AC20700">
        <v>10</v>
      </c>
      <c r="AD20700">
        <v>10</v>
      </c>
      <c r="AE20700">
        <v>10</v>
      </c>
      <c r="AF20700">
        <v>10</v>
      </c>
      <c r="AG20700">
        <v>10</v>
      </c>
      <c r="AH20700">
        <v>10</v>
      </c>
      <c r="AI20700">
        <v>10</v>
      </c>
      <c r="AJ20700">
        <v>10</v>
      </c>
      <c r="AK20700">
        <v>10</v>
      </c>
      <c r="AL20700">
        <v>11</v>
      </c>
      <c r="AM20700">
        <v>11</v>
      </c>
      <c r="AN20700">
        <v>11</v>
      </c>
      <c r="AO20700">
        <v>11</v>
      </c>
      <c r="AP20700">
        <v>11</v>
      </c>
      <c r="AQ20700">
        <v>11</v>
      </c>
    </row>
    <row r="20701" spans="1:43">
      <c r="A20701" t="s">
        <v>12819</v>
      </c>
      <c r="B20701" t="s">
        <v>12820</v>
      </c>
      <c r="C20701" t="s">
        <v>12791</v>
      </c>
      <c r="D20701" t="s">
        <v>12792</v>
      </c>
      <c r="E20701" t="s">
        <v>12580</v>
      </c>
      <c r="F20701" t="s">
        <v>12581</v>
      </c>
      <c r="G20701" t="s">
        <v>12582</v>
      </c>
      <c r="H20701" t="s">
        <v>12581</v>
      </c>
      <c r="I20701" s="2">
        <v>1</v>
      </c>
      <c r="J20701" s="2">
        <v>0</v>
      </c>
      <c r="K20701" s="2">
        <v>0</v>
      </c>
      <c r="L20701" t="s">
        <v>120</v>
      </c>
      <c r="M20701" t="s">
        <v>83</v>
      </c>
      <c r="N20701" t="s">
        <v>91</v>
      </c>
      <c r="O20701" t="s">
        <v>85</v>
      </c>
      <c r="P20701" t="s">
        <v>86</v>
      </c>
      <c r="Q20701">
        <v>8</v>
      </c>
      <c r="R20701">
        <v>8</v>
      </c>
      <c r="S20701">
        <v>8</v>
      </c>
      <c r="T20701">
        <v>8</v>
      </c>
      <c r="U20701">
        <v>8</v>
      </c>
      <c r="V20701">
        <v>8</v>
      </c>
      <c r="W20701">
        <v>9</v>
      </c>
      <c r="X20701">
        <v>9</v>
      </c>
      <c r="Y20701">
        <v>9</v>
      </c>
      <c r="Z20701">
        <v>9</v>
      </c>
      <c r="AA20701">
        <v>9</v>
      </c>
      <c r="AB20701">
        <v>9</v>
      </c>
      <c r="AC20701">
        <v>9</v>
      </c>
      <c r="AD20701">
        <v>9</v>
      </c>
      <c r="AE20701">
        <v>10</v>
      </c>
      <c r="AF20701">
        <v>10</v>
      </c>
      <c r="AG20701">
        <v>10</v>
      </c>
      <c r="AH20701">
        <v>10</v>
      </c>
      <c r="AI20701">
        <v>10</v>
      </c>
      <c r="AJ20701">
        <v>10</v>
      </c>
      <c r="AK20701">
        <v>10</v>
      </c>
      <c r="AL20701">
        <v>10</v>
      </c>
      <c r="AM20701">
        <v>10</v>
      </c>
      <c r="AN20701">
        <v>11</v>
      </c>
      <c r="AO20701">
        <v>11</v>
      </c>
      <c r="AP20701">
        <v>11</v>
      </c>
      <c r="AQ20701">
        <v>11</v>
      </c>
    </row>
    <row r="20702" spans="1:43">
      <c r="A20702" t="s">
        <v>12821</v>
      </c>
      <c r="B20702" t="s">
        <v>12822</v>
      </c>
      <c r="C20702" t="s">
        <v>12791</v>
      </c>
      <c r="D20702" t="s">
        <v>12792</v>
      </c>
      <c r="E20702" t="s">
        <v>12580</v>
      </c>
      <c r="F20702" t="s">
        <v>12581</v>
      </c>
      <c r="G20702" t="s">
        <v>12582</v>
      </c>
      <c r="H20702" t="s">
        <v>12581</v>
      </c>
      <c r="I20702" s="2">
        <v>1</v>
      </c>
      <c r="J20702" s="2">
        <v>0</v>
      </c>
      <c r="K20702" s="2">
        <v>0</v>
      </c>
      <c r="L20702" t="s">
        <v>120</v>
      </c>
      <c r="M20702" t="s">
        <v>83</v>
      </c>
      <c r="N20702" t="s">
        <v>84</v>
      </c>
      <c r="O20702" t="s">
        <v>85</v>
      </c>
      <c r="P20702" t="s">
        <v>86</v>
      </c>
      <c r="Q20702">
        <v>12</v>
      </c>
      <c r="R20702">
        <v>12</v>
      </c>
      <c r="S20702">
        <v>13</v>
      </c>
      <c r="T20702">
        <v>13</v>
      </c>
      <c r="U20702">
        <v>13</v>
      </c>
      <c r="V20702">
        <v>13</v>
      </c>
      <c r="W20702">
        <v>13</v>
      </c>
      <c r="X20702">
        <v>14</v>
      </c>
      <c r="Y20702">
        <v>14</v>
      </c>
      <c r="Z20702">
        <v>14</v>
      </c>
      <c r="AA20702">
        <v>14</v>
      </c>
      <c r="AB20702">
        <v>14</v>
      </c>
      <c r="AC20702">
        <v>15</v>
      </c>
      <c r="AD20702">
        <v>15</v>
      </c>
      <c r="AE20702">
        <v>15</v>
      </c>
      <c r="AF20702">
        <v>15</v>
      </c>
      <c r="AG20702">
        <v>15</v>
      </c>
      <c r="AH20702">
        <v>16</v>
      </c>
      <c r="AI20702">
        <v>16</v>
      </c>
      <c r="AJ20702">
        <v>16</v>
      </c>
      <c r="AK20702">
        <v>16</v>
      </c>
      <c r="AL20702">
        <v>16</v>
      </c>
      <c r="AM20702">
        <v>16</v>
      </c>
      <c r="AN20702">
        <v>17</v>
      </c>
      <c r="AO20702">
        <v>17</v>
      </c>
      <c r="AP20702">
        <v>17</v>
      </c>
      <c r="AQ20702">
        <v>17</v>
      </c>
    </row>
    <row r="20703" spans="1:43">
      <c r="A20703" t="s">
        <v>12821</v>
      </c>
      <c r="B20703" t="s">
        <v>12822</v>
      </c>
      <c r="C20703" t="s">
        <v>12791</v>
      </c>
      <c r="D20703" t="s">
        <v>12792</v>
      </c>
      <c r="E20703" t="s">
        <v>12580</v>
      </c>
      <c r="F20703" t="s">
        <v>12581</v>
      </c>
      <c r="G20703" t="s">
        <v>12582</v>
      </c>
      <c r="H20703" t="s">
        <v>12581</v>
      </c>
      <c r="I20703" s="2">
        <v>1</v>
      </c>
      <c r="J20703" s="2">
        <v>0</v>
      </c>
      <c r="K20703" s="2">
        <v>0</v>
      </c>
      <c r="L20703" t="s">
        <v>120</v>
      </c>
      <c r="M20703" t="s">
        <v>87</v>
      </c>
      <c r="N20703" t="s">
        <v>88</v>
      </c>
      <c r="O20703" t="s">
        <v>85</v>
      </c>
      <c r="P20703" t="s">
        <v>86</v>
      </c>
      <c r="Q20703">
        <v>12</v>
      </c>
      <c r="R20703">
        <v>12</v>
      </c>
      <c r="S20703">
        <v>12</v>
      </c>
      <c r="T20703">
        <v>12</v>
      </c>
      <c r="U20703">
        <v>12</v>
      </c>
      <c r="V20703">
        <v>13</v>
      </c>
      <c r="W20703">
        <v>13</v>
      </c>
      <c r="X20703">
        <v>13</v>
      </c>
      <c r="Y20703">
        <v>13</v>
      </c>
      <c r="Z20703">
        <v>13</v>
      </c>
      <c r="AA20703">
        <v>13</v>
      </c>
      <c r="AB20703">
        <v>13</v>
      </c>
      <c r="AC20703">
        <v>13</v>
      </c>
      <c r="AD20703">
        <v>13</v>
      </c>
      <c r="AE20703">
        <v>13</v>
      </c>
      <c r="AF20703">
        <v>13</v>
      </c>
      <c r="AG20703">
        <v>14</v>
      </c>
      <c r="AH20703">
        <v>14</v>
      </c>
      <c r="AI20703">
        <v>14</v>
      </c>
      <c r="AJ20703">
        <v>14</v>
      </c>
      <c r="AK20703">
        <v>14</v>
      </c>
      <c r="AL20703">
        <v>14</v>
      </c>
      <c r="AM20703">
        <v>14</v>
      </c>
      <c r="AN20703">
        <v>14</v>
      </c>
      <c r="AO20703">
        <v>14</v>
      </c>
      <c r="AP20703">
        <v>14</v>
      </c>
      <c r="AQ20703">
        <v>15</v>
      </c>
    </row>
    <row r="20704" spans="1:43">
      <c r="A20704" t="s">
        <v>12821</v>
      </c>
      <c r="B20704" t="s">
        <v>12822</v>
      </c>
      <c r="C20704" t="s">
        <v>12791</v>
      </c>
      <c r="D20704" t="s">
        <v>12792</v>
      </c>
      <c r="E20704" t="s">
        <v>12580</v>
      </c>
      <c r="F20704" t="s">
        <v>12581</v>
      </c>
      <c r="G20704" t="s">
        <v>12582</v>
      </c>
      <c r="H20704" t="s">
        <v>12581</v>
      </c>
      <c r="I20704" s="2">
        <v>1</v>
      </c>
      <c r="J20704" s="2">
        <v>0</v>
      </c>
      <c r="K20704" s="2">
        <v>0</v>
      </c>
      <c r="L20704" t="s">
        <v>120</v>
      </c>
      <c r="M20704" t="s">
        <v>89</v>
      </c>
      <c r="N20704" t="s">
        <v>90</v>
      </c>
      <c r="O20704" t="s">
        <v>85</v>
      </c>
      <c r="P20704" t="s">
        <v>86</v>
      </c>
      <c r="Q20704">
        <v>12</v>
      </c>
      <c r="R20704">
        <v>13</v>
      </c>
      <c r="S20704">
        <v>13</v>
      </c>
      <c r="T20704">
        <v>13</v>
      </c>
      <c r="U20704">
        <v>14</v>
      </c>
      <c r="V20704">
        <v>14</v>
      </c>
      <c r="W20704">
        <v>14</v>
      </c>
      <c r="X20704">
        <v>14</v>
      </c>
      <c r="Y20704">
        <v>15</v>
      </c>
      <c r="Z20704">
        <v>15</v>
      </c>
      <c r="AA20704">
        <v>15</v>
      </c>
      <c r="AB20704">
        <v>15</v>
      </c>
      <c r="AC20704">
        <v>16</v>
      </c>
      <c r="AD20704">
        <v>16</v>
      </c>
      <c r="AE20704">
        <v>16</v>
      </c>
      <c r="AF20704">
        <v>16</v>
      </c>
      <c r="AG20704">
        <v>16</v>
      </c>
      <c r="AH20704">
        <v>16</v>
      </c>
      <c r="AI20704">
        <v>16</v>
      </c>
      <c r="AJ20704">
        <v>16</v>
      </c>
      <c r="AK20704">
        <v>16</v>
      </c>
      <c r="AL20704">
        <v>17</v>
      </c>
      <c r="AM20704">
        <v>17</v>
      </c>
      <c r="AN20704">
        <v>17</v>
      </c>
      <c r="AO20704">
        <v>17</v>
      </c>
      <c r="AP20704">
        <v>17</v>
      </c>
      <c r="AQ20704">
        <v>17</v>
      </c>
    </row>
    <row r="20705" spans="1:43">
      <c r="A20705" t="s">
        <v>12821</v>
      </c>
      <c r="B20705" t="s">
        <v>12822</v>
      </c>
      <c r="C20705" t="s">
        <v>12791</v>
      </c>
      <c r="D20705" t="s">
        <v>12792</v>
      </c>
      <c r="E20705" t="s">
        <v>12580</v>
      </c>
      <c r="F20705" t="s">
        <v>12581</v>
      </c>
      <c r="G20705" t="s">
        <v>12582</v>
      </c>
      <c r="H20705" t="s">
        <v>12581</v>
      </c>
      <c r="I20705" s="2">
        <v>1</v>
      </c>
      <c r="J20705" s="2">
        <v>0</v>
      </c>
      <c r="K20705" s="2">
        <v>0</v>
      </c>
      <c r="L20705" t="s">
        <v>120</v>
      </c>
      <c r="M20705" t="s">
        <v>83</v>
      </c>
      <c r="N20705" t="s">
        <v>91</v>
      </c>
      <c r="O20705" t="s">
        <v>85</v>
      </c>
      <c r="P20705" t="s">
        <v>86</v>
      </c>
      <c r="Q20705">
        <v>12</v>
      </c>
      <c r="R20705">
        <v>12</v>
      </c>
      <c r="S20705">
        <v>13</v>
      </c>
      <c r="T20705">
        <v>13</v>
      </c>
      <c r="U20705">
        <v>13</v>
      </c>
      <c r="V20705">
        <v>13</v>
      </c>
      <c r="W20705">
        <v>13</v>
      </c>
      <c r="X20705">
        <v>14</v>
      </c>
      <c r="Y20705">
        <v>14</v>
      </c>
      <c r="Z20705">
        <v>14</v>
      </c>
      <c r="AA20705">
        <v>14</v>
      </c>
      <c r="AB20705">
        <v>14</v>
      </c>
      <c r="AC20705">
        <v>15</v>
      </c>
      <c r="AD20705">
        <v>15</v>
      </c>
      <c r="AE20705">
        <v>15</v>
      </c>
      <c r="AF20705">
        <v>15</v>
      </c>
      <c r="AG20705">
        <v>15</v>
      </c>
      <c r="AH20705">
        <v>16</v>
      </c>
      <c r="AI20705">
        <v>16</v>
      </c>
      <c r="AJ20705">
        <v>16</v>
      </c>
      <c r="AK20705">
        <v>16</v>
      </c>
      <c r="AL20705">
        <v>16</v>
      </c>
      <c r="AM20705">
        <v>16</v>
      </c>
      <c r="AN20705">
        <v>17</v>
      </c>
      <c r="AO20705">
        <v>17</v>
      </c>
      <c r="AP20705">
        <v>17</v>
      </c>
      <c r="AQ20705">
        <v>17</v>
      </c>
    </row>
    <row r="20706" spans="1:43">
      <c r="A20706" t="s">
        <v>12823</v>
      </c>
      <c r="B20706" t="s">
        <v>12824</v>
      </c>
      <c r="C20706" t="s">
        <v>12813</v>
      </c>
      <c r="D20706" t="s">
        <v>12814</v>
      </c>
      <c r="E20706" t="s">
        <v>12580</v>
      </c>
      <c r="F20706" t="s">
        <v>12581</v>
      </c>
      <c r="G20706" t="s">
        <v>12582</v>
      </c>
      <c r="H20706" t="s">
        <v>12581</v>
      </c>
      <c r="I20706" s="2">
        <v>1</v>
      </c>
      <c r="J20706" s="2">
        <v>0</v>
      </c>
      <c r="K20706" s="2">
        <v>0</v>
      </c>
      <c r="L20706" t="s">
        <v>120</v>
      </c>
      <c r="M20706" t="s">
        <v>83</v>
      </c>
      <c r="N20706" t="s">
        <v>84</v>
      </c>
      <c r="O20706" t="s">
        <v>85</v>
      </c>
      <c r="P20706" t="s">
        <v>86</v>
      </c>
      <c r="Q20706">
        <v>48</v>
      </c>
      <c r="R20706">
        <v>48</v>
      </c>
      <c r="S20706">
        <v>49</v>
      </c>
      <c r="T20706">
        <v>50</v>
      </c>
      <c r="U20706">
        <v>51</v>
      </c>
      <c r="V20706">
        <v>51</v>
      </c>
      <c r="W20706">
        <v>52</v>
      </c>
      <c r="X20706">
        <v>53</v>
      </c>
      <c r="Y20706">
        <v>54</v>
      </c>
      <c r="Z20706">
        <v>54</v>
      </c>
      <c r="AA20706">
        <v>55</v>
      </c>
      <c r="AB20706">
        <v>56</v>
      </c>
      <c r="AC20706">
        <v>57</v>
      </c>
      <c r="AD20706">
        <v>57</v>
      </c>
      <c r="AE20706">
        <v>58</v>
      </c>
      <c r="AF20706">
        <v>59</v>
      </c>
      <c r="AG20706">
        <v>60</v>
      </c>
      <c r="AH20706">
        <v>61</v>
      </c>
      <c r="AI20706">
        <v>61</v>
      </c>
      <c r="AJ20706">
        <v>62</v>
      </c>
      <c r="AK20706">
        <v>63</v>
      </c>
      <c r="AL20706">
        <v>63</v>
      </c>
      <c r="AM20706">
        <v>63</v>
      </c>
      <c r="AN20706">
        <v>64</v>
      </c>
      <c r="AO20706">
        <v>64</v>
      </c>
      <c r="AP20706">
        <v>64</v>
      </c>
      <c r="AQ20706">
        <v>64</v>
      </c>
    </row>
    <row r="20707" spans="1:43">
      <c r="A20707" t="s">
        <v>12823</v>
      </c>
      <c r="B20707" t="s">
        <v>12824</v>
      </c>
      <c r="C20707" t="s">
        <v>12813</v>
      </c>
      <c r="D20707" t="s">
        <v>12814</v>
      </c>
      <c r="E20707" t="s">
        <v>12580</v>
      </c>
      <c r="F20707" t="s">
        <v>12581</v>
      </c>
      <c r="G20707" t="s">
        <v>12582</v>
      </c>
      <c r="H20707" t="s">
        <v>12581</v>
      </c>
      <c r="I20707" s="2">
        <v>1</v>
      </c>
      <c r="J20707" s="2">
        <v>0</v>
      </c>
      <c r="K20707" s="2">
        <v>0</v>
      </c>
      <c r="L20707" t="s">
        <v>120</v>
      </c>
      <c r="M20707" t="s">
        <v>87</v>
      </c>
      <c r="N20707" t="s">
        <v>88</v>
      </c>
      <c r="O20707" t="s">
        <v>85</v>
      </c>
      <c r="P20707" t="s">
        <v>86</v>
      </c>
      <c r="Q20707">
        <v>48</v>
      </c>
      <c r="R20707">
        <v>48</v>
      </c>
      <c r="S20707">
        <v>49</v>
      </c>
      <c r="T20707">
        <v>49</v>
      </c>
      <c r="U20707">
        <v>49</v>
      </c>
      <c r="V20707">
        <v>50</v>
      </c>
      <c r="W20707">
        <v>50</v>
      </c>
      <c r="X20707">
        <v>50</v>
      </c>
      <c r="Y20707">
        <v>51</v>
      </c>
      <c r="Z20707">
        <v>51</v>
      </c>
      <c r="AA20707">
        <v>51</v>
      </c>
      <c r="AB20707">
        <v>52</v>
      </c>
      <c r="AC20707">
        <v>52</v>
      </c>
      <c r="AD20707">
        <v>52</v>
      </c>
      <c r="AE20707">
        <v>53</v>
      </c>
      <c r="AF20707">
        <v>53</v>
      </c>
      <c r="AG20707">
        <v>53</v>
      </c>
      <c r="AH20707">
        <v>54</v>
      </c>
      <c r="AI20707">
        <v>54</v>
      </c>
      <c r="AJ20707">
        <v>54</v>
      </c>
      <c r="AK20707">
        <v>55</v>
      </c>
      <c r="AL20707">
        <v>55</v>
      </c>
      <c r="AM20707">
        <v>55</v>
      </c>
      <c r="AN20707">
        <v>56</v>
      </c>
      <c r="AO20707">
        <v>56</v>
      </c>
      <c r="AP20707">
        <v>57</v>
      </c>
      <c r="AQ20707">
        <v>57</v>
      </c>
    </row>
    <row r="20708" spans="1:43">
      <c r="A20708" t="s">
        <v>12823</v>
      </c>
      <c r="B20708" t="s">
        <v>12824</v>
      </c>
      <c r="C20708" t="s">
        <v>12813</v>
      </c>
      <c r="D20708" t="s">
        <v>12814</v>
      </c>
      <c r="E20708" t="s">
        <v>12580</v>
      </c>
      <c r="F20708" t="s">
        <v>12581</v>
      </c>
      <c r="G20708" t="s">
        <v>12582</v>
      </c>
      <c r="H20708" t="s">
        <v>12581</v>
      </c>
      <c r="I20708" s="2">
        <v>1</v>
      </c>
      <c r="J20708" s="2">
        <v>0</v>
      </c>
      <c r="K20708" s="2">
        <v>0</v>
      </c>
      <c r="L20708" t="s">
        <v>120</v>
      </c>
      <c r="M20708" t="s">
        <v>89</v>
      </c>
      <c r="N20708" t="s">
        <v>90</v>
      </c>
      <c r="O20708" t="s">
        <v>85</v>
      </c>
      <c r="P20708" t="s">
        <v>86</v>
      </c>
      <c r="Q20708">
        <v>48</v>
      </c>
      <c r="R20708">
        <v>49</v>
      </c>
      <c r="S20708">
        <v>50</v>
      </c>
      <c r="T20708">
        <v>52</v>
      </c>
      <c r="U20708">
        <v>53</v>
      </c>
      <c r="V20708">
        <v>54</v>
      </c>
      <c r="W20708">
        <v>55</v>
      </c>
      <c r="X20708">
        <v>56</v>
      </c>
      <c r="Y20708">
        <v>57</v>
      </c>
      <c r="Z20708">
        <v>58</v>
      </c>
      <c r="AA20708">
        <v>59</v>
      </c>
      <c r="AB20708">
        <v>60</v>
      </c>
      <c r="AC20708">
        <v>61</v>
      </c>
      <c r="AD20708">
        <v>62</v>
      </c>
      <c r="AE20708">
        <v>62</v>
      </c>
      <c r="AF20708">
        <v>63</v>
      </c>
      <c r="AG20708">
        <v>63</v>
      </c>
      <c r="AH20708">
        <v>63</v>
      </c>
      <c r="AI20708">
        <v>63</v>
      </c>
      <c r="AJ20708">
        <v>63</v>
      </c>
      <c r="AK20708">
        <v>63</v>
      </c>
      <c r="AL20708">
        <v>64</v>
      </c>
      <c r="AM20708">
        <v>64</v>
      </c>
      <c r="AN20708">
        <v>64</v>
      </c>
      <c r="AO20708">
        <v>64</v>
      </c>
      <c r="AP20708">
        <v>64</v>
      </c>
      <c r="AQ20708">
        <v>65</v>
      </c>
    </row>
    <row r="20709" spans="1:43">
      <c r="A20709" t="s">
        <v>12823</v>
      </c>
      <c r="B20709" t="s">
        <v>12824</v>
      </c>
      <c r="C20709" t="s">
        <v>12813</v>
      </c>
      <c r="D20709" t="s">
        <v>12814</v>
      </c>
      <c r="E20709" t="s">
        <v>12580</v>
      </c>
      <c r="F20709" t="s">
        <v>12581</v>
      </c>
      <c r="G20709" t="s">
        <v>12582</v>
      </c>
      <c r="H20709" t="s">
        <v>12581</v>
      </c>
      <c r="I20709" s="2">
        <v>1</v>
      </c>
      <c r="J20709" s="2">
        <v>0</v>
      </c>
      <c r="K20709" s="2">
        <v>0</v>
      </c>
      <c r="L20709" t="s">
        <v>120</v>
      </c>
      <c r="M20709" t="s">
        <v>83</v>
      </c>
      <c r="N20709" t="s">
        <v>91</v>
      </c>
      <c r="O20709" t="s">
        <v>85</v>
      </c>
      <c r="P20709" t="s">
        <v>86</v>
      </c>
      <c r="Q20709">
        <v>48</v>
      </c>
      <c r="R20709">
        <v>48</v>
      </c>
      <c r="S20709">
        <v>49</v>
      </c>
      <c r="T20709">
        <v>50</v>
      </c>
      <c r="U20709">
        <v>51</v>
      </c>
      <c r="V20709">
        <v>51</v>
      </c>
      <c r="W20709">
        <v>52</v>
      </c>
      <c r="X20709">
        <v>53</v>
      </c>
      <c r="Y20709">
        <v>54</v>
      </c>
      <c r="Z20709">
        <v>54</v>
      </c>
      <c r="AA20709">
        <v>55</v>
      </c>
      <c r="AB20709">
        <v>56</v>
      </c>
      <c r="AC20709">
        <v>57</v>
      </c>
      <c r="AD20709">
        <v>57</v>
      </c>
      <c r="AE20709">
        <v>58</v>
      </c>
      <c r="AF20709">
        <v>59</v>
      </c>
      <c r="AG20709">
        <v>60</v>
      </c>
      <c r="AH20709">
        <v>61</v>
      </c>
      <c r="AI20709">
        <v>61</v>
      </c>
      <c r="AJ20709">
        <v>62</v>
      </c>
      <c r="AK20709">
        <v>63</v>
      </c>
      <c r="AL20709">
        <v>63</v>
      </c>
      <c r="AM20709">
        <v>63</v>
      </c>
      <c r="AN20709">
        <v>64</v>
      </c>
      <c r="AO20709">
        <v>64</v>
      </c>
      <c r="AP20709">
        <v>64</v>
      </c>
      <c r="AQ20709">
        <v>64</v>
      </c>
    </row>
    <row r="20710" spans="1:43">
      <c r="A20710" t="s">
        <v>12825</v>
      </c>
      <c r="B20710" t="s">
        <v>12826</v>
      </c>
      <c r="C20710" t="s">
        <v>12827</v>
      </c>
      <c r="D20710" t="s">
        <v>12828</v>
      </c>
      <c r="E20710" t="s">
        <v>12580</v>
      </c>
      <c r="F20710" t="s">
        <v>12581</v>
      </c>
      <c r="G20710" t="s">
        <v>12582</v>
      </c>
      <c r="H20710" t="s">
        <v>12581</v>
      </c>
      <c r="I20710" s="2">
        <v>1</v>
      </c>
      <c r="J20710" s="2">
        <v>0</v>
      </c>
      <c r="K20710" s="2">
        <v>0</v>
      </c>
      <c r="L20710" t="s">
        <v>120</v>
      </c>
      <c r="M20710" t="s">
        <v>83</v>
      </c>
      <c r="N20710" t="s">
        <v>84</v>
      </c>
      <c r="O20710" t="s">
        <v>85</v>
      </c>
      <c r="P20710" t="s">
        <v>86</v>
      </c>
      <c r="Q20710">
        <v>83</v>
      </c>
      <c r="R20710">
        <v>84</v>
      </c>
      <c r="S20710">
        <v>85</v>
      </c>
      <c r="T20710">
        <v>87</v>
      </c>
      <c r="U20710">
        <v>88</v>
      </c>
      <c r="V20710">
        <v>89</v>
      </c>
      <c r="W20710">
        <v>91</v>
      </c>
      <c r="X20710">
        <v>92</v>
      </c>
      <c r="Y20710">
        <v>93</v>
      </c>
      <c r="Z20710">
        <v>95</v>
      </c>
      <c r="AA20710">
        <v>96</v>
      </c>
      <c r="AB20710">
        <v>97</v>
      </c>
      <c r="AC20710">
        <v>98</v>
      </c>
      <c r="AD20710">
        <v>100</v>
      </c>
      <c r="AE20710">
        <v>101</v>
      </c>
      <c r="AF20710">
        <v>103</v>
      </c>
      <c r="AG20710">
        <v>104</v>
      </c>
      <c r="AH20710">
        <v>105</v>
      </c>
      <c r="AI20710">
        <v>107</v>
      </c>
      <c r="AJ20710">
        <v>108</v>
      </c>
      <c r="AK20710">
        <v>109</v>
      </c>
      <c r="AL20710">
        <v>110</v>
      </c>
      <c r="AM20710">
        <v>110</v>
      </c>
      <c r="AN20710">
        <v>111</v>
      </c>
      <c r="AO20710">
        <v>111</v>
      </c>
      <c r="AP20710">
        <v>112</v>
      </c>
      <c r="AQ20710">
        <v>112</v>
      </c>
    </row>
    <row r="20711" spans="1:43">
      <c r="A20711" t="s">
        <v>12825</v>
      </c>
      <c r="B20711" t="s">
        <v>12826</v>
      </c>
      <c r="C20711" t="s">
        <v>12827</v>
      </c>
      <c r="D20711" t="s">
        <v>12828</v>
      </c>
      <c r="E20711" t="s">
        <v>12580</v>
      </c>
      <c r="F20711" t="s">
        <v>12581</v>
      </c>
      <c r="G20711" t="s">
        <v>12582</v>
      </c>
      <c r="H20711" t="s">
        <v>12581</v>
      </c>
      <c r="I20711" s="2">
        <v>1</v>
      </c>
      <c r="J20711" s="2">
        <v>0</v>
      </c>
      <c r="K20711" s="2">
        <v>0</v>
      </c>
      <c r="L20711" t="s">
        <v>120</v>
      </c>
      <c r="M20711" t="s">
        <v>87</v>
      </c>
      <c r="N20711" t="s">
        <v>88</v>
      </c>
      <c r="O20711" t="s">
        <v>85</v>
      </c>
      <c r="P20711" t="s">
        <v>86</v>
      </c>
      <c r="Q20711">
        <v>83</v>
      </c>
      <c r="R20711">
        <v>83</v>
      </c>
      <c r="S20711">
        <v>84</v>
      </c>
      <c r="T20711">
        <v>85</v>
      </c>
      <c r="U20711">
        <v>85</v>
      </c>
      <c r="V20711">
        <v>86</v>
      </c>
      <c r="W20711">
        <v>86</v>
      </c>
      <c r="X20711">
        <v>87</v>
      </c>
      <c r="Y20711">
        <v>87</v>
      </c>
      <c r="Z20711">
        <v>88</v>
      </c>
      <c r="AA20711">
        <v>88</v>
      </c>
      <c r="AB20711">
        <v>89</v>
      </c>
      <c r="AC20711">
        <v>90</v>
      </c>
      <c r="AD20711">
        <v>90</v>
      </c>
      <c r="AE20711">
        <v>91</v>
      </c>
      <c r="AF20711">
        <v>91</v>
      </c>
      <c r="AG20711">
        <v>92</v>
      </c>
      <c r="AH20711">
        <v>93</v>
      </c>
      <c r="AI20711">
        <v>93</v>
      </c>
      <c r="AJ20711">
        <v>94</v>
      </c>
      <c r="AK20711">
        <v>94</v>
      </c>
      <c r="AL20711">
        <v>95</v>
      </c>
      <c r="AM20711">
        <v>96</v>
      </c>
      <c r="AN20711">
        <v>96</v>
      </c>
      <c r="AO20711">
        <v>97</v>
      </c>
      <c r="AP20711">
        <v>98</v>
      </c>
      <c r="AQ20711">
        <v>98</v>
      </c>
    </row>
    <row r="20712" spans="1:43">
      <c r="A20712" t="s">
        <v>12825</v>
      </c>
      <c r="B20712" t="s">
        <v>12826</v>
      </c>
      <c r="C20712" t="s">
        <v>12827</v>
      </c>
      <c r="D20712" t="s">
        <v>12828</v>
      </c>
      <c r="E20712" t="s">
        <v>12580</v>
      </c>
      <c r="F20712" t="s">
        <v>12581</v>
      </c>
      <c r="G20712" t="s">
        <v>12582</v>
      </c>
      <c r="H20712" t="s">
        <v>12581</v>
      </c>
      <c r="I20712" s="2">
        <v>1</v>
      </c>
      <c r="J20712" s="2">
        <v>0</v>
      </c>
      <c r="K20712" s="2">
        <v>0</v>
      </c>
      <c r="L20712" t="s">
        <v>120</v>
      </c>
      <c r="M20712" t="s">
        <v>89</v>
      </c>
      <c r="N20712" t="s">
        <v>90</v>
      </c>
      <c r="O20712" t="s">
        <v>85</v>
      </c>
      <c r="P20712" t="s">
        <v>86</v>
      </c>
      <c r="Q20712">
        <v>83</v>
      </c>
      <c r="R20712">
        <v>85</v>
      </c>
      <c r="S20712">
        <v>87</v>
      </c>
      <c r="T20712">
        <v>89</v>
      </c>
      <c r="U20712">
        <v>91</v>
      </c>
      <c r="V20712">
        <v>93</v>
      </c>
      <c r="W20712">
        <v>95</v>
      </c>
      <c r="X20712">
        <v>97</v>
      </c>
      <c r="Y20712">
        <v>99</v>
      </c>
      <c r="Z20712">
        <v>100</v>
      </c>
      <c r="AA20712">
        <v>102</v>
      </c>
      <c r="AB20712">
        <v>104</v>
      </c>
      <c r="AC20712">
        <v>106</v>
      </c>
      <c r="AD20712">
        <v>107</v>
      </c>
      <c r="AE20712">
        <v>108</v>
      </c>
      <c r="AF20712">
        <v>109</v>
      </c>
      <c r="AG20712">
        <v>109</v>
      </c>
      <c r="AH20712">
        <v>109</v>
      </c>
      <c r="AI20712">
        <v>110</v>
      </c>
      <c r="AJ20712">
        <v>110</v>
      </c>
      <c r="AK20712">
        <v>111</v>
      </c>
      <c r="AL20712">
        <v>111</v>
      </c>
      <c r="AM20712">
        <v>111</v>
      </c>
      <c r="AN20712">
        <v>112</v>
      </c>
      <c r="AO20712">
        <v>112</v>
      </c>
      <c r="AP20712">
        <v>112</v>
      </c>
      <c r="AQ20712">
        <v>113</v>
      </c>
    </row>
    <row r="20713" spans="1:43">
      <c r="A20713" t="s">
        <v>12825</v>
      </c>
      <c r="B20713" t="s">
        <v>12826</v>
      </c>
      <c r="C20713" t="s">
        <v>12827</v>
      </c>
      <c r="D20713" t="s">
        <v>12828</v>
      </c>
      <c r="E20713" t="s">
        <v>12580</v>
      </c>
      <c r="F20713" t="s">
        <v>12581</v>
      </c>
      <c r="G20713" t="s">
        <v>12582</v>
      </c>
      <c r="H20713" t="s">
        <v>12581</v>
      </c>
      <c r="I20713" s="2">
        <v>1</v>
      </c>
      <c r="J20713" s="2">
        <v>0</v>
      </c>
      <c r="K20713" s="2">
        <v>0</v>
      </c>
      <c r="L20713" t="s">
        <v>120</v>
      </c>
      <c r="M20713" t="s">
        <v>83</v>
      </c>
      <c r="N20713" t="s">
        <v>91</v>
      </c>
      <c r="O20713" t="s">
        <v>85</v>
      </c>
      <c r="P20713" t="s">
        <v>86</v>
      </c>
      <c r="Q20713">
        <v>83</v>
      </c>
      <c r="R20713">
        <v>84</v>
      </c>
      <c r="S20713">
        <v>85</v>
      </c>
      <c r="T20713">
        <v>87</v>
      </c>
      <c r="U20713">
        <v>88</v>
      </c>
      <c r="V20713">
        <v>89</v>
      </c>
      <c r="W20713">
        <v>91</v>
      </c>
      <c r="X20713">
        <v>92</v>
      </c>
      <c r="Y20713">
        <v>93</v>
      </c>
      <c r="Z20713">
        <v>95</v>
      </c>
      <c r="AA20713">
        <v>96</v>
      </c>
      <c r="AB20713">
        <v>97</v>
      </c>
      <c r="AC20713">
        <v>98</v>
      </c>
      <c r="AD20713">
        <v>100</v>
      </c>
      <c r="AE20713">
        <v>101</v>
      </c>
      <c r="AF20713">
        <v>103</v>
      </c>
      <c r="AG20713">
        <v>104</v>
      </c>
      <c r="AH20713">
        <v>105</v>
      </c>
      <c r="AI20713">
        <v>107</v>
      </c>
      <c r="AJ20713">
        <v>108</v>
      </c>
      <c r="AK20713">
        <v>109</v>
      </c>
      <c r="AL20713">
        <v>110</v>
      </c>
      <c r="AM20713">
        <v>110</v>
      </c>
      <c r="AN20713">
        <v>111</v>
      </c>
      <c r="AO20713">
        <v>111</v>
      </c>
      <c r="AP20713">
        <v>112</v>
      </c>
      <c r="AQ20713">
        <v>112</v>
      </c>
    </row>
    <row r="20714" spans="1:43">
      <c r="A20714" t="s">
        <v>12829</v>
      </c>
      <c r="B20714" t="s">
        <v>12830</v>
      </c>
      <c r="C20714" t="s">
        <v>12831</v>
      </c>
      <c r="D20714" t="s">
        <v>12832</v>
      </c>
      <c r="E20714" t="s">
        <v>12580</v>
      </c>
      <c r="F20714" t="s">
        <v>12581</v>
      </c>
      <c r="G20714" t="s">
        <v>12582</v>
      </c>
      <c r="H20714" t="s">
        <v>12581</v>
      </c>
      <c r="I20714" s="2">
        <v>1</v>
      </c>
      <c r="J20714" s="2">
        <v>0</v>
      </c>
      <c r="K20714" s="2">
        <v>0</v>
      </c>
      <c r="L20714" t="s">
        <v>120</v>
      </c>
      <c r="M20714" t="s">
        <v>83</v>
      </c>
      <c r="N20714" t="s">
        <v>84</v>
      </c>
      <c r="O20714" t="s">
        <v>85</v>
      </c>
      <c r="P20714" t="s">
        <v>86</v>
      </c>
      <c r="Q20714">
        <v>19</v>
      </c>
      <c r="R20714">
        <v>19</v>
      </c>
      <c r="S20714">
        <v>19</v>
      </c>
      <c r="T20714">
        <v>19</v>
      </c>
      <c r="U20714">
        <v>20</v>
      </c>
      <c r="V20714">
        <v>20</v>
      </c>
      <c r="W20714">
        <v>20</v>
      </c>
      <c r="X20714">
        <v>21</v>
      </c>
      <c r="Y20714">
        <v>21</v>
      </c>
      <c r="Z20714">
        <v>21</v>
      </c>
      <c r="AA20714">
        <v>22</v>
      </c>
      <c r="AB20714">
        <v>22</v>
      </c>
      <c r="AC20714">
        <v>22</v>
      </c>
      <c r="AD20714">
        <v>23</v>
      </c>
      <c r="AE20714">
        <v>23</v>
      </c>
      <c r="AF20714">
        <v>23</v>
      </c>
      <c r="AG20714">
        <v>23</v>
      </c>
      <c r="AH20714">
        <v>24</v>
      </c>
      <c r="AI20714">
        <v>24</v>
      </c>
      <c r="AJ20714">
        <v>24</v>
      </c>
      <c r="AK20714">
        <v>25</v>
      </c>
      <c r="AL20714">
        <v>25</v>
      </c>
      <c r="AM20714">
        <v>25</v>
      </c>
      <c r="AN20714">
        <v>25</v>
      </c>
      <c r="AO20714">
        <v>25</v>
      </c>
      <c r="AP20714">
        <v>25</v>
      </c>
      <c r="AQ20714">
        <v>25</v>
      </c>
    </row>
    <row r="20715" spans="1:43">
      <c r="A20715" t="s">
        <v>12829</v>
      </c>
      <c r="B20715" t="s">
        <v>12830</v>
      </c>
      <c r="C20715" t="s">
        <v>12831</v>
      </c>
      <c r="D20715" t="s">
        <v>12832</v>
      </c>
      <c r="E20715" t="s">
        <v>12580</v>
      </c>
      <c r="F20715" t="s">
        <v>12581</v>
      </c>
      <c r="G20715" t="s">
        <v>12582</v>
      </c>
      <c r="H20715" t="s">
        <v>12581</v>
      </c>
      <c r="I20715" s="2">
        <v>1</v>
      </c>
      <c r="J20715" s="2">
        <v>0</v>
      </c>
      <c r="K20715" s="2">
        <v>0</v>
      </c>
      <c r="L20715" t="s">
        <v>120</v>
      </c>
      <c r="M20715" t="s">
        <v>87</v>
      </c>
      <c r="N20715" t="s">
        <v>88</v>
      </c>
      <c r="O20715" t="s">
        <v>85</v>
      </c>
      <c r="P20715" t="s">
        <v>86</v>
      </c>
      <c r="Q20715">
        <v>19</v>
      </c>
      <c r="R20715">
        <v>20</v>
      </c>
      <c r="S20715">
        <v>20</v>
      </c>
      <c r="T20715">
        <v>20</v>
      </c>
      <c r="U20715">
        <v>20</v>
      </c>
      <c r="V20715">
        <v>20</v>
      </c>
      <c r="W20715">
        <v>20</v>
      </c>
      <c r="X20715">
        <v>20</v>
      </c>
      <c r="Y20715">
        <v>20</v>
      </c>
      <c r="Z20715">
        <v>21</v>
      </c>
      <c r="AA20715">
        <v>21</v>
      </c>
      <c r="AB20715">
        <v>21</v>
      </c>
      <c r="AC20715">
        <v>21</v>
      </c>
      <c r="AD20715">
        <v>21</v>
      </c>
      <c r="AE20715">
        <v>21</v>
      </c>
      <c r="AF20715">
        <v>21</v>
      </c>
      <c r="AG20715">
        <v>22</v>
      </c>
      <c r="AH20715">
        <v>22</v>
      </c>
      <c r="AI20715">
        <v>22</v>
      </c>
      <c r="AJ20715">
        <v>22</v>
      </c>
      <c r="AK20715">
        <v>22</v>
      </c>
      <c r="AL20715">
        <v>22</v>
      </c>
      <c r="AM20715">
        <v>22</v>
      </c>
      <c r="AN20715">
        <v>23</v>
      </c>
      <c r="AO20715">
        <v>23</v>
      </c>
      <c r="AP20715">
        <v>23</v>
      </c>
      <c r="AQ20715">
        <v>23</v>
      </c>
    </row>
    <row r="20716" spans="1:43">
      <c r="A20716" t="s">
        <v>12829</v>
      </c>
      <c r="B20716" t="s">
        <v>12830</v>
      </c>
      <c r="C20716" t="s">
        <v>12831</v>
      </c>
      <c r="D20716" t="s">
        <v>12832</v>
      </c>
      <c r="E20716" t="s">
        <v>12580</v>
      </c>
      <c r="F20716" t="s">
        <v>12581</v>
      </c>
      <c r="G20716" t="s">
        <v>12582</v>
      </c>
      <c r="H20716" t="s">
        <v>12581</v>
      </c>
      <c r="I20716" s="2">
        <v>1</v>
      </c>
      <c r="J20716" s="2">
        <v>0</v>
      </c>
      <c r="K20716" s="2">
        <v>0</v>
      </c>
      <c r="L20716" t="s">
        <v>120</v>
      </c>
      <c r="M20716" t="s">
        <v>89</v>
      </c>
      <c r="N20716" t="s">
        <v>90</v>
      </c>
      <c r="O20716" t="s">
        <v>85</v>
      </c>
      <c r="P20716" t="s">
        <v>86</v>
      </c>
      <c r="Q20716">
        <v>19</v>
      </c>
      <c r="R20716">
        <v>19</v>
      </c>
      <c r="S20716">
        <v>20</v>
      </c>
      <c r="T20716">
        <v>20</v>
      </c>
      <c r="U20716">
        <v>21</v>
      </c>
      <c r="V20716">
        <v>21</v>
      </c>
      <c r="W20716">
        <v>21</v>
      </c>
      <c r="X20716">
        <v>22</v>
      </c>
      <c r="Y20716">
        <v>22</v>
      </c>
      <c r="Z20716">
        <v>23</v>
      </c>
      <c r="AA20716">
        <v>23</v>
      </c>
      <c r="AB20716">
        <v>23</v>
      </c>
      <c r="AC20716">
        <v>24</v>
      </c>
      <c r="AD20716">
        <v>24</v>
      </c>
      <c r="AE20716">
        <v>24</v>
      </c>
      <c r="AF20716">
        <v>25</v>
      </c>
      <c r="AG20716">
        <v>25</v>
      </c>
      <c r="AH20716">
        <v>25</v>
      </c>
      <c r="AI20716">
        <v>25</v>
      </c>
      <c r="AJ20716">
        <v>25</v>
      </c>
      <c r="AK20716">
        <v>25</v>
      </c>
      <c r="AL20716">
        <v>25</v>
      </c>
      <c r="AM20716">
        <v>25</v>
      </c>
      <c r="AN20716">
        <v>25</v>
      </c>
      <c r="AO20716">
        <v>25</v>
      </c>
      <c r="AP20716">
        <v>26</v>
      </c>
      <c r="AQ20716">
        <v>26</v>
      </c>
    </row>
    <row r="20717" spans="1:43">
      <c r="A20717" t="s">
        <v>12829</v>
      </c>
      <c r="B20717" t="s">
        <v>12830</v>
      </c>
      <c r="C20717" t="s">
        <v>12831</v>
      </c>
      <c r="D20717" t="s">
        <v>12832</v>
      </c>
      <c r="E20717" t="s">
        <v>12580</v>
      </c>
      <c r="F20717" t="s">
        <v>12581</v>
      </c>
      <c r="G20717" t="s">
        <v>12582</v>
      </c>
      <c r="H20717" t="s">
        <v>12581</v>
      </c>
      <c r="I20717" s="2">
        <v>1</v>
      </c>
      <c r="J20717" s="2">
        <v>0</v>
      </c>
      <c r="K20717" s="2">
        <v>0</v>
      </c>
      <c r="L20717" t="s">
        <v>120</v>
      </c>
      <c r="M20717" t="s">
        <v>83</v>
      </c>
      <c r="N20717" t="s">
        <v>91</v>
      </c>
      <c r="O20717" t="s">
        <v>85</v>
      </c>
      <c r="P20717" t="s">
        <v>86</v>
      </c>
      <c r="Q20717">
        <v>19</v>
      </c>
      <c r="R20717">
        <v>19</v>
      </c>
      <c r="S20717">
        <v>19</v>
      </c>
      <c r="T20717">
        <v>19</v>
      </c>
      <c r="U20717">
        <v>20</v>
      </c>
      <c r="V20717">
        <v>20</v>
      </c>
      <c r="W20717">
        <v>20</v>
      </c>
      <c r="X20717">
        <v>21</v>
      </c>
      <c r="Y20717">
        <v>21</v>
      </c>
      <c r="Z20717">
        <v>21</v>
      </c>
      <c r="AA20717">
        <v>22</v>
      </c>
      <c r="AB20717">
        <v>22</v>
      </c>
      <c r="AC20717">
        <v>22</v>
      </c>
      <c r="AD20717">
        <v>23</v>
      </c>
      <c r="AE20717">
        <v>23</v>
      </c>
      <c r="AF20717">
        <v>23</v>
      </c>
      <c r="AG20717">
        <v>23</v>
      </c>
      <c r="AH20717">
        <v>24</v>
      </c>
      <c r="AI20717">
        <v>24</v>
      </c>
      <c r="AJ20717">
        <v>24</v>
      </c>
      <c r="AK20717">
        <v>25</v>
      </c>
      <c r="AL20717">
        <v>25</v>
      </c>
      <c r="AM20717">
        <v>25</v>
      </c>
      <c r="AN20717">
        <v>25</v>
      </c>
      <c r="AO20717">
        <v>25</v>
      </c>
      <c r="AP20717">
        <v>25</v>
      </c>
      <c r="AQ20717">
        <v>25</v>
      </c>
    </row>
    <row r="20718" spans="1:43">
      <c r="A20718" t="s">
        <v>12833</v>
      </c>
      <c r="B20718" t="s">
        <v>12834</v>
      </c>
      <c r="C20718" t="s">
        <v>12835</v>
      </c>
      <c r="D20718" t="s">
        <v>12836</v>
      </c>
      <c r="E20718" t="s">
        <v>12580</v>
      </c>
      <c r="F20718" t="s">
        <v>12581</v>
      </c>
      <c r="G20718" t="s">
        <v>12582</v>
      </c>
      <c r="H20718" t="s">
        <v>12581</v>
      </c>
      <c r="I20718" s="2">
        <v>1</v>
      </c>
      <c r="J20718" s="2">
        <v>0</v>
      </c>
      <c r="K20718" s="2">
        <v>0</v>
      </c>
      <c r="L20718" t="s">
        <v>120</v>
      </c>
      <c r="M20718" t="s">
        <v>83</v>
      </c>
      <c r="N20718" t="s">
        <v>84</v>
      </c>
      <c r="O20718" t="s">
        <v>85</v>
      </c>
      <c r="P20718" t="s">
        <v>86</v>
      </c>
      <c r="Q20718">
        <v>74</v>
      </c>
      <c r="R20718">
        <v>75</v>
      </c>
      <c r="S20718">
        <v>76</v>
      </c>
      <c r="T20718">
        <v>77</v>
      </c>
      <c r="U20718">
        <v>79</v>
      </c>
      <c r="V20718">
        <v>80</v>
      </c>
      <c r="W20718">
        <v>81</v>
      </c>
      <c r="X20718">
        <v>82</v>
      </c>
      <c r="Y20718">
        <v>83</v>
      </c>
      <c r="Z20718">
        <v>85</v>
      </c>
      <c r="AA20718">
        <v>86</v>
      </c>
      <c r="AB20718">
        <v>87</v>
      </c>
      <c r="AC20718">
        <v>88</v>
      </c>
      <c r="AD20718">
        <v>89</v>
      </c>
      <c r="AE20718">
        <v>90</v>
      </c>
      <c r="AF20718">
        <v>92</v>
      </c>
      <c r="AG20718">
        <v>93</v>
      </c>
      <c r="AH20718">
        <v>94</v>
      </c>
      <c r="AI20718">
        <v>95</v>
      </c>
      <c r="AJ20718">
        <v>97</v>
      </c>
      <c r="AK20718">
        <v>98</v>
      </c>
      <c r="AL20718">
        <v>98</v>
      </c>
      <c r="AM20718">
        <v>99</v>
      </c>
      <c r="AN20718">
        <v>99</v>
      </c>
      <c r="AO20718">
        <v>99</v>
      </c>
      <c r="AP20718">
        <v>100</v>
      </c>
      <c r="AQ20718">
        <v>100</v>
      </c>
    </row>
    <row r="20719" spans="1:43">
      <c r="A20719" t="s">
        <v>12833</v>
      </c>
      <c r="B20719" t="s">
        <v>12834</v>
      </c>
      <c r="C20719" t="s">
        <v>12835</v>
      </c>
      <c r="D20719" t="s">
        <v>12836</v>
      </c>
      <c r="E20719" t="s">
        <v>12580</v>
      </c>
      <c r="F20719" t="s">
        <v>12581</v>
      </c>
      <c r="G20719" t="s">
        <v>12582</v>
      </c>
      <c r="H20719" t="s">
        <v>12581</v>
      </c>
      <c r="I20719" s="2">
        <v>1</v>
      </c>
      <c r="J20719" s="2">
        <v>0</v>
      </c>
      <c r="K20719" s="2">
        <v>0</v>
      </c>
      <c r="L20719" t="s">
        <v>120</v>
      </c>
      <c r="M20719" t="s">
        <v>87</v>
      </c>
      <c r="N20719" t="s">
        <v>88</v>
      </c>
      <c r="O20719" t="s">
        <v>85</v>
      </c>
      <c r="P20719" t="s">
        <v>86</v>
      </c>
      <c r="Q20719">
        <v>74</v>
      </c>
      <c r="R20719">
        <v>75</v>
      </c>
      <c r="S20719">
        <v>75</v>
      </c>
      <c r="T20719">
        <v>76</v>
      </c>
      <c r="U20719">
        <v>76</v>
      </c>
      <c r="V20719">
        <v>77</v>
      </c>
      <c r="W20719">
        <v>77</v>
      </c>
      <c r="X20719">
        <v>78</v>
      </c>
      <c r="Y20719">
        <v>78</v>
      </c>
      <c r="Z20719">
        <v>79</v>
      </c>
      <c r="AA20719">
        <v>79</v>
      </c>
      <c r="AB20719">
        <v>80</v>
      </c>
      <c r="AC20719">
        <v>80</v>
      </c>
      <c r="AD20719">
        <v>81</v>
      </c>
      <c r="AE20719">
        <v>81</v>
      </c>
      <c r="AF20719">
        <v>82</v>
      </c>
      <c r="AG20719">
        <v>82</v>
      </c>
      <c r="AH20719">
        <v>83</v>
      </c>
      <c r="AI20719">
        <v>83</v>
      </c>
      <c r="AJ20719">
        <v>84</v>
      </c>
      <c r="AK20719">
        <v>84</v>
      </c>
      <c r="AL20719">
        <v>85</v>
      </c>
      <c r="AM20719">
        <v>86</v>
      </c>
      <c r="AN20719">
        <v>86</v>
      </c>
      <c r="AO20719">
        <v>87</v>
      </c>
      <c r="AP20719">
        <v>87</v>
      </c>
      <c r="AQ20719">
        <v>88</v>
      </c>
    </row>
    <row r="20720" spans="1:43">
      <c r="A20720" t="s">
        <v>12833</v>
      </c>
      <c r="B20720" t="s">
        <v>12834</v>
      </c>
      <c r="C20720" t="s">
        <v>12835</v>
      </c>
      <c r="D20720" t="s">
        <v>12836</v>
      </c>
      <c r="E20720" t="s">
        <v>12580</v>
      </c>
      <c r="F20720" t="s">
        <v>12581</v>
      </c>
      <c r="G20720" t="s">
        <v>12582</v>
      </c>
      <c r="H20720" t="s">
        <v>12581</v>
      </c>
      <c r="I20720" s="2">
        <v>1</v>
      </c>
      <c r="J20720" s="2">
        <v>0</v>
      </c>
      <c r="K20720" s="2">
        <v>0</v>
      </c>
      <c r="L20720" t="s">
        <v>120</v>
      </c>
      <c r="M20720" t="s">
        <v>89</v>
      </c>
      <c r="N20720" t="s">
        <v>90</v>
      </c>
      <c r="O20720" t="s">
        <v>85</v>
      </c>
      <c r="P20720" t="s">
        <v>86</v>
      </c>
      <c r="Q20720">
        <v>74</v>
      </c>
      <c r="R20720">
        <v>75</v>
      </c>
      <c r="S20720">
        <v>77</v>
      </c>
      <c r="T20720">
        <v>79</v>
      </c>
      <c r="U20720">
        <v>81</v>
      </c>
      <c r="V20720">
        <v>82</v>
      </c>
      <c r="W20720">
        <v>84</v>
      </c>
      <c r="X20720">
        <v>86</v>
      </c>
      <c r="Y20720">
        <v>87</v>
      </c>
      <c r="Z20720">
        <v>89</v>
      </c>
      <c r="AA20720">
        <v>90</v>
      </c>
      <c r="AB20720">
        <v>92</v>
      </c>
      <c r="AC20720">
        <v>93</v>
      </c>
      <c r="AD20720">
        <v>95</v>
      </c>
      <c r="AE20720">
        <v>96</v>
      </c>
      <c r="AF20720">
        <v>96</v>
      </c>
      <c r="AG20720">
        <v>97</v>
      </c>
      <c r="AH20720">
        <v>97</v>
      </c>
      <c r="AI20720">
        <v>97</v>
      </c>
      <c r="AJ20720">
        <v>98</v>
      </c>
      <c r="AK20720">
        <v>98</v>
      </c>
      <c r="AL20720">
        <v>98</v>
      </c>
      <c r="AM20720">
        <v>99</v>
      </c>
      <c r="AN20720">
        <v>99</v>
      </c>
      <c r="AO20720">
        <v>99</v>
      </c>
      <c r="AP20720">
        <v>100</v>
      </c>
      <c r="AQ20720">
        <v>100</v>
      </c>
    </row>
    <row r="20721" spans="1:43">
      <c r="A20721" t="s">
        <v>12833</v>
      </c>
      <c r="B20721" t="s">
        <v>12834</v>
      </c>
      <c r="C20721" t="s">
        <v>12835</v>
      </c>
      <c r="D20721" t="s">
        <v>12836</v>
      </c>
      <c r="E20721" t="s">
        <v>12580</v>
      </c>
      <c r="F20721" t="s">
        <v>12581</v>
      </c>
      <c r="G20721" t="s">
        <v>12582</v>
      </c>
      <c r="H20721" t="s">
        <v>12581</v>
      </c>
      <c r="I20721" s="2">
        <v>1</v>
      </c>
      <c r="J20721" s="2">
        <v>0</v>
      </c>
      <c r="K20721" s="2">
        <v>0</v>
      </c>
      <c r="L20721" t="s">
        <v>120</v>
      </c>
      <c r="M20721" t="s">
        <v>83</v>
      </c>
      <c r="N20721" t="s">
        <v>91</v>
      </c>
      <c r="O20721" t="s">
        <v>85</v>
      </c>
      <c r="P20721" t="s">
        <v>86</v>
      </c>
      <c r="Q20721">
        <v>74</v>
      </c>
      <c r="R20721">
        <v>75</v>
      </c>
      <c r="S20721">
        <v>76</v>
      </c>
      <c r="T20721">
        <v>77</v>
      </c>
      <c r="U20721">
        <v>79</v>
      </c>
      <c r="V20721">
        <v>80</v>
      </c>
      <c r="W20721">
        <v>81</v>
      </c>
      <c r="X20721">
        <v>82</v>
      </c>
      <c r="Y20721">
        <v>83</v>
      </c>
      <c r="Z20721">
        <v>85</v>
      </c>
      <c r="AA20721">
        <v>86</v>
      </c>
      <c r="AB20721">
        <v>87</v>
      </c>
      <c r="AC20721">
        <v>88</v>
      </c>
      <c r="AD20721">
        <v>89</v>
      </c>
      <c r="AE20721">
        <v>90</v>
      </c>
      <c r="AF20721">
        <v>92</v>
      </c>
      <c r="AG20721">
        <v>93</v>
      </c>
      <c r="AH20721">
        <v>94</v>
      </c>
      <c r="AI20721">
        <v>95</v>
      </c>
      <c r="AJ20721">
        <v>97</v>
      </c>
      <c r="AK20721">
        <v>98</v>
      </c>
      <c r="AL20721">
        <v>98</v>
      </c>
      <c r="AM20721">
        <v>99</v>
      </c>
      <c r="AN20721">
        <v>99</v>
      </c>
      <c r="AO20721">
        <v>99</v>
      </c>
      <c r="AP20721">
        <v>100</v>
      </c>
      <c r="AQ20721">
        <v>100</v>
      </c>
    </row>
    <row r="20722" spans="1:43">
      <c r="A20722" t="s">
        <v>12837</v>
      </c>
      <c r="B20722" t="s">
        <v>12838</v>
      </c>
      <c r="C20722" t="s">
        <v>12831</v>
      </c>
      <c r="D20722" t="s">
        <v>12832</v>
      </c>
      <c r="E20722" t="s">
        <v>12580</v>
      </c>
      <c r="F20722" t="s">
        <v>12581</v>
      </c>
      <c r="G20722" t="s">
        <v>12582</v>
      </c>
      <c r="H20722" t="s">
        <v>12581</v>
      </c>
      <c r="I20722" s="2">
        <v>1</v>
      </c>
      <c r="J20722" s="2">
        <v>0</v>
      </c>
      <c r="K20722" s="2">
        <v>0</v>
      </c>
      <c r="L20722" t="s">
        <v>120</v>
      </c>
      <c r="M20722" t="s">
        <v>83</v>
      </c>
      <c r="N20722" t="s">
        <v>84</v>
      </c>
      <c r="O20722" t="s">
        <v>85</v>
      </c>
      <c r="P20722" t="s">
        <v>86</v>
      </c>
      <c r="Q20722">
        <v>7</v>
      </c>
      <c r="R20722">
        <v>7</v>
      </c>
      <c r="S20722">
        <v>7</v>
      </c>
      <c r="T20722">
        <v>8</v>
      </c>
      <c r="U20722">
        <v>8</v>
      </c>
      <c r="V20722">
        <v>8</v>
      </c>
      <c r="W20722">
        <v>8</v>
      </c>
      <c r="X20722">
        <v>8</v>
      </c>
      <c r="Y20722">
        <v>8</v>
      </c>
      <c r="Z20722">
        <v>8</v>
      </c>
      <c r="AA20722">
        <v>8</v>
      </c>
      <c r="AB20722">
        <v>8</v>
      </c>
      <c r="AC20722">
        <v>9</v>
      </c>
      <c r="AD20722">
        <v>9</v>
      </c>
      <c r="AE20722">
        <v>9</v>
      </c>
      <c r="AF20722">
        <v>9</v>
      </c>
      <c r="AG20722">
        <v>9</v>
      </c>
      <c r="AH20722">
        <v>9</v>
      </c>
      <c r="AI20722">
        <v>9</v>
      </c>
      <c r="AJ20722">
        <v>9</v>
      </c>
      <c r="AK20722">
        <v>10</v>
      </c>
      <c r="AL20722">
        <v>10</v>
      </c>
      <c r="AM20722">
        <v>10</v>
      </c>
      <c r="AN20722">
        <v>10</v>
      </c>
      <c r="AO20722">
        <v>10</v>
      </c>
      <c r="AP20722">
        <v>10</v>
      </c>
      <c r="AQ20722">
        <v>10</v>
      </c>
    </row>
    <row r="20723" spans="1:43">
      <c r="A20723" t="s">
        <v>12837</v>
      </c>
      <c r="B20723" t="s">
        <v>12838</v>
      </c>
      <c r="C20723" t="s">
        <v>12831</v>
      </c>
      <c r="D20723" t="s">
        <v>12832</v>
      </c>
      <c r="E20723" t="s">
        <v>12580</v>
      </c>
      <c r="F20723" t="s">
        <v>12581</v>
      </c>
      <c r="G20723" t="s">
        <v>12582</v>
      </c>
      <c r="H20723" t="s">
        <v>12581</v>
      </c>
      <c r="I20723" s="2">
        <v>1</v>
      </c>
      <c r="J20723" s="2">
        <v>0</v>
      </c>
      <c r="K20723" s="2">
        <v>0</v>
      </c>
      <c r="L20723" t="s">
        <v>120</v>
      </c>
      <c r="M20723" t="s">
        <v>87</v>
      </c>
      <c r="N20723" t="s">
        <v>88</v>
      </c>
      <c r="O20723" t="s">
        <v>85</v>
      </c>
      <c r="P20723" t="s">
        <v>86</v>
      </c>
      <c r="Q20723">
        <v>7</v>
      </c>
      <c r="R20723">
        <v>7</v>
      </c>
      <c r="S20723">
        <v>7</v>
      </c>
      <c r="T20723">
        <v>7</v>
      </c>
      <c r="U20723">
        <v>7</v>
      </c>
      <c r="V20723">
        <v>7</v>
      </c>
      <c r="W20723">
        <v>7</v>
      </c>
      <c r="X20723">
        <v>7</v>
      </c>
      <c r="Y20723">
        <v>8</v>
      </c>
      <c r="Z20723">
        <v>8</v>
      </c>
      <c r="AA20723">
        <v>8</v>
      </c>
      <c r="AB20723">
        <v>8</v>
      </c>
      <c r="AC20723">
        <v>8</v>
      </c>
      <c r="AD20723">
        <v>8</v>
      </c>
      <c r="AE20723">
        <v>8</v>
      </c>
      <c r="AF20723">
        <v>8</v>
      </c>
      <c r="AG20723">
        <v>8</v>
      </c>
      <c r="AH20723">
        <v>8</v>
      </c>
      <c r="AI20723">
        <v>8</v>
      </c>
      <c r="AJ20723">
        <v>8</v>
      </c>
      <c r="AK20723">
        <v>8</v>
      </c>
      <c r="AL20723">
        <v>8</v>
      </c>
      <c r="AM20723">
        <v>8</v>
      </c>
      <c r="AN20723">
        <v>8</v>
      </c>
      <c r="AO20723">
        <v>8</v>
      </c>
      <c r="AP20723">
        <v>8</v>
      </c>
      <c r="AQ20723">
        <v>9</v>
      </c>
    </row>
    <row r="20724" spans="1:43">
      <c r="A20724" t="s">
        <v>12837</v>
      </c>
      <c r="B20724" t="s">
        <v>12838</v>
      </c>
      <c r="C20724" t="s">
        <v>12831</v>
      </c>
      <c r="D20724" t="s">
        <v>12832</v>
      </c>
      <c r="E20724" t="s">
        <v>12580</v>
      </c>
      <c r="F20724" t="s">
        <v>12581</v>
      </c>
      <c r="G20724" t="s">
        <v>12582</v>
      </c>
      <c r="H20724" t="s">
        <v>12581</v>
      </c>
      <c r="I20724" s="2">
        <v>1</v>
      </c>
      <c r="J20724" s="2">
        <v>0</v>
      </c>
      <c r="K20724" s="2">
        <v>0</v>
      </c>
      <c r="L20724" t="s">
        <v>120</v>
      </c>
      <c r="M20724" t="s">
        <v>89</v>
      </c>
      <c r="N20724" t="s">
        <v>90</v>
      </c>
      <c r="O20724" t="s">
        <v>85</v>
      </c>
      <c r="P20724" t="s">
        <v>86</v>
      </c>
      <c r="Q20724">
        <v>7</v>
      </c>
      <c r="R20724">
        <v>7</v>
      </c>
      <c r="S20724">
        <v>8</v>
      </c>
      <c r="T20724">
        <v>8</v>
      </c>
      <c r="U20724">
        <v>8</v>
      </c>
      <c r="V20724">
        <v>8</v>
      </c>
      <c r="W20724">
        <v>8</v>
      </c>
      <c r="X20724">
        <v>8</v>
      </c>
      <c r="Y20724">
        <v>9</v>
      </c>
      <c r="Z20724">
        <v>9</v>
      </c>
      <c r="AA20724">
        <v>9</v>
      </c>
      <c r="AB20724">
        <v>9</v>
      </c>
      <c r="AC20724">
        <v>9</v>
      </c>
      <c r="AD20724">
        <v>9</v>
      </c>
      <c r="AE20724">
        <v>9</v>
      </c>
      <c r="AF20724">
        <v>10</v>
      </c>
      <c r="AG20724">
        <v>10</v>
      </c>
      <c r="AH20724">
        <v>10</v>
      </c>
      <c r="AI20724">
        <v>10</v>
      </c>
      <c r="AJ20724">
        <v>10</v>
      </c>
      <c r="AK20724">
        <v>10</v>
      </c>
      <c r="AL20724">
        <v>10</v>
      </c>
      <c r="AM20724">
        <v>10</v>
      </c>
      <c r="AN20724">
        <v>10</v>
      </c>
      <c r="AO20724">
        <v>10</v>
      </c>
      <c r="AP20724">
        <v>10</v>
      </c>
      <c r="AQ20724">
        <v>10</v>
      </c>
    </row>
    <row r="20725" spans="1:43">
      <c r="A20725" t="s">
        <v>12837</v>
      </c>
      <c r="B20725" t="s">
        <v>12838</v>
      </c>
      <c r="C20725" t="s">
        <v>12831</v>
      </c>
      <c r="D20725" t="s">
        <v>12832</v>
      </c>
      <c r="E20725" t="s">
        <v>12580</v>
      </c>
      <c r="F20725" t="s">
        <v>12581</v>
      </c>
      <c r="G20725" t="s">
        <v>12582</v>
      </c>
      <c r="H20725" t="s">
        <v>12581</v>
      </c>
      <c r="I20725" s="2">
        <v>1</v>
      </c>
      <c r="J20725" s="2">
        <v>0</v>
      </c>
      <c r="K20725" s="2">
        <v>0</v>
      </c>
      <c r="L20725" t="s">
        <v>120</v>
      </c>
      <c r="M20725" t="s">
        <v>83</v>
      </c>
      <c r="N20725" t="s">
        <v>91</v>
      </c>
      <c r="O20725" t="s">
        <v>85</v>
      </c>
      <c r="P20725" t="s">
        <v>86</v>
      </c>
      <c r="Q20725">
        <v>7</v>
      </c>
      <c r="R20725">
        <v>7</v>
      </c>
      <c r="S20725">
        <v>7</v>
      </c>
      <c r="T20725">
        <v>8</v>
      </c>
      <c r="U20725">
        <v>8</v>
      </c>
      <c r="V20725">
        <v>8</v>
      </c>
      <c r="W20725">
        <v>8</v>
      </c>
      <c r="X20725">
        <v>8</v>
      </c>
      <c r="Y20725">
        <v>8</v>
      </c>
      <c r="Z20725">
        <v>8</v>
      </c>
      <c r="AA20725">
        <v>8</v>
      </c>
      <c r="AB20725">
        <v>8</v>
      </c>
      <c r="AC20725">
        <v>9</v>
      </c>
      <c r="AD20725">
        <v>9</v>
      </c>
      <c r="AE20725">
        <v>9</v>
      </c>
      <c r="AF20725">
        <v>9</v>
      </c>
      <c r="AG20725">
        <v>9</v>
      </c>
      <c r="AH20725">
        <v>9</v>
      </c>
      <c r="AI20725">
        <v>9</v>
      </c>
      <c r="AJ20725">
        <v>9</v>
      </c>
      <c r="AK20725">
        <v>10</v>
      </c>
      <c r="AL20725">
        <v>10</v>
      </c>
      <c r="AM20725">
        <v>10</v>
      </c>
      <c r="AN20725">
        <v>10</v>
      </c>
      <c r="AO20725">
        <v>10</v>
      </c>
      <c r="AP20725">
        <v>10</v>
      </c>
      <c r="AQ20725">
        <v>10</v>
      </c>
    </row>
    <row r="20726" spans="1:43">
      <c r="A20726" t="s">
        <v>12839</v>
      </c>
      <c r="B20726" t="s">
        <v>12840</v>
      </c>
      <c r="C20726" t="s">
        <v>12841</v>
      </c>
      <c r="D20726" t="s">
        <v>12842</v>
      </c>
      <c r="E20726" t="s">
        <v>12580</v>
      </c>
      <c r="F20726" t="s">
        <v>12581</v>
      </c>
      <c r="G20726" t="s">
        <v>12582</v>
      </c>
      <c r="H20726" t="s">
        <v>12581</v>
      </c>
      <c r="I20726" s="2">
        <v>1</v>
      </c>
      <c r="J20726" s="2">
        <v>0</v>
      </c>
      <c r="K20726" s="2">
        <v>0</v>
      </c>
      <c r="L20726" t="s">
        <v>120</v>
      </c>
      <c r="M20726" t="s">
        <v>83</v>
      </c>
      <c r="N20726" t="s">
        <v>84</v>
      </c>
      <c r="O20726" t="s">
        <v>85</v>
      </c>
      <c r="P20726" t="s">
        <v>86</v>
      </c>
      <c r="Q20726">
        <v>32</v>
      </c>
      <c r="R20726">
        <v>33</v>
      </c>
      <c r="S20726">
        <v>33</v>
      </c>
      <c r="T20726">
        <v>34</v>
      </c>
      <c r="U20726">
        <v>34</v>
      </c>
      <c r="V20726">
        <v>35</v>
      </c>
      <c r="W20726">
        <v>35</v>
      </c>
      <c r="X20726">
        <v>36</v>
      </c>
      <c r="Y20726">
        <v>36</v>
      </c>
      <c r="Z20726">
        <v>37</v>
      </c>
      <c r="AA20726">
        <v>37</v>
      </c>
      <c r="AB20726">
        <v>38</v>
      </c>
      <c r="AC20726">
        <v>38</v>
      </c>
      <c r="AD20726">
        <v>39</v>
      </c>
      <c r="AE20726">
        <v>39</v>
      </c>
      <c r="AF20726">
        <v>40</v>
      </c>
      <c r="AG20726">
        <v>40</v>
      </c>
      <c r="AH20726">
        <v>41</v>
      </c>
      <c r="AI20726">
        <v>41</v>
      </c>
      <c r="AJ20726">
        <v>42</v>
      </c>
      <c r="AK20726">
        <v>42</v>
      </c>
      <c r="AL20726">
        <v>43</v>
      </c>
      <c r="AM20726">
        <v>43</v>
      </c>
      <c r="AN20726">
        <v>43</v>
      </c>
      <c r="AO20726">
        <v>43</v>
      </c>
      <c r="AP20726">
        <v>43</v>
      </c>
      <c r="AQ20726">
        <v>43</v>
      </c>
    </row>
    <row r="20727" spans="1:43">
      <c r="A20727" t="s">
        <v>12839</v>
      </c>
      <c r="B20727" t="s">
        <v>12840</v>
      </c>
      <c r="C20727" t="s">
        <v>12841</v>
      </c>
      <c r="D20727" t="s">
        <v>12842</v>
      </c>
      <c r="E20727" t="s">
        <v>12580</v>
      </c>
      <c r="F20727" t="s">
        <v>12581</v>
      </c>
      <c r="G20727" t="s">
        <v>12582</v>
      </c>
      <c r="H20727" t="s">
        <v>12581</v>
      </c>
      <c r="I20727" s="2">
        <v>1</v>
      </c>
      <c r="J20727" s="2">
        <v>0</v>
      </c>
      <c r="K20727" s="2">
        <v>0</v>
      </c>
      <c r="L20727" t="s">
        <v>120</v>
      </c>
      <c r="M20727" t="s">
        <v>87</v>
      </c>
      <c r="N20727" t="s">
        <v>88</v>
      </c>
      <c r="O20727" t="s">
        <v>85</v>
      </c>
      <c r="P20727" t="s">
        <v>86</v>
      </c>
      <c r="Q20727">
        <v>32</v>
      </c>
      <c r="R20727">
        <v>32</v>
      </c>
      <c r="S20727">
        <v>32</v>
      </c>
      <c r="T20727">
        <v>32</v>
      </c>
      <c r="U20727">
        <v>33</v>
      </c>
      <c r="V20727">
        <v>33</v>
      </c>
      <c r="W20727">
        <v>33</v>
      </c>
      <c r="X20727">
        <v>33</v>
      </c>
      <c r="Y20727">
        <v>33</v>
      </c>
      <c r="Z20727">
        <v>34</v>
      </c>
      <c r="AA20727">
        <v>34</v>
      </c>
      <c r="AB20727">
        <v>34</v>
      </c>
      <c r="AC20727">
        <v>34</v>
      </c>
      <c r="AD20727">
        <v>35</v>
      </c>
      <c r="AE20727">
        <v>35</v>
      </c>
      <c r="AF20727">
        <v>35</v>
      </c>
      <c r="AG20727">
        <v>35</v>
      </c>
      <c r="AH20727">
        <v>35</v>
      </c>
      <c r="AI20727">
        <v>36</v>
      </c>
      <c r="AJ20727">
        <v>36</v>
      </c>
      <c r="AK20727">
        <v>36</v>
      </c>
      <c r="AL20727">
        <v>36</v>
      </c>
      <c r="AM20727">
        <v>37</v>
      </c>
      <c r="AN20727">
        <v>37</v>
      </c>
      <c r="AO20727">
        <v>37</v>
      </c>
      <c r="AP20727">
        <v>37</v>
      </c>
      <c r="AQ20727">
        <v>38</v>
      </c>
    </row>
    <row r="20728" spans="1:43">
      <c r="A20728" t="s">
        <v>12839</v>
      </c>
      <c r="B20728" t="s">
        <v>12840</v>
      </c>
      <c r="C20728" t="s">
        <v>12841</v>
      </c>
      <c r="D20728" t="s">
        <v>12842</v>
      </c>
      <c r="E20728" t="s">
        <v>12580</v>
      </c>
      <c r="F20728" t="s">
        <v>12581</v>
      </c>
      <c r="G20728" t="s">
        <v>12582</v>
      </c>
      <c r="H20728" t="s">
        <v>12581</v>
      </c>
      <c r="I20728" s="2">
        <v>1</v>
      </c>
      <c r="J20728" s="2">
        <v>0</v>
      </c>
      <c r="K20728" s="2">
        <v>0</v>
      </c>
      <c r="L20728" t="s">
        <v>120</v>
      </c>
      <c r="M20728" t="s">
        <v>89</v>
      </c>
      <c r="N20728" t="s">
        <v>90</v>
      </c>
      <c r="O20728" t="s">
        <v>85</v>
      </c>
      <c r="P20728" t="s">
        <v>86</v>
      </c>
      <c r="Q20728">
        <v>32</v>
      </c>
      <c r="R20728">
        <v>33</v>
      </c>
      <c r="S20728">
        <v>34</v>
      </c>
      <c r="T20728">
        <v>35</v>
      </c>
      <c r="U20728">
        <v>35</v>
      </c>
      <c r="V20728">
        <v>36</v>
      </c>
      <c r="W20728">
        <v>37</v>
      </c>
      <c r="X20728">
        <v>38</v>
      </c>
      <c r="Y20728">
        <v>38</v>
      </c>
      <c r="Z20728">
        <v>39</v>
      </c>
      <c r="AA20728">
        <v>40</v>
      </c>
      <c r="AB20728">
        <v>40</v>
      </c>
      <c r="AC20728">
        <v>41</v>
      </c>
      <c r="AD20728">
        <v>42</v>
      </c>
      <c r="AE20728">
        <v>42</v>
      </c>
      <c r="AF20728">
        <v>42</v>
      </c>
      <c r="AG20728">
        <v>42</v>
      </c>
      <c r="AH20728">
        <v>42</v>
      </c>
      <c r="AI20728">
        <v>42</v>
      </c>
      <c r="AJ20728">
        <v>43</v>
      </c>
      <c r="AK20728">
        <v>43</v>
      </c>
      <c r="AL20728">
        <v>43</v>
      </c>
      <c r="AM20728">
        <v>43</v>
      </c>
      <c r="AN20728">
        <v>43</v>
      </c>
      <c r="AO20728">
        <v>43</v>
      </c>
      <c r="AP20728">
        <v>43</v>
      </c>
      <c r="AQ20728">
        <v>44</v>
      </c>
    </row>
    <row r="20729" spans="1:43">
      <c r="A20729" t="s">
        <v>12839</v>
      </c>
      <c r="B20729" t="s">
        <v>12840</v>
      </c>
      <c r="C20729" t="s">
        <v>12841</v>
      </c>
      <c r="D20729" t="s">
        <v>12842</v>
      </c>
      <c r="E20729" t="s">
        <v>12580</v>
      </c>
      <c r="F20729" t="s">
        <v>12581</v>
      </c>
      <c r="G20729" t="s">
        <v>12582</v>
      </c>
      <c r="H20729" t="s">
        <v>12581</v>
      </c>
      <c r="I20729" s="2">
        <v>1</v>
      </c>
      <c r="J20729" s="2">
        <v>0</v>
      </c>
      <c r="K20729" s="2">
        <v>0</v>
      </c>
      <c r="L20729" t="s">
        <v>120</v>
      </c>
      <c r="M20729" t="s">
        <v>83</v>
      </c>
      <c r="N20729" t="s">
        <v>91</v>
      </c>
      <c r="O20729" t="s">
        <v>85</v>
      </c>
      <c r="P20729" t="s">
        <v>86</v>
      </c>
      <c r="Q20729">
        <v>32</v>
      </c>
      <c r="R20729">
        <v>33</v>
      </c>
      <c r="S20729">
        <v>33</v>
      </c>
      <c r="T20729">
        <v>34</v>
      </c>
      <c r="U20729">
        <v>34</v>
      </c>
      <c r="V20729">
        <v>35</v>
      </c>
      <c r="W20729">
        <v>35</v>
      </c>
      <c r="X20729">
        <v>36</v>
      </c>
      <c r="Y20729">
        <v>36</v>
      </c>
      <c r="Z20729">
        <v>37</v>
      </c>
      <c r="AA20729">
        <v>37</v>
      </c>
      <c r="AB20729">
        <v>38</v>
      </c>
      <c r="AC20729">
        <v>38</v>
      </c>
      <c r="AD20729">
        <v>39</v>
      </c>
      <c r="AE20729">
        <v>39</v>
      </c>
      <c r="AF20729">
        <v>40</v>
      </c>
      <c r="AG20729">
        <v>40</v>
      </c>
      <c r="AH20729">
        <v>41</v>
      </c>
      <c r="AI20729">
        <v>41</v>
      </c>
      <c r="AJ20729">
        <v>42</v>
      </c>
      <c r="AK20729">
        <v>42</v>
      </c>
      <c r="AL20729">
        <v>43</v>
      </c>
      <c r="AM20729">
        <v>43</v>
      </c>
      <c r="AN20729">
        <v>43</v>
      </c>
      <c r="AO20729">
        <v>43</v>
      </c>
      <c r="AP20729">
        <v>43</v>
      </c>
      <c r="AQ20729">
        <v>43</v>
      </c>
    </row>
    <row r="20730" spans="1:43">
      <c r="A20730" t="s">
        <v>12843</v>
      </c>
      <c r="B20730" t="s">
        <v>12844</v>
      </c>
      <c r="C20730" t="s">
        <v>12841</v>
      </c>
      <c r="D20730" t="s">
        <v>12842</v>
      </c>
      <c r="E20730" t="s">
        <v>12580</v>
      </c>
      <c r="F20730" t="s">
        <v>12581</v>
      </c>
      <c r="G20730" t="s">
        <v>12582</v>
      </c>
      <c r="H20730" t="s">
        <v>12581</v>
      </c>
      <c r="I20730" s="2">
        <v>0.78</v>
      </c>
      <c r="J20730" s="2">
        <v>0</v>
      </c>
      <c r="K20730" s="2">
        <v>0</v>
      </c>
      <c r="L20730" t="s">
        <v>120</v>
      </c>
      <c r="M20730" t="s">
        <v>83</v>
      </c>
      <c r="N20730" t="s">
        <v>84</v>
      </c>
      <c r="O20730" t="s">
        <v>85</v>
      </c>
      <c r="P20730" t="s">
        <v>86</v>
      </c>
      <c r="Q20730">
        <v>16</v>
      </c>
      <c r="R20730">
        <v>16</v>
      </c>
      <c r="S20730">
        <v>17</v>
      </c>
      <c r="T20730">
        <v>17</v>
      </c>
      <c r="U20730">
        <v>17</v>
      </c>
      <c r="V20730">
        <v>17</v>
      </c>
      <c r="W20730">
        <v>18</v>
      </c>
      <c r="X20730">
        <v>18</v>
      </c>
      <c r="Y20730">
        <v>18</v>
      </c>
      <c r="Z20730">
        <v>18</v>
      </c>
      <c r="AA20730">
        <v>19</v>
      </c>
      <c r="AB20730">
        <v>19</v>
      </c>
      <c r="AC20730">
        <v>19</v>
      </c>
      <c r="AD20730">
        <v>19</v>
      </c>
      <c r="AE20730">
        <v>20</v>
      </c>
      <c r="AF20730">
        <v>20</v>
      </c>
      <c r="AG20730">
        <v>20</v>
      </c>
      <c r="AH20730">
        <v>20</v>
      </c>
      <c r="AI20730">
        <v>21</v>
      </c>
      <c r="AJ20730">
        <v>21</v>
      </c>
      <c r="AK20730">
        <v>21</v>
      </c>
      <c r="AL20730">
        <v>21</v>
      </c>
      <c r="AM20730">
        <v>21</v>
      </c>
      <c r="AN20730">
        <v>22</v>
      </c>
      <c r="AO20730">
        <v>22</v>
      </c>
      <c r="AP20730">
        <v>22</v>
      </c>
      <c r="AQ20730">
        <v>22</v>
      </c>
    </row>
    <row r="20731" spans="1:43">
      <c r="A20731" t="s">
        <v>12843</v>
      </c>
      <c r="B20731" t="s">
        <v>12844</v>
      </c>
      <c r="C20731" t="s">
        <v>12841</v>
      </c>
      <c r="D20731" t="s">
        <v>12842</v>
      </c>
      <c r="E20731" t="s">
        <v>12580</v>
      </c>
      <c r="F20731" t="s">
        <v>12581</v>
      </c>
      <c r="G20731" t="s">
        <v>12582</v>
      </c>
      <c r="H20731" t="s">
        <v>12581</v>
      </c>
      <c r="I20731" s="2">
        <v>0.78</v>
      </c>
      <c r="J20731" s="2">
        <v>0</v>
      </c>
      <c r="K20731" s="2">
        <v>0</v>
      </c>
      <c r="L20731" t="s">
        <v>120</v>
      </c>
      <c r="M20731" t="s">
        <v>87</v>
      </c>
      <c r="N20731" t="s">
        <v>88</v>
      </c>
      <c r="O20731" t="s">
        <v>85</v>
      </c>
      <c r="P20731" t="s">
        <v>86</v>
      </c>
      <c r="Q20731">
        <v>16</v>
      </c>
      <c r="R20731">
        <v>16</v>
      </c>
      <c r="S20731">
        <v>16</v>
      </c>
      <c r="T20731">
        <v>16</v>
      </c>
      <c r="U20731">
        <v>16</v>
      </c>
      <c r="V20731">
        <v>17</v>
      </c>
      <c r="W20731">
        <v>17</v>
      </c>
      <c r="X20731">
        <v>17</v>
      </c>
      <c r="Y20731">
        <v>17</v>
      </c>
      <c r="Z20731">
        <v>17</v>
      </c>
      <c r="AA20731">
        <v>17</v>
      </c>
      <c r="AB20731">
        <v>17</v>
      </c>
      <c r="AC20731">
        <v>17</v>
      </c>
      <c r="AD20731">
        <v>17</v>
      </c>
      <c r="AE20731">
        <v>17</v>
      </c>
      <c r="AF20731">
        <v>18</v>
      </c>
      <c r="AG20731">
        <v>18</v>
      </c>
      <c r="AH20731">
        <v>18</v>
      </c>
      <c r="AI20731">
        <v>18</v>
      </c>
      <c r="AJ20731">
        <v>18</v>
      </c>
      <c r="AK20731">
        <v>18</v>
      </c>
      <c r="AL20731">
        <v>18</v>
      </c>
      <c r="AM20731">
        <v>18</v>
      </c>
      <c r="AN20731">
        <v>19</v>
      </c>
      <c r="AO20731">
        <v>19</v>
      </c>
      <c r="AP20731">
        <v>19</v>
      </c>
      <c r="AQ20731">
        <v>19</v>
      </c>
    </row>
    <row r="20732" spans="1:43">
      <c r="A20732" t="s">
        <v>12843</v>
      </c>
      <c r="B20732" t="s">
        <v>12844</v>
      </c>
      <c r="C20732" t="s">
        <v>12841</v>
      </c>
      <c r="D20732" t="s">
        <v>12842</v>
      </c>
      <c r="E20732" t="s">
        <v>12580</v>
      </c>
      <c r="F20732" t="s">
        <v>12581</v>
      </c>
      <c r="G20732" t="s">
        <v>12582</v>
      </c>
      <c r="H20732" t="s">
        <v>12581</v>
      </c>
      <c r="I20732" s="2">
        <v>0.78</v>
      </c>
      <c r="J20732" s="2">
        <v>0</v>
      </c>
      <c r="K20732" s="2">
        <v>0</v>
      </c>
      <c r="L20732" t="s">
        <v>120</v>
      </c>
      <c r="M20732" t="s">
        <v>89</v>
      </c>
      <c r="N20732" t="s">
        <v>90</v>
      </c>
      <c r="O20732" t="s">
        <v>85</v>
      </c>
      <c r="P20732" t="s">
        <v>86</v>
      </c>
      <c r="Q20732">
        <v>16</v>
      </c>
      <c r="R20732">
        <v>17</v>
      </c>
      <c r="S20732">
        <v>17</v>
      </c>
      <c r="T20732">
        <v>17</v>
      </c>
      <c r="U20732">
        <v>18</v>
      </c>
      <c r="V20732">
        <v>18</v>
      </c>
      <c r="W20732">
        <v>19</v>
      </c>
      <c r="X20732">
        <v>19</v>
      </c>
      <c r="Y20732">
        <v>19</v>
      </c>
      <c r="Z20732">
        <v>20</v>
      </c>
      <c r="AA20732">
        <v>20</v>
      </c>
      <c r="AB20732">
        <v>20</v>
      </c>
      <c r="AC20732">
        <v>21</v>
      </c>
      <c r="AD20732">
        <v>21</v>
      </c>
      <c r="AE20732">
        <v>21</v>
      </c>
      <c r="AF20732">
        <v>21</v>
      </c>
      <c r="AG20732">
        <v>21</v>
      </c>
      <c r="AH20732">
        <v>21</v>
      </c>
      <c r="AI20732">
        <v>21</v>
      </c>
      <c r="AJ20732">
        <v>21</v>
      </c>
      <c r="AK20732">
        <v>21</v>
      </c>
      <c r="AL20732">
        <v>22</v>
      </c>
      <c r="AM20732">
        <v>22</v>
      </c>
      <c r="AN20732">
        <v>22</v>
      </c>
      <c r="AO20732">
        <v>22</v>
      </c>
      <c r="AP20732">
        <v>22</v>
      </c>
      <c r="AQ20732">
        <v>22</v>
      </c>
    </row>
    <row r="20733" spans="1:43">
      <c r="A20733" t="s">
        <v>12843</v>
      </c>
      <c r="B20733" t="s">
        <v>12844</v>
      </c>
      <c r="C20733" t="s">
        <v>12841</v>
      </c>
      <c r="D20733" t="s">
        <v>12842</v>
      </c>
      <c r="E20733" t="s">
        <v>12580</v>
      </c>
      <c r="F20733" t="s">
        <v>12581</v>
      </c>
      <c r="G20733" t="s">
        <v>12582</v>
      </c>
      <c r="H20733" t="s">
        <v>12581</v>
      </c>
      <c r="I20733" s="2">
        <v>0.78</v>
      </c>
      <c r="J20733" s="2">
        <v>0</v>
      </c>
      <c r="K20733" s="2">
        <v>0</v>
      </c>
      <c r="L20733" t="s">
        <v>120</v>
      </c>
      <c r="M20733" t="s">
        <v>83</v>
      </c>
      <c r="N20733" t="s">
        <v>91</v>
      </c>
      <c r="O20733" t="s">
        <v>85</v>
      </c>
      <c r="P20733" t="s">
        <v>86</v>
      </c>
      <c r="Q20733">
        <v>16</v>
      </c>
      <c r="R20733">
        <v>16</v>
      </c>
      <c r="S20733">
        <v>17</v>
      </c>
      <c r="T20733">
        <v>17</v>
      </c>
      <c r="U20733">
        <v>17</v>
      </c>
      <c r="V20733">
        <v>17</v>
      </c>
      <c r="W20733">
        <v>18</v>
      </c>
      <c r="X20733">
        <v>18</v>
      </c>
      <c r="Y20733">
        <v>18</v>
      </c>
      <c r="Z20733">
        <v>18</v>
      </c>
      <c r="AA20733">
        <v>19</v>
      </c>
      <c r="AB20733">
        <v>19</v>
      </c>
      <c r="AC20733">
        <v>19</v>
      </c>
      <c r="AD20733">
        <v>19</v>
      </c>
      <c r="AE20733">
        <v>20</v>
      </c>
      <c r="AF20733">
        <v>20</v>
      </c>
      <c r="AG20733">
        <v>20</v>
      </c>
      <c r="AH20733">
        <v>20</v>
      </c>
      <c r="AI20733">
        <v>21</v>
      </c>
      <c r="AJ20733">
        <v>21</v>
      </c>
      <c r="AK20733">
        <v>21</v>
      </c>
      <c r="AL20733">
        <v>21</v>
      </c>
      <c r="AM20733">
        <v>21</v>
      </c>
      <c r="AN20733">
        <v>22</v>
      </c>
      <c r="AO20733">
        <v>22</v>
      </c>
      <c r="AP20733">
        <v>22</v>
      </c>
      <c r="AQ20733">
        <v>22</v>
      </c>
    </row>
    <row r="20734" spans="1:43">
      <c r="A20734" t="s">
        <v>12845</v>
      </c>
      <c r="B20734" t="s">
        <v>12846</v>
      </c>
      <c r="C20734" t="s">
        <v>12847</v>
      </c>
      <c r="D20734" t="s">
        <v>12848</v>
      </c>
      <c r="E20734" t="s">
        <v>12580</v>
      </c>
      <c r="F20734" t="s">
        <v>12581</v>
      </c>
      <c r="G20734" t="s">
        <v>12582</v>
      </c>
      <c r="H20734" t="s">
        <v>12581</v>
      </c>
      <c r="I20734" s="2">
        <v>0.88</v>
      </c>
      <c r="J20734" s="2">
        <v>0</v>
      </c>
      <c r="K20734" s="2">
        <v>0</v>
      </c>
      <c r="L20734" t="s">
        <v>120</v>
      </c>
      <c r="M20734" t="s">
        <v>83</v>
      </c>
      <c r="N20734" t="s">
        <v>84</v>
      </c>
      <c r="O20734" t="s">
        <v>85</v>
      </c>
      <c r="P20734" t="s">
        <v>86</v>
      </c>
      <c r="Q20734">
        <v>13</v>
      </c>
      <c r="R20734">
        <v>13</v>
      </c>
      <c r="S20734">
        <v>13</v>
      </c>
      <c r="T20734">
        <v>13</v>
      </c>
      <c r="U20734">
        <v>13</v>
      </c>
      <c r="V20734">
        <v>14</v>
      </c>
      <c r="W20734">
        <v>14</v>
      </c>
      <c r="X20734">
        <v>14</v>
      </c>
      <c r="Y20734">
        <v>14</v>
      </c>
      <c r="Z20734">
        <v>14</v>
      </c>
      <c r="AA20734">
        <v>15</v>
      </c>
      <c r="AB20734">
        <v>15</v>
      </c>
      <c r="AC20734">
        <v>15</v>
      </c>
      <c r="AD20734">
        <v>15</v>
      </c>
      <c r="AE20734">
        <v>15</v>
      </c>
      <c r="AF20734">
        <v>16</v>
      </c>
      <c r="AG20734">
        <v>16</v>
      </c>
      <c r="AH20734">
        <v>16</v>
      </c>
      <c r="AI20734">
        <v>16</v>
      </c>
      <c r="AJ20734">
        <v>16</v>
      </c>
      <c r="AK20734">
        <v>17</v>
      </c>
      <c r="AL20734">
        <v>17</v>
      </c>
      <c r="AM20734">
        <v>17</v>
      </c>
      <c r="AN20734">
        <v>17</v>
      </c>
      <c r="AO20734">
        <v>17</v>
      </c>
      <c r="AP20734">
        <v>17</v>
      </c>
      <c r="AQ20734">
        <v>17</v>
      </c>
    </row>
    <row r="20735" spans="1:43">
      <c r="A20735" t="s">
        <v>12845</v>
      </c>
      <c r="B20735" t="s">
        <v>12846</v>
      </c>
      <c r="C20735" t="s">
        <v>12847</v>
      </c>
      <c r="D20735" t="s">
        <v>12848</v>
      </c>
      <c r="E20735" t="s">
        <v>12580</v>
      </c>
      <c r="F20735" t="s">
        <v>12581</v>
      </c>
      <c r="G20735" t="s">
        <v>12582</v>
      </c>
      <c r="H20735" t="s">
        <v>12581</v>
      </c>
      <c r="I20735" s="2">
        <v>0.88</v>
      </c>
      <c r="J20735" s="2">
        <v>0</v>
      </c>
      <c r="K20735" s="2">
        <v>0</v>
      </c>
      <c r="L20735" t="s">
        <v>120</v>
      </c>
      <c r="M20735" t="s">
        <v>87</v>
      </c>
      <c r="N20735" t="s">
        <v>88</v>
      </c>
      <c r="O20735" t="s">
        <v>85</v>
      </c>
      <c r="P20735" t="s">
        <v>86</v>
      </c>
      <c r="Q20735">
        <v>13</v>
      </c>
      <c r="R20735">
        <v>14</v>
      </c>
      <c r="S20735">
        <v>14</v>
      </c>
      <c r="T20735">
        <v>14</v>
      </c>
      <c r="U20735">
        <v>14</v>
      </c>
      <c r="V20735">
        <v>14</v>
      </c>
      <c r="W20735">
        <v>14</v>
      </c>
      <c r="X20735">
        <v>14</v>
      </c>
      <c r="Y20735">
        <v>14</v>
      </c>
      <c r="Z20735">
        <v>14</v>
      </c>
      <c r="AA20735">
        <v>14</v>
      </c>
      <c r="AB20735">
        <v>14</v>
      </c>
      <c r="AC20735">
        <v>15</v>
      </c>
      <c r="AD20735">
        <v>15</v>
      </c>
      <c r="AE20735">
        <v>15</v>
      </c>
      <c r="AF20735">
        <v>15</v>
      </c>
      <c r="AG20735">
        <v>15</v>
      </c>
      <c r="AH20735">
        <v>15</v>
      </c>
      <c r="AI20735">
        <v>15</v>
      </c>
      <c r="AJ20735">
        <v>15</v>
      </c>
      <c r="AK20735">
        <v>15</v>
      </c>
      <c r="AL20735">
        <v>15</v>
      </c>
      <c r="AM20735">
        <v>15</v>
      </c>
      <c r="AN20735">
        <v>16</v>
      </c>
      <c r="AO20735">
        <v>16</v>
      </c>
      <c r="AP20735">
        <v>16</v>
      </c>
      <c r="AQ20735">
        <v>16</v>
      </c>
    </row>
    <row r="20736" spans="1:43">
      <c r="A20736" t="s">
        <v>12845</v>
      </c>
      <c r="B20736" t="s">
        <v>12846</v>
      </c>
      <c r="C20736" t="s">
        <v>12847</v>
      </c>
      <c r="D20736" t="s">
        <v>12848</v>
      </c>
      <c r="E20736" t="s">
        <v>12580</v>
      </c>
      <c r="F20736" t="s">
        <v>12581</v>
      </c>
      <c r="G20736" t="s">
        <v>12582</v>
      </c>
      <c r="H20736" t="s">
        <v>12581</v>
      </c>
      <c r="I20736" s="2">
        <v>0.88</v>
      </c>
      <c r="J20736" s="2">
        <v>0</v>
      </c>
      <c r="K20736" s="2">
        <v>0</v>
      </c>
      <c r="L20736" t="s">
        <v>120</v>
      </c>
      <c r="M20736" t="s">
        <v>89</v>
      </c>
      <c r="N20736" t="s">
        <v>90</v>
      </c>
      <c r="O20736" t="s">
        <v>85</v>
      </c>
      <c r="P20736" t="s">
        <v>86</v>
      </c>
      <c r="Q20736">
        <v>13</v>
      </c>
      <c r="R20736">
        <v>13</v>
      </c>
      <c r="S20736">
        <v>13</v>
      </c>
      <c r="T20736">
        <v>14</v>
      </c>
      <c r="U20736">
        <v>14</v>
      </c>
      <c r="V20736">
        <v>14</v>
      </c>
      <c r="W20736">
        <v>14</v>
      </c>
      <c r="X20736">
        <v>15</v>
      </c>
      <c r="Y20736">
        <v>15</v>
      </c>
      <c r="Z20736">
        <v>15</v>
      </c>
      <c r="AA20736">
        <v>16</v>
      </c>
      <c r="AB20736">
        <v>16</v>
      </c>
      <c r="AC20736">
        <v>16</v>
      </c>
      <c r="AD20736">
        <v>16</v>
      </c>
      <c r="AE20736">
        <v>17</v>
      </c>
      <c r="AF20736">
        <v>17</v>
      </c>
      <c r="AG20736">
        <v>17</v>
      </c>
      <c r="AH20736">
        <v>17</v>
      </c>
      <c r="AI20736">
        <v>17</v>
      </c>
      <c r="AJ20736">
        <v>17</v>
      </c>
      <c r="AK20736">
        <v>17</v>
      </c>
      <c r="AL20736">
        <v>17</v>
      </c>
      <c r="AM20736">
        <v>17</v>
      </c>
      <c r="AN20736">
        <v>17</v>
      </c>
      <c r="AO20736">
        <v>17</v>
      </c>
      <c r="AP20736">
        <v>17</v>
      </c>
      <c r="AQ20736">
        <v>17</v>
      </c>
    </row>
    <row r="20737" spans="1:43">
      <c r="A20737" t="s">
        <v>12845</v>
      </c>
      <c r="B20737" t="s">
        <v>12846</v>
      </c>
      <c r="C20737" t="s">
        <v>12847</v>
      </c>
      <c r="D20737" t="s">
        <v>12848</v>
      </c>
      <c r="E20737" t="s">
        <v>12580</v>
      </c>
      <c r="F20737" t="s">
        <v>12581</v>
      </c>
      <c r="G20737" t="s">
        <v>12582</v>
      </c>
      <c r="H20737" t="s">
        <v>12581</v>
      </c>
      <c r="I20737" s="2">
        <v>0.88</v>
      </c>
      <c r="J20737" s="2">
        <v>0</v>
      </c>
      <c r="K20737" s="2">
        <v>0</v>
      </c>
      <c r="L20737" t="s">
        <v>120</v>
      </c>
      <c r="M20737" t="s">
        <v>83</v>
      </c>
      <c r="N20737" t="s">
        <v>91</v>
      </c>
      <c r="O20737" t="s">
        <v>85</v>
      </c>
      <c r="P20737" t="s">
        <v>86</v>
      </c>
      <c r="Q20737">
        <v>13</v>
      </c>
      <c r="R20737">
        <v>13</v>
      </c>
      <c r="S20737">
        <v>13</v>
      </c>
      <c r="T20737">
        <v>13</v>
      </c>
      <c r="U20737">
        <v>13</v>
      </c>
      <c r="V20737">
        <v>14</v>
      </c>
      <c r="W20737">
        <v>14</v>
      </c>
      <c r="X20737">
        <v>14</v>
      </c>
      <c r="Y20737">
        <v>14</v>
      </c>
      <c r="Z20737">
        <v>14</v>
      </c>
      <c r="AA20737">
        <v>15</v>
      </c>
      <c r="AB20737">
        <v>15</v>
      </c>
      <c r="AC20737">
        <v>15</v>
      </c>
      <c r="AD20737">
        <v>15</v>
      </c>
      <c r="AE20737">
        <v>15</v>
      </c>
      <c r="AF20737">
        <v>16</v>
      </c>
      <c r="AG20737">
        <v>16</v>
      </c>
      <c r="AH20737">
        <v>16</v>
      </c>
      <c r="AI20737">
        <v>16</v>
      </c>
      <c r="AJ20737">
        <v>16</v>
      </c>
      <c r="AK20737">
        <v>17</v>
      </c>
      <c r="AL20737">
        <v>17</v>
      </c>
      <c r="AM20737">
        <v>17</v>
      </c>
      <c r="AN20737">
        <v>17</v>
      </c>
      <c r="AO20737">
        <v>17</v>
      </c>
      <c r="AP20737">
        <v>17</v>
      </c>
      <c r="AQ20737">
        <v>17</v>
      </c>
    </row>
    <row r="20738" spans="1:43">
      <c r="A20738" t="s">
        <v>12849</v>
      </c>
      <c r="B20738" t="s">
        <v>12850</v>
      </c>
      <c r="C20738" t="s">
        <v>12847</v>
      </c>
      <c r="D20738" t="s">
        <v>12848</v>
      </c>
      <c r="E20738" t="s">
        <v>12580</v>
      </c>
      <c r="F20738" t="s">
        <v>12581</v>
      </c>
      <c r="G20738" t="s">
        <v>12582</v>
      </c>
      <c r="H20738" t="s">
        <v>12581</v>
      </c>
      <c r="I20738" s="2">
        <v>0.4</v>
      </c>
      <c r="J20738" s="2">
        <v>0</v>
      </c>
      <c r="K20738" s="2">
        <v>0</v>
      </c>
      <c r="L20738" t="s">
        <v>120</v>
      </c>
      <c r="M20738" t="s">
        <v>83</v>
      </c>
      <c r="N20738" t="s">
        <v>84</v>
      </c>
      <c r="O20738" t="s">
        <v>85</v>
      </c>
      <c r="P20738" t="s">
        <v>86</v>
      </c>
      <c r="Q20738">
        <v>20</v>
      </c>
      <c r="R20738">
        <v>20</v>
      </c>
      <c r="S20738">
        <v>21</v>
      </c>
      <c r="T20738">
        <v>21</v>
      </c>
      <c r="U20738">
        <v>21</v>
      </c>
      <c r="V20738">
        <v>22</v>
      </c>
      <c r="W20738">
        <v>22</v>
      </c>
      <c r="X20738">
        <v>22</v>
      </c>
      <c r="Y20738">
        <v>23</v>
      </c>
      <c r="Z20738">
        <v>23</v>
      </c>
      <c r="AA20738">
        <v>23</v>
      </c>
      <c r="AB20738">
        <v>24</v>
      </c>
      <c r="AC20738">
        <v>24</v>
      </c>
      <c r="AD20738">
        <v>24</v>
      </c>
      <c r="AE20738">
        <v>24</v>
      </c>
      <c r="AF20738">
        <v>25</v>
      </c>
      <c r="AG20738">
        <v>25</v>
      </c>
      <c r="AH20738">
        <v>25</v>
      </c>
      <c r="AI20738">
        <v>26</v>
      </c>
      <c r="AJ20738">
        <v>26</v>
      </c>
      <c r="AK20738">
        <v>26</v>
      </c>
      <c r="AL20738">
        <v>27</v>
      </c>
      <c r="AM20738">
        <v>27</v>
      </c>
      <c r="AN20738">
        <v>27</v>
      </c>
      <c r="AO20738">
        <v>27</v>
      </c>
      <c r="AP20738">
        <v>27</v>
      </c>
      <c r="AQ20738">
        <v>27</v>
      </c>
    </row>
    <row r="20739" spans="1:43">
      <c r="A20739" t="s">
        <v>12849</v>
      </c>
      <c r="B20739" t="s">
        <v>12850</v>
      </c>
      <c r="C20739" t="s">
        <v>12847</v>
      </c>
      <c r="D20739" t="s">
        <v>12848</v>
      </c>
      <c r="E20739" t="s">
        <v>12580</v>
      </c>
      <c r="F20739" t="s">
        <v>12581</v>
      </c>
      <c r="G20739" t="s">
        <v>12582</v>
      </c>
      <c r="H20739" t="s">
        <v>12581</v>
      </c>
      <c r="I20739" s="2">
        <v>0.4</v>
      </c>
      <c r="J20739" s="2">
        <v>0</v>
      </c>
      <c r="K20739" s="2">
        <v>0</v>
      </c>
      <c r="L20739" t="s">
        <v>120</v>
      </c>
      <c r="M20739" t="s">
        <v>87</v>
      </c>
      <c r="N20739" t="s">
        <v>88</v>
      </c>
      <c r="O20739" t="s">
        <v>85</v>
      </c>
      <c r="P20739" t="s">
        <v>86</v>
      </c>
      <c r="Q20739">
        <v>20</v>
      </c>
      <c r="R20739">
        <v>20</v>
      </c>
      <c r="S20739">
        <v>20</v>
      </c>
      <c r="T20739">
        <v>20</v>
      </c>
      <c r="U20739">
        <v>20</v>
      </c>
      <c r="V20739">
        <v>20</v>
      </c>
      <c r="W20739">
        <v>21</v>
      </c>
      <c r="X20739">
        <v>21</v>
      </c>
      <c r="Y20739">
        <v>21</v>
      </c>
      <c r="Z20739">
        <v>21</v>
      </c>
      <c r="AA20739">
        <v>21</v>
      </c>
      <c r="AB20739">
        <v>21</v>
      </c>
      <c r="AC20739">
        <v>21</v>
      </c>
      <c r="AD20739">
        <v>22</v>
      </c>
      <c r="AE20739">
        <v>22</v>
      </c>
      <c r="AF20739">
        <v>22</v>
      </c>
      <c r="AG20739">
        <v>22</v>
      </c>
      <c r="AH20739">
        <v>22</v>
      </c>
      <c r="AI20739">
        <v>22</v>
      </c>
      <c r="AJ20739">
        <v>22</v>
      </c>
      <c r="AK20739">
        <v>23</v>
      </c>
      <c r="AL20739">
        <v>23</v>
      </c>
      <c r="AM20739">
        <v>23</v>
      </c>
      <c r="AN20739">
        <v>23</v>
      </c>
      <c r="AO20739">
        <v>23</v>
      </c>
      <c r="AP20739">
        <v>23</v>
      </c>
      <c r="AQ20739">
        <v>24</v>
      </c>
    </row>
    <row r="20740" spans="1:43">
      <c r="A20740" t="s">
        <v>12849</v>
      </c>
      <c r="B20740" t="s">
        <v>12850</v>
      </c>
      <c r="C20740" t="s">
        <v>12847</v>
      </c>
      <c r="D20740" t="s">
        <v>12848</v>
      </c>
      <c r="E20740" t="s">
        <v>12580</v>
      </c>
      <c r="F20740" t="s">
        <v>12581</v>
      </c>
      <c r="G20740" t="s">
        <v>12582</v>
      </c>
      <c r="H20740" t="s">
        <v>12581</v>
      </c>
      <c r="I20740" s="2">
        <v>0.4</v>
      </c>
      <c r="J20740" s="2">
        <v>0</v>
      </c>
      <c r="K20740" s="2">
        <v>0</v>
      </c>
      <c r="L20740" t="s">
        <v>120</v>
      </c>
      <c r="M20740" t="s">
        <v>89</v>
      </c>
      <c r="N20740" t="s">
        <v>90</v>
      </c>
      <c r="O20740" t="s">
        <v>85</v>
      </c>
      <c r="P20740" t="s">
        <v>86</v>
      </c>
      <c r="Q20740">
        <v>20</v>
      </c>
      <c r="R20740">
        <v>21</v>
      </c>
      <c r="S20740">
        <v>21</v>
      </c>
      <c r="T20740">
        <v>22</v>
      </c>
      <c r="U20740">
        <v>22</v>
      </c>
      <c r="V20740">
        <v>23</v>
      </c>
      <c r="W20740">
        <v>23</v>
      </c>
      <c r="X20740">
        <v>23</v>
      </c>
      <c r="Y20740">
        <v>24</v>
      </c>
      <c r="Z20740">
        <v>24</v>
      </c>
      <c r="AA20740">
        <v>25</v>
      </c>
      <c r="AB20740">
        <v>25</v>
      </c>
      <c r="AC20740">
        <v>26</v>
      </c>
      <c r="AD20740">
        <v>26</v>
      </c>
      <c r="AE20740">
        <v>26</v>
      </c>
      <c r="AF20740">
        <v>26</v>
      </c>
      <c r="AG20740">
        <v>26</v>
      </c>
      <c r="AH20740">
        <v>27</v>
      </c>
      <c r="AI20740">
        <v>27</v>
      </c>
      <c r="AJ20740">
        <v>27</v>
      </c>
      <c r="AK20740">
        <v>27</v>
      </c>
      <c r="AL20740">
        <v>27</v>
      </c>
      <c r="AM20740">
        <v>27</v>
      </c>
      <c r="AN20740">
        <v>27</v>
      </c>
      <c r="AO20740">
        <v>27</v>
      </c>
      <c r="AP20740">
        <v>27</v>
      </c>
      <c r="AQ20740">
        <v>27</v>
      </c>
    </row>
    <row r="20741" spans="1:43">
      <c r="A20741" t="s">
        <v>12849</v>
      </c>
      <c r="B20741" t="s">
        <v>12850</v>
      </c>
      <c r="C20741" t="s">
        <v>12847</v>
      </c>
      <c r="D20741" t="s">
        <v>12848</v>
      </c>
      <c r="E20741" t="s">
        <v>12580</v>
      </c>
      <c r="F20741" t="s">
        <v>12581</v>
      </c>
      <c r="G20741" t="s">
        <v>12582</v>
      </c>
      <c r="H20741" t="s">
        <v>12581</v>
      </c>
      <c r="I20741" s="2">
        <v>0.4</v>
      </c>
      <c r="J20741" s="2">
        <v>0</v>
      </c>
      <c r="K20741" s="2">
        <v>0</v>
      </c>
      <c r="L20741" t="s">
        <v>120</v>
      </c>
      <c r="M20741" t="s">
        <v>83</v>
      </c>
      <c r="N20741" t="s">
        <v>91</v>
      </c>
      <c r="O20741" t="s">
        <v>85</v>
      </c>
      <c r="P20741" t="s">
        <v>86</v>
      </c>
      <c r="Q20741">
        <v>20</v>
      </c>
      <c r="R20741">
        <v>20</v>
      </c>
      <c r="S20741">
        <v>21</v>
      </c>
      <c r="T20741">
        <v>21</v>
      </c>
      <c r="U20741">
        <v>21</v>
      </c>
      <c r="V20741">
        <v>22</v>
      </c>
      <c r="W20741">
        <v>22</v>
      </c>
      <c r="X20741">
        <v>22</v>
      </c>
      <c r="Y20741">
        <v>23</v>
      </c>
      <c r="Z20741">
        <v>23</v>
      </c>
      <c r="AA20741">
        <v>23</v>
      </c>
      <c r="AB20741">
        <v>24</v>
      </c>
      <c r="AC20741">
        <v>24</v>
      </c>
      <c r="AD20741">
        <v>24</v>
      </c>
      <c r="AE20741">
        <v>24</v>
      </c>
      <c r="AF20741">
        <v>25</v>
      </c>
      <c r="AG20741">
        <v>25</v>
      </c>
      <c r="AH20741">
        <v>25</v>
      </c>
      <c r="AI20741">
        <v>26</v>
      </c>
      <c r="AJ20741">
        <v>26</v>
      </c>
      <c r="AK20741">
        <v>26</v>
      </c>
      <c r="AL20741">
        <v>27</v>
      </c>
      <c r="AM20741">
        <v>27</v>
      </c>
      <c r="AN20741">
        <v>27</v>
      </c>
      <c r="AO20741">
        <v>27</v>
      </c>
      <c r="AP20741">
        <v>27</v>
      </c>
      <c r="AQ20741">
        <v>27</v>
      </c>
    </row>
    <row r="20742" spans="1:43">
      <c r="A20742" t="s">
        <v>12851</v>
      </c>
      <c r="B20742" t="s">
        <v>12852</v>
      </c>
      <c r="C20742" t="s">
        <v>12847</v>
      </c>
      <c r="D20742" t="s">
        <v>12848</v>
      </c>
      <c r="E20742" t="s">
        <v>12580</v>
      </c>
      <c r="F20742" t="s">
        <v>12581</v>
      </c>
      <c r="G20742" t="s">
        <v>12582</v>
      </c>
      <c r="H20742" t="s">
        <v>12581</v>
      </c>
      <c r="I20742" s="2">
        <v>0.87</v>
      </c>
      <c r="J20742" s="2">
        <v>0</v>
      </c>
      <c r="K20742" s="2">
        <v>0</v>
      </c>
      <c r="L20742" t="s">
        <v>120</v>
      </c>
      <c r="M20742" t="s">
        <v>83</v>
      </c>
      <c r="N20742" t="s">
        <v>84</v>
      </c>
      <c r="O20742" t="s">
        <v>85</v>
      </c>
      <c r="P20742" t="s">
        <v>86</v>
      </c>
      <c r="Q20742">
        <v>14</v>
      </c>
      <c r="R20742">
        <v>14</v>
      </c>
      <c r="S20742">
        <v>14</v>
      </c>
      <c r="T20742">
        <v>14</v>
      </c>
      <c r="U20742">
        <v>15</v>
      </c>
      <c r="V20742">
        <v>15</v>
      </c>
      <c r="W20742">
        <v>15</v>
      </c>
      <c r="X20742">
        <v>15</v>
      </c>
      <c r="Y20742">
        <v>16</v>
      </c>
      <c r="Z20742">
        <v>16</v>
      </c>
      <c r="AA20742">
        <v>16</v>
      </c>
      <c r="AB20742">
        <v>16</v>
      </c>
      <c r="AC20742">
        <v>16</v>
      </c>
      <c r="AD20742">
        <v>17</v>
      </c>
      <c r="AE20742">
        <v>17</v>
      </c>
      <c r="AF20742">
        <v>17</v>
      </c>
      <c r="AG20742">
        <v>17</v>
      </c>
      <c r="AH20742">
        <v>18</v>
      </c>
      <c r="AI20742">
        <v>18</v>
      </c>
      <c r="AJ20742">
        <v>18</v>
      </c>
      <c r="AK20742">
        <v>18</v>
      </c>
      <c r="AL20742">
        <v>18</v>
      </c>
      <c r="AM20742">
        <v>18</v>
      </c>
      <c r="AN20742">
        <v>19</v>
      </c>
      <c r="AO20742">
        <v>19</v>
      </c>
      <c r="AP20742">
        <v>19</v>
      </c>
      <c r="AQ20742">
        <v>19</v>
      </c>
    </row>
    <row r="20743" spans="1:43">
      <c r="A20743" t="s">
        <v>12851</v>
      </c>
      <c r="B20743" t="s">
        <v>12852</v>
      </c>
      <c r="C20743" t="s">
        <v>12847</v>
      </c>
      <c r="D20743" t="s">
        <v>12848</v>
      </c>
      <c r="E20743" t="s">
        <v>12580</v>
      </c>
      <c r="F20743" t="s">
        <v>12581</v>
      </c>
      <c r="G20743" t="s">
        <v>12582</v>
      </c>
      <c r="H20743" t="s">
        <v>12581</v>
      </c>
      <c r="I20743" s="2">
        <v>0.87</v>
      </c>
      <c r="J20743" s="2">
        <v>0</v>
      </c>
      <c r="K20743" s="2">
        <v>0</v>
      </c>
      <c r="L20743" t="s">
        <v>120</v>
      </c>
      <c r="M20743" t="s">
        <v>87</v>
      </c>
      <c r="N20743" t="s">
        <v>88</v>
      </c>
      <c r="O20743" t="s">
        <v>85</v>
      </c>
      <c r="P20743" t="s">
        <v>86</v>
      </c>
      <c r="Q20743">
        <v>14</v>
      </c>
      <c r="R20743">
        <v>14</v>
      </c>
      <c r="S20743">
        <v>14</v>
      </c>
      <c r="T20743">
        <v>14</v>
      </c>
      <c r="U20743">
        <v>14</v>
      </c>
      <c r="V20743">
        <v>14</v>
      </c>
      <c r="W20743">
        <v>14</v>
      </c>
      <c r="X20743">
        <v>14</v>
      </c>
      <c r="Y20743">
        <v>14</v>
      </c>
      <c r="Z20743">
        <v>15</v>
      </c>
      <c r="AA20743">
        <v>15</v>
      </c>
      <c r="AB20743">
        <v>15</v>
      </c>
      <c r="AC20743">
        <v>15</v>
      </c>
      <c r="AD20743">
        <v>15</v>
      </c>
      <c r="AE20743">
        <v>15</v>
      </c>
      <c r="AF20743">
        <v>15</v>
      </c>
      <c r="AG20743">
        <v>15</v>
      </c>
      <c r="AH20743">
        <v>15</v>
      </c>
      <c r="AI20743">
        <v>15</v>
      </c>
      <c r="AJ20743">
        <v>16</v>
      </c>
      <c r="AK20743">
        <v>16</v>
      </c>
      <c r="AL20743">
        <v>16</v>
      </c>
      <c r="AM20743">
        <v>16</v>
      </c>
      <c r="AN20743">
        <v>16</v>
      </c>
      <c r="AO20743">
        <v>16</v>
      </c>
      <c r="AP20743">
        <v>16</v>
      </c>
      <c r="AQ20743">
        <v>16</v>
      </c>
    </row>
    <row r="20744" spans="1:43">
      <c r="A20744" t="s">
        <v>12851</v>
      </c>
      <c r="B20744" t="s">
        <v>12852</v>
      </c>
      <c r="C20744" t="s">
        <v>12847</v>
      </c>
      <c r="D20744" t="s">
        <v>12848</v>
      </c>
      <c r="E20744" t="s">
        <v>12580</v>
      </c>
      <c r="F20744" t="s">
        <v>12581</v>
      </c>
      <c r="G20744" t="s">
        <v>12582</v>
      </c>
      <c r="H20744" t="s">
        <v>12581</v>
      </c>
      <c r="I20744" s="2">
        <v>0.87</v>
      </c>
      <c r="J20744" s="2">
        <v>0</v>
      </c>
      <c r="K20744" s="2">
        <v>0</v>
      </c>
      <c r="L20744" t="s">
        <v>120</v>
      </c>
      <c r="M20744" t="s">
        <v>89</v>
      </c>
      <c r="N20744" t="s">
        <v>90</v>
      </c>
      <c r="O20744" t="s">
        <v>85</v>
      </c>
      <c r="P20744" t="s">
        <v>86</v>
      </c>
      <c r="Q20744">
        <v>14</v>
      </c>
      <c r="R20744">
        <v>14</v>
      </c>
      <c r="S20744">
        <v>15</v>
      </c>
      <c r="T20744">
        <v>15</v>
      </c>
      <c r="U20744">
        <v>15</v>
      </c>
      <c r="V20744">
        <v>16</v>
      </c>
      <c r="W20744">
        <v>16</v>
      </c>
      <c r="X20744">
        <v>16</v>
      </c>
      <c r="Y20744">
        <v>16</v>
      </c>
      <c r="Z20744">
        <v>17</v>
      </c>
      <c r="AA20744">
        <v>17</v>
      </c>
      <c r="AB20744">
        <v>17</v>
      </c>
      <c r="AC20744">
        <v>18</v>
      </c>
      <c r="AD20744">
        <v>18</v>
      </c>
      <c r="AE20744">
        <v>18</v>
      </c>
      <c r="AF20744">
        <v>18</v>
      </c>
      <c r="AG20744">
        <v>18</v>
      </c>
      <c r="AH20744">
        <v>18</v>
      </c>
      <c r="AI20744">
        <v>18</v>
      </c>
      <c r="AJ20744">
        <v>18</v>
      </c>
      <c r="AK20744">
        <v>18</v>
      </c>
      <c r="AL20744">
        <v>19</v>
      </c>
      <c r="AM20744">
        <v>19</v>
      </c>
      <c r="AN20744">
        <v>19</v>
      </c>
      <c r="AO20744">
        <v>19</v>
      </c>
      <c r="AP20744">
        <v>19</v>
      </c>
      <c r="AQ20744">
        <v>19</v>
      </c>
    </row>
    <row r="20745" spans="1:43">
      <c r="A20745" t="s">
        <v>12851</v>
      </c>
      <c r="B20745" t="s">
        <v>12852</v>
      </c>
      <c r="C20745" t="s">
        <v>12847</v>
      </c>
      <c r="D20745" t="s">
        <v>12848</v>
      </c>
      <c r="E20745" t="s">
        <v>12580</v>
      </c>
      <c r="F20745" t="s">
        <v>12581</v>
      </c>
      <c r="G20745" t="s">
        <v>12582</v>
      </c>
      <c r="H20745" t="s">
        <v>12581</v>
      </c>
      <c r="I20745" s="2">
        <v>0.87</v>
      </c>
      <c r="J20745" s="2">
        <v>0</v>
      </c>
      <c r="K20745" s="2">
        <v>0</v>
      </c>
      <c r="L20745" t="s">
        <v>120</v>
      </c>
      <c r="M20745" t="s">
        <v>83</v>
      </c>
      <c r="N20745" t="s">
        <v>91</v>
      </c>
      <c r="O20745" t="s">
        <v>85</v>
      </c>
      <c r="P20745" t="s">
        <v>86</v>
      </c>
      <c r="Q20745">
        <v>14</v>
      </c>
      <c r="R20745">
        <v>14</v>
      </c>
      <c r="S20745">
        <v>14</v>
      </c>
      <c r="T20745">
        <v>14</v>
      </c>
      <c r="U20745">
        <v>15</v>
      </c>
      <c r="V20745">
        <v>15</v>
      </c>
      <c r="W20745">
        <v>15</v>
      </c>
      <c r="X20745">
        <v>15</v>
      </c>
      <c r="Y20745">
        <v>16</v>
      </c>
      <c r="Z20745">
        <v>16</v>
      </c>
      <c r="AA20745">
        <v>16</v>
      </c>
      <c r="AB20745">
        <v>16</v>
      </c>
      <c r="AC20745">
        <v>16</v>
      </c>
      <c r="AD20745">
        <v>17</v>
      </c>
      <c r="AE20745">
        <v>17</v>
      </c>
      <c r="AF20745">
        <v>17</v>
      </c>
      <c r="AG20745">
        <v>17</v>
      </c>
      <c r="AH20745">
        <v>18</v>
      </c>
      <c r="AI20745">
        <v>18</v>
      </c>
      <c r="AJ20745">
        <v>18</v>
      </c>
      <c r="AK20745">
        <v>18</v>
      </c>
      <c r="AL20745">
        <v>18</v>
      </c>
      <c r="AM20745">
        <v>18</v>
      </c>
      <c r="AN20745">
        <v>19</v>
      </c>
      <c r="AO20745">
        <v>19</v>
      </c>
      <c r="AP20745">
        <v>19</v>
      </c>
      <c r="AQ20745">
        <v>19</v>
      </c>
    </row>
    <row r="20746" spans="1:43">
      <c r="A20746" t="s">
        <v>12853</v>
      </c>
      <c r="B20746" t="s">
        <v>12854</v>
      </c>
      <c r="C20746" t="s">
        <v>12813</v>
      </c>
      <c r="D20746" t="s">
        <v>12814</v>
      </c>
      <c r="E20746" t="s">
        <v>12580</v>
      </c>
      <c r="F20746" t="s">
        <v>12581</v>
      </c>
      <c r="G20746" t="s">
        <v>12582</v>
      </c>
      <c r="H20746" t="s">
        <v>12581</v>
      </c>
      <c r="I20746" s="2">
        <v>1</v>
      </c>
      <c r="J20746" s="2">
        <v>0</v>
      </c>
      <c r="K20746" s="2">
        <v>0</v>
      </c>
      <c r="L20746" t="s">
        <v>120</v>
      </c>
      <c r="M20746" t="s">
        <v>83</v>
      </c>
      <c r="N20746" t="s">
        <v>84</v>
      </c>
      <c r="O20746" t="s">
        <v>85</v>
      </c>
      <c r="P20746" t="s">
        <v>86</v>
      </c>
      <c r="Q20746">
        <v>24</v>
      </c>
      <c r="R20746">
        <v>24</v>
      </c>
      <c r="S20746">
        <v>25</v>
      </c>
      <c r="T20746">
        <v>25</v>
      </c>
      <c r="U20746">
        <v>25</v>
      </c>
      <c r="V20746">
        <v>26</v>
      </c>
      <c r="W20746">
        <v>26</v>
      </c>
      <c r="X20746">
        <v>26</v>
      </c>
      <c r="Y20746">
        <v>27</v>
      </c>
      <c r="Z20746">
        <v>27</v>
      </c>
      <c r="AA20746">
        <v>28</v>
      </c>
      <c r="AB20746">
        <v>28</v>
      </c>
      <c r="AC20746">
        <v>28</v>
      </c>
      <c r="AD20746">
        <v>29</v>
      </c>
      <c r="AE20746">
        <v>29</v>
      </c>
      <c r="AF20746">
        <v>30</v>
      </c>
      <c r="AG20746">
        <v>30</v>
      </c>
      <c r="AH20746">
        <v>30</v>
      </c>
      <c r="AI20746">
        <v>31</v>
      </c>
      <c r="AJ20746">
        <v>31</v>
      </c>
      <c r="AK20746">
        <v>32</v>
      </c>
      <c r="AL20746">
        <v>32</v>
      </c>
      <c r="AM20746">
        <v>32</v>
      </c>
      <c r="AN20746">
        <v>32</v>
      </c>
      <c r="AO20746">
        <v>32</v>
      </c>
      <c r="AP20746">
        <v>32</v>
      </c>
      <c r="AQ20746">
        <v>32</v>
      </c>
    </row>
    <row r="20747" spans="1:43">
      <c r="A20747" t="s">
        <v>12853</v>
      </c>
      <c r="B20747" t="s">
        <v>12854</v>
      </c>
      <c r="C20747" t="s">
        <v>12813</v>
      </c>
      <c r="D20747" t="s">
        <v>12814</v>
      </c>
      <c r="E20747" t="s">
        <v>12580</v>
      </c>
      <c r="F20747" t="s">
        <v>12581</v>
      </c>
      <c r="G20747" t="s">
        <v>12582</v>
      </c>
      <c r="H20747" t="s">
        <v>12581</v>
      </c>
      <c r="I20747" s="2">
        <v>1</v>
      </c>
      <c r="J20747" s="2">
        <v>0</v>
      </c>
      <c r="K20747" s="2">
        <v>0</v>
      </c>
      <c r="L20747" t="s">
        <v>120</v>
      </c>
      <c r="M20747" t="s">
        <v>87</v>
      </c>
      <c r="N20747" t="s">
        <v>88</v>
      </c>
      <c r="O20747" t="s">
        <v>85</v>
      </c>
      <c r="P20747" t="s">
        <v>86</v>
      </c>
      <c r="Q20747">
        <v>24</v>
      </c>
      <c r="R20747">
        <v>24</v>
      </c>
      <c r="S20747">
        <v>24</v>
      </c>
      <c r="T20747">
        <v>24</v>
      </c>
      <c r="U20747">
        <v>24</v>
      </c>
      <c r="V20747">
        <v>24</v>
      </c>
      <c r="W20747">
        <v>25</v>
      </c>
      <c r="X20747">
        <v>25</v>
      </c>
      <c r="Y20747">
        <v>25</v>
      </c>
      <c r="Z20747">
        <v>25</v>
      </c>
      <c r="AA20747">
        <v>25</v>
      </c>
      <c r="AB20747">
        <v>25</v>
      </c>
      <c r="AC20747">
        <v>26</v>
      </c>
      <c r="AD20747">
        <v>26</v>
      </c>
      <c r="AE20747">
        <v>26</v>
      </c>
      <c r="AF20747">
        <v>26</v>
      </c>
      <c r="AG20747">
        <v>26</v>
      </c>
      <c r="AH20747">
        <v>26</v>
      </c>
      <c r="AI20747">
        <v>27</v>
      </c>
      <c r="AJ20747">
        <v>27</v>
      </c>
      <c r="AK20747">
        <v>27</v>
      </c>
      <c r="AL20747">
        <v>27</v>
      </c>
      <c r="AM20747">
        <v>27</v>
      </c>
      <c r="AN20747">
        <v>28</v>
      </c>
      <c r="AO20747">
        <v>28</v>
      </c>
      <c r="AP20747">
        <v>28</v>
      </c>
      <c r="AQ20747">
        <v>28</v>
      </c>
    </row>
    <row r="20748" spans="1:43">
      <c r="A20748" t="s">
        <v>12853</v>
      </c>
      <c r="B20748" t="s">
        <v>12854</v>
      </c>
      <c r="C20748" t="s">
        <v>12813</v>
      </c>
      <c r="D20748" t="s">
        <v>12814</v>
      </c>
      <c r="E20748" t="s">
        <v>12580</v>
      </c>
      <c r="F20748" t="s">
        <v>12581</v>
      </c>
      <c r="G20748" t="s">
        <v>12582</v>
      </c>
      <c r="H20748" t="s">
        <v>12581</v>
      </c>
      <c r="I20748" s="2">
        <v>1</v>
      </c>
      <c r="J20748" s="2">
        <v>0</v>
      </c>
      <c r="K20748" s="2">
        <v>0</v>
      </c>
      <c r="L20748" t="s">
        <v>120</v>
      </c>
      <c r="M20748" t="s">
        <v>89</v>
      </c>
      <c r="N20748" t="s">
        <v>90</v>
      </c>
      <c r="O20748" t="s">
        <v>85</v>
      </c>
      <c r="P20748" t="s">
        <v>86</v>
      </c>
      <c r="Q20748">
        <v>24</v>
      </c>
      <c r="R20748">
        <v>25</v>
      </c>
      <c r="S20748">
        <v>25</v>
      </c>
      <c r="T20748">
        <v>26</v>
      </c>
      <c r="U20748">
        <v>26</v>
      </c>
      <c r="V20748">
        <v>27</v>
      </c>
      <c r="W20748">
        <v>27</v>
      </c>
      <c r="X20748">
        <v>28</v>
      </c>
      <c r="Y20748">
        <v>28</v>
      </c>
      <c r="Z20748">
        <v>29</v>
      </c>
      <c r="AA20748">
        <v>29</v>
      </c>
      <c r="AB20748">
        <v>30</v>
      </c>
      <c r="AC20748">
        <v>30</v>
      </c>
      <c r="AD20748">
        <v>31</v>
      </c>
      <c r="AE20748">
        <v>31</v>
      </c>
      <c r="AF20748">
        <v>31</v>
      </c>
      <c r="AG20748">
        <v>31</v>
      </c>
      <c r="AH20748">
        <v>32</v>
      </c>
      <c r="AI20748">
        <v>32</v>
      </c>
      <c r="AJ20748">
        <v>32</v>
      </c>
      <c r="AK20748">
        <v>32</v>
      </c>
      <c r="AL20748">
        <v>32</v>
      </c>
      <c r="AM20748">
        <v>32</v>
      </c>
      <c r="AN20748">
        <v>32</v>
      </c>
      <c r="AO20748">
        <v>32</v>
      </c>
      <c r="AP20748">
        <v>33</v>
      </c>
      <c r="AQ20748">
        <v>33</v>
      </c>
    </row>
    <row r="20749" spans="1:43">
      <c r="A20749" t="s">
        <v>12853</v>
      </c>
      <c r="B20749" t="s">
        <v>12854</v>
      </c>
      <c r="C20749" t="s">
        <v>12813</v>
      </c>
      <c r="D20749" t="s">
        <v>12814</v>
      </c>
      <c r="E20749" t="s">
        <v>12580</v>
      </c>
      <c r="F20749" t="s">
        <v>12581</v>
      </c>
      <c r="G20749" t="s">
        <v>12582</v>
      </c>
      <c r="H20749" t="s">
        <v>12581</v>
      </c>
      <c r="I20749" s="2">
        <v>1</v>
      </c>
      <c r="J20749" s="2">
        <v>0</v>
      </c>
      <c r="K20749" s="2">
        <v>0</v>
      </c>
      <c r="L20749" t="s">
        <v>120</v>
      </c>
      <c r="M20749" t="s">
        <v>83</v>
      </c>
      <c r="N20749" t="s">
        <v>91</v>
      </c>
      <c r="O20749" t="s">
        <v>85</v>
      </c>
      <c r="P20749" t="s">
        <v>86</v>
      </c>
      <c r="Q20749">
        <v>24</v>
      </c>
      <c r="R20749">
        <v>24</v>
      </c>
      <c r="S20749">
        <v>25</v>
      </c>
      <c r="T20749">
        <v>25</v>
      </c>
      <c r="U20749">
        <v>25</v>
      </c>
      <c r="V20749">
        <v>26</v>
      </c>
      <c r="W20749">
        <v>26</v>
      </c>
      <c r="X20749">
        <v>26</v>
      </c>
      <c r="Y20749">
        <v>27</v>
      </c>
      <c r="Z20749">
        <v>27</v>
      </c>
      <c r="AA20749">
        <v>28</v>
      </c>
      <c r="AB20749">
        <v>28</v>
      </c>
      <c r="AC20749">
        <v>28</v>
      </c>
      <c r="AD20749">
        <v>29</v>
      </c>
      <c r="AE20749">
        <v>29</v>
      </c>
      <c r="AF20749">
        <v>30</v>
      </c>
      <c r="AG20749">
        <v>30</v>
      </c>
      <c r="AH20749">
        <v>30</v>
      </c>
      <c r="AI20749">
        <v>31</v>
      </c>
      <c r="AJ20749">
        <v>31</v>
      </c>
      <c r="AK20749">
        <v>32</v>
      </c>
      <c r="AL20749">
        <v>32</v>
      </c>
      <c r="AM20749">
        <v>32</v>
      </c>
      <c r="AN20749">
        <v>32</v>
      </c>
      <c r="AO20749">
        <v>32</v>
      </c>
      <c r="AP20749">
        <v>32</v>
      </c>
      <c r="AQ20749">
        <v>32</v>
      </c>
    </row>
    <row r="20750" spans="1:43">
      <c r="A20750" t="s">
        <v>12855</v>
      </c>
      <c r="B20750" t="s">
        <v>12856</v>
      </c>
      <c r="C20750" t="s">
        <v>12827</v>
      </c>
      <c r="D20750" t="s">
        <v>12828</v>
      </c>
      <c r="E20750" t="s">
        <v>12580</v>
      </c>
      <c r="F20750" t="s">
        <v>12581</v>
      </c>
      <c r="G20750" t="s">
        <v>12582</v>
      </c>
      <c r="H20750" t="s">
        <v>12581</v>
      </c>
      <c r="I20750" s="2">
        <v>1</v>
      </c>
      <c r="J20750" s="2">
        <v>0</v>
      </c>
      <c r="K20750" s="2">
        <v>0</v>
      </c>
      <c r="L20750" t="s">
        <v>120</v>
      </c>
      <c r="M20750" t="s">
        <v>83</v>
      </c>
      <c r="N20750" t="s">
        <v>84</v>
      </c>
      <c r="O20750" t="s">
        <v>85</v>
      </c>
      <c r="P20750" t="s">
        <v>86</v>
      </c>
      <c r="Q20750">
        <v>13</v>
      </c>
      <c r="R20750">
        <v>13</v>
      </c>
      <c r="S20750">
        <v>13</v>
      </c>
      <c r="T20750">
        <v>14</v>
      </c>
      <c r="U20750">
        <v>14</v>
      </c>
      <c r="V20750">
        <v>14</v>
      </c>
      <c r="W20750">
        <v>14</v>
      </c>
      <c r="X20750">
        <v>14</v>
      </c>
      <c r="Y20750">
        <v>15</v>
      </c>
      <c r="Z20750">
        <v>15</v>
      </c>
      <c r="AA20750">
        <v>15</v>
      </c>
      <c r="AB20750">
        <v>15</v>
      </c>
      <c r="AC20750">
        <v>16</v>
      </c>
      <c r="AD20750">
        <v>16</v>
      </c>
      <c r="AE20750">
        <v>16</v>
      </c>
      <c r="AF20750">
        <v>16</v>
      </c>
      <c r="AG20750">
        <v>16</v>
      </c>
      <c r="AH20750">
        <v>17</v>
      </c>
      <c r="AI20750">
        <v>17</v>
      </c>
      <c r="AJ20750">
        <v>17</v>
      </c>
      <c r="AK20750">
        <v>17</v>
      </c>
      <c r="AL20750">
        <v>17</v>
      </c>
      <c r="AM20750">
        <v>17</v>
      </c>
      <c r="AN20750">
        <v>17</v>
      </c>
      <c r="AO20750">
        <v>18</v>
      </c>
      <c r="AP20750">
        <v>18</v>
      </c>
      <c r="AQ20750">
        <v>18</v>
      </c>
    </row>
    <row r="20751" spans="1:43">
      <c r="A20751" t="s">
        <v>12855</v>
      </c>
      <c r="B20751" t="s">
        <v>12856</v>
      </c>
      <c r="C20751" t="s">
        <v>12827</v>
      </c>
      <c r="D20751" t="s">
        <v>12828</v>
      </c>
      <c r="E20751" t="s">
        <v>12580</v>
      </c>
      <c r="F20751" t="s">
        <v>12581</v>
      </c>
      <c r="G20751" t="s">
        <v>12582</v>
      </c>
      <c r="H20751" t="s">
        <v>12581</v>
      </c>
      <c r="I20751" s="2">
        <v>1</v>
      </c>
      <c r="J20751" s="2">
        <v>0</v>
      </c>
      <c r="K20751" s="2">
        <v>0</v>
      </c>
      <c r="L20751" t="s">
        <v>120</v>
      </c>
      <c r="M20751" t="s">
        <v>87</v>
      </c>
      <c r="N20751" t="s">
        <v>88</v>
      </c>
      <c r="O20751" t="s">
        <v>85</v>
      </c>
      <c r="P20751" t="s">
        <v>86</v>
      </c>
      <c r="Q20751">
        <v>13</v>
      </c>
      <c r="R20751">
        <v>13</v>
      </c>
      <c r="S20751">
        <v>13</v>
      </c>
      <c r="T20751">
        <v>13</v>
      </c>
      <c r="U20751">
        <v>13</v>
      </c>
      <c r="V20751">
        <v>13</v>
      </c>
      <c r="W20751">
        <v>13</v>
      </c>
      <c r="X20751">
        <v>13</v>
      </c>
      <c r="Y20751">
        <v>14</v>
      </c>
      <c r="Z20751">
        <v>14</v>
      </c>
      <c r="AA20751">
        <v>14</v>
      </c>
      <c r="AB20751">
        <v>14</v>
      </c>
      <c r="AC20751">
        <v>14</v>
      </c>
      <c r="AD20751">
        <v>14</v>
      </c>
      <c r="AE20751">
        <v>14</v>
      </c>
      <c r="AF20751">
        <v>14</v>
      </c>
      <c r="AG20751">
        <v>14</v>
      </c>
      <c r="AH20751">
        <v>14</v>
      </c>
      <c r="AI20751">
        <v>14</v>
      </c>
      <c r="AJ20751">
        <v>15</v>
      </c>
      <c r="AK20751">
        <v>15</v>
      </c>
      <c r="AL20751">
        <v>15</v>
      </c>
      <c r="AM20751">
        <v>15</v>
      </c>
      <c r="AN20751">
        <v>15</v>
      </c>
      <c r="AO20751">
        <v>15</v>
      </c>
      <c r="AP20751">
        <v>15</v>
      </c>
      <c r="AQ20751">
        <v>15</v>
      </c>
    </row>
    <row r="20752" spans="1:43">
      <c r="A20752" t="s">
        <v>12855</v>
      </c>
      <c r="B20752" t="s">
        <v>12856</v>
      </c>
      <c r="C20752" t="s">
        <v>12827</v>
      </c>
      <c r="D20752" t="s">
        <v>12828</v>
      </c>
      <c r="E20752" t="s">
        <v>12580</v>
      </c>
      <c r="F20752" t="s">
        <v>12581</v>
      </c>
      <c r="G20752" t="s">
        <v>12582</v>
      </c>
      <c r="H20752" t="s">
        <v>12581</v>
      </c>
      <c r="I20752" s="2">
        <v>1</v>
      </c>
      <c r="J20752" s="2">
        <v>0</v>
      </c>
      <c r="K20752" s="2">
        <v>0</v>
      </c>
      <c r="L20752" t="s">
        <v>120</v>
      </c>
      <c r="M20752" t="s">
        <v>89</v>
      </c>
      <c r="N20752" t="s">
        <v>90</v>
      </c>
      <c r="O20752" t="s">
        <v>85</v>
      </c>
      <c r="P20752" t="s">
        <v>86</v>
      </c>
      <c r="Q20752">
        <v>13</v>
      </c>
      <c r="R20752">
        <v>13</v>
      </c>
      <c r="S20752">
        <v>14</v>
      </c>
      <c r="T20752">
        <v>14</v>
      </c>
      <c r="U20752">
        <v>14</v>
      </c>
      <c r="V20752">
        <v>15</v>
      </c>
      <c r="W20752">
        <v>15</v>
      </c>
      <c r="X20752">
        <v>15</v>
      </c>
      <c r="Y20752">
        <v>16</v>
      </c>
      <c r="Z20752">
        <v>16</v>
      </c>
      <c r="AA20752">
        <v>16</v>
      </c>
      <c r="AB20752">
        <v>16</v>
      </c>
      <c r="AC20752">
        <v>17</v>
      </c>
      <c r="AD20752">
        <v>17</v>
      </c>
      <c r="AE20752">
        <v>17</v>
      </c>
      <c r="AF20752">
        <v>17</v>
      </c>
      <c r="AG20752">
        <v>17</v>
      </c>
      <c r="AH20752">
        <v>17</v>
      </c>
      <c r="AI20752">
        <v>17</v>
      </c>
      <c r="AJ20752">
        <v>17</v>
      </c>
      <c r="AK20752">
        <v>17</v>
      </c>
      <c r="AL20752">
        <v>17</v>
      </c>
      <c r="AM20752">
        <v>18</v>
      </c>
      <c r="AN20752">
        <v>18</v>
      </c>
      <c r="AO20752">
        <v>18</v>
      </c>
      <c r="AP20752">
        <v>18</v>
      </c>
      <c r="AQ20752">
        <v>18</v>
      </c>
    </row>
    <row r="20753" spans="1:43">
      <c r="A20753" t="s">
        <v>12855</v>
      </c>
      <c r="B20753" t="s">
        <v>12856</v>
      </c>
      <c r="C20753" t="s">
        <v>12827</v>
      </c>
      <c r="D20753" t="s">
        <v>12828</v>
      </c>
      <c r="E20753" t="s">
        <v>12580</v>
      </c>
      <c r="F20753" t="s">
        <v>12581</v>
      </c>
      <c r="G20753" t="s">
        <v>12582</v>
      </c>
      <c r="H20753" t="s">
        <v>12581</v>
      </c>
      <c r="I20753" s="2">
        <v>1</v>
      </c>
      <c r="J20753" s="2">
        <v>0</v>
      </c>
      <c r="K20753" s="2">
        <v>0</v>
      </c>
      <c r="L20753" t="s">
        <v>120</v>
      </c>
      <c r="M20753" t="s">
        <v>83</v>
      </c>
      <c r="N20753" t="s">
        <v>91</v>
      </c>
      <c r="O20753" t="s">
        <v>85</v>
      </c>
      <c r="P20753" t="s">
        <v>86</v>
      </c>
      <c r="Q20753">
        <v>13</v>
      </c>
      <c r="R20753">
        <v>13</v>
      </c>
      <c r="S20753">
        <v>13</v>
      </c>
      <c r="T20753">
        <v>14</v>
      </c>
      <c r="U20753">
        <v>14</v>
      </c>
      <c r="V20753">
        <v>14</v>
      </c>
      <c r="W20753">
        <v>14</v>
      </c>
      <c r="X20753">
        <v>14</v>
      </c>
      <c r="Y20753">
        <v>15</v>
      </c>
      <c r="Z20753">
        <v>15</v>
      </c>
      <c r="AA20753">
        <v>15</v>
      </c>
      <c r="AB20753">
        <v>15</v>
      </c>
      <c r="AC20753">
        <v>16</v>
      </c>
      <c r="AD20753">
        <v>16</v>
      </c>
      <c r="AE20753">
        <v>16</v>
      </c>
      <c r="AF20753">
        <v>16</v>
      </c>
      <c r="AG20753">
        <v>16</v>
      </c>
      <c r="AH20753">
        <v>17</v>
      </c>
      <c r="AI20753">
        <v>17</v>
      </c>
      <c r="AJ20753">
        <v>17</v>
      </c>
      <c r="AK20753">
        <v>17</v>
      </c>
      <c r="AL20753">
        <v>17</v>
      </c>
      <c r="AM20753">
        <v>17</v>
      </c>
      <c r="AN20753">
        <v>17</v>
      </c>
      <c r="AO20753">
        <v>18</v>
      </c>
      <c r="AP20753">
        <v>18</v>
      </c>
      <c r="AQ20753">
        <v>18</v>
      </c>
    </row>
    <row r="20754" spans="1:43">
      <c r="A20754" t="s">
        <v>12857</v>
      </c>
      <c r="B20754" t="s">
        <v>12858</v>
      </c>
      <c r="C20754" t="s">
        <v>12831</v>
      </c>
      <c r="D20754" t="s">
        <v>12832</v>
      </c>
      <c r="E20754" t="s">
        <v>12580</v>
      </c>
      <c r="F20754" t="s">
        <v>12581</v>
      </c>
      <c r="G20754" t="s">
        <v>12582</v>
      </c>
      <c r="H20754" t="s">
        <v>12581</v>
      </c>
      <c r="I20754" s="2">
        <v>1</v>
      </c>
      <c r="J20754" s="2">
        <v>0</v>
      </c>
      <c r="K20754" s="2">
        <v>0</v>
      </c>
      <c r="L20754" t="s">
        <v>120</v>
      </c>
      <c r="M20754" t="s">
        <v>83</v>
      </c>
      <c r="N20754" t="s">
        <v>84</v>
      </c>
      <c r="O20754" t="s">
        <v>85</v>
      </c>
      <c r="P20754" t="s">
        <v>86</v>
      </c>
      <c r="Q20754">
        <v>25</v>
      </c>
      <c r="R20754">
        <v>25</v>
      </c>
      <c r="S20754">
        <v>26</v>
      </c>
      <c r="T20754">
        <v>26</v>
      </c>
      <c r="U20754">
        <v>26</v>
      </c>
      <c r="V20754">
        <v>27</v>
      </c>
      <c r="W20754">
        <v>27</v>
      </c>
      <c r="X20754">
        <v>27</v>
      </c>
      <c r="Y20754">
        <v>28</v>
      </c>
      <c r="Z20754">
        <v>28</v>
      </c>
      <c r="AA20754">
        <v>28</v>
      </c>
      <c r="AB20754">
        <v>29</v>
      </c>
      <c r="AC20754">
        <v>29</v>
      </c>
      <c r="AD20754">
        <v>30</v>
      </c>
      <c r="AE20754">
        <v>30</v>
      </c>
      <c r="AF20754">
        <v>30</v>
      </c>
      <c r="AG20754">
        <v>31</v>
      </c>
      <c r="AH20754">
        <v>31</v>
      </c>
      <c r="AI20754">
        <v>31</v>
      </c>
      <c r="AJ20754">
        <v>32</v>
      </c>
      <c r="AK20754">
        <v>32</v>
      </c>
      <c r="AL20754">
        <v>32</v>
      </c>
      <c r="AM20754">
        <v>32</v>
      </c>
      <c r="AN20754">
        <v>32</v>
      </c>
      <c r="AO20754">
        <v>32</v>
      </c>
      <c r="AP20754">
        <v>33</v>
      </c>
      <c r="AQ20754">
        <v>33</v>
      </c>
    </row>
    <row r="20755" spans="1:43">
      <c r="A20755" t="s">
        <v>12857</v>
      </c>
      <c r="B20755" t="s">
        <v>12858</v>
      </c>
      <c r="C20755" t="s">
        <v>12831</v>
      </c>
      <c r="D20755" t="s">
        <v>12832</v>
      </c>
      <c r="E20755" t="s">
        <v>12580</v>
      </c>
      <c r="F20755" t="s">
        <v>12581</v>
      </c>
      <c r="G20755" t="s">
        <v>12582</v>
      </c>
      <c r="H20755" t="s">
        <v>12581</v>
      </c>
      <c r="I20755" s="2">
        <v>1</v>
      </c>
      <c r="J20755" s="2">
        <v>0</v>
      </c>
      <c r="K20755" s="2">
        <v>0</v>
      </c>
      <c r="L20755" t="s">
        <v>120</v>
      </c>
      <c r="M20755" t="s">
        <v>87</v>
      </c>
      <c r="N20755" t="s">
        <v>88</v>
      </c>
      <c r="O20755" t="s">
        <v>85</v>
      </c>
      <c r="P20755" t="s">
        <v>86</v>
      </c>
      <c r="Q20755">
        <v>25</v>
      </c>
      <c r="R20755">
        <v>25</v>
      </c>
      <c r="S20755">
        <v>25</v>
      </c>
      <c r="T20755">
        <v>25</v>
      </c>
      <c r="U20755">
        <v>25</v>
      </c>
      <c r="V20755">
        <v>25</v>
      </c>
      <c r="W20755">
        <v>25</v>
      </c>
      <c r="X20755">
        <v>26</v>
      </c>
      <c r="Y20755">
        <v>26</v>
      </c>
      <c r="Z20755">
        <v>26</v>
      </c>
      <c r="AA20755">
        <v>26</v>
      </c>
      <c r="AB20755">
        <v>26</v>
      </c>
      <c r="AC20755">
        <v>26</v>
      </c>
      <c r="AD20755">
        <v>26</v>
      </c>
      <c r="AE20755">
        <v>27</v>
      </c>
      <c r="AF20755">
        <v>27</v>
      </c>
      <c r="AG20755">
        <v>27</v>
      </c>
      <c r="AH20755">
        <v>27</v>
      </c>
      <c r="AI20755">
        <v>27</v>
      </c>
      <c r="AJ20755">
        <v>27</v>
      </c>
      <c r="AK20755">
        <v>27</v>
      </c>
      <c r="AL20755">
        <v>28</v>
      </c>
      <c r="AM20755">
        <v>28</v>
      </c>
      <c r="AN20755">
        <v>28</v>
      </c>
      <c r="AO20755">
        <v>28</v>
      </c>
      <c r="AP20755">
        <v>28</v>
      </c>
      <c r="AQ20755">
        <v>28</v>
      </c>
    </row>
    <row r="20756" spans="1:43">
      <c r="A20756" t="s">
        <v>12857</v>
      </c>
      <c r="B20756" t="s">
        <v>12858</v>
      </c>
      <c r="C20756" t="s">
        <v>12831</v>
      </c>
      <c r="D20756" t="s">
        <v>12832</v>
      </c>
      <c r="E20756" t="s">
        <v>12580</v>
      </c>
      <c r="F20756" t="s">
        <v>12581</v>
      </c>
      <c r="G20756" t="s">
        <v>12582</v>
      </c>
      <c r="H20756" t="s">
        <v>12581</v>
      </c>
      <c r="I20756" s="2">
        <v>1</v>
      </c>
      <c r="J20756" s="2">
        <v>0</v>
      </c>
      <c r="K20756" s="2">
        <v>0</v>
      </c>
      <c r="L20756" t="s">
        <v>120</v>
      </c>
      <c r="M20756" t="s">
        <v>89</v>
      </c>
      <c r="N20756" t="s">
        <v>90</v>
      </c>
      <c r="O20756" t="s">
        <v>85</v>
      </c>
      <c r="P20756" t="s">
        <v>86</v>
      </c>
      <c r="Q20756">
        <v>25</v>
      </c>
      <c r="R20756">
        <v>26</v>
      </c>
      <c r="S20756">
        <v>26</v>
      </c>
      <c r="T20756">
        <v>27</v>
      </c>
      <c r="U20756">
        <v>27</v>
      </c>
      <c r="V20756">
        <v>28</v>
      </c>
      <c r="W20756">
        <v>28</v>
      </c>
      <c r="X20756">
        <v>29</v>
      </c>
      <c r="Y20756">
        <v>29</v>
      </c>
      <c r="Z20756">
        <v>30</v>
      </c>
      <c r="AA20756">
        <v>30</v>
      </c>
      <c r="AB20756">
        <v>31</v>
      </c>
      <c r="AC20756">
        <v>31</v>
      </c>
      <c r="AD20756">
        <v>32</v>
      </c>
      <c r="AE20756">
        <v>32</v>
      </c>
      <c r="AF20756">
        <v>32</v>
      </c>
      <c r="AG20756">
        <v>32</v>
      </c>
      <c r="AH20756">
        <v>32</v>
      </c>
      <c r="AI20756">
        <v>32</v>
      </c>
      <c r="AJ20756">
        <v>32</v>
      </c>
      <c r="AK20756">
        <v>32</v>
      </c>
      <c r="AL20756">
        <v>33</v>
      </c>
      <c r="AM20756">
        <v>33</v>
      </c>
      <c r="AN20756">
        <v>33</v>
      </c>
      <c r="AO20756">
        <v>33</v>
      </c>
      <c r="AP20756">
        <v>33</v>
      </c>
      <c r="AQ20756">
        <v>33</v>
      </c>
    </row>
    <row r="20757" spans="1:43">
      <c r="A20757" t="s">
        <v>12857</v>
      </c>
      <c r="B20757" t="s">
        <v>12858</v>
      </c>
      <c r="C20757" t="s">
        <v>12831</v>
      </c>
      <c r="D20757" t="s">
        <v>12832</v>
      </c>
      <c r="E20757" t="s">
        <v>12580</v>
      </c>
      <c r="F20757" t="s">
        <v>12581</v>
      </c>
      <c r="G20757" t="s">
        <v>12582</v>
      </c>
      <c r="H20757" t="s">
        <v>12581</v>
      </c>
      <c r="I20757" s="2">
        <v>1</v>
      </c>
      <c r="J20757" s="2">
        <v>0</v>
      </c>
      <c r="K20757" s="2">
        <v>0</v>
      </c>
      <c r="L20757" t="s">
        <v>120</v>
      </c>
      <c r="M20757" t="s">
        <v>83</v>
      </c>
      <c r="N20757" t="s">
        <v>91</v>
      </c>
      <c r="O20757" t="s">
        <v>85</v>
      </c>
      <c r="P20757" t="s">
        <v>86</v>
      </c>
      <c r="Q20757">
        <v>25</v>
      </c>
      <c r="R20757">
        <v>25</v>
      </c>
      <c r="S20757">
        <v>26</v>
      </c>
      <c r="T20757">
        <v>26</v>
      </c>
      <c r="U20757">
        <v>26</v>
      </c>
      <c r="V20757">
        <v>27</v>
      </c>
      <c r="W20757">
        <v>27</v>
      </c>
      <c r="X20757">
        <v>27</v>
      </c>
      <c r="Y20757">
        <v>28</v>
      </c>
      <c r="Z20757">
        <v>28</v>
      </c>
      <c r="AA20757">
        <v>28</v>
      </c>
      <c r="AB20757">
        <v>29</v>
      </c>
      <c r="AC20757">
        <v>29</v>
      </c>
      <c r="AD20757">
        <v>30</v>
      </c>
      <c r="AE20757">
        <v>30</v>
      </c>
      <c r="AF20757">
        <v>30</v>
      </c>
      <c r="AG20757">
        <v>31</v>
      </c>
      <c r="AH20757">
        <v>31</v>
      </c>
      <c r="AI20757">
        <v>31</v>
      </c>
      <c r="AJ20757">
        <v>32</v>
      </c>
      <c r="AK20757">
        <v>32</v>
      </c>
      <c r="AL20757">
        <v>32</v>
      </c>
      <c r="AM20757">
        <v>32</v>
      </c>
      <c r="AN20757">
        <v>32</v>
      </c>
      <c r="AO20757">
        <v>32</v>
      </c>
      <c r="AP20757">
        <v>33</v>
      </c>
      <c r="AQ20757">
        <v>33</v>
      </c>
    </row>
    <row r="20758" spans="1:43">
      <c r="A20758" t="s">
        <v>12859</v>
      </c>
      <c r="B20758" t="s">
        <v>12860</v>
      </c>
      <c r="C20758" t="s">
        <v>12831</v>
      </c>
      <c r="D20758" t="s">
        <v>12832</v>
      </c>
      <c r="E20758" t="s">
        <v>12580</v>
      </c>
      <c r="F20758" t="s">
        <v>12581</v>
      </c>
      <c r="G20758" t="s">
        <v>12582</v>
      </c>
      <c r="H20758" t="s">
        <v>12581</v>
      </c>
      <c r="I20758" s="2">
        <v>1</v>
      </c>
      <c r="J20758" s="2">
        <v>0</v>
      </c>
      <c r="K20758" s="2">
        <v>0</v>
      </c>
      <c r="L20758" t="s">
        <v>120</v>
      </c>
      <c r="M20758" t="s">
        <v>83</v>
      </c>
      <c r="N20758" t="s">
        <v>84</v>
      </c>
      <c r="O20758" t="s">
        <v>85</v>
      </c>
      <c r="P20758" t="s">
        <v>86</v>
      </c>
      <c r="Q20758">
        <v>16</v>
      </c>
      <c r="R20758">
        <v>16</v>
      </c>
      <c r="S20758">
        <v>17</v>
      </c>
      <c r="T20758">
        <v>17</v>
      </c>
      <c r="U20758">
        <v>17</v>
      </c>
      <c r="V20758">
        <v>17</v>
      </c>
      <c r="W20758">
        <v>18</v>
      </c>
      <c r="X20758">
        <v>18</v>
      </c>
      <c r="Y20758">
        <v>18</v>
      </c>
      <c r="Z20758">
        <v>18</v>
      </c>
      <c r="AA20758">
        <v>19</v>
      </c>
      <c r="AB20758">
        <v>19</v>
      </c>
      <c r="AC20758">
        <v>19</v>
      </c>
      <c r="AD20758">
        <v>20</v>
      </c>
      <c r="AE20758">
        <v>20</v>
      </c>
      <c r="AF20758">
        <v>20</v>
      </c>
      <c r="AG20758">
        <v>20</v>
      </c>
      <c r="AH20758">
        <v>21</v>
      </c>
      <c r="AI20758">
        <v>21</v>
      </c>
      <c r="AJ20758">
        <v>21</v>
      </c>
      <c r="AK20758">
        <v>21</v>
      </c>
      <c r="AL20758">
        <v>22</v>
      </c>
      <c r="AM20758">
        <v>22</v>
      </c>
      <c r="AN20758">
        <v>22</v>
      </c>
      <c r="AO20758">
        <v>22</v>
      </c>
      <c r="AP20758">
        <v>22</v>
      </c>
      <c r="AQ20758">
        <v>22</v>
      </c>
    </row>
    <row r="20759" spans="1:43">
      <c r="A20759" t="s">
        <v>12859</v>
      </c>
      <c r="B20759" t="s">
        <v>12860</v>
      </c>
      <c r="C20759" t="s">
        <v>12831</v>
      </c>
      <c r="D20759" t="s">
        <v>12832</v>
      </c>
      <c r="E20759" t="s">
        <v>12580</v>
      </c>
      <c r="F20759" t="s">
        <v>12581</v>
      </c>
      <c r="G20759" t="s">
        <v>12582</v>
      </c>
      <c r="H20759" t="s">
        <v>12581</v>
      </c>
      <c r="I20759" s="2">
        <v>1</v>
      </c>
      <c r="J20759" s="2">
        <v>0</v>
      </c>
      <c r="K20759" s="2">
        <v>0</v>
      </c>
      <c r="L20759" t="s">
        <v>120</v>
      </c>
      <c r="M20759" t="s">
        <v>87</v>
      </c>
      <c r="N20759" t="s">
        <v>88</v>
      </c>
      <c r="O20759" t="s">
        <v>85</v>
      </c>
      <c r="P20759" t="s">
        <v>86</v>
      </c>
      <c r="Q20759">
        <v>16</v>
      </c>
      <c r="R20759">
        <v>16</v>
      </c>
      <c r="S20759">
        <v>16</v>
      </c>
      <c r="T20759">
        <v>16</v>
      </c>
      <c r="U20759">
        <v>16</v>
      </c>
      <c r="V20759">
        <v>17</v>
      </c>
      <c r="W20759">
        <v>17</v>
      </c>
      <c r="X20759">
        <v>17</v>
      </c>
      <c r="Y20759">
        <v>17</v>
      </c>
      <c r="Z20759">
        <v>17</v>
      </c>
      <c r="AA20759">
        <v>17</v>
      </c>
      <c r="AB20759">
        <v>17</v>
      </c>
      <c r="AC20759">
        <v>17</v>
      </c>
      <c r="AD20759">
        <v>17</v>
      </c>
      <c r="AE20759">
        <v>18</v>
      </c>
      <c r="AF20759">
        <v>18</v>
      </c>
      <c r="AG20759">
        <v>18</v>
      </c>
      <c r="AH20759">
        <v>18</v>
      </c>
      <c r="AI20759">
        <v>18</v>
      </c>
      <c r="AJ20759">
        <v>18</v>
      </c>
      <c r="AK20759">
        <v>18</v>
      </c>
      <c r="AL20759">
        <v>18</v>
      </c>
      <c r="AM20759">
        <v>19</v>
      </c>
      <c r="AN20759">
        <v>19</v>
      </c>
      <c r="AO20759">
        <v>19</v>
      </c>
      <c r="AP20759">
        <v>19</v>
      </c>
      <c r="AQ20759">
        <v>19</v>
      </c>
    </row>
    <row r="20760" spans="1:43">
      <c r="A20760" t="s">
        <v>12859</v>
      </c>
      <c r="B20760" t="s">
        <v>12860</v>
      </c>
      <c r="C20760" t="s">
        <v>12831</v>
      </c>
      <c r="D20760" t="s">
        <v>12832</v>
      </c>
      <c r="E20760" t="s">
        <v>12580</v>
      </c>
      <c r="F20760" t="s">
        <v>12581</v>
      </c>
      <c r="G20760" t="s">
        <v>12582</v>
      </c>
      <c r="H20760" t="s">
        <v>12581</v>
      </c>
      <c r="I20760" s="2">
        <v>1</v>
      </c>
      <c r="J20760" s="2">
        <v>0</v>
      </c>
      <c r="K20760" s="2">
        <v>0</v>
      </c>
      <c r="L20760" t="s">
        <v>120</v>
      </c>
      <c r="M20760" t="s">
        <v>89</v>
      </c>
      <c r="N20760" t="s">
        <v>90</v>
      </c>
      <c r="O20760" t="s">
        <v>85</v>
      </c>
      <c r="P20760" t="s">
        <v>86</v>
      </c>
      <c r="Q20760">
        <v>16</v>
      </c>
      <c r="R20760">
        <v>17</v>
      </c>
      <c r="S20760">
        <v>17</v>
      </c>
      <c r="T20760">
        <v>17</v>
      </c>
      <c r="U20760">
        <v>18</v>
      </c>
      <c r="V20760">
        <v>18</v>
      </c>
      <c r="W20760">
        <v>19</v>
      </c>
      <c r="X20760">
        <v>19</v>
      </c>
      <c r="Y20760">
        <v>19</v>
      </c>
      <c r="Z20760">
        <v>20</v>
      </c>
      <c r="AA20760">
        <v>20</v>
      </c>
      <c r="AB20760">
        <v>20</v>
      </c>
      <c r="AC20760">
        <v>21</v>
      </c>
      <c r="AD20760">
        <v>21</v>
      </c>
      <c r="AE20760">
        <v>21</v>
      </c>
      <c r="AF20760">
        <v>21</v>
      </c>
      <c r="AG20760">
        <v>21</v>
      </c>
      <c r="AH20760">
        <v>21</v>
      </c>
      <c r="AI20760">
        <v>21</v>
      </c>
      <c r="AJ20760">
        <v>22</v>
      </c>
      <c r="AK20760">
        <v>22</v>
      </c>
      <c r="AL20760">
        <v>22</v>
      </c>
      <c r="AM20760">
        <v>22</v>
      </c>
      <c r="AN20760">
        <v>22</v>
      </c>
      <c r="AO20760">
        <v>22</v>
      </c>
      <c r="AP20760">
        <v>22</v>
      </c>
      <c r="AQ20760">
        <v>22</v>
      </c>
    </row>
    <row r="20761" spans="1:43">
      <c r="A20761" t="s">
        <v>12859</v>
      </c>
      <c r="B20761" t="s">
        <v>12860</v>
      </c>
      <c r="C20761" t="s">
        <v>12831</v>
      </c>
      <c r="D20761" t="s">
        <v>12832</v>
      </c>
      <c r="E20761" t="s">
        <v>12580</v>
      </c>
      <c r="F20761" t="s">
        <v>12581</v>
      </c>
      <c r="G20761" t="s">
        <v>12582</v>
      </c>
      <c r="H20761" t="s">
        <v>12581</v>
      </c>
      <c r="I20761" s="2">
        <v>1</v>
      </c>
      <c r="J20761" s="2">
        <v>0</v>
      </c>
      <c r="K20761" s="2">
        <v>0</v>
      </c>
      <c r="L20761" t="s">
        <v>120</v>
      </c>
      <c r="M20761" t="s">
        <v>83</v>
      </c>
      <c r="N20761" t="s">
        <v>91</v>
      </c>
      <c r="O20761" t="s">
        <v>85</v>
      </c>
      <c r="P20761" t="s">
        <v>86</v>
      </c>
      <c r="Q20761">
        <v>16</v>
      </c>
      <c r="R20761">
        <v>16</v>
      </c>
      <c r="S20761">
        <v>17</v>
      </c>
      <c r="T20761">
        <v>17</v>
      </c>
      <c r="U20761">
        <v>17</v>
      </c>
      <c r="V20761">
        <v>17</v>
      </c>
      <c r="W20761">
        <v>18</v>
      </c>
      <c r="X20761">
        <v>18</v>
      </c>
      <c r="Y20761">
        <v>18</v>
      </c>
      <c r="Z20761">
        <v>18</v>
      </c>
      <c r="AA20761">
        <v>19</v>
      </c>
      <c r="AB20761">
        <v>19</v>
      </c>
      <c r="AC20761">
        <v>19</v>
      </c>
      <c r="AD20761">
        <v>20</v>
      </c>
      <c r="AE20761">
        <v>20</v>
      </c>
      <c r="AF20761">
        <v>20</v>
      </c>
      <c r="AG20761">
        <v>20</v>
      </c>
      <c r="AH20761">
        <v>21</v>
      </c>
      <c r="AI20761">
        <v>21</v>
      </c>
      <c r="AJ20761">
        <v>21</v>
      </c>
      <c r="AK20761">
        <v>21</v>
      </c>
      <c r="AL20761">
        <v>22</v>
      </c>
      <c r="AM20761">
        <v>22</v>
      </c>
      <c r="AN20761">
        <v>22</v>
      </c>
      <c r="AO20761">
        <v>22</v>
      </c>
      <c r="AP20761">
        <v>22</v>
      </c>
      <c r="AQ20761">
        <v>22</v>
      </c>
    </row>
    <row r="20762" spans="1:43">
      <c r="A20762" t="s">
        <v>12861</v>
      </c>
      <c r="B20762" t="s">
        <v>12862</v>
      </c>
      <c r="C20762" t="s">
        <v>12841</v>
      </c>
      <c r="D20762" t="s">
        <v>12842</v>
      </c>
      <c r="E20762" t="s">
        <v>12580</v>
      </c>
      <c r="F20762" t="s">
        <v>12581</v>
      </c>
      <c r="G20762" t="s">
        <v>12582</v>
      </c>
      <c r="H20762" t="s">
        <v>12581</v>
      </c>
      <c r="I20762" s="2">
        <v>0.95</v>
      </c>
      <c r="J20762" s="2">
        <v>0</v>
      </c>
      <c r="K20762" s="2">
        <v>0</v>
      </c>
      <c r="L20762" t="s">
        <v>120</v>
      </c>
      <c r="M20762" t="s">
        <v>83</v>
      </c>
      <c r="N20762" t="s">
        <v>84</v>
      </c>
      <c r="O20762" t="s">
        <v>85</v>
      </c>
      <c r="P20762" t="s">
        <v>86</v>
      </c>
      <c r="Q20762">
        <v>34</v>
      </c>
      <c r="R20762">
        <v>35</v>
      </c>
      <c r="S20762">
        <v>35</v>
      </c>
      <c r="T20762">
        <v>36</v>
      </c>
      <c r="U20762">
        <v>36</v>
      </c>
      <c r="V20762">
        <v>37</v>
      </c>
      <c r="W20762">
        <v>38</v>
      </c>
      <c r="X20762">
        <v>38</v>
      </c>
      <c r="Y20762">
        <v>39</v>
      </c>
      <c r="Z20762">
        <v>39</v>
      </c>
      <c r="AA20762">
        <v>40</v>
      </c>
      <c r="AB20762">
        <v>40</v>
      </c>
      <c r="AC20762">
        <v>41</v>
      </c>
      <c r="AD20762">
        <v>41</v>
      </c>
      <c r="AE20762">
        <v>42</v>
      </c>
      <c r="AF20762">
        <v>43</v>
      </c>
      <c r="AG20762">
        <v>43</v>
      </c>
      <c r="AH20762">
        <v>44</v>
      </c>
      <c r="AI20762">
        <v>44</v>
      </c>
      <c r="AJ20762">
        <v>45</v>
      </c>
      <c r="AK20762">
        <v>45</v>
      </c>
      <c r="AL20762">
        <v>46</v>
      </c>
      <c r="AM20762">
        <v>46</v>
      </c>
      <c r="AN20762">
        <v>46</v>
      </c>
      <c r="AO20762">
        <v>46</v>
      </c>
      <c r="AP20762">
        <v>47</v>
      </c>
      <c r="AQ20762">
        <v>47</v>
      </c>
    </row>
    <row r="20763" spans="1:43">
      <c r="A20763" t="s">
        <v>12861</v>
      </c>
      <c r="B20763" t="s">
        <v>12862</v>
      </c>
      <c r="C20763" t="s">
        <v>12841</v>
      </c>
      <c r="D20763" t="s">
        <v>12842</v>
      </c>
      <c r="E20763" t="s">
        <v>12580</v>
      </c>
      <c r="F20763" t="s">
        <v>12581</v>
      </c>
      <c r="G20763" t="s">
        <v>12582</v>
      </c>
      <c r="H20763" t="s">
        <v>12581</v>
      </c>
      <c r="I20763" s="2">
        <v>0.95</v>
      </c>
      <c r="J20763" s="2">
        <v>0</v>
      </c>
      <c r="K20763" s="2">
        <v>0</v>
      </c>
      <c r="L20763" t="s">
        <v>120</v>
      </c>
      <c r="M20763" t="s">
        <v>87</v>
      </c>
      <c r="N20763" t="s">
        <v>88</v>
      </c>
      <c r="O20763" t="s">
        <v>85</v>
      </c>
      <c r="P20763" t="s">
        <v>86</v>
      </c>
      <c r="Q20763">
        <v>34</v>
      </c>
      <c r="R20763">
        <v>34</v>
      </c>
      <c r="S20763">
        <v>34</v>
      </c>
      <c r="T20763">
        <v>35</v>
      </c>
      <c r="U20763">
        <v>35</v>
      </c>
      <c r="V20763">
        <v>35</v>
      </c>
      <c r="W20763">
        <v>35</v>
      </c>
      <c r="X20763">
        <v>36</v>
      </c>
      <c r="Y20763">
        <v>36</v>
      </c>
      <c r="Z20763">
        <v>36</v>
      </c>
      <c r="AA20763">
        <v>36</v>
      </c>
      <c r="AB20763">
        <v>37</v>
      </c>
      <c r="AC20763">
        <v>37</v>
      </c>
      <c r="AD20763">
        <v>37</v>
      </c>
      <c r="AE20763">
        <v>37</v>
      </c>
      <c r="AF20763">
        <v>38</v>
      </c>
      <c r="AG20763">
        <v>38</v>
      </c>
      <c r="AH20763">
        <v>38</v>
      </c>
      <c r="AI20763">
        <v>38</v>
      </c>
      <c r="AJ20763">
        <v>39</v>
      </c>
      <c r="AK20763">
        <v>39</v>
      </c>
      <c r="AL20763">
        <v>39</v>
      </c>
      <c r="AM20763">
        <v>40</v>
      </c>
      <c r="AN20763">
        <v>40</v>
      </c>
      <c r="AO20763">
        <v>40</v>
      </c>
      <c r="AP20763">
        <v>40</v>
      </c>
      <c r="AQ20763">
        <v>41</v>
      </c>
    </row>
    <row r="20764" spans="1:43">
      <c r="A20764" t="s">
        <v>12861</v>
      </c>
      <c r="B20764" t="s">
        <v>12862</v>
      </c>
      <c r="C20764" t="s">
        <v>12841</v>
      </c>
      <c r="D20764" t="s">
        <v>12842</v>
      </c>
      <c r="E20764" t="s">
        <v>12580</v>
      </c>
      <c r="F20764" t="s">
        <v>12581</v>
      </c>
      <c r="G20764" t="s">
        <v>12582</v>
      </c>
      <c r="H20764" t="s">
        <v>12581</v>
      </c>
      <c r="I20764" s="2">
        <v>0.95</v>
      </c>
      <c r="J20764" s="2">
        <v>0</v>
      </c>
      <c r="K20764" s="2">
        <v>0</v>
      </c>
      <c r="L20764" t="s">
        <v>120</v>
      </c>
      <c r="M20764" t="s">
        <v>89</v>
      </c>
      <c r="N20764" t="s">
        <v>90</v>
      </c>
      <c r="O20764" t="s">
        <v>85</v>
      </c>
      <c r="P20764" t="s">
        <v>86</v>
      </c>
      <c r="Q20764">
        <v>34</v>
      </c>
      <c r="R20764">
        <v>34</v>
      </c>
      <c r="S20764">
        <v>35</v>
      </c>
      <c r="T20764">
        <v>36</v>
      </c>
      <c r="U20764">
        <v>37</v>
      </c>
      <c r="V20764">
        <v>38</v>
      </c>
      <c r="W20764">
        <v>38</v>
      </c>
      <c r="X20764">
        <v>39</v>
      </c>
      <c r="Y20764">
        <v>40</v>
      </c>
      <c r="Z20764">
        <v>41</v>
      </c>
      <c r="AA20764">
        <v>41</v>
      </c>
      <c r="AB20764">
        <v>42</v>
      </c>
      <c r="AC20764">
        <v>43</v>
      </c>
      <c r="AD20764">
        <v>44</v>
      </c>
      <c r="AE20764">
        <v>44</v>
      </c>
      <c r="AF20764">
        <v>44</v>
      </c>
      <c r="AG20764">
        <v>44</v>
      </c>
      <c r="AH20764">
        <v>45</v>
      </c>
      <c r="AI20764">
        <v>45</v>
      </c>
      <c r="AJ20764">
        <v>45</v>
      </c>
      <c r="AK20764">
        <v>45</v>
      </c>
      <c r="AL20764">
        <v>45</v>
      </c>
      <c r="AM20764">
        <v>45</v>
      </c>
      <c r="AN20764">
        <v>46</v>
      </c>
      <c r="AO20764">
        <v>46</v>
      </c>
      <c r="AP20764">
        <v>46</v>
      </c>
      <c r="AQ20764">
        <v>46</v>
      </c>
    </row>
    <row r="20765" spans="1:43">
      <c r="A20765" t="s">
        <v>12861</v>
      </c>
      <c r="B20765" t="s">
        <v>12862</v>
      </c>
      <c r="C20765" t="s">
        <v>12841</v>
      </c>
      <c r="D20765" t="s">
        <v>12842</v>
      </c>
      <c r="E20765" t="s">
        <v>12580</v>
      </c>
      <c r="F20765" t="s">
        <v>12581</v>
      </c>
      <c r="G20765" t="s">
        <v>12582</v>
      </c>
      <c r="H20765" t="s">
        <v>12581</v>
      </c>
      <c r="I20765" s="2">
        <v>0.95</v>
      </c>
      <c r="J20765" s="2">
        <v>0</v>
      </c>
      <c r="K20765" s="2">
        <v>0</v>
      </c>
      <c r="L20765" t="s">
        <v>120</v>
      </c>
      <c r="M20765" t="s">
        <v>83</v>
      </c>
      <c r="N20765" t="s">
        <v>91</v>
      </c>
      <c r="O20765" t="s">
        <v>85</v>
      </c>
      <c r="P20765" t="s">
        <v>86</v>
      </c>
      <c r="Q20765">
        <v>34</v>
      </c>
      <c r="R20765">
        <v>35</v>
      </c>
      <c r="S20765">
        <v>35</v>
      </c>
      <c r="T20765">
        <v>36</v>
      </c>
      <c r="U20765">
        <v>36</v>
      </c>
      <c r="V20765">
        <v>37</v>
      </c>
      <c r="W20765">
        <v>38</v>
      </c>
      <c r="X20765">
        <v>38</v>
      </c>
      <c r="Y20765">
        <v>39</v>
      </c>
      <c r="Z20765">
        <v>39</v>
      </c>
      <c r="AA20765">
        <v>40</v>
      </c>
      <c r="AB20765">
        <v>40</v>
      </c>
      <c r="AC20765">
        <v>41</v>
      </c>
      <c r="AD20765">
        <v>41</v>
      </c>
      <c r="AE20765">
        <v>42</v>
      </c>
      <c r="AF20765">
        <v>43</v>
      </c>
      <c r="AG20765">
        <v>43</v>
      </c>
      <c r="AH20765">
        <v>44</v>
      </c>
      <c r="AI20765">
        <v>44</v>
      </c>
      <c r="AJ20765">
        <v>45</v>
      </c>
      <c r="AK20765">
        <v>45</v>
      </c>
      <c r="AL20765">
        <v>46</v>
      </c>
      <c r="AM20765">
        <v>46</v>
      </c>
      <c r="AN20765">
        <v>46</v>
      </c>
      <c r="AO20765">
        <v>46</v>
      </c>
      <c r="AP20765">
        <v>47</v>
      </c>
      <c r="AQ20765">
        <v>47</v>
      </c>
    </row>
    <row r="20766" spans="1:43">
      <c r="A20766" t="s">
        <v>12863</v>
      </c>
      <c r="B20766" t="s">
        <v>12864</v>
      </c>
      <c r="C20766" t="s">
        <v>12827</v>
      </c>
      <c r="D20766" t="s">
        <v>12828</v>
      </c>
      <c r="E20766" t="s">
        <v>12580</v>
      </c>
      <c r="F20766" t="s">
        <v>12581</v>
      </c>
      <c r="G20766" t="s">
        <v>12582</v>
      </c>
      <c r="H20766" t="s">
        <v>12581</v>
      </c>
      <c r="I20766" s="2">
        <v>0.6</v>
      </c>
      <c r="J20766" s="2">
        <v>0</v>
      </c>
      <c r="K20766" s="2">
        <v>0</v>
      </c>
      <c r="L20766" t="s">
        <v>120</v>
      </c>
      <c r="M20766" t="s">
        <v>83</v>
      </c>
      <c r="N20766" t="s">
        <v>84</v>
      </c>
      <c r="O20766" t="s">
        <v>85</v>
      </c>
      <c r="P20766" t="s">
        <v>86</v>
      </c>
      <c r="Q20766">
        <v>8</v>
      </c>
      <c r="R20766">
        <v>8</v>
      </c>
      <c r="S20766">
        <v>8</v>
      </c>
      <c r="T20766">
        <v>9</v>
      </c>
      <c r="U20766">
        <v>9</v>
      </c>
      <c r="V20766">
        <v>9</v>
      </c>
      <c r="W20766">
        <v>9</v>
      </c>
      <c r="X20766">
        <v>9</v>
      </c>
      <c r="Y20766">
        <v>9</v>
      </c>
      <c r="Z20766">
        <v>9</v>
      </c>
      <c r="AA20766">
        <v>9</v>
      </c>
      <c r="AB20766">
        <v>10</v>
      </c>
      <c r="AC20766">
        <v>10</v>
      </c>
      <c r="AD20766">
        <v>10</v>
      </c>
      <c r="AE20766">
        <v>10</v>
      </c>
      <c r="AF20766">
        <v>10</v>
      </c>
      <c r="AG20766">
        <v>10</v>
      </c>
      <c r="AH20766">
        <v>10</v>
      </c>
      <c r="AI20766">
        <v>11</v>
      </c>
      <c r="AJ20766">
        <v>11</v>
      </c>
      <c r="AK20766">
        <v>11</v>
      </c>
      <c r="AL20766">
        <v>11</v>
      </c>
      <c r="AM20766">
        <v>11</v>
      </c>
      <c r="AN20766">
        <v>11</v>
      </c>
      <c r="AO20766">
        <v>11</v>
      </c>
      <c r="AP20766">
        <v>11</v>
      </c>
      <c r="AQ20766">
        <v>11</v>
      </c>
    </row>
    <row r="20767" spans="1:43">
      <c r="A20767" t="s">
        <v>12863</v>
      </c>
      <c r="B20767" t="s">
        <v>12864</v>
      </c>
      <c r="C20767" t="s">
        <v>12827</v>
      </c>
      <c r="D20767" t="s">
        <v>12828</v>
      </c>
      <c r="E20767" t="s">
        <v>12580</v>
      </c>
      <c r="F20767" t="s">
        <v>12581</v>
      </c>
      <c r="G20767" t="s">
        <v>12582</v>
      </c>
      <c r="H20767" t="s">
        <v>12581</v>
      </c>
      <c r="I20767" s="2">
        <v>0.6</v>
      </c>
      <c r="J20767" s="2">
        <v>0</v>
      </c>
      <c r="K20767" s="2">
        <v>0</v>
      </c>
      <c r="L20767" t="s">
        <v>120</v>
      </c>
      <c r="M20767" t="s">
        <v>87</v>
      </c>
      <c r="N20767" t="s">
        <v>88</v>
      </c>
      <c r="O20767" t="s">
        <v>85</v>
      </c>
      <c r="P20767" t="s">
        <v>86</v>
      </c>
      <c r="Q20767">
        <v>8</v>
      </c>
      <c r="R20767">
        <v>8</v>
      </c>
      <c r="S20767">
        <v>8</v>
      </c>
      <c r="T20767">
        <v>8</v>
      </c>
      <c r="U20767">
        <v>8</v>
      </c>
      <c r="V20767">
        <v>8</v>
      </c>
      <c r="W20767">
        <v>8</v>
      </c>
      <c r="X20767">
        <v>8</v>
      </c>
      <c r="Y20767">
        <v>9</v>
      </c>
      <c r="Z20767">
        <v>9</v>
      </c>
      <c r="AA20767">
        <v>9</v>
      </c>
      <c r="AB20767">
        <v>9</v>
      </c>
      <c r="AC20767">
        <v>9</v>
      </c>
      <c r="AD20767">
        <v>9</v>
      </c>
      <c r="AE20767">
        <v>9</v>
      </c>
      <c r="AF20767">
        <v>9</v>
      </c>
      <c r="AG20767">
        <v>9</v>
      </c>
      <c r="AH20767">
        <v>9</v>
      </c>
      <c r="AI20767">
        <v>9</v>
      </c>
      <c r="AJ20767">
        <v>9</v>
      </c>
      <c r="AK20767">
        <v>9</v>
      </c>
      <c r="AL20767">
        <v>9</v>
      </c>
      <c r="AM20767">
        <v>9</v>
      </c>
      <c r="AN20767">
        <v>9</v>
      </c>
      <c r="AO20767">
        <v>9</v>
      </c>
      <c r="AP20767">
        <v>10</v>
      </c>
      <c r="AQ20767">
        <v>10</v>
      </c>
    </row>
    <row r="20768" spans="1:43">
      <c r="A20768" t="s">
        <v>12863</v>
      </c>
      <c r="B20768" t="s">
        <v>12864</v>
      </c>
      <c r="C20768" t="s">
        <v>12827</v>
      </c>
      <c r="D20768" t="s">
        <v>12828</v>
      </c>
      <c r="E20768" t="s">
        <v>12580</v>
      </c>
      <c r="F20768" t="s">
        <v>12581</v>
      </c>
      <c r="G20768" t="s">
        <v>12582</v>
      </c>
      <c r="H20768" t="s">
        <v>12581</v>
      </c>
      <c r="I20768" s="2">
        <v>0.6</v>
      </c>
      <c r="J20768" s="2">
        <v>0</v>
      </c>
      <c r="K20768" s="2">
        <v>0</v>
      </c>
      <c r="L20768" t="s">
        <v>120</v>
      </c>
      <c r="M20768" t="s">
        <v>89</v>
      </c>
      <c r="N20768" t="s">
        <v>90</v>
      </c>
      <c r="O20768" t="s">
        <v>85</v>
      </c>
      <c r="P20768" t="s">
        <v>86</v>
      </c>
      <c r="Q20768">
        <v>8</v>
      </c>
      <c r="R20768">
        <v>8</v>
      </c>
      <c r="S20768">
        <v>9</v>
      </c>
      <c r="T20768">
        <v>9</v>
      </c>
      <c r="U20768">
        <v>9</v>
      </c>
      <c r="V20768">
        <v>9</v>
      </c>
      <c r="W20768">
        <v>9</v>
      </c>
      <c r="X20768">
        <v>10</v>
      </c>
      <c r="Y20768">
        <v>10</v>
      </c>
      <c r="Z20768">
        <v>10</v>
      </c>
      <c r="AA20768">
        <v>10</v>
      </c>
      <c r="AB20768">
        <v>10</v>
      </c>
      <c r="AC20768">
        <v>10</v>
      </c>
      <c r="AD20768">
        <v>11</v>
      </c>
      <c r="AE20768">
        <v>11</v>
      </c>
      <c r="AF20768">
        <v>11</v>
      </c>
      <c r="AG20768">
        <v>11</v>
      </c>
      <c r="AH20768">
        <v>11</v>
      </c>
      <c r="AI20768">
        <v>11</v>
      </c>
      <c r="AJ20768">
        <v>11</v>
      </c>
      <c r="AK20768">
        <v>11</v>
      </c>
      <c r="AL20768">
        <v>11</v>
      </c>
      <c r="AM20768">
        <v>11</v>
      </c>
      <c r="AN20768">
        <v>11</v>
      </c>
      <c r="AO20768">
        <v>11</v>
      </c>
      <c r="AP20768">
        <v>11</v>
      </c>
      <c r="AQ20768">
        <v>11</v>
      </c>
    </row>
    <row r="20769" spans="1:43">
      <c r="A20769" t="s">
        <v>12863</v>
      </c>
      <c r="B20769" t="s">
        <v>12864</v>
      </c>
      <c r="C20769" t="s">
        <v>12827</v>
      </c>
      <c r="D20769" t="s">
        <v>12828</v>
      </c>
      <c r="E20769" t="s">
        <v>12580</v>
      </c>
      <c r="F20769" t="s">
        <v>12581</v>
      </c>
      <c r="G20769" t="s">
        <v>12582</v>
      </c>
      <c r="H20769" t="s">
        <v>12581</v>
      </c>
      <c r="I20769" s="2">
        <v>0.6</v>
      </c>
      <c r="J20769" s="2">
        <v>0</v>
      </c>
      <c r="K20769" s="2">
        <v>0</v>
      </c>
      <c r="L20769" t="s">
        <v>120</v>
      </c>
      <c r="M20769" t="s">
        <v>83</v>
      </c>
      <c r="N20769" t="s">
        <v>91</v>
      </c>
      <c r="O20769" t="s">
        <v>85</v>
      </c>
      <c r="P20769" t="s">
        <v>86</v>
      </c>
      <c r="Q20769">
        <v>8</v>
      </c>
      <c r="R20769">
        <v>8</v>
      </c>
      <c r="S20769">
        <v>8</v>
      </c>
      <c r="T20769">
        <v>9</v>
      </c>
      <c r="U20769">
        <v>9</v>
      </c>
      <c r="V20769">
        <v>9</v>
      </c>
      <c r="W20769">
        <v>9</v>
      </c>
      <c r="X20769">
        <v>9</v>
      </c>
      <c r="Y20769">
        <v>9</v>
      </c>
      <c r="Z20769">
        <v>9</v>
      </c>
      <c r="AA20769">
        <v>9</v>
      </c>
      <c r="AB20769">
        <v>10</v>
      </c>
      <c r="AC20769">
        <v>10</v>
      </c>
      <c r="AD20769">
        <v>10</v>
      </c>
      <c r="AE20769">
        <v>10</v>
      </c>
      <c r="AF20769">
        <v>10</v>
      </c>
      <c r="AG20769">
        <v>10</v>
      </c>
      <c r="AH20769">
        <v>10</v>
      </c>
      <c r="AI20769">
        <v>11</v>
      </c>
      <c r="AJ20769">
        <v>11</v>
      </c>
      <c r="AK20769">
        <v>11</v>
      </c>
      <c r="AL20769">
        <v>11</v>
      </c>
      <c r="AM20769">
        <v>11</v>
      </c>
      <c r="AN20769">
        <v>11</v>
      </c>
      <c r="AO20769">
        <v>11</v>
      </c>
      <c r="AP20769">
        <v>11</v>
      </c>
      <c r="AQ20769">
        <v>11</v>
      </c>
    </row>
    <row r="20770" spans="1:43">
      <c r="A20770" t="s">
        <v>12865</v>
      </c>
      <c r="B20770" t="s">
        <v>12866</v>
      </c>
      <c r="C20770" t="s">
        <v>12827</v>
      </c>
      <c r="D20770" t="s">
        <v>12828</v>
      </c>
      <c r="E20770" t="s">
        <v>12580</v>
      </c>
      <c r="F20770" t="s">
        <v>12581</v>
      </c>
      <c r="G20770" t="s">
        <v>12582</v>
      </c>
      <c r="H20770" t="s">
        <v>12581</v>
      </c>
      <c r="I20770" s="2">
        <v>1</v>
      </c>
      <c r="J20770" s="2">
        <v>0</v>
      </c>
      <c r="K20770" s="2">
        <v>0</v>
      </c>
      <c r="L20770" t="s">
        <v>120</v>
      </c>
      <c r="M20770" t="s">
        <v>83</v>
      </c>
      <c r="N20770" t="s">
        <v>84</v>
      </c>
      <c r="O20770" t="s">
        <v>85</v>
      </c>
      <c r="P20770" t="s">
        <v>86</v>
      </c>
      <c r="Q20770">
        <v>14</v>
      </c>
      <c r="R20770">
        <v>14</v>
      </c>
      <c r="S20770">
        <v>15</v>
      </c>
      <c r="T20770">
        <v>15</v>
      </c>
      <c r="U20770">
        <v>15</v>
      </c>
      <c r="V20770">
        <v>15</v>
      </c>
      <c r="W20770">
        <v>16</v>
      </c>
      <c r="X20770">
        <v>16</v>
      </c>
      <c r="Y20770">
        <v>16</v>
      </c>
      <c r="Z20770">
        <v>16</v>
      </c>
      <c r="AA20770">
        <v>16</v>
      </c>
      <c r="AB20770">
        <v>17</v>
      </c>
      <c r="AC20770">
        <v>17</v>
      </c>
      <c r="AD20770">
        <v>17</v>
      </c>
      <c r="AE20770">
        <v>17</v>
      </c>
      <c r="AF20770">
        <v>18</v>
      </c>
      <c r="AG20770">
        <v>18</v>
      </c>
      <c r="AH20770">
        <v>18</v>
      </c>
      <c r="AI20770">
        <v>18</v>
      </c>
      <c r="AJ20770">
        <v>18</v>
      </c>
      <c r="AK20770">
        <v>19</v>
      </c>
      <c r="AL20770">
        <v>19</v>
      </c>
      <c r="AM20770">
        <v>19</v>
      </c>
      <c r="AN20770">
        <v>19</v>
      </c>
      <c r="AO20770">
        <v>19</v>
      </c>
      <c r="AP20770">
        <v>19</v>
      </c>
      <c r="AQ20770">
        <v>19</v>
      </c>
    </row>
    <row r="20771" spans="1:43">
      <c r="A20771" t="s">
        <v>12865</v>
      </c>
      <c r="B20771" t="s">
        <v>12866</v>
      </c>
      <c r="C20771" t="s">
        <v>12827</v>
      </c>
      <c r="D20771" t="s">
        <v>12828</v>
      </c>
      <c r="E20771" t="s">
        <v>12580</v>
      </c>
      <c r="F20771" t="s">
        <v>12581</v>
      </c>
      <c r="G20771" t="s">
        <v>12582</v>
      </c>
      <c r="H20771" t="s">
        <v>12581</v>
      </c>
      <c r="I20771" s="2">
        <v>1</v>
      </c>
      <c r="J20771" s="2">
        <v>0</v>
      </c>
      <c r="K20771" s="2">
        <v>0</v>
      </c>
      <c r="L20771" t="s">
        <v>120</v>
      </c>
      <c r="M20771" t="s">
        <v>87</v>
      </c>
      <c r="N20771" t="s">
        <v>88</v>
      </c>
      <c r="O20771" t="s">
        <v>85</v>
      </c>
      <c r="P20771" t="s">
        <v>86</v>
      </c>
      <c r="Q20771">
        <v>14</v>
      </c>
      <c r="R20771">
        <v>14</v>
      </c>
      <c r="S20771">
        <v>14</v>
      </c>
      <c r="T20771">
        <v>14</v>
      </c>
      <c r="U20771">
        <v>14</v>
      </c>
      <c r="V20771">
        <v>14</v>
      </c>
      <c r="W20771">
        <v>15</v>
      </c>
      <c r="X20771">
        <v>15</v>
      </c>
      <c r="Y20771">
        <v>15</v>
      </c>
      <c r="Z20771">
        <v>15</v>
      </c>
      <c r="AA20771">
        <v>15</v>
      </c>
      <c r="AB20771">
        <v>15</v>
      </c>
      <c r="AC20771">
        <v>15</v>
      </c>
      <c r="AD20771">
        <v>15</v>
      </c>
      <c r="AE20771">
        <v>15</v>
      </c>
      <c r="AF20771">
        <v>15</v>
      </c>
      <c r="AG20771">
        <v>16</v>
      </c>
      <c r="AH20771">
        <v>16</v>
      </c>
      <c r="AI20771">
        <v>16</v>
      </c>
      <c r="AJ20771">
        <v>16</v>
      </c>
      <c r="AK20771">
        <v>16</v>
      </c>
      <c r="AL20771">
        <v>16</v>
      </c>
      <c r="AM20771">
        <v>16</v>
      </c>
      <c r="AN20771">
        <v>16</v>
      </c>
      <c r="AO20771">
        <v>16</v>
      </c>
      <c r="AP20771">
        <v>17</v>
      </c>
      <c r="AQ20771">
        <v>17</v>
      </c>
    </row>
    <row r="20772" spans="1:43">
      <c r="A20772" t="s">
        <v>12865</v>
      </c>
      <c r="B20772" t="s">
        <v>12866</v>
      </c>
      <c r="C20772" t="s">
        <v>12827</v>
      </c>
      <c r="D20772" t="s">
        <v>12828</v>
      </c>
      <c r="E20772" t="s">
        <v>12580</v>
      </c>
      <c r="F20772" t="s">
        <v>12581</v>
      </c>
      <c r="G20772" t="s">
        <v>12582</v>
      </c>
      <c r="H20772" t="s">
        <v>12581</v>
      </c>
      <c r="I20772" s="2">
        <v>1</v>
      </c>
      <c r="J20772" s="2">
        <v>0</v>
      </c>
      <c r="K20772" s="2">
        <v>0</v>
      </c>
      <c r="L20772" t="s">
        <v>120</v>
      </c>
      <c r="M20772" t="s">
        <v>89</v>
      </c>
      <c r="N20772" t="s">
        <v>90</v>
      </c>
      <c r="O20772" t="s">
        <v>85</v>
      </c>
      <c r="P20772" t="s">
        <v>86</v>
      </c>
      <c r="Q20772">
        <v>14</v>
      </c>
      <c r="R20772">
        <v>15</v>
      </c>
      <c r="S20772">
        <v>15</v>
      </c>
      <c r="T20772">
        <v>15</v>
      </c>
      <c r="U20772">
        <v>16</v>
      </c>
      <c r="V20772">
        <v>16</v>
      </c>
      <c r="W20772">
        <v>16</v>
      </c>
      <c r="X20772">
        <v>17</v>
      </c>
      <c r="Y20772">
        <v>17</v>
      </c>
      <c r="Z20772">
        <v>17</v>
      </c>
      <c r="AA20772">
        <v>17</v>
      </c>
      <c r="AB20772">
        <v>18</v>
      </c>
      <c r="AC20772">
        <v>18</v>
      </c>
      <c r="AD20772">
        <v>18</v>
      </c>
      <c r="AE20772">
        <v>19</v>
      </c>
      <c r="AF20772">
        <v>19</v>
      </c>
      <c r="AG20772">
        <v>19</v>
      </c>
      <c r="AH20772">
        <v>19</v>
      </c>
      <c r="AI20772">
        <v>19</v>
      </c>
      <c r="AJ20772">
        <v>19</v>
      </c>
      <c r="AK20772">
        <v>19</v>
      </c>
      <c r="AL20772">
        <v>19</v>
      </c>
      <c r="AM20772">
        <v>19</v>
      </c>
      <c r="AN20772">
        <v>19</v>
      </c>
      <c r="AO20772">
        <v>19</v>
      </c>
      <c r="AP20772">
        <v>19</v>
      </c>
      <c r="AQ20772">
        <v>19</v>
      </c>
    </row>
    <row r="20773" spans="1:43">
      <c r="A20773" t="s">
        <v>12865</v>
      </c>
      <c r="B20773" t="s">
        <v>12866</v>
      </c>
      <c r="C20773" t="s">
        <v>12827</v>
      </c>
      <c r="D20773" t="s">
        <v>12828</v>
      </c>
      <c r="E20773" t="s">
        <v>12580</v>
      </c>
      <c r="F20773" t="s">
        <v>12581</v>
      </c>
      <c r="G20773" t="s">
        <v>12582</v>
      </c>
      <c r="H20773" t="s">
        <v>12581</v>
      </c>
      <c r="I20773" s="2">
        <v>1</v>
      </c>
      <c r="J20773" s="2">
        <v>0</v>
      </c>
      <c r="K20773" s="2">
        <v>0</v>
      </c>
      <c r="L20773" t="s">
        <v>120</v>
      </c>
      <c r="M20773" t="s">
        <v>83</v>
      </c>
      <c r="N20773" t="s">
        <v>91</v>
      </c>
      <c r="O20773" t="s">
        <v>85</v>
      </c>
      <c r="P20773" t="s">
        <v>86</v>
      </c>
      <c r="Q20773">
        <v>14</v>
      </c>
      <c r="R20773">
        <v>14</v>
      </c>
      <c r="S20773">
        <v>15</v>
      </c>
      <c r="T20773">
        <v>15</v>
      </c>
      <c r="U20773">
        <v>15</v>
      </c>
      <c r="V20773">
        <v>15</v>
      </c>
      <c r="W20773">
        <v>16</v>
      </c>
      <c r="X20773">
        <v>16</v>
      </c>
      <c r="Y20773">
        <v>16</v>
      </c>
      <c r="Z20773">
        <v>16</v>
      </c>
      <c r="AA20773">
        <v>16</v>
      </c>
      <c r="AB20773">
        <v>17</v>
      </c>
      <c r="AC20773">
        <v>17</v>
      </c>
      <c r="AD20773">
        <v>17</v>
      </c>
      <c r="AE20773">
        <v>17</v>
      </c>
      <c r="AF20773">
        <v>18</v>
      </c>
      <c r="AG20773">
        <v>18</v>
      </c>
      <c r="AH20773">
        <v>18</v>
      </c>
      <c r="AI20773">
        <v>18</v>
      </c>
      <c r="AJ20773">
        <v>18</v>
      </c>
      <c r="AK20773">
        <v>19</v>
      </c>
      <c r="AL20773">
        <v>19</v>
      </c>
      <c r="AM20773">
        <v>19</v>
      </c>
      <c r="AN20773">
        <v>19</v>
      </c>
      <c r="AO20773">
        <v>19</v>
      </c>
      <c r="AP20773">
        <v>19</v>
      </c>
      <c r="AQ20773">
        <v>19</v>
      </c>
    </row>
    <row r="20774" spans="1:43">
      <c r="A20774" t="s">
        <v>12867</v>
      </c>
      <c r="B20774" t="s">
        <v>12868</v>
      </c>
      <c r="C20774" t="s">
        <v>12827</v>
      </c>
      <c r="D20774" t="s">
        <v>12828</v>
      </c>
      <c r="E20774" t="s">
        <v>12580</v>
      </c>
      <c r="F20774" t="s">
        <v>12581</v>
      </c>
      <c r="G20774" t="s">
        <v>12582</v>
      </c>
      <c r="H20774" t="s">
        <v>12581</v>
      </c>
      <c r="I20774" s="2">
        <v>1</v>
      </c>
      <c r="J20774" s="2">
        <v>0</v>
      </c>
      <c r="K20774" s="2">
        <v>0</v>
      </c>
      <c r="L20774" t="s">
        <v>120</v>
      </c>
      <c r="M20774" t="s">
        <v>83</v>
      </c>
      <c r="N20774" t="s">
        <v>84</v>
      </c>
      <c r="O20774" t="s">
        <v>85</v>
      </c>
      <c r="P20774" t="s">
        <v>86</v>
      </c>
      <c r="Q20774">
        <v>25</v>
      </c>
      <c r="R20774">
        <v>26</v>
      </c>
      <c r="S20774">
        <v>26</v>
      </c>
      <c r="T20774">
        <v>26</v>
      </c>
      <c r="U20774">
        <v>27</v>
      </c>
      <c r="V20774">
        <v>27</v>
      </c>
      <c r="W20774">
        <v>28</v>
      </c>
      <c r="X20774">
        <v>28</v>
      </c>
      <c r="Y20774">
        <v>28</v>
      </c>
      <c r="Z20774">
        <v>29</v>
      </c>
      <c r="AA20774">
        <v>29</v>
      </c>
      <c r="AB20774">
        <v>30</v>
      </c>
      <c r="AC20774">
        <v>30</v>
      </c>
      <c r="AD20774">
        <v>30</v>
      </c>
      <c r="AE20774">
        <v>31</v>
      </c>
      <c r="AF20774">
        <v>31</v>
      </c>
      <c r="AG20774">
        <v>32</v>
      </c>
      <c r="AH20774">
        <v>32</v>
      </c>
      <c r="AI20774">
        <v>32</v>
      </c>
      <c r="AJ20774">
        <v>33</v>
      </c>
      <c r="AK20774">
        <v>33</v>
      </c>
      <c r="AL20774">
        <v>33</v>
      </c>
      <c r="AM20774">
        <v>34</v>
      </c>
      <c r="AN20774">
        <v>34</v>
      </c>
      <c r="AO20774">
        <v>34</v>
      </c>
      <c r="AP20774">
        <v>34</v>
      </c>
      <c r="AQ20774">
        <v>34</v>
      </c>
    </row>
    <row r="20775" spans="1:43">
      <c r="A20775" t="s">
        <v>12867</v>
      </c>
      <c r="B20775" t="s">
        <v>12868</v>
      </c>
      <c r="C20775" t="s">
        <v>12827</v>
      </c>
      <c r="D20775" t="s">
        <v>12828</v>
      </c>
      <c r="E20775" t="s">
        <v>12580</v>
      </c>
      <c r="F20775" t="s">
        <v>12581</v>
      </c>
      <c r="G20775" t="s">
        <v>12582</v>
      </c>
      <c r="H20775" t="s">
        <v>12581</v>
      </c>
      <c r="I20775" s="2">
        <v>1</v>
      </c>
      <c r="J20775" s="2">
        <v>0</v>
      </c>
      <c r="K20775" s="2">
        <v>0</v>
      </c>
      <c r="L20775" t="s">
        <v>120</v>
      </c>
      <c r="M20775" t="s">
        <v>87</v>
      </c>
      <c r="N20775" t="s">
        <v>88</v>
      </c>
      <c r="O20775" t="s">
        <v>85</v>
      </c>
      <c r="P20775" t="s">
        <v>86</v>
      </c>
      <c r="Q20775">
        <v>25</v>
      </c>
      <c r="R20775">
        <v>25</v>
      </c>
      <c r="S20775">
        <v>25</v>
      </c>
      <c r="T20775">
        <v>25</v>
      </c>
      <c r="U20775">
        <v>26</v>
      </c>
      <c r="V20775">
        <v>26</v>
      </c>
      <c r="W20775">
        <v>26</v>
      </c>
      <c r="X20775">
        <v>26</v>
      </c>
      <c r="Y20775">
        <v>26</v>
      </c>
      <c r="Z20775">
        <v>26</v>
      </c>
      <c r="AA20775">
        <v>27</v>
      </c>
      <c r="AB20775">
        <v>27</v>
      </c>
      <c r="AC20775">
        <v>27</v>
      </c>
      <c r="AD20775">
        <v>27</v>
      </c>
      <c r="AE20775">
        <v>27</v>
      </c>
      <c r="AF20775">
        <v>28</v>
      </c>
      <c r="AG20775">
        <v>28</v>
      </c>
      <c r="AH20775">
        <v>28</v>
      </c>
      <c r="AI20775">
        <v>28</v>
      </c>
      <c r="AJ20775">
        <v>28</v>
      </c>
      <c r="AK20775">
        <v>29</v>
      </c>
      <c r="AL20775">
        <v>29</v>
      </c>
      <c r="AM20775">
        <v>29</v>
      </c>
      <c r="AN20775">
        <v>29</v>
      </c>
      <c r="AO20775">
        <v>29</v>
      </c>
      <c r="AP20775">
        <v>30</v>
      </c>
      <c r="AQ20775">
        <v>30</v>
      </c>
    </row>
    <row r="20776" spans="1:43">
      <c r="A20776" t="s">
        <v>12867</v>
      </c>
      <c r="B20776" t="s">
        <v>12868</v>
      </c>
      <c r="C20776" t="s">
        <v>12827</v>
      </c>
      <c r="D20776" t="s">
        <v>12828</v>
      </c>
      <c r="E20776" t="s">
        <v>12580</v>
      </c>
      <c r="F20776" t="s">
        <v>12581</v>
      </c>
      <c r="G20776" t="s">
        <v>12582</v>
      </c>
      <c r="H20776" t="s">
        <v>12581</v>
      </c>
      <c r="I20776" s="2">
        <v>1</v>
      </c>
      <c r="J20776" s="2">
        <v>0</v>
      </c>
      <c r="K20776" s="2">
        <v>0</v>
      </c>
      <c r="L20776" t="s">
        <v>120</v>
      </c>
      <c r="M20776" t="s">
        <v>89</v>
      </c>
      <c r="N20776" t="s">
        <v>90</v>
      </c>
      <c r="O20776" t="s">
        <v>85</v>
      </c>
      <c r="P20776" t="s">
        <v>86</v>
      </c>
      <c r="Q20776">
        <v>25</v>
      </c>
      <c r="R20776">
        <v>26</v>
      </c>
      <c r="S20776">
        <v>27</v>
      </c>
      <c r="T20776">
        <v>27</v>
      </c>
      <c r="U20776">
        <v>28</v>
      </c>
      <c r="V20776">
        <v>28</v>
      </c>
      <c r="W20776">
        <v>29</v>
      </c>
      <c r="X20776">
        <v>29</v>
      </c>
      <c r="Y20776">
        <v>30</v>
      </c>
      <c r="Z20776">
        <v>30</v>
      </c>
      <c r="AA20776">
        <v>31</v>
      </c>
      <c r="AB20776">
        <v>31</v>
      </c>
      <c r="AC20776">
        <v>32</v>
      </c>
      <c r="AD20776">
        <v>33</v>
      </c>
      <c r="AE20776">
        <v>33</v>
      </c>
      <c r="AF20776">
        <v>33</v>
      </c>
      <c r="AG20776">
        <v>33</v>
      </c>
      <c r="AH20776">
        <v>33</v>
      </c>
      <c r="AI20776">
        <v>33</v>
      </c>
      <c r="AJ20776">
        <v>33</v>
      </c>
      <c r="AK20776">
        <v>34</v>
      </c>
      <c r="AL20776">
        <v>34</v>
      </c>
      <c r="AM20776">
        <v>34</v>
      </c>
      <c r="AN20776">
        <v>34</v>
      </c>
      <c r="AO20776">
        <v>34</v>
      </c>
      <c r="AP20776">
        <v>34</v>
      </c>
      <c r="AQ20776">
        <v>34</v>
      </c>
    </row>
    <row r="20777" spans="1:43">
      <c r="A20777" t="s">
        <v>12867</v>
      </c>
      <c r="B20777" t="s">
        <v>12868</v>
      </c>
      <c r="C20777" t="s">
        <v>12827</v>
      </c>
      <c r="D20777" t="s">
        <v>12828</v>
      </c>
      <c r="E20777" t="s">
        <v>12580</v>
      </c>
      <c r="F20777" t="s">
        <v>12581</v>
      </c>
      <c r="G20777" t="s">
        <v>12582</v>
      </c>
      <c r="H20777" t="s">
        <v>12581</v>
      </c>
      <c r="I20777" s="2">
        <v>1</v>
      </c>
      <c r="J20777" s="2">
        <v>0</v>
      </c>
      <c r="K20777" s="2">
        <v>0</v>
      </c>
      <c r="L20777" t="s">
        <v>120</v>
      </c>
      <c r="M20777" t="s">
        <v>83</v>
      </c>
      <c r="N20777" t="s">
        <v>91</v>
      </c>
      <c r="O20777" t="s">
        <v>85</v>
      </c>
      <c r="P20777" t="s">
        <v>86</v>
      </c>
      <c r="Q20777">
        <v>25</v>
      </c>
      <c r="R20777">
        <v>26</v>
      </c>
      <c r="S20777">
        <v>26</v>
      </c>
      <c r="T20777">
        <v>26</v>
      </c>
      <c r="U20777">
        <v>27</v>
      </c>
      <c r="V20777">
        <v>27</v>
      </c>
      <c r="W20777">
        <v>28</v>
      </c>
      <c r="X20777">
        <v>28</v>
      </c>
      <c r="Y20777">
        <v>28</v>
      </c>
      <c r="Z20777">
        <v>29</v>
      </c>
      <c r="AA20777">
        <v>29</v>
      </c>
      <c r="AB20777">
        <v>30</v>
      </c>
      <c r="AC20777">
        <v>30</v>
      </c>
      <c r="AD20777">
        <v>30</v>
      </c>
      <c r="AE20777">
        <v>31</v>
      </c>
      <c r="AF20777">
        <v>31</v>
      </c>
      <c r="AG20777">
        <v>32</v>
      </c>
      <c r="AH20777">
        <v>32</v>
      </c>
      <c r="AI20777">
        <v>32</v>
      </c>
      <c r="AJ20777">
        <v>33</v>
      </c>
      <c r="AK20777">
        <v>33</v>
      </c>
      <c r="AL20777">
        <v>33</v>
      </c>
      <c r="AM20777">
        <v>34</v>
      </c>
      <c r="AN20777">
        <v>34</v>
      </c>
      <c r="AO20777">
        <v>34</v>
      </c>
      <c r="AP20777">
        <v>34</v>
      </c>
      <c r="AQ20777">
        <v>34</v>
      </c>
    </row>
    <row r="20778" spans="1:43">
      <c r="A20778" t="s">
        <v>12869</v>
      </c>
      <c r="B20778" t="s">
        <v>12870</v>
      </c>
      <c r="C20778" t="s">
        <v>12827</v>
      </c>
      <c r="D20778" t="s">
        <v>12828</v>
      </c>
      <c r="E20778" t="s">
        <v>12580</v>
      </c>
      <c r="F20778" t="s">
        <v>12581</v>
      </c>
      <c r="G20778" t="s">
        <v>12582</v>
      </c>
      <c r="H20778" t="s">
        <v>12581</v>
      </c>
      <c r="I20778" s="2">
        <v>1</v>
      </c>
      <c r="J20778" s="2">
        <v>0</v>
      </c>
      <c r="K20778" s="2">
        <v>0</v>
      </c>
      <c r="L20778" t="s">
        <v>120</v>
      </c>
      <c r="M20778" t="s">
        <v>83</v>
      </c>
      <c r="N20778" t="s">
        <v>84</v>
      </c>
      <c r="O20778" t="s">
        <v>85</v>
      </c>
      <c r="P20778" t="s">
        <v>86</v>
      </c>
      <c r="Q20778">
        <v>29</v>
      </c>
      <c r="R20778">
        <v>30</v>
      </c>
      <c r="S20778">
        <v>30</v>
      </c>
      <c r="T20778">
        <v>31</v>
      </c>
      <c r="U20778">
        <v>31</v>
      </c>
      <c r="V20778">
        <v>32</v>
      </c>
      <c r="W20778">
        <v>32</v>
      </c>
      <c r="X20778">
        <v>33</v>
      </c>
      <c r="Y20778">
        <v>33</v>
      </c>
      <c r="Z20778">
        <v>34</v>
      </c>
      <c r="AA20778">
        <v>34</v>
      </c>
      <c r="AB20778">
        <v>35</v>
      </c>
      <c r="AC20778">
        <v>35</v>
      </c>
      <c r="AD20778">
        <v>35</v>
      </c>
      <c r="AE20778">
        <v>36</v>
      </c>
      <c r="AF20778">
        <v>36</v>
      </c>
      <c r="AG20778">
        <v>37</v>
      </c>
      <c r="AH20778">
        <v>37</v>
      </c>
      <c r="AI20778">
        <v>38</v>
      </c>
      <c r="AJ20778">
        <v>38</v>
      </c>
      <c r="AK20778">
        <v>39</v>
      </c>
      <c r="AL20778">
        <v>39</v>
      </c>
      <c r="AM20778">
        <v>39</v>
      </c>
      <c r="AN20778">
        <v>39</v>
      </c>
      <c r="AO20778">
        <v>40</v>
      </c>
      <c r="AP20778">
        <v>40</v>
      </c>
      <c r="AQ20778">
        <v>40</v>
      </c>
    </row>
    <row r="20779" spans="1:43">
      <c r="A20779" t="s">
        <v>12869</v>
      </c>
      <c r="B20779" t="s">
        <v>12870</v>
      </c>
      <c r="C20779" t="s">
        <v>12827</v>
      </c>
      <c r="D20779" t="s">
        <v>12828</v>
      </c>
      <c r="E20779" t="s">
        <v>12580</v>
      </c>
      <c r="F20779" t="s">
        <v>12581</v>
      </c>
      <c r="G20779" t="s">
        <v>12582</v>
      </c>
      <c r="H20779" t="s">
        <v>12581</v>
      </c>
      <c r="I20779" s="2">
        <v>1</v>
      </c>
      <c r="J20779" s="2">
        <v>0</v>
      </c>
      <c r="K20779" s="2">
        <v>0</v>
      </c>
      <c r="L20779" t="s">
        <v>120</v>
      </c>
      <c r="M20779" t="s">
        <v>87</v>
      </c>
      <c r="N20779" t="s">
        <v>88</v>
      </c>
      <c r="O20779" t="s">
        <v>85</v>
      </c>
      <c r="P20779" t="s">
        <v>86</v>
      </c>
      <c r="Q20779">
        <v>29</v>
      </c>
      <c r="R20779">
        <v>29</v>
      </c>
      <c r="S20779">
        <v>29</v>
      </c>
      <c r="T20779">
        <v>30</v>
      </c>
      <c r="U20779">
        <v>30</v>
      </c>
      <c r="V20779">
        <v>30</v>
      </c>
      <c r="W20779">
        <v>30</v>
      </c>
      <c r="X20779">
        <v>30</v>
      </c>
      <c r="Y20779">
        <v>31</v>
      </c>
      <c r="Z20779">
        <v>31</v>
      </c>
      <c r="AA20779">
        <v>31</v>
      </c>
      <c r="AB20779">
        <v>31</v>
      </c>
      <c r="AC20779">
        <v>31</v>
      </c>
      <c r="AD20779">
        <v>32</v>
      </c>
      <c r="AE20779">
        <v>32</v>
      </c>
      <c r="AF20779">
        <v>32</v>
      </c>
      <c r="AG20779">
        <v>32</v>
      </c>
      <c r="AH20779">
        <v>33</v>
      </c>
      <c r="AI20779">
        <v>33</v>
      </c>
      <c r="AJ20779">
        <v>33</v>
      </c>
      <c r="AK20779">
        <v>33</v>
      </c>
      <c r="AL20779">
        <v>33</v>
      </c>
      <c r="AM20779">
        <v>34</v>
      </c>
      <c r="AN20779">
        <v>34</v>
      </c>
      <c r="AO20779">
        <v>34</v>
      </c>
      <c r="AP20779">
        <v>34</v>
      </c>
      <c r="AQ20779">
        <v>35</v>
      </c>
    </row>
    <row r="20780" spans="1:43">
      <c r="A20780" t="s">
        <v>12869</v>
      </c>
      <c r="B20780" t="s">
        <v>12870</v>
      </c>
      <c r="C20780" t="s">
        <v>12827</v>
      </c>
      <c r="D20780" t="s">
        <v>12828</v>
      </c>
      <c r="E20780" t="s">
        <v>12580</v>
      </c>
      <c r="F20780" t="s">
        <v>12581</v>
      </c>
      <c r="G20780" t="s">
        <v>12582</v>
      </c>
      <c r="H20780" t="s">
        <v>12581</v>
      </c>
      <c r="I20780" s="2">
        <v>1</v>
      </c>
      <c r="J20780" s="2">
        <v>0</v>
      </c>
      <c r="K20780" s="2">
        <v>0</v>
      </c>
      <c r="L20780" t="s">
        <v>120</v>
      </c>
      <c r="M20780" t="s">
        <v>89</v>
      </c>
      <c r="N20780" t="s">
        <v>90</v>
      </c>
      <c r="O20780" t="s">
        <v>85</v>
      </c>
      <c r="P20780" t="s">
        <v>86</v>
      </c>
      <c r="Q20780">
        <v>29</v>
      </c>
      <c r="R20780">
        <v>29</v>
      </c>
      <c r="S20780">
        <v>30</v>
      </c>
      <c r="T20780">
        <v>31</v>
      </c>
      <c r="U20780">
        <v>31</v>
      </c>
      <c r="V20780">
        <v>32</v>
      </c>
      <c r="W20780">
        <v>33</v>
      </c>
      <c r="X20780">
        <v>33</v>
      </c>
      <c r="Y20780">
        <v>34</v>
      </c>
      <c r="Z20780">
        <v>35</v>
      </c>
      <c r="AA20780">
        <v>35</v>
      </c>
      <c r="AB20780">
        <v>36</v>
      </c>
      <c r="AC20780">
        <v>37</v>
      </c>
      <c r="AD20780">
        <v>37</v>
      </c>
      <c r="AE20780">
        <v>38</v>
      </c>
      <c r="AF20780">
        <v>38</v>
      </c>
      <c r="AG20780">
        <v>38</v>
      </c>
      <c r="AH20780">
        <v>38</v>
      </c>
      <c r="AI20780">
        <v>38</v>
      </c>
      <c r="AJ20780">
        <v>38</v>
      </c>
      <c r="AK20780">
        <v>38</v>
      </c>
      <c r="AL20780">
        <v>38</v>
      </c>
      <c r="AM20780">
        <v>39</v>
      </c>
      <c r="AN20780">
        <v>39</v>
      </c>
      <c r="AO20780">
        <v>39</v>
      </c>
      <c r="AP20780">
        <v>39</v>
      </c>
      <c r="AQ20780">
        <v>39</v>
      </c>
    </row>
    <row r="20781" spans="1:43">
      <c r="A20781" t="s">
        <v>12869</v>
      </c>
      <c r="B20781" t="s">
        <v>12870</v>
      </c>
      <c r="C20781" t="s">
        <v>12827</v>
      </c>
      <c r="D20781" t="s">
        <v>12828</v>
      </c>
      <c r="E20781" t="s">
        <v>12580</v>
      </c>
      <c r="F20781" t="s">
        <v>12581</v>
      </c>
      <c r="G20781" t="s">
        <v>12582</v>
      </c>
      <c r="H20781" t="s">
        <v>12581</v>
      </c>
      <c r="I20781" s="2">
        <v>1</v>
      </c>
      <c r="J20781" s="2">
        <v>0</v>
      </c>
      <c r="K20781" s="2">
        <v>0</v>
      </c>
      <c r="L20781" t="s">
        <v>120</v>
      </c>
      <c r="M20781" t="s">
        <v>83</v>
      </c>
      <c r="N20781" t="s">
        <v>91</v>
      </c>
      <c r="O20781" t="s">
        <v>85</v>
      </c>
      <c r="P20781" t="s">
        <v>86</v>
      </c>
      <c r="Q20781">
        <v>29</v>
      </c>
      <c r="R20781">
        <v>30</v>
      </c>
      <c r="S20781">
        <v>30</v>
      </c>
      <c r="T20781">
        <v>31</v>
      </c>
      <c r="U20781">
        <v>31</v>
      </c>
      <c r="V20781">
        <v>32</v>
      </c>
      <c r="W20781">
        <v>32</v>
      </c>
      <c r="X20781">
        <v>33</v>
      </c>
      <c r="Y20781">
        <v>33</v>
      </c>
      <c r="Z20781">
        <v>34</v>
      </c>
      <c r="AA20781">
        <v>34</v>
      </c>
      <c r="AB20781">
        <v>35</v>
      </c>
      <c r="AC20781">
        <v>35</v>
      </c>
      <c r="AD20781">
        <v>35</v>
      </c>
      <c r="AE20781">
        <v>36</v>
      </c>
      <c r="AF20781">
        <v>36</v>
      </c>
      <c r="AG20781">
        <v>37</v>
      </c>
      <c r="AH20781">
        <v>37</v>
      </c>
      <c r="AI20781">
        <v>38</v>
      </c>
      <c r="AJ20781">
        <v>38</v>
      </c>
      <c r="AK20781">
        <v>39</v>
      </c>
      <c r="AL20781">
        <v>39</v>
      </c>
      <c r="AM20781">
        <v>39</v>
      </c>
      <c r="AN20781">
        <v>39</v>
      </c>
      <c r="AO20781">
        <v>40</v>
      </c>
      <c r="AP20781">
        <v>40</v>
      </c>
      <c r="AQ20781">
        <v>40</v>
      </c>
    </row>
    <row r="20782" spans="1:43">
      <c r="A20782" t="s">
        <v>12871</v>
      </c>
      <c r="B20782" t="s">
        <v>12872</v>
      </c>
      <c r="C20782" t="s">
        <v>12805</v>
      </c>
      <c r="D20782" t="s">
        <v>12806</v>
      </c>
      <c r="E20782" t="s">
        <v>12580</v>
      </c>
      <c r="F20782" t="s">
        <v>12581</v>
      </c>
      <c r="G20782" t="s">
        <v>12582</v>
      </c>
      <c r="H20782" t="s">
        <v>12581</v>
      </c>
      <c r="I20782" s="2">
        <v>1</v>
      </c>
      <c r="J20782" s="2">
        <v>0</v>
      </c>
      <c r="K20782" s="2">
        <v>0</v>
      </c>
      <c r="L20782" t="s">
        <v>120</v>
      </c>
      <c r="M20782" t="s">
        <v>83</v>
      </c>
      <c r="N20782" t="s">
        <v>84</v>
      </c>
      <c r="O20782" t="s">
        <v>85</v>
      </c>
      <c r="P20782" t="s">
        <v>86</v>
      </c>
      <c r="Q20782">
        <v>10</v>
      </c>
      <c r="R20782">
        <v>10</v>
      </c>
      <c r="S20782">
        <v>10</v>
      </c>
      <c r="T20782">
        <v>10</v>
      </c>
      <c r="U20782">
        <v>10</v>
      </c>
      <c r="V20782">
        <v>10</v>
      </c>
      <c r="W20782">
        <v>10</v>
      </c>
      <c r="X20782">
        <v>11</v>
      </c>
      <c r="Y20782">
        <v>11</v>
      </c>
      <c r="Z20782">
        <v>11</v>
      </c>
      <c r="AA20782">
        <v>11</v>
      </c>
      <c r="AB20782">
        <v>11</v>
      </c>
      <c r="AC20782">
        <v>11</v>
      </c>
      <c r="AD20782">
        <v>11</v>
      </c>
      <c r="AE20782">
        <v>12</v>
      </c>
      <c r="AF20782">
        <v>12</v>
      </c>
      <c r="AG20782">
        <v>12</v>
      </c>
      <c r="AH20782">
        <v>12</v>
      </c>
      <c r="AI20782">
        <v>12</v>
      </c>
      <c r="AJ20782">
        <v>12</v>
      </c>
      <c r="AK20782">
        <v>12</v>
      </c>
      <c r="AL20782">
        <v>13</v>
      </c>
      <c r="AM20782">
        <v>13</v>
      </c>
      <c r="AN20782">
        <v>13</v>
      </c>
      <c r="AO20782">
        <v>13</v>
      </c>
      <c r="AP20782">
        <v>13</v>
      </c>
      <c r="AQ20782">
        <v>13</v>
      </c>
    </row>
    <row r="20783" spans="1:43">
      <c r="A20783" t="s">
        <v>12871</v>
      </c>
      <c r="B20783" t="s">
        <v>12872</v>
      </c>
      <c r="C20783" t="s">
        <v>12805</v>
      </c>
      <c r="D20783" t="s">
        <v>12806</v>
      </c>
      <c r="E20783" t="s">
        <v>12580</v>
      </c>
      <c r="F20783" t="s">
        <v>12581</v>
      </c>
      <c r="G20783" t="s">
        <v>12582</v>
      </c>
      <c r="H20783" t="s">
        <v>12581</v>
      </c>
      <c r="I20783" s="2">
        <v>1</v>
      </c>
      <c r="J20783" s="2">
        <v>0</v>
      </c>
      <c r="K20783" s="2">
        <v>0</v>
      </c>
      <c r="L20783" t="s">
        <v>120</v>
      </c>
      <c r="M20783" t="s">
        <v>87</v>
      </c>
      <c r="N20783" t="s">
        <v>88</v>
      </c>
      <c r="O20783" t="s">
        <v>85</v>
      </c>
      <c r="P20783" t="s">
        <v>86</v>
      </c>
      <c r="Q20783">
        <v>10</v>
      </c>
      <c r="R20783">
        <v>10</v>
      </c>
      <c r="S20783">
        <v>11</v>
      </c>
      <c r="T20783">
        <v>11</v>
      </c>
      <c r="U20783">
        <v>11</v>
      </c>
      <c r="V20783">
        <v>11</v>
      </c>
      <c r="W20783">
        <v>11</v>
      </c>
      <c r="X20783">
        <v>11</v>
      </c>
      <c r="Y20783">
        <v>11</v>
      </c>
      <c r="Z20783">
        <v>11</v>
      </c>
      <c r="AA20783">
        <v>11</v>
      </c>
      <c r="AB20783">
        <v>11</v>
      </c>
      <c r="AC20783">
        <v>11</v>
      </c>
      <c r="AD20783">
        <v>11</v>
      </c>
      <c r="AE20783">
        <v>11</v>
      </c>
      <c r="AF20783">
        <v>11</v>
      </c>
      <c r="AG20783">
        <v>11</v>
      </c>
      <c r="AH20783">
        <v>11</v>
      </c>
      <c r="AI20783">
        <v>12</v>
      </c>
      <c r="AJ20783">
        <v>12</v>
      </c>
      <c r="AK20783">
        <v>12</v>
      </c>
      <c r="AL20783">
        <v>12</v>
      </c>
      <c r="AM20783">
        <v>12</v>
      </c>
      <c r="AN20783">
        <v>12</v>
      </c>
      <c r="AO20783">
        <v>12</v>
      </c>
      <c r="AP20783">
        <v>12</v>
      </c>
      <c r="AQ20783">
        <v>12</v>
      </c>
    </row>
    <row r="20784" spans="1:43">
      <c r="A20784" t="s">
        <v>12871</v>
      </c>
      <c r="B20784" t="s">
        <v>12872</v>
      </c>
      <c r="C20784" t="s">
        <v>12805</v>
      </c>
      <c r="D20784" t="s">
        <v>12806</v>
      </c>
      <c r="E20784" t="s">
        <v>12580</v>
      </c>
      <c r="F20784" t="s">
        <v>12581</v>
      </c>
      <c r="G20784" t="s">
        <v>12582</v>
      </c>
      <c r="H20784" t="s">
        <v>12581</v>
      </c>
      <c r="I20784" s="2">
        <v>1</v>
      </c>
      <c r="J20784" s="2">
        <v>0</v>
      </c>
      <c r="K20784" s="2">
        <v>0</v>
      </c>
      <c r="L20784" t="s">
        <v>120</v>
      </c>
      <c r="M20784" t="s">
        <v>89</v>
      </c>
      <c r="N20784" t="s">
        <v>90</v>
      </c>
      <c r="O20784" t="s">
        <v>85</v>
      </c>
      <c r="P20784" t="s">
        <v>86</v>
      </c>
      <c r="Q20784">
        <v>10</v>
      </c>
      <c r="R20784">
        <v>10</v>
      </c>
      <c r="S20784">
        <v>10</v>
      </c>
      <c r="T20784">
        <v>10</v>
      </c>
      <c r="U20784">
        <v>10</v>
      </c>
      <c r="V20784">
        <v>11</v>
      </c>
      <c r="W20784">
        <v>11</v>
      </c>
      <c r="X20784">
        <v>11</v>
      </c>
      <c r="Y20784">
        <v>11</v>
      </c>
      <c r="Z20784">
        <v>12</v>
      </c>
      <c r="AA20784">
        <v>12</v>
      </c>
      <c r="AB20784">
        <v>12</v>
      </c>
      <c r="AC20784">
        <v>12</v>
      </c>
      <c r="AD20784">
        <v>12</v>
      </c>
      <c r="AE20784">
        <v>12</v>
      </c>
      <c r="AF20784">
        <v>12</v>
      </c>
      <c r="AG20784">
        <v>12</v>
      </c>
      <c r="AH20784">
        <v>13</v>
      </c>
      <c r="AI20784">
        <v>13</v>
      </c>
      <c r="AJ20784">
        <v>13</v>
      </c>
      <c r="AK20784">
        <v>13</v>
      </c>
      <c r="AL20784">
        <v>13</v>
      </c>
      <c r="AM20784">
        <v>13</v>
      </c>
      <c r="AN20784">
        <v>13</v>
      </c>
      <c r="AO20784">
        <v>13</v>
      </c>
      <c r="AP20784">
        <v>13</v>
      </c>
      <c r="AQ20784">
        <v>13</v>
      </c>
    </row>
    <row r="20785" spans="1:43">
      <c r="A20785" t="s">
        <v>12871</v>
      </c>
      <c r="B20785" t="s">
        <v>12872</v>
      </c>
      <c r="C20785" t="s">
        <v>12805</v>
      </c>
      <c r="D20785" t="s">
        <v>12806</v>
      </c>
      <c r="E20785" t="s">
        <v>12580</v>
      </c>
      <c r="F20785" t="s">
        <v>12581</v>
      </c>
      <c r="G20785" t="s">
        <v>12582</v>
      </c>
      <c r="H20785" t="s">
        <v>12581</v>
      </c>
      <c r="I20785" s="2">
        <v>1</v>
      </c>
      <c r="J20785" s="2">
        <v>0</v>
      </c>
      <c r="K20785" s="2">
        <v>0</v>
      </c>
      <c r="L20785" t="s">
        <v>120</v>
      </c>
      <c r="M20785" t="s">
        <v>83</v>
      </c>
      <c r="N20785" t="s">
        <v>91</v>
      </c>
      <c r="O20785" t="s">
        <v>85</v>
      </c>
      <c r="P20785" t="s">
        <v>86</v>
      </c>
      <c r="Q20785">
        <v>10</v>
      </c>
      <c r="R20785">
        <v>10</v>
      </c>
      <c r="S20785">
        <v>10</v>
      </c>
      <c r="T20785">
        <v>10</v>
      </c>
      <c r="U20785">
        <v>10</v>
      </c>
      <c r="V20785">
        <v>10</v>
      </c>
      <c r="W20785">
        <v>10</v>
      </c>
      <c r="X20785">
        <v>11</v>
      </c>
      <c r="Y20785">
        <v>11</v>
      </c>
      <c r="Z20785">
        <v>11</v>
      </c>
      <c r="AA20785">
        <v>11</v>
      </c>
      <c r="AB20785">
        <v>11</v>
      </c>
      <c r="AC20785">
        <v>11</v>
      </c>
      <c r="AD20785">
        <v>11</v>
      </c>
      <c r="AE20785">
        <v>12</v>
      </c>
      <c r="AF20785">
        <v>12</v>
      </c>
      <c r="AG20785">
        <v>12</v>
      </c>
      <c r="AH20785">
        <v>12</v>
      </c>
      <c r="AI20785">
        <v>12</v>
      </c>
      <c r="AJ20785">
        <v>12</v>
      </c>
      <c r="AK20785">
        <v>12</v>
      </c>
      <c r="AL20785">
        <v>13</v>
      </c>
      <c r="AM20785">
        <v>13</v>
      </c>
      <c r="AN20785">
        <v>13</v>
      </c>
      <c r="AO20785">
        <v>13</v>
      </c>
      <c r="AP20785">
        <v>13</v>
      </c>
      <c r="AQ20785">
        <v>13</v>
      </c>
    </row>
    <row r="20786" spans="1:43">
      <c r="A20786" t="s">
        <v>12873</v>
      </c>
      <c r="B20786" t="s">
        <v>12874</v>
      </c>
      <c r="C20786" t="s">
        <v>12805</v>
      </c>
      <c r="D20786" t="s">
        <v>12806</v>
      </c>
      <c r="E20786" t="s">
        <v>12580</v>
      </c>
      <c r="F20786" t="s">
        <v>12581</v>
      </c>
      <c r="G20786" t="s">
        <v>12582</v>
      </c>
      <c r="H20786" t="s">
        <v>12581</v>
      </c>
      <c r="I20786" s="2">
        <v>1</v>
      </c>
      <c r="J20786" s="2">
        <v>0</v>
      </c>
      <c r="K20786" s="2">
        <v>0</v>
      </c>
      <c r="L20786" t="s">
        <v>120</v>
      </c>
      <c r="M20786" t="s">
        <v>83</v>
      </c>
      <c r="N20786" t="s">
        <v>84</v>
      </c>
      <c r="O20786" t="s">
        <v>85</v>
      </c>
      <c r="P20786" t="s">
        <v>86</v>
      </c>
      <c r="Q20786">
        <v>8</v>
      </c>
      <c r="R20786">
        <v>8</v>
      </c>
      <c r="S20786">
        <v>8</v>
      </c>
      <c r="T20786">
        <v>8</v>
      </c>
      <c r="U20786">
        <v>8</v>
      </c>
      <c r="V20786">
        <v>8</v>
      </c>
      <c r="W20786">
        <v>9</v>
      </c>
      <c r="X20786">
        <v>9</v>
      </c>
      <c r="Y20786">
        <v>9</v>
      </c>
      <c r="Z20786">
        <v>9</v>
      </c>
      <c r="AA20786">
        <v>9</v>
      </c>
      <c r="AB20786">
        <v>9</v>
      </c>
      <c r="AC20786">
        <v>9</v>
      </c>
      <c r="AD20786">
        <v>9</v>
      </c>
      <c r="AE20786">
        <v>10</v>
      </c>
      <c r="AF20786">
        <v>10</v>
      </c>
      <c r="AG20786">
        <v>10</v>
      </c>
      <c r="AH20786">
        <v>10</v>
      </c>
      <c r="AI20786">
        <v>10</v>
      </c>
      <c r="AJ20786">
        <v>10</v>
      </c>
      <c r="AK20786">
        <v>10</v>
      </c>
      <c r="AL20786">
        <v>10</v>
      </c>
      <c r="AM20786">
        <v>10</v>
      </c>
      <c r="AN20786">
        <v>10</v>
      </c>
      <c r="AO20786">
        <v>10</v>
      </c>
      <c r="AP20786">
        <v>10</v>
      </c>
      <c r="AQ20786">
        <v>11</v>
      </c>
    </row>
    <row r="20787" spans="1:43">
      <c r="A20787" t="s">
        <v>12873</v>
      </c>
      <c r="B20787" t="s">
        <v>12874</v>
      </c>
      <c r="C20787" t="s">
        <v>12805</v>
      </c>
      <c r="D20787" t="s">
        <v>12806</v>
      </c>
      <c r="E20787" t="s">
        <v>12580</v>
      </c>
      <c r="F20787" t="s">
        <v>12581</v>
      </c>
      <c r="G20787" t="s">
        <v>12582</v>
      </c>
      <c r="H20787" t="s">
        <v>12581</v>
      </c>
      <c r="I20787" s="2">
        <v>1</v>
      </c>
      <c r="J20787" s="2">
        <v>0</v>
      </c>
      <c r="K20787" s="2">
        <v>0</v>
      </c>
      <c r="L20787" t="s">
        <v>120</v>
      </c>
      <c r="M20787" t="s">
        <v>87</v>
      </c>
      <c r="N20787" t="s">
        <v>88</v>
      </c>
      <c r="O20787" t="s">
        <v>85</v>
      </c>
      <c r="P20787" t="s">
        <v>86</v>
      </c>
      <c r="Q20787">
        <v>8</v>
      </c>
      <c r="R20787">
        <v>8</v>
      </c>
      <c r="S20787">
        <v>8</v>
      </c>
      <c r="T20787">
        <v>8</v>
      </c>
      <c r="U20787">
        <v>8</v>
      </c>
      <c r="V20787">
        <v>8</v>
      </c>
      <c r="W20787">
        <v>8</v>
      </c>
      <c r="X20787">
        <v>8</v>
      </c>
      <c r="Y20787">
        <v>8</v>
      </c>
      <c r="Z20787">
        <v>8</v>
      </c>
      <c r="AA20787">
        <v>8</v>
      </c>
      <c r="AB20787">
        <v>8</v>
      </c>
      <c r="AC20787">
        <v>8</v>
      </c>
      <c r="AD20787">
        <v>8</v>
      </c>
      <c r="AE20787">
        <v>8</v>
      </c>
      <c r="AF20787">
        <v>8</v>
      </c>
      <c r="AG20787">
        <v>9</v>
      </c>
      <c r="AH20787">
        <v>9</v>
      </c>
      <c r="AI20787">
        <v>9</v>
      </c>
      <c r="AJ20787">
        <v>9</v>
      </c>
      <c r="AK20787">
        <v>9</v>
      </c>
      <c r="AL20787">
        <v>9</v>
      </c>
      <c r="AM20787">
        <v>9</v>
      </c>
      <c r="AN20787">
        <v>9</v>
      </c>
      <c r="AO20787">
        <v>9</v>
      </c>
      <c r="AP20787">
        <v>9</v>
      </c>
      <c r="AQ20787">
        <v>9</v>
      </c>
    </row>
    <row r="20788" spans="1:43">
      <c r="A20788" t="s">
        <v>12873</v>
      </c>
      <c r="B20788" t="s">
        <v>12874</v>
      </c>
      <c r="C20788" t="s">
        <v>12805</v>
      </c>
      <c r="D20788" t="s">
        <v>12806</v>
      </c>
      <c r="E20788" t="s">
        <v>12580</v>
      </c>
      <c r="F20788" t="s">
        <v>12581</v>
      </c>
      <c r="G20788" t="s">
        <v>12582</v>
      </c>
      <c r="H20788" t="s">
        <v>12581</v>
      </c>
      <c r="I20788" s="2">
        <v>1</v>
      </c>
      <c r="J20788" s="2">
        <v>0</v>
      </c>
      <c r="K20788" s="2">
        <v>0</v>
      </c>
      <c r="L20788" t="s">
        <v>120</v>
      </c>
      <c r="M20788" t="s">
        <v>89</v>
      </c>
      <c r="N20788" t="s">
        <v>90</v>
      </c>
      <c r="O20788" t="s">
        <v>85</v>
      </c>
      <c r="P20788" t="s">
        <v>86</v>
      </c>
      <c r="Q20788">
        <v>8</v>
      </c>
      <c r="R20788">
        <v>8</v>
      </c>
      <c r="S20788">
        <v>8</v>
      </c>
      <c r="T20788">
        <v>8</v>
      </c>
      <c r="U20788">
        <v>9</v>
      </c>
      <c r="V20788">
        <v>9</v>
      </c>
      <c r="W20788">
        <v>9</v>
      </c>
      <c r="X20788">
        <v>9</v>
      </c>
      <c r="Y20788">
        <v>9</v>
      </c>
      <c r="Z20788">
        <v>9</v>
      </c>
      <c r="AA20788">
        <v>10</v>
      </c>
      <c r="AB20788">
        <v>10</v>
      </c>
      <c r="AC20788">
        <v>10</v>
      </c>
      <c r="AD20788">
        <v>10</v>
      </c>
      <c r="AE20788">
        <v>10</v>
      </c>
      <c r="AF20788">
        <v>10</v>
      </c>
      <c r="AG20788">
        <v>10</v>
      </c>
      <c r="AH20788">
        <v>10</v>
      </c>
      <c r="AI20788">
        <v>10</v>
      </c>
      <c r="AJ20788">
        <v>10</v>
      </c>
      <c r="AK20788">
        <v>10</v>
      </c>
      <c r="AL20788">
        <v>10</v>
      </c>
      <c r="AM20788">
        <v>10</v>
      </c>
      <c r="AN20788">
        <v>10</v>
      </c>
      <c r="AO20788">
        <v>11</v>
      </c>
      <c r="AP20788">
        <v>11</v>
      </c>
      <c r="AQ20788">
        <v>11</v>
      </c>
    </row>
    <row r="20789" spans="1:43">
      <c r="A20789" t="s">
        <v>12873</v>
      </c>
      <c r="B20789" t="s">
        <v>12874</v>
      </c>
      <c r="C20789" t="s">
        <v>12805</v>
      </c>
      <c r="D20789" t="s">
        <v>12806</v>
      </c>
      <c r="E20789" t="s">
        <v>12580</v>
      </c>
      <c r="F20789" t="s">
        <v>12581</v>
      </c>
      <c r="G20789" t="s">
        <v>12582</v>
      </c>
      <c r="H20789" t="s">
        <v>12581</v>
      </c>
      <c r="I20789" s="2">
        <v>1</v>
      </c>
      <c r="J20789" s="2">
        <v>0</v>
      </c>
      <c r="K20789" s="2">
        <v>0</v>
      </c>
      <c r="L20789" t="s">
        <v>120</v>
      </c>
      <c r="M20789" t="s">
        <v>83</v>
      </c>
      <c r="N20789" t="s">
        <v>91</v>
      </c>
      <c r="O20789" t="s">
        <v>85</v>
      </c>
      <c r="P20789" t="s">
        <v>86</v>
      </c>
      <c r="Q20789">
        <v>8</v>
      </c>
      <c r="R20789">
        <v>8</v>
      </c>
      <c r="S20789">
        <v>8</v>
      </c>
      <c r="T20789">
        <v>8</v>
      </c>
      <c r="U20789">
        <v>8</v>
      </c>
      <c r="V20789">
        <v>8</v>
      </c>
      <c r="W20789">
        <v>9</v>
      </c>
      <c r="X20789">
        <v>9</v>
      </c>
      <c r="Y20789">
        <v>9</v>
      </c>
      <c r="Z20789">
        <v>9</v>
      </c>
      <c r="AA20789">
        <v>9</v>
      </c>
      <c r="AB20789">
        <v>9</v>
      </c>
      <c r="AC20789">
        <v>9</v>
      </c>
      <c r="AD20789">
        <v>9</v>
      </c>
      <c r="AE20789">
        <v>10</v>
      </c>
      <c r="AF20789">
        <v>10</v>
      </c>
      <c r="AG20789">
        <v>10</v>
      </c>
      <c r="AH20789">
        <v>10</v>
      </c>
      <c r="AI20789">
        <v>10</v>
      </c>
      <c r="AJ20789">
        <v>10</v>
      </c>
      <c r="AK20789">
        <v>10</v>
      </c>
      <c r="AL20789">
        <v>10</v>
      </c>
      <c r="AM20789">
        <v>10</v>
      </c>
      <c r="AN20789">
        <v>10</v>
      </c>
      <c r="AO20789">
        <v>10</v>
      </c>
      <c r="AP20789">
        <v>10</v>
      </c>
      <c r="AQ20789">
        <v>11</v>
      </c>
    </row>
    <row r="20790" spans="1:43">
      <c r="A20790" t="s">
        <v>12875</v>
      </c>
      <c r="B20790" t="s">
        <v>12876</v>
      </c>
      <c r="C20790" t="s">
        <v>12835</v>
      </c>
      <c r="D20790" t="s">
        <v>12836</v>
      </c>
      <c r="E20790" t="s">
        <v>12580</v>
      </c>
      <c r="F20790" t="s">
        <v>12581</v>
      </c>
      <c r="G20790" t="s">
        <v>12582</v>
      </c>
      <c r="H20790" t="s">
        <v>12581</v>
      </c>
      <c r="I20790" s="2">
        <v>1</v>
      </c>
      <c r="J20790" s="2">
        <v>0</v>
      </c>
      <c r="K20790" s="2">
        <v>0</v>
      </c>
      <c r="L20790" t="s">
        <v>120</v>
      </c>
      <c r="M20790" t="s">
        <v>83</v>
      </c>
      <c r="N20790" t="s">
        <v>84</v>
      </c>
      <c r="O20790" t="s">
        <v>85</v>
      </c>
      <c r="P20790" t="s">
        <v>86</v>
      </c>
      <c r="Q20790">
        <v>32</v>
      </c>
      <c r="R20790">
        <v>32</v>
      </c>
      <c r="S20790">
        <v>33</v>
      </c>
      <c r="T20790">
        <v>33</v>
      </c>
      <c r="U20790">
        <v>34</v>
      </c>
      <c r="V20790">
        <v>34</v>
      </c>
      <c r="W20790">
        <v>35</v>
      </c>
      <c r="X20790">
        <v>35</v>
      </c>
      <c r="Y20790">
        <v>36</v>
      </c>
      <c r="Z20790">
        <v>36</v>
      </c>
      <c r="AA20790">
        <v>37</v>
      </c>
      <c r="AB20790">
        <v>37</v>
      </c>
      <c r="AC20790">
        <v>38</v>
      </c>
      <c r="AD20790">
        <v>38</v>
      </c>
      <c r="AE20790">
        <v>39</v>
      </c>
      <c r="AF20790">
        <v>40</v>
      </c>
      <c r="AG20790">
        <v>40</v>
      </c>
      <c r="AH20790">
        <v>41</v>
      </c>
      <c r="AI20790">
        <v>41</v>
      </c>
      <c r="AJ20790">
        <v>42</v>
      </c>
      <c r="AK20790">
        <v>42</v>
      </c>
      <c r="AL20790">
        <v>43</v>
      </c>
      <c r="AM20790">
        <v>43</v>
      </c>
      <c r="AN20790">
        <v>43</v>
      </c>
      <c r="AO20790">
        <v>43</v>
      </c>
      <c r="AP20790">
        <v>43</v>
      </c>
      <c r="AQ20790">
        <v>44</v>
      </c>
    </row>
    <row r="20791" spans="1:43">
      <c r="A20791" t="s">
        <v>12875</v>
      </c>
      <c r="B20791" t="s">
        <v>12876</v>
      </c>
      <c r="C20791" t="s">
        <v>12835</v>
      </c>
      <c r="D20791" t="s">
        <v>12836</v>
      </c>
      <c r="E20791" t="s">
        <v>12580</v>
      </c>
      <c r="F20791" t="s">
        <v>12581</v>
      </c>
      <c r="G20791" t="s">
        <v>12582</v>
      </c>
      <c r="H20791" t="s">
        <v>12581</v>
      </c>
      <c r="I20791" s="2">
        <v>1</v>
      </c>
      <c r="J20791" s="2">
        <v>0</v>
      </c>
      <c r="K20791" s="2">
        <v>0</v>
      </c>
      <c r="L20791" t="s">
        <v>120</v>
      </c>
      <c r="M20791" t="s">
        <v>87</v>
      </c>
      <c r="N20791" t="s">
        <v>88</v>
      </c>
      <c r="O20791" t="s">
        <v>85</v>
      </c>
      <c r="P20791" t="s">
        <v>86</v>
      </c>
      <c r="Q20791">
        <v>32</v>
      </c>
      <c r="R20791">
        <v>33</v>
      </c>
      <c r="S20791">
        <v>33</v>
      </c>
      <c r="T20791">
        <v>33</v>
      </c>
      <c r="U20791">
        <v>33</v>
      </c>
      <c r="V20791">
        <v>33</v>
      </c>
      <c r="W20791">
        <v>34</v>
      </c>
      <c r="X20791">
        <v>34</v>
      </c>
      <c r="Y20791">
        <v>34</v>
      </c>
      <c r="Z20791">
        <v>34</v>
      </c>
      <c r="AA20791">
        <v>35</v>
      </c>
      <c r="AB20791">
        <v>35</v>
      </c>
      <c r="AC20791">
        <v>35</v>
      </c>
      <c r="AD20791">
        <v>35</v>
      </c>
      <c r="AE20791">
        <v>36</v>
      </c>
      <c r="AF20791">
        <v>36</v>
      </c>
      <c r="AG20791">
        <v>36</v>
      </c>
      <c r="AH20791">
        <v>36</v>
      </c>
      <c r="AI20791">
        <v>37</v>
      </c>
      <c r="AJ20791">
        <v>37</v>
      </c>
      <c r="AK20791">
        <v>37</v>
      </c>
      <c r="AL20791">
        <v>37</v>
      </c>
      <c r="AM20791">
        <v>38</v>
      </c>
      <c r="AN20791">
        <v>38</v>
      </c>
      <c r="AO20791">
        <v>38</v>
      </c>
      <c r="AP20791">
        <v>38</v>
      </c>
      <c r="AQ20791">
        <v>39</v>
      </c>
    </row>
    <row r="20792" spans="1:43">
      <c r="A20792" t="s">
        <v>12875</v>
      </c>
      <c r="B20792" t="s">
        <v>12876</v>
      </c>
      <c r="C20792" t="s">
        <v>12835</v>
      </c>
      <c r="D20792" t="s">
        <v>12836</v>
      </c>
      <c r="E20792" t="s">
        <v>12580</v>
      </c>
      <c r="F20792" t="s">
        <v>12581</v>
      </c>
      <c r="G20792" t="s">
        <v>12582</v>
      </c>
      <c r="H20792" t="s">
        <v>12581</v>
      </c>
      <c r="I20792" s="2">
        <v>1</v>
      </c>
      <c r="J20792" s="2">
        <v>0</v>
      </c>
      <c r="K20792" s="2">
        <v>0</v>
      </c>
      <c r="L20792" t="s">
        <v>120</v>
      </c>
      <c r="M20792" t="s">
        <v>89</v>
      </c>
      <c r="N20792" t="s">
        <v>90</v>
      </c>
      <c r="O20792" t="s">
        <v>85</v>
      </c>
      <c r="P20792" t="s">
        <v>86</v>
      </c>
      <c r="Q20792">
        <v>32</v>
      </c>
      <c r="R20792">
        <v>33</v>
      </c>
      <c r="S20792">
        <v>34</v>
      </c>
      <c r="T20792">
        <v>34</v>
      </c>
      <c r="U20792">
        <v>35</v>
      </c>
      <c r="V20792">
        <v>36</v>
      </c>
      <c r="W20792">
        <v>37</v>
      </c>
      <c r="X20792">
        <v>37</v>
      </c>
      <c r="Y20792">
        <v>38</v>
      </c>
      <c r="Z20792">
        <v>39</v>
      </c>
      <c r="AA20792">
        <v>39</v>
      </c>
      <c r="AB20792">
        <v>40</v>
      </c>
      <c r="AC20792">
        <v>41</v>
      </c>
      <c r="AD20792">
        <v>41</v>
      </c>
      <c r="AE20792">
        <v>42</v>
      </c>
      <c r="AF20792">
        <v>42</v>
      </c>
      <c r="AG20792">
        <v>42</v>
      </c>
      <c r="AH20792">
        <v>42</v>
      </c>
      <c r="AI20792">
        <v>43</v>
      </c>
      <c r="AJ20792">
        <v>43</v>
      </c>
      <c r="AK20792">
        <v>43</v>
      </c>
      <c r="AL20792">
        <v>43</v>
      </c>
      <c r="AM20792">
        <v>43</v>
      </c>
      <c r="AN20792">
        <v>44</v>
      </c>
      <c r="AO20792">
        <v>44</v>
      </c>
      <c r="AP20792">
        <v>44</v>
      </c>
      <c r="AQ20792">
        <v>44</v>
      </c>
    </row>
    <row r="20793" spans="1:43">
      <c r="A20793" t="s">
        <v>12875</v>
      </c>
      <c r="B20793" t="s">
        <v>12876</v>
      </c>
      <c r="C20793" t="s">
        <v>12835</v>
      </c>
      <c r="D20793" t="s">
        <v>12836</v>
      </c>
      <c r="E20793" t="s">
        <v>12580</v>
      </c>
      <c r="F20793" t="s">
        <v>12581</v>
      </c>
      <c r="G20793" t="s">
        <v>12582</v>
      </c>
      <c r="H20793" t="s">
        <v>12581</v>
      </c>
      <c r="I20793" s="2">
        <v>1</v>
      </c>
      <c r="J20793" s="2">
        <v>0</v>
      </c>
      <c r="K20793" s="2">
        <v>0</v>
      </c>
      <c r="L20793" t="s">
        <v>120</v>
      </c>
      <c r="M20793" t="s">
        <v>83</v>
      </c>
      <c r="N20793" t="s">
        <v>91</v>
      </c>
      <c r="O20793" t="s">
        <v>85</v>
      </c>
      <c r="P20793" t="s">
        <v>86</v>
      </c>
      <c r="Q20793">
        <v>32</v>
      </c>
      <c r="R20793">
        <v>32</v>
      </c>
      <c r="S20793">
        <v>33</v>
      </c>
      <c r="T20793">
        <v>33</v>
      </c>
      <c r="U20793">
        <v>34</v>
      </c>
      <c r="V20793">
        <v>34</v>
      </c>
      <c r="W20793">
        <v>35</v>
      </c>
      <c r="X20793">
        <v>35</v>
      </c>
      <c r="Y20793">
        <v>36</v>
      </c>
      <c r="Z20793">
        <v>36</v>
      </c>
      <c r="AA20793">
        <v>37</v>
      </c>
      <c r="AB20793">
        <v>37</v>
      </c>
      <c r="AC20793">
        <v>38</v>
      </c>
      <c r="AD20793">
        <v>38</v>
      </c>
      <c r="AE20793">
        <v>39</v>
      </c>
      <c r="AF20793">
        <v>40</v>
      </c>
      <c r="AG20793">
        <v>40</v>
      </c>
      <c r="AH20793">
        <v>41</v>
      </c>
      <c r="AI20793">
        <v>41</v>
      </c>
      <c r="AJ20793">
        <v>42</v>
      </c>
      <c r="AK20793">
        <v>42</v>
      </c>
      <c r="AL20793">
        <v>43</v>
      </c>
      <c r="AM20793">
        <v>43</v>
      </c>
      <c r="AN20793">
        <v>43</v>
      </c>
      <c r="AO20793">
        <v>43</v>
      </c>
      <c r="AP20793">
        <v>43</v>
      </c>
      <c r="AQ20793">
        <v>44</v>
      </c>
    </row>
    <row r="20794" spans="1:43">
      <c r="A20794" t="s">
        <v>12877</v>
      </c>
      <c r="B20794" t="s">
        <v>12878</v>
      </c>
      <c r="C20794" t="s">
        <v>12835</v>
      </c>
      <c r="D20794" t="s">
        <v>12836</v>
      </c>
      <c r="E20794" t="s">
        <v>12580</v>
      </c>
      <c r="F20794" t="s">
        <v>12581</v>
      </c>
      <c r="G20794" t="s">
        <v>12582</v>
      </c>
      <c r="H20794" t="s">
        <v>12581</v>
      </c>
      <c r="I20794" s="2">
        <v>1</v>
      </c>
      <c r="J20794" s="2">
        <v>0</v>
      </c>
      <c r="K20794" s="2">
        <v>0</v>
      </c>
      <c r="L20794" t="s">
        <v>120</v>
      </c>
      <c r="M20794" t="s">
        <v>83</v>
      </c>
      <c r="N20794" t="s">
        <v>84</v>
      </c>
      <c r="O20794" t="s">
        <v>85</v>
      </c>
      <c r="P20794" t="s">
        <v>86</v>
      </c>
      <c r="Q20794">
        <v>157</v>
      </c>
      <c r="R20794">
        <v>160</v>
      </c>
      <c r="S20794">
        <v>162</v>
      </c>
      <c r="T20794">
        <v>165</v>
      </c>
      <c r="U20794">
        <v>168</v>
      </c>
      <c r="V20794">
        <v>170</v>
      </c>
      <c r="W20794">
        <v>173</v>
      </c>
      <c r="X20794">
        <v>175</v>
      </c>
      <c r="Y20794">
        <v>178</v>
      </c>
      <c r="Z20794">
        <v>181</v>
      </c>
      <c r="AA20794">
        <v>183</v>
      </c>
      <c r="AB20794">
        <v>186</v>
      </c>
      <c r="AC20794">
        <v>188</v>
      </c>
      <c r="AD20794">
        <v>191</v>
      </c>
      <c r="AE20794">
        <v>194</v>
      </c>
      <c r="AF20794">
        <v>196</v>
      </c>
      <c r="AG20794">
        <v>199</v>
      </c>
      <c r="AH20794">
        <v>202</v>
      </c>
      <c r="AI20794">
        <v>204</v>
      </c>
      <c r="AJ20794">
        <v>207</v>
      </c>
      <c r="AK20794">
        <v>210</v>
      </c>
      <c r="AL20794">
        <v>212</v>
      </c>
      <c r="AM20794">
        <v>213</v>
      </c>
      <c r="AN20794">
        <v>213</v>
      </c>
      <c r="AO20794">
        <v>214</v>
      </c>
      <c r="AP20794">
        <v>215</v>
      </c>
      <c r="AQ20794">
        <v>216</v>
      </c>
    </row>
    <row r="20795" spans="1:43">
      <c r="A20795" t="s">
        <v>12877</v>
      </c>
      <c r="B20795" t="s">
        <v>12878</v>
      </c>
      <c r="C20795" t="s">
        <v>12835</v>
      </c>
      <c r="D20795" t="s">
        <v>12836</v>
      </c>
      <c r="E20795" t="s">
        <v>12580</v>
      </c>
      <c r="F20795" t="s">
        <v>12581</v>
      </c>
      <c r="G20795" t="s">
        <v>12582</v>
      </c>
      <c r="H20795" t="s">
        <v>12581</v>
      </c>
      <c r="I20795" s="2">
        <v>1</v>
      </c>
      <c r="J20795" s="2">
        <v>0</v>
      </c>
      <c r="K20795" s="2">
        <v>0</v>
      </c>
      <c r="L20795" t="s">
        <v>120</v>
      </c>
      <c r="M20795" t="s">
        <v>87</v>
      </c>
      <c r="N20795" t="s">
        <v>88</v>
      </c>
      <c r="O20795" t="s">
        <v>85</v>
      </c>
      <c r="P20795" t="s">
        <v>86</v>
      </c>
      <c r="Q20795">
        <v>157</v>
      </c>
      <c r="R20795">
        <v>158</v>
      </c>
      <c r="S20795">
        <v>159</v>
      </c>
      <c r="T20795">
        <v>160</v>
      </c>
      <c r="U20795">
        <v>161</v>
      </c>
      <c r="V20795">
        <v>162</v>
      </c>
      <c r="W20795">
        <v>163</v>
      </c>
      <c r="X20795">
        <v>164</v>
      </c>
      <c r="Y20795">
        <v>166</v>
      </c>
      <c r="Z20795">
        <v>167</v>
      </c>
      <c r="AA20795">
        <v>168</v>
      </c>
      <c r="AB20795">
        <v>169</v>
      </c>
      <c r="AC20795">
        <v>170</v>
      </c>
      <c r="AD20795">
        <v>172</v>
      </c>
      <c r="AE20795">
        <v>173</v>
      </c>
      <c r="AF20795">
        <v>174</v>
      </c>
      <c r="AG20795">
        <v>175</v>
      </c>
      <c r="AH20795">
        <v>176</v>
      </c>
      <c r="AI20795">
        <v>178</v>
      </c>
      <c r="AJ20795">
        <v>179</v>
      </c>
      <c r="AK20795">
        <v>180</v>
      </c>
      <c r="AL20795">
        <v>182</v>
      </c>
      <c r="AM20795">
        <v>183</v>
      </c>
      <c r="AN20795">
        <v>184</v>
      </c>
      <c r="AO20795">
        <v>186</v>
      </c>
      <c r="AP20795">
        <v>187</v>
      </c>
      <c r="AQ20795">
        <v>188</v>
      </c>
    </row>
    <row r="20796" spans="1:43">
      <c r="A20796" t="s">
        <v>12877</v>
      </c>
      <c r="B20796" t="s">
        <v>12878</v>
      </c>
      <c r="C20796" t="s">
        <v>12835</v>
      </c>
      <c r="D20796" t="s">
        <v>12836</v>
      </c>
      <c r="E20796" t="s">
        <v>12580</v>
      </c>
      <c r="F20796" t="s">
        <v>12581</v>
      </c>
      <c r="G20796" t="s">
        <v>12582</v>
      </c>
      <c r="H20796" t="s">
        <v>12581</v>
      </c>
      <c r="I20796" s="2">
        <v>1</v>
      </c>
      <c r="J20796" s="2">
        <v>0</v>
      </c>
      <c r="K20796" s="2">
        <v>0</v>
      </c>
      <c r="L20796" t="s">
        <v>120</v>
      </c>
      <c r="M20796" t="s">
        <v>89</v>
      </c>
      <c r="N20796" t="s">
        <v>90</v>
      </c>
      <c r="O20796" t="s">
        <v>85</v>
      </c>
      <c r="P20796" t="s">
        <v>86</v>
      </c>
      <c r="Q20796">
        <v>157</v>
      </c>
      <c r="R20796">
        <v>161</v>
      </c>
      <c r="S20796">
        <v>164</v>
      </c>
      <c r="T20796">
        <v>168</v>
      </c>
      <c r="U20796">
        <v>172</v>
      </c>
      <c r="V20796">
        <v>176</v>
      </c>
      <c r="W20796">
        <v>179</v>
      </c>
      <c r="X20796">
        <v>183</v>
      </c>
      <c r="Y20796">
        <v>186</v>
      </c>
      <c r="Z20796">
        <v>190</v>
      </c>
      <c r="AA20796">
        <v>193</v>
      </c>
      <c r="AB20796">
        <v>196</v>
      </c>
      <c r="AC20796">
        <v>200</v>
      </c>
      <c r="AD20796">
        <v>203</v>
      </c>
      <c r="AE20796">
        <v>206</v>
      </c>
      <c r="AF20796">
        <v>207</v>
      </c>
      <c r="AG20796">
        <v>208</v>
      </c>
      <c r="AH20796">
        <v>208</v>
      </c>
      <c r="AI20796">
        <v>209</v>
      </c>
      <c r="AJ20796">
        <v>210</v>
      </c>
      <c r="AK20796">
        <v>211</v>
      </c>
      <c r="AL20796">
        <v>212</v>
      </c>
      <c r="AM20796">
        <v>213</v>
      </c>
      <c r="AN20796">
        <v>214</v>
      </c>
      <c r="AO20796">
        <v>215</v>
      </c>
      <c r="AP20796">
        <v>216</v>
      </c>
      <c r="AQ20796">
        <v>217</v>
      </c>
    </row>
    <row r="20797" spans="1:43">
      <c r="A20797" t="s">
        <v>12877</v>
      </c>
      <c r="B20797" t="s">
        <v>12878</v>
      </c>
      <c r="C20797" t="s">
        <v>12835</v>
      </c>
      <c r="D20797" t="s">
        <v>12836</v>
      </c>
      <c r="E20797" t="s">
        <v>12580</v>
      </c>
      <c r="F20797" t="s">
        <v>12581</v>
      </c>
      <c r="G20797" t="s">
        <v>12582</v>
      </c>
      <c r="H20797" t="s">
        <v>12581</v>
      </c>
      <c r="I20797" s="2">
        <v>1</v>
      </c>
      <c r="J20797" s="2">
        <v>0</v>
      </c>
      <c r="K20797" s="2">
        <v>0</v>
      </c>
      <c r="L20797" t="s">
        <v>120</v>
      </c>
      <c r="M20797" t="s">
        <v>83</v>
      </c>
      <c r="N20797" t="s">
        <v>91</v>
      </c>
      <c r="O20797" t="s">
        <v>85</v>
      </c>
      <c r="P20797" t="s">
        <v>86</v>
      </c>
      <c r="Q20797">
        <v>157</v>
      </c>
      <c r="R20797">
        <v>160</v>
      </c>
      <c r="S20797">
        <v>162</v>
      </c>
      <c r="T20797">
        <v>165</v>
      </c>
      <c r="U20797">
        <v>168</v>
      </c>
      <c r="V20797">
        <v>170</v>
      </c>
      <c r="W20797">
        <v>173</v>
      </c>
      <c r="X20797">
        <v>175</v>
      </c>
      <c r="Y20797">
        <v>178</v>
      </c>
      <c r="Z20797">
        <v>181</v>
      </c>
      <c r="AA20797">
        <v>183</v>
      </c>
      <c r="AB20797">
        <v>186</v>
      </c>
      <c r="AC20797">
        <v>188</v>
      </c>
      <c r="AD20797">
        <v>191</v>
      </c>
      <c r="AE20797">
        <v>194</v>
      </c>
      <c r="AF20797">
        <v>196</v>
      </c>
      <c r="AG20797">
        <v>199</v>
      </c>
      <c r="AH20797">
        <v>202</v>
      </c>
      <c r="AI20797">
        <v>204</v>
      </c>
      <c r="AJ20797">
        <v>207</v>
      </c>
      <c r="AK20797">
        <v>210</v>
      </c>
      <c r="AL20797">
        <v>212</v>
      </c>
      <c r="AM20797">
        <v>213</v>
      </c>
      <c r="AN20797">
        <v>213</v>
      </c>
      <c r="AO20797">
        <v>214</v>
      </c>
      <c r="AP20797">
        <v>215</v>
      </c>
      <c r="AQ20797">
        <v>216</v>
      </c>
    </row>
    <row r="20798" spans="1:43">
      <c r="A20798" t="s">
        <v>12879</v>
      </c>
      <c r="B20798" t="s">
        <v>12880</v>
      </c>
      <c r="C20798" t="s">
        <v>12835</v>
      </c>
      <c r="D20798" t="s">
        <v>12836</v>
      </c>
      <c r="E20798" t="s">
        <v>12580</v>
      </c>
      <c r="F20798" t="s">
        <v>12581</v>
      </c>
      <c r="G20798" t="s">
        <v>12582</v>
      </c>
      <c r="H20798" t="s">
        <v>12581</v>
      </c>
      <c r="I20798" s="2">
        <v>1</v>
      </c>
      <c r="J20798" s="2">
        <v>0</v>
      </c>
      <c r="K20798" s="2">
        <v>0</v>
      </c>
      <c r="L20798" t="s">
        <v>120</v>
      </c>
      <c r="M20798" t="s">
        <v>83</v>
      </c>
      <c r="N20798" t="s">
        <v>84</v>
      </c>
      <c r="O20798" t="s">
        <v>85</v>
      </c>
      <c r="P20798" t="s">
        <v>86</v>
      </c>
      <c r="Q20798">
        <v>15</v>
      </c>
      <c r="R20798">
        <v>15</v>
      </c>
      <c r="S20798">
        <v>15</v>
      </c>
      <c r="T20798">
        <v>15</v>
      </c>
      <c r="U20798">
        <v>16</v>
      </c>
      <c r="V20798">
        <v>16</v>
      </c>
      <c r="W20798">
        <v>16</v>
      </c>
      <c r="X20798">
        <v>16</v>
      </c>
      <c r="Y20798">
        <v>17</v>
      </c>
      <c r="Z20798">
        <v>17</v>
      </c>
      <c r="AA20798">
        <v>17</v>
      </c>
      <c r="AB20798">
        <v>17</v>
      </c>
      <c r="AC20798">
        <v>18</v>
      </c>
      <c r="AD20798">
        <v>18</v>
      </c>
      <c r="AE20798">
        <v>18</v>
      </c>
      <c r="AF20798">
        <v>18</v>
      </c>
      <c r="AG20798">
        <v>19</v>
      </c>
      <c r="AH20798">
        <v>19</v>
      </c>
      <c r="AI20798">
        <v>19</v>
      </c>
      <c r="AJ20798">
        <v>19</v>
      </c>
      <c r="AK20798">
        <v>20</v>
      </c>
      <c r="AL20798">
        <v>20</v>
      </c>
      <c r="AM20798">
        <v>20</v>
      </c>
      <c r="AN20798">
        <v>20</v>
      </c>
      <c r="AO20798">
        <v>20</v>
      </c>
      <c r="AP20798">
        <v>20</v>
      </c>
      <c r="AQ20798">
        <v>20</v>
      </c>
    </row>
    <row r="20799" spans="1:43">
      <c r="A20799" t="s">
        <v>12879</v>
      </c>
      <c r="B20799" t="s">
        <v>12880</v>
      </c>
      <c r="C20799" t="s">
        <v>12835</v>
      </c>
      <c r="D20799" t="s">
        <v>12836</v>
      </c>
      <c r="E20799" t="s">
        <v>12580</v>
      </c>
      <c r="F20799" t="s">
        <v>12581</v>
      </c>
      <c r="G20799" t="s">
        <v>12582</v>
      </c>
      <c r="H20799" t="s">
        <v>12581</v>
      </c>
      <c r="I20799" s="2">
        <v>1</v>
      </c>
      <c r="J20799" s="2">
        <v>0</v>
      </c>
      <c r="K20799" s="2">
        <v>0</v>
      </c>
      <c r="L20799" t="s">
        <v>120</v>
      </c>
      <c r="M20799" t="s">
        <v>87</v>
      </c>
      <c r="N20799" t="s">
        <v>88</v>
      </c>
      <c r="O20799" t="s">
        <v>85</v>
      </c>
      <c r="P20799" t="s">
        <v>86</v>
      </c>
      <c r="Q20799">
        <v>15</v>
      </c>
      <c r="R20799">
        <v>15</v>
      </c>
      <c r="S20799">
        <v>15</v>
      </c>
      <c r="T20799">
        <v>15</v>
      </c>
      <c r="U20799">
        <v>15</v>
      </c>
      <c r="V20799">
        <v>15</v>
      </c>
      <c r="W20799">
        <v>15</v>
      </c>
      <c r="X20799">
        <v>15</v>
      </c>
      <c r="Y20799">
        <v>15</v>
      </c>
      <c r="Z20799">
        <v>16</v>
      </c>
      <c r="AA20799">
        <v>16</v>
      </c>
      <c r="AB20799">
        <v>16</v>
      </c>
      <c r="AC20799">
        <v>16</v>
      </c>
      <c r="AD20799">
        <v>16</v>
      </c>
      <c r="AE20799">
        <v>16</v>
      </c>
      <c r="AF20799">
        <v>16</v>
      </c>
      <c r="AG20799">
        <v>16</v>
      </c>
      <c r="AH20799">
        <v>16</v>
      </c>
      <c r="AI20799">
        <v>17</v>
      </c>
      <c r="AJ20799">
        <v>17</v>
      </c>
      <c r="AK20799">
        <v>17</v>
      </c>
      <c r="AL20799">
        <v>17</v>
      </c>
      <c r="AM20799">
        <v>17</v>
      </c>
      <c r="AN20799">
        <v>17</v>
      </c>
      <c r="AO20799">
        <v>17</v>
      </c>
      <c r="AP20799">
        <v>17</v>
      </c>
      <c r="AQ20799">
        <v>18</v>
      </c>
    </row>
    <row r="20800" spans="1:43">
      <c r="A20800" t="s">
        <v>12879</v>
      </c>
      <c r="B20800" t="s">
        <v>12880</v>
      </c>
      <c r="C20800" t="s">
        <v>12835</v>
      </c>
      <c r="D20800" t="s">
        <v>12836</v>
      </c>
      <c r="E20800" t="s">
        <v>12580</v>
      </c>
      <c r="F20800" t="s">
        <v>12581</v>
      </c>
      <c r="G20800" t="s">
        <v>12582</v>
      </c>
      <c r="H20800" t="s">
        <v>12581</v>
      </c>
      <c r="I20800" s="2">
        <v>1</v>
      </c>
      <c r="J20800" s="2">
        <v>0</v>
      </c>
      <c r="K20800" s="2">
        <v>0</v>
      </c>
      <c r="L20800" t="s">
        <v>120</v>
      </c>
      <c r="M20800" t="s">
        <v>89</v>
      </c>
      <c r="N20800" t="s">
        <v>90</v>
      </c>
      <c r="O20800" t="s">
        <v>85</v>
      </c>
      <c r="P20800" t="s">
        <v>86</v>
      </c>
      <c r="Q20800">
        <v>15</v>
      </c>
      <c r="R20800">
        <v>15</v>
      </c>
      <c r="S20800">
        <v>16</v>
      </c>
      <c r="T20800">
        <v>16</v>
      </c>
      <c r="U20800">
        <v>16</v>
      </c>
      <c r="V20800">
        <v>17</v>
      </c>
      <c r="W20800">
        <v>17</v>
      </c>
      <c r="X20800">
        <v>17</v>
      </c>
      <c r="Y20800">
        <v>18</v>
      </c>
      <c r="Z20800">
        <v>18</v>
      </c>
      <c r="AA20800">
        <v>18</v>
      </c>
      <c r="AB20800">
        <v>19</v>
      </c>
      <c r="AC20800">
        <v>19</v>
      </c>
      <c r="AD20800">
        <v>19</v>
      </c>
      <c r="AE20800">
        <v>20</v>
      </c>
      <c r="AF20800">
        <v>20</v>
      </c>
      <c r="AG20800">
        <v>20</v>
      </c>
      <c r="AH20800">
        <v>20</v>
      </c>
      <c r="AI20800">
        <v>20</v>
      </c>
      <c r="AJ20800">
        <v>20</v>
      </c>
      <c r="AK20800">
        <v>20</v>
      </c>
      <c r="AL20800">
        <v>20</v>
      </c>
      <c r="AM20800">
        <v>20</v>
      </c>
      <c r="AN20800">
        <v>20</v>
      </c>
      <c r="AO20800">
        <v>20</v>
      </c>
      <c r="AP20800">
        <v>20</v>
      </c>
      <c r="AQ20800">
        <v>21</v>
      </c>
    </row>
    <row r="20801" spans="1:43">
      <c r="A20801" t="s">
        <v>12879</v>
      </c>
      <c r="B20801" t="s">
        <v>12880</v>
      </c>
      <c r="C20801" t="s">
        <v>12835</v>
      </c>
      <c r="D20801" t="s">
        <v>12836</v>
      </c>
      <c r="E20801" t="s">
        <v>12580</v>
      </c>
      <c r="F20801" t="s">
        <v>12581</v>
      </c>
      <c r="G20801" t="s">
        <v>12582</v>
      </c>
      <c r="H20801" t="s">
        <v>12581</v>
      </c>
      <c r="I20801" s="2">
        <v>1</v>
      </c>
      <c r="J20801" s="2">
        <v>0</v>
      </c>
      <c r="K20801" s="2">
        <v>0</v>
      </c>
      <c r="L20801" t="s">
        <v>120</v>
      </c>
      <c r="M20801" t="s">
        <v>83</v>
      </c>
      <c r="N20801" t="s">
        <v>91</v>
      </c>
      <c r="O20801" t="s">
        <v>85</v>
      </c>
      <c r="P20801" t="s">
        <v>86</v>
      </c>
      <c r="Q20801">
        <v>15</v>
      </c>
      <c r="R20801">
        <v>15</v>
      </c>
      <c r="S20801">
        <v>15</v>
      </c>
      <c r="T20801">
        <v>15</v>
      </c>
      <c r="U20801">
        <v>16</v>
      </c>
      <c r="V20801">
        <v>16</v>
      </c>
      <c r="W20801">
        <v>16</v>
      </c>
      <c r="X20801">
        <v>16</v>
      </c>
      <c r="Y20801">
        <v>17</v>
      </c>
      <c r="Z20801">
        <v>17</v>
      </c>
      <c r="AA20801">
        <v>17</v>
      </c>
      <c r="AB20801">
        <v>17</v>
      </c>
      <c r="AC20801">
        <v>18</v>
      </c>
      <c r="AD20801">
        <v>18</v>
      </c>
      <c r="AE20801">
        <v>18</v>
      </c>
      <c r="AF20801">
        <v>18</v>
      </c>
      <c r="AG20801">
        <v>19</v>
      </c>
      <c r="AH20801">
        <v>19</v>
      </c>
      <c r="AI20801">
        <v>19</v>
      </c>
      <c r="AJ20801">
        <v>19</v>
      </c>
      <c r="AK20801">
        <v>20</v>
      </c>
      <c r="AL20801">
        <v>20</v>
      </c>
      <c r="AM20801">
        <v>20</v>
      </c>
      <c r="AN20801">
        <v>20</v>
      </c>
      <c r="AO20801">
        <v>20</v>
      </c>
      <c r="AP20801">
        <v>20</v>
      </c>
      <c r="AQ20801">
        <v>20</v>
      </c>
    </row>
    <row r="20802" spans="1:43">
      <c r="A20802" t="s">
        <v>12881</v>
      </c>
      <c r="B20802" t="s">
        <v>12882</v>
      </c>
      <c r="C20802" t="s">
        <v>12805</v>
      </c>
      <c r="D20802" t="s">
        <v>12806</v>
      </c>
      <c r="E20802" t="s">
        <v>12580</v>
      </c>
      <c r="F20802" t="s">
        <v>12581</v>
      </c>
      <c r="G20802" t="s">
        <v>12582</v>
      </c>
      <c r="H20802" t="s">
        <v>12581</v>
      </c>
      <c r="I20802" s="2">
        <v>1</v>
      </c>
      <c r="J20802" s="2">
        <v>0</v>
      </c>
      <c r="K20802" s="2">
        <v>0</v>
      </c>
      <c r="L20802" t="s">
        <v>120</v>
      </c>
      <c r="M20802" t="s">
        <v>83</v>
      </c>
      <c r="N20802" t="s">
        <v>84</v>
      </c>
      <c r="O20802" t="s">
        <v>85</v>
      </c>
      <c r="P20802" t="s">
        <v>86</v>
      </c>
      <c r="Q20802">
        <v>47</v>
      </c>
      <c r="R20802">
        <v>47</v>
      </c>
      <c r="S20802">
        <v>48</v>
      </c>
      <c r="T20802">
        <v>49</v>
      </c>
      <c r="U20802">
        <v>50</v>
      </c>
      <c r="V20802">
        <v>50</v>
      </c>
      <c r="W20802">
        <v>51</v>
      </c>
      <c r="X20802">
        <v>52</v>
      </c>
      <c r="Y20802">
        <v>53</v>
      </c>
      <c r="Z20802">
        <v>53</v>
      </c>
      <c r="AA20802">
        <v>54</v>
      </c>
      <c r="AB20802">
        <v>55</v>
      </c>
      <c r="AC20802">
        <v>56</v>
      </c>
      <c r="AD20802">
        <v>56</v>
      </c>
      <c r="AE20802">
        <v>57</v>
      </c>
      <c r="AF20802">
        <v>58</v>
      </c>
      <c r="AG20802">
        <v>59</v>
      </c>
      <c r="AH20802">
        <v>59</v>
      </c>
      <c r="AI20802">
        <v>60</v>
      </c>
      <c r="AJ20802">
        <v>61</v>
      </c>
      <c r="AK20802">
        <v>62</v>
      </c>
      <c r="AL20802">
        <v>62</v>
      </c>
      <c r="AM20802">
        <v>62</v>
      </c>
      <c r="AN20802">
        <v>62</v>
      </c>
      <c r="AO20802">
        <v>63</v>
      </c>
      <c r="AP20802">
        <v>63</v>
      </c>
      <c r="AQ20802">
        <v>63</v>
      </c>
    </row>
    <row r="20803" spans="1:43">
      <c r="A20803" t="s">
        <v>12881</v>
      </c>
      <c r="B20803" t="s">
        <v>12882</v>
      </c>
      <c r="C20803" t="s">
        <v>12805</v>
      </c>
      <c r="D20803" t="s">
        <v>12806</v>
      </c>
      <c r="E20803" t="s">
        <v>12580</v>
      </c>
      <c r="F20803" t="s">
        <v>12581</v>
      </c>
      <c r="G20803" t="s">
        <v>12582</v>
      </c>
      <c r="H20803" t="s">
        <v>12581</v>
      </c>
      <c r="I20803" s="2">
        <v>1</v>
      </c>
      <c r="J20803" s="2">
        <v>0</v>
      </c>
      <c r="K20803" s="2">
        <v>0</v>
      </c>
      <c r="L20803" t="s">
        <v>120</v>
      </c>
      <c r="M20803" t="s">
        <v>87</v>
      </c>
      <c r="N20803" t="s">
        <v>88</v>
      </c>
      <c r="O20803" t="s">
        <v>85</v>
      </c>
      <c r="P20803" t="s">
        <v>86</v>
      </c>
      <c r="Q20803">
        <v>47</v>
      </c>
      <c r="R20803">
        <v>48</v>
      </c>
      <c r="S20803">
        <v>48</v>
      </c>
      <c r="T20803">
        <v>48</v>
      </c>
      <c r="U20803">
        <v>48</v>
      </c>
      <c r="V20803">
        <v>49</v>
      </c>
      <c r="W20803">
        <v>49</v>
      </c>
      <c r="X20803">
        <v>49</v>
      </c>
      <c r="Y20803">
        <v>50</v>
      </c>
      <c r="Z20803">
        <v>50</v>
      </c>
      <c r="AA20803">
        <v>50</v>
      </c>
      <c r="AB20803">
        <v>51</v>
      </c>
      <c r="AC20803">
        <v>51</v>
      </c>
      <c r="AD20803">
        <v>51</v>
      </c>
      <c r="AE20803">
        <v>52</v>
      </c>
      <c r="AF20803">
        <v>52</v>
      </c>
      <c r="AG20803">
        <v>52</v>
      </c>
      <c r="AH20803">
        <v>53</v>
      </c>
      <c r="AI20803">
        <v>53</v>
      </c>
      <c r="AJ20803">
        <v>53</v>
      </c>
      <c r="AK20803">
        <v>54</v>
      </c>
      <c r="AL20803">
        <v>54</v>
      </c>
      <c r="AM20803">
        <v>54</v>
      </c>
      <c r="AN20803">
        <v>55</v>
      </c>
      <c r="AO20803">
        <v>55</v>
      </c>
      <c r="AP20803">
        <v>55</v>
      </c>
      <c r="AQ20803">
        <v>56</v>
      </c>
    </row>
    <row r="20804" spans="1:43">
      <c r="A20804" t="s">
        <v>12881</v>
      </c>
      <c r="B20804" t="s">
        <v>12882</v>
      </c>
      <c r="C20804" t="s">
        <v>12805</v>
      </c>
      <c r="D20804" t="s">
        <v>12806</v>
      </c>
      <c r="E20804" t="s">
        <v>12580</v>
      </c>
      <c r="F20804" t="s">
        <v>12581</v>
      </c>
      <c r="G20804" t="s">
        <v>12582</v>
      </c>
      <c r="H20804" t="s">
        <v>12581</v>
      </c>
      <c r="I20804" s="2">
        <v>1</v>
      </c>
      <c r="J20804" s="2">
        <v>0</v>
      </c>
      <c r="K20804" s="2">
        <v>0</v>
      </c>
      <c r="L20804" t="s">
        <v>120</v>
      </c>
      <c r="M20804" t="s">
        <v>89</v>
      </c>
      <c r="N20804" t="s">
        <v>90</v>
      </c>
      <c r="O20804" t="s">
        <v>85</v>
      </c>
      <c r="P20804" t="s">
        <v>86</v>
      </c>
      <c r="Q20804">
        <v>47</v>
      </c>
      <c r="R20804">
        <v>48</v>
      </c>
      <c r="S20804">
        <v>49</v>
      </c>
      <c r="T20804">
        <v>50</v>
      </c>
      <c r="U20804">
        <v>52</v>
      </c>
      <c r="V20804">
        <v>53</v>
      </c>
      <c r="W20804">
        <v>54</v>
      </c>
      <c r="X20804">
        <v>55</v>
      </c>
      <c r="Y20804">
        <v>56</v>
      </c>
      <c r="Z20804">
        <v>57</v>
      </c>
      <c r="AA20804">
        <v>58</v>
      </c>
      <c r="AB20804">
        <v>59</v>
      </c>
      <c r="AC20804">
        <v>60</v>
      </c>
      <c r="AD20804">
        <v>61</v>
      </c>
      <c r="AE20804">
        <v>61</v>
      </c>
      <c r="AF20804">
        <v>61</v>
      </c>
      <c r="AG20804">
        <v>62</v>
      </c>
      <c r="AH20804">
        <v>62</v>
      </c>
      <c r="AI20804">
        <v>62</v>
      </c>
      <c r="AJ20804">
        <v>62</v>
      </c>
      <c r="AK20804">
        <v>62</v>
      </c>
      <c r="AL20804">
        <v>63</v>
      </c>
      <c r="AM20804">
        <v>63</v>
      </c>
      <c r="AN20804">
        <v>63</v>
      </c>
      <c r="AO20804">
        <v>63</v>
      </c>
      <c r="AP20804">
        <v>63</v>
      </c>
      <c r="AQ20804">
        <v>64</v>
      </c>
    </row>
    <row r="20805" spans="1:43">
      <c r="A20805" t="s">
        <v>12881</v>
      </c>
      <c r="B20805" t="s">
        <v>12882</v>
      </c>
      <c r="C20805" t="s">
        <v>12805</v>
      </c>
      <c r="D20805" t="s">
        <v>12806</v>
      </c>
      <c r="E20805" t="s">
        <v>12580</v>
      </c>
      <c r="F20805" t="s">
        <v>12581</v>
      </c>
      <c r="G20805" t="s">
        <v>12582</v>
      </c>
      <c r="H20805" t="s">
        <v>12581</v>
      </c>
      <c r="I20805" s="2">
        <v>1</v>
      </c>
      <c r="J20805" s="2">
        <v>0</v>
      </c>
      <c r="K20805" s="2">
        <v>0</v>
      </c>
      <c r="L20805" t="s">
        <v>120</v>
      </c>
      <c r="M20805" t="s">
        <v>83</v>
      </c>
      <c r="N20805" t="s">
        <v>91</v>
      </c>
      <c r="O20805" t="s">
        <v>85</v>
      </c>
      <c r="P20805" t="s">
        <v>86</v>
      </c>
      <c r="Q20805">
        <v>47</v>
      </c>
      <c r="R20805">
        <v>47</v>
      </c>
      <c r="S20805">
        <v>48</v>
      </c>
      <c r="T20805">
        <v>49</v>
      </c>
      <c r="U20805">
        <v>50</v>
      </c>
      <c r="V20805">
        <v>50</v>
      </c>
      <c r="W20805">
        <v>51</v>
      </c>
      <c r="X20805">
        <v>52</v>
      </c>
      <c r="Y20805">
        <v>53</v>
      </c>
      <c r="Z20805">
        <v>53</v>
      </c>
      <c r="AA20805">
        <v>54</v>
      </c>
      <c r="AB20805">
        <v>55</v>
      </c>
      <c r="AC20805">
        <v>56</v>
      </c>
      <c r="AD20805">
        <v>56</v>
      </c>
      <c r="AE20805">
        <v>57</v>
      </c>
      <c r="AF20805">
        <v>58</v>
      </c>
      <c r="AG20805">
        <v>59</v>
      </c>
      <c r="AH20805">
        <v>59</v>
      </c>
      <c r="AI20805">
        <v>60</v>
      </c>
      <c r="AJ20805">
        <v>61</v>
      </c>
      <c r="AK20805">
        <v>62</v>
      </c>
      <c r="AL20805">
        <v>62</v>
      </c>
      <c r="AM20805">
        <v>62</v>
      </c>
      <c r="AN20805">
        <v>62</v>
      </c>
      <c r="AO20805">
        <v>63</v>
      </c>
      <c r="AP20805">
        <v>63</v>
      </c>
      <c r="AQ20805">
        <v>63</v>
      </c>
    </row>
    <row r="20806" spans="1:43">
      <c r="A20806" t="s">
        <v>12883</v>
      </c>
      <c r="B20806" t="s">
        <v>12884</v>
      </c>
      <c r="C20806" t="s">
        <v>12885</v>
      </c>
      <c r="D20806" t="s">
        <v>12886</v>
      </c>
      <c r="E20806" t="s">
        <v>12580</v>
      </c>
      <c r="F20806" t="s">
        <v>12581</v>
      </c>
      <c r="G20806" t="s">
        <v>12582</v>
      </c>
      <c r="H20806" t="s">
        <v>12581</v>
      </c>
      <c r="I20806" s="2">
        <v>0</v>
      </c>
      <c r="J20806" s="2">
        <v>0</v>
      </c>
      <c r="K20806" s="2">
        <v>0</v>
      </c>
      <c r="L20806" t="s">
        <v>120</v>
      </c>
      <c r="M20806" t="s">
        <v>83</v>
      </c>
      <c r="N20806" t="s">
        <v>84</v>
      </c>
      <c r="O20806" t="s">
        <v>85</v>
      </c>
      <c r="P20806" t="s">
        <v>86</v>
      </c>
      <c r="Q20806">
        <v>0</v>
      </c>
      <c r="R20806">
        <v>0</v>
      </c>
      <c r="S20806">
        <v>0</v>
      </c>
      <c r="T20806">
        <v>0</v>
      </c>
      <c r="U20806">
        <v>0</v>
      </c>
      <c r="V20806">
        <v>0</v>
      </c>
      <c r="W20806">
        <v>0</v>
      </c>
      <c r="X20806">
        <v>0</v>
      </c>
      <c r="Y20806">
        <v>0</v>
      </c>
      <c r="Z20806">
        <v>0</v>
      </c>
      <c r="AA20806">
        <v>0</v>
      </c>
      <c r="AB20806">
        <v>0</v>
      </c>
      <c r="AC20806">
        <v>0</v>
      </c>
      <c r="AD20806">
        <v>0</v>
      </c>
      <c r="AE20806">
        <v>0</v>
      </c>
      <c r="AF20806">
        <v>0</v>
      </c>
      <c r="AG20806">
        <v>0</v>
      </c>
      <c r="AH20806">
        <v>0</v>
      </c>
      <c r="AI20806">
        <v>0</v>
      </c>
      <c r="AJ20806">
        <v>0</v>
      </c>
      <c r="AK20806">
        <v>0</v>
      </c>
      <c r="AL20806">
        <v>0</v>
      </c>
      <c r="AM20806">
        <v>0</v>
      </c>
      <c r="AN20806">
        <v>0</v>
      </c>
      <c r="AO20806">
        <v>0</v>
      </c>
      <c r="AP20806">
        <v>0</v>
      </c>
      <c r="AQ20806">
        <v>0</v>
      </c>
    </row>
    <row r="20807" spans="1:43">
      <c r="A20807" t="s">
        <v>12883</v>
      </c>
      <c r="B20807" t="s">
        <v>12884</v>
      </c>
      <c r="C20807" t="s">
        <v>12885</v>
      </c>
      <c r="D20807" t="s">
        <v>12886</v>
      </c>
      <c r="E20807" t="s">
        <v>12580</v>
      </c>
      <c r="F20807" t="s">
        <v>12581</v>
      </c>
      <c r="G20807" t="s">
        <v>12582</v>
      </c>
      <c r="H20807" t="s">
        <v>12581</v>
      </c>
      <c r="I20807" s="2">
        <v>0</v>
      </c>
      <c r="J20807" s="2">
        <v>0</v>
      </c>
      <c r="K20807" s="2">
        <v>0</v>
      </c>
      <c r="L20807" t="s">
        <v>120</v>
      </c>
      <c r="M20807" t="s">
        <v>87</v>
      </c>
      <c r="N20807" t="s">
        <v>88</v>
      </c>
      <c r="O20807" t="s">
        <v>85</v>
      </c>
      <c r="P20807" t="s">
        <v>86</v>
      </c>
      <c r="Q20807">
        <v>0</v>
      </c>
      <c r="R20807">
        <v>0</v>
      </c>
      <c r="S20807">
        <v>0</v>
      </c>
      <c r="T20807">
        <v>0</v>
      </c>
      <c r="U20807">
        <v>0</v>
      </c>
      <c r="V20807">
        <v>0</v>
      </c>
      <c r="W20807">
        <v>0</v>
      </c>
      <c r="X20807">
        <v>0</v>
      </c>
      <c r="Y20807">
        <v>0</v>
      </c>
      <c r="Z20807">
        <v>0</v>
      </c>
      <c r="AA20807">
        <v>0</v>
      </c>
      <c r="AB20807">
        <v>0</v>
      </c>
      <c r="AC20807">
        <v>0</v>
      </c>
      <c r="AD20807">
        <v>0</v>
      </c>
      <c r="AE20807">
        <v>0</v>
      </c>
      <c r="AF20807">
        <v>0</v>
      </c>
      <c r="AG20807">
        <v>0</v>
      </c>
      <c r="AH20807">
        <v>0</v>
      </c>
      <c r="AI20807">
        <v>0</v>
      </c>
      <c r="AJ20807">
        <v>0</v>
      </c>
      <c r="AK20807">
        <v>0</v>
      </c>
      <c r="AL20807">
        <v>0</v>
      </c>
      <c r="AM20807">
        <v>0</v>
      </c>
      <c r="AN20807">
        <v>0</v>
      </c>
      <c r="AO20807">
        <v>0</v>
      </c>
      <c r="AP20807">
        <v>0</v>
      </c>
      <c r="AQ20807">
        <v>0</v>
      </c>
    </row>
    <row r="20808" spans="1:43">
      <c r="A20808" t="s">
        <v>12883</v>
      </c>
      <c r="B20808" t="s">
        <v>12884</v>
      </c>
      <c r="C20808" t="s">
        <v>12885</v>
      </c>
      <c r="D20808" t="s">
        <v>12886</v>
      </c>
      <c r="E20808" t="s">
        <v>12580</v>
      </c>
      <c r="F20808" t="s">
        <v>12581</v>
      </c>
      <c r="G20808" t="s">
        <v>12582</v>
      </c>
      <c r="H20808" t="s">
        <v>12581</v>
      </c>
      <c r="I20808" s="2">
        <v>0</v>
      </c>
      <c r="J20808" s="2">
        <v>0</v>
      </c>
      <c r="K20808" s="2">
        <v>0</v>
      </c>
      <c r="L20808" t="s">
        <v>120</v>
      </c>
      <c r="M20808" t="s">
        <v>89</v>
      </c>
      <c r="N20808" t="s">
        <v>90</v>
      </c>
      <c r="O20808" t="s">
        <v>85</v>
      </c>
      <c r="P20808" t="s">
        <v>86</v>
      </c>
      <c r="Q20808">
        <v>0</v>
      </c>
      <c r="R20808">
        <v>0</v>
      </c>
      <c r="S20808">
        <v>0</v>
      </c>
      <c r="T20808">
        <v>0</v>
      </c>
      <c r="U20808">
        <v>0</v>
      </c>
      <c r="V20808">
        <v>0</v>
      </c>
      <c r="W20808">
        <v>0</v>
      </c>
      <c r="X20808">
        <v>0</v>
      </c>
      <c r="Y20808">
        <v>0</v>
      </c>
      <c r="Z20808">
        <v>0</v>
      </c>
      <c r="AA20808">
        <v>0</v>
      </c>
      <c r="AB20808">
        <v>0</v>
      </c>
      <c r="AC20808">
        <v>0</v>
      </c>
      <c r="AD20808">
        <v>0</v>
      </c>
      <c r="AE20808">
        <v>0</v>
      </c>
      <c r="AF20808">
        <v>0</v>
      </c>
      <c r="AG20808">
        <v>0</v>
      </c>
      <c r="AH20808">
        <v>0</v>
      </c>
      <c r="AI20808">
        <v>0</v>
      </c>
      <c r="AJ20808">
        <v>0</v>
      </c>
      <c r="AK20808">
        <v>0</v>
      </c>
      <c r="AL20808">
        <v>0</v>
      </c>
      <c r="AM20808">
        <v>0</v>
      </c>
      <c r="AN20808">
        <v>0</v>
      </c>
      <c r="AO20808">
        <v>0</v>
      </c>
      <c r="AP20808">
        <v>0</v>
      </c>
      <c r="AQ20808">
        <v>0</v>
      </c>
    </row>
    <row r="20809" spans="1:43">
      <c r="A20809" t="s">
        <v>12883</v>
      </c>
      <c r="B20809" t="s">
        <v>12884</v>
      </c>
      <c r="C20809" t="s">
        <v>12885</v>
      </c>
      <c r="D20809" t="s">
        <v>12886</v>
      </c>
      <c r="E20809" t="s">
        <v>12580</v>
      </c>
      <c r="F20809" t="s">
        <v>12581</v>
      </c>
      <c r="G20809" t="s">
        <v>12582</v>
      </c>
      <c r="H20809" t="s">
        <v>12581</v>
      </c>
      <c r="I20809" s="2">
        <v>0</v>
      </c>
      <c r="J20809" s="2">
        <v>0</v>
      </c>
      <c r="K20809" s="2">
        <v>0</v>
      </c>
      <c r="L20809" t="s">
        <v>120</v>
      </c>
      <c r="M20809" t="s">
        <v>83</v>
      </c>
      <c r="N20809" t="s">
        <v>91</v>
      </c>
      <c r="O20809" t="s">
        <v>85</v>
      </c>
      <c r="P20809" t="s">
        <v>86</v>
      </c>
      <c r="Q20809">
        <v>0</v>
      </c>
      <c r="R20809">
        <v>0</v>
      </c>
      <c r="S20809">
        <v>0</v>
      </c>
      <c r="T20809">
        <v>0</v>
      </c>
      <c r="U20809">
        <v>0</v>
      </c>
      <c r="V20809">
        <v>0</v>
      </c>
      <c r="W20809">
        <v>0</v>
      </c>
      <c r="X20809">
        <v>0</v>
      </c>
      <c r="Y20809">
        <v>0</v>
      </c>
      <c r="Z20809">
        <v>0</v>
      </c>
      <c r="AA20809">
        <v>0</v>
      </c>
      <c r="AB20809">
        <v>0</v>
      </c>
      <c r="AC20809">
        <v>0</v>
      </c>
      <c r="AD20809">
        <v>0</v>
      </c>
      <c r="AE20809">
        <v>0</v>
      </c>
      <c r="AF20809">
        <v>0</v>
      </c>
      <c r="AG20809">
        <v>0</v>
      </c>
      <c r="AH20809">
        <v>0</v>
      </c>
      <c r="AI20809">
        <v>0</v>
      </c>
      <c r="AJ20809">
        <v>0</v>
      </c>
      <c r="AK20809">
        <v>0</v>
      </c>
      <c r="AL20809">
        <v>0</v>
      </c>
      <c r="AM20809">
        <v>0</v>
      </c>
      <c r="AN20809">
        <v>0</v>
      </c>
      <c r="AO20809">
        <v>0</v>
      </c>
      <c r="AP20809">
        <v>0</v>
      </c>
      <c r="AQ20809">
        <v>0</v>
      </c>
    </row>
    <row r="20810" spans="1:43">
      <c r="A20810" t="s">
        <v>12887</v>
      </c>
      <c r="B20810" t="s">
        <v>12888</v>
      </c>
      <c r="C20810" t="s">
        <v>12889</v>
      </c>
      <c r="D20810" t="s">
        <v>12890</v>
      </c>
      <c r="E20810" t="s">
        <v>12580</v>
      </c>
      <c r="F20810" t="s">
        <v>12581</v>
      </c>
      <c r="G20810" t="s">
        <v>12582</v>
      </c>
      <c r="H20810" t="s">
        <v>12581</v>
      </c>
      <c r="I20810" s="2">
        <v>0</v>
      </c>
      <c r="J20810" s="2">
        <v>0</v>
      </c>
      <c r="K20810" s="2">
        <v>0</v>
      </c>
      <c r="L20810" t="s">
        <v>120</v>
      </c>
      <c r="M20810" t="s">
        <v>83</v>
      </c>
      <c r="N20810" t="s">
        <v>84</v>
      </c>
      <c r="O20810" t="s">
        <v>85</v>
      </c>
      <c r="P20810" t="s">
        <v>86</v>
      </c>
      <c r="Q20810">
        <v>0</v>
      </c>
      <c r="R20810">
        <v>0</v>
      </c>
      <c r="S20810">
        <v>0</v>
      </c>
      <c r="T20810">
        <v>0</v>
      </c>
      <c r="U20810">
        <v>0</v>
      </c>
      <c r="V20810">
        <v>0</v>
      </c>
      <c r="W20810">
        <v>0</v>
      </c>
      <c r="X20810">
        <v>0</v>
      </c>
      <c r="Y20810">
        <v>0</v>
      </c>
      <c r="Z20810">
        <v>0</v>
      </c>
      <c r="AA20810">
        <v>0</v>
      </c>
      <c r="AB20810">
        <v>0</v>
      </c>
      <c r="AC20810">
        <v>0</v>
      </c>
      <c r="AD20810">
        <v>0</v>
      </c>
      <c r="AE20810">
        <v>0</v>
      </c>
      <c r="AF20810">
        <v>0</v>
      </c>
      <c r="AG20810">
        <v>0</v>
      </c>
      <c r="AH20810">
        <v>0</v>
      </c>
      <c r="AI20810">
        <v>0</v>
      </c>
      <c r="AJ20810">
        <v>0</v>
      </c>
      <c r="AK20810">
        <v>0</v>
      </c>
      <c r="AL20810">
        <v>0</v>
      </c>
      <c r="AM20810">
        <v>0</v>
      </c>
      <c r="AN20810">
        <v>0</v>
      </c>
      <c r="AO20810">
        <v>0</v>
      </c>
      <c r="AP20810">
        <v>0</v>
      </c>
      <c r="AQ20810">
        <v>0</v>
      </c>
    </row>
    <row r="20811" spans="1:43">
      <c r="A20811" t="s">
        <v>12887</v>
      </c>
      <c r="B20811" t="s">
        <v>12888</v>
      </c>
      <c r="C20811" t="s">
        <v>12889</v>
      </c>
      <c r="D20811" t="s">
        <v>12890</v>
      </c>
      <c r="E20811" t="s">
        <v>12580</v>
      </c>
      <c r="F20811" t="s">
        <v>12581</v>
      </c>
      <c r="G20811" t="s">
        <v>12582</v>
      </c>
      <c r="H20811" t="s">
        <v>12581</v>
      </c>
      <c r="I20811" s="2">
        <v>0</v>
      </c>
      <c r="J20811" s="2">
        <v>0</v>
      </c>
      <c r="K20811" s="2">
        <v>0</v>
      </c>
      <c r="L20811" t="s">
        <v>120</v>
      </c>
      <c r="M20811" t="s">
        <v>87</v>
      </c>
      <c r="N20811" t="s">
        <v>88</v>
      </c>
      <c r="O20811" t="s">
        <v>85</v>
      </c>
      <c r="P20811" t="s">
        <v>86</v>
      </c>
      <c r="Q20811">
        <v>0</v>
      </c>
      <c r="R20811">
        <v>0</v>
      </c>
      <c r="S20811">
        <v>0</v>
      </c>
      <c r="T20811">
        <v>0</v>
      </c>
      <c r="U20811">
        <v>0</v>
      </c>
      <c r="V20811">
        <v>0</v>
      </c>
      <c r="W20811">
        <v>0</v>
      </c>
      <c r="X20811">
        <v>0</v>
      </c>
      <c r="Y20811">
        <v>0</v>
      </c>
      <c r="Z20811">
        <v>0</v>
      </c>
      <c r="AA20811">
        <v>0</v>
      </c>
      <c r="AB20811">
        <v>0</v>
      </c>
      <c r="AC20811">
        <v>0</v>
      </c>
      <c r="AD20811">
        <v>0</v>
      </c>
      <c r="AE20811">
        <v>0</v>
      </c>
      <c r="AF20811">
        <v>0</v>
      </c>
      <c r="AG20811">
        <v>0</v>
      </c>
      <c r="AH20811">
        <v>0</v>
      </c>
      <c r="AI20811">
        <v>0</v>
      </c>
      <c r="AJ20811">
        <v>0</v>
      </c>
      <c r="AK20811">
        <v>0</v>
      </c>
      <c r="AL20811">
        <v>0</v>
      </c>
      <c r="AM20811">
        <v>0</v>
      </c>
      <c r="AN20811">
        <v>0</v>
      </c>
      <c r="AO20811">
        <v>0</v>
      </c>
      <c r="AP20811">
        <v>0</v>
      </c>
      <c r="AQ20811">
        <v>0</v>
      </c>
    </row>
    <row r="20812" spans="1:43">
      <c r="A20812" t="s">
        <v>12887</v>
      </c>
      <c r="B20812" t="s">
        <v>12888</v>
      </c>
      <c r="C20812" t="s">
        <v>12889</v>
      </c>
      <c r="D20812" t="s">
        <v>12890</v>
      </c>
      <c r="E20812" t="s">
        <v>12580</v>
      </c>
      <c r="F20812" t="s">
        <v>12581</v>
      </c>
      <c r="G20812" t="s">
        <v>12582</v>
      </c>
      <c r="H20812" t="s">
        <v>12581</v>
      </c>
      <c r="I20812" s="2">
        <v>0</v>
      </c>
      <c r="J20812" s="2">
        <v>0</v>
      </c>
      <c r="K20812" s="2">
        <v>0</v>
      </c>
      <c r="L20812" t="s">
        <v>120</v>
      </c>
      <c r="M20812" t="s">
        <v>89</v>
      </c>
      <c r="N20812" t="s">
        <v>90</v>
      </c>
      <c r="O20812" t="s">
        <v>85</v>
      </c>
      <c r="P20812" t="s">
        <v>86</v>
      </c>
      <c r="Q20812">
        <v>0</v>
      </c>
      <c r="R20812">
        <v>0</v>
      </c>
      <c r="S20812">
        <v>0</v>
      </c>
      <c r="T20812">
        <v>0</v>
      </c>
      <c r="U20812">
        <v>0</v>
      </c>
      <c r="V20812">
        <v>0</v>
      </c>
      <c r="W20812">
        <v>0</v>
      </c>
      <c r="X20812">
        <v>0</v>
      </c>
      <c r="Y20812">
        <v>0</v>
      </c>
      <c r="Z20812">
        <v>0</v>
      </c>
      <c r="AA20812">
        <v>0</v>
      </c>
      <c r="AB20812">
        <v>0</v>
      </c>
      <c r="AC20812">
        <v>0</v>
      </c>
      <c r="AD20812">
        <v>0</v>
      </c>
      <c r="AE20812">
        <v>0</v>
      </c>
      <c r="AF20812">
        <v>0</v>
      </c>
      <c r="AG20812">
        <v>0</v>
      </c>
      <c r="AH20812">
        <v>0</v>
      </c>
      <c r="AI20812">
        <v>0</v>
      </c>
      <c r="AJ20812">
        <v>0</v>
      </c>
      <c r="AK20812">
        <v>0</v>
      </c>
      <c r="AL20812">
        <v>0</v>
      </c>
      <c r="AM20812">
        <v>0</v>
      </c>
      <c r="AN20812">
        <v>0</v>
      </c>
      <c r="AO20812">
        <v>0</v>
      </c>
      <c r="AP20812">
        <v>0</v>
      </c>
      <c r="AQ20812">
        <v>0</v>
      </c>
    </row>
    <row r="20813" spans="1:43">
      <c r="A20813" t="s">
        <v>12887</v>
      </c>
      <c r="B20813" t="s">
        <v>12888</v>
      </c>
      <c r="C20813" t="s">
        <v>12889</v>
      </c>
      <c r="D20813" t="s">
        <v>12890</v>
      </c>
      <c r="E20813" t="s">
        <v>12580</v>
      </c>
      <c r="F20813" t="s">
        <v>12581</v>
      </c>
      <c r="G20813" t="s">
        <v>12582</v>
      </c>
      <c r="H20813" t="s">
        <v>12581</v>
      </c>
      <c r="I20813" s="2">
        <v>0</v>
      </c>
      <c r="J20813" s="2">
        <v>0</v>
      </c>
      <c r="K20813" s="2">
        <v>0</v>
      </c>
      <c r="L20813" t="s">
        <v>120</v>
      </c>
      <c r="M20813" t="s">
        <v>83</v>
      </c>
      <c r="N20813" t="s">
        <v>91</v>
      </c>
      <c r="O20813" t="s">
        <v>85</v>
      </c>
      <c r="P20813" t="s">
        <v>86</v>
      </c>
      <c r="Q20813">
        <v>0</v>
      </c>
      <c r="R20813">
        <v>0</v>
      </c>
      <c r="S20813">
        <v>0</v>
      </c>
      <c r="T20813">
        <v>0</v>
      </c>
      <c r="U20813">
        <v>0</v>
      </c>
      <c r="V20813">
        <v>0</v>
      </c>
      <c r="W20813">
        <v>0</v>
      </c>
      <c r="X20813">
        <v>0</v>
      </c>
      <c r="Y20813">
        <v>0</v>
      </c>
      <c r="Z20813">
        <v>0</v>
      </c>
      <c r="AA20813">
        <v>0</v>
      </c>
      <c r="AB20813">
        <v>0</v>
      </c>
      <c r="AC20813">
        <v>0</v>
      </c>
      <c r="AD20813">
        <v>0</v>
      </c>
      <c r="AE20813">
        <v>0</v>
      </c>
      <c r="AF20813">
        <v>0</v>
      </c>
      <c r="AG20813">
        <v>0</v>
      </c>
      <c r="AH20813">
        <v>0</v>
      </c>
      <c r="AI20813">
        <v>0</v>
      </c>
      <c r="AJ20813">
        <v>0</v>
      </c>
      <c r="AK20813">
        <v>0</v>
      </c>
      <c r="AL20813">
        <v>0</v>
      </c>
      <c r="AM20813">
        <v>0</v>
      </c>
      <c r="AN20813">
        <v>0</v>
      </c>
      <c r="AO20813">
        <v>0</v>
      </c>
      <c r="AP20813">
        <v>0</v>
      </c>
      <c r="AQ20813">
        <v>0</v>
      </c>
    </row>
    <row r="20814" spans="1:43">
      <c r="A20814" t="s">
        <v>12891</v>
      </c>
      <c r="B20814" t="s">
        <v>12892</v>
      </c>
      <c r="C20814" t="s">
        <v>12889</v>
      </c>
      <c r="D20814" t="s">
        <v>12890</v>
      </c>
      <c r="E20814" t="s">
        <v>12580</v>
      </c>
      <c r="F20814" t="s">
        <v>12581</v>
      </c>
      <c r="G20814" t="s">
        <v>12582</v>
      </c>
      <c r="H20814" t="s">
        <v>12581</v>
      </c>
      <c r="I20814" s="2">
        <v>0</v>
      </c>
      <c r="J20814" s="2">
        <v>0</v>
      </c>
      <c r="K20814" s="2">
        <v>0</v>
      </c>
      <c r="L20814" t="s">
        <v>120</v>
      </c>
      <c r="M20814" t="s">
        <v>83</v>
      </c>
      <c r="N20814" t="s">
        <v>84</v>
      </c>
      <c r="O20814" t="s">
        <v>85</v>
      </c>
      <c r="P20814" t="s">
        <v>86</v>
      </c>
      <c r="Q20814">
        <v>0</v>
      </c>
      <c r="R20814">
        <v>0</v>
      </c>
      <c r="S20814">
        <v>0</v>
      </c>
      <c r="T20814">
        <v>0</v>
      </c>
      <c r="U20814">
        <v>0</v>
      </c>
      <c r="V20814">
        <v>0</v>
      </c>
      <c r="W20814">
        <v>0</v>
      </c>
      <c r="X20814">
        <v>0</v>
      </c>
      <c r="Y20814">
        <v>0</v>
      </c>
      <c r="Z20814">
        <v>0</v>
      </c>
      <c r="AA20814">
        <v>0</v>
      </c>
      <c r="AB20814">
        <v>0</v>
      </c>
      <c r="AC20814">
        <v>0</v>
      </c>
      <c r="AD20814">
        <v>0</v>
      </c>
      <c r="AE20814">
        <v>0</v>
      </c>
      <c r="AF20814">
        <v>0</v>
      </c>
      <c r="AG20814">
        <v>0</v>
      </c>
      <c r="AH20814">
        <v>0</v>
      </c>
      <c r="AI20814">
        <v>0</v>
      </c>
      <c r="AJ20814">
        <v>0</v>
      </c>
      <c r="AK20814">
        <v>0</v>
      </c>
      <c r="AL20814">
        <v>0</v>
      </c>
      <c r="AM20814">
        <v>0</v>
      </c>
      <c r="AN20814">
        <v>0</v>
      </c>
      <c r="AO20814">
        <v>0</v>
      </c>
      <c r="AP20814">
        <v>0</v>
      </c>
      <c r="AQ20814">
        <v>0</v>
      </c>
    </row>
    <row r="20815" spans="1:43">
      <c r="A20815" t="s">
        <v>12891</v>
      </c>
      <c r="B20815" t="s">
        <v>12892</v>
      </c>
      <c r="C20815" t="s">
        <v>12889</v>
      </c>
      <c r="D20815" t="s">
        <v>12890</v>
      </c>
      <c r="E20815" t="s">
        <v>12580</v>
      </c>
      <c r="F20815" t="s">
        <v>12581</v>
      </c>
      <c r="G20815" t="s">
        <v>12582</v>
      </c>
      <c r="H20815" t="s">
        <v>12581</v>
      </c>
      <c r="I20815" s="2">
        <v>0</v>
      </c>
      <c r="J20815" s="2">
        <v>0</v>
      </c>
      <c r="K20815" s="2">
        <v>0</v>
      </c>
      <c r="L20815" t="s">
        <v>120</v>
      </c>
      <c r="M20815" t="s">
        <v>87</v>
      </c>
      <c r="N20815" t="s">
        <v>88</v>
      </c>
      <c r="O20815" t="s">
        <v>85</v>
      </c>
      <c r="P20815" t="s">
        <v>86</v>
      </c>
      <c r="Q20815">
        <v>0</v>
      </c>
      <c r="R20815">
        <v>0</v>
      </c>
      <c r="S20815">
        <v>0</v>
      </c>
      <c r="T20815">
        <v>0</v>
      </c>
      <c r="U20815">
        <v>0</v>
      </c>
      <c r="V20815">
        <v>0</v>
      </c>
      <c r="W20815">
        <v>0</v>
      </c>
      <c r="X20815">
        <v>0</v>
      </c>
      <c r="Y20815">
        <v>0</v>
      </c>
      <c r="Z20815">
        <v>0</v>
      </c>
      <c r="AA20815">
        <v>0</v>
      </c>
      <c r="AB20815">
        <v>0</v>
      </c>
      <c r="AC20815">
        <v>0</v>
      </c>
      <c r="AD20815">
        <v>0</v>
      </c>
      <c r="AE20815">
        <v>0</v>
      </c>
      <c r="AF20815">
        <v>0</v>
      </c>
      <c r="AG20815">
        <v>0</v>
      </c>
      <c r="AH20815">
        <v>0</v>
      </c>
      <c r="AI20815">
        <v>0</v>
      </c>
      <c r="AJ20815">
        <v>0</v>
      </c>
      <c r="AK20815">
        <v>0</v>
      </c>
      <c r="AL20815">
        <v>0</v>
      </c>
      <c r="AM20815">
        <v>0</v>
      </c>
      <c r="AN20815">
        <v>0</v>
      </c>
      <c r="AO20815">
        <v>0</v>
      </c>
      <c r="AP20815">
        <v>0</v>
      </c>
      <c r="AQ20815">
        <v>0</v>
      </c>
    </row>
    <row r="20816" spans="1:43">
      <c r="A20816" t="s">
        <v>12891</v>
      </c>
      <c r="B20816" t="s">
        <v>12892</v>
      </c>
      <c r="C20816" t="s">
        <v>12889</v>
      </c>
      <c r="D20816" t="s">
        <v>12890</v>
      </c>
      <c r="E20816" t="s">
        <v>12580</v>
      </c>
      <c r="F20816" t="s">
        <v>12581</v>
      </c>
      <c r="G20816" t="s">
        <v>12582</v>
      </c>
      <c r="H20816" t="s">
        <v>12581</v>
      </c>
      <c r="I20816" s="2">
        <v>0</v>
      </c>
      <c r="J20816" s="2">
        <v>0</v>
      </c>
      <c r="K20816" s="2">
        <v>0</v>
      </c>
      <c r="L20816" t="s">
        <v>120</v>
      </c>
      <c r="M20816" t="s">
        <v>89</v>
      </c>
      <c r="N20816" t="s">
        <v>90</v>
      </c>
      <c r="O20816" t="s">
        <v>85</v>
      </c>
      <c r="P20816" t="s">
        <v>86</v>
      </c>
      <c r="Q20816">
        <v>0</v>
      </c>
      <c r="R20816">
        <v>0</v>
      </c>
      <c r="S20816">
        <v>0</v>
      </c>
      <c r="T20816">
        <v>0</v>
      </c>
      <c r="U20816">
        <v>0</v>
      </c>
      <c r="V20816">
        <v>0</v>
      </c>
      <c r="W20816">
        <v>0</v>
      </c>
      <c r="X20816">
        <v>0</v>
      </c>
      <c r="Y20816">
        <v>0</v>
      </c>
      <c r="Z20816">
        <v>0</v>
      </c>
      <c r="AA20816">
        <v>0</v>
      </c>
      <c r="AB20816">
        <v>0</v>
      </c>
      <c r="AC20816">
        <v>0</v>
      </c>
      <c r="AD20816">
        <v>0</v>
      </c>
      <c r="AE20816">
        <v>0</v>
      </c>
      <c r="AF20816">
        <v>0</v>
      </c>
      <c r="AG20816">
        <v>0</v>
      </c>
      <c r="AH20816">
        <v>0</v>
      </c>
      <c r="AI20816">
        <v>0</v>
      </c>
      <c r="AJ20816">
        <v>0</v>
      </c>
      <c r="AK20816">
        <v>0</v>
      </c>
      <c r="AL20816">
        <v>0</v>
      </c>
      <c r="AM20816">
        <v>0</v>
      </c>
      <c r="AN20816">
        <v>0</v>
      </c>
      <c r="AO20816">
        <v>0</v>
      </c>
      <c r="AP20816">
        <v>0</v>
      </c>
      <c r="AQ20816">
        <v>0</v>
      </c>
    </row>
    <row r="20817" spans="1:43">
      <c r="A20817" t="s">
        <v>12891</v>
      </c>
      <c r="B20817" t="s">
        <v>12892</v>
      </c>
      <c r="C20817" t="s">
        <v>12889</v>
      </c>
      <c r="D20817" t="s">
        <v>12890</v>
      </c>
      <c r="E20817" t="s">
        <v>12580</v>
      </c>
      <c r="F20817" t="s">
        <v>12581</v>
      </c>
      <c r="G20817" t="s">
        <v>12582</v>
      </c>
      <c r="H20817" t="s">
        <v>12581</v>
      </c>
      <c r="I20817" s="2">
        <v>0</v>
      </c>
      <c r="J20817" s="2">
        <v>0</v>
      </c>
      <c r="K20817" s="2">
        <v>0</v>
      </c>
      <c r="L20817" t="s">
        <v>120</v>
      </c>
      <c r="M20817" t="s">
        <v>83</v>
      </c>
      <c r="N20817" t="s">
        <v>91</v>
      </c>
      <c r="O20817" t="s">
        <v>85</v>
      </c>
      <c r="P20817" t="s">
        <v>86</v>
      </c>
      <c r="Q20817">
        <v>0</v>
      </c>
      <c r="R20817">
        <v>0</v>
      </c>
      <c r="S20817">
        <v>0</v>
      </c>
      <c r="T20817">
        <v>0</v>
      </c>
      <c r="U20817">
        <v>0</v>
      </c>
      <c r="V20817">
        <v>0</v>
      </c>
      <c r="W20817">
        <v>0</v>
      </c>
      <c r="X20817">
        <v>0</v>
      </c>
      <c r="Y20817">
        <v>0</v>
      </c>
      <c r="Z20817">
        <v>0</v>
      </c>
      <c r="AA20817">
        <v>0</v>
      </c>
      <c r="AB20817">
        <v>0</v>
      </c>
      <c r="AC20817">
        <v>0</v>
      </c>
      <c r="AD20817">
        <v>0</v>
      </c>
      <c r="AE20817">
        <v>0</v>
      </c>
      <c r="AF20817">
        <v>0</v>
      </c>
      <c r="AG20817">
        <v>0</v>
      </c>
      <c r="AH20817">
        <v>0</v>
      </c>
      <c r="AI20817">
        <v>0</v>
      </c>
      <c r="AJ20817">
        <v>0</v>
      </c>
      <c r="AK20817">
        <v>0</v>
      </c>
      <c r="AL20817">
        <v>0</v>
      </c>
      <c r="AM20817">
        <v>0</v>
      </c>
      <c r="AN20817">
        <v>0</v>
      </c>
      <c r="AO20817">
        <v>0</v>
      </c>
      <c r="AP20817">
        <v>0</v>
      </c>
      <c r="AQ20817">
        <v>0</v>
      </c>
    </row>
    <row r="20818" spans="1:43">
      <c r="A20818" t="s">
        <v>12893</v>
      </c>
      <c r="B20818" t="s">
        <v>12894</v>
      </c>
      <c r="C20818" t="s">
        <v>12889</v>
      </c>
      <c r="D20818" t="s">
        <v>12890</v>
      </c>
      <c r="E20818" t="s">
        <v>12580</v>
      </c>
      <c r="F20818" t="s">
        <v>12581</v>
      </c>
      <c r="G20818" t="s">
        <v>12582</v>
      </c>
      <c r="H20818" t="s">
        <v>12581</v>
      </c>
      <c r="I20818" s="2">
        <v>0</v>
      </c>
      <c r="J20818" s="2">
        <v>0</v>
      </c>
      <c r="K20818" s="2">
        <v>0</v>
      </c>
      <c r="L20818" t="s">
        <v>120</v>
      </c>
      <c r="M20818" t="s">
        <v>83</v>
      </c>
      <c r="N20818" t="s">
        <v>84</v>
      </c>
      <c r="O20818" t="s">
        <v>85</v>
      </c>
      <c r="P20818" t="s">
        <v>86</v>
      </c>
      <c r="Q20818">
        <v>0</v>
      </c>
      <c r="R20818">
        <v>0</v>
      </c>
      <c r="S20818">
        <v>0</v>
      </c>
      <c r="T20818">
        <v>0</v>
      </c>
      <c r="U20818">
        <v>0</v>
      </c>
      <c r="V20818">
        <v>0</v>
      </c>
      <c r="W20818">
        <v>0</v>
      </c>
      <c r="X20818">
        <v>0</v>
      </c>
      <c r="Y20818">
        <v>0</v>
      </c>
      <c r="Z20818">
        <v>0</v>
      </c>
      <c r="AA20818">
        <v>0</v>
      </c>
      <c r="AB20818">
        <v>0</v>
      </c>
      <c r="AC20818">
        <v>0</v>
      </c>
      <c r="AD20818">
        <v>0</v>
      </c>
      <c r="AE20818">
        <v>0</v>
      </c>
      <c r="AF20818">
        <v>0</v>
      </c>
      <c r="AG20818">
        <v>0</v>
      </c>
      <c r="AH20818">
        <v>0</v>
      </c>
      <c r="AI20818">
        <v>0</v>
      </c>
      <c r="AJ20818">
        <v>0</v>
      </c>
      <c r="AK20818">
        <v>0</v>
      </c>
      <c r="AL20818">
        <v>0</v>
      </c>
      <c r="AM20818">
        <v>0</v>
      </c>
      <c r="AN20818">
        <v>0</v>
      </c>
      <c r="AO20818">
        <v>0</v>
      </c>
      <c r="AP20818">
        <v>0</v>
      </c>
      <c r="AQ20818">
        <v>0</v>
      </c>
    </row>
    <row r="20819" spans="1:43">
      <c r="A20819" t="s">
        <v>12893</v>
      </c>
      <c r="B20819" t="s">
        <v>12894</v>
      </c>
      <c r="C20819" t="s">
        <v>12889</v>
      </c>
      <c r="D20819" t="s">
        <v>12890</v>
      </c>
      <c r="E20819" t="s">
        <v>12580</v>
      </c>
      <c r="F20819" t="s">
        <v>12581</v>
      </c>
      <c r="G20819" t="s">
        <v>12582</v>
      </c>
      <c r="H20819" t="s">
        <v>12581</v>
      </c>
      <c r="I20819" s="2">
        <v>0</v>
      </c>
      <c r="J20819" s="2">
        <v>0</v>
      </c>
      <c r="K20819" s="2">
        <v>0</v>
      </c>
      <c r="L20819" t="s">
        <v>120</v>
      </c>
      <c r="M20819" t="s">
        <v>87</v>
      </c>
      <c r="N20819" t="s">
        <v>88</v>
      </c>
      <c r="O20819" t="s">
        <v>85</v>
      </c>
      <c r="P20819" t="s">
        <v>86</v>
      </c>
      <c r="Q20819">
        <v>0</v>
      </c>
      <c r="R20819">
        <v>0</v>
      </c>
      <c r="S20819">
        <v>0</v>
      </c>
      <c r="T20819">
        <v>0</v>
      </c>
      <c r="U20819">
        <v>0</v>
      </c>
      <c r="V20819">
        <v>0</v>
      </c>
      <c r="W20819">
        <v>0</v>
      </c>
      <c r="X20819">
        <v>0</v>
      </c>
      <c r="Y20819">
        <v>0</v>
      </c>
      <c r="Z20819">
        <v>0</v>
      </c>
      <c r="AA20819">
        <v>0</v>
      </c>
      <c r="AB20819">
        <v>0</v>
      </c>
      <c r="AC20819">
        <v>0</v>
      </c>
      <c r="AD20819">
        <v>0</v>
      </c>
      <c r="AE20819">
        <v>0</v>
      </c>
      <c r="AF20819">
        <v>0</v>
      </c>
      <c r="AG20819">
        <v>0</v>
      </c>
      <c r="AH20819">
        <v>0</v>
      </c>
      <c r="AI20819">
        <v>0</v>
      </c>
      <c r="AJ20819">
        <v>0</v>
      </c>
      <c r="AK20819">
        <v>0</v>
      </c>
      <c r="AL20819">
        <v>0</v>
      </c>
      <c r="AM20819">
        <v>0</v>
      </c>
      <c r="AN20819">
        <v>0</v>
      </c>
      <c r="AO20819">
        <v>0</v>
      </c>
      <c r="AP20819">
        <v>0</v>
      </c>
      <c r="AQ20819">
        <v>0</v>
      </c>
    </row>
    <row r="20820" spans="1:43">
      <c r="A20820" t="s">
        <v>12893</v>
      </c>
      <c r="B20820" t="s">
        <v>12894</v>
      </c>
      <c r="C20820" t="s">
        <v>12889</v>
      </c>
      <c r="D20820" t="s">
        <v>12890</v>
      </c>
      <c r="E20820" t="s">
        <v>12580</v>
      </c>
      <c r="F20820" t="s">
        <v>12581</v>
      </c>
      <c r="G20820" t="s">
        <v>12582</v>
      </c>
      <c r="H20820" t="s">
        <v>12581</v>
      </c>
      <c r="I20820" s="2">
        <v>0</v>
      </c>
      <c r="J20820" s="2">
        <v>0</v>
      </c>
      <c r="K20820" s="2">
        <v>0</v>
      </c>
      <c r="L20820" t="s">
        <v>120</v>
      </c>
      <c r="M20820" t="s">
        <v>89</v>
      </c>
      <c r="N20820" t="s">
        <v>90</v>
      </c>
      <c r="O20820" t="s">
        <v>85</v>
      </c>
      <c r="P20820" t="s">
        <v>86</v>
      </c>
      <c r="Q20820">
        <v>0</v>
      </c>
      <c r="R20820">
        <v>0</v>
      </c>
      <c r="S20820">
        <v>0</v>
      </c>
      <c r="T20820">
        <v>0</v>
      </c>
      <c r="U20820">
        <v>0</v>
      </c>
      <c r="V20820">
        <v>0</v>
      </c>
      <c r="W20820">
        <v>0</v>
      </c>
      <c r="X20820">
        <v>0</v>
      </c>
      <c r="Y20820">
        <v>0</v>
      </c>
      <c r="Z20820">
        <v>0</v>
      </c>
      <c r="AA20820">
        <v>0</v>
      </c>
      <c r="AB20820">
        <v>0</v>
      </c>
      <c r="AC20820">
        <v>0</v>
      </c>
      <c r="AD20820">
        <v>0</v>
      </c>
      <c r="AE20820">
        <v>0</v>
      </c>
      <c r="AF20820">
        <v>0</v>
      </c>
      <c r="AG20820">
        <v>0</v>
      </c>
      <c r="AH20820">
        <v>0</v>
      </c>
      <c r="AI20820">
        <v>0</v>
      </c>
      <c r="AJ20820">
        <v>0</v>
      </c>
      <c r="AK20820">
        <v>0</v>
      </c>
      <c r="AL20820">
        <v>0</v>
      </c>
      <c r="AM20820">
        <v>0</v>
      </c>
      <c r="AN20820">
        <v>0</v>
      </c>
      <c r="AO20820">
        <v>0</v>
      </c>
      <c r="AP20820">
        <v>0</v>
      </c>
      <c r="AQ20820">
        <v>0</v>
      </c>
    </row>
    <row r="20821" spans="1:43">
      <c r="A20821" t="s">
        <v>12893</v>
      </c>
      <c r="B20821" t="s">
        <v>12894</v>
      </c>
      <c r="C20821" t="s">
        <v>12889</v>
      </c>
      <c r="D20821" t="s">
        <v>12890</v>
      </c>
      <c r="E20821" t="s">
        <v>12580</v>
      </c>
      <c r="F20821" t="s">
        <v>12581</v>
      </c>
      <c r="G20821" t="s">
        <v>12582</v>
      </c>
      <c r="H20821" t="s">
        <v>12581</v>
      </c>
      <c r="I20821" s="2">
        <v>0</v>
      </c>
      <c r="J20821" s="2">
        <v>0</v>
      </c>
      <c r="K20821" s="2">
        <v>0</v>
      </c>
      <c r="L20821" t="s">
        <v>120</v>
      </c>
      <c r="M20821" t="s">
        <v>83</v>
      </c>
      <c r="N20821" t="s">
        <v>91</v>
      </c>
      <c r="O20821" t="s">
        <v>85</v>
      </c>
      <c r="P20821" t="s">
        <v>86</v>
      </c>
      <c r="Q20821">
        <v>0</v>
      </c>
      <c r="R20821">
        <v>0</v>
      </c>
      <c r="S20821">
        <v>0</v>
      </c>
      <c r="T20821">
        <v>0</v>
      </c>
      <c r="U20821">
        <v>0</v>
      </c>
      <c r="V20821">
        <v>0</v>
      </c>
      <c r="W20821">
        <v>0</v>
      </c>
      <c r="X20821">
        <v>0</v>
      </c>
      <c r="Y20821">
        <v>0</v>
      </c>
      <c r="Z20821">
        <v>0</v>
      </c>
      <c r="AA20821">
        <v>0</v>
      </c>
      <c r="AB20821">
        <v>0</v>
      </c>
      <c r="AC20821">
        <v>0</v>
      </c>
      <c r="AD20821">
        <v>0</v>
      </c>
      <c r="AE20821">
        <v>0</v>
      </c>
      <c r="AF20821">
        <v>0</v>
      </c>
      <c r="AG20821">
        <v>0</v>
      </c>
      <c r="AH20821">
        <v>0</v>
      </c>
      <c r="AI20821">
        <v>0</v>
      </c>
      <c r="AJ20821">
        <v>0</v>
      </c>
      <c r="AK20821">
        <v>0</v>
      </c>
      <c r="AL20821">
        <v>0</v>
      </c>
      <c r="AM20821">
        <v>0</v>
      </c>
      <c r="AN20821">
        <v>0</v>
      </c>
      <c r="AO20821">
        <v>0</v>
      </c>
      <c r="AP20821">
        <v>0</v>
      </c>
      <c r="AQ20821">
        <v>0</v>
      </c>
    </row>
    <row r="20822" spans="1:43">
      <c r="A20822" t="s">
        <v>12895</v>
      </c>
      <c r="B20822" t="s">
        <v>12896</v>
      </c>
      <c r="C20822" t="s">
        <v>12897</v>
      </c>
      <c r="D20822" t="s">
        <v>12898</v>
      </c>
      <c r="E20822" t="s">
        <v>12580</v>
      </c>
      <c r="F20822" t="s">
        <v>12581</v>
      </c>
      <c r="G20822" t="s">
        <v>12582</v>
      </c>
      <c r="H20822" t="s">
        <v>12581</v>
      </c>
      <c r="I20822" s="2">
        <v>1</v>
      </c>
      <c r="J20822" s="2">
        <v>0</v>
      </c>
      <c r="K20822" s="2">
        <v>0</v>
      </c>
      <c r="L20822" t="s">
        <v>120</v>
      </c>
      <c r="M20822" t="s">
        <v>83</v>
      </c>
      <c r="N20822" t="s">
        <v>84</v>
      </c>
      <c r="O20822" t="s">
        <v>85</v>
      </c>
      <c r="P20822" t="s">
        <v>86</v>
      </c>
      <c r="Q20822">
        <v>36</v>
      </c>
      <c r="R20822">
        <v>36</v>
      </c>
      <c r="S20822">
        <v>37</v>
      </c>
      <c r="T20822">
        <v>37</v>
      </c>
      <c r="U20822">
        <v>38</v>
      </c>
      <c r="V20822">
        <v>38</v>
      </c>
      <c r="W20822">
        <v>39</v>
      </c>
      <c r="X20822">
        <v>39</v>
      </c>
      <c r="Y20822">
        <v>40</v>
      </c>
      <c r="Z20822">
        <v>40</v>
      </c>
      <c r="AA20822">
        <v>41</v>
      </c>
      <c r="AB20822">
        <v>41</v>
      </c>
      <c r="AC20822">
        <v>42</v>
      </c>
      <c r="AD20822">
        <v>42</v>
      </c>
      <c r="AE20822">
        <v>43</v>
      </c>
      <c r="AF20822">
        <v>43</v>
      </c>
      <c r="AG20822">
        <v>44</v>
      </c>
      <c r="AH20822">
        <v>44</v>
      </c>
      <c r="AI20822">
        <v>45</v>
      </c>
      <c r="AJ20822">
        <v>45</v>
      </c>
      <c r="AK20822">
        <v>46</v>
      </c>
      <c r="AL20822">
        <v>46</v>
      </c>
      <c r="AM20822">
        <v>46</v>
      </c>
      <c r="AN20822">
        <v>46</v>
      </c>
      <c r="AO20822">
        <v>46</v>
      </c>
      <c r="AP20822">
        <v>46</v>
      </c>
      <c r="AQ20822">
        <v>46</v>
      </c>
    </row>
    <row r="20823" spans="1:43">
      <c r="A20823" t="s">
        <v>12895</v>
      </c>
      <c r="B20823" t="s">
        <v>12896</v>
      </c>
      <c r="C20823" t="s">
        <v>12897</v>
      </c>
      <c r="D20823" t="s">
        <v>12898</v>
      </c>
      <c r="E20823" t="s">
        <v>12580</v>
      </c>
      <c r="F20823" t="s">
        <v>12581</v>
      </c>
      <c r="G20823" t="s">
        <v>12582</v>
      </c>
      <c r="H20823" t="s">
        <v>12581</v>
      </c>
      <c r="I20823" s="2">
        <v>1</v>
      </c>
      <c r="J20823" s="2">
        <v>0</v>
      </c>
      <c r="K20823" s="2">
        <v>0</v>
      </c>
      <c r="L20823" t="s">
        <v>120</v>
      </c>
      <c r="M20823" t="s">
        <v>87</v>
      </c>
      <c r="N20823" t="s">
        <v>88</v>
      </c>
      <c r="O20823" t="s">
        <v>85</v>
      </c>
      <c r="P20823" t="s">
        <v>86</v>
      </c>
      <c r="Q20823">
        <v>36</v>
      </c>
      <c r="R20823">
        <v>36</v>
      </c>
      <c r="S20823">
        <v>36</v>
      </c>
      <c r="T20823">
        <v>36</v>
      </c>
      <c r="U20823">
        <v>36</v>
      </c>
      <c r="V20823">
        <v>36</v>
      </c>
      <c r="W20823">
        <v>37</v>
      </c>
      <c r="X20823">
        <v>37</v>
      </c>
      <c r="Y20823">
        <v>37</v>
      </c>
      <c r="Z20823">
        <v>37</v>
      </c>
      <c r="AA20823">
        <v>37</v>
      </c>
      <c r="AB20823">
        <v>37</v>
      </c>
      <c r="AC20823">
        <v>38</v>
      </c>
      <c r="AD20823">
        <v>38</v>
      </c>
      <c r="AE20823">
        <v>38</v>
      </c>
      <c r="AF20823">
        <v>38</v>
      </c>
      <c r="AG20823">
        <v>38</v>
      </c>
      <c r="AH20823">
        <v>38</v>
      </c>
      <c r="AI20823">
        <v>39</v>
      </c>
      <c r="AJ20823">
        <v>39</v>
      </c>
      <c r="AK20823">
        <v>39</v>
      </c>
      <c r="AL20823">
        <v>39</v>
      </c>
      <c r="AM20823">
        <v>39</v>
      </c>
      <c r="AN20823">
        <v>39</v>
      </c>
      <c r="AO20823">
        <v>40</v>
      </c>
      <c r="AP20823">
        <v>40</v>
      </c>
      <c r="AQ20823">
        <v>40</v>
      </c>
    </row>
    <row r="20824" spans="1:43">
      <c r="A20824" t="s">
        <v>12895</v>
      </c>
      <c r="B20824" t="s">
        <v>12896</v>
      </c>
      <c r="C20824" t="s">
        <v>12897</v>
      </c>
      <c r="D20824" t="s">
        <v>12898</v>
      </c>
      <c r="E20824" t="s">
        <v>12580</v>
      </c>
      <c r="F20824" t="s">
        <v>12581</v>
      </c>
      <c r="G20824" t="s">
        <v>12582</v>
      </c>
      <c r="H20824" t="s">
        <v>12581</v>
      </c>
      <c r="I20824" s="2">
        <v>1</v>
      </c>
      <c r="J20824" s="2">
        <v>0</v>
      </c>
      <c r="K20824" s="2">
        <v>0</v>
      </c>
      <c r="L20824" t="s">
        <v>120</v>
      </c>
      <c r="M20824" t="s">
        <v>89</v>
      </c>
      <c r="N20824" t="s">
        <v>90</v>
      </c>
      <c r="O20824" t="s">
        <v>85</v>
      </c>
      <c r="P20824" t="s">
        <v>86</v>
      </c>
      <c r="Q20824">
        <v>36</v>
      </c>
      <c r="R20824">
        <v>37</v>
      </c>
      <c r="S20824">
        <v>38</v>
      </c>
      <c r="T20824">
        <v>39</v>
      </c>
      <c r="U20824">
        <v>39</v>
      </c>
      <c r="V20824">
        <v>40</v>
      </c>
      <c r="W20824">
        <v>41</v>
      </c>
      <c r="X20824">
        <v>41</v>
      </c>
      <c r="Y20824">
        <v>42</v>
      </c>
      <c r="Z20824">
        <v>43</v>
      </c>
      <c r="AA20824">
        <v>43</v>
      </c>
      <c r="AB20824">
        <v>44</v>
      </c>
      <c r="AC20824">
        <v>45</v>
      </c>
      <c r="AD20824">
        <v>45</v>
      </c>
      <c r="AE20824">
        <v>46</v>
      </c>
      <c r="AF20824">
        <v>46</v>
      </c>
      <c r="AG20824">
        <v>46</v>
      </c>
      <c r="AH20824">
        <v>46</v>
      </c>
      <c r="AI20824">
        <v>46</v>
      </c>
      <c r="AJ20824">
        <v>46</v>
      </c>
      <c r="AK20824">
        <v>46</v>
      </c>
      <c r="AL20824">
        <v>46</v>
      </c>
      <c r="AM20824">
        <v>46</v>
      </c>
      <c r="AN20824">
        <v>46</v>
      </c>
      <c r="AO20824">
        <v>46</v>
      </c>
      <c r="AP20824">
        <v>46</v>
      </c>
      <c r="AQ20824">
        <v>46</v>
      </c>
    </row>
    <row r="20825" spans="1:43">
      <c r="A20825" t="s">
        <v>12895</v>
      </c>
      <c r="B20825" t="s">
        <v>12896</v>
      </c>
      <c r="C20825" t="s">
        <v>12897</v>
      </c>
      <c r="D20825" t="s">
        <v>12898</v>
      </c>
      <c r="E20825" t="s">
        <v>12580</v>
      </c>
      <c r="F20825" t="s">
        <v>12581</v>
      </c>
      <c r="G20825" t="s">
        <v>12582</v>
      </c>
      <c r="H20825" t="s">
        <v>12581</v>
      </c>
      <c r="I20825" s="2">
        <v>1</v>
      </c>
      <c r="J20825" s="2">
        <v>0</v>
      </c>
      <c r="K20825" s="2">
        <v>0</v>
      </c>
      <c r="L20825" t="s">
        <v>120</v>
      </c>
      <c r="M20825" t="s">
        <v>83</v>
      </c>
      <c r="N20825" t="s">
        <v>91</v>
      </c>
      <c r="O20825" t="s">
        <v>85</v>
      </c>
      <c r="P20825" t="s">
        <v>86</v>
      </c>
      <c r="Q20825">
        <v>36</v>
      </c>
      <c r="R20825">
        <v>36</v>
      </c>
      <c r="S20825">
        <v>37</v>
      </c>
      <c r="T20825">
        <v>37</v>
      </c>
      <c r="U20825">
        <v>38</v>
      </c>
      <c r="V20825">
        <v>38</v>
      </c>
      <c r="W20825">
        <v>39</v>
      </c>
      <c r="X20825">
        <v>39</v>
      </c>
      <c r="Y20825">
        <v>40</v>
      </c>
      <c r="Z20825">
        <v>40</v>
      </c>
      <c r="AA20825">
        <v>41</v>
      </c>
      <c r="AB20825">
        <v>41</v>
      </c>
      <c r="AC20825">
        <v>42</v>
      </c>
      <c r="AD20825">
        <v>42</v>
      </c>
      <c r="AE20825">
        <v>43</v>
      </c>
      <c r="AF20825">
        <v>43</v>
      </c>
      <c r="AG20825">
        <v>44</v>
      </c>
      <c r="AH20825">
        <v>44</v>
      </c>
      <c r="AI20825">
        <v>45</v>
      </c>
      <c r="AJ20825">
        <v>45</v>
      </c>
      <c r="AK20825">
        <v>46</v>
      </c>
      <c r="AL20825">
        <v>46</v>
      </c>
      <c r="AM20825">
        <v>46</v>
      </c>
      <c r="AN20825">
        <v>46</v>
      </c>
      <c r="AO20825">
        <v>46</v>
      </c>
      <c r="AP20825">
        <v>46</v>
      </c>
      <c r="AQ20825">
        <v>46</v>
      </c>
    </row>
    <row r="20826" spans="1:43">
      <c r="A20826" t="s">
        <v>12899</v>
      </c>
      <c r="B20826" t="s">
        <v>12900</v>
      </c>
      <c r="C20826" t="s">
        <v>12897</v>
      </c>
      <c r="D20826" t="s">
        <v>12898</v>
      </c>
      <c r="E20826" t="s">
        <v>12580</v>
      </c>
      <c r="F20826" t="s">
        <v>12581</v>
      </c>
      <c r="G20826" t="s">
        <v>12582</v>
      </c>
      <c r="H20826" t="s">
        <v>12581</v>
      </c>
      <c r="I20826" s="2">
        <v>1</v>
      </c>
      <c r="J20826" s="2">
        <v>0</v>
      </c>
      <c r="K20826" s="2">
        <v>0</v>
      </c>
      <c r="L20826" t="s">
        <v>120</v>
      </c>
      <c r="M20826" t="s">
        <v>83</v>
      </c>
      <c r="N20826" t="s">
        <v>84</v>
      </c>
      <c r="O20826" t="s">
        <v>85</v>
      </c>
      <c r="P20826" t="s">
        <v>86</v>
      </c>
      <c r="Q20826">
        <v>39</v>
      </c>
      <c r="R20826">
        <v>40</v>
      </c>
      <c r="S20826">
        <v>41</v>
      </c>
      <c r="T20826">
        <v>41</v>
      </c>
      <c r="U20826">
        <v>42</v>
      </c>
      <c r="V20826">
        <v>42</v>
      </c>
      <c r="W20826">
        <v>43</v>
      </c>
      <c r="X20826">
        <v>44</v>
      </c>
      <c r="Y20826">
        <v>44</v>
      </c>
      <c r="Z20826">
        <v>45</v>
      </c>
      <c r="AA20826">
        <v>45</v>
      </c>
      <c r="AB20826">
        <v>46</v>
      </c>
      <c r="AC20826">
        <v>47</v>
      </c>
      <c r="AD20826">
        <v>47</v>
      </c>
      <c r="AE20826">
        <v>48</v>
      </c>
      <c r="AF20826">
        <v>49</v>
      </c>
      <c r="AG20826">
        <v>49</v>
      </c>
      <c r="AH20826">
        <v>50</v>
      </c>
      <c r="AI20826">
        <v>51</v>
      </c>
      <c r="AJ20826">
        <v>51</v>
      </c>
      <c r="AK20826">
        <v>52</v>
      </c>
      <c r="AL20826">
        <v>52</v>
      </c>
      <c r="AM20826">
        <v>52</v>
      </c>
      <c r="AN20826">
        <v>52</v>
      </c>
      <c r="AO20826">
        <v>53</v>
      </c>
      <c r="AP20826">
        <v>53</v>
      </c>
      <c r="AQ20826">
        <v>53</v>
      </c>
    </row>
    <row r="20827" spans="1:43">
      <c r="A20827" t="s">
        <v>12899</v>
      </c>
      <c r="B20827" t="s">
        <v>12900</v>
      </c>
      <c r="C20827" t="s">
        <v>12897</v>
      </c>
      <c r="D20827" t="s">
        <v>12898</v>
      </c>
      <c r="E20827" t="s">
        <v>12580</v>
      </c>
      <c r="F20827" t="s">
        <v>12581</v>
      </c>
      <c r="G20827" t="s">
        <v>12582</v>
      </c>
      <c r="H20827" t="s">
        <v>12581</v>
      </c>
      <c r="I20827" s="2">
        <v>1</v>
      </c>
      <c r="J20827" s="2">
        <v>0</v>
      </c>
      <c r="K20827" s="2">
        <v>0</v>
      </c>
      <c r="L20827" t="s">
        <v>120</v>
      </c>
      <c r="M20827" t="s">
        <v>87</v>
      </c>
      <c r="N20827" t="s">
        <v>88</v>
      </c>
      <c r="O20827" t="s">
        <v>85</v>
      </c>
      <c r="P20827" t="s">
        <v>86</v>
      </c>
      <c r="Q20827">
        <v>39</v>
      </c>
      <c r="R20827">
        <v>39</v>
      </c>
      <c r="S20827">
        <v>39</v>
      </c>
      <c r="T20827">
        <v>40</v>
      </c>
      <c r="U20827">
        <v>40</v>
      </c>
      <c r="V20827">
        <v>40</v>
      </c>
      <c r="W20827">
        <v>40</v>
      </c>
      <c r="X20827">
        <v>41</v>
      </c>
      <c r="Y20827">
        <v>41</v>
      </c>
      <c r="Z20827">
        <v>41</v>
      </c>
      <c r="AA20827">
        <v>41</v>
      </c>
      <c r="AB20827">
        <v>42</v>
      </c>
      <c r="AC20827">
        <v>42</v>
      </c>
      <c r="AD20827">
        <v>42</v>
      </c>
      <c r="AE20827">
        <v>43</v>
      </c>
      <c r="AF20827">
        <v>43</v>
      </c>
      <c r="AG20827">
        <v>43</v>
      </c>
      <c r="AH20827">
        <v>43</v>
      </c>
      <c r="AI20827">
        <v>44</v>
      </c>
      <c r="AJ20827">
        <v>44</v>
      </c>
      <c r="AK20827">
        <v>44</v>
      </c>
      <c r="AL20827">
        <v>44</v>
      </c>
      <c r="AM20827">
        <v>45</v>
      </c>
      <c r="AN20827">
        <v>45</v>
      </c>
      <c r="AO20827">
        <v>45</v>
      </c>
      <c r="AP20827">
        <v>46</v>
      </c>
      <c r="AQ20827">
        <v>46</v>
      </c>
    </row>
    <row r="20828" spans="1:43">
      <c r="A20828" t="s">
        <v>12899</v>
      </c>
      <c r="B20828" t="s">
        <v>12900</v>
      </c>
      <c r="C20828" t="s">
        <v>12897</v>
      </c>
      <c r="D20828" t="s">
        <v>12898</v>
      </c>
      <c r="E20828" t="s">
        <v>12580</v>
      </c>
      <c r="F20828" t="s">
        <v>12581</v>
      </c>
      <c r="G20828" t="s">
        <v>12582</v>
      </c>
      <c r="H20828" t="s">
        <v>12581</v>
      </c>
      <c r="I20828" s="2">
        <v>1</v>
      </c>
      <c r="J20828" s="2">
        <v>0</v>
      </c>
      <c r="K20828" s="2">
        <v>0</v>
      </c>
      <c r="L20828" t="s">
        <v>120</v>
      </c>
      <c r="M20828" t="s">
        <v>89</v>
      </c>
      <c r="N20828" t="s">
        <v>90</v>
      </c>
      <c r="O20828" t="s">
        <v>85</v>
      </c>
      <c r="P20828" t="s">
        <v>86</v>
      </c>
      <c r="Q20828">
        <v>39</v>
      </c>
      <c r="R20828">
        <v>40</v>
      </c>
      <c r="S20828">
        <v>41</v>
      </c>
      <c r="T20828">
        <v>42</v>
      </c>
      <c r="U20828">
        <v>42</v>
      </c>
      <c r="V20828">
        <v>43</v>
      </c>
      <c r="W20828">
        <v>44</v>
      </c>
      <c r="X20828">
        <v>45</v>
      </c>
      <c r="Y20828">
        <v>46</v>
      </c>
      <c r="Z20828">
        <v>47</v>
      </c>
      <c r="AA20828">
        <v>47</v>
      </c>
      <c r="AB20828">
        <v>48</v>
      </c>
      <c r="AC20828">
        <v>49</v>
      </c>
      <c r="AD20828">
        <v>50</v>
      </c>
      <c r="AE20828">
        <v>51</v>
      </c>
      <c r="AF20828">
        <v>51</v>
      </c>
      <c r="AG20828">
        <v>51</v>
      </c>
      <c r="AH20828">
        <v>51</v>
      </c>
      <c r="AI20828">
        <v>51</v>
      </c>
      <c r="AJ20828">
        <v>51</v>
      </c>
      <c r="AK20828">
        <v>51</v>
      </c>
      <c r="AL20828">
        <v>52</v>
      </c>
      <c r="AM20828">
        <v>52</v>
      </c>
      <c r="AN20828">
        <v>52</v>
      </c>
      <c r="AO20828">
        <v>52</v>
      </c>
      <c r="AP20828">
        <v>52</v>
      </c>
      <c r="AQ20828">
        <v>52</v>
      </c>
    </row>
    <row r="20829" spans="1:43">
      <c r="A20829" t="s">
        <v>12899</v>
      </c>
      <c r="B20829" t="s">
        <v>12900</v>
      </c>
      <c r="C20829" t="s">
        <v>12897</v>
      </c>
      <c r="D20829" t="s">
        <v>12898</v>
      </c>
      <c r="E20829" t="s">
        <v>12580</v>
      </c>
      <c r="F20829" t="s">
        <v>12581</v>
      </c>
      <c r="G20829" t="s">
        <v>12582</v>
      </c>
      <c r="H20829" t="s">
        <v>12581</v>
      </c>
      <c r="I20829" s="2">
        <v>1</v>
      </c>
      <c r="J20829" s="2">
        <v>0</v>
      </c>
      <c r="K20829" s="2">
        <v>0</v>
      </c>
      <c r="L20829" t="s">
        <v>120</v>
      </c>
      <c r="M20829" t="s">
        <v>83</v>
      </c>
      <c r="N20829" t="s">
        <v>91</v>
      </c>
      <c r="O20829" t="s">
        <v>85</v>
      </c>
      <c r="P20829" t="s">
        <v>86</v>
      </c>
      <c r="Q20829">
        <v>39</v>
      </c>
      <c r="R20829">
        <v>40</v>
      </c>
      <c r="S20829">
        <v>41</v>
      </c>
      <c r="T20829">
        <v>41</v>
      </c>
      <c r="U20829">
        <v>42</v>
      </c>
      <c r="V20829">
        <v>42</v>
      </c>
      <c r="W20829">
        <v>43</v>
      </c>
      <c r="X20829">
        <v>44</v>
      </c>
      <c r="Y20829">
        <v>44</v>
      </c>
      <c r="Z20829">
        <v>45</v>
      </c>
      <c r="AA20829">
        <v>45</v>
      </c>
      <c r="AB20829">
        <v>46</v>
      </c>
      <c r="AC20829">
        <v>47</v>
      </c>
      <c r="AD20829">
        <v>47</v>
      </c>
      <c r="AE20829">
        <v>48</v>
      </c>
      <c r="AF20829">
        <v>49</v>
      </c>
      <c r="AG20829">
        <v>49</v>
      </c>
      <c r="AH20829">
        <v>50</v>
      </c>
      <c r="AI20829">
        <v>51</v>
      </c>
      <c r="AJ20829">
        <v>51</v>
      </c>
      <c r="AK20829">
        <v>52</v>
      </c>
      <c r="AL20829">
        <v>52</v>
      </c>
      <c r="AM20829">
        <v>52</v>
      </c>
      <c r="AN20829">
        <v>52</v>
      </c>
      <c r="AO20829">
        <v>53</v>
      </c>
      <c r="AP20829">
        <v>53</v>
      </c>
      <c r="AQ20829">
        <v>53</v>
      </c>
    </row>
    <row r="20830" spans="1:43">
      <c r="A20830" t="s">
        <v>12901</v>
      </c>
      <c r="B20830" t="s">
        <v>12902</v>
      </c>
      <c r="C20830" t="s">
        <v>12897</v>
      </c>
      <c r="D20830" t="s">
        <v>12898</v>
      </c>
      <c r="E20830" t="s">
        <v>12580</v>
      </c>
      <c r="F20830" t="s">
        <v>12581</v>
      </c>
      <c r="G20830" t="s">
        <v>12582</v>
      </c>
      <c r="H20830" t="s">
        <v>12581</v>
      </c>
      <c r="I20830" s="2">
        <v>1</v>
      </c>
      <c r="J20830" s="2">
        <v>0</v>
      </c>
      <c r="K20830" s="2">
        <v>0</v>
      </c>
      <c r="L20830" t="s">
        <v>120</v>
      </c>
      <c r="M20830" t="s">
        <v>83</v>
      </c>
      <c r="N20830" t="s">
        <v>84</v>
      </c>
      <c r="O20830" t="s">
        <v>85</v>
      </c>
      <c r="P20830" t="s">
        <v>86</v>
      </c>
      <c r="Q20830">
        <v>14</v>
      </c>
      <c r="R20830">
        <v>14</v>
      </c>
      <c r="S20830">
        <v>15</v>
      </c>
      <c r="T20830">
        <v>15</v>
      </c>
      <c r="U20830">
        <v>15</v>
      </c>
      <c r="V20830">
        <v>15</v>
      </c>
      <c r="W20830">
        <v>16</v>
      </c>
      <c r="X20830">
        <v>16</v>
      </c>
      <c r="Y20830">
        <v>16</v>
      </c>
      <c r="Z20830">
        <v>16</v>
      </c>
      <c r="AA20830">
        <v>17</v>
      </c>
      <c r="AB20830">
        <v>17</v>
      </c>
      <c r="AC20830">
        <v>17</v>
      </c>
      <c r="AD20830">
        <v>17</v>
      </c>
      <c r="AE20830">
        <v>18</v>
      </c>
      <c r="AF20830">
        <v>18</v>
      </c>
      <c r="AG20830">
        <v>18</v>
      </c>
      <c r="AH20830">
        <v>18</v>
      </c>
      <c r="AI20830">
        <v>18</v>
      </c>
      <c r="AJ20830">
        <v>19</v>
      </c>
      <c r="AK20830">
        <v>19</v>
      </c>
      <c r="AL20830">
        <v>19</v>
      </c>
      <c r="AM20830">
        <v>19</v>
      </c>
      <c r="AN20830">
        <v>19</v>
      </c>
      <c r="AO20830">
        <v>19</v>
      </c>
      <c r="AP20830">
        <v>19</v>
      </c>
      <c r="AQ20830">
        <v>20</v>
      </c>
    </row>
    <row r="20831" spans="1:43">
      <c r="A20831" t="s">
        <v>12901</v>
      </c>
      <c r="B20831" t="s">
        <v>12902</v>
      </c>
      <c r="C20831" t="s">
        <v>12897</v>
      </c>
      <c r="D20831" t="s">
        <v>12898</v>
      </c>
      <c r="E20831" t="s">
        <v>12580</v>
      </c>
      <c r="F20831" t="s">
        <v>12581</v>
      </c>
      <c r="G20831" t="s">
        <v>12582</v>
      </c>
      <c r="H20831" t="s">
        <v>12581</v>
      </c>
      <c r="I20831" s="2">
        <v>1</v>
      </c>
      <c r="J20831" s="2">
        <v>0</v>
      </c>
      <c r="K20831" s="2">
        <v>0</v>
      </c>
      <c r="L20831" t="s">
        <v>120</v>
      </c>
      <c r="M20831" t="s">
        <v>87</v>
      </c>
      <c r="N20831" t="s">
        <v>88</v>
      </c>
      <c r="O20831" t="s">
        <v>85</v>
      </c>
      <c r="P20831" t="s">
        <v>86</v>
      </c>
      <c r="Q20831">
        <v>14</v>
      </c>
      <c r="R20831">
        <v>14</v>
      </c>
      <c r="S20831">
        <v>14</v>
      </c>
      <c r="T20831">
        <v>14</v>
      </c>
      <c r="U20831">
        <v>14</v>
      </c>
      <c r="V20831">
        <v>15</v>
      </c>
      <c r="W20831">
        <v>15</v>
      </c>
      <c r="X20831">
        <v>15</v>
      </c>
      <c r="Y20831">
        <v>15</v>
      </c>
      <c r="Z20831">
        <v>15</v>
      </c>
      <c r="AA20831">
        <v>15</v>
      </c>
      <c r="AB20831">
        <v>15</v>
      </c>
      <c r="AC20831">
        <v>15</v>
      </c>
      <c r="AD20831">
        <v>15</v>
      </c>
      <c r="AE20831">
        <v>16</v>
      </c>
      <c r="AF20831">
        <v>16</v>
      </c>
      <c r="AG20831">
        <v>16</v>
      </c>
      <c r="AH20831">
        <v>16</v>
      </c>
      <c r="AI20831">
        <v>16</v>
      </c>
      <c r="AJ20831">
        <v>16</v>
      </c>
      <c r="AK20831">
        <v>16</v>
      </c>
      <c r="AL20831">
        <v>16</v>
      </c>
      <c r="AM20831">
        <v>17</v>
      </c>
      <c r="AN20831">
        <v>17</v>
      </c>
      <c r="AO20831">
        <v>17</v>
      </c>
      <c r="AP20831">
        <v>17</v>
      </c>
      <c r="AQ20831">
        <v>17</v>
      </c>
    </row>
    <row r="20832" spans="1:43">
      <c r="A20832" t="s">
        <v>12901</v>
      </c>
      <c r="B20832" t="s">
        <v>12902</v>
      </c>
      <c r="C20832" t="s">
        <v>12897</v>
      </c>
      <c r="D20832" t="s">
        <v>12898</v>
      </c>
      <c r="E20832" t="s">
        <v>12580</v>
      </c>
      <c r="F20832" t="s">
        <v>12581</v>
      </c>
      <c r="G20832" t="s">
        <v>12582</v>
      </c>
      <c r="H20832" t="s">
        <v>12581</v>
      </c>
      <c r="I20832" s="2">
        <v>1</v>
      </c>
      <c r="J20832" s="2">
        <v>0</v>
      </c>
      <c r="K20832" s="2">
        <v>0</v>
      </c>
      <c r="L20832" t="s">
        <v>120</v>
      </c>
      <c r="M20832" t="s">
        <v>89</v>
      </c>
      <c r="N20832" t="s">
        <v>90</v>
      </c>
      <c r="O20832" t="s">
        <v>85</v>
      </c>
      <c r="P20832" t="s">
        <v>86</v>
      </c>
      <c r="Q20832">
        <v>14</v>
      </c>
      <c r="R20832">
        <v>15</v>
      </c>
      <c r="S20832">
        <v>15</v>
      </c>
      <c r="T20832">
        <v>15</v>
      </c>
      <c r="U20832">
        <v>16</v>
      </c>
      <c r="V20832">
        <v>16</v>
      </c>
      <c r="W20832">
        <v>16</v>
      </c>
      <c r="X20832">
        <v>17</v>
      </c>
      <c r="Y20832">
        <v>17</v>
      </c>
      <c r="Z20832">
        <v>17</v>
      </c>
      <c r="AA20832">
        <v>18</v>
      </c>
      <c r="AB20832">
        <v>18</v>
      </c>
      <c r="AC20832">
        <v>18</v>
      </c>
      <c r="AD20832">
        <v>19</v>
      </c>
      <c r="AE20832">
        <v>19</v>
      </c>
      <c r="AF20832">
        <v>19</v>
      </c>
      <c r="AG20832">
        <v>19</v>
      </c>
      <c r="AH20832">
        <v>19</v>
      </c>
      <c r="AI20832">
        <v>19</v>
      </c>
      <c r="AJ20832">
        <v>19</v>
      </c>
      <c r="AK20832">
        <v>19</v>
      </c>
      <c r="AL20832">
        <v>19</v>
      </c>
      <c r="AM20832">
        <v>19</v>
      </c>
      <c r="AN20832">
        <v>19</v>
      </c>
      <c r="AO20832">
        <v>20</v>
      </c>
      <c r="AP20832">
        <v>20</v>
      </c>
      <c r="AQ20832">
        <v>20</v>
      </c>
    </row>
    <row r="20833" spans="1:43">
      <c r="A20833" t="s">
        <v>12901</v>
      </c>
      <c r="B20833" t="s">
        <v>12902</v>
      </c>
      <c r="C20833" t="s">
        <v>12897</v>
      </c>
      <c r="D20833" t="s">
        <v>12898</v>
      </c>
      <c r="E20833" t="s">
        <v>12580</v>
      </c>
      <c r="F20833" t="s">
        <v>12581</v>
      </c>
      <c r="G20833" t="s">
        <v>12582</v>
      </c>
      <c r="H20833" t="s">
        <v>12581</v>
      </c>
      <c r="I20833" s="2">
        <v>1</v>
      </c>
      <c r="J20833" s="2">
        <v>0</v>
      </c>
      <c r="K20833" s="2">
        <v>0</v>
      </c>
      <c r="L20833" t="s">
        <v>120</v>
      </c>
      <c r="M20833" t="s">
        <v>83</v>
      </c>
      <c r="N20833" t="s">
        <v>91</v>
      </c>
      <c r="O20833" t="s">
        <v>85</v>
      </c>
      <c r="P20833" t="s">
        <v>86</v>
      </c>
      <c r="Q20833">
        <v>14</v>
      </c>
      <c r="R20833">
        <v>14</v>
      </c>
      <c r="S20833">
        <v>15</v>
      </c>
      <c r="T20833">
        <v>15</v>
      </c>
      <c r="U20833">
        <v>15</v>
      </c>
      <c r="V20833">
        <v>15</v>
      </c>
      <c r="W20833">
        <v>16</v>
      </c>
      <c r="X20833">
        <v>16</v>
      </c>
      <c r="Y20833">
        <v>16</v>
      </c>
      <c r="Z20833">
        <v>16</v>
      </c>
      <c r="AA20833">
        <v>17</v>
      </c>
      <c r="AB20833">
        <v>17</v>
      </c>
      <c r="AC20833">
        <v>17</v>
      </c>
      <c r="AD20833">
        <v>17</v>
      </c>
      <c r="AE20833">
        <v>18</v>
      </c>
      <c r="AF20833">
        <v>18</v>
      </c>
      <c r="AG20833">
        <v>18</v>
      </c>
      <c r="AH20833">
        <v>18</v>
      </c>
      <c r="AI20833">
        <v>18</v>
      </c>
      <c r="AJ20833">
        <v>19</v>
      </c>
      <c r="AK20833">
        <v>19</v>
      </c>
      <c r="AL20833">
        <v>19</v>
      </c>
      <c r="AM20833">
        <v>19</v>
      </c>
      <c r="AN20833">
        <v>19</v>
      </c>
      <c r="AO20833">
        <v>19</v>
      </c>
      <c r="AP20833">
        <v>19</v>
      </c>
      <c r="AQ20833">
        <v>20</v>
      </c>
    </row>
    <row r="20834" spans="1:43">
      <c r="A20834" t="s">
        <v>12903</v>
      </c>
      <c r="B20834" t="s">
        <v>12904</v>
      </c>
      <c r="C20834" t="s">
        <v>12897</v>
      </c>
      <c r="D20834" t="s">
        <v>12898</v>
      </c>
      <c r="E20834" t="s">
        <v>12580</v>
      </c>
      <c r="F20834" t="s">
        <v>12581</v>
      </c>
      <c r="G20834" t="s">
        <v>12582</v>
      </c>
      <c r="H20834" t="s">
        <v>12581</v>
      </c>
      <c r="I20834" s="2">
        <v>1</v>
      </c>
      <c r="J20834" s="2">
        <v>0</v>
      </c>
      <c r="K20834" s="2">
        <v>0</v>
      </c>
      <c r="L20834" t="s">
        <v>120</v>
      </c>
      <c r="M20834" t="s">
        <v>83</v>
      </c>
      <c r="N20834" t="s">
        <v>84</v>
      </c>
      <c r="O20834" t="s">
        <v>85</v>
      </c>
      <c r="P20834" t="s">
        <v>86</v>
      </c>
      <c r="Q20834">
        <v>37</v>
      </c>
      <c r="R20834">
        <v>37</v>
      </c>
      <c r="S20834">
        <v>38</v>
      </c>
      <c r="T20834">
        <v>38</v>
      </c>
      <c r="U20834">
        <v>39</v>
      </c>
      <c r="V20834">
        <v>39</v>
      </c>
      <c r="W20834">
        <v>40</v>
      </c>
      <c r="X20834">
        <v>40</v>
      </c>
      <c r="Y20834">
        <v>41</v>
      </c>
      <c r="Z20834">
        <v>41</v>
      </c>
      <c r="AA20834">
        <v>42</v>
      </c>
      <c r="AB20834">
        <v>42</v>
      </c>
      <c r="AC20834">
        <v>43</v>
      </c>
      <c r="AD20834">
        <v>43</v>
      </c>
      <c r="AE20834">
        <v>44</v>
      </c>
      <c r="AF20834">
        <v>44</v>
      </c>
      <c r="AG20834">
        <v>45</v>
      </c>
      <c r="AH20834">
        <v>45</v>
      </c>
      <c r="AI20834">
        <v>46</v>
      </c>
      <c r="AJ20834">
        <v>46</v>
      </c>
      <c r="AK20834">
        <v>47</v>
      </c>
      <c r="AL20834">
        <v>47</v>
      </c>
      <c r="AM20834">
        <v>47</v>
      </c>
      <c r="AN20834">
        <v>47</v>
      </c>
      <c r="AO20834">
        <v>47</v>
      </c>
      <c r="AP20834">
        <v>47</v>
      </c>
      <c r="AQ20834">
        <v>47</v>
      </c>
    </row>
    <row r="20835" spans="1:43">
      <c r="A20835" t="s">
        <v>12903</v>
      </c>
      <c r="B20835" t="s">
        <v>12904</v>
      </c>
      <c r="C20835" t="s">
        <v>12897</v>
      </c>
      <c r="D20835" t="s">
        <v>12898</v>
      </c>
      <c r="E20835" t="s">
        <v>12580</v>
      </c>
      <c r="F20835" t="s">
        <v>12581</v>
      </c>
      <c r="G20835" t="s">
        <v>12582</v>
      </c>
      <c r="H20835" t="s">
        <v>12581</v>
      </c>
      <c r="I20835" s="2">
        <v>1</v>
      </c>
      <c r="J20835" s="2">
        <v>0</v>
      </c>
      <c r="K20835" s="2">
        <v>0</v>
      </c>
      <c r="L20835" t="s">
        <v>120</v>
      </c>
      <c r="M20835" t="s">
        <v>87</v>
      </c>
      <c r="N20835" t="s">
        <v>88</v>
      </c>
      <c r="O20835" t="s">
        <v>85</v>
      </c>
      <c r="P20835" t="s">
        <v>86</v>
      </c>
      <c r="Q20835">
        <v>37</v>
      </c>
      <c r="R20835">
        <v>38</v>
      </c>
      <c r="S20835">
        <v>38</v>
      </c>
      <c r="T20835">
        <v>38</v>
      </c>
      <c r="U20835">
        <v>38</v>
      </c>
      <c r="V20835">
        <v>38</v>
      </c>
      <c r="W20835">
        <v>39</v>
      </c>
      <c r="X20835">
        <v>39</v>
      </c>
      <c r="Y20835">
        <v>39</v>
      </c>
      <c r="Z20835">
        <v>39</v>
      </c>
      <c r="AA20835">
        <v>39</v>
      </c>
      <c r="AB20835">
        <v>39</v>
      </c>
      <c r="AC20835">
        <v>40</v>
      </c>
      <c r="AD20835">
        <v>40</v>
      </c>
      <c r="AE20835">
        <v>40</v>
      </c>
      <c r="AF20835">
        <v>40</v>
      </c>
      <c r="AG20835">
        <v>40</v>
      </c>
      <c r="AH20835">
        <v>41</v>
      </c>
      <c r="AI20835">
        <v>41</v>
      </c>
      <c r="AJ20835">
        <v>41</v>
      </c>
      <c r="AK20835">
        <v>41</v>
      </c>
      <c r="AL20835">
        <v>41</v>
      </c>
      <c r="AM20835">
        <v>42</v>
      </c>
      <c r="AN20835">
        <v>42</v>
      </c>
      <c r="AO20835">
        <v>42</v>
      </c>
      <c r="AP20835">
        <v>42</v>
      </c>
      <c r="AQ20835">
        <v>42</v>
      </c>
    </row>
    <row r="20836" spans="1:43">
      <c r="A20836" t="s">
        <v>12903</v>
      </c>
      <c r="B20836" t="s">
        <v>12904</v>
      </c>
      <c r="C20836" t="s">
        <v>12897</v>
      </c>
      <c r="D20836" t="s">
        <v>12898</v>
      </c>
      <c r="E20836" t="s">
        <v>12580</v>
      </c>
      <c r="F20836" t="s">
        <v>12581</v>
      </c>
      <c r="G20836" t="s">
        <v>12582</v>
      </c>
      <c r="H20836" t="s">
        <v>12581</v>
      </c>
      <c r="I20836" s="2">
        <v>1</v>
      </c>
      <c r="J20836" s="2">
        <v>0</v>
      </c>
      <c r="K20836" s="2">
        <v>0</v>
      </c>
      <c r="L20836" t="s">
        <v>120</v>
      </c>
      <c r="M20836" t="s">
        <v>89</v>
      </c>
      <c r="N20836" t="s">
        <v>90</v>
      </c>
      <c r="O20836" t="s">
        <v>85</v>
      </c>
      <c r="P20836" t="s">
        <v>86</v>
      </c>
      <c r="Q20836">
        <v>37</v>
      </c>
      <c r="R20836">
        <v>38</v>
      </c>
      <c r="S20836">
        <v>39</v>
      </c>
      <c r="T20836">
        <v>40</v>
      </c>
      <c r="U20836">
        <v>40</v>
      </c>
      <c r="V20836">
        <v>41</v>
      </c>
      <c r="W20836">
        <v>42</v>
      </c>
      <c r="X20836">
        <v>43</v>
      </c>
      <c r="Y20836">
        <v>43</v>
      </c>
      <c r="Z20836">
        <v>44</v>
      </c>
      <c r="AA20836">
        <v>45</v>
      </c>
      <c r="AB20836">
        <v>45</v>
      </c>
      <c r="AC20836">
        <v>46</v>
      </c>
      <c r="AD20836">
        <v>47</v>
      </c>
      <c r="AE20836">
        <v>47</v>
      </c>
      <c r="AF20836">
        <v>47</v>
      </c>
      <c r="AG20836">
        <v>47</v>
      </c>
      <c r="AH20836">
        <v>47</v>
      </c>
      <c r="AI20836">
        <v>47</v>
      </c>
      <c r="AJ20836">
        <v>47</v>
      </c>
      <c r="AK20836">
        <v>47</v>
      </c>
      <c r="AL20836">
        <v>47</v>
      </c>
      <c r="AM20836">
        <v>47</v>
      </c>
      <c r="AN20836">
        <v>48</v>
      </c>
      <c r="AO20836">
        <v>48</v>
      </c>
      <c r="AP20836">
        <v>48</v>
      </c>
      <c r="AQ20836">
        <v>48</v>
      </c>
    </row>
    <row r="20837" spans="1:43">
      <c r="A20837" t="s">
        <v>12903</v>
      </c>
      <c r="B20837" t="s">
        <v>12904</v>
      </c>
      <c r="C20837" t="s">
        <v>12897</v>
      </c>
      <c r="D20837" t="s">
        <v>12898</v>
      </c>
      <c r="E20837" t="s">
        <v>12580</v>
      </c>
      <c r="F20837" t="s">
        <v>12581</v>
      </c>
      <c r="G20837" t="s">
        <v>12582</v>
      </c>
      <c r="H20837" t="s">
        <v>12581</v>
      </c>
      <c r="I20837" s="2">
        <v>1</v>
      </c>
      <c r="J20837" s="2">
        <v>0</v>
      </c>
      <c r="K20837" s="2">
        <v>0</v>
      </c>
      <c r="L20837" t="s">
        <v>120</v>
      </c>
      <c r="M20837" t="s">
        <v>83</v>
      </c>
      <c r="N20837" t="s">
        <v>91</v>
      </c>
      <c r="O20837" t="s">
        <v>85</v>
      </c>
      <c r="P20837" t="s">
        <v>86</v>
      </c>
      <c r="Q20837">
        <v>37</v>
      </c>
      <c r="R20837">
        <v>37</v>
      </c>
      <c r="S20837">
        <v>38</v>
      </c>
      <c r="T20837">
        <v>38</v>
      </c>
      <c r="U20837">
        <v>39</v>
      </c>
      <c r="V20837">
        <v>39</v>
      </c>
      <c r="W20837">
        <v>40</v>
      </c>
      <c r="X20837">
        <v>40</v>
      </c>
      <c r="Y20837">
        <v>41</v>
      </c>
      <c r="Z20837">
        <v>41</v>
      </c>
      <c r="AA20837">
        <v>42</v>
      </c>
      <c r="AB20837">
        <v>42</v>
      </c>
      <c r="AC20837">
        <v>43</v>
      </c>
      <c r="AD20837">
        <v>43</v>
      </c>
      <c r="AE20837">
        <v>44</v>
      </c>
      <c r="AF20837">
        <v>44</v>
      </c>
      <c r="AG20837">
        <v>45</v>
      </c>
      <c r="AH20837">
        <v>45</v>
      </c>
      <c r="AI20837">
        <v>46</v>
      </c>
      <c r="AJ20837">
        <v>46</v>
      </c>
      <c r="AK20837">
        <v>47</v>
      </c>
      <c r="AL20837">
        <v>47</v>
      </c>
      <c r="AM20837">
        <v>47</v>
      </c>
      <c r="AN20837">
        <v>47</v>
      </c>
      <c r="AO20837">
        <v>47</v>
      </c>
      <c r="AP20837">
        <v>47</v>
      </c>
      <c r="AQ20837">
        <v>47</v>
      </c>
    </row>
    <row r="20838" spans="1:43">
      <c r="A20838" t="s">
        <v>12905</v>
      </c>
      <c r="B20838" t="s">
        <v>12906</v>
      </c>
      <c r="C20838" t="s">
        <v>12907</v>
      </c>
      <c r="D20838" t="s">
        <v>12908</v>
      </c>
      <c r="E20838" t="s">
        <v>12580</v>
      </c>
      <c r="F20838" t="s">
        <v>12581</v>
      </c>
      <c r="G20838" t="s">
        <v>12582</v>
      </c>
      <c r="H20838" t="s">
        <v>12581</v>
      </c>
      <c r="I20838" s="2">
        <v>0</v>
      </c>
      <c r="J20838" s="2">
        <v>0</v>
      </c>
      <c r="K20838" s="2">
        <v>0</v>
      </c>
      <c r="L20838" t="s">
        <v>120</v>
      </c>
      <c r="M20838" t="s">
        <v>83</v>
      </c>
      <c r="N20838" t="s">
        <v>84</v>
      </c>
      <c r="O20838" t="s">
        <v>85</v>
      </c>
      <c r="P20838" t="s">
        <v>86</v>
      </c>
      <c r="Q20838">
        <v>0</v>
      </c>
      <c r="R20838">
        <v>0</v>
      </c>
      <c r="S20838">
        <v>0</v>
      </c>
      <c r="T20838">
        <v>0</v>
      </c>
      <c r="U20838">
        <v>0</v>
      </c>
      <c r="V20838">
        <v>0</v>
      </c>
      <c r="W20838">
        <v>0</v>
      </c>
      <c r="X20838">
        <v>0</v>
      </c>
      <c r="Y20838">
        <v>0</v>
      </c>
      <c r="Z20838">
        <v>0</v>
      </c>
      <c r="AA20838">
        <v>0</v>
      </c>
      <c r="AB20838">
        <v>0</v>
      </c>
      <c r="AC20838">
        <v>0</v>
      </c>
      <c r="AD20838">
        <v>0</v>
      </c>
      <c r="AE20838">
        <v>0</v>
      </c>
      <c r="AF20838">
        <v>0</v>
      </c>
      <c r="AG20838">
        <v>0</v>
      </c>
      <c r="AH20838">
        <v>0</v>
      </c>
      <c r="AI20838">
        <v>0</v>
      </c>
      <c r="AJ20838">
        <v>0</v>
      </c>
      <c r="AK20838">
        <v>0</v>
      </c>
      <c r="AL20838">
        <v>0</v>
      </c>
      <c r="AM20838">
        <v>0</v>
      </c>
      <c r="AN20838">
        <v>0</v>
      </c>
      <c r="AO20838">
        <v>0</v>
      </c>
      <c r="AP20838">
        <v>0</v>
      </c>
      <c r="AQ20838">
        <v>0</v>
      </c>
    </row>
    <row r="20839" spans="1:43">
      <c r="A20839" t="s">
        <v>12905</v>
      </c>
      <c r="B20839" t="s">
        <v>12906</v>
      </c>
      <c r="C20839" t="s">
        <v>12907</v>
      </c>
      <c r="D20839" t="s">
        <v>12908</v>
      </c>
      <c r="E20839" t="s">
        <v>12580</v>
      </c>
      <c r="F20839" t="s">
        <v>12581</v>
      </c>
      <c r="G20839" t="s">
        <v>12582</v>
      </c>
      <c r="H20839" t="s">
        <v>12581</v>
      </c>
      <c r="I20839" s="2">
        <v>0</v>
      </c>
      <c r="J20839" s="2">
        <v>0</v>
      </c>
      <c r="K20839" s="2">
        <v>0</v>
      </c>
      <c r="L20839" t="s">
        <v>120</v>
      </c>
      <c r="M20839" t="s">
        <v>87</v>
      </c>
      <c r="N20839" t="s">
        <v>88</v>
      </c>
      <c r="O20839" t="s">
        <v>85</v>
      </c>
      <c r="P20839" t="s">
        <v>86</v>
      </c>
      <c r="Q20839">
        <v>0</v>
      </c>
      <c r="R20839">
        <v>0</v>
      </c>
      <c r="S20839">
        <v>0</v>
      </c>
      <c r="T20839">
        <v>0</v>
      </c>
      <c r="U20839">
        <v>0</v>
      </c>
      <c r="V20839">
        <v>0</v>
      </c>
      <c r="W20839">
        <v>0</v>
      </c>
      <c r="X20839">
        <v>0</v>
      </c>
      <c r="Y20839">
        <v>0</v>
      </c>
      <c r="Z20839">
        <v>0</v>
      </c>
      <c r="AA20839">
        <v>0</v>
      </c>
      <c r="AB20839">
        <v>0</v>
      </c>
      <c r="AC20839">
        <v>0</v>
      </c>
      <c r="AD20839">
        <v>0</v>
      </c>
      <c r="AE20839">
        <v>0</v>
      </c>
      <c r="AF20839">
        <v>0</v>
      </c>
      <c r="AG20839">
        <v>0</v>
      </c>
      <c r="AH20839">
        <v>0</v>
      </c>
      <c r="AI20839">
        <v>0</v>
      </c>
      <c r="AJ20839">
        <v>0</v>
      </c>
      <c r="AK20839">
        <v>0</v>
      </c>
      <c r="AL20839">
        <v>0</v>
      </c>
      <c r="AM20839">
        <v>0</v>
      </c>
      <c r="AN20839">
        <v>0</v>
      </c>
      <c r="AO20839">
        <v>0</v>
      </c>
      <c r="AP20839">
        <v>0</v>
      </c>
      <c r="AQ20839">
        <v>0</v>
      </c>
    </row>
    <row r="20840" spans="1:43">
      <c r="A20840" t="s">
        <v>12905</v>
      </c>
      <c r="B20840" t="s">
        <v>12906</v>
      </c>
      <c r="C20840" t="s">
        <v>12907</v>
      </c>
      <c r="D20840" t="s">
        <v>12908</v>
      </c>
      <c r="E20840" t="s">
        <v>12580</v>
      </c>
      <c r="F20840" t="s">
        <v>12581</v>
      </c>
      <c r="G20840" t="s">
        <v>12582</v>
      </c>
      <c r="H20840" t="s">
        <v>12581</v>
      </c>
      <c r="I20840" s="2">
        <v>0</v>
      </c>
      <c r="J20840" s="2">
        <v>0</v>
      </c>
      <c r="K20840" s="2">
        <v>0</v>
      </c>
      <c r="L20840" t="s">
        <v>120</v>
      </c>
      <c r="M20840" t="s">
        <v>89</v>
      </c>
      <c r="N20840" t="s">
        <v>90</v>
      </c>
      <c r="O20840" t="s">
        <v>85</v>
      </c>
      <c r="P20840" t="s">
        <v>86</v>
      </c>
      <c r="Q20840">
        <v>0</v>
      </c>
      <c r="R20840">
        <v>0</v>
      </c>
      <c r="S20840">
        <v>0</v>
      </c>
      <c r="T20840">
        <v>0</v>
      </c>
      <c r="U20840">
        <v>0</v>
      </c>
      <c r="V20840">
        <v>0</v>
      </c>
      <c r="W20840">
        <v>0</v>
      </c>
      <c r="X20840">
        <v>0</v>
      </c>
      <c r="Y20840">
        <v>0</v>
      </c>
      <c r="Z20840">
        <v>0</v>
      </c>
      <c r="AA20840">
        <v>0</v>
      </c>
      <c r="AB20840">
        <v>0</v>
      </c>
      <c r="AC20840">
        <v>0</v>
      </c>
      <c r="AD20840">
        <v>0</v>
      </c>
      <c r="AE20840">
        <v>0</v>
      </c>
      <c r="AF20840">
        <v>0</v>
      </c>
      <c r="AG20840">
        <v>0</v>
      </c>
      <c r="AH20840">
        <v>0</v>
      </c>
      <c r="AI20840">
        <v>0</v>
      </c>
      <c r="AJ20840">
        <v>0</v>
      </c>
      <c r="AK20840">
        <v>0</v>
      </c>
      <c r="AL20840">
        <v>0</v>
      </c>
      <c r="AM20840">
        <v>0</v>
      </c>
      <c r="AN20840">
        <v>0</v>
      </c>
      <c r="AO20840">
        <v>0</v>
      </c>
      <c r="AP20840">
        <v>0</v>
      </c>
      <c r="AQ20840">
        <v>0</v>
      </c>
    </row>
    <row r="20841" spans="1:43">
      <c r="A20841" t="s">
        <v>12905</v>
      </c>
      <c r="B20841" t="s">
        <v>12906</v>
      </c>
      <c r="C20841" t="s">
        <v>12907</v>
      </c>
      <c r="D20841" t="s">
        <v>12908</v>
      </c>
      <c r="E20841" t="s">
        <v>12580</v>
      </c>
      <c r="F20841" t="s">
        <v>12581</v>
      </c>
      <c r="G20841" t="s">
        <v>12582</v>
      </c>
      <c r="H20841" t="s">
        <v>12581</v>
      </c>
      <c r="I20841" s="2">
        <v>0</v>
      </c>
      <c r="J20841" s="2">
        <v>0</v>
      </c>
      <c r="K20841" s="2">
        <v>0</v>
      </c>
      <c r="L20841" t="s">
        <v>120</v>
      </c>
      <c r="M20841" t="s">
        <v>83</v>
      </c>
      <c r="N20841" t="s">
        <v>91</v>
      </c>
      <c r="O20841" t="s">
        <v>85</v>
      </c>
      <c r="P20841" t="s">
        <v>86</v>
      </c>
      <c r="Q20841">
        <v>0</v>
      </c>
      <c r="R20841">
        <v>0</v>
      </c>
      <c r="S20841">
        <v>0</v>
      </c>
      <c r="T20841">
        <v>0</v>
      </c>
      <c r="U20841">
        <v>0</v>
      </c>
      <c r="V20841">
        <v>0</v>
      </c>
      <c r="W20841">
        <v>0</v>
      </c>
      <c r="X20841">
        <v>0</v>
      </c>
      <c r="Y20841">
        <v>0</v>
      </c>
      <c r="Z20841">
        <v>0</v>
      </c>
      <c r="AA20841">
        <v>0</v>
      </c>
      <c r="AB20841">
        <v>0</v>
      </c>
      <c r="AC20841">
        <v>0</v>
      </c>
      <c r="AD20841">
        <v>0</v>
      </c>
      <c r="AE20841">
        <v>0</v>
      </c>
      <c r="AF20841">
        <v>0</v>
      </c>
      <c r="AG20841">
        <v>0</v>
      </c>
      <c r="AH20841">
        <v>0</v>
      </c>
      <c r="AI20841">
        <v>0</v>
      </c>
      <c r="AJ20841">
        <v>0</v>
      </c>
      <c r="AK20841">
        <v>0</v>
      </c>
      <c r="AL20841">
        <v>0</v>
      </c>
      <c r="AM20841">
        <v>0</v>
      </c>
      <c r="AN20841">
        <v>0</v>
      </c>
      <c r="AO20841">
        <v>0</v>
      </c>
      <c r="AP20841">
        <v>0</v>
      </c>
      <c r="AQ20841">
        <v>0</v>
      </c>
    </row>
    <row r="20842" spans="1:43">
      <c r="A20842" t="s">
        <v>12909</v>
      </c>
      <c r="B20842" t="s">
        <v>12910</v>
      </c>
      <c r="C20842" t="s">
        <v>12911</v>
      </c>
      <c r="D20842" t="s">
        <v>12912</v>
      </c>
      <c r="E20842" t="s">
        <v>12580</v>
      </c>
      <c r="F20842" t="s">
        <v>12581</v>
      </c>
      <c r="G20842" t="s">
        <v>12582</v>
      </c>
      <c r="H20842" t="s">
        <v>12581</v>
      </c>
      <c r="I20842" s="2">
        <v>1</v>
      </c>
      <c r="J20842" s="2">
        <v>0</v>
      </c>
      <c r="K20842" s="2">
        <v>0</v>
      </c>
      <c r="L20842" t="s">
        <v>120</v>
      </c>
      <c r="M20842" t="s">
        <v>83</v>
      </c>
      <c r="N20842" t="s">
        <v>84</v>
      </c>
      <c r="O20842" t="s">
        <v>85</v>
      </c>
      <c r="P20842" t="s">
        <v>86</v>
      </c>
      <c r="Q20842">
        <v>96</v>
      </c>
      <c r="R20842">
        <v>98</v>
      </c>
      <c r="S20842">
        <v>99</v>
      </c>
      <c r="T20842">
        <v>101</v>
      </c>
      <c r="U20842">
        <v>103</v>
      </c>
      <c r="V20842">
        <v>104</v>
      </c>
      <c r="W20842">
        <v>106</v>
      </c>
      <c r="X20842">
        <v>107</v>
      </c>
      <c r="Y20842">
        <v>109</v>
      </c>
      <c r="Z20842">
        <v>111</v>
      </c>
      <c r="AA20842">
        <v>112</v>
      </c>
      <c r="AB20842">
        <v>114</v>
      </c>
      <c r="AC20842">
        <v>115</v>
      </c>
      <c r="AD20842">
        <v>117</v>
      </c>
      <c r="AE20842">
        <v>118</v>
      </c>
      <c r="AF20842">
        <v>120</v>
      </c>
      <c r="AG20842">
        <v>122</v>
      </c>
      <c r="AH20842">
        <v>123</v>
      </c>
      <c r="AI20842">
        <v>125</v>
      </c>
      <c r="AJ20842">
        <v>127</v>
      </c>
      <c r="AK20842">
        <v>128</v>
      </c>
      <c r="AL20842">
        <v>129</v>
      </c>
      <c r="AM20842">
        <v>130</v>
      </c>
      <c r="AN20842">
        <v>130</v>
      </c>
      <c r="AO20842">
        <v>131</v>
      </c>
      <c r="AP20842">
        <v>131</v>
      </c>
      <c r="AQ20842">
        <v>132</v>
      </c>
    </row>
    <row r="20843" spans="1:43">
      <c r="A20843" t="s">
        <v>12909</v>
      </c>
      <c r="B20843" t="s">
        <v>12910</v>
      </c>
      <c r="C20843" t="s">
        <v>12911</v>
      </c>
      <c r="D20843" t="s">
        <v>12912</v>
      </c>
      <c r="E20843" t="s">
        <v>12580</v>
      </c>
      <c r="F20843" t="s">
        <v>12581</v>
      </c>
      <c r="G20843" t="s">
        <v>12582</v>
      </c>
      <c r="H20843" t="s">
        <v>12581</v>
      </c>
      <c r="I20843" s="2">
        <v>1</v>
      </c>
      <c r="J20843" s="2">
        <v>0</v>
      </c>
      <c r="K20843" s="2">
        <v>0</v>
      </c>
      <c r="L20843" t="s">
        <v>120</v>
      </c>
      <c r="M20843" t="s">
        <v>87</v>
      </c>
      <c r="N20843" t="s">
        <v>88</v>
      </c>
      <c r="O20843" t="s">
        <v>85</v>
      </c>
      <c r="P20843" t="s">
        <v>86</v>
      </c>
      <c r="Q20843">
        <v>96</v>
      </c>
      <c r="R20843">
        <v>97</v>
      </c>
      <c r="S20843">
        <v>98</v>
      </c>
      <c r="T20843">
        <v>98</v>
      </c>
      <c r="U20843">
        <v>99</v>
      </c>
      <c r="V20843">
        <v>100</v>
      </c>
      <c r="W20843">
        <v>100</v>
      </c>
      <c r="X20843">
        <v>101</v>
      </c>
      <c r="Y20843">
        <v>102</v>
      </c>
      <c r="Z20843">
        <v>103</v>
      </c>
      <c r="AA20843">
        <v>103</v>
      </c>
      <c r="AB20843">
        <v>104</v>
      </c>
      <c r="AC20843">
        <v>105</v>
      </c>
      <c r="AD20843">
        <v>105</v>
      </c>
      <c r="AE20843">
        <v>106</v>
      </c>
      <c r="AF20843">
        <v>107</v>
      </c>
      <c r="AG20843">
        <v>108</v>
      </c>
      <c r="AH20843">
        <v>109</v>
      </c>
      <c r="AI20843">
        <v>109</v>
      </c>
      <c r="AJ20843">
        <v>110</v>
      </c>
      <c r="AK20843">
        <v>111</v>
      </c>
      <c r="AL20843">
        <v>112</v>
      </c>
      <c r="AM20843">
        <v>112</v>
      </c>
      <c r="AN20843">
        <v>113</v>
      </c>
      <c r="AO20843">
        <v>114</v>
      </c>
      <c r="AP20843">
        <v>115</v>
      </c>
      <c r="AQ20843">
        <v>116</v>
      </c>
    </row>
    <row r="20844" spans="1:43">
      <c r="A20844" t="s">
        <v>12909</v>
      </c>
      <c r="B20844" t="s">
        <v>12910</v>
      </c>
      <c r="C20844" t="s">
        <v>12911</v>
      </c>
      <c r="D20844" t="s">
        <v>12912</v>
      </c>
      <c r="E20844" t="s">
        <v>12580</v>
      </c>
      <c r="F20844" t="s">
        <v>12581</v>
      </c>
      <c r="G20844" t="s">
        <v>12582</v>
      </c>
      <c r="H20844" t="s">
        <v>12581</v>
      </c>
      <c r="I20844" s="2">
        <v>1</v>
      </c>
      <c r="J20844" s="2">
        <v>0</v>
      </c>
      <c r="K20844" s="2">
        <v>0</v>
      </c>
      <c r="L20844" t="s">
        <v>120</v>
      </c>
      <c r="M20844" t="s">
        <v>89</v>
      </c>
      <c r="N20844" t="s">
        <v>90</v>
      </c>
      <c r="O20844" t="s">
        <v>85</v>
      </c>
      <c r="P20844" t="s">
        <v>86</v>
      </c>
      <c r="Q20844">
        <v>96</v>
      </c>
      <c r="R20844">
        <v>99</v>
      </c>
      <c r="S20844">
        <v>101</v>
      </c>
      <c r="T20844">
        <v>103</v>
      </c>
      <c r="U20844">
        <v>106</v>
      </c>
      <c r="V20844">
        <v>108</v>
      </c>
      <c r="W20844">
        <v>110</v>
      </c>
      <c r="X20844">
        <v>112</v>
      </c>
      <c r="Y20844">
        <v>114</v>
      </c>
      <c r="Z20844">
        <v>116</v>
      </c>
      <c r="AA20844">
        <v>118</v>
      </c>
      <c r="AB20844">
        <v>120</v>
      </c>
      <c r="AC20844">
        <v>122</v>
      </c>
      <c r="AD20844">
        <v>124</v>
      </c>
      <c r="AE20844">
        <v>126</v>
      </c>
      <c r="AF20844">
        <v>126</v>
      </c>
      <c r="AG20844">
        <v>127</v>
      </c>
      <c r="AH20844">
        <v>127</v>
      </c>
      <c r="AI20844">
        <v>128</v>
      </c>
      <c r="AJ20844">
        <v>128</v>
      </c>
      <c r="AK20844">
        <v>129</v>
      </c>
      <c r="AL20844">
        <v>129</v>
      </c>
      <c r="AM20844">
        <v>130</v>
      </c>
      <c r="AN20844">
        <v>130</v>
      </c>
      <c r="AO20844">
        <v>131</v>
      </c>
      <c r="AP20844">
        <v>131</v>
      </c>
      <c r="AQ20844">
        <v>132</v>
      </c>
    </row>
    <row r="20845" spans="1:43">
      <c r="A20845" t="s">
        <v>12909</v>
      </c>
      <c r="B20845" t="s">
        <v>12910</v>
      </c>
      <c r="C20845" t="s">
        <v>12911</v>
      </c>
      <c r="D20845" t="s">
        <v>12912</v>
      </c>
      <c r="E20845" t="s">
        <v>12580</v>
      </c>
      <c r="F20845" t="s">
        <v>12581</v>
      </c>
      <c r="G20845" t="s">
        <v>12582</v>
      </c>
      <c r="H20845" t="s">
        <v>12581</v>
      </c>
      <c r="I20845" s="2">
        <v>1</v>
      </c>
      <c r="J20845" s="2">
        <v>0</v>
      </c>
      <c r="K20845" s="2">
        <v>0</v>
      </c>
      <c r="L20845" t="s">
        <v>120</v>
      </c>
      <c r="M20845" t="s">
        <v>83</v>
      </c>
      <c r="N20845" t="s">
        <v>91</v>
      </c>
      <c r="O20845" t="s">
        <v>85</v>
      </c>
      <c r="P20845" t="s">
        <v>86</v>
      </c>
      <c r="Q20845">
        <v>96</v>
      </c>
      <c r="R20845">
        <v>98</v>
      </c>
      <c r="S20845">
        <v>99</v>
      </c>
      <c r="T20845">
        <v>101</v>
      </c>
      <c r="U20845">
        <v>103</v>
      </c>
      <c r="V20845">
        <v>104</v>
      </c>
      <c r="W20845">
        <v>106</v>
      </c>
      <c r="X20845">
        <v>107</v>
      </c>
      <c r="Y20845">
        <v>109</v>
      </c>
      <c r="Z20845">
        <v>111</v>
      </c>
      <c r="AA20845">
        <v>112</v>
      </c>
      <c r="AB20845">
        <v>114</v>
      </c>
      <c r="AC20845">
        <v>115</v>
      </c>
      <c r="AD20845">
        <v>117</v>
      </c>
      <c r="AE20845">
        <v>118</v>
      </c>
      <c r="AF20845">
        <v>120</v>
      </c>
      <c r="AG20845">
        <v>122</v>
      </c>
      <c r="AH20845">
        <v>123</v>
      </c>
      <c r="AI20845">
        <v>125</v>
      </c>
      <c r="AJ20845">
        <v>127</v>
      </c>
      <c r="AK20845">
        <v>128</v>
      </c>
      <c r="AL20845">
        <v>129</v>
      </c>
      <c r="AM20845">
        <v>130</v>
      </c>
      <c r="AN20845">
        <v>130</v>
      </c>
      <c r="AO20845">
        <v>131</v>
      </c>
      <c r="AP20845">
        <v>131</v>
      </c>
      <c r="AQ20845">
        <v>132</v>
      </c>
    </row>
    <row r="20846" spans="1:43">
      <c r="A20846" t="s">
        <v>12913</v>
      </c>
      <c r="B20846" t="s">
        <v>12914</v>
      </c>
      <c r="C20846" t="s">
        <v>12911</v>
      </c>
      <c r="D20846" t="s">
        <v>12912</v>
      </c>
      <c r="E20846" t="s">
        <v>12580</v>
      </c>
      <c r="F20846" t="s">
        <v>12581</v>
      </c>
      <c r="G20846" t="s">
        <v>12582</v>
      </c>
      <c r="H20846" t="s">
        <v>12581</v>
      </c>
      <c r="I20846" s="2">
        <v>1</v>
      </c>
      <c r="J20846" s="2">
        <v>0</v>
      </c>
      <c r="K20846" s="2">
        <v>0</v>
      </c>
      <c r="L20846" t="s">
        <v>120</v>
      </c>
      <c r="M20846" t="s">
        <v>83</v>
      </c>
      <c r="N20846" t="s">
        <v>84</v>
      </c>
      <c r="O20846" t="s">
        <v>85</v>
      </c>
      <c r="P20846" t="s">
        <v>86</v>
      </c>
      <c r="Q20846">
        <v>44</v>
      </c>
      <c r="R20846">
        <v>44</v>
      </c>
      <c r="S20846">
        <v>45</v>
      </c>
      <c r="T20846">
        <v>46</v>
      </c>
      <c r="U20846">
        <v>46</v>
      </c>
      <c r="V20846">
        <v>47</v>
      </c>
      <c r="W20846">
        <v>48</v>
      </c>
      <c r="X20846">
        <v>48</v>
      </c>
      <c r="Y20846">
        <v>49</v>
      </c>
      <c r="Z20846">
        <v>50</v>
      </c>
      <c r="AA20846">
        <v>50</v>
      </c>
      <c r="AB20846">
        <v>51</v>
      </c>
      <c r="AC20846">
        <v>52</v>
      </c>
      <c r="AD20846">
        <v>53</v>
      </c>
      <c r="AE20846">
        <v>53</v>
      </c>
      <c r="AF20846">
        <v>54</v>
      </c>
      <c r="AG20846">
        <v>55</v>
      </c>
      <c r="AH20846">
        <v>55</v>
      </c>
      <c r="AI20846">
        <v>56</v>
      </c>
      <c r="AJ20846">
        <v>57</v>
      </c>
      <c r="AK20846">
        <v>58</v>
      </c>
      <c r="AL20846">
        <v>58</v>
      </c>
      <c r="AM20846">
        <v>58</v>
      </c>
      <c r="AN20846">
        <v>58</v>
      </c>
      <c r="AO20846">
        <v>59</v>
      </c>
      <c r="AP20846">
        <v>59</v>
      </c>
      <c r="AQ20846">
        <v>59</v>
      </c>
    </row>
    <row r="20847" spans="1:43">
      <c r="A20847" t="s">
        <v>12913</v>
      </c>
      <c r="B20847" t="s">
        <v>12914</v>
      </c>
      <c r="C20847" t="s">
        <v>12911</v>
      </c>
      <c r="D20847" t="s">
        <v>12912</v>
      </c>
      <c r="E20847" t="s">
        <v>12580</v>
      </c>
      <c r="F20847" t="s">
        <v>12581</v>
      </c>
      <c r="G20847" t="s">
        <v>12582</v>
      </c>
      <c r="H20847" t="s">
        <v>12581</v>
      </c>
      <c r="I20847" s="2">
        <v>1</v>
      </c>
      <c r="J20847" s="2">
        <v>0</v>
      </c>
      <c r="K20847" s="2">
        <v>0</v>
      </c>
      <c r="L20847" t="s">
        <v>120</v>
      </c>
      <c r="M20847" t="s">
        <v>87</v>
      </c>
      <c r="N20847" t="s">
        <v>88</v>
      </c>
      <c r="O20847" t="s">
        <v>85</v>
      </c>
      <c r="P20847" t="s">
        <v>86</v>
      </c>
      <c r="Q20847">
        <v>44</v>
      </c>
      <c r="R20847">
        <v>44</v>
      </c>
      <c r="S20847">
        <v>45</v>
      </c>
      <c r="T20847">
        <v>45</v>
      </c>
      <c r="U20847">
        <v>45</v>
      </c>
      <c r="V20847">
        <v>46</v>
      </c>
      <c r="W20847">
        <v>46</v>
      </c>
      <c r="X20847">
        <v>46</v>
      </c>
      <c r="Y20847">
        <v>46</v>
      </c>
      <c r="Z20847">
        <v>47</v>
      </c>
      <c r="AA20847">
        <v>47</v>
      </c>
      <c r="AB20847">
        <v>47</v>
      </c>
      <c r="AC20847">
        <v>48</v>
      </c>
      <c r="AD20847">
        <v>48</v>
      </c>
      <c r="AE20847">
        <v>48</v>
      </c>
      <c r="AF20847">
        <v>49</v>
      </c>
      <c r="AG20847">
        <v>49</v>
      </c>
      <c r="AH20847">
        <v>49</v>
      </c>
      <c r="AI20847">
        <v>50</v>
      </c>
      <c r="AJ20847">
        <v>50</v>
      </c>
      <c r="AK20847">
        <v>50</v>
      </c>
      <c r="AL20847">
        <v>50</v>
      </c>
      <c r="AM20847">
        <v>51</v>
      </c>
      <c r="AN20847">
        <v>51</v>
      </c>
      <c r="AO20847">
        <v>52</v>
      </c>
      <c r="AP20847">
        <v>52</v>
      </c>
      <c r="AQ20847">
        <v>52</v>
      </c>
    </row>
    <row r="20848" spans="1:43">
      <c r="A20848" t="s">
        <v>12913</v>
      </c>
      <c r="B20848" t="s">
        <v>12914</v>
      </c>
      <c r="C20848" t="s">
        <v>12911</v>
      </c>
      <c r="D20848" t="s">
        <v>12912</v>
      </c>
      <c r="E20848" t="s">
        <v>12580</v>
      </c>
      <c r="F20848" t="s">
        <v>12581</v>
      </c>
      <c r="G20848" t="s">
        <v>12582</v>
      </c>
      <c r="H20848" t="s">
        <v>12581</v>
      </c>
      <c r="I20848" s="2">
        <v>1</v>
      </c>
      <c r="J20848" s="2">
        <v>0</v>
      </c>
      <c r="K20848" s="2">
        <v>0</v>
      </c>
      <c r="L20848" t="s">
        <v>120</v>
      </c>
      <c r="M20848" t="s">
        <v>89</v>
      </c>
      <c r="N20848" t="s">
        <v>90</v>
      </c>
      <c r="O20848" t="s">
        <v>85</v>
      </c>
      <c r="P20848" t="s">
        <v>86</v>
      </c>
      <c r="Q20848">
        <v>44</v>
      </c>
      <c r="R20848">
        <v>45</v>
      </c>
      <c r="S20848">
        <v>46</v>
      </c>
      <c r="T20848">
        <v>47</v>
      </c>
      <c r="U20848">
        <v>48</v>
      </c>
      <c r="V20848">
        <v>49</v>
      </c>
      <c r="W20848">
        <v>50</v>
      </c>
      <c r="X20848">
        <v>51</v>
      </c>
      <c r="Y20848">
        <v>52</v>
      </c>
      <c r="Z20848">
        <v>53</v>
      </c>
      <c r="AA20848">
        <v>54</v>
      </c>
      <c r="AB20848">
        <v>55</v>
      </c>
      <c r="AC20848">
        <v>56</v>
      </c>
      <c r="AD20848">
        <v>57</v>
      </c>
      <c r="AE20848">
        <v>57</v>
      </c>
      <c r="AF20848">
        <v>57</v>
      </c>
      <c r="AG20848">
        <v>57</v>
      </c>
      <c r="AH20848">
        <v>58</v>
      </c>
      <c r="AI20848">
        <v>58</v>
      </c>
      <c r="AJ20848">
        <v>58</v>
      </c>
      <c r="AK20848">
        <v>58</v>
      </c>
      <c r="AL20848">
        <v>58</v>
      </c>
      <c r="AM20848">
        <v>59</v>
      </c>
      <c r="AN20848">
        <v>59</v>
      </c>
      <c r="AO20848">
        <v>59</v>
      </c>
      <c r="AP20848">
        <v>59</v>
      </c>
      <c r="AQ20848">
        <v>59</v>
      </c>
    </row>
    <row r="20849" spans="1:43">
      <c r="A20849" t="s">
        <v>12913</v>
      </c>
      <c r="B20849" t="s">
        <v>12914</v>
      </c>
      <c r="C20849" t="s">
        <v>12911</v>
      </c>
      <c r="D20849" t="s">
        <v>12912</v>
      </c>
      <c r="E20849" t="s">
        <v>12580</v>
      </c>
      <c r="F20849" t="s">
        <v>12581</v>
      </c>
      <c r="G20849" t="s">
        <v>12582</v>
      </c>
      <c r="H20849" t="s">
        <v>12581</v>
      </c>
      <c r="I20849" s="2">
        <v>1</v>
      </c>
      <c r="J20849" s="2">
        <v>0</v>
      </c>
      <c r="K20849" s="2">
        <v>0</v>
      </c>
      <c r="L20849" t="s">
        <v>120</v>
      </c>
      <c r="M20849" t="s">
        <v>83</v>
      </c>
      <c r="N20849" t="s">
        <v>91</v>
      </c>
      <c r="O20849" t="s">
        <v>85</v>
      </c>
      <c r="P20849" t="s">
        <v>86</v>
      </c>
      <c r="Q20849">
        <v>44</v>
      </c>
      <c r="R20849">
        <v>44</v>
      </c>
      <c r="S20849">
        <v>45</v>
      </c>
      <c r="T20849">
        <v>46</v>
      </c>
      <c r="U20849">
        <v>46</v>
      </c>
      <c r="V20849">
        <v>47</v>
      </c>
      <c r="W20849">
        <v>48</v>
      </c>
      <c r="X20849">
        <v>48</v>
      </c>
      <c r="Y20849">
        <v>49</v>
      </c>
      <c r="Z20849">
        <v>50</v>
      </c>
      <c r="AA20849">
        <v>50</v>
      </c>
      <c r="AB20849">
        <v>51</v>
      </c>
      <c r="AC20849">
        <v>52</v>
      </c>
      <c r="AD20849">
        <v>53</v>
      </c>
      <c r="AE20849">
        <v>53</v>
      </c>
      <c r="AF20849">
        <v>54</v>
      </c>
      <c r="AG20849">
        <v>55</v>
      </c>
      <c r="AH20849">
        <v>55</v>
      </c>
      <c r="AI20849">
        <v>56</v>
      </c>
      <c r="AJ20849">
        <v>57</v>
      </c>
      <c r="AK20849">
        <v>58</v>
      </c>
      <c r="AL20849">
        <v>58</v>
      </c>
      <c r="AM20849">
        <v>58</v>
      </c>
      <c r="AN20849">
        <v>58</v>
      </c>
      <c r="AO20849">
        <v>59</v>
      </c>
      <c r="AP20849">
        <v>59</v>
      </c>
      <c r="AQ20849">
        <v>59</v>
      </c>
    </row>
    <row r="20850" spans="1:43">
      <c r="A20850" t="s">
        <v>12915</v>
      </c>
      <c r="B20850" t="s">
        <v>12916</v>
      </c>
      <c r="C20850" t="s">
        <v>12911</v>
      </c>
      <c r="D20850" t="s">
        <v>12912</v>
      </c>
      <c r="E20850" t="s">
        <v>12580</v>
      </c>
      <c r="F20850" t="s">
        <v>12581</v>
      </c>
      <c r="G20850" t="s">
        <v>12582</v>
      </c>
      <c r="H20850" t="s">
        <v>12581</v>
      </c>
      <c r="I20850" s="2">
        <v>1</v>
      </c>
      <c r="J20850" s="2">
        <v>0</v>
      </c>
      <c r="K20850" s="2">
        <v>0</v>
      </c>
      <c r="L20850" t="s">
        <v>120</v>
      </c>
      <c r="M20850" t="s">
        <v>83</v>
      </c>
      <c r="N20850" t="s">
        <v>84</v>
      </c>
      <c r="O20850" t="s">
        <v>85</v>
      </c>
      <c r="P20850" t="s">
        <v>86</v>
      </c>
      <c r="Q20850">
        <v>13</v>
      </c>
      <c r="R20850">
        <v>14</v>
      </c>
      <c r="S20850">
        <v>14</v>
      </c>
      <c r="T20850">
        <v>14</v>
      </c>
      <c r="U20850">
        <v>14</v>
      </c>
      <c r="V20850">
        <v>14</v>
      </c>
      <c r="W20850">
        <v>15</v>
      </c>
      <c r="X20850">
        <v>15</v>
      </c>
      <c r="Y20850">
        <v>15</v>
      </c>
      <c r="Z20850">
        <v>15</v>
      </c>
      <c r="AA20850">
        <v>15</v>
      </c>
      <c r="AB20850">
        <v>16</v>
      </c>
      <c r="AC20850">
        <v>16</v>
      </c>
      <c r="AD20850">
        <v>16</v>
      </c>
      <c r="AE20850">
        <v>16</v>
      </c>
      <c r="AF20850">
        <v>17</v>
      </c>
      <c r="AG20850">
        <v>17</v>
      </c>
      <c r="AH20850">
        <v>17</v>
      </c>
      <c r="AI20850">
        <v>17</v>
      </c>
      <c r="AJ20850">
        <v>18</v>
      </c>
      <c r="AK20850">
        <v>18</v>
      </c>
      <c r="AL20850">
        <v>18</v>
      </c>
      <c r="AM20850">
        <v>18</v>
      </c>
      <c r="AN20850">
        <v>18</v>
      </c>
      <c r="AO20850">
        <v>18</v>
      </c>
      <c r="AP20850">
        <v>18</v>
      </c>
      <c r="AQ20850">
        <v>18</v>
      </c>
    </row>
    <row r="20851" spans="1:43">
      <c r="A20851" t="s">
        <v>12915</v>
      </c>
      <c r="B20851" t="s">
        <v>12916</v>
      </c>
      <c r="C20851" t="s">
        <v>12911</v>
      </c>
      <c r="D20851" t="s">
        <v>12912</v>
      </c>
      <c r="E20851" t="s">
        <v>12580</v>
      </c>
      <c r="F20851" t="s">
        <v>12581</v>
      </c>
      <c r="G20851" t="s">
        <v>12582</v>
      </c>
      <c r="H20851" t="s">
        <v>12581</v>
      </c>
      <c r="I20851" s="2">
        <v>1</v>
      </c>
      <c r="J20851" s="2">
        <v>0</v>
      </c>
      <c r="K20851" s="2">
        <v>0</v>
      </c>
      <c r="L20851" t="s">
        <v>120</v>
      </c>
      <c r="M20851" t="s">
        <v>87</v>
      </c>
      <c r="N20851" t="s">
        <v>88</v>
      </c>
      <c r="O20851" t="s">
        <v>85</v>
      </c>
      <c r="P20851" t="s">
        <v>86</v>
      </c>
      <c r="Q20851">
        <v>13</v>
      </c>
      <c r="R20851">
        <v>13</v>
      </c>
      <c r="S20851">
        <v>13</v>
      </c>
      <c r="T20851">
        <v>13</v>
      </c>
      <c r="U20851">
        <v>14</v>
      </c>
      <c r="V20851">
        <v>14</v>
      </c>
      <c r="W20851">
        <v>14</v>
      </c>
      <c r="X20851">
        <v>14</v>
      </c>
      <c r="Y20851">
        <v>14</v>
      </c>
      <c r="Z20851">
        <v>14</v>
      </c>
      <c r="AA20851">
        <v>14</v>
      </c>
      <c r="AB20851">
        <v>14</v>
      </c>
      <c r="AC20851">
        <v>14</v>
      </c>
      <c r="AD20851">
        <v>14</v>
      </c>
      <c r="AE20851">
        <v>15</v>
      </c>
      <c r="AF20851">
        <v>15</v>
      </c>
      <c r="AG20851">
        <v>15</v>
      </c>
      <c r="AH20851">
        <v>15</v>
      </c>
      <c r="AI20851">
        <v>15</v>
      </c>
      <c r="AJ20851">
        <v>15</v>
      </c>
      <c r="AK20851">
        <v>15</v>
      </c>
      <c r="AL20851">
        <v>15</v>
      </c>
      <c r="AM20851">
        <v>15</v>
      </c>
      <c r="AN20851">
        <v>16</v>
      </c>
      <c r="AO20851">
        <v>16</v>
      </c>
      <c r="AP20851">
        <v>16</v>
      </c>
      <c r="AQ20851">
        <v>16</v>
      </c>
    </row>
    <row r="20852" spans="1:43">
      <c r="A20852" t="s">
        <v>12915</v>
      </c>
      <c r="B20852" t="s">
        <v>12916</v>
      </c>
      <c r="C20852" t="s">
        <v>12911</v>
      </c>
      <c r="D20852" t="s">
        <v>12912</v>
      </c>
      <c r="E20852" t="s">
        <v>12580</v>
      </c>
      <c r="F20852" t="s">
        <v>12581</v>
      </c>
      <c r="G20852" t="s">
        <v>12582</v>
      </c>
      <c r="H20852" t="s">
        <v>12581</v>
      </c>
      <c r="I20852" s="2">
        <v>1</v>
      </c>
      <c r="J20852" s="2">
        <v>0</v>
      </c>
      <c r="K20852" s="2">
        <v>0</v>
      </c>
      <c r="L20852" t="s">
        <v>120</v>
      </c>
      <c r="M20852" t="s">
        <v>89</v>
      </c>
      <c r="N20852" t="s">
        <v>90</v>
      </c>
      <c r="O20852" t="s">
        <v>85</v>
      </c>
      <c r="P20852" t="s">
        <v>86</v>
      </c>
      <c r="Q20852">
        <v>13</v>
      </c>
      <c r="R20852">
        <v>14</v>
      </c>
      <c r="S20852">
        <v>14</v>
      </c>
      <c r="T20852">
        <v>14</v>
      </c>
      <c r="U20852">
        <v>15</v>
      </c>
      <c r="V20852">
        <v>15</v>
      </c>
      <c r="W20852">
        <v>15</v>
      </c>
      <c r="X20852">
        <v>16</v>
      </c>
      <c r="Y20852">
        <v>16</v>
      </c>
      <c r="Z20852">
        <v>16</v>
      </c>
      <c r="AA20852">
        <v>16</v>
      </c>
      <c r="AB20852">
        <v>17</v>
      </c>
      <c r="AC20852">
        <v>17</v>
      </c>
      <c r="AD20852">
        <v>17</v>
      </c>
      <c r="AE20852">
        <v>18</v>
      </c>
      <c r="AF20852">
        <v>18</v>
      </c>
      <c r="AG20852">
        <v>18</v>
      </c>
      <c r="AH20852">
        <v>18</v>
      </c>
      <c r="AI20852">
        <v>18</v>
      </c>
      <c r="AJ20852">
        <v>18</v>
      </c>
      <c r="AK20852">
        <v>18</v>
      </c>
      <c r="AL20852">
        <v>18</v>
      </c>
      <c r="AM20852">
        <v>18</v>
      </c>
      <c r="AN20852">
        <v>18</v>
      </c>
      <c r="AO20852">
        <v>18</v>
      </c>
      <c r="AP20852">
        <v>18</v>
      </c>
      <c r="AQ20852">
        <v>18</v>
      </c>
    </row>
    <row r="20853" spans="1:43">
      <c r="A20853" t="s">
        <v>12915</v>
      </c>
      <c r="B20853" t="s">
        <v>12916</v>
      </c>
      <c r="C20853" t="s">
        <v>12911</v>
      </c>
      <c r="D20853" t="s">
        <v>12912</v>
      </c>
      <c r="E20853" t="s">
        <v>12580</v>
      </c>
      <c r="F20853" t="s">
        <v>12581</v>
      </c>
      <c r="G20853" t="s">
        <v>12582</v>
      </c>
      <c r="H20853" t="s">
        <v>12581</v>
      </c>
      <c r="I20853" s="2">
        <v>1</v>
      </c>
      <c r="J20853" s="2">
        <v>0</v>
      </c>
      <c r="K20853" s="2">
        <v>0</v>
      </c>
      <c r="L20853" t="s">
        <v>120</v>
      </c>
      <c r="M20853" t="s">
        <v>83</v>
      </c>
      <c r="N20853" t="s">
        <v>91</v>
      </c>
      <c r="O20853" t="s">
        <v>85</v>
      </c>
      <c r="P20853" t="s">
        <v>86</v>
      </c>
      <c r="Q20853">
        <v>13</v>
      </c>
      <c r="R20853">
        <v>14</v>
      </c>
      <c r="S20853">
        <v>14</v>
      </c>
      <c r="T20853">
        <v>14</v>
      </c>
      <c r="U20853">
        <v>14</v>
      </c>
      <c r="V20853">
        <v>14</v>
      </c>
      <c r="W20853">
        <v>15</v>
      </c>
      <c r="X20853">
        <v>15</v>
      </c>
      <c r="Y20853">
        <v>15</v>
      </c>
      <c r="Z20853">
        <v>15</v>
      </c>
      <c r="AA20853">
        <v>15</v>
      </c>
      <c r="AB20853">
        <v>16</v>
      </c>
      <c r="AC20853">
        <v>16</v>
      </c>
      <c r="AD20853">
        <v>16</v>
      </c>
      <c r="AE20853">
        <v>16</v>
      </c>
      <c r="AF20853">
        <v>17</v>
      </c>
      <c r="AG20853">
        <v>17</v>
      </c>
      <c r="AH20853">
        <v>17</v>
      </c>
      <c r="AI20853">
        <v>17</v>
      </c>
      <c r="AJ20853">
        <v>18</v>
      </c>
      <c r="AK20853">
        <v>18</v>
      </c>
      <c r="AL20853">
        <v>18</v>
      </c>
      <c r="AM20853">
        <v>18</v>
      </c>
      <c r="AN20853">
        <v>18</v>
      </c>
      <c r="AO20853">
        <v>18</v>
      </c>
      <c r="AP20853">
        <v>18</v>
      </c>
      <c r="AQ20853">
        <v>18</v>
      </c>
    </row>
    <row r="20854" spans="1:43">
      <c r="A20854" t="s">
        <v>12917</v>
      </c>
      <c r="B20854" t="s">
        <v>12918</v>
      </c>
      <c r="C20854" t="s">
        <v>12911</v>
      </c>
      <c r="D20854" t="s">
        <v>12912</v>
      </c>
      <c r="E20854" t="s">
        <v>12580</v>
      </c>
      <c r="F20854" t="s">
        <v>12581</v>
      </c>
      <c r="G20854" t="s">
        <v>12582</v>
      </c>
      <c r="H20854" t="s">
        <v>12581</v>
      </c>
      <c r="I20854" s="2">
        <v>1</v>
      </c>
      <c r="J20854" s="2">
        <v>0</v>
      </c>
      <c r="K20854" s="2">
        <v>0</v>
      </c>
      <c r="L20854" t="s">
        <v>120</v>
      </c>
      <c r="M20854" t="s">
        <v>83</v>
      </c>
      <c r="N20854" t="s">
        <v>84</v>
      </c>
      <c r="O20854" t="s">
        <v>85</v>
      </c>
      <c r="P20854" t="s">
        <v>86</v>
      </c>
      <c r="Q20854">
        <v>19</v>
      </c>
      <c r="R20854">
        <v>19</v>
      </c>
      <c r="S20854">
        <v>20</v>
      </c>
      <c r="T20854">
        <v>20</v>
      </c>
      <c r="U20854">
        <v>20</v>
      </c>
      <c r="V20854">
        <v>20</v>
      </c>
      <c r="W20854">
        <v>21</v>
      </c>
      <c r="X20854">
        <v>21</v>
      </c>
      <c r="Y20854">
        <v>21</v>
      </c>
      <c r="Z20854">
        <v>22</v>
      </c>
      <c r="AA20854">
        <v>22</v>
      </c>
      <c r="AB20854">
        <v>22</v>
      </c>
      <c r="AC20854">
        <v>23</v>
      </c>
      <c r="AD20854">
        <v>23</v>
      </c>
      <c r="AE20854">
        <v>23</v>
      </c>
      <c r="AF20854">
        <v>23</v>
      </c>
      <c r="AG20854">
        <v>24</v>
      </c>
      <c r="AH20854">
        <v>24</v>
      </c>
      <c r="AI20854">
        <v>24</v>
      </c>
      <c r="AJ20854">
        <v>25</v>
      </c>
      <c r="AK20854">
        <v>25</v>
      </c>
      <c r="AL20854">
        <v>25</v>
      </c>
      <c r="AM20854">
        <v>25</v>
      </c>
      <c r="AN20854">
        <v>25</v>
      </c>
      <c r="AO20854">
        <v>25</v>
      </c>
      <c r="AP20854">
        <v>26</v>
      </c>
      <c r="AQ20854">
        <v>26</v>
      </c>
    </row>
    <row r="20855" spans="1:43">
      <c r="A20855" t="s">
        <v>12917</v>
      </c>
      <c r="B20855" t="s">
        <v>12918</v>
      </c>
      <c r="C20855" t="s">
        <v>12911</v>
      </c>
      <c r="D20855" t="s">
        <v>12912</v>
      </c>
      <c r="E20855" t="s">
        <v>12580</v>
      </c>
      <c r="F20855" t="s">
        <v>12581</v>
      </c>
      <c r="G20855" t="s">
        <v>12582</v>
      </c>
      <c r="H20855" t="s">
        <v>12581</v>
      </c>
      <c r="I20855" s="2">
        <v>1</v>
      </c>
      <c r="J20855" s="2">
        <v>0</v>
      </c>
      <c r="K20855" s="2">
        <v>0</v>
      </c>
      <c r="L20855" t="s">
        <v>120</v>
      </c>
      <c r="M20855" t="s">
        <v>87</v>
      </c>
      <c r="N20855" t="s">
        <v>88</v>
      </c>
      <c r="O20855" t="s">
        <v>85</v>
      </c>
      <c r="P20855" t="s">
        <v>86</v>
      </c>
      <c r="Q20855">
        <v>19</v>
      </c>
      <c r="R20855">
        <v>19</v>
      </c>
      <c r="S20855">
        <v>19</v>
      </c>
      <c r="T20855">
        <v>19</v>
      </c>
      <c r="U20855">
        <v>19</v>
      </c>
      <c r="V20855">
        <v>19</v>
      </c>
      <c r="W20855">
        <v>19</v>
      </c>
      <c r="X20855">
        <v>20</v>
      </c>
      <c r="Y20855">
        <v>20</v>
      </c>
      <c r="Z20855">
        <v>20</v>
      </c>
      <c r="AA20855">
        <v>20</v>
      </c>
      <c r="AB20855">
        <v>20</v>
      </c>
      <c r="AC20855">
        <v>20</v>
      </c>
      <c r="AD20855">
        <v>20</v>
      </c>
      <c r="AE20855">
        <v>21</v>
      </c>
      <c r="AF20855">
        <v>21</v>
      </c>
      <c r="AG20855">
        <v>21</v>
      </c>
      <c r="AH20855">
        <v>21</v>
      </c>
      <c r="AI20855">
        <v>21</v>
      </c>
      <c r="AJ20855">
        <v>21</v>
      </c>
      <c r="AK20855">
        <v>21</v>
      </c>
      <c r="AL20855">
        <v>22</v>
      </c>
      <c r="AM20855">
        <v>22</v>
      </c>
      <c r="AN20855">
        <v>22</v>
      </c>
      <c r="AO20855">
        <v>22</v>
      </c>
      <c r="AP20855">
        <v>22</v>
      </c>
      <c r="AQ20855">
        <v>22</v>
      </c>
    </row>
    <row r="20856" spans="1:43">
      <c r="A20856" t="s">
        <v>12917</v>
      </c>
      <c r="B20856" t="s">
        <v>12918</v>
      </c>
      <c r="C20856" t="s">
        <v>12911</v>
      </c>
      <c r="D20856" t="s">
        <v>12912</v>
      </c>
      <c r="E20856" t="s">
        <v>12580</v>
      </c>
      <c r="F20856" t="s">
        <v>12581</v>
      </c>
      <c r="G20856" t="s">
        <v>12582</v>
      </c>
      <c r="H20856" t="s">
        <v>12581</v>
      </c>
      <c r="I20856" s="2">
        <v>1</v>
      </c>
      <c r="J20856" s="2">
        <v>0</v>
      </c>
      <c r="K20856" s="2">
        <v>0</v>
      </c>
      <c r="L20856" t="s">
        <v>120</v>
      </c>
      <c r="M20856" t="s">
        <v>89</v>
      </c>
      <c r="N20856" t="s">
        <v>90</v>
      </c>
      <c r="O20856" t="s">
        <v>85</v>
      </c>
      <c r="P20856" t="s">
        <v>86</v>
      </c>
      <c r="Q20856">
        <v>19</v>
      </c>
      <c r="R20856">
        <v>20</v>
      </c>
      <c r="S20856">
        <v>20</v>
      </c>
      <c r="T20856">
        <v>20</v>
      </c>
      <c r="U20856">
        <v>21</v>
      </c>
      <c r="V20856">
        <v>21</v>
      </c>
      <c r="W20856">
        <v>22</v>
      </c>
      <c r="X20856">
        <v>22</v>
      </c>
      <c r="Y20856">
        <v>23</v>
      </c>
      <c r="Z20856">
        <v>23</v>
      </c>
      <c r="AA20856">
        <v>23</v>
      </c>
      <c r="AB20856">
        <v>24</v>
      </c>
      <c r="AC20856">
        <v>24</v>
      </c>
      <c r="AD20856">
        <v>25</v>
      </c>
      <c r="AE20856">
        <v>25</v>
      </c>
      <c r="AF20856">
        <v>25</v>
      </c>
      <c r="AG20856">
        <v>25</v>
      </c>
      <c r="AH20856">
        <v>25</v>
      </c>
      <c r="AI20856">
        <v>25</v>
      </c>
      <c r="AJ20856">
        <v>25</v>
      </c>
      <c r="AK20856">
        <v>25</v>
      </c>
      <c r="AL20856">
        <v>25</v>
      </c>
      <c r="AM20856">
        <v>26</v>
      </c>
      <c r="AN20856">
        <v>26</v>
      </c>
      <c r="AO20856">
        <v>26</v>
      </c>
      <c r="AP20856">
        <v>26</v>
      </c>
      <c r="AQ20856">
        <v>26</v>
      </c>
    </row>
    <row r="20857" spans="1:43">
      <c r="A20857" t="s">
        <v>12917</v>
      </c>
      <c r="B20857" t="s">
        <v>12918</v>
      </c>
      <c r="C20857" t="s">
        <v>12911</v>
      </c>
      <c r="D20857" t="s">
        <v>12912</v>
      </c>
      <c r="E20857" t="s">
        <v>12580</v>
      </c>
      <c r="F20857" t="s">
        <v>12581</v>
      </c>
      <c r="G20857" t="s">
        <v>12582</v>
      </c>
      <c r="H20857" t="s">
        <v>12581</v>
      </c>
      <c r="I20857" s="2">
        <v>1</v>
      </c>
      <c r="J20857" s="2">
        <v>0</v>
      </c>
      <c r="K20857" s="2">
        <v>0</v>
      </c>
      <c r="L20857" t="s">
        <v>120</v>
      </c>
      <c r="M20857" t="s">
        <v>83</v>
      </c>
      <c r="N20857" t="s">
        <v>91</v>
      </c>
      <c r="O20857" t="s">
        <v>85</v>
      </c>
      <c r="P20857" t="s">
        <v>86</v>
      </c>
      <c r="Q20857">
        <v>19</v>
      </c>
      <c r="R20857">
        <v>19</v>
      </c>
      <c r="S20857">
        <v>20</v>
      </c>
      <c r="T20857">
        <v>20</v>
      </c>
      <c r="U20857">
        <v>20</v>
      </c>
      <c r="V20857">
        <v>20</v>
      </c>
      <c r="W20857">
        <v>21</v>
      </c>
      <c r="X20857">
        <v>21</v>
      </c>
      <c r="Y20857">
        <v>21</v>
      </c>
      <c r="Z20857">
        <v>22</v>
      </c>
      <c r="AA20857">
        <v>22</v>
      </c>
      <c r="AB20857">
        <v>22</v>
      </c>
      <c r="AC20857">
        <v>23</v>
      </c>
      <c r="AD20857">
        <v>23</v>
      </c>
      <c r="AE20857">
        <v>23</v>
      </c>
      <c r="AF20857">
        <v>23</v>
      </c>
      <c r="AG20857">
        <v>24</v>
      </c>
      <c r="AH20857">
        <v>24</v>
      </c>
      <c r="AI20857">
        <v>24</v>
      </c>
      <c r="AJ20857">
        <v>25</v>
      </c>
      <c r="AK20857">
        <v>25</v>
      </c>
      <c r="AL20857">
        <v>25</v>
      </c>
      <c r="AM20857">
        <v>25</v>
      </c>
      <c r="AN20857">
        <v>25</v>
      </c>
      <c r="AO20857">
        <v>25</v>
      </c>
      <c r="AP20857">
        <v>26</v>
      </c>
      <c r="AQ20857">
        <v>26</v>
      </c>
    </row>
    <row r="20858" spans="1:43">
      <c r="A20858" t="s">
        <v>12919</v>
      </c>
      <c r="B20858" t="s">
        <v>12920</v>
      </c>
      <c r="C20858" t="s">
        <v>12911</v>
      </c>
      <c r="D20858" t="s">
        <v>12912</v>
      </c>
      <c r="E20858" t="s">
        <v>12580</v>
      </c>
      <c r="F20858" t="s">
        <v>12581</v>
      </c>
      <c r="G20858" t="s">
        <v>12582</v>
      </c>
      <c r="H20858" t="s">
        <v>12581</v>
      </c>
      <c r="I20858" s="2">
        <v>1</v>
      </c>
      <c r="J20858" s="2">
        <v>0</v>
      </c>
      <c r="K20858" s="2">
        <v>0</v>
      </c>
      <c r="L20858" t="s">
        <v>120</v>
      </c>
      <c r="M20858" t="s">
        <v>83</v>
      </c>
      <c r="N20858" t="s">
        <v>84</v>
      </c>
      <c r="O20858" t="s">
        <v>85</v>
      </c>
      <c r="P20858" t="s">
        <v>86</v>
      </c>
      <c r="Q20858">
        <v>19</v>
      </c>
      <c r="R20858">
        <v>19</v>
      </c>
      <c r="S20858">
        <v>19</v>
      </c>
      <c r="T20858">
        <v>20</v>
      </c>
      <c r="U20858">
        <v>20</v>
      </c>
      <c r="V20858">
        <v>20</v>
      </c>
      <c r="W20858">
        <v>20</v>
      </c>
      <c r="X20858">
        <v>21</v>
      </c>
      <c r="Y20858">
        <v>21</v>
      </c>
      <c r="Z20858">
        <v>21</v>
      </c>
      <c r="AA20858">
        <v>22</v>
      </c>
      <c r="AB20858">
        <v>22</v>
      </c>
      <c r="AC20858">
        <v>22</v>
      </c>
      <c r="AD20858">
        <v>23</v>
      </c>
      <c r="AE20858">
        <v>23</v>
      </c>
      <c r="AF20858">
        <v>23</v>
      </c>
      <c r="AG20858">
        <v>23</v>
      </c>
      <c r="AH20858">
        <v>24</v>
      </c>
      <c r="AI20858">
        <v>24</v>
      </c>
      <c r="AJ20858">
        <v>24</v>
      </c>
      <c r="AK20858">
        <v>25</v>
      </c>
      <c r="AL20858">
        <v>25</v>
      </c>
      <c r="AM20858">
        <v>25</v>
      </c>
      <c r="AN20858">
        <v>25</v>
      </c>
      <c r="AO20858">
        <v>25</v>
      </c>
      <c r="AP20858">
        <v>25</v>
      </c>
      <c r="AQ20858">
        <v>25</v>
      </c>
    </row>
    <row r="20859" spans="1:43">
      <c r="A20859" t="s">
        <v>12919</v>
      </c>
      <c r="B20859" t="s">
        <v>12920</v>
      </c>
      <c r="C20859" t="s">
        <v>12911</v>
      </c>
      <c r="D20859" t="s">
        <v>12912</v>
      </c>
      <c r="E20859" t="s">
        <v>12580</v>
      </c>
      <c r="F20859" t="s">
        <v>12581</v>
      </c>
      <c r="G20859" t="s">
        <v>12582</v>
      </c>
      <c r="H20859" t="s">
        <v>12581</v>
      </c>
      <c r="I20859" s="2">
        <v>1</v>
      </c>
      <c r="J20859" s="2">
        <v>0</v>
      </c>
      <c r="K20859" s="2">
        <v>0</v>
      </c>
      <c r="L20859" t="s">
        <v>120</v>
      </c>
      <c r="M20859" t="s">
        <v>87</v>
      </c>
      <c r="N20859" t="s">
        <v>88</v>
      </c>
      <c r="O20859" t="s">
        <v>85</v>
      </c>
      <c r="P20859" t="s">
        <v>86</v>
      </c>
      <c r="Q20859">
        <v>19</v>
      </c>
      <c r="R20859">
        <v>20</v>
      </c>
      <c r="S20859">
        <v>20</v>
      </c>
      <c r="T20859">
        <v>20</v>
      </c>
      <c r="U20859">
        <v>20</v>
      </c>
      <c r="V20859">
        <v>20</v>
      </c>
      <c r="W20859">
        <v>20</v>
      </c>
      <c r="X20859">
        <v>20</v>
      </c>
      <c r="Y20859">
        <v>20</v>
      </c>
      <c r="Z20859">
        <v>21</v>
      </c>
      <c r="AA20859">
        <v>21</v>
      </c>
      <c r="AB20859">
        <v>21</v>
      </c>
      <c r="AC20859">
        <v>21</v>
      </c>
      <c r="AD20859">
        <v>21</v>
      </c>
      <c r="AE20859">
        <v>21</v>
      </c>
      <c r="AF20859">
        <v>21</v>
      </c>
      <c r="AG20859">
        <v>22</v>
      </c>
      <c r="AH20859">
        <v>22</v>
      </c>
      <c r="AI20859">
        <v>22</v>
      </c>
      <c r="AJ20859">
        <v>22</v>
      </c>
      <c r="AK20859">
        <v>22</v>
      </c>
      <c r="AL20859">
        <v>22</v>
      </c>
      <c r="AM20859">
        <v>22</v>
      </c>
      <c r="AN20859">
        <v>23</v>
      </c>
      <c r="AO20859">
        <v>23</v>
      </c>
      <c r="AP20859">
        <v>23</v>
      </c>
      <c r="AQ20859">
        <v>23</v>
      </c>
    </row>
    <row r="20860" spans="1:43">
      <c r="A20860" t="s">
        <v>12919</v>
      </c>
      <c r="B20860" t="s">
        <v>12920</v>
      </c>
      <c r="C20860" t="s">
        <v>12911</v>
      </c>
      <c r="D20860" t="s">
        <v>12912</v>
      </c>
      <c r="E20860" t="s">
        <v>12580</v>
      </c>
      <c r="F20860" t="s">
        <v>12581</v>
      </c>
      <c r="G20860" t="s">
        <v>12582</v>
      </c>
      <c r="H20860" t="s">
        <v>12581</v>
      </c>
      <c r="I20860" s="2">
        <v>1</v>
      </c>
      <c r="J20860" s="2">
        <v>0</v>
      </c>
      <c r="K20860" s="2">
        <v>0</v>
      </c>
      <c r="L20860" t="s">
        <v>120</v>
      </c>
      <c r="M20860" t="s">
        <v>89</v>
      </c>
      <c r="N20860" t="s">
        <v>90</v>
      </c>
      <c r="O20860" t="s">
        <v>85</v>
      </c>
      <c r="P20860" t="s">
        <v>86</v>
      </c>
      <c r="Q20860">
        <v>19</v>
      </c>
      <c r="R20860">
        <v>19</v>
      </c>
      <c r="S20860">
        <v>20</v>
      </c>
      <c r="T20860">
        <v>20</v>
      </c>
      <c r="U20860">
        <v>21</v>
      </c>
      <c r="V20860">
        <v>21</v>
      </c>
      <c r="W20860">
        <v>21</v>
      </c>
      <c r="X20860">
        <v>22</v>
      </c>
      <c r="Y20860">
        <v>22</v>
      </c>
      <c r="Z20860">
        <v>23</v>
      </c>
      <c r="AA20860">
        <v>23</v>
      </c>
      <c r="AB20860">
        <v>23</v>
      </c>
      <c r="AC20860">
        <v>24</v>
      </c>
      <c r="AD20860">
        <v>24</v>
      </c>
      <c r="AE20860">
        <v>24</v>
      </c>
      <c r="AF20860">
        <v>25</v>
      </c>
      <c r="AG20860">
        <v>25</v>
      </c>
      <c r="AH20860">
        <v>25</v>
      </c>
      <c r="AI20860">
        <v>25</v>
      </c>
      <c r="AJ20860">
        <v>25</v>
      </c>
      <c r="AK20860">
        <v>25</v>
      </c>
      <c r="AL20860">
        <v>25</v>
      </c>
      <c r="AM20860">
        <v>25</v>
      </c>
      <c r="AN20860">
        <v>25</v>
      </c>
      <c r="AO20860">
        <v>25</v>
      </c>
      <c r="AP20860">
        <v>25</v>
      </c>
      <c r="AQ20860">
        <v>26</v>
      </c>
    </row>
    <row r="20861" spans="1:43">
      <c r="A20861" t="s">
        <v>12919</v>
      </c>
      <c r="B20861" t="s">
        <v>12920</v>
      </c>
      <c r="C20861" t="s">
        <v>12911</v>
      </c>
      <c r="D20861" t="s">
        <v>12912</v>
      </c>
      <c r="E20861" t="s">
        <v>12580</v>
      </c>
      <c r="F20861" t="s">
        <v>12581</v>
      </c>
      <c r="G20861" t="s">
        <v>12582</v>
      </c>
      <c r="H20861" t="s">
        <v>12581</v>
      </c>
      <c r="I20861" s="2">
        <v>1</v>
      </c>
      <c r="J20861" s="2">
        <v>0</v>
      </c>
      <c r="K20861" s="2">
        <v>0</v>
      </c>
      <c r="L20861" t="s">
        <v>120</v>
      </c>
      <c r="M20861" t="s">
        <v>83</v>
      </c>
      <c r="N20861" t="s">
        <v>91</v>
      </c>
      <c r="O20861" t="s">
        <v>85</v>
      </c>
      <c r="P20861" t="s">
        <v>86</v>
      </c>
      <c r="Q20861">
        <v>19</v>
      </c>
      <c r="R20861">
        <v>19</v>
      </c>
      <c r="S20861">
        <v>19</v>
      </c>
      <c r="T20861">
        <v>20</v>
      </c>
      <c r="U20861">
        <v>20</v>
      </c>
      <c r="V20861">
        <v>20</v>
      </c>
      <c r="W20861">
        <v>20</v>
      </c>
      <c r="X20861">
        <v>21</v>
      </c>
      <c r="Y20861">
        <v>21</v>
      </c>
      <c r="Z20861">
        <v>21</v>
      </c>
      <c r="AA20861">
        <v>22</v>
      </c>
      <c r="AB20861">
        <v>22</v>
      </c>
      <c r="AC20861">
        <v>22</v>
      </c>
      <c r="AD20861">
        <v>23</v>
      </c>
      <c r="AE20861">
        <v>23</v>
      </c>
      <c r="AF20861">
        <v>23</v>
      </c>
      <c r="AG20861">
        <v>23</v>
      </c>
      <c r="AH20861">
        <v>24</v>
      </c>
      <c r="AI20861">
        <v>24</v>
      </c>
      <c r="AJ20861">
        <v>24</v>
      </c>
      <c r="AK20861">
        <v>25</v>
      </c>
      <c r="AL20861">
        <v>25</v>
      </c>
      <c r="AM20861">
        <v>25</v>
      </c>
      <c r="AN20861">
        <v>25</v>
      </c>
      <c r="AO20861">
        <v>25</v>
      </c>
      <c r="AP20861">
        <v>25</v>
      </c>
      <c r="AQ20861">
        <v>25</v>
      </c>
    </row>
    <row r="20862" spans="1:43">
      <c r="A20862" t="s">
        <v>12921</v>
      </c>
      <c r="B20862" t="s">
        <v>12922</v>
      </c>
      <c r="C20862" t="s">
        <v>12923</v>
      </c>
      <c r="D20862" t="s">
        <v>12924</v>
      </c>
      <c r="E20862" t="s">
        <v>12925</v>
      </c>
      <c r="F20862" t="s">
        <v>12926</v>
      </c>
      <c r="G20862" t="s">
        <v>10214</v>
      </c>
      <c r="H20862" t="s">
        <v>10215</v>
      </c>
      <c r="I20862" s="2">
        <v>1</v>
      </c>
      <c r="J20862" s="2">
        <v>0</v>
      </c>
      <c r="K20862" s="2">
        <v>0</v>
      </c>
      <c r="L20862" t="s">
        <v>120</v>
      </c>
      <c r="M20862" t="s">
        <v>83</v>
      </c>
      <c r="N20862" t="s">
        <v>84</v>
      </c>
      <c r="O20862" t="s">
        <v>85</v>
      </c>
      <c r="P20862" t="s">
        <v>86</v>
      </c>
      <c r="Q20862">
        <v>40</v>
      </c>
      <c r="R20862">
        <v>41</v>
      </c>
      <c r="S20862">
        <v>41</v>
      </c>
      <c r="T20862">
        <v>42</v>
      </c>
      <c r="U20862">
        <v>42</v>
      </c>
      <c r="V20862">
        <v>43</v>
      </c>
      <c r="W20862">
        <v>43</v>
      </c>
      <c r="X20862">
        <v>43</v>
      </c>
      <c r="Y20862">
        <v>44</v>
      </c>
      <c r="Z20862">
        <v>44</v>
      </c>
      <c r="AA20862">
        <v>45</v>
      </c>
      <c r="AB20862">
        <v>45</v>
      </c>
      <c r="AC20862">
        <v>45</v>
      </c>
      <c r="AD20862">
        <v>46</v>
      </c>
      <c r="AE20862">
        <v>46</v>
      </c>
      <c r="AF20862">
        <v>46</v>
      </c>
      <c r="AG20862">
        <v>47</v>
      </c>
      <c r="AH20862">
        <v>47</v>
      </c>
      <c r="AI20862">
        <v>47</v>
      </c>
      <c r="AJ20862">
        <v>48</v>
      </c>
      <c r="AK20862">
        <v>48</v>
      </c>
      <c r="AL20862">
        <v>48</v>
      </c>
      <c r="AM20862">
        <v>48</v>
      </c>
      <c r="AN20862">
        <v>48</v>
      </c>
      <c r="AO20862">
        <v>48</v>
      </c>
      <c r="AP20862">
        <v>48</v>
      </c>
      <c r="AQ20862">
        <v>47</v>
      </c>
    </row>
    <row r="20863" spans="1:43">
      <c r="A20863" t="s">
        <v>12921</v>
      </c>
      <c r="B20863" t="s">
        <v>12922</v>
      </c>
      <c r="C20863" t="s">
        <v>12923</v>
      </c>
      <c r="D20863" t="s">
        <v>12924</v>
      </c>
      <c r="E20863" t="s">
        <v>12925</v>
      </c>
      <c r="F20863" t="s">
        <v>12926</v>
      </c>
      <c r="G20863" t="s">
        <v>10214</v>
      </c>
      <c r="H20863" t="s">
        <v>10215</v>
      </c>
      <c r="I20863" s="2">
        <v>1</v>
      </c>
      <c r="J20863" s="2">
        <v>0</v>
      </c>
      <c r="K20863" s="2">
        <v>0</v>
      </c>
      <c r="L20863" t="s">
        <v>120</v>
      </c>
      <c r="M20863" t="s">
        <v>87</v>
      </c>
      <c r="N20863" t="s">
        <v>88</v>
      </c>
      <c r="O20863" t="s">
        <v>85</v>
      </c>
      <c r="P20863" t="s">
        <v>86</v>
      </c>
      <c r="Q20863">
        <v>40</v>
      </c>
      <c r="R20863">
        <v>40</v>
      </c>
      <c r="S20863">
        <v>40</v>
      </c>
      <c r="T20863">
        <v>40</v>
      </c>
      <c r="U20863">
        <v>40</v>
      </c>
      <c r="V20863">
        <v>40</v>
      </c>
      <c r="W20863">
        <v>40</v>
      </c>
      <c r="X20863">
        <v>40</v>
      </c>
      <c r="Y20863">
        <v>41</v>
      </c>
      <c r="Z20863">
        <v>41</v>
      </c>
      <c r="AA20863">
        <v>41</v>
      </c>
      <c r="AB20863">
        <v>41</v>
      </c>
      <c r="AC20863">
        <v>41</v>
      </c>
      <c r="AD20863">
        <v>41</v>
      </c>
      <c r="AE20863">
        <v>41</v>
      </c>
      <c r="AF20863">
        <v>41</v>
      </c>
      <c r="AG20863">
        <v>41</v>
      </c>
      <c r="AH20863">
        <v>41</v>
      </c>
      <c r="AI20863">
        <v>41</v>
      </c>
      <c r="AJ20863">
        <v>41</v>
      </c>
      <c r="AK20863">
        <v>41</v>
      </c>
      <c r="AL20863">
        <v>41</v>
      </c>
      <c r="AM20863">
        <v>41</v>
      </c>
      <c r="AN20863">
        <v>41</v>
      </c>
      <c r="AO20863">
        <v>41</v>
      </c>
      <c r="AP20863">
        <v>41</v>
      </c>
      <c r="AQ20863">
        <v>41</v>
      </c>
    </row>
    <row r="20864" spans="1:43">
      <c r="A20864" t="s">
        <v>12921</v>
      </c>
      <c r="B20864" t="s">
        <v>12922</v>
      </c>
      <c r="C20864" t="s">
        <v>12923</v>
      </c>
      <c r="D20864" t="s">
        <v>12924</v>
      </c>
      <c r="E20864" t="s">
        <v>12925</v>
      </c>
      <c r="F20864" t="s">
        <v>12926</v>
      </c>
      <c r="G20864" t="s">
        <v>10214</v>
      </c>
      <c r="H20864" t="s">
        <v>10215</v>
      </c>
      <c r="I20864" s="2">
        <v>1</v>
      </c>
      <c r="J20864" s="2">
        <v>0</v>
      </c>
      <c r="K20864" s="2">
        <v>0</v>
      </c>
      <c r="L20864" t="s">
        <v>120</v>
      </c>
      <c r="M20864" t="s">
        <v>89</v>
      </c>
      <c r="N20864" t="s">
        <v>90</v>
      </c>
      <c r="O20864" t="s">
        <v>85</v>
      </c>
      <c r="P20864" t="s">
        <v>86</v>
      </c>
      <c r="Q20864">
        <v>40</v>
      </c>
      <c r="R20864">
        <v>40</v>
      </c>
      <c r="S20864">
        <v>41</v>
      </c>
      <c r="T20864">
        <v>42</v>
      </c>
      <c r="U20864">
        <v>43</v>
      </c>
      <c r="V20864">
        <v>43</v>
      </c>
      <c r="W20864">
        <v>44</v>
      </c>
      <c r="X20864">
        <v>45</v>
      </c>
      <c r="Y20864">
        <v>45</v>
      </c>
      <c r="Z20864">
        <v>46</v>
      </c>
      <c r="AA20864">
        <v>46</v>
      </c>
      <c r="AB20864">
        <v>47</v>
      </c>
      <c r="AC20864">
        <v>48</v>
      </c>
      <c r="AD20864">
        <v>48</v>
      </c>
      <c r="AE20864">
        <v>48</v>
      </c>
      <c r="AF20864">
        <v>48</v>
      </c>
      <c r="AG20864">
        <v>48</v>
      </c>
      <c r="AH20864">
        <v>48</v>
      </c>
      <c r="AI20864">
        <v>48</v>
      </c>
      <c r="AJ20864">
        <v>48</v>
      </c>
      <c r="AK20864">
        <v>48</v>
      </c>
      <c r="AL20864">
        <v>48</v>
      </c>
      <c r="AM20864">
        <v>47</v>
      </c>
      <c r="AN20864">
        <v>47</v>
      </c>
      <c r="AO20864">
        <v>47</v>
      </c>
      <c r="AP20864">
        <v>47</v>
      </c>
      <c r="AQ20864">
        <v>47</v>
      </c>
    </row>
    <row r="20865" spans="1:43">
      <c r="A20865" t="s">
        <v>12921</v>
      </c>
      <c r="B20865" t="s">
        <v>12922</v>
      </c>
      <c r="C20865" t="s">
        <v>12923</v>
      </c>
      <c r="D20865" t="s">
        <v>12924</v>
      </c>
      <c r="E20865" t="s">
        <v>12925</v>
      </c>
      <c r="F20865" t="s">
        <v>12926</v>
      </c>
      <c r="G20865" t="s">
        <v>10214</v>
      </c>
      <c r="H20865" t="s">
        <v>10215</v>
      </c>
      <c r="I20865" s="2">
        <v>1</v>
      </c>
      <c r="J20865" s="2">
        <v>0</v>
      </c>
      <c r="K20865" s="2">
        <v>0</v>
      </c>
      <c r="L20865" t="s">
        <v>120</v>
      </c>
      <c r="M20865" t="s">
        <v>83</v>
      </c>
      <c r="N20865" t="s">
        <v>91</v>
      </c>
      <c r="O20865" t="s">
        <v>85</v>
      </c>
      <c r="P20865" t="s">
        <v>86</v>
      </c>
      <c r="Q20865">
        <v>40</v>
      </c>
      <c r="R20865">
        <v>41</v>
      </c>
      <c r="S20865">
        <v>41</v>
      </c>
      <c r="T20865">
        <v>42</v>
      </c>
      <c r="U20865">
        <v>42</v>
      </c>
      <c r="V20865">
        <v>43</v>
      </c>
      <c r="W20865">
        <v>43</v>
      </c>
      <c r="X20865">
        <v>43</v>
      </c>
      <c r="Y20865">
        <v>44</v>
      </c>
      <c r="Z20865">
        <v>44</v>
      </c>
      <c r="AA20865">
        <v>45</v>
      </c>
      <c r="AB20865">
        <v>45</v>
      </c>
      <c r="AC20865">
        <v>45</v>
      </c>
      <c r="AD20865">
        <v>46</v>
      </c>
      <c r="AE20865">
        <v>46</v>
      </c>
      <c r="AF20865">
        <v>46</v>
      </c>
      <c r="AG20865">
        <v>47</v>
      </c>
      <c r="AH20865">
        <v>47</v>
      </c>
      <c r="AI20865">
        <v>47</v>
      </c>
      <c r="AJ20865">
        <v>48</v>
      </c>
      <c r="AK20865">
        <v>48</v>
      </c>
      <c r="AL20865">
        <v>48</v>
      </c>
      <c r="AM20865">
        <v>48</v>
      </c>
      <c r="AN20865">
        <v>48</v>
      </c>
      <c r="AO20865">
        <v>48</v>
      </c>
      <c r="AP20865">
        <v>48</v>
      </c>
      <c r="AQ20865">
        <v>47</v>
      </c>
    </row>
    <row r="20866" spans="1:43">
      <c r="A20866" t="s">
        <v>12927</v>
      </c>
      <c r="B20866" t="s">
        <v>12928</v>
      </c>
      <c r="C20866" t="s">
        <v>12923</v>
      </c>
      <c r="D20866" t="s">
        <v>12924</v>
      </c>
      <c r="E20866" t="s">
        <v>12925</v>
      </c>
      <c r="F20866" t="s">
        <v>12926</v>
      </c>
      <c r="G20866" t="s">
        <v>10214</v>
      </c>
      <c r="H20866" t="s">
        <v>10215</v>
      </c>
      <c r="I20866" s="2">
        <v>1</v>
      </c>
      <c r="J20866" s="2">
        <v>0</v>
      </c>
      <c r="K20866" s="2">
        <v>0</v>
      </c>
      <c r="L20866" t="s">
        <v>120</v>
      </c>
      <c r="M20866" t="s">
        <v>83</v>
      </c>
      <c r="N20866" t="s">
        <v>84</v>
      </c>
      <c r="O20866" t="s">
        <v>85</v>
      </c>
      <c r="P20866" t="s">
        <v>86</v>
      </c>
      <c r="Q20866">
        <v>37</v>
      </c>
      <c r="R20866">
        <v>38</v>
      </c>
      <c r="S20866">
        <v>38</v>
      </c>
      <c r="T20866">
        <v>39</v>
      </c>
      <c r="U20866">
        <v>39</v>
      </c>
      <c r="V20866">
        <v>39</v>
      </c>
      <c r="W20866">
        <v>40</v>
      </c>
      <c r="X20866">
        <v>40</v>
      </c>
      <c r="Y20866">
        <v>41</v>
      </c>
      <c r="Z20866">
        <v>41</v>
      </c>
      <c r="AA20866">
        <v>41</v>
      </c>
      <c r="AB20866">
        <v>42</v>
      </c>
      <c r="AC20866">
        <v>42</v>
      </c>
      <c r="AD20866">
        <v>42</v>
      </c>
      <c r="AE20866">
        <v>43</v>
      </c>
      <c r="AF20866">
        <v>43</v>
      </c>
      <c r="AG20866">
        <v>43</v>
      </c>
      <c r="AH20866">
        <v>44</v>
      </c>
      <c r="AI20866">
        <v>44</v>
      </c>
      <c r="AJ20866">
        <v>44</v>
      </c>
      <c r="AK20866">
        <v>45</v>
      </c>
      <c r="AL20866">
        <v>45</v>
      </c>
      <c r="AM20866">
        <v>44</v>
      </c>
      <c r="AN20866">
        <v>44</v>
      </c>
      <c r="AO20866">
        <v>44</v>
      </c>
      <c r="AP20866">
        <v>44</v>
      </c>
      <c r="AQ20866">
        <v>44</v>
      </c>
    </row>
    <row r="20867" spans="1:43">
      <c r="A20867" t="s">
        <v>12927</v>
      </c>
      <c r="B20867" t="s">
        <v>12928</v>
      </c>
      <c r="C20867" t="s">
        <v>12923</v>
      </c>
      <c r="D20867" t="s">
        <v>12924</v>
      </c>
      <c r="E20867" t="s">
        <v>12925</v>
      </c>
      <c r="F20867" t="s">
        <v>12926</v>
      </c>
      <c r="G20867" t="s">
        <v>10214</v>
      </c>
      <c r="H20867" t="s">
        <v>10215</v>
      </c>
      <c r="I20867" s="2">
        <v>1</v>
      </c>
      <c r="J20867" s="2">
        <v>0</v>
      </c>
      <c r="K20867" s="2">
        <v>0</v>
      </c>
      <c r="L20867" t="s">
        <v>120</v>
      </c>
      <c r="M20867" t="s">
        <v>87</v>
      </c>
      <c r="N20867" t="s">
        <v>88</v>
      </c>
      <c r="O20867" t="s">
        <v>85</v>
      </c>
      <c r="P20867" t="s">
        <v>86</v>
      </c>
      <c r="Q20867">
        <v>37</v>
      </c>
      <c r="R20867">
        <v>37</v>
      </c>
      <c r="S20867">
        <v>37</v>
      </c>
      <c r="T20867">
        <v>37</v>
      </c>
      <c r="U20867">
        <v>37</v>
      </c>
      <c r="V20867">
        <v>37</v>
      </c>
      <c r="W20867">
        <v>37</v>
      </c>
      <c r="X20867">
        <v>37</v>
      </c>
      <c r="Y20867">
        <v>38</v>
      </c>
      <c r="Z20867">
        <v>38</v>
      </c>
      <c r="AA20867">
        <v>38</v>
      </c>
      <c r="AB20867">
        <v>38</v>
      </c>
      <c r="AC20867">
        <v>38</v>
      </c>
      <c r="AD20867">
        <v>38</v>
      </c>
      <c r="AE20867">
        <v>38</v>
      </c>
      <c r="AF20867">
        <v>38</v>
      </c>
      <c r="AG20867">
        <v>38</v>
      </c>
      <c r="AH20867">
        <v>38</v>
      </c>
      <c r="AI20867">
        <v>38</v>
      </c>
      <c r="AJ20867">
        <v>38</v>
      </c>
      <c r="AK20867">
        <v>38</v>
      </c>
      <c r="AL20867">
        <v>38</v>
      </c>
      <c r="AM20867">
        <v>38</v>
      </c>
      <c r="AN20867">
        <v>38</v>
      </c>
      <c r="AO20867">
        <v>38</v>
      </c>
      <c r="AP20867">
        <v>38</v>
      </c>
      <c r="AQ20867">
        <v>38</v>
      </c>
    </row>
    <row r="20868" spans="1:43">
      <c r="A20868" t="s">
        <v>12927</v>
      </c>
      <c r="B20868" t="s">
        <v>12928</v>
      </c>
      <c r="C20868" t="s">
        <v>12923</v>
      </c>
      <c r="D20868" t="s">
        <v>12924</v>
      </c>
      <c r="E20868" t="s">
        <v>12925</v>
      </c>
      <c r="F20868" t="s">
        <v>12926</v>
      </c>
      <c r="G20868" t="s">
        <v>10214</v>
      </c>
      <c r="H20868" t="s">
        <v>10215</v>
      </c>
      <c r="I20868" s="2">
        <v>1</v>
      </c>
      <c r="J20868" s="2">
        <v>0</v>
      </c>
      <c r="K20868" s="2">
        <v>0</v>
      </c>
      <c r="L20868" t="s">
        <v>120</v>
      </c>
      <c r="M20868" t="s">
        <v>89</v>
      </c>
      <c r="N20868" t="s">
        <v>90</v>
      </c>
      <c r="O20868" t="s">
        <v>85</v>
      </c>
      <c r="P20868" t="s">
        <v>86</v>
      </c>
      <c r="Q20868">
        <v>37</v>
      </c>
      <c r="R20868">
        <v>37</v>
      </c>
      <c r="S20868">
        <v>38</v>
      </c>
      <c r="T20868">
        <v>39</v>
      </c>
      <c r="U20868">
        <v>39</v>
      </c>
      <c r="V20868">
        <v>40</v>
      </c>
      <c r="W20868">
        <v>41</v>
      </c>
      <c r="X20868">
        <v>41</v>
      </c>
      <c r="Y20868">
        <v>42</v>
      </c>
      <c r="Z20868">
        <v>42</v>
      </c>
      <c r="AA20868">
        <v>43</v>
      </c>
      <c r="AB20868">
        <v>43</v>
      </c>
      <c r="AC20868">
        <v>44</v>
      </c>
      <c r="AD20868">
        <v>44</v>
      </c>
      <c r="AE20868">
        <v>45</v>
      </c>
      <c r="AF20868">
        <v>45</v>
      </c>
      <c r="AG20868">
        <v>45</v>
      </c>
      <c r="AH20868">
        <v>44</v>
      </c>
      <c r="AI20868">
        <v>44</v>
      </c>
      <c r="AJ20868">
        <v>44</v>
      </c>
      <c r="AK20868">
        <v>44</v>
      </c>
      <c r="AL20868">
        <v>44</v>
      </c>
      <c r="AM20868">
        <v>44</v>
      </c>
      <c r="AN20868">
        <v>44</v>
      </c>
      <c r="AO20868">
        <v>44</v>
      </c>
      <c r="AP20868">
        <v>43</v>
      </c>
      <c r="AQ20868">
        <v>43</v>
      </c>
    </row>
    <row r="20869" spans="1:43">
      <c r="A20869" t="s">
        <v>12927</v>
      </c>
      <c r="B20869" t="s">
        <v>12928</v>
      </c>
      <c r="C20869" t="s">
        <v>12923</v>
      </c>
      <c r="D20869" t="s">
        <v>12924</v>
      </c>
      <c r="E20869" t="s">
        <v>12925</v>
      </c>
      <c r="F20869" t="s">
        <v>12926</v>
      </c>
      <c r="G20869" t="s">
        <v>10214</v>
      </c>
      <c r="H20869" t="s">
        <v>10215</v>
      </c>
      <c r="I20869" s="2">
        <v>1</v>
      </c>
      <c r="J20869" s="2">
        <v>0</v>
      </c>
      <c r="K20869" s="2">
        <v>0</v>
      </c>
      <c r="L20869" t="s">
        <v>120</v>
      </c>
      <c r="M20869" t="s">
        <v>83</v>
      </c>
      <c r="N20869" t="s">
        <v>91</v>
      </c>
      <c r="O20869" t="s">
        <v>85</v>
      </c>
      <c r="P20869" t="s">
        <v>86</v>
      </c>
      <c r="Q20869">
        <v>37</v>
      </c>
      <c r="R20869">
        <v>38</v>
      </c>
      <c r="S20869">
        <v>38</v>
      </c>
      <c r="T20869">
        <v>39</v>
      </c>
      <c r="U20869">
        <v>39</v>
      </c>
      <c r="V20869">
        <v>39</v>
      </c>
      <c r="W20869">
        <v>40</v>
      </c>
      <c r="X20869">
        <v>40</v>
      </c>
      <c r="Y20869">
        <v>41</v>
      </c>
      <c r="Z20869">
        <v>41</v>
      </c>
      <c r="AA20869">
        <v>41</v>
      </c>
      <c r="AB20869">
        <v>42</v>
      </c>
      <c r="AC20869">
        <v>42</v>
      </c>
      <c r="AD20869">
        <v>42</v>
      </c>
      <c r="AE20869">
        <v>43</v>
      </c>
      <c r="AF20869">
        <v>43</v>
      </c>
      <c r="AG20869">
        <v>43</v>
      </c>
      <c r="AH20869">
        <v>44</v>
      </c>
      <c r="AI20869">
        <v>44</v>
      </c>
      <c r="AJ20869">
        <v>44</v>
      </c>
      <c r="AK20869">
        <v>45</v>
      </c>
      <c r="AL20869">
        <v>45</v>
      </c>
      <c r="AM20869">
        <v>44</v>
      </c>
      <c r="AN20869">
        <v>44</v>
      </c>
      <c r="AO20869">
        <v>44</v>
      </c>
      <c r="AP20869">
        <v>44</v>
      </c>
      <c r="AQ20869">
        <v>44</v>
      </c>
    </row>
    <row r="20870" spans="1:43">
      <c r="A20870" t="s">
        <v>12929</v>
      </c>
      <c r="B20870" t="s">
        <v>12930</v>
      </c>
      <c r="C20870" t="s">
        <v>12923</v>
      </c>
      <c r="D20870" t="s">
        <v>12924</v>
      </c>
      <c r="E20870" t="s">
        <v>12925</v>
      </c>
      <c r="F20870" t="s">
        <v>12926</v>
      </c>
      <c r="G20870" t="s">
        <v>10214</v>
      </c>
      <c r="H20870" t="s">
        <v>10215</v>
      </c>
      <c r="I20870" s="2">
        <v>1</v>
      </c>
      <c r="J20870" s="2">
        <v>0</v>
      </c>
      <c r="K20870" s="2">
        <v>0</v>
      </c>
      <c r="L20870" t="s">
        <v>120</v>
      </c>
      <c r="M20870" t="s">
        <v>83</v>
      </c>
      <c r="N20870" t="s">
        <v>84</v>
      </c>
      <c r="O20870" t="s">
        <v>85</v>
      </c>
      <c r="P20870" t="s">
        <v>86</v>
      </c>
      <c r="Q20870">
        <v>87</v>
      </c>
      <c r="R20870">
        <v>88</v>
      </c>
      <c r="S20870">
        <v>89</v>
      </c>
      <c r="T20870">
        <v>90</v>
      </c>
      <c r="U20870">
        <v>91</v>
      </c>
      <c r="V20870">
        <v>92</v>
      </c>
      <c r="W20870">
        <v>93</v>
      </c>
      <c r="X20870">
        <v>94</v>
      </c>
      <c r="Y20870">
        <v>94</v>
      </c>
      <c r="Z20870">
        <v>95</v>
      </c>
      <c r="AA20870">
        <v>96</v>
      </c>
      <c r="AB20870">
        <v>97</v>
      </c>
      <c r="AC20870">
        <v>98</v>
      </c>
      <c r="AD20870">
        <v>99</v>
      </c>
      <c r="AE20870">
        <v>99</v>
      </c>
      <c r="AF20870">
        <v>100</v>
      </c>
      <c r="AG20870">
        <v>101</v>
      </c>
      <c r="AH20870">
        <v>102</v>
      </c>
      <c r="AI20870">
        <v>102</v>
      </c>
      <c r="AJ20870">
        <v>103</v>
      </c>
      <c r="AK20870">
        <v>104</v>
      </c>
      <c r="AL20870">
        <v>104</v>
      </c>
      <c r="AM20870">
        <v>103</v>
      </c>
      <c r="AN20870">
        <v>103</v>
      </c>
      <c r="AO20870">
        <v>103</v>
      </c>
      <c r="AP20870">
        <v>103</v>
      </c>
      <c r="AQ20870">
        <v>102</v>
      </c>
    </row>
    <row r="20871" spans="1:43">
      <c r="A20871" t="s">
        <v>12929</v>
      </c>
      <c r="B20871" t="s">
        <v>12930</v>
      </c>
      <c r="C20871" t="s">
        <v>12923</v>
      </c>
      <c r="D20871" t="s">
        <v>12924</v>
      </c>
      <c r="E20871" t="s">
        <v>12925</v>
      </c>
      <c r="F20871" t="s">
        <v>12926</v>
      </c>
      <c r="G20871" t="s">
        <v>10214</v>
      </c>
      <c r="H20871" t="s">
        <v>10215</v>
      </c>
      <c r="I20871" s="2">
        <v>1</v>
      </c>
      <c r="J20871" s="2">
        <v>0</v>
      </c>
      <c r="K20871" s="2">
        <v>0</v>
      </c>
      <c r="L20871" t="s">
        <v>120</v>
      </c>
      <c r="M20871" t="s">
        <v>87</v>
      </c>
      <c r="N20871" t="s">
        <v>88</v>
      </c>
      <c r="O20871" t="s">
        <v>85</v>
      </c>
      <c r="P20871" t="s">
        <v>86</v>
      </c>
      <c r="Q20871">
        <v>87</v>
      </c>
      <c r="R20871">
        <v>87</v>
      </c>
      <c r="S20871">
        <v>87</v>
      </c>
      <c r="T20871">
        <v>87</v>
      </c>
      <c r="U20871">
        <v>88</v>
      </c>
      <c r="V20871">
        <v>88</v>
      </c>
      <c r="W20871">
        <v>88</v>
      </c>
      <c r="X20871">
        <v>88</v>
      </c>
      <c r="Y20871">
        <v>88</v>
      </c>
      <c r="Z20871">
        <v>89</v>
      </c>
      <c r="AA20871">
        <v>89</v>
      </c>
      <c r="AB20871">
        <v>89</v>
      </c>
      <c r="AC20871">
        <v>89</v>
      </c>
      <c r="AD20871">
        <v>89</v>
      </c>
      <c r="AE20871">
        <v>89</v>
      </c>
      <c r="AF20871">
        <v>89</v>
      </c>
      <c r="AG20871">
        <v>89</v>
      </c>
      <c r="AH20871">
        <v>89</v>
      </c>
      <c r="AI20871">
        <v>90</v>
      </c>
      <c r="AJ20871">
        <v>90</v>
      </c>
      <c r="AK20871">
        <v>90</v>
      </c>
      <c r="AL20871">
        <v>90</v>
      </c>
      <c r="AM20871">
        <v>90</v>
      </c>
      <c r="AN20871">
        <v>90</v>
      </c>
      <c r="AO20871">
        <v>90</v>
      </c>
      <c r="AP20871">
        <v>90</v>
      </c>
      <c r="AQ20871">
        <v>90</v>
      </c>
    </row>
    <row r="20872" spans="1:43">
      <c r="A20872" t="s">
        <v>12929</v>
      </c>
      <c r="B20872" t="s">
        <v>12930</v>
      </c>
      <c r="C20872" t="s">
        <v>12923</v>
      </c>
      <c r="D20872" t="s">
        <v>12924</v>
      </c>
      <c r="E20872" t="s">
        <v>12925</v>
      </c>
      <c r="F20872" t="s">
        <v>12926</v>
      </c>
      <c r="G20872" t="s">
        <v>10214</v>
      </c>
      <c r="H20872" t="s">
        <v>10215</v>
      </c>
      <c r="I20872" s="2">
        <v>1</v>
      </c>
      <c r="J20872" s="2">
        <v>0</v>
      </c>
      <c r="K20872" s="2">
        <v>0</v>
      </c>
      <c r="L20872" t="s">
        <v>120</v>
      </c>
      <c r="M20872" t="s">
        <v>89</v>
      </c>
      <c r="N20872" t="s">
        <v>90</v>
      </c>
      <c r="O20872" t="s">
        <v>85</v>
      </c>
      <c r="P20872" t="s">
        <v>86</v>
      </c>
      <c r="Q20872">
        <v>87</v>
      </c>
      <c r="R20872">
        <v>89</v>
      </c>
      <c r="S20872">
        <v>91</v>
      </c>
      <c r="T20872">
        <v>93</v>
      </c>
      <c r="U20872">
        <v>94</v>
      </c>
      <c r="V20872">
        <v>96</v>
      </c>
      <c r="W20872">
        <v>97</v>
      </c>
      <c r="X20872">
        <v>99</v>
      </c>
      <c r="Y20872">
        <v>100</v>
      </c>
      <c r="Z20872">
        <v>101</v>
      </c>
      <c r="AA20872">
        <v>102</v>
      </c>
      <c r="AB20872">
        <v>103</v>
      </c>
      <c r="AC20872">
        <v>105</v>
      </c>
      <c r="AD20872">
        <v>106</v>
      </c>
      <c r="AE20872">
        <v>106</v>
      </c>
      <c r="AF20872">
        <v>106</v>
      </c>
      <c r="AG20872">
        <v>106</v>
      </c>
      <c r="AH20872">
        <v>106</v>
      </c>
      <c r="AI20872">
        <v>106</v>
      </c>
      <c r="AJ20872">
        <v>105</v>
      </c>
      <c r="AK20872">
        <v>105</v>
      </c>
      <c r="AL20872">
        <v>105</v>
      </c>
      <c r="AM20872">
        <v>104</v>
      </c>
      <c r="AN20872">
        <v>104</v>
      </c>
      <c r="AO20872">
        <v>104</v>
      </c>
      <c r="AP20872">
        <v>104</v>
      </c>
      <c r="AQ20872">
        <v>103</v>
      </c>
    </row>
    <row r="20873" spans="1:43">
      <c r="A20873" t="s">
        <v>12929</v>
      </c>
      <c r="B20873" t="s">
        <v>12930</v>
      </c>
      <c r="C20873" t="s">
        <v>12923</v>
      </c>
      <c r="D20873" t="s">
        <v>12924</v>
      </c>
      <c r="E20873" t="s">
        <v>12925</v>
      </c>
      <c r="F20873" t="s">
        <v>12926</v>
      </c>
      <c r="G20873" t="s">
        <v>10214</v>
      </c>
      <c r="H20873" t="s">
        <v>10215</v>
      </c>
      <c r="I20873" s="2">
        <v>1</v>
      </c>
      <c r="J20873" s="2">
        <v>0</v>
      </c>
      <c r="K20873" s="2">
        <v>0</v>
      </c>
      <c r="L20873" t="s">
        <v>120</v>
      </c>
      <c r="M20873" t="s">
        <v>83</v>
      </c>
      <c r="N20873" t="s">
        <v>91</v>
      </c>
      <c r="O20873" t="s">
        <v>85</v>
      </c>
      <c r="P20873" t="s">
        <v>86</v>
      </c>
      <c r="Q20873">
        <v>87</v>
      </c>
      <c r="R20873">
        <v>88</v>
      </c>
      <c r="S20873">
        <v>89</v>
      </c>
      <c r="T20873">
        <v>90</v>
      </c>
      <c r="U20873">
        <v>91</v>
      </c>
      <c r="V20873">
        <v>92</v>
      </c>
      <c r="W20873">
        <v>93</v>
      </c>
      <c r="X20873">
        <v>94</v>
      </c>
      <c r="Y20873">
        <v>94</v>
      </c>
      <c r="Z20873">
        <v>95</v>
      </c>
      <c r="AA20873">
        <v>96</v>
      </c>
      <c r="AB20873">
        <v>97</v>
      </c>
      <c r="AC20873">
        <v>98</v>
      </c>
      <c r="AD20873">
        <v>99</v>
      </c>
      <c r="AE20873">
        <v>99</v>
      </c>
      <c r="AF20873">
        <v>100</v>
      </c>
      <c r="AG20873">
        <v>101</v>
      </c>
      <c r="AH20873">
        <v>102</v>
      </c>
      <c r="AI20873">
        <v>102</v>
      </c>
      <c r="AJ20873">
        <v>103</v>
      </c>
      <c r="AK20873">
        <v>104</v>
      </c>
      <c r="AL20873">
        <v>104</v>
      </c>
      <c r="AM20873">
        <v>103</v>
      </c>
      <c r="AN20873">
        <v>103</v>
      </c>
      <c r="AO20873">
        <v>103</v>
      </c>
      <c r="AP20873">
        <v>103</v>
      </c>
      <c r="AQ20873">
        <v>102</v>
      </c>
    </row>
    <row r="20874" spans="1:43">
      <c r="A20874" t="s">
        <v>12931</v>
      </c>
      <c r="B20874" t="s">
        <v>12932</v>
      </c>
      <c r="C20874" t="s">
        <v>12923</v>
      </c>
      <c r="D20874" t="s">
        <v>12924</v>
      </c>
      <c r="E20874" t="s">
        <v>12925</v>
      </c>
      <c r="F20874" t="s">
        <v>12926</v>
      </c>
      <c r="G20874" t="s">
        <v>10214</v>
      </c>
      <c r="H20874" t="s">
        <v>10215</v>
      </c>
      <c r="I20874" s="2">
        <v>1</v>
      </c>
      <c r="J20874" s="2">
        <v>0</v>
      </c>
      <c r="K20874" s="2">
        <v>0</v>
      </c>
      <c r="L20874" t="s">
        <v>120</v>
      </c>
      <c r="M20874" t="s">
        <v>83</v>
      </c>
      <c r="N20874" t="s">
        <v>84</v>
      </c>
      <c r="O20874" t="s">
        <v>85</v>
      </c>
      <c r="P20874" t="s">
        <v>86</v>
      </c>
      <c r="Q20874">
        <v>14</v>
      </c>
      <c r="R20874">
        <v>14</v>
      </c>
      <c r="S20874">
        <v>14</v>
      </c>
      <c r="T20874">
        <v>14</v>
      </c>
      <c r="U20874">
        <v>15</v>
      </c>
      <c r="V20874">
        <v>15</v>
      </c>
      <c r="W20874">
        <v>15</v>
      </c>
      <c r="X20874">
        <v>15</v>
      </c>
      <c r="Y20874">
        <v>15</v>
      </c>
      <c r="Z20874">
        <v>15</v>
      </c>
      <c r="AA20874">
        <v>16</v>
      </c>
      <c r="AB20874">
        <v>16</v>
      </c>
      <c r="AC20874">
        <v>16</v>
      </c>
      <c r="AD20874">
        <v>16</v>
      </c>
      <c r="AE20874">
        <v>16</v>
      </c>
      <c r="AF20874">
        <v>16</v>
      </c>
      <c r="AG20874">
        <v>16</v>
      </c>
      <c r="AH20874">
        <v>16</v>
      </c>
      <c r="AI20874">
        <v>17</v>
      </c>
      <c r="AJ20874">
        <v>17</v>
      </c>
      <c r="AK20874">
        <v>17</v>
      </c>
      <c r="AL20874">
        <v>17</v>
      </c>
      <c r="AM20874">
        <v>17</v>
      </c>
      <c r="AN20874">
        <v>17</v>
      </c>
      <c r="AO20874">
        <v>17</v>
      </c>
      <c r="AP20874">
        <v>17</v>
      </c>
      <c r="AQ20874">
        <v>17</v>
      </c>
    </row>
    <row r="20875" spans="1:43">
      <c r="A20875" t="s">
        <v>12931</v>
      </c>
      <c r="B20875" t="s">
        <v>12932</v>
      </c>
      <c r="C20875" t="s">
        <v>12923</v>
      </c>
      <c r="D20875" t="s">
        <v>12924</v>
      </c>
      <c r="E20875" t="s">
        <v>12925</v>
      </c>
      <c r="F20875" t="s">
        <v>12926</v>
      </c>
      <c r="G20875" t="s">
        <v>10214</v>
      </c>
      <c r="H20875" t="s">
        <v>10215</v>
      </c>
      <c r="I20875" s="2">
        <v>1</v>
      </c>
      <c r="J20875" s="2">
        <v>0</v>
      </c>
      <c r="K20875" s="2">
        <v>0</v>
      </c>
      <c r="L20875" t="s">
        <v>120</v>
      </c>
      <c r="M20875" t="s">
        <v>87</v>
      </c>
      <c r="N20875" t="s">
        <v>88</v>
      </c>
      <c r="O20875" t="s">
        <v>85</v>
      </c>
      <c r="P20875" t="s">
        <v>86</v>
      </c>
      <c r="Q20875">
        <v>14</v>
      </c>
      <c r="R20875">
        <v>14</v>
      </c>
      <c r="S20875">
        <v>14</v>
      </c>
      <c r="T20875">
        <v>14</v>
      </c>
      <c r="U20875">
        <v>14</v>
      </c>
      <c r="V20875">
        <v>14</v>
      </c>
      <c r="W20875">
        <v>14</v>
      </c>
      <c r="X20875">
        <v>14</v>
      </c>
      <c r="Y20875">
        <v>14</v>
      </c>
      <c r="Z20875">
        <v>14</v>
      </c>
      <c r="AA20875">
        <v>14</v>
      </c>
      <c r="AB20875">
        <v>14</v>
      </c>
      <c r="AC20875">
        <v>14</v>
      </c>
      <c r="AD20875">
        <v>14</v>
      </c>
      <c r="AE20875">
        <v>14</v>
      </c>
      <c r="AF20875">
        <v>14</v>
      </c>
      <c r="AG20875">
        <v>14</v>
      </c>
      <c r="AH20875">
        <v>14</v>
      </c>
      <c r="AI20875">
        <v>14</v>
      </c>
      <c r="AJ20875">
        <v>14</v>
      </c>
      <c r="AK20875">
        <v>14</v>
      </c>
      <c r="AL20875">
        <v>14</v>
      </c>
      <c r="AM20875">
        <v>14</v>
      </c>
      <c r="AN20875">
        <v>14</v>
      </c>
      <c r="AO20875">
        <v>14</v>
      </c>
      <c r="AP20875">
        <v>14</v>
      </c>
      <c r="AQ20875">
        <v>14</v>
      </c>
    </row>
    <row r="20876" spans="1:43">
      <c r="A20876" t="s">
        <v>12931</v>
      </c>
      <c r="B20876" t="s">
        <v>12932</v>
      </c>
      <c r="C20876" t="s">
        <v>12923</v>
      </c>
      <c r="D20876" t="s">
        <v>12924</v>
      </c>
      <c r="E20876" t="s">
        <v>12925</v>
      </c>
      <c r="F20876" t="s">
        <v>12926</v>
      </c>
      <c r="G20876" t="s">
        <v>10214</v>
      </c>
      <c r="H20876" t="s">
        <v>10215</v>
      </c>
      <c r="I20876" s="2">
        <v>1</v>
      </c>
      <c r="J20876" s="2">
        <v>0</v>
      </c>
      <c r="K20876" s="2">
        <v>0</v>
      </c>
      <c r="L20876" t="s">
        <v>120</v>
      </c>
      <c r="M20876" t="s">
        <v>89</v>
      </c>
      <c r="N20876" t="s">
        <v>90</v>
      </c>
      <c r="O20876" t="s">
        <v>85</v>
      </c>
      <c r="P20876" t="s">
        <v>86</v>
      </c>
      <c r="Q20876">
        <v>14</v>
      </c>
      <c r="R20876">
        <v>14</v>
      </c>
      <c r="S20876">
        <v>15</v>
      </c>
      <c r="T20876">
        <v>15</v>
      </c>
      <c r="U20876">
        <v>15</v>
      </c>
      <c r="V20876">
        <v>15</v>
      </c>
      <c r="W20876">
        <v>16</v>
      </c>
      <c r="X20876">
        <v>16</v>
      </c>
      <c r="Y20876">
        <v>16</v>
      </c>
      <c r="Z20876">
        <v>16</v>
      </c>
      <c r="AA20876">
        <v>17</v>
      </c>
      <c r="AB20876">
        <v>17</v>
      </c>
      <c r="AC20876">
        <v>17</v>
      </c>
      <c r="AD20876">
        <v>17</v>
      </c>
      <c r="AE20876">
        <v>17</v>
      </c>
      <c r="AF20876">
        <v>17</v>
      </c>
      <c r="AG20876">
        <v>17</v>
      </c>
      <c r="AH20876">
        <v>17</v>
      </c>
      <c r="AI20876">
        <v>17</v>
      </c>
      <c r="AJ20876">
        <v>17</v>
      </c>
      <c r="AK20876">
        <v>17</v>
      </c>
      <c r="AL20876">
        <v>17</v>
      </c>
      <c r="AM20876">
        <v>17</v>
      </c>
      <c r="AN20876">
        <v>17</v>
      </c>
      <c r="AO20876">
        <v>17</v>
      </c>
      <c r="AP20876">
        <v>17</v>
      </c>
      <c r="AQ20876">
        <v>17</v>
      </c>
    </row>
    <row r="20877" spans="1:43">
      <c r="A20877" t="s">
        <v>12931</v>
      </c>
      <c r="B20877" t="s">
        <v>12932</v>
      </c>
      <c r="C20877" t="s">
        <v>12923</v>
      </c>
      <c r="D20877" t="s">
        <v>12924</v>
      </c>
      <c r="E20877" t="s">
        <v>12925</v>
      </c>
      <c r="F20877" t="s">
        <v>12926</v>
      </c>
      <c r="G20877" t="s">
        <v>10214</v>
      </c>
      <c r="H20877" t="s">
        <v>10215</v>
      </c>
      <c r="I20877" s="2">
        <v>1</v>
      </c>
      <c r="J20877" s="2">
        <v>0</v>
      </c>
      <c r="K20877" s="2">
        <v>0</v>
      </c>
      <c r="L20877" t="s">
        <v>120</v>
      </c>
      <c r="M20877" t="s">
        <v>83</v>
      </c>
      <c r="N20877" t="s">
        <v>91</v>
      </c>
      <c r="O20877" t="s">
        <v>85</v>
      </c>
      <c r="P20877" t="s">
        <v>86</v>
      </c>
      <c r="Q20877">
        <v>14</v>
      </c>
      <c r="R20877">
        <v>14</v>
      </c>
      <c r="S20877">
        <v>14</v>
      </c>
      <c r="T20877">
        <v>14</v>
      </c>
      <c r="U20877">
        <v>15</v>
      </c>
      <c r="V20877">
        <v>15</v>
      </c>
      <c r="W20877">
        <v>15</v>
      </c>
      <c r="X20877">
        <v>15</v>
      </c>
      <c r="Y20877">
        <v>15</v>
      </c>
      <c r="Z20877">
        <v>15</v>
      </c>
      <c r="AA20877">
        <v>16</v>
      </c>
      <c r="AB20877">
        <v>16</v>
      </c>
      <c r="AC20877">
        <v>16</v>
      </c>
      <c r="AD20877">
        <v>16</v>
      </c>
      <c r="AE20877">
        <v>16</v>
      </c>
      <c r="AF20877">
        <v>16</v>
      </c>
      <c r="AG20877">
        <v>16</v>
      </c>
      <c r="AH20877">
        <v>16</v>
      </c>
      <c r="AI20877">
        <v>17</v>
      </c>
      <c r="AJ20877">
        <v>17</v>
      </c>
      <c r="AK20877">
        <v>17</v>
      </c>
      <c r="AL20877">
        <v>17</v>
      </c>
      <c r="AM20877">
        <v>17</v>
      </c>
      <c r="AN20877">
        <v>17</v>
      </c>
      <c r="AO20877">
        <v>17</v>
      </c>
      <c r="AP20877">
        <v>17</v>
      </c>
      <c r="AQ20877">
        <v>17</v>
      </c>
    </row>
    <row r="20878" spans="1:43">
      <c r="A20878" t="s">
        <v>12933</v>
      </c>
      <c r="B20878" t="s">
        <v>12934</v>
      </c>
      <c r="C20878" t="s">
        <v>12923</v>
      </c>
      <c r="D20878" t="s">
        <v>12924</v>
      </c>
      <c r="E20878" t="s">
        <v>12925</v>
      </c>
      <c r="F20878" t="s">
        <v>12926</v>
      </c>
      <c r="G20878" t="s">
        <v>10214</v>
      </c>
      <c r="H20878" t="s">
        <v>10215</v>
      </c>
      <c r="I20878" s="2">
        <v>1</v>
      </c>
      <c r="J20878" s="2">
        <v>0</v>
      </c>
      <c r="K20878" s="2">
        <v>0</v>
      </c>
      <c r="L20878" t="s">
        <v>120</v>
      </c>
      <c r="M20878" t="s">
        <v>83</v>
      </c>
      <c r="N20878" t="s">
        <v>84</v>
      </c>
      <c r="O20878" t="s">
        <v>85</v>
      </c>
      <c r="P20878" t="s">
        <v>86</v>
      </c>
      <c r="Q20878">
        <v>38</v>
      </c>
      <c r="R20878">
        <v>39</v>
      </c>
      <c r="S20878">
        <v>39</v>
      </c>
      <c r="T20878">
        <v>40</v>
      </c>
      <c r="U20878">
        <v>40</v>
      </c>
      <c r="V20878">
        <v>41</v>
      </c>
      <c r="W20878">
        <v>41</v>
      </c>
      <c r="X20878">
        <v>41</v>
      </c>
      <c r="Y20878">
        <v>42</v>
      </c>
      <c r="Z20878">
        <v>42</v>
      </c>
      <c r="AA20878">
        <v>43</v>
      </c>
      <c r="AB20878">
        <v>43</v>
      </c>
      <c r="AC20878">
        <v>43</v>
      </c>
      <c r="AD20878">
        <v>44</v>
      </c>
      <c r="AE20878">
        <v>44</v>
      </c>
      <c r="AF20878">
        <v>44</v>
      </c>
      <c r="AG20878">
        <v>45</v>
      </c>
      <c r="AH20878">
        <v>45</v>
      </c>
      <c r="AI20878">
        <v>45</v>
      </c>
      <c r="AJ20878">
        <v>46</v>
      </c>
      <c r="AK20878">
        <v>46</v>
      </c>
      <c r="AL20878">
        <v>46</v>
      </c>
      <c r="AM20878">
        <v>46</v>
      </c>
      <c r="AN20878">
        <v>46</v>
      </c>
      <c r="AO20878">
        <v>46</v>
      </c>
      <c r="AP20878">
        <v>45</v>
      </c>
      <c r="AQ20878">
        <v>45</v>
      </c>
    </row>
    <row r="20879" spans="1:43">
      <c r="A20879" t="s">
        <v>12933</v>
      </c>
      <c r="B20879" t="s">
        <v>12934</v>
      </c>
      <c r="C20879" t="s">
        <v>12923</v>
      </c>
      <c r="D20879" t="s">
        <v>12924</v>
      </c>
      <c r="E20879" t="s">
        <v>12925</v>
      </c>
      <c r="F20879" t="s">
        <v>12926</v>
      </c>
      <c r="G20879" t="s">
        <v>10214</v>
      </c>
      <c r="H20879" t="s">
        <v>10215</v>
      </c>
      <c r="I20879" s="2">
        <v>1</v>
      </c>
      <c r="J20879" s="2">
        <v>0</v>
      </c>
      <c r="K20879" s="2">
        <v>0</v>
      </c>
      <c r="L20879" t="s">
        <v>120</v>
      </c>
      <c r="M20879" t="s">
        <v>87</v>
      </c>
      <c r="N20879" t="s">
        <v>88</v>
      </c>
      <c r="O20879" t="s">
        <v>85</v>
      </c>
      <c r="P20879" t="s">
        <v>86</v>
      </c>
      <c r="Q20879">
        <v>38</v>
      </c>
      <c r="R20879">
        <v>38</v>
      </c>
      <c r="S20879">
        <v>38</v>
      </c>
      <c r="T20879">
        <v>38</v>
      </c>
      <c r="U20879">
        <v>38</v>
      </c>
      <c r="V20879">
        <v>38</v>
      </c>
      <c r="W20879">
        <v>39</v>
      </c>
      <c r="X20879">
        <v>39</v>
      </c>
      <c r="Y20879">
        <v>39</v>
      </c>
      <c r="Z20879">
        <v>39</v>
      </c>
      <c r="AA20879">
        <v>39</v>
      </c>
      <c r="AB20879">
        <v>39</v>
      </c>
      <c r="AC20879">
        <v>39</v>
      </c>
      <c r="AD20879">
        <v>39</v>
      </c>
      <c r="AE20879">
        <v>39</v>
      </c>
      <c r="AF20879">
        <v>39</v>
      </c>
      <c r="AG20879">
        <v>39</v>
      </c>
      <c r="AH20879">
        <v>39</v>
      </c>
      <c r="AI20879">
        <v>39</v>
      </c>
      <c r="AJ20879">
        <v>39</v>
      </c>
      <c r="AK20879">
        <v>39</v>
      </c>
      <c r="AL20879">
        <v>39</v>
      </c>
      <c r="AM20879">
        <v>39</v>
      </c>
      <c r="AN20879">
        <v>39</v>
      </c>
      <c r="AO20879">
        <v>39</v>
      </c>
      <c r="AP20879">
        <v>39</v>
      </c>
      <c r="AQ20879">
        <v>39</v>
      </c>
    </row>
    <row r="20880" spans="1:43">
      <c r="A20880" t="s">
        <v>12933</v>
      </c>
      <c r="B20880" t="s">
        <v>12934</v>
      </c>
      <c r="C20880" t="s">
        <v>12923</v>
      </c>
      <c r="D20880" t="s">
        <v>12924</v>
      </c>
      <c r="E20880" t="s">
        <v>12925</v>
      </c>
      <c r="F20880" t="s">
        <v>12926</v>
      </c>
      <c r="G20880" t="s">
        <v>10214</v>
      </c>
      <c r="H20880" t="s">
        <v>10215</v>
      </c>
      <c r="I20880" s="2">
        <v>1</v>
      </c>
      <c r="J20880" s="2">
        <v>0</v>
      </c>
      <c r="K20880" s="2">
        <v>0</v>
      </c>
      <c r="L20880" t="s">
        <v>120</v>
      </c>
      <c r="M20880" t="s">
        <v>89</v>
      </c>
      <c r="N20880" t="s">
        <v>90</v>
      </c>
      <c r="O20880" t="s">
        <v>85</v>
      </c>
      <c r="P20880" t="s">
        <v>86</v>
      </c>
      <c r="Q20880">
        <v>38</v>
      </c>
      <c r="R20880">
        <v>39</v>
      </c>
      <c r="S20880">
        <v>39</v>
      </c>
      <c r="T20880">
        <v>40</v>
      </c>
      <c r="U20880">
        <v>41</v>
      </c>
      <c r="V20880">
        <v>41</v>
      </c>
      <c r="W20880">
        <v>42</v>
      </c>
      <c r="X20880">
        <v>43</v>
      </c>
      <c r="Y20880">
        <v>43</v>
      </c>
      <c r="Z20880">
        <v>44</v>
      </c>
      <c r="AA20880">
        <v>44</v>
      </c>
      <c r="AB20880">
        <v>45</v>
      </c>
      <c r="AC20880">
        <v>45</v>
      </c>
      <c r="AD20880">
        <v>46</v>
      </c>
      <c r="AE20880">
        <v>46</v>
      </c>
      <c r="AF20880">
        <v>46</v>
      </c>
      <c r="AG20880">
        <v>46</v>
      </c>
      <c r="AH20880">
        <v>46</v>
      </c>
      <c r="AI20880">
        <v>46</v>
      </c>
      <c r="AJ20880">
        <v>46</v>
      </c>
      <c r="AK20880">
        <v>46</v>
      </c>
      <c r="AL20880">
        <v>45</v>
      </c>
      <c r="AM20880">
        <v>45</v>
      </c>
      <c r="AN20880">
        <v>45</v>
      </c>
      <c r="AO20880">
        <v>45</v>
      </c>
      <c r="AP20880">
        <v>45</v>
      </c>
      <c r="AQ20880">
        <v>45</v>
      </c>
    </row>
    <row r="20881" spans="1:43">
      <c r="A20881" t="s">
        <v>12933</v>
      </c>
      <c r="B20881" t="s">
        <v>12934</v>
      </c>
      <c r="C20881" t="s">
        <v>12923</v>
      </c>
      <c r="D20881" t="s">
        <v>12924</v>
      </c>
      <c r="E20881" t="s">
        <v>12925</v>
      </c>
      <c r="F20881" t="s">
        <v>12926</v>
      </c>
      <c r="G20881" t="s">
        <v>10214</v>
      </c>
      <c r="H20881" t="s">
        <v>10215</v>
      </c>
      <c r="I20881" s="2">
        <v>1</v>
      </c>
      <c r="J20881" s="2">
        <v>0</v>
      </c>
      <c r="K20881" s="2">
        <v>0</v>
      </c>
      <c r="L20881" t="s">
        <v>120</v>
      </c>
      <c r="M20881" t="s">
        <v>83</v>
      </c>
      <c r="N20881" t="s">
        <v>91</v>
      </c>
      <c r="O20881" t="s">
        <v>85</v>
      </c>
      <c r="P20881" t="s">
        <v>86</v>
      </c>
      <c r="Q20881">
        <v>38</v>
      </c>
      <c r="R20881">
        <v>39</v>
      </c>
      <c r="S20881">
        <v>39</v>
      </c>
      <c r="T20881">
        <v>40</v>
      </c>
      <c r="U20881">
        <v>40</v>
      </c>
      <c r="V20881">
        <v>41</v>
      </c>
      <c r="W20881">
        <v>41</v>
      </c>
      <c r="X20881">
        <v>41</v>
      </c>
      <c r="Y20881">
        <v>42</v>
      </c>
      <c r="Z20881">
        <v>42</v>
      </c>
      <c r="AA20881">
        <v>43</v>
      </c>
      <c r="AB20881">
        <v>43</v>
      </c>
      <c r="AC20881">
        <v>43</v>
      </c>
      <c r="AD20881">
        <v>44</v>
      </c>
      <c r="AE20881">
        <v>44</v>
      </c>
      <c r="AF20881">
        <v>44</v>
      </c>
      <c r="AG20881">
        <v>45</v>
      </c>
      <c r="AH20881">
        <v>45</v>
      </c>
      <c r="AI20881">
        <v>45</v>
      </c>
      <c r="AJ20881">
        <v>46</v>
      </c>
      <c r="AK20881">
        <v>46</v>
      </c>
      <c r="AL20881">
        <v>46</v>
      </c>
      <c r="AM20881">
        <v>46</v>
      </c>
      <c r="AN20881">
        <v>46</v>
      </c>
      <c r="AO20881">
        <v>46</v>
      </c>
      <c r="AP20881">
        <v>45</v>
      </c>
      <c r="AQ20881">
        <v>45</v>
      </c>
    </row>
    <row r="20882" spans="1:43">
      <c r="A20882" t="s">
        <v>12935</v>
      </c>
      <c r="B20882" t="s">
        <v>12936</v>
      </c>
      <c r="C20882" t="s">
        <v>12923</v>
      </c>
      <c r="D20882" t="s">
        <v>12924</v>
      </c>
      <c r="E20882" t="s">
        <v>12925</v>
      </c>
      <c r="F20882" t="s">
        <v>12926</v>
      </c>
      <c r="G20882" t="s">
        <v>10214</v>
      </c>
      <c r="H20882" t="s">
        <v>10215</v>
      </c>
      <c r="I20882" s="2">
        <v>1</v>
      </c>
      <c r="J20882" s="2">
        <v>0</v>
      </c>
      <c r="K20882" s="2">
        <v>0</v>
      </c>
      <c r="L20882" t="s">
        <v>120</v>
      </c>
      <c r="M20882" t="s">
        <v>83</v>
      </c>
      <c r="N20882" t="s">
        <v>84</v>
      </c>
      <c r="O20882" t="s">
        <v>85</v>
      </c>
      <c r="P20882" t="s">
        <v>86</v>
      </c>
      <c r="Q20882">
        <v>35</v>
      </c>
      <c r="R20882">
        <v>36</v>
      </c>
      <c r="S20882">
        <v>36</v>
      </c>
      <c r="T20882">
        <v>37</v>
      </c>
      <c r="U20882">
        <v>37</v>
      </c>
      <c r="V20882">
        <v>37</v>
      </c>
      <c r="W20882">
        <v>38</v>
      </c>
      <c r="X20882">
        <v>38</v>
      </c>
      <c r="Y20882">
        <v>39</v>
      </c>
      <c r="Z20882">
        <v>39</v>
      </c>
      <c r="AA20882">
        <v>39</v>
      </c>
      <c r="AB20882">
        <v>40</v>
      </c>
      <c r="AC20882">
        <v>40</v>
      </c>
      <c r="AD20882">
        <v>40</v>
      </c>
      <c r="AE20882">
        <v>41</v>
      </c>
      <c r="AF20882">
        <v>41</v>
      </c>
      <c r="AG20882">
        <v>41</v>
      </c>
      <c r="AH20882">
        <v>41</v>
      </c>
      <c r="AI20882">
        <v>42</v>
      </c>
      <c r="AJ20882">
        <v>42</v>
      </c>
      <c r="AK20882">
        <v>42</v>
      </c>
      <c r="AL20882">
        <v>42</v>
      </c>
      <c r="AM20882">
        <v>42</v>
      </c>
      <c r="AN20882">
        <v>42</v>
      </c>
      <c r="AO20882">
        <v>42</v>
      </c>
      <c r="AP20882">
        <v>42</v>
      </c>
      <c r="AQ20882">
        <v>42</v>
      </c>
    </row>
    <row r="20883" spans="1:43">
      <c r="A20883" t="s">
        <v>12935</v>
      </c>
      <c r="B20883" t="s">
        <v>12936</v>
      </c>
      <c r="C20883" t="s">
        <v>12923</v>
      </c>
      <c r="D20883" t="s">
        <v>12924</v>
      </c>
      <c r="E20883" t="s">
        <v>12925</v>
      </c>
      <c r="F20883" t="s">
        <v>12926</v>
      </c>
      <c r="G20883" t="s">
        <v>10214</v>
      </c>
      <c r="H20883" t="s">
        <v>10215</v>
      </c>
      <c r="I20883" s="2">
        <v>1</v>
      </c>
      <c r="J20883" s="2">
        <v>0</v>
      </c>
      <c r="K20883" s="2">
        <v>0</v>
      </c>
      <c r="L20883" t="s">
        <v>120</v>
      </c>
      <c r="M20883" t="s">
        <v>87</v>
      </c>
      <c r="N20883" t="s">
        <v>88</v>
      </c>
      <c r="O20883" t="s">
        <v>85</v>
      </c>
      <c r="P20883" t="s">
        <v>86</v>
      </c>
      <c r="Q20883">
        <v>35</v>
      </c>
      <c r="R20883">
        <v>35</v>
      </c>
      <c r="S20883">
        <v>35</v>
      </c>
      <c r="T20883">
        <v>35</v>
      </c>
      <c r="U20883">
        <v>35</v>
      </c>
      <c r="V20883">
        <v>35</v>
      </c>
      <c r="W20883">
        <v>36</v>
      </c>
      <c r="X20883">
        <v>36</v>
      </c>
      <c r="Y20883">
        <v>36</v>
      </c>
      <c r="Z20883">
        <v>36</v>
      </c>
      <c r="AA20883">
        <v>36</v>
      </c>
      <c r="AB20883">
        <v>36</v>
      </c>
      <c r="AC20883">
        <v>36</v>
      </c>
      <c r="AD20883">
        <v>36</v>
      </c>
      <c r="AE20883">
        <v>36</v>
      </c>
      <c r="AF20883">
        <v>36</v>
      </c>
      <c r="AG20883">
        <v>36</v>
      </c>
      <c r="AH20883">
        <v>36</v>
      </c>
      <c r="AI20883">
        <v>36</v>
      </c>
      <c r="AJ20883">
        <v>36</v>
      </c>
      <c r="AK20883">
        <v>36</v>
      </c>
      <c r="AL20883">
        <v>36</v>
      </c>
      <c r="AM20883">
        <v>36</v>
      </c>
      <c r="AN20883">
        <v>36</v>
      </c>
      <c r="AO20883">
        <v>36</v>
      </c>
      <c r="AP20883">
        <v>36</v>
      </c>
      <c r="AQ20883">
        <v>36</v>
      </c>
    </row>
    <row r="20884" spans="1:43">
      <c r="A20884" t="s">
        <v>12935</v>
      </c>
      <c r="B20884" t="s">
        <v>12936</v>
      </c>
      <c r="C20884" t="s">
        <v>12923</v>
      </c>
      <c r="D20884" t="s">
        <v>12924</v>
      </c>
      <c r="E20884" t="s">
        <v>12925</v>
      </c>
      <c r="F20884" t="s">
        <v>12926</v>
      </c>
      <c r="G20884" t="s">
        <v>10214</v>
      </c>
      <c r="H20884" t="s">
        <v>10215</v>
      </c>
      <c r="I20884" s="2">
        <v>1</v>
      </c>
      <c r="J20884" s="2">
        <v>0</v>
      </c>
      <c r="K20884" s="2">
        <v>0</v>
      </c>
      <c r="L20884" t="s">
        <v>120</v>
      </c>
      <c r="M20884" t="s">
        <v>89</v>
      </c>
      <c r="N20884" t="s">
        <v>90</v>
      </c>
      <c r="O20884" t="s">
        <v>85</v>
      </c>
      <c r="P20884" t="s">
        <v>86</v>
      </c>
      <c r="Q20884">
        <v>35</v>
      </c>
      <c r="R20884">
        <v>35</v>
      </c>
      <c r="S20884">
        <v>36</v>
      </c>
      <c r="T20884">
        <v>37</v>
      </c>
      <c r="U20884">
        <v>37</v>
      </c>
      <c r="V20884">
        <v>38</v>
      </c>
      <c r="W20884">
        <v>39</v>
      </c>
      <c r="X20884">
        <v>39</v>
      </c>
      <c r="Y20884">
        <v>40</v>
      </c>
      <c r="Z20884">
        <v>40</v>
      </c>
      <c r="AA20884">
        <v>41</v>
      </c>
      <c r="AB20884">
        <v>41</v>
      </c>
      <c r="AC20884">
        <v>42</v>
      </c>
      <c r="AD20884">
        <v>42</v>
      </c>
      <c r="AE20884">
        <v>42</v>
      </c>
      <c r="AF20884">
        <v>42</v>
      </c>
      <c r="AG20884">
        <v>42</v>
      </c>
      <c r="AH20884">
        <v>42</v>
      </c>
      <c r="AI20884">
        <v>42</v>
      </c>
      <c r="AJ20884">
        <v>42</v>
      </c>
      <c r="AK20884">
        <v>42</v>
      </c>
      <c r="AL20884">
        <v>42</v>
      </c>
      <c r="AM20884">
        <v>42</v>
      </c>
      <c r="AN20884">
        <v>42</v>
      </c>
      <c r="AO20884">
        <v>41</v>
      </c>
      <c r="AP20884">
        <v>41</v>
      </c>
      <c r="AQ20884">
        <v>41</v>
      </c>
    </row>
    <row r="20885" spans="1:43">
      <c r="A20885" t="s">
        <v>12935</v>
      </c>
      <c r="B20885" t="s">
        <v>12936</v>
      </c>
      <c r="C20885" t="s">
        <v>12923</v>
      </c>
      <c r="D20885" t="s">
        <v>12924</v>
      </c>
      <c r="E20885" t="s">
        <v>12925</v>
      </c>
      <c r="F20885" t="s">
        <v>12926</v>
      </c>
      <c r="G20885" t="s">
        <v>10214</v>
      </c>
      <c r="H20885" t="s">
        <v>10215</v>
      </c>
      <c r="I20885" s="2">
        <v>1</v>
      </c>
      <c r="J20885" s="2">
        <v>0</v>
      </c>
      <c r="K20885" s="2">
        <v>0</v>
      </c>
      <c r="L20885" t="s">
        <v>120</v>
      </c>
      <c r="M20885" t="s">
        <v>83</v>
      </c>
      <c r="N20885" t="s">
        <v>91</v>
      </c>
      <c r="O20885" t="s">
        <v>85</v>
      </c>
      <c r="P20885" t="s">
        <v>86</v>
      </c>
      <c r="Q20885">
        <v>35</v>
      </c>
      <c r="R20885">
        <v>36</v>
      </c>
      <c r="S20885">
        <v>36</v>
      </c>
      <c r="T20885">
        <v>37</v>
      </c>
      <c r="U20885">
        <v>37</v>
      </c>
      <c r="V20885">
        <v>37</v>
      </c>
      <c r="W20885">
        <v>38</v>
      </c>
      <c r="X20885">
        <v>38</v>
      </c>
      <c r="Y20885">
        <v>39</v>
      </c>
      <c r="Z20885">
        <v>39</v>
      </c>
      <c r="AA20885">
        <v>39</v>
      </c>
      <c r="AB20885">
        <v>40</v>
      </c>
      <c r="AC20885">
        <v>40</v>
      </c>
      <c r="AD20885">
        <v>40</v>
      </c>
      <c r="AE20885">
        <v>41</v>
      </c>
      <c r="AF20885">
        <v>41</v>
      </c>
      <c r="AG20885">
        <v>41</v>
      </c>
      <c r="AH20885">
        <v>41</v>
      </c>
      <c r="AI20885">
        <v>42</v>
      </c>
      <c r="AJ20885">
        <v>42</v>
      </c>
      <c r="AK20885">
        <v>42</v>
      </c>
      <c r="AL20885">
        <v>42</v>
      </c>
      <c r="AM20885">
        <v>42</v>
      </c>
      <c r="AN20885">
        <v>42</v>
      </c>
      <c r="AO20885">
        <v>42</v>
      </c>
      <c r="AP20885">
        <v>42</v>
      </c>
      <c r="AQ20885">
        <v>42</v>
      </c>
    </row>
    <row r="20886" spans="1:43">
      <c r="A20886" t="s">
        <v>12937</v>
      </c>
      <c r="B20886" t="s">
        <v>12938</v>
      </c>
      <c r="C20886" t="s">
        <v>12939</v>
      </c>
      <c r="D20886" t="s">
        <v>12940</v>
      </c>
      <c r="E20886" t="s">
        <v>12925</v>
      </c>
      <c r="F20886" t="s">
        <v>12926</v>
      </c>
      <c r="G20886" t="s">
        <v>10214</v>
      </c>
      <c r="H20886" t="s">
        <v>10215</v>
      </c>
      <c r="I20886" s="2">
        <v>1</v>
      </c>
      <c r="J20886" s="2">
        <v>0</v>
      </c>
      <c r="K20886" s="2">
        <v>0</v>
      </c>
      <c r="L20886" t="s">
        <v>120</v>
      </c>
      <c r="M20886" t="s">
        <v>83</v>
      </c>
      <c r="N20886" t="s">
        <v>84</v>
      </c>
      <c r="O20886" t="s">
        <v>85</v>
      </c>
      <c r="P20886" t="s">
        <v>86</v>
      </c>
      <c r="Q20886">
        <v>41</v>
      </c>
      <c r="R20886">
        <v>41</v>
      </c>
      <c r="S20886">
        <v>42</v>
      </c>
      <c r="T20886">
        <v>42</v>
      </c>
      <c r="U20886">
        <v>42</v>
      </c>
      <c r="V20886">
        <v>43</v>
      </c>
      <c r="W20886">
        <v>43</v>
      </c>
      <c r="X20886">
        <v>44</v>
      </c>
      <c r="Y20886">
        <v>44</v>
      </c>
      <c r="Z20886">
        <v>45</v>
      </c>
      <c r="AA20886">
        <v>45</v>
      </c>
      <c r="AB20886">
        <v>45</v>
      </c>
      <c r="AC20886">
        <v>46</v>
      </c>
      <c r="AD20886">
        <v>46</v>
      </c>
      <c r="AE20886">
        <v>46</v>
      </c>
      <c r="AF20886">
        <v>47</v>
      </c>
      <c r="AG20886">
        <v>47</v>
      </c>
      <c r="AH20886">
        <v>47</v>
      </c>
      <c r="AI20886">
        <v>48</v>
      </c>
      <c r="AJ20886">
        <v>48</v>
      </c>
      <c r="AK20886">
        <v>48</v>
      </c>
      <c r="AL20886">
        <v>48</v>
      </c>
      <c r="AM20886">
        <v>48</v>
      </c>
      <c r="AN20886">
        <v>48</v>
      </c>
      <c r="AO20886">
        <v>48</v>
      </c>
      <c r="AP20886">
        <v>48</v>
      </c>
      <c r="AQ20886">
        <v>48</v>
      </c>
    </row>
    <row r="20887" spans="1:43">
      <c r="A20887" t="s">
        <v>12937</v>
      </c>
      <c r="B20887" t="s">
        <v>12938</v>
      </c>
      <c r="C20887" t="s">
        <v>12939</v>
      </c>
      <c r="D20887" t="s">
        <v>12940</v>
      </c>
      <c r="E20887" t="s">
        <v>12925</v>
      </c>
      <c r="F20887" t="s">
        <v>12926</v>
      </c>
      <c r="G20887" t="s">
        <v>10214</v>
      </c>
      <c r="H20887" t="s">
        <v>10215</v>
      </c>
      <c r="I20887" s="2">
        <v>1</v>
      </c>
      <c r="J20887" s="2">
        <v>0</v>
      </c>
      <c r="K20887" s="2">
        <v>0</v>
      </c>
      <c r="L20887" t="s">
        <v>120</v>
      </c>
      <c r="M20887" t="s">
        <v>87</v>
      </c>
      <c r="N20887" t="s">
        <v>88</v>
      </c>
      <c r="O20887" t="s">
        <v>85</v>
      </c>
      <c r="P20887" t="s">
        <v>86</v>
      </c>
      <c r="Q20887">
        <v>41</v>
      </c>
      <c r="R20887">
        <v>41</v>
      </c>
      <c r="S20887">
        <v>41</v>
      </c>
      <c r="T20887">
        <v>41</v>
      </c>
      <c r="U20887">
        <v>42</v>
      </c>
      <c r="V20887">
        <v>42</v>
      </c>
      <c r="W20887">
        <v>42</v>
      </c>
      <c r="X20887">
        <v>42</v>
      </c>
      <c r="Y20887">
        <v>42</v>
      </c>
      <c r="Z20887">
        <v>42</v>
      </c>
      <c r="AA20887">
        <v>42</v>
      </c>
      <c r="AB20887">
        <v>42</v>
      </c>
      <c r="AC20887">
        <v>42</v>
      </c>
      <c r="AD20887">
        <v>42</v>
      </c>
      <c r="AE20887">
        <v>42</v>
      </c>
      <c r="AF20887">
        <v>42</v>
      </c>
      <c r="AG20887">
        <v>42</v>
      </c>
      <c r="AH20887">
        <v>42</v>
      </c>
      <c r="AI20887">
        <v>42</v>
      </c>
      <c r="AJ20887">
        <v>42</v>
      </c>
      <c r="AK20887">
        <v>42</v>
      </c>
      <c r="AL20887">
        <v>42</v>
      </c>
      <c r="AM20887">
        <v>43</v>
      </c>
      <c r="AN20887">
        <v>43</v>
      </c>
      <c r="AO20887">
        <v>43</v>
      </c>
      <c r="AP20887">
        <v>43</v>
      </c>
      <c r="AQ20887">
        <v>43</v>
      </c>
    </row>
    <row r="20888" spans="1:43">
      <c r="A20888" t="s">
        <v>12937</v>
      </c>
      <c r="B20888" t="s">
        <v>12938</v>
      </c>
      <c r="C20888" t="s">
        <v>12939</v>
      </c>
      <c r="D20888" t="s">
        <v>12940</v>
      </c>
      <c r="E20888" t="s">
        <v>12925</v>
      </c>
      <c r="F20888" t="s">
        <v>12926</v>
      </c>
      <c r="G20888" t="s">
        <v>10214</v>
      </c>
      <c r="H20888" t="s">
        <v>10215</v>
      </c>
      <c r="I20888" s="2">
        <v>1</v>
      </c>
      <c r="J20888" s="2">
        <v>0</v>
      </c>
      <c r="K20888" s="2">
        <v>0</v>
      </c>
      <c r="L20888" t="s">
        <v>120</v>
      </c>
      <c r="M20888" t="s">
        <v>89</v>
      </c>
      <c r="N20888" t="s">
        <v>90</v>
      </c>
      <c r="O20888" t="s">
        <v>85</v>
      </c>
      <c r="P20888" t="s">
        <v>86</v>
      </c>
      <c r="Q20888">
        <v>41</v>
      </c>
      <c r="R20888">
        <v>42</v>
      </c>
      <c r="S20888">
        <v>43</v>
      </c>
      <c r="T20888">
        <v>43</v>
      </c>
      <c r="U20888">
        <v>44</v>
      </c>
      <c r="V20888">
        <v>45</v>
      </c>
      <c r="W20888">
        <v>45</v>
      </c>
      <c r="X20888">
        <v>46</v>
      </c>
      <c r="Y20888">
        <v>47</v>
      </c>
      <c r="Z20888">
        <v>47</v>
      </c>
      <c r="AA20888">
        <v>48</v>
      </c>
      <c r="AB20888">
        <v>48</v>
      </c>
      <c r="AC20888">
        <v>49</v>
      </c>
      <c r="AD20888">
        <v>49</v>
      </c>
      <c r="AE20888">
        <v>50</v>
      </c>
      <c r="AF20888">
        <v>50</v>
      </c>
      <c r="AG20888">
        <v>49</v>
      </c>
      <c r="AH20888">
        <v>49</v>
      </c>
      <c r="AI20888">
        <v>49</v>
      </c>
      <c r="AJ20888">
        <v>49</v>
      </c>
      <c r="AK20888">
        <v>49</v>
      </c>
      <c r="AL20888">
        <v>49</v>
      </c>
      <c r="AM20888">
        <v>49</v>
      </c>
      <c r="AN20888">
        <v>48</v>
      </c>
      <c r="AO20888">
        <v>48</v>
      </c>
      <c r="AP20888">
        <v>48</v>
      </c>
      <c r="AQ20888">
        <v>48</v>
      </c>
    </row>
    <row r="20889" spans="1:43">
      <c r="A20889" t="s">
        <v>12937</v>
      </c>
      <c r="B20889" t="s">
        <v>12938</v>
      </c>
      <c r="C20889" t="s">
        <v>12939</v>
      </c>
      <c r="D20889" t="s">
        <v>12940</v>
      </c>
      <c r="E20889" t="s">
        <v>12925</v>
      </c>
      <c r="F20889" t="s">
        <v>12926</v>
      </c>
      <c r="G20889" t="s">
        <v>10214</v>
      </c>
      <c r="H20889" t="s">
        <v>10215</v>
      </c>
      <c r="I20889" s="2">
        <v>1</v>
      </c>
      <c r="J20889" s="2">
        <v>0</v>
      </c>
      <c r="K20889" s="2">
        <v>0</v>
      </c>
      <c r="L20889" t="s">
        <v>120</v>
      </c>
      <c r="M20889" t="s">
        <v>83</v>
      </c>
      <c r="N20889" t="s">
        <v>91</v>
      </c>
      <c r="O20889" t="s">
        <v>85</v>
      </c>
      <c r="P20889" t="s">
        <v>86</v>
      </c>
      <c r="Q20889">
        <v>41</v>
      </c>
      <c r="R20889">
        <v>41</v>
      </c>
      <c r="S20889">
        <v>42</v>
      </c>
      <c r="T20889">
        <v>42</v>
      </c>
      <c r="U20889">
        <v>42</v>
      </c>
      <c r="V20889">
        <v>43</v>
      </c>
      <c r="W20889">
        <v>43</v>
      </c>
      <c r="X20889">
        <v>44</v>
      </c>
      <c r="Y20889">
        <v>44</v>
      </c>
      <c r="Z20889">
        <v>45</v>
      </c>
      <c r="AA20889">
        <v>45</v>
      </c>
      <c r="AB20889">
        <v>45</v>
      </c>
      <c r="AC20889">
        <v>46</v>
      </c>
      <c r="AD20889">
        <v>46</v>
      </c>
      <c r="AE20889">
        <v>46</v>
      </c>
      <c r="AF20889">
        <v>47</v>
      </c>
      <c r="AG20889">
        <v>47</v>
      </c>
      <c r="AH20889">
        <v>47</v>
      </c>
      <c r="AI20889">
        <v>48</v>
      </c>
      <c r="AJ20889">
        <v>48</v>
      </c>
      <c r="AK20889">
        <v>48</v>
      </c>
      <c r="AL20889">
        <v>48</v>
      </c>
      <c r="AM20889">
        <v>48</v>
      </c>
      <c r="AN20889">
        <v>48</v>
      </c>
      <c r="AO20889">
        <v>48</v>
      </c>
      <c r="AP20889">
        <v>48</v>
      </c>
      <c r="AQ20889">
        <v>48</v>
      </c>
    </row>
    <row r="20890" spans="1:43">
      <c r="A20890" t="s">
        <v>12941</v>
      </c>
      <c r="B20890" t="s">
        <v>12942</v>
      </c>
      <c r="C20890" t="s">
        <v>12939</v>
      </c>
      <c r="D20890" t="s">
        <v>12940</v>
      </c>
      <c r="E20890" t="s">
        <v>12925</v>
      </c>
      <c r="F20890" t="s">
        <v>12926</v>
      </c>
      <c r="G20890" t="s">
        <v>10214</v>
      </c>
      <c r="H20890" t="s">
        <v>10215</v>
      </c>
      <c r="I20890" s="2">
        <v>1</v>
      </c>
      <c r="J20890" s="2">
        <v>0</v>
      </c>
      <c r="K20890" s="2">
        <v>0</v>
      </c>
      <c r="L20890" t="s">
        <v>120</v>
      </c>
      <c r="M20890" t="s">
        <v>83</v>
      </c>
      <c r="N20890" t="s">
        <v>84</v>
      </c>
      <c r="O20890" t="s">
        <v>85</v>
      </c>
      <c r="P20890" t="s">
        <v>86</v>
      </c>
      <c r="Q20890">
        <v>14</v>
      </c>
      <c r="R20890">
        <v>14</v>
      </c>
      <c r="S20890">
        <v>15</v>
      </c>
      <c r="T20890">
        <v>15</v>
      </c>
      <c r="U20890">
        <v>15</v>
      </c>
      <c r="V20890">
        <v>15</v>
      </c>
      <c r="W20890">
        <v>15</v>
      </c>
      <c r="X20890">
        <v>15</v>
      </c>
      <c r="Y20890">
        <v>15</v>
      </c>
      <c r="Z20890">
        <v>16</v>
      </c>
      <c r="AA20890">
        <v>16</v>
      </c>
      <c r="AB20890">
        <v>16</v>
      </c>
      <c r="AC20890">
        <v>16</v>
      </c>
      <c r="AD20890">
        <v>16</v>
      </c>
      <c r="AE20890">
        <v>16</v>
      </c>
      <c r="AF20890">
        <v>16</v>
      </c>
      <c r="AG20890">
        <v>16</v>
      </c>
      <c r="AH20890">
        <v>17</v>
      </c>
      <c r="AI20890">
        <v>17</v>
      </c>
      <c r="AJ20890">
        <v>17</v>
      </c>
      <c r="AK20890">
        <v>17</v>
      </c>
      <c r="AL20890">
        <v>17</v>
      </c>
      <c r="AM20890">
        <v>17</v>
      </c>
      <c r="AN20890">
        <v>17</v>
      </c>
      <c r="AO20890">
        <v>17</v>
      </c>
      <c r="AP20890">
        <v>17</v>
      </c>
      <c r="AQ20890">
        <v>17</v>
      </c>
    </row>
    <row r="20891" spans="1:43">
      <c r="A20891" t="s">
        <v>12941</v>
      </c>
      <c r="B20891" t="s">
        <v>12942</v>
      </c>
      <c r="C20891" t="s">
        <v>12939</v>
      </c>
      <c r="D20891" t="s">
        <v>12940</v>
      </c>
      <c r="E20891" t="s">
        <v>12925</v>
      </c>
      <c r="F20891" t="s">
        <v>12926</v>
      </c>
      <c r="G20891" t="s">
        <v>10214</v>
      </c>
      <c r="H20891" t="s">
        <v>10215</v>
      </c>
      <c r="I20891" s="2">
        <v>1</v>
      </c>
      <c r="J20891" s="2">
        <v>0</v>
      </c>
      <c r="K20891" s="2">
        <v>0</v>
      </c>
      <c r="L20891" t="s">
        <v>120</v>
      </c>
      <c r="M20891" t="s">
        <v>87</v>
      </c>
      <c r="N20891" t="s">
        <v>88</v>
      </c>
      <c r="O20891" t="s">
        <v>85</v>
      </c>
      <c r="P20891" t="s">
        <v>86</v>
      </c>
      <c r="Q20891">
        <v>14</v>
      </c>
      <c r="R20891">
        <v>14</v>
      </c>
      <c r="S20891">
        <v>14</v>
      </c>
      <c r="T20891">
        <v>14</v>
      </c>
      <c r="U20891">
        <v>14</v>
      </c>
      <c r="V20891">
        <v>14</v>
      </c>
      <c r="W20891">
        <v>14</v>
      </c>
      <c r="X20891">
        <v>14</v>
      </c>
      <c r="Y20891">
        <v>14</v>
      </c>
      <c r="Z20891">
        <v>14</v>
      </c>
      <c r="AA20891">
        <v>14</v>
      </c>
      <c r="AB20891">
        <v>14</v>
      </c>
      <c r="AC20891">
        <v>14</v>
      </c>
      <c r="AD20891">
        <v>14</v>
      </c>
      <c r="AE20891">
        <v>14</v>
      </c>
      <c r="AF20891">
        <v>14</v>
      </c>
      <c r="AG20891">
        <v>14</v>
      </c>
      <c r="AH20891">
        <v>14</v>
      </c>
      <c r="AI20891">
        <v>14</v>
      </c>
      <c r="AJ20891">
        <v>14</v>
      </c>
      <c r="AK20891">
        <v>14</v>
      </c>
      <c r="AL20891">
        <v>15</v>
      </c>
      <c r="AM20891">
        <v>15</v>
      </c>
      <c r="AN20891">
        <v>15</v>
      </c>
      <c r="AO20891">
        <v>15</v>
      </c>
      <c r="AP20891">
        <v>15</v>
      </c>
      <c r="AQ20891">
        <v>15</v>
      </c>
    </row>
    <row r="20892" spans="1:43">
      <c r="A20892" t="s">
        <v>12941</v>
      </c>
      <c r="B20892" t="s">
        <v>12942</v>
      </c>
      <c r="C20892" t="s">
        <v>12939</v>
      </c>
      <c r="D20892" t="s">
        <v>12940</v>
      </c>
      <c r="E20892" t="s">
        <v>12925</v>
      </c>
      <c r="F20892" t="s">
        <v>12926</v>
      </c>
      <c r="G20892" t="s">
        <v>10214</v>
      </c>
      <c r="H20892" t="s">
        <v>10215</v>
      </c>
      <c r="I20892" s="2">
        <v>1</v>
      </c>
      <c r="J20892" s="2">
        <v>0</v>
      </c>
      <c r="K20892" s="2">
        <v>0</v>
      </c>
      <c r="L20892" t="s">
        <v>120</v>
      </c>
      <c r="M20892" t="s">
        <v>89</v>
      </c>
      <c r="N20892" t="s">
        <v>90</v>
      </c>
      <c r="O20892" t="s">
        <v>85</v>
      </c>
      <c r="P20892" t="s">
        <v>86</v>
      </c>
      <c r="Q20892">
        <v>14</v>
      </c>
      <c r="R20892">
        <v>15</v>
      </c>
      <c r="S20892">
        <v>15</v>
      </c>
      <c r="T20892">
        <v>15</v>
      </c>
      <c r="U20892">
        <v>15</v>
      </c>
      <c r="V20892">
        <v>16</v>
      </c>
      <c r="W20892">
        <v>16</v>
      </c>
      <c r="X20892">
        <v>16</v>
      </c>
      <c r="Y20892">
        <v>16</v>
      </c>
      <c r="Z20892">
        <v>17</v>
      </c>
      <c r="AA20892">
        <v>17</v>
      </c>
      <c r="AB20892">
        <v>17</v>
      </c>
      <c r="AC20892">
        <v>17</v>
      </c>
      <c r="AD20892">
        <v>17</v>
      </c>
      <c r="AE20892">
        <v>17</v>
      </c>
      <c r="AF20892">
        <v>17</v>
      </c>
      <c r="AG20892">
        <v>17</v>
      </c>
      <c r="AH20892">
        <v>17</v>
      </c>
      <c r="AI20892">
        <v>17</v>
      </c>
      <c r="AJ20892">
        <v>17</v>
      </c>
      <c r="AK20892">
        <v>17</v>
      </c>
      <c r="AL20892">
        <v>17</v>
      </c>
      <c r="AM20892">
        <v>17</v>
      </c>
      <c r="AN20892">
        <v>17</v>
      </c>
      <c r="AO20892">
        <v>17</v>
      </c>
      <c r="AP20892">
        <v>17</v>
      </c>
      <c r="AQ20892">
        <v>17</v>
      </c>
    </row>
    <row r="20893" spans="1:43">
      <c r="A20893" t="s">
        <v>12941</v>
      </c>
      <c r="B20893" t="s">
        <v>12942</v>
      </c>
      <c r="C20893" t="s">
        <v>12939</v>
      </c>
      <c r="D20893" t="s">
        <v>12940</v>
      </c>
      <c r="E20893" t="s">
        <v>12925</v>
      </c>
      <c r="F20893" t="s">
        <v>12926</v>
      </c>
      <c r="G20893" t="s">
        <v>10214</v>
      </c>
      <c r="H20893" t="s">
        <v>10215</v>
      </c>
      <c r="I20893" s="2">
        <v>1</v>
      </c>
      <c r="J20893" s="2">
        <v>0</v>
      </c>
      <c r="K20893" s="2">
        <v>0</v>
      </c>
      <c r="L20893" t="s">
        <v>120</v>
      </c>
      <c r="M20893" t="s">
        <v>83</v>
      </c>
      <c r="N20893" t="s">
        <v>91</v>
      </c>
      <c r="O20893" t="s">
        <v>85</v>
      </c>
      <c r="P20893" t="s">
        <v>86</v>
      </c>
      <c r="Q20893">
        <v>14</v>
      </c>
      <c r="R20893">
        <v>14</v>
      </c>
      <c r="S20893">
        <v>15</v>
      </c>
      <c r="T20893">
        <v>15</v>
      </c>
      <c r="U20893">
        <v>15</v>
      </c>
      <c r="V20893">
        <v>15</v>
      </c>
      <c r="W20893">
        <v>15</v>
      </c>
      <c r="X20893">
        <v>15</v>
      </c>
      <c r="Y20893">
        <v>15</v>
      </c>
      <c r="Z20893">
        <v>16</v>
      </c>
      <c r="AA20893">
        <v>16</v>
      </c>
      <c r="AB20893">
        <v>16</v>
      </c>
      <c r="AC20893">
        <v>16</v>
      </c>
      <c r="AD20893">
        <v>16</v>
      </c>
      <c r="AE20893">
        <v>16</v>
      </c>
      <c r="AF20893">
        <v>16</v>
      </c>
      <c r="AG20893">
        <v>16</v>
      </c>
      <c r="AH20893">
        <v>17</v>
      </c>
      <c r="AI20893">
        <v>17</v>
      </c>
      <c r="AJ20893">
        <v>17</v>
      </c>
      <c r="AK20893">
        <v>17</v>
      </c>
      <c r="AL20893">
        <v>17</v>
      </c>
      <c r="AM20893">
        <v>17</v>
      </c>
      <c r="AN20893">
        <v>17</v>
      </c>
      <c r="AO20893">
        <v>17</v>
      </c>
      <c r="AP20893">
        <v>17</v>
      </c>
      <c r="AQ20893">
        <v>17</v>
      </c>
    </row>
    <row r="20894" spans="1:43">
      <c r="A20894" t="s">
        <v>12943</v>
      </c>
      <c r="B20894" t="s">
        <v>12944</v>
      </c>
      <c r="C20894" t="s">
        <v>12939</v>
      </c>
      <c r="D20894" t="s">
        <v>12940</v>
      </c>
      <c r="E20894" t="s">
        <v>12925</v>
      </c>
      <c r="F20894" t="s">
        <v>12926</v>
      </c>
      <c r="G20894" t="s">
        <v>10214</v>
      </c>
      <c r="H20894" t="s">
        <v>10215</v>
      </c>
      <c r="I20894" s="2">
        <v>1</v>
      </c>
      <c r="J20894" s="2">
        <v>0</v>
      </c>
      <c r="K20894" s="2">
        <v>0</v>
      </c>
      <c r="L20894" t="s">
        <v>120</v>
      </c>
      <c r="M20894" t="s">
        <v>83</v>
      </c>
      <c r="N20894" t="s">
        <v>84</v>
      </c>
      <c r="O20894" t="s">
        <v>85</v>
      </c>
      <c r="P20894" t="s">
        <v>86</v>
      </c>
      <c r="Q20894">
        <v>27</v>
      </c>
      <c r="R20894">
        <v>28</v>
      </c>
      <c r="S20894">
        <v>28</v>
      </c>
      <c r="T20894">
        <v>28</v>
      </c>
      <c r="U20894">
        <v>28</v>
      </c>
      <c r="V20894">
        <v>29</v>
      </c>
      <c r="W20894">
        <v>29</v>
      </c>
      <c r="X20894">
        <v>29</v>
      </c>
      <c r="Y20894">
        <v>30</v>
      </c>
      <c r="Z20894">
        <v>30</v>
      </c>
      <c r="AA20894">
        <v>30</v>
      </c>
      <c r="AB20894">
        <v>30</v>
      </c>
      <c r="AC20894">
        <v>31</v>
      </c>
      <c r="AD20894">
        <v>31</v>
      </c>
      <c r="AE20894">
        <v>31</v>
      </c>
      <c r="AF20894">
        <v>31</v>
      </c>
      <c r="AG20894">
        <v>32</v>
      </c>
      <c r="AH20894">
        <v>32</v>
      </c>
      <c r="AI20894">
        <v>32</v>
      </c>
      <c r="AJ20894">
        <v>32</v>
      </c>
      <c r="AK20894">
        <v>32</v>
      </c>
      <c r="AL20894">
        <v>32</v>
      </c>
      <c r="AM20894">
        <v>32</v>
      </c>
      <c r="AN20894">
        <v>32</v>
      </c>
      <c r="AO20894">
        <v>32</v>
      </c>
      <c r="AP20894">
        <v>32</v>
      </c>
      <c r="AQ20894">
        <v>32</v>
      </c>
    </row>
    <row r="20895" spans="1:43">
      <c r="A20895" t="s">
        <v>12943</v>
      </c>
      <c r="B20895" t="s">
        <v>12944</v>
      </c>
      <c r="C20895" t="s">
        <v>12939</v>
      </c>
      <c r="D20895" t="s">
        <v>12940</v>
      </c>
      <c r="E20895" t="s">
        <v>12925</v>
      </c>
      <c r="F20895" t="s">
        <v>12926</v>
      </c>
      <c r="G20895" t="s">
        <v>10214</v>
      </c>
      <c r="H20895" t="s">
        <v>10215</v>
      </c>
      <c r="I20895" s="2">
        <v>1</v>
      </c>
      <c r="J20895" s="2">
        <v>0</v>
      </c>
      <c r="K20895" s="2">
        <v>0</v>
      </c>
      <c r="L20895" t="s">
        <v>120</v>
      </c>
      <c r="M20895" t="s">
        <v>87</v>
      </c>
      <c r="N20895" t="s">
        <v>88</v>
      </c>
      <c r="O20895" t="s">
        <v>85</v>
      </c>
      <c r="P20895" t="s">
        <v>86</v>
      </c>
      <c r="Q20895">
        <v>27</v>
      </c>
      <c r="R20895">
        <v>27</v>
      </c>
      <c r="S20895">
        <v>27</v>
      </c>
      <c r="T20895">
        <v>27</v>
      </c>
      <c r="U20895">
        <v>27</v>
      </c>
      <c r="V20895">
        <v>27</v>
      </c>
      <c r="W20895">
        <v>27</v>
      </c>
      <c r="X20895">
        <v>27</v>
      </c>
      <c r="Y20895">
        <v>27</v>
      </c>
      <c r="Z20895">
        <v>27</v>
      </c>
      <c r="AA20895">
        <v>27</v>
      </c>
      <c r="AB20895">
        <v>28</v>
      </c>
      <c r="AC20895">
        <v>28</v>
      </c>
      <c r="AD20895">
        <v>28</v>
      </c>
      <c r="AE20895">
        <v>28</v>
      </c>
      <c r="AF20895">
        <v>28</v>
      </c>
      <c r="AG20895">
        <v>28</v>
      </c>
      <c r="AH20895">
        <v>28</v>
      </c>
      <c r="AI20895">
        <v>28</v>
      </c>
      <c r="AJ20895">
        <v>28</v>
      </c>
      <c r="AK20895">
        <v>28</v>
      </c>
      <c r="AL20895">
        <v>28</v>
      </c>
      <c r="AM20895">
        <v>28</v>
      </c>
      <c r="AN20895">
        <v>28</v>
      </c>
      <c r="AO20895">
        <v>28</v>
      </c>
      <c r="AP20895">
        <v>28</v>
      </c>
      <c r="AQ20895">
        <v>28</v>
      </c>
    </row>
    <row r="20896" spans="1:43">
      <c r="A20896" t="s">
        <v>12943</v>
      </c>
      <c r="B20896" t="s">
        <v>12944</v>
      </c>
      <c r="C20896" t="s">
        <v>12939</v>
      </c>
      <c r="D20896" t="s">
        <v>12940</v>
      </c>
      <c r="E20896" t="s">
        <v>12925</v>
      </c>
      <c r="F20896" t="s">
        <v>12926</v>
      </c>
      <c r="G20896" t="s">
        <v>10214</v>
      </c>
      <c r="H20896" t="s">
        <v>10215</v>
      </c>
      <c r="I20896" s="2">
        <v>1</v>
      </c>
      <c r="J20896" s="2">
        <v>0</v>
      </c>
      <c r="K20896" s="2">
        <v>0</v>
      </c>
      <c r="L20896" t="s">
        <v>120</v>
      </c>
      <c r="M20896" t="s">
        <v>89</v>
      </c>
      <c r="N20896" t="s">
        <v>90</v>
      </c>
      <c r="O20896" t="s">
        <v>85</v>
      </c>
      <c r="P20896" t="s">
        <v>86</v>
      </c>
      <c r="Q20896">
        <v>27</v>
      </c>
      <c r="R20896">
        <v>28</v>
      </c>
      <c r="S20896">
        <v>29</v>
      </c>
      <c r="T20896">
        <v>29</v>
      </c>
      <c r="U20896">
        <v>30</v>
      </c>
      <c r="V20896">
        <v>30</v>
      </c>
      <c r="W20896">
        <v>30</v>
      </c>
      <c r="X20896">
        <v>31</v>
      </c>
      <c r="Y20896">
        <v>31</v>
      </c>
      <c r="Z20896">
        <v>32</v>
      </c>
      <c r="AA20896">
        <v>32</v>
      </c>
      <c r="AB20896">
        <v>32</v>
      </c>
      <c r="AC20896">
        <v>33</v>
      </c>
      <c r="AD20896">
        <v>33</v>
      </c>
      <c r="AE20896">
        <v>33</v>
      </c>
      <c r="AF20896">
        <v>33</v>
      </c>
      <c r="AG20896">
        <v>33</v>
      </c>
      <c r="AH20896">
        <v>33</v>
      </c>
      <c r="AI20896">
        <v>33</v>
      </c>
      <c r="AJ20896">
        <v>33</v>
      </c>
      <c r="AK20896">
        <v>33</v>
      </c>
      <c r="AL20896">
        <v>33</v>
      </c>
      <c r="AM20896">
        <v>33</v>
      </c>
      <c r="AN20896">
        <v>33</v>
      </c>
      <c r="AO20896">
        <v>32</v>
      </c>
      <c r="AP20896">
        <v>32</v>
      </c>
      <c r="AQ20896">
        <v>32</v>
      </c>
    </row>
    <row r="20897" spans="1:43">
      <c r="A20897" t="s">
        <v>12943</v>
      </c>
      <c r="B20897" t="s">
        <v>12944</v>
      </c>
      <c r="C20897" t="s">
        <v>12939</v>
      </c>
      <c r="D20897" t="s">
        <v>12940</v>
      </c>
      <c r="E20897" t="s">
        <v>12925</v>
      </c>
      <c r="F20897" t="s">
        <v>12926</v>
      </c>
      <c r="G20897" t="s">
        <v>10214</v>
      </c>
      <c r="H20897" t="s">
        <v>10215</v>
      </c>
      <c r="I20897" s="2">
        <v>1</v>
      </c>
      <c r="J20897" s="2">
        <v>0</v>
      </c>
      <c r="K20897" s="2">
        <v>0</v>
      </c>
      <c r="L20897" t="s">
        <v>120</v>
      </c>
      <c r="M20897" t="s">
        <v>83</v>
      </c>
      <c r="N20897" t="s">
        <v>91</v>
      </c>
      <c r="O20897" t="s">
        <v>85</v>
      </c>
      <c r="P20897" t="s">
        <v>86</v>
      </c>
      <c r="Q20897">
        <v>27</v>
      </c>
      <c r="R20897">
        <v>28</v>
      </c>
      <c r="S20897">
        <v>28</v>
      </c>
      <c r="T20897">
        <v>28</v>
      </c>
      <c r="U20897">
        <v>28</v>
      </c>
      <c r="V20897">
        <v>29</v>
      </c>
      <c r="W20897">
        <v>29</v>
      </c>
      <c r="X20897">
        <v>29</v>
      </c>
      <c r="Y20897">
        <v>30</v>
      </c>
      <c r="Z20897">
        <v>30</v>
      </c>
      <c r="AA20897">
        <v>30</v>
      </c>
      <c r="AB20897">
        <v>30</v>
      </c>
      <c r="AC20897">
        <v>31</v>
      </c>
      <c r="AD20897">
        <v>31</v>
      </c>
      <c r="AE20897">
        <v>31</v>
      </c>
      <c r="AF20897">
        <v>31</v>
      </c>
      <c r="AG20897">
        <v>32</v>
      </c>
      <c r="AH20897">
        <v>32</v>
      </c>
      <c r="AI20897">
        <v>32</v>
      </c>
      <c r="AJ20897">
        <v>32</v>
      </c>
      <c r="AK20897">
        <v>32</v>
      </c>
      <c r="AL20897">
        <v>32</v>
      </c>
      <c r="AM20897">
        <v>32</v>
      </c>
      <c r="AN20897">
        <v>32</v>
      </c>
      <c r="AO20897">
        <v>32</v>
      </c>
      <c r="AP20897">
        <v>32</v>
      </c>
      <c r="AQ20897">
        <v>32</v>
      </c>
    </row>
    <row r="20898" spans="1:43">
      <c r="A20898" t="s">
        <v>12945</v>
      </c>
      <c r="B20898" t="s">
        <v>12946</v>
      </c>
      <c r="C20898" t="s">
        <v>12939</v>
      </c>
      <c r="D20898" t="s">
        <v>12940</v>
      </c>
      <c r="E20898" t="s">
        <v>12925</v>
      </c>
      <c r="F20898" t="s">
        <v>12926</v>
      </c>
      <c r="G20898" t="s">
        <v>10214</v>
      </c>
      <c r="H20898" t="s">
        <v>10215</v>
      </c>
      <c r="I20898" s="2">
        <v>1</v>
      </c>
      <c r="J20898" s="2">
        <v>0</v>
      </c>
      <c r="K20898" s="2">
        <v>0</v>
      </c>
      <c r="L20898" t="s">
        <v>120</v>
      </c>
      <c r="M20898" t="s">
        <v>83</v>
      </c>
      <c r="N20898" t="s">
        <v>84</v>
      </c>
      <c r="O20898" t="s">
        <v>85</v>
      </c>
      <c r="P20898" t="s">
        <v>86</v>
      </c>
      <c r="Q20898">
        <v>18</v>
      </c>
      <c r="R20898">
        <v>18</v>
      </c>
      <c r="S20898">
        <v>18</v>
      </c>
      <c r="T20898">
        <v>18</v>
      </c>
      <c r="U20898">
        <v>18</v>
      </c>
      <c r="V20898">
        <v>19</v>
      </c>
      <c r="W20898">
        <v>19</v>
      </c>
      <c r="X20898">
        <v>19</v>
      </c>
      <c r="Y20898">
        <v>19</v>
      </c>
      <c r="Z20898">
        <v>19</v>
      </c>
      <c r="AA20898">
        <v>20</v>
      </c>
      <c r="AB20898">
        <v>20</v>
      </c>
      <c r="AC20898">
        <v>20</v>
      </c>
      <c r="AD20898">
        <v>20</v>
      </c>
      <c r="AE20898">
        <v>20</v>
      </c>
      <c r="AF20898">
        <v>20</v>
      </c>
      <c r="AG20898">
        <v>21</v>
      </c>
      <c r="AH20898">
        <v>21</v>
      </c>
      <c r="AI20898">
        <v>21</v>
      </c>
      <c r="AJ20898">
        <v>21</v>
      </c>
      <c r="AK20898">
        <v>21</v>
      </c>
      <c r="AL20898">
        <v>21</v>
      </c>
      <c r="AM20898">
        <v>21</v>
      </c>
      <c r="AN20898">
        <v>21</v>
      </c>
      <c r="AO20898">
        <v>21</v>
      </c>
      <c r="AP20898">
        <v>21</v>
      </c>
      <c r="AQ20898">
        <v>21</v>
      </c>
    </row>
    <row r="20899" spans="1:43">
      <c r="A20899" t="s">
        <v>12945</v>
      </c>
      <c r="B20899" t="s">
        <v>12946</v>
      </c>
      <c r="C20899" t="s">
        <v>12939</v>
      </c>
      <c r="D20899" t="s">
        <v>12940</v>
      </c>
      <c r="E20899" t="s">
        <v>12925</v>
      </c>
      <c r="F20899" t="s">
        <v>12926</v>
      </c>
      <c r="G20899" t="s">
        <v>10214</v>
      </c>
      <c r="H20899" t="s">
        <v>10215</v>
      </c>
      <c r="I20899" s="2">
        <v>1</v>
      </c>
      <c r="J20899" s="2">
        <v>0</v>
      </c>
      <c r="K20899" s="2">
        <v>0</v>
      </c>
      <c r="L20899" t="s">
        <v>120</v>
      </c>
      <c r="M20899" t="s">
        <v>87</v>
      </c>
      <c r="N20899" t="s">
        <v>88</v>
      </c>
      <c r="O20899" t="s">
        <v>85</v>
      </c>
      <c r="P20899" t="s">
        <v>86</v>
      </c>
      <c r="Q20899">
        <v>18</v>
      </c>
      <c r="R20899">
        <v>18</v>
      </c>
      <c r="S20899">
        <v>18</v>
      </c>
      <c r="T20899">
        <v>19</v>
      </c>
      <c r="U20899">
        <v>19</v>
      </c>
      <c r="V20899">
        <v>19</v>
      </c>
      <c r="W20899">
        <v>19</v>
      </c>
      <c r="X20899">
        <v>19</v>
      </c>
      <c r="Y20899">
        <v>19</v>
      </c>
      <c r="Z20899">
        <v>19</v>
      </c>
      <c r="AA20899">
        <v>19</v>
      </c>
      <c r="AB20899">
        <v>19</v>
      </c>
      <c r="AC20899">
        <v>19</v>
      </c>
      <c r="AD20899">
        <v>19</v>
      </c>
      <c r="AE20899">
        <v>19</v>
      </c>
      <c r="AF20899">
        <v>19</v>
      </c>
      <c r="AG20899">
        <v>19</v>
      </c>
      <c r="AH20899">
        <v>19</v>
      </c>
      <c r="AI20899">
        <v>19</v>
      </c>
      <c r="AJ20899">
        <v>19</v>
      </c>
      <c r="AK20899">
        <v>19</v>
      </c>
      <c r="AL20899">
        <v>19</v>
      </c>
      <c r="AM20899">
        <v>19</v>
      </c>
      <c r="AN20899">
        <v>19</v>
      </c>
      <c r="AO20899">
        <v>19</v>
      </c>
      <c r="AP20899">
        <v>19</v>
      </c>
      <c r="AQ20899">
        <v>19</v>
      </c>
    </row>
    <row r="20900" spans="1:43">
      <c r="A20900" t="s">
        <v>12945</v>
      </c>
      <c r="B20900" t="s">
        <v>12946</v>
      </c>
      <c r="C20900" t="s">
        <v>12939</v>
      </c>
      <c r="D20900" t="s">
        <v>12940</v>
      </c>
      <c r="E20900" t="s">
        <v>12925</v>
      </c>
      <c r="F20900" t="s">
        <v>12926</v>
      </c>
      <c r="G20900" t="s">
        <v>10214</v>
      </c>
      <c r="H20900" t="s">
        <v>10215</v>
      </c>
      <c r="I20900" s="2">
        <v>1</v>
      </c>
      <c r="J20900" s="2">
        <v>0</v>
      </c>
      <c r="K20900" s="2">
        <v>0</v>
      </c>
      <c r="L20900" t="s">
        <v>120</v>
      </c>
      <c r="M20900" t="s">
        <v>89</v>
      </c>
      <c r="N20900" t="s">
        <v>90</v>
      </c>
      <c r="O20900" t="s">
        <v>85</v>
      </c>
      <c r="P20900" t="s">
        <v>86</v>
      </c>
      <c r="Q20900">
        <v>18</v>
      </c>
      <c r="R20900">
        <v>18</v>
      </c>
      <c r="S20900">
        <v>18</v>
      </c>
      <c r="T20900">
        <v>19</v>
      </c>
      <c r="U20900">
        <v>19</v>
      </c>
      <c r="V20900">
        <v>19</v>
      </c>
      <c r="W20900">
        <v>20</v>
      </c>
      <c r="X20900">
        <v>20</v>
      </c>
      <c r="Y20900">
        <v>20</v>
      </c>
      <c r="Z20900">
        <v>21</v>
      </c>
      <c r="AA20900">
        <v>21</v>
      </c>
      <c r="AB20900">
        <v>21</v>
      </c>
      <c r="AC20900">
        <v>21</v>
      </c>
      <c r="AD20900">
        <v>21</v>
      </c>
      <c r="AE20900">
        <v>22</v>
      </c>
      <c r="AF20900">
        <v>22</v>
      </c>
      <c r="AG20900">
        <v>22</v>
      </c>
      <c r="AH20900">
        <v>22</v>
      </c>
      <c r="AI20900">
        <v>21</v>
      </c>
      <c r="AJ20900">
        <v>21</v>
      </c>
      <c r="AK20900">
        <v>21</v>
      </c>
      <c r="AL20900">
        <v>21</v>
      </c>
      <c r="AM20900">
        <v>21</v>
      </c>
      <c r="AN20900">
        <v>21</v>
      </c>
      <c r="AO20900">
        <v>21</v>
      </c>
      <c r="AP20900">
        <v>21</v>
      </c>
      <c r="AQ20900">
        <v>21</v>
      </c>
    </row>
    <row r="20901" spans="1:43">
      <c r="A20901" t="s">
        <v>12945</v>
      </c>
      <c r="B20901" t="s">
        <v>12946</v>
      </c>
      <c r="C20901" t="s">
        <v>12939</v>
      </c>
      <c r="D20901" t="s">
        <v>12940</v>
      </c>
      <c r="E20901" t="s">
        <v>12925</v>
      </c>
      <c r="F20901" t="s">
        <v>12926</v>
      </c>
      <c r="G20901" t="s">
        <v>10214</v>
      </c>
      <c r="H20901" t="s">
        <v>10215</v>
      </c>
      <c r="I20901" s="2">
        <v>1</v>
      </c>
      <c r="J20901" s="2">
        <v>0</v>
      </c>
      <c r="K20901" s="2">
        <v>0</v>
      </c>
      <c r="L20901" t="s">
        <v>120</v>
      </c>
      <c r="M20901" t="s">
        <v>83</v>
      </c>
      <c r="N20901" t="s">
        <v>91</v>
      </c>
      <c r="O20901" t="s">
        <v>85</v>
      </c>
      <c r="P20901" t="s">
        <v>86</v>
      </c>
      <c r="Q20901">
        <v>18</v>
      </c>
      <c r="R20901">
        <v>18</v>
      </c>
      <c r="S20901">
        <v>18</v>
      </c>
      <c r="T20901">
        <v>18</v>
      </c>
      <c r="U20901">
        <v>18</v>
      </c>
      <c r="V20901">
        <v>19</v>
      </c>
      <c r="W20901">
        <v>19</v>
      </c>
      <c r="X20901">
        <v>19</v>
      </c>
      <c r="Y20901">
        <v>19</v>
      </c>
      <c r="Z20901">
        <v>19</v>
      </c>
      <c r="AA20901">
        <v>20</v>
      </c>
      <c r="AB20901">
        <v>20</v>
      </c>
      <c r="AC20901">
        <v>20</v>
      </c>
      <c r="AD20901">
        <v>20</v>
      </c>
      <c r="AE20901">
        <v>20</v>
      </c>
      <c r="AF20901">
        <v>20</v>
      </c>
      <c r="AG20901">
        <v>21</v>
      </c>
      <c r="AH20901">
        <v>21</v>
      </c>
      <c r="AI20901">
        <v>21</v>
      </c>
      <c r="AJ20901">
        <v>21</v>
      </c>
      <c r="AK20901">
        <v>21</v>
      </c>
      <c r="AL20901">
        <v>21</v>
      </c>
      <c r="AM20901">
        <v>21</v>
      </c>
      <c r="AN20901">
        <v>21</v>
      </c>
      <c r="AO20901">
        <v>21</v>
      </c>
      <c r="AP20901">
        <v>21</v>
      </c>
      <c r="AQ20901">
        <v>21</v>
      </c>
    </row>
    <row r="20902" spans="1:43">
      <c r="A20902" t="s">
        <v>12947</v>
      </c>
      <c r="B20902" t="s">
        <v>12948</v>
      </c>
      <c r="C20902" t="s">
        <v>12939</v>
      </c>
      <c r="D20902" t="s">
        <v>12940</v>
      </c>
      <c r="E20902" t="s">
        <v>12925</v>
      </c>
      <c r="F20902" t="s">
        <v>12926</v>
      </c>
      <c r="G20902" t="s">
        <v>10214</v>
      </c>
      <c r="H20902" t="s">
        <v>10215</v>
      </c>
      <c r="I20902" s="2">
        <v>1</v>
      </c>
      <c r="J20902" s="2">
        <v>0</v>
      </c>
      <c r="K20902" s="2">
        <v>0</v>
      </c>
      <c r="L20902" t="s">
        <v>120</v>
      </c>
      <c r="M20902" t="s">
        <v>83</v>
      </c>
      <c r="N20902" t="s">
        <v>84</v>
      </c>
      <c r="O20902" t="s">
        <v>85</v>
      </c>
      <c r="P20902" t="s">
        <v>86</v>
      </c>
      <c r="Q20902">
        <v>23</v>
      </c>
      <c r="R20902">
        <v>23</v>
      </c>
      <c r="S20902">
        <v>24</v>
      </c>
      <c r="T20902">
        <v>24</v>
      </c>
      <c r="U20902">
        <v>24</v>
      </c>
      <c r="V20902">
        <v>24</v>
      </c>
      <c r="W20902">
        <v>25</v>
      </c>
      <c r="X20902">
        <v>25</v>
      </c>
      <c r="Y20902">
        <v>25</v>
      </c>
      <c r="Z20902">
        <v>25</v>
      </c>
      <c r="AA20902">
        <v>26</v>
      </c>
      <c r="AB20902">
        <v>26</v>
      </c>
      <c r="AC20902">
        <v>26</v>
      </c>
      <c r="AD20902">
        <v>26</v>
      </c>
      <c r="AE20902">
        <v>26</v>
      </c>
      <c r="AF20902">
        <v>27</v>
      </c>
      <c r="AG20902">
        <v>27</v>
      </c>
      <c r="AH20902">
        <v>27</v>
      </c>
      <c r="AI20902">
        <v>27</v>
      </c>
      <c r="AJ20902">
        <v>27</v>
      </c>
      <c r="AK20902">
        <v>28</v>
      </c>
      <c r="AL20902">
        <v>28</v>
      </c>
      <c r="AM20902">
        <v>27</v>
      </c>
      <c r="AN20902">
        <v>27</v>
      </c>
      <c r="AO20902">
        <v>27</v>
      </c>
      <c r="AP20902">
        <v>27</v>
      </c>
      <c r="AQ20902">
        <v>27</v>
      </c>
    </row>
    <row r="20903" spans="1:43">
      <c r="A20903" t="s">
        <v>12947</v>
      </c>
      <c r="B20903" t="s">
        <v>12948</v>
      </c>
      <c r="C20903" t="s">
        <v>12939</v>
      </c>
      <c r="D20903" t="s">
        <v>12940</v>
      </c>
      <c r="E20903" t="s">
        <v>12925</v>
      </c>
      <c r="F20903" t="s">
        <v>12926</v>
      </c>
      <c r="G20903" t="s">
        <v>10214</v>
      </c>
      <c r="H20903" t="s">
        <v>10215</v>
      </c>
      <c r="I20903" s="2">
        <v>1</v>
      </c>
      <c r="J20903" s="2">
        <v>0</v>
      </c>
      <c r="K20903" s="2">
        <v>0</v>
      </c>
      <c r="L20903" t="s">
        <v>120</v>
      </c>
      <c r="M20903" t="s">
        <v>87</v>
      </c>
      <c r="N20903" t="s">
        <v>88</v>
      </c>
      <c r="O20903" t="s">
        <v>85</v>
      </c>
      <c r="P20903" t="s">
        <v>86</v>
      </c>
      <c r="Q20903">
        <v>23</v>
      </c>
      <c r="R20903">
        <v>23</v>
      </c>
      <c r="S20903">
        <v>23</v>
      </c>
      <c r="T20903">
        <v>23</v>
      </c>
      <c r="U20903">
        <v>23</v>
      </c>
      <c r="V20903">
        <v>23</v>
      </c>
      <c r="W20903">
        <v>23</v>
      </c>
      <c r="X20903">
        <v>23</v>
      </c>
      <c r="Y20903">
        <v>23</v>
      </c>
      <c r="Z20903">
        <v>23</v>
      </c>
      <c r="AA20903">
        <v>23</v>
      </c>
      <c r="AB20903">
        <v>23</v>
      </c>
      <c r="AC20903">
        <v>23</v>
      </c>
      <c r="AD20903">
        <v>23</v>
      </c>
      <c r="AE20903">
        <v>23</v>
      </c>
      <c r="AF20903">
        <v>23</v>
      </c>
      <c r="AG20903">
        <v>23</v>
      </c>
      <c r="AH20903">
        <v>24</v>
      </c>
      <c r="AI20903">
        <v>24</v>
      </c>
      <c r="AJ20903">
        <v>24</v>
      </c>
      <c r="AK20903">
        <v>24</v>
      </c>
      <c r="AL20903">
        <v>24</v>
      </c>
      <c r="AM20903">
        <v>24</v>
      </c>
      <c r="AN20903">
        <v>24</v>
      </c>
      <c r="AO20903">
        <v>24</v>
      </c>
      <c r="AP20903">
        <v>24</v>
      </c>
      <c r="AQ20903">
        <v>24</v>
      </c>
    </row>
    <row r="20904" spans="1:43">
      <c r="A20904" t="s">
        <v>12947</v>
      </c>
      <c r="B20904" t="s">
        <v>12948</v>
      </c>
      <c r="C20904" t="s">
        <v>12939</v>
      </c>
      <c r="D20904" t="s">
        <v>12940</v>
      </c>
      <c r="E20904" t="s">
        <v>12925</v>
      </c>
      <c r="F20904" t="s">
        <v>12926</v>
      </c>
      <c r="G20904" t="s">
        <v>10214</v>
      </c>
      <c r="H20904" t="s">
        <v>10215</v>
      </c>
      <c r="I20904" s="2">
        <v>1</v>
      </c>
      <c r="J20904" s="2">
        <v>0</v>
      </c>
      <c r="K20904" s="2">
        <v>0</v>
      </c>
      <c r="L20904" t="s">
        <v>120</v>
      </c>
      <c r="M20904" t="s">
        <v>89</v>
      </c>
      <c r="N20904" t="s">
        <v>90</v>
      </c>
      <c r="O20904" t="s">
        <v>85</v>
      </c>
      <c r="P20904" t="s">
        <v>86</v>
      </c>
      <c r="Q20904">
        <v>23</v>
      </c>
      <c r="R20904">
        <v>24</v>
      </c>
      <c r="S20904">
        <v>24</v>
      </c>
      <c r="T20904">
        <v>25</v>
      </c>
      <c r="U20904">
        <v>25</v>
      </c>
      <c r="V20904">
        <v>25</v>
      </c>
      <c r="W20904">
        <v>26</v>
      </c>
      <c r="X20904">
        <v>26</v>
      </c>
      <c r="Y20904">
        <v>27</v>
      </c>
      <c r="Z20904">
        <v>27</v>
      </c>
      <c r="AA20904">
        <v>27</v>
      </c>
      <c r="AB20904">
        <v>27</v>
      </c>
      <c r="AC20904">
        <v>28</v>
      </c>
      <c r="AD20904">
        <v>28</v>
      </c>
      <c r="AE20904">
        <v>28</v>
      </c>
      <c r="AF20904">
        <v>28</v>
      </c>
      <c r="AG20904">
        <v>28</v>
      </c>
      <c r="AH20904">
        <v>28</v>
      </c>
      <c r="AI20904">
        <v>28</v>
      </c>
      <c r="AJ20904">
        <v>28</v>
      </c>
      <c r="AK20904">
        <v>28</v>
      </c>
      <c r="AL20904">
        <v>28</v>
      </c>
      <c r="AM20904">
        <v>28</v>
      </c>
      <c r="AN20904">
        <v>28</v>
      </c>
      <c r="AO20904">
        <v>27</v>
      </c>
      <c r="AP20904">
        <v>27</v>
      </c>
      <c r="AQ20904">
        <v>27</v>
      </c>
    </row>
    <row r="20905" spans="1:43">
      <c r="A20905" t="s">
        <v>12947</v>
      </c>
      <c r="B20905" t="s">
        <v>12948</v>
      </c>
      <c r="C20905" t="s">
        <v>12939</v>
      </c>
      <c r="D20905" t="s">
        <v>12940</v>
      </c>
      <c r="E20905" t="s">
        <v>12925</v>
      </c>
      <c r="F20905" t="s">
        <v>12926</v>
      </c>
      <c r="G20905" t="s">
        <v>10214</v>
      </c>
      <c r="H20905" t="s">
        <v>10215</v>
      </c>
      <c r="I20905" s="2">
        <v>1</v>
      </c>
      <c r="J20905" s="2">
        <v>0</v>
      </c>
      <c r="K20905" s="2">
        <v>0</v>
      </c>
      <c r="L20905" t="s">
        <v>120</v>
      </c>
      <c r="M20905" t="s">
        <v>83</v>
      </c>
      <c r="N20905" t="s">
        <v>91</v>
      </c>
      <c r="O20905" t="s">
        <v>85</v>
      </c>
      <c r="P20905" t="s">
        <v>86</v>
      </c>
      <c r="Q20905">
        <v>23</v>
      </c>
      <c r="R20905">
        <v>23</v>
      </c>
      <c r="S20905">
        <v>24</v>
      </c>
      <c r="T20905">
        <v>24</v>
      </c>
      <c r="U20905">
        <v>24</v>
      </c>
      <c r="V20905">
        <v>24</v>
      </c>
      <c r="W20905">
        <v>25</v>
      </c>
      <c r="X20905">
        <v>25</v>
      </c>
      <c r="Y20905">
        <v>25</v>
      </c>
      <c r="Z20905">
        <v>25</v>
      </c>
      <c r="AA20905">
        <v>26</v>
      </c>
      <c r="AB20905">
        <v>26</v>
      </c>
      <c r="AC20905">
        <v>26</v>
      </c>
      <c r="AD20905">
        <v>26</v>
      </c>
      <c r="AE20905">
        <v>26</v>
      </c>
      <c r="AF20905">
        <v>27</v>
      </c>
      <c r="AG20905">
        <v>27</v>
      </c>
      <c r="AH20905">
        <v>27</v>
      </c>
      <c r="AI20905">
        <v>27</v>
      </c>
      <c r="AJ20905">
        <v>27</v>
      </c>
      <c r="AK20905">
        <v>28</v>
      </c>
      <c r="AL20905">
        <v>28</v>
      </c>
      <c r="AM20905">
        <v>27</v>
      </c>
      <c r="AN20905">
        <v>27</v>
      </c>
      <c r="AO20905">
        <v>27</v>
      </c>
      <c r="AP20905">
        <v>27</v>
      </c>
      <c r="AQ20905">
        <v>27</v>
      </c>
    </row>
    <row r="20906" spans="1:43">
      <c r="A20906" t="s">
        <v>12949</v>
      </c>
      <c r="B20906" t="s">
        <v>12950</v>
      </c>
      <c r="C20906" t="s">
        <v>12939</v>
      </c>
      <c r="D20906" t="s">
        <v>12940</v>
      </c>
      <c r="E20906" t="s">
        <v>12925</v>
      </c>
      <c r="F20906" t="s">
        <v>12926</v>
      </c>
      <c r="G20906" t="s">
        <v>10214</v>
      </c>
      <c r="H20906" t="s">
        <v>10215</v>
      </c>
      <c r="I20906" s="2">
        <v>1</v>
      </c>
      <c r="J20906" s="2">
        <v>0</v>
      </c>
      <c r="K20906" s="2">
        <v>0</v>
      </c>
      <c r="L20906" t="s">
        <v>120</v>
      </c>
      <c r="M20906" t="s">
        <v>83</v>
      </c>
      <c r="N20906" t="s">
        <v>84</v>
      </c>
      <c r="O20906" t="s">
        <v>85</v>
      </c>
      <c r="P20906" t="s">
        <v>86</v>
      </c>
      <c r="Q20906">
        <v>18</v>
      </c>
      <c r="R20906">
        <v>18</v>
      </c>
      <c r="S20906">
        <v>18</v>
      </c>
      <c r="T20906">
        <v>18</v>
      </c>
      <c r="U20906">
        <v>18</v>
      </c>
      <c r="V20906">
        <v>19</v>
      </c>
      <c r="W20906">
        <v>19</v>
      </c>
      <c r="X20906">
        <v>19</v>
      </c>
      <c r="Y20906">
        <v>19</v>
      </c>
      <c r="Z20906">
        <v>19</v>
      </c>
      <c r="AA20906">
        <v>20</v>
      </c>
      <c r="AB20906">
        <v>20</v>
      </c>
      <c r="AC20906">
        <v>20</v>
      </c>
      <c r="AD20906">
        <v>20</v>
      </c>
      <c r="AE20906">
        <v>20</v>
      </c>
      <c r="AF20906">
        <v>20</v>
      </c>
      <c r="AG20906">
        <v>21</v>
      </c>
      <c r="AH20906">
        <v>21</v>
      </c>
      <c r="AI20906">
        <v>21</v>
      </c>
      <c r="AJ20906">
        <v>21</v>
      </c>
      <c r="AK20906">
        <v>21</v>
      </c>
      <c r="AL20906">
        <v>21</v>
      </c>
      <c r="AM20906">
        <v>21</v>
      </c>
      <c r="AN20906">
        <v>21</v>
      </c>
      <c r="AO20906">
        <v>21</v>
      </c>
      <c r="AP20906">
        <v>21</v>
      </c>
      <c r="AQ20906">
        <v>21</v>
      </c>
    </row>
    <row r="20907" spans="1:43">
      <c r="A20907" t="s">
        <v>12949</v>
      </c>
      <c r="B20907" t="s">
        <v>12950</v>
      </c>
      <c r="C20907" t="s">
        <v>12939</v>
      </c>
      <c r="D20907" t="s">
        <v>12940</v>
      </c>
      <c r="E20907" t="s">
        <v>12925</v>
      </c>
      <c r="F20907" t="s">
        <v>12926</v>
      </c>
      <c r="G20907" t="s">
        <v>10214</v>
      </c>
      <c r="H20907" t="s">
        <v>10215</v>
      </c>
      <c r="I20907" s="2">
        <v>1</v>
      </c>
      <c r="J20907" s="2">
        <v>0</v>
      </c>
      <c r="K20907" s="2">
        <v>0</v>
      </c>
      <c r="L20907" t="s">
        <v>120</v>
      </c>
      <c r="M20907" t="s">
        <v>87</v>
      </c>
      <c r="N20907" t="s">
        <v>88</v>
      </c>
      <c r="O20907" t="s">
        <v>85</v>
      </c>
      <c r="P20907" t="s">
        <v>86</v>
      </c>
      <c r="Q20907">
        <v>18</v>
      </c>
      <c r="R20907">
        <v>18</v>
      </c>
      <c r="S20907">
        <v>19</v>
      </c>
      <c r="T20907">
        <v>19</v>
      </c>
      <c r="U20907">
        <v>19</v>
      </c>
      <c r="V20907">
        <v>19</v>
      </c>
      <c r="W20907">
        <v>19</v>
      </c>
      <c r="X20907">
        <v>19</v>
      </c>
      <c r="Y20907">
        <v>19</v>
      </c>
      <c r="Z20907">
        <v>19</v>
      </c>
      <c r="AA20907">
        <v>19</v>
      </c>
      <c r="AB20907">
        <v>19</v>
      </c>
      <c r="AC20907">
        <v>19</v>
      </c>
      <c r="AD20907">
        <v>19</v>
      </c>
      <c r="AE20907">
        <v>19</v>
      </c>
      <c r="AF20907">
        <v>19</v>
      </c>
      <c r="AG20907">
        <v>19</v>
      </c>
      <c r="AH20907">
        <v>19</v>
      </c>
      <c r="AI20907">
        <v>19</v>
      </c>
      <c r="AJ20907">
        <v>19</v>
      </c>
      <c r="AK20907">
        <v>19</v>
      </c>
      <c r="AL20907">
        <v>19</v>
      </c>
      <c r="AM20907">
        <v>19</v>
      </c>
      <c r="AN20907">
        <v>19</v>
      </c>
      <c r="AO20907">
        <v>19</v>
      </c>
      <c r="AP20907">
        <v>19</v>
      </c>
      <c r="AQ20907">
        <v>19</v>
      </c>
    </row>
    <row r="20908" spans="1:43">
      <c r="A20908" t="s">
        <v>12949</v>
      </c>
      <c r="B20908" t="s">
        <v>12950</v>
      </c>
      <c r="C20908" t="s">
        <v>12939</v>
      </c>
      <c r="D20908" t="s">
        <v>12940</v>
      </c>
      <c r="E20908" t="s">
        <v>12925</v>
      </c>
      <c r="F20908" t="s">
        <v>12926</v>
      </c>
      <c r="G20908" t="s">
        <v>10214</v>
      </c>
      <c r="H20908" t="s">
        <v>10215</v>
      </c>
      <c r="I20908" s="2">
        <v>1</v>
      </c>
      <c r="J20908" s="2">
        <v>0</v>
      </c>
      <c r="K20908" s="2">
        <v>0</v>
      </c>
      <c r="L20908" t="s">
        <v>120</v>
      </c>
      <c r="M20908" t="s">
        <v>89</v>
      </c>
      <c r="N20908" t="s">
        <v>90</v>
      </c>
      <c r="O20908" t="s">
        <v>85</v>
      </c>
      <c r="P20908" t="s">
        <v>86</v>
      </c>
      <c r="Q20908">
        <v>18</v>
      </c>
      <c r="R20908">
        <v>18</v>
      </c>
      <c r="S20908">
        <v>18</v>
      </c>
      <c r="T20908">
        <v>19</v>
      </c>
      <c r="U20908">
        <v>19</v>
      </c>
      <c r="V20908">
        <v>19</v>
      </c>
      <c r="W20908">
        <v>20</v>
      </c>
      <c r="X20908">
        <v>20</v>
      </c>
      <c r="Y20908">
        <v>20</v>
      </c>
      <c r="Z20908">
        <v>21</v>
      </c>
      <c r="AA20908">
        <v>21</v>
      </c>
      <c r="AB20908">
        <v>21</v>
      </c>
      <c r="AC20908">
        <v>21</v>
      </c>
      <c r="AD20908">
        <v>22</v>
      </c>
      <c r="AE20908">
        <v>22</v>
      </c>
      <c r="AF20908">
        <v>22</v>
      </c>
      <c r="AG20908">
        <v>22</v>
      </c>
      <c r="AH20908">
        <v>22</v>
      </c>
      <c r="AI20908">
        <v>22</v>
      </c>
      <c r="AJ20908">
        <v>21</v>
      </c>
      <c r="AK20908">
        <v>21</v>
      </c>
      <c r="AL20908">
        <v>21</v>
      </c>
      <c r="AM20908">
        <v>21</v>
      </c>
      <c r="AN20908">
        <v>21</v>
      </c>
      <c r="AO20908">
        <v>21</v>
      </c>
      <c r="AP20908">
        <v>21</v>
      </c>
      <c r="AQ20908">
        <v>21</v>
      </c>
    </row>
    <row r="20909" spans="1:43">
      <c r="A20909" t="s">
        <v>12949</v>
      </c>
      <c r="B20909" t="s">
        <v>12950</v>
      </c>
      <c r="C20909" t="s">
        <v>12939</v>
      </c>
      <c r="D20909" t="s">
        <v>12940</v>
      </c>
      <c r="E20909" t="s">
        <v>12925</v>
      </c>
      <c r="F20909" t="s">
        <v>12926</v>
      </c>
      <c r="G20909" t="s">
        <v>10214</v>
      </c>
      <c r="H20909" t="s">
        <v>10215</v>
      </c>
      <c r="I20909" s="2">
        <v>1</v>
      </c>
      <c r="J20909" s="2">
        <v>0</v>
      </c>
      <c r="K20909" s="2">
        <v>0</v>
      </c>
      <c r="L20909" t="s">
        <v>120</v>
      </c>
      <c r="M20909" t="s">
        <v>83</v>
      </c>
      <c r="N20909" t="s">
        <v>91</v>
      </c>
      <c r="O20909" t="s">
        <v>85</v>
      </c>
      <c r="P20909" t="s">
        <v>86</v>
      </c>
      <c r="Q20909">
        <v>18</v>
      </c>
      <c r="R20909">
        <v>18</v>
      </c>
      <c r="S20909">
        <v>18</v>
      </c>
      <c r="T20909">
        <v>18</v>
      </c>
      <c r="U20909">
        <v>18</v>
      </c>
      <c r="V20909">
        <v>19</v>
      </c>
      <c r="W20909">
        <v>19</v>
      </c>
      <c r="X20909">
        <v>19</v>
      </c>
      <c r="Y20909">
        <v>19</v>
      </c>
      <c r="Z20909">
        <v>19</v>
      </c>
      <c r="AA20909">
        <v>20</v>
      </c>
      <c r="AB20909">
        <v>20</v>
      </c>
      <c r="AC20909">
        <v>20</v>
      </c>
      <c r="AD20909">
        <v>20</v>
      </c>
      <c r="AE20909">
        <v>20</v>
      </c>
      <c r="AF20909">
        <v>20</v>
      </c>
      <c r="AG20909">
        <v>21</v>
      </c>
      <c r="AH20909">
        <v>21</v>
      </c>
      <c r="AI20909">
        <v>21</v>
      </c>
      <c r="AJ20909">
        <v>21</v>
      </c>
      <c r="AK20909">
        <v>21</v>
      </c>
      <c r="AL20909">
        <v>21</v>
      </c>
      <c r="AM20909">
        <v>21</v>
      </c>
      <c r="AN20909">
        <v>21</v>
      </c>
      <c r="AO20909">
        <v>21</v>
      </c>
      <c r="AP20909">
        <v>21</v>
      </c>
      <c r="AQ20909">
        <v>21</v>
      </c>
    </row>
    <row r="20910" spans="1:43">
      <c r="A20910" t="s">
        <v>12951</v>
      </c>
      <c r="B20910" t="s">
        <v>12952</v>
      </c>
      <c r="C20910" t="s">
        <v>12953</v>
      </c>
      <c r="D20910" t="s">
        <v>12954</v>
      </c>
      <c r="E20910" t="s">
        <v>12925</v>
      </c>
      <c r="F20910" t="s">
        <v>12926</v>
      </c>
      <c r="G20910" t="s">
        <v>10214</v>
      </c>
      <c r="H20910" t="s">
        <v>10215</v>
      </c>
      <c r="I20910" s="2">
        <v>1</v>
      </c>
      <c r="J20910" s="2">
        <v>0</v>
      </c>
      <c r="K20910" s="2">
        <v>0</v>
      </c>
      <c r="L20910" t="s">
        <v>120</v>
      </c>
      <c r="M20910" t="s">
        <v>83</v>
      </c>
      <c r="N20910" t="s">
        <v>84</v>
      </c>
      <c r="O20910" t="s">
        <v>85</v>
      </c>
      <c r="P20910" t="s">
        <v>86</v>
      </c>
      <c r="Q20910">
        <v>12</v>
      </c>
      <c r="R20910">
        <v>12</v>
      </c>
      <c r="S20910">
        <v>12</v>
      </c>
      <c r="T20910">
        <v>12</v>
      </c>
      <c r="U20910">
        <v>13</v>
      </c>
      <c r="V20910">
        <v>13</v>
      </c>
      <c r="W20910">
        <v>13</v>
      </c>
      <c r="X20910">
        <v>13</v>
      </c>
      <c r="Y20910">
        <v>13</v>
      </c>
      <c r="Z20910">
        <v>13</v>
      </c>
      <c r="AA20910">
        <v>13</v>
      </c>
      <c r="AB20910">
        <v>13</v>
      </c>
      <c r="AC20910">
        <v>14</v>
      </c>
      <c r="AD20910">
        <v>14</v>
      </c>
      <c r="AE20910">
        <v>14</v>
      </c>
      <c r="AF20910">
        <v>14</v>
      </c>
      <c r="AG20910">
        <v>14</v>
      </c>
      <c r="AH20910">
        <v>14</v>
      </c>
      <c r="AI20910">
        <v>14</v>
      </c>
      <c r="AJ20910">
        <v>14</v>
      </c>
      <c r="AK20910">
        <v>14</v>
      </c>
      <c r="AL20910">
        <v>14</v>
      </c>
      <c r="AM20910">
        <v>14</v>
      </c>
      <c r="AN20910">
        <v>14</v>
      </c>
      <c r="AO20910">
        <v>14</v>
      </c>
      <c r="AP20910">
        <v>14</v>
      </c>
      <c r="AQ20910">
        <v>14</v>
      </c>
    </row>
    <row r="20911" spans="1:43">
      <c r="A20911" t="s">
        <v>12951</v>
      </c>
      <c r="B20911" t="s">
        <v>12952</v>
      </c>
      <c r="C20911" t="s">
        <v>12953</v>
      </c>
      <c r="D20911" t="s">
        <v>12954</v>
      </c>
      <c r="E20911" t="s">
        <v>12925</v>
      </c>
      <c r="F20911" t="s">
        <v>12926</v>
      </c>
      <c r="G20911" t="s">
        <v>10214</v>
      </c>
      <c r="H20911" t="s">
        <v>10215</v>
      </c>
      <c r="I20911" s="2">
        <v>1</v>
      </c>
      <c r="J20911" s="2">
        <v>0</v>
      </c>
      <c r="K20911" s="2">
        <v>0</v>
      </c>
      <c r="L20911" t="s">
        <v>120</v>
      </c>
      <c r="M20911" t="s">
        <v>87</v>
      </c>
      <c r="N20911" t="s">
        <v>88</v>
      </c>
      <c r="O20911" t="s">
        <v>85</v>
      </c>
      <c r="P20911" t="s">
        <v>86</v>
      </c>
      <c r="Q20911">
        <v>12</v>
      </c>
      <c r="R20911">
        <v>12</v>
      </c>
      <c r="S20911">
        <v>12</v>
      </c>
      <c r="T20911">
        <v>12</v>
      </c>
      <c r="U20911">
        <v>12</v>
      </c>
      <c r="V20911">
        <v>12</v>
      </c>
      <c r="W20911">
        <v>12</v>
      </c>
      <c r="X20911">
        <v>12</v>
      </c>
      <c r="Y20911">
        <v>12</v>
      </c>
      <c r="Z20911">
        <v>12</v>
      </c>
      <c r="AA20911">
        <v>12</v>
      </c>
      <c r="AB20911">
        <v>12</v>
      </c>
      <c r="AC20911">
        <v>12</v>
      </c>
      <c r="AD20911">
        <v>12</v>
      </c>
      <c r="AE20911">
        <v>12</v>
      </c>
      <c r="AF20911">
        <v>12</v>
      </c>
      <c r="AG20911">
        <v>12</v>
      </c>
      <c r="AH20911">
        <v>12</v>
      </c>
      <c r="AI20911">
        <v>12</v>
      </c>
      <c r="AJ20911">
        <v>12</v>
      </c>
      <c r="AK20911">
        <v>12</v>
      </c>
      <c r="AL20911">
        <v>12</v>
      </c>
      <c r="AM20911">
        <v>12</v>
      </c>
      <c r="AN20911">
        <v>12</v>
      </c>
      <c r="AO20911">
        <v>12</v>
      </c>
      <c r="AP20911">
        <v>12</v>
      </c>
      <c r="AQ20911">
        <v>12</v>
      </c>
    </row>
    <row r="20912" spans="1:43">
      <c r="A20912" t="s">
        <v>12951</v>
      </c>
      <c r="B20912" t="s">
        <v>12952</v>
      </c>
      <c r="C20912" t="s">
        <v>12953</v>
      </c>
      <c r="D20912" t="s">
        <v>12954</v>
      </c>
      <c r="E20912" t="s">
        <v>12925</v>
      </c>
      <c r="F20912" t="s">
        <v>12926</v>
      </c>
      <c r="G20912" t="s">
        <v>10214</v>
      </c>
      <c r="H20912" t="s">
        <v>10215</v>
      </c>
      <c r="I20912" s="2">
        <v>1</v>
      </c>
      <c r="J20912" s="2">
        <v>0</v>
      </c>
      <c r="K20912" s="2">
        <v>0</v>
      </c>
      <c r="L20912" t="s">
        <v>120</v>
      </c>
      <c r="M20912" t="s">
        <v>89</v>
      </c>
      <c r="N20912" t="s">
        <v>90</v>
      </c>
      <c r="O20912" t="s">
        <v>85</v>
      </c>
      <c r="P20912" t="s">
        <v>86</v>
      </c>
      <c r="Q20912">
        <v>12</v>
      </c>
      <c r="R20912">
        <v>12</v>
      </c>
      <c r="S20912">
        <v>13</v>
      </c>
      <c r="T20912">
        <v>13</v>
      </c>
      <c r="U20912">
        <v>13</v>
      </c>
      <c r="V20912">
        <v>13</v>
      </c>
      <c r="W20912">
        <v>14</v>
      </c>
      <c r="X20912">
        <v>14</v>
      </c>
      <c r="Y20912">
        <v>14</v>
      </c>
      <c r="Z20912">
        <v>14</v>
      </c>
      <c r="AA20912">
        <v>14</v>
      </c>
      <c r="AB20912">
        <v>14</v>
      </c>
      <c r="AC20912">
        <v>15</v>
      </c>
      <c r="AD20912">
        <v>15</v>
      </c>
      <c r="AE20912">
        <v>15</v>
      </c>
      <c r="AF20912">
        <v>15</v>
      </c>
      <c r="AG20912">
        <v>15</v>
      </c>
      <c r="AH20912">
        <v>15</v>
      </c>
      <c r="AI20912">
        <v>15</v>
      </c>
      <c r="AJ20912">
        <v>15</v>
      </c>
      <c r="AK20912">
        <v>15</v>
      </c>
      <c r="AL20912">
        <v>15</v>
      </c>
      <c r="AM20912">
        <v>14</v>
      </c>
      <c r="AN20912">
        <v>14</v>
      </c>
      <c r="AO20912">
        <v>14</v>
      </c>
      <c r="AP20912">
        <v>14</v>
      </c>
      <c r="AQ20912">
        <v>14</v>
      </c>
    </row>
    <row r="20913" spans="1:43">
      <c r="A20913" t="s">
        <v>12951</v>
      </c>
      <c r="B20913" t="s">
        <v>12952</v>
      </c>
      <c r="C20913" t="s">
        <v>12953</v>
      </c>
      <c r="D20913" t="s">
        <v>12954</v>
      </c>
      <c r="E20913" t="s">
        <v>12925</v>
      </c>
      <c r="F20913" t="s">
        <v>12926</v>
      </c>
      <c r="G20913" t="s">
        <v>10214</v>
      </c>
      <c r="H20913" t="s">
        <v>10215</v>
      </c>
      <c r="I20913" s="2">
        <v>1</v>
      </c>
      <c r="J20913" s="2">
        <v>0</v>
      </c>
      <c r="K20913" s="2">
        <v>0</v>
      </c>
      <c r="L20913" t="s">
        <v>120</v>
      </c>
      <c r="M20913" t="s">
        <v>83</v>
      </c>
      <c r="N20913" t="s">
        <v>91</v>
      </c>
      <c r="O20913" t="s">
        <v>85</v>
      </c>
      <c r="P20913" t="s">
        <v>86</v>
      </c>
      <c r="Q20913">
        <v>12</v>
      </c>
      <c r="R20913">
        <v>12</v>
      </c>
      <c r="S20913">
        <v>12</v>
      </c>
      <c r="T20913">
        <v>12</v>
      </c>
      <c r="U20913">
        <v>13</v>
      </c>
      <c r="V20913">
        <v>13</v>
      </c>
      <c r="W20913">
        <v>13</v>
      </c>
      <c r="X20913">
        <v>13</v>
      </c>
      <c r="Y20913">
        <v>13</v>
      </c>
      <c r="Z20913">
        <v>13</v>
      </c>
      <c r="AA20913">
        <v>13</v>
      </c>
      <c r="AB20913">
        <v>13</v>
      </c>
      <c r="AC20913">
        <v>14</v>
      </c>
      <c r="AD20913">
        <v>14</v>
      </c>
      <c r="AE20913">
        <v>14</v>
      </c>
      <c r="AF20913">
        <v>14</v>
      </c>
      <c r="AG20913">
        <v>14</v>
      </c>
      <c r="AH20913">
        <v>14</v>
      </c>
      <c r="AI20913">
        <v>14</v>
      </c>
      <c r="AJ20913">
        <v>14</v>
      </c>
      <c r="AK20913">
        <v>14</v>
      </c>
      <c r="AL20913">
        <v>14</v>
      </c>
      <c r="AM20913">
        <v>14</v>
      </c>
      <c r="AN20913">
        <v>14</v>
      </c>
      <c r="AO20913">
        <v>14</v>
      </c>
      <c r="AP20913">
        <v>14</v>
      </c>
      <c r="AQ20913">
        <v>14</v>
      </c>
    </row>
    <row r="20914" spans="1:43">
      <c r="A20914" t="s">
        <v>12955</v>
      </c>
      <c r="B20914" t="s">
        <v>12956</v>
      </c>
      <c r="C20914" t="s">
        <v>12957</v>
      </c>
      <c r="D20914" t="s">
        <v>12958</v>
      </c>
      <c r="E20914" t="s">
        <v>12925</v>
      </c>
      <c r="F20914" t="s">
        <v>12926</v>
      </c>
      <c r="G20914" t="s">
        <v>10214</v>
      </c>
      <c r="H20914" t="s">
        <v>10215</v>
      </c>
      <c r="I20914" s="2">
        <v>1</v>
      </c>
      <c r="J20914" s="2">
        <v>0</v>
      </c>
      <c r="K20914" s="2">
        <v>0</v>
      </c>
      <c r="L20914" t="s">
        <v>120</v>
      </c>
      <c r="M20914" t="s">
        <v>83</v>
      </c>
      <c r="N20914" t="s">
        <v>84</v>
      </c>
      <c r="O20914" t="s">
        <v>85</v>
      </c>
      <c r="P20914" t="s">
        <v>86</v>
      </c>
      <c r="Q20914">
        <v>32</v>
      </c>
      <c r="R20914">
        <v>32</v>
      </c>
      <c r="S20914">
        <v>32</v>
      </c>
      <c r="T20914">
        <v>33</v>
      </c>
      <c r="U20914">
        <v>33</v>
      </c>
      <c r="V20914">
        <v>34</v>
      </c>
      <c r="W20914">
        <v>34</v>
      </c>
      <c r="X20914">
        <v>34</v>
      </c>
      <c r="Y20914">
        <v>35</v>
      </c>
      <c r="Z20914">
        <v>35</v>
      </c>
      <c r="AA20914">
        <v>35</v>
      </c>
      <c r="AB20914">
        <v>36</v>
      </c>
      <c r="AC20914">
        <v>36</v>
      </c>
      <c r="AD20914">
        <v>36</v>
      </c>
      <c r="AE20914">
        <v>36</v>
      </c>
      <c r="AF20914">
        <v>37</v>
      </c>
      <c r="AG20914">
        <v>37</v>
      </c>
      <c r="AH20914">
        <v>37</v>
      </c>
      <c r="AI20914">
        <v>37</v>
      </c>
      <c r="AJ20914">
        <v>38</v>
      </c>
      <c r="AK20914">
        <v>38</v>
      </c>
      <c r="AL20914">
        <v>38</v>
      </c>
      <c r="AM20914">
        <v>38</v>
      </c>
      <c r="AN20914">
        <v>38</v>
      </c>
      <c r="AO20914">
        <v>38</v>
      </c>
      <c r="AP20914">
        <v>38</v>
      </c>
      <c r="AQ20914">
        <v>38</v>
      </c>
    </row>
    <row r="20915" spans="1:43">
      <c r="A20915" t="s">
        <v>12955</v>
      </c>
      <c r="B20915" t="s">
        <v>12956</v>
      </c>
      <c r="C20915" t="s">
        <v>12957</v>
      </c>
      <c r="D20915" t="s">
        <v>12958</v>
      </c>
      <c r="E20915" t="s">
        <v>12925</v>
      </c>
      <c r="F20915" t="s">
        <v>12926</v>
      </c>
      <c r="G20915" t="s">
        <v>10214</v>
      </c>
      <c r="H20915" t="s">
        <v>10215</v>
      </c>
      <c r="I20915" s="2">
        <v>1</v>
      </c>
      <c r="J20915" s="2">
        <v>0</v>
      </c>
      <c r="K20915" s="2">
        <v>0</v>
      </c>
      <c r="L20915" t="s">
        <v>120</v>
      </c>
      <c r="M20915" t="s">
        <v>87</v>
      </c>
      <c r="N20915" t="s">
        <v>88</v>
      </c>
      <c r="O20915" t="s">
        <v>85</v>
      </c>
      <c r="P20915" t="s">
        <v>86</v>
      </c>
      <c r="Q20915">
        <v>32</v>
      </c>
      <c r="R20915">
        <v>32</v>
      </c>
      <c r="S20915">
        <v>33</v>
      </c>
      <c r="T20915">
        <v>33</v>
      </c>
      <c r="U20915">
        <v>33</v>
      </c>
      <c r="V20915">
        <v>33</v>
      </c>
      <c r="W20915">
        <v>33</v>
      </c>
      <c r="X20915">
        <v>33</v>
      </c>
      <c r="Y20915">
        <v>33</v>
      </c>
      <c r="Z20915">
        <v>33</v>
      </c>
      <c r="AA20915">
        <v>33</v>
      </c>
      <c r="AB20915">
        <v>33</v>
      </c>
      <c r="AC20915">
        <v>33</v>
      </c>
      <c r="AD20915">
        <v>33</v>
      </c>
      <c r="AE20915">
        <v>33</v>
      </c>
      <c r="AF20915">
        <v>33</v>
      </c>
      <c r="AG20915">
        <v>34</v>
      </c>
      <c r="AH20915">
        <v>34</v>
      </c>
      <c r="AI20915">
        <v>34</v>
      </c>
      <c r="AJ20915">
        <v>34</v>
      </c>
      <c r="AK20915">
        <v>34</v>
      </c>
      <c r="AL20915">
        <v>34</v>
      </c>
      <c r="AM20915">
        <v>34</v>
      </c>
      <c r="AN20915">
        <v>34</v>
      </c>
      <c r="AO20915">
        <v>34</v>
      </c>
      <c r="AP20915">
        <v>34</v>
      </c>
      <c r="AQ20915">
        <v>34</v>
      </c>
    </row>
    <row r="20916" spans="1:43">
      <c r="A20916" t="s">
        <v>12955</v>
      </c>
      <c r="B20916" t="s">
        <v>12956</v>
      </c>
      <c r="C20916" t="s">
        <v>12957</v>
      </c>
      <c r="D20916" t="s">
        <v>12958</v>
      </c>
      <c r="E20916" t="s">
        <v>12925</v>
      </c>
      <c r="F20916" t="s">
        <v>12926</v>
      </c>
      <c r="G20916" t="s">
        <v>10214</v>
      </c>
      <c r="H20916" t="s">
        <v>10215</v>
      </c>
      <c r="I20916" s="2">
        <v>1</v>
      </c>
      <c r="J20916" s="2">
        <v>0</v>
      </c>
      <c r="K20916" s="2">
        <v>0</v>
      </c>
      <c r="L20916" t="s">
        <v>120</v>
      </c>
      <c r="M20916" t="s">
        <v>89</v>
      </c>
      <c r="N20916" t="s">
        <v>90</v>
      </c>
      <c r="O20916" t="s">
        <v>85</v>
      </c>
      <c r="P20916" t="s">
        <v>86</v>
      </c>
      <c r="Q20916">
        <v>32</v>
      </c>
      <c r="R20916">
        <v>33</v>
      </c>
      <c r="S20916">
        <v>33</v>
      </c>
      <c r="T20916">
        <v>34</v>
      </c>
      <c r="U20916">
        <v>34</v>
      </c>
      <c r="V20916">
        <v>35</v>
      </c>
      <c r="W20916">
        <v>36</v>
      </c>
      <c r="X20916">
        <v>36</v>
      </c>
      <c r="Y20916">
        <v>36</v>
      </c>
      <c r="Z20916">
        <v>37</v>
      </c>
      <c r="AA20916">
        <v>37</v>
      </c>
      <c r="AB20916">
        <v>38</v>
      </c>
      <c r="AC20916">
        <v>38</v>
      </c>
      <c r="AD20916">
        <v>39</v>
      </c>
      <c r="AE20916">
        <v>39</v>
      </c>
      <c r="AF20916">
        <v>39</v>
      </c>
      <c r="AG20916">
        <v>39</v>
      </c>
      <c r="AH20916">
        <v>39</v>
      </c>
      <c r="AI20916">
        <v>39</v>
      </c>
      <c r="AJ20916">
        <v>38</v>
      </c>
      <c r="AK20916">
        <v>38</v>
      </c>
      <c r="AL20916">
        <v>38</v>
      </c>
      <c r="AM20916">
        <v>38</v>
      </c>
      <c r="AN20916">
        <v>38</v>
      </c>
      <c r="AO20916">
        <v>38</v>
      </c>
      <c r="AP20916">
        <v>38</v>
      </c>
      <c r="AQ20916">
        <v>38</v>
      </c>
    </row>
    <row r="20917" spans="1:43">
      <c r="A20917" t="s">
        <v>12955</v>
      </c>
      <c r="B20917" t="s">
        <v>12956</v>
      </c>
      <c r="C20917" t="s">
        <v>12957</v>
      </c>
      <c r="D20917" t="s">
        <v>12958</v>
      </c>
      <c r="E20917" t="s">
        <v>12925</v>
      </c>
      <c r="F20917" t="s">
        <v>12926</v>
      </c>
      <c r="G20917" t="s">
        <v>10214</v>
      </c>
      <c r="H20917" t="s">
        <v>10215</v>
      </c>
      <c r="I20917" s="2">
        <v>1</v>
      </c>
      <c r="J20917" s="2">
        <v>0</v>
      </c>
      <c r="K20917" s="2">
        <v>0</v>
      </c>
      <c r="L20917" t="s">
        <v>120</v>
      </c>
      <c r="M20917" t="s">
        <v>83</v>
      </c>
      <c r="N20917" t="s">
        <v>91</v>
      </c>
      <c r="O20917" t="s">
        <v>85</v>
      </c>
      <c r="P20917" t="s">
        <v>86</v>
      </c>
      <c r="Q20917">
        <v>32</v>
      </c>
      <c r="R20917">
        <v>32</v>
      </c>
      <c r="S20917">
        <v>32</v>
      </c>
      <c r="T20917">
        <v>33</v>
      </c>
      <c r="U20917">
        <v>33</v>
      </c>
      <c r="V20917">
        <v>34</v>
      </c>
      <c r="W20917">
        <v>34</v>
      </c>
      <c r="X20917">
        <v>34</v>
      </c>
      <c r="Y20917">
        <v>35</v>
      </c>
      <c r="Z20917">
        <v>35</v>
      </c>
      <c r="AA20917">
        <v>35</v>
      </c>
      <c r="AB20917">
        <v>36</v>
      </c>
      <c r="AC20917">
        <v>36</v>
      </c>
      <c r="AD20917">
        <v>36</v>
      </c>
      <c r="AE20917">
        <v>36</v>
      </c>
      <c r="AF20917">
        <v>37</v>
      </c>
      <c r="AG20917">
        <v>37</v>
      </c>
      <c r="AH20917">
        <v>37</v>
      </c>
      <c r="AI20917">
        <v>37</v>
      </c>
      <c r="AJ20917">
        <v>38</v>
      </c>
      <c r="AK20917">
        <v>38</v>
      </c>
      <c r="AL20917">
        <v>38</v>
      </c>
      <c r="AM20917">
        <v>38</v>
      </c>
      <c r="AN20917">
        <v>38</v>
      </c>
      <c r="AO20917">
        <v>38</v>
      </c>
      <c r="AP20917">
        <v>38</v>
      </c>
      <c r="AQ20917">
        <v>38</v>
      </c>
    </row>
    <row r="20918" spans="1:43">
      <c r="A20918" t="s">
        <v>12959</v>
      </c>
      <c r="B20918" t="s">
        <v>12960</v>
      </c>
      <c r="C20918" t="s">
        <v>12957</v>
      </c>
      <c r="D20918" t="s">
        <v>12958</v>
      </c>
      <c r="E20918" t="s">
        <v>12925</v>
      </c>
      <c r="F20918" t="s">
        <v>12926</v>
      </c>
      <c r="G20918" t="s">
        <v>10214</v>
      </c>
      <c r="H20918" t="s">
        <v>10215</v>
      </c>
      <c r="I20918" s="2">
        <v>1</v>
      </c>
      <c r="J20918" s="2">
        <v>0</v>
      </c>
      <c r="K20918" s="2">
        <v>0</v>
      </c>
      <c r="L20918" t="s">
        <v>120</v>
      </c>
      <c r="M20918" t="s">
        <v>83</v>
      </c>
      <c r="N20918" t="s">
        <v>84</v>
      </c>
      <c r="O20918" t="s">
        <v>85</v>
      </c>
      <c r="P20918" t="s">
        <v>86</v>
      </c>
      <c r="Q20918">
        <v>8</v>
      </c>
      <c r="R20918">
        <v>8</v>
      </c>
      <c r="S20918">
        <v>8</v>
      </c>
      <c r="T20918">
        <v>8</v>
      </c>
      <c r="U20918">
        <v>8</v>
      </c>
      <c r="V20918">
        <v>8</v>
      </c>
      <c r="W20918">
        <v>8</v>
      </c>
      <c r="X20918">
        <v>9</v>
      </c>
      <c r="Y20918">
        <v>9</v>
      </c>
      <c r="Z20918">
        <v>9</v>
      </c>
      <c r="AA20918">
        <v>9</v>
      </c>
      <c r="AB20918">
        <v>9</v>
      </c>
      <c r="AC20918">
        <v>9</v>
      </c>
      <c r="AD20918">
        <v>9</v>
      </c>
      <c r="AE20918">
        <v>9</v>
      </c>
      <c r="AF20918">
        <v>9</v>
      </c>
      <c r="AG20918">
        <v>9</v>
      </c>
      <c r="AH20918">
        <v>9</v>
      </c>
      <c r="AI20918">
        <v>9</v>
      </c>
      <c r="AJ20918">
        <v>9</v>
      </c>
      <c r="AK20918">
        <v>9</v>
      </c>
      <c r="AL20918">
        <v>9</v>
      </c>
      <c r="AM20918">
        <v>9</v>
      </c>
      <c r="AN20918">
        <v>9</v>
      </c>
      <c r="AO20918">
        <v>9</v>
      </c>
      <c r="AP20918">
        <v>9</v>
      </c>
      <c r="AQ20918">
        <v>9</v>
      </c>
    </row>
    <row r="20919" spans="1:43">
      <c r="A20919" t="s">
        <v>12959</v>
      </c>
      <c r="B20919" t="s">
        <v>12960</v>
      </c>
      <c r="C20919" t="s">
        <v>12957</v>
      </c>
      <c r="D20919" t="s">
        <v>12958</v>
      </c>
      <c r="E20919" t="s">
        <v>12925</v>
      </c>
      <c r="F20919" t="s">
        <v>12926</v>
      </c>
      <c r="G20919" t="s">
        <v>10214</v>
      </c>
      <c r="H20919" t="s">
        <v>10215</v>
      </c>
      <c r="I20919" s="2">
        <v>1</v>
      </c>
      <c r="J20919" s="2">
        <v>0</v>
      </c>
      <c r="K20919" s="2">
        <v>0</v>
      </c>
      <c r="L20919" t="s">
        <v>120</v>
      </c>
      <c r="M20919" t="s">
        <v>87</v>
      </c>
      <c r="N20919" t="s">
        <v>88</v>
      </c>
      <c r="O20919" t="s">
        <v>85</v>
      </c>
      <c r="P20919" t="s">
        <v>86</v>
      </c>
      <c r="Q20919">
        <v>8</v>
      </c>
      <c r="R20919">
        <v>8</v>
      </c>
      <c r="S20919">
        <v>8</v>
      </c>
      <c r="T20919">
        <v>8</v>
      </c>
      <c r="U20919">
        <v>8</v>
      </c>
      <c r="V20919">
        <v>8</v>
      </c>
      <c r="W20919">
        <v>8</v>
      </c>
      <c r="X20919">
        <v>8</v>
      </c>
      <c r="Y20919">
        <v>8</v>
      </c>
      <c r="Z20919">
        <v>8</v>
      </c>
      <c r="AA20919">
        <v>8</v>
      </c>
      <c r="AB20919">
        <v>8</v>
      </c>
      <c r="AC20919">
        <v>8</v>
      </c>
      <c r="AD20919">
        <v>8</v>
      </c>
      <c r="AE20919">
        <v>8</v>
      </c>
      <c r="AF20919">
        <v>8</v>
      </c>
      <c r="AG20919">
        <v>8</v>
      </c>
      <c r="AH20919">
        <v>8</v>
      </c>
      <c r="AI20919">
        <v>8</v>
      </c>
      <c r="AJ20919">
        <v>8</v>
      </c>
      <c r="AK20919">
        <v>8</v>
      </c>
      <c r="AL20919">
        <v>8</v>
      </c>
      <c r="AM20919">
        <v>8</v>
      </c>
      <c r="AN20919">
        <v>8</v>
      </c>
      <c r="AO20919">
        <v>8</v>
      </c>
      <c r="AP20919">
        <v>8</v>
      </c>
      <c r="AQ20919">
        <v>8</v>
      </c>
    </row>
    <row r="20920" spans="1:43">
      <c r="A20920" t="s">
        <v>12959</v>
      </c>
      <c r="B20920" t="s">
        <v>12960</v>
      </c>
      <c r="C20920" t="s">
        <v>12957</v>
      </c>
      <c r="D20920" t="s">
        <v>12958</v>
      </c>
      <c r="E20920" t="s">
        <v>12925</v>
      </c>
      <c r="F20920" t="s">
        <v>12926</v>
      </c>
      <c r="G20920" t="s">
        <v>10214</v>
      </c>
      <c r="H20920" t="s">
        <v>10215</v>
      </c>
      <c r="I20920" s="2">
        <v>1</v>
      </c>
      <c r="J20920" s="2">
        <v>0</v>
      </c>
      <c r="K20920" s="2">
        <v>0</v>
      </c>
      <c r="L20920" t="s">
        <v>120</v>
      </c>
      <c r="M20920" t="s">
        <v>89</v>
      </c>
      <c r="N20920" t="s">
        <v>90</v>
      </c>
      <c r="O20920" t="s">
        <v>85</v>
      </c>
      <c r="P20920" t="s">
        <v>86</v>
      </c>
      <c r="Q20920">
        <v>8</v>
      </c>
      <c r="R20920">
        <v>8</v>
      </c>
      <c r="S20920">
        <v>8</v>
      </c>
      <c r="T20920">
        <v>8</v>
      </c>
      <c r="U20920">
        <v>9</v>
      </c>
      <c r="V20920">
        <v>9</v>
      </c>
      <c r="W20920">
        <v>9</v>
      </c>
      <c r="X20920">
        <v>9</v>
      </c>
      <c r="Y20920">
        <v>9</v>
      </c>
      <c r="Z20920">
        <v>9</v>
      </c>
      <c r="AA20920">
        <v>9</v>
      </c>
      <c r="AB20920">
        <v>9</v>
      </c>
      <c r="AC20920">
        <v>10</v>
      </c>
      <c r="AD20920">
        <v>10</v>
      </c>
      <c r="AE20920">
        <v>10</v>
      </c>
      <c r="AF20920">
        <v>10</v>
      </c>
      <c r="AG20920">
        <v>10</v>
      </c>
      <c r="AH20920">
        <v>10</v>
      </c>
      <c r="AI20920">
        <v>10</v>
      </c>
      <c r="AJ20920">
        <v>10</v>
      </c>
      <c r="AK20920">
        <v>10</v>
      </c>
      <c r="AL20920">
        <v>10</v>
      </c>
      <c r="AM20920">
        <v>10</v>
      </c>
      <c r="AN20920">
        <v>10</v>
      </c>
      <c r="AO20920">
        <v>10</v>
      </c>
      <c r="AP20920">
        <v>9</v>
      </c>
      <c r="AQ20920">
        <v>9</v>
      </c>
    </row>
    <row r="20921" spans="1:43">
      <c r="A20921" t="s">
        <v>12959</v>
      </c>
      <c r="B20921" t="s">
        <v>12960</v>
      </c>
      <c r="C20921" t="s">
        <v>12957</v>
      </c>
      <c r="D20921" t="s">
        <v>12958</v>
      </c>
      <c r="E20921" t="s">
        <v>12925</v>
      </c>
      <c r="F20921" t="s">
        <v>12926</v>
      </c>
      <c r="G20921" t="s">
        <v>10214</v>
      </c>
      <c r="H20921" t="s">
        <v>10215</v>
      </c>
      <c r="I20921" s="2">
        <v>1</v>
      </c>
      <c r="J20921" s="2">
        <v>0</v>
      </c>
      <c r="K20921" s="2">
        <v>0</v>
      </c>
      <c r="L20921" t="s">
        <v>120</v>
      </c>
      <c r="M20921" t="s">
        <v>83</v>
      </c>
      <c r="N20921" t="s">
        <v>91</v>
      </c>
      <c r="O20921" t="s">
        <v>85</v>
      </c>
      <c r="P20921" t="s">
        <v>86</v>
      </c>
      <c r="Q20921">
        <v>8</v>
      </c>
      <c r="R20921">
        <v>8</v>
      </c>
      <c r="S20921">
        <v>8</v>
      </c>
      <c r="T20921">
        <v>8</v>
      </c>
      <c r="U20921">
        <v>8</v>
      </c>
      <c r="V20921">
        <v>8</v>
      </c>
      <c r="W20921">
        <v>8</v>
      </c>
      <c r="X20921">
        <v>9</v>
      </c>
      <c r="Y20921">
        <v>9</v>
      </c>
      <c r="Z20921">
        <v>9</v>
      </c>
      <c r="AA20921">
        <v>9</v>
      </c>
      <c r="AB20921">
        <v>9</v>
      </c>
      <c r="AC20921">
        <v>9</v>
      </c>
      <c r="AD20921">
        <v>9</v>
      </c>
      <c r="AE20921">
        <v>9</v>
      </c>
      <c r="AF20921">
        <v>9</v>
      </c>
      <c r="AG20921">
        <v>9</v>
      </c>
      <c r="AH20921">
        <v>9</v>
      </c>
      <c r="AI20921">
        <v>9</v>
      </c>
      <c r="AJ20921">
        <v>9</v>
      </c>
      <c r="AK20921">
        <v>9</v>
      </c>
      <c r="AL20921">
        <v>9</v>
      </c>
      <c r="AM20921">
        <v>9</v>
      </c>
      <c r="AN20921">
        <v>9</v>
      </c>
      <c r="AO20921">
        <v>9</v>
      </c>
      <c r="AP20921">
        <v>9</v>
      </c>
      <c r="AQ20921">
        <v>9</v>
      </c>
    </row>
    <row r="20922" spans="1:43">
      <c r="A20922" t="s">
        <v>12961</v>
      </c>
      <c r="B20922" t="s">
        <v>12962</v>
      </c>
      <c r="C20922" t="s">
        <v>12957</v>
      </c>
      <c r="D20922" t="s">
        <v>12958</v>
      </c>
      <c r="E20922" t="s">
        <v>12925</v>
      </c>
      <c r="F20922" t="s">
        <v>12926</v>
      </c>
      <c r="G20922" t="s">
        <v>10214</v>
      </c>
      <c r="H20922" t="s">
        <v>10215</v>
      </c>
      <c r="I20922" s="2">
        <v>1</v>
      </c>
      <c r="J20922" s="2">
        <v>0</v>
      </c>
      <c r="K20922" s="2">
        <v>0</v>
      </c>
      <c r="L20922" t="s">
        <v>120</v>
      </c>
      <c r="M20922" t="s">
        <v>83</v>
      </c>
      <c r="N20922" t="s">
        <v>84</v>
      </c>
      <c r="O20922" t="s">
        <v>85</v>
      </c>
      <c r="P20922" t="s">
        <v>86</v>
      </c>
      <c r="Q20922">
        <v>21</v>
      </c>
      <c r="R20922">
        <v>22</v>
      </c>
      <c r="S20922">
        <v>22</v>
      </c>
      <c r="T20922">
        <v>22</v>
      </c>
      <c r="U20922">
        <v>22</v>
      </c>
      <c r="V20922">
        <v>23</v>
      </c>
      <c r="W20922">
        <v>23</v>
      </c>
      <c r="X20922">
        <v>23</v>
      </c>
      <c r="Y20922">
        <v>23</v>
      </c>
      <c r="Z20922">
        <v>24</v>
      </c>
      <c r="AA20922">
        <v>24</v>
      </c>
      <c r="AB20922">
        <v>24</v>
      </c>
      <c r="AC20922">
        <v>24</v>
      </c>
      <c r="AD20922">
        <v>24</v>
      </c>
      <c r="AE20922">
        <v>25</v>
      </c>
      <c r="AF20922">
        <v>25</v>
      </c>
      <c r="AG20922">
        <v>25</v>
      </c>
      <c r="AH20922">
        <v>25</v>
      </c>
      <c r="AI20922">
        <v>25</v>
      </c>
      <c r="AJ20922">
        <v>25</v>
      </c>
      <c r="AK20922">
        <v>26</v>
      </c>
      <c r="AL20922">
        <v>26</v>
      </c>
      <c r="AM20922">
        <v>26</v>
      </c>
      <c r="AN20922">
        <v>26</v>
      </c>
      <c r="AO20922">
        <v>26</v>
      </c>
      <c r="AP20922">
        <v>25</v>
      </c>
      <c r="AQ20922">
        <v>25</v>
      </c>
    </row>
    <row r="20923" spans="1:43">
      <c r="A20923" t="s">
        <v>12961</v>
      </c>
      <c r="B20923" t="s">
        <v>12962</v>
      </c>
      <c r="C20923" t="s">
        <v>12957</v>
      </c>
      <c r="D20923" t="s">
        <v>12958</v>
      </c>
      <c r="E20923" t="s">
        <v>12925</v>
      </c>
      <c r="F20923" t="s">
        <v>12926</v>
      </c>
      <c r="G20923" t="s">
        <v>10214</v>
      </c>
      <c r="H20923" t="s">
        <v>10215</v>
      </c>
      <c r="I20923" s="2">
        <v>1</v>
      </c>
      <c r="J20923" s="2">
        <v>0</v>
      </c>
      <c r="K20923" s="2">
        <v>0</v>
      </c>
      <c r="L20923" t="s">
        <v>120</v>
      </c>
      <c r="M20923" t="s">
        <v>87</v>
      </c>
      <c r="N20923" t="s">
        <v>88</v>
      </c>
      <c r="O20923" t="s">
        <v>85</v>
      </c>
      <c r="P20923" t="s">
        <v>86</v>
      </c>
      <c r="Q20923">
        <v>21</v>
      </c>
      <c r="R20923">
        <v>21</v>
      </c>
      <c r="S20923">
        <v>21</v>
      </c>
      <c r="T20923">
        <v>21</v>
      </c>
      <c r="U20923">
        <v>21</v>
      </c>
      <c r="V20923">
        <v>21</v>
      </c>
      <c r="W20923">
        <v>21</v>
      </c>
      <c r="X20923">
        <v>22</v>
      </c>
      <c r="Y20923">
        <v>22</v>
      </c>
      <c r="Z20923">
        <v>22</v>
      </c>
      <c r="AA20923">
        <v>22</v>
      </c>
      <c r="AB20923">
        <v>22</v>
      </c>
      <c r="AC20923">
        <v>22</v>
      </c>
      <c r="AD20923">
        <v>22</v>
      </c>
      <c r="AE20923">
        <v>22</v>
      </c>
      <c r="AF20923">
        <v>22</v>
      </c>
      <c r="AG20923">
        <v>22</v>
      </c>
      <c r="AH20923">
        <v>22</v>
      </c>
      <c r="AI20923">
        <v>22</v>
      </c>
      <c r="AJ20923">
        <v>22</v>
      </c>
      <c r="AK20923">
        <v>22</v>
      </c>
      <c r="AL20923">
        <v>22</v>
      </c>
      <c r="AM20923">
        <v>22</v>
      </c>
      <c r="AN20923">
        <v>22</v>
      </c>
      <c r="AO20923">
        <v>22</v>
      </c>
      <c r="AP20923">
        <v>22</v>
      </c>
      <c r="AQ20923">
        <v>22</v>
      </c>
    </row>
    <row r="20924" spans="1:43">
      <c r="A20924" t="s">
        <v>12961</v>
      </c>
      <c r="B20924" t="s">
        <v>12962</v>
      </c>
      <c r="C20924" t="s">
        <v>12957</v>
      </c>
      <c r="D20924" t="s">
        <v>12958</v>
      </c>
      <c r="E20924" t="s">
        <v>12925</v>
      </c>
      <c r="F20924" t="s">
        <v>12926</v>
      </c>
      <c r="G20924" t="s">
        <v>10214</v>
      </c>
      <c r="H20924" t="s">
        <v>10215</v>
      </c>
      <c r="I20924" s="2">
        <v>1</v>
      </c>
      <c r="J20924" s="2">
        <v>0</v>
      </c>
      <c r="K20924" s="2">
        <v>0</v>
      </c>
      <c r="L20924" t="s">
        <v>120</v>
      </c>
      <c r="M20924" t="s">
        <v>89</v>
      </c>
      <c r="N20924" t="s">
        <v>90</v>
      </c>
      <c r="O20924" t="s">
        <v>85</v>
      </c>
      <c r="P20924" t="s">
        <v>86</v>
      </c>
      <c r="Q20924">
        <v>21</v>
      </c>
      <c r="R20924">
        <v>21</v>
      </c>
      <c r="S20924">
        <v>21</v>
      </c>
      <c r="T20924">
        <v>22</v>
      </c>
      <c r="U20924">
        <v>22</v>
      </c>
      <c r="V20924">
        <v>23</v>
      </c>
      <c r="W20924">
        <v>23</v>
      </c>
      <c r="X20924">
        <v>23</v>
      </c>
      <c r="Y20924">
        <v>24</v>
      </c>
      <c r="Z20924">
        <v>24</v>
      </c>
      <c r="AA20924">
        <v>24</v>
      </c>
      <c r="AB20924">
        <v>25</v>
      </c>
      <c r="AC20924">
        <v>25</v>
      </c>
      <c r="AD20924">
        <v>25</v>
      </c>
      <c r="AE20924">
        <v>25</v>
      </c>
      <c r="AF20924">
        <v>25</v>
      </c>
      <c r="AG20924">
        <v>25</v>
      </c>
      <c r="AH20924">
        <v>25</v>
      </c>
      <c r="AI20924">
        <v>25</v>
      </c>
      <c r="AJ20924">
        <v>25</v>
      </c>
      <c r="AK20924">
        <v>25</v>
      </c>
      <c r="AL20924">
        <v>25</v>
      </c>
      <c r="AM20924">
        <v>25</v>
      </c>
      <c r="AN20924">
        <v>25</v>
      </c>
      <c r="AO20924">
        <v>25</v>
      </c>
      <c r="AP20924">
        <v>25</v>
      </c>
      <c r="AQ20924">
        <v>25</v>
      </c>
    </row>
    <row r="20925" spans="1:43">
      <c r="A20925" t="s">
        <v>12961</v>
      </c>
      <c r="B20925" t="s">
        <v>12962</v>
      </c>
      <c r="C20925" t="s">
        <v>12957</v>
      </c>
      <c r="D20925" t="s">
        <v>12958</v>
      </c>
      <c r="E20925" t="s">
        <v>12925</v>
      </c>
      <c r="F20925" t="s">
        <v>12926</v>
      </c>
      <c r="G20925" t="s">
        <v>10214</v>
      </c>
      <c r="H20925" t="s">
        <v>10215</v>
      </c>
      <c r="I20925" s="2">
        <v>1</v>
      </c>
      <c r="J20925" s="2">
        <v>0</v>
      </c>
      <c r="K20925" s="2">
        <v>0</v>
      </c>
      <c r="L20925" t="s">
        <v>120</v>
      </c>
      <c r="M20925" t="s">
        <v>83</v>
      </c>
      <c r="N20925" t="s">
        <v>91</v>
      </c>
      <c r="O20925" t="s">
        <v>85</v>
      </c>
      <c r="P20925" t="s">
        <v>86</v>
      </c>
      <c r="Q20925">
        <v>21</v>
      </c>
      <c r="R20925">
        <v>22</v>
      </c>
      <c r="S20925">
        <v>22</v>
      </c>
      <c r="T20925">
        <v>22</v>
      </c>
      <c r="U20925">
        <v>22</v>
      </c>
      <c r="V20925">
        <v>23</v>
      </c>
      <c r="W20925">
        <v>23</v>
      </c>
      <c r="X20925">
        <v>23</v>
      </c>
      <c r="Y20925">
        <v>23</v>
      </c>
      <c r="Z20925">
        <v>24</v>
      </c>
      <c r="AA20925">
        <v>24</v>
      </c>
      <c r="AB20925">
        <v>24</v>
      </c>
      <c r="AC20925">
        <v>24</v>
      </c>
      <c r="AD20925">
        <v>24</v>
      </c>
      <c r="AE20925">
        <v>25</v>
      </c>
      <c r="AF20925">
        <v>25</v>
      </c>
      <c r="AG20925">
        <v>25</v>
      </c>
      <c r="AH20925">
        <v>25</v>
      </c>
      <c r="AI20925">
        <v>25</v>
      </c>
      <c r="AJ20925">
        <v>25</v>
      </c>
      <c r="AK20925">
        <v>26</v>
      </c>
      <c r="AL20925">
        <v>26</v>
      </c>
      <c r="AM20925">
        <v>26</v>
      </c>
      <c r="AN20925">
        <v>26</v>
      </c>
      <c r="AO20925">
        <v>26</v>
      </c>
      <c r="AP20925">
        <v>25</v>
      </c>
      <c r="AQ20925">
        <v>25</v>
      </c>
    </row>
    <row r="20926" spans="1:43">
      <c r="A20926" t="s">
        <v>12963</v>
      </c>
      <c r="B20926" t="s">
        <v>12964</v>
      </c>
      <c r="C20926" t="s">
        <v>12957</v>
      </c>
      <c r="D20926" t="s">
        <v>12958</v>
      </c>
      <c r="E20926" t="s">
        <v>12925</v>
      </c>
      <c r="F20926" t="s">
        <v>12926</v>
      </c>
      <c r="G20926" t="s">
        <v>10214</v>
      </c>
      <c r="H20926" t="s">
        <v>10215</v>
      </c>
      <c r="I20926" s="2">
        <v>1</v>
      </c>
      <c r="J20926" s="2">
        <v>0</v>
      </c>
      <c r="K20926" s="2">
        <v>0</v>
      </c>
      <c r="L20926" t="s">
        <v>120</v>
      </c>
      <c r="M20926" t="s">
        <v>83</v>
      </c>
      <c r="N20926" t="s">
        <v>84</v>
      </c>
      <c r="O20926" t="s">
        <v>85</v>
      </c>
      <c r="P20926" t="s">
        <v>86</v>
      </c>
      <c r="Q20926">
        <v>20</v>
      </c>
      <c r="R20926">
        <v>20</v>
      </c>
      <c r="S20926">
        <v>20</v>
      </c>
      <c r="T20926">
        <v>20</v>
      </c>
      <c r="U20926">
        <v>21</v>
      </c>
      <c r="V20926">
        <v>21</v>
      </c>
      <c r="W20926">
        <v>21</v>
      </c>
      <c r="X20926">
        <v>21</v>
      </c>
      <c r="Y20926">
        <v>22</v>
      </c>
      <c r="Z20926">
        <v>22</v>
      </c>
      <c r="AA20926">
        <v>22</v>
      </c>
      <c r="AB20926">
        <v>22</v>
      </c>
      <c r="AC20926">
        <v>22</v>
      </c>
      <c r="AD20926">
        <v>22</v>
      </c>
      <c r="AE20926">
        <v>23</v>
      </c>
      <c r="AF20926">
        <v>23</v>
      </c>
      <c r="AG20926">
        <v>23</v>
      </c>
      <c r="AH20926">
        <v>23</v>
      </c>
      <c r="AI20926">
        <v>23</v>
      </c>
      <c r="AJ20926">
        <v>24</v>
      </c>
      <c r="AK20926">
        <v>24</v>
      </c>
      <c r="AL20926">
        <v>24</v>
      </c>
      <c r="AM20926">
        <v>24</v>
      </c>
      <c r="AN20926">
        <v>24</v>
      </c>
      <c r="AO20926">
        <v>24</v>
      </c>
      <c r="AP20926">
        <v>24</v>
      </c>
      <c r="AQ20926">
        <v>23</v>
      </c>
    </row>
    <row r="20927" spans="1:43">
      <c r="A20927" t="s">
        <v>12963</v>
      </c>
      <c r="B20927" t="s">
        <v>12964</v>
      </c>
      <c r="C20927" t="s">
        <v>12957</v>
      </c>
      <c r="D20927" t="s">
        <v>12958</v>
      </c>
      <c r="E20927" t="s">
        <v>12925</v>
      </c>
      <c r="F20927" t="s">
        <v>12926</v>
      </c>
      <c r="G20927" t="s">
        <v>10214</v>
      </c>
      <c r="H20927" t="s">
        <v>10215</v>
      </c>
      <c r="I20927" s="2">
        <v>1</v>
      </c>
      <c r="J20927" s="2">
        <v>0</v>
      </c>
      <c r="K20927" s="2">
        <v>0</v>
      </c>
      <c r="L20927" t="s">
        <v>120</v>
      </c>
      <c r="M20927" t="s">
        <v>87</v>
      </c>
      <c r="N20927" t="s">
        <v>88</v>
      </c>
      <c r="O20927" t="s">
        <v>85</v>
      </c>
      <c r="P20927" t="s">
        <v>86</v>
      </c>
      <c r="Q20927">
        <v>20</v>
      </c>
      <c r="R20927">
        <v>21</v>
      </c>
      <c r="S20927">
        <v>21</v>
      </c>
      <c r="T20927">
        <v>21</v>
      </c>
      <c r="U20927">
        <v>21</v>
      </c>
      <c r="V20927">
        <v>21</v>
      </c>
      <c r="W20927">
        <v>21</v>
      </c>
      <c r="X20927">
        <v>21</v>
      </c>
      <c r="Y20927">
        <v>21</v>
      </c>
      <c r="Z20927">
        <v>21</v>
      </c>
      <c r="AA20927">
        <v>21</v>
      </c>
      <c r="AB20927">
        <v>21</v>
      </c>
      <c r="AC20927">
        <v>21</v>
      </c>
      <c r="AD20927">
        <v>21</v>
      </c>
      <c r="AE20927">
        <v>21</v>
      </c>
      <c r="AF20927">
        <v>21</v>
      </c>
      <c r="AG20927">
        <v>21</v>
      </c>
      <c r="AH20927">
        <v>21</v>
      </c>
      <c r="AI20927">
        <v>21</v>
      </c>
      <c r="AJ20927">
        <v>21</v>
      </c>
      <c r="AK20927">
        <v>21</v>
      </c>
      <c r="AL20927">
        <v>21</v>
      </c>
      <c r="AM20927">
        <v>21</v>
      </c>
      <c r="AN20927">
        <v>21</v>
      </c>
      <c r="AO20927">
        <v>21</v>
      </c>
      <c r="AP20927">
        <v>21</v>
      </c>
      <c r="AQ20927">
        <v>21</v>
      </c>
    </row>
    <row r="20928" spans="1:43">
      <c r="A20928" t="s">
        <v>12963</v>
      </c>
      <c r="B20928" t="s">
        <v>12964</v>
      </c>
      <c r="C20928" t="s">
        <v>12957</v>
      </c>
      <c r="D20928" t="s">
        <v>12958</v>
      </c>
      <c r="E20928" t="s">
        <v>12925</v>
      </c>
      <c r="F20928" t="s">
        <v>12926</v>
      </c>
      <c r="G20928" t="s">
        <v>10214</v>
      </c>
      <c r="H20928" t="s">
        <v>10215</v>
      </c>
      <c r="I20928" s="2">
        <v>1</v>
      </c>
      <c r="J20928" s="2">
        <v>0</v>
      </c>
      <c r="K20928" s="2">
        <v>0</v>
      </c>
      <c r="L20928" t="s">
        <v>120</v>
      </c>
      <c r="M20928" t="s">
        <v>89</v>
      </c>
      <c r="N20928" t="s">
        <v>90</v>
      </c>
      <c r="O20928" t="s">
        <v>85</v>
      </c>
      <c r="P20928" t="s">
        <v>86</v>
      </c>
      <c r="Q20928">
        <v>20</v>
      </c>
      <c r="R20928">
        <v>20</v>
      </c>
      <c r="S20928">
        <v>21</v>
      </c>
      <c r="T20928">
        <v>21</v>
      </c>
      <c r="U20928">
        <v>21</v>
      </c>
      <c r="V20928">
        <v>22</v>
      </c>
      <c r="W20928">
        <v>22</v>
      </c>
      <c r="X20928">
        <v>22</v>
      </c>
      <c r="Y20928">
        <v>23</v>
      </c>
      <c r="Z20928">
        <v>23</v>
      </c>
      <c r="AA20928">
        <v>23</v>
      </c>
      <c r="AB20928">
        <v>24</v>
      </c>
      <c r="AC20928">
        <v>24</v>
      </c>
      <c r="AD20928">
        <v>24</v>
      </c>
      <c r="AE20928">
        <v>24</v>
      </c>
      <c r="AF20928">
        <v>24</v>
      </c>
      <c r="AG20928">
        <v>24</v>
      </c>
      <c r="AH20928">
        <v>24</v>
      </c>
      <c r="AI20928">
        <v>24</v>
      </c>
      <c r="AJ20928">
        <v>24</v>
      </c>
      <c r="AK20928">
        <v>24</v>
      </c>
      <c r="AL20928">
        <v>24</v>
      </c>
      <c r="AM20928">
        <v>24</v>
      </c>
      <c r="AN20928">
        <v>24</v>
      </c>
      <c r="AO20928">
        <v>24</v>
      </c>
      <c r="AP20928">
        <v>24</v>
      </c>
      <c r="AQ20928">
        <v>24</v>
      </c>
    </row>
    <row r="20929" spans="1:43">
      <c r="A20929" t="s">
        <v>12963</v>
      </c>
      <c r="B20929" t="s">
        <v>12964</v>
      </c>
      <c r="C20929" t="s">
        <v>12957</v>
      </c>
      <c r="D20929" t="s">
        <v>12958</v>
      </c>
      <c r="E20929" t="s">
        <v>12925</v>
      </c>
      <c r="F20929" t="s">
        <v>12926</v>
      </c>
      <c r="G20929" t="s">
        <v>10214</v>
      </c>
      <c r="H20929" t="s">
        <v>10215</v>
      </c>
      <c r="I20929" s="2">
        <v>1</v>
      </c>
      <c r="J20929" s="2">
        <v>0</v>
      </c>
      <c r="K20929" s="2">
        <v>0</v>
      </c>
      <c r="L20929" t="s">
        <v>120</v>
      </c>
      <c r="M20929" t="s">
        <v>83</v>
      </c>
      <c r="N20929" t="s">
        <v>91</v>
      </c>
      <c r="O20929" t="s">
        <v>85</v>
      </c>
      <c r="P20929" t="s">
        <v>86</v>
      </c>
      <c r="Q20929">
        <v>20</v>
      </c>
      <c r="R20929">
        <v>20</v>
      </c>
      <c r="S20929">
        <v>20</v>
      </c>
      <c r="T20929">
        <v>20</v>
      </c>
      <c r="U20929">
        <v>21</v>
      </c>
      <c r="V20929">
        <v>21</v>
      </c>
      <c r="W20929">
        <v>21</v>
      </c>
      <c r="X20929">
        <v>21</v>
      </c>
      <c r="Y20929">
        <v>22</v>
      </c>
      <c r="Z20929">
        <v>22</v>
      </c>
      <c r="AA20929">
        <v>22</v>
      </c>
      <c r="AB20929">
        <v>22</v>
      </c>
      <c r="AC20929">
        <v>22</v>
      </c>
      <c r="AD20929">
        <v>22</v>
      </c>
      <c r="AE20929">
        <v>23</v>
      </c>
      <c r="AF20929">
        <v>23</v>
      </c>
      <c r="AG20929">
        <v>23</v>
      </c>
      <c r="AH20929">
        <v>23</v>
      </c>
      <c r="AI20929">
        <v>23</v>
      </c>
      <c r="AJ20929">
        <v>24</v>
      </c>
      <c r="AK20929">
        <v>24</v>
      </c>
      <c r="AL20929">
        <v>24</v>
      </c>
      <c r="AM20929">
        <v>24</v>
      </c>
      <c r="AN20929">
        <v>24</v>
      </c>
      <c r="AO20929">
        <v>24</v>
      </c>
      <c r="AP20929">
        <v>24</v>
      </c>
      <c r="AQ20929">
        <v>23</v>
      </c>
    </row>
    <row r="20930" spans="1:43">
      <c r="A20930" t="s">
        <v>12965</v>
      </c>
      <c r="B20930" t="s">
        <v>12966</v>
      </c>
      <c r="C20930" t="s">
        <v>12957</v>
      </c>
      <c r="D20930" t="s">
        <v>12958</v>
      </c>
      <c r="E20930" t="s">
        <v>12925</v>
      </c>
      <c r="F20930" t="s">
        <v>12926</v>
      </c>
      <c r="G20930" t="s">
        <v>10214</v>
      </c>
      <c r="H20930" t="s">
        <v>10215</v>
      </c>
      <c r="I20930" s="2">
        <v>1</v>
      </c>
      <c r="J20930" s="2">
        <v>0</v>
      </c>
      <c r="K20930" s="2">
        <v>0</v>
      </c>
      <c r="L20930" t="s">
        <v>120</v>
      </c>
      <c r="M20930" t="s">
        <v>83</v>
      </c>
      <c r="N20930" t="s">
        <v>84</v>
      </c>
      <c r="O20930" t="s">
        <v>85</v>
      </c>
      <c r="P20930" t="s">
        <v>86</v>
      </c>
      <c r="Q20930">
        <v>32</v>
      </c>
      <c r="R20930">
        <v>33</v>
      </c>
      <c r="S20930">
        <v>33</v>
      </c>
      <c r="T20930">
        <v>34</v>
      </c>
      <c r="U20930">
        <v>34</v>
      </c>
      <c r="V20930">
        <v>34</v>
      </c>
      <c r="W20930">
        <v>35</v>
      </c>
      <c r="X20930">
        <v>35</v>
      </c>
      <c r="Y20930">
        <v>35</v>
      </c>
      <c r="Z20930">
        <v>36</v>
      </c>
      <c r="AA20930">
        <v>36</v>
      </c>
      <c r="AB20930">
        <v>36</v>
      </c>
      <c r="AC20930">
        <v>37</v>
      </c>
      <c r="AD20930">
        <v>37</v>
      </c>
      <c r="AE20930">
        <v>37</v>
      </c>
      <c r="AF20930">
        <v>38</v>
      </c>
      <c r="AG20930">
        <v>38</v>
      </c>
      <c r="AH20930">
        <v>38</v>
      </c>
      <c r="AI20930">
        <v>38</v>
      </c>
      <c r="AJ20930">
        <v>39</v>
      </c>
      <c r="AK20930">
        <v>39</v>
      </c>
      <c r="AL20930">
        <v>39</v>
      </c>
      <c r="AM20930">
        <v>39</v>
      </c>
      <c r="AN20930">
        <v>39</v>
      </c>
      <c r="AO20930">
        <v>39</v>
      </c>
      <c r="AP20930">
        <v>39</v>
      </c>
      <c r="AQ20930">
        <v>39</v>
      </c>
    </row>
    <row r="20931" spans="1:43">
      <c r="A20931" t="s">
        <v>12965</v>
      </c>
      <c r="B20931" t="s">
        <v>12966</v>
      </c>
      <c r="C20931" t="s">
        <v>12957</v>
      </c>
      <c r="D20931" t="s">
        <v>12958</v>
      </c>
      <c r="E20931" t="s">
        <v>12925</v>
      </c>
      <c r="F20931" t="s">
        <v>12926</v>
      </c>
      <c r="G20931" t="s">
        <v>10214</v>
      </c>
      <c r="H20931" t="s">
        <v>10215</v>
      </c>
      <c r="I20931" s="2">
        <v>1</v>
      </c>
      <c r="J20931" s="2">
        <v>0</v>
      </c>
      <c r="K20931" s="2">
        <v>0</v>
      </c>
      <c r="L20931" t="s">
        <v>120</v>
      </c>
      <c r="M20931" t="s">
        <v>87</v>
      </c>
      <c r="N20931" t="s">
        <v>88</v>
      </c>
      <c r="O20931" t="s">
        <v>85</v>
      </c>
      <c r="P20931" t="s">
        <v>86</v>
      </c>
      <c r="Q20931">
        <v>32</v>
      </c>
      <c r="R20931">
        <v>32</v>
      </c>
      <c r="S20931">
        <v>32</v>
      </c>
      <c r="T20931">
        <v>32</v>
      </c>
      <c r="U20931">
        <v>32</v>
      </c>
      <c r="V20931">
        <v>33</v>
      </c>
      <c r="W20931">
        <v>33</v>
      </c>
      <c r="X20931">
        <v>33</v>
      </c>
      <c r="Y20931">
        <v>33</v>
      </c>
      <c r="Z20931">
        <v>33</v>
      </c>
      <c r="AA20931">
        <v>33</v>
      </c>
      <c r="AB20931">
        <v>33</v>
      </c>
      <c r="AC20931">
        <v>33</v>
      </c>
      <c r="AD20931">
        <v>33</v>
      </c>
      <c r="AE20931">
        <v>33</v>
      </c>
      <c r="AF20931">
        <v>33</v>
      </c>
      <c r="AG20931">
        <v>33</v>
      </c>
      <c r="AH20931">
        <v>33</v>
      </c>
      <c r="AI20931">
        <v>33</v>
      </c>
      <c r="AJ20931">
        <v>33</v>
      </c>
      <c r="AK20931">
        <v>33</v>
      </c>
      <c r="AL20931">
        <v>33</v>
      </c>
      <c r="AM20931">
        <v>34</v>
      </c>
      <c r="AN20931">
        <v>34</v>
      </c>
      <c r="AO20931">
        <v>34</v>
      </c>
      <c r="AP20931">
        <v>34</v>
      </c>
      <c r="AQ20931">
        <v>34</v>
      </c>
    </row>
    <row r="20932" spans="1:43">
      <c r="A20932" t="s">
        <v>12965</v>
      </c>
      <c r="B20932" t="s">
        <v>12966</v>
      </c>
      <c r="C20932" t="s">
        <v>12957</v>
      </c>
      <c r="D20932" t="s">
        <v>12958</v>
      </c>
      <c r="E20932" t="s">
        <v>12925</v>
      </c>
      <c r="F20932" t="s">
        <v>12926</v>
      </c>
      <c r="G20932" t="s">
        <v>10214</v>
      </c>
      <c r="H20932" t="s">
        <v>10215</v>
      </c>
      <c r="I20932" s="2">
        <v>1</v>
      </c>
      <c r="J20932" s="2">
        <v>0</v>
      </c>
      <c r="K20932" s="2">
        <v>0</v>
      </c>
      <c r="L20932" t="s">
        <v>120</v>
      </c>
      <c r="M20932" t="s">
        <v>89</v>
      </c>
      <c r="N20932" t="s">
        <v>90</v>
      </c>
      <c r="O20932" t="s">
        <v>85</v>
      </c>
      <c r="P20932" t="s">
        <v>86</v>
      </c>
      <c r="Q20932">
        <v>32</v>
      </c>
      <c r="R20932">
        <v>32</v>
      </c>
      <c r="S20932">
        <v>33</v>
      </c>
      <c r="T20932">
        <v>34</v>
      </c>
      <c r="U20932">
        <v>34</v>
      </c>
      <c r="V20932">
        <v>35</v>
      </c>
      <c r="W20932">
        <v>35</v>
      </c>
      <c r="X20932">
        <v>36</v>
      </c>
      <c r="Y20932">
        <v>36</v>
      </c>
      <c r="Z20932">
        <v>37</v>
      </c>
      <c r="AA20932">
        <v>37</v>
      </c>
      <c r="AB20932">
        <v>38</v>
      </c>
      <c r="AC20932">
        <v>38</v>
      </c>
      <c r="AD20932">
        <v>39</v>
      </c>
      <c r="AE20932">
        <v>39</v>
      </c>
      <c r="AF20932">
        <v>39</v>
      </c>
      <c r="AG20932">
        <v>39</v>
      </c>
      <c r="AH20932">
        <v>39</v>
      </c>
      <c r="AI20932">
        <v>39</v>
      </c>
      <c r="AJ20932">
        <v>39</v>
      </c>
      <c r="AK20932">
        <v>38</v>
      </c>
      <c r="AL20932">
        <v>38</v>
      </c>
      <c r="AM20932">
        <v>38</v>
      </c>
      <c r="AN20932">
        <v>38</v>
      </c>
      <c r="AO20932">
        <v>38</v>
      </c>
      <c r="AP20932">
        <v>38</v>
      </c>
      <c r="AQ20932">
        <v>38</v>
      </c>
    </row>
    <row r="20933" spans="1:43">
      <c r="A20933" t="s">
        <v>12965</v>
      </c>
      <c r="B20933" t="s">
        <v>12966</v>
      </c>
      <c r="C20933" t="s">
        <v>12957</v>
      </c>
      <c r="D20933" t="s">
        <v>12958</v>
      </c>
      <c r="E20933" t="s">
        <v>12925</v>
      </c>
      <c r="F20933" t="s">
        <v>12926</v>
      </c>
      <c r="G20933" t="s">
        <v>10214</v>
      </c>
      <c r="H20933" t="s">
        <v>10215</v>
      </c>
      <c r="I20933" s="2">
        <v>1</v>
      </c>
      <c r="J20933" s="2">
        <v>0</v>
      </c>
      <c r="K20933" s="2">
        <v>0</v>
      </c>
      <c r="L20933" t="s">
        <v>120</v>
      </c>
      <c r="M20933" t="s">
        <v>83</v>
      </c>
      <c r="N20933" t="s">
        <v>91</v>
      </c>
      <c r="O20933" t="s">
        <v>85</v>
      </c>
      <c r="P20933" t="s">
        <v>86</v>
      </c>
      <c r="Q20933">
        <v>32</v>
      </c>
      <c r="R20933">
        <v>33</v>
      </c>
      <c r="S20933">
        <v>33</v>
      </c>
      <c r="T20933">
        <v>34</v>
      </c>
      <c r="U20933">
        <v>34</v>
      </c>
      <c r="V20933">
        <v>34</v>
      </c>
      <c r="W20933">
        <v>35</v>
      </c>
      <c r="X20933">
        <v>35</v>
      </c>
      <c r="Y20933">
        <v>35</v>
      </c>
      <c r="Z20933">
        <v>36</v>
      </c>
      <c r="AA20933">
        <v>36</v>
      </c>
      <c r="AB20933">
        <v>36</v>
      </c>
      <c r="AC20933">
        <v>37</v>
      </c>
      <c r="AD20933">
        <v>37</v>
      </c>
      <c r="AE20933">
        <v>37</v>
      </c>
      <c r="AF20933">
        <v>38</v>
      </c>
      <c r="AG20933">
        <v>38</v>
      </c>
      <c r="AH20933">
        <v>38</v>
      </c>
      <c r="AI20933">
        <v>38</v>
      </c>
      <c r="AJ20933">
        <v>39</v>
      </c>
      <c r="AK20933">
        <v>39</v>
      </c>
      <c r="AL20933">
        <v>39</v>
      </c>
      <c r="AM20933">
        <v>39</v>
      </c>
      <c r="AN20933">
        <v>39</v>
      </c>
      <c r="AO20933">
        <v>39</v>
      </c>
      <c r="AP20933">
        <v>39</v>
      </c>
      <c r="AQ20933">
        <v>39</v>
      </c>
    </row>
    <row r="20934" spans="1:43">
      <c r="A20934" t="s">
        <v>12967</v>
      </c>
      <c r="B20934" t="s">
        <v>12968</v>
      </c>
      <c r="C20934" t="s">
        <v>12957</v>
      </c>
      <c r="D20934" t="s">
        <v>12958</v>
      </c>
      <c r="E20934" t="s">
        <v>12925</v>
      </c>
      <c r="F20934" t="s">
        <v>12926</v>
      </c>
      <c r="G20934" t="s">
        <v>10214</v>
      </c>
      <c r="H20934" t="s">
        <v>10215</v>
      </c>
      <c r="I20934" s="2">
        <v>1</v>
      </c>
      <c r="J20934" s="2">
        <v>0</v>
      </c>
      <c r="K20934" s="2">
        <v>0</v>
      </c>
      <c r="L20934" t="s">
        <v>120</v>
      </c>
      <c r="M20934" t="s">
        <v>83</v>
      </c>
      <c r="N20934" t="s">
        <v>84</v>
      </c>
      <c r="O20934" t="s">
        <v>85</v>
      </c>
      <c r="P20934" t="s">
        <v>86</v>
      </c>
      <c r="Q20934">
        <v>14</v>
      </c>
      <c r="R20934">
        <v>14</v>
      </c>
      <c r="S20934">
        <v>14</v>
      </c>
      <c r="T20934">
        <v>15</v>
      </c>
      <c r="U20934">
        <v>15</v>
      </c>
      <c r="V20934">
        <v>15</v>
      </c>
      <c r="W20934">
        <v>15</v>
      </c>
      <c r="X20934">
        <v>15</v>
      </c>
      <c r="Y20934">
        <v>15</v>
      </c>
      <c r="Z20934">
        <v>15</v>
      </c>
      <c r="AA20934">
        <v>16</v>
      </c>
      <c r="AB20934">
        <v>16</v>
      </c>
      <c r="AC20934">
        <v>16</v>
      </c>
      <c r="AD20934">
        <v>16</v>
      </c>
      <c r="AE20934">
        <v>16</v>
      </c>
      <c r="AF20934">
        <v>16</v>
      </c>
      <c r="AG20934">
        <v>16</v>
      </c>
      <c r="AH20934">
        <v>16</v>
      </c>
      <c r="AI20934">
        <v>17</v>
      </c>
      <c r="AJ20934">
        <v>17</v>
      </c>
      <c r="AK20934">
        <v>17</v>
      </c>
      <c r="AL20934">
        <v>17</v>
      </c>
      <c r="AM20934">
        <v>17</v>
      </c>
      <c r="AN20934">
        <v>17</v>
      </c>
      <c r="AO20934">
        <v>17</v>
      </c>
      <c r="AP20934">
        <v>17</v>
      </c>
      <c r="AQ20934">
        <v>17</v>
      </c>
    </row>
    <row r="20935" spans="1:43">
      <c r="A20935" t="s">
        <v>12967</v>
      </c>
      <c r="B20935" t="s">
        <v>12968</v>
      </c>
      <c r="C20935" t="s">
        <v>12957</v>
      </c>
      <c r="D20935" t="s">
        <v>12958</v>
      </c>
      <c r="E20935" t="s">
        <v>12925</v>
      </c>
      <c r="F20935" t="s">
        <v>12926</v>
      </c>
      <c r="G20935" t="s">
        <v>10214</v>
      </c>
      <c r="H20935" t="s">
        <v>10215</v>
      </c>
      <c r="I20935" s="2">
        <v>1</v>
      </c>
      <c r="J20935" s="2">
        <v>0</v>
      </c>
      <c r="K20935" s="2">
        <v>0</v>
      </c>
      <c r="L20935" t="s">
        <v>120</v>
      </c>
      <c r="M20935" t="s">
        <v>87</v>
      </c>
      <c r="N20935" t="s">
        <v>88</v>
      </c>
      <c r="O20935" t="s">
        <v>85</v>
      </c>
      <c r="P20935" t="s">
        <v>86</v>
      </c>
      <c r="Q20935">
        <v>14</v>
      </c>
      <c r="R20935">
        <v>14</v>
      </c>
      <c r="S20935">
        <v>14</v>
      </c>
      <c r="T20935">
        <v>14</v>
      </c>
      <c r="U20935">
        <v>14</v>
      </c>
      <c r="V20935">
        <v>14</v>
      </c>
      <c r="W20935">
        <v>14</v>
      </c>
      <c r="X20935">
        <v>14</v>
      </c>
      <c r="Y20935">
        <v>14</v>
      </c>
      <c r="Z20935">
        <v>14</v>
      </c>
      <c r="AA20935">
        <v>14</v>
      </c>
      <c r="AB20935">
        <v>14</v>
      </c>
      <c r="AC20935">
        <v>14</v>
      </c>
      <c r="AD20935">
        <v>14</v>
      </c>
      <c r="AE20935">
        <v>14</v>
      </c>
      <c r="AF20935">
        <v>14</v>
      </c>
      <c r="AG20935">
        <v>14</v>
      </c>
      <c r="AH20935">
        <v>14</v>
      </c>
      <c r="AI20935">
        <v>14</v>
      </c>
      <c r="AJ20935">
        <v>14</v>
      </c>
      <c r="AK20935">
        <v>14</v>
      </c>
      <c r="AL20935">
        <v>14</v>
      </c>
      <c r="AM20935">
        <v>14</v>
      </c>
      <c r="AN20935">
        <v>14</v>
      </c>
      <c r="AO20935">
        <v>14</v>
      </c>
      <c r="AP20935">
        <v>15</v>
      </c>
      <c r="AQ20935">
        <v>15</v>
      </c>
    </row>
    <row r="20936" spans="1:43">
      <c r="A20936" t="s">
        <v>12967</v>
      </c>
      <c r="B20936" t="s">
        <v>12968</v>
      </c>
      <c r="C20936" t="s">
        <v>12957</v>
      </c>
      <c r="D20936" t="s">
        <v>12958</v>
      </c>
      <c r="E20936" t="s">
        <v>12925</v>
      </c>
      <c r="F20936" t="s">
        <v>12926</v>
      </c>
      <c r="G20936" t="s">
        <v>10214</v>
      </c>
      <c r="H20936" t="s">
        <v>10215</v>
      </c>
      <c r="I20936" s="2">
        <v>1</v>
      </c>
      <c r="J20936" s="2">
        <v>0</v>
      </c>
      <c r="K20936" s="2">
        <v>0</v>
      </c>
      <c r="L20936" t="s">
        <v>120</v>
      </c>
      <c r="M20936" t="s">
        <v>89</v>
      </c>
      <c r="N20936" t="s">
        <v>90</v>
      </c>
      <c r="O20936" t="s">
        <v>85</v>
      </c>
      <c r="P20936" t="s">
        <v>86</v>
      </c>
      <c r="Q20936">
        <v>14</v>
      </c>
      <c r="R20936">
        <v>14</v>
      </c>
      <c r="S20936">
        <v>15</v>
      </c>
      <c r="T20936">
        <v>15</v>
      </c>
      <c r="U20936">
        <v>15</v>
      </c>
      <c r="V20936">
        <v>15</v>
      </c>
      <c r="W20936">
        <v>16</v>
      </c>
      <c r="X20936">
        <v>16</v>
      </c>
      <c r="Y20936">
        <v>16</v>
      </c>
      <c r="Z20936">
        <v>16</v>
      </c>
      <c r="AA20936">
        <v>17</v>
      </c>
      <c r="AB20936">
        <v>17</v>
      </c>
      <c r="AC20936">
        <v>17</v>
      </c>
      <c r="AD20936">
        <v>17</v>
      </c>
      <c r="AE20936">
        <v>17</v>
      </c>
      <c r="AF20936">
        <v>17</v>
      </c>
      <c r="AG20936">
        <v>17</v>
      </c>
      <c r="AH20936">
        <v>17</v>
      </c>
      <c r="AI20936">
        <v>17</v>
      </c>
      <c r="AJ20936">
        <v>17</v>
      </c>
      <c r="AK20936">
        <v>17</v>
      </c>
      <c r="AL20936">
        <v>17</v>
      </c>
      <c r="AM20936">
        <v>17</v>
      </c>
      <c r="AN20936">
        <v>17</v>
      </c>
      <c r="AO20936">
        <v>17</v>
      </c>
      <c r="AP20936">
        <v>17</v>
      </c>
      <c r="AQ20936">
        <v>17</v>
      </c>
    </row>
    <row r="20937" spans="1:43">
      <c r="A20937" t="s">
        <v>12967</v>
      </c>
      <c r="B20937" t="s">
        <v>12968</v>
      </c>
      <c r="C20937" t="s">
        <v>12957</v>
      </c>
      <c r="D20937" t="s">
        <v>12958</v>
      </c>
      <c r="E20937" t="s">
        <v>12925</v>
      </c>
      <c r="F20937" t="s">
        <v>12926</v>
      </c>
      <c r="G20937" t="s">
        <v>10214</v>
      </c>
      <c r="H20937" t="s">
        <v>10215</v>
      </c>
      <c r="I20937" s="2">
        <v>1</v>
      </c>
      <c r="J20937" s="2">
        <v>0</v>
      </c>
      <c r="K20937" s="2">
        <v>0</v>
      </c>
      <c r="L20937" t="s">
        <v>120</v>
      </c>
      <c r="M20937" t="s">
        <v>83</v>
      </c>
      <c r="N20937" t="s">
        <v>91</v>
      </c>
      <c r="O20937" t="s">
        <v>85</v>
      </c>
      <c r="P20937" t="s">
        <v>86</v>
      </c>
      <c r="Q20937">
        <v>14</v>
      </c>
      <c r="R20937">
        <v>14</v>
      </c>
      <c r="S20937">
        <v>14</v>
      </c>
      <c r="T20937">
        <v>15</v>
      </c>
      <c r="U20937">
        <v>15</v>
      </c>
      <c r="V20937">
        <v>15</v>
      </c>
      <c r="W20937">
        <v>15</v>
      </c>
      <c r="X20937">
        <v>15</v>
      </c>
      <c r="Y20937">
        <v>15</v>
      </c>
      <c r="Z20937">
        <v>15</v>
      </c>
      <c r="AA20937">
        <v>16</v>
      </c>
      <c r="AB20937">
        <v>16</v>
      </c>
      <c r="AC20937">
        <v>16</v>
      </c>
      <c r="AD20937">
        <v>16</v>
      </c>
      <c r="AE20937">
        <v>16</v>
      </c>
      <c r="AF20937">
        <v>16</v>
      </c>
      <c r="AG20937">
        <v>16</v>
      </c>
      <c r="AH20937">
        <v>16</v>
      </c>
      <c r="AI20937">
        <v>17</v>
      </c>
      <c r="AJ20937">
        <v>17</v>
      </c>
      <c r="AK20937">
        <v>17</v>
      </c>
      <c r="AL20937">
        <v>17</v>
      </c>
      <c r="AM20937">
        <v>17</v>
      </c>
      <c r="AN20937">
        <v>17</v>
      </c>
      <c r="AO20937">
        <v>17</v>
      </c>
      <c r="AP20937">
        <v>17</v>
      </c>
      <c r="AQ20937">
        <v>17</v>
      </c>
    </row>
    <row r="20938" spans="1:43">
      <c r="A20938" t="s">
        <v>12969</v>
      </c>
      <c r="B20938" t="s">
        <v>12970</v>
      </c>
      <c r="C20938" t="s">
        <v>12971</v>
      </c>
      <c r="D20938" t="s">
        <v>12972</v>
      </c>
      <c r="E20938" t="s">
        <v>12925</v>
      </c>
      <c r="F20938" t="s">
        <v>12926</v>
      </c>
      <c r="G20938" t="s">
        <v>10214</v>
      </c>
      <c r="H20938" t="s">
        <v>10215</v>
      </c>
      <c r="I20938" s="2">
        <v>1</v>
      </c>
      <c r="J20938" s="2">
        <v>0</v>
      </c>
      <c r="K20938" s="2">
        <v>0</v>
      </c>
      <c r="L20938" t="s">
        <v>120</v>
      </c>
      <c r="M20938" t="s">
        <v>83</v>
      </c>
      <c r="N20938" t="s">
        <v>84</v>
      </c>
      <c r="O20938" t="s">
        <v>85</v>
      </c>
      <c r="P20938" t="s">
        <v>86</v>
      </c>
      <c r="Q20938">
        <v>9</v>
      </c>
      <c r="R20938">
        <v>9</v>
      </c>
      <c r="S20938">
        <v>10</v>
      </c>
      <c r="T20938">
        <v>10</v>
      </c>
      <c r="U20938">
        <v>10</v>
      </c>
      <c r="V20938">
        <v>10</v>
      </c>
      <c r="W20938">
        <v>10</v>
      </c>
      <c r="X20938">
        <v>10</v>
      </c>
      <c r="Y20938">
        <v>10</v>
      </c>
      <c r="Z20938">
        <v>10</v>
      </c>
      <c r="AA20938">
        <v>10</v>
      </c>
      <c r="AB20938">
        <v>11</v>
      </c>
      <c r="AC20938">
        <v>11</v>
      </c>
      <c r="AD20938">
        <v>11</v>
      </c>
      <c r="AE20938">
        <v>11</v>
      </c>
      <c r="AF20938">
        <v>11</v>
      </c>
      <c r="AG20938">
        <v>11</v>
      </c>
      <c r="AH20938">
        <v>11</v>
      </c>
      <c r="AI20938">
        <v>11</v>
      </c>
      <c r="AJ20938">
        <v>11</v>
      </c>
      <c r="AK20938">
        <v>11</v>
      </c>
      <c r="AL20938">
        <v>11</v>
      </c>
      <c r="AM20938">
        <v>11</v>
      </c>
      <c r="AN20938">
        <v>11</v>
      </c>
      <c r="AO20938">
        <v>11</v>
      </c>
      <c r="AP20938">
        <v>11</v>
      </c>
      <c r="AQ20938">
        <v>11</v>
      </c>
    </row>
    <row r="20939" spans="1:43">
      <c r="A20939" t="s">
        <v>12969</v>
      </c>
      <c r="B20939" t="s">
        <v>12970</v>
      </c>
      <c r="C20939" t="s">
        <v>12971</v>
      </c>
      <c r="D20939" t="s">
        <v>12972</v>
      </c>
      <c r="E20939" t="s">
        <v>12925</v>
      </c>
      <c r="F20939" t="s">
        <v>12926</v>
      </c>
      <c r="G20939" t="s">
        <v>10214</v>
      </c>
      <c r="H20939" t="s">
        <v>10215</v>
      </c>
      <c r="I20939" s="2">
        <v>1</v>
      </c>
      <c r="J20939" s="2">
        <v>0</v>
      </c>
      <c r="K20939" s="2">
        <v>0</v>
      </c>
      <c r="L20939" t="s">
        <v>120</v>
      </c>
      <c r="M20939" t="s">
        <v>87</v>
      </c>
      <c r="N20939" t="s">
        <v>88</v>
      </c>
      <c r="O20939" t="s">
        <v>85</v>
      </c>
      <c r="P20939" t="s">
        <v>86</v>
      </c>
      <c r="Q20939">
        <v>9</v>
      </c>
      <c r="R20939">
        <v>9</v>
      </c>
      <c r="S20939">
        <v>9</v>
      </c>
      <c r="T20939">
        <v>9</v>
      </c>
      <c r="U20939">
        <v>9</v>
      </c>
      <c r="V20939">
        <v>9</v>
      </c>
      <c r="W20939">
        <v>9</v>
      </c>
      <c r="X20939">
        <v>9</v>
      </c>
      <c r="Y20939">
        <v>9</v>
      </c>
      <c r="Z20939">
        <v>9</v>
      </c>
      <c r="AA20939">
        <v>10</v>
      </c>
      <c r="AB20939">
        <v>10</v>
      </c>
      <c r="AC20939">
        <v>10</v>
      </c>
      <c r="AD20939">
        <v>10</v>
      </c>
      <c r="AE20939">
        <v>10</v>
      </c>
      <c r="AF20939">
        <v>10</v>
      </c>
      <c r="AG20939">
        <v>10</v>
      </c>
      <c r="AH20939">
        <v>10</v>
      </c>
      <c r="AI20939">
        <v>10</v>
      </c>
      <c r="AJ20939">
        <v>10</v>
      </c>
      <c r="AK20939">
        <v>10</v>
      </c>
      <c r="AL20939">
        <v>10</v>
      </c>
      <c r="AM20939">
        <v>10</v>
      </c>
      <c r="AN20939">
        <v>10</v>
      </c>
      <c r="AO20939">
        <v>10</v>
      </c>
      <c r="AP20939">
        <v>10</v>
      </c>
      <c r="AQ20939">
        <v>10</v>
      </c>
    </row>
    <row r="20940" spans="1:43">
      <c r="A20940" t="s">
        <v>12969</v>
      </c>
      <c r="B20940" t="s">
        <v>12970</v>
      </c>
      <c r="C20940" t="s">
        <v>12971</v>
      </c>
      <c r="D20940" t="s">
        <v>12972</v>
      </c>
      <c r="E20940" t="s">
        <v>12925</v>
      </c>
      <c r="F20940" t="s">
        <v>12926</v>
      </c>
      <c r="G20940" t="s">
        <v>10214</v>
      </c>
      <c r="H20940" t="s">
        <v>10215</v>
      </c>
      <c r="I20940" s="2">
        <v>1</v>
      </c>
      <c r="J20940" s="2">
        <v>0</v>
      </c>
      <c r="K20940" s="2">
        <v>0</v>
      </c>
      <c r="L20940" t="s">
        <v>120</v>
      </c>
      <c r="M20940" t="s">
        <v>89</v>
      </c>
      <c r="N20940" t="s">
        <v>90</v>
      </c>
      <c r="O20940" t="s">
        <v>85</v>
      </c>
      <c r="P20940" t="s">
        <v>86</v>
      </c>
      <c r="Q20940">
        <v>9</v>
      </c>
      <c r="R20940">
        <v>10</v>
      </c>
      <c r="S20940">
        <v>10</v>
      </c>
      <c r="T20940">
        <v>10</v>
      </c>
      <c r="U20940">
        <v>10</v>
      </c>
      <c r="V20940">
        <v>10</v>
      </c>
      <c r="W20940">
        <v>11</v>
      </c>
      <c r="X20940">
        <v>11</v>
      </c>
      <c r="Y20940">
        <v>11</v>
      </c>
      <c r="Z20940">
        <v>11</v>
      </c>
      <c r="AA20940">
        <v>11</v>
      </c>
      <c r="AB20940">
        <v>11</v>
      </c>
      <c r="AC20940">
        <v>11</v>
      </c>
      <c r="AD20940">
        <v>11</v>
      </c>
      <c r="AE20940">
        <v>12</v>
      </c>
      <c r="AF20940">
        <v>12</v>
      </c>
      <c r="AG20940">
        <v>11</v>
      </c>
      <c r="AH20940">
        <v>11</v>
      </c>
      <c r="AI20940">
        <v>11</v>
      </c>
      <c r="AJ20940">
        <v>11</v>
      </c>
      <c r="AK20940">
        <v>11</v>
      </c>
      <c r="AL20940">
        <v>11</v>
      </c>
      <c r="AM20940">
        <v>11</v>
      </c>
      <c r="AN20940">
        <v>11</v>
      </c>
      <c r="AO20940">
        <v>11</v>
      </c>
      <c r="AP20940">
        <v>11</v>
      </c>
      <c r="AQ20940">
        <v>11</v>
      </c>
    </row>
    <row r="20941" spans="1:43">
      <c r="A20941" t="s">
        <v>12969</v>
      </c>
      <c r="B20941" t="s">
        <v>12970</v>
      </c>
      <c r="C20941" t="s">
        <v>12971</v>
      </c>
      <c r="D20941" t="s">
        <v>12972</v>
      </c>
      <c r="E20941" t="s">
        <v>12925</v>
      </c>
      <c r="F20941" t="s">
        <v>12926</v>
      </c>
      <c r="G20941" t="s">
        <v>10214</v>
      </c>
      <c r="H20941" t="s">
        <v>10215</v>
      </c>
      <c r="I20941" s="2">
        <v>1</v>
      </c>
      <c r="J20941" s="2">
        <v>0</v>
      </c>
      <c r="K20941" s="2">
        <v>0</v>
      </c>
      <c r="L20941" t="s">
        <v>120</v>
      </c>
      <c r="M20941" t="s">
        <v>83</v>
      </c>
      <c r="N20941" t="s">
        <v>91</v>
      </c>
      <c r="O20941" t="s">
        <v>85</v>
      </c>
      <c r="P20941" t="s">
        <v>86</v>
      </c>
      <c r="Q20941">
        <v>9</v>
      </c>
      <c r="R20941">
        <v>9</v>
      </c>
      <c r="S20941">
        <v>10</v>
      </c>
      <c r="T20941">
        <v>10</v>
      </c>
      <c r="U20941">
        <v>10</v>
      </c>
      <c r="V20941">
        <v>10</v>
      </c>
      <c r="W20941">
        <v>10</v>
      </c>
      <c r="X20941">
        <v>10</v>
      </c>
      <c r="Y20941">
        <v>10</v>
      </c>
      <c r="Z20941">
        <v>10</v>
      </c>
      <c r="AA20941">
        <v>10</v>
      </c>
      <c r="AB20941">
        <v>11</v>
      </c>
      <c r="AC20941">
        <v>11</v>
      </c>
      <c r="AD20941">
        <v>11</v>
      </c>
      <c r="AE20941">
        <v>11</v>
      </c>
      <c r="AF20941">
        <v>11</v>
      </c>
      <c r="AG20941">
        <v>11</v>
      </c>
      <c r="AH20941">
        <v>11</v>
      </c>
      <c r="AI20941">
        <v>11</v>
      </c>
      <c r="AJ20941">
        <v>11</v>
      </c>
      <c r="AK20941">
        <v>11</v>
      </c>
      <c r="AL20941">
        <v>11</v>
      </c>
      <c r="AM20941">
        <v>11</v>
      </c>
      <c r="AN20941">
        <v>11</v>
      </c>
      <c r="AO20941">
        <v>11</v>
      </c>
      <c r="AP20941">
        <v>11</v>
      </c>
      <c r="AQ20941">
        <v>11</v>
      </c>
    </row>
    <row r="20942" spans="1:43">
      <c r="A20942" t="s">
        <v>12973</v>
      </c>
      <c r="B20942" t="s">
        <v>12974</v>
      </c>
      <c r="C20942" t="s">
        <v>12971</v>
      </c>
      <c r="D20942" t="s">
        <v>12972</v>
      </c>
      <c r="E20942" t="s">
        <v>12925</v>
      </c>
      <c r="F20942" t="s">
        <v>12926</v>
      </c>
      <c r="G20942" t="s">
        <v>10214</v>
      </c>
      <c r="H20942" t="s">
        <v>10215</v>
      </c>
      <c r="I20942" s="2">
        <v>1</v>
      </c>
      <c r="J20942" s="2">
        <v>0</v>
      </c>
      <c r="K20942" s="2">
        <v>0</v>
      </c>
      <c r="L20942" t="s">
        <v>120</v>
      </c>
      <c r="M20942" t="s">
        <v>83</v>
      </c>
      <c r="N20942" t="s">
        <v>84</v>
      </c>
      <c r="O20942" t="s">
        <v>85</v>
      </c>
      <c r="P20942" t="s">
        <v>86</v>
      </c>
      <c r="Q20942">
        <v>26</v>
      </c>
      <c r="R20942">
        <v>26</v>
      </c>
      <c r="S20942">
        <v>26</v>
      </c>
      <c r="T20942">
        <v>27</v>
      </c>
      <c r="U20942">
        <v>27</v>
      </c>
      <c r="V20942">
        <v>27</v>
      </c>
      <c r="W20942">
        <v>28</v>
      </c>
      <c r="X20942">
        <v>28</v>
      </c>
      <c r="Y20942">
        <v>28</v>
      </c>
      <c r="Z20942">
        <v>28</v>
      </c>
      <c r="AA20942">
        <v>29</v>
      </c>
      <c r="AB20942">
        <v>29</v>
      </c>
      <c r="AC20942">
        <v>29</v>
      </c>
      <c r="AD20942">
        <v>29</v>
      </c>
      <c r="AE20942">
        <v>30</v>
      </c>
      <c r="AF20942">
        <v>30</v>
      </c>
      <c r="AG20942">
        <v>30</v>
      </c>
      <c r="AH20942">
        <v>30</v>
      </c>
      <c r="AI20942">
        <v>31</v>
      </c>
      <c r="AJ20942">
        <v>31</v>
      </c>
      <c r="AK20942">
        <v>31</v>
      </c>
      <c r="AL20942">
        <v>31</v>
      </c>
      <c r="AM20942">
        <v>31</v>
      </c>
      <c r="AN20942">
        <v>31</v>
      </c>
      <c r="AO20942">
        <v>31</v>
      </c>
      <c r="AP20942">
        <v>31</v>
      </c>
      <c r="AQ20942">
        <v>31</v>
      </c>
    </row>
    <row r="20943" spans="1:43">
      <c r="A20943" t="s">
        <v>12973</v>
      </c>
      <c r="B20943" t="s">
        <v>12974</v>
      </c>
      <c r="C20943" t="s">
        <v>12971</v>
      </c>
      <c r="D20943" t="s">
        <v>12972</v>
      </c>
      <c r="E20943" t="s">
        <v>12925</v>
      </c>
      <c r="F20943" t="s">
        <v>12926</v>
      </c>
      <c r="G20943" t="s">
        <v>10214</v>
      </c>
      <c r="H20943" t="s">
        <v>10215</v>
      </c>
      <c r="I20943" s="2">
        <v>1</v>
      </c>
      <c r="J20943" s="2">
        <v>0</v>
      </c>
      <c r="K20943" s="2">
        <v>0</v>
      </c>
      <c r="L20943" t="s">
        <v>120</v>
      </c>
      <c r="M20943" t="s">
        <v>87</v>
      </c>
      <c r="N20943" t="s">
        <v>88</v>
      </c>
      <c r="O20943" t="s">
        <v>85</v>
      </c>
      <c r="P20943" t="s">
        <v>86</v>
      </c>
      <c r="Q20943">
        <v>26</v>
      </c>
      <c r="R20943">
        <v>26</v>
      </c>
      <c r="S20943">
        <v>26</v>
      </c>
      <c r="T20943">
        <v>26</v>
      </c>
      <c r="U20943">
        <v>26</v>
      </c>
      <c r="V20943">
        <v>26</v>
      </c>
      <c r="W20943">
        <v>26</v>
      </c>
      <c r="X20943">
        <v>26</v>
      </c>
      <c r="Y20943">
        <v>26</v>
      </c>
      <c r="Z20943">
        <v>26</v>
      </c>
      <c r="AA20943">
        <v>26</v>
      </c>
      <c r="AB20943">
        <v>26</v>
      </c>
      <c r="AC20943">
        <v>26</v>
      </c>
      <c r="AD20943">
        <v>26</v>
      </c>
      <c r="AE20943">
        <v>26</v>
      </c>
      <c r="AF20943">
        <v>26</v>
      </c>
      <c r="AG20943">
        <v>27</v>
      </c>
      <c r="AH20943">
        <v>27</v>
      </c>
      <c r="AI20943">
        <v>27</v>
      </c>
      <c r="AJ20943">
        <v>27</v>
      </c>
      <c r="AK20943">
        <v>27</v>
      </c>
      <c r="AL20943">
        <v>27</v>
      </c>
      <c r="AM20943">
        <v>27</v>
      </c>
      <c r="AN20943">
        <v>27</v>
      </c>
      <c r="AO20943">
        <v>27</v>
      </c>
      <c r="AP20943">
        <v>27</v>
      </c>
      <c r="AQ20943">
        <v>27</v>
      </c>
    </row>
    <row r="20944" spans="1:43">
      <c r="A20944" t="s">
        <v>12973</v>
      </c>
      <c r="B20944" t="s">
        <v>12974</v>
      </c>
      <c r="C20944" t="s">
        <v>12971</v>
      </c>
      <c r="D20944" t="s">
        <v>12972</v>
      </c>
      <c r="E20944" t="s">
        <v>12925</v>
      </c>
      <c r="F20944" t="s">
        <v>12926</v>
      </c>
      <c r="G20944" t="s">
        <v>10214</v>
      </c>
      <c r="H20944" t="s">
        <v>10215</v>
      </c>
      <c r="I20944" s="2">
        <v>1</v>
      </c>
      <c r="J20944" s="2">
        <v>0</v>
      </c>
      <c r="K20944" s="2">
        <v>0</v>
      </c>
      <c r="L20944" t="s">
        <v>120</v>
      </c>
      <c r="M20944" t="s">
        <v>89</v>
      </c>
      <c r="N20944" t="s">
        <v>90</v>
      </c>
      <c r="O20944" t="s">
        <v>85</v>
      </c>
      <c r="P20944" t="s">
        <v>86</v>
      </c>
      <c r="Q20944">
        <v>26</v>
      </c>
      <c r="R20944">
        <v>27</v>
      </c>
      <c r="S20944">
        <v>27</v>
      </c>
      <c r="T20944">
        <v>28</v>
      </c>
      <c r="U20944">
        <v>28</v>
      </c>
      <c r="V20944">
        <v>29</v>
      </c>
      <c r="W20944">
        <v>29</v>
      </c>
      <c r="X20944">
        <v>29</v>
      </c>
      <c r="Y20944">
        <v>30</v>
      </c>
      <c r="Z20944">
        <v>30</v>
      </c>
      <c r="AA20944">
        <v>31</v>
      </c>
      <c r="AB20944">
        <v>31</v>
      </c>
      <c r="AC20944">
        <v>31</v>
      </c>
      <c r="AD20944">
        <v>32</v>
      </c>
      <c r="AE20944">
        <v>32</v>
      </c>
      <c r="AF20944">
        <v>32</v>
      </c>
      <c r="AG20944">
        <v>32</v>
      </c>
      <c r="AH20944">
        <v>32</v>
      </c>
      <c r="AI20944">
        <v>32</v>
      </c>
      <c r="AJ20944">
        <v>32</v>
      </c>
      <c r="AK20944">
        <v>31</v>
      </c>
      <c r="AL20944">
        <v>31</v>
      </c>
      <c r="AM20944">
        <v>31</v>
      </c>
      <c r="AN20944">
        <v>31</v>
      </c>
      <c r="AO20944">
        <v>31</v>
      </c>
      <c r="AP20944">
        <v>31</v>
      </c>
      <c r="AQ20944">
        <v>31</v>
      </c>
    </row>
    <row r="20945" spans="1:43">
      <c r="A20945" t="s">
        <v>12973</v>
      </c>
      <c r="B20945" t="s">
        <v>12974</v>
      </c>
      <c r="C20945" t="s">
        <v>12971</v>
      </c>
      <c r="D20945" t="s">
        <v>12972</v>
      </c>
      <c r="E20945" t="s">
        <v>12925</v>
      </c>
      <c r="F20945" t="s">
        <v>12926</v>
      </c>
      <c r="G20945" t="s">
        <v>10214</v>
      </c>
      <c r="H20945" t="s">
        <v>10215</v>
      </c>
      <c r="I20945" s="2">
        <v>1</v>
      </c>
      <c r="J20945" s="2">
        <v>0</v>
      </c>
      <c r="K20945" s="2">
        <v>0</v>
      </c>
      <c r="L20945" t="s">
        <v>120</v>
      </c>
      <c r="M20945" t="s">
        <v>83</v>
      </c>
      <c r="N20945" t="s">
        <v>91</v>
      </c>
      <c r="O20945" t="s">
        <v>85</v>
      </c>
      <c r="P20945" t="s">
        <v>86</v>
      </c>
      <c r="Q20945">
        <v>26</v>
      </c>
      <c r="R20945">
        <v>26</v>
      </c>
      <c r="S20945">
        <v>26</v>
      </c>
      <c r="T20945">
        <v>27</v>
      </c>
      <c r="U20945">
        <v>27</v>
      </c>
      <c r="V20945">
        <v>27</v>
      </c>
      <c r="W20945">
        <v>28</v>
      </c>
      <c r="X20945">
        <v>28</v>
      </c>
      <c r="Y20945">
        <v>28</v>
      </c>
      <c r="Z20945">
        <v>28</v>
      </c>
      <c r="AA20945">
        <v>29</v>
      </c>
      <c r="AB20945">
        <v>29</v>
      </c>
      <c r="AC20945">
        <v>29</v>
      </c>
      <c r="AD20945">
        <v>29</v>
      </c>
      <c r="AE20945">
        <v>30</v>
      </c>
      <c r="AF20945">
        <v>30</v>
      </c>
      <c r="AG20945">
        <v>30</v>
      </c>
      <c r="AH20945">
        <v>30</v>
      </c>
      <c r="AI20945">
        <v>31</v>
      </c>
      <c r="AJ20945">
        <v>31</v>
      </c>
      <c r="AK20945">
        <v>31</v>
      </c>
      <c r="AL20945">
        <v>31</v>
      </c>
      <c r="AM20945">
        <v>31</v>
      </c>
      <c r="AN20945">
        <v>31</v>
      </c>
      <c r="AO20945">
        <v>31</v>
      </c>
      <c r="AP20945">
        <v>31</v>
      </c>
      <c r="AQ20945">
        <v>31</v>
      </c>
    </row>
    <row r="20946" spans="1:43">
      <c r="A20946" t="s">
        <v>12975</v>
      </c>
      <c r="B20946" t="s">
        <v>12976</v>
      </c>
      <c r="C20946" t="s">
        <v>12971</v>
      </c>
      <c r="D20946" t="s">
        <v>12972</v>
      </c>
      <c r="E20946" t="s">
        <v>12925</v>
      </c>
      <c r="F20946" t="s">
        <v>12926</v>
      </c>
      <c r="G20946" t="s">
        <v>10214</v>
      </c>
      <c r="H20946" t="s">
        <v>10215</v>
      </c>
      <c r="I20946" s="2">
        <v>1</v>
      </c>
      <c r="J20946" s="2">
        <v>0</v>
      </c>
      <c r="K20946" s="2">
        <v>0</v>
      </c>
      <c r="L20946" t="s">
        <v>120</v>
      </c>
      <c r="M20946" t="s">
        <v>83</v>
      </c>
      <c r="N20946" t="s">
        <v>84</v>
      </c>
      <c r="O20946" t="s">
        <v>85</v>
      </c>
      <c r="P20946" t="s">
        <v>86</v>
      </c>
      <c r="Q20946">
        <v>22</v>
      </c>
      <c r="R20946">
        <v>22</v>
      </c>
      <c r="S20946">
        <v>23</v>
      </c>
      <c r="T20946">
        <v>23</v>
      </c>
      <c r="U20946">
        <v>23</v>
      </c>
      <c r="V20946">
        <v>24</v>
      </c>
      <c r="W20946">
        <v>24</v>
      </c>
      <c r="X20946">
        <v>24</v>
      </c>
      <c r="Y20946">
        <v>24</v>
      </c>
      <c r="Z20946">
        <v>24</v>
      </c>
      <c r="AA20946">
        <v>25</v>
      </c>
      <c r="AB20946">
        <v>25</v>
      </c>
      <c r="AC20946">
        <v>25</v>
      </c>
      <c r="AD20946">
        <v>25</v>
      </c>
      <c r="AE20946">
        <v>26</v>
      </c>
      <c r="AF20946">
        <v>26</v>
      </c>
      <c r="AG20946">
        <v>26</v>
      </c>
      <c r="AH20946">
        <v>26</v>
      </c>
      <c r="AI20946">
        <v>26</v>
      </c>
      <c r="AJ20946">
        <v>27</v>
      </c>
      <c r="AK20946">
        <v>27</v>
      </c>
      <c r="AL20946">
        <v>27</v>
      </c>
      <c r="AM20946">
        <v>27</v>
      </c>
      <c r="AN20946">
        <v>27</v>
      </c>
      <c r="AO20946">
        <v>27</v>
      </c>
      <c r="AP20946">
        <v>26</v>
      </c>
      <c r="AQ20946">
        <v>26</v>
      </c>
    </row>
    <row r="20947" spans="1:43">
      <c r="A20947" t="s">
        <v>12975</v>
      </c>
      <c r="B20947" t="s">
        <v>12976</v>
      </c>
      <c r="C20947" t="s">
        <v>12971</v>
      </c>
      <c r="D20947" t="s">
        <v>12972</v>
      </c>
      <c r="E20947" t="s">
        <v>12925</v>
      </c>
      <c r="F20947" t="s">
        <v>12926</v>
      </c>
      <c r="G20947" t="s">
        <v>10214</v>
      </c>
      <c r="H20947" t="s">
        <v>10215</v>
      </c>
      <c r="I20947" s="2">
        <v>1</v>
      </c>
      <c r="J20947" s="2">
        <v>0</v>
      </c>
      <c r="K20947" s="2">
        <v>0</v>
      </c>
      <c r="L20947" t="s">
        <v>120</v>
      </c>
      <c r="M20947" t="s">
        <v>87</v>
      </c>
      <c r="N20947" t="s">
        <v>88</v>
      </c>
      <c r="O20947" t="s">
        <v>85</v>
      </c>
      <c r="P20947" t="s">
        <v>86</v>
      </c>
      <c r="Q20947">
        <v>22</v>
      </c>
      <c r="R20947">
        <v>22</v>
      </c>
      <c r="S20947">
        <v>22</v>
      </c>
      <c r="T20947">
        <v>22</v>
      </c>
      <c r="U20947">
        <v>22</v>
      </c>
      <c r="V20947">
        <v>22</v>
      </c>
      <c r="W20947">
        <v>22</v>
      </c>
      <c r="X20947">
        <v>22</v>
      </c>
      <c r="Y20947">
        <v>22</v>
      </c>
      <c r="Z20947">
        <v>22</v>
      </c>
      <c r="AA20947">
        <v>23</v>
      </c>
      <c r="AB20947">
        <v>23</v>
      </c>
      <c r="AC20947">
        <v>23</v>
      </c>
      <c r="AD20947">
        <v>23</v>
      </c>
      <c r="AE20947">
        <v>23</v>
      </c>
      <c r="AF20947">
        <v>23</v>
      </c>
      <c r="AG20947">
        <v>23</v>
      </c>
      <c r="AH20947">
        <v>23</v>
      </c>
      <c r="AI20947">
        <v>23</v>
      </c>
      <c r="AJ20947">
        <v>23</v>
      </c>
      <c r="AK20947">
        <v>23</v>
      </c>
      <c r="AL20947">
        <v>23</v>
      </c>
      <c r="AM20947">
        <v>23</v>
      </c>
      <c r="AN20947">
        <v>23</v>
      </c>
      <c r="AO20947">
        <v>23</v>
      </c>
      <c r="AP20947">
        <v>23</v>
      </c>
      <c r="AQ20947">
        <v>23</v>
      </c>
    </row>
    <row r="20948" spans="1:43">
      <c r="A20948" t="s">
        <v>12975</v>
      </c>
      <c r="B20948" t="s">
        <v>12976</v>
      </c>
      <c r="C20948" t="s">
        <v>12971</v>
      </c>
      <c r="D20948" t="s">
        <v>12972</v>
      </c>
      <c r="E20948" t="s">
        <v>12925</v>
      </c>
      <c r="F20948" t="s">
        <v>12926</v>
      </c>
      <c r="G20948" t="s">
        <v>10214</v>
      </c>
      <c r="H20948" t="s">
        <v>10215</v>
      </c>
      <c r="I20948" s="2">
        <v>1</v>
      </c>
      <c r="J20948" s="2">
        <v>0</v>
      </c>
      <c r="K20948" s="2">
        <v>0</v>
      </c>
      <c r="L20948" t="s">
        <v>120</v>
      </c>
      <c r="M20948" t="s">
        <v>89</v>
      </c>
      <c r="N20948" t="s">
        <v>90</v>
      </c>
      <c r="O20948" t="s">
        <v>85</v>
      </c>
      <c r="P20948" t="s">
        <v>86</v>
      </c>
      <c r="Q20948">
        <v>22</v>
      </c>
      <c r="R20948">
        <v>23</v>
      </c>
      <c r="S20948">
        <v>23</v>
      </c>
      <c r="T20948">
        <v>24</v>
      </c>
      <c r="U20948">
        <v>24</v>
      </c>
      <c r="V20948">
        <v>25</v>
      </c>
      <c r="W20948">
        <v>25</v>
      </c>
      <c r="X20948">
        <v>25</v>
      </c>
      <c r="Y20948">
        <v>26</v>
      </c>
      <c r="Z20948">
        <v>26</v>
      </c>
      <c r="AA20948">
        <v>26</v>
      </c>
      <c r="AB20948">
        <v>27</v>
      </c>
      <c r="AC20948">
        <v>27</v>
      </c>
      <c r="AD20948">
        <v>27</v>
      </c>
      <c r="AE20948">
        <v>27</v>
      </c>
      <c r="AF20948">
        <v>27</v>
      </c>
      <c r="AG20948">
        <v>27</v>
      </c>
      <c r="AH20948">
        <v>27</v>
      </c>
      <c r="AI20948">
        <v>27</v>
      </c>
      <c r="AJ20948">
        <v>27</v>
      </c>
      <c r="AK20948">
        <v>27</v>
      </c>
      <c r="AL20948">
        <v>27</v>
      </c>
      <c r="AM20948">
        <v>27</v>
      </c>
      <c r="AN20948">
        <v>27</v>
      </c>
      <c r="AO20948">
        <v>27</v>
      </c>
      <c r="AP20948">
        <v>27</v>
      </c>
      <c r="AQ20948">
        <v>27</v>
      </c>
    </row>
    <row r="20949" spans="1:43">
      <c r="A20949" t="s">
        <v>12975</v>
      </c>
      <c r="B20949" t="s">
        <v>12976</v>
      </c>
      <c r="C20949" t="s">
        <v>12971</v>
      </c>
      <c r="D20949" t="s">
        <v>12972</v>
      </c>
      <c r="E20949" t="s">
        <v>12925</v>
      </c>
      <c r="F20949" t="s">
        <v>12926</v>
      </c>
      <c r="G20949" t="s">
        <v>10214</v>
      </c>
      <c r="H20949" t="s">
        <v>10215</v>
      </c>
      <c r="I20949" s="2">
        <v>1</v>
      </c>
      <c r="J20949" s="2">
        <v>0</v>
      </c>
      <c r="K20949" s="2">
        <v>0</v>
      </c>
      <c r="L20949" t="s">
        <v>120</v>
      </c>
      <c r="M20949" t="s">
        <v>83</v>
      </c>
      <c r="N20949" t="s">
        <v>91</v>
      </c>
      <c r="O20949" t="s">
        <v>85</v>
      </c>
      <c r="P20949" t="s">
        <v>86</v>
      </c>
      <c r="Q20949">
        <v>22</v>
      </c>
      <c r="R20949">
        <v>22</v>
      </c>
      <c r="S20949">
        <v>23</v>
      </c>
      <c r="T20949">
        <v>23</v>
      </c>
      <c r="U20949">
        <v>23</v>
      </c>
      <c r="V20949">
        <v>24</v>
      </c>
      <c r="W20949">
        <v>24</v>
      </c>
      <c r="X20949">
        <v>24</v>
      </c>
      <c r="Y20949">
        <v>24</v>
      </c>
      <c r="Z20949">
        <v>24</v>
      </c>
      <c r="AA20949">
        <v>25</v>
      </c>
      <c r="AB20949">
        <v>25</v>
      </c>
      <c r="AC20949">
        <v>25</v>
      </c>
      <c r="AD20949">
        <v>25</v>
      </c>
      <c r="AE20949">
        <v>26</v>
      </c>
      <c r="AF20949">
        <v>26</v>
      </c>
      <c r="AG20949">
        <v>26</v>
      </c>
      <c r="AH20949">
        <v>26</v>
      </c>
      <c r="AI20949">
        <v>26</v>
      </c>
      <c r="AJ20949">
        <v>27</v>
      </c>
      <c r="AK20949">
        <v>27</v>
      </c>
      <c r="AL20949">
        <v>27</v>
      </c>
      <c r="AM20949">
        <v>27</v>
      </c>
      <c r="AN20949">
        <v>27</v>
      </c>
      <c r="AO20949">
        <v>27</v>
      </c>
      <c r="AP20949">
        <v>26</v>
      </c>
      <c r="AQ20949">
        <v>26</v>
      </c>
    </row>
    <row r="20950" spans="1:43">
      <c r="A20950" t="s">
        <v>12977</v>
      </c>
      <c r="B20950" t="s">
        <v>12978</v>
      </c>
      <c r="C20950" t="s">
        <v>12971</v>
      </c>
      <c r="D20950" t="s">
        <v>12972</v>
      </c>
      <c r="E20950" t="s">
        <v>12925</v>
      </c>
      <c r="F20950" t="s">
        <v>12926</v>
      </c>
      <c r="G20950" t="s">
        <v>10214</v>
      </c>
      <c r="H20950" t="s">
        <v>10215</v>
      </c>
      <c r="I20950" s="2">
        <v>1</v>
      </c>
      <c r="J20950" s="2">
        <v>0</v>
      </c>
      <c r="K20950" s="2">
        <v>0</v>
      </c>
      <c r="L20950" t="s">
        <v>120</v>
      </c>
      <c r="M20950" t="s">
        <v>83</v>
      </c>
      <c r="N20950" t="s">
        <v>84</v>
      </c>
      <c r="O20950" t="s">
        <v>85</v>
      </c>
      <c r="P20950" t="s">
        <v>86</v>
      </c>
      <c r="Q20950">
        <v>8</v>
      </c>
      <c r="R20950">
        <v>9</v>
      </c>
      <c r="S20950">
        <v>9</v>
      </c>
      <c r="T20950">
        <v>9</v>
      </c>
      <c r="U20950">
        <v>9</v>
      </c>
      <c r="V20950">
        <v>9</v>
      </c>
      <c r="W20950">
        <v>9</v>
      </c>
      <c r="X20950">
        <v>9</v>
      </c>
      <c r="Y20950">
        <v>9</v>
      </c>
      <c r="Z20950">
        <v>9</v>
      </c>
      <c r="AA20950">
        <v>9</v>
      </c>
      <c r="AB20950">
        <v>9</v>
      </c>
      <c r="AC20950">
        <v>10</v>
      </c>
      <c r="AD20950">
        <v>10</v>
      </c>
      <c r="AE20950">
        <v>10</v>
      </c>
      <c r="AF20950">
        <v>10</v>
      </c>
      <c r="AG20950">
        <v>10</v>
      </c>
      <c r="AH20950">
        <v>10</v>
      </c>
      <c r="AI20950">
        <v>10</v>
      </c>
      <c r="AJ20950">
        <v>10</v>
      </c>
      <c r="AK20950">
        <v>10</v>
      </c>
      <c r="AL20950">
        <v>10</v>
      </c>
      <c r="AM20950">
        <v>10</v>
      </c>
      <c r="AN20950">
        <v>10</v>
      </c>
      <c r="AO20950">
        <v>10</v>
      </c>
      <c r="AP20950">
        <v>10</v>
      </c>
      <c r="AQ20950">
        <v>10</v>
      </c>
    </row>
    <row r="20951" spans="1:43">
      <c r="A20951" t="s">
        <v>12977</v>
      </c>
      <c r="B20951" t="s">
        <v>12978</v>
      </c>
      <c r="C20951" t="s">
        <v>12971</v>
      </c>
      <c r="D20951" t="s">
        <v>12972</v>
      </c>
      <c r="E20951" t="s">
        <v>12925</v>
      </c>
      <c r="F20951" t="s">
        <v>12926</v>
      </c>
      <c r="G20951" t="s">
        <v>10214</v>
      </c>
      <c r="H20951" t="s">
        <v>10215</v>
      </c>
      <c r="I20951" s="2">
        <v>1</v>
      </c>
      <c r="J20951" s="2">
        <v>0</v>
      </c>
      <c r="K20951" s="2">
        <v>0</v>
      </c>
      <c r="L20951" t="s">
        <v>120</v>
      </c>
      <c r="M20951" t="s">
        <v>87</v>
      </c>
      <c r="N20951" t="s">
        <v>88</v>
      </c>
      <c r="O20951" t="s">
        <v>85</v>
      </c>
      <c r="P20951" t="s">
        <v>86</v>
      </c>
      <c r="Q20951">
        <v>8</v>
      </c>
      <c r="R20951">
        <v>8</v>
      </c>
      <c r="S20951">
        <v>8</v>
      </c>
      <c r="T20951">
        <v>8</v>
      </c>
      <c r="U20951">
        <v>8</v>
      </c>
      <c r="V20951">
        <v>8</v>
      </c>
      <c r="W20951">
        <v>8</v>
      </c>
      <c r="X20951">
        <v>9</v>
      </c>
      <c r="Y20951">
        <v>9</v>
      </c>
      <c r="Z20951">
        <v>9</v>
      </c>
      <c r="AA20951">
        <v>9</v>
      </c>
      <c r="AB20951">
        <v>9</v>
      </c>
      <c r="AC20951">
        <v>9</v>
      </c>
      <c r="AD20951">
        <v>9</v>
      </c>
      <c r="AE20951">
        <v>9</v>
      </c>
      <c r="AF20951">
        <v>9</v>
      </c>
      <c r="AG20951">
        <v>9</v>
      </c>
      <c r="AH20951">
        <v>9</v>
      </c>
      <c r="AI20951">
        <v>9</v>
      </c>
      <c r="AJ20951">
        <v>9</v>
      </c>
      <c r="AK20951">
        <v>9</v>
      </c>
      <c r="AL20951">
        <v>9</v>
      </c>
      <c r="AM20951">
        <v>9</v>
      </c>
      <c r="AN20951">
        <v>9</v>
      </c>
      <c r="AO20951">
        <v>9</v>
      </c>
      <c r="AP20951">
        <v>9</v>
      </c>
      <c r="AQ20951">
        <v>9</v>
      </c>
    </row>
    <row r="20952" spans="1:43">
      <c r="A20952" t="s">
        <v>12977</v>
      </c>
      <c r="B20952" t="s">
        <v>12978</v>
      </c>
      <c r="C20952" t="s">
        <v>12971</v>
      </c>
      <c r="D20952" t="s">
        <v>12972</v>
      </c>
      <c r="E20952" t="s">
        <v>12925</v>
      </c>
      <c r="F20952" t="s">
        <v>12926</v>
      </c>
      <c r="G20952" t="s">
        <v>10214</v>
      </c>
      <c r="H20952" t="s">
        <v>10215</v>
      </c>
      <c r="I20952" s="2">
        <v>1</v>
      </c>
      <c r="J20952" s="2">
        <v>0</v>
      </c>
      <c r="K20952" s="2">
        <v>0</v>
      </c>
      <c r="L20952" t="s">
        <v>120</v>
      </c>
      <c r="M20952" t="s">
        <v>89</v>
      </c>
      <c r="N20952" t="s">
        <v>90</v>
      </c>
      <c r="O20952" t="s">
        <v>85</v>
      </c>
      <c r="P20952" t="s">
        <v>86</v>
      </c>
      <c r="Q20952">
        <v>8</v>
      </c>
      <c r="R20952">
        <v>9</v>
      </c>
      <c r="S20952">
        <v>9</v>
      </c>
      <c r="T20952">
        <v>9</v>
      </c>
      <c r="U20952">
        <v>9</v>
      </c>
      <c r="V20952">
        <v>9</v>
      </c>
      <c r="W20952">
        <v>9</v>
      </c>
      <c r="X20952">
        <v>10</v>
      </c>
      <c r="Y20952">
        <v>10</v>
      </c>
      <c r="Z20952">
        <v>10</v>
      </c>
      <c r="AA20952">
        <v>10</v>
      </c>
      <c r="AB20952">
        <v>10</v>
      </c>
      <c r="AC20952">
        <v>10</v>
      </c>
      <c r="AD20952">
        <v>10</v>
      </c>
      <c r="AE20952">
        <v>10</v>
      </c>
      <c r="AF20952">
        <v>10</v>
      </c>
      <c r="AG20952">
        <v>10</v>
      </c>
      <c r="AH20952">
        <v>10</v>
      </c>
      <c r="AI20952">
        <v>10</v>
      </c>
      <c r="AJ20952">
        <v>10</v>
      </c>
      <c r="AK20952">
        <v>10</v>
      </c>
      <c r="AL20952">
        <v>10</v>
      </c>
      <c r="AM20952">
        <v>10</v>
      </c>
      <c r="AN20952">
        <v>10</v>
      </c>
      <c r="AO20952">
        <v>10</v>
      </c>
      <c r="AP20952">
        <v>10</v>
      </c>
      <c r="AQ20952">
        <v>10</v>
      </c>
    </row>
    <row r="20953" spans="1:43">
      <c r="A20953" t="s">
        <v>12977</v>
      </c>
      <c r="B20953" t="s">
        <v>12978</v>
      </c>
      <c r="C20953" t="s">
        <v>12971</v>
      </c>
      <c r="D20953" t="s">
        <v>12972</v>
      </c>
      <c r="E20953" t="s">
        <v>12925</v>
      </c>
      <c r="F20953" t="s">
        <v>12926</v>
      </c>
      <c r="G20953" t="s">
        <v>10214</v>
      </c>
      <c r="H20953" t="s">
        <v>10215</v>
      </c>
      <c r="I20953" s="2">
        <v>1</v>
      </c>
      <c r="J20953" s="2">
        <v>0</v>
      </c>
      <c r="K20953" s="2">
        <v>0</v>
      </c>
      <c r="L20953" t="s">
        <v>120</v>
      </c>
      <c r="M20953" t="s">
        <v>83</v>
      </c>
      <c r="N20953" t="s">
        <v>91</v>
      </c>
      <c r="O20953" t="s">
        <v>85</v>
      </c>
      <c r="P20953" t="s">
        <v>86</v>
      </c>
      <c r="Q20953">
        <v>8</v>
      </c>
      <c r="R20953">
        <v>9</v>
      </c>
      <c r="S20953">
        <v>9</v>
      </c>
      <c r="T20953">
        <v>9</v>
      </c>
      <c r="U20953">
        <v>9</v>
      </c>
      <c r="V20953">
        <v>9</v>
      </c>
      <c r="W20953">
        <v>9</v>
      </c>
      <c r="X20953">
        <v>9</v>
      </c>
      <c r="Y20953">
        <v>9</v>
      </c>
      <c r="Z20953">
        <v>9</v>
      </c>
      <c r="AA20953">
        <v>9</v>
      </c>
      <c r="AB20953">
        <v>9</v>
      </c>
      <c r="AC20953">
        <v>10</v>
      </c>
      <c r="AD20953">
        <v>10</v>
      </c>
      <c r="AE20953">
        <v>10</v>
      </c>
      <c r="AF20953">
        <v>10</v>
      </c>
      <c r="AG20953">
        <v>10</v>
      </c>
      <c r="AH20953">
        <v>10</v>
      </c>
      <c r="AI20953">
        <v>10</v>
      </c>
      <c r="AJ20953">
        <v>10</v>
      </c>
      <c r="AK20953">
        <v>10</v>
      </c>
      <c r="AL20953">
        <v>10</v>
      </c>
      <c r="AM20953">
        <v>10</v>
      </c>
      <c r="AN20953">
        <v>10</v>
      </c>
      <c r="AO20953">
        <v>10</v>
      </c>
      <c r="AP20953">
        <v>10</v>
      </c>
      <c r="AQ20953">
        <v>10</v>
      </c>
    </row>
    <row r="20954" spans="1:43">
      <c r="A20954" t="s">
        <v>12979</v>
      </c>
      <c r="B20954" t="s">
        <v>12980</v>
      </c>
      <c r="C20954" t="s">
        <v>12981</v>
      </c>
      <c r="D20954" t="s">
        <v>12982</v>
      </c>
      <c r="E20954" t="s">
        <v>12925</v>
      </c>
      <c r="F20954" t="s">
        <v>12926</v>
      </c>
      <c r="G20954" t="s">
        <v>10214</v>
      </c>
      <c r="H20954" t="s">
        <v>10215</v>
      </c>
      <c r="I20954" s="2">
        <v>1</v>
      </c>
      <c r="J20954" s="2">
        <v>0</v>
      </c>
      <c r="K20954" s="2">
        <v>0</v>
      </c>
      <c r="L20954" t="s">
        <v>120</v>
      </c>
      <c r="M20954" t="s">
        <v>83</v>
      </c>
      <c r="N20954" t="s">
        <v>84</v>
      </c>
      <c r="O20954" t="s">
        <v>85</v>
      </c>
      <c r="P20954" t="s">
        <v>86</v>
      </c>
      <c r="Q20954">
        <v>89</v>
      </c>
      <c r="R20954">
        <v>90</v>
      </c>
      <c r="S20954">
        <v>91</v>
      </c>
      <c r="T20954">
        <v>92</v>
      </c>
      <c r="U20954">
        <v>93</v>
      </c>
      <c r="V20954">
        <v>94</v>
      </c>
      <c r="W20954">
        <v>95</v>
      </c>
      <c r="X20954">
        <v>95</v>
      </c>
      <c r="Y20954">
        <v>96</v>
      </c>
      <c r="Z20954">
        <v>97</v>
      </c>
      <c r="AA20954">
        <v>98</v>
      </c>
      <c r="AB20954">
        <v>99</v>
      </c>
      <c r="AC20954">
        <v>99</v>
      </c>
      <c r="AD20954">
        <v>100</v>
      </c>
      <c r="AE20954">
        <v>101</v>
      </c>
      <c r="AF20954">
        <v>101</v>
      </c>
      <c r="AG20954">
        <v>102</v>
      </c>
      <c r="AH20954">
        <v>103</v>
      </c>
      <c r="AI20954">
        <v>103</v>
      </c>
      <c r="AJ20954">
        <v>104</v>
      </c>
      <c r="AK20954">
        <v>105</v>
      </c>
      <c r="AL20954">
        <v>105</v>
      </c>
      <c r="AM20954">
        <v>104</v>
      </c>
      <c r="AN20954">
        <v>104</v>
      </c>
      <c r="AO20954">
        <v>103</v>
      </c>
      <c r="AP20954">
        <v>103</v>
      </c>
      <c r="AQ20954">
        <v>102</v>
      </c>
    </row>
    <row r="20955" spans="1:43">
      <c r="A20955" t="s">
        <v>12979</v>
      </c>
      <c r="B20955" t="s">
        <v>12980</v>
      </c>
      <c r="C20955" t="s">
        <v>12981</v>
      </c>
      <c r="D20955" t="s">
        <v>12982</v>
      </c>
      <c r="E20955" t="s">
        <v>12925</v>
      </c>
      <c r="F20955" t="s">
        <v>12926</v>
      </c>
      <c r="G20955" t="s">
        <v>10214</v>
      </c>
      <c r="H20955" t="s">
        <v>10215</v>
      </c>
      <c r="I20955" s="2">
        <v>1</v>
      </c>
      <c r="J20955" s="2">
        <v>0</v>
      </c>
      <c r="K20955" s="2">
        <v>0</v>
      </c>
      <c r="L20955" t="s">
        <v>120</v>
      </c>
      <c r="M20955" t="s">
        <v>87</v>
      </c>
      <c r="N20955" t="s">
        <v>88</v>
      </c>
      <c r="O20955" t="s">
        <v>85</v>
      </c>
      <c r="P20955" t="s">
        <v>86</v>
      </c>
      <c r="Q20955">
        <v>89</v>
      </c>
      <c r="R20955">
        <v>89</v>
      </c>
      <c r="S20955">
        <v>89</v>
      </c>
      <c r="T20955">
        <v>89</v>
      </c>
      <c r="U20955">
        <v>90</v>
      </c>
      <c r="V20955">
        <v>90</v>
      </c>
      <c r="W20955">
        <v>90</v>
      </c>
      <c r="X20955">
        <v>90</v>
      </c>
      <c r="Y20955">
        <v>90</v>
      </c>
      <c r="Z20955">
        <v>90</v>
      </c>
      <c r="AA20955">
        <v>90</v>
      </c>
      <c r="AB20955">
        <v>90</v>
      </c>
      <c r="AC20955">
        <v>90</v>
      </c>
      <c r="AD20955">
        <v>90</v>
      </c>
      <c r="AE20955">
        <v>90</v>
      </c>
      <c r="AF20955">
        <v>90</v>
      </c>
      <c r="AG20955">
        <v>90</v>
      </c>
      <c r="AH20955">
        <v>90</v>
      </c>
      <c r="AI20955">
        <v>90</v>
      </c>
      <c r="AJ20955">
        <v>90</v>
      </c>
      <c r="AK20955">
        <v>90</v>
      </c>
      <c r="AL20955">
        <v>90</v>
      </c>
      <c r="AM20955">
        <v>90</v>
      </c>
      <c r="AN20955">
        <v>90</v>
      </c>
      <c r="AO20955">
        <v>90</v>
      </c>
      <c r="AP20955">
        <v>90</v>
      </c>
      <c r="AQ20955">
        <v>90</v>
      </c>
    </row>
    <row r="20956" spans="1:43">
      <c r="A20956" t="s">
        <v>12979</v>
      </c>
      <c r="B20956" t="s">
        <v>12980</v>
      </c>
      <c r="C20956" t="s">
        <v>12981</v>
      </c>
      <c r="D20956" t="s">
        <v>12982</v>
      </c>
      <c r="E20956" t="s">
        <v>12925</v>
      </c>
      <c r="F20956" t="s">
        <v>12926</v>
      </c>
      <c r="G20956" t="s">
        <v>10214</v>
      </c>
      <c r="H20956" t="s">
        <v>10215</v>
      </c>
      <c r="I20956" s="2">
        <v>1</v>
      </c>
      <c r="J20956" s="2">
        <v>0</v>
      </c>
      <c r="K20956" s="2">
        <v>0</v>
      </c>
      <c r="L20956" t="s">
        <v>120</v>
      </c>
      <c r="M20956" t="s">
        <v>89</v>
      </c>
      <c r="N20956" t="s">
        <v>90</v>
      </c>
      <c r="O20956" t="s">
        <v>85</v>
      </c>
      <c r="P20956" t="s">
        <v>86</v>
      </c>
      <c r="Q20956">
        <v>89</v>
      </c>
      <c r="R20956">
        <v>90</v>
      </c>
      <c r="S20956">
        <v>92</v>
      </c>
      <c r="T20956">
        <v>94</v>
      </c>
      <c r="U20956">
        <v>95</v>
      </c>
      <c r="V20956">
        <v>97</v>
      </c>
      <c r="W20956">
        <v>98</v>
      </c>
      <c r="X20956">
        <v>100</v>
      </c>
      <c r="Y20956">
        <v>101</v>
      </c>
      <c r="Z20956">
        <v>102</v>
      </c>
      <c r="AA20956">
        <v>103</v>
      </c>
      <c r="AB20956">
        <v>104</v>
      </c>
      <c r="AC20956">
        <v>106</v>
      </c>
      <c r="AD20956">
        <v>107</v>
      </c>
      <c r="AE20956">
        <v>107</v>
      </c>
      <c r="AF20956">
        <v>107</v>
      </c>
      <c r="AG20956">
        <v>106</v>
      </c>
      <c r="AH20956">
        <v>106</v>
      </c>
      <c r="AI20956">
        <v>105</v>
      </c>
      <c r="AJ20956">
        <v>105</v>
      </c>
      <c r="AK20956">
        <v>105</v>
      </c>
      <c r="AL20956">
        <v>104</v>
      </c>
      <c r="AM20956">
        <v>104</v>
      </c>
      <c r="AN20956">
        <v>103</v>
      </c>
      <c r="AO20956">
        <v>103</v>
      </c>
      <c r="AP20956">
        <v>102</v>
      </c>
      <c r="AQ20956">
        <v>102</v>
      </c>
    </row>
    <row r="20957" spans="1:43">
      <c r="A20957" t="s">
        <v>12979</v>
      </c>
      <c r="B20957" t="s">
        <v>12980</v>
      </c>
      <c r="C20957" t="s">
        <v>12981</v>
      </c>
      <c r="D20957" t="s">
        <v>12982</v>
      </c>
      <c r="E20957" t="s">
        <v>12925</v>
      </c>
      <c r="F20957" t="s">
        <v>12926</v>
      </c>
      <c r="G20957" t="s">
        <v>10214</v>
      </c>
      <c r="H20957" t="s">
        <v>10215</v>
      </c>
      <c r="I20957" s="2">
        <v>1</v>
      </c>
      <c r="J20957" s="2">
        <v>0</v>
      </c>
      <c r="K20957" s="2">
        <v>0</v>
      </c>
      <c r="L20957" t="s">
        <v>120</v>
      </c>
      <c r="M20957" t="s">
        <v>83</v>
      </c>
      <c r="N20957" t="s">
        <v>91</v>
      </c>
      <c r="O20957" t="s">
        <v>85</v>
      </c>
      <c r="P20957" t="s">
        <v>86</v>
      </c>
      <c r="Q20957">
        <v>89</v>
      </c>
      <c r="R20957">
        <v>90</v>
      </c>
      <c r="S20957">
        <v>91</v>
      </c>
      <c r="T20957">
        <v>92</v>
      </c>
      <c r="U20957">
        <v>93</v>
      </c>
      <c r="V20957">
        <v>94</v>
      </c>
      <c r="W20957">
        <v>95</v>
      </c>
      <c r="X20957">
        <v>95</v>
      </c>
      <c r="Y20957">
        <v>96</v>
      </c>
      <c r="Z20957">
        <v>97</v>
      </c>
      <c r="AA20957">
        <v>98</v>
      </c>
      <c r="AB20957">
        <v>99</v>
      </c>
      <c r="AC20957">
        <v>99</v>
      </c>
      <c r="AD20957">
        <v>100</v>
      </c>
      <c r="AE20957">
        <v>101</v>
      </c>
      <c r="AF20957">
        <v>101</v>
      </c>
      <c r="AG20957">
        <v>102</v>
      </c>
      <c r="AH20957">
        <v>103</v>
      </c>
      <c r="AI20957">
        <v>103</v>
      </c>
      <c r="AJ20957">
        <v>104</v>
      </c>
      <c r="AK20957">
        <v>105</v>
      </c>
      <c r="AL20957">
        <v>105</v>
      </c>
      <c r="AM20957">
        <v>104</v>
      </c>
      <c r="AN20957">
        <v>104</v>
      </c>
      <c r="AO20957">
        <v>103</v>
      </c>
      <c r="AP20957">
        <v>103</v>
      </c>
      <c r="AQ20957">
        <v>102</v>
      </c>
    </row>
    <row r="20958" spans="1:43">
      <c r="A20958" t="s">
        <v>12983</v>
      </c>
      <c r="B20958" t="s">
        <v>12984</v>
      </c>
      <c r="C20958" t="s">
        <v>12981</v>
      </c>
      <c r="D20958" t="s">
        <v>12982</v>
      </c>
      <c r="E20958" t="s">
        <v>12925</v>
      </c>
      <c r="F20958" t="s">
        <v>12926</v>
      </c>
      <c r="G20958" t="s">
        <v>10214</v>
      </c>
      <c r="H20958" t="s">
        <v>10215</v>
      </c>
      <c r="I20958" s="2">
        <v>1</v>
      </c>
      <c r="J20958" s="2">
        <v>0</v>
      </c>
      <c r="K20958" s="2">
        <v>0</v>
      </c>
      <c r="L20958" t="s">
        <v>120</v>
      </c>
      <c r="M20958" t="s">
        <v>83</v>
      </c>
      <c r="N20958" t="s">
        <v>84</v>
      </c>
      <c r="O20958" t="s">
        <v>85</v>
      </c>
      <c r="P20958" t="s">
        <v>86</v>
      </c>
      <c r="Q20958">
        <v>30</v>
      </c>
      <c r="R20958">
        <v>30</v>
      </c>
      <c r="S20958">
        <v>30</v>
      </c>
      <c r="T20958">
        <v>31</v>
      </c>
      <c r="U20958">
        <v>31</v>
      </c>
      <c r="V20958">
        <v>31</v>
      </c>
      <c r="W20958">
        <v>32</v>
      </c>
      <c r="X20958">
        <v>32</v>
      </c>
      <c r="Y20958">
        <v>32</v>
      </c>
      <c r="Z20958">
        <v>33</v>
      </c>
      <c r="AA20958">
        <v>33</v>
      </c>
      <c r="AB20958">
        <v>33</v>
      </c>
      <c r="AC20958">
        <v>34</v>
      </c>
      <c r="AD20958">
        <v>34</v>
      </c>
      <c r="AE20958">
        <v>34</v>
      </c>
      <c r="AF20958">
        <v>34</v>
      </c>
      <c r="AG20958">
        <v>35</v>
      </c>
      <c r="AH20958">
        <v>35</v>
      </c>
      <c r="AI20958">
        <v>35</v>
      </c>
      <c r="AJ20958">
        <v>35</v>
      </c>
      <c r="AK20958">
        <v>36</v>
      </c>
      <c r="AL20958">
        <v>36</v>
      </c>
      <c r="AM20958">
        <v>36</v>
      </c>
      <c r="AN20958">
        <v>35</v>
      </c>
      <c r="AO20958">
        <v>35</v>
      </c>
      <c r="AP20958">
        <v>35</v>
      </c>
      <c r="AQ20958">
        <v>35</v>
      </c>
    </row>
    <row r="20959" spans="1:43">
      <c r="A20959" t="s">
        <v>12983</v>
      </c>
      <c r="B20959" t="s">
        <v>12984</v>
      </c>
      <c r="C20959" t="s">
        <v>12981</v>
      </c>
      <c r="D20959" t="s">
        <v>12982</v>
      </c>
      <c r="E20959" t="s">
        <v>12925</v>
      </c>
      <c r="F20959" t="s">
        <v>12926</v>
      </c>
      <c r="G20959" t="s">
        <v>10214</v>
      </c>
      <c r="H20959" t="s">
        <v>10215</v>
      </c>
      <c r="I20959" s="2">
        <v>1</v>
      </c>
      <c r="J20959" s="2">
        <v>0</v>
      </c>
      <c r="K20959" s="2">
        <v>0</v>
      </c>
      <c r="L20959" t="s">
        <v>120</v>
      </c>
      <c r="M20959" t="s">
        <v>87</v>
      </c>
      <c r="N20959" t="s">
        <v>88</v>
      </c>
      <c r="O20959" t="s">
        <v>85</v>
      </c>
      <c r="P20959" t="s">
        <v>86</v>
      </c>
      <c r="Q20959">
        <v>30</v>
      </c>
      <c r="R20959">
        <v>30</v>
      </c>
      <c r="S20959">
        <v>31</v>
      </c>
      <c r="T20959">
        <v>31</v>
      </c>
      <c r="U20959">
        <v>31</v>
      </c>
      <c r="V20959">
        <v>31</v>
      </c>
      <c r="W20959">
        <v>31</v>
      </c>
      <c r="X20959">
        <v>31</v>
      </c>
      <c r="Y20959">
        <v>31</v>
      </c>
      <c r="Z20959">
        <v>31</v>
      </c>
      <c r="AA20959">
        <v>31</v>
      </c>
      <c r="AB20959">
        <v>31</v>
      </c>
      <c r="AC20959">
        <v>31</v>
      </c>
      <c r="AD20959">
        <v>31</v>
      </c>
      <c r="AE20959">
        <v>31</v>
      </c>
      <c r="AF20959">
        <v>31</v>
      </c>
      <c r="AG20959">
        <v>31</v>
      </c>
      <c r="AH20959">
        <v>31</v>
      </c>
      <c r="AI20959">
        <v>32</v>
      </c>
      <c r="AJ20959">
        <v>32</v>
      </c>
      <c r="AK20959">
        <v>32</v>
      </c>
      <c r="AL20959">
        <v>32</v>
      </c>
      <c r="AM20959">
        <v>32</v>
      </c>
      <c r="AN20959">
        <v>32</v>
      </c>
      <c r="AO20959">
        <v>32</v>
      </c>
      <c r="AP20959">
        <v>32</v>
      </c>
      <c r="AQ20959">
        <v>32</v>
      </c>
    </row>
    <row r="20960" spans="1:43">
      <c r="A20960" t="s">
        <v>12983</v>
      </c>
      <c r="B20960" t="s">
        <v>12984</v>
      </c>
      <c r="C20960" t="s">
        <v>12981</v>
      </c>
      <c r="D20960" t="s">
        <v>12982</v>
      </c>
      <c r="E20960" t="s">
        <v>12925</v>
      </c>
      <c r="F20960" t="s">
        <v>12926</v>
      </c>
      <c r="G20960" t="s">
        <v>10214</v>
      </c>
      <c r="H20960" t="s">
        <v>10215</v>
      </c>
      <c r="I20960" s="2">
        <v>1</v>
      </c>
      <c r="J20960" s="2">
        <v>0</v>
      </c>
      <c r="K20960" s="2">
        <v>0</v>
      </c>
      <c r="L20960" t="s">
        <v>120</v>
      </c>
      <c r="M20960" t="s">
        <v>89</v>
      </c>
      <c r="N20960" t="s">
        <v>90</v>
      </c>
      <c r="O20960" t="s">
        <v>85</v>
      </c>
      <c r="P20960" t="s">
        <v>86</v>
      </c>
      <c r="Q20960">
        <v>30</v>
      </c>
      <c r="R20960">
        <v>31</v>
      </c>
      <c r="S20960">
        <v>31</v>
      </c>
      <c r="T20960">
        <v>32</v>
      </c>
      <c r="U20960">
        <v>32</v>
      </c>
      <c r="V20960">
        <v>33</v>
      </c>
      <c r="W20960">
        <v>33</v>
      </c>
      <c r="X20960">
        <v>34</v>
      </c>
      <c r="Y20960">
        <v>34</v>
      </c>
      <c r="Z20960">
        <v>35</v>
      </c>
      <c r="AA20960">
        <v>35</v>
      </c>
      <c r="AB20960">
        <v>35</v>
      </c>
      <c r="AC20960">
        <v>36</v>
      </c>
      <c r="AD20960">
        <v>36</v>
      </c>
      <c r="AE20960">
        <v>36</v>
      </c>
      <c r="AF20960">
        <v>36</v>
      </c>
      <c r="AG20960">
        <v>36</v>
      </c>
      <c r="AH20960">
        <v>36</v>
      </c>
      <c r="AI20960">
        <v>36</v>
      </c>
      <c r="AJ20960">
        <v>36</v>
      </c>
      <c r="AK20960">
        <v>36</v>
      </c>
      <c r="AL20960">
        <v>36</v>
      </c>
      <c r="AM20960">
        <v>36</v>
      </c>
      <c r="AN20960">
        <v>36</v>
      </c>
      <c r="AO20960">
        <v>36</v>
      </c>
      <c r="AP20960">
        <v>36</v>
      </c>
      <c r="AQ20960">
        <v>36</v>
      </c>
    </row>
    <row r="20961" spans="1:43">
      <c r="A20961" t="s">
        <v>12983</v>
      </c>
      <c r="B20961" t="s">
        <v>12984</v>
      </c>
      <c r="C20961" t="s">
        <v>12981</v>
      </c>
      <c r="D20961" t="s">
        <v>12982</v>
      </c>
      <c r="E20961" t="s">
        <v>12925</v>
      </c>
      <c r="F20961" t="s">
        <v>12926</v>
      </c>
      <c r="G20961" t="s">
        <v>10214</v>
      </c>
      <c r="H20961" t="s">
        <v>10215</v>
      </c>
      <c r="I20961" s="2">
        <v>1</v>
      </c>
      <c r="J20961" s="2">
        <v>0</v>
      </c>
      <c r="K20961" s="2">
        <v>0</v>
      </c>
      <c r="L20961" t="s">
        <v>120</v>
      </c>
      <c r="M20961" t="s">
        <v>83</v>
      </c>
      <c r="N20961" t="s">
        <v>91</v>
      </c>
      <c r="O20961" t="s">
        <v>85</v>
      </c>
      <c r="P20961" t="s">
        <v>86</v>
      </c>
      <c r="Q20961">
        <v>30</v>
      </c>
      <c r="R20961">
        <v>30</v>
      </c>
      <c r="S20961">
        <v>30</v>
      </c>
      <c r="T20961">
        <v>31</v>
      </c>
      <c r="U20961">
        <v>31</v>
      </c>
      <c r="V20961">
        <v>31</v>
      </c>
      <c r="W20961">
        <v>32</v>
      </c>
      <c r="X20961">
        <v>32</v>
      </c>
      <c r="Y20961">
        <v>32</v>
      </c>
      <c r="Z20961">
        <v>33</v>
      </c>
      <c r="AA20961">
        <v>33</v>
      </c>
      <c r="AB20961">
        <v>33</v>
      </c>
      <c r="AC20961">
        <v>34</v>
      </c>
      <c r="AD20961">
        <v>34</v>
      </c>
      <c r="AE20961">
        <v>34</v>
      </c>
      <c r="AF20961">
        <v>34</v>
      </c>
      <c r="AG20961">
        <v>35</v>
      </c>
      <c r="AH20961">
        <v>35</v>
      </c>
      <c r="AI20961">
        <v>35</v>
      </c>
      <c r="AJ20961">
        <v>35</v>
      </c>
      <c r="AK20961">
        <v>36</v>
      </c>
      <c r="AL20961">
        <v>36</v>
      </c>
      <c r="AM20961">
        <v>36</v>
      </c>
      <c r="AN20961">
        <v>35</v>
      </c>
      <c r="AO20961">
        <v>35</v>
      </c>
      <c r="AP20961">
        <v>35</v>
      </c>
      <c r="AQ20961">
        <v>35</v>
      </c>
    </row>
    <row r="20962" spans="1:43">
      <c r="A20962" t="s">
        <v>12985</v>
      </c>
      <c r="B20962" t="s">
        <v>12986</v>
      </c>
      <c r="C20962" t="s">
        <v>12981</v>
      </c>
      <c r="D20962" t="s">
        <v>12982</v>
      </c>
      <c r="E20962" t="s">
        <v>12925</v>
      </c>
      <c r="F20962" t="s">
        <v>12926</v>
      </c>
      <c r="G20962" t="s">
        <v>10214</v>
      </c>
      <c r="H20962" t="s">
        <v>10215</v>
      </c>
      <c r="I20962" s="2">
        <v>1</v>
      </c>
      <c r="J20962" s="2">
        <v>0</v>
      </c>
      <c r="K20962" s="2">
        <v>0</v>
      </c>
      <c r="L20962" t="s">
        <v>120</v>
      </c>
      <c r="M20962" t="s">
        <v>83</v>
      </c>
      <c r="N20962" t="s">
        <v>84</v>
      </c>
      <c r="O20962" t="s">
        <v>85</v>
      </c>
      <c r="P20962" t="s">
        <v>86</v>
      </c>
      <c r="Q20962">
        <v>25</v>
      </c>
      <c r="R20962">
        <v>25</v>
      </c>
      <c r="S20962">
        <v>26</v>
      </c>
      <c r="T20962">
        <v>26</v>
      </c>
      <c r="U20962">
        <v>26</v>
      </c>
      <c r="V20962">
        <v>27</v>
      </c>
      <c r="W20962">
        <v>27</v>
      </c>
      <c r="X20962">
        <v>27</v>
      </c>
      <c r="Y20962">
        <v>27</v>
      </c>
      <c r="Z20962">
        <v>28</v>
      </c>
      <c r="AA20962">
        <v>28</v>
      </c>
      <c r="AB20962">
        <v>28</v>
      </c>
      <c r="AC20962">
        <v>28</v>
      </c>
      <c r="AD20962">
        <v>29</v>
      </c>
      <c r="AE20962">
        <v>29</v>
      </c>
      <c r="AF20962">
        <v>29</v>
      </c>
      <c r="AG20962">
        <v>29</v>
      </c>
      <c r="AH20962">
        <v>30</v>
      </c>
      <c r="AI20962">
        <v>30</v>
      </c>
      <c r="AJ20962">
        <v>30</v>
      </c>
      <c r="AK20962">
        <v>30</v>
      </c>
      <c r="AL20962">
        <v>30</v>
      </c>
      <c r="AM20962">
        <v>30</v>
      </c>
      <c r="AN20962">
        <v>30</v>
      </c>
      <c r="AO20962">
        <v>30</v>
      </c>
      <c r="AP20962">
        <v>30</v>
      </c>
      <c r="AQ20962">
        <v>30</v>
      </c>
    </row>
    <row r="20963" spans="1:43">
      <c r="A20963" t="s">
        <v>12985</v>
      </c>
      <c r="B20963" t="s">
        <v>12986</v>
      </c>
      <c r="C20963" t="s">
        <v>12981</v>
      </c>
      <c r="D20963" t="s">
        <v>12982</v>
      </c>
      <c r="E20963" t="s">
        <v>12925</v>
      </c>
      <c r="F20963" t="s">
        <v>12926</v>
      </c>
      <c r="G20963" t="s">
        <v>10214</v>
      </c>
      <c r="H20963" t="s">
        <v>10215</v>
      </c>
      <c r="I20963" s="2">
        <v>1</v>
      </c>
      <c r="J20963" s="2">
        <v>0</v>
      </c>
      <c r="K20963" s="2">
        <v>0</v>
      </c>
      <c r="L20963" t="s">
        <v>120</v>
      </c>
      <c r="M20963" t="s">
        <v>87</v>
      </c>
      <c r="N20963" t="s">
        <v>88</v>
      </c>
      <c r="O20963" t="s">
        <v>85</v>
      </c>
      <c r="P20963" t="s">
        <v>86</v>
      </c>
      <c r="Q20963">
        <v>25</v>
      </c>
      <c r="R20963">
        <v>25</v>
      </c>
      <c r="S20963">
        <v>25</v>
      </c>
      <c r="T20963">
        <v>25</v>
      </c>
      <c r="U20963">
        <v>25</v>
      </c>
      <c r="V20963">
        <v>25</v>
      </c>
      <c r="W20963">
        <v>25</v>
      </c>
      <c r="X20963">
        <v>25</v>
      </c>
      <c r="Y20963">
        <v>25</v>
      </c>
      <c r="Z20963">
        <v>26</v>
      </c>
      <c r="AA20963">
        <v>26</v>
      </c>
      <c r="AB20963">
        <v>26</v>
      </c>
      <c r="AC20963">
        <v>26</v>
      </c>
      <c r="AD20963">
        <v>26</v>
      </c>
      <c r="AE20963">
        <v>26</v>
      </c>
      <c r="AF20963">
        <v>26</v>
      </c>
      <c r="AG20963">
        <v>26</v>
      </c>
      <c r="AH20963">
        <v>26</v>
      </c>
      <c r="AI20963">
        <v>26</v>
      </c>
      <c r="AJ20963">
        <v>26</v>
      </c>
      <c r="AK20963">
        <v>26</v>
      </c>
      <c r="AL20963">
        <v>26</v>
      </c>
      <c r="AM20963">
        <v>26</v>
      </c>
      <c r="AN20963">
        <v>26</v>
      </c>
      <c r="AO20963">
        <v>26</v>
      </c>
      <c r="AP20963">
        <v>26</v>
      </c>
      <c r="AQ20963">
        <v>26</v>
      </c>
    </row>
    <row r="20964" spans="1:43">
      <c r="A20964" t="s">
        <v>12985</v>
      </c>
      <c r="B20964" t="s">
        <v>12986</v>
      </c>
      <c r="C20964" t="s">
        <v>12981</v>
      </c>
      <c r="D20964" t="s">
        <v>12982</v>
      </c>
      <c r="E20964" t="s">
        <v>12925</v>
      </c>
      <c r="F20964" t="s">
        <v>12926</v>
      </c>
      <c r="G20964" t="s">
        <v>10214</v>
      </c>
      <c r="H20964" t="s">
        <v>10215</v>
      </c>
      <c r="I20964" s="2">
        <v>1</v>
      </c>
      <c r="J20964" s="2">
        <v>0</v>
      </c>
      <c r="K20964" s="2">
        <v>0</v>
      </c>
      <c r="L20964" t="s">
        <v>120</v>
      </c>
      <c r="M20964" t="s">
        <v>89</v>
      </c>
      <c r="N20964" t="s">
        <v>90</v>
      </c>
      <c r="O20964" t="s">
        <v>85</v>
      </c>
      <c r="P20964" t="s">
        <v>86</v>
      </c>
      <c r="Q20964">
        <v>25</v>
      </c>
      <c r="R20964">
        <v>26</v>
      </c>
      <c r="S20964">
        <v>26</v>
      </c>
      <c r="T20964">
        <v>27</v>
      </c>
      <c r="U20964">
        <v>27</v>
      </c>
      <c r="V20964">
        <v>28</v>
      </c>
      <c r="W20964">
        <v>28</v>
      </c>
      <c r="X20964">
        <v>29</v>
      </c>
      <c r="Y20964">
        <v>29</v>
      </c>
      <c r="Z20964">
        <v>29</v>
      </c>
      <c r="AA20964">
        <v>30</v>
      </c>
      <c r="AB20964">
        <v>30</v>
      </c>
      <c r="AC20964">
        <v>30</v>
      </c>
      <c r="AD20964">
        <v>31</v>
      </c>
      <c r="AE20964">
        <v>31</v>
      </c>
      <c r="AF20964">
        <v>31</v>
      </c>
      <c r="AG20964">
        <v>31</v>
      </c>
      <c r="AH20964">
        <v>31</v>
      </c>
      <c r="AI20964">
        <v>31</v>
      </c>
      <c r="AJ20964">
        <v>31</v>
      </c>
      <c r="AK20964">
        <v>31</v>
      </c>
      <c r="AL20964">
        <v>31</v>
      </c>
      <c r="AM20964">
        <v>30</v>
      </c>
      <c r="AN20964">
        <v>30</v>
      </c>
      <c r="AO20964">
        <v>30</v>
      </c>
      <c r="AP20964">
        <v>30</v>
      </c>
      <c r="AQ20964">
        <v>30</v>
      </c>
    </row>
    <row r="20965" spans="1:43">
      <c r="A20965" t="s">
        <v>12985</v>
      </c>
      <c r="B20965" t="s">
        <v>12986</v>
      </c>
      <c r="C20965" t="s">
        <v>12981</v>
      </c>
      <c r="D20965" t="s">
        <v>12982</v>
      </c>
      <c r="E20965" t="s">
        <v>12925</v>
      </c>
      <c r="F20965" t="s">
        <v>12926</v>
      </c>
      <c r="G20965" t="s">
        <v>10214</v>
      </c>
      <c r="H20965" t="s">
        <v>10215</v>
      </c>
      <c r="I20965" s="2">
        <v>1</v>
      </c>
      <c r="J20965" s="2">
        <v>0</v>
      </c>
      <c r="K20965" s="2">
        <v>0</v>
      </c>
      <c r="L20965" t="s">
        <v>120</v>
      </c>
      <c r="M20965" t="s">
        <v>83</v>
      </c>
      <c r="N20965" t="s">
        <v>91</v>
      </c>
      <c r="O20965" t="s">
        <v>85</v>
      </c>
      <c r="P20965" t="s">
        <v>86</v>
      </c>
      <c r="Q20965">
        <v>25</v>
      </c>
      <c r="R20965">
        <v>25</v>
      </c>
      <c r="S20965">
        <v>26</v>
      </c>
      <c r="T20965">
        <v>26</v>
      </c>
      <c r="U20965">
        <v>26</v>
      </c>
      <c r="V20965">
        <v>27</v>
      </c>
      <c r="W20965">
        <v>27</v>
      </c>
      <c r="X20965">
        <v>27</v>
      </c>
      <c r="Y20965">
        <v>27</v>
      </c>
      <c r="Z20965">
        <v>28</v>
      </c>
      <c r="AA20965">
        <v>28</v>
      </c>
      <c r="AB20965">
        <v>28</v>
      </c>
      <c r="AC20965">
        <v>28</v>
      </c>
      <c r="AD20965">
        <v>29</v>
      </c>
      <c r="AE20965">
        <v>29</v>
      </c>
      <c r="AF20965">
        <v>29</v>
      </c>
      <c r="AG20965">
        <v>29</v>
      </c>
      <c r="AH20965">
        <v>30</v>
      </c>
      <c r="AI20965">
        <v>30</v>
      </c>
      <c r="AJ20965">
        <v>30</v>
      </c>
      <c r="AK20965">
        <v>30</v>
      </c>
      <c r="AL20965">
        <v>30</v>
      </c>
      <c r="AM20965">
        <v>30</v>
      </c>
      <c r="AN20965">
        <v>30</v>
      </c>
      <c r="AO20965">
        <v>30</v>
      </c>
      <c r="AP20965">
        <v>30</v>
      </c>
      <c r="AQ20965">
        <v>30</v>
      </c>
    </row>
    <row r="20966" spans="1:43">
      <c r="A20966" t="s">
        <v>12987</v>
      </c>
      <c r="B20966" t="s">
        <v>12988</v>
      </c>
      <c r="C20966" t="s">
        <v>12981</v>
      </c>
      <c r="D20966" t="s">
        <v>12982</v>
      </c>
      <c r="E20966" t="s">
        <v>12925</v>
      </c>
      <c r="F20966" t="s">
        <v>12926</v>
      </c>
      <c r="G20966" t="s">
        <v>10214</v>
      </c>
      <c r="H20966" t="s">
        <v>10215</v>
      </c>
      <c r="I20966" s="2">
        <v>1</v>
      </c>
      <c r="J20966" s="2">
        <v>0</v>
      </c>
      <c r="K20966" s="2">
        <v>0</v>
      </c>
      <c r="L20966" t="s">
        <v>120</v>
      </c>
      <c r="M20966" t="s">
        <v>83</v>
      </c>
      <c r="N20966" t="s">
        <v>84</v>
      </c>
      <c r="O20966" t="s">
        <v>85</v>
      </c>
      <c r="P20966" t="s">
        <v>86</v>
      </c>
      <c r="Q20966">
        <v>23</v>
      </c>
      <c r="R20966">
        <v>23</v>
      </c>
      <c r="S20966">
        <v>23</v>
      </c>
      <c r="T20966">
        <v>24</v>
      </c>
      <c r="U20966">
        <v>24</v>
      </c>
      <c r="V20966">
        <v>24</v>
      </c>
      <c r="W20966">
        <v>24</v>
      </c>
      <c r="X20966">
        <v>25</v>
      </c>
      <c r="Y20966">
        <v>25</v>
      </c>
      <c r="Z20966">
        <v>25</v>
      </c>
      <c r="AA20966">
        <v>25</v>
      </c>
      <c r="AB20966">
        <v>26</v>
      </c>
      <c r="AC20966">
        <v>26</v>
      </c>
      <c r="AD20966">
        <v>26</v>
      </c>
      <c r="AE20966">
        <v>26</v>
      </c>
      <c r="AF20966">
        <v>26</v>
      </c>
      <c r="AG20966">
        <v>27</v>
      </c>
      <c r="AH20966">
        <v>27</v>
      </c>
      <c r="AI20966">
        <v>27</v>
      </c>
      <c r="AJ20966">
        <v>27</v>
      </c>
      <c r="AK20966">
        <v>27</v>
      </c>
      <c r="AL20966">
        <v>27</v>
      </c>
      <c r="AM20966">
        <v>27</v>
      </c>
      <c r="AN20966">
        <v>27</v>
      </c>
      <c r="AO20966">
        <v>27</v>
      </c>
      <c r="AP20966">
        <v>27</v>
      </c>
      <c r="AQ20966">
        <v>27</v>
      </c>
    </row>
    <row r="20967" spans="1:43">
      <c r="A20967" t="s">
        <v>12987</v>
      </c>
      <c r="B20967" t="s">
        <v>12988</v>
      </c>
      <c r="C20967" t="s">
        <v>12981</v>
      </c>
      <c r="D20967" t="s">
        <v>12982</v>
      </c>
      <c r="E20967" t="s">
        <v>12925</v>
      </c>
      <c r="F20967" t="s">
        <v>12926</v>
      </c>
      <c r="G20967" t="s">
        <v>10214</v>
      </c>
      <c r="H20967" t="s">
        <v>10215</v>
      </c>
      <c r="I20967" s="2">
        <v>1</v>
      </c>
      <c r="J20967" s="2">
        <v>0</v>
      </c>
      <c r="K20967" s="2">
        <v>0</v>
      </c>
      <c r="L20967" t="s">
        <v>120</v>
      </c>
      <c r="M20967" t="s">
        <v>87</v>
      </c>
      <c r="N20967" t="s">
        <v>88</v>
      </c>
      <c r="O20967" t="s">
        <v>85</v>
      </c>
      <c r="P20967" t="s">
        <v>86</v>
      </c>
      <c r="Q20967">
        <v>23</v>
      </c>
      <c r="R20967">
        <v>23</v>
      </c>
      <c r="S20967">
        <v>23</v>
      </c>
      <c r="T20967">
        <v>23</v>
      </c>
      <c r="U20967">
        <v>23</v>
      </c>
      <c r="V20967">
        <v>23</v>
      </c>
      <c r="W20967">
        <v>23</v>
      </c>
      <c r="X20967">
        <v>23</v>
      </c>
      <c r="Y20967">
        <v>23</v>
      </c>
      <c r="Z20967">
        <v>23</v>
      </c>
      <c r="AA20967">
        <v>23</v>
      </c>
      <c r="AB20967">
        <v>23</v>
      </c>
      <c r="AC20967">
        <v>23</v>
      </c>
      <c r="AD20967">
        <v>23</v>
      </c>
      <c r="AE20967">
        <v>23</v>
      </c>
      <c r="AF20967">
        <v>23</v>
      </c>
      <c r="AG20967">
        <v>23</v>
      </c>
      <c r="AH20967">
        <v>23</v>
      </c>
      <c r="AI20967">
        <v>23</v>
      </c>
      <c r="AJ20967">
        <v>23</v>
      </c>
      <c r="AK20967">
        <v>24</v>
      </c>
      <c r="AL20967">
        <v>24</v>
      </c>
      <c r="AM20967">
        <v>24</v>
      </c>
      <c r="AN20967">
        <v>24</v>
      </c>
      <c r="AO20967">
        <v>24</v>
      </c>
      <c r="AP20967">
        <v>24</v>
      </c>
      <c r="AQ20967">
        <v>24</v>
      </c>
    </row>
    <row r="20968" spans="1:43">
      <c r="A20968" t="s">
        <v>12987</v>
      </c>
      <c r="B20968" t="s">
        <v>12988</v>
      </c>
      <c r="C20968" t="s">
        <v>12981</v>
      </c>
      <c r="D20968" t="s">
        <v>12982</v>
      </c>
      <c r="E20968" t="s">
        <v>12925</v>
      </c>
      <c r="F20968" t="s">
        <v>12926</v>
      </c>
      <c r="G20968" t="s">
        <v>10214</v>
      </c>
      <c r="H20968" t="s">
        <v>10215</v>
      </c>
      <c r="I20968" s="2">
        <v>1</v>
      </c>
      <c r="J20968" s="2">
        <v>0</v>
      </c>
      <c r="K20968" s="2">
        <v>0</v>
      </c>
      <c r="L20968" t="s">
        <v>120</v>
      </c>
      <c r="M20968" t="s">
        <v>89</v>
      </c>
      <c r="N20968" t="s">
        <v>90</v>
      </c>
      <c r="O20968" t="s">
        <v>85</v>
      </c>
      <c r="P20968" t="s">
        <v>86</v>
      </c>
      <c r="Q20968">
        <v>23</v>
      </c>
      <c r="R20968">
        <v>23</v>
      </c>
      <c r="S20968">
        <v>24</v>
      </c>
      <c r="T20968">
        <v>24</v>
      </c>
      <c r="U20968">
        <v>25</v>
      </c>
      <c r="V20968">
        <v>25</v>
      </c>
      <c r="W20968">
        <v>26</v>
      </c>
      <c r="X20968">
        <v>26</v>
      </c>
      <c r="Y20968">
        <v>26</v>
      </c>
      <c r="Z20968">
        <v>27</v>
      </c>
      <c r="AA20968">
        <v>27</v>
      </c>
      <c r="AB20968">
        <v>27</v>
      </c>
      <c r="AC20968">
        <v>27</v>
      </c>
      <c r="AD20968">
        <v>28</v>
      </c>
      <c r="AE20968">
        <v>28</v>
      </c>
      <c r="AF20968">
        <v>28</v>
      </c>
      <c r="AG20968">
        <v>28</v>
      </c>
      <c r="AH20968">
        <v>28</v>
      </c>
      <c r="AI20968">
        <v>28</v>
      </c>
      <c r="AJ20968">
        <v>28</v>
      </c>
      <c r="AK20968">
        <v>28</v>
      </c>
      <c r="AL20968">
        <v>28</v>
      </c>
      <c r="AM20968">
        <v>28</v>
      </c>
      <c r="AN20968">
        <v>27</v>
      </c>
      <c r="AO20968">
        <v>27</v>
      </c>
      <c r="AP20968">
        <v>27</v>
      </c>
      <c r="AQ20968">
        <v>27</v>
      </c>
    </row>
    <row r="20969" spans="1:43">
      <c r="A20969" t="s">
        <v>12987</v>
      </c>
      <c r="B20969" t="s">
        <v>12988</v>
      </c>
      <c r="C20969" t="s">
        <v>12981</v>
      </c>
      <c r="D20969" t="s">
        <v>12982</v>
      </c>
      <c r="E20969" t="s">
        <v>12925</v>
      </c>
      <c r="F20969" t="s">
        <v>12926</v>
      </c>
      <c r="G20969" t="s">
        <v>10214</v>
      </c>
      <c r="H20969" t="s">
        <v>10215</v>
      </c>
      <c r="I20969" s="2">
        <v>1</v>
      </c>
      <c r="J20969" s="2">
        <v>0</v>
      </c>
      <c r="K20969" s="2">
        <v>0</v>
      </c>
      <c r="L20969" t="s">
        <v>120</v>
      </c>
      <c r="M20969" t="s">
        <v>83</v>
      </c>
      <c r="N20969" t="s">
        <v>91</v>
      </c>
      <c r="O20969" t="s">
        <v>85</v>
      </c>
      <c r="P20969" t="s">
        <v>86</v>
      </c>
      <c r="Q20969">
        <v>23</v>
      </c>
      <c r="R20969">
        <v>23</v>
      </c>
      <c r="S20969">
        <v>23</v>
      </c>
      <c r="T20969">
        <v>24</v>
      </c>
      <c r="U20969">
        <v>24</v>
      </c>
      <c r="V20969">
        <v>24</v>
      </c>
      <c r="W20969">
        <v>24</v>
      </c>
      <c r="X20969">
        <v>25</v>
      </c>
      <c r="Y20969">
        <v>25</v>
      </c>
      <c r="Z20969">
        <v>25</v>
      </c>
      <c r="AA20969">
        <v>25</v>
      </c>
      <c r="AB20969">
        <v>26</v>
      </c>
      <c r="AC20969">
        <v>26</v>
      </c>
      <c r="AD20969">
        <v>26</v>
      </c>
      <c r="AE20969">
        <v>26</v>
      </c>
      <c r="AF20969">
        <v>26</v>
      </c>
      <c r="AG20969">
        <v>27</v>
      </c>
      <c r="AH20969">
        <v>27</v>
      </c>
      <c r="AI20969">
        <v>27</v>
      </c>
      <c r="AJ20969">
        <v>27</v>
      </c>
      <c r="AK20969">
        <v>27</v>
      </c>
      <c r="AL20969">
        <v>27</v>
      </c>
      <c r="AM20969">
        <v>27</v>
      </c>
      <c r="AN20969">
        <v>27</v>
      </c>
      <c r="AO20969">
        <v>27</v>
      </c>
      <c r="AP20969">
        <v>27</v>
      </c>
      <c r="AQ20969">
        <v>27</v>
      </c>
    </row>
    <row r="20970" spans="1:43">
      <c r="A20970" t="s">
        <v>12989</v>
      </c>
      <c r="B20970" t="s">
        <v>12990</v>
      </c>
      <c r="C20970" t="s">
        <v>12991</v>
      </c>
      <c r="D20970" t="s">
        <v>12992</v>
      </c>
      <c r="E20970" t="s">
        <v>12925</v>
      </c>
      <c r="F20970" t="s">
        <v>12926</v>
      </c>
      <c r="G20970" t="s">
        <v>10214</v>
      </c>
      <c r="H20970" t="s">
        <v>10215</v>
      </c>
      <c r="I20970" s="2">
        <v>1</v>
      </c>
      <c r="J20970" s="2">
        <v>0</v>
      </c>
      <c r="K20970" s="2">
        <v>0</v>
      </c>
      <c r="L20970" t="s">
        <v>120</v>
      </c>
      <c r="M20970" t="s">
        <v>83</v>
      </c>
      <c r="N20970" t="s">
        <v>84</v>
      </c>
      <c r="O20970" t="s">
        <v>85</v>
      </c>
      <c r="P20970" t="s">
        <v>86</v>
      </c>
      <c r="Q20970">
        <v>32</v>
      </c>
      <c r="R20970">
        <v>32</v>
      </c>
      <c r="S20970">
        <v>32</v>
      </c>
      <c r="T20970">
        <v>33</v>
      </c>
      <c r="U20970">
        <v>33</v>
      </c>
      <c r="V20970">
        <v>34</v>
      </c>
      <c r="W20970">
        <v>34</v>
      </c>
      <c r="X20970">
        <v>34</v>
      </c>
      <c r="Y20970">
        <v>35</v>
      </c>
      <c r="Z20970">
        <v>35</v>
      </c>
      <c r="AA20970">
        <v>35</v>
      </c>
      <c r="AB20970">
        <v>36</v>
      </c>
      <c r="AC20970">
        <v>36</v>
      </c>
      <c r="AD20970">
        <v>36</v>
      </c>
      <c r="AE20970">
        <v>37</v>
      </c>
      <c r="AF20970">
        <v>37</v>
      </c>
      <c r="AG20970">
        <v>37</v>
      </c>
      <c r="AH20970">
        <v>37</v>
      </c>
      <c r="AI20970">
        <v>38</v>
      </c>
      <c r="AJ20970">
        <v>38</v>
      </c>
      <c r="AK20970">
        <v>38</v>
      </c>
      <c r="AL20970">
        <v>38</v>
      </c>
      <c r="AM20970">
        <v>38</v>
      </c>
      <c r="AN20970">
        <v>38</v>
      </c>
      <c r="AO20970">
        <v>38</v>
      </c>
      <c r="AP20970">
        <v>38</v>
      </c>
      <c r="AQ20970">
        <v>38</v>
      </c>
    </row>
    <row r="20971" spans="1:43">
      <c r="A20971" t="s">
        <v>12989</v>
      </c>
      <c r="B20971" t="s">
        <v>12990</v>
      </c>
      <c r="C20971" t="s">
        <v>12991</v>
      </c>
      <c r="D20971" t="s">
        <v>12992</v>
      </c>
      <c r="E20971" t="s">
        <v>12925</v>
      </c>
      <c r="F20971" t="s">
        <v>12926</v>
      </c>
      <c r="G20971" t="s">
        <v>10214</v>
      </c>
      <c r="H20971" t="s">
        <v>10215</v>
      </c>
      <c r="I20971" s="2">
        <v>1</v>
      </c>
      <c r="J20971" s="2">
        <v>0</v>
      </c>
      <c r="K20971" s="2">
        <v>0</v>
      </c>
      <c r="L20971" t="s">
        <v>120</v>
      </c>
      <c r="M20971" t="s">
        <v>87</v>
      </c>
      <c r="N20971" t="s">
        <v>88</v>
      </c>
      <c r="O20971" t="s">
        <v>85</v>
      </c>
      <c r="P20971" t="s">
        <v>86</v>
      </c>
      <c r="Q20971">
        <v>32</v>
      </c>
      <c r="R20971">
        <v>32</v>
      </c>
      <c r="S20971">
        <v>33</v>
      </c>
      <c r="T20971">
        <v>33</v>
      </c>
      <c r="U20971">
        <v>33</v>
      </c>
      <c r="V20971">
        <v>33</v>
      </c>
      <c r="W20971">
        <v>33</v>
      </c>
      <c r="X20971">
        <v>33</v>
      </c>
      <c r="Y20971">
        <v>33</v>
      </c>
      <c r="Z20971">
        <v>33</v>
      </c>
      <c r="AA20971">
        <v>33</v>
      </c>
      <c r="AB20971">
        <v>33</v>
      </c>
      <c r="AC20971">
        <v>33</v>
      </c>
      <c r="AD20971">
        <v>34</v>
      </c>
      <c r="AE20971">
        <v>34</v>
      </c>
      <c r="AF20971">
        <v>34</v>
      </c>
      <c r="AG20971">
        <v>34</v>
      </c>
      <c r="AH20971">
        <v>34</v>
      </c>
      <c r="AI20971">
        <v>34</v>
      </c>
      <c r="AJ20971">
        <v>34</v>
      </c>
      <c r="AK20971">
        <v>34</v>
      </c>
      <c r="AL20971">
        <v>34</v>
      </c>
      <c r="AM20971">
        <v>34</v>
      </c>
      <c r="AN20971">
        <v>34</v>
      </c>
      <c r="AO20971">
        <v>34</v>
      </c>
      <c r="AP20971">
        <v>34</v>
      </c>
      <c r="AQ20971">
        <v>34</v>
      </c>
    </row>
    <row r="20972" spans="1:43">
      <c r="A20972" t="s">
        <v>12989</v>
      </c>
      <c r="B20972" t="s">
        <v>12990</v>
      </c>
      <c r="C20972" t="s">
        <v>12991</v>
      </c>
      <c r="D20972" t="s">
        <v>12992</v>
      </c>
      <c r="E20972" t="s">
        <v>12925</v>
      </c>
      <c r="F20972" t="s">
        <v>12926</v>
      </c>
      <c r="G20972" t="s">
        <v>10214</v>
      </c>
      <c r="H20972" t="s">
        <v>10215</v>
      </c>
      <c r="I20972" s="2">
        <v>1</v>
      </c>
      <c r="J20972" s="2">
        <v>0</v>
      </c>
      <c r="K20972" s="2">
        <v>0</v>
      </c>
      <c r="L20972" t="s">
        <v>120</v>
      </c>
      <c r="M20972" t="s">
        <v>89</v>
      </c>
      <c r="N20972" t="s">
        <v>90</v>
      </c>
      <c r="O20972" t="s">
        <v>85</v>
      </c>
      <c r="P20972" t="s">
        <v>86</v>
      </c>
      <c r="Q20972">
        <v>32</v>
      </c>
      <c r="R20972">
        <v>33</v>
      </c>
      <c r="S20972">
        <v>33</v>
      </c>
      <c r="T20972">
        <v>34</v>
      </c>
      <c r="U20972">
        <v>35</v>
      </c>
      <c r="V20972">
        <v>35</v>
      </c>
      <c r="W20972">
        <v>36</v>
      </c>
      <c r="X20972">
        <v>36</v>
      </c>
      <c r="Y20972">
        <v>37</v>
      </c>
      <c r="Z20972">
        <v>37</v>
      </c>
      <c r="AA20972">
        <v>37</v>
      </c>
      <c r="AB20972">
        <v>38</v>
      </c>
      <c r="AC20972">
        <v>38</v>
      </c>
      <c r="AD20972">
        <v>39</v>
      </c>
      <c r="AE20972">
        <v>39</v>
      </c>
      <c r="AF20972">
        <v>39</v>
      </c>
      <c r="AG20972">
        <v>39</v>
      </c>
      <c r="AH20972">
        <v>39</v>
      </c>
      <c r="AI20972">
        <v>39</v>
      </c>
      <c r="AJ20972">
        <v>39</v>
      </c>
      <c r="AK20972">
        <v>39</v>
      </c>
      <c r="AL20972">
        <v>39</v>
      </c>
      <c r="AM20972">
        <v>39</v>
      </c>
      <c r="AN20972">
        <v>38</v>
      </c>
      <c r="AO20972">
        <v>38</v>
      </c>
      <c r="AP20972">
        <v>38</v>
      </c>
      <c r="AQ20972">
        <v>38</v>
      </c>
    </row>
    <row r="20973" spans="1:43">
      <c r="A20973" t="s">
        <v>12989</v>
      </c>
      <c r="B20973" t="s">
        <v>12990</v>
      </c>
      <c r="C20973" t="s">
        <v>12991</v>
      </c>
      <c r="D20973" t="s">
        <v>12992</v>
      </c>
      <c r="E20973" t="s">
        <v>12925</v>
      </c>
      <c r="F20973" t="s">
        <v>12926</v>
      </c>
      <c r="G20973" t="s">
        <v>10214</v>
      </c>
      <c r="H20973" t="s">
        <v>10215</v>
      </c>
      <c r="I20973" s="2">
        <v>1</v>
      </c>
      <c r="J20973" s="2">
        <v>0</v>
      </c>
      <c r="K20973" s="2">
        <v>0</v>
      </c>
      <c r="L20973" t="s">
        <v>120</v>
      </c>
      <c r="M20973" t="s">
        <v>83</v>
      </c>
      <c r="N20973" t="s">
        <v>91</v>
      </c>
      <c r="O20973" t="s">
        <v>85</v>
      </c>
      <c r="P20973" t="s">
        <v>86</v>
      </c>
      <c r="Q20973">
        <v>32</v>
      </c>
      <c r="R20973">
        <v>32</v>
      </c>
      <c r="S20973">
        <v>32</v>
      </c>
      <c r="T20973">
        <v>33</v>
      </c>
      <c r="U20973">
        <v>33</v>
      </c>
      <c r="V20973">
        <v>34</v>
      </c>
      <c r="W20973">
        <v>34</v>
      </c>
      <c r="X20973">
        <v>34</v>
      </c>
      <c r="Y20973">
        <v>35</v>
      </c>
      <c r="Z20973">
        <v>35</v>
      </c>
      <c r="AA20973">
        <v>35</v>
      </c>
      <c r="AB20973">
        <v>36</v>
      </c>
      <c r="AC20973">
        <v>36</v>
      </c>
      <c r="AD20973">
        <v>36</v>
      </c>
      <c r="AE20973">
        <v>37</v>
      </c>
      <c r="AF20973">
        <v>37</v>
      </c>
      <c r="AG20973">
        <v>37</v>
      </c>
      <c r="AH20973">
        <v>37</v>
      </c>
      <c r="AI20973">
        <v>38</v>
      </c>
      <c r="AJ20973">
        <v>38</v>
      </c>
      <c r="AK20973">
        <v>38</v>
      </c>
      <c r="AL20973">
        <v>38</v>
      </c>
      <c r="AM20973">
        <v>38</v>
      </c>
      <c r="AN20973">
        <v>38</v>
      </c>
      <c r="AO20973">
        <v>38</v>
      </c>
      <c r="AP20973">
        <v>38</v>
      </c>
      <c r="AQ20973">
        <v>38</v>
      </c>
    </row>
    <row r="20974" spans="1:43">
      <c r="A20974" t="s">
        <v>12993</v>
      </c>
      <c r="B20974" t="s">
        <v>12994</v>
      </c>
      <c r="C20974" t="s">
        <v>12991</v>
      </c>
      <c r="D20974" t="s">
        <v>12992</v>
      </c>
      <c r="E20974" t="s">
        <v>12925</v>
      </c>
      <c r="F20974" t="s">
        <v>12926</v>
      </c>
      <c r="G20974" t="s">
        <v>10214</v>
      </c>
      <c r="H20974" t="s">
        <v>10215</v>
      </c>
      <c r="I20974" s="2">
        <v>1</v>
      </c>
      <c r="J20974" s="2">
        <v>0</v>
      </c>
      <c r="K20974" s="2">
        <v>0</v>
      </c>
      <c r="L20974" t="s">
        <v>120</v>
      </c>
      <c r="M20974" t="s">
        <v>83</v>
      </c>
      <c r="N20974" t="s">
        <v>84</v>
      </c>
      <c r="O20974" t="s">
        <v>85</v>
      </c>
      <c r="P20974" t="s">
        <v>86</v>
      </c>
      <c r="Q20974">
        <v>30</v>
      </c>
      <c r="R20974">
        <v>31</v>
      </c>
      <c r="S20974">
        <v>31</v>
      </c>
      <c r="T20974">
        <v>31</v>
      </c>
      <c r="U20974">
        <v>32</v>
      </c>
      <c r="V20974">
        <v>32</v>
      </c>
      <c r="W20974">
        <v>32</v>
      </c>
      <c r="X20974">
        <v>33</v>
      </c>
      <c r="Y20974">
        <v>33</v>
      </c>
      <c r="Z20974">
        <v>33</v>
      </c>
      <c r="AA20974">
        <v>34</v>
      </c>
      <c r="AB20974">
        <v>34</v>
      </c>
      <c r="AC20974">
        <v>34</v>
      </c>
      <c r="AD20974">
        <v>35</v>
      </c>
      <c r="AE20974">
        <v>35</v>
      </c>
      <c r="AF20974">
        <v>35</v>
      </c>
      <c r="AG20974">
        <v>35</v>
      </c>
      <c r="AH20974">
        <v>36</v>
      </c>
      <c r="AI20974">
        <v>36</v>
      </c>
      <c r="AJ20974">
        <v>36</v>
      </c>
      <c r="AK20974">
        <v>36</v>
      </c>
      <c r="AL20974">
        <v>36</v>
      </c>
      <c r="AM20974">
        <v>36</v>
      </c>
      <c r="AN20974">
        <v>36</v>
      </c>
      <c r="AO20974">
        <v>36</v>
      </c>
      <c r="AP20974">
        <v>36</v>
      </c>
      <c r="AQ20974">
        <v>36</v>
      </c>
    </row>
    <row r="20975" spans="1:43">
      <c r="A20975" t="s">
        <v>12993</v>
      </c>
      <c r="B20975" t="s">
        <v>12994</v>
      </c>
      <c r="C20975" t="s">
        <v>12991</v>
      </c>
      <c r="D20975" t="s">
        <v>12992</v>
      </c>
      <c r="E20975" t="s">
        <v>12925</v>
      </c>
      <c r="F20975" t="s">
        <v>12926</v>
      </c>
      <c r="G20975" t="s">
        <v>10214</v>
      </c>
      <c r="H20975" t="s">
        <v>10215</v>
      </c>
      <c r="I20975" s="2">
        <v>1</v>
      </c>
      <c r="J20975" s="2">
        <v>0</v>
      </c>
      <c r="K20975" s="2">
        <v>0</v>
      </c>
      <c r="L20975" t="s">
        <v>120</v>
      </c>
      <c r="M20975" t="s">
        <v>87</v>
      </c>
      <c r="N20975" t="s">
        <v>88</v>
      </c>
      <c r="O20975" t="s">
        <v>85</v>
      </c>
      <c r="P20975" t="s">
        <v>86</v>
      </c>
      <c r="Q20975">
        <v>30</v>
      </c>
      <c r="R20975">
        <v>30</v>
      </c>
      <c r="S20975">
        <v>30</v>
      </c>
      <c r="T20975">
        <v>30</v>
      </c>
      <c r="U20975">
        <v>30</v>
      </c>
      <c r="V20975">
        <v>30</v>
      </c>
      <c r="W20975">
        <v>30</v>
      </c>
      <c r="X20975">
        <v>30</v>
      </c>
      <c r="Y20975">
        <v>31</v>
      </c>
      <c r="Z20975">
        <v>31</v>
      </c>
      <c r="AA20975">
        <v>31</v>
      </c>
      <c r="AB20975">
        <v>31</v>
      </c>
      <c r="AC20975">
        <v>31</v>
      </c>
      <c r="AD20975">
        <v>31</v>
      </c>
      <c r="AE20975">
        <v>31</v>
      </c>
      <c r="AF20975">
        <v>31</v>
      </c>
      <c r="AG20975">
        <v>31</v>
      </c>
      <c r="AH20975">
        <v>31</v>
      </c>
      <c r="AI20975">
        <v>31</v>
      </c>
      <c r="AJ20975">
        <v>31</v>
      </c>
      <c r="AK20975">
        <v>31</v>
      </c>
      <c r="AL20975">
        <v>31</v>
      </c>
      <c r="AM20975">
        <v>31</v>
      </c>
      <c r="AN20975">
        <v>31</v>
      </c>
      <c r="AO20975">
        <v>32</v>
      </c>
      <c r="AP20975">
        <v>32</v>
      </c>
      <c r="AQ20975">
        <v>32</v>
      </c>
    </row>
    <row r="20976" spans="1:43">
      <c r="A20976" t="s">
        <v>12993</v>
      </c>
      <c r="B20976" t="s">
        <v>12994</v>
      </c>
      <c r="C20976" t="s">
        <v>12991</v>
      </c>
      <c r="D20976" t="s">
        <v>12992</v>
      </c>
      <c r="E20976" t="s">
        <v>12925</v>
      </c>
      <c r="F20976" t="s">
        <v>12926</v>
      </c>
      <c r="G20976" t="s">
        <v>10214</v>
      </c>
      <c r="H20976" t="s">
        <v>10215</v>
      </c>
      <c r="I20976" s="2">
        <v>1</v>
      </c>
      <c r="J20976" s="2">
        <v>0</v>
      </c>
      <c r="K20976" s="2">
        <v>0</v>
      </c>
      <c r="L20976" t="s">
        <v>120</v>
      </c>
      <c r="M20976" t="s">
        <v>89</v>
      </c>
      <c r="N20976" t="s">
        <v>90</v>
      </c>
      <c r="O20976" t="s">
        <v>85</v>
      </c>
      <c r="P20976" t="s">
        <v>86</v>
      </c>
      <c r="Q20976">
        <v>30</v>
      </c>
      <c r="R20976">
        <v>31</v>
      </c>
      <c r="S20976">
        <v>32</v>
      </c>
      <c r="T20976">
        <v>32</v>
      </c>
      <c r="U20976">
        <v>33</v>
      </c>
      <c r="V20976">
        <v>33</v>
      </c>
      <c r="W20976">
        <v>34</v>
      </c>
      <c r="X20976">
        <v>34</v>
      </c>
      <c r="Y20976">
        <v>35</v>
      </c>
      <c r="Z20976">
        <v>35</v>
      </c>
      <c r="AA20976">
        <v>36</v>
      </c>
      <c r="AB20976">
        <v>36</v>
      </c>
      <c r="AC20976">
        <v>37</v>
      </c>
      <c r="AD20976">
        <v>37</v>
      </c>
      <c r="AE20976">
        <v>37</v>
      </c>
      <c r="AF20976">
        <v>37</v>
      </c>
      <c r="AG20976">
        <v>37</v>
      </c>
      <c r="AH20976">
        <v>37</v>
      </c>
      <c r="AI20976">
        <v>37</v>
      </c>
      <c r="AJ20976">
        <v>37</v>
      </c>
      <c r="AK20976">
        <v>37</v>
      </c>
      <c r="AL20976">
        <v>37</v>
      </c>
      <c r="AM20976">
        <v>37</v>
      </c>
      <c r="AN20976">
        <v>37</v>
      </c>
      <c r="AO20976">
        <v>36</v>
      </c>
      <c r="AP20976">
        <v>36</v>
      </c>
      <c r="AQ20976">
        <v>36</v>
      </c>
    </row>
    <row r="20977" spans="1:43">
      <c r="A20977" t="s">
        <v>12993</v>
      </c>
      <c r="B20977" t="s">
        <v>12994</v>
      </c>
      <c r="C20977" t="s">
        <v>12991</v>
      </c>
      <c r="D20977" t="s">
        <v>12992</v>
      </c>
      <c r="E20977" t="s">
        <v>12925</v>
      </c>
      <c r="F20977" t="s">
        <v>12926</v>
      </c>
      <c r="G20977" t="s">
        <v>10214</v>
      </c>
      <c r="H20977" t="s">
        <v>10215</v>
      </c>
      <c r="I20977" s="2">
        <v>1</v>
      </c>
      <c r="J20977" s="2">
        <v>0</v>
      </c>
      <c r="K20977" s="2">
        <v>0</v>
      </c>
      <c r="L20977" t="s">
        <v>120</v>
      </c>
      <c r="M20977" t="s">
        <v>83</v>
      </c>
      <c r="N20977" t="s">
        <v>91</v>
      </c>
      <c r="O20977" t="s">
        <v>85</v>
      </c>
      <c r="P20977" t="s">
        <v>86</v>
      </c>
      <c r="Q20977">
        <v>30</v>
      </c>
      <c r="R20977">
        <v>31</v>
      </c>
      <c r="S20977">
        <v>31</v>
      </c>
      <c r="T20977">
        <v>31</v>
      </c>
      <c r="U20977">
        <v>32</v>
      </c>
      <c r="V20977">
        <v>32</v>
      </c>
      <c r="W20977">
        <v>32</v>
      </c>
      <c r="X20977">
        <v>33</v>
      </c>
      <c r="Y20977">
        <v>33</v>
      </c>
      <c r="Z20977">
        <v>33</v>
      </c>
      <c r="AA20977">
        <v>34</v>
      </c>
      <c r="AB20977">
        <v>34</v>
      </c>
      <c r="AC20977">
        <v>34</v>
      </c>
      <c r="AD20977">
        <v>35</v>
      </c>
      <c r="AE20977">
        <v>35</v>
      </c>
      <c r="AF20977">
        <v>35</v>
      </c>
      <c r="AG20977">
        <v>35</v>
      </c>
      <c r="AH20977">
        <v>36</v>
      </c>
      <c r="AI20977">
        <v>36</v>
      </c>
      <c r="AJ20977">
        <v>36</v>
      </c>
      <c r="AK20977">
        <v>36</v>
      </c>
      <c r="AL20977">
        <v>36</v>
      </c>
      <c r="AM20977">
        <v>36</v>
      </c>
      <c r="AN20977">
        <v>36</v>
      </c>
      <c r="AO20977">
        <v>36</v>
      </c>
      <c r="AP20977">
        <v>36</v>
      </c>
      <c r="AQ20977">
        <v>36</v>
      </c>
    </row>
    <row r="20978" spans="1:43">
      <c r="A20978" t="s">
        <v>12995</v>
      </c>
      <c r="B20978" t="s">
        <v>12996</v>
      </c>
      <c r="C20978" t="s">
        <v>12991</v>
      </c>
      <c r="D20978" t="s">
        <v>12992</v>
      </c>
      <c r="E20978" t="s">
        <v>12925</v>
      </c>
      <c r="F20978" t="s">
        <v>12926</v>
      </c>
      <c r="G20978" t="s">
        <v>10214</v>
      </c>
      <c r="H20978" t="s">
        <v>10215</v>
      </c>
      <c r="I20978" s="2">
        <v>1</v>
      </c>
      <c r="J20978" s="2">
        <v>0</v>
      </c>
      <c r="K20978" s="2">
        <v>0</v>
      </c>
      <c r="L20978" t="s">
        <v>120</v>
      </c>
      <c r="M20978" t="s">
        <v>83</v>
      </c>
      <c r="N20978" t="s">
        <v>84</v>
      </c>
      <c r="O20978" t="s">
        <v>85</v>
      </c>
      <c r="P20978" t="s">
        <v>86</v>
      </c>
      <c r="Q20978">
        <v>25</v>
      </c>
      <c r="R20978">
        <v>26</v>
      </c>
      <c r="S20978">
        <v>26</v>
      </c>
      <c r="T20978">
        <v>26</v>
      </c>
      <c r="U20978">
        <v>27</v>
      </c>
      <c r="V20978">
        <v>27</v>
      </c>
      <c r="W20978">
        <v>27</v>
      </c>
      <c r="X20978">
        <v>27</v>
      </c>
      <c r="Y20978">
        <v>28</v>
      </c>
      <c r="Z20978">
        <v>28</v>
      </c>
      <c r="AA20978">
        <v>28</v>
      </c>
      <c r="AB20978">
        <v>28</v>
      </c>
      <c r="AC20978">
        <v>29</v>
      </c>
      <c r="AD20978">
        <v>29</v>
      </c>
      <c r="AE20978">
        <v>29</v>
      </c>
      <c r="AF20978">
        <v>29</v>
      </c>
      <c r="AG20978">
        <v>30</v>
      </c>
      <c r="AH20978">
        <v>30</v>
      </c>
      <c r="AI20978">
        <v>30</v>
      </c>
      <c r="AJ20978">
        <v>30</v>
      </c>
      <c r="AK20978">
        <v>31</v>
      </c>
      <c r="AL20978">
        <v>31</v>
      </c>
      <c r="AM20978">
        <v>30</v>
      </c>
      <c r="AN20978">
        <v>30</v>
      </c>
      <c r="AO20978">
        <v>30</v>
      </c>
      <c r="AP20978">
        <v>30</v>
      </c>
      <c r="AQ20978">
        <v>30</v>
      </c>
    </row>
    <row r="20979" spans="1:43">
      <c r="A20979" t="s">
        <v>12995</v>
      </c>
      <c r="B20979" t="s">
        <v>12996</v>
      </c>
      <c r="C20979" t="s">
        <v>12991</v>
      </c>
      <c r="D20979" t="s">
        <v>12992</v>
      </c>
      <c r="E20979" t="s">
        <v>12925</v>
      </c>
      <c r="F20979" t="s">
        <v>12926</v>
      </c>
      <c r="G20979" t="s">
        <v>10214</v>
      </c>
      <c r="H20979" t="s">
        <v>10215</v>
      </c>
      <c r="I20979" s="2">
        <v>1</v>
      </c>
      <c r="J20979" s="2">
        <v>0</v>
      </c>
      <c r="K20979" s="2">
        <v>0</v>
      </c>
      <c r="L20979" t="s">
        <v>120</v>
      </c>
      <c r="M20979" t="s">
        <v>87</v>
      </c>
      <c r="N20979" t="s">
        <v>88</v>
      </c>
      <c r="O20979" t="s">
        <v>85</v>
      </c>
      <c r="P20979" t="s">
        <v>86</v>
      </c>
      <c r="Q20979">
        <v>25</v>
      </c>
      <c r="R20979">
        <v>25</v>
      </c>
      <c r="S20979">
        <v>25</v>
      </c>
      <c r="T20979">
        <v>25</v>
      </c>
      <c r="U20979">
        <v>25</v>
      </c>
      <c r="V20979">
        <v>25</v>
      </c>
      <c r="W20979">
        <v>26</v>
      </c>
      <c r="X20979">
        <v>26</v>
      </c>
      <c r="Y20979">
        <v>26</v>
      </c>
      <c r="Z20979">
        <v>26</v>
      </c>
      <c r="AA20979">
        <v>26</v>
      </c>
      <c r="AB20979">
        <v>26</v>
      </c>
      <c r="AC20979">
        <v>26</v>
      </c>
      <c r="AD20979">
        <v>26</v>
      </c>
      <c r="AE20979">
        <v>26</v>
      </c>
      <c r="AF20979">
        <v>26</v>
      </c>
      <c r="AG20979">
        <v>26</v>
      </c>
      <c r="AH20979">
        <v>26</v>
      </c>
      <c r="AI20979">
        <v>26</v>
      </c>
      <c r="AJ20979">
        <v>26</v>
      </c>
      <c r="AK20979">
        <v>26</v>
      </c>
      <c r="AL20979">
        <v>26</v>
      </c>
      <c r="AM20979">
        <v>26</v>
      </c>
      <c r="AN20979">
        <v>26</v>
      </c>
      <c r="AO20979">
        <v>26</v>
      </c>
      <c r="AP20979">
        <v>26</v>
      </c>
      <c r="AQ20979">
        <v>27</v>
      </c>
    </row>
    <row r="20980" spans="1:43">
      <c r="A20980" t="s">
        <v>12995</v>
      </c>
      <c r="B20980" t="s">
        <v>12996</v>
      </c>
      <c r="C20980" t="s">
        <v>12991</v>
      </c>
      <c r="D20980" t="s">
        <v>12992</v>
      </c>
      <c r="E20980" t="s">
        <v>12925</v>
      </c>
      <c r="F20980" t="s">
        <v>12926</v>
      </c>
      <c r="G20980" t="s">
        <v>10214</v>
      </c>
      <c r="H20980" t="s">
        <v>10215</v>
      </c>
      <c r="I20980" s="2">
        <v>1</v>
      </c>
      <c r="J20980" s="2">
        <v>0</v>
      </c>
      <c r="K20980" s="2">
        <v>0</v>
      </c>
      <c r="L20980" t="s">
        <v>120</v>
      </c>
      <c r="M20980" t="s">
        <v>89</v>
      </c>
      <c r="N20980" t="s">
        <v>90</v>
      </c>
      <c r="O20980" t="s">
        <v>85</v>
      </c>
      <c r="P20980" t="s">
        <v>86</v>
      </c>
      <c r="Q20980">
        <v>25</v>
      </c>
      <c r="R20980">
        <v>25</v>
      </c>
      <c r="S20980">
        <v>26</v>
      </c>
      <c r="T20980">
        <v>26</v>
      </c>
      <c r="U20980">
        <v>27</v>
      </c>
      <c r="V20980">
        <v>27</v>
      </c>
      <c r="W20980">
        <v>27</v>
      </c>
      <c r="X20980">
        <v>28</v>
      </c>
      <c r="Y20980">
        <v>28</v>
      </c>
      <c r="Z20980">
        <v>29</v>
      </c>
      <c r="AA20980">
        <v>29</v>
      </c>
      <c r="AB20980">
        <v>29</v>
      </c>
      <c r="AC20980">
        <v>30</v>
      </c>
      <c r="AD20980">
        <v>30</v>
      </c>
      <c r="AE20980">
        <v>30</v>
      </c>
      <c r="AF20980">
        <v>30</v>
      </c>
      <c r="AG20980">
        <v>30</v>
      </c>
      <c r="AH20980">
        <v>30</v>
      </c>
      <c r="AI20980">
        <v>30</v>
      </c>
      <c r="AJ20980">
        <v>30</v>
      </c>
      <c r="AK20980">
        <v>30</v>
      </c>
      <c r="AL20980">
        <v>30</v>
      </c>
      <c r="AM20980">
        <v>30</v>
      </c>
      <c r="AN20980">
        <v>30</v>
      </c>
      <c r="AO20980">
        <v>30</v>
      </c>
      <c r="AP20980">
        <v>30</v>
      </c>
      <c r="AQ20980">
        <v>29</v>
      </c>
    </row>
    <row r="20981" spans="1:43">
      <c r="A20981" t="s">
        <v>12995</v>
      </c>
      <c r="B20981" t="s">
        <v>12996</v>
      </c>
      <c r="C20981" t="s">
        <v>12991</v>
      </c>
      <c r="D20981" t="s">
        <v>12992</v>
      </c>
      <c r="E20981" t="s">
        <v>12925</v>
      </c>
      <c r="F20981" t="s">
        <v>12926</v>
      </c>
      <c r="G20981" t="s">
        <v>10214</v>
      </c>
      <c r="H20981" t="s">
        <v>10215</v>
      </c>
      <c r="I20981" s="2">
        <v>1</v>
      </c>
      <c r="J20981" s="2">
        <v>0</v>
      </c>
      <c r="K20981" s="2">
        <v>0</v>
      </c>
      <c r="L20981" t="s">
        <v>120</v>
      </c>
      <c r="M20981" t="s">
        <v>83</v>
      </c>
      <c r="N20981" t="s">
        <v>91</v>
      </c>
      <c r="O20981" t="s">
        <v>85</v>
      </c>
      <c r="P20981" t="s">
        <v>86</v>
      </c>
      <c r="Q20981">
        <v>25</v>
      </c>
      <c r="R20981">
        <v>26</v>
      </c>
      <c r="S20981">
        <v>26</v>
      </c>
      <c r="T20981">
        <v>26</v>
      </c>
      <c r="U20981">
        <v>27</v>
      </c>
      <c r="V20981">
        <v>27</v>
      </c>
      <c r="W20981">
        <v>27</v>
      </c>
      <c r="X20981">
        <v>27</v>
      </c>
      <c r="Y20981">
        <v>28</v>
      </c>
      <c r="Z20981">
        <v>28</v>
      </c>
      <c r="AA20981">
        <v>28</v>
      </c>
      <c r="AB20981">
        <v>28</v>
      </c>
      <c r="AC20981">
        <v>29</v>
      </c>
      <c r="AD20981">
        <v>29</v>
      </c>
      <c r="AE20981">
        <v>29</v>
      </c>
      <c r="AF20981">
        <v>29</v>
      </c>
      <c r="AG20981">
        <v>30</v>
      </c>
      <c r="AH20981">
        <v>30</v>
      </c>
      <c r="AI20981">
        <v>30</v>
      </c>
      <c r="AJ20981">
        <v>30</v>
      </c>
      <c r="AK20981">
        <v>31</v>
      </c>
      <c r="AL20981">
        <v>31</v>
      </c>
      <c r="AM20981">
        <v>30</v>
      </c>
      <c r="AN20981">
        <v>30</v>
      </c>
      <c r="AO20981">
        <v>30</v>
      </c>
      <c r="AP20981">
        <v>30</v>
      </c>
      <c r="AQ20981">
        <v>30</v>
      </c>
    </row>
    <row r="20982" spans="1:43">
      <c r="A20982" t="s">
        <v>12997</v>
      </c>
      <c r="B20982" t="s">
        <v>12998</v>
      </c>
      <c r="C20982" t="s">
        <v>12991</v>
      </c>
      <c r="D20982" t="s">
        <v>12992</v>
      </c>
      <c r="E20982" t="s">
        <v>12925</v>
      </c>
      <c r="F20982" t="s">
        <v>12926</v>
      </c>
      <c r="G20982" t="s">
        <v>10214</v>
      </c>
      <c r="H20982" t="s">
        <v>10215</v>
      </c>
      <c r="I20982" s="2">
        <v>1</v>
      </c>
      <c r="J20982" s="2">
        <v>0</v>
      </c>
      <c r="K20982" s="2">
        <v>0</v>
      </c>
      <c r="L20982" t="s">
        <v>120</v>
      </c>
      <c r="M20982" t="s">
        <v>83</v>
      </c>
      <c r="N20982" t="s">
        <v>84</v>
      </c>
      <c r="O20982" t="s">
        <v>85</v>
      </c>
      <c r="P20982" t="s">
        <v>86</v>
      </c>
      <c r="Q20982">
        <v>37</v>
      </c>
      <c r="R20982">
        <v>38</v>
      </c>
      <c r="S20982">
        <v>38</v>
      </c>
      <c r="T20982">
        <v>39</v>
      </c>
      <c r="U20982">
        <v>39</v>
      </c>
      <c r="V20982">
        <v>40</v>
      </c>
      <c r="W20982">
        <v>40</v>
      </c>
      <c r="X20982">
        <v>41</v>
      </c>
      <c r="Y20982">
        <v>41</v>
      </c>
      <c r="Z20982">
        <v>41</v>
      </c>
      <c r="AA20982">
        <v>42</v>
      </c>
      <c r="AB20982">
        <v>42</v>
      </c>
      <c r="AC20982">
        <v>43</v>
      </c>
      <c r="AD20982">
        <v>43</v>
      </c>
      <c r="AE20982">
        <v>43</v>
      </c>
      <c r="AF20982">
        <v>44</v>
      </c>
      <c r="AG20982">
        <v>44</v>
      </c>
      <c r="AH20982">
        <v>44</v>
      </c>
      <c r="AI20982">
        <v>45</v>
      </c>
      <c r="AJ20982">
        <v>45</v>
      </c>
      <c r="AK20982">
        <v>45</v>
      </c>
      <c r="AL20982">
        <v>45</v>
      </c>
      <c r="AM20982">
        <v>45</v>
      </c>
      <c r="AN20982">
        <v>45</v>
      </c>
      <c r="AO20982">
        <v>45</v>
      </c>
      <c r="AP20982">
        <v>45</v>
      </c>
      <c r="AQ20982">
        <v>45</v>
      </c>
    </row>
    <row r="20983" spans="1:43">
      <c r="A20983" t="s">
        <v>12997</v>
      </c>
      <c r="B20983" t="s">
        <v>12998</v>
      </c>
      <c r="C20983" t="s">
        <v>12991</v>
      </c>
      <c r="D20983" t="s">
        <v>12992</v>
      </c>
      <c r="E20983" t="s">
        <v>12925</v>
      </c>
      <c r="F20983" t="s">
        <v>12926</v>
      </c>
      <c r="G20983" t="s">
        <v>10214</v>
      </c>
      <c r="H20983" t="s">
        <v>10215</v>
      </c>
      <c r="I20983" s="2">
        <v>1</v>
      </c>
      <c r="J20983" s="2">
        <v>0</v>
      </c>
      <c r="K20983" s="2">
        <v>0</v>
      </c>
      <c r="L20983" t="s">
        <v>120</v>
      </c>
      <c r="M20983" t="s">
        <v>87</v>
      </c>
      <c r="N20983" t="s">
        <v>88</v>
      </c>
      <c r="O20983" t="s">
        <v>85</v>
      </c>
      <c r="P20983" t="s">
        <v>86</v>
      </c>
      <c r="Q20983">
        <v>37</v>
      </c>
      <c r="R20983">
        <v>37</v>
      </c>
      <c r="S20983">
        <v>37</v>
      </c>
      <c r="T20983">
        <v>37</v>
      </c>
      <c r="U20983">
        <v>38</v>
      </c>
      <c r="V20983">
        <v>38</v>
      </c>
      <c r="W20983">
        <v>38</v>
      </c>
      <c r="X20983">
        <v>38</v>
      </c>
      <c r="Y20983">
        <v>38</v>
      </c>
      <c r="Z20983">
        <v>38</v>
      </c>
      <c r="AA20983">
        <v>38</v>
      </c>
      <c r="AB20983">
        <v>38</v>
      </c>
      <c r="AC20983">
        <v>38</v>
      </c>
      <c r="AD20983">
        <v>38</v>
      </c>
      <c r="AE20983">
        <v>39</v>
      </c>
      <c r="AF20983">
        <v>39</v>
      </c>
      <c r="AG20983">
        <v>39</v>
      </c>
      <c r="AH20983">
        <v>39</v>
      </c>
      <c r="AI20983">
        <v>39</v>
      </c>
      <c r="AJ20983">
        <v>39</v>
      </c>
      <c r="AK20983">
        <v>39</v>
      </c>
      <c r="AL20983">
        <v>39</v>
      </c>
      <c r="AM20983">
        <v>39</v>
      </c>
      <c r="AN20983">
        <v>39</v>
      </c>
      <c r="AO20983">
        <v>39</v>
      </c>
      <c r="AP20983">
        <v>39</v>
      </c>
      <c r="AQ20983">
        <v>39</v>
      </c>
    </row>
    <row r="20984" spans="1:43">
      <c r="A20984" t="s">
        <v>12997</v>
      </c>
      <c r="B20984" t="s">
        <v>12998</v>
      </c>
      <c r="C20984" t="s">
        <v>12991</v>
      </c>
      <c r="D20984" t="s">
        <v>12992</v>
      </c>
      <c r="E20984" t="s">
        <v>12925</v>
      </c>
      <c r="F20984" t="s">
        <v>12926</v>
      </c>
      <c r="G20984" t="s">
        <v>10214</v>
      </c>
      <c r="H20984" t="s">
        <v>10215</v>
      </c>
      <c r="I20984" s="2">
        <v>1</v>
      </c>
      <c r="J20984" s="2">
        <v>0</v>
      </c>
      <c r="K20984" s="2">
        <v>0</v>
      </c>
      <c r="L20984" t="s">
        <v>120</v>
      </c>
      <c r="M20984" t="s">
        <v>89</v>
      </c>
      <c r="N20984" t="s">
        <v>90</v>
      </c>
      <c r="O20984" t="s">
        <v>85</v>
      </c>
      <c r="P20984" t="s">
        <v>86</v>
      </c>
      <c r="Q20984">
        <v>37</v>
      </c>
      <c r="R20984">
        <v>38</v>
      </c>
      <c r="S20984">
        <v>38</v>
      </c>
      <c r="T20984">
        <v>39</v>
      </c>
      <c r="U20984">
        <v>40</v>
      </c>
      <c r="V20984">
        <v>40</v>
      </c>
      <c r="W20984">
        <v>41</v>
      </c>
      <c r="X20984">
        <v>42</v>
      </c>
      <c r="Y20984">
        <v>42</v>
      </c>
      <c r="Z20984">
        <v>43</v>
      </c>
      <c r="AA20984">
        <v>43</v>
      </c>
      <c r="AB20984">
        <v>44</v>
      </c>
      <c r="AC20984">
        <v>44</v>
      </c>
      <c r="AD20984">
        <v>45</v>
      </c>
      <c r="AE20984">
        <v>45</v>
      </c>
      <c r="AF20984">
        <v>45</v>
      </c>
      <c r="AG20984">
        <v>45</v>
      </c>
      <c r="AH20984">
        <v>45</v>
      </c>
      <c r="AI20984">
        <v>45</v>
      </c>
      <c r="AJ20984">
        <v>45</v>
      </c>
      <c r="AK20984">
        <v>45</v>
      </c>
      <c r="AL20984">
        <v>45</v>
      </c>
      <c r="AM20984">
        <v>45</v>
      </c>
      <c r="AN20984">
        <v>44</v>
      </c>
      <c r="AO20984">
        <v>44</v>
      </c>
      <c r="AP20984">
        <v>44</v>
      </c>
      <c r="AQ20984">
        <v>44</v>
      </c>
    </row>
    <row r="20985" spans="1:43">
      <c r="A20985" t="s">
        <v>12997</v>
      </c>
      <c r="B20985" t="s">
        <v>12998</v>
      </c>
      <c r="C20985" t="s">
        <v>12991</v>
      </c>
      <c r="D20985" t="s">
        <v>12992</v>
      </c>
      <c r="E20985" t="s">
        <v>12925</v>
      </c>
      <c r="F20985" t="s">
        <v>12926</v>
      </c>
      <c r="G20985" t="s">
        <v>10214</v>
      </c>
      <c r="H20985" t="s">
        <v>10215</v>
      </c>
      <c r="I20985" s="2">
        <v>1</v>
      </c>
      <c r="J20985" s="2">
        <v>0</v>
      </c>
      <c r="K20985" s="2">
        <v>0</v>
      </c>
      <c r="L20985" t="s">
        <v>120</v>
      </c>
      <c r="M20985" t="s">
        <v>83</v>
      </c>
      <c r="N20985" t="s">
        <v>91</v>
      </c>
      <c r="O20985" t="s">
        <v>85</v>
      </c>
      <c r="P20985" t="s">
        <v>86</v>
      </c>
      <c r="Q20985">
        <v>37</v>
      </c>
      <c r="R20985">
        <v>38</v>
      </c>
      <c r="S20985">
        <v>38</v>
      </c>
      <c r="T20985">
        <v>39</v>
      </c>
      <c r="U20985">
        <v>39</v>
      </c>
      <c r="V20985">
        <v>40</v>
      </c>
      <c r="W20985">
        <v>40</v>
      </c>
      <c r="X20985">
        <v>41</v>
      </c>
      <c r="Y20985">
        <v>41</v>
      </c>
      <c r="Z20985">
        <v>41</v>
      </c>
      <c r="AA20985">
        <v>42</v>
      </c>
      <c r="AB20985">
        <v>42</v>
      </c>
      <c r="AC20985">
        <v>43</v>
      </c>
      <c r="AD20985">
        <v>43</v>
      </c>
      <c r="AE20985">
        <v>43</v>
      </c>
      <c r="AF20985">
        <v>44</v>
      </c>
      <c r="AG20985">
        <v>44</v>
      </c>
      <c r="AH20985">
        <v>44</v>
      </c>
      <c r="AI20985">
        <v>45</v>
      </c>
      <c r="AJ20985">
        <v>45</v>
      </c>
      <c r="AK20985">
        <v>45</v>
      </c>
      <c r="AL20985">
        <v>45</v>
      </c>
      <c r="AM20985">
        <v>45</v>
      </c>
      <c r="AN20985">
        <v>45</v>
      </c>
      <c r="AO20985">
        <v>45</v>
      </c>
      <c r="AP20985">
        <v>45</v>
      </c>
      <c r="AQ20985">
        <v>45</v>
      </c>
    </row>
    <row r="20986" spans="1:43">
      <c r="A20986" t="s">
        <v>12999</v>
      </c>
      <c r="B20986" t="s">
        <v>13000</v>
      </c>
      <c r="C20986" t="s">
        <v>12991</v>
      </c>
      <c r="D20986" t="s">
        <v>12992</v>
      </c>
      <c r="E20986" t="s">
        <v>12925</v>
      </c>
      <c r="F20986" t="s">
        <v>12926</v>
      </c>
      <c r="G20986" t="s">
        <v>10214</v>
      </c>
      <c r="H20986" t="s">
        <v>10215</v>
      </c>
      <c r="I20986" s="2">
        <v>1</v>
      </c>
      <c r="J20986" s="2">
        <v>0</v>
      </c>
      <c r="K20986" s="2">
        <v>0</v>
      </c>
      <c r="L20986" t="s">
        <v>120</v>
      </c>
      <c r="M20986" t="s">
        <v>83</v>
      </c>
      <c r="N20986" t="s">
        <v>84</v>
      </c>
      <c r="O20986" t="s">
        <v>85</v>
      </c>
      <c r="P20986" t="s">
        <v>86</v>
      </c>
      <c r="Q20986">
        <v>53</v>
      </c>
      <c r="R20986">
        <v>54</v>
      </c>
      <c r="S20986">
        <v>55</v>
      </c>
      <c r="T20986">
        <v>55</v>
      </c>
      <c r="U20986">
        <v>56</v>
      </c>
      <c r="V20986">
        <v>57</v>
      </c>
      <c r="W20986">
        <v>57</v>
      </c>
      <c r="X20986">
        <v>58</v>
      </c>
      <c r="Y20986">
        <v>59</v>
      </c>
      <c r="Z20986">
        <v>59</v>
      </c>
      <c r="AA20986">
        <v>60</v>
      </c>
      <c r="AB20986">
        <v>60</v>
      </c>
      <c r="AC20986">
        <v>61</v>
      </c>
      <c r="AD20986">
        <v>61</v>
      </c>
      <c r="AE20986">
        <v>62</v>
      </c>
      <c r="AF20986">
        <v>62</v>
      </c>
      <c r="AG20986">
        <v>63</v>
      </c>
      <c r="AH20986">
        <v>63</v>
      </c>
      <c r="AI20986">
        <v>64</v>
      </c>
      <c r="AJ20986">
        <v>64</v>
      </c>
      <c r="AK20986">
        <v>65</v>
      </c>
      <c r="AL20986">
        <v>65</v>
      </c>
      <c r="AM20986">
        <v>65</v>
      </c>
      <c r="AN20986">
        <v>64</v>
      </c>
      <c r="AO20986">
        <v>64</v>
      </c>
      <c r="AP20986">
        <v>64</v>
      </c>
      <c r="AQ20986">
        <v>64</v>
      </c>
    </row>
    <row r="20987" spans="1:43">
      <c r="A20987" t="s">
        <v>12999</v>
      </c>
      <c r="B20987" t="s">
        <v>13000</v>
      </c>
      <c r="C20987" t="s">
        <v>12991</v>
      </c>
      <c r="D20987" t="s">
        <v>12992</v>
      </c>
      <c r="E20987" t="s">
        <v>12925</v>
      </c>
      <c r="F20987" t="s">
        <v>12926</v>
      </c>
      <c r="G20987" t="s">
        <v>10214</v>
      </c>
      <c r="H20987" t="s">
        <v>10215</v>
      </c>
      <c r="I20987" s="2">
        <v>1</v>
      </c>
      <c r="J20987" s="2">
        <v>0</v>
      </c>
      <c r="K20987" s="2">
        <v>0</v>
      </c>
      <c r="L20987" t="s">
        <v>120</v>
      </c>
      <c r="M20987" t="s">
        <v>87</v>
      </c>
      <c r="N20987" t="s">
        <v>88</v>
      </c>
      <c r="O20987" t="s">
        <v>85</v>
      </c>
      <c r="P20987" t="s">
        <v>86</v>
      </c>
      <c r="Q20987">
        <v>53</v>
      </c>
      <c r="R20987">
        <v>53</v>
      </c>
      <c r="S20987">
        <v>53</v>
      </c>
      <c r="T20987">
        <v>53</v>
      </c>
      <c r="U20987">
        <v>54</v>
      </c>
      <c r="V20987">
        <v>54</v>
      </c>
      <c r="W20987">
        <v>54</v>
      </c>
      <c r="X20987">
        <v>54</v>
      </c>
      <c r="Y20987">
        <v>54</v>
      </c>
      <c r="Z20987">
        <v>54</v>
      </c>
      <c r="AA20987">
        <v>55</v>
      </c>
      <c r="AB20987">
        <v>55</v>
      </c>
      <c r="AC20987">
        <v>55</v>
      </c>
      <c r="AD20987">
        <v>55</v>
      </c>
      <c r="AE20987">
        <v>55</v>
      </c>
      <c r="AF20987">
        <v>55</v>
      </c>
      <c r="AG20987">
        <v>55</v>
      </c>
      <c r="AH20987">
        <v>55</v>
      </c>
      <c r="AI20987">
        <v>56</v>
      </c>
      <c r="AJ20987">
        <v>56</v>
      </c>
      <c r="AK20987">
        <v>56</v>
      </c>
      <c r="AL20987">
        <v>56</v>
      </c>
      <c r="AM20987">
        <v>56</v>
      </c>
      <c r="AN20987">
        <v>56</v>
      </c>
      <c r="AO20987">
        <v>56</v>
      </c>
      <c r="AP20987">
        <v>56</v>
      </c>
      <c r="AQ20987">
        <v>56</v>
      </c>
    </row>
    <row r="20988" spans="1:43">
      <c r="A20988" t="s">
        <v>12999</v>
      </c>
      <c r="B20988" t="s">
        <v>13000</v>
      </c>
      <c r="C20988" t="s">
        <v>12991</v>
      </c>
      <c r="D20988" t="s">
        <v>12992</v>
      </c>
      <c r="E20988" t="s">
        <v>12925</v>
      </c>
      <c r="F20988" t="s">
        <v>12926</v>
      </c>
      <c r="G20988" t="s">
        <v>10214</v>
      </c>
      <c r="H20988" t="s">
        <v>10215</v>
      </c>
      <c r="I20988" s="2">
        <v>1</v>
      </c>
      <c r="J20988" s="2">
        <v>0</v>
      </c>
      <c r="K20988" s="2">
        <v>0</v>
      </c>
      <c r="L20988" t="s">
        <v>120</v>
      </c>
      <c r="M20988" t="s">
        <v>89</v>
      </c>
      <c r="N20988" t="s">
        <v>90</v>
      </c>
      <c r="O20988" t="s">
        <v>85</v>
      </c>
      <c r="P20988" t="s">
        <v>86</v>
      </c>
      <c r="Q20988">
        <v>53</v>
      </c>
      <c r="R20988">
        <v>54</v>
      </c>
      <c r="S20988">
        <v>55</v>
      </c>
      <c r="T20988">
        <v>56</v>
      </c>
      <c r="U20988">
        <v>57</v>
      </c>
      <c r="V20988">
        <v>58</v>
      </c>
      <c r="W20988">
        <v>59</v>
      </c>
      <c r="X20988">
        <v>60</v>
      </c>
      <c r="Y20988">
        <v>61</v>
      </c>
      <c r="Z20988">
        <v>62</v>
      </c>
      <c r="AA20988">
        <v>62</v>
      </c>
      <c r="AB20988">
        <v>63</v>
      </c>
      <c r="AC20988">
        <v>64</v>
      </c>
      <c r="AD20988">
        <v>64</v>
      </c>
      <c r="AE20988">
        <v>65</v>
      </c>
      <c r="AF20988">
        <v>65</v>
      </c>
      <c r="AG20988">
        <v>65</v>
      </c>
      <c r="AH20988">
        <v>65</v>
      </c>
      <c r="AI20988">
        <v>64</v>
      </c>
      <c r="AJ20988">
        <v>64</v>
      </c>
      <c r="AK20988">
        <v>64</v>
      </c>
      <c r="AL20988">
        <v>64</v>
      </c>
      <c r="AM20988">
        <v>64</v>
      </c>
      <c r="AN20988">
        <v>64</v>
      </c>
      <c r="AO20988">
        <v>64</v>
      </c>
      <c r="AP20988">
        <v>64</v>
      </c>
      <c r="AQ20988">
        <v>63</v>
      </c>
    </row>
    <row r="20989" spans="1:43">
      <c r="A20989" t="s">
        <v>12999</v>
      </c>
      <c r="B20989" t="s">
        <v>13000</v>
      </c>
      <c r="C20989" t="s">
        <v>12991</v>
      </c>
      <c r="D20989" t="s">
        <v>12992</v>
      </c>
      <c r="E20989" t="s">
        <v>12925</v>
      </c>
      <c r="F20989" t="s">
        <v>12926</v>
      </c>
      <c r="G20989" t="s">
        <v>10214</v>
      </c>
      <c r="H20989" t="s">
        <v>10215</v>
      </c>
      <c r="I20989" s="2">
        <v>1</v>
      </c>
      <c r="J20989" s="2">
        <v>0</v>
      </c>
      <c r="K20989" s="2">
        <v>0</v>
      </c>
      <c r="L20989" t="s">
        <v>120</v>
      </c>
      <c r="M20989" t="s">
        <v>83</v>
      </c>
      <c r="N20989" t="s">
        <v>91</v>
      </c>
      <c r="O20989" t="s">
        <v>85</v>
      </c>
      <c r="P20989" t="s">
        <v>86</v>
      </c>
      <c r="Q20989">
        <v>53</v>
      </c>
      <c r="R20989">
        <v>54</v>
      </c>
      <c r="S20989">
        <v>55</v>
      </c>
      <c r="T20989">
        <v>55</v>
      </c>
      <c r="U20989">
        <v>56</v>
      </c>
      <c r="V20989">
        <v>57</v>
      </c>
      <c r="W20989">
        <v>57</v>
      </c>
      <c r="X20989">
        <v>58</v>
      </c>
      <c r="Y20989">
        <v>59</v>
      </c>
      <c r="Z20989">
        <v>59</v>
      </c>
      <c r="AA20989">
        <v>60</v>
      </c>
      <c r="AB20989">
        <v>60</v>
      </c>
      <c r="AC20989">
        <v>61</v>
      </c>
      <c r="AD20989">
        <v>61</v>
      </c>
      <c r="AE20989">
        <v>62</v>
      </c>
      <c r="AF20989">
        <v>62</v>
      </c>
      <c r="AG20989">
        <v>63</v>
      </c>
      <c r="AH20989">
        <v>63</v>
      </c>
      <c r="AI20989">
        <v>64</v>
      </c>
      <c r="AJ20989">
        <v>64</v>
      </c>
      <c r="AK20989">
        <v>65</v>
      </c>
      <c r="AL20989">
        <v>65</v>
      </c>
      <c r="AM20989">
        <v>65</v>
      </c>
      <c r="AN20989">
        <v>64</v>
      </c>
      <c r="AO20989">
        <v>64</v>
      </c>
      <c r="AP20989">
        <v>64</v>
      </c>
      <c r="AQ20989">
        <v>64</v>
      </c>
    </row>
    <row r="20990" spans="1:43">
      <c r="A20990" t="s">
        <v>13001</v>
      </c>
      <c r="B20990" t="s">
        <v>13002</v>
      </c>
      <c r="C20990" t="s">
        <v>12991</v>
      </c>
      <c r="D20990" t="s">
        <v>12992</v>
      </c>
      <c r="E20990" t="s">
        <v>12925</v>
      </c>
      <c r="F20990" t="s">
        <v>12926</v>
      </c>
      <c r="G20990" t="s">
        <v>10214</v>
      </c>
      <c r="H20990" t="s">
        <v>10215</v>
      </c>
      <c r="I20990" s="2">
        <v>1</v>
      </c>
      <c r="J20990" s="2">
        <v>0</v>
      </c>
      <c r="K20990" s="2">
        <v>0</v>
      </c>
      <c r="L20990" t="s">
        <v>120</v>
      </c>
      <c r="M20990" t="s">
        <v>83</v>
      </c>
      <c r="N20990" t="s">
        <v>84</v>
      </c>
      <c r="O20990" t="s">
        <v>85</v>
      </c>
      <c r="P20990" t="s">
        <v>86</v>
      </c>
      <c r="Q20990">
        <v>11</v>
      </c>
      <c r="R20990">
        <v>11</v>
      </c>
      <c r="S20990">
        <v>12</v>
      </c>
      <c r="T20990">
        <v>12</v>
      </c>
      <c r="U20990">
        <v>12</v>
      </c>
      <c r="V20990">
        <v>12</v>
      </c>
      <c r="W20990">
        <v>12</v>
      </c>
      <c r="X20990">
        <v>12</v>
      </c>
      <c r="Y20990">
        <v>12</v>
      </c>
      <c r="Z20990">
        <v>13</v>
      </c>
      <c r="AA20990">
        <v>13</v>
      </c>
      <c r="AB20990">
        <v>13</v>
      </c>
      <c r="AC20990">
        <v>13</v>
      </c>
      <c r="AD20990">
        <v>13</v>
      </c>
      <c r="AE20990">
        <v>13</v>
      </c>
      <c r="AF20990">
        <v>13</v>
      </c>
      <c r="AG20990">
        <v>13</v>
      </c>
      <c r="AH20990">
        <v>13</v>
      </c>
      <c r="AI20990">
        <v>14</v>
      </c>
      <c r="AJ20990">
        <v>14</v>
      </c>
      <c r="AK20990">
        <v>14</v>
      </c>
      <c r="AL20990">
        <v>14</v>
      </c>
      <c r="AM20990">
        <v>14</v>
      </c>
      <c r="AN20990">
        <v>14</v>
      </c>
      <c r="AO20990">
        <v>14</v>
      </c>
      <c r="AP20990">
        <v>14</v>
      </c>
      <c r="AQ20990">
        <v>14</v>
      </c>
    </row>
    <row r="20991" spans="1:43">
      <c r="A20991" t="s">
        <v>13001</v>
      </c>
      <c r="B20991" t="s">
        <v>13002</v>
      </c>
      <c r="C20991" t="s">
        <v>12991</v>
      </c>
      <c r="D20991" t="s">
        <v>12992</v>
      </c>
      <c r="E20991" t="s">
        <v>12925</v>
      </c>
      <c r="F20991" t="s">
        <v>12926</v>
      </c>
      <c r="G20991" t="s">
        <v>10214</v>
      </c>
      <c r="H20991" t="s">
        <v>10215</v>
      </c>
      <c r="I20991" s="2">
        <v>1</v>
      </c>
      <c r="J20991" s="2">
        <v>0</v>
      </c>
      <c r="K20991" s="2">
        <v>0</v>
      </c>
      <c r="L20991" t="s">
        <v>120</v>
      </c>
      <c r="M20991" t="s">
        <v>87</v>
      </c>
      <c r="N20991" t="s">
        <v>88</v>
      </c>
      <c r="O20991" t="s">
        <v>85</v>
      </c>
      <c r="P20991" t="s">
        <v>86</v>
      </c>
      <c r="Q20991">
        <v>11</v>
      </c>
      <c r="R20991">
        <v>11</v>
      </c>
      <c r="S20991">
        <v>11</v>
      </c>
      <c r="T20991">
        <v>11</v>
      </c>
      <c r="U20991">
        <v>11</v>
      </c>
      <c r="V20991">
        <v>11</v>
      </c>
      <c r="W20991">
        <v>11</v>
      </c>
      <c r="X20991">
        <v>11</v>
      </c>
      <c r="Y20991">
        <v>12</v>
      </c>
      <c r="Z20991">
        <v>12</v>
      </c>
      <c r="AA20991">
        <v>12</v>
      </c>
      <c r="AB20991">
        <v>12</v>
      </c>
      <c r="AC20991">
        <v>12</v>
      </c>
      <c r="AD20991">
        <v>12</v>
      </c>
      <c r="AE20991">
        <v>12</v>
      </c>
      <c r="AF20991">
        <v>12</v>
      </c>
      <c r="AG20991">
        <v>12</v>
      </c>
      <c r="AH20991">
        <v>12</v>
      </c>
      <c r="AI20991">
        <v>12</v>
      </c>
      <c r="AJ20991">
        <v>12</v>
      </c>
      <c r="AK20991">
        <v>12</v>
      </c>
      <c r="AL20991">
        <v>12</v>
      </c>
      <c r="AM20991">
        <v>12</v>
      </c>
      <c r="AN20991">
        <v>12</v>
      </c>
      <c r="AO20991">
        <v>12</v>
      </c>
      <c r="AP20991">
        <v>12</v>
      </c>
      <c r="AQ20991">
        <v>12</v>
      </c>
    </row>
    <row r="20992" spans="1:43">
      <c r="A20992" t="s">
        <v>13001</v>
      </c>
      <c r="B20992" t="s">
        <v>13002</v>
      </c>
      <c r="C20992" t="s">
        <v>12991</v>
      </c>
      <c r="D20992" t="s">
        <v>12992</v>
      </c>
      <c r="E20992" t="s">
        <v>12925</v>
      </c>
      <c r="F20992" t="s">
        <v>12926</v>
      </c>
      <c r="G20992" t="s">
        <v>10214</v>
      </c>
      <c r="H20992" t="s">
        <v>10215</v>
      </c>
      <c r="I20992" s="2">
        <v>1</v>
      </c>
      <c r="J20992" s="2">
        <v>0</v>
      </c>
      <c r="K20992" s="2">
        <v>0</v>
      </c>
      <c r="L20992" t="s">
        <v>120</v>
      </c>
      <c r="M20992" t="s">
        <v>89</v>
      </c>
      <c r="N20992" t="s">
        <v>90</v>
      </c>
      <c r="O20992" t="s">
        <v>85</v>
      </c>
      <c r="P20992" t="s">
        <v>86</v>
      </c>
      <c r="Q20992">
        <v>11</v>
      </c>
      <c r="R20992">
        <v>12</v>
      </c>
      <c r="S20992">
        <v>12</v>
      </c>
      <c r="T20992">
        <v>12</v>
      </c>
      <c r="U20992">
        <v>12</v>
      </c>
      <c r="V20992">
        <v>13</v>
      </c>
      <c r="W20992">
        <v>13</v>
      </c>
      <c r="X20992">
        <v>13</v>
      </c>
      <c r="Y20992">
        <v>13</v>
      </c>
      <c r="Z20992">
        <v>13</v>
      </c>
      <c r="AA20992">
        <v>13</v>
      </c>
      <c r="AB20992">
        <v>14</v>
      </c>
      <c r="AC20992">
        <v>14</v>
      </c>
      <c r="AD20992">
        <v>14</v>
      </c>
      <c r="AE20992">
        <v>14</v>
      </c>
      <c r="AF20992">
        <v>14</v>
      </c>
      <c r="AG20992">
        <v>14</v>
      </c>
      <c r="AH20992">
        <v>14</v>
      </c>
      <c r="AI20992">
        <v>14</v>
      </c>
      <c r="AJ20992">
        <v>14</v>
      </c>
      <c r="AK20992">
        <v>14</v>
      </c>
      <c r="AL20992">
        <v>14</v>
      </c>
      <c r="AM20992">
        <v>14</v>
      </c>
      <c r="AN20992">
        <v>14</v>
      </c>
      <c r="AO20992">
        <v>14</v>
      </c>
      <c r="AP20992">
        <v>14</v>
      </c>
      <c r="AQ20992">
        <v>14</v>
      </c>
    </row>
    <row r="20993" spans="1:43">
      <c r="A20993" t="s">
        <v>13001</v>
      </c>
      <c r="B20993" t="s">
        <v>13002</v>
      </c>
      <c r="C20993" t="s">
        <v>12991</v>
      </c>
      <c r="D20993" t="s">
        <v>12992</v>
      </c>
      <c r="E20993" t="s">
        <v>12925</v>
      </c>
      <c r="F20993" t="s">
        <v>12926</v>
      </c>
      <c r="G20993" t="s">
        <v>10214</v>
      </c>
      <c r="H20993" t="s">
        <v>10215</v>
      </c>
      <c r="I20993" s="2">
        <v>1</v>
      </c>
      <c r="J20993" s="2">
        <v>0</v>
      </c>
      <c r="K20993" s="2">
        <v>0</v>
      </c>
      <c r="L20993" t="s">
        <v>120</v>
      </c>
      <c r="M20993" t="s">
        <v>83</v>
      </c>
      <c r="N20993" t="s">
        <v>91</v>
      </c>
      <c r="O20993" t="s">
        <v>85</v>
      </c>
      <c r="P20993" t="s">
        <v>86</v>
      </c>
      <c r="Q20993">
        <v>11</v>
      </c>
      <c r="R20993">
        <v>11</v>
      </c>
      <c r="S20993">
        <v>12</v>
      </c>
      <c r="T20993">
        <v>12</v>
      </c>
      <c r="U20993">
        <v>12</v>
      </c>
      <c r="V20993">
        <v>12</v>
      </c>
      <c r="W20993">
        <v>12</v>
      </c>
      <c r="X20993">
        <v>12</v>
      </c>
      <c r="Y20993">
        <v>12</v>
      </c>
      <c r="Z20993">
        <v>13</v>
      </c>
      <c r="AA20993">
        <v>13</v>
      </c>
      <c r="AB20993">
        <v>13</v>
      </c>
      <c r="AC20993">
        <v>13</v>
      </c>
      <c r="AD20993">
        <v>13</v>
      </c>
      <c r="AE20993">
        <v>13</v>
      </c>
      <c r="AF20993">
        <v>13</v>
      </c>
      <c r="AG20993">
        <v>13</v>
      </c>
      <c r="AH20993">
        <v>13</v>
      </c>
      <c r="AI20993">
        <v>14</v>
      </c>
      <c r="AJ20993">
        <v>14</v>
      </c>
      <c r="AK20993">
        <v>14</v>
      </c>
      <c r="AL20993">
        <v>14</v>
      </c>
      <c r="AM20993">
        <v>14</v>
      </c>
      <c r="AN20993">
        <v>14</v>
      </c>
      <c r="AO20993">
        <v>14</v>
      </c>
      <c r="AP20993">
        <v>14</v>
      </c>
      <c r="AQ20993">
        <v>14</v>
      </c>
    </row>
    <row r="20994" spans="1:43">
      <c r="A20994" t="s">
        <v>13003</v>
      </c>
      <c r="B20994" t="s">
        <v>13004</v>
      </c>
      <c r="C20994" t="s">
        <v>13005</v>
      </c>
      <c r="D20994" t="s">
        <v>13006</v>
      </c>
      <c r="E20994" t="s">
        <v>12925</v>
      </c>
      <c r="F20994" t="s">
        <v>12926</v>
      </c>
      <c r="G20994" t="s">
        <v>10214</v>
      </c>
      <c r="H20994" t="s">
        <v>10215</v>
      </c>
      <c r="I20994" s="2">
        <v>1</v>
      </c>
      <c r="J20994" s="2">
        <v>0</v>
      </c>
      <c r="K20994" s="2">
        <v>0</v>
      </c>
      <c r="L20994" t="s">
        <v>120</v>
      </c>
      <c r="M20994" t="s">
        <v>83</v>
      </c>
      <c r="N20994" t="s">
        <v>84</v>
      </c>
      <c r="O20994" t="s">
        <v>85</v>
      </c>
      <c r="P20994" t="s">
        <v>86</v>
      </c>
      <c r="Q20994">
        <v>103</v>
      </c>
      <c r="R20994">
        <v>104</v>
      </c>
      <c r="S20994">
        <v>105</v>
      </c>
      <c r="T20994">
        <v>107</v>
      </c>
      <c r="U20994">
        <v>108</v>
      </c>
      <c r="V20994">
        <v>109</v>
      </c>
      <c r="W20994">
        <v>110</v>
      </c>
      <c r="X20994">
        <v>111</v>
      </c>
      <c r="Y20994">
        <v>113</v>
      </c>
      <c r="Z20994">
        <v>114</v>
      </c>
      <c r="AA20994">
        <v>115</v>
      </c>
      <c r="AB20994">
        <v>116</v>
      </c>
      <c r="AC20994">
        <v>117</v>
      </c>
      <c r="AD20994">
        <v>118</v>
      </c>
      <c r="AE20994">
        <v>119</v>
      </c>
      <c r="AF20994">
        <v>120</v>
      </c>
      <c r="AG20994">
        <v>121</v>
      </c>
      <c r="AH20994">
        <v>122</v>
      </c>
      <c r="AI20994">
        <v>123</v>
      </c>
      <c r="AJ20994">
        <v>123</v>
      </c>
      <c r="AK20994">
        <v>124</v>
      </c>
      <c r="AL20994">
        <v>125</v>
      </c>
      <c r="AM20994">
        <v>124</v>
      </c>
      <c r="AN20994">
        <v>124</v>
      </c>
      <c r="AO20994">
        <v>124</v>
      </c>
      <c r="AP20994">
        <v>124</v>
      </c>
      <c r="AQ20994">
        <v>124</v>
      </c>
    </row>
    <row r="20995" spans="1:43">
      <c r="A20995" t="s">
        <v>13003</v>
      </c>
      <c r="B20995" t="s">
        <v>13004</v>
      </c>
      <c r="C20995" t="s">
        <v>13005</v>
      </c>
      <c r="D20995" t="s">
        <v>13006</v>
      </c>
      <c r="E20995" t="s">
        <v>12925</v>
      </c>
      <c r="F20995" t="s">
        <v>12926</v>
      </c>
      <c r="G20995" t="s">
        <v>10214</v>
      </c>
      <c r="H20995" t="s">
        <v>10215</v>
      </c>
      <c r="I20995" s="2">
        <v>1</v>
      </c>
      <c r="J20995" s="2">
        <v>0</v>
      </c>
      <c r="K20995" s="2">
        <v>0</v>
      </c>
      <c r="L20995" t="s">
        <v>120</v>
      </c>
      <c r="M20995" t="s">
        <v>87</v>
      </c>
      <c r="N20995" t="s">
        <v>88</v>
      </c>
      <c r="O20995" t="s">
        <v>85</v>
      </c>
      <c r="P20995" t="s">
        <v>86</v>
      </c>
      <c r="Q20995">
        <v>103</v>
      </c>
      <c r="R20995">
        <v>103</v>
      </c>
      <c r="S20995">
        <v>104</v>
      </c>
      <c r="T20995">
        <v>104</v>
      </c>
      <c r="U20995">
        <v>104</v>
      </c>
      <c r="V20995">
        <v>104</v>
      </c>
      <c r="W20995">
        <v>105</v>
      </c>
      <c r="X20995">
        <v>105</v>
      </c>
      <c r="Y20995">
        <v>105</v>
      </c>
      <c r="Z20995">
        <v>105</v>
      </c>
      <c r="AA20995">
        <v>106</v>
      </c>
      <c r="AB20995">
        <v>106</v>
      </c>
      <c r="AC20995">
        <v>106</v>
      </c>
      <c r="AD20995">
        <v>106</v>
      </c>
      <c r="AE20995">
        <v>106</v>
      </c>
      <c r="AF20995">
        <v>107</v>
      </c>
      <c r="AG20995">
        <v>107</v>
      </c>
      <c r="AH20995">
        <v>107</v>
      </c>
      <c r="AI20995">
        <v>107</v>
      </c>
      <c r="AJ20995">
        <v>107</v>
      </c>
      <c r="AK20995">
        <v>107</v>
      </c>
      <c r="AL20995">
        <v>107</v>
      </c>
      <c r="AM20995">
        <v>108</v>
      </c>
      <c r="AN20995">
        <v>108</v>
      </c>
      <c r="AO20995">
        <v>108</v>
      </c>
      <c r="AP20995">
        <v>108</v>
      </c>
      <c r="AQ20995">
        <v>108</v>
      </c>
    </row>
    <row r="20996" spans="1:43">
      <c r="A20996" t="s">
        <v>13003</v>
      </c>
      <c r="B20996" t="s">
        <v>13004</v>
      </c>
      <c r="C20996" t="s">
        <v>13005</v>
      </c>
      <c r="D20996" t="s">
        <v>13006</v>
      </c>
      <c r="E20996" t="s">
        <v>12925</v>
      </c>
      <c r="F20996" t="s">
        <v>12926</v>
      </c>
      <c r="G20996" t="s">
        <v>10214</v>
      </c>
      <c r="H20996" t="s">
        <v>10215</v>
      </c>
      <c r="I20996" s="2">
        <v>1</v>
      </c>
      <c r="J20996" s="2">
        <v>0</v>
      </c>
      <c r="K20996" s="2">
        <v>0</v>
      </c>
      <c r="L20996" t="s">
        <v>120</v>
      </c>
      <c r="M20996" t="s">
        <v>89</v>
      </c>
      <c r="N20996" t="s">
        <v>90</v>
      </c>
      <c r="O20996" t="s">
        <v>85</v>
      </c>
      <c r="P20996" t="s">
        <v>86</v>
      </c>
      <c r="Q20996">
        <v>103</v>
      </c>
      <c r="R20996">
        <v>105</v>
      </c>
      <c r="S20996">
        <v>107</v>
      </c>
      <c r="T20996">
        <v>109</v>
      </c>
      <c r="U20996">
        <v>111</v>
      </c>
      <c r="V20996">
        <v>113</v>
      </c>
      <c r="W20996">
        <v>115</v>
      </c>
      <c r="X20996">
        <v>116</v>
      </c>
      <c r="Y20996">
        <v>118</v>
      </c>
      <c r="Z20996">
        <v>120</v>
      </c>
      <c r="AA20996">
        <v>121</v>
      </c>
      <c r="AB20996">
        <v>123</v>
      </c>
      <c r="AC20996">
        <v>124</v>
      </c>
      <c r="AD20996">
        <v>126</v>
      </c>
      <c r="AE20996">
        <v>126</v>
      </c>
      <c r="AF20996">
        <v>126</v>
      </c>
      <c r="AG20996">
        <v>126</v>
      </c>
      <c r="AH20996">
        <v>126</v>
      </c>
      <c r="AI20996">
        <v>126</v>
      </c>
      <c r="AJ20996">
        <v>126</v>
      </c>
      <c r="AK20996">
        <v>126</v>
      </c>
      <c r="AL20996">
        <v>126</v>
      </c>
      <c r="AM20996">
        <v>125</v>
      </c>
      <c r="AN20996">
        <v>125</v>
      </c>
      <c r="AO20996">
        <v>125</v>
      </c>
      <c r="AP20996">
        <v>125</v>
      </c>
      <c r="AQ20996">
        <v>124</v>
      </c>
    </row>
    <row r="20997" spans="1:43">
      <c r="A20997" t="s">
        <v>13003</v>
      </c>
      <c r="B20997" t="s">
        <v>13004</v>
      </c>
      <c r="C20997" t="s">
        <v>13005</v>
      </c>
      <c r="D20997" t="s">
        <v>13006</v>
      </c>
      <c r="E20997" t="s">
        <v>12925</v>
      </c>
      <c r="F20997" t="s">
        <v>12926</v>
      </c>
      <c r="G20997" t="s">
        <v>10214</v>
      </c>
      <c r="H20997" t="s">
        <v>10215</v>
      </c>
      <c r="I20997" s="2">
        <v>1</v>
      </c>
      <c r="J20997" s="2">
        <v>0</v>
      </c>
      <c r="K20997" s="2">
        <v>0</v>
      </c>
      <c r="L20997" t="s">
        <v>120</v>
      </c>
      <c r="M20997" t="s">
        <v>83</v>
      </c>
      <c r="N20997" t="s">
        <v>91</v>
      </c>
      <c r="O20997" t="s">
        <v>85</v>
      </c>
      <c r="P20997" t="s">
        <v>86</v>
      </c>
      <c r="Q20997">
        <v>103</v>
      </c>
      <c r="R20997">
        <v>104</v>
      </c>
      <c r="S20997">
        <v>105</v>
      </c>
      <c r="T20997">
        <v>107</v>
      </c>
      <c r="U20997">
        <v>108</v>
      </c>
      <c r="V20997">
        <v>109</v>
      </c>
      <c r="W20997">
        <v>110</v>
      </c>
      <c r="X20997">
        <v>111</v>
      </c>
      <c r="Y20997">
        <v>113</v>
      </c>
      <c r="Z20997">
        <v>114</v>
      </c>
      <c r="AA20997">
        <v>115</v>
      </c>
      <c r="AB20997">
        <v>116</v>
      </c>
      <c r="AC20997">
        <v>117</v>
      </c>
      <c r="AD20997">
        <v>118</v>
      </c>
      <c r="AE20997">
        <v>119</v>
      </c>
      <c r="AF20997">
        <v>120</v>
      </c>
      <c r="AG20997">
        <v>121</v>
      </c>
      <c r="AH20997">
        <v>122</v>
      </c>
      <c r="AI20997">
        <v>123</v>
      </c>
      <c r="AJ20997">
        <v>123</v>
      </c>
      <c r="AK20997">
        <v>124</v>
      </c>
      <c r="AL20997">
        <v>125</v>
      </c>
      <c r="AM20997">
        <v>124</v>
      </c>
      <c r="AN20997">
        <v>124</v>
      </c>
      <c r="AO20997">
        <v>124</v>
      </c>
      <c r="AP20997">
        <v>124</v>
      </c>
      <c r="AQ20997">
        <v>124</v>
      </c>
    </row>
    <row r="20998" spans="1:43">
      <c r="A20998" t="s">
        <v>13007</v>
      </c>
      <c r="B20998" t="s">
        <v>13008</v>
      </c>
      <c r="C20998" t="s">
        <v>13005</v>
      </c>
      <c r="D20998" t="s">
        <v>13006</v>
      </c>
      <c r="E20998" t="s">
        <v>12925</v>
      </c>
      <c r="F20998" t="s">
        <v>12926</v>
      </c>
      <c r="G20998" t="s">
        <v>10214</v>
      </c>
      <c r="H20998" t="s">
        <v>10215</v>
      </c>
      <c r="I20998" s="2">
        <v>1</v>
      </c>
      <c r="J20998" s="2">
        <v>0</v>
      </c>
      <c r="K20998" s="2">
        <v>0</v>
      </c>
      <c r="L20998" t="s">
        <v>120</v>
      </c>
      <c r="M20998" t="s">
        <v>83</v>
      </c>
      <c r="N20998" t="s">
        <v>84</v>
      </c>
      <c r="O20998" t="s">
        <v>85</v>
      </c>
      <c r="P20998" t="s">
        <v>86</v>
      </c>
      <c r="Q20998">
        <v>36</v>
      </c>
      <c r="R20998">
        <v>36</v>
      </c>
      <c r="S20998">
        <v>37</v>
      </c>
      <c r="T20998">
        <v>37</v>
      </c>
      <c r="U20998">
        <v>38</v>
      </c>
      <c r="V20998">
        <v>38</v>
      </c>
      <c r="W20998">
        <v>38</v>
      </c>
      <c r="X20998">
        <v>39</v>
      </c>
      <c r="Y20998">
        <v>39</v>
      </c>
      <c r="Z20998">
        <v>40</v>
      </c>
      <c r="AA20998">
        <v>40</v>
      </c>
      <c r="AB20998">
        <v>40</v>
      </c>
      <c r="AC20998">
        <v>41</v>
      </c>
      <c r="AD20998">
        <v>41</v>
      </c>
      <c r="AE20998">
        <v>41</v>
      </c>
      <c r="AF20998">
        <v>42</v>
      </c>
      <c r="AG20998">
        <v>42</v>
      </c>
      <c r="AH20998">
        <v>42</v>
      </c>
      <c r="AI20998">
        <v>42</v>
      </c>
      <c r="AJ20998">
        <v>43</v>
      </c>
      <c r="AK20998">
        <v>43</v>
      </c>
      <c r="AL20998">
        <v>43</v>
      </c>
      <c r="AM20998">
        <v>43</v>
      </c>
      <c r="AN20998">
        <v>43</v>
      </c>
      <c r="AO20998">
        <v>43</v>
      </c>
      <c r="AP20998">
        <v>43</v>
      </c>
      <c r="AQ20998">
        <v>43</v>
      </c>
    </row>
    <row r="20999" spans="1:43">
      <c r="A20999" t="s">
        <v>13007</v>
      </c>
      <c r="B20999" t="s">
        <v>13008</v>
      </c>
      <c r="C20999" t="s">
        <v>13005</v>
      </c>
      <c r="D20999" t="s">
        <v>13006</v>
      </c>
      <c r="E20999" t="s">
        <v>12925</v>
      </c>
      <c r="F20999" t="s">
        <v>12926</v>
      </c>
      <c r="G20999" t="s">
        <v>10214</v>
      </c>
      <c r="H20999" t="s">
        <v>10215</v>
      </c>
      <c r="I20999" s="2">
        <v>1</v>
      </c>
      <c r="J20999" s="2">
        <v>0</v>
      </c>
      <c r="K20999" s="2">
        <v>0</v>
      </c>
      <c r="L20999" t="s">
        <v>120</v>
      </c>
      <c r="M20999" t="s">
        <v>87</v>
      </c>
      <c r="N20999" t="s">
        <v>88</v>
      </c>
      <c r="O20999" t="s">
        <v>85</v>
      </c>
      <c r="P20999" t="s">
        <v>86</v>
      </c>
      <c r="Q20999">
        <v>36</v>
      </c>
      <c r="R20999">
        <v>36</v>
      </c>
      <c r="S20999">
        <v>36</v>
      </c>
      <c r="T20999">
        <v>36</v>
      </c>
      <c r="U20999">
        <v>36</v>
      </c>
      <c r="V20999">
        <v>36</v>
      </c>
      <c r="W20999">
        <v>36</v>
      </c>
      <c r="X20999">
        <v>36</v>
      </c>
      <c r="Y20999">
        <v>36</v>
      </c>
      <c r="Z20999">
        <v>36</v>
      </c>
      <c r="AA20999">
        <v>36</v>
      </c>
      <c r="AB20999">
        <v>36</v>
      </c>
      <c r="AC20999">
        <v>36</v>
      </c>
      <c r="AD20999">
        <v>37</v>
      </c>
      <c r="AE20999">
        <v>37</v>
      </c>
      <c r="AF20999">
        <v>37</v>
      </c>
      <c r="AG20999">
        <v>37</v>
      </c>
      <c r="AH20999">
        <v>37</v>
      </c>
      <c r="AI20999">
        <v>37</v>
      </c>
      <c r="AJ20999">
        <v>37</v>
      </c>
      <c r="AK20999">
        <v>37</v>
      </c>
      <c r="AL20999">
        <v>37</v>
      </c>
      <c r="AM20999">
        <v>37</v>
      </c>
      <c r="AN20999">
        <v>37</v>
      </c>
      <c r="AO20999">
        <v>37</v>
      </c>
      <c r="AP20999">
        <v>37</v>
      </c>
      <c r="AQ20999">
        <v>37</v>
      </c>
    </row>
    <row r="21000" spans="1:43">
      <c r="A21000" t="s">
        <v>13007</v>
      </c>
      <c r="B21000" t="s">
        <v>13008</v>
      </c>
      <c r="C21000" t="s">
        <v>13005</v>
      </c>
      <c r="D21000" t="s">
        <v>13006</v>
      </c>
      <c r="E21000" t="s">
        <v>12925</v>
      </c>
      <c r="F21000" t="s">
        <v>12926</v>
      </c>
      <c r="G21000" t="s">
        <v>10214</v>
      </c>
      <c r="H21000" t="s">
        <v>10215</v>
      </c>
      <c r="I21000" s="2">
        <v>1</v>
      </c>
      <c r="J21000" s="2">
        <v>0</v>
      </c>
      <c r="K21000" s="2">
        <v>0</v>
      </c>
      <c r="L21000" t="s">
        <v>120</v>
      </c>
      <c r="M21000" t="s">
        <v>89</v>
      </c>
      <c r="N21000" t="s">
        <v>90</v>
      </c>
      <c r="O21000" t="s">
        <v>85</v>
      </c>
      <c r="P21000" t="s">
        <v>86</v>
      </c>
      <c r="Q21000">
        <v>36</v>
      </c>
      <c r="R21000">
        <v>37</v>
      </c>
      <c r="S21000">
        <v>38</v>
      </c>
      <c r="T21000">
        <v>38</v>
      </c>
      <c r="U21000">
        <v>39</v>
      </c>
      <c r="V21000">
        <v>40</v>
      </c>
      <c r="W21000">
        <v>40</v>
      </c>
      <c r="X21000">
        <v>41</v>
      </c>
      <c r="Y21000">
        <v>41</v>
      </c>
      <c r="Z21000">
        <v>42</v>
      </c>
      <c r="AA21000">
        <v>42</v>
      </c>
      <c r="AB21000">
        <v>43</v>
      </c>
      <c r="AC21000">
        <v>43</v>
      </c>
      <c r="AD21000">
        <v>44</v>
      </c>
      <c r="AE21000">
        <v>44</v>
      </c>
      <c r="AF21000">
        <v>44</v>
      </c>
      <c r="AG21000">
        <v>44</v>
      </c>
      <c r="AH21000">
        <v>44</v>
      </c>
      <c r="AI21000">
        <v>44</v>
      </c>
      <c r="AJ21000">
        <v>44</v>
      </c>
      <c r="AK21000">
        <v>44</v>
      </c>
      <c r="AL21000">
        <v>43</v>
      </c>
      <c r="AM21000">
        <v>43</v>
      </c>
      <c r="AN21000">
        <v>43</v>
      </c>
      <c r="AO21000">
        <v>43</v>
      </c>
      <c r="AP21000">
        <v>43</v>
      </c>
      <c r="AQ21000">
        <v>43</v>
      </c>
    </row>
    <row r="21001" spans="1:43">
      <c r="A21001" t="s">
        <v>13007</v>
      </c>
      <c r="B21001" t="s">
        <v>13008</v>
      </c>
      <c r="C21001" t="s">
        <v>13005</v>
      </c>
      <c r="D21001" t="s">
        <v>13006</v>
      </c>
      <c r="E21001" t="s">
        <v>12925</v>
      </c>
      <c r="F21001" t="s">
        <v>12926</v>
      </c>
      <c r="G21001" t="s">
        <v>10214</v>
      </c>
      <c r="H21001" t="s">
        <v>10215</v>
      </c>
      <c r="I21001" s="2">
        <v>1</v>
      </c>
      <c r="J21001" s="2">
        <v>0</v>
      </c>
      <c r="K21001" s="2">
        <v>0</v>
      </c>
      <c r="L21001" t="s">
        <v>120</v>
      </c>
      <c r="M21001" t="s">
        <v>83</v>
      </c>
      <c r="N21001" t="s">
        <v>91</v>
      </c>
      <c r="O21001" t="s">
        <v>85</v>
      </c>
      <c r="P21001" t="s">
        <v>86</v>
      </c>
      <c r="Q21001">
        <v>36</v>
      </c>
      <c r="R21001">
        <v>36</v>
      </c>
      <c r="S21001">
        <v>37</v>
      </c>
      <c r="T21001">
        <v>37</v>
      </c>
      <c r="U21001">
        <v>38</v>
      </c>
      <c r="V21001">
        <v>38</v>
      </c>
      <c r="W21001">
        <v>38</v>
      </c>
      <c r="X21001">
        <v>39</v>
      </c>
      <c r="Y21001">
        <v>39</v>
      </c>
      <c r="Z21001">
        <v>40</v>
      </c>
      <c r="AA21001">
        <v>40</v>
      </c>
      <c r="AB21001">
        <v>40</v>
      </c>
      <c r="AC21001">
        <v>41</v>
      </c>
      <c r="AD21001">
        <v>41</v>
      </c>
      <c r="AE21001">
        <v>41</v>
      </c>
      <c r="AF21001">
        <v>42</v>
      </c>
      <c r="AG21001">
        <v>42</v>
      </c>
      <c r="AH21001">
        <v>42</v>
      </c>
      <c r="AI21001">
        <v>42</v>
      </c>
      <c r="AJ21001">
        <v>43</v>
      </c>
      <c r="AK21001">
        <v>43</v>
      </c>
      <c r="AL21001">
        <v>43</v>
      </c>
      <c r="AM21001">
        <v>43</v>
      </c>
      <c r="AN21001">
        <v>43</v>
      </c>
      <c r="AO21001">
        <v>43</v>
      </c>
      <c r="AP21001">
        <v>43</v>
      </c>
      <c r="AQ21001">
        <v>43</v>
      </c>
    </row>
    <row r="21002" spans="1:43">
      <c r="A21002" t="s">
        <v>13009</v>
      </c>
      <c r="B21002" t="s">
        <v>13010</v>
      </c>
      <c r="C21002" t="s">
        <v>13011</v>
      </c>
      <c r="D21002" t="s">
        <v>13012</v>
      </c>
      <c r="E21002" t="s">
        <v>12925</v>
      </c>
      <c r="F21002" t="s">
        <v>12926</v>
      </c>
      <c r="G21002" t="s">
        <v>10214</v>
      </c>
      <c r="H21002" t="s">
        <v>10215</v>
      </c>
      <c r="I21002" s="2">
        <v>1</v>
      </c>
      <c r="J21002" s="2">
        <v>0</v>
      </c>
      <c r="K21002" s="2">
        <v>0</v>
      </c>
      <c r="L21002" t="s">
        <v>120</v>
      </c>
      <c r="M21002" t="s">
        <v>83</v>
      </c>
      <c r="N21002" t="s">
        <v>84</v>
      </c>
      <c r="O21002" t="s">
        <v>85</v>
      </c>
      <c r="P21002" t="s">
        <v>86</v>
      </c>
      <c r="Q21002">
        <v>97</v>
      </c>
      <c r="R21002">
        <v>98</v>
      </c>
      <c r="S21002">
        <v>99</v>
      </c>
      <c r="T21002">
        <v>100</v>
      </c>
      <c r="U21002">
        <v>101</v>
      </c>
      <c r="V21002">
        <v>102</v>
      </c>
      <c r="W21002">
        <v>103</v>
      </c>
      <c r="X21002">
        <v>104</v>
      </c>
      <c r="Y21002">
        <v>105</v>
      </c>
      <c r="Z21002">
        <v>106</v>
      </c>
      <c r="AA21002">
        <v>107</v>
      </c>
      <c r="AB21002">
        <v>108</v>
      </c>
      <c r="AC21002">
        <v>109</v>
      </c>
      <c r="AD21002">
        <v>110</v>
      </c>
      <c r="AE21002">
        <v>111</v>
      </c>
      <c r="AF21002">
        <v>112</v>
      </c>
      <c r="AG21002">
        <v>113</v>
      </c>
      <c r="AH21002">
        <v>113</v>
      </c>
      <c r="AI21002">
        <v>114</v>
      </c>
      <c r="AJ21002">
        <v>115</v>
      </c>
      <c r="AK21002">
        <v>116</v>
      </c>
      <c r="AL21002">
        <v>116</v>
      </c>
      <c r="AM21002">
        <v>116</v>
      </c>
      <c r="AN21002">
        <v>115</v>
      </c>
      <c r="AO21002">
        <v>115</v>
      </c>
      <c r="AP21002">
        <v>115</v>
      </c>
      <c r="AQ21002">
        <v>114</v>
      </c>
    </row>
    <row r="21003" spans="1:43">
      <c r="A21003" t="s">
        <v>13009</v>
      </c>
      <c r="B21003" t="s">
        <v>13010</v>
      </c>
      <c r="C21003" t="s">
        <v>13011</v>
      </c>
      <c r="D21003" t="s">
        <v>13012</v>
      </c>
      <c r="E21003" t="s">
        <v>12925</v>
      </c>
      <c r="F21003" t="s">
        <v>12926</v>
      </c>
      <c r="G21003" t="s">
        <v>10214</v>
      </c>
      <c r="H21003" t="s">
        <v>10215</v>
      </c>
      <c r="I21003" s="2">
        <v>1</v>
      </c>
      <c r="J21003" s="2">
        <v>0</v>
      </c>
      <c r="K21003" s="2">
        <v>0</v>
      </c>
      <c r="L21003" t="s">
        <v>120</v>
      </c>
      <c r="M21003" t="s">
        <v>87</v>
      </c>
      <c r="N21003" t="s">
        <v>88</v>
      </c>
      <c r="O21003" t="s">
        <v>85</v>
      </c>
      <c r="P21003" t="s">
        <v>86</v>
      </c>
      <c r="Q21003">
        <v>97</v>
      </c>
      <c r="R21003">
        <v>97</v>
      </c>
      <c r="S21003">
        <v>97</v>
      </c>
      <c r="T21003">
        <v>97</v>
      </c>
      <c r="U21003">
        <v>98</v>
      </c>
      <c r="V21003">
        <v>98</v>
      </c>
      <c r="W21003">
        <v>98</v>
      </c>
      <c r="X21003">
        <v>98</v>
      </c>
      <c r="Y21003">
        <v>98</v>
      </c>
      <c r="Z21003">
        <v>99</v>
      </c>
      <c r="AA21003">
        <v>99</v>
      </c>
      <c r="AB21003">
        <v>99</v>
      </c>
      <c r="AC21003">
        <v>99</v>
      </c>
      <c r="AD21003">
        <v>99</v>
      </c>
      <c r="AE21003">
        <v>100</v>
      </c>
      <c r="AF21003">
        <v>100</v>
      </c>
      <c r="AG21003">
        <v>100</v>
      </c>
      <c r="AH21003">
        <v>100</v>
      </c>
      <c r="AI21003">
        <v>100</v>
      </c>
      <c r="AJ21003">
        <v>100</v>
      </c>
      <c r="AK21003">
        <v>100</v>
      </c>
      <c r="AL21003">
        <v>100</v>
      </c>
      <c r="AM21003">
        <v>100</v>
      </c>
      <c r="AN21003">
        <v>100</v>
      </c>
      <c r="AO21003">
        <v>101</v>
      </c>
      <c r="AP21003">
        <v>101</v>
      </c>
      <c r="AQ21003">
        <v>101</v>
      </c>
    </row>
    <row r="21004" spans="1:43">
      <c r="A21004" t="s">
        <v>13009</v>
      </c>
      <c r="B21004" t="s">
        <v>13010</v>
      </c>
      <c r="C21004" t="s">
        <v>13011</v>
      </c>
      <c r="D21004" t="s">
        <v>13012</v>
      </c>
      <c r="E21004" t="s">
        <v>12925</v>
      </c>
      <c r="F21004" t="s">
        <v>12926</v>
      </c>
      <c r="G21004" t="s">
        <v>10214</v>
      </c>
      <c r="H21004" t="s">
        <v>10215</v>
      </c>
      <c r="I21004" s="2">
        <v>1</v>
      </c>
      <c r="J21004" s="2">
        <v>0</v>
      </c>
      <c r="K21004" s="2">
        <v>0</v>
      </c>
      <c r="L21004" t="s">
        <v>120</v>
      </c>
      <c r="M21004" t="s">
        <v>89</v>
      </c>
      <c r="N21004" t="s">
        <v>90</v>
      </c>
      <c r="O21004" t="s">
        <v>85</v>
      </c>
      <c r="P21004" t="s">
        <v>86</v>
      </c>
      <c r="Q21004">
        <v>97</v>
      </c>
      <c r="R21004">
        <v>99</v>
      </c>
      <c r="S21004">
        <v>101</v>
      </c>
      <c r="T21004">
        <v>103</v>
      </c>
      <c r="U21004">
        <v>105</v>
      </c>
      <c r="V21004">
        <v>107</v>
      </c>
      <c r="W21004">
        <v>108</v>
      </c>
      <c r="X21004">
        <v>110</v>
      </c>
      <c r="Y21004">
        <v>111</v>
      </c>
      <c r="Z21004">
        <v>113</v>
      </c>
      <c r="AA21004">
        <v>114</v>
      </c>
      <c r="AB21004">
        <v>115</v>
      </c>
      <c r="AC21004">
        <v>117</v>
      </c>
      <c r="AD21004">
        <v>118</v>
      </c>
      <c r="AE21004">
        <v>119</v>
      </c>
      <c r="AF21004">
        <v>119</v>
      </c>
      <c r="AG21004">
        <v>118</v>
      </c>
      <c r="AH21004">
        <v>118</v>
      </c>
      <c r="AI21004">
        <v>118</v>
      </c>
      <c r="AJ21004">
        <v>118</v>
      </c>
      <c r="AK21004">
        <v>117</v>
      </c>
      <c r="AL21004">
        <v>117</v>
      </c>
      <c r="AM21004">
        <v>117</v>
      </c>
      <c r="AN21004">
        <v>116</v>
      </c>
      <c r="AO21004">
        <v>116</v>
      </c>
      <c r="AP21004">
        <v>116</v>
      </c>
      <c r="AQ21004">
        <v>116</v>
      </c>
    </row>
    <row r="21005" spans="1:43">
      <c r="A21005" t="s">
        <v>13009</v>
      </c>
      <c r="B21005" t="s">
        <v>13010</v>
      </c>
      <c r="C21005" t="s">
        <v>13011</v>
      </c>
      <c r="D21005" t="s">
        <v>13012</v>
      </c>
      <c r="E21005" t="s">
        <v>12925</v>
      </c>
      <c r="F21005" t="s">
        <v>12926</v>
      </c>
      <c r="G21005" t="s">
        <v>10214</v>
      </c>
      <c r="H21005" t="s">
        <v>10215</v>
      </c>
      <c r="I21005" s="2">
        <v>1</v>
      </c>
      <c r="J21005" s="2">
        <v>0</v>
      </c>
      <c r="K21005" s="2">
        <v>0</v>
      </c>
      <c r="L21005" t="s">
        <v>120</v>
      </c>
      <c r="M21005" t="s">
        <v>83</v>
      </c>
      <c r="N21005" t="s">
        <v>91</v>
      </c>
      <c r="O21005" t="s">
        <v>85</v>
      </c>
      <c r="P21005" t="s">
        <v>86</v>
      </c>
      <c r="Q21005">
        <v>97</v>
      </c>
      <c r="R21005">
        <v>98</v>
      </c>
      <c r="S21005">
        <v>99</v>
      </c>
      <c r="T21005">
        <v>100</v>
      </c>
      <c r="U21005">
        <v>101</v>
      </c>
      <c r="V21005">
        <v>102</v>
      </c>
      <c r="W21005">
        <v>103</v>
      </c>
      <c r="X21005">
        <v>104</v>
      </c>
      <c r="Y21005">
        <v>105</v>
      </c>
      <c r="Z21005">
        <v>106</v>
      </c>
      <c r="AA21005">
        <v>107</v>
      </c>
      <c r="AB21005">
        <v>108</v>
      </c>
      <c r="AC21005">
        <v>109</v>
      </c>
      <c r="AD21005">
        <v>110</v>
      </c>
      <c r="AE21005">
        <v>111</v>
      </c>
      <c r="AF21005">
        <v>112</v>
      </c>
      <c r="AG21005">
        <v>113</v>
      </c>
      <c r="AH21005">
        <v>113</v>
      </c>
      <c r="AI21005">
        <v>114</v>
      </c>
      <c r="AJ21005">
        <v>115</v>
      </c>
      <c r="AK21005">
        <v>116</v>
      </c>
      <c r="AL21005">
        <v>116</v>
      </c>
      <c r="AM21005">
        <v>116</v>
      </c>
      <c r="AN21005">
        <v>115</v>
      </c>
      <c r="AO21005">
        <v>115</v>
      </c>
      <c r="AP21005">
        <v>115</v>
      </c>
      <c r="AQ21005">
        <v>114</v>
      </c>
    </row>
    <row r="21006" spans="1:43">
      <c r="A21006" t="s">
        <v>13013</v>
      </c>
      <c r="B21006" t="s">
        <v>13014</v>
      </c>
      <c r="C21006" t="s">
        <v>13011</v>
      </c>
      <c r="D21006" t="s">
        <v>13012</v>
      </c>
      <c r="E21006" t="s">
        <v>12925</v>
      </c>
      <c r="F21006" t="s">
        <v>12926</v>
      </c>
      <c r="G21006" t="s">
        <v>10214</v>
      </c>
      <c r="H21006" t="s">
        <v>10215</v>
      </c>
      <c r="I21006" s="2">
        <v>1</v>
      </c>
      <c r="J21006" s="2">
        <v>0</v>
      </c>
      <c r="K21006" s="2">
        <v>0</v>
      </c>
      <c r="L21006" t="s">
        <v>120</v>
      </c>
      <c r="M21006" t="s">
        <v>83</v>
      </c>
      <c r="N21006" t="s">
        <v>84</v>
      </c>
      <c r="O21006" t="s">
        <v>85</v>
      </c>
      <c r="P21006" t="s">
        <v>86</v>
      </c>
      <c r="Q21006">
        <v>57</v>
      </c>
      <c r="R21006">
        <v>57</v>
      </c>
      <c r="S21006">
        <v>58</v>
      </c>
      <c r="T21006">
        <v>59</v>
      </c>
      <c r="U21006">
        <v>59</v>
      </c>
      <c r="V21006">
        <v>60</v>
      </c>
      <c r="W21006">
        <v>61</v>
      </c>
      <c r="X21006">
        <v>61</v>
      </c>
      <c r="Y21006">
        <v>62</v>
      </c>
      <c r="Z21006">
        <v>62</v>
      </c>
      <c r="AA21006">
        <v>63</v>
      </c>
      <c r="AB21006">
        <v>63</v>
      </c>
      <c r="AC21006">
        <v>64</v>
      </c>
      <c r="AD21006">
        <v>64</v>
      </c>
      <c r="AE21006">
        <v>65</v>
      </c>
      <c r="AF21006">
        <v>65</v>
      </c>
      <c r="AG21006">
        <v>66</v>
      </c>
      <c r="AH21006">
        <v>66</v>
      </c>
      <c r="AI21006">
        <v>67</v>
      </c>
      <c r="AJ21006">
        <v>67</v>
      </c>
      <c r="AK21006">
        <v>68</v>
      </c>
      <c r="AL21006">
        <v>68</v>
      </c>
      <c r="AM21006">
        <v>67</v>
      </c>
      <c r="AN21006">
        <v>67</v>
      </c>
      <c r="AO21006">
        <v>67</v>
      </c>
      <c r="AP21006">
        <v>67</v>
      </c>
      <c r="AQ21006">
        <v>67</v>
      </c>
    </row>
    <row r="21007" spans="1:43">
      <c r="A21007" t="s">
        <v>13013</v>
      </c>
      <c r="B21007" t="s">
        <v>13014</v>
      </c>
      <c r="C21007" t="s">
        <v>13011</v>
      </c>
      <c r="D21007" t="s">
        <v>13012</v>
      </c>
      <c r="E21007" t="s">
        <v>12925</v>
      </c>
      <c r="F21007" t="s">
        <v>12926</v>
      </c>
      <c r="G21007" t="s">
        <v>10214</v>
      </c>
      <c r="H21007" t="s">
        <v>10215</v>
      </c>
      <c r="I21007" s="2">
        <v>1</v>
      </c>
      <c r="J21007" s="2">
        <v>0</v>
      </c>
      <c r="K21007" s="2">
        <v>0</v>
      </c>
      <c r="L21007" t="s">
        <v>120</v>
      </c>
      <c r="M21007" t="s">
        <v>87</v>
      </c>
      <c r="N21007" t="s">
        <v>88</v>
      </c>
      <c r="O21007" t="s">
        <v>85</v>
      </c>
      <c r="P21007" t="s">
        <v>86</v>
      </c>
      <c r="Q21007">
        <v>57</v>
      </c>
      <c r="R21007">
        <v>57</v>
      </c>
      <c r="S21007">
        <v>57</v>
      </c>
      <c r="T21007">
        <v>58</v>
      </c>
      <c r="U21007">
        <v>58</v>
      </c>
      <c r="V21007">
        <v>58</v>
      </c>
      <c r="W21007">
        <v>58</v>
      </c>
      <c r="X21007">
        <v>58</v>
      </c>
      <c r="Y21007">
        <v>58</v>
      </c>
      <c r="Z21007">
        <v>58</v>
      </c>
      <c r="AA21007">
        <v>58</v>
      </c>
      <c r="AB21007">
        <v>58</v>
      </c>
      <c r="AC21007">
        <v>58</v>
      </c>
      <c r="AD21007">
        <v>58</v>
      </c>
      <c r="AE21007">
        <v>59</v>
      </c>
      <c r="AF21007">
        <v>59</v>
      </c>
      <c r="AG21007">
        <v>59</v>
      </c>
      <c r="AH21007">
        <v>59</v>
      </c>
      <c r="AI21007">
        <v>59</v>
      </c>
      <c r="AJ21007">
        <v>59</v>
      </c>
      <c r="AK21007">
        <v>59</v>
      </c>
      <c r="AL21007">
        <v>59</v>
      </c>
      <c r="AM21007">
        <v>59</v>
      </c>
      <c r="AN21007">
        <v>59</v>
      </c>
      <c r="AO21007">
        <v>59</v>
      </c>
      <c r="AP21007">
        <v>59</v>
      </c>
      <c r="AQ21007">
        <v>59</v>
      </c>
    </row>
    <row r="21008" spans="1:43">
      <c r="A21008" t="s">
        <v>13013</v>
      </c>
      <c r="B21008" t="s">
        <v>13014</v>
      </c>
      <c r="C21008" t="s">
        <v>13011</v>
      </c>
      <c r="D21008" t="s">
        <v>13012</v>
      </c>
      <c r="E21008" t="s">
        <v>12925</v>
      </c>
      <c r="F21008" t="s">
        <v>12926</v>
      </c>
      <c r="G21008" t="s">
        <v>10214</v>
      </c>
      <c r="H21008" t="s">
        <v>10215</v>
      </c>
      <c r="I21008" s="2">
        <v>1</v>
      </c>
      <c r="J21008" s="2">
        <v>0</v>
      </c>
      <c r="K21008" s="2">
        <v>0</v>
      </c>
      <c r="L21008" t="s">
        <v>120</v>
      </c>
      <c r="M21008" t="s">
        <v>89</v>
      </c>
      <c r="N21008" t="s">
        <v>90</v>
      </c>
      <c r="O21008" t="s">
        <v>85</v>
      </c>
      <c r="P21008" t="s">
        <v>86</v>
      </c>
      <c r="Q21008">
        <v>57</v>
      </c>
      <c r="R21008">
        <v>58</v>
      </c>
      <c r="S21008">
        <v>59</v>
      </c>
      <c r="T21008">
        <v>61</v>
      </c>
      <c r="U21008">
        <v>62</v>
      </c>
      <c r="V21008">
        <v>63</v>
      </c>
      <c r="W21008">
        <v>63</v>
      </c>
      <c r="X21008">
        <v>64</v>
      </c>
      <c r="Y21008">
        <v>65</v>
      </c>
      <c r="Z21008">
        <v>66</v>
      </c>
      <c r="AA21008">
        <v>67</v>
      </c>
      <c r="AB21008">
        <v>68</v>
      </c>
      <c r="AC21008">
        <v>68</v>
      </c>
      <c r="AD21008">
        <v>69</v>
      </c>
      <c r="AE21008">
        <v>69</v>
      </c>
      <c r="AF21008">
        <v>69</v>
      </c>
      <c r="AG21008">
        <v>69</v>
      </c>
      <c r="AH21008">
        <v>69</v>
      </c>
      <c r="AI21008">
        <v>69</v>
      </c>
      <c r="AJ21008">
        <v>69</v>
      </c>
      <c r="AK21008">
        <v>68</v>
      </c>
      <c r="AL21008">
        <v>68</v>
      </c>
      <c r="AM21008">
        <v>68</v>
      </c>
      <c r="AN21008">
        <v>68</v>
      </c>
      <c r="AO21008">
        <v>68</v>
      </c>
      <c r="AP21008">
        <v>67</v>
      </c>
      <c r="AQ21008">
        <v>67</v>
      </c>
    </row>
    <row r="21009" spans="1:43">
      <c r="A21009" t="s">
        <v>13013</v>
      </c>
      <c r="B21009" t="s">
        <v>13014</v>
      </c>
      <c r="C21009" t="s">
        <v>13011</v>
      </c>
      <c r="D21009" t="s">
        <v>13012</v>
      </c>
      <c r="E21009" t="s">
        <v>12925</v>
      </c>
      <c r="F21009" t="s">
        <v>12926</v>
      </c>
      <c r="G21009" t="s">
        <v>10214</v>
      </c>
      <c r="H21009" t="s">
        <v>10215</v>
      </c>
      <c r="I21009" s="2">
        <v>1</v>
      </c>
      <c r="J21009" s="2">
        <v>0</v>
      </c>
      <c r="K21009" s="2">
        <v>0</v>
      </c>
      <c r="L21009" t="s">
        <v>120</v>
      </c>
      <c r="M21009" t="s">
        <v>83</v>
      </c>
      <c r="N21009" t="s">
        <v>91</v>
      </c>
      <c r="O21009" t="s">
        <v>85</v>
      </c>
      <c r="P21009" t="s">
        <v>86</v>
      </c>
      <c r="Q21009">
        <v>57</v>
      </c>
      <c r="R21009">
        <v>57</v>
      </c>
      <c r="S21009">
        <v>58</v>
      </c>
      <c r="T21009">
        <v>59</v>
      </c>
      <c r="U21009">
        <v>59</v>
      </c>
      <c r="V21009">
        <v>60</v>
      </c>
      <c r="W21009">
        <v>61</v>
      </c>
      <c r="X21009">
        <v>61</v>
      </c>
      <c r="Y21009">
        <v>62</v>
      </c>
      <c r="Z21009">
        <v>62</v>
      </c>
      <c r="AA21009">
        <v>63</v>
      </c>
      <c r="AB21009">
        <v>63</v>
      </c>
      <c r="AC21009">
        <v>64</v>
      </c>
      <c r="AD21009">
        <v>64</v>
      </c>
      <c r="AE21009">
        <v>65</v>
      </c>
      <c r="AF21009">
        <v>65</v>
      </c>
      <c r="AG21009">
        <v>66</v>
      </c>
      <c r="AH21009">
        <v>66</v>
      </c>
      <c r="AI21009">
        <v>67</v>
      </c>
      <c r="AJ21009">
        <v>67</v>
      </c>
      <c r="AK21009">
        <v>68</v>
      </c>
      <c r="AL21009">
        <v>68</v>
      </c>
      <c r="AM21009">
        <v>67</v>
      </c>
      <c r="AN21009">
        <v>67</v>
      </c>
      <c r="AO21009">
        <v>67</v>
      </c>
      <c r="AP21009">
        <v>67</v>
      </c>
      <c r="AQ21009">
        <v>67</v>
      </c>
    </row>
    <row r="21010" spans="1:43">
      <c r="A21010" t="s">
        <v>13015</v>
      </c>
      <c r="B21010" t="s">
        <v>13016</v>
      </c>
      <c r="C21010" t="s">
        <v>13011</v>
      </c>
      <c r="D21010" t="s">
        <v>13012</v>
      </c>
      <c r="E21010" t="s">
        <v>12925</v>
      </c>
      <c r="F21010" t="s">
        <v>12926</v>
      </c>
      <c r="G21010" t="s">
        <v>10214</v>
      </c>
      <c r="H21010" t="s">
        <v>10215</v>
      </c>
      <c r="I21010" s="2">
        <v>1</v>
      </c>
      <c r="J21010" s="2">
        <v>0</v>
      </c>
      <c r="K21010" s="2">
        <v>0</v>
      </c>
      <c r="L21010" t="s">
        <v>120</v>
      </c>
      <c r="M21010" t="s">
        <v>83</v>
      </c>
      <c r="N21010" t="s">
        <v>84</v>
      </c>
      <c r="O21010" t="s">
        <v>85</v>
      </c>
      <c r="P21010" t="s">
        <v>86</v>
      </c>
      <c r="Q21010">
        <v>32</v>
      </c>
      <c r="R21010">
        <v>32</v>
      </c>
      <c r="S21010">
        <v>32</v>
      </c>
      <c r="T21010">
        <v>33</v>
      </c>
      <c r="U21010">
        <v>33</v>
      </c>
      <c r="V21010">
        <v>33</v>
      </c>
      <c r="W21010">
        <v>34</v>
      </c>
      <c r="X21010">
        <v>34</v>
      </c>
      <c r="Y21010">
        <v>35</v>
      </c>
      <c r="Z21010">
        <v>35</v>
      </c>
      <c r="AA21010">
        <v>35</v>
      </c>
      <c r="AB21010">
        <v>35</v>
      </c>
      <c r="AC21010">
        <v>36</v>
      </c>
      <c r="AD21010">
        <v>36</v>
      </c>
      <c r="AE21010">
        <v>36</v>
      </c>
      <c r="AF21010">
        <v>37</v>
      </c>
      <c r="AG21010">
        <v>37</v>
      </c>
      <c r="AH21010">
        <v>37</v>
      </c>
      <c r="AI21010">
        <v>37</v>
      </c>
      <c r="AJ21010">
        <v>38</v>
      </c>
      <c r="AK21010">
        <v>38</v>
      </c>
      <c r="AL21010">
        <v>38</v>
      </c>
      <c r="AM21010">
        <v>38</v>
      </c>
      <c r="AN21010">
        <v>38</v>
      </c>
      <c r="AO21010">
        <v>38</v>
      </c>
      <c r="AP21010">
        <v>38</v>
      </c>
      <c r="AQ21010">
        <v>38</v>
      </c>
    </row>
    <row r="21011" spans="1:43">
      <c r="A21011" t="s">
        <v>13015</v>
      </c>
      <c r="B21011" t="s">
        <v>13016</v>
      </c>
      <c r="C21011" t="s">
        <v>13011</v>
      </c>
      <c r="D21011" t="s">
        <v>13012</v>
      </c>
      <c r="E21011" t="s">
        <v>12925</v>
      </c>
      <c r="F21011" t="s">
        <v>12926</v>
      </c>
      <c r="G21011" t="s">
        <v>10214</v>
      </c>
      <c r="H21011" t="s">
        <v>10215</v>
      </c>
      <c r="I21011" s="2">
        <v>1</v>
      </c>
      <c r="J21011" s="2">
        <v>0</v>
      </c>
      <c r="K21011" s="2">
        <v>0</v>
      </c>
      <c r="L21011" t="s">
        <v>120</v>
      </c>
      <c r="M21011" t="s">
        <v>87</v>
      </c>
      <c r="N21011" t="s">
        <v>88</v>
      </c>
      <c r="O21011" t="s">
        <v>85</v>
      </c>
      <c r="P21011" t="s">
        <v>86</v>
      </c>
      <c r="Q21011">
        <v>32</v>
      </c>
      <c r="R21011">
        <v>32</v>
      </c>
      <c r="S21011">
        <v>33</v>
      </c>
      <c r="T21011">
        <v>33</v>
      </c>
      <c r="U21011">
        <v>33</v>
      </c>
      <c r="V21011">
        <v>33</v>
      </c>
      <c r="W21011">
        <v>33</v>
      </c>
      <c r="X21011">
        <v>33</v>
      </c>
      <c r="Y21011">
        <v>33</v>
      </c>
      <c r="Z21011">
        <v>33</v>
      </c>
      <c r="AA21011">
        <v>33</v>
      </c>
      <c r="AB21011">
        <v>33</v>
      </c>
      <c r="AC21011">
        <v>33</v>
      </c>
      <c r="AD21011">
        <v>33</v>
      </c>
      <c r="AE21011">
        <v>33</v>
      </c>
      <c r="AF21011">
        <v>33</v>
      </c>
      <c r="AG21011">
        <v>33</v>
      </c>
      <c r="AH21011">
        <v>33</v>
      </c>
      <c r="AI21011">
        <v>33</v>
      </c>
      <c r="AJ21011">
        <v>33</v>
      </c>
      <c r="AK21011">
        <v>33</v>
      </c>
      <c r="AL21011">
        <v>33</v>
      </c>
      <c r="AM21011">
        <v>34</v>
      </c>
      <c r="AN21011">
        <v>34</v>
      </c>
      <c r="AO21011">
        <v>34</v>
      </c>
      <c r="AP21011">
        <v>34</v>
      </c>
      <c r="AQ21011">
        <v>34</v>
      </c>
    </row>
    <row r="21012" spans="1:43">
      <c r="A21012" t="s">
        <v>13015</v>
      </c>
      <c r="B21012" t="s">
        <v>13016</v>
      </c>
      <c r="C21012" t="s">
        <v>13011</v>
      </c>
      <c r="D21012" t="s">
        <v>13012</v>
      </c>
      <c r="E21012" t="s">
        <v>12925</v>
      </c>
      <c r="F21012" t="s">
        <v>12926</v>
      </c>
      <c r="G21012" t="s">
        <v>10214</v>
      </c>
      <c r="H21012" t="s">
        <v>10215</v>
      </c>
      <c r="I21012" s="2">
        <v>1</v>
      </c>
      <c r="J21012" s="2">
        <v>0</v>
      </c>
      <c r="K21012" s="2">
        <v>0</v>
      </c>
      <c r="L21012" t="s">
        <v>120</v>
      </c>
      <c r="M21012" t="s">
        <v>89</v>
      </c>
      <c r="N21012" t="s">
        <v>90</v>
      </c>
      <c r="O21012" t="s">
        <v>85</v>
      </c>
      <c r="P21012" t="s">
        <v>86</v>
      </c>
      <c r="Q21012">
        <v>32</v>
      </c>
      <c r="R21012">
        <v>33</v>
      </c>
      <c r="S21012">
        <v>33</v>
      </c>
      <c r="T21012">
        <v>34</v>
      </c>
      <c r="U21012">
        <v>34</v>
      </c>
      <c r="V21012">
        <v>35</v>
      </c>
      <c r="W21012">
        <v>36</v>
      </c>
      <c r="X21012">
        <v>36</v>
      </c>
      <c r="Y21012">
        <v>37</v>
      </c>
      <c r="Z21012">
        <v>37</v>
      </c>
      <c r="AA21012">
        <v>37</v>
      </c>
      <c r="AB21012">
        <v>38</v>
      </c>
      <c r="AC21012">
        <v>38</v>
      </c>
      <c r="AD21012">
        <v>39</v>
      </c>
      <c r="AE21012">
        <v>39</v>
      </c>
      <c r="AF21012">
        <v>39</v>
      </c>
      <c r="AG21012">
        <v>39</v>
      </c>
      <c r="AH21012">
        <v>39</v>
      </c>
      <c r="AI21012">
        <v>39</v>
      </c>
      <c r="AJ21012">
        <v>39</v>
      </c>
      <c r="AK21012">
        <v>38</v>
      </c>
      <c r="AL21012">
        <v>38</v>
      </c>
      <c r="AM21012">
        <v>38</v>
      </c>
      <c r="AN21012">
        <v>38</v>
      </c>
      <c r="AO21012">
        <v>38</v>
      </c>
      <c r="AP21012">
        <v>38</v>
      </c>
      <c r="AQ21012">
        <v>38</v>
      </c>
    </row>
    <row r="21013" spans="1:43">
      <c r="A21013" t="s">
        <v>13015</v>
      </c>
      <c r="B21013" t="s">
        <v>13016</v>
      </c>
      <c r="C21013" t="s">
        <v>13011</v>
      </c>
      <c r="D21013" t="s">
        <v>13012</v>
      </c>
      <c r="E21013" t="s">
        <v>12925</v>
      </c>
      <c r="F21013" t="s">
        <v>12926</v>
      </c>
      <c r="G21013" t="s">
        <v>10214</v>
      </c>
      <c r="H21013" t="s">
        <v>10215</v>
      </c>
      <c r="I21013" s="2">
        <v>1</v>
      </c>
      <c r="J21013" s="2">
        <v>0</v>
      </c>
      <c r="K21013" s="2">
        <v>0</v>
      </c>
      <c r="L21013" t="s">
        <v>120</v>
      </c>
      <c r="M21013" t="s">
        <v>83</v>
      </c>
      <c r="N21013" t="s">
        <v>91</v>
      </c>
      <c r="O21013" t="s">
        <v>85</v>
      </c>
      <c r="P21013" t="s">
        <v>86</v>
      </c>
      <c r="Q21013">
        <v>32</v>
      </c>
      <c r="R21013">
        <v>32</v>
      </c>
      <c r="S21013">
        <v>32</v>
      </c>
      <c r="T21013">
        <v>33</v>
      </c>
      <c r="U21013">
        <v>33</v>
      </c>
      <c r="V21013">
        <v>33</v>
      </c>
      <c r="W21013">
        <v>34</v>
      </c>
      <c r="X21013">
        <v>34</v>
      </c>
      <c r="Y21013">
        <v>35</v>
      </c>
      <c r="Z21013">
        <v>35</v>
      </c>
      <c r="AA21013">
        <v>35</v>
      </c>
      <c r="AB21013">
        <v>35</v>
      </c>
      <c r="AC21013">
        <v>36</v>
      </c>
      <c r="AD21013">
        <v>36</v>
      </c>
      <c r="AE21013">
        <v>36</v>
      </c>
      <c r="AF21013">
        <v>37</v>
      </c>
      <c r="AG21013">
        <v>37</v>
      </c>
      <c r="AH21013">
        <v>37</v>
      </c>
      <c r="AI21013">
        <v>37</v>
      </c>
      <c r="AJ21013">
        <v>38</v>
      </c>
      <c r="AK21013">
        <v>38</v>
      </c>
      <c r="AL21013">
        <v>38</v>
      </c>
      <c r="AM21013">
        <v>38</v>
      </c>
      <c r="AN21013">
        <v>38</v>
      </c>
      <c r="AO21013">
        <v>38</v>
      </c>
      <c r="AP21013">
        <v>38</v>
      </c>
      <c r="AQ21013">
        <v>38</v>
      </c>
    </row>
    <row r="21014" spans="1:43">
      <c r="A21014" t="s">
        <v>13017</v>
      </c>
      <c r="B21014" t="s">
        <v>13018</v>
      </c>
      <c r="C21014" t="s">
        <v>13011</v>
      </c>
      <c r="D21014" t="s">
        <v>13012</v>
      </c>
      <c r="E21014" t="s">
        <v>12925</v>
      </c>
      <c r="F21014" t="s">
        <v>12926</v>
      </c>
      <c r="G21014" t="s">
        <v>10214</v>
      </c>
      <c r="H21014" t="s">
        <v>10215</v>
      </c>
      <c r="I21014" s="2">
        <v>1</v>
      </c>
      <c r="J21014" s="2">
        <v>0</v>
      </c>
      <c r="K21014" s="2">
        <v>0</v>
      </c>
      <c r="L21014" t="s">
        <v>120</v>
      </c>
      <c r="M21014" t="s">
        <v>83</v>
      </c>
      <c r="N21014" t="s">
        <v>84</v>
      </c>
      <c r="O21014" t="s">
        <v>85</v>
      </c>
      <c r="P21014" t="s">
        <v>86</v>
      </c>
      <c r="Q21014">
        <v>89</v>
      </c>
      <c r="R21014">
        <v>90</v>
      </c>
      <c r="S21014">
        <v>91</v>
      </c>
      <c r="T21014">
        <v>92</v>
      </c>
      <c r="U21014">
        <v>93</v>
      </c>
      <c r="V21014">
        <v>94</v>
      </c>
      <c r="W21014">
        <v>95</v>
      </c>
      <c r="X21014">
        <v>96</v>
      </c>
      <c r="Y21014">
        <v>97</v>
      </c>
      <c r="Z21014">
        <v>98</v>
      </c>
      <c r="AA21014">
        <v>99</v>
      </c>
      <c r="AB21014">
        <v>100</v>
      </c>
      <c r="AC21014">
        <v>101</v>
      </c>
      <c r="AD21014">
        <v>101</v>
      </c>
      <c r="AE21014">
        <v>102</v>
      </c>
      <c r="AF21014">
        <v>103</v>
      </c>
      <c r="AG21014">
        <v>104</v>
      </c>
      <c r="AH21014">
        <v>104</v>
      </c>
      <c r="AI21014">
        <v>105</v>
      </c>
      <c r="AJ21014">
        <v>106</v>
      </c>
      <c r="AK21014">
        <v>107</v>
      </c>
      <c r="AL21014">
        <v>107</v>
      </c>
      <c r="AM21014">
        <v>106</v>
      </c>
      <c r="AN21014">
        <v>106</v>
      </c>
      <c r="AO21014">
        <v>106</v>
      </c>
      <c r="AP21014">
        <v>105</v>
      </c>
      <c r="AQ21014">
        <v>105</v>
      </c>
    </row>
    <row r="21015" spans="1:43">
      <c r="A21015" t="s">
        <v>13017</v>
      </c>
      <c r="B21015" t="s">
        <v>13018</v>
      </c>
      <c r="C21015" t="s">
        <v>13011</v>
      </c>
      <c r="D21015" t="s">
        <v>13012</v>
      </c>
      <c r="E21015" t="s">
        <v>12925</v>
      </c>
      <c r="F21015" t="s">
        <v>12926</v>
      </c>
      <c r="G21015" t="s">
        <v>10214</v>
      </c>
      <c r="H21015" t="s">
        <v>10215</v>
      </c>
      <c r="I21015" s="2">
        <v>1</v>
      </c>
      <c r="J21015" s="2">
        <v>0</v>
      </c>
      <c r="K21015" s="2">
        <v>0</v>
      </c>
      <c r="L21015" t="s">
        <v>120</v>
      </c>
      <c r="M21015" t="s">
        <v>87</v>
      </c>
      <c r="N21015" t="s">
        <v>88</v>
      </c>
      <c r="O21015" t="s">
        <v>85</v>
      </c>
      <c r="P21015" t="s">
        <v>86</v>
      </c>
      <c r="Q21015">
        <v>89</v>
      </c>
      <c r="R21015">
        <v>90</v>
      </c>
      <c r="S21015">
        <v>90</v>
      </c>
      <c r="T21015">
        <v>90</v>
      </c>
      <c r="U21015">
        <v>90</v>
      </c>
      <c r="V21015">
        <v>90</v>
      </c>
      <c r="W21015">
        <v>91</v>
      </c>
      <c r="X21015">
        <v>91</v>
      </c>
      <c r="Y21015">
        <v>91</v>
      </c>
      <c r="Z21015">
        <v>91</v>
      </c>
      <c r="AA21015">
        <v>91</v>
      </c>
      <c r="AB21015">
        <v>91</v>
      </c>
      <c r="AC21015">
        <v>91</v>
      </c>
      <c r="AD21015">
        <v>92</v>
      </c>
      <c r="AE21015">
        <v>92</v>
      </c>
      <c r="AF21015">
        <v>92</v>
      </c>
      <c r="AG21015">
        <v>92</v>
      </c>
      <c r="AH21015">
        <v>92</v>
      </c>
      <c r="AI21015">
        <v>92</v>
      </c>
      <c r="AJ21015">
        <v>92</v>
      </c>
      <c r="AK21015">
        <v>92</v>
      </c>
      <c r="AL21015">
        <v>92</v>
      </c>
      <c r="AM21015">
        <v>92</v>
      </c>
      <c r="AN21015">
        <v>92</v>
      </c>
      <c r="AO21015">
        <v>92</v>
      </c>
      <c r="AP21015">
        <v>93</v>
      </c>
      <c r="AQ21015">
        <v>93</v>
      </c>
    </row>
    <row r="21016" spans="1:43">
      <c r="A21016" t="s">
        <v>13017</v>
      </c>
      <c r="B21016" t="s">
        <v>13018</v>
      </c>
      <c r="C21016" t="s">
        <v>13011</v>
      </c>
      <c r="D21016" t="s">
        <v>13012</v>
      </c>
      <c r="E21016" t="s">
        <v>12925</v>
      </c>
      <c r="F21016" t="s">
        <v>12926</v>
      </c>
      <c r="G21016" t="s">
        <v>10214</v>
      </c>
      <c r="H21016" t="s">
        <v>10215</v>
      </c>
      <c r="I21016" s="2">
        <v>1</v>
      </c>
      <c r="J21016" s="2">
        <v>0</v>
      </c>
      <c r="K21016" s="2">
        <v>0</v>
      </c>
      <c r="L21016" t="s">
        <v>120</v>
      </c>
      <c r="M21016" t="s">
        <v>89</v>
      </c>
      <c r="N21016" t="s">
        <v>90</v>
      </c>
      <c r="O21016" t="s">
        <v>85</v>
      </c>
      <c r="P21016" t="s">
        <v>86</v>
      </c>
      <c r="Q21016">
        <v>89</v>
      </c>
      <c r="R21016">
        <v>91</v>
      </c>
      <c r="S21016">
        <v>93</v>
      </c>
      <c r="T21016">
        <v>94</v>
      </c>
      <c r="U21016">
        <v>96</v>
      </c>
      <c r="V21016">
        <v>98</v>
      </c>
      <c r="W21016">
        <v>99</v>
      </c>
      <c r="X21016">
        <v>100</v>
      </c>
      <c r="Y21016">
        <v>102</v>
      </c>
      <c r="Z21016">
        <v>103</v>
      </c>
      <c r="AA21016">
        <v>104</v>
      </c>
      <c r="AB21016">
        <v>105</v>
      </c>
      <c r="AC21016">
        <v>107</v>
      </c>
      <c r="AD21016">
        <v>108</v>
      </c>
      <c r="AE21016">
        <v>108</v>
      </c>
      <c r="AF21016">
        <v>108</v>
      </c>
      <c r="AG21016">
        <v>108</v>
      </c>
      <c r="AH21016">
        <v>108</v>
      </c>
      <c r="AI21016">
        <v>107</v>
      </c>
      <c r="AJ21016">
        <v>107</v>
      </c>
      <c r="AK21016">
        <v>107</v>
      </c>
      <c r="AL21016">
        <v>107</v>
      </c>
      <c r="AM21016">
        <v>106</v>
      </c>
      <c r="AN21016">
        <v>106</v>
      </c>
      <c r="AO21016">
        <v>106</v>
      </c>
      <c r="AP21016">
        <v>105</v>
      </c>
      <c r="AQ21016">
        <v>105</v>
      </c>
    </row>
    <row r="21017" spans="1:43">
      <c r="A21017" t="s">
        <v>13017</v>
      </c>
      <c r="B21017" t="s">
        <v>13018</v>
      </c>
      <c r="C21017" t="s">
        <v>13011</v>
      </c>
      <c r="D21017" t="s">
        <v>13012</v>
      </c>
      <c r="E21017" t="s">
        <v>12925</v>
      </c>
      <c r="F21017" t="s">
        <v>12926</v>
      </c>
      <c r="G21017" t="s">
        <v>10214</v>
      </c>
      <c r="H21017" t="s">
        <v>10215</v>
      </c>
      <c r="I21017" s="2">
        <v>1</v>
      </c>
      <c r="J21017" s="2">
        <v>0</v>
      </c>
      <c r="K21017" s="2">
        <v>0</v>
      </c>
      <c r="L21017" t="s">
        <v>120</v>
      </c>
      <c r="M21017" t="s">
        <v>83</v>
      </c>
      <c r="N21017" t="s">
        <v>91</v>
      </c>
      <c r="O21017" t="s">
        <v>85</v>
      </c>
      <c r="P21017" t="s">
        <v>86</v>
      </c>
      <c r="Q21017">
        <v>89</v>
      </c>
      <c r="R21017">
        <v>90</v>
      </c>
      <c r="S21017">
        <v>91</v>
      </c>
      <c r="T21017">
        <v>92</v>
      </c>
      <c r="U21017">
        <v>93</v>
      </c>
      <c r="V21017">
        <v>94</v>
      </c>
      <c r="W21017">
        <v>95</v>
      </c>
      <c r="X21017">
        <v>96</v>
      </c>
      <c r="Y21017">
        <v>97</v>
      </c>
      <c r="Z21017">
        <v>98</v>
      </c>
      <c r="AA21017">
        <v>99</v>
      </c>
      <c r="AB21017">
        <v>100</v>
      </c>
      <c r="AC21017">
        <v>101</v>
      </c>
      <c r="AD21017">
        <v>101</v>
      </c>
      <c r="AE21017">
        <v>102</v>
      </c>
      <c r="AF21017">
        <v>103</v>
      </c>
      <c r="AG21017">
        <v>104</v>
      </c>
      <c r="AH21017">
        <v>104</v>
      </c>
      <c r="AI21017">
        <v>105</v>
      </c>
      <c r="AJ21017">
        <v>106</v>
      </c>
      <c r="AK21017">
        <v>107</v>
      </c>
      <c r="AL21017">
        <v>107</v>
      </c>
      <c r="AM21017">
        <v>106</v>
      </c>
      <c r="AN21017">
        <v>106</v>
      </c>
      <c r="AO21017">
        <v>106</v>
      </c>
      <c r="AP21017">
        <v>105</v>
      </c>
      <c r="AQ21017">
        <v>105</v>
      </c>
    </row>
    <row r="21018" spans="1:43">
      <c r="A21018" t="s">
        <v>13019</v>
      </c>
      <c r="B21018" t="s">
        <v>13020</v>
      </c>
      <c r="C21018" t="s">
        <v>13011</v>
      </c>
      <c r="D21018" t="s">
        <v>13012</v>
      </c>
      <c r="E21018" t="s">
        <v>12925</v>
      </c>
      <c r="F21018" t="s">
        <v>12926</v>
      </c>
      <c r="G21018" t="s">
        <v>10214</v>
      </c>
      <c r="H21018" t="s">
        <v>10215</v>
      </c>
      <c r="I21018" s="2">
        <v>1</v>
      </c>
      <c r="J21018" s="2">
        <v>0</v>
      </c>
      <c r="K21018" s="2">
        <v>0</v>
      </c>
      <c r="L21018" t="s">
        <v>120</v>
      </c>
      <c r="M21018" t="s">
        <v>83</v>
      </c>
      <c r="N21018" t="s">
        <v>84</v>
      </c>
      <c r="O21018" t="s">
        <v>85</v>
      </c>
      <c r="P21018" t="s">
        <v>86</v>
      </c>
      <c r="Q21018">
        <v>20</v>
      </c>
      <c r="R21018">
        <v>20</v>
      </c>
      <c r="S21018">
        <v>21</v>
      </c>
      <c r="T21018">
        <v>21</v>
      </c>
      <c r="U21018">
        <v>21</v>
      </c>
      <c r="V21018">
        <v>21</v>
      </c>
      <c r="W21018">
        <v>21</v>
      </c>
      <c r="X21018">
        <v>22</v>
      </c>
      <c r="Y21018">
        <v>22</v>
      </c>
      <c r="Z21018">
        <v>22</v>
      </c>
      <c r="AA21018">
        <v>22</v>
      </c>
      <c r="AB21018">
        <v>22</v>
      </c>
      <c r="AC21018">
        <v>23</v>
      </c>
      <c r="AD21018">
        <v>23</v>
      </c>
      <c r="AE21018">
        <v>23</v>
      </c>
      <c r="AF21018">
        <v>23</v>
      </c>
      <c r="AG21018">
        <v>23</v>
      </c>
      <c r="AH21018">
        <v>23</v>
      </c>
      <c r="AI21018">
        <v>24</v>
      </c>
      <c r="AJ21018">
        <v>24</v>
      </c>
      <c r="AK21018">
        <v>24</v>
      </c>
      <c r="AL21018">
        <v>24</v>
      </c>
      <c r="AM21018">
        <v>24</v>
      </c>
      <c r="AN21018">
        <v>24</v>
      </c>
      <c r="AO21018">
        <v>24</v>
      </c>
      <c r="AP21018">
        <v>24</v>
      </c>
      <c r="AQ21018">
        <v>24</v>
      </c>
    </row>
    <row r="21019" spans="1:43">
      <c r="A21019" t="s">
        <v>13019</v>
      </c>
      <c r="B21019" t="s">
        <v>13020</v>
      </c>
      <c r="C21019" t="s">
        <v>13011</v>
      </c>
      <c r="D21019" t="s">
        <v>13012</v>
      </c>
      <c r="E21019" t="s">
        <v>12925</v>
      </c>
      <c r="F21019" t="s">
        <v>12926</v>
      </c>
      <c r="G21019" t="s">
        <v>10214</v>
      </c>
      <c r="H21019" t="s">
        <v>10215</v>
      </c>
      <c r="I21019" s="2">
        <v>1</v>
      </c>
      <c r="J21019" s="2">
        <v>0</v>
      </c>
      <c r="K21019" s="2">
        <v>0</v>
      </c>
      <c r="L21019" t="s">
        <v>120</v>
      </c>
      <c r="M21019" t="s">
        <v>87</v>
      </c>
      <c r="N21019" t="s">
        <v>88</v>
      </c>
      <c r="O21019" t="s">
        <v>85</v>
      </c>
      <c r="P21019" t="s">
        <v>86</v>
      </c>
      <c r="Q21019">
        <v>20</v>
      </c>
      <c r="R21019">
        <v>20</v>
      </c>
      <c r="S21019">
        <v>20</v>
      </c>
      <c r="T21019">
        <v>20</v>
      </c>
      <c r="U21019">
        <v>20</v>
      </c>
      <c r="V21019">
        <v>20</v>
      </c>
      <c r="W21019">
        <v>20</v>
      </c>
      <c r="X21019">
        <v>20</v>
      </c>
      <c r="Y21019">
        <v>20</v>
      </c>
      <c r="Z21019">
        <v>20</v>
      </c>
      <c r="AA21019">
        <v>20</v>
      </c>
      <c r="AB21019">
        <v>20</v>
      </c>
      <c r="AC21019">
        <v>20</v>
      </c>
      <c r="AD21019">
        <v>20</v>
      </c>
      <c r="AE21019">
        <v>20</v>
      </c>
      <c r="AF21019">
        <v>20</v>
      </c>
      <c r="AG21019">
        <v>20</v>
      </c>
      <c r="AH21019">
        <v>20</v>
      </c>
      <c r="AI21019">
        <v>20</v>
      </c>
      <c r="AJ21019">
        <v>21</v>
      </c>
      <c r="AK21019">
        <v>21</v>
      </c>
      <c r="AL21019">
        <v>21</v>
      </c>
      <c r="AM21019">
        <v>21</v>
      </c>
      <c r="AN21019">
        <v>21</v>
      </c>
      <c r="AO21019">
        <v>21</v>
      </c>
      <c r="AP21019">
        <v>21</v>
      </c>
      <c r="AQ21019">
        <v>21</v>
      </c>
    </row>
    <row r="21020" spans="1:43">
      <c r="A21020" t="s">
        <v>13019</v>
      </c>
      <c r="B21020" t="s">
        <v>13020</v>
      </c>
      <c r="C21020" t="s">
        <v>13011</v>
      </c>
      <c r="D21020" t="s">
        <v>13012</v>
      </c>
      <c r="E21020" t="s">
        <v>12925</v>
      </c>
      <c r="F21020" t="s">
        <v>12926</v>
      </c>
      <c r="G21020" t="s">
        <v>10214</v>
      </c>
      <c r="H21020" t="s">
        <v>10215</v>
      </c>
      <c r="I21020" s="2">
        <v>1</v>
      </c>
      <c r="J21020" s="2">
        <v>0</v>
      </c>
      <c r="K21020" s="2">
        <v>0</v>
      </c>
      <c r="L21020" t="s">
        <v>120</v>
      </c>
      <c r="M21020" t="s">
        <v>89</v>
      </c>
      <c r="N21020" t="s">
        <v>90</v>
      </c>
      <c r="O21020" t="s">
        <v>85</v>
      </c>
      <c r="P21020" t="s">
        <v>86</v>
      </c>
      <c r="Q21020">
        <v>20</v>
      </c>
      <c r="R21020">
        <v>21</v>
      </c>
      <c r="S21020">
        <v>21</v>
      </c>
      <c r="T21020">
        <v>21</v>
      </c>
      <c r="U21020">
        <v>22</v>
      </c>
      <c r="V21020">
        <v>22</v>
      </c>
      <c r="W21020">
        <v>22</v>
      </c>
      <c r="X21020">
        <v>23</v>
      </c>
      <c r="Y21020">
        <v>23</v>
      </c>
      <c r="Z21020">
        <v>23</v>
      </c>
      <c r="AA21020">
        <v>24</v>
      </c>
      <c r="AB21020">
        <v>24</v>
      </c>
      <c r="AC21020">
        <v>24</v>
      </c>
      <c r="AD21020">
        <v>24</v>
      </c>
      <c r="AE21020">
        <v>25</v>
      </c>
      <c r="AF21020">
        <v>25</v>
      </c>
      <c r="AG21020">
        <v>25</v>
      </c>
      <c r="AH21020">
        <v>24</v>
      </c>
      <c r="AI21020">
        <v>24</v>
      </c>
      <c r="AJ21020">
        <v>24</v>
      </c>
      <c r="AK21020">
        <v>24</v>
      </c>
      <c r="AL21020">
        <v>24</v>
      </c>
      <c r="AM21020">
        <v>24</v>
      </c>
      <c r="AN21020">
        <v>24</v>
      </c>
      <c r="AO21020">
        <v>24</v>
      </c>
      <c r="AP21020">
        <v>24</v>
      </c>
      <c r="AQ21020">
        <v>24</v>
      </c>
    </row>
    <row r="21021" spans="1:43">
      <c r="A21021" t="s">
        <v>13019</v>
      </c>
      <c r="B21021" t="s">
        <v>13020</v>
      </c>
      <c r="C21021" t="s">
        <v>13011</v>
      </c>
      <c r="D21021" t="s">
        <v>13012</v>
      </c>
      <c r="E21021" t="s">
        <v>12925</v>
      </c>
      <c r="F21021" t="s">
        <v>12926</v>
      </c>
      <c r="G21021" t="s">
        <v>10214</v>
      </c>
      <c r="H21021" t="s">
        <v>10215</v>
      </c>
      <c r="I21021" s="2">
        <v>1</v>
      </c>
      <c r="J21021" s="2">
        <v>0</v>
      </c>
      <c r="K21021" s="2">
        <v>0</v>
      </c>
      <c r="L21021" t="s">
        <v>120</v>
      </c>
      <c r="M21021" t="s">
        <v>83</v>
      </c>
      <c r="N21021" t="s">
        <v>91</v>
      </c>
      <c r="O21021" t="s">
        <v>85</v>
      </c>
      <c r="P21021" t="s">
        <v>86</v>
      </c>
      <c r="Q21021">
        <v>20</v>
      </c>
      <c r="R21021">
        <v>20</v>
      </c>
      <c r="S21021">
        <v>21</v>
      </c>
      <c r="T21021">
        <v>21</v>
      </c>
      <c r="U21021">
        <v>21</v>
      </c>
      <c r="V21021">
        <v>21</v>
      </c>
      <c r="W21021">
        <v>21</v>
      </c>
      <c r="X21021">
        <v>22</v>
      </c>
      <c r="Y21021">
        <v>22</v>
      </c>
      <c r="Z21021">
        <v>22</v>
      </c>
      <c r="AA21021">
        <v>22</v>
      </c>
      <c r="AB21021">
        <v>22</v>
      </c>
      <c r="AC21021">
        <v>23</v>
      </c>
      <c r="AD21021">
        <v>23</v>
      </c>
      <c r="AE21021">
        <v>23</v>
      </c>
      <c r="AF21021">
        <v>23</v>
      </c>
      <c r="AG21021">
        <v>23</v>
      </c>
      <c r="AH21021">
        <v>23</v>
      </c>
      <c r="AI21021">
        <v>24</v>
      </c>
      <c r="AJ21021">
        <v>24</v>
      </c>
      <c r="AK21021">
        <v>24</v>
      </c>
      <c r="AL21021">
        <v>24</v>
      </c>
      <c r="AM21021">
        <v>24</v>
      </c>
      <c r="AN21021">
        <v>24</v>
      </c>
      <c r="AO21021">
        <v>24</v>
      </c>
      <c r="AP21021">
        <v>24</v>
      </c>
      <c r="AQ21021">
        <v>24</v>
      </c>
    </row>
    <row r="21022" spans="1:43">
      <c r="A21022" t="s">
        <v>13021</v>
      </c>
      <c r="B21022" t="s">
        <v>13022</v>
      </c>
      <c r="C21022" t="s">
        <v>13023</v>
      </c>
      <c r="D21022" t="s">
        <v>13024</v>
      </c>
      <c r="E21022" t="s">
        <v>12925</v>
      </c>
      <c r="F21022" t="s">
        <v>12926</v>
      </c>
      <c r="G21022" t="s">
        <v>10214</v>
      </c>
      <c r="H21022" t="s">
        <v>10215</v>
      </c>
      <c r="I21022" s="2">
        <v>1</v>
      </c>
      <c r="J21022" s="2">
        <v>0</v>
      </c>
      <c r="K21022" s="2">
        <v>0</v>
      </c>
      <c r="L21022" t="s">
        <v>120</v>
      </c>
      <c r="M21022" t="s">
        <v>83</v>
      </c>
      <c r="N21022" t="s">
        <v>84</v>
      </c>
      <c r="O21022" t="s">
        <v>85</v>
      </c>
      <c r="P21022" t="s">
        <v>86</v>
      </c>
      <c r="Q21022">
        <v>27</v>
      </c>
      <c r="R21022">
        <v>27</v>
      </c>
      <c r="S21022">
        <v>28</v>
      </c>
      <c r="T21022">
        <v>28</v>
      </c>
      <c r="U21022">
        <v>28</v>
      </c>
      <c r="V21022">
        <v>29</v>
      </c>
      <c r="W21022">
        <v>29</v>
      </c>
      <c r="X21022">
        <v>29</v>
      </c>
      <c r="Y21022">
        <v>30</v>
      </c>
      <c r="Z21022">
        <v>30</v>
      </c>
      <c r="AA21022">
        <v>30</v>
      </c>
      <c r="AB21022">
        <v>30</v>
      </c>
      <c r="AC21022">
        <v>31</v>
      </c>
      <c r="AD21022">
        <v>31</v>
      </c>
      <c r="AE21022">
        <v>31</v>
      </c>
      <c r="AF21022">
        <v>31</v>
      </c>
      <c r="AG21022">
        <v>32</v>
      </c>
      <c r="AH21022">
        <v>32</v>
      </c>
      <c r="AI21022">
        <v>32</v>
      </c>
      <c r="AJ21022">
        <v>32</v>
      </c>
      <c r="AK21022">
        <v>32</v>
      </c>
      <c r="AL21022">
        <v>32</v>
      </c>
      <c r="AM21022">
        <v>32</v>
      </c>
      <c r="AN21022">
        <v>32</v>
      </c>
      <c r="AO21022">
        <v>32</v>
      </c>
      <c r="AP21022">
        <v>32</v>
      </c>
      <c r="AQ21022">
        <v>32</v>
      </c>
    </row>
    <row r="21023" spans="1:43">
      <c r="A21023" t="s">
        <v>13021</v>
      </c>
      <c r="B21023" t="s">
        <v>13022</v>
      </c>
      <c r="C21023" t="s">
        <v>13023</v>
      </c>
      <c r="D21023" t="s">
        <v>13024</v>
      </c>
      <c r="E21023" t="s">
        <v>12925</v>
      </c>
      <c r="F21023" t="s">
        <v>12926</v>
      </c>
      <c r="G21023" t="s">
        <v>10214</v>
      </c>
      <c r="H21023" t="s">
        <v>10215</v>
      </c>
      <c r="I21023" s="2">
        <v>1</v>
      </c>
      <c r="J21023" s="2">
        <v>0</v>
      </c>
      <c r="K21023" s="2">
        <v>0</v>
      </c>
      <c r="L21023" t="s">
        <v>120</v>
      </c>
      <c r="M21023" t="s">
        <v>87</v>
      </c>
      <c r="N21023" t="s">
        <v>88</v>
      </c>
      <c r="O21023" t="s">
        <v>85</v>
      </c>
      <c r="P21023" t="s">
        <v>86</v>
      </c>
      <c r="Q21023">
        <v>27</v>
      </c>
      <c r="R21023">
        <v>27</v>
      </c>
      <c r="S21023">
        <v>27</v>
      </c>
      <c r="T21023">
        <v>27</v>
      </c>
      <c r="U21023">
        <v>27</v>
      </c>
      <c r="V21023">
        <v>27</v>
      </c>
      <c r="W21023">
        <v>27</v>
      </c>
      <c r="X21023">
        <v>27</v>
      </c>
      <c r="Y21023">
        <v>27</v>
      </c>
      <c r="Z21023">
        <v>27</v>
      </c>
      <c r="AA21023">
        <v>27</v>
      </c>
      <c r="AB21023">
        <v>28</v>
      </c>
      <c r="AC21023">
        <v>28</v>
      </c>
      <c r="AD21023">
        <v>28</v>
      </c>
      <c r="AE21023">
        <v>28</v>
      </c>
      <c r="AF21023">
        <v>28</v>
      </c>
      <c r="AG21023">
        <v>28</v>
      </c>
      <c r="AH21023">
        <v>28</v>
      </c>
      <c r="AI21023">
        <v>28</v>
      </c>
      <c r="AJ21023">
        <v>28</v>
      </c>
      <c r="AK21023">
        <v>28</v>
      </c>
      <c r="AL21023">
        <v>28</v>
      </c>
      <c r="AM21023">
        <v>28</v>
      </c>
      <c r="AN21023">
        <v>28</v>
      </c>
      <c r="AO21023">
        <v>28</v>
      </c>
      <c r="AP21023">
        <v>28</v>
      </c>
      <c r="AQ21023">
        <v>28</v>
      </c>
    </row>
    <row r="21024" spans="1:43">
      <c r="A21024" t="s">
        <v>13021</v>
      </c>
      <c r="B21024" t="s">
        <v>13022</v>
      </c>
      <c r="C21024" t="s">
        <v>13023</v>
      </c>
      <c r="D21024" t="s">
        <v>13024</v>
      </c>
      <c r="E21024" t="s">
        <v>12925</v>
      </c>
      <c r="F21024" t="s">
        <v>12926</v>
      </c>
      <c r="G21024" t="s">
        <v>10214</v>
      </c>
      <c r="H21024" t="s">
        <v>10215</v>
      </c>
      <c r="I21024" s="2">
        <v>1</v>
      </c>
      <c r="J21024" s="2">
        <v>0</v>
      </c>
      <c r="K21024" s="2">
        <v>0</v>
      </c>
      <c r="L21024" t="s">
        <v>120</v>
      </c>
      <c r="M21024" t="s">
        <v>89</v>
      </c>
      <c r="N21024" t="s">
        <v>90</v>
      </c>
      <c r="O21024" t="s">
        <v>85</v>
      </c>
      <c r="P21024" t="s">
        <v>86</v>
      </c>
      <c r="Q21024">
        <v>27</v>
      </c>
      <c r="R21024">
        <v>28</v>
      </c>
      <c r="S21024">
        <v>28</v>
      </c>
      <c r="T21024">
        <v>29</v>
      </c>
      <c r="U21024">
        <v>29</v>
      </c>
      <c r="V21024">
        <v>30</v>
      </c>
      <c r="W21024">
        <v>30</v>
      </c>
      <c r="X21024">
        <v>31</v>
      </c>
      <c r="Y21024">
        <v>31</v>
      </c>
      <c r="Z21024">
        <v>32</v>
      </c>
      <c r="AA21024">
        <v>32</v>
      </c>
      <c r="AB21024">
        <v>32</v>
      </c>
      <c r="AC21024">
        <v>33</v>
      </c>
      <c r="AD21024">
        <v>33</v>
      </c>
      <c r="AE21024">
        <v>33</v>
      </c>
      <c r="AF21024">
        <v>33</v>
      </c>
      <c r="AG21024">
        <v>33</v>
      </c>
      <c r="AH21024">
        <v>33</v>
      </c>
      <c r="AI21024">
        <v>33</v>
      </c>
      <c r="AJ21024">
        <v>33</v>
      </c>
      <c r="AK21024">
        <v>33</v>
      </c>
      <c r="AL21024">
        <v>33</v>
      </c>
      <c r="AM21024">
        <v>33</v>
      </c>
      <c r="AN21024">
        <v>33</v>
      </c>
      <c r="AO21024">
        <v>33</v>
      </c>
      <c r="AP21024">
        <v>32</v>
      </c>
      <c r="AQ21024">
        <v>32</v>
      </c>
    </row>
    <row r="21025" spans="1:43">
      <c r="A21025" t="s">
        <v>13021</v>
      </c>
      <c r="B21025" t="s">
        <v>13022</v>
      </c>
      <c r="C21025" t="s">
        <v>13023</v>
      </c>
      <c r="D21025" t="s">
        <v>13024</v>
      </c>
      <c r="E21025" t="s">
        <v>12925</v>
      </c>
      <c r="F21025" t="s">
        <v>12926</v>
      </c>
      <c r="G21025" t="s">
        <v>10214</v>
      </c>
      <c r="H21025" t="s">
        <v>10215</v>
      </c>
      <c r="I21025" s="2">
        <v>1</v>
      </c>
      <c r="J21025" s="2">
        <v>0</v>
      </c>
      <c r="K21025" s="2">
        <v>0</v>
      </c>
      <c r="L21025" t="s">
        <v>120</v>
      </c>
      <c r="M21025" t="s">
        <v>83</v>
      </c>
      <c r="N21025" t="s">
        <v>91</v>
      </c>
      <c r="O21025" t="s">
        <v>85</v>
      </c>
      <c r="P21025" t="s">
        <v>86</v>
      </c>
      <c r="Q21025">
        <v>27</v>
      </c>
      <c r="R21025">
        <v>27</v>
      </c>
      <c r="S21025">
        <v>28</v>
      </c>
      <c r="T21025">
        <v>28</v>
      </c>
      <c r="U21025">
        <v>28</v>
      </c>
      <c r="V21025">
        <v>29</v>
      </c>
      <c r="W21025">
        <v>29</v>
      </c>
      <c r="X21025">
        <v>29</v>
      </c>
      <c r="Y21025">
        <v>30</v>
      </c>
      <c r="Z21025">
        <v>30</v>
      </c>
      <c r="AA21025">
        <v>30</v>
      </c>
      <c r="AB21025">
        <v>30</v>
      </c>
      <c r="AC21025">
        <v>31</v>
      </c>
      <c r="AD21025">
        <v>31</v>
      </c>
      <c r="AE21025">
        <v>31</v>
      </c>
      <c r="AF21025">
        <v>31</v>
      </c>
      <c r="AG21025">
        <v>32</v>
      </c>
      <c r="AH21025">
        <v>32</v>
      </c>
      <c r="AI21025">
        <v>32</v>
      </c>
      <c r="AJ21025">
        <v>32</v>
      </c>
      <c r="AK21025">
        <v>32</v>
      </c>
      <c r="AL21025">
        <v>32</v>
      </c>
      <c r="AM21025">
        <v>32</v>
      </c>
      <c r="AN21025">
        <v>32</v>
      </c>
      <c r="AO21025">
        <v>32</v>
      </c>
      <c r="AP21025">
        <v>32</v>
      </c>
      <c r="AQ21025">
        <v>32</v>
      </c>
    </row>
    <row r="21026" spans="1:43">
      <c r="A21026" t="s">
        <v>13025</v>
      </c>
      <c r="B21026" t="s">
        <v>13026</v>
      </c>
      <c r="C21026" t="s">
        <v>13023</v>
      </c>
      <c r="D21026" t="s">
        <v>13024</v>
      </c>
      <c r="E21026" t="s">
        <v>12925</v>
      </c>
      <c r="F21026" t="s">
        <v>12926</v>
      </c>
      <c r="G21026" t="s">
        <v>10214</v>
      </c>
      <c r="H21026" t="s">
        <v>10215</v>
      </c>
      <c r="I21026" s="2">
        <v>1</v>
      </c>
      <c r="J21026" s="2">
        <v>0</v>
      </c>
      <c r="K21026" s="2">
        <v>0</v>
      </c>
      <c r="L21026" t="s">
        <v>120</v>
      </c>
      <c r="M21026" t="s">
        <v>83</v>
      </c>
      <c r="N21026" t="s">
        <v>84</v>
      </c>
      <c r="O21026" t="s">
        <v>85</v>
      </c>
      <c r="P21026" t="s">
        <v>86</v>
      </c>
      <c r="Q21026">
        <v>7</v>
      </c>
      <c r="R21026">
        <v>7</v>
      </c>
      <c r="S21026">
        <v>7</v>
      </c>
      <c r="T21026">
        <v>7</v>
      </c>
      <c r="U21026">
        <v>7</v>
      </c>
      <c r="V21026">
        <v>8</v>
      </c>
      <c r="W21026">
        <v>8</v>
      </c>
      <c r="X21026">
        <v>8</v>
      </c>
      <c r="Y21026">
        <v>8</v>
      </c>
      <c r="Z21026">
        <v>8</v>
      </c>
      <c r="AA21026">
        <v>8</v>
      </c>
      <c r="AB21026">
        <v>8</v>
      </c>
      <c r="AC21026">
        <v>8</v>
      </c>
      <c r="AD21026">
        <v>8</v>
      </c>
      <c r="AE21026">
        <v>8</v>
      </c>
      <c r="AF21026">
        <v>8</v>
      </c>
      <c r="AG21026">
        <v>8</v>
      </c>
      <c r="AH21026">
        <v>8</v>
      </c>
      <c r="AI21026">
        <v>8</v>
      </c>
      <c r="AJ21026">
        <v>8</v>
      </c>
      <c r="AK21026">
        <v>9</v>
      </c>
      <c r="AL21026">
        <v>9</v>
      </c>
      <c r="AM21026">
        <v>9</v>
      </c>
      <c r="AN21026">
        <v>8</v>
      </c>
      <c r="AO21026">
        <v>8</v>
      </c>
      <c r="AP21026">
        <v>8</v>
      </c>
      <c r="AQ21026">
        <v>8</v>
      </c>
    </row>
    <row r="21027" spans="1:43">
      <c r="A21027" t="s">
        <v>13025</v>
      </c>
      <c r="B21027" t="s">
        <v>13026</v>
      </c>
      <c r="C21027" t="s">
        <v>13023</v>
      </c>
      <c r="D21027" t="s">
        <v>13024</v>
      </c>
      <c r="E21027" t="s">
        <v>12925</v>
      </c>
      <c r="F21027" t="s">
        <v>12926</v>
      </c>
      <c r="G21027" t="s">
        <v>10214</v>
      </c>
      <c r="H21027" t="s">
        <v>10215</v>
      </c>
      <c r="I21027" s="2">
        <v>1</v>
      </c>
      <c r="J21027" s="2">
        <v>0</v>
      </c>
      <c r="K21027" s="2">
        <v>0</v>
      </c>
      <c r="L21027" t="s">
        <v>120</v>
      </c>
      <c r="M21027" t="s">
        <v>87</v>
      </c>
      <c r="N21027" t="s">
        <v>88</v>
      </c>
      <c r="O21027" t="s">
        <v>85</v>
      </c>
      <c r="P21027" t="s">
        <v>86</v>
      </c>
      <c r="Q21027">
        <v>7</v>
      </c>
      <c r="R21027">
        <v>7</v>
      </c>
      <c r="S21027">
        <v>7</v>
      </c>
      <c r="T21027">
        <v>7</v>
      </c>
      <c r="U21027">
        <v>7</v>
      </c>
      <c r="V21027">
        <v>7</v>
      </c>
      <c r="W21027">
        <v>7</v>
      </c>
      <c r="X21027">
        <v>7</v>
      </c>
      <c r="Y21027">
        <v>7</v>
      </c>
      <c r="Z21027">
        <v>7</v>
      </c>
      <c r="AA21027">
        <v>7</v>
      </c>
      <c r="AB21027">
        <v>7</v>
      </c>
      <c r="AC21027">
        <v>7</v>
      </c>
      <c r="AD21027">
        <v>7</v>
      </c>
      <c r="AE21027">
        <v>7</v>
      </c>
      <c r="AF21027">
        <v>7</v>
      </c>
      <c r="AG21027">
        <v>7</v>
      </c>
      <c r="AH21027">
        <v>7</v>
      </c>
      <c r="AI21027">
        <v>7</v>
      </c>
      <c r="AJ21027">
        <v>7</v>
      </c>
      <c r="AK21027">
        <v>7</v>
      </c>
      <c r="AL21027">
        <v>7</v>
      </c>
      <c r="AM21027">
        <v>7</v>
      </c>
      <c r="AN21027">
        <v>7</v>
      </c>
      <c r="AO21027">
        <v>7</v>
      </c>
      <c r="AP21027">
        <v>7</v>
      </c>
      <c r="AQ21027">
        <v>7</v>
      </c>
    </row>
    <row r="21028" spans="1:43">
      <c r="A21028" t="s">
        <v>13025</v>
      </c>
      <c r="B21028" t="s">
        <v>13026</v>
      </c>
      <c r="C21028" t="s">
        <v>13023</v>
      </c>
      <c r="D21028" t="s">
        <v>13024</v>
      </c>
      <c r="E21028" t="s">
        <v>12925</v>
      </c>
      <c r="F21028" t="s">
        <v>12926</v>
      </c>
      <c r="G21028" t="s">
        <v>10214</v>
      </c>
      <c r="H21028" t="s">
        <v>10215</v>
      </c>
      <c r="I21028" s="2">
        <v>1</v>
      </c>
      <c r="J21028" s="2">
        <v>0</v>
      </c>
      <c r="K21028" s="2">
        <v>0</v>
      </c>
      <c r="L21028" t="s">
        <v>120</v>
      </c>
      <c r="M21028" t="s">
        <v>89</v>
      </c>
      <c r="N21028" t="s">
        <v>90</v>
      </c>
      <c r="O21028" t="s">
        <v>85</v>
      </c>
      <c r="P21028" t="s">
        <v>86</v>
      </c>
      <c r="Q21028">
        <v>7</v>
      </c>
      <c r="R21028">
        <v>7</v>
      </c>
      <c r="S21028">
        <v>7</v>
      </c>
      <c r="T21028">
        <v>8</v>
      </c>
      <c r="U21028">
        <v>8</v>
      </c>
      <c r="V21028">
        <v>8</v>
      </c>
      <c r="W21028">
        <v>8</v>
      </c>
      <c r="X21028">
        <v>8</v>
      </c>
      <c r="Y21028">
        <v>8</v>
      </c>
      <c r="Z21028">
        <v>8</v>
      </c>
      <c r="AA21028">
        <v>8</v>
      </c>
      <c r="AB21028">
        <v>8</v>
      </c>
      <c r="AC21028">
        <v>9</v>
      </c>
      <c r="AD21028">
        <v>9</v>
      </c>
      <c r="AE21028">
        <v>9</v>
      </c>
      <c r="AF21028">
        <v>9</v>
      </c>
      <c r="AG21028">
        <v>9</v>
      </c>
      <c r="AH21028">
        <v>9</v>
      </c>
      <c r="AI21028">
        <v>9</v>
      </c>
      <c r="AJ21028">
        <v>9</v>
      </c>
      <c r="AK21028">
        <v>9</v>
      </c>
      <c r="AL21028">
        <v>9</v>
      </c>
      <c r="AM21028">
        <v>9</v>
      </c>
      <c r="AN21028">
        <v>9</v>
      </c>
      <c r="AO21028">
        <v>9</v>
      </c>
      <c r="AP21028">
        <v>8</v>
      </c>
      <c r="AQ21028">
        <v>8</v>
      </c>
    </row>
    <row r="21029" spans="1:43">
      <c r="A21029" t="s">
        <v>13025</v>
      </c>
      <c r="B21029" t="s">
        <v>13026</v>
      </c>
      <c r="C21029" t="s">
        <v>13023</v>
      </c>
      <c r="D21029" t="s">
        <v>13024</v>
      </c>
      <c r="E21029" t="s">
        <v>12925</v>
      </c>
      <c r="F21029" t="s">
        <v>12926</v>
      </c>
      <c r="G21029" t="s">
        <v>10214</v>
      </c>
      <c r="H21029" t="s">
        <v>10215</v>
      </c>
      <c r="I21029" s="2">
        <v>1</v>
      </c>
      <c r="J21029" s="2">
        <v>0</v>
      </c>
      <c r="K21029" s="2">
        <v>0</v>
      </c>
      <c r="L21029" t="s">
        <v>120</v>
      </c>
      <c r="M21029" t="s">
        <v>83</v>
      </c>
      <c r="N21029" t="s">
        <v>91</v>
      </c>
      <c r="O21029" t="s">
        <v>85</v>
      </c>
      <c r="P21029" t="s">
        <v>86</v>
      </c>
      <c r="Q21029">
        <v>7</v>
      </c>
      <c r="R21029">
        <v>7</v>
      </c>
      <c r="S21029">
        <v>7</v>
      </c>
      <c r="T21029">
        <v>7</v>
      </c>
      <c r="U21029">
        <v>7</v>
      </c>
      <c r="V21029">
        <v>8</v>
      </c>
      <c r="W21029">
        <v>8</v>
      </c>
      <c r="X21029">
        <v>8</v>
      </c>
      <c r="Y21029">
        <v>8</v>
      </c>
      <c r="Z21029">
        <v>8</v>
      </c>
      <c r="AA21029">
        <v>8</v>
      </c>
      <c r="AB21029">
        <v>8</v>
      </c>
      <c r="AC21029">
        <v>8</v>
      </c>
      <c r="AD21029">
        <v>8</v>
      </c>
      <c r="AE21029">
        <v>8</v>
      </c>
      <c r="AF21029">
        <v>8</v>
      </c>
      <c r="AG21029">
        <v>8</v>
      </c>
      <c r="AH21029">
        <v>8</v>
      </c>
      <c r="AI21029">
        <v>8</v>
      </c>
      <c r="AJ21029">
        <v>8</v>
      </c>
      <c r="AK21029">
        <v>9</v>
      </c>
      <c r="AL21029">
        <v>9</v>
      </c>
      <c r="AM21029">
        <v>9</v>
      </c>
      <c r="AN21029">
        <v>8</v>
      </c>
      <c r="AO21029">
        <v>8</v>
      </c>
      <c r="AP21029">
        <v>8</v>
      </c>
      <c r="AQ21029">
        <v>8</v>
      </c>
    </row>
    <row r="21030" spans="1:43">
      <c r="A21030" t="s">
        <v>13027</v>
      </c>
      <c r="B21030" t="s">
        <v>13028</v>
      </c>
      <c r="C21030" t="s">
        <v>13023</v>
      </c>
      <c r="D21030" t="s">
        <v>13024</v>
      </c>
      <c r="E21030" t="s">
        <v>12925</v>
      </c>
      <c r="F21030" t="s">
        <v>12926</v>
      </c>
      <c r="G21030" t="s">
        <v>10214</v>
      </c>
      <c r="H21030" t="s">
        <v>10215</v>
      </c>
      <c r="I21030" s="2">
        <v>1</v>
      </c>
      <c r="J21030" s="2">
        <v>0</v>
      </c>
      <c r="K21030" s="2">
        <v>0</v>
      </c>
      <c r="L21030" t="s">
        <v>120</v>
      </c>
      <c r="M21030" t="s">
        <v>83</v>
      </c>
      <c r="N21030" t="s">
        <v>84</v>
      </c>
      <c r="O21030" t="s">
        <v>85</v>
      </c>
      <c r="P21030" t="s">
        <v>86</v>
      </c>
      <c r="Q21030">
        <v>17</v>
      </c>
      <c r="R21030">
        <v>17</v>
      </c>
      <c r="S21030">
        <v>18</v>
      </c>
      <c r="T21030">
        <v>18</v>
      </c>
      <c r="U21030">
        <v>18</v>
      </c>
      <c r="V21030">
        <v>18</v>
      </c>
      <c r="W21030">
        <v>19</v>
      </c>
      <c r="X21030">
        <v>19</v>
      </c>
      <c r="Y21030">
        <v>19</v>
      </c>
      <c r="Z21030">
        <v>19</v>
      </c>
      <c r="AA21030">
        <v>19</v>
      </c>
      <c r="AB21030">
        <v>20</v>
      </c>
      <c r="AC21030">
        <v>20</v>
      </c>
      <c r="AD21030">
        <v>20</v>
      </c>
      <c r="AE21030">
        <v>20</v>
      </c>
      <c r="AF21030">
        <v>20</v>
      </c>
      <c r="AG21030">
        <v>21</v>
      </c>
      <c r="AH21030">
        <v>21</v>
      </c>
      <c r="AI21030">
        <v>21</v>
      </c>
      <c r="AJ21030">
        <v>21</v>
      </c>
      <c r="AK21030">
        <v>21</v>
      </c>
      <c r="AL21030">
        <v>21</v>
      </c>
      <c r="AM21030">
        <v>21</v>
      </c>
      <c r="AN21030">
        <v>21</v>
      </c>
      <c r="AO21030">
        <v>21</v>
      </c>
      <c r="AP21030">
        <v>21</v>
      </c>
      <c r="AQ21030">
        <v>21</v>
      </c>
    </row>
    <row r="21031" spans="1:43">
      <c r="A21031" t="s">
        <v>13027</v>
      </c>
      <c r="B21031" t="s">
        <v>13028</v>
      </c>
      <c r="C21031" t="s">
        <v>13023</v>
      </c>
      <c r="D21031" t="s">
        <v>13024</v>
      </c>
      <c r="E21031" t="s">
        <v>12925</v>
      </c>
      <c r="F21031" t="s">
        <v>12926</v>
      </c>
      <c r="G21031" t="s">
        <v>10214</v>
      </c>
      <c r="H21031" t="s">
        <v>10215</v>
      </c>
      <c r="I21031" s="2">
        <v>1</v>
      </c>
      <c r="J21031" s="2">
        <v>0</v>
      </c>
      <c r="K21031" s="2">
        <v>0</v>
      </c>
      <c r="L21031" t="s">
        <v>120</v>
      </c>
      <c r="M21031" t="s">
        <v>87</v>
      </c>
      <c r="N21031" t="s">
        <v>88</v>
      </c>
      <c r="O21031" t="s">
        <v>85</v>
      </c>
      <c r="P21031" t="s">
        <v>86</v>
      </c>
      <c r="Q21031">
        <v>17</v>
      </c>
      <c r="R21031">
        <v>17</v>
      </c>
      <c r="S21031">
        <v>17</v>
      </c>
      <c r="T21031">
        <v>17</v>
      </c>
      <c r="U21031">
        <v>17</v>
      </c>
      <c r="V21031">
        <v>17</v>
      </c>
      <c r="W21031">
        <v>17</v>
      </c>
      <c r="X21031">
        <v>18</v>
      </c>
      <c r="Y21031">
        <v>18</v>
      </c>
      <c r="Z21031">
        <v>18</v>
      </c>
      <c r="AA21031">
        <v>18</v>
      </c>
      <c r="AB21031">
        <v>18</v>
      </c>
      <c r="AC21031">
        <v>18</v>
      </c>
      <c r="AD21031">
        <v>18</v>
      </c>
      <c r="AE21031">
        <v>18</v>
      </c>
      <c r="AF21031">
        <v>18</v>
      </c>
      <c r="AG21031">
        <v>18</v>
      </c>
      <c r="AH21031">
        <v>18</v>
      </c>
      <c r="AI21031">
        <v>19</v>
      </c>
      <c r="AJ21031">
        <v>19</v>
      </c>
      <c r="AK21031">
        <v>19</v>
      </c>
      <c r="AL21031">
        <v>19</v>
      </c>
      <c r="AM21031">
        <v>19</v>
      </c>
      <c r="AN21031">
        <v>19</v>
      </c>
      <c r="AO21031">
        <v>19</v>
      </c>
      <c r="AP21031">
        <v>19</v>
      </c>
      <c r="AQ21031">
        <v>19</v>
      </c>
    </row>
    <row r="21032" spans="1:43">
      <c r="A21032" t="s">
        <v>13027</v>
      </c>
      <c r="B21032" t="s">
        <v>13028</v>
      </c>
      <c r="C21032" t="s">
        <v>13023</v>
      </c>
      <c r="D21032" t="s">
        <v>13024</v>
      </c>
      <c r="E21032" t="s">
        <v>12925</v>
      </c>
      <c r="F21032" t="s">
        <v>12926</v>
      </c>
      <c r="G21032" t="s">
        <v>10214</v>
      </c>
      <c r="H21032" t="s">
        <v>10215</v>
      </c>
      <c r="I21032" s="2">
        <v>1</v>
      </c>
      <c r="J21032" s="2">
        <v>0</v>
      </c>
      <c r="K21032" s="2">
        <v>0</v>
      </c>
      <c r="L21032" t="s">
        <v>120</v>
      </c>
      <c r="M21032" t="s">
        <v>89</v>
      </c>
      <c r="N21032" t="s">
        <v>90</v>
      </c>
      <c r="O21032" t="s">
        <v>85</v>
      </c>
      <c r="P21032" t="s">
        <v>86</v>
      </c>
      <c r="Q21032">
        <v>17</v>
      </c>
      <c r="R21032">
        <v>18</v>
      </c>
      <c r="S21032">
        <v>18</v>
      </c>
      <c r="T21032">
        <v>18</v>
      </c>
      <c r="U21032">
        <v>19</v>
      </c>
      <c r="V21032">
        <v>19</v>
      </c>
      <c r="W21032">
        <v>19</v>
      </c>
      <c r="X21032">
        <v>20</v>
      </c>
      <c r="Y21032">
        <v>20</v>
      </c>
      <c r="Z21032">
        <v>20</v>
      </c>
      <c r="AA21032">
        <v>20</v>
      </c>
      <c r="AB21032">
        <v>21</v>
      </c>
      <c r="AC21032">
        <v>21</v>
      </c>
      <c r="AD21032">
        <v>21</v>
      </c>
      <c r="AE21032">
        <v>21</v>
      </c>
      <c r="AF21032">
        <v>21</v>
      </c>
      <c r="AG21032">
        <v>21</v>
      </c>
      <c r="AH21032">
        <v>21</v>
      </c>
      <c r="AI21032">
        <v>21</v>
      </c>
      <c r="AJ21032">
        <v>21</v>
      </c>
      <c r="AK21032">
        <v>21</v>
      </c>
      <c r="AL21032">
        <v>21</v>
      </c>
      <c r="AM21032">
        <v>21</v>
      </c>
      <c r="AN21032">
        <v>21</v>
      </c>
      <c r="AO21032">
        <v>21</v>
      </c>
      <c r="AP21032">
        <v>21</v>
      </c>
      <c r="AQ21032">
        <v>21</v>
      </c>
    </row>
    <row r="21033" spans="1:43">
      <c r="A21033" t="s">
        <v>13027</v>
      </c>
      <c r="B21033" t="s">
        <v>13028</v>
      </c>
      <c r="C21033" t="s">
        <v>13023</v>
      </c>
      <c r="D21033" t="s">
        <v>13024</v>
      </c>
      <c r="E21033" t="s">
        <v>12925</v>
      </c>
      <c r="F21033" t="s">
        <v>12926</v>
      </c>
      <c r="G21033" t="s">
        <v>10214</v>
      </c>
      <c r="H21033" t="s">
        <v>10215</v>
      </c>
      <c r="I21033" s="2">
        <v>1</v>
      </c>
      <c r="J21033" s="2">
        <v>0</v>
      </c>
      <c r="K21033" s="2">
        <v>0</v>
      </c>
      <c r="L21033" t="s">
        <v>120</v>
      </c>
      <c r="M21033" t="s">
        <v>83</v>
      </c>
      <c r="N21033" t="s">
        <v>91</v>
      </c>
      <c r="O21033" t="s">
        <v>85</v>
      </c>
      <c r="P21033" t="s">
        <v>86</v>
      </c>
      <c r="Q21033">
        <v>17</v>
      </c>
      <c r="R21033">
        <v>17</v>
      </c>
      <c r="S21033">
        <v>18</v>
      </c>
      <c r="T21033">
        <v>18</v>
      </c>
      <c r="U21033">
        <v>18</v>
      </c>
      <c r="V21033">
        <v>18</v>
      </c>
      <c r="W21033">
        <v>19</v>
      </c>
      <c r="X21033">
        <v>19</v>
      </c>
      <c r="Y21033">
        <v>19</v>
      </c>
      <c r="Z21033">
        <v>19</v>
      </c>
      <c r="AA21033">
        <v>19</v>
      </c>
      <c r="AB21033">
        <v>20</v>
      </c>
      <c r="AC21033">
        <v>20</v>
      </c>
      <c r="AD21033">
        <v>20</v>
      </c>
      <c r="AE21033">
        <v>20</v>
      </c>
      <c r="AF21033">
        <v>20</v>
      </c>
      <c r="AG21033">
        <v>21</v>
      </c>
      <c r="AH21033">
        <v>21</v>
      </c>
      <c r="AI21033">
        <v>21</v>
      </c>
      <c r="AJ21033">
        <v>21</v>
      </c>
      <c r="AK21033">
        <v>21</v>
      </c>
      <c r="AL21033">
        <v>21</v>
      </c>
      <c r="AM21033">
        <v>21</v>
      </c>
      <c r="AN21033">
        <v>21</v>
      </c>
      <c r="AO21033">
        <v>21</v>
      </c>
      <c r="AP21033">
        <v>21</v>
      </c>
      <c r="AQ21033">
        <v>21</v>
      </c>
    </row>
    <row r="21034" spans="1:43">
      <c r="A21034" t="s">
        <v>13029</v>
      </c>
      <c r="B21034" t="s">
        <v>13030</v>
      </c>
      <c r="C21034" t="s">
        <v>13023</v>
      </c>
      <c r="D21034" t="s">
        <v>13024</v>
      </c>
      <c r="E21034" t="s">
        <v>12925</v>
      </c>
      <c r="F21034" t="s">
        <v>12926</v>
      </c>
      <c r="G21034" t="s">
        <v>10214</v>
      </c>
      <c r="H21034" t="s">
        <v>10215</v>
      </c>
      <c r="I21034" s="2">
        <v>1</v>
      </c>
      <c r="J21034" s="2">
        <v>0</v>
      </c>
      <c r="K21034" s="2">
        <v>0</v>
      </c>
      <c r="L21034" t="s">
        <v>120</v>
      </c>
      <c r="M21034" t="s">
        <v>83</v>
      </c>
      <c r="N21034" t="s">
        <v>84</v>
      </c>
      <c r="O21034" t="s">
        <v>85</v>
      </c>
      <c r="P21034" t="s">
        <v>86</v>
      </c>
      <c r="Q21034">
        <v>9</v>
      </c>
      <c r="R21034">
        <v>9</v>
      </c>
      <c r="S21034">
        <v>9</v>
      </c>
      <c r="T21034">
        <v>9</v>
      </c>
      <c r="U21034">
        <v>9</v>
      </c>
      <c r="V21034">
        <v>9</v>
      </c>
      <c r="W21034">
        <v>9</v>
      </c>
      <c r="X21034">
        <v>9</v>
      </c>
      <c r="Y21034">
        <v>9</v>
      </c>
      <c r="Z21034">
        <v>10</v>
      </c>
      <c r="AA21034">
        <v>10</v>
      </c>
      <c r="AB21034">
        <v>10</v>
      </c>
      <c r="AC21034">
        <v>10</v>
      </c>
      <c r="AD21034">
        <v>10</v>
      </c>
      <c r="AE21034">
        <v>10</v>
      </c>
      <c r="AF21034">
        <v>10</v>
      </c>
      <c r="AG21034">
        <v>10</v>
      </c>
      <c r="AH21034">
        <v>10</v>
      </c>
      <c r="AI21034">
        <v>10</v>
      </c>
      <c r="AJ21034">
        <v>10</v>
      </c>
      <c r="AK21034">
        <v>10</v>
      </c>
      <c r="AL21034">
        <v>10</v>
      </c>
      <c r="AM21034">
        <v>10</v>
      </c>
      <c r="AN21034">
        <v>10</v>
      </c>
      <c r="AO21034">
        <v>10</v>
      </c>
      <c r="AP21034">
        <v>10</v>
      </c>
      <c r="AQ21034">
        <v>10</v>
      </c>
    </row>
    <row r="21035" spans="1:43">
      <c r="A21035" t="s">
        <v>13029</v>
      </c>
      <c r="B21035" t="s">
        <v>13030</v>
      </c>
      <c r="C21035" t="s">
        <v>13023</v>
      </c>
      <c r="D21035" t="s">
        <v>13024</v>
      </c>
      <c r="E21035" t="s">
        <v>12925</v>
      </c>
      <c r="F21035" t="s">
        <v>12926</v>
      </c>
      <c r="G21035" t="s">
        <v>10214</v>
      </c>
      <c r="H21035" t="s">
        <v>10215</v>
      </c>
      <c r="I21035" s="2">
        <v>1</v>
      </c>
      <c r="J21035" s="2">
        <v>0</v>
      </c>
      <c r="K21035" s="2">
        <v>0</v>
      </c>
      <c r="L21035" t="s">
        <v>120</v>
      </c>
      <c r="M21035" t="s">
        <v>87</v>
      </c>
      <c r="N21035" t="s">
        <v>88</v>
      </c>
      <c r="O21035" t="s">
        <v>85</v>
      </c>
      <c r="P21035" t="s">
        <v>86</v>
      </c>
      <c r="Q21035">
        <v>9</v>
      </c>
      <c r="R21035">
        <v>9</v>
      </c>
      <c r="S21035">
        <v>9</v>
      </c>
      <c r="T21035">
        <v>9</v>
      </c>
      <c r="U21035">
        <v>9</v>
      </c>
      <c r="V21035">
        <v>9</v>
      </c>
      <c r="W21035">
        <v>9</v>
      </c>
      <c r="X21035">
        <v>9</v>
      </c>
      <c r="Y21035">
        <v>9</v>
      </c>
      <c r="Z21035">
        <v>9</v>
      </c>
      <c r="AA21035">
        <v>9</v>
      </c>
      <c r="AB21035">
        <v>9</v>
      </c>
      <c r="AC21035">
        <v>9</v>
      </c>
      <c r="AD21035">
        <v>9</v>
      </c>
      <c r="AE21035">
        <v>9</v>
      </c>
      <c r="AF21035">
        <v>9</v>
      </c>
      <c r="AG21035">
        <v>9</v>
      </c>
      <c r="AH21035">
        <v>9</v>
      </c>
      <c r="AI21035">
        <v>9</v>
      </c>
      <c r="AJ21035">
        <v>9</v>
      </c>
      <c r="AK21035">
        <v>9</v>
      </c>
      <c r="AL21035">
        <v>9</v>
      </c>
      <c r="AM21035">
        <v>9</v>
      </c>
      <c r="AN21035">
        <v>9</v>
      </c>
      <c r="AO21035">
        <v>9</v>
      </c>
      <c r="AP21035">
        <v>9</v>
      </c>
      <c r="AQ21035">
        <v>9</v>
      </c>
    </row>
    <row r="21036" spans="1:43">
      <c r="A21036" t="s">
        <v>13029</v>
      </c>
      <c r="B21036" t="s">
        <v>13030</v>
      </c>
      <c r="C21036" t="s">
        <v>13023</v>
      </c>
      <c r="D21036" t="s">
        <v>13024</v>
      </c>
      <c r="E21036" t="s">
        <v>12925</v>
      </c>
      <c r="F21036" t="s">
        <v>12926</v>
      </c>
      <c r="G21036" t="s">
        <v>10214</v>
      </c>
      <c r="H21036" t="s">
        <v>10215</v>
      </c>
      <c r="I21036" s="2">
        <v>1</v>
      </c>
      <c r="J21036" s="2">
        <v>0</v>
      </c>
      <c r="K21036" s="2">
        <v>0</v>
      </c>
      <c r="L21036" t="s">
        <v>120</v>
      </c>
      <c r="M21036" t="s">
        <v>89</v>
      </c>
      <c r="N21036" t="s">
        <v>90</v>
      </c>
      <c r="O21036" t="s">
        <v>85</v>
      </c>
      <c r="P21036" t="s">
        <v>86</v>
      </c>
      <c r="Q21036">
        <v>9</v>
      </c>
      <c r="R21036">
        <v>9</v>
      </c>
      <c r="S21036">
        <v>9</v>
      </c>
      <c r="T21036">
        <v>9</v>
      </c>
      <c r="U21036">
        <v>9</v>
      </c>
      <c r="V21036">
        <v>10</v>
      </c>
      <c r="W21036">
        <v>10</v>
      </c>
      <c r="X21036">
        <v>10</v>
      </c>
      <c r="Y21036">
        <v>10</v>
      </c>
      <c r="Z21036">
        <v>10</v>
      </c>
      <c r="AA21036">
        <v>10</v>
      </c>
      <c r="AB21036">
        <v>10</v>
      </c>
      <c r="AC21036">
        <v>11</v>
      </c>
      <c r="AD21036">
        <v>11</v>
      </c>
      <c r="AE21036">
        <v>11</v>
      </c>
      <c r="AF21036">
        <v>11</v>
      </c>
      <c r="AG21036">
        <v>11</v>
      </c>
      <c r="AH21036">
        <v>11</v>
      </c>
      <c r="AI21036">
        <v>11</v>
      </c>
      <c r="AJ21036">
        <v>11</v>
      </c>
      <c r="AK21036">
        <v>11</v>
      </c>
      <c r="AL21036">
        <v>11</v>
      </c>
      <c r="AM21036">
        <v>11</v>
      </c>
      <c r="AN21036">
        <v>11</v>
      </c>
      <c r="AO21036">
        <v>10</v>
      </c>
      <c r="AP21036">
        <v>10</v>
      </c>
      <c r="AQ21036">
        <v>10</v>
      </c>
    </row>
    <row r="21037" spans="1:43">
      <c r="A21037" t="s">
        <v>13029</v>
      </c>
      <c r="B21037" t="s">
        <v>13030</v>
      </c>
      <c r="C21037" t="s">
        <v>13023</v>
      </c>
      <c r="D21037" t="s">
        <v>13024</v>
      </c>
      <c r="E21037" t="s">
        <v>12925</v>
      </c>
      <c r="F21037" t="s">
        <v>12926</v>
      </c>
      <c r="G21037" t="s">
        <v>10214</v>
      </c>
      <c r="H21037" t="s">
        <v>10215</v>
      </c>
      <c r="I21037" s="2">
        <v>1</v>
      </c>
      <c r="J21037" s="2">
        <v>0</v>
      </c>
      <c r="K21037" s="2">
        <v>0</v>
      </c>
      <c r="L21037" t="s">
        <v>120</v>
      </c>
      <c r="M21037" t="s">
        <v>83</v>
      </c>
      <c r="N21037" t="s">
        <v>91</v>
      </c>
      <c r="O21037" t="s">
        <v>85</v>
      </c>
      <c r="P21037" t="s">
        <v>86</v>
      </c>
      <c r="Q21037">
        <v>9</v>
      </c>
      <c r="R21037">
        <v>9</v>
      </c>
      <c r="S21037">
        <v>9</v>
      </c>
      <c r="T21037">
        <v>9</v>
      </c>
      <c r="U21037">
        <v>9</v>
      </c>
      <c r="V21037">
        <v>9</v>
      </c>
      <c r="W21037">
        <v>9</v>
      </c>
      <c r="X21037">
        <v>9</v>
      </c>
      <c r="Y21037">
        <v>9</v>
      </c>
      <c r="Z21037">
        <v>10</v>
      </c>
      <c r="AA21037">
        <v>10</v>
      </c>
      <c r="AB21037">
        <v>10</v>
      </c>
      <c r="AC21037">
        <v>10</v>
      </c>
      <c r="AD21037">
        <v>10</v>
      </c>
      <c r="AE21037">
        <v>10</v>
      </c>
      <c r="AF21037">
        <v>10</v>
      </c>
      <c r="AG21037">
        <v>10</v>
      </c>
      <c r="AH21037">
        <v>10</v>
      </c>
      <c r="AI21037">
        <v>10</v>
      </c>
      <c r="AJ21037">
        <v>10</v>
      </c>
      <c r="AK21037">
        <v>10</v>
      </c>
      <c r="AL21037">
        <v>10</v>
      </c>
      <c r="AM21037">
        <v>10</v>
      </c>
      <c r="AN21037">
        <v>10</v>
      </c>
      <c r="AO21037">
        <v>10</v>
      </c>
      <c r="AP21037">
        <v>10</v>
      </c>
      <c r="AQ21037">
        <v>10</v>
      </c>
    </row>
    <row r="21038" spans="1:43">
      <c r="A21038" t="s">
        <v>13031</v>
      </c>
      <c r="B21038" t="s">
        <v>13032</v>
      </c>
      <c r="C21038" t="s">
        <v>13033</v>
      </c>
      <c r="D21038" t="s">
        <v>13034</v>
      </c>
      <c r="E21038" t="s">
        <v>12925</v>
      </c>
      <c r="F21038" t="s">
        <v>12926</v>
      </c>
      <c r="G21038" t="s">
        <v>10214</v>
      </c>
      <c r="H21038" t="s">
        <v>10215</v>
      </c>
      <c r="I21038" s="2">
        <v>1</v>
      </c>
      <c r="J21038" s="2">
        <v>0</v>
      </c>
      <c r="K21038" s="2">
        <v>0</v>
      </c>
      <c r="L21038" t="s">
        <v>120</v>
      </c>
      <c r="M21038" t="s">
        <v>83</v>
      </c>
      <c r="N21038" t="s">
        <v>84</v>
      </c>
      <c r="O21038" t="s">
        <v>85</v>
      </c>
      <c r="P21038" t="s">
        <v>86</v>
      </c>
      <c r="Q21038">
        <v>52</v>
      </c>
      <c r="R21038">
        <v>53</v>
      </c>
      <c r="S21038">
        <v>53</v>
      </c>
      <c r="T21038">
        <v>54</v>
      </c>
      <c r="U21038">
        <v>55</v>
      </c>
      <c r="V21038">
        <v>55</v>
      </c>
      <c r="W21038">
        <v>56</v>
      </c>
      <c r="X21038">
        <v>56</v>
      </c>
      <c r="Y21038">
        <v>57</v>
      </c>
      <c r="Z21038">
        <v>57</v>
      </c>
      <c r="AA21038">
        <v>58</v>
      </c>
      <c r="AB21038">
        <v>58</v>
      </c>
      <c r="AC21038">
        <v>59</v>
      </c>
      <c r="AD21038">
        <v>59</v>
      </c>
      <c r="AE21038">
        <v>60</v>
      </c>
      <c r="AF21038">
        <v>60</v>
      </c>
      <c r="AG21038">
        <v>61</v>
      </c>
      <c r="AH21038">
        <v>61</v>
      </c>
      <c r="AI21038">
        <v>62</v>
      </c>
      <c r="AJ21038">
        <v>62</v>
      </c>
      <c r="AK21038">
        <v>63</v>
      </c>
      <c r="AL21038">
        <v>63</v>
      </c>
      <c r="AM21038">
        <v>63</v>
      </c>
      <c r="AN21038">
        <v>62</v>
      </c>
      <c r="AO21038">
        <v>62</v>
      </c>
      <c r="AP21038">
        <v>62</v>
      </c>
      <c r="AQ21038">
        <v>62</v>
      </c>
    </row>
    <row r="21039" spans="1:43">
      <c r="A21039" t="s">
        <v>13031</v>
      </c>
      <c r="B21039" t="s">
        <v>13032</v>
      </c>
      <c r="C21039" t="s">
        <v>13033</v>
      </c>
      <c r="D21039" t="s">
        <v>13034</v>
      </c>
      <c r="E21039" t="s">
        <v>12925</v>
      </c>
      <c r="F21039" t="s">
        <v>12926</v>
      </c>
      <c r="G21039" t="s">
        <v>10214</v>
      </c>
      <c r="H21039" t="s">
        <v>10215</v>
      </c>
      <c r="I21039" s="2">
        <v>1</v>
      </c>
      <c r="J21039" s="2">
        <v>0</v>
      </c>
      <c r="K21039" s="2">
        <v>0</v>
      </c>
      <c r="L21039" t="s">
        <v>120</v>
      </c>
      <c r="M21039" t="s">
        <v>87</v>
      </c>
      <c r="N21039" t="s">
        <v>88</v>
      </c>
      <c r="O21039" t="s">
        <v>85</v>
      </c>
      <c r="P21039" t="s">
        <v>86</v>
      </c>
      <c r="Q21039">
        <v>52</v>
      </c>
      <c r="R21039">
        <v>52</v>
      </c>
      <c r="S21039">
        <v>52</v>
      </c>
      <c r="T21039">
        <v>52</v>
      </c>
      <c r="U21039">
        <v>52</v>
      </c>
      <c r="V21039">
        <v>52</v>
      </c>
      <c r="W21039">
        <v>52</v>
      </c>
      <c r="X21039">
        <v>53</v>
      </c>
      <c r="Y21039">
        <v>53</v>
      </c>
      <c r="Z21039">
        <v>53</v>
      </c>
      <c r="AA21039">
        <v>53</v>
      </c>
      <c r="AB21039">
        <v>53</v>
      </c>
      <c r="AC21039">
        <v>53</v>
      </c>
      <c r="AD21039">
        <v>53</v>
      </c>
      <c r="AE21039">
        <v>53</v>
      </c>
      <c r="AF21039">
        <v>53</v>
      </c>
      <c r="AG21039">
        <v>53</v>
      </c>
      <c r="AH21039">
        <v>54</v>
      </c>
      <c r="AI21039">
        <v>54</v>
      </c>
      <c r="AJ21039">
        <v>54</v>
      </c>
      <c r="AK21039">
        <v>54</v>
      </c>
      <c r="AL21039">
        <v>54</v>
      </c>
      <c r="AM21039">
        <v>54</v>
      </c>
      <c r="AN21039">
        <v>54</v>
      </c>
      <c r="AO21039">
        <v>54</v>
      </c>
      <c r="AP21039">
        <v>54</v>
      </c>
      <c r="AQ21039">
        <v>54</v>
      </c>
    </row>
    <row r="21040" spans="1:43">
      <c r="A21040" t="s">
        <v>13031</v>
      </c>
      <c r="B21040" t="s">
        <v>13032</v>
      </c>
      <c r="C21040" t="s">
        <v>13033</v>
      </c>
      <c r="D21040" t="s">
        <v>13034</v>
      </c>
      <c r="E21040" t="s">
        <v>12925</v>
      </c>
      <c r="F21040" t="s">
        <v>12926</v>
      </c>
      <c r="G21040" t="s">
        <v>10214</v>
      </c>
      <c r="H21040" t="s">
        <v>10215</v>
      </c>
      <c r="I21040" s="2">
        <v>1</v>
      </c>
      <c r="J21040" s="2">
        <v>0</v>
      </c>
      <c r="K21040" s="2">
        <v>0</v>
      </c>
      <c r="L21040" t="s">
        <v>120</v>
      </c>
      <c r="M21040" t="s">
        <v>89</v>
      </c>
      <c r="N21040" t="s">
        <v>90</v>
      </c>
      <c r="O21040" t="s">
        <v>85</v>
      </c>
      <c r="P21040" t="s">
        <v>86</v>
      </c>
      <c r="Q21040">
        <v>52</v>
      </c>
      <c r="R21040">
        <v>54</v>
      </c>
      <c r="S21040">
        <v>55</v>
      </c>
      <c r="T21040">
        <v>56</v>
      </c>
      <c r="U21040">
        <v>57</v>
      </c>
      <c r="V21040">
        <v>58</v>
      </c>
      <c r="W21040">
        <v>58</v>
      </c>
      <c r="X21040">
        <v>59</v>
      </c>
      <c r="Y21040">
        <v>60</v>
      </c>
      <c r="Z21040">
        <v>61</v>
      </c>
      <c r="AA21040">
        <v>62</v>
      </c>
      <c r="AB21040">
        <v>62</v>
      </c>
      <c r="AC21040">
        <v>63</v>
      </c>
      <c r="AD21040">
        <v>64</v>
      </c>
      <c r="AE21040">
        <v>64</v>
      </c>
      <c r="AF21040">
        <v>64</v>
      </c>
      <c r="AG21040">
        <v>64</v>
      </c>
      <c r="AH21040">
        <v>64</v>
      </c>
      <c r="AI21040">
        <v>64</v>
      </c>
      <c r="AJ21040">
        <v>64</v>
      </c>
      <c r="AK21040">
        <v>63</v>
      </c>
      <c r="AL21040">
        <v>63</v>
      </c>
      <c r="AM21040">
        <v>63</v>
      </c>
      <c r="AN21040">
        <v>63</v>
      </c>
      <c r="AO21040">
        <v>63</v>
      </c>
      <c r="AP21040">
        <v>63</v>
      </c>
      <c r="AQ21040">
        <v>63</v>
      </c>
    </row>
    <row r="21041" spans="1:43">
      <c r="A21041" t="s">
        <v>13031</v>
      </c>
      <c r="B21041" t="s">
        <v>13032</v>
      </c>
      <c r="C21041" t="s">
        <v>13033</v>
      </c>
      <c r="D21041" t="s">
        <v>13034</v>
      </c>
      <c r="E21041" t="s">
        <v>12925</v>
      </c>
      <c r="F21041" t="s">
        <v>12926</v>
      </c>
      <c r="G21041" t="s">
        <v>10214</v>
      </c>
      <c r="H21041" t="s">
        <v>10215</v>
      </c>
      <c r="I21041" s="2">
        <v>1</v>
      </c>
      <c r="J21041" s="2">
        <v>0</v>
      </c>
      <c r="K21041" s="2">
        <v>0</v>
      </c>
      <c r="L21041" t="s">
        <v>120</v>
      </c>
      <c r="M21041" t="s">
        <v>83</v>
      </c>
      <c r="N21041" t="s">
        <v>91</v>
      </c>
      <c r="O21041" t="s">
        <v>85</v>
      </c>
      <c r="P21041" t="s">
        <v>86</v>
      </c>
      <c r="Q21041">
        <v>52</v>
      </c>
      <c r="R21041">
        <v>53</v>
      </c>
      <c r="S21041">
        <v>53</v>
      </c>
      <c r="T21041">
        <v>54</v>
      </c>
      <c r="U21041">
        <v>55</v>
      </c>
      <c r="V21041">
        <v>55</v>
      </c>
      <c r="W21041">
        <v>56</v>
      </c>
      <c r="X21041">
        <v>56</v>
      </c>
      <c r="Y21041">
        <v>57</v>
      </c>
      <c r="Z21041">
        <v>57</v>
      </c>
      <c r="AA21041">
        <v>58</v>
      </c>
      <c r="AB21041">
        <v>58</v>
      </c>
      <c r="AC21041">
        <v>59</v>
      </c>
      <c r="AD21041">
        <v>59</v>
      </c>
      <c r="AE21041">
        <v>60</v>
      </c>
      <c r="AF21041">
        <v>60</v>
      </c>
      <c r="AG21041">
        <v>61</v>
      </c>
      <c r="AH21041">
        <v>61</v>
      </c>
      <c r="AI21041">
        <v>62</v>
      </c>
      <c r="AJ21041">
        <v>62</v>
      </c>
      <c r="AK21041">
        <v>63</v>
      </c>
      <c r="AL21041">
        <v>63</v>
      </c>
      <c r="AM21041">
        <v>63</v>
      </c>
      <c r="AN21041">
        <v>62</v>
      </c>
      <c r="AO21041">
        <v>62</v>
      </c>
      <c r="AP21041">
        <v>62</v>
      </c>
      <c r="AQ21041">
        <v>62</v>
      </c>
    </row>
    <row r="21042" spans="1:43">
      <c r="A21042" t="s">
        <v>13035</v>
      </c>
      <c r="B21042" t="s">
        <v>13036</v>
      </c>
      <c r="C21042" t="s">
        <v>13033</v>
      </c>
      <c r="D21042" t="s">
        <v>13034</v>
      </c>
      <c r="E21042" t="s">
        <v>12925</v>
      </c>
      <c r="F21042" t="s">
        <v>12926</v>
      </c>
      <c r="G21042" t="s">
        <v>10214</v>
      </c>
      <c r="H21042" t="s">
        <v>10215</v>
      </c>
      <c r="I21042" s="2">
        <v>1</v>
      </c>
      <c r="J21042" s="2">
        <v>0</v>
      </c>
      <c r="K21042" s="2">
        <v>0</v>
      </c>
      <c r="L21042" t="s">
        <v>120</v>
      </c>
      <c r="M21042" t="s">
        <v>83</v>
      </c>
      <c r="N21042" t="s">
        <v>84</v>
      </c>
      <c r="O21042" t="s">
        <v>85</v>
      </c>
      <c r="P21042" t="s">
        <v>86</v>
      </c>
      <c r="Q21042">
        <v>10</v>
      </c>
      <c r="R21042">
        <v>10</v>
      </c>
      <c r="S21042">
        <v>10</v>
      </c>
      <c r="T21042">
        <v>10</v>
      </c>
      <c r="U21042">
        <v>10</v>
      </c>
      <c r="V21042">
        <v>10</v>
      </c>
      <c r="W21042">
        <v>10</v>
      </c>
      <c r="X21042">
        <v>10</v>
      </c>
      <c r="Y21042">
        <v>11</v>
      </c>
      <c r="Z21042">
        <v>11</v>
      </c>
      <c r="AA21042">
        <v>11</v>
      </c>
      <c r="AB21042">
        <v>11</v>
      </c>
      <c r="AC21042">
        <v>11</v>
      </c>
      <c r="AD21042">
        <v>11</v>
      </c>
      <c r="AE21042">
        <v>11</v>
      </c>
      <c r="AF21042">
        <v>11</v>
      </c>
      <c r="AG21042">
        <v>11</v>
      </c>
      <c r="AH21042">
        <v>11</v>
      </c>
      <c r="AI21042">
        <v>11</v>
      </c>
      <c r="AJ21042">
        <v>11</v>
      </c>
      <c r="AK21042">
        <v>12</v>
      </c>
      <c r="AL21042">
        <v>12</v>
      </c>
      <c r="AM21042">
        <v>12</v>
      </c>
      <c r="AN21042">
        <v>12</v>
      </c>
      <c r="AO21042">
        <v>12</v>
      </c>
      <c r="AP21042">
        <v>12</v>
      </c>
      <c r="AQ21042">
        <v>11</v>
      </c>
    </row>
    <row r="21043" spans="1:43">
      <c r="A21043" t="s">
        <v>13035</v>
      </c>
      <c r="B21043" t="s">
        <v>13036</v>
      </c>
      <c r="C21043" t="s">
        <v>13033</v>
      </c>
      <c r="D21043" t="s">
        <v>13034</v>
      </c>
      <c r="E21043" t="s">
        <v>12925</v>
      </c>
      <c r="F21043" t="s">
        <v>12926</v>
      </c>
      <c r="G21043" t="s">
        <v>10214</v>
      </c>
      <c r="H21043" t="s">
        <v>10215</v>
      </c>
      <c r="I21043" s="2">
        <v>1</v>
      </c>
      <c r="J21043" s="2">
        <v>0</v>
      </c>
      <c r="K21043" s="2">
        <v>0</v>
      </c>
      <c r="L21043" t="s">
        <v>120</v>
      </c>
      <c r="M21043" t="s">
        <v>87</v>
      </c>
      <c r="N21043" t="s">
        <v>88</v>
      </c>
      <c r="O21043" t="s">
        <v>85</v>
      </c>
      <c r="P21043" t="s">
        <v>86</v>
      </c>
      <c r="Q21043">
        <v>10</v>
      </c>
      <c r="R21043">
        <v>10</v>
      </c>
      <c r="S21043">
        <v>10</v>
      </c>
      <c r="T21043">
        <v>10</v>
      </c>
      <c r="U21043">
        <v>10</v>
      </c>
      <c r="V21043">
        <v>10</v>
      </c>
      <c r="W21043">
        <v>10</v>
      </c>
      <c r="X21043">
        <v>10</v>
      </c>
      <c r="Y21043">
        <v>10</v>
      </c>
      <c r="Z21043">
        <v>10</v>
      </c>
      <c r="AA21043">
        <v>10</v>
      </c>
      <c r="AB21043">
        <v>10</v>
      </c>
      <c r="AC21043">
        <v>10</v>
      </c>
      <c r="AD21043">
        <v>10</v>
      </c>
      <c r="AE21043">
        <v>10</v>
      </c>
      <c r="AF21043">
        <v>10</v>
      </c>
      <c r="AG21043">
        <v>10</v>
      </c>
      <c r="AH21043">
        <v>10</v>
      </c>
      <c r="AI21043">
        <v>10</v>
      </c>
      <c r="AJ21043">
        <v>10</v>
      </c>
      <c r="AK21043">
        <v>10</v>
      </c>
      <c r="AL21043">
        <v>10</v>
      </c>
      <c r="AM21043">
        <v>10</v>
      </c>
      <c r="AN21043">
        <v>10</v>
      </c>
      <c r="AO21043">
        <v>10</v>
      </c>
      <c r="AP21043">
        <v>10</v>
      </c>
      <c r="AQ21043">
        <v>10</v>
      </c>
    </row>
    <row r="21044" spans="1:43">
      <c r="A21044" t="s">
        <v>13035</v>
      </c>
      <c r="B21044" t="s">
        <v>13036</v>
      </c>
      <c r="C21044" t="s">
        <v>13033</v>
      </c>
      <c r="D21044" t="s">
        <v>13034</v>
      </c>
      <c r="E21044" t="s">
        <v>12925</v>
      </c>
      <c r="F21044" t="s">
        <v>12926</v>
      </c>
      <c r="G21044" t="s">
        <v>10214</v>
      </c>
      <c r="H21044" t="s">
        <v>10215</v>
      </c>
      <c r="I21044" s="2">
        <v>1</v>
      </c>
      <c r="J21044" s="2">
        <v>0</v>
      </c>
      <c r="K21044" s="2">
        <v>0</v>
      </c>
      <c r="L21044" t="s">
        <v>120</v>
      </c>
      <c r="M21044" t="s">
        <v>89</v>
      </c>
      <c r="N21044" t="s">
        <v>90</v>
      </c>
      <c r="O21044" t="s">
        <v>85</v>
      </c>
      <c r="P21044" t="s">
        <v>86</v>
      </c>
      <c r="Q21044">
        <v>10</v>
      </c>
      <c r="R21044">
        <v>10</v>
      </c>
      <c r="S21044">
        <v>10</v>
      </c>
      <c r="T21044">
        <v>10</v>
      </c>
      <c r="U21044">
        <v>10</v>
      </c>
      <c r="V21044">
        <v>11</v>
      </c>
      <c r="W21044">
        <v>11</v>
      </c>
      <c r="X21044">
        <v>11</v>
      </c>
      <c r="Y21044">
        <v>11</v>
      </c>
      <c r="Z21044">
        <v>11</v>
      </c>
      <c r="AA21044">
        <v>11</v>
      </c>
      <c r="AB21044">
        <v>12</v>
      </c>
      <c r="AC21044">
        <v>12</v>
      </c>
      <c r="AD21044">
        <v>12</v>
      </c>
      <c r="AE21044">
        <v>12</v>
      </c>
      <c r="AF21044">
        <v>12</v>
      </c>
      <c r="AG21044">
        <v>12</v>
      </c>
      <c r="AH21044">
        <v>12</v>
      </c>
      <c r="AI21044">
        <v>12</v>
      </c>
      <c r="AJ21044">
        <v>12</v>
      </c>
      <c r="AK21044">
        <v>12</v>
      </c>
      <c r="AL21044">
        <v>12</v>
      </c>
      <c r="AM21044">
        <v>12</v>
      </c>
      <c r="AN21044">
        <v>12</v>
      </c>
      <c r="AO21044">
        <v>12</v>
      </c>
      <c r="AP21044">
        <v>12</v>
      </c>
      <c r="AQ21044">
        <v>12</v>
      </c>
    </row>
    <row r="21045" spans="1:43">
      <c r="A21045" t="s">
        <v>13035</v>
      </c>
      <c r="B21045" t="s">
        <v>13036</v>
      </c>
      <c r="C21045" t="s">
        <v>13033</v>
      </c>
      <c r="D21045" t="s">
        <v>13034</v>
      </c>
      <c r="E21045" t="s">
        <v>12925</v>
      </c>
      <c r="F21045" t="s">
        <v>12926</v>
      </c>
      <c r="G21045" t="s">
        <v>10214</v>
      </c>
      <c r="H21045" t="s">
        <v>10215</v>
      </c>
      <c r="I21045" s="2">
        <v>1</v>
      </c>
      <c r="J21045" s="2">
        <v>0</v>
      </c>
      <c r="K21045" s="2">
        <v>0</v>
      </c>
      <c r="L21045" t="s">
        <v>120</v>
      </c>
      <c r="M21045" t="s">
        <v>83</v>
      </c>
      <c r="N21045" t="s">
        <v>91</v>
      </c>
      <c r="O21045" t="s">
        <v>85</v>
      </c>
      <c r="P21045" t="s">
        <v>86</v>
      </c>
      <c r="Q21045">
        <v>10</v>
      </c>
      <c r="R21045">
        <v>10</v>
      </c>
      <c r="S21045">
        <v>10</v>
      </c>
      <c r="T21045">
        <v>10</v>
      </c>
      <c r="U21045">
        <v>10</v>
      </c>
      <c r="V21045">
        <v>10</v>
      </c>
      <c r="W21045">
        <v>10</v>
      </c>
      <c r="X21045">
        <v>10</v>
      </c>
      <c r="Y21045">
        <v>11</v>
      </c>
      <c r="Z21045">
        <v>11</v>
      </c>
      <c r="AA21045">
        <v>11</v>
      </c>
      <c r="AB21045">
        <v>11</v>
      </c>
      <c r="AC21045">
        <v>11</v>
      </c>
      <c r="AD21045">
        <v>11</v>
      </c>
      <c r="AE21045">
        <v>11</v>
      </c>
      <c r="AF21045">
        <v>11</v>
      </c>
      <c r="AG21045">
        <v>11</v>
      </c>
      <c r="AH21045">
        <v>11</v>
      </c>
      <c r="AI21045">
        <v>11</v>
      </c>
      <c r="AJ21045">
        <v>11</v>
      </c>
      <c r="AK21045">
        <v>12</v>
      </c>
      <c r="AL21045">
        <v>12</v>
      </c>
      <c r="AM21045">
        <v>12</v>
      </c>
      <c r="AN21045">
        <v>12</v>
      </c>
      <c r="AO21045">
        <v>12</v>
      </c>
      <c r="AP21045">
        <v>12</v>
      </c>
      <c r="AQ21045">
        <v>11</v>
      </c>
    </row>
    <row r="21046" spans="1:43">
      <c r="A21046" t="s">
        <v>13037</v>
      </c>
      <c r="B21046" t="s">
        <v>13038</v>
      </c>
      <c r="C21046" t="s">
        <v>13033</v>
      </c>
      <c r="D21046" t="s">
        <v>13034</v>
      </c>
      <c r="E21046" t="s">
        <v>12925</v>
      </c>
      <c r="F21046" t="s">
        <v>12926</v>
      </c>
      <c r="G21046" t="s">
        <v>10214</v>
      </c>
      <c r="H21046" t="s">
        <v>10215</v>
      </c>
      <c r="I21046" s="2">
        <v>1</v>
      </c>
      <c r="J21046" s="2">
        <v>0</v>
      </c>
      <c r="K21046" s="2">
        <v>0</v>
      </c>
      <c r="L21046" t="s">
        <v>120</v>
      </c>
      <c r="M21046" t="s">
        <v>83</v>
      </c>
      <c r="N21046" t="s">
        <v>84</v>
      </c>
      <c r="O21046" t="s">
        <v>85</v>
      </c>
      <c r="P21046" t="s">
        <v>86</v>
      </c>
      <c r="Q21046">
        <v>18</v>
      </c>
      <c r="R21046">
        <v>18</v>
      </c>
      <c r="S21046">
        <v>18</v>
      </c>
      <c r="T21046">
        <v>18</v>
      </c>
      <c r="U21046">
        <v>19</v>
      </c>
      <c r="V21046">
        <v>19</v>
      </c>
      <c r="W21046">
        <v>19</v>
      </c>
      <c r="X21046">
        <v>19</v>
      </c>
      <c r="Y21046">
        <v>19</v>
      </c>
      <c r="Z21046">
        <v>19</v>
      </c>
      <c r="AA21046">
        <v>20</v>
      </c>
      <c r="AB21046">
        <v>20</v>
      </c>
      <c r="AC21046">
        <v>20</v>
      </c>
      <c r="AD21046">
        <v>20</v>
      </c>
      <c r="AE21046">
        <v>20</v>
      </c>
      <c r="AF21046">
        <v>20</v>
      </c>
      <c r="AG21046">
        <v>21</v>
      </c>
      <c r="AH21046">
        <v>21</v>
      </c>
      <c r="AI21046">
        <v>21</v>
      </c>
      <c r="AJ21046">
        <v>21</v>
      </c>
      <c r="AK21046">
        <v>21</v>
      </c>
      <c r="AL21046">
        <v>21</v>
      </c>
      <c r="AM21046">
        <v>21</v>
      </c>
      <c r="AN21046">
        <v>21</v>
      </c>
      <c r="AO21046">
        <v>21</v>
      </c>
      <c r="AP21046">
        <v>21</v>
      </c>
      <c r="AQ21046">
        <v>21</v>
      </c>
    </row>
    <row r="21047" spans="1:43">
      <c r="A21047" t="s">
        <v>13037</v>
      </c>
      <c r="B21047" t="s">
        <v>13038</v>
      </c>
      <c r="C21047" t="s">
        <v>13033</v>
      </c>
      <c r="D21047" t="s">
        <v>13034</v>
      </c>
      <c r="E21047" t="s">
        <v>12925</v>
      </c>
      <c r="F21047" t="s">
        <v>12926</v>
      </c>
      <c r="G21047" t="s">
        <v>10214</v>
      </c>
      <c r="H21047" t="s">
        <v>10215</v>
      </c>
      <c r="I21047" s="2">
        <v>1</v>
      </c>
      <c r="J21047" s="2">
        <v>0</v>
      </c>
      <c r="K21047" s="2">
        <v>0</v>
      </c>
      <c r="L21047" t="s">
        <v>120</v>
      </c>
      <c r="M21047" t="s">
        <v>87</v>
      </c>
      <c r="N21047" t="s">
        <v>88</v>
      </c>
      <c r="O21047" t="s">
        <v>85</v>
      </c>
      <c r="P21047" t="s">
        <v>86</v>
      </c>
      <c r="Q21047">
        <v>18</v>
      </c>
      <c r="R21047">
        <v>19</v>
      </c>
      <c r="S21047">
        <v>19</v>
      </c>
      <c r="T21047">
        <v>19</v>
      </c>
      <c r="U21047">
        <v>19</v>
      </c>
      <c r="V21047">
        <v>19</v>
      </c>
      <c r="W21047">
        <v>19</v>
      </c>
      <c r="X21047">
        <v>19</v>
      </c>
      <c r="Y21047">
        <v>19</v>
      </c>
      <c r="Z21047">
        <v>19</v>
      </c>
      <c r="AA21047">
        <v>19</v>
      </c>
      <c r="AB21047">
        <v>19</v>
      </c>
      <c r="AC21047">
        <v>19</v>
      </c>
      <c r="AD21047">
        <v>19</v>
      </c>
      <c r="AE21047">
        <v>19</v>
      </c>
      <c r="AF21047">
        <v>19</v>
      </c>
      <c r="AG21047">
        <v>19</v>
      </c>
      <c r="AH21047">
        <v>19</v>
      </c>
      <c r="AI21047">
        <v>19</v>
      </c>
      <c r="AJ21047">
        <v>19</v>
      </c>
      <c r="AK21047">
        <v>19</v>
      </c>
      <c r="AL21047">
        <v>19</v>
      </c>
      <c r="AM21047">
        <v>19</v>
      </c>
      <c r="AN21047">
        <v>19</v>
      </c>
      <c r="AO21047">
        <v>19</v>
      </c>
      <c r="AP21047">
        <v>19</v>
      </c>
      <c r="AQ21047">
        <v>19</v>
      </c>
    </row>
    <row r="21048" spans="1:43">
      <c r="A21048" t="s">
        <v>13037</v>
      </c>
      <c r="B21048" t="s">
        <v>13038</v>
      </c>
      <c r="C21048" t="s">
        <v>13033</v>
      </c>
      <c r="D21048" t="s">
        <v>13034</v>
      </c>
      <c r="E21048" t="s">
        <v>12925</v>
      </c>
      <c r="F21048" t="s">
        <v>12926</v>
      </c>
      <c r="G21048" t="s">
        <v>10214</v>
      </c>
      <c r="H21048" t="s">
        <v>10215</v>
      </c>
      <c r="I21048" s="2">
        <v>1</v>
      </c>
      <c r="J21048" s="2">
        <v>0</v>
      </c>
      <c r="K21048" s="2">
        <v>0</v>
      </c>
      <c r="L21048" t="s">
        <v>120</v>
      </c>
      <c r="M21048" t="s">
        <v>89</v>
      </c>
      <c r="N21048" t="s">
        <v>90</v>
      </c>
      <c r="O21048" t="s">
        <v>85</v>
      </c>
      <c r="P21048" t="s">
        <v>86</v>
      </c>
      <c r="Q21048">
        <v>18</v>
      </c>
      <c r="R21048">
        <v>18</v>
      </c>
      <c r="S21048">
        <v>19</v>
      </c>
      <c r="T21048">
        <v>19</v>
      </c>
      <c r="U21048">
        <v>19</v>
      </c>
      <c r="V21048">
        <v>20</v>
      </c>
      <c r="W21048">
        <v>20</v>
      </c>
      <c r="X21048">
        <v>20</v>
      </c>
      <c r="Y21048">
        <v>20</v>
      </c>
      <c r="Z21048">
        <v>21</v>
      </c>
      <c r="AA21048">
        <v>21</v>
      </c>
      <c r="AB21048">
        <v>21</v>
      </c>
      <c r="AC21048">
        <v>21</v>
      </c>
      <c r="AD21048">
        <v>22</v>
      </c>
      <c r="AE21048">
        <v>22</v>
      </c>
      <c r="AF21048">
        <v>22</v>
      </c>
      <c r="AG21048">
        <v>22</v>
      </c>
      <c r="AH21048">
        <v>22</v>
      </c>
      <c r="AI21048">
        <v>22</v>
      </c>
      <c r="AJ21048">
        <v>22</v>
      </c>
      <c r="AK21048">
        <v>22</v>
      </c>
      <c r="AL21048">
        <v>22</v>
      </c>
      <c r="AM21048">
        <v>21</v>
      </c>
      <c r="AN21048">
        <v>21</v>
      </c>
      <c r="AO21048">
        <v>21</v>
      </c>
      <c r="AP21048">
        <v>21</v>
      </c>
      <c r="AQ21048">
        <v>21</v>
      </c>
    </row>
    <row r="21049" spans="1:43">
      <c r="A21049" t="s">
        <v>13037</v>
      </c>
      <c r="B21049" t="s">
        <v>13038</v>
      </c>
      <c r="C21049" t="s">
        <v>13033</v>
      </c>
      <c r="D21049" t="s">
        <v>13034</v>
      </c>
      <c r="E21049" t="s">
        <v>12925</v>
      </c>
      <c r="F21049" t="s">
        <v>12926</v>
      </c>
      <c r="G21049" t="s">
        <v>10214</v>
      </c>
      <c r="H21049" t="s">
        <v>10215</v>
      </c>
      <c r="I21049" s="2">
        <v>1</v>
      </c>
      <c r="J21049" s="2">
        <v>0</v>
      </c>
      <c r="K21049" s="2">
        <v>0</v>
      </c>
      <c r="L21049" t="s">
        <v>120</v>
      </c>
      <c r="M21049" t="s">
        <v>83</v>
      </c>
      <c r="N21049" t="s">
        <v>91</v>
      </c>
      <c r="O21049" t="s">
        <v>85</v>
      </c>
      <c r="P21049" t="s">
        <v>86</v>
      </c>
      <c r="Q21049">
        <v>18</v>
      </c>
      <c r="R21049">
        <v>18</v>
      </c>
      <c r="S21049">
        <v>18</v>
      </c>
      <c r="T21049">
        <v>18</v>
      </c>
      <c r="U21049">
        <v>19</v>
      </c>
      <c r="V21049">
        <v>19</v>
      </c>
      <c r="W21049">
        <v>19</v>
      </c>
      <c r="X21049">
        <v>19</v>
      </c>
      <c r="Y21049">
        <v>19</v>
      </c>
      <c r="Z21049">
        <v>19</v>
      </c>
      <c r="AA21049">
        <v>20</v>
      </c>
      <c r="AB21049">
        <v>20</v>
      </c>
      <c r="AC21049">
        <v>20</v>
      </c>
      <c r="AD21049">
        <v>20</v>
      </c>
      <c r="AE21049">
        <v>20</v>
      </c>
      <c r="AF21049">
        <v>20</v>
      </c>
      <c r="AG21049">
        <v>21</v>
      </c>
      <c r="AH21049">
        <v>21</v>
      </c>
      <c r="AI21049">
        <v>21</v>
      </c>
      <c r="AJ21049">
        <v>21</v>
      </c>
      <c r="AK21049">
        <v>21</v>
      </c>
      <c r="AL21049">
        <v>21</v>
      </c>
      <c r="AM21049">
        <v>21</v>
      </c>
      <c r="AN21049">
        <v>21</v>
      </c>
      <c r="AO21049">
        <v>21</v>
      </c>
      <c r="AP21049">
        <v>21</v>
      </c>
      <c r="AQ21049">
        <v>21</v>
      </c>
    </row>
    <row r="21050" spans="1:43">
      <c r="A21050" t="s">
        <v>13039</v>
      </c>
      <c r="B21050" t="s">
        <v>13040</v>
      </c>
      <c r="C21050" t="s">
        <v>13033</v>
      </c>
      <c r="D21050" t="s">
        <v>13034</v>
      </c>
      <c r="E21050" t="s">
        <v>12925</v>
      </c>
      <c r="F21050" t="s">
        <v>12926</v>
      </c>
      <c r="G21050" t="s">
        <v>10214</v>
      </c>
      <c r="H21050" t="s">
        <v>10215</v>
      </c>
      <c r="I21050" s="2">
        <v>1</v>
      </c>
      <c r="J21050" s="2">
        <v>0</v>
      </c>
      <c r="K21050" s="2">
        <v>0</v>
      </c>
      <c r="L21050" t="s">
        <v>120</v>
      </c>
      <c r="M21050" t="s">
        <v>83</v>
      </c>
      <c r="N21050" t="s">
        <v>84</v>
      </c>
      <c r="O21050" t="s">
        <v>85</v>
      </c>
      <c r="P21050" t="s">
        <v>86</v>
      </c>
      <c r="Q21050">
        <v>54</v>
      </c>
      <c r="R21050">
        <v>55</v>
      </c>
      <c r="S21050">
        <v>55</v>
      </c>
      <c r="T21050">
        <v>56</v>
      </c>
      <c r="U21050">
        <v>57</v>
      </c>
      <c r="V21050">
        <v>57</v>
      </c>
      <c r="W21050">
        <v>58</v>
      </c>
      <c r="X21050">
        <v>59</v>
      </c>
      <c r="Y21050">
        <v>59</v>
      </c>
      <c r="Z21050">
        <v>60</v>
      </c>
      <c r="AA21050">
        <v>60</v>
      </c>
      <c r="AB21050">
        <v>61</v>
      </c>
      <c r="AC21050">
        <v>61</v>
      </c>
      <c r="AD21050">
        <v>62</v>
      </c>
      <c r="AE21050">
        <v>62</v>
      </c>
      <c r="AF21050">
        <v>63</v>
      </c>
      <c r="AG21050">
        <v>63</v>
      </c>
      <c r="AH21050">
        <v>64</v>
      </c>
      <c r="AI21050">
        <v>64</v>
      </c>
      <c r="AJ21050">
        <v>65</v>
      </c>
      <c r="AK21050">
        <v>65</v>
      </c>
      <c r="AL21050">
        <v>65</v>
      </c>
      <c r="AM21050">
        <v>65</v>
      </c>
      <c r="AN21050">
        <v>65</v>
      </c>
      <c r="AO21050">
        <v>65</v>
      </c>
      <c r="AP21050">
        <v>65</v>
      </c>
      <c r="AQ21050">
        <v>64</v>
      </c>
    </row>
    <row r="21051" spans="1:43">
      <c r="A21051" t="s">
        <v>13039</v>
      </c>
      <c r="B21051" t="s">
        <v>13040</v>
      </c>
      <c r="C21051" t="s">
        <v>13033</v>
      </c>
      <c r="D21051" t="s">
        <v>13034</v>
      </c>
      <c r="E21051" t="s">
        <v>12925</v>
      </c>
      <c r="F21051" t="s">
        <v>12926</v>
      </c>
      <c r="G21051" t="s">
        <v>10214</v>
      </c>
      <c r="H21051" t="s">
        <v>10215</v>
      </c>
      <c r="I21051" s="2">
        <v>1</v>
      </c>
      <c r="J21051" s="2">
        <v>0</v>
      </c>
      <c r="K21051" s="2">
        <v>0</v>
      </c>
      <c r="L21051" t="s">
        <v>120</v>
      </c>
      <c r="M21051" t="s">
        <v>87</v>
      </c>
      <c r="N21051" t="s">
        <v>88</v>
      </c>
      <c r="O21051" t="s">
        <v>85</v>
      </c>
      <c r="P21051" t="s">
        <v>86</v>
      </c>
      <c r="Q21051">
        <v>54</v>
      </c>
      <c r="R21051">
        <v>54</v>
      </c>
      <c r="S21051">
        <v>54</v>
      </c>
      <c r="T21051">
        <v>54</v>
      </c>
      <c r="U21051">
        <v>54</v>
      </c>
      <c r="V21051">
        <v>54</v>
      </c>
      <c r="W21051">
        <v>54</v>
      </c>
      <c r="X21051">
        <v>55</v>
      </c>
      <c r="Y21051">
        <v>55</v>
      </c>
      <c r="Z21051">
        <v>55</v>
      </c>
      <c r="AA21051">
        <v>55</v>
      </c>
      <c r="AB21051">
        <v>55</v>
      </c>
      <c r="AC21051">
        <v>55</v>
      </c>
      <c r="AD21051">
        <v>55</v>
      </c>
      <c r="AE21051">
        <v>55</v>
      </c>
      <c r="AF21051">
        <v>55</v>
      </c>
      <c r="AG21051">
        <v>56</v>
      </c>
      <c r="AH21051">
        <v>56</v>
      </c>
      <c r="AI21051">
        <v>56</v>
      </c>
      <c r="AJ21051">
        <v>56</v>
      </c>
      <c r="AK21051">
        <v>56</v>
      </c>
      <c r="AL21051">
        <v>56</v>
      </c>
      <c r="AM21051">
        <v>56</v>
      </c>
      <c r="AN21051">
        <v>56</v>
      </c>
      <c r="AO21051">
        <v>56</v>
      </c>
      <c r="AP21051">
        <v>56</v>
      </c>
      <c r="AQ21051">
        <v>56</v>
      </c>
    </row>
    <row r="21052" spans="1:43">
      <c r="A21052" t="s">
        <v>13039</v>
      </c>
      <c r="B21052" t="s">
        <v>13040</v>
      </c>
      <c r="C21052" t="s">
        <v>13033</v>
      </c>
      <c r="D21052" t="s">
        <v>13034</v>
      </c>
      <c r="E21052" t="s">
        <v>12925</v>
      </c>
      <c r="F21052" t="s">
        <v>12926</v>
      </c>
      <c r="G21052" t="s">
        <v>10214</v>
      </c>
      <c r="H21052" t="s">
        <v>10215</v>
      </c>
      <c r="I21052" s="2">
        <v>1</v>
      </c>
      <c r="J21052" s="2">
        <v>0</v>
      </c>
      <c r="K21052" s="2">
        <v>0</v>
      </c>
      <c r="L21052" t="s">
        <v>120</v>
      </c>
      <c r="M21052" t="s">
        <v>89</v>
      </c>
      <c r="N21052" t="s">
        <v>90</v>
      </c>
      <c r="O21052" t="s">
        <v>85</v>
      </c>
      <c r="P21052" t="s">
        <v>86</v>
      </c>
      <c r="Q21052">
        <v>54</v>
      </c>
      <c r="R21052">
        <v>55</v>
      </c>
      <c r="S21052">
        <v>56</v>
      </c>
      <c r="T21052">
        <v>57</v>
      </c>
      <c r="U21052">
        <v>58</v>
      </c>
      <c r="V21052">
        <v>59</v>
      </c>
      <c r="W21052">
        <v>60</v>
      </c>
      <c r="X21052">
        <v>61</v>
      </c>
      <c r="Y21052">
        <v>61</v>
      </c>
      <c r="Z21052">
        <v>62</v>
      </c>
      <c r="AA21052">
        <v>63</v>
      </c>
      <c r="AB21052">
        <v>64</v>
      </c>
      <c r="AC21052">
        <v>64</v>
      </c>
      <c r="AD21052">
        <v>65</v>
      </c>
      <c r="AE21052">
        <v>66</v>
      </c>
      <c r="AF21052">
        <v>65</v>
      </c>
      <c r="AG21052">
        <v>65</v>
      </c>
      <c r="AH21052">
        <v>65</v>
      </c>
      <c r="AI21052">
        <v>65</v>
      </c>
      <c r="AJ21052">
        <v>65</v>
      </c>
      <c r="AK21052">
        <v>65</v>
      </c>
      <c r="AL21052">
        <v>65</v>
      </c>
      <c r="AM21052">
        <v>65</v>
      </c>
      <c r="AN21052">
        <v>65</v>
      </c>
      <c r="AO21052">
        <v>64</v>
      </c>
      <c r="AP21052">
        <v>64</v>
      </c>
      <c r="AQ21052">
        <v>64</v>
      </c>
    </row>
    <row r="21053" spans="1:43">
      <c r="A21053" t="s">
        <v>13039</v>
      </c>
      <c r="B21053" t="s">
        <v>13040</v>
      </c>
      <c r="C21053" t="s">
        <v>13033</v>
      </c>
      <c r="D21053" t="s">
        <v>13034</v>
      </c>
      <c r="E21053" t="s">
        <v>12925</v>
      </c>
      <c r="F21053" t="s">
        <v>12926</v>
      </c>
      <c r="G21053" t="s">
        <v>10214</v>
      </c>
      <c r="H21053" t="s">
        <v>10215</v>
      </c>
      <c r="I21053" s="2">
        <v>1</v>
      </c>
      <c r="J21053" s="2">
        <v>0</v>
      </c>
      <c r="K21053" s="2">
        <v>0</v>
      </c>
      <c r="L21053" t="s">
        <v>120</v>
      </c>
      <c r="M21053" t="s">
        <v>83</v>
      </c>
      <c r="N21053" t="s">
        <v>91</v>
      </c>
      <c r="O21053" t="s">
        <v>85</v>
      </c>
      <c r="P21053" t="s">
        <v>86</v>
      </c>
      <c r="Q21053">
        <v>54</v>
      </c>
      <c r="R21053">
        <v>55</v>
      </c>
      <c r="S21053">
        <v>55</v>
      </c>
      <c r="T21053">
        <v>56</v>
      </c>
      <c r="U21053">
        <v>57</v>
      </c>
      <c r="V21053">
        <v>57</v>
      </c>
      <c r="W21053">
        <v>58</v>
      </c>
      <c r="X21053">
        <v>59</v>
      </c>
      <c r="Y21053">
        <v>59</v>
      </c>
      <c r="Z21053">
        <v>60</v>
      </c>
      <c r="AA21053">
        <v>60</v>
      </c>
      <c r="AB21053">
        <v>61</v>
      </c>
      <c r="AC21053">
        <v>61</v>
      </c>
      <c r="AD21053">
        <v>62</v>
      </c>
      <c r="AE21053">
        <v>62</v>
      </c>
      <c r="AF21053">
        <v>63</v>
      </c>
      <c r="AG21053">
        <v>63</v>
      </c>
      <c r="AH21053">
        <v>64</v>
      </c>
      <c r="AI21053">
        <v>64</v>
      </c>
      <c r="AJ21053">
        <v>65</v>
      </c>
      <c r="AK21053">
        <v>65</v>
      </c>
      <c r="AL21053">
        <v>65</v>
      </c>
      <c r="AM21053">
        <v>65</v>
      </c>
      <c r="AN21053">
        <v>65</v>
      </c>
      <c r="AO21053">
        <v>65</v>
      </c>
      <c r="AP21053">
        <v>65</v>
      </c>
      <c r="AQ21053">
        <v>64</v>
      </c>
    </row>
    <row r="21054" spans="1:43">
      <c r="A21054" t="s">
        <v>13041</v>
      </c>
      <c r="B21054" t="s">
        <v>13042</v>
      </c>
      <c r="C21054" t="s">
        <v>13033</v>
      </c>
      <c r="D21054" t="s">
        <v>13034</v>
      </c>
      <c r="E21054" t="s">
        <v>12925</v>
      </c>
      <c r="F21054" t="s">
        <v>12926</v>
      </c>
      <c r="G21054" t="s">
        <v>10214</v>
      </c>
      <c r="H21054" t="s">
        <v>10215</v>
      </c>
      <c r="I21054" s="2">
        <v>1</v>
      </c>
      <c r="J21054" s="2">
        <v>0</v>
      </c>
      <c r="K21054" s="2">
        <v>0</v>
      </c>
      <c r="L21054" t="s">
        <v>120</v>
      </c>
      <c r="M21054" t="s">
        <v>83</v>
      </c>
      <c r="N21054" t="s">
        <v>84</v>
      </c>
      <c r="O21054" t="s">
        <v>85</v>
      </c>
      <c r="P21054" t="s">
        <v>86</v>
      </c>
      <c r="Q21054">
        <v>31</v>
      </c>
      <c r="R21054">
        <v>31</v>
      </c>
      <c r="S21054">
        <v>31</v>
      </c>
      <c r="T21054">
        <v>32</v>
      </c>
      <c r="U21054">
        <v>32</v>
      </c>
      <c r="V21054">
        <v>32</v>
      </c>
      <c r="W21054">
        <v>33</v>
      </c>
      <c r="X21054">
        <v>33</v>
      </c>
      <c r="Y21054">
        <v>33</v>
      </c>
      <c r="Z21054">
        <v>34</v>
      </c>
      <c r="AA21054">
        <v>34</v>
      </c>
      <c r="AB21054">
        <v>34</v>
      </c>
      <c r="AC21054">
        <v>35</v>
      </c>
      <c r="AD21054">
        <v>35</v>
      </c>
      <c r="AE21054">
        <v>35</v>
      </c>
      <c r="AF21054">
        <v>35</v>
      </c>
      <c r="AG21054">
        <v>36</v>
      </c>
      <c r="AH21054">
        <v>36</v>
      </c>
      <c r="AI21054">
        <v>36</v>
      </c>
      <c r="AJ21054">
        <v>37</v>
      </c>
      <c r="AK21054">
        <v>37</v>
      </c>
      <c r="AL21054">
        <v>37</v>
      </c>
      <c r="AM21054">
        <v>37</v>
      </c>
      <c r="AN21054">
        <v>37</v>
      </c>
      <c r="AO21054">
        <v>37</v>
      </c>
      <c r="AP21054">
        <v>37</v>
      </c>
      <c r="AQ21054">
        <v>36</v>
      </c>
    </row>
    <row r="21055" spans="1:43">
      <c r="A21055" t="s">
        <v>13041</v>
      </c>
      <c r="B21055" t="s">
        <v>13042</v>
      </c>
      <c r="C21055" t="s">
        <v>13033</v>
      </c>
      <c r="D21055" t="s">
        <v>13034</v>
      </c>
      <c r="E21055" t="s">
        <v>12925</v>
      </c>
      <c r="F21055" t="s">
        <v>12926</v>
      </c>
      <c r="G21055" t="s">
        <v>10214</v>
      </c>
      <c r="H21055" t="s">
        <v>10215</v>
      </c>
      <c r="I21055" s="2">
        <v>1</v>
      </c>
      <c r="J21055" s="2">
        <v>0</v>
      </c>
      <c r="K21055" s="2">
        <v>0</v>
      </c>
      <c r="L21055" t="s">
        <v>120</v>
      </c>
      <c r="M21055" t="s">
        <v>87</v>
      </c>
      <c r="N21055" t="s">
        <v>88</v>
      </c>
      <c r="O21055" t="s">
        <v>85</v>
      </c>
      <c r="P21055" t="s">
        <v>86</v>
      </c>
      <c r="Q21055">
        <v>31</v>
      </c>
      <c r="R21055">
        <v>31</v>
      </c>
      <c r="S21055">
        <v>31</v>
      </c>
      <c r="T21055">
        <v>32</v>
      </c>
      <c r="U21055">
        <v>32</v>
      </c>
      <c r="V21055">
        <v>32</v>
      </c>
      <c r="W21055">
        <v>32</v>
      </c>
      <c r="X21055">
        <v>32</v>
      </c>
      <c r="Y21055">
        <v>32</v>
      </c>
      <c r="Z21055">
        <v>32</v>
      </c>
      <c r="AA21055">
        <v>32</v>
      </c>
      <c r="AB21055">
        <v>32</v>
      </c>
      <c r="AC21055">
        <v>32</v>
      </c>
      <c r="AD21055">
        <v>32</v>
      </c>
      <c r="AE21055">
        <v>32</v>
      </c>
      <c r="AF21055">
        <v>32</v>
      </c>
      <c r="AG21055">
        <v>32</v>
      </c>
      <c r="AH21055">
        <v>32</v>
      </c>
      <c r="AI21055">
        <v>33</v>
      </c>
      <c r="AJ21055">
        <v>33</v>
      </c>
      <c r="AK21055">
        <v>33</v>
      </c>
      <c r="AL21055">
        <v>33</v>
      </c>
      <c r="AM21055">
        <v>33</v>
      </c>
      <c r="AN21055">
        <v>33</v>
      </c>
      <c r="AO21055">
        <v>33</v>
      </c>
      <c r="AP21055">
        <v>33</v>
      </c>
      <c r="AQ21055">
        <v>33</v>
      </c>
    </row>
    <row r="21056" spans="1:43">
      <c r="A21056" t="s">
        <v>13041</v>
      </c>
      <c r="B21056" t="s">
        <v>13042</v>
      </c>
      <c r="C21056" t="s">
        <v>13033</v>
      </c>
      <c r="D21056" t="s">
        <v>13034</v>
      </c>
      <c r="E21056" t="s">
        <v>12925</v>
      </c>
      <c r="F21056" t="s">
        <v>12926</v>
      </c>
      <c r="G21056" t="s">
        <v>10214</v>
      </c>
      <c r="H21056" t="s">
        <v>10215</v>
      </c>
      <c r="I21056" s="2">
        <v>1</v>
      </c>
      <c r="J21056" s="2">
        <v>0</v>
      </c>
      <c r="K21056" s="2">
        <v>0</v>
      </c>
      <c r="L21056" t="s">
        <v>120</v>
      </c>
      <c r="M21056" t="s">
        <v>89</v>
      </c>
      <c r="N21056" t="s">
        <v>90</v>
      </c>
      <c r="O21056" t="s">
        <v>85</v>
      </c>
      <c r="P21056" t="s">
        <v>86</v>
      </c>
      <c r="Q21056">
        <v>31</v>
      </c>
      <c r="R21056">
        <v>31</v>
      </c>
      <c r="S21056">
        <v>32</v>
      </c>
      <c r="T21056">
        <v>33</v>
      </c>
      <c r="U21056">
        <v>33</v>
      </c>
      <c r="V21056">
        <v>34</v>
      </c>
      <c r="W21056">
        <v>34</v>
      </c>
      <c r="X21056">
        <v>35</v>
      </c>
      <c r="Y21056">
        <v>35</v>
      </c>
      <c r="Z21056">
        <v>36</v>
      </c>
      <c r="AA21056">
        <v>36</v>
      </c>
      <c r="AB21056">
        <v>37</v>
      </c>
      <c r="AC21056">
        <v>37</v>
      </c>
      <c r="AD21056">
        <v>37</v>
      </c>
      <c r="AE21056">
        <v>38</v>
      </c>
      <c r="AF21056">
        <v>38</v>
      </c>
      <c r="AG21056">
        <v>38</v>
      </c>
      <c r="AH21056">
        <v>37</v>
      </c>
      <c r="AI21056">
        <v>37</v>
      </c>
      <c r="AJ21056">
        <v>37</v>
      </c>
      <c r="AK21056">
        <v>37</v>
      </c>
      <c r="AL21056">
        <v>37</v>
      </c>
      <c r="AM21056">
        <v>37</v>
      </c>
      <c r="AN21056">
        <v>37</v>
      </c>
      <c r="AO21056">
        <v>37</v>
      </c>
      <c r="AP21056">
        <v>37</v>
      </c>
      <c r="AQ21056">
        <v>37</v>
      </c>
    </row>
    <row r="21057" spans="1:43">
      <c r="A21057" t="s">
        <v>13041</v>
      </c>
      <c r="B21057" t="s">
        <v>13042</v>
      </c>
      <c r="C21057" t="s">
        <v>13033</v>
      </c>
      <c r="D21057" t="s">
        <v>13034</v>
      </c>
      <c r="E21057" t="s">
        <v>12925</v>
      </c>
      <c r="F21057" t="s">
        <v>12926</v>
      </c>
      <c r="G21057" t="s">
        <v>10214</v>
      </c>
      <c r="H21057" t="s">
        <v>10215</v>
      </c>
      <c r="I21057" s="2">
        <v>1</v>
      </c>
      <c r="J21057" s="2">
        <v>0</v>
      </c>
      <c r="K21057" s="2">
        <v>0</v>
      </c>
      <c r="L21057" t="s">
        <v>120</v>
      </c>
      <c r="M21057" t="s">
        <v>83</v>
      </c>
      <c r="N21057" t="s">
        <v>91</v>
      </c>
      <c r="O21057" t="s">
        <v>85</v>
      </c>
      <c r="P21057" t="s">
        <v>86</v>
      </c>
      <c r="Q21057">
        <v>31</v>
      </c>
      <c r="R21057">
        <v>31</v>
      </c>
      <c r="S21057">
        <v>31</v>
      </c>
      <c r="T21057">
        <v>32</v>
      </c>
      <c r="U21057">
        <v>32</v>
      </c>
      <c r="V21057">
        <v>32</v>
      </c>
      <c r="W21057">
        <v>33</v>
      </c>
      <c r="X21057">
        <v>33</v>
      </c>
      <c r="Y21057">
        <v>33</v>
      </c>
      <c r="Z21057">
        <v>34</v>
      </c>
      <c r="AA21057">
        <v>34</v>
      </c>
      <c r="AB21057">
        <v>34</v>
      </c>
      <c r="AC21057">
        <v>35</v>
      </c>
      <c r="AD21057">
        <v>35</v>
      </c>
      <c r="AE21057">
        <v>35</v>
      </c>
      <c r="AF21057">
        <v>35</v>
      </c>
      <c r="AG21057">
        <v>36</v>
      </c>
      <c r="AH21057">
        <v>36</v>
      </c>
      <c r="AI21057">
        <v>36</v>
      </c>
      <c r="AJ21057">
        <v>37</v>
      </c>
      <c r="AK21057">
        <v>37</v>
      </c>
      <c r="AL21057">
        <v>37</v>
      </c>
      <c r="AM21057">
        <v>37</v>
      </c>
      <c r="AN21057">
        <v>37</v>
      </c>
      <c r="AO21057">
        <v>37</v>
      </c>
      <c r="AP21057">
        <v>37</v>
      </c>
      <c r="AQ21057">
        <v>36</v>
      </c>
    </row>
    <row r="21058" spans="1:43">
      <c r="A21058" t="s">
        <v>13043</v>
      </c>
      <c r="B21058" t="s">
        <v>13044</v>
      </c>
      <c r="C21058" t="s">
        <v>13045</v>
      </c>
      <c r="D21058" t="s">
        <v>13046</v>
      </c>
      <c r="E21058" t="s">
        <v>12925</v>
      </c>
      <c r="F21058" t="s">
        <v>12926</v>
      </c>
      <c r="G21058" t="s">
        <v>10214</v>
      </c>
      <c r="H21058" t="s">
        <v>10215</v>
      </c>
      <c r="I21058" s="2">
        <v>1</v>
      </c>
      <c r="J21058" s="2">
        <v>0</v>
      </c>
      <c r="K21058" s="2">
        <v>0</v>
      </c>
      <c r="L21058" t="s">
        <v>120</v>
      </c>
      <c r="M21058" t="s">
        <v>83</v>
      </c>
      <c r="N21058" t="s">
        <v>84</v>
      </c>
      <c r="O21058" t="s">
        <v>85</v>
      </c>
      <c r="P21058" t="s">
        <v>86</v>
      </c>
      <c r="Q21058">
        <v>80</v>
      </c>
      <c r="R21058">
        <v>81</v>
      </c>
      <c r="S21058">
        <v>82</v>
      </c>
      <c r="T21058">
        <v>83</v>
      </c>
      <c r="U21058">
        <v>84</v>
      </c>
      <c r="V21058">
        <v>85</v>
      </c>
      <c r="W21058">
        <v>86</v>
      </c>
      <c r="X21058">
        <v>87</v>
      </c>
      <c r="Y21058">
        <v>88</v>
      </c>
      <c r="Z21058">
        <v>88</v>
      </c>
      <c r="AA21058">
        <v>89</v>
      </c>
      <c r="AB21058">
        <v>90</v>
      </c>
      <c r="AC21058">
        <v>91</v>
      </c>
      <c r="AD21058">
        <v>92</v>
      </c>
      <c r="AE21058">
        <v>93</v>
      </c>
      <c r="AF21058">
        <v>93</v>
      </c>
      <c r="AG21058">
        <v>94</v>
      </c>
      <c r="AH21058">
        <v>95</v>
      </c>
      <c r="AI21058">
        <v>96</v>
      </c>
      <c r="AJ21058">
        <v>96</v>
      </c>
      <c r="AK21058">
        <v>97</v>
      </c>
      <c r="AL21058">
        <v>97</v>
      </c>
      <c r="AM21058">
        <v>97</v>
      </c>
      <c r="AN21058">
        <v>97</v>
      </c>
      <c r="AO21058">
        <v>97</v>
      </c>
      <c r="AP21058">
        <v>97</v>
      </c>
      <c r="AQ21058">
        <v>97</v>
      </c>
    </row>
    <row r="21059" spans="1:43">
      <c r="A21059" t="s">
        <v>13043</v>
      </c>
      <c r="B21059" t="s">
        <v>13044</v>
      </c>
      <c r="C21059" t="s">
        <v>13045</v>
      </c>
      <c r="D21059" t="s">
        <v>13046</v>
      </c>
      <c r="E21059" t="s">
        <v>12925</v>
      </c>
      <c r="F21059" t="s">
        <v>12926</v>
      </c>
      <c r="G21059" t="s">
        <v>10214</v>
      </c>
      <c r="H21059" t="s">
        <v>10215</v>
      </c>
      <c r="I21059" s="2">
        <v>1</v>
      </c>
      <c r="J21059" s="2">
        <v>0</v>
      </c>
      <c r="K21059" s="2">
        <v>0</v>
      </c>
      <c r="L21059" t="s">
        <v>120</v>
      </c>
      <c r="M21059" t="s">
        <v>87</v>
      </c>
      <c r="N21059" t="s">
        <v>88</v>
      </c>
      <c r="O21059" t="s">
        <v>85</v>
      </c>
      <c r="P21059" t="s">
        <v>86</v>
      </c>
      <c r="Q21059">
        <v>80</v>
      </c>
      <c r="R21059">
        <v>80</v>
      </c>
      <c r="S21059">
        <v>81</v>
      </c>
      <c r="T21059">
        <v>81</v>
      </c>
      <c r="U21059">
        <v>81</v>
      </c>
      <c r="V21059">
        <v>81</v>
      </c>
      <c r="W21059">
        <v>82</v>
      </c>
      <c r="X21059">
        <v>82</v>
      </c>
      <c r="Y21059">
        <v>82</v>
      </c>
      <c r="Z21059">
        <v>82</v>
      </c>
      <c r="AA21059">
        <v>83</v>
      </c>
      <c r="AB21059">
        <v>83</v>
      </c>
      <c r="AC21059">
        <v>83</v>
      </c>
      <c r="AD21059">
        <v>83</v>
      </c>
      <c r="AE21059">
        <v>83</v>
      </c>
      <c r="AF21059">
        <v>83</v>
      </c>
      <c r="AG21059">
        <v>84</v>
      </c>
      <c r="AH21059">
        <v>84</v>
      </c>
      <c r="AI21059">
        <v>84</v>
      </c>
      <c r="AJ21059">
        <v>84</v>
      </c>
      <c r="AK21059">
        <v>84</v>
      </c>
      <c r="AL21059">
        <v>84</v>
      </c>
      <c r="AM21059">
        <v>85</v>
      </c>
      <c r="AN21059">
        <v>85</v>
      </c>
      <c r="AO21059">
        <v>85</v>
      </c>
      <c r="AP21059">
        <v>85</v>
      </c>
      <c r="AQ21059">
        <v>85</v>
      </c>
    </row>
    <row r="21060" spans="1:43">
      <c r="A21060" t="s">
        <v>13043</v>
      </c>
      <c r="B21060" t="s">
        <v>13044</v>
      </c>
      <c r="C21060" t="s">
        <v>13045</v>
      </c>
      <c r="D21060" t="s">
        <v>13046</v>
      </c>
      <c r="E21060" t="s">
        <v>12925</v>
      </c>
      <c r="F21060" t="s">
        <v>12926</v>
      </c>
      <c r="G21060" t="s">
        <v>10214</v>
      </c>
      <c r="H21060" t="s">
        <v>10215</v>
      </c>
      <c r="I21060" s="2">
        <v>1</v>
      </c>
      <c r="J21060" s="2">
        <v>0</v>
      </c>
      <c r="K21060" s="2">
        <v>0</v>
      </c>
      <c r="L21060" t="s">
        <v>120</v>
      </c>
      <c r="M21060" t="s">
        <v>89</v>
      </c>
      <c r="N21060" t="s">
        <v>90</v>
      </c>
      <c r="O21060" t="s">
        <v>85</v>
      </c>
      <c r="P21060" t="s">
        <v>86</v>
      </c>
      <c r="Q21060">
        <v>80</v>
      </c>
      <c r="R21060">
        <v>81</v>
      </c>
      <c r="S21060">
        <v>83</v>
      </c>
      <c r="T21060">
        <v>85</v>
      </c>
      <c r="U21060">
        <v>86</v>
      </c>
      <c r="V21060">
        <v>88</v>
      </c>
      <c r="W21060">
        <v>89</v>
      </c>
      <c r="X21060">
        <v>90</v>
      </c>
      <c r="Y21060">
        <v>92</v>
      </c>
      <c r="Z21060">
        <v>93</v>
      </c>
      <c r="AA21060">
        <v>94</v>
      </c>
      <c r="AB21060">
        <v>95</v>
      </c>
      <c r="AC21060">
        <v>96</v>
      </c>
      <c r="AD21060">
        <v>97</v>
      </c>
      <c r="AE21060">
        <v>98</v>
      </c>
      <c r="AF21060">
        <v>98</v>
      </c>
      <c r="AG21060">
        <v>98</v>
      </c>
      <c r="AH21060">
        <v>98</v>
      </c>
      <c r="AI21060">
        <v>98</v>
      </c>
      <c r="AJ21060">
        <v>98</v>
      </c>
      <c r="AK21060">
        <v>98</v>
      </c>
      <c r="AL21060">
        <v>98</v>
      </c>
      <c r="AM21060">
        <v>97</v>
      </c>
      <c r="AN21060">
        <v>97</v>
      </c>
      <c r="AO21060">
        <v>97</v>
      </c>
      <c r="AP21060">
        <v>97</v>
      </c>
      <c r="AQ21060">
        <v>97</v>
      </c>
    </row>
    <row r="21061" spans="1:43">
      <c r="A21061" t="s">
        <v>13043</v>
      </c>
      <c r="B21061" t="s">
        <v>13044</v>
      </c>
      <c r="C21061" t="s">
        <v>13045</v>
      </c>
      <c r="D21061" t="s">
        <v>13046</v>
      </c>
      <c r="E21061" t="s">
        <v>12925</v>
      </c>
      <c r="F21061" t="s">
        <v>12926</v>
      </c>
      <c r="G21061" t="s">
        <v>10214</v>
      </c>
      <c r="H21061" t="s">
        <v>10215</v>
      </c>
      <c r="I21061" s="2">
        <v>1</v>
      </c>
      <c r="J21061" s="2">
        <v>0</v>
      </c>
      <c r="K21061" s="2">
        <v>0</v>
      </c>
      <c r="L21061" t="s">
        <v>120</v>
      </c>
      <c r="M21061" t="s">
        <v>83</v>
      </c>
      <c r="N21061" t="s">
        <v>91</v>
      </c>
      <c r="O21061" t="s">
        <v>85</v>
      </c>
      <c r="P21061" t="s">
        <v>86</v>
      </c>
      <c r="Q21061">
        <v>80</v>
      </c>
      <c r="R21061">
        <v>81</v>
      </c>
      <c r="S21061">
        <v>82</v>
      </c>
      <c r="T21061">
        <v>83</v>
      </c>
      <c r="U21061">
        <v>84</v>
      </c>
      <c r="V21061">
        <v>85</v>
      </c>
      <c r="W21061">
        <v>86</v>
      </c>
      <c r="X21061">
        <v>87</v>
      </c>
      <c r="Y21061">
        <v>88</v>
      </c>
      <c r="Z21061">
        <v>88</v>
      </c>
      <c r="AA21061">
        <v>89</v>
      </c>
      <c r="AB21061">
        <v>90</v>
      </c>
      <c r="AC21061">
        <v>91</v>
      </c>
      <c r="AD21061">
        <v>92</v>
      </c>
      <c r="AE21061">
        <v>93</v>
      </c>
      <c r="AF21061">
        <v>93</v>
      </c>
      <c r="AG21061">
        <v>94</v>
      </c>
      <c r="AH21061">
        <v>95</v>
      </c>
      <c r="AI21061">
        <v>96</v>
      </c>
      <c r="AJ21061">
        <v>96</v>
      </c>
      <c r="AK21061">
        <v>97</v>
      </c>
      <c r="AL21061">
        <v>97</v>
      </c>
      <c r="AM21061">
        <v>97</v>
      </c>
      <c r="AN21061">
        <v>97</v>
      </c>
      <c r="AO21061">
        <v>97</v>
      </c>
      <c r="AP21061">
        <v>97</v>
      </c>
      <c r="AQ21061">
        <v>97</v>
      </c>
    </row>
    <row r="21062" spans="1:43">
      <c r="A21062" t="s">
        <v>13047</v>
      </c>
      <c r="B21062" t="s">
        <v>13048</v>
      </c>
      <c r="C21062" t="s">
        <v>13049</v>
      </c>
      <c r="D21062" t="s">
        <v>13050</v>
      </c>
      <c r="E21062" t="s">
        <v>12925</v>
      </c>
      <c r="F21062" t="s">
        <v>12926</v>
      </c>
      <c r="G21062" t="s">
        <v>10214</v>
      </c>
      <c r="H21062" t="s">
        <v>10215</v>
      </c>
      <c r="I21062" s="2">
        <v>1</v>
      </c>
      <c r="J21062" s="2">
        <v>0</v>
      </c>
      <c r="K21062" s="2">
        <v>0</v>
      </c>
      <c r="L21062" t="s">
        <v>120</v>
      </c>
      <c r="M21062" t="s">
        <v>83</v>
      </c>
      <c r="N21062" t="s">
        <v>84</v>
      </c>
      <c r="O21062" t="s">
        <v>85</v>
      </c>
      <c r="P21062" t="s">
        <v>86</v>
      </c>
      <c r="Q21062">
        <v>35</v>
      </c>
      <c r="R21062">
        <v>36</v>
      </c>
      <c r="S21062">
        <v>36</v>
      </c>
      <c r="T21062">
        <v>36</v>
      </c>
      <c r="U21062">
        <v>37</v>
      </c>
      <c r="V21062">
        <v>37</v>
      </c>
      <c r="W21062">
        <v>38</v>
      </c>
      <c r="X21062">
        <v>38</v>
      </c>
      <c r="Y21062">
        <v>38</v>
      </c>
      <c r="Z21062">
        <v>39</v>
      </c>
      <c r="AA21062">
        <v>39</v>
      </c>
      <c r="AB21062">
        <v>39</v>
      </c>
      <c r="AC21062">
        <v>40</v>
      </c>
      <c r="AD21062">
        <v>40</v>
      </c>
      <c r="AE21062">
        <v>40</v>
      </c>
      <c r="AF21062">
        <v>41</v>
      </c>
      <c r="AG21062">
        <v>41</v>
      </c>
      <c r="AH21062">
        <v>41</v>
      </c>
      <c r="AI21062">
        <v>42</v>
      </c>
      <c r="AJ21062">
        <v>42</v>
      </c>
      <c r="AK21062">
        <v>42</v>
      </c>
      <c r="AL21062">
        <v>42</v>
      </c>
      <c r="AM21062">
        <v>42</v>
      </c>
      <c r="AN21062">
        <v>42</v>
      </c>
      <c r="AO21062">
        <v>42</v>
      </c>
      <c r="AP21062">
        <v>42</v>
      </c>
      <c r="AQ21062">
        <v>42</v>
      </c>
    </row>
    <row r="21063" spans="1:43">
      <c r="A21063" t="s">
        <v>13047</v>
      </c>
      <c r="B21063" t="s">
        <v>13048</v>
      </c>
      <c r="C21063" t="s">
        <v>13049</v>
      </c>
      <c r="D21063" t="s">
        <v>13050</v>
      </c>
      <c r="E21063" t="s">
        <v>12925</v>
      </c>
      <c r="F21063" t="s">
        <v>12926</v>
      </c>
      <c r="G21063" t="s">
        <v>10214</v>
      </c>
      <c r="H21063" t="s">
        <v>10215</v>
      </c>
      <c r="I21063" s="2">
        <v>1</v>
      </c>
      <c r="J21063" s="2">
        <v>0</v>
      </c>
      <c r="K21063" s="2">
        <v>0</v>
      </c>
      <c r="L21063" t="s">
        <v>120</v>
      </c>
      <c r="M21063" t="s">
        <v>87</v>
      </c>
      <c r="N21063" t="s">
        <v>88</v>
      </c>
      <c r="O21063" t="s">
        <v>85</v>
      </c>
      <c r="P21063" t="s">
        <v>86</v>
      </c>
      <c r="Q21063">
        <v>35</v>
      </c>
      <c r="R21063">
        <v>35</v>
      </c>
      <c r="S21063">
        <v>35</v>
      </c>
      <c r="T21063">
        <v>35</v>
      </c>
      <c r="U21063">
        <v>35</v>
      </c>
      <c r="V21063">
        <v>35</v>
      </c>
      <c r="W21063">
        <v>35</v>
      </c>
      <c r="X21063">
        <v>35</v>
      </c>
      <c r="Y21063">
        <v>36</v>
      </c>
      <c r="Z21063">
        <v>36</v>
      </c>
      <c r="AA21063">
        <v>36</v>
      </c>
      <c r="AB21063">
        <v>36</v>
      </c>
      <c r="AC21063">
        <v>36</v>
      </c>
      <c r="AD21063">
        <v>36</v>
      </c>
      <c r="AE21063">
        <v>36</v>
      </c>
      <c r="AF21063">
        <v>36</v>
      </c>
      <c r="AG21063">
        <v>36</v>
      </c>
      <c r="AH21063">
        <v>36</v>
      </c>
      <c r="AI21063">
        <v>36</v>
      </c>
      <c r="AJ21063">
        <v>36</v>
      </c>
      <c r="AK21063">
        <v>36</v>
      </c>
      <c r="AL21063">
        <v>37</v>
      </c>
      <c r="AM21063">
        <v>37</v>
      </c>
      <c r="AN21063">
        <v>37</v>
      </c>
      <c r="AO21063">
        <v>37</v>
      </c>
      <c r="AP21063">
        <v>37</v>
      </c>
      <c r="AQ21063">
        <v>37</v>
      </c>
    </row>
    <row r="21064" spans="1:43">
      <c r="A21064" t="s">
        <v>13047</v>
      </c>
      <c r="B21064" t="s">
        <v>13048</v>
      </c>
      <c r="C21064" t="s">
        <v>13049</v>
      </c>
      <c r="D21064" t="s">
        <v>13050</v>
      </c>
      <c r="E21064" t="s">
        <v>12925</v>
      </c>
      <c r="F21064" t="s">
        <v>12926</v>
      </c>
      <c r="G21064" t="s">
        <v>10214</v>
      </c>
      <c r="H21064" t="s">
        <v>10215</v>
      </c>
      <c r="I21064" s="2">
        <v>1</v>
      </c>
      <c r="J21064" s="2">
        <v>0</v>
      </c>
      <c r="K21064" s="2">
        <v>0</v>
      </c>
      <c r="L21064" t="s">
        <v>120</v>
      </c>
      <c r="M21064" t="s">
        <v>89</v>
      </c>
      <c r="N21064" t="s">
        <v>90</v>
      </c>
      <c r="O21064" t="s">
        <v>85</v>
      </c>
      <c r="P21064" t="s">
        <v>86</v>
      </c>
      <c r="Q21064">
        <v>35</v>
      </c>
      <c r="R21064">
        <v>36</v>
      </c>
      <c r="S21064">
        <v>37</v>
      </c>
      <c r="T21064">
        <v>38</v>
      </c>
      <c r="U21064">
        <v>38</v>
      </c>
      <c r="V21064">
        <v>39</v>
      </c>
      <c r="W21064">
        <v>39</v>
      </c>
      <c r="X21064">
        <v>40</v>
      </c>
      <c r="Y21064">
        <v>41</v>
      </c>
      <c r="Z21064">
        <v>41</v>
      </c>
      <c r="AA21064">
        <v>42</v>
      </c>
      <c r="AB21064">
        <v>42</v>
      </c>
      <c r="AC21064">
        <v>43</v>
      </c>
      <c r="AD21064">
        <v>43</v>
      </c>
      <c r="AE21064">
        <v>43</v>
      </c>
      <c r="AF21064">
        <v>43</v>
      </c>
      <c r="AG21064">
        <v>43</v>
      </c>
      <c r="AH21064">
        <v>43</v>
      </c>
      <c r="AI21064">
        <v>43</v>
      </c>
      <c r="AJ21064">
        <v>43</v>
      </c>
      <c r="AK21064">
        <v>43</v>
      </c>
      <c r="AL21064">
        <v>43</v>
      </c>
      <c r="AM21064">
        <v>43</v>
      </c>
      <c r="AN21064">
        <v>43</v>
      </c>
      <c r="AO21064">
        <v>42</v>
      </c>
      <c r="AP21064">
        <v>42</v>
      </c>
      <c r="AQ21064">
        <v>42</v>
      </c>
    </row>
    <row r="21065" spans="1:43">
      <c r="A21065" t="s">
        <v>13047</v>
      </c>
      <c r="B21065" t="s">
        <v>13048</v>
      </c>
      <c r="C21065" t="s">
        <v>13049</v>
      </c>
      <c r="D21065" t="s">
        <v>13050</v>
      </c>
      <c r="E21065" t="s">
        <v>12925</v>
      </c>
      <c r="F21065" t="s">
        <v>12926</v>
      </c>
      <c r="G21065" t="s">
        <v>10214</v>
      </c>
      <c r="H21065" t="s">
        <v>10215</v>
      </c>
      <c r="I21065" s="2">
        <v>1</v>
      </c>
      <c r="J21065" s="2">
        <v>0</v>
      </c>
      <c r="K21065" s="2">
        <v>0</v>
      </c>
      <c r="L21065" t="s">
        <v>120</v>
      </c>
      <c r="M21065" t="s">
        <v>83</v>
      </c>
      <c r="N21065" t="s">
        <v>91</v>
      </c>
      <c r="O21065" t="s">
        <v>85</v>
      </c>
      <c r="P21065" t="s">
        <v>86</v>
      </c>
      <c r="Q21065">
        <v>35</v>
      </c>
      <c r="R21065">
        <v>36</v>
      </c>
      <c r="S21065">
        <v>36</v>
      </c>
      <c r="T21065">
        <v>36</v>
      </c>
      <c r="U21065">
        <v>37</v>
      </c>
      <c r="V21065">
        <v>37</v>
      </c>
      <c r="W21065">
        <v>38</v>
      </c>
      <c r="X21065">
        <v>38</v>
      </c>
      <c r="Y21065">
        <v>38</v>
      </c>
      <c r="Z21065">
        <v>39</v>
      </c>
      <c r="AA21065">
        <v>39</v>
      </c>
      <c r="AB21065">
        <v>39</v>
      </c>
      <c r="AC21065">
        <v>40</v>
      </c>
      <c r="AD21065">
        <v>40</v>
      </c>
      <c r="AE21065">
        <v>40</v>
      </c>
      <c r="AF21065">
        <v>41</v>
      </c>
      <c r="AG21065">
        <v>41</v>
      </c>
      <c r="AH21065">
        <v>41</v>
      </c>
      <c r="AI21065">
        <v>42</v>
      </c>
      <c r="AJ21065">
        <v>42</v>
      </c>
      <c r="AK21065">
        <v>42</v>
      </c>
      <c r="AL21065">
        <v>42</v>
      </c>
      <c r="AM21065">
        <v>42</v>
      </c>
      <c r="AN21065">
        <v>42</v>
      </c>
      <c r="AO21065">
        <v>42</v>
      </c>
      <c r="AP21065">
        <v>42</v>
      </c>
      <c r="AQ21065">
        <v>42</v>
      </c>
    </row>
    <row r="21066" spans="1:43">
      <c r="A21066" t="s">
        <v>13051</v>
      </c>
      <c r="B21066" t="s">
        <v>13052</v>
      </c>
      <c r="C21066" t="s">
        <v>13049</v>
      </c>
      <c r="D21066" t="s">
        <v>13050</v>
      </c>
      <c r="E21066" t="s">
        <v>12925</v>
      </c>
      <c r="F21066" t="s">
        <v>12926</v>
      </c>
      <c r="G21066" t="s">
        <v>10214</v>
      </c>
      <c r="H21066" t="s">
        <v>10215</v>
      </c>
      <c r="I21066" s="2">
        <v>1</v>
      </c>
      <c r="J21066" s="2">
        <v>0</v>
      </c>
      <c r="K21066" s="2">
        <v>0</v>
      </c>
      <c r="L21066" t="s">
        <v>120</v>
      </c>
      <c r="M21066" t="s">
        <v>83</v>
      </c>
      <c r="N21066" t="s">
        <v>84</v>
      </c>
      <c r="O21066" t="s">
        <v>85</v>
      </c>
      <c r="P21066" t="s">
        <v>86</v>
      </c>
      <c r="Q21066">
        <v>19</v>
      </c>
      <c r="R21066">
        <v>20</v>
      </c>
      <c r="S21066">
        <v>20</v>
      </c>
      <c r="T21066">
        <v>20</v>
      </c>
      <c r="U21066">
        <v>20</v>
      </c>
      <c r="V21066">
        <v>21</v>
      </c>
      <c r="W21066">
        <v>21</v>
      </c>
      <c r="X21066">
        <v>21</v>
      </c>
      <c r="Y21066">
        <v>21</v>
      </c>
      <c r="Z21066">
        <v>21</v>
      </c>
      <c r="AA21066">
        <v>22</v>
      </c>
      <c r="AB21066">
        <v>22</v>
      </c>
      <c r="AC21066">
        <v>22</v>
      </c>
      <c r="AD21066">
        <v>22</v>
      </c>
      <c r="AE21066">
        <v>22</v>
      </c>
      <c r="AF21066">
        <v>22</v>
      </c>
      <c r="AG21066">
        <v>23</v>
      </c>
      <c r="AH21066">
        <v>23</v>
      </c>
      <c r="AI21066">
        <v>23</v>
      </c>
      <c r="AJ21066">
        <v>23</v>
      </c>
      <c r="AK21066">
        <v>23</v>
      </c>
      <c r="AL21066">
        <v>23</v>
      </c>
      <c r="AM21066">
        <v>23</v>
      </c>
      <c r="AN21066">
        <v>23</v>
      </c>
      <c r="AO21066">
        <v>23</v>
      </c>
      <c r="AP21066">
        <v>23</v>
      </c>
      <c r="AQ21066">
        <v>23</v>
      </c>
    </row>
    <row r="21067" spans="1:43">
      <c r="A21067" t="s">
        <v>13051</v>
      </c>
      <c r="B21067" t="s">
        <v>13052</v>
      </c>
      <c r="C21067" t="s">
        <v>13049</v>
      </c>
      <c r="D21067" t="s">
        <v>13050</v>
      </c>
      <c r="E21067" t="s">
        <v>12925</v>
      </c>
      <c r="F21067" t="s">
        <v>12926</v>
      </c>
      <c r="G21067" t="s">
        <v>10214</v>
      </c>
      <c r="H21067" t="s">
        <v>10215</v>
      </c>
      <c r="I21067" s="2">
        <v>1</v>
      </c>
      <c r="J21067" s="2">
        <v>0</v>
      </c>
      <c r="K21067" s="2">
        <v>0</v>
      </c>
      <c r="L21067" t="s">
        <v>120</v>
      </c>
      <c r="M21067" t="s">
        <v>87</v>
      </c>
      <c r="N21067" t="s">
        <v>88</v>
      </c>
      <c r="O21067" t="s">
        <v>85</v>
      </c>
      <c r="P21067" t="s">
        <v>86</v>
      </c>
      <c r="Q21067">
        <v>19</v>
      </c>
      <c r="R21067">
        <v>19</v>
      </c>
      <c r="S21067">
        <v>19</v>
      </c>
      <c r="T21067">
        <v>19</v>
      </c>
      <c r="U21067">
        <v>19</v>
      </c>
      <c r="V21067">
        <v>19</v>
      </c>
      <c r="W21067">
        <v>19</v>
      </c>
      <c r="X21067">
        <v>20</v>
      </c>
      <c r="Y21067">
        <v>20</v>
      </c>
      <c r="Z21067">
        <v>20</v>
      </c>
      <c r="AA21067">
        <v>20</v>
      </c>
      <c r="AB21067">
        <v>20</v>
      </c>
      <c r="AC21067">
        <v>20</v>
      </c>
      <c r="AD21067">
        <v>20</v>
      </c>
      <c r="AE21067">
        <v>20</v>
      </c>
      <c r="AF21067">
        <v>20</v>
      </c>
      <c r="AG21067">
        <v>20</v>
      </c>
      <c r="AH21067">
        <v>20</v>
      </c>
      <c r="AI21067">
        <v>20</v>
      </c>
      <c r="AJ21067">
        <v>20</v>
      </c>
      <c r="AK21067">
        <v>20</v>
      </c>
      <c r="AL21067">
        <v>20</v>
      </c>
      <c r="AM21067">
        <v>20</v>
      </c>
      <c r="AN21067">
        <v>20</v>
      </c>
      <c r="AO21067">
        <v>20</v>
      </c>
      <c r="AP21067">
        <v>20</v>
      </c>
      <c r="AQ21067">
        <v>20</v>
      </c>
    </row>
    <row r="21068" spans="1:43">
      <c r="A21068" t="s">
        <v>13051</v>
      </c>
      <c r="B21068" t="s">
        <v>13052</v>
      </c>
      <c r="C21068" t="s">
        <v>13049</v>
      </c>
      <c r="D21068" t="s">
        <v>13050</v>
      </c>
      <c r="E21068" t="s">
        <v>12925</v>
      </c>
      <c r="F21068" t="s">
        <v>12926</v>
      </c>
      <c r="G21068" t="s">
        <v>10214</v>
      </c>
      <c r="H21068" t="s">
        <v>10215</v>
      </c>
      <c r="I21068" s="2">
        <v>1</v>
      </c>
      <c r="J21068" s="2">
        <v>0</v>
      </c>
      <c r="K21068" s="2">
        <v>0</v>
      </c>
      <c r="L21068" t="s">
        <v>120</v>
      </c>
      <c r="M21068" t="s">
        <v>89</v>
      </c>
      <c r="N21068" t="s">
        <v>90</v>
      </c>
      <c r="O21068" t="s">
        <v>85</v>
      </c>
      <c r="P21068" t="s">
        <v>86</v>
      </c>
      <c r="Q21068">
        <v>19</v>
      </c>
      <c r="R21068">
        <v>19</v>
      </c>
      <c r="S21068">
        <v>19</v>
      </c>
      <c r="T21068">
        <v>20</v>
      </c>
      <c r="U21068">
        <v>20</v>
      </c>
      <c r="V21068">
        <v>20</v>
      </c>
      <c r="W21068">
        <v>21</v>
      </c>
      <c r="X21068">
        <v>21</v>
      </c>
      <c r="Y21068">
        <v>21</v>
      </c>
      <c r="Z21068">
        <v>22</v>
      </c>
      <c r="AA21068">
        <v>22</v>
      </c>
      <c r="AB21068">
        <v>22</v>
      </c>
      <c r="AC21068">
        <v>22</v>
      </c>
      <c r="AD21068">
        <v>23</v>
      </c>
      <c r="AE21068">
        <v>23</v>
      </c>
      <c r="AF21068">
        <v>23</v>
      </c>
      <c r="AG21068">
        <v>23</v>
      </c>
      <c r="AH21068">
        <v>23</v>
      </c>
      <c r="AI21068">
        <v>23</v>
      </c>
      <c r="AJ21068">
        <v>23</v>
      </c>
      <c r="AK21068">
        <v>23</v>
      </c>
      <c r="AL21068">
        <v>22</v>
      </c>
      <c r="AM21068">
        <v>22</v>
      </c>
      <c r="AN21068">
        <v>22</v>
      </c>
      <c r="AO21068">
        <v>22</v>
      </c>
      <c r="AP21068">
        <v>22</v>
      </c>
      <c r="AQ21068">
        <v>22</v>
      </c>
    </row>
    <row r="21069" spans="1:43">
      <c r="A21069" t="s">
        <v>13051</v>
      </c>
      <c r="B21069" t="s">
        <v>13052</v>
      </c>
      <c r="C21069" t="s">
        <v>13049</v>
      </c>
      <c r="D21069" t="s">
        <v>13050</v>
      </c>
      <c r="E21069" t="s">
        <v>12925</v>
      </c>
      <c r="F21069" t="s">
        <v>12926</v>
      </c>
      <c r="G21069" t="s">
        <v>10214</v>
      </c>
      <c r="H21069" t="s">
        <v>10215</v>
      </c>
      <c r="I21069" s="2">
        <v>1</v>
      </c>
      <c r="J21069" s="2">
        <v>0</v>
      </c>
      <c r="K21069" s="2">
        <v>0</v>
      </c>
      <c r="L21069" t="s">
        <v>120</v>
      </c>
      <c r="M21069" t="s">
        <v>83</v>
      </c>
      <c r="N21069" t="s">
        <v>91</v>
      </c>
      <c r="O21069" t="s">
        <v>85</v>
      </c>
      <c r="P21069" t="s">
        <v>86</v>
      </c>
      <c r="Q21069">
        <v>19</v>
      </c>
      <c r="R21069">
        <v>20</v>
      </c>
      <c r="S21069">
        <v>20</v>
      </c>
      <c r="T21069">
        <v>20</v>
      </c>
      <c r="U21069">
        <v>20</v>
      </c>
      <c r="V21069">
        <v>21</v>
      </c>
      <c r="W21069">
        <v>21</v>
      </c>
      <c r="X21069">
        <v>21</v>
      </c>
      <c r="Y21069">
        <v>21</v>
      </c>
      <c r="Z21069">
        <v>21</v>
      </c>
      <c r="AA21069">
        <v>22</v>
      </c>
      <c r="AB21069">
        <v>22</v>
      </c>
      <c r="AC21069">
        <v>22</v>
      </c>
      <c r="AD21069">
        <v>22</v>
      </c>
      <c r="AE21069">
        <v>22</v>
      </c>
      <c r="AF21069">
        <v>22</v>
      </c>
      <c r="AG21069">
        <v>23</v>
      </c>
      <c r="AH21069">
        <v>23</v>
      </c>
      <c r="AI21069">
        <v>23</v>
      </c>
      <c r="AJ21069">
        <v>23</v>
      </c>
      <c r="AK21069">
        <v>23</v>
      </c>
      <c r="AL21069">
        <v>23</v>
      </c>
      <c r="AM21069">
        <v>23</v>
      </c>
      <c r="AN21069">
        <v>23</v>
      </c>
      <c r="AO21069">
        <v>23</v>
      </c>
      <c r="AP21069">
        <v>23</v>
      </c>
      <c r="AQ21069">
        <v>23</v>
      </c>
    </row>
    <row r="21070" spans="1:43">
      <c r="A21070" t="s">
        <v>13053</v>
      </c>
      <c r="B21070" t="s">
        <v>13054</v>
      </c>
      <c r="C21070" t="s">
        <v>13049</v>
      </c>
      <c r="D21070" t="s">
        <v>13050</v>
      </c>
      <c r="E21070" t="s">
        <v>12925</v>
      </c>
      <c r="F21070" t="s">
        <v>12926</v>
      </c>
      <c r="G21070" t="s">
        <v>10214</v>
      </c>
      <c r="H21070" t="s">
        <v>10215</v>
      </c>
      <c r="I21070" s="2">
        <v>1</v>
      </c>
      <c r="J21070" s="2">
        <v>0</v>
      </c>
      <c r="K21070" s="2">
        <v>0</v>
      </c>
      <c r="L21070" t="s">
        <v>120</v>
      </c>
      <c r="M21070" t="s">
        <v>83</v>
      </c>
      <c r="N21070" t="s">
        <v>84</v>
      </c>
      <c r="O21070" t="s">
        <v>85</v>
      </c>
      <c r="P21070" t="s">
        <v>86</v>
      </c>
      <c r="Q21070">
        <v>68</v>
      </c>
      <c r="R21070">
        <v>69</v>
      </c>
      <c r="S21070">
        <v>70</v>
      </c>
      <c r="T21070">
        <v>71</v>
      </c>
      <c r="U21070">
        <v>72</v>
      </c>
      <c r="V21070">
        <v>73</v>
      </c>
      <c r="W21070">
        <v>73</v>
      </c>
      <c r="X21070">
        <v>74</v>
      </c>
      <c r="Y21070">
        <v>75</v>
      </c>
      <c r="Z21070">
        <v>76</v>
      </c>
      <c r="AA21070">
        <v>76</v>
      </c>
      <c r="AB21070">
        <v>77</v>
      </c>
      <c r="AC21070">
        <v>78</v>
      </c>
      <c r="AD21070">
        <v>78</v>
      </c>
      <c r="AE21070">
        <v>79</v>
      </c>
      <c r="AF21070">
        <v>79</v>
      </c>
      <c r="AG21070">
        <v>80</v>
      </c>
      <c r="AH21070">
        <v>81</v>
      </c>
      <c r="AI21070">
        <v>81</v>
      </c>
      <c r="AJ21070">
        <v>82</v>
      </c>
      <c r="AK21070">
        <v>82</v>
      </c>
      <c r="AL21070">
        <v>82</v>
      </c>
      <c r="AM21070">
        <v>82</v>
      </c>
      <c r="AN21070">
        <v>82</v>
      </c>
      <c r="AO21070">
        <v>82</v>
      </c>
      <c r="AP21070">
        <v>82</v>
      </c>
      <c r="AQ21070">
        <v>81</v>
      </c>
    </row>
    <row r="21071" spans="1:43">
      <c r="A21071" t="s">
        <v>13053</v>
      </c>
      <c r="B21071" t="s">
        <v>13054</v>
      </c>
      <c r="C21071" t="s">
        <v>13049</v>
      </c>
      <c r="D21071" t="s">
        <v>13050</v>
      </c>
      <c r="E21071" t="s">
        <v>12925</v>
      </c>
      <c r="F21071" t="s">
        <v>12926</v>
      </c>
      <c r="G21071" t="s">
        <v>10214</v>
      </c>
      <c r="H21071" t="s">
        <v>10215</v>
      </c>
      <c r="I21071" s="2">
        <v>1</v>
      </c>
      <c r="J21071" s="2">
        <v>0</v>
      </c>
      <c r="K21071" s="2">
        <v>0</v>
      </c>
      <c r="L21071" t="s">
        <v>120</v>
      </c>
      <c r="M21071" t="s">
        <v>87</v>
      </c>
      <c r="N21071" t="s">
        <v>88</v>
      </c>
      <c r="O21071" t="s">
        <v>85</v>
      </c>
      <c r="P21071" t="s">
        <v>86</v>
      </c>
      <c r="Q21071">
        <v>68</v>
      </c>
      <c r="R21071">
        <v>68</v>
      </c>
      <c r="S21071">
        <v>68</v>
      </c>
      <c r="T21071">
        <v>68</v>
      </c>
      <c r="U21071">
        <v>69</v>
      </c>
      <c r="V21071">
        <v>69</v>
      </c>
      <c r="W21071">
        <v>69</v>
      </c>
      <c r="X21071">
        <v>69</v>
      </c>
      <c r="Y21071">
        <v>69</v>
      </c>
      <c r="Z21071">
        <v>69</v>
      </c>
      <c r="AA21071">
        <v>70</v>
      </c>
      <c r="AB21071">
        <v>70</v>
      </c>
      <c r="AC21071">
        <v>70</v>
      </c>
      <c r="AD21071">
        <v>70</v>
      </c>
      <c r="AE21071">
        <v>70</v>
      </c>
      <c r="AF21071">
        <v>70</v>
      </c>
      <c r="AG21071">
        <v>70</v>
      </c>
      <c r="AH21071">
        <v>70</v>
      </c>
      <c r="AI21071">
        <v>71</v>
      </c>
      <c r="AJ21071">
        <v>71</v>
      </c>
      <c r="AK21071">
        <v>71</v>
      </c>
      <c r="AL21071">
        <v>71</v>
      </c>
      <c r="AM21071">
        <v>71</v>
      </c>
      <c r="AN21071">
        <v>71</v>
      </c>
      <c r="AO21071">
        <v>71</v>
      </c>
      <c r="AP21071">
        <v>71</v>
      </c>
      <c r="AQ21071">
        <v>71</v>
      </c>
    </row>
    <row r="21072" spans="1:43">
      <c r="A21072" t="s">
        <v>13053</v>
      </c>
      <c r="B21072" t="s">
        <v>13054</v>
      </c>
      <c r="C21072" t="s">
        <v>13049</v>
      </c>
      <c r="D21072" t="s">
        <v>13050</v>
      </c>
      <c r="E21072" t="s">
        <v>12925</v>
      </c>
      <c r="F21072" t="s">
        <v>12926</v>
      </c>
      <c r="G21072" t="s">
        <v>10214</v>
      </c>
      <c r="H21072" t="s">
        <v>10215</v>
      </c>
      <c r="I21072" s="2">
        <v>1</v>
      </c>
      <c r="J21072" s="2">
        <v>0</v>
      </c>
      <c r="K21072" s="2">
        <v>0</v>
      </c>
      <c r="L21072" t="s">
        <v>120</v>
      </c>
      <c r="M21072" t="s">
        <v>89</v>
      </c>
      <c r="N21072" t="s">
        <v>90</v>
      </c>
      <c r="O21072" t="s">
        <v>85</v>
      </c>
      <c r="P21072" t="s">
        <v>86</v>
      </c>
      <c r="Q21072">
        <v>68</v>
      </c>
      <c r="R21072">
        <v>70</v>
      </c>
      <c r="S21072">
        <v>71</v>
      </c>
      <c r="T21072">
        <v>72</v>
      </c>
      <c r="U21072">
        <v>74</v>
      </c>
      <c r="V21072">
        <v>75</v>
      </c>
      <c r="W21072">
        <v>76</v>
      </c>
      <c r="X21072">
        <v>77</v>
      </c>
      <c r="Y21072">
        <v>78</v>
      </c>
      <c r="Z21072">
        <v>79</v>
      </c>
      <c r="AA21072">
        <v>80</v>
      </c>
      <c r="AB21072">
        <v>81</v>
      </c>
      <c r="AC21072">
        <v>82</v>
      </c>
      <c r="AD21072">
        <v>83</v>
      </c>
      <c r="AE21072">
        <v>83</v>
      </c>
      <c r="AF21072">
        <v>83</v>
      </c>
      <c r="AG21072">
        <v>83</v>
      </c>
      <c r="AH21072">
        <v>83</v>
      </c>
      <c r="AI21072">
        <v>83</v>
      </c>
      <c r="AJ21072">
        <v>82</v>
      </c>
      <c r="AK21072">
        <v>82</v>
      </c>
      <c r="AL21072">
        <v>82</v>
      </c>
      <c r="AM21072">
        <v>82</v>
      </c>
      <c r="AN21072">
        <v>82</v>
      </c>
      <c r="AO21072">
        <v>82</v>
      </c>
      <c r="AP21072">
        <v>81</v>
      </c>
      <c r="AQ21072">
        <v>81</v>
      </c>
    </row>
    <row r="21073" spans="1:43">
      <c r="A21073" t="s">
        <v>13053</v>
      </c>
      <c r="B21073" t="s">
        <v>13054</v>
      </c>
      <c r="C21073" t="s">
        <v>13049</v>
      </c>
      <c r="D21073" t="s">
        <v>13050</v>
      </c>
      <c r="E21073" t="s">
        <v>12925</v>
      </c>
      <c r="F21073" t="s">
        <v>12926</v>
      </c>
      <c r="G21073" t="s">
        <v>10214</v>
      </c>
      <c r="H21073" t="s">
        <v>10215</v>
      </c>
      <c r="I21073" s="2">
        <v>1</v>
      </c>
      <c r="J21073" s="2">
        <v>0</v>
      </c>
      <c r="K21073" s="2">
        <v>0</v>
      </c>
      <c r="L21073" t="s">
        <v>120</v>
      </c>
      <c r="M21073" t="s">
        <v>83</v>
      </c>
      <c r="N21073" t="s">
        <v>91</v>
      </c>
      <c r="O21073" t="s">
        <v>85</v>
      </c>
      <c r="P21073" t="s">
        <v>86</v>
      </c>
      <c r="Q21073">
        <v>68</v>
      </c>
      <c r="R21073">
        <v>69</v>
      </c>
      <c r="S21073">
        <v>70</v>
      </c>
      <c r="T21073">
        <v>71</v>
      </c>
      <c r="U21073">
        <v>72</v>
      </c>
      <c r="V21073">
        <v>73</v>
      </c>
      <c r="W21073">
        <v>73</v>
      </c>
      <c r="X21073">
        <v>74</v>
      </c>
      <c r="Y21073">
        <v>75</v>
      </c>
      <c r="Z21073">
        <v>76</v>
      </c>
      <c r="AA21073">
        <v>76</v>
      </c>
      <c r="AB21073">
        <v>77</v>
      </c>
      <c r="AC21073">
        <v>78</v>
      </c>
      <c r="AD21073">
        <v>78</v>
      </c>
      <c r="AE21073">
        <v>79</v>
      </c>
      <c r="AF21073">
        <v>79</v>
      </c>
      <c r="AG21073">
        <v>80</v>
      </c>
      <c r="AH21073">
        <v>81</v>
      </c>
      <c r="AI21073">
        <v>81</v>
      </c>
      <c r="AJ21073">
        <v>82</v>
      </c>
      <c r="AK21073">
        <v>82</v>
      </c>
      <c r="AL21073">
        <v>82</v>
      </c>
      <c r="AM21073">
        <v>82</v>
      </c>
      <c r="AN21073">
        <v>82</v>
      </c>
      <c r="AO21073">
        <v>82</v>
      </c>
      <c r="AP21073">
        <v>82</v>
      </c>
      <c r="AQ21073">
        <v>81</v>
      </c>
    </row>
    <row r="21074" spans="1:43">
      <c r="A21074" t="s">
        <v>13055</v>
      </c>
      <c r="B21074" t="s">
        <v>13056</v>
      </c>
      <c r="C21074" t="s">
        <v>13049</v>
      </c>
      <c r="D21074" t="s">
        <v>13050</v>
      </c>
      <c r="E21074" t="s">
        <v>12925</v>
      </c>
      <c r="F21074" t="s">
        <v>12926</v>
      </c>
      <c r="G21074" t="s">
        <v>10214</v>
      </c>
      <c r="H21074" t="s">
        <v>10215</v>
      </c>
      <c r="I21074" s="2">
        <v>1</v>
      </c>
      <c r="J21074" s="2">
        <v>0</v>
      </c>
      <c r="K21074" s="2">
        <v>0</v>
      </c>
      <c r="L21074" t="s">
        <v>120</v>
      </c>
      <c r="M21074" t="s">
        <v>83</v>
      </c>
      <c r="N21074" t="s">
        <v>84</v>
      </c>
      <c r="O21074" t="s">
        <v>85</v>
      </c>
      <c r="P21074" t="s">
        <v>86</v>
      </c>
      <c r="Q21074">
        <v>80</v>
      </c>
      <c r="R21074">
        <v>81</v>
      </c>
      <c r="S21074">
        <v>82</v>
      </c>
      <c r="T21074">
        <v>83</v>
      </c>
      <c r="U21074">
        <v>84</v>
      </c>
      <c r="V21074">
        <v>85</v>
      </c>
      <c r="W21074">
        <v>86</v>
      </c>
      <c r="X21074">
        <v>87</v>
      </c>
      <c r="Y21074">
        <v>87</v>
      </c>
      <c r="Z21074">
        <v>88</v>
      </c>
      <c r="AA21074">
        <v>89</v>
      </c>
      <c r="AB21074">
        <v>90</v>
      </c>
      <c r="AC21074">
        <v>90</v>
      </c>
      <c r="AD21074">
        <v>91</v>
      </c>
      <c r="AE21074">
        <v>92</v>
      </c>
      <c r="AF21074">
        <v>93</v>
      </c>
      <c r="AG21074">
        <v>93</v>
      </c>
      <c r="AH21074">
        <v>94</v>
      </c>
      <c r="AI21074">
        <v>95</v>
      </c>
      <c r="AJ21074">
        <v>95</v>
      </c>
      <c r="AK21074">
        <v>96</v>
      </c>
      <c r="AL21074">
        <v>96</v>
      </c>
      <c r="AM21074">
        <v>96</v>
      </c>
      <c r="AN21074">
        <v>95</v>
      </c>
      <c r="AO21074">
        <v>95</v>
      </c>
      <c r="AP21074">
        <v>95</v>
      </c>
      <c r="AQ21074">
        <v>95</v>
      </c>
    </row>
    <row r="21075" spans="1:43">
      <c r="A21075" t="s">
        <v>13055</v>
      </c>
      <c r="B21075" t="s">
        <v>13056</v>
      </c>
      <c r="C21075" t="s">
        <v>13049</v>
      </c>
      <c r="D21075" t="s">
        <v>13050</v>
      </c>
      <c r="E21075" t="s">
        <v>12925</v>
      </c>
      <c r="F21075" t="s">
        <v>12926</v>
      </c>
      <c r="G21075" t="s">
        <v>10214</v>
      </c>
      <c r="H21075" t="s">
        <v>10215</v>
      </c>
      <c r="I21075" s="2">
        <v>1</v>
      </c>
      <c r="J21075" s="2">
        <v>0</v>
      </c>
      <c r="K21075" s="2">
        <v>0</v>
      </c>
      <c r="L21075" t="s">
        <v>120</v>
      </c>
      <c r="M21075" t="s">
        <v>87</v>
      </c>
      <c r="N21075" t="s">
        <v>88</v>
      </c>
      <c r="O21075" t="s">
        <v>85</v>
      </c>
      <c r="P21075" t="s">
        <v>86</v>
      </c>
      <c r="Q21075">
        <v>80</v>
      </c>
      <c r="R21075">
        <v>81</v>
      </c>
      <c r="S21075">
        <v>81</v>
      </c>
      <c r="T21075">
        <v>81</v>
      </c>
      <c r="U21075">
        <v>81</v>
      </c>
      <c r="V21075">
        <v>81</v>
      </c>
      <c r="W21075">
        <v>81</v>
      </c>
      <c r="X21075">
        <v>82</v>
      </c>
      <c r="Y21075">
        <v>82</v>
      </c>
      <c r="Z21075">
        <v>82</v>
      </c>
      <c r="AA21075">
        <v>82</v>
      </c>
      <c r="AB21075">
        <v>82</v>
      </c>
      <c r="AC21075">
        <v>82</v>
      </c>
      <c r="AD21075">
        <v>83</v>
      </c>
      <c r="AE21075">
        <v>83</v>
      </c>
      <c r="AF21075">
        <v>83</v>
      </c>
      <c r="AG21075">
        <v>83</v>
      </c>
      <c r="AH21075">
        <v>83</v>
      </c>
      <c r="AI21075">
        <v>83</v>
      </c>
      <c r="AJ21075">
        <v>83</v>
      </c>
      <c r="AK21075">
        <v>83</v>
      </c>
      <c r="AL21075">
        <v>83</v>
      </c>
      <c r="AM21075">
        <v>83</v>
      </c>
      <c r="AN21075">
        <v>84</v>
      </c>
      <c r="AO21075">
        <v>84</v>
      </c>
      <c r="AP21075">
        <v>84</v>
      </c>
      <c r="AQ21075">
        <v>84</v>
      </c>
    </row>
    <row r="21076" spans="1:43">
      <c r="A21076" t="s">
        <v>13055</v>
      </c>
      <c r="B21076" t="s">
        <v>13056</v>
      </c>
      <c r="C21076" t="s">
        <v>13049</v>
      </c>
      <c r="D21076" t="s">
        <v>13050</v>
      </c>
      <c r="E21076" t="s">
        <v>12925</v>
      </c>
      <c r="F21076" t="s">
        <v>12926</v>
      </c>
      <c r="G21076" t="s">
        <v>10214</v>
      </c>
      <c r="H21076" t="s">
        <v>10215</v>
      </c>
      <c r="I21076" s="2">
        <v>1</v>
      </c>
      <c r="J21076" s="2">
        <v>0</v>
      </c>
      <c r="K21076" s="2">
        <v>0</v>
      </c>
      <c r="L21076" t="s">
        <v>120</v>
      </c>
      <c r="M21076" t="s">
        <v>89</v>
      </c>
      <c r="N21076" t="s">
        <v>90</v>
      </c>
      <c r="O21076" t="s">
        <v>85</v>
      </c>
      <c r="P21076" t="s">
        <v>86</v>
      </c>
      <c r="Q21076">
        <v>80</v>
      </c>
      <c r="R21076">
        <v>81</v>
      </c>
      <c r="S21076">
        <v>83</v>
      </c>
      <c r="T21076">
        <v>85</v>
      </c>
      <c r="U21076">
        <v>86</v>
      </c>
      <c r="V21076">
        <v>88</v>
      </c>
      <c r="W21076">
        <v>89</v>
      </c>
      <c r="X21076">
        <v>90</v>
      </c>
      <c r="Y21076">
        <v>91</v>
      </c>
      <c r="Z21076">
        <v>92</v>
      </c>
      <c r="AA21076">
        <v>94</v>
      </c>
      <c r="AB21076">
        <v>95</v>
      </c>
      <c r="AC21076">
        <v>96</v>
      </c>
      <c r="AD21076">
        <v>97</v>
      </c>
      <c r="AE21076">
        <v>97</v>
      </c>
      <c r="AF21076">
        <v>97</v>
      </c>
      <c r="AG21076">
        <v>97</v>
      </c>
      <c r="AH21076">
        <v>97</v>
      </c>
      <c r="AI21076">
        <v>96</v>
      </c>
      <c r="AJ21076">
        <v>96</v>
      </c>
      <c r="AK21076">
        <v>96</v>
      </c>
      <c r="AL21076">
        <v>96</v>
      </c>
      <c r="AM21076">
        <v>96</v>
      </c>
      <c r="AN21076">
        <v>95</v>
      </c>
      <c r="AO21076">
        <v>95</v>
      </c>
      <c r="AP21076">
        <v>95</v>
      </c>
      <c r="AQ21076">
        <v>94</v>
      </c>
    </row>
    <row r="21077" spans="1:43">
      <c r="A21077" t="s">
        <v>13055</v>
      </c>
      <c r="B21077" t="s">
        <v>13056</v>
      </c>
      <c r="C21077" t="s">
        <v>13049</v>
      </c>
      <c r="D21077" t="s">
        <v>13050</v>
      </c>
      <c r="E21077" t="s">
        <v>12925</v>
      </c>
      <c r="F21077" t="s">
        <v>12926</v>
      </c>
      <c r="G21077" t="s">
        <v>10214</v>
      </c>
      <c r="H21077" t="s">
        <v>10215</v>
      </c>
      <c r="I21077" s="2">
        <v>1</v>
      </c>
      <c r="J21077" s="2">
        <v>0</v>
      </c>
      <c r="K21077" s="2">
        <v>0</v>
      </c>
      <c r="L21077" t="s">
        <v>120</v>
      </c>
      <c r="M21077" t="s">
        <v>83</v>
      </c>
      <c r="N21077" t="s">
        <v>91</v>
      </c>
      <c r="O21077" t="s">
        <v>85</v>
      </c>
      <c r="P21077" t="s">
        <v>86</v>
      </c>
      <c r="Q21077">
        <v>80</v>
      </c>
      <c r="R21077">
        <v>81</v>
      </c>
      <c r="S21077">
        <v>82</v>
      </c>
      <c r="T21077">
        <v>83</v>
      </c>
      <c r="U21077">
        <v>84</v>
      </c>
      <c r="V21077">
        <v>85</v>
      </c>
      <c r="W21077">
        <v>86</v>
      </c>
      <c r="X21077">
        <v>87</v>
      </c>
      <c r="Y21077">
        <v>87</v>
      </c>
      <c r="Z21077">
        <v>88</v>
      </c>
      <c r="AA21077">
        <v>89</v>
      </c>
      <c r="AB21077">
        <v>90</v>
      </c>
      <c r="AC21077">
        <v>90</v>
      </c>
      <c r="AD21077">
        <v>91</v>
      </c>
      <c r="AE21077">
        <v>92</v>
      </c>
      <c r="AF21077">
        <v>93</v>
      </c>
      <c r="AG21077">
        <v>93</v>
      </c>
      <c r="AH21077">
        <v>94</v>
      </c>
      <c r="AI21077">
        <v>95</v>
      </c>
      <c r="AJ21077">
        <v>95</v>
      </c>
      <c r="AK21077">
        <v>96</v>
      </c>
      <c r="AL21077">
        <v>96</v>
      </c>
      <c r="AM21077">
        <v>96</v>
      </c>
      <c r="AN21077">
        <v>95</v>
      </c>
      <c r="AO21077">
        <v>95</v>
      </c>
      <c r="AP21077">
        <v>95</v>
      </c>
      <c r="AQ21077">
        <v>95</v>
      </c>
    </row>
    <row r="21078" spans="1:43">
      <c r="A21078" t="s">
        <v>13057</v>
      </c>
      <c r="B21078" t="s">
        <v>13058</v>
      </c>
      <c r="C21078" t="s">
        <v>13049</v>
      </c>
      <c r="D21078" t="s">
        <v>13050</v>
      </c>
      <c r="E21078" t="s">
        <v>12925</v>
      </c>
      <c r="F21078" t="s">
        <v>12926</v>
      </c>
      <c r="G21078" t="s">
        <v>10214</v>
      </c>
      <c r="H21078" t="s">
        <v>10215</v>
      </c>
      <c r="I21078" s="2">
        <v>1</v>
      </c>
      <c r="J21078" s="2">
        <v>0</v>
      </c>
      <c r="K21078" s="2">
        <v>0</v>
      </c>
      <c r="L21078" t="s">
        <v>120</v>
      </c>
      <c r="M21078" t="s">
        <v>83</v>
      </c>
      <c r="N21078" t="s">
        <v>84</v>
      </c>
      <c r="O21078" t="s">
        <v>85</v>
      </c>
      <c r="P21078" t="s">
        <v>86</v>
      </c>
      <c r="Q21078">
        <v>32</v>
      </c>
      <c r="R21078">
        <v>33</v>
      </c>
      <c r="S21078">
        <v>33</v>
      </c>
      <c r="T21078">
        <v>33</v>
      </c>
      <c r="U21078">
        <v>34</v>
      </c>
      <c r="V21078">
        <v>34</v>
      </c>
      <c r="W21078">
        <v>34</v>
      </c>
      <c r="X21078">
        <v>35</v>
      </c>
      <c r="Y21078">
        <v>35</v>
      </c>
      <c r="Z21078">
        <v>35</v>
      </c>
      <c r="AA21078">
        <v>36</v>
      </c>
      <c r="AB21078">
        <v>36</v>
      </c>
      <c r="AC21078">
        <v>36</v>
      </c>
      <c r="AD21078">
        <v>37</v>
      </c>
      <c r="AE21078">
        <v>37</v>
      </c>
      <c r="AF21078">
        <v>37</v>
      </c>
      <c r="AG21078">
        <v>38</v>
      </c>
      <c r="AH21078">
        <v>38</v>
      </c>
      <c r="AI21078">
        <v>38</v>
      </c>
      <c r="AJ21078">
        <v>38</v>
      </c>
      <c r="AK21078">
        <v>39</v>
      </c>
      <c r="AL21078">
        <v>39</v>
      </c>
      <c r="AM21078">
        <v>39</v>
      </c>
      <c r="AN21078">
        <v>39</v>
      </c>
      <c r="AO21078">
        <v>38</v>
      </c>
      <c r="AP21078">
        <v>38</v>
      </c>
      <c r="AQ21078">
        <v>38</v>
      </c>
    </row>
    <row r="21079" spans="1:43">
      <c r="A21079" t="s">
        <v>13057</v>
      </c>
      <c r="B21079" t="s">
        <v>13058</v>
      </c>
      <c r="C21079" t="s">
        <v>13049</v>
      </c>
      <c r="D21079" t="s">
        <v>13050</v>
      </c>
      <c r="E21079" t="s">
        <v>12925</v>
      </c>
      <c r="F21079" t="s">
        <v>12926</v>
      </c>
      <c r="G21079" t="s">
        <v>10214</v>
      </c>
      <c r="H21079" t="s">
        <v>10215</v>
      </c>
      <c r="I21079" s="2">
        <v>1</v>
      </c>
      <c r="J21079" s="2">
        <v>0</v>
      </c>
      <c r="K21079" s="2">
        <v>0</v>
      </c>
      <c r="L21079" t="s">
        <v>120</v>
      </c>
      <c r="M21079" t="s">
        <v>87</v>
      </c>
      <c r="N21079" t="s">
        <v>88</v>
      </c>
      <c r="O21079" t="s">
        <v>85</v>
      </c>
      <c r="P21079" t="s">
        <v>86</v>
      </c>
      <c r="Q21079">
        <v>32</v>
      </c>
      <c r="R21079">
        <v>32</v>
      </c>
      <c r="S21079">
        <v>32</v>
      </c>
      <c r="T21079">
        <v>32</v>
      </c>
      <c r="U21079">
        <v>32</v>
      </c>
      <c r="V21079">
        <v>32</v>
      </c>
      <c r="W21079">
        <v>32</v>
      </c>
      <c r="X21079">
        <v>32</v>
      </c>
      <c r="Y21079">
        <v>33</v>
      </c>
      <c r="Z21079">
        <v>33</v>
      </c>
      <c r="AA21079">
        <v>33</v>
      </c>
      <c r="AB21079">
        <v>33</v>
      </c>
      <c r="AC21079">
        <v>33</v>
      </c>
      <c r="AD21079">
        <v>33</v>
      </c>
      <c r="AE21079">
        <v>33</v>
      </c>
      <c r="AF21079">
        <v>33</v>
      </c>
      <c r="AG21079">
        <v>33</v>
      </c>
      <c r="AH21079">
        <v>33</v>
      </c>
      <c r="AI21079">
        <v>33</v>
      </c>
      <c r="AJ21079">
        <v>33</v>
      </c>
      <c r="AK21079">
        <v>33</v>
      </c>
      <c r="AL21079">
        <v>33</v>
      </c>
      <c r="AM21079">
        <v>33</v>
      </c>
      <c r="AN21079">
        <v>33</v>
      </c>
      <c r="AO21079">
        <v>33</v>
      </c>
      <c r="AP21079">
        <v>33</v>
      </c>
      <c r="AQ21079">
        <v>33</v>
      </c>
    </row>
    <row r="21080" spans="1:43">
      <c r="A21080" t="s">
        <v>13057</v>
      </c>
      <c r="B21080" t="s">
        <v>13058</v>
      </c>
      <c r="C21080" t="s">
        <v>13049</v>
      </c>
      <c r="D21080" t="s">
        <v>13050</v>
      </c>
      <c r="E21080" t="s">
        <v>12925</v>
      </c>
      <c r="F21080" t="s">
        <v>12926</v>
      </c>
      <c r="G21080" t="s">
        <v>10214</v>
      </c>
      <c r="H21080" t="s">
        <v>10215</v>
      </c>
      <c r="I21080" s="2">
        <v>1</v>
      </c>
      <c r="J21080" s="2">
        <v>0</v>
      </c>
      <c r="K21080" s="2">
        <v>0</v>
      </c>
      <c r="L21080" t="s">
        <v>120</v>
      </c>
      <c r="M21080" t="s">
        <v>89</v>
      </c>
      <c r="N21080" t="s">
        <v>90</v>
      </c>
      <c r="O21080" t="s">
        <v>85</v>
      </c>
      <c r="P21080" t="s">
        <v>86</v>
      </c>
      <c r="Q21080">
        <v>32</v>
      </c>
      <c r="R21080">
        <v>33</v>
      </c>
      <c r="S21080">
        <v>34</v>
      </c>
      <c r="T21080">
        <v>34</v>
      </c>
      <c r="U21080">
        <v>35</v>
      </c>
      <c r="V21080">
        <v>36</v>
      </c>
      <c r="W21080">
        <v>36</v>
      </c>
      <c r="X21080">
        <v>37</v>
      </c>
      <c r="Y21080">
        <v>37</v>
      </c>
      <c r="Z21080">
        <v>38</v>
      </c>
      <c r="AA21080">
        <v>38</v>
      </c>
      <c r="AB21080">
        <v>38</v>
      </c>
      <c r="AC21080">
        <v>39</v>
      </c>
      <c r="AD21080">
        <v>39</v>
      </c>
      <c r="AE21080">
        <v>40</v>
      </c>
      <c r="AF21080">
        <v>39</v>
      </c>
      <c r="AG21080">
        <v>39</v>
      </c>
      <c r="AH21080">
        <v>39</v>
      </c>
      <c r="AI21080">
        <v>39</v>
      </c>
      <c r="AJ21080">
        <v>39</v>
      </c>
      <c r="AK21080">
        <v>39</v>
      </c>
      <c r="AL21080">
        <v>39</v>
      </c>
      <c r="AM21080">
        <v>39</v>
      </c>
      <c r="AN21080">
        <v>39</v>
      </c>
      <c r="AO21080">
        <v>39</v>
      </c>
      <c r="AP21080">
        <v>39</v>
      </c>
      <c r="AQ21080">
        <v>39</v>
      </c>
    </row>
    <row r="21081" spans="1:43">
      <c r="A21081" t="s">
        <v>13057</v>
      </c>
      <c r="B21081" t="s">
        <v>13058</v>
      </c>
      <c r="C21081" t="s">
        <v>13049</v>
      </c>
      <c r="D21081" t="s">
        <v>13050</v>
      </c>
      <c r="E21081" t="s">
        <v>12925</v>
      </c>
      <c r="F21081" t="s">
        <v>12926</v>
      </c>
      <c r="G21081" t="s">
        <v>10214</v>
      </c>
      <c r="H21081" t="s">
        <v>10215</v>
      </c>
      <c r="I21081" s="2">
        <v>1</v>
      </c>
      <c r="J21081" s="2">
        <v>0</v>
      </c>
      <c r="K21081" s="2">
        <v>0</v>
      </c>
      <c r="L21081" t="s">
        <v>120</v>
      </c>
      <c r="M21081" t="s">
        <v>83</v>
      </c>
      <c r="N21081" t="s">
        <v>91</v>
      </c>
      <c r="O21081" t="s">
        <v>85</v>
      </c>
      <c r="P21081" t="s">
        <v>86</v>
      </c>
      <c r="Q21081">
        <v>32</v>
      </c>
      <c r="R21081">
        <v>33</v>
      </c>
      <c r="S21081">
        <v>33</v>
      </c>
      <c r="T21081">
        <v>33</v>
      </c>
      <c r="U21081">
        <v>34</v>
      </c>
      <c r="V21081">
        <v>34</v>
      </c>
      <c r="W21081">
        <v>34</v>
      </c>
      <c r="X21081">
        <v>35</v>
      </c>
      <c r="Y21081">
        <v>35</v>
      </c>
      <c r="Z21081">
        <v>35</v>
      </c>
      <c r="AA21081">
        <v>36</v>
      </c>
      <c r="AB21081">
        <v>36</v>
      </c>
      <c r="AC21081">
        <v>36</v>
      </c>
      <c r="AD21081">
        <v>37</v>
      </c>
      <c r="AE21081">
        <v>37</v>
      </c>
      <c r="AF21081">
        <v>37</v>
      </c>
      <c r="AG21081">
        <v>38</v>
      </c>
      <c r="AH21081">
        <v>38</v>
      </c>
      <c r="AI21081">
        <v>38</v>
      </c>
      <c r="AJ21081">
        <v>38</v>
      </c>
      <c r="AK21081">
        <v>39</v>
      </c>
      <c r="AL21081">
        <v>39</v>
      </c>
      <c r="AM21081">
        <v>39</v>
      </c>
      <c r="AN21081">
        <v>39</v>
      </c>
      <c r="AO21081">
        <v>38</v>
      </c>
      <c r="AP21081">
        <v>38</v>
      </c>
      <c r="AQ21081">
        <v>38</v>
      </c>
    </row>
    <row r="21082" spans="1:43">
      <c r="A21082" t="s">
        <v>13059</v>
      </c>
      <c r="B21082" t="s">
        <v>13060</v>
      </c>
      <c r="C21082" t="s">
        <v>13061</v>
      </c>
      <c r="D21082" t="s">
        <v>13062</v>
      </c>
      <c r="E21082" t="s">
        <v>13063</v>
      </c>
      <c r="F21082" t="s">
        <v>13064</v>
      </c>
      <c r="G21082" t="s">
        <v>10214</v>
      </c>
      <c r="H21082" t="s">
        <v>10215</v>
      </c>
      <c r="I21082" s="2">
        <v>1</v>
      </c>
      <c r="J21082" s="2">
        <v>0</v>
      </c>
      <c r="K21082" s="2">
        <v>0</v>
      </c>
      <c r="L21082" t="s">
        <v>120</v>
      </c>
      <c r="M21082" t="s">
        <v>83</v>
      </c>
      <c r="N21082" t="s">
        <v>84</v>
      </c>
      <c r="O21082" t="s">
        <v>85</v>
      </c>
      <c r="P21082" t="s">
        <v>86</v>
      </c>
      <c r="Q21082">
        <v>64</v>
      </c>
      <c r="R21082">
        <v>66</v>
      </c>
      <c r="S21082">
        <v>68</v>
      </c>
      <c r="T21082">
        <v>70</v>
      </c>
      <c r="U21082">
        <v>72</v>
      </c>
      <c r="V21082">
        <v>74</v>
      </c>
      <c r="W21082">
        <v>75</v>
      </c>
      <c r="X21082">
        <v>77</v>
      </c>
      <c r="Y21082">
        <v>79</v>
      </c>
      <c r="Z21082">
        <v>81</v>
      </c>
      <c r="AA21082">
        <v>83</v>
      </c>
      <c r="AB21082">
        <v>85</v>
      </c>
      <c r="AC21082">
        <v>88</v>
      </c>
      <c r="AD21082">
        <v>90</v>
      </c>
      <c r="AE21082">
        <v>92</v>
      </c>
      <c r="AF21082">
        <v>94</v>
      </c>
      <c r="AG21082">
        <v>96</v>
      </c>
      <c r="AH21082">
        <v>99</v>
      </c>
      <c r="AI21082">
        <v>101</v>
      </c>
      <c r="AJ21082">
        <v>103</v>
      </c>
      <c r="AK21082">
        <v>106</v>
      </c>
      <c r="AL21082">
        <v>108</v>
      </c>
      <c r="AM21082">
        <v>109</v>
      </c>
      <c r="AN21082">
        <v>111</v>
      </c>
      <c r="AO21082">
        <v>112</v>
      </c>
      <c r="AP21082">
        <v>114</v>
      </c>
      <c r="AQ21082">
        <v>115</v>
      </c>
    </row>
    <row r="21083" spans="1:43">
      <c r="A21083" t="s">
        <v>13059</v>
      </c>
      <c r="B21083" t="s">
        <v>13060</v>
      </c>
      <c r="C21083" t="s">
        <v>13061</v>
      </c>
      <c r="D21083" t="s">
        <v>13062</v>
      </c>
      <c r="E21083" t="s">
        <v>13063</v>
      </c>
      <c r="F21083" t="s">
        <v>13064</v>
      </c>
      <c r="G21083" t="s">
        <v>10214</v>
      </c>
      <c r="H21083" t="s">
        <v>10215</v>
      </c>
      <c r="I21083" s="2">
        <v>1</v>
      </c>
      <c r="J21083" s="2">
        <v>0</v>
      </c>
      <c r="K21083" s="2">
        <v>0</v>
      </c>
      <c r="L21083" t="s">
        <v>120</v>
      </c>
      <c r="M21083" t="s">
        <v>87</v>
      </c>
      <c r="N21083" t="s">
        <v>88</v>
      </c>
      <c r="O21083" t="s">
        <v>85</v>
      </c>
      <c r="P21083" t="s">
        <v>86</v>
      </c>
      <c r="Q21083">
        <v>64</v>
      </c>
      <c r="R21083">
        <v>65</v>
      </c>
      <c r="S21083">
        <v>66</v>
      </c>
      <c r="T21083">
        <v>67</v>
      </c>
      <c r="U21083">
        <v>68</v>
      </c>
      <c r="V21083">
        <v>70</v>
      </c>
      <c r="W21083">
        <v>71</v>
      </c>
      <c r="X21083">
        <v>72</v>
      </c>
      <c r="Y21083">
        <v>73</v>
      </c>
      <c r="Z21083">
        <v>75</v>
      </c>
      <c r="AA21083">
        <v>76</v>
      </c>
      <c r="AB21083">
        <v>77</v>
      </c>
      <c r="AC21083">
        <v>79</v>
      </c>
      <c r="AD21083">
        <v>80</v>
      </c>
      <c r="AE21083">
        <v>81</v>
      </c>
      <c r="AF21083">
        <v>83</v>
      </c>
      <c r="AG21083">
        <v>84</v>
      </c>
      <c r="AH21083">
        <v>86</v>
      </c>
      <c r="AI21083">
        <v>87</v>
      </c>
      <c r="AJ21083">
        <v>89</v>
      </c>
      <c r="AK21083">
        <v>90</v>
      </c>
      <c r="AL21083">
        <v>92</v>
      </c>
      <c r="AM21083">
        <v>93</v>
      </c>
      <c r="AN21083">
        <v>95</v>
      </c>
      <c r="AO21083">
        <v>96</v>
      </c>
      <c r="AP21083">
        <v>98</v>
      </c>
      <c r="AQ21083">
        <v>100</v>
      </c>
    </row>
    <row r="21084" spans="1:43">
      <c r="A21084" t="s">
        <v>13059</v>
      </c>
      <c r="B21084" t="s">
        <v>13060</v>
      </c>
      <c r="C21084" t="s">
        <v>13061</v>
      </c>
      <c r="D21084" t="s">
        <v>13062</v>
      </c>
      <c r="E21084" t="s">
        <v>13063</v>
      </c>
      <c r="F21084" t="s">
        <v>13064</v>
      </c>
      <c r="G21084" t="s">
        <v>10214</v>
      </c>
      <c r="H21084" t="s">
        <v>10215</v>
      </c>
      <c r="I21084" s="2">
        <v>1</v>
      </c>
      <c r="J21084" s="2">
        <v>0</v>
      </c>
      <c r="K21084" s="2">
        <v>0</v>
      </c>
      <c r="L21084" t="s">
        <v>120</v>
      </c>
      <c r="M21084" t="s">
        <v>89</v>
      </c>
      <c r="N21084" t="s">
        <v>90</v>
      </c>
      <c r="O21084" t="s">
        <v>85</v>
      </c>
      <c r="P21084" t="s">
        <v>86</v>
      </c>
      <c r="Q21084">
        <v>64</v>
      </c>
      <c r="R21084">
        <v>66</v>
      </c>
      <c r="S21084">
        <v>69</v>
      </c>
      <c r="T21084">
        <v>71</v>
      </c>
      <c r="U21084">
        <v>73</v>
      </c>
      <c r="V21084">
        <v>76</v>
      </c>
      <c r="W21084">
        <v>78</v>
      </c>
      <c r="X21084">
        <v>81</v>
      </c>
      <c r="Y21084">
        <v>83</v>
      </c>
      <c r="Z21084">
        <v>85</v>
      </c>
      <c r="AA21084">
        <v>88</v>
      </c>
      <c r="AB21084">
        <v>90</v>
      </c>
      <c r="AC21084">
        <v>93</v>
      </c>
      <c r="AD21084">
        <v>96</v>
      </c>
      <c r="AE21084">
        <v>98</v>
      </c>
      <c r="AF21084">
        <v>99</v>
      </c>
      <c r="AG21084">
        <v>100</v>
      </c>
      <c r="AH21084">
        <v>102</v>
      </c>
      <c r="AI21084">
        <v>103</v>
      </c>
      <c r="AJ21084">
        <v>105</v>
      </c>
      <c r="AK21084">
        <v>106</v>
      </c>
      <c r="AL21084">
        <v>108</v>
      </c>
      <c r="AM21084">
        <v>109</v>
      </c>
      <c r="AN21084">
        <v>111</v>
      </c>
      <c r="AO21084">
        <v>112</v>
      </c>
      <c r="AP21084">
        <v>114</v>
      </c>
      <c r="AQ21084">
        <v>115</v>
      </c>
    </row>
    <row r="21085" spans="1:43">
      <c r="A21085" t="s">
        <v>13059</v>
      </c>
      <c r="B21085" t="s">
        <v>13060</v>
      </c>
      <c r="C21085" t="s">
        <v>13061</v>
      </c>
      <c r="D21085" t="s">
        <v>13062</v>
      </c>
      <c r="E21085" t="s">
        <v>13063</v>
      </c>
      <c r="F21085" t="s">
        <v>13064</v>
      </c>
      <c r="G21085" t="s">
        <v>10214</v>
      </c>
      <c r="H21085" t="s">
        <v>10215</v>
      </c>
      <c r="I21085" s="2">
        <v>1</v>
      </c>
      <c r="J21085" s="2">
        <v>0</v>
      </c>
      <c r="K21085" s="2">
        <v>0</v>
      </c>
      <c r="L21085" t="s">
        <v>120</v>
      </c>
      <c r="M21085" t="s">
        <v>83</v>
      </c>
      <c r="N21085" t="s">
        <v>91</v>
      </c>
      <c r="O21085" t="s">
        <v>85</v>
      </c>
      <c r="P21085" t="s">
        <v>86</v>
      </c>
      <c r="Q21085">
        <v>64</v>
      </c>
      <c r="R21085">
        <v>66</v>
      </c>
      <c r="S21085">
        <v>68</v>
      </c>
      <c r="T21085">
        <v>70</v>
      </c>
      <c r="U21085">
        <v>72</v>
      </c>
      <c r="V21085">
        <v>74</v>
      </c>
      <c r="W21085">
        <v>75</v>
      </c>
      <c r="X21085">
        <v>77</v>
      </c>
      <c r="Y21085">
        <v>79</v>
      </c>
      <c r="Z21085">
        <v>81</v>
      </c>
      <c r="AA21085">
        <v>83</v>
      </c>
      <c r="AB21085">
        <v>85</v>
      </c>
      <c r="AC21085">
        <v>88</v>
      </c>
      <c r="AD21085">
        <v>90</v>
      </c>
      <c r="AE21085">
        <v>92</v>
      </c>
      <c r="AF21085">
        <v>94</v>
      </c>
      <c r="AG21085">
        <v>96</v>
      </c>
      <c r="AH21085">
        <v>99</v>
      </c>
      <c r="AI21085">
        <v>101</v>
      </c>
      <c r="AJ21085">
        <v>103</v>
      </c>
      <c r="AK21085">
        <v>106</v>
      </c>
      <c r="AL21085">
        <v>108</v>
      </c>
      <c r="AM21085">
        <v>109</v>
      </c>
      <c r="AN21085">
        <v>111</v>
      </c>
      <c r="AO21085">
        <v>112</v>
      </c>
      <c r="AP21085">
        <v>114</v>
      </c>
      <c r="AQ21085">
        <v>115</v>
      </c>
    </row>
    <row r="21086" spans="1:43">
      <c r="A21086" t="s">
        <v>13065</v>
      </c>
      <c r="B21086" t="s">
        <v>13066</v>
      </c>
      <c r="C21086" t="s">
        <v>13061</v>
      </c>
      <c r="D21086" t="s">
        <v>13062</v>
      </c>
      <c r="E21086" t="s">
        <v>13063</v>
      </c>
      <c r="F21086" t="s">
        <v>13064</v>
      </c>
      <c r="G21086" t="s">
        <v>10214</v>
      </c>
      <c r="H21086" t="s">
        <v>10215</v>
      </c>
      <c r="I21086" s="2">
        <v>1</v>
      </c>
      <c r="J21086" s="2">
        <v>0</v>
      </c>
      <c r="K21086" s="2">
        <v>0</v>
      </c>
      <c r="L21086" t="s">
        <v>120</v>
      </c>
      <c r="M21086" t="s">
        <v>83</v>
      </c>
      <c r="N21086" t="s">
        <v>84</v>
      </c>
      <c r="O21086" t="s">
        <v>85</v>
      </c>
      <c r="P21086" t="s">
        <v>86</v>
      </c>
      <c r="Q21086">
        <v>19</v>
      </c>
      <c r="R21086">
        <v>19</v>
      </c>
      <c r="S21086">
        <v>20</v>
      </c>
      <c r="T21086">
        <v>20</v>
      </c>
      <c r="U21086">
        <v>21</v>
      </c>
      <c r="V21086">
        <v>21</v>
      </c>
      <c r="W21086">
        <v>22</v>
      </c>
      <c r="X21086">
        <v>23</v>
      </c>
      <c r="Y21086">
        <v>23</v>
      </c>
      <c r="Z21086">
        <v>24</v>
      </c>
      <c r="AA21086">
        <v>24</v>
      </c>
      <c r="AB21086">
        <v>25</v>
      </c>
      <c r="AC21086">
        <v>26</v>
      </c>
      <c r="AD21086">
        <v>26</v>
      </c>
      <c r="AE21086">
        <v>27</v>
      </c>
      <c r="AF21086">
        <v>27</v>
      </c>
      <c r="AG21086">
        <v>28</v>
      </c>
      <c r="AH21086">
        <v>29</v>
      </c>
      <c r="AI21086">
        <v>29</v>
      </c>
      <c r="AJ21086">
        <v>30</v>
      </c>
      <c r="AK21086">
        <v>31</v>
      </c>
      <c r="AL21086">
        <v>31</v>
      </c>
      <c r="AM21086">
        <v>32</v>
      </c>
      <c r="AN21086">
        <v>32</v>
      </c>
      <c r="AO21086">
        <v>33</v>
      </c>
      <c r="AP21086">
        <v>33</v>
      </c>
      <c r="AQ21086">
        <v>33</v>
      </c>
    </row>
    <row r="21087" spans="1:43">
      <c r="A21087" t="s">
        <v>13065</v>
      </c>
      <c r="B21087" t="s">
        <v>13066</v>
      </c>
      <c r="C21087" t="s">
        <v>13061</v>
      </c>
      <c r="D21087" t="s">
        <v>13062</v>
      </c>
      <c r="E21087" t="s">
        <v>13063</v>
      </c>
      <c r="F21087" t="s">
        <v>13064</v>
      </c>
      <c r="G21087" t="s">
        <v>10214</v>
      </c>
      <c r="H21087" t="s">
        <v>10215</v>
      </c>
      <c r="I21087" s="2">
        <v>1</v>
      </c>
      <c r="J21087" s="2">
        <v>0</v>
      </c>
      <c r="K21087" s="2">
        <v>0</v>
      </c>
      <c r="L21087" t="s">
        <v>120</v>
      </c>
      <c r="M21087" t="s">
        <v>87</v>
      </c>
      <c r="N21087" t="s">
        <v>88</v>
      </c>
      <c r="O21087" t="s">
        <v>85</v>
      </c>
      <c r="P21087" t="s">
        <v>86</v>
      </c>
      <c r="Q21087">
        <v>19</v>
      </c>
      <c r="R21087">
        <v>19</v>
      </c>
      <c r="S21087">
        <v>19</v>
      </c>
      <c r="T21087">
        <v>20</v>
      </c>
      <c r="U21087">
        <v>20</v>
      </c>
      <c r="V21087">
        <v>20</v>
      </c>
      <c r="W21087">
        <v>21</v>
      </c>
      <c r="X21087">
        <v>21</v>
      </c>
      <c r="Y21087">
        <v>21</v>
      </c>
      <c r="Z21087">
        <v>22</v>
      </c>
      <c r="AA21087">
        <v>22</v>
      </c>
      <c r="AB21087">
        <v>23</v>
      </c>
      <c r="AC21087">
        <v>23</v>
      </c>
      <c r="AD21087">
        <v>23</v>
      </c>
      <c r="AE21087">
        <v>24</v>
      </c>
      <c r="AF21087">
        <v>24</v>
      </c>
      <c r="AG21087">
        <v>25</v>
      </c>
      <c r="AH21087">
        <v>25</v>
      </c>
      <c r="AI21087">
        <v>25</v>
      </c>
      <c r="AJ21087">
        <v>26</v>
      </c>
      <c r="AK21087">
        <v>26</v>
      </c>
      <c r="AL21087">
        <v>27</v>
      </c>
      <c r="AM21087">
        <v>27</v>
      </c>
      <c r="AN21087">
        <v>28</v>
      </c>
      <c r="AO21087">
        <v>28</v>
      </c>
      <c r="AP21087">
        <v>29</v>
      </c>
      <c r="AQ21087">
        <v>29</v>
      </c>
    </row>
    <row r="21088" spans="1:43">
      <c r="A21088" t="s">
        <v>13065</v>
      </c>
      <c r="B21088" t="s">
        <v>13066</v>
      </c>
      <c r="C21088" t="s">
        <v>13061</v>
      </c>
      <c r="D21088" t="s">
        <v>13062</v>
      </c>
      <c r="E21088" t="s">
        <v>13063</v>
      </c>
      <c r="F21088" t="s">
        <v>13064</v>
      </c>
      <c r="G21088" t="s">
        <v>10214</v>
      </c>
      <c r="H21088" t="s">
        <v>10215</v>
      </c>
      <c r="I21088" s="2">
        <v>1</v>
      </c>
      <c r="J21088" s="2">
        <v>0</v>
      </c>
      <c r="K21088" s="2">
        <v>0</v>
      </c>
      <c r="L21088" t="s">
        <v>120</v>
      </c>
      <c r="M21088" t="s">
        <v>89</v>
      </c>
      <c r="N21088" t="s">
        <v>90</v>
      </c>
      <c r="O21088" t="s">
        <v>85</v>
      </c>
      <c r="P21088" t="s">
        <v>86</v>
      </c>
      <c r="Q21088">
        <v>19</v>
      </c>
      <c r="R21088">
        <v>20</v>
      </c>
      <c r="S21088">
        <v>20</v>
      </c>
      <c r="T21088">
        <v>21</v>
      </c>
      <c r="U21088">
        <v>22</v>
      </c>
      <c r="V21088">
        <v>22</v>
      </c>
      <c r="W21088">
        <v>23</v>
      </c>
      <c r="X21088">
        <v>24</v>
      </c>
      <c r="Y21088">
        <v>25</v>
      </c>
      <c r="Z21088">
        <v>25</v>
      </c>
      <c r="AA21088">
        <v>26</v>
      </c>
      <c r="AB21088">
        <v>27</v>
      </c>
      <c r="AC21088">
        <v>27</v>
      </c>
      <c r="AD21088">
        <v>28</v>
      </c>
      <c r="AE21088">
        <v>29</v>
      </c>
      <c r="AF21088">
        <v>29</v>
      </c>
      <c r="AG21088">
        <v>30</v>
      </c>
      <c r="AH21088">
        <v>30</v>
      </c>
      <c r="AI21088">
        <v>30</v>
      </c>
      <c r="AJ21088">
        <v>31</v>
      </c>
      <c r="AK21088">
        <v>31</v>
      </c>
      <c r="AL21088">
        <v>32</v>
      </c>
      <c r="AM21088">
        <v>32</v>
      </c>
      <c r="AN21088">
        <v>32</v>
      </c>
      <c r="AO21088">
        <v>33</v>
      </c>
      <c r="AP21088">
        <v>33</v>
      </c>
      <c r="AQ21088">
        <v>34</v>
      </c>
    </row>
    <row r="21089" spans="1:43">
      <c r="A21089" t="s">
        <v>13065</v>
      </c>
      <c r="B21089" t="s">
        <v>13066</v>
      </c>
      <c r="C21089" t="s">
        <v>13061</v>
      </c>
      <c r="D21089" t="s">
        <v>13062</v>
      </c>
      <c r="E21089" t="s">
        <v>13063</v>
      </c>
      <c r="F21089" t="s">
        <v>13064</v>
      </c>
      <c r="G21089" t="s">
        <v>10214</v>
      </c>
      <c r="H21089" t="s">
        <v>10215</v>
      </c>
      <c r="I21089" s="2">
        <v>1</v>
      </c>
      <c r="J21089" s="2">
        <v>0</v>
      </c>
      <c r="K21089" s="2">
        <v>0</v>
      </c>
      <c r="L21089" t="s">
        <v>120</v>
      </c>
      <c r="M21089" t="s">
        <v>83</v>
      </c>
      <c r="N21089" t="s">
        <v>91</v>
      </c>
      <c r="O21089" t="s">
        <v>85</v>
      </c>
      <c r="P21089" t="s">
        <v>86</v>
      </c>
      <c r="Q21089">
        <v>19</v>
      </c>
      <c r="R21089">
        <v>19</v>
      </c>
      <c r="S21089">
        <v>20</v>
      </c>
      <c r="T21089">
        <v>20</v>
      </c>
      <c r="U21089">
        <v>21</v>
      </c>
      <c r="V21089">
        <v>21</v>
      </c>
      <c r="W21089">
        <v>22</v>
      </c>
      <c r="X21089">
        <v>23</v>
      </c>
      <c r="Y21089">
        <v>23</v>
      </c>
      <c r="Z21089">
        <v>24</v>
      </c>
      <c r="AA21089">
        <v>24</v>
      </c>
      <c r="AB21089">
        <v>25</v>
      </c>
      <c r="AC21089">
        <v>26</v>
      </c>
      <c r="AD21089">
        <v>26</v>
      </c>
      <c r="AE21089">
        <v>27</v>
      </c>
      <c r="AF21089">
        <v>27</v>
      </c>
      <c r="AG21089">
        <v>28</v>
      </c>
      <c r="AH21089">
        <v>29</v>
      </c>
      <c r="AI21089">
        <v>29</v>
      </c>
      <c r="AJ21089">
        <v>30</v>
      </c>
      <c r="AK21089">
        <v>31</v>
      </c>
      <c r="AL21089">
        <v>31</v>
      </c>
      <c r="AM21089">
        <v>32</v>
      </c>
      <c r="AN21089">
        <v>32</v>
      </c>
      <c r="AO21089">
        <v>33</v>
      </c>
      <c r="AP21089">
        <v>33</v>
      </c>
      <c r="AQ21089">
        <v>33</v>
      </c>
    </row>
    <row r="21090" spans="1:43">
      <c r="A21090" t="s">
        <v>13067</v>
      </c>
      <c r="B21090" t="s">
        <v>13068</v>
      </c>
      <c r="C21090" t="s">
        <v>13069</v>
      </c>
      <c r="D21090" t="s">
        <v>13070</v>
      </c>
      <c r="E21090" t="s">
        <v>13063</v>
      </c>
      <c r="F21090" t="s">
        <v>13064</v>
      </c>
      <c r="G21090" t="s">
        <v>10214</v>
      </c>
      <c r="H21090" t="s">
        <v>10215</v>
      </c>
      <c r="I21090" s="2">
        <v>1</v>
      </c>
      <c r="J21090" s="2">
        <v>0</v>
      </c>
      <c r="K21090" s="2">
        <v>0</v>
      </c>
      <c r="L21090" t="s">
        <v>120</v>
      </c>
      <c r="M21090" t="s">
        <v>83</v>
      </c>
      <c r="N21090" t="s">
        <v>84</v>
      </c>
      <c r="O21090" t="s">
        <v>85</v>
      </c>
      <c r="P21090" t="s">
        <v>86</v>
      </c>
      <c r="Q21090">
        <v>39</v>
      </c>
      <c r="R21090">
        <v>40</v>
      </c>
      <c r="S21090">
        <v>41</v>
      </c>
      <c r="T21090">
        <v>42</v>
      </c>
      <c r="U21090">
        <v>43</v>
      </c>
      <c r="V21090">
        <v>44</v>
      </c>
      <c r="W21090">
        <v>45</v>
      </c>
      <c r="X21090">
        <v>47</v>
      </c>
      <c r="Y21090">
        <v>48</v>
      </c>
      <c r="Z21090">
        <v>49</v>
      </c>
      <c r="AA21090">
        <v>50</v>
      </c>
      <c r="AB21090">
        <v>51</v>
      </c>
      <c r="AC21090">
        <v>53</v>
      </c>
      <c r="AD21090">
        <v>54</v>
      </c>
      <c r="AE21090">
        <v>55</v>
      </c>
      <c r="AF21090">
        <v>57</v>
      </c>
      <c r="AG21090">
        <v>58</v>
      </c>
      <c r="AH21090">
        <v>59</v>
      </c>
      <c r="AI21090">
        <v>61</v>
      </c>
      <c r="AJ21090">
        <v>62</v>
      </c>
      <c r="AK21090">
        <v>64</v>
      </c>
      <c r="AL21090">
        <v>65</v>
      </c>
      <c r="AM21090">
        <v>66</v>
      </c>
      <c r="AN21090">
        <v>67</v>
      </c>
      <c r="AO21090">
        <v>67</v>
      </c>
      <c r="AP21090">
        <v>68</v>
      </c>
      <c r="AQ21090">
        <v>69</v>
      </c>
    </row>
    <row r="21091" spans="1:43">
      <c r="A21091" t="s">
        <v>13067</v>
      </c>
      <c r="B21091" t="s">
        <v>13068</v>
      </c>
      <c r="C21091" t="s">
        <v>13069</v>
      </c>
      <c r="D21091" t="s">
        <v>13070</v>
      </c>
      <c r="E21091" t="s">
        <v>13063</v>
      </c>
      <c r="F21091" t="s">
        <v>13064</v>
      </c>
      <c r="G21091" t="s">
        <v>10214</v>
      </c>
      <c r="H21091" t="s">
        <v>10215</v>
      </c>
      <c r="I21091" s="2">
        <v>1</v>
      </c>
      <c r="J21091" s="2">
        <v>0</v>
      </c>
      <c r="K21091" s="2">
        <v>0</v>
      </c>
      <c r="L21091" t="s">
        <v>120</v>
      </c>
      <c r="M21091" t="s">
        <v>87</v>
      </c>
      <c r="N21091" t="s">
        <v>88</v>
      </c>
      <c r="O21091" t="s">
        <v>85</v>
      </c>
      <c r="P21091" t="s">
        <v>86</v>
      </c>
      <c r="Q21091">
        <v>39</v>
      </c>
      <c r="R21091">
        <v>40</v>
      </c>
      <c r="S21091">
        <v>41</v>
      </c>
      <c r="T21091">
        <v>42</v>
      </c>
      <c r="U21091">
        <v>42</v>
      </c>
      <c r="V21091">
        <v>43</v>
      </c>
      <c r="W21091">
        <v>44</v>
      </c>
      <c r="X21091">
        <v>44</v>
      </c>
      <c r="Y21091">
        <v>45</v>
      </c>
      <c r="Z21091">
        <v>46</v>
      </c>
      <c r="AA21091">
        <v>47</v>
      </c>
      <c r="AB21091">
        <v>48</v>
      </c>
      <c r="AC21091">
        <v>48</v>
      </c>
      <c r="AD21091">
        <v>49</v>
      </c>
      <c r="AE21091">
        <v>50</v>
      </c>
      <c r="AF21091">
        <v>51</v>
      </c>
      <c r="AG21091">
        <v>52</v>
      </c>
      <c r="AH21091">
        <v>53</v>
      </c>
      <c r="AI21091">
        <v>53</v>
      </c>
      <c r="AJ21091">
        <v>54</v>
      </c>
      <c r="AK21091">
        <v>55</v>
      </c>
      <c r="AL21091">
        <v>56</v>
      </c>
      <c r="AM21091">
        <v>57</v>
      </c>
      <c r="AN21091">
        <v>58</v>
      </c>
      <c r="AO21091">
        <v>59</v>
      </c>
      <c r="AP21091">
        <v>60</v>
      </c>
      <c r="AQ21091">
        <v>61</v>
      </c>
    </row>
    <row r="21092" spans="1:43">
      <c r="A21092" t="s">
        <v>13067</v>
      </c>
      <c r="B21092" t="s">
        <v>13068</v>
      </c>
      <c r="C21092" t="s">
        <v>13069</v>
      </c>
      <c r="D21092" t="s">
        <v>13070</v>
      </c>
      <c r="E21092" t="s">
        <v>13063</v>
      </c>
      <c r="F21092" t="s">
        <v>13064</v>
      </c>
      <c r="G21092" t="s">
        <v>10214</v>
      </c>
      <c r="H21092" t="s">
        <v>10215</v>
      </c>
      <c r="I21092" s="2">
        <v>1</v>
      </c>
      <c r="J21092" s="2">
        <v>0</v>
      </c>
      <c r="K21092" s="2">
        <v>0</v>
      </c>
      <c r="L21092" t="s">
        <v>120</v>
      </c>
      <c r="M21092" t="s">
        <v>89</v>
      </c>
      <c r="N21092" t="s">
        <v>90</v>
      </c>
      <c r="O21092" t="s">
        <v>85</v>
      </c>
      <c r="P21092" t="s">
        <v>86</v>
      </c>
      <c r="Q21092">
        <v>39</v>
      </c>
      <c r="R21092">
        <v>41</v>
      </c>
      <c r="S21092">
        <v>42</v>
      </c>
      <c r="T21092">
        <v>43</v>
      </c>
      <c r="U21092">
        <v>45</v>
      </c>
      <c r="V21092">
        <v>46</v>
      </c>
      <c r="W21092">
        <v>48</v>
      </c>
      <c r="X21092">
        <v>49</v>
      </c>
      <c r="Y21092">
        <v>51</v>
      </c>
      <c r="Z21092">
        <v>52</v>
      </c>
      <c r="AA21092">
        <v>54</v>
      </c>
      <c r="AB21092">
        <v>55</v>
      </c>
      <c r="AC21092">
        <v>57</v>
      </c>
      <c r="AD21092">
        <v>58</v>
      </c>
      <c r="AE21092">
        <v>59</v>
      </c>
      <c r="AF21092">
        <v>60</v>
      </c>
      <c r="AG21092">
        <v>61</v>
      </c>
      <c r="AH21092">
        <v>62</v>
      </c>
      <c r="AI21092">
        <v>63</v>
      </c>
      <c r="AJ21092">
        <v>64</v>
      </c>
      <c r="AK21092">
        <v>64</v>
      </c>
      <c r="AL21092">
        <v>65</v>
      </c>
      <c r="AM21092">
        <v>66</v>
      </c>
      <c r="AN21092">
        <v>67</v>
      </c>
      <c r="AO21092">
        <v>68</v>
      </c>
      <c r="AP21092">
        <v>69</v>
      </c>
      <c r="AQ21092">
        <v>69</v>
      </c>
    </row>
    <row r="21093" spans="1:43">
      <c r="A21093" t="s">
        <v>13067</v>
      </c>
      <c r="B21093" t="s">
        <v>13068</v>
      </c>
      <c r="C21093" t="s">
        <v>13069</v>
      </c>
      <c r="D21093" t="s">
        <v>13070</v>
      </c>
      <c r="E21093" t="s">
        <v>13063</v>
      </c>
      <c r="F21093" t="s">
        <v>13064</v>
      </c>
      <c r="G21093" t="s">
        <v>10214</v>
      </c>
      <c r="H21093" t="s">
        <v>10215</v>
      </c>
      <c r="I21093" s="2">
        <v>1</v>
      </c>
      <c r="J21093" s="2">
        <v>0</v>
      </c>
      <c r="K21093" s="2">
        <v>0</v>
      </c>
      <c r="L21093" t="s">
        <v>120</v>
      </c>
      <c r="M21093" t="s">
        <v>83</v>
      </c>
      <c r="N21093" t="s">
        <v>91</v>
      </c>
      <c r="O21093" t="s">
        <v>85</v>
      </c>
      <c r="P21093" t="s">
        <v>86</v>
      </c>
      <c r="Q21093">
        <v>39</v>
      </c>
      <c r="R21093">
        <v>40</v>
      </c>
      <c r="S21093">
        <v>41</v>
      </c>
      <c r="T21093">
        <v>42</v>
      </c>
      <c r="U21093">
        <v>43</v>
      </c>
      <c r="V21093">
        <v>44</v>
      </c>
      <c r="W21093">
        <v>45</v>
      </c>
      <c r="X21093">
        <v>47</v>
      </c>
      <c r="Y21093">
        <v>48</v>
      </c>
      <c r="Z21093">
        <v>49</v>
      </c>
      <c r="AA21093">
        <v>50</v>
      </c>
      <c r="AB21093">
        <v>51</v>
      </c>
      <c r="AC21093">
        <v>53</v>
      </c>
      <c r="AD21093">
        <v>54</v>
      </c>
      <c r="AE21093">
        <v>55</v>
      </c>
      <c r="AF21093">
        <v>57</v>
      </c>
      <c r="AG21093">
        <v>58</v>
      </c>
      <c r="AH21093">
        <v>59</v>
      </c>
      <c r="AI21093">
        <v>61</v>
      </c>
      <c r="AJ21093">
        <v>62</v>
      </c>
      <c r="AK21093">
        <v>64</v>
      </c>
      <c r="AL21093">
        <v>65</v>
      </c>
      <c r="AM21093">
        <v>66</v>
      </c>
      <c r="AN21093">
        <v>67</v>
      </c>
      <c r="AO21093">
        <v>67</v>
      </c>
      <c r="AP21093">
        <v>68</v>
      </c>
      <c r="AQ21093">
        <v>69</v>
      </c>
    </row>
    <row r="21094" spans="1:43">
      <c r="A21094" t="s">
        <v>13071</v>
      </c>
      <c r="B21094" t="s">
        <v>13072</v>
      </c>
      <c r="C21094" t="s">
        <v>13069</v>
      </c>
      <c r="D21094" t="s">
        <v>13070</v>
      </c>
      <c r="E21094" t="s">
        <v>13063</v>
      </c>
      <c r="F21094" t="s">
        <v>13064</v>
      </c>
      <c r="G21094" t="s">
        <v>10214</v>
      </c>
      <c r="H21094" t="s">
        <v>10215</v>
      </c>
      <c r="I21094" s="2">
        <v>1</v>
      </c>
      <c r="J21094" s="2">
        <v>0</v>
      </c>
      <c r="K21094" s="2">
        <v>0</v>
      </c>
      <c r="L21094" t="s">
        <v>120</v>
      </c>
      <c r="M21094" t="s">
        <v>83</v>
      </c>
      <c r="N21094" t="s">
        <v>84</v>
      </c>
      <c r="O21094" t="s">
        <v>85</v>
      </c>
      <c r="P21094" t="s">
        <v>86</v>
      </c>
      <c r="Q21094">
        <v>19</v>
      </c>
      <c r="R21094">
        <v>19</v>
      </c>
      <c r="S21094">
        <v>20</v>
      </c>
      <c r="T21094">
        <v>20</v>
      </c>
      <c r="U21094">
        <v>21</v>
      </c>
      <c r="V21094">
        <v>22</v>
      </c>
      <c r="W21094">
        <v>22</v>
      </c>
      <c r="X21094">
        <v>23</v>
      </c>
      <c r="Y21094">
        <v>23</v>
      </c>
      <c r="Z21094">
        <v>24</v>
      </c>
      <c r="AA21094">
        <v>24</v>
      </c>
      <c r="AB21094">
        <v>25</v>
      </c>
      <c r="AC21094">
        <v>26</v>
      </c>
      <c r="AD21094">
        <v>26</v>
      </c>
      <c r="AE21094">
        <v>27</v>
      </c>
      <c r="AF21094">
        <v>28</v>
      </c>
      <c r="AG21094">
        <v>28</v>
      </c>
      <c r="AH21094">
        <v>29</v>
      </c>
      <c r="AI21094">
        <v>30</v>
      </c>
      <c r="AJ21094">
        <v>30</v>
      </c>
      <c r="AK21094">
        <v>31</v>
      </c>
      <c r="AL21094">
        <v>32</v>
      </c>
      <c r="AM21094">
        <v>32</v>
      </c>
      <c r="AN21094">
        <v>32</v>
      </c>
      <c r="AO21094">
        <v>33</v>
      </c>
      <c r="AP21094">
        <v>33</v>
      </c>
      <c r="AQ21094">
        <v>34</v>
      </c>
    </row>
    <row r="21095" spans="1:43">
      <c r="A21095" t="s">
        <v>13071</v>
      </c>
      <c r="B21095" t="s">
        <v>13072</v>
      </c>
      <c r="C21095" t="s">
        <v>13069</v>
      </c>
      <c r="D21095" t="s">
        <v>13070</v>
      </c>
      <c r="E21095" t="s">
        <v>13063</v>
      </c>
      <c r="F21095" t="s">
        <v>13064</v>
      </c>
      <c r="G21095" t="s">
        <v>10214</v>
      </c>
      <c r="H21095" t="s">
        <v>10215</v>
      </c>
      <c r="I21095" s="2">
        <v>1</v>
      </c>
      <c r="J21095" s="2">
        <v>0</v>
      </c>
      <c r="K21095" s="2">
        <v>0</v>
      </c>
      <c r="L21095" t="s">
        <v>120</v>
      </c>
      <c r="M21095" t="s">
        <v>87</v>
      </c>
      <c r="N21095" t="s">
        <v>88</v>
      </c>
      <c r="O21095" t="s">
        <v>85</v>
      </c>
      <c r="P21095" t="s">
        <v>86</v>
      </c>
      <c r="Q21095">
        <v>19</v>
      </c>
      <c r="R21095">
        <v>19</v>
      </c>
      <c r="S21095">
        <v>19</v>
      </c>
      <c r="T21095">
        <v>20</v>
      </c>
      <c r="U21095">
        <v>20</v>
      </c>
      <c r="V21095">
        <v>20</v>
      </c>
      <c r="W21095">
        <v>21</v>
      </c>
      <c r="X21095">
        <v>21</v>
      </c>
      <c r="Y21095">
        <v>22</v>
      </c>
      <c r="Z21095">
        <v>22</v>
      </c>
      <c r="AA21095">
        <v>22</v>
      </c>
      <c r="AB21095">
        <v>23</v>
      </c>
      <c r="AC21095">
        <v>23</v>
      </c>
      <c r="AD21095">
        <v>23</v>
      </c>
      <c r="AE21095">
        <v>24</v>
      </c>
      <c r="AF21095">
        <v>24</v>
      </c>
      <c r="AG21095">
        <v>25</v>
      </c>
      <c r="AH21095">
        <v>25</v>
      </c>
      <c r="AI21095">
        <v>26</v>
      </c>
      <c r="AJ21095">
        <v>26</v>
      </c>
      <c r="AK21095">
        <v>26</v>
      </c>
      <c r="AL21095">
        <v>27</v>
      </c>
      <c r="AM21095">
        <v>27</v>
      </c>
      <c r="AN21095">
        <v>28</v>
      </c>
      <c r="AO21095">
        <v>28</v>
      </c>
      <c r="AP21095">
        <v>29</v>
      </c>
      <c r="AQ21095">
        <v>29</v>
      </c>
    </row>
    <row r="21096" spans="1:43">
      <c r="A21096" t="s">
        <v>13071</v>
      </c>
      <c r="B21096" t="s">
        <v>13072</v>
      </c>
      <c r="C21096" t="s">
        <v>13069</v>
      </c>
      <c r="D21096" t="s">
        <v>13070</v>
      </c>
      <c r="E21096" t="s">
        <v>13063</v>
      </c>
      <c r="F21096" t="s">
        <v>13064</v>
      </c>
      <c r="G21096" t="s">
        <v>10214</v>
      </c>
      <c r="H21096" t="s">
        <v>10215</v>
      </c>
      <c r="I21096" s="2">
        <v>1</v>
      </c>
      <c r="J21096" s="2">
        <v>0</v>
      </c>
      <c r="K21096" s="2">
        <v>0</v>
      </c>
      <c r="L21096" t="s">
        <v>120</v>
      </c>
      <c r="M21096" t="s">
        <v>89</v>
      </c>
      <c r="N21096" t="s">
        <v>90</v>
      </c>
      <c r="O21096" t="s">
        <v>85</v>
      </c>
      <c r="P21096" t="s">
        <v>86</v>
      </c>
      <c r="Q21096">
        <v>19</v>
      </c>
      <c r="R21096">
        <v>20</v>
      </c>
      <c r="S21096">
        <v>20</v>
      </c>
      <c r="T21096">
        <v>21</v>
      </c>
      <c r="U21096">
        <v>22</v>
      </c>
      <c r="V21096">
        <v>23</v>
      </c>
      <c r="W21096">
        <v>23</v>
      </c>
      <c r="X21096">
        <v>24</v>
      </c>
      <c r="Y21096">
        <v>25</v>
      </c>
      <c r="Z21096">
        <v>25</v>
      </c>
      <c r="AA21096">
        <v>26</v>
      </c>
      <c r="AB21096">
        <v>27</v>
      </c>
      <c r="AC21096">
        <v>28</v>
      </c>
      <c r="AD21096">
        <v>28</v>
      </c>
      <c r="AE21096">
        <v>29</v>
      </c>
      <c r="AF21096">
        <v>29</v>
      </c>
      <c r="AG21096">
        <v>30</v>
      </c>
      <c r="AH21096">
        <v>30</v>
      </c>
      <c r="AI21096">
        <v>31</v>
      </c>
      <c r="AJ21096">
        <v>31</v>
      </c>
      <c r="AK21096">
        <v>31</v>
      </c>
      <c r="AL21096">
        <v>32</v>
      </c>
      <c r="AM21096">
        <v>32</v>
      </c>
      <c r="AN21096">
        <v>33</v>
      </c>
      <c r="AO21096">
        <v>33</v>
      </c>
      <c r="AP21096">
        <v>33</v>
      </c>
      <c r="AQ21096">
        <v>34</v>
      </c>
    </row>
    <row r="21097" spans="1:43">
      <c r="A21097" t="s">
        <v>13071</v>
      </c>
      <c r="B21097" t="s">
        <v>13072</v>
      </c>
      <c r="C21097" t="s">
        <v>13069</v>
      </c>
      <c r="D21097" t="s">
        <v>13070</v>
      </c>
      <c r="E21097" t="s">
        <v>13063</v>
      </c>
      <c r="F21097" t="s">
        <v>13064</v>
      </c>
      <c r="G21097" t="s">
        <v>10214</v>
      </c>
      <c r="H21097" t="s">
        <v>10215</v>
      </c>
      <c r="I21097" s="2">
        <v>1</v>
      </c>
      <c r="J21097" s="2">
        <v>0</v>
      </c>
      <c r="K21097" s="2">
        <v>0</v>
      </c>
      <c r="L21097" t="s">
        <v>120</v>
      </c>
      <c r="M21097" t="s">
        <v>83</v>
      </c>
      <c r="N21097" t="s">
        <v>91</v>
      </c>
      <c r="O21097" t="s">
        <v>85</v>
      </c>
      <c r="P21097" t="s">
        <v>86</v>
      </c>
      <c r="Q21097">
        <v>19</v>
      </c>
      <c r="R21097">
        <v>19</v>
      </c>
      <c r="S21097">
        <v>20</v>
      </c>
      <c r="T21097">
        <v>20</v>
      </c>
      <c r="U21097">
        <v>21</v>
      </c>
      <c r="V21097">
        <v>22</v>
      </c>
      <c r="W21097">
        <v>22</v>
      </c>
      <c r="X21097">
        <v>23</v>
      </c>
      <c r="Y21097">
        <v>23</v>
      </c>
      <c r="Z21097">
        <v>24</v>
      </c>
      <c r="AA21097">
        <v>24</v>
      </c>
      <c r="AB21097">
        <v>25</v>
      </c>
      <c r="AC21097">
        <v>26</v>
      </c>
      <c r="AD21097">
        <v>26</v>
      </c>
      <c r="AE21097">
        <v>27</v>
      </c>
      <c r="AF21097">
        <v>28</v>
      </c>
      <c r="AG21097">
        <v>28</v>
      </c>
      <c r="AH21097">
        <v>29</v>
      </c>
      <c r="AI21097">
        <v>30</v>
      </c>
      <c r="AJ21097">
        <v>30</v>
      </c>
      <c r="AK21097">
        <v>31</v>
      </c>
      <c r="AL21097">
        <v>32</v>
      </c>
      <c r="AM21097">
        <v>32</v>
      </c>
      <c r="AN21097">
        <v>32</v>
      </c>
      <c r="AO21097">
        <v>33</v>
      </c>
      <c r="AP21097">
        <v>33</v>
      </c>
      <c r="AQ21097">
        <v>34</v>
      </c>
    </row>
    <row r="21098" spans="1:43">
      <c r="A21098" t="s">
        <v>13073</v>
      </c>
      <c r="B21098" t="s">
        <v>13074</v>
      </c>
      <c r="C21098" t="s">
        <v>13069</v>
      </c>
      <c r="D21098" t="s">
        <v>13070</v>
      </c>
      <c r="E21098" t="s">
        <v>13063</v>
      </c>
      <c r="F21098" t="s">
        <v>13064</v>
      </c>
      <c r="G21098" t="s">
        <v>10214</v>
      </c>
      <c r="H21098" t="s">
        <v>10215</v>
      </c>
      <c r="I21098" s="2">
        <v>1</v>
      </c>
      <c r="J21098" s="2">
        <v>0</v>
      </c>
      <c r="K21098" s="2">
        <v>0</v>
      </c>
      <c r="L21098" t="s">
        <v>120</v>
      </c>
      <c r="M21098" t="s">
        <v>83</v>
      </c>
      <c r="N21098" t="s">
        <v>84</v>
      </c>
      <c r="O21098" t="s">
        <v>85</v>
      </c>
      <c r="P21098" t="s">
        <v>86</v>
      </c>
      <c r="Q21098">
        <v>44</v>
      </c>
      <c r="R21098">
        <v>45</v>
      </c>
      <c r="S21098">
        <v>45</v>
      </c>
      <c r="T21098">
        <v>46</v>
      </c>
      <c r="U21098">
        <v>47</v>
      </c>
      <c r="V21098">
        <v>47</v>
      </c>
      <c r="W21098">
        <v>48</v>
      </c>
      <c r="X21098">
        <v>48</v>
      </c>
      <c r="Y21098">
        <v>49</v>
      </c>
      <c r="Z21098">
        <v>49</v>
      </c>
      <c r="AA21098">
        <v>50</v>
      </c>
      <c r="AB21098">
        <v>51</v>
      </c>
      <c r="AC21098">
        <v>51</v>
      </c>
      <c r="AD21098">
        <v>52</v>
      </c>
      <c r="AE21098">
        <v>52</v>
      </c>
      <c r="AF21098">
        <v>53</v>
      </c>
      <c r="AG21098">
        <v>53</v>
      </c>
      <c r="AH21098">
        <v>54</v>
      </c>
      <c r="AI21098">
        <v>55</v>
      </c>
      <c r="AJ21098">
        <v>55</v>
      </c>
      <c r="AK21098">
        <v>56</v>
      </c>
      <c r="AL21098">
        <v>56</v>
      </c>
      <c r="AM21098">
        <v>56</v>
      </c>
      <c r="AN21098">
        <v>56</v>
      </c>
      <c r="AO21098">
        <v>56</v>
      </c>
      <c r="AP21098">
        <v>56</v>
      </c>
      <c r="AQ21098">
        <v>56</v>
      </c>
    </row>
    <row r="21099" spans="1:43">
      <c r="A21099" t="s">
        <v>13073</v>
      </c>
      <c r="B21099" t="s">
        <v>13074</v>
      </c>
      <c r="C21099" t="s">
        <v>13069</v>
      </c>
      <c r="D21099" t="s">
        <v>13070</v>
      </c>
      <c r="E21099" t="s">
        <v>13063</v>
      </c>
      <c r="F21099" t="s">
        <v>13064</v>
      </c>
      <c r="G21099" t="s">
        <v>10214</v>
      </c>
      <c r="H21099" t="s">
        <v>10215</v>
      </c>
      <c r="I21099" s="2">
        <v>1</v>
      </c>
      <c r="J21099" s="2">
        <v>0</v>
      </c>
      <c r="K21099" s="2">
        <v>0</v>
      </c>
      <c r="L21099" t="s">
        <v>120</v>
      </c>
      <c r="M21099" t="s">
        <v>87</v>
      </c>
      <c r="N21099" t="s">
        <v>88</v>
      </c>
      <c r="O21099" t="s">
        <v>85</v>
      </c>
      <c r="P21099" t="s">
        <v>86</v>
      </c>
      <c r="Q21099">
        <v>44</v>
      </c>
      <c r="R21099">
        <v>44</v>
      </c>
      <c r="S21099">
        <v>44</v>
      </c>
      <c r="T21099">
        <v>44</v>
      </c>
      <c r="U21099">
        <v>45</v>
      </c>
      <c r="V21099">
        <v>45</v>
      </c>
      <c r="W21099">
        <v>45</v>
      </c>
      <c r="X21099">
        <v>45</v>
      </c>
      <c r="Y21099">
        <v>45</v>
      </c>
      <c r="Z21099">
        <v>45</v>
      </c>
      <c r="AA21099">
        <v>46</v>
      </c>
      <c r="AB21099">
        <v>46</v>
      </c>
      <c r="AC21099">
        <v>46</v>
      </c>
      <c r="AD21099">
        <v>46</v>
      </c>
      <c r="AE21099">
        <v>46</v>
      </c>
      <c r="AF21099">
        <v>47</v>
      </c>
      <c r="AG21099">
        <v>47</v>
      </c>
      <c r="AH21099">
        <v>47</v>
      </c>
      <c r="AI21099">
        <v>47</v>
      </c>
      <c r="AJ21099">
        <v>47</v>
      </c>
      <c r="AK21099">
        <v>47</v>
      </c>
      <c r="AL21099">
        <v>48</v>
      </c>
      <c r="AM21099">
        <v>48</v>
      </c>
      <c r="AN21099">
        <v>48</v>
      </c>
      <c r="AO21099">
        <v>48</v>
      </c>
      <c r="AP21099">
        <v>48</v>
      </c>
      <c r="AQ21099">
        <v>49</v>
      </c>
    </row>
    <row r="21100" spans="1:43">
      <c r="A21100" t="s">
        <v>13073</v>
      </c>
      <c r="B21100" t="s">
        <v>13074</v>
      </c>
      <c r="C21100" t="s">
        <v>13069</v>
      </c>
      <c r="D21100" t="s">
        <v>13070</v>
      </c>
      <c r="E21100" t="s">
        <v>13063</v>
      </c>
      <c r="F21100" t="s">
        <v>13064</v>
      </c>
      <c r="G21100" t="s">
        <v>10214</v>
      </c>
      <c r="H21100" t="s">
        <v>10215</v>
      </c>
      <c r="I21100" s="2">
        <v>1</v>
      </c>
      <c r="J21100" s="2">
        <v>0</v>
      </c>
      <c r="K21100" s="2">
        <v>0</v>
      </c>
      <c r="L21100" t="s">
        <v>120</v>
      </c>
      <c r="M21100" t="s">
        <v>89</v>
      </c>
      <c r="N21100" t="s">
        <v>90</v>
      </c>
      <c r="O21100" t="s">
        <v>85</v>
      </c>
      <c r="P21100" t="s">
        <v>86</v>
      </c>
      <c r="Q21100">
        <v>44</v>
      </c>
      <c r="R21100">
        <v>45</v>
      </c>
      <c r="S21100">
        <v>46</v>
      </c>
      <c r="T21100">
        <v>46</v>
      </c>
      <c r="U21100">
        <v>47</v>
      </c>
      <c r="V21100">
        <v>48</v>
      </c>
      <c r="W21100">
        <v>49</v>
      </c>
      <c r="X21100">
        <v>50</v>
      </c>
      <c r="Y21100">
        <v>51</v>
      </c>
      <c r="Z21100">
        <v>52</v>
      </c>
      <c r="AA21100">
        <v>52</v>
      </c>
      <c r="AB21100">
        <v>53</v>
      </c>
      <c r="AC21100">
        <v>54</v>
      </c>
      <c r="AD21100">
        <v>55</v>
      </c>
      <c r="AE21100">
        <v>55</v>
      </c>
      <c r="AF21100">
        <v>55</v>
      </c>
      <c r="AG21100">
        <v>55</v>
      </c>
      <c r="AH21100">
        <v>55</v>
      </c>
      <c r="AI21100">
        <v>55</v>
      </c>
      <c r="AJ21100">
        <v>55</v>
      </c>
      <c r="AK21100">
        <v>55</v>
      </c>
      <c r="AL21100">
        <v>55</v>
      </c>
      <c r="AM21100">
        <v>55</v>
      </c>
      <c r="AN21100">
        <v>55</v>
      </c>
      <c r="AO21100">
        <v>55</v>
      </c>
      <c r="AP21100">
        <v>56</v>
      </c>
      <c r="AQ21100">
        <v>56</v>
      </c>
    </row>
    <row r="21101" spans="1:43">
      <c r="A21101" t="s">
        <v>13073</v>
      </c>
      <c r="B21101" t="s">
        <v>13074</v>
      </c>
      <c r="C21101" t="s">
        <v>13069</v>
      </c>
      <c r="D21101" t="s">
        <v>13070</v>
      </c>
      <c r="E21101" t="s">
        <v>13063</v>
      </c>
      <c r="F21101" t="s">
        <v>13064</v>
      </c>
      <c r="G21101" t="s">
        <v>10214</v>
      </c>
      <c r="H21101" t="s">
        <v>10215</v>
      </c>
      <c r="I21101" s="2">
        <v>1</v>
      </c>
      <c r="J21101" s="2">
        <v>0</v>
      </c>
      <c r="K21101" s="2">
        <v>0</v>
      </c>
      <c r="L21101" t="s">
        <v>120</v>
      </c>
      <c r="M21101" t="s">
        <v>83</v>
      </c>
      <c r="N21101" t="s">
        <v>91</v>
      </c>
      <c r="O21101" t="s">
        <v>85</v>
      </c>
      <c r="P21101" t="s">
        <v>86</v>
      </c>
      <c r="Q21101">
        <v>44</v>
      </c>
      <c r="R21101">
        <v>45</v>
      </c>
      <c r="S21101">
        <v>45</v>
      </c>
      <c r="T21101">
        <v>46</v>
      </c>
      <c r="U21101">
        <v>47</v>
      </c>
      <c r="V21101">
        <v>47</v>
      </c>
      <c r="W21101">
        <v>48</v>
      </c>
      <c r="X21101">
        <v>48</v>
      </c>
      <c r="Y21101">
        <v>49</v>
      </c>
      <c r="Z21101">
        <v>49</v>
      </c>
      <c r="AA21101">
        <v>50</v>
      </c>
      <c r="AB21101">
        <v>51</v>
      </c>
      <c r="AC21101">
        <v>51</v>
      </c>
      <c r="AD21101">
        <v>52</v>
      </c>
      <c r="AE21101">
        <v>52</v>
      </c>
      <c r="AF21101">
        <v>53</v>
      </c>
      <c r="AG21101">
        <v>53</v>
      </c>
      <c r="AH21101">
        <v>54</v>
      </c>
      <c r="AI21101">
        <v>55</v>
      </c>
      <c r="AJ21101">
        <v>55</v>
      </c>
      <c r="AK21101">
        <v>56</v>
      </c>
      <c r="AL21101">
        <v>56</v>
      </c>
      <c r="AM21101">
        <v>56</v>
      </c>
      <c r="AN21101">
        <v>56</v>
      </c>
      <c r="AO21101">
        <v>56</v>
      </c>
      <c r="AP21101">
        <v>56</v>
      </c>
      <c r="AQ21101">
        <v>56</v>
      </c>
    </row>
    <row r="21102" spans="1:43">
      <c r="A21102" t="s">
        <v>13075</v>
      </c>
      <c r="B21102" t="s">
        <v>13076</v>
      </c>
      <c r="C21102" t="s">
        <v>13069</v>
      </c>
      <c r="D21102" t="s">
        <v>13070</v>
      </c>
      <c r="E21102" t="s">
        <v>13063</v>
      </c>
      <c r="F21102" t="s">
        <v>13064</v>
      </c>
      <c r="G21102" t="s">
        <v>10214</v>
      </c>
      <c r="H21102" t="s">
        <v>10215</v>
      </c>
      <c r="I21102" s="2">
        <v>1</v>
      </c>
      <c r="J21102" s="2">
        <v>0</v>
      </c>
      <c r="K21102" s="2">
        <v>0</v>
      </c>
      <c r="L21102" t="s">
        <v>120</v>
      </c>
      <c r="M21102" t="s">
        <v>83</v>
      </c>
      <c r="N21102" t="s">
        <v>84</v>
      </c>
      <c r="O21102" t="s">
        <v>85</v>
      </c>
      <c r="P21102" t="s">
        <v>86</v>
      </c>
      <c r="Q21102">
        <v>8</v>
      </c>
      <c r="R21102">
        <v>8</v>
      </c>
      <c r="S21102">
        <v>8</v>
      </c>
      <c r="T21102">
        <v>9</v>
      </c>
      <c r="U21102">
        <v>9</v>
      </c>
      <c r="V21102">
        <v>9</v>
      </c>
      <c r="W21102">
        <v>9</v>
      </c>
      <c r="X21102">
        <v>9</v>
      </c>
      <c r="Y21102">
        <v>10</v>
      </c>
      <c r="Z21102">
        <v>10</v>
      </c>
      <c r="AA21102">
        <v>10</v>
      </c>
      <c r="AB21102">
        <v>10</v>
      </c>
      <c r="AC21102">
        <v>11</v>
      </c>
      <c r="AD21102">
        <v>11</v>
      </c>
      <c r="AE21102">
        <v>11</v>
      </c>
      <c r="AF21102">
        <v>12</v>
      </c>
      <c r="AG21102">
        <v>12</v>
      </c>
      <c r="AH21102">
        <v>12</v>
      </c>
      <c r="AI21102">
        <v>12</v>
      </c>
      <c r="AJ21102">
        <v>13</v>
      </c>
      <c r="AK21102">
        <v>13</v>
      </c>
      <c r="AL21102">
        <v>13</v>
      </c>
      <c r="AM21102">
        <v>13</v>
      </c>
      <c r="AN21102">
        <v>14</v>
      </c>
      <c r="AO21102">
        <v>14</v>
      </c>
      <c r="AP21102">
        <v>14</v>
      </c>
      <c r="AQ21102">
        <v>14</v>
      </c>
    </row>
    <row r="21103" spans="1:43">
      <c r="A21103" t="s">
        <v>13075</v>
      </c>
      <c r="B21103" t="s">
        <v>13076</v>
      </c>
      <c r="C21103" t="s">
        <v>13069</v>
      </c>
      <c r="D21103" t="s">
        <v>13070</v>
      </c>
      <c r="E21103" t="s">
        <v>13063</v>
      </c>
      <c r="F21103" t="s">
        <v>13064</v>
      </c>
      <c r="G21103" t="s">
        <v>10214</v>
      </c>
      <c r="H21103" t="s">
        <v>10215</v>
      </c>
      <c r="I21103" s="2">
        <v>1</v>
      </c>
      <c r="J21103" s="2">
        <v>0</v>
      </c>
      <c r="K21103" s="2">
        <v>0</v>
      </c>
      <c r="L21103" t="s">
        <v>120</v>
      </c>
      <c r="M21103" t="s">
        <v>87</v>
      </c>
      <c r="N21103" t="s">
        <v>88</v>
      </c>
      <c r="O21103" t="s">
        <v>85</v>
      </c>
      <c r="P21103" t="s">
        <v>86</v>
      </c>
      <c r="Q21103">
        <v>8</v>
      </c>
      <c r="R21103">
        <v>8</v>
      </c>
      <c r="S21103">
        <v>8</v>
      </c>
      <c r="T21103">
        <v>8</v>
      </c>
      <c r="U21103">
        <v>8</v>
      </c>
      <c r="V21103">
        <v>9</v>
      </c>
      <c r="W21103">
        <v>9</v>
      </c>
      <c r="X21103">
        <v>9</v>
      </c>
      <c r="Y21103">
        <v>9</v>
      </c>
      <c r="Z21103">
        <v>9</v>
      </c>
      <c r="AA21103">
        <v>9</v>
      </c>
      <c r="AB21103">
        <v>9</v>
      </c>
      <c r="AC21103">
        <v>10</v>
      </c>
      <c r="AD21103">
        <v>10</v>
      </c>
      <c r="AE21103">
        <v>10</v>
      </c>
      <c r="AF21103">
        <v>10</v>
      </c>
      <c r="AG21103">
        <v>10</v>
      </c>
      <c r="AH21103">
        <v>10</v>
      </c>
      <c r="AI21103">
        <v>11</v>
      </c>
      <c r="AJ21103">
        <v>11</v>
      </c>
      <c r="AK21103">
        <v>11</v>
      </c>
      <c r="AL21103">
        <v>11</v>
      </c>
      <c r="AM21103">
        <v>11</v>
      </c>
      <c r="AN21103">
        <v>12</v>
      </c>
      <c r="AO21103">
        <v>12</v>
      </c>
      <c r="AP21103">
        <v>12</v>
      </c>
      <c r="AQ21103">
        <v>12</v>
      </c>
    </row>
    <row r="21104" spans="1:43">
      <c r="A21104" t="s">
        <v>13075</v>
      </c>
      <c r="B21104" t="s">
        <v>13076</v>
      </c>
      <c r="C21104" t="s">
        <v>13069</v>
      </c>
      <c r="D21104" t="s">
        <v>13070</v>
      </c>
      <c r="E21104" t="s">
        <v>13063</v>
      </c>
      <c r="F21104" t="s">
        <v>13064</v>
      </c>
      <c r="G21104" t="s">
        <v>10214</v>
      </c>
      <c r="H21104" t="s">
        <v>10215</v>
      </c>
      <c r="I21104" s="2">
        <v>1</v>
      </c>
      <c r="J21104" s="2">
        <v>0</v>
      </c>
      <c r="K21104" s="2">
        <v>0</v>
      </c>
      <c r="L21104" t="s">
        <v>120</v>
      </c>
      <c r="M21104" t="s">
        <v>89</v>
      </c>
      <c r="N21104" t="s">
        <v>90</v>
      </c>
      <c r="O21104" t="s">
        <v>85</v>
      </c>
      <c r="P21104" t="s">
        <v>86</v>
      </c>
      <c r="Q21104">
        <v>8</v>
      </c>
      <c r="R21104">
        <v>8</v>
      </c>
      <c r="S21104">
        <v>9</v>
      </c>
      <c r="T21104">
        <v>9</v>
      </c>
      <c r="U21104">
        <v>9</v>
      </c>
      <c r="V21104">
        <v>9</v>
      </c>
      <c r="W21104">
        <v>10</v>
      </c>
      <c r="X21104">
        <v>10</v>
      </c>
      <c r="Y21104">
        <v>10</v>
      </c>
      <c r="Z21104">
        <v>11</v>
      </c>
      <c r="AA21104">
        <v>11</v>
      </c>
      <c r="AB21104">
        <v>11</v>
      </c>
      <c r="AC21104">
        <v>12</v>
      </c>
      <c r="AD21104">
        <v>12</v>
      </c>
      <c r="AE21104">
        <v>12</v>
      </c>
      <c r="AF21104">
        <v>12</v>
      </c>
      <c r="AG21104">
        <v>12</v>
      </c>
      <c r="AH21104">
        <v>13</v>
      </c>
      <c r="AI21104">
        <v>13</v>
      </c>
      <c r="AJ21104">
        <v>13</v>
      </c>
      <c r="AK21104">
        <v>13</v>
      </c>
      <c r="AL21104">
        <v>13</v>
      </c>
      <c r="AM21104">
        <v>13</v>
      </c>
      <c r="AN21104">
        <v>14</v>
      </c>
      <c r="AO21104">
        <v>14</v>
      </c>
      <c r="AP21104">
        <v>14</v>
      </c>
      <c r="AQ21104">
        <v>14</v>
      </c>
    </row>
    <row r="21105" spans="1:43">
      <c r="A21105" t="s">
        <v>13075</v>
      </c>
      <c r="B21105" t="s">
        <v>13076</v>
      </c>
      <c r="C21105" t="s">
        <v>13069</v>
      </c>
      <c r="D21105" t="s">
        <v>13070</v>
      </c>
      <c r="E21105" t="s">
        <v>13063</v>
      </c>
      <c r="F21105" t="s">
        <v>13064</v>
      </c>
      <c r="G21105" t="s">
        <v>10214</v>
      </c>
      <c r="H21105" t="s">
        <v>10215</v>
      </c>
      <c r="I21105" s="2">
        <v>1</v>
      </c>
      <c r="J21105" s="2">
        <v>0</v>
      </c>
      <c r="K21105" s="2">
        <v>0</v>
      </c>
      <c r="L21105" t="s">
        <v>120</v>
      </c>
      <c r="M21105" t="s">
        <v>83</v>
      </c>
      <c r="N21105" t="s">
        <v>91</v>
      </c>
      <c r="O21105" t="s">
        <v>85</v>
      </c>
      <c r="P21105" t="s">
        <v>86</v>
      </c>
      <c r="Q21105">
        <v>8</v>
      </c>
      <c r="R21105">
        <v>8</v>
      </c>
      <c r="S21105">
        <v>8</v>
      </c>
      <c r="T21105">
        <v>9</v>
      </c>
      <c r="U21105">
        <v>9</v>
      </c>
      <c r="V21105">
        <v>9</v>
      </c>
      <c r="W21105">
        <v>9</v>
      </c>
      <c r="X21105">
        <v>9</v>
      </c>
      <c r="Y21105">
        <v>10</v>
      </c>
      <c r="Z21105">
        <v>10</v>
      </c>
      <c r="AA21105">
        <v>10</v>
      </c>
      <c r="AB21105">
        <v>10</v>
      </c>
      <c r="AC21105">
        <v>11</v>
      </c>
      <c r="AD21105">
        <v>11</v>
      </c>
      <c r="AE21105">
        <v>11</v>
      </c>
      <c r="AF21105">
        <v>12</v>
      </c>
      <c r="AG21105">
        <v>12</v>
      </c>
      <c r="AH21105">
        <v>12</v>
      </c>
      <c r="AI21105">
        <v>12</v>
      </c>
      <c r="AJ21105">
        <v>13</v>
      </c>
      <c r="AK21105">
        <v>13</v>
      </c>
      <c r="AL21105">
        <v>13</v>
      </c>
      <c r="AM21105">
        <v>13</v>
      </c>
      <c r="AN21105">
        <v>14</v>
      </c>
      <c r="AO21105">
        <v>14</v>
      </c>
      <c r="AP21105">
        <v>14</v>
      </c>
      <c r="AQ21105">
        <v>14</v>
      </c>
    </row>
    <row r="21106" spans="1:43">
      <c r="A21106" t="s">
        <v>13077</v>
      </c>
      <c r="B21106" t="s">
        <v>13078</v>
      </c>
      <c r="C21106" t="s">
        <v>13079</v>
      </c>
      <c r="D21106" t="s">
        <v>13080</v>
      </c>
      <c r="E21106" t="s">
        <v>13063</v>
      </c>
      <c r="F21106" t="s">
        <v>13064</v>
      </c>
      <c r="G21106" t="s">
        <v>10214</v>
      </c>
      <c r="H21106" t="s">
        <v>10215</v>
      </c>
      <c r="I21106" s="2">
        <v>1</v>
      </c>
      <c r="J21106" s="2">
        <v>0</v>
      </c>
      <c r="K21106" s="2">
        <v>0</v>
      </c>
      <c r="L21106" t="s">
        <v>120</v>
      </c>
      <c r="M21106" t="s">
        <v>83</v>
      </c>
      <c r="N21106" t="s">
        <v>84</v>
      </c>
      <c r="O21106" t="s">
        <v>85</v>
      </c>
      <c r="P21106" t="s">
        <v>86</v>
      </c>
      <c r="Q21106">
        <v>49</v>
      </c>
      <c r="R21106">
        <v>50</v>
      </c>
      <c r="S21106">
        <v>52</v>
      </c>
      <c r="T21106">
        <v>53</v>
      </c>
      <c r="U21106">
        <v>54</v>
      </c>
      <c r="V21106">
        <v>56</v>
      </c>
      <c r="W21106">
        <v>57</v>
      </c>
      <c r="X21106">
        <v>59</v>
      </c>
      <c r="Y21106">
        <v>60</v>
      </c>
      <c r="Z21106">
        <v>62</v>
      </c>
      <c r="AA21106">
        <v>63</v>
      </c>
      <c r="AB21106">
        <v>65</v>
      </c>
      <c r="AC21106">
        <v>66</v>
      </c>
      <c r="AD21106">
        <v>68</v>
      </c>
      <c r="AE21106">
        <v>70</v>
      </c>
      <c r="AF21106">
        <v>71</v>
      </c>
      <c r="AG21106">
        <v>73</v>
      </c>
      <c r="AH21106">
        <v>75</v>
      </c>
      <c r="AI21106">
        <v>77</v>
      </c>
      <c r="AJ21106">
        <v>79</v>
      </c>
      <c r="AK21106">
        <v>80</v>
      </c>
      <c r="AL21106">
        <v>82</v>
      </c>
      <c r="AM21106">
        <v>83</v>
      </c>
      <c r="AN21106">
        <v>84</v>
      </c>
      <c r="AO21106">
        <v>85</v>
      </c>
      <c r="AP21106">
        <v>86</v>
      </c>
      <c r="AQ21106">
        <v>88</v>
      </c>
    </row>
    <row r="21107" spans="1:43">
      <c r="A21107" t="s">
        <v>13077</v>
      </c>
      <c r="B21107" t="s">
        <v>13078</v>
      </c>
      <c r="C21107" t="s">
        <v>13079</v>
      </c>
      <c r="D21107" t="s">
        <v>13080</v>
      </c>
      <c r="E21107" t="s">
        <v>13063</v>
      </c>
      <c r="F21107" t="s">
        <v>13064</v>
      </c>
      <c r="G21107" t="s">
        <v>10214</v>
      </c>
      <c r="H21107" t="s">
        <v>10215</v>
      </c>
      <c r="I21107" s="2">
        <v>1</v>
      </c>
      <c r="J21107" s="2">
        <v>0</v>
      </c>
      <c r="K21107" s="2">
        <v>0</v>
      </c>
      <c r="L21107" t="s">
        <v>120</v>
      </c>
      <c r="M21107" t="s">
        <v>87</v>
      </c>
      <c r="N21107" t="s">
        <v>88</v>
      </c>
      <c r="O21107" t="s">
        <v>85</v>
      </c>
      <c r="P21107" t="s">
        <v>86</v>
      </c>
      <c r="Q21107">
        <v>49</v>
      </c>
      <c r="R21107">
        <v>50</v>
      </c>
      <c r="S21107">
        <v>51</v>
      </c>
      <c r="T21107">
        <v>52</v>
      </c>
      <c r="U21107">
        <v>53</v>
      </c>
      <c r="V21107">
        <v>54</v>
      </c>
      <c r="W21107">
        <v>55</v>
      </c>
      <c r="X21107">
        <v>56</v>
      </c>
      <c r="Y21107">
        <v>57</v>
      </c>
      <c r="Z21107">
        <v>58</v>
      </c>
      <c r="AA21107">
        <v>59</v>
      </c>
      <c r="AB21107">
        <v>60</v>
      </c>
      <c r="AC21107">
        <v>61</v>
      </c>
      <c r="AD21107">
        <v>62</v>
      </c>
      <c r="AE21107">
        <v>63</v>
      </c>
      <c r="AF21107">
        <v>64</v>
      </c>
      <c r="AG21107">
        <v>65</v>
      </c>
      <c r="AH21107">
        <v>66</v>
      </c>
      <c r="AI21107">
        <v>67</v>
      </c>
      <c r="AJ21107">
        <v>68</v>
      </c>
      <c r="AK21107">
        <v>69</v>
      </c>
      <c r="AL21107">
        <v>71</v>
      </c>
      <c r="AM21107">
        <v>72</v>
      </c>
      <c r="AN21107">
        <v>73</v>
      </c>
      <c r="AO21107">
        <v>74</v>
      </c>
      <c r="AP21107">
        <v>75</v>
      </c>
      <c r="AQ21107">
        <v>77</v>
      </c>
    </row>
    <row r="21108" spans="1:43">
      <c r="A21108" t="s">
        <v>13077</v>
      </c>
      <c r="B21108" t="s">
        <v>13078</v>
      </c>
      <c r="C21108" t="s">
        <v>13079</v>
      </c>
      <c r="D21108" t="s">
        <v>13080</v>
      </c>
      <c r="E21108" t="s">
        <v>13063</v>
      </c>
      <c r="F21108" t="s">
        <v>13064</v>
      </c>
      <c r="G21108" t="s">
        <v>10214</v>
      </c>
      <c r="H21108" t="s">
        <v>10215</v>
      </c>
      <c r="I21108" s="2">
        <v>1</v>
      </c>
      <c r="J21108" s="2">
        <v>0</v>
      </c>
      <c r="K21108" s="2">
        <v>0</v>
      </c>
      <c r="L21108" t="s">
        <v>120</v>
      </c>
      <c r="M21108" t="s">
        <v>89</v>
      </c>
      <c r="N21108" t="s">
        <v>90</v>
      </c>
      <c r="O21108" t="s">
        <v>85</v>
      </c>
      <c r="P21108" t="s">
        <v>86</v>
      </c>
      <c r="Q21108">
        <v>49</v>
      </c>
      <c r="R21108">
        <v>51</v>
      </c>
      <c r="S21108">
        <v>53</v>
      </c>
      <c r="T21108">
        <v>55</v>
      </c>
      <c r="U21108">
        <v>56</v>
      </c>
      <c r="V21108">
        <v>58</v>
      </c>
      <c r="W21108">
        <v>60</v>
      </c>
      <c r="X21108">
        <v>62</v>
      </c>
      <c r="Y21108">
        <v>64</v>
      </c>
      <c r="Z21108">
        <v>66</v>
      </c>
      <c r="AA21108">
        <v>67</v>
      </c>
      <c r="AB21108">
        <v>69</v>
      </c>
      <c r="AC21108">
        <v>71</v>
      </c>
      <c r="AD21108">
        <v>73</v>
      </c>
      <c r="AE21108">
        <v>75</v>
      </c>
      <c r="AF21108">
        <v>76</v>
      </c>
      <c r="AG21108">
        <v>77</v>
      </c>
      <c r="AH21108">
        <v>78</v>
      </c>
      <c r="AI21108">
        <v>79</v>
      </c>
      <c r="AJ21108">
        <v>80</v>
      </c>
      <c r="AK21108">
        <v>81</v>
      </c>
      <c r="AL21108">
        <v>83</v>
      </c>
      <c r="AM21108">
        <v>84</v>
      </c>
      <c r="AN21108">
        <v>85</v>
      </c>
      <c r="AO21108">
        <v>86</v>
      </c>
      <c r="AP21108">
        <v>87</v>
      </c>
      <c r="AQ21108">
        <v>88</v>
      </c>
    </row>
    <row r="21109" spans="1:43">
      <c r="A21109" t="s">
        <v>13077</v>
      </c>
      <c r="B21109" t="s">
        <v>13078</v>
      </c>
      <c r="C21109" t="s">
        <v>13079</v>
      </c>
      <c r="D21109" t="s">
        <v>13080</v>
      </c>
      <c r="E21109" t="s">
        <v>13063</v>
      </c>
      <c r="F21109" t="s">
        <v>13064</v>
      </c>
      <c r="G21109" t="s">
        <v>10214</v>
      </c>
      <c r="H21109" t="s">
        <v>10215</v>
      </c>
      <c r="I21109" s="2">
        <v>1</v>
      </c>
      <c r="J21109" s="2">
        <v>0</v>
      </c>
      <c r="K21109" s="2">
        <v>0</v>
      </c>
      <c r="L21109" t="s">
        <v>120</v>
      </c>
      <c r="M21109" t="s">
        <v>83</v>
      </c>
      <c r="N21109" t="s">
        <v>91</v>
      </c>
      <c r="O21109" t="s">
        <v>85</v>
      </c>
      <c r="P21109" t="s">
        <v>86</v>
      </c>
      <c r="Q21109">
        <v>49</v>
      </c>
      <c r="R21109">
        <v>50</v>
      </c>
      <c r="S21109">
        <v>52</v>
      </c>
      <c r="T21109">
        <v>53</v>
      </c>
      <c r="U21109">
        <v>54</v>
      </c>
      <c r="V21109">
        <v>56</v>
      </c>
      <c r="W21109">
        <v>57</v>
      </c>
      <c r="X21109">
        <v>59</v>
      </c>
      <c r="Y21109">
        <v>60</v>
      </c>
      <c r="Z21109">
        <v>62</v>
      </c>
      <c r="AA21109">
        <v>63</v>
      </c>
      <c r="AB21109">
        <v>65</v>
      </c>
      <c r="AC21109">
        <v>66</v>
      </c>
      <c r="AD21109">
        <v>68</v>
      </c>
      <c r="AE21109">
        <v>70</v>
      </c>
      <c r="AF21109">
        <v>71</v>
      </c>
      <c r="AG21109">
        <v>73</v>
      </c>
      <c r="AH21109">
        <v>75</v>
      </c>
      <c r="AI21109">
        <v>77</v>
      </c>
      <c r="AJ21109">
        <v>79</v>
      </c>
      <c r="AK21109">
        <v>80</v>
      </c>
      <c r="AL21109">
        <v>82</v>
      </c>
      <c r="AM21109">
        <v>83</v>
      </c>
      <c r="AN21109">
        <v>84</v>
      </c>
      <c r="AO21109">
        <v>85</v>
      </c>
      <c r="AP21109">
        <v>86</v>
      </c>
      <c r="AQ21109">
        <v>88</v>
      </c>
    </row>
    <row r="21110" spans="1:43">
      <c r="A21110" t="s">
        <v>13081</v>
      </c>
      <c r="B21110" t="s">
        <v>13082</v>
      </c>
      <c r="C21110" t="s">
        <v>13079</v>
      </c>
      <c r="D21110" t="s">
        <v>13080</v>
      </c>
      <c r="E21110" t="s">
        <v>13063</v>
      </c>
      <c r="F21110" t="s">
        <v>13064</v>
      </c>
      <c r="G21110" t="s">
        <v>10214</v>
      </c>
      <c r="H21110" t="s">
        <v>10215</v>
      </c>
      <c r="I21110" s="2">
        <v>1</v>
      </c>
      <c r="J21110" s="2">
        <v>0</v>
      </c>
      <c r="K21110" s="2">
        <v>0</v>
      </c>
      <c r="L21110" t="s">
        <v>120</v>
      </c>
      <c r="M21110" t="s">
        <v>83</v>
      </c>
      <c r="N21110" t="s">
        <v>84</v>
      </c>
      <c r="O21110" t="s">
        <v>85</v>
      </c>
      <c r="P21110" t="s">
        <v>86</v>
      </c>
      <c r="Q21110">
        <v>16</v>
      </c>
      <c r="R21110">
        <v>16</v>
      </c>
      <c r="S21110">
        <v>16</v>
      </c>
      <c r="T21110">
        <v>17</v>
      </c>
      <c r="U21110">
        <v>17</v>
      </c>
      <c r="V21110">
        <v>18</v>
      </c>
      <c r="W21110">
        <v>18</v>
      </c>
      <c r="X21110">
        <v>19</v>
      </c>
      <c r="Y21110">
        <v>19</v>
      </c>
      <c r="Z21110">
        <v>20</v>
      </c>
      <c r="AA21110">
        <v>20</v>
      </c>
      <c r="AB21110">
        <v>21</v>
      </c>
      <c r="AC21110">
        <v>21</v>
      </c>
      <c r="AD21110">
        <v>22</v>
      </c>
      <c r="AE21110">
        <v>22</v>
      </c>
      <c r="AF21110">
        <v>23</v>
      </c>
      <c r="AG21110">
        <v>23</v>
      </c>
      <c r="AH21110">
        <v>24</v>
      </c>
      <c r="AI21110">
        <v>24</v>
      </c>
      <c r="AJ21110">
        <v>25</v>
      </c>
      <c r="AK21110">
        <v>26</v>
      </c>
      <c r="AL21110">
        <v>26</v>
      </c>
      <c r="AM21110">
        <v>26</v>
      </c>
      <c r="AN21110">
        <v>27</v>
      </c>
      <c r="AO21110">
        <v>27</v>
      </c>
      <c r="AP21110">
        <v>27</v>
      </c>
      <c r="AQ21110">
        <v>28</v>
      </c>
    </row>
    <row r="21111" spans="1:43">
      <c r="A21111" t="s">
        <v>13081</v>
      </c>
      <c r="B21111" t="s">
        <v>13082</v>
      </c>
      <c r="C21111" t="s">
        <v>13079</v>
      </c>
      <c r="D21111" t="s">
        <v>13080</v>
      </c>
      <c r="E21111" t="s">
        <v>13063</v>
      </c>
      <c r="F21111" t="s">
        <v>13064</v>
      </c>
      <c r="G21111" t="s">
        <v>10214</v>
      </c>
      <c r="H21111" t="s">
        <v>10215</v>
      </c>
      <c r="I21111" s="2">
        <v>1</v>
      </c>
      <c r="J21111" s="2">
        <v>0</v>
      </c>
      <c r="K21111" s="2">
        <v>0</v>
      </c>
      <c r="L21111" t="s">
        <v>120</v>
      </c>
      <c r="M21111" t="s">
        <v>87</v>
      </c>
      <c r="N21111" t="s">
        <v>88</v>
      </c>
      <c r="O21111" t="s">
        <v>85</v>
      </c>
      <c r="P21111" t="s">
        <v>86</v>
      </c>
      <c r="Q21111">
        <v>16</v>
      </c>
      <c r="R21111">
        <v>17</v>
      </c>
      <c r="S21111">
        <v>17</v>
      </c>
      <c r="T21111">
        <v>17</v>
      </c>
      <c r="U21111">
        <v>18</v>
      </c>
      <c r="V21111">
        <v>18</v>
      </c>
      <c r="W21111">
        <v>18</v>
      </c>
      <c r="X21111">
        <v>18</v>
      </c>
      <c r="Y21111">
        <v>19</v>
      </c>
      <c r="Z21111">
        <v>19</v>
      </c>
      <c r="AA21111">
        <v>19</v>
      </c>
      <c r="AB21111">
        <v>20</v>
      </c>
      <c r="AC21111">
        <v>20</v>
      </c>
      <c r="AD21111">
        <v>20</v>
      </c>
      <c r="AE21111">
        <v>21</v>
      </c>
      <c r="AF21111">
        <v>21</v>
      </c>
      <c r="AG21111">
        <v>21</v>
      </c>
      <c r="AH21111">
        <v>22</v>
      </c>
      <c r="AI21111">
        <v>22</v>
      </c>
      <c r="AJ21111">
        <v>22</v>
      </c>
      <c r="AK21111">
        <v>23</v>
      </c>
      <c r="AL21111">
        <v>23</v>
      </c>
      <c r="AM21111">
        <v>24</v>
      </c>
      <c r="AN21111">
        <v>24</v>
      </c>
      <c r="AO21111">
        <v>24</v>
      </c>
      <c r="AP21111">
        <v>25</v>
      </c>
      <c r="AQ21111">
        <v>25</v>
      </c>
    </row>
    <row r="21112" spans="1:43">
      <c r="A21112" t="s">
        <v>13081</v>
      </c>
      <c r="B21112" t="s">
        <v>13082</v>
      </c>
      <c r="C21112" t="s">
        <v>13079</v>
      </c>
      <c r="D21112" t="s">
        <v>13080</v>
      </c>
      <c r="E21112" t="s">
        <v>13063</v>
      </c>
      <c r="F21112" t="s">
        <v>13064</v>
      </c>
      <c r="G21112" t="s">
        <v>10214</v>
      </c>
      <c r="H21112" t="s">
        <v>10215</v>
      </c>
      <c r="I21112" s="2">
        <v>1</v>
      </c>
      <c r="J21112" s="2">
        <v>0</v>
      </c>
      <c r="K21112" s="2">
        <v>0</v>
      </c>
      <c r="L21112" t="s">
        <v>120</v>
      </c>
      <c r="M21112" t="s">
        <v>89</v>
      </c>
      <c r="N21112" t="s">
        <v>90</v>
      </c>
      <c r="O21112" t="s">
        <v>85</v>
      </c>
      <c r="P21112" t="s">
        <v>86</v>
      </c>
      <c r="Q21112">
        <v>16</v>
      </c>
      <c r="R21112">
        <v>16</v>
      </c>
      <c r="S21112">
        <v>17</v>
      </c>
      <c r="T21112">
        <v>17</v>
      </c>
      <c r="U21112">
        <v>18</v>
      </c>
      <c r="V21112">
        <v>19</v>
      </c>
      <c r="W21112">
        <v>19</v>
      </c>
      <c r="X21112">
        <v>20</v>
      </c>
      <c r="Y21112">
        <v>20</v>
      </c>
      <c r="Z21112">
        <v>21</v>
      </c>
      <c r="AA21112">
        <v>21</v>
      </c>
      <c r="AB21112">
        <v>22</v>
      </c>
      <c r="AC21112">
        <v>23</v>
      </c>
      <c r="AD21112">
        <v>23</v>
      </c>
      <c r="AE21112">
        <v>24</v>
      </c>
      <c r="AF21112">
        <v>24</v>
      </c>
      <c r="AG21112">
        <v>24</v>
      </c>
      <c r="AH21112">
        <v>25</v>
      </c>
      <c r="AI21112">
        <v>25</v>
      </c>
      <c r="AJ21112">
        <v>26</v>
      </c>
      <c r="AK21112">
        <v>26</v>
      </c>
      <c r="AL21112">
        <v>26</v>
      </c>
      <c r="AM21112">
        <v>27</v>
      </c>
      <c r="AN21112">
        <v>27</v>
      </c>
      <c r="AO21112">
        <v>27</v>
      </c>
      <c r="AP21112">
        <v>28</v>
      </c>
      <c r="AQ21112">
        <v>28</v>
      </c>
    </row>
    <row r="21113" spans="1:43">
      <c r="A21113" t="s">
        <v>13081</v>
      </c>
      <c r="B21113" t="s">
        <v>13082</v>
      </c>
      <c r="C21113" t="s">
        <v>13079</v>
      </c>
      <c r="D21113" t="s">
        <v>13080</v>
      </c>
      <c r="E21113" t="s">
        <v>13063</v>
      </c>
      <c r="F21113" t="s">
        <v>13064</v>
      </c>
      <c r="G21113" t="s">
        <v>10214</v>
      </c>
      <c r="H21113" t="s">
        <v>10215</v>
      </c>
      <c r="I21113" s="2">
        <v>1</v>
      </c>
      <c r="J21113" s="2">
        <v>0</v>
      </c>
      <c r="K21113" s="2">
        <v>0</v>
      </c>
      <c r="L21113" t="s">
        <v>120</v>
      </c>
      <c r="M21113" t="s">
        <v>83</v>
      </c>
      <c r="N21113" t="s">
        <v>91</v>
      </c>
      <c r="O21113" t="s">
        <v>85</v>
      </c>
      <c r="P21113" t="s">
        <v>86</v>
      </c>
      <c r="Q21113">
        <v>16</v>
      </c>
      <c r="R21113">
        <v>16</v>
      </c>
      <c r="S21113">
        <v>16</v>
      </c>
      <c r="T21113">
        <v>17</v>
      </c>
      <c r="U21113">
        <v>17</v>
      </c>
      <c r="V21113">
        <v>18</v>
      </c>
      <c r="W21113">
        <v>18</v>
      </c>
      <c r="X21113">
        <v>19</v>
      </c>
      <c r="Y21113">
        <v>19</v>
      </c>
      <c r="Z21113">
        <v>20</v>
      </c>
      <c r="AA21113">
        <v>20</v>
      </c>
      <c r="AB21113">
        <v>21</v>
      </c>
      <c r="AC21113">
        <v>21</v>
      </c>
      <c r="AD21113">
        <v>22</v>
      </c>
      <c r="AE21113">
        <v>22</v>
      </c>
      <c r="AF21113">
        <v>23</v>
      </c>
      <c r="AG21113">
        <v>23</v>
      </c>
      <c r="AH21113">
        <v>24</v>
      </c>
      <c r="AI21113">
        <v>24</v>
      </c>
      <c r="AJ21113">
        <v>25</v>
      </c>
      <c r="AK21113">
        <v>26</v>
      </c>
      <c r="AL21113">
        <v>26</v>
      </c>
      <c r="AM21113">
        <v>26</v>
      </c>
      <c r="AN21113">
        <v>27</v>
      </c>
      <c r="AO21113">
        <v>27</v>
      </c>
      <c r="AP21113">
        <v>27</v>
      </c>
      <c r="AQ21113">
        <v>28</v>
      </c>
    </row>
    <row r="21114" spans="1:43">
      <c r="A21114" t="s">
        <v>13083</v>
      </c>
      <c r="B21114" t="s">
        <v>13084</v>
      </c>
      <c r="C21114" t="s">
        <v>13085</v>
      </c>
      <c r="D21114" t="s">
        <v>13086</v>
      </c>
      <c r="E21114" t="s">
        <v>13063</v>
      </c>
      <c r="F21114" t="s">
        <v>13064</v>
      </c>
      <c r="G21114" t="s">
        <v>10214</v>
      </c>
      <c r="H21114" t="s">
        <v>10215</v>
      </c>
      <c r="I21114" s="2">
        <v>1</v>
      </c>
      <c r="J21114" s="2">
        <v>0</v>
      </c>
      <c r="K21114" s="2">
        <v>0</v>
      </c>
      <c r="L21114" t="s">
        <v>120</v>
      </c>
      <c r="M21114" t="s">
        <v>83</v>
      </c>
      <c r="N21114" t="s">
        <v>84</v>
      </c>
      <c r="O21114" t="s">
        <v>85</v>
      </c>
      <c r="P21114" t="s">
        <v>86</v>
      </c>
      <c r="Q21114">
        <v>55</v>
      </c>
      <c r="R21114">
        <v>57</v>
      </c>
      <c r="S21114">
        <v>58</v>
      </c>
      <c r="T21114">
        <v>60</v>
      </c>
      <c r="U21114">
        <v>61</v>
      </c>
      <c r="V21114">
        <v>63</v>
      </c>
      <c r="W21114">
        <v>65</v>
      </c>
      <c r="X21114">
        <v>66</v>
      </c>
      <c r="Y21114">
        <v>68</v>
      </c>
      <c r="Z21114">
        <v>70</v>
      </c>
      <c r="AA21114">
        <v>71</v>
      </c>
      <c r="AB21114">
        <v>73</v>
      </c>
      <c r="AC21114">
        <v>75</v>
      </c>
      <c r="AD21114">
        <v>77</v>
      </c>
      <c r="AE21114">
        <v>79</v>
      </c>
      <c r="AF21114">
        <v>81</v>
      </c>
      <c r="AG21114">
        <v>82</v>
      </c>
      <c r="AH21114">
        <v>84</v>
      </c>
      <c r="AI21114">
        <v>86</v>
      </c>
      <c r="AJ21114">
        <v>89</v>
      </c>
      <c r="AK21114">
        <v>91</v>
      </c>
      <c r="AL21114">
        <v>92</v>
      </c>
      <c r="AM21114">
        <v>93</v>
      </c>
      <c r="AN21114">
        <v>95</v>
      </c>
      <c r="AO21114">
        <v>96</v>
      </c>
      <c r="AP21114">
        <v>97</v>
      </c>
      <c r="AQ21114">
        <v>99</v>
      </c>
    </row>
    <row r="21115" spans="1:43">
      <c r="A21115" t="s">
        <v>13083</v>
      </c>
      <c r="B21115" t="s">
        <v>13084</v>
      </c>
      <c r="C21115" t="s">
        <v>13085</v>
      </c>
      <c r="D21115" t="s">
        <v>13086</v>
      </c>
      <c r="E21115" t="s">
        <v>13063</v>
      </c>
      <c r="F21115" t="s">
        <v>13064</v>
      </c>
      <c r="G21115" t="s">
        <v>10214</v>
      </c>
      <c r="H21115" t="s">
        <v>10215</v>
      </c>
      <c r="I21115" s="2">
        <v>1</v>
      </c>
      <c r="J21115" s="2">
        <v>0</v>
      </c>
      <c r="K21115" s="2">
        <v>0</v>
      </c>
      <c r="L21115" t="s">
        <v>120</v>
      </c>
      <c r="M21115" t="s">
        <v>87</v>
      </c>
      <c r="N21115" t="s">
        <v>88</v>
      </c>
      <c r="O21115" t="s">
        <v>85</v>
      </c>
      <c r="P21115" t="s">
        <v>86</v>
      </c>
      <c r="Q21115">
        <v>55</v>
      </c>
      <c r="R21115">
        <v>56</v>
      </c>
      <c r="S21115">
        <v>57</v>
      </c>
      <c r="T21115">
        <v>58</v>
      </c>
      <c r="U21115">
        <v>59</v>
      </c>
      <c r="V21115">
        <v>60</v>
      </c>
      <c r="W21115">
        <v>61</v>
      </c>
      <c r="X21115">
        <v>62</v>
      </c>
      <c r="Y21115">
        <v>63</v>
      </c>
      <c r="Z21115">
        <v>64</v>
      </c>
      <c r="AA21115">
        <v>65</v>
      </c>
      <c r="AB21115">
        <v>66</v>
      </c>
      <c r="AC21115">
        <v>67</v>
      </c>
      <c r="AD21115">
        <v>68</v>
      </c>
      <c r="AE21115">
        <v>70</v>
      </c>
      <c r="AF21115">
        <v>71</v>
      </c>
      <c r="AG21115">
        <v>72</v>
      </c>
      <c r="AH21115">
        <v>73</v>
      </c>
      <c r="AI21115">
        <v>74</v>
      </c>
      <c r="AJ21115">
        <v>76</v>
      </c>
      <c r="AK21115">
        <v>77</v>
      </c>
      <c r="AL21115">
        <v>78</v>
      </c>
      <c r="AM21115">
        <v>80</v>
      </c>
      <c r="AN21115">
        <v>81</v>
      </c>
      <c r="AO21115">
        <v>82</v>
      </c>
      <c r="AP21115">
        <v>84</v>
      </c>
      <c r="AQ21115">
        <v>85</v>
      </c>
    </row>
    <row r="21116" spans="1:43">
      <c r="A21116" t="s">
        <v>13083</v>
      </c>
      <c r="B21116" t="s">
        <v>13084</v>
      </c>
      <c r="C21116" t="s">
        <v>13085</v>
      </c>
      <c r="D21116" t="s">
        <v>13086</v>
      </c>
      <c r="E21116" t="s">
        <v>13063</v>
      </c>
      <c r="F21116" t="s">
        <v>13064</v>
      </c>
      <c r="G21116" t="s">
        <v>10214</v>
      </c>
      <c r="H21116" t="s">
        <v>10215</v>
      </c>
      <c r="I21116" s="2">
        <v>1</v>
      </c>
      <c r="J21116" s="2">
        <v>0</v>
      </c>
      <c r="K21116" s="2">
        <v>0</v>
      </c>
      <c r="L21116" t="s">
        <v>120</v>
      </c>
      <c r="M21116" t="s">
        <v>89</v>
      </c>
      <c r="N21116" t="s">
        <v>90</v>
      </c>
      <c r="O21116" t="s">
        <v>85</v>
      </c>
      <c r="P21116" t="s">
        <v>86</v>
      </c>
      <c r="Q21116">
        <v>55</v>
      </c>
      <c r="R21116">
        <v>57</v>
      </c>
      <c r="S21116">
        <v>59</v>
      </c>
      <c r="T21116">
        <v>61</v>
      </c>
      <c r="U21116">
        <v>63</v>
      </c>
      <c r="V21116">
        <v>65</v>
      </c>
      <c r="W21116">
        <v>67</v>
      </c>
      <c r="X21116">
        <v>69</v>
      </c>
      <c r="Y21116">
        <v>71</v>
      </c>
      <c r="Z21116">
        <v>73</v>
      </c>
      <c r="AA21116">
        <v>75</v>
      </c>
      <c r="AB21116">
        <v>77</v>
      </c>
      <c r="AC21116">
        <v>79</v>
      </c>
      <c r="AD21116">
        <v>82</v>
      </c>
      <c r="AE21116">
        <v>84</v>
      </c>
      <c r="AF21116">
        <v>85</v>
      </c>
      <c r="AG21116">
        <v>86</v>
      </c>
      <c r="AH21116">
        <v>87</v>
      </c>
      <c r="AI21116">
        <v>88</v>
      </c>
      <c r="AJ21116">
        <v>90</v>
      </c>
      <c r="AK21116">
        <v>91</v>
      </c>
      <c r="AL21116">
        <v>92</v>
      </c>
      <c r="AM21116">
        <v>93</v>
      </c>
      <c r="AN21116">
        <v>95</v>
      </c>
      <c r="AO21116">
        <v>96</v>
      </c>
      <c r="AP21116">
        <v>97</v>
      </c>
      <c r="AQ21116">
        <v>98</v>
      </c>
    </row>
    <row r="21117" spans="1:43">
      <c r="A21117" t="s">
        <v>13083</v>
      </c>
      <c r="B21117" t="s">
        <v>13084</v>
      </c>
      <c r="C21117" t="s">
        <v>13085</v>
      </c>
      <c r="D21117" t="s">
        <v>13086</v>
      </c>
      <c r="E21117" t="s">
        <v>13063</v>
      </c>
      <c r="F21117" t="s">
        <v>13064</v>
      </c>
      <c r="G21117" t="s">
        <v>10214</v>
      </c>
      <c r="H21117" t="s">
        <v>10215</v>
      </c>
      <c r="I21117" s="2">
        <v>1</v>
      </c>
      <c r="J21117" s="2">
        <v>0</v>
      </c>
      <c r="K21117" s="2">
        <v>0</v>
      </c>
      <c r="L21117" t="s">
        <v>120</v>
      </c>
      <c r="M21117" t="s">
        <v>83</v>
      </c>
      <c r="N21117" t="s">
        <v>91</v>
      </c>
      <c r="O21117" t="s">
        <v>85</v>
      </c>
      <c r="P21117" t="s">
        <v>86</v>
      </c>
      <c r="Q21117">
        <v>55</v>
      </c>
      <c r="R21117">
        <v>57</v>
      </c>
      <c r="S21117">
        <v>58</v>
      </c>
      <c r="T21117">
        <v>60</v>
      </c>
      <c r="U21117">
        <v>61</v>
      </c>
      <c r="V21117">
        <v>63</v>
      </c>
      <c r="W21117">
        <v>65</v>
      </c>
      <c r="X21117">
        <v>66</v>
      </c>
      <c r="Y21117">
        <v>68</v>
      </c>
      <c r="Z21117">
        <v>70</v>
      </c>
      <c r="AA21117">
        <v>71</v>
      </c>
      <c r="AB21117">
        <v>73</v>
      </c>
      <c r="AC21117">
        <v>75</v>
      </c>
      <c r="AD21117">
        <v>77</v>
      </c>
      <c r="AE21117">
        <v>79</v>
      </c>
      <c r="AF21117">
        <v>81</v>
      </c>
      <c r="AG21117">
        <v>82</v>
      </c>
      <c r="AH21117">
        <v>84</v>
      </c>
      <c r="AI21117">
        <v>86</v>
      </c>
      <c r="AJ21117">
        <v>89</v>
      </c>
      <c r="AK21117">
        <v>91</v>
      </c>
      <c r="AL21117">
        <v>92</v>
      </c>
      <c r="AM21117">
        <v>93</v>
      </c>
      <c r="AN21117">
        <v>95</v>
      </c>
      <c r="AO21117">
        <v>96</v>
      </c>
      <c r="AP21117">
        <v>97</v>
      </c>
      <c r="AQ21117">
        <v>99</v>
      </c>
    </row>
    <row r="21118" spans="1:43">
      <c r="A21118" t="s">
        <v>13087</v>
      </c>
      <c r="B21118" t="s">
        <v>13088</v>
      </c>
      <c r="C21118" t="s">
        <v>13085</v>
      </c>
      <c r="D21118" t="s">
        <v>13086</v>
      </c>
      <c r="E21118" t="s">
        <v>13063</v>
      </c>
      <c r="F21118" t="s">
        <v>13064</v>
      </c>
      <c r="G21118" t="s">
        <v>10214</v>
      </c>
      <c r="H21118" t="s">
        <v>10215</v>
      </c>
      <c r="I21118" s="2">
        <v>1</v>
      </c>
      <c r="J21118" s="2">
        <v>0</v>
      </c>
      <c r="K21118" s="2">
        <v>0</v>
      </c>
      <c r="L21118" t="s">
        <v>120</v>
      </c>
      <c r="M21118" t="s">
        <v>83</v>
      </c>
      <c r="N21118" t="s">
        <v>84</v>
      </c>
      <c r="O21118" t="s">
        <v>85</v>
      </c>
      <c r="P21118" t="s">
        <v>86</v>
      </c>
      <c r="Q21118">
        <v>20</v>
      </c>
      <c r="R21118">
        <v>21</v>
      </c>
      <c r="S21118">
        <v>22</v>
      </c>
      <c r="T21118">
        <v>22</v>
      </c>
      <c r="U21118">
        <v>23</v>
      </c>
      <c r="V21118">
        <v>23</v>
      </c>
      <c r="W21118">
        <v>24</v>
      </c>
      <c r="X21118">
        <v>24</v>
      </c>
      <c r="Y21118">
        <v>25</v>
      </c>
      <c r="Z21118">
        <v>26</v>
      </c>
      <c r="AA21118">
        <v>26</v>
      </c>
      <c r="AB21118">
        <v>27</v>
      </c>
      <c r="AC21118">
        <v>28</v>
      </c>
      <c r="AD21118">
        <v>28</v>
      </c>
      <c r="AE21118">
        <v>29</v>
      </c>
      <c r="AF21118">
        <v>30</v>
      </c>
      <c r="AG21118">
        <v>30</v>
      </c>
      <c r="AH21118">
        <v>31</v>
      </c>
      <c r="AI21118">
        <v>32</v>
      </c>
      <c r="AJ21118">
        <v>33</v>
      </c>
      <c r="AK21118">
        <v>33</v>
      </c>
      <c r="AL21118">
        <v>34</v>
      </c>
      <c r="AM21118">
        <v>34</v>
      </c>
      <c r="AN21118">
        <v>35</v>
      </c>
      <c r="AO21118">
        <v>35</v>
      </c>
      <c r="AP21118">
        <v>36</v>
      </c>
      <c r="AQ21118">
        <v>36</v>
      </c>
    </row>
    <row r="21119" spans="1:43">
      <c r="A21119" t="s">
        <v>13087</v>
      </c>
      <c r="B21119" t="s">
        <v>13088</v>
      </c>
      <c r="C21119" t="s">
        <v>13085</v>
      </c>
      <c r="D21119" t="s">
        <v>13086</v>
      </c>
      <c r="E21119" t="s">
        <v>13063</v>
      </c>
      <c r="F21119" t="s">
        <v>13064</v>
      </c>
      <c r="G21119" t="s">
        <v>10214</v>
      </c>
      <c r="H21119" t="s">
        <v>10215</v>
      </c>
      <c r="I21119" s="2">
        <v>1</v>
      </c>
      <c r="J21119" s="2">
        <v>0</v>
      </c>
      <c r="K21119" s="2">
        <v>0</v>
      </c>
      <c r="L21119" t="s">
        <v>120</v>
      </c>
      <c r="M21119" t="s">
        <v>87</v>
      </c>
      <c r="N21119" t="s">
        <v>88</v>
      </c>
      <c r="O21119" t="s">
        <v>85</v>
      </c>
      <c r="P21119" t="s">
        <v>86</v>
      </c>
      <c r="Q21119">
        <v>20</v>
      </c>
      <c r="R21119">
        <v>21</v>
      </c>
      <c r="S21119">
        <v>21</v>
      </c>
      <c r="T21119">
        <v>21</v>
      </c>
      <c r="U21119">
        <v>22</v>
      </c>
      <c r="V21119">
        <v>22</v>
      </c>
      <c r="W21119">
        <v>22</v>
      </c>
      <c r="X21119">
        <v>23</v>
      </c>
      <c r="Y21119">
        <v>23</v>
      </c>
      <c r="Z21119">
        <v>24</v>
      </c>
      <c r="AA21119">
        <v>24</v>
      </c>
      <c r="AB21119">
        <v>24</v>
      </c>
      <c r="AC21119">
        <v>25</v>
      </c>
      <c r="AD21119">
        <v>25</v>
      </c>
      <c r="AE21119">
        <v>26</v>
      </c>
      <c r="AF21119">
        <v>26</v>
      </c>
      <c r="AG21119">
        <v>27</v>
      </c>
      <c r="AH21119">
        <v>27</v>
      </c>
      <c r="AI21119">
        <v>27</v>
      </c>
      <c r="AJ21119">
        <v>28</v>
      </c>
      <c r="AK21119">
        <v>28</v>
      </c>
      <c r="AL21119">
        <v>29</v>
      </c>
      <c r="AM21119">
        <v>29</v>
      </c>
      <c r="AN21119">
        <v>30</v>
      </c>
      <c r="AO21119">
        <v>30</v>
      </c>
      <c r="AP21119">
        <v>31</v>
      </c>
      <c r="AQ21119">
        <v>31</v>
      </c>
    </row>
    <row r="21120" spans="1:43">
      <c r="A21120" t="s">
        <v>13087</v>
      </c>
      <c r="B21120" t="s">
        <v>13088</v>
      </c>
      <c r="C21120" t="s">
        <v>13085</v>
      </c>
      <c r="D21120" t="s">
        <v>13086</v>
      </c>
      <c r="E21120" t="s">
        <v>13063</v>
      </c>
      <c r="F21120" t="s">
        <v>13064</v>
      </c>
      <c r="G21120" t="s">
        <v>10214</v>
      </c>
      <c r="H21120" t="s">
        <v>10215</v>
      </c>
      <c r="I21120" s="2">
        <v>1</v>
      </c>
      <c r="J21120" s="2">
        <v>0</v>
      </c>
      <c r="K21120" s="2">
        <v>0</v>
      </c>
      <c r="L21120" t="s">
        <v>120</v>
      </c>
      <c r="M21120" t="s">
        <v>89</v>
      </c>
      <c r="N21120" t="s">
        <v>90</v>
      </c>
      <c r="O21120" t="s">
        <v>85</v>
      </c>
      <c r="P21120" t="s">
        <v>86</v>
      </c>
      <c r="Q21120">
        <v>20</v>
      </c>
      <c r="R21120">
        <v>20</v>
      </c>
      <c r="S21120">
        <v>21</v>
      </c>
      <c r="T21120">
        <v>22</v>
      </c>
      <c r="U21120">
        <v>23</v>
      </c>
      <c r="V21120">
        <v>23</v>
      </c>
      <c r="W21120">
        <v>24</v>
      </c>
      <c r="X21120">
        <v>25</v>
      </c>
      <c r="Y21120">
        <v>26</v>
      </c>
      <c r="Z21120">
        <v>26</v>
      </c>
      <c r="AA21120">
        <v>27</v>
      </c>
      <c r="AB21120">
        <v>28</v>
      </c>
      <c r="AC21120">
        <v>29</v>
      </c>
      <c r="AD21120">
        <v>30</v>
      </c>
      <c r="AE21120">
        <v>30</v>
      </c>
      <c r="AF21120">
        <v>31</v>
      </c>
      <c r="AG21120">
        <v>31</v>
      </c>
      <c r="AH21120">
        <v>31</v>
      </c>
      <c r="AI21120">
        <v>32</v>
      </c>
      <c r="AJ21120">
        <v>32</v>
      </c>
      <c r="AK21120">
        <v>33</v>
      </c>
      <c r="AL21120">
        <v>33</v>
      </c>
      <c r="AM21120">
        <v>34</v>
      </c>
      <c r="AN21120">
        <v>34</v>
      </c>
      <c r="AO21120">
        <v>35</v>
      </c>
      <c r="AP21120">
        <v>35</v>
      </c>
      <c r="AQ21120">
        <v>36</v>
      </c>
    </row>
    <row r="21121" spans="1:43">
      <c r="A21121" t="s">
        <v>13087</v>
      </c>
      <c r="B21121" t="s">
        <v>13088</v>
      </c>
      <c r="C21121" t="s">
        <v>13085</v>
      </c>
      <c r="D21121" t="s">
        <v>13086</v>
      </c>
      <c r="E21121" t="s">
        <v>13063</v>
      </c>
      <c r="F21121" t="s">
        <v>13064</v>
      </c>
      <c r="G21121" t="s">
        <v>10214</v>
      </c>
      <c r="H21121" t="s">
        <v>10215</v>
      </c>
      <c r="I21121" s="2">
        <v>1</v>
      </c>
      <c r="J21121" s="2">
        <v>0</v>
      </c>
      <c r="K21121" s="2">
        <v>0</v>
      </c>
      <c r="L21121" t="s">
        <v>120</v>
      </c>
      <c r="M21121" t="s">
        <v>83</v>
      </c>
      <c r="N21121" t="s">
        <v>91</v>
      </c>
      <c r="O21121" t="s">
        <v>85</v>
      </c>
      <c r="P21121" t="s">
        <v>86</v>
      </c>
      <c r="Q21121">
        <v>20</v>
      </c>
      <c r="R21121">
        <v>21</v>
      </c>
      <c r="S21121">
        <v>22</v>
      </c>
      <c r="T21121">
        <v>22</v>
      </c>
      <c r="U21121">
        <v>23</v>
      </c>
      <c r="V21121">
        <v>23</v>
      </c>
      <c r="W21121">
        <v>24</v>
      </c>
      <c r="X21121">
        <v>24</v>
      </c>
      <c r="Y21121">
        <v>25</v>
      </c>
      <c r="Z21121">
        <v>26</v>
      </c>
      <c r="AA21121">
        <v>26</v>
      </c>
      <c r="AB21121">
        <v>27</v>
      </c>
      <c r="AC21121">
        <v>28</v>
      </c>
      <c r="AD21121">
        <v>28</v>
      </c>
      <c r="AE21121">
        <v>29</v>
      </c>
      <c r="AF21121">
        <v>30</v>
      </c>
      <c r="AG21121">
        <v>30</v>
      </c>
      <c r="AH21121">
        <v>31</v>
      </c>
      <c r="AI21121">
        <v>32</v>
      </c>
      <c r="AJ21121">
        <v>33</v>
      </c>
      <c r="AK21121">
        <v>33</v>
      </c>
      <c r="AL21121">
        <v>34</v>
      </c>
      <c r="AM21121">
        <v>34</v>
      </c>
      <c r="AN21121">
        <v>35</v>
      </c>
      <c r="AO21121">
        <v>35</v>
      </c>
      <c r="AP21121">
        <v>36</v>
      </c>
      <c r="AQ21121">
        <v>36</v>
      </c>
    </row>
    <row r="21122" spans="1:43">
      <c r="A21122" t="s">
        <v>13089</v>
      </c>
      <c r="B21122" t="s">
        <v>13090</v>
      </c>
      <c r="C21122" t="s">
        <v>13085</v>
      </c>
      <c r="D21122" t="s">
        <v>13086</v>
      </c>
      <c r="E21122" t="s">
        <v>13063</v>
      </c>
      <c r="F21122" t="s">
        <v>13064</v>
      </c>
      <c r="G21122" t="s">
        <v>10214</v>
      </c>
      <c r="H21122" t="s">
        <v>10215</v>
      </c>
      <c r="I21122" s="2">
        <v>1</v>
      </c>
      <c r="J21122" s="2">
        <v>0</v>
      </c>
      <c r="K21122" s="2">
        <v>0</v>
      </c>
      <c r="L21122" t="s">
        <v>120</v>
      </c>
      <c r="M21122" t="s">
        <v>83</v>
      </c>
      <c r="N21122" t="s">
        <v>84</v>
      </c>
      <c r="O21122" t="s">
        <v>85</v>
      </c>
      <c r="P21122" t="s">
        <v>86</v>
      </c>
      <c r="Q21122">
        <v>22</v>
      </c>
      <c r="R21122">
        <v>22</v>
      </c>
      <c r="S21122">
        <v>23</v>
      </c>
      <c r="T21122">
        <v>24</v>
      </c>
      <c r="U21122">
        <v>24</v>
      </c>
      <c r="V21122">
        <v>25</v>
      </c>
      <c r="W21122">
        <v>26</v>
      </c>
      <c r="X21122">
        <v>26</v>
      </c>
      <c r="Y21122">
        <v>27</v>
      </c>
      <c r="Z21122">
        <v>28</v>
      </c>
      <c r="AA21122">
        <v>28</v>
      </c>
      <c r="AB21122">
        <v>29</v>
      </c>
      <c r="AC21122">
        <v>30</v>
      </c>
      <c r="AD21122">
        <v>30</v>
      </c>
      <c r="AE21122">
        <v>31</v>
      </c>
      <c r="AF21122">
        <v>32</v>
      </c>
      <c r="AG21122">
        <v>33</v>
      </c>
      <c r="AH21122">
        <v>33</v>
      </c>
      <c r="AI21122">
        <v>34</v>
      </c>
      <c r="AJ21122">
        <v>35</v>
      </c>
      <c r="AK21122">
        <v>36</v>
      </c>
      <c r="AL21122">
        <v>36</v>
      </c>
      <c r="AM21122">
        <v>37</v>
      </c>
      <c r="AN21122">
        <v>37</v>
      </c>
      <c r="AO21122">
        <v>38</v>
      </c>
      <c r="AP21122">
        <v>38</v>
      </c>
      <c r="AQ21122">
        <v>39</v>
      </c>
    </row>
    <row r="21123" spans="1:43">
      <c r="A21123" t="s">
        <v>13089</v>
      </c>
      <c r="B21123" t="s">
        <v>13090</v>
      </c>
      <c r="C21123" t="s">
        <v>13085</v>
      </c>
      <c r="D21123" t="s">
        <v>13086</v>
      </c>
      <c r="E21123" t="s">
        <v>13063</v>
      </c>
      <c r="F21123" t="s">
        <v>13064</v>
      </c>
      <c r="G21123" t="s">
        <v>10214</v>
      </c>
      <c r="H21123" t="s">
        <v>10215</v>
      </c>
      <c r="I21123" s="2">
        <v>1</v>
      </c>
      <c r="J21123" s="2">
        <v>0</v>
      </c>
      <c r="K21123" s="2">
        <v>0</v>
      </c>
      <c r="L21123" t="s">
        <v>120</v>
      </c>
      <c r="M21123" t="s">
        <v>87</v>
      </c>
      <c r="N21123" t="s">
        <v>88</v>
      </c>
      <c r="O21123" t="s">
        <v>85</v>
      </c>
      <c r="P21123" t="s">
        <v>86</v>
      </c>
      <c r="Q21123">
        <v>22</v>
      </c>
      <c r="R21123">
        <v>22</v>
      </c>
      <c r="S21123">
        <v>22</v>
      </c>
      <c r="T21123">
        <v>23</v>
      </c>
      <c r="U21123">
        <v>23</v>
      </c>
      <c r="V21123">
        <v>24</v>
      </c>
      <c r="W21123">
        <v>24</v>
      </c>
      <c r="X21123">
        <v>24</v>
      </c>
      <c r="Y21123">
        <v>25</v>
      </c>
      <c r="Z21123">
        <v>25</v>
      </c>
      <c r="AA21123">
        <v>26</v>
      </c>
      <c r="AB21123">
        <v>26</v>
      </c>
      <c r="AC21123">
        <v>27</v>
      </c>
      <c r="AD21123">
        <v>27</v>
      </c>
      <c r="AE21123">
        <v>28</v>
      </c>
      <c r="AF21123">
        <v>28</v>
      </c>
      <c r="AG21123">
        <v>28</v>
      </c>
      <c r="AH21123">
        <v>29</v>
      </c>
      <c r="AI21123">
        <v>29</v>
      </c>
      <c r="AJ21123">
        <v>30</v>
      </c>
      <c r="AK21123">
        <v>30</v>
      </c>
      <c r="AL21123">
        <v>31</v>
      </c>
      <c r="AM21123">
        <v>31</v>
      </c>
      <c r="AN21123">
        <v>32</v>
      </c>
      <c r="AO21123">
        <v>33</v>
      </c>
      <c r="AP21123">
        <v>33</v>
      </c>
      <c r="AQ21123">
        <v>34</v>
      </c>
    </row>
    <row r="21124" spans="1:43">
      <c r="A21124" t="s">
        <v>13089</v>
      </c>
      <c r="B21124" t="s">
        <v>13090</v>
      </c>
      <c r="C21124" t="s">
        <v>13085</v>
      </c>
      <c r="D21124" t="s">
        <v>13086</v>
      </c>
      <c r="E21124" t="s">
        <v>13063</v>
      </c>
      <c r="F21124" t="s">
        <v>13064</v>
      </c>
      <c r="G21124" t="s">
        <v>10214</v>
      </c>
      <c r="H21124" t="s">
        <v>10215</v>
      </c>
      <c r="I21124" s="2">
        <v>1</v>
      </c>
      <c r="J21124" s="2">
        <v>0</v>
      </c>
      <c r="K21124" s="2">
        <v>0</v>
      </c>
      <c r="L21124" t="s">
        <v>120</v>
      </c>
      <c r="M21124" t="s">
        <v>89</v>
      </c>
      <c r="N21124" t="s">
        <v>90</v>
      </c>
      <c r="O21124" t="s">
        <v>85</v>
      </c>
      <c r="P21124" t="s">
        <v>86</v>
      </c>
      <c r="Q21124">
        <v>22</v>
      </c>
      <c r="R21124">
        <v>23</v>
      </c>
      <c r="S21124">
        <v>24</v>
      </c>
      <c r="T21124">
        <v>24</v>
      </c>
      <c r="U21124">
        <v>25</v>
      </c>
      <c r="V21124">
        <v>26</v>
      </c>
      <c r="W21124">
        <v>27</v>
      </c>
      <c r="X21124">
        <v>28</v>
      </c>
      <c r="Y21124">
        <v>28</v>
      </c>
      <c r="Z21124">
        <v>29</v>
      </c>
      <c r="AA21124">
        <v>30</v>
      </c>
      <c r="AB21124">
        <v>31</v>
      </c>
      <c r="AC21124">
        <v>32</v>
      </c>
      <c r="AD21124">
        <v>33</v>
      </c>
      <c r="AE21124">
        <v>33</v>
      </c>
      <c r="AF21124">
        <v>34</v>
      </c>
      <c r="AG21124">
        <v>34</v>
      </c>
      <c r="AH21124">
        <v>35</v>
      </c>
      <c r="AI21124">
        <v>35</v>
      </c>
      <c r="AJ21124">
        <v>36</v>
      </c>
      <c r="AK21124">
        <v>36</v>
      </c>
      <c r="AL21124">
        <v>37</v>
      </c>
      <c r="AM21124">
        <v>37</v>
      </c>
      <c r="AN21124">
        <v>38</v>
      </c>
      <c r="AO21124">
        <v>38</v>
      </c>
      <c r="AP21124">
        <v>39</v>
      </c>
      <c r="AQ21124">
        <v>39</v>
      </c>
    </row>
    <row r="21125" spans="1:43">
      <c r="A21125" t="s">
        <v>13089</v>
      </c>
      <c r="B21125" t="s">
        <v>13090</v>
      </c>
      <c r="C21125" t="s">
        <v>13085</v>
      </c>
      <c r="D21125" t="s">
        <v>13086</v>
      </c>
      <c r="E21125" t="s">
        <v>13063</v>
      </c>
      <c r="F21125" t="s">
        <v>13064</v>
      </c>
      <c r="G21125" t="s">
        <v>10214</v>
      </c>
      <c r="H21125" t="s">
        <v>10215</v>
      </c>
      <c r="I21125" s="2">
        <v>1</v>
      </c>
      <c r="J21125" s="2">
        <v>0</v>
      </c>
      <c r="K21125" s="2">
        <v>0</v>
      </c>
      <c r="L21125" t="s">
        <v>120</v>
      </c>
      <c r="M21125" t="s">
        <v>83</v>
      </c>
      <c r="N21125" t="s">
        <v>91</v>
      </c>
      <c r="O21125" t="s">
        <v>85</v>
      </c>
      <c r="P21125" t="s">
        <v>86</v>
      </c>
      <c r="Q21125">
        <v>22</v>
      </c>
      <c r="R21125">
        <v>22</v>
      </c>
      <c r="S21125">
        <v>23</v>
      </c>
      <c r="T21125">
        <v>24</v>
      </c>
      <c r="U21125">
        <v>24</v>
      </c>
      <c r="V21125">
        <v>25</v>
      </c>
      <c r="W21125">
        <v>26</v>
      </c>
      <c r="X21125">
        <v>26</v>
      </c>
      <c r="Y21125">
        <v>27</v>
      </c>
      <c r="Z21125">
        <v>28</v>
      </c>
      <c r="AA21125">
        <v>28</v>
      </c>
      <c r="AB21125">
        <v>29</v>
      </c>
      <c r="AC21125">
        <v>30</v>
      </c>
      <c r="AD21125">
        <v>30</v>
      </c>
      <c r="AE21125">
        <v>31</v>
      </c>
      <c r="AF21125">
        <v>32</v>
      </c>
      <c r="AG21125">
        <v>33</v>
      </c>
      <c r="AH21125">
        <v>33</v>
      </c>
      <c r="AI21125">
        <v>34</v>
      </c>
      <c r="AJ21125">
        <v>35</v>
      </c>
      <c r="AK21125">
        <v>36</v>
      </c>
      <c r="AL21125">
        <v>36</v>
      </c>
      <c r="AM21125">
        <v>37</v>
      </c>
      <c r="AN21125">
        <v>37</v>
      </c>
      <c r="AO21125">
        <v>38</v>
      </c>
      <c r="AP21125">
        <v>38</v>
      </c>
      <c r="AQ21125">
        <v>39</v>
      </c>
    </row>
    <row r="21126" spans="1:43">
      <c r="A21126" t="s">
        <v>13091</v>
      </c>
      <c r="B21126" t="s">
        <v>13092</v>
      </c>
      <c r="C21126" t="s">
        <v>13079</v>
      </c>
      <c r="D21126" t="s">
        <v>13080</v>
      </c>
      <c r="E21126" t="s">
        <v>13063</v>
      </c>
      <c r="F21126" t="s">
        <v>13064</v>
      </c>
      <c r="G21126" t="s">
        <v>10214</v>
      </c>
      <c r="H21126" t="s">
        <v>10215</v>
      </c>
      <c r="I21126" s="2">
        <v>1</v>
      </c>
      <c r="J21126" s="2">
        <v>0</v>
      </c>
      <c r="K21126" s="2">
        <v>0</v>
      </c>
      <c r="L21126" t="s">
        <v>120</v>
      </c>
      <c r="M21126" t="s">
        <v>83</v>
      </c>
      <c r="N21126" t="s">
        <v>84</v>
      </c>
      <c r="O21126" t="s">
        <v>85</v>
      </c>
      <c r="P21126" t="s">
        <v>86</v>
      </c>
      <c r="Q21126">
        <v>81</v>
      </c>
      <c r="R21126">
        <v>83</v>
      </c>
      <c r="S21126">
        <v>85</v>
      </c>
      <c r="T21126">
        <v>88</v>
      </c>
      <c r="U21126">
        <v>90</v>
      </c>
      <c r="V21126">
        <v>92</v>
      </c>
      <c r="W21126">
        <v>95</v>
      </c>
      <c r="X21126">
        <v>97</v>
      </c>
      <c r="Y21126">
        <v>100</v>
      </c>
      <c r="Z21126">
        <v>102</v>
      </c>
      <c r="AA21126">
        <v>105</v>
      </c>
      <c r="AB21126">
        <v>107</v>
      </c>
      <c r="AC21126">
        <v>110</v>
      </c>
      <c r="AD21126">
        <v>113</v>
      </c>
      <c r="AE21126">
        <v>116</v>
      </c>
      <c r="AF21126">
        <v>118</v>
      </c>
      <c r="AG21126">
        <v>121</v>
      </c>
      <c r="AH21126">
        <v>124</v>
      </c>
      <c r="AI21126">
        <v>127</v>
      </c>
      <c r="AJ21126">
        <v>130</v>
      </c>
      <c r="AK21126">
        <v>133</v>
      </c>
      <c r="AL21126">
        <v>135</v>
      </c>
      <c r="AM21126">
        <v>137</v>
      </c>
      <c r="AN21126">
        <v>139</v>
      </c>
      <c r="AO21126">
        <v>141</v>
      </c>
      <c r="AP21126">
        <v>143</v>
      </c>
      <c r="AQ21126">
        <v>145</v>
      </c>
    </row>
    <row r="21127" spans="1:43">
      <c r="A21127" t="s">
        <v>13091</v>
      </c>
      <c r="B21127" t="s">
        <v>13092</v>
      </c>
      <c r="C21127" t="s">
        <v>13079</v>
      </c>
      <c r="D21127" t="s">
        <v>13080</v>
      </c>
      <c r="E21127" t="s">
        <v>13063</v>
      </c>
      <c r="F21127" t="s">
        <v>13064</v>
      </c>
      <c r="G21127" t="s">
        <v>10214</v>
      </c>
      <c r="H21127" t="s">
        <v>10215</v>
      </c>
      <c r="I21127" s="2">
        <v>1</v>
      </c>
      <c r="J21127" s="2">
        <v>0</v>
      </c>
      <c r="K21127" s="2">
        <v>0</v>
      </c>
      <c r="L21127" t="s">
        <v>120</v>
      </c>
      <c r="M21127" t="s">
        <v>87</v>
      </c>
      <c r="N21127" t="s">
        <v>88</v>
      </c>
      <c r="O21127" t="s">
        <v>85</v>
      </c>
      <c r="P21127" t="s">
        <v>86</v>
      </c>
      <c r="Q21127">
        <v>81</v>
      </c>
      <c r="R21127">
        <v>83</v>
      </c>
      <c r="S21127">
        <v>84</v>
      </c>
      <c r="T21127">
        <v>86</v>
      </c>
      <c r="U21127">
        <v>87</v>
      </c>
      <c r="V21127">
        <v>89</v>
      </c>
      <c r="W21127">
        <v>90</v>
      </c>
      <c r="X21127">
        <v>92</v>
      </c>
      <c r="Y21127">
        <v>93</v>
      </c>
      <c r="Z21127">
        <v>95</v>
      </c>
      <c r="AA21127">
        <v>97</v>
      </c>
      <c r="AB21127">
        <v>98</v>
      </c>
      <c r="AC21127">
        <v>100</v>
      </c>
      <c r="AD21127">
        <v>102</v>
      </c>
      <c r="AE21127">
        <v>103</v>
      </c>
      <c r="AF21127">
        <v>105</v>
      </c>
      <c r="AG21127">
        <v>107</v>
      </c>
      <c r="AH21127">
        <v>109</v>
      </c>
      <c r="AI21127">
        <v>111</v>
      </c>
      <c r="AJ21127">
        <v>112</v>
      </c>
      <c r="AK21127">
        <v>114</v>
      </c>
      <c r="AL21127">
        <v>116</v>
      </c>
      <c r="AM21127">
        <v>118</v>
      </c>
      <c r="AN21127">
        <v>120</v>
      </c>
      <c r="AO21127">
        <v>122</v>
      </c>
      <c r="AP21127">
        <v>124</v>
      </c>
      <c r="AQ21127">
        <v>126</v>
      </c>
    </row>
    <row r="21128" spans="1:43">
      <c r="A21128" t="s">
        <v>13091</v>
      </c>
      <c r="B21128" t="s">
        <v>13092</v>
      </c>
      <c r="C21128" t="s">
        <v>13079</v>
      </c>
      <c r="D21128" t="s">
        <v>13080</v>
      </c>
      <c r="E21128" t="s">
        <v>13063</v>
      </c>
      <c r="F21128" t="s">
        <v>13064</v>
      </c>
      <c r="G21128" t="s">
        <v>10214</v>
      </c>
      <c r="H21128" t="s">
        <v>10215</v>
      </c>
      <c r="I21128" s="2">
        <v>1</v>
      </c>
      <c r="J21128" s="2">
        <v>0</v>
      </c>
      <c r="K21128" s="2">
        <v>0</v>
      </c>
      <c r="L21128" t="s">
        <v>120</v>
      </c>
      <c r="M21128" t="s">
        <v>89</v>
      </c>
      <c r="N21128" t="s">
        <v>90</v>
      </c>
      <c r="O21128" t="s">
        <v>85</v>
      </c>
      <c r="P21128" t="s">
        <v>86</v>
      </c>
      <c r="Q21128">
        <v>81</v>
      </c>
      <c r="R21128">
        <v>84</v>
      </c>
      <c r="S21128">
        <v>87</v>
      </c>
      <c r="T21128">
        <v>90</v>
      </c>
      <c r="U21128">
        <v>93</v>
      </c>
      <c r="V21128">
        <v>96</v>
      </c>
      <c r="W21128">
        <v>99</v>
      </c>
      <c r="X21128">
        <v>102</v>
      </c>
      <c r="Y21128">
        <v>105</v>
      </c>
      <c r="Z21128">
        <v>108</v>
      </c>
      <c r="AA21128">
        <v>111</v>
      </c>
      <c r="AB21128">
        <v>114</v>
      </c>
      <c r="AC21128">
        <v>117</v>
      </c>
      <c r="AD21128">
        <v>120</v>
      </c>
      <c r="AE21128">
        <v>123</v>
      </c>
      <c r="AF21128">
        <v>125</v>
      </c>
      <c r="AG21128">
        <v>127</v>
      </c>
      <c r="AH21128">
        <v>129</v>
      </c>
      <c r="AI21128">
        <v>130</v>
      </c>
      <c r="AJ21128">
        <v>132</v>
      </c>
      <c r="AK21128">
        <v>134</v>
      </c>
      <c r="AL21128">
        <v>136</v>
      </c>
      <c r="AM21128">
        <v>138</v>
      </c>
      <c r="AN21128">
        <v>140</v>
      </c>
      <c r="AO21128">
        <v>142</v>
      </c>
      <c r="AP21128">
        <v>143</v>
      </c>
      <c r="AQ21128">
        <v>145</v>
      </c>
    </row>
    <row r="21129" spans="1:43">
      <c r="A21129" t="s">
        <v>13091</v>
      </c>
      <c r="B21129" t="s">
        <v>13092</v>
      </c>
      <c r="C21129" t="s">
        <v>13079</v>
      </c>
      <c r="D21129" t="s">
        <v>13080</v>
      </c>
      <c r="E21129" t="s">
        <v>13063</v>
      </c>
      <c r="F21129" t="s">
        <v>13064</v>
      </c>
      <c r="G21129" t="s">
        <v>10214</v>
      </c>
      <c r="H21129" t="s">
        <v>10215</v>
      </c>
      <c r="I21129" s="2">
        <v>1</v>
      </c>
      <c r="J21129" s="2">
        <v>0</v>
      </c>
      <c r="K21129" s="2">
        <v>0</v>
      </c>
      <c r="L21129" t="s">
        <v>120</v>
      </c>
      <c r="M21129" t="s">
        <v>83</v>
      </c>
      <c r="N21129" t="s">
        <v>91</v>
      </c>
      <c r="O21129" t="s">
        <v>85</v>
      </c>
      <c r="P21129" t="s">
        <v>86</v>
      </c>
      <c r="Q21129">
        <v>81</v>
      </c>
      <c r="R21129">
        <v>83</v>
      </c>
      <c r="S21129">
        <v>85</v>
      </c>
      <c r="T21129">
        <v>88</v>
      </c>
      <c r="U21129">
        <v>90</v>
      </c>
      <c r="V21129">
        <v>92</v>
      </c>
      <c r="W21129">
        <v>95</v>
      </c>
      <c r="X21129">
        <v>97</v>
      </c>
      <c r="Y21129">
        <v>100</v>
      </c>
      <c r="Z21129">
        <v>102</v>
      </c>
      <c r="AA21129">
        <v>105</v>
      </c>
      <c r="AB21129">
        <v>107</v>
      </c>
      <c r="AC21129">
        <v>110</v>
      </c>
      <c r="AD21129">
        <v>113</v>
      </c>
      <c r="AE21129">
        <v>116</v>
      </c>
      <c r="AF21129">
        <v>118</v>
      </c>
      <c r="AG21129">
        <v>121</v>
      </c>
      <c r="AH21129">
        <v>124</v>
      </c>
      <c r="AI21129">
        <v>127</v>
      </c>
      <c r="AJ21129">
        <v>130</v>
      </c>
      <c r="AK21129">
        <v>133</v>
      </c>
      <c r="AL21129">
        <v>135</v>
      </c>
      <c r="AM21129">
        <v>137</v>
      </c>
      <c r="AN21129">
        <v>139</v>
      </c>
      <c r="AO21129">
        <v>141</v>
      </c>
      <c r="AP21129">
        <v>143</v>
      </c>
      <c r="AQ21129">
        <v>145</v>
      </c>
    </row>
    <row r="21130" spans="1:43">
      <c r="A21130" t="s">
        <v>13093</v>
      </c>
      <c r="B21130" t="s">
        <v>13094</v>
      </c>
      <c r="C21130" t="s">
        <v>13095</v>
      </c>
      <c r="D21130" t="s">
        <v>13096</v>
      </c>
      <c r="E21130" t="s">
        <v>13063</v>
      </c>
      <c r="F21130" t="s">
        <v>13064</v>
      </c>
      <c r="G21130" t="s">
        <v>10214</v>
      </c>
      <c r="H21130" t="s">
        <v>10215</v>
      </c>
      <c r="I21130" s="2">
        <v>1</v>
      </c>
      <c r="J21130" s="2">
        <v>0</v>
      </c>
      <c r="K21130" s="2">
        <v>0</v>
      </c>
      <c r="L21130" t="s">
        <v>120</v>
      </c>
      <c r="M21130" t="s">
        <v>83</v>
      </c>
      <c r="N21130" t="s">
        <v>84</v>
      </c>
      <c r="O21130" t="s">
        <v>85</v>
      </c>
      <c r="P21130" t="s">
        <v>86</v>
      </c>
      <c r="Q21130">
        <v>45</v>
      </c>
      <c r="R21130">
        <v>46</v>
      </c>
      <c r="S21130">
        <v>47</v>
      </c>
      <c r="T21130">
        <v>49</v>
      </c>
      <c r="U21130">
        <v>50</v>
      </c>
      <c r="V21130">
        <v>51</v>
      </c>
      <c r="W21130">
        <v>53</v>
      </c>
      <c r="X21130">
        <v>54</v>
      </c>
      <c r="Y21130">
        <v>55</v>
      </c>
      <c r="Z21130">
        <v>57</v>
      </c>
      <c r="AA21130">
        <v>58</v>
      </c>
      <c r="AB21130">
        <v>60</v>
      </c>
      <c r="AC21130">
        <v>61</v>
      </c>
      <c r="AD21130">
        <v>63</v>
      </c>
      <c r="AE21130">
        <v>64</v>
      </c>
      <c r="AF21130">
        <v>66</v>
      </c>
      <c r="AG21130">
        <v>67</v>
      </c>
      <c r="AH21130">
        <v>69</v>
      </c>
      <c r="AI21130">
        <v>70</v>
      </c>
      <c r="AJ21130">
        <v>72</v>
      </c>
      <c r="AK21130">
        <v>74</v>
      </c>
      <c r="AL21130">
        <v>75</v>
      </c>
      <c r="AM21130">
        <v>76</v>
      </c>
      <c r="AN21130">
        <v>77</v>
      </c>
      <c r="AO21130">
        <v>78</v>
      </c>
      <c r="AP21130">
        <v>79</v>
      </c>
      <c r="AQ21130">
        <v>81</v>
      </c>
    </row>
    <row r="21131" spans="1:43">
      <c r="A21131" t="s">
        <v>13093</v>
      </c>
      <c r="B21131" t="s">
        <v>13094</v>
      </c>
      <c r="C21131" t="s">
        <v>13095</v>
      </c>
      <c r="D21131" t="s">
        <v>13096</v>
      </c>
      <c r="E21131" t="s">
        <v>13063</v>
      </c>
      <c r="F21131" t="s">
        <v>13064</v>
      </c>
      <c r="G21131" t="s">
        <v>10214</v>
      </c>
      <c r="H21131" t="s">
        <v>10215</v>
      </c>
      <c r="I21131" s="2">
        <v>1</v>
      </c>
      <c r="J21131" s="2">
        <v>0</v>
      </c>
      <c r="K21131" s="2">
        <v>0</v>
      </c>
      <c r="L21131" t="s">
        <v>120</v>
      </c>
      <c r="M21131" t="s">
        <v>87</v>
      </c>
      <c r="N21131" t="s">
        <v>88</v>
      </c>
      <c r="O21131" t="s">
        <v>85</v>
      </c>
      <c r="P21131" t="s">
        <v>86</v>
      </c>
      <c r="Q21131">
        <v>45</v>
      </c>
      <c r="R21131">
        <v>46</v>
      </c>
      <c r="S21131">
        <v>47</v>
      </c>
      <c r="T21131">
        <v>48</v>
      </c>
      <c r="U21131">
        <v>49</v>
      </c>
      <c r="V21131">
        <v>50</v>
      </c>
      <c r="W21131">
        <v>50</v>
      </c>
      <c r="X21131">
        <v>51</v>
      </c>
      <c r="Y21131">
        <v>52</v>
      </c>
      <c r="Z21131">
        <v>53</v>
      </c>
      <c r="AA21131">
        <v>54</v>
      </c>
      <c r="AB21131">
        <v>55</v>
      </c>
      <c r="AC21131">
        <v>56</v>
      </c>
      <c r="AD21131">
        <v>57</v>
      </c>
      <c r="AE21131">
        <v>58</v>
      </c>
      <c r="AF21131">
        <v>59</v>
      </c>
      <c r="AG21131">
        <v>60</v>
      </c>
      <c r="AH21131">
        <v>61</v>
      </c>
      <c r="AI21131">
        <v>62</v>
      </c>
      <c r="AJ21131">
        <v>63</v>
      </c>
      <c r="AK21131">
        <v>64</v>
      </c>
      <c r="AL21131">
        <v>65</v>
      </c>
      <c r="AM21131">
        <v>66</v>
      </c>
      <c r="AN21131">
        <v>67</v>
      </c>
      <c r="AO21131">
        <v>68</v>
      </c>
      <c r="AP21131">
        <v>69</v>
      </c>
      <c r="AQ21131">
        <v>71</v>
      </c>
    </row>
    <row r="21132" spans="1:43">
      <c r="A21132" t="s">
        <v>13093</v>
      </c>
      <c r="B21132" t="s">
        <v>13094</v>
      </c>
      <c r="C21132" t="s">
        <v>13095</v>
      </c>
      <c r="D21132" t="s">
        <v>13096</v>
      </c>
      <c r="E21132" t="s">
        <v>13063</v>
      </c>
      <c r="F21132" t="s">
        <v>13064</v>
      </c>
      <c r="G21132" t="s">
        <v>10214</v>
      </c>
      <c r="H21132" t="s">
        <v>10215</v>
      </c>
      <c r="I21132" s="2">
        <v>1</v>
      </c>
      <c r="J21132" s="2">
        <v>0</v>
      </c>
      <c r="K21132" s="2">
        <v>0</v>
      </c>
      <c r="L21132" t="s">
        <v>120</v>
      </c>
      <c r="M21132" t="s">
        <v>89</v>
      </c>
      <c r="N21132" t="s">
        <v>90</v>
      </c>
      <c r="O21132" t="s">
        <v>85</v>
      </c>
      <c r="P21132" t="s">
        <v>86</v>
      </c>
      <c r="Q21132">
        <v>45</v>
      </c>
      <c r="R21132">
        <v>47</v>
      </c>
      <c r="S21132">
        <v>49</v>
      </c>
      <c r="T21132">
        <v>50</v>
      </c>
      <c r="U21132">
        <v>52</v>
      </c>
      <c r="V21132">
        <v>54</v>
      </c>
      <c r="W21132">
        <v>55</v>
      </c>
      <c r="X21132">
        <v>57</v>
      </c>
      <c r="Y21132">
        <v>59</v>
      </c>
      <c r="Z21132">
        <v>60</v>
      </c>
      <c r="AA21132">
        <v>62</v>
      </c>
      <c r="AB21132">
        <v>64</v>
      </c>
      <c r="AC21132">
        <v>66</v>
      </c>
      <c r="AD21132">
        <v>67</v>
      </c>
      <c r="AE21132">
        <v>69</v>
      </c>
      <c r="AF21132">
        <v>70</v>
      </c>
      <c r="AG21132">
        <v>71</v>
      </c>
      <c r="AH21132">
        <v>72</v>
      </c>
      <c r="AI21132">
        <v>73</v>
      </c>
      <c r="AJ21132">
        <v>74</v>
      </c>
      <c r="AK21132">
        <v>75</v>
      </c>
      <c r="AL21132">
        <v>76</v>
      </c>
      <c r="AM21132">
        <v>77</v>
      </c>
      <c r="AN21132">
        <v>78</v>
      </c>
      <c r="AO21132">
        <v>79</v>
      </c>
      <c r="AP21132">
        <v>80</v>
      </c>
      <c r="AQ21132">
        <v>82</v>
      </c>
    </row>
    <row r="21133" spans="1:43">
      <c r="A21133" t="s">
        <v>13093</v>
      </c>
      <c r="B21133" t="s">
        <v>13094</v>
      </c>
      <c r="C21133" t="s">
        <v>13095</v>
      </c>
      <c r="D21133" t="s">
        <v>13096</v>
      </c>
      <c r="E21133" t="s">
        <v>13063</v>
      </c>
      <c r="F21133" t="s">
        <v>13064</v>
      </c>
      <c r="G21133" t="s">
        <v>10214</v>
      </c>
      <c r="H21133" t="s">
        <v>10215</v>
      </c>
      <c r="I21133" s="2">
        <v>1</v>
      </c>
      <c r="J21133" s="2">
        <v>0</v>
      </c>
      <c r="K21133" s="2">
        <v>0</v>
      </c>
      <c r="L21133" t="s">
        <v>120</v>
      </c>
      <c r="M21133" t="s">
        <v>83</v>
      </c>
      <c r="N21133" t="s">
        <v>91</v>
      </c>
      <c r="O21133" t="s">
        <v>85</v>
      </c>
      <c r="P21133" t="s">
        <v>86</v>
      </c>
      <c r="Q21133">
        <v>45</v>
      </c>
      <c r="R21133">
        <v>46</v>
      </c>
      <c r="S21133">
        <v>47</v>
      </c>
      <c r="T21133">
        <v>49</v>
      </c>
      <c r="U21133">
        <v>50</v>
      </c>
      <c r="V21133">
        <v>51</v>
      </c>
      <c r="W21133">
        <v>53</v>
      </c>
      <c r="X21133">
        <v>54</v>
      </c>
      <c r="Y21133">
        <v>55</v>
      </c>
      <c r="Z21133">
        <v>57</v>
      </c>
      <c r="AA21133">
        <v>58</v>
      </c>
      <c r="AB21133">
        <v>60</v>
      </c>
      <c r="AC21133">
        <v>61</v>
      </c>
      <c r="AD21133">
        <v>63</v>
      </c>
      <c r="AE21133">
        <v>64</v>
      </c>
      <c r="AF21133">
        <v>66</v>
      </c>
      <c r="AG21133">
        <v>67</v>
      </c>
      <c r="AH21133">
        <v>69</v>
      </c>
      <c r="AI21133">
        <v>70</v>
      </c>
      <c r="AJ21133">
        <v>72</v>
      </c>
      <c r="AK21133">
        <v>74</v>
      </c>
      <c r="AL21133">
        <v>75</v>
      </c>
      <c r="AM21133">
        <v>76</v>
      </c>
      <c r="AN21133">
        <v>77</v>
      </c>
      <c r="AO21133">
        <v>78</v>
      </c>
      <c r="AP21133">
        <v>79</v>
      </c>
      <c r="AQ21133">
        <v>81</v>
      </c>
    </row>
    <row r="21134" spans="1:43">
      <c r="A21134" t="s">
        <v>13097</v>
      </c>
      <c r="B21134" t="s">
        <v>13098</v>
      </c>
      <c r="C21134" t="s">
        <v>13095</v>
      </c>
      <c r="D21134" t="s">
        <v>13096</v>
      </c>
      <c r="E21134" t="s">
        <v>13063</v>
      </c>
      <c r="F21134" t="s">
        <v>13064</v>
      </c>
      <c r="G21134" t="s">
        <v>10214</v>
      </c>
      <c r="H21134" t="s">
        <v>10215</v>
      </c>
      <c r="I21134" s="2">
        <v>1</v>
      </c>
      <c r="J21134" s="2">
        <v>0</v>
      </c>
      <c r="K21134" s="2">
        <v>0</v>
      </c>
      <c r="L21134" t="s">
        <v>120</v>
      </c>
      <c r="M21134" t="s">
        <v>83</v>
      </c>
      <c r="N21134" t="s">
        <v>84</v>
      </c>
      <c r="O21134" t="s">
        <v>85</v>
      </c>
      <c r="P21134" t="s">
        <v>86</v>
      </c>
      <c r="Q21134">
        <v>55</v>
      </c>
      <c r="R21134">
        <v>56</v>
      </c>
      <c r="S21134">
        <v>58</v>
      </c>
      <c r="T21134">
        <v>59</v>
      </c>
      <c r="U21134">
        <v>61</v>
      </c>
      <c r="V21134">
        <v>63</v>
      </c>
      <c r="W21134">
        <v>64</v>
      </c>
      <c r="X21134">
        <v>66</v>
      </c>
      <c r="Y21134">
        <v>68</v>
      </c>
      <c r="Z21134">
        <v>69</v>
      </c>
      <c r="AA21134">
        <v>71</v>
      </c>
      <c r="AB21134">
        <v>73</v>
      </c>
      <c r="AC21134">
        <v>75</v>
      </c>
      <c r="AD21134">
        <v>77</v>
      </c>
      <c r="AE21134">
        <v>78</v>
      </c>
      <c r="AF21134">
        <v>80</v>
      </c>
      <c r="AG21134">
        <v>82</v>
      </c>
      <c r="AH21134">
        <v>84</v>
      </c>
      <c r="AI21134">
        <v>86</v>
      </c>
      <c r="AJ21134">
        <v>88</v>
      </c>
      <c r="AK21134">
        <v>90</v>
      </c>
      <c r="AL21134">
        <v>92</v>
      </c>
      <c r="AM21134">
        <v>93</v>
      </c>
      <c r="AN21134">
        <v>94</v>
      </c>
      <c r="AO21134">
        <v>96</v>
      </c>
      <c r="AP21134">
        <v>97</v>
      </c>
      <c r="AQ21134">
        <v>99</v>
      </c>
    </row>
    <row r="21135" spans="1:43">
      <c r="A21135" t="s">
        <v>13097</v>
      </c>
      <c r="B21135" t="s">
        <v>13098</v>
      </c>
      <c r="C21135" t="s">
        <v>13095</v>
      </c>
      <c r="D21135" t="s">
        <v>13096</v>
      </c>
      <c r="E21135" t="s">
        <v>13063</v>
      </c>
      <c r="F21135" t="s">
        <v>13064</v>
      </c>
      <c r="G21135" t="s">
        <v>10214</v>
      </c>
      <c r="H21135" t="s">
        <v>10215</v>
      </c>
      <c r="I21135" s="2">
        <v>1</v>
      </c>
      <c r="J21135" s="2">
        <v>0</v>
      </c>
      <c r="K21135" s="2">
        <v>0</v>
      </c>
      <c r="L21135" t="s">
        <v>120</v>
      </c>
      <c r="M21135" t="s">
        <v>87</v>
      </c>
      <c r="N21135" t="s">
        <v>88</v>
      </c>
      <c r="O21135" t="s">
        <v>85</v>
      </c>
      <c r="P21135" t="s">
        <v>86</v>
      </c>
      <c r="Q21135">
        <v>55</v>
      </c>
      <c r="R21135">
        <v>56</v>
      </c>
      <c r="S21135">
        <v>57</v>
      </c>
      <c r="T21135">
        <v>58</v>
      </c>
      <c r="U21135">
        <v>59</v>
      </c>
      <c r="V21135">
        <v>60</v>
      </c>
      <c r="W21135">
        <v>61</v>
      </c>
      <c r="X21135">
        <v>63</v>
      </c>
      <c r="Y21135">
        <v>64</v>
      </c>
      <c r="Z21135">
        <v>65</v>
      </c>
      <c r="AA21135">
        <v>66</v>
      </c>
      <c r="AB21135">
        <v>67</v>
      </c>
      <c r="AC21135">
        <v>68</v>
      </c>
      <c r="AD21135">
        <v>69</v>
      </c>
      <c r="AE21135">
        <v>70</v>
      </c>
      <c r="AF21135">
        <v>72</v>
      </c>
      <c r="AG21135">
        <v>73</v>
      </c>
      <c r="AH21135">
        <v>74</v>
      </c>
      <c r="AI21135">
        <v>75</v>
      </c>
      <c r="AJ21135">
        <v>77</v>
      </c>
      <c r="AK21135">
        <v>78</v>
      </c>
      <c r="AL21135">
        <v>79</v>
      </c>
      <c r="AM21135">
        <v>81</v>
      </c>
      <c r="AN21135">
        <v>82</v>
      </c>
      <c r="AO21135">
        <v>83</v>
      </c>
      <c r="AP21135">
        <v>85</v>
      </c>
      <c r="AQ21135">
        <v>86</v>
      </c>
    </row>
    <row r="21136" spans="1:43">
      <c r="A21136" t="s">
        <v>13097</v>
      </c>
      <c r="B21136" t="s">
        <v>13098</v>
      </c>
      <c r="C21136" t="s">
        <v>13095</v>
      </c>
      <c r="D21136" t="s">
        <v>13096</v>
      </c>
      <c r="E21136" t="s">
        <v>13063</v>
      </c>
      <c r="F21136" t="s">
        <v>13064</v>
      </c>
      <c r="G21136" t="s">
        <v>10214</v>
      </c>
      <c r="H21136" t="s">
        <v>10215</v>
      </c>
      <c r="I21136" s="2">
        <v>1</v>
      </c>
      <c r="J21136" s="2">
        <v>0</v>
      </c>
      <c r="K21136" s="2">
        <v>0</v>
      </c>
      <c r="L21136" t="s">
        <v>120</v>
      </c>
      <c r="M21136" t="s">
        <v>89</v>
      </c>
      <c r="N21136" t="s">
        <v>90</v>
      </c>
      <c r="O21136" t="s">
        <v>85</v>
      </c>
      <c r="P21136" t="s">
        <v>86</v>
      </c>
      <c r="Q21136">
        <v>55</v>
      </c>
      <c r="R21136">
        <v>57</v>
      </c>
      <c r="S21136">
        <v>59</v>
      </c>
      <c r="T21136">
        <v>61</v>
      </c>
      <c r="U21136">
        <v>63</v>
      </c>
      <c r="V21136">
        <v>66</v>
      </c>
      <c r="W21136">
        <v>68</v>
      </c>
      <c r="X21136">
        <v>70</v>
      </c>
      <c r="Y21136">
        <v>72</v>
      </c>
      <c r="Z21136">
        <v>74</v>
      </c>
      <c r="AA21136">
        <v>76</v>
      </c>
      <c r="AB21136">
        <v>78</v>
      </c>
      <c r="AC21136">
        <v>80</v>
      </c>
      <c r="AD21136">
        <v>82</v>
      </c>
      <c r="AE21136">
        <v>84</v>
      </c>
      <c r="AF21136">
        <v>85</v>
      </c>
      <c r="AG21136">
        <v>87</v>
      </c>
      <c r="AH21136">
        <v>88</v>
      </c>
      <c r="AI21136">
        <v>89</v>
      </c>
      <c r="AJ21136">
        <v>90</v>
      </c>
      <c r="AK21136">
        <v>92</v>
      </c>
      <c r="AL21136">
        <v>93</v>
      </c>
      <c r="AM21136">
        <v>94</v>
      </c>
      <c r="AN21136">
        <v>96</v>
      </c>
      <c r="AO21136">
        <v>97</v>
      </c>
      <c r="AP21136">
        <v>98</v>
      </c>
      <c r="AQ21136">
        <v>100</v>
      </c>
    </row>
    <row r="21137" spans="1:43">
      <c r="A21137" t="s">
        <v>13097</v>
      </c>
      <c r="B21137" t="s">
        <v>13098</v>
      </c>
      <c r="C21137" t="s">
        <v>13095</v>
      </c>
      <c r="D21137" t="s">
        <v>13096</v>
      </c>
      <c r="E21137" t="s">
        <v>13063</v>
      </c>
      <c r="F21137" t="s">
        <v>13064</v>
      </c>
      <c r="G21137" t="s">
        <v>10214</v>
      </c>
      <c r="H21137" t="s">
        <v>10215</v>
      </c>
      <c r="I21137" s="2">
        <v>1</v>
      </c>
      <c r="J21137" s="2">
        <v>0</v>
      </c>
      <c r="K21137" s="2">
        <v>0</v>
      </c>
      <c r="L21137" t="s">
        <v>120</v>
      </c>
      <c r="M21137" t="s">
        <v>83</v>
      </c>
      <c r="N21137" t="s">
        <v>91</v>
      </c>
      <c r="O21137" t="s">
        <v>85</v>
      </c>
      <c r="P21137" t="s">
        <v>86</v>
      </c>
      <c r="Q21137">
        <v>55</v>
      </c>
      <c r="R21137">
        <v>56</v>
      </c>
      <c r="S21137">
        <v>58</v>
      </c>
      <c r="T21137">
        <v>59</v>
      </c>
      <c r="U21137">
        <v>61</v>
      </c>
      <c r="V21137">
        <v>63</v>
      </c>
      <c r="W21137">
        <v>64</v>
      </c>
      <c r="X21137">
        <v>66</v>
      </c>
      <c r="Y21137">
        <v>68</v>
      </c>
      <c r="Z21137">
        <v>69</v>
      </c>
      <c r="AA21137">
        <v>71</v>
      </c>
      <c r="AB21137">
        <v>73</v>
      </c>
      <c r="AC21137">
        <v>75</v>
      </c>
      <c r="AD21137">
        <v>77</v>
      </c>
      <c r="AE21137">
        <v>78</v>
      </c>
      <c r="AF21137">
        <v>80</v>
      </c>
      <c r="AG21137">
        <v>82</v>
      </c>
      <c r="AH21137">
        <v>84</v>
      </c>
      <c r="AI21137">
        <v>86</v>
      </c>
      <c r="AJ21137">
        <v>88</v>
      </c>
      <c r="AK21137">
        <v>90</v>
      </c>
      <c r="AL21137">
        <v>92</v>
      </c>
      <c r="AM21137">
        <v>93</v>
      </c>
      <c r="AN21137">
        <v>94</v>
      </c>
      <c r="AO21137">
        <v>96</v>
      </c>
      <c r="AP21137">
        <v>97</v>
      </c>
      <c r="AQ21137">
        <v>99</v>
      </c>
    </row>
    <row r="21138" spans="1:43">
      <c r="A21138" t="s">
        <v>13099</v>
      </c>
      <c r="B21138" t="s">
        <v>13100</v>
      </c>
      <c r="C21138" t="s">
        <v>13095</v>
      </c>
      <c r="D21138" t="s">
        <v>13096</v>
      </c>
      <c r="E21138" t="s">
        <v>13063</v>
      </c>
      <c r="F21138" t="s">
        <v>13064</v>
      </c>
      <c r="G21138" t="s">
        <v>10214</v>
      </c>
      <c r="H21138" t="s">
        <v>10215</v>
      </c>
      <c r="I21138" s="2">
        <v>1</v>
      </c>
      <c r="J21138" s="2">
        <v>0</v>
      </c>
      <c r="K21138" s="2">
        <v>0</v>
      </c>
      <c r="L21138" t="s">
        <v>120</v>
      </c>
      <c r="M21138" t="s">
        <v>83</v>
      </c>
      <c r="N21138" t="s">
        <v>84</v>
      </c>
      <c r="O21138" t="s">
        <v>85</v>
      </c>
      <c r="P21138" t="s">
        <v>86</v>
      </c>
      <c r="Q21138">
        <v>88</v>
      </c>
      <c r="R21138">
        <v>90</v>
      </c>
      <c r="S21138">
        <v>93</v>
      </c>
      <c r="T21138">
        <v>95</v>
      </c>
      <c r="U21138">
        <v>98</v>
      </c>
      <c r="V21138">
        <v>101</v>
      </c>
      <c r="W21138">
        <v>103</v>
      </c>
      <c r="X21138">
        <v>106</v>
      </c>
      <c r="Y21138">
        <v>109</v>
      </c>
      <c r="Z21138">
        <v>111</v>
      </c>
      <c r="AA21138">
        <v>114</v>
      </c>
      <c r="AB21138">
        <v>117</v>
      </c>
      <c r="AC21138">
        <v>120</v>
      </c>
      <c r="AD21138">
        <v>123</v>
      </c>
      <c r="AE21138">
        <v>126</v>
      </c>
      <c r="AF21138">
        <v>129</v>
      </c>
      <c r="AG21138">
        <v>132</v>
      </c>
      <c r="AH21138">
        <v>135</v>
      </c>
      <c r="AI21138">
        <v>138</v>
      </c>
      <c r="AJ21138">
        <v>141</v>
      </c>
      <c r="AK21138">
        <v>145</v>
      </c>
      <c r="AL21138">
        <v>147</v>
      </c>
      <c r="AM21138">
        <v>149</v>
      </c>
      <c r="AN21138">
        <v>151</v>
      </c>
      <c r="AO21138">
        <v>154</v>
      </c>
      <c r="AP21138">
        <v>156</v>
      </c>
      <c r="AQ21138">
        <v>158</v>
      </c>
    </row>
    <row r="21139" spans="1:43">
      <c r="A21139" t="s">
        <v>13099</v>
      </c>
      <c r="B21139" t="s">
        <v>13100</v>
      </c>
      <c r="C21139" t="s">
        <v>13095</v>
      </c>
      <c r="D21139" t="s">
        <v>13096</v>
      </c>
      <c r="E21139" t="s">
        <v>13063</v>
      </c>
      <c r="F21139" t="s">
        <v>13064</v>
      </c>
      <c r="G21139" t="s">
        <v>10214</v>
      </c>
      <c r="H21139" t="s">
        <v>10215</v>
      </c>
      <c r="I21139" s="2">
        <v>1</v>
      </c>
      <c r="J21139" s="2">
        <v>0</v>
      </c>
      <c r="K21139" s="2">
        <v>0</v>
      </c>
      <c r="L21139" t="s">
        <v>120</v>
      </c>
      <c r="M21139" t="s">
        <v>87</v>
      </c>
      <c r="N21139" t="s">
        <v>88</v>
      </c>
      <c r="O21139" t="s">
        <v>85</v>
      </c>
      <c r="P21139" t="s">
        <v>86</v>
      </c>
      <c r="Q21139">
        <v>88</v>
      </c>
      <c r="R21139">
        <v>90</v>
      </c>
      <c r="S21139">
        <v>91</v>
      </c>
      <c r="T21139">
        <v>93</v>
      </c>
      <c r="U21139">
        <v>95</v>
      </c>
      <c r="V21139">
        <v>96</v>
      </c>
      <c r="W21139">
        <v>98</v>
      </c>
      <c r="X21139">
        <v>100</v>
      </c>
      <c r="Y21139">
        <v>101</v>
      </c>
      <c r="Z21139">
        <v>103</v>
      </c>
      <c r="AA21139">
        <v>105</v>
      </c>
      <c r="AB21139">
        <v>107</v>
      </c>
      <c r="AC21139">
        <v>109</v>
      </c>
      <c r="AD21139">
        <v>110</v>
      </c>
      <c r="AE21139">
        <v>112</v>
      </c>
      <c r="AF21139">
        <v>114</v>
      </c>
      <c r="AG21139">
        <v>116</v>
      </c>
      <c r="AH21139">
        <v>118</v>
      </c>
      <c r="AI21139">
        <v>120</v>
      </c>
      <c r="AJ21139">
        <v>122</v>
      </c>
      <c r="AK21139">
        <v>124</v>
      </c>
      <c r="AL21139">
        <v>126</v>
      </c>
      <c r="AM21139">
        <v>129</v>
      </c>
      <c r="AN21139">
        <v>131</v>
      </c>
      <c r="AO21139">
        <v>133</v>
      </c>
      <c r="AP21139">
        <v>135</v>
      </c>
      <c r="AQ21139">
        <v>137</v>
      </c>
    </row>
    <row r="21140" spans="1:43">
      <c r="A21140" t="s">
        <v>13099</v>
      </c>
      <c r="B21140" t="s">
        <v>13100</v>
      </c>
      <c r="C21140" t="s">
        <v>13095</v>
      </c>
      <c r="D21140" t="s">
        <v>13096</v>
      </c>
      <c r="E21140" t="s">
        <v>13063</v>
      </c>
      <c r="F21140" t="s">
        <v>13064</v>
      </c>
      <c r="G21140" t="s">
        <v>10214</v>
      </c>
      <c r="H21140" t="s">
        <v>10215</v>
      </c>
      <c r="I21140" s="2">
        <v>1</v>
      </c>
      <c r="J21140" s="2">
        <v>0</v>
      </c>
      <c r="K21140" s="2">
        <v>0</v>
      </c>
      <c r="L21140" t="s">
        <v>120</v>
      </c>
      <c r="M21140" t="s">
        <v>89</v>
      </c>
      <c r="N21140" t="s">
        <v>90</v>
      </c>
      <c r="O21140" t="s">
        <v>85</v>
      </c>
      <c r="P21140" t="s">
        <v>86</v>
      </c>
      <c r="Q21140">
        <v>88</v>
      </c>
      <c r="R21140">
        <v>91</v>
      </c>
      <c r="S21140">
        <v>94</v>
      </c>
      <c r="T21140">
        <v>98</v>
      </c>
      <c r="U21140">
        <v>101</v>
      </c>
      <c r="V21140">
        <v>104</v>
      </c>
      <c r="W21140">
        <v>107</v>
      </c>
      <c r="X21140">
        <v>111</v>
      </c>
      <c r="Y21140">
        <v>114</v>
      </c>
      <c r="Z21140">
        <v>117</v>
      </c>
      <c r="AA21140">
        <v>121</v>
      </c>
      <c r="AB21140">
        <v>124</v>
      </c>
      <c r="AC21140">
        <v>127</v>
      </c>
      <c r="AD21140">
        <v>131</v>
      </c>
      <c r="AE21140">
        <v>134</v>
      </c>
      <c r="AF21140">
        <v>136</v>
      </c>
      <c r="AG21140">
        <v>138</v>
      </c>
      <c r="AH21140">
        <v>140</v>
      </c>
      <c r="AI21140">
        <v>142</v>
      </c>
      <c r="AJ21140">
        <v>144</v>
      </c>
      <c r="AK21140">
        <v>146</v>
      </c>
      <c r="AL21140">
        <v>148</v>
      </c>
      <c r="AM21140">
        <v>150</v>
      </c>
      <c r="AN21140">
        <v>152</v>
      </c>
      <c r="AO21140">
        <v>154</v>
      </c>
      <c r="AP21140">
        <v>157</v>
      </c>
      <c r="AQ21140">
        <v>159</v>
      </c>
    </row>
    <row r="21141" spans="1:43">
      <c r="A21141" t="s">
        <v>13099</v>
      </c>
      <c r="B21141" t="s">
        <v>13100</v>
      </c>
      <c r="C21141" t="s">
        <v>13095</v>
      </c>
      <c r="D21141" t="s">
        <v>13096</v>
      </c>
      <c r="E21141" t="s">
        <v>13063</v>
      </c>
      <c r="F21141" t="s">
        <v>13064</v>
      </c>
      <c r="G21141" t="s">
        <v>10214</v>
      </c>
      <c r="H21141" t="s">
        <v>10215</v>
      </c>
      <c r="I21141" s="2">
        <v>1</v>
      </c>
      <c r="J21141" s="2">
        <v>0</v>
      </c>
      <c r="K21141" s="2">
        <v>0</v>
      </c>
      <c r="L21141" t="s">
        <v>120</v>
      </c>
      <c r="M21141" t="s">
        <v>83</v>
      </c>
      <c r="N21141" t="s">
        <v>91</v>
      </c>
      <c r="O21141" t="s">
        <v>85</v>
      </c>
      <c r="P21141" t="s">
        <v>86</v>
      </c>
      <c r="Q21141">
        <v>88</v>
      </c>
      <c r="R21141">
        <v>90</v>
      </c>
      <c r="S21141">
        <v>93</v>
      </c>
      <c r="T21141">
        <v>95</v>
      </c>
      <c r="U21141">
        <v>98</v>
      </c>
      <c r="V21141">
        <v>101</v>
      </c>
      <c r="W21141">
        <v>103</v>
      </c>
      <c r="X21141">
        <v>106</v>
      </c>
      <c r="Y21141">
        <v>109</v>
      </c>
      <c r="Z21141">
        <v>111</v>
      </c>
      <c r="AA21141">
        <v>114</v>
      </c>
      <c r="AB21141">
        <v>117</v>
      </c>
      <c r="AC21141">
        <v>120</v>
      </c>
      <c r="AD21141">
        <v>123</v>
      </c>
      <c r="AE21141">
        <v>126</v>
      </c>
      <c r="AF21141">
        <v>129</v>
      </c>
      <c r="AG21141">
        <v>132</v>
      </c>
      <c r="AH21141">
        <v>135</v>
      </c>
      <c r="AI21141">
        <v>138</v>
      </c>
      <c r="AJ21141">
        <v>141</v>
      </c>
      <c r="AK21141">
        <v>145</v>
      </c>
      <c r="AL21141">
        <v>147</v>
      </c>
      <c r="AM21141">
        <v>149</v>
      </c>
      <c r="AN21141">
        <v>151</v>
      </c>
      <c r="AO21141">
        <v>154</v>
      </c>
      <c r="AP21141">
        <v>156</v>
      </c>
      <c r="AQ21141">
        <v>158</v>
      </c>
    </row>
    <row r="21142" spans="1:43">
      <c r="A21142" t="s">
        <v>13101</v>
      </c>
      <c r="B21142" t="s">
        <v>13102</v>
      </c>
      <c r="C21142" t="s">
        <v>13103</v>
      </c>
      <c r="D21142" t="s">
        <v>13104</v>
      </c>
      <c r="E21142" t="s">
        <v>13063</v>
      </c>
      <c r="F21142" t="s">
        <v>13064</v>
      </c>
      <c r="G21142" t="s">
        <v>10214</v>
      </c>
      <c r="H21142" t="s">
        <v>10215</v>
      </c>
      <c r="I21142" s="2">
        <v>1</v>
      </c>
      <c r="J21142" s="2">
        <v>0</v>
      </c>
      <c r="K21142" s="2">
        <v>0</v>
      </c>
      <c r="L21142" t="s">
        <v>120</v>
      </c>
      <c r="M21142" t="s">
        <v>83</v>
      </c>
      <c r="N21142" t="s">
        <v>84</v>
      </c>
      <c r="O21142" t="s">
        <v>85</v>
      </c>
      <c r="P21142" t="s">
        <v>86</v>
      </c>
      <c r="Q21142">
        <v>40</v>
      </c>
      <c r="R21142">
        <v>41</v>
      </c>
      <c r="S21142">
        <v>42</v>
      </c>
      <c r="T21142">
        <v>43</v>
      </c>
      <c r="U21142">
        <v>44</v>
      </c>
      <c r="V21142">
        <v>46</v>
      </c>
      <c r="W21142">
        <v>47</v>
      </c>
      <c r="X21142">
        <v>48</v>
      </c>
      <c r="Y21142">
        <v>49</v>
      </c>
      <c r="Z21142">
        <v>50</v>
      </c>
      <c r="AA21142">
        <v>52</v>
      </c>
      <c r="AB21142">
        <v>53</v>
      </c>
      <c r="AC21142">
        <v>54</v>
      </c>
      <c r="AD21142">
        <v>55</v>
      </c>
      <c r="AE21142">
        <v>57</v>
      </c>
      <c r="AF21142">
        <v>58</v>
      </c>
      <c r="AG21142">
        <v>59</v>
      </c>
      <c r="AH21142">
        <v>61</v>
      </c>
      <c r="AI21142">
        <v>62</v>
      </c>
      <c r="AJ21142">
        <v>64</v>
      </c>
      <c r="AK21142">
        <v>65</v>
      </c>
      <c r="AL21142">
        <v>66</v>
      </c>
      <c r="AM21142">
        <v>67</v>
      </c>
      <c r="AN21142">
        <v>68</v>
      </c>
      <c r="AO21142">
        <v>69</v>
      </c>
      <c r="AP21142">
        <v>70</v>
      </c>
      <c r="AQ21142">
        <v>71</v>
      </c>
    </row>
    <row r="21143" spans="1:43">
      <c r="A21143" t="s">
        <v>13101</v>
      </c>
      <c r="B21143" t="s">
        <v>13102</v>
      </c>
      <c r="C21143" t="s">
        <v>13103</v>
      </c>
      <c r="D21143" t="s">
        <v>13104</v>
      </c>
      <c r="E21143" t="s">
        <v>13063</v>
      </c>
      <c r="F21143" t="s">
        <v>13064</v>
      </c>
      <c r="G21143" t="s">
        <v>10214</v>
      </c>
      <c r="H21143" t="s">
        <v>10215</v>
      </c>
      <c r="I21143" s="2">
        <v>1</v>
      </c>
      <c r="J21143" s="2">
        <v>0</v>
      </c>
      <c r="K21143" s="2">
        <v>0</v>
      </c>
      <c r="L21143" t="s">
        <v>120</v>
      </c>
      <c r="M21143" t="s">
        <v>87</v>
      </c>
      <c r="N21143" t="s">
        <v>88</v>
      </c>
      <c r="O21143" t="s">
        <v>85</v>
      </c>
      <c r="P21143" t="s">
        <v>86</v>
      </c>
      <c r="Q21143">
        <v>40</v>
      </c>
      <c r="R21143">
        <v>41</v>
      </c>
      <c r="S21143">
        <v>42</v>
      </c>
      <c r="T21143">
        <v>43</v>
      </c>
      <c r="U21143">
        <v>43</v>
      </c>
      <c r="V21143">
        <v>44</v>
      </c>
      <c r="W21143">
        <v>45</v>
      </c>
      <c r="X21143">
        <v>46</v>
      </c>
      <c r="Y21143">
        <v>46</v>
      </c>
      <c r="Z21143">
        <v>47</v>
      </c>
      <c r="AA21143">
        <v>48</v>
      </c>
      <c r="AB21143">
        <v>49</v>
      </c>
      <c r="AC21143">
        <v>50</v>
      </c>
      <c r="AD21143">
        <v>51</v>
      </c>
      <c r="AE21143">
        <v>51</v>
      </c>
      <c r="AF21143">
        <v>52</v>
      </c>
      <c r="AG21143">
        <v>53</v>
      </c>
      <c r="AH21143">
        <v>54</v>
      </c>
      <c r="AI21143">
        <v>55</v>
      </c>
      <c r="AJ21143">
        <v>56</v>
      </c>
      <c r="AK21143">
        <v>57</v>
      </c>
      <c r="AL21143">
        <v>58</v>
      </c>
      <c r="AM21143">
        <v>59</v>
      </c>
      <c r="AN21143">
        <v>60</v>
      </c>
      <c r="AO21143">
        <v>61</v>
      </c>
      <c r="AP21143">
        <v>62</v>
      </c>
      <c r="AQ21143">
        <v>63</v>
      </c>
    </row>
    <row r="21144" spans="1:43">
      <c r="A21144" t="s">
        <v>13101</v>
      </c>
      <c r="B21144" t="s">
        <v>13102</v>
      </c>
      <c r="C21144" t="s">
        <v>13103</v>
      </c>
      <c r="D21144" t="s">
        <v>13104</v>
      </c>
      <c r="E21144" t="s">
        <v>13063</v>
      </c>
      <c r="F21144" t="s">
        <v>13064</v>
      </c>
      <c r="G21144" t="s">
        <v>10214</v>
      </c>
      <c r="H21144" t="s">
        <v>10215</v>
      </c>
      <c r="I21144" s="2">
        <v>1</v>
      </c>
      <c r="J21144" s="2">
        <v>0</v>
      </c>
      <c r="K21144" s="2">
        <v>0</v>
      </c>
      <c r="L21144" t="s">
        <v>120</v>
      </c>
      <c r="M21144" t="s">
        <v>89</v>
      </c>
      <c r="N21144" t="s">
        <v>90</v>
      </c>
      <c r="O21144" t="s">
        <v>85</v>
      </c>
      <c r="P21144" t="s">
        <v>86</v>
      </c>
      <c r="Q21144">
        <v>40</v>
      </c>
      <c r="R21144">
        <v>42</v>
      </c>
      <c r="S21144">
        <v>43</v>
      </c>
      <c r="T21144">
        <v>45</v>
      </c>
      <c r="U21144">
        <v>46</v>
      </c>
      <c r="V21144">
        <v>48</v>
      </c>
      <c r="W21144">
        <v>49</v>
      </c>
      <c r="X21144">
        <v>50</v>
      </c>
      <c r="Y21144">
        <v>52</v>
      </c>
      <c r="Z21144">
        <v>53</v>
      </c>
      <c r="AA21144">
        <v>55</v>
      </c>
      <c r="AB21144">
        <v>56</v>
      </c>
      <c r="AC21144">
        <v>58</v>
      </c>
      <c r="AD21144">
        <v>60</v>
      </c>
      <c r="AE21144">
        <v>61</v>
      </c>
      <c r="AF21144">
        <v>62</v>
      </c>
      <c r="AG21144">
        <v>63</v>
      </c>
      <c r="AH21144">
        <v>63</v>
      </c>
      <c r="AI21144">
        <v>64</v>
      </c>
      <c r="AJ21144">
        <v>65</v>
      </c>
      <c r="AK21144">
        <v>66</v>
      </c>
      <c r="AL21144">
        <v>67</v>
      </c>
      <c r="AM21144">
        <v>68</v>
      </c>
      <c r="AN21144">
        <v>69</v>
      </c>
      <c r="AO21144">
        <v>70</v>
      </c>
      <c r="AP21144">
        <v>71</v>
      </c>
      <c r="AQ21144">
        <v>72</v>
      </c>
    </row>
    <row r="21145" spans="1:43">
      <c r="A21145" t="s">
        <v>13101</v>
      </c>
      <c r="B21145" t="s">
        <v>13102</v>
      </c>
      <c r="C21145" t="s">
        <v>13103</v>
      </c>
      <c r="D21145" t="s">
        <v>13104</v>
      </c>
      <c r="E21145" t="s">
        <v>13063</v>
      </c>
      <c r="F21145" t="s">
        <v>13064</v>
      </c>
      <c r="G21145" t="s">
        <v>10214</v>
      </c>
      <c r="H21145" t="s">
        <v>10215</v>
      </c>
      <c r="I21145" s="2">
        <v>1</v>
      </c>
      <c r="J21145" s="2">
        <v>0</v>
      </c>
      <c r="K21145" s="2">
        <v>0</v>
      </c>
      <c r="L21145" t="s">
        <v>120</v>
      </c>
      <c r="M21145" t="s">
        <v>83</v>
      </c>
      <c r="N21145" t="s">
        <v>91</v>
      </c>
      <c r="O21145" t="s">
        <v>85</v>
      </c>
      <c r="P21145" t="s">
        <v>86</v>
      </c>
      <c r="Q21145">
        <v>40</v>
      </c>
      <c r="R21145">
        <v>41</v>
      </c>
      <c r="S21145">
        <v>42</v>
      </c>
      <c r="T21145">
        <v>43</v>
      </c>
      <c r="U21145">
        <v>44</v>
      </c>
      <c r="V21145">
        <v>46</v>
      </c>
      <c r="W21145">
        <v>47</v>
      </c>
      <c r="X21145">
        <v>48</v>
      </c>
      <c r="Y21145">
        <v>49</v>
      </c>
      <c r="Z21145">
        <v>50</v>
      </c>
      <c r="AA21145">
        <v>52</v>
      </c>
      <c r="AB21145">
        <v>53</v>
      </c>
      <c r="AC21145">
        <v>54</v>
      </c>
      <c r="AD21145">
        <v>55</v>
      </c>
      <c r="AE21145">
        <v>57</v>
      </c>
      <c r="AF21145">
        <v>58</v>
      </c>
      <c r="AG21145">
        <v>59</v>
      </c>
      <c r="AH21145">
        <v>61</v>
      </c>
      <c r="AI21145">
        <v>62</v>
      </c>
      <c r="AJ21145">
        <v>64</v>
      </c>
      <c r="AK21145">
        <v>65</v>
      </c>
      <c r="AL21145">
        <v>66</v>
      </c>
      <c r="AM21145">
        <v>67</v>
      </c>
      <c r="AN21145">
        <v>68</v>
      </c>
      <c r="AO21145">
        <v>69</v>
      </c>
      <c r="AP21145">
        <v>70</v>
      </c>
      <c r="AQ21145">
        <v>71</v>
      </c>
    </row>
    <row r="21146" spans="1:43">
      <c r="A21146" t="s">
        <v>13105</v>
      </c>
      <c r="B21146" t="s">
        <v>13106</v>
      </c>
      <c r="C21146" t="s">
        <v>13103</v>
      </c>
      <c r="D21146" t="s">
        <v>13104</v>
      </c>
      <c r="E21146" t="s">
        <v>13063</v>
      </c>
      <c r="F21146" t="s">
        <v>13064</v>
      </c>
      <c r="G21146" t="s">
        <v>10214</v>
      </c>
      <c r="H21146" t="s">
        <v>10215</v>
      </c>
      <c r="I21146" s="2">
        <v>1</v>
      </c>
      <c r="J21146" s="2">
        <v>0</v>
      </c>
      <c r="K21146" s="2">
        <v>0</v>
      </c>
      <c r="L21146" t="s">
        <v>120</v>
      </c>
      <c r="M21146" t="s">
        <v>83</v>
      </c>
      <c r="N21146" t="s">
        <v>84</v>
      </c>
      <c r="O21146" t="s">
        <v>85</v>
      </c>
      <c r="P21146" t="s">
        <v>86</v>
      </c>
      <c r="Q21146">
        <v>40</v>
      </c>
      <c r="R21146">
        <v>41</v>
      </c>
      <c r="S21146">
        <v>42</v>
      </c>
      <c r="T21146">
        <v>44</v>
      </c>
      <c r="U21146">
        <v>45</v>
      </c>
      <c r="V21146">
        <v>46</v>
      </c>
      <c r="W21146">
        <v>47</v>
      </c>
      <c r="X21146">
        <v>48</v>
      </c>
      <c r="Y21146">
        <v>50</v>
      </c>
      <c r="Z21146">
        <v>51</v>
      </c>
      <c r="AA21146">
        <v>52</v>
      </c>
      <c r="AB21146">
        <v>53</v>
      </c>
      <c r="AC21146">
        <v>55</v>
      </c>
      <c r="AD21146">
        <v>56</v>
      </c>
      <c r="AE21146">
        <v>57</v>
      </c>
      <c r="AF21146">
        <v>59</v>
      </c>
      <c r="AG21146">
        <v>60</v>
      </c>
      <c r="AH21146">
        <v>61</v>
      </c>
      <c r="AI21146">
        <v>63</v>
      </c>
      <c r="AJ21146">
        <v>64</v>
      </c>
      <c r="AK21146">
        <v>66</v>
      </c>
      <c r="AL21146">
        <v>67</v>
      </c>
      <c r="AM21146">
        <v>68</v>
      </c>
      <c r="AN21146">
        <v>69</v>
      </c>
      <c r="AO21146">
        <v>70</v>
      </c>
      <c r="AP21146">
        <v>71</v>
      </c>
      <c r="AQ21146">
        <v>72</v>
      </c>
    </row>
    <row r="21147" spans="1:43">
      <c r="A21147" t="s">
        <v>13105</v>
      </c>
      <c r="B21147" t="s">
        <v>13106</v>
      </c>
      <c r="C21147" t="s">
        <v>13103</v>
      </c>
      <c r="D21147" t="s">
        <v>13104</v>
      </c>
      <c r="E21147" t="s">
        <v>13063</v>
      </c>
      <c r="F21147" t="s">
        <v>13064</v>
      </c>
      <c r="G21147" t="s">
        <v>10214</v>
      </c>
      <c r="H21147" t="s">
        <v>10215</v>
      </c>
      <c r="I21147" s="2">
        <v>1</v>
      </c>
      <c r="J21147" s="2">
        <v>0</v>
      </c>
      <c r="K21147" s="2">
        <v>0</v>
      </c>
      <c r="L21147" t="s">
        <v>120</v>
      </c>
      <c r="M21147" t="s">
        <v>87</v>
      </c>
      <c r="N21147" t="s">
        <v>88</v>
      </c>
      <c r="O21147" t="s">
        <v>85</v>
      </c>
      <c r="P21147" t="s">
        <v>86</v>
      </c>
      <c r="Q21147">
        <v>40</v>
      </c>
      <c r="R21147">
        <v>41</v>
      </c>
      <c r="S21147">
        <v>41</v>
      </c>
      <c r="T21147">
        <v>42</v>
      </c>
      <c r="U21147">
        <v>43</v>
      </c>
      <c r="V21147">
        <v>44</v>
      </c>
      <c r="W21147">
        <v>44</v>
      </c>
      <c r="X21147">
        <v>45</v>
      </c>
      <c r="Y21147">
        <v>46</v>
      </c>
      <c r="Z21147">
        <v>47</v>
      </c>
      <c r="AA21147">
        <v>47</v>
      </c>
      <c r="AB21147">
        <v>48</v>
      </c>
      <c r="AC21147">
        <v>49</v>
      </c>
      <c r="AD21147">
        <v>50</v>
      </c>
      <c r="AE21147">
        <v>51</v>
      </c>
      <c r="AF21147">
        <v>52</v>
      </c>
      <c r="AG21147">
        <v>53</v>
      </c>
      <c r="AH21147">
        <v>53</v>
      </c>
      <c r="AI21147">
        <v>54</v>
      </c>
      <c r="AJ21147">
        <v>55</v>
      </c>
      <c r="AK21147">
        <v>56</v>
      </c>
      <c r="AL21147">
        <v>57</v>
      </c>
      <c r="AM21147">
        <v>58</v>
      </c>
      <c r="AN21147">
        <v>59</v>
      </c>
      <c r="AO21147">
        <v>60</v>
      </c>
      <c r="AP21147">
        <v>61</v>
      </c>
      <c r="AQ21147">
        <v>62</v>
      </c>
    </row>
    <row r="21148" spans="1:43">
      <c r="A21148" t="s">
        <v>13105</v>
      </c>
      <c r="B21148" t="s">
        <v>13106</v>
      </c>
      <c r="C21148" t="s">
        <v>13103</v>
      </c>
      <c r="D21148" t="s">
        <v>13104</v>
      </c>
      <c r="E21148" t="s">
        <v>13063</v>
      </c>
      <c r="F21148" t="s">
        <v>13064</v>
      </c>
      <c r="G21148" t="s">
        <v>10214</v>
      </c>
      <c r="H21148" t="s">
        <v>10215</v>
      </c>
      <c r="I21148" s="2">
        <v>1</v>
      </c>
      <c r="J21148" s="2">
        <v>0</v>
      </c>
      <c r="K21148" s="2">
        <v>0</v>
      </c>
      <c r="L21148" t="s">
        <v>120</v>
      </c>
      <c r="M21148" t="s">
        <v>89</v>
      </c>
      <c r="N21148" t="s">
        <v>90</v>
      </c>
      <c r="O21148" t="s">
        <v>85</v>
      </c>
      <c r="P21148" t="s">
        <v>86</v>
      </c>
      <c r="Q21148">
        <v>40</v>
      </c>
      <c r="R21148">
        <v>41</v>
      </c>
      <c r="S21148">
        <v>43</v>
      </c>
      <c r="T21148">
        <v>44</v>
      </c>
      <c r="U21148">
        <v>46</v>
      </c>
      <c r="V21148">
        <v>47</v>
      </c>
      <c r="W21148">
        <v>48</v>
      </c>
      <c r="X21148">
        <v>50</v>
      </c>
      <c r="Y21148">
        <v>51</v>
      </c>
      <c r="Z21148">
        <v>53</v>
      </c>
      <c r="AA21148">
        <v>54</v>
      </c>
      <c r="AB21148">
        <v>56</v>
      </c>
      <c r="AC21148">
        <v>58</v>
      </c>
      <c r="AD21148">
        <v>59</v>
      </c>
      <c r="AE21148">
        <v>60</v>
      </c>
      <c r="AF21148">
        <v>61</v>
      </c>
      <c r="AG21148">
        <v>62</v>
      </c>
      <c r="AH21148">
        <v>63</v>
      </c>
      <c r="AI21148">
        <v>64</v>
      </c>
      <c r="AJ21148">
        <v>65</v>
      </c>
      <c r="AK21148">
        <v>66</v>
      </c>
      <c r="AL21148">
        <v>67</v>
      </c>
      <c r="AM21148">
        <v>68</v>
      </c>
      <c r="AN21148">
        <v>68</v>
      </c>
      <c r="AO21148">
        <v>69</v>
      </c>
      <c r="AP21148">
        <v>70</v>
      </c>
      <c r="AQ21148">
        <v>71</v>
      </c>
    </row>
    <row r="21149" spans="1:43">
      <c r="A21149" t="s">
        <v>13105</v>
      </c>
      <c r="B21149" t="s">
        <v>13106</v>
      </c>
      <c r="C21149" t="s">
        <v>13103</v>
      </c>
      <c r="D21149" t="s">
        <v>13104</v>
      </c>
      <c r="E21149" t="s">
        <v>13063</v>
      </c>
      <c r="F21149" t="s">
        <v>13064</v>
      </c>
      <c r="G21149" t="s">
        <v>10214</v>
      </c>
      <c r="H21149" t="s">
        <v>10215</v>
      </c>
      <c r="I21149" s="2">
        <v>1</v>
      </c>
      <c r="J21149" s="2">
        <v>0</v>
      </c>
      <c r="K21149" s="2">
        <v>0</v>
      </c>
      <c r="L21149" t="s">
        <v>120</v>
      </c>
      <c r="M21149" t="s">
        <v>83</v>
      </c>
      <c r="N21149" t="s">
        <v>91</v>
      </c>
      <c r="O21149" t="s">
        <v>85</v>
      </c>
      <c r="P21149" t="s">
        <v>86</v>
      </c>
      <c r="Q21149">
        <v>40</v>
      </c>
      <c r="R21149">
        <v>41</v>
      </c>
      <c r="S21149">
        <v>42</v>
      </c>
      <c r="T21149">
        <v>44</v>
      </c>
      <c r="U21149">
        <v>45</v>
      </c>
      <c r="V21149">
        <v>46</v>
      </c>
      <c r="W21149">
        <v>47</v>
      </c>
      <c r="X21149">
        <v>48</v>
      </c>
      <c r="Y21149">
        <v>50</v>
      </c>
      <c r="Z21149">
        <v>51</v>
      </c>
      <c r="AA21149">
        <v>52</v>
      </c>
      <c r="AB21149">
        <v>53</v>
      </c>
      <c r="AC21149">
        <v>55</v>
      </c>
      <c r="AD21149">
        <v>56</v>
      </c>
      <c r="AE21149">
        <v>57</v>
      </c>
      <c r="AF21149">
        <v>59</v>
      </c>
      <c r="AG21149">
        <v>60</v>
      </c>
      <c r="AH21149">
        <v>61</v>
      </c>
      <c r="AI21149">
        <v>63</v>
      </c>
      <c r="AJ21149">
        <v>64</v>
      </c>
      <c r="AK21149">
        <v>66</v>
      </c>
      <c r="AL21149">
        <v>67</v>
      </c>
      <c r="AM21149">
        <v>68</v>
      </c>
      <c r="AN21149">
        <v>69</v>
      </c>
      <c r="AO21149">
        <v>70</v>
      </c>
      <c r="AP21149">
        <v>71</v>
      </c>
      <c r="AQ21149">
        <v>72</v>
      </c>
    </row>
    <row r="21150" spans="1:43">
      <c r="A21150" t="s">
        <v>13107</v>
      </c>
      <c r="B21150" t="s">
        <v>13108</v>
      </c>
      <c r="C21150" t="s">
        <v>13103</v>
      </c>
      <c r="D21150" t="s">
        <v>13104</v>
      </c>
      <c r="E21150" t="s">
        <v>13063</v>
      </c>
      <c r="F21150" t="s">
        <v>13064</v>
      </c>
      <c r="G21150" t="s">
        <v>10214</v>
      </c>
      <c r="H21150" t="s">
        <v>10215</v>
      </c>
      <c r="I21150" s="2">
        <v>1</v>
      </c>
      <c r="J21150" s="2">
        <v>0</v>
      </c>
      <c r="K21150" s="2">
        <v>0</v>
      </c>
      <c r="L21150" t="s">
        <v>120</v>
      </c>
      <c r="M21150" t="s">
        <v>83</v>
      </c>
      <c r="N21150" t="s">
        <v>84</v>
      </c>
      <c r="O21150" t="s">
        <v>85</v>
      </c>
      <c r="P21150" t="s">
        <v>86</v>
      </c>
      <c r="Q21150">
        <v>28</v>
      </c>
      <c r="R21150">
        <v>28</v>
      </c>
      <c r="S21150">
        <v>29</v>
      </c>
      <c r="T21150">
        <v>30</v>
      </c>
      <c r="U21150">
        <v>31</v>
      </c>
      <c r="V21150">
        <v>32</v>
      </c>
      <c r="W21150">
        <v>32</v>
      </c>
      <c r="X21150">
        <v>33</v>
      </c>
      <c r="Y21150">
        <v>34</v>
      </c>
      <c r="Z21150">
        <v>35</v>
      </c>
      <c r="AA21150">
        <v>36</v>
      </c>
      <c r="AB21150">
        <v>37</v>
      </c>
      <c r="AC21150">
        <v>38</v>
      </c>
      <c r="AD21150">
        <v>38</v>
      </c>
      <c r="AE21150">
        <v>39</v>
      </c>
      <c r="AF21150">
        <v>40</v>
      </c>
      <c r="AG21150">
        <v>41</v>
      </c>
      <c r="AH21150">
        <v>42</v>
      </c>
      <c r="AI21150">
        <v>43</v>
      </c>
      <c r="AJ21150">
        <v>44</v>
      </c>
      <c r="AK21150">
        <v>45</v>
      </c>
      <c r="AL21150">
        <v>46</v>
      </c>
      <c r="AM21150">
        <v>47</v>
      </c>
      <c r="AN21150">
        <v>47</v>
      </c>
      <c r="AO21150">
        <v>48</v>
      </c>
      <c r="AP21150">
        <v>49</v>
      </c>
      <c r="AQ21150">
        <v>49</v>
      </c>
    </row>
    <row r="21151" spans="1:43">
      <c r="A21151" t="s">
        <v>13107</v>
      </c>
      <c r="B21151" t="s">
        <v>13108</v>
      </c>
      <c r="C21151" t="s">
        <v>13103</v>
      </c>
      <c r="D21151" t="s">
        <v>13104</v>
      </c>
      <c r="E21151" t="s">
        <v>13063</v>
      </c>
      <c r="F21151" t="s">
        <v>13064</v>
      </c>
      <c r="G21151" t="s">
        <v>10214</v>
      </c>
      <c r="H21151" t="s">
        <v>10215</v>
      </c>
      <c r="I21151" s="2">
        <v>1</v>
      </c>
      <c r="J21151" s="2">
        <v>0</v>
      </c>
      <c r="K21151" s="2">
        <v>0</v>
      </c>
      <c r="L21151" t="s">
        <v>120</v>
      </c>
      <c r="M21151" t="s">
        <v>87</v>
      </c>
      <c r="N21151" t="s">
        <v>88</v>
      </c>
      <c r="O21151" t="s">
        <v>85</v>
      </c>
      <c r="P21151" t="s">
        <v>86</v>
      </c>
      <c r="Q21151">
        <v>28</v>
      </c>
      <c r="R21151">
        <v>29</v>
      </c>
      <c r="S21151">
        <v>29</v>
      </c>
      <c r="T21151">
        <v>30</v>
      </c>
      <c r="U21151">
        <v>30</v>
      </c>
      <c r="V21151">
        <v>31</v>
      </c>
      <c r="W21151">
        <v>31</v>
      </c>
      <c r="X21151">
        <v>32</v>
      </c>
      <c r="Y21151">
        <v>33</v>
      </c>
      <c r="Z21151">
        <v>33</v>
      </c>
      <c r="AA21151">
        <v>34</v>
      </c>
      <c r="AB21151">
        <v>34</v>
      </c>
      <c r="AC21151">
        <v>35</v>
      </c>
      <c r="AD21151">
        <v>35</v>
      </c>
      <c r="AE21151">
        <v>36</v>
      </c>
      <c r="AF21151">
        <v>37</v>
      </c>
      <c r="AG21151">
        <v>37</v>
      </c>
      <c r="AH21151">
        <v>38</v>
      </c>
      <c r="AI21151">
        <v>38</v>
      </c>
      <c r="AJ21151">
        <v>39</v>
      </c>
      <c r="AK21151">
        <v>40</v>
      </c>
      <c r="AL21151">
        <v>40</v>
      </c>
      <c r="AM21151">
        <v>41</v>
      </c>
      <c r="AN21151">
        <v>42</v>
      </c>
      <c r="AO21151">
        <v>42</v>
      </c>
      <c r="AP21151">
        <v>43</v>
      </c>
      <c r="AQ21151">
        <v>44</v>
      </c>
    </row>
    <row r="21152" spans="1:43">
      <c r="A21152" t="s">
        <v>13107</v>
      </c>
      <c r="B21152" t="s">
        <v>13108</v>
      </c>
      <c r="C21152" t="s">
        <v>13103</v>
      </c>
      <c r="D21152" t="s">
        <v>13104</v>
      </c>
      <c r="E21152" t="s">
        <v>13063</v>
      </c>
      <c r="F21152" t="s">
        <v>13064</v>
      </c>
      <c r="G21152" t="s">
        <v>10214</v>
      </c>
      <c r="H21152" t="s">
        <v>10215</v>
      </c>
      <c r="I21152" s="2">
        <v>1</v>
      </c>
      <c r="J21152" s="2">
        <v>0</v>
      </c>
      <c r="K21152" s="2">
        <v>0</v>
      </c>
      <c r="L21152" t="s">
        <v>120</v>
      </c>
      <c r="M21152" t="s">
        <v>89</v>
      </c>
      <c r="N21152" t="s">
        <v>90</v>
      </c>
      <c r="O21152" t="s">
        <v>85</v>
      </c>
      <c r="P21152" t="s">
        <v>86</v>
      </c>
      <c r="Q21152">
        <v>28</v>
      </c>
      <c r="R21152">
        <v>29</v>
      </c>
      <c r="S21152">
        <v>30</v>
      </c>
      <c r="T21152">
        <v>31</v>
      </c>
      <c r="U21152">
        <v>32</v>
      </c>
      <c r="V21152">
        <v>33</v>
      </c>
      <c r="W21152">
        <v>34</v>
      </c>
      <c r="X21152">
        <v>35</v>
      </c>
      <c r="Y21152">
        <v>36</v>
      </c>
      <c r="Z21152">
        <v>37</v>
      </c>
      <c r="AA21152">
        <v>38</v>
      </c>
      <c r="AB21152">
        <v>39</v>
      </c>
      <c r="AC21152">
        <v>40</v>
      </c>
      <c r="AD21152">
        <v>41</v>
      </c>
      <c r="AE21152">
        <v>42</v>
      </c>
      <c r="AF21152">
        <v>43</v>
      </c>
      <c r="AG21152">
        <v>43</v>
      </c>
      <c r="AH21152">
        <v>44</v>
      </c>
      <c r="AI21152">
        <v>45</v>
      </c>
      <c r="AJ21152">
        <v>45</v>
      </c>
      <c r="AK21152">
        <v>46</v>
      </c>
      <c r="AL21152">
        <v>46</v>
      </c>
      <c r="AM21152">
        <v>47</v>
      </c>
      <c r="AN21152">
        <v>48</v>
      </c>
      <c r="AO21152">
        <v>48</v>
      </c>
      <c r="AP21152">
        <v>49</v>
      </c>
      <c r="AQ21152">
        <v>50</v>
      </c>
    </row>
    <row r="21153" spans="1:43">
      <c r="A21153" t="s">
        <v>13107</v>
      </c>
      <c r="B21153" t="s">
        <v>13108</v>
      </c>
      <c r="C21153" t="s">
        <v>13103</v>
      </c>
      <c r="D21153" t="s">
        <v>13104</v>
      </c>
      <c r="E21153" t="s">
        <v>13063</v>
      </c>
      <c r="F21153" t="s">
        <v>13064</v>
      </c>
      <c r="G21153" t="s">
        <v>10214</v>
      </c>
      <c r="H21153" t="s">
        <v>10215</v>
      </c>
      <c r="I21153" s="2">
        <v>1</v>
      </c>
      <c r="J21153" s="2">
        <v>0</v>
      </c>
      <c r="K21153" s="2">
        <v>0</v>
      </c>
      <c r="L21153" t="s">
        <v>120</v>
      </c>
      <c r="M21153" t="s">
        <v>83</v>
      </c>
      <c r="N21153" t="s">
        <v>91</v>
      </c>
      <c r="O21153" t="s">
        <v>85</v>
      </c>
      <c r="P21153" t="s">
        <v>86</v>
      </c>
      <c r="Q21153">
        <v>28</v>
      </c>
      <c r="R21153">
        <v>28</v>
      </c>
      <c r="S21153">
        <v>29</v>
      </c>
      <c r="T21153">
        <v>30</v>
      </c>
      <c r="U21153">
        <v>31</v>
      </c>
      <c r="V21153">
        <v>32</v>
      </c>
      <c r="W21153">
        <v>32</v>
      </c>
      <c r="X21153">
        <v>33</v>
      </c>
      <c r="Y21153">
        <v>34</v>
      </c>
      <c r="Z21153">
        <v>35</v>
      </c>
      <c r="AA21153">
        <v>36</v>
      </c>
      <c r="AB21153">
        <v>37</v>
      </c>
      <c r="AC21153">
        <v>38</v>
      </c>
      <c r="AD21153">
        <v>38</v>
      </c>
      <c r="AE21153">
        <v>39</v>
      </c>
      <c r="AF21153">
        <v>40</v>
      </c>
      <c r="AG21153">
        <v>41</v>
      </c>
      <c r="AH21153">
        <v>42</v>
      </c>
      <c r="AI21153">
        <v>43</v>
      </c>
      <c r="AJ21153">
        <v>44</v>
      </c>
      <c r="AK21153">
        <v>45</v>
      </c>
      <c r="AL21153">
        <v>46</v>
      </c>
      <c r="AM21153">
        <v>47</v>
      </c>
      <c r="AN21153">
        <v>47</v>
      </c>
      <c r="AO21153">
        <v>48</v>
      </c>
      <c r="AP21153">
        <v>49</v>
      </c>
      <c r="AQ21153">
        <v>49</v>
      </c>
    </row>
    <row r="21154" spans="1:43">
      <c r="A21154" t="s">
        <v>13109</v>
      </c>
      <c r="B21154" t="s">
        <v>13110</v>
      </c>
      <c r="C21154" t="s">
        <v>13111</v>
      </c>
      <c r="D21154" t="s">
        <v>13112</v>
      </c>
      <c r="E21154" t="s">
        <v>13063</v>
      </c>
      <c r="F21154" t="s">
        <v>13064</v>
      </c>
      <c r="G21154" t="s">
        <v>10214</v>
      </c>
      <c r="H21154" t="s">
        <v>10215</v>
      </c>
      <c r="I21154" s="2">
        <v>1</v>
      </c>
      <c r="J21154" s="2">
        <v>0</v>
      </c>
      <c r="K21154" s="2">
        <v>0</v>
      </c>
      <c r="L21154" t="s">
        <v>120</v>
      </c>
      <c r="M21154" t="s">
        <v>83</v>
      </c>
      <c r="N21154" t="s">
        <v>84</v>
      </c>
      <c r="O21154" t="s">
        <v>85</v>
      </c>
      <c r="P21154" t="s">
        <v>86</v>
      </c>
      <c r="Q21154">
        <v>43</v>
      </c>
      <c r="R21154">
        <v>44</v>
      </c>
      <c r="S21154">
        <v>45</v>
      </c>
      <c r="T21154">
        <v>46</v>
      </c>
      <c r="U21154">
        <v>48</v>
      </c>
      <c r="V21154">
        <v>49</v>
      </c>
      <c r="W21154">
        <v>50</v>
      </c>
      <c r="X21154">
        <v>51</v>
      </c>
      <c r="Y21154">
        <v>53</v>
      </c>
      <c r="Z21154">
        <v>54</v>
      </c>
      <c r="AA21154">
        <v>55</v>
      </c>
      <c r="AB21154">
        <v>57</v>
      </c>
      <c r="AC21154">
        <v>58</v>
      </c>
      <c r="AD21154">
        <v>60</v>
      </c>
      <c r="AE21154">
        <v>61</v>
      </c>
      <c r="AF21154">
        <v>62</v>
      </c>
      <c r="AG21154">
        <v>64</v>
      </c>
      <c r="AH21154">
        <v>65</v>
      </c>
      <c r="AI21154">
        <v>67</v>
      </c>
      <c r="AJ21154">
        <v>69</v>
      </c>
      <c r="AK21154">
        <v>70</v>
      </c>
      <c r="AL21154">
        <v>71</v>
      </c>
      <c r="AM21154">
        <v>72</v>
      </c>
      <c r="AN21154">
        <v>73</v>
      </c>
      <c r="AO21154">
        <v>74</v>
      </c>
      <c r="AP21154">
        <v>75</v>
      </c>
      <c r="AQ21154">
        <v>76</v>
      </c>
    </row>
    <row r="21155" spans="1:43">
      <c r="A21155" t="s">
        <v>13109</v>
      </c>
      <c r="B21155" t="s">
        <v>13110</v>
      </c>
      <c r="C21155" t="s">
        <v>13111</v>
      </c>
      <c r="D21155" t="s">
        <v>13112</v>
      </c>
      <c r="E21155" t="s">
        <v>13063</v>
      </c>
      <c r="F21155" t="s">
        <v>13064</v>
      </c>
      <c r="G21155" t="s">
        <v>10214</v>
      </c>
      <c r="H21155" t="s">
        <v>10215</v>
      </c>
      <c r="I21155" s="2">
        <v>1</v>
      </c>
      <c r="J21155" s="2">
        <v>0</v>
      </c>
      <c r="K21155" s="2">
        <v>0</v>
      </c>
      <c r="L21155" t="s">
        <v>120</v>
      </c>
      <c r="M21155" t="s">
        <v>87</v>
      </c>
      <c r="N21155" t="s">
        <v>88</v>
      </c>
      <c r="O21155" t="s">
        <v>85</v>
      </c>
      <c r="P21155" t="s">
        <v>86</v>
      </c>
      <c r="Q21155">
        <v>43</v>
      </c>
      <c r="R21155">
        <v>44</v>
      </c>
      <c r="S21155">
        <v>45</v>
      </c>
      <c r="T21155">
        <v>46</v>
      </c>
      <c r="U21155">
        <v>47</v>
      </c>
      <c r="V21155">
        <v>47</v>
      </c>
      <c r="W21155">
        <v>48</v>
      </c>
      <c r="X21155">
        <v>49</v>
      </c>
      <c r="Y21155">
        <v>50</v>
      </c>
      <c r="Z21155">
        <v>51</v>
      </c>
      <c r="AA21155">
        <v>51</v>
      </c>
      <c r="AB21155">
        <v>52</v>
      </c>
      <c r="AC21155">
        <v>53</v>
      </c>
      <c r="AD21155">
        <v>54</v>
      </c>
      <c r="AE21155">
        <v>55</v>
      </c>
      <c r="AF21155">
        <v>56</v>
      </c>
      <c r="AG21155">
        <v>57</v>
      </c>
      <c r="AH21155">
        <v>58</v>
      </c>
      <c r="AI21155">
        <v>59</v>
      </c>
      <c r="AJ21155">
        <v>60</v>
      </c>
      <c r="AK21155">
        <v>61</v>
      </c>
      <c r="AL21155">
        <v>62</v>
      </c>
      <c r="AM21155">
        <v>63</v>
      </c>
      <c r="AN21155">
        <v>64</v>
      </c>
      <c r="AO21155">
        <v>65</v>
      </c>
      <c r="AP21155">
        <v>66</v>
      </c>
      <c r="AQ21155">
        <v>67</v>
      </c>
    </row>
    <row r="21156" spans="1:43">
      <c r="A21156" t="s">
        <v>13109</v>
      </c>
      <c r="B21156" t="s">
        <v>13110</v>
      </c>
      <c r="C21156" t="s">
        <v>13111</v>
      </c>
      <c r="D21156" t="s">
        <v>13112</v>
      </c>
      <c r="E21156" t="s">
        <v>13063</v>
      </c>
      <c r="F21156" t="s">
        <v>13064</v>
      </c>
      <c r="G21156" t="s">
        <v>10214</v>
      </c>
      <c r="H21156" t="s">
        <v>10215</v>
      </c>
      <c r="I21156" s="2">
        <v>1</v>
      </c>
      <c r="J21156" s="2">
        <v>0</v>
      </c>
      <c r="K21156" s="2">
        <v>0</v>
      </c>
      <c r="L21156" t="s">
        <v>120</v>
      </c>
      <c r="M21156" t="s">
        <v>89</v>
      </c>
      <c r="N21156" t="s">
        <v>90</v>
      </c>
      <c r="O21156" t="s">
        <v>85</v>
      </c>
      <c r="P21156" t="s">
        <v>86</v>
      </c>
      <c r="Q21156">
        <v>43</v>
      </c>
      <c r="R21156">
        <v>45</v>
      </c>
      <c r="S21156">
        <v>46</v>
      </c>
      <c r="T21156">
        <v>48</v>
      </c>
      <c r="U21156">
        <v>49</v>
      </c>
      <c r="V21156">
        <v>51</v>
      </c>
      <c r="W21156">
        <v>53</v>
      </c>
      <c r="X21156">
        <v>54</v>
      </c>
      <c r="Y21156">
        <v>56</v>
      </c>
      <c r="Z21156">
        <v>57</v>
      </c>
      <c r="AA21156">
        <v>59</v>
      </c>
      <c r="AB21156">
        <v>61</v>
      </c>
      <c r="AC21156">
        <v>62</v>
      </c>
      <c r="AD21156">
        <v>64</v>
      </c>
      <c r="AE21156">
        <v>65</v>
      </c>
      <c r="AF21156">
        <v>66</v>
      </c>
      <c r="AG21156">
        <v>67</v>
      </c>
      <c r="AH21156">
        <v>68</v>
      </c>
      <c r="AI21156">
        <v>69</v>
      </c>
      <c r="AJ21156">
        <v>70</v>
      </c>
      <c r="AK21156">
        <v>71</v>
      </c>
      <c r="AL21156">
        <v>72</v>
      </c>
      <c r="AM21156">
        <v>73</v>
      </c>
      <c r="AN21156">
        <v>74</v>
      </c>
      <c r="AO21156">
        <v>75</v>
      </c>
      <c r="AP21156">
        <v>76</v>
      </c>
      <c r="AQ21156">
        <v>77</v>
      </c>
    </row>
    <row r="21157" spans="1:43">
      <c r="A21157" t="s">
        <v>13109</v>
      </c>
      <c r="B21157" t="s">
        <v>13110</v>
      </c>
      <c r="C21157" t="s">
        <v>13111</v>
      </c>
      <c r="D21157" t="s">
        <v>13112</v>
      </c>
      <c r="E21157" t="s">
        <v>13063</v>
      </c>
      <c r="F21157" t="s">
        <v>13064</v>
      </c>
      <c r="G21157" t="s">
        <v>10214</v>
      </c>
      <c r="H21157" t="s">
        <v>10215</v>
      </c>
      <c r="I21157" s="2">
        <v>1</v>
      </c>
      <c r="J21157" s="2">
        <v>0</v>
      </c>
      <c r="K21157" s="2">
        <v>0</v>
      </c>
      <c r="L21157" t="s">
        <v>120</v>
      </c>
      <c r="M21157" t="s">
        <v>83</v>
      </c>
      <c r="N21157" t="s">
        <v>91</v>
      </c>
      <c r="O21157" t="s">
        <v>85</v>
      </c>
      <c r="P21157" t="s">
        <v>86</v>
      </c>
      <c r="Q21157">
        <v>43</v>
      </c>
      <c r="R21157">
        <v>44</v>
      </c>
      <c r="S21157">
        <v>45</v>
      </c>
      <c r="T21157">
        <v>46</v>
      </c>
      <c r="U21157">
        <v>48</v>
      </c>
      <c r="V21157">
        <v>49</v>
      </c>
      <c r="W21157">
        <v>50</v>
      </c>
      <c r="X21157">
        <v>51</v>
      </c>
      <c r="Y21157">
        <v>53</v>
      </c>
      <c r="Z21157">
        <v>54</v>
      </c>
      <c r="AA21157">
        <v>55</v>
      </c>
      <c r="AB21157">
        <v>57</v>
      </c>
      <c r="AC21157">
        <v>58</v>
      </c>
      <c r="AD21157">
        <v>60</v>
      </c>
      <c r="AE21157">
        <v>61</v>
      </c>
      <c r="AF21157">
        <v>62</v>
      </c>
      <c r="AG21157">
        <v>64</v>
      </c>
      <c r="AH21157">
        <v>65</v>
      </c>
      <c r="AI21157">
        <v>67</v>
      </c>
      <c r="AJ21157">
        <v>69</v>
      </c>
      <c r="AK21157">
        <v>70</v>
      </c>
      <c r="AL21157">
        <v>71</v>
      </c>
      <c r="AM21157">
        <v>72</v>
      </c>
      <c r="AN21157">
        <v>73</v>
      </c>
      <c r="AO21157">
        <v>74</v>
      </c>
      <c r="AP21157">
        <v>75</v>
      </c>
      <c r="AQ21157">
        <v>76</v>
      </c>
    </row>
    <row r="21158" spans="1:43">
      <c r="A21158" t="s">
        <v>13113</v>
      </c>
      <c r="B21158" t="s">
        <v>13114</v>
      </c>
      <c r="C21158" t="s">
        <v>13111</v>
      </c>
      <c r="D21158" t="s">
        <v>13112</v>
      </c>
      <c r="E21158" t="s">
        <v>13063</v>
      </c>
      <c r="F21158" t="s">
        <v>13064</v>
      </c>
      <c r="G21158" t="s">
        <v>10214</v>
      </c>
      <c r="H21158" t="s">
        <v>10215</v>
      </c>
      <c r="I21158" s="2">
        <v>1</v>
      </c>
      <c r="J21158" s="2">
        <v>0</v>
      </c>
      <c r="K21158" s="2">
        <v>0</v>
      </c>
      <c r="L21158" t="s">
        <v>120</v>
      </c>
      <c r="M21158" t="s">
        <v>83</v>
      </c>
      <c r="N21158" t="s">
        <v>84</v>
      </c>
      <c r="O21158" t="s">
        <v>85</v>
      </c>
      <c r="P21158" t="s">
        <v>86</v>
      </c>
      <c r="Q21158">
        <v>61</v>
      </c>
      <c r="R21158">
        <v>63</v>
      </c>
      <c r="S21158">
        <v>65</v>
      </c>
      <c r="T21158">
        <v>66</v>
      </c>
      <c r="U21158">
        <v>68</v>
      </c>
      <c r="V21158">
        <v>70</v>
      </c>
      <c r="W21158">
        <v>72</v>
      </c>
      <c r="X21158">
        <v>74</v>
      </c>
      <c r="Y21158">
        <v>76</v>
      </c>
      <c r="Z21158">
        <v>77</v>
      </c>
      <c r="AA21158">
        <v>79</v>
      </c>
      <c r="AB21158">
        <v>81</v>
      </c>
      <c r="AC21158">
        <v>83</v>
      </c>
      <c r="AD21158">
        <v>85</v>
      </c>
      <c r="AE21158">
        <v>87</v>
      </c>
      <c r="AF21158">
        <v>89</v>
      </c>
      <c r="AG21158">
        <v>92</v>
      </c>
      <c r="AH21158">
        <v>94</v>
      </c>
      <c r="AI21158">
        <v>96</v>
      </c>
      <c r="AJ21158">
        <v>98</v>
      </c>
      <c r="AK21158">
        <v>101</v>
      </c>
      <c r="AL21158">
        <v>102</v>
      </c>
      <c r="AM21158">
        <v>104</v>
      </c>
      <c r="AN21158">
        <v>105</v>
      </c>
      <c r="AO21158">
        <v>107</v>
      </c>
      <c r="AP21158">
        <v>108</v>
      </c>
      <c r="AQ21158">
        <v>110</v>
      </c>
    </row>
    <row r="21159" spans="1:43">
      <c r="A21159" t="s">
        <v>13113</v>
      </c>
      <c r="B21159" t="s">
        <v>13114</v>
      </c>
      <c r="C21159" t="s">
        <v>13111</v>
      </c>
      <c r="D21159" t="s">
        <v>13112</v>
      </c>
      <c r="E21159" t="s">
        <v>13063</v>
      </c>
      <c r="F21159" t="s">
        <v>13064</v>
      </c>
      <c r="G21159" t="s">
        <v>10214</v>
      </c>
      <c r="H21159" t="s">
        <v>10215</v>
      </c>
      <c r="I21159" s="2">
        <v>1</v>
      </c>
      <c r="J21159" s="2">
        <v>0</v>
      </c>
      <c r="K21159" s="2">
        <v>0</v>
      </c>
      <c r="L21159" t="s">
        <v>120</v>
      </c>
      <c r="M21159" t="s">
        <v>87</v>
      </c>
      <c r="N21159" t="s">
        <v>88</v>
      </c>
      <c r="O21159" t="s">
        <v>85</v>
      </c>
      <c r="P21159" t="s">
        <v>86</v>
      </c>
      <c r="Q21159">
        <v>61</v>
      </c>
      <c r="R21159">
        <v>62</v>
      </c>
      <c r="S21159">
        <v>63</v>
      </c>
      <c r="T21159">
        <v>64</v>
      </c>
      <c r="U21159">
        <v>65</v>
      </c>
      <c r="V21159">
        <v>66</v>
      </c>
      <c r="W21159">
        <v>68</v>
      </c>
      <c r="X21159">
        <v>69</v>
      </c>
      <c r="Y21159">
        <v>70</v>
      </c>
      <c r="Z21159">
        <v>71</v>
      </c>
      <c r="AA21159">
        <v>72</v>
      </c>
      <c r="AB21159">
        <v>74</v>
      </c>
      <c r="AC21159">
        <v>75</v>
      </c>
      <c r="AD21159">
        <v>76</v>
      </c>
      <c r="AE21159">
        <v>77</v>
      </c>
      <c r="AF21159">
        <v>79</v>
      </c>
      <c r="AG21159">
        <v>80</v>
      </c>
      <c r="AH21159">
        <v>81</v>
      </c>
      <c r="AI21159">
        <v>83</v>
      </c>
      <c r="AJ21159">
        <v>84</v>
      </c>
      <c r="AK21159">
        <v>86</v>
      </c>
      <c r="AL21159">
        <v>87</v>
      </c>
      <c r="AM21159">
        <v>89</v>
      </c>
      <c r="AN21159">
        <v>90</v>
      </c>
      <c r="AO21159">
        <v>92</v>
      </c>
      <c r="AP21159">
        <v>93</v>
      </c>
      <c r="AQ21159">
        <v>95</v>
      </c>
    </row>
    <row r="21160" spans="1:43">
      <c r="A21160" t="s">
        <v>13113</v>
      </c>
      <c r="B21160" t="s">
        <v>13114</v>
      </c>
      <c r="C21160" t="s">
        <v>13111</v>
      </c>
      <c r="D21160" t="s">
        <v>13112</v>
      </c>
      <c r="E21160" t="s">
        <v>13063</v>
      </c>
      <c r="F21160" t="s">
        <v>13064</v>
      </c>
      <c r="G21160" t="s">
        <v>10214</v>
      </c>
      <c r="H21160" t="s">
        <v>10215</v>
      </c>
      <c r="I21160" s="2">
        <v>1</v>
      </c>
      <c r="J21160" s="2">
        <v>0</v>
      </c>
      <c r="K21160" s="2">
        <v>0</v>
      </c>
      <c r="L21160" t="s">
        <v>120</v>
      </c>
      <c r="M21160" t="s">
        <v>89</v>
      </c>
      <c r="N21160" t="s">
        <v>90</v>
      </c>
      <c r="O21160" t="s">
        <v>85</v>
      </c>
      <c r="P21160" t="s">
        <v>86</v>
      </c>
      <c r="Q21160">
        <v>61</v>
      </c>
      <c r="R21160">
        <v>63</v>
      </c>
      <c r="S21160">
        <v>65</v>
      </c>
      <c r="T21160">
        <v>68</v>
      </c>
      <c r="U21160">
        <v>70</v>
      </c>
      <c r="V21160">
        <v>72</v>
      </c>
      <c r="W21160">
        <v>74</v>
      </c>
      <c r="X21160">
        <v>77</v>
      </c>
      <c r="Y21160">
        <v>79</v>
      </c>
      <c r="Z21160">
        <v>81</v>
      </c>
      <c r="AA21160">
        <v>84</v>
      </c>
      <c r="AB21160">
        <v>86</v>
      </c>
      <c r="AC21160">
        <v>88</v>
      </c>
      <c r="AD21160">
        <v>91</v>
      </c>
      <c r="AE21160">
        <v>93</v>
      </c>
      <c r="AF21160">
        <v>94</v>
      </c>
      <c r="AG21160">
        <v>95</v>
      </c>
      <c r="AH21160">
        <v>97</v>
      </c>
      <c r="AI21160">
        <v>98</v>
      </c>
      <c r="AJ21160">
        <v>100</v>
      </c>
      <c r="AK21160">
        <v>101</v>
      </c>
      <c r="AL21160">
        <v>102</v>
      </c>
      <c r="AM21160">
        <v>104</v>
      </c>
      <c r="AN21160">
        <v>105</v>
      </c>
      <c r="AO21160">
        <v>107</v>
      </c>
      <c r="AP21160">
        <v>108</v>
      </c>
      <c r="AQ21160">
        <v>110</v>
      </c>
    </row>
    <row r="21161" spans="1:43">
      <c r="A21161" t="s">
        <v>13113</v>
      </c>
      <c r="B21161" t="s">
        <v>13114</v>
      </c>
      <c r="C21161" t="s">
        <v>13111</v>
      </c>
      <c r="D21161" t="s">
        <v>13112</v>
      </c>
      <c r="E21161" t="s">
        <v>13063</v>
      </c>
      <c r="F21161" t="s">
        <v>13064</v>
      </c>
      <c r="G21161" t="s">
        <v>10214</v>
      </c>
      <c r="H21161" t="s">
        <v>10215</v>
      </c>
      <c r="I21161" s="2">
        <v>1</v>
      </c>
      <c r="J21161" s="2">
        <v>0</v>
      </c>
      <c r="K21161" s="2">
        <v>0</v>
      </c>
      <c r="L21161" t="s">
        <v>120</v>
      </c>
      <c r="M21161" t="s">
        <v>83</v>
      </c>
      <c r="N21161" t="s">
        <v>91</v>
      </c>
      <c r="O21161" t="s">
        <v>85</v>
      </c>
      <c r="P21161" t="s">
        <v>86</v>
      </c>
      <c r="Q21161">
        <v>61</v>
      </c>
      <c r="R21161">
        <v>63</v>
      </c>
      <c r="S21161">
        <v>65</v>
      </c>
      <c r="T21161">
        <v>66</v>
      </c>
      <c r="U21161">
        <v>68</v>
      </c>
      <c r="V21161">
        <v>70</v>
      </c>
      <c r="W21161">
        <v>72</v>
      </c>
      <c r="X21161">
        <v>74</v>
      </c>
      <c r="Y21161">
        <v>76</v>
      </c>
      <c r="Z21161">
        <v>77</v>
      </c>
      <c r="AA21161">
        <v>79</v>
      </c>
      <c r="AB21161">
        <v>81</v>
      </c>
      <c r="AC21161">
        <v>83</v>
      </c>
      <c r="AD21161">
        <v>85</v>
      </c>
      <c r="AE21161">
        <v>87</v>
      </c>
      <c r="AF21161">
        <v>89</v>
      </c>
      <c r="AG21161">
        <v>92</v>
      </c>
      <c r="AH21161">
        <v>94</v>
      </c>
      <c r="AI21161">
        <v>96</v>
      </c>
      <c r="AJ21161">
        <v>98</v>
      </c>
      <c r="AK21161">
        <v>101</v>
      </c>
      <c r="AL21161">
        <v>102</v>
      </c>
      <c r="AM21161">
        <v>104</v>
      </c>
      <c r="AN21161">
        <v>105</v>
      </c>
      <c r="AO21161">
        <v>107</v>
      </c>
      <c r="AP21161">
        <v>108</v>
      </c>
      <c r="AQ21161">
        <v>110</v>
      </c>
    </row>
    <row r="21162" spans="1:43">
      <c r="A21162" t="s">
        <v>13115</v>
      </c>
      <c r="B21162" t="s">
        <v>13116</v>
      </c>
      <c r="C21162" t="s">
        <v>13117</v>
      </c>
      <c r="D21162" t="s">
        <v>13118</v>
      </c>
      <c r="E21162" t="s">
        <v>13063</v>
      </c>
      <c r="F21162" t="s">
        <v>13064</v>
      </c>
      <c r="G21162" t="s">
        <v>10214</v>
      </c>
      <c r="H21162" t="s">
        <v>10215</v>
      </c>
      <c r="I21162" s="2">
        <v>1</v>
      </c>
      <c r="J21162" s="2">
        <v>0</v>
      </c>
      <c r="K21162" s="2">
        <v>0</v>
      </c>
      <c r="L21162" t="s">
        <v>120</v>
      </c>
      <c r="M21162" t="s">
        <v>83</v>
      </c>
      <c r="N21162" t="s">
        <v>84</v>
      </c>
      <c r="O21162" t="s">
        <v>85</v>
      </c>
      <c r="P21162" t="s">
        <v>86</v>
      </c>
      <c r="Q21162">
        <v>22</v>
      </c>
      <c r="R21162">
        <v>23</v>
      </c>
      <c r="S21162">
        <v>23</v>
      </c>
      <c r="T21162">
        <v>24</v>
      </c>
      <c r="U21162">
        <v>25</v>
      </c>
      <c r="V21162">
        <v>25</v>
      </c>
      <c r="W21162">
        <v>26</v>
      </c>
      <c r="X21162">
        <v>27</v>
      </c>
      <c r="Y21162">
        <v>27</v>
      </c>
      <c r="Z21162">
        <v>28</v>
      </c>
      <c r="AA21162">
        <v>29</v>
      </c>
      <c r="AB21162">
        <v>29</v>
      </c>
      <c r="AC21162">
        <v>30</v>
      </c>
      <c r="AD21162">
        <v>31</v>
      </c>
      <c r="AE21162">
        <v>31</v>
      </c>
      <c r="AF21162">
        <v>32</v>
      </c>
      <c r="AG21162">
        <v>33</v>
      </c>
      <c r="AH21162">
        <v>34</v>
      </c>
      <c r="AI21162">
        <v>35</v>
      </c>
      <c r="AJ21162">
        <v>35</v>
      </c>
      <c r="AK21162">
        <v>36</v>
      </c>
      <c r="AL21162">
        <v>37</v>
      </c>
      <c r="AM21162">
        <v>37</v>
      </c>
      <c r="AN21162">
        <v>38</v>
      </c>
      <c r="AO21162">
        <v>38</v>
      </c>
      <c r="AP21162">
        <v>39</v>
      </c>
      <c r="AQ21162">
        <v>39</v>
      </c>
    </row>
    <row r="21163" spans="1:43">
      <c r="A21163" t="s">
        <v>13115</v>
      </c>
      <c r="B21163" t="s">
        <v>13116</v>
      </c>
      <c r="C21163" t="s">
        <v>13117</v>
      </c>
      <c r="D21163" t="s">
        <v>13118</v>
      </c>
      <c r="E21163" t="s">
        <v>13063</v>
      </c>
      <c r="F21163" t="s">
        <v>13064</v>
      </c>
      <c r="G21163" t="s">
        <v>10214</v>
      </c>
      <c r="H21163" t="s">
        <v>10215</v>
      </c>
      <c r="I21163" s="2">
        <v>1</v>
      </c>
      <c r="J21163" s="2">
        <v>0</v>
      </c>
      <c r="K21163" s="2">
        <v>0</v>
      </c>
      <c r="L21163" t="s">
        <v>120</v>
      </c>
      <c r="M21163" t="s">
        <v>87</v>
      </c>
      <c r="N21163" t="s">
        <v>88</v>
      </c>
      <c r="O21163" t="s">
        <v>85</v>
      </c>
      <c r="P21163" t="s">
        <v>86</v>
      </c>
      <c r="Q21163">
        <v>22</v>
      </c>
      <c r="R21163">
        <v>22</v>
      </c>
      <c r="S21163">
        <v>23</v>
      </c>
      <c r="T21163">
        <v>23</v>
      </c>
      <c r="U21163">
        <v>23</v>
      </c>
      <c r="V21163">
        <v>24</v>
      </c>
      <c r="W21163">
        <v>24</v>
      </c>
      <c r="X21163">
        <v>25</v>
      </c>
      <c r="Y21163">
        <v>25</v>
      </c>
      <c r="Z21163">
        <v>26</v>
      </c>
      <c r="AA21163">
        <v>26</v>
      </c>
      <c r="AB21163">
        <v>26</v>
      </c>
      <c r="AC21163">
        <v>27</v>
      </c>
      <c r="AD21163">
        <v>27</v>
      </c>
      <c r="AE21163">
        <v>28</v>
      </c>
      <c r="AF21163">
        <v>28</v>
      </c>
      <c r="AG21163">
        <v>29</v>
      </c>
      <c r="AH21163">
        <v>29</v>
      </c>
      <c r="AI21163">
        <v>30</v>
      </c>
      <c r="AJ21163">
        <v>30</v>
      </c>
      <c r="AK21163">
        <v>31</v>
      </c>
      <c r="AL21163">
        <v>31</v>
      </c>
      <c r="AM21163">
        <v>32</v>
      </c>
      <c r="AN21163">
        <v>32</v>
      </c>
      <c r="AO21163">
        <v>33</v>
      </c>
      <c r="AP21163">
        <v>34</v>
      </c>
      <c r="AQ21163">
        <v>34</v>
      </c>
    </row>
    <row r="21164" spans="1:43">
      <c r="A21164" t="s">
        <v>13115</v>
      </c>
      <c r="B21164" t="s">
        <v>13116</v>
      </c>
      <c r="C21164" t="s">
        <v>13117</v>
      </c>
      <c r="D21164" t="s">
        <v>13118</v>
      </c>
      <c r="E21164" t="s">
        <v>13063</v>
      </c>
      <c r="F21164" t="s">
        <v>13064</v>
      </c>
      <c r="G21164" t="s">
        <v>10214</v>
      </c>
      <c r="H21164" t="s">
        <v>10215</v>
      </c>
      <c r="I21164" s="2">
        <v>1</v>
      </c>
      <c r="J21164" s="2">
        <v>0</v>
      </c>
      <c r="K21164" s="2">
        <v>0</v>
      </c>
      <c r="L21164" t="s">
        <v>120</v>
      </c>
      <c r="M21164" t="s">
        <v>89</v>
      </c>
      <c r="N21164" t="s">
        <v>90</v>
      </c>
      <c r="O21164" t="s">
        <v>85</v>
      </c>
      <c r="P21164" t="s">
        <v>86</v>
      </c>
      <c r="Q21164">
        <v>22</v>
      </c>
      <c r="R21164">
        <v>23</v>
      </c>
      <c r="S21164">
        <v>24</v>
      </c>
      <c r="T21164">
        <v>25</v>
      </c>
      <c r="U21164">
        <v>26</v>
      </c>
      <c r="V21164">
        <v>26</v>
      </c>
      <c r="W21164">
        <v>27</v>
      </c>
      <c r="X21164">
        <v>28</v>
      </c>
      <c r="Y21164">
        <v>29</v>
      </c>
      <c r="Z21164">
        <v>30</v>
      </c>
      <c r="AA21164">
        <v>30</v>
      </c>
      <c r="AB21164">
        <v>31</v>
      </c>
      <c r="AC21164">
        <v>32</v>
      </c>
      <c r="AD21164">
        <v>33</v>
      </c>
      <c r="AE21164">
        <v>34</v>
      </c>
      <c r="AF21164">
        <v>34</v>
      </c>
      <c r="AG21164">
        <v>35</v>
      </c>
      <c r="AH21164">
        <v>35</v>
      </c>
      <c r="AI21164">
        <v>36</v>
      </c>
      <c r="AJ21164">
        <v>36</v>
      </c>
      <c r="AK21164">
        <v>37</v>
      </c>
      <c r="AL21164">
        <v>37</v>
      </c>
      <c r="AM21164">
        <v>38</v>
      </c>
      <c r="AN21164">
        <v>38</v>
      </c>
      <c r="AO21164">
        <v>39</v>
      </c>
      <c r="AP21164">
        <v>39</v>
      </c>
      <c r="AQ21164">
        <v>40</v>
      </c>
    </row>
    <row r="21165" spans="1:43">
      <c r="A21165" t="s">
        <v>13115</v>
      </c>
      <c r="B21165" t="s">
        <v>13116</v>
      </c>
      <c r="C21165" t="s">
        <v>13117</v>
      </c>
      <c r="D21165" t="s">
        <v>13118</v>
      </c>
      <c r="E21165" t="s">
        <v>13063</v>
      </c>
      <c r="F21165" t="s">
        <v>13064</v>
      </c>
      <c r="G21165" t="s">
        <v>10214</v>
      </c>
      <c r="H21165" t="s">
        <v>10215</v>
      </c>
      <c r="I21165" s="2">
        <v>1</v>
      </c>
      <c r="J21165" s="2">
        <v>0</v>
      </c>
      <c r="K21165" s="2">
        <v>0</v>
      </c>
      <c r="L21165" t="s">
        <v>120</v>
      </c>
      <c r="M21165" t="s">
        <v>83</v>
      </c>
      <c r="N21165" t="s">
        <v>91</v>
      </c>
      <c r="O21165" t="s">
        <v>85</v>
      </c>
      <c r="P21165" t="s">
        <v>86</v>
      </c>
      <c r="Q21165">
        <v>22</v>
      </c>
      <c r="R21165">
        <v>23</v>
      </c>
      <c r="S21165">
        <v>23</v>
      </c>
      <c r="T21165">
        <v>24</v>
      </c>
      <c r="U21165">
        <v>25</v>
      </c>
      <c r="V21165">
        <v>25</v>
      </c>
      <c r="W21165">
        <v>26</v>
      </c>
      <c r="X21165">
        <v>27</v>
      </c>
      <c r="Y21165">
        <v>27</v>
      </c>
      <c r="Z21165">
        <v>28</v>
      </c>
      <c r="AA21165">
        <v>29</v>
      </c>
      <c r="AB21165">
        <v>29</v>
      </c>
      <c r="AC21165">
        <v>30</v>
      </c>
      <c r="AD21165">
        <v>31</v>
      </c>
      <c r="AE21165">
        <v>31</v>
      </c>
      <c r="AF21165">
        <v>32</v>
      </c>
      <c r="AG21165">
        <v>33</v>
      </c>
      <c r="AH21165">
        <v>34</v>
      </c>
      <c r="AI21165">
        <v>35</v>
      </c>
      <c r="AJ21165">
        <v>35</v>
      </c>
      <c r="AK21165">
        <v>36</v>
      </c>
      <c r="AL21165">
        <v>37</v>
      </c>
      <c r="AM21165">
        <v>37</v>
      </c>
      <c r="AN21165">
        <v>38</v>
      </c>
      <c r="AO21165">
        <v>38</v>
      </c>
      <c r="AP21165">
        <v>39</v>
      </c>
      <c r="AQ21165">
        <v>39</v>
      </c>
    </row>
    <row r="21166" spans="1:43">
      <c r="A21166" t="s">
        <v>13119</v>
      </c>
      <c r="B21166" t="s">
        <v>13120</v>
      </c>
      <c r="C21166" t="s">
        <v>13117</v>
      </c>
      <c r="D21166" t="s">
        <v>13118</v>
      </c>
      <c r="E21166" t="s">
        <v>13063</v>
      </c>
      <c r="F21166" t="s">
        <v>13064</v>
      </c>
      <c r="G21166" t="s">
        <v>10214</v>
      </c>
      <c r="H21166" t="s">
        <v>10215</v>
      </c>
      <c r="I21166" s="2">
        <v>1</v>
      </c>
      <c r="J21166" s="2">
        <v>0</v>
      </c>
      <c r="K21166" s="2">
        <v>0</v>
      </c>
      <c r="L21166" t="s">
        <v>120</v>
      </c>
      <c r="M21166" t="s">
        <v>83</v>
      </c>
      <c r="N21166" t="s">
        <v>84</v>
      </c>
      <c r="O21166" t="s">
        <v>85</v>
      </c>
      <c r="P21166" t="s">
        <v>86</v>
      </c>
      <c r="Q21166">
        <v>38</v>
      </c>
      <c r="R21166">
        <v>39</v>
      </c>
      <c r="S21166">
        <v>40</v>
      </c>
      <c r="T21166">
        <v>41</v>
      </c>
      <c r="U21166">
        <v>42</v>
      </c>
      <c r="V21166">
        <v>44</v>
      </c>
      <c r="W21166">
        <v>45</v>
      </c>
      <c r="X21166">
        <v>46</v>
      </c>
      <c r="Y21166">
        <v>47</v>
      </c>
      <c r="Z21166">
        <v>48</v>
      </c>
      <c r="AA21166">
        <v>49</v>
      </c>
      <c r="AB21166">
        <v>51</v>
      </c>
      <c r="AC21166">
        <v>52</v>
      </c>
      <c r="AD21166">
        <v>53</v>
      </c>
      <c r="AE21166">
        <v>54</v>
      </c>
      <c r="AF21166">
        <v>56</v>
      </c>
      <c r="AG21166">
        <v>57</v>
      </c>
      <c r="AH21166">
        <v>58</v>
      </c>
      <c r="AI21166">
        <v>60</v>
      </c>
      <c r="AJ21166">
        <v>61</v>
      </c>
      <c r="AK21166">
        <v>63</v>
      </c>
      <c r="AL21166">
        <v>64</v>
      </c>
      <c r="AM21166">
        <v>64</v>
      </c>
      <c r="AN21166">
        <v>65</v>
      </c>
      <c r="AO21166">
        <v>66</v>
      </c>
      <c r="AP21166">
        <v>67</v>
      </c>
      <c r="AQ21166">
        <v>68</v>
      </c>
    </row>
    <row r="21167" spans="1:43">
      <c r="A21167" t="s">
        <v>13119</v>
      </c>
      <c r="B21167" t="s">
        <v>13120</v>
      </c>
      <c r="C21167" t="s">
        <v>13117</v>
      </c>
      <c r="D21167" t="s">
        <v>13118</v>
      </c>
      <c r="E21167" t="s">
        <v>13063</v>
      </c>
      <c r="F21167" t="s">
        <v>13064</v>
      </c>
      <c r="G21167" t="s">
        <v>10214</v>
      </c>
      <c r="H21167" t="s">
        <v>10215</v>
      </c>
      <c r="I21167" s="2">
        <v>1</v>
      </c>
      <c r="J21167" s="2">
        <v>0</v>
      </c>
      <c r="K21167" s="2">
        <v>0</v>
      </c>
      <c r="L21167" t="s">
        <v>120</v>
      </c>
      <c r="M21167" t="s">
        <v>87</v>
      </c>
      <c r="N21167" t="s">
        <v>88</v>
      </c>
      <c r="O21167" t="s">
        <v>85</v>
      </c>
      <c r="P21167" t="s">
        <v>86</v>
      </c>
      <c r="Q21167">
        <v>38</v>
      </c>
      <c r="R21167">
        <v>38</v>
      </c>
      <c r="S21167">
        <v>39</v>
      </c>
      <c r="T21167">
        <v>40</v>
      </c>
      <c r="U21167">
        <v>41</v>
      </c>
      <c r="V21167">
        <v>41</v>
      </c>
      <c r="W21167">
        <v>42</v>
      </c>
      <c r="X21167">
        <v>43</v>
      </c>
      <c r="Y21167">
        <v>43</v>
      </c>
      <c r="Z21167">
        <v>44</v>
      </c>
      <c r="AA21167">
        <v>45</v>
      </c>
      <c r="AB21167">
        <v>46</v>
      </c>
      <c r="AC21167">
        <v>47</v>
      </c>
      <c r="AD21167">
        <v>47</v>
      </c>
      <c r="AE21167">
        <v>48</v>
      </c>
      <c r="AF21167">
        <v>49</v>
      </c>
      <c r="AG21167">
        <v>50</v>
      </c>
      <c r="AH21167">
        <v>51</v>
      </c>
      <c r="AI21167">
        <v>52</v>
      </c>
      <c r="AJ21167">
        <v>52</v>
      </c>
      <c r="AK21167">
        <v>53</v>
      </c>
      <c r="AL21167">
        <v>54</v>
      </c>
      <c r="AM21167">
        <v>55</v>
      </c>
      <c r="AN21167">
        <v>56</v>
      </c>
      <c r="AO21167">
        <v>57</v>
      </c>
      <c r="AP21167">
        <v>58</v>
      </c>
      <c r="AQ21167">
        <v>59</v>
      </c>
    </row>
    <row r="21168" spans="1:43">
      <c r="A21168" t="s">
        <v>13119</v>
      </c>
      <c r="B21168" t="s">
        <v>13120</v>
      </c>
      <c r="C21168" t="s">
        <v>13117</v>
      </c>
      <c r="D21168" t="s">
        <v>13118</v>
      </c>
      <c r="E21168" t="s">
        <v>13063</v>
      </c>
      <c r="F21168" t="s">
        <v>13064</v>
      </c>
      <c r="G21168" t="s">
        <v>10214</v>
      </c>
      <c r="H21168" t="s">
        <v>10215</v>
      </c>
      <c r="I21168" s="2">
        <v>1</v>
      </c>
      <c r="J21168" s="2">
        <v>0</v>
      </c>
      <c r="K21168" s="2">
        <v>0</v>
      </c>
      <c r="L21168" t="s">
        <v>120</v>
      </c>
      <c r="M21168" t="s">
        <v>89</v>
      </c>
      <c r="N21168" t="s">
        <v>90</v>
      </c>
      <c r="O21168" t="s">
        <v>85</v>
      </c>
      <c r="P21168" t="s">
        <v>86</v>
      </c>
      <c r="Q21168">
        <v>38</v>
      </c>
      <c r="R21168">
        <v>40</v>
      </c>
      <c r="S21168">
        <v>41</v>
      </c>
      <c r="T21168">
        <v>43</v>
      </c>
      <c r="U21168">
        <v>44</v>
      </c>
      <c r="V21168">
        <v>45</v>
      </c>
      <c r="W21168">
        <v>47</v>
      </c>
      <c r="X21168">
        <v>48</v>
      </c>
      <c r="Y21168">
        <v>50</v>
      </c>
      <c r="Z21168">
        <v>51</v>
      </c>
      <c r="AA21168">
        <v>53</v>
      </c>
      <c r="AB21168">
        <v>54</v>
      </c>
      <c r="AC21168">
        <v>56</v>
      </c>
      <c r="AD21168">
        <v>57</v>
      </c>
      <c r="AE21168">
        <v>58</v>
      </c>
      <c r="AF21168">
        <v>59</v>
      </c>
      <c r="AG21168">
        <v>60</v>
      </c>
      <c r="AH21168">
        <v>61</v>
      </c>
      <c r="AI21168">
        <v>62</v>
      </c>
      <c r="AJ21168">
        <v>62</v>
      </c>
      <c r="AK21168">
        <v>63</v>
      </c>
      <c r="AL21168">
        <v>64</v>
      </c>
      <c r="AM21168">
        <v>65</v>
      </c>
      <c r="AN21168">
        <v>66</v>
      </c>
      <c r="AO21168">
        <v>67</v>
      </c>
      <c r="AP21168">
        <v>67</v>
      </c>
      <c r="AQ21168">
        <v>68</v>
      </c>
    </row>
    <row r="21169" spans="1:43">
      <c r="A21169" t="s">
        <v>13119</v>
      </c>
      <c r="B21169" t="s">
        <v>13120</v>
      </c>
      <c r="C21169" t="s">
        <v>13117</v>
      </c>
      <c r="D21169" t="s">
        <v>13118</v>
      </c>
      <c r="E21169" t="s">
        <v>13063</v>
      </c>
      <c r="F21169" t="s">
        <v>13064</v>
      </c>
      <c r="G21169" t="s">
        <v>10214</v>
      </c>
      <c r="H21169" t="s">
        <v>10215</v>
      </c>
      <c r="I21169" s="2">
        <v>1</v>
      </c>
      <c r="J21169" s="2">
        <v>0</v>
      </c>
      <c r="K21169" s="2">
        <v>0</v>
      </c>
      <c r="L21169" t="s">
        <v>120</v>
      </c>
      <c r="M21169" t="s">
        <v>83</v>
      </c>
      <c r="N21169" t="s">
        <v>91</v>
      </c>
      <c r="O21169" t="s">
        <v>85</v>
      </c>
      <c r="P21169" t="s">
        <v>86</v>
      </c>
      <c r="Q21169">
        <v>38</v>
      </c>
      <c r="R21169">
        <v>39</v>
      </c>
      <c r="S21169">
        <v>40</v>
      </c>
      <c r="T21169">
        <v>41</v>
      </c>
      <c r="U21169">
        <v>42</v>
      </c>
      <c r="V21169">
        <v>44</v>
      </c>
      <c r="W21169">
        <v>45</v>
      </c>
      <c r="X21169">
        <v>46</v>
      </c>
      <c r="Y21169">
        <v>47</v>
      </c>
      <c r="Z21169">
        <v>48</v>
      </c>
      <c r="AA21169">
        <v>49</v>
      </c>
      <c r="AB21169">
        <v>51</v>
      </c>
      <c r="AC21169">
        <v>52</v>
      </c>
      <c r="AD21169">
        <v>53</v>
      </c>
      <c r="AE21169">
        <v>54</v>
      </c>
      <c r="AF21169">
        <v>56</v>
      </c>
      <c r="AG21169">
        <v>57</v>
      </c>
      <c r="AH21169">
        <v>58</v>
      </c>
      <c r="AI21169">
        <v>60</v>
      </c>
      <c r="AJ21169">
        <v>61</v>
      </c>
      <c r="AK21169">
        <v>63</v>
      </c>
      <c r="AL21169">
        <v>64</v>
      </c>
      <c r="AM21169">
        <v>64</v>
      </c>
      <c r="AN21169">
        <v>65</v>
      </c>
      <c r="AO21169">
        <v>66</v>
      </c>
      <c r="AP21169">
        <v>67</v>
      </c>
      <c r="AQ21169">
        <v>68</v>
      </c>
    </row>
    <row r="21170" spans="1:43">
      <c r="A21170" t="s">
        <v>13121</v>
      </c>
      <c r="B21170" t="s">
        <v>13122</v>
      </c>
      <c r="C21170" t="s">
        <v>13117</v>
      </c>
      <c r="D21170" t="s">
        <v>13118</v>
      </c>
      <c r="E21170" t="s">
        <v>13063</v>
      </c>
      <c r="F21170" t="s">
        <v>13064</v>
      </c>
      <c r="G21170" t="s">
        <v>10214</v>
      </c>
      <c r="H21170" t="s">
        <v>10215</v>
      </c>
      <c r="I21170" s="2">
        <v>1</v>
      </c>
      <c r="J21170" s="2">
        <v>0</v>
      </c>
      <c r="K21170" s="2">
        <v>0</v>
      </c>
      <c r="L21170" t="s">
        <v>120</v>
      </c>
      <c r="M21170" t="s">
        <v>83</v>
      </c>
      <c r="N21170" t="s">
        <v>84</v>
      </c>
      <c r="O21170" t="s">
        <v>85</v>
      </c>
      <c r="P21170" t="s">
        <v>86</v>
      </c>
      <c r="Q21170">
        <v>38</v>
      </c>
      <c r="R21170">
        <v>39</v>
      </c>
      <c r="S21170">
        <v>40</v>
      </c>
      <c r="T21170">
        <v>41</v>
      </c>
      <c r="U21170">
        <v>42</v>
      </c>
      <c r="V21170">
        <v>43</v>
      </c>
      <c r="W21170">
        <v>44</v>
      </c>
      <c r="X21170">
        <v>46</v>
      </c>
      <c r="Y21170">
        <v>47</v>
      </c>
      <c r="Z21170">
        <v>48</v>
      </c>
      <c r="AA21170">
        <v>49</v>
      </c>
      <c r="AB21170">
        <v>50</v>
      </c>
      <c r="AC21170">
        <v>52</v>
      </c>
      <c r="AD21170">
        <v>53</v>
      </c>
      <c r="AE21170">
        <v>54</v>
      </c>
      <c r="AF21170">
        <v>55</v>
      </c>
      <c r="AG21170">
        <v>57</v>
      </c>
      <c r="AH21170">
        <v>58</v>
      </c>
      <c r="AI21170">
        <v>59</v>
      </c>
      <c r="AJ21170">
        <v>61</v>
      </c>
      <c r="AK21170">
        <v>62</v>
      </c>
      <c r="AL21170">
        <v>63</v>
      </c>
      <c r="AM21170">
        <v>64</v>
      </c>
      <c r="AN21170">
        <v>65</v>
      </c>
      <c r="AO21170">
        <v>66</v>
      </c>
      <c r="AP21170">
        <v>67</v>
      </c>
      <c r="AQ21170">
        <v>68</v>
      </c>
    </row>
    <row r="21171" spans="1:43">
      <c r="A21171" t="s">
        <v>13121</v>
      </c>
      <c r="B21171" t="s">
        <v>13122</v>
      </c>
      <c r="C21171" t="s">
        <v>13117</v>
      </c>
      <c r="D21171" t="s">
        <v>13118</v>
      </c>
      <c r="E21171" t="s">
        <v>13063</v>
      </c>
      <c r="F21171" t="s">
        <v>13064</v>
      </c>
      <c r="G21171" t="s">
        <v>10214</v>
      </c>
      <c r="H21171" t="s">
        <v>10215</v>
      </c>
      <c r="I21171" s="2">
        <v>1</v>
      </c>
      <c r="J21171" s="2">
        <v>0</v>
      </c>
      <c r="K21171" s="2">
        <v>0</v>
      </c>
      <c r="L21171" t="s">
        <v>120</v>
      </c>
      <c r="M21171" t="s">
        <v>87</v>
      </c>
      <c r="N21171" t="s">
        <v>88</v>
      </c>
      <c r="O21171" t="s">
        <v>85</v>
      </c>
      <c r="P21171" t="s">
        <v>86</v>
      </c>
      <c r="Q21171">
        <v>38</v>
      </c>
      <c r="R21171">
        <v>38</v>
      </c>
      <c r="S21171">
        <v>39</v>
      </c>
      <c r="T21171">
        <v>40</v>
      </c>
      <c r="U21171">
        <v>40</v>
      </c>
      <c r="V21171">
        <v>41</v>
      </c>
      <c r="W21171">
        <v>42</v>
      </c>
      <c r="X21171">
        <v>42</v>
      </c>
      <c r="Y21171">
        <v>43</v>
      </c>
      <c r="Z21171">
        <v>44</v>
      </c>
      <c r="AA21171">
        <v>45</v>
      </c>
      <c r="AB21171">
        <v>45</v>
      </c>
      <c r="AC21171">
        <v>46</v>
      </c>
      <c r="AD21171">
        <v>47</v>
      </c>
      <c r="AE21171">
        <v>48</v>
      </c>
      <c r="AF21171">
        <v>49</v>
      </c>
      <c r="AG21171">
        <v>50</v>
      </c>
      <c r="AH21171">
        <v>50</v>
      </c>
      <c r="AI21171">
        <v>51</v>
      </c>
      <c r="AJ21171">
        <v>52</v>
      </c>
      <c r="AK21171">
        <v>53</v>
      </c>
      <c r="AL21171">
        <v>54</v>
      </c>
      <c r="AM21171">
        <v>55</v>
      </c>
      <c r="AN21171">
        <v>56</v>
      </c>
      <c r="AO21171">
        <v>57</v>
      </c>
      <c r="AP21171">
        <v>58</v>
      </c>
      <c r="AQ21171">
        <v>59</v>
      </c>
    </row>
    <row r="21172" spans="1:43">
      <c r="A21172" t="s">
        <v>13121</v>
      </c>
      <c r="B21172" t="s">
        <v>13122</v>
      </c>
      <c r="C21172" t="s">
        <v>13117</v>
      </c>
      <c r="D21172" t="s">
        <v>13118</v>
      </c>
      <c r="E21172" t="s">
        <v>13063</v>
      </c>
      <c r="F21172" t="s">
        <v>13064</v>
      </c>
      <c r="G21172" t="s">
        <v>10214</v>
      </c>
      <c r="H21172" t="s">
        <v>10215</v>
      </c>
      <c r="I21172" s="2">
        <v>1</v>
      </c>
      <c r="J21172" s="2">
        <v>0</v>
      </c>
      <c r="K21172" s="2">
        <v>0</v>
      </c>
      <c r="L21172" t="s">
        <v>120</v>
      </c>
      <c r="M21172" t="s">
        <v>89</v>
      </c>
      <c r="N21172" t="s">
        <v>90</v>
      </c>
      <c r="O21172" t="s">
        <v>85</v>
      </c>
      <c r="P21172" t="s">
        <v>86</v>
      </c>
      <c r="Q21172">
        <v>38</v>
      </c>
      <c r="R21172">
        <v>40</v>
      </c>
      <c r="S21172">
        <v>41</v>
      </c>
      <c r="T21172">
        <v>42</v>
      </c>
      <c r="U21172">
        <v>44</v>
      </c>
      <c r="V21172">
        <v>45</v>
      </c>
      <c r="W21172">
        <v>47</v>
      </c>
      <c r="X21172">
        <v>48</v>
      </c>
      <c r="Y21172">
        <v>49</v>
      </c>
      <c r="Z21172">
        <v>51</v>
      </c>
      <c r="AA21172">
        <v>52</v>
      </c>
      <c r="AB21172">
        <v>54</v>
      </c>
      <c r="AC21172">
        <v>55</v>
      </c>
      <c r="AD21172">
        <v>57</v>
      </c>
      <c r="AE21172">
        <v>58</v>
      </c>
      <c r="AF21172">
        <v>59</v>
      </c>
      <c r="AG21172">
        <v>60</v>
      </c>
      <c r="AH21172">
        <v>60</v>
      </c>
      <c r="AI21172">
        <v>61</v>
      </c>
      <c r="AJ21172">
        <v>62</v>
      </c>
      <c r="AK21172">
        <v>63</v>
      </c>
      <c r="AL21172">
        <v>64</v>
      </c>
      <c r="AM21172">
        <v>65</v>
      </c>
      <c r="AN21172">
        <v>65</v>
      </c>
      <c r="AO21172">
        <v>66</v>
      </c>
      <c r="AP21172">
        <v>67</v>
      </c>
      <c r="AQ21172">
        <v>68</v>
      </c>
    </row>
    <row r="21173" spans="1:43">
      <c r="A21173" t="s">
        <v>13121</v>
      </c>
      <c r="B21173" t="s">
        <v>13122</v>
      </c>
      <c r="C21173" t="s">
        <v>13117</v>
      </c>
      <c r="D21173" t="s">
        <v>13118</v>
      </c>
      <c r="E21173" t="s">
        <v>13063</v>
      </c>
      <c r="F21173" t="s">
        <v>13064</v>
      </c>
      <c r="G21173" t="s">
        <v>10214</v>
      </c>
      <c r="H21173" t="s">
        <v>10215</v>
      </c>
      <c r="I21173" s="2">
        <v>1</v>
      </c>
      <c r="J21173" s="2">
        <v>0</v>
      </c>
      <c r="K21173" s="2">
        <v>0</v>
      </c>
      <c r="L21173" t="s">
        <v>120</v>
      </c>
      <c r="M21173" t="s">
        <v>83</v>
      </c>
      <c r="N21173" t="s">
        <v>91</v>
      </c>
      <c r="O21173" t="s">
        <v>85</v>
      </c>
      <c r="P21173" t="s">
        <v>86</v>
      </c>
      <c r="Q21173">
        <v>38</v>
      </c>
      <c r="R21173">
        <v>39</v>
      </c>
      <c r="S21173">
        <v>40</v>
      </c>
      <c r="T21173">
        <v>41</v>
      </c>
      <c r="U21173">
        <v>42</v>
      </c>
      <c r="V21173">
        <v>43</v>
      </c>
      <c r="W21173">
        <v>44</v>
      </c>
      <c r="X21173">
        <v>46</v>
      </c>
      <c r="Y21173">
        <v>47</v>
      </c>
      <c r="Z21173">
        <v>48</v>
      </c>
      <c r="AA21173">
        <v>49</v>
      </c>
      <c r="AB21173">
        <v>50</v>
      </c>
      <c r="AC21173">
        <v>52</v>
      </c>
      <c r="AD21173">
        <v>53</v>
      </c>
      <c r="AE21173">
        <v>54</v>
      </c>
      <c r="AF21173">
        <v>55</v>
      </c>
      <c r="AG21173">
        <v>57</v>
      </c>
      <c r="AH21173">
        <v>58</v>
      </c>
      <c r="AI21173">
        <v>59</v>
      </c>
      <c r="AJ21173">
        <v>61</v>
      </c>
      <c r="AK21173">
        <v>62</v>
      </c>
      <c r="AL21173">
        <v>63</v>
      </c>
      <c r="AM21173">
        <v>64</v>
      </c>
      <c r="AN21173">
        <v>65</v>
      </c>
      <c r="AO21173">
        <v>66</v>
      </c>
      <c r="AP21173">
        <v>67</v>
      </c>
      <c r="AQ21173">
        <v>68</v>
      </c>
    </row>
    <row r="21174" spans="1:43">
      <c r="A21174" t="s">
        <v>13123</v>
      </c>
      <c r="B21174" t="s">
        <v>13124</v>
      </c>
      <c r="C21174" t="s">
        <v>13117</v>
      </c>
      <c r="D21174" t="s">
        <v>13118</v>
      </c>
      <c r="E21174" t="s">
        <v>13063</v>
      </c>
      <c r="F21174" t="s">
        <v>13064</v>
      </c>
      <c r="G21174" t="s">
        <v>10214</v>
      </c>
      <c r="H21174" t="s">
        <v>10215</v>
      </c>
      <c r="I21174" s="2">
        <v>1</v>
      </c>
      <c r="J21174" s="2">
        <v>0</v>
      </c>
      <c r="K21174" s="2">
        <v>0</v>
      </c>
      <c r="L21174" t="s">
        <v>120</v>
      </c>
      <c r="M21174" t="s">
        <v>83</v>
      </c>
      <c r="N21174" t="s">
        <v>84</v>
      </c>
      <c r="O21174" t="s">
        <v>85</v>
      </c>
      <c r="P21174" t="s">
        <v>86</v>
      </c>
      <c r="Q21174">
        <v>24</v>
      </c>
      <c r="R21174">
        <v>25</v>
      </c>
      <c r="S21174">
        <v>26</v>
      </c>
      <c r="T21174">
        <v>26</v>
      </c>
      <c r="U21174">
        <v>27</v>
      </c>
      <c r="V21174">
        <v>28</v>
      </c>
      <c r="W21174">
        <v>28</v>
      </c>
      <c r="X21174">
        <v>29</v>
      </c>
      <c r="Y21174">
        <v>30</v>
      </c>
      <c r="Z21174">
        <v>31</v>
      </c>
      <c r="AA21174">
        <v>31</v>
      </c>
      <c r="AB21174">
        <v>32</v>
      </c>
      <c r="AC21174">
        <v>33</v>
      </c>
      <c r="AD21174">
        <v>34</v>
      </c>
      <c r="AE21174">
        <v>35</v>
      </c>
      <c r="AF21174">
        <v>35</v>
      </c>
      <c r="AG21174">
        <v>36</v>
      </c>
      <c r="AH21174">
        <v>37</v>
      </c>
      <c r="AI21174">
        <v>38</v>
      </c>
      <c r="AJ21174">
        <v>39</v>
      </c>
      <c r="AK21174">
        <v>40</v>
      </c>
      <c r="AL21174">
        <v>41</v>
      </c>
      <c r="AM21174">
        <v>41</v>
      </c>
      <c r="AN21174">
        <v>42</v>
      </c>
      <c r="AO21174">
        <v>42</v>
      </c>
      <c r="AP21174">
        <v>43</v>
      </c>
      <c r="AQ21174">
        <v>43</v>
      </c>
    </row>
    <row r="21175" spans="1:43">
      <c r="A21175" t="s">
        <v>13123</v>
      </c>
      <c r="B21175" t="s">
        <v>13124</v>
      </c>
      <c r="C21175" t="s">
        <v>13117</v>
      </c>
      <c r="D21175" t="s">
        <v>13118</v>
      </c>
      <c r="E21175" t="s">
        <v>13063</v>
      </c>
      <c r="F21175" t="s">
        <v>13064</v>
      </c>
      <c r="G21175" t="s">
        <v>10214</v>
      </c>
      <c r="H21175" t="s">
        <v>10215</v>
      </c>
      <c r="I21175" s="2">
        <v>1</v>
      </c>
      <c r="J21175" s="2">
        <v>0</v>
      </c>
      <c r="K21175" s="2">
        <v>0</v>
      </c>
      <c r="L21175" t="s">
        <v>120</v>
      </c>
      <c r="M21175" t="s">
        <v>87</v>
      </c>
      <c r="N21175" t="s">
        <v>88</v>
      </c>
      <c r="O21175" t="s">
        <v>85</v>
      </c>
      <c r="P21175" t="s">
        <v>86</v>
      </c>
      <c r="Q21175">
        <v>24</v>
      </c>
      <c r="R21175">
        <v>24</v>
      </c>
      <c r="S21175">
        <v>25</v>
      </c>
      <c r="T21175">
        <v>25</v>
      </c>
      <c r="U21175">
        <v>26</v>
      </c>
      <c r="V21175">
        <v>26</v>
      </c>
      <c r="W21175">
        <v>27</v>
      </c>
      <c r="X21175">
        <v>27</v>
      </c>
      <c r="Y21175">
        <v>28</v>
      </c>
      <c r="Z21175">
        <v>28</v>
      </c>
      <c r="AA21175">
        <v>29</v>
      </c>
      <c r="AB21175">
        <v>29</v>
      </c>
      <c r="AC21175">
        <v>30</v>
      </c>
      <c r="AD21175">
        <v>30</v>
      </c>
      <c r="AE21175">
        <v>31</v>
      </c>
      <c r="AF21175">
        <v>31</v>
      </c>
      <c r="AG21175">
        <v>32</v>
      </c>
      <c r="AH21175">
        <v>32</v>
      </c>
      <c r="AI21175">
        <v>33</v>
      </c>
      <c r="AJ21175">
        <v>33</v>
      </c>
      <c r="AK21175">
        <v>34</v>
      </c>
      <c r="AL21175">
        <v>34</v>
      </c>
      <c r="AM21175">
        <v>35</v>
      </c>
      <c r="AN21175">
        <v>36</v>
      </c>
      <c r="AO21175">
        <v>36</v>
      </c>
      <c r="AP21175">
        <v>37</v>
      </c>
      <c r="AQ21175">
        <v>37</v>
      </c>
    </row>
    <row r="21176" spans="1:43">
      <c r="A21176" t="s">
        <v>13123</v>
      </c>
      <c r="B21176" t="s">
        <v>13124</v>
      </c>
      <c r="C21176" t="s">
        <v>13117</v>
      </c>
      <c r="D21176" t="s">
        <v>13118</v>
      </c>
      <c r="E21176" t="s">
        <v>13063</v>
      </c>
      <c r="F21176" t="s">
        <v>13064</v>
      </c>
      <c r="G21176" t="s">
        <v>10214</v>
      </c>
      <c r="H21176" t="s">
        <v>10215</v>
      </c>
      <c r="I21176" s="2">
        <v>1</v>
      </c>
      <c r="J21176" s="2">
        <v>0</v>
      </c>
      <c r="K21176" s="2">
        <v>0</v>
      </c>
      <c r="L21176" t="s">
        <v>120</v>
      </c>
      <c r="M21176" t="s">
        <v>89</v>
      </c>
      <c r="N21176" t="s">
        <v>90</v>
      </c>
      <c r="O21176" t="s">
        <v>85</v>
      </c>
      <c r="P21176" t="s">
        <v>86</v>
      </c>
      <c r="Q21176">
        <v>24</v>
      </c>
      <c r="R21176">
        <v>25</v>
      </c>
      <c r="S21176">
        <v>26</v>
      </c>
      <c r="T21176">
        <v>27</v>
      </c>
      <c r="U21176">
        <v>28</v>
      </c>
      <c r="V21176">
        <v>29</v>
      </c>
      <c r="W21176">
        <v>30</v>
      </c>
      <c r="X21176">
        <v>31</v>
      </c>
      <c r="Y21176">
        <v>32</v>
      </c>
      <c r="Z21176">
        <v>33</v>
      </c>
      <c r="AA21176">
        <v>33</v>
      </c>
      <c r="AB21176">
        <v>34</v>
      </c>
      <c r="AC21176">
        <v>35</v>
      </c>
      <c r="AD21176">
        <v>36</v>
      </c>
      <c r="AE21176">
        <v>37</v>
      </c>
      <c r="AF21176">
        <v>38</v>
      </c>
      <c r="AG21176">
        <v>38</v>
      </c>
      <c r="AH21176">
        <v>39</v>
      </c>
      <c r="AI21176">
        <v>39</v>
      </c>
      <c r="AJ21176">
        <v>40</v>
      </c>
      <c r="AK21176">
        <v>40</v>
      </c>
      <c r="AL21176">
        <v>41</v>
      </c>
      <c r="AM21176">
        <v>42</v>
      </c>
      <c r="AN21176">
        <v>42</v>
      </c>
      <c r="AO21176">
        <v>43</v>
      </c>
      <c r="AP21176">
        <v>43</v>
      </c>
      <c r="AQ21176">
        <v>44</v>
      </c>
    </row>
    <row r="21177" spans="1:43">
      <c r="A21177" t="s">
        <v>13123</v>
      </c>
      <c r="B21177" t="s">
        <v>13124</v>
      </c>
      <c r="C21177" t="s">
        <v>13117</v>
      </c>
      <c r="D21177" t="s">
        <v>13118</v>
      </c>
      <c r="E21177" t="s">
        <v>13063</v>
      </c>
      <c r="F21177" t="s">
        <v>13064</v>
      </c>
      <c r="G21177" t="s">
        <v>10214</v>
      </c>
      <c r="H21177" t="s">
        <v>10215</v>
      </c>
      <c r="I21177" s="2">
        <v>1</v>
      </c>
      <c r="J21177" s="2">
        <v>0</v>
      </c>
      <c r="K21177" s="2">
        <v>0</v>
      </c>
      <c r="L21177" t="s">
        <v>120</v>
      </c>
      <c r="M21177" t="s">
        <v>83</v>
      </c>
      <c r="N21177" t="s">
        <v>91</v>
      </c>
      <c r="O21177" t="s">
        <v>85</v>
      </c>
      <c r="P21177" t="s">
        <v>86</v>
      </c>
      <c r="Q21177">
        <v>24</v>
      </c>
      <c r="R21177">
        <v>25</v>
      </c>
      <c r="S21177">
        <v>26</v>
      </c>
      <c r="T21177">
        <v>26</v>
      </c>
      <c r="U21177">
        <v>27</v>
      </c>
      <c r="V21177">
        <v>28</v>
      </c>
      <c r="W21177">
        <v>28</v>
      </c>
      <c r="X21177">
        <v>29</v>
      </c>
      <c r="Y21177">
        <v>30</v>
      </c>
      <c r="Z21177">
        <v>31</v>
      </c>
      <c r="AA21177">
        <v>31</v>
      </c>
      <c r="AB21177">
        <v>32</v>
      </c>
      <c r="AC21177">
        <v>33</v>
      </c>
      <c r="AD21177">
        <v>34</v>
      </c>
      <c r="AE21177">
        <v>35</v>
      </c>
      <c r="AF21177">
        <v>35</v>
      </c>
      <c r="AG21177">
        <v>36</v>
      </c>
      <c r="AH21177">
        <v>37</v>
      </c>
      <c r="AI21177">
        <v>38</v>
      </c>
      <c r="AJ21177">
        <v>39</v>
      </c>
      <c r="AK21177">
        <v>40</v>
      </c>
      <c r="AL21177">
        <v>41</v>
      </c>
      <c r="AM21177">
        <v>41</v>
      </c>
      <c r="AN21177">
        <v>42</v>
      </c>
      <c r="AO21177">
        <v>42</v>
      </c>
      <c r="AP21177">
        <v>43</v>
      </c>
      <c r="AQ21177">
        <v>43</v>
      </c>
    </row>
    <row r="21178" spans="1:43">
      <c r="A21178" t="s">
        <v>13125</v>
      </c>
      <c r="B21178" t="s">
        <v>13126</v>
      </c>
      <c r="C21178" t="s">
        <v>13111</v>
      </c>
      <c r="D21178" t="s">
        <v>13112</v>
      </c>
      <c r="E21178" t="s">
        <v>13063</v>
      </c>
      <c r="F21178" t="s">
        <v>13064</v>
      </c>
      <c r="G21178" t="s">
        <v>10214</v>
      </c>
      <c r="H21178" t="s">
        <v>10215</v>
      </c>
      <c r="I21178" s="2">
        <v>1</v>
      </c>
      <c r="J21178" s="2">
        <v>0</v>
      </c>
      <c r="K21178" s="2">
        <v>0</v>
      </c>
      <c r="L21178" t="s">
        <v>120</v>
      </c>
      <c r="M21178" t="s">
        <v>83</v>
      </c>
      <c r="N21178" t="s">
        <v>84</v>
      </c>
      <c r="O21178" t="s">
        <v>85</v>
      </c>
      <c r="P21178" t="s">
        <v>86</v>
      </c>
      <c r="Q21178">
        <v>21</v>
      </c>
      <c r="R21178">
        <v>21</v>
      </c>
      <c r="S21178">
        <v>22</v>
      </c>
      <c r="T21178">
        <v>23</v>
      </c>
      <c r="U21178">
        <v>23</v>
      </c>
      <c r="V21178">
        <v>24</v>
      </c>
      <c r="W21178">
        <v>24</v>
      </c>
      <c r="X21178">
        <v>25</v>
      </c>
      <c r="Y21178">
        <v>26</v>
      </c>
      <c r="Z21178">
        <v>26</v>
      </c>
      <c r="AA21178">
        <v>27</v>
      </c>
      <c r="AB21178">
        <v>28</v>
      </c>
      <c r="AC21178">
        <v>28</v>
      </c>
      <c r="AD21178">
        <v>29</v>
      </c>
      <c r="AE21178">
        <v>30</v>
      </c>
      <c r="AF21178">
        <v>30</v>
      </c>
      <c r="AG21178">
        <v>31</v>
      </c>
      <c r="AH21178">
        <v>32</v>
      </c>
      <c r="AI21178">
        <v>33</v>
      </c>
      <c r="AJ21178">
        <v>33</v>
      </c>
      <c r="AK21178">
        <v>34</v>
      </c>
      <c r="AL21178">
        <v>35</v>
      </c>
      <c r="AM21178">
        <v>35</v>
      </c>
      <c r="AN21178">
        <v>36</v>
      </c>
      <c r="AO21178">
        <v>36</v>
      </c>
      <c r="AP21178">
        <v>37</v>
      </c>
      <c r="AQ21178">
        <v>37</v>
      </c>
    </row>
    <row r="21179" spans="1:43">
      <c r="A21179" t="s">
        <v>13125</v>
      </c>
      <c r="B21179" t="s">
        <v>13126</v>
      </c>
      <c r="C21179" t="s">
        <v>13111</v>
      </c>
      <c r="D21179" t="s">
        <v>13112</v>
      </c>
      <c r="E21179" t="s">
        <v>13063</v>
      </c>
      <c r="F21179" t="s">
        <v>13064</v>
      </c>
      <c r="G21179" t="s">
        <v>10214</v>
      </c>
      <c r="H21179" t="s">
        <v>10215</v>
      </c>
      <c r="I21179" s="2">
        <v>1</v>
      </c>
      <c r="J21179" s="2">
        <v>0</v>
      </c>
      <c r="K21179" s="2">
        <v>0</v>
      </c>
      <c r="L21179" t="s">
        <v>120</v>
      </c>
      <c r="M21179" t="s">
        <v>87</v>
      </c>
      <c r="N21179" t="s">
        <v>88</v>
      </c>
      <c r="O21179" t="s">
        <v>85</v>
      </c>
      <c r="P21179" t="s">
        <v>86</v>
      </c>
      <c r="Q21179">
        <v>21</v>
      </c>
      <c r="R21179">
        <v>21</v>
      </c>
      <c r="S21179">
        <v>21</v>
      </c>
      <c r="T21179">
        <v>22</v>
      </c>
      <c r="U21179">
        <v>22</v>
      </c>
      <c r="V21179">
        <v>23</v>
      </c>
      <c r="W21179">
        <v>23</v>
      </c>
      <c r="X21179">
        <v>23</v>
      </c>
      <c r="Y21179">
        <v>24</v>
      </c>
      <c r="Z21179">
        <v>24</v>
      </c>
      <c r="AA21179">
        <v>25</v>
      </c>
      <c r="AB21179">
        <v>25</v>
      </c>
      <c r="AC21179">
        <v>25</v>
      </c>
      <c r="AD21179">
        <v>26</v>
      </c>
      <c r="AE21179">
        <v>26</v>
      </c>
      <c r="AF21179">
        <v>27</v>
      </c>
      <c r="AG21179">
        <v>27</v>
      </c>
      <c r="AH21179">
        <v>28</v>
      </c>
      <c r="AI21179">
        <v>28</v>
      </c>
      <c r="AJ21179">
        <v>29</v>
      </c>
      <c r="AK21179">
        <v>29</v>
      </c>
      <c r="AL21179">
        <v>30</v>
      </c>
      <c r="AM21179">
        <v>30</v>
      </c>
      <c r="AN21179">
        <v>31</v>
      </c>
      <c r="AO21179">
        <v>31</v>
      </c>
      <c r="AP21179">
        <v>32</v>
      </c>
      <c r="AQ21179">
        <v>32</v>
      </c>
    </row>
    <row r="21180" spans="1:43">
      <c r="A21180" t="s">
        <v>13125</v>
      </c>
      <c r="B21180" t="s">
        <v>13126</v>
      </c>
      <c r="C21180" t="s">
        <v>13111</v>
      </c>
      <c r="D21180" t="s">
        <v>13112</v>
      </c>
      <c r="E21180" t="s">
        <v>13063</v>
      </c>
      <c r="F21180" t="s">
        <v>13064</v>
      </c>
      <c r="G21180" t="s">
        <v>10214</v>
      </c>
      <c r="H21180" t="s">
        <v>10215</v>
      </c>
      <c r="I21180" s="2">
        <v>1</v>
      </c>
      <c r="J21180" s="2">
        <v>0</v>
      </c>
      <c r="K21180" s="2">
        <v>0</v>
      </c>
      <c r="L21180" t="s">
        <v>120</v>
      </c>
      <c r="M21180" t="s">
        <v>89</v>
      </c>
      <c r="N21180" t="s">
        <v>90</v>
      </c>
      <c r="O21180" t="s">
        <v>85</v>
      </c>
      <c r="P21180" t="s">
        <v>86</v>
      </c>
      <c r="Q21180">
        <v>21</v>
      </c>
      <c r="R21180">
        <v>22</v>
      </c>
      <c r="S21180">
        <v>23</v>
      </c>
      <c r="T21180">
        <v>23</v>
      </c>
      <c r="U21180">
        <v>24</v>
      </c>
      <c r="V21180">
        <v>25</v>
      </c>
      <c r="W21180">
        <v>26</v>
      </c>
      <c r="X21180">
        <v>26</v>
      </c>
      <c r="Y21180">
        <v>27</v>
      </c>
      <c r="Z21180">
        <v>28</v>
      </c>
      <c r="AA21180">
        <v>29</v>
      </c>
      <c r="AB21180">
        <v>30</v>
      </c>
      <c r="AC21180">
        <v>30</v>
      </c>
      <c r="AD21180">
        <v>31</v>
      </c>
      <c r="AE21180">
        <v>32</v>
      </c>
      <c r="AF21180">
        <v>32</v>
      </c>
      <c r="AG21180">
        <v>33</v>
      </c>
      <c r="AH21180">
        <v>33</v>
      </c>
      <c r="AI21180">
        <v>34</v>
      </c>
      <c r="AJ21180">
        <v>34</v>
      </c>
      <c r="AK21180">
        <v>35</v>
      </c>
      <c r="AL21180">
        <v>35</v>
      </c>
      <c r="AM21180">
        <v>36</v>
      </c>
      <c r="AN21180">
        <v>36</v>
      </c>
      <c r="AO21180">
        <v>37</v>
      </c>
      <c r="AP21180">
        <v>37</v>
      </c>
      <c r="AQ21180">
        <v>38</v>
      </c>
    </row>
    <row r="21181" spans="1:43">
      <c r="A21181" t="s">
        <v>13125</v>
      </c>
      <c r="B21181" t="s">
        <v>13126</v>
      </c>
      <c r="C21181" t="s">
        <v>13111</v>
      </c>
      <c r="D21181" t="s">
        <v>13112</v>
      </c>
      <c r="E21181" t="s">
        <v>13063</v>
      </c>
      <c r="F21181" t="s">
        <v>13064</v>
      </c>
      <c r="G21181" t="s">
        <v>10214</v>
      </c>
      <c r="H21181" t="s">
        <v>10215</v>
      </c>
      <c r="I21181" s="2">
        <v>1</v>
      </c>
      <c r="J21181" s="2">
        <v>0</v>
      </c>
      <c r="K21181" s="2">
        <v>0</v>
      </c>
      <c r="L21181" t="s">
        <v>120</v>
      </c>
      <c r="M21181" t="s">
        <v>83</v>
      </c>
      <c r="N21181" t="s">
        <v>91</v>
      </c>
      <c r="O21181" t="s">
        <v>85</v>
      </c>
      <c r="P21181" t="s">
        <v>86</v>
      </c>
      <c r="Q21181">
        <v>21</v>
      </c>
      <c r="R21181">
        <v>21</v>
      </c>
      <c r="S21181">
        <v>22</v>
      </c>
      <c r="T21181">
        <v>23</v>
      </c>
      <c r="U21181">
        <v>23</v>
      </c>
      <c r="V21181">
        <v>24</v>
      </c>
      <c r="W21181">
        <v>24</v>
      </c>
      <c r="X21181">
        <v>25</v>
      </c>
      <c r="Y21181">
        <v>26</v>
      </c>
      <c r="Z21181">
        <v>26</v>
      </c>
      <c r="AA21181">
        <v>27</v>
      </c>
      <c r="AB21181">
        <v>28</v>
      </c>
      <c r="AC21181">
        <v>28</v>
      </c>
      <c r="AD21181">
        <v>29</v>
      </c>
      <c r="AE21181">
        <v>30</v>
      </c>
      <c r="AF21181">
        <v>30</v>
      </c>
      <c r="AG21181">
        <v>31</v>
      </c>
      <c r="AH21181">
        <v>32</v>
      </c>
      <c r="AI21181">
        <v>33</v>
      </c>
      <c r="AJ21181">
        <v>33</v>
      </c>
      <c r="AK21181">
        <v>34</v>
      </c>
      <c r="AL21181">
        <v>35</v>
      </c>
      <c r="AM21181">
        <v>35</v>
      </c>
      <c r="AN21181">
        <v>36</v>
      </c>
      <c r="AO21181">
        <v>36</v>
      </c>
      <c r="AP21181">
        <v>37</v>
      </c>
      <c r="AQ21181">
        <v>37</v>
      </c>
    </row>
    <row r="21182" spans="1:43">
      <c r="A21182" t="s">
        <v>13127</v>
      </c>
      <c r="B21182" t="s">
        <v>13128</v>
      </c>
      <c r="C21182" t="s">
        <v>13111</v>
      </c>
      <c r="D21182" t="s">
        <v>13112</v>
      </c>
      <c r="E21182" t="s">
        <v>13063</v>
      </c>
      <c r="F21182" t="s">
        <v>13064</v>
      </c>
      <c r="G21182" t="s">
        <v>10214</v>
      </c>
      <c r="H21182" t="s">
        <v>10215</v>
      </c>
      <c r="I21182" s="2">
        <v>1</v>
      </c>
      <c r="J21182" s="2">
        <v>0</v>
      </c>
      <c r="K21182" s="2">
        <v>0</v>
      </c>
      <c r="L21182" t="s">
        <v>120</v>
      </c>
      <c r="M21182" t="s">
        <v>83</v>
      </c>
      <c r="N21182" t="s">
        <v>84</v>
      </c>
      <c r="O21182" t="s">
        <v>85</v>
      </c>
      <c r="P21182" t="s">
        <v>86</v>
      </c>
      <c r="Q21182">
        <v>20</v>
      </c>
      <c r="R21182">
        <v>20</v>
      </c>
      <c r="S21182">
        <v>20</v>
      </c>
      <c r="T21182">
        <v>21</v>
      </c>
      <c r="U21182">
        <v>21</v>
      </c>
      <c r="V21182">
        <v>21</v>
      </c>
      <c r="W21182">
        <v>22</v>
      </c>
      <c r="X21182">
        <v>22</v>
      </c>
      <c r="Y21182">
        <v>22</v>
      </c>
      <c r="Z21182">
        <v>23</v>
      </c>
      <c r="AA21182">
        <v>23</v>
      </c>
      <c r="AB21182">
        <v>23</v>
      </c>
      <c r="AC21182">
        <v>23</v>
      </c>
      <c r="AD21182">
        <v>24</v>
      </c>
      <c r="AE21182">
        <v>24</v>
      </c>
      <c r="AF21182">
        <v>24</v>
      </c>
      <c r="AG21182">
        <v>25</v>
      </c>
      <c r="AH21182">
        <v>25</v>
      </c>
      <c r="AI21182">
        <v>25</v>
      </c>
      <c r="AJ21182">
        <v>25</v>
      </c>
      <c r="AK21182">
        <v>26</v>
      </c>
      <c r="AL21182">
        <v>26</v>
      </c>
      <c r="AM21182">
        <v>26</v>
      </c>
      <c r="AN21182">
        <v>26</v>
      </c>
      <c r="AO21182">
        <v>26</v>
      </c>
      <c r="AP21182">
        <v>26</v>
      </c>
      <c r="AQ21182">
        <v>26</v>
      </c>
    </row>
    <row r="21183" spans="1:43">
      <c r="A21183" t="s">
        <v>13127</v>
      </c>
      <c r="B21183" t="s">
        <v>13128</v>
      </c>
      <c r="C21183" t="s">
        <v>13111</v>
      </c>
      <c r="D21183" t="s">
        <v>13112</v>
      </c>
      <c r="E21183" t="s">
        <v>13063</v>
      </c>
      <c r="F21183" t="s">
        <v>13064</v>
      </c>
      <c r="G21183" t="s">
        <v>10214</v>
      </c>
      <c r="H21183" t="s">
        <v>10215</v>
      </c>
      <c r="I21183" s="2">
        <v>1</v>
      </c>
      <c r="J21183" s="2">
        <v>0</v>
      </c>
      <c r="K21183" s="2">
        <v>0</v>
      </c>
      <c r="L21183" t="s">
        <v>120</v>
      </c>
      <c r="M21183" t="s">
        <v>87</v>
      </c>
      <c r="N21183" t="s">
        <v>88</v>
      </c>
      <c r="O21183" t="s">
        <v>85</v>
      </c>
      <c r="P21183" t="s">
        <v>86</v>
      </c>
      <c r="Q21183">
        <v>20</v>
      </c>
      <c r="R21183">
        <v>20</v>
      </c>
      <c r="S21183">
        <v>20</v>
      </c>
      <c r="T21183">
        <v>20</v>
      </c>
      <c r="U21183">
        <v>20</v>
      </c>
      <c r="V21183">
        <v>20</v>
      </c>
      <c r="W21183">
        <v>20</v>
      </c>
      <c r="X21183">
        <v>20</v>
      </c>
      <c r="Y21183">
        <v>21</v>
      </c>
      <c r="Z21183">
        <v>21</v>
      </c>
      <c r="AA21183">
        <v>21</v>
      </c>
      <c r="AB21183">
        <v>21</v>
      </c>
      <c r="AC21183">
        <v>21</v>
      </c>
      <c r="AD21183">
        <v>21</v>
      </c>
      <c r="AE21183">
        <v>21</v>
      </c>
      <c r="AF21183">
        <v>21</v>
      </c>
      <c r="AG21183">
        <v>21</v>
      </c>
      <c r="AH21183">
        <v>22</v>
      </c>
      <c r="AI21183">
        <v>22</v>
      </c>
      <c r="AJ21183">
        <v>22</v>
      </c>
      <c r="AK21183">
        <v>22</v>
      </c>
      <c r="AL21183">
        <v>22</v>
      </c>
      <c r="AM21183">
        <v>22</v>
      </c>
      <c r="AN21183">
        <v>22</v>
      </c>
      <c r="AO21183">
        <v>22</v>
      </c>
      <c r="AP21183">
        <v>23</v>
      </c>
      <c r="AQ21183">
        <v>23</v>
      </c>
    </row>
    <row r="21184" spans="1:43">
      <c r="A21184" t="s">
        <v>13127</v>
      </c>
      <c r="B21184" t="s">
        <v>13128</v>
      </c>
      <c r="C21184" t="s">
        <v>13111</v>
      </c>
      <c r="D21184" t="s">
        <v>13112</v>
      </c>
      <c r="E21184" t="s">
        <v>13063</v>
      </c>
      <c r="F21184" t="s">
        <v>13064</v>
      </c>
      <c r="G21184" t="s">
        <v>10214</v>
      </c>
      <c r="H21184" t="s">
        <v>10215</v>
      </c>
      <c r="I21184" s="2">
        <v>1</v>
      </c>
      <c r="J21184" s="2">
        <v>0</v>
      </c>
      <c r="K21184" s="2">
        <v>0</v>
      </c>
      <c r="L21184" t="s">
        <v>120</v>
      </c>
      <c r="M21184" t="s">
        <v>89</v>
      </c>
      <c r="N21184" t="s">
        <v>90</v>
      </c>
      <c r="O21184" t="s">
        <v>85</v>
      </c>
      <c r="P21184" t="s">
        <v>86</v>
      </c>
      <c r="Q21184">
        <v>20</v>
      </c>
      <c r="R21184">
        <v>21</v>
      </c>
      <c r="S21184">
        <v>21</v>
      </c>
      <c r="T21184">
        <v>21</v>
      </c>
      <c r="U21184">
        <v>22</v>
      </c>
      <c r="V21184">
        <v>22</v>
      </c>
      <c r="W21184">
        <v>23</v>
      </c>
      <c r="X21184">
        <v>23</v>
      </c>
      <c r="Y21184">
        <v>24</v>
      </c>
      <c r="Z21184">
        <v>24</v>
      </c>
      <c r="AA21184">
        <v>24</v>
      </c>
      <c r="AB21184">
        <v>25</v>
      </c>
      <c r="AC21184">
        <v>25</v>
      </c>
      <c r="AD21184">
        <v>25</v>
      </c>
      <c r="AE21184">
        <v>26</v>
      </c>
      <c r="AF21184">
        <v>26</v>
      </c>
      <c r="AG21184">
        <v>26</v>
      </c>
      <c r="AH21184">
        <v>26</v>
      </c>
      <c r="AI21184">
        <v>26</v>
      </c>
      <c r="AJ21184">
        <v>26</v>
      </c>
      <c r="AK21184">
        <v>26</v>
      </c>
      <c r="AL21184">
        <v>26</v>
      </c>
      <c r="AM21184">
        <v>26</v>
      </c>
      <c r="AN21184">
        <v>26</v>
      </c>
      <c r="AO21184">
        <v>26</v>
      </c>
      <c r="AP21184">
        <v>26</v>
      </c>
      <c r="AQ21184">
        <v>27</v>
      </c>
    </row>
    <row r="21185" spans="1:43">
      <c r="A21185" t="s">
        <v>13127</v>
      </c>
      <c r="B21185" t="s">
        <v>13128</v>
      </c>
      <c r="C21185" t="s">
        <v>13111</v>
      </c>
      <c r="D21185" t="s">
        <v>13112</v>
      </c>
      <c r="E21185" t="s">
        <v>13063</v>
      </c>
      <c r="F21185" t="s">
        <v>13064</v>
      </c>
      <c r="G21185" t="s">
        <v>10214</v>
      </c>
      <c r="H21185" t="s">
        <v>10215</v>
      </c>
      <c r="I21185" s="2">
        <v>1</v>
      </c>
      <c r="J21185" s="2">
        <v>0</v>
      </c>
      <c r="K21185" s="2">
        <v>0</v>
      </c>
      <c r="L21185" t="s">
        <v>120</v>
      </c>
      <c r="M21185" t="s">
        <v>83</v>
      </c>
      <c r="N21185" t="s">
        <v>91</v>
      </c>
      <c r="O21185" t="s">
        <v>85</v>
      </c>
      <c r="P21185" t="s">
        <v>86</v>
      </c>
      <c r="Q21185">
        <v>20</v>
      </c>
      <c r="R21185">
        <v>20</v>
      </c>
      <c r="S21185">
        <v>20</v>
      </c>
      <c r="T21185">
        <v>21</v>
      </c>
      <c r="U21185">
        <v>21</v>
      </c>
      <c r="V21185">
        <v>21</v>
      </c>
      <c r="W21185">
        <v>22</v>
      </c>
      <c r="X21185">
        <v>22</v>
      </c>
      <c r="Y21185">
        <v>22</v>
      </c>
      <c r="Z21185">
        <v>23</v>
      </c>
      <c r="AA21185">
        <v>23</v>
      </c>
      <c r="AB21185">
        <v>23</v>
      </c>
      <c r="AC21185">
        <v>23</v>
      </c>
      <c r="AD21185">
        <v>24</v>
      </c>
      <c r="AE21185">
        <v>24</v>
      </c>
      <c r="AF21185">
        <v>24</v>
      </c>
      <c r="AG21185">
        <v>25</v>
      </c>
      <c r="AH21185">
        <v>25</v>
      </c>
      <c r="AI21185">
        <v>25</v>
      </c>
      <c r="AJ21185">
        <v>25</v>
      </c>
      <c r="AK21185">
        <v>26</v>
      </c>
      <c r="AL21185">
        <v>26</v>
      </c>
      <c r="AM21185">
        <v>26</v>
      </c>
      <c r="AN21185">
        <v>26</v>
      </c>
      <c r="AO21185">
        <v>26</v>
      </c>
      <c r="AP21185">
        <v>26</v>
      </c>
      <c r="AQ21185">
        <v>26</v>
      </c>
    </row>
    <row r="21186" spans="1:43">
      <c r="A21186" t="s">
        <v>13129</v>
      </c>
      <c r="B21186" t="s">
        <v>13130</v>
      </c>
      <c r="C21186" t="s">
        <v>13131</v>
      </c>
      <c r="D21186" t="s">
        <v>13132</v>
      </c>
      <c r="E21186" t="s">
        <v>13063</v>
      </c>
      <c r="F21186" t="s">
        <v>13064</v>
      </c>
      <c r="G21186" t="s">
        <v>10214</v>
      </c>
      <c r="H21186" t="s">
        <v>10215</v>
      </c>
      <c r="I21186" s="2">
        <v>1</v>
      </c>
      <c r="J21186" s="2">
        <v>0</v>
      </c>
      <c r="K21186" s="2">
        <v>0</v>
      </c>
      <c r="L21186" t="s">
        <v>120</v>
      </c>
      <c r="M21186" t="s">
        <v>83</v>
      </c>
      <c r="N21186" t="s">
        <v>84</v>
      </c>
      <c r="O21186" t="s">
        <v>85</v>
      </c>
      <c r="P21186" t="s">
        <v>86</v>
      </c>
      <c r="Q21186">
        <v>5</v>
      </c>
      <c r="R21186">
        <v>5</v>
      </c>
      <c r="S21186">
        <v>5</v>
      </c>
      <c r="T21186">
        <v>5</v>
      </c>
      <c r="U21186">
        <v>5</v>
      </c>
      <c r="V21186">
        <v>5</v>
      </c>
      <c r="W21186">
        <v>6</v>
      </c>
      <c r="X21186">
        <v>6</v>
      </c>
      <c r="Y21186">
        <v>6</v>
      </c>
      <c r="Z21186">
        <v>6</v>
      </c>
      <c r="AA21186">
        <v>6</v>
      </c>
      <c r="AB21186">
        <v>6</v>
      </c>
      <c r="AC21186">
        <v>6</v>
      </c>
      <c r="AD21186">
        <v>7</v>
      </c>
      <c r="AE21186">
        <v>7</v>
      </c>
      <c r="AF21186">
        <v>7</v>
      </c>
      <c r="AG21186">
        <v>7</v>
      </c>
      <c r="AH21186">
        <v>7</v>
      </c>
      <c r="AI21186">
        <v>7</v>
      </c>
      <c r="AJ21186">
        <v>8</v>
      </c>
      <c r="AK21186">
        <v>8</v>
      </c>
      <c r="AL21186">
        <v>8</v>
      </c>
      <c r="AM21186">
        <v>8</v>
      </c>
      <c r="AN21186">
        <v>8</v>
      </c>
      <c r="AO21186">
        <v>8</v>
      </c>
      <c r="AP21186">
        <v>8</v>
      </c>
      <c r="AQ21186">
        <v>8</v>
      </c>
    </row>
    <row r="21187" spans="1:43">
      <c r="A21187" t="s">
        <v>13129</v>
      </c>
      <c r="B21187" t="s">
        <v>13130</v>
      </c>
      <c r="C21187" t="s">
        <v>13131</v>
      </c>
      <c r="D21187" t="s">
        <v>13132</v>
      </c>
      <c r="E21187" t="s">
        <v>13063</v>
      </c>
      <c r="F21187" t="s">
        <v>13064</v>
      </c>
      <c r="G21187" t="s">
        <v>10214</v>
      </c>
      <c r="H21187" t="s">
        <v>10215</v>
      </c>
      <c r="I21187" s="2">
        <v>1</v>
      </c>
      <c r="J21187" s="2">
        <v>0</v>
      </c>
      <c r="K21187" s="2">
        <v>0</v>
      </c>
      <c r="L21187" t="s">
        <v>120</v>
      </c>
      <c r="M21187" t="s">
        <v>87</v>
      </c>
      <c r="N21187" t="s">
        <v>88</v>
      </c>
      <c r="O21187" t="s">
        <v>85</v>
      </c>
      <c r="P21187" t="s">
        <v>86</v>
      </c>
      <c r="Q21187">
        <v>5</v>
      </c>
      <c r="R21187">
        <v>5</v>
      </c>
      <c r="S21187">
        <v>5</v>
      </c>
      <c r="T21187">
        <v>5</v>
      </c>
      <c r="U21187">
        <v>5</v>
      </c>
      <c r="V21187">
        <v>5</v>
      </c>
      <c r="W21187">
        <v>5</v>
      </c>
      <c r="X21187">
        <v>5</v>
      </c>
      <c r="Y21187">
        <v>5</v>
      </c>
      <c r="Z21187">
        <v>6</v>
      </c>
      <c r="AA21187">
        <v>6</v>
      </c>
      <c r="AB21187">
        <v>6</v>
      </c>
      <c r="AC21187">
        <v>6</v>
      </c>
      <c r="AD21187">
        <v>6</v>
      </c>
      <c r="AE21187">
        <v>6</v>
      </c>
      <c r="AF21187">
        <v>6</v>
      </c>
      <c r="AG21187">
        <v>6</v>
      </c>
      <c r="AH21187">
        <v>6</v>
      </c>
      <c r="AI21187">
        <v>6</v>
      </c>
      <c r="AJ21187">
        <v>7</v>
      </c>
      <c r="AK21187">
        <v>7</v>
      </c>
      <c r="AL21187">
        <v>7</v>
      </c>
      <c r="AM21187">
        <v>7</v>
      </c>
      <c r="AN21187">
        <v>7</v>
      </c>
      <c r="AO21187">
        <v>7</v>
      </c>
      <c r="AP21187">
        <v>7</v>
      </c>
      <c r="AQ21187">
        <v>7</v>
      </c>
    </row>
    <row r="21188" spans="1:43">
      <c r="A21188" t="s">
        <v>13129</v>
      </c>
      <c r="B21188" t="s">
        <v>13130</v>
      </c>
      <c r="C21188" t="s">
        <v>13131</v>
      </c>
      <c r="D21188" t="s">
        <v>13132</v>
      </c>
      <c r="E21188" t="s">
        <v>13063</v>
      </c>
      <c r="F21188" t="s">
        <v>13064</v>
      </c>
      <c r="G21188" t="s">
        <v>10214</v>
      </c>
      <c r="H21188" t="s">
        <v>10215</v>
      </c>
      <c r="I21188" s="2">
        <v>1</v>
      </c>
      <c r="J21188" s="2">
        <v>0</v>
      </c>
      <c r="K21188" s="2">
        <v>0</v>
      </c>
      <c r="L21188" t="s">
        <v>120</v>
      </c>
      <c r="M21188" t="s">
        <v>89</v>
      </c>
      <c r="N21188" t="s">
        <v>90</v>
      </c>
      <c r="O21188" t="s">
        <v>85</v>
      </c>
      <c r="P21188" t="s">
        <v>86</v>
      </c>
      <c r="Q21188">
        <v>5</v>
      </c>
      <c r="R21188">
        <v>5</v>
      </c>
      <c r="S21188">
        <v>5</v>
      </c>
      <c r="T21188">
        <v>5</v>
      </c>
      <c r="U21188">
        <v>5</v>
      </c>
      <c r="V21188">
        <v>6</v>
      </c>
      <c r="W21188">
        <v>6</v>
      </c>
      <c r="X21188">
        <v>6</v>
      </c>
      <c r="Y21188">
        <v>6</v>
      </c>
      <c r="Z21188">
        <v>6</v>
      </c>
      <c r="AA21188">
        <v>7</v>
      </c>
      <c r="AB21188">
        <v>7</v>
      </c>
      <c r="AC21188">
        <v>7</v>
      </c>
      <c r="AD21188">
        <v>7</v>
      </c>
      <c r="AE21188">
        <v>7</v>
      </c>
      <c r="AF21188">
        <v>7</v>
      </c>
      <c r="AG21188">
        <v>7</v>
      </c>
      <c r="AH21188">
        <v>8</v>
      </c>
      <c r="AI21188">
        <v>8</v>
      </c>
      <c r="AJ21188">
        <v>8</v>
      </c>
      <c r="AK21188">
        <v>8</v>
      </c>
      <c r="AL21188">
        <v>8</v>
      </c>
      <c r="AM21188">
        <v>8</v>
      </c>
      <c r="AN21188">
        <v>8</v>
      </c>
      <c r="AO21188">
        <v>8</v>
      </c>
      <c r="AP21188">
        <v>8</v>
      </c>
      <c r="AQ21188">
        <v>8</v>
      </c>
    </row>
    <row r="21189" spans="1:43">
      <c r="A21189" t="s">
        <v>13129</v>
      </c>
      <c r="B21189" t="s">
        <v>13130</v>
      </c>
      <c r="C21189" t="s">
        <v>13131</v>
      </c>
      <c r="D21189" t="s">
        <v>13132</v>
      </c>
      <c r="E21189" t="s">
        <v>13063</v>
      </c>
      <c r="F21189" t="s">
        <v>13064</v>
      </c>
      <c r="G21189" t="s">
        <v>10214</v>
      </c>
      <c r="H21189" t="s">
        <v>10215</v>
      </c>
      <c r="I21189" s="2">
        <v>1</v>
      </c>
      <c r="J21189" s="2">
        <v>0</v>
      </c>
      <c r="K21189" s="2">
        <v>0</v>
      </c>
      <c r="L21189" t="s">
        <v>120</v>
      </c>
      <c r="M21189" t="s">
        <v>83</v>
      </c>
      <c r="N21189" t="s">
        <v>91</v>
      </c>
      <c r="O21189" t="s">
        <v>85</v>
      </c>
      <c r="P21189" t="s">
        <v>86</v>
      </c>
      <c r="Q21189">
        <v>5</v>
      </c>
      <c r="R21189">
        <v>5</v>
      </c>
      <c r="S21189">
        <v>5</v>
      </c>
      <c r="T21189">
        <v>5</v>
      </c>
      <c r="U21189">
        <v>5</v>
      </c>
      <c r="V21189">
        <v>5</v>
      </c>
      <c r="W21189">
        <v>6</v>
      </c>
      <c r="X21189">
        <v>6</v>
      </c>
      <c r="Y21189">
        <v>6</v>
      </c>
      <c r="Z21189">
        <v>6</v>
      </c>
      <c r="AA21189">
        <v>6</v>
      </c>
      <c r="AB21189">
        <v>6</v>
      </c>
      <c r="AC21189">
        <v>6</v>
      </c>
      <c r="AD21189">
        <v>7</v>
      </c>
      <c r="AE21189">
        <v>7</v>
      </c>
      <c r="AF21189">
        <v>7</v>
      </c>
      <c r="AG21189">
        <v>7</v>
      </c>
      <c r="AH21189">
        <v>7</v>
      </c>
      <c r="AI21189">
        <v>7</v>
      </c>
      <c r="AJ21189">
        <v>8</v>
      </c>
      <c r="AK21189">
        <v>8</v>
      </c>
      <c r="AL21189">
        <v>8</v>
      </c>
      <c r="AM21189">
        <v>8</v>
      </c>
      <c r="AN21189">
        <v>8</v>
      </c>
      <c r="AO21189">
        <v>8</v>
      </c>
      <c r="AP21189">
        <v>8</v>
      </c>
      <c r="AQ21189">
        <v>8</v>
      </c>
    </row>
    <row r="21190" spans="1:43">
      <c r="A21190" t="s">
        <v>13133</v>
      </c>
      <c r="B21190" t="s">
        <v>13134</v>
      </c>
      <c r="C21190" t="s">
        <v>13131</v>
      </c>
      <c r="D21190" t="s">
        <v>13132</v>
      </c>
      <c r="E21190" t="s">
        <v>13063</v>
      </c>
      <c r="F21190" t="s">
        <v>13064</v>
      </c>
      <c r="G21190" t="s">
        <v>10214</v>
      </c>
      <c r="H21190" t="s">
        <v>10215</v>
      </c>
      <c r="I21190" s="2">
        <v>1</v>
      </c>
      <c r="J21190" s="2">
        <v>0</v>
      </c>
      <c r="K21190" s="2">
        <v>0</v>
      </c>
      <c r="L21190" t="s">
        <v>120</v>
      </c>
      <c r="M21190" t="s">
        <v>83</v>
      </c>
      <c r="N21190" t="s">
        <v>84</v>
      </c>
      <c r="O21190" t="s">
        <v>85</v>
      </c>
      <c r="P21190" t="s">
        <v>86</v>
      </c>
      <c r="Q21190">
        <v>35</v>
      </c>
      <c r="R21190">
        <v>36</v>
      </c>
      <c r="S21190">
        <v>37</v>
      </c>
      <c r="T21190">
        <v>38</v>
      </c>
      <c r="U21190">
        <v>39</v>
      </c>
      <c r="V21190">
        <v>40</v>
      </c>
      <c r="W21190">
        <v>41</v>
      </c>
      <c r="X21190">
        <v>42</v>
      </c>
      <c r="Y21190">
        <v>43</v>
      </c>
      <c r="Z21190">
        <v>44</v>
      </c>
      <c r="AA21190">
        <v>45</v>
      </c>
      <c r="AB21190">
        <v>46</v>
      </c>
      <c r="AC21190">
        <v>47</v>
      </c>
      <c r="AD21190">
        <v>49</v>
      </c>
      <c r="AE21190">
        <v>50</v>
      </c>
      <c r="AF21190">
        <v>51</v>
      </c>
      <c r="AG21190">
        <v>52</v>
      </c>
      <c r="AH21190">
        <v>53</v>
      </c>
      <c r="AI21190">
        <v>54</v>
      </c>
      <c r="AJ21190">
        <v>56</v>
      </c>
      <c r="AK21190">
        <v>57</v>
      </c>
      <c r="AL21190">
        <v>58</v>
      </c>
      <c r="AM21190">
        <v>59</v>
      </c>
      <c r="AN21190">
        <v>60</v>
      </c>
      <c r="AO21190">
        <v>60</v>
      </c>
      <c r="AP21190">
        <v>61</v>
      </c>
      <c r="AQ21190">
        <v>62</v>
      </c>
    </row>
    <row r="21191" spans="1:43">
      <c r="A21191" t="s">
        <v>13133</v>
      </c>
      <c r="B21191" t="s">
        <v>13134</v>
      </c>
      <c r="C21191" t="s">
        <v>13131</v>
      </c>
      <c r="D21191" t="s">
        <v>13132</v>
      </c>
      <c r="E21191" t="s">
        <v>13063</v>
      </c>
      <c r="F21191" t="s">
        <v>13064</v>
      </c>
      <c r="G21191" t="s">
        <v>10214</v>
      </c>
      <c r="H21191" t="s">
        <v>10215</v>
      </c>
      <c r="I21191" s="2">
        <v>1</v>
      </c>
      <c r="J21191" s="2">
        <v>0</v>
      </c>
      <c r="K21191" s="2">
        <v>0</v>
      </c>
      <c r="L21191" t="s">
        <v>120</v>
      </c>
      <c r="M21191" t="s">
        <v>87</v>
      </c>
      <c r="N21191" t="s">
        <v>88</v>
      </c>
      <c r="O21191" t="s">
        <v>85</v>
      </c>
      <c r="P21191" t="s">
        <v>86</v>
      </c>
      <c r="Q21191">
        <v>35</v>
      </c>
      <c r="R21191">
        <v>35</v>
      </c>
      <c r="S21191">
        <v>36</v>
      </c>
      <c r="T21191">
        <v>37</v>
      </c>
      <c r="U21191">
        <v>37</v>
      </c>
      <c r="V21191">
        <v>38</v>
      </c>
      <c r="W21191">
        <v>39</v>
      </c>
      <c r="X21191">
        <v>39</v>
      </c>
      <c r="Y21191">
        <v>40</v>
      </c>
      <c r="Z21191">
        <v>41</v>
      </c>
      <c r="AA21191">
        <v>41</v>
      </c>
      <c r="AB21191">
        <v>42</v>
      </c>
      <c r="AC21191">
        <v>43</v>
      </c>
      <c r="AD21191">
        <v>43</v>
      </c>
      <c r="AE21191">
        <v>44</v>
      </c>
      <c r="AF21191">
        <v>45</v>
      </c>
      <c r="AG21191">
        <v>46</v>
      </c>
      <c r="AH21191">
        <v>46</v>
      </c>
      <c r="AI21191">
        <v>47</v>
      </c>
      <c r="AJ21191">
        <v>48</v>
      </c>
      <c r="AK21191">
        <v>49</v>
      </c>
      <c r="AL21191">
        <v>50</v>
      </c>
      <c r="AM21191">
        <v>50</v>
      </c>
      <c r="AN21191">
        <v>51</v>
      </c>
      <c r="AO21191">
        <v>52</v>
      </c>
      <c r="AP21191">
        <v>53</v>
      </c>
      <c r="AQ21191">
        <v>54</v>
      </c>
    </row>
    <row r="21192" spans="1:43">
      <c r="A21192" t="s">
        <v>13133</v>
      </c>
      <c r="B21192" t="s">
        <v>13134</v>
      </c>
      <c r="C21192" t="s">
        <v>13131</v>
      </c>
      <c r="D21192" t="s">
        <v>13132</v>
      </c>
      <c r="E21192" t="s">
        <v>13063</v>
      </c>
      <c r="F21192" t="s">
        <v>13064</v>
      </c>
      <c r="G21192" t="s">
        <v>10214</v>
      </c>
      <c r="H21192" t="s">
        <v>10215</v>
      </c>
      <c r="I21192" s="2">
        <v>1</v>
      </c>
      <c r="J21192" s="2">
        <v>0</v>
      </c>
      <c r="K21192" s="2">
        <v>0</v>
      </c>
      <c r="L21192" t="s">
        <v>120</v>
      </c>
      <c r="M21192" t="s">
        <v>89</v>
      </c>
      <c r="N21192" t="s">
        <v>90</v>
      </c>
      <c r="O21192" t="s">
        <v>85</v>
      </c>
      <c r="P21192" t="s">
        <v>86</v>
      </c>
      <c r="Q21192">
        <v>35</v>
      </c>
      <c r="R21192">
        <v>37</v>
      </c>
      <c r="S21192">
        <v>38</v>
      </c>
      <c r="T21192">
        <v>39</v>
      </c>
      <c r="U21192">
        <v>41</v>
      </c>
      <c r="V21192">
        <v>42</v>
      </c>
      <c r="W21192">
        <v>43</v>
      </c>
      <c r="X21192">
        <v>44</v>
      </c>
      <c r="Y21192">
        <v>46</v>
      </c>
      <c r="Z21192">
        <v>47</v>
      </c>
      <c r="AA21192">
        <v>48</v>
      </c>
      <c r="AB21192">
        <v>49</v>
      </c>
      <c r="AC21192">
        <v>51</v>
      </c>
      <c r="AD21192">
        <v>52</v>
      </c>
      <c r="AE21192">
        <v>53</v>
      </c>
      <c r="AF21192">
        <v>54</v>
      </c>
      <c r="AG21192">
        <v>55</v>
      </c>
      <c r="AH21192">
        <v>55</v>
      </c>
      <c r="AI21192">
        <v>56</v>
      </c>
      <c r="AJ21192">
        <v>57</v>
      </c>
      <c r="AK21192">
        <v>58</v>
      </c>
      <c r="AL21192">
        <v>58</v>
      </c>
      <c r="AM21192">
        <v>59</v>
      </c>
      <c r="AN21192">
        <v>60</v>
      </c>
      <c r="AO21192">
        <v>61</v>
      </c>
      <c r="AP21192">
        <v>62</v>
      </c>
      <c r="AQ21192">
        <v>62</v>
      </c>
    </row>
    <row r="21193" spans="1:43">
      <c r="A21193" t="s">
        <v>13133</v>
      </c>
      <c r="B21193" t="s">
        <v>13134</v>
      </c>
      <c r="C21193" t="s">
        <v>13131</v>
      </c>
      <c r="D21193" t="s">
        <v>13132</v>
      </c>
      <c r="E21193" t="s">
        <v>13063</v>
      </c>
      <c r="F21193" t="s">
        <v>13064</v>
      </c>
      <c r="G21193" t="s">
        <v>10214</v>
      </c>
      <c r="H21193" t="s">
        <v>10215</v>
      </c>
      <c r="I21193" s="2">
        <v>1</v>
      </c>
      <c r="J21193" s="2">
        <v>0</v>
      </c>
      <c r="K21193" s="2">
        <v>0</v>
      </c>
      <c r="L21193" t="s">
        <v>120</v>
      </c>
      <c r="M21193" t="s">
        <v>83</v>
      </c>
      <c r="N21193" t="s">
        <v>91</v>
      </c>
      <c r="O21193" t="s">
        <v>85</v>
      </c>
      <c r="P21193" t="s">
        <v>86</v>
      </c>
      <c r="Q21193">
        <v>35</v>
      </c>
      <c r="R21193">
        <v>36</v>
      </c>
      <c r="S21193">
        <v>37</v>
      </c>
      <c r="T21193">
        <v>38</v>
      </c>
      <c r="U21193">
        <v>39</v>
      </c>
      <c r="V21193">
        <v>40</v>
      </c>
      <c r="W21193">
        <v>41</v>
      </c>
      <c r="X21193">
        <v>42</v>
      </c>
      <c r="Y21193">
        <v>43</v>
      </c>
      <c r="Z21193">
        <v>44</v>
      </c>
      <c r="AA21193">
        <v>45</v>
      </c>
      <c r="AB21193">
        <v>46</v>
      </c>
      <c r="AC21193">
        <v>47</v>
      </c>
      <c r="AD21193">
        <v>49</v>
      </c>
      <c r="AE21193">
        <v>50</v>
      </c>
      <c r="AF21193">
        <v>51</v>
      </c>
      <c r="AG21193">
        <v>52</v>
      </c>
      <c r="AH21193">
        <v>53</v>
      </c>
      <c r="AI21193">
        <v>54</v>
      </c>
      <c r="AJ21193">
        <v>56</v>
      </c>
      <c r="AK21193">
        <v>57</v>
      </c>
      <c r="AL21193">
        <v>58</v>
      </c>
      <c r="AM21193">
        <v>59</v>
      </c>
      <c r="AN21193">
        <v>60</v>
      </c>
      <c r="AO21193">
        <v>60</v>
      </c>
      <c r="AP21193">
        <v>61</v>
      </c>
      <c r="AQ21193">
        <v>62</v>
      </c>
    </row>
    <row r="21194" spans="1:43">
      <c r="A21194" t="s">
        <v>13135</v>
      </c>
      <c r="B21194" t="s">
        <v>13136</v>
      </c>
      <c r="C21194" t="s">
        <v>13131</v>
      </c>
      <c r="D21194" t="s">
        <v>13132</v>
      </c>
      <c r="E21194" t="s">
        <v>13063</v>
      </c>
      <c r="F21194" t="s">
        <v>13064</v>
      </c>
      <c r="G21194" t="s">
        <v>10214</v>
      </c>
      <c r="H21194" t="s">
        <v>10215</v>
      </c>
      <c r="I21194" s="2">
        <v>1</v>
      </c>
      <c r="J21194" s="2">
        <v>0</v>
      </c>
      <c r="K21194" s="2">
        <v>0</v>
      </c>
      <c r="L21194" t="s">
        <v>120</v>
      </c>
      <c r="M21194" t="s">
        <v>83</v>
      </c>
      <c r="N21194" t="s">
        <v>84</v>
      </c>
      <c r="O21194" t="s">
        <v>85</v>
      </c>
      <c r="P21194" t="s">
        <v>86</v>
      </c>
      <c r="Q21194">
        <v>61</v>
      </c>
      <c r="R21194">
        <v>63</v>
      </c>
      <c r="S21194">
        <v>64</v>
      </c>
      <c r="T21194">
        <v>66</v>
      </c>
      <c r="U21194">
        <v>68</v>
      </c>
      <c r="V21194">
        <v>70</v>
      </c>
      <c r="W21194">
        <v>71</v>
      </c>
      <c r="X21194">
        <v>73</v>
      </c>
      <c r="Y21194">
        <v>75</v>
      </c>
      <c r="Z21194">
        <v>77</v>
      </c>
      <c r="AA21194">
        <v>79</v>
      </c>
      <c r="AB21194">
        <v>81</v>
      </c>
      <c r="AC21194">
        <v>83</v>
      </c>
      <c r="AD21194">
        <v>85</v>
      </c>
      <c r="AE21194">
        <v>87</v>
      </c>
      <c r="AF21194">
        <v>89</v>
      </c>
      <c r="AG21194">
        <v>91</v>
      </c>
      <c r="AH21194">
        <v>93</v>
      </c>
      <c r="AI21194">
        <v>95</v>
      </c>
      <c r="AJ21194">
        <v>97</v>
      </c>
      <c r="AK21194">
        <v>100</v>
      </c>
      <c r="AL21194">
        <v>101</v>
      </c>
      <c r="AM21194">
        <v>103</v>
      </c>
      <c r="AN21194">
        <v>104</v>
      </c>
      <c r="AO21194">
        <v>106</v>
      </c>
      <c r="AP21194">
        <v>107</v>
      </c>
      <c r="AQ21194">
        <v>108</v>
      </c>
    </row>
    <row r="21195" spans="1:43">
      <c r="A21195" t="s">
        <v>13135</v>
      </c>
      <c r="B21195" t="s">
        <v>13136</v>
      </c>
      <c r="C21195" t="s">
        <v>13131</v>
      </c>
      <c r="D21195" t="s">
        <v>13132</v>
      </c>
      <c r="E21195" t="s">
        <v>13063</v>
      </c>
      <c r="F21195" t="s">
        <v>13064</v>
      </c>
      <c r="G21195" t="s">
        <v>10214</v>
      </c>
      <c r="H21195" t="s">
        <v>10215</v>
      </c>
      <c r="I21195" s="2">
        <v>1</v>
      </c>
      <c r="J21195" s="2">
        <v>0</v>
      </c>
      <c r="K21195" s="2">
        <v>0</v>
      </c>
      <c r="L21195" t="s">
        <v>120</v>
      </c>
      <c r="M21195" t="s">
        <v>87</v>
      </c>
      <c r="N21195" t="s">
        <v>88</v>
      </c>
      <c r="O21195" t="s">
        <v>85</v>
      </c>
      <c r="P21195" t="s">
        <v>86</v>
      </c>
      <c r="Q21195">
        <v>61</v>
      </c>
      <c r="R21195">
        <v>63</v>
      </c>
      <c r="S21195">
        <v>64</v>
      </c>
      <c r="T21195">
        <v>65</v>
      </c>
      <c r="U21195">
        <v>66</v>
      </c>
      <c r="V21195">
        <v>67</v>
      </c>
      <c r="W21195">
        <v>68</v>
      </c>
      <c r="X21195">
        <v>69</v>
      </c>
      <c r="Y21195">
        <v>71</v>
      </c>
      <c r="Z21195">
        <v>72</v>
      </c>
      <c r="AA21195">
        <v>73</v>
      </c>
      <c r="AB21195">
        <v>74</v>
      </c>
      <c r="AC21195">
        <v>75</v>
      </c>
      <c r="AD21195">
        <v>77</v>
      </c>
      <c r="AE21195">
        <v>78</v>
      </c>
      <c r="AF21195">
        <v>79</v>
      </c>
      <c r="AG21195">
        <v>81</v>
      </c>
      <c r="AH21195">
        <v>82</v>
      </c>
      <c r="AI21195">
        <v>83</v>
      </c>
      <c r="AJ21195">
        <v>85</v>
      </c>
      <c r="AK21195">
        <v>86</v>
      </c>
      <c r="AL21195">
        <v>88</v>
      </c>
      <c r="AM21195">
        <v>89</v>
      </c>
      <c r="AN21195">
        <v>91</v>
      </c>
      <c r="AO21195">
        <v>92</v>
      </c>
      <c r="AP21195">
        <v>94</v>
      </c>
      <c r="AQ21195">
        <v>95</v>
      </c>
    </row>
    <row r="21196" spans="1:43">
      <c r="A21196" t="s">
        <v>13135</v>
      </c>
      <c r="B21196" t="s">
        <v>13136</v>
      </c>
      <c r="C21196" t="s">
        <v>13131</v>
      </c>
      <c r="D21196" t="s">
        <v>13132</v>
      </c>
      <c r="E21196" t="s">
        <v>13063</v>
      </c>
      <c r="F21196" t="s">
        <v>13064</v>
      </c>
      <c r="G21196" t="s">
        <v>10214</v>
      </c>
      <c r="H21196" t="s">
        <v>10215</v>
      </c>
      <c r="I21196" s="2">
        <v>1</v>
      </c>
      <c r="J21196" s="2">
        <v>0</v>
      </c>
      <c r="K21196" s="2">
        <v>0</v>
      </c>
      <c r="L21196" t="s">
        <v>120</v>
      </c>
      <c r="M21196" t="s">
        <v>89</v>
      </c>
      <c r="N21196" t="s">
        <v>90</v>
      </c>
      <c r="O21196" t="s">
        <v>85</v>
      </c>
      <c r="P21196" t="s">
        <v>86</v>
      </c>
      <c r="Q21196">
        <v>61</v>
      </c>
      <c r="R21196">
        <v>63</v>
      </c>
      <c r="S21196">
        <v>65</v>
      </c>
      <c r="T21196">
        <v>67</v>
      </c>
      <c r="U21196">
        <v>70</v>
      </c>
      <c r="V21196">
        <v>72</v>
      </c>
      <c r="W21196">
        <v>74</v>
      </c>
      <c r="X21196">
        <v>76</v>
      </c>
      <c r="Y21196">
        <v>78</v>
      </c>
      <c r="Z21196">
        <v>81</v>
      </c>
      <c r="AA21196">
        <v>83</v>
      </c>
      <c r="AB21196">
        <v>85</v>
      </c>
      <c r="AC21196">
        <v>88</v>
      </c>
      <c r="AD21196">
        <v>90</v>
      </c>
      <c r="AE21196">
        <v>92</v>
      </c>
      <c r="AF21196">
        <v>93</v>
      </c>
      <c r="AG21196">
        <v>95</v>
      </c>
      <c r="AH21196">
        <v>96</v>
      </c>
      <c r="AI21196">
        <v>97</v>
      </c>
      <c r="AJ21196">
        <v>99</v>
      </c>
      <c r="AK21196">
        <v>100</v>
      </c>
      <c r="AL21196">
        <v>101</v>
      </c>
      <c r="AM21196">
        <v>103</v>
      </c>
      <c r="AN21196">
        <v>104</v>
      </c>
      <c r="AO21196">
        <v>106</v>
      </c>
      <c r="AP21196">
        <v>107</v>
      </c>
      <c r="AQ21196">
        <v>108</v>
      </c>
    </row>
    <row r="21197" spans="1:43">
      <c r="A21197" t="s">
        <v>13135</v>
      </c>
      <c r="B21197" t="s">
        <v>13136</v>
      </c>
      <c r="C21197" t="s">
        <v>13131</v>
      </c>
      <c r="D21197" t="s">
        <v>13132</v>
      </c>
      <c r="E21197" t="s">
        <v>13063</v>
      </c>
      <c r="F21197" t="s">
        <v>13064</v>
      </c>
      <c r="G21197" t="s">
        <v>10214</v>
      </c>
      <c r="H21197" t="s">
        <v>10215</v>
      </c>
      <c r="I21197" s="2">
        <v>1</v>
      </c>
      <c r="J21197" s="2">
        <v>0</v>
      </c>
      <c r="K21197" s="2">
        <v>0</v>
      </c>
      <c r="L21197" t="s">
        <v>120</v>
      </c>
      <c r="M21197" t="s">
        <v>83</v>
      </c>
      <c r="N21197" t="s">
        <v>91</v>
      </c>
      <c r="O21197" t="s">
        <v>85</v>
      </c>
      <c r="P21197" t="s">
        <v>86</v>
      </c>
      <c r="Q21197">
        <v>61</v>
      </c>
      <c r="R21197">
        <v>63</v>
      </c>
      <c r="S21197">
        <v>64</v>
      </c>
      <c r="T21197">
        <v>66</v>
      </c>
      <c r="U21197">
        <v>68</v>
      </c>
      <c r="V21197">
        <v>70</v>
      </c>
      <c r="W21197">
        <v>71</v>
      </c>
      <c r="X21197">
        <v>73</v>
      </c>
      <c r="Y21197">
        <v>75</v>
      </c>
      <c r="Z21197">
        <v>77</v>
      </c>
      <c r="AA21197">
        <v>79</v>
      </c>
      <c r="AB21197">
        <v>81</v>
      </c>
      <c r="AC21197">
        <v>83</v>
      </c>
      <c r="AD21197">
        <v>85</v>
      </c>
      <c r="AE21197">
        <v>87</v>
      </c>
      <c r="AF21197">
        <v>89</v>
      </c>
      <c r="AG21197">
        <v>91</v>
      </c>
      <c r="AH21197">
        <v>93</v>
      </c>
      <c r="AI21197">
        <v>95</v>
      </c>
      <c r="AJ21197">
        <v>97</v>
      </c>
      <c r="AK21197">
        <v>100</v>
      </c>
      <c r="AL21197">
        <v>101</v>
      </c>
      <c r="AM21197">
        <v>103</v>
      </c>
      <c r="AN21197">
        <v>104</v>
      </c>
      <c r="AO21197">
        <v>106</v>
      </c>
      <c r="AP21197">
        <v>107</v>
      </c>
      <c r="AQ21197">
        <v>108</v>
      </c>
    </row>
    <row r="21198" spans="1:43">
      <c r="A21198" t="s">
        <v>13137</v>
      </c>
      <c r="B21198" t="s">
        <v>13138</v>
      </c>
      <c r="C21198" t="s">
        <v>13131</v>
      </c>
      <c r="D21198" t="s">
        <v>13132</v>
      </c>
      <c r="E21198" t="s">
        <v>13063</v>
      </c>
      <c r="F21198" t="s">
        <v>13064</v>
      </c>
      <c r="G21198" t="s">
        <v>10214</v>
      </c>
      <c r="H21198" t="s">
        <v>10215</v>
      </c>
      <c r="I21198" s="2">
        <v>1</v>
      </c>
      <c r="J21198" s="2">
        <v>0</v>
      </c>
      <c r="K21198" s="2">
        <v>0</v>
      </c>
      <c r="L21198" t="s">
        <v>120</v>
      </c>
      <c r="M21198" t="s">
        <v>83</v>
      </c>
      <c r="N21198" t="s">
        <v>84</v>
      </c>
      <c r="O21198" t="s">
        <v>85</v>
      </c>
      <c r="P21198" t="s">
        <v>86</v>
      </c>
      <c r="Q21198">
        <v>40</v>
      </c>
      <c r="R21198">
        <v>41</v>
      </c>
      <c r="S21198">
        <v>42</v>
      </c>
      <c r="T21198">
        <v>43</v>
      </c>
      <c r="U21198">
        <v>44</v>
      </c>
      <c r="V21198">
        <v>45</v>
      </c>
      <c r="W21198">
        <v>46</v>
      </c>
      <c r="X21198">
        <v>47</v>
      </c>
      <c r="Y21198">
        <v>49</v>
      </c>
      <c r="Z21198">
        <v>50</v>
      </c>
      <c r="AA21198">
        <v>51</v>
      </c>
      <c r="AB21198">
        <v>52</v>
      </c>
      <c r="AC21198">
        <v>53</v>
      </c>
      <c r="AD21198">
        <v>55</v>
      </c>
      <c r="AE21198">
        <v>56</v>
      </c>
      <c r="AF21198">
        <v>57</v>
      </c>
      <c r="AG21198">
        <v>59</v>
      </c>
      <c r="AH21198">
        <v>60</v>
      </c>
      <c r="AI21198">
        <v>61</v>
      </c>
      <c r="AJ21198">
        <v>63</v>
      </c>
      <c r="AK21198">
        <v>64</v>
      </c>
      <c r="AL21198">
        <v>65</v>
      </c>
      <c r="AM21198">
        <v>66</v>
      </c>
      <c r="AN21198">
        <v>67</v>
      </c>
      <c r="AO21198">
        <v>68</v>
      </c>
      <c r="AP21198">
        <v>69</v>
      </c>
      <c r="AQ21198">
        <v>70</v>
      </c>
    </row>
    <row r="21199" spans="1:43">
      <c r="A21199" t="s">
        <v>13137</v>
      </c>
      <c r="B21199" t="s">
        <v>13138</v>
      </c>
      <c r="C21199" t="s">
        <v>13131</v>
      </c>
      <c r="D21199" t="s">
        <v>13132</v>
      </c>
      <c r="E21199" t="s">
        <v>13063</v>
      </c>
      <c r="F21199" t="s">
        <v>13064</v>
      </c>
      <c r="G21199" t="s">
        <v>10214</v>
      </c>
      <c r="H21199" t="s">
        <v>10215</v>
      </c>
      <c r="I21199" s="2">
        <v>1</v>
      </c>
      <c r="J21199" s="2">
        <v>0</v>
      </c>
      <c r="K21199" s="2">
        <v>0</v>
      </c>
      <c r="L21199" t="s">
        <v>120</v>
      </c>
      <c r="M21199" t="s">
        <v>87</v>
      </c>
      <c r="N21199" t="s">
        <v>88</v>
      </c>
      <c r="O21199" t="s">
        <v>85</v>
      </c>
      <c r="P21199" t="s">
        <v>86</v>
      </c>
      <c r="Q21199">
        <v>40</v>
      </c>
      <c r="R21199">
        <v>41</v>
      </c>
      <c r="S21199">
        <v>42</v>
      </c>
      <c r="T21199">
        <v>42</v>
      </c>
      <c r="U21199">
        <v>43</v>
      </c>
      <c r="V21199">
        <v>44</v>
      </c>
      <c r="W21199">
        <v>44</v>
      </c>
      <c r="X21199">
        <v>45</v>
      </c>
      <c r="Y21199">
        <v>46</v>
      </c>
      <c r="Z21199">
        <v>47</v>
      </c>
      <c r="AA21199">
        <v>48</v>
      </c>
      <c r="AB21199">
        <v>48</v>
      </c>
      <c r="AC21199">
        <v>49</v>
      </c>
      <c r="AD21199">
        <v>50</v>
      </c>
      <c r="AE21199">
        <v>51</v>
      </c>
      <c r="AF21199">
        <v>52</v>
      </c>
      <c r="AG21199">
        <v>53</v>
      </c>
      <c r="AH21199">
        <v>53</v>
      </c>
      <c r="AI21199">
        <v>54</v>
      </c>
      <c r="AJ21199">
        <v>55</v>
      </c>
      <c r="AK21199">
        <v>56</v>
      </c>
      <c r="AL21199">
        <v>57</v>
      </c>
      <c r="AM21199">
        <v>58</v>
      </c>
      <c r="AN21199">
        <v>59</v>
      </c>
      <c r="AO21199">
        <v>60</v>
      </c>
      <c r="AP21199">
        <v>61</v>
      </c>
      <c r="AQ21199">
        <v>62</v>
      </c>
    </row>
    <row r="21200" spans="1:43">
      <c r="A21200" t="s">
        <v>13137</v>
      </c>
      <c r="B21200" t="s">
        <v>13138</v>
      </c>
      <c r="C21200" t="s">
        <v>13131</v>
      </c>
      <c r="D21200" t="s">
        <v>13132</v>
      </c>
      <c r="E21200" t="s">
        <v>13063</v>
      </c>
      <c r="F21200" t="s">
        <v>13064</v>
      </c>
      <c r="G21200" t="s">
        <v>10214</v>
      </c>
      <c r="H21200" t="s">
        <v>10215</v>
      </c>
      <c r="I21200" s="2">
        <v>1</v>
      </c>
      <c r="J21200" s="2">
        <v>0</v>
      </c>
      <c r="K21200" s="2">
        <v>0</v>
      </c>
      <c r="L21200" t="s">
        <v>120</v>
      </c>
      <c r="M21200" t="s">
        <v>89</v>
      </c>
      <c r="N21200" t="s">
        <v>90</v>
      </c>
      <c r="O21200" t="s">
        <v>85</v>
      </c>
      <c r="P21200" t="s">
        <v>86</v>
      </c>
      <c r="Q21200">
        <v>40</v>
      </c>
      <c r="R21200">
        <v>41</v>
      </c>
      <c r="S21200">
        <v>43</v>
      </c>
      <c r="T21200">
        <v>44</v>
      </c>
      <c r="U21200">
        <v>46</v>
      </c>
      <c r="V21200">
        <v>47</v>
      </c>
      <c r="W21200">
        <v>48</v>
      </c>
      <c r="X21200">
        <v>50</v>
      </c>
      <c r="Y21200">
        <v>51</v>
      </c>
      <c r="Z21200">
        <v>53</v>
      </c>
      <c r="AA21200">
        <v>54</v>
      </c>
      <c r="AB21200">
        <v>56</v>
      </c>
      <c r="AC21200">
        <v>57</v>
      </c>
      <c r="AD21200">
        <v>59</v>
      </c>
      <c r="AE21200">
        <v>60</v>
      </c>
      <c r="AF21200">
        <v>61</v>
      </c>
      <c r="AG21200">
        <v>62</v>
      </c>
      <c r="AH21200">
        <v>62</v>
      </c>
      <c r="AI21200">
        <v>63</v>
      </c>
      <c r="AJ21200">
        <v>64</v>
      </c>
      <c r="AK21200">
        <v>65</v>
      </c>
      <c r="AL21200">
        <v>66</v>
      </c>
      <c r="AM21200">
        <v>67</v>
      </c>
      <c r="AN21200">
        <v>68</v>
      </c>
      <c r="AO21200">
        <v>69</v>
      </c>
      <c r="AP21200">
        <v>69</v>
      </c>
      <c r="AQ21200">
        <v>70</v>
      </c>
    </row>
    <row r="21201" spans="1:43">
      <c r="A21201" t="s">
        <v>13137</v>
      </c>
      <c r="B21201" t="s">
        <v>13138</v>
      </c>
      <c r="C21201" t="s">
        <v>13131</v>
      </c>
      <c r="D21201" t="s">
        <v>13132</v>
      </c>
      <c r="E21201" t="s">
        <v>13063</v>
      </c>
      <c r="F21201" t="s">
        <v>13064</v>
      </c>
      <c r="G21201" t="s">
        <v>10214</v>
      </c>
      <c r="H21201" t="s">
        <v>10215</v>
      </c>
      <c r="I21201" s="2">
        <v>1</v>
      </c>
      <c r="J21201" s="2">
        <v>0</v>
      </c>
      <c r="K21201" s="2">
        <v>0</v>
      </c>
      <c r="L21201" t="s">
        <v>120</v>
      </c>
      <c r="M21201" t="s">
        <v>83</v>
      </c>
      <c r="N21201" t="s">
        <v>91</v>
      </c>
      <c r="O21201" t="s">
        <v>85</v>
      </c>
      <c r="P21201" t="s">
        <v>86</v>
      </c>
      <c r="Q21201">
        <v>40</v>
      </c>
      <c r="R21201">
        <v>41</v>
      </c>
      <c r="S21201">
        <v>42</v>
      </c>
      <c r="T21201">
        <v>43</v>
      </c>
      <c r="U21201">
        <v>44</v>
      </c>
      <c r="V21201">
        <v>45</v>
      </c>
      <c r="W21201">
        <v>46</v>
      </c>
      <c r="X21201">
        <v>47</v>
      </c>
      <c r="Y21201">
        <v>49</v>
      </c>
      <c r="Z21201">
        <v>50</v>
      </c>
      <c r="AA21201">
        <v>51</v>
      </c>
      <c r="AB21201">
        <v>52</v>
      </c>
      <c r="AC21201">
        <v>53</v>
      </c>
      <c r="AD21201">
        <v>55</v>
      </c>
      <c r="AE21201">
        <v>56</v>
      </c>
      <c r="AF21201">
        <v>57</v>
      </c>
      <c r="AG21201">
        <v>59</v>
      </c>
      <c r="AH21201">
        <v>60</v>
      </c>
      <c r="AI21201">
        <v>61</v>
      </c>
      <c r="AJ21201">
        <v>63</v>
      </c>
      <c r="AK21201">
        <v>64</v>
      </c>
      <c r="AL21201">
        <v>65</v>
      </c>
      <c r="AM21201">
        <v>66</v>
      </c>
      <c r="AN21201">
        <v>67</v>
      </c>
      <c r="AO21201">
        <v>68</v>
      </c>
      <c r="AP21201">
        <v>69</v>
      </c>
      <c r="AQ21201">
        <v>70</v>
      </c>
    </row>
    <row r="21202" spans="1:43">
      <c r="A21202" t="s">
        <v>13139</v>
      </c>
      <c r="B21202" t="s">
        <v>13140</v>
      </c>
      <c r="C21202" t="s">
        <v>13141</v>
      </c>
      <c r="D21202" t="s">
        <v>13142</v>
      </c>
      <c r="E21202" t="s">
        <v>13063</v>
      </c>
      <c r="F21202" t="s">
        <v>13064</v>
      </c>
      <c r="G21202" t="s">
        <v>10214</v>
      </c>
      <c r="H21202" t="s">
        <v>10215</v>
      </c>
      <c r="I21202" s="2">
        <v>1</v>
      </c>
      <c r="J21202" s="2">
        <v>0</v>
      </c>
      <c r="K21202" s="2">
        <v>0</v>
      </c>
      <c r="L21202" t="s">
        <v>120</v>
      </c>
      <c r="M21202" t="s">
        <v>83</v>
      </c>
      <c r="N21202" t="s">
        <v>84</v>
      </c>
      <c r="O21202" t="s">
        <v>85</v>
      </c>
      <c r="P21202" t="s">
        <v>86</v>
      </c>
      <c r="Q21202">
        <v>62</v>
      </c>
      <c r="R21202">
        <v>63</v>
      </c>
      <c r="S21202">
        <v>65</v>
      </c>
      <c r="T21202">
        <v>67</v>
      </c>
      <c r="U21202">
        <v>69</v>
      </c>
      <c r="V21202">
        <v>70</v>
      </c>
      <c r="W21202">
        <v>72</v>
      </c>
      <c r="X21202">
        <v>74</v>
      </c>
      <c r="Y21202">
        <v>76</v>
      </c>
      <c r="Z21202">
        <v>78</v>
      </c>
      <c r="AA21202">
        <v>80</v>
      </c>
      <c r="AB21202">
        <v>82</v>
      </c>
      <c r="AC21202">
        <v>84</v>
      </c>
      <c r="AD21202">
        <v>86</v>
      </c>
      <c r="AE21202">
        <v>88</v>
      </c>
      <c r="AF21202">
        <v>90</v>
      </c>
      <c r="AG21202">
        <v>92</v>
      </c>
      <c r="AH21202">
        <v>94</v>
      </c>
      <c r="AI21202">
        <v>97</v>
      </c>
      <c r="AJ21202">
        <v>99</v>
      </c>
      <c r="AK21202">
        <v>101</v>
      </c>
      <c r="AL21202">
        <v>103</v>
      </c>
      <c r="AM21202">
        <v>104</v>
      </c>
      <c r="AN21202">
        <v>106</v>
      </c>
      <c r="AO21202">
        <v>107</v>
      </c>
      <c r="AP21202">
        <v>109</v>
      </c>
      <c r="AQ21202">
        <v>110</v>
      </c>
    </row>
    <row r="21203" spans="1:43">
      <c r="A21203" t="s">
        <v>13139</v>
      </c>
      <c r="B21203" t="s">
        <v>13140</v>
      </c>
      <c r="C21203" t="s">
        <v>13141</v>
      </c>
      <c r="D21203" t="s">
        <v>13142</v>
      </c>
      <c r="E21203" t="s">
        <v>13063</v>
      </c>
      <c r="F21203" t="s">
        <v>13064</v>
      </c>
      <c r="G21203" t="s">
        <v>10214</v>
      </c>
      <c r="H21203" t="s">
        <v>10215</v>
      </c>
      <c r="I21203" s="2">
        <v>1</v>
      </c>
      <c r="J21203" s="2">
        <v>0</v>
      </c>
      <c r="K21203" s="2">
        <v>0</v>
      </c>
      <c r="L21203" t="s">
        <v>120</v>
      </c>
      <c r="M21203" t="s">
        <v>87</v>
      </c>
      <c r="N21203" t="s">
        <v>88</v>
      </c>
      <c r="O21203" t="s">
        <v>85</v>
      </c>
      <c r="P21203" t="s">
        <v>86</v>
      </c>
      <c r="Q21203">
        <v>62</v>
      </c>
      <c r="R21203">
        <v>63</v>
      </c>
      <c r="S21203">
        <v>64</v>
      </c>
      <c r="T21203">
        <v>65</v>
      </c>
      <c r="U21203">
        <v>67</v>
      </c>
      <c r="V21203">
        <v>68</v>
      </c>
      <c r="W21203">
        <v>69</v>
      </c>
      <c r="X21203">
        <v>70</v>
      </c>
      <c r="Y21203">
        <v>71</v>
      </c>
      <c r="Z21203">
        <v>72</v>
      </c>
      <c r="AA21203">
        <v>74</v>
      </c>
      <c r="AB21203">
        <v>75</v>
      </c>
      <c r="AC21203">
        <v>76</v>
      </c>
      <c r="AD21203">
        <v>78</v>
      </c>
      <c r="AE21203">
        <v>79</v>
      </c>
      <c r="AF21203">
        <v>80</v>
      </c>
      <c r="AG21203">
        <v>82</v>
      </c>
      <c r="AH21203">
        <v>83</v>
      </c>
      <c r="AI21203">
        <v>84</v>
      </c>
      <c r="AJ21203">
        <v>86</v>
      </c>
      <c r="AK21203">
        <v>87</v>
      </c>
      <c r="AL21203">
        <v>89</v>
      </c>
      <c r="AM21203">
        <v>90</v>
      </c>
      <c r="AN21203">
        <v>92</v>
      </c>
      <c r="AO21203">
        <v>93</v>
      </c>
      <c r="AP21203">
        <v>95</v>
      </c>
      <c r="AQ21203">
        <v>96</v>
      </c>
    </row>
    <row r="21204" spans="1:43">
      <c r="A21204" t="s">
        <v>13139</v>
      </c>
      <c r="B21204" t="s">
        <v>13140</v>
      </c>
      <c r="C21204" t="s">
        <v>13141</v>
      </c>
      <c r="D21204" t="s">
        <v>13142</v>
      </c>
      <c r="E21204" t="s">
        <v>13063</v>
      </c>
      <c r="F21204" t="s">
        <v>13064</v>
      </c>
      <c r="G21204" t="s">
        <v>10214</v>
      </c>
      <c r="H21204" t="s">
        <v>10215</v>
      </c>
      <c r="I21204" s="2">
        <v>1</v>
      </c>
      <c r="J21204" s="2">
        <v>0</v>
      </c>
      <c r="K21204" s="2">
        <v>0</v>
      </c>
      <c r="L21204" t="s">
        <v>120</v>
      </c>
      <c r="M21204" t="s">
        <v>89</v>
      </c>
      <c r="N21204" t="s">
        <v>90</v>
      </c>
      <c r="O21204" t="s">
        <v>85</v>
      </c>
      <c r="P21204" t="s">
        <v>86</v>
      </c>
      <c r="Q21204">
        <v>62</v>
      </c>
      <c r="R21204">
        <v>64</v>
      </c>
      <c r="S21204">
        <v>67</v>
      </c>
      <c r="T21204">
        <v>69</v>
      </c>
      <c r="U21204">
        <v>71</v>
      </c>
      <c r="V21204">
        <v>74</v>
      </c>
      <c r="W21204">
        <v>76</v>
      </c>
      <c r="X21204">
        <v>78</v>
      </c>
      <c r="Y21204">
        <v>80</v>
      </c>
      <c r="Z21204">
        <v>83</v>
      </c>
      <c r="AA21204">
        <v>85</v>
      </c>
      <c r="AB21204">
        <v>87</v>
      </c>
      <c r="AC21204">
        <v>90</v>
      </c>
      <c r="AD21204">
        <v>92</v>
      </c>
      <c r="AE21204">
        <v>94</v>
      </c>
      <c r="AF21204">
        <v>96</v>
      </c>
      <c r="AG21204">
        <v>97</v>
      </c>
      <c r="AH21204">
        <v>98</v>
      </c>
      <c r="AI21204">
        <v>100</v>
      </c>
      <c r="AJ21204">
        <v>101</v>
      </c>
      <c r="AK21204">
        <v>102</v>
      </c>
      <c r="AL21204">
        <v>104</v>
      </c>
      <c r="AM21204">
        <v>105</v>
      </c>
      <c r="AN21204">
        <v>107</v>
      </c>
      <c r="AO21204">
        <v>108</v>
      </c>
      <c r="AP21204">
        <v>110</v>
      </c>
      <c r="AQ21204">
        <v>111</v>
      </c>
    </row>
    <row r="21205" spans="1:43">
      <c r="A21205" t="s">
        <v>13139</v>
      </c>
      <c r="B21205" t="s">
        <v>13140</v>
      </c>
      <c r="C21205" t="s">
        <v>13141</v>
      </c>
      <c r="D21205" t="s">
        <v>13142</v>
      </c>
      <c r="E21205" t="s">
        <v>13063</v>
      </c>
      <c r="F21205" t="s">
        <v>13064</v>
      </c>
      <c r="G21205" t="s">
        <v>10214</v>
      </c>
      <c r="H21205" t="s">
        <v>10215</v>
      </c>
      <c r="I21205" s="2">
        <v>1</v>
      </c>
      <c r="J21205" s="2">
        <v>0</v>
      </c>
      <c r="K21205" s="2">
        <v>0</v>
      </c>
      <c r="L21205" t="s">
        <v>120</v>
      </c>
      <c r="M21205" t="s">
        <v>83</v>
      </c>
      <c r="N21205" t="s">
        <v>91</v>
      </c>
      <c r="O21205" t="s">
        <v>85</v>
      </c>
      <c r="P21205" t="s">
        <v>86</v>
      </c>
      <c r="Q21205">
        <v>62</v>
      </c>
      <c r="R21205">
        <v>63</v>
      </c>
      <c r="S21205">
        <v>65</v>
      </c>
      <c r="T21205">
        <v>67</v>
      </c>
      <c r="U21205">
        <v>69</v>
      </c>
      <c r="V21205">
        <v>70</v>
      </c>
      <c r="W21205">
        <v>72</v>
      </c>
      <c r="X21205">
        <v>74</v>
      </c>
      <c r="Y21205">
        <v>76</v>
      </c>
      <c r="Z21205">
        <v>78</v>
      </c>
      <c r="AA21205">
        <v>80</v>
      </c>
      <c r="AB21205">
        <v>82</v>
      </c>
      <c r="AC21205">
        <v>84</v>
      </c>
      <c r="AD21205">
        <v>86</v>
      </c>
      <c r="AE21205">
        <v>88</v>
      </c>
      <c r="AF21205">
        <v>90</v>
      </c>
      <c r="AG21205">
        <v>92</v>
      </c>
      <c r="AH21205">
        <v>94</v>
      </c>
      <c r="AI21205">
        <v>97</v>
      </c>
      <c r="AJ21205">
        <v>99</v>
      </c>
      <c r="AK21205">
        <v>101</v>
      </c>
      <c r="AL21205">
        <v>103</v>
      </c>
      <c r="AM21205">
        <v>104</v>
      </c>
      <c r="AN21205">
        <v>106</v>
      </c>
      <c r="AO21205">
        <v>107</v>
      </c>
      <c r="AP21205">
        <v>109</v>
      </c>
      <c r="AQ21205">
        <v>110</v>
      </c>
    </row>
    <row r="21206" spans="1:43">
      <c r="A21206" t="s">
        <v>13143</v>
      </c>
      <c r="B21206" t="s">
        <v>13144</v>
      </c>
      <c r="C21206" t="s">
        <v>13141</v>
      </c>
      <c r="D21206" t="s">
        <v>13142</v>
      </c>
      <c r="E21206" t="s">
        <v>13063</v>
      </c>
      <c r="F21206" t="s">
        <v>13064</v>
      </c>
      <c r="G21206" t="s">
        <v>10214</v>
      </c>
      <c r="H21206" t="s">
        <v>10215</v>
      </c>
      <c r="I21206" s="2">
        <v>1</v>
      </c>
      <c r="J21206" s="2">
        <v>0</v>
      </c>
      <c r="K21206" s="2">
        <v>0</v>
      </c>
      <c r="L21206" t="s">
        <v>120</v>
      </c>
      <c r="M21206" t="s">
        <v>83</v>
      </c>
      <c r="N21206" t="s">
        <v>84</v>
      </c>
      <c r="O21206" t="s">
        <v>85</v>
      </c>
      <c r="P21206" t="s">
        <v>86</v>
      </c>
      <c r="Q21206">
        <v>46</v>
      </c>
      <c r="R21206">
        <v>48</v>
      </c>
      <c r="S21206">
        <v>49</v>
      </c>
      <c r="T21206">
        <v>50</v>
      </c>
      <c r="U21206">
        <v>51</v>
      </c>
      <c r="V21206">
        <v>53</v>
      </c>
      <c r="W21206">
        <v>54</v>
      </c>
      <c r="X21206">
        <v>56</v>
      </c>
      <c r="Y21206">
        <v>57</v>
      </c>
      <c r="Z21206">
        <v>58</v>
      </c>
      <c r="AA21206">
        <v>60</v>
      </c>
      <c r="AB21206">
        <v>61</v>
      </c>
      <c r="AC21206">
        <v>63</v>
      </c>
      <c r="AD21206">
        <v>64</v>
      </c>
      <c r="AE21206">
        <v>66</v>
      </c>
      <c r="AF21206">
        <v>68</v>
      </c>
      <c r="AG21206">
        <v>69</v>
      </c>
      <c r="AH21206">
        <v>71</v>
      </c>
      <c r="AI21206">
        <v>72</v>
      </c>
      <c r="AJ21206">
        <v>74</v>
      </c>
      <c r="AK21206">
        <v>76</v>
      </c>
      <c r="AL21206">
        <v>77</v>
      </c>
      <c r="AM21206">
        <v>78</v>
      </c>
      <c r="AN21206">
        <v>79</v>
      </c>
      <c r="AO21206">
        <v>80</v>
      </c>
      <c r="AP21206">
        <v>81</v>
      </c>
      <c r="AQ21206">
        <v>83</v>
      </c>
    </row>
    <row r="21207" spans="1:43">
      <c r="A21207" t="s">
        <v>13143</v>
      </c>
      <c r="B21207" t="s">
        <v>13144</v>
      </c>
      <c r="C21207" t="s">
        <v>13141</v>
      </c>
      <c r="D21207" t="s">
        <v>13142</v>
      </c>
      <c r="E21207" t="s">
        <v>13063</v>
      </c>
      <c r="F21207" t="s">
        <v>13064</v>
      </c>
      <c r="G21207" t="s">
        <v>10214</v>
      </c>
      <c r="H21207" t="s">
        <v>10215</v>
      </c>
      <c r="I21207" s="2">
        <v>1</v>
      </c>
      <c r="J21207" s="2">
        <v>0</v>
      </c>
      <c r="K21207" s="2">
        <v>0</v>
      </c>
      <c r="L21207" t="s">
        <v>120</v>
      </c>
      <c r="M21207" t="s">
        <v>87</v>
      </c>
      <c r="N21207" t="s">
        <v>88</v>
      </c>
      <c r="O21207" t="s">
        <v>85</v>
      </c>
      <c r="P21207" t="s">
        <v>86</v>
      </c>
      <c r="Q21207">
        <v>46</v>
      </c>
      <c r="R21207">
        <v>47</v>
      </c>
      <c r="S21207">
        <v>47</v>
      </c>
      <c r="T21207">
        <v>48</v>
      </c>
      <c r="U21207">
        <v>49</v>
      </c>
      <c r="V21207">
        <v>50</v>
      </c>
      <c r="W21207">
        <v>51</v>
      </c>
      <c r="X21207">
        <v>52</v>
      </c>
      <c r="Y21207">
        <v>53</v>
      </c>
      <c r="Z21207">
        <v>54</v>
      </c>
      <c r="AA21207">
        <v>55</v>
      </c>
      <c r="AB21207">
        <v>55</v>
      </c>
      <c r="AC21207">
        <v>56</v>
      </c>
      <c r="AD21207">
        <v>57</v>
      </c>
      <c r="AE21207">
        <v>58</v>
      </c>
      <c r="AF21207">
        <v>59</v>
      </c>
      <c r="AG21207">
        <v>60</v>
      </c>
      <c r="AH21207">
        <v>61</v>
      </c>
      <c r="AI21207">
        <v>62</v>
      </c>
      <c r="AJ21207">
        <v>64</v>
      </c>
      <c r="AK21207">
        <v>65</v>
      </c>
      <c r="AL21207">
        <v>66</v>
      </c>
      <c r="AM21207">
        <v>67</v>
      </c>
      <c r="AN21207">
        <v>68</v>
      </c>
      <c r="AO21207">
        <v>69</v>
      </c>
      <c r="AP21207">
        <v>70</v>
      </c>
      <c r="AQ21207">
        <v>71</v>
      </c>
    </row>
    <row r="21208" spans="1:43">
      <c r="A21208" t="s">
        <v>13143</v>
      </c>
      <c r="B21208" t="s">
        <v>13144</v>
      </c>
      <c r="C21208" t="s">
        <v>13141</v>
      </c>
      <c r="D21208" t="s">
        <v>13142</v>
      </c>
      <c r="E21208" t="s">
        <v>13063</v>
      </c>
      <c r="F21208" t="s">
        <v>13064</v>
      </c>
      <c r="G21208" t="s">
        <v>10214</v>
      </c>
      <c r="H21208" t="s">
        <v>10215</v>
      </c>
      <c r="I21208" s="2">
        <v>1</v>
      </c>
      <c r="J21208" s="2">
        <v>0</v>
      </c>
      <c r="K21208" s="2">
        <v>0</v>
      </c>
      <c r="L21208" t="s">
        <v>120</v>
      </c>
      <c r="M21208" t="s">
        <v>89</v>
      </c>
      <c r="N21208" t="s">
        <v>90</v>
      </c>
      <c r="O21208" t="s">
        <v>85</v>
      </c>
      <c r="P21208" t="s">
        <v>86</v>
      </c>
      <c r="Q21208">
        <v>46</v>
      </c>
      <c r="R21208">
        <v>47</v>
      </c>
      <c r="S21208">
        <v>49</v>
      </c>
      <c r="T21208">
        <v>51</v>
      </c>
      <c r="U21208">
        <v>53</v>
      </c>
      <c r="V21208">
        <v>54</v>
      </c>
      <c r="W21208">
        <v>56</v>
      </c>
      <c r="X21208">
        <v>58</v>
      </c>
      <c r="Y21208">
        <v>59</v>
      </c>
      <c r="Z21208">
        <v>61</v>
      </c>
      <c r="AA21208">
        <v>63</v>
      </c>
      <c r="AB21208">
        <v>65</v>
      </c>
      <c r="AC21208">
        <v>66</v>
      </c>
      <c r="AD21208">
        <v>68</v>
      </c>
      <c r="AE21208">
        <v>70</v>
      </c>
      <c r="AF21208">
        <v>71</v>
      </c>
      <c r="AG21208">
        <v>72</v>
      </c>
      <c r="AH21208">
        <v>73</v>
      </c>
      <c r="AI21208">
        <v>74</v>
      </c>
      <c r="AJ21208">
        <v>75</v>
      </c>
      <c r="AK21208">
        <v>76</v>
      </c>
      <c r="AL21208">
        <v>77</v>
      </c>
      <c r="AM21208">
        <v>78</v>
      </c>
      <c r="AN21208">
        <v>79</v>
      </c>
      <c r="AO21208">
        <v>80</v>
      </c>
      <c r="AP21208">
        <v>81</v>
      </c>
      <c r="AQ21208">
        <v>82</v>
      </c>
    </row>
    <row r="21209" spans="1:43">
      <c r="A21209" t="s">
        <v>13143</v>
      </c>
      <c r="B21209" t="s">
        <v>13144</v>
      </c>
      <c r="C21209" t="s">
        <v>13141</v>
      </c>
      <c r="D21209" t="s">
        <v>13142</v>
      </c>
      <c r="E21209" t="s">
        <v>13063</v>
      </c>
      <c r="F21209" t="s">
        <v>13064</v>
      </c>
      <c r="G21209" t="s">
        <v>10214</v>
      </c>
      <c r="H21209" t="s">
        <v>10215</v>
      </c>
      <c r="I21209" s="2">
        <v>1</v>
      </c>
      <c r="J21209" s="2">
        <v>0</v>
      </c>
      <c r="K21209" s="2">
        <v>0</v>
      </c>
      <c r="L21209" t="s">
        <v>120</v>
      </c>
      <c r="M21209" t="s">
        <v>83</v>
      </c>
      <c r="N21209" t="s">
        <v>91</v>
      </c>
      <c r="O21209" t="s">
        <v>85</v>
      </c>
      <c r="P21209" t="s">
        <v>86</v>
      </c>
      <c r="Q21209">
        <v>46</v>
      </c>
      <c r="R21209">
        <v>48</v>
      </c>
      <c r="S21209">
        <v>49</v>
      </c>
      <c r="T21209">
        <v>50</v>
      </c>
      <c r="U21209">
        <v>51</v>
      </c>
      <c r="V21209">
        <v>53</v>
      </c>
      <c r="W21209">
        <v>54</v>
      </c>
      <c r="X21209">
        <v>56</v>
      </c>
      <c r="Y21209">
        <v>57</v>
      </c>
      <c r="Z21209">
        <v>58</v>
      </c>
      <c r="AA21209">
        <v>60</v>
      </c>
      <c r="AB21209">
        <v>61</v>
      </c>
      <c r="AC21209">
        <v>63</v>
      </c>
      <c r="AD21209">
        <v>64</v>
      </c>
      <c r="AE21209">
        <v>66</v>
      </c>
      <c r="AF21209">
        <v>68</v>
      </c>
      <c r="AG21209">
        <v>69</v>
      </c>
      <c r="AH21209">
        <v>71</v>
      </c>
      <c r="AI21209">
        <v>72</v>
      </c>
      <c r="AJ21209">
        <v>74</v>
      </c>
      <c r="AK21209">
        <v>76</v>
      </c>
      <c r="AL21209">
        <v>77</v>
      </c>
      <c r="AM21209">
        <v>78</v>
      </c>
      <c r="AN21209">
        <v>79</v>
      </c>
      <c r="AO21209">
        <v>80</v>
      </c>
      <c r="AP21209">
        <v>81</v>
      </c>
      <c r="AQ21209">
        <v>83</v>
      </c>
    </row>
    <row r="21210" spans="1:43">
      <c r="A21210" t="s">
        <v>13145</v>
      </c>
      <c r="B21210" t="s">
        <v>13146</v>
      </c>
      <c r="C21210" t="s">
        <v>13141</v>
      </c>
      <c r="D21210" t="s">
        <v>13142</v>
      </c>
      <c r="E21210" t="s">
        <v>13063</v>
      </c>
      <c r="F21210" t="s">
        <v>13064</v>
      </c>
      <c r="G21210" t="s">
        <v>10214</v>
      </c>
      <c r="H21210" t="s">
        <v>10215</v>
      </c>
      <c r="I21210" s="2">
        <v>1</v>
      </c>
      <c r="J21210" s="2">
        <v>0</v>
      </c>
      <c r="K21210" s="2">
        <v>0</v>
      </c>
      <c r="L21210" t="s">
        <v>120</v>
      </c>
      <c r="M21210" t="s">
        <v>83</v>
      </c>
      <c r="N21210" t="s">
        <v>84</v>
      </c>
      <c r="O21210" t="s">
        <v>85</v>
      </c>
      <c r="P21210" t="s">
        <v>86</v>
      </c>
      <c r="Q21210">
        <v>24</v>
      </c>
      <c r="R21210">
        <v>25</v>
      </c>
      <c r="S21210">
        <v>26</v>
      </c>
      <c r="T21210">
        <v>26</v>
      </c>
      <c r="U21210">
        <v>27</v>
      </c>
      <c r="V21210">
        <v>28</v>
      </c>
      <c r="W21210">
        <v>28</v>
      </c>
      <c r="X21210">
        <v>29</v>
      </c>
      <c r="Y21210">
        <v>30</v>
      </c>
      <c r="Z21210">
        <v>31</v>
      </c>
      <c r="AA21210">
        <v>31</v>
      </c>
      <c r="AB21210">
        <v>32</v>
      </c>
      <c r="AC21210">
        <v>33</v>
      </c>
      <c r="AD21210">
        <v>34</v>
      </c>
      <c r="AE21210">
        <v>35</v>
      </c>
      <c r="AF21210">
        <v>35</v>
      </c>
      <c r="AG21210">
        <v>36</v>
      </c>
      <c r="AH21210">
        <v>37</v>
      </c>
      <c r="AI21210">
        <v>38</v>
      </c>
      <c r="AJ21210">
        <v>39</v>
      </c>
      <c r="AK21210">
        <v>40</v>
      </c>
      <c r="AL21210">
        <v>40</v>
      </c>
      <c r="AM21210">
        <v>41</v>
      </c>
      <c r="AN21210">
        <v>42</v>
      </c>
      <c r="AO21210">
        <v>42</v>
      </c>
      <c r="AP21210">
        <v>43</v>
      </c>
      <c r="AQ21210">
        <v>43</v>
      </c>
    </row>
    <row r="21211" spans="1:43">
      <c r="A21211" t="s">
        <v>13145</v>
      </c>
      <c r="B21211" t="s">
        <v>13146</v>
      </c>
      <c r="C21211" t="s">
        <v>13141</v>
      </c>
      <c r="D21211" t="s">
        <v>13142</v>
      </c>
      <c r="E21211" t="s">
        <v>13063</v>
      </c>
      <c r="F21211" t="s">
        <v>13064</v>
      </c>
      <c r="G21211" t="s">
        <v>10214</v>
      </c>
      <c r="H21211" t="s">
        <v>10215</v>
      </c>
      <c r="I21211" s="2">
        <v>1</v>
      </c>
      <c r="J21211" s="2">
        <v>0</v>
      </c>
      <c r="K21211" s="2">
        <v>0</v>
      </c>
      <c r="L21211" t="s">
        <v>120</v>
      </c>
      <c r="M21211" t="s">
        <v>87</v>
      </c>
      <c r="N21211" t="s">
        <v>88</v>
      </c>
      <c r="O21211" t="s">
        <v>85</v>
      </c>
      <c r="P21211" t="s">
        <v>86</v>
      </c>
      <c r="Q21211">
        <v>24</v>
      </c>
      <c r="R21211">
        <v>24</v>
      </c>
      <c r="S21211">
        <v>25</v>
      </c>
      <c r="T21211">
        <v>25</v>
      </c>
      <c r="U21211">
        <v>26</v>
      </c>
      <c r="V21211">
        <v>26</v>
      </c>
      <c r="W21211">
        <v>27</v>
      </c>
      <c r="X21211">
        <v>27</v>
      </c>
      <c r="Y21211">
        <v>28</v>
      </c>
      <c r="Z21211">
        <v>28</v>
      </c>
      <c r="AA21211">
        <v>29</v>
      </c>
      <c r="AB21211">
        <v>29</v>
      </c>
      <c r="AC21211">
        <v>30</v>
      </c>
      <c r="AD21211">
        <v>30</v>
      </c>
      <c r="AE21211">
        <v>31</v>
      </c>
      <c r="AF21211">
        <v>31</v>
      </c>
      <c r="AG21211">
        <v>32</v>
      </c>
      <c r="AH21211">
        <v>32</v>
      </c>
      <c r="AI21211">
        <v>33</v>
      </c>
      <c r="AJ21211">
        <v>33</v>
      </c>
      <c r="AK21211">
        <v>34</v>
      </c>
      <c r="AL21211">
        <v>34</v>
      </c>
      <c r="AM21211">
        <v>35</v>
      </c>
      <c r="AN21211">
        <v>36</v>
      </c>
      <c r="AO21211">
        <v>36</v>
      </c>
      <c r="AP21211">
        <v>37</v>
      </c>
      <c r="AQ21211">
        <v>37</v>
      </c>
    </row>
    <row r="21212" spans="1:43">
      <c r="A21212" t="s">
        <v>13145</v>
      </c>
      <c r="B21212" t="s">
        <v>13146</v>
      </c>
      <c r="C21212" t="s">
        <v>13141</v>
      </c>
      <c r="D21212" t="s">
        <v>13142</v>
      </c>
      <c r="E21212" t="s">
        <v>13063</v>
      </c>
      <c r="F21212" t="s">
        <v>13064</v>
      </c>
      <c r="G21212" t="s">
        <v>10214</v>
      </c>
      <c r="H21212" t="s">
        <v>10215</v>
      </c>
      <c r="I21212" s="2">
        <v>1</v>
      </c>
      <c r="J21212" s="2">
        <v>0</v>
      </c>
      <c r="K21212" s="2">
        <v>0</v>
      </c>
      <c r="L21212" t="s">
        <v>120</v>
      </c>
      <c r="M21212" t="s">
        <v>89</v>
      </c>
      <c r="N21212" t="s">
        <v>90</v>
      </c>
      <c r="O21212" t="s">
        <v>85</v>
      </c>
      <c r="P21212" t="s">
        <v>86</v>
      </c>
      <c r="Q21212">
        <v>24</v>
      </c>
      <c r="R21212">
        <v>25</v>
      </c>
      <c r="S21212">
        <v>26</v>
      </c>
      <c r="T21212">
        <v>27</v>
      </c>
      <c r="U21212">
        <v>28</v>
      </c>
      <c r="V21212">
        <v>29</v>
      </c>
      <c r="W21212">
        <v>30</v>
      </c>
      <c r="X21212">
        <v>31</v>
      </c>
      <c r="Y21212">
        <v>32</v>
      </c>
      <c r="Z21212">
        <v>32</v>
      </c>
      <c r="AA21212">
        <v>33</v>
      </c>
      <c r="AB21212">
        <v>34</v>
      </c>
      <c r="AC21212">
        <v>35</v>
      </c>
      <c r="AD21212">
        <v>36</v>
      </c>
      <c r="AE21212">
        <v>37</v>
      </c>
      <c r="AF21212">
        <v>38</v>
      </c>
      <c r="AG21212">
        <v>38</v>
      </c>
      <c r="AH21212">
        <v>39</v>
      </c>
      <c r="AI21212">
        <v>39</v>
      </c>
      <c r="AJ21212">
        <v>40</v>
      </c>
      <c r="AK21212">
        <v>40</v>
      </c>
      <c r="AL21212">
        <v>41</v>
      </c>
      <c r="AM21212">
        <v>41</v>
      </c>
      <c r="AN21212">
        <v>42</v>
      </c>
      <c r="AO21212">
        <v>42</v>
      </c>
      <c r="AP21212">
        <v>43</v>
      </c>
      <c r="AQ21212">
        <v>44</v>
      </c>
    </row>
    <row r="21213" spans="1:43">
      <c r="A21213" t="s">
        <v>13145</v>
      </c>
      <c r="B21213" t="s">
        <v>13146</v>
      </c>
      <c r="C21213" t="s">
        <v>13141</v>
      </c>
      <c r="D21213" t="s">
        <v>13142</v>
      </c>
      <c r="E21213" t="s">
        <v>13063</v>
      </c>
      <c r="F21213" t="s">
        <v>13064</v>
      </c>
      <c r="G21213" t="s">
        <v>10214</v>
      </c>
      <c r="H21213" t="s">
        <v>10215</v>
      </c>
      <c r="I21213" s="2">
        <v>1</v>
      </c>
      <c r="J21213" s="2">
        <v>0</v>
      </c>
      <c r="K21213" s="2">
        <v>0</v>
      </c>
      <c r="L21213" t="s">
        <v>120</v>
      </c>
      <c r="M21213" t="s">
        <v>83</v>
      </c>
      <c r="N21213" t="s">
        <v>91</v>
      </c>
      <c r="O21213" t="s">
        <v>85</v>
      </c>
      <c r="P21213" t="s">
        <v>86</v>
      </c>
      <c r="Q21213">
        <v>24</v>
      </c>
      <c r="R21213">
        <v>25</v>
      </c>
      <c r="S21213">
        <v>26</v>
      </c>
      <c r="T21213">
        <v>26</v>
      </c>
      <c r="U21213">
        <v>27</v>
      </c>
      <c r="V21213">
        <v>28</v>
      </c>
      <c r="W21213">
        <v>28</v>
      </c>
      <c r="X21213">
        <v>29</v>
      </c>
      <c r="Y21213">
        <v>30</v>
      </c>
      <c r="Z21213">
        <v>31</v>
      </c>
      <c r="AA21213">
        <v>31</v>
      </c>
      <c r="AB21213">
        <v>32</v>
      </c>
      <c r="AC21213">
        <v>33</v>
      </c>
      <c r="AD21213">
        <v>34</v>
      </c>
      <c r="AE21213">
        <v>35</v>
      </c>
      <c r="AF21213">
        <v>35</v>
      </c>
      <c r="AG21213">
        <v>36</v>
      </c>
      <c r="AH21213">
        <v>37</v>
      </c>
      <c r="AI21213">
        <v>38</v>
      </c>
      <c r="AJ21213">
        <v>39</v>
      </c>
      <c r="AK21213">
        <v>40</v>
      </c>
      <c r="AL21213">
        <v>40</v>
      </c>
      <c r="AM21213">
        <v>41</v>
      </c>
      <c r="AN21213">
        <v>42</v>
      </c>
      <c r="AO21213">
        <v>42</v>
      </c>
      <c r="AP21213">
        <v>43</v>
      </c>
      <c r="AQ21213">
        <v>43</v>
      </c>
    </row>
    <row r="21214" spans="1:43">
      <c r="A21214" t="s">
        <v>13147</v>
      </c>
      <c r="B21214" t="s">
        <v>13148</v>
      </c>
      <c r="C21214" t="s">
        <v>13141</v>
      </c>
      <c r="D21214" t="s">
        <v>13142</v>
      </c>
      <c r="E21214" t="s">
        <v>13063</v>
      </c>
      <c r="F21214" t="s">
        <v>13064</v>
      </c>
      <c r="G21214" t="s">
        <v>10214</v>
      </c>
      <c r="H21214" t="s">
        <v>10215</v>
      </c>
      <c r="I21214" s="2">
        <v>1</v>
      </c>
      <c r="J21214" s="2">
        <v>0</v>
      </c>
      <c r="K21214" s="2">
        <v>0</v>
      </c>
      <c r="L21214" t="s">
        <v>120</v>
      </c>
      <c r="M21214" t="s">
        <v>83</v>
      </c>
      <c r="N21214" t="s">
        <v>84</v>
      </c>
      <c r="O21214" t="s">
        <v>85</v>
      </c>
      <c r="P21214" t="s">
        <v>86</v>
      </c>
      <c r="Q21214">
        <v>25</v>
      </c>
      <c r="R21214">
        <v>25</v>
      </c>
      <c r="S21214">
        <v>26</v>
      </c>
      <c r="T21214">
        <v>27</v>
      </c>
      <c r="U21214">
        <v>27</v>
      </c>
      <c r="V21214">
        <v>28</v>
      </c>
      <c r="W21214">
        <v>29</v>
      </c>
      <c r="X21214">
        <v>30</v>
      </c>
      <c r="Y21214">
        <v>30</v>
      </c>
      <c r="Z21214">
        <v>31</v>
      </c>
      <c r="AA21214">
        <v>32</v>
      </c>
      <c r="AB21214">
        <v>33</v>
      </c>
      <c r="AC21214">
        <v>34</v>
      </c>
      <c r="AD21214">
        <v>34</v>
      </c>
      <c r="AE21214">
        <v>35</v>
      </c>
      <c r="AF21214">
        <v>36</v>
      </c>
      <c r="AG21214">
        <v>37</v>
      </c>
      <c r="AH21214">
        <v>38</v>
      </c>
      <c r="AI21214">
        <v>39</v>
      </c>
      <c r="AJ21214">
        <v>40</v>
      </c>
      <c r="AK21214">
        <v>41</v>
      </c>
      <c r="AL21214">
        <v>41</v>
      </c>
      <c r="AM21214">
        <v>42</v>
      </c>
      <c r="AN21214">
        <v>42</v>
      </c>
      <c r="AO21214">
        <v>43</v>
      </c>
      <c r="AP21214">
        <v>44</v>
      </c>
      <c r="AQ21214">
        <v>44</v>
      </c>
    </row>
    <row r="21215" spans="1:43">
      <c r="A21215" t="s">
        <v>13147</v>
      </c>
      <c r="B21215" t="s">
        <v>13148</v>
      </c>
      <c r="C21215" t="s">
        <v>13141</v>
      </c>
      <c r="D21215" t="s">
        <v>13142</v>
      </c>
      <c r="E21215" t="s">
        <v>13063</v>
      </c>
      <c r="F21215" t="s">
        <v>13064</v>
      </c>
      <c r="G21215" t="s">
        <v>10214</v>
      </c>
      <c r="H21215" t="s">
        <v>10215</v>
      </c>
      <c r="I21215" s="2">
        <v>1</v>
      </c>
      <c r="J21215" s="2">
        <v>0</v>
      </c>
      <c r="K21215" s="2">
        <v>0</v>
      </c>
      <c r="L21215" t="s">
        <v>120</v>
      </c>
      <c r="M21215" t="s">
        <v>87</v>
      </c>
      <c r="N21215" t="s">
        <v>88</v>
      </c>
      <c r="O21215" t="s">
        <v>85</v>
      </c>
      <c r="P21215" t="s">
        <v>86</v>
      </c>
      <c r="Q21215">
        <v>25</v>
      </c>
      <c r="R21215">
        <v>26</v>
      </c>
      <c r="S21215">
        <v>26</v>
      </c>
      <c r="T21215">
        <v>27</v>
      </c>
      <c r="U21215">
        <v>27</v>
      </c>
      <c r="V21215">
        <v>28</v>
      </c>
      <c r="W21215">
        <v>28</v>
      </c>
      <c r="X21215">
        <v>29</v>
      </c>
      <c r="Y21215">
        <v>29</v>
      </c>
      <c r="Z21215">
        <v>30</v>
      </c>
      <c r="AA21215">
        <v>30</v>
      </c>
      <c r="AB21215">
        <v>31</v>
      </c>
      <c r="AC21215">
        <v>31</v>
      </c>
      <c r="AD21215">
        <v>32</v>
      </c>
      <c r="AE21215">
        <v>32</v>
      </c>
      <c r="AF21215">
        <v>33</v>
      </c>
      <c r="AG21215">
        <v>33</v>
      </c>
      <c r="AH21215">
        <v>34</v>
      </c>
      <c r="AI21215">
        <v>34</v>
      </c>
      <c r="AJ21215">
        <v>35</v>
      </c>
      <c r="AK21215">
        <v>36</v>
      </c>
      <c r="AL21215">
        <v>36</v>
      </c>
      <c r="AM21215">
        <v>37</v>
      </c>
      <c r="AN21215">
        <v>37</v>
      </c>
      <c r="AO21215">
        <v>38</v>
      </c>
      <c r="AP21215">
        <v>39</v>
      </c>
      <c r="AQ21215">
        <v>39</v>
      </c>
    </row>
    <row r="21216" spans="1:43">
      <c r="A21216" t="s">
        <v>13147</v>
      </c>
      <c r="B21216" t="s">
        <v>13148</v>
      </c>
      <c r="C21216" t="s">
        <v>13141</v>
      </c>
      <c r="D21216" t="s">
        <v>13142</v>
      </c>
      <c r="E21216" t="s">
        <v>13063</v>
      </c>
      <c r="F21216" t="s">
        <v>13064</v>
      </c>
      <c r="G21216" t="s">
        <v>10214</v>
      </c>
      <c r="H21216" t="s">
        <v>10215</v>
      </c>
      <c r="I21216" s="2">
        <v>1</v>
      </c>
      <c r="J21216" s="2">
        <v>0</v>
      </c>
      <c r="K21216" s="2">
        <v>0</v>
      </c>
      <c r="L21216" t="s">
        <v>120</v>
      </c>
      <c r="M21216" t="s">
        <v>89</v>
      </c>
      <c r="N21216" t="s">
        <v>90</v>
      </c>
      <c r="O21216" t="s">
        <v>85</v>
      </c>
      <c r="P21216" t="s">
        <v>86</v>
      </c>
      <c r="Q21216">
        <v>25</v>
      </c>
      <c r="R21216">
        <v>26</v>
      </c>
      <c r="S21216">
        <v>27</v>
      </c>
      <c r="T21216">
        <v>28</v>
      </c>
      <c r="U21216">
        <v>29</v>
      </c>
      <c r="V21216">
        <v>29</v>
      </c>
      <c r="W21216">
        <v>30</v>
      </c>
      <c r="X21216">
        <v>31</v>
      </c>
      <c r="Y21216">
        <v>32</v>
      </c>
      <c r="Z21216">
        <v>33</v>
      </c>
      <c r="AA21216">
        <v>34</v>
      </c>
      <c r="AB21216">
        <v>35</v>
      </c>
      <c r="AC21216">
        <v>36</v>
      </c>
      <c r="AD21216">
        <v>37</v>
      </c>
      <c r="AE21216">
        <v>38</v>
      </c>
      <c r="AF21216">
        <v>38</v>
      </c>
      <c r="AG21216">
        <v>39</v>
      </c>
      <c r="AH21216">
        <v>39</v>
      </c>
      <c r="AI21216">
        <v>40</v>
      </c>
      <c r="AJ21216">
        <v>41</v>
      </c>
      <c r="AK21216">
        <v>41</v>
      </c>
      <c r="AL21216">
        <v>42</v>
      </c>
      <c r="AM21216">
        <v>42</v>
      </c>
      <c r="AN21216">
        <v>43</v>
      </c>
      <c r="AO21216">
        <v>43</v>
      </c>
      <c r="AP21216">
        <v>44</v>
      </c>
      <c r="AQ21216">
        <v>45</v>
      </c>
    </row>
    <row r="21217" spans="1:43">
      <c r="A21217" t="s">
        <v>13147</v>
      </c>
      <c r="B21217" t="s">
        <v>13148</v>
      </c>
      <c r="C21217" t="s">
        <v>13141</v>
      </c>
      <c r="D21217" t="s">
        <v>13142</v>
      </c>
      <c r="E21217" t="s">
        <v>13063</v>
      </c>
      <c r="F21217" t="s">
        <v>13064</v>
      </c>
      <c r="G21217" t="s">
        <v>10214</v>
      </c>
      <c r="H21217" t="s">
        <v>10215</v>
      </c>
      <c r="I21217" s="2">
        <v>1</v>
      </c>
      <c r="J21217" s="2">
        <v>0</v>
      </c>
      <c r="K21217" s="2">
        <v>0</v>
      </c>
      <c r="L21217" t="s">
        <v>120</v>
      </c>
      <c r="M21217" t="s">
        <v>83</v>
      </c>
      <c r="N21217" t="s">
        <v>91</v>
      </c>
      <c r="O21217" t="s">
        <v>85</v>
      </c>
      <c r="P21217" t="s">
        <v>86</v>
      </c>
      <c r="Q21217">
        <v>25</v>
      </c>
      <c r="R21217">
        <v>25</v>
      </c>
      <c r="S21217">
        <v>26</v>
      </c>
      <c r="T21217">
        <v>27</v>
      </c>
      <c r="U21217">
        <v>27</v>
      </c>
      <c r="V21217">
        <v>28</v>
      </c>
      <c r="W21217">
        <v>29</v>
      </c>
      <c r="X21217">
        <v>30</v>
      </c>
      <c r="Y21217">
        <v>30</v>
      </c>
      <c r="Z21217">
        <v>31</v>
      </c>
      <c r="AA21217">
        <v>32</v>
      </c>
      <c r="AB21217">
        <v>33</v>
      </c>
      <c r="AC21217">
        <v>34</v>
      </c>
      <c r="AD21217">
        <v>34</v>
      </c>
      <c r="AE21217">
        <v>35</v>
      </c>
      <c r="AF21217">
        <v>36</v>
      </c>
      <c r="AG21217">
        <v>37</v>
      </c>
      <c r="AH21217">
        <v>38</v>
      </c>
      <c r="AI21217">
        <v>39</v>
      </c>
      <c r="AJ21217">
        <v>40</v>
      </c>
      <c r="AK21217">
        <v>41</v>
      </c>
      <c r="AL21217">
        <v>41</v>
      </c>
      <c r="AM21217">
        <v>42</v>
      </c>
      <c r="AN21217">
        <v>42</v>
      </c>
      <c r="AO21217">
        <v>43</v>
      </c>
      <c r="AP21217">
        <v>44</v>
      </c>
      <c r="AQ21217">
        <v>44</v>
      </c>
    </row>
    <row r="21218" spans="1:43">
      <c r="A21218" t="s">
        <v>13149</v>
      </c>
      <c r="B21218" t="s">
        <v>13150</v>
      </c>
      <c r="C21218" t="s">
        <v>13141</v>
      </c>
      <c r="D21218" t="s">
        <v>13142</v>
      </c>
      <c r="E21218" t="s">
        <v>13063</v>
      </c>
      <c r="F21218" t="s">
        <v>13064</v>
      </c>
      <c r="G21218" t="s">
        <v>10214</v>
      </c>
      <c r="H21218" t="s">
        <v>10215</v>
      </c>
      <c r="I21218" s="2">
        <v>1</v>
      </c>
      <c r="J21218" s="2">
        <v>0</v>
      </c>
      <c r="K21218" s="2">
        <v>0</v>
      </c>
      <c r="L21218" t="s">
        <v>120</v>
      </c>
      <c r="M21218" t="s">
        <v>83</v>
      </c>
      <c r="N21218" t="s">
        <v>84</v>
      </c>
      <c r="O21218" t="s">
        <v>85</v>
      </c>
      <c r="P21218" t="s">
        <v>86</v>
      </c>
      <c r="Q21218">
        <v>31</v>
      </c>
      <c r="R21218">
        <v>32</v>
      </c>
      <c r="S21218">
        <v>33</v>
      </c>
      <c r="T21218">
        <v>33</v>
      </c>
      <c r="U21218">
        <v>34</v>
      </c>
      <c r="V21218">
        <v>35</v>
      </c>
      <c r="W21218">
        <v>36</v>
      </c>
      <c r="X21218">
        <v>37</v>
      </c>
      <c r="Y21218">
        <v>38</v>
      </c>
      <c r="Z21218">
        <v>39</v>
      </c>
      <c r="AA21218">
        <v>40</v>
      </c>
      <c r="AB21218">
        <v>41</v>
      </c>
      <c r="AC21218">
        <v>42</v>
      </c>
      <c r="AD21218">
        <v>43</v>
      </c>
      <c r="AE21218">
        <v>44</v>
      </c>
      <c r="AF21218">
        <v>45</v>
      </c>
      <c r="AG21218">
        <v>46</v>
      </c>
      <c r="AH21218">
        <v>47</v>
      </c>
      <c r="AI21218">
        <v>48</v>
      </c>
      <c r="AJ21218">
        <v>50</v>
      </c>
      <c r="AK21218">
        <v>51</v>
      </c>
      <c r="AL21218">
        <v>52</v>
      </c>
      <c r="AM21218">
        <v>52</v>
      </c>
      <c r="AN21218">
        <v>53</v>
      </c>
      <c r="AO21218">
        <v>54</v>
      </c>
      <c r="AP21218">
        <v>54</v>
      </c>
      <c r="AQ21218">
        <v>55</v>
      </c>
    </row>
    <row r="21219" spans="1:43">
      <c r="A21219" t="s">
        <v>13149</v>
      </c>
      <c r="B21219" t="s">
        <v>13150</v>
      </c>
      <c r="C21219" t="s">
        <v>13141</v>
      </c>
      <c r="D21219" t="s">
        <v>13142</v>
      </c>
      <c r="E21219" t="s">
        <v>13063</v>
      </c>
      <c r="F21219" t="s">
        <v>13064</v>
      </c>
      <c r="G21219" t="s">
        <v>10214</v>
      </c>
      <c r="H21219" t="s">
        <v>10215</v>
      </c>
      <c r="I21219" s="2">
        <v>1</v>
      </c>
      <c r="J21219" s="2">
        <v>0</v>
      </c>
      <c r="K21219" s="2">
        <v>0</v>
      </c>
      <c r="L21219" t="s">
        <v>120</v>
      </c>
      <c r="M21219" t="s">
        <v>87</v>
      </c>
      <c r="N21219" t="s">
        <v>88</v>
      </c>
      <c r="O21219" t="s">
        <v>85</v>
      </c>
      <c r="P21219" t="s">
        <v>86</v>
      </c>
      <c r="Q21219">
        <v>31</v>
      </c>
      <c r="R21219">
        <v>31</v>
      </c>
      <c r="S21219">
        <v>32</v>
      </c>
      <c r="T21219">
        <v>32</v>
      </c>
      <c r="U21219">
        <v>33</v>
      </c>
      <c r="V21219">
        <v>33</v>
      </c>
      <c r="W21219">
        <v>34</v>
      </c>
      <c r="X21219">
        <v>35</v>
      </c>
      <c r="Y21219">
        <v>35</v>
      </c>
      <c r="Z21219">
        <v>36</v>
      </c>
      <c r="AA21219">
        <v>36</v>
      </c>
      <c r="AB21219">
        <v>37</v>
      </c>
      <c r="AC21219">
        <v>38</v>
      </c>
      <c r="AD21219">
        <v>38</v>
      </c>
      <c r="AE21219">
        <v>39</v>
      </c>
      <c r="AF21219">
        <v>40</v>
      </c>
      <c r="AG21219">
        <v>40</v>
      </c>
      <c r="AH21219">
        <v>41</v>
      </c>
      <c r="AI21219">
        <v>42</v>
      </c>
      <c r="AJ21219">
        <v>42</v>
      </c>
      <c r="AK21219">
        <v>43</v>
      </c>
      <c r="AL21219">
        <v>44</v>
      </c>
      <c r="AM21219">
        <v>45</v>
      </c>
      <c r="AN21219">
        <v>45</v>
      </c>
      <c r="AO21219">
        <v>46</v>
      </c>
      <c r="AP21219">
        <v>47</v>
      </c>
      <c r="AQ21219">
        <v>48</v>
      </c>
    </row>
    <row r="21220" spans="1:43">
      <c r="A21220" t="s">
        <v>13149</v>
      </c>
      <c r="B21220" t="s">
        <v>13150</v>
      </c>
      <c r="C21220" t="s">
        <v>13141</v>
      </c>
      <c r="D21220" t="s">
        <v>13142</v>
      </c>
      <c r="E21220" t="s">
        <v>13063</v>
      </c>
      <c r="F21220" t="s">
        <v>13064</v>
      </c>
      <c r="G21220" t="s">
        <v>10214</v>
      </c>
      <c r="H21220" t="s">
        <v>10215</v>
      </c>
      <c r="I21220" s="2">
        <v>1</v>
      </c>
      <c r="J21220" s="2">
        <v>0</v>
      </c>
      <c r="K21220" s="2">
        <v>0</v>
      </c>
      <c r="L21220" t="s">
        <v>120</v>
      </c>
      <c r="M21220" t="s">
        <v>89</v>
      </c>
      <c r="N21220" t="s">
        <v>90</v>
      </c>
      <c r="O21220" t="s">
        <v>85</v>
      </c>
      <c r="P21220" t="s">
        <v>86</v>
      </c>
      <c r="Q21220">
        <v>31</v>
      </c>
      <c r="R21220">
        <v>32</v>
      </c>
      <c r="S21220">
        <v>33</v>
      </c>
      <c r="T21220">
        <v>35</v>
      </c>
      <c r="U21220">
        <v>36</v>
      </c>
      <c r="V21220">
        <v>37</v>
      </c>
      <c r="W21220">
        <v>38</v>
      </c>
      <c r="X21220">
        <v>39</v>
      </c>
      <c r="Y21220">
        <v>40</v>
      </c>
      <c r="Z21220">
        <v>41</v>
      </c>
      <c r="AA21220">
        <v>43</v>
      </c>
      <c r="AB21220">
        <v>44</v>
      </c>
      <c r="AC21220">
        <v>45</v>
      </c>
      <c r="AD21220">
        <v>46</v>
      </c>
      <c r="AE21220">
        <v>47</v>
      </c>
      <c r="AF21220">
        <v>48</v>
      </c>
      <c r="AG21220">
        <v>49</v>
      </c>
      <c r="AH21220">
        <v>49</v>
      </c>
      <c r="AI21220">
        <v>50</v>
      </c>
      <c r="AJ21220">
        <v>51</v>
      </c>
      <c r="AK21220">
        <v>51</v>
      </c>
      <c r="AL21220">
        <v>52</v>
      </c>
      <c r="AM21220">
        <v>53</v>
      </c>
      <c r="AN21220">
        <v>53</v>
      </c>
      <c r="AO21220">
        <v>54</v>
      </c>
      <c r="AP21220">
        <v>55</v>
      </c>
      <c r="AQ21220">
        <v>56</v>
      </c>
    </row>
    <row r="21221" spans="1:43">
      <c r="A21221" t="s">
        <v>13149</v>
      </c>
      <c r="B21221" t="s">
        <v>13150</v>
      </c>
      <c r="C21221" t="s">
        <v>13141</v>
      </c>
      <c r="D21221" t="s">
        <v>13142</v>
      </c>
      <c r="E21221" t="s">
        <v>13063</v>
      </c>
      <c r="F21221" t="s">
        <v>13064</v>
      </c>
      <c r="G21221" t="s">
        <v>10214</v>
      </c>
      <c r="H21221" t="s">
        <v>10215</v>
      </c>
      <c r="I21221" s="2">
        <v>1</v>
      </c>
      <c r="J21221" s="2">
        <v>0</v>
      </c>
      <c r="K21221" s="2">
        <v>0</v>
      </c>
      <c r="L21221" t="s">
        <v>120</v>
      </c>
      <c r="M21221" t="s">
        <v>83</v>
      </c>
      <c r="N21221" t="s">
        <v>91</v>
      </c>
      <c r="O21221" t="s">
        <v>85</v>
      </c>
      <c r="P21221" t="s">
        <v>86</v>
      </c>
      <c r="Q21221">
        <v>31</v>
      </c>
      <c r="R21221">
        <v>32</v>
      </c>
      <c r="S21221">
        <v>33</v>
      </c>
      <c r="T21221">
        <v>33</v>
      </c>
      <c r="U21221">
        <v>34</v>
      </c>
      <c r="V21221">
        <v>35</v>
      </c>
      <c r="W21221">
        <v>36</v>
      </c>
      <c r="X21221">
        <v>37</v>
      </c>
      <c r="Y21221">
        <v>38</v>
      </c>
      <c r="Z21221">
        <v>39</v>
      </c>
      <c r="AA21221">
        <v>40</v>
      </c>
      <c r="AB21221">
        <v>41</v>
      </c>
      <c r="AC21221">
        <v>42</v>
      </c>
      <c r="AD21221">
        <v>43</v>
      </c>
      <c r="AE21221">
        <v>44</v>
      </c>
      <c r="AF21221">
        <v>45</v>
      </c>
      <c r="AG21221">
        <v>46</v>
      </c>
      <c r="AH21221">
        <v>47</v>
      </c>
      <c r="AI21221">
        <v>48</v>
      </c>
      <c r="AJ21221">
        <v>50</v>
      </c>
      <c r="AK21221">
        <v>51</v>
      </c>
      <c r="AL21221">
        <v>52</v>
      </c>
      <c r="AM21221">
        <v>52</v>
      </c>
      <c r="AN21221">
        <v>53</v>
      </c>
      <c r="AO21221">
        <v>54</v>
      </c>
      <c r="AP21221">
        <v>54</v>
      </c>
      <c r="AQ21221">
        <v>55</v>
      </c>
    </row>
    <row r="21222" spans="1:43">
      <c r="A21222" t="s">
        <v>13151</v>
      </c>
      <c r="B21222" t="s">
        <v>13152</v>
      </c>
      <c r="C21222" t="s">
        <v>13117</v>
      </c>
      <c r="D21222" t="s">
        <v>13118</v>
      </c>
      <c r="E21222" t="s">
        <v>13063</v>
      </c>
      <c r="F21222" t="s">
        <v>13064</v>
      </c>
      <c r="G21222" t="s">
        <v>10214</v>
      </c>
      <c r="H21222" t="s">
        <v>10215</v>
      </c>
      <c r="I21222" s="2">
        <v>1</v>
      </c>
      <c r="J21222" s="2">
        <v>0</v>
      </c>
      <c r="K21222" s="2">
        <v>0</v>
      </c>
      <c r="L21222" t="s">
        <v>120</v>
      </c>
      <c r="M21222" t="s">
        <v>83</v>
      </c>
      <c r="N21222" t="s">
        <v>84</v>
      </c>
      <c r="O21222" t="s">
        <v>85</v>
      </c>
      <c r="P21222" t="s">
        <v>86</v>
      </c>
      <c r="Q21222">
        <v>39</v>
      </c>
      <c r="R21222">
        <v>40</v>
      </c>
      <c r="S21222">
        <v>41</v>
      </c>
      <c r="T21222">
        <v>43</v>
      </c>
      <c r="U21222">
        <v>44</v>
      </c>
      <c r="V21222">
        <v>45</v>
      </c>
      <c r="W21222">
        <v>46</v>
      </c>
      <c r="X21222">
        <v>47</v>
      </c>
      <c r="Y21222">
        <v>48</v>
      </c>
      <c r="Z21222">
        <v>50</v>
      </c>
      <c r="AA21222">
        <v>51</v>
      </c>
      <c r="AB21222">
        <v>52</v>
      </c>
      <c r="AC21222">
        <v>53</v>
      </c>
      <c r="AD21222">
        <v>55</v>
      </c>
      <c r="AE21222">
        <v>56</v>
      </c>
      <c r="AF21222">
        <v>57</v>
      </c>
      <c r="AG21222">
        <v>59</v>
      </c>
      <c r="AH21222">
        <v>60</v>
      </c>
      <c r="AI21222">
        <v>61</v>
      </c>
      <c r="AJ21222">
        <v>63</v>
      </c>
      <c r="AK21222">
        <v>64</v>
      </c>
      <c r="AL21222">
        <v>65</v>
      </c>
      <c r="AM21222">
        <v>66</v>
      </c>
      <c r="AN21222">
        <v>67</v>
      </c>
      <c r="AO21222">
        <v>68</v>
      </c>
      <c r="AP21222">
        <v>69</v>
      </c>
      <c r="AQ21222">
        <v>70</v>
      </c>
    </row>
    <row r="21223" spans="1:43">
      <c r="A21223" t="s">
        <v>13151</v>
      </c>
      <c r="B21223" t="s">
        <v>13152</v>
      </c>
      <c r="C21223" t="s">
        <v>13117</v>
      </c>
      <c r="D21223" t="s">
        <v>13118</v>
      </c>
      <c r="E21223" t="s">
        <v>13063</v>
      </c>
      <c r="F21223" t="s">
        <v>13064</v>
      </c>
      <c r="G21223" t="s">
        <v>10214</v>
      </c>
      <c r="H21223" t="s">
        <v>10215</v>
      </c>
      <c r="I21223" s="2">
        <v>1</v>
      </c>
      <c r="J21223" s="2">
        <v>0</v>
      </c>
      <c r="K21223" s="2">
        <v>0</v>
      </c>
      <c r="L21223" t="s">
        <v>120</v>
      </c>
      <c r="M21223" t="s">
        <v>87</v>
      </c>
      <c r="N21223" t="s">
        <v>88</v>
      </c>
      <c r="O21223" t="s">
        <v>85</v>
      </c>
      <c r="P21223" t="s">
        <v>86</v>
      </c>
      <c r="Q21223">
        <v>39</v>
      </c>
      <c r="R21223">
        <v>40</v>
      </c>
      <c r="S21223">
        <v>40</v>
      </c>
      <c r="T21223">
        <v>41</v>
      </c>
      <c r="U21223">
        <v>42</v>
      </c>
      <c r="V21223">
        <v>42</v>
      </c>
      <c r="W21223">
        <v>43</v>
      </c>
      <c r="X21223">
        <v>44</v>
      </c>
      <c r="Y21223">
        <v>45</v>
      </c>
      <c r="Z21223">
        <v>45</v>
      </c>
      <c r="AA21223">
        <v>46</v>
      </c>
      <c r="AB21223">
        <v>47</v>
      </c>
      <c r="AC21223">
        <v>48</v>
      </c>
      <c r="AD21223">
        <v>49</v>
      </c>
      <c r="AE21223">
        <v>50</v>
      </c>
      <c r="AF21223">
        <v>50</v>
      </c>
      <c r="AG21223">
        <v>51</v>
      </c>
      <c r="AH21223">
        <v>52</v>
      </c>
      <c r="AI21223">
        <v>53</v>
      </c>
      <c r="AJ21223">
        <v>54</v>
      </c>
      <c r="AK21223">
        <v>55</v>
      </c>
      <c r="AL21223">
        <v>56</v>
      </c>
      <c r="AM21223">
        <v>57</v>
      </c>
      <c r="AN21223">
        <v>58</v>
      </c>
      <c r="AO21223">
        <v>59</v>
      </c>
      <c r="AP21223">
        <v>60</v>
      </c>
      <c r="AQ21223">
        <v>61</v>
      </c>
    </row>
    <row r="21224" spans="1:43">
      <c r="A21224" t="s">
        <v>13151</v>
      </c>
      <c r="B21224" t="s">
        <v>13152</v>
      </c>
      <c r="C21224" t="s">
        <v>13117</v>
      </c>
      <c r="D21224" t="s">
        <v>13118</v>
      </c>
      <c r="E21224" t="s">
        <v>13063</v>
      </c>
      <c r="F21224" t="s">
        <v>13064</v>
      </c>
      <c r="G21224" t="s">
        <v>10214</v>
      </c>
      <c r="H21224" t="s">
        <v>10215</v>
      </c>
      <c r="I21224" s="2">
        <v>1</v>
      </c>
      <c r="J21224" s="2">
        <v>0</v>
      </c>
      <c r="K21224" s="2">
        <v>0</v>
      </c>
      <c r="L21224" t="s">
        <v>120</v>
      </c>
      <c r="M21224" t="s">
        <v>89</v>
      </c>
      <c r="N21224" t="s">
        <v>90</v>
      </c>
      <c r="O21224" t="s">
        <v>85</v>
      </c>
      <c r="P21224" t="s">
        <v>86</v>
      </c>
      <c r="Q21224">
        <v>39</v>
      </c>
      <c r="R21224">
        <v>40</v>
      </c>
      <c r="S21224">
        <v>41</v>
      </c>
      <c r="T21224">
        <v>43</v>
      </c>
      <c r="U21224">
        <v>44</v>
      </c>
      <c r="V21224">
        <v>46</v>
      </c>
      <c r="W21224">
        <v>47</v>
      </c>
      <c r="X21224">
        <v>49</v>
      </c>
      <c r="Y21224">
        <v>50</v>
      </c>
      <c r="Z21224">
        <v>52</v>
      </c>
      <c r="AA21224">
        <v>53</v>
      </c>
      <c r="AB21224">
        <v>55</v>
      </c>
      <c r="AC21224">
        <v>56</v>
      </c>
      <c r="AD21224">
        <v>58</v>
      </c>
      <c r="AE21224">
        <v>59</v>
      </c>
      <c r="AF21224">
        <v>60</v>
      </c>
      <c r="AG21224">
        <v>61</v>
      </c>
      <c r="AH21224">
        <v>62</v>
      </c>
      <c r="AI21224">
        <v>62</v>
      </c>
      <c r="AJ21224">
        <v>63</v>
      </c>
      <c r="AK21224">
        <v>64</v>
      </c>
      <c r="AL21224">
        <v>65</v>
      </c>
      <c r="AM21224">
        <v>66</v>
      </c>
      <c r="AN21224">
        <v>67</v>
      </c>
      <c r="AO21224">
        <v>67</v>
      </c>
      <c r="AP21224">
        <v>68</v>
      </c>
      <c r="AQ21224">
        <v>69</v>
      </c>
    </row>
    <row r="21225" spans="1:43">
      <c r="A21225" t="s">
        <v>13151</v>
      </c>
      <c r="B21225" t="s">
        <v>13152</v>
      </c>
      <c r="C21225" t="s">
        <v>13117</v>
      </c>
      <c r="D21225" t="s">
        <v>13118</v>
      </c>
      <c r="E21225" t="s">
        <v>13063</v>
      </c>
      <c r="F21225" t="s">
        <v>13064</v>
      </c>
      <c r="G21225" t="s">
        <v>10214</v>
      </c>
      <c r="H21225" t="s">
        <v>10215</v>
      </c>
      <c r="I21225" s="2">
        <v>1</v>
      </c>
      <c r="J21225" s="2">
        <v>0</v>
      </c>
      <c r="K21225" s="2">
        <v>0</v>
      </c>
      <c r="L21225" t="s">
        <v>120</v>
      </c>
      <c r="M21225" t="s">
        <v>83</v>
      </c>
      <c r="N21225" t="s">
        <v>91</v>
      </c>
      <c r="O21225" t="s">
        <v>85</v>
      </c>
      <c r="P21225" t="s">
        <v>86</v>
      </c>
      <c r="Q21225">
        <v>39</v>
      </c>
      <c r="R21225">
        <v>40</v>
      </c>
      <c r="S21225">
        <v>41</v>
      </c>
      <c r="T21225">
        <v>43</v>
      </c>
      <c r="U21225">
        <v>44</v>
      </c>
      <c r="V21225">
        <v>45</v>
      </c>
      <c r="W21225">
        <v>46</v>
      </c>
      <c r="X21225">
        <v>47</v>
      </c>
      <c r="Y21225">
        <v>48</v>
      </c>
      <c r="Z21225">
        <v>50</v>
      </c>
      <c r="AA21225">
        <v>51</v>
      </c>
      <c r="AB21225">
        <v>52</v>
      </c>
      <c r="AC21225">
        <v>53</v>
      </c>
      <c r="AD21225">
        <v>55</v>
      </c>
      <c r="AE21225">
        <v>56</v>
      </c>
      <c r="AF21225">
        <v>57</v>
      </c>
      <c r="AG21225">
        <v>59</v>
      </c>
      <c r="AH21225">
        <v>60</v>
      </c>
      <c r="AI21225">
        <v>61</v>
      </c>
      <c r="AJ21225">
        <v>63</v>
      </c>
      <c r="AK21225">
        <v>64</v>
      </c>
      <c r="AL21225">
        <v>65</v>
      </c>
      <c r="AM21225">
        <v>66</v>
      </c>
      <c r="AN21225">
        <v>67</v>
      </c>
      <c r="AO21225">
        <v>68</v>
      </c>
      <c r="AP21225">
        <v>69</v>
      </c>
      <c r="AQ21225">
        <v>70</v>
      </c>
    </row>
    <row r="21226" spans="1:43">
      <c r="A21226" t="s">
        <v>13153</v>
      </c>
      <c r="B21226" t="s">
        <v>13154</v>
      </c>
      <c r="C21226" t="s">
        <v>13117</v>
      </c>
      <c r="D21226" t="s">
        <v>13118</v>
      </c>
      <c r="E21226" t="s">
        <v>13063</v>
      </c>
      <c r="F21226" t="s">
        <v>13064</v>
      </c>
      <c r="G21226" t="s">
        <v>10214</v>
      </c>
      <c r="H21226" t="s">
        <v>10215</v>
      </c>
      <c r="I21226" s="2">
        <v>1</v>
      </c>
      <c r="J21226" s="2">
        <v>0</v>
      </c>
      <c r="K21226" s="2">
        <v>0</v>
      </c>
      <c r="L21226" t="s">
        <v>120</v>
      </c>
      <c r="M21226" t="s">
        <v>83</v>
      </c>
      <c r="N21226" t="s">
        <v>84</v>
      </c>
      <c r="O21226" t="s">
        <v>85</v>
      </c>
      <c r="P21226" t="s">
        <v>86</v>
      </c>
      <c r="Q21226">
        <v>46</v>
      </c>
      <c r="R21226">
        <v>47</v>
      </c>
      <c r="S21226">
        <v>48</v>
      </c>
      <c r="T21226">
        <v>50</v>
      </c>
      <c r="U21226">
        <v>51</v>
      </c>
      <c r="V21226">
        <v>52</v>
      </c>
      <c r="W21226">
        <v>54</v>
      </c>
      <c r="X21226">
        <v>55</v>
      </c>
      <c r="Y21226">
        <v>56</v>
      </c>
      <c r="Z21226">
        <v>58</v>
      </c>
      <c r="AA21226">
        <v>59</v>
      </c>
      <c r="AB21226">
        <v>61</v>
      </c>
      <c r="AC21226">
        <v>62</v>
      </c>
      <c r="AD21226">
        <v>64</v>
      </c>
      <c r="AE21226">
        <v>65</v>
      </c>
      <c r="AF21226">
        <v>67</v>
      </c>
      <c r="AG21226">
        <v>69</v>
      </c>
      <c r="AH21226">
        <v>70</v>
      </c>
      <c r="AI21226">
        <v>72</v>
      </c>
      <c r="AJ21226">
        <v>74</v>
      </c>
      <c r="AK21226">
        <v>75</v>
      </c>
      <c r="AL21226">
        <v>77</v>
      </c>
      <c r="AM21226">
        <v>78</v>
      </c>
      <c r="AN21226">
        <v>79</v>
      </c>
      <c r="AO21226">
        <v>80</v>
      </c>
      <c r="AP21226">
        <v>81</v>
      </c>
      <c r="AQ21226">
        <v>82</v>
      </c>
    </row>
    <row r="21227" spans="1:43">
      <c r="A21227" t="s">
        <v>13153</v>
      </c>
      <c r="B21227" t="s">
        <v>13154</v>
      </c>
      <c r="C21227" t="s">
        <v>13117</v>
      </c>
      <c r="D21227" t="s">
        <v>13118</v>
      </c>
      <c r="E21227" t="s">
        <v>13063</v>
      </c>
      <c r="F21227" t="s">
        <v>13064</v>
      </c>
      <c r="G21227" t="s">
        <v>10214</v>
      </c>
      <c r="H21227" t="s">
        <v>10215</v>
      </c>
      <c r="I21227" s="2">
        <v>1</v>
      </c>
      <c r="J21227" s="2">
        <v>0</v>
      </c>
      <c r="K21227" s="2">
        <v>0</v>
      </c>
      <c r="L21227" t="s">
        <v>120</v>
      </c>
      <c r="M21227" t="s">
        <v>87</v>
      </c>
      <c r="N21227" t="s">
        <v>88</v>
      </c>
      <c r="O21227" t="s">
        <v>85</v>
      </c>
      <c r="P21227" t="s">
        <v>86</v>
      </c>
      <c r="Q21227">
        <v>46</v>
      </c>
      <c r="R21227">
        <v>47</v>
      </c>
      <c r="S21227">
        <v>48</v>
      </c>
      <c r="T21227">
        <v>49</v>
      </c>
      <c r="U21227">
        <v>50</v>
      </c>
      <c r="V21227">
        <v>51</v>
      </c>
      <c r="W21227">
        <v>51</v>
      </c>
      <c r="X21227">
        <v>52</v>
      </c>
      <c r="Y21227">
        <v>53</v>
      </c>
      <c r="Z21227">
        <v>54</v>
      </c>
      <c r="AA21227">
        <v>55</v>
      </c>
      <c r="AB21227">
        <v>56</v>
      </c>
      <c r="AC21227">
        <v>57</v>
      </c>
      <c r="AD21227">
        <v>58</v>
      </c>
      <c r="AE21227">
        <v>59</v>
      </c>
      <c r="AF21227">
        <v>60</v>
      </c>
      <c r="AG21227">
        <v>61</v>
      </c>
      <c r="AH21227">
        <v>62</v>
      </c>
      <c r="AI21227">
        <v>63</v>
      </c>
      <c r="AJ21227">
        <v>64</v>
      </c>
      <c r="AK21227">
        <v>65</v>
      </c>
      <c r="AL21227">
        <v>66</v>
      </c>
      <c r="AM21227">
        <v>67</v>
      </c>
      <c r="AN21227">
        <v>68</v>
      </c>
      <c r="AO21227">
        <v>69</v>
      </c>
      <c r="AP21227">
        <v>71</v>
      </c>
      <c r="AQ21227">
        <v>72</v>
      </c>
    </row>
    <row r="21228" spans="1:43">
      <c r="A21228" t="s">
        <v>13153</v>
      </c>
      <c r="B21228" t="s">
        <v>13154</v>
      </c>
      <c r="C21228" t="s">
        <v>13117</v>
      </c>
      <c r="D21228" t="s">
        <v>13118</v>
      </c>
      <c r="E21228" t="s">
        <v>13063</v>
      </c>
      <c r="F21228" t="s">
        <v>13064</v>
      </c>
      <c r="G21228" t="s">
        <v>10214</v>
      </c>
      <c r="H21228" t="s">
        <v>10215</v>
      </c>
      <c r="I21228" s="2">
        <v>1</v>
      </c>
      <c r="J21228" s="2">
        <v>0</v>
      </c>
      <c r="K21228" s="2">
        <v>0</v>
      </c>
      <c r="L21228" t="s">
        <v>120</v>
      </c>
      <c r="M21228" t="s">
        <v>89</v>
      </c>
      <c r="N21228" t="s">
        <v>90</v>
      </c>
      <c r="O21228" t="s">
        <v>85</v>
      </c>
      <c r="P21228" t="s">
        <v>86</v>
      </c>
      <c r="Q21228">
        <v>46</v>
      </c>
      <c r="R21228">
        <v>48</v>
      </c>
      <c r="S21228">
        <v>50</v>
      </c>
      <c r="T21228">
        <v>51</v>
      </c>
      <c r="U21228">
        <v>53</v>
      </c>
      <c r="V21228">
        <v>55</v>
      </c>
      <c r="W21228">
        <v>56</v>
      </c>
      <c r="X21228">
        <v>58</v>
      </c>
      <c r="Y21228">
        <v>60</v>
      </c>
      <c r="Z21228">
        <v>62</v>
      </c>
      <c r="AA21228">
        <v>63</v>
      </c>
      <c r="AB21228">
        <v>65</v>
      </c>
      <c r="AC21228">
        <v>67</v>
      </c>
      <c r="AD21228">
        <v>69</v>
      </c>
      <c r="AE21228">
        <v>70</v>
      </c>
      <c r="AF21228">
        <v>71</v>
      </c>
      <c r="AG21228">
        <v>72</v>
      </c>
      <c r="AH21228">
        <v>73</v>
      </c>
      <c r="AI21228">
        <v>74</v>
      </c>
      <c r="AJ21228">
        <v>75</v>
      </c>
      <c r="AK21228">
        <v>76</v>
      </c>
      <c r="AL21228">
        <v>77</v>
      </c>
      <c r="AM21228">
        <v>78</v>
      </c>
      <c r="AN21228">
        <v>79</v>
      </c>
      <c r="AO21228">
        <v>80</v>
      </c>
      <c r="AP21228">
        <v>81</v>
      </c>
      <c r="AQ21228">
        <v>82</v>
      </c>
    </row>
    <row r="21229" spans="1:43">
      <c r="A21229" t="s">
        <v>13153</v>
      </c>
      <c r="B21229" t="s">
        <v>13154</v>
      </c>
      <c r="C21229" t="s">
        <v>13117</v>
      </c>
      <c r="D21229" t="s">
        <v>13118</v>
      </c>
      <c r="E21229" t="s">
        <v>13063</v>
      </c>
      <c r="F21229" t="s">
        <v>13064</v>
      </c>
      <c r="G21229" t="s">
        <v>10214</v>
      </c>
      <c r="H21229" t="s">
        <v>10215</v>
      </c>
      <c r="I21229" s="2">
        <v>1</v>
      </c>
      <c r="J21229" s="2">
        <v>0</v>
      </c>
      <c r="K21229" s="2">
        <v>0</v>
      </c>
      <c r="L21229" t="s">
        <v>120</v>
      </c>
      <c r="M21229" t="s">
        <v>83</v>
      </c>
      <c r="N21229" t="s">
        <v>91</v>
      </c>
      <c r="O21229" t="s">
        <v>85</v>
      </c>
      <c r="P21229" t="s">
        <v>86</v>
      </c>
      <c r="Q21229">
        <v>46</v>
      </c>
      <c r="R21229">
        <v>47</v>
      </c>
      <c r="S21229">
        <v>48</v>
      </c>
      <c r="T21229">
        <v>50</v>
      </c>
      <c r="U21229">
        <v>51</v>
      </c>
      <c r="V21229">
        <v>52</v>
      </c>
      <c r="W21229">
        <v>54</v>
      </c>
      <c r="X21229">
        <v>55</v>
      </c>
      <c r="Y21229">
        <v>56</v>
      </c>
      <c r="Z21229">
        <v>58</v>
      </c>
      <c r="AA21229">
        <v>59</v>
      </c>
      <c r="AB21229">
        <v>61</v>
      </c>
      <c r="AC21229">
        <v>62</v>
      </c>
      <c r="AD21229">
        <v>64</v>
      </c>
      <c r="AE21229">
        <v>65</v>
      </c>
      <c r="AF21229">
        <v>67</v>
      </c>
      <c r="AG21229">
        <v>69</v>
      </c>
      <c r="AH21229">
        <v>70</v>
      </c>
      <c r="AI21229">
        <v>72</v>
      </c>
      <c r="AJ21229">
        <v>74</v>
      </c>
      <c r="AK21229">
        <v>75</v>
      </c>
      <c r="AL21229">
        <v>77</v>
      </c>
      <c r="AM21229">
        <v>78</v>
      </c>
      <c r="AN21229">
        <v>79</v>
      </c>
      <c r="AO21229">
        <v>80</v>
      </c>
      <c r="AP21229">
        <v>81</v>
      </c>
      <c r="AQ21229">
        <v>82</v>
      </c>
    </row>
    <row r="21230" spans="1:43">
      <c r="A21230" t="s">
        <v>13155</v>
      </c>
      <c r="B21230" t="s">
        <v>13156</v>
      </c>
      <c r="C21230" t="s">
        <v>13085</v>
      </c>
      <c r="D21230" t="s">
        <v>13086</v>
      </c>
      <c r="E21230" t="s">
        <v>13063</v>
      </c>
      <c r="F21230" t="s">
        <v>13064</v>
      </c>
      <c r="G21230" t="s">
        <v>10214</v>
      </c>
      <c r="H21230" t="s">
        <v>10215</v>
      </c>
      <c r="I21230" s="2">
        <v>1</v>
      </c>
      <c r="J21230" s="2">
        <v>0</v>
      </c>
      <c r="K21230" s="2">
        <v>0</v>
      </c>
      <c r="L21230" t="s">
        <v>120</v>
      </c>
      <c r="M21230" t="s">
        <v>83</v>
      </c>
      <c r="N21230" t="s">
        <v>84</v>
      </c>
      <c r="O21230" t="s">
        <v>85</v>
      </c>
      <c r="P21230" t="s">
        <v>86</v>
      </c>
      <c r="Q21230">
        <v>18</v>
      </c>
      <c r="R21230">
        <v>19</v>
      </c>
      <c r="S21230">
        <v>19</v>
      </c>
      <c r="T21230">
        <v>20</v>
      </c>
      <c r="U21230">
        <v>20</v>
      </c>
      <c r="V21230">
        <v>21</v>
      </c>
      <c r="W21230">
        <v>21</v>
      </c>
      <c r="X21230">
        <v>22</v>
      </c>
      <c r="Y21230">
        <v>22</v>
      </c>
      <c r="Z21230">
        <v>23</v>
      </c>
      <c r="AA21230">
        <v>24</v>
      </c>
      <c r="AB21230">
        <v>24</v>
      </c>
      <c r="AC21230">
        <v>25</v>
      </c>
      <c r="AD21230">
        <v>25</v>
      </c>
      <c r="AE21230">
        <v>26</v>
      </c>
      <c r="AF21230">
        <v>27</v>
      </c>
      <c r="AG21230">
        <v>27</v>
      </c>
      <c r="AH21230">
        <v>28</v>
      </c>
      <c r="AI21230">
        <v>29</v>
      </c>
      <c r="AJ21230">
        <v>29</v>
      </c>
      <c r="AK21230">
        <v>30</v>
      </c>
      <c r="AL21230">
        <v>30</v>
      </c>
      <c r="AM21230">
        <v>31</v>
      </c>
      <c r="AN21230">
        <v>31</v>
      </c>
      <c r="AO21230">
        <v>32</v>
      </c>
      <c r="AP21230">
        <v>32</v>
      </c>
      <c r="AQ21230">
        <v>33</v>
      </c>
    </row>
    <row r="21231" spans="1:43">
      <c r="A21231" t="s">
        <v>13155</v>
      </c>
      <c r="B21231" t="s">
        <v>13156</v>
      </c>
      <c r="C21231" t="s">
        <v>13085</v>
      </c>
      <c r="D21231" t="s">
        <v>13086</v>
      </c>
      <c r="E21231" t="s">
        <v>13063</v>
      </c>
      <c r="F21231" t="s">
        <v>13064</v>
      </c>
      <c r="G21231" t="s">
        <v>10214</v>
      </c>
      <c r="H21231" t="s">
        <v>10215</v>
      </c>
      <c r="I21231" s="2">
        <v>1</v>
      </c>
      <c r="J21231" s="2">
        <v>0</v>
      </c>
      <c r="K21231" s="2">
        <v>0</v>
      </c>
      <c r="L21231" t="s">
        <v>120</v>
      </c>
      <c r="M21231" t="s">
        <v>87</v>
      </c>
      <c r="N21231" t="s">
        <v>88</v>
      </c>
      <c r="O21231" t="s">
        <v>85</v>
      </c>
      <c r="P21231" t="s">
        <v>86</v>
      </c>
      <c r="Q21231">
        <v>18</v>
      </c>
      <c r="R21231">
        <v>18</v>
      </c>
      <c r="S21231">
        <v>19</v>
      </c>
      <c r="T21231">
        <v>19</v>
      </c>
      <c r="U21231">
        <v>19</v>
      </c>
      <c r="V21231">
        <v>20</v>
      </c>
      <c r="W21231">
        <v>20</v>
      </c>
      <c r="X21231">
        <v>20</v>
      </c>
      <c r="Y21231">
        <v>21</v>
      </c>
      <c r="Z21231">
        <v>21</v>
      </c>
      <c r="AA21231">
        <v>21</v>
      </c>
      <c r="AB21231">
        <v>22</v>
      </c>
      <c r="AC21231">
        <v>22</v>
      </c>
      <c r="AD21231">
        <v>23</v>
      </c>
      <c r="AE21231">
        <v>23</v>
      </c>
      <c r="AF21231">
        <v>23</v>
      </c>
      <c r="AG21231">
        <v>24</v>
      </c>
      <c r="AH21231">
        <v>24</v>
      </c>
      <c r="AI21231">
        <v>25</v>
      </c>
      <c r="AJ21231">
        <v>25</v>
      </c>
      <c r="AK21231">
        <v>25</v>
      </c>
      <c r="AL21231">
        <v>26</v>
      </c>
      <c r="AM21231">
        <v>26</v>
      </c>
      <c r="AN21231">
        <v>27</v>
      </c>
      <c r="AO21231">
        <v>27</v>
      </c>
      <c r="AP21231">
        <v>28</v>
      </c>
      <c r="AQ21231">
        <v>28</v>
      </c>
    </row>
    <row r="21232" spans="1:43">
      <c r="A21232" t="s">
        <v>13155</v>
      </c>
      <c r="B21232" t="s">
        <v>13156</v>
      </c>
      <c r="C21232" t="s">
        <v>13085</v>
      </c>
      <c r="D21232" t="s">
        <v>13086</v>
      </c>
      <c r="E21232" t="s">
        <v>13063</v>
      </c>
      <c r="F21232" t="s">
        <v>13064</v>
      </c>
      <c r="G21232" t="s">
        <v>10214</v>
      </c>
      <c r="H21232" t="s">
        <v>10215</v>
      </c>
      <c r="I21232" s="2">
        <v>1</v>
      </c>
      <c r="J21232" s="2">
        <v>0</v>
      </c>
      <c r="K21232" s="2">
        <v>0</v>
      </c>
      <c r="L21232" t="s">
        <v>120</v>
      </c>
      <c r="M21232" t="s">
        <v>89</v>
      </c>
      <c r="N21232" t="s">
        <v>90</v>
      </c>
      <c r="O21232" t="s">
        <v>85</v>
      </c>
      <c r="P21232" t="s">
        <v>86</v>
      </c>
      <c r="Q21232">
        <v>18</v>
      </c>
      <c r="R21232">
        <v>19</v>
      </c>
      <c r="S21232">
        <v>20</v>
      </c>
      <c r="T21232">
        <v>20</v>
      </c>
      <c r="U21232">
        <v>21</v>
      </c>
      <c r="V21232">
        <v>22</v>
      </c>
      <c r="W21232">
        <v>22</v>
      </c>
      <c r="X21232">
        <v>23</v>
      </c>
      <c r="Y21232">
        <v>24</v>
      </c>
      <c r="Z21232">
        <v>24</v>
      </c>
      <c r="AA21232">
        <v>25</v>
      </c>
      <c r="AB21232">
        <v>26</v>
      </c>
      <c r="AC21232">
        <v>27</v>
      </c>
      <c r="AD21232">
        <v>27</v>
      </c>
      <c r="AE21232">
        <v>28</v>
      </c>
      <c r="AF21232">
        <v>28</v>
      </c>
      <c r="AG21232">
        <v>29</v>
      </c>
      <c r="AH21232">
        <v>29</v>
      </c>
      <c r="AI21232">
        <v>30</v>
      </c>
      <c r="AJ21232">
        <v>30</v>
      </c>
      <c r="AK21232">
        <v>30</v>
      </c>
      <c r="AL21232">
        <v>31</v>
      </c>
      <c r="AM21232">
        <v>31</v>
      </c>
      <c r="AN21232">
        <v>32</v>
      </c>
      <c r="AO21232">
        <v>32</v>
      </c>
      <c r="AP21232">
        <v>32</v>
      </c>
      <c r="AQ21232">
        <v>33</v>
      </c>
    </row>
    <row r="21233" spans="1:43">
      <c r="A21233" t="s">
        <v>13155</v>
      </c>
      <c r="B21233" t="s">
        <v>13156</v>
      </c>
      <c r="C21233" t="s">
        <v>13085</v>
      </c>
      <c r="D21233" t="s">
        <v>13086</v>
      </c>
      <c r="E21233" t="s">
        <v>13063</v>
      </c>
      <c r="F21233" t="s">
        <v>13064</v>
      </c>
      <c r="G21233" t="s">
        <v>10214</v>
      </c>
      <c r="H21233" t="s">
        <v>10215</v>
      </c>
      <c r="I21233" s="2">
        <v>1</v>
      </c>
      <c r="J21233" s="2">
        <v>0</v>
      </c>
      <c r="K21233" s="2">
        <v>0</v>
      </c>
      <c r="L21233" t="s">
        <v>120</v>
      </c>
      <c r="M21233" t="s">
        <v>83</v>
      </c>
      <c r="N21233" t="s">
        <v>91</v>
      </c>
      <c r="O21233" t="s">
        <v>85</v>
      </c>
      <c r="P21233" t="s">
        <v>86</v>
      </c>
      <c r="Q21233">
        <v>18</v>
      </c>
      <c r="R21233">
        <v>19</v>
      </c>
      <c r="S21233">
        <v>19</v>
      </c>
      <c r="T21233">
        <v>20</v>
      </c>
      <c r="U21233">
        <v>20</v>
      </c>
      <c r="V21233">
        <v>21</v>
      </c>
      <c r="W21233">
        <v>21</v>
      </c>
      <c r="X21233">
        <v>22</v>
      </c>
      <c r="Y21233">
        <v>22</v>
      </c>
      <c r="Z21233">
        <v>23</v>
      </c>
      <c r="AA21233">
        <v>24</v>
      </c>
      <c r="AB21233">
        <v>24</v>
      </c>
      <c r="AC21233">
        <v>25</v>
      </c>
      <c r="AD21233">
        <v>25</v>
      </c>
      <c r="AE21233">
        <v>26</v>
      </c>
      <c r="AF21233">
        <v>27</v>
      </c>
      <c r="AG21233">
        <v>27</v>
      </c>
      <c r="AH21233">
        <v>28</v>
      </c>
      <c r="AI21233">
        <v>29</v>
      </c>
      <c r="AJ21233">
        <v>29</v>
      </c>
      <c r="AK21233">
        <v>30</v>
      </c>
      <c r="AL21233">
        <v>30</v>
      </c>
      <c r="AM21233">
        <v>31</v>
      </c>
      <c r="AN21233">
        <v>31</v>
      </c>
      <c r="AO21233">
        <v>32</v>
      </c>
      <c r="AP21233">
        <v>32</v>
      </c>
      <c r="AQ21233">
        <v>33</v>
      </c>
    </row>
    <row r="21234" spans="1:43">
      <c r="A21234" t="s">
        <v>13157</v>
      </c>
      <c r="B21234" t="s">
        <v>13158</v>
      </c>
      <c r="C21234" t="s">
        <v>13085</v>
      </c>
      <c r="D21234" t="s">
        <v>13086</v>
      </c>
      <c r="E21234" t="s">
        <v>13063</v>
      </c>
      <c r="F21234" t="s">
        <v>13064</v>
      </c>
      <c r="G21234" t="s">
        <v>10214</v>
      </c>
      <c r="H21234" t="s">
        <v>10215</v>
      </c>
      <c r="I21234" s="2">
        <v>1</v>
      </c>
      <c r="J21234" s="2">
        <v>0</v>
      </c>
      <c r="K21234" s="2">
        <v>0</v>
      </c>
      <c r="L21234" t="s">
        <v>120</v>
      </c>
      <c r="M21234" t="s">
        <v>83</v>
      </c>
      <c r="N21234" t="s">
        <v>84</v>
      </c>
      <c r="O21234" t="s">
        <v>85</v>
      </c>
      <c r="P21234" t="s">
        <v>86</v>
      </c>
      <c r="Q21234">
        <v>33</v>
      </c>
      <c r="R21234">
        <v>33</v>
      </c>
      <c r="S21234">
        <v>34</v>
      </c>
      <c r="T21234">
        <v>35</v>
      </c>
      <c r="U21234">
        <v>36</v>
      </c>
      <c r="V21234">
        <v>37</v>
      </c>
      <c r="W21234">
        <v>38</v>
      </c>
      <c r="X21234">
        <v>39</v>
      </c>
      <c r="Y21234">
        <v>40</v>
      </c>
      <c r="Z21234">
        <v>41</v>
      </c>
      <c r="AA21234">
        <v>42</v>
      </c>
      <c r="AB21234">
        <v>43</v>
      </c>
      <c r="AC21234">
        <v>44</v>
      </c>
      <c r="AD21234">
        <v>45</v>
      </c>
      <c r="AE21234">
        <v>46</v>
      </c>
      <c r="AF21234">
        <v>48</v>
      </c>
      <c r="AG21234">
        <v>49</v>
      </c>
      <c r="AH21234">
        <v>50</v>
      </c>
      <c r="AI21234">
        <v>51</v>
      </c>
      <c r="AJ21234">
        <v>52</v>
      </c>
      <c r="AK21234">
        <v>54</v>
      </c>
      <c r="AL21234">
        <v>54</v>
      </c>
      <c r="AM21234">
        <v>55</v>
      </c>
      <c r="AN21234">
        <v>56</v>
      </c>
      <c r="AO21234">
        <v>57</v>
      </c>
      <c r="AP21234">
        <v>57</v>
      </c>
      <c r="AQ21234">
        <v>58</v>
      </c>
    </row>
    <row r="21235" spans="1:43">
      <c r="A21235" t="s">
        <v>13157</v>
      </c>
      <c r="B21235" t="s">
        <v>13158</v>
      </c>
      <c r="C21235" t="s">
        <v>13085</v>
      </c>
      <c r="D21235" t="s">
        <v>13086</v>
      </c>
      <c r="E21235" t="s">
        <v>13063</v>
      </c>
      <c r="F21235" t="s">
        <v>13064</v>
      </c>
      <c r="G21235" t="s">
        <v>10214</v>
      </c>
      <c r="H21235" t="s">
        <v>10215</v>
      </c>
      <c r="I21235" s="2">
        <v>1</v>
      </c>
      <c r="J21235" s="2">
        <v>0</v>
      </c>
      <c r="K21235" s="2">
        <v>0</v>
      </c>
      <c r="L21235" t="s">
        <v>120</v>
      </c>
      <c r="M21235" t="s">
        <v>87</v>
      </c>
      <c r="N21235" t="s">
        <v>88</v>
      </c>
      <c r="O21235" t="s">
        <v>85</v>
      </c>
      <c r="P21235" t="s">
        <v>86</v>
      </c>
      <c r="Q21235">
        <v>33</v>
      </c>
      <c r="R21235">
        <v>34</v>
      </c>
      <c r="S21235">
        <v>34</v>
      </c>
      <c r="T21235">
        <v>35</v>
      </c>
      <c r="U21235">
        <v>36</v>
      </c>
      <c r="V21235">
        <v>36</v>
      </c>
      <c r="W21235">
        <v>37</v>
      </c>
      <c r="X21235">
        <v>37</v>
      </c>
      <c r="Y21235">
        <v>38</v>
      </c>
      <c r="Z21235">
        <v>39</v>
      </c>
      <c r="AA21235">
        <v>39</v>
      </c>
      <c r="AB21235">
        <v>40</v>
      </c>
      <c r="AC21235">
        <v>41</v>
      </c>
      <c r="AD21235">
        <v>41</v>
      </c>
      <c r="AE21235">
        <v>42</v>
      </c>
      <c r="AF21235">
        <v>43</v>
      </c>
      <c r="AG21235">
        <v>44</v>
      </c>
      <c r="AH21235">
        <v>44</v>
      </c>
      <c r="AI21235">
        <v>45</v>
      </c>
      <c r="AJ21235">
        <v>46</v>
      </c>
      <c r="AK21235">
        <v>47</v>
      </c>
      <c r="AL21235">
        <v>47</v>
      </c>
      <c r="AM21235">
        <v>48</v>
      </c>
      <c r="AN21235">
        <v>49</v>
      </c>
      <c r="AO21235">
        <v>50</v>
      </c>
      <c r="AP21235">
        <v>50</v>
      </c>
      <c r="AQ21235">
        <v>51</v>
      </c>
    </row>
    <row r="21236" spans="1:43">
      <c r="A21236" t="s">
        <v>13157</v>
      </c>
      <c r="B21236" t="s">
        <v>13158</v>
      </c>
      <c r="C21236" t="s">
        <v>13085</v>
      </c>
      <c r="D21236" t="s">
        <v>13086</v>
      </c>
      <c r="E21236" t="s">
        <v>13063</v>
      </c>
      <c r="F21236" t="s">
        <v>13064</v>
      </c>
      <c r="G21236" t="s">
        <v>10214</v>
      </c>
      <c r="H21236" t="s">
        <v>10215</v>
      </c>
      <c r="I21236" s="2">
        <v>1</v>
      </c>
      <c r="J21236" s="2">
        <v>0</v>
      </c>
      <c r="K21236" s="2">
        <v>0</v>
      </c>
      <c r="L21236" t="s">
        <v>120</v>
      </c>
      <c r="M21236" t="s">
        <v>89</v>
      </c>
      <c r="N21236" t="s">
        <v>90</v>
      </c>
      <c r="O21236" t="s">
        <v>85</v>
      </c>
      <c r="P21236" t="s">
        <v>86</v>
      </c>
      <c r="Q21236">
        <v>33</v>
      </c>
      <c r="R21236">
        <v>34</v>
      </c>
      <c r="S21236">
        <v>35</v>
      </c>
      <c r="T21236">
        <v>36</v>
      </c>
      <c r="U21236">
        <v>38</v>
      </c>
      <c r="V21236">
        <v>39</v>
      </c>
      <c r="W21236">
        <v>40</v>
      </c>
      <c r="X21236">
        <v>41</v>
      </c>
      <c r="Y21236">
        <v>43</v>
      </c>
      <c r="Z21236">
        <v>44</v>
      </c>
      <c r="AA21236">
        <v>45</v>
      </c>
      <c r="AB21236">
        <v>46</v>
      </c>
      <c r="AC21236">
        <v>48</v>
      </c>
      <c r="AD21236">
        <v>49</v>
      </c>
      <c r="AE21236">
        <v>50</v>
      </c>
      <c r="AF21236">
        <v>51</v>
      </c>
      <c r="AG21236">
        <v>51</v>
      </c>
      <c r="AH21236">
        <v>52</v>
      </c>
      <c r="AI21236">
        <v>53</v>
      </c>
      <c r="AJ21236">
        <v>54</v>
      </c>
      <c r="AK21236">
        <v>54</v>
      </c>
      <c r="AL21236">
        <v>55</v>
      </c>
      <c r="AM21236">
        <v>56</v>
      </c>
      <c r="AN21236">
        <v>56</v>
      </c>
      <c r="AO21236">
        <v>57</v>
      </c>
      <c r="AP21236">
        <v>58</v>
      </c>
      <c r="AQ21236">
        <v>59</v>
      </c>
    </row>
    <row r="21237" spans="1:43">
      <c r="A21237" t="s">
        <v>13157</v>
      </c>
      <c r="B21237" t="s">
        <v>13158</v>
      </c>
      <c r="C21237" t="s">
        <v>13085</v>
      </c>
      <c r="D21237" t="s">
        <v>13086</v>
      </c>
      <c r="E21237" t="s">
        <v>13063</v>
      </c>
      <c r="F21237" t="s">
        <v>13064</v>
      </c>
      <c r="G21237" t="s">
        <v>10214</v>
      </c>
      <c r="H21237" t="s">
        <v>10215</v>
      </c>
      <c r="I21237" s="2">
        <v>1</v>
      </c>
      <c r="J21237" s="2">
        <v>0</v>
      </c>
      <c r="K21237" s="2">
        <v>0</v>
      </c>
      <c r="L21237" t="s">
        <v>120</v>
      </c>
      <c r="M21237" t="s">
        <v>83</v>
      </c>
      <c r="N21237" t="s">
        <v>91</v>
      </c>
      <c r="O21237" t="s">
        <v>85</v>
      </c>
      <c r="P21237" t="s">
        <v>86</v>
      </c>
      <c r="Q21237">
        <v>33</v>
      </c>
      <c r="R21237">
        <v>33</v>
      </c>
      <c r="S21237">
        <v>34</v>
      </c>
      <c r="T21237">
        <v>35</v>
      </c>
      <c r="U21237">
        <v>36</v>
      </c>
      <c r="V21237">
        <v>37</v>
      </c>
      <c r="W21237">
        <v>38</v>
      </c>
      <c r="X21237">
        <v>39</v>
      </c>
      <c r="Y21237">
        <v>40</v>
      </c>
      <c r="Z21237">
        <v>41</v>
      </c>
      <c r="AA21237">
        <v>42</v>
      </c>
      <c r="AB21237">
        <v>43</v>
      </c>
      <c r="AC21237">
        <v>44</v>
      </c>
      <c r="AD21237">
        <v>45</v>
      </c>
      <c r="AE21237">
        <v>46</v>
      </c>
      <c r="AF21237">
        <v>48</v>
      </c>
      <c r="AG21237">
        <v>49</v>
      </c>
      <c r="AH21237">
        <v>50</v>
      </c>
      <c r="AI21237">
        <v>51</v>
      </c>
      <c r="AJ21237">
        <v>52</v>
      </c>
      <c r="AK21237">
        <v>54</v>
      </c>
      <c r="AL21237">
        <v>54</v>
      </c>
      <c r="AM21237">
        <v>55</v>
      </c>
      <c r="AN21237">
        <v>56</v>
      </c>
      <c r="AO21237">
        <v>57</v>
      </c>
      <c r="AP21237">
        <v>57</v>
      </c>
      <c r="AQ21237">
        <v>58</v>
      </c>
    </row>
    <row r="21238" spans="1:43">
      <c r="A21238" t="s">
        <v>13159</v>
      </c>
      <c r="B21238" t="s">
        <v>13160</v>
      </c>
      <c r="C21238" t="s">
        <v>13061</v>
      </c>
      <c r="D21238" t="s">
        <v>13062</v>
      </c>
      <c r="E21238" t="s">
        <v>13063</v>
      </c>
      <c r="F21238" t="s">
        <v>13064</v>
      </c>
      <c r="G21238" t="s">
        <v>10214</v>
      </c>
      <c r="H21238" t="s">
        <v>10215</v>
      </c>
      <c r="I21238" s="2">
        <v>1</v>
      </c>
      <c r="J21238" s="2">
        <v>0</v>
      </c>
      <c r="K21238" s="2">
        <v>0</v>
      </c>
      <c r="L21238" t="s">
        <v>120</v>
      </c>
      <c r="M21238" t="s">
        <v>83</v>
      </c>
      <c r="N21238" t="s">
        <v>84</v>
      </c>
      <c r="O21238" t="s">
        <v>85</v>
      </c>
      <c r="P21238" t="s">
        <v>86</v>
      </c>
      <c r="Q21238">
        <v>54</v>
      </c>
      <c r="R21238">
        <v>55</v>
      </c>
      <c r="S21238">
        <v>57</v>
      </c>
      <c r="T21238">
        <v>58</v>
      </c>
      <c r="U21238">
        <v>60</v>
      </c>
      <c r="V21238">
        <v>62</v>
      </c>
      <c r="W21238">
        <v>63</v>
      </c>
      <c r="X21238">
        <v>65</v>
      </c>
      <c r="Y21238">
        <v>66</v>
      </c>
      <c r="Z21238">
        <v>68</v>
      </c>
      <c r="AA21238">
        <v>70</v>
      </c>
      <c r="AB21238">
        <v>72</v>
      </c>
      <c r="AC21238">
        <v>73</v>
      </c>
      <c r="AD21238">
        <v>75</v>
      </c>
      <c r="AE21238">
        <v>77</v>
      </c>
      <c r="AF21238">
        <v>79</v>
      </c>
      <c r="AG21238">
        <v>81</v>
      </c>
      <c r="AH21238">
        <v>83</v>
      </c>
      <c r="AI21238">
        <v>85</v>
      </c>
      <c r="AJ21238">
        <v>87</v>
      </c>
      <c r="AK21238">
        <v>89</v>
      </c>
      <c r="AL21238">
        <v>90</v>
      </c>
      <c r="AM21238">
        <v>91</v>
      </c>
      <c r="AN21238">
        <v>93</v>
      </c>
      <c r="AO21238">
        <v>94</v>
      </c>
      <c r="AP21238">
        <v>95</v>
      </c>
      <c r="AQ21238">
        <v>96</v>
      </c>
    </row>
    <row r="21239" spans="1:43">
      <c r="A21239" t="s">
        <v>13159</v>
      </c>
      <c r="B21239" t="s">
        <v>13160</v>
      </c>
      <c r="C21239" t="s">
        <v>13061</v>
      </c>
      <c r="D21239" t="s">
        <v>13062</v>
      </c>
      <c r="E21239" t="s">
        <v>13063</v>
      </c>
      <c r="F21239" t="s">
        <v>13064</v>
      </c>
      <c r="G21239" t="s">
        <v>10214</v>
      </c>
      <c r="H21239" t="s">
        <v>10215</v>
      </c>
      <c r="I21239" s="2">
        <v>1</v>
      </c>
      <c r="J21239" s="2">
        <v>0</v>
      </c>
      <c r="K21239" s="2">
        <v>0</v>
      </c>
      <c r="L21239" t="s">
        <v>120</v>
      </c>
      <c r="M21239" t="s">
        <v>87</v>
      </c>
      <c r="N21239" t="s">
        <v>88</v>
      </c>
      <c r="O21239" t="s">
        <v>85</v>
      </c>
      <c r="P21239" t="s">
        <v>86</v>
      </c>
      <c r="Q21239">
        <v>54</v>
      </c>
      <c r="R21239">
        <v>55</v>
      </c>
      <c r="S21239">
        <v>56</v>
      </c>
      <c r="T21239">
        <v>57</v>
      </c>
      <c r="U21239">
        <v>58</v>
      </c>
      <c r="V21239">
        <v>59</v>
      </c>
      <c r="W21239">
        <v>60</v>
      </c>
      <c r="X21239">
        <v>61</v>
      </c>
      <c r="Y21239">
        <v>62</v>
      </c>
      <c r="Z21239">
        <v>64</v>
      </c>
      <c r="AA21239">
        <v>65</v>
      </c>
      <c r="AB21239">
        <v>66</v>
      </c>
      <c r="AC21239">
        <v>67</v>
      </c>
      <c r="AD21239">
        <v>68</v>
      </c>
      <c r="AE21239">
        <v>69</v>
      </c>
      <c r="AF21239">
        <v>70</v>
      </c>
      <c r="AG21239">
        <v>71</v>
      </c>
      <c r="AH21239">
        <v>73</v>
      </c>
      <c r="AI21239">
        <v>74</v>
      </c>
      <c r="AJ21239">
        <v>75</v>
      </c>
      <c r="AK21239">
        <v>76</v>
      </c>
      <c r="AL21239">
        <v>78</v>
      </c>
      <c r="AM21239">
        <v>79</v>
      </c>
      <c r="AN21239">
        <v>80</v>
      </c>
      <c r="AO21239">
        <v>82</v>
      </c>
      <c r="AP21239">
        <v>83</v>
      </c>
      <c r="AQ21239">
        <v>84</v>
      </c>
    </row>
    <row r="21240" spans="1:43">
      <c r="A21240" t="s">
        <v>13159</v>
      </c>
      <c r="B21240" t="s">
        <v>13160</v>
      </c>
      <c r="C21240" t="s">
        <v>13061</v>
      </c>
      <c r="D21240" t="s">
        <v>13062</v>
      </c>
      <c r="E21240" t="s">
        <v>13063</v>
      </c>
      <c r="F21240" t="s">
        <v>13064</v>
      </c>
      <c r="G21240" t="s">
        <v>10214</v>
      </c>
      <c r="H21240" t="s">
        <v>10215</v>
      </c>
      <c r="I21240" s="2">
        <v>1</v>
      </c>
      <c r="J21240" s="2">
        <v>0</v>
      </c>
      <c r="K21240" s="2">
        <v>0</v>
      </c>
      <c r="L21240" t="s">
        <v>120</v>
      </c>
      <c r="M21240" t="s">
        <v>89</v>
      </c>
      <c r="N21240" t="s">
        <v>90</v>
      </c>
      <c r="O21240" t="s">
        <v>85</v>
      </c>
      <c r="P21240" t="s">
        <v>86</v>
      </c>
      <c r="Q21240">
        <v>54</v>
      </c>
      <c r="R21240">
        <v>56</v>
      </c>
      <c r="S21240">
        <v>58</v>
      </c>
      <c r="T21240">
        <v>60</v>
      </c>
      <c r="U21240">
        <v>62</v>
      </c>
      <c r="V21240">
        <v>64</v>
      </c>
      <c r="W21240">
        <v>66</v>
      </c>
      <c r="X21240">
        <v>68</v>
      </c>
      <c r="Y21240">
        <v>70</v>
      </c>
      <c r="Z21240">
        <v>72</v>
      </c>
      <c r="AA21240">
        <v>74</v>
      </c>
      <c r="AB21240">
        <v>77</v>
      </c>
      <c r="AC21240">
        <v>79</v>
      </c>
      <c r="AD21240">
        <v>81</v>
      </c>
      <c r="AE21240">
        <v>83</v>
      </c>
      <c r="AF21240">
        <v>84</v>
      </c>
      <c r="AG21240">
        <v>85</v>
      </c>
      <c r="AH21240">
        <v>86</v>
      </c>
      <c r="AI21240">
        <v>87</v>
      </c>
      <c r="AJ21240">
        <v>88</v>
      </c>
      <c r="AK21240">
        <v>90</v>
      </c>
      <c r="AL21240">
        <v>91</v>
      </c>
      <c r="AM21240">
        <v>92</v>
      </c>
      <c r="AN21240">
        <v>93</v>
      </c>
      <c r="AO21240">
        <v>94</v>
      </c>
      <c r="AP21240">
        <v>96</v>
      </c>
      <c r="AQ21240">
        <v>97</v>
      </c>
    </row>
    <row r="21241" spans="1:43">
      <c r="A21241" t="s">
        <v>13159</v>
      </c>
      <c r="B21241" t="s">
        <v>13160</v>
      </c>
      <c r="C21241" t="s">
        <v>13061</v>
      </c>
      <c r="D21241" t="s">
        <v>13062</v>
      </c>
      <c r="E21241" t="s">
        <v>13063</v>
      </c>
      <c r="F21241" t="s">
        <v>13064</v>
      </c>
      <c r="G21241" t="s">
        <v>10214</v>
      </c>
      <c r="H21241" t="s">
        <v>10215</v>
      </c>
      <c r="I21241" s="2">
        <v>1</v>
      </c>
      <c r="J21241" s="2">
        <v>0</v>
      </c>
      <c r="K21241" s="2">
        <v>0</v>
      </c>
      <c r="L21241" t="s">
        <v>120</v>
      </c>
      <c r="M21241" t="s">
        <v>83</v>
      </c>
      <c r="N21241" t="s">
        <v>91</v>
      </c>
      <c r="O21241" t="s">
        <v>85</v>
      </c>
      <c r="P21241" t="s">
        <v>86</v>
      </c>
      <c r="Q21241">
        <v>54</v>
      </c>
      <c r="R21241">
        <v>55</v>
      </c>
      <c r="S21241">
        <v>57</v>
      </c>
      <c r="T21241">
        <v>58</v>
      </c>
      <c r="U21241">
        <v>60</v>
      </c>
      <c r="V21241">
        <v>62</v>
      </c>
      <c r="W21241">
        <v>63</v>
      </c>
      <c r="X21241">
        <v>65</v>
      </c>
      <c r="Y21241">
        <v>66</v>
      </c>
      <c r="Z21241">
        <v>68</v>
      </c>
      <c r="AA21241">
        <v>70</v>
      </c>
      <c r="AB21241">
        <v>72</v>
      </c>
      <c r="AC21241">
        <v>73</v>
      </c>
      <c r="AD21241">
        <v>75</v>
      </c>
      <c r="AE21241">
        <v>77</v>
      </c>
      <c r="AF21241">
        <v>79</v>
      </c>
      <c r="AG21241">
        <v>81</v>
      </c>
      <c r="AH21241">
        <v>83</v>
      </c>
      <c r="AI21241">
        <v>85</v>
      </c>
      <c r="AJ21241">
        <v>87</v>
      </c>
      <c r="AK21241">
        <v>89</v>
      </c>
      <c r="AL21241">
        <v>90</v>
      </c>
      <c r="AM21241">
        <v>91</v>
      </c>
      <c r="AN21241">
        <v>93</v>
      </c>
      <c r="AO21241">
        <v>94</v>
      </c>
      <c r="AP21241">
        <v>95</v>
      </c>
      <c r="AQ21241">
        <v>96</v>
      </c>
    </row>
    <row r="21242" spans="1:43">
      <c r="A21242" t="s">
        <v>13161</v>
      </c>
      <c r="B21242" t="s">
        <v>13162</v>
      </c>
      <c r="C21242" t="s">
        <v>13163</v>
      </c>
      <c r="D21242" t="s">
        <v>13164</v>
      </c>
      <c r="E21242" t="s">
        <v>13165</v>
      </c>
      <c r="F21242" t="s">
        <v>13166</v>
      </c>
      <c r="G21242" t="s">
        <v>10214</v>
      </c>
      <c r="H21242" t="s">
        <v>10215</v>
      </c>
      <c r="I21242" s="2">
        <v>1</v>
      </c>
      <c r="J21242" s="2">
        <v>0</v>
      </c>
      <c r="K21242" s="2">
        <v>0</v>
      </c>
      <c r="L21242" t="s">
        <v>120</v>
      </c>
      <c r="M21242" t="s">
        <v>83</v>
      </c>
      <c r="N21242" t="s">
        <v>84</v>
      </c>
      <c r="O21242" t="s">
        <v>85</v>
      </c>
      <c r="P21242" t="s">
        <v>86</v>
      </c>
      <c r="Q21242">
        <v>6</v>
      </c>
      <c r="R21242">
        <v>6</v>
      </c>
      <c r="S21242">
        <v>7</v>
      </c>
      <c r="T21242">
        <v>7</v>
      </c>
      <c r="U21242">
        <v>7</v>
      </c>
      <c r="V21242">
        <v>7</v>
      </c>
      <c r="W21242">
        <v>7</v>
      </c>
      <c r="X21242">
        <v>7</v>
      </c>
      <c r="Y21242">
        <v>8</v>
      </c>
      <c r="Z21242">
        <v>8</v>
      </c>
      <c r="AA21242">
        <v>8</v>
      </c>
      <c r="AB21242">
        <v>8</v>
      </c>
      <c r="AC21242">
        <v>8</v>
      </c>
      <c r="AD21242">
        <v>9</v>
      </c>
      <c r="AE21242">
        <v>9</v>
      </c>
      <c r="AF21242">
        <v>9</v>
      </c>
      <c r="AG21242">
        <v>9</v>
      </c>
      <c r="AH21242">
        <v>9</v>
      </c>
      <c r="AI21242">
        <v>10</v>
      </c>
      <c r="AJ21242">
        <v>10</v>
      </c>
      <c r="AK21242">
        <v>10</v>
      </c>
      <c r="AL21242">
        <v>10</v>
      </c>
      <c r="AM21242">
        <v>10</v>
      </c>
      <c r="AN21242">
        <v>11</v>
      </c>
      <c r="AO21242">
        <v>11</v>
      </c>
      <c r="AP21242">
        <v>11</v>
      </c>
      <c r="AQ21242">
        <v>11</v>
      </c>
    </row>
    <row r="21243" spans="1:43">
      <c r="A21243" t="s">
        <v>13161</v>
      </c>
      <c r="B21243" t="s">
        <v>13162</v>
      </c>
      <c r="C21243" t="s">
        <v>13163</v>
      </c>
      <c r="D21243" t="s">
        <v>13164</v>
      </c>
      <c r="E21243" t="s">
        <v>13165</v>
      </c>
      <c r="F21243" t="s">
        <v>13166</v>
      </c>
      <c r="G21243" t="s">
        <v>10214</v>
      </c>
      <c r="H21243" t="s">
        <v>10215</v>
      </c>
      <c r="I21243" s="2">
        <v>1</v>
      </c>
      <c r="J21243" s="2">
        <v>0</v>
      </c>
      <c r="K21243" s="2">
        <v>0</v>
      </c>
      <c r="L21243" t="s">
        <v>120</v>
      </c>
      <c r="M21243" t="s">
        <v>87</v>
      </c>
      <c r="N21243" t="s">
        <v>88</v>
      </c>
      <c r="O21243" t="s">
        <v>85</v>
      </c>
      <c r="P21243" t="s">
        <v>86</v>
      </c>
      <c r="Q21243">
        <v>6</v>
      </c>
      <c r="R21243">
        <v>6</v>
      </c>
      <c r="S21243">
        <v>6</v>
      </c>
      <c r="T21243">
        <v>6</v>
      </c>
      <c r="U21243">
        <v>7</v>
      </c>
      <c r="V21243">
        <v>7</v>
      </c>
      <c r="W21243">
        <v>7</v>
      </c>
      <c r="X21243">
        <v>7</v>
      </c>
      <c r="Y21243">
        <v>7</v>
      </c>
      <c r="Z21243">
        <v>7</v>
      </c>
      <c r="AA21243">
        <v>7</v>
      </c>
      <c r="AB21243">
        <v>7</v>
      </c>
      <c r="AC21243">
        <v>8</v>
      </c>
      <c r="AD21243">
        <v>8</v>
      </c>
      <c r="AE21243">
        <v>8</v>
      </c>
      <c r="AF21243">
        <v>8</v>
      </c>
      <c r="AG21243">
        <v>8</v>
      </c>
      <c r="AH21243">
        <v>8</v>
      </c>
      <c r="AI21243">
        <v>8</v>
      </c>
      <c r="AJ21243">
        <v>8</v>
      </c>
      <c r="AK21243">
        <v>9</v>
      </c>
      <c r="AL21243">
        <v>9</v>
      </c>
      <c r="AM21243">
        <v>9</v>
      </c>
      <c r="AN21243">
        <v>9</v>
      </c>
      <c r="AO21243">
        <v>9</v>
      </c>
      <c r="AP21243">
        <v>9</v>
      </c>
      <c r="AQ21243">
        <v>10</v>
      </c>
    </row>
    <row r="21244" spans="1:43">
      <c r="A21244" t="s">
        <v>13161</v>
      </c>
      <c r="B21244" t="s">
        <v>13162</v>
      </c>
      <c r="C21244" t="s">
        <v>13163</v>
      </c>
      <c r="D21244" t="s">
        <v>13164</v>
      </c>
      <c r="E21244" t="s">
        <v>13165</v>
      </c>
      <c r="F21244" t="s">
        <v>13166</v>
      </c>
      <c r="G21244" t="s">
        <v>10214</v>
      </c>
      <c r="H21244" t="s">
        <v>10215</v>
      </c>
      <c r="I21244" s="2">
        <v>1</v>
      </c>
      <c r="J21244" s="2">
        <v>0</v>
      </c>
      <c r="K21244" s="2">
        <v>0</v>
      </c>
      <c r="L21244" t="s">
        <v>120</v>
      </c>
      <c r="M21244" t="s">
        <v>89</v>
      </c>
      <c r="N21244" t="s">
        <v>90</v>
      </c>
      <c r="O21244" t="s">
        <v>85</v>
      </c>
      <c r="P21244" t="s">
        <v>86</v>
      </c>
      <c r="Q21244">
        <v>6</v>
      </c>
      <c r="R21244">
        <v>6</v>
      </c>
      <c r="S21244">
        <v>7</v>
      </c>
      <c r="T21244">
        <v>7</v>
      </c>
      <c r="U21244">
        <v>7</v>
      </c>
      <c r="V21244">
        <v>7</v>
      </c>
      <c r="W21244">
        <v>8</v>
      </c>
      <c r="X21244">
        <v>8</v>
      </c>
      <c r="Y21244">
        <v>8</v>
      </c>
      <c r="Z21244">
        <v>8</v>
      </c>
      <c r="AA21244">
        <v>8</v>
      </c>
      <c r="AB21244">
        <v>9</v>
      </c>
      <c r="AC21244">
        <v>9</v>
      </c>
      <c r="AD21244">
        <v>9</v>
      </c>
      <c r="AE21244">
        <v>9</v>
      </c>
      <c r="AF21244">
        <v>9</v>
      </c>
      <c r="AG21244">
        <v>10</v>
      </c>
      <c r="AH21244">
        <v>10</v>
      </c>
      <c r="AI21244">
        <v>10</v>
      </c>
      <c r="AJ21244">
        <v>10</v>
      </c>
      <c r="AK21244">
        <v>10</v>
      </c>
      <c r="AL21244">
        <v>10</v>
      </c>
      <c r="AM21244">
        <v>10</v>
      </c>
      <c r="AN21244">
        <v>11</v>
      </c>
      <c r="AO21244">
        <v>11</v>
      </c>
      <c r="AP21244">
        <v>11</v>
      </c>
      <c r="AQ21244">
        <v>11</v>
      </c>
    </row>
    <row r="21245" spans="1:43">
      <c r="A21245" t="s">
        <v>13161</v>
      </c>
      <c r="B21245" t="s">
        <v>13162</v>
      </c>
      <c r="C21245" t="s">
        <v>13163</v>
      </c>
      <c r="D21245" t="s">
        <v>13164</v>
      </c>
      <c r="E21245" t="s">
        <v>13165</v>
      </c>
      <c r="F21245" t="s">
        <v>13166</v>
      </c>
      <c r="G21245" t="s">
        <v>10214</v>
      </c>
      <c r="H21245" t="s">
        <v>10215</v>
      </c>
      <c r="I21245" s="2">
        <v>1</v>
      </c>
      <c r="J21245" s="2">
        <v>0</v>
      </c>
      <c r="K21245" s="2">
        <v>0</v>
      </c>
      <c r="L21245" t="s">
        <v>120</v>
      </c>
      <c r="M21245" t="s">
        <v>83</v>
      </c>
      <c r="N21245" t="s">
        <v>91</v>
      </c>
      <c r="O21245" t="s">
        <v>85</v>
      </c>
      <c r="P21245" t="s">
        <v>86</v>
      </c>
      <c r="Q21245">
        <v>6</v>
      </c>
      <c r="R21245">
        <v>6</v>
      </c>
      <c r="S21245">
        <v>7</v>
      </c>
      <c r="T21245">
        <v>7</v>
      </c>
      <c r="U21245">
        <v>7</v>
      </c>
      <c r="V21245">
        <v>7</v>
      </c>
      <c r="W21245">
        <v>7</v>
      </c>
      <c r="X21245">
        <v>7</v>
      </c>
      <c r="Y21245">
        <v>8</v>
      </c>
      <c r="Z21245">
        <v>8</v>
      </c>
      <c r="AA21245">
        <v>8</v>
      </c>
      <c r="AB21245">
        <v>8</v>
      </c>
      <c r="AC21245">
        <v>8</v>
      </c>
      <c r="AD21245">
        <v>9</v>
      </c>
      <c r="AE21245">
        <v>9</v>
      </c>
      <c r="AF21245">
        <v>9</v>
      </c>
      <c r="AG21245">
        <v>9</v>
      </c>
      <c r="AH21245">
        <v>9</v>
      </c>
      <c r="AI21245">
        <v>10</v>
      </c>
      <c r="AJ21245">
        <v>10</v>
      </c>
      <c r="AK21245">
        <v>10</v>
      </c>
      <c r="AL21245">
        <v>10</v>
      </c>
      <c r="AM21245">
        <v>10</v>
      </c>
      <c r="AN21245">
        <v>11</v>
      </c>
      <c r="AO21245">
        <v>11</v>
      </c>
      <c r="AP21245">
        <v>11</v>
      </c>
      <c r="AQ21245">
        <v>11</v>
      </c>
    </row>
    <row r="21246" spans="1:43">
      <c r="A21246" t="s">
        <v>13167</v>
      </c>
      <c r="B21246" t="s">
        <v>13168</v>
      </c>
      <c r="C21246" t="s">
        <v>13163</v>
      </c>
      <c r="D21246" t="s">
        <v>13164</v>
      </c>
      <c r="E21246" t="s">
        <v>13165</v>
      </c>
      <c r="F21246" t="s">
        <v>13166</v>
      </c>
      <c r="G21246" t="s">
        <v>10214</v>
      </c>
      <c r="H21246" t="s">
        <v>10215</v>
      </c>
      <c r="I21246" s="2">
        <v>1</v>
      </c>
      <c r="J21246" s="2">
        <v>0</v>
      </c>
      <c r="K21246" s="2">
        <v>0</v>
      </c>
      <c r="L21246" t="s">
        <v>120</v>
      </c>
      <c r="M21246" t="s">
        <v>83</v>
      </c>
      <c r="N21246" t="s">
        <v>84</v>
      </c>
      <c r="O21246" t="s">
        <v>85</v>
      </c>
      <c r="P21246" t="s">
        <v>86</v>
      </c>
      <c r="Q21246">
        <v>67</v>
      </c>
      <c r="R21246">
        <v>69</v>
      </c>
      <c r="S21246">
        <v>71</v>
      </c>
      <c r="T21246">
        <v>73</v>
      </c>
      <c r="U21246">
        <v>74</v>
      </c>
      <c r="V21246">
        <v>76</v>
      </c>
      <c r="W21246">
        <v>78</v>
      </c>
      <c r="X21246">
        <v>80</v>
      </c>
      <c r="Y21246">
        <v>82</v>
      </c>
      <c r="Z21246">
        <v>84</v>
      </c>
      <c r="AA21246">
        <v>86</v>
      </c>
      <c r="AB21246">
        <v>88</v>
      </c>
      <c r="AC21246">
        <v>91</v>
      </c>
      <c r="AD21246">
        <v>93</v>
      </c>
      <c r="AE21246">
        <v>95</v>
      </c>
      <c r="AF21246">
        <v>97</v>
      </c>
      <c r="AG21246">
        <v>100</v>
      </c>
      <c r="AH21246">
        <v>102</v>
      </c>
      <c r="AI21246">
        <v>104</v>
      </c>
      <c r="AJ21246">
        <v>107</v>
      </c>
      <c r="AK21246">
        <v>110</v>
      </c>
      <c r="AL21246">
        <v>112</v>
      </c>
      <c r="AM21246">
        <v>113</v>
      </c>
      <c r="AN21246">
        <v>115</v>
      </c>
      <c r="AO21246">
        <v>117</v>
      </c>
      <c r="AP21246">
        <v>118</v>
      </c>
      <c r="AQ21246">
        <v>120</v>
      </c>
    </row>
    <row r="21247" spans="1:43">
      <c r="A21247" t="s">
        <v>13167</v>
      </c>
      <c r="B21247" t="s">
        <v>13168</v>
      </c>
      <c r="C21247" t="s">
        <v>13163</v>
      </c>
      <c r="D21247" t="s">
        <v>13164</v>
      </c>
      <c r="E21247" t="s">
        <v>13165</v>
      </c>
      <c r="F21247" t="s">
        <v>13166</v>
      </c>
      <c r="G21247" t="s">
        <v>10214</v>
      </c>
      <c r="H21247" t="s">
        <v>10215</v>
      </c>
      <c r="I21247" s="2">
        <v>1</v>
      </c>
      <c r="J21247" s="2">
        <v>0</v>
      </c>
      <c r="K21247" s="2">
        <v>0</v>
      </c>
      <c r="L21247" t="s">
        <v>120</v>
      </c>
      <c r="M21247" t="s">
        <v>87</v>
      </c>
      <c r="N21247" t="s">
        <v>88</v>
      </c>
      <c r="O21247" t="s">
        <v>85</v>
      </c>
      <c r="P21247" t="s">
        <v>86</v>
      </c>
      <c r="Q21247">
        <v>67</v>
      </c>
      <c r="R21247">
        <v>69</v>
      </c>
      <c r="S21247">
        <v>70</v>
      </c>
      <c r="T21247">
        <v>71</v>
      </c>
      <c r="U21247">
        <v>72</v>
      </c>
      <c r="V21247">
        <v>73</v>
      </c>
      <c r="W21247">
        <v>75</v>
      </c>
      <c r="X21247">
        <v>76</v>
      </c>
      <c r="Y21247">
        <v>77</v>
      </c>
      <c r="Z21247">
        <v>78</v>
      </c>
      <c r="AA21247">
        <v>80</v>
      </c>
      <c r="AB21247">
        <v>81</v>
      </c>
      <c r="AC21247">
        <v>82</v>
      </c>
      <c r="AD21247">
        <v>84</v>
      </c>
      <c r="AE21247">
        <v>85</v>
      </c>
      <c r="AF21247">
        <v>87</v>
      </c>
      <c r="AG21247">
        <v>88</v>
      </c>
      <c r="AH21247">
        <v>90</v>
      </c>
      <c r="AI21247">
        <v>91</v>
      </c>
      <c r="AJ21247">
        <v>93</v>
      </c>
      <c r="AK21247">
        <v>94</v>
      </c>
      <c r="AL21247">
        <v>96</v>
      </c>
      <c r="AM21247">
        <v>98</v>
      </c>
      <c r="AN21247">
        <v>99</v>
      </c>
      <c r="AO21247">
        <v>101</v>
      </c>
      <c r="AP21247">
        <v>103</v>
      </c>
      <c r="AQ21247">
        <v>105</v>
      </c>
    </row>
    <row r="21248" spans="1:43">
      <c r="A21248" t="s">
        <v>13167</v>
      </c>
      <c r="B21248" t="s">
        <v>13168</v>
      </c>
      <c r="C21248" t="s">
        <v>13163</v>
      </c>
      <c r="D21248" t="s">
        <v>13164</v>
      </c>
      <c r="E21248" t="s">
        <v>13165</v>
      </c>
      <c r="F21248" t="s">
        <v>13166</v>
      </c>
      <c r="G21248" t="s">
        <v>10214</v>
      </c>
      <c r="H21248" t="s">
        <v>10215</v>
      </c>
      <c r="I21248" s="2">
        <v>1</v>
      </c>
      <c r="J21248" s="2">
        <v>0</v>
      </c>
      <c r="K21248" s="2">
        <v>0</v>
      </c>
      <c r="L21248" t="s">
        <v>120</v>
      </c>
      <c r="M21248" t="s">
        <v>89</v>
      </c>
      <c r="N21248" t="s">
        <v>90</v>
      </c>
      <c r="O21248" t="s">
        <v>85</v>
      </c>
      <c r="P21248" t="s">
        <v>86</v>
      </c>
      <c r="Q21248">
        <v>67</v>
      </c>
      <c r="R21248">
        <v>69</v>
      </c>
      <c r="S21248">
        <v>71</v>
      </c>
      <c r="T21248">
        <v>74</v>
      </c>
      <c r="U21248">
        <v>76</v>
      </c>
      <c r="V21248">
        <v>79</v>
      </c>
      <c r="W21248">
        <v>81</v>
      </c>
      <c r="X21248">
        <v>84</v>
      </c>
      <c r="Y21248">
        <v>86</v>
      </c>
      <c r="Z21248">
        <v>89</v>
      </c>
      <c r="AA21248">
        <v>91</v>
      </c>
      <c r="AB21248">
        <v>93</v>
      </c>
      <c r="AC21248">
        <v>96</v>
      </c>
      <c r="AD21248">
        <v>99</v>
      </c>
      <c r="AE21248">
        <v>101</v>
      </c>
      <c r="AF21248">
        <v>103</v>
      </c>
      <c r="AG21248">
        <v>104</v>
      </c>
      <c r="AH21248">
        <v>106</v>
      </c>
      <c r="AI21248">
        <v>107</v>
      </c>
      <c r="AJ21248">
        <v>109</v>
      </c>
      <c r="AK21248">
        <v>110</v>
      </c>
      <c r="AL21248">
        <v>112</v>
      </c>
      <c r="AM21248">
        <v>113</v>
      </c>
      <c r="AN21248">
        <v>115</v>
      </c>
      <c r="AO21248">
        <v>117</v>
      </c>
      <c r="AP21248">
        <v>119</v>
      </c>
      <c r="AQ21248">
        <v>120</v>
      </c>
    </row>
    <row r="21249" spans="1:43">
      <c r="A21249" t="s">
        <v>13167</v>
      </c>
      <c r="B21249" t="s">
        <v>13168</v>
      </c>
      <c r="C21249" t="s">
        <v>13163</v>
      </c>
      <c r="D21249" t="s">
        <v>13164</v>
      </c>
      <c r="E21249" t="s">
        <v>13165</v>
      </c>
      <c r="F21249" t="s">
        <v>13166</v>
      </c>
      <c r="G21249" t="s">
        <v>10214</v>
      </c>
      <c r="H21249" t="s">
        <v>10215</v>
      </c>
      <c r="I21249" s="2">
        <v>1</v>
      </c>
      <c r="J21249" s="2">
        <v>0</v>
      </c>
      <c r="K21249" s="2">
        <v>0</v>
      </c>
      <c r="L21249" t="s">
        <v>120</v>
      </c>
      <c r="M21249" t="s">
        <v>83</v>
      </c>
      <c r="N21249" t="s">
        <v>91</v>
      </c>
      <c r="O21249" t="s">
        <v>85</v>
      </c>
      <c r="P21249" t="s">
        <v>86</v>
      </c>
      <c r="Q21249">
        <v>67</v>
      </c>
      <c r="R21249">
        <v>69</v>
      </c>
      <c r="S21249">
        <v>71</v>
      </c>
      <c r="T21249">
        <v>73</v>
      </c>
      <c r="U21249">
        <v>74</v>
      </c>
      <c r="V21249">
        <v>76</v>
      </c>
      <c r="W21249">
        <v>78</v>
      </c>
      <c r="X21249">
        <v>80</v>
      </c>
      <c r="Y21249">
        <v>82</v>
      </c>
      <c r="Z21249">
        <v>84</v>
      </c>
      <c r="AA21249">
        <v>86</v>
      </c>
      <c r="AB21249">
        <v>88</v>
      </c>
      <c r="AC21249">
        <v>91</v>
      </c>
      <c r="AD21249">
        <v>93</v>
      </c>
      <c r="AE21249">
        <v>95</v>
      </c>
      <c r="AF21249">
        <v>97</v>
      </c>
      <c r="AG21249">
        <v>100</v>
      </c>
      <c r="AH21249">
        <v>102</v>
      </c>
      <c r="AI21249">
        <v>104</v>
      </c>
      <c r="AJ21249">
        <v>107</v>
      </c>
      <c r="AK21249">
        <v>110</v>
      </c>
      <c r="AL21249">
        <v>112</v>
      </c>
      <c r="AM21249">
        <v>113</v>
      </c>
      <c r="AN21249">
        <v>115</v>
      </c>
      <c r="AO21249">
        <v>117</v>
      </c>
      <c r="AP21249">
        <v>118</v>
      </c>
      <c r="AQ21249">
        <v>120</v>
      </c>
    </row>
    <row r="21250" spans="1:43">
      <c r="A21250" t="s">
        <v>13169</v>
      </c>
      <c r="B21250" t="s">
        <v>13170</v>
      </c>
      <c r="C21250" t="s">
        <v>13163</v>
      </c>
      <c r="D21250" t="s">
        <v>13164</v>
      </c>
      <c r="E21250" t="s">
        <v>13165</v>
      </c>
      <c r="F21250" t="s">
        <v>13166</v>
      </c>
      <c r="G21250" t="s">
        <v>10214</v>
      </c>
      <c r="H21250" t="s">
        <v>10215</v>
      </c>
      <c r="I21250" s="2">
        <v>1</v>
      </c>
      <c r="J21250" s="2">
        <v>0</v>
      </c>
      <c r="K21250" s="2">
        <v>0</v>
      </c>
      <c r="L21250" t="s">
        <v>120</v>
      </c>
      <c r="M21250" t="s">
        <v>83</v>
      </c>
      <c r="N21250" t="s">
        <v>84</v>
      </c>
      <c r="O21250" t="s">
        <v>85</v>
      </c>
      <c r="P21250" t="s">
        <v>86</v>
      </c>
      <c r="Q21250">
        <v>41</v>
      </c>
      <c r="R21250">
        <v>43</v>
      </c>
      <c r="S21250">
        <v>44</v>
      </c>
      <c r="T21250">
        <v>45</v>
      </c>
      <c r="U21250">
        <v>46</v>
      </c>
      <c r="V21250">
        <v>47</v>
      </c>
      <c r="W21250">
        <v>48</v>
      </c>
      <c r="X21250">
        <v>50</v>
      </c>
      <c r="Y21250">
        <v>51</v>
      </c>
      <c r="Z21250">
        <v>52</v>
      </c>
      <c r="AA21250">
        <v>53</v>
      </c>
      <c r="AB21250">
        <v>55</v>
      </c>
      <c r="AC21250">
        <v>56</v>
      </c>
      <c r="AD21250">
        <v>57</v>
      </c>
      <c r="AE21250">
        <v>59</v>
      </c>
      <c r="AF21250">
        <v>60</v>
      </c>
      <c r="AG21250">
        <v>61</v>
      </c>
      <c r="AH21250">
        <v>63</v>
      </c>
      <c r="AI21250">
        <v>64</v>
      </c>
      <c r="AJ21250">
        <v>66</v>
      </c>
      <c r="AK21250">
        <v>68</v>
      </c>
      <c r="AL21250">
        <v>69</v>
      </c>
      <c r="AM21250">
        <v>70</v>
      </c>
      <c r="AN21250">
        <v>71</v>
      </c>
      <c r="AO21250">
        <v>72</v>
      </c>
      <c r="AP21250">
        <v>73</v>
      </c>
      <c r="AQ21250">
        <v>74</v>
      </c>
    </row>
    <row r="21251" spans="1:43">
      <c r="A21251" t="s">
        <v>13169</v>
      </c>
      <c r="B21251" t="s">
        <v>13170</v>
      </c>
      <c r="C21251" t="s">
        <v>13163</v>
      </c>
      <c r="D21251" t="s">
        <v>13164</v>
      </c>
      <c r="E21251" t="s">
        <v>13165</v>
      </c>
      <c r="F21251" t="s">
        <v>13166</v>
      </c>
      <c r="G21251" t="s">
        <v>10214</v>
      </c>
      <c r="H21251" t="s">
        <v>10215</v>
      </c>
      <c r="I21251" s="2">
        <v>1</v>
      </c>
      <c r="J21251" s="2">
        <v>0</v>
      </c>
      <c r="K21251" s="2">
        <v>0</v>
      </c>
      <c r="L21251" t="s">
        <v>120</v>
      </c>
      <c r="M21251" t="s">
        <v>87</v>
      </c>
      <c r="N21251" t="s">
        <v>88</v>
      </c>
      <c r="O21251" t="s">
        <v>85</v>
      </c>
      <c r="P21251" t="s">
        <v>86</v>
      </c>
      <c r="Q21251">
        <v>41</v>
      </c>
      <c r="R21251">
        <v>42</v>
      </c>
      <c r="S21251">
        <v>42</v>
      </c>
      <c r="T21251">
        <v>43</v>
      </c>
      <c r="U21251">
        <v>44</v>
      </c>
      <c r="V21251">
        <v>45</v>
      </c>
      <c r="W21251">
        <v>45</v>
      </c>
      <c r="X21251">
        <v>46</v>
      </c>
      <c r="Y21251">
        <v>47</v>
      </c>
      <c r="Z21251">
        <v>48</v>
      </c>
      <c r="AA21251">
        <v>49</v>
      </c>
      <c r="AB21251">
        <v>49</v>
      </c>
      <c r="AC21251">
        <v>50</v>
      </c>
      <c r="AD21251">
        <v>51</v>
      </c>
      <c r="AE21251">
        <v>52</v>
      </c>
      <c r="AF21251">
        <v>53</v>
      </c>
      <c r="AG21251">
        <v>54</v>
      </c>
      <c r="AH21251">
        <v>55</v>
      </c>
      <c r="AI21251">
        <v>56</v>
      </c>
      <c r="AJ21251">
        <v>57</v>
      </c>
      <c r="AK21251">
        <v>58</v>
      </c>
      <c r="AL21251">
        <v>59</v>
      </c>
      <c r="AM21251">
        <v>60</v>
      </c>
      <c r="AN21251">
        <v>61</v>
      </c>
      <c r="AO21251">
        <v>62</v>
      </c>
      <c r="AP21251">
        <v>63</v>
      </c>
      <c r="AQ21251">
        <v>64</v>
      </c>
    </row>
    <row r="21252" spans="1:43">
      <c r="A21252" t="s">
        <v>13169</v>
      </c>
      <c r="B21252" t="s">
        <v>13170</v>
      </c>
      <c r="C21252" t="s">
        <v>13163</v>
      </c>
      <c r="D21252" t="s">
        <v>13164</v>
      </c>
      <c r="E21252" t="s">
        <v>13165</v>
      </c>
      <c r="F21252" t="s">
        <v>13166</v>
      </c>
      <c r="G21252" t="s">
        <v>10214</v>
      </c>
      <c r="H21252" t="s">
        <v>10215</v>
      </c>
      <c r="I21252" s="2">
        <v>1</v>
      </c>
      <c r="J21252" s="2">
        <v>0</v>
      </c>
      <c r="K21252" s="2">
        <v>0</v>
      </c>
      <c r="L21252" t="s">
        <v>120</v>
      </c>
      <c r="M21252" t="s">
        <v>89</v>
      </c>
      <c r="N21252" t="s">
        <v>90</v>
      </c>
      <c r="O21252" t="s">
        <v>85</v>
      </c>
      <c r="P21252" t="s">
        <v>86</v>
      </c>
      <c r="Q21252">
        <v>41</v>
      </c>
      <c r="R21252">
        <v>42</v>
      </c>
      <c r="S21252">
        <v>44</v>
      </c>
      <c r="T21252">
        <v>45</v>
      </c>
      <c r="U21252">
        <v>47</v>
      </c>
      <c r="V21252">
        <v>48</v>
      </c>
      <c r="W21252">
        <v>50</v>
      </c>
      <c r="X21252">
        <v>51</v>
      </c>
      <c r="Y21252">
        <v>53</v>
      </c>
      <c r="Z21252">
        <v>54</v>
      </c>
      <c r="AA21252">
        <v>56</v>
      </c>
      <c r="AB21252">
        <v>57</v>
      </c>
      <c r="AC21252">
        <v>59</v>
      </c>
      <c r="AD21252">
        <v>61</v>
      </c>
      <c r="AE21252">
        <v>62</v>
      </c>
      <c r="AF21252">
        <v>63</v>
      </c>
      <c r="AG21252">
        <v>64</v>
      </c>
      <c r="AH21252">
        <v>65</v>
      </c>
      <c r="AI21252">
        <v>66</v>
      </c>
      <c r="AJ21252">
        <v>67</v>
      </c>
      <c r="AK21252">
        <v>68</v>
      </c>
      <c r="AL21252">
        <v>69</v>
      </c>
      <c r="AM21252">
        <v>70</v>
      </c>
      <c r="AN21252">
        <v>71</v>
      </c>
      <c r="AO21252">
        <v>72</v>
      </c>
      <c r="AP21252">
        <v>73</v>
      </c>
      <c r="AQ21252">
        <v>74</v>
      </c>
    </row>
    <row r="21253" spans="1:43">
      <c r="A21253" t="s">
        <v>13169</v>
      </c>
      <c r="B21253" t="s">
        <v>13170</v>
      </c>
      <c r="C21253" t="s">
        <v>13163</v>
      </c>
      <c r="D21253" t="s">
        <v>13164</v>
      </c>
      <c r="E21253" t="s">
        <v>13165</v>
      </c>
      <c r="F21253" t="s">
        <v>13166</v>
      </c>
      <c r="G21253" t="s">
        <v>10214</v>
      </c>
      <c r="H21253" t="s">
        <v>10215</v>
      </c>
      <c r="I21253" s="2">
        <v>1</v>
      </c>
      <c r="J21253" s="2">
        <v>0</v>
      </c>
      <c r="K21253" s="2">
        <v>0</v>
      </c>
      <c r="L21253" t="s">
        <v>120</v>
      </c>
      <c r="M21253" t="s">
        <v>83</v>
      </c>
      <c r="N21253" t="s">
        <v>91</v>
      </c>
      <c r="O21253" t="s">
        <v>85</v>
      </c>
      <c r="P21253" t="s">
        <v>86</v>
      </c>
      <c r="Q21253">
        <v>41</v>
      </c>
      <c r="R21253">
        <v>43</v>
      </c>
      <c r="S21253">
        <v>44</v>
      </c>
      <c r="T21253">
        <v>45</v>
      </c>
      <c r="U21253">
        <v>46</v>
      </c>
      <c r="V21253">
        <v>47</v>
      </c>
      <c r="W21253">
        <v>48</v>
      </c>
      <c r="X21253">
        <v>50</v>
      </c>
      <c r="Y21253">
        <v>51</v>
      </c>
      <c r="Z21253">
        <v>52</v>
      </c>
      <c r="AA21253">
        <v>53</v>
      </c>
      <c r="AB21253">
        <v>55</v>
      </c>
      <c r="AC21253">
        <v>56</v>
      </c>
      <c r="AD21253">
        <v>57</v>
      </c>
      <c r="AE21253">
        <v>59</v>
      </c>
      <c r="AF21253">
        <v>60</v>
      </c>
      <c r="AG21253">
        <v>61</v>
      </c>
      <c r="AH21253">
        <v>63</v>
      </c>
      <c r="AI21253">
        <v>64</v>
      </c>
      <c r="AJ21253">
        <v>66</v>
      </c>
      <c r="AK21253">
        <v>68</v>
      </c>
      <c r="AL21253">
        <v>69</v>
      </c>
      <c r="AM21253">
        <v>70</v>
      </c>
      <c r="AN21253">
        <v>71</v>
      </c>
      <c r="AO21253">
        <v>72</v>
      </c>
      <c r="AP21253">
        <v>73</v>
      </c>
      <c r="AQ21253">
        <v>74</v>
      </c>
    </row>
    <row r="21254" spans="1:43">
      <c r="A21254" t="s">
        <v>13171</v>
      </c>
      <c r="B21254" t="s">
        <v>13172</v>
      </c>
      <c r="C21254" t="s">
        <v>13163</v>
      </c>
      <c r="D21254" t="s">
        <v>13164</v>
      </c>
      <c r="E21254" t="s">
        <v>13165</v>
      </c>
      <c r="F21254" t="s">
        <v>13166</v>
      </c>
      <c r="G21254" t="s">
        <v>10214</v>
      </c>
      <c r="H21254" t="s">
        <v>10215</v>
      </c>
      <c r="I21254" s="2">
        <v>1</v>
      </c>
      <c r="J21254" s="2">
        <v>0</v>
      </c>
      <c r="K21254" s="2">
        <v>0</v>
      </c>
      <c r="L21254" t="s">
        <v>120</v>
      </c>
      <c r="M21254" t="s">
        <v>83</v>
      </c>
      <c r="N21254" t="s">
        <v>84</v>
      </c>
      <c r="O21254" t="s">
        <v>85</v>
      </c>
      <c r="P21254" t="s">
        <v>86</v>
      </c>
      <c r="Q21254">
        <v>9</v>
      </c>
      <c r="R21254">
        <v>9</v>
      </c>
      <c r="S21254">
        <v>9</v>
      </c>
      <c r="T21254">
        <v>9</v>
      </c>
      <c r="U21254">
        <v>10</v>
      </c>
      <c r="V21254">
        <v>10</v>
      </c>
      <c r="W21254">
        <v>10</v>
      </c>
      <c r="X21254">
        <v>10</v>
      </c>
      <c r="Y21254">
        <v>11</v>
      </c>
      <c r="Z21254">
        <v>11</v>
      </c>
      <c r="AA21254">
        <v>11</v>
      </c>
      <c r="AB21254">
        <v>12</v>
      </c>
      <c r="AC21254">
        <v>12</v>
      </c>
      <c r="AD21254">
        <v>12</v>
      </c>
      <c r="AE21254">
        <v>12</v>
      </c>
      <c r="AF21254">
        <v>13</v>
      </c>
      <c r="AG21254">
        <v>13</v>
      </c>
      <c r="AH21254">
        <v>13</v>
      </c>
      <c r="AI21254">
        <v>14</v>
      </c>
      <c r="AJ21254">
        <v>14</v>
      </c>
      <c r="AK21254">
        <v>14</v>
      </c>
      <c r="AL21254">
        <v>15</v>
      </c>
      <c r="AM21254">
        <v>15</v>
      </c>
      <c r="AN21254">
        <v>15</v>
      </c>
      <c r="AO21254">
        <v>15</v>
      </c>
      <c r="AP21254">
        <v>15</v>
      </c>
      <c r="AQ21254">
        <v>16</v>
      </c>
    </row>
    <row r="21255" spans="1:43">
      <c r="A21255" t="s">
        <v>13171</v>
      </c>
      <c r="B21255" t="s">
        <v>13172</v>
      </c>
      <c r="C21255" t="s">
        <v>13163</v>
      </c>
      <c r="D21255" t="s">
        <v>13164</v>
      </c>
      <c r="E21255" t="s">
        <v>13165</v>
      </c>
      <c r="F21255" t="s">
        <v>13166</v>
      </c>
      <c r="G21255" t="s">
        <v>10214</v>
      </c>
      <c r="H21255" t="s">
        <v>10215</v>
      </c>
      <c r="I21255" s="2">
        <v>1</v>
      </c>
      <c r="J21255" s="2">
        <v>0</v>
      </c>
      <c r="K21255" s="2">
        <v>0</v>
      </c>
      <c r="L21255" t="s">
        <v>120</v>
      </c>
      <c r="M21255" t="s">
        <v>87</v>
      </c>
      <c r="N21255" t="s">
        <v>88</v>
      </c>
      <c r="O21255" t="s">
        <v>85</v>
      </c>
      <c r="P21255" t="s">
        <v>86</v>
      </c>
      <c r="Q21255">
        <v>9</v>
      </c>
      <c r="R21255">
        <v>9</v>
      </c>
      <c r="S21255">
        <v>9</v>
      </c>
      <c r="T21255">
        <v>9</v>
      </c>
      <c r="U21255">
        <v>9</v>
      </c>
      <c r="V21255">
        <v>9</v>
      </c>
      <c r="W21255">
        <v>10</v>
      </c>
      <c r="X21255">
        <v>10</v>
      </c>
      <c r="Y21255">
        <v>10</v>
      </c>
      <c r="Z21255">
        <v>10</v>
      </c>
      <c r="AA21255">
        <v>10</v>
      </c>
      <c r="AB21255">
        <v>10</v>
      </c>
      <c r="AC21255">
        <v>11</v>
      </c>
      <c r="AD21255">
        <v>11</v>
      </c>
      <c r="AE21255">
        <v>11</v>
      </c>
      <c r="AF21255">
        <v>11</v>
      </c>
      <c r="AG21255">
        <v>11</v>
      </c>
      <c r="AH21255">
        <v>12</v>
      </c>
      <c r="AI21255">
        <v>12</v>
      </c>
      <c r="AJ21255">
        <v>12</v>
      </c>
      <c r="AK21255">
        <v>12</v>
      </c>
      <c r="AL21255">
        <v>12</v>
      </c>
      <c r="AM21255">
        <v>13</v>
      </c>
      <c r="AN21255">
        <v>13</v>
      </c>
      <c r="AO21255">
        <v>13</v>
      </c>
      <c r="AP21255">
        <v>13</v>
      </c>
      <c r="AQ21255">
        <v>14</v>
      </c>
    </row>
    <row r="21256" spans="1:43">
      <c r="A21256" t="s">
        <v>13171</v>
      </c>
      <c r="B21256" t="s">
        <v>13172</v>
      </c>
      <c r="C21256" t="s">
        <v>13163</v>
      </c>
      <c r="D21256" t="s">
        <v>13164</v>
      </c>
      <c r="E21256" t="s">
        <v>13165</v>
      </c>
      <c r="F21256" t="s">
        <v>13166</v>
      </c>
      <c r="G21256" t="s">
        <v>10214</v>
      </c>
      <c r="H21256" t="s">
        <v>10215</v>
      </c>
      <c r="I21256" s="2">
        <v>1</v>
      </c>
      <c r="J21256" s="2">
        <v>0</v>
      </c>
      <c r="K21256" s="2">
        <v>0</v>
      </c>
      <c r="L21256" t="s">
        <v>120</v>
      </c>
      <c r="M21256" t="s">
        <v>89</v>
      </c>
      <c r="N21256" t="s">
        <v>90</v>
      </c>
      <c r="O21256" t="s">
        <v>85</v>
      </c>
      <c r="P21256" t="s">
        <v>86</v>
      </c>
      <c r="Q21256">
        <v>9</v>
      </c>
      <c r="R21256">
        <v>9</v>
      </c>
      <c r="S21256">
        <v>9</v>
      </c>
      <c r="T21256">
        <v>10</v>
      </c>
      <c r="U21256">
        <v>10</v>
      </c>
      <c r="V21256">
        <v>10</v>
      </c>
      <c r="W21256">
        <v>11</v>
      </c>
      <c r="X21256">
        <v>11</v>
      </c>
      <c r="Y21256">
        <v>11</v>
      </c>
      <c r="Z21256">
        <v>12</v>
      </c>
      <c r="AA21256">
        <v>12</v>
      </c>
      <c r="AB21256">
        <v>12</v>
      </c>
      <c r="AC21256">
        <v>13</v>
      </c>
      <c r="AD21256">
        <v>13</v>
      </c>
      <c r="AE21256">
        <v>13</v>
      </c>
      <c r="AF21256">
        <v>14</v>
      </c>
      <c r="AG21256">
        <v>14</v>
      </c>
      <c r="AH21256">
        <v>14</v>
      </c>
      <c r="AI21256">
        <v>14</v>
      </c>
      <c r="AJ21256">
        <v>14</v>
      </c>
      <c r="AK21256">
        <v>15</v>
      </c>
      <c r="AL21256">
        <v>15</v>
      </c>
      <c r="AM21256">
        <v>15</v>
      </c>
      <c r="AN21256">
        <v>15</v>
      </c>
      <c r="AO21256">
        <v>15</v>
      </c>
      <c r="AP21256">
        <v>16</v>
      </c>
      <c r="AQ21256">
        <v>16</v>
      </c>
    </row>
    <row r="21257" spans="1:43">
      <c r="A21257" t="s">
        <v>13171</v>
      </c>
      <c r="B21257" t="s">
        <v>13172</v>
      </c>
      <c r="C21257" t="s">
        <v>13163</v>
      </c>
      <c r="D21257" t="s">
        <v>13164</v>
      </c>
      <c r="E21257" t="s">
        <v>13165</v>
      </c>
      <c r="F21257" t="s">
        <v>13166</v>
      </c>
      <c r="G21257" t="s">
        <v>10214</v>
      </c>
      <c r="H21257" t="s">
        <v>10215</v>
      </c>
      <c r="I21257" s="2">
        <v>1</v>
      </c>
      <c r="J21257" s="2">
        <v>0</v>
      </c>
      <c r="K21257" s="2">
        <v>0</v>
      </c>
      <c r="L21257" t="s">
        <v>120</v>
      </c>
      <c r="M21257" t="s">
        <v>83</v>
      </c>
      <c r="N21257" t="s">
        <v>91</v>
      </c>
      <c r="O21257" t="s">
        <v>85</v>
      </c>
      <c r="P21257" t="s">
        <v>86</v>
      </c>
      <c r="Q21257">
        <v>9</v>
      </c>
      <c r="R21257">
        <v>9</v>
      </c>
      <c r="S21257">
        <v>9</v>
      </c>
      <c r="T21257">
        <v>9</v>
      </c>
      <c r="U21257">
        <v>10</v>
      </c>
      <c r="V21257">
        <v>10</v>
      </c>
      <c r="W21257">
        <v>10</v>
      </c>
      <c r="X21257">
        <v>10</v>
      </c>
      <c r="Y21257">
        <v>11</v>
      </c>
      <c r="Z21257">
        <v>11</v>
      </c>
      <c r="AA21257">
        <v>11</v>
      </c>
      <c r="AB21257">
        <v>12</v>
      </c>
      <c r="AC21257">
        <v>12</v>
      </c>
      <c r="AD21257">
        <v>12</v>
      </c>
      <c r="AE21257">
        <v>12</v>
      </c>
      <c r="AF21257">
        <v>13</v>
      </c>
      <c r="AG21257">
        <v>13</v>
      </c>
      <c r="AH21257">
        <v>13</v>
      </c>
      <c r="AI21257">
        <v>14</v>
      </c>
      <c r="AJ21257">
        <v>14</v>
      </c>
      <c r="AK21257">
        <v>14</v>
      </c>
      <c r="AL21257">
        <v>15</v>
      </c>
      <c r="AM21257">
        <v>15</v>
      </c>
      <c r="AN21257">
        <v>15</v>
      </c>
      <c r="AO21257">
        <v>15</v>
      </c>
      <c r="AP21257">
        <v>15</v>
      </c>
      <c r="AQ21257">
        <v>16</v>
      </c>
    </row>
    <row r="21258" spans="1:43">
      <c r="A21258" t="s">
        <v>13173</v>
      </c>
      <c r="B21258" t="s">
        <v>13174</v>
      </c>
      <c r="C21258" t="s">
        <v>13175</v>
      </c>
      <c r="D21258" t="s">
        <v>13176</v>
      </c>
      <c r="E21258" t="s">
        <v>13165</v>
      </c>
      <c r="F21258" t="s">
        <v>13166</v>
      </c>
      <c r="G21258" t="s">
        <v>10214</v>
      </c>
      <c r="H21258" t="s">
        <v>10215</v>
      </c>
      <c r="I21258" s="2">
        <v>1</v>
      </c>
      <c r="J21258" s="2">
        <v>0</v>
      </c>
      <c r="K21258" s="2">
        <v>0</v>
      </c>
      <c r="L21258" t="s">
        <v>120</v>
      </c>
      <c r="M21258" t="s">
        <v>83</v>
      </c>
      <c r="N21258" t="s">
        <v>84</v>
      </c>
      <c r="O21258" t="s">
        <v>85</v>
      </c>
      <c r="P21258" t="s">
        <v>86</v>
      </c>
      <c r="Q21258">
        <v>36</v>
      </c>
      <c r="R21258">
        <v>37</v>
      </c>
      <c r="S21258">
        <v>38</v>
      </c>
      <c r="T21258">
        <v>39</v>
      </c>
      <c r="U21258">
        <v>40</v>
      </c>
      <c r="V21258">
        <v>41</v>
      </c>
      <c r="W21258">
        <v>42</v>
      </c>
      <c r="X21258">
        <v>43</v>
      </c>
      <c r="Y21258">
        <v>44</v>
      </c>
      <c r="Z21258">
        <v>45</v>
      </c>
      <c r="AA21258">
        <v>46</v>
      </c>
      <c r="AB21258">
        <v>47</v>
      </c>
      <c r="AC21258">
        <v>48</v>
      </c>
      <c r="AD21258">
        <v>50</v>
      </c>
      <c r="AE21258">
        <v>51</v>
      </c>
      <c r="AF21258">
        <v>52</v>
      </c>
      <c r="AG21258">
        <v>53</v>
      </c>
      <c r="AH21258">
        <v>55</v>
      </c>
      <c r="AI21258">
        <v>56</v>
      </c>
      <c r="AJ21258">
        <v>57</v>
      </c>
      <c r="AK21258">
        <v>59</v>
      </c>
      <c r="AL21258">
        <v>60</v>
      </c>
      <c r="AM21258">
        <v>60</v>
      </c>
      <c r="AN21258">
        <v>61</v>
      </c>
      <c r="AO21258">
        <v>62</v>
      </c>
      <c r="AP21258">
        <v>63</v>
      </c>
      <c r="AQ21258">
        <v>64</v>
      </c>
    </row>
    <row r="21259" spans="1:43">
      <c r="A21259" t="s">
        <v>13173</v>
      </c>
      <c r="B21259" t="s">
        <v>13174</v>
      </c>
      <c r="C21259" t="s">
        <v>13175</v>
      </c>
      <c r="D21259" t="s">
        <v>13176</v>
      </c>
      <c r="E21259" t="s">
        <v>13165</v>
      </c>
      <c r="F21259" t="s">
        <v>13166</v>
      </c>
      <c r="G21259" t="s">
        <v>10214</v>
      </c>
      <c r="H21259" t="s">
        <v>10215</v>
      </c>
      <c r="I21259" s="2">
        <v>1</v>
      </c>
      <c r="J21259" s="2">
        <v>0</v>
      </c>
      <c r="K21259" s="2">
        <v>0</v>
      </c>
      <c r="L21259" t="s">
        <v>120</v>
      </c>
      <c r="M21259" t="s">
        <v>87</v>
      </c>
      <c r="N21259" t="s">
        <v>88</v>
      </c>
      <c r="O21259" t="s">
        <v>85</v>
      </c>
      <c r="P21259" t="s">
        <v>86</v>
      </c>
      <c r="Q21259">
        <v>36</v>
      </c>
      <c r="R21259">
        <v>36</v>
      </c>
      <c r="S21259">
        <v>37</v>
      </c>
      <c r="T21259">
        <v>37</v>
      </c>
      <c r="U21259">
        <v>38</v>
      </c>
      <c r="V21259">
        <v>39</v>
      </c>
      <c r="W21259">
        <v>39</v>
      </c>
      <c r="X21259">
        <v>40</v>
      </c>
      <c r="Y21259">
        <v>41</v>
      </c>
      <c r="Z21259">
        <v>41</v>
      </c>
      <c r="AA21259">
        <v>42</v>
      </c>
      <c r="AB21259">
        <v>43</v>
      </c>
      <c r="AC21259">
        <v>44</v>
      </c>
      <c r="AD21259">
        <v>44</v>
      </c>
      <c r="AE21259">
        <v>45</v>
      </c>
      <c r="AF21259">
        <v>46</v>
      </c>
      <c r="AG21259">
        <v>47</v>
      </c>
      <c r="AH21259">
        <v>48</v>
      </c>
      <c r="AI21259">
        <v>48</v>
      </c>
      <c r="AJ21259">
        <v>49</v>
      </c>
      <c r="AK21259">
        <v>50</v>
      </c>
      <c r="AL21259">
        <v>51</v>
      </c>
      <c r="AM21259">
        <v>52</v>
      </c>
      <c r="AN21259">
        <v>53</v>
      </c>
      <c r="AO21259">
        <v>54</v>
      </c>
      <c r="AP21259">
        <v>55</v>
      </c>
      <c r="AQ21259">
        <v>56</v>
      </c>
    </row>
    <row r="21260" spans="1:43">
      <c r="A21260" t="s">
        <v>13173</v>
      </c>
      <c r="B21260" t="s">
        <v>13174</v>
      </c>
      <c r="C21260" t="s">
        <v>13175</v>
      </c>
      <c r="D21260" t="s">
        <v>13176</v>
      </c>
      <c r="E21260" t="s">
        <v>13165</v>
      </c>
      <c r="F21260" t="s">
        <v>13166</v>
      </c>
      <c r="G21260" t="s">
        <v>10214</v>
      </c>
      <c r="H21260" t="s">
        <v>10215</v>
      </c>
      <c r="I21260" s="2">
        <v>1</v>
      </c>
      <c r="J21260" s="2">
        <v>0</v>
      </c>
      <c r="K21260" s="2">
        <v>0</v>
      </c>
      <c r="L21260" t="s">
        <v>120</v>
      </c>
      <c r="M21260" t="s">
        <v>89</v>
      </c>
      <c r="N21260" t="s">
        <v>90</v>
      </c>
      <c r="O21260" t="s">
        <v>85</v>
      </c>
      <c r="P21260" t="s">
        <v>86</v>
      </c>
      <c r="Q21260">
        <v>36</v>
      </c>
      <c r="R21260">
        <v>38</v>
      </c>
      <c r="S21260">
        <v>39</v>
      </c>
      <c r="T21260">
        <v>40</v>
      </c>
      <c r="U21260">
        <v>41</v>
      </c>
      <c r="V21260">
        <v>43</v>
      </c>
      <c r="W21260">
        <v>44</v>
      </c>
      <c r="X21260">
        <v>45</v>
      </c>
      <c r="Y21260">
        <v>47</v>
      </c>
      <c r="Z21260">
        <v>48</v>
      </c>
      <c r="AA21260">
        <v>49</v>
      </c>
      <c r="AB21260">
        <v>51</v>
      </c>
      <c r="AC21260">
        <v>52</v>
      </c>
      <c r="AD21260">
        <v>53</v>
      </c>
      <c r="AE21260">
        <v>55</v>
      </c>
      <c r="AF21260">
        <v>55</v>
      </c>
      <c r="AG21260">
        <v>56</v>
      </c>
      <c r="AH21260">
        <v>57</v>
      </c>
      <c r="AI21260">
        <v>58</v>
      </c>
      <c r="AJ21260">
        <v>58</v>
      </c>
      <c r="AK21260">
        <v>59</v>
      </c>
      <c r="AL21260">
        <v>60</v>
      </c>
      <c r="AM21260">
        <v>61</v>
      </c>
      <c r="AN21260">
        <v>62</v>
      </c>
      <c r="AO21260">
        <v>63</v>
      </c>
      <c r="AP21260">
        <v>64</v>
      </c>
      <c r="AQ21260">
        <v>65</v>
      </c>
    </row>
    <row r="21261" spans="1:43">
      <c r="A21261" t="s">
        <v>13173</v>
      </c>
      <c r="B21261" t="s">
        <v>13174</v>
      </c>
      <c r="C21261" t="s">
        <v>13175</v>
      </c>
      <c r="D21261" t="s">
        <v>13176</v>
      </c>
      <c r="E21261" t="s">
        <v>13165</v>
      </c>
      <c r="F21261" t="s">
        <v>13166</v>
      </c>
      <c r="G21261" t="s">
        <v>10214</v>
      </c>
      <c r="H21261" t="s">
        <v>10215</v>
      </c>
      <c r="I21261" s="2">
        <v>1</v>
      </c>
      <c r="J21261" s="2">
        <v>0</v>
      </c>
      <c r="K21261" s="2">
        <v>0</v>
      </c>
      <c r="L21261" t="s">
        <v>120</v>
      </c>
      <c r="M21261" t="s">
        <v>83</v>
      </c>
      <c r="N21261" t="s">
        <v>91</v>
      </c>
      <c r="O21261" t="s">
        <v>85</v>
      </c>
      <c r="P21261" t="s">
        <v>86</v>
      </c>
      <c r="Q21261">
        <v>36</v>
      </c>
      <c r="R21261">
        <v>37</v>
      </c>
      <c r="S21261">
        <v>38</v>
      </c>
      <c r="T21261">
        <v>39</v>
      </c>
      <c r="U21261">
        <v>40</v>
      </c>
      <c r="V21261">
        <v>41</v>
      </c>
      <c r="W21261">
        <v>42</v>
      </c>
      <c r="X21261">
        <v>43</v>
      </c>
      <c r="Y21261">
        <v>44</v>
      </c>
      <c r="Z21261">
        <v>45</v>
      </c>
      <c r="AA21261">
        <v>46</v>
      </c>
      <c r="AB21261">
        <v>47</v>
      </c>
      <c r="AC21261">
        <v>48</v>
      </c>
      <c r="AD21261">
        <v>50</v>
      </c>
      <c r="AE21261">
        <v>51</v>
      </c>
      <c r="AF21261">
        <v>52</v>
      </c>
      <c r="AG21261">
        <v>53</v>
      </c>
      <c r="AH21261">
        <v>55</v>
      </c>
      <c r="AI21261">
        <v>56</v>
      </c>
      <c r="AJ21261">
        <v>57</v>
      </c>
      <c r="AK21261">
        <v>59</v>
      </c>
      <c r="AL21261">
        <v>60</v>
      </c>
      <c r="AM21261">
        <v>60</v>
      </c>
      <c r="AN21261">
        <v>61</v>
      </c>
      <c r="AO21261">
        <v>62</v>
      </c>
      <c r="AP21261">
        <v>63</v>
      </c>
      <c r="AQ21261">
        <v>64</v>
      </c>
    </row>
    <row r="21262" spans="1:43">
      <c r="A21262" t="s">
        <v>13177</v>
      </c>
      <c r="B21262" t="s">
        <v>13178</v>
      </c>
      <c r="C21262" t="s">
        <v>13179</v>
      </c>
      <c r="D21262" t="s">
        <v>13180</v>
      </c>
      <c r="E21262" t="s">
        <v>13165</v>
      </c>
      <c r="F21262" t="s">
        <v>13166</v>
      </c>
      <c r="G21262" t="s">
        <v>10214</v>
      </c>
      <c r="H21262" t="s">
        <v>10215</v>
      </c>
      <c r="I21262" s="2">
        <v>1</v>
      </c>
      <c r="J21262" s="2">
        <v>0</v>
      </c>
      <c r="K21262" s="2">
        <v>0</v>
      </c>
      <c r="L21262" t="s">
        <v>120</v>
      </c>
      <c r="M21262" t="s">
        <v>83</v>
      </c>
      <c r="N21262" t="s">
        <v>84</v>
      </c>
      <c r="O21262" t="s">
        <v>85</v>
      </c>
      <c r="P21262" t="s">
        <v>86</v>
      </c>
      <c r="Q21262">
        <v>68</v>
      </c>
      <c r="R21262">
        <v>70</v>
      </c>
      <c r="S21262">
        <v>72</v>
      </c>
      <c r="T21262">
        <v>74</v>
      </c>
      <c r="U21262">
        <v>76</v>
      </c>
      <c r="V21262">
        <v>78</v>
      </c>
      <c r="W21262">
        <v>80</v>
      </c>
      <c r="X21262">
        <v>82</v>
      </c>
      <c r="Y21262">
        <v>84</v>
      </c>
      <c r="Z21262">
        <v>86</v>
      </c>
      <c r="AA21262">
        <v>88</v>
      </c>
      <c r="AB21262">
        <v>90</v>
      </c>
      <c r="AC21262">
        <v>92</v>
      </c>
      <c r="AD21262">
        <v>94</v>
      </c>
      <c r="AE21262">
        <v>96</v>
      </c>
      <c r="AF21262">
        <v>99</v>
      </c>
      <c r="AG21262">
        <v>101</v>
      </c>
      <c r="AH21262">
        <v>103</v>
      </c>
      <c r="AI21262">
        <v>106</v>
      </c>
      <c r="AJ21262">
        <v>108</v>
      </c>
      <c r="AK21262">
        <v>111</v>
      </c>
      <c r="AL21262">
        <v>113</v>
      </c>
      <c r="AM21262">
        <v>114</v>
      </c>
      <c r="AN21262">
        <v>116</v>
      </c>
      <c r="AO21262">
        <v>118</v>
      </c>
      <c r="AP21262">
        <v>120</v>
      </c>
      <c r="AQ21262">
        <v>121</v>
      </c>
    </row>
    <row r="21263" spans="1:43">
      <c r="A21263" t="s">
        <v>13177</v>
      </c>
      <c r="B21263" t="s">
        <v>13178</v>
      </c>
      <c r="C21263" t="s">
        <v>13179</v>
      </c>
      <c r="D21263" t="s">
        <v>13180</v>
      </c>
      <c r="E21263" t="s">
        <v>13165</v>
      </c>
      <c r="F21263" t="s">
        <v>13166</v>
      </c>
      <c r="G21263" t="s">
        <v>10214</v>
      </c>
      <c r="H21263" t="s">
        <v>10215</v>
      </c>
      <c r="I21263" s="2">
        <v>1</v>
      </c>
      <c r="J21263" s="2">
        <v>0</v>
      </c>
      <c r="K21263" s="2">
        <v>0</v>
      </c>
      <c r="L21263" t="s">
        <v>120</v>
      </c>
      <c r="M21263" t="s">
        <v>87</v>
      </c>
      <c r="N21263" t="s">
        <v>88</v>
      </c>
      <c r="O21263" t="s">
        <v>85</v>
      </c>
      <c r="P21263" t="s">
        <v>86</v>
      </c>
      <c r="Q21263">
        <v>68</v>
      </c>
      <c r="R21263">
        <v>70</v>
      </c>
      <c r="S21263">
        <v>71</v>
      </c>
      <c r="T21263">
        <v>72</v>
      </c>
      <c r="U21263">
        <v>73</v>
      </c>
      <c r="V21263">
        <v>74</v>
      </c>
      <c r="W21263">
        <v>76</v>
      </c>
      <c r="X21263">
        <v>77</v>
      </c>
      <c r="Y21263">
        <v>78</v>
      </c>
      <c r="Z21263">
        <v>80</v>
      </c>
      <c r="AA21263">
        <v>81</v>
      </c>
      <c r="AB21263">
        <v>82</v>
      </c>
      <c r="AC21263">
        <v>84</v>
      </c>
      <c r="AD21263">
        <v>85</v>
      </c>
      <c r="AE21263">
        <v>87</v>
      </c>
      <c r="AF21263">
        <v>88</v>
      </c>
      <c r="AG21263">
        <v>90</v>
      </c>
      <c r="AH21263">
        <v>91</v>
      </c>
      <c r="AI21263">
        <v>93</v>
      </c>
      <c r="AJ21263">
        <v>94</v>
      </c>
      <c r="AK21263">
        <v>96</v>
      </c>
      <c r="AL21263">
        <v>98</v>
      </c>
      <c r="AM21263">
        <v>99</v>
      </c>
      <c r="AN21263">
        <v>101</v>
      </c>
      <c r="AO21263">
        <v>103</v>
      </c>
      <c r="AP21263">
        <v>105</v>
      </c>
      <c r="AQ21263">
        <v>107</v>
      </c>
    </row>
    <row r="21264" spans="1:43">
      <c r="A21264" t="s">
        <v>13177</v>
      </c>
      <c r="B21264" t="s">
        <v>13178</v>
      </c>
      <c r="C21264" t="s">
        <v>13179</v>
      </c>
      <c r="D21264" t="s">
        <v>13180</v>
      </c>
      <c r="E21264" t="s">
        <v>13165</v>
      </c>
      <c r="F21264" t="s">
        <v>13166</v>
      </c>
      <c r="G21264" t="s">
        <v>10214</v>
      </c>
      <c r="H21264" t="s">
        <v>10215</v>
      </c>
      <c r="I21264" s="2">
        <v>1</v>
      </c>
      <c r="J21264" s="2">
        <v>0</v>
      </c>
      <c r="K21264" s="2">
        <v>0</v>
      </c>
      <c r="L21264" t="s">
        <v>120</v>
      </c>
      <c r="M21264" t="s">
        <v>89</v>
      </c>
      <c r="N21264" t="s">
        <v>90</v>
      </c>
      <c r="O21264" t="s">
        <v>85</v>
      </c>
      <c r="P21264" t="s">
        <v>86</v>
      </c>
      <c r="Q21264">
        <v>68</v>
      </c>
      <c r="R21264">
        <v>70</v>
      </c>
      <c r="S21264">
        <v>73</v>
      </c>
      <c r="T21264">
        <v>75</v>
      </c>
      <c r="U21264">
        <v>78</v>
      </c>
      <c r="V21264">
        <v>80</v>
      </c>
      <c r="W21264">
        <v>82</v>
      </c>
      <c r="X21264">
        <v>85</v>
      </c>
      <c r="Y21264">
        <v>87</v>
      </c>
      <c r="Z21264">
        <v>90</v>
      </c>
      <c r="AA21264">
        <v>92</v>
      </c>
      <c r="AB21264">
        <v>95</v>
      </c>
      <c r="AC21264">
        <v>97</v>
      </c>
      <c r="AD21264">
        <v>100</v>
      </c>
      <c r="AE21264">
        <v>102</v>
      </c>
      <c r="AF21264">
        <v>104</v>
      </c>
      <c r="AG21264">
        <v>105</v>
      </c>
      <c r="AH21264">
        <v>107</v>
      </c>
      <c r="AI21264">
        <v>108</v>
      </c>
      <c r="AJ21264">
        <v>110</v>
      </c>
      <c r="AK21264">
        <v>111</v>
      </c>
      <c r="AL21264">
        <v>113</v>
      </c>
      <c r="AM21264">
        <v>115</v>
      </c>
      <c r="AN21264">
        <v>116</v>
      </c>
      <c r="AO21264">
        <v>118</v>
      </c>
      <c r="AP21264">
        <v>120</v>
      </c>
      <c r="AQ21264">
        <v>122</v>
      </c>
    </row>
    <row r="21265" spans="1:43">
      <c r="A21265" t="s">
        <v>13177</v>
      </c>
      <c r="B21265" t="s">
        <v>13178</v>
      </c>
      <c r="C21265" t="s">
        <v>13179</v>
      </c>
      <c r="D21265" t="s">
        <v>13180</v>
      </c>
      <c r="E21265" t="s">
        <v>13165</v>
      </c>
      <c r="F21265" t="s">
        <v>13166</v>
      </c>
      <c r="G21265" t="s">
        <v>10214</v>
      </c>
      <c r="H21265" t="s">
        <v>10215</v>
      </c>
      <c r="I21265" s="2">
        <v>1</v>
      </c>
      <c r="J21265" s="2">
        <v>0</v>
      </c>
      <c r="K21265" s="2">
        <v>0</v>
      </c>
      <c r="L21265" t="s">
        <v>120</v>
      </c>
      <c r="M21265" t="s">
        <v>83</v>
      </c>
      <c r="N21265" t="s">
        <v>91</v>
      </c>
      <c r="O21265" t="s">
        <v>85</v>
      </c>
      <c r="P21265" t="s">
        <v>86</v>
      </c>
      <c r="Q21265">
        <v>68</v>
      </c>
      <c r="R21265">
        <v>70</v>
      </c>
      <c r="S21265">
        <v>72</v>
      </c>
      <c r="T21265">
        <v>74</v>
      </c>
      <c r="U21265">
        <v>76</v>
      </c>
      <c r="V21265">
        <v>78</v>
      </c>
      <c r="W21265">
        <v>80</v>
      </c>
      <c r="X21265">
        <v>82</v>
      </c>
      <c r="Y21265">
        <v>84</v>
      </c>
      <c r="Z21265">
        <v>86</v>
      </c>
      <c r="AA21265">
        <v>88</v>
      </c>
      <c r="AB21265">
        <v>90</v>
      </c>
      <c r="AC21265">
        <v>92</v>
      </c>
      <c r="AD21265">
        <v>94</v>
      </c>
      <c r="AE21265">
        <v>96</v>
      </c>
      <c r="AF21265">
        <v>99</v>
      </c>
      <c r="AG21265">
        <v>101</v>
      </c>
      <c r="AH21265">
        <v>103</v>
      </c>
      <c r="AI21265">
        <v>106</v>
      </c>
      <c r="AJ21265">
        <v>108</v>
      </c>
      <c r="AK21265">
        <v>111</v>
      </c>
      <c r="AL21265">
        <v>113</v>
      </c>
      <c r="AM21265">
        <v>114</v>
      </c>
      <c r="AN21265">
        <v>116</v>
      </c>
      <c r="AO21265">
        <v>118</v>
      </c>
      <c r="AP21265">
        <v>120</v>
      </c>
      <c r="AQ21265">
        <v>121</v>
      </c>
    </row>
    <row r="21266" spans="1:43">
      <c r="A21266" t="s">
        <v>13181</v>
      </c>
      <c r="B21266" t="s">
        <v>13182</v>
      </c>
      <c r="C21266" t="s">
        <v>13183</v>
      </c>
      <c r="D21266" t="s">
        <v>13184</v>
      </c>
      <c r="E21266" t="s">
        <v>13165</v>
      </c>
      <c r="F21266" t="s">
        <v>13166</v>
      </c>
      <c r="G21266" t="s">
        <v>10214</v>
      </c>
      <c r="H21266" t="s">
        <v>10215</v>
      </c>
      <c r="I21266" s="2">
        <v>1</v>
      </c>
      <c r="J21266" s="2">
        <v>0</v>
      </c>
      <c r="K21266" s="2">
        <v>0</v>
      </c>
      <c r="L21266" t="s">
        <v>120</v>
      </c>
      <c r="M21266" t="s">
        <v>83</v>
      </c>
      <c r="N21266" t="s">
        <v>84</v>
      </c>
      <c r="O21266" t="s">
        <v>85</v>
      </c>
      <c r="P21266" t="s">
        <v>86</v>
      </c>
      <c r="Q21266">
        <v>16</v>
      </c>
      <c r="R21266">
        <v>16</v>
      </c>
      <c r="S21266">
        <v>16</v>
      </c>
      <c r="T21266">
        <v>17</v>
      </c>
      <c r="U21266">
        <v>17</v>
      </c>
      <c r="V21266">
        <v>18</v>
      </c>
      <c r="W21266">
        <v>18</v>
      </c>
      <c r="X21266">
        <v>19</v>
      </c>
      <c r="Y21266">
        <v>19</v>
      </c>
      <c r="Z21266">
        <v>20</v>
      </c>
      <c r="AA21266">
        <v>20</v>
      </c>
      <c r="AB21266">
        <v>21</v>
      </c>
      <c r="AC21266">
        <v>21</v>
      </c>
      <c r="AD21266">
        <v>22</v>
      </c>
      <c r="AE21266">
        <v>22</v>
      </c>
      <c r="AF21266">
        <v>23</v>
      </c>
      <c r="AG21266">
        <v>23</v>
      </c>
      <c r="AH21266">
        <v>24</v>
      </c>
      <c r="AI21266">
        <v>24</v>
      </c>
      <c r="AJ21266">
        <v>25</v>
      </c>
      <c r="AK21266">
        <v>25</v>
      </c>
      <c r="AL21266">
        <v>26</v>
      </c>
      <c r="AM21266">
        <v>26</v>
      </c>
      <c r="AN21266">
        <v>27</v>
      </c>
      <c r="AO21266">
        <v>27</v>
      </c>
      <c r="AP21266">
        <v>27</v>
      </c>
      <c r="AQ21266">
        <v>28</v>
      </c>
    </row>
    <row r="21267" spans="1:43">
      <c r="A21267" t="s">
        <v>13181</v>
      </c>
      <c r="B21267" t="s">
        <v>13182</v>
      </c>
      <c r="C21267" t="s">
        <v>13183</v>
      </c>
      <c r="D21267" t="s">
        <v>13184</v>
      </c>
      <c r="E21267" t="s">
        <v>13165</v>
      </c>
      <c r="F21267" t="s">
        <v>13166</v>
      </c>
      <c r="G21267" t="s">
        <v>10214</v>
      </c>
      <c r="H21267" t="s">
        <v>10215</v>
      </c>
      <c r="I21267" s="2">
        <v>1</v>
      </c>
      <c r="J21267" s="2">
        <v>0</v>
      </c>
      <c r="K21267" s="2">
        <v>0</v>
      </c>
      <c r="L21267" t="s">
        <v>120</v>
      </c>
      <c r="M21267" t="s">
        <v>87</v>
      </c>
      <c r="N21267" t="s">
        <v>88</v>
      </c>
      <c r="O21267" t="s">
        <v>85</v>
      </c>
      <c r="P21267" t="s">
        <v>86</v>
      </c>
      <c r="Q21267">
        <v>16</v>
      </c>
      <c r="R21267">
        <v>17</v>
      </c>
      <c r="S21267">
        <v>17</v>
      </c>
      <c r="T21267">
        <v>17</v>
      </c>
      <c r="U21267">
        <v>18</v>
      </c>
      <c r="V21267">
        <v>18</v>
      </c>
      <c r="W21267">
        <v>18</v>
      </c>
      <c r="X21267">
        <v>18</v>
      </c>
      <c r="Y21267">
        <v>19</v>
      </c>
      <c r="Z21267">
        <v>19</v>
      </c>
      <c r="AA21267">
        <v>19</v>
      </c>
      <c r="AB21267">
        <v>20</v>
      </c>
      <c r="AC21267">
        <v>20</v>
      </c>
      <c r="AD21267">
        <v>20</v>
      </c>
      <c r="AE21267">
        <v>21</v>
      </c>
      <c r="AF21267">
        <v>21</v>
      </c>
      <c r="AG21267">
        <v>21</v>
      </c>
      <c r="AH21267">
        <v>22</v>
      </c>
      <c r="AI21267">
        <v>22</v>
      </c>
      <c r="AJ21267">
        <v>22</v>
      </c>
      <c r="AK21267">
        <v>23</v>
      </c>
      <c r="AL21267">
        <v>23</v>
      </c>
      <c r="AM21267">
        <v>24</v>
      </c>
      <c r="AN21267">
        <v>24</v>
      </c>
      <c r="AO21267">
        <v>24</v>
      </c>
      <c r="AP21267">
        <v>25</v>
      </c>
      <c r="AQ21267">
        <v>25</v>
      </c>
    </row>
    <row r="21268" spans="1:43">
      <c r="A21268" t="s">
        <v>13181</v>
      </c>
      <c r="B21268" t="s">
        <v>13182</v>
      </c>
      <c r="C21268" t="s">
        <v>13183</v>
      </c>
      <c r="D21268" t="s">
        <v>13184</v>
      </c>
      <c r="E21268" t="s">
        <v>13165</v>
      </c>
      <c r="F21268" t="s">
        <v>13166</v>
      </c>
      <c r="G21268" t="s">
        <v>10214</v>
      </c>
      <c r="H21268" t="s">
        <v>10215</v>
      </c>
      <c r="I21268" s="2">
        <v>1</v>
      </c>
      <c r="J21268" s="2">
        <v>0</v>
      </c>
      <c r="K21268" s="2">
        <v>0</v>
      </c>
      <c r="L21268" t="s">
        <v>120</v>
      </c>
      <c r="M21268" t="s">
        <v>89</v>
      </c>
      <c r="N21268" t="s">
        <v>90</v>
      </c>
      <c r="O21268" t="s">
        <v>85</v>
      </c>
      <c r="P21268" t="s">
        <v>86</v>
      </c>
      <c r="Q21268">
        <v>16</v>
      </c>
      <c r="R21268">
        <v>16</v>
      </c>
      <c r="S21268">
        <v>17</v>
      </c>
      <c r="T21268">
        <v>17</v>
      </c>
      <c r="U21268">
        <v>18</v>
      </c>
      <c r="V21268">
        <v>19</v>
      </c>
      <c r="W21268">
        <v>19</v>
      </c>
      <c r="X21268">
        <v>20</v>
      </c>
      <c r="Y21268">
        <v>20</v>
      </c>
      <c r="Z21268">
        <v>21</v>
      </c>
      <c r="AA21268">
        <v>21</v>
      </c>
      <c r="AB21268">
        <v>22</v>
      </c>
      <c r="AC21268">
        <v>22</v>
      </c>
      <c r="AD21268">
        <v>23</v>
      </c>
      <c r="AE21268">
        <v>24</v>
      </c>
      <c r="AF21268">
        <v>24</v>
      </c>
      <c r="AG21268">
        <v>24</v>
      </c>
      <c r="AH21268">
        <v>25</v>
      </c>
      <c r="AI21268">
        <v>25</v>
      </c>
      <c r="AJ21268">
        <v>25</v>
      </c>
      <c r="AK21268">
        <v>26</v>
      </c>
      <c r="AL21268">
        <v>26</v>
      </c>
      <c r="AM21268">
        <v>26</v>
      </c>
      <c r="AN21268">
        <v>27</v>
      </c>
      <c r="AO21268">
        <v>27</v>
      </c>
      <c r="AP21268">
        <v>28</v>
      </c>
      <c r="AQ21268">
        <v>28</v>
      </c>
    </row>
    <row r="21269" spans="1:43">
      <c r="A21269" t="s">
        <v>13181</v>
      </c>
      <c r="B21269" t="s">
        <v>13182</v>
      </c>
      <c r="C21269" t="s">
        <v>13183</v>
      </c>
      <c r="D21269" t="s">
        <v>13184</v>
      </c>
      <c r="E21269" t="s">
        <v>13165</v>
      </c>
      <c r="F21269" t="s">
        <v>13166</v>
      </c>
      <c r="G21269" t="s">
        <v>10214</v>
      </c>
      <c r="H21269" t="s">
        <v>10215</v>
      </c>
      <c r="I21269" s="2">
        <v>1</v>
      </c>
      <c r="J21269" s="2">
        <v>0</v>
      </c>
      <c r="K21269" s="2">
        <v>0</v>
      </c>
      <c r="L21269" t="s">
        <v>120</v>
      </c>
      <c r="M21269" t="s">
        <v>83</v>
      </c>
      <c r="N21269" t="s">
        <v>91</v>
      </c>
      <c r="O21269" t="s">
        <v>85</v>
      </c>
      <c r="P21269" t="s">
        <v>86</v>
      </c>
      <c r="Q21269">
        <v>16</v>
      </c>
      <c r="R21269">
        <v>16</v>
      </c>
      <c r="S21269">
        <v>16</v>
      </c>
      <c r="T21269">
        <v>17</v>
      </c>
      <c r="U21269">
        <v>17</v>
      </c>
      <c r="V21269">
        <v>18</v>
      </c>
      <c r="W21269">
        <v>18</v>
      </c>
      <c r="X21269">
        <v>19</v>
      </c>
      <c r="Y21269">
        <v>19</v>
      </c>
      <c r="Z21269">
        <v>20</v>
      </c>
      <c r="AA21269">
        <v>20</v>
      </c>
      <c r="AB21269">
        <v>21</v>
      </c>
      <c r="AC21269">
        <v>21</v>
      </c>
      <c r="AD21269">
        <v>22</v>
      </c>
      <c r="AE21269">
        <v>22</v>
      </c>
      <c r="AF21269">
        <v>23</v>
      </c>
      <c r="AG21269">
        <v>23</v>
      </c>
      <c r="AH21269">
        <v>24</v>
      </c>
      <c r="AI21269">
        <v>24</v>
      </c>
      <c r="AJ21269">
        <v>25</v>
      </c>
      <c r="AK21269">
        <v>25</v>
      </c>
      <c r="AL21269">
        <v>26</v>
      </c>
      <c r="AM21269">
        <v>26</v>
      </c>
      <c r="AN21269">
        <v>27</v>
      </c>
      <c r="AO21269">
        <v>27</v>
      </c>
      <c r="AP21269">
        <v>27</v>
      </c>
      <c r="AQ21269">
        <v>28</v>
      </c>
    </row>
    <row r="21270" spans="1:43">
      <c r="A21270" t="s">
        <v>13185</v>
      </c>
      <c r="B21270" t="s">
        <v>13186</v>
      </c>
      <c r="C21270" t="s">
        <v>13187</v>
      </c>
      <c r="D21270" t="s">
        <v>13188</v>
      </c>
      <c r="E21270" t="s">
        <v>13165</v>
      </c>
      <c r="F21270" t="s">
        <v>13166</v>
      </c>
      <c r="G21270" t="s">
        <v>10214</v>
      </c>
      <c r="H21270" t="s">
        <v>10215</v>
      </c>
      <c r="I21270" s="2">
        <v>1</v>
      </c>
      <c r="J21270" s="2">
        <v>0</v>
      </c>
      <c r="K21270" s="2">
        <v>0</v>
      </c>
      <c r="L21270" t="s">
        <v>120</v>
      </c>
      <c r="M21270" t="s">
        <v>83</v>
      </c>
      <c r="N21270" t="s">
        <v>84</v>
      </c>
      <c r="O21270" t="s">
        <v>85</v>
      </c>
      <c r="P21270" t="s">
        <v>86</v>
      </c>
      <c r="Q21270">
        <v>46</v>
      </c>
      <c r="R21270">
        <v>47</v>
      </c>
      <c r="S21270">
        <v>48</v>
      </c>
      <c r="T21270">
        <v>50</v>
      </c>
      <c r="U21270">
        <v>51</v>
      </c>
      <c r="V21270">
        <v>52</v>
      </c>
      <c r="W21270">
        <v>54</v>
      </c>
      <c r="X21270">
        <v>55</v>
      </c>
      <c r="Y21270">
        <v>56</v>
      </c>
      <c r="Z21270">
        <v>58</v>
      </c>
      <c r="AA21270">
        <v>59</v>
      </c>
      <c r="AB21270">
        <v>61</v>
      </c>
      <c r="AC21270">
        <v>62</v>
      </c>
      <c r="AD21270">
        <v>64</v>
      </c>
      <c r="AE21270">
        <v>65</v>
      </c>
      <c r="AF21270">
        <v>67</v>
      </c>
      <c r="AG21270">
        <v>68</v>
      </c>
      <c r="AH21270">
        <v>70</v>
      </c>
      <c r="AI21270">
        <v>72</v>
      </c>
      <c r="AJ21270">
        <v>73</v>
      </c>
      <c r="AK21270">
        <v>75</v>
      </c>
      <c r="AL21270">
        <v>76</v>
      </c>
      <c r="AM21270">
        <v>77</v>
      </c>
      <c r="AN21270">
        <v>78</v>
      </c>
      <c r="AO21270">
        <v>80</v>
      </c>
      <c r="AP21270">
        <v>81</v>
      </c>
      <c r="AQ21270">
        <v>82</v>
      </c>
    </row>
    <row r="21271" spans="1:43">
      <c r="A21271" t="s">
        <v>13185</v>
      </c>
      <c r="B21271" t="s">
        <v>13186</v>
      </c>
      <c r="C21271" t="s">
        <v>13187</v>
      </c>
      <c r="D21271" t="s">
        <v>13188</v>
      </c>
      <c r="E21271" t="s">
        <v>13165</v>
      </c>
      <c r="F21271" t="s">
        <v>13166</v>
      </c>
      <c r="G21271" t="s">
        <v>10214</v>
      </c>
      <c r="H21271" t="s">
        <v>10215</v>
      </c>
      <c r="I21271" s="2">
        <v>1</v>
      </c>
      <c r="J21271" s="2">
        <v>0</v>
      </c>
      <c r="K21271" s="2">
        <v>0</v>
      </c>
      <c r="L21271" t="s">
        <v>120</v>
      </c>
      <c r="M21271" t="s">
        <v>87</v>
      </c>
      <c r="N21271" t="s">
        <v>88</v>
      </c>
      <c r="O21271" t="s">
        <v>85</v>
      </c>
      <c r="P21271" t="s">
        <v>86</v>
      </c>
      <c r="Q21271">
        <v>46</v>
      </c>
      <c r="R21271">
        <v>46</v>
      </c>
      <c r="S21271">
        <v>47</v>
      </c>
      <c r="T21271">
        <v>48</v>
      </c>
      <c r="U21271">
        <v>49</v>
      </c>
      <c r="V21271">
        <v>50</v>
      </c>
      <c r="W21271">
        <v>50</v>
      </c>
      <c r="X21271">
        <v>51</v>
      </c>
      <c r="Y21271">
        <v>52</v>
      </c>
      <c r="Z21271">
        <v>53</v>
      </c>
      <c r="AA21271">
        <v>54</v>
      </c>
      <c r="AB21271">
        <v>55</v>
      </c>
      <c r="AC21271">
        <v>56</v>
      </c>
      <c r="AD21271">
        <v>57</v>
      </c>
      <c r="AE21271">
        <v>58</v>
      </c>
      <c r="AF21271">
        <v>59</v>
      </c>
      <c r="AG21271">
        <v>60</v>
      </c>
      <c r="AH21271">
        <v>61</v>
      </c>
      <c r="AI21271">
        <v>62</v>
      </c>
      <c r="AJ21271">
        <v>63</v>
      </c>
      <c r="AK21271">
        <v>64</v>
      </c>
      <c r="AL21271">
        <v>65</v>
      </c>
      <c r="AM21271">
        <v>66</v>
      </c>
      <c r="AN21271">
        <v>67</v>
      </c>
      <c r="AO21271">
        <v>69</v>
      </c>
      <c r="AP21271">
        <v>70</v>
      </c>
      <c r="AQ21271">
        <v>71</v>
      </c>
    </row>
    <row r="21272" spans="1:43">
      <c r="A21272" t="s">
        <v>13185</v>
      </c>
      <c r="B21272" t="s">
        <v>13186</v>
      </c>
      <c r="C21272" t="s">
        <v>13187</v>
      </c>
      <c r="D21272" t="s">
        <v>13188</v>
      </c>
      <c r="E21272" t="s">
        <v>13165</v>
      </c>
      <c r="F21272" t="s">
        <v>13166</v>
      </c>
      <c r="G21272" t="s">
        <v>10214</v>
      </c>
      <c r="H21272" t="s">
        <v>10215</v>
      </c>
      <c r="I21272" s="2">
        <v>1</v>
      </c>
      <c r="J21272" s="2">
        <v>0</v>
      </c>
      <c r="K21272" s="2">
        <v>0</v>
      </c>
      <c r="L21272" t="s">
        <v>120</v>
      </c>
      <c r="M21272" t="s">
        <v>89</v>
      </c>
      <c r="N21272" t="s">
        <v>90</v>
      </c>
      <c r="O21272" t="s">
        <v>85</v>
      </c>
      <c r="P21272" t="s">
        <v>86</v>
      </c>
      <c r="Q21272">
        <v>46</v>
      </c>
      <c r="R21272">
        <v>48</v>
      </c>
      <c r="S21272">
        <v>50</v>
      </c>
      <c r="T21272">
        <v>51</v>
      </c>
      <c r="U21272">
        <v>53</v>
      </c>
      <c r="V21272">
        <v>55</v>
      </c>
      <c r="W21272">
        <v>56</v>
      </c>
      <c r="X21272">
        <v>58</v>
      </c>
      <c r="Y21272">
        <v>60</v>
      </c>
      <c r="Z21272">
        <v>61</v>
      </c>
      <c r="AA21272">
        <v>63</v>
      </c>
      <c r="AB21272">
        <v>65</v>
      </c>
      <c r="AC21272">
        <v>67</v>
      </c>
      <c r="AD21272">
        <v>68</v>
      </c>
      <c r="AE21272">
        <v>70</v>
      </c>
      <c r="AF21272">
        <v>71</v>
      </c>
      <c r="AG21272">
        <v>72</v>
      </c>
      <c r="AH21272">
        <v>73</v>
      </c>
      <c r="AI21272">
        <v>74</v>
      </c>
      <c r="AJ21272">
        <v>75</v>
      </c>
      <c r="AK21272">
        <v>76</v>
      </c>
      <c r="AL21272">
        <v>77</v>
      </c>
      <c r="AM21272">
        <v>78</v>
      </c>
      <c r="AN21272">
        <v>79</v>
      </c>
      <c r="AO21272">
        <v>80</v>
      </c>
      <c r="AP21272">
        <v>81</v>
      </c>
      <c r="AQ21272">
        <v>83</v>
      </c>
    </row>
    <row r="21273" spans="1:43">
      <c r="A21273" t="s">
        <v>13185</v>
      </c>
      <c r="B21273" t="s">
        <v>13186</v>
      </c>
      <c r="C21273" t="s">
        <v>13187</v>
      </c>
      <c r="D21273" t="s">
        <v>13188</v>
      </c>
      <c r="E21273" t="s">
        <v>13165</v>
      </c>
      <c r="F21273" t="s">
        <v>13166</v>
      </c>
      <c r="G21273" t="s">
        <v>10214</v>
      </c>
      <c r="H21273" t="s">
        <v>10215</v>
      </c>
      <c r="I21273" s="2">
        <v>1</v>
      </c>
      <c r="J21273" s="2">
        <v>0</v>
      </c>
      <c r="K21273" s="2">
        <v>0</v>
      </c>
      <c r="L21273" t="s">
        <v>120</v>
      </c>
      <c r="M21273" t="s">
        <v>83</v>
      </c>
      <c r="N21273" t="s">
        <v>91</v>
      </c>
      <c r="O21273" t="s">
        <v>85</v>
      </c>
      <c r="P21273" t="s">
        <v>86</v>
      </c>
      <c r="Q21273">
        <v>46</v>
      </c>
      <c r="R21273">
        <v>47</v>
      </c>
      <c r="S21273">
        <v>48</v>
      </c>
      <c r="T21273">
        <v>50</v>
      </c>
      <c r="U21273">
        <v>51</v>
      </c>
      <c r="V21273">
        <v>52</v>
      </c>
      <c r="W21273">
        <v>54</v>
      </c>
      <c r="X21273">
        <v>55</v>
      </c>
      <c r="Y21273">
        <v>56</v>
      </c>
      <c r="Z21273">
        <v>58</v>
      </c>
      <c r="AA21273">
        <v>59</v>
      </c>
      <c r="AB21273">
        <v>61</v>
      </c>
      <c r="AC21273">
        <v>62</v>
      </c>
      <c r="AD21273">
        <v>64</v>
      </c>
      <c r="AE21273">
        <v>65</v>
      </c>
      <c r="AF21273">
        <v>67</v>
      </c>
      <c r="AG21273">
        <v>68</v>
      </c>
      <c r="AH21273">
        <v>70</v>
      </c>
      <c r="AI21273">
        <v>72</v>
      </c>
      <c r="AJ21273">
        <v>73</v>
      </c>
      <c r="AK21273">
        <v>75</v>
      </c>
      <c r="AL21273">
        <v>76</v>
      </c>
      <c r="AM21273">
        <v>77</v>
      </c>
      <c r="AN21273">
        <v>78</v>
      </c>
      <c r="AO21273">
        <v>80</v>
      </c>
      <c r="AP21273">
        <v>81</v>
      </c>
      <c r="AQ21273">
        <v>82</v>
      </c>
    </row>
    <row r="21274" spans="1:43">
      <c r="A21274" t="s">
        <v>13189</v>
      </c>
      <c r="B21274" t="s">
        <v>13190</v>
      </c>
      <c r="C21274" t="s">
        <v>13191</v>
      </c>
      <c r="D21274" t="s">
        <v>13192</v>
      </c>
      <c r="E21274" t="s">
        <v>13165</v>
      </c>
      <c r="F21274" t="s">
        <v>13166</v>
      </c>
      <c r="G21274" t="s">
        <v>10214</v>
      </c>
      <c r="H21274" t="s">
        <v>10215</v>
      </c>
      <c r="I21274" s="2">
        <v>1</v>
      </c>
      <c r="J21274" s="2">
        <v>0</v>
      </c>
      <c r="K21274" s="2">
        <v>0</v>
      </c>
      <c r="L21274" t="s">
        <v>120</v>
      </c>
      <c r="M21274" t="s">
        <v>83</v>
      </c>
      <c r="N21274" t="s">
        <v>84</v>
      </c>
      <c r="O21274" t="s">
        <v>85</v>
      </c>
      <c r="P21274" t="s">
        <v>86</v>
      </c>
      <c r="Q21274">
        <v>15</v>
      </c>
      <c r="R21274">
        <v>15</v>
      </c>
      <c r="S21274">
        <v>16</v>
      </c>
      <c r="T21274">
        <v>16</v>
      </c>
      <c r="U21274">
        <v>17</v>
      </c>
      <c r="V21274">
        <v>17</v>
      </c>
      <c r="W21274">
        <v>17</v>
      </c>
      <c r="X21274">
        <v>18</v>
      </c>
      <c r="Y21274">
        <v>18</v>
      </c>
      <c r="Z21274">
        <v>19</v>
      </c>
      <c r="AA21274">
        <v>19</v>
      </c>
      <c r="AB21274">
        <v>20</v>
      </c>
      <c r="AC21274">
        <v>20</v>
      </c>
      <c r="AD21274">
        <v>21</v>
      </c>
      <c r="AE21274">
        <v>21</v>
      </c>
      <c r="AF21274">
        <v>22</v>
      </c>
      <c r="AG21274">
        <v>22</v>
      </c>
      <c r="AH21274">
        <v>23</v>
      </c>
      <c r="AI21274">
        <v>23</v>
      </c>
      <c r="AJ21274">
        <v>24</v>
      </c>
      <c r="AK21274">
        <v>24</v>
      </c>
      <c r="AL21274">
        <v>25</v>
      </c>
      <c r="AM21274">
        <v>25</v>
      </c>
      <c r="AN21274">
        <v>26</v>
      </c>
      <c r="AO21274">
        <v>26</v>
      </c>
      <c r="AP21274">
        <v>26</v>
      </c>
      <c r="AQ21274">
        <v>27</v>
      </c>
    </row>
    <row r="21275" spans="1:43">
      <c r="A21275" t="s">
        <v>13189</v>
      </c>
      <c r="B21275" t="s">
        <v>13190</v>
      </c>
      <c r="C21275" t="s">
        <v>13191</v>
      </c>
      <c r="D21275" t="s">
        <v>13192</v>
      </c>
      <c r="E21275" t="s">
        <v>13165</v>
      </c>
      <c r="F21275" t="s">
        <v>13166</v>
      </c>
      <c r="G21275" t="s">
        <v>10214</v>
      </c>
      <c r="H21275" t="s">
        <v>10215</v>
      </c>
      <c r="I21275" s="2">
        <v>1</v>
      </c>
      <c r="J21275" s="2">
        <v>0</v>
      </c>
      <c r="K21275" s="2">
        <v>0</v>
      </c>
      <c r="L21275" t="s">
        <v>120</v>
      </c>
      <c r="M21275" t="s">
        <v>87</v>
      </c>
      <c r="N21275" t="s">
        <v>88</v>
      </c>
      <c r="O21275" t="s">
        <v>85</v>
      </c>
      <c r="P21275" t="s">
        <v>86</v>
      </c>
      <c r="Q21275">
        <v>15</v>
      </c>
      <c r="R21275">
        <v>15</v>
      </c>
      <c r="S21275">
        <v>15</v>
      </c>
      <c r="T21275">
        <v>16</v>
      </c>
      <c r="U21275">
        <v>16</v>
      </c>
      <c r="V21275">
        <v>16</v>
      </c>
      <c r="W21275">
        <v>16</v>
      </c>
      <c r="X21275">
        <v>17</v>
      </c>
      <c r="Y21275">
        <v>17</v>
      </c>
      <c r="Z21275">
        <v>17</v>
      </c>
      <c r="AA21275">
        <v>18</v>
      </c>
      <c r="AB21275">
        <v>18</v>
      </c>
      <c r="AC21275">
        <v>18</v>
      </c>
      <c r="AD21275">
        <v>18</v>
      </c>
      <c r="AE21275">
        <v>19</v>
      </c>
      <c r="AF21275">
        <v>19</v>
      </c>
      <c r="AG21275">
        <v>19</v>
      </c>
      <c r="AH21275">
        <v>20</v>
      </c>
      <c r="AI21275">
        <v>20</v>
      </c>
      <c r="AJ21275">
        <v>20</v>
      </c>
      <c r="AK21275">
        <v>21</v>
      </c>
      <c r="AL21275">
        <v>21</v>
      </c>
      <c r="AM21275">
        <v>22</v>
      </c>
      <c r="AN21275">
        <v>22</v>
      </c>
      <c r="AO21275">
        <v>22</v>
      </c>
      <c r="AP21275">
        <v>23</v>
      </c>
      <c r="AQ21275">
        <v>23</v>
      </c>
    </row>
    <row r="21276" spans="1:43">
      <c r="A21276" t="s">
        <v>13189</v>
      </c>
      <c r="B21276" t="s">
        <v>13190</v>
      </c>
      <c r="C21276" t="s">
        <v>13191</v>
      </c>
      <c r="D21276" t="s">
        <v>13192</v>
      </c>
      <c r="E21276" t="s">
        <v>13165</v>
      </c>
      <c r="F21276" t="s">
        <v>13166</v>
      </c>
      <c r="G21276" t="s">
        <v>10214</v>
      </c>
      <c r="H21276" t="s">
        <v>10215</v>
      </c>
      <c r="I21276" s="2">
        <v>1</v>
      </c>
      <c r="J21276" s="2">
        <v>0</v>
      </c>
      <c r="K21276" s="2">
        <v>0</v>
      </c>
      <c r="L21276" t="s">
        <v>120</v>
      </c>
      <c r="M21276" t="s">
        <v>89</v>
      </c>
      <c r="N21276" t="s">
        <v>90</v>
      </c>
      <c r="O21276" t="s">
        <v>85</v>
      </c>
      <c r="P21276" t="s">
        <v>86</v>
      </c>
      <c r="Q21276">
        <v>15</v>
      </c>
      <c r="R21276">
        <v>16</v>
      </c>
      <c r="S21276">
        <v>16</v>
      </c>
      <c r="T21276">
        <v>17</v>
      </c>
      <c r="U21276">
        <v>17</v>
      </c>
      <c r="V21276">
        <v>18</v>
      </c>
      <c r="W21276">
        <v>18</v>
      </c>
      <c r="X21276">
        <v>19</v>
      </c>
      <c r="Y21276">
        <v>19</v>
      </c>
      <c r="Z21276">
        <v>20</v>
      </c>
      <c r="AA21276">
        <v>21</v>
      </c>
      <c r="AB21276">
        <v>21</v>
      </c>
      <c r="AC21276">
        <v>22</v>
      </c>
      <c r="AD21276">
        <v>22</v>
      </c>
      <c r="AE21276">
        <v>23</v>
      </c>
      <c r="AF21276">
        <v>23</v>
      </c>
      <c r="AG21276">
        <v>23</v>
      </c>
      <c r="AH21276">
        <v>24</v>
      </c>
      <c r="AI21276">
        <v>24</v>
      </c>
      <c r="AJ21276">
        <v>25</v>
      </c>
      <c r="AK21276">
        <v>25</v>
      </c>
      <c r="AL21276">
        <v>25</v>
      </c>
      <c r="AM21276">
        <v>26</v>
      </c>
      <c r="AN21276">
        <v>26</v>
      </c>
      <c r="AO21276">
        <v>26</v>
      </c>
      <c r="AP21276">
        <v>27</v>
      </c>
      <c r="AQ21276">
        <v>27</v>
      </c>
    </row>
    <row r="21277" spans="1:43">
      <c r="A21277" t="s">
        <v>13189</v>
      </c>
      <c r="B21277" t="s">
        <v>13190</v>
      </c>
      <c r="C21277" t="s">
        <v>13191</v>
      </c>
      <c r="D21277" t="s">
        <v>13192</v>
      </c>
      <c r="E21277" t="s">
        <v>13165</v>
      </c>
      <c r="F21277" t="s">
        <v>13166</v>
      </c>
      <c r="G21277" t="s">
        <v>10214</v>
      </c>
      <c r="H21277" t="s">
        <v>10215</v>
      </c>
      <c r="I21277" s="2">
        <v>1</v>
      </c>
      <c r="J21277" s="2">
        <v>0</v>
      </c>
      <c r="K21277" s="2">
        <v>0</v>
      </c>
      <c r="L21277" t="s">
        <v>120</v>
      </c>
      <c r="M21277" t="s">
        <v>83</v>
      </c>
      <c r="N21277" t="s">
        <v>91</v>
      </c>
      <c r="O21277" t="s">
        <v>85</v>
      </c>
      <c r="P21277" t="s">
        <v>86</v>
      </c>
      <c r="Q21277">
        <v>15</v>
      </c>
      <c r="R21277">
        <v>15</v>
      </c>
      <c r="S21277">
        <v>16</v>
      </c>
      <c r="T21277">
        <v>16</v>
      </c>
      <c r="U21277">
        <v>17</v>
      </c>
      <c r="V21277">
        <v>17</v>
      </c>
      <c r="W21277">
        <v>17</v>
      </c>
      <c r="X21277">
        <v>18</v>
      </c>
      <c r="Y21277">
        <v>18</v>
      </c>
      <c r="Z21277">
        <v>19</v>
      </c>
      <c r="AA21277">
        <v>19</v>
      </c>
      <c r="AB21277">
        <v>20</v>
      </c>
      <c r="AC21277">
        <v>20</v>
      </c>
      <c r="AD21277">
        <v>21</v>
      </c>
      <c r="AE21277">
        <v>21</v>
      </c>
      <c r="AF21277">
        <v>22</v>
      </c>
      <c r="AG21277">
        <v>22</v>
      </c>
      <c r="AH21277">
        <v>23</v>
      </c>
      <c r="AI21277">
        <v>23</v>
      </c>
      <c r="AJ21277">
        <v>24</v>
      </c>
      <c r="AK21277">
        <v>24</v>
      </c>
      <c r="AL21277">
        <v>25</v>
      </c>
      <c r="AM21277">
        <v>25</v>
      </c>
      <c r="AN21277">
        <v>26</v>
      </c>
      <c r="AO21277">
        <v>26</v>
      </c>
      <c r="AP21277">
        <v>26</v>
      </c>
      <c r="AQ21277">
        <v>27</v>
      </c>
    </row>
    <row r="21278" spans="1:43">
      <c r="A21278" t="s">
        <v>13193</v>
      </c>
      <c r="B21278" t="s">
        <v>13194</v>
      </c>
      <c r="C21278" t="s">
        <v>13191</v>
      </c>
      <c r="D21278" t="s">
        <v>13192</v>
      </c>
      <c r="E21278" t="s">
        <v>13165</v>
      </c>
      <c r="F21278" t="s">
        <v>13166</v>
      </c>
      <c r="G21278" t="s">
        <v>10214</v>
      </c>
      <c r="H21278" t="s">
        <v>10215</v>
      </c>
      <c r="I21278" s="2">
        <v>1</v>
      </c>
      <c r="J21278" s="2">
        <v>0</v>
      </c>
      <c r="K21278" s="2">
        <v>0</v>
      </c>
      <c r="L21278" t="s">
        <v>120</v>
      </c>
      <c r="M21278" t="s">
        <v>83</v>
      </c>
      <c r="N21278" t="s">
        <v>84</v>
      </c>
      <c r="O21278" t="s">
        <v>85</v>
      </c>
      <c r="P21278" t="s">
        <v>86</v>
      </c>
      <c r="Q21278">
        <v>17</v>
      </c>
      <c r="R21278">
        <v>17</v>
      </c>
      <c r="S21278">
        <v>18</v>
      </c>
      <c r="T21278">
        <v>18</v>
      </c>
      <c r="U21278">
        <v>19</v>
      </c>
      <c r="V21278">
        <v>19</v>
      </c>
      <c r="W21278">
        <v>20</v>
      </c>
      <c r="X21278">
        <v>20</v>
      </c>
      <c r="Y21278">
        <v>21</v>
      </c>
      <c r="Z21278">
        <v>21</v>
      </c>
      <c r="AA21278">
        <v>22</v>
      </c>
      <c r="AB21278">
        <v>22</v>
      </c>
      <c r="AC21278">
        <v>23</v>
      </c>
      <c r="AD21278">
        <v>23</v>
      </c>
      <c r="AE21278">
        <v>24</v>
      </c>
      <c r="AF21278">
        <v>24</v>
      </c>
      <c r="AG21278">
        <v>25</v>
      </c>
      <c r="AH21278">
        <v>25</v>
      </c>
      <c r="AI21278">
        <v>26</v>
      </c>
      <c r="AJ21278">
        <v>27</v>
      </c>
      <c r="AK21278">
        <v>27</v>
      </c>
      <c r="AL21278">
        <v>28</v>
      </c>
      <c r="AM21278">
        <v>28</v>
      </c>
      <c r="AN21278">
        <v>29</v>
      </c>
      <c r="AO21278">
        <v>29</v>
      </c>
      <c r="AP21278">
        <v>30</v>
      </c>
      <c r="AQ21278">
        <v>30</v>
      </c>
    </row>
    <row r="21279" spans="1:43">
      <c r="A21279" t="s">
        <v>13193</v>
      </c>
      <c r="B21279" t="s">
        <v>13194</v>
      </c>
      <c r="C21279" t="s">
        <v>13191</v>
      </c>
      <c r="D21279" t="s">
        <v>13192</v>
      </c>
      <c r="E21279" t="s">
        <v>13165</v>
      </c>
      <c r="F21279" t="s">
        <v>13166</v>
      </c>
      <c r="G21279" t="s">
        <v>10214</v>
      </c>
      <c r="H21279" t="s">
        <v>10215</v>
      </c>
      <c r="I21279" s="2">
        <v>1</v>
      </c>
      <c r="J21279" s="2">
        <v>0</v>
      </c>
      <c r="K21279" s="2">
        <v>0</v>
      </c>
      <c r="L21279" t="s">
        <v>120</v>
      </c>
      <c r="M21279" t="s">
        <v>87</v>
      </c>
      <c r="N21279" t="s">
        <v>88</v>
      </c>
      <c r="O21279" t="s">
        <v>85</v>
      </c>
      <c r="P21279" t="s">
        <v>86</v>
      </c>
      <c r="Q21279">
        <v>17</v>
      </c>
      <c r="R21279">
        <v>17</v>
      </c>
      <c r="S21279">
        <v>17</v>
      </c>
      <c r="T21279">
        <v>17</v>
      </c>
      <c r="U21279">
        <v>18</v>
      </c>
      <c r="V21279">
        <v>18</v>
      </c>
      <c r="W21279">
        <v>18</v>
      </c>
      <c r="X21279">
        <v>19</v>
      </c>
      <c r="Y21279">
        <v>19</v>
      </c>
      <c r="Z21279">
        <v>19</v>
      </c>
      <c r="AA21279">
        <v>20</v>
      </c>
      <c r="AB21279">
        <v>20</v>
      </c>
      <c r="AC21279">
        <v>20</v>
      </c>
      <c r="AD21279">
        <v>21</v>
      </c>
      <c r="AE21279">
        <v>21</v>
      </c>
      <c r="AF21279">
        <v>21</v>
      </c>
      <c r="AG21279">
        <v>22</v>
      </c>
      <c r="AH21279">
        <v>22</v>
      </c>
      <c r="AI21279">
        <v>22</v>
      </c>
      <c r="AJ21279">
        <v>23</v>
      </c>
      <c r="AK21279">
        <v>23</v>
      </c>
      <c r="AL21279">
        <v>24</v>
      </c>
      <c r="AM21279">
        <v>24</v>
      </c>
      <c r="AN21279">
        <v>25</v>
      </c>
      <c r="AO21279">
        <v>25</v>
      </c>
      <c r="AP21279">
        <v>25</v>
      </c>
      <c r="AQ21279">
        <v>26</v>
      </c>
    </row>
    <row r="21280" spans="1:43">
      <c r="A21280" t="s">
        <v>13193</v>
      </c>
      <c r="B21280" t="s">
        <v>13194</v>
      </c>
      <c r="C21280" t="s">
        <v>13191</v>
      </c>
      <c r="D21280" t="s">
        <v>13192</v>
      </c>
      <c r="E21280" t="s">
        <v>13165</v>
      </c>
      <c r="F21280" t="s">
        <v>13166</v>
      </c>
      <c r="G21280" t="s">
        <v>10214</v>
      </c>
      <c r="H21280" t="s">
        <v>10215</v>
      </c>
      <c r="I21280" s="2">
        <v>1</v>
      </c>
      <c r="J21280" s="2">
        <v>0</v>
      </c>
      <c r="K21280" s="2">
        <v>0</v>
      </c>
      <c r="L21280" t="s">
        <v>120</v>
      </c>
      <c r="M21280" t="s">
        <v>89</v>
      </c>
      <c r="N21280" t="s">
        <v>90</v>
      </c>
      <c r="O21280" t="s">
        <v>85</v>
      </c>
      <c r="P21280" t="s">
        <v>86</v>
      </c>
      <c r="Q21280">
        <v>17</v>
      </c>
      <c r="R21280">
        <v>17</v>
      </c>
      <c r="S21280">
        <v>18</v>
      </c>
      <c r="T21280">
        <v>19</v>
      </c>
      <c r="U21280">
        <v>19</v>
      </c>
      <c r="V21280">
        <v>20</v>
      </c>
      <c r="W21280">
        <v>21</v>
      </c>
      <c r="X21280">
        <v>21</v>
      </c>
      <c r="Y21280">
        <v>22</v>
      </c>
      <c r="Z21280">
        <v>22</v>
      </c>
      <c r="AA21280">
        <v>23</v>
      </c>
      <c r="AB21280">
        <v>24</v>
      </c>
      <c r="AC21280">
        <v>24</v>
      </c>
      <c r="AD21280">
        <v>25</v>
      </c>
      <c r="AE21280">
        <v>25</v>
      </c>
      <c r="AF21280">
        <v>26</v>
      </c>
      <c r="AG21280">
        <v>26</v>
      </c>
      <c r="AH21280">
        <v>27</v>
      </c>
      <c r="AI21280">
        <v>27</v>
      </c>
      <c r="AJ21280">
        <v>27</v>
      </c>
      <c r="AK21280">
        <v>28</v>
      </c>
      <c r="AL21280">
        <v>28</v>
      </c>
      <c r="AM21280">
        <v>29</v>
      </c>
      <c r="AN21280">
        <v>29</v>
      </c>
      <c r="AO21280">
        <v>30</v>
      </c>
      <c r="AP21280">
        <v>30</v>
      </c>
      <c r="AQ21280">
        <v>30</v>
      </c>
    </row>
    <row r="21281" spans="1:43">
      <c r="A21281" t="s">
        <v>13193</v>
      </c>
      <c r="B21281" t="s">
        <v>13194</v>
      </c>
      <c r="C21281" t="s">
        <v>13191</v>
      </c>
      <c r="D21281" t="s">
        <v>13192</v>
      </c>
      <c r="E21281" t="s">
        <v>13165</v>
      </c>
      <c r="F21281" t="s">
        <v>13166</v>
      </c>
      <c r="G21281" t="s">
        <v>10214</v>
      </c>
      <c r="H21281" t="s">
        <v>10215</v>
      </c>
      <c r="I21281" s="2">
        <v>1</v>
      </c>
      <c r="J21281" s="2">
        <v>0</v>
      </c>
      <c r="K21281" s="2">
        <v>0</v>
      </c>
      <c r="L21281" t="s">
        <v>120</v>
      </c>
      <c r="M21281" t="s">
        <v>83</v>
      </c>
      <c r="N21281" t="s">
        <v>91</v>
      </c>
      <c r="O21281" t="s">
        <v>85</v>
      </c>
      <c r="P21281" t="s">
        <v>86</v>
      </c>
      <c r="Q21281">
        <v>17</v>
      </c>
      <c r="R21281">
        <v>17</v>
      </c>
      <c r="S21281">
        <v>18</v>
      </c>
      <c r="T21281">
        <v>18</v>
      </c>
      <c r="U21281">
        <v>19</v>
      </c>
      <c r="V21281">
        <v>19</v>
      </c>
      <c r="W21281">
        <v>20</v>
      </c>
      <c r="X21281">
        <v>20</v>
      </c>
      <c r="Y21281">
        <v>21</v>
      </c>
      <c r="Z21281">
        <v>21</v>
      </c>
      <c r="AA21281">
        <v>22</v>
      </c>
      <c r="AB21281">
        <v>22</v>
      </c>
      <c r="AC21281">
        <v>23</v>
      </c>
      <c r="AD21281">
        <v>23</v>
      </c>
      <c r="AE21281">
        <v>24</v>
      </c>
      <c r="AF21281">
        <v>24</v>
      </c>
      <c r="AG21281">
        <v>25</v>
      </c>
      <c r="AH21281">
        <v>25</v>
      </c>
      <c r="AI21281">
        <v>26</v>
      </c>
      <c r="AJ21281">
        <v>27</v>
      </c>
      <c r="AK21281">
        <v>27</v>
      </c>
      <c r="AL21281">
        <v>28</v>
      </c>
      <c r="AM21281">
        <v>28</v>
      </c>
      <c r="AN21281">
        <v>29</v>
      </c>
      <c r="AO21281">
        <v>29</v>
      </c>
      <c r="AP21281">
        <v>30</v>
      </c>
      <c r="AQ21281">
        <v>30</v>
      </c>
    </row>
    <row r="21282" spans="1:43">
      <c r="A21282" t="s">
        <v>13195</v>
      </c>
      <c r="B21282" t="s">
        <v>13196</v>
      </c>
      <c r="C21282" t="s">
        <v>13191</v>
      </c>
      <c r="D21282" t="s">
        <v>13192</v>
      </c>
      <c r="E21282" t="s">
        <v>13165</v>
      </c>
      <c r="F21282" t="s">
        <v>13166</v>
      </c>
      <c r="G21282" t="s">
        <v>10214</v>
      </c>
      <c r="H21282" t="s">
        <v>10215</v>
      </c>
      <c r="I21282" s="2">
        <v>1</v>
      </c>
      <c r="J21282" s="2">
        <v>0</v>
      </c>
      <c r="K21282" s="2">
        <v>0</v>
      </c>
      <c r="L21282" t="s">
        <v>120</v>
      </c>
      <c r="M21282" t="s">
        <v>83</v>
      </c>
      <c r="N21282" t="s">
        <v>84</v>
      </c>
      <c r="O21282" t="s">
        <v>85</v>
      </c>
      <c r="P21282" t="s">
        <v>86</v>
      </c>
      <c r="Q21282">
        <v>47</v>
      </c>
      <c r="R21282">
        <v>48</v>
      </c>
      <c r="S21282">
        <v>49</v>
      </c>
      <c r="T21282">
        <v>50</v>
      </c>
      <c r="U21282">
        <v>52</v>
      </c>
      <c r="V21282">
        <v>53</v>
      </c>
      <c r="W21282">
        <v>54</v>
      </c>
      <c r="X21282">
        <v>55</v>
      </c>
      <c r="Y21282">
        <v>57</v>
      </c>
      <c r="Z21282">
        <v>58</v>
      </c>
      <c r="AA21282">
        <v>59</v>
      </c>
      <c r="AB21282">
        <v>61</v>
      </c>
      <c r="AC21282">
        <v>62</v>
      </c>
      <c r="AD21282">
        <v>64</v>
      </c>
      <c r="AE21282">
        <v>65</v>
      </c>
      <c r="AF21282">
        <v>67</v>
      </c>
      <c r="AG21282">
        <v>68</v>
      </c>
      <c r="AH21282">
        <v>70</v>
      </c>
      <c r="AI21282">
        <v>72</v>
      </c>
      <c r="AJ21282">
        <v>73</v>
      </c>
      <c r="AK21282">
        <v>75</v>
      </c>
      <c r="AL21282">
        <v>76</v>
      </c>
      <c r="AM21282">
        <v>77</v>
      </c>
      <c r="AN21282">
        <v>78</v>
      </c>
      <c r="AO21282">
        <v>80</v>
      </c>
      <c r="AP21282">
        <v>81</v>
      </c>
      <c r="AQ21282">
        <v>82</v>
      </c>
    </row>
    <row r="21283" spans="1:43">
      <c r="A21283" t="s">
        <v>13195</v>
      </c>
      <c r="B21283" t="s">
        <v>13196</v>
      </c>
      <c r="C21283" t="s">
        <v>13191</v>
      </c>
      <c r="D21283" t="s">
        <v>13192</v>
      </c>
      <c r="E21283" t="s">
        <v>13165</v>
      </c>
      <c r="F21283" t="s">
        <v>13166</v>
      </c>
      <c r="G21283" t="s">
        <v>10214</v>
      </c>
      <c r="H21283" t="s">
        <v>10215</v>
      </c>
      <c r="I21283" s="2">
        <v>1</v>
      </c>
      <c r="J21283" s="2">
        <v>0</v>
      </c>
      <c r="K21283" s="2">
        <v>0</v>
      </c>
      <c r="L21283" t="s">
        <v>120</v>
      </c>
      <c r="M21283" t="s">
        <v>87</v>
      </c>
      <c r="N21283" t="s">
        <v>88</v>
      </c>
      <c r="O21283" t="s">
        <v>85</v>
      </c>
      <c r="P21283" t="s">
        <v>86</v>
      </c>
      <c r="Q21283">
        <v>47</v>
      </c>
      <c r="R21283">
        <v>48</v>
      </c>
      <c r="S21283">
        <v>49</v>
      </c>
      <c r="T21283">
        <v>49</v>
      </c>
      <c r="U21283">
        <v>50</v>
      </c>
      <c r="V21283">
        <v>51</v>
      </c>
      <c r="W21283">
        <v>52</v>
      </c>
      <c r="X21283">
        <v>53</v>
      </c>
      <c r="Y21283">
        <v>53</v>
      </c>
      <c r="Z21283">
        <v>54</v>
      </c>
      <c r="AA21283">
        <v>55</v>
      </c>
      <c r="AB21283">
        <v>56</v>
      </c>
      <c r="AC21283">
        <v>57</v>
      </c>
      <c r="AD21283">
        <v>58</v>
      </c>
      <c r="AE21283">
        <v>59</v>
      </c>
      <c r="AF21283">
        <v>60</v>
      </c>
      <c r="AG21283">
        <v>61</v>
      </c>
      <c r="AH21283">
        <v>62</v>
      </c>
      <c r="AI21283">
        <v>63</v>
      </c>
      <c r="AJ21283">
        <v>64</v>
      </c>
      <c r="AK21283">
        <v>65</v>
      </c>
      <c r="AL21283">
        <v>66</v>
      </c>
      <c r="AM21283">
        <v>67</v>
      </c>
      <c r="AN21283">
        <v>68</v>
      </c>
      <c r="AO21283">
        <v>69</v>
      </c>
      <c r="AP21283">
        <v>70</v>
      </c>
      <c r="AQ21283">
        <v>72</v>
      </c>
    </row>
    <row r="21284" spans="1:43">
      <c r="A21284" t="s">
        <v>13195</v>
      </c>
      <c r="B21284" t="s">
        <v>13196</v>
      </c>
      <c r="C21284" t="s">
        <v>13191</v>
      </c>
      <c r="D21284" t="s">
        <v>13192</v>
      </c>
      <c r="E21284" t="s">
        <v>13165</v>
      </c>
      <c r="F21284" t="s">
        <v>13166</v>
      </c>
      <c r="G21284" t="s">
        <v>10214</v>
      </c>
      <c r="H21284" t="s">
        <v>10215</v>
      </c>
      <c r="I21284" s="2">
        <v>1</v>
      </c>
      <c r="J21284" s="2">
        <v>0</v>
      </c>
      <c r="K21284" s="2">
        <v>0</v>
      </c>
      <c r="L21284" t="s">
        <v>120</v>
      </c>
      <c r="M21284" t="s">
        <v>89</v>
      </c>
      <c r="N21284" t="s">
        <v>90</v>
      </c>
      <c r="O21284" t="s">
        <v>85</v>
      </c>
      <c r="P21284" t="s">
        <v>86</v>
      </c>
      <c r="Q21284">
        <v>47</v>
      </c>
      <c r="R21284">
        <v>49</v>
      </c>
      <c r="S21284">
        <v>50</v>
      </c>
      <c r="T21284">
        <v>52</v>
      </c>
      <c r="U21284">
        <v>54</v>
      </c>
      <c r="V21284">
        <v>55</v>
      </c>
      <c r="W21284">
        <v>57</v>
      </c>
      <c r="X21284">
        <v>58</v>
      </c>
      <c r="Y21284">
        <v>60</v>
      </c>
      <c r="Z21284">
        <v>62</v>
      </c>
      <c r="AA21284">
        <v>63</v>
      </c>
      <c r="AB21284">
        <v>65</v>
      </c>
      <c r="AC21284">
        <v>67</v>
      </c>
      <c r="AD21284">
        <v>69</v>
      </c>
      <c r="AE21284">
        <v>70</v>
      </c>
      <c r="AF21284">
        <v>71</v>
      </c>
      <c r="AG21284">
        <v>72</v>
      </c>
      <c r="AH21284">
        <v>73</v>
      </c>
      <c r="AI21284">
        <v>74</v>
      </c>
      <c r="AJ21284">
        <v>75</v>
      </c>
      <c r="AK21284">
        <v>76</v>
      </c>
      <c r="AL21284">
        <v>77</v>
      </c>
      <c r="AM21284">
        <v>78</v>
      </c>
      <c r="AN21284">
        <v>79</v>
      </c>
      <c r="AO21284">
        <v>81</v>
      </c>
      <c r="AP21284">
        <v>82</v>
      </c>
      <c r="AQ21284">
        <v>83</v>
      </c>
    </row>
    <row r="21285" spans="1:43">
      <c r="A21285" t="s">
        <v>13195</v>
      </c>
      <c r="B21285" t="s">
        <v>13196</v>
      </c>
      <c r="C21285" t="s">
        <v>13191</v>
      </c>
      <c r="D21285" t="s">
        <v>13192</v>
      </c>
      <c r="E21285" t="s">
        <v>13165</v>
      </c>
      <c r="F21285" t="s">
        <v>13166</v>
      </c>
      <c r="G21285" t="s">
        <v>10214</v>
      </c>
      <c r="H21285" t="s">
        <v>10215</v>
      </c>
      <c r="I21285" s="2">
        <v>1</v>
      </c>
      <c r="J21285" s="2">
        <v>0</v>
      </c>
      <c r="K21285" s="2">
        <v>0</v>
      </c>
      <c r="L21285" t="s">
        <v>120</v>
      </c>
      <c r="M21285" t="s">
        <v>83</v>
      </c>
      <c r="N21285" t="s">
        <v>91</v>
      </c>
      <c r="O21285" t="s">
        <v>85</v>
      </c>
      <c r="P21285" t="s">
        <v>86</v>
      </c>
      <c r="Q21285">
        <v>47</v>
      </c>
      <c r="R21285">
        <v>48</v>
      </c>
      <c r="S21285">
        <v>49</v>
      </c>
      <c r="T21285">
        <v>50</v>
      </c>
      <c r="U21285">
        <v>52</v>
      </c>
      <c r="V21285">
        <v>53</v>
      </c>
      <c r="W21285">
        <v>54</v>
      </c>
      <c r="X21285">
        <v>55</v>
      </c>
      <c r="Y21285">
        <v>57</v>
      </c>
      <c r="Z21285">
        <v>58</v>
      </c>
      <c r="AA21285">
        <v>59</v>
      </c>
      <c r="AB21285">
        <v>61</v>
      </c>
      <c r="AC21285">
        <v>62</v>
      </c>
      <c r="AD21285">
        <v>64</v>
      </c>
      <c r="AE21285">
        <v>65</v>
      </c>
      <c r="AF21285">
        <v>67</v>
      </c>
      <c r="AG21285">
        <v>68</v>
      </c>
      <c r="AH21285">
        <v>70</v>
      </c>
      <c r="AI21285">
        <v>72</v>
      </c>
      <c r="AJ21285">
        <v>73</v>
      </c>
      <c r="AK21285">
        <v>75</v>
      </c>
      <c r="AL21285">
        <v>76</v>
      </c>
      <c r="AM21285">
        <v>77</v>
      </c>
      <c r="AN21285">
        <v>78</v>
      </c>
      <c r="AO21285">
        <v>80</v>
      </c>
      <c r="AP21285">
        <v>81</v>
      </c>
      <c r="AQ21285">
        <v>82</v>
      </c>
    </row>
    <row r="21286" spans="1:43">
      <c r="A21286" t="s">
        <v>13197</v>
      </c>
      <c r="B21286" t="s">
        <v>13198</v>
      </c>
      <c r="C21286" t="s">
        <v>13199</v>
      </c>
      <c r="D21286" t="s">
        <v>13200</v>
      </c>
      <c r="E21286" t="s">
        <v>13165</v>
      </c>
      <c r="F21286" t="s">
        <v>13166</v>
      </c>
      <c r="G21286" t="s">
        <v>10214</v>
      </c>
      <c r="H21286" t="s">
        <v>10215</v>
      </c>
      <c r="I21286" s="2">
        <v>1</v>
      </c>
      <c r="J21286" s="2">
        <v>0</v>
      </c>
      <c r="K21286" s="2">
        <v>0</v>
      </c>
      <c r="L21286" t="s">
        <v>120</v>
      </c>
      <c r="M21286" t="s">
        <v>83</v>
      </c>
      <c r="N21286" t="s">
        <v>84</v>
      </c>
      <c r="O21286" t="s">
        <v>85</v>
      </c>
      <c r="P21286" t="s">
        <v>86</v>
      </c>
      <c r="Q21286">
        <v>12</v>
      </c>
      <c r="R21286">
        <v>13</v>
      </c>
      <c r="S21286">
        <v>13</v>
      </c>
      <c r="T21286">
        <v>13</v>
      </c>
      <c r="U21286">
        <v>14</v>
      </c>
      <c r="V21286">
        <v>14</v>
      </c>
      <c r="W21286">
        <v>14</v>
      </c>
      <c r="X21286">
        <v>15</v>
      </c>
      <c r="Y21286">
        <v>15</v>
      </c>
      <c r="Z21286">
        <v>15</v>
      </c>
      <c r="AA21286">
        <v>16</v>
      </c>
      <c r="AB21286">
        <v>16</v>
      </c>
      <c r="AC21286">
        <v>17</v>
      </c>
      <c r="AD21286">
        <v>17</v>
      </c>
      <c r="AE21286">
        <v>17</v>
      </c>
      <c r="AF21286">
        <v>18</v>
      </c>
      <c r="AG21286">
        <v>18</v>
      </c>
      <c r="AH21286">
        <v>19</v>
      </c>
      <c r="AI21286">
        <v>19</v>
      </c>
      <c r="AJ21286">
        <v>20</v>
      </c>
      <c r="AK21286">
        <v>20</v>
      </c>
      <c r="AL21286">
        <v>21</v>
      </c>
      <c r="AM21286">
        <v>21</v>
      </c>
      <c r="AN21286">
        <v>21</v>
      </c>
      <c r="AO21286">
        <v>21</v>
      </c>
      <c r="AP21286">
        <v>22</v>
      </c>
      <c r="AQ21286">
        <v>22</v>
      </c>
    </row>
    <row r="21287" spans="1:43">
      <c r="A21287" t="s">
        <v>13197</v>
      </c>
      <c r="B21287" t="s">
        <v>13198</v>
      </c>
      <c r="C21287" t="s">
        <v>13199</v>
      </c>
      <c r="D21287" t="s">
        <v>13200</v>
      </c>
      <c r="E21287" t="s">
        <v>13165</v>
      </c>
      <c r="F21287" t="s">
        <v>13166</v>
      </c>
      <c r="G21287" t="s">
        <v>10214</v>
      </c>
      <c r="H21287" t="s">
        <v>10215</v>
      </c>
      <c r="I21287" s="2">
        <v>1</v>
      </c>
      <c r="J21287" s="2">
        <v>0</v>
      </c>
      <c r="K21287" s="2">
        <v>0</v>
      </c>
      <c r="L21287" t="s">
        <v>120</v>
      </c>
      <c r="M21287" t="s">
        <v>87</v>
      </c>
      <c r="N21287" t="s">
        <v>88</v>
      </c>
      <c r="O21287" t="s">
        <v>85</v>
      </c>
      <c r="P21287" t="s">
        <v>86</v>
      </c>
      <c r="Q21287">
        <v>12</v>
      </c>
      <c r="R21287">
        <v>12</v>
      </c>
      <c r="S21287">
        <v>13</v>
      </c>
      <c r="T21287">
        <v>13</v>
      </c>
      <c r="U21287">
        <v>13</v>
      </c>
      <c r="V21287">
        <v>13</v>
      </c>
      <c r="W21287">
        <v>14</v>
      </c>
      <c r="X21287">
        <v>14</v>
      </c>
      <c r="Y21287">
        <v>14</v>
      </c>
      <c r="Z21287">
        <v>14</v>
      </c>
      <c r="AA21287">
        <v>14</v>
      </c>
      <c r="AB21287">
        <v>15</v>
      </c>
      <c r="AC21287">
        <v>15</v>
      </c>
      <c r="AD21287">
        <v>15</v>
      </c>
      <c r="AE21287">
        <v>15</v>
      </c>
      <c r="AF21287">
        <v>16</v>
      </c>
      <c r="AG21287">
        <v>16</v>
      </c>
      <c r="AH21287">
        <v>16</v>
      </c>
      <c r="AI21287">
        <v>17</v>
      </c>
      <c r="AJ21287">
        <v>17</v>
      </c>
      <c r="AK21287">
        <v>17</v>
      </c>
      <c r="AL21287">
        <v>17</v>
      </c>
      <c r="AM21287">
        <v>18</v>
      </c>
      <c r="AN21287">
        <v>18</v>
      </c>
      <c r="AO21287">
        <v>18</v>
      </c>
      <c r="AP21287">
        <v>19</v>
      </c>
      <c r="AQ21287">
        <v>19</v>
      </c>
    </row>
    <row r="21288" spans="1:43">
      <c r="A21288" t="s">
        <v>13197</v>
      </c>
      <c r="B21288" t="s">
        <v>13198</v>
      </c>
      <c r="C21288" t="s">
        <v>13199</v>
      </c>
      <c r="D21288" t="s">
        <v>13200</v>
      </c>
      <c r="E21288" t="s">
        <v>13165</v>
      </c>
      <c r="F21288" t="s">
        <v>13166</v>
      </c>
      <c r="G21288" t="s">
        <v>10214</v>
      </c>
      <c r="H21288" t="s">
        <v>10215</v>
      </c>
      <c r="I21288" s="2">
        <v>1</v>
      </c>
      <c r="J21288" s="2">
        <v>0</v>
      </c>
      <c r="K21288" s="2">
        <v>0</v>
      </c>
      <c r="L21288" t="s">
        <v>120</v>
      </c>
      <c r="M21288" t="s">
        <v>89</v>
      </c>
      <c r="N21288" t="s">
        <v>90</v>
      </c>
      <c r="O21288" t="s">
        <v>85</v>
      </c>
      <c r="P21288" t="s">
        <v>86</v>
      </c>
      <c r="Q21288">
        <v>12</v>
      </c>
      <c r="R21288">
        <v>13</v>
      </c>
      <c r="S21288">
        <v>13</v>
      </c>
      <c r="T21288">
        <v>14</v>
      </c>
      <c r="U21288">
        <v>14</v>
      </c>
      <c r="V21288">
        <v>15</v>
      </c>
      <c r="W21288">
        <v>15</v>
      </c>
      <c r="X21288">
        <v>16</v>
      </c>
      <c r="Y21288">
        <v>16</v>
      </c>
      <c r="Z21288">
        <v>16</v>
      </c>
      <c r="AA21288">
        <v>17</v>
      </c>
      <c r="AB21288">
        <v>17</v>
      </c>
      <c r="AC21288">
        <v>18</v>
      </c>
      <c r="AD21288">
        <v>18</v>
      </c>
      <c r="AE21288">
        <v>19</v>
      </c>
      <c r="AF21288">
        <v>19</v>
      </c>
      <c r="AG21288">
        <v>19</v>
      </c>
      <c r="AH21288">
        <v>20</v>
      </c>
      <c r="AI21288">
        <v>20</v>
      </c>
      <c r="AJ21288">
        <v>20</v>
      </c>
      <c r="AK21288">
        <v>20</v>
      </c>
      <c r="AL21288">
        <v>21</v>
      </c>
      <c r="AM21288">
        <v>21</v>
      </c>
      <c r="AN21288">
        <v>21</v>
      </c>
      <c r="AO21288">
        <v>22</v>
      </c>
      <c r="AP21288">
        <v>22</v>
      </c>
      <c r="AQ21288">
        <v>22</v>
      </c>
    </row>
    <row r="21289" spans="1:43">
      <c r="A21289" t="s">
        <v>13197</v>
      </c>
      <c r="B21289" t="s">
        <v>13198</v>
      </c>
      <c r="C21289" t="s">
        <v>13199</v>
      </c>
      <c r="D21289" t="s">
        <v>13200</v>
      </c>
      <c r="E21289" t="s">
        <v>13165</v>
      </c>
      <c r="F21289" t="s">
        <v>13166</v>
      </c>
      <c r="G21289" t="s">
        <v>10214</v>
      </c>
      <c r="H21289" t="s">
        <v>10215</v>
      </c>
      <c r="I21289" s="2">
        <v>1</v>
      </c>
      <c r="J21289" s="2">
        <v>0</v>
      </c>
      <c r="K21289" s="2">
        <v>0</v>
      </c>
      <c r="L21289" t="s">
        <v>120</v>
      </c>
      <c r="M21289" t="s">
        <v>83</v>
      </c>
      <c r="N21289" t="s">
        <v>91</v>
      </c>
      <c r="O21289" t="s">
        <v>85</v>
      </c>
      <c r="P21289" t="s">
        <v>86</v>
      </c>
      <c r="Q21289">
        <v>12</v>
      </c>
      <c r="R21289">
        <v>13</v>
      </c>
      <c r="S21289">
        <v>13</v>
      </c>
      <c r="T21289">
        <v>13</v>
      </c>
      <c r="U21289">
        <v>14</v>
      </c>
      <c r="V21289">
        <v>14</v>
      </c>
      <c r="W21289">
        <v>14</v>
      </c>
      <c r="X21289">
        <v>15</v>
      </c>
      <c r="Y21289">
        <v>15</v>
      </c>
      <c r="Z21289">
        <v>15</v>
      </c>
      <c r="AA21289">
        <v>16</v>
      </c>
      <c r="AB21289">
        <v>16</v>
      </c>
      <c r="AC21289">
        <v>17</v>
      </c>
      <c r="AD21289">
        <v>17</v>
      </c>
      <c r="AE21289">
        <v>17</v>
      </c>
      <c r="AF21289">
        <v>18</v>
      </c>
      <c r="AG21289">
        <v>18</v>
      </c>
      <c r="AH21289">
        <v>19</v>
      </c>
      <c r="AI21289">
        <v>19</v>
      </c>
      <c r="AJ21289">
        <v>20</v>
      </c>
      <c r="AK21289">
        <v>20</v>
      </c>
      <c r="AL21289">
        <v>21</v>
      </c>
      <c r="AM21289">
        <v>21</v>
      </c>
      <c r="AN21289">
        <v>21</v>
      </c>
      <c r="AO21289">
        <v>21</v>
      </c>
      <c r="AP21289">
        <v>22</v>
      </c>
      <c r="AQ21289">
        <v>22</v>
      </c>
    </row>
    <row r="21290" spans="1:43">
      <c r="A21290" t="s">
        <v>13201</v>
      </c>
      <c r="B21290" t="s">
        <v>13202</v>
      </c>
      <c r="C21290" t="s">
        <v>13199</v>
      </c>
      <c r="D21290" t="s">
        <v>13200</v>
      </c>
      <c r="E21290" t="s">
        <v>13165</v>
      </c>
      <c r="F21290" t="s">
        <v>13166</v>
      </c>
      <c r="G21290" t="s">
        <v>10214</v>
      </c>
      <c r="H21290" t="s">
        <v>10215</v>
      </c>
      <c r="I21290" s="2">
        <v>1</v>
      </c>
      <c r="J21290" s="2">
        <v>0</v>
      </c>
      <c r="K21290" s="2">
        <v>0</v>
      </c>
      <c r="L21290" t="s">
        <v>120</v>
      </c>
      <c r="M21290" t="s">
        <v>83</v>
      </c>
      <c r="N21290" t="s">
        <v>84</v>
      </c>
      <c r="O21290" t="s">
        <v>85</v>
      </c>
      <c r="P21290" t="s">
        <v>86</v>
      </c>
      <c r="Q21290">
        <v>33</v>
      </c>
      <c r="R21290">
        <v>34</v>
      </c>
      <c r="S21290">
        <v>34</v>
      </c>
      <c r="T21290">
        <v>35</v>
      </c>
      <c r="U21290">
        <v>36</v>
      </c>
      <c r="V21290">
        <v>37</v>
      </c>
      <c r="W21290">
        <v>38</v>
      </c>
      <c r="X21290">
        <v>39</v>
      </c>
      <c r="Y21290">
        <v>40</v>
      </c>
      <c r="Z21290">
        <v>41</v>
      </c>
      <c r="AA21290">
        <v>42</v>
      </c>
      <c r="AB21290">
        <v>43</v>
      </c>
      <c r="AC21290">
        <v>44</v>
      </c>
      <c r="AD21290">
        <v>45</v>
      </c>
      <c r="AE21290">
        <v>46</v>
      </c>
      <c r="AF21290">
        <v>47</v>
      </c>
      <c r="AG21290">
        <v>49</v>
      </c>
      <c r="AH21290">
        <v>50</v>
      </c>
      <c r="AI21290">
        <v>51</v>
      </c>
      <c r="AJ21290">
        <v>52</v>
      </c>
      <c r="AK21290">
        <v>53</v>
      </c>
      <c r="AL21290">
        <v>54</v>
      </c>
      <c r="AM21290">
        <v>55</v>
      </c>
      <c r="AN21290">
        <v>56</v>
      </c>
      <c r="AO21290">
        <v>57</v>
      </c>
      <c r="AP21290">
        <v>58</v>
      </c>
      <c r="AQ21290">
        <v>59</v>
      </c>
    </row>
    <row r="21291" spans="1:43">
      <c r="A21291" t="s">
        <v>13201</v>
      </c>
      <c r="B21291" t="s">
        <v>13202</v>
      </c>
      <c r="C21291" t="s">
        <v>13199</v>
      </c>
      <c r="D21291" t="s">
        <v>13200</v>
      </c>
      <c r="E21291" t="s">
        <v>13165</v>
      </c>
      <c r="F21291" t="s">
        <v>13166</v>
      </c>
      <c r="G21291" t="s">
        <v>10214</v>
      </c>
      <c r="H21291" t="s">
        <v>10215</v>
      </c>
      <c r="I21291" s="2">
        <v>1</v>
      </c>
      <c r="J21291" s="2">
        <v>0</v>
      </c>
      <c r="K21291" s="2">
        <v>0</v>
      </c>
      <c r="L21291" t="s">
        <v>120</v>
      </c>
      <c r="M21291" t="s">
        <v>87</v>
      </c>
      <c r="N21291" t="s">
        <v>88</v>
      </c>
      <c r="O21291" t="s">
        <v>85</v>
      </c>
      <c r="P21291" t="s">
        <v>86</v>
      </c>
      <c r="Q21291">
        <v>33</v>
      </c>
      <c r="R21291">
        <v>34</v>
      </c>
      <c r="S21291">
        <v>35</v>
      </c>
      <c r="T21291">
        <v>35</v>
      </c>
      <c r="U21291">
        <v>36</v>
      </c>
      <c r="V21291">
        <v>36</v>
      </c>
      <c r="W21291">
        <v>37</v>
      </c>
      <c r="X21291">
        <v>37</v>
      </c>
      <c r="Y21291">
        <v>38</v>
      </c>
      <c r="Z21291">
        <v>39</v>
      </c>
      <c r="AA21291">
        <v>39</v>
      </c>
      <c r="AB21291">
        <v>40</v>
      </c>
      <c r="AC21291">
        <v>41</v>
      </c>
      <c r="AD21291">
        <v>41</v>
      </c>
      <c r="AE21291">
        <v>42</v>
      </c>
      <c r="AF21291">
        <v>43</v>
      </c>
      <c r="AG21291">
        <v>43</v>
      </c>
      <c r="AH21291">
        <v>44</v>
      </c>
      <c r="AI21291">
        <v>45</v>
      </c>
      <c r="AJ21291">
        <v>46</v>
      </c>
      <c r="AK21291">
        <v>47</v>
      </c>
      <c r="AL21291">
        <v>47</v>
      </c>
      <c r="AM21291">
        <v>48</v>
      </c>
      <c r="AN21291">
        <v>49</v>
      </c>
      <c r="AO21291">
        <v>50</v>
      </c>
      <c r="AP21291">
        <v>51</v>
      </c>
      <c r="AQ21291">
        <v>52</v>
      </c>
    </row>
    <row r="21292" spans="1:43">
      <c r="A21292" t="s">
        <v>13201</v>
      </c>
      <c r="B21292" t="s">
        <v>13202</v>
      </c>
      <c r="C21292" t="s">
        <v>13199</v>
      </c>
      <c r="D21292" t="s">
        <v>13200</v>
      </c>
      <c r="E21292" t="s">
        <v>13165</v>
      </c>
      <c r="F21292" t="s">
        <v>13166</v>
      </c>
      <c r="G21292" t="s">
        <v>10214</v>
      </c>
      <c r="H21292" t="s">
        <v>10215</v>
      </c>
      <c r="I21292" s="2">
        <v>1</v>
      </c>
      <c r="J21292" s="2">
        <v>0</v>
      </c>
      <c r="K21292" s="2">
        <v>0</v>
      </c>
      <c r="L21292" t="s">
        <v>120</v>
      </c>
      <c r="M21292" t="s">
        <v>89</v>
      </c>
      <c r="N21292" t="s">
        <v>90</v>
      </c>
      <c r="O21292" t="s">
        <v>85</v>
      </c>
      <c r="P21292" t="s">
        <v>86</v>
      </c>
      <c r="Q21292">
        <v>33</v>
      </c>
      <c r="R21292">
        <v>34</v>
      </c>
      <c r="S21292">
        <v>35</v>
      </c>
      <c r="T21292">
        <v>37</v>
      </c>
      <c r="U21292">
        <v>38</v>
      </c>
      <c r="V21292">
        <v>39</v>
      </c>
      <c r="W21292">
        <v>40</v>
      </c>
      <c r="X21292">
        <v>41</v>
      </c>
      <c r="Y21292">
        <v>42</v>
      </c>
      <c r="Z21292">
        <v>44</v>
      </c>
      <c r="AA21292">
        <v>45</v>
      </c>
      <c r="AB21292">
        <v>46</v>
      </c>
      <c r="AC21292">
        <v>47</v>
      </c>
      <c r="AD21292">
        <v>49</v>
      </c>
      <c r="AE21292">
        <v>50</v>
      </c>
      <c r="AF21292">
        <v>50</v>
      </c>
      <c r="AG21292">
        <v>51</v>
      </c>
      <c r="AH21292">
        <v>52</v>
      </c>
      <c r="AI21292">
        <v>53</v>
      </c>
      <c r="AJ21292">
        <v>53</v>
      </c>
      <c r="AK21292">
        <v>54</v>
      </c>
      <c r="AL21292">
        <v>55</v>
      </c>
      <c r="AM21292">
        <v>56</v>
      </c>
      <c r="AN21292">
        <v>57</v>
      </c>
      <c r="AO21292">
        <v>58</v>
      </c>
      <c r="AP21292">
        <v>58</v>
      </c>
      <c r="AQ21292">
        <v>59</v>
      </c>
    </row>
    <row r="21293" spans="1:43">
      <c r="A21293" t="s">
        <v>13201</v>
      </c>
      <c r="B21293" t="s">
        <v>13202</v>
      </c>
      <c r="C21293" t="s">
        <v>13199</v>
      </c>
      <c r="D21293" t="s">
        <v>13200</v>
      </c>
      <c r="E21293" t="s">
        <v>13165</v>
      </c>
      <c r="F21293" t="s">
        <v>13166</v>
      </c>
      <c r="G21293" t="s">
        <v>10214</v>
      </c>
      <c r="H21293" t="s">
        <v>10215</v>
      </c>
      <c r="I21293" s="2">
        <v>1</v>
      </c>
      <c r="J21293" s="2">
        <v>0</v>
      </c>
      <c r="K21293" s="2">
        <v>0</v>
      </c>
      <c r="L21293" t="s">
        <v>120</v>
      </c>
      <c r="M21293" t="s">
        <v>83</v>
      </c>
      <c r="N21293" t="s">
        <v>91</v>
      </c>
      <c r="O21293" t="s">
        <v>85</v>
      </c>
      <c r="P21293" t="s">
        <v>86</v>
      </c>
      <c r="Q21293">
        <v>33</v>
      </c>
      <c r="R21293">
        <v>34</v>
      </c>
      <c r="S21293">
        <v>34</v>
      </c>
      <c r="T21293">
        <v>35</v>
      </c>
      <c r="U21293">
        <v>36</v>
      </c>
      <c r="V21293">
        <v>37</v>
      </c>
      <c r="W21293">
        <v>38</v>
      </c>
      <c r="X21293">
        <v>39</v>
      </c>
      <c r="Y21293">
        <v>40</v>
      </c>
      <c r="Z21293">
        <v>41</v>
      </c>
      <c r="AA21293">
        <v>42</v>
      </c>
      <c r="AB21293">
        <v>43</v>
      </c>
      <c r="AC21293">
        <v>44</v>
      </c>
      <c r="AD21293">
        <v>45</v>
      </c>
      <c r="AE21293">
        <v>46</v>
      </c>
      <c r="AF21293">
        <v>47</v>
      </c>
      <c r="AG21293">
        <v>49</v>
      </c>
      <c r="AH21293">
        <v>50</v>
      </c>
      <c r="AI21293">
        <v>51</v>
      </c>
      <c r="AJ21293">
        <v>52</v>
      </c>
      <c r="AK21293">
        <v>53</v>
      </c>
      <c r="AL21293">
        <v>54</v>
      </c>
      <c r="AM21293">
        <v>55</v>
      </c>
      <c r="AN21293">
        <v>56</v>
      </c>
      <c r="AO21293">
        <v>57</v>
      </c>
      <c r="AP21293">
        <v>58</v>
      </c>
      <c r="AQ21293">
        <v>59</v>
      </c>
    </row>
    <row r="21294" spans="1:43">
      <c r="A21294" t="s">
        <v>13203</v>
      </c>
      <c r="B21294" t="s">
        <v>13204</v>
      </c>
      <c r="C21294" t="s">
        <v>13199</v>
      </c>
      <c r="D21294" t="s">
        <v>13200</v>
      </c>
      <c r="E21294" t="s">
        <v>13165</v>
      </c>
      <c r="F21294" t="s">
        <v>13166</v>
      </c>
      <c r="G21294" t="s">
        <v>10214</v>
      </c>
      <c r="H21294" t="s">
        <v>10215</v>
      </c>
      <c r="I21294" s="2">
        <v>1</v>
      </c>
      <c r="J21294" s="2">
        <v>0</v>
      </c>
      <c r="K21294" s="2">
        <v>0</v>
      </c>
      <c r="L21294" t="s">
        <v>120</v>
      </c>
      <c r="M21294" t="s">
        <v>83</v>
      </c>
      <c r="N21294" t="s">
        <v>84</v>
      </c>
      <c r="O21294" t="s">
        <v>85</v>
      </c>
      <c r="P21294" t="s">
        <v>86</v>
      </c>
      <c r="Q21294">
        <v>35</v>
      </c>
      <c r="R21294">
        <v>36</v>
      </c>
      <c r="S21294">
        <v>37</v>
      </c>
      <c r="T21294">
        <v>38</v>
      </c>
      <c r="U21294">
        <v>39</v>
      </c>
      <c r="V21294">
        <v>40</v>
      </c>
      <c r="W21294">
        <v>41</v>
      </c>
      <c r="X21294">
        <v>42</v>
      </c>
      <c r="Y21294">
        <v>43</v>
      </c>
      <c r="Z21294">
        <v>44</v>
      </c>
      <c r="AA21294">
        <v>45</v>
      </c>
      <c r="AB21294">
        <v>46</v>
      </c>
      <c r="AC21294">
        <v>48</v>
      </c>
      <c r="AD21294">
        <v>49</v>
      </c>
      <c r="AE21294">
        <v>50</v>
      </c>
      <c r="AF21294">
        <v>51</v>
      </c>
      <c r="AG21294">
        <v>52</v>
      </c>
      <c r="AH21294">
        <v>54</v>
      </c>
      <c r="AI21294">
        <v>55</v>
      </c>
      <c r="AJ21294">
        <v>56</v>
      </c>
      <c r="AK21294">
        <v>58</v>
      </c>
      <c r="AL21294">
        <v>59</v>
      </c>
      <c r="AM21294">
        <v>59</v>
      </c>
      <c r="AN21294">
        <v>60</v>
      </c>
      <c r="AO21294">
        <v>61</v>
      </c>
      <c r="AP21294">
        <v>62</v>
      </c>
      <c r="AQ21294">
        <v>63</v>
      </c>
    </row>
    <row r="21295" spans="1:43">
      <c r="A21295" t="s">
        <v>13203</v>
      </c>
      <c r="B21295" t="s">
        <v>13204</v>
      </c>
      <c r="C21295" t="s">
        <v>13199</v>
      </c>
      <c r="D21295" t="s">
        <v>13200</v>
      </c>
      <c r="E21295" t="s">
        <v>13165</v>
      </c>
      <c r="F21295" t="s">
        <v>13166</v>
      </c>
      <c r="G21295" t="s">
        <v>10214</v>
      </c>
      <c r="H21295" t="s">
        <v>10215</v>
      </c>
      <c r="I21295" s="2">
        <v>1</v>
      </c>
      <c r="J21295" s="2">
        <v>0</v>
      </c>
      <c r="K21295" s="2">
        <v>0</v>
      </c>
      <c r="L21295" t="s">
        <v>120</v>
      </c>
      <c r="M21295" t="s">
        <v>87</v>
      </c>
      <c r="N21295" t="s">
        <v>88</v>
      </c>
      <c r="O21295" t="s">
        <v>85</v>
      </c>
      <c r="P21295" t="s">
        <v>86</v>
      </c>
      <c r="Q21295">
        <v>35</v>
      </c>
      <c r="R21295">
        <v>36</v>
      </c>
      <c r="S21295">
        <v>36</v>
      </c>
      <c r="T21295">
        <v>37</v>
      </c>
      <c r="U21295">
        <v>37</v>
      </c>
      <c r="V21295">
        <v>38</v>
      </c>
      <c r="W21295">
        <v>39</v>
      </c>
      <c r="X21295">
        <v>39</v>
      </c>
      <c r="Y21295">
        <v>40</v>
      </c>
      <c r="Z21295">
        <v>41</v>
      </c>
      <c r="AA21295">
        <v>41</v>
      </c>
      <c r="AB21295">
        <v>42</v>
      </c>
      <c r="AC21295">
        <v>43</v>
      </c>
      <c r="AD21295">
        <v>44</v>
      </c>
      <c r="AE21295">
        <v>44</v>
      </c>
      <c r="AF21295">
        <v>45</v>
      </c>
      <c r="AG21295">
        <v>46</v>
      </c>
      <c r="AH21295">
        <v>47</v>
      </c>
      <c r="AI21295">
        <v>47</v>
      </c>
      <c r="AJ21295">
        <v>48</v>
      </c>
      <c r="AK21295">
        <v>49</v>
      </c>
      <c r="AL21295">
        <v>50</v>
      </c>
      <c r="AM21295">
        <v>51</v>
      </c>
      <c r="AN21295">
        <v>52</v>
      </c>
      <c r="AO21295">
        <v>53</v>
      </c>
      <c r="AP21295">
        <v>54</v>
      </c>
      <c r="AQ21295">
        <v>55</v>
      </c>
    </row>
    <row r="21296" spans="1:43">
      <c r="A21296" t="s">
        <v>13203</v>
      </c>
      <c r="B21296" t="s">
        <v>13204</v>
      </c>
      <c r="C21296" t="s">
        <v>13199</v>
      </c>
      <c r="D21296" t="s">
        <v>13200</v>
      </c>
      <c r="E21296" t="s">
        <v>13165</v>
      </c>
      <c r="F21296" t="s">
        <v>13166</v>
      </c>
      <c r="G21296" t="s">
        <v>10214</v>
      </c>
      <c r="H21296" t="s">
        <v>10215</v>
      </c>
      <c r="I21296" s="2">
        <v>1</v>
      </c>
      <c r="J21296" s="2">
        <v>0</v>
      </c>
      <c r="K21296" s="2">
        <v>0</v>
      </c>
      <c r="L21296" t="s">
        <v>120</v>
      </c>
      <c r="M21296" t="s">
        <v>89</v>
      </c>
      <c r="N21296" t="s">
        <v>90</v>
      </c>
      <c r="O21296" t="s">
        <v>85</v>
      </c>
      <c r="P21296" t="s">
        <v>86</v>
      </c>
      <c r="Q21296">
        <v>35</v>
      </c>
      <c r="R21296">
        <v>36</v>
      </c>
      <c r="S21296">
        <v>37</v>
      </c>
      <c r="T21296">
        <v>38</v>
      </c>
      <c r="U21296">
        <v>40</v>
      </c>
      <c r="V21296">
        <v>41</v>
      </c>
      <c r="W21296">
        <v>42</v>
      </c>
      <c r="X21296">
        <v>43</v>
      </c>
      <c r="Y21296">
        <v>45</v>
      </c>
      <c r="Z21296">
        <v>46</v>
      </c>
      <c r="AA21296">
        <v>47</v>
      </c>
      <c r="AB21296">
        <v>49</v>
      </c>
      <c r="AC21296">
        <v>50</v>
      </c>
      <c r="AD21296">
        <v>51</v>
      </c>
      <c r="AE21296">
        <v>53</v>
      </c>
      <c r="AF21296">
        <v>53</v>
      </c>
      <c r="AG21296">
        <v>54</v>
      </c>
      <c r="AH21296">
        <v>55</v>
      </c>
      <c r="AI21296">
        <v>56</v>
      </c>
      <c r="AJ21296">
        <v>57</v>
      </c>
      <c r="AK21296">
        <v>58</v>
      </c>
      <c r="AL21296">
        <v>58</v>
      </c>
      <c r="AM21296">
        <v>59</v>
      </c>
      <c r="AN21296">
        <v>60</v>
      </c>
      <c r="AO21296">
        <v>61</v>
      </c>
      <c r="AP21296">
        <v>62</v>
      </c>
      <c r="AQ21296">
        <v>63</v>
      </c>
    </row>
    <row r="21297" spans="1:43">
      <c r="A21297" t="s">
        <v>13203</v>
      </c>
      <c r="B21297" t="s">
        <v>13204</v>
      </c>
      <c r="C21297" t="s">
        <v>13199</v>
      </c>
      <c r="D21297" t="s">
        <v>13200</v>
      </c>
      <c r="E21297" t="s">
        <v>13165</v>
      </c>
      <c r="F21297" t="s">
        <v>13166</v>
      </c>
      <c r="G21297" t="s">
        <v>10214</v>
      </c>
      <c r="H21297" t="s">
        <v>10215</v>
      </c>
      <c r="I21297" s="2">
        <v>1</v>
      </c>
      <c r="J21297" s="2">
        <v>0</v>
      </c>
      <c r="K21297" s="2">
        <v>0</v>
      </c>
      <c r="L21297" t="s">
        <v>120</v>
      </c>
      <c r="M21297" t="s">
        <v>83</v>
      </c>
      <c r="N21297" t="s">
        <v>91</v>
      </c>
      <c r="O21297" t="s">
        <v>85</v>
      </c>
      <c r="P21297" t="s">
        <v>86</v>
      </c>
      <c r="Q21297">
        <v>35</v>
      </c>
      <c r="R21297">
        <v>36</v>
      </c>
      <c r="S21297">
        <v>37</v>
      </c>
      <c r="T21297">
        <v>38</v>
      </c>
      <c r="U21297">
        <v>39</v>
      </c>
      <c r="V21297">
        <v>40</v>
      </c>
      <c r="W21297">
        <v>41</v>
      </c>
      <c r="X21297">
        <v>42</v>
      </c>
      <c r="Y21297">
        <v>43</v>
      </c>
      <c r="Z21297">
        <v>44</v>
      </c>
      <c r="AA21297">
        <v>45</v>
      </c>
      <c r="AB21297">
        <v>46</v>
      </c>
      <c r="AC21297">
        <v>48</v>
      </c>
      <c r="AD21297">
        <v>49</v>
      </c>
      <c r="AE21297">
        <v>50</v>
      </c>
      <c r="AF21297">
        <v>51</v>
      </c>
      <c r="AG21297">
        <v>52</v>
      </c>
      <c r="AH21297">
        <v>54</v>
      </c>
      <c r="AI21297">
        <v>55</v>
      </c>
      <c r="AJ21297">
        <v>56</v>
      </c>
      <c r="AK21297">
        <v>58</v>
      </c>
      <c r="AL21297">
        <v>59</v>
      </c>
      <c r="AM21297">
        <v>59</v>
      </c>
      <c r="AN21297">
        <v>60</v>
      </c>
      <c r="AO21297">
        <v>61</v>
      </c>
      <c r="AP21297">
        <v>62</v>
      </c>
      <c r="AQ21297">
        <v>63</v>
      </c>
    </row>
    <row r="21298" spans="1:43">
      <c r="A21298" t="s">
        <v>13205</v>
      </c>
      <c r="B21298" t="s">
        <v>13206</v>
      </c>
      <c r="C21298" t="s">
        <v>13183</v>
      </c>
      <c r="D21298" t="s">
        <v>13184</v>
      </c>
      <c r="E21298" t="s">
        <v>13165</v>
      </c>
      <c r="F21298" t="s">
        <v>13166</v>
      </c>
      <c r="G21298" t="s">
        <v>10214</v>
      </c>
      <c r="H21298" t="s">
        <v>10215</v>
      </c>
      <c r="I21298" s="2">
        <v>1</v>
      </c>
      <c r="J21298" s="2">
        <v>0</v>
      </c>
      <c r="K21298" s="2">
        <v>0</v>
      </c>
      <c r="L21298" t="s">
        <v>120</v>
      </c>
      <c r="M21298" t="s">
        <v>83</v>
      </c>
      <c r="N21298" t="s">
        <v>84</v>
      </c>
      <c r="O21298" t="s">
        <v>85</v>
      </c>
      <c r="P21298" t="s">
        <v>86</v>
      </c>
      <c r="Q21298">
        <v>11</v>
      </c>
      <c r="R21298">
        <v>11</v>
      </c>
      <c r="S21298">
        <v>12</v>
      </c>
      <c r="T21298">
        <v>12</v>
      </c>
      <c r="U21298">
        <v>12</v>
      </c>
      <c r="V21298">
        <v>13</v>
      </c>
      <c r="W21298">
        <v>13</v>
      </c>
      <c r="X21298">
        <v>13</v>
      </c>
      <c r="Y21298">
        <v>14</v>
      </c>
      <c r="Z21298">
        <v>14</v>
      </c>
      <c r="AA21298">
        <v>14</v>
      </c>
      <c r="AB21298">
        <v>15</v>
      </c>
      <c r="AC21298">
        <v>15</v>
      </c>
      <c r="AD21298">
        <v>15</v>
      </c>
      <c r="AE21298">
        <v>16</v>
      </c>
      <c r="AF21298">
        <v>16</v>
      </c>
      <c r="AG21298">
        <v>16</v>
      </c>
      <c r="AH21298">
        <v>17</v>
      </c>
      <c r="AI21298">
        <v>17</v>
      </c>
      <c r="AJ21298">
        <v>18</v>
      </c>
      <c r="AK21298">
        <v>18</v>
      </c>
      <c r="AL21298">
        <v>18</v>
      </c>
      <c r="AM21298">
        <v>19</v>
      </c>
      <c r="AN21298">
        <v>19</v>
      </c>
      <c r="AO21298">
        <v>19</v>
      </c>
      <c r="AP21298">
        <v>19</v>
      </c>
      <c r="AQ21298">
        <v>20</v>
      </c>
    </row>
    <row r="21299" spans="1:43">
      <c r="A21299" t="s">
        <v>13205</v>
      </c>
      <c r="B21299" t="s">
        <v>13206</v>
      </c>
      <c r="C21299" t="s">
        <v>13183</v>
      </c>
      <c r="D21299" t="s">
        <v>13184</v>
      </c>
      <c r="E21299" t="s">
        <v>13165</v>
      </c>
      <c r="F21299" t="s">
        <v>13166</v>
      </c>
      <c r="G21299" t="s">
        <v>10214</v>
      </c>
      <c r="H21299" t="s">
        <v>10215</v>
      </c>
      <c r="I21299" s="2">
        <v>1</v>
      </c>
      <c r="J21299" s="2">
        <v>0</v>
      </c>
      <c r="K21299" s="2">
        <v>0</v>
      </c>
      <c r="L21299" t="s">
        <v>120</v>
      </c>
      <c r="M21299" t="s">
        <v>87</v>
      </c>
      <c r="N21299" t="s">
        <v>88</v>
      </c>
      <c r="O21299" t="s">
        <v>85</v>
      </c>
      <c r="P21299" t="s">
        <v>86</v>
      </c>
      <c r="Q21299">
        <v>11</v>
      </c>
      <c r="R21299">
        <v>11</v>
      </c>
      <c r="S21299">
        <v>11</v>
      </c>
      <c r="T21299">
        <v>12</v>
      </c>
      <c r="U21299">
        <v>12</v>
      </c>
      <c r="V21299">
        <v>12</v>
      </c>
      <c r="W21299">
        <v>12</v>
      </c>
      <c r="X21299">
        <v>12</v>
      </c>
      <c r="Y21299">
        <v>13</v>
      </c>
      <c r="Z21299">
        <v>13</v>
      </c>
      <c r="AA21299">
        <v>13</v>
      </c>
      <c r="AB21299">
        <v>13</v>
      </c>
      <c r="AC21299">
        <v>13</v>
      </c>
      <c r="AD21299">
        <v>14</v>
      </c>
      <c r="AE21299">
        <v>14</v>
      </c>
      <c r="AF21299">
        <v>14</v>
      </c>
      <c r="AG21299">
        <v>14</v>
      </c>
      <c r="AH21299">
        <v>15</v>
      </c>
      <c r="AI21299">
        <v>15</v>
      </c>
      <c r="AJ21299">
        <v>15</v>
      </c>
      <c r="AK21299">
        <v>15</v>
      </c>
      <c r="AL21299">
        <v>16</v>
      </c>
      <c r="AM21299">
        <v>16</v>
      </c>
      <c r="AN21299">
        <v>16</v>
      </c>
      <c r="AO21299">
        <v>17</v>
      </c>
      <c r="AP21299">
        <v>17</v>
      </c>
      <c r="AQ21299">
        <v>17</v>
      </c>
    </row>
    <row r="21300" spans="1:43">
      <c r="A21300" t="s">
        <v>13205</v>
      </c>
      <c r="B21300" t="s">
        <v>13206</v>
      </c>
      <c r="C21300" t="s">
        <v>13183</v>
      </c>
      <c r="D21300" t="s">
        <v>13184</v>
      </c>
      <c r="E21300" t="s">
        <v>13165</v>
      </c>
      <c r="F21300" t="s">
        <v>13166</v>
      </c>
      <c r="G21300" t="s">
        <v>10214</v>
      </c>
      <c r="H21300" t="s">
        <v>10215</v>
      </c>
      <c r="I21300" s="2">
        <v>1</v>
      </c>
      <c r="J21300" s="2">
        <v>0</v>
      </c>
      <c r="K21300" s="2">
        <v>0</v>
      </c>
      <c r="L21300" t="s">
        <v>120</v>
      </c>
      <c r="M21300" t="s">
        <v>89</v>
      </c>
      <c r="N21300" t="s">
        <v>90</v>
      </c>
      <c r="O21300" t="s">
        <v>85</v>
      </c>
      <c r="P21300" t="s">
        <v>86</v>
      </c>
      <c r="Q21300">
        <v>11</v>
      </c>
      <c r="R21300">
        <v>12</v>
      </c>
      <c r="S21300">
        <v>12</v>
      </c>
      <c r="T21300">
        <v>12</v>
      </c>
      <c r="U21300">
        <v>13</v>
      </c>
      <c r="V21300">
        <v>13</v>
      </c>
      <c r="W21300">
        <v>14</v>
      </c>
      <c r="X21300">
        <v>14</v>
      </c>
      <c r="Y21300">
        <v>14</v>
      </c>
      <c r="Z21300">
        <v>15</v>
      </c>
      <c r="AA21300">
        <v>15</v>
      </c>
      <c r="AB21300">
        <v>15</v>
      </c>
      <c r="AC21300">
        <v>16</v>
      </c>
      <c r="AD21300">
        <v>16</v>
      </c>
      <c r="AE21300">
        <v>17</v>
      </c>
      <c r="AF21300">
        <v>17</v>
      </c>
      <c r="AG21300">
        <v>17</v>
      </c>
      <c r="AH21300">
        <v>17</v>
      </c>
      <c r="AI21300">
        <v>18</v>
      </c>
      <c r="AJ21300">
        <v>18</v>
      </c>
      <c r="AK21300">
        <v>18</v>
      </c>
      <c r="AL21300">
        <v>19</v>
      </c>
      <c r="AM21300">
        <v>19</v>
      </c>
      <c r="AN21300">
        <v>19</v>
      </c>
      <c r="AO21300">
        <v>19</v>
      </c>
      <c r="AP21300">
        <v>20</v>
      </c>
      <c r="AQ21300">
        <v>20</v>
      </c>
    </row>
    <row r="21301" spans="1:43">
      <c r="A21301" t="s">
        <v>13205</v>
      </c>
      <c r="B21301" t="s">
        <v>13206</v>
      </c>
      <c r="C21301" t="s">
        <v>13183</v>
      </c>
      <c r="D21301" t="s">
        <v>13184</v>
      </c>
      <c r="E21301" t="s">
        <v>13165</v>
      </c>
      <c r="F21301" t="s">
        <v>13166</v>
      </c>
      <c r="G21301" t="s">
        <v>10214</v>
      </c>
      <c r="H21301" t="s">
        <v>10215</v>
      </c>
      <c r="I21301" s="2">
        <v>1</v>
      </c>
      <c r="J21301" s="2">
        <v>0</v>
      </c>
      <c r="K21301" s="2">
        <v>0</v>
      </c>
      <c r="L21301" t="s">
        <v>120</v>
      </c>
      <c r="M21301" t="s">
        <v>83</v>
      </c>
      <c r="N21301" t="s">
        <v>91</v>
      </c>
      <c r="O21301" t="s">
        <v>85</v>
      </c>
      <c r="P21301" t="s">
        <v>86</v>
      </c>
      <c r="Q21301">
        <v>11</v>
      </c>
      <c r="R21301">
        <v>11</v>
      </c>
      <c r="S21301">
        <v>12</v>
      </c>
      <c r="T21301">
        <v>12</v>
      </c>
      <c r="U21301">
        <v>12</v>
      </c>
      <c r="V21301">
        <v>13</v>
      </c>
      <c r="W21301">
        <v>13</v>
      </c>
      <c r="X21301">
        <v>13</v>
      </c>
      <c r="Y21301">
        <v>14</v>
      </c>
      <c r="Z21301">
        <v>14</v>
      </c>
      <c r="AA21301">
        <v>14</v>
      </c>
      <c r="AB21301">
        <v>15</v>
      </c>
      <c r="AC21301">
        <v>15</v>
      </c>
      <c r="AD21301">
        <v>15</v>
      </c>
      <c r="AE21301">
        <v>16</v>
      </c>
      <c r="AF21301">
        <v>16</v>
      </c>
      <c r="AG21301">
        <v>16</v>
      </c>
      <c r="AH21301">
        <v>17</v>
      </c>
      <c r="AI21301">
        <v>17</v>
      </c>
      <c r="AJ21301">
        <v>18</v>
      </c>
      <c r="AK21301">
        <v>18</v>
      </c>
      <c r="AL21301">
        <v>18</v>
      </c>
      <c r="AM21301">
        <v>19</v>
      </c>
      <c r="AN21301">
        <v>19</v>
      </c>
      <c r="AO21301">
        <v>19</v>
      </c>
      <c r="AP21301">
        <v>19</v>
      </c>
      <c r="AQ21301">
        <v>20</v>
      </c>
    </row>
    <row r="21302" spans="1:43">
      <c r="A21302" t="s">
        <v>13207</v>
      </c>
      <c r="B21302" t="s">
        <v>13208</v>
      </c>
      <c r="C21302" t="s">
        <v>13179</v>
      </c>
      <c r="D21302" t="s">
        <v>13180</v>
      </c>
      <c r="E21302" t="s">
        <v>13165</v>
      </c>
      <c r="F21302" t="s">
        <v>13166</v>
      </c>
      <c r="G21302" t="s">
        <v>10214</v>
      </c>
      <c r="H21302" t="s">
        <v>10215</v>
      </c>
      <c r="I21302" s="2">
        <v>1</v>
      </c>
      <c r="J21302" s="2">
        <v>0</v>
      </c>
      <c r="K21302" s="2">
        <v>0</v>
      </c>
      <c r="L21302" t="s">
        <v>120</v>
      </c>
      <c r="M21302" t="s">
        <v>83</v>
      </c>
      <c r="N21302" t="s">
        <v>84</v>
      </c>
      <c r="O21302" t="s">
        <v>85</v>
      </c>
      <c r="P21302" t="s">
        <v>86</v>
      </c>
      <c r="Q21302">
        <v>27</v>
      </c>
      <c r="R21302">
        <v>27</v>
      </c>
      <c r="S21302">
        <v>28</v>
      </c>
      <c r="T21302">
        <v>29</v>
      </c>
      <c r="U21302">
        <v>30</v>
      </c>
      <c r="V21302">
        <v>31</v>
      </c>
      <c r="W21302">
        <v>31</v>
      </c>
      <c r="X21302">
        <v>32</v>
      </c>
      <c r="Y21302">
        <v>33</v>
      </c>
      <c r="Z21302">
        <v>34</v>
      </c>
      <c r="AA21302">
        <v>34</v>
      </c>
      <c r="AB21302">
        <v>35</v>
      </c>
      <c r="AC21302">
        <v>36</v>
      </c>
      <c r="AD21302">
        <v>37</v>
      </c>
      <c r="AE21302">
        <v>38</v>
      </c>
      <c r="AF21302">
        <v>39</v>
      </c>
      <c r="AG21302">
        <v>40</v>
      </c>
      <c r="AH21302">
        <v>41</v>
      </c>
      <c r="AI21302">
        <v>41</v>
      </c>
      <c r="AJ21302">
        <v>42</v>
      </c>
      <c r="AK21302">
        <v>43</v>
      </c>
      <c r="AL21302">
        <v>44</v>
      </c>
      <c r="AM21302">
        <v>45</v>
      </c>
      <c r="AN21302">
        <v>46</v>
      </c>
      <c r="AO21302">
        <v>46</v>
      </c>
      <c r="AP21302">
        <v>47</v>
      </c>
      <c r="AQ21302">
        <v>48</v>
      </c>
    </row>
    <row r="21303" spans="1:43">
      <c r="A21303" t="s">
        <v>13207</v>
      </c>
      <c r="B21303" t="s">
        <v>13208</v>
      </c>
      <c r="C21303" t="s">
        <v>13179</v>
      </c>
      <c r="D21303" t="s">
        <v>13180</v>
      </c>
      <c r="E21303" t="s">
        <v>13165</v>
      </c>
      <c r="F21303" t="s">
        <v>13166</v>
      </c>
      <c r="G21303" t="s">
        <v>10214</v>
      </c>
      <c r="H21303" t="s">
        <v>10215</v>
      </c>
      <c r="I21303" s="2">
        <v>1</v>
      </c>
      <c r="J21303" s="2">
        <v>0</v>
      </c>
      <c r="K21303" s="2">
        <v>0</v>
      </c>
      <c r="L21303" t="s">
        <v>120</v>
      </c>
      <c r="M21303" t="s">
        <v>87</v>
      </c>
      <c r="N21303" t="s">
        <v>88</v>
      </c>
      <c r="O21303" t="s">
        <v>85</v>
      </c>
      <c r="P21303" t="s">
        <v>86</v>
      </c>
      <c r="Q21303">
        <v>27</v>
      </c>
      <c r="R21303">
        <v>28</v>
      </c>
      <c r="S21303">
        <v>28</v>
      </c>
      <c r="T21303">
        <v>29</v>
      </c>
      <c r="U21303">
        <v>29</v>
      </c>
      <c r="V21303">
        <v>30</v>
      </c>
      <c r="W21303">
        <v>30</v>
      </c>
      <c r="X21303">
        <v>31</v>
      </c>
      <c r="Y21303">
        <v>31</v>
      </c>
      <c r="Z21303">
        <v>32</v>
      </c>
      <c r="AA21303">
        <v>32</v>
      </c>
      <c r="AB21303">
        <v>33</v>
      </c>
      <c r="AC21303">
        <v>34</v>
      </c>
      <c r="AD21303">
        <v>34</v>
      </c>
      <c r="AE21303">
        <v>35</v>
      </c>
      <c r="AF21303">
        <v>35</v>
      </c>
      <c r="AG21303">
        <v>36</v>
      </c>
      <c r="AH21303">
        <v>36</v>
      </c>
      <c r="AI21303">
        <v>37</v>
      </c>
      <c r="AJ21303">
        <v>38</v>
      </c>
      <c r="AK21303">
        <v>38</v>
      </c>
      <c r="AL21303">
        <v>39</v>
      </c>
      <c r="AM21303">
        <v>40</v>
      </c>
      <c r="AN21303">
        <v>40</v>
      </c>
      <c r="AO21303">
        <v>41</v>
      </c>
      <c r="AP21303">
        <v>42</v>
      </c>
      <c r="AQ21303">
        <v>43</v>
      </c>
    </row>
    <row r="21304" spans="1:43">
      <c r="A21304" t="s">
        <v>13207</v>
      </c>
      <c r="B21304" t="s">
        <v>13208</v>
      </c>
      <c r="C21304" t="s">
        <v>13179</v>
      </c>
      <c r="D21304" t="s">
        <v>13180</v>
      </c>
      <c r="E21304" t="s">
        <v>13165</v>
      </c>
      <c r="F21304" t="s">
        <v>13166</v>
      </c>
      <c r="G21304" t="s">
        <v>10214</v>
      </c>
      <c r="H21304" t="s">
        <v>10215</v>
      </c>
      <c r="I21304" s="2">
        <v>1</v>
      </c>
      <c r="J21304" s="2">
        <v>0</v>
      </c>
      <c r="K21304" s="2">
        <v>0</v>
      </c>
      <c r="L21304" t="s">
        <v>120</v>
      </c>
      <c r="M21304" t="s">
        <v>89</v>
      </c>
      <c r="N21304" t="s">
        <v>90</v>
      </c>
      <c r="O21304" t="s">
        <v>85</v>
      </c>
      <c r="P21304" t="s">
        <v>86</v>
      </c>
      <c r="Q21304">
        <v>27</v>
      </c>
      <c r="R21304">
        <v>28</v>
      </c>
      <c r="S21304">
        <v>29</v>
      </c>
      <c r="T21304">
        <v>30</v>
      </c>
      <c r="U21304">
        <v>31</v>
      </c>
      <c r="V21304">
        <v>32</v>
      </c>
      <c r="W21304">
        <v>33</v>
      </c>
      <c r="X21304">
        <v>34</v>
      </c>
      <c r="Y21304">
        <v>35</v>
      </c>
      <c r="Z21304">
        <v>36</v>
      </c>
      <c r="AA21304">
        <v>37</v>
      </c>
      <c r="AB21304">
        <v>37</v>
      </c>
      <c r="AC21304">
        <v>39</v>
      </c>
      <c r="AD21304">
        <v>40</v>
      </c>
      <c r="AE21304">
        <v>40</v>
      </c>
      <c r="AF21304">
        <v>41</v>
      </c>
      <c r="AG21304">
        <v>42</v>
      </c>
      <c r="AH21304">
        <v>42</v>
      </c>
      <c r="AI21304">
        <v>43</v>
      </c>
      <c r="AJ21304">
        <v>43</v>
      </c>
      <c r="AK21304">
        <v>44</v>
      </c>
      <c r="AL21304">
        <v>45</v>
      </c>
      <c r="AM21304">
        <v>45</v>
      </c>
      <c r="AN21304">
        <v>46</v>
      </c>
      <c r="AO21304">
        <v>47</v>
      </c>
      <c r="AP21304">
        <v>47</v>
      </c>
      <c r="AQ21304">
        <v>48</v>
      </c>
    </row>
    <row r="21305" spans="1:43">
      <c r="A21305" t="s">
        <v>13207</v>
      </c>
      <c r="B21305" t="s">
        <v>13208</v>
      </c>
      <c r="C21305" t="s">
        <v>13179</v>
      </c>
      <c r="D21305" t="s">
        <v>13180</v>
      </c>
      <c r="E21305" t="s">
        <v>13165</v>
      </c>
      <c r="F21305" t="s">
        <v>13166</v>
      </c>
      <c r="G21305" t="s">
        <v>10214</v>
      </c>
      <c r="H21305" t="s">
        <v>10215</v>
      </c>
      <c r="I21305" s="2">
        <v>1</v>
      </c>
      <c r="J21305" s="2">
        <v>0</v>
      </c>
      <c r="K21305" s="2">
        <v>0</v>
      </c>
      <c r="L21305" t="s">
        <v>120</v>
      </c>
      <c r="M21305" t="s">
        <v>83</v>
      </c>
      <c r="N21305" t="s">
        <v>91</v>
      </c>
      <c r="O21305" t="s">
        <v>85</v>
      </c>
      <c r="P21305" t="s">
        <v>86</v>
      </c>
      <c r="Q21305">
        <v>27</v>
      </c>
      <c r="R21305">
        <v>27</v>
      </c>
      <c r="S21305">
        <v>28</v>
      </c>
      <c r="T21305">
        <v>29</v>
      </c>
      <c r="U21305">
        <v>30</v>
      </c>
      <c r="V21305">
        <v>31</v>
      </c>
      <c r="W21305">
        <v>31</v>
      </c>
      <c r="X21305">
        <v>32</v>
      </c>
      <c r="Y21305">
        <v>33</v>
      </c>
      <c r="Z21305">
        <v>34</v>
      </c>
      <c r="AA21305">
        <v>34</v>
      </c>
      <c r="AB21305">
        <v>35</v>
      </c>
      <c r="AC21305">
        <v>36</v>
      </c>
      <c r="AD21305">
        <v>37</v>
      </c>
      <c r="AE21305">
        <v>38</v>
      </c>
      <c r="AF21305">
        <v>39</v>
      </c>
      <c r="AG21305">
        <v>40</v>
      </c>
      <c r="AH21305">
        <v>41</v>
      </c>
      <c r="AI21305">
        <v>41</v>
      </c>
      <c r="AJ21305">
        <v>42</v>
      </c>
      <c r="AK21305">
        <v>43</v>
      </c>
      <c r="AL21305">
        <v>44</v>
      </c>
      <c r="AM21305">
        <v>45</v>
      </c>
      <c r="AN21305">
        <v>46</v>
      </c>
      <c r="AO21305">
        <v>46</v>
      </c>
      <c r="AP21305">
        <v>47</v>
      </c>
      <c r="AQ21305">
        <v>48</v>
      </c>
    </row>
    <row r="21306" spans="1:43">
      <c r="A21306" t="s">
        <v>13209</v>
      </c>
      <c r="B21306" t="s">
        <v>13210</v>
      </c>
      <c r="C21306" t="s">
        <v>13183</v>
      </c>
      <c r="D21306" t="s">
        <v>13184</v>
      </c>
      <c r="E21306" t="s">
        <v>13165</v>
      </c>
      <c r="F21306" t="s">
        <v>13166</v>
      </c>
      <c r="G21306" t="s">
        <v>10214</v>
      </c>
      <c r="H21306" t="s">
        <v>10215</v>
      </c>
      <c r="I21306" s="2">
        <v>1</v>
      </c>
      <c r="J21306" s="2">
        <v>0</v>
      </c>
      <c r="K21306" s="2">
        <v>0</v>
      </c>
      <c r="L21306" t="s">
        <v>120</v>
      </c>
      <c r="M21306" t="s">
        <v>83</v>
      </c>
      <c r="N21306" t="s">
        <v>84</v>
      </c>
      <c r="O21306" t="s">
        <v>85</v>
      </c>
      <c r="P21306" t="s">
        <v>86</v>
      </c>
      <c r="Q21306">
        <v>6</v>
      </c>
      <c r="R21306">
        <v>6</v>
      </c>
      <c r="S21306">
        <v>6</v>
      </c>
      <c r="T21306">
        <v>6</v>
      </c>
      <c r="U21306">
        <v>6</v>
      </c>
      <c r="V21306">
        <v>7</v>
      </c>
      <c r="W21306">
        <v>7</v>
      </c>
      <c r="X21306">
        <v>7</v>
      </c>
      <c r="Y21306">
        <v>7</v>
      </c>
      <c r="Z21306">
        <v>7</v>
      </c>
      <c r="AA21306">
        <v>7</v>
      </c>
      <c r="AB21306">
        <v>8</v>
      </c>
      <c r="AC21306">
        <v>8</v>
      </c>
      <c r="AD21306">
        <v>8</v>
      </c>
      <c r="AE21306">
        <v>8</v>
      </c>
      <c r="AF21306">
        <v>8</v>
      </c>
      <c r="AG21306">
        <v>9</v>
      </c>
      <c r="AH21306">
        <v>9</v>
      </c>
      <c r="AI21306">
        <v>9</v>
      </c>
      <c r="AJ21306">
        <v>9</v>
      </c>
      <c r="AK21306">
        <v>9</v>
      </c>
      <c r="AL21306">
        <v>10</v>
      </c>
      <c r="AM21306">
        <v>10</v>
      </c>
      <c r="AN21306">
        <v>10</v>
      </c>
      <c r="AO21306">
        <v>10</v>
      </c>
      <c r="AP21306">
        <v>10</v>
      </c>
      <c r="AQ21306">
        <v>10</v>
      </c>
    </row>
    <row r="21307" spans="1:43">
      <c r="A21307" t="s">
        <v>13209</v>
      </c>
      <c r="B21307" t="s">
        <v>13210</v>
      </c>
      <c r="C21307" t="s">
        <v>13183</v>
      </c>
      <c r="D21307" t="s">
        <v>13184</v>
      </c>
      <c r="E21307" t="s">
        <v>13165</v>
      </c>
      <c r="F21307" t="s">
        <v>13166</v>
      </c>
      <c r="G21307" t="s">
        <v>10214</v>
      </c>
      <c r="H21307" t="s">
        <v>10215</v>
      </c>
      <c r="I21307" s="2">
        <v>1</v>
      </c>
      <c r="J21307" s="2">
        <v>0</v>
      </c>
      <c r="K21307" s="2">
        <v>0</v>
      </c>
      <c r="L21307" t="s">
        <v>120</v>
      </c>
      <c r="M21307" t="s">
        <v>87</v>
      </c>
      <c r="N21307" t="s">
        <v>88</v>
      </c>
      <c r="O21307" t="s">
        <v>85</v>
      </c>
      <c r="P21307" t="s">
        <v>86</v>
      </c>
      <c r="Q21307">
        <v>6</v>
      </c>
      <c r="R21307">
        <v>6</v>
      </c>
      <c r="S21307">
        <v>6</v>
      </c>
      <c r="T21307">
        <v>6</v>
      </c>
      <c r="U21307">
        <v>6</v>
      </c>
      <c r="V21307">
        <v>6</v>
      </c>
      <c r="W21307">
        <v>6</v>
      </c>
      <c r="X21307">
        <v>6</v>
      </c>
      <c r="Y21307">
        <v>7</v>
      </c>
      <c r="Z21307">
        <v>7</v>
      </c>
      <c r="AA21307">
        <v>7</v>
      </c>
      <c r="AB21307">
        <v>7</v>
      </c>
      <c r="AC21307">
        <v>7</v>
      </c>
      <c r="AD21307">
        <v>7</v>
      </c>
      <c r="AE21307">
        <v>7</v>
      </c>
      <c r="AF21307">
        <v>7</v>
      </c>
      <c r="AG21307">
        <v>8</v>
      </c>
      <c r="AH21307">
        <v>8</v>
      </c>
      <c r="AI21307">
        <v>8</v>
      </c>
      <c r="AJ21307">
        <v>8</v>
      </c>
      <c r="AK21307">
        <v>8</v>
      </c>
      <c r="AL21307">
        <v>8</v>
      </c>
      <c r="AM21307">
        <v>8</v>
      </c>
      <c r="AN21307">
        <v>9</v>
      </c>
      <c r="AO21307">
        <v>9</v>
      </c>
      <c r="AP21307">
        <v>9</v>
      </c>
      <c r="AQ21307">
        <v>9</v>
      </c>
    </row>
    <row r="21308" spans="1:43">
      <c r="A21308" t="s">
        <v>13209</v>
      </c>
      <c r="B21308" t="s">
        <v>13210</v>
      </c>
      <c r="C21308" t="s">
        <v>13183</v>
      </c>
      <c r="D21308" t="s">
        <v>13184</v>
      </c>
      <c r="E21308" t="s">
        <v>13165</v>
      </c>
      <c r="F21308" t="s">
        <v>13166</v>
      </c>
      <c r="G21308" t="s">
        <v>10214</v>
      </c>
      <c r="H21308" t="s">
        <v>10215</v>
      </c>
      <c r="I21308" s="2">
        <v>1</v>
      </c>
      <c r="J21308" s="2">
        <v>0</v>
      </c>
      <c r="K21308" s="2">
        <v>0</v>
      </c>
      <c r="L21308" t="s">
        <v>120</v>
      </c>
      <c r="M21308" t="s">
        <v>89</v>
      </c>
      <c r="N21308" t="s">
        <v>90</v>
      </c>
      <c r="O21308" t="s">
        <v>85</v>
      </c>
      <c r="P21308" t="s">
        <v>86</v>
      </c>
      <c r="Q21308">
        <v>6</v>
      </c>
      <c r="R21308">
        <v>6</v>
      </c>
      <c r="S21308">
        <v>6</v>
      </c>
      <c r="T21308">
        <v>7</v>
      </c>
      <c r="U21308">
        <v>7</v>
      </c>
      <c r="V21308">
        <v>7</v>
      </c>
      <c r="W21308">
        <v>7</v>
      </c>
      <c r="X21308">
        <v>7</v>
      </c>
      <c r="Y21308">
        <v>8</v>
      </c>
      <c r="Z21308">
        <v>8</v>
      </c>
      <c r="AA21308">
        <v>8</v>
      </c>
      <c r="AB21308">
        <v>8</v>
      </c>
      <c r="AC21308">
        <v>8</v>
      </c>
      <c r="AD21308">
        <v>9</v>
      </c>
      <c r="AE21308">
        <v>9</v>
      </c>
      <c r="AF21308">
        <v>9</v>
      </c>
      <c r="AG21308">
        <v>9</v>
      </c>
      <c r="AH21308">
        <v>9</v>
      </c>
      <c r="AI21308">
        <v>9</v>
      </c>
      <c r="AJ21308">
        <v>9</v>
      </c>
      <c r="AK21308">
        <v>10</v>
      </c>
      <c r="AL21308">
        <v>10</v>
      </c>
      <c r="AM21308">
        <v>10</v>
      </c>
      <c r="AN21308">
        <v>10</v>
      </c>
      <c r="AO21308">
        <v>10</v>
      </c>
      <c r="AP21308">
        <v>10</v>
      </c>
      <c r="AQ21308">
        <v>10</v>
      </c>
    </row>
    <row r="21309" spans="1:43">
      <c r="A21309" t="s">
        <v>13209</v>
      </c>
      <c r="B21309" t="s">
        <v>13210</v>
      </c>
      <c r="C21309" t="s">
        <v>13183</v>
      </c>
      <c r="D21309" t="s">
        <v>13184</v>
      </c>
      <c r="E21309" t="s">
        <v>13165</v>
      </c>
      <c r="F21309" t="s">
        <v>13166</v>
      </c>
      <c r="G21309" t="s">
        <v>10214</v>
      </c>
      <c r="H21309" t="s">
        <v>10215</v>
      </c>
      <c r="I21309" s="2">
        <v>1</v>
      </c>
      <c r="J21309" s="2">
        <v>0</v>
      </c>
      <c r="K21309" s="2">
        <v>0</v>
      </c>
      <c r="L21309" t="s">
        <v>120</v>
      </c>
      <c r="M21309" t="s">
        <v>83</v>
      </c>
      <c r="N21309" t="s">
        <v>91</v>
      </c>
      <c r="O21309" t="s">
        <v>85</v>
      </c>
      <c r="P21309" t="s">
        <v>86</v>
      </c>
      <c r="Q21309">
        <v>6</v>
      </c>
      <c r="R21309">
        <v>6</v>
      </c>
      <c r="S21309">
        <v>6</v>
      </c>
      <c r="T21309">
        <v>6</v>
      </c>
      <c r="U21309">
        <v>6</v>
      </c>
      <c r="V21309">
        <v>7</v>
      </c>
      <c r="W21309">
        <v>7</v>
      </c>
      <c r="X21309">
        <v>7</v>
      </c>
      <c r="Y21309">
        <v>7</v>
      </c>
      <c r="Z21309">
        <v>7</v>
      </c>
      <c r="AA21309">
        <v>7</v>
      </c>
      <c r="AB21309">
        <v>8</v>
      </c>
      <c r="AC21309">
        <v>8</v>
      </c>
      <c r="AD21309">
        <v>8</v>
      </c>
      <c r="AE21309">
        <v>8</v>
      </c>
      <c r="AF21309">
        <v>8</v>
      </c>
      <c r="AG21309">
        <v>9</v>
      </c>
      <c r="AH21309">
        <v>9</v>
      </c>
      <c r="AI21309">
        <v>9</v>
      </c>
      <c r="AJ21309">
        <v>9</v>
      </c>
      <c r="AK21309">
        <v>9</v>
      </c>
      <c r="AL21309">
        <v>10</v>
      </c>
      <c r="AM21309">
        <v>10</v>
      </c>
      <c r="AN21309">
        <v>10</v>
      </c>
      <c r="AO21309">
        <v>10</v>
      </c>
      <c r="AP21309">
        <v>10</v>
      </c>
      <c r="AQ21309">
        <v>10</v>
      </c>
    </row>
    <row r="21310" spans="1:43">
      <c r="A21310" t="s">
        <v>13211</v>
      </c>
      <c r="B21310" t="s">
        <v>13212</v>
      </c>
      <c r="C21310" t="s">
        <v>13183</v>
      </c>
      <c r="D21310" t="s">
        <v>13184</v>
      </c>
      <c r="E21310" t="s">
        <v>13165</v>
      </c>
      <c r="F21310" t="s">
        <v>13166</v>
      </c>
      <c r="G21310" t="s">
        <v>10214</v>
      </c>
      <c r="H21310" t="s">
        <v>10215</v>
      </c>
      <c r="I21310" s="2">
        <v>1</v>
      </c>
      <c r="J21310" s="2">
        <v>0</v>
      </c>
      <c r="K21310" s="2">
        <v>0</v>
      </c>
      <c r="L21310" t="s">
        <v>120</v>
      </c>
      <c r="M21310" t="s">
        <v>83</v>
      </c>
      <c r="N21310" t="s">
        <v>84</v>
      </c>
      <c r="O21310" t="s">
        <v>85</v>
      </c>
      <c r="P21310" t="s">
        <v>86</v>
      </c>
      <c r="Q21310">
        <v>7</v>
      </c>
      <c r="R21310">
        <v>7</v>
      </c>
      <c r="S21310">
        <v>7</v>
      </c>
      <c r="T21310">
        <v>7</v>
      </c>
      <c r="U21310">
        <v>7</v>
      </c>
      <c r="V21310">
        <v>7</v>
      </c>
      <c r="W21310">
        <v>8</v>
      </c>
      <c r="X21310">
        <v>8</v>
      </c>
      <c r="Y21310">
        <v>8</v>
      </c>
      <c r="Z21310">
        <v>8</v>
      </c>
      <c r="AA21310">
        <v>8</v>
      </c>
      <c r="AB21310">
        <v>9</v>
      </c>
      <c r="AC21310">
        <v>9</v>
      </c>
      <c r="AD21310">
        <v>9</v>
      </c>
      <c r="AE21310">
        <v>9</v>
      </c>
      <c r="AF21310">
        <v>10</v>
      </c>
      <c r="AG21310">
        <v>10</v>
      </c>
      <c r="AH21310">
        <v>10</v>
      </c>
      <c r="AI21310">
        <v>10</v>
      </c>
      <c r="AJ21310">
        <v>10</v>
      </c>
      <c r="AK21310">
        <v>11</v>
      </c>
      <c r="AL21310">
        <v>11</v>
      </c>
      <c r="AM21310">
        <v>11</v>
      </c>
      <c r="AN21310">
        <v>11</v>
      </c>
      <c r="AO21310">
        <v>11</v>
      </c>
      <c r="AP21310">
        <v>12</v>
      </c>
      <c r="AQ21310">
        <v>12</v>
      </c>
    </row>
    <row r="21311" spans="1:43">
      <c r="A21311" t="s">
        <v>13211</v>
      </c>
      <c r="B21311" t="s">
        <v>13212</v>
      </c>
      <c r="C21311" t="s">
        <v>13183</v>
      </c>
      <c r="D21311" t="s">
        <v>13184</v>
      </c>
      <c r="E21311" t="s">
        <v>13165</v>
      </c>
      <c r="F21311" t="s">
        <v>13166</v>
      </c>
      <c r="G21311" t="s">
        <v>10214</v>
      </c>
      <c r="H21311" t="s">
        <v>10215</v>
      </c>
      <c r="I21311" s="2">
        <v>1</v>
      </c>
      <c r="J21311" s="2">
        <v>0</v>
      </c>
      <c r="K21311" s="2">
        <v>0</v>
      </c>
      <c r="L21311" t="s">
        <v>120</v>
      </c>
      <c r="M21311" t="s">
        <v>87</v>
      </c>
      <c r="N21311" t="s">
        <v>88</v>
      </c>
      <c r="O21311" t="s">
        <v>85</v>
      </c>
      <c r="P21311" t="s">
        <v>86</v>
      </c>
      <c r="Q21311">
        <v>7</v>
      </c>
      <c r="R21311">
        <v>7</v>
      </c>
      <c r="S21311">
        <v>7</v>
      </c>
      <c r="T21311">
        <v>7</v>
      </c>
      <c r="U21311">
        <v>7</v>
      </c>
      <c r="V21311">
        <v>7</v>
      </c>
      <c r="W21311">
        <v>7</v>
      </c>
      <c r="X21311">
        <v>7</v>
      </c>
      <c r="Y21311">
        <v>7</v>
      </c>
      <c r="Z21311">
        <v>8</v>
      </c>
      <c r="AA21311">
        <v>8</v>
      </c>
      <c r="AB21311">
        <v>8</v>
      </c>
      <c r="AC21311">
        <v>8</v>
      </c>
      <c r="AD21311">
        <v>8</v>
      </c>
      <c r="AE21311">
        <v>8</v>
      </c>
      <c r="AF21311">
        <v>8</v>
      </c>
      <c r="AG21311">
        <v>9</v>
      </c>
      <c r="AH21311">
        <v>9</v>
      </c>
      <c r="AI21311">
        <v>9</v>
      </c>
      <c r="AJ21311">
        <v>9</v>
      </c>
      <c r="AK21311">
        <v>9</v>
      </c>
      <c r="AL21311">
        <v>9</v>
      </c>
      <c r="AM21311">
        <v>10</v>
      </c>
      <c r="AN21311">
        <v>10</v>
      </c>
      <c r="AO21311">
        <v>10</v>
      </c>
      <c r="AP21311">
        <v>10</v>
      </c>
      <c r="AQ21311">
        <v>10</v>
      </c>
    </row>
    <row r="21312" spans="1:43">
      <c r="A21312" t="s">
        <v>13211</v>
      </c>
      <c r="B21312" t="s">
        <v>13212</v>
      </c>
      <c r="C21312" t="s">
        <v>13183</v>
      </c>
      <c r="D21312" t="s">
        <v>13184</v>
      </c>
      <c r="E21312" t="s">
        <v>13165</v>
      </c>
      <c r="F21312" t="s">
        <v>13166</v>
      </c>
      <c r="G21312" t="s">
        <v>10214</v>
      </c>
      <c r="H21312" t="s">
        <v>10215</v>
      </c>
      <c r="I21312" s="2">
        <v>1</v>
      </c>
      <c r="J21312" s="2">
        <v>0</v>
      </c>
      <c r="K21312" s="2">
        <v>0</v>
      </c>
      <c r="L21312" t="s">
        <v>120</v>
      </c>
      <c r="M21312" t="s">
        <v>89</v>
      </c>
      <c r="N21312" t="s">
        <v>90</v>
      </c>
      <c r="O21312" t="s">
        <v>85</v>
      </c>
      <c r="P21312" t="s">
        <v>86</v>
      </c>
      <c r="Q21312">
        <v>7</v>
      </c>
      <c r="R21312">
        <v>7</v>
      </c>
      <c r="S21312">
        <v>7</v>
      </c>
      <c r="T21312">
        <v>7</v>
      </c>
      <c r="U21312">
        <v>8</v>
      </c>
      <c r="V21312">
        <v>8</v>
      </c>
      <c r="W21312">
        <v>8</v>
      </c>
      <c r="X21312">
        <v>8</v>
      </c>
      <c r="Y21312">
        <v>9</v>
      </c>
      <c r="Z21312">
        <v>9</v>
      </c>
      <c r="AA21312">
        <v>9</v>
      </c>
      <c r="AB21312">
        <v>9</v>
      </c>
      <c r="AC21312">
        <v>9</v>
      </c>
      <c r="AD21312">
        <v>10</v>
      </c>
      <c r="AE21312">
        <v>10</v>
      </c>
      <c r="AF21312">
        <v>10</v>
      </c>
      <c r="AG21312">
        <v>10</v>
      </c>
      <c r="AH21312">
        <v>10</v>
      </c>
      <c r="AI21312">
        <v>11</v>
      </c>
      <c r="AJ21312">
        <v>11</v>
      </c>
      <c r="AK21312">
        <v>11</v>
      </c>
      <c r="AL21312">
        <v>11</v>
      </c>
      <c r="AM21312">
        <v>11</v>
      </c>
      <c r="AN21312">
        <v>11</v>
      </c>
      <c r="AO21312">
        <v>12</v>
      </c>
      <c r="AP21312">
        <v>12</v>
      </c>
      <c r="AQ21312">
        <v>12</v>
      </c>
    </row>
    <row r="21313" spans="1:43">
      <c r="A21313" t="s">
        <v>13211</v>
      </c>
      <c r="B21313" t="s">
        <v>13212</v>
      </c>
      <c r="C21313" t="s">
        <v>13183</v>
      </c>
      <c r="D21313" t="s">
        <v>13184</v>
      </c>
      <c r="E21313" t="s">
        <v>13165</v>
      </c>
      <c r="F21313" t="s">
        <v>13166</v>
      </c>
      <c r="G21313" t="s">
        <v>10214</v>
      </c>
      <c r="H21313" t="s">
        <v>10215</v>
      </c>
      <c r="I21313" s="2">
        <v>1</v>
      </c>
      <c r="J21313" s="2">
        <v>0</v>
      </c>
      <c r="K21313" s="2">
        <v>0</v>
      </c>
      <c r="L21313" t="s">
        <v>120</v>
      </c>
      <c r="M21313" t="s">
        <v>83</v>
      </c>
      <c r="N21313" t="s">
        <v>91</v>
      </c>
      <c r="O21313" t="s">
        <v>85</v>
      </c>
      <c r="P21313" t="s">
        <v>86</v>
      </c>
      <c r="Q21313">
        <v>7</v>
      </c>
      <c r="R21313">
        <v>7</v>
      </c>
      <c r="S21313">
        <v>7</v>
      </c>
      <c r="T21313">
        <v>7</v>
      </c>
      <c r="U21313">
        <v>7</v>
      </c>
      <c r="V21313">
        <v>7</v>
      </c>
      <c r="W21313">
        <v>8</v>
      </c>
      <c r="X21313">
        <v>8</v>
      </c>
      <c r="Y21313">
        <v>8</v>
      </c>
      <c r="Z21313">
        <v>8</v>
      </c>
      <c r="AA21313">
        <v>8</v>
      </c>
      <c r="AB21313">
        <v>9</v>
      </c>
      <c r="AC21313">
        <v>9</v>
      </c>
      <c r="AD21313">
        <v>9</v>
      </c>
      <c r="AE21313">
        <v>9</v>
      </c>
      <c r="AF21313">
        <v>10</v>
      </c>
      <c r="AG21313">
        <v>10</v>
      </c>
      <c r="AH21313">
        <v>10</v>
      </c>
      <c r="AI21313">
        <v>10</v>
      </c>
      <c r="AJ21313">
        <v>10</v>
      </c>
      <c r="AK21313">
        <v>11</v>
      </c>
      <c r="AL21313">
        <v>11</v>
      </c>
      <c r="AM21313">
        <v>11</v>
      </c>
      <c r="AN21313">
        <v>11</v>
      </c>
      <c r="AO21313">
        <v>11</v>
      </c>
      <c r="AP21313">
        <v>12</v>
      </c>
      <c r="AQ21313">
        <v>12</v>
      </c>
    </row>
    <row r="21314" spans="1:43">
      <c r="A21314" t="s">
        <v>13213</v>
      </c>
      <c r="B21314" t="s">
        <v>13214</v>
      </c>
      <c r="C21314" t="s">
        <v>13187</v>
      </c>
      <c r="D21314" t="s">
        <v>13188</v>
      </c>
      <c r="E21314" t="s">
        <v>13165</v>
      </c>
      <c r="F21314" t="s">
        <v>13166</v>
      </c>
      <c r="G21314" t="s">
        <v>10214</v>
      </c>
      <c r="H21314" t="s">
        <v>10215</v>
      </c>
      <c r="I21314" s="2">
        <v>1</v>
      </c>
      <c r="J21314" s="2">
        <v>0</v>
      </c>
      <c r="K21314" s="2">
        <v>0</v>
      </c>
      <c r="L21314" t="s">
        <v>120</v>
      </c>
      <c r="M21314" t="s">
        <v>83</v>
      </c>
      <c r="N21314" t="s">
        <v>84</v>
      </c>
      <c r="O21314" t="s">
        <v>85</v>
      </c>
      <c r="P21314" t="s">
        <v>86</v>
      </c>
      <c r="Q21314">
        <v>37</v>
      </c>
      <c r="R21314">
        <v>38</v>
      </c>
      <c r="S21314">
        <v>39</v>
      </c>
      <c r="T21314">
        <v>40</v>
      </c>
      <c r="U21314">
        <v>41</v>
      </c>
      <c r="V21314">
        <v>42</v>
      </c>
      <c r="W21314">
        <v>43</v>
      </c>
      <c r="X21314">
        <v>44</v>
      </c>
      <c r="Y21314">
        <v>45</v>
      </c>
      <c r="Z21314">
        <v>46</v>
      </c>
      <c r="AA21314">
        <v>47</v>
      </c>
      <c r="AB21314">
        <v>48</v>
      </c>
      <c r="AC21314">
        <v>49</v>
      </c>
      <c r="AD21314">
        <v>50</v>
      </c>
      <c r="AE21314">
        <v>52</v>
      </c>
      <c r="AF21314">
        <v>53</v>
      </c>
      <c r="AG21314">
        <v>54</v>
      </c>
      <c r="AH21314">
        <v>55</v>
      </c>
      <c r="AI21314">
        <v>57</v>
      </c>
      <c r="AJ21314">
        <v>58</v>
      </c>
      <c r="AK21314">
        <v>59</v>
      </c>
      <c r="AL21314">
        <v>60</v>
      </c>
      <c r="AM21314">
        <v>61</v>
      </c>
      <c r="AN21314">
        <v>62</v>
      </c>
      <c r="AO21314">
        <v>63</v>
      </c>
      <c r="AP21314">
        <v>64</v>
      </c>
      <c r="AQ21314">
        <v>65</v>
      </c>
    </row>
    <row r="21315" spans="1:43">
      <c r="A21315" t="s">
        <v>13213</v>
      </c>
      <c r="B21315" t="s">
        <v>13214</v>
      </c>
      <c r="C21315" t="s">
        <v>13187</v>
      </c>
      <c r="D21315" t="s">
        <v>13188</v>
      </c>
      <c r="E21315" t="s">
        <v>13165</v>
      </c>
      <c r="F21315" t="s">
        <v>13166</v>
      </c>
      <c r="G21315" t="s">
        <v>10214</v>
      </c>
      <c r="H21315" t="s">
        <v>10215</v>
      </c>
      <c r="I21315" s="2">
        <v>1</v>
      </c>
      <c r="J21315" s="2">
        <v>0</v>
      </c>
      <c r="K21315" s="2">
        <v>0</v>
      </c>
      <c r="L21315" t="s">
        <v>120</v>
      </c>
      <c r="M21315" t="s">
        <v>87</v>
      </c>
      <c r="N21315" t="s">
        <v>88</v>
      </c>
      <c r="O21315" t="s">
        <v>85</v>
      </c>
      <c r="P21315" t="s">
        <v>86</v>
      </c>
      <c r="Q21315">
        <v>37</v>
      </c>
      <c r="R21315">
        <v>38</v>
      </c>
      <c r="S21315">
        <v>39</v>
      </c>
      <c r="T21315">
        <v>39</v>
      </c>
      <c r="U21315">
        <v>40</v>
      </c>
      <c r="V21315">
        <v>41</v>
      </c>
      <c r="W21315">
        <v>41</v>
      </c>
      <c r="X21315">
        <v>42</v>
      </c>
      <c r="Y21315">
        <v>42</v>
      </c>
      <c r="Z21315">
        <v>43</v>
      </c>
      <c r="AA21315">
        <v>44</v>
      </c>
      <c r="AB21315">
        <v>45</v>
      </c>
      <c r="AC21315">
        <v>45</v>
      </c>
      <c r="AD21315">
        <v>46</v>
      </c>
      <c r="AE21315">
        <v>47</v>
      </c>
      <c r="AF21315">
        <v>47</v>
      </c>
      <c r="AG21315">
        <v>48</v>
      </c>
      <c r="AH21315">
        <v>49</v>
      </c>
      <c r="AI21315">
        <v>50</v>
      </c>
      <c r="AJ21315">
        <v>51</v>
      </c>
      <c r="AK21315">
        <v>51</v>
      </c>
      <c r="AL21315">
        <v>52</v>
      </c>
      <c r="AM21315">
        <v>53</v>
      </c>
      <c r="AN21315">
        <v>54</v>
      </c>
      <c r="AO21315">
        <v>55</v>
      </c>
      <c r="AP21315">
        <v>56</v>
      </c>
      <c r="AQ21315">
        <v>57</v>
      </c>
    </row>
    <row r="21316" spans="1:43">
      <c r="A21316" t="s">
        <v>13213</v>
      </c>
      <c r="B21316" t="s">
        <v>13214</v>
      </c>
      <c r="C21316" t="s">
        <v>13187</v>
      </c>
      <c r="D21316" t="s">
        <v>13188</v>
      </c>
      <c r="E21316" t="s">
        <v>13165</v>
      </c>
      <c r="F21316" t="s">
        <v>13166</v>
      </c>
      <c r="G21316" t="s">
        <v>10214</v>
      </c>
      <c r="H21316" t="s">
        <v>10215</v>
      </c>
      <c r="I21316" s="2">
        <v>1</v>
      </c>
      <c r="J21316" s="2">
        <v>0</v>
      </c>
      <c r="K21316" s="2">
        <v>0</v>
      </c>
      <c r="L21316" t="s">
        <v>120</v>
      </c>
      <c r="M21316" t="s">
        <v>89</v>
      </c>
      <c r="N21316" t="s">
        <v>90</v>
      </c>
      <c r="O21316" t="s">
        <v>85</v>
      </c>
      <c r="P21316" t="s">
        <v>86</v>
      </c>
      <c r="Q21316">
        <v>37</v>
      </c>
      <c r="R21316">
        <v>38</v>
      </c>
      <c r="S21316">
        <v>40</v>
      </c>
      <c r="T21316">
        <v>41</v>
      </c>
      <c r="U21316">
        <v>42</v>
      </c>
      <c r="V21316">
        <v>44</v>
      </c>
      <c r="W21316">
        <v>45</v>
      </c>
      <c r="X21316">
        <v>46</v>
      </c>
      <c r="Y21316">
        <v>47</v>
      </c>
      <c r="Z21316">
        <v>49</v>
      </c>
      <c r="AA21316">
        <v>50</v>
      </c>
      <c r="AB21316">
        <v>51</v>
      </c>
      <c r="AC21316">
        <v>53</v>
      </c>
      <c r="AD21316">
        <v>54</v>
      </c>
      <c r="AE21316">
        <v>55</v>
      </c>
      <c r="AF21316">
        <v>56</v>
      </c>
      <c r="AG21316">
        <v>57</v>
      </c>
      <c r="AH21316">
        <v>58</v>
      </c>
      <c r="AI21316">
        <v>58</v>
      </c>
      <c r="AJ21316">
        <v>59</v>
      </c>
      <c r="AK21316">
        <v>60</v>
      </c>
      <c r="AL21316">
        <v>61</v>
      </c>
      <c r="AM21316">
        <v>62</v>
      </c>
      <c r="AN21316">
        <v>63</v>
      </c>
      <c r="AO21316">
        <v>63</v>
      </c>
      <c r="AP21316">
        <v>64</v>
      </c>
      <c r="AQ21316">
        <v>65</v>
      </c>
    </row>
    <row r="21317" spans="1:43">
      <c r="A21317" t="s">
        <v>13213</v>
      </c>
      <c r="B21317" t="s">
        <v>13214</v>
      </c>
      <c r="C21317" t="s">
        <v>13187</v>
      </c>
      <c r="D21317" t="s">
        <v>13188</v>
      </c>
      <c r="E21317" t="s">
        <v>13165</v>
      </c>
      <c r="F21317" t="s">
        <v>13166</v>
      </c>
      <c r="G21317" t="s">
        <v>10214</v>
      </c>
      <c r="H21317" t="s">
        <v>10215</v>
      </c>
      <c r="I21317" s="2">
        <v>1</v>
      </c>
      <c r="J21317" s="2">
        <v>0</v>
      </c>
      <c r="K21317" s="2">
        <v>0</v>
      </c>
      <c r="L21317" t="s">
        <v>120</v>
      </c>
      <c r="M21317" t="s">
        <v>83</v>
      </c>
      <c r="N21317" t="s">
        <v>91</v>
      </c>
      <c r="O21317" t="s">
        <v>85</v>
      </c>
      <c r="P21317" t="s">
        <v>86</v>
      </c>
      <c r="Q21317">
        <v>37</v>
      </c>
      <c r="R21317">
        <v>38</v>
      </c>
      <c r="S21317">
        <v>39</v>
      </c>
      <c r="T21317">
        <v>40</v>
      </c>
      <c r="U21317">
        <v>41</v>
      </c>
      <c r="V21317">
        <v>42</v>
      </c>
      <c r="W21317">
        <v>43</v>
      </c>
      <c r="X21317">
        <v>44</v>
      </c>
      <c r="Y21317">
        <v>45</v>
      </c>
      <c r="Z21317">
        <v>46</v>
      </c>
      <c r="AA21317">
        <v>47</v>
      </c>
      <c r="AB21317">
        <v>48</v>
      </c>
      <c r="AC21317">
        <v>49</v>
      </c>
      <c r="AD21317">
        <v>50</v>
      </c>
      <c r="AE21317">
        <v>52</v>
      </c>
      <c r="AF21317">
        <v>53</v>
      </c>
      <c r="AG21317">
        <v>54</v>
      </c>
      <c r="AH21317">
        <v>55</v>
      </c>
      <c r="AI21317">
        <v>57</v>
      </c>
      <c r="AJ21317">
        <v>58</v>
      </c>
      <c r="AK21317">
        <v>59</v>
      </c>
      <c r="AL21317">
        <v>60</v>
      </c>
      <c r="AM21317">
        <v>61</v>
      </c>
      <c r="AN21317">
        <v>62</v>
      </c>
      <c r="AO21317">
        <v>63</v>
      </c>
      <c r="AP21317">
        <v>64</v>
      </c>
      <c r="AQ21317">
        <v>65</v>
      </c>
    </row>
    <row r="21318" spans="1:43">
      <c r="A21318" t="s">
        <v>13215</v>
      </c>
      <c r="B21318" t="s">
        <v>13216</v>
      </c>
      <c r="C21318" t="s">
        <v>13217</v>
      </c>
      <c r="D21318" t="s">
        <v>13218</v>
      </c>
      <c r="E21318" t="s">
        <v>13165</v>
      </c>
      <c r="F21318" t="s">
        <v>13166</v>
      </c>
      <c r="G21318" t="s">
        <v>10214</v>
      </c>
      <c r="H21318" t="s">
        <v>10215</v>
      </c>
      <c r="I21318" s="2">
        <v>1</v>
      </c>
      <c r="J21318" s="2">
        <v>0</v>
      </c>
      <c r="K21318" s="2">
        <v>0</v>
      </c>
      <c r="L21318" t="s">
        <v>120</v>
      </c>
      <c r="M21318" t="s">
        <v>83</v>
      </c>
      <c r="N21318" t="s">
        <v>84</v>
      </c>
      <c r="O21318" t="s">
        <v>85</v>
      </c>
      <c r="P21318" t="s">
        <v>86</v>
      </c>
      <c r="Q21318">
        <v>81</v>
      </c>
      <c r="R21318">
        <v>83</v>
      </c>
      <c r="S21318">
        <v>86</v>
      </c>
      <c r="T21318">
        <v>88</v>
      </c>
      <c r="U21318">
        <v>90</v>
      </c>
      <c r="V21318">
        <v>92</v>
      </c>
      <c r="W21318">
        <v>95</v>
      </c>
      <c r="X21318">
        <v>97</v>
      </c>
      <c r="Y21318">
        <v>100</v>
      </c>
      <c r="Z21318">
        <v>102</v>
      </c>
      <c r="AA21318">
        <v>104</v>
      </c>
      <c r="AB21318">
        <v>107</v>
      </c>
      <c r="AC21318">
        <v>109</v>
      </c>
      <c r="AD21318">
        <v>112</v>
      </c>
      <c r="AE21318">
        <v>115</v>
      </c>
      <c r="AF21318">
        <v>117</v>
      </c>
      <c r="AG21318">
        <v>120</v>
      </c>
      <c r="AH21318">
        <v>123</v>
      </c>
      <c r="AI21318">
        <v>126</v>
      </c>
      <c r="AJ21318">
        <v>129</v>
      </c>
      <c r="AK21318">
        <v>132</v>
      </c>
      <c r="AL21318">
        <v>134</v>
      </c>
      <c r="AM21318">
        <v>136</v>
      </c>
      <c r="AN21318">
        <v>138</v>
      </c>
      <c r="AO21318">
        <v>141</v>
      </c>
      <c r="AP21318">
        <v>143</v>
      </c>
      <c r="AQ21318">
        <v>145</v>
      </c>
    </row>
    <row r="21319" spans="1:43">
      <c r="A21319" t="s">
        <v>13215</v>
      </c>
      <c r="B21319" t="s">
        <v>13216</v>
      </c>
      <c r="C21319" t="s">
        <v>13217</v>
      </c>
      <c r="D21319" t="s">
        <v>13218</v>
      </c>
      <c r="E21319" t="s">
        <v>13165</v>
      </c>
      <c r="F21319" t="s">
        <v>13166</v>
      </c>
      <c r="G21319" t="s">
        <v>10214</v>
      </c>
      <c r="H21319" t="s">
        <v>10215</v>
      </c>
      <c r="I21319" s="2">
        <v>1</v>
      </c>
      <c r="J21319" s="2">
        <v>0</v>
      </c>
      <c r="K21319" s="2">
        <v>0</v>
      </c>
      <c r="L21319" t="s">
        <v>120</v>
      </c>
      <c r="M21319" t="s">
        <v>87</v>
      </c>
      <c r="N21319" t="s">
        <v>88</v>
      </c>
      <c r="O21319" t="s">
        <v>85</v>
      </c>
      <c r="P21319" t="s">
        <v>86</v>
      </c>
      <c r="Q21319">
        <v>81</v>
      </c>
      <c r="R21319">
        <v>83</v>
      </c>
      <c r="S21319">
        <v>84</v>
      </c>
      <c r="T21319">
        <v>86</v>
      </c>
      <c r="U21319">
        <v>87</v>
      </c>
      <c r="V21319">
        <v>89</v>
      </c>
      <c r="W21319">
        <v>90</v>
      </c>
      <c r="X21319">
        <v>92</v>
      </c>
      <c r="Y21319">
        <v>93</v>
      </c>
      <c r="Z21319">
        <v>95</v>
      </c>
      <c r="AA21319">
        <v>96</v>
      </c>
      <c r="AB21319">
        <v>98</v>
      </c>
      <c r="AC21319">
        <v>100</v>
      </c>
      <c r="AD21319">
        <v>101</v>
      </c>
      <c r="AE21319">
        <v>103</v>
      </c>
      <c r="AF21319">
        <v>105</v>
      </c>
      <c r="AG21319">
        <v>106</v>
      </c>
      <c r="AH21319">
        <v>108</v>
      </c>
      <c r="AI21319">
        <v>110</v>
      </c>
      <c r="AJ21319">
        <v>112</v>
      </c>
      <c r="AK21319">
        <v>114</v>
      </c>
      <c r="AL21319">
        <v>116</v>
      </c>
      <c r="AM21319">
        <v>118</v>
      </c>
      <c r="AN21319">
        <v>120</v>
      </c>
      <c r="AO21319">
        <v>122</v>
      </c>
      <c r="AP21319">
        <v>124</v>
      </c>
      <c r="AQ21319">
        <v>127</v>
      </c>
    </row>
    <row r="21320" spans="1:43">
      <c r="A21320" t="s">
        <v>13215</v>
      </c>
      <c r="B21320" t="s">
        <v>13216</v>
      </c>
      <c r="C21320" t="s">
        <v>13217</v>
      </c>
      <c r="D21320" t="s">
        <v>13218</v>
      </c>
      <c r="E21320" t="s">
        <v>13165</v>
      </c>
      <c r="F21320" t="s">
        <v>13166</v>
      </c>
      <c r="G21320" t="s">
        <v>10214</v>
      </c>
      <c r="H21320" t="s">
        <v>10215</v>
      </c>
      <c r="I21320" s="2">
        <v>1</v>
      </c>
      <c r="J21320" s="2">
        <v>0</v>
      </c>
      <c r="K21320" s="2">
        <v>0</v>
      </c>
      <c r="L21320" t="s">
        <v>120</v>
      </c>
      <c r="M21320" t="s">
        <v>89</v>
      </c>
      <c r="N21320" t="s">
        <v>90</v>
      </c>
      <c r="O21320" t="s">
        <v>85</v>
      </c>
      <c r="P21320" t="s">
        <v>86</v>
      </c>
      <c r="Q21320">
        <v>81</v>
      </c>
      <c r="R21320">
        <v>84</v>
      </c>
      <c r="S21320">
        <v>87</v>
      </c>
      <c r="T21320">
        <v>90</v>
      </c>
      <c r="U21320">
        <v>93</v>
      </c>
      <c r="V21320">
        <v>96</v>
      </c>
      <c r="W21320">
        <v>98</v>
      </c>
      <c r="X21320">
        <v>101</v>
      </c>
      <c r="Y21320">
        <v>104</v>
      </c>
      <c r="Z21320">
        <v>107</v>
      </c>
      <c r="AA21320">
        <v>110</v>
      </c>
      <c r="AB21320">
        <v>113</v>
      </c>
      <c r="AC21320">
        <v>116</v>
      </c>
      <c r="AD21320">
        <v>119</v>
      </c>
      <c r="AE21320">
        <v>122</v>
      </c>
      <c r="AF21320">
        <v>124</v>
      </c>
      <c r="AG21320">
        <v>126</v>
      </c>
      <c r="AH21320">
        <v>127</v>
      </c>
      <c r="AI21320">
        <v>129</v>
      </c>
      <c r="AJ21320">
        <v>131</v>
      </c>
      <c r="AK21320">
        <v>133</v>
      </c>
      <c r="AL21320">
        <v>135</v>
      </c>
      <c r="AM21320">
        <v>137</v>
      </c>
      <c r="AN21320">
        <v>139</v>
      </c>
      <c r="AO21320">
        <v>141</v>
      </c>
      <c r="AP21320">
        <v>143</v>
      </c>
      <c r="AQ21320">
        <v>145</v>
      </c>
    </row>
    <row r="21321" spans="1:43">
      <c r="A21321" t="s">
        <v>13215</v>
      </c>
      <c r="B21321" t="s">
        <v>13216</v>
      </c>
      <c r="C21321" t="s">
        <v>13217</v>
      </c>
      <c r="D21321" t="s">
        <v>13218</v>
      </c>
      <c r="E21321" t="s">
        <v>13165</v>
      </c>
      <c r="F21321" t="s">
        <v>13166</v>
      </c>
      <c r="G21321" t="s">
        <v>10214</v>
      </c>
      <c r="H21321" t="s">
        <v>10215</v>
      </c>
      <c r="I21321" s="2">
        <v>1</v>
      </c>
      <c r="J21321" s="2">
        <v>0</v>
      </c>
      <c r="K21321" s="2">
        <v>0</v>
      </c>
      <c r="L21321" t="s">
        <v>120</v>
      </c>
      <c r="M21321" t="s">
        <v>83</v>
      </c>
      <c r="N21321" t="s">
        <v>91</v>
      </c>
      <c r="O21321" t="s">
        <v>85</v>
      </c>
      <c r="P21321" t="s">
        <v>86</v>
      </c>
      <c r="Q21321">
        <v>81</v>
      </c>
      <c r="R21321">
        <v>83</v>
      </c>
      <c r="S21321">
        <v>86</v>
      </c>
      <c r="T21321">
        <v>88</v>
      </c>
      <c r="U21321">
        <v>90</v>
      </c>
      <c r="V21321">
        <v>92</v>
      </c>
      <c r="W21321">
        <v>95</v>
      </c>
      <c r="X21321">
        <v>97</v>
      </c>
      <c r="Y21321">
        <v>100</v>
      </c>
      <c r="Z21321">
        <v>102</v>
      </c>
      <c r="AA21321">
        <v>104</v>
      </c>
      <c r="AB21321">
        <v>107</v>
      </c>
      <c r="AC21321">
        <v>109</v>
      </c>
      <c r="AD21321">
        <v>112</v>
      </c>
      <c r="AE21321">
        <v>115</v>
      </c>
      <c r="AF21321">
        <v>117</v>
      </c>
      <c r="AG21321">
        <v>120</v>
      </c>
      <c r="AH21321">
        <v>123</v>
      </c>
      <c r="AI21321">
        <v>126</v>
      </c>
      <c r="AJ21321">
        <v>129</v>
      </c>
      <c r="AK21321">
        <v>132</v>
      </c>
      <c r="AL21321">
        <v>134</v>
      </c>
      <c r="AM21321">
        <v>136</v>
      </c>
      <c r="AN21321">
        <v>138</v>
      </c>
      <c r="AO21321">
        <v>141</v>
      </c>
      <c r="AP21321">
        <v>143</v>
      </c>
      <c r="AQ21321">
        <v>145</v>
      </c>
    </row>
    <row r="21322" spans="1:43">
      <c r="A21322" t="s">
        <v>13219</v>
      </c>
      <c r="B21322" t="s">
        <v>13220</v>
      </c>
      <c r="C21322" t="s">
        <v>13217</v>
      </c>
      <c r="D21322" t="s">
        <v>13218</v>
      </c>
      <c r="E21322" t="s">
        <v>13165</v>
      </c>
      <c r="F21322" t="s">
        <v>13166</v>
      </c>
      <c r="G21322" t="s">
        <v>10214</v>
      </c>
      <c r="H21322" t="s">
        <v>10215</v>
      </c>
      <c r="I21322" s="2">
        <v>1</v>
      </c>
      <c r="J21322" s="2">
        <v>0</v>
      </c>
      <c r="K21322" s="2">
        <v>0</v>
      </c>
      <c r="L21322" t="s">
        <v>120</v>
      </c>
      <c r="M21322" t="s">
        <v>83</v>
      </c>
      <c r="N21322" t="s">
        <v>84</v>
      </c>
      <c r="O21322" t="s">
        <v>85</v>
      </c>
      <c r="P21322" t="s">
        <v>86</v>
      </c>
      <c r="Q21322">
        <v>18</v>
      </c>
      <c r="R21322">
        <v>18</v>
      </c>
      <c r="S21322">
        <v>19</v>
      </c>
      <c r="T21322">
        <v>19</v>
      </c>
      <c r="U21322">
        <v>20</v>
      </c>
      <c r="V21322">
        <v>20</v>
      </c>
      <c r="W21322">
        <v>21</v>
      </c>
      <c r="X21322">
        <v>21</v>
      </c>
      <c r="Y21322">
        <v>22</v>
      </c>
      <c r="Z21322">
        <v>22</v>
      </c>
      <c r="AA21322">
        <v>23</v>
      </c>
      <c r="AB21322">
        <v>23</v>
      </c>
      <c r="AC21322">
        <v>24</v>
      </c>
      <c r="AD21322">
        <v>25</v>
      </c>
      <c r="AE21322">
        <v>25</v>
      </c>
      <c r="AF21322">
        <v>26</v>
      </c>
      <c r="AG21322">
        <v>26</v>
      </c>
      <c r="AH21322">
        <v>27</v>
      </c>
      <c r="AI21322">
        <v>28</v>
      </c>
      <c r="AJ21322">
        <v>28</v>
      </c>
      <c r="AK21322">
        <v>29</v>
      </c>
      <c r="AL21322">
        <v>29</v>
      </c>
      <c r="AM21322">
        <v>30</v>
      </c>
      <c r="AN21322">
        <v>30</v>
      </c>
      <c r="AO21322">
        <v>31</v>
      </c>
      <c r="AP21322">
        <v>31</v>
      </c>
      <c r="AQ21322">
        <v>32</v>
      </c>
    </row>
    <row r="21323" spans="1:43">
      <c r="A21323" t="s">
        <v>13219</v>
      </c>
      <c r="B21323" t="s">
        <v>13220</v>
      </c>
      <c r="C21323" t="s">
        <v>13217</v>
      </c>
      <c r="D21323" t="s">
        <v>13218</v>
      </c>
      <c r="E21323" t="s">
        <v>13165</v>
      </c>
      <c r="F21323" t="s">
        <v>13166</v>
      </c>
      <c r="G21323" t="s">
        <v>10214</v>
      </c>
      <c r="H21323" t="s">
        <v>10215</v>
      </c>
      <c r="I21323" s="2">
        <v>1</v>
      </c>
      <c r="J21323" s="2">
        <v>0</v>
      </c>
      <c r="K21323" s="2">
        <v>0</v>
      </c>
      <c r="L21323" t="s">
        <v>120</v>
      </c>
      <c r="M21323" t="s">
        <v>87</v>
      </c>
      <c r="N21323" t="s">
        <v>88</v>
      </c>
      <c r="O21323" t="s">
        <v>85</v>
      </c>
      <c r="P21323" t="s">
        <v>86</v>
      </c>
      <c r="Q21323">
        <v>18</v>
      </c>
      <c r="R21323">
        <v>18</v>
      </c>
      <c r="S21323">
        <v>18</v>
      </c>
      <c r="T21323">
        <v>19</v>
      </c>
      <c r="U21323">
        <v>19</v>
      </c>
      <c r="V21323">
        <v>19</v>
      </c>
      <c r="W21323">
        <v>20</v>
      </c>
      <c r="X21323">
        <v>20</v>
      </c>
      <c r="Y21323">
        <v>20</v>
      </c>
      <c r="Z21323">
        <v>21</v>
      </c>
      <c r="AA21323">
        <v>21</v>
      </c>
      <c r="AB21323">
        <v>21</v>
      </c>
      <c r="AC21323">
        <v>22</v>
      </c>
      <c r="AD21323">
        <v>22</v>
      </c>
      <c r="AE21323">
        <v>22</v>
      </c>
      <c r="AF21323">
        <v>23</v>
      </c>
      <c r="AG21323">
        <v>23</v>
      </c>
      <c r="AH21323">
        <v>24</v>
      </c>
      <c r="AI21323">
        <v>24</v>
      </c>
      <c r="AJ21323">
        <v>24</v>
      </c>
      <c r="AK21323">
        <v>25</v>
      </c>
      <c r="AL21323">
        <v>25</v>
      </c>
      <c r="AM21323">
        <v>26</v>
      </c>
      <c r="AN21323">
        <v>26</v>
      </c>
      <c r="AO21323">
        <v>27</v>
      </c>
      <c r="AP21323">
        <v>27</v>
      </c>
      <c r="AQ21323">
        <v>27</v>
      </c>
    </row>
    <row r="21324" spans="1:43">
      <c r="A21324" t="s">
        <v>13219</v>
      </c>
      <c r="B21324" t="s">
        <v>13220</v>
      </c>
      <c r="C21324" t="s">
        <v>13217</v>
      </c>
      <c r="D21324" t="s">
        <v>13218</v>
      </c>
      <c r="E21324" t="s">
        <v>13165</v>
      </c>
      <c r="F21324" t="s">
        <v>13166</v>
      </c>
      <c r="G21324" t="s">
        <v>10214</v>
      </c>
      <c r="H21324" t="s">
        <v>10215</v>
      </c>
      <c r="I21324" s="2">
        <v>1</v>
      </c>
      <c r="J21324" s="2">
        <v>0</v>
      </c>
      <c r="K21324" s="2">
        <v>0</v>
      </c>
      <c r="L21324" t="s">
        <v>120</v>
      </c>
      <c r="M21324" t="s">
        <v>89</v>
      </c>
      <c r="N21324" t="s">
        <v>90</v>
      </c>
      <c r="O21324" t="s">
        <v>85</v>
      </c>
      <c r="P21324" t="s">
        <v>86</v>
      </c>
      <c r="Q21324">
        <v>18</v>
      </c>
      <c r="R21324">
        <v>19</v>
      </c>
      <c r="S21324">
        <v>19</v>
      </c>
      <c r="T21324">
        <v>20</v>
      </c>
      <c r="U21324">
        <v>21</v>
      </c>
      <c r="V21324">
        <v>21</v>
      </c>
      <c r="W21324">
        <v>22</v>
      </c>
      <c r="X21324">
        <v>22</v>
      </c>
      <c r="Y21324">
        <v>23</v>
      </c>
      <c r="Z21324">
        <v>24</v>
      </c>
      <c r="AA21324">
        <v>24</v>
      </c>
      <c r="AB21324">
        <v>25</v>
      </c>
      <c r="AC21324">
        <v>26</v>
      </c>
      <c r="AD21324">
        <v>26</v>
      </c>
      <c r="AE21324">
        <v>27</v>
      </c>
      <c r="AF21324">
        <v>27</v>
      </c>
      <c r="AG21324">
        <v>28</v>
      </c>
      <c r="AH21324">
        <v>28</v>
      </c>
      <c r="AI21324">
        <v>29</v>
      </c>
      <c r="AJ21324">
        <v>29</v>
      </c>
      <c r="AK21324">
        <v>29</v>
      </c>
      <c r="AL21324">
        <v>30</v>
      </c>
      <c r="AM21324">
        <v>30</v>
      </c>
      <c r="AN21324">
        <v>31</v>
      </c>
      <c r="AO21324">
        <v>31</v>
      </c>
      <c r="AP21324">
        <v>31</v>
      </c>
      <c r="AQ21324">
        <v>32</v>
      </c>
    </row>
    <row r="21325" spans="1:43">
      <c r="A21325" t="s">
        <v>13219</v>
      </c>
      <c r="B21325" t="s">
        <v>13220</v>
      </c>
      <c r="C21325" t="s">
        <v>13217</v>
      </c>
      <c r="D21325" t="s">
        <v>13218</v>
      </c>
      <c r="E21325" t="s">
        <v>13165</v>
      </c>
      <c r="F21325" t="s">
        <v>13166</v>
      </c>
      <c r="G21325" t="s">
        <v>10214</v>
      </c>
      <c r="H21325" t="s">
        <v>10215</v>
      </c>
      <c r="I21325" s="2">
        <v>1</v>
      </c>
      <c r="J21325" s="2">
        <v>0</v>
      </c>
      <c r="K21325" s="2">
        <v>0</v>
      </c>
      <c r="L21325" t="s">
        <v>120</v>
      </c>
      <c r="M21325" t="s">
        <v>83</v>
      </c>
      <c r="N21325" t="s">
        <v>91</v>
      </c>
      <c r="O21325" t="s">
        <v>85</v>
      </c>
      <c r="P21325" t="s">
        <v>86</v>
      </c>
      <c r="Q21325">
        <v>18</v>
      </c>
      <c r="R21325">
        <v>18</v>
      </c>
      <c r="S21325">
        <v>19</v>
      </c>
      <c r="T21325">
        <v>19</v>
      </c>
      <c r="U21325">
        <v>20</v>
      </c>
      <c r="V21325">
        <v>20</v>
      </c>
      <c r="W21325">
        <v>21</v>
      </c>
      <c r="X21325">
        <v>21</v>
      </c>
      <c r="Y21325">
        <v>22</v>
      </c>
      <c r="Z21325">
        <v>22</v>
      </c>
      <c r="AA21325">
        <v>23</v>
      </c>
      <c r="AB21325">
        <v>23</v>
      </c>
      <c r="AC21325">
        <v>24</v>
      </c>
      <c r="AD21325">
        <v>25</v>
      </c>
      <c r="AE21325">
        <v>25</v>
      </c>
      <c r="AF21325">
        <v>26</v>
      </c>
      <c r="AG21325">
        <v>26</v>
      </c>
      <c r="AH21325">
        <v>27</v>
      </c>
      <c r="AI21325">
        <v>28</v>
      </c>
      <c r="AJ21325">
        <v>28</v>
      </c>
      <c r="AK21325">
        <v>29</v>
      </c>
      <c r="AL21325">
        <v>29</v>
      </c>
      <c r="AM21325">
        <v>30</v>
      </c>
      <c r="AN21325">
        <v>30</v>
      </c>
      <c r="AO21325">
        <v>31</v>
      </c>
      <c r="AP21325">
        <v>31</v>
      </c>
      <c r="AQ21325">
        <v>32</v>
      </c>
    </row>
    <row r="21326" spans="1:43">
      <c r="A21326" t="s">
        <v>13221</v>
      </c>
      <c r="B21326" t="s">
        <v>13222</v>
      </c>
      <c r="C21326" t="s">
        <v>13217</v>
      </c>
      <c r="D21326" t="s">
        <v>13218</v>
      </c>
      <c r="E21326" t="s">
        <v>13165</v>
      </c>
      <c r="F21326" t="s">
        <v>13166</v>
      </c>
      <c r="G21326" t="s">
        <v>10214</v>
      </c>
      <c r="H21326" t="s">
        <v>10215</v>
      </c>
      <c r="I21326" s="2">
        <v>1</v>
      </c>
      <c r="J21326" s="2">
        <v>0</v>
      </c>
      <c r="K21326" s="2">
        <v>0</v>
      </c>
      <c r="L21326" t="s">
        <v>120</v>
      </c>
      <c r="M21326" t="s">
        <v>83</v>
      </c>
      <c r="N21326" t="s">
        <v>84</v>
      </c>
      <c r="O21326" t="s">
        <v>85</v>
      </c>
      <c r="P21326" t="s">
        <v>86</v>
      </c>
      <c r="Q21326">
        <v>15</v>
      </c>
      <c r="R21326">
        <v>15</v>
      </c>
      <c r="S21326">
        <v>15</v>
      </c>
      <c r="T21326">
        <v>16</v>
      </c>
      <c r="U21326">
        <v>16</v>
      </c>
      <c r="V21326">
        <v>17</v>
      </c>
      <c r="W21326">
        <v>17</v>
      </c>
      <c r="X21326">
        <v>18</v>
      </c>
      <c r="Y21326">
        <v>18</v>
      </c>
      <c r="Z21326">
        <v>18</v>
      </c>
      <c r="AA21326">
        <v>19</v>
      </c>
      <c r="AB21326">
        <v>19</v>
      </c>
      <c r="AC21326">
        <v>20</v>
      </c>
      <c r="AD21326">
        <v>20</v>
      </c>
      <c r="AE21326">
        <v>21</v>
      </c>
      <c r="AF21326">
        <v>21</v>
      </c>
      <c r="AG21326">
        <v>22</v>
      </c>
      <c r="AH21326">
        <v>22</v>
      </c>
      <c r="AI21326">
        <v>23</v>
      </c>
      <c r="AJ21326">
        <v>23</v>
      </c>
      <c r="AK21326">
        <v>24</v>
      </c>
      <c r="AL21326">
        <v>24</v>
      </c>
      <c r="AM21326">
        <v>25</v>
      </c>
      <c r="AN21326">
        <v>25</v>
      </c>
      <c r="AO21326">
        <v>25</v>
      </c>
      <c r="AP21326">
        <v>26</v>
      </c>
      <c r="AQ21326">
        <v>26</v>
      </c>
    </row>
    <row r="21327" spans="1:43">
      <c r="A21327" t="s">
        <v>13221</v>
      </c>
      <c r="B21327" t="s">
        <v>13222</v>
      </c>
      <c r="C21327" t="s">
        <v>13217</v>
      </c>
      <c r="D21327" t="s">
        <v>13218</v>
      </c>
      <c r="E21327" t="s">
        <v>13165</v>
      </c>
      <c r="F21327" t="s">
        <v>13166</v>
      </c>
      <c r="G21327" t="s">
        <v>10214</v>
      </c>
      <c r="H21327" t="s">
        <v>10215</v>
      </c>
      <c r="I21327" s="2">
        <v>1</v>
      </c>
      <c r="J21327" s="2">
        <v>0</v>
      </c>
      <c r="K21327" s="2">
        <v>0</v>
      </c>
      <c r="L21327" t="s">
        <v>120</v>
      </c>
      <c r="M21327" t="s">
        <v>87</v>
      </c>
      <c r="N21327" t="s">
        <v>88</v>
      </c>
      <c r="O21327" t="s">
        <v>85</v>
      </c>
      <c r="P21327" t="s">
        <v>86</v>
      </c>
      <c r="Q21327">
        <v>15</v>
      </c>
      <c r="R21327">
        <v>15</v>
      </c>
      <c r="S21327">
        <v>15</v>
      </c>
      <c r="T21327">
        <v>15</v>
      </c>
      <c r="U21327">
        <v>16</v>
      </c>
      <c r="V21327">
        <v>16</v>
      </c>
      <c r="W21327">
        <v>16</v>
      </c>
      <c r="X21327">
        <v>16</v>
      </c>
      <c r="Y21327">
        <v>17</v>
      </c>
      <c r="Z21327">
        <v>17</v>
      </c>
      <c r="AA21327">
        <v>17</v>
      </c>
      <c r="AB21327">
        <v>18</v>
      </c>
      <c r="AC21327">
        <v>18</v>
      </c>
      <c r="AD21327">
        <v>18</v>
      </c>
      <c r="AE21327">
        <v>18</v>
      </c>
      <c r="AF21327">
        <v>19</v>
      </c>
      <c r="AG21327">
        <v>19</v>
      </c>
      <c r="AH21327">
        <v>19</v>
      </c>
      <c r="AI21327">
        <v>20</v>
      </c>
      <c r="AJ21327">
        <v>20</v>
      </c>
      <c r="AK21327">
        <v>20</v>
      </c>
      <c r="AL21327">
        <v>21</v>
      </c>
      <c r="AM21327">
        <v>21</v>
      </c>
      <c r="AN21327">
        <v>22</v>
      </c>
      <c r="AO21327">
        <v>22</v>
      </c>
      <c r="AP21327">
        <v>22</v>
      </c>
      <c r="AQ21327">
        <v>23</v>
      </c>
    </row>
    <row r="21328" spans="1:43">
      <c r="A21328" t="s">
        <v>13221</v>
      </c>
      <c r="B21328" t="s">
        <v>13222</v>
      </c>
      <c r="C21328" t="s">
        <v>13217</v>
      </c>
      <c r="D21328" t="s">
        <v>13218</v>
      </c>
      <c r="E21328" t="s">
        <v>13165</v>
      </c>
      <c r="F21328" t="s">
        <v>13166</v>
      </c>
      <c r="G21328" t="s">
        <v>10214</v>
      </c>
      <c r="H21328" t="s">
        <v>10215</v>
      </c>
      <c r="I21328" s="2">
        <v>1</v>
      </c>
      <c r="J21328" s="2">
        <v>0</v>
      </c>
      <c r="K21328" s="2">
        <v>0</v>
      </c>
      <c r="L21328" t="s">
        <v>120</v>
      </c>
      <c r="M21328" t="s">
        <v>89</v>
      </c>
      <c r="N21328" t="s">
        <v>90</v>
      </c>
      <c r="O21328" t="s">
        <v>85</v>
      </c>
      <c r="P21328" t="s">
        <v>86</v>
      </c>
      <c r="Q21328">
        <v>15</v>
      </c>
      <c r="R21328">
        <v>15</v>
      </c>
      <c r="S21328">
        <v>16</v>
      </c>
      <c r="T21328">
        <v>16</v>
      </c>
      <c r="U21328">
        <v>17</v>
      </c>
      <c r="V21328">
        <v>17</v>
      </c>
      <c r="W21328">
        <v>18</v>
      </c>
      <c r="X21328">
        <v>18</v>
      </c>
      <c r="Y21328">
        <v>19</v>
      </c>
      <c r="Z21328">
        <v>20</v>
      </c>
      <c r="AA21328">
        <v>20</v>
      </c>
      <c r="AB21328">
        <v>21</v>
      </c>
      <c r="AC21328">
        <v>21</v>
      </c>
      <c r="AD21328">
        <v>22</v>
      </c>
      <c r="AE21328">
        <v>22</v>
      </c>
      <c r="AF21328">
        <v>23</v>
      </c>
      <c r="AG21328">
        <v>23</v>
      </c>
      <c r="AH21328">
        <v>23</v>
      </c>
      <c r="AI21328">
        <v>24</v>
      </c>
      <c r="AJ21328">
        <v>24</v>
      </c>
      <c r="AK21328">
        <v>24</v>
      </c>
      <c r="AL21328">
        <v>25</v>
      </c>
      <c r="AM21328">
        <v>25</v>
      </c>
      <c r="AN21328">
        <v>25</v>
      </c>
      <c r="AO21328">
        <v>26</v>
      </c>
      <c r="AP21328">
        <v>26</v>
      </c>
      <c r="AQ21328">
        <v>26</v>
      </c>
    </row>
    <row r="21329" spans="1:43">
      <c r="A21329" t="s">
        <v>13221</v>
      </c>
      <c r="B21329" t="s">
        <v>13222</v>
      </c>
      <c r="C21329" t="s">
        <v>13217</v>
      </c>
      <c r="D21329" t="s">
        <v>13218</v>
      </c>
      <c r="E21329" t="s">
        <v>13165</v>
      </c>
      <c r="F21329" t="s">
        <v>13166</v>
      </c>
      <c r="G21329" t="s">
        <v>10214</v>
      </c>
      <c r="H21329" t="s">
        <v>10215</v>
      </c>
      <c r="I21329" s="2">
        <v>1</v>
      </c>
      <c r="J21329" s="2">
        <v>0</v>
      </c>
      <c r="K21329" s="2">
        <v>0</v>
      </c>
      <c r="L21329" t="s">
        <v>120</v>
      </c>
      <c r="M21329" t="s">
        <v>83</v>
      </c>
      <c r="N21329" t="s">
        <v>91</v>
      </c>
      <c r="O21329" t="s">
        <v>85</v>
      </c>
      <c r="P21329" t="s">
        <v>86</v>
      </c>
      <c r="Q21329">
        <v>15</v>
      </c>
      <c r="R21329">
        <v>15</v>
      </c>
      <c r="S21329">
        <v>15</v>
      </c>
      <c r="T21329">
        <v>16</v>
      </c>
      <c r="U21329">
        <v>16</v>
      </c>
      <c r="V21329">
        <v>17</v>
      </c>
      <c r="W21329">
        <v>17</v>
      </c>
      <c r="X21329">
        <v>18</v>
      </c>
      <c r="Y21329">
        <v>18</v>
      </c>
      <c r="Z21329">
        <v>18</v>
      </c>
      <c r="AA21329">
        <v>19</v>
      </c>
      <c r="AB21329">
        <v>19</v>
      </c>
      <c r="AC21329">
        <v>20</v>
      </c>
      <c r="AD21329">
        <v>20</v>
      </c>
      <c r="AE21329">
        <v>21</v>
      </c>
      <c r="AF21329">
        <v>21</v>
      </c>
      <c r="AG21329">
        <v>22</v>
      </c>
      <c r="AH21329">
        <v>22</v>
      </c>
      <c r="AI21329">
        <v>23</v>
      </c>
      <c r="AJ21329">
        <v>23</v>
      </c>
      <c r="AK21329">
        <v>24</v>
      </c>
      <c r="AL21329">
        <v>24</v>
      </c>
      <c r="AM21329">
        <v>25</v>
      </c>
      <c r="AN21329">
        <v>25</v>
      </c>
      <c r="AO21329">
        <v>25</v>
      </c>
      <c r="AP21329">
        <v>26</v>
      </c>
      <c r="AQ21329">
        <v>26</v>
      </c>
    </row>
    <row r="21330" spans="1:43">
      <c r="A21330" t="s">
        <v>13223</v>
      </c>
      <c r="B21330" t="s">
        <v>13224</v>
      </c>
      <c r="C21330" t="s">
        <v>13217</v>
      </c>
      <c r="D21330" t="s">
        <v>13218</v>
      </c>
      <c r="E21330" t="s">
        <v>13165</v>
      </c>
      <c r="F21330" t="s">
        <v>13166</v>
      </c>
      <c r="G21330" t="s">
        <v>10214</v>
      </c>
      <c r="H21330" t="s">
        <v>10215</v>
      </c>
      <c r="I21330" s="2">
        <v>1</v>
      </c>
      <c r="J21330" s="2">
        <v>0</v>
      </c>
      <c r="K21330" s="2">
        <v>0</v>
      </c>
      <c r="L21330" t="s">
        <v>120</v>
      </c>
      <c r="M21330" t="s">
        <v>83</v>
      </c>
      <c r="N21330" t="s">
        <v>84</v>
      </c>
      <c r="O21330" t="s">
        <v>85</v>
      </c>
      <c r="P21330" t="s">
        <v>86</v>
      </c>
      <c r="Q21330">
        <v>22</v>
      </c>
      <c r="R21330">
        <v>22</v>
      </c>
      <c r="S21330">
        <v>23</v>
      </c>
      <c r="T21330">
        <v>24</v>
      </c>
      <c r="U21330">
        <v>24</v>
      </c>
      <c r="V21330">
        <v>25</v>
      </c>
      <c r="W21330">
        <v>25</v>
      </c>
      <c r="X21330">
        <v>26</v>
      </c>
      <c r="Y21330">
        <v>27</v>
      </c>
      <c r="Z21330">
        <v>27</v>
      </c>
      <c r="AA21330">
        <v>28</v>
      </c>
      <c r="AB21330">
        <v>29</v>
      </c>
      <c r="AC21330">
        <v>29</v>
      </c>
      <c r="AD21330">
        <v>30</v>
      </c>
      <c r="AE21330">
        <v>31</v>
      </c>
      <c r="AF21330">
        <v>31</v>
      </c>
      <c r="AG21330">
        <v>32</v>
      </c>
      <c r="AH21330">
        <v>33</v>
      </c>
      <c r="AI21330">
        <v>34</v>
      </c>
      <c r="AJ21330">
        <v>35</v>
      </c>
      <c r="AK21330">
        <v>35</v>
      </c>
      <c r="AL21330">
        <v>36</v>
      </c>
      <c r="AM21330">
        <v>37</v>
      </c>
      <c r="AN21330">
        <v>37</v>
      </c>
      <c r="AO21330">
        <v>38</v>
      </c>
      <c r="AP21330">
        <v>38</v>
      </c>
      <c r="AQ21330">
        <v>39</v>
      </c>
    </row>
    <row r="21331" spans="1:43">
      <c r="A21331" t="s">
        <v>13223</v>
      </c>
      <c r="B21331" t="s">
        <v>13224</v>
      </c>
      <c r="C21331" t="s">
        <v>13217</v>
      </c>
      <c r="D21331" t="s">
        <v>13218</v>
      </c>
      <c r="E21331" t="s">
        <v>13165</v>
      </c>
      <c r="F21331" t="s">
        <v>13166</v>
      </c>
      <c r="G21331" t="s">
        <v>10214</v>
      </c>
      <c r="H21331" t="s">
        <v>10215</v>
      </c>
      <c r="I21331" s="2">
        <v>1</v>
      </c>
      <c r="J21331" s="2">
        <v>0</v>
      </c>
      <c r="K21331" s="2">
        <v>0</v>
      </c>
      <c r="L21331" t="s">
        <v>120</v>
      </c>
      <c r="M21331" t="s">
        <v>87</v>
      </c>
      <c r="N21331" t="s">
        <v>88</v>
      </c>
      <c r="O21331" t="s">
        <v>85</v>
      </c>
      <c r="P21331" t="s">
        <v>86</v>
      </c>
      <c r="Q21331">
        <v>22</v>
      </c>
      <c r="R21331">
        <v>22</v>
      </c>
      <c r="S21331">
        <v>22</v>
      </c>
      <c r="T21331">
        <v>23</v>
      </c>
      <c r="U21331">
        <v>23</v>
      </c>
      <c r="V21331">
        <v>23</v>
      </c>
      <c r="W21331">
        <v>24</v>
      </c>
      <c r="X21331">
        <v>24</v>
      </c>
      <c r="Y21331">
        <v>25</v>
      </c>
      <c r="Z21331">
        <v>25</v>
      </c>
      <c r="AA21331">
        <v>25</v>
      </c>
      <c r="AB21331">
        <v>26</v>
      </c>
      <c r="AC21331">
        <v>26</v>
      </c>
      <c r="AD21331">
        <v>27</v>
      </c>
      <c r="AE21331">
        <v>27</v>
      </c>
      <c r="AF21331">
        <v>28</v>
      </c>
      <c r="AG21331">
        <v>28</v>
      </c>
      <c r="AH21331">
        <v>29</v>
      </c>
      <c r="AI21331">
        <v>29</v>
      </c>
      <c r="AJ21331">
        <v>30</v>
      </c>
      <c r="AK21331">
        <v>30</v>
      </c>
      <c r="AL21331">
        <v>31</v>
      </c>
      <c r="AM21331">
        <v>31</v>
      </c>
      <c r="AN21331">
        <v>32</v>
      </c>
      <c r="AO21331">
        <v>32</v>
      </c>
      <c r="AP21331">
        <v>33</v>
      </c>
      <c r="AQ21331">
        <v>34</v>
      </c>
    </row>
    <row r="21332" spans="1:43">
      <c r="A21332" t="s">
        <v>13223</v>
      </c>
      <c r="B21332" t="s">
        <v>13224</v>
      </c>
      <c r="C21332" t="s">
        <v>13217</v>
      </c>
      <c r="D21332" t="s">
        <v>13218</v>
      </c>
      <c r="E21332" t="s">
        <v>13165</v>
      </c>
      <c r="F21332" t="s">
        <v>13166</v>
      </c>
      <c r="G21332" t="s">
        <v>10214</v>
      </c>
      <c r="H21332" t="s">
        <v>10215</v>
      </c>
      <c r="I21332" s="2">
        <v>1</v>
      </c>
      <c r="J21332" s="2">
        <v>0</v>
      </c>
      <c r="K21332" s="2">
        <v>0</v>
      </c>
      <c r="L21332" t="s">
        <v>120</v>
      </c>
      <c r="M21332" t="s">
        <v>89</v>
      </c>
      <c r="N21332" t="s">
        <v>90</v>
      </c>
      <c r="O21332" t="s">
        <v>85</v>
      </c>
      <c r="P21332" t="s">
        <v>86</v>
      </c>
      <c r="Q21332">
        <v>22</v>
      </c>
      <c r="R21332">
        <v>23</v>
      </c>
      <c r="S21332">
        <v>24</v>
      </c>
      <c r="T21332">
        <v>24</v>
      </c>
      <c r="U21332">
        <v>25</v>
      </c>
      <c r="V21332">
        <v>26</v>
      </c>
      <c r="W21332">
        <v>27</v>
      </c>
      <c r="X21332">
        <v>27</v>
      </c>
      <c r="Y21332">
        <v>28</v>
      </c>
      <c r="Z21332">
        <v>29</v>
      </c>
      <c r="AA21332">
        <v>30</v>
      </c>
      <c r="AB21332">
        <v>31</v>
      </c>
      <c r="AC21332">
        <v>31</v>
      </c>
      <c r="AD21332">
        <v>32</v>
      </c>
      <c r="AE21332">
        <v>33</v>
      </c>
      <c r="AF21332">
        <v>33</v>
      </c>
      <c r="AG21332">
        <v>34</v>
      </c>
      <c r="AH21332">
        <v>34</v>
      </c>
      <c r="AI21332">
        <v>35</v>
      </c>
      <c r="AJ21332">
        <v>35</v>
      </c>
      <c r="AK21332">
        <v>36</v>
      </c>
      <c r="AL21332">
        <v>36</v>
      </c>
      <c r="AM21332">
        <v>37</v>
      </c>
      <c r="AN21332">
        <v>38</v>
      </c>
      <c r="AO21332">
        <v>38</v>
      </c>
      <c r="AP21332">
        <v>39</v>
      </c>
      <c r="AQ21332">
        <v>39</v>
      </c>
    </row>
    <row r="21333" spans="1:43">
      <c r="A21333" t="s">
        <v>13223</v>
      </c>
      <c r="B21333" t="s">
        <v>13224</v>
      </c>
      <c r="C21333" t="s">
        <v>13217</v>
      </c>
      <c r="D21333" t="s">
        <v>13218</v>
      </c>
      <c r="E21333" t="s">
        <v>13165</v>
      </c>
      <c r="F21333" t="s">
        <v>13166</v>
      </c>
      <c r="G21333" t="s">
        <v>10214</v>
      </c>
      <c r="H21333" t="s">
        <v>10215</v>
      </c>
      <c r="I21333" s="2">
        <v>1</v>
      </c>
      <c r="J21333" s="2">
        <v>0</v>
      </c>
      <c r="K21333" s="2">
        <v>0</v>
      </c>
      <c r="L21333" t="s">
        <v>120</v>
      </c>
      <c r="M21333" t="s">
        <v>83</v>
      </c>
      <c r="N21333" t="s">
        <v>91</v>
      </c>
      <c r="O21333" t="s">
        <v>85</v>
      </c>
      <c r="P21333" t="s">
        <v>86</v>
      </c>
      <c r="Q21333">
        <v>22</v>
      </c>
      <c r="R21333">
        <v>22</v>
      </c>
      <c r="S21333">
        <v>23</v>
      </c>
      <c r="T21333">
        <v>24</v>
      </c>
      <c r="U21333">
        <v>24</v>
      </c>
      <c r="V21333">
        <v>25</v>
      </c>
      <c r="W21333">
        <v>25</v>
      </c>
      <c r="X21333">
        <v>26</v>
      </c>
      <c r="Y21333">
        <v>27</v>
      </c>
      <c r="Z21333">
        <v>27</v>
      </c>
      <c r="AA21333">
        <v>28</v>
      </c>
      <c r="AB21333">
        <v>29</v>
      </c>
      <c r="AC21333">
        <v>29</v>
      </c>
      <c r="AD21333">
        <v>30</v>
      </c>
      <c r="AE21333">
        <v>31</v>
      </c>
      <c r="AF21333">
        <v>31</v>
      </c>
      <c r="AG21333">
        <v>32</v>
      </c>
      <c r="AH21333">
        <v>33</v>
      </c>
      <c r="AI21333">
        <v>34</v>
      </c>
      <c r="AJ21333">
        <v>35</v>
      </c>
      <c r="AK21333">
        <v>35</v>
      </c>
      <c r="AL21333">
        <v>36</v>
      </c>
      <c r="AM21333">
        <v>37</v>
      </c>
      <c r="AN21333">
        <v>37</v>
      </c>
      <c r="AO21333">
        <v>38</v>
      </c>
      <c r="AP21333">
        <v>38</v>
      </c>
      <c r="AQ21333">
        <v>39</v>
      </c>
    </row>
    <row r="21334" spans="1:43">
      <c r="A21334" t="s">
        <v>13225</v>
      </c>
      <c r="B21334" t="s">
        <v>13226</v>
      </c>
      <c r="C21334" t="s">
        <v>13227</v>
      </c>
      <c r="D21334" t="s">
        <v>13228</v>
      </c>
      <c r="E21334" t="s">
        <v>13165</v>
      </c>
      <c r="F21334" t="s">
        <v>13166</v>
      </c>
      <c r="G21334" t="s">
        <v>10214</v>
      </c>
      <c r="H21334" t="s">
        <v>10215</v>
      </c>
      <c r="I21334" s="2">
        <v>1</v>
      </c>
      <c r="J21334" s="2">
        <v>0</v>
      </c>
      <c r="K21334" s="2">
        <v>0</v>
      </c>
      <c r="L21334" t="s">
        <v>120</v>
      </c>
      <c r="M21334" t="s">
        <v>83</v>
      </c>
      <c r="N21334" t="s">
        <v>84</v>
      </c>
      <c r="O21334" t="s">
        <v>85</v>
      </c>
      <c r="P21334" t="s">
        <v>86</v>
      </c>
      <c r="Q21334">
        <v>83</v>
      </c>
      <c r="R21334">
        <v>85</v>
      </c>
      <c r="S21334">
        <v>88</v>
      </c>
      <c r="T21334">
        <v>90</v>
      </c>
      <c r="U21334">
        <v>92</v>
      </c>
      <c r="V21334">
        <v>95</v>
      </c>
      <c r="W21334">
        <v>97</v>
      </c>
      <c r="X21334">
        <v>99</v>
      </c>
      <c r="Y21334">
        <v>102</v>
      </c>
      <c r="Z21334">
        <v>104</v>
      </c>
      <c r="AA21334">
        <v>107</v>
      </c>
      <c r="AB21334">
        <v>109</v>
      </c>
      <c r="AC21334">
        <v>112</v>
      </c>
      <c r="AD21334">
        <v>115</v>
      </c>
      <c r="AE21334">
        <v>118</v>
      </c>
      <c r="AF21334">
        <v>120</v>
      </c>
      <c r="AG21334">
        <v>123</v>
      </c>
      <c r="AH21334">
        <v>126</v>
      </c>
      <c r="AI21334">
        <v>129</v>
      </c>
      <c r="AJ21334">
        <v>132</v>
      </c>
      <c r="AK21334">
        <v>135</v>
      </c>
      <c r="AL21334">
        <v>138</v>
      </c>
      <c r="AM21334">
        <v>140</v>
      </c>
      <c r="AN21334">
        <v>142</v>
      </c>
      <c r="AO21334">
        <v>144</v>
      </c>
      <c r="AP21334">
        <v>146</v>
      </c>
      <c r="AQ21334">
        <v>148</v>
      </c>
    </row>
    <row r="21335" spans="1:43">
      <c r="A21335" t="s">
        <v>13225</v>
      </c>
      <c r="B21335" t="s">
        <v>13226</v>
      </c>
      <c r="C21335" t="s">
        <v>13227</v>
      </c>
      <c r="D21335" t="s">
        <v>13228</v>
      </c>
      <c r="E21335" t="s">
        <v>13165</v>
      </c>
      <c r="F21335" t="s">
        <v>13166</v>
      </c>
      <c r="G21335" t="s">
        <v>10214</v>
      </c>
      <c r="H21335" t="s">
        <v>10215</v>
      </c>
      <c r="I21335" s="2">
        <v>1</v>
      </c>
      <c r="J21335" s="2">
        <v>0</v>
      </c>
      <c r="K21335" s="2">
        <v>0</v>
      </c>
      <c r="L21335" t="s">
        <v>120</v>
      </c>
      <c r="M21335" t="s">
        <v>87</v>
      </c>
      <c r="N21335" t="s">
        <v>88</v>
      </c>
      <c r="O21335" t="s">
        <v>85</v>
      </c>
      <c r="P21335" t="s">
        <v>86</v>
      </c>
      <c r="Q21335">
        <v>83</v>
      </c>
      <c r="R21335">
        <v>85</v>
      </c>
      <c r="S21335">
        <v>86</v>
      </c>
      <c r="T21335">
        <v>88</v>
      </c>
      <c r="U21335">
        <v>89</v>
      </c>
      <c r="V21335">
        <v>91</v>
      </c>
      <c r="W21335">
        <v>92</v>
      </c>
      <c r="X21335">
        <v>94</v>
      </c>
      <c r="Y21335">
        <v>95</v>
      </c>
      <c r="Z21335">
        <v>97</v>
      </c>
      <c r="AA21335">
        <v>98</v>
      </c>
      <c r="AB21335">
        <v>100</v>
      </c>
      <c r="AC21335">
        <v>102</v>
      </c>
      <c r="AD21335">
        <v>103</v>
      </c>
      <c r="AE21335">
        <v>105</v>
      </c>
      <c r="AF21335">
        <v>107</v>
      </c>
      <c r="AG21335">
        <v>109</v>
      </c>
      <c r="AH21335">
        <v>111</v>
      </c>
      <c r="AI21335">
        <v>113</v>
      </c>
      <c r="AJ21335">
        <v>115</v>
      </c>
      <c r="AK21335">
        <v>117</v>
      </c>
      <c r="AL21335">
        <v>119</v>
      </c>
      <c r="AM21335">
        <v>121</v>
      </c>
      <c r="AN21335">
        <v>123</v>
      </c>
      <c r="AO21335">
        <v>125</v>
      </c>
      <c r="AP21335">
        <v>127</v>
      </c>
      <c r="AQ21335">
        <v>129</v>
      </c>
    </row>
    <row r="21336" spans="1:43">
      <c r="A21336" t="s">
        <v>13225</v>
      </c>
      <c r="B21336" t="s">
        <v>13226</v>
      </c>
      <c r="C21336" t="s">
        <v>13227</v>
      </c>
      <c r="D21336" t="s">
        <v>13228</v>
      </c>
      <c r="E21336" t="s">
        <v>13165</v>
      </c>
      <c r="F21336" t="s">
        <v>13166</v>
      </c>
      <c r="G21336" t="s">
        <v>10214</v>
      </c>
      <c r="H21336" t="s">
        <v>10215</v>
      </c>
      <c r="I21336" s="2">
        <v>1</v>
      </c>
      <c r="J21336" s="2">
        <v>0</v>
      </c>
      <c r="K21336" s="2">
        <v>0</v>
      </c>
      <c r="L21336" t="s">
        <v>120</v>
      </c>
      <c r="M21336" t="s">
        <v>89</v>
      </c>
      <c r="N21336" t="s">
        <v>90</v>
      </c>
      <c r="O21336" t="s">
        <v>85</v>
      </c>
      <c r="P21336" t="s">
        <v>86</v>
      </c>
      <c r="Q21336">
        <v>83</v>
      </c>
      <c r="R21336">
        <v>86</v>
      </c>
      <c r="S21336">
        <v>89</v>
      </c>
      <c r="T21336">
        <v>92</v>
      </c>
      <c r="U21336">
        <v>95</v>
      </c>
      <c r="V21336">
        <v>98</v>
      </c>
      <c r="W21336">
        <v>101</v>
      </c>
      <c r="X21336">
        <v>104</v>
      </c>
      <c r="Y21336">
        <v>107</v>
      </c>
      <c r="Z21336">
        <v>110</v>
      </c>
      <c r="AA21336">
        <v>113</v>
      </c>
      <c r="AB21336">
        <v>116</v>
      </c>
      <c r="AC21336">
        <v>119</v>
      </c>
      <c r="AD21336">
        <v>122</v>
      </c>
      <c r="AE21336">
        <v>125</v>
      </c>
      <c r="AF21336">
        <v>127</v>
      </c>
      <c r="AG21336">
        <v>129</v>
      </c>
      <c r="AH21336">
        <v>131</v>
      </c>
      <c r="AI21336">
        <v>132</v>
      </c>
      <c r="AJ21336">
        <v>134</v>
      </c>
      <c r="AK21336">
        <v>136</v>
      </c>
      <c r="AL21336">
        <v>138</v>
      </c>
      <c r="AM21336">
        <v>140</v>
      </c>
      <c r="AN21336">
        <v>142</v>
      </c>
      <c r="AO21336">
        <v>144</v>
      </c>
      <c r="AP21336">
        <v>147</v>
      </c>
      <c r="AQ21336">
        <v>149</v>
      </c>
    </row>
    <row r="21337" spans="1:43">
      <c r="A21337" t="s">
        <v>13225</v>
      </c>
      <c r="B21337" t="s">
        <v>13226</v>
      </c>
      <c r="C21337" t="s">
        <v>13227</v>
      </c>
      <c r="D21337" t="s">
        <v>13228</v>
      </c>
      <c r="E21337" t="s">
        <v>13165</v>
      </c>
      <c r="F21337" t="s">
        <v>13166</v>
      </c>
      <c r="G21337" t="s">
        <v>10214</v>
      </c>
      <c r="H21337" t="s">
        <v>10215</v>
      </c>
      <c r="I21337" s="2">
        <v>1</v>
      </c>
      <c r="J21337" s="2">
        <v>0</v>
      </c>
      <c r="K21337" s="2">
        <v>0</v>
      </c>
      <c r="L21337" t="s">
        <v>120</v>
      </c>
      <c r="M21337" t="s">
        <v>83</v>
      </c>
      <c r="N21337" t="s">
        <v>91</v>
      </c>
      <c r="O21337" t="s">
        <v>85</v>
      </c>
      <c r="P21337" t="s">
        <v>86</v>
      </c>
      <c r="Q21337">
        <v>83</v>
      </c>
      <c r="R21337">
        <v>85</v>
      </c>
      <c r="S21337">
        <v>88</v>
      </c>
      <c r="T21337">
        <v>90</v>
      </c>
      <c r="U21337">
        <v>92</v>
      </c>
      <c r="V21337">
        <v>95</v>
      </c>
      <c r="W21337">
        <v>97</v>
      </c>
      <c r="X21337">
        <v>99</v>
      </c>
      <c r="Y21337">
        <v>102</v>
      </c>
      <c r="Z21337">
        <v>104</v>
      </c>
      <c r="AA21337">
        <v>107</v>
      </c>
      <c r="AB21337">
        <v>109</v>
      </c>
      <c r="AC21337">
        <v>112</v>
      </c>
      <c r="AD21337">
        <v>115</v>
      </c>
      <c r="AE21337">
        <v>118</v>
      </c>
      <c r="AF21337">
        <v>120</v>
      </c>
      <c r="AG21337">
        <v>123</v>
      </c>
      <c r="AH21337">
        <v>126</v>
      </c>
      <c r="AI21337">
        <v>129</v>
      </c>
      <c r="AJ21337">
        <v>132</v>
      </c>
      <c r="AK21337">
        <v>135</v>
      </c>
      <c r="AL21337">
        <v>138</v>
      </c>
      <c r="AM21337">
        <v>140</v>
      </c>
      <c r="AN21337">
        <v>142</v>
      </c>
      <c r="AO21337">
        <v>144</v>
      </c>
      <c r="AP21337">
        <v>146</v>
      </c>
      <c r="AQ21337">
        <v>148</v>
      </c>
    </row>
    <row r="21338" spans="1:43">
      <c r="A21338" t="s">
        <v>13229</v>
      </c>
      <c r="B21338" t="s">
        <v>13230</v>
      </c>
      <c r="C21338" t="s">
        <v>13227</v>
      </c>
      <c r="D21338" t="s">
        <v>13228</v>
      </c>
      <c r="E21338" t="s">
        <v>13165</v>
      </c>
      <c r="F21338" t="s">
        <v>13166</v>
      </c>
      <c r="G21338" t="s">
        <v>10214</v>
      </c>
      <c r="H21338" t="s">
        <v>10215</v>
      </c>
      <c r="I21338" s="2">
        <v>1</v>
      </c>
      <c r="J21338" s="2">
        <v>0</v>
      </c>
      <c r="K21338" s="2">
        <v>0</v>
      </c>
      <c r="L21338" t="s">
        <v>120</v>
      </c>
      <c r="M21338" t="s">
        <v>83</v>
      </c>
      <c r="N21338" t="s">
        <v>84</v>
      </c>
      <c r="O21338" t="s">
        <v>85</v>
      </c>
      <c r="P21338" t="s">
        <v>86</v>
      </c>
      <c r="Q21338">
        <v>7</v>
      </c>
      <c r="R21338">
        <v>7</v>
      </c>
      <c r="S21338">
        <v>7</v>
      </c>
      <c r="T21338">
        <v>7</v>
      </c>
      <c r="U21338">
        <v>8</v>
      </c>
      <c r="V21338">
        <v>8</v>
      </c>
      <c r="W21338">
        <v>8</v>
      </c>
      <c r="X21338">
        <v>8</v>
      </c>
      <c r="Y21338">
        <v>8</v>
      </c>
      <c r="Z21338">
        <v>9</v>
      </c>
      <c r="AA21338">
        <v>9</v>
      </c>
      <c r="AB21338">
        <v>9</v>
      </c>
      <c r="AC21338">
        <v>9</v>
      </c>
      <c r="AD21338">
        <v>9</v>
      </c>
      <c r="AE21338">
        <v>10</v>
      </c>
      <c r="AF21338">
        <v>10</v>
      </c>
      <c r="AG21338">
        <v>10</v>
      </c>
      <c r="AH21338">
        <v>10</v>
      </c>
      <c r="AI21338">
        <v>11</v>
      </c>
      <c r="AJ21338">
        <v>11</v>
      </c>
      <c r="AK21338">
        <v>11</v>
      </c>
      <c r="AL21338">
        <v>11</v>
      </c>
      <c r="AM21338">
        <v>11</v>
      </c>
      <c r="AN21338">
        <v>12</v>
      </c>
      <c r="AO21338">
        <v>12</v>
      </c>
      <c r="AP21338">
        <v>12</v>
      </c>
      <c r="AQ21338">
        <v>12</v>
      </c>
    </row>
    <row r="21339" spans="1:43">
      <c r="A21339" t="s">
        <v>13229</v>
      </c>
      <c r="B21339" t="s">
        <v>13230</v>
      </c>
      <c r="C21339" t="s">
        <v>13227</v>
      </c>
      <c r="D21339" t="s">
        <v>13228</v>
      </c>
      <c r="E21339" t="s">
        <v>13165</v>
      </c>
      <c r="F21339" t="s">
        <v>13166</v>
      </c>
      <c r="G21339" t="s">
        <v>10214</v>
      </c>
      <c r="H21339" t="s">
        <v>10215</v>
      </c>
      <c r="I21339" s="2">
        <v>1</v>
      </c>
      <c r="J21339" s="2">
        <v>0</v>
      </c>
      <c r="K21339" s="2">
        <v>0</v>
      </c>
      <c r="L21339" t="s">
        <v>120</v>
      </c>
      <c r="M21339" t="s">
        <v>87</v>
      </c>
      <c r="N21339" t="s">
        <v>88</v>
      </c>
      <c r="O21339" t="s">
        <v>85</v>
      </c>
      <c r="P21339" t="s">
        <v>86</v>
      </c>
      <c r="Q21339">
        <v>7</v>
      </c>
      <c r="R21339">
        <v>7</v>
      </c>
      <c r="S21339">
        <v>7</v>
      </c>
      <c r="T21339">
        <v>7</v>
      </c>
      <c r="U21339">
        <v>7</v>
      </c>
      <c r="V21339">
        <v>7</v>
      </c>
      <c r="W21339">
        <v>7</v>
      </c>
      <c r="X21339">
        <v>8</v>
      </c>
      <c r="Y21339">
        <v>8</v>
      </c>
      <c r="Z21339">
        <v>8</v>
      </c>
      <c r="AA21339">
        <v>8</v>
      </c>
      <c r="AB21339">
        <v>8</v>
      </c>
      <c r="AC21339">
        <v>8</v>
      </c>
      <c r="AD21339">
        <v>8</v>
      </c>
      <c r="AE21339">
        <v>9</v>
      </c>
      <c r="AF21339">
        <v>9</v>
      </c>
      <c r="AG21339">
        <v>9</v>
      </c>
      <c r="AH21339">
        <v>9</v>
      </c>
      <c r="AI21339">
        <v>9</v>
      </c>
      <c r="AJ21339">
        <v>9</v>
      </c>
      <c r="AK21339">
        <v>9</v>
      </c>
      <c r="AL21339">
        <v>10</v>
      </c>
      <c r="AM21339">
        <v>10</v>
      </c>
      <c r="AN21339">
        <v>10</v>
      </c>
      <c r="AO21339">
        <v>10</v>
      </c>
      <c r="AP21339">
        <v>10</v>
      </c>
      <c r="AQ21339">
        <v>11</v>
      </c>
    </row>
    <row r="21340" spans="1:43">
      <c r="A21340" t="s">
        <v>13229</v>
      </c>
      <c r="B21340" t="s">
        <v>13230</v>
      </c>
      <c r="C21340" t="s">
        <v>13227</v>
      </c>
      <c r="D21340" t="s">
        <v>13228</v>
      </c>
      <c r="E21340" t="s">
        <v>13165</v>
      </c>
      <c r="F21340" t="s">
        <v>13166</v>
      </c>
      <c r="G21340" t="s">
        <v>10214</v>
      </c>
      <c r="H21340" t="s">
        <v>10215</v>
      </c>
      <c r="I21340" s="2">
        <v>1</v>
      </c>
      <c r="J21340" s="2">
        <v>0</v>
      </c>
      <c r="K21340" s="2">
        <v>0</v>
      </c>
      <c r="L21340" t="s">
        <v>120</v>
      </c>
      <c r="M21340" t="s">
        <v>89</v>
      </c>
      <c r="N21340" t="s">
        <v>90</v>
      </c>
      <c r="O21340" t="s">
        <v>85</v>
      </c>
      <c r="P21340" t="s">
        <v>86</v>
      </c>
      <c r="Q21340">
        <v>7</v>
      </c>
      <c r="R21340">
        <v>7</v>
      </c>
      <c r="S21340">
        <v>7</v>
      </c>
      <c r="T21340">
        <v>8</v>
      </c>
      <c r="U21340">
        <v>8</v>
      </c>
      <c r="V21340">
        <v>8</v>
      </c>
      <c r="W21340">
        <v>8</v>
      </c>
      <c r="X21340">
        <v>9</v>
      </c>
      <c r="Y21340">
        <v>9</v>
      </c>
      <c r="Z21340">
        <v>9</v>
      </c>
      <c r="AA21340">
        <v>9</v>
      </c>
      <c r="AB21340">
        <v>10</v>
      </c>
      <c r="AC21340">
        <v>10</v>
      </c>
      <c r="AD21340">
        <v>10</v>
      </c>
      <c r="AE21340">
        <v>10</v>
      </c>
      <c r="AF21340">
        <v>10</v>
      </c>
      <c r="AG21340">
        <v>11</v>
      </c>
      <c r="AH21340">
        <v>11</v>
      </c>
      <c r="AI21340">
        <v>11</v>
      </c>
      <c r="AJ21340">
        <v>11</v>
      </c>
      <c r="AK21340">
        <v>11</v>
      </c>
      <c r="AL21340">
        <v>11</v>
      </c>
      <c r="AM21340">
        <v>12</v>
      </c>
      <c r="AN21340">
        <v>12</v>
      </c>
      <c r="AO21340">
        <v>12</v>
      </c>
      <c r="AP21340">
        <v>12</v>
      </c>
      <c r="AQ21340">
        <v>12</v>
      </c>
    </row>
    <row r="21341" spans="1:43">
      <c r="A21341" t="s">
        <v>13229</v>
      </c>
      <c r="B21341" t="s">
        <v>13230</v>
      </c>
      <c r="C21341" t="s">
        <v>13227</v>
      </c>
      <c r="D21341" t="s">
        <v>13228</v>
      </c>
      <c r="E21341" t="s">
        <v>13165</v>
      </c>
      <c r="F21341" t="s">
        <v>13166</v>
      </c>
      <c r="G21341" t="s">
        <v>10214</v>
      </c>
      <c r="H21341" t="s">
        <v>10215</v>
      </c>
      <c r="I21341" s="2">
        <v>1</v>
      </c>
      <c r="J21341" s="2">
        <v>0</v>
      </c>
      <c r="K21341" s="2">
        <v>0</v>
      </c>
      <c r="L21341" t="s">
        <v>120</v>
      </c>
      <c r="M21341" t="s">
        <v>83</v>
      </c>
      <c r="N21341" t="s">
        <v>91</v>
      </c>
      <c r="O21341" t="s">
        <v>85</v>
      </c>
      <c r="P21341" t="s">
        <v>86</v>
      </c>
      <c r="Q21341">
        <v>7</v>
      </c>
      <c r="R21341">
        <v>7</v>
      </c>
      <c r="S21341">
        <v>7</v>
      </c>
      <c r="T21341">
        <v>7</v>
      </c>
      <c r="U21341">
        <v>8</v>
      </c>
      <c r="V21341">
        <v>8</v>
      </c>
      <c r="W21341">
        <v>8</v>
      </c>
      <c r="X21341">
        <v>8</v>
      </c>
      <c r="Y21341">
        <v>8</v>
      </c>
      <c r="Z21341">
        <v>9</v>
      </c>
      <c r="AA21341">
        <v>9</v>
      </c>
      <c r="AB21341">
        <v>9</v>
      </c>
      <c r="AC21341">
        <v>9</v>
      </c>
      <c r="AD21341">
        <v>9</v>
      </c>
      <c r="AE21341">
        <v>10</v>
      </c>
      <c r="AF21341">
        <v>10</v>
      </c>
      <c r="AG21341">
        <v>10</v>
      </c>
      <c r="AH21341">
        <v>10</v>
      </c>
      <c r="AI21341">
        <v>11</v>
      </c>
      <c r="AJ21341">
        <v>11</v>
      </c>
      <c r="AK21341">
        <v>11</v>
      </c>
      <c r="AL21341">
        <v>11</v>
      </c>
      <c r="AM21341">
        <v>11</v>
      </c>
      <c r="AN21341">
        <v>12</v>
      </c>
      <c r="AO21341">
        <v>12</v>
      </c>
      <c r="AP21341">
        <v>12</v>
      </c>
      <c r="AQ21341">
        <v>12</v>
      </c>
    </row>
    <row r="21342" spans="1:43">
      <c r="A21342" t="s">
        <v>13231</v>
      </c>
      <c r="B21342" t="s">
        <v>13232</v>
      </c>
      <c r="C21342" t="s">
        <v>13227</v>
      </c>
      <c r="D21342" t="s">
        <v>13228</v>
      </c>
      <c r="E21342" t="s">
        <v>13165</v>
      </c>
      <c r="F21342" t="s">
        <v>13166</v>
      </c>
      <c r="G21342" t="s">
        <v>10214</v>
      </c>
      <c r="H21342" t="s">
        <v>10215</v>
      </c>
      <c r="I21342" s="2">
        <v>1</v>
      </c>
      <c r="J21342" s="2">
        <v>0</v>
      </c>
      <c r="K21342" s="2">
        <v>0</v>
      </c>
      <c r="L21342" t="s">
        <v>120</v>
      </c>
      <c r="M21342" t="s">
        <v>83</v>
      </c>
      <c r="N21342" t="s">
        <v>84</v>
      </c>
      <c r="O21342" t="s">
        <v>85</v>
      </c>
      <c r="P21342" t="s">
        <v>86</v>
      </c>
      <c r="Q21342">
        <v>23</v>
      </c>
      <c r="R21342">
        <v>23</v>
      </c>
      <c r="S21342">
        <v>24</v>
      </c>
      <c r="T21342">
        <v>25</v>
      </c>
      <c r="U21342">
        <v>25</v>
      </c>
      <c r="V21342">
        <v>26</v>
      </c>
      <c r="W21342">
        <v>27</v>
      </c>
      <c r="X21342">
        <v>27</v>
      </c>
      <c r="Y21342">
        <v>28</v>
      </c>
      <c r="Z21342">
        <v>29</v>
      </c>
      <c r="AA21342">
        <v>29</v>
      </c>
      <c r="AB21342">
        <v>30</v>
      </c>
      <c r="AC21342">
        <v>31</v>
      </c>
      <c r="AD21342">
        <v>32</v>
      </c>
      <c r="AE21342">
        <v>32</v>
      </c>
      <c r="AF21342">
        <v>33</v>
      </c>
      <c r="AG21342">
        <v>34</v>
      </c>
      <c r="AH21342">
        <v>35</v>
      </c>
      <c r="AI21342">
        <v>36</v>
      </c>
      <c r="AJ21342">
        <v>36</v>
      </c>
      <c r="AK21342">
        <v>37</v>
      </c>
      <c r="AL21342">
        <v>38</v>
      </c>
      <c r="AM21342">
        <v>38</v>
      </c>
      <c r="AN21342">
        <v>39</v>
      </c>
      <c r="AO21342">
        <v>40</v>
      </c>
      <c r="AP21342">
        <v>40</v>
      </c>
      <c r="AQ21342">
        <v>41</v>
      </c>
    </row>
    <row r="21343" spans="1:43">
      <c r="A21343" t="s">
        <v>13231</v>
      </c>
      <c r="B21343" t="s">
        <v>13232</v>
      </c>
      <c r="C21343" t="s">
        <v>13227</v>
      </c>
      <c r="D21343" t="s">
        <v>13228</v>
      </c>
      <c r="E21343" t="s">
        <v>13165</v>
      </c>
      <c r="F21343" t="s">
        <v>13166</v>
      </c>
      <c r="G21343" t="s">
        <v>10214</v>
      </c>
      <c r="H21343" t="s">
        <v>10215</v>
      </c>
      <c r="I21343" s="2">
        <v>1</v>
      </c>
      <c r="J21343" s="2">
        <v>0</v>
      </c>
      <c r="K21343" s="2">
        <v>0</v>
      </c>
      <c r="L21343" t="s">
        <v>120</v>
      </c>
      <c r="M21343" t="s">
        <v>87</v>
      </c>
      <c r="N21343" t="s">
        <v>88</v>
      </c>
      <c r="O21343" t="s">
        <v>85</v>
      </c>
      <c r="P21343" t="s">
        <v>86</v>
      </c>
      <c r="Q21343">
        <v>23</v>
      </c>
      <c r="R21343">
        <v>23</v>
      </c>
      <c r="S21343">
        <v>23</v>
      </c>
      <c r="T21343">
        <v>24</v>
      </c>
      <c r="U21343">
        <v>24</v>
      </c>
      <c r="V21343">
        <v>25</v>
      </c>
      <c r="W21343">
        <v>25</v>
      </c>
      <c r="X21343">
        <v>25</v>
      </c>
      <c r="Y21343">
        <v>26</v>
      </c>
      <c r="Z21343">
        <v>26</v>
      </c>
      <c r="AA21343">
        <v>27</v>
      </c>
      <c r="AB21343">
        <v>27</v>
      </c>
      <c r="AC21343">
        <v>28</v>
      </c>
      <c r="AD21343">
        <v>28</v>
      </c>
      <c r="AE21343">
        <v>29</v>
      </c>
      <c r="AF21343">
        <v>29</v>
      </c>
      <c r="AG21343">
        <v>30</v>
      </c>
      <c r="AH21343">
        <v>30</v>
      </c>
      <c r="AI21343">
        <v>31</v>
      </c>
      <c r="AJ21343">
        <v>31</v>
      </c>
      <c r="AK21343">
        <v>32</v>
      </c>
      <c r="AL21343">
        <v>32</v>
      </c>
      <c r="AM21343">
        <v>33</v>
      </c>
      <c r="AN21343">
        <v>34</v>
      </c>
      <c r="AO21343">
        <v>34</v>
      </c>
      <c r="AP21343">
        <v>35</v>
      </c>
      <c r="AQ21343">
        <v>35</v>
      </c>
    </row>
    <row r="21344" spans="1:43">
      <c r="A21344" t="s">
        <v>13231</v>
      </c>
      <c r="B21344" t="s">
        <v>13232</v>
      </c>
      <c r="C21344" t="s">
        <v>13227</v>
      </c>
      <c r="D21344" t="s">
        <v>13228</v>
      </c>
      <c r="E21344" t="s">
        <v>13165</v>
      </c>
      <c r="F21344" t="s">
        <v>13166</v>
      </c>
      <c r="G21344" t="s">
        <v>10214</v>
      </c>
      <c r="H21344" t="s">
        <v>10215</v>
      </c>
      <c r="I21344" s="2">
        <v>1</v>
      </c>
      <c r="J21344" s="2">
        <v>0</v>
      </c>
      <c r="K21344" s="2">
        <v>0</v>
      </c>
      <c r="L21344" t="s">
        <v>120</v>
      </c>
      <c r="M21344" t="s">
        <v>89</v>
      </c>
      <c r="N21344" t="s">
        <v>90</v>
      </c>
      <c r="O21344" t="s">
        <v>85</v>
      </c>
      <c r="P21344" t="s">
        <v>86</v>
      </c>
      <c r="Q21344">
        <v>23</v>
      </c>
      <c r="R21344">
        <v>24</v>
      </c>
      <c r="S21344">
        <v>25</v>
      </c>
      <c r="T21344">
        <v>26</v>
      </c>
      <c r="U21344">
        <v>26</v>
      </c>
      <c r="V21344">
        <v>27</v>
      </c>
      <c r="W21344">
        <v>28</v>
      </c>
      <c r="X21344">
        <v>29</v>
      </c>
      <c r="Y21344">
        <v>30</v>
      </c>
      <c r="Z21344">
        <v>30</v>
      </c>
      <c r="AA21344">
        <v>31</v>
      </c>
      <c r="AB21344">
        <v>32</v>
      </c>
      <c r="AC21344">
        <v>33</v>
      </c>
      <c r="AD21344">
        <v>34</v>
      </c>
      <c r="AE21344">
        <v>35</v>
      </c>
      <c r="AF21344">
        <v>35</v>
      </c>
      <c r="AG21344">
        <v>36</v>
      </c>
      <c r="AH21344">
        <v>36</v>
      </c>
      <c r="AI21344">
        <v>37</v>
      </c>
      <c r="AJ21344">
        <v>37</v>
      </c>
      <c r="AK21344">
        <v>38</v>
      </c>
      <c r="AL21344">
        <v>38</v>
      </c>
      <c r="AM21344">
        <v>39</v>
      </c>
      <c r="AN21344">
        <v>40</v>
      </c>
      <c r="AO21344">
        <v>40</v>
      </c>
      <c r="AP21344">
        <v>41</v>
      </c>
      <c r="AQ21344">
        <v>41</v>
      </c>
    </row>
    <row r="21345" spans="1:43">
      <c r="A21345" t="s">
        <v>13231</v>
      </c>
      <c r="B21345" t="s">
        <v>13232</v>
      </c>
      <c r="C21345" t="s">
        <v>13227</v>
      </c>
      <c r="D21345" t="s">
        <v>13228</v>
      </c>
      <c r="E21345" t="s">
        <v>13165</v>
      </c>
      <c r="F21345" t="s">
        <v>13166</v>
      </c>
      <c r="G21345" t="s">
        <v>10214</v>
      </c>
      <c r="H21345" t="s">
        <v>10215</v>
      </c>
      <c r="I21345" s="2">
        <v>1</v>
      </c>
      <c r="J21345" s="2">
        <v>0</v>
      </c>
      <c r="K21345" s="2">
        <v>0</v>
      </c>
      <c r="L21345" t="s">
        <v>120</v>
      </c>
      <c r="M21345" t="s">
        <v>83</v>
      </c>
      <c r="N21345" t="s">
        <v>91</v>
      </c>
      <c r="O21345" t="s">
        <v>85</v>
      </c>
      <c r="P21345" t="s">
        <v>86</v>
      </c>
      <c r="Q21345">
        <v>23</v>
      </c>
      <c r="R21345">
        <v>23</v>
      </c>
      <c r="S21345">
        <v>24</v>
      </c>
      <c r="T21345">
        <v>25</v>
      </c>
      <c r="U21345">
        <v>25</v>
      </c>
      <c r="V21345">
        <v>26</v>
      </c>
      <c r="W21345">
        <v>27</v>
      </c>
      <c r="X21345">
        <v>27</v>
      </c>
      <c r="Y21345">
        <v>28</v>
      </c>
      <c r="Z21345">
        <v>29</v>
      </c>
      <c r="AA21345">
        <v>29</v>
      </c>
      <c r="AB21345">
        <v>30</v>
      </c>
      <c r="AC21345">
        <v>31</v>
      </c>
      <c r="AD21345">
        <v>32</v>
      </c>
      <c r="AE21345">
        <v>32</v>
      </c>
      <c r="AF21345">
        <v>33</v>
      </c>
      <c r="AG21345">
        <v>34</v>
      </c>
      <c r="AH21345">
        <v>35</v>
      </c>
      <c r="AI21345">
        <v>36</v>
      </c>
      <c r="AJ21345">
        <v>36</v>
      </c>
      <c r="AK21345">
        <v>37</v>
      </c>
      <c r="AL21345">
        <v>38</v>
      </c>
      <c r="AM21345">
        <v>38</v>
      </c>
      <c r="AN21345">
        <v>39</v>
      </c>
      <c r="AO21345">
        <v>40</v>
      </c>
      <c r="AP21345">
        <v>40</v>
      </c>
      <c r="AQ21345">
        <v>41</v>
      </c>
    </row>
    <row r="21346" spans="1:43">
      <c r="A21346" t="s">
        <v>13233</v>
      </c>
      <c r="B21346" t="s">
        <v>13234</v>
      </c>
      <c r="C21346" t="s">
        <v>13227</v>
      </c>
      <c r="D21346" t="s">
        <v>13228</v>
      </c>
      <c r="E21346" t="s">
        <v>13165</v>
      </c>
      <c r="F21346" t="s">
        <v>13166</v>
      </c>
      <c r="G21346" t="s">
        <v>10214</v>
      </c>
      <c r="H21346" t="s">
        <v>10215</v>
      </c>
      <c r="I21346" s="2">
        <v>1</v>
      </c>
      <c r="J21346" s="2">
        <v>0</v>
      </c>
      <c r="K21346" s="2">
        <v>0</v>
      </c>
      <c r="L21346" t="s">
        <v>120</v>
      </c>
      <c r="M21346" t="s">
        <v>83</v>
      </c>
      <c r="N21346" t="s">
        <v>84</v>
      </c>
      <c r="O21346" t="s">
        <v>85</v>
      </c>
      <c r="P21346" t="s">
        <v>86</v>
      </c>
      <c r="Q21346">
        <v>18</v>
      </c>
      <c r="R21346">
        <v>19</v>
      </c>
      <c r="S21346">
        <v>19</v>
      </c>
      <c r="T21346">
        <v>20</v>
      </c>
      <c r="U21346">
        <v>20</v>
      </c>
      <c r="V21346">
        <v>21</v>
      </c>
      <c r="W21346">
        <v>21</v>
      </c>
      <c r="X21346">
        <v>22</v>
      </c>
      <c r="Y21346">
        <v>22</v>
      </c>
      <c r="Z21346">
        <v>23</v>
      </c>
      <c r="AA21346">
        <v>24</v>
      </c>
      <c r="AB21346">
        <v>24</v>
      </c>
      <c r="AC21346">
        <v>25</v>
      </c>
      <c r="AD21346">
        <v>25</v>
      </c>
      <c r="AE21346">
        <v>26</v>
      </c>
      <c r="AF21346">
        <v>27</v>
      </c>
      <c r="AG21346">
        <v>27</v>
      </c>
      <c r="AH21346">
        <v>28</v>
      </c>
      <c r="AI21346">
        <v>28</v>
      </c>
      <c r="AJ21346">
        <v>29</v>
      </c>
      <c r="AK21346">
        <v>30</v>
      </c>
      <c r="AL21346">
        <v>30</v>
      </c>
      <c r="AM21346">
        <v>31</v>
      </c>
      <c r="AN21346">
        <v>31</v>
      </c>
      <c r="AO21346">
        <v>32</v>
      </c>
      <c r="AP21346">
        <v>32</v>
      </c>
      <c r="AQ21346">
        <v>33</v>
      </c>
    </row>
    <row r="21347" spans="1:43">
      <c r="A21347" t="s">
        <v>13233</v>
      </c>
      <c r="B21347" t="s">
        <v>13234</v>
      </c>
      <c r="C21347" t="s">
        <v>13227</v>
      </c>
      <c r="D21347" t="s">
        <v>13228</v>
      </c>
      <c r="E21347" t="s">
        <v>13165</v>
      </c>
      <c r="F21347" t="s">
        <v>13166</v>
      </c>
      <c r="G21347" t="s">
        <v>10214</v>
      </c>
      <c r="H21347" t="s">
        <v>10215</v>
      </c>
      <c r="I21347" s="2">
        <v>1</v>
      </c>
      <c r="J21347" s="2">
        <v>0</v>
      </c>
      <c r="K21347" s="2">
        <v>0</v>
      </c>
      <c r="L21347" t="s">
        <v>120</v>
      </c>
      <c r="M21347" t="s">
        <v>87</v>
      </c>
      <c r="N21347" t="s">
        <v>88</v>
      </c>
      <c r="O21347" t="s">
        <v>85</v>
      </c>
      <c r="P21347" t="s">
        <v>86</v>
      </c>
      <c r="Q21347">
        <v>18</v>
      </c>
      <c r="R21347">
        <v>18</v>
      </c>
      <c r="S21347">
        <v>19</v>
      </c>
      <c r="T21347">
        <v>19</v>
      </c>
      <c r="U21347">
        <v>19</v>
      </c>
      <c r="V21347">
        <v>20</v>
      </c>
      <c r="W21347">
        <v>20</v>
      </c>
      <c r="X21347">
        <v>20</v>
      </c>
      <c r="Y21347">
        <v>21</v>
      </c>
      <c r="Z21347">
        <v>21</v>
      </c>
      <c r="AA21347">
        <v>21</v>
      </c>
      <c r="AB21347">
        <v>22</v>
      </c>
      <c r="AC21347">
        <v>22</v>
      </c>
      <c r="AD21347">
        <v>23</v>
      </c>
      <c r="AE21347">
        <v>23</v>
      </c>
      <c r="AF21347">
        <v>23</v>
      </c>
      <c r="AG21347">
        <v>24</v>
      </c>
      <c r="AH21347">
        <v>24</v>
      </c>
      <c r="AI21347">
        <v>25</v>
      </c>
      <c r="AJ21347">
        <v>25</v>
      </c>
      <c r="AK21347">
        <v>25</v>
      </c>
      <c r="AL21347">
        <v>26</v>
      </c>
      <c r="AM21347">
        <v>26</v>
      </c>
      <c r="AN21347">
        <v>27</v>
      </c>
      <c r="AO21347">
        <v>27</v>
      </c>
      <c r="AP21347">
        <v>28</v>
      </c>
      <c r="AQ21347">
        <v>28</v>
      </c>
    </row>
    <row r="21348" spans="1:43">
      <c r="A21348" t="s">
        <v>13233</v>
      </c>
      <c r="B21348" t="s">
        <v>13234</v>
      </c>
      <c r="C21348" t="s">
        <v>13227</v>
      </c>
      <c r="D21348" t="s">
        <v>13228</v>
      </c>
      <c r="E21348" t="s">
        <v>13165</v>
      </c>
      <c r="F21348" t="s">
        <v>13166</v>
      </c>
      <c r="G21348" t="s">
        <v>10214</v>
      </c>
      <c r="H21348" t="s">
        <v>10215</v>
      </c>
      <c r="I21348" s="2">
        <v>1</v>
      </c>
      <c r="J21348" s="2">
        <v>0</v>
      </c>
      <c r="K21348" s="2">
        <v>0</v>
      </c>
      <c r="L21348" t="s">
        <v>120</v>
      </c>
      <c r="M21348" t="s">
        <v>89</v>
      </c>
      <c r="N21348" t="s">
        <v>90</v>
      </c>
      <c r="O21348" t="s">
        <v>85</v>
      </c>
      <c r="P21348" t="s">
        <v>86</v>
      </c>
      <c r="Q21348">
        <v>18</v>
      </c>
      <c r="R21348">
        <v>19</v>
      </c>
      <c r="S21348">
        <v>20</v>
      </c>
      <c r="T21348">
        <v>20</v>
      </c>
      <c r="U21348">
        <v>21</v>
      </c>
      <c r="V21348">
        <v>22</v>
      </c>
      <c r="W21348">
        <v>22</v>
      </c>
      <c r="X21348">
        <v>23</v>
      </c>
      <c r="Y21348">
        <v>24</v>
      </c>
      <c r="Z21348">
        <v>24</v>
      </c>
      <c r="AA21348">
        <v>25</v>
      </c>
      <c r="AB21348">
        <v>26</v>
      </c>
      <c r="AC21348">
        <v>26</v>
      </c>
      <c r="AD21348">
        <v>27</v>
      </c>
      <c r="AE21348">
        <v>28</v>
      </c>
      <c r="AF21348">
        <v>28</v>
      </c>
      <c r="AG21348">
        <v>29</v>
      </c>
      <c r="AH21348">
        <v>29</v>
      </c>
      <c r="AI21348">
        <v>29</v>
      </c>
      <c r="AJ21348">
        <v>30</v>
      </c>
      <c r="AK21348">
        <v>30</v>
      </c>
      <c r="AL21348">
        <v>31</v>
      </c>
      <c r="AM21348">
        <v>31</v>
      </c>
      <c r="AN21348">
        <v>32</v>
      </c>
      <c r="AO21348">
        <v>32</v>
      </c>
      <c r="AP21348">
        <v>33</v>
      </c>
      <c r="AQ21348">
        <v>33</v>
      </c>
    </row>
    <row r="21349" spans="1:43">
      <c r="A21349" t="s">
        <v>13233</v>
      </c>
      <c r="B21349" t="s">
        <v>13234</v>
      </c>
      <c r="C21349" t="s">
        <v>13227</v>
      </c>
      <c r="D21349" t="s">
        <v>13228</v>
      </c>
      <c r="E21349" t="s">
        <v>13165</v>
      </c>
      <c r="F21349" t="s">
        <v>13166</v>
      </c>
      <c r="G21349" t="s">
        <v>10214</v>
      </c>
      <c r="H21349" t="s">
        <v>10215</v>
      </c>
      <c r="I21349" s="2">
        <v>1</v>
      </c>
      <c r="J21349" s="2">
        <v>0</v>
      </c>
      <c r="K21349" s="2">
        <v>0</v>
      </c>
      <c r="L21349" t="s">
        <v>120</v>
      </c>
      <c r="M21349" t="s">
        <v>83</v>
      </c>
      <c r="N21349" t="s">
        <v>91</v>
      </c>
      <c r="O21349" t="s">
        <v>85</v>
      </c>
      <c r="P21349" t="s">
        <v>86</v>
      </c>
      <c r="Q21349">
        <v>18</v>
      </c>
      <c r="R21349">
        <v>19</v>
      </c>
      <c r="S21349">
        <v>19</v>
      </c>
      <c r="T21349">
        <v>20</v>
      </c>
      <c r="U21349">
        <v>20</v>
      </c>
      <c r="V21349">
        <v>21</v>
      </c>
      <c r="W21349">
        <v>21</v>
      </c>
      <c r="X21349">
        <v>22</v>
      </c>
      <c r="Y21349">
        <v>22</v>
      </c>
      <c r="Z21349">
        <v>23</v>
      </c>
      <c r="AA21349">
        <v>24</v>
      </c>
      <c r="AB21349">
        <v>24</v>
      </c>
      <c r="AC21349">
        <v>25</v>
      </c>
      <c r="AD21349">
        <v>25</v>
      </c>
      <c r="AE21349">
        <v>26</v>
      </c>
      <c r="AF21349">
        <v>27</v>
      </c>
      <c r="AG21349">
        <v>27</v>
      </c>
      <c r="AH21349">
        <v>28</v>
      </c>
      <c r="AI21349">
        <v>28</v>
      </c>
      <c r="AJ21349">
        <v>29</v>
      </c>
      <c r="AK21349">
        <v>30</v>
      </c>
      <c r="AL21349">
        <v>30</v>
      </c>
      <c r="AM21349">
        <v>31</v>
      </c>
      <c r="AN21349">
        <v>31</v>
      </c>
      <c r="AO21349">
        <v>32</v>
      </c>
      <c r="AP21349">
        <v>32</v>
      </c>
      <c r="AQ21349">
        <v>33</v>
      </c>
    </row>
    <row r="21350" spans="1:43">
      <c r="A21350" t="s">
        <v>13235</v>
      </c>
      <c r="B21350" t="s">
        <v>13236</v>
      </c>
      <c r="C21350" t="s">
        <v>13237</v>
      </c>
      <c r="D21350" t="s">
        <v>13238</v>
      </c>
      <c r="E21350" t="s">
        <v>13165</v>
      </c>
      <c r="F21350" t="s">
        <v>13166</v>
      </c>
      <c r="G21350" t="s">
        <v>10214</v>
      </c>
      <c r="H21350" t="s">
        <v>10215</v>
      </c>
      <c r="I21350" s="2">
        <v>1</v>
      </c>
      <c r="J21350" s="2">
        <v>0</v>
      </c>
      <c r="K21350" s="2">
        <v>0</v>
      </c>
      <c r="L21350" t="s">
        <v>120</v>
      </c>
      <c r="M21350" t="s">
        <v>83</v>
      </c>
      <c r="N21350" t="s">
        <v>84</v>
      </c>
      <c r="O21350" t="s">
        <v>85</v>
      </c>
      <c r="P21350" t="s">
        <v>86</v>
      </c>
      <c r="Q21350">
        <v>8</v>
      </c>
      <c r="R21350">
        <v>8</v>
      </c>
      <c r="S21350">
        <v>8</v>
      </c>
      <c r="T21350">
        <v>8</v>
      </c>
      <c r="U21350">
        <v>9</v>
      </c>
      <c r="V21350">
        <v>9</v>
      </c>
      <c r="W21350">
        <v>9</v>
      </c>
      <c r="X21350">
        <v>9</v>
      </c>
      <c r="Y21350">
        <v>10</v>
      </c>
      <c r="Z21350">
        <v>10</v>
      </c>
      <c r="AA21350">
        <v>10</v>
      </c>
      <c r="AB21350">
        <v>10</v>
      </c>
      <c r="AC21350">
        <v>11</v>
      </c>
      <c r="AD21350">
        <v>11</v>
      </c>
      <c r="AE21350">
        <v>11</v>
      </c>
      <c r="AF21350">
        <v>11</v>
      </c>
      <c r="AG21350">
        <v>12</v>
      </c>
      <c r="AH21350">
        <v>12</v>
      </c>
      <c r="AI21350">
        <v>12</v>
      </c>
      <c r="AJ21350">
        <v>12</v>
      </c>
      <c r="AK21350">
        <v>13</v>
      </c>
      <c r="AL21350">
        <v>13</v>
      </c>
      <c r="AM21350">
        <v>13</v>
      </c>
      <c r="AN21350">
        <v>13</v>
      </c>
      <c r="AO21350">
        <v>14</v>
      </c>
      <c r="AP21350">
        <v>14</v>
      </c>
      <c r="AQ21350">
        <v>14</v>
      </c>
    </row>
    <row r="21351" spans="1:43">
      <c r="A21351" t="s">
        <v>13235</v>
      </c>
      <c r="B21351" t="s">
        <v>13236</v>
      </c>
      <c r="C21351" t="s">
        <v>13237</v>
      </c>
      <c r="D21351" t="s">
        <v>13238</v>
      </c>
      <c r="E21351" t="s">
        <v>13165</v>
      </c>
      <c r="F21351" t="s">
        <v>13166</v>
      </c>
      <c r="G21351" t="s">
        <v>10214</v>
      </c>
      <c r="H21351" t="s">
        <v>10215</v>
      </c>
      <c r="I21351" s="2">
        <v>1</v>
      </c>
      <c r="J21351" s="2">
        <v>0</v>
      </c>
      <c r="K21351" s="2">
        <v>0</v>
      </c>
      <c r="L21351" t="s">
        <v>120</v>
      </c>
      <c r="M21351" t="s">
        <v>87</v>
      </c>
      <c r="N21351" t="s">
        <v>88</v>
      </c>
      <c r="O21351" t="s">
        <v>85</v>
      </c>
      <c r="P21351" t="s">
        <v>86</v>
      </c>
      <c r="Q21351">
        <v>8</v>
      </c>
      <c r="R21351">
        <v>8</v>
      </c>
      <c r="S21351">
        <v>8</v>
      </c>
      <c r="T21351">
        <v>8</v>
      </c>
      <c r="U21351">
        <v>8</v>
      </c>
      <c r="V21351">
        <v>8</v>
      </c>
      <c r="W21351">
        <v>9</v>
      </c>
      <c r="X21351">
        <v>9</v>
      </c>
      <c r="Y21351">
        <v>9</v>
      </c>
      <c r="Z21351">
        <v>9</v>
      </c>
      <c r="AA21351">
        <v>9</v>
      </c>
      <c r="AB21351">
        <v>9</v>
      </c>
      <c r="AC21351">
        <v>10</v>
      </c>
      <c r="AD21351">
        <v>10</v>
      </c>
      <c r="AE21351">
        <v>10</v>
      </c>
      <c r="AF21351">
        <v>10</v>
      </c>
      <c r="AG21351">
        <v>10</v>
      </c>
      <c r="AH21351">
        <v>10</v>
      </c>
      <c r="AI21351">
        <v>11</v>
      </c>
      <c r="AJ21351">
        <v>11</v>
      </c>
      <c r="AK21351">
        <v>11</v>
      </c>
      <c r="AL21351">
        <v>11</v>
      </c>
      <c r="AM21351">
        <v>11</v>
      </c>
      <c r="AN21351">
        <v>12</v>
      </c>
      <c r="AO21351">
        <v>12</v>
      </c>
      <c r="AP21351">
        <v>12</v>
      </c>
      <c r="AQ21351">
        <v>12</v>
      </c>
    </row>
    <row r="21352" spans="1:43">
      <c r="A21352" t="s">
        <v>13235</v>
      </c>
      <c r="B21352" t="s">
        <v>13236</v>
      </c>
      <c r="C21352" t="s">
        <v>13237</v>
      </c>
      <c r="D21352" t="s">
        <v>13238</v>
      </c>
      <c r="E21352" t="s">
        <v>13165</v>
      </c>
      <c r="F21352" t="s">
        <v>13166</v>
      </c>
      <c r="G21352" t="s">
        <v>10214</v>
      </c>
      <c r="H21352" t="s">
        <v>10215</v>
      </c>
      <c r="I21352" s="2">
        <v>1</v>
      </c>
      <c r="J21352" s="2">
        <v>0</v>
      </c>
      <c r="K21352" s="2">
        <v>0</v>
      </c>
      <c r="L21352" t="s">
        <v>120</v>
      </c>
      <c r="M21352" t="s">
        <v>89</v>
      </c>
      <c r="N21352" t="s">
        <v>90</v>
      </c>
      <c r="O21352" t="s">
        <v>85</v>
      </c>
      <c r="P21352" t="s">
        <v>86</v>
      </c>
      <c r="Q21352">
        <v>8</v>
      </c>
      <c r="R21352">
        <v>8</v>
      </c>
      <c r="S21352">
        <v>8</v>
      </c>
      <c r="T21352">
        <v>9</v>
      </c>
      <c r="U21352">
        <v>9</v>
      </c>
      <c r="V21352">
        <v>9</v>
      </c>
      <c r="W21352">
        <v>10</v>
      </c>
      <c r="X21352">
        <v>10</v>
      </c>
      <c r="Y21352">
        <v>10</v>
      </c>
      <c r="Z21352">
        <v>10</v>
      </c>
      <c r="AA21352">
        <v>11</v>
      </c>
      <c r="AB21352">
        <v>11</v>
      </c>
      <c r="AC21352">
        <v>11</v>
      </c>
      <c r="AD21352">
        <v>12</v>
      </c>
      <c r="AE21352">
        <v>12</v>
      </c>
      <c r="AF21352">
        <v>12</v>
      </c>
      <c r="AG21352">
        <v>12</v>
      </c>
      <c r="AH21352">
        <v>12</v>
      </c>
      <c r="AI21352">
        <v>13</v>
      </c>
      <c r="AJ21352">
        <v>13</v>
      </c>
      <c r="AK21352">
        <v>13</v>
      </c>
      <c r="AL21352">
        <v>13</v>
      </c>
      <c r="AM21352">
        <v>13</v>
      </c>
      <c r="AN21352">
        <v>14</v>
      </c>
      <c r="AO21352">
        <v>14</v>
      </c>
      <c r="AP21352">
        <v>14</v>
      </c>
      <c r="AQ21352">
        <v>14</v>
      </c>
    </row>
    <row r="21353" spans="1:43">
      <c r="A21353" t="s">
        <v>13235</v>
      </c>
      <c r="B21353" t="s">
        <v>13236</v>
      </c>
      <c r="C21353" t="s">
        <v>13237</v>
      </c>
      <c r="D21353" t="s">
        <v>13238</v>
      </c>
      <c r="E21353" t="s">
        <v>13165</v>
      </c>
      <c r="F21353" t="s">
        <v>13166</v>
      </c>
      <c r="G21353" t="s">
        <v>10214</v>
      </c>
      <c r="H21353" t="s">
        <v>10215</v>
      </c>
      <c r="I21353" s="2">
        <v>1</v>
      </c>
      <c r="J21353" s="2">
        <v>0</v>
      </c>
      <c r="K21353" s="2">
        <v>0</v>
      </c>
      <c r="L21353" t="s">
        <v>120</v>
      </c>
      <c r="M21353" t="s">
        <v>83</v>
      </c>
      <c r="N21353" t="s">
        <v>91</v>
      </c>
      <c r="O21353" t="s">
        <v>85</v>
      </c>
      <c r="P21353" t="s">
        <v>86</v>
      </c>
      <c r="Q21353">
        <v>8</v>
      </c>
      <c r="R21353">
        <v>8</v>
      </c>
      <c r="S21353">
        <v>8</v>
      </c>
      <c r="T21353">
        <v>8</v>
      </c>
      <c r="U21353">
        <v>9</v>
      </c>
      <c r="V21353">
        <v>9</v>
      </c>
      <c r="W21353">
        <v>9</v>
      </c>
      <c r="X21353">
        <v>9</v>
      </c>
      <c r="Y21353">
        <v>10</v>
      </c>
      <c r="Z21353">
        <v>10</v>
      </c>
      <c r="AA21353">
        <v>10</v>
      </c>
      <c r="AB21353">
        <v>10</v>
      </c>
      <c r="AC21353">
        <v>11</v>
      </c>
      <c r="AD21353">
        <v>11</v>
      </c>
      <c r="AE21353">
        <v>11</v>
      </c>
      <c r="AF21353">
        <v>11</v>
      </c>
      <c r="AG21353">
        <v>12</v>
      </c>
      <c r="AH21353">
        <v>12</v>
      </c>
      <c r="AI21353">
        <v>12</v>
      </c>
      <c r="AJ21353">
        <v>12</v>
      </c>
      <c r="AK21353">
        <v>13</v>
      </c>
      <c r="AL21353">
        <v>13</v>
      </c>
      <c r="AM21353">
        <v>13</v>
      </c>
      <c r="AN21353">
        <v>13</v>
      </c>
      <c r="AO21353">
        <v>14</v>
      </c>
      <c r="AP21353">
        <v>14</v>
      </c>
      <c r="AQ21353">
        <v>14</v>
      </c>
    </row>
    <row r="21354" spans="1:43">
      <c r="A21354" t="s">
        <v>13239</v>
      </c>
      <c r="B21354" t="s">
        <v>13240</v>
      </c>
      <c r="C21354" t="s">
        <v>13237</v>
      </c>
      <c r="D21354" t="s">
        <v>13238</v>
      </c>
      <c r="E21354" t="s">
        <v>13165</v>
      </c>
      <c r="F21354" t="s">
        <v>13166</v>
      </c>
      <c r="G21354" t="s">
        <v>10214</v>
      </c>
      <c r="H21354" t="s">
        <v>10215</v>
      </c>
      <c r="I21354" s="2">
        <v>1</v>
      </c>
      <c r="J21354" s="2">
        <v>0</v>
      </c>
      <c r="K21354" s="2">
        <v>0</v>
      </c>
      <c r="L21354" t="s">
        <v>120</v>
      </c>
      <c r="M21354" t="s">
        <v>83</v>
      </c>
      <c r="N21354" t="s">
        <v>84</v>
      </c>
      <c r="O21354" t="s">
        <v>85</v>
      </c>
      <c r="P21354" t="s">
        <v>86</v>
      </c>
      <c r="Q21354">
        <v>41</v>
      </c>
      <c r="R21354">
        <v>42</v>
      </c>
      <c r="S21354">
        <v>43</v>
      </c>
      <c r="T21354">
        <v>44</v>
      </c>
      <c r="U21354">
        <v>46</v>
      </c>
      <c r="V21354">
        <v>47</v>
      </c>
      <c r="W21354">
        <v>48</v>
      </c>
      <c r="X21354">
        <v>49</v>
      </c>
      <c r="Y21354">
        <v>50</v>
      </c>
      <c r="Z21354">
        <v>52</v>
      </c>
      <c r="AA21354">
        <v>53</v>
      </c>
      <c r="AB21354">
        <v>54</v>
      </c>
      <c r="AC21354">
        <v>55</v>
      </c>
      <c r="AD21354">
        <v>57</v>
      </c>
      <c r="AE21354">
        <v>58</v>
      </c>
      <c r="AF21354">
        <v>60</v>
      </c>
      <c r="AG21354">
        <v>61</v>
      </c>
      <c r="AH21354">
        <v>62</v>
      </c>
      <c r="AI21354">
        <v>64</v>
      </c>
      <c r="AJ21354">
        <v>65</v>
      </c>
      <c r="AK21354">
        <v>67</v>
      </c>
      <c r="AL21354">
        <v>68</v>
      </c>
      <c r="AM21354">
        <v>69</v>
      </c>
      <c r="AN21354">
        <v>70</v>
      </c>
      <c r="AO21354">
        <v>71</v>
      </c>
      <c r="AP21354">
        <v>72</v>
      </c>
      <c r="AQ21354">
        <v>73</v>
      </c>
    </row>
    <row r="21355" spans="1:43">
      <c r="A21355" t="s">
        <v>13239</v>
      </c>
      <c r="B21355" t="s">
        <v>13240</v>
      </c>
      <c r="C21355" t="s">
        <v>13237</v>
      </c>
      <c r="D21355" t="s">
        <v>13238</v>
      </c>
      <c r="E21355" t="s">
        <v>13165</v>
      </c>
      <c r="F21355" t="s">
        <v>13166</v>
      </c>
      <c r="G21355" t="s">
        <v>10214</v>
      </c>
      <c r="H21355" t="s">
        <v>10215</v>
      </c>
      <c r="I21355" s="2">
        <v>1</v>
      </c>
      <c r="J21355" s="2">
        <v>0</v>
      </c>
      <c r="K21355" s="2">
        <v>0</v>
      </c>
      <c r="L21355" t="s">
        <v>120</v>
      </c>
      <c r="M21355" t="s">
        <v>87</v>
      </c>
      <c r="N21355" t="s">
        <v>88</v>
      </c>
      <c r="O21355" t="s">
        <v>85</v>
      </c>
      <c r="P21355" t="s">
        <v>86</v>
      </c>
      <c r="Q21355">
        <v>41</v>
      </c>
      <c r="R21355">
        <v>41</v>
      </c>
      <c r="S21355">
        <v>42</v>
      </c>
      <c r="T21355">
        <v>43</v>
      </c>
      <c r="U21355">
        <v>44</v>
      </c>
      <c r="V21355">
        <v>44</v>
      </c>
      <c r="W21355">
        <v>45</v>
      </c>
      <c r="X21355">
        <v>46</v>
      </c>
      <c r="Y21355">
        <v>47</v>
      </c>
      <c r="Z21355">
        <v>47</v>
      </c>
      <c r="AA21355">
        <v>48</v>
      </c>
      <c r="AB21355">
        <v>49</v>
      </c>
      <c r="AC21355">
        <v>50</v>
      </c>
      <c r="AD21355">
        <v>51</v>
      </c>
      <c r="AE21355">
        <v>52</v>
      </c>
      <c r="AF21355">
        <v>52</v>
      </c>
      <c r="AG21355">
        <v>53</v>
      </c>
      <c r="AH21355">
        <v>54</v>
      </c>
      <c r="AI21355">
        <v>55</v>
      </c>
      <c r="AJ21355">
        <v>56</v>
      </c>
      <c r="AK21355">
        <v>57</v>
      </c>
      <c r="AL21355">
        <v>58</v>
      </c>
      <c r="AM21355">
        <v>59</v>
      </c>
      <c r="AN21355">
        <v>60</v>
      </c>
      <c r="AO21355">
        <v>61</v>
      </c>
      <c r="AP21355">
        <v>63</v>
      </c>
      <c r="AQ21355">
        <v>64</v>
      </c>
    </row>
    <row r="21356" spans="1:43">
      <c r="A21356" t="s">
        <v>13239</v>
      </c>
      <c r="B21356" t="s">
        <v>13240</v>
      </c>
      <c r="C21356" t="s">
        <v>13237</v>
      </c>
      <c r="D21356" t="s">
        <v>13238</v>
      </c>
      <c r="E21356" t="s">
        <v>13165</v>
      </c>
      <c r="F21356" t="s">
        <v>13166</v>
      </c>
      <c r="G21356" t="s">
        <v>10214</v>
      </c>
      <c r="H21356" t="s">
        <v>10215</v>
      </c>
      <c r="I21356" s="2">
        <v>1</v>
      </c>
      <c r="J21356" s="2">
        <v>0</v>
      </c>
      <c r="K21356" s="2">
        <v>0</v>
      </c>
      <c r="L21356" t="s">
        <v>120</v>
      </c>
      <c r="M21356" t="s">
        <v>89</v>
      </c>
      <c r="N21356" t="s">
        <v>90</v>
      </c>
      <c r="O21356" t="s">
        <v>85</v>
      </c>
      <c r="P21356" t="s">
        <v>86</v>
      </c>
      <c r="Q21356">
        <v>41</v>
      </c>
      <c r="R21356">
        <v>43</v>
      </c>
      <c r="S21356">
        <v>44</v>
      </c>
      <c r="T21356">
        <v>46</v>
      </c>
      <c r="U21356">
        <v>47</v>
      </c>
      <c r="V21356">
        <v>49</v>
      </c>
      <c r="W21356">
        <v>50</v>
      </c>
      <c r="X21356">
        <v>52</v>
      </c>
      <c r="Y21356">
        <v>53</v>
      </c>
      <c r="Z21356">
        <v>55</v>
      </c>
      <c r="AA21356">
        <v>56</v>
      </c>
      <c r="AB21356">
        <v>58</v>
      </c>
      <c r="AC21356">
        <v>59</v>
      </c>
      <c r="AD21356">
        <v>61</v>
      </c>
      <c r="AE21356">
        <v>62</v>
      </c>
      <c r="AF21356">
        <v>63</v>
      </c>
      <c r="AG21356">
        <v>64</v>
      </c>
      <c r="AH21356">
        <v>65</v>
      </c>
      <c r="AI21356">
        <v>66</v>
      </c>
      <c r="AJ21356">
        <v>67</v>
      </c>
      <c r="AK21356">
        <v>68</v>
      </c>
      <c r="AL21356">
        <v>69</v>
      </c>
      <c r="AM21356">
        <v>70</v>
      </c>
      <c r="AN21356">
        <v>71</v>
      </c>
      <c r="AO21356">
        <v>72</v>
      </c>
      <c r="AP21356">
        <v>73</v>
      </c>
      <c r="AQ21356">
        <v>74</v>
      </c>
    </row>
    <row r="21357" spans="1:43">
      <c r="A21357" t="s">
        <v>13239</v>
      </c>
      <c r="B21357" t="s">
        <v>13240</v>
      </c>
      <c r="C21357" t="s">
        <v>13237</v>
      </c>
      <c r="D21357" t="s">
        <v>13238</v>
      </c>
      <c r="E21357" t="s">
        <v>13165</v>
      </c>
      <c r="F21357" t="s">
        <v>13166</v>
      </c>
      <c r="G21357" t="s">
        <v>10214</v>
      </c>
      <c r="H21357" t="s">
        <v>10215</v>
      </c>
      <c r="I21357" s="2">
        <v>1</v>
      </c>
      <c r="J21357" s="2">
        <v>0</v>
      </c>
      <c r="K21357" s="2">
        <v>0</v>
      </c>
      <c r="L21357" t="s">
        <v>120</v>
      </c>
      <c r="M21357" t="s">
        <v>83</v>
      </c>
      <c r="N21357" t="s">
        <v>91</v>
      </c>
      <c r="O21357" t="s">
        <v>85</v>
      </c>
      <c r="P21357" t="s">
        <v>86</v>
      </c>
      <c r="Q21357">
        <v>41</v>
      </c>
      <c r="R21357">
        <v>42</v>
      </c>
      <c r="S21357">
        <v>43</v>
      </c>
      <c r="T21357">
        <v>44</v>
      </c>
      <c r="U21357">
        <v>46</v>
      </c>
      <c r="V21357">
        <v>47</v>
      </c>
      <c r="W21357">
        <v>48</v>
      </c>
      <c r="X21357">
        <v>49</v>
      </c>
      <c r="Y21357">
        <v>50</v>
      </c>
      <c r="Z21357">
        <v>52</v>
      </c>
      <c r="AA21357">
        <v>53</v>
      </c>
      <c r="AB21357">
        <v>54</v>
      </c>
      <c r="AC21357">
        <v>55</v>
      </c>
      <c r="AD21357">
        <v>57</v>
      </c>
      <c r="AE21357">
        <v>58</v>
      </c>
      <c r="AF21357">
        <v>60</v>
      </c>
      <c r="AG21357">
        <v>61</v>
      </c>
      <c r="AH21357">
        <v>62</v>
      </c>
      <c r="AI21357">
        <v>64</v>
      </c>
      <c r="AJ21357">
        <v>65</v>
      </c>
      <c r="AK21357">
        <v>67</v>
      </c>
      <c r="AL21357">
        <v>68</v>
      </c>
      <c r="AM21357">
        <v>69</v>
      </c>
      <c r="AN21357">
        <v>70</v>
      </c>
      <c r="AO21357">
        <v>71</v>
      </c>
      <c r="AP21357">
        <v>72</v>
      </c>
      <c r="AQ21357">
        <v>73</v>
      </c>
    </row>
    <row r="21358" spans="1:43">
      <c r="A21358" t="s">
        <v>13241</v>
      </c>
      <c r="B21358" t="s">
        <v>13242</v>
      </c>
      <c r="C21358" t="s">
        <v>13237</v>
      </c>
      <c r="D21358" t="s">
        <v>13238</v>
      </c>
      <c r="E21358" t="s">
        <v>13165</v>
      </c>
      <c r="F21358" t="s">
        <v>13166</v>
      </c>
      <c r="G21358" t="s">
        <v>10214</v>
      </c>
      <c r="H21358" t="s">
        <v>10215</v>
      </c>
      <c r="I21358" s="2">
        <v>1</v>
      </c>
      <c r="J21358" s="2">
        <v>0</v>
      </c>
      <c r="K21358" s="2">
        <v>0</v>
      </c>
      <c r="L21358" t="s">
        <v>120</v>
      </c>
      <c r="M21358" t="s">
        <v>83</v>
      </c>
      <c r="N21358" t="s">
        <v>84</v>
      </c>
      <c r="O21358" t="s">
        <v>85</v>
      </c>
      <c r="P21358" t="s">
        <v>86</v>
      </c>
      <c r="Q21358">
        <v>72</v>
      </c>
      <c r="R21358">
        <v>74</v>
      </c>
      <c r="S21358">
        <v>76</v>
      </c>
      <c r="T21358">
        <v>79</v>
      </c>
      <c r="U21358">
        <v>81</v>
      </c>
      <c r="V21358">
        <v>83</v>
      </c>
      <c r="W21358">
        <v>85</v>
      </c>
      <c r="X21358">
        <v>87</v>
      </c>
      <c r="Y21358">
        <v>89</v>
      </c>
      <c r="Z21358">
        <v>91</v>
      </c>
      <c r="AA21358">
        <v>93</v>
      </c>
      <c r="AB21358">
        <v>96</v>
      </c>
      <c r="AC21358">
        <v>98</v>
      </c>
      <c r="AD21358">
        <v>100</v>
      </c>
      <c r="AE21358">
        <v>103</v>
      </c>
      <c r="AF21358">
        <v>105</v>
      </c>
      <c r="AG21358">
        <v>108</v>
      </c>
      <c r="AH21358">
        <v>110</v>
      </c>
      <c r="AI21358">
        <v>113</v>
      </c>
      <c r="AJ21358">
        <v>115</v>
      </c>
      <c r="AK21358">
        <v>118</v>
      </c>
      <c r="AL21358">
        <v>120</v>
      </c>
      <c r="AM21358">
        <v>122</v>
      </c>
      <c r="AN21358">
        <v>124</v>
      </c>
      <c r="AO21358">
        <v>126</v>
      </c>
      <c r="AP21358">
        <v>128</v>
      </c>
      <c r="AQ21358">
        <v>130</v>
      </c>
    </row>
    <row r="21359" spans="1:43">
      <c r="A21359" t="s">
        <v>13241</v>
      </c>
      <c r="B21359" t="s">
        <v>13242</v>
      </c>
      <c r="C21359" t="s">
        <v>13237</v>
      </c>
      <c r="D21359" t="s">
        <v>13238</v>
      </c>
      <c r="E21359" t="s">
        <v>13165</v>
      </c>
      <c r="F21359" t="s">
        <v>13166</v>
      </c>
      <c r="G21359" t="s">
        <v>10214</v>
      </c>
      <c r="H21359" t="s">
        <v>10215</v>
      </c>
      <c r="I21359" s="2">
        <v>1</v>
      </c>
      <c r="J21359" s="2">
        <v>0</v>
      </c>
      <c r="K21359" s="2">
        <v>0</v>
      </c>
      <c r="L21359" t="s">
        <v>120</v>
      </c>
      <c r="M21359" t="s">
        <v>87</v>
      </c>
      <c r="N21359" t="s">
        <v>88</v>
      </c>
      <c r="O21359" t="s">
        <v>85</v>
      </c>
      <c r="P21359" t="s">
        <v>86</v>
      </c>
      <c r="Q21359">
        <v>72</v>
      </c>
      <c r="R21359">
        <v>73</v>
      </c>
      <c r="S21359">
        <v>74</v>
      </c>
      <c r="T21359">
        <v>76</v>
      </c>
      <c r="U21359">
        <v>77</v>
      </c>
      <c r="V21359">
        <v>78</v>
      </c>
      <c r="W21359">
        <v>80</v>
      </c>
      <c r="X21359">
        <v>81</v>
      </c>
      <c r="Y21359">
        <v>82</v>
      </c>
      <c r="Z21359">
        <v>84</v>
      </c>
      <c r="AA21359">
        <v>85</v>
      </c>
      <c r="AB21359">
        <v>87</v>
      </c>
      <c r="AC21359">
        <v>88</v>
      </c>
      <c r="AD21359">
        <v>90</v>
      </c>
      <c r="AE21359">
        <v>91</v>
      </c>
      <c r="AF21359">
        <v>93</v>
      </c>
      <c r="AG21359">
        <v>94</v>
      </c>
      <c r="AH21359">
        <v>96</v>
      </c>
      <c r="AI21359">
        <v>98</v>
      </c>
      <c r="AJ21359">
        <v>99</v>
      </c>
      <c r="AK21359">
        <v>101</v>
      </c>
      <c r="AL21359">
        <v>103</v>
      </c>
      <c r="AM21359">
        <v>105</v>
      </c>
      <c r="AN21359">
        <v>107</v>
      </c>
      <c r="AO21359">
        <v>109</v>
      </c>
      <c r="AP21359">
        <v>111</v>
      </c>
      <c r="AQ21359">
        <v>113</v>
      </c>
    </row>
    <row r="21360" spans="1:43">
      <c r="A21360" t="s">
        <v>13241</v>
      </c>
      <c r="B21360" t="s">
        <v>13242</v>
      </c>
      <c r="C21360" t="s">
        <v>13237</v>
      </c>
      <c r="D21360" t="s">
        <v>13238</v>
      </c>
      <c r="E21360" t="s">
        <v>13165</v>
      </c>
      <c r="F21360" t="s">
        <v>13166</v>
      </c>
      <c r="G21360" t="s">
        <v>10214</v>
      </c>
      <c r="H21360" t="s">
        <v>10215</v>
      </c>
      <c r="I21360" s="2">
        <v>1</v>
      </c>
      <c r="J21360" s="2">
        <v>0</v>
      </c>
      <c r="K21360" s="2">
        <v>0</v>
      </c>
      <c r="L21360" t="s">
        <v>120</v>
      </c>
      <c r="M21360" t="s">
        <v>89</v>
      </c>
      <c r="N21360" t="s">
        <v>90</v>
      </c>
      <c r="O21360" t="s">
        <v>85</v>
      </c>
      <c r="P21360" t="s">
        <v>86</v>
      </c>
      <c r="Q21360">
        <v>72</v>
      </c>
      <c r="R21360">
        <v>75</v>
      </c>
      <c r="S21360">
        <v>77</v>
      </c>
      <c r="T21360">
        <v>80</v>
      </c>
      <c r="U21360">
        <v>83</v>
      </c>
      <c r="V21360">
        <v>85</v>
      </c>
      <c r="W21360">
        <v>88</v>
      </c>
      <c r="X21360">
        <v>90</v>
      </c>
      <c r="Y21360">
        <v>93</v>
      </c>
      <c r="Z21360">
        <v>96</v>
      </c>
      <c r="AA21360">
        <v>98</v>
      </c>
      <c r="AB21360">
        <v>101</v>
      </c>
      <c r="AC21360">
        <v>104</v>
      </c>
      <c r="AD21360">
        <v>107</v>
      </c>
      <c r="AE21360">
        <v>109</v>
      </c>
      <c r="AF21360">
        <v>111</v>
      </c>
      <c r="AG21360">
        <v>112</v>
      </c>
      <c r="AH21360">
        <v>114</v>
      </c>
      <c r="AI21360">
        <v>115</v>
      </c>
      <c r="AJ21360">
        <v>117</v>
      </c>
      <c r="AK21360">
        <v>119</v>
      </c>
      <c r="AL21360">
        <v>121</v>
      </c>
      <c r="AM21360">
        <v>123</v>
      </c>
      <c r="AN21360">
        <v>124</v>
      </c>
      <c r="AO21360">
        <v>126</v>
      </c>
      <c r="AP21360">
        <v>128</v>
      </c>
      <c r="AQ21360">
        <v>130</v>
      </c>
    </row>
    <row r="21361" spans="1:43">
      <c r="A21361" t="s">
        <v>13241</v>
      </c>
      <c r="B21361" t="s">
        <v>13242</v>
      </c>
      <c r="C21361" t="s">
        <v>13237</v>
      </c>
      <c r="D21361" t="s">
        <v>13238</v>
      </c>
      <c r="E21361" t="s">
        <v>13165</v>
      </c>
      <c r="F21361" t="s">
        <v>13166</v>
      </c>
      <c r="G21361" t="s">
        <v>10214</v>
      </c>
      <c r="H21361" t="s">
        <v>10215</v>
      </c>
      <c r="I21361" s="2">
        <v>1</v>
      </c>
      <c r="J21361" s="2">
        <v>0</v>
      </c>
      <c r="K21361" s="2">
        <v>0</v>
      </c>
      <c r="L21361" t="s">
        <v>120</v>
      </c>
      <c r="M21361" t="s">
        <v>83</v>
      </c>
      <c r="N21361" t="s">
        <v>91</v>
      </c>
      <c r="O21361" t="s">
        <v>85</v>
      </c>
      <c r="P21361" t="s">
        <v>86</v>
      </c>
      <c r="Q21361">
        <v>72</v>
      </c>
      <c r="R21361">
        <v>74</v>
      </c>
      <c r="S21361">
        <v>76</v>
      </c>
      <c r="T21361">
        <v>79</v>
      </c>
      <c r="U21361">
        <v>81</v>
      </c>
      <c r="V21361">
        <v>83</v>
      </c>
      <c r="W21361">
        <v>85</v>
      </c>
      <c r="X21361">
        <v>87</v>
      </c>
      <c r="Y21361">
        <v>89</v>
      </c>
      <c r="Z21361">
        <v>91</v>
      </c>
      <c r="AA21361">
        <v>93</v>
      </c>
      <c r="AB21361">
        <v>96</v>
      </c>
      <c r="AC21361">
        <v>98</v>
      </c>
      <c r="AD21361">
        <v>100</v>
      </c>
      <c r="AE21361">
        <v>103</v>
      </c>
      <c r="AF21361">
        <v>105</v>
      </c>
      <c r="AG21361">
        <v>108</v>
      </c>
      <c r="AH21361">
        <v>110</v>
      </c>
      <c r="AI21361">
        <v>113</v>
      </c>
      <c r="AJ21361">
        <v>115</v>
      </c>
      <c r="AK21361">
        <v>118</v>
      </c>
      <c r="AL21361">
        <v>120</v>
      </c>
      <c r="AM21361">
        <v>122</v>
      </c>
      <c r="AN21361">
        <v>124</v>
      </c>
      <c r="AO21361">
        <v>126</v>
      </c>
      <c r="AP21361">
        <v>128</v>
      </c>
      <c r="AQ21361">
        <v>130</v>
      </c>
    </row>
    <row r="21362" spans="1:43">
      <c r="A21362" t="s">
        <v>13243</v>
      </c>
      <c r="B21362" t="s">
        <v>13244</v>
      </c>
      <c r="C21362" t="s">
        <v>13237</v>
      </c>
      <c r="D21362" t="s">
        <v>13238</v>
      </c>
      <c r="E21362" t="s">
        <v>13165</v>
      </c>
      <c r="F21362" t="s">
        <v>13166</v>
      </c>
      <c r="G21362" t="s">
        <v>10214</v>
      </c>
      <c r="H21362" t="s">
        <v>10215</v>
      </c>
      <c r="I21362" s="2">
        <v>1</v>
      </c>
      <c r="J21362" s="2">
        <v>0</v>
      </c>
      <c r="K21362" s="2">
        <v>0</v>
      </c>
      <c r="L21362" t="s">
        <v>120</v>
      </c>
      <c r="M21362" t="s">
        <v>83</v>
      </c>
      <c r="N21362" t="s">
        <v>84</v>
      </c>
      <c r="O21362" t="s">
        <v>85</v>
      </c>
      <c r="P21362" t="s">
        <v>86</v>
      </c>
      <c r="Q21362">
        <v>17</v>
      </c>
      <c r="R21362">
        <v>17</v>
      </c>
      <c r="S21362">
        <v>18</v>
      </c>
      <c r="T21362">
        <v>18</v>
      </c>
      <c r="U21362">
        <v>19</v>
      </c>
      <c r="V21362">
        <v>19</v>
      </c>
      <c r="W21362">
        <v>20</v>
      </c>
      <c r="X21362">
        <v>20</v>
      </c>
      <c r="Y21362">
        <v>21</v>
      </c>
      <c r="Z21362">
        <v>21</v>
      </c>
      <c r="AA21362">
        <v>22</v>
      </c>
      <c r="AB21362">
        <v>22</v>
      </c>
      <c r="AC21362">
        <v>23</v>
      </c>
      <c r="AD21362">
        <v>23</v>
      </c>
      <c r="AE21362">
        <v>24</v>
      </c>
      <c r="AF21362">
        <v>25</v>
      </c>
      <c r="AG21362">
        <v>25</v>
      </c>
      <c r="AH21362">
        <v>26</v>
      </c>
      <c r="AI21362">
        <v>26</v>
      </c>
      <c r="AJ21362">
        <v>27</v>
      </c>
      <c r="AK21362">
        <v>28</v>
      </c>
      <c r="AL21362">
        <v>28</v>
      </c>
      <c r="AM21362">
        <v>29</v>
      </c>
      <c r="AN21362">
        <v>29</v>
      </c>
      <c r="AO21362">
        <v>29</v>
      </c>
      <c r="AP21362">
        <v>30</v>
      </c>
      <c r="AQ21362">
        <v>30</v>
      </c>
    </row>
    <row r="21363" spans="1:43">
      <c r="A21363" t="s">
        <v>13243</v>
      </c>
      <c r="B21363" t="s">
        <v>13244</v>
      </c>
      <c r="C21363" t="s">
        <v>13237</v>
      </c>
      <c r="D21363" t="s">
        <v>13238</v>
      </c>
      <c r="E21363" t="s">
        <v>13165</v>
      </c>
      <c r="F21363" t="s">
        <v>13166</v>
      </c>
      <c r="G21363" t="s">
        <v>10214</v>
      </c>
      <c r="H21363" t="s">
        <v>10215</v>
      </c>
      <c r="I21363" s="2">
        <v>1</v>
      </c>
      <c r="J21363" s="2">
        <v>0</v>
      </c>
      <c r="K21363" s="2">
        <v>0</v>
      </c>
      <c r="L21363" t="s">
        <v>120</v>
      </c>
      <c r="M21363" t="s">
        <v>87</v>
      </c>
      <c r="N21363" t="s">
        <v>88</v>
      </c>
      <c r="O21363" t="s">
        <v>85</v>
      </c>
      <c r="P21363" t="s">
        <v>86</v>
      </c>
      <c r="Q21363">
        <v>17</v>
      </c>
      <c r="R21363">
        <v>17</v>
      </c>
      <c r="S21363">
        <v>17</v>
      </c>
      <c r="T21363">
        <v>18</v>
      </c>
      <c r="U21363">
        <v>18</v>
      </c>
      <c r="V21363">
        <v>18</v>
      </c>
      <c r="W21363">
        <v>19</v>
      </c>
      <c r="X21363">
        <v>19</v>
      </c>
      <c r="Y21363">
        <v>19</v>
      </c>
      <c r="Z21363">
        <v>20</v>
      </c>
      <c r="AA21363">
        <v>20</v>
      </c>
      <c r="AB21363">
        <v>20</v>
      </c>
      <c r="AC21363">
        <v>21</v>
      </c>
      <c r="AD21363">
        <v>21</v>
      </c>
      <c r="AE21363">
        <v>21</v>
      </c>
      <c r="AF21363">
        <v>22</v>
      </c>
      <c r="AG21363">
        <v>22</v>
      </c>
      <c r="AH21363">
        <v>22</v>
      </c>
      <c r="AI21363">
        <v>23</v>
      </c>
      <c r="AJ21363">
        <v>23</v>
      </c>
      <c r="AK21363">
        <v>24</v>
      </c>
      <c r="AL21363">
        <v>24</v>
      </c>
      <c r="AM21363">
        <v>25</v>
      </c>
      <c r="AN21363">
        <v>25</v>
      </c>
      <c r="AO21363">
        <v>25</v>
      </c>
      <c r="AP21363">
        <v>26</v>
      </c>
      <c r="AQ21363">
        <v>26</v>
      </c>
    </row>
    <row r="21364" spans="1:43">
      <c r="A21364" t="s">
        <v>13243</v>
      </c>
      <c r="B21364" t="s">
        <v>13244</v>
      </c>
      <c r="C21364" t="s">
        <v>13237</v>
      </c>
      <c r="D21364" t="s">
        <v>13238</v>
      </c>
      <c r="E21364" t="s">
        <v>13165</v>
      </c>
      <c r="F21364" t="s">
        <v>13166</v>
      </c>
      <c r="G21364" t="s">
        <v>10214</v>
      </c>
      <c r="H21364" t="s">
        <v>10215</v>
      </c>
      <c r="I21364" s="2">
        <v>1</v>
      </c>
      <c r="J21364" s="2">
        <v>0</v>
      </c>
      <c r="K21364" s="2">
        <v>0</v>
      </c>
      <c r="L21364" t="s">
        <v>120</v>
      </c>
      <c r="M21364" t="s">
        <v>89</v>
      </c>
      <c r="N21364" t="s">
        <v>90</v>
      </c>
      <c r="O21364" t="s">
        <v>85</v>
      </c>
      <c r="P21364" t="s">
        <v>86</v>
      </c>
      <c r="Q21364">
        <v>17</v>
      </c>
      <c r="R21364">
        <v>18</v>
      </c>
      <c r="S21364">
        <v>18</v>
      </c>
      <c r="T21364">
        <v>19</v>
      </c>
      <c r="U21364">
        <v>20</v>
      </c>
      <c r="V21364">
        <v>20</v>
      </c>
      <c r="W21364">
        <v>21</v>
      </c>
      <c r="X21364">
        <v>21</v>
      </c>
      <c r="Y21364">
        <v>22</v>
      </c>
      <c r="Z21364">
        <v>23</v>
      </c>
      <c r="AA21364">
        <v>23</v>
      </c>
      <c r="AB21364">
        <v>24</v>
      </c>
      <c r="AC21364">
        <v>24</v>
      </c>
      <c r="AD21364">
        <v>25</v>
      </c>
      <c r="AE21364">
        <v>26</v>
      </c>
      <c r="AF21364">
        <v>26</v>
      </c>
      <c r="AG21364">
        <v>26</v>
      </c>
      <c r="AH21364">
        <v>27</v>
      </c>
      <c r="AI21364">
        <v>27</v>
      </c>
      <c r="AJ21364">
        <v>28</v>
      </c>
      <c r="AK21364">
        <v>28</v>
      </c>
      <c r="AL21364">
        <v>28</v>
      </c>
      <c r="AM21364">
        <v>29</v>
      </c>
      <c r="AN21364">
        <v>29</v>
      </c>
      <c r="AO21364">
        <v>30</v>
      </c>
      <c r="AP21364">
        <v>30</v>
      </c>
      <c r="AQ21364">
        <v>31</v>
      </c>
    </row>
    <row r="21365" spans="1:43">
      <c r="A21365" t="s">
        <v>13243</v>
      </c>
      <c r="B21365" t="s">
        <v>13244</v>
      </c>
      <c r="C21365" t="s">
        <v>13237</v>
      </c>
      <c r="D21365" t="s">
        <v>13238</v>
      </c>
      <c r="E21365" t="s">
        <v>13165</v>
      </c>
      <c r="F21365" t="s">
        <v>13166</v>
      </c>
      <c r="G21365" t="s">
        <v>10214</v>
      </c>
      <c r="H21365" t="s">
        <v>10215</v>
      </c>
      <c r="I21365" s="2">
        <v>1</v>
      </c>
      <c r="J21365" s="2">
        <v>0</v>
      </c>
      <c r="K21365" s="2">
        <v>0</v>
      </c>
      <c r="L21365" t="s">
        <v>120</v>
      </c>
      <c r="M21365" t="s">
        <v>83</v>
      </c>
      <c r="N21365" t="s">
        <v>91</v>
      </c>
      <c r="O21365" t="s">
        <v>85</v>
      </c>
      <c r="P21365" t="s">
        <v>86</v>
      </c>
      <c r="Q21365">
        <v>17</v>
      </c>
      <c r="R21365">
        <v>17</v>
      </c>
      <c r="S21365">
        <v>18</v>
      </c>
      <c r="T21365">
        <v>18</v>
      </c>
      <c r="U21365">
        <v>19</v>
      </c>
      <c r="V21365">
        <v>19</v>
      </c>
      <c r="W21365">
        <v>20</v>
      </c>
      <c r="X21365">
        <v>20</v>
      </c>
      <c r="Y21365">
        <v>21</v>
      </c>
      <c r="Z21365">
        <v>21</v>
      </c>
      <c r="AA21365">
        <v>22</v>
      </c>
      <c r="AB21365">
        <v>22</v>
      </c>
      <c r="AC21365">
        <v>23</v>
      </c>
      <c r="AD21365">
        <v>23</v>
      </c>
      <c r="AE21365">
        <v>24</v>
      </c>
      <c r="AF21365">
        <v>25</v>
      </c>
      <c r="AG21365">
        <v>25</v>
      </c>
      <c r="AH21365">
        <v>26</v>
      </c>
      <c r="AI21365">
        <v>26</v>
      </c>
      <c r="AJ21365">
        <v>27</v>
      </c>
      <c r="AK21365">
        <v>28</v>
      </c>
      <c r="AL21365">
        <v>28</v>
      </c>
      <c r="AM21365">
        <v>29</v>
      </c>
      <c r="AN21365">
        <v>29</v>
      </c>
      <c r="AO21365">
        <v>29</v>
      </c>
      <c r="AP21365">
        <v>30</v>
      </c>
      <c r="AQ21365">
        <v>30</v>
      </c>
    </row>
    <row r="21366" spans="1:43">
      <c r="A21366" t="s">
        <v>13245</v>
      </c>
      <c r="B21366" t="s">
        <v>13246</v>
      </c>
      <c r="C21366" t="s">
        <v>13191</v>
      </c>
      <c r="D21366" t="s">
        <v>13192</v>
      </c>
      <c r="E21366" t="s">
        <v>13165</v>
      </c>
      <c r="F21366" t="s">
        <v>13166</v>
      </c>
      <c r="G21366" t="s">
        <v>10214</v>
      </c>
      <c r="H21366" t="s">
        <v>10215</v>
      </c>
      <c r="I21366" s="2">
        <v>0.99</v>
      </c>
      <c r="J21366" s="2">
        <v>0</v>
      </c>
      <c r="K21366" s="2">
        <v>0</v>
      </c>
      <c r="L21366" t="s">
        <v>120</v>
      </c>
      <c r="M21366" t="s">
        <v>83</v>
      </c>
      <c r="N21366" t="s">
        <v>84</v>
      </c>
      <c r="O21366" t="s">
        <v>85</v>
      </c>
      <c r="P21366" t="s">
        <v>86</v>
      </c>
      <c r="Q21366">
        <v>27</v>
      </c>
      <c r="R21366">
        <v>28</v>
      </c>
      <c r="S21366">
        <v>29</v>
      </c>
      <c r="T21366">
        <v>29</v>
      </c>
      <c r="U21366">
        <v>30</v>
      </c>
      <c r="V21366">
        <v>31</v>
      </c>
      <c r="W21366">
        <v>32</v>
      </c>
      <c r="X21366">
        <v>32</v>
      </c>
      <c r="Y21366">
        <v>33</v>
      </c>
      <c r="Z21366">
        <v>34</v>
      </c>
      <c r="AA21366">
        <v>35</v>
      </c>
      <c r="AB21366">
        <v>36</v>
      </c>
      <c r="AC21366">
        <v>37</v>
      </c>
      <c r="AD21366">
        <v>37</v>
      </c>
      <c r="AE21366">
        <v>38</v>
      </c>
      <c r="AF21366">
        <v>39</v>
      </c>
      <c r="AG21366">
        <v>40</v>
      </c>
      <c r="AH21366">
        <v>41</v>
      </c>
      <c r="AI21366">
        <v>42</v>
      </c>
      <c r="AJ21366">
        <v>43</v>
      </c>
      <c r="AK21366">
        <v>44</v>
      </c>
      <c r="AL21366">
        <v>45</v>
      </c>
      <c r="AM21366">
        <v>46</v>
      </c>
      <c r="AN21366">
        <v>46</v>
      </c>
      <c r="AO21366">
        <v>47</v>
      </c>
      <c r="AP21366">
        <v>48</v>
      </c>
      <c r="AQ21366">
        <v>48</v>
      </c>
    </row>
    <row r="21367" spans="1:43">
      <c r="A21367" t="s">
        <v>13245</v>
      </c>
      <c r="B21367" t="s">
        <v>13246</v>
      </c>
      <c r="C21367" t="s">
        <v>13191</v>
      </c>
      <c r="D21367" t="s">
        <v>13192</v>
      </c>
      <c r="E21367" t="s">
        <v>13165</v>
      </c>
      <c r="F21367" t="s">
        <v>13166</v>
      </c>
      <c r="G21367" t="s">
        <v>10214</v>
      </c>
      <c r="H21367" t="s">
        <v>10215</v>
      </c>
      <c r="I21367" s="2">
        <v>0.99</v>
      </c>
      <c r="J21367" s="2">
        <v>0</v>
      </c>
      <c r="K21367" s="2">
        <v>0</v>
      </c>
      <c r="L21367" t="s">
        <v>120</v>
      </c>
      <c r="M21367" t="s">
        <v>87</v>
      </c>
      <c r="N21367" t="s">
        <v>88</v>
      </c>
      <c r="O21367" t="s">
        <v>85</v>
      </c>
      <c r="P21367" t="s">
        <v>86</v>
      </c>
      <c r="Q21367">
        <v>27</v>
      </c>
      <c r="R21367">
        <v>27</v>
      </c>
      <c r="S21367">
        <v>28</v>
      </c>
      <c r="T21367">
        <v>28</v>
      </c>
      <c r="U21367">
        <v>29</v>
      </c>
      <c r="V21367">
        <v>29</v>
      </c>
      <c r="W21367">
        <v>30</v>
      </c>
      <c r="X21367">
        <v>30</v>
      </c>
      <c r="Y21367">
        <v>31</v>
      </c>
      <c r="Z21367">
        <v>31</v>
      </c>
      <c r="AA21367">
        <v>32</v>
      </c>
      <c r="AB21367">
        <v>32</v>
      </c>
      <c r="AC21367">
        <v>33</v>
      </c>
      <c r="AD21367">
        <v>33</v>
      </c>
      <c r="AE21367">
        <v>34</v>
      </c>
      <c r="AF21367">
        <v>34</v>
      </c>
      <c r="AG21367">
        <v>35</v>
      </c>
      <c r="AH21367">
        <v>36</v>
      </c>
      <c r="AI21367">
        <v>36</v>
      </c>
      <c r="AJ21367">
        <v>37</v>
      </c>
      <c r="AK21367">
        <v>38</v>
      </c>
      <c r="AL21367">
        <v>38</v>
      </c>
      <c r="AM21367">
        <v>39</v>
      </c>
      <c r="AN21367">
        <v>40</v>
      </c>
      <c r="AO21367">
        <v>40</v>
      </c>
      <c r="AP21367">
        <v>41</v>
      </c>
      <c r="AQ21367">
        <v>42</v>
      </c>
    </row>
    <row r="21368" spans="1:43">
      <c r="A21368" t="s">
        <v>13245</v>
      </c>
      <c r="B21368" t="s">
        <v>13246</v>
      </c>
      <c r="C21368" t="s">
        <v>13191</v>
      </c>
      <c r="D21368" t="s">
        <v>13192</v>
      </c>
      <c r="E21368" t="s">
        <v>13165</v>
      </c>
      <c r="F21368" t="s">
        <v>13166</v>
      </c>
      <c r="G21368" t="s">
        <v>10214</v>
      </c>
      <c r="H21368" t="s">
        <v>10215</v>
      </c>
      <c r="I21368" s="2">
        <v>0.99</v>
      </c>
      <c r="J21368" s="2">
        <v>0</v>
      </c>
      <c r="K21368" s="2">
        <v>0</v>
      </c>
      <c r="L21368" t="s">
        <v>120</v>
      </c>
      <c r="M21368" t="s">
        <v>89</v>
      </c>
      <c r="N21368" t="s">
        <v>90</v>
      </c>
      <c r="O21368" t="s">
        <v>85</v>
      </c>
      <c r="P21368" t="s">
        <v>86</v>
      </c>
      <c r="Q21368">
        <v>27</v>
      </c>
      <c r="R21368">
        <v>28</v>
      </c>
      <c r="S21368">
        <v>29</v>
      </c>
      <c r="T21368">
        <v>30</v>
      </c>
      <c r="U21368">
        <v>31</v>
      </c>
      <c r="V21368">
        <v>32</v>
      </c>
      <c r="W21368">
        <v>33</v>
      </c>
      <c r="X21368">
        <v>34</v>
      </c>
      <c r="Y21368">
        <v>35</v>
      </c>
      <c r="Z21368">
        <v>36</v>
      </c>
      <c r="AA21368">
        <v>37</v>
      </c>
      <c r="AB21368">
        <v>38</v>
      </c>
      <c r="AC21368">
        <v>39</v>
      </c>
      <c r="AD21368">
        <v>40</v>
      </c>
      <c r="AE21368">
        <v>41</v>
      </c>
      <c r="AF21368">
        <v>42</v>
      </c>
      <c r="AG21368">
        <v>42</v>
      </c>
      <c r="AH21368">
        <v>43</v>
      </c>
      <c r="AI21368">
        <v>44</v>
      </c>
      <c r="AJ21368">
        <v>44</v>
      </c>
      <c r="AK21368">
        <v>45</v>
      </c>
      <c r="AL21368">
        <v>45</v>
      </c>
      <c r="AM21368">
        <v>46</v>
      </c>
      <c r="AN21368">
        <v>47</v>
      </c>
      <c r="AO21368">
        <v>47</v>
      </c>
      <c r="AP21368">
        <v>48</v>
      </c>
      <c r="AQ21368">
        <v>49</v>
      </c>
    </row>
    <row r="21369" spans="1:43">
      <c r="A21369" t="s">
        <v>13245</v>
      </c>
      <c r="B21369" t="s">
        <v>13246</v>
      </c>
      <c r="C21369" t="s">
        <v>13191</v>
      </c>
      <c r="D21369" t="s">
        <v>13192</v>
      </c>
      <c r="E21369" t="s">
        <v>13165</v>
      </c>
      <c r="F21369" t="s">
        <v>13166</v>
      </c>
      <c r="G21369" t="s">
        <v>10214</v>
      </c>
      <c r="H21369" t="s">
        <v>10215</v>
      </c>
      <c r="I21369" s="2">
        <v>0.99</v>
      </c>
      <c r="J21369" s="2">
        <v>0</v>
      </c>
      <c r="K21369" s="2">
        <v>0</v>
      </c>
      <c r="L21369" t="s">
        <v>120</v>
      </c>
      <c r="M21369" t="s">
        <v>83</v>
      </c>
      <c r="N21369" t="s">
        <v>91</v>
      </c>
      <c r="O21369" t="s">
        <v>85</v>
      </c>
      <c r="P21369" t="s">
        <v>86</v>
      </c>
      <c r="Q21369">
        <v>27</v>
      </c>
      <c r="R21369">
        <v>28</v>
      </c>
      <c r="S21369">
        <v>29</v>
      </c>
      <c r="T21369">
        <v>29</v>
      </c>
      <c r="U21369">
        <v>30</v>
      </c>
      <c r="V21369">
        <v>31</v>
      </c>
      <c r="W21369">
        <v>32</v>
      </c>
      <c r="X21369">
        <v>32</v>
      </c>
      <c r="Y21369">
        <v>33</v>
      </c>
      <c r="Z21369">
        <v>34</v>
      </c>
      <c r="AA21369">
        <v>35</v>
      </c>
      <c r="AB21369">
        <v>36</v>
      </c>
      <c r="AC21369">
        <v>37</v>
      </c>
      <c r="AD21369">
        <v>37</v>
      </c>
      <c r="AE21369">
        <v>38</v>
      </c>
      <c r="AF21369">
        <v>39</v>
      </c>
      <c r="AG21369">
        <v>40</v>
      </c>
      <c r="AH21369">
        <v>41</v>
      </c>
      <c r="AI21369">
        <v>42</v>
      </c>
      <c r="AJ21369">
        <v>43</v>
      </c>
      <c r="AK21369">
        <v>44</v>
      </c>
      <c r="AL21369">
        <v>45</v>
      </c>
      <c r="AM21369">
        <v>46</v>
      </c>
      <c r="AN21369">
        <v>46</v>
      </c>
      <c r="AO21369">
        <v>47</v>
      </c>
      <c r="AP21369">
        <v>48</v>
      </c>
      <c r="AQ21369">
        <v>48</v>
      </c>
    </row>
    <row r="21370" spans="1:43">
      <c r="A21370" t="s">
        <v>13247</v>
      </c>
      <c r="B21370" t="s">
        <v>13248</v>
      </c>
      <c r="C21370" t="s">
        <v>13191</v>
      </c>
      <c r="D21370" t="s">
        <v>13192</v>
      </c>
      <c r="E21370" t="s">
        <v>13165</v>
      </c>
      <c r="F21370" t="s">
        <v>13166</v>
      </c>
      <c r="G21370" t="s">
        <v>10214</v>
      </c>
      <c r="H21370" t="s">
        <v>10215</v>
      </c>
      <c r="I21370" s="2">
        <v>1</v>
      </c>
      <c r="J21370" s="2">
        <v>0</v>
      </c>
      <c r="K21370" s="2">
        <v>0</v>
      </c>
      <c r="L21370" t="s">
        <v>120</v>
      </c>
      <c r="M21370" t="s">
        <v>83</v>
      </c>
      <c r="N21370" t="s">
        <v>84</v>
      </c>
      <c r="O21370" t="s">
        <v>85</v>
      </c>
      <c r="P21370" t="s">
        <v>86</v>
      </c>
      <c r="Q21370">
        <v>33</v>
      </c>
      <c r="R21370">
        <v>34</v>
      </c>
      <c r="S21370">
        <v>35</v>
      </c>
      <c r="T21370">
        <v>36</v>
      </c>
      <c r="U21370">
        <v>37</v>
      </c>
      <c r="V21370">
        <v>38</v>
      </c>
      <c r="W21370">
        <v>39</v>
      </c>
      <c r="X21370">
        <v>40</v>
      </c>
      <c r="Y21370">
        <v>41</v>
      </c>
      <c r="Z21370">
        <v>42</v>
      </c>
      <c r="AA21370">
        <v>43</v>
      </c>
      <c r="AB21370">
        <v>44</v>
      </c>
      <c r="AC21370">
        <v>45</v>
      </c>
      <c r="AD21370">
        <v>46</v>
      </c>
      <c r="AE21370">
        <v>47</v>
      </c>
      <c r="AF21370">
        <v>48</v>
      </c>
      <c r="AG21370">
        <v>49</v>
      </c>
      <c r="AH21370">
        <v>50</v>
      </c>
      <c r="AI21370">
        <v>51</v>
      </c>
      <c r="AJ21370">
        <v>53</v>
      </c>
      <c r="AK21370">
        <v>54</v>
      </c>
      <c r="AL21370">
        <v>55</v>
      </c>
      <c r="AM21370">
        <v>56</v>
      </c>
      <c r="AN21370">
        <v>57</v>
      </c>
      <c r="AO21370">
        <v>57</v>
      </c>
      <c r="AP21370">
        <v>58</v>
      </c>
      <c r="AQ21370">
        <v>59</v>
      </c>
    </row>
    <row r="21371" spans="1:43">
      <c r="A21371" t="s">
        <v>13247</v>
      </c>
      <c r="B21371" t="s">
        <v>13248</v>
      </c>
      <c r="C21371" t="s">
        <v>13191</v>
      </c>
      <c r="D21371" t="s">
        <v>13192</v>
      </c>
      <c r="E21371" t="s">
        <v>13165</v>
      </c>
      <c r="F21371" t="s">
        <v>13166</v>
      </c>
      <c r="G21371" t="s">
        <v>10214</v>
      </c>
      <c r="H21371" t="s">
        <v>10215</v>
      </c>
      <c r="I21371" s="2">
        <v>1</v>
      </c>
      <c r="J21371" s="2">
        <v>0</v>
      </c>
      <c r="K21371" s="2">
        <v>0</v>
      </c>
      <c r="L21371" t="s">
        <v>120</v>
      </c>
      <c r="M21371" t="s">
        <v>87</v>
      </c>
      <c r="N21371" t="s">
        <v>88</v>
      </c>
      <c r="O21371" t="s">
        <v>85</v>
      </c>
      <c r="P21371" t="s">
        <v>86</v>
      </c>
      <c r="Q21371">
        <v>33</v>
      </c>
      <c r="R21371">
        <v>33</v>
      </c>
      <c r="S21371">
        <v>34</v>
      </c>
      <c r="T21371">
        <v>34</v>
      </c>
      <c r="U21371">
        <v>35</v>
      </c>
      <c r="V21371">
        <v>36</v>
      </c>
      <c r="W21371">
        <v>36</v>
      </c>
      <c r="X21371">
        <v>37</v>
      </c>
      <c r="Y21371">
        <v>37</v>
      </c>
      <c r="Z21371">
        <v>38</v>
      </c>
      <c r="AA21371">
        <v>39</v>
      </c>
      <c r="AB21371">
        <v>39</v>
      </c>
      <c r="AC21371">
        <v>40</v>
      </c>
      <c r="AD21371">
        <v>41</v>
      </c>
      <c r="AE21371">
        <v>41</v>
      </c>
      <c r="AF21371">
        <v>42</v>
      </c>
      <c r="AG21371">
        <v>43</v>
      </c>
      <c r="AH21371">
        <v>44</v>
      </c>
      <c r="AI21371">
        <v>44</v>
      </c>
      <c r="AJ21371">
        <v>45</v>
      </c>
      <c r="AK21371">
        <v>46</v>
      </c>
      <c r="AL21371">
        <v>47</v>
      </c>
      <c r="AM21371">
        <v>48</v>
      </c>
      <c r="AN21371">
        <v>48</v>
      </c>
      <c r="AO21371">
        <v>49</v>
      </c>
      <c r="AP21371">
        <v>50</v>
      </c>
      <c r="AQ21371">
        <v>51</v>
      </c>
    </row>
    <row r="21372" spans="1:43">
      <c r="A21372" t="s">
        <v>13247</v>
      </c>
      <c r="B21372" t="s">
        <v>13248</v>
      </c>
      <c r="C21372" t="s">
        <v>13191</v>
      </c>
      <c r="D21372" t="s">
        <v>13192</v>
      </c>
      <c r="E21372" t="s">
        <v>13165</v>
      </c>
      <c r="F21372" t="s">
        <v>13166</v>
      </c>
      <c r="G21372" t="s">
        <v>10214</v>
      </c>
      <c r="H21372" t="s">
        <v>10215</v>
      </c>
      <c r="I21372" s="2">
        <v>1</v>
      </c>
      <c r="J21372" s="2">
        <v>0</v>
      </c>
      <c r="K21372" s="2">
        <v>0</v>
      </c>
      <c r="L21372" t="s">
        <v>120</v>
      </c>
      <c r="M21372" t="s">
        <v>89</v>
      </c>
      <c r="N21372" t="s">
        <v>90</v>
      </c>
      <c r="O21372" t="s">
        <v>85</v>
      </c>
      <c r="P21372" t="s">
        <v>86</v>
      </c>
      <c r="Q21372">
        <v>33</v>
      </c>
      <c r="R21372">
        <v>35</v>
      </c>
      <c r="S21372">
        <v>36</v>
      </c>
      <c r="T21372">
        <v>37</v>
      </c>
      <c r="U21372">
        <v>38</v>
      </c>
      <c r="V21372">
        <v>39</v>
      </c>
      <c r="W21372">
        <v>41</v>
      </c>
      <c r="X21372">
        <v>42</v>
      </c>
      <c r="Y21372">
        <v>43</v>
      </c>
      <c r="Z21372">
        <v>44</v>
      </c>
      <c r="AA21372">
        <v>45</v>
      </c>
      <c r="AB21372">
        <v>47</v>
      </c>
      <c r="AC21372">
        <v>48</v>
      </c>
      <c r="AD21372">
        <v>49</v>
      </c>
      <c r="AE21372">
        <v>50</v>
      </c>
      <c r="AF21372">
        <v>51</v>
      </c>
      <c r="AG21372">
        <v>52</v>
      </c>
      <c r="AH21372">
        <v>52</v>
      </c>
      <c r="AI21372">
        <v>53</v>
      </c>
      <c r="AJ21372">
        <v>54</v>
      </c>
      <c r="AK21372">
        <v>55</v>
      </c>
      <c r="AL21372">
        <v>56</v>
      </c>
      <c r="AM21372">
        <v>56</v>
      </c>
      <c r="AN21372">
        <v>57</v>
      </c>
      <c r="AO21372">
        <v>58</v>
      </c>
      <c r="AP21372">
        <v>59</v>
      </c>
      <c r="AQ21372">
        <v>60</v>
      </c>
    </row>
    <row r="21373" spans="1:43">
      <c r="A21373" t="s">
        <v>13247</v>
      </c>
      <c r="B21373" t="s">
        <v>13248</v>
      </c>
      <c r="C21373" t="s">
        <v>13191</v>
      </c>
      <c r="D21373" t="s">
        <v>13192</v>
      </c>
      <c r="E21373" t="s">
        <v>13165</v>
      </c>
      <c r="F21373" t="s">
        <v>13166</v>
      </c>
      <c r="G21373" t="s">
        <v>10214</v>
      </c>
      <c r="H21373" t="s">
        <v>10215</v>
      </c>
      <c r="I21373" s="2">
        <v>1</v>
      </c>
      <c r="J21373" s="2">
        <v>0</v>
      </c>
      <c r="K21373" s="2">
        <v>0</v>
      </c>
      <c r="L21373" t="s">
        <v>120</v>
      </c>
      <c r="M21373" t="s">
        <v>83</v>
      </c>
      <c r="N21373" t="s">
        <v>91</v>
      </c>
      <c r="O21373" t="s">
        <v>85</v>
      </c>
      <c r="P21373" t="s">
        <v>86</v>
      </c>
      <c r="Q21373">
        <v>33</v>
      </c>
      <c r="R21373">
        <v>34</v>
      </c>
      <c r="S21373">
        <v>35</v>
      </c>
      <c r="T21373">
        <v>36</v>
      </c>
      <c r="U21373">
        <v>37</v>
      </c>
      <c r="V21373">
        <v>38</v>
      </c>
      <c r="W21373">
        <v>39</v>
      </c>
      <c r="X21373">
        <v>40</v>
      </c>
      <c r="Y21373">
        <v>41</v>
      </c>
      <c r="Z21373">
        <v>42</v>
      </c>
      <c r="AA21373">
        <v>43</v>
      </c>
      <c r="AB21373">
        <v>44</v>
      </c>
      <c r="AC21373">
        <v>45</v>
      </c>
      <c r="AD21373">
        <v>46</v>
      </c>
      <c r="AE21373">
        <v>47</v>
      </c>
      <c r="AF21373">
        <v>48</v>
      </c>
      <c r="AG21373">
        <v>49</v>
      </c>
      <c r="AH21373">
        <v>50</v>
      </c>
      <c r="AI21373">
        <v>51</v>
      </c>
      <c r="AJ21373">
        <v>53</v>
      </c>
      <c r="AK21373">
        <v>54</v>
      </c>
      <c r="AL21373">
        <v>55</v>
      </c>
      <c r="AM21373">
        <v>56</v>
      </c>
      <c r="AN21373">
        <v>57</v>
      </c>
      <c r="AO21373">
        <v>57</v>
      </c>
      <c r="AP21373">
        <v>58</v>
      </c>
      <c r="AQ21373">
        <v>59</v>
      </c>
    </row>
    <row r="21374" spans="1:43">
      <c r="A21374" t="s">
        <v>13249</v>
      </c>
      <c r="B21374" t="s">
        <v>13250</v>
      </c>
      <c r="C21374" t="s">
        <v>13191</v>
      </c>
      <c r="D21374" t="s">
        <v>13192</v>
      </c>
      <c r="E21374" t="s">
        <v>13165</v>
      </c>
      <c r="F21374" t="s">
        <v>13166</v>
      </c>
      <c r="G21374" t="s">
        <v>10214</v>
      </c>
      <c r="H21374" t="s">
        <v>10215</v>
      </c>
      <c r="I21374" s="2">
        <v>1</v>
      </c>
      <c r="J21374" s="2">
        <v>0</v>
      </c>
      <c r="K21374" s="2">
        <v>0</v>
      </c>
      <c r="L21374" t="s">
        <v>120</v>
      </c>
      <c r="M21374" t="s">
        <v>83</v>
      </c>
      <c r="N21374" t="s">
        <v>84</v>
      </c>
      <c r="O21374" t="s">
        <v>85</v>
      </c>
      <c r="P21374" t="s">
        <v>86</v>
      </c>
      <c r="Q21374">
        <v>34</v>
      </c>
      <c r="R21374">
        <v>34</v>
      </c>
      <c r="S21374">
        <v>35</v>
      </c>
      <c r="T21374">
        <v>35</v>
      </c>
      <c r="U21374">
        <v>36</v>
      </c>
      <c r="V21374">
        <v>36</v>
      </c>
      <c r="W21374">
        <v>37</v>
      </c>
      <c r="X21374">
        <v>37</v>
      </c>
      <c r="Y21374">
        <v>38</v>
      </c>
      <c r="Z21374">
        <v>38</v>
      </c>
      <c r="AA21374">
        <v>39</v>
      </c>
      <c r="AB21374">
        <v>39</v>
      </c>
      <c r="AC21374">
        <v>40</v>
      </c>
      <c r="AD21374">
        <v>40</v>
      </c>
      <c r="AE21374">
        <v>41</v>
      </c>
      <c r="AF21374">
        <v>41</v>
      </c>
      <c r="AG21374">
        <v>42</v>
      </c>
      <c r="AH21374">
        <v>42</v>
      </c>
      <c r="AI21374">
        <v>43</v>
      </c>
      <c r="AJ21374">
        <v>43</v>
      </c>
      <c r="AK21374">
        <v>44</v>
      </c>
      <c r="AL21374">
        <v>44</v>
      </c>
      <c r="AM21374">
        <v>44</v>
      </c>
      <c r="AN21374">
        <v>44</v>
      </c>
      <c r="AO21374">
        <v>45</v>
      </c>
      <c r="AP21374">
        <v>45</v>
      </c>
      <c r="AQ21374">
        <v>45</v>
      </c>
    </row>
    <row r="21375" spans="1:43">
      <c r="A21375" t="s">
        <v>13249</v>
      </c>
      <c r="B21375" t="s">
        <v>13250</v>
      </c>
      <c r="C21375" t="s">
        <v>13191</v>
      </c>
      <c r="D21375" t="s">
        <v>13192</v>
      </c>
      <c r="E21375" t="s">
        <v>13165</v>
      </c>
      <c r="F21375" t="s">
        <v>13166</v>
      </c>
      <c r="G21375" t="s">
        <v>10214</v>
      </c>
      <c r="H21375" t="s">
        <v>10215</v>
      </c>
      <c r="I21375" s="2">
        <v>1</v>
      </c>
      <c r="J21375" s="2">
        <v>0</v>
      </c>
      <c r="K21375" s="2">
        <v>0</v>
      </c>
      <c r="L21375" t="s">
        <v>120</v>
      </c>
      <c r="M21375" t="s">
        <v>87</v>
      </c>
      <c r="N21375" t="s">
        <v>88</v>
      </c>
      <c r="O21375" t="s">
        <v>85</v>
      </c>
      <c r="P21375" t="s">
        <v>86</v>
      </c>
      <c r="Q21375">
        <v>34</v>
      </c>
      <c r="R21375">
        <v>34</v>
      </c>
      <c r="S21375">
        <v>34</v>
      </c>
      <c r="T21375">
        <v>34</v>
      </c>
      <c r="U21375">
        <v>34</v>
      </c>
      <c r="V21375">
        <v>34</v>
      </c>
      <c r="W21375">
        <v>35</v>
      </c>
      <c r="X21375">
        <v>35</v>
      </c>
      <c r="Y21375">
        <v>35</v>
      </c>
      <c r="Z21375">
        <v>35</v>
      </c>
      <c r="AA21375">
        <v>35</v>
      </c>
      <c r="AB21375">
        <v>36</v>
      </c>
      <c r="AC21375">
        <v>36</v>
      </c>
      <c r="AD21375">
        <v>36</v>
      </c>
      <c r="AE21375">
        <v>36</v>
      </c>
      <c r="AF21375">
        <v>36</v>
      </c>
      <c r="AG21375">
        <v>37</v>
      </c>
      <c r="AH21375">
        <v>37</v>
      </c>
      <c r="AI21375">
        <v>37</v>
      </c>
      <c r="AJ21375">
        <v>37</v>
      </c>
      <c r="AK21375">
        <v>37</v>
      </c>
      <c r="AL21375">
        <v>38</v>
      </c>
      <c r="AM21375">
        <v>38</v>
      </c>
      <c r="AN21375">
        <v>38</v>
      </c>
      <c r="AO21375">
        <v>38</v>
      </c>
      <c r="AP21375">
        <v>38</v>
      </c>
      <c r="AQ21375">
        <v>39</v>
      </c>
    </row>
    <row r="21376" spans="1:43">
      <c r="A21376" t="s">
        <v>13249</v>
      </c>
      <c r="B21376" t="s">
        <v>13250</v>
      </c>
      <c r="C21376" t="s">
        <v>13191</v>
      </c>
      <c r="D21376" t="s">
        <v>13192</v>
      </c>
      <c r="E21376" t="s">
        <v>13165</v>
      </c>
      <c r="F21376" t="s">
        <v>13166</v>
      </c>
      <c r="G21376" t="s">
        <v>10214</v>
      </c>
      <c r="H21376" t="s">
        <v>10215</v>
      </c>
      <c r="I21376" s="2">
        <v>1</v>
      </c>
      <c r="J21376" s="2">
        <v>0</v>
      </c>
      <c r="K21376" s="2">
        <v>0</v>
      </c>
      <c r="L21376" t="s">
        <v>120</v>
      </c>
      <c r="M21376" t="s">
        <v>89</v>
      </c>
      <c r="N21376" t="s">
        <v>90</v>
      </c>
      <c r="O21376" t="s">
        <v>85</v>
      </c>
      <c r="P21376" t="s">
        <v>86</v>
      </c>
      <c r="Q21376">
        <v>34</v>
      </c>
      <c r="R21376">
        <v>35</v>
      </c>
      <c r="S21376">
        <v>36</v>
      </c>
      <c r="T21376">
        <v>37</v>
      </c>
      <c r="U21376">
        <v>37</v>
      </c>
      <c r="V21376">
        <v>38</v>
      </c>
      <c r="W21376">
        <v>39</v>
      </c>
      <c r="X21376">
        <v>39</v>
      </c>
      <c r="Y21376">
        <v>40</v>
      </c>
      <c r="Z21376">
        <v>41</v>
      </c>
      <c r="AA21376">
        <v>41</v>
      </c>
      <c r="AB21376">
        <v>42</v>
      </c>
      <c r="AC21376">
        <v>43</v>
      </c>
      <c r="AD21376">
        <v>43</v>
      </c>
      <c r="AE21376">
        <v>44</v>
      </c>
      <c r="AF21376">
        <v>44</v>
      </c>
      <c r="AG21376">
        <v>44</v>
      </c>
      <c r="AH21376">
        <v>44</v>
      </c>
      <c r="AI21376">
        <v>44</v>
      </c>
      <c r="AJ21376">
        <v>44</v>
      </c>
      <c r="AK21376">
        <v>45</v>
      </c>
      <c r="AL21376">
        <v>45</v>
      </c>
      <c r="AM21376">
        <v>45</v>
      </c>
      <c r="AN21376">
        <v>45</v>
      </c>
      <c r="AO21376">
        <v>45</v>
      </c>
      <c r="AP21376">
        <v>45</v>
      </c>
      <c r="AQ21376">
        <v>45</v>
      </c>
    </row>
    <row r="21377" spans="1:43">
      <c r="A21377" t="s">
        <v>13249</v>
      </c>
      <c r="B21377" t="s">
        <v>13250</v>
      </c>
      <c r="C21377" t="s">
        <v>13191</v>
      </c>
      <c r="D21377" t="s">
        <v>13192</v>
      </c>
      <c r="E21377" t="s">
        <v>13165</v>
      </c>
      <c r="F21377" t="s">
        <v>13166</v>
      </c>
      <c r="G21377" t="s">
        <v>10214</v>
      </c>
      <c r="H21377" t="s">
        <v>10215</v>
      </c>
      <c r="I21377" s="2">
        <v>1</v>
      </c>
      <c r="J21377" s="2">
        <v>0</v>
      </c>
      <c r="K21377" s="2">
        <v>0</v>
      </c>
      <c r="L21377" t="s">
        <v>120</v>
      </c>
      <c r="M21377" t="s">
        <v>83</v>
      </c>
      <c r="N21377" t="s">
        <v>91</v>
      </c>
      <c r="O21377" t="s">
        <v>85</v>
      </c>
      <c r="P21377" t="s">
        <v>86</v>
      </c>
      <c r="Q21377">
        <v>34</v>
      </c>
      <c r="R21377">
        <v>34</v>
      </c>
      <c r="S21377">
        <v>35</v>
      </c>
      <c r="T21377">
        <v>35</v>
      </c>
      <c r="U21377">
        <v>36</v>
      </c>
      <c r="V21377">
        <v>36</v>
      </c>
      <c r="W21377">
        <v>37</v>
      </c>
      <c r="X21377">
        <v>37</v>
      </c>
      <c r="Y21377">
        <v>38</v>
      </c>
      <c r="Z21377">
        <v>38</v>
      </c>
      <c r="AA21377">
        <v>39</v>
      </c>
      <c r="AB21377">
        <v>39</v>
      </c>
      <c r="AC21377">
        <v>40</v>
      </c>
      <c r="AD21377">
        <v>40</v>
      </c>
      <c r="AE21377">
        <v>41</v>
      </c>
      <c r="AF21377">
        <v>41</v>
      </c>
      <c r="AG21377">
        <v>42</v>
      </c>
      <c r="AH21377">
        <v>42</v>
      </c>
      <c r="AI21377">
        <v>43</v>
      </c>
      <c r="AJ21377">
        <v>43</v>
      </c>
      <c r="AK21377">
        <v>44</v>
      </c>
      <c r="AL21377">
        <v>44</v>
      </c>
      <c r="AM21377">
        <v>44</v>
      </c>
      <c r="AN21377">
        <v>44</v>
      </c>
      <c r="AO21377">
        <v>45</v>
      </c>
      <c r="AP21377">
        <v>45</v>
      </c>
      <c r="AQ21377">
        <v>45</v>
      </c>
    </row>
    <row r="21378" spans="1:43">
      <c r="A21378" t="s">
        <v>13251</v>
      </c>
      <c r="B21378" t="s">
        <v>13252</v>
      </c>
      <c r="C21378" t="s">
        <v>13199</v>
      </c>
      <c r="D21378" t="s">
        <v>13200</v>
      </c>
      <c r="E21378" t="s">
        <v>13165</v>
      </c>
      <c r="F21378" t="s">
        <v>13166</v>
      </c>
      <c r="G21378" t="s">
        <v>10214</v>
      </c>
      <c r="H21378" t="s">
        <v>10215</v>
      </c>
      <c r="I21378" s="2">
        <v>1</v>
      </c>
      <c r="J21378" s="2">
        <v>0</v>
      </c>
      <c r="K21378" s="2">
        <v>0</v>
      </c>
      <c r="L21378" t="s">
        <v>120</v>
      </c>
      <c r="M21378" t="s">
        <v>83</v>
      </c>
      <c r="N21378" t="s">
        <v>84</v>
      </c>
      <c r="O21378" t="s">
        <v>85</v>
      </c>
      <c r="P21378" t="s">
        <v>86</v>
      </c>
      <c r="Q21378">
        <v>76</v>
      </c>
      <c r="R21378">
        <v>78</v>
      </c>
      <c r="S21378">
        <v>80</v>
      </c>
      <c r="T21378">
        <v>82</v>
      </c>
      <c r="U21378">
        <v>84</v>
      </c>
      <c r="V21378">
        <v>86</v>
      </c>
      <c r="W21378">
        <v>89</v>
      </c>
      <c r="X21378">
        <v>91</v>
      </c>
      <c r="Y21378">
        <v>93</v>
      </c>
      <c r="Z21378">
        <v>95</v>
      </c>
      <c r="AA21378">
        <v>98</v>
      </c>
      <c r="AB21378">
        <v>100</v>
      </c>
      <c r="AC21378">
        <v>102</v>
      </c>
      <c r="AD21378">
        <v>105</v>
      </c>
      <c r="AE21378">
        <v>107</v>
      </c>
      <c r="AF21378">
        <v>110</v>
      </c>
      <c r="AG21378">
        <v>112</v>
      </c>
      <c r="AH21378">
        <v>115</v>
      </c>
      <c r="AI21378">
        <v>118</v>
      </c>
      <c r="AJ21378">
        <v>121</v>
      </c>
      <c r="AK21378">
        <v>124</v>
      </c>
      <c r="AL21378">
        <v>126</v>
      </c>
      <c r="AM21378">
        <v>128</v>
      </c>
      <c r="AN21378">
        <v>130</v>
      </c>
      <c r="AO21378">
        <v>132</v>
      </c>
      <c r="AP21378">
        <v>134</v>
      </c>
      <c r="AQ21378">
        <v>136</v>
      </c>
    </row>
    <row r="21379" spans="1:43">
      <c r="A21379" t="s">
        <v>13251</v>
      </c>
      <c r="B21379" t="s">
        <v>13252</v>
      </c>
      <c r="C21379" t="s">
        <v>13199</v>
      </c>
      <c r="D21379" t="s">
        <v>13200</v>
      </c>
      <c r="E21379" t="s">
        <v>13165</v>
      </c>
      <c r="F21379" t="s">
        <v>13166</v>
      </c>
      <c r="G21379" t="s">
        <v>10214</v>
      </c>
      <c r="H21379" t="s">
        <v>10215</v>
      </c>
      <c r="I21379" s="2">
        <v>1</v>
      </c>
      <c r="J21379" s="2">
        <v>0</v>
      </c>
      <c r="K21379" s="2">
        <v>0</v>
      </c>
      <c r="L21379" t="s">
        <v>120</v>
      </c>
      <c r="M21379" t="s">
        <v>87</v>
      </c>
      <c r="N21379" t="s">
        <v>88</v>
      </c>
      <c r="O21379" t="s">
        <v>85</v>
      </c>
      <c r="P21379" t="s">
        <v>86</v>
      </c>
      <c r="Q21379">
        <v>76</v>
      </c>
      <c r="R21379">
        <v>77</v>
      </c>
      <c r="S21379">
        <v>79</v>
      </c>
      <c r="T21379">
        <v>80</v>
      </c>
      <c r="U21379">
        <v>82</v>
      </c>
      <c r="V21379">
        <v>83</v>
      </c>
      <c r="W21379">
        <v>84</v>
      </c>
      <c r="X21379">
        <v>86</v>
      </c>
      <c r="Y21379">
        <v>87</v>
      </c>
      <c r="Z21379">
        <v>89</v>
      </c>
      <c r="AA21379">
        <v>90</v>
      </c>
      <c r="AB21379">
        <v>92</v>
      </c>
      <c r="AC21379">
        <v>93</v>
      </c>
      <c r="AD21379">
        <v>95</v>
      </c>
      <c r="AE21379">
        <v>96</v>
      </c>
      <c r="AF21379">
        <v>98</v>
      </c>
      <c r="AG21379">
        <v>100</v>
      </c>
      <c r="AH21379">
        <v>101</v>
      </c>
      <c r="AI21379">
        <v>103</v>
      </c>
      <c r="AJ21379">
        <v>105</v>
      </c>
      <c r="AK21379">
        <v>107</v>
      </c>
      <c r="AL21379">
        <v>109</v>
      </c>
      <c r="AM21379">
        <v>111</v>
      </c>
      <c r="AN21379">
        <v>113</v>
      </c>
      <c r="AO21379">
        <v>115</v>
      </c>
      <c r="AP21379">
        <v>117</v>
      </c>
      <c r="AQ21379">
        <v>119</v>
      </c>
    </row>
    <row r="21380" spans="1:43">
      <c r="A21380" t="s">
        <v>13251</v>
      </c>
      <c r="B21380" t="s">
        <v>13252</v>
      </c>
      <c r="C21380" t="s">
        <v>13199</v>
      </c>
      <c r="D21380" t="s">
        <v>13200</v>
      </c>
      <c r="E21380" t="s">
        <v>13165</v>
      </c>
      <c r="F21380" t="s">
        <v>13166</v>
      </c>
      <c r="G21380" t="s">
        <v>10214</v>
      </c>
      <c r="H21380" t="s">
        <v>10215</v>
      </c>
      <c r="I21380" s="2">
        <v>1</v>
      </c>
      <c r="J21380" s="2">
        <v>0</v>
      </c>
      <c r="K21380" s="2">
        <v>0</v>
      </c>
      <c r="L21380" t="s">
        <v>120</v>
      </c>
      <c r="M21380" t="s">
        <v>89</v>
      </c>
      <c r="N21380" t="s">
        <v>90</v>
      </c>
      <c r="O21380" t="s">
        <v>85</v>
      </c>
      <c r="P21380" t="s">
        <v>86</v>
      </c>
      <c r="Q21380">
        <v>76</v>
      </c>
      <c r="R21380">
        <v>79</v>
      </c>
      <c r="S21380">
        <v>82</v>
      </c>
      <c r="T21380">
        <v>85</v>
      </c>
      <c r="U21380">
        <v>88</v>
      </c>
      <c r="V21380">
        <v>90</v>
      </c>
      <c r="W21380">
        <v>93</v>
      </c>
      <c r="X21380">
        <v>96</v>
      </c>
      <c r="Y21380">
        <v>98</v>
      </c>
      <c r="Z21380">
        <v>101</v>
      </c>
      <c r="AA21380">
        <v>104</v>
      </c>
      <c r="AB21380">
        <v>107</v>
      </c>
      <c r="AC21380">
        <v>110</v>
      </c>
      <c r="AD21380">
        <v>112</v>
      </c>
      <c r="AE21380">
        <v>115</v>
      </c>
      <c r="AF21380">
        <v>117</v>
      </c>
      <c r="AG21380">
        <v>118</v>
      </c>
      <c r="AH21380">
        <v>120</v>
      </c>
      <c r="AI21380">
        <v>122</v>
      </c>
      <c r="AJ21380">
        <v>124</v>
      </c>
      <c r="AK21380">
        <v>126</v>
      </c>
      <c r="AL21380">
        <v>128</v>
      </c>
      <c r="AM21380">
        <v>130</v>
      </c>
      <c r="AN21380">
        <v>132</v>
      </c>
      <c r="AO21380">
        <v>134</v>
      </c>
      <c r="AP21380">
        <v>136</v>
      </c>
      <c r="AQ21380">
        <v>138</v>
      </c>
    </row>
    <row r="21381" spans="1:43">
      <c r="A21381" t="s">
        <v>13251</v>
      </c>
      <c r="B21381" t="s">
        <v>13252</v>
      </c>
      <c r="C21381" t="s">
        <v>13199</v>
      </c>
      <c r="D21381" t="s">
        <v>13200</v>
      </c>
      <c r="E21381" t="s">
        <v>13165</v>
      </c>
      <c r="F21381" t="s">
        <v>13166</v>
      </c>
      <c r="G21381" t="s">
        <v>10214</v>
      </c>
      <c r="H21381" t="s">
        <v>10215</v>
      </c>
      <c r="I21381" s="2">
        <v>1</v>
      </c>
      <c r="J21381" s="2">
        <v>0</v>
      </c>
      <c r="K21381" s="2">
        <v>0</v>
      </c>
      <c r="L21381" t="s">
        <v>120</v>
      </c>
      <c r="M21381" t="s">
        <v>83</v>
      </c>
      <c r="N21381" t="s">
        <v>91</v>
      </c>
      <c r="O21381" t="s">
        <v>85</v>
      </c>
      <c r="P21381" t="s">
        <v>86</v>
      </c>
      <c r="Q21381">
        <v>76</v>
      </c>
      <c r="R21381">
        <v>78</v>
      </c>
      <c r="S21381">
        <v>80</v>
      </c>
      <c r="T21381">
        <v>82</v>
      </c>
      <c r="U21381">
        <v>84</v>
      </c>
      <c r="V21381">
        <v>86</v>
      </c>
      <c r="W21381">
        <v>89</v>
      </c>
      <c r="X21381">
        <v>91</v>
      </c>
      <c r="Y21381">
        <v>93</v>
      </c>
      <c r="Z21381">
        <v>95</v>
      </c>
      <c r="AA21381">
        <v>98</v>
      </c>
      <c r="AB21381">
        <v>100</v>
      </c>
      <c r="AC21381">
        <v>102</v>
      </c>
      <c r="AD21381">
        <v>105</v>
      </c>
      <c r="AE21381">
        <v>107</v>
      </c>
      <c r="AF21381">
        <v>110</v>
      </c>
      <c r="AG21381">
        <v>112</v>
      </c>
      <c r="AH21381">
        <v>115</v>
      </c>
      <c r="AI21381">
        <v>118</v>
      </c>
      <c r="AJ21381">
        <v>121</v>
      </c>
      <c r="AK21381">
        <v>124</v>
      </c>
      <c r="AL21381">
        <v>126</v>
      </c>
      <c r="AM21381">
        <v>128</v>
      </c>
      <c r="AN21381">
        <v>130</v>
      </c>
      <c r="AO21381">
        <v>132</v>
      </c>
      <c r="AP21381">
        <v>134</v>
      </c>
      <c r="AQ21381">
        <v>136</v>
      </c>
    </row>
    <row r="21382" spans="1:43">
      <c r="A21382" t="s">
        <v>13253</v>
      </c>
      <c r="B21382" t="s">
        <v>13254</v>
      </c>
      <c r="C21382" t="s">
        <v>13255</v>
      </c>
      <c r="D21382" t="s">
        <v>13256</v>
      </c>
      <c r="E21382" t="s">
        <v>13165</v>
      </c>
      <c r="F21382" t="s">
        <v>13166</v>
      </c>
      <c r="G21382" t="s">
        <v>10214</v>
      </c>
      <c r="H21382" t="s">
        <v>10215</v>
      </c>
      <c r="I21382" s="2">
        <v>1</v>
      </c>
      <c r="J21382" s="2">
        <v>0</v>
      </c>
      <c r="K21382" s="2">
        <v>0</v>
      </c>
      <c r="L21382" t="s">
        <v>120</v>
      </c>
      <c r="M21382" t="s">
        <v>83</v>
      </c>
      <c r="N21382" t="s">
        <v>84</v>
      </c>
      <c r="O21382" t="s">
        <v>85</v>
      </c>
      <c r="P21382" t="s">
        <v>86</v>
      </c>
      <c r="Q21382">
        <v>18</v>
      </c>
      <c r="R21382">
        <v>18</v>
      </c>
      <c r="S21382">
        <v>19</v>
      </c>
      <c r="T21382">
        <v>19</v>
      </c>
      <c r="U21382">
        <v>20</v>
      </c>
      <c r="V21382">
        <v>20</v>
      </c>
      <c r="W21382">
        <v>21</v>
      </c>
      <c r="X21382">
        <v>21</v>
      </c>
      <c r="Y21382">
        <v>22</v>
      </c>
      <c r="Z21382">
        <v>23</v>
      </c>
      <c r="AA21382">
        <v>23</v>
      </c>
      <c r="AB21382">
        <v>24</v>
      </c>
      <c r="AC21382">
        <v>24</v>
      </c>
      <c r="AD21382">
        <v>25</v>
      </c>
      <c r="AE21382">
        <v>25</v>
      </c>
      <c r="AF21382">
        <v>26</v>
      </c>
      <c r="AG21382">
        <v>27</v>
      </c>
      <c r="AH21382">
        <v>27</v>
      </c>
      <c r="AI21382">
        <v>28</v>
      </c>
      <c r="AJ21382">
        <v>29</v>
      </c>
      <c r="AK21382">
        <v>29</v>
      </c>
      <c r="AL21382">
        <v>30</v>
      </c>
      <c r="AM21382">
        <v>30</v>
      </c>
      <c r="AN21382">
        <v>31</v>
      </c>
      <c r="AO21382">
        <v>31</v>
      </c>
      <c r="AP21382">
        <v>32</v>
      </c>
      <c r="AQ21382">
        <v>32</v>
      </c>
    </row>
    <row r="21383" spans="1:43">
      <c r="A21383" t="s">
        <v>13253</v>
      </c>
      <c r="B21383" t="s">
        <v>13254</v>
      </c>
      <c r="C21383" t="s">
        <v>13255</v>
      </c>
      <c r="D21383" t="s">
        <v>13256</v>
      </c>
      <c r="E21383" t="s">
        <v>13165</v>
      </c>
      <c r="F21383" t="s">
        <v>13166</v>
      </c>
      <c r="G21383" t="s">
        <v>10214</v>
      </c>
      <c r="H21383" t="s">
        <v>10215</v>
      </c>
      <c r="I21383" s="2">
        <v>1</v>
      </c>
      <c r="J21383" s="2">
        <v>0</v>
      </c>
      <c r="K21383" s="2">
        <v>0</v>
      </c>
      <c r="L21383" t="s">
        <v>120</v>
      </c>
      <c r="M21383" t="s">
        <v>87</v>
      </c>
      <c r="N21383" t="s">
        <v>88</v>
      </c>
      <c r="O21383" t="s">
        <v>85</v>
      </c>
      <c r="P21383" t="s">
        <v>86</v>
      </c>
      <c r="Q21383">
        <v>18</v>
      </c>
      <c r="R21383">
        <v>18</v>
      </c>
      <c r="S21383">
        <v>18</v>
      </c>
      <c r="T21383">
        <v>19</v>
      </c>
      <c r="U21383">
        <v>19</v>
      </c>
      <c r="V21383">
        <v>19</v>
      </c>
      <c r="W21383">
        <v>20</v>
      </c>
      <c r="X21383">
        <v>20</v>
      </c>
      <c r="Y21383">
        <v>20</v>
      </c>
      <c r="Z21383">
        <v>21</v>
      </c>
      <c r="AA21383">
        <v>21</v>
      </c>
      <c r="AB21383">
        <v>21</v>
      </c>
      <c r="AC21383">
        <v>22</v>
      </c>
      <c r="AD21383">
        <v>22</v>
      </c>
      <c r="AE21383">
        <v>23</v>
      </c>
      <c r="AF21383">
        <v>23</v>
      </c>
      <c r="AG21383">
        <v>23</v>
      </c>
      <c r="AH21383">
        <v>24</v>
      </c>
      <c r="AI21383">
        <v>24</v>
      </c>
      <c r="AJ21383">
        <v>25</v>
      </c>
      <c r="AK21383">
        <v>25</v>
      </c>
      <c r="AL21383">
        <v>25</v>
      </c>
      <c r="AM21383">
        <v>26</v>
      </c>
      <c r="AN21383">
        <v>26</v>
      </c>
      <c r="AO21383">
        <v>27</v>
      </c>
      <c r="AP21383">
        <v>27</v>
      </c>
      <c r="AQ21383">
        <v>28</v>
      </c>
    </row>
    <row r="21384" spans="1:43">
      <c r="A21384" t="s">
        <v>13253</v>
      </c>
      <c r="B21384" t="s">
        <v>13254</v>
      </c>
      <c r="C21384" t="s">
        <v>13255</v>
      </c>
      <c r="D21384" t="s">
        <v>13256</v>
      </c>
      <c r="E21384" t="s">
        <v>13165</v>
      </c>
      <c r="F21384" t="s">
        <v>13166</v>
      </c>
      <c r="G21384" t="s">
        <v>10214</v>
      </c>
      <c r="H21384" t="s">
        <v>10215</v>
      </c>
      <c r="I21384" s="2">
        <v>1</v>
      </c>
      <c r="J21384" s="2">
        <v>0</v>
      </c>
      <c r="K21384" s="2">
        <v>0</v>
      </c>
      <c r="L21384" t="s">
        <v>120</v>
      </c>
      <c r="M21384" t="s">
        <v>89</v>
      </c>
      <c r="N21384" t="s">
        <v>90</v>
      </c>
      <c r="O21384" t="s">
        <v>85</v>
      </c>
      <c r="P21384" t="s">
        <v>86</v>
      </c>
      <c r="Q21384">
        <v>18</v>
      </c>
      <c r="R21384">
        <v>19</v>
      </c>
      <c r="S21384">
        <v>19</v>
      </c>
      <c r="T21384">
        <v>20</v>
      </c>
      <c r="U21384">
        <v>21</v>
      </c>
      <c r="V21384">
        <v>21</v>
      </c>
      <c r="W21384">
        <v>22</v>
      </c>
      <c r="X21384">
        <v>23</v>
      </c>
      <c r="Y21384">
        <v>23</v>
      </c>
      <c r="Z21384">
        <v>24</v>
      </c>
      <c r="AA21384">
        <v>25</v>
      </c>
      <c r="AB21384">
        <v>25</v>
      </c>
      <c r="AC21384">
        <v>26</v>
      </c>
      <c r="AD21384">
        <v>27</v>
      </c>
      <c r="AE21384">
        <v>27</v>
      </c>
      <c r="AF21384">
        <v>28</v>
      </c>
      <c r="AG21384">
        <v>28</v>
      </c>
      <c r="AH21384">
        <v>28</v>
      </c>
      <c r="AI21384">
        <v>29</v>
      </c>
      <c r="AJ21384">
        <v>29</v>
      </c>
      <c r="AK21384">
        <v>30</v>
      </c>
      <c r="AL21384">
        <v>30</v>
      </c>
      <c r="AM21384">
        <v>30</v>
      </c>
      <c r="AN21384">
        <v>31</v>
      </c>
      <c r="AO21384">
        <v>31</v>
      </c>
      <c r="AP21384">
        <v>32</v>
      </c>
      <c r="AQ21384">
        <v>32</v>
      </c>
    </row>
    <row r="21385" spans="1:43">
      <c r="A21385" t="s">
        <v>13253</v>
      </c>
      <c r="B21385" t="s">
        <v>13254</v>
      </c>
      <c r="C21385" t="s">
        <v>13255</v>
      </c>
      <c r="D21385" t="s">
        <v>13256</v>
      </c>
      <c r="E21385" t="s">
        <v>13165</v>
      </c>
      <c r="F21385" t="s">
        <v>13166</v>
      </c>
      <c r="G21385" t="s">
        <v>10214</v>
      </c>
      <c r="H21385" t="s">
        <v>10215</v>
      </c>
      <c r="I21385" s="2">
        <v>1</v>
      </c>
      <c r="J21385" s="2">
        <v>0</v>
      </c>
      <c r="K21385" s="2">
        <v>0</v>
      </c>
      <c r="L21385" t="s">
        <v>120</v>
      </c>
      <c r="M21385" t="s">
        <v>83</v>
      </c>
      <c r="N21385" t="s">
        <v>91</v>
      </c>
      <c r="O21385" t="s">
        <v>85</v>
      </c>
      <c r="P21385" t="s">
        <v>86</v>
      </c>
      <c r="Q21385">
        <v>18</v>
      </c>
      <c r="R21385">
        <v>18</v>
      </c>
      <c r="S21385">
        <v>19</v>
      </c>
      <c r="T21385">
        <v>19</v>
      </c>
      <c r="U21385">
        <v>20</v>
      </c>
      <c r="V21385">
        <v>20</v>
      </c>
      <c r="W21385">
        <v>21</v>
      </c>
      <c r="X21385">
        <v>21</v>
      </c>
      <c r="Y21385">
        <v>22</v>
      </c>
      <c r="Z21385">
        <v>23</v>
      </c>
      <c r="AA21385">
        <v>23</v>
      </c>
      <c r="AB21385">
        <v>24</v>
      </c>
      <c r="AC21385">
        <v>24</v>
      </c>
      <c r="AD21385">
        <v>25</v>
      </c>
      <c r="AE21385">
        <v>25</v>
      </c>
      <c r="AF21385">
        <v>26</v>
      </c>
      <c r="AG21385">
        <v>27</v>
      </c>
      <c r="AH21385">
        <v>27</v>
      </c>
      <c r="AI21385">
        <v>28</v>
      </c>
      <c r="AJ21385">
        <v>29</v>
      </c>
      <c r="AK21385">
        <v>29</v>
      </c>
      <c r="AL21385">
        <v>30</v>
      </c>
      <c r="AM21385">
        <v>30</v>
      </c>
      <c r="AN21385">
        <v>31</v>
      </c>
      <c r="AO21385">
        <v>31</v>
      </c>
      <c r="AP21385">
        <v>32</v>
      </c>
      <c r="AQ21385">
        <v>32</v>
      </c>
    </row>
    <row r="21386" spans="1:43">
      <c r="A21386" t="s">
        <v>13257</v>
      </c>
      <c r="B21386" t="s">
        <v>13258</v>
      </c>
      <c r="C21386" t="s">
        <v>13255</v>
      </c>
      <c r="D21386" t="s">
        <v>13256</v>
      </c>
      <c r="E21386" t="s">
        <v>13165</v>
      </c>
      <c r="F21386" t="s">
        <v>13166</v>
      </c>
      <c r="G21386" t="s">
        <v>10214</v>
      </c>
      <c r="H21386" t="s">
        <v>10215</v>
      </c>
      <c r="I21386" s="2">
        <v>0.94</v>
      </c>
      <c r="J21386" s="2">
        <v>0</v>
      </c>
      <c r="K21386" s="2">
        <v>0</v>
      </c>
      <c r="L21386" t="s">
        <v>120</v>
      </c>
      <c r="M21386" t="s">
        <v>83</v>
      </c>
      <c r="N21386" t="s">
        <v>84</v>
      </c>
      <c r="O21386" t="s">
        <v>85</v>
      </c>
      <c r="P21386" t="s">
        <v>86</v>
      </c>
      <c r="Q21386">
        <v>33</v>
      </c>
      <c r="R21386">
        <v>34</v>
      </c>
      <c r="S21386">
        <v>34</v>
      </c>
      <c r="T21386">
        <v>35</v>
      </c>
      <c r="U21386">
        <v>35</v>
      </c>
      <c r="V21386">
        <v>36</v>
      </c>
      <c r="W21386">
        <v>36</v>
      </c>
      <c r="X21386">
        <v>37</v>
      </c>
      <c r="Y21386">
        <v>37</v>
      </c>
      <c r="Z21386">
        <v>38</v>
      </c>
      <c r="AA21386">
        <v>38</v>
      </c>
      <c r="AB21386">
        <v>38</v>
      </c>
      <c r="AC21386">
        <v>39</v>
      </c>
      <c r="AD21386">
        <v>39</v>
      </c>
      <c r="AE21386">
        <v>40</v>
      </c>
      <c r="AF21386">
        <v>40</v>
      </c>
      <c r="AG21386">
        <v>41</v>
      </c>
      <c r="AH21386">
        <v>41</v>
      </c>
      <c r="AI21386">
        <v>42</v>
      </c>
      <c r="AJ21386">
        <v>42</v>
      </c>
      <c r="AK21386">
        <v>43</v>
      </c>
      <c r="AL21386">
        <v>43</v>
      </c>
      <c r="AM21386">
        <v>43</v>
      </c>
      <c r="AN21386">
        <v>43</v>
      </c>
      <c r="AO21386">
        <v>44</v>
      </c>
      <c r="AP21386">
        <v>44</v>
      </c>
      <c r="AQ21386">
        <v>44</v>
      </c>
    </row>
    <row r="21387" spans="1:43">
      <c r="A21387" t="s">
        <v>13257</v>
      </c>
      <c r="B21387" t="s">
        <v>13258</v>
      </c>
      <c r="C21387" t="s">
        <v>13255</v>
      </c>
      <c r="D21387" t="s">
        <v>13256</v>
      </c>
      <c r="E21387" t="s">
        <v>13165</v>
      </c>
      <c r="F21387" t="s">
        <v>13166</v>
      </c>
      <c r="G21387" t="s">
        <v>10214</v>
      </c>
      <c r="H21387" t="s">
        <v>10215</v>
      </c>
      <c r="I21387" s="2">
        <v>0.94</v>
      </c>
      <c r="J21387" s="2">
        <v>0</v>
      </c>
      <c r="K21387" s="2">
        <v>0</v>
      </c>
      <c r="L21387" t="s">
        <v>120</v>
      </c>
      <c r="M21387" t="s">
        <v>87</v>
      </c>
      <c r="N21387" t="s">
        <v>88</v>
      </c>
      <c r="O21387" t="s">
        <v>85</v>
      </c>
      <c r="P21387" t="s">
        <v>86</v>
      </c>
      <c r="Q21387">
        <v>33</v>
      </c>
      <c r="R21387">
        <v>33</v>
      </c>
      <c r="S21387">
        <v>33</v>
      </c>
      <c r="T21387">
        <v>33</v>
      </c>
      <c r="U21387">
        <v>34</v>
      </c>
      <c r="V21387">
        <v>34</v>
      </c>
      <c r="W21387">
        <v>34</v>
      </c>
      <c r="X21387">
        <v>34</v>
      </c>
      <c r="Y21387">
        <v>34</v>
      </c>
      <c r="Z21387">
        <v>34</v>
      </c>
      <c r="AA21387">
        <v>35</v>
      </c>
      <c r="AB21387">
        <v>35</v>
      </c>
      <c r="AC21387">
        <v>35</v>
      </c>
      <c r="AD21387">
        <v>35</v>
      </c>
      <c r="AE21387">
        <v>35</v>
      </c>
      <c r="AF21387">
        <v>36</v>
      </c>
      <c r="AG21387">
        <v>36</v>
      </c>
      <c r="AH21387">
        <v>36</v>
      </c>
      <c r="AI21387">
        <v>36</v>
      </c>
      <c r="AJ21387">
        <v>36</v>
      </c>
      <c r="AK21387">
        <v>37</v>
      </c>
      <c r="AL21387">
        <v>37</v>
      </c>
      <c r="AM21387">
        <v>37</v>
      </c>
      <c r="AN21387">
        <v>37</v>
      </c>
      <c r="AO21387">
        <v>37</v>
      </c>
      <c r="AP21387">
        <v>38</v>
      </c>
      <c r="AQ21387">
        <v>38</v>
      </c>
    </row>
    <row r="21388" spans="1:43">
      <c r="A21388" t="s">
        <v>13257</v>
      </c>
      <c r="B21388" t="s">
        <v>13258</v>
      </c>
      <c r="C21388" t="s">
        <v>13255</v>
      </c>
      <c r="D21388" t="s">
        <v>13256</v>
      </c>
      <c r="E21388" t="s">
        <v>13165</v>
      </c>
      <c r="F21388" t="s">
        <v>13166</v>
      </c>
      <c r="G21388" t="s">
        <v>10214</v>
      </c>
      <c r="H21388" t="s">
        <v>10215</v>
      </c>
      <c r="I21388" s="2">
        <v>0.94</v>
      </c>
      <c r="J21388" s="2">
        <v>0</v>
      </c>
      <c r="K21388" s="2">
        <v>0</v>
      </c>
      <c r="L21388" t="s">
        <v>120</v>
      </c>
      <c r="M21388" t="s">
        <v>89</v>
      </c>
      <c r="N21388" t="s">
        <v>90</v>
      </c>
      <c r="O21388" t="s">
        <v>85</v>
      </c>
      <c r="P21388" t="s">
        <v>86</v>
      </c>
      <c r="Q21388">
        <v>33</v>
      </c>
      <c r="R21388">
        <v>34</v>
      </c>
      <c r="S21388">
        <v>35</v>
      </c>
      <c r="T21388">
        <v>36</v>
      </c>
      <c r="U21388">
        <v>37</v>
      </c>
      <c r="V21388">
        <v>37</v>
      </c>
      <c r="W21388">
        <v>38</v>
      </c>
      <c r="X21388">
        <v>39</v>
      </c>
      <c r="Y21388">
        <v>39</v>
      </c>
      <c r="Z21388">
        <v>40</v>
      </c>
      <c r="AA21388">
        <v>40</v>
      </c>
      <c r="AB21388">
        <v>41</v>
      </c>
      <c r="AC21388">
        <v>42</v>
      </c>
      <c r="AD21388">
        <v>42</v>
      </c>
      <c r="AE21388">
        <v>43</v>
      </c>
      <c r="AF21388">
        <v>43</v>
      </c>
      <c r="AG21388">
        <v>43</v>
      </c>
      <c r="AH21388">
        <v>43</v>
      </c>
      <c r="AI21388">
        <v>43</v>
      </c>
      <c r="AJ21388">
        <v>43</v>
      </c>
      <c r="AK21388">
        <v>44</v>
      </c>
      <c r="AL21388">
        <v>44</v>
      </c>
      <c r="AM21388">
        <v>44</v>
      </c>
      <c r="AN21388">
        <v>44</v>
      </c>
      <c r="AO21388">
        <v>44</v>
      </c>
      <c r="AP21388">
        <v>44</v>
      </c>
      <c r="AQ21388">
        <v>44</v>
      </c>
    </row>
    <row r="21389" spans="1:43">
      <c r="A21389" t="s">
        <v>13257</v>
      </c>
      <c r="B21389" t="s">
        <v>13258</v>
      </c>
      <c r="C21389" t="s">
        <v>13255</v>
      </c>
      <c r="D21389" t="s">
        <v>13256</v>
      </c>
      <c r="E21389" t="s">
        <v>13165</v>
      </c>
      <c r="F21389" t="s">
        <v>13166</v>
      </c>
      <c r="G21389" t="s">
        <v>10214</v>
      </c>
      <c r="H21389" t="s">
        <v>10215</v>
      </c>
      <c r="I21389" s="2">
        <v>0.94</v>
      </c>
      <c r="J21389" s="2">
        <v>0</v>
      </c>
      <c r="K21389" s="2">
        <v>0</v>
      </c>
      <c r="L21389" t="s">
        <v>120</v>
      </c>
      <c r="M21389" t="s">
        <v>83</v>
      </c>
      <c r="N21389" t="s">
        <v>91</v>
      </c>
      <c r="O21389" t="s">
        <v>85</v>
      </c>
      <c r="P21389" t="s">
        <v>86</v>
      </c>
      <c r="Q21389">
        <v>33</v>
      </c>
      <c r="R21389">
        <v>34</v>
      </c>
      <c r="S21389">
        <v>34</v>
      </c>
      <c r="T21389">
        <v>35</v>
      </c>
      <c r="U21389">
        <v>35</v>
      </c>
      <c r="V21389">
        <v>36</v>
      </c>
      <c r="W21389">
        <v>36</v>
      </c>
      <c r="X21389">
        <v>37</v>
      </c>
      <c r="Y21389">
        <v>37</v>
      </c>
      <c r="Z21389">
        <v>38</v>
      </c>
      <c r="AA21389">
        <v>38</v>
      </c>
      <c r="AB21389">
        <v>38</v>
      </c>
      <c r="AC21389">
        <v>39</v>
      </c>
      <c r="AD21389">
        <v>39</v>
      </c>
      <c r="AE21389">
        <v>40</v>
      </c>
      <c r="AF21389">
        <v>40</v>
      </c>
      <c r="AG21389">
        <v>41</v>
      </c>
      <c r="AH21389">
        <v>41</v>
      </c>
      <c r="AI21389">
        <v>42</v>
      </c>
      <c r="AJ21389">
        <v>42</v>
      </c>
      <c r="AK21389">
        <v>43</v>
      </c>
      <c r="AL21389">
        <v>43</v>
      </c>
      <c r="AM21389">
        <v>43</v>
      </c>
      <c r="AN21389">
        <v>43</v>
      </c>
      <c r="AO21389">
        <v>44</v>
      </c>
      <c r="AP21389">
        <v>44</v>
      </c>
      <c r="AQ21389">
        <v>44</v>
      </c>
    </row>
    <row r="21390" spans="1:43">
      <c r="A21390" t="s">
        <v>13259</v>
      </c>
      <c r="B21390" t="s">
        <v>13260</v>
      </c>
      <c r="C21390" t="s">
        <v>13255</v>
      </c>
      <c r="D21390" t="s">
        <v>13256</v>
      </c>
      <c r="E21390" t="s">
        <v>13165</v>
      </c>
      <c r="F21390" t="s">
        <v>13166</v>
      </c>
      <c r="G21390" t="s">
        <v>10214</v>
      </c>
      <c r="H21390" t="s">
        <v>10215</v>
      </c>
      <c r="I21390" s="2">
        <v>1</v>
      </c>
      <c r="J21390" s="2">
        <v>0</v>
      </c>
      <c r="K21390" s="2">
        <v>0</v>
      </c>
      <c r="L21390" t="s">
        <v>120</v>
      </c>
      <c r="M21390" t="s">
        <v>83</v>
      </c>
      <c r="N21390" t="s">
        <v>84</v>
      </c>
      <c r="O21390" t="s">
        <v>85</v>
      </c>
      <c r="P21390" t="s">
        <v>86</v>
      </c>
      <c r="Q21390">
        <v>20</v>
      </c>
      <c r="R21390">
        <v>20</v>
      </c>
      <c r="S21390">
        <v>21</v>
      </c>
      <c r="T21390">
        <v>21</v>
      </c>
      <c r="U21390">
        <v>22</v>
      </c>
      <c r="V21390">
        <v>22</v>
      </c>
      <c r="W21390">
        <v>23</v>
      </c>
      <c r="X21390">
        <v>23</v>
      </c>
      <c r="Y21390">
        <v>24</v>
      </c>
      <c r="Z21390">
        <v>25</v>
      </c>
      <c r="AA21390">
        <v>25</v>
      </c>
      <c r="AB21390">
        <v>26</v>
      </c>
      <c r="AC21390">
        <v>26</v>
      </c>
      <c r="AD21390">
        <v>27</v>
      </c>
      <c r="AE21390">
        <v>28</v>
      </c>
      <c r="AF21390">
        <v>28</v>
      </c>
      <c r="AG21390">
        <v>29</v>
      </c>
      <c r="AH21390">
        <v>30</v>
      </c>
      <c r="AI21390">
        <v>30</v>
      </c>
      <c r="AJ21390">
        <v>31</v>
      </c>
      <c r="AK21390">
        <v>32</v>
      </c>
      <c r="AL21390">
        <v>32</v>
      </c>
      <c r="AM21390">
        <v>33</v>
      </c>
      <c r="AN21390">
        <v>33</v>
      </c>
      <c r="AO21390">
        <v>34</v>
      </c>
      <c r="AP21390">
        <v>34</v>
      </c>
      <c r="AQ21390">
        <v>35</v>
      </c>
    </row>
    <row r="21391" spans="1:43">
      <c r="A21391" t="s">
        <v>13259</v>
      </c>
      <c r="B21391" t="s">
        <v>13260</v>
      </c>
      <c r="C21391" t="s">
        <v>13255</v>
      </c>
      <c r="D21391" t="s">
        <v>13256</v>
      </c>
      <c r="E21391" t="s">
        <v>13165</v>
      </c>
      <c r="F21391" t="s">
        <v>13166</v>
      </c>
      <c r="G21391" t="s">
        <v>10214</v>
      </c>
      <c r="H21391" t="s">
        <v>10215</v>
      </c>
      <c r="I21391" s="2">
        <v>1</v>
      </c>
      <c r="J21391" s="2">
        <v>0</v>
      </c>
      <c r="K21391" s="2">
        <v>0</v>
      </c>
      <c r="L21391" t="s">
        <v>120</v>
      </c>
      <c r="M21391" t="s">
        <v>87</v>
      </c>
      <c r="N21391" t="s">
        <v>88</v>
      </c>
      <c r="O21391" t="s">
        <v>85</v>
      </c>
      <c r="P21391" t="s">
        <v>86</v>
      </c>
      <c r="Q21391">
        <v>20</v>
      </c>
      <c r="R21391">
        <v>21</v>
      </c>
      <c r="S21391">
        <v>21</v>
      </c>
      <c r="T21391">
        <v>21</v>
      </c>
      <c r="U21391">
        <v>22</v>
      </c>
      <c r="V21391">
        <v>22</v>
      </c>
      <c r="W21391">
        <v>22</v>
      </c>
      <c r="X21391">
        <v>23</v>
      </c>
      <c r="Y21391">
        <v>23</v>
      </c>
      <c r="Z21391">
        <v>24</v>
      </c>
      <c r="AA21391">
        <v>24</v>
      </c>
      <c r="AB21391">
        <v>24</v>
      </c>
      <c r="AC21391">
        <v>25</v>
      </c>
      <c r="AD21391">
        <v>25</v>
      </c>
      <c r="AE21391">
        <v>26</v>
      </c>
      <c r="AF21391">
        <v>26</v>
      </c>
      <c r="AG21391">
        <v>26</v>
      </c>
      <c r="AH21391">
        <v>27</v>
      </c>
      <c r="AI21391">
        <v>27</v>
      </c>
      <c r="AJ21391">
        <v>28</v>
      </c>
      <c r="AK21391">
        <v>28</v>
      </c>
      <c r="AL21391">
        <v>29</v>
      </c>
      <c r="AM21391">
        <v>29</v>
      </c>
      <c r="AN21391">
        <v>30</v>
      </c>
      <c r="AO21391">
        <v>30</v>
      </c>
      <c r="AP21391">
        <v>31</v>
      </c>
      <c r="AQ21391">
        <v>31</v>
      </c>
    </row>
    <row r="21392" spans="1:43">
      <c r="A21392" t="s">
        <v>13259</v>
      </c>
      <c r="B21392" t="s">
        <v>13260</v>
      </c>
      <c r="C21392" t="s">
        <v>13255</v>
      </c>
      <c r="D21392" t="s">
        <v>13256</v>
      </c>
      <c r="E21392" t="s">
        <v>13165</v>
      </c>
      <c r="F21392" t="s">
        <v>13166</v>
      </c>
      <c r="G21392" t="s">
        <v>10214</v>
      </c>
      <c r="H21392" t="s">
        <v>10215</v>
      </c>
      <c r="I21392" s="2">
        <v>1</v>
      </c>
      <c r="J21392" s="2">
        <v>0</v>
      </c>
      <c r="K21392" s="2">
        <v>0</v>
      </c>
      <c r="L21392" t="s">
        <v>120</v>
      </c>
      <c r="M21392" t="s">
        <v>89</v>
      </c>
      <c r="N21392" t="s">
        <v>90</v>
      </c>
      <c r="O21392" t="s">
        <v>85</v>
      </c>
      <c r="P21392" t="s">
        <v>86</v>
      </c>
      <c r="Q21392">
        <v>20</v>
      </c>
      <c r="R21392">
        <v>20</v>
      </c>
      <c r="S21392">
        <v>21</v>
      </c>
      <c r="T21392">
        <v>22</v>
      </c>
      <c r="U21392">
        <v>23</v>
      </c>
      <c r="V21392">
        <v>23</v>
      </c>
      <c r="W21392">
        <v>24</v>
      </c>
      <c r="X21392">
        <v>25</v>
      </c>
      <c r="Y21392">
        <v>25</v>
      </c>
      <c r="Z21392">
        <v>26</v>
      </c>
      <c r="AA21392">
        <v>27</v>
      </c>
      <c r="AB21392">
        <v>27</v>
      </c>
      <c r="AC21392">
        <v>28</v>
      </c>
      <c r="AD21392">
        <v>29</v>
      </c>
      <c r="AE21392">
        <v>30</v>
      </c>
      <c r="AF21392">
        <v>30</v>
      </c>
      <c r="AG21392">
        <v>31</v>
      </c>
      <c r="AH21392">
        <v>31</v>
      </c>
      <c r="AI21392">
        <v>31</v>
      </c>
      <c r="AJ21392">
        <v>32</v>
      </c>
      <c r="AK21392">
        <v>32</v>
      </c>
      <c r="AL21392">
        <v>33</v>
      </c>
      <c r="AM21392">
        <v>33</v>
      </c>
      <c r="AN21392">
        <v>34</v>
      </c>
      <c r="AO21392">
        <v>34</v>
      </c>
      <c r="AP21392">
        <v>35</v>
      </c>
      <c r="AQ21392">
        <v>35</v>
      </c>
    </row>
    <row r="21393" spans="1:43">
      <c r="A21393" t="s">
        <v>13259</v>
      </c>
      <c r="B21393" t="s">
        <v>13260</v>
      </c>
      <c r="C21393" t="s">
        <v>13255</v>
      </c>
      <c r="D21393" t="s">
        <v>13256</v>
      </c>
      <c r="E21393" t="s">
        <v>13165</v>
      </c>
      <c r="F21393" t="s">
        <v>13166</v>
      </c>
      <c r="G21393" t="s">
        <v>10214</v>
      </c>
      <c r="H21393" t="s">
        <v>10215</v>
      </c>
      <c r="I21393" s="2">
        <v>1</v>
      </c>
      <c r="J21393" s="2">
        <v>0</v>
      </c>
      <c r="K21393" s="2">
        <v>0</v>
      </c>
      <c r="L21393" t="s">
        <v>120</v>
      </c>
      <c r="M21393" t="s">
        <v>83</v>
      </c>
      <c r="N21393" t="s">
        <v>91</v>
      </c>
      <c r="O21393" t="s">
        <v>85</v>
      </c>
      <c r="P21393" t="s">
        <v>86</v>
      </c>
      <c r="Q21393">
        <v>20</v>
      </c>
      <c r="R21393">
        <v>20</v>
      </c>
      <c r="S21393">
        <v>21</v>
      </c>
      <c r="T21393">
        <v>21</v>
      </c>
      <c r="U21393">
        <v>22</v>
      </c>
      <c r="V21393">
        <v>22</v>
      </c>
      <c r="W21393">
        <v>23</v>
      </c>
      <c r="X21393">
        <v>23</v>
      </c>
      <c r="Y21393">
        <v>24</v>
      </c>
      <c r="Z21393">
        <v>25</v>
      </c>
      <c r="AA21393">
        <v>25</v>
      </c>
      <c r="AB21393">
        <v>26</v>
      </c>
      <c r="AC21393">
        <v>26</v>
      </c>
      <c r="AD21393">
        <v>27</v>
      </c>
      <c r="AE21393">
        <v>28</v>
      </c>
      <c r="AF21393">
        <v>28</v>
      </c>
      <c r="AG21393">
        <v>29</v>
      </c>
      <c r="AH21393">
        <v>30</v>
      </c>
      <c r="AI21393">
        <v>30</v>
      </c>
      <c r="AJ21393">
        <v>31</v>
      </c>
      <c r="AK21393">
        <v>32</v>
      </c>
      <c r="AL21393">
        <v>32</v>
      </c>
      <c r="AM21393">
        <v>33</v>
      </c>
      <c r="AN21393">
        <v>33</v>
      </c>
      <c r="AO21393">
        <v>34</v>
      </c>
      <c r="AP21393">
        <v>34</v>
      </c>
      <c r="AQ21393">
        <v>35</v>
      </c>
    </row>
    <row r="21394" spans="1:43">
      <c r="A21394" t="s">
        <v>13261</v>
      </c>
      <c r="B21394" t="s">
        <v>13262</v>
      </c>
      <c r="C21394" t="s">
        <v>13255</v>
      </c>
      <c r="D21394" t="s">
        <v>13256</v>
      </c>
      <c r="E21394" t="s">
        <v>13165</v>
      </c>
      <c r="F21394" t="s">
        <v>13166</v>
      </c>
      <c r="G21394" t="s">
        <v>10214</v>
      </c>
      <c r="H21394" t="s">
        <v>10215</v>
      </c>
      <c r="I21394" s="2">
        <v>1</v>
      </c>
      <c r="J21394" s="2">
        <v>0</v>
      </c>
      <c r="K21394" s="2">
        <v>0</v>
      </c>
      <c r="L21394" t="s">
        <v>120</v>
      </c>
      <c r="M21394" t="s">
        <v>83</v>
      </c>
      <c r="N21394" t="s">
        <v>84</v>
      </c>
      <c r="O21394" t="s">
        <v>85</v>
      </c>
      <c r="P21394" t="s">
        <v>86</v>
      </c>
      <c r="Q21394">
        <v>25</v>
      </c>
      <c r="R21394">
        <v>26</v>
      </c>
      <c r="S21394">
        <v>26</v>
      </c>
      <c r="T21394">
        <v>27</v>
      </c>
      <c r="U21394">
        <v>28</v>
      </c>
      <c r="V21394">
        <v>28</v>
      </c>
      <c r="W21394">
        <v>29</v>
      </c>
      <c r="X21394">
        <v>30</v>
      </c>
      <c r="Y21394">
        <v>31</v>
      </c>
      <c r="Z21394">
        <v>31</v>
      </c>
      <c r="AA21394">
        <v>32</v>
      </c>
      <c r="AB21394">
        <v>33</v>
      </c>
      <c r="AC21394">
        <v>33</v>
      </c>
      <c r="AD21394">
        <v>34</v>
      </c>
      <c r="AE21394">
        <v>35</v>
      </c>
      <c r="AF21394">
        <v>36</v>
      </c>
      <c r="AG21394">
        <v>37</v>
      </c>
      <c r="AH21394">
        <v>38</v>
      </c>
      <c r="AI21394">
        <v>38</v>
      </c>
      <c r="AJ21394">
        <v>39</v>
      </c>
      <c r="AK21394">
        <v>40</v>
      </c>
      <c r="AL21394">
        <v>41</v>
      </c>
      <c r="AM21394">
        <v>41</v>
      </c>
      <c r="AN21394">
        <v>42</v>
      </c>
      <c r="AO21394">
        <v>42</v>
      </c>
      <c r="AP21394">
        <v>43</v>
      </c>
      <c r="AQ21394">
        <v>44</v>
      </c>
    </row>
    <row r="21395" spans="1:43">
      <c r="A21395" t="s">
        <v>13261</v>
      </c>
      <c r="B21395" t="s">
        <v>13262</v>
      </c>
      <c r="C21395" t="s">
        <v>13255</v>
      </c>
      <c r="D21395" t="s">
        <v>13256</v>
      </c>
      <c r="E21395" t="s">
        <v>13165</v>
      </c>
      <c r="F21395" t="s">
        <v>13166</v>
      </c>
      <c r="G21395" t="s">
        <v>10214</v>
      </c>
      <c r="H21395" t="s">
        <v>10215</v>
      </c>
      <c r="I21395" s="2">
        <v>1</v>
      </c>
      <c r="J21395" s="2">
        <v>0</v>
      </c>
      <c r="K21395" s="2">
        <v>0</v>
      </c>
      <c r="L21395" t="s">
        <v>120</v>
      </c>
      <c r="M21395" t="s">
        <v>87</v>
      </c>
      <c r="N21395" t="s">
        <v>88</v>
      </c>
      <c r="O21395" t="s">
        <v>85</v>
      </c>
      <c r="P21395" t="s">
        <v>86</v>
      </c>
      <c r="Q21395">
        <v>25</v>
      </c>
      <c r="R21395">
        <v>25</v>
      </c>
      <c r="S21395">
        <v>26</v>
      </c>
      <c r="T21395">
        <v>26</v>
      </c>
      <c r="U21395">
        <v>27</v>
      </c>
      <c r="V21395">
        <v>27</v>
      </c>
      <c r="W21395">
        <v>27</v>
      </c>
      <c r="X21395">
        <v>28</v>
      </c>
      <c r="Y21395">
        <v>28</v>
      </c>
      <c r="Z21395">
        <v>29</v>
      </c>
      <c r="AA21395">
        <v>29</v>
      </c>
      <c r="AB21395">
        <v>30</v>
      </c>
      <c r="AC21395">
        <v>30</v>
      </c>
      <c r="AD21395">
        <v>31</v>
      </c>
      <c r="AE21395">
        <v>31</v>
      </c>
      <c r="AF21395">
        <v>32</v>
      </c>
      <c r="AG21395">
        <v>32</v>
      </c>
      <c r="AH21395">
        <v>33</v>
      </c>
      <c r="AI21395">
        <v>33</v>
      </c>
      <c r="AJ21395">
        <v>34</v>
      </c>
      <c r="AK21395">
        <v>34</v>
      </c>
      <c r="AL21395">
        <v>35</v>
      </c>
      <c r="AM21395">
        <v>35</v>
      </c>
      <c r="AN21395">
        <v>36</v>
      </c>
      <c r="AO21395">
        <v>37</v>
      </c>
      <c r="AP21395">
        <v>37</v>
      </c>
      <c r="AQ21395">
        <v>38</v>
      </c>
    </row>
    <row r="21396" spans="1:43">
      <c r="A21396" t="s">
        <v>13261</v>
      </c>
      <c r="B21396" t="s">
        <v>13262</v>
      </c>
      <c r="C21396" t="s">
        <v>13255</v>
      </c>
      <c r="D21396" t="s">
        <v>13256</v>
      </c>
      <c r="E21396" t="s">
        <v>13165</v>
      </c>
      <c r="F21396" t="s">
        <v>13166</v>
      </c>
      <c r="G21396" t="s">
        <v>10214</v>
      </c>
      <c r="H21396" t="s">
        <v>10215</v>
      </c>
      <c r="I21396" s="2">
        <v>1</v>
      </c>
      <c r="J21396" s="2">
        <v>0</v>
      </c>
      <c r="K21396" s="2">
        <v>0</v>
      </c>
      <c r="L21396" t="s">
        <v>120</v>
      </c>
      <c r="M21396" t="s">
        <v>89</v>
      </c>
      <c r="N21396" t="s">
        <v>90</v>
      </c>
      <c r="O21396" t="s">
        <v>85</v>
      </c>
      <c r="P21396" t="s">
        <v>86</v>
      </c>
      <c r="Q21396">
        <v>25</v>
      </c>
      <c r="R21396">
        <v>26</v>
      </c>
      <c r="S21396">
        <v>27</v>
      </c>
      <c r="T21396">
        <v>28</v>
      </c>
      <c r="U21396">
        <v>29</v>
      </c>
      <c r="V21396">
        <v>30</v>
      </c>
      <c r="W21396">
        <v>31</v>
      </c>
      <c r="X21396">
        <v>31</v>
      </c>
      <c r="Y21396">
        <v>32</v>
      </c>
      <c r="Z21396">
        <v>33</v>
      </c>
      <c r="AA21396">
        <v>34</v>
      </c>
      <c r="AB21396">
        <v>35</v>
      </c>
      <c r="AC21396">
        <v>36</v>
      </c>
      <c r="AD21396">
        <v>37</v>
      </c>
      <c r="AE21396">
        <v>38</v>
      </c>
      <c r="AF21396">
        <v>38</v>
      </c>
      <c r="AG21396">
        <v>39</v>
      </c>
      <c r="AH21396">
        <v>39</v>
      </c>
      <c r="AI21396">
        <v>40</v>
      </c>
      <c r="AJ21396">
        <v>40</v>
      </c>
      <c r="AK21396">
        <v>41</v>
      </c>
      <c r="AL21396">
        <v>41</v>
      </c>
      <c r="AM21396">
        <v>42</v>
      </c>
      <c r="AN21396">
        <v>42</v>
      </c>
      <c r="AO21396">
        <v>43</v>
      </c>
      <c r="AP21396">
        <v>43</v>
      </c>
      <c r="AQ21396">
        <v>44</v>
      </c>
    </row>
    <row r="21397" spans="1:43">
      <c r="A21397" t="s">
        <v>13261</v>
      </c>
      <c r="B21397" t="s">
        <v>13262</v>
      </c>
      <c r="C21397" t="s">
        <v>13255</v>
      </c>
      <c r="D21397" t="s">
        <v>13256</v>
      </c>
      <c r="E21397" t="s">
        <v>13165</v>
      </c>
      <c r="F21397" t="s">
        <v>13166</v>
      </c>
      <c r="G21397" t="s">
        <v>10214</v>
      </c>
      <c r="H21397" t="s">
        <v>10215</v>
      </c>
      <c r="I21397" s="2">
        <v>1</v>
      </c>
      <c r="J21397" s="2">
        <v>0</v>
      </c>
      <c r="K21397" s="2">
        <v>0</v>
      </c>
      <c r="L21397" t="s">
        <v>120</v>
      </c>
      <c r="M21397" t="s">
        <v>83</v>
      </c>
      <c r="N21397" t="s">
        <v>91</v>
      </c>
      <c r="O21397" t="s">
        <v>85</v>
      </c>
      <c r="P21397" t="s">
        <v>86</v>
      </c>
      <c r="Q21397">
        <v>25</v>
      </c>
      <c r="R21397">
        <v>26</v>
      </c>
      <c r="S21397">
        <v>26</v>
      </c>
      <c r="T21397">
        <v>27</v>
      </c>
      <c r="U21397">
        <v>28</v>
      </c>
      <c r="V21397">
        <v>28</v>
      </c>
      <c r="W21397">
        <v>29</v>
      </c>
      <c r="X21397">
        <v>30</v>
      </c>
      <c r="Y21397">
        <v>31</v>
      </c>
      <c r="Z21397">
        <v>31</v>
      </c>
      <c r="AA21397">
        <v>32</v>
      </c>
      <c r="AB21397">
        <v>33</v>
      </c>
      <c r="AC21397">
        <v>33</v>
      </c>
      <c r="AD21397">
        <v>34</v>
      </c>
      <c r="AE21397">
        <v>35</v>
      </c>
      <c r="AF21397">
        <v>36</v>
      </c>
      <c r="AG21397">
        <v>37</v>
      </c>
      <c r="AH21397">
        <v>38</v>
      </c>
      <c r="AI21397">
        <v>38</v>
      </c>
      <c r="AJ21397">
        <v>39</v>
      </c>
      <c r="AK21397">
        <v>40</v>
      </c>
      <c r="AL21397">
        <v>41</v>
      </c>
      <c r="AM21397">
        <v>41</v>
      </c>
      <c r="AN21397">
        <v>42</v>
      </c>
      <c r="AO21397">
        <v>42</v>
      </c>
      <c r="AP21397">
        <v>43</v>
      </c>
      <c r="AQ21397">
        <v>44</v>
      </c>
    </row>
    <row r="21398" spans="1:43">
      <c r="A21398" t="s">
        <v>13263</v>
      </c>
      <c r="B21398" t="s">
        <v>13264</v>
      </c>
      <c r="C21398" t="s">
        <v>13183</v>
      </c>
      <c r="D21398" t="s">
        <v>13184</v>
      </c>
      <c r="E21398" t="s">
        <v>13165</v>
      </c>
      <c r="F21398" t="s">
        <v>13166</v>
      </c>
      <c r="G21398" t="s">
        <v>10214</v>
      </c>
      <c r="H21398" t="s">
        <v>10215</v>
      </c>
      <c r="I21398" s="2">
        <v>1</v>
      </c>
      <c r="J21398" s="2">
        <v>0</v>
      </c>
      <c r="K21398" s="2">
        <v>0</v>
      </c>
      <c r="L21398" t="s">
        <v>120</v>
      </c>
      <c r="M21398" t="s">
        <v>83</v>
      </c>
      <c r="N21398" t="s">
        <v>84</v>
      </c>
      <c r="O21398" t="s">
        <v>85</v>
      </c>
      <c r="P21398" t="s">
        <v>86</v>
      </c>
      <c r="Q21398">
        <v>20</v>
      </c>
      <c r="R21398">
        <v>20</v>
      </c>
      <c r="S21398">
        <v>21</v>
      </c>
      <c r="T21398">
        <v>22</v>
      </c>
      <c r="U21398">
        <v>22</v>
      </c>
      <c r="V21398">
        <v>23</v>
      </c>
      <c r="W21398">
        <v>23</v>
      </c>
      <c r="X21398">
        <v>24</v>
      </c>
      <c r="Y21398">
        <v>24</v>
      </c>
      <c r="Z21398">
        <v>25</v>
      </c>
      <c r="AA21398">
        <v>26</v>
      </c>
      <c r="AB21398">
        <v>26</v>
      </c>
      <c r="AC21398">
        <v>27</v>
      </c>
      <c r="AD21398">
        <v>28</v>
      </c>
      <c r="AE21398">
        <v>28</v>
      </c>
      <c r="AF21398">
        <v>29</v>
      </c>
      <c r="AG21398">
        <v>30</v>
      </c>
      <c r="AH21398">
        <v>30</v>
      </c>
      <c r="AI21398">
        <v>31</v>
      </c>
      <c r="AJ21398">
        <v>32</v>
      </c>
      <c r="AK21398">
        <v>32</v>
      </c>
      <c r="AL21398">
        <v>33</v>
      </c>
      <c r="AM21398">
        <v>34</v>
      </c>
      <c r="AN21398">
        <v>34</v>
      </c>
      <c r="AO21398">
        <v>35</v>
      </c>
      <c r="AP21398">
        <v>35</v>
      </c>
      <c r="AQ21398">
        <v>36</v>
      </c>
    </row>
    <row r="21399" spans="1:43">
      <c r="A21399" t="s">
        <v>13263</v>
      </c>
      <c r="B21399" t="s">
        <v>13264</v>
      </c>
      <c r="C21399" t="s">
        <v>13183</v>
      </c>
      <c r="D21399" t="s">
        <v>13184</v>
      </c>
      <c r="E21399" t="s">
        <v>13165</v>
      </c>
      <c r="F21399" t="s">
        <v>13166</v>
      </c>
      <c r="G21399" t="s">
        <v>10214</v>
      </c>
      <c r="H21399" t="s">
        <v>10215</v>
      </c>
      <c r="I21399" s="2">
        <v>1</v>
      </c>
      <c r="J21399" s="2">
        <v>0</v>
      </c>
      <c r="K21399" s="2">
        <v>0</v>
      </c>
      <c r="L21399" t="s">
        <v>120</v>
      </c>
      <c r="M21399" t="s">
        <v>87</v>
      </c>
      <c r="N21399" t="s">
        <v>88</v>
      </c>
      <c r="O21399" t="s">
        <v>85</v>
      </c>
      <c r="P21399" t="s">
        <v>86</v>
      </c>
      <c r="Q21399">
        <v>20</v>
      </c>
      <c r="R21399">
        <v>20</v>
      </c>
      <c r="S21399">
        <v>20</v>
      </c>
      <c r="T21399">
        <v>21</v>
      </c>
      <c r="U21399">
        <v>21</v>
      </c>
      <c r="V21399">
        <v>22</v>
      </c>
      <c r="W21399">
        <v>22</v>
      </c>
      <c r="X21399">
        <v>22</v>
      </c>
      <c r="Y21399">
        <v>23</v>
      </c>
      <c r="Z21399">
        <v>23</v>
      </c>
      <c r="AA21399">
        <v>23</v>
      </c>
      <c r="AB21399">
        <v>24</v>
      </c>
      <c r="AC21399">
        <v>24</v>
      </c>
      <c r="AD21399">
        <v>25</v>
      </c>
      <c r="AE21399">
        <v>25</v>
      </c>
      <c r="AF21399">
        <v>26</v>
      </c>
      <c r="AG21399">
        <v>26</v>
      </c>
      <c r="AH21399">
        <v>26</v>
      </c>
      <c r="AI21399">
        <v>27</v>
      </c>
      <c r="AJ21399">
        <v>27</v>
      </c>
      <c r="AK21399">
        <v>28</v>
      </c>
      <c r="AL21399">
        <v>28</v>
      </c>
      <c r="AM21399">
        <v>29</v>
      </c>
      <c r="AN21399">
        <v>29</v>
      </c>
      <c r="AO21399">
        <v>30</v>
      </c>
      <c r="AP21399">
        <v>30</v>
      </c>
      <c r="AQ21399">
        <v>31</v>
      </c>
    </row>
    <row r="21400" spans="1:43">
      <c r="A21400" t="s">
        <v>13263</v>
      </c>
      <c r="B21400" t="s">
        <v>13264</v>
      </c>
      <c r="C21400" t="s">
        <v>13183</v>
      </c>
      <c r="D21400" t="s">
        <v>13184</v>
      </c>
      <c r="E21400" t="s">
        <v>13165</v>
      </c>
      <c r="F21400" t="s">
        <v>13166</v>
      </c>
      <c r="G21400" t="s">
        <v>10214</v>
      </c>
      <c r="H21400" t="s">
        <v>10215</v>
      </c>
      <c r="I21400" s="2">
        <v>1</v>
      </c>
      <c r="J21400" s="2">
        <v>0</v>
      </c>
      <c r="K21400" s="2">
        <v>0</v>
      </c>
      <c r="L21400" t="s">
        <v>120</v>
      </c>
      <c r="M21400" t="s">
        <v>89</v>
      </c>
      <c r="N21400" t="s">
        <v>90</v>
      </c>
      <c r="O21400" t="s">
        <v>85</v>
      </c>
      <c r="P21400" t="s">
        <v>86</v>
      </c>
      <c r="Q21400">
        <v>20</v>
      </c>
      <c r="R21400">
        <v>21</v>
      </c>
      <c r="S21400">
        <v>22</v>
      </c>
      <c r="T21400">
        <v>22</v>
      </c>
      <c r="U21400">
        <v>23</v>
      </c>
      <c r="V21400">
        <v>24</v>
      </c>
      <c r="W21400">
        <v>24</v>
      </c>
      <c r="X21400">
        <v>25</v>
      </c>
      <c r="Y21400">
        <v>26</v>
      </c>
      <c r="Z21400">
        <v>27</v>
      </c>
      <c r="AA21400">
        <v>27</v>
      </c>
      <c r="AB21400">
        <v>28</v>
      </c>
      <c r="AC21400">
        <v>29</v>
      </c>
      <c r="AD21400">
        <v>30</v>
      </c>
      <c r="AE21400">
        <v>30</v>
      </c>
      <c r="AF21400">
        <v>31</v>
      </c>
      <c r="AG21400">
        <v>31</v>
      </c>
      <c r="AH21400">
        <v>32</v>
      </c>
      <c r="AI21400">
        <v>32</v>
      </c>
      <c r="AJ21400">
        <v>32</v>
      </c>
      <c r="AK21400">
        <v>33</v>
      </c>
      <c r="AL21400">
        <v>33</v>
      </c>
      <c r="AM21400">
        <v>34</v>
      </c>
      <c r="AN21400">
        <v>34</v>
      </c>
      <c r="AO21400">
        <v>35</v>
      </c>
      <c r="AP21400">
        <v>35</v>
      </c>
      <c r="AQ21400">
        <v>36</v>
      </c>
    </row>
    <row r="21401" spans="1:43">
      <c r="A21401" t="s">
        <v>13263</v>
      </c>
      <c r="B21401" t="s">
        <v>13264</v>
      </c>
      <c r="C21401" t="s">
        <v>13183</v>
      </c>
      <c r="D21401" t="s">
        <v>13184</v>
      </c>
      <c r="E21401" t="s">
        <v>13165</v>
      </c>
      <c r="F21401" t="s">
        <v>13166</v>
      </c>
      <c r="G21401" t="s">
        <v>10214</v>
      </c>
      <c r="H21401" t="s">
        <v>10215</v>
      </c>
      <c r="I21401" s="2">
        <v>1</v>
      </c>
      <c r="J21401" s="2">
        <v>0</v>
      </c>
      <c r="K21401" s="2">
        <v>0</v>
      </c>
      <c r="L21401" t="s">
        <v>120</v>
      </c>
      <c r="M21401" t="s">
        <v>83</v>
      </c>
      <c r="N21401" t="s">
        <v>91</v>
      </c>
      <c r="O21401" t="s">
        <v>85</v>
      </c>
      <c r="P21401" t="s">
        <v>86</v>
      </c>
      <c r="Q21401">
        <v>20</v>
      </c>
      <c r="R21401">
        <v>20</v>
      </c>
      <c r="S21401">
        <v>21</v>
      </c>
      <c r="T21401">
        <v>22</v>
      </c>
      <c r="U21401">
        <v>22</v>
      </c>
      <c r="V21401">
        <v>23</v>
      </c>
      <c r="W21401">
        <v>23</v>
      </c>
      <c r="X21401">
        <v>24</v>
      </c>
      <c r="Y21401">
        <v>24</v>
      </c>
      <c r="Z21401">
        <v>25</v>
      </c>
      <c r="AA21401">
        <v>26</v>
      </c>
      <c r="AB21401">
        <v>26</v>
      </c>
      <c r="AC21401">
        <v>27</v>
      </c>
      <c r="AD21401">
        <v>28</v>
      </c>
      <c r="AE21401">
        <v>28</v>
      </c>
      <c r="AF21401">
        <v>29</v>
      </c>
      <c r="AG21401">
        <v>30</v>
      </c>
      <c r="AH21401">
        <v>30</v>
      </c>
      <c r="AI21401">
        <v>31</v>
      </c>
      <c r="AJ21401">
        <v>32</v>
      </c>
      <c r="AK21401">
        <v>32</v>
      </c>
      <c r="AL21401">
        <v>33</v>
      </c>
      <c r="AM21401">
        <v>34</v>
      </c>
      <c r="AN21401">
        <v>34</v>
      </c>
      <c r="AO21401">
        <v>35</v>
      </c>
      <c r="AP21401">
        <v>35</v>
      </c>
      <c r="AQ21401">
        <v>36</v>
      </c>
    </row>
    <row r="21402" spans="1:43">
      <c r="A21402" t="s">
        <v>13265</v>
      </c>
      <c r="B21402" t="s">
        <v>13266</v>
      </c>
      <c r="C21402" t="s">
        <v>13183</v>
      </c>
      <c r="D21402" t="s">
        <v>13184</v>
      </c>
      <c r="E21402" t="s">
        <v>13165</v>
      </c>
      <c r="F21402" t="s">
        <v>13166</v>
      </c>
      <c r="G21402" t="s">
        <v>10214</v>
      </c>
      <c r="H21402" t="s">
        <v>10215</v>
      </c>
      <c r="I21402" s="2">
        <v>1</v>
      </c>
      <c r="J21402" s="2">
        <v>0</v>
      </c>
      <c r="K21402" s="2">
        <v>0</v>
      </c>
      <c r="L21402" t="s">
        <v>120</v>
      </c>
      <c r="M21402" t="s">
        <v>83</v>
      </c>
      <c r="N21402" t="s">
        <v>84</v>
      </c>
      <c r="O21402" t="s">
        <v>85</v>
      </c>
      <c r="P21402" t="s">
        <v>86</v>
      </c>
      <c r="Q21402">
        <v>16</v>
      </c>
      <c r="R21402">
        <v>17</v>
      </c>
      <c r="S21402">
        <v>17</v>
      </c>
      <c r="T21402">
        <v>18</v>
      </c>
      <c r="U21402">
        <v>18</v>
      </c>
      <c r="V21402">
        <v>18</v>
      </c>
      <c r="W21402">
        <v>19</v>
      </c>
      <c r="X21402">
        <v>19</v>
      </c>
      <c r="Y21402">
        <v>20</v>
      </c>
      <c r="Z21402">
        <v>20</v>
      </c>
      <c r="AA21402">
        <v>21</v>
      </c>
      <c r="AB21402">
        <v>21</v>
      </c>
      <c r="AC21402">
        <v>22</v>
      </c>
      <c r="AD21402">
        <v>22</v>
      </c>
      <c r="AE21402">
        <v>23</v>
      </c>
      <c r="AF21402">
        <v>24</v>
      </c>
      <c r="AG21402">
        <v>24</v>
      </c>
      <c r="AH21402">
        <v>25</v>
      </c>
      <c r="AI21402">
        <v>25</v>
      </c>
      <c r="AJ21402">
        <v>26</v>
      </c>
      <c r="AK21402">
        <v>26</v>
      </c>
      <c r="AL21402">
        <v>27</v>
      </c>
      <c r="AM21402">
        <v>27</v>
      </c>
      <c r="AN21402">
        <v>28</v>
      </c>
      <c r="AO21402">
        <v>28</v>
      </c>
      <c r="AP21402">
        <v>29</v>
      </c>
      <c r="AQ21402">
        <v>29</v>
      </c>
    </row>
    <row r="21403" spans="1:43">
      <c r="A21403" t="s">
        <v>13265</v>
      </c>
      <c r="B21403" t="s">
        <v>13266</v>
      </c>
      <c r="C21403" t="s">
        <v>13183</v>
      </c>
      <c r="D21403" t="s">
        <v>13184</v>
      </c>
      <c r="E21403" t="s">
        <v>13165</v>
      </c>
      <c r="F21403" t="s">
        <v>13166</v>
      </c>
      <c r="G21403" t="s">
        <v>10214</v>
      </c>
      <c r="H21403" t="s">
        <v>10215</v>
      </c>
      <c r="I21403" s="2">
        <v>1</v>
      </c>
      <c r="J21403" s="2">
        <v>0</v>
      </c>
      <c r="K21403" s="2">
        <v>0</v>
      </c>
      <c r="L21403" t="s">
        <v>120</v>
      </c>
      <c r="M21403" t="s">
        <v>87</v>
      </c>
      <c r="N21403" t="s">
        <v>88</v>
      </c>
      <c r="O21403" t="s">
        <v>85</v>
      </c>
      <c r="P21403" t="s">
        <v>86</v>
      </c>
      <c r="Q21403">
        <v>16</v>
      </c>
      <c r="R21403">
        <v>16</v>
      </c>
      <c r="S21403">
        <v>17</v>
      </c>
      <c r="T21403">
        <v>17</v>
      </c>
      <c r="U21403">
        <v>17</v>
      </c>
      <c r="V21403">
        <v>18</v>
      </c>
      <c r="W21403">
        <v>18</v>
      </c>
      <c r="X21403">
        <v>18</v>
      </c>
      <c r="Y21403">
        <v>18</v>
      </c>
      <c r="Z21403">
        <v>19</v>
      </c>
      <c r="AA21403">
        <v>19</v>
      </c>
      <c r="AB21403">
        <v>19</v>
      </c>
      <c r="AC21403">
        <v>20</v>
      </c>
      <c r="AD21403">
        <v>20</v>
      </c>
      <c r="AE21403">
        <v>20</v>
      </c>
      <c r="AF21403">
        <v>21</v>
      </c>
      <c r="AG21403">
        <v>21</v>
      </c>
      <c r="AH21403">
        <v>21</v>
      </c>
      <c r="AI21403">
        <v>22</v>
      </c>
      <c r="AJ21403">
        <v>22</v>
      </c>
      <c r="AK21403">
        <v>23</v>
      </c>
      <c r="AL21403">
        <v>23</v>
      </c>
      <c r="AM21403">
        <v>23</v>
      </c>
      <c r="AN21403">
        <v>24</v>
      </c>
      <c r="AO21403">
        <v>24</v>
      </c>
      <c r="AP21403">
        <v>25</v>
      </c>
      <c r="AQ21403">
        <v>25</v>
      </c>
    </row>
    <row r="21404" spans="1:43">
      <c r="A21404" t="s">
        <v>13265</v>
      </c>
      <c r="B21404" t="s">
        <v>13266</v>
      </c>
      <c r="C21404" t="s">
        <v>13183</v>
      </c>
      <c r="D21404" t="s">
        <v>13184</v>
      </c>
      <c r="E21404" t="s">
        <v>13165</v>
      </c>
      <c r="F21404" t="s">
        <v>13166</v>
      </c>
      <c r="G21404" t="s">
        <v>10214</v>
      </c>
      <c r="H21404" t="s">
        <v>10215</v>
      </c>
      <c r="I21404" s="2">
        <v>1</v>
      </c>
      <c r="J21404" s="2">
        <v>0</v>
      </c>
      <c r="K21404" s="2">
        <v>0</v>
      </c>
      <c r="L21404" t="s">
        <v>120</v>
      </c>
      <c r="M21404" t="s">
        <v>89</v>
      </c>
      <c r="N21404" t="s">
        <v>90</v>
      </c>
      <c r="O21404" t="s">
        <v>85</v>
      </c>
      <c r="P21404" t="s">
        <v>86</v>
      </c>
      <c r="Q21404">
        <v>16</v>
      </c>
      <c r="R21404">
        <v>17</v>
      </c>
      <c r="S21404">
        <v>18</v>
      </c>
      <c r="T21404">
        <v>18</v>
      </c>
      <c r="U21404">
        <v>19</v>
      </c>
      <c r="V21404">
        <v>19</v>
      </c>
      <c r="W21404">
        <v>20</v>
      </c>
      <c r="X21404">
        <v>20</v>
      </c>
      <c r="Y21404">
        <v>21</v>
      </c>
      <c r="Z21404">
        <v>22</v>
      </c>
      <c r="AA21404">
        <v>22</v>
      </c>
      <c r="AB21404">
        <v>23</v>
      </c>
      <c r="AC21404">
        <v>23</v>
      </c>
      <c r="AD21404">
        <v>24</v>
      </c>
      <c r="AE21404">
        <v>25</v>
      </c>
      <c r="AF21404">
        <v>25</v>
      </c>
      <c r="AG21404">
        <v>25</v>
      </c>
      <c r="AH21404">
        <v>26</v>
      </c>
      <c r="AI21404">
        <v>26</v>
      </c>
      <c r="AJ21404">
        <v>26</v>
      </c>
      <c r="AK21404">
        <v>27</v>
      </c>
      <c r="AL21404">
        <v>27</v>
      </c>
      <c r="AM21404">
        <v>28</v>
      </c>
      <c r="AN21404">
        <v>28</v>
      </c>
      <c r="AO21404">
        <v>28</v>
      </c>
      <c r="AP21404">
        <v>29</v>
      </c>
      <c r="AQ21404">
        <v>29</v>
      </c>
    </row>
    <row r="21405" spans="1:43">
      <c r="A21405" t="s">
        <v>13265</v>
      </c>
      <c r="B21405" t="s">
        <v>13266</v>
      </c>
      <c r="C21405" t="s">
        <v>13183</v>
      </c>
      <c r="D21405" t="s">
        <v>13184</v>
      </c>
      <c r="E21405" t="s">
        <v>13165</v>
      </c>
      <c r="F21405" t="s">
        <v>13166</v>
      </c>
      <c r="G21405" t="s">
        <v>10214</v>
      </c>
      <c r="H21405" t="s">
        <v>10215</v>
      </c>
      <c r="I21405" s="2">
        <v>1</v>
      </c>
      <c r="J21405" s="2">
        <v>0</v>
      </c>
      <c r="K21405" s="2">
        <v>0</v>
      </c>
      <c r="L21405" t="s">
        <v>120</v>
      </c>
      <c r="M21405" t="s">
        <v>83</v>
      </c>
      <c r="N21405" t="s">
        <v>91</v>
      </c>
      <c r="O21405" t="s">
        <v>85</v>
      </c>
      <c r="P21405" t="s">
        <v>86</v>
      </c>
      <c r="Q21405">
        <v>16</v>
      </c>
      <c r="R21405">
        <v>17</v>
      </c>
      <c r="S21405">
        <v>17</v>
      </c>
      <c r="T21405">
        <v>18</v>
      </c>
      <c r="U21405">
        <v>18</v>
      </c>
      <c r="V21405">
        <v>18</v>
      </c>
      <c r="W21405">
        <v>19</v>
      </c>
      <c r="X21405">
        <v>19</v>
      </c>
      <c r="Y21405">
        <v>20</v>
      </c>
      <c r="Z21405">
        <v>20</v>
      </c>
      <c r="AA21405">
        <v>21</v>
      </c>
      <c r="AB21405">
        <v>21</v>
      </c>
      <c r="AC21405">
        <v>22</v>
      </c>
      <c r="AD21405">
        <v>22</v>
      </c>
      <c r="AE21405">
        <v>23</v>
      </c>
      <c r="AF21405">
        <v>24</v>
      </c>
      <c r="AG21405">
        <v>24</v>
      </c>
      <c r="AH21405">
        <v>25</v>
      </c>
      <c r="AI21405">
        <v>25</v>
      </c>
      <c r="AJ21405">
        <v>26</v>
      </c>
      <c r="AK21405">
        <v>26</v>
      </c>
      <c r="AL21405">
        <v>27</v>
      </c>
      <c r="AM21405">
        <v>27</v>
      </c>
      <c r="AN21405">
        <v>28</v>
      </c>
      <c r="AO21405">
        <v>28</v>
      </c>
      <c r="AP21405">
        <v>29</v>
      </c>
      <c r="AQ21405">
        <v>29</v>
      </c>
    </row>
    <row r="21406" spans="1:43">
      <c r="A21406" t="s">
        <v>13267</v>
      </c>
      <c r="B21406" t="s">
        <v>13268</v>
      </c>
      <c r="C21406" t="s">
        <v>13183</v>
      </c>
      <c r="D21406" t="s">
        <v>13184</v>
      </c>
      <c r="E21406" t="s">
        <v>13165</v>
      </c>
      <c r="F21406" t="s">
        <v>13166</v>
      </c>
      <c r="G21406" t="s">
        <v>10214</v>
      </c>
      <c r="H21406" t="s">
        <v>10215</v>
      </c>
      <c r="I21406" s="2">
        <v>1</v>
      </c>
      <c r="J21406" s="2">
        <v>0</v>
      </c>
      <c r="K21406" s="2">
        <v>0</v>
      </c>
      <c r="L21406" t="s">
        <v>120</v>
      </c>
      <c r="M21406" t="s">
        <v>83</v>
      </c>
      <c r="N21406" t="s">
        <v>84</v>
      </c>
      <c r="O21406" t="s">
        <v>85</v>
      </c>
      <c r="P21406" t="s">
        <v>86</v>
      </c>
      <c r="Q21406">
        <v>60</v>
      </c>
      <c r="R21406">
        <v>61</v>
      </c>
      <c r="S21406">
        <v>63</v>
      </c>
      <c r="T21406">
        <v>65</v>
      </c>
      <c r="U21406">
        <v>66</v>
      </c>
      <c r="V21406">
        <v>68</v>
      </c>
      <c r="W21406">
        <v>70</v>
      </c>
      <c r="X21406">
        <v>71</v>
      </c>
      <c r="Y21406">
        <v>73</v>
      </c>
      <c r="Z21406">
        <v>75</v>
      </c>
      <c r="AA21406">
        <v>77</v>
      </c>
      <c r="AB21406">
        <v>79</v>
      </c>
      <c r="AC21406">
        <v>80</v>
      </c>
      <c r="AD21406">
        <v>82</v>
      </c>
      <c r="AE21406">
        <v>84</v>
      </c>
      <c r="AF21406">
        <v>86</v>
      </c>
      <c r="AG21406">
        <v>88</v>
      </c>
      <c r="AH21406">
        <v>90</v>
      </c>
      <c r="AI21406">
        <v>93</v>
      </c>
      <c r="AJ21406">
        <v>95</v>
      </c>
      <c r="AK21406">
        <v>97</v>
      </c>
      <c r="AL21406">
        <v>99</v>
      </c>
      <c r="AM21406">
        <v>100</v>
      </c>
      <c r="AN21406">
        <v>102</v>
      </c>
      <c r="AO21406">
        <v>103</v>
      </c>
      <c r="AP21406">
        <v>105</v>
      </c>
      <c r="AQ21406">
        <v>106</v>
      </c>
    </row>
    <row r="21407" spans="1:43">
      <c r="A21407" t="s">
        <v>13267</v>
      </c>
      <c r="B21407" t="s">
        <v>13268</v>
      </c>
      <c r="C21407" t="s">
        <v>13183</v>
      </c>
      <c r="D21407" t="s">
        <v>13184</v>
      </c>
      <c r="E21407" t="s">
        <v>13165</v>
      </c>
      <c r="F21407" t="s">
        <v>13166</v>
      </c>
      <c r="G21407" t="s">
        <v>10214</v>
      </c>
      <c r="H21407" t="s">
        <v>10215</v>
      </c>
      <c r="I21407" s="2">
        <v>1</v>
      </c>
      <c r="J21407" s="2">
        <v>0</v>
      </c>
      <c r="K21407" s="2">
        <v>0</v>
      </c>
      <c r="L21407" t="s">
        <v>120</v>
      </c>
      <c r="M21407" t="s">
        <v>87</v>
      </c>
      <c r="N21407" t="s">
        <v>88</v>
      </c>
      <c r="O21407" t="s">
        <v>85</v>
      </c>
      <c r="P21407" t="s">
        <v>86</v>
      </c>
      <c r="Q21407">
        <v>60</v>
      </c>
      <c r="R21407">
        <v>61</v>
      </c>
      <c r="S21407">
        <v>62</v>
      </c>
      <c r="T21407">
        <v>63</v>
      </c>
      <c r="U21407">
        <v>64</v>
      </c>
      <c r="V21407">
        <v>65</v>
      </c>
      <c r="W21407">
        <v>66</v>
      </c>
      <c r="X21407">
        <v>68</v>
      </c>
      <c r="Y21407">
        <v>69</v>
      </c>
      <c r="Z21407">
        <v>70</v>
      </c>
      <c r="AA21407">
        <v>71</v>
      </c>
      <c r="AB21407">
        <v>72</v>
      </c>
      <c r="AC21407">
        <v>73</v>
      </c>
      <c r="AD21407">
        <v>75</v>
      </c>
      <c r="AE21407">
        <v>76</v>
      </c>
      <c r="AF21407">
        <v>77</v>
      </c>
      <c r="AG21407">
        <v>79</v>
      </c>
      <c r="AH21407">
        <v>80</v>
      </c>
      <c r="AI21407">
        <v>81</v>
      </c>
      <c r="AJ21407">
        <v>83</v>
      </c>
      <c r="AK21407">
        <v>84</v>
      </c>
      <c r="AL21407">
        <v>86</v>
      </c>
      <c r="AM21407">
        <v>87</v>
      </c>
      <c r="AN21407">
        <v>89</v>
      </c>
      <c r="AO21407">
        <v>90</v>
      </c>
      <c r="AP21407">
        <v>92</v>
      </c>
      <c r="AQ21407">
        <v>94</v>
      </c>
    </row>
    <row r="21408" spans="1:43">
      <c r="A21408" t="s">
        <v>13267</v>
      </c>
      <c r="B21408" t="s">
        <v>13268</v>
      </c>
      <c r="C21408" t="s">
        <v>13183</v>
      </c>
      <c r="D21408" t="s">
        <v>13184</v>
      </c>
      <c r="E21408" t="s">
        <v>13165</v>
      </c>
      <c r="F21408" t="s">
        <v>13166</v>
      </c>
      <c r="G21408" t="s">
        <v>10214</v>
      </c>
      <c r="H21408" t="s">
        <v>10215</v>
      </c>
      <c r="I21408" s="2">
        <v>1</v>
      </c>
      <c r="J21408" s="2">
        <v>0</v>
      </c>
      <c r="K21408" s="2">
        <v>0</v>
      </c>
      <c r="L21408" t="s">
        <v>120</v>
      </c>
      <c r="M21408" t="s">
        <v>89</v>
      </c>
      <c r="N21408" t="s">
        <v>90</v>
      </c>
      <c r="O21408" t="s">
        <v>85</v>
      </c>
      <c r="P21408" t="s">
        <v>86</v>
      </c>
      <c r="Q21408">
        <v>60</v>
      </c>
      <c r="R21408">
        <v>62</v>
      </c>
      <c r="S21408">
        <v>64</v>
      </c>
      <c r="T21408">
        <v>67</v>
      </c>
      <c r="U21408">
        <v>69</v>
      </c>
      <c r="V21408">
        <v>71</v>
      </c>
      <c r="W21408">
        <v>73</v>
      </c>
      <c r="X21408">
        <v>75</v>
      </c>
      <c r="Y21408">
        <v>77</v>
      </c>
      <c r="Z21408">
        <v>79</v>
      </c>
      <c r="AA21408">
        <v>82</v>
      </c>
      <c r="AB21408">
        <v>84</v>
      </c>
      <c r="AC21408">
        <v>86</v>
      </c>
      <c r="AD21408">
        <v>88</v>
      </c>
      <c r="AE21408">
        <v>90</v>
      </c>
      <c r="AF21408">
        <v>92</v>
      </c>
      <c r="AG21408">
        <v>93</v>
      </c>
      <c r="AH21408">
        <v>94</v>
      </c>
      <c r="AI21408">
        <v>96</v>
      </c>
      <c r="AJ21408">
        <v>97</v>
      </c>
      <c r="AK21408">
        <v>98</v>
      </c>
      <c r="AL21408">
        <v>100</v>
      </c>
      <c r="AM21408">
        <v>101</v>
      </c>
      <c r="AN21408">
        <v>103</v>
      </c>
      <c r="AO21408">
        <v>104</v>
      </c>
      <c r="AP21408">
        <v>106</v>
      </c>
      <c r="AQ21408">
        <v>108</v>
      </c>
    </row>
    <row r="21409" spans="1:43">
      <c r="A21409" t="s">
        <v>13267</v>
      </c>
      <c r="B21409" t="s">
        <v>13268</v>
      </c>
      <c r="C21409" t="s">
        <v>13183</v>
      </c>
      <c r="D21409" t="s">
        <v>13184</v>
      </c>
      <c r="E21409" t="s">
        <v>13165</v>
      </c>
      <c r="F21409" t="s">
        <v>13166</v>
      </c>
      <c r="G21409" t="s">
        <v>10214</v>
      </c>
      <c r="H21409" t="s">
        <v>10215</v>
      </c>
      <c r="I21409" s="2">
        <v>1</v>
      </c>
      <c r="J21409" s="2">
        <v>0</v>
      </c>
      <c r="K21409" s="2">
        <v>0</v>
      </c>
      <c r="L21409" t="s">
        <v>120</v>
      </c>
      <c r="M21409" t="s">
        <v>83</v>
      </c>
      <c r="N21409" t="s">
        <v>91</v>
      </c>
      <c r="O21409" t="s">
        <v>85</v>
      </c>
      <c r="P21409" t="s">
        <v>86</v>
      </c>
      <c r="Q21409">
        <v>60</v>
      </c>
      <c r="R21409">
        <v>61</v>
      </c>
      <c r="S21409">
        <v>63</v>
      </c>
      <c r="T21409">
        <v>65</v>
      </c>
      <c r="U21409">
        <v>66</v>
      </c>
      <c r="V21409">
        <v>68</v>
      </c>
      <c r="W21409">
        <v>70</v>
      </c>
      <c r="X21409">
        <v>71</v>
      </c>
      <c r="Y21409">
        <v>73</v>
      </c>
      <c r="Z21409">
        <v>75</v>
      </c>
      <c r="AA21409">
        <v>77</v>
      </c>
      <c r="AB21409">
        <v>79</v>
      </c>
      <c r="AC21409">
        <v>80</v>
      </c>
      <c r="AD21409">
        <v>82</v>
      </c>
      <c r="AE21409">
        <v>84</v>
      </c>
      <c r="AF21409">
        <v>86</v>
      </c>
      <c r="AG21409">
        <v>88</v>
      </c>
      <c r="AH21409">
        <v>90</v>
      </c>
      <c r="AI21409">
        <v>93</v>
      </c>
      <c r="AJ21409">
        <v>95</v>
      </c>
      <c r="AK21409">
        <v>97</v>
      </c>
      <c r="AL21409">
        <v>99</v>
      </c>
      <c r="AM21409">
        <v>100</v>
      </c>
      <c r="AN21409">
        <v>102</v>
      </c>
      <c r="AO21409">
        <v>103</v>
      </c>
      <c r="AP21409">
        <v>105</v>
      </c>
      <c r="AQ21409">
        <v>106</v>
      </c>
    </row>
    <row r="21410" spans="1:43">
      <c r="A21410" t="s">
        <v>13269</v>
      </c>
      <c r="B21410" t="s">
        <v>13270</v>
      </c>
      <c r="C21410" t="s">
        <v>13183</v>
      </c>
      <c r="D21410" t="s">
        <v>13184</v>
      </c>
      <c r="E21410" t="s">
        <v>13165</v>
      </c>
      <c r="F21410" t="s">
        <v>13166</v>
      </c>
      <c r="G21410" t="s">
        <v>10214</v>
      </c>
      <c r="H21410" t="s">
        <v>10215</v>
      </c>
      <c r="I21410" s="2">
        <v>1</v>
      </c>
      <c r="J21410" s="2">
        <v>0</v>
      </c>
      <c r="K21410" s="2">
        <v>0</v>
      </c>
      <c r="L21410" t="s">
        <v>120</v>
      </c>
      <c r="M21410" t="s">
        <v>83</v>
      </c>
      <c r="N21410" t="s">
        <v>84</v>
      </c>
      <c r="O21410" t="s">
        <v>85</v>
      </c>
      <c r="P21410" t="s">
        <v>86</v>
      </c>
      <c r="Q21410">
        <v>53</v>
      </c>
      <c r="R21410">
        <v>55</v>
      </c>
      <c r="S21410">
        <v>56</v>
      </c>
      <c r="T21410">
        <v>58</v>
      </c>
      <c r="U21410">
        <v>59</v>
      </c>
      <c r="V21410">
        <v>61</v>
      </c>
      <c r="W21410">
        <v>62</v>
      </c>
      <c r="X21410">
        <v>64</v>
      </c>
      <c r="Y21410">
        <v>65</v>
      </c>
      <c r="Z21410">
        <v>67</v>
      </c>
      <c r="AA21410">
        <v>68</v>
      </c>
      <c r="AB21410">
        <v>70</v>
      </c>
      <c r="AC21410">
        <v>72</v>
      </c>
      <c r="AD21410">
        <v>73</v>
      </c>
      <c r="AE21410">
        <v>75</v>
      </c>
      <c r="AF21410">
        <v>77</v>
      </c>
      <c r="AG21410">
        <v>79</v>
      </c>
      <c r="AH21410">
        <v>81</v>
      </c>
      <c r="AI21410">
        <v>82</v>
      </c>
      <c r="AJ21410">
        <v>84</v>
      </c>
      <c r="AK21410">
        <v>86</v>
      </c>
      <c r="AL21410">
        <v>88</v>
      </c>
      <c r="AM21410">
        <v>89</v>
      </c>
      <c r="AN21410">
        <v>91</v>
      </c>
      <c r="AO21410">
        <v>92</v>
      </c>
      <c r="AP21410">
        <v>93</v>
      </c>
      <c r="AQ21410">
        <v>95</v>
      </c>
    </row>
    <row r="21411" spans="1:43">
      <c r="A21411" t="s">
        <v>13269</v>
      </c>
      <c r="B21411" t="s">
        <v>13270</v>
      </c>
      <c r="C21411" t="s">
        <v>13183</v>
      </c>
      <c r="D21411" t="s">
        <v>13184</v>
      </c>
      <c r="E21411" t="s">
        <v>13165</v>
      </c>
      <c r="F21411" t="s">
        <v>13166</v>
      </c>
      <c r="G21411" t="s">
        <v>10214</v>
      </c>
      <c r="H21411" t="s">
        <v>10215</v>
      </c>
      <c r="I21411" s="2">
        <v>1</v>
      </c>
      <c r="J21411" s="2">
        <v>0</v>
      </c>
      <c r="K21411" s="2">
        <v>0</v>
      </c>
      <c r="L21411" t="s">
        <v>120</v>
      </c>
      <c r="M21411" t="s">
        <v>87</v>
      </c>
      <c r="N21411" t="s">
        <v>88</v>
      </c>
      <c r="O21411" t="s">
        <v>85</v>
      </c>
      <c r="P21411" t="s">
        <v>86</v>
      </c>
      <c r="Q21411">
        <v>53</v>
      </c>
      <c r="R21411">
        <v>53</v>
      </c>
      <c r="S21411">
        <v>54</v>
      </c>
      <c r="T21411">
        <v>55</v>
      </c>
      <c r="U21411">
        <v>56</v>
      </c>
      <c r="V21411">
        <v>57</v>
      </c>
      <c r="W21411">
        <v>58</v>
      </c>
      <c r="X21411">
        <v>59</v>
      </c>
      <c r="Y21411">
        <v>60</v>
      </c>
      <c r="Z21411">
        <v>61</v>
      </c>
      <c r="AA21411">
        <v>62</v>
      </c>
      <c r="AB21411">
        <v>63</v>
      </c>
      <c r="AC21411">
        <v>65</v>
      </c>
      <c r="AD21411">
        <v>66</v>
      </c>
      <c r="AE21411">
        <v>67</v>
      </c>
      <c r="AF21411">
        <v>68</v>
      </c>
      <c r="AG21411">
        <v>69</v>
      </c>
      <c r="AH21411">
        <v>70</v>
      </c>
      <c r="AI21411">
        <v>72</v>
      </c>
      <c r="AJ21411">
        <v>73</v>
      </c>
      <c r="AK21411">
        <v>74</v>
      </c>
      <c r="AL21411">
        <v>75</v>
      </c>
      <c r="AM21411">
        <v>77</v>
      </c>
      <c r="AN21411">
        <v>78</v>
      </c>
      <c r="AO21411">
        <v>80</v>
      </c>
      <c r="AP21411">
        <v>81</v>
      </c>
      <c r="AQ21411">
        <v>82</v>
      </c>
    </row>
    <row r="21412" spans="1:43">
      <c r="A21412" t="s">
        <v>13269</v>
      </c>
      <c r="B21412" t="s">
        <v>13270</v>
      </c>
      <c r="C21412" t="s">
        <v>13183</v>
      </c>
      <c r="D21412" t="s">
        <v>13184</v>
      </c>
      <c r="E21412" t="s">
        <v>13165</v>
      </c>
      <c r="F21412" t="s">
        <v>13166</v>
      </c>
      <c r="G21412" t="s">
        <v>10214</v>
      </c>
      <c r="H21412" t="s">
        <v>10215</v>
      </c>
      <c r="I21412" s="2">
        <v>1</v>
      </c>
      <c r="J21412" s="2">
        <v>0</v>
      </c>
      <c r="K21412" s="2">
        <v>0</v>
      </c>
      <c r="L21412" t="s">
        <v>120</v>
      </c>
      <c r="M21412" t="s">
        <v>89</v>
      </c>
      <c r="N21412" t="s">
        <v>90</v>
      </c>
      <c r="O21412" t="s">
        <v>85</v>
      </c>
      <c r="P21412" t="s">
        <v>86</v>
      </c>
      <c r="Q21412">
        <v>53</v>
      </c>
      <c r="R21412">
        <v>54</v>
      </c>
      <c r="S21412">
        <v>56</v>
      </c>
      <c r="T21412">
        <v>58</v>
      </c>
      <c r="U21412">
        <v>60</v>
      </c>
      <c r="V21412">
        <v>62</v>
      </c>
      <c r="W21412">
        <v>64</v>
      </c>
      <c r="X21412">
        <v>66</v>
      </c>
      <c r="Y21412">
        <v>68</v>
      </c>
      <c r="Z21412">
        <v>70</v>
      </c>
      <c r="AA21412">
        <v>72</v>
      </c>
      <c r="AB21412">
        <v>74</v>
      </c>
      <c r="AC21412">
        <v>76</v>
      </c>
      <c r="AD21412">
        <v>78</v>
      </c>
      <c r="AE21412">
        <v>79</v>
      </c>
      <c r="AF21412">
        <v>81</v>
      </c>
      <c r="AG21412">
        <v>82</v>
      </c>
      <c r="AH21412">
        <v>83</v>
      </c>
      <c r="AI21412">
        <v>84</v>
      </c>
      <c r="AJ21412">
        <v>85</v>
      </c>
      <c r="AK21412">
        <v>87</v>
      </c>
      <c r="AL21412">
        <v>88</v>
      </c>
      <c r="AM21412">
        <v>89</v>
      </c>
      <c r="AN21412">
        <v>91</v>
      </c>
      <c r="AO21412">
        <v>92</v>
      </c>
      <c r="AP21412">
        <v>93</v>
      </c>
      <c r="AQ21412">
        <v>95</v>
      </c>
    </row>
    <row r="21413" spans="1:43">
      <c r="A21413" t="s">
        <v>13269</v>
      </c>
      <c r="B21413" t="s">
        <v>13270</v>
      </c>
      <c r="C21413" t="s">
        <v>13183</v>
      </c>
      <c r="D21413" t="s">
        <v>13184</v>
      </c>
      <c r="E21413" t="s">
        <v>13165</v>
      </c>
      <c r="F21413" t="s">
        <v>13166</v>
      </c>
      <c r="G21413" t="s">
        <v>10214</v>
      </c>
      <c r="H21413" t="s">
        <v>10215</v>
      </c>
      <c r="I21413" s="2">
        <v>1</v>
      </c>
      <c r="J21413" s="2">
        <v>0</v>
      </c>
      <c r="K21413" s="2">
        <v>0</v>
      </c>
      <c r="L21413" t="s">
        <v>120</v>
      </c>
      <c r="M21413" t="s">
        <v>83</v>
      </c>
      <c r="N21413" t="s">
        <v>91</v>
      </c>
      <c r="O21413" t="s">
        <v>85</v>
      </c>
      <c r="P21413" t="s">
        <v>86</v>
      </c>
      <c r="Q21413">
        <v>53</v>
      </c>
      <c r="R21413">
        <v>55</v>
      </c>
      <c r="S21413">
        <v>56</v>
      </c>
      <c r="T21413">
        <v>58</v>
      </c>
      <c r="U21413">
        <v>59</v>
      </c>
      <c r="V21413">
        <v>61</v>
      </c>
      <c r="W21413">
        <v>62</v>
      </c>
      <c r="X21413">
        <v>64</v>
      </c>
      <c r="Y21413">
        <v>65</v>
      </c>
      <c r="Z21413">
        <v>67</v>
      </c>
      <c r="AA21413">
        <v>68</v>
      </c>
      <c r="AB21413">
        <v>70</v>
      </c>
      <c r="AC21413">
        <v>72</v>
      </c>
      <c r="AD21413">
        <v>73</v>
      </c>
      <c r="AE21413">
        <v>75</v>
      </c>
      <c r="AF21413">
        <v>77</v>
      </c>
      <c r="AG21413">
        <v>79</v>
      </c>
      <c r="AH21413">
        <v>81</v>
      </c>
      <c r="AI21413">
        <v>82</v>
      </c>
      <c r="AJ21413">
        <v>84</v>
      </c>
      <c r="AK21413">
        <v>86</v>
      </c>
      <c r="AL21413">
        <v>88</v>
      </c>
      <c r="AM21413">
        <v>89</v>
      </c>
      <c r="AN21413">
        <v>91</v>
      </c>
      <c r="AO21413">
        <v>92</v>
      </c>
      <c r="AP21413">
        <v>93</v>
      </c>
      <c r="AQ21413">
        <v>95</v>
      </c>
    </row>
    <row r="21414" spans="1:43">
      <c r="A21414" t="s">
        <v>13271</v>
      </c>
      <c r="B21414" t="s">
        <v>13272</v>
      </c>
      <c r="C21414" t="s">
        <v>13199</v>
      </c>
      <c r="D21414" t="s">
        <v>13200</v>
      </c>
      <c r="E21414" t="s">
        <v>13165</v>
      </c>
      <c r="F21414" t="s">
        <v>13166</v>
      </c>
      <c r="G21414" t="s">
        <v>10214</v>
      </c>
      <c r="H21414" t="s">
        <v>10215</v>
      </c>
      <c r="I21414" s="2">
        <v>1</v>
      </c>
      <c r="J21414" s="2">
        <v>0</v>
      </c>
      <c r="K21414" s="2">
        <v>0</v>
      </c>
      <c r="L21414" t="s">
        <v>120</v>
      </c>
      <c r="M21414" t="s">
        <v>83</v>
      </c>
      <c r="N21414" t="s">
        <v>84</v>
      </c>
      <c r="O21414" t="s">
        <v>85</v>
      </c>
      <c r="P21414" t="s">
        <v>86</v>
      </c>
      <c r="Q21414">
        <v>2</v>
      </c>
      <c r="R21414">
        <v>3</v>
      </c>
      <c r="S21414">
        <v>3</v>
      </c>
      <c r="T21414">
        <v>3</v>
      </c>
      <c r="U21414">
        <v>3</v>
      </c>
      <c r="V21414">
        <v>3</v>
      </c>
      <c r="W21414">
        <v>3</v>
      </c>
      <c r="X21414">
        <v>3</v>
      </c>
      <c r="Y21414">
        <v>3</v>
      </c>
      <c r="Z21414">
        <v>3</v>
      </c>
      <c r="AA21414">
        <v>3</v>
      </c>
      <c r="AB21414">
        <v>3</v>
      </c>
      <c r="AC21414">
        <v>3</v>
      </c>
      <c r="AD21414">
        <v>3</v>
      </c>
      <c r="AE21414">
        <v>3</v>
      </c>
      <c r="AF21414">
        <v>4</v>
      </c>
      <c r="AG21414">
        <v>4</v>
      </c>
      <c r="AH21414">
        <v>4</v>
      </c>
      <c r="AI21414">
        <v>4</v>
      </c>
      <c r="AJ21414">
        <v>4</v>
      </c>
      <c r="AK21414">
        <v>4</v>
      </c>
      <c r="AL21414">
        <v>4</v>
      </c>
      <c r="AM21414">
        <v>4</v>
      </c>
      <c r="AN21414">
        <v>4</v>
      </c>
      <c r="AO21414">
        <v>4</v>
      </c>
      <c r="AP21414">
        <v>4</v>
      </c>
      <c r="AQ21414">
        <v>4</v>
      </c>
    </row>
    <row r="21415" spans="1:43">
      <c r="A21415" t="s">
        <v>13271</v>
      </c>
      <c r="B21415" t="s">
        <v>13272</v>
      </c>
      <c r="C21415" t="s">
        <v>13199</v>
      </c>
      <c r="D21415" t="s">
        <v>13200</v>
      </c>
      <c r="E21415" t="s">
        <v>13165</v>
      </c>
      <c r="F21415" t="s">
        <v>13166</v>
      </c>
      <c r="G21415" t="s">
        <v>10214</v>
      </c>
      <c r="H21415" t="s">
        <v>10215</v>
      </c>
      <c r="I21415" s="2">
        <v>1</v>
      </c>
      <c r="J21415" s="2">
        <v>0</v>
      </c>
      <c r="K21415" s="2">
        <v>0</v>
      </c>
      <c r="L21415" t="s">
        <v>120</v>
      </c>
      <c r="M21415" t="s">
        <v>87</v>
      </c>
      <c r="N21415" t="s">
        <v>88</v>
      </c>
      <c r="O21415" t="s">
        <v>85</v>
      </c>
      <c r="P21415" t="s">
        <v>86</v>
      </c>
      <c r="Q21415">
        <v>2</v>
      </c>
      <c r="R21415">
        <v>2</v>
      </c>
      <c r="S21415">
        <v>3</v>
      </c>
      <c r="T21415">
        <v>3</v>
      </c>
      <c r="U21415">
        <v>3</v>
      </c>
      <c r="V21415">
        <v>3</v>
      </c>
      <c r="W21415">
        <v>3</v>
      </c>
      <c r="X21415">
        <v>3</v>
      </c>
      <c r="Y21415">
        <v>3</v>
      </c>
      <c r="Z21415">
        <v>3</v>
      </c>
      <c r="AA21415">
        <v>3</v>
      </c>
      <c r="AB21415">
        <v>3</v>
      </c>
      <c r="AC21415">
        <v>3</v>
      </c>
      <c r="AD21415">
        <v>3</v>
      </c>
      <c r="AE21415">
        <v>3</v>
      </c>
      <c r="AF21415">
        <v>3</v>
      </c>
      <c r="AG21415">
        <v>3</v>
      </c>
      <c r="AH21415">
        <v>3</v>
      </c>
      <c r="AI21415">
        <v>3</v>
      </c>
      <c r="AJ21415">
        <v>3</v>
      </c>
      <c r="AK21415">
        <v>3</v>
      </c>
      <c r="AL21415">
        <v>3</v>
      </c>
      <c r="AM21415">
        <v>4</v>
      </c>
      <c r="AN21415">
        <v>4</v>
      </c>
      <c r="AO21415">
        <v>4</v>
      </c>
      <c r="AP21415">
        <v>4</v>
      </c>
      <c r="AQ21415">
        <v>4</v>
      </c>
    </row>
    <row r="21416" spans="1:43">
      <c r="A21416" t="s">
        <v>13271</v>
      </c>
      <c r="B21416" t="s">
        <v>13272</v>
      </c>
      <c r="C21416" t="s">
        <v>13199</v>
      </c>
      <c r="D21416" t="s">
        <v>13200</v>
      </c>
      <c r="E21416" t="s">
        <v>13165</v>
      </c>
      <c r="F21416" t="s">
        <v>13166</v>
      </c>
      <c r="G21416" t="s">
        <v>10214</v>
      </c>
      <c r="H21416" t="s">
        <v>10215</v>
      </c>
      <c r="I21416" s="2">
        <v>1</v>
      </c>
      <c r="J21416" s="2">
        <v>0</v>
      </c>
      <c r="K21416" s="2">
        <v>0</v>
      </c>
      <c r="L21416" t="s">
        <v>120</v>
      </c>
      <c r="M21416" t="s">
        <v>89</v>
      </c>
      <c r="N21416" t="s">
        <v>90</v>
      </c>
      <c r="O21416" t="s">
        <v>85</v>
      </c>
      <c r="P21416" t="s">
        <v>86</v>
      </c>
      <c r="Q21416">
        <v>2</v>
      </c>
      <c r="R21416">
        <v>3</v>
      </c>
      <c r="S21416">
        <v>3</v>
      </c>
      <c r="T21416">
        <v>3</v>
      </c>
      <c r="U21416">
        <v>3</v>
      </c>
      <c r="V21416">
        <v>3</v>
      </c>
      <c r="W21416">
        <v>3</v>
      </c>
      <c r="X21416">
        <v>3</v>
      </c>
      <c r="Y21416">
        <v>3</v>
      </c>
      <c r="Z21416">
        <v>3</v>
      </c>
      <c r="AA21416">
        <v>3</v>
      </c>
      <c r="AB21416">
        <v>3</v>
      </c>
      <c r="AC21416">
        <v>4</v>
      </c>
      <c r="AD21416">
        <v>4</v>
      </c>
      <c r="AE21416">
        <v>4</v>
      </c>
      <c r="AF21416">
        <v>4</v>
      </c>
      <c r="AG21416">
        <v>4</v>
      </c>
      <c r="AH21416">
        <v>4</v>
      </c>
      <c r="AI21416">
        <v>4</v>
      </c>
      <c r="AJ21416">
        <v>4</v>
      </c>
      <c r="AK21416">
        <v>4</v>
      </c>
      <c r="AL21416">
        <v>4</v>
      </c>
      <c r="AM21416">
        <v>4</v>
      </c>
      <c r="AN21416">
        <v>4</v>
      </c>
      <c r="AO21416">
        <v>4</v>
      </c>
      <c r="AP21416">
        <v>4</v>
      </c>
      <c r="AQ21416">
        <v>4</v>
      </c>
    </row>
    <row r="21417" spans="1:43">
      <c r="A21417" t="s">
        <v>13271</v>
      </c>
      <c r="B21417" t="s">
        <v>13272</v>
      </c>
      <c r="C21417" t="s">
        <v>13199</v>
      </c>
      <c r="D21417" t="s">
        <v>13200</v>
      </c>
      <c r="E21417" t="s">
        <v>13165</v>
      </c>
      <c r="F21417" t="s">
        <v>13166</v>
      </c>
      <c r="G21417" t="s">
        <v>10214</v>
      </c>
      <c r="H21417" t="s">
        <v>10215</v>
      </c>
      <c r="I21417" s="2">
        <v>1</v>
      </c>
      <c r="J21417" s="2">
        <v>0</v>
      </c>
      <c r="K21417" s="2">
        <v>0</v>
      </c>
      <c r="L21417" t="s">
        <v>120</v>
      </c>
      <c r="M21417" t="s">
        <v>83</v>
      </c>
      <c r="N21417" t="s">
        <v>91</v>
      </c>
      <c r="O21417" t="s">
        <v>85</v>
      </c>
      <c r="P21417" t="s">
        <v>86</v>
      </c>
      <c r="Q21417">
        <v>2</v>
      </c>
      <c r="R21417">
        <v>3</v>
      </c>
      <c r="S21417">
        <v>3</v>
      </c>
      <c r="T21417">
        <v>3</v>
      </c>
      <c r="U21417">
        <v>3</v>
      </c>
      <c r="V21417">
        <v>3</v>
      </c>
      <c r="W21417">
        <v>3</v>
      </c>
      <c r="X21417">
        <v>3</v>
      </c>
      <c r="Y21417">
        <v>3</v>
      </c>
      <c r="Z21417">
        <v>3</v>
      </c>
      <c r="AA21417">
        <v>3</v>
      </c>
      <c r="AB21417">
        <v>3</v>
      </c>
      <c r="AC21417">
        <v>3</v>
      </c>
      <c r="AD21417">
        <v>3</v>
      </c>
      <c r="AE21417">
        <v>3</v>
      </c>
      <c r="AF21417">
        <v>4</v>
      </c>
      <c r="AG21417">
        <v>4</v>
      </c>
      <c r="AH21417">
        <v>4</v>
      </c>
      <c r="AI21417">
        <v>4</v>
      </c>
      <c r="AJ21417">
        <v>4</v>
      </c>
      <c r="AK21417">
        <v>4</v>
      </c>
      <c r="AL21417">
        <v>4</v>
      </c>
      <c r="AM21417">
        <v>4</v>
      </c>
      <c r="AN21417">
        <v>4</v>
      </c>
      <c r="AO21417">
        <v>4</v>
      </c>
      <c r="AP21417">
        <v>4</v>
      </c>
      <c r="AQ21417">
        <v>4</v>
      </c>
    </row>
    <row r="21418" spans="1:43">
      <c r="A21418" t="s">
        <v>13273</v>
      </c>
      <c r="B21418" t="s">
        <v>13274</v>
      </c>
      <c r="C21418" t="s">
        <v>13199</v>
      </c>
      <c r="D21418" t="s">
        <v>13200</v>
      </c>
      <c r="E21418" t="s">
        <v>13165</v>
      </c>
      <c r="F21418" t="s">
        <v>13166</v>
      </c>
      <c r="G21418" t="s">
        <v>10214</v>
      </c>
      <c r="H21418" t="s">
        <v>10215</v>
      </c>
      <c r="I21418" s="2">
        <v>1</v>
      </c>
      <c r="J21418" s="2">
        <v>0</v>
      </c>
      <c r="K21418" s="2">
        <v>0</v>
      </c>
      <c r="L21418" t="s">
        <v>120</v>
      </c>
      <c r="M21418" t="s">
        <v>83</v>
      </c>
      <c r="N21418" t="s">
        <v>84</v>
      </c>
      <c r="O21418" t="s">
        <v>85</v>
      </c>
      <c r="P21418" t="s">
        <v>86</v>
      </c>
      <c r="Q21418">
        <v>9</v>
      </c>
      <c r="R21418">
        <v>9</v>
      </c>
      <c r="S21418">
        <v>9</v>
      </c>
      <c r="T21418">
        <v>9</v>
      </c>
      <c r="U21418">
        <v>9</v>
      </c>
      <c r="V21418">
        <v>10</v>
      </c>
      <c r="W21418">
        <v>10</v>
      </c>
      <c r="X21418">
        <v>10</v>
      </c>
      <c r="Y21418">
        <v>10</v>
      </c>
      <c r="Z21418">
        <v>11</v>
      </c>
      <c r="AA21418">
        <v>11</v>
      </c>
      <c r="AB21418">
        <v>11</v>
      </c>
      <c r="AC21418">
        <v>12</v>
      </c>
      <c r="AD21418">
        <v>12</v>
      </c>
      <c r="AE21418">
        <v>12</v>
      </c>
      <c r="AF21418">
        <v>12</v>
      </c>
      <c r="AG21418">
        <v>13</v>
      </c>
      <c r="AH21418">
        <v>13</v>
      </c>
      <c r="AI21418">
        <v>13</v>
      </c>
      <c r="AJ21418">
        <v>14</v>
      </c>
      <c r="AK21418">
        <v>14</v>
      </c>
      <c r="AL21418">
        <v>14</v>
      </c>
      <c r="AM21418">
        <v>14</v>
      </c>
      <c r="AN21418">
        <v>15</v>
      </c>
      <c r="AO21418">
        <v>15</v>
      </c>
      <c r="AP21418">
        <v>15</v>
      </c>
      <c r="AQ21418">
        <v>15</v>
      </c>
    </row>
    <row r="21419" spans="1:43">
      <c r="A21419" t="s">
        <v>13273</v>
      </c>
      <c r="B21419" t="s">
        <v>13274</v>
      </c>
      <c r="C21419" t="s">
        <v>13199</v>
      </c>
      <c r="D21419" t="s">
        <v>13200</v>
      </c>
      <c r="E21419" t="s">
        <v>13165</v>
      </c>
      <c r="F21419" t="s">
        <v>13166</v>
      </c>
      <c r="G21419" t="s">
        <v>10214</v>
      </c>
      <c r="H21419" t="s">
        <v>10215</v>
      </c>
      <c r="I21419" s="2">
        <v>1</v>
      </c>
      <c r="J21419" s="2">
        <v>0</v>
      </c>
      <c r="K21419" s="2">
        <v>0</v>
      </c>
      <c r="L21419" t="s">
        <v>120</v>
      </c>
      <c r="M21419" t="s">
        <v>87</v>
      </c>
      <c r="N21419" t="s">
        <v>88</v>
      </c>
      <c r="O21419" t="s">
        <v>85</v>
      </c>
      <c r="P21419" t="s">
        <v>86</v>
      </c>
      <c r="Q21419">
        <v>9</v>
      </c>
      <c r="R21419">
        <v>10</v>
      </c>
      <c r="S21419">
        <v>10</v>
      </c>
      <c r="T21419">
        <v>10</v>
      </c>
      <c r="U21419">
        <v>10</v>
      </c>
      <c r="V21419">
        <v>10</v>
      </c>
      <c r="W21419">
        <v>10</v>
      </c>
      <c r="X21419">
        <v>11</v>
      </c>
      <c r="Y21419">
        <v>11</v>
      </c>
      <c r="Z21419">
        <v>11</v>
      </c>
      <c r="AA21419">
        <v>11</v>
      </c>
      <c r="AB21419">
        <v>11</v>
      </c>
      <c r="AC21419">
        <v>11</v>
      </c>
      <c r="AD21419">
        <v>12</v>
      </c>
      <c r="AE21419">
        <v>12</v>
      </c>
      <c r="AF21419">
        <v>12</v>
      </c>
      <c r="AG21419">
        <v>12</v>
      </c>
      <c r="AH21419">
        <v>12</v>
      </c>
      <c r="AI21419">
        <v>12</v>
      </c>
      <c r="AJ21419">
        <v>13</v>
      </c>
      <c r="AK21419">
        <v>13</v>
      </c>
      <c r="AL21419">
        <v>13</v>
      </c>
      <c r="AM21419">
        <v>13</v>
      </c>
      <c r="AN21419">
        <v>14</v>
      </c>
      <c r="AO21419">
        <v>14</v>
      </c>
      <c r="AP21419">
        <v>14</v>
      </c>
      <c r="AQ21419">
        <v>14</v>
      </c>
    </row>
    <row r="21420" spans="1:43">
      <c r="A21420" t="s">
        <v>13273</v>
      </c>
      <c r="B21420" t="s">
        <v>13274</v>
      </c>
      <c r="C21420" t="s">
        <v>13199</v>
      </c>
      <c r="D21420" t="s">
        <v>13200</v>
      </c>
      <c r="E21420" t="s">
        <v>13165</v>
      </c>
      <c r="F21420" t="s">
        <v>13166</v>
      </c>
      <c r="G21420" t="s">
        <v>10214</v>
      </c>
      <c r="H21420" t="s">
        <v>10215</v>
      </c>
      <c r="I21420" s="2">
        <v>1</v>
      </c>
      <c r="J21420" s="2">
        <v>0</v>
      </c>
      <c r="K21420" s="2">
        <v>0</v>
      </c>
      <c r="L21420" t="s">
        <v>120</v>
      </c>
      <c r="M21420" t="s">
        <v>89</v>
      </c>
      <c r="N21420" t="s">
        <v>90</v>
      </c>
      <c r="O21420" t="s">
        <v>85</v>
      </c>
      <c r="P21420" t="s">
        <v>86</v>
      </c>
      <c r="Q21420">
        <v>9</v>
      </c>
      <c r="R21420">
        <v>9</v>
      </c>
      <c r="S21420">
        <v>9</v>
      </c>
      <c r="T21420">
        <v>10</v>
      </c>
      <c r="U21420">
        <v>10</v>
      </c>
      <c r="V21420">
        <v>10</v>
      </c>
      <c r="W21420">
        <v>10</v>
      </c>
      <c r="X21420">
        <v>11</v>
      </c>
      <c r="Y21420">
        <v>11</v>
      </c>
      <c r="Z21420">
        <v>11</v>
      </c>
      <c r="AA21420">
        <v>12</v>
      </c>
      <c r="AB21420">
        <v>12</v>
      </c>
      <c r="AC21420">
        <v>12</v>
      </c>
      <c r="AD21420">
        <v>13</v>
      </c>
      <c r="AE21420">
        <v>13</v>
      </c>
      <c r="AF21420">
        <v>13</v>
      </c>
      <c r="AG21420">
        <v>13</v>
      </c>
      <c r="AH21420">
        <v>13</v>
      </c>
      <c r="AI21420">
        <v>14</v>
      </c>
      <c r="AJ21420">
        <v>14</v>
      </c>
      <c r="AK21420">
        <v>14</v>
      </c>
      <c r="AL21420">
        <v>14</v>
      </c>
      <c r="AM21420">
        <v>14</v>
      </c>
      <c r="AN21420">
        <v>15</v>
      </c>
      <c r="AO21420">
        <v>15</v>
      </c>
      <c r="AP21420">
        <v>15</v>
      </c>
      <c r="AQ21420">
        <v>15</v>
      </c>
    </row>
    <row r="21421" spans="1:43">
      <c r="A21421" t="s">
        <v>13273</v>
      </c>
      <c r="B21421" t="s">
        <v>13274</v>
      </c>
      <c r="C21421" t="s">
        <v>13199</v>
      </c>
      <c r="D21421" t="s">
        <v>13200</v>
      </c>
      <c r="E21421" t="s">
        <v>13165</v>
      </c>
      <c r="F21421" t="s">
        <v>13166</v>
      </c>
      <c r="G21421" t="s">
        <v>10214</v>
      </c>
      <c r="H21421" t="s">
        <v>10215</v>
      </c>
      <c r="I21421" s="2">
        <v>1</v>
      </c>
      <c r="J21421" s="2">
        <v>0</v>
      </c>
      <c r="K21421" s="2">
        <v>0</v>
      </c>
      <c r="L21421" t="s">
        <v>120</v>
      </c>
      <c r="M21421" t="s">
        <v>83</v>
      </c>
      <c r="N21421" t="s">
        <v>91</v>
      </c>
      <c r="O21421" t="s">
        <v>85</v>
      </c>
      <c r="P21421" t="s">
        <v>86</v>
      </c>
      <c r="Q21421">
        <v>9</v>
      </c>
      <c r="R21421">
        <v>9</v>
      </c>
      <c r="S21421">
        <v>9</v>
      </c>
      <c r="T21421">
        <v>9</v>
      </c>
      <c r="U21421">
        <v>9</v>
      </c>
      <c r="V21421">
        <v>10</v>
      </c>
      <c r="W21421">
        <v>10</v>
      </c>
      <c r="X21421">
        <v>10</v>
      </c>
      <c r="Y21421">
        <v>10</v>
      </c>
      <c r="Z21421">
        <v>11</v>
      </c>
      <c r="AA21421">
        <v>11</v>
      </c>
      <c r="AB21421">
        <v>11</v>
      </c>
      <c r="AC21421">
        <v>12</v>
      </c>
      <c r="AD21421">
        <v>12</v>
      </c>
      <c r="AE21421">
        <v>12</v>
      </c>
      <c r="AF21421">
        <v>12</v>
      </c>
      <c r="AG21421">
        <v>13</v>
      </c>
      <c r="AH21421">
        <v>13</v>
      </c>
      <c r="AI21421">
        <v>13</v>
      </c>
      <c r="AJ21421">
        <v>14</v>
      </c>
      <c r="AK21421">
        <v>14</v>
      </c>
      <c r="AL21421">
        <v>14</v>
      </c>
      <c r="AM21421">
        <v>14</v>
      </c>
      <c r="AN21421">
        <v>15</v>
      </c>
      <c r="AO21421">
        <v>15</v>
      </c>
      <c r="AP21421">
        <v>15</v>
      </c>
      <c r="AQ21421">
        <v>15</v>
      </c>
    </row>
    <row r="21422" spans="1:43">
      <c r="A21422" t="s">
        <v>13275</v>
      </c>
      <c r="B21422" t="s">
        <v>13276</v>
      </c>
      <c r="C21422" t="s">
        <v>13175</v>
      </c>
      <c r="D21422" t="s">
        <v>13176</v>
      </c>
      <c r="E21422" t="s">
        <v>13165</v>
      </c>
      <c r="F21422" t="s">
        <v>13166</v>
      </c>
      <c r="G21422" t="s">
        <v>10214</v>
      </c>
      <c r="H21422" t="s">
        <v>10215</v>
      </c>
      <c r="I21422" s="2">
        <v>1</v>
      </c>
      <c r="J21422" s="2">
        <v>0</v>
      </c>
      <c r="K21422" s="2">
        <v>0</v>
      </c>
      <c r="L21422" t="s">
        <v>120</v>
      </c>
      <c r="M21422" t="s">
        <v>83</v>
      </c>
      <c r="N21422" t="s">
        <v>84</v>
      </c>
      <c r="O21422" t="s">
        <v>85</v>
      </c>
      <c r="P21422" t="s">
        <v>86</v>
      </c>
      <c r="Q21422">
        <v>13</v>
      </c>
      <c r="R21422">
        <v>14</v>
      </c>
      <c r="S21422">
        <v>14</v>
      </c>
      <c r="T21422">
        <v>14</v>
      </c>
      <c r="U21422">
        <v>15</v>
      </c>
      <c r="V21422">
        <v>15</v>
      </c>
      <c r="W21422">
        <v>15</v>
      </c>
      <c r="X21422">
        <v>16</v>
      </c>
      <c r="Y21422">
        <v>16</v>
      </c>
      <c r="Z21422">
        <v>17</v>
      </c>
      <c r="AA21422">
        <v>17</v>
      </c>
      <c r="AB21422">
        <v>17</v>
      </c>
      <c r="AC21422">
        <v>18</v>
      </c>
      <c r="AD21422">
        <v>18</v>
      </c>
      <c r="AE21422">
        <v>19</v>
      </c>
      <c r="AF21422">
        <v>19</v>
      </c>
      <c r="AG21422">
        <v>20</v>
      </c>
      <c r="AH21422">
        <v>20</v>
      </c>
      <c r="AI21422">
        <v>21</v>
      </c>
      <c r="AJ21422">
        <v>21</v>
      </c>
      <c r="AK21422">
        <v>22</v>
      </c>
      <c r="AL21422">
        <v>22</v>
      </c>
      <c r="AM21422">
        <v>22</v>
      </c>
      <c r="AN21422">
        <v>23</v>
      </c>
      <c r="AO21422">
        <v>23</v>
      </c>
      <c r="AP21422">
        <v>23</v>
      </c>
      <c r="AQ21422">
        <v>24</v>
      </c>
    </row>
    <row r="21423" spans="1:43">
      <c r="A21423" t="s">
        <v>13275</v>
      </c>
      <c r="B21423" t="s">
        <v>13276</v>
      </c>
      <c r="C21423" t="s">
        <v>13175</v>
      </c>
      <c r="D21423" t="s">
        <v>13176</v>
      </c>
      <c r="E21423" t="s">
        <v>13165</v>
      </c>
      <c r="F21423" t="s">
        <v>13166</v>
      </c>
      <c r="G21423" t="s">
        <v>10214</v>
      </c>
      <c r="H21423" t="s">
        <v>10215</v>
      </c>
      <c r="I21423" s="2">
        <v>1</v>
      </c>
      <c r="J21423" s="2">
        <v>0</v>
      </c>
      <c r="K21423" s="2">
        <v>0</v>
      </c>
      <c r="L21423" t="s">
        <v>120</v>
      </c>
      <c r="M21423" t="s">
        <v>87</v>
      </c>
      <c r="N21423" t="s">
        <v>88</v>
      </c>
      <c r="O21423" t="s">
        <v>85</v>
      </c>
      <c r="P21423" t="s">
        <v>86</v>
      </c>
      <c r="Q21423">
        <v>13</v>
      </c>
      <c r="R21423">
        <v>13</v>
      </c>
      <c r="S21423">
        <v>14</v>
      </c>
      <c r="T21423">
        <v>14</v>
      </c>
      <c r="U21423">
        <v>14</v>
      </c>
      <c r="V21423">
        <v>14</v>
      </c>
      <c r="W21423">
        <v>15</v>
      </c>
      <c r="X21423">
        <v>15</v>
      </c>
      <c r="Y21423">
        <v>15</v>
      </c>
      <c r="Z21423">
        <v>15</v>
      </c>
      <c r="AA21423">
        <v>16</v>
      </c>
      <c r="AB21423">
        <v>16</v>
      </c>
      <c r="AC21423">
        <v>16</v>
      </c>
      <c r="AD21423">
        <v>16</v>
      </c>
      <c r="AE21423">
        <v>17</v>
      </c>
      <c r="AF21423">
        <v>17</v>
      </c>
      <c r="AG21423">
        <v>17</v>
      </c>
      <c r="AH21423">
        <v>18</v>
      </c>
      <c r="AI21423">
        <v>18</v>
      </c>
      <c r="AJ21423">
        <v>18</v>
      </c>
      <c r="AK21423">
        <v>18</v>
      </c>
      <c r="AL21423">
        <v>19</v>
      </c>
      <c r="AM21423">
        <v>19</v>
      </c>
      <c r="AN21423">
        <v>19</v>
      </c>
      <c r="AO21423">
        <v>20</v>
      </c>
      <c r="AP21423">
        <v>20</v>
      </c>
      <c r="AQ21423">
        <v>21</v>
      </c>
    </row>
    <row r="21424" spans="1:43">
      <c r="A21424" t="s">
        <v>13275</v>
      </c>
      <c r="B21424" t="s">
        <v>13276</v>
      </c>
      <c r="C21424" t="s">
        <v>13175</v>
      </c>
      <c r="D21424" t="s">
        <v>13176</v>
      </c>
      <c r="E21424" t="s">
        <v>13165</v>
      </c>
      <c r="F21424" t="s">
        <v>13166</v>
      </c>
      <c r="G21424" t="s">
        <v>10214</v>
      </c>
      <c r="H21424" t="s">
        <v>10215</v>
      </c>
      <c r="I21424" s="2">
        <v>1</v>
      </c>
      <c r="J21424" s="2">
        <v>0</v>
      </c>
      <c r="K21424" s="2">
        <v>0</v>
      </c>
      <c r="L21424" t="s">
        <v>120</v>
      </c>
      <c r="M21424" t="s">
        <v>89</v>
      </c>
      <c r="N21424" t="s">
        <v>90</v>
      </c>
      <c r="O21424" t="s">
        <v>85</v>
      </c>
      <c r="P21424" t="s">
        <v>86</v>
      </c>
      <c r="Q21424">
        <v>13</v>
      </c>
      <c r="R21424">
        <v>14</v>
      </c>
      <c r="S21424">
        <v>14</v>
      </c>
      <c r="T21424">
        <v>15</v>
      </c>
      <c r="U21424">
        <v>15</v>
      </c>
      <c r="V21424">
        <v>16</v>
      </c>
      <c r="W21424">
        <v>16</v>
      </c>
      <c r="X21424">
        <v>17</v>
      </c>
      <c r="Y21424">
        <v>17</v>
      </c>
      <c r="Z21424">
        <v>18</v>
      </c>
      <c r="AA21424">
        <v>18</v>
      </c>
      <c r="AB21424">
        <v>19</v>
      </c>
      <c r="AC21424">
        <v>19</v>
      </c>
      <c r="AD21424">
        <v>20</v>
      </c>
      <c r="AE21424">
        <v>20</v>
      </c>
      <c r="AF21424">
        <v>20</v>
      </c>
      <c r="AG21424">
        <v>21</v>
      </c>
      <c r="AH21424">
        <v>21</v>
      </c>
      <c r="AI21424">
        <v>21</v>
      </c>
      <c r="AJ21424">
        <v>22</v>
      </c>
      <c r="AK21424">
        <v>22</v>
      </c>
      <c r="AL21424">
        <v>22</v>
      </c>
      <c r="AM21424">
        <v>23</v>
      </c>
      <c r="AN21424">
        <v>23</v>
      </c>
      <c r="AO21424">
        <v>23</v>
      </c>
      <c r="AP21424">
        <v>24</v>
      </c>
      <c r="AQ21424">
        <v>24</v>
      </c>
    </row>
    <row r="21425" spans="1:43">
      <c r="A21425" t="s">
        <v>13275</v>
      </c>
      <c r="B21425" t="s">
        <v>13276</v>
      </c>
      <c r="C21425" t="s">
        <v>13175</v>
      </c>
      <c r="D21425" t="s">
        <v>13176</v>
      </c>
      <c r="E21425" t="s">
        <v>13165</v>
      </c>
      <c r="F21425" t="s">
        <v>13166</v>
      </c>
      <c r="G21425" t="s">
        <v>10214</v>
      </c>
      <c r="H21425" t="s">
        <v>10215</v>
      </c>
      <c r="I21425" s="2">
        <v>1</v>
      </c>
      <c r="J21425" s="2">
        <v>0</v>
      </c>
      <c r="K21425" s="2">
        <v>0</v>
      </c>
      <c r="L21425" t="s">
        <v>120</v>
      </c>
      <c r="M21425" t="s">
        <v>83</v>
      </c>
      <c r="N21425" t="s">
        <v>91</v>
      </c>
      <c r="O21425" t="s">
        <v>85</v>
      </c>
      <c r="P21425" t="s">
        <v>86</v>
      </c>
      <c r="Q21425">
        <v>13</v>
      </c>
      <c r="R21425">
        <v>14</v>
      </c>
      <c r="S21425">
        <v>14</v>
      </c>
      <c r="T21425">
        <v>14</v>
      </c>
      <c r="U21425">
        <v>15</v>
      </c>
      <c r="V21425">
        <v>15</v>
      </c>
      <c r="W21425">
        <v>15</v>
      </c>
      <c r="X21425">
        <v>16</v>
      </c>
      <c r="Y21425">
        <v>16</v>
      </c>
      <c r="Z21425">
        <v>17</v>
      </c>
      <c r="AA21425">
        <v>17</v>
      </c>
      <c r="AB21425">
        <v>17</v>
      </c>
      <c r="AC21425">
        <v>18</v>
      </c>
      <c r="AD21425">
        <v>18</v>
      </c>
      <c r="AE21425">
        <v>19</v>
      </c>
      <c r="AF21425">
        <v>19</v>
      </c>
      <c r="AG21425">
        <v>20</v>
      </c>
      <c r="AH21425">
        <v>20</v>
      </c>
      <c r="AI21425">
        <v>21</v>
      </c>
      <c r="AJ21425">
        <v>21</v>
      </c>
      <c r="AK21425">
        <v>22</v>
      </c>
      <c r="AL21425">
        <v>22</v>
      </c>
      <c r="AM21425">
        <v>22</v>
      </c>
      <c r="AN21425">
        <v>23</v>
      </c>
      <c r="AO21425">
        <v>23</v>
      </c>
      <c r="AP21425">
        <v>23</v>
      </c>
      <c r="AQ21425">
        <v>24</v>
      </c>
    </row>
    <row r="21426" spans="1:43">
      <c r="A21426" t="s">
        <v>13277</v>
      </c>
      <c r="B21426" t="s">
        <v>13278</v>
      </c>
      <c r="C21426" t="s">
        <v>13175</v>
      </c>
      <c r="D21426" t="s">
        <v>13176</v>
      </c>
      <c r="E21426" t="s">
        <v>13165</v>
      </c>
      <c r="F21426" t="s">
        <v>13166</v>
      </c>
      <c r="G21426" t="s">
        <v>10214</v>
      </c>
      <c r="H21426" t="s">
        <v>10215</v>
      </c>
      <c r="I21426" s="2">
        <v>1</v>
      </c>
      <c r="J21426" s="2">
        <v>0</v>
      </c>
      <c r="K21426" s="2">
        <v>0</v>
      </c>
      <c r="L21426" t="s">
        <v>120</v>
      </c>
      <c r="M21426" t="s">
        <v>83</v>
      </c>
      <c r="N21426" t="s">
        <v>84</v>
      </c>
      <c r="O21426" t="s">
        <v>85</v>
      </c>
      <c r="P21426" t="s">
        <v>86</v>
      </c>
      <c r="Q21426">
        <v>26</v>
      </c>
      <c r="R21426">
        <v>27</v>
      </c>
      <c r="S21426">
        <v>27</v>
      </c>
      <c r="T21426">
        <v>28</v>
      </c>
      <c r="U21426">
        <v>29</v>
      </c>
      <c r="V21426">
        <v>30</v>
      </c>
      <c r="W21426">
        <v>30</v>
      </c>
      <c r="X21426">
        <v>31</v>
      </c>
      <c r="Y21426">
        <v>32</v>
      </c>
      <c r="Z21426">
        <v>33</v>
      </c>
      <c r="AA21426">
        <v>33</v>
      </c>
      <c r="AB21426">
        <v>34</v>
      </c>
      <c r="AC21426">
        <v>35</v>
      </c>
      <c r="AD21426">
        <v>36</v>
      </c>
      <c r="AE21426">
        <v>37</v>
      </c>
      <c r="AF21426">
        <v>38</v>
      </c>
      <c r="AG21426">
        <v>38</v>
      </c>
      <c r="AH21426">
        <v>39</v>
      </c>
      <c r="AI21426">
        <v>40</v>
      </c>
      <c r="AJ21426">
        <v>41</v>
      </c>
      <c r="AK21426">
        <v>42</v>
      </c>
      <c r="AL21426">
        <v>43</v>
      </c>
      <c r="AM21426">
        <v>44</v>
      </c>
      <c r="AN21426">
        <v>44</v>
      </c>
      <c r="AO21426">
        <v>45</v>
      </c>
      <c r="AP21426">
        <v>46</v>
      </c>
      <c r="AQ21426">
        <v>46</v>
      </c>
    </row>
    <row r="21427" spans="1:43">
      <c r="A21427" t="s">
        <v>13277</v>
      </c>
      <c r="B21427" t="s">
        <v>13278</v>
      </c>
      <c r="C21427" t="s">
        <v>13175</v>
      </c>
      <c r="D21427" t="s">
        <v>13176</v>
      </c>
      <c r="E21427" t="s">
        <v>13165</v>
      </c>
      <c r="F21427" t="s">
        <v>13166</v>
      </c>
      <c r="G21427" t="s">
        <v>10214</v>
      </c>
      <c r="H21427" t="s">
        <v>10215</v>
      </c>
      <c r="I21427" s="2">
        <v>1</v>
      </c>
      <c r="J21427" s="2">
        <v>0</v>
      </c>
      <c r="K21427" s="2">
        <v>0</v>
      </c>
      <c r="L21427" t="s">
        <v>120</v>
      </c>
      <c r="M21427" t="s">
        <v>87</v>
      </c>
      <c r="N21427" t="s">
        <v>88</v>
      </c>
      <c r="O21427" t="s">
        <v>85</v>
      </c>
      <c r="P21427" t="s">
        <v>86</v>
      </c>
      <c r="Q21427">
        <v>26</v>
      </c>
      <c r="R21427">
        <v>26</v>
      </c>
      <c r="S21427">
        <v>27</v>
      </c>
      <c r="T21427">
        <v>27</v>
      </c>
      <c r="U21427">
        <v>28</v>
      </c>
      <c r="V21427">
        <v>28</v>
      </c>
      <c r="W21427">
        <v>28</v>
      </c>
      <c r="X21427">
        <v>29</v>
      </c>
      <c r="Y21427">
        <v>29</v>
      </c>
      <c r="Z21427">
        <v>30</v>
      </c>
      <c r="AA21427">
        <v>30</v>
      </c>
      <c r="AB21427">
        <v>31</v>
      </c>
      <c r="AC21427">
        <v>31</v>
      </c>
      <c r="AD21427">
        <v>32</v>
      </c>
      <c r="AE21427">
        <v>33</v>
      </c>
      <c r="AF21427">
        <v>33</v>
      </c>
      <c r="AG21427">
        <v>34</v>
      </c>
      <c r="AH21427">
        <v>34</v>
      </c>
      <c r="AI21427">
        <v>35</v>
      </c>
      <c r="AJ21427">
        <v>35</v>
      </c>
      <c r="AK21427">
        <v>36</v>
      </c>
      <c r="AL21427">
        <v>37</v>
      </c>
      <c r="AM21427">
        <v>37</v>
      </c>
      <c r="AN21427">
        <v>38</v>
      </c>
      <c r="AO21427">
        <v>39</v>
      </c>
      <c r="AP21427">
        <v>39</v>
      </c>
      <c r="AQ21427">
        <v>40</v>
      </c>
    </row>
    <row r="21428" spans="1:43">
      <c r="A21428" t="s">
        <v>13277</v>
      </c>
      <c r="B21428" t="s">
        <v>13278</v>
      </c>
      <c r="C21428" t="s">
        <v>13175</v>
      </c>
      <c r="D21428" t="s">
        <v>13176</v>
      </c>
      <c r="E21428" t="s">
        <v>13165</v>
      </c>
      <c r="F21428" t="s">
        <v>13166</v>
      </c>
      <c r="G21428" t="s">
        <v>10214</v>
      </c>
      <c r="H21428" t="s">
        <v>10215</v>
      </c>
      <c r="I21428" s="2">
        <v>1</v>
      </c>
      <c r="J21428" s="2">
        <v>0</v>
      </c>
      <c r="K21428" s="2">
        <v>0</v>
      </c>
      <c r="L21428" t="s">
        <v>120</v>
      </c>
      <c r="M21428" t="s">
        <v>89</v>
      </c>
      <c r="N21428" t="s">
        <v>90</v>
      </c>
      <c r="O21428" t="s">
        <v>85</v>
      </c>
      <c r="P21428" t="s">
        <v>86</v>
      </c>
      <c r="Q21428">
        <v>26</v>
      </c>
      <c r="R21428">
        <v>27</v>
      </c>
      <c r="S21428">
        <v>28</v>
      </c>
      <c r="T21428">
        <v>29</v>
      </c>
      <c r="U21428">
        <v>30</v>
      </c>
      <c r="V21428">
        <v>31</v>
      </c>
      <c r="W21428">
        <v>32</v>
      </c>
      <c r="X21428">
        <v>33</v>
      </c>
      <c r="Y21428">
        <v>34</v>
      </c>
      <c r="Z21428">
        <v>35</v>
      </c>
      <c r="AA21428">
        <v>35</v>
      </c>
      <c r="AB21428">
        <v>36</v>
      </c>
      <c r="AC21428">
        <v>37</v>
      </c>
      <c r="AD21428">
        <v>38</v>
      </c>
      <c r="AE21428">
        <v>39</v>
      </c>
      <c r="AF21428">
        <v>40</v>
      </c>
      <c r="AG21428">
        <v>40</v>
      </c>
      <c r="AH21428">
        <v>41</v>
      </c>
      <c r="AI21428">
        <v>42</v>
      </c>
      <c r="AJ21428">
        <v>42</v>
      </c>
      <c r="AK21428">
        <v>43</v>
      </c>
      <c r="AL21428">
        <v>43</v>
      </c>
      <c r="AM21428">
        <v>44</v>
      </c>
      <c r="AN21428">
        <v>45</v>
      </c>
      <c r="AO21428">
        <v>45</v>
      </c>
      <c r="AP21428">
        <v>46</v>
      </c>
      <c r="AQ21428">
        <v>47</v>
      </c>
    </row>
    <row r="21429" spans="1:43">
      <c r="A21429" t="s">
        <v>13277</v>
      </c>
      <c r="B21429" t="s">
        <v>13278</v>
      </c>
      <c r="C21429" t="s">
        <v>13175</v>
      </c>
      <c r="D21429" t="s">
        <v>13176</v>
      </c>
      <c r="E21429" t="s">
        <v>13165</v>
      </c>
      <c r="F21429" t="s">
        <v>13166</v>
      </c>
      <c r="G21429" t="s">
        <v>10214</v>
      </c>
      <c r="H21429" t="s">
        <v>10215</v>
      </c>
      <c r="I21429" s="2">
        <v>1</v>
      </c>
      <c r="J21429" s="2">
        <v>0</v>
      </c>
      <c r="K21429" s="2">
        <v>0</v>
      </c>
      <c r="L21429" t="s">
        <v>120</v>
      </c>
      <c r="M21429" t="s">
        <v>83</v>
      </c>
      <c r="N21429" t="s">
        <v>91</v>
      </c>
      <c r="O21429" t="s">
        <v>85</v>
      </c>
      <c r="P21429" t="s">
        <v>86</v>
      </c>
      <c r="Q21429">
        <v>26</v>
      </c>
      <c r="R21429">
        <v>27</v>
      </c>
      <c r="S21429">
        <v>27</v>
      </c>
      <c r="T21429">
        <v>28</v>
      </c>
      <c r="U21429">
        <v>29</v>
      </c>
      <c r="V21429">
        <v>30</v>
      </c>
      <c r="W21429">
        <v>30</v>
      </c>
      <c r="X21429">
        <v>31</v>
      </c>
      <c r="Y21429">
        <v>32</v>
      </c>
      <c r="Z21429">
        <v>33</v>
      </c>
      <c r="AA21429">
        <v>33</v>
      </c>
      <c r="AB21429">
        <v>34</v>
      </c>
      <c r="AC21429">
        <v>35</v>
      </c>
      <c r="AD21429">
        <v>36</v>
      </c>
      <c r="AE21429">
        <v>37</v>
      </c>
      <c r="AF21429">
        <v>38</v>
      </c>
      <c r="AG21429">
        <v>38</v>
      </c>
      <c r="AH21429">
        <v>39</v>
      </c>
      <c r="AI21429">
        <v>40</v>
      </c>
      <c r="AJ21429">
        <v>41</v>
      </c>
      <c r="AK21429">
        <v>42</v>
      </c>
      <c r="AL21429">
        <v>43</v>
      </c>
      <c r="AM21429">
        <v>44</v>
      </c>
      <c r="AN21429">
        <v>44</v>
      </c>
      <c r="AO21429">
        <v>45</v>
      </c>
      <c r="AP21429">
        <v>46</v>
      </c>
      <c r="AQ21429">
        <v>46</v>
      </c>
    </row>
    <row r="21430" spans="1:43">
      <c r="A21430" t="s">
        <v>13279</v>
      </c>
      <c r="B21430" t="s">
        <v>13280</v>
      </c>
      <c r="C21430" t="s">
        <v>13179</v>
      </c>
      <c r="D21430" t="s">
        <v>13180</v>
      </c>
      <c r="E21430" t="s">
        <v>13165</v>
      </c>
      <c r="F21430" t="s">
        <v>13166</v>
      </c>
      <c r="G21430" t="s">
        <v>10214</v>
      </c>
      <c r="H21430" t="s">
        <v>10215</v>
      </c>
      <c r="I21430" s="2">
        <v>1</v>
      </c>
      <c r="J21430" s="2">
        <v>0</v>
      </c>
      <c r="K21430" s="2">
        <v>0</v>
      </c>
      <c r="L21430" t="s">
        <v>120</v>
      </c>
      <c r="M21430" t="s">
        <v>83</v>
      </c>
      <c r="N21430" t="s">
        <v>84</v>
      </c>
      <c r="O21430" t="s">
        <v>85</v>
      </c>
      <c r="P21430" t="s">
        <v>86</v>
      </c>
      <c r="Q21430">
        <v>22</v>
      </c>
      <c r="R21430">
        <v>23</v>
      </c>
      <c r="S21430">
        <v>24</v>
      </c>
      <c r="T21430">
        <v>24</v>
      </c>
      <c r="U21430">
        <v>25</v>
      </c>
      <c r="V21430">
        <v>26</v>
      </c>
      <c r="W21430">
        <v>26</v>
      </c>
      <c r="X21430">
        <v>27</v>
      </c>
      <c r="Y21430">
        <v>28</v>
      </c>
      <c r="Z21430">
        <v>28</v>
      </c>
      <c r="AA21430">
        <v>29</v>
      </c>
      <c r="AB21430">
        <v>30</v>
      </c>
      <c r="AC21430">
        <v>30</v>
      </c>
      <c r="AD21430">
        <v>31</v>
      </c>
      <c r="AE21430">
        <v>32</v>
      </c>
      <c r="AF21430">
        <v>32</v>
      </c>
      <c r="AG21430">
        <v>33</v>
      </c>
      <c r="AH21430">
        <v>34</v>
      </c>
      <c r="AI21430">
        <v>35</v>
      </c>
      <c r="AJ21430">
        <v>36</v>
      </c>
      <c r="AK21430">
        <v>36</v>
      </c>
      <c r="AL21430">
        <v>37</v>
      </c>
      <c r="AM21430">
        <v>38</v>
      </c>
      <c r="AN21430">
        <v>38</v>
      </c>
      <c r="AO21430">
        <v>39</v>
      </c>
      <c r="AP21430">
        <v>39</v>
      </c>
      <c r="AQ21430">
        <v>40</v>
      </c>
    </row>
    <row r="21431" spans="1:43">
      <c r="A21431" t="s">
        <v>13279</v>
      </c>
      <c r="B21431" t="s">
        <v>13280</v>
      </c>
      <c r="C21431" t="s">
        <v>13179</v>
      </c>
      <c r="D21431" t="s">
        <v>13180</v>
      </c>
      <c r="E21431" t="s">
        <v>13165</v>
      </c>
      <c r="F21431" t="s">
        <v>13166</v>
      </c>
      <c r="G21431" t="s">
        <v>10214</v>
      </c>
      <c r="H21431" t="s">
        <v>10215</v>
      </c>
      <c r="I21431" s="2">
        <v>1</v>
      </c>
      <c r="J21431" s="2">
        <v>0</v>
      </c>
      <c r="K21431" s="2">
        <v>0</v>
      </c>
      <c r="L21431" t="s">
        <v>120</v>
      </c>
      <c r="M21431" t="s">
        <v>87</v>
      </c>
      <c r="N21431" t="s">
        <v>88</v>
      </c>
      <c r="O21431" t="s">
        <v>85</v>
      </c>
      <c r="P21431" t="s">
        <v>86</v>
      </c>
      <c r="Q21431">
        <v>22</v>
      </c>
      <c r="R21431">
        <v>23</v>
      </c>
      <c r="S21431">
        <v>23</v>
      </c>
      <c r="T21431">
        <v>23</v>
      </c>
      <c r="U21431">
        <v>24</v>
      </c>
      <c r="V21431">
        <v>24</v>
      </c>
      <c r="W21431">
        <v>25</v>
      </c>
      <c r="X21431">
        <v>25</v>
      </c>
      <c r="Y21431">
        <v>25</v>
      </c>
      <c r="Z21431">
        <v>26</v>
      </c>
      <c r="AA21431">
        <v>26</v>
      </c>
      <c r="AB21431">
        <v>27</v>
      </c>
      <c r="AC21431">
        <v>27</v>
      </c>
      <c r="AD21431">
        <v>28</v>
      </c>
      <c r="AE21431">
        <v>28</v>
      </c>
      <c r="AF21431">
        <v>29</v>
      </c>
      <c r="AG21431">
        <v>29</v>
      </c>
      <c r="AH21431">
        <v>30</v>
      </c>
      <c r="AI21431">
        <v>30</v>
      </c>
      <c r="AJ21431">
        <v>31</v>
      </c>
      <c r="AK21431">
        <v>31</v>
      </c>
      <c r="AL21431">
        <v>32</v>
      </c>
      <c r="AM21431">
        <v>32</v>
      </c>
      <c r="AN21431">
        <v>33</v>
      </c>
      <c r="AO21431">
        <v>34</v>
      </c>
      <c r="AP21431">
        <v>34</v>
      </c>
      <c r="AQ21431">
        <v>35</v>
      </c>
    </row>
    <row r="21432" spans="1:43">
      <c r="A21432" t="s">
        <v>13279</v>
      </c>
      <c r="B21432" t="s">
        <v>13280</v>
      </c>
      <c r="C21432" t="s">
        <v>13179</v>
      </c>
      <c r="D21432" t="s">
        <v>13180</v>
      </c>
      <c r="E21432" t="s">
        <v>13165</v>
      </c>
      <c r="F21432" t="s">
        <v>13166</v>
      </c>
      <c r="G21432" t="s">
        <v>10214</v>
      </c>
      <c r="H21432" t="s">
        <v>10215</v>
      </c>
      <c r="I21432" s="2">
        <v>1</v>
      </c>
      <c r="J21432" s="2">
        <v>0</v>
      </c>
      <c r="K21432" s="2">
        <v>0</v>
      </c>
      <c r="L21432" t="s">
        <v>120</v>
      </c>
      <c r="M21432" t="s">
        <v>89</v>
      </c>
      <c r="N21432" t="s">
        <v>90</v>
      </c>
      <c r="O21432" t="s">
        <v>85</v>
      </c>
      <c r="P21432" t="s">
        <v>86</v>
      </c>
      <c r="Q21432">
        <v>22</v>
      </c>
      <c r="R21432">
        <v>22</v>
      </c>
      <c r="S21432">
        <v>23</v>
      </c>
      <c r="T21432">
        <v>24</v>
      </c>
      <c r="U21432">
        <v>25</v>
      </c>
      <c r="V21432">
        <v>26</v>
      </c>
      <c r="W21432">
        <v>26</v>
      </c>
      <c r="X21432">
        <v>27</v>
      </c>
      <c r="Y21432">
        <v>28</v>
      </c>
      <c r="Z21432">
        <v>29</v>
      </c>
      <c r="AA21432">
        <v>30</v>
      </c>
      <c r="AB21432">
        <v>30</v>
      </c>
      <c r="AC21432">
        <v>31</v>
      </c>
      <c r="AD21432">
        <v>32</v>
      </c>
      <c r="AE21432">
        <v>33</v>
      </c>
      <c r="AF21432">
        <v>33</v>
      </c>
      <c r="AG21432">
        <v>34</v>
      </c>
      <c r="AH21432">
        <v>34</v>
      </c>
      <c r="AI21432">
        <v>35</v>
      </c>
      <c r="AJ21432">
        <v>35</v>
      </c>
      <c r="AK21432">
        <v>36</v>
      </c>
      <c r="AL21432">
        <v>36</v>
      </c>
      <c r="AM21432">
        <v>37</v>
      </c>
      <c r="AN21432">
        <v>38</v>
      </c>
      <c r="AO21432">
        <v>38</v>
      </c>
      <c r="AP21432">
        <v>39</v>
      </c>
      <c r="AQ21432">
        <v>39</v>
      </c>
    </row>
    <row r="21433" spans="1:43">
      <c r="A21433" t="s">
        <v>13279</v>
      </c>
      <c r="B21433" t="s">
        <v>13280</v>
      </c>
      <c r="C21433" t="s">
        <v>13179</v>
      </c>
      <c r="D21433" t="s">
        <v>13180</v>
      </c>
      <c r="E21433" t="s">
        <v>13165</v>
      </c>
      <c r="F21433" t="s">
        <v>13166</v>
      </c>
      <c r="G21433" t="s">
        <v>10214</v>
      </c>
      <c r="H21433" t="s">
        <v>10215</v>
      </c>
      <c r="I21433" s="2">
        <v>1</v>
      </c>
      <c r="J21433" s="2">
        <v>0</v>
      </c>
      <c r="K21433" s="2">
        <v>0</v>
      </c>
      <c r="L21433" t="s">
        <v>120</v>
      </c>
      <c r="M21433" t="s">
        <v>83</v>
      </c>
      <c r="N21433" t="s">
        <v>91</v>
      </c>
      <c r="O21433" t="s">
        <v>85</v>
      </c>
      <c r="P21433" t="s">
        <v>86</v>
      </c>
      <c r="Q21433">
        <v>22</v>
      </c>
      <c r="R21433">
        <v>23</v>
      </c>
      <c r="S21433">
        <v>24</v>
      </c>
      <c r="T21433">
        <v>24</v>
      </c>
      <c r="U21433">
        <v>25</v>
      </c>
      <c r="V21433">
        <v>26</v>
      </c>
      <c r="W21433">
        <v>26</v>
      </c>
      <c r="X21433">
        <v>27</v>
      </c>
      <c r="Y21433">
        <v>28</v>
      </c>
      <c r="Z21433">
        <v>28</v>
      </c>
      <c r="AA21433">
        <v>29</v>
      </c>
      <c r="AB21433">
        <v>30</v>
      </c>
      <c r="AC21433">
        <v>30</v>
      </c>
      <c r="AD21433">
        <v>31</v>
      </c>
      <c r="AE21433">
        <v>32</v>
      </c>
      <c r="AF21433">
        <v>32</v>
      </c>
      <c r="AG21433">
        <v>33</v>
      </c>
      <c r="AH21433">
        <v>34</v>
      </c>
      <c r="AI21433">
        <v>35</v>
      </c>
      <c r="AJ21433">
        <v>36</v>
      </c>
      <c r="AK21433">
        <v>36</v>
      </c>
      <c r="AL21433">
        <v>37</v>
      </c>
      <c r="AM21433">
        <v>38</v>
      </c>
      <c r="AN21433">
        <v>38</v>
      </c>
      <c r="AO21433">
        <v>39</v>
      </c>
      <c r="AP21433">
        <v>39</v>
      </c>
      <c r="AQ21433">
        <v>40</v>
      </c>
    </row>
    <row r="21434" spans="1:43">
      <c r="A21434" t="s">
        <v>13281</v>
      </c>
      <c r="B21434" t="s">
        <v>13282</v>
      </c>
      <c r="C21434" t="s">
        <v>13179</v>
      </c>
      <c r="D21434" t="s">
        <v>13180</v>
      </c>
      <c r="E21434" t="s">
        <v>13165</v>
      </c>
      <c r="F21434" t="s">
        <v>13166</v>
      </c>
      <c r="G21434" t="s">
        <v>10214</v>
      </c>
      <c r="H21434" t="s">
        <v>10215</v>
      </c>
      <c r="I21434" s="2">
        <v>1</v>
      </c>
      <c r="J21434" s="2">
        <v>0</v>
      </c>
      <c r="K21434" s="2">
        <v>0</v>
      </c>
      <c r="L21434" t="s">
        <v>120</v>
      </c>
      <c r="M21434" t="s">
        <v>83</v>
      </c>
      <c r="N21434" t="s">
        <v>84</v>
      </c>
      <c r="O21434" t="s">
        <v>85</v>
      </c>
      <c r="P21434" t="s">
        <v>86</v>
      </c>
      <c r="Q21434">
        <v>26</v>
      </c>
      <c r="R21434">
        <v>27</v>
      </c>
      <c r="S21434">
        <v>27</v>
      </c>
      <c r="T21434">
        <v>28</v>
      </c>
      <c r="U21434">
        <v>28</v>
      </c>
      <c r="V21434">
        <v>29</v>
      </c>
      <c r="W21434">
        <v>29</v>
      </c>
      <c r="X21434">
        <v>29</v>
      </c>
      <c r="Y21434">
        <v>30</v>
      </c>
      <c r="Z21434">
        <v>30</v>
      </c>
      <c r="AA21434">
        <v>31</v>
      </c>
      <c r="AB21434">
        <v>31</v>
      </c>
      <c r="AC21434">
        <v>31</v>
      </c>
      <c r="AD21434">
        <v>32</v>
      </c>
      <c r="AE21434">
        <v>32</v>
      </c>
      <c r="AF21434">
        <v>33</v>
      </c>
      <c r="AG21434">
        <v>33</v>
      </c>
      <c r="AH21434">
        <v>33</v>
      </c>
      <c r="AI21434">
        <v>34</v>
      </c>
      <c r="AJ21434">
        <v>34</v>
      </c>
      <c r="AK21434">
        <v>35</v>
      </c>
      <c r="AL21434">
        <v>35</v>
      </c>
      <c r="AM21434">
        <v>35</v>
      </c>
      <c r="AN21434">
        <v>35</v>
      </c>
      <c r="AO21434">
        <v>35</v>
      </c>
      <c r="AP21434">
        <v>36</v>
      </c>
      <c r="AQ21434">
        <v>36</v>
      </c>
    </row>
    <row r="21435" spans="1:43">
      <c r="A21435" t="s">
        <v>13281</v>
      </c>
      <c r="B21435" t="s">
        <v>13282</v>
      </c>
      <c r="C21435" t="s">
        <v>13179</v>
      </c>
      <c r="D21435" t="s">
        <v>13180</v>
      </c>
      <c r="E21435" t="s">
        <v>13165</v>
      </c>
      <c r="F21435" t="s">
        <v>13166</v>
      </c>
      <c r="G21435" t="s">
        <v>10214</v>
      </c>
      <c r="H21435" t="s">
        <v>10215</v>
      </c>
      <c r="I21435" s="2">
        <v>1</v>
      </c>
      <c r="J21435" s="2">
        <v>0</v>
      </c>
      <c r="K21435" s="2">
        <v>0</v>
      </c>
      <c r="L21435" t="s">
        <v>120</v>
      </c>
      <c r="M21435" t="s">
        <v>87</v>
      </c>
      <c r="N21435" t="s">
        <v>88</v>
      </c>
      <c r="O21435" t="s">
        <v>85</v>
      </c>
      <c r="P21435" t="s">
        <v>86</v>
      </c>
      <c r="Q21435">
        <v>26</v>
      </c>
      <c r="R21435">
        <v>26</v>
      </c>
      <c r="S21435">
        <v>26</v>
      </c>
      <c r="T21435">
        <v>27</v>
      </c>
      <c r="U21435">
        <v>27</v>
      </c>
      <c r="V21435">
        <v>27</v>
      </c>
      <c r="W21435">
        <v>27</v>
      </c>
      <c r="X21435">
        <v>27</v>
      </c>
      <c r="Y21435">
        <v>28</v>
      </c>
      <c r="Z21435">
        <v>28</v>
      </c>
      <c r="AA21435">
        <v>28</v>
      </c>
      <c r="AB21435">
        <v>28</v>
      </c>
      <c r="AC21435">
        <v>28</v>
      </c>
      <c r="AD21435">
        <v>28</v>
      </c>
      <c r="AE21435">
        <v>29</v>
      </c>
      <c r="AF21435">
        <v>29</v>
      </c>
      <c r="AG21435">
        <v>29</v>
      </c>
      <c r="AH21435">
        <v>29</v>
      </c>
      <c r="AI21435">
        <v>29</v>
      </c>
      <c r="AJ21435">
        <v>30</v>
      </c>
      <c r="AK21435">
        <v>30</v>
      </c>
      <c r="AL21435">
        <v>30</v>
      </c>
      <c r="AM21435">
        <v>30</v>
      </c>
      <c r="AN21435">
        <v>31</v>
      </c>
      <c r="AO21435">
        <v>31</v>
      </c>
      <c r="AP21435">
        <v>31</v>
      </c>
      <c r="AQ21435">
        <v>31</v>
      </c>
    </row>
    <row r="21436" spans="1:43">
      <c r="A21436" t="s">
        <v>13281</v>
      </c>
      <c r="B21436" t="s">
        <v>13282</v>
      </c>
      <c r="C21436" t="s">
        <v>13179</v>
      </c>
      <c r="D21436" t="s">
        <v>13180</v>
      </c>
      <c r="E21436" t="s">
        <v>13165</v>
      </c>
      <c r="F21436" t="s">
        <v>13166</v>
      </c>
      <c r="G21436" t="s">
        <v>10214</v>
      </c>
      <c r="H21436" t="s">
        <v>10215</v>
      </c>
      <c r="I21436" s="2">
        <v>1</v>
      </c>
      <c r="J21436" s="2">
        <v>0</v>
      </c>
      <c r="K21436" s="2">
        <v>0</v>
      </c>
      <c r="L21436" t="s">
        <v>120</v>
      </c>
      <c r="M21436" t="s">
        <v>89</v>
      </c>
      <c r="N21436" t="s">
        <v>90</v>
      </c>
      <c r="O21436" t="s">
        <v>85</v>
      </c>
      <c r="P21436" t="s">
        <v>86</v>
      </c>
      <c r="Q21436">
        <v>26</v>
      </c>
      <c r="R21436">
        <v>26</v>
      </c>
      <c r="S21436">
        <v>27</v>
      </c>
      <c r="T21436">
        <v>28</v>
      </c>
      <c r="U21436">
        <v>28</v>
      </c>
      <c r="V21436">
        <v>29</v>
      </c>
      <c r="W21436">
        <v>29</v>
      </c>
      <c r="X21436">
        <v>30</v>
      </c>
      <c r="Y21436">
        <v>30</v>
      </c>
      <c r="Z21436">
        <v>31</v>
      </c>
      <c r="AA21436">
        <v>31</v>
      </c>
      <c r="AB21436">
        <v>32</v>
      </c>
      <c r="AC21436">
        <v>32</v>
      </c>
      <c r="AD21436">
        <v>33</v>
      </c>
      <c r="AE21436">
        <v>33</v>
      </c>
      <c r="AF21436">
        <v>33</v>
      </c>
      <c r="AG21436">
        <v>34</v>
      </c>
      <c r="AH21436">
        <v>34</v>
      </c>
      <c r="AI21436">
        <v>34</v>
      </c>
      <c r="AJ21436">
        <v>34</v>
      </c>
      <c r="AK21436">
        <v>34</v>
      </c>
      <c r="AL21436">
        <v>34</v>
      </c>
      <c r="AM21436">
        <v>34</v>
      </c>
      <c r="AN21436">
        <v>35</v>
      </c>
      <c r="AO21436">
        <v>35</v>
      </c>
      <c r="AP21436">
        <v>35</v>
      </c>
      <c r="AQ21436">
        <v>35</v>
      </c>
    </row>
    <row r="21437" spans="1:43">
      <c r="A21437" t="s">
        <v>13281</v>
      </c>
      <c r="B21437" t="s">
        <v>13282</v>
      </c>
      <c r="C21437" t="s">
        <v>13179</v>
      </c>
      <c r="D21437" t="s">
        <v>13180</v>
      </c>
      <c r="E21437" t="s">
        <v>13165</v>
      </c>
      <c r="F21437" t="s">
        <v>13166</v>
      </c>
      <c r="G21437" t="s">
        <v>10214</v>
      </c>
      <c r="H21437" t="s">
        <v>10215</v>
      </c>
      <c r="I21437" s="2">
        <v>1</v>
      </c>
      <c r="J21437" s="2">
        <v>0</v>
      </c>
      <c r="K21437" s="2">
        <v>0</v>
      </c>
      <c r="L21437" t="s">
        <v>120</v>
      </c>
      <c r="M21437" t="s">
        <v>83</v>
      </c>
      <c r="N21437" t="s">
        <v>91</v>
      </c>
      <c r="O21437" t="s">
        <v>85</v>
      </c>
      <c r="P21437" t="s">
        <v>86</v>
      </c>
      <c r="Q21437">
        <v>26</v>
      </c>
      <c r="R21437">
        <v>27</v>
      </c>
      <c r="S21437">
        <v>27</v>
      </c>
      <c r="T21437">
        <v>28</v>
      </c>
      <c r="U21437">
        <v>28</v>
      </c>
      <c r="V21437">
        <v>29</v>
      </c>
      <c r="W21437">
        <v>29</v>
      </c>
      <c r="X21437">
        <v>29</v>
      </c>
      <c r="Y21437">
        <v>30</v>
      </c>
      <c r="Z21437">
        <v>30</v>
      </c>
      <c r="AA21437">
        <v>31</v>
      </c>
      <c r="AB21437">
        <v>31</v>
      </c>
      <c r="AC21437">
        <v>31</v>
      </c>
      <c r="AD21437">
        <v>32</v>
      </c>
      <c r="AE21437">
        <v>32</v>
      </c>
      <c r="AF21437">
        <v>33</v>
      </c>
      <c r="AG21437">
        <v>33</v>
      </c>
      <c r="AH21437">
        <v>33</v>
      </c>
      <c r="AI21437">
        <v>34</v>
      </c>
      <c r="AJ21437">
        <v>34</v>
      </c>
      <c r="AK21437">
        <v>35</v>
      </c>
      <c r="AL21437">
        <v>35</v>
      </c>
      <c r="AM21437">
        <v>35</v>
      </c>
      <c r="AN21437">
        <v>35</v>
      </c>
      <c r="AO21437">
        <v>35</v>
      </c>
      <c r="AP21437">
        <v>36</v>
      </c>
      <c r="AQ21437">
        <v>36</v>
      </c>
    </row>
    <row r="21438" spans="1:43">
      <c r="A21438" t="s">
        <v>13283</v>
      </c>
      <c r="B21438" t="s">
        <v>13284</v>
      </c>
      <c r="C21438" t="s">
        <v>13179</v>
      </c>
      <c r="D21438" t="s">
        <v>13180</v>
      </c>
      <c r="E21438" t="s">
        <v>13165</v>
      </c>
      <c r="F21438" t="s">
        <v>13166</v>
      </c>
      <c r="G21438" t="s">
        <v>10214</v>
      </c>
      <c r="H21438" t="s">
        <v>10215</v>
      </c>
      <c r="I21438" s="2">
        <v>1</v>
      </c>
      <c r="J21438" s="2">
        <v>0</v>
      </c>
      <c r="K21438" s="2">
        <v>0</v>
      </c>
      <c r="L21438" t="s">
        <v>120</v>
      </c>
      <c r="M21438" t="s">
        <v>83</v>
      </c>
      <c r="N21438" t="s">
        <v>84</v>
      </c>
      <c r="O21438" t="s">
        <v>85</v>
      </c>
      <c r="P21438" t="s">
        <v>86</v>
      </c>
      <c r="Q21438">
        <v>12</v>
      </c>
      <c r="R21438">
        <v>12</v>
      </c>
      <c r="S21438">
        <v>13</v>
      </c>
      <c r="T21438">
        <v>13</v>
      </c>
      <c r="U21438">
        <v>13</v>
      </c>
      <c r="V21438">
        <v>14</v>
      </c>
      <c r="W21438">
        <v>14</v>
      </c>
      <c r="X21438">
        <v>14</v>
      </c>
      <c r="Y21438">
        <v>15</v>
      </c>
      <c r="Z21438">
        <v>15</v>
      </c>
      <c r="AA21438">
        <v>15</v>
      </c>
      <c r="AB21438">
        <v>16</v>
      </c>
      <c r="AC21438">
        <v>16</v>
      </c>
      <c r="AD21438">
        <v>17</v>
      </c>
      <c r="AE21438">
        <v>17</v>
      </c>
      <c r="AF21438">
        <v>17</v>
      </c>
      <c r="AG21438">
        <v>18</v>
      </c>
      <c r="AH21438">
        <v>18</v>
      </c>
      <c r="AI21438">
        <v>19</v>
      </c>
      <c r="AJ21438">
        <v>19</v>
      </c>
      <c r="AK21438">
        <v>20</v>
      </c>
      <c r="AL21438">
        <v>20</v>
      </c>
      <c r="AM21438">
        <v>20</v>
      </c>
      <c r="AN21438">
        <v>20</v>
      </c>
      <c r="AO21438">
        <v>21</v>
      </c>
      <c r="AP21438">
        <v>21</v>
      </c>
      <c r="AQ21438">
        <v>21</v>
      </c>
    </row>
    <row r="21439" spans="1:43">
      <c r="A21439" t="s">
        <v>13283</v>
      </c>
      <c r="B21439" t="s">
        <v>13284</v>
      </c>
      <c r="C21439" t="s">
        <v>13179</v>
      </c>
      <c r="D21439" t="s">
        <v>13180</v>
      </c>
      <c r="E21439" t="s">
        <v>13165</v>
      </c>
      <c r="F21439" t="s">
        <v>13166</v>
      </c>
      <c r="G21439" t="s">
        <v>10214</v>
      </c>
      <c r="H21439" t="s">
        <v>10215</v>
      </c>
      <c r="I21439" s="2">
        <v>1</v>
      </c>
      <c r="J21439" s="2">
        <v>0</v>
      </c>
      <c r="K21439" s="2">
        <v>0</v>
      </c>
      <c r="L21439" t="s">
        <v>120</v>
      </c>
      <c r="M21439" t="s">
        <v>87</v>
      </c>
      <c r="N21439" t="s">
        <v>88</v>
      </c>
      <c r="O21439" t="s">
        <v>85</v>
      </c>
      <c r="P21439" t="s">
        <v>86</v>
      </c>
      <c r="Q21439">
        <v>12</v>
      </c>
      <c r="R21439">
        <v>12</v>
      </c>
      <c r="S21439">
        <v>12</v>
      </c>
      <c r="T21439">
        <v>13</v>
      </c>
      <c r="U21439">
        <v>13</v>
      </c>
      <c r="V21439">
        <v>13</v>
      </c>
      <c r="W21439">
        <v>13</v>
      </c>
      <c r="X21439">
        <v>13</v>
      </c>
      <c r="Y21439">
        <v>14</v>
      </c>
      <c r="Z21439">
        <v>14</v>
      </c>
      <c r="AA21439">
        <v>14</v>
      </c>
      <c r="AB21439">
        <v>14</v>
      </c>
      <c r="AC21439">
        <v>15</v>
      </c>
      <c r="AD21439">
        <v>15</v>
      </c>
      <c r="AE21439">
        <v>15</v>
      </c>
      <c r="AF21439">
        <v>15</v>
      </c>
      <c r="AG21439">
        <v>16</v>
      </c>
      <c r="AH21439">
        <v>16</v>
      </c>
      <c r="AI21439">
        <v>16</v>
      </c>
      <c r="AJ21439">
        <v>17</v>
      </c>
      <c r="AK21439">
        <v>17</v>
      </c>
      <c r="AL21439">
        <v>17</v>
      </c>
      <c r="AM21439">
        <v>17</v>
      </c>
      <c r="AN21439">
        <v>18</v>
      </c>
      <c r="AO21439">
        <v>18</v>
      </c>
      <c r="AP21439">
        <v>18</v>
      </c>
      <c r="AQ21439">
        <v>19</v>
      </c>
    </row>
    <row r="21440" spans="1:43">
      <c r="A21440" t="s">
        <v>13283</v>
      </c>
      <c r="B21440" t="s">
        <v>13284</v>
      </c>
      <c r="C21440" t="s">
        <v>13179</v>
      </c>
      <c r="D21440" t="s">
        <v>13180</v>
      </c>
      <c r="E21440" t="s">
        <v>13165</v>
      </c>
      <c r="F21440" t="s">
        <v>13166</v>
      </c>
      <c r="G21440" t="s">
        <v>10214</v>
      </c>
      <c r="H21440" t="s">
        <v>10215</v>
      </c>
      <c r="I21440" s="2">
        <v>1</v>
      </c>
      <c r="J21440" s="2">
        <v>0</v>
      </c>
      <c r="K21440" s="2">
        <v>0</v>
      </c>
      <c r="L21440" t="s">
        <v>120</v>
      </c>
      <c r="M21440" t="s">
        <v>89</v>
      </c>
      <c r="N21440" t="s">
        <v>90</v>
      </c>
      <c r="O21440" t="s">
        <v>85</v>
      </c>
      <c r="P21440" t="s">
        <v>86</v>
      </c>
      <c r="Q21440">
        <v>12</v>
      </c>
      <c r="R21440">
        <v>13</v>
      </c>
      <c r="S21440">
        <v>13</v>
      </c>
      <c r="T21440">
        <v>13</v>
      </c>
      <c r="U21440">
        <v>14</v>
      </c>
      <c r="V21440">
        <v>14</v>
      </c>
      <c r="W21440">
        <v>15</v>
      </c>
      <c r="X21440">
        <v>15</v>
      </c>
      <c r="Y21440">
        <v>16</v>
      </c>
      <c r="Z21440">
        <v>16</v>
      </c>
      <c r="AA21440">
        <v>16</v>
      </c>
      <c r="AB21440">
        <v>17</v>
      </c>
      <c r="AC21440">
        <v>17</v>
      </c>
      <c r="AD21440">
        <v>18</v>
      </c>
      <c r="AE21440">
        <v>18</v>
      </c>
      <c r="AF21440">
        <v>18</v>
      </c>
      <c r="AG21440">
        <v>19</v>
      </c>
      <c r="AH21440">
        <v>19</v>
      </c>
      <c r="AI21440">
        <v>19</v>
      </c>
      <c r="AJ21440">
        <v>20</v>
      </c>
      <c r="AK21440">
        <v>20</v>
      </c>
      <c r="AL21440">
        <v>20</v>
      </c>
      <c r="AM21440">
        <v>20</v>
      </c>
      <c r="AN21440">
        <v>21</v>
      </c>
      <c r="AO21440">
        <v>21</v>
      </c>
      <c r="AP21440">
        <v>21</v>
      </c>
      <c r="AQ21440">
        <v>22</v>
      </c>
    </row>
    <row r="21441" spans="1:43">
      <c r="A21441" t="s">
        <v>13283</v>
      </c>
      <c r="B21441" t="s">
        <v>13284</v>
      </c>
      <c r="C21441" t="s">
        <v>13179</v>
      </c>
      <c r="D21441" t="s">
        <v>13180</v>
      </c>
      <c r="E21441" t="s">
        <v>13165</v>
      </c>
      <c r="F21441" t="s">
        <v>13166</v>
      </c>
      <c r="G21441" t="s">
        <v>10214</v>
      </c>
      <c r="H21441" t="s">
        <v>10215</v>
      </c>
      <c r="I21441" s="2">
        <v>1</v>
      </c>
      <c r="J21441" s="2">
        <v>0</v>
      </c>
      <c r="K21441" s="2">
        <v>0</v>
      </c>
      <c r="L21441" t="s">
        <v>120</v>
      </c>
      <c r="M21441" t="s">
        <v>83</v>
      </c>
      <c r="N21441" t="s">
        <v>91</v>
      </c>
      <c r="O21441" t="s">
        <v>85</v>
      </c>
      <c r="P21441" t="s">
        <v>86</v>
      </c>
      <c r="Q21441">
        <v>12</v>
      </c>
      <c r="R21441">
        <v>12</v>
      </c>
      <c r="S21441">
        <v>13</v>
      </c>
      <c r="T21441">
        <v>13</v>
      </c>
      <c r="U21441">
        <v>13</v>
      </c>
      <c r="V21441">
        <v>14</v>
      </c>
      <c r="W21441">
        <v>14</v>
      </c>
      <c r="X21441">
        <v>14</v>
      </c>
      <c r="Y21441">
        <v>15</v>
      </c>
      <c r="Z21441">
        <v>15</v>
      </c>
      <c r="AA21441">
        <v>15</v>
      </c>
      <c r="AB21441">
        <v>16</v>
      </c>
      <c r="AC21441">
        <v>16</v>
      </c>
      <c r="AD21441">
        <v>17</v>
      </c>
      <c r="AE21441">
        <v>17</v>
      </c>
      <c r="AF21441">
        <v>17</v>
      </c>
      <c r="AG21441">
        <v>18</v>
      </c>
      <c r="AH21441">
        <v>18</v>
      </c>
      <c r="AI21441">
        <v>19</v>
      </c>
      <c r="AJ21441">
        <v>19</v>
      </c>
      <c r="AK21441">
        <v>20</v>
      </c>
      <c r="AL21441">
        <v>20</v>
      </c>
      <c r="AM21441">
        <v>20</v>
      </c>
      <c r="AN21441">
        <v>20</v>
      </c>
      <c r="AO21441">
        <v>21</v>
      </c>
      <c r="AP21441">
        <v>21</v>
      </c>
      <c r="AQ21441">
        <v>21</v>
      </c>
    </row>
    <row r="21442" spans="1:43">
      <c r="A21442" t="s">
        <v>13285</v>
      </c>
      <c r="B21442" t="s">
        <v>13286</v>
      </c>
      <c r="C21442" t="s">
        <v>13175</v>
      </c>
      <c r="D21442" t="s">
        <v>13176</v>
      </c>
      <c r="E21442" t="s">
        <v>13165</v>
      </c>
      <c r="F21442" t="s">
        <v>13166</v>
      </c>
      <c r="G21442" t="s">
        <v>10214</v>
      </c>
      <c r="H21442" t="s">
        <v>10215</v>
      </c>
      <c r="I21442" s="2">
        <v>1</v>
      </c>
      <c r="J21442" s="2">
        <v>0</v>
      </c>
      <c r="K21442" s="2">
        <v>0</v>
      </c>
      <c r="L21442" t="s">
        <v>120</v>
      </c>
      <c r="M21442" t="s">
        <v>83</v>
      </c>
      <c r="N21442" t="s">
        <v>84</v>
      </c>
      <c r="O21442" t="s">
        <v>85</v>
      </c>
      <c r="P21442" t="s">
        <v>86</v>
      </c>
      <c r="Q21442">
        <v>51</v>
      </c>
      <c r="R21442">
        <v>53</v>
      </c>
      <c r="S21442">
        <v>54</v>
      </c>
      <c r="T21442">
        <v>56</v>
      </c>
      <c r="U21442">
        <v>57</v>
      </c>
      <c r="V21442">
        <v>58</v>
      </c>
      <c r="W21442">
        <v>60</v>
      </c>
      <c r="X21442">
        <v>61</v>
      </c>
      <c r="Y21442">
        <v>63</v>
      </c>
      <c r="Z21442">
        <v>65</v>
      </c>
      <c r="AA21442">
        <v>66</v>
      </c>
      <c r="AB21442">
        <v>68</v>
      </c>
      <c r="AC21442">
        <v>69</v>
      </c>
      <c r="AD21442">
        <v>71</v>
      </c>
      <c r="AE21442">
        <v>73</v>
      </c>
      <c r="AF21442">
        <v>74</v>
      </c>
      <c r="AG21442">
        <v>76</v>
      </c>
      <c r="AH21442">
        <v>78</v>
      </c>
      <c r="AI21442">
        <v>80</v>
      </c>
      <c r="AJ21442">
        <v>82</v>
      </c>
      <c r="AK21442">
        <v>84</v>
      </c>
      <c r="AL21442">
        <v>85</v>
      </c>
      <c r="AM21442">
        <v>86</v>
      </c>
      <c r="AN21442">
        <v>88</v>
      </c>
      <c r="AO21442">
        <v>89</v>
      </c>
      <c r="AP21442">
        <v>90</v>
      </c>
      <c r="AQ21442">
        <v>92</v>
      </c>
    </row>
    <row r="21443" spans="1:43">
      <c r="A21443" t="s">
        <v>13285</v>
      </c>
      <c r="B21443" t="s">
        <v>13286</v>
      </c>
      <c r="C21443" t="s">
        <v>13175</v>
      </c>
      <c r="D21443" t="s">
        <v>13176</v>
      </c>
      <c r="E21443" t="s">
        <v>13165</v>
      </c>
      <c r="F21443" t="s">
        <v>13166</v>
      </c>
      <c r="G21443" t="s">
        <v>10214</v>
      </c>
      <c r="H21443" t="s">
        <v>10215</v>
      </c>
      <c r="I21443" s="2">
        <v>1</v>
      </c>
      <c r="J21443" s="2">
        <v>0</v>
      </c>
      <c r="K21443" s="2">
        <v>0</v>
      </c>
      <c r="L21443" t="s">
        <v>120</v>
      </c>
      <c r="M21443" t="s">
        <v>87</v>
      </c>
      <c r="N21443" t="s">
        <v>88</v>
      </c>
      <c r="O21443" t="s">
        <v>85</v>
      </c>
      <c r="P21443" t="s">
        <v>86</v>
      </c>
      <c r="Q21443">
        <v>51</v>
      </c>
      <c r="R21443">
        <v>52</v>
      </c>
      <c r="S21443">
        <v>53</v>
      </c>
      <c r="T21443">
        <v>54</v>
      </c>
      <c r="U21443">
        <v>54</v>
      </c>
      <c r="V21443">
        <v>55</v>
      </c>
      <c r="W21443">
        <v>56</v>
      </c>
      <c r="X21443">
        <v>57</v>
      </c>
      <c r="Y21443">
        <v>58</v>
      </c>
      <c r="Z21443">
        <v>59</v>
      </c>
      <c r="AA21443">
        <v>60</v>
      </c>
      <c r="AB21443">
        <v>61</v>
      </c>
      <c r="AC21443">
        <v>62</v>
      </c>
      <c r="AD21443">
        <v>63</v>
      </c>
      <c r="AE21443">
        <v>65</v>
      </c>
      <c r="AF21443">
        <v>66</v>
      </c>
      <c r="AG21443">
        <v>67</v>
      </c>
      <c r="AH21443">
        <v>68</v>
      </c>
      <c r="AI21443">
        <v>69</v>
      </c>
      <c r="AJ21443">
        <v>70</v>
      </c>
      <c r="AK21443">
        <v>72</v>
      </c>
      <c r="AL21443">
        <v>73</v>
      </c>
      <c r="AM21443">
        <v>74</v>
      </c>
      <c r="AN21443">
        <v>75</v>
      </c>
      <c r="AO21443">
        <v>77</v>
      </c>
      <c r="AP21443">
        <v>78</v>
      </c>
      <c r="AQ21443">
        <v>80</v>
      </c>
    </row>
    <row r="21444" spans="1:43">
      <c r="A21444" t="s">
        <v>13285</v>
      </c>
      <c r="B21444" t="s">
        <v>13286</v>
      </c>
      <c r="C21444" t="s">
        <v>13175</v>
      </c>
      <c r="D21444" t="s">
        <v>13176</v>
      </c>
      <c r="E21444" t="s">
        <v>13165</v>
      </c>
      <c r="F21444" t="s">
        <v>13166</v>
      </c>
      <c r="G21444" t="s">
        <v>10214</v>
      </c>
      <c r="H21444" t="s">
        <v>10215</v>
      </c>
      <c r="I21444" s="2">
        <v>1</v>
      </c>
      <c r="J21444" s="2">
        <v>0</v>
      </c>
      <c r="K21444" s="2">
        <v>0</v>
      </c>
      <c r="L21444" t="s">
        <v>120</v>
      </c>
      <c r="M21444" t="s">
        <v>89</v>
      </c>
      <c r="N21444" t="s">
        <v>90</v>
      </c>
      <c r="O21444" t="s">
        <v>85</v>
      </c>
      <c r="P21444" t="s">
        <v>86</v>
      </c>
      <c r="Q21444">
        <v>51</v>
      </c>
      <c r="R21444">
        <v>53</v>
      </c>
      <c r="S21444">
        <v>55</v>
      </c>
      <c r="T21444">
        <v>56</v>
      </c>
      <c r="U21444">
        <v>58</v>
      </c>
      <c r="V21444">
        <v>60</v>
      </c>
      <c r="W21444">
        <v>62</v>
      </c>
      <c r="X21444">
        <v>64</v>
      </c>
      <c r="Y21444">
        <v>66</v>
      </c>
      <c r="Z21444">
        <v>67</v>
      </c>
      <c r="AA21444">
        <v>69</v>
      </c>
      <c r="AB21444">
        <v>71</v>
      </c>
      <c r="AC21444">
        <v>73</v>
      </c>
      <c r="AD21444">
        <v>75</v>
      </c>
      <c r="AE21444">
        <v>77</v>
      </c>
      <c r="AF21444">
        <v>78</v>
      </c>
      <c r="AG21444">
        <v>79</v>
      </c>
      <c r="AH21444">
        <v>80</v>
      </c>
      <c r="AI21444">
        <v>81</v>
      </c>
      <c r="AJ21444">
        <v>83</v>
      </c>
      <c r="AK21444">
        <v>84</v>
      </c>
      <c r="AL21444">
        <v>85</v>
      </c>
      <c r="AM21444">
        <v>86</v>
      </c>
      <c r="AN21444">
        <v>88</v>
      </c>
      <c r="AO21444">
        <v>89</v>
      </c>
      <c r="AP21444">
        <v>90</v>
      </c>
      <c r="AQ21444">
        <v>91</v>
      </c>
    </row>
    <row r="21445" spans="1:43">
      <c r="A21445" t="s">
        <v>13285</v>
      </c>
      <c r="B21445" t="s">
        <v>13286</v>
      </c>
      <c r="C21445" t="s">
        <v>13175</v>
      </c>
      <c r="D21445" t="s">
        <v>13176</v>
      </c>
      <c r="E21445" t="s">
        <v>13165</v>
      </c>
      <c r="F21445" t="s">
        <v>13166</v>
      </c>
      <c r="G21445" t="s">
        <v>10214</v>
      </c>
      <c r="H21445" t="s">
        <v>10215</v>
      </c>
      <c r="I21445" s="2">
        <v>1</v>
      </c>
      <c r="J21445" s="2">
        <v>0</v>
      </c>
      <c r="K21445" s="2">
        <v>0</v>
      </c>
      <c r="L21445" t="s">
        <v>120</v>
      </c>
      <c r="M21445" t="s">
        <v>83</v>
      </c>
      <c r="N21445" t="s">
        <v>91</v>
      </c>
      <c r="O21445" t="s">
        <v>85</v>
      </c>
      <c r="P21445" t="s">
        <v>86</v>
      </c>
      <c r="Q21445">
        <v>51</v>
      </c>
      <c r="R21445">
        <v>53</v>
      </c>
      <c r="S21445">
        <v>54</v>
      </c>
      <c r="T21445">
        <v>56</v>
      </c>
      <c r="U21445">
        <v>57</v>
      </c>
      <c r="V21445">
        <v>58</v>
      </c>
      <c r="W21445">
        <v>60</v>
      </c>
      <c r="X21445">
        <v>61</v>
      </c>
      <c r="Y21445">
        <v>63</v>
      </c>
      <c r="Z21445">
        <v>65</v>
      </c>
      <c r="AA21445">
        <v>66</v>
      </c>
      <c r="AB21445">
        <v>68</v>
      </c>
      <c r="AC21445">
        <v>69</v>
      </c>
      <c r="AD21445">
        <v>71</v>
      </c>
      <c r="AE21445">
        <v>73</v>
      </c>
      <c r="AF21445">
        <v>74</v>
      </c>
      <c r="AG21445">
        <v>76</v>
      </c>
      <c r="AH21445">
        <v>78</v>
      </c>
      <c r="AI21445">
        <v>80</v>
      </c>
      <c r="AJ21445">
        <v>82</v>
      </c>
      <c r="AK21445">
        <v>84</v>
      </c>
      <c r="AL21445">
        <v>85</v>
      </c>
      <c r="AM21445">
        <v>86</v>
      </c>
      <c r="AN21445">
        <v>88</v>
      </c>
      <c r="AO21445">
        <v>89</v>
      </c>
      <c r="AP21445">
        <v>90</v>
      </c>
      <c r="AQ21445">
        <v>92</v>
      </c>
    </row>
    <row r="21446" spans="1:43">
      <c r="A21446" t="s">
        <v>13287</v>
      </c>
      <c r="B21446" t="s">
        <v>13288</v>
      </c>
      <c r="C21446" t="s">
        <v>13187</v>
      </c>
      <c r="D21446" t="s">
        <v>13188</v>
      </c>
      <c r="E21446" t="s">
        <v>13165</v>
      </c>
      <c r="F21446" t="s">
        <v>13166</v>
      </c>
      <c r="G21446" t="s">
        <v>10214</v>
      </c>
      <c r="H21446" t="s">
        <v>10215</v>
      </c>
      <c r="I21446" s="2">
        <v>1</v>
      </c>
      <c r="J21446" s="2">
        <v>0</v>
      </c>
      <c r="K21446" s="2">
        <v>0</v>
      </c>
      <c r="L21446" t="s">
        <v>120</v>
      </c>
      <c r="M21446" t="s">
        <v>83</v>
      </c>
      <c r="N21446" t="s">
        <v>84</v>
      </c>
      <c r="O21446" t="s">
        <v>85</v>
      </c>
      <c r="P21446" t="s">
        <v>86</v>
      </c>
      <c r="Q21446">
        <v>47</v>
      </c>
      <c r="R21446">
        <v>48</v>
      </c>
      <c r="S21446">
        <v>50</v>
      </c>
      <c r="T21446">
        <v>51</v>
      </c>
      <c r="U21446">
        <v>52</v>
      </c>
      <c r="V21446">
        <v>54</v>
      </c>
      <c r="W21446">
        <v>55</v>
      </c>
      <c r="X21446">
        <v>56</v>
      </c>
      <c r="Y21446">
        <v>58</v>
      </c>
      <c r="Z21446">
        <v>59</v>
      </c>
      <c r="AA21446">
        <v>60</v>
      </c>
      <c r="AB21446">
        <v>62</v>
      </c>
      <c r="AC21446">
        <v>63</v>
      </c>
      <c r="AD21446">
        <v>65</v>
      </c>
      <c r="AE21446">
        <v>66</v>
      </c>
      <c r="AF21446">
        <v>68</v>
      </c>
      <c r="AG21446">
        <v>69</v>
      </c>
      <c r="AH21446">
        <v>71</v>
      </c>
      <c r="AI21446">
        <v>73</v>
      </c>
      <c r="AJ21446">
        <v>74</v>
      </c>
      <c r="AK21446">
        <v>76</v>
      </c>
      <c r="AL21446">
        <v>77</v>
      </c>
      <c r="AM21446">
        <v>78</v>
      </c>
      <c r="AN21446">
        <v>80</v>
      </c>
      <c r="AO21446">
        <v>81</v>
      </c>
      <c r="AP21446">
        <v>82</v>
      </c>
      <c r="AQ21446">
        <v>83</v>
      </c>
    </row>
    <row r="21447" spans="1:43">
      <c r="A21447" t="s">
        <v>13287</v>
      </c>
      <c r="B21447" t="s">
        <v>13288</v>
      </c>
      <c r="C21447" t="s">
        <v>13187</v>
      </c>
      <c r="D21447" t="s">
        <v>13188</v>
      </c>
      <c r="E21447" t="s">
        <v>13165</v>
      </c>
      <c r="F21447" t="s">
        <v>13166</v>
      </c>
      <c r="G21447" t="s">
        <v>10214</v>
      </c>
      <c r="H21447" t="s">
        <v>10215</v>
      </c>
      <c r="I21447" s="2">
        <v>1</v>
      </c>
      <c r="J21447" s="2">
        <v>0</v>
      </c>
      <c r="K21447" s="2">
        <v>0</v>
      </c>
      <c r="L21447" t="s">
        <v>120</v>
      </c>
      <c r="M21447" t="s">
        <v>87</v>
      </c>
      <c r="N21447" t="s">
        <v>88</v>
      </c>
      <c r="O21447" t="s">
        <v>85</v>
      </c>
      <c r="P21447" t="s">
        <v>86</v>
      </c>
      <c r="Q21447">
        <v>47</v>
      </c>
      <c r="R21447">
        <v>48</v>
      </c>
      <c r="S21447">
        <v>48</v>
      </c>
      <c r="T21447">
        <v>49</v>
      </c>
      <c r="U21447">
        <v>50</v>
      </c>
      <c r="V21447">
        <v>51</v>
      </c>
      <c r="W21447">
        <v>52</v>
      </c>
      <c r="X21447">
        <v>52</v>
      </c>
      <c r="Y21447">
        <v>53</v>
      </c>
      <c r="Z21447">
        <v>54</v>
      </c>
      <c r="AA21447">
        <v>55</v>
      </c>
      <c r="AB21447">
        <v>56</v>
      </c>
      <c r="AC21447">
        <v>57</v>
      </c>
      <c r="AD21447">
        <v>58</v>
      </c>
      <c r="AE21447">
        <v>59</v>
      </c>
      <c r="AF21447">
        <v>60</v>
      </c>
      <c r="AG21447">
        <v>61</v>
      </c>
      <c r="AH21447">
        <v>62</v>
      </c>
      <c r="AI21447">
        <v>63</v>
      </c>
      <c r="AJ21447">
        <v>64</v>
      </c>
      <c r="AK21447">
        <v>65</v>
      </c>
      <c r="AL21447">
        <v>66</v>
      </c>
      <c r="AM21447">
        <v>67</v>
      </c>
      <c r="AN21447">
        <v>68</v>
      </c>
      <c r="AO21447">
        <v>69</v>
      </c>
      <c r="AP21447">
        <v>71</v>
      </c>
      <c r="AQ21447">
        <v>72</v>
      </c>
    </row>
    <row r="21448" spans="1:43">
      <c r="A21448" t="s">
        <v>13287</v>
      </c>
      <c r="B21448" t="s">
        <v>13288</v>
      </c>
      <c r="C21448" t="s">
        <v>13187</v>
      </c>
      <c r="D21448" t="s">
        <v>13188</v>
      </c>
      <c r="E21448" t="s">
        <v>13165</v>
      </c>
      <c r="F21448" t="s">
        <v>13166</v>
      </c>
      <c r="G21448" t="s">
        <v>10214</v>
      </c>
      <c r="H21448" t="s">
        <v>10215</v>
      </c>
      <c r="I21448" s="2">
        <v>1</v>
      </c>
      <c r="J21448" s="2">
        <v>0</v>
      </c>
      <c r="K21448" s="2">
        <v>0</v>
      </c>
      <c r="L21448" t="s">
        <v>120</v>
      </c>
      <c r="M21448" t="s">
        <v>89</v>
      </c>
      <c r="N21448" t="s">
        <v>90</v>
      </c>
      <c r="O21448" t="s">
        <v>85</v>
      </c>
      <c r="P21448" t="s">
        <v>86</v>
      </c>
      <c r="Q21448">
        <v>47</v>
      </c>
      <c r="R21448">
        <v>48</v>
      </c>
      <c r="S21448">
        <v>50</v>
      </c>
      <c r="T21448">
        <v>52</v>
      </c>
      <c r="U21448">
        <v>53</v>
      </c>
      <c r="V21448">
        <v>55</v>
      </c>
      <c r="W21448">
        <v>57</v>
      </c>
      <c r="X21448">
        <v>58</v>
      </c>
      <c r="Y21448">
        <v>60</v>
      </c>
      <c r="Z21448">
        <v>62</v>
      </c>
      <c r="AA21448">
        <v>63</v>
      </c>
      <c r="AB21448">
        <v>65</v>
      </c>
      <c r="AC21448">
        <v>67</v>
      </c>
      <c r="AD21448">
        <v>69</v>
      </c>
      <c r="AE21448">
        <v>70</v>
      </c>
      <c r="AF21448">
        <v>71</v>
      </c>
      <c r="AG21448">
        <v>72</v>
      </c>
      <c r="AH21448">
        <v>73</v>
      </c>
      <c r="AI21448">
        <v>74</v>
      </c>
      <c r="AJ21448">
        <v>75</v>
      </c>
      <c r="AK21448">
        <v>76</v>
      </c>
      <c r="AL21448">
        <v>77</v>
      </c>
      <c r="AM21448">
        <v>78</v>
      </c>
      <c r="AN21448">
        <v>79</v>
      </c>
      <c r="AO21448">
        <v>80</v>
      </c>
      <c r="AP21448">
        <v>81</v>
      </c>
      <c r="AQ21448">
        <v>83</v>
      </c>
    </row>
    <row r="21449" spans="1:43">
      <c r="A21449" t="s">
        <v>13287</v>
      </c>
      <c r="B21449" t="s">
        <v>13288</v>
      </c>
      <c r="C21449" t="s">
        <v>13187</v>
      </c>
      <c r="D21449" t="s">
        <v>13188</v>
      </c>
      <c r="E21449" t="s">
        <v>13165</v>
      </c>
      <c r="F21449" t="s">
        <v>13166</v>
      </c>
      <c r="G21449" t="s">
        <v>10214</v>
      </c>
      <c r="H21449" t="s">
        <v>10215</v>
      </c>
      <c r="I21449" s="2">
        <v>1</v>
      </c>
      <c r="J21449" s="2">
        <v>0</v>
      </c>
      <c r="K21449" s="2">
        <v>0</v>
      </c>
      <c r="L21449" t="s">
        <v>120</v>
      </c>
      <c r="M21449" t="s">
        <v>83</v>
      </c>
      <c r="N21449" t="s">
        <v>91</v>
      </c>
      <c r="O21449" t="s">
        <v>85</v>
      </c>
      <c r="P21449" t="s">
        <v>86</v>
      </c>
      <c r="Q21449">
        <v>47</v>
      </c>
      <c r="R21449">
        <v>48</v>
      </c>
      <c r="S21449">
        <v>50</v>
      </c>
      <c r="T21449">
        <v>51</v>
      </c>
      <c r="U21449">
        <v>52</v>
      </c>
      <c r="V21449">
        <v>54</v>
      </c>
      <c r="W21449">
        <v>55</v>
      </c>
      <c r="X21449">
        <v>56</v>
      </c>
      <c r="Y21449">
        <v>58</v>
      </c>
      <c r="Z21449">
        <v>59</v>
      </c>
      <c r="AA21449">
        <v>60</v>
      </c>
      <c r="AB21449">
        <v>62</v>
      </c>
      <c r="AC21449">
        <v>63</v>
      </c>
      <c r="AD21449">
        <v>65</v>
      </c>
      <c r="AE21449">
        <v>66</v>
      </c>
      <c r="AF21449">
        <v>68</v>
      </c>
      <c r="AG21449">
        <v>69</v>
      </c>
      <c r="AH21449">
        <v>71</v>
      </c>
      <c r="AI21449">
        <v>73</v>
      </c>
      <c r="AJ21449">
        <v>74</v>
      </c>
      <c r="AK21449">
        <v>76</v>
      </c>
      <c r="AL21449">
        <v>77</v>
      </c>
      <c r="AM21449">
        <v>78</v>
      </c>
      <c r="AN21449">
        <v>80</v>
      </c>
      <c r="AO21449">
        <v>81</v>
      </c>
      <c r="AP21449">
        <v>82</v>
      </c>
      <c r="AQ21449">
        <v>83</v>
      </c>
    </row>
    <row r="21450" spans="1:43">
      <c r="A21450" t="s">
        <v>13289</v>
      </c>
      <c r="B21450" t="s">
        <v>13290</v>
      </c>
      <c r="C21450" t="s">
        <v>13291</v>
      </c>
      <c r="D21450" t="s">
        <v>13292</v>
      </c>
      <c r="E21450" t="s">
        <v>13293</v>
      </c>
      <c r="F21450" t="s">
        <v>13294</v>
      </c>
      <c r="G21450" t="s">
        <v>10214</v>
      </c>
      <c r="H21450" t="s">
        <v>10215</v>
      </c>
      <c r="I21450" s="2">
        <v>1</v>
      </c>
      <c r="J21450" s="2">
        <v>0</v>
      </c>
      <c r="K21450" s="2">
        <v>0</v>
      </c>
      <c r="L21450" t="s">
        <v>120</v>
      </c>
      <c r="M21450" t="s">
        <v>83</v>
      </c>
      <c r="N21450" t="s">
        <v>84</v>
      </c>
      <c r="O21450" t="s">
        <v>85</v>
      </c>
      <c r="P21450" t="s">
        <v>86</v>
      </c>
      <c r="Q21450">
        <v>23</v>
      </c>
      <c r="R21450">
        <v>23</v>
      </c>
      <c r="S21450">
        <v>24</v>
      </c>
      <c r="T21450">
        <v>24</v>
      </c>
      <c r="U21450">
        <v>24</v>
      </c>
      <c r="V21450">
        <v>24</v>
      </c>
      <c r="W21450">
        <v>24</v>
      </c>
      <c r="X21450">
        <v>25</v>
      </c>
      <c r="Y21450">
        <v>25</v>
      </c>
      <c r="Z21450">
        <v>25</v>
      </c>
      <c r="AA21450">
        <v>25</v>
      </c>
      <c r="AB21450">
        <v>25</v>
      </c>
      <c r="AC21450">
        <v>25</v>
      </c>
      <c r="AD21450">
        <v>25</v>
      </c>
      <c r="AE21450">
        <v>26</v>
      </c>
      <c r="AF21450">
        <v>26</v>
      </c>
      <c r="AG21450">
        <v>26</v>
      </c>
      <c r="AH21450">
        <v>26</v>
      </c>
      <c r="AI21450">
        <v>26</v>
      </c>
      <c r="AJ21450">
        <v>26</v>
      </c>
      <c r="AK21450">
        <v>26</v>
      </c>
      <c r="AL21450">
        <v>26</v>
      </c>
      <c r="AM21450">
        <v>26</v>
      </c>
      <c r="AN21450">
        <v>26</v>
      </c>
      <c r="AO21450">
        <v>26</v>
      </c>
      <c r="AP21450">
        <v>26</v>
      </c>
      <c r="AQ21450">
        <v>26</v>
      </c>
    </row>
    <row r="21451" spans="1:43">
      <c r="A21451" t="s">
        <v>13289</v>
      </c>
      <c r="B21451" t="s">
        <v>13290</v>
      </c>
      <c r="C21451" t="s">
        <v>13291</v>
      </c>
      <c r="D21451" t="s">
        <v>13292</v>
      </c>
      <c r="E21451" t="s">
        <v>13293</v>
      </c>
      <c r="F21451" t="s">
        <v>13294</v>
      </c>
      <c r="G21451" t="s">
        <v>10214</v>
      </c>
      <c r="H21451" t="s">
        <v>10215</v>
      </c>
      <c r="I21451" s="2">
        <v>1</v>
      </c>
      <c r="J21451" s="2">
        <v>0</v>
      </c>
      <c r="K21451" s="2">
        <v>0</v>
      </c>
      <c r="L21451" t="s">
        <v>120</v>
      </c>
      <c r="M21451" t="s">
        <v>87</v>
      </c>
      <c r="N21451" t="s">
        <v>88</v>
      </c>
      <c r="O21451" t="s">
        <v>85</v>
      </c>
      <c r="P21451" t="s">
        <v>86</v>
      </c>
      <c r="Q21451">
        <v>23</v>
      </c>
      <c r="R21451">
        <v>23</v>
      </c>
      <c r="S21451">
        <v>23</v>
      </c>
      <c r="T21451">
        <v>23</v>
      </c>
      <c r="U21451">
        <v>23</v>
      </c>
      <c r="V21451">
        <v>23</v>
      </c>
      <c r="W21451">
        <v>23</v>
      </c>
      <c r="X21451">
        <v>23</v>
      </c>
      <c r="Y21451">
        <v>23</v>
      </c>
      <c r="Z21451">
        <v>23</v>
      </c>
      <c r="AA21451">
        <v>23</v>
      </c>
      <c r="AB21451">
        <v>23</v>
      </c>
      <c r="AC21451">
        <v>23</v>
      </c>
      <c r="AD21451">
        <v>23</v>
      </c>
      <c r="AE21451">
        <v>23</v>
      </c>
      <c r="AF21451">
        <v>23</v>
      </c>
      <c r="AG21451">
        <v>23</v>
      </c>
      <c r="AH21451">
        <v>23</v>
      </c>
      <c r="AI21451">
        <v>23</v>
      </c>
      <c r="AJ21451">
        <v>23</v>
      </c>
      <c r="AK21451">
        <v>23</v>
      </c>
      <c r="AL21451">
        <v>23</v>
      </c>
      <c r="AM21451">
        <v>23</v>
      </c>
      <c r="AN21451">
        <v>23</v>
      </c>
      <c r="AO21451">
        <v>22</v>
      </c>
      <c r="AP21451">
        <v>22</v>
      </c>
      <c r="AQ21451">
        <v>22</v>
      </c>
    </row>
    <row r="21452" spans="1:43">
      <c r="A21452" t="s">
        <v>13289</v>
      </c>
      <c r="B21452" t="s">
        <v>13290</v>
      </c>
      <c r="C21452" t="s">
        <v>13291</v>
      </c>
      <c r="D21452" t="s">
        <v>13292</v>
      </c>
      <c r="E21452" t="s">
        <v>13293</v>
      </c>
      <c r="F21452" t="s">
        <v>13294</v>
      </c>
      <c r="G21452" t="s">
        <v>10214</v>
      </c>
      <c r="H21452" t="s">
        <v>10215</v>
      </c>
      <c r="I21452" s="2">
        <v>1</v>
      </c>
      <c r="J21452" s="2">
        <v>0</v>
      </c>
      <c r="K21452" s="2">
        <v>0</v>
      </c>
      <c r="L21452" t="s">
        <v>120</v>
      </c>
      <c r="M21452" t="s">
        <v>89</v>
      </c>
      <c r="N21452" t="s">
        <v>90</v>
      </c>
      <c r="O21452" t="s">
        <v>85</v>
      </c>
      <c r="P21452" t="s">
        <v>86</v>
      </c>
      <c r="Q21452">
        <v>23</v>
      </c>
      <c r="R21452">
        <v>24</v>
      </c>
      <c r="S21452">
        <v>24</v>
      </c>
      <c r="T21452">
        <v>25</v>
      </c>
      <c r="U21452">
        <v>25</v>
      </c>
      <c r="V21452">
        <v>25</v>
      </c>
      <c r="W21452">
        <v>26</v>
      </c>
      <c r="X21452">
        <v>26</v>
      </c>
      <c r="Y21452">
        <v>26</v>
      </c>
      <c r="Z21452">
        <v>26</v>
      </c>
      <c r="AA21452">
        <v>27</v>
      </c>
      <c r="AB21452">
        <v>27</v>
      </c>
      <c r="AC21452">
        <v>27</v>
      </c>
      <c r="AD21452">
        <v>27</v>
      </c>
      <c r="AE21452">
        <v>27</v>
      </c>
      <c r="AF21452">
        <v>27</v>
      </c>
      <c r="AG21452">
        <v>27</v>
      </c>
      <c r="AH21452">
        <v>27</v>
      </c>
      <c r="AI21452">
        <v>27</v>
      </c>
      <c r="AJ21452">
        <v>27</v>
      </c>
      <c r="AK21452">
        <v>27</v>
      </c>
      <c r="AL21452">
        <v>27</v>
      </c>
      <c r="AM21452">
        <v>26</v>
      </c>
      <c r="AN21452">
        <v>26</v>
      </c>
      <c r="AO21452">
        <v>26</v>
      </c>
      <c r="AP21452">
        <v>26</v>
      </c>
      <c r="AQ21452">
        <v>26</v>
      </c>
    </row>
    <row r="21453" spans="1:43">
      <c r="A21453" t="s">
        <v>13289</v>
      </c>
      <c r="B21453" t="s">
        <v>13290</v>
      </c>
      <c r="C21453" t="s">
        <v>13291</v>
      </c>
      <c r="D21453" t="s">
        <v>13292</v>
      </c>
      <c r="E21453" t="s">
        <v>13293</v>
      </c>
      <c r="F21453" t="s">
        <v>13294</v>
      </c>
      <c r="G21453" t="s">
        <v>10214</v>
      </c>
      <c r="H21453" t="s">
        <v>10215</v>
      </c>
      <c r="I21453" s="2">
        <v>1</v>
      </c>
      <c r="J21453" s="2">
        <v>0</v>
      </c>
      <c r="K21453" s="2">
        <v>0</v>
      </c>
      <c r="L21453" t="s">
        <v>120</v>
      </c>
      <c r="M21453" t="s">
        <v>83</v>
      </c>
      <c r="N21453" t="s">
        <v>91</v>
      </c>
      <c r="O21453" t="s">
        <v>85</v>
      </c>
      <c r="P21453" t="s">
        <v>86</v>
      </c>
      <c r="Q21453">
        <v>23</v>
      </c>
      <c r="R21453">
        <v>23</v>
      </c>
      <c r="S21453">
        <v>24</v>
      </c>
      <c r="T21453">
        <v>24</v>
      </c>
      <c r="U21453">
        <v>24</v>
      </c>
      <c r="V21453">
        <v>24</v>
      </c>
      <c r="W21453">
        <v>24</v>
      </c>
      <c r="X21453">
        <v>25</v>
      </c>
      <c r="Y21453">
        <v>25</v>
      </c>
      <c r="Z21453">
        <v>25</v>
      </c>
      <c r="AA21453">
        <v>25</v>
      </c>
      <c r="AB21453">
        <v>25</v>
      </c>
      <c r="AC21453">
        <v>25</v>
      </c>
      <c r="AD21453">
        <v>25</v>
      </c>
      <c r="AE21453">
        <v>26</v>
      </c>
      <c r="AF21453">
        <v>26</v>
      </c>
      <c r="AG21453">
        <v>26</v>
      </c>
      <c r="AH21453">
        <v>26</v>
      </c>
      <c r="AI21453">
        <v>26</v>
      </c>
      <c r="AJ21453">
        <v>26</v>
      </c>
      <c r="AK21453">
        <v>26</v>
      </c>
      <c r="AL21453">
        <v>26</v>
      </c>
      <c r="AM21453">
        <v>26</v>
      </c>
      <c r="AN21453">
        <v>26</v>
      </c>
      <c r="AO21453">
        <v>26</v>
      </c>
      <c r="AP21453">
        <v>26</v>
      </c>
      <c r="AQ21453">
        <v>26</v>
      </c>
    </row>
    <row r="21454" spans="1:43">
      <c r="A21454" t="s">
        <v>13295</v>
      </c>
      <c r="B21454" t="s">
        <v>13296</v>
      </c>
      <c r="C21454" t="s">
        <v>13297</v>
      </c>
      <c r="D21454" t="s">
        <v>13298</v>
      </c>
      <c r="E21454" t="s">
        <v>13293</v>
      </c>
      <c r="F21454" t="s">
        <v>13294</v>
      </c>
      <c r="G21454" t="s">
        <v>10214</v>
      </c>
      <c r="H21454" t="s">
        <v>10215</v>
      </c>
      <c r="I21454" s="2">
        <v>1</v>
      </c>
      <c r="J21454" s="2">
        <v>0</v>
      </c>
      <c r="K21454" s="2">
        <v>0</v>
      </c>
      <c r="L21454" t="s">
        <v>120</v>
      </c>
      <c r="M21454" t="s">
        <v>83</v>
      </c>
      <c r="N21454" t="s">
        <v>84</v>
      </c>
      <c r="O21454" t="s">
        <v>85</v>
      </c>
      <c r="P21454" t="s">
        <v>86</v>
      </c>
      <c r="Q21454">
        <v>17</v>
      </c>
      <c r="R21454">
        <v>17</v>
      </c>
      <c r="S21454">
        <v>17</v>
      </c>
      <c r="T21454">
        <v>17</v>
      </c>
      <c r="U21454">
        <v>17</v>
      </c>
      <c r="V21454">
        <v>18</v>
      </c>
      <c r="W21454">
        <v>18</v>
      </c>
      <c r="X21454">
        <v>18</v>
      </c>
      <c r="Y21454">
        <v>18</v>
      </c>
      <c r="Z21454">
        <v>18</v>
      </c>
      <c r="AA21454">
        <v>18</v>
      </c>
      <c r="AB21454">
        <v>18</v>
      </c>
      <c r="AC21454">
        <v>18</v>
      </c>
      <c r="AD21454">
        <v>18</v>
      </c>
      <c r="AE21454">
        <v>18</v>
      </c>
      <c r="AF21454">
        <v>18</v>
      </c>
      <c r="AG21454">
        <v>19</v>
      </c>
      <c r="AH21454">
        <v>19</v>
      </c>
      <c r="AI21454">
        <v>19</v>
      </c>
      <c r="AJ21454">
        <v>19</v>
      </c>
      <c r="AK21454">
        <v>19</v>
      </c>
      <c r="AL21454">
        <v>19</v>
      </c>
      <c r="AM21454">
        <v>19</v>
      </c>
      <c r="AN21454">
        <v>19</v>
      </c>
      <c r="AO21454">
        <v>18</v>
      </c>
      <c r="AP21454">
        <v>18</v>
      </c>
      <c r="AQ21454">
        <v>18</v>
      </c>
    </row>
    <row r="21455" spans="1:43">
      <c r="A21455" t="s">
        <v>13295</v>
      </c>
      <c r="B21455" t="s">
        <v>13296</v>
      </c>
      <c r="C21455" t="s">
        <v>13297</v>
      </c>
      <c r="D21455" t="s">
        <v>13298</v>
      </c>
      <c r="E21455" t="s">
        <v>13293</v>
      </c>
      <c r="F21455" t="s">
        <v>13294</v>
      </c>
      <c r="G21455" t="s">
        <v>10214</v>
      </c>
      <c r="H21455" t="s">
        <v>10215</v>
      </c>
      <c r="I21455" s="2">
        <v>1</v>
      </c>
      <c r="J21455" s="2">
        <v>0</v>
      </c>
      <c r="K21455" s="2">
        <v>0</v>
      </c>
      <c r="L21455" t="s">
        <v>120</v>
      </c>
      <c r="M21455" t="s">
        <v>87</v>
      </c>
      <c r="N21455" t="s">
        <v>88</v>
      </c>
      <c r="O21455" t="s">
        <v>85</v>
      </c>
      <c r="P21455" t="s">
        <v>86</v>
      </c>
      <c r="Q21455">
        <v>17</v>
      </c>
      <c r="R21455">
        <v>17</v>
      </c>
      <c r="S21455">
        <v>17</v>
      </c>
      <c r="T21455">
        <v>17</v>
      </c>
      <c r="U21455">
        <v>17</v>
      </c>
      <c r="V21455">
        <v>17</v>
      </c>
      <c r="W21455">
        <v>17</v>
      </c>
      <c r="X21455">
        <v>17</v>
      </c>
      <c r="Y21455">
        <v>16</v>
      </c>
      <c r="Z21455">
        <v>16</v>
      </c>
      <c r="AA21455">
        <v>16</v>
      </c>
      <c r="AB21455">
        <v>16</v>
      </c>
      <c r="AC21455">
        <v>16</v>
      </c>
      <c r="AD21455">
        <v>16</v>
      </c>
      <c r="AE21455">
        <v>16</v>
      </c>
      <c r="AF21455">
        <v>16</v>
      </c>
      <c r="AG21455">
        <v>16</v>
      </c>
      <c r="AH21455">
        <v>16</v>
      </c>
      <c r="AI21455">
        <v>16</v>
      </c>
      <c r="AJ21455">
        <v>16</v>
      </c>
      <c r="AK21455">
        <v>16</v>
      </c>
      <c r="AL21455">
        <v>16</v>
      </c>
      <c r="AM21455">
        <v>16</v>
      </c>
      <c r="AN21455">
        <v>16</v>
      </c>
      <c r="AO21455">
        <v>16</v>
      </c>
      <c r="AP21455">
        <v>16</v>
      </c>
      <c r="AQ21455">
        <v>16</v>
      </c>
    </row>
    <row r="21456" spans="1:43">
      <c r="A21456" t="s">
        <v>13295</v>
      </c>
      <c r="B21456" t="s">
        <v>13296</v>
      </c>
      <c r="C21456" t="s">
        <v>13297</v>
      </c>
      <c r="D21456" t="s">
        <v>13298</v>
      </c>
      <c r="E21456" t="s">
        <v>13293</v>
      </c>
      <c r="F21456" t="s">
        <v>13294</v>
      </c>
      <c r="G21456" t="s">
        <v>10214</v>
      </c>
      <c r="H21456" t="s">
        <v>10215</v>
      </c>
      <c r="I21456" s="2">
        <v>1</v>
      </c>
      <c r="J21456" s="2">
        <v>0</v>
      </c>
      <c r="K21456" s="2">
        <v>0</v>
      </c>
      <c r="L21456" t="s">
        <v>120</v>
      </c>
      <c r="M21456" t="s">
        <v>89</v>
      </c>
      <c r="N21456" t="s">
        <v>90</v>
      </c>
      <c r="O21456" t="s">
        <v>85</v>
      </c>
      <c r="P21456" t="s">
        <v>86</v>
      </c>
      <c r="Q21456">
        <v>17</v>
      </c>
      <c r="R21456">
        <v>17</v>
      </c>
      <c r="S21456">
        <v>18</v>
      </c>
      <c r="T21456">
        <v>18</v>
      </c>
      <c r="U21456">
        <v>18</v>
      </c>
      <c r="V21456">
        <v>18</v>
      </c>
      <c r="W21456">
        <v>19</v>
      </c>
      <c r="X21456">
        <v>19</v>
      </c>
      <c r="Y21456">
        <v>19</v>
      </c>
      <c r="Z21456">
        <v>19</v>
      </c>
      <c r="AA21456">
        <v>19</v>
      </c>
      <c r="AB21456">
        <v>19</v>
      </c>
      <c r="AC21456">
        <v>20</v>
      </c>
      <c r="AD21456">
        <v>20</v>
      </c>
      <c r="AE21456">
        <v>20</v>
      </c>
      <c r="AF21456">
        <v>20</v>
      </c>
      <c r="AG21456">
        <v>20</v>
      </c>
      <c r="AH21456">
        <v>19</v>
      </c>
      <c r="AI21456">
        <v>19</v>
      </c>
      <c r="AJ21456">
        <v>19</v>
      </c>
      <c r="AK21456">
        <v>19</v>
      </c>
      <c r="AL21456">
        <v>19</v>
      </c>
      <c r="AM21456">
        <v>19</v>
      </c>
      <c r="AN21456">
        <v>19</v>
      </c>
      <c r="AO21456">
        <v>19</v>
      </c>
      <c r="AP21456">
        <v>19</v>
      </c>
      <c r="AQ21456">
        <v>18</v>
      </c>
    </row>
    <row r="21457" spans="1:43">
      <c r="A21457" t="s">
        <v>13295</v>
      </c>
      <c r="B21457" t="s">
        <v>13296</v>
      </c>
      <c r="C21457" t="s">
        <v>13297</v>
      </c>
      <c r="D21457" t="s">
        <v>13298</v>
      </c>
      <c r="E21457" t="s">
        <v>13293</v>
      </c>
      <c r="F21457" t="s">
        <v>13294</v>
      </c>
      <c r="G21457" t="s">
        <v>10214</v>
      </c>
      <c r="H21457" t="s">
        <v>10215</v>
      </c>
      <c r="I21457" s="2">
        <v>1</v>
      </c>
      <c r="J21457" s="2">
        <v>0</v>
      </c>
      <c r="K21457" s="2">
        <v>0</v>
      </c>
      <c r="L21457" t="s">
        <v>120</v>
      </c>
      <c r="M21457" t="s">
        <v>83</v>
      </c>
      <c r="N21457" t="s">
        <v>91</v>
      </c>
      <c r="O21457" t="s">
        <v>85</v>
      </c>
      <c r="P21457" t="s">
        <v>86</v>
      </c>
      <c r="Q21457">
        <v>17</v>
      </c>
      <c r="R21457">
        <v>17</v>
      </c>
      <c r="S21457">
        <v>17</v>
      </c>
      <c r="T21457">
        <v>17</v>
      </c>
      <c r="U21457">
        <v>17</v>
      </c>
      <c r="V21457">
        <v>18</v>
      </c>
      <c r="W21457">
        <v>18</v>
      </c>
      <c r="X21457">
        <v>18</v>
      </c>
      <c r="Y21457">
        <v>18</v>
      </c>
      <c r="Z21457">
        <v>18</v>
      </c>
      <c r="AA21457">
        <v>18</v>
      </c>
      <c r="AB21457">
        <v>18</v>
      </c>
      <c r="AC21457">
        <v>18</v>
      </c>
      <c r="AD21457">
        <v>18</v>
      </c>
      <c r="AE21457">
        <v>18</v>
      </c>
      <c r="AF21457">
        <v>18</v>
      </c>
      <c r="AG21457">
        <v>19</v>
      </c>
      <c r="AH21457">
        <v>19</v>
      </c>
      <c r="AI21457">
        <v>19</v>
      </c>
      <c r="AJ21457">
        <v>19</v>
      </c>
      <c r="AK21457">
        <v>19</v>
      </c>
      <c r="AL21457">
        <v>19</v>
      </c>
      <c r="AM21457">
        <v>19</v>
      </c>
      <c r="AN21457">
        <v>19</v>
      </c>
      <c r="AO21457">
        <v>18</v>
      </c>
      <c r="AP21457">
        <v>18</v>
      </c>
      <c r="AQ21457">
        <v>18</v>
      </c>
    </row>
    <row r="21458" spans="1:43">
      <c r="A21458" t="s">
        <v>13299</v>
      </c>
      <c r="B21458" t="s">
        <v>13300</v>
      </c>
      <c r="C21458" t="s">
        <v>13291</v>
      </c>
      <c r="D21458" t="s">
        <v>13292</v>
      </c>
      <c r="E21458" t="s">
        <v>13293</v>
      </c>
      <c r="F21458" t="s">
        <v>13294</v>
      </c>
      <c r="G21458" t="s">
        <v>10214</v>
      </c>
      <c r="H21458" t="s">
        <v>10215</v>
      </c>
      <c r="I21458" s="2">
        <v>1</v>
      </c>
      <c r="J21458" s="2">
        <v>0</v>
      </c>
      <c r="K21458" s="2">
        <v>0</v>
      </c>
      <c r="L21458" t="s">
        <v>120</v>
      </c>
      <c r="M21458" t="s">
        <v>83</v>
      </c>
      <c r="N21458" t="s">
        <v>84</v>
      </c>
      <c r="O21458" t="s">
        <v>85</v>
      </c>
      <c r="P21458" t="s">
        <v>86</v>
      </c>
      <c r="Q21458">
        <v>20</v>
      </c>
      <c r="R21458">
        <v>20</v>
      </c>
      <c r="S21458">
        <v>20</v>
      </c>
      <c r="T21458">
        <v>21</v>
      </c>
      <c r="U21458">
        <v>21</v>
      </c>
      <c r="V21458">
        <v>21</v>
      </c>
      <c r="W21458">
        <v>21</v>
      </c>
      <c r="X21458">
        <v>21</v>
      </c>
      <c r="Y21458">
        <v>21</v>
      </c>
      <c r="Z21458">
        <v>21</v>
      </c>
      <c r="AA21458">
        <v>21</v>
      </c>
      <c r="AB21458">
        <v>22</v>
      </c>
      <c r="AC21458">
        <v>22</v>
      </c>
      <c r="AD21458">
        <v>22</v>
      </c>
      <c r="AE21458">
        <v>22</v>
      </c>
      <c r="AF21458">
        <v>22</v>
      </c>
      <c r="AG21458">
        <v>22</v>
      </c>
      <c r="AH21458">
        <v>22</v>
      </c>
      <c r="AI21458">
        <v>22</v>
      </c>
      <c r="AJ21458">
        <v>22</v>
      </c>
      <c r="AK21458">
        <v>22</v>
      </c>
      <c r="AL21458">
        <v>22</v>
      </c>
      <c r="AM21458">
        <v>22</v>
      </c>
      <c r="AN21458">
        <v>22</v>
      </c>
      <c r="AO21458">
        <v>22</v>
      </c>
      <c r="AP21458">
        <v>22</v>
      </c>
      <c r="AQ21458">
        <v>22</v>
      </c>
    </row>
    <row r="21459" spans="1:43">
      <c r="A21459" t="s">
        <v>13299</v>
      </c>
      <c r="B21459" t="s">
        <v>13300</v>
      </c>
      <c r="C21459" t="s">
        <v>13291</v>
      </c>
      <c r="D21459" t="s">
        <v>13292</v>
      </c>
      <c r="E21459" t="s">
        <v>13293</v>
      </c>
      <c r="F21459" t="s">
        <v>13294</v>
      </c>
      <c r="G21459" t="s">
        <v>10214</v>
      </c>
      <c r="H21459" t="s">
        <v>10215</v>
      </c>
      <c r="I21459" s="2">
        <v>1</v>
      </c>
      <c r="J21459" s="2">
        <v>0</v>
      </c>
      <c r="K21459" s="2">
        <v>0</v>
      </c>
      <c r="L21459" t="s">
        <v>120</v>
      </c>
      <c r="M21459" t="s">
        <v>87</v>
      </c>
      <c r="N21459" t="s">
        <v>88</v>
      </c>
      <c r="O21459" t="s">
        <v>85</v>
      </c>
      <c r="P21459" t="s">
        <v>86</v>
      </c>
      <c r="Q21459">
        <v>20</v>
      </c>
      <c r="R21459">
        <v>20</v>
      </c>
      <c r="S21459">
        <v>20</v>
      </c>
      <c r="T21459">
        <v>20</v>
      </c>
      <c r="U21459">
        <v>20</v>
      </c>
      <c r="V21459">
        <v>20</v>
      </c>
      <c r="W21459">
        <v>20</v>
      </c>
      <c r="X21459">
        <v>20</v>
      </c>
      <c r="Y21459">
        <v>20</v>
      </c>
      <c r="Z21459">
        <v>20</v>
      </c>
      <c r="AA21459">
        <v>20</v>
      </c>
      <c r="AB21459">
        <v>19</v>
      </c>
      <c r="AC21459">
        <v>19</v>
      </c>
      <c r="AD21459">
        <v>19</v>
      </c>
      <c r="AE21459">
        <v>19</v>
      </c>
      <c r="AF21459">
        <v>19</v>
      </c>
      <c r="AG21459">
        <v>19</v>
      </c>
      <c r="AH21459">
        <v>19</v>
      </c>
      <c r="AI21459">
        <v>19</v>
      </c>
      <c r="AJ21459">
        <v>19</v>
      </c>
      <c r="AK21459">
        <v>19</v>
      </c>
      <c r="AL21459">
        <v>19</v>
      </c>
      <c r="AM21459">
        <v>19</v>
      </c>
      <c r="AN21459">
        <v>19</v>
      </c>
      <c r="AO21459">
        <v>19</v>
      </c>
      <c r="AP21459">
        <v>19</v>
      </c>
      <c r="AQ21459">
        <v>19</v>
      </c>
    </row>
    <row r="21460" spans="1:43">
      <c r="A21460" t="s">
        <v>13299</v>
      </c>
      <c r="B21460" t="s">
        <v>13300</v>
      </c>
      <c r="C21460" t="s">
        <v>13291</v>
      </c>
      <c r="D21460" t="s">
        <v>13292</v>
      </c>
      <c r="E21460" t="s">
        <v>13293</v>
      </c>
      <c r="F21460" t="s">
        <v>13294</v>
      </c>
      <c r="G21460" t="s">
        <v>10214</v>
      </c>
      <c r="H21460" t="s">
        <v>10215</v>
      </c>
      <c r="I21460" s="2">
        <v>1</v>
      </c>
      <c r="J21460" s="2">
        <v>0</v>
      </c>
      <c r="K21460" s="2">
        <v>0</v>
      </c>
      <c r="L21460" t="s">
        <v>120</v>
      </c>
      <c r="M21460" t="s">
        <v>89</v>
      </c>
      <c r="N21460" t="s">
        <v>90</v>
      </c>
      <c r="O21460" t="s">
        <v>85</v>
      </c>
      <c r="P21460" t="s">
        <v>86</v>
      </c>
      <c r="Q21460">
        <v>20</v>
      </c>
      <c r="R21460">
        <v>21</v>
      </c>
      <c r="S21460">
        <v>21</v>
      </c>
      <c r="T21460">
        <v>21</v>
      </c>
      <c r="U21460">
        <v>21</v>
      </c>
      <c r="V21460">
        <v>22</v>
      </c>
      <c r="W21460">
        <v>22</v>
      </c>
      <c r="X21460">
        <v>22</v>
      </c>
      <c r="Y21460">
        <v>22</v>
      </c>
      <c r="Z21460">
        <v>23</v>
      </c>
      <c r="AA21460">
        <v>23</v>
      </c>
      <c r="AB21460">
        <v>23</v>
      </c>
      <c r="AC21460">
        <v>23</v>
      </c>
      <c r="AD21460">
        <v>23</v>
      </c>
      <c r="AE21460">
        <v>23</v>
      </c>
      <c r="AF21460">
        <v>23</v>
      </c>
      <c r="AG21460">
        <v>23</v>
      </c>
      <c r="AH21460">
        <v>23</v>
      </c>
      <c r="AI21460">
        <v>23</v>
      </c>
      <c r="AJ21460">
        <v>23</v>
      </c>
      <c r="AK21460">
        <v>23</v>
      </c>
      <c r="AL21460">
        <v>22</v>
      </c>
      <c r="AM21460">
        <v>22</v>
      </c>
      <c r="AN21460">
        <v>22</v>
      </c>
      <c r="AO21460">
        <v>22</v>
      </c>
      <c r="AP21460">
        <v>22</v>
      </c>
      <c r="AQ21460">
        <v>22</v>
      </c>
    </row>
    <row r="21461" spans="1:43">
      <c r="A21461" t="s">
        <v>13299</v>
      </c>
      <c r="B21461" t="s">
        <v>13300</v>
      </c>
      <c r="C21461" t="s">
        <v>13291</v>
      </c>
      <c r="D21461" t="s">
        <v>13292</v>
      </c>
      <c r="E21461" t="s">
        <v>13293</v>
      </c>
      <c r="F21461" t="s">
        <v>13294</v>
      </c>
      <c r="G21461" t="s">
        <v>10214</v>
      </c>
      <c r="H21461" t="s">
        <v>10215</v>
      </c>
      <c r="I21461" s="2">
        <v>1</v>
      </c>
      <c r="J21461" s="2">
        <v>0</v>
      </c>
      <c r="K21461" s="2">
        <v>0</v>
      </c>
      <c r="L21461" t="s">
        <v>120</v>
      </c>
      <c r="M21461" t="s">
        <v>83</v>
      </c>
      <c r="N21461" t="s">
        <v>91</v>
      </c>
      <c r="O21461" t="s">
        <v>85</v>
      </c>
      <c r="P21461" t="s">
        <v>86</v>
      </c>
      <c r="Q21461">
        <v>20</v>
      </c>
      <c r="R21461">
        <v>20</v>
      </c>
      <c r="S21461">
        <v>20</v>
      </c>
      <c r="T21461">
        <v>21</v>
      </c>
      <c r="U21461">
        <v>21</v>
      </c>
      <c r="V21461">
        <v>21</v>
      </c>
      <c r="W21461">
        <v>21</v>
      </c>
      <c r="X21461">
        <v>21</v>
      </c>
      <c r="Y21461">
        <v>21</v>
      </c>
      <c r="Z21461">
        <v>21</v>
      </c>
      <c r="AA21461">
        <v>21</v>
      </c>
      <c r="AB21461">
        <v>22</v>
      </c>
      <c r="AC21461">
        <v>22</v>
      </c>
      <c r="AD21461">
        <v>22</v>
      </c>
      <c r="AE21461">
        <v>22</v>
      </c>
      <c r="AF21461">
        <v>22</v>
      </c>
      <c r="AG21461">
        <v>22</v>
      </c>
      <c r="AH21461">
        <v>22</v>
      </c>
      <c r="AI21461">
        <v>22</v>
      </c>
      <c r="AJ21461">
        <v>22</v>
      </c>
      <c r="AK21461">
        <v>22</v>
      </c>
      <c r="AL21461">
        <v>22</v>
      </c>
      <c r="AM21461">
        <v>22</v>
      </c>
      <c r="AN21461">
        <v>22</v>
      </c>
      <c r="AO21461">
        <v>22</v>
      </c>
      <c r="AP21461">
        <v>22</v>
      </c>
      <c r="AQ21461">
        <v>22</v>
      </c>
    </row>
    <row r="21462" spans="1:43">
      <c r="A21462" t="s">
        <v>13301</v>
      </c>
      <c r="B21462" t="s">
        <v>13302</v>
      </c>
      <c r="C21462" t="s">
        <v>13291</v>
      </c>
      <c r="D21462" t="s">
        <v>13292</v>
      </c>
      <c r="E21462" t="s">
        <v>13293</v>
      </c>
      <c r="F21462" t="s">
        <v>13294</v>
      </c>
      <c r="G21462" t="s">
        <v>10214</v>
      </c>
      <c r="H21462" t="s">
        <v>10215</v>
      </c>
      <c r="I21462" s="2">
        <v>1</v>
      </c>
      <c r="J21462" s="2">
        <v>0</v>
      </c>
      <c r="K21462" s="2">
        <v>0</v>
      </c>
      <c r="L21462" t="s">
        <v>120</v>
      </c>
      <c r="M21462" t="s">
        <v>83</v>
      </c>
      <c r="N21462" t="s">
        <v>84</v>
      </c>
      <c r="O21462" t="s">
        <v>85</v>
      </c>
      <c r="P21462" t="s">
        <v>86</v>
      </c>
      <c r="Q21462">
        <v>23</v>
      </c>
      <c r="R21462">
        <v>23</v>
      </c>
      <c r="S21462">
        <v>23</v>
      </c>
      <c r="T21462">
        <v>24</v>
      </c>
      <c r="U21462">
        <v>24</v>
      </c>
      <c r="V21462">
        <v>24</v>
      </c>
      <c r="W21462">
        <v>24</v>
      </c>
      <c r="X21462">
        <v>24</v>
      </c>
      <c r="Y21462">
        <v>25</v>
      </c>
      <c r="Z21462">
        <v>25</v>
      </c>
      <c r="AA21462">
        <v>25</v>
      </c>
      <c r="AB21462">
        <v>25</v>
      </c>
      <c r="AC21462">
        <v>25</v>
      </c>
      <c r="AD21462">
        <v>25</v>
      </c>
      <c r="AE21462">
        <v>25</v>
      </c>
      <c r="AF21462">
        <v>26</v>
      </c>
      <c r="AG21462">
        <v>26</v>
      </c>
      <c r="AH21462">
        <v>26</v>
      </c>
      <c r="AI21462">
        <v>26</v>
      </c>
      <c r="AJ21462">
        <v>26</v>
      </c>
      <c r="AK21462">
        <v>26</v>
      </c>
      <c r="AL21462">
        <v>26</v>
      </c>
      <c r="AM21462">
        <v>26</v>
      </c>
      <c r="AN21462">
        <v>26</v>
      </c>
      <c r="AO21462">
        <v>26</v>
      </c>
      <c r="AP21462">
        <v>26</v>
      </c>
      <c r="AQ21462">
        <v>26</v>
      </c>
    </row>
    <row r="21463" spans="1:43">
      <c r="A21463" t="s">
        <v>13301</v>
      </c>
      <c r="B21463" t="s">
        <v>13302</v>
      </c>
      <c r="C21463" t="s">
        <v>13291</v>
      </c>
      <c r="D21463" t="s">
        <v>13292</v>
      </c>
      <c r="E21463" t="s">
        <v>13293</v>
      </c>
      <c r="F21463" t="s">
        <v>13294</v>
      </c>
      <c r="G21463" t="s">
        <v>10214</v>
      </c>
      <c r="H21463" t="s">
        <v>10215</v>
      </c>
      <c r="I21463" s="2">
        <v>1</v>
      </c>
      <c r="J21463" s="2">
        <v>0</v>
      </c>
      <c r="K21463" s="2">
        <v>0</v>
      </c>
      <c r="L21463" t="s">
        <v>120</v>
      </c>
      <c r="M21463" t="s">
        <v>87</v>
      </c>
      <c r="N21463" t="s">
        <v>88</v>
      </c>
      <c r="O21463" t="s">
        <v>85</v>
      </c>
      <c r="P21463" t="s">
        <v>86</v>
      </c>
      <c r="Q21463">
        <v>23</v>
      </c>
      <c r="R21463">
        <v>23</v>
      </c>
      <c r="S21463">
        <v>23</v>
      </c>
      <c r="T21463">
        <v>23</v>
      </c>
      <c r="U21463">
        <v>23</v>
      </c>
      <c r="V21463">
        <v>23</v>
      </c>
      <c r="W21463">
        <v>23</v>
      </c>
      <c r="X21463">
        <v>23</v>
      </c>
      <c r="Y21463">
        <v>23</v>
      </c>
      <c r="Z21463">
        <v>23</v>
      </c>
      <c r="AA21463">
        <v>23</v>
      </c>
      <c r="AB21463">
        <v>23</v>
      </c>
      <c r="AC21463">
        <v>23</v>
      </c>
      <c r="AD21463">
        <v>23</v>
      </c>
      <c r="AE21463">
        <v>23</v>
      </c>
      <c r="AF21463">
        <v>23</v>
      </c>
      <c r="AG21463">
        <v>23</v>
      </c>
      <c r="AH21463">
        <v>23</v>
      </c>
      <c r="AI21463">
        <v>22</v>
      </c>
      <c r="AJ21463">
        <v>22</v>
      </c>
      <c r="AK21463">
        <v>22</v>
      </c>
      <c r="AL21463">
        <v>22</v>
      </c>
      <c r="AM21463">
        <v>22</v>
      </c>
      <c r="AN21463">
        <v>22</v>
      </c>
      <c r="AO21463">
        <v>22</v>
      </c>
      <c r="AP21463">
        <v>22</v>
      </c>
      <c r="AQ21463">
        <v>22</v>
      </c>
    </row>
    <row r="21464" spans="1:43">
      <c r="A21464" t="s">
        <v>13301</v>
      </c>
      <c r="B21464" t="s">
        <v>13302</v>
      </c>
      <c r="C21464" t="s">
        <v>13291</v>
      </c>
      <c r="D21464" t="s">
        <v>13292</v>
      </c>
      <c r="E21464" t="s">
        <v>13293</v>
      </c>
      <c r="F21464" t="s">
        <v>13294</v>
      </c>
      <c r="G21464" t="s">
        <v>10214</v>
      </c>
      <c r="H21464" t="s">
        <v>10215</v>
      </c>
      <c r="I21464" s="2">
        <v>1</v>
      </c>
      <c r="J21464" s="2">
        <v>0</v>
      </c>
      <c r="K21464" s="2">
        <v>0</v>
      </c>
      <c r="L21464" t="s">
        <v>120</v>
      </c>
      <c r="M21464" t="s">
        <v>89</v>
      </c>
      <c r="N21464" t="s">
        <v>90</v>
      </c>
      <c r="O21464" t="s">
        <v>85</v>
      </c>
      <c r="P21464" t="s">
        <v>86</v>
      </c>
      <c r="Q21464">
        <v>23</v>
      </c>
      <c r="R21464">
        <v>24</v>
      </c>
      <c r="S21464">
        <v>24</v>
      </c>
      <c r="T21464">
        <v>24</v>
      </c>
      <c r="U21464">
        <v>25</v>
      </c>
      <c r="V21464">
        <v>25</v>
      </c>
      <c r="W21464">
        <v>25</v>
      </c>
      <c r="X21464">
        <v>26</v>
      </c>
      <c r="Y21464">
        <v>26</v>
      </c>
      <c r="Z21464">
        <v>26</v>
      </c>
      <c r="AA21464">
        <v>26</v>
      </c>
      <c r="AB21464">
        <v>27</v>
      </c>
      <c r="AC21464">
        <v>27</v>
      </c>
      <c r="AD21464">
        <v>27</v>
      </c>
      <c r="AE21464">
        <v>27</v>
      </c>
      <c r="AF21464">
        <v>27</v>
      </c>
      <c r="AG21464">
        <v>27</v>
      </c>
      <c r="AH21464">
        <v>27</v>
      </c>
      <c r="AI21464">
        <v>27</v>
      </c>
      <c r="AJ21464">
        <v>27</v>
      </c>
      <c r="AK21464">
        <v>27</v>
      </c>
      <c r="AL21464">
        <v>26</v>
      </c>
      <c r="AM21464">
        <v>26</v>
      </c>
      <c r="AN21464">
        <v>26</v>
      </c>
      <c r="AO21464">
        <v>26</v>
      </c>
      <c r="AP21464">
        <v>26</v>
      </c>
      <c r="AQ21464">
        <v>26</v>
      </c>
    </row>
    <row r="21465" spans="1:43">
      <c r="A21465" t="s">
        <v>13301</v>
      </c>
      <c r="B21465" t="s">
        <v>13302</v>
      </c>
      <c r="C21465" t="s">
        <v>13291</v>
      </c>
      <c r="D21465" t="s">
        <v>13292</v>
      </c>
      <c r="E21465" t="s">
        <v>13293</v>
      </c>
      <c r="F21465" t="s">
        <v>13294</v>
      </c>
      <c r="G21465" t="s">
        <v>10214</v>
      </c>
      <c r="H21465" t="s">
        <v>10215</v>
      </c>
      <c r="I21465" s="2">
        <v>1</v>
      </c>
      <c r="J21465" s="2">
        <v>0</v>
      </c>
      <c r="K21465" s="2">
        <v>0</v>
      </c>
      <c r="L21465" t="s">
        <v>120</v>
      </c>
      <c r="M21465" t="s">
        <v>83</v>
      </c>
      <c r="N21465" t="s">
        <v>91</v>
      </c>
      <c r="O21465" t="s">
        <v>85</v>
      </c>
      <c r="P21465" t="s">
        <v>86</v>
      </c>
      <c r="Q21465">
        <v>23</v>
      </c>
      <c r="R21465">
        <v>23</v>
      </c>
      <c r="S21465">
        <v>23</v>
      </c>
      <c r="T21465">
        <v>24</v>
      </c>
      <c r="U21465">
        <v>24</v>
      </c>
      <c r="V21465">
        <v>24</v>
      </c>
      <c r="W21465">
        <v>24</v>
      </c>
      <c r="X21465">
        <v>24</v>
      </c>
      <c r="Y21465">
        <v>25</v>
      </c>
      <c r="Z21465">
        <v>25</v>
      </c>
      <c r="AA21465">
        <v>25</v>
      </c>
      <c r="AB21465">
        <v>25</v>
      </c>
      <c r="AC21465">
        <v>25</v>
      </c>
      <c r="AD21465">
        <v>25</v>
      </c>
      <c r="AE21465">
        <v>25</v>
      </c>
      <c r="AF21465">
        <v>26</v>
      </c>
      <c r="AG21465">
        <v>26</v>
      </c>
      <c r="AH21465">
        <v>26</v>
      </c>
      <c r="AI21465">
        <v>26</v>
      </c>
      <c r="AJ21465">
        <v>26</v>
      </c>
      <c r="AK21465">
        <v>26</v>
      </c>
      <c r="AL21465">
        <v>26</v>
      </c>
      <c r="AM21465">
        <v>26</v>
      </c>
      <c r="AN21465">
        <v>26</v>
      </c>
      <c r="AO21465">
        <v>26</v>
      </c>
      <c r="AP21465">
        <v>26</v>
      </c>
      <c r="AQ21465">
        <v>26</v>
      </c>
    </row>
    <row r="21466" spans="1:43">
      <c r="A21466" t="s">
        <v>13303</v>
      </c>
      <c r="B21466" t="s">
        <v>13304</v>
      </c>
      <c r="C21466" t="s">
        <v>13291</v>
      </c>
      <c r="D21466" t="s">
        <v>13292</v>
      </c>
      <c r="E21466" t="s">
        <v>13293</v>
      </c>
      <c r="F21466" t="s">
        <v>13294</v>
      </c>
      <c r="G21466" t="s">
        <v>10214</v>
      </c>
      <c r="H21466" t="s">
        <v>10215</v>
      </c>
      <c r="I21466" s="2">
        <v>1</v>
      </c>
      <c r="J21466" s="2">
        <v>0</v>
      </c>
      <c r="K21466" s="2">
        <v>0</v>
      </c>
      <c r="L21466" t="s">
        <v>120</v>
      </c>
      <c r="M21466" t="s">
        <v>83</v>
      </c>
      <c r="N21466" t="s">
        <v>84</v>
      </c>
      <c r="O21466" t="s">
        <v>85</v>
      </c>
      <c r="P21466" t="s">
        <v>86</v>
      </c>
      <c r="Q21466">
        <v>18</v>
      </c>
      <c r="R21466">
        <v>18</v>
      </c>
      <c r="S21466">
        <v>18</v>
      </c>
      <c r="T21466">
        <v>18</v>
      </c>
      <c r="U21466">
        <v>19</v>
      </c>
      <c r="V21466">
        <v>19</v>
      </c>
      <c r="W21466">
        <v>19</v>
      </c>
      <c r="X21466">
        <v>19</v>
      </c>
      <c r="Y21466">
        <v>19</v>
      </c>
      <c r="Z21466">
        <v>19</v>
      </c>
      <c r="AA21466">
        <v>19</v>
      </c>
      <c r="AB21466">
        <v>19</v>
      </c>
      <c r="AC21466">
        <v>20</v>
      </c>
      <c r="AD21466">
        <v>20</v>
      </c>
      <c r="AE21466">
        <v>20</v>
      </c>
      <c r="AF21466">
        <v>20</v>
      </c>
      <c r="AG21466">
        <v>20</v>
      </c>
      <c r="AH21466">
        <v>20</v>
      </c>
      <c r="AI21466">
        <v>20</v>
      </c>
      <c r="AJ21466">
        <v>20</v>
      </c>
      <c r="AK21466">
        <v>20</v>
      </c>
      <c r="AL21466">
        <v>20</v>
      </c>
      <c r="AM21466">
        <v>20</v>
      </c>
      <c r="AN21466">
        <v>20</v>
      </c>
      <c r="AO21466">
        <v>20</v>
      </c>
      <c r="AP21466">
        <v>20</v>
      </c>
      <c r="AQ21466">
        <v>20</v>
      </c>
    </row>
    <row r="21467" spans="1:43">
      <c r="A21467" t="s">
        <v>13303</v>
      </c>
      <c r="B21467" t="s">
        <v>13304</v>
      </c>
      <c r="C21467" t="s">
        <v>13291</v>
      </c>
      <c r="D21467" t="s">
        <v>13292</v>
      </c>
      <c r="E21467" t="s">
        <v>13293</v>
      </c>
      <c r="F21467" t="s">
        <v>13294</v>
      </c>
      <c r="G21467" t="s">
        <v>10214</v>
      </c>
      <c r="H21467" t="s">
        <v>10215</v>
      </c>
      <c r="I21467" s="2">
        <v>1</v>
      </c>
      <c r="J21467" s="2">
        <v>0</v>
      </c>
      <c r="K21467" s="2">
        <v>0</v>
      </c>
      <c r="L21467" t="s">
        <v>120</v>
      </c>
      <c r="M21467" t="s">
        <v>87</v>
      </c>
      <c r="N21467" t="s">
        <v>88</v>
      </c>
      <c r="O21467" t="s">
        <v>85</v>
      </c>
      <c r="P21467" t="s">
        <v>86</v>
      </c>
      <c r="Q21467">
        <v>18</v>
      </c>
      <c r="R21467">
        <v>18</v>
      </c>
      <c r="S21467">
        <v>18</v>
      </c>
      <c r="T21467">
        <v>18</v>
      </c>
      <c r="U21467">
        <v>18</v>
      </c>
      <c r="V21467">
        <v>18</v>
      </c>
      <c r="W21467">
        <v>18</v>
      </c>
      <c r="X21467">
        <v>18</v>
      </c>
      <c r="Y21467">
        <v>18</v>
      </c>
      <c r="Z21467">
        <v>18</v>
      </c>
      <c r="AA21467">
        <v>18</v>
      </c>
      <c r="AB21467">
        <v>18</v>
      </c>
      <c r="AC21467">
        <v>18</v>
      </c>
      <c r="AD21467">
        <v>18</v>
      </c>
      <c r="AE21467">
        <v>18</v>
      </c>
      <c r="AF21467">
        <v>18</v>
      </c>
      <c r="AG21467">
        <v>18</v>
      </c>
      <c r="AH21467">
        <v>17</v>
      </c>
      <c r="AI21467">
        <v>17</v>
      </c>
      <c r="AJ21467">
        <v>17</v>
      </c>
      <c r="AK21467">
        <v>17</v>
      </c>
      <c r="AL21467">
        <v>17</v>
      </c>
      <c r="AM21467">
        <v>17</v>
      </c>
      <c r="AN21467">
        <v>17</v>
      </c>
      <c r="AO21467">
        <v>17</v>
      </c>
      <c r="AP21467">
        <v>17</v>
      </c>
      <c r="AQ21467">
        <v>17</v>
      </c>
    </row>
    <row r="21468" spans="1:43">
      <c r="A21468" t="s">
        <v>13303</v>
      </c>
      <c r="B21468" t="s">
        <v>13304</v>
      </c>
      <c r="C21468" t="s">
        <v>13291</v>
      </c>
      <c r="D21468" t="s">
        <v>13292</v>
      </c>
      <c r="E21468" t="s">
        <v>13293</v>
      </c>
      <c r="F21468" t="s">
        <v>13294</v>
      </c>
      <c r="G21468" t="s">
        <v>10214</v>
      </c>
      <c r="H21468" t="s">
        <v>10215</v>
      </c>
      <c r="I21468" s="2">
        <v>1</v>
      </c>
      <c r="J21468" s="2">
        <v>0</v>
      </c>
      <c r="K21468" s="2">
        <v>0</v>
      </c>
      <c r="L21468" t="s">
        <v>120</v>
      </c>
      <c r="M21468" t="s">
        <v>89</v>
      </c>
      <c r="N21468" t="s">
        <v>90</v>
      </c>
      <c r="O21468" t="s">
        <v>85</v>
      </c>
      <c r="P21468" t="s">
        <v>86</v>
      </c>
      <c r="Q21468">
        <v>18</v>
      </c>
      <c r="R21468">
        <v>18</v>
      </c>
      <c r="S21468">
        <v>19</v>
      </c>
      <c r="T21468">
        <v>19</v>
      </c>
      <c r="U21468">
        <v>19</v>
      </c>
      <c r="V21468">
        <v>20</v>
      </c>
      <c r="W21468">
        <v>20</v>
      </c>
      <c r="X21468">
        <v>20</v>
      </c>
      <c r="Y21468">
        <v>20</v>
      </c>
      <c r="Z21468">
        <v>20</v>
      </c>
      <c r="AA21468">
        <v>21</v>
      </c>
      <c r="AB21468">
        <v>21</v>
      </c>
      <c r="AC21468">
        <v>21</v>
      </c>
      <c r="AD21468">
        <v>21</v>
      </c>
      <c r="AE21468">
        <v>21</v>
      </c>
      <c r="AF21468">
        <v>21</v>
      </c>
      <c r="AG21468">
        <v>21</v>
      </c>
      <c r="AH21468">
        <v>21</v>
      </c>
      <c r="AI21468">
        <v>21</v>
      </c>
      <c r="AJ21468">
        <v>21</v>
      </c>
      <c r="AK21468">
        <v>21</v>
      </c>
      <c r="AL21468">
        <v>21</v>
      </c>
      <c r="AM21468">
        <v>20</v>
      </c>
      <c r="AN21468">
        <v>20</v>
      </c>
      <c r="AO21468">
        <v>20</v>
      </c>
      <c r="AP21468">
        <v>20</v>
      </c>
      <c r="AQ21468">
        <v>20</v>
      </c>
    </row>
    <row r="21469" spans="1:43">
      <c r="A21469" t="s">
        <v>13303</v>
      </c>
      <c r="B21469" t="s">
        <v>13304</v>
      </c>
      <c r="C21469" t="s">
        <v>13291</v>
      </c>
      <c r="D21469" t="s">
        <v>13292</v>
      </c>
      <c r="E21469" t="s">
        <v>13293</v>
      </c>
      <c r="F21469" t="s">
        <v>13294</v>
      </c>
      <c r="G21469" t="s">
        <v>10214</v>
      </c>
      <c r="H21469" t="s">
        <v>10215</v>
      </c>
      <c r="I21469" s="2">
        <v>1</v>
      </c>
      <c r="J21469" s="2">
        <v>0</v>
      </c>
      <c r="K21469" s="2">
        <v>0</v>
      </c>
      <c r="L21469" t="s">
        <v>120</v>
      </c>
      <c r="M21469" t="s">
        <v>83</v>
      </c>
      <c r="N21469" t="s">
        <v>91</v>
      </c>
      <c r="O21469" t="s">
        <v>85</v>
      </c>
      <c r="P21469" t="s">
        <v>86</v>
      </c>
      <c r="Q21469">
        <v>18</v>
      </c>
      <c r="R21469">
        <v>18</v>
      </c>
      <c r="S21469">
        <v>18</v>
      </c>
      <c r="T21469">
        <v>18</v>
      </c>
      <c r="U21469">
        <v>19</v>
      </c>
      <c r="V21469">
        <v>19</v>
      </c>
      <c r="W21469">
        <v>19</v>
      </c>
      <c r="X21469">
        <v>19</v>
      </c>
      <c r="Y21469">
        <v>19</v>
      </c>
      <c r="Z21469">
        <v>19</v>
      </c>
      <c r="AA21469">
        <v>19</v>
      </c>
      <c r="AB21469">
        <v>19</v>
      </c>
      <c r="AC21469">
        <v>20</v>
      </c>
      <c r="AD21469">
        <v>20</v>
      </c>
      <c r="AE21469">
        <v>20</v>
      </c>
      <c r="AF21469">
        <v>20</v>
      </c>
      <c r="AG21469">
        <v>20</v>
      </c>
      <c r="AH21469">
        <v>20</v>
      </c>
      <c r="AI21469">
        <v>20</v>
      </c>
      <c r="AJ21469">
        <v>20</v>
      </c>
      <c r="AK21469">
        <v>20</v>
      </c>
      <c r="AL21469">
        <v>20</v>
      </c>
      <c r="AM21469">
        <v>20</v>
      </c>
      <c r="AN21469">
        <v>20</v>
      </c>
      <c r="AO21469">
        <v>20</v>
      </c>
      <c r="AP21469">
        <v>20</v>
      </c>
      <c r="AQ21469">
        <v>20</v>
      </c>
    </row>
    <row r="21470" spans="1:43">
      <c r="A21470" t="s">
        <v>13305</v>
      </c>
      <c r="B21470" t="s">
        <v>13306</v>
      </c>
      <c r="C21470" t="s">
        <v>13297</v>
      </c>
      <c r="D21470" t="s">
        <v>13298</v>
      </c>
      <c r="E21470" t="s">
        <v>13293</v>
      </c>
      <c r="F21470" t="s">
        <v>13294</v>
      </c>
      <c r="G21470" t="s">
        <v>10214</v>
      </c>
      <c r="H21470" t="s">
        <v>10215</v>
      </c>
      <c r="I21470" s="2">
        <v>1</v>
      </c>
      <c r="J21470" s="2">
        <v>0</v>
      </c>
      <c r="K21470" s="2">
        <v>0</v>
      </c>
      <c r="L21470" t="s">
        <v>120</v>
      </c>
      <c r="M21470" t="s">
        <v>83</v>
      </c>
      <c r="N21470" t="s">
        <v>84</v>
      </c>
      <c r="O21470" t="s">
        <v>85</v>
      </c>
      <c r="P21470" t="s">
        <v>86</v>
      </c>
      <c r="Q21470">
        <v>28</v>
      </c>
      <c r="R21470">
        <v>29</v>
      </c>
      <c r="S21470">
        <v>29</v>
      </c>
      <c r="T21470">
        <v>29</v>
      </c>
      <c r="U21470">
        <v>29</v>
      </c>
      <c r="V21470">
        <v>30</v>
      </c>
      <c r="W21470">
        <v>30</v>
      </c>
      <c r="X21470">
        <v>30</v>
      </c>
      <c r="Y21470">
        <v>30</v>
      </c>
      <c r="Z21470">
        <v>30</v>
      </c>
      <c r="AA21470">
        <v>31</v>
      </c>
      <c r="AB21470">
        <v>31</v>
      </c>
      <c r="AC21470">
        <v>31</v>
      </c>
      <c r="AD21470">
        <v>31</v>
      </c>
      <c r="AE21470">
        <v>31</v>
      </c>
      <c r="AF21470">
        <v>32</v>
      </c>
      <c r="AG21470">
        <v>32</v>
      </c>
      <c r="AH21470">
        <v>32</v>
      </c>
      <c r="AI21470">
        <v>32</v>
      </c>
      <c r="AJ21470">
        <v>32</v>
      </c>
      <c r="AK21470">
        <v>32</v>
      </c>
      <c r="AL21470">
        <v>32</v>
      </c>
      <c r="AM21470">
        <v>32</v>
      </c>
      <c r="AN21470">
        <v>32</v>
      </c>
      <c r="AO21470">
        <v>32</v>
      </c>
      <c r="AP21470">
        <v>32</v>
      </c>
      <c r="AQ21470">
        <v>32</v>
      </c>
    </row>
    <row r="21471" spans="1:43">
      <c r="A21471" t="s">
        <v>13305</v>
      </c>
      <c r="B21471" t="s">
        <v>13306</v>
      </c>
      <c r="C21471" t="s">
        <v>13297</v>
      </c>
      <c r="D21471" t="s">
        <v>13298</v>
      </c>
      <c r="E21471" t="s">
        <v>13293</v>
      </c>
      <c r="F21471" t="s">
        <v>13294</v>
      </c>
      <c r="G21471" t="s">
        <v>10214</v>
      </c>
      <c r="H21471" t="s">
        <v>10215</v>
      </c>
      <c r="I21471" s="2">
        <v>1</v>
      </c>
      <c r="J21471" s="2">
        <v>0</v>
      </c>
      <c r="K21471" s="2">
        <v>0</v>
      </c>
      <c r="L21471" t="s">
        <v>120</v>
      </c>
      <c r="M21471" t="s">
        <v>87</v>
      </c>
      <c r="N21471" t="s">
        <v>88</v>
      </c>
      <c r="O21471" t="s">
        <v>85</v>
      </c>
      <c r="P21471" t="s">
        <v>86</v>
      </c>
      <c r="Q21471">
        <v>28</v>
      </c>
      <c r="R21471">
        <v>28</v>
      </c>
      <c r="S21471">
        <v>28</v>
      </c>
      <c r="T21471">
        <v>28</v>
      </c>
      <c r="U21471">
        <v>28</v>
      </c>
      <c r="V21471">
        <v>28</v>
      </c>
      <c r="W21471">
        <v>28</v>
      </c>
      <c r="X21471">
        <v>28</v>
      </c>
      <c r="Y21471">
        <v>28</v>
      </c>
      <c r="Z21471">
        <v>28</v>
      </c>
      <c r="AA21471">
        <v>28</v>
      </c>
      <c r="AB21471">
        <v>28</v>
      </c>
      <c r="AC21471">
        <v>28</v>
      </c>
      <c r="AD21471">
        <v>28</v>
      </c>
      <c r="AE21471">
        <v>28</v>
      </c>
      <c r="AF21471">
        <v>28</v>
      </c>
      <c r="AG21471">
        <v>28</v>
      </c>
      <c r="AH21471">
        <v>28</v>
      </c>
      <c r="AI21471">
        <v>28</v>
      </c>
      <c r="AJ21471">
        <v>28</v>
      </c>
      <c r="AK21471">
        <v>28</v>
      </c>
      <c r="AL21471">
        <v>28</v>
      </c>
      <c r="AM21471">
        <v>28</v>
      </c>
      <c r="AN21471">
        <v>28</v>
      </c>
      <c r="AO21471">
        <v>28</v>
      </c>
      <c r="AP21471">
        <v>28</v>
      </c>
      <c r="AQ21471">
        <v>28</v>
      </c>
    </row>
    <row r="21472" spans="1:43">
      <c r="A21472" t="s">
        <v>13305</v>
      </c>
      <c r="B21472" t="s">
        <v>13306</v>
      </c>
      <c r="C21472" t="s">
        <v>13297</v>
      </c>
      <c r="D21472" t="s">
        <v>13298</v>
      </c>
      <c r="E21472" t="s">
        <v>13293</v>
      </c>
      <c r="F21472" t="s">
        <v>13294</v>
      </c>
      <c r="G21472" t="s">
        <v>10214</v>
      </c>
      <c r="H21472" t="s">
        <v>10215</v>
      </c>
      <c r="I21472" s="2">
        <v>1</v>
      </c>
      <c r="J21472" s="2">
        <v>0</v>
      </c>
      <c r="K21472" s="2">
        <v>0</v>
      </c>
      <c r="L21472" t="s">
        <v>120</v>
      </c>
      <c r="M21472" t="s">
        <v>89</v>
      </c>
      <c r="N21472" t="s">
        <v>90</v>
      </c>
      <c r="O21472" t="s">
        <v>85</v>
      </c>
      <c r="P21472" t="s">
        <v>86</v>
      </c>
      <c r="Q21472">
        <v>28</v>
      </c>
      <c r="R21472">
        <v>28</v>
      </c>
      <c r="S21472">
        <v>29</v>
      </c>
      <c r="T21472">
        <v>29</v>
      </c>
      <c r="U21472">
        <v>30</v>
      </c>
      <c r="V21472">
        <v>30</v>
      </c>
      <c r="W21472">
        <v>30</v>
      </c>
      <c r="X21472">
        <v>31</v>
      </c>
      <c r="Y21472">
        <v>31</v>
      </c>
      <c r="Z21472">
        <v>31</v>
      </c>
      <c r="AA21472">
        <v>32</v>
      </c>
      <c r="AB21472">
        <v>32</v>
      </c>
      <c r="AC21472">
        <v>32</v>
      </c>
      <c r="AD21472">
        <v>32</v>
      </c>
      <c r="AE21472">
        <v>33</v>
      </c>
      <c r="AF21472">
        <v>32</v>
      </c>
      <c r="AG21472">
        <v>32</v>
      </c>
      <c r="AH21472">
        <v>32</v>
      </c>
      <c r="AI21472">
        <v>32</v>
      </c>
      <c r="AJ21472">
        <v>32</v>
      </c>
      <c r="AK21472">
        <v>32</v>
      </c>
      <c r="AL21472">
        <v>32</v>
      </c>
      <c r="AM21472">
        <v>32</v>
      </c>
      <c r="AN21472">
        <v>31</v>
      </c>
      <c r="AO21472">
        <v>31</v>
      </c>
      <c r="AP21472">
        <v>31</v>
      </c>
      <c r="AQ21472">
        <v>31</v>
      </c>
    </row>
    <row r="21473" spans="1:43">
      <c r="A21473" t="s">
        <v>13305</v>
      </c>
      <c r="B21473" t="s">
        <v>13306</v>
      </c>
      <c r="C21473" t="s">
        <v>13297</v>
      </c>
      <c r="D21473" t="s">
        <v>13298</v>
      </c>
      <c r="E21473" t="s">
        <v>13293</v>
      </c>
      <c r="F21473" t="s">
        <v>13294</v>
      </c>
      <c r="G21473" t="s">
        <v>10214</v>
      </c>
      <c r="H21473" t="s">
        <v>10215</v>
      </c>
      <c r="I21473" s="2">
        <v>1</v>
      </c>
      <c r="J21473" s="2">
        <v>0</v>
      </c>
      <c r="K21473" s="2">
        <v>0</v>
      </c>
      <c r="L21473" t="s">
        <v>120</v>
      </c>
      <c r="M21473" t="s">
        <v>83</v>
      </c>
      <c r="N21473" t="s">
        <v>91</v>
      </c>
      <c r="O21473" t="s">
        <v>85</v>
      </c>
      <c r="P21473" t="s">
        <v>86</v>
      </c>
      <c r="Q21473">
        <v>28</v>
      </c>
      <c r="R21473">
        <v>29</v>
      </c>
      <c r="S21473">
        <v>29</v>
      </c>
      <c r="T21473">
        <v>29</v>
      </c>
      <c r="U21473">
        <v>29</v>
      </c>
      <c r="V21473">
        <v>30</v>
      </c>
      <c r="W21473">
        <v>30</v>
      </c>
      <c r="X21473">
        <v>30</v>
      </c>
      <c r="Y21473">
        <v>30</v>
      </c>
      <c r="Z21473">
        <v>30</v>
      </c>
      <c r="AA21473">
        <v>31</v>
      </c>
      <c r="AB21473">
        <v>31</v>
      </c>
      <c r="AC21473">
        <v>31</v>
      </c>
      <c r="AD21473">
        <v>31</v>
      </c>
      <c r="AE21473">
        <v>31</v>
      </c>
      <c r="AF21473">
        <v>32</v>
      </c>
      <c r="AG21473">
        <v>32</v>
      </c>
      <c r="AH21473">
        <v>32</v>
      </c>
      <c r="AI21473">
        <v>32</v>
      </c>
      <c r="AJ21473">
        <v>32</v>
      </c>
      <c r="AK21473">
        <v>32</v>
      </c>
      <c r="AL21473">
        <v>32</v>
      </c>
      <c r="AM21473">
        <v>32</v>
      </c>
      <c r="AN21473">
        <v>32</v>
      </c>
      <c r="AO21473">
        <v>32</v>
      </c>
      <c r="AP21473">
        <v>32</v>
      </c>
      <c r="AQ21473">
        <v>32</v>
      </c>
    </row>
    <row r="21474" spans="1:43">
      <c r="A21474" t="s">
        <v>13307</v>
      </c>
      <c r="B21474" t="s">
        <v>13308</v>
      </c>
      <c r="C21474" t="s">
        <v>13297</v>
      </c>
      <c r="D21474" t="s">
        <v>13298</v>
      </c>
      <c r="E21474" t="s">
        <v>13293</v>
      </c>
      <c r="F21474" t="s">
        <v>13294</v>
      </c>
      <c r="G21474" t="s">
        <v>10214</v>
      </c>
      <c r="H21474" t="s">
        <v>10215</v>
      </c>
      <c r="I21474" s="2">
        <v>1</v>
      </c>
      <c r="J21474" s="2">
        <v>0</v>
      </c>
      <c r="K21474" s="2">
        <v>0</v>
      </c>
      <c r="L21474" t="s">
        <v>120</v>
      </c>
      <c r="M21474" t="s">
        <v>83</v>
      </c>
      <c r="N21474" t="s">
        <v>84</v>
      </c>
      <c r="O21474" t="s">
        <v>85</v>
      </c>
      <c r="P21474" t="s">
        <v>86</v>
      </c>
      <c r="Q21474">
        <v>26</v>
      </c>
      <c r="R21474">
        <v>27</v>
      </c>
      <c r="S21474">
        <v>27</v>
      </c>
      <c r="T21474">
        <v>27</v>
      </c>
      <c r="U21474">
        <v>27</v>
      </c>
      <c r="V21474">
        <v>27</v>
      </c>
      <c r="W21474">
        <v>28</v>
      </c>
      <c r="X21474">
        <v>28</v>
      </c>
      <c r="Y21474">
        <v>28</v>
      </c>
      <c r="Z21474">
        <v>28</v>
      </c>
      <c r="AA21474">
        <v>28</v>
      </c>
      <c r="AB21474">
        <v>29</v>
      </c>
      <c r="AC21474">
        <v>29</v>
      </c>
      <c r="AD21474">
        <v>29</v>
      </c>
      <c r="AE21474">
        <v>29</v>
      </c>
      <c r="AF21474">
        <v>29</v>
      </c>
      <c r="AG21474">
        <v>29</v>
      </c>
      <c r="AH21474">
        <v>30</v>
      </c>
      <c r="AI21474">
        <v>30</v>
      </c>
      <c r="AJ21474">
        <v>30</v>
      </c>
      <c r="AK21474">
        <v>30</v>
      </c>
      <c r="AL21474">
        <v>30</v>
      </c>
      <c r="AM21474">
        <v>30</v>
      </c>
      <c r="AN21474">
        <v>30</v>
      </c>
      <c r="AO21474">
        <v>30</v>
      </c>
      <c r="AP21474">
        <v>30</v>
      </c>
      <c r="AQ21474">
        <v>29</v>
      </c>
    </row>
    <row r="21475" spans="1:43">
      <c r="A21475" t="s">
        <v>13307</v>
      </c>
      <c r="B21475" t="s">
        <v>13308</v>
      </c>
      <c r="C21475" t="s">
        <v>13297</v>
      </c>
      <c r="D21475" t="s">
        <v>13298</v>
      </c>
      <c r="E21475" t="s">
        <v>13293</v>
      </c>
      <c r="F21475" t="s">
        <v>13294</v>
      </c>
      <c r="G21475" t="s">
        <v>10214</v>
      </c>
      <c r="H21475" t="s">
        <v>10215</v>
      </c>
      <c r="I21475" s="2">
        <v>1</v>
      </c>
      <c r="J21475" s="2">
        <v>0</v>
      </c>
      <c r="K21475" s="2">
        <v>0</v>
      </c>
      <c r="L21475" t="s">
        <v>120</v>
      </c>
      <c r="M21475" t="s">
        <v>87</v>
      </c>
      <c r="N21475" t="s">
        <v>88</v>
      </c>
      <c r="O21475" t="s">
        <v>85</v>
      </c>
      <c r="P21475" t="s">
        <v>86</v>
      </c>
      <c r="Q21475">
        <v>26</v>
      </c>
      <c r="R21475">
        <v>26</v>
      </c>
      <c r="S21475">
        <v>26</v>
      </c>
      <c r="T21475">
        <v>26</v>
      </c>
      <c r="U21475">
        <v>26</v>
      </c>
      <c r="V21475">
        <v>26</v>
      </c>
      <c r="W21475">
        <v>26</v>
      </c>
      <c r="X21475">
        <v>26</v>
      </c>
      <c r="Y21475">
        <v>26</v>
      </c>
      <c r="Z21475">
        <v>26</v>
      </c>
      <c r="AA21475">
        <v>26</v>
      </c>
      <c r="AB21475">
        <v>26</v>
      </c>
      <c r="AC21475">
        <v>26</v>
      </c>
      <c r="AD21475">
        <v>26</v>
      </c>
      <c r="AE21475">
        <v>26</v>
      </c>
      <c r="AF21475">
        <v>26</v>
      </c>
      <c r="AG21475">
        <v>26</v>
      </c>
      <c r="AH21475">
        <v>26</v>
      </c>
      <c r="AI21475">
        <v>26</v>
      </c>
      <c r="AJ21475">
        <v>26</v>
      </c>
      <c r="AK21475">
        <v>26</v>
      </c>
      <c r="AL21475">
        <v>26</v>
      </c>
      <c r="AM21475">
        <v>26</v>
      </c>
      <c r="AN21475">
        <v>26</v>
      </c>
      <c r="AO21475">
        <v>26</v>
      </c>
      <c r="AP21475">
        <v>26</v>
      </c>
      <c r="AQ21475">
        <v>26</v>
      </c>
    </row>
    <row r="21476" spans="1:43">
      <c r="A21476" t="s">
        <v>13307</v>
      </c>
      <c r="B21476" t="s">
        <v>13308</v>
      </c>
      <c r="C21476" t="s">
        <v>13297</v>
      </c>
      <c r="D21476" t="s">
        <v>13298</v>
      </c>
      <c r="E21476" t="s">
        <v>13293</v>
      </c>
      <c r="F21476" t="s">
        <v>13294</v>
      </c>
      <c r="G21476" t="s">
        <v>10214</v>
      </c>
      <c r="H21476" t="s">
        <v>10215</v>
      </c>
      <c r="I21476" s="2">
        <v>1</v>
      </c>
      <c r="J21476" s="2">
        <v>0</v>
      </c>
      <c r="K21476" s="2">
        <v>0</v>
      </c>
      <c r="L21476" t="s">
        <v>120</v>
      </c>
      <c r="M21476" t="s">
        <v>89</v>
      </c>
      <c r="N21476" t="s">
        <v>90</v>
      </c>
      <c r="O21476" t="s">
        <v>85</v>
      </c>
      <c r="P21476" t="s">
        <v>86</v>
      </c>
      <c r="Q21476">
        <v>26</v>
      </c>
      <c r="R21476">
        <v>26</v>
      </c>
      <c r="S21476">
        <v>26</v>
      </c>
      <c r="T21476">
        <v>27</v>
      </c>
      <c r="U21476">
        <v>27</v>
      </c>
      <c r="V21476">
        <v>28</v>
      </c>
      <c r="W21476">
        <v>28</v>
      </c>
      <c r="X21476">
        <v>28</v>
      </c>
      <c r="Y21476">
        <v>29</v>
      </c>
      <c r="Z21476">
        <v>29</v>
      </c>
      <c r="AA21476">
        <v>29</v>
      </c>
      <c r="AB21476">
        <v>30</v>
      </c>
      <c r="AC21476">
        <v>30</v>
      </c>
      <c r="AD21476">
        <v>30</v>
      </c>
      <c r="AE21476">
        <v>30</v>
      </c>
      <c r="AF21476">
        <v>30</v>
      </c>
      <c r="AG21476">
        <v>30</v>
      </c>
      <c r="AH21476">
        <v>30</v>
      </c>
      <c r="AI21476">
        <v>30</v>
      </c>
      <c r="AJ21476">
        <v>30</v>
      </c>
      <c r="AK21476">
        <v>29</v>
      </c>
      <c r="AL21476">
        <v>29</v>
      </c>
      <c r="AM21476">
        <v>29</v>
      </c>
      <c r="AN21476">
        <v>29</v>
      </c>
      <c r="AO21476">
        <v>29</v>
      </c>
      <c r="AP21476">
        <v>29</v>
      </c>
      <c r="AQ21476">
        <v>29</v>
      </c>
    </row>
    <row r="21477" spans="1:43">
      <c r="A21477" t="s">
        <v>13307</v>
      </c>
      <c r="B21477" t="s">
        <v>13308</v>
      </c>
      <c r="C21477" t="s">
        <v>13297</v>
      </c>
      <c r="D21477" t="s">
        <v>13298</v>
      </c>
      <c r="E21477" t="s">
        <v>13293</v>
      </c>
      <c r="F21477" t="s">
        <v>13294</v>
      </c>
      <c r="G21477" t="s">
        <v>10214</v>
      </c>
      <c r="H21477" t="s">
        <v>10215</v>
      </c>
      <c r="I21477" s="2">
        <v>1</v>
      </c>
      <c r="J21477" s="2">
        <v>0</v>
      </c>
      <c r="K21477" s="2">
        <v>0</v>
      </c>
      <c r="L21477" t="s">
        <v>120</v>
      </c>
      <c r="M21477" t="s">
        <v>83</v>
      </c>
      <c r="N21477" t="s">
        <v>91</v>
      </c>
      <c r="O21477" t="s">
        <v>85</v>
      </c>
      <c r="P21477" t="s">
        <v>86</v>
      </c>
      <c r="Q21477">
        <v>26</v>
      </c>
      <c r="R21477">
        <v>27</v>
      </c>
      <c r="S21477">
        <v>27</v>
      </c>
      <c r="T21477">
        <v>27</v>
      </c>
      <c r="U21477">
        <v>27</v>
      </c>
      <c r="V21477">
        <v>27</v>
      </c>
      <c r="W21477">
        <v>28</v>
      </c>
      <c r="X21477">
        <v>28</v>
      </c>
      <c r="Y21477">
        <v>28</v>
      </c>
      <c r="Z21477">
        <v>28</v>
      </c>
      <c r="AA21477">
        <v>28</v>
      </c>
      <c r="AB21477">
        <v>29</v>
      </c>
      <c r="AC21477">
        <v>29</v>
      </c>
      <c r="AD21477">
        <v>29</v>
      </c>
      <c r="AE21477">
        <v>29</v>
      </c>
      <c r="AF21477">
        <v>29</v>
      </c>
      <c r="AG21477">
        <v>29</v>
      </c>
      <c r="AH21477">
        <v>30</v>
      </c>
      <c r="AI21477">
        <v>30</v>
      </c>
      <c r="AJ21477">
        <v>30</v>
      </c>
      <c r="AK21477">
        <v>30</v>
      </c>
      <c r="AL21477">
        <v>30</v>
      </c>
      <c r="AM21477">
        <v>30</v>
      </c>
      <c r="AN21477">
        <v>30</v>
      </c>
      <c r="AO21477">
        <v>30</v>
      </c>
      <c r="AP21477">
        <v>30</v>
      </c>
      <c r="AQ21477">
        <v>29</v>
      </c>
    </row>
    <row r="21478" spans="1:43">
      <c r="A21478" t="s">
        <v>13309</v>
      </c>
      <c r="B21478" t="s">
        <v>13310</v>
      </c>
      <c r="C21478" t="s">
        <v>13311</v>
      </c>
      <c r="D21478" t="s">
        <v>13312</v>
      </c>
      <c r="E21478" t="s">
        <v>13293</v>
      </c>
      <c r="F21478" t="s">
        <v>13294</v>
      </c>
      <c r="G21478" t="s">
        <v>10214</v>
      </c>
      <c r="H21478" t="s">
        <v>10215</v>
      </c>
      <c r="I21478" s="2">
        <v>1</v>
      </c>
      <c r="J21478" s="2">
        <v>0</v>
      </c>
      <c r="K21478" s="2">
        <v>0</v>
      </c>
      <c r="L21478" t="s">
        <v>120</v>
      </c>
      <c r="M21478" t="s">
        <v>83</v>
      </c>
      <c r="N21478" t="s">
        <v>84</v>
      </c>
      <c r="O21478" t="s">
        <v>85</v>
      </c>
      <c r="P21478" t="s">
        <v>86</v>
      </c>
      <c r="Q21478">
        <v>49</v>
      </c>
      <c r="R21478">
        <v>50</v>
      </c>
      <c r="S21478">
        <v>50</v>
      </c>
      <c r="T21478">
        <v>50</v>
      </c>
      <c r="U21478">
        <v>51</v>
      </c>
      <c r="V21478">
        <v>51</v>
      </c>
      <c r="W21478">
        <v>51</v>
      </c>
      <c r="X21478">
        <v>52</v>
      </c>
      <c r="Y21478">
        <v>52</v>
      </c>
      <c r="Z21478">
        <v>52</v>
      </c>
      <c r="AA21478">
        <v>53</v>
      </c>
      <c r="AB21478">
        <v>53</v>
      </c>
      <c r="AC21478">
        <v>53</v>
      </c>
      <c r="AD21478">
        <v>53</v>
      </c>
      <c r="AE21478">
        <v>54</v>
      </c>
      <c r="AF21478">
        <v>54</v>
      </c>
      <c r="AG21478">
        <v>54</v>
      </c>
      <c r="AH21478">
        <v>54</v>
      </c>
      <c r="AI21478">
        <v>55</v>
      </c>
      <c r="AJ21478">
        <v>55</v>
      </c>
      <c r="AK21478">
        <v>55</v>
      </c>
      <c r="AL21478">
        <v>55</v>
      </c>
      <c r="AM21478">
        <v>55</v>
      </c>
      <c r="AN21478">
        <v>54</v>
      </c>
      <c r="AO21478">
        <v>54</v>
      </c>
      <c r="AP21478">
        <v>54</v>
      </c>
      <c r="AQ21478">
        <v>53</v>
      </c>
    </row>
    <row r="21479" spans="1:43">
      <c r="A21479" t="s">
        <v>13309</v>
      </c>
      <c r="B21479" t="s">
        <v>13310</v>
      </c>
      <c r="C21479" t="s">
        <v>13311</v>
      </c>
      <c r="D21479" t="s">
        <v>13312</v>
      </c>
      <c r="E21479" t="s">
        <v>13293</v>
      </c>
      <c r="F21479" t="s">
        <v>13294</v>
      </c>
      <c r="G21479" t="s">
        <v>10214</v>
      </c>
      <c r="H21479" t="s">
        <v>10215</v>
      </c>
      <c r="I21479" s="2">
        <v>1</v>
      </c>
      <c r="J21479" s="2">
        <v>0</v>
      </c>
      <c r="K21479" s="2">
        <v>0</v>
      </c>
      <c r="L21479" t="s">
        <v>120</v>
      </c>
      <c r="M21479" t="s">
        <v>87</v>
      </c>
      <c r="N21479" t="s">
        <v>88</v>
      </c>
      <c r="O21479" t="s">
        <v>85</v>
      </c>
      <c r="P21479" t="s">
        <v>86</v>
      </c>
      <c r="Q21479">
        <v>49</v>
      </c>
      <c r="R21479">
        <v>49</v>
      </c>
      <c r="S21479">
        <v>49</v>
      </c>
      <c r="T21479">
        <v>48</v>
      </c>
      <c r="U21479">
        <v>48</v>
      </c>
      <c r="V21479">
        <v>48</v>
      </c>
      <c r="W21479">
        <v>48</v>
      </c>
      <c r="X21479">
        <v>48</v>
      </c>
      <c r="Y21479">
        <v>48</v>
      </c>
      <c r="Z21479">
        <v>48</v>
      </c>
      <c r="AA21479">
        <v>48</v>
      </c>
      <c r="AB21479">
        <v>48</v>
      </c>
      <c r="AC21479">
        <v>48</v>
      </c>
      <c r="AD21479">
        <v>48</v>
      </c>
      <c r="AE21479">
        <v>48</v>
      </c>
      <c r="AF21479">
        <v>47</v>
      </c>
      <c r="AG21479">
        <v>47</v>
      </c>
      <c r="AH21479">
        <v>47</v>
      </c>
      <c r="AI21479">
        <v>47</v>
      </c>
      <c r="AJ21479">
        <v>47</v>
      </c>
      <c r="AK21479">
        <v>47</v>
      </c>
      <c r="AL21479">
        <v>47</v>
      </c>
      <c r="AM21479">
        <v>47</v>
      </c>
      <c r="AN21479">
        <v>47</v>
      </c>
      <c r="AO21479">
        <v>46</v>
      </c>
      <c r="AP21479">
        <v>46</v>
      </c>
      <c r="AQ21479">
        <v>46</v>
      </c>
    </row>
    <row r="21480" spans="1:43">
      <c r="A21480" t="s">
        <v>13309</v>
      </c>
      <c r="B21480" t="s">
        <v>13310</v>
      </c>
      <c r="C21480" t="s">
        <v>13311</v>
      </c>
      <c r="D21480" t="s">
        <v>13312</v>
      </c>
      <c r="E21480" t="s">
        <v>13293</v>
      </c>
      <c r="F21480" t="s">
        <v>13294</v>
      </c>
      <c r="G21480" t="s">
        <v>10214</v>
      </c>
      <c r="H21480" t="s">
        <v>10215</v>
      </c>
      <c r="I21480" s="2">
        <v>1</v>
      </c>
      <c r="J21480" s="2">
        <v>0</v>
      </c>
      <c r="K21480" s="2">
        <v>0</v>
      </c>
      <c r="L21480" t="s">
        <v>120</v>
      </c>
      <c r="M21480" t="s">
        <v>89</v>
      </c>
      <c r="N21480" t="s">
        <v>90</v>
      </c>
      <c r="O21480" t="s">
        <v>85</v>
      </c>
      <c r="P21480" t="s">
        <v>86</v>
      </c>
      <c r="Q21480">
        <v>49</v>
      </c>
      <c r="R21480">
        <v>49</v>
      </c>
      <c r="S21480">
        <v>50</v>
      </c>
      <c r="T21480">
        <v>51</v>
      </c>
      <c r="U21480">
        <v>52</v>
      </c>
      <c r="V21480">
        <v>52</v>
      </c>
      <c r="W21480">
        <v>53</v>
      </c>
      <c r="X21480">
        <v>53</v>
      </c>
      <c r="Y21480">
        <v>54</v>
      </c>
      <c r="Z21480">
        <v>55</v>
      </c>
      <c r="AA21480">
        <v>55</v>
      </c>
      <c r="AB21480">
        <v>55</v>
      </c>
      <c r="AC21480">
        <v>56</v>
      </c>
      <c r="AD21480">
        <v>56</v>
      </c>
      <c r="AE21480">
        <v>57</v>
      </c>
      <c r="AF21480">
        <v>56</v>
      </c>
      <c r="AG21480">
        <v>56</v>
      </c>
      <c r="AH21480">
        <v>56</v>
      </c>
      <c r="AI21480">
        <v>55</v>
      </c>
      <c r="AJ21480">
        <v>55</v>
      </c>
      <c r="AK21480">
        <v>55</v>
      </c>
      <c r="AL21480">
        <v>54</v>
      </c>
      <c r="AM21480">
        <v>54</v>
      </c>
      <c r="AN21480">
        <v>54</v>
      </c>
      <c r="AO21480">
        <v>53</v>
      </c>
      <c r="AP21480">
        <v>53</v>
      </c>
      <c r="AQ21480">
        <v>53</v>
      </c>
    </row>
    <row r="21481" spans="1:43">
      <c r="A21481" t="s">
        <v>13309</v>
      </c>
      <c r="B21481" t="s">
        <v>13310</v>
      </c>
      <c r="C21481" t="s">
        <v>13311</v>
      </c>
      <c r="D21481" t="s">
        <v>13312</v>
      </c>
      <c r="E21481" t="s">
        <v>13293</v>
      </c>
      <c r="F21481" t="s">
        <v>13294</v>
      </c>
      <c r="G21481" t="s">
        <v>10214</v>
      </c>
      <c r="H21481" t="s">
        <v>10215</v>
      </c>
      <c r="I21481" s="2">
        <v>1</v>
      </c>
      <c r="J21481" s="2">
        <v>0</v>
      </c>
      <c r="K21481" s="2">
        <v>0</v>
      </c>
      <c r="L21481" t="s">
        <v>120</v>
      </c>
      <c r="M21481" t="s">
        <v>83</v>
      </c>
      <c r="N21481" t="s">
        <v>91</v>
      </c>
      <c r="O21481" t="s">
        <v>85</v>
      </c>
      <c r="P21481" t="s">
        <v>86</v>
      </c>
      <c r="Q21481">
        <v>49</v>
      </c>
      <c r="R21481">
        <v>50</v>
      </c>
      <c r="S21481">
        <v>50</v>
      </c>
      <c r="T21481">
        <v>50</v>
      </c>
      <c r="U21481">
        <v>51</v>
      </c>
      <c r="V21481">
        <v>51</v>
      </c>
      <c r="W21481">
        <v>51</v>
      </c>
      <c r="X21481">
        <v>52</v>
      </c>
      <c r="Y21481">
        <v>52</v>
      </c>
      <c r="Z21481">
        <v>52</v>
      </c>
      <c r="AA21481">
        <v>53</v>
      </c>
      <c r="AB21481">
        <v>53</v>
      </c>
      <c r="AC21481">
        <v>53</v>
      </c>
      <c r="AD21481">
        <v>53</v>
      </c>
      <c r="AE21481">
        <v>54</v>
      </c>
      <c r="AF21481">
        <v>54</v>
      </c>
      <c r="AG21481">
        <v>54</v>
      </c>
      <c r="AH21481">
        <v>54</v>
      </c>
      <c r="AI21481">
        <v>55</v>
      </c>
      <c r="AJ21481">
        <v>55</v>
      </c>
      <c r="AK21481">
        <v>55</v>
      </c>
      <c r="AL21481">
        <v>55</v>
      </c>
      <c r="AM21481">
        <v>55</v>
      </c>
      <c r="AN21481">
        <v>54</v>
      </c>
      <c r="AO21481">
        <v>54</v>
      </c>
      <c r="AP21481">
        <v>54</v>
      </c>
      <c r="AQ21481">
        <v>53</v>
      </c>
    </row>
    <row r="21482" spans="1:43">
      <c r="A21482" t="s">
        <v>13313</v>
      </c>
      <c r="B21482" t="s">
        <v>13314</v>
      </c>
      <c r="C21482" t="s">
        <v>13311</v>
      </c>
      <c r="D21482" t="s">
        <v>13312</v>
      </c>
      <c r="E21482" t="s">
        <v>13293</v>
      </c>
      <c r="F21482" t="s">
        <v>13294</v>
      </c>
      <c r="G21482" t="s">
        <v>10214</v>
      </c>
      <c r="H21482" t="s">
        <v>10215</v>
      </c>
      <c r="I21482" s="2">
        <v>1</v>
      </c>
      <c r="J21482" s="2">
        <v>0</v>
      </c>
      <c r="K21482" s="2">
        <v>0</v>
      </c>
      <c r="L21482" t="s">
        <v>120</v>
      </c>
      <c r="M21482" t="s">
        <v>83</v>
      </c>
      <c r="N21482" t="s">
        <v>84</v>
      </c>
      <c r="O21482" t="s">
        <v>85</v>
      </c>
      <c r="P21482" t="s">
        <v>86</v>
      </c>
      <c r="Q21482">
        <v>8</v>
      </c>
      <c r="R21482">
        <v>8</v>
      </c>
      <c r="S21482">
        <v>8</v>
      </c>
      <c r="T21482">
        <v>8</v>
      </c>
      <c r="U21482">
        <v>9</v>
      </c>
      <c r="V21482">
        <v>9</v>
      </c>
      <c r="W21482">
        <v>9</v>
      </c>
      <c r="X21482">
        <v>9</v>
      </c>
      <c r="Y21482">
        <v>9</v>
      </c>
      <c r="Z21482">
        <v>9</v>
      </c>
      <c r="AA21482">
        <v>9</v>
      </c>
      <c r="AB21482">
        <v>9</v>
      </c>
      <c r="AC21482">
        <v>9</v>
      </c>
      <c r="AD21482">
        <v>9</v>
      </c>
      <c r="AE21482">
        <v>9</v>
      </c>
      <c r="AF21482">
        <v>9</v>
      </c>
      <c r="AG21482">
        <v>9</v>
      </c>
      <c r="AH21482">
        <v>9</v>
      </c>
      <c r="AI21482">
        <v>9</v>
      </c>
      <c r="AJ21482">
        <v>9</v>
      </c>
      <c r="AK21482">
        <v>9</v>
      </c>
      <c r="AL21482">
        <v>9</v>
      </c>
      <c r="AM21482">
        <v>9</v>
      </c>
      <c r="AN21482">
        <v>9</v>
      </c>
      <c r="AO21482">
        <v>9</v>
      </c>
      <c r="AP21482">
        <v>9</v>
      </c>
      <c r="AQ21482">
        <v>9</v>
      </c>
    </row>
    <row r="21483" spans="1:43">
      <c r="A21483" t="s">
        <v>13313</v>
      </c>
      <c r="B21483" t="s">
        <v>13314</v>
      </c>
      <c r="C21483" t="s">
        <v>13311</v>
      </c>
      <c r="D21483" t="s">
        <v>13312</v>
      </c>
      <c r="E21483" t="s">
        <v>13293</v>
      </c>
      <c r="F21483" t="s">
        <v>13294</v>
      </c>
      <c r="G21483" t="s">
        <v>10214</v>
      </c>
      <c r="H21483" t="s">
        <v>10215</v>
      </c>
      <c r="I21483" s="2">
        <v>1</v>
      </c>
      <c r="J21483" s="2">
        <v>0</v>
      </c>
      <c r="K21483" s="2">
        <v>0</v>
      </c>
      <c r="L21483" t="s">
        <v>120</v>
      </c>
      <c r="M21483" t="s">
        <v>87</v>
      </c>
      <c r="N21483" t="s">
        <v>88</v>
      </c>
      <c r="O21483" t="s">
        <v>85</v>
      </c>
      <c r="P21483" t="s">
        <v>86</v>
      </c>
      <c r="Q21483">
        <v>8</v>
      </c>
      <c r="R21483">
        <v>8</v>
      </c>
      <c r="S21483">
        <v>8</v>
      </c>
      <c r="T21483">
        <v>8</v>
      </c>
      <c r="U21483">
        <v>8</v>
      </c>
      <c r="V21483">
        <v>8</v>
      </c>
      <c r="W21483">
        <v>8</v>
      </c>
      <c r="X21483">
        <v>8</v>
      </c>
      <c r="Y21483">
        <v>8</v>
      </c>
      <c r="Z21483">
        <v>8</v>
      </c>
      <c r="AA21483">
        <v>8</v>
      </c>
      <c r="AB21483">
        <v>8</v>
      </c>
      <c r="AC21483">
        <v>8</v>
      </c>
      <c r="AD21483">
        <v>8</v>
      </c>
      <c r="AE21483">
        <v>8</v>
      </c>
      <c r="AF21483">
        <v>8</v>
      </c>
      <c r="AG21483">
        <v>8</v>
      </c>
      <c r="AH21483">
        <v>8</v>
      </c>
      <c r="AI21483">
        <v>8</v>
      </c>
      <c r="AJ21483">
        <v>8</v>
      </c>
      <c r="AK21483">
        <v>8</v>
      </c>
      <c r="AL21483">
        <v>8</v>
      </c>
      <c r="AM21483">
        <v>8</v>
      </c>
      <c r="AN21483">
        <v>8</v>
      </c>
      <c r="AO21483">
        <v>8</v>
      </c>
      <c r="AP21483">
        <v>8</v>
      </c>
      <c r="AQ21483">
        <v>8</v>
      </c>
    </row>
    <row r="21484" spans="1:43">
      <c r="A21484" t="s">
        <v>13313</v>
      </c>
      <c r="B21484" t="s">
        <v>13314</v>
      </c>
      <c r="C21484" t="s">
        <v>13311</v>
      </c>
      <c r="D21484" t="s">
        <v>13312</v>
      </c>
      <c r="E21484" t="s">
        <v>13293</v>
      </c>
      <c r="F21484" t="s">
        <v>13294</v>
      </c>
      <c r="G21484" t="s">
        <v>10214</v>
      </c>
      <c r="H21484" t="s">
        <v>10215</v>
      </c>
      <c r="I21484" s="2">
        <v>1</v>
      </c>
      <c r="J21484" s="2">
        <v>0</v>
      </c>
      <c r="K21484" s="2">
        <v>0</v>
      </c>
      <c r="L21484" t="s">
        <v>120</v>
      </c>
      <c r="M21484" t="s">
        <v>89</v>
      </c>
      <c r="N21484" t="s">
        <v>90</v>
      </c>
      <c r="O21484" t="s">
        <v>85</v>
      </c>
      <c r="P21484" t="s">
        <v>86</v>
      </c>
      <c r="Q21484">
        <v>8</v>
      </c>
      <c r="R21484">
        <v>8</v>
      </c>
      <c r="S21484">
        <v>9</v>
      </c>
      <c r="T21484">
        <v>9</v>
      </c>
      <c r="U21484">
        <v>9</v>
      </c>
      <c r="V21484">
        <v>9</v>
      </c>
      <c r="W21484">
        <v>9</v>
      </c>
      <c r="X21484">
        <v>9</v>
      </c>
      <c r="Y21484">
        <v>9</v>
      </c>
      <c r="Z21484">
        <v>9</v>
      </c>
      <c r="AA21484">
        <v>9</v>
      </c>
      <c r="AB21484">
        <v>9</v>
      </c>
      <c r="AC21484">
        <v>10</v>
      </c>
      <c r="AD21484">
        <v>10</v>
      </c>
      <c r="AE21484">
        <v>10</v>
      </c>
      <c r="AF21484">
        <v>10</v>
      </c>
      <c r="AG21484">
        <v>10</v>
      </c>
      <c r="AH21484">
        <v>9</v>
      </c>
      <c r="AI21484">
        <v>9</v>
      </c>
      <c r="AJ21484">
        <v>9</v>
      </c>
      <c r="AK21484">
        <v>9</v>
      </c>
      <c r="AL21484">
        <v>9</v>
      </c>
      <c r="AM21484">
        <v>9</v>
      </c>
      <c r="AN21484">
        <v>9</v>
      </c>
      <c r="AO21484">
        <v>9</v>
      </c>
      <c r="AP21484">
        <v>9</v>
      </c>
      <c r="AQ21484">
        <v>9</v>
      </c>
    </row>
    <row r="21485" spans="1:43">
      <c r="A21485" t="s">
        <v>13313</v>
      </c>
      <c r="B21485" t="s">
        <v>13314</v>
      </c>
      <c r="C21485" t="s">
        <v>13311</v>
      </c>
      <c r="D21485" t="s">
        <v>13312</v>
      </c>
      <c r="E21485" t="s">
        <v>13293</v>
      </c>
      <c r="F21485" t="s">
        <v>13294</v>
      </c>
      <c r="G21485" t="s">
        <v>10214</v>
      </c>
      <c r="H21485" t="s">
        <v>10215</v>
      </c>
      <c r="I21485" s="2">
        <v>1</v>
      </c>
      <c r="J21485" s="2">
        <v>0</v>
      </c>
      <c r="K21485" s="2">
        <v>0</v>
      </c>
      <c r="L21485" t="s">
        <v>120</v>
      </c>
      <c r="M21485" t="s">
        <v>83</v>
      </c>
      <c r="N21485" t="s">
        <v>91</v>
      </c>
      <c r="O21485" t="s">
        <v>85</v>
      </c>
      <c r="P21485" t="s">
        <v>86</v>
      </c>
      <c r="Q21485">
        <v>8</v>
      </c>
      <c r="R21485">
        <v>8</v>
      </c>
      <c r="S21485">
        <v>8</v>
      </c>
      <c r="T21485">
        <v>8</v>
      </c>
      <c r="U21485">
        <v>9</v>
      </c>
      <c r="V21485">
        <v>9</v>
      </c>
      <c r="W21485">
        <v>9</v>
      </c>
      <c r="X21485">
        <v>9</v>
      </c>
      <c r="Y21485">
        <v>9</v>
      </c>
      <c r="Z21485">
        <v>9</v>
      </c>
      <c r="AA21485">
        <v>9</v>
      </c>
      <c r="AB21485">
        <v>9</v>
      </c>
      <c r="AC21485">
        <v>9</v>
      </c>
      <c r="AD21485">
        <v>9</v>
      </c>
      <c r="AE21485">
        <v>9</v>
      </c>
      <c r="AF21485">
        <v>9</v>
      </c>
      <c r="AG21485">
        <v>9</v>
      </c>
      <c r="AH21485">
        <v>9</v>
      </c>
      <c r="AI21485">
        <v>9</v>
      </c>
      <c r="AJ21485">
        <v>9</v>
      </c>
      <c r="AK21485">
        <v>9</v>
      </c>
      <c r="AL21485">
        <v>9</v>
      </c>
      <c r="AM21485">
        <v>9</v>
      </c>
      <c r="AN21485">
        <v>9</v>
      </c>
      <c r="AO21485">
        <v>9</v>
      </c>
      <c r="AP21485">
        <v>9</v>
      </c>
      <c r="AQ21485">
        <v>9</v>
      </c>
    </row>
    <row r="21486" spans="1:43">
      <c r="A21486" t="s">
        <v>13315</v>
      </c>
      <c r="B21486" t="s">
        <v>13316</v>
      </c>
      <c r="C21486" t="s">
        <v>13311</v>
      </c>
      <c r="D21486" t="s">
        <v>13312</v>
      </c>
      <c r="E21486" t="s">
        <v>13293</v>
      </c>
      <c r="F21486" t="s">
        <v>13294</v>
      </c>
      <c r="G21486" t="s">
        <v>10214</v>
      </c>
      <c r="H21486" t="s">
        <v>10215</v>
      </c>
      <c r="I21486" s="2">
        <v>1</v>
      </c>
      <c r="J21486" s="2">
        <v>0</v>
      </c>
      <c r="K21486" s="2">
        <v>0</v>
      </c>
      <c r="L21486" t="s">
        <v>120</v>
      </c>
      <c r="M21486" t="s">
        <v>83</v>
      </c>
      <c r="N21486" t="s">
        <v>84</v>
      </c>
      <c r="O21486" t="s">
        <v>85</v>
      </c>
      <c r="P21486" t="s">
        <v>86</v>
      </c>
      <c r="Q21486">
        <v>36</v>
      </c>
      <c r="R21486">
        <v>37</v>
      </c>
      <c r="S21486">
        <v>37</v>
      </c>
      <c r="T21486">
        <v>37</v>
      </c>
      <c r="U21486">
        <v>38</v>
      </c>
      <c r="V21486">
        <v>38</v>
      </c>
      <c r="W21486">
        <v>38</v>
      </c>
      <c r="X21486">
        <v>39</v>
      </c>
      <c r="Y21486">
        <v>39</v>
      </c>
      <c r="Z21486">
        <v>39</v>
      </c>
      <c r="AA21486">
        <v>39</v>
      </c>
      <c r="AB21486">
        <v>40</v>
      </c>
      <c r="AC21486">
        <v>40</v>
      </c>
      <c r="AD21486">
        <v>40</v>
      </c>
      <c r="AE21486">
        <v>40</v>
      </c>
      <c r="AF21486">
        <v>41</v>
      </c>
      <c r="AG21486">
        <v>41</v>
      </c>
      <c r="AH21486">
        <v>41</v>
      </c>
      <c r="AI21486">
        <v>41</v>
      </c>
      <c r="AJ21486">
        <v>41</v>
      </c>
      <c r="AK21486">
        <v>42</v>
      </c>
      <c r="AL21486">
        <v>41</v>
      </c>
      <c r="AM21486">
        <v>41</v>
      </c>
      <c r="AN21486">
        <v>41</v>
      </c>
      <c r="AO21486">
        <v>41</v>
      </c>
      <c r="AP21486">
        <v>41</v>
      </c>
      <c r="AQ21486">
        <v>41</v>
      </c>
    </row>
    <row r="21487" spans="1:43">
      <c r="A21487" t="s">
        <v>13315</v>
      </c>
      <c r="B21487" t="s">
        <v>13316</v>
      </c>
      <c r="C21487" t="s">
        <v>13311</v>
      </c>
      <c r="D21487" t="s">
        <v>13312</v>
      </c>
      <c r="E21487" t="s">
        <v>13293</v>
      </c>
      <c r="F21487" t="s">
        <v>13294</v>
      </c>
      <c r="G21487" t="s">
        <v>10214</v>
      </c>
      <c r="H21487" t="s">
        <v>10215</v>
      </c>
      <c r="I21487" s="2">
        <v>1</v>
      </c>
      <c r="J21487" s="2">
        <v>0</v>
      </c>
      <c r="K21487" s="2">
        <v>0</v>
      </c>
      <c r="L21487" t="s">
        <v>120</v>
      </c>
      <c r="M21487" t="s">
        <v>87</v>
      </c>
      <c r="N21487" t="s">
        <v>88</v>
      </c>
      <c r="O21487" t="s">
        <v>85</v>
      </c>
      <c r="P21487" t="s">
        <v>86</v>
      </c>
      <c r="Q21487">
        <v>36</v>
      </c>
      <c r="R21487">
        <v>36</v>
      </c>
      <c r="S21487">
        <v>36</v>
      </c>
      <c r="T21487">
        <v>36</v>
      </c>
      <c r="U21487">
        <v>36</v>
      </c>
      <c r="V21487">
        <v>36</v>
      </c>
      <c r="W21487">
        <v>36</v>
      </c>
      <c r="X21487">
        <v>36</v>
      </c>
      <c r="Y21487">
        <v>36</v>
      </c>
      <c r="Z21487">
        <v>36</v>
      </c>
      <c r="AA21487">
        <v>36</v>
      </c>
      <c r="AB21487">
        <v>36</v>
      </c>
      <c r="AC21487">
        <v>36</v>
      </c>
      <c r="AD21487">
        <v>36</v>
      </c>
      <c r="AE21487">
        <v>36</v>
      </c>
      <c r="AF21487">
        <v>36</v>
      </c>
      <c r="AG21487">
        <v>36</v>
      </c>
      <c r="AH21487">
        <v>36</v>
      </c>
      <c r="AI21487">
        <v>36</v>
      </c>
      <c r="AJ21487">
        <v>36</v>
      </c>
      <c r="AK21487">
        <v>36</v>
      </c>
      <c r="AL21487">
        <v>36</v>
      </c>
      <c r="AM21487">
        <v>36</v>
      </c>
      <c r="AN21487">
        <v>35</v>
      </c>
      <c r="AO21487">
        <v>35</v>
      </c>
      <c r="AP21487">
        <v>35</v>
      </c>
      <c r="AQ21487">
        <v>35</v>
      </c>
    </row>
    <row r="21488" spans="1:43">
      <c r="A21488" t="s">
        <v>13315</v>
      </c>
      <c r="B21488" t="s">
        <v>13316</v>
      </c>
      <c r="C21488" t="s">
        <v>13311</v>
      </c>
      <c r="D21488" t="s">
        <v>13312</v>
      </c>
      <c r="E21488" t="s">
        <v>13293</v>
      </c>
      <c r="F21488" t="s">
        <v>13294</v>
      </c>
      <c r="G21488" t="s">
        <v>10214</v>
      </c>
      <c r="H21488" t="s">
        <v>10215</v>
      </c>
      <c r="I21488" s="2">
        <v>1</v>
      </c>
      <c r="J21488" s="2">
        <v>0</v>
      </c>
      <c r="K21488" s="2">
        <v>0</v>
      </c>
      <c r="L21488" t="s">
        <v>120</v>
      </c>
      <c r="M21488" t="s">
        <v>89</v>
      </c>
      <c r="N21488" t="s">
        <v>90</v>
      </c>
      <c r="O21488" t="s">
        <v>85</v>
      </c>
      <c r="P21488" t="s">
        <v>86</v>
      </c>
      <c r="Q21488">
        <v>36</v>
      </c>
      <c r="R21488">
        <v>36</v>
      </c>
      <c r="S21488">
        <v>37</v>
      </c>
      <c r="T21488">
        <v>38</v>
      </c>
      <c r="U21488">
        <v>38</v>
      </c>
      <c r="V21488">
        <v>39</v>
      </c>
      <c r="W21488">
        <v>39</v>
      </c>
      <c r="X21488">
        <v>40</v>
      </c>
      <c r="Y21488">
        <v>40</v>
      </c>
      <c r="Z21488">
        <v>40</v>
      </c>
      <c r="AA21488">
        <v>41</v>
      </c>
      <c r="AB21488">
        <v>41</v>
      </c>
      <c r="AC21488">
        <v>42</v>
      </c>
      <c r="AD21488">
        <v>42</v>
      </c>
      <c r="AE21488">
        <v>42</v>
      </c>
      <c r="AF21488">
        <v>42</v>
      </c>
      <c r="AG21488">
        <v>42</v>
      </c>
      <c r="AH21488">
        <v>42</v>
      </c>
      <c r="AI21488">
        <v>41</v>
      </c>
      <c r="AJ21488">
        <v>41</v>
      </c>
      <c r="AK21488">
        <v>41</v>
      </c>
      <c r="AL21488">
        <v>41</v>
      </c>
      <c r="AM21488">
        <v>41</v>
      </c>
      <c r="AN21488">
        <v>41</v>
      </c>
      <c r="AO21488">
        <v>40</v>
      </c>
      <c r="AP21488">
        <v>40</v>
      </c>
      <c r="AQ21488">
        <v>40</v>
      </c>
    </row>
    <row r="21489" spans="1:43">
      <c r="A21489" t="s">
        <v>13315</v>
      </c>
      <c r="B21489" t="s">
        <v>13316</v>
      </c>
      <c r="C21489" t="s">
        <v>13311</v>
      </c>
      <c r="D21489" t="s">
        <v>13312</v>
      </c>
      <c r="E21489" t="s">
        <v>13293</v>
      </c>
      <c r="F21489" t="s">
        <v>13294</v>
      </c>
      <c r="G21489" t="s">
        <v>10214</v>
      </c>
      <c r="H21489" t="s">
        <v>10215</v>
      </c>
      <c r="I21489" s="2">
        <v>1</v>
      </c>
      <c r="J21489" s="2">
        <v>0</v>
      </c>
      <c r="K21489" s="2">
        <v>0</v>
      </c>
      <c r="L21489" t="s">
        <v>120</v>
      </c>
      <c r="M21489" t="s">
        <v>83</v>
      </c>
      <c r="N21489" t="s">
        <v>91</v>
      </c>
      <c r="O21489" t="s">
        <v>85</v>
      </c>
      <c r="P21489" t="s">
        <v>86</v>
      </c>
      <c r="Q21489">
        <v>36</v>
      </c>
      <c r="R21489">
        <v>37</v>
      </c>
      <c r="S21489">
        <v>37</v>
      </c>
      <c r="T21489">
        <v>37</v>
      </c>
      <c r="U21489">
        <v>38</v>
      </c>
      <c r="V21489">
        <v>38</v>
      </c>
      <c r="W21489">
        <v>38</v>
      </c>
      <c r="X21489">
        <v>39</v>
      </c>
      <c r="Y21489">
        <v>39</v>
      </c>
      <c r="Z21489">
        <v>39</v>
      </c>
      <c r="AA21489">
        <v>39</v>
      </c>
      <c r="AB21489">
        <v>40</v>
      </c>
      <c r="AC21489">
        <v>40</v>
      </c>
      <c r="AD21489">
        <v>40</v>
      </c>
      <c r="AE21489">
        <v>40</v>
      </c>
      <c r="AF21489">
        <v>41</v>
      </c>
      <c r="AG21489">
        <v>41</v>
      </c>
      <c r="AH21489">
        <v>41</v>
      </c>
      <c r="AI21489">
        <v>41</v>
      </c>
      <c r="AJ21489">
        <v>41</v>
      </c>
      <c r="AK21489">
        <v>42</v>
      </c>
      <c r="AL21489">
        <v>41</v>
      </c>
      <c r="AM21489">
        <v>41</v>
      </c>
      <c r="AN21489">
        <v>41</v>
      </c>
      <c r="AO21489">
        <v>41</v>
      </c>
      <c r="AP21489">
        <v>41</v>
      </c>
      <c r="AQ21489">
        <v>41</v>
      </c>
    </row>
    <row r="21490" spans="1:43">
      <c r="A21490" t="s">
        <v>13317</v>
      </c>
      <c r="B21490" t="s">
        <v>13318</v>
      </c>
      <c r="C21490" t="s">
        <v>13311</v>
      </c>
      <c r="D21490" t="s">
        <v>13312</v>
      </c>
      <c r="E21490" t="s">
        <v>13293</v>
      </c>
      <c r="F21490" t="s">
        <v>13294</v>
      </c>
      <c r="G21490" t="s">
        <v>10214</v>
      </c>
      <c r="H21490" t="s">
        <v>10215</v>
      </c>
      <c r="I21490" s="2">
        <v>1</v>
      </c>
      <c r="J21490" s="2">
        <v>0</v>
      </c>
      <c r="K21490" s="2">
        <v>0</v>
      </c>
      <c r="L21490" t="s">
        <v>120</v>
      </c>
      <c r="M21490" t="s">
        <v>83</v>
      </c>
      <c r="N21490" t="s">
        <v>84</v>
      </c>
      <c r="O21490" t="s">
        <v>85</v>
      </c>
      <c r="P21490" t="s">
        <v>86</v>
      </c>
      <c r="Q21490">
        <v>25</v>
      </c>
      <c r="R21490">
        <v>25</v>
      </c>
      <c r="S21490">
        <v>25</v>
      </c>
      <c r="T21490">
        <v>25</v>
      </c>
      <c r="U21490">
        <v>25</v>
      </c>
      <c r="V21490">
        <v>26</v>
      </c>
      <c r="W21490">
        <v>26</v>
      </c>
      <c r="X21490">
        <v>26</v>
      </c>
      <c r="Y21490">
        <v>26</v>
      </c>
      <c r="Z21490">
        <v>26</v>
      </c>
      <c r="AA21490">
        <v>27</v>
      </c>
      <c r="AB21490">
        <v>27</v>
      </c>
      <c r="AC21490">
        <v>27</v>
      </c>
      <c r="AD21490">
        <v>27</v>
      </c>
      <c r="AE21490">
        <v>27</v>
      </c>
      <c r="AF21490">
        <v>27</v>
      </c>
      <c r="AG21490">
        <v>27</v>
      </c>
      <c r="AH21490">
        <v>28</v>
      </c>
      <c r="AI21490">
        <v>28</v>
      </c>
      <c r="AJ21490">
        <v>28</v>
      </c>
      <c r="AK21490">
        <v>28</v>
      </c>
      <c r="AL21490">
        <v>28</v>
      </c>
      <c r="AM21490">
        <v>28</v>
      </c>
      <c r="AN21490">
        <v>28</v>
      </c>
      <c r="AO21490">
        <v>28</v>
      </c>
      <c r="AP21490">
        <v>27</v>
      </c>
      <c r="AQ21490">
        <v>27</v>
      </c>
    </row>
    <row r="21491" spans="1:43">
      <c r="A21491" t="s">
        <v>13317</v>
      </c>
      <c r="B21491" t="s">
        <v>13318</v>
      </c>
      <c r="C21491" t="s">
        <v>13311</v>
      </c>
      <c r="D21491" t="s">
        <v>13312</v>
      </c>
      <c r="E21491" t="s">
        <v>13293</v>
      </c>
      <c r="F21491" t="s">
        <v>13294</v>
      </c>
      <c r="G21491" t="s">
        <v>10214</v>
      </c>
      <c r="H21491" t="s">
        <v>10215</v>
      </c>
      <c r="I21491" s="2">
        <v>1</v>
      </c>
      <c r="J21491" s="2">
        <v>0</v>
      </c>
      <c r="K21491" s="2">
        <v>0</v>
      </c>
      <c r="L21491" t="s">
        <v>120</v>
      </c>
      <c r="M21491" t="s">
        <v>87</v>
      </c>
      <c r="N21491" t="s">
        <v>88</v>
      </c>
      <c r="O21491" t="s">
        <v>85</v>
      </c>
      <c r="P21491" t="s">
        <v>86</v>
      </c>
      <c r="Q21491">
        <v>25</v>
      </c>
      <c r="R21491">
        <v>25</v>
      </c>
      <c r="S21491">
        <v>25</v>
      </c>
      <c r="T21491">
        <v>25</v>
      </c>
      <c r="U21491">
        <v>25</v>
      </c>
      <c r="V21491">
        <v>25</v>
      </c>
      <c r="W21491">
        <v>25</v>
      </c>
      <c r="X21491">
        <v>25</v>
      </c>
      <c r="Y21491">
        <v>25</v>
      </c>
      <c r="Z21491">
        <v>25</v>
      </c>
      <c r="AA21491">
        <v>25</v>
      </c>
      <c r="AB21491">
        <v>25</v>
      </c>
      <c r="AC21491">
        <v>25</v>
      </c>
      <c r="AD21491">
        <v>25</v>
      </c>
      <c r="AE21491">
        <v>25</v>
      </c>
      <c r="AF21491">
        <v>25</v>
      </c>
      <c r="AG21491">
        <v>25</v>
      </c>
      <c r="AH21491">
        <v>25</v>
      </c>
      <c r="AI21491">
        <v>25</v>
      </c>
      <c r="AJ21491">
        <v>25</v>
      </c>
      <c r="AK21491">
        <v>25</v>
      </c>
      <c r="AL21491">
        <v>25</v>
      </c>
      <c r="AM21491">
        <v>25</v>
      </c>
      <c r="AN21491">
        <v>25</v>
      </c>
      <c r="AO21491">
        <v>25</v>
      </c>
      <c r="AP21491">
        <v>25</v>
      </c>
      <c r="AQ21491">
        <v>25</v>
      </c>
    </row>
    <row r="21492" spans="1:43">
      <c r="A21492" t="s">
        <v>13317</v>
      </c>
      <c r="B21492" t="s">
        <v>13318</v>
      </c>
      <c r="C21492" t="s">
        <v>13311</v>
      </c>
      <c r="D21492" t="s">
        <v>13312</v>
      </c>
      <c r="E21492" t="s">
        <v>13293</v>
      </c>
      <c r="F21492" t="s">
        <v>13294</v>
      </c>
      <c r="G21492" t="s">
        <v>10214</v>
      </c>
      <c r="H21492" t="s">
        <v>10215</v>
      </c>
      <c r="I21492" s="2">
        <v>1</v>
      </c>
      <c r="J21492" s="2">
        <v>0</v>
      </c>
      <c r="K21492" s="2">
        <v>0</v>
      </c>
      <c r="L21492" t="s">
        <v>120</v>
      </c>
      <c r="M21492" t="s">
        <v>89</v>
      </c>
      <c r="N21492" t="s">
        <v>90</v>
      </c>
      <c r="O21492" t="s">
        <v>85</v>
      </c>
      <c r="P21492" t="s">
        <v>86</v>
      </c>
      <c r="Q21492">
        <v>25</v>
      </c>
      <c r="R21492">
        <v>25</v>
      </c>
      <c r="S21492">
        <v>26</v>
      </c>
      <c r="T21492">
        <v>26</v>
      </c>
      <c r="U21492">
        <v>26</v>
      </c>
      <c r="V21492">
        <v>27</v>
      </c>
      <c r="W21492">
        <v>27</v>
      </c>
      <c r="X21492">
        <v>27</v>
      </c>
      <c r="Y21492">
        <v>28</v>
      </c>
      <c r="Z21492">
        <v>28</v>
      </c>
      <c r="AA21492">
        <v>28</v>
      </c>
      <c r="AB21492">
        <v>28</v>
      </c>
      <c r="AC21492">
        <v>29</v>
      </c>
      <c r="AD21492">
        <v>29</v>
      </c>
      <c r="AE21492">
        <v>29</v>
      </c>
      <c r="AF21492">
        <v>29</v>
      </c>
      <c r="AG21492">
        <v>29</v>
      </c>
      <c r="AH21492">
        <v>29</v>
      </c>
      <c r="AI21492">
        <v>29</v>
      </c>
      <c r="AJ21492">
        <v>28</v>
      </c>
      <c r="AK21492">
        <v>28</v>
      </c>
      <c r="AL21492">
        <v>28</v>
      </c>
      <c r="AM21492">
        <v>28</v>
      </c>
      <c r="AN21492">
        <v>28</v>
      </c>
      <c r="AO21492">
        <v>28</v>
      </c>
      <c r="AP21492">
        <v>28</v>
      </c>
      <c r="AQ21492">
        <v>28</v>
      </c>
    </row>
    <row r="21493" spans="1:43">
      <c r="A21493" t="s">
        <v>13317</v>
      </c>
      <c r="B21493" t="s">
        <v>13318</v>
      </c>
      <c r="C21493" t="s">
        <v>13311</v>
      </c>
      <c r="D21493" t="s">
        <v>13312</v>
      </c>
      <c r="E21493" t="s">
        <v>13293</v>
      </c>
      <c r="F21493" t="s">
        <v>13294</v>
      </c>
      <c r="G21493" t="s">
        <v>10214</v>
      </c>
      <c r="H21493" t="s">
        <v>10215</v>
      </c>
      <c r="I21493" s="2">
        <v>1</v>
      </c>
      <c r="J21493" s="2">
        <v>0</v>
      </c>
      <c r="K21493" s="2">
        <v>0</v>
      </c>
      <c r="L21493" t="s">
        <v>120</v>
      </c>
      <c r="M21493" t="s">
        <v>83</v>
      </c>
      <c r="N21493" t="s">
        <v>91</v>
      </c>
      <c r="O21493" t="s">
        <v>85</v>
      </c>
      <c r="P21493" t="s">
        <v>86</v>
      </c>
      <c r="Q21493">
        <v>25</v>
      </c>
      <c r="R21493">
        <v>25</v>
      </c>
      <c r="S21493">
        <v>25</v>
      </c>
      <c r="T21493">
        <v>25</v>
      </c>
      <c r="U21493">
        <v>25</v>
      </c>
      <c r="V21493">
        <v>26</v>
      </c>
      <c r="W21493">
        <v>26</v>
      </c>
      <c r="X21493">
        <v>26</v>
      </c>
      <c r="Y21493">
        <v>26</v>
      </c>
      <c r="Z21493">
        <v>26</v>
      </c>
      <c r="AA21493">
        <v>27</v>
      </c>
      <c r="AB21493">
        <v>27</v>
      </c>
      <c r="AC21493">
        <v>27</v>
      </c>
      <c r="AD21493">
        <v>27</v>
      </c>
      <c r="AE21493">
        <v>27</v>
      </c>
      <c r="AF21493">
        <v>27</v>
      </c>
      <c r="AG21493">
        <v>27</v>
      </c>
      <c r="AH21493">
        <v>28</v>
      </c>
      <c r="AI21493">
        <v>28</v>
      </c>
      <c r="AJ21493">
        <v>28</v>
      </c>
      <c r="AK21493">
        <v>28</v>
      </c>
      <c r="AL21493">
        <v>28</v>
      </c>
      <c r="AM21493">
        <v>28</v>
      </c>
      <c r="AN21493">
        <v>28</v>
      </c>
      <c r="AO21493">
        <v>28</v>
      </c>
      <c r="AP21493">
        <v>27</v>
      </c>
      <c r="AQ21493">
        <v>27</v>
      </c>
    </row>
    <row r="21494" spans="1:43">
      <c r="A21494" t="s">
        <v>13319</v>
      </c>
      <c r="B21494" t="s">
        <v>13320</v>
      </c>
      <c r="C21494" t="s">
        <v>13321</v>
      </c>
      <c r="D21494" t="s">
        <v>13322</v>
      </c>
      <c r="E21494" t="s">
        <v>13293</v>
      </c>
      <c r="F21494" t="s">
        <v>13294</v>
      </c>
      <c r="G21494" t="s">
        <v>10214</v>
      </c>
      <c r="H21494" t="s">
        <v>10215</v>
      </c>
      <c r="I21494" s="2">
        <v>1</v>
      </c>
      <c r="J21494" s="2">
        <v>0</v>
      </c>
      <c r="K21494" s="2">
        <v>0</v>
      </c>
      <c r="L21494" t="s">
        <v>120</v>
      </c>
      <c r="M21494" t="s">
        <v>83</v>
      </c>
      <c r="N21494" t="s">
        <v>84</v>
      </c>
      <c r="O21494" t="s">
        <v>85</v>
      </c>
      <c r="P21494" t="s">
        <v>86</v>
      </c>
      <c r="Q21494">
        <v>42</v>
      </c>
      <c r="R21494">
        <v>42</v>
      </c>
      <c r="S21494">
        <v>42</v>
      </c>
      <c r="T21494">
        <v>43</v>
      </c>
      <c r="U21494">
        <v>43</v>
      </c>
      <c r="V21494">
        <v>43</v>
      </c>
      <c r="W21494">
        <v>44</v>
      </c>
      <c r="X21494">
        <v>44</v>
      </c>
      <c r="Y21494">
        <v>44</v>
      </c>
      <c r="Z21494">
        <v>44</v>
      </c>
      <c r="AA21494">
        <v>45</v>
      </c>
      <c r="AB21494">
        <v>45</v>
      </c>
      <c r="AC21494">
        <v>45</v>
      </c>
      <c r="AD21494">
        <v>45</v>
      </c>
      <c r="AE21494">
        <v>45</v>
      </c>
      <c r="AF21494">
        <v>46</v>
      </c>
      <c r="AG21494">
        <v>46</v>
      </c>
      <c r="AH21494">
        <v>46</v>
      </c>
      <c r="AI21494">
        <v>46</v>
      </c>
      <c r="AJ21494">
        <v>46</v>
      </c>
      <c r="AK21494">
        <v>46</v>
      </c>
      <c r="AL21494">
        <v>46</v>
      </c>
      <c r="AM21494">
        <v>46</v>
      </c>
      <c r="AN21494">
        <v>46</v>
      </c>
      <c r="AO21494">
        <v>46</v>
      </c>
      <c r="AP21494">
        <v>45</v>
      </c>
      <c r="AQ21494">
        <v>45</v>
      </c>
    </row>
    <row r="21495" spans="1:43">
      <c r="A21495" t="s">
        <v>13319</v>
      </c>
      <c r="B21495" t="s">
        <v>13320</v>
      </c>
      <c r="C21495" t="s">
        <v>13321</v>
      </c>
      <c r="D21495" t="s">
        <v>13322</v>
      </c>
      <c r="E21495" t="s">
        <v>13293</v>
      </c>
      <c r="F21495" t="s">
        <v>13294</v>
      </c>
      <c r="G21495" t="s">
        <v>10214</v>
      </c>
      <c r="H21495" t="s">
        <v>10215</v>
      </c>
      <c r="I21495" s="2">
        <v>1</v>
      </c>
      <c r="J21495" s="2">
        <v>0</v>
      </c>
      <c r="K21495" s="2">
        <v>0</v>
      </c>
      <c r="L21495" t="s">
        <v>120</v>
      </c>
      <c r="M21495" t="s">
        <v>87</v>
      </c>
      <c r="N21495" t="s">
        <v>88</v>
      </c>
      <c r="O21495" t="s">
        <v>85</v>
      </c>
      <c r="P21495" t="s">
        <v>86</v>
      </c>
      <c r="Q21495">
        <v>42</v>
      </c>
      <c r="R21495">
        <v>42</v>
      </c>
      <c r="S21495">
        <v>42</v>
      </c>
      <c r="T21495">
        <v>42</v>
      </c>
      <c r="U21495">
        <v>42</v>
      </c>
      <c r="V21495">
        <v>42</v>
      </c>
      <c r="W21495">
        <v>42</v>
      </c>
      <c r="X21495">
        <v>42</v>
      </c>
      <c r="Y21495">
        <v>42</v>
      </c>
      <c r="Z21495">
        <v>42</v>
      </c>
      <c r="AA21495">
        <v>42</v>
      </c>
      <c r="AB21495">
        <v>41</v>
      </c>
      <c r="AC21495">
        <v>41</v>
      </c>
      <c r="AD21495">
        <v>41</v>
      </c>
      <c r="AE21495">
        <v>41</v>
      </c>
      <c r="AF21495">
        <v>41</v>
      </c>
      <c r="AG21495">
        <v>41</v>
      </c>
      <c r="AH21495">
        <v>41</v>
      </c>
      <c r="AI21495">
        <v>41</v>
      </c>
      <c r="AJ21495">
        <v>41</v>
      </c>
      <c r="AK21495">
        <v>41</v>
      </c>
      <c r="AL21495">
        <v>40</v>
      </c>
      <c r="AM21495">
        <v>40</v>
      </c>
      <c r="AN21495">
        <v>40</v>
      </c>
      <c r="AO21495">
        <v>40</v>
      </c>
      <c r="AP21495">
        <v>40</v>
      </c>
      <c r="AQ21495">
        <v>40</v>
      </c>
    </row>
    <row r="21496" spans="1:43">
      <c r="A21496" t="s">
        <v>13319</v>
      </c>
      <c r="B21496" t="s">
        <v>13320</v>
      </c>
      <c r="C21496" t="s">
        <v>13321</v>
      </c>
      <c r="D21496" t="s">
        <v>13322</v>
      </c>
      <c r="E21496" t="s">
        <v>13293</v>
      </c>
      <c r="F21496" t="s">
        <v>13294</v>
      </c>
      <c r="G21496" t="s">
        <v>10214</v>
      </c>
      <c r="H21496" t="s">
        <v>10215</v>
      </c>
      <c r="I21496" s="2">
        <v>1</v>
      </c>
      <c r="J21496" s="2">
        <v>0</v>
      </c>
      <c r="K21496" s="2">
        <v>0</v>
      </c>
      <c r="L21496" t="s">
        <v>120</v>
      </c>
      <c r="M21496" t="s">
        <v>89</v>
      </c>
      <c r="N21496" t="s">
        <v>90</v>
      </c>
      <c r="O21496" t="s">
        <v>85</v>
      </c>
      <c r="P21496" t="s">
        <v>86</v>
      </c>
      <c r="Q21496">
        <v>42</v>
      </c>
      <c r="R21496">
        <v>43</v>
      </c>
      <c r="S21496">
        <v>44</v>
      </c>
      <c r="T21496">
        <v>44</v>
      </c>
      <c r="U21496">
        <v>45</v>
      </c>
      <c r="V21496">
        <v>45</v>
      </c>
      <c r="W21496">
        <v>46</v>
      </c>
      <c r="X21496">
        <v>46</v>
      </c>
      <c r="Y21496">
        <v>47</v>
      </c>
      <c r="Z21496">
        <v>47</v>
      </c>
      <c r="AA21496">
        <v>48</v>
      </c>
      <c r="AB21496">
        <v>48</v>
      </c>
      <c r="AC21496">
        <v>48</v>
      </c>
      <c r="AD21496">
        <v>49</v>
      </c>
      <c r="AE21496">
        <v>49</v>
      </c>
      <c r="AF21496">
        <v>49</v>
      </c>
      <c r="AG21496">
        <v>48</v>
      </c>
      <c r="AH21496">
        <v>48</v>
      </c>
      <c r="AI21496">
        <v>48</v>
      </c>
      <c r="AJ21496">
        <v>47</v>
      </c>
      <c r="AK21496">
        <v>47</v>
      </c>
      <c r="AL21496">
        <v>47</v>
      </c>
      <c r="AM21496">
        <v>47</v>
      </c>
      <c r="AN21496">
        <v>46</v>
      </c>
      <c r="AO21496">
        <v>46</v>
      </c>
      <c r="AP21496">
        <v>46</v>
      </c>
      <c r="AQ21496">
        <v>45</v>
      </c>
    </row>
    <row r="21497" spans="1:43">
      <c r="A21497" t="s">
        <v>13319</v>
      </c>
      <c r="B21497" t="s">
        <v>13320</v>
      </c>
      <c r="C21497" t="s">
        <v>13321</v>
      </c>
      <c r="D21497" t="s">
        <v>13322</v>
      </c>
      <c r="E21497" t="s">
        <v>13293</v>
      </c>
      <c r="F21497" t="s">
        <v>13294</v>
      </c>
      <c r="G21497" t="s">
        <v>10214</v>
      </c>
      <c r="H21497" t="s">
        <v>10215</v>
      </c>
      <c r="I21497" s="2">
        <v>1</v>
      </c>
      <c r="J21497" s="2">
        <v>0</v>
      </c>
      <c r="K21497" s="2">
        <v>0</v>
      </c>
      <c r="L21497" t="s">
        <v>120</v>
      </c>
      <c r="M21497" t="s">
        <v>83</v>
      </c>
      <c r="N21497" t="s">
        <v>91</v>
      </c>
      <c r="O21497" t="s">
        <v>85</v>
      </c>
      <c r="P21497" t="s">
        <v>86</v>
      </c>
      <c r="Q21497">
        <v>42</v>
      </c>
      <c r="R21497">
        <v>42</v>
      </c>
      <c r="S21497">
        <v>42</v>
      </c>
      <c r="T21497">
        <v>43</v>
      </c>
      <c r="U21497">
        <v>43</v>
      </c>
      <c r="V21497">
        <v>43</v>
      </c>
      <c r="W21497">
        <v>44</v>
      </c>
      <c r="X21497">
        <v>44</v>
      </c>
      <c r="Y21497">
        <v>44</v>
      </c>
      <c r="Z21497">
        <v>44</v>
      </c>
      <c r="AA21497">
        <v>45</v>
      </c>
      <c r="AB21497">
        <v>45</v>
      </c>
      <c r="AC21497">
        <v>45</v>
      </c>
      <c r="AD21497">
        <v>45</v>
      </c>
      <c r="AE21497">
        <v>45</v>
      </c>
      <c r="AF21497">
        <v>46</v>
      </c>
      <c r="AG21497">
        <v>46</v>
      </c>
      <c r="AH21497">
        <v>46</v>
      </c>
      <c r="AI21497">
        <v>46</v>
      </c>
      <c r="AJ21497">
        <v>46</v>
      </c>
      <c r="AK21497">
        <v>46</v>
      </c>
      <c r="AL21497">
        <v>46</v>
      </c>
      <c r="AM21497">
        <v>46</v>
      </c>
      <c r="AN21497">
        <v>46</v>
      </c>
      <c r="AO21497">
        <v>46</v>
      </c>
      <c r="AP21497">
        <v>45</v>
      </c>
      <c r="AQ21497">
        <v>45</v>
      </c>
    </row>
    <row r="21498" spans="1:43">
      <c r="A21498" t="s">
        <v>13323</v>
      </c>
      <c r="B21498" t="s">
        <v>13324</v>
      </c>
      <c r="C21498" t="s">
        <v>13321</v>
      </c>
      <c r="D21498" t="s">
        <v>13322</v>
      </c>
      <c r="E21498" t="s">
        <v>13293</v>
      </c>
      <c r="F21498" t="s">
        <v>13294</v>
      </c>
      <c r="G21498" t="s">
        <v>10214</v>
      </c>
      <c r="H21498" t="s">
        <v>10215</v>
      </c>
      <c r="I21498" s="2">
        <v>0.92</v>
      </c>
      <c r="J21498" s="2">
        <v>0</v>
      </c>
      <c r="K21498" s="2">
        <v>0</v>
      </c>
      <c r="L21498" t="s">
        <v>120</v>
      </c>
      <c r="M21498" t="s">
        <v>83</v>
      </c>
      <c r="N21498" t="s">
        <v>84</v>
      </c>
      <c r="O21498" t="s">
        <v>85</v>
      </c>
      <c r="P21498" t="s">
        <v>86</v>
      </c>
      <c r="Q21498">
        <v>51</v>
      </c>
      <c r="R21498">
        <v>51</v>
      </c>
      <c r="S21498">
        <v>52</v>
      </c>
      <c r="T21498">
        <v>52</v>
      </c>
      <c r="U21498">
        <v>52</v>
      </c>
      <c r="V21498">
        <v>53</v>
      </c>
      <c r="W21498">
        <v>53</v>
      </c>
      <c r="X21498">
        <v>53</v>
      </c>
      <c r="Y21498">
        <v>54</v>
      </c>
      <c r="Z21498">
        <v>54</v>
      </c>
      <c r="AA21498">
        <v>54</v>
      </c>
      <c r="AB21498">
        <v>55</v>
      </c>
      <c r="AC21498">
        <v>55</v>
      </c>
      <c r="AD21498">
        <v>55</v>
      </c>
      <c r="AE21498">
        <v>55</v>
      </c>
      <c r="AF21498">
        <v>56</v>
      </c>
      <c r="AG21498">
        <v>56</v>
      </c>
      <c r="AH21498">
        <v>56</v>
      </c>
      <c r="AI21498">
        <v>56</v>
      </c>
      <c r="AJ21498">
        <v>57</v>
      </c>
      <c r="AK21498">
        <v>57</v>
      </c>
      <c r="AL21498">
        <v>57</v>
      </c>
      <c r="AM21498">
        <v>56</v>
      </c>
      <c r="AN21498">
        <v>56</v>
      </c>
      <c r="AO21498">
        <v>56</v>
      </c>
      <c r="AP21498">
        <v>56</v>
      </c>
      <c r="AQ21498">
        <v>55</v>
      </c>
    </row>
    <row r="21499" spans="1:43">
      <c r="A21499" t="s">
        <v>13323</v>
      </c>
      <c r="B21499" t="s">
        <v>13324</v>
      </c>
      <c r="C21499" t="s">
        <v>13321</v>
      </c>
      <c r="D21499" t="s">
        <v>13322</v>
      </c>
      <c r="E21499" t="s">
        <v>13293</v>
      </c>
      <c r="F21499" t="s">
        <v>13294</v>
      </c>
      <c r="G21499" t="s">
        <v>10214</v>
      </c>
      <c r="H21499" t="s">
        <v>10215</v>
      </c>
      <c r="I21499" s="2">
        <v>0.92</v>
      </c>
      <c r="J21499" s="2">
        <v>0</v>
      </c>
      <c r="K21499" s="2">
        <v>0</v>
      </c>
      <c r="L21499" t="s">
        <v>120</v>
      </c>
      <c r="M21499" t="s">
        <v>87</v>
      </c>
      <c r="N21499" t="s">
        <v>88</v>
      </c>
      <c r="O21499" t="s">
        <v>85</v>
      </c>
      <c r="P21499" t="s">
        <v>86</v>
      </c>
      <c r="Q21499">
        <v>51</v>
      </c>
      <c r="R21499">
        <v>51</v>
      </c>
      <c r="S21499">
        <v>51</v>
      </c>
      <c r="T21499">
        <v>51</v>
      </c>
      <c r="U21499">
        <v>51</v>
      </c>
      <c r="V21499">
        <v>51</v>
      </c>
      <c r="W21499">
        <v>51</v>
      </c>
      <c r="X21499">
        <v>51</v>
      </c>
      <c r="Y21499">
        <v>51</v>
      </c>
      <c r="Z21499">
        <v>51</v>
      </c>
      <c r="AA21499">
        <v>50</v>
      </c>
      <c r="AB21499">
        <v>50</v>
      </c>
      <c r="AC21499">
        <v>50</v>
      </c>
      <c r="AD21499">
        <v>50</v>
      </c>
      <c r="AE21499">
        <v>50</v>
      </c>
      <c r="AF21499">
        <v>50</v>
      </c>
      <c r="AG21499">
        <v>50</v>
      </c>
      <c r="AH21499">
        <v>50</v>
      </c>
      <c r="AI21499">
        <v>50</v>
      </c>
      <c r="AJ21499">
        <v>50</v>
      </c>
      <c r="AK21499">
        <v>49</v>
      </c>
      <c r="AL21499">
        <v>49</v>
      </c>
      <c r="AM21499">
        <v>49</v>
      </c>
      <c r="AN21499">
        <v>49</v>
      </c>
      <c r="AO21499">
        <v>49</v>
      </c>
      <c r="AP21499">
        <v>49</v>
      </c>
      <c r="AQ21499">
        <v>49</v>
      </c>
    </row>
    <row r="21500" spans="1:43">
      <c r="A21500" t="s">
        <v>13323</v>
      </c>
      <c r="B21500" t="s">
        <v>13324</v>
      </c>
      <c r="C21500" t="s">
        <v>13321</v>
      </c>
      <c r="D21500" t="s">
        <v>13322</v>
      </c>
      <c r="E21500" t="s">
        <v>13293</v>
      </c>
      <c r="F21500" t="s">
        <v>13294</v>
      </c>
      <c r="G21500" t="s">
        <v>10214</v>
      </c>
      <c r="H21500" t="s">
        <v>10215</v>
      </c>
      <c r="I21500" s="2">
        <v>0.92</v>
      </c>
      <c r="J21500" s="2">
        <v>0</v>
      </c>
      <c r="K21500" s="2">
        <v>0</v>
      </c>
      <c r="L21500" t="s">
        <v>120</v>
      </c>
      <c r="M21500" t="s">
        <v>89</v>
      </c>
      <c r="N21500" t="s">
        <v>90</v>
      </c>
      <c r="O21500" t="s">
        <v>85</v>
      </c>
      <c r="P21500" t="s">
        <v>86</v>
      </c>
      <c r="Q21500">
        <v>51</v>
      </c>
      <c r="R21500">
        <v>52</v>
      </c>
      <c r="S21500">
        <v>53</v>
      </c>
      <c r="T21500">
        <v>54</v>
      </c>
      <c r="U21500">
        <v>54</v>
      </c>
      <c r="V21500">
        <v>55</v>
      </c>
      <c r="W21500">
        <v>56</v>
      </c>
      <c r="X21500">
        <v>56</v>
      </c>
      <c r="Y21500">
        <v>57</v>
      </c>
      <c r="Z21500">
        <v>57</v>
      </c>
      <c r="AA21500">
        <v>58</v>
      </c>
      <c r="AB21500">
        <v>58</v>
      </c>
      <c r="AC21500">
        <v>59</v>
      </c>
      <c r="AD21500">
        <v>59</v>
      </c>
      <c r="AE21500">
        <v>60</v>
      </c>
      <c r="AF21500">
        <v>59</v>
      </c>
      <c r="AG21500">
        <v>59</v>
      </c>
      <c r="AH21500">
        <v>59</v>
      </c>
      <c r="AI21500">
        <v>58</v>
      </c>
      <c r="AJ21500">
        <v>58</v>
      </c>
      <c r="AK21500">
        <v>58</v>
      </c>
      <c r="AL21500">
        <v>57</v>
      </c>
      <c r="AM21500">
        <v>57</v>
      </c>
      <c r="AN21500">
        <v>57</v>
      </c>
      <c r="AO21500">
        <v>56</v>
      </c>
      <c r="AP21500">
        <v>56</v>
      </c>
      <c r="AQ21500">
        <v>56</v>
      </c>
    </row>
    <row r="21501" spans="1:43">
      <c r="A21501" t="s">
        <v>13323</v>
      </c>
      <c r="B21501" t="s">
        <v>13324</v>
      </c>
      <c r="C21501" t="s">
        <v>13321</v>
      </c>
      <c r="D21501" t="s">
        <v>13322</v>
      </c>
      <c r="E21501" t="s">
        <v>13293</v>
      </c>
      <c r="F21501" t="s">
        <v>13294</v>
      </c>
      <c r="G21501" t="s">
        <v>10214</v>
      </c>
      <c r="H21501" t="s">
        <v>10215</v>
      </c>
      <c r="I21501" s="2">
        <v>0.92</v>
      </c>
      <c r="J21501" s="2">
        <v>0</v>
      </c>
      <c r="K21501" s="2">
        <v>0</v>
      </c>
      <c r="L21501" t="s">
        <v>120</v>
      </c>
      <c r="M21501" t="s">
        <v>83</v>
      </c>
      <c r="N21501" t="s">
        <v>91</v>
      </c>
      <c r="O21501" t="s">
        <v>85</v>
      </c>
      <c r="P21501" t="s">
        <v>86</v>
      </c>
      <c r="Q21501">
        <v>51</v>
      </c>
      <c r="R21501">
        <v>51</v>
      </c>
      <c r="S21501">
        <v>52</v>
      </c>
      <c r="T21501">
        <v>52</v>
      </c>
      <c r="U21501">
        <v>52</v>
      </c>
      <c r="V21501">
        <v>53</v>
      </c>
      <c r="W21501">
        <v>53</v>
      </c>
      <c r="X21501">
        <v>53</v>
      </c>
      <c r="Y21501">
        <v>54</v>
      </c>
      <c r="Z21501">
        <v>54</v>
      </c>
      <c r="AA21501">
        <v>54</v>
      </c>
      <c r="AB21501">
        <v>55</v>
      </c>
      <c r="AC21501">
        <v>55</v>
      </c>
      <c r="AD21501">
        <v>55</v>
      </c>
      <c r="AE21501">
        <v>55</v>
      </c>
      <c r="AF21501">
        <v>56</v>
      </c>
      <c r="AG21501">
        <v>56</v>
      </c>
      <c r="AH21501">
        <v>56</v>
      </c>
      <c r="AI21501">
        <v>56</v>
      </c>
      <c r="AJ21501">
        <v>57</v>
      </c>
      <c r="AK21501">
        <v>57</v>
      </c>
      <c r="AL21501">
        <v>57</v>
      </c>
      <c r="AM21501">
        <v>56</v>
      </c>
      <c r="AN21501">
        <v>56</v>
      </c>
      <c r="AO21501">
        <v>56</v>
      </c>
      <c r="AP21501">
        <v>56</v>
      </c>
      <c r="AQ21501">
        <v>55</v>
      </c>
    </row>
    <row r="21502" spans="1:43">
      <c r="A21502" t="s">
        <v>13325</v>
      </c>
      <c r="B21502" t="s">
        <v>13326</v>
      </c>
      <c r="C21502" t="s">
        <v>13327</v>
      </c>
      <c r="D21502" t="s">
        <v>13328</v>
      </c>
      <c r="E21502" t="s">
        <v>13293</v>
      </c>
      <c r="F21502" t="s">
        <v>13294</v>
      </c>
      <c r="G21502" t="s">
        <v>10214</v>
      </c>
      <c r="H21502" t="s">
        <v>10215</v>
      </c>
      <c r="I21502" s="2">
        <v>0.94</v>
      </c>
      <c r="J21502" s="2">
        <v>0</v>
      </c>
      <c r="K21502" s="2">
        <v>0</v>
      </c>
      <c r="L21502" t="s">
        <v>120</v>
      </c>
      <c r="M21502" t="s">
        <v>83</v>
      </c>
      <c r="N21502" t="s">
        <v>84</v>
      </c>
      <c r="O21502" t="s">
        <v>85</v>
      </c>
      <c r="P21502" t="s">
        <v>86</v>
      </c>
      <c r="Q21502">
        <v>46</v>
      </c>
      <c r="R21502">
        <v>47</v>
      </c>
      <c r="S21502">
        <v>47</v>
      </c>
      <c r="T21502">
        <v>47</v>
      </c>
      <c r="U21502">
        <v>48</v>
      </c>
      <c r="V21502">
        <v>48</v>
      </c>
      <c r="W21502">
        <v>48</v>
      </c>
      <c r="X21502">
        <v>49</v>
      </c>
      <c r="Y21502">
        <v>49</v>
      </c>
      <c r="Z21502">
        <v>49</v>
      </c>
      <c r="AA21502">
        <v>50</v>
      </c>
      <c r="AB21502">
        <v>50</v>
      </c>
      <c r="AC21502">
        <v>50</v>
      </c>
      <c r="AD21502">
        <v>50</v>
      </c>
      <c r="AE21502">
        <v>51</v>
      </c>
      <c r="AF21502">
        <v>51</v>
      </c>
      <c r="AG21502">
        <v>51</v>
      </c>
      <c r="AH21502">
        <v>51</v>
      </c>
      <c r="AI21502">
        <v>52</v>
      </c>
      <c r="AJ21502">
        <v>52</v>
      </c>
      <c r="AK21502">
        <v>52</v>
      </c>
      <c r="AL21502">
        <v>52</v>
      </c>
      <c r="AM21502">
        <v>52</v>
      </c>
      <c r="AN21502">
        <v>51</v>
      </c>
      <c r="AO21502">
        <v>51</v>
      </c>
      <c r="AP21502">
        <v>51</v>
      </c>
      <c r="AQ21502">
        <v>51</v>
      </c>
    </row>
    <row r="21503" spans="1:43">
      <c r="A21503" t="s">
        <v>13325</v>
      </c>
      <c r="B21503" t="s">
        <v>13326</v>
      </c>
      <c r="C21503" t="s">
        <v>13327</v>
      </c>
      <c r="D21503" t="s">
        <v>13328</v>
      </c>
      <c r="E21503" t="s">
        <v>13293</v>
      </c>
      <c r="F21503" t="s">
        <v>13294</v>
      </c>
      <c r="G21503" t="s">
        <v>10214</v>
      </c>
      <c r="H21503" t="s">
        <v>10215</v>
      </c>
      <c r="I21503" s="2">
        <v>0.94</v>
      </c>
      <c r="J21503" s="2">
        <v>0</v>
      </c>
      <c r="K21503" s="2">
        <v>0</v>
      </c>
      <c r="L21503" t="s">
        <v>120</v>
      </c>
      <c r="M21503" t="s">
        <v>87</v>
      </c>
      <c r="N21503" t="s">
        <v>88</v>
      </c>
      <c r="O21503" t="s">
        <v>85</v>
      </c>
      <c r="P21503" t="s">
        <v>86</v>
      </c>
      <c r="Q21503">
        <v>46</v>
      </c>
      <c r="R21503">
        <v>46</v>
      </c>
      <c r="S21503">
        <v>46</v>
      </c>
      <c r="T21503">
        <v>46</v>
      </c>
      <c r="U21503">
        <v>46</v>
      </c>
      <c r="V21503">
        <v>46</v>
      </c>
      <c r="W21503">
        <v>46</v>
      </c>
      <c r="X21503">
        <v>45</v>
      </c>
      <c r="Y21503">
        <v>45</v>
      </c>
      <c r="Z21503">
        <v>45</v>
      </c>
      <c r="AA21503">
        <v>45</v>
      </c>
      <c r="AB21503">
        <v>45</v>
      </c>
      <c r="AC21503">
        <v>45</v>
      </c>
      <c r="AD21503">
        <v>45</v>
      </c>
      <c r="AE21503">
        <v>45</v>
      </c>
      <c r="AF21503">
        <v>45</v>
      </c>
      <c r="AG21503">
        <v>45</v>
      </c>
      <c r="AH21503">
        <v>45</v>
      </c>
      <c r="AI21503">
        <v>45</v>
      </c>
      <c r="AJ21503">
        <v>45</v>
      </c>
      <c r="AK21503">
        <v>44</v>
      </c>
      <c r="AL21503">
        <v>44</v>
      </c>
      <c r="AM21503">
        <v>44</v>
      </c>
      <c r="AN21503">
        <v>44</v>
      </c>
      <c r="AO21503">
        <v>44</v>
      </c>
      <c r="AP21503">
        <v>44</v>
      </c>
      <c r="AQ21503">
        <v>44</v>
      </c>
    </row>
    <row r="21504" spans="1:43">
      <c r="A21504" t="s">
        <v>13325</v>
      </c>
      <c r="B21504" t="s">
        <v>13326</v>
      </c>
      <c r="C21504" t="s">
        <v>13327</v>
      </c>
      <c r="D21504" t="s">
        <v>13328</v>
      </c>
      <c r="E21504" t="s">
        <v>13293</v>
      </c>
      <c r="F21504" t="s">
        <v>13294</v>
      </c>
      <c r="G21504" t="s">
        <v>10214</v>
      </c>
      <c r="H21504" t="s">
        <v>10215</v>
      </c>
      <c r="I21504" s="2">
        <v>0.94</v>
      </c>
      <c r="J21504" s="2">
        <v>0</v>
      </c>
      <c r="K21504" s="2">
        <v>0</v>
      </c>
      <c r="L21504" t="s">
        <v>120</v>
      </c>
      <c r="M21504" t="s">
        <v>89</v>
      </c>
      <c r="N21504" t="s">
        <v>90</v>
      </c>
      <c r="O21504" t="s">
        <v>85</v>
      </c>
      <c r="P21504" t="s">
        <v>86</v>
      </c>
      <c r="Q21504">
        <v>46</v>
      </c>
      <c r="R21504">
        <v>46</v>
      </c>
      <c r="S21504">
        <v>47</v>
      </c>
      <c r="T21504">
        <v>48</v>
      </c>
      <c r="U21504">
        <v>49</v>
      </c>
      <c r="V21504">
        <v>49</v>
      </c>
      <c r="W21504">
        <v>50</v>
      </c>
      <c r="X21504">
        <v>50</v>
      </c>
      <c r="Y21504">
        <v>51</v>
      </c>
      <c r="Z21504">
        <v>51</v>
      </c>
      <c r="AA21504">
        <v>52</v>
      </c>
      <c r="AB21504">
        <v>52</v>
      </c>
      <c r="AC21504">
        <v>53</v>
      </c>
      <c r="AD21504">
        <v>53</v>
      </c>
      <c r="AE21504">
        <v>53</v>
      </c>
      <c r="AF21504">
        <v>53</v>
      </c>
      <c r="AG21504">
        <v>53</v>
      </c>
      <c r="AH21504">
        <v>53</v>
      </c>
      <c r="AI21504">
        <v>52</v>
      </c>
      <c r="AJ21504">
        <v>52</v>
      </c>
      <c r="AK21504">
        <v>52</v>
      </c>
      <c r="AL21504">
        <v>52</v>
      </c>
      <c r="AM21504">
        <v>51</v>
      </c>
      <c r="AN21504">
        <v>51</v>
      </c>
      <c r="AO21504">
        <v>51</v>
      </c>
      <c r="AP21504">
        <v>50</v>
      </c>
      <c r="AQ21504">
        <v>50</v>
      </c>
    </row>
    <row r="21505" spans="1:43">
      <c r="A21505" t="s">
        <v>13325</v>
      </c>
      <c r="B21505" t="s">
        <v>13326</v>
      </c>
      <c r="C21505" t="s">
        <v>13327</v>
      </c>
      <c r="D21505" t="s">
        <v>13328</v>
      </c>
      <c r="E21505" t="s">
        <v>13293</v>
      </c>
      <c r="F21505" t="s">
        <v>13294</v>
      </c>
      <c r="G21505" t="s">
        <v>10214</v>
      </c>
      <c r="H21505" t="s">
        <v>10215</v>
      </c>
      <c r="I21505" s="2">
        <v>0.94</v>
      </c>
      <c r="J21505" s="2">
        <v>0</v>
      </c>
      <c r="K21505" s="2">
        <v>0</v>
      </c>
      <c r="L21505" t="s">
        <v>120</v>
      </c>
      <c r="M21505" t="s">
        <v>83</v>
      </c>
      <c r="N21505" t="s">
        <v>91</v>
      </c>
      <c r="O21505" t="s">
        <v>85</v>
      </c>
      <c r="P21505" t="s">
        <v>86</v>
      </c>
      <c r="Q21505">
        <v>46</v>
      </c>
      <c r="R21505">
        <v>47</v>
      </c>
      <c r="S21505">
        <v>47</v>
      </c>
      <c r="T21505">
        <v>47</v>
      </c>
      <c r="U21505">
        <v>48</v>
      </c>
      <c r="V21505">
        <v>48</v>
      </c>
      <c r="W21505">
        <v>48</v>
      </c>
      <c r="X21505">
        <v>49</v>
      </c>
      <c r="Y21505">
        <v>49</v>
      </c>
      <c r="Z21505">
        <v>49</v>
      </c>
      <c r="AA21505">
        <v>50</v>
      </c>
      <c r="AB21505">
        <v>50</v>
      </c>
      <c r="AC21505">
        <v>50</v>
      </c>
      <c r="AD21505">
        <v>50</v>
      </c>
      <c r="AE21505">
        <v>51</v>
      </c>
      <c r="AF21505">
        <v>51</v>
      </c>
      <c r="AG21505">
        <v>51</v>
      </c>
      <c r="AH21505">
        <v>51</v>
      </c>
      <c r="AI21505">
        <v>52</v>
      </c>
      <c r="AJ21505">
        <v>52</v>
      </c>
      <c r="AK21505">
        <v>52</v>
      </c>
      <c r="AL21505">
        <v>52</v>
      </c>
      <c r="AM21505">
        <v>52</v>
      </c>
      <c r="AN21505">
        <v>51</v>
      </c>
      <c r="AO21505">
        <v>51</v>
      </c>
      <c r="AP21505">
        <v>51</v>
      </c>
      <c r="AQ21505">
        <v>51</v>
      </c>
    </row>
    <row r="21506" spans="1:43">
      <c r="A21506" t="s">
        <v>13329</v>
      </c>
      <c r="B21506" t="s">
        <v>13330</v>
      </c>
      <c r="C21506" t="s">
        <v>13327</v>
      </c>
      <c r="D21506" t="s">
        <v>13328</v>
      </c>
      <c r="E21506" t="s">
        <v>13293</v>
      </c>
      <c r="F21506" t="s">
        <v>13294</v>
      </c>
      <c r="G21506" t="s">
        <v>10214</v>
      </c>
      <c r="H21506" t="s">
        <v>10215</v>
      </c>
      <c r="I21506" s="2">
        <v>1</v>
      </c>
      <c r="J21506" s="2">
        <v>0</v>
      </c>
      <c r="K21506" s="2">
        <v>0</v>
      </c>
      <c r="L21506" t="s">
        <v>120</v>
      </c>
      <c r="M21506" t="s">
        <v>83</v>
      </c>
      <c r="N21506" t="s">
        <v>84</v>
      </c>
      <c r="O21506" t="s">
        <v>85</v>
      </c>
      <c r="P21506" t="s">
        <v>86</v>
      </c>
      <c r="Q21506">
        <v>39</v>
      </c>
      <c r="R21506">
        <v>39</v>
      </c>
      <c r="S21506">
        <v>39</v>
      </c>
      <c r="T21506">
        <v>40</v>
      </c>
      <c r="U21506">
        <v>40</v>
      </c>
      <c r="V21506">
        <v>40</v>
      </c>
      <c r="W21506">
        <v>41</v>
      </c>
      <c r="X21506">
        <v>41</v>
      </c>
      <c r="Y21506">
        <v>41</v>
      </c>
      <c r="Z21506">
        <v>41</v>
      </c>
      <c r="AA21506">
        <v>42</v>
      </c>
      <c r="AB21506">
        <v>42</v>
      </c>
      <c r="AC21506">
        <v>42</v>
      </c>
      <c r="AD21506">
        <v>42</v>
      </c>
      <c r="AE21506">
        <v>43</v>
      </c>
      <c r="AF21506">
        <v>43</v>
      </c>
      <c r="AG21506">
        <v>43</v>
      </c>
      <c r="AH21506">
        <v>43</v>
      </c>
      <c r="AI21506">
        <v>43</v>
      </c>
      <c r="AJ21506">
        <v>44</v>
      </c>
      <c r="AK21506">
        <v>44</v>
      </c>
      <c r="AL21506">
        <v>44</v>
      </c>
      <c r="AM21506">
        <v>44</v>
      </c>
      <c r="AN21506">
        <v>43</v>
      </c>
      <c r="AO21506">
        <v>43</v>
      </c>
      <c r="AP21506">
        <v>43</v>
      </c>
      <c r="AQ21506">
        <v>43</v>
      </c>
    </row>
    <row r="21507" spans="1:43">
      <c r="A21507" t="s">
        <v>13329</v>
      </c>
      <c r="B21507" t="s">
        <v>13330</v>
      </c>
      <c r="C21507" t="s">
        <v>13327</v>
      </c>
      <c r="D21507" t="s">
        <v>13328</v>
      </c>
      <c r="E21507" t="s">
        <v>13293</v>
      </c>
      <c r="F21507" t="s">
        <v>13294</v>
      </c>
      <c r="G21507" t="s">
        <v>10214</v>
      </c>
      <c r="H21507" t="s">
        <v>10215</v>
      </c>
      <c r="I21507" s="2">
        <v>1</v>
      </c>
      <c r="J21507" s="2">
        <v>0</v>
      </c>
      <c r="K21507" s="2">
        <v>0</v>
      </c>
      <c r="L21507" t="s">
        <v>120</v>
      </c>
      <c r="M21507" t="s">
        <v>87</v>
      </c>
      <c r="N21507" t="s">
        <v>88</v>
      </c>
      <c r="O21507" t="s">
        <v>85</v>
      </c>
      <c r="P21507" t="s">
        <v>86</v>
      </c>
      <c r="Q21507">
        <v>39</v>
      </c>
      <c r="R21507">
        <v>39</v>
      </c>
      <c r="S21507">
        <v>39</v>
      </c>
      <c r="T21507">
        <v>39</v>
      </c>
      <c r="U21507">
        <v>39</v>
      </c>
      <c r="V21507">
        <v>39</v>
      </c>
      <c r="W21507">
        <v>39</v>
      </c>
      <c r="X21507">
        <v>39</v>
      </c>
      <c r="Y21507">
        <v>39</v>
      </c>
      <c r="Z21507">
        <v>39</v>
      </c>
      <c r="AA21507">
        <v>39</v>
      </c>
      <c r="AB21507">
        <v>39</v>
      </c>
      <c r="AC21507">
        <v>39</v>
      </c>
      <c r="AD21507">
        <v>39</v>
      </c>
      <c r="AE21507">
        <v>39</v>
      </c>
      <c r="AF21507">
        <v>39</v>
      </c>
      <c r="AG21507">
        <v>39</v>
      </c>
      <c r="AH21507">
        <v>39</v>
      </c>
      <c r="AI21507">
        <v>39</v>
      </c>
      <c r="AJ21507">
        <v>38</v>
      </c>
      <c r="AK21507">
        <v>38</v>
      </c>
      <c r="AL21507">
        <v>38</v>
      </c>
      <c r="AM21507">
        <v>38</v>
      </c>
      <c r="AN21507">
        <v>38</v>
      </c>
      <c r="AO21507">
        <v>38</v>
      </c>
      <c r="AP21507">
        <v>38</v>
      </c>
      <c r="AQ21507">
        <v>38</v>
      </c>
    </row>
    <row r="21508" spans="1:43">
      <c r="A21508" t="s">
        <v>13329</v>
      </c>
      <c r="B21508" t="s">
        <v>13330</v>
      </c>
      <c r="C21508" t="s">
        <v>13327</v>
      </c>
      <c r="D21508" t="s">
        <v>13328</v>
      </c>
      <c r="E21508" t="s">
        <v>13293</v>
      </c>
      <c r="F21508" t="s">
        <v>13294</v>
      </c>
      <c r="G21508" t="s">
        <v>10214</v>
      </c>
      <c r="H21508" t="s">
        <v>10215</v>
      </c>
      <c r="I21508" s="2">
        <v>1</v>
      </c>
      <c r="J21508" s="2">
        <v>0</v>
      </c>
      <c r="K21508" s="2">
        <v>0</v>
      </c>
      <c r="L21508" t="s">
        <v>120</v>
      </c>
      <c r="M21508" t="s">
        <v>89</v>
      </c>
      <c r="N21508" t="s">
        <v>90</v>
      </c>
      <c r="O21508" t="s">
        <v>85</v>
      </c>
      <c r="P21508" t="s">
        <v>86</v>
      </c>
      <c r="Q21508">
        <v>39</v>
      </c>
      <c r="R21508">
        <v>40</v>
      </c>
      <c r="S21508">
        <v>40</v>
      </c>
      <c r="T21508">
        <v>41</v>
      </c>
      <c r="U21508">
        <v>42</v>
      </c>
      <c r="V21508">
        <v>42</v>
      </c>
      <c r="W21508">
        <v>43</v>
      </c>
      <c r="X21508">
        <v>43</v>
      </c>
      <c r="Y21508">
        <v>43</v>
      </c>
      <c r="Z21508">
        <v>44</v>
      </c>
      <c r="AA21508">
        <v>44</v>
      </c>
      <c r="AB21508">
        <v>45</v>
      </c>
      <c r="AC21508">
        <v>45</v>
      </c>
      <c r="AD21508">
        <v>46</v>
      </c>
      <c r="AE21508">
        <v>46</v>
      </c>
      <c r="AF21508">
        <v>45</v>
      </c>
      <c r="AG21508">
        <v>45</v>
      </c>
      <c r="AH21508">
        <v>45</v>
      </c>
      <c r="AI21508">
        <v>45</v>
      </c>
      <c r="AJ21508">
        <v>45</v>
      </c>
      <c r="AK21508">
        <v>44</v>
      </c>
      <c r="AL21508">
        <v>44</v>
      </c>
      <c r="AM21508">
        <v>44</v>
      </c>
      <c r="AN21508">
        <v>44</v>
      </c>
      <c r="AO21508">
        <v>44</v>
      </c>
      <c r="AP21508">
        <v>43</v>
      </c>
      <c r="AQ21508">
        <v>43</v>
      </c>
    </row>
    <row r="21509" spans="1:43">
      <c r="A21509" t="s">
        <v>13329</v>
      </c>
      <c r="B21509" t="s">
        <v>13330</v>
      </c>
      <c r="C21509" t="s">
        <v>13327</v>
      </c>
      <c r="D21509" t="s">
        <v>13328</v>
      </c>
      <c r="E21509" t="s">
        <v>13293</v>
      </c>
      <c r="F21509" t="s">
        <v>13294</v>
      </c>
      <c r="G21509" t="s">
        <v>10214</v>
      </c>
      <c r="H21509" t="s">
        <v>10215</v>
      </c>
      <c r="I21509" s="2">
        <v>1</v>
      </c>
      <c r="J21509" s="2">
        <v>0</v>
      </c>
      <c r="K21509" s="2">
        <v>0</v>
      </c>
      <c r="L21509" t="s">
        <v>120</v>
      </c>
      <c r="M21509" t="s">
        <v>83</v>
      </c>
      <c r="N21509" t="s">
        <v>91</v>
      </c>
      <c r="O21509" t="s">
        <v>85</v>
      </c>
      <c r="P21509" t="s">
        <v>86</v>
      </c>
      <c r="Q21509">
        <v>39</v>
      </c>
      <c r="R21509">
        <v>39</v>
      </c>
      <c r="S21509">
        <v>39</v>
      </c>
      <c r="T21509">
        <v>40</v>
      </c>
      <c r="U21509">
        <v>40</v>
      </c>
      <c r="V21509">
        <v>40</v>
      </c>
      <c r="W21509">
        <v>41</v>
      </c>
      <c r="X21509">
        <v>41</v>
      </c>
      <c r="Y21509">
        <v>41</v>
      </c>
      <c r="Z21509">
        <v>41</v>
      </c>
      <c r="AA21509">
        <v>42</v>
      </c>
      <c r="AB21509">
        <v>42</v>
      </c>
      <c r="AC21509">
        <v>42</v>
      </c>
      <c r="AD21509">
        <v>42</v>
      </c>
      <c r="AE21509">
        <v>43</v>
      </c>
      <c r="AF21509">
        <v>43</v>
      </c>
      <c r="AG21509">
        <v>43</v>
      </c>
      <c r="AH21509">
        <v>43</v>
      </c>
      <c r="AI21509">
        <v>43</v>
      </c>
      <c r="AJ21509">
        <v>44</v>
      </c>
      <c r="AK21509">
        <v>44</v>
      </c>
      <c r="AL21509">
        <v>44</v>
      </c>
      <c r="AM21509">
        <v>44</v>
      </c>
      <c r="AN21509">
        <v>43</v>
      </c>
      <c r="AO21509">
        <v>43</v>
      </c>
      <c r="AP21509">
        <v>43</v>
      </c>
      <c r="AQ21509">
        <v>43</v>
      </c>
    </row>
    <row r="21510" spans="1:43">
      <c r="A21510" t="s">
        <v>13331</v>
      </c>
      <c r="B21510" t="s">
        <v>13332</v>
      </c>
      <c r="C21510" t="s">
        <v>13333</v>
      </c>
      <c r="D21510" t="s">
        <v>13334</v>
      </c>
      <c r="E21510" t="s">
        <v>13293</v>
      </c>
      <c r="F21510" t="s">
        <v>13294</v>
      </c>
      <c r="G21510" t="s">
        <v>10214</v>
      </c>
      <c r="H21510" t="s">
        <v>10215</v>
      </c>
      <c r="I21510" s="2">
        <v>1</v>
      </c>
      <c r="J21510" s="2">
        <v>0</v>
      </c>
      <c r="K21510" s="2">
        <v>0</v>
      </c>
      <c r="L21510" t="s">
        <v>120</v>
      </c>
      <c r="M21510" t="s">
        <v>83</v>
      </c>
      <c r="N21510" t="s">
        <v>84</v>
      </c>
      <c r="O21510" t="s">
        <v>85</v>
      </c>
      <c r="P21510" t="s">
        <v>86</v>
      </c>
      <c r="Q21510">
        <v>30</v>
      </c>
      <c r="R21510">
        <v>30</v>
      </c>
      <c r="S21510">
        <v>31</v>
      </c>
      <c r="T21510">
        <v>31</v>
      </c>
      <c r="U21510">
        <v>31</v>
      </c>
      <c r="V21510">
        <v>31</v>
      </c>
      <c r="W21510">
        <v>32</v>
      </c>
      <c r="X21510">
        <v>32</v>
      </c>
      <c r="Y21510">
        <v>32</v>
      </c>
      <c r="Z21510">
        <v>32</v>
      </c>
      <c r="AA21510">
        <v>32</v>
      </c>
      <c r="AB21510">
        <v>33</v>
      </c>
      <c r="AC21510">
        <v>33</v>
      </c>
      <c r="AD21510">
        <v>33</v>
      </c>
      <c r="AE21510">
        <v>33</v>
      </c>
      <c r="AF21510">
        <v>33</v>
      </c>
      <c r="AG21510">
        <v>33</v>
      </c>
      <c r="AH21510">
        <v>34</v>
      </c>
      <c r="AI21510">
        <v>34</v>
      </c>
      <c r="AJ21510">
        <v>34</v>
      </c>
      <c r="AK21510">
        <v>34</v>
      </c>
      <c r="AL21510">
        <v>34</v>
      </c>
      <c r="AM21510">
        <v>34</v>
      </c>
      <c r="AN21510">
        <v>34</v>
      </c>
      <c r="AO21510">
        <v>34</v>
      </c>
      <c r="AP21510">
        <v>33</v>
      </c>
      <c r="AQ21510">
        <v>33</v>
      </c>
    </row>
    <row r="21511" spans="1:43">
      <c r="A21511" t="s">
        <v>13331</v>
      </c>
      <c r="B21511" t="s">
        <v>13332</v>
      </c>
      <c r="C21511" t="s">
        <v>13333</v>
      </c>
      <c r="D21511" t="s">
        <v>13334</v>
      </c>
      <c r="E21511" t="s">
        <v>13293</v>
      </c>
      <c r="F21511" t="s">
        <v>13294</v>
      </c>
      <c r="G21511" t="s">
        <v>10214</v>
      </c>
      <c r="H21511" t="s">
        <v>10215</v>
      </c>
      <c r="I21511" s="2">
        <v>1</v>
      </c>
      <c r="J21511" s="2">
        <v>0</v>
      </c>
      <c r="K21511" s="2">
        <v>0</v>
      </c>
      <c r="L21511" t="s">
        <v>120</v>
      </c>
      <c r="M21511" t="s">
        <v>87</v>
      </c>
      <c r="N21511" t="s">
        <v>88</v>
      </c>
      <c r="O21511" t="s">
        <v>85</v>
      </c>
      <c r="P21511" t="s">
        <v>86</v>
      </c>
      <c r="Q21511">
        <v>30</v>
      </c>
      <c r="R21511">
        <v>30</v>
      </c>
      <c r="S21511">
        <v>30</v>
      </c>
      <c r="T21511">
        <v>30</v>
      </c>
      <c r="U21511">
        <v>30</v>
      </c>
      <c r="V21511">
        <v>30</v>
      </c>
      <c r="W21511">
        <v>30</v>
      </c>
      <c r="X21511">
        <v>30</v>
      </c>
      <c r="Y21511">
        <v>30</v>
      </c>
      <c r="Z21511">
        <v>30</v>
      </c>
      <c r="AA21511">
        <v>29</v>
      </c>
      <c r="AB21511">
        <v>29</v>
      </c>
      <c r="AC21511">
        <v>29</v>
      </c>
      <c r="AD21511">
        <v>29</v>
      </c>
      <c r="AE21511">
        <v>29</v>
      </c>
      <c r="AF21511">
        <v>29</v>
      </c>
      <c r="AG21511">
        <v>29</v>
      </c>
      <c r="AH21511">
        <v>29</v>
      </c>
      <c r="AI21511">
        <v>29</v>
      </c>
      <c r="AJ21511">
        <v>29</v>
      </c>
      <c r="AK21511">
        <v>29</v>
      </c>
      <c r="AL21511">
        <v>29</v>
      </c>
      <c r="AM21511">
        <v>29</v>
      </c>
      <c r="AN21511">
        <v>29</v>
      </c>
      <c r="AO21511">
        <v>29</v>
      </c>
      <c r="AP21511">
        <v>29</v>
      </c>
      <c r="AQ21511">
        <v>29</v>
      </c>
    </row>
    <row r="21512" spans="1:43">
      <c r="A21512" t="s">
        <v>13331</v>
      </c>
      <c r="B21512" t="s">
        <v>13332</v>
      </c>
      <c r="C21512" t="s">
        <v>13333</v>
      </c>
      <c r="D21512" t="s">
        <v>13334</v>
      </c>
      <c r="E21512" t="s">
        <v>13293</v>
      </c>
      <c r="F21512" t="s">
        <v>13294</v>
      </c>
      <c r="G21512" t="s">
        <v>10214</v>
      </c>
      <c r="H21512" t="s">
        <v>10215</v>
      </c>
      <c r="I21512" s="2">
        <v>1</v>
      </c>
      <c r="J21512" s="2">
        <v>0</v>
      </c>
      <c r="K21512" s="2">
        <v>0</v>
      </c>
      <c r="L21512" t="s">
        <v>120</v>
      </c>
      <c r="M21512" t="s">
        <v>89</v>
      </c>
      <c r="N21512" t="s">
        <v>90</v>
      </c>
      <c r="O21512" t="s">
        <v>85</v>
      </c>
      <c r="P21512" t="s">
        <v>86</v>
      </c>
      <c r="Q21512">
        <v>30</v>
      </c>
      <c r="R21512">
        <v>31</v>
      </c>
      <c r="S21512">
        <v>31</v>
      </c>
      <c r="T21512">
        <v>32</v>
      </c>
      <c r="U21512">
        <v>32</v>
      </c>
      <c r="V21512">
        <v>33</v>
      </c>
      <c r="W21512">
        <v>33</v>
      </c>
      <c r="X21512">
        <v>33</v>
      </c>
      <c r="Y21512">
        <v>34</v>
      </c>
      <c r="Z21512">
        <v>34</v>
      </c>
      <c r="AA21512">
        <v>34</v>
      </c>
      <c r="AB21512">
        <v>35</v>
      </c>
      <c r="AC21512">
        <v>35</v>
      </c>
      <c r="AD21512">
        <v>35</v>
      </c>
      <c r="AE21512">
        <v>36</v>
      </c>
      <c r="AF21512">
        <v>35</v>
      </c>
      <c r="AG21512">
        <v>35</v>
      </c>
      <c r="AH21512">
        <v>35</v>
      </c>
      <c r="AI21512">
        <v>35</v>
      </c>
      <c r="AJ21512">
        <v>35</v>
      </c>
      <c r="AK21512">
        <v>35</v>
      </c>
      <c r="AL21512">
        <v>34</v>
      </c>
      <c r="AM21512">
        <v>34</v>
      </c>
      <c r="AN21512">
        <v>34</v>
      </c>
      <c r="AO21512">
        <v>34</v>
      </c>
      <c r="AP21512">
        <v>34</v>
      </c>
      <c r="AQ21512">
        <v>34</v>
      </c>
    </row>
    <row r="21513" spans="1:43">
      <c r="A21513" t="s">
        <v>13331</v>
      </c>
      <c r="B21513" t="s">
        <v>13332</v>
      </c>
      <c r="C21513" t="s">
        <v>13333</v>
      </c>
      <c r="D21513" t="s">
        <v>13334</v>
      </c>
      <c r="E21513" t="s">
        <v>13293</v>
      </c>
      <c r="F21513" t="s">
        <v>13294</v>
      </c>
      <c r="G21513" t="s">
        <v>10214</v>
      </c>
      <c r="H21513" t="s">
        <v>10215</v>
      </c>
      <c r="I21513" s="2">
        <v>1</v>
      </c>
      <c r="J21513" s="2">
        <v>0</v>
      </c>
      <c r="K21513" s="2">
        <v>0</v>
      </c>
      <c r="L21513" t="s">
        <v>120</v>
      </c>
      <c r="M21513" t="s">
        <v>83</v>
      </c>
      <c r="N21513" t="s">
        <v>91</v>
      </c>
      <c r="O21513" t="s">
        <v>85</v>
      </c>
      <c r="P21513" t="s">
        <v>86</v>
      </c>
      <c r="Q21513">
        <v>30</v>
      </c>
      <c r="R21513">
        <v>30</v>
      </c>
      <c r="S21513">
        <v>31</v>
      </c>
      <c r="T21513">
        <v>31</v>
      </c>
      <c r="U21513">
        <v>31</v>
      </c>
      <c r="V21513">
        <v>31</v>
      </c>
      <c r="W21513">
        <v>32</v>
      </c>
      <c r="X21513">
        <v>32</v>
      </c>
      <c r="Y21513">
        <v>32</v>
      </c>
      <c r="Z21513">
        <v>32</v>
      </c>
      <c r="AA21513">
        <v>32</v>
      </c>
      <c r="AB21513">
        <v>33</v>
      </c>
      <c r="AC21513">
        <v>33</v>
      </c>
      <c r="AD21513">
        <v>33</v>
      </c>
      <c r="AE21513">
        <v>33</v>
      </c>
      <c r="AF21513">
        <v>33</v>
      </c>
      <c r="AG21513">
        <v>33</v>
      </c>
      <c r="AH21513">
        <v>34</v>
      </c>
      <c r="AI21513">
        <v>34</v>
      </c>
      <c r="AJ21513">
        <v>34</v>
      </c>
      <c r="AK21513">
        <v>34</v>
      </c>
      <c r="AL21513">
        <v>34</v>
      </c>
      <c r="AM21513">
        <v>34</v>
      </c>
      <c r="AN21513">
        <v>34</v>
      </c>
      <c r="AO21513">
        <v>34</v>
      </c>
      <c r="AP21513">
        <v>33</v>
      </c>
      <c r="AQ21513">
        <v>33</v>
      </c>
    </row>
    <row r="21514" spans="1:43">
      <c r="A21514" t="s">
        <v>13335</v>
      </c>
      <c r="B21514" t="s">
        <v>13336</v>
      </c>
      <c r="C21514" t="s">
        <v>13333</v>
      </c>
      <c r="D21514" t="s">
        <v>13334</v>
      </c>
      <c r="E21514" t="s">
        <v>13293</v>
      </c>
      <c r="F21514" t="s">
        <v>13294</v>
      </c>
      <c r="G21514" t="s">
        <v>10214</v>
      </c>
      <c r="H21514" t="s">
        <v>10215</v>
      </c>
      <c r="I21514" s="2">
        <v>1</v>
      </c>
      <c r="J21514" s="2">
        <v>0</v>
      </c>
      <c r="K21514" s="2">
        <v>0</v>
      </c>
      <c r="L21514" t="s">
        <v>120</v>
      </c>
      <c r="M21514" t="s">
        <v>83</v>
      </c>
      <c r="N21514" t="s">
        <v>84</v>
      </c>
      <c r="O21514" t="s">
        <v>85</v>
      </c>
      <c r="P21514" t="s">
        <v>86</v>
      </c>
      <c r="Q21514">
        <v>32</v>
      </c>
      <c r="R21514">
        <v>32</v>
      </c>
      <c r="S21514">
        <v>32</v>
      </c>
      <c r="T21514">
        <v>32</v>
      </c>
      <c r="U21514">
        <v>33</v>
      </c>
      <c r="V21514">
        <v>33</v>
      </c>
      <c r="W21514">
        <v>33</v>
      </c>
      <c r="X21514">
        <v>33</v>
      </c>
      <c r="Y21514">
        <v>34</v>
      </c>
      <c r="Z21514">
        <v>34</v>
      </c>
      <c r="AA21514">
        <v>34</v>
      </c>
      <c r="AB21514">
        <v>34</v>
      </c>
      <c r="AC21514">
        <v>34</v>
      </c>
      <c r="AD21514">
        <v>35</v>
      </c>
      <c r="AE21514">
        <v>35</v>
      </c>
      <c r="AF21514">
        <v>35</v>
      </c>
      <c r="AG21514">
        <v>35</v>
      </c>
      <c r="AH21514">
        <v>35</v>
      </c>
      <c r="AI21514">
        <v>35</v>
      </c>
      <c r="AJ21514">
        <v>36</v>
      </c>
      <c r="AK21514">
        <v>36</v>
      </c>
      <c r="AL21514">
        <v>36</v>
      </c>
      <c r="AM21514">
        <v>36</v>
      </c>
      <c r="AN21514">
        <v>35</v>
      </c>
      <c r="AO21514">
        <v>35</v>
      </c>
      <c r="AP21514">
        <v>35</v>
      </c>
      <c r="AQ21514">
        <v>35</v>
      </c>
    </row>
    <row r="21515" spans="1:43">
      <c r="A21515" t="s">
        <v>13335</v>
      </c>
      <c r="B21515" t="s">
        <v>13336</v>
      </c>
      <c r="C21515" t="s">
        <v>13333</v>
      </c>
      <c r="D21515" t="s">
        <v>13334</v>
      </c>
      <c r="E21515" t="s">
        <v>13293</v>
      </c>
      <c r="F21515" t="s">
        <v>13294</v>
      </c>
      <c r="G21515" t="s">
        <v>10214</v>
      </c>
      <c r="H21515" t="s">
        <v>10215</v>
      </c>
      <c r="I21515" s="2">
        <v>1</v>
      </c>
      <c r="J21515" s="2">
        <v>0</v>
      </c>
      <c r="K21515" s="2">
        <v>0</v>
      </c>
      <c r="L21515" t="s">
        <v>120</v>
      </c>
      <c r="M21515" t="s">
        <v>87</v>
      </c>
      <c r="N21515" t="s">
        <v>88</v>
      </c>
      <c r="O21515" t="s">
        <v>85</v>
      </c>
      <c r="P21515" t="s">
        <v>86</v>
      </c>
      <c r="Q21515">
        <v>32</v>
      </c>
      <c r="R21515">
        <v>32</v>
      </c>
      <c r="S21515">
        <v>32</v>
      </c>
      <c r="T21515">
        <v>32</v>
      </c>
      <c r="U21515">
        <v>32</v>
      </c>
      <c r="V21515">
        <v>32</v>
      </c>
      <c r="W21515">
        <v>32</v>
      </c>
      <c r="X21515">
        <v>32</v>
      </c>
      <c r="Y21515">
        <v>32</v>
      </c>
      <c r="Z21515">
        <v>32</v>
      </c>
      <c r="AA21515">
        <v>32</v>
      </c>
      <c r="AB21515">
        <v>32</v>
      </c>
      <c r="AC21515">
        <v>32</v>
      </c>
      <c r="AD21515">
        <v>32</v>
      </c>
      <c r="AE21515">
        <v>32</v>
      </c>
      <c r="AF21515">
        <v>32</v>
      </c>
      <c r="AG21515">
        <v>32</v>
      </c>
      <c r="AH21515">
        <v>32</v>
      </c>
      <c r="AI21515">
        <v>32</v>
      </c>
      <c r="AJ21515">
        <v>32</v>
      </c>
      <c r="AK21515">
        <v>32</v>
      </c>
      <c r="AL21515">
        <v>31</v>
      </c>
      <c r="AM21515">
        <v>31</v>
      </c>
      <c r="AN21515">
        <v>31</v>
      </c>
      <c r="AO21515">
        <v>31</v>
      </c>
      <c r="AP21515">
        <v>31</v>
      </c>
      <c r="AQ21515">
        <v>31</v>
      </c>
    </row>
    <row r="21516" spans="1:43">
      <c r="A21516" t="s">
        <v>13335</v>
      </c>
      <c r="B21516" t="s">
        <v>13336</v>
      </c>
      <c r="C21516" t="s">
        <v>13333</v>
      </c>
      <c r="D21516" t="s">
        <v>13334</v>
      </c>
      <c r="E21516" t="s">
        <v>13293</v>
      </c>
      <c r="F21516" t="s">
        <v>13294</v>
      </c>
      <c r="G21516" t="s">
        <v>10214</v>
      </c>
      <c r="H21516" t="s">
        <v>10215</v>
      </c>
      <c r="I21516" s="2">
        <v>1</v>
      </c>
      <c r="J21516" s="2">
        <v>0</v>
      </c>
      <c r="K21516" s="2">
        <v>0</v>
      </c>
      <c r="L21516" t="s">
        <v>120</v>
      </c>
      <c r="M21516" t="s">
        <v>89</v>
      </c>
      <c r="N21516" t="s">
        <v>90</v>
      </c>
      <c r="O21516" t="s">
        <v>85</v>
      </c>
      <c r="P21516" t="s">
        <v>86</v>
      </c>
      <c r="Q21516">
        <v>32</v>
      </c>
      <c r="R21516">
        <v>33</v>
      </c>
      <c r="S21516">
        <v>33</v>
      </c>
      <c r="T21516">
        <v>34</v>
      </c>
      <c r="U21516">
        <v>34</v>
      </c>
      <c r="V21516">
        <v>34</v>
      </c>
      <c r="W21516">
        <v>35</v>
      </c>
      <c r="X21516">
        <v>35</v>
      </c>
      <c r="Y21516">
        <v>36</v>
      </c>
      <c r="Z21516">
        <v>36</v>
      </c>
      <c r="AA21516">
        <v>36</v>
      </c>
      <c r="AB21516">
        <v>37</v>
      </c>
      <c r="AC21516">
        <v>37</v>
      </c>
      <c r="AD21516">
        <v>37</v>
      </c>
      <c r="AE21516">
        <v>37</v>
      </c>
      <c r="AF21516">
        <v>37</v>
      </c>
      <c r="AG21516">
        <v>37</v>
      </c>
      <c r="AH21516">
        <v>37</v>
      </c>
      <c r="AI21516">
        <v>37</v>
      </c>
      <c r="AJ21516">
        <v>36</v>
      </c>
      <c r="AK21516">
        <v>36</v>
      </c>
      <c r="AL21516">
        <v>36</v>
      </c>
      <c r="AM21516">
        <v>36</v>
      </c>
      <c r="AN21516">
        <v>36</v>
      </c>
      <c r="AO21516">
        <v>36</v>
      </c>
      <c r="AP21516">
        <v>35</v>
      </c>
      <c r="AQ21516">
        <v>35</v>
      </c>
    </row>
    <row r="21517" spans="1:43">
      <c r="A21517" t="s">
        <v>13335</v>
      </c>
      <c r="B21517" t="s">
        <v>13336</v>
      </c>
      <c r="C21517" t="s">
        <v>13333</v>
      </c>
      <c r="D21517" t="s">
        <v>13334</v>
      </c>
      <c r="E21517" t="s">
        <v>13293</v>
      </c>
      <c r="F21517" t="s">
        <v>13294</v>
      </c>
      <c r="G21517" t="s">
        <v>10214</v>
      </c>
      <c r="H21517" t="s">
        <v>10215</v>
      </c>
      <c r="I21517" s="2">
        <v>1</v>
      </c>
      <c r="J21517" s="2">
        <v>0</v>
      </c>
      <c r="K21517" s="2">
        <v>0</v>
      </c>
      <c r="L21517" t="s">
        <v>120</v>
      </c>
      <c r="M21517" t="s">
        <v>83</v>
      </c>
      <c r="N21517" t="s">
        <v>91</v>
      </c>
      <c r="O21517" t="s">
        <v>85</v>
      </c>
      <c r="P21517" t="s">
        <v>86</v>
      </c>
      <c r="Q21517">
        <v>32</v>
      </c>
      <c r="R21517">
        <v>32</v>
      </c>
      <c r="S21517">
        <v>32</v>
      </c>
      <c r="T21517">
        <v>32</v>
      </c>
      <c r="U21517">
        <v>33</v>
      </c>
      <c r="V21517">
        <v>33</v>
      </c>
      <c r="W21517">
        <v>33</v>
      </c>
      <c r="X21517">
        <v>33</v>
      </c>
      <c r="Y21517">
        <v>34</v>
      </c>
      <c r="Z21517">
        <v>34</v>
      </c>
      <c r="AA21517">
        <v>34</v>
      </c>
      <c r="AB21517">
        <v>34</v>
      </c>
      <c r="AC21517">
        <v>34</v>
      </c>
      <c r="AD21517">
        <v>35</v>
      </c>
      <c r="AE21517">
        <v>35</v>
      </c>
      <c r="AF21517">
        <v>35</v>
      </c>
      <c r="AG21517">
        <v>35</v>
      </c>
      <c r="AH21517">
        <v>35</v>
      </c>
      <c r="AI21517">
        <v>35</v>
      </c>
      <c r="AJ21517">
        <v>36</v>
      </c>
      <c r="AK21517">
        <v>36</v>
      </c>
      <c r="AL21517">
        <v>36</v>
      </c>
      <c r="AM21517">
        <v>36</v>
      </c>
      <c r="AN21517">
        <v>35</v>
      </c>
      <c r="AO21517">
        <v>35</v>
      </c>
      <c r="AP21517">
        <v>35</v>
      </c>
      <c r="AQ21517">
        <v>35</v>
      </c>
    </row>
    <row r="21518" spans="1:43">
      <c r="A21518" t="s">
        <v>13337</v>
      </c>
      <c r="B21518" t="s">
        <v>13338</v>
      </c>
      <c r="C21518" t="s">
        <v>13339</v>
      </c>
      <c r="D21518" t="s">
        <v>13340</v>
      </c>
      <c r="E21518" t="s">
        <v>13293</v>
      </c>
      <c r="F21518" t="s">
        <v>13294</v>
      </c>
      <c r="G21518" t="s">
        <v>10214</v>
      </c>
      <c r="H21518" t="s">
        <v>10215</v>
      </c>
      <c r="I21518" s="2">
        <v>1</v>
      </c>
      <c r="J21518" s="2">
        <v>0</v>
      </c>
      <c r="K21518" s="2">
        <v>0</v>
      </c>
      <c r="L21518" t="s">
        <v>120</v>
      </c>
      <c r="M21518" t="s">
        <v>83</v>
      </c>
      <c r="N21518" t="s">
        <v>84</v>
      </c>
      <c r="O21518" t="s">
        <v>85</v>
      </c>
      <c r="P21518" t="s">
        <v>86</v>
      </c>
      <c r="Q21518">
        <v>10</v>
      </c>
      <c r="R21518">
        <v>10</v>
      </c>
      <c r="S21518">
        <v>10</v>
      </c>
      <c r="T21518">
        <v>10</v>
      </c>
      <c r="U21518">
        <v>10</v>
      </c>
      <c r="V21518">
        <v>10</v>
      </c>
      <c r="W21518">
        <v>10</v>
      </c>
      <c r="X21518">
        <v>10</v>
      </c>
      <c r="Y21518">
        <v>11</v>
      </c>
      <c r="Z21518">
        <v>11</v>
      </c>
      <c r="AA21518">
        <v>11</v>
      </c>
      <c r="AB21518">
        <v>11</v>
      </c>
      <c r="AC21518">
        <v>11</v>
      </c>
      <c r="AD21518">
        <v>11</v>
      </c>
      <c r="AE21518">
        <v>11</v>
      </c>
      <c r="AF21518">
        <v>11</v>
      </c>
      <c r="AG21518">
        <v>11</v>
      </c>
      <c r="AH21518">
        <v>11</v>
      </c>
      <c r="AI21518">
        <v>11</v>
      </c>
      <c r="AJ21518">
        <v>11</v>
      </c>
      <c r="AK21518">
        <v>11</v>
      </c>
      <c r="AL21518">
        <v>11</v>
      </c>
      <c r="AM21518">
        <v>11</v>
      </c>
      <c r="AN21518">
        <v>11</v>
      </c>
      <c r="AO21518">
        <v>11</v>
      </c>
      <c r="AP21518">
        <v>11</v>
      </c>
      <c r="AQ21518">
        <v>11</v>
      </c>
    </row>
    <row r="21519" spans="1:43">
      <c r="A21519" t="s">
        <v>13337</v>
      </c>
      <c r="B21519" t="s">
        <v>13338</v>
      </c>
      <c r="C21519" t="s">
        <v>13339</v>
      </c>
      <c r="D21519" t="s">
        <v>13340</v>
      </c>
      <c r="E21519" t="s">
        <v>13293</v>
      </c>
      <c r="F21519" t="s">
        <v>13294</v>
      </c>
      <c r="G21519" t="s">
        <v>10214</v>
      </c>
      <c r="H21519" t="s">
        <v>10215</v>
      </c>
      <c r="I21519" s="2">
        <v>1</v>
      </c>
      <c r="J21519" s="2">
        <v>0</v>
      </c>
      <c r="K21519" s="2">
        <v>0</v>
      </c>
      <c r="L21519" t="s">
        <v>120</v>
      </c>
      <c r="M21519" t="s">
        <v>87</v>
      </c>
      <c r="N21519" t="s">
        <v>88</v>
      </c>
      <c r="O21519" t="s">
        <v>85</v>
      </c>
      <c r="P21519" t="s">
        <v>86</v>
      </c>
      <c r="Q21519">
        <v>10</v>
      </c>
      <c r="R21519">
        <v>10</v>
      </c>
      <c r="S21519">
        <v>10</v>
      </c>
      <c r="T21519">
        <v>10</v>
      </c>
      <c r="U21519">
        <v>10</v>
      </c>
      <c r="V21519">
        <v>10</v>
      </c>
      <c r="W21519">
        <v>10</v>
      </c>
      <c r="X21519">
        <v>10</v>
      </c>
      <c r="Y21519">
        <v>10</v>
      </c>
      <c r="Z21519">
        <v>10</v>
      </c>
      <c r="AA21519">
        <v>10</v>
      </c>
      <c r="AB21519">
        <v>10</v>
      </c>
      <c r="AC21519">
        <v>10</v>
      </c>
      <c r="AD21519">
        <v>10</v>
      </c>
      <c r="AE21519">
        <v>10</v>
      </c>
      <c r="AF21519">
        <v>10</v>
      </c>
      <c r="AG21519">
        <v>10</v>
      </c>
      <c r="AH21519">
        <v>10</v>
      </c>
      <c r="AI21519">
        <v>10</v>
      </c>
      <c r="AJ21519">
        <v>10</v>
      </c>
      <c r="AK21519">
        <v>10</v>
      </c>
      <c r="AL21519">
        <v>10</v>
      </c>
      <c r="AM21519">
        <v>10</v>
      </c>
      <c r="AN21519">
        <v>10</v>
      </c>
      <c r="AO21519">
        <v>10</v>
      </c>
      <c r="AP21519">
        <v>10</v>
      </c>
      <c r="AQ21519">
        <v>10</v>
      </c>
    </row>
    <row r="21520" spans="1:43">
      <c r="A21520" t="s">
        <v>13337</v>
      </c>
      <c r="B21520" t="s">
        <v>13338</v>
      </c>
      <c r="C21520" t="s">
        <v>13339</v>
      </c>
      <c r="D21520" t="s">
        <v>13340</v>
      </c>
      <c r="E21520" t="s">
        <v>13293</v>
      </c>
      <c r="F21520" t="s">
        <v>13294</v>
      </c>
      <c r="G21520" t="s">
        <v>10214</v>
      </c>
      <c r="H21520" t="s">
        <v>10215</v>
      </c>
      <c r="I21520" s="2">
        <v>1</v>
      </c>
      <c r="J21520" s="2">
        <v>0</v>
      </c>
      <c r="K21520" s="2">
        <v>0</v>
      </c>
      <c r="L21520" t="s">
        <v>120</v>
      </c>
      <c r="M21520" t="s">
        <v>89</v>
      </c>
      <c r="N21520" t="s">
        <v>90</v>
      </c>
      <c r="O21520" t="s">
        <v>85</v>
      </c>
      <c r="P21520" t="s">
        <v>86</v>
      </c>
      <c r="Q21520">
        <v>10</v>
      </c>
      <c r="R21520">
        <v>10</v>
      </c>
      <c r="S21520">
        <v>10</v>
      </c>
      <c r="T21520">
        <v>10</v>
      </c>
      <c r="U21520">
        <v>11</v>
      </c>
      <c r="V21520">
        <v>11</v>
      </c>
      <c r="W21520">
        <v>11</v>
      </c>
      <c r="X21520">
        <v>11</v>
      </c>
      <c r="Y21520">
        <v>11</v>
      </c>
      <c r="Z21520">
        <v>11</v>
      </c>
      <c r="AA21520">
        <v>11</v>
      </c>
      <c r="AB21520">
        <v>11</v>
      </c>
      <c r="AC21520">
        <v>12</v>
      </c>
      <c r="AD21520">
        <v>12</v>
      </c>
      <c r="AE21520">
        <v>12</v>
      </c>
      <c r="AF21520">
        <v>12</v>
      </c>
      <c r="AG21520">
        <v>12</v>
      </c>
      <c r="AH21520">
        <v>12</v>
      </c>
      <c r="AI21520">
        <v>12</v>
      </c>
      <c r="AJ21520">
        <v>11</v>
      </c>
      <c r="AK21520">
        <v>11</v>
      </c>
      <c r="AL21520">
        <v>11</v>
      </c>
      <c r="AM21520">
        <v>11</v>
      </c>
      <c r="AN21520">
        <v>11</v>
      </c>
      <c r="AO21520">
        <v>11</v>
      </c>
      <c r="AP21520">
        <v>11</v>
      </c>
      <c r="AQ21520">
        <v>11</v>
      </c>
    </row>
    <row r="21521" spans="1:43">
      <c r="A21521" t="s">
        <v>13337</v>
      </c>
      <c r="B21521" t="s">
        <v>13338</v>
      </c>
      <c r="C21521" t="s">
        <v>13339</v>
      </c>
      <c r="D21521" t="s">
        <v>13340</v>
      </c>
      <c r="E21521" t="s">
        <v>13293</v>
      </c>
      <c r="F21521" t="s">
        <v>13294</v>
      </c>
      <c r="G21521" t="s">
        <v>10214</v>
      </c>
      <c r="H21521" t="s">
        <v>10215</v>
      </c>
      <c r="I21521" s="2">
        <v>1</v>
      </c>
      <c r="J21521" s="2">
        <v>0</v>
      </c>
      <c r="K21521" s="2">
        <v>0</v>
      </c>
      <c r="L21521" t="s">
        <v>120</v>
      </c>
      <c r="M21521" t="s">
        <v>83</v>
      </c>
      <c r="N21521" t="s">
        <v>91</v>
      </c>
      <c r="O21521" t="s">
        <v>85</v>
      </c>
      <c r="P21521" t="s">
        <v>86</v>
      </c>
      <c r="Q21521">
        <v>10</v>
      </c>
      <c r="R21521">
        <v>10</v>
      </c>
      <c r="S21521">
        <v>10</v>
      </c>
      <c r="T21521">
        <v>10</v>
      </c>
      <c r="U21521">
        <v>10</v>
      </c>
      <c r="V21521">
        <v>10</v>
      </c>
      <c r="W21521">
        <v>10</v>
      </c>
      <c r="X21521">
        <v>10</v>
      </c>
      <c r="Y21521">
        <v>11</v>
      </c>
      <c r="Z21521">
        <v>11</v>
      </c>
      <c r="AA21521">
        <v>11</v>
      </c>
      <c r="AB21521">
        <v>11</v>
      </c>
      <c r="AC21521">
        <v>11</v>
      </c>
      <c r="AD21521">
        <v>11</v>
      </c>
      <c r="AE21521">
        <v>11</v>
      </c>
      <c r="AF21521">
        <v>11</v>
      </c>
      <c r="AG21521">
        <v>11</v>
      </c>
      <c r="AH21521">
        <v>11</v>
      </c>
      <c r="AI21521">
        <v>11</v>
      </c>
      <c r="AJ21521">
        <v>11</v>
      </c>
      <c r="AK21521">
        <v>11</v>
      </c>
      <c r="AL21521">
        <v>11</v>
      </c>
      <c r="AM21521">
        <v>11</v>
      </c>
      <c r="AN21521">
        <v>11</v>
      </c>
      <c r="AO21521">
        <v>11</v>
      </c>
      <c r="AP21521">
        <v>11</v>
      </c>
      <c r="AQ21521">
        <v>11</v>
      </c>
    </row>
    <row r="21522" spans="1:43">
      <c r="A21522" t="s">
        <v>13341</v>
      </c>
      <c r="B21522" t="s">
        <v>13342</v>
      </c>
      <c r="C21522" t="s">
        <v>13339</v>
      </c>
      <c r="D21522" t="s">
        <v>13340</v>
      </c>
      <c r="E21522" t="s">
        <v>13293</v>
      </c>
      <c r="F21522" t="s">
        <v>13294</v>
      </c>
      <c r="G21522" t="s">
        <v>10214</v>
      </c>
      <c r="H21522" t="s">
        <v>10215</v>
      </c>
      <c r="I21522" s="2">
        <v>1</v>
      </c>
      <c r="J21522" s="2">
        <v>0</v>
      </c>
      <c r="K21522" s="2">
        <v>0</v>
      </c>
      <c r="L21522" t="s">
        <v>120</v>
      </c>
      <c r="M21522" t="s">
        <v>83</v>
      </c>
      <c r="N21522" t="s">
        <v>84</v>
      </c>
      <c r="O21522" t="s">
        <v>85</v>
      </c>
      <c r="P21522" t="s">
        <v>86</v>
      </c>
      <c r="Q21522">
        <v>34</v>
      </c>
      <c r="R21522">
        <v>34</v>
      </c>
      <c r="S21522">
        <v>34</v>
      </c>
      <c r="T21522">
        <v>35</v>
      </c>
      <c r="U21522">
        <v>35</v>
      </c>
      <c r="V21522">
        <v>35</v>
      </c>
      <c r="W21522">
        <v>36</v>
      </c>
      <c r="X21522">
        <v>36</v>
      </c>
      <c r="Y21522">
        <v>36</v>
      </c>
      <c r="Z21522">
        <v>37</v>
      </c>
      <c r="AA21522">
        <v>37</v>
      </c>
      <c r="AB21522">
        <v>37</v>
      </c>
      <c r="AC21522">
        <v>37</v>
      </c>
      <c r="AD21522">
        <v>37</v>
      </c>
      <c r="AE21522">
        <v>38</v>
      </c>
      <c r="AF21522">
        <v>38</v>
      </c>
      <c r="AG21522">
        <v>38</v>
      </c>
      <c r="AH21522">
        <v>38</v>
      </c>
      <c r="AI21522">
        <v>39</v>
      </c>
      <c r="AJ21522">
        <v>39</v>
      </c>
      <c r="AK21522">
        <v>39</v>
      </c>
      <c r="AL21522">
        <v>39</v>
      </c>
      <c r="AM21522">
        <v>39</v>
      </c>
      <c r="AN21522">
        <v>39</v>
      </c>
      <c r="AO21522">
        <v>38</v>
      </c>
      <c r="AP21522">
        <v>38</v>
      </c>
      <c r="AQ21522">
        <v>38</v>
      </c>
    </row>
    <row r="21523" spans="1:43">
      <c r="A21523" t="s">
        <v>13341</v>
      </c>
      <c r="B21523" t="s">
        <v>13342</v>
      </c>
      <c r="C21523" t="s">
        <v>13339</v>
      </c>
      <c r="D21523" t="s">
        <v>13340</v>
      </c>
      <c r="E21523" t="s">
        <v>13293</v>
      </c>
      <c r="F21523" t="s">
        <v>13294</v>
      </c>
      <c r="G21523" t="s">
        <v>10214</v>
      </c>
      <c r="H21523" t="s">
        <v>10215</v>
      </c>
      <c r="I21523" s="2">
        <v>1</v>
      </c>
      <c r="J21523" s="2">
        <v>0</v>
      </c>
      <c r="K21523" s="2">
        <v>0</v>
      </c>
      <c r="L21523" t="s">
        <v>120</v>
      </c>
      <c r="M21523" t="s">
        <v>87</v>
      </c>
      <c r="N21523" t="s">
        <v>88</v>
      </c>
      <c r="O21523" t="s">
        <v>85</v>
      </c>
      <c r="P21523" t="s">
        <v>86</v>
      </c>
      <c r="Q21523">
        <v>34</v>
      </c>
      <c r="R21523">
        <v>34</v>
      </c>
      <c r="S21523">
        <v>34</v>
      </c>
      <c r="T21523">
        <v>34</v>
      </c>
      <c r="U21523">
        <v>34</v>
      </c>
      <c r="V21523">
        <v>34</v>
      </c>
      <c r="W21523">
        <v>34</v>
      </c>
      <c r="X21523">
        <v>34</v>
      </c>
      <c r="Y21523">
        <v>34</v>
      </c>
      <c r="Z21523">
        <v>34</v>
      </c>
      <c r="AA21523">
        <v>34</v>
      </c>
      <c r="AB21523">
        <v>34</v>
      </c>
      <c r="AC21523">
        <v>34</v>
      </c>
      <c r="AD21523">
        <v>34</v>
      </c>
      <c r="AE21523">
        <v>34</v>
      </c>
      <c r="AF21523">
        <v>34</v>
      </c>
      <c r="AG21523">
        <v>34</v>
      </c>
      <c r="AH21523">
        <v>34</v>
      </c>
      <c r="AI21523">
        <v>34</v>
      </c>
      <c r="AJ21523">
        <v>34</v>
      </c>
      <c r="AK21523">
        <v>34</v>
      </c>
      <c r="AL21523">
        <v>34</v>
      </c>
      <c r="AM21523">
        <v>34</v>
      </c>
      <c r="AN21523">
        <v>34</v>
      </c>
      <c r="AO21523">
        <v>33</v>
      </c>
      <c r="AP21523">
        <v>33</v>
      </c>
      <c r="AQ21523">
        <v>33</v>
      </c>
    </row>
    <row r="21524" spans="1:43">
      <c r="A21524" t="s">
        <v>13341</v>
      </c>
      <c r="B21524" t="s">
        <v>13342</v>
      </c>
      <c r="C21524" t="s">
        <v>13339</v>
      </c>
      <c r="D21524" t="s">
        <v>13340</v>
      </c>
      <c r="E21524" t="s">
        <v>13293</v>
      </c>
      <c r="F21524" t="s">
        <v>13294</v>
      </c>
      <c r="G21524" t="s">
        <v>10214</v>
      </c>
      <c r="H21524" t="s">
        <v>10215</v>
      </c>
      <c r="I21524" s="2">
        <v>1</v>
      </c>
      <c r="J21524" s="2">
        <v>0</v>
      </c>
      <c r="K21524" s="2">
        <v>0</v>
      </c>
      <c r="L21524" t="s">
        <v>120</v>
      </c>
      <c r="M21524" t="s">
        <v>89</v>
      </c>
      <c r="N21524" t="s">
        <v>90</v>
      </c>
      <c r="O21524" t="s">
        <v>85</v>
      </c>
      <c r="P21524" t="s">
        <v>86</v>
      </c>
      <c r="Q21524">
        <v>34</v>
      </c>
      <c r="R21524">
        <v>35</v>
      </c>
      <c r="S21524">
        <v>35</v>
      </c>
      <c r="T21524">
        <v>36</v>
      </c>
      <c r="U21524">
        <v>36</v>
      </c>
      <c r="V21524">
        <v>37</v>
      </c>
      <c r="W21524">
        <v>37</v>
      </c>
      <c r="X21524">
        <v>38</v>
      </c>
      <c r="Y21524">
        <v>38</v>
      </c>
      <c r="Z21524">
        <v>39</v>
      </c>
      <c r="AA21524">
        <v>39</v>
      </c>
      <c r="AB21524">
        <v>39</v>
      </c>
      <c r="AC21524">
        <v>40</v>
      </c>
      <c r="AD21524">
        <v>40</v>
      </c>
      <c r="AE21524">
        <v>40</v>
      </c>
      <c r="AF21524">
        <v>40</v>
      </c>
      <c r="AG21524">
        <v>40</v>
      </c>
      <c r="AH21524">
        <v>40</v>
      </c>
      <c r="AI21524">
        <v>40</v>
      </c>
      <c r="AJ21524">
        <v>40</v>
      </c>
      <c r="AK21524">
        <v>39</v>
      </c>
      <c r="AL21524">
        <v>39</v>
      </c>
      <c r="AM21524">
        <v>39</v>
      </c>
      <c r="AN21524">
        <v>39</v>
      </c>
      <c r="AO21524">
        <v>39</v>
      </c>
      <c r="AP21524">
        <v>39</v>
      </c>
      <c r="AQ21524">
        <v>39</v>
      </c>
    </row>
    <row r="21525" spans="1:43">
      <c r="A21525" t="s">
        <v>13341</v>
      </c>
      <c r="B21525" t="s">
        <v>13342</v>
      </c>
      <c r="C21525" t="s">
        <v>13339</v>
      </c>
      <c r="D21525" t="s">
        <v>13340</v>
      </c>
      <c r="E21525" t="s">
        <v>13293</v>
      </c>
      <c r="F21525" t="s">
        <v>13294</v>
      </c>
      <c r="G21525" t="s">
        <v>10214</v>
      </c>
      <c r="H21525" t="s">
        <v>10215</v>
      </c>
      <c r="I21525" s="2">
        <v>1</v>
      </c>
      <c r="J21525" s="2">
        <v>0</v>
      </c>
      <c r="K21525" s="2">
        <v>0</v>
      </c>
      <c r="L21525" t="s">
        <v>120</v>
      </c>
      <c r="M21525" t="s">
        <v>83</v>
      </c>
      <c r="N21525" t="s">
        <v>91</v>
      </c>
      <c r="O21525" t="s">
        <v>85</v>
      </c>
      <c r="P21525" t="s">
        <v>86</v>
      </c>
      <c r="Q21525">
        <v>34</v>
      </c>
      <c r="R21525">
        <v>34</v>
      </c>
      <c r="S21525">
        <v>34</v>
      </c>
      <c r="T21525">
        <v>35</v>
      </c>
      <c r="U21525">
        <v>35</v>
      </c>
      <c r="V21525">
        <v>35</v>
      </c>
      <c r="W21525">
        <v>36</v>
      </c>
      <c r="X21525">
        <v>36</v>
      </c>
      <c r="Y21525">
        <v>36</v>
      </c>
      <c r="Z21525">
        <v>37</v>
      </c>
      <c r="AA21525">
        <v>37</v>
      </c>
      <c r="AB21525">
        <v>37</v>
      </c>
      <c r="AC21525">
        <v>37</v>
      </c>
      <c r="AD21525">
        <v>37</v>
      </c>
      <c r="AE21525">
        <v>38</v>
      </c>
      <c r="AF21525">
        <v>38</v>
      </c>
      <c r="AG21525">
        <v>38</v>
      </c>
      <c r="AH21525">
        <v>38</v>
      </c>
      <c r="AI21525">
        <v>39</v>
      </c>
      <c r="AJ21525">
        <v>39</v>
      </c>
      <c r="AK21525">
        <v>39</v>
      </c>
      <c r="AL21525">
        <v>39</v>
      </c>
      <c r="AM21525">
        <v>39</v>
      </c>
      <c r="AN21525">
        <v>39</v>
      </c>
      <c r="AO21525">
        <v>38</v>
      </c>
      <c r="AP21525">
        <v>38</v>
      </c>
      <c r="AQ21525">
        <v>38</v>
      </c>
    </row>
    <row r="21526" spans="1:43">
      <c r="A21526" t="s">
        <v>13343</v>
      </c>
      <c r="B21526" t="s">
        <v>13344</v>
      </c>
      <c r="C21526" t="s">
        <v>13339</v>
      </c>
      <c r="D21526" t="s">
        <v>13340</v>
      </c>
      <c r="E21526" t="s">
        <v>13293</v>
      </c>
      <c r="F21526" t="s">
        <v>13294</v>
      </c>
      <c r="G21526" t="s">
        <v>10214</v>
      </c>
      <c r="H21526" t="s">
        <v>10215</v>
      </c>
      <c r="I21526" s="2">
        <v>1</v>
      </c>
      <c r="J21526" s="2">
        <v>0</v>
      </c>
      <c r="K21526" s="2">
        <v>0</v>
      </c>
      <c r="L21526" t="s">
        <v>120</v>
      </c>
      <c r="M21526" t="s">
        <v>83</v>
      </c>
      <c r="N21526" t="s">
        <v>84</v>
      </c>
      <c r="O21526" t="s">
        <v>85</v>
      </c>
      <c r="P21526" t="s">
        <v>86</v>
      </c>
      <c r="Q21526">
        <v>14</v>
      </c>
      <c r="R21526">
        <v>14</v>
      </c>
      <c r="S21526">
        <v>15</v>
      </c>
      <c r="T21526">
        <v>15</v>
      </c>
      <c r="U21526">
        <v>15</v>
      </c>
      <c r="V21526">
        <v>15</v>
      </c>
      <c r="W21526">
        <v>15</v>
      </c>
      <c r="X21526">
        <v>15</v>
      </c>
      <c r="Y21526">
        <v>15</v>
      </c>
      <c r="Z21526">
        <v>15</v>
      </c>
      <c r="AA21526">
        <v>16</v>
      </c>
      <c r="AB21526">
        <v>16</v>
      </c>
      <c r="AC21526">
        <v>16</v>
      </c>
      <c r="AD21526">
        <v>16</v>
      </c>
      <c r="AE21526">
        <v>16</v>
      </c>
      <c r="AF21526">
        <v>16</v>
      </c>
      <c r="AG21526">
        <v>16</v>
      </c>
      <c r="AH21526">
        <v>16</v>
      </c>
      <c r="AI21526">
        <v>16</v>
      </c>
      <c r="AJ21526">
        <v>16</v>
      </c>
      <c r="AK21526">
        <v>16</v>
      </c>
      <c r="AL21526">
        <v>16</v>
      </c>
      <c r="AM21526">
        <v>16</v>
      </c>
      <c r="AN21526">
        <v>16</v>
      </c>
      <c r="AO21526">
        <v>16</v>
      </c>
      <c r="AP21526">
        <v>16</v>
      </c>
      <c r="AQ21526">
        <v>16</v>
      </c>
    </row>
    <row r="21527" spans="1:43">
      <c r="A21527" t="s">
        <v>13343</v>
      </c>
      <c r="B21527" t="s">
        <v>13344</v>
      </c>
      <c r="C21527" t="s">
        <v>13339</v>
      </c>
      <c r="D21527" t="s">
        <v>13340</v>
      </c>
      <c r="E21527" t="s">
        <v>13293</v>
      </c>
      <c r="F21527" t="s">
        <v>13294</v>
      </c>
      <c r="G21527" t="s">
        <v>10214</v>
      </c>
      <c r="H21527" t="s">
        <v>10215</v>
      </c>
      <c r="I21527" s="2">
        <v>1</v>
      </c>
      <c r="J21527" s="2">
        <v>0</v>
      </c>
      <c r="K21527" s="2">
        <v>0</v>
      </c>
      <c r="L21527" t="s">
        <v>120</v>
      </c>
      <c r="M21527" t="s">
        <v>87</v>
      </c>
      <c r="N21527" t="s">
        <v>88</v>
      </c>
      <c r="O21527" t="s">
        <v>85</v>
      </c>
      <c r="P21527" t="s">
        <v>86</v>
      </c>
      <c r="Q21527">
        <v>14</v>
      </c>
      <c r="R21527">
        <v>14</v>
      </c>
      <c r="S21527">
        <v>14</v>
      </c>
      <c r="T21527">
        <v>14</v>
      </c>
      <c r="U21527">
        <v>14</v>
      </c>
      <c r="V21527">
        <v>14</v>
      </c>
      <c r="W21527">
        <v>14</v>
      </c>
      <c r="X21527">
        <v>14</v>
      </c>
      <c r="Y21527">
        <v>14</v>
      </c>
      <c r="Z21527">
        <v>14</v>
      </c>
      <c r="AA21527">
        <v>14</v>
      </c>
      <c r="AB21527">
        <v>14</v>
      </c>
      <c r="AC21527">
        <v>14</v>
      </c>
      <c r="AD21527">
        <v>14</v>
      </c>
      <c r="AE21527">
        <v>14</v>
      </c>
      <c r="AF21527">
        <v>14</v>
      </c>
      <c r="AG21527">
        <v>14</v>
      </c>
      <c r="AH21527">
        <v>14</v>
      </c>
      <c r="AI21527">
        <v>14</v>
      </c>
      <c r="AJ21527">
        <v>14</v>
      </c>
      <c r="AK21527">
        <v>14</v>
      </c>
      <c r="AL21527">
        <v>14</v>
      </c>
      <c r="AM21527">
        <v>14</v>
      </c>
      <c r="AN21527">
        <v>14</v>
      </c>
      <c r="AO21527">
        <v>14</v>
      </c>
      <c r="AP21527">
        <v>14</v>
      </c>
      <c r="AQ21527">
        <v>14</v>
      </c>
    </row>
    <row r="21528" spans="1:43">
      <c r="A21528" t="s">
        <v>13343</v>
      </c>
      <c r="B21528" t="s">
        <v>13344</v>
      </c>
      <c r="C21528" t="s">
        <v>13339</v>
      </c>
      <c r="D21528" t="s">
        <v>13340</v>
      </c>
      <c r="E21528" t="s">
        <v>13293</v>
      </c>
      <c r="F21528" t="s">
        <v>13294</v>
      </c>
      <c r="G21528" t="s">
        <v>10214</v>
      </c>
      <c r="H21528" t="s">
        <v>10215</v>
      </c>
      <c r="I21528" s="2">
        <v>1</v>
      </c>
      <c r="J21528" s="2">
        <v>0</v>
      </c>
      <c r="K21528" s="2">
        <v>0</v>
      </c>
      <c r="L21528" t="s">
        <v>120</v>
      </c>
      <c r="M21528" t="s">
        <v>89</v>
      </c>
      <c r="N21528" t="s">
        <v>90</v>
      </c>
      <c r="O21528" t="s">
        <v>85</v>
      </c>
      <c r="P21528" t="s">
        <v>86</v>
      </c>
      <c r="Q21528">
        <v>14</v>
      </c>
      <c r="R21528">
        <v>15</v>
      </c>
      <c r="S21528">
        <v>15</v>
      </c>
      <c r="T21528">
        <v>15</v>
      </c>
      <c r="U21528">
        <v>15</v>
      </c>
      <c r="V21528">
        <v>16</v>
      </c>
      <c r="W21528">
        <v>16</v>
      </c>
      <c r="X21528">
        <v>16</v>
      </c>
      <c r="Y21528">
        <v>16</v>
      </c>
      <c r="Z21528">
        <v>16</v>
      </c>
      <c r="AA21528">
        <v>17</v>
      </c>
      <c r="AB21528">
        <v>17</v>
      </c>
      <c r="AC21528">
        <v>17</v>
      </c>
      <c r="AD21528">
        <v>17</v>
      </c>
      <c r="AE21528">
        <v>17</v>
      </c>
      <c r="AF21528">
        <v>17</v>
      </c>
      <c r="AG21528">
        <v>17</v>
      </c>
      <c r="AH21528">
        <v>17</v>
      </c>
      <c r="AI21528">
        <v>17</v>
      </c>
      <c r="AJ21528">
        <v>17</v>
      </c>
      <c r="AK21528">
        <v>17</v>
      </c>
      <c r="AL21528">
        <v>17</v>
      </c>
      <c r="AM21528">
        <v>17</v>
      </c>
      <c r="AN21528">
        <v>17</v>
      </c>
      <c r="AO21528">
        <v>16</v>
      </c>
      <c r="AP21528">
        <v>16</v>
      </c>
      <c r="AQ21528">
        <v>16</v>
      </c>
    </row>
    <row r="21529" spans="1:43">
      <c r="A21529" t="s">
        <v>13343</v>
      </c>
      <c r="B21529" t="s">
        <v>13344</v>
      </c>
      <c r="C21529" t="s">
        <v>13339</v>
      </c>
      <c r="D21529" t="s">
        <v>13340</v>
      </c>
      <c r="E21529" t="s">
        <v>13293</v>
      </c>
      <c r="F21529" t="s">
        <v>13294</v>
      </c>
      <c r="G21529" t="s">
        <v>10214</v>
      </c>
      <c r="H21529" t="s">
        <v>10215</v>
      </c>
      <c r="I21529" s="2">
        <v>1</v>
      </c>
      <c r="J21529" s="2">
        <v>0</v>
      </c>
      <c r="K21529" s="2">
        <v>0</v>
      </c>
      <c r="L21529" t="s">
        <v>120</v>
      </c>
      <c r="M21529" t="s">
        <v>83</v>
      </c>
      <c r="N21529" t="s">
        <v>91</v>
      </c>
      <c r="O21529" t="s">
        <v>85</v>
      </c>
      <c r="P21529" t="s">
        <v>86</v>
      </c>
      <c r="Q21529">
        <v>14</v>
      </c>
      <c r="R21529">
        <v>14</v>
      </c>
      <c r="S21529">
        <v>15</v>
      </c>
      <c r="T21529">
        <v>15</v>
      </c>
      <c r="U21529">
        <v>15</v>
      </c>
      <c r="V21529">
        <v>15</v>
      </c>
      <c r="W21529">
        <v>15</v>
      </c>
      <c r="X21529">
        <v>15</v>
      </c>
      <c r="Y21529">
        <v>15</v>
      </c>
      <c r="Z21529">
        <v>15</v>
      </c>
      <c r="AA21529">
        <v>16</v>
      </c>
      <c r="AB21529">
        <v>16</v>
      </c>
      <c r="AC21529">
        <v>16</v>
      </c>
      <c r="AD21529">
        <v>16</v>
      </c>
      <c r="AE21529">
        <v>16</v>
      </c>
      <c r="AF21529">
        <v>16</v>
      </c>
      <c r="AG21529">
        <v>16</v>
      </c>
      <c r="AH21529">
        <v>16</v>
      </c>
      <c r="AI21529">
        <v>16</v>
      </c>
      <c r="AJ21529">
        <v>16</v>
      </c>
      <c r="AK21529">
        <v>16</v>
      </c>
      <c r="AL21529">
        <v>16</v>
      </c>
      <c r="AM21529">
        <v>16</v>
      </c>
      <c r="AN21529">
        <v>16</v>
      </c>
      <c r="AO21529">
        <v>16</v>
      </c>
      <c r="AP21529">
        <v>16</v>
      </c>
      <c r="AQ21529">
        <v>16</v>
      </c>
    </row>
    <row r="21530" spans="1:43">
      <c r="A21530" t="s">
        <v>13345</v>
      </c>
      <c r="B21530" t="s">
        <v>13346</v>
      </c>
      <c r="C21530" t="s">
        <v>13347</v>
      </c>
      <c r="D21530" t="s">
        <v>13348</v>
      </c>
      <c r="E21530" t="s">
        <v>13293</v>
      </c>
      <c r="F21530" t="s">
        <v>13294</v>
      </c>
      <c r="G21530" t="s">
        <v>10214</v>
      </c>
      <c r="H21530" t="s">
        <v>10215</v>
      </c>
      <c r="I21530" s="2">
        <v>1</v>
      </c>
      <c r="J21530" s="2">
        <v>0</v>
      </c>
      <c r="K21530" s="2">
        <v>0</v>
      </c>
      <c r="L21530" t="s">
        <v>120</v>
      </c>
      <c r="M21530" t="s">
        <v>83</v>
      </c>
      <c r="N21530" t="s">
        <v>84</v>
      </c>
      <c r="O21530" t="s">
        <v>85</v>
      </c>
      <c r="P21530" t="s">
        <v>86</v>
      </c>
      <c r="Q21530">
        <v>61</v>
      </c>
      <c r="R21530">
        <v>61</v>
      </c>
      <c r="S21530">
        <v>62</v>
      </c>
      <c r="T21530">
        <v>62</v>
      </c>
      <c r="U21530">
        <v>63</v>
      </c>
      <c r="V21530">
        <v>63</v>
      </c>
      <c r="W21530">
        <v>64</v>
      </c>
      <c r="X21530">
        <v>64</v>
      </c>
      <c r="Y21530">
        <v>64</v>
      </c>
      <c r="Z21530">
        <v>65</v>
      </c>
      <c r="AA21530">
        <v>65</v>
      </c>
      <c r="AB21530">
        <v>66</v>
      </c>
      <c r="AC21530">
        <v>66</v>
      </c>
      <c r="AD21530">
        <v>66</v>
      </c>
      <c r="AE21530">
        <v>67</v>
      </c>
      <c r="AF21530">
        <v>67</v>
      </c>
      <c r="AG21530">
        <v>67</v>
      </c>
      <c r="AH21530">
        <v>68</v>
      </c>
      <c r="AI21530">
        <v>68</v>
      </c>
      <c r="AJ21530">
        <v>68</v>
      </c>
      <c r="AK21530">
        <v>69</v>
      </c>
      <c r="AL21530">
        <v>68</v>
      </c>
      <c r="AM21530">
        <v>68</v>
      </c>
      <c r="AN21530">
        <v>68</v>
      </c>
      <c r="AO21530">
        <v>67</v>
      </c>
      <c r="AP21530">
        <v>67</v>
      </c>
      <c r="AQ21530">
        <v>67</v>
      </c>
    </row>
    <row r="21531" spans="1:43">
      <c r="A21531" t="s">
        <v>13345</v>
      </c>
      <c r="B21531" t="s">
        <v>13346</v>
      </c>
      <c r="C21531" t="s">
        <v>13347</v>
      </c>
      <c r="D21531" t="s">
        <v>13348</v>
      </c>
      <c r="E21531" t="s">
        <v>13293</v>
      </c>
      <c r="F21531" t="s">
        <v>13294</v>
      </c>
      <c r="G21531" t="s">
        <v>10214</v>
      </c>
      <c r="H21531" t="s">
        <v>10215</v>
      </c>
      <c r="I21531" s="2">
        <v>1</v>
      </c>
      <c r="J21531" s="2">
        <v>0</v>
      </c>
      <c r="K21531" s="2">
        <v>0</v>
      </c>
      <c r="L21531" t="s">
        <v>120</v>
      </c>
      <c r="M21531" t="s">
        <v>87</v>
      </c>
      <c r="N21531" t="s">
        <v>88</v>
      </c>
      <c r="O21531" t="s">
        <v>85</v>
      </c>
      <c r="P21531" t="s">
        <v>86</v>
      </c>
      <c r="Q21531">
        <v>61</v>
      </c>
      <c r="R21531">
        <v>61</v>
      </c>
      <c r="S21531">
        <v>61</v>
      </c>
      <c r="T21531">
        <v>61</v>
      </c>
      <c r="U21531">
        <v>61</v>
      </c>
      <c r="V21531">
        <v>61</v>
      </c>
      <c r="W21531">
        <v>61</v>
      </c>
      <c r="X21531">
        <v>61</v>
      </c>
      <c r="Y21531">
        <v>61</v>
      </c>
      <c r="Z21531">
        <v>60</v>
      </c>
      <c r="AA21531">
        <v>60</v>
      </c>
      <c r="AB21531">
        <v>60</v>
      </c>
      <c r="AC21531">
        <v>60</v>
      </c>
      <c r="AD21531">
        <v>60</v>
      </c>
      <c r="AE21531">
        <v>60</v>
      </c>
      <c r="AF21531">
        <v>60</v>
      </c>
      <c r="AG21531">
        <v>60</v>
      </c>
      <c r="AH21531">
        <v>60</v>
      </c>
      <c r="AI21531">
        <v>60</v>
      </c>
      <c r="AJ21531">
        <v>60</v>
      </c>
      <c r="AK21531">
        <v>60</v>
      </c>
      <c r="AL21531">
        <v>59</v>
      </c>
      <c r="AM21531">
        <v>59</v>
      </c>
      <c r="AN21531">
        <v>59</v>
      </c>
      <c r="AO21531">
        <v>59</v>
      </c>
      <c r="AP21531">
        <v>59</v>
      </c>
      <c r="AQ21531">
        <v>59</v>
      </c>
    </row>
    <row r="21532" spans="1:43">
      <c r="A21532" t="s">
        <v>13345</v>
      </c>
      <c r="B21532" t="s">
        <v>13346</v>
      </c>
      <c r="C21532" t="s">
        <v>13347</v>
      </c>
      <c r="D21532" t="s">
        <v>13348</v>
      </c>
      <c r="E21532" t="s">
        <v>13293</v>
      </c>
      <c r="F21532" t="s">
        <v>13294</v>
      </c>
      <c r="G21532" t="s">
        <v>10214</v>
      </c>
      <c r="H21532" t="s">
        <v>10215</v>
      </c>
      <c r="I21532" s="2">
        <v>1</v>
      </c>
      <c r="J21532" s="2">
        <v>0</v>
      </c>
      <c r="K21532" s="2">
        <v>0</v>
      </c>
      <c r="L21532" t="s">
        <v>120</v>
      </c>
      <c r="M21532" t="s">
        <v>89</v>
      </c>
      <c r="N21532" t="s">
        <v>90</v>
      </c>
      <c r="O21532" t="s">
        <v>85</v>
      </c>
      <c r="P21532" t="s">
        <v>86</v>
      </c>
      <c r="Q21532">
        <v>61</v>
      </c>
      <c r="R21532">
        <v>62</v>
      </c>
      <c r="S21532">
        <v>63</v>
      </c>
      <c r="T21532">
        <v>64</v>
      </c>
      <c r="U21532">
        <v>65</v>
      </c>
      <c r="V21532">
        <v>66</v>
      </c>
      <c r="W21532">
        <v>67</v>
      </c>
      <c r="X21532">
        <v>67</v>
      </c>
      <c r="Y21532">
        <v>68</v>
      </c>
      <c r="Z21532">
        <v>69</v>
      </c>
      <c r="AA21532">
        <v>69</v>
      </c>
      <c r="AB21532">
        <v>70</v>
      </c>
      <c r="AC21532">
        <v>71</v>
      </c>
      <c r="AD21532">
        <v>71</v>
      </c>
      <c r="AE21532">
        <v>71</v>
      </c>
      <c r="AF21532">
        <v>71</v>
      </c>
      <c r="AG21532">
        <v>71</v>
      </c>
      <c r="AH21532">
        <v>70</v>
      </c>
      <c r="AI21532">
        <v>70</v>
      </c>
      <c r="AJ21532">
        <v>70</v>
      </c>
      <c r="AK21532">
        <v>69</v>
      </c>
      <c r="AL21532">
        <v>69</v>
      </c>
      <c r="AM21532">
        <v>69</v>
      </c>
      <c r="AN21532">
        <v>68</v>
      </c>
      <c r="AO21532">
        <v>68</v>
      </c>
      <c r="AP21532">
        <v>68</v>
      </c>
      <c r="AQ21532">
        <v>67</v>
      </c>
    </row>
    <row r="21533" spans="1:43">
      <c r="A21533" t="s">
        <v>13345</v>
      </c>
      <c r="B21533" t="s">
        <v>13346</v>
      </c>
      <c r="C21533" t="s">
        <v>13347</v>
      </c>
      <c r="D21533" t="s">
        <v>13348</v>
      </c>
      <c r="E21533" t="s">
        <v>13293</v>
      </c>
      <c r="F21533" t="s">
        <v>13294</v>
      </c>
      <c r="G21533" t="s">
        <v>10214</v>
      </c>
      <c r="H21533" t="s">
        <v>10215</v>
      </c>
      <c r="I21533" s="2">
        <v>1</v>
      </c>
      <c r="J21533" s="2">
        <v>0</v>
      </c>
      <c r="K21533" s="2">
        <v>0</v>
      </c>
      <c r="L21533" t="s">
        <v>120</v>
      </c>
      <c r="M21533" t="s">
        <v>83</v>
      </c>
      <c r="N21533" t="s">
        <v>91</v>
      </c>
      <c r="O21533" t="s">
        <v>85</v>
      </c>
      <c r="P21533" t="s">
        <v>86</v>
      </c>
      <c r="Q21533">
        <v>61</v>
      </c>
      <c r="R21533">
        <v>61</v>
      </c>
      <c r="S21533">
        <v>62</v>
      </c>
      <c r="T21533">
        <v>62</v>
      </c>
      <c r="U21533">
        <v>63</v>
      </c>
      <c r="V21533">
        <v>63</v>
      </c>
      <c r="W21533">
        <v>64</v>
      </c>
      <c r="X21533">
        <v>64</v>
      </c>
      <c r="Y21533">
        <v>64</v>
      </c>
      <c r="Z21533">
        <v>65</v>
      </c>
      <c r="AA21533">
        <v>65</v>
      </c>
      <c r="AB21533">
        <v>66</v>
      </c>
      <c r="AC21533">
        <v>66</v>
      </c>
      <c r="AD21533">
        <v>66</v>
      </c>
      <c r="AE21533">
        <v>67</v>
      </c>
      <c r="AF21533">
        <v>67</v>
      </c>
      <c r="AG21533">
        <v>67</v>
      </c>
      <c r="AH21533">
        <v>68</v>
      </c>
      <c r="AI21533">
        <v>68</v>
      </c>
      <c r="AJ21533">
        <v>68</v>
      </c>
      <c r="AK21533">
        <v>69</v>
      </c>
      <c r="AL21533">
        <v>68</v>
      </c>
      <c r="AM21533">
        <v>68</v>
      </c>
      <c r="AN21533">
        <v>68</v>
      </c>
      <c r="AO21533">
        <v>67</v>
      </c>
      <c r="AP21533">
        <v>67</v>
      </c>
      <c r="AQ21533">
        <v>67</v>
      </c>
    </row>
    <row r="21534" spans="1:43">
      <c r="A21534" t="s">
        <v>13349</v>
      </c>
      <c r="B21534" t="s">
        <v>13350</v>
      </c>
      <c r="C21534" t="s">
        <v>13297</v>
      </c>
      <c r="D21534" t="s">
        <v>13298</v>
      </c>
      <c r="E21534" t="s">
        <v>13293</v>
      </c>
      <c r="F21534" t="s">
        <v>13294</v>
      </c>
      <c r="G21534" t="s">
        <v>10214</v>
      </c>
      <c r="H21534" t="s">
        <v>10215</v>
      </c>
      <c r="I21534" s="2">
        <v>1</v>
      </c>
      <c r="J21534" s="2">
        <v>0</v>
      </c>
      <c r="K21534" s="2">
        <v>0</v>
      </c>
      <c r="L21534" t="s">
        <v>120</v>
      </c>
      <c r="M21534" t="s">
        <v>83</v>
      </c>
      <c r="N21534" t="s">
        <v>84</v>
      </c>
      <c r="O21534" t="s">
        <v>85</v>
      </c>
      <c r="P21534" t="s">
        <v>86</v>
      </c>
      <c r="Q21534">
        <v>24</v>
      </c>
      <c r="R21534">
        <v>25</v>
      </c>
      <c r="S21534">
        <v>25</v>
      </c>
      <c r="T21534">
        <v>25</v>
      </c>
      <c r="U21534">
        <v>25</v>
      </c>
      <c r="V21534">
        <v>25</v>
      </c>
      <c r="W21534">
        <v>26</v>
      </c>
      <c r="X21534">
        <v>26</v>
      </c>
      <c r="Y21534">
        <v>26</v>
      </c>
      <c r="Z21534">
        <v>26</v>
      </c>
      <c r="AA21534">
        <v>26</v>
      </c>
      <c r="AB21534">
        <v>26</v>
      </c>
      <c r="AC21534">
        <v>27</v>
      </c>
      <c r="AD21534">
        <v>27</v>
      </c>
      <c r="AE21534">
        <v>27</v>
      </c>
      <c r="AF21534">
        <v>27</v>
      </c>
      <c r="AG21534">
        <v>27</v>
      </c>
      <c r="AH21534">
        <v>27</v>
      </c>
      <c r="AI21534">
        <v>27</v>
      </c>
      <c r="AJ21534">
        <v>28</v>
      </c>
      <c r="AK21534">
        <v>28</v>
      </c>
      <c r="AL21534">
        <v>28</v>
      </c>
      <c r="AM21534">
        <v>27</v>
      </c>
      <c r="AN21534">
        <v>27</v>
      </c>
      <c r="AO21534">
        <v>27</v>
      </c>
      <c r="AP21534">
        <v>27</v>
      </c>
      <c r="AQ21534">
        <v>27</v>
      </c>
    </row>
    <row r="21535" spans="1:43">
      <c r="A21535" t="s">
        <v>13349</v>
      </c>
      <c r="B21535" t="s">
        <v>13350</v>
      </c>
      <c r="C21535" t="s">
        <v>13297</v>
      </c>
      <c r="D21535" t="s">
        <v>13298</v>
      </c>
      <c r="E21535" t="s">
        <v>13293</v>
      </c>
      <c r="F21535" t="s">
        <v>13294</v>
      </c>
      <c r="G21535" t="s">
        <v>10214</v>
      </c>
      <c r="H21535" t="s">
        <v>10215</v>
      </c>
      <c r="I21535" s="2">
        <v>1</v>
      </c>
      <c r="J21535" s="2">
        <v>0</v>
      </c>
      <c r="K21535" s="2">
        <v>0</v>
      </c>
      <c r="L21535" t="s">
        <v>120</v>
      </c>
      <c r="M21535" t="s">
        <v>87</v>
      </c>
      <c r="N21535" t="s">
        <v>88</v>
      </c>
      <c r="O21535" t="s">
        <v>85</v>
      </c>
      <c r="P21535" t="s">
        <v>86</v>
      </c>
      <c r="Q21535">
        <v>24</v>
      </c>
      <c r="R21535">
        <v>24</v>
      </c>
      <c r="S21535">
        <v>24</v>
      </c>
      <c r="T21535">
        <v>24</v>
      </c>
      <c r="U21535">
        <v>24</v>
      </c>
      <c r="V21535">
        <v>24</v>
      </c>
      <c r="W21535">
        <v>24</v>
      </c>
      <c r="X21535">
        <v>24</v>
      </c>
      <c r="Y21535">
        <v>24</v>
      </c>
      <c r="Z21535">
        <v>24</v>
      </c>
      <c r="AA21535">
        <v>24</v>
      </c>
      <c r="AB21535">
        <v>24</v>
      </c>
      <c r="AC21535">
        <v>24</v>
      </c>
      <c r="AD21535">
        <v>24</v>
      </c>
      <c r="AE21535">
        <v>24</v>
      </c>
      <c r="AF21535">
        <v>24</v>
      </c>
      <c r="AG21535">
        <v>24</v>
      </c>
      <c r="AH21535">
        <v>24</v>
      </c>
      <c r="AI21535">
        <v>24</v>
      </c>
      <c r="AJ21535">
        <v>24</v>
      </c>
      <c r="AK21535">
        <v>24</v>
      </c>
      <c r="AL21535">
        <v>24</v>
      </c>
      <c r="AM21535">
        <v>24</v>
      </c>
      <c r="AN21535">
        <v>24</v>
      </c>
      <c r="AO21535">
        <v>24</v>
      </c>
      <c r="AP21535">
        <v>24</v>
      </c>
      <c r="AQ21535">
        <v>24</v>
      </c>
    </row>
    <row r="21536" spans="1:43">
      <c r="A21536" t="s">
        <v>13349</v>
      </c>
      <c r="B21536" t="s">
        <v>13350</v>
      </c>
      <c r="C21536" t="s">
        <v>13297</v>
      </c>
      <c r="D21536" t="s">
        <v>13298</v>
      </c>
      <c r="E21536" t="s">
        <v>13293</v>
      </c>
      <c r="F21536" t="s">
        <v>13294</v>
      </c>
      <c r="G21536" t="s">
        <v>10214</v>
      </c>
      <c r="H21536" t="s">
        <v>10215</v>
      </c>
      <c r="I21536" s="2">
        <v>1</v>
      </c>
      <c r="J21536" s="2">
        <v>0</v>
      </c>
      <c r="K21536" s="2">
        <v>0</v>
      </c>
      <c r="L21536" t="s">
        <v>120</v>
      </c>
      <c r="M21536" t="s">
        <v>89</v>
      </c>
      <c r="N21536" t="s">
        <v>90</v>
      </c>
      <c r="O21536" t="s">
        <v>85</v>
      </c>
      <c r="P21536" t="s">
        <v>86</v>
      </c>
      <c r="Q21536">
        <v>24</v>
      </c>
      <c r="R21536">
        <v>24</v>
      </c>
      <c r="S21536">
        <v>24</v>
      </c>
      <c r="T21536">
        <v>25</v>
      </c>
      <c r="U21536">
        <v>25</v>
      </c>
      <c r="V21536">
        <v>25</v>
      </c>
      <c r="W21536">
        <v>26</v>
      </c>
      <c r="X21536">
        <v>26</v>
      </c>
      <c r="Y21536">
        <v>26</v>
      </c>
      <c r="Z21536">
        <v>27</v>
      </c>
      <c r="AA21536">
        <v>27</v>
      </c>
      <c r="AB21536">
        <v>27</v>
      </c>
      <c r="AC21536">
        <v>27</v>
      </c>
      <c r="AD21536">
        <v>28</v>
      </c>
      <c r="AE21536">
        <v>28</v>
      </c>
      <c r="AF21536">
        <v>28</v>
      </c>
      <c r="AG21536">
        <v>27</v>
      </c>
      <c r="AH21536">
        <v>27</v>
      </c>
      <c r="AI21536">
        <v>27</v>
      </c>
      <c r="AJ21536">
        <v>27</v>
      </c>
      <c r="AK21536">
        <v>27</v>
      </c>
      <c r="AL21536">
        <v>27</v>
      </c>
      <c r="AM21536">
        <v>27</v>
      </c>
      <c r="AN21536">
        <v>27</v>
      </c>
      <c r="AO21536">
        <v>27</v>
      </c>
      <c r="AP21536">
        <v>26</v>
      </c>
      <c r="AQ21536">
        <v>26</v>
      </c>
    </row>
    <row r="21537" spans="1:43">
      <c r="A21537" t="s">
        <v>13349</v>
      </c>
      <c r="B21537" t="s">
        <v>13350</v>
      </c>
      <c r="C21537" t="s">
        <v>13297</v>
      </c>
      <c r="D21537" t="s">
        <v>13298</v>
      </c>
      <c r="E21537" t="s">
        <v>13293</v>
      </c>
      <c r="F21537" t="s">
        <v>13294</v>
      </c>
      <c r="G21537" t="s">
        <v>10214</v>
      </c>
      <c r="H21537" t="s">
        <v>10215</v>
      </c>
      <c r="I21537" s="2">
        <v>1</v>
      </c>
      <c r="J21537" s="2">
        <v>0</v>
      </c>
      <c r="K21537" s="2">
        <v>0</v>
      </c>
      <c r="L21537" t="s">
        <v>120</v>
      </c>
      <c r="M21537" t="s">
        <v>83</v>
      </c>
      <c r="N21537" t="s">
        <v>91</v>
      </c>
      <c r="O21537" t="s">
        <v>85</v>
      </c>
      <c r="P21537" t="s">
        <v>86</v>
      </c>
      <c r="Q21537">
        <v>24</v>
      </c>
      <c r="R21537">
        <v>25</v>
      </c>
      <c r="S21537">
        <v>25</v>
      </c>
      <c r="T21537">
        <v>25</v>
      </c>
      <c r="U21537">
        <v>25</v>
      </c>
      <c r="V21537">
        <v>25</v>
      </c>
      <c r="W21537">
        <v>26</v>
      </c>
      <c r="X21537">
        <v>26</v>
      </c>
      <c r="Y21537">
        <v>26</v>
      </c>
      <c r="Z21537">
        <v>26</v>
      </c>
      <c r="AA21537">
        <v>26</v>
      </c>
      <c r="AB21537">
        <v>26</v>
      </c>
      <c r="AC21537">
        <v>27</v>
      </c>
      <c r="AD21537">
        <v>27</v>
      </c>
      <c r="AE21537">
        <v>27</v>
      </c>
      <c r="AF21537">
        <v>27</v>
      </c>
      <c r="AG21537">
        <v>27</v>
      </c>
      <c r="AH21537">
        <v>27</v>
      </c>
      <c r="AI21537">
        <v>27</v>
      </c>
      <c r="AJ21537">
        <v>28</v>
      </c>
      <c r="AK21537">
        <v>28</v>
      </c>
      <c r="AL21537">
        <v>28</v>
      </c>
      <c r="AM21537">
        <v>27</v>
      </c>
      <c r="AN21537">
        <v>27</v>
      </c>
      <c r="AO21537">
        <v>27</v>
      </c>
      <c r="AP21537">
        <v>27</v>
      </c>
      <c r="AQ21537">
        <v>27</v>
      </c>
    </row>
    <row r="21538" spans="1:43">
      <c r="A21538" t="s">
        <v>13351</v>
      </c>
      <c r="B21538" t="s">
        <v>13352</v>
      </c>
      <c r="C21538" t="s">
        <v>13353</v>
      </c>
      <c r="D21538" t="s">
        <v>13354</v>
      </c>
      <c r="E21538" t="s">
        <v>13293</v>
      </c>
      <c r="F21538" t="s">
        <v>13294</v>
      </c>
      <c r="G21538" t="s">
        <v>10214</v>
      </c>
      <c r="H21538" t="s">
        <v>10215</v>
      </c>
      <c r="I21538" s="2">
        <v>1</v>
      </c>
      <c r="J21538" s="2">
        <v>0</v>
      </c>
      <c r="K21538" s="2">
        <v>0</v>
      </c>
      <c r="L21538" t="s">
        <v>120</v>
      </c>
      <c r="M21538" t="s">
        <v>83</v>
      </c>
      <c r="N21538" t="s">
        <v>84</v>
      </c>
      <c r="O21538" t="s">
        <v>85</v>
      </c>
      <c r="P21538" t="s">
        <v>86</v>
      </c>
      <c r="Q21538">
        <v>23</v>
      </c>
      <c r="R21538">
        <v>23</v>
      </c>
      <c r="S21538">
        <v>24</v>
      </c>
      <c r="T21538">
        <v>24</v>
      </c>
      <c r="U21538">
        <v>24</v>
      </c>
      <c r="V21538">
        <v>24</v>
      </c>
      <c r="W21538">
        <v>25</v>
      </c>
      <c r="X21538">
        <v>25</v>
      </c>
      <c r="Y21538">
        <v>25</v>
      </c>
      <c r="Z21538">
        <v>25</v>
      </c>
      <c r="AA21538">
        <v>25</v>
      </c>
      <c r="AB21538">
        <v>25</v>
      </c>
      <c r="AC21538">
        <v>26</v>
      </c>
      <c r="AD21538">
        <v>26</v>
      </c>
      <c r="AE21538">
        <v>26</v>
      </c>
      <c r="AF21538">
        <v>26</v>
      </c>
      <c r="AG21538">
        <v>26</v>
      </c>
      <c r="AH21538">
        <v>26</v>
      </c>
      <c r="AI21538">
        <v>27</v>
      </c>
      <c r="AJ21538">
        <v>27</v>
      </c>
      <c r="AK21538">
        <v>27</v>
      </c>
      <c r="AL21538">
        <v>27</v>
      </c>
      <c r="AM21538">
        <v>27</v>
      </c>
      <c r="AN21538">
        <v>27</v>
      </c>
      <c r="AO21538">
        <v>27</v>
      </c>
      <c r="AP21538">
        <v>27</v>
      </c>
      <c r="AQ21538">
        <v>27</v>
      </c>
    </row>
    <row r="21539" spans="1:43">
      <c r="A21539" t="s">
        <v>13351</v>
      </c>
      <c r="B21539" t="s">
        <v>13352</v>
      </c>
      <c r="C21539" t="s">
        <v>13353</v>
      </c>
      <c r="D21539" t="s">
        <v>13354</v>
      </c>
      <c r="E21539" t="s">
        <v>13293</v>
      </c>
      <c r="F21539" t="s">
        <v>13294</v>
      </c>
      <c r="G21539" t="s">
        <v>10214</v>
      </c>
      <c r="H21539" t="s">
        <v>10215</v>
      </c>
      <c r="I21539" s="2">
        <v>1</v>
      </c>
      <c r="J21539" s="2">
        <v>0</v>
      </c>
      <c r="K21539" s="2">
        <v>0</v>
      </c>
      <c r="L21539" t="s">
        <v>120</v>
      </c>
      <c r="M21539" t="s">
        <v>87</v>
      </c>
      <c r="N21539" t="s">
        <v>88</v>
      </c>
      <c r="O21539" t="s">
        <v>85</v>
      </c>
      <c r="P21539" t="s">
        <v>86</v>
      </c>
      <c r="Q21539">
        <v>23</v>
      </c>
      <c r="R21539">
        <v>23</v>
      </c>
      <c r="S21539">
        <v>23</v>
      </c>
      <c r="T21539">
        <v>23</v>
      </c>
      <c r="U21539">
        <v>23</v>
      </c>
      <c r="V21539">
        <v>23</v>
      </c>
      <c r="W21539">
        <v>23</v>
      </c>
      <c r="X21539">
        <v>23</v>
      </c>
      <c r="Y21539">
        <v>23</v>
      </c>
      <c r="Z21539">
        <v>23</v>
      </c>
      <c r="AA21539">
        <v>23</v>
      </c>
      <c r="AB21539">
        <v>23</v>
      </c>
      <c r="AC21539">
        <v>23</v>
      </c>
      <c r="AD21539">
        <v>23</v>
      </c>
      <c r="AE21539">
        <v>23</v>
      </c>
      <c r="AF21539">
        <v>23</v>
      </c>
      <c r="AG21539">
        <v>23</v>
      </c>
      <c r="AH21539">
        <v>23</v>
      </c>
      <c r="AI21539">
        <v>23</v>
      </c>
      <c r="AJ21539">
        <v>23</v>
      </c>
      <c r="AK21539">
        <v>23</v>
      </c>
      <c r="AL21539">
        <v>23</v>
      </c>
      <c r="AM21539">
        <v>23</v>
      </c>
      <c r="AN21539">
        <v>23</v>
      </c>
      <c r="AO21539">
        <v>23</v>
      </c>
      <c r="AP21539">
        <v>23</v>
      </c>
      <c r="AQ21539">
        <v>23</v>
      </c>
    </row>
    <row r="21540" spans="1:43">
      <c r="A21540" t="s">
        <v>13351</v>
      </c>
      <c r="B21540" t="s">
        <v>13352</v>
      </c>
      <c r="C21540" t="s">
        <v>13353</v>
      </c>
      <c r="D21540" t="s">
        <v>13354</v>
      </c>
      <c r="E21540" t="s">
        <v>13293</v>
      </c>
      <c r="F21540" t="s">
        <v>13294</v>
      </c>
      <c r="G21540" t="s">
        <v>10214</v>
      </c>
      <c r="H21540" t="s">
        <v>10215</v>
      </c>
      <c r="I21540" s="2">
        <v>1</v>
      </c>
      <c r="J21540" s="2">
        <v>0</v>
      </c>
      <c r="K21540" s="2">
        <v>0</v>
      </c>
      <c r="L21540" t="s">
        <v>120</v>
      </c>
      <c r="M21540" t="s">
        <v>89</v>
      </c>
      <c r="N21540" t="s">
        <v>90</v>
      </c>
      <c r="O21540" t="s">
        <v>85</v>
      </c>
      <c r="P21540" t="s">
        <v>86</v>
      </c>
      <c r="Q21540">
        <v>23</v>
      </c>
      <c r="R21540">
        <v>24</v>
      </c>
      <c r="S21540">
        <v>24</v>
      </c>
      <c r="T21540">
        <v>25</v>
      </c>
      <c r="U21540">
        <v>25</v>
      </c>
      <c r="V21540">
        <v>25</v>
      </c>
      <c r="W21540">
        <v>26</v>
      </c>
      <c r="X21540">
        <v>26</v>
      </c>
      <c r="Y21540">
        <v>26</v>
      </c>
      <c r="Z21540">
        <v>27</v>
      </c>
      <c r="AA21540">
        <v>27</v>
      </c>
      <c r="AB21540">
        <v>27</v>
      </c>
      <c r="AC21540">
        <v>27</v>
      </c>
      <c r="AD21540">
        <v>28</v>
      </c>
      <c r="AE21540">
        <v>28</v>
      </c>
      <c r="AF21540">
        <v>28</v>
      </c>
      <c r="AG21540">
        <v>28</v>
      </c>
      <c r="AH21540">
        <v>28</v>
      </c>
      <c r="AI21540">
        <v>28</v>
      </c>
      <c r="AJ21540">
        <v>28</v>
      </c>
      <c r="AK21540">
        <v>27</v>
      </c>
      <c r="AL21540">
        <v>27</v>
      </c>
      <c r="AM21540">
        <v>27</v>
      </c>
      <c r="AN21540">
        <v>27</v>
      </c>
      <c r="AO21540">
        <v>27</v>
      </c>
      <c r="AP21540">
        <v>27</v>
      </c>
      <c r="AQ21540">
        <v>27</v>
      </c>
    </row>
    <row r="21541" spans="1:43">
      <c r="A21541" t="s">
        <v>13351</v>
      </c>
      <c r="B21541" t="s">
        <v>13352</v>
      </c>
      <c r="C21541" t="s">
        <v>13353</v>
      </c>
      <c r="D21541" t="s">
        <v>13354</v>
      </c>
      <c r="E21541" t="s">
        <v>13293</v>
      </c>
      <c r="F21541" t="s">
        <v>13294</v>
      </c>
      <c r="G21541" t="s">
        <v>10214</v>
      </c>
      <c r="H21541" t="s">
        <v>10215</v>
      </c>
      <c r="I21541" s="2">
        <v>1</v>
      </c>
      <c r="J21541" s="2">
        <v>0</v>
      </c>
      <c r="K21541" s="2">
        <v>0</v>
      </c>
      <c r="L21541" t="s">
        <v>120</v>
      </c>
      <c r="M21541" t="s">
        <v>83</v>
      </c>
      <c r="N21541" t="s">
        <v>91</v>
      </c>
      <c r="O21541" t="s">
        <v>85</v>
      </c>
      <c r="P21541" t="s">
        <v>86</v>
      </c>
      <c r="Q21541">
        <v>23</v>
      </c>
      <c r="R21541">
        <v>23</v>
      </c>
      <c r="S21541">
        <v>24</v>
      </c>
      <c r="T21541">
        <v>24</v>
      </c>
      <c r="U21541">
        <v>24</v>
      </c>
      <c r="V21541">
        <v>24</v>
      </c>
      <c r="W21541">
        <v>25</v>
      </c>
      <c r="X21541">
        <v>25</v>
      </c>
      <c r="Y21541">
        <v>25</v>
      </c>
      <c r="Z21541">
        <v>25</v>
      </c>
      <c r="AA21541">
        <v>25</v>
      </c>
      <c r="AB21541">
        <v>25</v>
      </c>
      <c r="AC21541">
        <v>26</v>
      </c>
      <c r="AD21541">
        <v>26</v>
      </c>
      <c r="AE21541">
        <v>26</v>
      </c>
      <c r="AF21541">
        <v>26</v>
      </c>
      <c r="AG21541">
        <v>26</v>
      </c>
      <c r="AH21541">
        <v>26</v>
      </c>
      <c r="AI21541">
        <v>27</v>
      </c>
      <c r="AJ21541">
        <v>27</v>
      </c>
      <c r="AK21541">
        <v>27</v>
      </c>
      <c r="AL21541">
        <v>27</v>
      </c>
      <c r="AM21541">
        <v>27</v>
      </c>
      <c r="AN21541">
        <v>27</v>
      </c>
      <c r="AO21541">
        <v>27</v>
      </c>
      <c r="AP21541">
        <v>27</v>
      </c>
      <c r="AQ21541">
        <v>27</v>
      </c>
    </row>
    <row r="21542" spans="1:43">
      <c r="A21542" t="s">
        <v>13355</v>
      </c>
      <c r="B21542" t="s">
        <v>13356</v>
      </c>
      <c r="C21542" t="s">
        <v>13357</v>
      </c>
      <c r="D21542" t="s">
        <v>13358</v>
      </c>
      <c r="E21542" t="s">
        <v>13293</v>
      </c>
      <c r="F21542" t="s">
        <v>13294</v>
      </c>
      <c r="G21542" t="s">
        <v>10214</v>
      </c>
      <c r="H21542" t="s">
        <v>10215</v>
      </c>
      <c r="I21542" s="2">
        <v>1</v>
      </c>
      <c r="J21542" s="2">
        <v>0</v>
      </c>
      <c r="K21542" s="2">
        <v>0</v>
      </c>
      <c r="L21542" t="s">
        <v>120</v>
      </c>
      <c r="M21542" t="s">
        <v>83</v>
      </c>
      <c r="N21542" t="s">
        <v>84</v>
      </c>
      <c r="O21542" t="s">
        <v>85</v>
      </c>
      <c r="P21542" t="s">
        <v>86</v>
      </c>
      <c r="Q21542">
        <v>8</v>
      </c>
      <c r="R21542">
        <v>8</v>
      </c>
      <c r="S21542">
        <v>8</v>
      </c>
      <c r="T21542">
        <v>9</v>
      </c>
      <c r="U21542">
        <v>9</v>
      </c>
      <c r="V21542">
        <v>9</v>
      </c>
      <c r="W21542">
        <v>9</v>
      </c>
      <c r="X21542">
        <v>9</v>
      </c>
      <c r="Y21542">
        <v>9</v>
      </c>
      <c r="Z21542">
        <v>9</v>
      </c>
      <c r="AA21542">
        <v>9</v>
      </c>
      <c r="AB21542">
        <v>9</v>
      </c>
      <c r="AC21542">
        <v>9</v>
      </c>
      <c r="AD21542">
        <v>9</v>
      </c>
      <c r="AE21542">
        <v>9</v>
      </c>
      <c r="AF21542">
        <v>9</v>
      </c>
      <c r="AG21542">
        <v>9</v>
      </c>
      <c r="AH21542">
        <v>9</v>
      </c>
      <c r="AI21542">
        <v>9</v>
      </c>
      <c r="AJ21542">
        <v>9</v>
      </c>
      <c r="AK21542">
        <v>9</v>
      </c>
      <c r="AL21542">
        <v>9</v>
      </c>
      <c r="AM21542">
        <v>9</v>
      </c>
      <c r="AN21542">
        <v>9</v>
      </c>
      <c r="AO21542">
        <v>9</v>
      </c>
      <c r="AP21542">
        <v>9</v>
      </c>
      <c r="AQ21542">
        <v>9</v>
      </c>
    </row>
    <row r="21543" spans="1:43">
      <c r="A21543" t="s">
        <v>13355</v>
      </c>
      <c r="B21543" t="s">
        <v>13356</v>
      </c>
      <c r="C21543" t="s">
        <v>13357</v>
      </c>
      <c r="D21543" t="s">
        <v>13358</v>
      </c>
      <c r="E21543" t="s">
        <v>13293</v>
      </c>
      <c r="F21543" t="s">
        <v>13294</v>
      </c>
      <c r="G21543" t="s">
        <v>10214</v>
      </c>
      <c r="H21543" t="s">
        <v>10215</v>
      </c>
      <c r="I21543" s="2">
        <v>1</v>
      </c>
      <c r="J21543" s="2">
        <v>0</v>
      </c>
      <c r="K21543" s="2">
        <v>0</v>
      </c>
      <c r="L21543" t="s">
        <v>120</v>
      </c>
      <c r="M21543" t="s">
        <v>87</v>
      </c>
      <c r="N21543" t="s">
        <v>88</v>
      </c>
      <c r="O21543" t="s">
        <v>85</v>
      </c>
      <c r="P21543" t="s">
        <v>86</v>
      </c>
      <c r="Q21543">
        <v>8</v>
      </c>
      <c r="R21543">
        <v>8</v>
      </c>
      <c r="S21543">
        <v>8</v>
      </c>
      <c r="T21543">
        <v>8</v>
      </c>
      <c r="U21543">
        <v>8</v>
      </c>
      <c r="V21543">
        <v>8</v>
      </c>
      <c r="W21543">
        <v>8</v>
      </c>
      <c r="X21543">
        <v>8</v>
      </c>
      <c r="Y21543">
        <v>8</v>
      </c>
      <c r="Z21543">
        <v>8</v>
      </c>
      <c r="AA21543">
        <v>8</v>
      </c>
      <c r="AB21543">
        <v>8</v>
      </c>
      <c r="AC21543">
        <v>8</v>
      </c>
      <c r="AD21543">
        <v>8</v>
      </c>
      <c r="AE21543">
        <v>8</v>
      </c>
      <c r="AF21543">
        <v>8</v>
      </c>
      <c r="AG21543">
        <v>8</v>
      </c>
      <c r="AH21543">
        <v>8</v>
      </c>
      <c r="AI21543">
        <v>8</v>
      </c>
      <c r="AJ21543">
        <v>8</v>
      </c>
      <c r="AK21543">
        <v>8</v>
      </c>
      <c r="AL21543">
        <v>8</v>
      </c>
      <c r="AM21543">
        <v>8</v>
      </c>
      <c r="AN21543">
        <v>8</v>
      </c>
      <c r="AO21543">
        <v>8</v>
      </c>
      <c r="AP21543">
        <v>8</v>
      </c>
      <c r="AQ21543">
        <v>8</v>
      </c>
    </row>
    <row r="21544" spans="1:43">
      <c r="A21544" t="s">
        <v>13355</v>
      </c>
      <c r="B21544" t="s">
        <v>13356</v>
      </c>
      <c r="C21544" t="s">
        <v>13357</v>
      </c>
      <c r="D21544" t="s">
        <v>13358</v>
      </c>
      <c r="E21544" t="s">
        <v>13293</v>
      </c>
      <c r="F21544" t="s">
        <v>13294</v>
      </c>
      <c r="G21544" t="s">
        <v>10214</v>
      </c>
      <c r="H21544" t="s">
        <v>10215</v>
      </c>
      <c r="I21544" s="2">
        <v>1</v>
      </c>
      <c r="J21544" s="2">
        <v>0</v>
      </c>
      <c r="K21544" s="2">
        <v>0</v>
      </c>
      <c r="L21544" t="s">
        <v>120</v>
      </c>
      <c r="M21544" t="s">
        <v>89</v>
      </c>
      <c r="N21544" t="s">
        <v>90</v>
      </c>
      <c r="O21544" t="s">
        <v>85</v>
      </c>
      <c r="P21544" t="s">
        <v>86</v>
      </c>
      <c r="Q21544">
        <v>8</v>
      </c>
      <c r="R21544">
        <v>9</v>
      </c>
      <c r="S21544">
        <v>9</v>
      </c>
      <c r="T21544">
        <v>9</v>
      </c>
      <c r="U21544">
        <v>9</v>
      </c>
      <c r="V21544">
        <v>9</v>
      </c>
      <c r="W21544">
        <v>9</v>
      </c>
      <c r="X21544">
        <v>9</v>
      </c>
      <c r="Y21544">
        <v>9</v>
      </c>
      <c r="Z21544">
        <v>9</v>
      </c>
      <c r="AA21544">
        <v>9</v>
      </c>
      <c r="AB21544">
        <v>10</v>
      </c>
      <c r="AC21544">
        <v>10</v>
      </c>
      <c r="AD21544">
        <v>10</v>
      </c>
      <c r="AE21544">
        <v>10</v>
      </c>
      <c r="AF21544">
        <v>10</v>
      </c>
      <c r="AG21544">
        <v>10</v>
      </c>
      <c r="AH21544">
        <v>10</v>
      </c>
      <c r="AI21544">
        <v>9</v>
      </c>
      <c r="AJ21544">
        <v>9</v>
      </c>
      <c r="AK21544">
        <v>9</v>
      </c>
      <c r="AL21544">
        <v>9</v>
      </c>
      <c r="AM21544">
        <v>9</v>
      </c>
      <c r="AN21544">
        <v>9</v>
      </c>
      <c r="AO21544">
        <v>9</v>
      </c>
      <c r="AP21544">
        <v>9</v>
      </c>
      <c r="AQ21544">
        <v>9</v>
      </c>
    </row>
    <row r="21545" spans="1:43">
      <c r="A21545" t="s">
        <v>13355</v>
      </c>
      <c r="B21545" t="s">
        <v>13356</v>
      </c>
      <c r="C21545" t="s">
        <v>13357</v>
      </c>
      <c r="D21545" t="s">
        <v>13358</v>
      </c>
      <c r="E21545" t="s">
        <v>13293</v>
      </c>
      <c r="F21545" t="s">
        <v>13294</v>
      </c>
      <c r="G21545" t="s">
        <v>10214</v>
      </c>
      <c r="H21545" t="s">
        <v>10215</v>
      </c>
      <c r="I21545" s="2">
        <v>1</v>
      </c>
      <c r="J21545" s="2">
        <v>0</v>
      </c>
      <c r="K21545" s="2">
        <v>0</v>
      </c>
      <c r="L21545" t="s">
        <v>120</v>
      </c>
      <c r="M21545" t="s">
        <v>83</v>
      </c>
      <c r="N21545" t="s">
        <v>91</v>
      </c>
      <c r="O21545" t="s">
        <v>85</v>
      </c>
      <c r="P21545" t="s">
        <v>86</v>
      </c>
      <c r="Q21545">
        <v>8</v>
      </c>
      <c r="R21545">
        <v>8</v>
      </c>
      <c r="S21545">
        <v>8</v>
      </c>
      <c r="T21545">
        <v>9</v>
      </c>
      <c r="U21545">
        <v>9</v>
      </c>
      <c r="V21545">
        <v>9</v>
      </c>
      <c r="W21545">
        <v>9</v>
      </c>
      <c r="X21545">
        <v>9</v>
      </c>
      <c r="Y21545">
        <v>9</v>
      </c>
      <c r="Z21545">
        <v>9</v>
      </c>
      <c r="AA21545">
        <v>9</v>
      </c>
      <c r="AB21545">
        <v>9</v>
      </c>
      <c r="AC21545">
        <v>9</v>
      </c>
      <c r="AD21545">
        <v>9</v>
      </c>
      <c r="AE21545">
        <v>9</v>
      </c>
      <c r="AF21545">
        <v>9</v>
      </c>
      <c r="AG21545">
        <v>9</v>
      </c>
      <c r="AH21545">
        <v>9</v>
      </c>
      <c r="AI21545">
        <v>9</v>
      </c>
      <c r="AJ21545">
        <v>9</v>
      </c>
      <c r="AK21545">
        <v>9</v>
      </c>
      <c r="AL21545">
        <v>9</v>
      </c>
      <c r="AM21545">
        <v>9</v>
      </c>
      <c r="AN21545">
        <v>9</v>
      </c>
      <c r="AO21545">
        <v>9</v>
      </c>
      <c r="AP21545">
        <v>9</v>
      </c>
      <c r="AQ21545">
        <v>9</v>
      </c>
    </row>
    <row r="21546" spans="1:43">
      <c r="A21546" t="s">
        <v>13359</v>
      </c>
      <c r="B21546" t="s">
        <v>13360</v>
      </c>
      <c r="C21546" t="s">
        <v>13357</v>
      </c>
      <c r="D21546" t="s">
        <v>13358</v>
      </c>
      <c r="E21546" t="s">
        <v>13293</v>
      </c>
      <c r="F21546" t="s">
        <v>13294</v>
      </c>
      <c r="G21546" t="s">
        <v>10214</v>
      </c>
      <c r="H21546" t="s">
        <v>10215</v>
      </c>
      <c r="I21546" s="2">
        <v>1</v>
      </c>
      <c r="J21546" s="2">
        <v>0</v>
      </c>
      <c r="K21546" s="2">
        <v>0</v>
      </c>
      <c r="L21546" t="s">
        <v>120</v>
      </c>
      <c r="M21546" t="s">
        <v>83</v>
      </c>
      <c r="N21546" t="s">
        <v>84</v>
      </c>
      <c r="O21546" t="s">
        <v>85</v>
      </c>
      <c r="P21546" t="s">
        <v>86</v>
      </c>
      <c r="Q21546">
        <v>3</v>
      </c>
      <c r="R21546">
        <v>3</v>
      </c>
      <c r="S21546">
        <v>3</v>
      </c>
      <c r="T21546">
        <v>3</v>
      </c>
      <c r="U21546">
        <v>3</v>
      </c>
      <c r="V21546">
        <v>3</v>
      </c>
      <c r="W21546">
        <v>3</v>
      </c>
      <c r="X21546">
        <v>3</v>
      </c>
      <c r="Y21546">
        <v>3</v>
      </c>
      <c r="Z21546">
        <v>3</v>
      </c>
      <c r="AA21546">
        <v>3</v>
      </c>
      <c r="AB21546">
        <v>3</v>
      </c>
      <c r="AC21546">
        <v>3</v>
      </c>
      <c r="AD21546">
        <v>3</v>
      </c>
      <c r="AE21546">
        <v>3</v>
      </c>
      <c r="AF21546">
        <v>3</v>
      </c>
      <c r="AG21546">
        <v>3</v>
      </c>
      <c r="AH21546">
        <v>3</v>
      </c>
      <c r="AI21546">
        <v>3</v>
      </c>
      <c r="AJ21546">
        <v>3</v>
      </c>
      <c r="AK21546">
        <v>3</v>
      </c>
      <c r="AL21546">
        <v>3</v>
      </c>
      <c r="AM21546">
        <v>3</v>
      </c>
      <c r="AN21546">
        <v>3</v>
      </c>
      <c r="AO21546">
        <v>3</v>
      </c>
      <c r="AP21546">
        <v>3</v>
      </c>
      <c r="AQ21546">
        <v>3</v>
      </c>
    </row>
    <row r="21547" spans="1:43">
      <c r="A21547" t="s">
        <v>13359</v>
      </c>
      <c r="B21547" t="s">
        <v>13360</v>
      </c>
      <c r="C21547" t="s">
        <v>13357</v>
      </c>
      <c r="D21547" t="s">
        <v>13358</v>
      </c>
      <c r="E21547" t="s">
        <v>13293</v>
      </c>
      <c r="F21547" t="s">
        <v>13294</v>
      </c>
      <c r="G21547" t="s">
        <v>10214</v>
      </c>
      <c r="H21547" t="s">
        <v>10215</v>
      </c>
      <c r="I21547" s="2">
        <v>1</v>
      </c>
      <c r="J21547" s="2">
        <v>0</v>
      </c>
      <c r="K21547" s="2">
        <v>0</v>
      </c>
      <c r="L21547" t="s">
        <v>120</v>
      </c>
      <c r="M21547" t="s">
        <v>87</v>
      </c>
      <c r="N21547" t="s">
        <v>88</v>
      </c>
      <c r="O21547" t="s">
        <v>85</v>
      </c>
      <c r="P21547" t="s">
        <v>86</v>
      </c>
      <c r="Q21547">
        <v>3</v>
      </c>
      <c r="R21547">
        <v>3</v>
      </c>
      <c r="S21547">
        <v>2</v>
      </c>
      <c r="T21547">
        <v>2</v>
      </c>
      <c r="U21547">
        <v>2</v>
      </c>
      <c r="V21547">
        <v>2</v>
      </c>
      <c r="W21547">
        <v>2</v>
      </c>
      <c r="X21547">
        <v>2</v>
      </c>
      <c r="Y21547">
        <v>2</v>
      </c>
      <c r="Z21547">
        <v>2</v>
      </c>
      <c r="AA21547">
        <v>2</v>
      </c>
      <c r="AB21547">
        <v>2</v>
      </c>
      <c r="AC21547">
        <v>2</v>
      </c>
      <c r="AD21547">
        <v>2</v>
      </c>
      <c r="AE21547">
        <v>2</v>
      </c>
      <c r="AF21547">
        <v>2</v>
      </c>
      <c r="AG21547">
        <v>2</v>
      </c>
      <c r="AH21547">
        <v>2</v>
      </c>
      <c r="AI21547">
        <v>2</v>
      </c>
      <c r="AJ21547">
        <v>2</v>
      </c>
      <c r="AK21547">
        <v>2</v>
      </c>
      <c r="AL21547">
        <v>2</v>
      </c>
      <c r="AM21547">
        <v>2</v>
      </c>
      <c r="AN21547">
        <v>2</v>
      </c>
      <c r="AO21547">
        <v>2</v>
      </c>
      <c r="AP21547">
        <v>2</v>
      </c>
      <c r="AQ21547">
        <v>2</v>
      </c>
    </row>
    <row r="21548" spans="1:43">
      <c r="A21548" t="s">
        <v>13359</v>
      </c>
      <c r="B21548" t="s">
        <v>13360</v>
      </c>
      <c r="C21548" t="s">
        <v>13357</v>
      </c>
      <c r="D21548" t="s">
        <v>13358</v>
      </c>
      <c r="E21548" t="s">
        <v>13293</v>
      </c>
      <c r="F21548" t="s">
        <v>13294</v>
      </c>
      <c r="G21548" t="s">
        <v>10214</v>
      </c>
      <c r="H21548" t="s">
        <v>10215</v>
      </c>
      <c r="I21548" s="2">
        <v>1</v>
      </c>
      <c r="J21548" s="2">
        <v>0</v>
      </c>
      <c r="K21548" s="2">
        <v>0</v>
      </c>
      <c r="L21548" t="s">
        <v>120</v>
      </c>
      <c r="M21548" t="s">
        <v>89</v>
      </c>
      <c r="N21548" t="s">
        <v>90</v>
      </c>
      <c r="O21548" t="s">
        <v>85</v>
      </c>
      <c r="P21548" t="s">
        <v>86</v>
      </c>
      <c r="Q21548">
        <v>3</v>
      </c>
      <c r="R21548">
        <v>3</v>
      </c>
      <c r="S21548">
        <v>3</v>
      </c>
      <c r="T21548">
        <v>3</v>
      </c>
      <c r="U21548">
        <v>3</v>
      </c>
      <c r="V21548">
        <v>3</v>
      </c>
      <c r="W21548">
        <v>3</v>
      </c>
      <c r="X21548">
        <v>3</v>
      </c>
      <c r="Y21548">
        <v>3</v>
      </c>
      <c r="Z21548">
        <v>3</v>
      </c>
      <c r="AA21548">
        <v>3</v>
      </c>
      <c r="AB21548">
        <v>3</v>
      </c>
      <c r="AC21548">
        <v>3</v>
      </c>
      <c r="AD21548">
        <v>3</v>
      </c>
      <c r="AE21548">
        <v>3</v>
      </c>
      <c r="AF21548">
        <v>3</v>
      </c>
      <c r="AG21548">
        <v>3</v>
      </c>
      <c r="AH21548">
        <v>3</v>
      </c>
      <c r="AI21548">
        <v>3</v>
      </c>
      <c r="AJ21548">
        <v>3</v>
      </c>
      <c r="AK21548">
        <v>3</v>
      </c>
      <c r="AL21548">
        <v>3</v>
      </c>
      <c r="AM21548">
        <v>3</v>
      </c>
      <c r="AN21548">
        <v>3</v>
      </c>
      <c r="AO21548">
        <v>3</v>
      </c>
      <c r="AP21548">
        <v>3</v>
      </c>
      <c r="AQ21548">
        <v>3</v>
      </c>
    </row>
    <row r="21549" spans="1:43">
      <c r="A21549" t="s">
        <v>13359</v>
      </c>
      <c r="B21549" t="s">
        <v>13360</v>
      </c>
      <c r="C21549" t="s">
        <v>13357</v>
      </c>
      <c r="D21549" t="s">
        <v>13358</v>
      </c>
      <c r="E21549" t="s">
        <v>13293</v>
      </c>
      <c r="F21549" t="s">
        <v>13294</v>
      </c>
      <c r="G21549" t="s">
        <v>10214</v>
      </c>
      <c r="H21549" t="s">
        <v>10215</v>
      </c>
      <c r="I21549" s="2">
        <v>1</v>
      </c>
      <c r="J21549" s="2">
        <v>0</v>
      </c>
      <c r="K21549" s="2">
        <v>0</v>
      </c>
      <c r="L21549" t="s">
        <v>120</v>
      </c>
      <c r="M21549" t="s">
        <v>83</v>
      </c>
      <c r="N21549" t="s">
        <v>91</v>
      </c>
      <c r="O21549" t="s">
        <v>85</v>
      </c>
      <c r="P21549" t="s">
        <v>86</v>
      </c>
      <c r="Q21549">
        <v>3</v>
      </c>
      <c r="R21549">
        <v>3</v>
      </c>
      <c r="S21549">
        <v>3</v>
      </c>
      <c r="T21549">
        <v>3</v>
      </c>
      <c r="U21549">
        <v>3</v>
      </c>
      <c r="V21549">
        <v>3</v>
      </c>
      <c r="W21549">
        <v>3</v>
      </c>
      <c r="X21549">
        <v>3</v>
      </c>
      <c r="Y21549">
        <v>3</v>
      </c>
      <c r="Z21549">
        <v>3</v>
      </c>
      <c r="AA21549">
        <v>3</v>
      </c>
      <c r="AB21549">
        <v>3</v>
      </c>
      <c r="AC21549">
        <v>3</v>
      </c>
      <c r="AD21549">
        <v>3</v>
      </c>
      <c r="AE21549">
        <v>3</v>
      </c>
      <c r="AF21549">
        <v>3</v>
      </c>
      <c r="AG21549">
        <v>3</v>
      </c>
      <c r="AH21549">
        <v>3</v>
      </c>
      <c r="AI21549">
        <v>3</v>
      </c>
      <c r="AJ21549">
        <v>3</v>
      </c>
      <c r="AK21549">
        <v>3</v>
      </c>
      <c r="AL21549">
        <v>3</v>
      </c>
      <c r="AM21549">
        <v>3</v>
      </c>
      <c r="AN21549">
        <v>3</v>
      </c>
      <c r="AO21549">
        <v>3</v>
      </c>
      <c r="AP21549">
        <v>3</v>
      </c>
      <c r="AQ21549">
        <v>3</v>
      </c>
    </row>
    <row r="21550" spans="1:43">
      <c r="A21550" t="s">
        <v>13361</v>
      </c>
      <c r="B21550" t="s">
        <v>13362</v>
      </c>
      <c r="C21550" t="s">
        <v>13357</v>
      </c>
      <c r="D21550" t="s">
        <v>13358</v>
      </c>
      <c r="E21550" t="s">
        <v>13293</v>
      </c>
      <c r="F21550" t="s">
        <v>13294</v>
      </c>
      <c r="G21550" t="s">
        <v>10214</v>
      </c>
      <c r="H21550" t="s">
        <v>10215</v>
      </c>
      <c r="I21550" s="2">
        <v>1</v>
      </c>
      <c r="J21550" s="2">
        <v>0</v>
      </c>
      <c r="K21550" s="2">
        <v>0</v>
      </c>
      <c r="L21550" t="s">
        <v>120</v>
      </c>
      <c r="M21550" t="s">
        <v>83</v>
      </c>
      <c r="N21550" t="s">
        <v>84</v>
      </c>
      <c r="O21550" t="s">
        <v>85</v>
      </c>
      <c r="P21550" t="s">
        <v>86</v>
      </c>
      <c r="Q21550">
        <v>12</v>
      </c>
      <c r="R21550">
        <v>12</v>
      </c>
      <c r="S21550">
        <v>12</v>
      </c>
      <c r="T21550">
        <v>12</v>
      </c>
      <c r="U21550">
        <v>12</v>
      </c>
      <c r="V21550">
        <v>12</v>
      </c>
      <c r="W21550">
        <v>12</v>
      </c>
      <c r="X21550">
        <v>12</v>
      </c>
      <c r="Y21550">
        <v>12</v>
      </c>
      <c r="Z21550">
        <v>12</v>
      </c>
      <c r="AA21550">
        <v>13</v>
      </c>
      <c r="AB21550">
        <v>13</v>
      </c>
      <c r="AC21550">
        <v>13</v>
      </c>
      <c r="AD21550">
        <v>13</v>
      </c>
      <c r="AE21550">
        <v>13</v>
      </c>
      <c r="AF21550">
        <v>13</v>
      </c>
      <c r="AG21550">
        <v>13</v>
      </c>
      <c r="AH21550">
        <v>13</v>
      </c>
      <c r="AI21550">
        <v>13</v>
      </c>
      <c r="AJ21550">
        <v>13</v>
      </c>
      <c r="AK21550">
        <v>13</v>
      </c>
      <c r="AL21550">
        <v>13</v>
      </c>
      <c r="AM21550">
        <v>13</v>
      </c>
      <c r="AN21550">
        <v>13</v>
      </c>
      <c r="AO21550">
        <v>13</v>
      </c>
      <c r="AP21550">
        <v>13</v>
      </c>
      <c r="AQ21550">
        <v>13</v>
      </c>
    </row>
    <row r="21551" spans="1:43">
      <c r="A21551" t="s">
        <v>13361</v>
      </c>
      <c r="B21551" t="s">
        <v>13362</v>
      </c>
      <c r="C21551" t="s">
        <v>13357</v>
      </c>
      <c r="D21551" t="s">
        <v>13358</v>
      </c>
      <c r="E21551" t="s">
        <v>13293</v>
      </c>
      <c r="F21551" t="s">
        <v>13294</v>
      </c>
      <c r="G21551" t="s">
        <v>10214</v>
      </c>
      <c r="H21551" t="s">
        <v>10215</v>
      </c>
      <c r="I21551" s="2">
        <v>1</v>
      </c>
      <c r="J21551" s="2">
        <v>0</v>
      </c>
      <c r="K21551" s="2">
        <v>0</v>
      </c>
      <c r="L21551" t="s">
        <v>120</v>
      </c>
      <c r="M21551" t="s">
        <v>87</v>
      </c>
      <c r="N21551" t="s">
        <v>88</v>
      </c>
      <c r="O21551" t="s">
        <v>85</v>
      </c>
      <c r="P21551" t="s">
        <v>86</v>
      </c>
      <c r="Q21551">
        <v>12</v>
      </c>
      <c r="R21551">
        <v>12</v>
      </c>
      <c r="S21551">
        <v>12</v>
      </c>
      <c r="T21551">
        <v>12</v>
      </c>
      <c r="U21551">
        <v>12</v>
      </c>
      <c r="V21551">
        <v>12</v>
      </c>
      <c r="W21551">
        <v>12</v>
      </c>
      <c r="X21551">
        <v>12</v>
      </c>
      <c r="Y21551">
        <v>11</v>
      </c>
      <c r="Z21551">
        <v>11</v>
      </c>
      <c r="AA21551">
        <v>11</v>
      </c>
      <c r="AB21551">
        <v>11</v>
      </c>
      <c r="AC21551">
        <v>11</v>
      </c>
      <c r="AD21551">
        <v>11</v>
      </c>
      <c r="AE21551">
        <v>11</v>
      </c>
      <c r="AF21551">
        <v>11</v>
      </c>
      <c r="AG21551">
        <v>11</v>
      </c>
      <c r="AH21551">
        <v>11</v>
      </c>
      <c r="AI21551">
        <v>11</v>
      </c>
      <c r="AJ21551">
        <v>11</v>
      </c>
      <c r="AK21551">
        <v>11</v>
      </c>
      <c r="AL21551">
        <v>11</v>
      </c>
      <c r="AM21551">
        <v>11</v>
      </c>
      <c r="AN21551">
        <v>11</v>
      </c>
      <c r="AO21551">
        <v>11</v>
      </c>
      <c r="AP21551">
        <v>11</v>
      </c>
      <c r="AQ21551">
        <v>11</v>
      </c>
    </row>
    <row r="21552" spans="1:43">
      <c r="A21552" t="s">
        <v>13361</v>
      </c>
      <c r="B21552" t="s">
        <v>13362</v>
      </c>
      <c r="C21552" t="s">
        <v>13357</v>
      </c>
      <c r="D21552" t="s">
        <v>13358</v>
      </c>
      <c r="E21552" t="s">
        <v>13293</v>
      </c>
      <c r="F21552" t="s">
        <v>13294</v>
      </c>
      <c r="G21552" t="s">
        <v>10214</v>
      </c>
      <c r="H21552" t="s">
        <v>10215</v>
      </c>
      <c r="I21552" s="2">
        <v>1</v>
      </c>
      <c r="J21552" s="2">
        <v>0</v>
      </c>
      <c r="K21552" s="2">
        <v>0</v>
      </c>
      <c r="L21552" t="s">
        <v>120</v>
      </c>
      <c r="M21552" t="s">
        <v>89</v>
      </c>
      <c r="N21552" t="s">
        <v>90</v>
      </c>
      <c r="O21552" t="s">
        <v>85</v>
      </c>
      <c r="P21552" t="s">
        <v>86</v>
      </c>
      <c r="Q21552">
        <v>12</v>
      </c>
      <c r="R21552">
        <v>12</v>
      </c>
      <c r="S21552">
        <v>12</v>
      </c>
      <c r="T21552">
        <v>12</v>
      </c>
      <c r="U21552">
        <v>13</v>
      </c>
      <c r="V21552">
        <v>13</v>
      </c>
      <c r="W21552">
        <v>13</v>
      </c>
      <c r="X21552">
        <v>13</v>
      </c>
      <c r="Y21552">
        <v>13</v>
      </c>
      <c r="Z21552">
        <v>13</v>
      </c>
      <c r="AA21552">
        <v>13</v>
      </c>
      <c r="AB21552">
        <v>13</v>
      </c>
      <c r="AC21552">
        <v>14</v>
      </c>
      <c r="AD21552">
        <v>14</v>
      </c>
      <c r="AE21552">
        <v>14</v>
      </c>
      <c r="AF21552">
        <v>14</v>
      </c>
      <c r="AG21552">
        <v>14</v>
      </c>
      <c r="AH21552">
        <v>13</v>
      </c>
      <c r="AI21552">
        <v>13</v>
      </c>
      <c r="AJ21552">
        <v>13</v>
      </c>
      <c r="AK21552">
        <v>13</v>
      </c>
      <c r="AL21552">
        <v>13</v>
      </c>
      <c r="AM21552">
        <v>13</v>
      </c>
      <c r="AN21552">
        <v>13</v>
      </c>
      <c r="AO21552">
        <v>13</v>
      </c>
      <c r="AP21552">
        <v>13</v>
      </c>
      <c r="AQ21552">
        <v>13</v>
      </c>
    </row>
    <row r="21553" spans="1:43">
      <c r="A21553" t="s">
        <v>13361</v>
      </c>
      <c r="B21553" t="s">
        <v>13362</v>
      </c>
      <c r="C21553" t="s">
        <v>13357</v>
      </c>
      <c r="D21553" t="s">
        <v>13358</v>
      </c>
      <c r="E21553" t="s">
        <v>13293</v>
      </c>
      <c r="F21553" t="s">
        <v>13294</v>
      </c>
      <c r="G21553" t="s">
        <v>10214</v>
      </c>
      <c r="H21553" t="s">
        <v>10215</v>
      </c>
      <c r="I21553" s="2">
        <v>1</v>
      </c>
      <c r="J21553" s="2">
        <v>0</v>
      </c>
      <c r="K21553" s="2">
        <v>0</v>
      </c>
      <c r="L21553" t="s">
        <v>120</v>
      </c>
      <c r="M21553" t="s">
        <v>83</v>
      </c>
      <c r="N21553" t="s">
        <v>91</v>
      </c>
      <c r="O21553" t="s">
        <v>85</v>
      </c>
      <c r="P21553" t="s">
        <v>86</v>
      </c>
      <c r="Q21553">
        <v>12</v>
      </c>
      <c r="R21553">
        <v>12</v>
      </c>
      <c r="S21553">
        <v>12</v>
      </c>
      <c r="T21553">
        <v>12</v>
      </c>
      <c r="U21553">
        <v>12</v>
      </c>
      <c r="V21553">
        <v>12</v>
      </c>
      <c r="W21553">
        <v>12</v>
      </c>
      <c r="X21553">
        <v>12</v>
      </c>
      <c r="Y21553">
        <v>12</v>
      </c>
      <c r="Z21553">
        <v>12</v>
      </c>
      <c r="AA21553">
        <v>13</v>
      </c>
      <c r="AB21553">
        <v>13</v>
      </c>
      <c r="AC21553">
        <v>13</v>
      </c>
      <c r="AD21553">
        <v>13</v>
      </c>
      <c r="AE21553">
        <v>13</v>
      </c>
      <c r="AF21553">
        <v>13</v>
      </c>
      <c r="AG21553">
        <v>13</v>
      </c>
      <c r="AH21553">
        <v>13</v>
      </c>
      <c r="AI21553">
        <v>13</v>
      </c>
      <c r="AJ21553">
        <v>13</v>
      </c>
      <c r="AK21553">
        <v>13</v>
      </c>
      <c r="AL21553">
        <v>13</v>
      </c>
      <c r="AM21553">
        <v>13</v>
      </c>
      <c r="AN21553">
        <v>13</v>
      </c>
      <c r="AO21553">
        <v>13</v>
      </c>
      <c r="AP21553">
        <v>13</v>
      </c>
      <c r="AQ21553">
        <v>13</v>
      </c>
    </row>
    <row r="21554" spans="1:43">
      <c r="A21554" t="s">
        <v>13363</v>
      </c>
      <c r="B21554" t="s">
        <v>13364</v>
      </c>
      <c r="C21554" t="s">
        <v>13357</v>
      </c>
      <c r="D21554" t="s">
        <v>13358</v>
      </c>
      <c r="E21554" t="s">
        <v>13293</v>
      </c>
      <c r="F21554" t="s">
        <v>13294</v>
      </c>
      <c r="G21554" t="s">
        <v>10214</v>
      </c>
      <c r="H21554" t="s">
        <v>10215</v>
      </c>
      <c r="I21554" s="2">
        <v>1</v>
      </c>
      <c r="J21554" s="2">
        <v>0</v>
      </c>
      <c r="K21554" s="2">
        <v>0</v>
      </c>
      <c r="L21554" t="s">
        <v>120</v>
      </c>
      <c r="M21554" t="s">
        <v>83</v>
      </c>
      <c r="N21554" t="s">
        <v>84</v>
      </c>
      <c r="O21554" t="s">
        <v>85</v>
      </c>
      <c r="P21554" t="s">
        <v>86</v>
      </c>
      <c r="Q21554">
        <v>21</v>
      </c>
      <c r="R21554">
        <v>22</v>
      </c>
      <c r="S21554">
        <v>22</v>
      </c>
      <c r="T21554">
        <v>22</v>
      </c>
      <c r="U21554">
        <v>22</v>
      </c>
      <c r="V21554">
        <v>22</v>
      </c>
      <c r="W21554">
        <v>22</v>
      </c>
      <c r="X21554">
        <v>23</v>
      </c>
      <c r="Y21554">
        <v>23</v>
      </c>
      <c r="Z21554">
        <v>23</v>
      </c>
      <c r="AA21554">
        <v>23</v>
      </c>
      <c r="AB21554">
        <v>23</v>
      </c>
      <c r="AC21554">
        <v>23</v>
      </c>
      <c r="AD21554">
        <v>23</v>
      </c>
      <c r="AE21554">
        <v>23</v>
      </c>
      <c r="AF21554">
        <v>23</v>
      </c>
      <c r="AG21554">
        <v>24</v>
      </c>
      <c r="AH21554">
        <v>24</v>
      </c>
      <c r="AI21554">
        <v>24</v>
      </c>
      <c r="AJ21554">
        <v>24</v>
      </c>
      <c r="AK21554">
        <v>24</v>
      </c>
      <c r="AL21554">
        <v>24</v>
      </c>
      <c r="AM21554">
        <v>24</v>
      </c>
      <c r="AN21554">
        <v>23</v>
      </c>
      <c r="AO21554">
        <v>23</v>
      </c>
      <c r="AP21554">
        <v>23</v>
      </c>
      <c r="AQ21554">
        <v>23</v>
      </c>
    </row>
    <row r="21555" spans="1:43">
      <c r="A21555" t="s">
        <v>13363</v>
      </c>
      <c r="B21555" t="s">
        <v>13364</v>
      </c>
      <c r="C21555" t="s">
        <v>13357</v>
      </c>
      <c r="D21555" t="s">
        <v>13358</v>
      </c>
      <c r="E21555" t="s">
        <v>13293</v>
      </c>
      <c r="F21555" t="s">
        <v>13294</v>
      </c>
      <c r="G21555" t="s">
        <v>10214</v>
      </c>
      <c r="H21555" t="s">
        <v>10215</v>
      </c>
      <c r="I21555" s="2">
        <v>1</v>
      </c>
      <c r="J21555" s="2">
        <v>0</v>
      </c>
      <c r="K21555" s="2">
        <v>0</v>
      </c>
      <c r="L21555" t="s">
        <v>120</v>
      </c>
      <c r="M21555" t="s">
        <v>87</v>
      </c>
      <c r="N21555" t="s">
        <v>88</v>
      </c>
      <c r="O21555" t="s">
        <v>85</v>
      </c>
      <c r="P21555" t="s">
        <v>86</v>
      </c>
      <c r="Q21555">
        <v>21</v>
      </c>
      <c r="R21555">
        <v>21</v>
      </c>
      <c r="S21555">
        <v>21</v>
      </c>
      <c r="T21555">
        <v>21</v>
      </c>
      <c r="U21555">
        <v>21</v>
      </c>
      <c r="V21555">
        <v>21</v>
      </c>
      <c r="W21555">
        <v>21</v>
      </c>
      <c r="X21555">
        <v>21</v>
      </c>
      <c r="Y21555">
        <v>21</v>
      </c>
      <c r="Z21555">
        <v>21</v>
      </c>
      <c r="AA21555">
        <v>21</v>
      </c>
      <c r="AB21555">
        <v>21</v>
      </c>
      <c r="AC21555">
        <v>21</v>
      </c>
      <c r="AD21555">
        <v>21</v>
      </c>
      <c r="AE21555">
        <v>21</v>
      </c>
      <c r="AF21555">
        <v>21</v>
      </c>
      <c r="AG21555">
        <v>21</v>
      </c>
      <c r="AH21555">
        <v>21</v>
      </c>
      <c r="AI21555">
        <v>21</v>
      </c>
      <c r="AJ21555">
        <v>21</v>
      </c>
      <c r="AK21555">
        <v>20</v>
      </c>
      <c r="AL21555">
        <v>20</v>
      </c>
      <c r="AM21555">
        <v>20</v>
      </c>
      <c r="AN21555">
        <v>20</v>
      </c>
      <c r="AO21555">
        <v>20</v>
      </c>
      <c r="AP21555">
        <v>20</v>
      </c>
      <c r="AQ21555">
        <v>20</v>
      </c>
    </row>
    <row r="21556" spans="1:43">
      <c r="A21556" t="s">
        <v>13363</v>
      </c>
      <c r="B21556" t="s">
        <v>13364</v>
      </c>
      <c r="C21556" t="s">
        <v>13357</v>
      </c>
      <c r="D21556" t="s">
        <v>13358</v>
      </c>
      <c r="E21556" t="s">
        <v>13293</v>
      </c>
      <c r="F21556" t="s">
        <v>13294</v>
      </c>
      <c r="G21556" t="s">
        <v>10214</v>
      </c>
      <c r="H21556" t="s">
        <v>10215</v>
      </c>
      <c r="I21556" s="2">
        <v>1</v>
      </c>
      <c r="J21556" s="2">
        <v>0</v>
      </c>
      <c r="K21556" s="2">
        <v>0</v>
      </c>
      <c r="L21556" t="s">
        <v>120</v>
      </c>
      <c r="M21556" t="s">
        <v>89</v>
      </c>
      <c r="N21556" t="s">
        <v>90</v>
      </c>
      <c r="O21556" t="s">
        <v>85</v>
      </c>
      <c r="P21556" t="s">
        <v>86</v>
      </c>
      <c r="Q21556">
        <v>21</v>
      </c>
      <c r="R21556">
        <v>21</v>
      </c>
      <c r="S21556">
        <v>21</v>
      </c>
      <c r="T21556">
        <v>22</v>
      </c>
      <c r="U21556">
        <v>22</v>
      </c>
      <c r="V21556">
        <v>22</v>
      </c>
      <c r="W21556">
        <v>23</v>
      </c>
      <c r="X21556">
        <v>23</v>
      </c>
      <c r="Y21556">
        <v>23</v>
      </c>
      <c r="Z21556">
        <v>23</v>
      </c>
      <c r="AA21556">
        <v>23</v>
      </c>
      <c r="AB21556">
        <v>24</v>
      </c>
      <c r="AC21556">
        <v>24</v>
      </c>
      <c r="AD21556">
        <v>24</v>
      </c>
      <c r="AE21556">
        <v>24</v>
      </c>
      <c r="AF21556">
        <v>24</v>
      </c>
      <c r="AG21556">
        <v>24</v>
      </c>
      <c r="AH21556">
        <v>23</v>
      </c>
      <c r="AI21556">
        <v>23</v>
      </c>
      <c r="AJ21556">
        <v>23</v>
      </c>
      <c r="AK21556">
        <v>23</v>
      </c>
      <c r="AL21556">
        <v>23</v>
      </c>
      <c r="AM21556">
        <v>23</v>
      </c>
      <c r="AN21556">
        <v>23</v>
      </c>
      <c r="AO21556">
        <v>22</v>
      </c>
      <c r="AP21556">
        <v>22</v>
      </c>
      <c r="AQ21556">
        <v>22</v>
      </c>
    </row>
    <row r="21557" spans="1:43">
      <c r="A21557" t="s">
        <v>13363</v>
      </c>
      <c r="B21557" t="s">
        <v>13364</v>
      </c>
      <c r="C21557" t="s">
        <v>13357</v>
      </c>
      <c r="D21557" t="s">
        <v>13358</v>
      </c>
      <c r="E21557" t="s">
        <v>13293</v>
      </c>
      <c r="F21557" t="s">
        <v>13294</v>
      </c>
      <c r="G21557" t="s">
        <v>10214</v>
      </c>
      <c r="H21557" t="s">
        <v>10215</v>
      </c>
      <c r="I21557" s="2">
        <v>1</v>
      </c>
      <c r="J21557" s="2">
        <v>0</v>
      </c>
      <c r="K21557" s="2">
        <v>0</v>
      </c>
      <c r="L21557" t="s">
        <v>120</v>
      </c>
      <c r="M21557" t="s">
        <v>83</v>
      </c>
      <c r="N21557" t="s">
        <v>91</v>
      </c>
      <c r="O21557" t="s">
        <v>85</v>
      </c>
      <c r="P21557" t="s">
        <v>86</v>
      </c>
      <c r="Q21557">
        <v>21</v>
      </c>
      <c r="R21557">
        <v>22</v>
      </c>
      <c r="S21557">
        <v>22</v>
      </c>
      <c r="T21557">
        <v>22</v>
      </c>
      <c r="U21557">
        <v>22</v>
      </c>
      <c r="V21557">
        <v>22</v>
      </c>
      <c r="W21557">
        <v>22</v>
      </c>
      <c r="X21557">
        <v>23</v>
      </c>
      <c r="Y21557">
        <v>23</v>
      </c>
      <c r="Z21557">
        <v>23</v>
      </c>
      <c r="AA21557">
        <v>23</v>
      </c>
      <c r="AB21557">
        <v>23</v>
      </c>
      <c r="AC21557">
        <v>23</v>
      </c>
      <c r="AD21557">
        <v>23</v>
      </c>
      <c r="AE21557">
        <v>23</v>
      </c>
      <c r="AF21557">
        <v>23</v>
      </c>
      <c r="AG21557">
        <v>24</v>
      </c>
      <c r="AH21557">
        <v>24</v>
      </c>
      <c r="AI21557">
        <v>24</v>
      </c>
      <c r="AJ21557">
        <v>24</v>
      </c>
      <c r="AK21557">
        <v>24</v>
      </c>
      <c r="AL21557">
        <v>24</v>
      </c>
      <c r="AM21557">
        <v>24</v>
      </c>
      <c r="AN21557">
        <v>23</v>
      </c>
      <c r="AO21557">
        <v>23</v>
      </c>
      <c r="AP21557">
        <v>23</v>
      </c>
      <c r="AQ21557">
        <v>23</v>
      </c>
    </row>
    <row r="21558" spans="1:43">
      <c r="A21558" t="s">
        <v>13365</v>
      </c>
      <c r="B21558" t="s">
        <v>13366</v>
      </c>
      <c r="C21558" t="s">
        <v>13367</v>
      </c>
      <c r="D21558" t="s">
        <v>13368</v>
      </c>
      <c r="E21558" t="s">
        <v>13293</v>
      </c>
      <c r="F21558" t="s">
        <v>13294</v>
      </c>
      <c r="G21558" t="s">
        <v>10214</v>
      </c>
      <c r="H21558" t="s">
        <v>10215</v>
      </c>
      <c r="I21558" s="2">
        <v>1</v>
      </c>
      <c r="J21558" s="2">
        <v>0</v>
      </c>
      <c r="K21558" s="2">
        <v>0</v>
      </c>
      <c r="L21558" t="s">
        <v>120</v>
      </c>
      <c r="M21558" t="s">
        <v>83</v>
      </c>
      <c r="N21558" t="s">
        <v>84</v>
      </c>
      <c r="O21558" t="s">
        <v>85</v>
      </c>
      <c r="P21558" t="s">
        <v>86</v>
      </c>
      <c r="Q21558">
        <v>19</v>
      </c>
      <c r="R21558">
        <v>19</v>
      </c>
      <c r="S21558">
        <v>20</v>
      </c>
      <c r="T21558">
        <v>20</v>
      </c>
      <c r="U21558">
        <v>20</v>
      </c>
      <c r="V21558">
        <v>20</v>
      </c>
      <c r="W21558">
        <v>20</v>
      </c>
      <c r="X21558">
        <v>20</v>
      </c>
      <c r="Y21558">
        <v>20</v>
      </c>
      <c r="Z21558">
        <v>21</v>
      </c>
      <c r="AA21558">
        <v>21</v>
      </c>
      <c r="AB21558">
        <v>21</v>
      </c>
      <c r="AC21558">
        <v>21</v>
      </c>
      <c r="AD21558">
        <v>21</v>
      </c>
      <c r="AE21558">
        <v>21</v>
      </c>
      <c r="AF21558">
        <v>21</v>
      </c>
      <c r="AG21558">
        <v>21</v>
      </c>
      <c r="AH21558">
        <v>21</v>
      </c>
      <c r="AI21558">
        <v>21</v>
      </c>
      <c r="AJ21558">
        <v>21</v>
      </c>
      <c r="AK21558">
        <v>21</v>
      </c>
      <c r="AL21558">
        <v>21</v>
      </c>
      <c r="AM21558">
        <v>21</v>
      </c>
      <c r="AN21558">
        <v>21</v>
      </c>
      <c r="AO21558">
        <v>21</v>
      </c>
      <c r="AP21558">
        <v>21</v>
      </c>
      <c r="AQ21558">
        <v>21</v>
      </c>
    </row>
    <row r="21559" spans="1:43">
      <c r="A21559" t="s">
        <v>13365</v>
      </c>
      <c r="B21559" t="s">
        <v>13366</v>
      </c>
      <c r="C21559" t="s">
        <v>13367</v>
      </c>
      <c r="D21559" t="s">
        <v>13368</v>
      </c>
      <c r="E21559" t="s">
        <v>13293</v>
      </c>
      <c r="F21559" t="s">
        <v>13294</v>
      </c>
      <c r="G21559" t="s">
        <v>10214</v>
      </c>
      <c r="H21559" t="s">
        <v>10215</v>
      </c>
      <c r="I21559" s="2">
        <v>1</v>
      </c>
      <c r="J21559" s="2">
        <v>0</v>
      </c>
      <c r="K21559" s="2">
        <v>0</v>
      </c>
      <c r="L21559" t="s">
        <v>120</v>
      </c>
      <c r="M21559" t="s">
        <v>87</v>
      </c>
      <c r="N21559" t="s">
        <v>88</v>
      </c>
      <c r="O21559" t="s">
        <v>85</v>
      </c>
      <c r="P21559" t="s">
        <v>86</v>
      </c>
      <c r="Q21559">
        <v>19</v>
      </c>
      <c r="R21559">
        <v>19</v>
      </c>
      <c r="S21559">
        <v>19</v>
      </c>
      <c r="T21559">
        <v>19</v>
      </c>
      <c r="U21559">
        <v>19</v>
      </c>
      <c r="V21559">
        <v>19</v>
      </c>
      <c r="W21559">
        <v>19</v>
      </c>
      <c r="X21559">
        <v>19</v>
      </c>
      <c r="Y21559">
        <v>19</v>
      </c>
      <c r="Z21559">
        <v>19</v>
      </c>
      <c r="AA21559">
        <v>19</v>
      </c>
      <c r="AB21559">
        <v>19</v>
      </c>
      <c r="AC21559">
        <v>19</v>
      </c>
      <c r="AD21559">
        <v>19</v>
      </c>
      <c r="AE21559">
        <v>19</v>
      </c>
      <c r="AF21559">
        <v>19</v>
      </c>
      <c r="AG21559">
        <v>19</v>
      </c>
      <c r="AH21559">
        <v>19</v>
      </c>
      <c r="AI21559">
        <v>19</v>
      </c>
      <c r="AJ21559">
        <v>18</v>
      </c>
      <c r="AK21559">
        <v>18</v>
      </c>
      <c r="AL21559">
        <v>18</v>
      </c>
      <c r="AM21559">
        <v>18</v>
      </c>
      <c r="AN21559">
        <v>18</v>
      </c>
      <c r="AO21559">
        <v>18</v>
      </c>
      <c r="AP21559">
        <v>18</v>
      </c>
      <c r="AQ21559">
        <v>18</v>
      </c>
    </row>
    <row r="21560" spans="1:43">
      <c r="A21560" t="s">
        <v>13365</v>
      </c>
      <c r="B21560" t="s">
        <v>13366</v>
      </c>
      <c r="C21560" t="s">
        <v>13367</v>
      </c>
      <c r="D21560" t="s">
        <v>13368</v>
      </c>
      <c r="E21560" t="s">
        <v>13293</v>
      </c>
      <c r="F21560" t="s">
        <v>13294</v>
      </c>
      <c r="G21560" t="s">
        <v>10214</v>
      </c>
      <c r="H21560" t="s">
        <v>10215</v>
      </c>
      <c r="I21560" s="2">
        <v>1</v>
      </c>
      <c r="J21560" s="2">
        <v>0</v>
      </c>
      <c r="K21560" s="2">
        <v>0</v>
      </c>
      <c r="L21560" t="s">
        <v>120</v>
      </c>
      <c r="M21560" t="s">
        <v>89</v>
      </c>
      <c r="N21560" t="s">
        <v>90</v>
      </c>
      <c r="O21560" t="s">
        <v>85</v>
      </c>
      <c r="P21560" t="s">
        <v>86</v>
      </c>
      <c r="Q21560">
        <v>19</v>
      </c>
      <c r="R21560">
        <v>20</v>
      </c>
      <c r="S21560">
        <v>20</v>
      </c>
      <c r="T21560">
        <v>20</v>
      </c>
      <c r="U21560">
        <v>21</v>
      </c>
      <c r="V21560">
        <v>21</v>
      </c>
      <c r="W21560">
        <v>21</v>
      </c>
      <c r="X21560">
        <v>21</v>
      </c>
      <c r="Y21560">
        <v>22</v>
      </c>
      <c r="Z21560">
        <v>22</v>
      </c>
      <c r="AA21560">
        <v>22</v>
      </c>
      <c r="AB21560">
        <v>22</v>
      </c>
      <c r="AC21560">
        <v>22</v>
      </c>
      <c r="AD21560">
        <v>22</v>
      </c>
      <c r="AE21560">
        <v>22</v>
      </c>
      <c r="AF21560">
        <v>22</v>
      </c>
      <c r="AG21560">
        <v>22</v>
      </c>
      <c r="AH21560">
        <v>22</v>
      </c>
      <c r="AI21560">
        <v>22</v>
      </c>
      <c r="AJ21560">
        <v>22</v>
      </c>
      <c r="AK21560">
        <v>22</v>
      </c>
      <c r="AL21560">
        <v>21</v>
      </c>
      <c r="AM21560">
        <v>21</v>
      </c>
      <c r="AN21560">
        <v>21</v>
      </c>
      <c r="AO21560">
        <v>21</v>
      </c>
      <c r="AP21560">
        <v>21</v>
      </c>
      <c r="AQ21560">
        <v>21</v>
      </c>
    </row>
    <row r="21561" spans="1:43">
      <c r="A21561" t="s">
        <v>13365</v>
      </c>
      <c r="B21561" t="s">
        <v>13366</v>
      </c>
      <c r="C21561" t="s">
        <v>13367</v>
      </c>
      <c r="D21561" t="s">
        <v>13368</v>
      </c>
      <c r="E21561" t="s">
        <v>13293</v>
      </c>
      <c r="F21561" t="s">
        <v>13294</v>
      </c>
      <c r="G21561" t="s">
        <v>10214</v>
      </c>
      <c r="H21561" t="s">
        <v>10215</v>
      </c>
      <c r="I21561" s="2">
        <v>1</v>
      </c>
      <c r="J21561" s="2">
        <v>0</v>
      </c>
      <c r="K21561" s="2">
        <v>0</v>
      </c>
      <c r="L21561" t="s">
        <v>120</v>
      </c>
      <c r="M21561" t="s">
        <v>83</v>
      </c>
      <c r="N21561" t="s">
        <v>91</v>
      </c>
      <c r="O21561" t="s">
        <v>85</v>
      </c>
      <c r="P21561" t="s">
        <v>86</v>
      </c>
      <c r="Q21561">
        <v>19</v>
      </c>
      <c r="R21561">
        <v>19</v>
      </c>
      <c r="S21561">
        <v>20</v>
      </c>
      <c r="T21561">
        <v>20</v>
      </c>
      <c r="U21561">
        <v>20</v>
      </c>
      <c r="V21561">
        <v>20</v>
      </c>
      <c r="W21561">
        <v>20</v>
      </c>
      <c r="X21561">
        <v>20</v>
      </c>
      <c r="Y21561">
        <v>20</v>
      </c>
      <c r="Z21561">
        <v>21</v>
      </c>
      <c r="AA21561">
        <v>21</v>
      </c>
      <c r="AB21561">
        <v>21</v>
      </c>
      <c r="AC21561">
        <v>21</v>
      </c>
      <c r="AD21561">
        <v>21</v>
      </c>
      <c r="AE21561">
        <v>21</v>
      </c>
      <c r="AF21561">
        <v>21</v>
      </c>
      <c r="AG21561">
        <v>21</v>
      </c>
      <c r="AH21561">
        <v>21</v>
      </c>
      <c r="AI21561">
        <v>21</v>
      </c>
      <c r="AJ21561">
        <v>21</v>
      </c>
      <c r="AK21561">
        <v>21</v>
      </c>
      <c r="AL21561">
        <v>21</v>
      </c>
      <c r="AM21561">
        <v>21</v>
      </c>
      <c r="AN21561">
        <v>21</v>
      </c>
      <c r="AO21561">
        <v>21</v>
      </c>
      <c r="AP21561">
        <v>21</v>
      </c>
      <c r="AQ21561">
        <v>21</v>
      </c>
    </row>
    <row r="21562" spans="1:43">
      <c r="A21562" t="s">
        <v>13369</v>
      </c>
      <c r="B21562" t="s">
        <v>13370</v>
      </c>
      <c r="C21562" t="s">
        <v>13367</v>
      </c>
      <c r="D21562" t="s">
        <v>13368</v>
      </c>
      <c r="E21562" t="s">
        <v>13293</v>
      </c>
      <c r="F21562" t="s">
        <v>13294</v>
      </c>
      <c r="G21562" t="s">
        <v>10214</v>
      </c>
      <c r="H21562" t="s">
        <v>10215</v>
      </c>
      <c r="I21562" s="2">
        <v>1</v>
      </c>
      <c r="J21562" s="2">
        <v>0</v>
      </c>
      <c r="K21562" s="2">
        <v>0</v>
      </c>
      <c r="L21562" t="s">
        <v>120</v>
      </c>
      <c r="M21562" t="s">
        <v>83</v>
      </c>
      <c r="N21562" t="s">
        <v>84</v>
      </c>
      <c r="O21562" t="s">
        <v>85</v>
      </c>
      <c r="P21562" t="s">
        <v>86</v>
      </c>
      <c r="Q21562">
        <v>6</v>
      </c>
      <c r="R21562">
        <v>6</v>
      </c>
      <c r="S21562">
        <v>6</v>
      </c>
      <c r="T21562">
        <v>6</v>
      </c>
      <c r="U21562">
        <v>6</v>
      </c>
      <c r="V21562">
        <v>6</v>
      </c>
      <c r="W21562">
        <v>6</v>
      </c>
      <c r="X21562">
        <v>6</v>
      </c>
      <c r="Y21562">
        <v>6</v>
      </c>
      <c r="Z21562">
        <v>6</v>
      </c>
      <c r="AA21562">
        <v>6</v>
      </c>
      <c r="AB21562">
        <v>6</v>
      </c>
      <c r="AC21562">
        <v>6</v>
      </c>
      <c r="AD21562">
        <v>6</v>
      </c>
      <c r="AE21562">
        <v>6</v>
      </c>
      <c r="AF21562">
        <v>6</v>
      </c>
      <c r="AG21562">
        <v>6</v>
      </c>
      <c r="AH21562">
        <v>6</v>
      </c>
      <c r="AI21562">
        <v>6</v>
      </c>
      <c r="AJ21562">
        <v>6</v>
      </c>
      <c r="AK21562">
        <v>6</v>
      </c>
      <c r="AL21562">
        <v>6</v>
      </c>
      <c r="AM21562">
        <v>6</v>
      </c>
      <c r="AN21562">
        <v>6</v>
      </c>
      <c r="AO21562">
        <v>6</v>
      </c>
      <c r="AP21562">
        <v>6</v>
      </c>
      <c r="AQ21562">
        <v>6</v>
      </c>
    </row>
    <row r="21563" spans="1:43">
      <c r="A21563" t="s">
        <v>13369</v>
      </c>
      <c r="B21563" t="s">
        <v>13370</v>
      </c>
      <c r="C21563" t="s">
        <v>13367</v>
      </c>
      <c r="D21563" t="s">
        <v>13368</v>
      </c>
      <c r="E21563" t="s">
        <v>13293</v>
      </c>
      <c r="F21563" t="s">
        <v>13294</v>
      </c>
      <c r="G21563" t="s">
        <v>10214</v>
      </c>
      <c r="H21563" t="s">
        <v>10215</v>
      </c>
      <c r="I21563" s="2">
        <v>1</v>
      </c>
      <c r="J21563" s="2">
        <v>0</v>
      </c>
      <c r="K21563" s="2">
        <v>0</v>
      </c>
      <c r="L21563" t="s">
        <v>120</v>
      </c>
      <c r="M21563" t="s">
        <v>87</v>
      </c>
      <c r="N21563" t="s">
        <v>88</v>
      </c>
      <c r="O21563" t="s">
        <v>85</v>
      </c>
      <c r="P21563" t="s">
        <v>86</v>
      </c>
      <c r="Q21563">
        <v>6</v>
      </c>
      <c r="R21563">
        <v>6</v>
      </c>
      <c r="S21563">
        <v>6</v>
      </c>
      <c r="T21563">
        <v>6</v>
      </c>
      <c r="U21563">
        <v>6</v>
      </c>
      <c r="V21563">
        <v>6</v>
      </c>
      <c r="W21563">
        <v>6</v>
      </c>
      <c r="X21563">
        <v>6</v>
      </c>
      <c r="Y21563">
        <v>6</v>
      </c>
      <c r="Z21563">
        <v>6</v>
      </c>
      <c r="AA21563">
        <v>5</v>
      </c>
      <c r="AB21563">
        <v>5</v>
      </c>
      <c r="AC21563">
        <v>5</v>
      </c>
      <c r="AD21563">
        <v>5</v>
      </c>
      <c r="AE21563">
        <v>5</v>
      </c>
      <c r="AF21563">
        <v>5</v>
      </c>
      <c r="AG21563">
        <v>5</v>
      </c>
      <c r="AH21563">
        <v>5</v>
      </c>
      <c r="AI21563">
        <v>5</v>
      </c>
      <c r="AJ21563">
        <v>5</v>
      </c>
      <c r="AK21563">
        <v>5</v>
      </c>
      <c r="AL21563">
        <v>5</v>
      </c>
      <c r="AM21563">
        <v>5</v>
      </c>
      <c r="AN21563">
        <v>5</v>
      </c>
      <c r="AO21563">
        <v>5</v>
      </c>
      <c r="AP21563">
        <v>5</v>
      </c>
      <c r="AQ21563">
        <v>5</v>
      </c>
    </row>
    <row r="21564" spans="1:43">
      <c r="A21564" t="s">
        <v>13369</v>
      </c>
      <c r="B21564" t="s">
        <v>13370</v>
      </c>
      <c r="C21564" t="s">
        <v>13367</v>
      </c>
      <c r="D21564" t="s">
        <v>13368</v>
      </c>
      <c r="E21564" t="s">
        <v>13293</v>
      </c>
      <c r="F21564" t="s">
        <v>13294</v>
      </c>
      <c r="G21564" t="s">
        <v>10214</v>
      </c>
      <c r="H21564" t="s">
        <v>10215</v>
      </c>
      <c r="I21564" s="2">
        <v>1</v>
      </c>
      <c r="J21564" s="2">
        <v>0</v>
      </c>
      <c r="K21564" s="2">
        <v>0</v>
      </c>
      <c r="L21564" t="s">
        <v>120</v>
      </c>
      <c r="M21564" t="s">
        <v>89</v>
      </c>
      <c r="N21564" t="s">
        <v>90</v>
      </c>
      <c r="O21564" t="s">
        <v>85</v>
      </c>
      <c r="P21564" t="s">
        <v>86</v>
      </c>
      <c r="Q21564">
        <v>6</v>
      </c>
      <c r="R21564">
        <v>6</v>
      </c>
      <c r="S21564">
        <v>6</v>
      </c>
      <c r="T21564">
        <v>6</v>
      </c>
      <c r="U21564">
        <v>6</v>
      </c>
      <c r="V21564">
        <v>6</v>
      </c>
      <c r="W21564">
        <v>6</v>
      </c>
      <c r="X21564">
        <v>6</v>
      </c>
      <c r="Y21564">
        <v>6</v>
      </c>
      <c r="Z21564">
        <v>6</v>
      </c>
      <c r="AA21564">
        <v>6</v>
      </c>
      <c r="AB21564">
        <v>6</v>
      </c>
      <c r="AC21564">
        <v>7</v>
      </c>
      <c r="AD21564">
        <v>7</v>
      </c>
      <c r="AE21564">
        <v>7</v>
      </c>
      <c r="AF21564">
        <v>7</v>
      </c>
      <c r="AG21564">
        <v>6</v>
      </c>
      <c r="AH21564">
        <v>6</v>
      </c>
      <c r="AI21564">
        <v>6</v>
      </c>
      <c r="AJ21564">
        <v>6</v>
      </c>
      <c r="AK21564">
        <v>6</v>
      </c>
      <c r="AL21564">
        <v>6</v>
      </c>
      <c r="AM21564">
        <v>6</v>
      </c>
      <c r="AN21564">
        <v>6</v>
      </c>
      <c r="AO21564">
        <v>6</v>
      </c>
      <c r="AP21564">
        <v>6</v>
      </c>
      <c r="AQ21564">
        <v>6</v>
      </c>
    </row>
    <row r="21565" spans="1:43">
      <c r="A21565" t="s">
        <v>13369</v>
      </c>
      <c r="B21565" t="s">
        <v>13370</v>
      </c>
      <c r="C21565" t="s">
        <v>13367</v>
      </c>
      <c r="D21565" t="s">
        <v>13368</v>
      </c>
      <c r="E21565" t="s">
        <v>13293</v>
      </c>
      <c r="F21565" t="s">
        <v>13294</v>
      </c>
      <c r="G21565" t="s">
        <v>10214</v>
      </c>
      <c r="H21565" t="s">
        <v>10215</v>
      </c>
      <c r="I21565" s="2">
        <v>1</v>
      </c>
      <c r="J21565" s="2">
        <v>0</v>
      </c>
      <c r="K21565" s="2">
        <v>0</v>
      </c>
      <c r="L21565" t="s">
        <v>120</v>
      </c>
      <c r="M21565" t="s">
        <v>83</v>
      </c>
      <c r="N21565" t="s">
        <v>91</v>
      </c>
      <c r="O21565" t="s">
        <v>85</v>
      </c>
      <c r="P21565" t="s">
        <v>86</v>
      </c>
      <c r="Q21565">
        <v>6</v>
      </c>
      <c r="R21565">
        <v>6</v>
      </c>
      <c r="S21565">
        <v>6</v>
      </c>
      <c r="T21565">
        <v>6</v>
      </c>
      <c r="U21565">
        <v>6</v>
      </c>
      <c r="V21565">
        <v>6</v>
      </c>
      <c r="W21565">
        <v>6</v>
      </c>
      <c r="X21565">
        <v>6</v>
      </c>
      <c r="Y21565">
        <v>6</v>
      </c>
      <c r="Z21565">
        <v>6</v>
      </c>
      <c r="AA21565">
        <v>6</v>
      </c>
      <c r="AB21565">
        <v>6</v>
      </c>
      <c r="AC21565">
        <v>6</v>
      </c>
      <c r="AD21565">
        <v>6</v>
      </c>
      <c r="AE21565">
        <v>6</v>
      </c>
      <c r="AF21565">
        <v>6</v>
      </c>
      <c r="AG21565">
        <v>6</v>
      </c>
      <c r="AH21565">
        <v>6</v>
      </c>
      <c r="AI21565">
        <v>6</v>
      </c>
      <c r="AJ21565">
        <v>6</v>
      </c>
      <c r="AK21565">
        <v>6</v>
      </c>
      <c r="AL21565">
        <v>6</v>
      </c>
      <c r="AM21565">
        <v>6</v>
      </c>
      <c r="AN21565">
        <v>6</v>
      </c>
      <c r="AO21565">
        <v>6</v>
      </c>
      <c r="AP21565">
        <v>6</v>
      </c>
      <c r="AQ21565">
        <v>6</v>
      </c>
    </row>
    <row r="21566" spans="1:43">
      <c r="A21566" t="s">
        <v>13371</v>
      </c>
      <c r="B21566" t="s">
        <v>13372</v>
      </c>
      <c r="C21566" t="s">
        <v>13367</v>
      </c>
      <c r="D21566" t="s">
        <v>13368</v>
      </c>
      <c r="E21566" t="s">
        <v>13293</v>
      </c>
      <c r="F21566" t="s">
        <v>13294</v>
      </c>
      <c r="G21566" t="s">
        <v>10214</v>
      </c>
      <c r="H21566" t="s">
        <v>10215</v>
      </c>
      <c r="I21566" s="2">
        <v>1</v>
      </c>
      <c r="J21566" s="2">
        <v>0</v>
      </c>
      <c r="K21566" s="2">
        <v>0</v>
      </c>
      <c r="L21566" t="s">
        <v>120</v>
      </c>
      <c r="M21566" t="s">
        <v>83</v>
      </c>
      <c r="N21566" t="s">
        <v>84</v>
      </c>
      <c r="O21566" t="s">
        <v>85</v>
      </c>
      <c r="P21566" t="s">
        <v>86</v>
      </c>
      <c r="Q21566">
        <v>26</v>
      </c>
      <c r="R21566">
        <v>27</v>
      </c>
      <c r="S21566">
        <v>27</v>
      </c>
      <c r="T21566">
        <v>27</v>
      </c>
      <c r="U21566">
        <v>27</v>
      </c>
      <c r="V21566">
        <v>28</v>
      </c>
      <c r="W21566">
        <v>28</v>
      </c>
      <c r="X21566">
        <v>28</v>
      </c>
      <c r="Y21566">
        <v>28</v>
      </c>
      <c r="Z21566">
        <v>29</v>
      </c>
      <c r="AA21566">
        <v>29</v>
      </c>
      <c r="AB21566">
        <v>29</v>
      </c>
      <c r="AC21566">
        <v>29</v>
      </c>
      <c r="AD21566">
        <v>29</v>
      </c>
      <c r="AE21566">
        <v>30</v>
      </c>
      <c r="AF21566">
        <v>30</v>
      </c>
      <c r="AG21566">
        <v>30</v>
      </c>
      <c r="AH21566">
        <v>30</v>
      </c>
      <c r="AI21566">
        <v>30</v>
      </c>
      <c r="AJ21566">
        <v>31</v>
      </c>
      <c r="AK21566">
        <v>31</v>
      </c>
      <c r="AL21566">
        <v>31</v>
      </c>
      <c r="AM21566">
        <v>31</v>
      </c>
      <c r="AN21566">
        <v>31</v>
      </c>
      <c r="AO21566">
        <v>31</v>
      </c>
      <c r="AP21566">
        <v>31</v>
      </c>
      <c r="AQ21566">
        <v>31</v>
      </c>
    </row>
    <row r="21567" spans="1:43">
      <c r="A21567" t="s">
        <v>13371</v>
      </c>
      <c r="B21567" t="s">
        <v>13372</v>
      </c>
      <c r="C21567" t="s">
        <v>13367</v>
      </c>
      <c r="D21567" t="s">
        <v>13368</v>
      </c>
      <c r="E21567" t="s">
        <v>13293</v>
      </c>
      <c r="F21567" t="s">
        <v>13294</v>
      </c>
      <c r="G21567" t="s">
        <v>10214</v>
      </c>
      <c r="H21567" t="s">
        <v>10215</v>
      </c>
      <c r="I21567" s="2">
        <v>1</v>
      </c>
      <c r="J21567" s="2">
        <v>0</v>
      </c>
      <c r="K21567" s="2">
        <v>0</v>
      </c>
      <c r="L21567" t="s">
        <v>120</v>
      </c>
      <c r="M21567" t="s">
        <v>87</v>
      </c>
      <c r="N21567" t="s">
        <v>88</v>
      </c>
      <c r="O21567" t="s">
        <v>85</v>
      </c>
      <c r="P21567" t="s">
        <v>86</v>
      </c>
      <c r="Q21567">
        <v>26</v>
      </c>
      <c r="R21567">
        <v>26</v>
      </c>
      <c r="S21567">
        <v>26</v>
      </c>
      <c r="T21567">
        <v>26</v>
      </c>
      <c r="U21567">
        <v>26</v>
      </c>
      <c r="V21567">
        <v>26</v>
      </c>
      <c r="W21567">
        <v>26</v>
      </c>
      <c r="X21567">
        <v>26</v>
      </c>
      <c r="Y21567">
        <v>26</v>
      </c>
      <c r="Z21567">
        <v>26</v>
      </c>
      <c r="AA21567">
        <v>26</v>
      </c>
      <c r="AB21567">
        <v>26</v>
      </c>
      <c r="AC21567">
        <v>26</v>
      </c>
      <c r="AD21567">
        <v>26</v>
      </c>
      <c r="AE21567">
        <v>26</v>
      </c>
      <c r="AF21567">
        <v>26</v>
      </c>
      <c r="AG21567">
        <v>26</v>
      </c>
      <c r="AH21567">
        <v>26</v>
      </c>
      <c r="AI21567">
        <v>26</v>
      </c>
      <c r="AJ21567">
        <v>27</v>
      </c>
      <c r="AK21567">
        <v>27</v>
      </c>
      <c r="AL21567">
        <v>27</v>
      </c>
      <c r="AM21567">
        <v>27</v>
      </c>
      <c r="AN21567">
        <v>27</v>
      </c>
      <c r="AO21567">
        <v>27</v>
      </c>
      <c r="AP21567">
        <v>27</v>
      </c>
      <c r="AQ21567">
        <v>27</v>
      </c>
    </row>
    <row r="21568" spans="1:43">
      <c r="A21568" t="s">
        <v>13371</v>
      </c>
      <c r="B21568" t="s">
        <v>13372</v>
      </c>
      <c r="C21568" t="s">
        <v>13367</v>
      </c>
      <c r="D21568" t="s">
        <v>13368</v>
      </c>
      <c r="E21568" t="s">
        <v>13293</v>
      </c>
      <c r="F21568" t="s">
        <v>13294</v>
      </c>
      <c r="G21568" t="s">
        <v>10214</v>
      </c>
      <c r="H21568" t="s">
        <v>10215</v>
      </c>
      <c r="I21568" s="2">
        <v>1</v>
      </c>
      <c r="J21568" s="2">
        <v>0</v>
      </c>
      <c r="K21568" s="2">
        <v>0</v>
      </c>
      <c r="L21568" t="s">
        <v>120</v>
      </c>
      <c r="M21568" t="s">
        <v>89</v>
      </c>
      <c r="N21568" t="s">
        <v>90</v>
      </c>
      <c r="O21568" t="s">
        <v>85</v>
      </c>
      <c r="P21568" t="s">
        <v>86</v>
      </c>
      <c r="Q21568">
        <v>26</v>
      </c>
      <c r="R21568">
        <v>27</v>
      </c>
      <c r="S21568">
        <v>27</v>
      </c>
      <c r="T21568">
        <v>28</v>
      </c>
      <c r="U21568">
        <v>28</v>
      </c>
      <c r="V21568">
        <v>29</v>
      </c>
      <c r="W21568">
        <v>29</v>
      </c>
      <c r="X21568">
        <v>30</v>
      </c>
      <c r="Y21568">
        <v>30</v>
      </c>
      <c r="Z21568">
        <v>30</v>
      </c>
      <c r="AA21568">
        <v>31</v>
      </c>
      <c r="AB21568">
        <v>31</v>
      </c>
      <c r="AC21568">
        <v>31</v>
      </c>
      <c r="AD21568">
        <v>31</v>
      </c>
      <c r="AE21568">
        <v>32</v>
      </c>
      <c r="AF21568">
        <v>32</v>
      </c>
      <c r="AG21568">
        <v>32</v>
      </c>
      <c r="AH21568">
        <v>31</v>
      </c>
      <c r="AI21568">
        <v>31</v>
      </c>
      <c r="AJ21568">
        <v>31</v>
      </c>
      <c r="AK21568">
        <v>31</v>
      </c>
      <c r="AL21568">
        <v>31</v>
      </c>
      <c r="AM21568">
        <v>31</v>
      </c>
      <c r="AN21568">
        <v>31</v>
      </c>
      <c r="AO21568">
        <v>31</v>
      </c>
      <c r="AP21568">
        <v>31</v>
      </c>
      <c r="AQ21568">
        <v>31</v>
      </c>
    </row>
    <row r="21569" spans="1:43">
      <c r="A21569" t="s">
        <v>13371</v>
      </c>
      <c r="B21569" t="s">
        <v>13372</v>
      </c>
      <c r="C21569" t="s">
        <v>13367</v>
      </c>
      <c r="D21569" t="s">
        <v>13368</v>
      </c>
      <c r="E21569" t="s">
        <v>13293</v>
      </c>
      <c r="F21569" t="s">
        <v>13294</v>
      </c>
      <c r="G21569" t="s">
        <v>10214</v>
      </c>
      <c r="H21569" t="s">
        <v>10215</v>
      </c>
      <c r="I21569" s="2">
        <v>1</v>
      </c>
      <c r="J21569" s="2">
        <v>0</v>
      </c>
      <c r="K21569" s="2">
        <v>0</v>
      </c>
      <c r="L21569" t="s">
        <v>120</v>
      </c>
      <c r="M21569" t="s">
        <v>83</v>
      </c>
      <c r="N21569" t="s">
        <v>91</v>
      </c>
      <c r="O21569" t="s">
        <v>85</v>
      </c>
      <c r="P21569" t="s">
        <v>86</v>
      </c>
      <c r="Q21569">
        <v>26</v>
      </c>
      <c r="R21569">
        <v>27</v>
      </c>
      <c r="S21569">
        <v>27</v>
      </c>
      <c r="T21569">
        <v>27</v>
      </c>
      <c r="U21569">
        <v>27</v>
      </c>
      <c r="V21569">
        <v>28</v>
      </c>
      <c r="W21569">
        <v>28</v>
      </c>
      <c r="X21569">
        <v>28</v>
      </c>
      <c r="Y21569">
        <v>28</v>
      </c>
      <c r="Z21569">
        <v>29</v>
      </c>
      <c r="AA21569">
        <v>29</v>
      </c>
      <c r="AB21569">
        <v>29</v>
      </c>
      <c r="AC21569">
        <v>29</v>
      </c>
      <c r="AD21569">
        <v>29</v>
      </c>
      <c r="AE21569">
        <v>30</v>
      </c>
      <c r="AF21569">
        <v>30</v>
      </c>
      <c r="AG21569">
        <v>30</v>
      </c>
      <c r="AH21569">
        <v>30</v>
      </c>
      <c r="AI21569">
        <v>30</v>
      </c>
      <c r="AJ21569">
        <v>31</v>
      </c>
      <c r="AK21569">
        <v>31</v>
      </c>
      <c r="AL21569">
        <v>31</v>
      </c>
      <c r="AM21569">
        <v>31</v>
      </c>
      <c r="AN21569">
        <v>31</v>
      </c>
      <c r="AO21569">
        <v>31</v>
      </c>
      <c r="AP21569">
        <v>31</v>
      </c>
      <c r="AQ21569">
        <v>31</v>
      </c>
    </row>
    <row r="21570" spans="1:43">
      <c r="A21570" t="s">
        <v>13373</v>
      </c>
      <c r="B21570" t="s">
        <v>13374</v>
      </c>
      <c r="C21570" t="s">
        <v>13367</v>
      </c>
      <c r="D21570" t="s">
        <v>13368</v>
      </c>
      <c r="E21570" t="s">
        <v>13293</v>
      </c>
      <c r="F21570" t="s">
        <v>13294</v>
      </c>
      <c r="G21570" t="s">
        <v>10214</v>
      </c>
      <c r="H21570" t="s">
        <v>10215</v>
      </c>
      <c r="I21570" s="2">
        <v>1</v>
      </c>
      <c r="J21570" s="2">
        <v>0</v>
      </c>
      <c r="K21570" s="2">
        <v>0</v>
      </c>
      <c r="L21570" t="s">
        <v>120</v>
      </c>
      <c r="M21570" t="s">
        <v>83</v>
      </c>
      <c r="N21570" t="s">
        <v>84</v>
      </c>
      <c r="O21570" t="s">
        <v>85</v>
      </c>
      <c r="P21570" t="s">
        <v>86</v>
      </c>
      <c r="Q21570">
        <v>27</v>
      </c>
      <c r="R21570">
        <v>27</v>
      </c>
      <c r="S21570">
        <v>28</v>
      </c>
      <c r="T21570">
        <v>28</v>
      </c>
      <c r="U21570">
        <v>28</v>
      </c>
      <c r="V21570">
        <v>28</v>
      </c>
      <c r="W21570">
        <v>29</v>
      </c>
      <c r="X21570">
        <v>29</v>
      </c>
      <c r="Y21570">
        <v>29</v>
      </c>
      <c r="Z21570">
        <v>29</v>
      </c>
      <c r="AA21570">
        <v>29</v>
      </c>
      <c r="AB21570">
        <v>30</v>
      </c>
      <c r="AC21570">
        <v>30</v>
      </c>
      <c r="AD21570">
        <v>30</v>
      </c>
      <c r="AE21570">
        <v>30</v>
      </c>
      <c r="AF21570">
        <v>30</v>
      </c>
      <c r="AG21570">
        <v>31</v>
      </c>
      <c r="AH21570">
        <v>31</v>
      </c>
      <c r="AI21570">
        <v>31</v>
      </c>
      <c r="AJ21570">
        <v>31</v>
      </c>
      <c r="AK21570">
        <v>31</v>
      </c>
      <c r="AL21570">
        <v>31</v>
      </c>
      <c r="AM21570">
        <v>31</v>
      </c>
      <c r="AN21570">
        <v>31</v>
      </c>
      <c r="AO21570">
        <v>31</v>
      </c>
      <c r="AP21570">
        <v>31</v>
      </c>
      <c r="AQ21570">
        <v>31</v>
      </c>
    </row>
    <row r="21571" spans="1:43">
      <c r="A21571" t="s">
        <v>13373</v>
      </c>
      <c r="B21571" t="s">
        <v>13374</v>
      </c>
      <c r="C21571" t="s">
        <v>13367</v>
      </c>
      <c r="D21571" t="s">
        <v>13368</v>
      </c>
      <c r="E21571" t="s">
        <v>13293</v>
      </c>
      <c r="F21571" t="s">
        <v>13294</v>
      </c>
      <c r="G21571" t="s">
        <v>10214</v>
      </c>
      <c r="H21571" t="s">
        <v>10215</v>
      </c>
      <c r="I21571" s="2">
        <v>1</v>
      </c>
      <c r="J21571" s="2">
        <v>0</v>
      </c>
      <c r="K21571" s="2">
        <v>0</v>
      </c>
      <c r="L21571" t="s">
        <v>120</v>
      </c>
      <c r="M21571" t="s">
        <v>87</v>
      </c>
      <c r="N21571" t="s">
        <v>88</v>
      </c>
      <c r="O21571" t="s">
        <v>85</v>
      </c>
      <c r="P21571" t="s">
        <v>86</v>
      </c>
      <c r="Q21571">
        <v>27</v>
      </c>
      <c r="R21571">
        <v>27</v>
      </c>
      <c r="S21571">
        <v>27</v>
      </c>
      <c r="T21571">
        <v>27</v>
      </c>
      <c r="U21571">
        <v>27</v>
      </c>
      <c r="V21571">
        <v>27</v>
      </c>
      <c r="W21571">
        <v>27</v>
      </c>
      <c r="X21571">
        <v>27</v>
      </c>
      <c r="Y21571">
        <v>27</v>
      </c>
      <c r="Z21571">
        <v>27</v>
      </c>
      <c r="AA21571">
        <v>27</v>
      </c>
      <c r="AB21571">
        <v>27</v>
      </c>
      <c r="AC21571">
        <v>27</v>
      </c>
      <c r="AD21571">
        <v>27</v>
      </c>
      <c r="AE21571">
        <v>27</v>
      </c>
      <c r="AF21571">
        <v>27</v>
      </c>
      <c r="AG21571">
        <v>27</v>
      </c>
      <c r="AH21571">
        <v>27</v>
      </c>
      <c r="AI21571">
        <v>27</v>
      </c>
      <c r="AJ21571">
        <v>27</v>
      </c>
      <c r="AK21571">
        <v>27</v>
      </c>
      <c r="AL21571">
        <v>27</v>
      </c>
      <c r="AM21571">
        <v>27</v>
      </c>
      <c r="AN21571">
        <v>27</v>
      </c>
      <c r="AO21571">
        <v>27</v>
      </c>
      <c r="AP21571">
        <v>27</v>
      </c>
      <c r="AQ21571">
        <v>27</v>
      </c>
    </row>
    <row r="21572" spans="1:43">
      <c r="A21572" t="s">
        <v>13373</v>
      </c>
      <c r="B21572" t="s">
        <v>13374</v>
      </c>
      <c r="C21572" t="s">
        <v>13367</v>
      </c>
      <c r="D21572" t="s">
        <v>13368</v>
      </c>
      <c r="E21572" t="s">
        <v>13293</v>
      </c>
      <c r="F21572" t="s">
        <v>13294</v>
      </c>
      <c r="G21572" t="s">
        <v>10214</v>
      </c>
      <c r="H21572" t="s">
        <v>10215</v>
      </c>
      <c r="I21572" s="2">
        <v>1</v>
      </c>
      <c r="J21572" s="2">
        <v>0</v>
      </c>
      <c r="K21572" s="2">
        <v>0</v>
      </c>
      <c r="L21572" t="s">
        <v>120</v>
      </c>
      <c r="M21572" t="s">
        <v>89</v>
      </c>
      <c r="N21572" t="s">
        <v>90</v>
      </c>
      <c r="O21572" t="s">
        <v>85</v>
      </c>
      <c r="P21572" t="s">
        <v>86</v>
      </c>
      <c r="Q21572">
        <v>27</v>
      </c>
      <c r="R21572">
        <v>28</v>
      </c>
      <c r="S21572">
        <v>28</v>
      </c>
      <c r="T21572">
        <v>29</v>
      </c>
      <c r="U21572">
        <v>29</v>
      </c>
      <c r="V21572">
        <v>30</v>
      </c>
      <c r="W21572">
        <v>30</v>
      </c>
      <c r="X21572">
        <v>30</v>
      </c>
      <c r="Y21572">
        <v>31</v>
      </c>
      <c r="Z21572">
        <v>31</v>
      </c>
      <c r="AA21572">
        <v>31</v>
      </c>
      <c r="AB21572">
        <v>32</v>
      </c>
      <c r="AC21572">
        <v>32</v>
      </c>
      <c r="AD21572">
        <v>32</v>
      </c>
      <c r="AE21572">
        <v>32</v>
      </c>
      <c r="AF21572">
        <v>32</v>
      </c>
      <c r="AG21572">
        <v>32</v>
      </c>
      <c r="AH21572">
        <v>32</v>
      </c>
      <c r="AI21572">
        <v>32</v>
      </c>
      <c r="AJ21572">
        <v>32</v>
      </c>
      <c r="AK21572">
        <v>32</v>
      </c>
      <c r="AL21572">
        <v>32</v>
      </c>
      <c r="AM21572">
        <v>32</v>
      </c>
      <c r="AN21572">
        <v>32</v>
      </c>
      <c r="AO21572">
        <v>32</v>
      </c>
      <c r="AP21572">
        <v>32</v>
      </c>
      <c r="AQ21572">
        <v>31</v>
      </c>
    </row>
    <row r="21573" spans="1:43">
      <c r="A21573" t="s">
        <v>13373</v>
      </c>
      <c r="B21573" t="s">
        <v>13374</v>
      </c>
      <c r="C21573" t="s">
        <v>13367</v>
      </c>
      <c r="D21573" t="s">
        <v>13368</v>
      </c>
      <c r="E21573" t="s">
        <v>13293</v>
      </c>
      <c r="F21573" t="s">
        <v>13294</v>
      </c>
      <c r="G21573" t="s">
        <v>10214</v>
      </c>
      <c r="H21573" t="s">
        <v>10215</v>
      </c>
      <c r="I21573" s="2">
        <v>1</v>
      </c>
      <c r="J21573" s="2">
        <v>0</v>
      </c>
      <c r="K21573" s="2">
        <v>0</v>
      </c>
      <c r="L21573" t="s">
        <v>120</v>
      </c>
      <c r="M21573" t="s">
        <v>83</v>
      </c>
      <c r="N21573" t="s">
        <v>91</v>
      </c>
      <c r="O21573" t="s">
        <v>85</v>
      </c>
      <c r="P21573" t="s">
        <v>86</v>
      </c>
      <c r="Q21573">
        <v>27</v>
      </c>
      <c r="R21573">
        <v>27</v>
      </c>
      <c r="S21573">
        <v>28</v>
      </c>
      <c r="T21573">
        <v>28</v>
      </c>
      <c r="U21573">
        <v>28</v>
      </c>
      <c r="V21573">
        <v>28</v>
      </c>
      <c r="W21573">
        <v>29</v>
      </c>
      <c r="X21573">
        <v>29</v>
      </c>
      <c r="Y21573">
        <v>29</v>
      </c>
      <c r="Z21573">
        <v>29</v>
      </c>
      <c r="AA21573">
        <v>29</v>
      </c>
      <c r="AB21573">
        <v>30</v>
      </c>
      <c r="AC21573">
        <v>30</v>
      </c>
      <c r="AD21573">
        <v>30</v>
      </c>
      <c r="AE21573">
        <v>30</v>
      </c>
      <c r="AF21573">
        <v>30</v>
      </c>
      <c r="AG21573">
        <v>31</v>
      </c>
      <c r="AH21573">
        <v>31</v>
      </c>
      <c r="AI21573">
        <v>31</v>
      </c>
      <c r="AJ21573">
        <v>31</v>
      </c>
      <c r="AK21573">
        <v>31</v>
      </c>
      <c r="AL21573">
        <v>31</v>
      </c>
      <c r="AM21573">
        <v>31</v>
      </c>
      <c r="AN21573">
        <v>31</v>
      </c>
      <c r="AO21573">
        <v>31</v>
      </c>
      <c r="AP21573">
        <v>31</v>
      </c>
      <c r="AQ21573">
        <v>31</v>
      </c>
    </row>
    <row r="21574" spans="1:43">
      <c r="A21574" t="s">
        <v>13375</v>
      </c>
      <c r="B21574" t="s">
        <v>13376</v>
      </c>
      <c r="C21574" t="s">
        <v>13367</v>
      </c>
      <c r="D21574" t="s">
        <v>13368</v>
      </c>
      <c r="E21574" t="s">
        <v>13293</v>
      </c>
      <c r="F21574" t="s">
        <v>13294</v>
      </c>
      <c r="G21574" t="s">
        <v>10214</v>
      </c>
      <c r="H21574" t="s">
        <v>10215</v>
      </c>
      <c r="I21574" s="2">
        <v>1</v>
      </c>
      <c r="J21574" s="2">
        <v>0</v>
      </c>
      <c r="K21574" s="2">
        <v>0</v>
      </c>
      <c r="L21574" t="s">
        <v>120</v>
      </c>
      <c r="M21574" t="s">
        <v>83</v>
      </c>
      <c r="N21574" t="s">
        <v>84</v>
      </c>
      <c r="O21574" t="s">
        <v>85</v>
      </c>
      <c r="P21574" t="s">
        <v>86</v>
      </c>
      <c r="Q21574">
        <v>14</v>
      </c>
      <c r="R21574">
        <v>15</v>
      </c>
      <c r="S21574">
        <v>15</v>
      </c>
      <c r="T21574">
        <v>15</v>
      </c>
      <c r="U21574">
        <v>15</v>
      </c>
      <c r="V21574">
        <v>15</v>
      </c>
      <c r="W21574">
        <v>15</v>
      </c>
      <c r="X21574">
        <v>15</v>
      </c>
      <c r="Y21574">
        <v>15</v>
      </c>
      <c r="Z21574">
        <v>15</v>
      </c>
      <c r="AA21574">
        <v>16</v>
      </c>
      <c r="AB21574">
        <v>16</v>
      </c>
      <c r="AC21574">
        <v>16</v>
      </c>
      <c r="AD21574">
        <v>16</v>
      </c>
      <c r="AE21574">
        <v>16</v>
      </c>
      <c r="AF21574">
        <v>16</v>
      </c>
      <c r="AG21574">
        <v>16</v>
      </c>
      <c r="AH21574">
        <v>16</v>
      </c>
      <c r="AI21574">
        <v>16</v>
      </c>
      <c r="AJ21574">
        <v>16</v>
      </c>
      <c r="AK21574">
        <v>16</v>
      </c>
      <c r="AL21574">
        <v>16</v>
      </c>
      <c r="AM21574">
        <v>16</v>
      </c>
      <c r="AN21574">
        <v>16</v>
      </c>
      <c r="AO21574">
        <v>16</v>
      </c>
      <c r="AP21574">
        <v>16</v>
      </c>
      <c r="AQ21574">
        <v>16</v>
      </c>
    </row>
    <row r="21575" spans="1:43">
      <c r="A21575" t="s">
        <v>13375</v>
      </c>
      <c r="B21575" t="s">
        <v>13376</v>
      </c>
      <c r="C21575" t="s">
        <v>13367</v>
      </c>
      <c r="D21575" t="s">
        <v>13368</v>
      </c>
      <c r="E21575" t="s">
        <v>13293</v>
      </c>
      <c r="F21575" t="s">
        <v>13294</v>
      </c>
      <c r="G21575" t="s">
        <v>10214</v>
      </c>
      <c r="H21575" t="s">
        <v>10215</v>
      </c>
      <c r="I21575" s="2">
        <v>1</v>
      </c>
      <c r="J21575" s="2">
        <v>0</v>
      </c>
      <c r="K21575" s="2">
        <v>0</v>
      </c>
      <c r="L21575" t="s">
        <v>120</v>
      </c>
      <c r="M21575" t="s">
        <v>87</v>
      </c>
      <c r="N21575" t="s">
        <v>88</v>
      </c>
      <c r="O21575" t="s">
        <v>85</v>
      </c>
      <c r="P21575" t="s">
        <v>86</v>
      </c>
      <c r="Q21575">
        <v>14</v>
      </c>
      <c r="R21575">
        <v>14</v>
      </c>
      <c r="S21575">
        <v>14</v>
      </c>
      <c r="T21575">
        <v>14</v>
      </c>
      <c r="U21575">
        <v>14</v>
      </c>
      <c r="V21575">
        <v>14</v>
      </c>
      <c r="W21575">
        <v>14</v>
      </c>
      <c r="X21575">
        <v>14</v>
      </c>
      <c r="Y21575">
        <v>14</v>
      </c>
      <c r="Z21575">
        <v>14</v>
      </c>
      <c r="AA21575">
        <v>14</v>
      </c>
      <c r="AB21575">
        <v>14</v>
      </c>
      <c r="AC21575">
        <v>14</v>
      </c>
      <c r="AD21575">
        <v>14</v>
      </c>
      <c r="AE21575">
        <v>14</v>
      </c>
      <c r="AF21575">
        <v>14</v>
      </c>
      <c r="AG21575">
        <v>14</v>
      </c>
      <c r="AH21575">
        <v>14</v>
      </c>
      <c r="AI21575">
        <v>14</v>
      </c>
      <c r="AJ21575">
        <v>14</v>
      </c>
      <c r="AK21575">
        <v>14</v>
      </c>
      <c r="AL21575">
        <v>14</v>
      </c>
      <c r="AM21575">
        <v>14</v>
      </c>
      <c r="AN21575">
        <v>14</v>
      </c>
      <c r="AO21575">
        <v>14</v>
      </c>
      <c r="AP21575">
        <v>14</v>
      </c>
      <c r="AQ21575">
        <v>14</v>
      </c>
    </row>
    <row r="21576" spans="1:43">
      <c r="A21576" t="s">
        <v>13375</v>
      </c>
      <c r="B21576" t="s">
        <v>13376</v>
      </c>
      <c r="C21576" t="s">
        <v>13367</v>
      </c>
      <c r="D21576" t="s">
        <v>13368</v>
      </c>
      <c r="E21576" t="s">
        <v>13293</v>
      </c>
      <c r="F21576" t="s">
        <v>13294</v>
      </c>
      <c r="G21576" t="s">
        <v>10214</v>
      </c>
      <c r="H21576" t="s">
        <v>10215</v>
      </c>
      <c r="I21576" s="2">
        <v>1</v>
      </c>
      <c r="J21576" s="2">
        <v>0</v>
      </c>
      <c r="K21576" s="2">
        <v>0</v>
      </c>
      <c r="L21576" t="s">
        <v>120</v>
      </c>
      <c r="M21576" t="s">
        <v>89</v>
      </c>
      <c r="N21576" t="s">
        <v>90</v>
      </c>
      <c r="O21576" t="s">
        <v>85</v>
      </c>
      <c r="P21576" t="s">
        <v>86</v>
      </c>
      <c r="Q21576">
        <v>14</v>
      </c>
      <c r="R21576">
        <v>14</v>
      </c>
      <c r="S21576">
        <v>14</v>
      </c>
      <c r="T21576">
        <v>14</v>
      </c>
      <c r="U21576">
        <v>15</v>
      </c>
      <c r="V21576">
        <v>15</v>
      </c>
      <c r="W21576">
        <v>15</v>
      </c>
      <c r="X21576">
        <v>15</v>
      </c>
      <c r="Y21576">
        <v>15</v>
      </c>
      <c r="Z21576">
        <v>15</v>
      </c>
      <c r="AA21576">
        <v>15</v>
      </c>
      <c r="AB21576">
        <v>16</v>
      </c>
      <c r="AC21576">
        <v>16</v>
      </c>
      <c r="AD21576">
        <v>16</v>
      </c>
      <c r="AE21576">
        <v>16</v>
      </c>
      <c r="AF21576">
        <v>16</v>
      </c>
      <c r="AG21576">
        <v>16</v>
      </c>
      <c r="AH21576">
        <v>16</v>
      </c>
      <c r="AI21576">
        <v>16</v>
      </c>
      <c r="AJ21576">
        <v>15</v>
      </c>
      <c r="AK21576">
        <v>15</v>
      </c>
      <c r="AL21576">
        <v>15</v>
      </c>
      <c r="AM21576">
        <v>15</v>
      </c>
      <c r="AN21576">
        <v>15</v>
      </c>
      <c r="AO21576">
        <v>15</v>
      </c>
      <c r="AP21576">
        <v>15</v>
      </c>
      <c r="AQ21576">
        <v>15</v>
      </c>
    </row>
    <row r="21577" spans="1:43">
      <c r="A21577" t="s">
        <v>13375</v>
      </c>
      <c r="B21577" t="s">
        <v>13376</v>
      </c>
      <c r="C21577" t="s">
        <v>13367</v>
      </c>
      <c r="D21577" t="s">
        <v>13368</v>
      </c>
      <c r="E21577" t="s">
        <v>13293</v>
      </c>
      <c r="F21577" t="s">
        <v>13294</v>
      </c>
      <c r="G21577" t="s">
        <v>10214</v>
      </c>
      <c r="H21577" t="s">
        <v>10215</v>
      </c>
      <c r="I21577" s="2">
        <v>1</v>
      </c>
      <c r="J21577" s="2">
        <v>0</v>
      </c>
      <c r="K21577" s="2">
        <v>0</v>
      </c>
      <c r="L21577" t="s">
        <v>120</v>
      </c>
      <c r="M21577" t="s">
        <v>83</v>
      </c>
      <c r="N21577" t="s">
        <v>91</v>
      </c>
      <c r="O21577" t="s">
        <v>85</v>
      </c>
      <c r="P21577" t="s">
        <v>86</v>
      </c>
      <c r="Q21577">
        <v>14</v>
      </c>
      <c r="R21577">
        <v>15</v>
      </c>
      <c r="S21577">
        <v>15</v>
      </c>
      <c r="T21577">
        <v>15</v>
      </c>
      <c r="U21577">
        <v>15</v>
      </c>
      <c r="V21577">
        <v>15</v>
      </c>
      <c r="W21577">
        <v>15</v>
      </c>
      <c r="X21577">
        <v>15</v>
      </c>
      <c r="Y21577">
        <v>15</v>
      </c>
      <c r="Z21577">
        <v>15</v>
      </c>
      <c r="AA21577">
        <v>16</v>
      </c>
      <c r="AB21577">
        <v>16</v>
      </c>
      <c r="AC21577">
        <v>16</v>
      </c>
      <c r="AD21577">
        <v>16</v>
      </c>
      <c r="AE21577">
        <v>16</v>
      </c>
      <c r="AF21577">
        <v>16</v>
      </c>
      <c r="AG21577">
        <v>16</v>
      </c>
      <c r="AH21577">
        <v>16</v>
      </c>
      <c r="AI21577">
        <v>16</v>
      </c>
      <c r="AJ21577">
        <v>16</v>
      </c>
      <c r="AK21577">
        <v>16</v>
      </c>
      <c r="AL21577">
        <v>16</v>
      </c>
      <c r="AM21577">
        <v>16</v>
      </c>
      <c r="AN21577">
        <v>16</v>
      </c>
      <c r="AO21577">
        <v>16</v>
      </c>
      <c r="AP21577">
        <v>16</v>
      </c>
      <c r="AQ21577">
        <v>16</v>
      </c>
    </row>
    <row r="21578" spans="1:43">
      <c r="A21578" t="s">
        <v>13377</v>
      </c>
      <c r="B21578" t="s">
        <v>13378</v>
      </c>
      <c r="C21578" t="s">
        <v>13353</v>
      </c>
      <c r="D21578" t="s">
        <v>13354</v>
      </c>
      <c r="E21578" t="s">
        <v>13293</v>
      </c>
      <c r="F21578" t="s">
        <v>13294</v>
      </c>
      <c r="G21578" t="s">
        <v>10214</v>
      </c>
      <c r="H21578" t="s">
        <v>10215</v>
      </c>
      <c r="I21578" s="2">
        <v>1</v>
      </c>
      <c r="J21578" s="2">
        <v>0</v>
      </c>
      <c r="K21578" s="2">
        <v>0</v>
      </c>
      <c r="L21578" t="s">
        <v>120</v>
      </c>
      <c r="M21578" t="s">
        <v>83</v>
      </c>
      <c r="N21578" t="s">
        <v>84</v>
      </c>
      <c r="O21578" t="s">
        <v>85</v>
      </c>
      <c r="P21578" t="s">
        <v>86</v>
      </c>
      <c r="Q21578">
        <v>33</v>
      </c>
      <c r="R21578">
        <v>33</v>
      </c>
      <c r="S21578">
        <v>33</v>
      </c>
      <c r="T21578">
        <v>34</v>
      </c>
      <c r="U21578">
        <v>34</v>
      </c>
      <c r="V21578">
        <v>34</v>
      </c>
      <c r="W21578">
        <v>34</v>
      </c>
      <c r="X21578">
        <v>35</v>
      </c>
      <c r="Y21578">
        <v>35</v>
      </c>
      <c r="Z21578">
        <v>35</v>
      </c>
      <c r="AA21578">
        <v>35</v>
      </c>
      <c r="AB21578">
        <v>36</v>
      </c>
      <c r="AC21578">
        <v>36</v>
      </c>
      <c r="AD21578">
        <v>36</v>
      </c>
      <c r="AE21578">
        <v>36</v>
      </c>
      <c r="AF21578">
        <v>36</v>
      </c>
      <c r="AG21578">
        <v>37</v>
      </c>
      <c r="AH21578">
        <v>37</v>
      </c>
      <c r="AI21578">
        <v>37</v>
      </c>
      <c r="AJ21578">
        <v>37</v>
      </c>
      <c r="AK21578">
        <v>37</v>
      </c>
      <c r="AL21578">
        <v>37</v>
      </c>
      <c r="AM21578">
        <v>37</v>
      </c>
      <c r="AN21578">
        <v>37</v>
      </c>
      <c r="AO21578">
        <v>37</v>
      </c>
      <c r="AP21578">
        <v>37</v>
      </c>
      <c r="AQ21578">
        <v>36</v>
      </c>
    </row>
    <row r="21579" spans="1:43">
      <c r="A21579" t="s">
        <v>13377</v>
      </c>
      <c r="B21579" t="s">
        <v>13378</v>
      </c>
      <c r="C21579" t="s">
        <v>13353</v>
      </c>
      <c r="D21579" t="s">
        <v>13354</v>
      </c>
      <c r="E21579" t="s">
        <v>13293</v>
      </c>
      <c r="F21579" t="s">
        <v>13294</v>
      </c>
      <c r="G21579" t="s">
        <v>10214</v>
      </c>
      <c r="H21579" t="s">
        <v>10215</v>
      </c>
      <c r="I21579" s="2">
        <v>1</v>
      </c>
      <c r="J21579" s="2">
        <v>0</v>
      </c>
      <c r="K21579" s="2">
        <v>0</v>
      </c>
      <c r="L21579" t="s">
        <v>120</v>
      </c>
      <c r="M21579" t="s">
        <v>87</v>
      </c>
      <c r="N21579" t="s">
        <v>88</v>
      </c>
      <c r="O21579" t="s">
        <v>85</v>
      </c>
      <c r="P21579" t="s">
        <v>86</v>
      </c>
      <c r="Q21579">
        <v>33</v>
      </c>
      <c r="R21579">
        <v>33</v>
      </c>
      <c r="S21579">
        <v>33</v>
      </c>
      <c r="T21579">
        <v>33</v>
      </c>
      <c r="U21579">
        <v>33</v>
      </c>
      <c r="V21579">
        <v>33</v>
      </c>
      <c r="W21579">
        <v>33</v>
      </c>
      <c r="X21579">
        <v>33</v>
      </c>
      <c r="Y21579">
        <v>33</v>
      </c>
      <c r="Z21579">
        <v>33</v>
      </c>
      <c r="AA21579">
        <v>33</v>
      </c>
      <c r="AB21579">
        <v>33</v>
      </c>
      <c r="AC21579">
        <v>33</v>
      </c>
      <c r="AD21579">
        <v>33</v>
      </c>
      <c r="AE21579">
        <v>33</v>
      </c>
      <c r="AF21579">
        <v>33</v>
      </c>
      <c r="AG21579">
        <v>33</v>
      </c>
      <c r="AH21579">
        <v>33</v>
      </c>
      <c r="AI21579">
        <v>33</v>
      </c>
      <c r="AJ21579">
        <v>33</v>
      </c>
      <c r="AK21579">
        <v>33</v>
      </c>
      <c r="AL21579">
        <v>33</v>
      </c>
      <c r="AM21579">
        <v>33</v>
      </c>
      <c r="AN21579">
        <v>33</v>
      </c>
      <c r="AO21579">
        <v>33</v>
      </c>
      <c r="AP21579">
        <v>33</v>
      </c>
      <c r="AQ21579">
        <v>33</v>
      </c>
    </row>
    <row r="21580" spans="1:43">
      <c r="A21580" t="s">
        <v>13377</v>
      </c>
      <c r="B21580" t="s">
        <v>13378</v>
      </c>
      <c r="C21580" t="s">
        <v>13353</v>
      </c>
      <c r="D21580" t="s">
        <v>13354</v>
      </c>
      <c r="E21580" t="s">
        <v>13293</v>
      </c>
      <c r="F21580" t="s">
        <v>13294</v>
      </c>
      <c r="G21580" t="s">
        <v>10214</v>
      </c>
      <c r="H21580" t="s">
        <v>10215</v>
      </c>
      <c r="I21580" s="2">
        <v>1</v>
      </c>
      <c r="J21580" s="2">
        <v>0</v>
      </c>
      <c r="K21580" s="2">
        <v>0</v>
      </c>
      <c r="L21580" t="s">
        <v>120</v>
      </c>
      <c r="M21580" t="s">
        <v>89</v>
      </c>
      <c r="N21580" t="s">
        <v>90</v>
      </c>
      <c r="O21580" t="s">
        <v>85</v>
      </c>
      <c r="P21580" t="s">
        <v>86</v>
      </c>
      <c r="Q21580">
        <v>33</v>
      </c>
      <c r="R21580">
        <v>34</v>
      </c>
      <c r="S21580">
        <v>34</v>
      </c>
      <c r="T21580">
        <v>35</v>
      </c>
      <c r="U21580">
        <v>35</v>
      </c>
      <c r="V21580">
        <v>36</v>
      </c>
      <c r="W21580">
        <v>36</v>
      </c>
      <c r="X21580">
        <v>37</v>
      </c>
      <c r="Y21580">
        <v>37</v>
      </c>
      <c r="Z21580">
        <v>37</v>
      </c>
      <c r="AA21580">
        <v>38</v>
      </c>
      <c r="AB21580">
        <v>38</v>
      </c>
      <c r="AC21580">
        <v>38</v>
      </c>
      <c r="AD21580">
        <v>39</v>
      </c>
      <c r="AE21580">
        <v>39</v>
      </c>
      <c r="AF21580">
        <v>39</v>
      </c>
      <c r="AG21580">
        <v>38</v>
      </c>
      <c r="AH21580">
        <v>38</v>
      </c>
      <c r="AI21580">
        <v>38</v>
      </c>
      <c r="AJ21580">
        <v>38</v>
      </c>
      <c r="AK21580">
        <v>38</v>
      </c>
      <c r="AL21580">
        <v>38</v>
      </c>
      <c r="AM21580">
        <v>37</v>
      </c>
      <c r="AN21580">
        <v>37</v>
      </c>
      <c r="AO21580">
        <v>37</v>
      </c>
      <c r="AP21580">
        <v>37</v>
      </c>
      <c r="AQ21580">
        <v>37</v>
      </c>
    </row>
    <row r="21581" spans="1:43">
      <c r="A21581" t="s">
        <v>13377</v>
      </c>
      <c r="B21581" t="s">
        <v>13378</v>
      </c>
      <c r="C21581" t="s">
        <v>13353</v>
      </c>
      <c r="D21581" t="s">
        <v>13354</v>
      </c>
      <c r="E21581" t="s">
        <v>13293</v>
      </c>
      <c r="F21581" t="s">
        <v>13294</v>
      </c>
      <c r="G21581" t="s">
        <v>10214</v>
      </c>
      <c r="H21581" t="s">
        <v>10215</v>
      </c>
      <c r="I21581" s="2">
        <v>1</v>
      </c>
      <c r="J21581" s="2">
        <v>0</v>
      </c>
      <c r="K21581" s="2">
        <v>0</v>
      </c>
      <c r="L21581" t="s">
        <v>120</v>
      </c>
      <c r="M21581" t="s">
        <v>83</v>
      </c>
      <c r="N21581" t="s">
        <v>91</v>
      </c>
      <c r="O21581" t="s">
        <v>85</v>
      </c>
      <c r="P21581" t="s">
        <v>86</v>
      </c>
      <c r="Q21581">
        <v>33</v>
      </c>
      <c r="R21581">
        <v>33</v>
      </c>
      <c r="S21581">
        <v>33</v>
      </c>
      <c r="T21581">
        <v>34</v>
      </c>
      <c r="U21581">
        <v>34</v>
      </c>
      <c r="V21581">
        <v>34</v>
      </c>
      <c r="W21581">
        <v>34</v>
      </c>
      <c r="X21581">
        <v>35</v>
      </c>
      <c r="Y21581">
        <v>35</v>
      </c>
      <c r="Z21581">
        <v>35</v>
      </c>
      <c r="AA21581">
        <v>35</v>
      </c>
      <c r="AB21581">
        <v>36</v>
      </c>
      <c r="AC21581">
        <v>36</v>
      </c>
      <c r="AD21581">
        <v>36</v>
      </c>
      <c r="AE21581">
        <v>36</v>
      </c>
      <c r="AF21581">
        <v>36</v>
      </c>
      <c r="AG21581">
        <v>37</v>
      </c>
      <c r="AH21581">
        <v>37</v>
      </c>
      <c r="AI21581">
        <v>37</v>
      </c>
      <c r="AJ21581">
        <v>37</v>
      </c>
      <c r="AK21581">
        <v>37</v>
      </c>
      <c r="AL21581">
        <v>37</v>
      </c>
      <c r="AM21581">
        <v>37</v>
      </c>
      <c r="AN21581">
        <v>37</v>
      </c>
      <c r="AO21581">
        <v>37</v>
      </c>
      <c r="AP21581">
        <v>37</v>
      </c>
      <c r="AQ21581">
        <v>36</v>
      </c>
    </row>
    <row r="21582" spans="1:43">
      <c r="A21582" t="s">
        <v>13379</v>
      </c>
      <c r="B21582" t="s">
        <v>13380</v>
      </c>
      <c r="C21582" t="s">
        <v>13353</v>
      </c>
      <c r="D21582" t="s">
        <v>13354</v>
      </c>
      <c r="E21582" t="s">
        <v>13293</v>
      </c>
      <c r="F21582" t="s">
        <v>13294</v>
      </c>
      <c r="G21582" t="s">
        <v>10214</v>
      </c>
      <c r="H21582" t="s">
        <v>10215</v>
      </c>
      <c r="I21582" s="2">
        <v>1</v>
      </c>
      <c r="J21582" s="2">
        <v>0</v>
      </c>
      <c r="K21582" s="2">
        <v>0</v>
      </c>
      <c r="L21582" t="s">
        <v>120</v>
      </c>
      <c r="M21582" t="s">
        <v>83</v>
      </c>
      <c r="N21582" t="s">
        <v>84</v>
      </c>
      <c r="O21582" t="s">
        <v>85</v>
      </c>
      <c r="P21582" t="s">
        <v>86</v>
      </c>
      <c r="Q21582">
        <v>7</v>
      </c>
      <c r="R21582">
        <v>7</v>
      </c>
      <c r="S21582">
        <v>7</v>
      </c>
      <c r="T21582">
        <v>7</v>
      </c>
      <c r="U21582">
        <v>7</v>
      </c>
      <c r="V21582">
        <v>8</v>
      </c>
      <c r="W21582">
        <v>8</v>
      </c>
      <c r="X21582">
        <v>8</v>
      </c>
      <c r="Y21582">
        <v>8</v>
      </c>
      <c r="Z21582">
        <v>8</v>
      </c>
      <c r="AA21582">
        <v>8</v>
      </c>
      <c r="AB21582">
        <v>8</v>
      </c>
      <c r="AC21582">
        <v>8</v>
      </c>
      <c r="AD21582">
        <v>8</v>
      </c>
      <c r="AE21582">
        <v>8</v>
      </c>
      <c r="AF21582">
        <v>8</v>
      </c>
      <c r="AG21582">
        <v>8</v>
      </c>
      <c r="AH21582">
        <v>8</v>
      </c>
      <c r="AI21582">
        <v>8</v>
      </c>
      <c r="AJ21582">
        <v>8</v>
      </c>
      <c r="AK21582">
        <v>8</v>
      </c>
      <c r="AL21582">
        <v>8</v>
      </c>
      <c r="AM21582">
        <v>8</v>
      </c>
      <c r="AN21582">
        <v>8</v>
      </c>
      <c r="AO21582">
        <v>8</v>
      </c>
      <c r="AP21582">
        <v>8</v>
      </c>
      <c r="AQ21582">
        <v>8</v>
      </c>
    </row>
    <row r="21583" spans="1:43">
      <c r="A21583" t="s">
        <v>13379</v>
      </c>
      <c r="B21583" t="s">
        <v>13380</v>
      </c>
      <c r="C21583" t="s">
        <v>13353</v>
      </c>
      <c r="D21583" t="s">
        <v>13354</v>
      </c>
      <c r="E21583" t="s">
        <v>13293</v>
      </c>
      <c r="F21583" t="s">
        <v>13294</v>
      </c>
      <c r="G21583" t="s">
        <v>10214</v>
      </c>
      <c r="H21583" t="s">
        <v>10215</v>
      </c>
      <c r="I21583" s="2">
        <v>1</v>
      </c>
      <c r="J21583" s="2">
        <v>0</v>
      </c>
      <c r="K21583" s="2">
        <v>0</v>
      </c>
      <c r="L21583" t="s">
        <v>120</v>
      </c>
      <c r="M21583" t="s">
        <v>87</v>
      </c>
      <c r="N21583" t="s">
        <v>88</v>
      </c>
      <c r="O21583" t="s">
        <v>85</v>
      </c>
      <c r="P21583" t="s">
        <v>86</v>
      </c>
      <c r="Q21583">
        <v>7</v>
      </c>
      <c r="R21583">
        <v>7</v>
      </c>
      <c r="S21583">
        <v>7</v>
      </c>
      <c r="T21583">
        <v>7</v>
      </c>
      <c r="U21583">
        <v>7</v>
      </c>
      <c r="V21583">
        <v>7</v>
      </c>
      <c r="W21583">
        <v>7</v>
      </c>
      <c r="X21583">
        <v>7</v>
      </c>
      <c r="Y21583">
        <v>7</v>
      </c>
      <c r="Z21583">
        <v>7</v>
      </c>
      <c r="AA21583">
        <v>7</v>
      </c>
      <c r="AB21583">
        <v>7</v>
      </c>
      <c r="AC21583">
        <v>7</v>
      </c>
      <c r="AD21583">
        <v>7</v>
      </c>
      <c r="AE21583">
        <v>7</v>
      </c>
      <c r="AF21583">
        <v>7</v>
      </c>
      <c r="AG21583">
        <v>7</v>
      </c>
      <c r="AH21583">
        <v>7</v>
      </c>
      <c r="AI21583">
        <v>7</v>
      </c>
      <c r="AJ21583">
        <v>7</v>
      </c>
      <c r="AK21583">
        <v>7</v>
      </c>
      <c r="AL21583">
        <v>7</v>
      </c>
      <c r="AM21583">
        <v>7</v>
      </c>
      <c r="AN21583">
        <v>7</v>
      </c>
      <c r="AO21583">
        <v>7</v>
      </c>
      <c r="AP21583">
        <v>7</v>
      </c>
      <c r="AQ21583">
        <v>7</v>
      </c>
    </row>
    <row r="21584" spans="1:43">
      <c r="A21584" t="s">
        <v>13379</v>
      </c>
      <c r="B21584" t="s">
        <v>13380</v>
      </c>
      <c r="C21584" t="s">
        <v>13353</v>
      </c>
      <c r="D21584" t="s">
        <v>13354</v>
      </c>
      <c r="E21584" t="s">
        <v>13293</v>
      </c>
      <c r="F21584" t="s">
        <v>13294</v>
      </c>
      <c r="G21584" t="s">
        <v>10214</v>
      </c>
      <c r="H21584" t="s">
        <v>10215</v>
      </c>
      <c r="I21584" s="2">
        <v>1</v>
      </c>
      <c r="J21584" s="2">
        <v>0</v>
      </c>
      <c r="K21584" s="2">
        <v>0</v>
      </c>
      <c r="L21584" t="s">
        <v>120</v>
      </c>
      <c r="M21584" t="s">
        <v>89</v>
      </c>
      <c r="N21584" t="s">
        <v>90</v>
      </c>
      <c r="O21584" t="s">
        <v>85</v>
      </c>
      <c r="P21584" t="s">
        <v>86</v>
      </c>
      <c r="Q21584">
        <v>7</v>
      </c>
      <c r="R21584">
        <v>7</v>
      </c>
      <c r="S21584">
        <v>8</v>
      </c>
      <c r="T21584">
        <v>8</v>
      </c>
      <c r="U21584">
        <v>8</v>
      </c>
      <c r="V21584">
        <v>8</v>
      </c>
      <c r="W21584">
        <v>8</v>
      </c>
      <c r="X21584">
        <v>8</v>
      </c>
      <c r="Y21584">
        <v>8</v>
      </c>
      <c r="Z21584">
        <v>8</v>
      </c>
      <c r="AA21584">
        <v>8</v>
      </c>
      <c r="AB21584">
        <v>8</v>
      </c>
      <c r="AC21584">
        <v>8</v>
      </c>
      <c r="AD21584">
        <v>8</v>
      </c>
      <c r="AE21584">
        <v>9</v>
      </c>
      <c r="AF21584">
        <v>8</v>
      </c>
      <c r="AG21584">
        <v>8</v>
      </c>
      <c r="AH21584">
        <v>8</v>
      </c>
      <c r="AI21584">
        <v>8</v>
      </c>
      <c r="AJ21584">
        <v>8</v>
      </c>
      <c r="AK21584">
        <v>8</v>
      </c>
      <c r="AL21584">
        <v>8</v>
      </c>
      <c r="AM21584">
        <v>8</v>
      </c>
      <c r="AN21584">
        <v>8</v>
      </c>
      <c r="AO21584">
        <v>8</v>
      </c>
      <c r="AP21584">
        <v>8</v>
      </c>
      <c r="AQ21584">
        <v>8</v>
      </c>
    </row>
    <row r="21585" spans="1:43">
      <c r="A21585" t="s">
        <v>13379</v>
      </c>
      <c r="B21585" t="s">
        <v>13380</v>
      </c>
      <c r="C21585" t="s">
        <v>13353</v>
      </c>
      <c r="D21585" t="s">
        <v>13354</v>
      </c>
      <c r="E21585" t="s">
        <v>13293</v>
      </c>
      <c r="F21585" t="s">
        <v>13294</v>
      </c>
      <c r="G21585" t="s">
        <v>10214</v>
      </c>
      <c r="H21585" t="s">
        <v>10215</v>
      </c>
      <c r="I21585" s="2">
        <v>1</v>
      </c>
      <c r="J21585" s="2">
        <v>0</v>
      </c>
      <c r="K21585" s="2">
        <v>0</v>
      </c>
      <c r="L21585" t="s">
        <v>120</v>
      </c>
      <c r="M21585" t="s">
        <v>83</v>
      </c>
      <c r="N21585" t="s">
        <v>91</v>
      </c>
      <c r="O21585" t="s">
        <v>85</v>
      </c>
      <c r="P21585" t="s">
        <v>86</v>
      </c>
      <c r="Q21585">
        <v>7</v>
      </c>
      <c r="R21585">
        <v>7</v>
      </c>
      <c r="S21585">
        <v>7</v>
      </c>
      <c r="T21585">
        <v>7</v>
      </c>
      <c r="U21585">
        <v>7</v>
      </c>
      <c r="V21585">
        <v>8</v>
      </c>
      <c r="W21585">
        <v>8</v>
      </c>
      <c r="X21585">
        <v>8</v>
      </c>
      <c r="Y21585">
        <v>8</v>
      </c>
      <c r="Z21585">
        <v>8</v>
      </c>
      <c r="AA21585">
        <v>8</v>
      </c>
      <c r="AB21585">
        <v>8</v>
      </c>
      <c r="AC21585">
        <v>8</v>
      </c>
      <c r="AD21585">
        <v>8</v>
      </c>
      <c r="AE21585">
        <v>8</v>
      </c>
      <c r="AF21585">
        <v>8</v>
      </c>
      <c r="AG21585">
        <v>8</v>
      </c>
      <c r="AH21585">
        <v>8</v>
      </c>
      <c r="AI21585">
        <v>8</v>
      </c>
      <c r="AJ21585">
        <v>8</v>
      </c>
      <c r="AK21585">
        <v>8</v>
      </c>
      <c r="AL21585">
        <v>8</v>
      </c>
      <c r="AM21585">
        <v>8</v>
      </c>
      <c r="AN21585">
        <v>8</v>
      </c>
      <c r="AO21585">
        <v>8</v>
      </c>
      <c r="AP21585">
        <v>8</v>
      </c>
      <c r="AQ21585">
        <v>8</v>
      </c>
    </row>
    <row r="21586" spans="1:43">
      <c r="A21586" t="s">
        <v>13381</v>
      </c>
      <c r="B21586" t="s">
        <v>13382</v>
      </c>
      <c r="C21586" t="s">
        <v>13353</v>
      </c>
      <c r="D21586" t="s">
        <v>13354</v>
      </c>
      <c r="E21586" t="s">
        <v>13293</v>
      </c>
      <c r="F21586" t="s">
        <v>13294</v>
      </c>
      <c r="G21586" t="s">
        <v>10214</v>
      </c>
      <c r="H21586" t="s">
        <v>10215</v>
      </c>
      <c r="I21586" s="2">
        <v>1</v>
      </c>
      <c r="J21586" s="2">
        <v>0</v>
      </c>
      <c r="K21586" s="2">
        <v>0</v>
      </c>
      <c r="L21586" t="s">
        <v>120</v>
      </c>
      <c r="M21586" t="s">
        <v>83</v>
      </c>
      <c r="N21586" t="s">
        <v>84</v>
      </c>
      <c r="O21586" t="s">
        <v>85</v>
      </c>
      <c r="P21586" t="s">
        <v>86</v>
      </c>
      <c r="Q21586">
        <v>100</v>
      </c>
      <c r="R21586">
        <v>101</v>
      </c>
      <c r="S21586">
        <v>102</v>
      </c>
      <c r="T21586">
        <v>103</v>
      </c>
      <c r="U21586">
        <v>103</v>
      </c>
      <c r="V21586">
        <v>104</v>
      </c>
      <c r="W21586">
        <v>105</v>
      </c>
      <c r="X21586">
        <v>106</v>
      </c>
      <c r="Y21586">
        <v>107</v>
      </c>
      <c r="Z21586">
        <v>107</v>
      </c>
      <c r="AA21586">
        <v>108</v>
      </c>
      <c r="AB21586">
        <v>109</v>
      </c>
      <c r="AC21586">
        <v>109</v>
      </c>
      <c r="AD21586">
        <v>110</v>
      </c>
      <c r="AE21586">
        <v>111</v>
      </c>
      <c r="AF21586">
        <v>111</v>
      </c>
      <c r="AG21586">
        <v>112</v>
      </c>
      <c r="AH21586">
        <v>112</v>
      </c>
      <c r="AI21586">
        <v>113</v>
      </c>
      <c r="AJ21586">
        <v>113</v>
      </c>
      <c r="AK21586">
        <v>114</v>
      </c>
      <c r="AL21586">
        <v>114</v>
      </c>
      <c r="AM21586">
        <v>113</v>
      </c>
      <c r="AN21586">
        <v>113</v>
      </c>
      <c r="AO21586">
        <v>113</v>
      </c>
      <c r="AP21586">
        <v>112</v>
      </c>
      <c r="AQ21586">
        <v>112</v>
      </c>
    </row>
    <row r="21587" spans="1:43">
      <c r="A21587" t="s">
        <v>13381</v>
      </c>
      <c r="B21587" t="s">
        <v>13382</v>
      </c>
      <c r="C21587" t="s">
        <v>13353</v>
      </c>
      <c r="D21587" t="s">
        <v>13354</v>
      </c>
      <c r="E21587" t="s">
        <v>13293</v>
      </c>
      <c r="F21587" t="s">
        <v>13294</v>
      </c>
      <c r="G21587" t="s">
        <v>10214</v>
      </c>
      <c r="H21587" t="s">
        <v>10215</v>
      </c>
      <c r="I21587" s="2">
        <v>1</v>
      </c>
      <c r="J21587" s="2">
        <v>0</v>
      </c>
      <c r="K21587" s="2">
        <v>0</v>
      </c>
      <c r="L21587" t="s">
        <v>120</v>
      </c>
      <c r="M21587" t="s">
        <v>87</v>
      </c>
      <c r="N21587" t="s">
        <v>88</v>
      </c>
      <c r="O21587" t="s">
        <v>85</v>
      </c>
      <c r="P21587" t="s">
        <v>86</v>
      </c>
      <c r="Q21587">
        <v>100</v>
      </c>
      <c r="R21587">
        <v>100</v>
      </c>
      <c r="S21587">
        <v>100</v>
      </c>
      <c r="T21587">
        <v>100</v>
      </c>
      <c r="U21587">
        <v>100</v>
      </c>
      <c r="V21587">
        <v>100</v>
      </c>
      <c r="W21587">
        <v>100</v>
      </c>
      <c r="X21587">
        <v>100</v>
      </c>
      <c r="Y21587">
        <v>100</v>
      </c>
      <c r="Z21587">
        <v>100</v>
      </c>
      <c r="AA21587">
        <v>100</v>
      </c>
      <c r="AB21587">
        <v>100</v>
      </c>
      <c r="AC21587">
        <v>100</v>
      </c>
      <c r="AD21587">
        <v>99</v>
      </c>
      <c r="AE21587">
        <v>99</v>
      </c>
      <c r="AF21587">
        <v>99</v>
      </c>
      <c r="AG21587">
        <v>99</v>
      </c>
      <c r="AH21587">
        <v>99</v>
      </c>
      <c r="AI21587">
        <v>99</v>
      </c>
      <c r="AJ21587">
        <v>99</v>
      </c>
      <c r="AK21587">
        <v>99</v>
      </c>
      <c r="AL21587">
        <v>99</v>
      </c>
      <c r="AM21587">
        <v>99</v>
      </c>
      <c r="AN21587">
        <v>99</v>
      </c>
      <c r="AO21587">
        <v>99</v>
      </c>
      <c r="AP21587">
        <v>99</v>
      </c>
      <c r="AQ21587">
        <v>98</v>
      </c>
    </row>
    <row r="21588" spans="1:43">
      <c r="A21588" t="s">
        <v>13381</v>
      </c>
      <c r="B21588" t="s">
        <v>13382</v>
      </c>
      <c r="C21588" t="s">
        <v>13353</v>
      </c>
      <c r="D21588" t="s">
        <v>13354</v>
      </c>
      <c r="E21588" t="s">
        <v>13293</v>
      </c>
      <c r="F21588" t="s">
        <v>13294</v>
      </c>
      <c r="G21588" t="s">
        <v>10214</v>
      </c>
      <c r="H21588" t="s">
        <v>10215</v>
      </c>
      <c r="I21588" s="2">
        <v>1</v>
      </c>
      <c r="J21588" s="2">
        <v>0</v>
      </c>
      <c r="K21588" s="2">
        <v>0</v>
      </c>
      <c r="L21588" t="s">
        <v>120</v>
      </c>
      <c r="M21588" t="s">
        <v>89</v>
      </c>
      <c r="N21588" t="s">
        <v>90</v>
      </c>
      <c r="O21588" t="s">
        <v>85</v>
      </c>
      <c r="P21588" t="s">
        <v>86</v>
      </c>
      <c r="Q21588">
        <v>100</v>
      </c>
      <c r="R21588">
        <v>102</v>
      </c>
      <c r="S21588">
        <v>103</v>
      </c>
      <c r="T21588">
        <v>105</v>
      </c>
      <c r="U21588">
        <v>107</v>
      </c>
      <c r="V21588">
        <v>108</v>
      </c>
      <c r="W21588">
        <v>109</v>
      </c>
      <c r="X21588">
        <v>110</v>
      </c>
      <c r="Y21588">
        <v>112</v>
      </c>
      <c r="Z21588">
        <v>113</v>
      </c>
      <c r="AA21588">
        <v>114</v>
      </c>
      <c r="AB21588">
        <v>115</v>
      </c>
      <c r="AC21588">
        <v>116</v>
      </c>
      <c r="AD21588">
        <v>117</v>
      </c>
      <c r="AE21588">
        <v>117</v>
      </c>
      <c r="AF21588">
        <v>117</v>
      </c>
      <c r="AG21588">
        <v>116</v>
      </c>
      <c r="AH21588">
        <v>116</v>
      </c>
      <c r="AI21588">
        <v>116</v>
      </c>
      <c r="AJ21588">
        <v>115</v>
      </c>
      <c r="AK21588">
        <v>115</v>
      </c>
      <c r="AL21588">
        <v>114</v>
      </c>
      <c r="AM21588">
        <v>114</v>
      </c>
      <c r="AN21588">
        <v>113</v>
      </c>
      <c r="AO21588">
        <v>113</v>
      </c>
      <c r="AP21588">
        <v>112</v>
      </c>
      <c r="AQ21588">
        <v>112</v>
      </c>
    </row>
    <row r="21589" spans="1:43">
      <c r="A21589" t="s">
        <v>13381</v>
      </c>
      <c r="B21589" t="s">
        <v>13382</v>
      </c>
      <c r="C21589" t="s">
        <v>13353</v>
      </c>
      <c r="D21589" t="s">
        <v>13354</v>
      </c>
      <c r="E21589" t="s">
        <v>13293</v>
      </c>
      <c r="F21589" t="s">
        <v>13294</v>
      </c>
      <c r="G21589" t="s">
        <v>10214</v>
      </c>
      <c r="H21589" t="s">
        <v>10215</v>
      </c>
      <c r="I21589" s="2">
        <v>1</v>
      </c>
      <c r="J21589" s="2">
        <v>0</v>
      </c>
      <c r="K21589" s="2">
        <v>0</v>
      </c>
      <c r="L21589" t="s">
        <v>120</v>
      </c>
      <c r="M21589" t="s">
        <v>83</v>
      </c>
      <c r="N21589" t="s">
        <v>91</v>
      </c>
      <c r="O21589" t="s">
        <v>85</v>
      </c>
      <c r="P21589" t="s">
        <v>86</v>
      </c>
      <c r="Q21589">
        <v>100</v>
      </c>
      <c r="R21589">
        <v>101</v>
      </c>
      <c r="S21589">
        <v>102</v>
      </c>
      <c r="T21589">
        <v>103</v>
      </c>
      <c r="U21589">
        <v>103</v>
      </c>
      <c r="V21589">
        <v>104</v>
      </c>
      <c r="W21589">
        <v>105</v>
      </c>
      <c r="X21589">
        <v>106</v>
      </c>
      <c r="Y21589">
        <v>107</v>
      </c>
      <c r="Z21589">
        <v>107</v>
      </c>
      <c r="AA21589">
        <v>108</v>
      </c>
      <c r="AB21589">
        <v>109</v>
      </c>
      <c r="AC21589">
        <v>109</v>
      </c>
      <c r="AD21589">
        <v>110</v>
      </c>
      <c r="AE21589">
        <v>111</v>
      </c>
      <c r="AF21589">
        <v>111</v>
      </c>
      <c r="AG21589">
        <v>112</v>
      </c>
      <c r="AH21589">
        <v>112</v>
      </c>
      <c r="AI21589">
        <v>113</v>
      </c>
      <c r="AJ21589">
        <v>113</v>
      </c>
      <c r="AK21589">
        <v>114</v>
      </c>
      <c r="AL21589">
        <v>114</v>
      </c>
      <c r="AM21589">
        <v>113</v>
      </c>
      <c r="AN21589">
        <v>113</v>
      </c>
      <c r="AO21589">
        <v>113</v>
      </c>
      <c r="AP21589">
        <v>112</v>
      </c>
      <c r="AQ21589">
        <v>112</v>
      </c>
    </row>
    <row r="21590" spans="1:43">
      <c r="A21590" t="s">
        <v>13383</v>
      </c>
      <c r="B21590" t="s">
        <v>13384</v>
      </c>
      <c r="C21590" t="s">
        <v>13321</v>
      </c>
      <c r="D21590" t="s">
        <v>13322</v>
      </c>
      <c r="E21590" t="s">
        <v>13293</v>
      </c>
      <c r="F21590" t="s">
        <v>13294</v>
      </c>
      <c r="G21590" t="s">
        <v>10214</v>
      </c>
      <c r="H21590" t="s">
        <v>10215</v>
      </c>
      <c r="I21590" s="2">
        <v>1</v>
      </c>
      <c r="J21590" s="2">
        <v>0</v>
      </c>
      <c r="K21590" s="2">
        <v>0</v>
      </c>
      <c r="L21590" t="s">
        <v>120</v>
      </c>
      <c r="M21590" t="s">
        <v>83</v>
      </c>
      <c r="N21590" t="s">
        <v>84</v>
      </c>
      <c r="O21590" t="s">
        <v>85</v>
      </c>
      <c r="P21590" t="s">
        <v>86</v>
      </c>
      <c r="Q21590">
        <v>62</v>
      </c>
      <c r="R21590">
        <v>63</v>
      </c>
      <c r="S21590">
        <v>63</v>
      </c>
      <c r="T21590">
        <v>64</v>
      </c>
      <c r="U21590">
        <v>64</v>
      </c>
      <c r="V21590">
        <v>65</v>
      </c>
      <c r="W21590">
        <v>65</v>
      </c>
      <c r="X21590">
        <v>66</v>
      </c>
      <c r="Y21590">
        <v>66</v>
      </c>
      <c r="Z21590">
        <v>67</v>
      </c>
      <c r="AA21590">
        <v>67</v>
      </c>
      <c r="AB21590">
        <v>67</v>
      </c>
      <c r="AC21590">
        <v>68</v>
      </c>
      <c r="AD21590">
        <v>68</v>
      </c>
      <c r="AE21590">
        <v>69</v>
      </c>
      <c r="AF21590">
        <v>69</v>
      </c>
      <c r="AG21590">
        <v>69</v>
      </c>
      <c r="AH21590">
        <v>70</v>
      </c>
      <c r="AI21590">
        <v>70</v>
      </c>
      <c r="AJ21590">
        <v>70</v>
      </c>
      <c r="AK21590">
        <v>70</v>
      </c>
      <c r="AL21590">
        <v>70</v>
      </c>
      <c r="AM21590">
        <v>70</v>
      </c>
      <c r="AN21590">
        <v>70</v>
      </c>
      <c r="AO21590">
        <v>69</v>
      </c>
      <c r="AP21590">
        <v>69</v>
      </c>
      <c r="AQ21590">
        <v>69</v>
      </c>
    </row>
    <row r="21591" spans="1:43">
      <c r="A21591" t="s">
        <v>13383</v>
      </c>
      <c r="B21591" t="s">
        <v>13384</v>
      </c>
      <c r="C21591" t="s">
        <v>13321</v>
      </c>
      <c r="D21591" t="s">
        <v>13322</v>
      </c>
      <c r="E21591" t="s">
        <v>13293</v>
      </c>
      <c r="F21591" t="s">
        <v>13294</v>
      </c>
      <c r="G21591" t="s">
        <v>10214</v>
      </c>
      <c r="H21591" t="s">
        <v>10215</v>
      </c>
      <c r="I21591" s="2">
        <v>1</v>
      </c>
      <c r="J21591" s="2">
        <v>0</v>
      </c>
      <c r="K21591" s="2">
        <v>0</v>
      </c>
      <c r="L21591" t="s">
        <v>120</v>
      </c>
      <c r="M21591" t="s">
        <v>87</v>
      </c>
      <c r="N21591" t="s">
        <v>88</v>
      </c>
      <c r="O21591" t="s">
        <v>85</v>
      </c>
      <c r="P21591" t="s">
        <v>86</v>
      </c>
      <c r="Q21591">
        <v>62</v>
      </c>
      <c r="R21591">
        <v>62</v>
      </c>
      <c r="S21591">
        <v>62</v>
      </c>
      <c r="T21591">
        <v>61</v>
      </c>
      <c r="U21591">
        <v>61</v>
      </c>
      <c r="V21591">
        <v>61</v>
      </c>
      <c r="W21591">
        <v>61</v>
      </c>
      <c r="X21591">
        <v>61</v>
      </c>
      <c r="Y21591">
        <v>61</v>
      </c>
      <c r="Z21591">
        <v>61</v>
      </c>
      <c r="AA21591">
        <v>61</v>
      </c>
      <c r="AB21591">
        <v>61</v>
      </c>
      <c r="AC21591">
        <v>61</v>
      </c>
      <c r="AD21591">
        <v>61</v>
      </c>
      <c r="AE21591">
        <v>61</v>
      </c>
      <c r="AF21591">
        <v>61</v>
      </c>
      <c r="AG21591">
        <v>61</v>
      </c>
      <c r="AH21591">
        <v>61</v>
      </c>
      <c r="AI21591">
        <v>61</v>
      </c>
      <c r="AJ21591">
        <v>60</v>
      </c>
      <c r="AK21591">
        <v>60</v>
      </c>
      <c r="AL21591">
        <v>60</v>
      </c>
      <c r="AM21591">
        <v>60</v>
      </c>
      <c r="AN21591">
        <v>60</v>
      </c>
      <c r="AO21591">
        <v>60</v>
      </c>
      <c r="AP21591">
        <v>60</v>
      </c>
      <c r="AQ21591">
        <v>60</v>
      </c>
    </row>
    <row r="21592" spans="1:43">
      <c r="A21592" t="s">
        <v>13383</v>
      </c>
      <c r="B21592" t="s">
        <v>13384</v>
      </c>
      <c r="C21592" t="s">
        <v>13321</v>
      </c>
      <c r="D21592" t="s">
        <v>13322</v>
      </c>
      <c r="E21592" t="s">
        <v>13293</v>
      </c>
      <c r="F21592" t="s">
        <v>13294</v>
      </c>
      <c r="G21592" t="s">
        <v>10214</v>
      </c>
      <c r="H21592" t="s">
        <v>10215</v>
      </c>
      <c r="I21592" s="2">
        <v>1</v>
      </c>
      <c r="J21592" s="2">
        <v>0</v>
      </c>
      <c r="K21592" s="2">
        <v>0</v>
      </c>
      <c r="L21592" t="s">
        <v>120</v>
      </c>
      <c r="M21592" t="s">
        <v>89</v>
      </c>
      <c r="N21592" t="s">
        <v>90</v>
      </c>
      <c r="O21592" t="s">
        <v>85</v>
      </c>
      <c r="P21592" t="s">
        <v>86</v>
      </c>
      <c r="Q21592">
        <v>62</v>
      </c>
      <c r="R21592">
        <v>63</v>
      </c>
      <c r="S21592">
        <v>64</v>
      </c>
      <c r="T21592">
        <v>65</v>
      </c>
      <c r="U21592">
        <v>66</v>
      </c>
      <c r="V21592">
        <v>67</v>
      </c>
      <c r="W21592">
        <v>67</v>
      </c>
      <c r="X21592">
        <v>68</v>
      </c>
      <c r="Y21592">
        <v>69</v>
      </c>
      <c r="Z21592">
        <v>70</v>
      </c>
      <c r="AA21592">
        <v>70</v>
      </c>
      <c r="AB21592">
        <v>71</v>
      </c>
      <c r="AC21592">
        <v>72</v>
      </c>
      <c r="AD21592">
        <v>72</v>
      </c>
      <c r="AE21592">
        <v>72</v>
      </c>
      <c r="AF21592">
        <v>72</v>
      </c>
      <c r="AG21592">
        <v>72</v>
      </c>
      <c r="AH21592">
        <v>71</v>
      </c>
      <c r="AI21592">
        <v>71</v>
      </c>
      <c r="AJ21592">
        <v>71</v>
      </c>
      <c r="AK21592">
        <v>70</v>
      </c>
      <c r="AL21592">
        <v>70</v>
      </c>
      <c r="AM21592">
        <v>70</v>
      </c>
      <c r="AN21592">
        <v>69</v>
      </c>
      <c r="AO21592">
        <v>69</v>
      </c>
      <c r="AP21592">
        <v>69</v>
      </c>
      <c r="AQ21592">
        <v>68</v>
      </c>
    </row>
    <row r="21593" spans="1:43">
      <c r="A21593" t="s">
        <v>13383</v>
      </c>
      <c r="B21593" t="s">
        <v>13384</v>
      </c>
      <c r="C21593" t="s">
        <v>13321</v>
      </c>
      <c r="D21593" t="s">
        <v>13322</v>
      </c>
      <c r="E21593" t="s">
        <v>13293</v>
      </c>
      <c r="F21593" t="s">
        <v>13294</v>
      </c>
      <c r="G21593" t="s">
        <v>10214</v>
      </c>
      <c r="H21593" t="s">
        <v>10215</v>
      </c>
      <c r="I21593" s="2">
        <v>1</v>
      </c>
      <c r="J21593" s="2">
        <v>0</v>
      </c>
      <c r="K21593" s="2">
        <v>0</v>
      </c>
      <c r="L21593" t="s">
        <v>120</v>
      </c>
      <c r="M21593" t="s">
        <v>83</v>
      </c>
      <c r="N21593" t="s">
        <v>91</v>
      </c>
      <c r="O21593" t="s">
        <v>85</v>
      </c>
      <c r="P21593" t="s">
        <v>86</v>
      </c>
      <c r="Q21593">
        <v>62</v>
      </c>
      <c r="R21593">
        <v>63</v>
      </c>
      <c r="S21593">
        <v>63</v>
      </c>
      <c r="T21593">
        <v>64</v>
      </c>
      <c r="U21593">
        <v>64</v>
      </c>
      <c r="V21593">
        <v>65</v>
      </c>
      <c r="W21593">
        <v>65</v>
      </c>
      <c r="X21593">
        <v>66</v>
      </c>
      <c r="Y21593">
        <v>66</v>
      </c>
      <c r="Z21593">
        <v>67</v>
      </c>
      <c r="AA21593">
        <v>67</v>
      </c>
      <c r="AB21593">
        <v>67</v>
      </c>
      <c r="AC21593">
        <v>68</v>
      </c>
      <c r="AD21593">
        <v>68</v>
      </c>
      <c r="AE21593">
        <v>69</v>
      </c>
      <c r="AF21593">
        <v>69</v>
      </c>
      <c r="AG21593">
        <v>69</v>
      </c>
      <c r="AH21593">
        <v>70</v>
      </c>
      <c r="AI21593">
        <v>70</v>
      </c>
      <c r="AJ21593">
        <v>70</v>
      </c>
      <c r="AK21593">
        <v>70</v>
      </c>
      <c r="AL21593">
        <v>70</v>
      </c>
      <c r="AM21593">
        <v>70</v>
      </c>
      <c r="AN21593">
        <v>70</v>
      </c>
      <c r="AO21593">
        <v>69</v>
      </c>
      <c r="AP21593">
        <v>69</v>
      </c>
      <c r="AQ21593">
        <v>69</v>
      </c>
    </row>
    <row r="21594" spans="1:43">
      <c r="A21594" t="s">
        <v>13385</v>
      </c>
      <c r="B21594" t="s">
        <v>13386</v>
      </c>
      <c r="C21594" t="s">
        <v>13321</v>
      </c>
      <c r="D21594" t="s">
        <v>13322</v>
      </c>
      <c r="E21594" t="s">
        <v>13293</v>
      </c>
      <c r="F21594" t="s">
        <v>13294</v>
      </c>
      <c r="G21594" t="s">
        <v>10214</v>
      </c>
      <c r="H21594" t="s">
        <v>10215</v>
      </c>
      <c r="I21594" s="2">
        <v>1</v>
      </c>
      <c r="J21594" s="2">
        <v>0</v>
      </c>
      <c r="K21594" s="2">
        <v>0</v>
      </c>
      <c r="L21594" t="s">
        <v>120</v>
      </c>
      <c r="M21594" t="s">
        <v>83</v>
      </c>
      <c r="N21594" t="s">
        <v>84</v>
      </c>
      <c r="O21594" t="s">
        <v>85</v>
      </c>
      <c r="P21594" t="s">
        <v>86</v>
      </c>
      <c r="Q21594">
        <v>80</v>
      </c>
      <c r="R21594">
        <v>81</v>
      </c>
      <c r="S21594">
        <v>82</v>
      </c>
      <c r="T21594">
        <v>82</v>
      </c>
      <c r="U21594">
        <v>83</v>
      </c>
      <c r="V21594">
        <v>83</v>
      </c>
      <c r="W21594">
        <v>84</v>
      </c>
      <c r="X21594">
        <v>84</v>
      </c>
      <c r="Y21594">
        <v>85</v>
      </c>
      <c r="Z21594">
        <v>85</v>
      </c>
      <c r="AA21594">
        <v>86</v>
      </c>
      <c r="AB21594">
        <v>86</v>
      </c>
      <c r="AC21594">
        <v>87</v>
      </c>
      <c r="AD21594">
        <v>87</v>
      </c>
      <c r="AE21594">
        <v>88</v>
      </c>
      <c r="AF21594">
        <v>88</v>
      </c>
      <c r="AG21594">
        <v>88</v>
      </c>
      <c r="AH21594">
        <v>89</v>
      </c>
      <c r="AI21594">
        <v>89</v>
      </c>
      <c r="AJ21594">
        <v>89</v>
      </c>
      <c r="AK21594">
        <v>90</v>
      </c>
      <c r="AL21594">
        <v>90</v>
      </c>
      <c r="AM21594">
        <v>89</v>
      </c>
      <c r="AN21594">
        <v>89</v>
      </c>
      <c r="AO21594">
        <v>88</v>
      </c>
      <c r="AP21594">
        <v>88</v>
      </c>
      <c r="AQ21594">
        <v>87</v>
      </c>
    </row>
    <row r="21595" spans="1:43">
      <c r="A21595" t="s">
        <v>13385</v>
      </c>
      <c r="B21595" t="s">
        <v>13386</v>
      </c>
      <c r="C21595" t="s">
        <v>13321</v>
      </c>
      <c r="D21595" t="s">
        <v>13322</v>
      </c>
      <c r="E21595" t="s">
        <v>13293</v>
      </c>
      <c r="F21595" t="s">
        <v>13294</v>
      </c>
      <c r="G21595" t="s">
        <v>10214</v>
      </c>
      <c r="H21595" t="s">
        <v>10215</v>
      </c>
      <c r="I21595" s="2">
        <v>1</v>
      </c>
      <c r="J21595" s="2">
        <v>0</v>
      </c>
      <c r="K21595" s="2">
        <v>0</v>
      </c>
      <c r="L21595" t="s">
        <v>120</v>
      </c>
      <c r="M21595" t="s">
        <v>87</v>
      </c>
      <c r="N21595" t="s">
        <v>88</v>
      </c>
      <c r="O21595" t="s">
        <v>85</v>
      </c>
      <c r="P21595" t="s">
        <v>86</v>
      </c>
      <c r="Q21595">
        <v>80</v>
      </c>
      <c r="R21595">
        <v>79</v>
      </c>
      <c r="S21595">
        <v>79</v>
      </c>
      <c r="T21595">
        <v>79</v>
      </c>
      <c r="U21595">
        <v>79</v>
      </c>
      <c r="V21595">
        <v>79</v>
      </c>
      <c r="W21595">
        <v>79</v>
      </c>
      <c r="X21595">
        <v>79</v>
      </c>
      <c r="Y21595">
        <v>78</v>
      </c>
      <c r="Z21595">
        <v>78</v>
      </c>
      <c r="AA21595">
        <v>78</v>
      </c>
      <c r="AB21595">
        <v>78</v>
      </c>
      <c r="AC21595">
        <v>78</v>
      </c>
      <c r="AD21595">
        <v>78</v>
      </c>
      <c r="AE21595">
        <v>77</v>
      </c>
      <c r="AF21595">
        <v>77</v>
      </c>
      <c r="AG21595">
        <v>77</v>
      </c>
      <c r="AH21595">
        <v>77</v>
      </c>
      <c r="AI21595">
        <v>77</v>
      </c>
      <c r="AJ21595">
        <v>77</v>
      </c>
      <c r="AK21595">
        <v>76</v>
      </c>
      <c r="AL21595">
        <v>76</v>
      </c>
      <c r="AM21595">
        <v>76</v>
      </c>
      <c r="AN21595">
        <v>76</v>
      </c>
      <c r="AO21595">
        <v>76</v>
      </c>
      <c r="AP21595">
        <v>75</v>
      </c>
      <c r="AQ21595">
        <v>75</v>
      </c>
    </row>
    <row r="21596" spans="1:43">
      <c r="A21596" t="s">
        <v>13385</v>
      </c>
      <c r="B21596" t="s">
        <v>13386</v>
      </c>
      <c r="C21596" t="s">
        <v>13321</v>
      </c>
      <c r="D21596" t="s">
        <v>13322</v>
      </c>
      <c r="E21596" t="s">
        <v>13293</v>
      </c>
      <c r="F21596" t="s">
        <v>13294</v>
      </c>
      <c r="G21596" t="s">
        <v>10214</v>
      </c>
      <c r="H21596" t="s">
        <v>10215</v>
      </c>
      <c r="I21596" s="2">
        <v>1</v>
      </c>
      <c r="J21596" s="2">
        <v>0</v>
      </c>
      <c r="K21596" s="2">
        <v>0</v>
      </c>
      <c r="L21596" t="s">
        <v>120</v>
      </c>
      <c r="M21596" t="s">
        <v>89</v>
      </c>
      <c r="N21596" t="s">
        <v>90</v>
      </c>
      <c r="O21596" t="s">
        <v>85</v>
      </c>
      <c r="P21596" t="s">
        <v>86</v>
      </c>
      <c r="Q21596">
        <v>80</v>
      </c>
      <c r="R21596">
        <v>81</v>
      </c>
      <c r="S21596">
        <v>83</v>
      </c>
      <c r="T21596">
        <v>84</v>
      </c>
      <c r="U21596">
        <v>85</v>
      </c>
      <c r="V21596">
        <v>86</v>
      </c>
      <c r="W21596">
        <v>87</v>
      </c>
      <c r="X21596">
        <v>88</v>
      </c>
      <c r="Y21596">
        <v>89</v>
      </c>
      <c r="Z21596">
        <v>90</v>
      </c>
      <c r="AA21596">
        <v>91</v>
      </c>
      <c r="AB21596">
        <v>91</v>
      </c>
      <c r="AC21596">
        <v>92</v>
      </c>
      <c r="AD21596">
        <v>93</v>
      </c>
      <c r="AE21596">
        <v>93</v>
      </c>
      <c r="AF21596">
        <v>93</v>
      </c>
      <c r="AG21596">
        <v>92</v>
      </c>
      <c r="AH21596">
        <v>92</v>
      </c>
      <c r="AI21596">
        <v>91</v>
      </c>
      <c r="AJ21596">
        <v>90</v>
      </c>
      <c r="AK21596">
        <v>90</v>
      </c>
      <c r="AL21596">
        <v>89</v>
      </c>
      <c r="AM21596">
        <v>89</v>
      </c>
      <c r="AN21596">
        <v>88</v>
      </c>
      <c r="AO21596">
        <v>88</v>
      </c>
      <c r="AP21596">
        <v>87</v>
      </c>
      <c r="AQ21596">
        <v>87</v>
      </c>
    </row>
    <row r="21597" spans="1:43">
      <c r="A21597" t="s">
        <v>13385</v>
      </c>
      <c r="B21597" t="s">
        <v>13386</v>
      </c>
      <c r="C21597" t="s">
        <v>13321</v>
      </c>
      <c r="D21597" t="s">
        <v>13322</v>
      </c>
      <c r="E21597" t="s">
        <v>13293</v>
      </c>
      <c r="F21597" t="s">
        <v>13294</v>
      </c>
      <c r="G21597" t="s">
        <v>10214</v>
      </c>
      <c r="H21597" t="s">
        <v>10215</v>
      </c>
      <c r="I21597" s="2">
        <v>1</v>
      </c>
      <c r="J21597" s="2">
        <v>0</v>
      </c>
      <c r="K21597" s="2">
        <v>0</v>
      </c>
      <c r="L21597" t="s">
        <v>120</v>
      </c>
      <c r="M21597" t="s">
        <v>83</v>
      </c>
      <c r="N21597" t="s">
        <v>91</v>
      </c>
      <c r="O21597" t="s">
        <v>85</v>
      </c>
      <c r="P21597" t="s">
        <v>86</v>
      </c>
      <c r="Q21597">
        <v>80</v>
      </c>
      <c r="R21597">
        <v>81</v>
      </c>
      <c r="S21597">
        <v>82</v>
      </c>
      <c r="T21597">
        <v>82</v>
      </c>
      <c r="U21597">
        <v>83</v>
      </c>
      <c r="V21597">
        <v>83</v>
      </c>
      <c r="W21597">
        <v>84</v>
      </c>
      <c r="X21597">
        <v>84</v>
      </c>
      <c r="Y21597">
        <v>85</v>
      </c>
      <c r="Z21597">
        <v>85</v>
      </c>
      <c r="AA21597">
        <v>86</v>
      </c>
      <c r="AB21597">
        <v>86</v>
      </c>
      <c r="AC21597">
        <v>87</v>
      </c>
      <c r="AD21597">
        <v>87</v>
      </c>
      <c r="AE21597">
        <v>88</v>
      </c>
      <c r="AF21597">
        <v>88</v>
      </c>
      <c r="AG21597">
        <v>88</v>
      </c>
      <c r="AH21597">
        <v>89</v>
      </c>
      <c r="AI21597">
        <v>89</v>
      </c>
      <c r="AJ21597">
        <v>89</v>
      </c>
      <c r="AK21597">
        <v>90</v>
      </c>
      <c r="AL21597">
        <v>90</v>
      </c>
      <c r="AM21597">
        <v>89</v>
      </c>
      <c r="AN21597">
        <v>89</v>
      </c>
      <c r="AO21597">
        <v>88</v>
      </c>
      <c r="AP21597">
        <v>88</v>
      </c>
      <c r="AQ21597">
        <v>87</v>
      </c>
    </row>
    <row r="21598" spans="1:43">
      <c r="A21598" t="s">
        <v>13387</v>
      </c>
      <c r="B21598" t="s">
        <v>13388</v>
      </c>
      <c r="C21598" t="s">
        <v>13347</v>
      </c>
      <c r="D21598" t="s">
        <v>13348</v>
      </c>
      <c r="E21598" t="s">
        <v>13293</v>
      </c>
      <c r="F21598" t="s">
        <v>13294</v>
      </c>
      <c r="G21598" t="s">
        <v>10214</v>
      </c>
      <c r="H21598" t="s">
        <v>10215</v>
      </c>
      <c r="I21598" s="2">
        <v>1</v>
      </c>
      <c r="J21598" s="2">
        <v>0</v>
      </c>
      <c r="K21598" s="2">
        <v>0</v>
      </c>
      <c r="L21598" t="s">
        <v>120</v>
      </c>
      <c r="M21598" t="s">
        <v>83</v>
      </c>
      <c r="N21598" t="s">
        <v>84</v>
      </c>
      <c r="O21598" t="s">
        <v>85</v>
      </c>
      <c r="P21598" t="s">
        <v>86</v>
      </c>
      <c r="Q21598">
        <v>18</v>
      </c>
      <c r="R21598">
        <v>18</v>
      </c>
      <c r="S21598">
        <v>18</v>
      </c>
      <c r="T21598">
        <v>18</v>
      </c>
      <c r="U21598">
        <v>18</v>
      </c>
      <c r="V21598">
        <v>18</v>
      </c>
      <c r="W21598">
        <v>18</v>
      </c>
      <c r="X21598">
        <v>19</v>
      </c>
      <c r="Y21598">
        <v>19</v>
      </c>
      <c r="Z21598">
        <v>19</v>
      </c>
      <c r="AA21598">
        <v>19</v>
      </c>
      <c r="AB21598">
        <v>19</v>
      </c>
      <c r="AC21598">
        <v>19</v>
      </c>
      <c r="AD21598">
        <v>19</v>
      </c>
      <c r="AE21598">
        <v>19</v>
      </c>
      <c r="AF21598">
        <v>19</v>
      </c>
      <c r="AG21598">
        <v>20</v>
      </c>
      <c r="AH21598">
        <v>20</v>
      </c>
      <c r="AI21598">
        <v>20</v>
      </c>
      <c r="AJ21598">
        <v>20</v>
      </c>
      <c r="AK21598">
        <v>20</v>
      </c>
      <c r="AL21598">
        <v>20</v>
      </c>
      <c r="AM21598">
        <v>20</v>
      </c>
      <c r="AN21598">
        <v>20</v>
      </c>
      <c r="AO21598">
        <v>19</v>
      </c>
      <c r="AP21598">
        <v>19</v>
      </c>
      <c r="AQ21598">
        <v>19</v>
      </c>
    </row>
    <row r="21599" spans="1:43">
      <c r="A21599" t="s">
        <v>13387</v>
      </c>
      <c r="B21599" t="s">
        <v>13388</v>
      </c>
      <c r="C21599" t="s">
        <v>13347</v>
      </c>
      <c r="D21599" t="s">
        <v>13348</v>
      </c>
      <c r="E21599" t="s">
        <v>13293</v>
      </c>
      <c r="F21599" t="s">
        <v>13294</v>
      </c>
      <c r="G21599" t="s">
        <v>10214</v>
      </c>
      <c r="H21599" t="s">
        <v>10215</v>
      </c>
      <c r="I21599" s="2">
        <v>1</v>
      </c>
      <c r="J21599" s="2">
        <v>0</v>
      </c>
      <c r="K21599" s="2">
        <v>0</v>
      </c>
      <c r="L21599" t="s">
        <v>120</v>
      </c>
      <c r="M21599" t="s">
        <v>87</v>
      </c>
      <c r="N21599" t="s">
        <v>88</v>
      </c>
      <c r="O21599" t="s">
        <v>85</v>
      </c>
      <c r="P21599" t="s">
        <v>86</v>
      </c>
      <c r="Q21599">
        <v>18</v>
      </c>
      <c r="R21599">
        <v>18</v>
      </c>
      <c r="S21599">
        <v>18</v>
      </c>
      <c r="T21599">
        <v>18</v>
      </c>
      <c r="U21599">
        <v>18</v>
      </c>
      <c r="V21599">
        <v>18</v>
      </c>
      <c r="W21599">
        <v>18</v>
      </c>
      <c r="X21599">
        <v>18</v>
      </c>
      <c r="Y21599">
        <v>18</v>
      </c>
      <c r="Z21599">
        <v>18</v>
      </c>
      <c r="AA21599">
        <v>18</v>
      </c>
      <c r="AB21599">
        <v>18</v>
      </c>
      <c r="AC21599">
        <v>18</v>
      </c>
      <c r="AD21599">
        <v>18</v>
      </c>
      <c r="AE21599">
        <v>18</v>
      </c>
      <c r="AF21599">
        <v>18</v>
      </c>
      <c r="AG21599">
        <v>18</v>
      </c>
      <c r="AH21599">
        <v>18</v>
      </c>
      <c r="AI21599">
        <v>18</v>
      </c>
      <c r="AJ21599">
        <v>18</v>
      </c>
      <c r="AK21599">
        <v>18</v>
      </c>
      <c r="AL21599">
        <v>18</v>
      </c>
      <c r="AM21599">
        <v>18</v>
      </c>
      <c r="AN21599">
        <v>18</v>
      </c>
      <c r="AO21599">
        <v>18</v>
      </c>
      <c r="AP21599">
        <v>18</v>
      </c>
      <c r="AQ21599">
        <v>18</v>
      </c>
    </row>
    <row r="21600" spans="1:43">
      <c r="A21600" t="s">
        <v>13387</v>
      </c>
      <c r="B21600" t="s">
        <v>13388</v>
      </c>
      <c r="C21600" t="s">
        <v>13347</v>
      </c>
      <c r="D21600" t="s">
        <v>13348</v>
      </c>
      <c r="E21600" t="s">
        <v>13293</v>
      </c>
      <c r="F21600" t="s">
        <v>13294</v>
      </c>
      <c r="G21600" t="s">
        <v>10214</v>
      </c>
      <c r="H21600" t="s">
        <v>10215</v>
      </c>
      <c r="I21600" s="2">
        <v>1</v>
      </c>
      <c r="J21600" s="2">
        <v>0</v>
      </c>
      <c r="K21600" s="2">
        <v>0</v>
      </c>
      <c r="L21600" t="s">
        <v>120</v>
      </c>
      <c r="M21600" t="s">
        <v>89</v>
      </c>
      <c r="N21600" t="s">
        <v>90</v>
      </c>
      <c r="O21600" t="s">
        <v>85</v>
      </c>
      <c r="P21600" t="s">
        <v>86</v>
      </c>
      <c r="Q21600">
        <v>18</v>
      </c>
      <c r="R21600">
        <v>18</v>
      </c>
      <c r="S21600">
        <v>18</v>
      </c>
      <c r="T21600">
        <v>19</v>
      </c>
      <c r="U21600">
        <v>19</v>
      </c>
      <c r="V21600">
        <v>19</v>
      </c>
      <c r="W21600">
        <v>19</v>
      </c>
      <c r="X21600">
        <v>20</v>
      </c>
      <c r="Y21600">
        <v>20</v>
      </c>
      <c r="Z21600">
        <v>20</v>
      </c>
      <c r="AA21600">
        <v>20</v>
      </c>
      <c r="AB21600">
        <v>20</v>
      </c>
      <c r="AC21600">
        <v>20</v>
      </c>
      <c r="AD21600">
        <v>21</v>
      </c>
      <c r="AE21600">
        <v>21</v>
      </c>
      <c r="AF21600">
        <v>21</v>
      </c>
      <c r="AG21600">
        <v>20</v>
      </c>
      <c r="AH21600">
        <v>20</v>
      </c>
      <c r="AI21600">
        <v>20</v>
      </c>
      <c r="AJ21600">
        <v>20</v>
      </c>
      <c r="AK21600">
        <v>20</v>
      </c>
      <c r="AL21600">
        <v>20</v>
      </c>
      <c r="AM21600">
        <v>20</v>
      </c>
      <c r="AN21600">
        <v>20</v>
      </c>
      <c r="AO21600">
        <v>20</v>
      </c>
      <c r="AP21600">
        <v>20</v>
      </c>
      <c r="AQ21600">
        <v>19</v>
      </c>
    </row>
    <row r="21601" spans="1:43">
      <c r="A21601" t="s">
        <v>13387</v>
      </c>
      <c r="B21601" t="s">
        <v>13388</v>
      </c>
      <c r="C21601" t="s">
        <v>13347</v>
      </c>
      <c r="D21601" t="s">
        <v>13348</v>
      </c>
      <c r="E21601" t="s">
        <v>13293</v>
      </c>
      <c r="F21601" t="s">
        <v>13294</v>
      </c>
      <c r="G21601" t="s">
        <v>10214</v>
      </c>
      <c r="H21601" t="s">
        <v>10215</v>
      </c>
      <c r="I21601" s="2">
        <v>1</v>
      </c>
      <c r="J21601" s="2">
        <v>0</v>
      </c>
      <c r="K21601" s="2">
        <v>0</v>
      </c>
      <c r="L21601" t="s">
        <v>120</v>
      </c>
      <c r="M21601" t="s">
        <v>83</v>
      </c>
      <c r="N21601" t="s">
        <v>91</v>
      </c>
      <c r="O21601" t="s">
        <v>85</v>
      </c>
      <c r="P21601" t="s">
        <v>86</v>
      </c>
      <c r="Q21601">
        <v>18</v>
      </c>
      <c r="R21601">
        <v>18</v>
      </c>
      <c r="S21601">
        <v>18</v>
      </c>
      <c r="T21601">
        <v>18</v>
      </c>
      <c r="U21601">
        <v>18</v>
      </c>
      <c r="V21601">
        <v>18</v>
      </c>
      <c r="W21601">
        <v>18</v>
      </c>
      <c r="X21601">
        <v>19</v>
      </c>
      <c r="Y21601">
        <v>19</v>
      </c>
      <c r="Z21601">
        <v>19</v>
      </c>
      <c r="AA21601">
        <v>19</v>
      </c>
      <c r="AB21601">
        <v>19</v>
      </c>
      <c r="AC21601">
        <v>19</v>
      </c>
      <c r="AD21601">
        <v>19</v>
      </c>
      <c r="AE21601">
        <v>19</v>
      </c>
      <c r="AF21601">
        <v>19</v>
      </c>
      <c r="AG21601">
        <v>20</v>
      </c>
      <c r="AH21601">
        <v>20</v>
      </c>
      <c r="AI21601">
        <v>20</v>
      </c>
      <c r="AJ21601">
        <v>20</v>
      </c>
      <c r="AK21601">
        <v>20</v>
      </c>
      <c r="AL21601">
        <v>20</v>
      </c>
      <c r="AM21601">
        <v>20</v>
      </c>
      <c r="AN21601">
        <v>20</v>
      </c>
      <c r="AO21601">
        <v>19</v>
      </c>
      <c r="AP21601">
        <v>19</v>
      </c>
      <c r="AQ21601">
        <v>19</v>
      </c>
    </row>
    <row r="21602" spans="1:43">
      <c r="A21602" t="s">
        <v>13389</v>
      </c>
      <c r="B21602" t="s">
        <v>13390</v>
      </c>
      <c r="C21602" t="s">
        <v>13347</v>
      </c>
      <c r="D21602" t="s">
        <v>13348</v>
      </c>
      <c r="E21602" t="s">
        <v>13293</v>
      </c>
      <c r="F21602" t="s">
        <v>13294</v>
      </c>
      <c r="G21602" t="s">
        <v>10214</v>
      </c>
      <c r="H21602" t="s">
        <v>10215</v>
      </c>
      <c r="I21602" s="2">
        <v>1</v>
      </c>
      <c r="J21602" s="2">
        <v>0</v>
      </c>
      <c r="K21602" s="2">
        <v>0</v>
      </c>
      <c r="L21602" t="s">
        <v>120</v>
      </c>
      <c r="M21602" t="s">
        <v>83</v>
      </c>
      <c r="N21602" t="s">
        <v>84</v>
      </c>
      <c r="O21602" t="s">
        <v>85</v>
      </c>
      <c r="P21602" t="s">
        <v>86</v>
      </c>
      <c r="Q21602">
        <v>17</v>
      </c>
      <c r="R21602">
        <v>18</v>
      </c>
      <c r="S21602">
        <v>18</v>
      </c>
      <c r="T21602">
        <v>18</v>
      </c>
      <c r="U21602">
        <v>18</v>
      </c>
      <c r="V21602">
        <v>18</v>
      </c>
      <c r="W21602">
        <v>18</v>
      </c>
      <c r="X21602">
        <v>18</v>
      </c>
      <c r="Y21602">
        <v>19</v>
      </c>
      <c r="Z21602">
        <v>19</v>
      </c>
      <c r="AA21602">
        <v>19</v>
      </c>
      <c r="AB21602">
        <v>19</v>
      </c>
      <c r="AC21602">
        <v>19</v>
      </c>
      <c r="AD21602">
        <v>19</v>
      </c>
      <c r="AE21602">
        <v>19</v>
      </c>
      <c r="AF21602">
        <v>19</v>
      </c>
      <c r="AG21602">
        <v>19</v>
      </c>
      <c r="AH21602">
        <v>19</v>
      </c>
      <c r="AI21602">
        <v>20</v>
      </c>
      <c r="AJ21602">
        <v>20</v>
      </c>
      <c r="AK21602">
        <v>20</v>
      </c>
      <c r="AL21602">
        <v>20</v>
      </c>
      <c r="AM21602">
        <v>20</v>
      </c>
      <c r="AN21602">
        <v>19</v>
      </c>
      <c r="AO21602">
        <v>19</v>
      </c>
      <c r="AP21602">
        <v>19</v>
      </c>
      <c r="AQ21602">
        <v>19</v>
      </c>
    </row>
    <row r="21603" spans="1:43">
      <c r="A21603" t="s">
        <v>13389</v>
      </c>
      <c r="B21603" t="s">
        <v>13390</v>
      </c>
      <c r="C21603" t="s">
        <v>13347</v>
      </c>
      <c r="D21603" t="s">
        <v>13348</v>
      </c>
      <c r="E21603" t="s">
        <v>13293</v>
      </c>
      <c r="F21603" t="s">
        <v>13294</v>
      </c>
      <c r="G21603" t="s">
        <v>10214</v>
      </c>
      <c r="H21603" t="s">
        <v>10215</v>
      </c>
      <c r="I21603" s="2">
        <v>1</v>
      </c>
      <c r="J21603" s="2">
        <v>0</v>
      </c>
      <c r="K21603" s="2">
        <v>0</v>
      </c>
      <c r="L21603" t="s">
        <v>120</v>
      </c>
      <c r="M21603" t="s">
        <v>87</v>
      </c>
      <c r="N21603" t="s">
        <v>88</v>
      </c>
      <c r="O21603" t="s">
        <v>85</v>
      </c>
      <c r="P21603" t="s">
        <v>86</v>
      </c>
      <c r="Q21603">
        <v>17</v>
      </c>
      <c r="R21603">
        <v>17</v>
      </c>
      <c r="S21603">
        <v>17</v>
      </c>
      <c r="T21603">
        <v>17</v>
      </c>
      <c r="U21603">
        <v>17</v>
      </c>
      <c r="V21603">
        <v>17</v>
      </c>
      <c r="W21603">
        <v>17</v>
      </c>
      <c r="X21603">
        <v>17</v>
      </c>
      <c r="Y21603">
        <v>17</v>
      </c>
      <c r="Z21603">
        <v>17</v>
      </c>
      <c r="AA21603">
        <v>17</v>
      </c>
      <c r="AB21603">
        <v>17</v>
      </c>
      <c r="AC21603">
        <v>17</v>
      </c>
      <c r="AD21603">
        <v>17</v>
      </c>
      <c r="AE21603">
        <v>17</v>
      </c>
      <c r="AF21603">
        <v>17</v>
      </c>
      <c r="AG21603">
        <v>17</v>
      </c>
      <c r="AH21603">
        <v>17</v>
      </c>
      <c r="AI21603">
        <v>17</v>
      </c>
      <c r="AJ21603">
        <v>17</v>
      </c>
      <c r="AK21603">
        <v>17</v>
      </c>
      <c r="AL21603">
        <v>17</v>
      </c>
      <c r="AM21603">
        <v>17</v>
      </c>
      <c r="AN21603">
        <v>17</v>
      </c>
      <c r="AO21603">
        <v>17</v>
      </c>
      <c r="AP21603">
        <v>17</v>
      </c>
      <c r="AQ21603">
        <v>17</v>
      </c>
    </row>
    <row r="21604" spans="1:43">
      <c r="A21604" t="s">
        <v>13389</v>
      </c>
      <c r="B21604" t="s">
        <v>13390</v>
      </c>
      <c r="C21604" t="s">
        <v>13347</v>
      </c>
      <c r="D21604" t="s">
        <v>13348</v>
      </c>
      <c r="E21604" t="s">
        <v>13293</v>
      </c>
      <c r="F21604" t="s">
        <v>13294</v>
      </c>
      <c r="G21604" t="s">
        <v>10214</v>
      </c>
      <c r="H21604" t="s">
        <v>10215</v>
      </c>
      <c r="I21604" s="2">
        <v>1</v>
      </c>
      <c r="J21604" s="2">
        <v>0</v>
      </c>
      <c r="K21604" s="2">
        <v>0</v>
      </c>
      <c r="L21604" t="s">
        <v>120</v>
      </c>
      <c r="M21604" t="s">
        <v>89</v>
      </c>
      <c r="N21604" t="s">
        <v>90</v>
      </c>
      <c r="O21604" t="s">
        <v>85</v>
      </c>
      <c r="P21604" t="s">
        <v>86</v>
      </c>
      <c r="Q21604">
        <v>17</v>
      </c>
      <c r="R21604">
        <v>17</v>
      </c>
      <c r="S21604">
        <v>17</v>
      </c>
      <c r="T21604">
        <v>18</v>
      </c>
      <c r="U21604">
        <v>18</v>
      </c>
      <c r="V21604">
        <v>18</v>
      </c>
      <c r="W21604">
        <v>18</v>
      </c>
      <c r="X21604">
        <v>18</v>
      </c>
      <c r="Y21604">
        <v>19</v>
      </c>
      <c r="Z21604">
        <v>19</v>
      </c>
      <c r="AA21604">
        <v>19</v>
      </c>
      <c r="AB21604">
        <v>19</v>
      </c>
      <c r="AC21604">
        <v>19</v>
      </c>
      <c r="AD21604">
        <v>19</v>
      </c>
      <c r="AE21604">
        <v>20</v>
      </c>
      <c r="AF21604">
        <v>19</v>
      </c>
      <c r="AG21604">
        <v>19</v>
      </c>
      <c r="AH21604">
        <v>19</v>
      </c>
      <c r="AI21604">
        <v>19</v>
      </c>
      <c r="AJ21604">
        <v>19</v>
      </c>
      <c r="AK21604">
        <v>19</v>
      </c>
      <c r="AL21604">
        <v>19</v>
      </c>
      <c r="AM21604">
        <v>19</v>
      </c>
      <c r="AN21604">
        <v>19</v>
      </c>
      <c r="AO21604">
        <v>18</v>
      </c>
      <c r="AP21604">
        <v>18</v>
      </c>
      <c r="AQ21604">
        <v>18</v>
      </c>
    </row>
    <row r="21605" spans="1:43">
      <c r="A21605" t="s">
        <v>13389</v>
      </c>
      <c r="B21605" t="s">
        <v>13390</v>
      </c>
      <c r="C21605" t="s">
        <v>13347</v>
      </c>
      <c r="D21605" t="s">
        <v>13348</v>
      </c>
      <c r="E21605" t="s">
        <v>13293</v>
      </c>
      <c r="F21605" t="s">
        <v>13294</v>
      </c>
      <c r="G21605" t="s">
        <v>10214</v>
      </c>
      <c r="H21605" t="s">
        <v>10215</v>
      </c>
      <c r="I21605" s="2">
        <v>1</v>
      </c>
      <c r="J21605" s="2">
        <v>0</v>
      </c>
      <c r="K21605" s="2">
        <v>0</v>
      </c>
      <c r="L21605" t="s">
        <v>120</v>
      </c>
      <c r="M21605" t="s">
        <v>83</v>
      </c>
      <c r="N21605" t="s">
        <v>91</v>
      </c>
      <c r="O21605" t="s">
        <v>85</v>
      </c>
      <c r="P21605" t="s">
        <v>86</v>
      </c>
      <c r="Q21605">
        <v>17</v>
      </c>
      <c r="R21605">
        <v>18</v>
      </c>
      <c r="S21605">
        <v>18</v>
      </c>
      <c r="T21605">
        <v>18</v>
      </c>
      <c r="U21605">
        <v>18</v>
      </c>
      <c r="V21605">
        <v>18</v>
      </c>
      <c r="W21605">
        <v>18</v>
      </c>
      <c r="X21605">
        <v>18</v>
      </c>
      <c r="Y21605">
        <v>19</v>
      </c>
      <c r="Z21605">
        <v>19</v>
      </c>
      <c r="AA21605">
        <v>19</v>
      </c>
      <c r="AB21605">
        <v>19</v>
      </c>
      <c r="AC21605">
        <v>19</v>
      </c>
      <c r="AD21605">
        <v>19</v>
      </c>
      <c r="AE21605">
        <v>19</v>
      </c>
      <c r="AF21605">
        <v>19</v>
      </c>
      <c r="AG21605">
        <v>19</v>
      </c>
      <c r="AH21605">
        <v>19</v>
      </c>
      <c r="AI21605">
        <v>20</v>
      </c>
      <c r="AJ21605">
        <v>20</v>
      </c>
      <c r="AK21605">
        <v>20</v>
      </c>
      <c r="AL21605">
        <v>20</v>
      </c>
      <c r="AM21605">
        <v>20</v>
      </c>
      <c r="AN21605">
        <v>19</v>
      </c>
      <c r="AO21605">
        <v>19</v>
      </c>
      <c r="AP21605">
        <v>19</v>
      </c>
      <c r="AQ21605">
        <v>19</v>
      </c>
    </row>
    <row r="21606" spans="1:43">
      <c r="A21606" t="s">
        <v>13391</v>
      </c>
      <c r="B21606" t="s">
        <v>13392</v>
      </c>
      <c r="C21606" t="s">
        <v>13393</v>
      </c>
      <c r="D21606" t="s">
        <v>13394</v>
      </c>
      <c r="E21606" t="s">
        <v>13293</v>
      </c>
      <c r="F21606" t="s">
        <v>13294</v>
      </c>
      <c r="G21606" t="s">
        <v>10214</v>
      </c>
      <c r="H21606" t="s">
        <v>10215</v>
      </c>
      <c r="I21606" s="2">
        <v>1</v>
      </c>
      <c r="J21606" s="2">
        <v>0</v>
      </c>
      <c r="K21606" s="2">
        <v>0</v>
      </c>
      <c r="L21606" t="s">
        <v>120</v>
      </c>
      <c r="M21606" t="s">
        <v>83</v>
      </c>
      <c r="N21606" t="s">
        <v>84</v>
      </c>
      <c r="O21606" t="s">
        <v>85</v>
      </c>
      <c r="P21606" t="s">
        <v>86</v>
      </c>
      <c r="Q21606">
        <v>44</v>
      </c>
      <c r="R21606">
        <v>45</v>
      </c>
      <c r="S21606">
        <v>45</v>
      </c>
      <c r="T21606">
        <v>46</v>
      </c>
      <c r="U21606">
        <v>46</v>
      </c>
      <c r="V21606">
        <v>46</v>
      </c>
      <c r="W21606">
        <v>47</v>
      </c>
      <c r="X21606">
        <v>47</v>
      </c>
      <c r="Y21606">
        <v>47</v>
      </c>
      <c r="Z21606">
        <v>48</v>
      </c>
      <c r="AA21606">
        <v>48</v>
      </c>
      <c r="AB21606">
        <v>48</v>
      </c>
      <c r="AC21606">
        <v>48</v>
      </c>
      <c r="AD21606">
        <v>49</v>
      </c>
      <c r="AE21606">
        <v>49</v>
      </c>
      <c r="AF21606">
        <v>49</v>
      </c>
      <c r="AG21606">
        <v>50</v>
      </c>
      <c r="AH21606">
        <v>50</v>
      </c>
      <c r="AI21606">
        <v>50</v>
      </c>
      <c r="AJ21606">
        <v>50</v>
      </c>
      <c r="AK21606">
        <v>51</v>
      </c>
      <c r="AL21606">
        <v>50</v>
      </c>
      <c r="AM21606">
        <v>50</v>
      </c>
      <c r="AN21606">
        <v>50</v>
      </c>
      <c r="AO21606">
        <v>50</v>
      </c>
      <c r="AP21606">
        <v>50</v>
      </c>
      <c r="AQ21606">
        <v>49</v>
      </c>
    </row>
    <row r="21607" spans="1:43">
      <c r="A21607" t="s">
        <v>13391</v>
      </c>
      <c r="B21607" t="s">
        <v>13392</v>
      </c>
      <c r="C21607" t="s">
        <v>13393</v>
      </c>
      <c r="D21607" t="s">
        <v>13394</v>
      </c>
      <c r="E21607" t="s">
        <v>13293</v>
      </c>
      <c r="F21607" t="s">
        <v>13294</v>
      </c>
      <c r="G21607" t="s">
        <v>10214</v>
      </c>
      <c r="H21607" t="s">
        <v>10215</v>
      </c>
      <c r="I21607" s="2">
        <v>1</v>
      </c>
      <c r="J21607" s="2">
        <v>0</v>
      </c>
      <c r="K21607" s="2">
        <v>0</v>
      </c>
      <c r="L21607" t="s">
        <v>120</v>
      </c>
      <c r="M21607" t="s">
        <v>87</v>
      </c>
      <c r="N21607" t="s">
        <v>88</v>
      </c>
      <c r="O21607" t="s">
        <v>85</v>
      </c>
      <c r="P21607" t="s">
        <v>86</v>
      </c>
      <c r="Q21607">
        <v>44</v>
      </c>
      <c r="R21607">
        <v>44</v>
      </c>
      <c r="S21607">
        <v>44</v>
      </c>
      <c r="T21607">
        <v>44</v>
      </c>
      <c r="U21607">
        <v>44</v>
      </c>
      <c r="V21607">
        <v>44</v>
      </c>
      <c r="W21607">
        <v>44</v>
      </c>
      <c r="X21607">
        <v>44</v>
      </c>
      <c r="Y21607">
        <v>44</v>
      </c>
      <c r="Z21607">
        <v>44</v>
      </c>
      <c r="AA21607">
        <v>44</v>
      </c>
      <c r="AB21607">
        <v>44</v>
      </c>
      <c r="AC21607">
        <v>44</v>
      </c>
      <c r="AD21607">
        <v>43</v>
      </c>
      <c r="AE21607">
        <v>43</v>
      </c>
      <c r="AF21607">
        <v>43</v>
      </c>
      <c r="AG21607">
        <v>43</v>
      </c>
      <c r="AH21607">
        <v>43</v>
      </c>
      <c r="AI21607">
        <v>43</v>
      </c>
      <c r="AJ21607">
        <v>43</v>
      </c>
      <c r="AK21607">
        <v>43</v>
      </c>
      <c r="AL21607">
        <v>43</v>
      </c>
      <c r="AM21607">
        <v>43</v>
      </c>
      <c r="AN21607">
        <v>43</v>
      </c>
      <c r="AO21607">
        <v>43</v>
      </c>
      <c r="AP21607">
        <v>43</v>
      </c>
      <c r="AQ21607">
        <v>43</v>
      </c>
    </row>
    <row r="21608" spans="1:43">
      <c r="A21608" t="s">
        <v>13391</v>
      </c>
      <c r="B21608" t="s">
        <v>13392</v>
      </c>
      <c r="C21608" t="s">
        <v>13393</v>
      </c>
      <c r="D21608" t="s">
        <v>13394</v>
      </c>
      <c r="E21608" t="s">
        <v>13293</v>
      </c>
      <c r="F21608" t="s">
        <v>13294</v>
      </c>
      <c r="G21608" t="s">
        <v>10214</v>
      </c>
      <c r="H21608" t="s">
        <v>10215</v>
      </c>
      <c r="I21608" s="2">
        <v>1</v>
      </c>
      <c r="J21608" s="2">
        <v>0</v>
      </c>
      <c r="K21608" s="2">
        <v>0</v>
      </c>
      <c r="L21608" t="s">
        <v>120</v>
      </c>
      <c r="M21608" t="s">
        <v>89</v>
      </c>
      <c r="N21608" t="s">
        <v>90</v>
      </c>
      <c r="O21608" t="s">
        <v>85</v>
      </c>
      <c r="P21608" t="s">
        <v>86</v>
      </c>
      <c r="Q21608">
        <v>44</v>
      </c>
      <c r="R21608">
        <v>45</v>
      </c>
      <c r="S21608">
        <v>45</v>
      </c>
      <c r="T21608">
        <v>46</v>
      </c>
      <c r="U21608">
        <v>47</v>
      </c>
      <c r="V21608">
        <v>47</v>
      </c>
      <c r="W21608">
        <v>48</v>
      </c>
      <c r="X21608">
        <v>48</v>
      </c>
      <c r="Y21608">
        <v>49</v>
      </c>
      <c r="Z21608">
        <v>50</v>
      </c>
      <c r="AA21608">
        <v>50</v>
      </c>
      <c r="AB21608">
        <v>50</v>
      </c>
      <c r="AC21608">
        <v>51</v>
      </c>
      <c r="AD21608">
        <v>51</v>
      </c>
      <c r="AE21608">
        <v>52</v>
      </c>
      <c r="AF21608">
        <v>51</v>
      </c>
      <c r="AG21608">
        <v>51</v>
      </c>
      <c r="AH21608">
        <v>51</v>
      </c>
      <c r="AI21608">
        <v>51</v>
      </c>
      <c r="AJ21608">
        <v>51</v>
      </c>
      <c r="AK21608">
        <v>50</v>
      </c>
      <c r="AL21608">
        <v>50</v>
      </c>
      <c r="AM21608">
        <v>50</v>
      </c>
      <c r="AN21608">
        <v>50</v>
      </c>
      <c r="AO21608">
        <v>50</v>
      </c>
      <c r="AP21608">
        <v>49</v>
      </c>
      <c r="AQ21608">
        <v>49</v>
      </c>
    </row>
    <row r="21609" spans="1:43">
      <c r="A21609" t="s">
        <v>13391</v>
      </c>
      <c r="B21609" t="s">
        <v>13392</v>
      </c>
      <c r="C21609" t="s">
        <v>13393</v>
      </c>
      <c r="D21609" t="s">
        <v>13394</v>
      </c>
      <c r="E21609" t="s">
        <v>13293</v>
      </c>
      <c r="F21609" t="s">
        <v>13294</v>
      </c>
      <c r="G21609" t="s">
        <v>10214</v>
      </c>
      <c r="H21609" t="s">
        <v>10215</v>
      </c>
      <c r="I21609" s="2">
        <v>1</v>
      </c>
      <c r="J21609" s="2">
        <v>0</v>
      </c>
      <c r="K21609" s="2">
        <v>0</v>
      </c>
      <c r="L21609" t="s">
        <v>120</v>
      </c>
      <c r="M21609" t="s">
        <v>83</v>
      </c>
      <c r="N21609" t="s">
        <v>91</v>
      </c>
      <c r="O21609" t="s">
        <v>85</v>
      </c>
      <c r="P21609" t="s">
        <v>86</v>
      </c>
      <c r="Q21609">
        <v>44</v>
      </c>
      <c r="R21609">
        <v>45</v>
      </c>
      <c r="S21609">
        <v>45</v>
      </c>
      <c r="T21609">
        <v>46</v>
      </c>
      <c r="U21609">
        <v>46</v>
      </c>
      <c r="V21609">
        <v>46</v>
      </c>
      <c r="W21609">
        <v>47</v>
      </c>
      <c r="X21609">
        <v>47</v>
      </c>
      <c r="Y21609">
        <v>47</v>
      </c>
      <c r="Z21609">
        <v>48</v>
      </c>
      <c r="AA21609">
        <v>48</v>
      </c>
      <c r="AB21609">
        <v>48</v>
      </c>
      <c r="AC21609">
        <v>48</v>
      </c>
      <c r="AD21609">
        <v>49</v>
      </c>
      <c r="AE21609">
        <v>49</v>
      </c>
      <c r="AF21609">
        <v>49</v>
      </c>
      <c r="AG21609">
        <v>50</v>
      </c>
      <c r="AH21609">
        <v>50</v>
      </c>
      <c r="AI21609">
        <v>50</v>
      </c>
      <c r="AJ21609">
        <v>50</v>
      </c>
      <c r="AK21609">
        <v>51</v>
      </c>
      <c r="AL21609">
        <v>50</v>
      </c>
      <c r="AM21609">
        <v>50</v>
      </c>
      <c r="AN21609">
        <v>50</v>
      </c>
      <c r="AO21609">
        <v>50</v>
      </c>
      <c r="AP21609">
        <v>50</v>
      </c>
      <c r="AQ21609">
        <v>49</v>
      </c>
    </row>
    <row r="21610" spans="1:43">
      <c r="A21610" t="s">
        <v>13395</v>
      </c>
      <c r="B21610" t="s">
        <v>13396</v>
      </c>
      <c r="C21610" t="s">
        <v>13393</v>
      </c>
      <c r="D21610" t="s">
        <v>13394</v>
      </c>
      <c r="E21610" t="s">
        <v>13293</v>
      </c>
      <c r="F21610" t="s">
        <v>13294</v>
      </c>
      <c r="G21610" t="s">
        <v>10214</v>
      </c>
      <c r="H21610" t="s">
        <v>10215</v>
      </c>
      <c r="I21610" s="2">
        <v>1</v>
      </c>
      <c r="J21610" s="2">
        <v>0</v>
      </c>
      <c r="K21610" s="2">
        <v>0</v>
      </c>
      <c r="L21610" t="s">
        <v>120</v>
      </c>
      <c r="M21610" t="s">
        <v>83</v>
      </c>
      <c r="N21610" t="s">
        <v>84</v>
      </c>
      <c r="O21610" t="s">
        <v>85</v>
      </c>
      <c r="P21610" t="s">
        <v>86</v>
      </c>
      <c r="Q21610">
        <v>63</v>
      </c>
      <c r="R21610">
        <v>63</v>
      </c>
      <c r="S21610">
        <v>64</v>
      </c>
      <c r="T21610">
        <v>64</v>
      </c>
      <c r="U21610">
        <v>65</v>
      </c>
      <c r="V21610">
        <v>65</v>
      </c>
      <c r="W21610">
        <v>65</v>
      </c>
      <c r="X21610">
        <v>66</v>
      </c>
      <c r="Y21610">
        <v>66</v>
      </c>
      <c r="Z21610">
        <v>67</v>
      </c>
      <c r="AA21610">
        <v>67</v>
      </c>
      <c r="AB21610">
        <v>68</v>
      </c>
      <c r="AC21610">
        <v>68</v>
      </c>
      <c r="AD21610">
        <v>68</v>
      </c>
      <c r="AE21610">
        <v>69</v>
      </c>
      <c r="AF21610">
        <v>69</v>
      </c>
      <c r="AG21610">
        <v>69</v>
      </c>
      <c r="AH21610">
        <v>70</v>
      </c>
      <c r="AI21610">
        <v>70</v>
      </c>
      <c r="AJ21610">
        <v>70</v>
      </c>
      <c r="AK21610">
        <v>71</v>
      </c>
      <c r="AL21610">
        <v>71</v>
      </c>
      <c r="AM21610">
        <v>70</v>
      </c>
      <c r="AN21610">
        <v>70</v>
      </c>
      <c r="AO21610">
        <v>70</v>
      </c>
      <c r="AP21610">
        <v>69</v>
      </c>
      <c r="AQ21610">
        <v>69</v>
      </c>
    </row>
    <row r="21611" spans="1:43">
      <c r="A21611" t="s">
        <v>13395</v>
      </c>
      <c r="B21611" t="s">
        <v>13396</v>
      </c>
      <c r="C21611" t="s">
        <v>13393</v>
      </c>
      <c r="D21611" t="s">
        <v>13394</v>
      </c>
      <c r="E21611" t="s">
        <v>13293</v>
      </c>
      <c r="F21611" t="s">
        <v>13294</v>
      </c>
      <c r="G21611" t="s">
        <v>10214</v>
      </c>
      <c r="H21611" t="s">
        <v>10215</v>
      </c>
      <c r="I21611" s="2">
        <v>1</v>
      </c>
      <c r="J21611" s="2">
        <v>0</v>
      </c>
      <c r="K21611" s="2">
        <v>0</v>
      </c>
      <c r="L21611" t="s">
        <v>120</v>
      </c>
      <c r="M21611" t="s">
        <v>87</v>
      </c>
      <c r="N21611" t="s">
        <v>88</v>
      </c>
      <c r="O21611" t="s">
        <v>85</v>
      </c>
      <c r="P21611" t="s">
        <v>86</v>
      </c>
      <c r="Q21611">
        <v>63</v>
      </c>
      <c r="R21611">
        <v>63</v>
      </c>
      <c r="S21611">
        <v>63</v>
      </c>
      <c r="T21611">
        <v>63</v>
      </c>
      <c r="U21611">
        <v>63</v>
      </c>
      <c r="V21611">
        <v>63</v>
      </c>
      <c r="W21611">
        <v>63</v>
      </c>
      <c r="X21611">
        <v>62</v>
      </c>
      <c r="Y21611">
        <v>62</v>
      </c>
      <c r="Z21611">
        <v>62</v>
      </c>
      <c r="AA21611">
        <v>62</v>
      </c>
      <c r="AB21611">
        <v>62</v>
      </c>
      <c r="AC21611">
        <v>62</v>
      </c>
      <c r="AD21611">
        <v>62</v>
      </c>
      <c r="AE21611">
        <v>62</v>
      </c>
      <c r="AF21611">
        <v>62</v>
      </c>
      <c r="AG21611">
        <v>62</v>
      </c>
      <c r="AH21611">
        <v>61</v>
      </c>
      <c r="AI21611">
        <v>61</v>
      </c>
      <c r="AJ21611">
        <v>61</v>
      </c>
      <c r="AK21611">
        <v>61</v>
      </c>
      <c r="AL21611">
        <v>61</v>
      </c>
      <c r="AM21611">
        <v>61</v>
      </c>
      <c r="AN21611">
        <v>61</v>
      </c>
      <c r="AO21611">
        <v>61</v>
      </c>
      <c r="AP21611">
        <v>60</v>
      </c>
      <c r="AQ21611">
        <v>60</v>
      </c>
    </row>
    <row r="21612" spans="1:43">
      <c r="A21612" t="s">
        <v>13395</v>
      </c>
      <c r="B21612" t="s">
        <v>13396</v>
      </c>
      <c r="C21612" t="s">
        <v>13393</v>
      </c>
      <c r="D21612" t="s">
        <v>13394</v>
      </c>
      <c r="E21612" t="s">
        <v>13293</v>
      </c>
      <c r="F21612" t="s">
        <v>13294</v>
      </c>
      <c r="G21612" t="s">
        <v>10214</v>
      </c>
      <c r="H21612" t="s">
        <v>10215</v>
      </c>
      <c r="I21612" s="2">
        <v>1</v>
      </c>
      <c r="J21612" s="2">
        <v>0</v>
      </c>
      <c r="K21612" s="2">
        <v>0</v>
      </c>
      <c r="L21612" t="s">
        <v>120</v>
      </c>
      <c r="M21612" t="s">
        <v>89</v>
      </c>
      <c r="N21612" t="s">
        <v>90</v>
      </c>
      <c r="O21612" t="s">
        <v>85</v>
      </c>
      <c r="P21612" t="s">
        <v>86</v>
      </c>
      <c r="Q21612">
        <v>63</v>
      </c>
      <c r="R21612">
        <v>64</v>
      </c>
      <c r="S21612">
        <v>65</v>
      </c>
      <c r="T21612">
        <v>66</v>
      </c>
      <c r="U21612">
        <v>67</v>
      </c>
      <c r="V21612">
        <v>68</v>
      </c>
      <c r="W21612">
        <v>69</v>
      </c>
      <c r="X21612">
        <v>70</v>
      </c>
      <c r="Y21612">
        <v>70</v>
      </c>
      <c r="Z21612">
        <v>71</v>
      </c>
      <c r="AA21612">
        <v>72</v>
      </c>
      <c r="AB21612">
        <v>72</v>
      </c>
      <c r="AC21612">
        <v>73</v>
      </c>
      <c r="AD21612">
        <v>74</v>
      </c>
      <c r="AE21612">
        <v>74</v>
      </c>
      <c r="AF21612">
        <v>73</v>
      </c>
      <c r="AG21612">
        <v>73</v>
      </c>
      <c r="AH21612">
        <v>73</v>
      </c>
      <c r="AI21612">
        <v>72</v>
      </c>
      <c r="AJ21612">
        <v>72</v>
      </c>
      <c r="AK21612">
        <v>72</v>
      </c>
      <c r="AL21612">
        <v>71</v>
      </c>
      <c r="AM21612">
        <v>71</v>
      </c>
      <c r="AN21612">
        <v>71</v>
      </c>
      <c r="AO21612">
        <v>70</v>
      </c>
      <c r="AP21612">
        <v>70</v>
      </c>
      <c r="AQ21612">
        <v>70</v>
      </c>
    </row>
    <row r="21613" spans="1:43">
      <c r="A21613" t="s">
        <v>13395</v>
      </c>
      <c r="B21613" t="s">
        <v>13396</v>
      </c>
      <c r="C21613" t="s">
        <v>13393</v>
      </c>
      <c r="D21613" t="s">
        <v>13394</v>
      </c>
      <c r="E21613" t="s">
        <v>13293</v>
      </c>
      <c r="F21613" t="s">
        <v>13294</v>
      </c>
      <c r="G21613" t="s">
        <v>10214</v>
      </c>
      <c r="H21613" t="s">
        <v>10215</v>
      </c>
      <c r="I21613" s="2">
        <v>1</v>
      </c>
      <c r="J21613" s="2">
        <v>0</v>
      </c>
      <c r="K21613" s="2">
        <v>0</v>
      </c>
      <c r="L21613" t="s">
        <v>120</v>
      </c>
      <c r="M21613" t="s">
        <v>83</v>
      </c>
      <c r="N21613" t="s">
        <v>91</v>
      </c>
      <c r="O21613" t="s">
        <v>85</v>
      </c>
      <c r="P21613" t="s">
        <v>86</v>
      </c>
      <c r="Q21613">
        <v>63</v>
      </c>
      <c r="R21613">
        <v>63</v>
      </c>
      <c r="S21613">
        <v>64</v>
      </c>
      <c r="T21613">
        <v>64</v>
      </c>
      <c r="U21613">
        <v>65</v>
      </c>
      <c r="V21613">
        <v>65</v>
      </c>
      <c r="W21613">
        <v>65</v>
      </c>
      <c r="X21613">
        <v>66</v>
      </c>
      <c r="Y21613">
        <v>66</v>
      </c>
      <c r="Z21613">
        <v>67</v>
      </c>
      <c r="AA21613">
        <v>67</v>
      </c>
      <c r="AB21613">
        <v>68</v>
      </c>
      <c r="AC21613">
        <v>68</v>
      </c>
      <c r="AD21613">
        <v>68</v>
      </c>
      <c r="AE21613">
        <v>69</v>
      </c>
      <c r="AF21613">
        <v>69</v>
      </c>
      <c r="AG21613">
        <v>69</v>
      </c>
      <c r="AH21613">
        <v>70</v>
      </c>
      <c r="AI21613">
        <v>70</v>
      </c>
      <c r="AJ21613">
        <v>70</v>
      </c>
      <c r="AK21613">
        <v>71</v>
      </c>
      <c r="AL21613">
        <v>71</v>
      </c>
      <c r="AM21613">
        <v>70</v>
      </c>
      <c r="AN21613">
        <v>70</v>
      </c>
      <c r="AO21613">
        <v>70</v>
      </c>
      <c r="AP21613">
        <v>69</v>
      </c>
      <c r="AQ21613">
        <v>69</v>
      </c>
    </row>
    <row r="21614" spans="1:43">
      <c r="A21614" t="s">
        <v>13397</v>
      </c>
      <c r="B21614" t="s">
        <v>13398</v>
      </c>
      <c r="C21614" t="s">
        <v>13393</v>
      </c>
      <c r="D21614" t="s">
        <v>13394</v>
      </c>
      <c r="E21614" t="s">
        <v>13293</v>
      </c>
      <c r="F21614" t="s">
        <v>13294</v>
      </c>
      <c r="G21614" t="s">
        <v>10214</v>
      </c>
      <c r="H21614" t="s">
        <v>10215</v>
      </c>
      <c r="I21614" s="2">
        <v>1</v>
      </c>
      <c r="J21614" s="2">
        <v>0</v>
      </c>
      <c r="K21614" s="2">
        <v>0</v>
      </c>
      <c r="L21614" t="s">
        <v>120</v>
      </c>
      <c r="M21614" t="s">
        <v>83</v>
      </c>
      <c r="N21614" t="s">
        <v>84</v>
      </c>
      <c r="O21614" t="s">
        <v>85</v>
      </c>
      <c r="P21614" t="s">
        <v>86</v>
      </c>
      <c r="Q21614">
        <v>55</v>
      </c>
      <c r="R21614">
        <v>56</v>
      </c>
      <c r="S21614">
        <v>56</v>
      </c>
      <c r="T21614">
        <v>57</v>
      </c>
      <c r="U21614">
        <v>58</v>
      </c>
      <c r="V21614">
        <v>58</v>
      </c>
      <c r="W21614">
        <v>59</v>
      </c>
      <c r="X21614">
        <v>59</v>
      </c>
      <c r="Y21614">
        <v>60</v>
      </c>
      <c r="Z21614">
        <v>60</v>
      </c>
      <c r="AA21614">
        <v>60</v>
      </c>
      <c r="AB21614">
        <v>61</v>
      </c>
      <c r="AC21614">
        <v>61</v>
      </c>
      <c r="AD21614">
        <v>62</v>
      </c>
      <c r="AE21614">
        <v>62</v>
      </c>
      <c r="AF21614">
        <v>63</v>
      </c>
      <c r="AG21614">
        <v>63</v>
      </c>
      <c r="AH21614">
        <v>63</v>
      </c>
      <c r="AI21614">
        <v>64</v>
      </c>
      <c r="AJ21614">
        <v>64</v>
      </c>
      <c r="AK21614">
        <v>64</v>
      </c>
      <c r="AL21614">
        <v>64</v>
      </c>
      <c r="AM21614">
        <v>64</v>
      </c>
      <c r="AN21614">
        <v>64</v>
      </c>
      <c r="AO21614">
        <v>64</v>
      </c>
      <c r="AP21614">
        <v>64</v>
      </c>
      <c r="AQ21614">
        <v>64</v>
      </c>
    </row>
    <row r="21615" spans="1:43">
      <c r="A21615" t="s">
        <v>13397</v>
      </c>
      <c r="B21615" t="s">
        <v>13398</v>
      </c>
      <c r="C21615" t="s">
        <v>13393</v>
      </c>
      <c r="D21615" t="s">
        <v>13394</v>
      </c>
      <c r="E21615" t="s">
        <v>13293</v>
      </c>
      <c r="F21615" t="s">
        <v>13294</v>
      </c>
      <c r="G21615" t="s">
        <v>10214</v>
      </c>
      <c r="H21615" t="s">
        <v>10215</v>
      </c>
      <c r="I21615" s="2">
        <v>1</v>
      </c>
      <c r="J21615" s="2">
        <v>0</v>
      </c>
      <c r="K21615" s="2">
        <v>0</v>
      </c>
      <c r="L21615" t="s">
        <v>120</v>
      </c>
      <c r="M21615" t="s">
        <v>87</v>
      </c>
      <c r="N21615" t="s">
        <v>88</v>
      </c>
      <c r="O21615" t="s">
        <v>85</v>
      </c>
      <c r="P21615" t="s">
        <v>86</v>
      </c>
      <c r="Q21615">
        <v>55</v>
      </c>
      <c r="R21615">
        <v>55</v>
      </c>
      <c r="S21615">
        <v>55</v>
      </c>
      <c r="T21615">
        <v>55</v>
      </c>
      <c r="U21615">
        <v>55</v>
      </c>
      <c r="V21615">
        <v>55</v>
      </c>
      <c r="W21615">
        <v>55</v>
      </c>
      <c r="X21615">
        <v>55</v>
      </c>
      <c r="Y21615">
        <v>55</v>
      </c>
      <c r="Z21615">
        <v>55</v>
      </c>
      <c r="AA21615">
        <v>55</v>
      </c>
      <c r="AB21615">
        <v>55</v>
      </c>
      <c r="AC21615">
        <v>55</v>
      </c>
      <c r="AD21615">
        <v>55</v>
      </c>
      <c r="AE21615">
        <v>55</v>
      </c>
      <c r="AF21615">
        <v>55</v>
      </c>
      <c r="AG21615">
        <v>55</v>
      </c>
      <c r="AH21615">
        <v>55</v>
      </c>
      <c r="AI21615">
        <v>55</v>
      </c>
      <c r="AJ21615">
        <v>55</v>
      </c>
      <c r="AK21615">
        <v>55</v>
      </c>
      <c r="AL21615">
        <v>55</v>
      </c>
      <c r="AM21615">
        <v>55</v>
      </c>
      <c r="AN21615">
        <v>55</v>
      </c>
      <c r="AO21615">
        <v>55</v>
      </c>
      <c r="AP21615">
        <v>55</v>
      </c>
      <c r="AQ21615">
        <v>55</v>
      </c>
    </row>
    <row r="21616" spans="1:43">
      <c r="A21616" t="s">
        <v>13397</v>
      </c>
      <c r="B21616" t="s">
        <v>13398</v>
      </c>
      <c r="C21616" t="s">
        <v>13393</v>
      </c>
      <c r="D21616" t="s">
        <v>13394</v>
      </c>
      <c r="E21616" t="s">
        <v>13293</v>
      </c>
      <c r="F21616" t="s">
        <v>13294</v>
      </c>
      <c r="G21616" t="s">
        <v>10214</v>
      </c>
      <c r="H21616" t="s">
        <v>10215</v>
      </c>
      <c r="I21616" s="2">
        <v>1</v>
      </c>
      <c r="J21616" s="2">
        <v>0</v>
      </c>
      <c r="K21616" s="2">
        <v>0</v>
      </c>
      <c r="L21616" t="s">
        <v>120</v>
      </c>
      <c r="M21616" t="s">
        <v>89</v>
      </c>
      <c r="N21616" t="s">
        <v>90</v>
      </c>
      <c r="O21616" t="s">
        <v>85</v>
      </c>
      <c r="P21616" t="s">
        <v>86</v>
      </c>
      <c r="Q21616">
        <v>55</v>
      </c>
      <c r="R21616">
        <v>56</v>
      </c>
      <c r="S21616">
        <v>57</v>
      </c>
      <c r="T21616">
        <v>58</v>
      </c>
      <c r="U21616">
        <v>59</v>
      </c>
      <c r="V21616">
        <v>60</v>
      </c>
      <c r="W21616">
        <v>60</v>
      </c>
      <c r="X21616">
        <v>61</v>
      </c>
      <c r="Y21616">
        <v>62</v>
      </c>
      <c r="Z21616">
        <v>63</v>
      </c>
      <c r="AA21616">
        <v>63</v>
      </c>
      <c r="AB21616">
        <v>64</v>
      </c>
      <c r="AC21616">
        <v>65</v>
      </c>
      <c r="AD21616">
        <v>65</v>
      </c>
      <c r="AE21616">
        <v>65</v>
      </c>
      <c r="AF21616">
        <v>65</v>
      </c>
      <c r="AG21616">
        <v>65</v>
      </c>
      <c r="AH21616">
        <v>65</v>
      </c>
      <c r="AI21616">
        <v>65</v>
      </c>
      <c r="AJ21616">
        <v>65</v>
      </c>
      <c r="AK21616">
        <v>65</v>
      </c>
      <c r="AL21616">
        <v>64</v>
      </c>
      <c r="AM21616">
        <v>64</v>
      </c>
      <c r="AN21616">
        <v>64</v>
      </c>
      <c r="AO21616">
        <v>64</v>
      </c>
      <c r="AP21616">
        <v>64</v>
      </c>
      <c r="AQ21616">
        <v>64</v>
      </c>
    </row>
    <row r="21617" spans="1:43">
      <c r="A21617" t="s">
        <v>13397</v>
      </c>
      <c r="B21617" t="s">
        <v>13398</v>
      </c>
      <c r="C21617" t="s">
        <v>13393</v>
      </c>
      <c r="D21617" t="s">
        <v>13394</v>
      </c>
      <c r="E21617" t="s">
        <v>13293</v>
      </c>
      <c r="F21617" t="s">
        <v>13294</v>
      </c>
      <c r="G21617" t="s">
        <v>10214</v>
      </c>
      <c r="H21617" t="s">
        <v>10215</v>
      </c>
      <c r="I21617" s="2">
        <v>1</v>
      </c>
      <c r="J21617" s="2">
        <v>0</v>
      </c>
      <c r="K21617" s="2">
        <v>0</v>
      </c>
      <c r="L21617" t="s">
        <v>120</v>
      </c>
      <c r="M21617" t="s">
        <v>83</v>
      </c>
      <c r="N21617" t="s">
        <v>91</v>
      </c>
      <c r="O21617" t="s">
        <v>85</v>
      </c>
      <c r="P21617" t="s">
        <v>86</v>
      </c>
      <c r="Q21617">
        <v>55</v>
      </c>
      <c r="R21617">
        <v>56</v>
      </c>
      <c r="S21617">
        <v>56</v>
      </c>
      <c r="T21617">
        <v>57</v>
      </c>
      <c r="U21617">
        <v>58</v>
      </c>
      <c r="V21617">
        <v>58</v>
      </c>
      <c r="W21617">
        <v>59</v>
      </c>
      <c r="X21617">
        <v>59</v>
      </c>
      <c r="Y21617">
        <v>60</v>
      </c>
      <c r="Z21617">
        <v>60</v>
      </c>
      <c r="AA21617">
        <v>60</v>
      </c>
      <c r="AB21617">
        <v>61</v>
      </c>
      <c r="AC21617">
        <v>61</v>
      </c>
      <c r="AD21617">
        <v>62</v>
      </c>
      <c r="AE21617">
        <v>62</v>
      </c>
      <c r="AF21617">
        <v>63</v>
      </c>
      <c r="AG21617">
        <v>63</v>
      </c>
      <c r="AH21617">
        <v>63</v>
      </c>
      <c r="AI21617">
        <v>64</v>
      </c>
      <c r="AJ21617">
        <v>64</v>
      </c>
      <c r="AK21617">
        <v>64</v>
      </c>
      <c r="AL21617">
        <v>64</v>
      </c>
      <c r="AM21617">
        <v>64</v>
      </c>
      <c r="AN21617">
        <v>64</v>
      </c>
      <c r="AO21617">
        <v>64</v>
      </c>
      <c r="AP21617">
        <v>64</v>
      </c>
      <c r="AQ21617">
        <v>64</v>
      </c>
    </row>
    <row r="21618" spans="1:43">
      <c r="A21618" t="s">
        <v>13399</v>
      </c>
      <c r="B21618" t="s">
        <v>13400</v>
      </c>
      <c r="C21618" t="s">
        <v>13393</v>
      </c>
      <c r="D21618" t="s">
        <v>13394</v>
      </c>
      <c r="E21618" t="s">
        <v>13293</v>
      </c>
      <c r="F21618" t="s">
        <v>13294</v>
      </c>
      <c r="G21618" t="s">
        <v>10214</v>
      </c>
      <c r="H21618" t="s">
        <v>10215</v>
      </c>
      <c r="I21618" s="2">
        <v>1</v>
      </c>
      <c r="J21618" s="2">
        <v>0</v>
      </c>
      <c r="K21618" s="2">
        <v>0</v>
      </c>
      <c r="L21618" t="s">
        <v>120</v>
      </c>
      <c r="M21618" t="s">
        <v>83</v>
      </c>
      <c r="N21618" t="s">
        <v>84</v>
      </c>
      <c r="O21618" t="s">
        <v>85</v>
      </c>
      <c r="P21618" t="s">
        <v>86</v>
      </c>
      <c r="Q21618">
        <v>33</v>
      </c>
      <c r="R21618">
        <v>33</v>
      </c>
      <c r="S21618">
        <v>33</v>
      </c>
      <c r="T21618">
        <v>34</v>
      </c>
      <c r="U21618">
        <v>34</v>
      </c>
      <c r="V21618">
        <v>34</v>
      </c>
      <c r="W21618">
        <v>35</v>
      </c>
      <c r="X21618">
        <v>35</v>
      </c>
      <c r="Y21618">
        <v>35</v>
      </c>
      <c r="Z21618">
        <v>35</v>
      </c>
      <c r="AA21618">
        <v>36</v>
      </c>
      <c r="AB21618">
        <v>36</v>
      </c>
      <c r="AC21618">
        <v>36</v>
      </c>
      <c r="AD21618">
        <v>36</v>
      </c>
      <c r="AE21618">
        <v>37</v>
      </c>
      <c r="AF21618">
        <v>37</v>
      </c>
      <c r="AG21618">
        <v>37</v>
      </c>
      <c r="AH21618">
        <v>37</v>
      </c>
      <c r="AI21618">
        <v>37</v>
      </c>
      <c r="AJ21618">
        <v>38</v>
      </c>
      <c r="AK21618">
        <v>38</v>
      </c>
      <c r="AL21618">
        <v>38</v>
      </c>
      <c r="AM21618">
        <v>38</v>
      </c>
      <c r="AN21618">
        <v>38</v>
      </c>
      <c r="AO21618">
        <v>37</v>
      </c>
      <c r="AP21618">
        <v>37</v>
      </c>
      <c r="AQ21618">
        <v>37</v>
      </c>
    </row>
    <row r="21619" spans="1:43">
      <c r="A21619" t="s">
        <v>13399</v>
      </c>
      <c r="B21619" t="s">
        <v>13400</v>
      </c>
      <c r="C21619" t="s">
        <v>13393</v>
      </c>
      <c r="D21619" t="s">
        <v>13394</v>
      </c>
      <c r="E21619" t="s">
        <v>13293</v>
      </c>
      <c r="F21619" t="s">
        <v>13294</v>
      </c>
      <c r="G21619" t="s">
        <v>10214</v>
      </c>
      <c r="H21619" t="s">
        <v>10215</v>
      </c>
      <c r="I21619" s="2">
        <v>1</v>
      </c>
      <c r="J21619" s="2">
        <v>0</v>
      </c>
      <c r="K21619" s="2">
        <v>0</v>
      </c>
      <c r="L21619" t="s">
        <v>120</v>
      </c>
      <c r="M21619" t="s">
        <v>87</v>
      </c>
      <c r="N21619" t="s">
        <v>88</v>
      </c>
      <c r="O21619" t="s">
        <v>85</v>
      </c>
      <c r="P21619" t="s">
        <v>86</v>
      </c>
      <c r="Q21619">
        <v>33</v>
      </c>
      <c r="R21619">
        <v>33</v>
      </c>
      <c r="S21619">
        <v>33</v>
      </c>
      <c r="T21619">
        <v>33</v>
      </c>
      <c r="U21619">
        <v>33</v>
      </c>
      <c r="V21619">
        <v>33</v>
      </c>
      <c r="W21619">
        <v>33</v>
      </c>
      <c r="X21619">
        <v>33</v>
      </c>
      <c r="Y21619">
        <v>33</v>
      </c>
      <c r="Z21619">
        <v>33</v>
      </c>
      <c r="AA21619">
        <v>33</v>
      </c>
      <c r="AB21619">
        <v>33</v>
      </c>
      <c r="AC21619">
        <v>33</v>
      </c>
      <c r="AD21619">
        <v>33</v>
      </c>
      <c r="AE21619">
        <v>33</v>
      </c>
      <c r="AF21619">
        <v>33</v>
      </c>
      <c r="AG21619">
        <v>33</v>
      </c>
      <c r="AH21619">
        <v>33</v>
      </c>
      <c r="AI21619">
        <v>33</v>
      </c>
      <c r="AJ21619">
        <v>33</v>
      </c>
      <c r="AK21619">
        <v>33</v>
      </c>
      <c r="AL21619">
        <v>33</v>
      </c>
      <c r="AM21619">
        <v>33</v>
      </c>
      <c r="AN21619">
        <v>33</v>
      </c>
      <c r="AO21619">
        <v>33</v>
      </c>
      <c r="AP21619">
        <v>33</v>
      </c>
      <c r="AQ21619">
        <v>33</v>
      </c>
    </row>
    <row r="21620" spans="1:43">
      <c r="A21620" t="s">
        <v>13399</v>
      </c>
      <c r="B21620" t="s">
        <v>13400</v>
      </c>
      <c r="C21620" t="s">
        <v>13393</v>
      </c>
      <c r="D21620" t="s">
        <v>13394</v>
      </c>
      <c r="E21620" t="s">
        <v>13293</v>
      </c>
      <c r="F21620" t="s">
        <v>13294</v>
      </c>
      <c r="G21620" t="s">
        <v>10214</v>
      </c>
      <c r="H21620" t="s">
        <v>10215</v>
      </c>
      <c r="I21620" s="2">
        <v>1</v>
      </c>
      <c r="J21620" s="2">
        <v>0</v>
      </c>
      <c r="K21620" s="2">
        <v>0</v>
      </c>
      <c r="L21620" t="s">
        <v>120</v>
      </c>
      <c r="M21620" t="s">
        <v>89</v>
      </c>
      <c r="N21620" t="s">
        <v>90</v>
      </c>
      <c r="O21620" t="s">
        <v>85</v>
      </c>
      <c r="P21620" t="s">
        <v>86</v>
      </c>
      <c r="Q21620">
        <v>33</v>
      </c>
      <c r="R21620">
        <v>34</v>
      </c>
      <c r="S21620">
        <v>34</v>
      </c>
      <c r="T21620">
        <v>35</v>
      </c>
      <c r="U21620">
        <v>35</v>
      </c>
      <c r="V21620">
        <v>36</v>
      </c>
      <c r="W21620">
        <v>36</v>
      </c>
      <c r="X21620">
        <v>37</v>
      </c>
      <c r="Y21620">
        <v>37</v>
      </c>
      <c r="Z21620">
        <v>37</v>
      </c>
      <c r="AA21620">
        <v>38</v>
      </c>
      <c r="AB21620">
        <v>38</v>
      </c>
      <c r="AC21620">
        <v>39</v>
      </c>
      <c r="AD21620">
        <v>39</v>
      </c>
      <c r="AE21620">
        <v>39</v>
      </c>
      <c r="AF21620">
        <v>39</v>
      </c>
      <c r="AG21620">
        <v>39</v>
      </c>
      <c r="AH21620">
        <v>39</v>
      </c>
      <c r="AI21620">
        <v>39</v>
      </c>
      <c r="AJ21620">
        <v>39</v>
      </c>
      <c r="AK21620">
        <v>38</v>
      </c>
      <c r="AL21620">
        <v>38</v>
      </c>
      <c r="AM21620">
        <v>38</v>
      </c>
      <c r="AN21620">
        <v>38</v>
      </c>
      <c r="AO21620">
        <v>38</v>
      </c>
      <c r="AP21620">
        <v>38</v>
      </c>
      <c r="AQ21620">
        <v>38</v>
      </c>
    </row>
    <row r="21621" spans="1:43">
      <c r="A21621" t="s">
        <v>13399</v>
      </c>
      <c r="B21621" t="s">
        <v>13400</v>
      </c>
      <c r="C21621" t="s">
        <v>13393</v>
      </c>
      <c r="D21621" t="s">
        <v>13394</v>
      </c>
      <c r="E21621" t="s">
        <v>13293</v>
      </c>
      <c r="F21621" t="s">
        <v>13294</v>
      </c>
      <c r="G21621" t="s">
        <v>10214</v>
      </c>
      <c r="H21621" t="s">
        <v>10215</v>
      </c>
      <c r="I21621" s="2">
        <v>1</v>
      </c>
      <c r="J21621" s="2">
        <v>0</v>
      </c>
      <c r="K21621" s="2">
        <v>0</v>
      </c>
      <c r="L21621" t="s">
        <v>120</v>
      </c>
      <c r="M21621" t="s">
        <v>83</v>
      </c>
      <c r="N21621" t="s">
        <v>91</v>
      </c>
      <c r="O21621" t="s">
        <v>85</v>
      </c>
      <c r="P21621" t="s">
        <v>86</v>
      </c>
      <c r="Q21621">
        <v>33</v>
      </c>
      <c r="R21621">
        <v>33</v>
      </c>
      <c r="S21621">
        <v>33</v>
      </c>
      <c r="T21621">
        <v>34</v>
      </c>
      <c r="U21621">
        <v>34</v>
      </c>
      <c r="V21621">
        <v>34</v>
      </c>
      <c r="W21621">
        <v>35</v>
      </c>
      <c r="X21621">
        <v>35</v>
      </c>
      <c r="Y21621">
        <v>35</v>
      </c>
      <c r="Z21621">
        <v>35</v>
      </c>
      <c r="AA21621">
        <v>36</v>
      </c>
      <c r="AB21621">
        <v>36</v>
      </c>
      <c r="AC21621">
        <v>36</v>
      </c>
      <c r="AD21621">
        <v>36</v>
      </c>
      <c r="AE21621">
        <v>37</v>
      </c>
      <c r="AF21621">
        <v>37</v>
      </c>
      <c r="AG21621">
        <v>37</v>
      </c>
      <c r="AH21621">
        <v>37</v>
      </c>
      <c r="AI21621">
        <v>37</v>
      </c>
      <c r="AJ21621">
        <v>38</v>
      </c>
      <c r="AK21621">
        <v>38</v>
      </c>
      <c r="AL21621">
        <v>38</v>
      </c>
      <c r="AM21621">
        <v>38</v>
      </c>
      <c r="AN21621">
        <v>38</v>
      </c>
      <c r="AO21621">
        <v>37</v>
      </c>
      <c r="AP21621">
        <v>37</v>
      </c>
      <c r="AQ21621">
        <v>37</v>
      </c>
    </row>
    <row r="21622" spans="1:43">
      <c r="A21622" t="s">
        <v>13401</v>
      </c>
      <c r="B21622" t="s">
        <v>13402</v>
      </c>
      <c r="C21622" t="s">
        <v>13393</v>
      </c>
      <c r="D21622" t="s">
        <v>13394</v>
      </c>
      <c r="E21622" t="s">
        <v>13293</v>
      </c>
      <c r="F21622" t="s">
        <v>13294</v>
      </c>
      <c r="G21622" t="s">
        <v>10214</v>
      </c>
      <c r="H21622" t="s">
        <v>10215</v>
      </c>
      <c r="I21622" s="2">
        <v>1</v>
      </c>
      <c r="J21622" s="2">
        <v>0</v>
      </c>
      <c r="K21622" s="2">
        <v>0</v>
      </c>
      <c r="L21622" t="s">
        <v>120</v>
      </c>
      <c r="M21622" t="s">
        <v>83</v>
      </c>
      <c r="N21622" t="s">
        <v>84</v>
      </c>
      <c r="O21622" t="s">
        <v>85</v>
      </c>
      <c r="P21622" t="s">
        <v>86</v>
      </c>
      <c r="Q21622">
        <v>9</v>
      </c>
      <c r="R21622">
        <v>9</v>
      </c>
      <c r="S21622">
        <v>9</v>
      </c>
      <c r="T21622">
        <v>9</v>
      </c>
      <c r="U21622">
        <v>9</v>
      </c>
      <c r="V21622">
        <v>9</v>
      </c>
      <c r="W21622">
        <v>9</v>
      </c>
      <c r="X21622">
        <v>9</v>
      </c>
      <c r="Y21622">
        <v>9</v>
      </c>
      <c r="Z21622">
        <v>9</v>
      </c>
      <c r="AA21622">
        <v>9</v>
      </c>
      <c r="AB21622">
        <v>10</v>
      </c>
      <c r="AC21622">
        <v>10</v>
      </c>
      <c r="AD21622">
        <v>10</v>
      </c>
      <c r="AE21622">
        <v>10</v>
      </c>
      <c r="AF21622">
        <v>10</v>
      </c>
      <c r="AG21622">
        <v>10</v>
      </c>
      <c r="AH21622">
        <v>10</v>
      </c>
      <c r="AI21622">
        <v>10</v>
      </c>
      <c r="AJ21622">
        <v>10</v>
      </c>
      <c r="AK21622">
        <v>10</v>
      </c>
      <c r="AL21622">
        <v>10</v>
      </c>
      <c r="AM21622">
        <v>10</v>
      </c>
      <c r="AN21622">
        <v>10</v>
      </c>
      <c r="AO21622">
        <v>10</v>
      </c>
      <c r="AP21622">
        <v>10</v>
      </c>
      <c r="AQ21622">
        <v>10</v>
      </c>
    </row>
    <row r="21623" spans="1:43">
      <c r="A21623" t="s">
        <v>13401</v>
      </c>
      <c r="B21623" t="s">
        <v>13402</v>
      </c>
      <c r="C21623" t="s">
        <v>13393</v>
      </c>
      <c r="D21623" t="s">
        <v>13394</v>
      </c>
      <c r="E21623" t="s">
        <v>13293</v>
      </c>
      <c r="F21623" t="s">
        <v>13294</v>
      </c>
      <c r="G21623" t="s">
        <v>10214</v>
      </c>
      <c r="H21623" t="s">
        <v>10215</v>
      </c>
      <c r="I21623" s="2">
        <v>1</v>
      </c>
      <c r="J21623" s="2">
        <v>0</v>
      </c>
      <c r="K21623" s="2">
        <v>0</v>
      </c>
      <c r="L21623" t="s">
        <v>120</v>
      </c>
      <c r="M21623" t="s">
        <v>87</v>
      </c>
      <c r="N21623" t="s">
        <v>88</v>
      </c>
      <c r="O21623" t="s">
        <v>85</v>
      </c>
      <c r="P21623" t="s">
        <v>86</v>
      </c>
      <c r="Q21623">
        <v>9</v>
      </c>
      <c r="R21623">
        <v>9</v>
      </c>
      <c r="S21623">
        <v>9</v>
      </c>
      <c r="T21623">
        <v>9</v>
      </c>
      <c r="U21623">
        <v>9</v>
      </c>
      <c r="V21623">
        <v>9</v>
      </c>
      <c r="W21623">
        <v>9</v>
      </c>
      <c r="X21623">
        <v>9</v>
      </c>
      <c r="Y21623">
        <v>9</v>
      </c>
      <c r="Z21623">
        <v>9</v>
      </c>
      <c r="AA21623">
        <v>9</v>
      </c>
      <c r="AB21623">
        <v>9</v>
      </c>
      <c r="AC21623">
        <v>9</v>
      </c>
      <c r="AD21623">
        <v>9</v>
      </c>
      <c r="AE21623">
        <v>9</v>
      </c>
      <c r="AF21623">
        <v>9</v>
      </c>
      <c r="AG21623">
        <v>9</v>
      </c>
      <c r="AH21623">
        <v>9</v>
      </c>
      <c r="AI21623">
        <v>9</v>
      </c>
      <c r="AJ21623">
        <v>9</v>
      </c>
      <c r="AK21623">
        <v>9</v>
      </c>
      <c r="AL21623">
        <v>9</v>
      </c>
      <c r="AM21623">
        <v>9</v>
      </c>
      <c r="AN21623">
        <v>9</v>
      </c>
      <c r="AO21623">
        <v>9</v>
      </c>
      <c r="AP21623">
        <v>9</v>
      </c>
      <c r="AQ21623">
        <v>9</v>
      </c>
    </row>
    <row r="21624" spans="1:43">
      <c r="A21624" t="s">
        <v>13401</v>
      </c>
      <c r="B21624" t="s">
        <v>13402</v>
      </c>
      <c r="C21624" t="s">
        <v>13393</v>
      </c>
      <c r="D21624" t="s">
        <v>13394</v>
      </c>
      <c r="E21624" t="s">
        <v>13293</v>
      </c>
      <c r="F21624" t="s">
        <v>13294</v>
      </c>
      <c r="G21624" t="s">
        <v>10214</v>
      </c>
      <c r="H21624" t="s">
        <v>10215</v>
      </c>
      <c r="I21624" s="2">
        <v>1</v>
      </c>
      <c r="J21624" s="2">
        <v>0</v>
      </c>
      <c r="K21624" s="2">
        <v>0</v>
      </c>
      <c r="L21624" t="s">
        <v>120</v>
      </c>
      <c r="M21624" t="s">
        <v>89</v>
      </c>
      <c r="N21624" t="s">
        <v>90</v>
      </c>
      <c r="O21624" t="s">
        <v>85</v>
      </c>
      <c r="P21624" t="s">
        <v>86</v>
      </c>
      <c r="Q21624">
        <v>9</v>
      </c>
      <c r="R21624">
        <v>9</v>
      </c>
      <c r="S21624">
        <v>9</v>
      </c>
      <c r="T21624">
        <v>9</v>
      </c>
      <c r="U21624">
        <v>9</v>
      </c>
      <c r="V21624">
        <v>10</v>
      </c>
      <c r="W21624">
        <v>10</v>
      </c>
      <c r="X21624">
        <v>10</v>
      </c>
      <c r="Y21624">
        <v>10</v>
      </c>
      <c r="Z21624">
        <v>10</v>
      </c>
      <c r="AA21624">
        <v>10</v>
      </c>
      <c r="AB21624">
        <v>10</v>
      </c>
      <c r="AC21624">
        <v>10</v>
      </c>
      <c r="AD21624">
        <v>10</v>
      </c>
      <c r="AE21624">
        <v>10</v>
      </c>
      <c r="AF21624">
        <v>10</v>
      </c>
      <c r="AG21624">
        <v>10</v>
      </c>
      <c r="AH21624">
        <v>10</v>
      </c>
      <c r="AI21624">
        <v>10</v>
      </c>
      <c r="AJ21624">
        <v>10</v>
      </c>
      <c r="AK21624">
        <v>10</v>
      </c>
      <c r="AL21624">
        <v>10</v>
      </c>
      <c r="AM21624">
        <v>10</v>
      </c>
      <c r="AN21624">
        <v>10</v>
      </c>
      <c r="AO21624">
        <v>10</v>
      </c>
      <c r="AP21624">
        <v>10</v>
      </c>
      <c r="AQ21624">
        <v>10</v>
      </c>
    </row>
    <row r="21625" spans="1:43">
      <c r="A21625" t="s">
        <v>13401</v>
      </c>
      <c r="B21625" t="s">
        <v>13402</v>
      </c>
      <c r="C21625" t="s">
        <v>13393</v>
      </c>
      <c r="D21625" t="s">
        <v>13394</v>
      </c>
      <c r="E21625" t="s">
        <v>13293</v>
      </c>
      <c r="F21625" t="s">
        <v>13294</v>
      </c>
      <c r="G21625" t="s">
        <v>10214</v>
      </c>
      <c r="H21625" t="s">
        <v>10215</v>
      </c>
      <c r="I21625" s="2">
        <v>1</v>
      </c>
      <c r="J21625" s="2">
        <v>0</v>
      </c>
      <c r="K21625" s="2">
        <v>0</v>
      </c>
      <c r="L21625" t="s">
        <v>120</v>
      </c>
      <c r="M21625" t="s">
        <v>83</v>
      </c>
      <c r="N21625" t="s">
        <v>91</v>
      </c>
      <c r="O21625" t="s">
        <v>85</v>
      </c>
      <c r="P21625" t="s">
        <v>86</v>
      </c>
      <c r="Q21625">
        <v>9</v>
      </c>
      <c r="R21625">
        <v>9</v>
      </c>
      <c r="S21625">
        <v>9</v>
      </c>
      <c r="T21625">
        <v>9</v>
      </c>
      <c r="U21625">
        <v>9</v>
      </c>
      <c r="V21625">
        <v>9</v>
      </c>
      <c r="W21625">
        <v>9</v>
      </c>
      <c r="X21625">
        <v>9</v>
      </c>
      <c r="Y21625">
        <v>9</v>
      </c>
      <c r="Z21625">
        <v>9</v>
      </c>
      <c r="AA21625">
        <v>9</v>
      </c>
      <c r="AB21625">
        <v>10</v>
      </c>
      <c r="AC21625">
        <v>10</v>
      </c>
      <c r="AD21625">
        <v>10</v>
      </c>
      <c r="AE21625">
        <v>10</v>
      </c>
      <c r="AF21625">
        <v>10</v>
      </c>
      <c r="AG21625">
        <v>10</v>
      </c>
      <c r="AH21625">
        <v>10</v>
      </c>
      <c r="AI21625">
        <v>10</v>
      </c>
      <c r="AJ21625">
        <v>10</v>
      </c>
      <c r="AK21625">
        <v>10</v>
      </c>
      <c r="AL21625">
        <v>10</v>
      </c>
      <c r="AM21625">
        <v>10</v>
      </c>
      <c r="AN21625">
        <v>10</v>
      </c>
      <c r="AO21625">
        <v>10</v>
      </c>
      <c r="AP21625">
        <v>10</v>
      </c>
      <c r="AQ21625">
        <v>10</v>
      </c>
    </row>
    <row r="21626" spans="1:43">
      <c r="A21626" t="s">
        <v>13403</v>
      </c>
      <c r="B21626" t="s">
        <v>13404</v>
      </c>
      <c r="C21626" t="s">
        <v>13405</v>
      </c>
      <c r="D21626" t="s">
        <v>13406</v>
      </c>
      <c r="E21626" t="s">
        <v>13293</v>
      </c>
      <c r="F21626" t="s">
        <v>13294</v>
      </c>
      <c r="G21626" t="s">
        <v>10214</v>
      </c>
      <c r="H21626" t="s">
        <v>10215</v>
      </c>
      <c r="I21626" s="2">
        <v>1</v>
      </c>
      <c r="J21626" s="2">
        <v>0</v>
      </c>
      <c r="K21626" s="2">
        <v>0</v>
      </c>
      <c r="L21626" t="s">
        <v>120</v>
      </c>
      <c r="M21626" t="s">
        <v>83</v>
      </c>
      <c r="N21626" t="s">
        <v>84</v>
      </c>
      <c r="O21626" t="s">
        <v>85</v>
      </c>
      <c r="P21626" t="s">
        <v>86</v>
      </c>
      <c r="Q21626">
        <v>6</v>
      </c>
      <c r="R21626">
        <v>6</v>
      </c>
      <c r="S21626">
        <v>6</v>
      </c>
      <c r="T21626">
        <v>6</v>
      </c>
      <c r="U21626">
        <v>6</v>
      </c>
      <c r="V21626">
        <v>6</v>
      </c>
      <c r="W21626">
        <v>6</v>
      </c>
      <c r="X21626">
        <v>6</v>
      </c>
      <c r="Y21626">
        <v>6</v>
      </c>
      <c r="Z21626">
        <v>6</v>
      </c>
      <c r="AA21626">
        <v>6</v>
      </c>
      <c r="AB21626">
        <v>6</v>
      </c>
      <c r="AC21626">
        <v>6</v>
      </c>
      <c r="AD21626">
        <v>6</v>
      </c>
      <c r="AE21626">
        <v>7</v>
      </c>
      <c r="AF21626">
        <v>7</v>
      </c>
      <c r="AG21626">
        <v>7</v>
      </c>
      <c r="AH21626">
        <v>7</v>
      </c>
      <c r="AI21626">
        <v>7</v>
      </c>
      <c r="AJ21626">
        <v>7</v>
      </c>
      <c r="AK21626">
        <v>7</v>
      </c>
      <c r="AL21626">
        <v>7</v>
      </c>
      <c r="AM21626">
        <v>7</v>
      </c>
      <c r="AN21626">
        <v>7</v>
      </c>
      <c r="AO21626">
        <v>7</v>
      </c>
      <c r="AP21626">
        <v>7</v>
      </c>
      <c r="AQ21626">
        <v>7</v>
      </c>
    </row>
    <row r="21627" spans="1:43">
      <c r="A21627" t="s">
        <v>13403</v>
      </c>
      <c r="B21627" t="s">
        <v>13404</v>
      </c>
      <c r="C21627" t="s">
        <v>13405</v>
      </c>
      <c r="D21627" t="s">
        <v>13406</v>
      </c>
      <c r="E21627" t="s">
        <v>13293</v>
      </c>
      <c r="F21627" t="s">
        <v>13294</v>
      </c>
      <c r="G21627" t="s">
        <v>10214</v>
      </c>
      <c r="H21627" t="s">
        <v>10215</v>
      </c>
      <c r="I21627" s="2">
        <v>1</v>
      </c>
      <c r="J21627" s="2">
        <v>0</v>
      </c>
      <c r="K21627" s="2">
        <v>0</v>
      </c>
      <c r="L21627" t="s">
        <v>120</v>
      </c>
      <c r="M21627" t="s">
        <v>87</v>
      </c>
      <c r="N21627" t="s">
        <v>88</v>
      </c>
      <c r="O21627" t="s">
        <v>85</v>
      </c>
      <c r="P21627" t="s">
        <v>86</v>
      </c>
      <c r="Q21627">
        <v>6</v>
      </c>
      <c r="R21627">
        <v>6</v>
      </c>
      <c r="S21627">
        <v>6</v>
      </c>
      <c r="T21627">
        <v>6</v>
      </c>
      <c r="U21627">
        <v>6</v>
      </c>
      <c r="V21627">
        <v>6</v>
      </c>
      <c r="W21627">
        <v>6</v>
      </c>
      <c r="X21627">
        <v>6</v>
      </c>
      <c r="Y21627">
        <v>6</v>
      </c>
      <c r="Z21627">
        <v>6</v>
      </c>
      <c r="AA21627">
        <v>6</v>
      </c>
      <c r="AB21627">
        <v>6</v>
      </c>
      <c r="AC21627">
        <v>6</v>
      </c>
      <c r="AD21627">
        <v>6</v>
      </c>
      <c r="AE21627">
        <v>6</v>
      </c>
      <c r="AF21627">
        <v>6</v>
      </c>
      <c r="AG21627">
        <v>6</v>
      </c>
      <c r="AH21627">
        <v>6</v>
      </c>
      <c r="AI21627">
        <v>6</v>
      </c>
      <c r="AJ21627">
        <v>6</v>
      </c>
      <c r="AK21627">
        <v>6</v>
      </c>
      <c r="AL21627">
        <v>6</v>
      </c>
      <c r="AM21627">
        <v>6</v>
      </c>
      <c r="AN21627">
        <v>6</v>
      </c>
      <c r="AO21627">
        <v>6</v>
      </c>
      <c r="AP21627">
        <v>6</v>
      </c>
      <c r="AQ21627">
        <v>6</v>
      </c>
    </row>
    <row r="21628" spans="1:43">
      <c r="A21628" t="s">
        <v>13403</v>
      </c>
      <c r="B21628" t="s">
        <v>13404</v>
      </c>
      <c r="C21628" t="s">
        <v>13405</v>
      </c>
      <c r="D21628" t="s">
        <v>13406</v>
      </c>
      <c r="E21628" t="s">
        <v>13293</v>
      </c>
      <c r="F21628" t="s">
        <v>13294</v>
      </c>
      <c r="G21628" t="s">
        <v>10214</v>
      </c>
      <c r="H21628" t="s">
        <v>10215</v>
      </c>
      <c r="I21628" s="2">
        <v>1</v>
      </c>
      <c r="J21628" s="2">
        <v>0</v>
      </c>
      <c r="K21628" s="2">
        <v>0</v>
      </c>
      <c r="L21628" t="s">
        <v>120</v>
      </c>
      <c r="M21628" t="s">
        <v>89</v>
      </c>
      <c r="N21628" t="s">
        <v>90</v>
      </c>
      <c r="O21628" t="s">
        <v>85</v>
      </c>
      <c r="P21628" t="s">
        <v>86</v>
      </c>
      <c r="Q21628">
        <v>6</v>
      </c>
      <c r="R21628">
        <v>6</v>
      </c>
      <c r="S21628">
        <v>6</v>
      </c>
      <c r="T21628">
        <v>6</v>
      </c>
      <c r="U21628">
        <v>6</v>
      </c>
      <c r="V21628">
        <v>6</v>
      </c>
      <c r="W21628">
        <v>7</v>
      </c>
      <c r="X21628">
        <v>7</v>
      </c>
      <c r="Y21628">
        <v>7</v>
      </c>
      <c r="Z21628">
        <v>7</v>
      </c>
      <c r="AA21628">
        <v>7</v>
      </c>
      <c r="AB21628">
        <v>7</v>
      </c>
      <c r="AC21628">
        <v>7</v>
      </c>
      <c r="AD21628">
        <v>7</v>
      </c>
      <c r="AE21628">
        <v>7</v>
      </c>
      <c r="AF21628">
        <v>7</v>
      </c>
      <c r="AG21628">
        <v>7</v>
      </c>
      <c r="AH21628">
        <v>7</v>
      </c>
      <c r="AI21628">
        <v>7</v>
      </c>
      <c r="AJ21628">
        <v>7</v>
      </c>
      <c r="AK21628">
        <v>7</v>
      </c>
      <c r="AL21628">
        <v>7</v>
      </c>
      <c r="AM21628">
        <v>7</v>
      </c>
      <c r="AN21628">
        <v>7</v>
      </c>
      <c r="AO21628">
        <v>7</v>
      </c>
      <c r="AP21628">
        <v>7</v>
      </c>
      <c r="AQ21628">
        <v>7</v>
      </c>
    </row>
    <row r="21629" spans="1:43">
      <c r="A21629" t="s">
        <v>13403</v>
      </c>
      <c r="B21629" t="s">
        <v>13404</v>
      </c>
      <c r="C21629" t="s">
        <v>13405</v>
      </c>
      <c r="D21629" t="s">
        <v>13406</v>
      </c>
      <c r="E21629" t="s">
        <v>13293</v>
      </c>
      <c r="F21629" t="s">
        <v>13294</v>
      </c>
      <c r="G21629" t="s">
        <v>10214</v>
      </c>
      <c r="H21629" t="s">
        <v>10215</v>
      </c>
      <c r="I21629" s="2">
        <v>1</v>
      </c>
      <c r="J21629" s="2">
        <v>0</v>
      </c>
      <c r="K21629" s="2">
        <v>0</v>
      </c>
      <c r="L21629" t="s">
        <v>120</v>
      </c>
      <c r="M21629" t="s">
        <v>83</v>
      </c>
      <c r="N21629" t="s">
        <v>91</v>
      </c>
      <c r="O21629" t="s">
        <v>85</v>
      </c>
      <c r="P21629" t="s">
        <v>86</v>
      </c>
      <c r="Q21629">
        <v>6</v>
      </c>
      <c r="R21629">
        <v>6</v>
      </c>
      <c r="S21629">
        <v>6</v>
      </c>
      <c r="T21629">
        <v>6</v>
      </c>
      <c r="U21629">
        <v>6</v>
      </c>
      <c r="V21629">
        <v>6</v>
      </c>
      <c r="W21629">
        <v>6</v>
      </c>
      <c r="X21629">
        <v>6</v>
      </c>
      <c r="Y21629">
        <v>6</v>
      </c>
      <c r="Z21629">
        <v>6</v>
      </c>
      <c r="AA21629">
        <v>6</v>
      </c>
      <c r="AB21629">
        <v>6</v>
      </c>
      <c r="AC21629">
        <v>6</v>
      </c>
      <c r="AD21629">
        <v>6</v>
      </c>
      <c r="AE21629">
        <v>7</v>
      </c>
      <c r="AF21629">
        <v>7</v>
      </c>
      <c r="AG21629">
        <v>7</v>
      </c>
      <c r="AH21629">
        <v>7</v>
      </c>
      <c r="AI21629">
        <v>7</v>
      </c>
      <c r="AJ21629">
        <v>7</v>
      </c>
      <c r="AK21629">
        <v>7</v>
      </c>
      <c r="AL21629">
        <v>7</v>
      </c>
      <c r="AM21629">
        <v>7</v>
      </c>
      <c r="AN21629">
        <v>7</v>
      </c>
      <c r="AO21629">
        <v>7</v>
      </c>
      <c r="AP21629">
        <v>7</v>
      </c>
      <c r="AQ21629">
        <v>7</v>
      </c>
    </row>
    <row r="21630" spans="1:43">
      <c r="A21630" t="s">
        <v>13407</v>
      </c>
      <c r="B21630" t="s">
        <v>13408</v>
      </c>
      <c r="C21630" t="s">
        <v>13405</v>
      </c>
      <c r="D21630" t="s">
        <v>13406</v>
      </c>
      <c r="E21630" t="s">
        <v>13293</v>
      </c>
      <c r="F21630" t="s">
        <v>13294</v>
      </c>
      <c r="G21630" t="s">
        <v>10214</v>
      </c>
      <c r="H21630" t="s">
        <v>10215</v>
      </c>
      <c r="I21630" s="2">
        <v>1</v>
      </c>
      <c r="J21630" s="2">
        <v>0</v>
      </c>
      <c r="K21630" s="2">
        <v>0</v>
      </c>
      <c r="L21630" t="s">
        <v>120</v>
      </c>
      <c r="M21630" t="s">
        <v>83</v>
      </c>
      <c r="N21630" t="s">
        <v>84</v>
      </c>
      <c r="O21630" t="s">
        <v>85</v>
      </c>
      <c r="P21630" t="s">
        <v>86</v>
      </c>
      <c r="Q21630">
        <v>19</v>
      </c>
      <c r="R21630">
        <v>19</v>
      </c>
      <c r="S21630">
        <v>19</v>
      </c>
      <c r="T21630">
        <v>19</v>
      </c>
      <c r="U21630">
        <v>19</v>
      </c>
      <c r="V21630">
        <v>19</v>
      </c>
      <c r="W21630">
        <v>19</v>
      </c>
      <c r="X21630">
        <v>20</v>
      </c>
      <c r="Y21630">
        <v>20</v>
      </c>
      <c r="Z21630">
        <v>20</v>
      </c>
      <c r="AA21630">
        <v>20</v>
      </c>
      <c r="AB21630">
        <v>20</v>
      </c>
      <c r="AC21630">
        <v>20</v>
      </c>
      <c r="AD21630">
        <v>20</v>
      </c>
      <c r="AE21630">
        <v>20</v>
      </c>
      <c r="AF21630">
        <v>20</v>
      </c>
      <c r="AG21630">
        <v>21</v>
      </c>
      <c r="AH21630">
        <v>21</v>
      </c>
      <c r="AI21630">
        <v>21</v>
      </c>
      <c r="AJ21630">
        <v>21</v>
      </c>
      <c r="AK21630">
        <v>21</v>
      </c>
      <c r="AL21630">
        <v>21</v>
      </c>
      <c r="AM21630">
        <v>21</v>
      </c>
      <c r="AN21630">
        <v>21</v>
      </c>
      <c r="AO21630">
        <v>21</v>
      </c>
      <c r="AP21630">
        <v>21</v>
      </c>
      <c r="AQ21630">
        <v>21</v>
      </c>
    </row>
    <row r="21631" spans="1:43">
      <c r="A21631" t="s">
        <v>13407</v>
      </c>
      <c r="B21631" t="s">
        <v>13408</v>
      </c>
      <c r="C21631" t="s">
        <v>13405</v>
      </c>
      <c r="D21631" t="s">
        <v>13406</v>
      </c>
      <c r="E21631" t="s">
        <v>13293</v>
      </c>
      <c r="F21631" t="s">
        <v>13294</v>
      </c>
      <c r="G21631" t="s">
        <v>10214</v>
      </c>
      <c r="H21631" t="s">
        <v>10215</v>
      </c>
      <c r="I21631" s="2">
        <v>1</v>
      </c>
      <c r="J21631" s="2">
        <v>0</v>
      </c>
      <c r="K21631" s="2">
        <v>0</v>
      </c>
      <c r="L21631" t="s">
        <v>120</v>
      </c>
      <c r="M21631" t="s">
        <v>87</v>
      </c>
      <c r="N21631" t="s">
        <v>88</v>
      </c>
      <c r="O21631" t="s">
        <v>85</v>
      </c>
      <c r="P21631" t="s">
        <v>86</v>
      </c>
      <c r="Q21631">
        <v>19</v>
      </c>
      <c r="R21631">
        <v>19</v>
      </c>
      <c r="S21631">
        <v>19</v>
      </c>
      <c r="T21631">
        <v>19</v>
      </c>
      <c r="U21631">
        <v>19</v>
      </c>
      <c r="V21631">
        <v>19</v>
      </c>
      <c r="W21631">
        <v>19</v>
      </c>
      <c r="X21631">
        <v>19</v>
      </c>
      <c r="Y21631">
        <v>19</v>
      </c>
      <c r="Z21631">
        <v>19</v>
      </c>
      <c r="AA21631">
        <v>19</v>
      </c>
      <c r="AB21631">
        <v>19</v>
      </c>
      <c r="AC21631">
        <v>19</v>
      </c>
      <c r="AD21631">
        <v>19</v>
      </c>
      <c r="AE21631">
        <v>19</v>
      </c>
      <c r="AF21631">
        <v>19</v>
      </c>
      <c r="AG21631">
        <v>19</v>
      </c>
      <c r="AH21631">
        <v>19</v>
      </c>
      <c r="AI21631">
        <v>19</v>
      </c>
      <c r="AJ21631">
        <v>19</v>
      </c>
      <c r="AK21631">
        <v>19</v>
      </c>
      <c r="AL21631">
        <v>19</v>
      </c>
      <c r="AM21631">
        <v>19</v>
      </c>
      <c r="AN21631">
        <v>19</v>
      </c>
      <c r="AO21631">
        <v>19</v>
      </c>
      <c r="AP21631">
        <v>19</v>
      </c>
      <c r="AQ21631">
        <v>19</v>
      </c>
    </row>
    <row r="21632" spans="1:43">
      <c r="A21632" t="s">
        <v>13407</v>
      </c>
      <c r="B21632" t="s">
        <v>13408</v>
      </c>
      <c r="C21632" t="s">
        <v>13405</v>
      </c>
      <c r="D21632" t="s">
        <v>13406</v>
      </c>
      <c r="E21632" t="s">
        <v>13293</v>
      </c>
      <c r="F21632" t="s">
        <v>13294</v>
      </c>
      <c r="G21632" t="s">
        <v>10214</v>
      </c>
      <c r="H21632" t="s">
        <v>10215</v>
      </c>
      <c r="I21632" s="2">
        <v>1</v>
      </c>
      <c r="J21632" s="2">
        <v>0</v>
      </c>
      <c r="K21632" s="2">
        <v>0</v>
      </c>
      <c r="L21632" t="s">
        <v>120</v>
      </c>
      <c r="M21632" t="s">
        <v>89</v>
      </c>
      <c r="N21632" t="s">
        <v>90</v>
      </c>
      <c r="O21632" t="s">
        <v>85</v>
      </c>
      <c r="P21632" t="s">
        <v>86</v>
      </c>
      <c r="Q21632">
        <v>19</v>
      </c>
      <c r="R21632">
        <v>19</v>
      </c>
      <c r="S21632">
        <v>19</v>
      </c>
      <c r="T21632">
        <v>20</v>
      </c>
      <c r="U21632">
        <v>20</v>
      </c>
      <c r="V21632">
        <v>20</v>
      </c>
      <c r="W21632">
        <v>20</v>
      </c>
      <c r="X21632">
        <v>21</v>
      </c>
      <c r="Y21632">
        <v>21</v>
      </c>
      <c r="Z21632">
        <v>21</v>
      </c>
      <c r="AA21632">
        <v>21</v>
      </c>
      <c r="AB21632">
        <v>21</v>
      </c>
      <c r="AC21632">
        <v>22</v>
      </c>
      <c r="AD21632">
        <v>22</v>
      </c>
      <c r="AE21632">
        <v>22</v>
      </c>
      <c r="AF21632">
        <v>22</v>
      </c>
      <c r="AG21632">
        <v>22</v>
      </c>
      <c r="AH21632">
        <v>22</v>
      </c>
      <c r="AI21632">
        <v>22</v>
      </c>
      <c r="AJ21632">
        <v>21</v>
      </c>
      <c r="AK21632">
        <v>21</v>
      </c>
      <c r="AL21632">
        <v>21</v>
      </c>
      <c r="AM21632">
        <v>21</v>
      </c>
      <c r="AN21632">
        <v>21</v>
      </c>
      <c r="AO21632">
        <v>21</v>
      </c>
      <c r="AP21632">
        <v>21</v>
      </c>
      <c r="AQ21632">
        <v>21</v>
      </c>
    </row>
    <row r="21633" spans="1:43">
      <c r="A21633" t="s">
        <v>13407</v>
      </c>
      <c r="B21633" t="s">
        <v>13408</v>
      </c>
      <c r="C21633" t="s">
        <v>13405</v>
      </c>
      <c r="D21633" t="s">
        <v>13406</v>
      </c>
      <c r="E21633" t="s">
        <v>13293</v>
      </c>
      <c r="F21633" t="s">
        <v>13294</v>
      </c>
      <c r="G21633" t="s">
        <v>10214</v>
      </c>
      <c r="H21633" t="s">
        <v>10215</v>
      </c>
      <c r="I21633" s="2">
        <v>1</v>
      </c>
      <c r="J21633" s="2">
        <v>0</v>
      </c>
      <c r="K21633" s="2">
        <v>0</v>
      </c>
      <c r="L21633" t="s">
        <v>120</v>
      </c>
      <c r="M21633" t="s">
        <v>83</v>
      </c>
      <c r="N21633" t="s">
        <v>91</v>
      </c>
      <c r="O21633" t="s">
        <v>85</v>
      </c>
      <c r="P21633" t="s">
        <v>86</v>
      </c>
      <c r="Q21633">
        <v>19</v>
      </c>
      <c r="R21633">
        <v>19</v>
      </c>
      <c r="S21633">
        <v>19</v>
      </c>
      <c r="T21633">
        <v>19</v>
      </c>
      <c r="U21633">
        <v>19</v>
      </c>
      <c r="V21633">
        <v>19</v>
      </c>
      <c r="W21633">
        <v>19</v>
      </c>
      <c r="X21633">
        <v>20</v>
      </c>
      <c r="Y21633">
        <v>20</v>
      </c>
      <c r="Z21633">
        <v>20</v>
      </c>
      <c r="AA21633">
        <v>20</v>
      </c>
      <c r="AB21633">
        <v>20</v>
      </c>
      <c r="AC21633">
        <v>20</v>
      </c>
      <c r="AD21633">
        <v>20</v>
      </c>
      <c r="AE21633">
        <v>20</v>
      </c>
      <c r="AF21633">
        <v>20</v>
      </c>
      <c r="AG21633">
        <v>21</v>
      </c>
      <c r="AH21633">
        <v>21</v>
      </c>
      <c r="AI21633">
        <v>21</v>
      </c>
      <c r="AJ21633">
        <v>21</v>
      </c>
      <c r="AK21633">
        <v>21</v>
      </c>
      <c r="AL21633">
        <v>21</v>
      </c>
      <c r="AM21633">
        <v>21</v>
      </c>
      <c r="AN21633">
        <v>21</v>
      </c>
      <c r="AO21633">
        <v>21</v>
      </c>
      <c r="AP21633">
        <v>21</v>
      </c>
      <c r="AQ21633">
        <v>21</v>
      </c>
    </row>
    <row r="21634" spans="1:43">
      <c r="A21634" t="s">
        <v>13409</v>
      </c>
      <c r="B21634" t="s">
        <v>13410</v>
      </c>
      <c r="C21634" t="s">
        <v>13405</v>
      </c>
      <c r="D21634" t="s">
        <v>13406</v>
      </c>
      <c r="E21634" t="s">
        <v>13293</v>
      </c>
      <c r="F21634" t="s">
        <v>13294</v>
      </c>
      <c r="G21634" t="s">
        <v>10214</v>
      </c>
      <c r="H21634" t="s">
        <v>10215</v>
      </c>
      <c r="I21634" s="2">
        <v>1</v>
      </c>
      <c r="J21634" s="2">
        <v>0</v>
      </c>
      <c r="K21634" s="2">
        <v>0</v>
      </c>
      <c r="L21634" t="s">
        <v>120</v>
      </c>
      <c r="M21634" t="s">
        <v>83</v>
      </c>
      <c r="N21634" t="s">
        <v>84</v>
      </c>
      <c r="O21634" t="s">
        <v>85</v>
      </c>
      <c r="P21634" t="s">
        <v>86</v>
      </c>
      <c r="Q21634">
        <v>78</v>
      </c>
      <c r="R21634">
        <v>79</v>
      </c>
      <c r="S21634">
        <v>80</v>
      </c>
      <c r="T21634">
        <v>80</v>
      </c>
      <c r="U21634">
        <v>81</v>
      </c>
      <c r="V21634">
        <v>82</v>
      </c>
      <c r="W21634">
        <v>82</v>
      </c>
      <c r="X21634">
        <v>83</v>
      </c>
      <c r="Y21634">
        <v>83</v>
      </c>
      <c r="Z21634">
        <v>84</v>
      </c>
      <c r="AA21634">
        <v>84</v>
      </c>
      <c r="AB21634">
        <v>85</v>
      </c>
      <c r="AC21634">
        <v>85</v>
      </c>
      <c r="AD21634">
        <v>86</v>
      </c>
      <c r="AE21634">
        <v>86</v>
      </c>
      <c r="AF21634">
        <v>87</v>
      </c>
      <c r="AG21634">
        <v>87</v>
      </c>
      <c r="AH21634">
        <v>88</v>
      </c>
      <c r="AI21634">
        <v>88</v>
      </c>
      <c r="AJ21634">
        <v>89</v>
      </c>
      <c r="AK21634">
        <v>89</v>
      </c>
      <c r="AL21634">
        <v>89</v>
      </c>
      <c r="AM21634">
        <v>88</v>
      </c>
      <c r="AN21634">
        <v>88</v>
      </c>
      <c r="AO21634">
        <v>88</v>
      </c>
      <c r="AP21634">
        <v>87</v>
      </c>
      <c r="AQ21634">
        <v>87</v>
      </c>
    </row>
    <row r="21635" spans="1:43">
      <c r="A21635" t="s">
        <v>13409</v>
      </c>
      <c r="B21635" t="s">
        <v>13410</v>
      </c>
      <c r="C21635" t="s">
        <v>13405</v>
      </c>
      <c r="D21635" t="s">
        <v>13406</v>
      </c>
      <c r="E21635" t="s">
        <v>13293</v>
      </c>
      <c r="F21635" t="s">
        <v>13294</v>
      </c>
      <c r="G21635" t="s">
        <v>10214</v>
      </c>
      <c r="H21635" t="s">
        <v>10215</v>
      </c>
      <c r="I21635" s="2">
        <v>1</v>
      </c>
      <c r="J21635" s="2">
        <v>0</v>
      </c>
      <c r="K21635" s="2">
        <v>0</v>
      </c>
      <c r="L21635" t="s">
        <v>120</v>
      </c>
      <c r="M21635" t="s">
        <v>87</v>
      </c>
      <c r="N21635" t="s">
        <v>88</v>
      </c>
      <c r="O21635" t="s">
        <v>85</v>
      </c>
      <c r="P21635" t="s">
        <v>86</v>
      </c>
      <c r="Q21635">
        <v>78</v>
      </c>
      <c r="R21635">
        <v>78</v>
      </c>
      <c r="S21635">
        <v>78</v>
      </c>
      <c r="T21635">
        <v>78</v>
      </c>
      <c r="U21635">
        <v>77</v>
      </c>
      <c r="V21635">
        <v>77</v>
      </c>
      <c r="W21635">
        <v>77</v>
      </c>
      <c r="X21635">
        <v>77</v>
      </c>
      <c r="Y21635">
        <v>77</v>
      </c>
      <c r="Z21635">
        <v>77</v>
      </c>
      <c r="AA21635">
        <v>77</v>
      </c>
      <c r="AB21635">
        <v>77</v>
      </c>
      <c r="AC21635">
        <v>77</v>
      </c>
      <c r="AD21635">
        <v>77</v>
      </c>
      <c r="AE21635">
        <v>77</v>
      </c>
      <c r="AF21635">
        <v>76</v>
      </c>
      <c r="AG21635">
        <v>76</v>
      </c>
      <c r="AH21635">
        <v>76</v>
      </c>
      <c r="AI21635">
        <v>76</v>
      </c>
      <c r="AJ21635">
        <v>76</v>
      </c>
      <c r="AK21635">
        <v>76</v>
      </c>
      <c r="AL21635">
        <v>76</v>
      </c>
      <c r="AM21635">
        <v>76</v>
      </c>
      <c r="AN21635">
        <v>76</v>
      </c>
      <c r="AO21635">
        <v>75</v>
      </c>
      <c r="AP21635">
        <v>75</v>
      </c>
      <c r="AQ21635">
        <v>75</v>
      </c>
    </row>
    <row r="21636" spans="1:43">
      <c r="A21636" t="s">
        <v>13409</v>
      </c>
      <c r="B21636" t="s">
        <v>13410</v>
      </c>
      <c r="C21636" t="s">
        <v>13405</v>
      </c>
      <c r="D21636" t="s">
        <v>13406</v>
      </c>
      <c r="E21636" t="s">
        <v>13293</v>
      </c>
      <c r="F21636" t="s">
        <v>13294</v>
      </c>
      <c r="G21636" t="s">
        <v>10214</v>
      </c>
      <c r="H21636" t="s">
        <v>10215</v>
      </c>
      <c r="I21636" s="2">
        <v>1</v>
      </c>
      <c r="J21636" s="2">
        <v>0</v>
      </c>
      <c r="K21636" s="2">
        <v>0</v>
      </c>
      <c r="L21636" t="s">
        <v>120</v>
      </c>
      <c r="M21636" t="s">
        <v>89</v>
      </c>
      <c r="N21636" t="s">
        <v>90</v>
      </c>
      <c r="O21636" t="s">
        <v>85</v>
      </c>
      <c r="P21636" t="s">
        <v>86</v>
      </c>
      <c r="Q21636">
        <v>78</v>
      </c>
      <c r="R21636">
        <v>80</v>
      </c>
      <c r="S21636">
        <v>81</v>
      </c>
      <c r="T21636">
        <v>82</v>
      </c>
      <c r="U21636">
        <v>83</v>
      </c>
      <c r="V21636">
        <v>84</v>
      </c>
      <c r="W21636">
        <v>85</v>
      </c>
      <c r="X21636">
        <v>86</v>
      </c>
      <c r="Y21636">
        <v>87</v>
      </c>
      <c r="Z21636">
        <v>88</v>
      </c>
      <c r="AA21636">
        <v>89</v>
      </c>
      <c r="AB21636">
        <v>90</v>
      </c>
      <c r="AC21636">
        <v>91</v>
      </c>
      <c r="AD21636">
        <v>91</v>
      </c>
      <c r="AE21636">
        <v>92</v>
      </c>
      <c r="AF21636">
        <v>91</v>
      </c>
      <c r="AG21636">
        <v>91</v>
      </c>
      <c r="AH21636">
        <v>91</v>
      </c>
      <c r="AI21636">
        <v>90</v>
      </c>
      <c r="AJ21636">
        <v>90</v>
      </c>
      <c r="AK21636">
        <v>89</v>
      </c>
      <c r="AL21636">
        <v>89</v>
      </c>
      <c r="AM21636">
        <v>89</v>
      </c>
      <c r="AN21636">
        <v>88</v>
      </c>
      <c r="AO21636">
        <v>88</v>
      </c>
      <c r="AP21636">
        <v>87</v>
      </c>
      <c r="AQ21636">
        <v>87</v>
      </c>
    </row>
    <row r="21637" spans="1:43">
      <c r="A21637" t="s">
        <v>13409</v>
      </c>
      <c r="B21637" t="s">
        <v>13410</v>
      </c>
      <c r="C21637" t="s">
        <v>13405</v>
      </c>
      <c r="D21637" t="s">
        <v>13406</v>
      </c>
      <c r="E21637" t="s">
        <v>13293</v>
      </c>
      <c r="F21637" t="s">
        <v>13294</v>
      </c>
      <c r="G21637" t="s">
        <v>10214</v>
      </c>
      <c r="H21637" t="s">
        <v>10215</v>
      </c>
      <c r="I21637" s="2">
        <v>1</v>
      </c>
      <c r="J21637" s="2">
        <v>0</v>
      </c>
      <c r="K21637" s="2">
        <v>0</v>
      </c>
      <c r="L21637" t="s">
        <v>120</v>
      </c>
      <c r="M21637" t="s">
        <v>83</v>
      </c>
      <c r="N21637" t="s">
        <v>91</v>
      </c>
      <c r="O21637" t="s">
        <v>85</v>
      </c>
      <c r="P21637" t="s">
        <v>86</v>
      </c>
      <c r="Q21637">
        <v>78</v>
      </c>
      <c r="R21637">
        <v>79</v>
      </c>
      <c r="S21637">
        <v>80</v>
      </c>
      <c r="T21637">
        <v>80</v>
      </c>
      <c r="U21637">
        <v>81</v>
      </c>
      <c r="V21637">
        <v>82</v>
      </c>
      <c r="W21637">
        <v>82</v>
      </c>
      <c r="X21637">
        <v>83</v>
      </c>
      <c r="Y21637">
        <v>83</v>
      </c>
      <c r="Z21637">
        <v>84</v>
      </c>
      <c r="AA21637">
        <v>84</v>
      </c>
      <c r="AB21637">
        <v>85</v>
      </c>
      <c r="AC21637">
        <v>85</v>
      </c>
      <c r="AD21637">
        <v>86</v>
      </c>
      <c r="AE21637">
        <v>86</v>
      </c>
      <c r="AF21637">
        <v>87</v>
      </c>
      <c r="AG21637">
        <v>87</v>
      </c>
      <c r="AH21637">
        <v>88</v>
      </c>
      <c r="AI21637">
        <v>88</v>
      </c>
      <c r="AJ21637">
        <v>89</v>
      </c>
      <c r="AK21637">
        <v>89</v>
      </c>
      <c r="AL21637">
        <v>89</v>
      </c>
      <c r="AM21637">
        <v>88</v>
      </c>
      <c r="AN21637">
        <v>88</v>
      </c>
      <c r="AO21637">
        <v>88</v>
      </c>
      <c r="AP21637">
        <v>87</v>
      </c>
      <c r="AQ21637">
        <v>87</v>
      </c>
    </row>
    <row r="21638" spans="1:43">
      <c r="A21638" t="s">
        <v>13411</v>
      </c>
      <c r="B21638" t="s">
        <v>13412</v>
      </c>
      <c r="C21638" t="s">
        <v>13405</v>
      </c>
      <c r="D21638" t="s">
        <v>13406</v>
      </c>
      <c r="E21638" t="s">
        <v>13293</v>
      </c>
      <c r="F21638" t="s">
        <v>13294</v>
      </c>
      <c r="G21638" t="s">
        <v>10214</v>
      </c>
      <c r="H21638" t="s">
        <v>10215</v>
      </c>
      <c r="I21638" s="2">
        <v>1</v>
      </c>
      <c r="J21638" s="2">
        <v>0</v>
      </c>
      <c r="K21638" s="2">
        <v>0</v>
      </c>
      <c r="L21638" t="s">
        <v>120</v>
      </c>
      <c r="M21638" t="s">
        <v>83</v>
      </c>
      <c r="N21638" t="s">
        <v>84</v>
      </c>
      <c r="O21638" t="s">
        <v>85</v>
      </c>
      <c r="P21638" t="s">
        <v>86</v>
      </c>
      <c r="Q21638">
        <v>11</v>
      </c>
      <c r="R21638">
        <v>11</v>
      </c>
      <c r="S21638">
        <v>11</v>
      </c>
      <c r="T21638">
        <v>11</v>
      </c>
      <c r="U21638">
        <v>11</v>
      </c>
      <c r="V21638">
        <v>11</v>
      </c>
      <c r="W21638">
        <v>11</v>
      </c>
      <c r="X21638">
        <v>11</v>
      </c>
      <c r="Y21638">
        <v>11</v>
      </c>
      <c r="Z21638">
        <v>11</v>
      </c>
      <c r="AA21638">
        <v>11</v>
      </c>
      <c r="AB21638">
        <v>11</v>
      </c>
      <c r="AC21638">
        <v>11</v>
      </c>
      <c r="AD21638">
        <v>12</v>
      </c>
      <c r="AE21638">
        <v>12</v>
      </c>
      <c r="AF21638">
        <v>12</v>
      </c>
      <c r="AG21638">
        <v>12</v>
      </c>
      <c r="AH21638">
        <v>12</v>
      </c>
      <c r="AI21638">
        <v>12</v>
      </c>
      <c r="AJ21638">
        <v>12</v>
      </c>
      <c r="AK21638">
        <v>12</v>
      </c>
      <c r="AL21638">
        <v>12</v>
      </c>
      <c r="AM21638">
        <v>12</v>
      </c>
      <c r="AN21638">
        <v>12</v>
      </c>
      <c r="AO21638">
        <v>12</v>
      </c>
      <c r="AP21638">
        <v>12</v>
      </c>
      <c r="AQ21638">
        <v>12</v>
      </c>
    </row>
    <row r="21639" spans="1:43">
      <c r="A21639" t="s">
        <v>13411</v>
      </c>
      <c r="B21639" t="s">
        <v>13412</v>
      </c>
      <c r="C21639" t="s">
        <v>13405</v>
      </c>
      <c r="D21639" t="s">
        <v>13406</v>
      </c>
      <c r="E21639" t="s">
        <v>13293</v>
      </c>
      <c r="F21639" t="s">
        <v>13294</v>
      </c>
      <c r="G21639" t="s">
        <v>10214</v>
      </c>
      <c r="H21639" t="s">
        <v>10215</v>
      </c>
      <c r="I21639" s="2">
        <v>1</v>
      </c>
      <c r="J21639" s="2">
        <v>0</v>
      </c>
      <c r="K21639" s="2">
        <v>0</v>
      </c>
      <c r="L21639" t="s">
        <v>120</v>
      </c>
      <c r="M21639" t="s">
        <v>87</v>
      </c>
      <c r="N21639" t="s">
        <v>88</v>
      </c>
      <c r="O21639" t="s">
        <v>85</v>
      </c>
      <c r="P21639" t="s">
        <v>86</v>
      </c>
      <c r="Q21639">
        <v>11</v>
      </c>
      <c r="R21639">
        <v>11</v>
      </c>
      <c r="S21639">
        <v>11</v>
      </c>
      <c r="T21639">
        <v>11</v>
      </c>
      <c r="U21639">
        <v>11</v>
      </c>
      <c r="V21639">
        <v>11</v>
      </c>
      <c r="W21639">
        <v>11</v>
      </c>
      <c r="X21639">
        <v>11</v>
      </c>
      <c r="Y21639">
        <v>11</v>
      </c>
      <c r="Z21639">
        <v>11</v>
      </c>
      <c r="AA21639">
        <v>11</v>
      </c>
      <c r="AB21639">
        <v>11</v>
      </c>
      <c r="AC21639">
        <v>11</v>
      </c>
      <c r="AD21639">
        <v>11</v>
      </c>
      <c r="AE21639">
        <v>11</v>
      </c>
      <c r="AF21639">
        <v>11</v>
      </c>
      <c r="AG21639">
        <v>11</v>
      </c>
      <c r="AH21639">
        <v>11</v>
      </c>
      <c r="AI21639">
        <v>11</v>
      </c>
      <c r="AJ21639">
        <v>11</v>
      </c>
      <c r="AK21639">
        <v>11</v>
      </c>
      <c r="AL21639">
        <v>11</v>
      </c>
      <c r="AM21639">
        <v>11</v>
      </c>
      <c r="AN21639">
        <v>11</v>
      </c>
      <c r="AO21639">
        <v>11</v>
      </c>
      <c r="AP21639">
        <v>11</v>
      </c>
      <c r="AQ21639">
        <v>11</v>
      </c>
    </row>
    <row r="21640" spans="1:43">
      <c r="A21640" t="s">
        <v>13411</v>
      </c>
      <c r="B21640" t="s">
        <v>13412</v>
      </c>
      <c r="C21640" t="s">
        <v>13405</v>
      </c>
      <c r="D21640" t="s">
        <v>13406</v>
      </c>
      <c r="E21640" t="s">
        <v>13293</v>
      </c>
      <c r="F21640" t="s">
        <v>13294</v>
      </c>
      <c r="G21640" t="s">
        <v>10214</v>
      </c>
      <c r="H21640" t="s">
        <v>10215</v>
      </c>
      <c r="I21640" s="2">
        <v>1</v>
      </c>
      <c r="J21640" s="2">
        <v>0</v>
      </c>
      <c r="K21640" s="2">
        <v>0</v>
      </c>
      <c r="L21640" t="s">
        <v>120</v>
      </c>
      <c r="M21640" t="s">
        <v>89</v>
      </c>
      <c r="N21640" t="s">
        <v>90</v>
      </c>
      <c r="O21640" t="s">
        <v>85</v>
      </c>
      <c r="P21640" t="s">
        <v>86</v>
      </c>
      <c r="Q21640">
        <v>11</v>
      </c>
      <c r="R21640">
        <v>11</v>
      </c>
      <c r="S21640">
        <v>11</v>
      </c>
      <c r="T21640">
        <v>11</v>
      </c>
      <c r="U21640">
        <v>11</v>
      </c>
      <c r="V21640">
        <v>11</v>
      </c>
      <c r="W21640">
        <v>12</v>
      </c>
      <c r="X21640">
        <v>12</v>
      </c>
      <c r="Y21640">
        <v>12</v>
      </c>
      <c r="Z21640">
        <v>12</v>
      </c>
      <c r="AA21640">
        <v>12</v>
      </c>
      <c r="AB21640">
        <v>12</v>
      </c>
      <c r="AC21640">
        <v>12</v>
      </c>
      <c r="AD21640">
        <v>12</v>
      </c>
      <c r="AE21640">
        <v>12</v>
      </c>
      <c r="AF21640">
        <v>12</v>
      </c>
      <c r="AG21640">
        <v>12</v>
      </c>
      <c r="AH21640">
        <v>12</v>
      </c>
      <c r="AI21640">
        <v>12</v>
      </c>
      <c r="AJ21640">
        <v>12</v>
      </c>
      <c r="AK21640">
        <v>12</v>
      </c>
      <c r="AL21640">
        <v>12</v>
      </c>
      <c r="AM21640">
        <v>12</v>
      </c>
      <c r="AN21640">
        <v>12</v>
      </c>
      <c r="AO21640">
        <v>12</v>
      </c>
      <c r="AP21640">
        <v>12</v>
      </c>
      <c r="AQ21640">
        <v>12</v>
      </c>
    </row>
    <row r="21641" spans="1:43">
      <c r="A21641" t="s">
        <v>13411</v>
      </c>
      <c r="B21641" t="s">
        <v>13412</v>
      </c>
      <c r="C21641" t="s">
        <v>13405</v>
      </c>
      <c r="D21641" t="s">
        <v>13406</v>
      </c>
      <c r="E21641" t="s">
        <v>13293</v>
      </c>
      <c r="F21641" t="s">
        <v>13294</v>
      </c>
      <c r="G21641" t="s">
        <v>10214</v>
      </c>
      <c r="H21641" t="s">
        <v>10215</v>
      </c>
      <c r="I21641" s="2">
        <v>1</v>
      </c>
      <c r="J21641" s="2">
        <v>0</v>
      </c>
      <c r="K21641" s="2">
        <v>0</v>
      </c>
      <c r="L21641" t="s">
        <v>120</v>
      </c>
      <c r="M21641" t="s">
        <v>83</v>
      </c>
      <c r="N21641" t="s">
        <v>91</v>
      </c>
      <c r="O21641" t="s">
        <v>85</v>
      </c>
      <c r="P21641" t="s">
        <v>86</v>
      </c>
      <c r="Q21641">
        <v>11</v>
      </c>
      <c r="R21641">
        <v>11</v>
      </c>
      <c r="S21641">
        <v>11</v>
      </c>
      <c r="T21641">
        <v>11</v>
      </c>
      <c r="U21641">
        <v>11</v>
      </c>
      <c r="V21641">
        <v>11</v>
      </c>
      <c r="W21641">
        <v>11</v>
      </c>
      <c r="X21641">
        <v>11</v>
      </c>
      <c r="Y21641">
        <v>11</v>
      </c>
      <c r="Z21641">
        <v>11</v>
      </c>
      <c r="AA21641">
        <v>11</v>
      </c>
      <c r="AB21641">
        <v>11</v>
      </c>
      <c r="AC21641">
        <v>11</v>
      </c>
      <c r="AD21641">
        <v>12</v>
      </c>
      <c r="AE21641">
        <v>12</v>
      </c>
      <c r="AF21641">
        <v>12</v>
      </c>
      <c r="AG21641">
        <v>12</v>
      </c>
      <c r="AH21641">
        <v>12</v>
      </c>
      <c r="AI21641">
        <v>12</v>
      </c>
      <c r="AJ21641">
        <v>12</v>
      </c>
      <c r="AK21641">
        <v>12</v>
      </c>
      <c r="AL21641">
        <v>12</v>
      </c>
      <c r="AM21641">
        <v>12</v>
      </c>
      <c r="AN21641">
        <v>12</v>
      </c>
      <c r="AO21641">
        <v>12</v>
      </c>
      <c r="AP21641">
        <v>12</v>
      </c>
      <c r="AQ21641">
        <v>12</v>
      </c>
    </row>
    <row r="21642" spans="1:43">
      <c r="A21642" t="s">
        <v>13413</v>
      </c>
      <c r="B21642" t="s">
        <v>13414</v>
      </c>
      <c r="C21642" t="s">
        <v>13405</v>
      </c>
      <c r="D21642" t="s">
        <v>13406</v>
      </c>
      <c r="E21642" t="s">
        <v>13293</v>
      </c>
      <c r="F21642" t="s">
        <v>13294</v>
      </c>
      <c r="G21642" t="s">
        <v>10214</v>
      </c>
      <c r="H21642" t="s">
        <v>10215</v>
      </c>
      <c r="I21642" s="2">
        <v>1</v>
      </c>
      <c r="J21642" s="2">
        <v>0</v>
      </c>
      <c r="K21642" s="2">
        <v>0</v>
      </c>
      <c r="L21642" t="s">
        <v>120</v>
      </c>
      <c r="M21642" t="s">
        <v>83</v>
      </c>
      <c r="N21642" t="s">
        <v>84</v>
      </c>
      <c r="O21642" t="s">
        <v>85</v>
      </c>
      <c r="P21642" t="s">
        <v>86</v>
      </c>
      <c r="Q21642">
        <v>11</v>
      </c>
      <c r="R21642">
        <v>11</v>
      </c>
      <c r="S21642">
        <v>11</v>
      </c>
      <c r="T21642">
        <v>11</v>
      </c>
      <c r="U21642">
        <v>11</v>
      </c>
      <c r="V21642">
        <v>11</v>
      </c>
      <c r="W21642">
        <v>11</v>
      </c>
      <c r="X21642">
        <v>11</v>
      </c>
      <c r="Y21642">
        <v>11</v>
      </c>
      <c r="Z21642">
        <v>12</v>
      </c>
      <c r="AA21642">
        <v>12</v>
      </c>
      <c r="AB21642">
        <v>12</v>
      </c>
      <c r="AC21642">
        <v>12</v>
      </c>
      <c r="AD21642">
        <v>12</v>
      </c>
      <c r="AE21642">
        <v>12</v>
      </c>
      <c r="AF21642">
        <v>12</v>
      </c>
      <c r="AG21642">
        <v>12</v>
      </c>
      <c r="AH21642">
        <v>12</v>
      </c>
      <c r="AI21642">
        <v>12</v>
      </c>
      <c r="AJ21642">
        <v>12</v>
      </c>
      <c r="AK21642">
        <v>12</v>
      </c>
      <c r="AL21642">
        <v>12</v>
      </c>
      <c r="AM21642">
        <v>12</v>
      </c>
      <c r="AN21642">
        <v>12</v>
      </c>
      <c r="AO21642">
        <v>12</v>
      </c>
      <c r="AP21642">
        <v>12</v>
      </c>
      <c r="AQ21642">
        <v>12</v>
      </c>
    </row>
    <row r="21643" spans="1:43">
      <c r="A21643" t="s">
        <v>13413</v>
      </c>
      <c r="B21643" t="s">
        <v>13414</v>
      </c>
      <c r="C21643" t="s">
        <v>13405</v>
      </c>
      <c r="D21643" t="s">
        <v>13406</v>
      </c>
      <c r="E21643" t="s">
        <v>13293</v>
      </c>
      <c r="F21643" t="s">
        <v>13294</v>
      </c>
      <c r="G21643" t="s">
        <v>10214</v>
      </c>
      <c r="H21643" t="s">
        <v>10215</v>
      </c>
      <c r="I21643" s="2">
        <v>1</v>
      </c>
      <c r="J21643" s="2">
        <v>0</v>
      </c>
      <c r="K21643" s="2">
        <v>0</v>
      </c>
      <c r="L21643" t="s">
        <v>120</v>
      </c>
      <c r="M21643" t="s">
        <v>87</v>
      </c>
      <c r="N21643" t="s">
        <v>88</v>
      </c>
      <c r="O21643" t="s">
        <v>85</v>
      </c>
      <c r="P21643" t="s">
        <v>86</v>
      </c>
      <c r="Q21643">
        <v>11</v>
      </c>
      <c r="R21643">
        <v>11</v>
      </c>
      <c r="S21643">
        <v>11</v>
      </c>
      <c r="T21643">
        <v>11</v>
      </c>
      <c r="U21643">
        <v>11</v>
      </c>
      <c r="V21643">
        <v>11</v>
      </c>
      <c r="W21643">
        <v>11</v>
      </c>
      <c r="X21643">
        <v>11</v>
      </c>
      <c r="Y21643">
        <v>11</v>
      </c>
      <c r="Z21643">
        <v>11</v>
      </c>
      <c r="AA21643">
        <v>11</v>
      </c>
      <c r="AB21643">
        <v>11</v>
      </c>
      <c r="AC21643">
        <v>11</v>
      </c>
      <c r="AD21643">
        <v>11</v>
      </c>
      <c r="AE21643">
        <v>11</v>
      </c>
      <c r="AF21643">
        <v>11</v>
      </c>
      <c r="AG21643">
        <v>11</v>
      </c>
      <c r="AH21643">
        <v>10</v>
      </c>
      <c r="AI21643">
        <v>10</v>
      </c>
      <c r="AJ21643">
        <v>10</v>
      </c>
      <c r="AK21643">
        <v>10</v>
      </c>
      <c r="AL21643">
        <v>10</v>
      </c>
      <c r="AM21643">
        <v>10</v>
      </c>
      <c r="AN21643">
        <v>10</v>
      </c>
      <c r="AO21643">
        <v>10</v>
      </c>
      <c r="AP21643">
        <v>10</v>
      </c>
      <c r="AQ21643">
        <v>10</v>
      </c>
    </row>
    <row r="21644" spans="1:43">
      <c r="A21644" t="s">
        <v>13413</v>
      </c>
      <c r="B21644" t="s">
        <v>13414</v>
      </c>
      <c r="C21644" t="s">
        <v>13405</v>
      </c>
      <c r="D21644" t="s">
        <v>13406</v>
      </c>
      <c r="E21644" t="s">
        <v>13293</v>
      </c>
      <c r="F21644" t="s">
        <v>13294</v>
      </c>
      <c r="G21644" t="s">
        <v>10214</v>
      </c>
      <c r="H21644" t="s">
        <v>10215</v>
      </c>
      <c r="I21644" s="2">
        <v>1</v>
      </c>
      <c r="J21644" s="2">
        <v>0</v>
      </c>
      <c r="K21644" s="2">
        <v>0</v>
      </c>
      <c r="L21644" t="s">
        <v>120</v>
      </c>
      <c r="M21644" t="s">
        <v>89</v>
      </c>
      <c r="N21644" t="s">
        <v>90</v>
      </c>
      <c r="O21644" t="s">
        <v>85</v>
      </c>
      <c r="P21644" t="s">
        <v>86</v>
      </c>
      <c r="Q21644">
        <v>11</v>
      </c>
      <c r="R21644">
        <v>11</v>
      </c>
      <c r="S21644">
        <v>11</v>
      </c>
      <c r="T21644">
        <v>11</v>
      </c>
      <c r="U21644">
        <v>12</v>
      </c>
      <c r="V21644">
        <v>12</v>
      </c>
      <c r="W21644">
        <v>12</v>
      </c>
      <c r="X21644">
        <v>12</v>
      </c>
      <c r="Y21644">
        <v>12</v>
      </c>
      <c r="Z21644">
        <v>12</v>
      </c>
      <c r="AA21644">
        <v>12</v>
      </c>
      <c r="AB21644">
        <v>12</v>
      </c>
      <c r="AC21644">
        <v>13</v>
      </c>
      <c r="AD21644">
        <v>13</v>
      </c>
      <c r="AE21644">
        <v>13</v>
      </c>
      <c r="AF21644">
        <v>13</v>
      </c>
      <c r="AG21644">
        <v>13</v>
      </c>
      <c r="AH21644">
        <v>13</v>
      </c>
      <c r="AI21644">
        <v>13</v>
      </c>
      <c r="AJ21644">
        <v>12</v>
      </c>
      <c r="AK21644">
        <v>12</v>
      </c>
      <c r="AL21644">
        <v>12</v>
      </c>
      <c r="AM21644">
        <v>12</v>
      </c>
      <c r="AN21644">
        <v>12</v>
      </c>
      <c r="AO21644">
        <v>12</v>
      </c>
      <c r="AP21644">
        <v>12</v>
      </c>
      <c r="AQ21644">
        <v>12</v>
      </c>
    </row>
    <row r="21645" spans="1:43">
      <c r="A21645" t="s">
        <v>13413</v>
      </c>
      <c r="B21645" t="s">
        <v>13414</v>
      </c>
      <c r="C21645" t="s">
        <v>13405</v>
      </c>
      <c r="D21645" t="s">
        <v>13406</v>
      </c>
      <c r="E21645" t="s">
        <v>13293</v>
      </c>
      <c r="F21645" t="s">
        <v>13294</v>
      </c>
      <c r="G21645" t="s">
        <v>10214</v>
      </c>
      <c r="H21645" t="s">
        <v>10215</v>
      </c>
      <c r="I21645" s="2">
        <v>1</v>
      </c>
      <c r="J21645" s="2">
        <v>0</v>
      </c>
      <c r="K21645" s="2">
        <v>0</v>
      </c>
      <c r="L21645" t="s">
        <v>120</v>
      </c>
      <c r="M21645" t="s">
        <v>83</v>
      </c>
      <c r="N21645" t="s">
        <v>91</v>
      </c>
      <c r="O21645" t="s">
        <v>85</v>
      </c>
      <c r="P21645" t="s">
        <v>86</v>
      </c>
      <c r="Q21645">
        <v>11</v>
      </c>
      <c r="R21645">
        <v>11</v>
      </c>
      <c r="S21645">
        <v>11</v>
      </c>
      <c r="T21645">
        <v>11</v>
      </c>
      <c r="U21645">
        <v>11</v>
      </c>
      <c r="V21645">
        <v>11</v>
      </c>
      <c r="W21645">
        <v>11</v>
      </c>
      <c r="X21645">
        <v>11</v>
      </c>
      <c r="Y21645">
        <v>11</v>
      </c>
      <c r="Z21645">
        <v>12</v>
      </c>
      <c r="AA21645">
        <v>12</v>
      </c>
      <c r="AB21645">
        <v>12</v>
      </c>
      <c r="AC21645">
        <v>12</v>
      </c>
      <c r="AD21645">
        <v>12</v>
      </c>
      <c r="AE21645">
        <v>12</v>
      </c>
      <c r="AF21645">
        <v>12</v>
      </c>
      <c r="AG21645">
        <v>12</v>
      </c>
      <c r="AH21645">
        <v>12</v>
      </c>
      <c r="AI21645">
        <v>12</v>
      </c>
      <c r="AJ21645">
        <v>12</v>
      </c>
      <c r="AK21645">
        <v>12</v>
      </c>
      <c r="AL21645">
        <v>12</v>
      </c>
      <c r="AM21645">
        <v>12</v>
      </c>
      <c r="AN21645">
        <v>12</v>
      </c>
      <c r="AO21645">
        <v>12</v>
      </c>
      <c r="AP21645">
        <v>12</v>
      </c>
      <c r="AQ21645">
        <v>12</v>
      </c>
    </row>
    <row r="21646" spans="1:43">
      <c r="A21646" t="s">
        <v>13415</v>
      </c>
      <c r="B21646" t="s">
        <v>13416</v>
      </c>
      <c r="C21646" t="s">
        <v>13417</v>
      </c>
      <c r="D21646" t="s">
        <v>13418</v>
      </c>
      <c r="E21646" t="s">
        <v>13293</v>
      </c>
      <c r="F21646" t="s">
        <v>13294</v>
      </c>
      <c r="G21646" t="s">
        <v>10214</v>
      </c>
      <c r="H21646" t="s">
        <v>10215</v>
      </c>
      <c r="I21646" s="2">
        <v>1</v>
      </c>
      <c r="J21646" s="2">
        <v>0</v>
      </c>
      <c r="K21646" s="2">
        <v>0</v>
      </c>
      <c r="L21646" t="s">
        <v>120</v>
      </c>
      <c r="M21646" t="s">
        <v>83</v>
      </c>
      <c r="N21646" t="s">
        <v>84</v>
      </c>
      <c r="O21646" t="s">
        <v>85</v>
      </c>
      <c r="P21646" t="s">
        <v>86</v>
      </c>
      <c r="Q21646">
        <v>26</v>
      </c>
      <c r="R21646">
        <v>26</v>
      </c>
      <c r="S21646">
        <v>26</v>
      </c>
      <c r="T21646">
        <v>27</v>
      </c>
      <c r="U21646">
        <v>27</v>
      </c>
      <c r="V21646">
        <v>27</v>
      </c>
      <c r="W21646">
        <v>27</v>
      </c>
      <c r="X21646">
        <v>28</v>
      </c>
      <c r="Y21646">
        <v>28</v>
      </c>
      <c r="Z21646">
        <v>28</v>
      </c>
      <c r="AA21646">
        <v>28</v>
      </c>
      <c r="AB21646">
        <v>29</v>
      </c>
      <c r="AC21646">
        <v>29</v>
      </c>
      <c r="AD21646">
        <v>29</v>
      </c>
      <c r="AE21646">
        <v>29</v>
      </c>
      <c r="AF21646">
        <v>29</v>
      </c>
      <c r="AG21646">
        <v>29</v>
      </c>
      <c r="AH21646">
        <v>30</v>
      </c>
      <c r="AI21646">
        <v>30</v>
      </c>
      <c r="AJ21646">
        <v>30</v>
      </c>
      <c r="AK21646">
        <v>30</v>
      </c>
      <c r="AL21646">
        <v>30</v>
      </c>
      <c r="AM21646">
        <v>30</v>
      </c>
      <c r="AN21646">
        <v>30</v>
      </c>
      <c r="AO21646">
        <v>30</v>
      </c>
      <c r="AP21646">
        <v>30</v>
      </c>
      <c r="AQ21646">
        <v>30</v>
      </c>
    </row>
    <row r="21647" spans="1:43">
      <c r="A21647" t="s">
        <v>13415</v>
      </c>
      <c r="B21647" t="s">
        <v>13416</v>
      </c>
      <c r="C21647" t="s">
        <v>13417</v>
      </c>
      <c r="D21647" t="s">
        <v>13418</v>
      </c>
      <c r="E21647" t="s">
        <v>13293</v>
      </c>
      <c r="F21647" t="s">
        <v>13294</v>
      </c>
      <c r="G21647" t="s">
        <v>10214</v>
      </c>
      <c r="H21647" t="s">
        <v>10215</v>
      </c>
      <c r="I21647" s="2">
        <v>1</v>
      </c>
      <c r="J21647" s="2">
        <v>0</v>
      </c>
      <c r="K21647" s="2">
        <v>0</v>
      </c>
      <c r="L21647" t="s">
        <v>120</v>
      </c>
      <c r="M21647" t="s">
        <v>87</v>
      </c>
      <c r="N21647" t="s">
        <v>88</v>
      </c>
      <c r="O21647" t="s">
        <v>85</v>
      </c>
      <c r="P21647" t="s">
        <v>86</v>
      </c>
      <c r="Q21647">
        <v>26</v>
      </c>
      <c r="R21647">
        <v>26</v>
      </c>
      <c r="S21647">
        <v>26</v>
      </c>
      <c r="T21647">
        <v>26</v>
      </c>
      <c r="U21647">
        <v>26</v>
      </c>
      <c r="V21647">
        <v>26</v>
      </c>
      <c r="W21647">
        <v>26</v>
      </c>
      <c r="X21647">
        <v>26</v>
      </c>
      <c r="Y21647">
        <v>26</v>
      </c>
      <c r="Z21647">
        <v>26</v>
      </c>
      <c r="AA21647">
        <v>26</v>
      </c>
      <c r="AB21647">
        <v>26</v>
      </c>
      <c r="AC21647">
        <v>26</v>
      </c>
      <c r="AD21647">
        <v>26</v>
      </c>
      <c r="AE21647">
        <v>26</v>
      </c>
      <c r="AF21647">
        <v>26</v>
      </c>
      <c r="AG21647">
        <v>26</v>
      </c>
      <c r="AH21647">
        <v>26</v>
      </c>
      <c r="AI21647">
        <v>26</v>
      </c>
      <c r="AJ21647">
        <v>26</v>
      </c>
      <c r="AK21647">
        <v>26</v>
      </c>
      <c r="AL21647">
        <v>26</v>
      </c>
      <c r="AM21647">
        <v>26</v>
      </c>
      <c r="AN21647">
        <v>26</v>
      </c>
      <c r="AO21647">
        <v>26</v>
      </c>
      <c r="AP21647">
        <v>26</v>
      </c>
      <c r="AQ21647">
        <v>26</v>
      </c>
    </row>
    <row r="21648" spans="1:43">
      <c r="A21648" t="s">
        <v>13415</v>
      </c>
      <c r="B21648" t="s">
        <v>13416</v>
      </c>
      <c r="C21648" t="s">
        <v>13417</v>
      </c>
      <c r="D21648" t="s">
        <v>13418</v>
      </c>
      <c r="E21648" t="s">
        <v>13293</v>
      </c>
      <c r="F21648" t="s">
        <v>13294</v>
      </c>
      <c r="G21648" t="s">
        <v>10214</v>
      </c>
      <c r="H21648" t="s">
        <v>10215</v>
      </c>
      <c r="I21648" s="2">
        <v>1</v>
      </c>
      <c r="J21648" s="2">
        <v>0</v>
      </c>
      <c r="K21648" s="2">
        <v>0</v>
      </c>
      <c r="L21648" t="s">
        <v>120</v>
      </c>
      <c r="M21648" t="s">
        <v>89</v>
      </c>
      <c r="N21648" t="s">
        <v>90</v>
      </c>
      <c r="O21648" t="s">
        <v>85</v>
      </c>
      <c r="P21648" t="s">
        <v>86</v>
      </c>
      <c r="Q21648">
        <v>26</v>
      </c>
      <c r="R21648">
        <v>27</v>
      </c>
      <c r="S21648">
        <v>27</v>
      </c>
      <c r="T21648">
        <v>28</v>
      </c>
      <c r="U21648">
        <v>28</v>
      </c>
      <c r="V21648">
        <v>28</v>
      </c>
      <c r="W21648">
        <v>29</v>
      </c>
      <c r="X21648">
        <v>29</v>
      </c>
      <c r="Y21648">
        <v>29</v>
      </c>
      <c r="Z21648">
        <v>30</v>
      </c>
      <c r="AA21648">
        <v>30</v>
      </c>
      <c r="AB21648">
        <v>30</v>
      </c>
      <c r="AC21648">
        <v>31</v>
      </c>
      <c r="AD21648">
        <v>31</v>
      </c>
      <c r="AE21648">
        <v>31</v>
      </c>
      <c r="AF21648">
        <v>31</v>
      </c>
      <c r="AG21648">
        <v>31</v>
      </c>
      <c r="AH21648">
        <v>31</v>
      </c>
      <c r="AI21648">
        <v>31</v>
      </c>
      <c r="AJ21648">
        <v>31</v>
      </c>
      <c r="AK21648">
        <v>31</v>
      </c>
      <c r="AL21648">
        <v>31</v>
      </c>
      <c r="AM21648">
        <v>31</v>
      </c>
      <c r="AN21648">
        <v>30</v>
      </c>
      <c r="AO21648">
        <v>30</v>
      </c>
      <c r="AP21648">
        <v>30</v>
      </c>
      <c r="AQ21648">
        <v>30</v>
      </c>
    </row>
    <row r="21649" spans="1:43">
      <c r="A21649" t="s">
        <v>13415</v>
      </c>
      <c r="B21649" t="s">
        <v>13416</v>
      </c>
      <c r="C21649" t="s">
        <v>13417</v>
      </c>
      <c r="D21649" t="s">
        <v>13418</v>
      </c>
      <c r="E21649" t="s">
        <v>13293</v>
      </c>
      <c r="F21649" t="s">
        <v>13294</v>
      </c>
      <c r="G21649" t="s">
        <v>10214</v>
      </c>
      <c r="H21649" t="s">
        <v>10215</v>
      </c>
      <c r="I21649" s="2">
        <v>1</v>
      </c>
      <c r="J21649" s="2">
        <v>0</v>
      </c>
      <c r="K21649" s="2">
        <v>0</v>
      </c>
      <c r="L21649" t="s">
        <v>120</v>
      </c>
      <c r="M21649" t="s">
        <v>83</v>
      </c>
      <c r="N21649" t="s">
        <v>91</v>
      </c>
      <c r="O21649" t="s">
        <v>85</v>
      </c>
      <c r="P21649" t="s">
        <v>86</v>
      </c>
      <c r="Q21649">
        <v>26</v>
      </c>
      <c r="R21649">
        <v>26</v>
      </c>
      <c r="S21649">
        <v>26</v>
      </c>
      <c r="T21649">
        <v>27</v>
      </c>
      <c r="U21649">
        <v>27</v>
      </c>
      <c r="V21649">
        <v>27</v>
      </c>
      <c r="W21649">
        <v>27</v>
      </c>
      <c r="X21649">
        <v>28</v>
      </c>
      <c r="Y21649">
        <v>28</v>
      </c>
      <c r="Z21649">
        <v>28</v>
      </c>
      <c r="AA21649">
        <v>28</v>
      </c>
      <c r="AB21649">
        <v>29</v>
      </c>
      <c r="AC21649">
        <v>29</v>
      </c>
      <c r="AD21649">
        <v>29</v>
      </c>
      <c r="AE21649">
        <v>29</v>
      </c>
      <c r="AF21649">
        <v>29</v>
      </c>
      <c r="AG21649">
        <v>29</v>
      </c>
      <c r="AH21649">
        <v>30</v>
      </c>
      <c r="AI21649">
        <v>30</v>
      </c>
      <c r="AJ21649">
        <v>30</v>
      </c>
      <c r="AK21649">
        <v>30</v>
      </c>
      <c r="AL21649">
        <v>30</v>
      </c>
      <c r="AM21649">
        <v>30</v>
      </c>
      <c r="AN21649">
        <v>30</v>
      </c>
      <c r="AO21649">
        <v>30</v>
      </c>
      <c r="AP21649">
        <v>30</v>
      </c>
      <c r="AQ21649">
        <v>30</v>
      </c>
    </row>
    <row r="21650" spans="1:43">
      <c r="A21650" t="s">
        <v>13419</v>
      </c>
      <c r="B21650" t="s">
        <v>13420</v>
      </c>
      <c r="C21650" t="s">
        <v>13417</v>
      </c>
      <c r="D21650" t="s">
        <v>13418</v>
      </c>
      <c r="E21650" t="s">
        <v>13293</v>
      </c>
      <c r="F21650" t="s">
        <v>13294</v>
      </c>
      <c r="G21650" t="s">
        <v>10214</v>
      </c>
      <c r="H21650" t="s">
        <v>10215</v>
      </c>
      <c r="I21650" s="2">
        <v>1</v>
      </c>
      <c r="J21650" s="2">
        <v>0</v>
      </c>
      <c r="K21650" s="2">
        <v>0</v>
      </c>
      <c r="L21650" t="s">
        <v>120</v>
      </c>
      <c r="M21650" t="s">
        <v>83</v>
      </c>
      <c r="N21650" t="s">
        <v>84</v>
      </c>
      <c r="O21650" t="s">
        <v>85</v>
      </c>
      <c r="P21650" t="s">
        <v>86</v>
      </c>
      <c r="Q21650">
        <v>16</v>
      </c>
      <c r="R21650">
        <v>16</v>
      </c>
      <c r="S21650">
        <v>16</v>
      </c>
      <c r="T21650">
        <v>17</v>
      </c>
      <c r="U21650">
        <v>17</v>
      </c>
      <c r="V21650">
        <v>17</v>
      </c>
      <c r="W21650">
        <v>17</v>
      </c>
      <c r="X21650">
        <v>17</v>
      </c>
      <c r="Y21650">
        <v>17</v>
      </c>
      <c r="Z21650">
        <v>17</v>
      </c>
      <c r="AA21650">
        <v>18</v>
      </c>
      <c r="AB21650">
        <v>18</v>
      </c>
      <c r="AC21650">
        <v>18</v>
      </c>
      <c r="AD21650">
        <v>18</v>
      </c>
      <c r="AE21650">
        <v>18</v>
      </c>
      <c r="AF21650">
        <v>18</v>
      </c>
      <c r="AG21650">
        <v>18</v>
      </c>
      <c r="AH21650">
        <v>18</v>
      </c>
      <c r="AI21650">
        <v>18</v>
      </c>
      <c r="AJ21650">
        <v>18</v>
      </c>
      <c r="AK21650">
        <v>19</v>
      </c>
      <c r="AL21650">
        <v>19</v>
      </c>
      <c r="AM21650">
        <v>18</v>
      </c>
      <c r="AN21650">
        <v>18</v>
      </c>
      <c r="AO21650">
        <v>18</v>
      </c>
      <c r="AP21650">
        <v>18</v>
      </c>
      <c r="AQ21650">
        <v>18</v>
      </c>
    </row>
    <row r="21651" spans="1:43">
      <c r="A21651" t="s">
        <v>13419</v>
      </c>
      <c r="B21651" t="s">
        <v>13420</v>
      </c>
      <c r="C21651" t="s">
        <v>13417</v>
      </c>
      <c r="D21651" t="s">
        <v>13418</v>
      </c>
      <c r="E21651" t="s">
        <v>13293</v>
      </c>
      <c r="F21651" t="s">
        <v>13294</v>
      </c>
      <c r="G21651" t="s">
        <v>10214</v>
      </c>
      <c r="H21651" t="s">
        <v>10215</v>
      </c>
      <c r="I21651" s="2">
        <v>1</v>
      </c>
      <c r="J21651" s="2">
        <v>0</v>
      </c>
      <c r="K21651" s="2">
        <v>0</v>
      </c>
      <c r="L21651" t="s">
        <v>120</v>
      </c>
      <c r="M21651" t="s">
        <v>87</v>
      </c>
      <c r="N21651" t="s">
        <v>88</v>
      </c>
      <c r="O21651" t="s">
        <v>85</v>
      </c>
      <c r="P21651" t="s">
        <v>86</v>
      </c>
      <c r="Q21651">
        <v>16</v>
      </c>
      <c r="R21651">
        <v>16</v>
      </c>
      <c r="S21651">
        <v>16</v>
      </c>
      <c r="T21651">
        <v>16</v>
      </c>
      <c r="U21651">
        <v>16</v>
      </c>
      <c r="V21651">
        <v>16</v>
      </c>
      <c r="W21651">
        <v>16</v>
      </c>
      <c r="X21651">
        <v>16</v>
      </c>
      <c r="Y21651">
        <v>16</v>
      </c>
      <c r="Z21651">
        <v>16</v>
      </c>
      <c r="AA21651">
        <v>16</v>
      </c>
      <c r="AB21651">
        <v>16</v>
      </c>
      <c r="AC21651">
        <v>16</v>
      </c>
      <c r="AD21651">
        <v>16</v>
      </c>
      <c r="AE21651">
        <v>16</v>
      </c>
      <c r="AF21651">
        <v>16</v>
      </c>
      <c r="AG21651">
        <v>16</v>
      </c>
      <c r="AH21651">
        <v>16</v>
      </c>
      <c r="AI21651">
        <v>16</v>
      </c>
      <c r="AJ21651">
        <v>16</v>
      </c>
      <c r="AK21651">
        <v>16</v>
      </c>
      <c r="AL21651">
        <v>16</v>
      </c>
      <c r="AM21651">
        <v>16</v>
      </c>
      <c r="AN21651">
        <v>16</v>
      </c>
      <c r="AO21651">
        <v>16</v>
      </c>
      <c r="AP21651">
        <v>16</v>
      </c>
      <c r="AQ21651">
        <v>16</v>
      </c>
    </row>
    <row r="21652" spans="1:43">
      <c r="A21652" t="s">
        <v>13419</v>
      </c>
      <c r="B21652" t="s">
        <v>13420</v>
      </c>
      <c r="C21652" t="s">
        <v>13417</v>
      </c>
      <c r="D21652" t="s">
        <v>13418</v>
      </c>
      <c r="E21652" t="s">
        <v>13293</v>
      </c>
      <c r="F21652" t="s">
        <v>13294</v>
      </c>
      <c r="G21652" t="s">
        <v>10214</v>
      </c>
      <c r="H21652" t="s">
        <v>10215</v>
      </c>
      <c r="I21652" s="2">
        <v>1</v>
      </c>
      <c r="J21652" s="2">
        <v>0</v>
      </c>
      <c r="K21652" s="2">
        <v>0</v>
      </c>
      <c r="L21652" t="s">
        <v>120</v>
      </c>
      <c r="M21652" t="s">
        <v>89</v>
      </c>
      <c r="N21652" t="s">
        <v>90</v>
      </c>
      <c r="O21652" t="s">
        <v>85</v>
      </c>
      <c r="P21652" t="s">
        <v>86</v>
      </c>
      <c r="Q21652">
        <v>16</v>
      </c>
      <c r="R21652">
        <v>17</v>
      </c>
      <c r="S21652">
        <v>17</v>
      </c>
      <c r="T21652">
        <v>17</v>
      </c>
      <c r="U21652">
        <v>17</v>
      </c>
      <c r="V21652">
        <v>18</v>
      </c>
      <c r="W21652">
        <v>18</v>
      </c>
      <c r="X21652">
        <v>18</v>
      </c>
      <c r="Y21652">
        <v>18</v>
      </c>
      <c r="Z21652">
        <v>18</v>
      </c>
      <c r="AA21652">
        <v>19</v>
      </c>
      <c r="AB21652">
        <v>19</v>
      </c>
      <c r="AC21652">
        <v>19</v>
      </c>
      <c r="AD21652">
        <v>19</v>
      </c>
      <c r="AE21652">
        <v>19</v>
      </c>
      <c r="AF21652">
        <v>19</v>
      </c>
      <c r="AG21652">
        <v>19</v>
      </c>
      <c r="AH21652">
        <v>19</v>
      </c>
      <c r="AI21652">
        <v>19</v>
      </c>
      <c r="AJ21652">
        <v>19</v>
      </c>
      <c r="AK21652">
        <v>19</v>
      </c>
      <c r="AL21652">
        <v>19</v>
      </c>
      <c r="AM21652">
        <v>19</v>
      </c>
      <c r="AN21652">
        <v>19</v>
      </c>
      <c r="AO21652">
        <v>19</v>
      </c>
      <c r="AP21652">
        <v>19</v>
      </c>
      <c r="AQ21652">
        <v>18</v>
      </c>
    </row>
    <row r="21653" spans="1:43">
      <c r="A21653" t="s">
        <v>13419</v>
      </c>
      <c r="B21653" t="s">
        <v>13420</v>
      </c>
      <c r="C21653" t="s">
        <v>13417</v>
      </c>
      <c r="D21653" t="s">
        <v>13418</v>
      </c>
      <c r="E21653" t="s">
        <v>13293</v>
      </c>
      <c r="F21653" t="s">
        <v>13294</v>
      </c>
      <c r="G21653" t="s">
        <v>10214</v>
      </c>
      <c r="H21653" t="s">
        <v>10215</v>
      </c>
      <c r="I21653" s="2">
        <v>1</v>
      </c>
      <c r="J21653" s="2">
        <v>0</v>
      </c>
      <c r="K21653" s="2">
        <v>0</v>
      </c>
      <c r="L21653" t="s">
        <v>120</v>
      </c>
      <c r="M21653" t="s">
        <v>83</v>
      </c>
      <c r="N21653" t="s">
        <v>91</v>
      </c>
      <c r="O21653" t="s">
        <v>85</v>
      </c>
      <c r="P21653" t="s">
        <v>86</v>
      </c>
      <c r="Q21653">
        <v>16</v>
      </c>
      <c r="R21653">
        <v>16</v>
      </c>
      <c r="S21653">
        <v>16</v>
      </c>
      <c r="T21653">
        <v>17</v>
      </c>
      <c r="U21653">
        <v>17</v>
      </c>
      <c r="V21653">
        <v>17</v>
      </c>
      <c r="W21653">
        <v>17</v>
      </c>
      <c r="X21653">
        <v>17</v>
      </c>
      <c r="Y21653">
        <v>17</v>
      </c>
      <c r="Z21653">
        <v>17</v>
      </c>
      <c r="AA21653">
        <v>18</v>
      </c>
      <c r="AB21653">
        <v>18</v>
      </c>
      <c r="AC21653">
        <v>18</v>
      </c>
      <c r="AD21653">
        <v>18</v>
      </c>
      <c r="AE21653">
        <v>18</v>
      </c>
      <c r="AF21653">
        <v>18</v>
      </c>
      <c r="AG21653">
        <v>18</v>
      </c>
      <c r="AH21653">
        <v>18</v>
      </c>
      <c r="AI21653">
        <v>18</v>
      </c>
      <c r="AJ21653">
        <v>18</v>
      </c>
      <c r="AK21653">
        <v>19</v>
      </c>
      <c r="AL21653">
        <v>19</v>
      </c>
      <c r="AM21653">
        <v>18</v>
      </c>
      <c r="AN21653">
        <v>18</v>
      </c>
      <c r="AO21653">
        <v>18</v>
      </c>
      <c r="AP21653">
        <v>18</v>
      </c>
      <c r="AQ21653">
        <v>18</v>
      </c>
    </row>
    <row r="21654" spans="1:43">
      <c r="A21654" t="s">
        <v>13421</v>
      </c>
      <c r="B21654" t="s">
        <v>13422</v>
      </c>
      <c r="C21654" t="s">
        <v>13417</v>
      </c>
      <c r="D21654" t="s">
        <v>13418</v>
      </c>
      <c r="E21654" t="s">
        <v>13293</v>
      </c>
      <c r="F21654" t="s">
        <v>13294</v>
      </c>
      <c r="G21654" t="s">
        <v>10214</v>
      </c>
      <c r="H21654" t="s">
        <v>10215</v>
      </c>
      <c r="I21654" s="2">
        <v>1</v>
      </c>
      <c r="J21654" s="2">
        <v>0</v>
      </c>
      <c r="K21654" s="2">
        <v>0</v>
      </c>
      <c r="L21654" t="s">
        <v>120</v>
      </c>
      <c r="M21654" t="s">
        <v>83</v>
      </c>
      <c r="N21654" t="s">
        <v>84</v>
      </c>
      <c r="O21654" t="s">
        <v>85</v>
      </c>
      <c r="P21654" t="s">
        <v>86</v>
      </c>
      <c r="Q21654">
        <v>188</v>
      </c>
      <c r="R21654">
        <v>190</v>
      </c>
      <c r="S21654">
        <v>192</v>
      </c>
      <c r="T21654">
        <v>194</v>
      </c>
      <c r="U21654">
        <v>195</v>
      </c>
      <c r="V21654">
        <v>197</v>
      </c>
      <c r="W21654">
        <v>199</v>
      </c>
      <c r="X21654">
        <v>200</v>
      </c>
      <c r="Y21654">
        <v>202</v>
      </c>
      <c r="Z21654">
        <v>203</v>
      </c>
      <c r="AA21654">
        <v>205</v>
      </c>
      <c r="AB21654">
        <v>206</v>
      </c>
      <c r="AC21654">
        <v>207</v>
      </c>
      <c r="AD21654">
        <v>209</v>
      </c>
      <c r="AE21654">
        <v>210</v>
      </c>
      <c r="AF21654">
        <v>211</v>
      </c>
      <c r="AG21654">
        <v>213</v>
      </c>
      <c r="AH21654">
        <v>214</v>
      </c>
      <c r="AI21654">
        <v>215</v>
      </c>
      <c r="AJ21654">
        <v>216</v>
      </c>
      <c r="AK21654">
        <v>218</v>
      </c>
      <c r="AL21654">
        <v>218</v>
      </c>
      <c r="AM21654">
        <v>217</v>
      </c>
      <c r="AN21654">
        <v>216</v>
      </c>
      <c r="AO21654">
        <v>216</v>
      </c>
      <c r="AP21654">
        <v>215</v>
      </c>
      <c r="AQ21654">
        <v>215</v>
      </c>
    </row>
    <row r="21655" spans="1:43">
      <c r="A21655" t="s">
        <v>13421</v>
      </c>
      <c r="B21655" t="s">
        <v>13422</v>
      </c>
      <c r="C21655" t="s">
        <v>13417</v>
      </c>
      <c r="D21655" t="s">
        <v>13418</v>
      </c>
      <c r="E21655" t="s">
        <v>13293</v>
      </c>
      <c r="F21655" t="s">
        <v>13294</v>
      </c>
      <c r="G21655" t="s">
        <v>10214</v>
      </c>
      <c r="H21655" t="s">
        <v>10215</v>
      </c>
      <c r="I21655" s="2">
        <v>1</v>
      </c>
      <c r="J21655" s="2">
        <v>0</v>
      </c>
      <c r="K21655" s="2">
        <v>0</v>
      </c>
      <c r="L21655" t="s">
        <v>120</v>
      </c>
      <c r="M21655" t="s">
        <v>87</v>
      </c>
      <c r="N21655" t="s">
        <v>88</v>
      </c>
      <c r="O21655" t="s">
        <v>85</v>
      </c>
      <c r="P21655" t="s">
        <v>86</v>
      </c>
      <c r="Q21655">
        <v>188</v>
      </c>
      <c r="R21655">
        <v>188</v>
      </c>
      <c r="S21655">
        <v>188</v>
      </c>
      <c r="T21655">
        <v>189</v>
      </c>
      <c r="U21655">
        <v>189</v>
      </c>
      <c r="V21655">
        <v>189</v>
      </c>
      <c r="W21655">
        <v>189</v>
      </c>
      <c r="X21655">
        <v>189</v>
      </c>
      <c r="Y21655">
        <v>189</v>
      </c>
      <c r="Z21655">
        <v>189</v>
      </c>
      <c r="AA21655">
        <v>189</v>
      </c>
      <c r="AB21655">
        <v>189</v>
      </c>
      <c r="AC21655">
        <v>189</v>
      </c>
      <c r="AD21655">
        <v>189</v>
      </c>
      <c r="AE21655">
        <v>189</v>
      </c>
      <c r="AF21655">
        <v>189</v>
      </c>
      <c r="AG21655">
        <v>189</v>
      </c>
      <c r="AH21655">
        <v>189</v>
      </c>
      <c r="AI21655">
        <v>189</v>
      </c>
      <c r="AJ21655">
        <v>189</v>
      </c>
      <c r="AK21655">
        <v>189</v>
      </c>
      <c r="AL21655">
        <v>188</v>
      </c>
      <c r="AM21655">
        <v>188</v>
      </c>
      <c r="AN21655">
        <v>188</v>
      </c>
      <c r="AO21655">
        <v>188</v>
      </c>
      <c r="AP21655">
        <v>188</v>
      </c>
      <c r="AQ21655">
        <v>188</v>
      </c>
    </row>
    <row r="21656" spans="1:43">
      <c r="A21656" t="s">
        <v>13421</v>
      </c>
      <c r="B21656" t="s">
        <v>13422</v>
      </c>
      <c r="C21656" t="s">
        <v>13417</v>
      </c>
      <c r="D21656" t="s">
        <v>13418</v>
      </c>
      <c r="E21656" t="s">
        <v>13293</v>
      </c>
      <c r="F21656" t="s">
        <v>13294</v>
      </c>
      <c r="G21656" t="s">
        <v>10214</v>
      </c>
      <c r="H21656" t="s">
        <v>10215</v>
      </c>
      <c r="I21656" s="2">
        <v>1</v>
      </c>
      <c r="J21656" s="2">
        <v>0</v>
      </c>
      <c r="K21656" s="2">
        <v>0</v>
      </c>
      <c r="L21656" t="s">
        <v>120</v>
      </c>
      <c r="M21656" t="s">
        <v>89</v>
      </c>
      <c r="N21656" t="s">
        <v>90</v>
      </c>
      <c r="O21656" t="s">
        <v>85</v>
      </c>
      <c r="P21656" t="s">
        <v>86</v>
      </c>
      <c r="Q21656">
        <v>188</v>
      </c>
      <c r="R21656">
        <v>191</v>
      </c>
      <c r="S21656">
        <v>195</v>
      </c>
      <c r="T21656">
        <v>198</v>
      </c>
      <c r="U21656">
        <v>201</v>
      </c>
      <c r="V21656">
        <v>204</v>
      </c>
      <c r="W21656">
        <v>206</v>
      </c>
      <c r="X21656">
        <v>209</v>
      </c>
      <c r="Y21656">
        <v>211</v>
      </c>
      <c r="Z21656">
        <v>214</v>
      </c>
      <c r="AA21656">
        <v>216</v>
      </c>
      <c r="AB21656">
        <v>218</v>
      </c>
      <c r="AC21656">
        <v>220</v>
      </c>
      <c r="AD21656">
        <v>222</v>
      </c>
      <c r="AE21656">
        <v>223</v>
      </c>
      <c r="AF21656">
        <v>222</v>
      </c>
      <c r="AG21656">
        <v>222</v>
      </c>
      <c r="AH21656">
        <v>221</v>
      </c>
      <c r="AI21656">
        <v>221</v>
      </c>
      <c r="AJ21656">
        <v>220</v>
      </c>
      <c r="AK21656">
        <v>220</v>
      </c>
      <c r="AL21656">
        <v>219</v>
      </c>
      <c r="AM21656">
        <v>218</v>
      </c>
      <c r="AN21656">
        <v>218</v>
      </c>
      <c r="AO21656">
        <v>217</v>
      </c>
      <c r="AP21656">
        <v>216</v>
      </c>
      <c r="AQ21656">
        <v>216</v>
      </c>
    </row>
    <row r="21657" spans="1:43">
      <c r="A21657" t="s">
        <v>13421</v>
      </c>
      <c r="B21657" t="s">
        <v>13422</v>
      </c>
      <c r="C21657" t="s">
        <v>13417</v>
      </c>
      <c r="D21657" t="s">
        <v>13418</v>
      </c>
      <c r="E21657" t="s">
        <v>13293</v>
      </c>
      <c r="F21657" t="s">
        <v>13294</v>
      </c>
      <c r="G21657" t="s">
        <v>10214</v>
      </c>
      <c r="H21657" t="s">
        <v>10215</v>
      </c>
      <c r="I21657" s="2">
        <v>1</v>
      </c>
      <c r="J21657" s="2">
        <v>0</v>
      </c>
      <c r="K21657" s="2">
        <v>0</v>
      </c>
      <c r="L21657" t="s">
        <v>120</v>
      </c>
      <c r="M21657" t="s">
        <v>83</v>
      </c>
      <c r="N21657" t="s">
        <v>91</v>
      </c>
      <c r="O21657" t="s">
        <v>85</v>
      </c>
      <c r="P21657" t="s">
        <v>86</v>
      </c>
      <c r="Q21657">
        <v>188</v>
      </c>
      <c r="R21657">
        <v>190</v>
      </c>
      <c r="S21657">
        <v>192</v>
      </c>
      <c r="T21657">
        <v>194</v>
      </c>
      <c r="U21657">
        <v>195</v>
      </c>
      <c r="V21657">
        <v>197</v>
      </c>
      <c r="W21657">
        <v>199</v>
      </c>
      <c r="X21657">
        <v>200</v>
      </c>
      <c r="Y21657">
        <v>202</v>
      </c>
      <c r="Z21657">
        <v>203</v>
      </c>
      <c r="AA21657">
        <v>205</v>
      </c>
      <c r="AB21657">
        <v>206</v>
      </c>
      <c r="AC21657">
        <v>207</v>
      </c>
      <c r="AD21657">
        <v>209</v>
      </c>
      <c r="AE21657">
        <v>210</v>
      </c>
      <c r="AF21657">
        <v>211</v>
      </c>
      <c r="AG21657">
        <v>213</v>
      </c>
      <c r="AH21657">
        <v>214</v>
      </c>
      <c r="AI21657">
        <v>215</v>
      </c>
      <c r="AJ21657">
        <v>216</v>
      </c>
      <c r="AK21657">
        <v>218</v>
      </c>
      <c r="AL21657">
        <v>218</v>
      </c>
      <c r="AM21657">
        <v>217</v>
      </c>
      <c r="AN21657">
        <v>216</v>
      </c>
      <c r="AO21657">
        <v>216</v>
      </c>
      <c r="AP21657">
        <v>215</v>
      </c>
      <c r="AQ21657">
        <v>215</v>
      </c>
    </row>
    <row r="21658" spans="1:43">
      <c r="A21658" t="s">
        <v>13423</v>
      </c>
      <c r="B21658" t="s">
        <v>13424</v>
      </c>
      <c r="C21658" t="s">
        <v>13417</v>
      </c>
      <c r="D21658" t="s">
        <v>13418</v>
      </c>
      <c r="E21658" t="s">
        <v>13293</v>
      </c>
      <c r="F21658" t="s">
        <v>13294</v>
      </c>
      <c r="G21658" t="s">
        <v>10214</v>
      </c>
      <c r="H21658" t="s">
        <v>10215</v>
      </c>
      <c r="I21658" s="2">
        <v>1</v>
      </c>
      <c r="J21658" s="2">
        <v>0</v>
      </c>
      <c r="K21658" s="2">
        <v>0</v>
      </c>
      <c r="L21658" t="s">
        <v>120</v>
      </c>
      <c r="M21658" t="s">
        <v>83</v>
      </c>
      <c r="N21658" t="s">
        <v>84</v>
      </c>
      <c r="O21658" t="s">
        <v>85</v>
      </c>
      <c r="P21658" t="s">
        <v>86</v>
      </c>
      <c r="Q21658">
        <v>14</v>
      </c>
      <c r="R21658">
        <v>14</v>
      </c>
      <c r="S21658">
        <v>14</v>
      </c>
      <c r="T21658">
        <v>14</v>
      </c>
      <c r="U21658">
        <v>14</v>
      </c>
      <c r="V21658">
        <v>14</v>
      </c>
      <c r="W21658">
        <v>15</v>
      </c>
      <c r="X21658">
        <v>15</v>
      </c>
      <c r="Y21658">
        <v>15</v>
      </c>
      <c r="Z21658">
        <v>15</v>
      </c>
      <c r="AA21658">
        <v>15</v>
      </c>
      <c r="AB21658">
        <v>15</v>
      </c>
      <c r="AC21658">
        <v>15</v>
      </c>
      <c r="AD21658">
        <v>15</v>
      </c>
      <c r="AE21658">
        <v>15</v>
      </c>
      <c r="AF21658">
        <v>15</v>
      </c>
      <c r="AG21658">
        <v>15</v>
      </c>
      <c r="AH21658">
        <v>16</v>
      </c>
      <c r="AI21658">
        <v>16</v>
      </c>
      <c r="AJ21658">
        <v>16</v>
      </c>
      <c r="AK21658">
        <v>16</v>
      </c>
      <c r="AL21658">
        <v>16</v>
      </c>
      <c r="AM21658">
        <v>16</v>
      </c>
      <c r="AN21658">
        <v>16</v>
      </c>
      <c r="AO21658">
        <v>15</v>
      </c>
      <c r="AP21658">
        <v>15</v>
      </c>
      <c r="AQ21658">
        <v>15</v>
      </c>
    </row>
    <row r="21659" spans="1:43">
      <c r="A21659" t="s">
        <v>13423</v>
      </c>
      <c r="B21659" t="s">
        <v>13424</v>
      </c>
      <c r="C21659" t="s">
        <v>13417</v>
      </c>
      <c r="D21659" t="s">
        <v>13418</v>
      </c>
      <c r="E21659" t="s">
        <v>13293</v>
      </c>
      <c r="F21659" t="s">
        <v>13294</v>
      </c>
      <c r="G21659" t="s">
        <v>10214</v>
      </c>
      <c r="H21659" t="s">
        <v>10215</v>
      </c>
      <c r="I21659" s="2">
        <v>1</v>
      </c>
      <c r="J21659" s="2">
        <v>0</v>
      </c>
      <c r="K21659" s="2">
        <v>0</v>
      </c>
      <c r="L21659" t="s">
        <v>120</v>
      </c>
      <c r="M21659" t="s">
        <v>87</v>
      </c>
      <c r="N21659" t="s">
        <v>88</v>
      </c>
      <c r="O21659" t="s">
        <v>85</v>
      </c>
      <c r="P21659" t="s">
        <v>86</v>
      </c>
      <c r="Q21659">
        <v>14</v>
      </c>
      <c r="R21659">
        <v>14</v>
      </c>
      <c r="S21659">
        <v>14</v>
      </c>
      <c r="T21659">
        <v>14</v>
      </c>
      <c r="U21659">
        <v>14</v>
      </c>
      <c r="V21659">
        <v>14</v>
      </c>
      <c r="W21659">
        <v>14</v>
      </c>
      <c r="X21659">
        <v>14</v>
      </c>
      <c r="Y21659">
        <v>14</v>
      </c>
      <c r="Z21659">
        <v>14</v>
      </c>
      <c r="AA21659">
        <v>14</v>
      </c>
      <c r="AB21659">
        <v>14</v>
      </c>
      <c r="AC21659">
        <v>14</v>
      </c>
      <c r="AD21659">
        <v>14</v>
      </c>
      <c r="AE21659">
        <v>14</v>
      </c>
      <c r="AF21659">
        <v>14</v>
      </c>
      <c r="AG21659">
        <v>14</v>
      </c>
      <c r="AH21659">
        <v>14</v>
      </c>
      <c r="AI21659">
        <v>13</v>
      </c>
      <c r="AJ21659">
        <v>13</v>
      </c>
      <c r="AK21659">
        <v>13</v>
      </c>
      <c r="AL21659">
        <v>13</v>
      </c>
      <c r="AM21659">
        <v>13</v>
      </c>
      <c r="AN21659">
        <v>13</v>
      </c>
      <c r="AO21659">
        <v>13</v>
      </c>
      <c r="AP21659">
        <v>13</v>
      </c>
      <c r="AQ21659">
        <v>13</v>
      </c>
    </row>
    <row r="21660" spans="1:43">
      <c r="A21660" t="s">
        <v>13423</v>
      </c>
      <c r="B21660" t="s">
        <v>13424</v>
      </c>
      <c r="C21660" t="s">
        <v>13417</v>
      </c>
      <c r="D21660" t="s">
        <v>13418</v>
      </c>
      <c r="E21660" t="s">
        <v>13293</v>
      </c>
      <c r="F21660" t="s">
        <v>13294</v>
      </c>
      <c r="G21660" t="s">
        <v>10214</v>
      </c>
      <c r="H21660" t="s">
        <v>10215</v>
      </c>
      <c r="I21660" s="2">
        <v>1</v>
      </c>
      <c r="J21660" s="2">
        <v>0</v>
      </c>
      <c r="K21660" s="2">
        <v>0</v>
      </c>
      <c r="L21660" t="s">
        <v>120</v>
      </c>
      <c r="M21660" t="s">
        <v>89</v>
      </c>
      <c r="N21660" t="s">
        <v>90</v>
      </c>
      <c r="O21660" t="s">
        <v>85</v>
      </c>
      <c r="P21660" t="s">
        <v>86</v>
      </c>
      <c r="Q21660">
        <v>14</v>
      </c>
      <c r="R21660">
        <v>14</v>
      </c>
      <c r="S21660">
        <v>15</v>
      </c>
      <c r="T21660">
        <v>15</v>
      </c>
      <c r="U21660">
        <v>15</v>
      </c>
      <c r="V21660">
        <v>15</v>
      </c>
      <c r="W21660">
        <v>15</v>
      </c>
      <c r="X21660">
        <v>15</v>
      </c>
      <c r="Y21660">
        <v>16</v>
      </c>
      <c r="Z21660">
        <v>16</v>
      </c>
      <c r="AA21660">
        <v>16</v>
      </c>
      <c r="AB21660">
        <v>16</v>
      </c>
      <c r="AC21660">
        <v>16</v>
      </c>
      <c r="AD21660">
        <v>16</v>
      </c>
      <c r="AE21660">
        <v>16</v>
      </c>
      <c r="AF21660">
        <v>16</v>
      </c>
      <c r="AG21660">
        <v>16</v>
      </c>
      <c r="AH21660">
        <v>16</v>
      </c>
      <c r="AI21660">
        <v>16</v>
      </c>
      <c r="AJ21660">
        <v>16</v>
      </c>
      <c r="AK21660">
        <v>16</v>
      </c>
      <c r="AL21660">
        <v>16</v>
      </c>
      <c r="AM21660">
        <v>16</v>
      </c>
      <c r="AN21660">
        <v>16</v>
      </c>
      <c r="AO21660">
        <v>16</v>
      </c>
      <c r="AP21660">
        <v>16</v>
      </c>
      <c r="AQ21660">
        <v>15</v>
      </c>
    </row>
    <row r="21661" spans="1:43">
      <c r="A21661" t="s">
        <v>13423</v>
      </c>
      <c r="B21661" t="s">
        <v>13424</v>
      </c>
      <c r="C21661" t="s">
        <v>13417</v>
      </c>
      <c r="D21661" t="s">
        <v>13418</v>
      </c>
      <c r="E21661" t="s">
        <v>13293</v>
      </c>
      <c r="F21661" t="s">
        <v>13294</v>
      </c>
      <c r="G21661" t="s">
        <v>10214</v>
      </c>
      <c r="H21661" t="s">
        <v>10215</v>
      </c>
      <c r="I21661" s="2">
        <v>1</v>
      </c>
      <c r="J21661" s="2">
        <v>0</v>
      </c>
      <c r="K21661" s="2">
        <v>0</v>
      </c>
      <c r="L21661" t="s">
        <v>120</v>
      </c>
      <c r="M21661" t="s">
        <v>83</v>
      </c>
      <c r="N21661" t="s">
        <v>91</v>
      </c>
      <c r="O21661" t="s">
        <v>85</v>
      </c>
      <c r="P21661" t="s">
        <v>86</v>
      </c>
      <c r="Q21661">
        <v>14</v>
      </c>
      <c r="R21661">
        <v>14</v>
      </c>
      <c r="S21661">
        <v>14</v>
      </c>
      <c r="T21661">
        <v>14</v>
      </c>
      <c r="U21661">
        <v>14</v>
      </c>
      <c r="V21661">
        <v>14</v>
      </c>
      <c r="W21661">
        <v>15</v>
      </c>
      <c r="X21661">
        <v>15</v>
      </c>
      <c r="Y21661">
        <v>15</v>
      </c>
      <c r="Z21661">
        <v>15</v>
      </c>
      <c r="AA21661">
        <v>15</v>
      </c>
      <c r="AB21661">
        <v>15</v>
      </c>
      <c r="AC21661">
        <v>15</v>
      </c>
      <c r="AD21661">
        <v>15</v>
      </c>
      <c r="AE21661">
        <v>15</v>
      </c>
      <c r="AF21661">
        <v>15</v>
      </c>
      <c r="AG21661">
        <v>15</v>
      </c>
      <c r="AH21661">
        <v>16</v>
      </c>
      <c r="AI21661">
        <v>16</v>
      </c>
      <c r="AJ21661">
        <v>16</v>
      </c>
      <c r="AK21661">
        <v>16</v>
      </c>
      <c r="AL21661">
        <v>16</v>
      </c>
      <c r="AM21661">
        <v>16</v>
      </c>
      <c r="AN21661">
        <v>16</v>
      </c>
      <c r="AO21661">
        <v>15</v>
      </c>
      <c r="AP21661">
        <v>15</v>
      </c>
      <c r="AQ21661">
        <v>15</v>
      </c>
    </row>
    <row r="21662" spans="1:43">
      <c r="A21662" t="s">
        <v>13425</v>
      </c>
      <c r="B21662" t="s">
        <v>13426</v>
      </c>
      <c r="C21662" t="s">
        <v>13405</v>
      </c>
      <c r="D21662" t="s">
        <v>13406</v>
      </c>
      <c r="E21662" t="s">
        <v>13293</v>
      </c>
      <c r="F21662" t="s">
        <v>13294</v>
      </c>
      <c r="G21662" t="s">
        <v>10214</v>
      </c>
      <c r="H21662" t="s">
        <v>10215</v>
      </c>
      <c r="I21662" s="2">
        <v>1</v>
      </c>
      <c r="J21662" s="2">
        <v>0</v>
      </c>
      <c r="K21662" s="2">
        <v>0</v>
      </c>
      <c r="L21662" t="s">
        <v>120</v>
      </c>
      <c r="M21662" t="s">
        <v>83</v>
      </c>
      <c r="N21662" t="s">
        <v>84</v>
      </c>
      <c r="O21662" t="s">
        <v>85</v>
      </c>
      <c r="P21662" t="s">
        <v>86</v>
      </c>
      <c r="Q21662">
        <v>11</v>
      </c>
      <c r="R21662">
        <v>11</v>
      </c>
      <c r="S21662">
        <v>11</v>
      </c>
      <c r="T21662">
        <v>11</v>
      </c>
      <c r="U21662">
        <v>11</v>
      </c>
      <c r="V21662">
        <v>11</v>
      </c>
      <c r="W21662">
        <v>11</v>
      </c>
      <c r="X21662">
        <v>11</v>
      </c>
      <c r="Y21662">
        <v>11</v>
      </c>
      <c r="Z21662">
        <v>11</v>
      </c>
      <c r="AA21662">
        <v>11</v>
      </c>
      <c r="AB21662">
        <v>11</v>
      </c>
      <c r="AC21662">
        <v>11</v>
      </c>
      <c r="AD21662">
        <v>11</v>
      </c>
      <c r="AE21662">
        <v>12</v>
      </c>
      <c r="AF21662">
        <v>12</v>
      </c>
      <c r="AG21662">
        <v>12</v>
      </c>
      <c r="AH21662">
        <v>12</v>
      </c>
      <c r="AI21662">
        <v>12</v>
      </c>
      <c r="AJ21662">
        <v>12</v>
      </c>
      <c r="AK21662">
        <v>12</v>
      </c>
      <c r="AL21662">
        <v>12</v>
      </c>
      <c r="AM21662">
        <v>12</v>
      </c>
      <c r="AN21662">
        <v>12</v>
      </c>
      <c r="AO21662">
        <v>12</v>
      </c>
      <c r="AP21662">
        <v>12</v>
      </c>
      <c r="AQ21662">
        <v>11</v>
      </c>
    </row>
    <row r="21663" spans="1:43">
      <c r="A21663" t="s">
        <v>13425</v>
      </c>
      <c r="B21663" t="s">
        <v>13426</v>
      </c>
      <c r="C21663" t="s">
        <v>13405</v>
      </c>
      <c r="D21663" t="s">
        <v>13406</v>
      </c>
      <c r="E21663" t="s">
        <v>13293</v>
      </c>
      <c r="F21663" t="s">
        <v>13294</v>
      </c>
      <c r="G21663" t="s">
        <v>10214</v>
      </c>
      <c r="H21663" t="s">
        <v>10215</v>
      </c>
      <c r="I21663" s="2">
        <v>1</v>
      </c>
      <c r="J21663" s="2">
        <v>0</v>
      </c>
      <c r="K21663" s="2">
        <v>0</v>
      </c>
      <c r="L21663" t="s">
        <v>120</v>
      </c>
      <c r="M21663" t="s">
        <v>87</v>
      </c>
      <c r="N21663" t="s">
        <v>88</v>
      </c>
      <c r="O21663" t="s">
        <v>85</v>
      </c>
      <c r="P21663" t="s">
        <v>86</v>
      </c>
      <c r="Q21663">
        <v>11</v>
      </c>
      <c r="R21663">
        <v>11</v>
      </c>
      <c r="S21663">
        <v>11</v>
      </c>
      <c r="T21663">
        <v>11</v>
      </c>
      <c r="U21663">
        <v>11</v>
      </c>
      <c r="V21663">
        <v>11</v>
      </c>
      <c r="W21663">
        <v>11</v>
      </c>
      <c r="X21663">
        <v>11</v>
      </c>
      <c r="Y21663">
        <v>11</v>
      </c>
      <c r="Z21663">
        <v>11</v>
      </c>
      <c r="AA21663">
        <v>11</v>
      </c>
      <c r="AB21663">
        <v>11</v>
      </c>
      <c r="AC21663">
        <v>11</v>
      </c>
      <c r="AD21663">
        <v>11</v>
      </c>
      <c r="AE21663">
        <v>11</v>
      </c>
      <c r="AF21663">
        <v>11</v>
      </c>
      <c r="AG21663">
        <v>11</v>
      </c>
      <c r="AH21663">
        <v>11</v>
      </c>
      <c r="AI21663">
        <v>11</v>
      </c>
      <c r="AJ21663">
        <v>11</v>
      </c>
      <c r="AK21663">
        <v>11</v>
      </c>
      <c r="AL21663">
        <v>11</v>
      </c>
      <c r="AM21663">
        <v>11</v>
      </c>
      <c r="AN21663">
        <v>11</v>
      </c>
      <c r="AO21663">
        <v>11</v>
      </c>
      <c r="AP21663">
        <v>11</v>
      </c>
      <c r="AQ21663">
        <v>11</v>
      </c>
    </row>
    <row r="21664" spans="1:43">
      <c r="A21664" t="s">
        <v>13425</v>
      </c>
      <c r="B21664" t="s">
        <v>13426</v>
      </c>
      <c r="C21664" t="s">
        <v>13405</v>
      </c>
      <c r="D21664" t="s">
        <v>13406</v>
      </c>
      <c r="E21664" t="s">
        <v>13293</v>
      </c>
      <c r="F21664" t="s">
        <v>13294</v>
      </c>
      <c r="G21664" t="s">
        <v>10214</v>
      </c>
      <c r="H21664" t="s">
        <v>10215</v>
      </c>
      <c r="I21664" s="2">
        <v>1</v>
      </c>
      <c r="J21664" s="2">
        <v>0</v>
      </c>
      <c r="K21664" s="2">
        <v>0</v>
      </c>
      <c r="L21664" t="s">
        <v>120</v>
      </c>
      <c r="M21664" t="s">
        <v>89</v>
      </c>
      <c r="N21664" t="s">
        <v>90</v>
      </c>
      <c r="O21664" t="s">
        <v>85</v>
      </c>
      <c r="P21664" t="s">
        <v>86</v>
      </c>
      <c r="Q21664">
        <v>11</v>
      </c>
      <c r="R21664">
        <v>11</v>
      </c>
      <c r="S21664">
        <v>11</v>
      </c>
      <c r="T21664">
        <v>11</v>
      </c>
      <c r="U21664">
        <v>11</v>
      </c>
      <c r="V21664">
        <v>11</v>
      </c>
      <c r="W21664">
        <v>12</v>
      </c>
      <c r="X21664">
        <v>12</v>
      </c>
      <c r="Y21664">
        <v>12</v>
      </c>
      <c r="Z21664">
        <v>12</v>
      </c>
      <c r="AA21664">
        <v>12</v>
      </c>
      <c r="AB21664">
        <v>12</v>
      </c>
      <c r="AC21664">
        <v>12</v>
      </c>
      <c r="AD21664">
        <v>12</v>
      </c>
      <c r="AE21664">
        <v>12</v>
      </c>
      <c r="AF21664">
        <v>12</v>
      </c>
      <c r="AG21664">
        <v>12</v>
      </c>
      <c r="AH21664">
        <v>12</v>
      </c>
      <c r="AI21664">
        <v>12</v>
      </c>
      <c r="AJ21664">
        <v>12</v>
      </c>
      <c r="AK21664">
        <v>12</v>
      </c>
      <c r="AL21664">
        <v>12</v>
      </c>
      <c r="AM21664">
        <v>12</v>
      </c>
      <c r="AN21664">
        <v>12</v>
      </c>
      <c r="AO21664">
        <v>12</v>
      </c>
      <c r="AP21664">
        <v>12</v>
      </c>
      <c r="AQ21664">
        <v>12</v>
      </c>
    </row>
    <row r="21665" spans="1:43">
      <c r="A21665" t="s">
        <v>13425</v>
      </c>
      <c r="B21665" t="s">
        <v>13426</v>
      </c>
      <c r="C21665" t="s">
        <v>13405</v>
      </c>
      <c r="D21665" t="s">
        <v>13406</v>
      </c>
      <c r="E21665" t="s">
        <v>13293</v>
      </c>
      <c r="F21665" t="s">
        <v>13294</v>
      </c>
      <c r="G21665" t="s">
        <v>10214</v>
      </c>
      <c r="H21665" t="s">
        <v>10215</v>
      </c>
      <c r="I21665" s="2">
        <v>1</v>
      </c>
      <c r="J21665" s="2">
        <v>0</v>
      </c>
      <c r="K21665" s="2">
        <v>0</v>
      </c>
      <c r="L21665" t="s">
        <v>120</v>
      </c>
      <c r="M21665" t="s">
        <v>83</v>
      </c>
      <c r="N21665" t="s">
        <v>91</v>
      </c>
      <c r="O21665" t="s">
        <v>85</v>
      </c>
      <c r="P21665" t="s">
        <v>86</v>
      </c>
      <c r="Q21665">
        <v>11</v>
      </c>
      <c r="R21665">
        <v>11</v>
      </c>
      <c r="S21665">
        <v>11</v>
      </c>
      <c r="T21665">
        <v>11</v>
      </c>
      <c r="U21665">
        <v>11</v>
      </c>
      <c r="V21665">
        <v>11</v>
      </c>
      <c r="W21665">
        <v>11</v>
      </c>
      <c r="X21665">
        <v>11</v>
      </c>
      <c r="Y21665">
        <v>11</v>
      </c>
      <c r="Z21665">
        <v>11</v>
      </c>
      <c r="AA21665">
        <v>11</v>
      </c>
      <c r="AB21665">
        <v>11</v>
      </c>
      <c r="AC21665">
        <v>11</v>
      </c>
      <c r="AD21665">
        <v>11</v>
      </c>
      <c r="AE21665">
        <v>12</v>
      </c>
      <c r="AF21665">
        <v>12</v>
      </c>
      <c r="AG21665">
        <v>12</v>
      </c>
      <c r="AH21665">
        <v>12</v>
      </c>
      <c r="AI21665">
        <v>12</v>
      </c>
      <c r="AJ21665">
        <v>12</v>
      </c>
      <c r="AK21665">
        <v>12</v>
      </c>
      <c r="AL21665">
        <v>12</v>
      </c>
      <c r="AM21665">
        <v>12</v>
      </c>
      <c r="AN21665">
        <v>12</v>
      </c>
      <c r="AO21665">
        <v>12</v>
      </c>
      <c r="AP21665">
        <v>12</v>
      </c>
      <c r="AQ21665">
        <v>11</v>
      </c>
    </row>
    <row r="21666" spans="1:43">
      <c r="A21666" t="s">
        <v>13427</v>
      </c>
      <c r="B21666" t="s">
        <v>13428</v>
      </c>
      <c r="C21666" t="s">
        <v>13405</v>
      </c>
      <c r="D21666" t="s">
        <v>13406</v>
      </c>
      <c r="E21666" t="s">
        <v>13293</v>
      </c>
      <c r="F21666" t="s">
        <v>13294</v>
      </c>
      <c r="G21666" t="s">
        <v>10214</v>
      </c>
      <c r="H21666" t="s">
        <v>10215</v>
      </c>
      <c r="I21666" s="2">
        <v>1</v>
      </c>
      <c r="J21666" s="2">
        <v>0</v>
      </c>
      <c r="K21666" s="2">
        <v>0</v>
      </c>
      <c r="L21666" t="s">
        <v>120</v>
      </c>
      <c r="M21666" t="s">
        <v>83</v>
      </c>
      <c r="N21666" t="s">
        <v>84</v>
      </c>
      <c r="O21666" t="s">
        <v>85</v>
      </c>
      <c r="P21666" t="s">
        <v>86</v>
      </c>
      <c r="Q21666">
        <v>8</v>
      </c>
      <c r="R21666">
        <v>8</v>
      </c>
      <c r="S21666">
        <v>8</v>
      </c>
      <c r="T21666">
        <v>9</v>
      </c>
      <c r="U21666">
        <v>9</v>
      </c>
      <c r="V21666">
        <v>9</v>
      </c>
      <c r="W21666">
        <v>9</v>
      </c>
      <c r="X21666">
        <v>9</v>
      </c>
      <c r="Y21666">
        <v>9</v>
      </c>
      <c r="Z21666">
        <v>9</v>
      </c>
      <c r="AA21666">
        <v>9</v>
      </c>
      <c r="AB21666">
        <v>9</v>
      </c>
      <c r="AC21666">
        <v>9</v>
      </c>
      <c r="AD21666">
        <v>9</v>
      </c>
      <c r="AE21666">
        <v>9</v>
      </c>
      <c r="AF21666">
        <v>9</v>
      </c>
      <c r="AG21666">
        <v>9</v>
      </c>
      <c r="AH21666">
        <v>9</v>
      </c>
      <c r="AI21666">
        <v>9</v>
      </c>
      <c r="AJ21666">
        <v>9</v>
      </c>
      <c r="AK21666">
        <v>9</v>
      </c>
      <c r="AL21666">
        <v>9</v>
      </c>
      <c r="AM21666">
        <v>9</v>
      </c>
      <c r="AN21666">
        <v>9</v>
      </c>
      <c r="AO21666">
        <v>9</v>
      </c>
      <c r="AP21666">
        <v>9</v>
      </c>
      <c r="AQ21666">
        <v>9</v>
      </c>
    </row>
    <row r="21667" spans="1:43">
      <c r="A21667" t="s">
        <v>13427</v>
      </c>
      <c r="B21667" t="s">
        <v>13428</v>
      </c>
      <c r="C21667" t="s">
        <v>13405</v>
      </c>
      <c r="D21667" t="s">
        <v>13406</v>
      </c>
      <c r="E21667" t="s">
        <v>13293</v>
      </c>
      <c r="F21667" t="s">
        <v>13294</v>
      </c>
      <c r="G21667" t="s">
        <v>10214</v>
      </c>
      <c r="H21667" t="s">
        <v>10215</v>
      </c>
      <c r="I21667" s="2">
        <v>1</v>
      </c>
      <c r="J21667" s="2">
        <v>0</v>
      </c>
      <c r="K21667" s="2">
        <v>0</v>
      </c>
      <c r="L21667" t="s">
        <v>120</v>
      </c>
      <c r="M21667" t="s">
        <v>87</v>
      </c>
      <c r="N21667" t="s">
        <v>88</v>
      </c>
      <c r="O21667" t="s">
        <v>85</v>
      </c>
      <c r="P21667" t="s">
        <v>86</v>
      </c>
      <c r="Q21667">
        <v>8</v>
      </c>
      <c r="R21667">
        <v>8</v>
      </c>
      <c r="S21667">
        <v>8</v>
      </c>
      <c r="T21667">
        <v>8</v>
      </c>
      <c r="U21667">
        <v>8</v>
      </c>
      <c r="V21667">
        <v>8</v>
      </c>
      <c r="W21667">
        <v>8</v>
      </c>
      <c r="X21667">
        <v>8</v>
      </c>
      <c r="Y21667">
        <v>8</v>
      </c>
      <c r="Z21667">
        <v>8</v>
      </c>
      <c r="AA21667">
        <v>8</v>
      </c>
      <c r="AB21667">
        <v>8</v>
      </c>
      <c r="AC21667">
        <v>8</v>
      </c>
      <c r="AD21667">
        <v>8</v>
      </c>
      <c r="AE21667">
        <v>8</v>
      </c>
      <c r="AF21667">
        <v>8</v>
      </c>
      <c r="AG21667">
        <v>8</v>
      </c>
      <c r="AH21667">
        <v>8</v>
      </c>
      <c r="AI21667">
        <v>8</v>
      </c>
      <c r="AJ21667">
        <v>8</v>
      </c>
      <c r="AK21667">
        <v>8</v>
      </c>
      <c r="AL21667">
        <v>8</v>
      </c>
      <c r="AM21667">
        <v>8</v>
      </c>
      <c r="AN21667">
        <v>8</v>
      </c>
      <c r="AO21667">
        <v>8</v>
      </c>
      <c r="AP21667">
        <v>8</v>
      </c>
      <c r="AQ21667">
        <v>8</v>
      </c>
    </row>
    <row r="21668" spans="1:43">
      <c r="A21668" t="s">
        <v>13427</v>
      </c>
      <c r="B21668" t="s">
        <v>13428</v>
      </c>
      <c r="C21668" t="s">
        <v>13405</v>
      </c>
      <c r="D21668" t="s">
        <v>13406</v>
      </c>
      <c r="E21668" t="s">
        <v>13293</v>
      </c>
      <c r="F21668" t="s">
        <v>13294</v>
      </c>
      <c r="G21668" t="s">
        <v>10214</v>
      </c>
      <c r="H21668" t="s">
        <v>10215</v>
      </c>
      <c r="I21668" s="2">
        <v>1</v>
      </c>
      <c r="J21668" s="2">
        <v>0</v>
      </c>
      <c r="K21668" s="2">
        <v>0</v>
      </c>
      <c r="L21668" t="s">
        <v>120</v>
      </c>
      <c r="M21668" t="s">
        <v>89</v>
      </c>
      <c r="N21668" t="s">
        <v>90</v>
      </c>
      <c r="O21668" t="s">
        <v>85</v>
      </c>
      <c r="P21668" t="s">
        <v>86</v>
      </c>
      <c r="Q21668">
        <v>8</v>
      </c>
      <c r="R21668">
        <v>9</v>
      </c>
      <c r="S21668">
        <v>9</v>
      </c>
      <c r="T21668">
        <v>9</v>
      </c>
      <c r="U21668">
        <v>9</v>
      </c>
      <c r="V21668">
        <v>9</v>
      </c>
      <c r="W21668">
        <v>9</v>
      </c>
      <c r="X21668">
        <v>9</v>
      </c>
      <c r="Y21668">
        <v>9</v>
      </c>
      <c r="Z21668">
        <v>9</v>
      </c>
      <c r="AA21668">
        <v>9</v>
      </c>
      <c r="AB21668">
        <v>10</v>
      </c>
      <c r="AC21668">
        <v>10</v>
      </c>
      <c r="AD21668">
        <v>10</v>
      </c>
      <c r="AE21668">
        <v>10</v>
      </c>
      <c r="AF21668">
        <v>10</v>
      </c>
      <c r="AG21668">
        <v>10</v>
      </c>
      <c r="AH21668">
        <v>10</v>
      </c>
      <c r="AI21668">
        <v>10</v>
      </c>
      <c r="AJ21668">
        <v>9</v>
      </c>
      <c r="AK21668">
        <v>9</v>
      </c>
      <c r="AL21668">
        <v>9</v>
      </c>
      <c r="AM21668">
        <v>9</v>
      </c>
      <c r="AN21668">
        <v>9</v>
      </c>
      <c r="AO21668">
        <v>9</v>
      </c>
      <c r="AP21668">
        <v>9</v>
      </c>
      <c r="AQ21668">
        <v>9</v>
      </c>
    </row>
    <row r="21669" spans="1:43">
      <c r="A21669" t="s">
        <v>13427</v>
      </c>
      <c r="B21669" t="s">
        <v>13428</v>
      </c>
      <c r="C21669" t="s">
        <v>13405</v>
      </c>
      <c r="D21669" t="s">
        <v>13406</v>
      </c>
      <c r="E21669" t="s">
        <v>13293</v>
      </c>
      <c r="F21669" t="s">
        <v>13294</v>
      </c>
      <c r="G21669" t="s">
        <v>10214</v>
      </c>
      <c r="H21669" t="s">
        <v>10215</v>
      </c>
      <c r="I21669" s="2">
        <v>1</v>
      </c>
      <c r="J21669" s="2">
        <v>0</v>
      </c>
      <c r="K21669" s="2">
        <v>0</v>
      </c>
      <c r="L21669" t="s">
        <v>120</v>
      </c>
      <c r="M21669" t="s">
        <v>83</v>
      </c>
      <c r="N21669" t="s">
        <v>91</v>
      </c>
      <c r="O21669" t="s">
        <v>85</v>
      </c>
      <c r="P21669" t="s">
        <v>86</v>
      </c>
      <c r="Q21669">
        <v>8</v>
      </c>
      <c r="R21669">
        <v>8</v>
      </c>
      <c r="S21669">
        <v>8</v>
      </c>
      <c r="T21669">
        <v>9</v>
      </c>
      <c r="U21669">
        <v>9</v>
      </c>
      <c r="V21669">
        <v>9</v>
      </c>
      <c r="W21669">
        <v>9</v>
      </c>
      <c r="X21669">
        <v>9</v>
      </c>
      <c r="Y21669">
        <v>9</v>
      </c>
      <c r="Z21669">
        <v>9</v>
      </c>
      <c r="AA21669">
        <v>9</v>
      </c>
      <c r="AB21669">
        <v>9</v>
      </c>
      <c r="AC21669">
        <v>9</v>
      </c>
      <c r="AD21669">
        <v>9</v>
      </c>
      <c r="AE21669">
        <v>9</v>
      </c>
      <c r="AF21669">
        <v>9</v>
      </c>
      <c r="AG21669">
        <v>9</v>
      </c>
      <c r="AH21669">
        <v>9</v>
      </c>
      <c r="AI21669">
        <v>9</v>
      </c>
      <c r="AJ21669">
        <v>9</v>
      </c>
      <c r="AK21669">
        <v>9</v>
      </c>
      <c r="AL21669">
        <v>9</v>
      </c>
      <c r="AM21669">
        <v>9</v>
      </c>
      <c r="AN21669">
        <v>9</v>
      </c>
      <c r="AO21669">
        <v>9</v>
      </c>
      <c r="AP21669">
        <v>9</v>
      </c>
      <c r="AQ21669">
        <v>9</v>
      </c>
    </row>
    <row r="21670" spans="1:43">
      <c r="A21670" t="s">
        <v>13429</v>
      </c>
      <c r="B21670" t="s">
        <v>13430</v>
      </c>
      <c r="C21670" t="s">
        <v>13431</v>
      </c>
      <c r="D21670" t="s">
        <v>13432</v>
      </c>
      <c r="E21670" t="s">
        <v>13293</v>
      </c>
      <c r="F21670" t="s">
        <v>13294</v>
      </c>
      <c r="G21670" t="s">
        <v>10214</v>
      </c>
      <c r="H21670" t="s">
        <v>10215</v>
      </c>
      <c r="I21670" s="2">
        <v>1</v>
      </c>
      <c r="J21670" s="2">
        <v>0</v>
      </c>
      <c r="K21670" s="2">
        <v>0</v>
      </c>
      <c r="L21670" t="s">
        <v>120</v>
      </c>
      <c r="M21670" t="s">
        <v>83</v>
      </c>
      <c r="N21670" t="s">
        <v>84</v>
      </c>
      <c r="O21670" t="s">
        <v>85</v>
      </c>
      <c r="P21670" t="s">
        <v>86</v>
      </c>
      <c r="Q21670">
        <v>12</v>
      </c>
      <c r="R21670">
        <v>12</v>
      </c>
      <c r="S21670">
        <v>12</v>
      </c>
      <c r="T21670">
        <v>12</v>
      </c>
      <c r="U21670">
        <v>12</v>
      </c>
      <c r="V21670">
        <v>13</v>
      </c>
      <c r="W21670">
        <v>13</v>
      </c>
      <c r="X21670">
        <v>13</v>
      </c>
      <c r="Y21670">
        <v>13</v>
      </c>
      <c r="Z21670">
        <v>13</v>
      </c>
      <c r="AA21670">
        <v>13</v>
      </c>
      <c r="AB21670">
        <v>13</v>
      </c>
      <c r="AC21670">
        <v>13</v>
      </c>
      <c r="AD21670">
        <v>13</v>
      </c>
      <c r="AE21670">
        <v>13</v>
      </c>
      <c r="AF21670">
        <v>13</v>
      </c>
      <c r="AG21670">
        <v>13</v>
      </c>
      <c r="AH21670">
        <v>13</v>
      </c>
      <c r="AI21670">
        <v>13</v>
      </c>
      <c r="AJ21670">
        <v>13</v>
      </c>
      <c r="AK21670">
        <v>13</v>
      </c>
      <c r="AL21670">
        <v>13</v>
      </c>
      <c r="AM21670">
        <v>13</v>
      </c>
      <c r="AN21670">
        <v>13</v>
      </c>
      <c r="AO21670">
        <v>13</v>
      </c>
      <c r="AP21670">
        <v>13</v>
      </c>
      <c r="AQ21670">
        <v>13</v>
      </c>
    </row>
    <row r="21671" spans="1:43">
      <c r="A21671" t="s">
        <v>13429</v>
      </c>
      <c r="B21671" t="s">
        <v>13430</v>
      </c>
      <c r="C21671" t="s">
        <v>13431</v>
      </c>
      <c r="D21671" t="s">
        <v>13432</v>
      </c>
      <c r="E21671" t="s">
        <v>13293</v>
      </c>
      <c r="F21671" t="s">
        <v>13294</v>
      </c>
      <c r="G21671" t="s">
        <v>10214</v>
      </c>
      <c r="H21671" t="s">
        <v>10215</v>
      </c>
      <c r="I21671" s="2">
        <v>1</v>
      </c>
      <c r="J21671" s="2">
        <v>0</v>
      </c>
      <c r="K21671" s="2">
        <v>0</v>
      </c>
      <c r="L21671" t="s">
        <v>120</v>
      </c>
      <c r="M21671" t="s">
        <v>87</v>
      </c>
      <c r="N21671" t="s">
        <v>88</v>
      </c>
      <c r="O21671" t="s">
        <v>85</v>
      </c>
      <c r="P21671" t="s">
        <v>86</v>
      </c>
      <c r="Q21671">
        <v>12</v>
      </c>
      <c r="R21671">
        <v>12</v>
      </c>
      <c r="S21671">
        <v>12</v>
      </c>
      <c r="T21671">
        <v>12</v>
      </c>
      <c r="U21671">
        <v>12</v>
      </c>
      <c r="V21671">
        <v>12</v>
      </c>
      <c r="W21671">
        <v>12</v>
      </c>
      <c r="X21671">
        <v>12</v>
      </c>
      <c r="Y21671">
        <v>12</v>
      </c>
      <c r="Z21671">
        <v>12</v>
      </c>
      <c r="AA21671">
        <v>12</v>
      </c>
      <c r="AB21671">
        <v>12</v>
      </c>
      <c r="AC21671">
        <v>12</v>
      </c>
      <c r="AD21671">
        <v>12</v>
      </c>
      <c r="AE21671">
        <v>12</v>
      </c>
      <c r="AF21671">
        <v>12</v>
      </c>
      <c r="AG21671">
        <v>12</v>
      </c>
      <c r="AH21671">
        <v>12</v>
      </c>
      <c r="AI21671">
        <v>12</v>
      </c>
      <c r="AJ21671">
        <v>12</v>
      </c>
      <c r="AK21671">
        <v>12</v>
      </c>
      <c r="AL21671">
        <v>11</v>
      </c>
      <c r="AM21671">
        <v>11</v>
      </c>
      <c r="AN21671">
        <v>11</v>
      </c>
      <c r="AO21671">
        <v>11</v>
      </c>
      <c r="AP21671">
        <v>11</v>
      </c>
      <c r="AQ21671">
        <v>11</v>
      </c>
    </row>
    <row r="21672" spans="1:43">
      <c r="A21672" t="s">
        <v>13429</v>
      </c>
      <c r="B21672" t="s">
        <v>13430</v>
      </c>
      <c r="C21672" t="s">
        <v>13431</v>
      </c>
      <c r="D21672" t="s">
        <v>13432</v>
      </c>
      <c r="E21672" t="s">
        <v>13293</v>
      </c>
      <c r="F21672" t="s">
        <v>13294</v>
      </c>
      <c r="G21672" t="s">
        <v>10214</v>
      </c>
      <c r="H21672" t="s">
        <v>10215</v>
      </c>
      <c r="I21672" s="2">
        <v>1</v>
      </c>
      <c r="J21672" s="2">
        <v>0</v>
      </c>
      <c r="K21672" s="2">
        <v>0</v>
      </c>
      <c r="L21672" t="s">
        <v>120</v>
      </c>
      <c r="M21672" t="s">
        <v>89</v>
      </c>
      <c r="N21672" t="s">
        <v>90</v>
      </c>
      <c r="O21672" t="s">
        <v>85</v>
      </c>
      <c r="P21672" t="s">
        <v>86</v>
      </c>
      <c r="Q21672">
        <v>12</v>
      </c>
      <c r="R21672">
        <v>12</v>
      </c>
      <c r="S21672">
        <v>13</v>
      </c>
      <c r="T21672">
        <v>13</v>
      </c>
      <c r="U21672">
        <v>13</v>
      </c>
      <c r="V21672">
        <v>13</v>
      </c>
      <c r="W21672">
        <v>13</v>
      </c>
      <c r="X21672">
        <v>13</v>
      </c>
      <c r="Y21672">
        <v>13</v>
      </c>
      <c r="Z21672">
        <v>14</v>
      </c>
      <c r="AA21672">
        <v>14</v>
      </c>
      <c r="AB21672">
        <v>14</v>
      </c>
      <c r="AC21672">
        <v>14</v>
      </c>
      <c r="AD21672">
        <v>14</v>
      </c>
      <c r="AE21672">
        <v>14</v>
      </c>
      <c r="AF21672">
        <v>14</v>
      </c>
      <c r="AG21672">
        <v>14</v>
      </c>
      <c r="AH21672">
        <v>14</v>
      </c>
      <c r="AI21672">
        <v>14</v>
      </c>
      <c r="AJ21672">
        <v>14</v>
      </c>
      <c r="AK21672">
        <v>14</v>
      </c>
      <c r="AL21672">
        <v>13</v>
      </c>
      <c r="AM21672">
        <v>13</v>
      </c>
      <c r="AN21672">
        <v>13</v>
      </c>
      <c r="AO21672">
        <v>13</v>
      </c>
      <c r="AP21672">
        <v>13</v>
      </c>
      <c r="AQ21672">
        <v>13</v>
      </c>
    </row>
    <row r="21673" spans="1:43">
      <c r="A21673" t="s">
        <v>13429</v>
      </c>
      <c r="B21673" t="s">
        <v>13430</v>
      </c>
      <c r="C21673" t="s">
        <v>13431</v>
      </c>
      <c r="D21673" t="s">
        <v>13432</v>
      </c>
      <c r="E21673" t="s">
        <v>13293</v>
      </c>
      <c r="F21673" t="s">
        <v>13294</v>
      </c>
      <c r="G21673" t="s">
        <v>10214</v>
      </c>
      <c r="H21673" t="s">
        <v>10215</v>
      </c>
      <c r="I21673" s="2">
        <v>1</v>
      </c>
      <c r="J21673" s="2">
        <v>0</v>
      </c>
      <c r="K21673" s="2">
        <v>0</v>
      </c>
      <c r="L21673" t="s">
        <v>120</v>
      </c>
      <c r="M21673" t="s">
        <v>83</v>
      </c>
      <c r="N21673" t="s">
        <v>91</v>
      </c>
      <c r="O21673" t="s">
        <v>85</v>
      </c>
      <c r="P21673" t="s">
        <v>86</v>
      </c>
      <c r="Q21673">
        <v>12</v>
      </c>
      <c r="R21673">
        <v>12</v>
      </c>
      <c r="S21673">
        <v>12</v>
      </c>
      <c r="T21673">
        <v>12</v>
      </c>
      <c r="U21673">
        <v>12</v>
      </c>
      <c r="V21673">
        <v>13</v>
      </c>
      <c r="W21673">
        <v>13</v>
      </c>
      <c r="X21673">
        <v>13</v>
      </c>
      <c r="Y21673">
        <v>13</v>
      </c>
      <c r="Z21673">
        <v>13</v>
      </c>
      <c r="AA21673">
        <v>13</v>
      </c>
      <c r="AB21673">
        <v>13</v>
      </c>
      <c r="AC21673">
        <v>13</v>
      </c>
      <c r="AD21673">
        <v>13</v>
      </c>
      <c r="AE21673">
        <v>13</v>
      </c>
      <c r="AF21673">
        <v>13</v>
      </c>
      <c r="AG21673">
        <v>13</v>
      </c>
      <c r="AH21673">
        <v>13</v>
      </c>
      <c r="AI21673">
        <v>13</v>
      </c>
      <c r="AJ21673">
        <v>13</v>
      </c>
      <c r="AK21673">
        <v>13</v>
      </c>
      <c r="AL21673">
        <v>13</v>
      </c>
      <c r="AM21673">
        <v>13</v>
      </c>
      <c r="AN21673">
        <v>13</v>
      </c>
      <c r="AO21673">
        <v>13</v>
      </c>
      <c r="AP21673">
        <v>13</v>
      </c>
      <c r="AQ21673">
        <v>13</v>
      </c>
    </row>
    <row r="21674" spans="1:43">
      <c r="A21674" t="s">
        <v>13433</v>
      </c>
      <c r="B21674" t="s">
        <v>13434</v>
      </c>
      <c r="C21674" t="s">
        <v>13431</v>
      </c>
      <c r="D21674" t="s">
        <v>13432</v>
      </c>
      <c r="E21674" t="s">
        <v>13293</v>
      </c>
      <c r="F21674" t="s">
        <v>13294</v>
      </c>
      <c r="G21674" t="s">
        <v>10214</v>
      </c>
      <c r="H21674" t="s">
        <v>10215</v>
      </c>
      <c r="I21674" s="2">
        <v>1</v>
      </c>
      <c r="J21674" s="2">
        <v>0</v>
      </c>
      <c r="K21674" s="2">
        <v>0</v>
      </c>
      <c r="L21674" t="s">
        <v>120</v>
      </c>
      <c r="M21674" t="s">
        <v>83</v>
      </c>
      <c r="N21674" t="s">
        <v>84</v>
      </c>
      <c r="O21674" t="s">
        <v>85</v>
      </c>
      <c r="P21674" t="s">
        <v>86</v>
      </c>
      <c r="Q21674">
        <v>2</v>
      </c>
      <c r="R21674">
        <v>2</v>
      </c>
      <c r="S21674">
        <v>2</v>
      </c>
      <c r="T21674">
        <v>2</v>
      </c>
      <c r="U21674">
        <v>2</v>
      </c>
      <c r="V21674">
        <v>2</v>
      </c>
      <c r="W21674">
        <v>2</v>
      </c>
      <c r="X21674">
        <v>2</v>
      </c>
      <c r="Y21674">
        <v>2</v>
      </c>
      <c r="Z21674">
        <v>2</v>
      </c>
      <c r="AA21674">
        <v>2</v>
      </c>
      <c r="AB21674">
        <v>2</v>
      </c>
      <c r="AC21674">
        <v>2</v>
      </c>
      <c r="AD21674">
        <v>2</v>
      </c>
      <c r="AE21674">
        <v>2</v>
      </c>
      <c r="AF21674">
        <v>2</v>
      </c>
      <c r="AG21674">
        <v>2</v>
      </c>
      <c r="AH21674">
        <v>2</v>
      </c>
      <c r="AI21674">
        <v>2</v>
      </c>
      <c r="AJ21674">
        <v>2</v>
      </c>
      <c r="AK21674">
        <v>2</v>
      </c>
      <c r="AL21674">
        <v>2</v>
      </c>
      <c r="AM21674">
        <v>2</v>
      </c>
      <c r="AN21674">
        <v>2</v>
      </c>
      <c r="AO21674">
        <v>2</v>
      </c>
      <c r="AP21674">
        <v>2</v>
      </c>
      <c r="AQ21674">
        <v>2</v>
      </c>
    </row>
    <row r="21675" spans="1:43">
      <c r="A21675" t="s">
        <v>13433</v>
      </c>
      <c r="B21675" t="s">
        <v>13434</v>
      </c>
      <c r="C21675" t="s">
        <v>13431</v>
      </c>
      <c r="D21675" t="s">
        <v>13432</v>
      </c>
      <c r="E21675" t="s">
        <v>13293</v>
      </c>
      <c r="F21675" t="s">
        <v>13294</v>
      </c>
      <c r="G21675" t="s">
        <v>10214</v>
      </c>
      <c r="H21675" t="s">
        <v>10215</v>
      </c>
      <c r="I21675" s="2">
        <v>1</v>
      </c>
      <c r="J21675" s="2">
        <v>0</v>
      </c>
      <c r="K21675" s="2">
        <v>0</v>
      </c>
      <c r="L21675" t="s">
        <v>120</v>
      </c>
      <c r="M21675" t="s">
        <v>87</v>
      </c>
      <c r="N21675" t="s">
        <v>88</v>
      </c>
      <c r="O21675" t="s">
        <v>85</v>
      </c>
      <c r="P21675" t="s">
        <v>86</v>
      </c>
      <c r="Q21675">
        <v>2</v>
      </c>
      <c r="R21675">
        <v>2</v>
      </c>
      <c r="S21675">
        <v>2</v>
      </c>
      <c r="T21675">
        <v>2</v>
      </c>
      <c r="U21675">
        <v>2</v>
      </c>
      <c r="V21675">
        <v>2</v>
      </c>
      <c r="W21675">
        <v>2</v>
      </c>
      <c r="X21675">
        <v>2</v>
      </c>
      <c r="Y21675">
        <v>2</v>
      </c>
      <c r="Z21675">
        <v>2</v>
      </c>
      <c r="AA21675">
        <v>2</v>
      </c>
      <c r="AB21675">
        <v>2</v>
      </c>
      <c r="AC21675">
        <v>2</v>
      </c>
      <c r="AD21675">
        <v>2</v>
      </c>
      <c r="AE21675">
        <v>2</v>
      </c>
      <c r="AF21675">
        <v>2</v>
      </c>
      <c r="AG21675">
        <v>2</v>
      </c>
      <c r="AH21675">
        <v>2</v>
      </c>
      <c r="AI21675">
        <v>2</v>
      </c>
      <c r="AJ21675">
        <v>2</v>
      </c>
      <c r="AK21675">
        <v>2</v>
      </c>
      <c r="AL21675">
        <v>2</v>
      </c>
      <c r="AM21675">
        <v>2</v>
      </c>
      <c r="AN21675">
        <v>2</v>
      </c>
      <c r="AO21675">
        <v>2</v>
      </c>
      <c r="AP21675">
        <v>2</v>
      </c>
      <c r="AQ21675">
        <v>2</v>
      </c>
    </row>
    <row r="21676" spans="1:43">
      <c r="A21676" t="s">
        <v>13433</v>
      </c>
      <c r="B21676" t="s">
        <v>13434</v>
      </c>
      <c r="C21676" t="s">
        <v>13431</v>
      </c>
      <c r="D21676" t="s">
        <v>13432</v>
      </c>
      <c r="E21676" t="s">
        <v>13293</v>
      </c>
      <c r="F21676" t="s">
        <v>13294</v>
      </c>
      <c r="G21676" t="s">
        <v>10214</v>
      </c>
      <c r="H21676" t="s">
        <v>10215</v>
      </c>
      <c r="I21676" s="2">
        <v>1</v>
      </c>
      <c r="J21676" s="2">
        <v>0</v>
      </c>
      <c r="K21676" s="2">
        <v>0</v>
      </c>
      <c r="L21676" t="s">
        <v>120</v>
      </c>
      <c r="M21676" t="s">
        <v>89</v>
      </c>
      <c r="N21676" t="s">
        <v>90</v>
      </c>
      <c r="O21676" t="s">
        <v>85</v>
      </c>
      <c r="P21676" t="s">
        <v>86</v>
      </c>
      <c r="Q21676">
        <v>2</v>
      </c>
      <c r="R21676">
        <v>2</v>
      </c>
      <c r="S21676">
        <v>2</v>
      </c>
      <c r="T21676">
        <v>2</v>
      </c>
      <c r="U21676">
        <v>2</v>
      </c>
      <c r="V21676">
        <v>2</v>
      </c>
      <c r="W21676">
        <v>2</v>
      </c>
      <c r="X21676">
        <v>2</v>
      </c>
      <c r="Y21676">
        <v>2</v>
      </c>
      <c r="Z21676">
        <v>2</v>
      </c>
      <c r="AA21676">
        <v>2</v>
      </c>
      <c r="AB21676">
        <v>2</v>
      </c>
      <c r="AC21676">
        <v>2</v>
      </c>
      <c r="AD21676">
        <v>2</v>
      </c>
      <c r="AE21676">
        <v>2</v>
      </c>
      <c r="AF21676">
        <v>2</v>
      </c>
      <c r="AG21676">
        <v>2</v>
      </c>
      <c r="AH21676">
        <v>2</v>
      </c>
      <c r="AI21676">
        <v>2</v>
      </c>
      <c r="AJ21676">
        <v>2</v>
      </c>
      <c r="AK21676">
        <v>2</v>
      </c>
      <c r="AL21676">
        <v>2</v>
      </c>
      <c r="AM21676">
        <v>2</v>
      </c>
      <c r="AN21676">
        <v>2</v>
      </c>
      <c r="AO21676">
        <v>2</v>
      </c>
      <c r="AP21676">
        <v>2</v>
      </c>
      <c r="AQ21676">
        <v>2</v>
      </c>
    </row>
    <row r="21677" spans="1:43">
      <c r="A21677" t="s">
        <v>13433</v>
      </c>
      <c r="B21677" t="s">
        <v>13434</v>
      </c>
      <c r="C21677" t="s">
        <v>13431</v>
      </c>
      <c r="D21677" t="s">
        <v>13432</v>
      </c>
      <c r="E21677" t="s">
        <v>13293</v>
      </c>
      <c r="F21677" t="s">
        <v>13294</v>
      </c>
      <c r="G21677" t="s">
        <v>10214</v>
      </c>
      <c r="H21677" t="s">
        <v>10215</v>
      </c>
      <c r="I21677" s="2">
        <v>1</v>
      </c>
      <c r="J21677" s="2">
        <v>0</v>
      </c>
      <c r="K21677" s="2">
        <v>0</v>
      </c>
      <c r="L21677" t="s">
        <v>120</v>
      </c>
      <c r="M21677" t="s">
        <v>83</v>
      </c>
      <c r="N21677" t="s">
        <v>91</v>
      </c>
      <c r="O21677" t="s">
        <v>85</v>
      </c>
      <c r="P21677" t="s">
        <v>86</v>
      </c>
      <c r="Q21677">
        <v>2</v>
      </c>
      <c r="R21677">
        <v>2</v>
      </c>
      <c r="S21677">
        <v>2</v>
      </c>
      <c r="T21677">
        <v>2</v>
      </c>
      <c r="U21677">
        <v>2</v>
      </c>
      <c r="V21677">
        <v>2</v>
      </c>
      <c r="W21677">
        <v>2</v>
      </c>
      <c r="X21677">
        <v>2</v>
      </c>
      <c r="Y21677">
        <v>2</v>
      </c>
      <c r="Z21677">
        <v>2</v>
      </c>
      <c r="AA21677">
        <v>2</v>
      </c>
      <c r="AB21677">
        <v>2</v>
      </c>
      <c r="AC21677">
        <v>2</v>
      </c>
      <c r="AD21677">
        <v>2</v>
      </c>
      <c r="AE21677">
        <v>2</v>
      </c>
      <c r="AF21677">
        <v>2</v>
      </c>
      <c r="AG21677">
        <v>2</v>
      </c>
      <c r="AH21677">
        <v>2</v>
      </c>
      <c r="AI21677">
        <v>2</v>
      </c>
      <c r="AJ21677">
        <v>2</v>
      </c>
      <c r="AK21677">
        <v>2</v>
      </c>
      <c r="AL21677">
        <v>2</v>
      </c>
      <c r="AM21677">
        <v>2</v>
      </c>
      <c r="AN21677">
        <v>2</v>
      </c>
      <c r="AO21677">
        <v>2</v>
      </c>
      <c r="AP21677">
        <v>2</v>
      </c>
      <c r="AQ21677">
        <v>2</v>
      </c>
    </row>
    <row r="21678" spans="1:43">
      <c r="A21678" t="s">
        <v>13435</v>
      </c>
      <c r="B21678" t="s">
        <v>13436</v>
      </c>
      <c r="C21678" t="s">
        <v>13431</v>
      </c>
      <c r="D21678" t="s">
        <v>13432</v>
      </c>
      <c r="E21678" t="s">
        <v>13293</v>
      </c>
      <c r="F21678" t="s">
        <v>13294</v>
      </c>
      <c r="G21678" t="s">
        <v>10214</v>
      </c>
      <c r="H21678" t="s">
        <v>10215</v>
      </c>
      <c r="I21678" s="2">
        <v>1</v>
      </c>
      <c r="J21678" s="2">
        <v>0</v>
      </c>
      <c r="K21678" s="2">
        <v>0</v>
      </c>
      <c r="L21678" t="s">
        <v>120</v>
      </c>
      <c r="M21678" t="s">
        <v>83</v>
      </c>
      <c r="N21678" t="s">
        <v>84</v>
      </c>
      <c r="O21678" t="s">
        <v>85</v>
      </c>
      <c r="P21678" t="s">
        <v>86</v>
      </c>
      <c r="Q21678">
        <v>14</v>
      </c>
      <c r="R21678">
        <v>15</v>
      </c>
      <c r="S21678">
        <v>15</v>
      </c>
      <c r="T21678">
        <v>15</v>
      </c>
      <c r="U21678">
        <v>15</v>
      </c>
      <c r="V21678">
        <v>15</v>
      </c>
      <c r="W21678">
        <v>15</v>
      </c>
      <c r="X21678">
        <v>15</v>
      </c>
      <c r="Y21678">
        <v>15</v>
      </c>
      <c r="Z21678">
        <v>15</v>
      </c>
      <c r="AA21678">
        <v>15</v>
      </c>
      <c r="AB21678">
        <v>15</v>
      </c>
      <c r="AC21678">
        <v>16</v>
      </c>
      <c r="AD21678">
        <v>16</v>
      </c>
      <c r="AE21678">
        <v>16</v>
      </c>
      <c r="AF21678">
        <v>16</v>
      </c>
      <c r="AG21678">
        <v>16</v>
      </c>
      <c r="AH21678">
        <v>16</v>
      </c>
      <c r="AI21678">
        <v>16</v>
      </c>
      <c r="AJ21678">
        <v>16</v>
      </c>
      <c r="AK21678">
        <v>16</v>
      </c>
      <c r="AL21678">
        <v>16</v>
      </c>
      <c r="AM21678">
        <v>16</v>
      </c>
      <c r="AN21678">
        <v>16</v>
      </c>
      <c r="AO21678">
        <v>16</v>
      </c>
      <c r="AP21678">
        <v>16</v>
      </c>
      <c r="AQ21678">
        <v>15</v>
      </c>
    </row>
    <row r="21679" spans="1:43">
      <c r="A21679" t="s">
        <v>13435</v>
      </c>
      <c r="B21679" t="s">
        <v>13436</v>
      </c>
      <c r="C21679" t="s">
        <v>13431</v>
      </c>
      <c r="D21679" t="s">
        <v>13432</v>
      </c>
      <c r="E21679" t="s">
        <v>13293</v>
      </c>
      <c r="F21679" t="s">
        <v>13294</v>
      </c>
      <c r="G21679" t="s">
        <v>10214</v>
      </c>
      <c r="H21679" t="s">
        <v>10215</v>
      </c>
      <c r="I21679" s="2">
        <v>1</v>
      </c>
      <c r="J21679" s="2">
        <v>0</v>
      </c>
      <c r="K21679" s="2">
        <v>0</v>
      </c>
      <c r="L21679" t="s">
        <v>120</v>
      </c>
      <c r="M21679" t="s">
        <v>87</v>
      </c>
      <c r="N21679" t="s">
        <v>88</v>
      </c>
      <c r="O21679" t="s">
        <v>85</v>
      </c>
      <c r="P21679" t="s">
        <v>86</v>
      </c>
      <c r="Q21679">
        <v>14</v>
      </c>
      <c r="R21679">
        <v>14</v>
      </c>
      <c r="S21679">
        <v>14</v>
      </c>
      <c r="T21679">
        <v>14</v>
      </c>
      <c r="U21679">
        <v>14</v>
      </c>
      <c r="V21679">
        <v>14</v>
      </c>
      <c r="W21679">
        <v>14</v>
      </c>
      <c r="X21679">
        <v>14</v>
      </c>
      <c r="Y21679">
        <v>14</v>
      </c>
      <c r="Z21679">
        <v>14</v>
      </c>
      <c r="AA21679">
        <v>14</v>
      </c>
      <c r="AB21679">
        <v>14</v>
      </c>
      <c r="AC21679">
        <v>14</v>
      </c>
      <c r="AD21679">
        <v>14</v>
      </c>
      <c r="AE21679">
        <v>14</v>
      </c>
      <c r="AF21679">
        <v>14</v>
      </c>
      <c r="AG21679">
        <v>14</v>
      </c>
      <c r="AH21679">
        <v>14</v>
      </c>
      <c r="AI21679">
        <v>14</v>
      </c>
      <c r="AJ21679">
        <v>14</v>
      </c>
      <c r="AK21679">
        <v>14</v>
      </c>
      <c r="AL21679">
        <v>14</v>
      </c>
      <c r="AM21679">
        <v>14</v>
      </c>
      <c r="AN21679">
        <v>14</v>
      </c>
      <c r="AO21679">
        <v>14</v>
      </c>
      <c r="AP21679">
        <v>14</v>
      </c>
      <c r="AQ21679">
        <v>14</v>
      </c>
    </row>
    <row r="21680" spans="1:43">
      <c r="A21680" t="s">
        <v>13435</v>
      </c>
      <c r="B21680" t="s">
        <v>13436</v>
      </c>
      <c r="C21680" t="s">
        <v>13431</v>
      </c>
      <c r="D21680" t="s">
        <v>13432</v>
      </c>
      <c r="E21680" t="s">
        <v>13293</v>
      </c>
      <c r="F21680" t="s">
        <v>13294</v>
      </c>
      <c r="G21680" t="s">
        <v>10214</v>
      </c>
      <c r="H21680" t="s">
        <v>10215</v>
      </c>
      <c r="I21680" s="2">
        <v>1</v>
      </c>
      <c r="J21680" s="2">
        <v>0</v>
      </c>
      <c r="K21680" s="2">
        <v>0</v>
      </c>
      <c r="L21680" t="s">
        <v>120</v>
      </c>
      <c r="M21680" t="s">
        <v>89</v>
      </c>
      <c r="N21680" t="s">
        <v>90</v>
      </c>
      <c r="O21680" t="s">
        <v>85</v>
      </c>
      <c r="P21680" t="s">
        <v>86</v>
      </c>
      <c r="Q21680">
        <v>14</v>
      </c>
      <c r="R21680">
        <v>14</v>
      </c>
      <c r="S21680">
        <v>14</v>
      </c>
      <c r="T21680">
        <v>14</v>
      </c>
      <c r="U21680">
        <v>14</v>
      </c>
      <c r="V21680">
        <v>15</v>
      </c>
      <c r="W21680">
        <v>15</v>
      </c>
      <c r="X21680">
        <v>15</v>
      </c>
      <c r="Y21680">
        <v>15</v>
      </c>
      <c r="Z21680">
        <v>15</v>
      </c>
      <c r="AA21680">
        <v>15</v>
      </c>
      <c r="AB21680">
        <v>15</v>
      </c>
      <c r="AC21680">
        <v>16</v>
      </c>
      <c r="AD21680">
        <v>16</v>
      </c>
      <c r="AE21680">
        <v>16</v>
      </c>
      <c r="AF21680">
        <v>16</v>
      </c>
      <c r="AG21680">
        <v>16</v>
      </c>
      <c r="AH21680">
        <v>15</v>
      </c>
      <c r="AI21680">
        <v>15</v>
      </c>
      <c r="AJ21680">
        <v>15</v>
      </c>
      <c r="AK21680">
        <v>15</v>
      </c>
      <c r="AL21680">
        <v>15</v>
      </c>
      <c r="AM21680">
        <v>15</v>
      </c>
      <c r="AN21680">
        <v>15</v>
      </c>
      <c r="AO21680">
        <v>15</v>
      </c>
      <c r="AP21680">
        <v>15</v>
      </c>
      <c r="AQ21680">
        <v>15</v>
      </c>
    </row>
    <row r="21681" spans="1:43">
      <c r="A21681" t="s">
        <v>13435</v>
      </c>
      <c r="B21681" t="s">
        <v>13436</v>
      </c>
      <c r="C21681" t="s">
        <v>13431</v>
      </c>
      <c r="D21681" t="s">
        <v>13432</v>
      </c>
      <c r="E21681" t="s">
        <v>13293</v>
      </c>
      <c r="F21681" t="s">
        <v>13294</v>
      </c>
      <c r="G21681" t="s">
        <v>10214</v>
      </c>
      <c r="H21681" t="s">
        <v>10215</v>
      </c>
      <c r="I21681" s="2">
        <v>1</v>
      </c>
      <c r="J21681" s="2">
        <v>0</v>
      </c>
      <c r="K21681" s="2">
        <v>0</v>
      </c>
      <c r="L21681" t="s">
        <v>120</v>
      </c>
      <c r="M21681" t="s">
        <v>83</v>
      </c>
      <c r="N21681" t="s">
        <v>91</v>
      </c>
      <c r="O21681" t="s">
        <v>85</v>
      </c>
      <c r="P21681" t="s">
        <v>86</v>
      </c>
      <c r="Q21681">
        <v>14</v>
      </c>
      <c r="R21681">
        <v>15</v>
      </c>
      <c r="S21681">
        <v>15</v>
      </c>
      <c r="T21681">
        <v>15</v>
      </c>
      <c r="U21681">
        <v>15</v>
      </c>
      <c r="V21681">
        <v>15</v>
      </c>
      <c r="W21681">
        <v>15</v>
      </c>
      <c r="X21681">
        <v>15</v>
      </c>
      <c r="Y21681">
        <v>15</v>
      </c>
      <c r="Z21681">
        <v>15</v>
      </c>
      <c r="AA21681">
        <v>15</v>
      </c>
      <c r="AB21681">
        <v>15</v>
      </c>
      <c r="AC21681">
        <v>16</v>
      </c>
      <c r="AD21681">
        <v>16</v>
      </c>
      <c r="AE21681">
        <v>16</v>
      </c>
      <c r="AF21681">
        <v>16</v>
      </c>
      <c r="AG21681">
        <v>16</v>
      </c>
      <c r="AH21681">
        <v>16</v>
      </c>
      <c r="AI21681">
        <v>16</v>
      </c>
      <c r="AJ21681">
        <v>16</v>
      </c>
      <c r="AK21681">
        <v>16</v>
      </c>
      <c r="AL21681">
        <v>16</v>
      </c>
      <c r="AM21681">
        <v>16</v>
      </c>
      <c r="AN21681">
        <v>16</v>
      </c>
      <c r="AO21681">
        <v>16</v>
      </c>
      <c r="AP21681">
        <v>16</v>
      </c>
      <c r="AQ21681">
        <v>15</v>
      </c>
    </row>
    <row r="21682" spans="1:43">
      <c r="A21682" t="s">
        <v>13437</v>
      </c>
      <c r="B21682" t="s">
        <v>13438</v>
      </c>
      <c r="C21682" t="s">
        <v>13431</v>
      </c>
      <c r="D21682" t="s">
        <v>13432</v>
      </c>
      <c r="E21682" t="s">
        <v>13293</v>
      </c>
      <c r="F21682" t="s">
        <v>13294</v>
      </c>
      <c r="G21682" t="s">
        <v>10214</v>
      </c>
      <c r="H21682" t="s">
        <v>10215</v>
      </c>
      <c r="I21682" s="2">
        <v>1</v>
      </c>
      <c r="J21682" s="2">
        <v>0</v>
      </c>
      <c r="K21682" s="2">
        <v>0</v>
      </c>
      <c r="L21682" t="s">
        <v>120</v>
      </c>
      <c r="M21682" t="s">
        <v>83</v>
      </c>
      <c r="N21682" t="s">
        <v>84</v>
      </c>
      <c r="O21682" t="s">
        <v>85</v>
      </c>
      <c r="P21682" t="s">
        <v>86</v>
      </c>
      <c r="Q21682">
        <v>10</v>
      </c>
      <c r="R21682">
        <v>10</v>
      </c>
      <c r="S21682">
        <v>10</v>
      </c>
      <c r="T21682">
        <v>10</v>
      </c>
      <c r="U21682">
        <v>10</v>
      </c>
      <c r="V21682">
        <v>10</v>
      </c>
      <c r="W21682">
        <v>10</v>
      </c>
      <c r="X21682">
        <v>10</v>
      </c>
      <c r="Y21682">
        <v>10</v>
      </c>
      <c r="Z21682">
        <v>10</v>
      </c>
      <c r="AA21682">
        <v>10</v>
      </c>
      <c r="AB21682">
        <v>10</v>
      </c>
      <c r="AC21682">
        <v>11</v>
      </c>
      <c r="AD21682">
        <v>11</v>
      </c>
      <c r="AE21682">
        <v>11</v>
      </c>
      <c r="AF21682">
        <v>11</v>
      </c>
      <c r="AG21682">
        <v>11</v>
      </c>
      <c r="AH21682">
        <v>11</v>
      </c>
      <c r="AI21682">
        <v>11</v>
      </c>
      <c r="AJ21682">
        <v>11</v>
      </c>
      <c r="AK21682">
        <v>11</v>
      </c>
      <c r="AL21682">
        <v>11</v>
      </c>
      <c r="AM21682">
        <v>11</v>
      </c>
      <c r="AN21682">
        <v>11</v>
      </c>
      <c r="AO21682">
        <v>11</v>
      </c>
      <c r="AP21682">
        <v>11</v>
      </c>
      <c r="AQ21682">
        <v>11</v>
      </c>
    </row>
    <row r="21683" spans="1:43">
      <c r="A21683" t="s">
        <v>13437</v>
      </c>
      <c r="B21683" t="s">
        <v>13438</v>
      </c>
      <c r="C21683" t="s">
        <v>13431</v>
      </c>
      <c r="D21683" t="s">
        <v>13432</v>
      </c>
      <c r="E21683" t="s">
        <v>13293</v>
      </c>
      <c r="F21683" t="s">
        <v>13294</v>
      </c>
      <c r="G21683" t="s">
        <v>10214</v>
      </c>
      <c r="H21683" t="s">
        <v>10215</v>
      </c>
      <c r="I21683" s="2">
        <v>1</v>
      </c>
      <c r="J21683" s="2">
        <v>0</v>
      </c>
      <c r="K21683" s="2">
        <v>0</v>
      </c>
      <c r="L21683" t="s">
        <v>120</v>
      </c>
      <c r="M21683" t="s">
        <v>87</v>
      </c>
      <c r="N21683" t="s">
        <v>88</v>
      </c>
      <c r="O21683" t="s">
        <v>85</v>
      </c>
      <c r="P21683" t="s">
        <v>86</v>
      </c>
      <c r="Q21683">
        <v>10</v>
      </c>
      <c r="R21683">
        <v>10</v>
      </c>
      <c r="S21683">
        <v>10</v>
      </c>
      <c r="T21683">
        <v>10</v>
      </c>
      <c r="U21683">
        <v>10</v>
      </c>
      <c r="V21683">
        <v>10</v>
      </c>
      <c r="W21683">
        <v>10</v>
      </c>
      <c r="X21683">
        <v>10</v>
      </c>
      <c r="Y21683">
        <v>10</v>
      </c>
      <c r="Z21683">
        <v>10</v>
      </c>
      <c r="AA21683">
        <v>10</v>
      </c>
      <c r="AB21683">
        <v>10</v>
      </c>
      <c r="AC21683">
        <v>9</v>
      </c>
      <c r="AD21683">
        <v>9</v>
      </c>
      <c r="AE21683">
        <v>9</v>
      </c>
      <c r="AF21683">
        <v>9</v>
      </c>
      <c r="AG21683">
        <v>9</v>
      </c>
      <c r="AH21683">
        <v>9</v>
      </c>
      <c r="AI21683">
        <v>9</v>
      </c>
      <c r="AJ21683">
        <v>9</v>
      </c>
      <c r="AK21683">
        <v>9</v>
      </c>
      <c r="AL21683">
        <v>9</v>
      </c>
      <c r="AM21683">
        <v>9</v>
      </c>
      <c r="AN21683">
        <v>9</v>
      </c>
      <c r="AO21683">
        <v>9</v>
      </c>
      <c r="AP21683">
        <v>9</v>
      </c>
      <c r="AQ21683">
        <v>9</v>
      </c>
    </row>
    <row r="21684" spans="1:43">
      <c r="A21684" t="s">
        <v>13437</v>
      </c>
      <c r="B21684" t="s">
        <v>13438</v>
      </c>
      <c r="C21684" t="s">
        <v>13431</v>
      </c>
      <c r="D21684" t="s">
        <v>13432</v>
      </c>
      <c r="E21684" t="s">
        <v>13293</v>
      </c>
      <c r="F21684" t="s">
        <v>13294</v>
      </c>
      <c r="G21684" t="s">
        <v>10214</v>
      </c>
      <c r="H21684" t="s">
        <v>10215</v>
      </c>
      <c r="I21684" s="2">
        <v>1</v>
      </c>
      <c r="J21684" s="2">
        <v>0</v>
      </c>
      <c r="K21684" s="2">
        <v>0</v>
      </c>
      <c r="L21684" t="s">
        <v>120</v>
      </c>
      <c r="M21684" t="s">
        <v>89</v>
      </c>
      <c r="N21684" t="s">
        <v>90</v>
      </c>
      <c r="O21684" t="s">
        <v>85</v>
      </c>
      <c r="P21684" t="s">
        <v>86</v>
      </c>
      <c r="Q21684">
        <v>10</v>
      </c>
      <c r="R21684">
        <v>10</v>
      </c>
      <c r="S21684">
        <v>10</v>
      </c>
      <c r="T21684">
        <v>10</v>
      </c>
      <c r="U21684">
        <v>10</v>
      </c>
      <c r="V21684">
        <v>11</v>
      </c>
      <c r="W21684">
        <v>11</v>
      </c>
      <c r="X21684">
        <v>11</v>
      </c>
      <c r="Y21684">
        <v>11</v>
      </c>
      <c r="Z21684">
        <v>11</v>
      </c>
      <c r="AA21684">
        <v>11</v>
      </c>
      <c r="AB21684">
        <v>11</v>
      </c>
      <c r="AC21684">
        <v>11</v>
      </c>
      <c r="AD21684">
        <v>11</v>
      </c>
      <c r="AE21684">
        <v>11</v>
      </c>
      <c r="AF21684">
        <v>11</v>
      </c>
      <c r="AG21684">
        <v>11</v>
      </c>
      <c r="AH21684">
        <v>11</v>
      </c>
      <c r="AI21684">
        <v>11</v>
      </c>
      <c r="AJ21684">
        <v>11</v>
      </c>
      <c r="AK21684">
        <v>11</v>
      </c>
      <c r="AL21684">
        <v>11</v>
      </c>
      <c r="AM21684">
        <v>11</v>
      </c>
      <c r="AN21684">
        <v>11</v>
      </c>
      <c r="AO21684">
        <v>11</v>
      </c>
      <c r="AP21684">
        <v>11</v>
      </c>
      <c r="AQ21684">
        <v>11</v>
      </c>
    </row>
    <row r="21685" spans="1:43">
      <c r="A21685" t="s">
        <v>13437</v>
      </c>
      <c r="B21685" t="s">
        <v>13438</v>
      </c>
      <c r="C21685" t="s">
        <v>13431</v>
      </c>
      <c r="D21685" t="s">
        <v>13432</v>
      </c>
      <c r="E21685" t="s">
        <v>13293</v>
      </c>
      <c r="F21685" t="s">
        <v>13294</v>
      </c>
      <c r="G21685" t="s">
        <v>10214</v>
      </c>
      <c r="H21685" t="s">
        <v>10215</v>
      </c>
      <c r="I21685" s="2">
        <v>1</v>
      </c>
      <c r="J21685" s="2">
        <v>0</v>
      </c>
      <c r="K21685" s="2">
        <v>0</v>
      </c>
      <c r="L21685" t="s">
        <v>120</v>
      </c>
      <c r="M21685" t="s">
        <v>83</v>
      </c>
      <c r="N21685" t="s">
        <v>91</v>
      </c>
      <c r="O21685" t="s">
        <v>85</v>
      </c>
      <c r="P21685" t="s">
        <v>86</v>
      </c>
      <c r="Q21685">
        <v>10</v>
      </c>
      <c r="R21685">
        <v>10</v>
      </c>
      <c r="S21685">
        <v>10</v>
      </c>
      <c r="T21685">
        <v>10</v>
      </c>
      <c r="U21685">
        <v>10</v>
      </c>
      <c r="V21685">
        <v>10</v>
      </c>
      <c r="W21685">
        <v>10</v>
      </c>
      <c r="X21685">
        <v>10</v>
      </c>
      <c r="Y21685">
        <v>10</v>
      </c>
      <c r="Z21685">
        <v>10</v>
      </c>
      <c r="AA21685">
        <v>10</v>
      </c>
      <c r="AB21685">
        <v>10</v>
      </c>
      <c r="AC21685">
        <v>11</v>
      </c>
      <c r="AD21685">
        <v>11</v>
      </c>
      <c r="AE21685">
        <v>11</v>
      </c>
      <c r="AF21685">
        <v>11</v>
      </c>
      <c r="AG21685">
        <v>11</v>
      </c>
      <c r="AH21685">
        <v>11</v>
      </c>
      <c r="AI21685">
        <v>11</v>
      </c>
      <c r="AJ21685">
        <v>11</v>
      </c>
      <c r="AK21685">
        <v>11</v>
      </c>
      <c r="AL21685">
        <v>11</v>
      </c>
      <c r="AM21685">
        <v>11</v>
      </c>
      <c r="AN21685">
        <v>11</v>
      </c>
      <c r="AO21685">
        <v>11</v>
      </c>
      <c r="AP21685">
        <v>11</v>
      </c>
      <c r="AQ21685">
        <v>11</v>
      </c>
    </row>
    <row r="21686" spans="1:43">
      <c r="A21686" t="s">
        <v>13439</v>
      </c>
      <c r="B21686" t="s">
        <v>13440</v>
      </c>
      <c r="C21686" t="s">
        <v>13431</v>
      </c>
      <c r="D21686" t="s">
        <v>13432</v>
      </c>
      <c r="E21686" t="s">
        <v>13293</v>
      </c>
      <c r="F21686" t="s">
        <v>13294</v>
      </c>
      <c r="G21686" t="s">
        <v>10214</v>
      </c>
      <c r="H21686" t="s">
        <v>10215</v>
      </c>
      <c r="I21686" s="2">
        <v>1</v>
      </c>
      <c r="J21686" s="2">
        <v>0</v>
      </c>
      <c r="K21686" s="2">
        <v>0</v>
      </c>
      <c r="L21686" t="s">
        <v>120</v>
      </c>
      <c r="M21686" t="s">
        <v>83</v>
      </c>
      <c r="N21686" t="s">
        <v>84</v>
      </c>
      <c r="O21686" t="s">
        <v>85</v>
      </c>
      <c r="P21686" t="s">
        <v>86</v>
      </c>
      <c r="Q21686">
        <v>18</v>
      </c>
      <c r="R21686">
        <v>18</v>
      </c>
      <c r="S21686">
        <v>18</v>
      </c>
      <c r="T21686">
        <v>19</v>
      </c>
      <c r="U21686">
        <v>19</v>
      </c>
      <c r="V21686">
        <v>19</v>
      </c>
      <c r="W21686">
        <v>19</v>
      </c>
      <c r="X21686">
        <v>19</v>
      </c>
      <c r="Y21686">
        <v>19</v>
      </c>
      <c r="Z21686">
        <v>19</v>
      </c>
      <c r="AA21686">
        <v>19</v>
      </c>
      <c r="AB21686">
        <v>19</v>
      </c>
      <c r="AC21686">
        <v>20</v>
      </c>
      <c r="AD21686">
        <v>20</v>
      </c>
      <c r="AE21686">
        <v>20</v>
      </c>
      <c r="AF21686">
        <v>20</v>
      </c>
      <c r="AG21686">
        <v>20</v>
      </c>
      <c r="AH21686">
        <v>20</v>
      </c>
      <c r="AI21686">
        <v>20</v>
      </c>
      <c r="AJ21686">
        <v>20</v>
      </c>
      <c r="AK21686">
        <v>20</v>
      </c>
      <c r="AL21686">
        <v>20</v>
      </c>
      <c r="AM21686">
        <v>20</v>
      </c>
      <c r="AN21686">
        <v>20</v>
      </c>
      <c r="AO21686">
        <v>20</v>
      </c>
      <c r="AP21686">
        <v>20</v>
      </c>
      <c r="AQ21686">
        <v>19</v>
      </c>
    </row>
    <row r="21687" spans="1:43">
      <c r="A21687" t="s">
        <v>13439</v>
      </c>
      <c r="B21687" t="s">
        <v>13440</v>
      </c>
      <c r="C21687" t="s">
        <v>13431</v>
      </c>
      <c r="D21687" t="s">
        <v>13432</v>
      </c>
      <c r="E21687" t="s">
        <v>13293</v>
      </c>
      <c r="F21687" t="s">
        <v>13294</v>
      </c>
      <c r="G21687" t="s">
        <v>10214</v>
      </c>
      <c r="H21687" t="s">
        <v>10215</v>
      </c>
      <c r="I21687" s="2">
        <v>1</v>
      </c>
      <c r="J21687" s="2">
        <v>0</v>
      </c>
      <c r="K21687" s="2">
        <v>0</v>
      </c>
      <c r="L21687" t="s">
        <v>120</v>
      </c>
      <c r="M21687" t="s">
        <v>87</v>
      </c>
      <c r="N21687" t="s">
        <v>88</v>
      </c>
      <c r="O21687" t="s">
        <v>85</v>
      </c>
      <c r="P21687" t="s">
        <v>86</v>
      </c>
      <c r="Q21687">
        <v>18</v>
      </c>
      <c r="R21687">
        <v>18</v>
      </c>
      <c r="S21687">
        <v>18</v>
      </c>
      <c r="T21687">
        <v>18</v>
      </c>
      <c r="U21687">
        <v>18</v>
      </c>
      <c r="V21687">
        <v>18</v>
      </c>
      <c r="W21687">
        <v>18</v>
      </c>
      <c r="X21687">
        <v>18</v>
      </c>
      <c r="Y21687">
        <v>18</v>
      </c>
      <c r="Z21687">
        <v>18</v>
      </c>
      <c r="AA21687">
        <v>18</v>
      </c>
      <c r="AB21687">
        <v>18</v>
      </c>
      <c r="AC21687">
        <v>18</v>
      </c>
      <c r="AD21687">
        <v>18</v>
      </c>
      <c r="AE21687">
        <v>18</v>
      </c>
      <c r="AF21687">
        <v>17</v>
      </c>
      <c r="AG21687">
        <v>17</v>
      </c>
      <c r="AH21687">
        <v>17</v>
      </c>
      <c r="AI21687">
        <v>17</v>
      </c>
      <c r="AJ21687">
        <v>17</v>
      </c>
      <c r="AK21687">
        <v>17</v>
      </c>
      <c r="AL21687">
        <v>17</v>
      </c>
      <c r="AM21687">
        <v>17</v>
      </c>
      <c r="AN21687">
        <v>17</v>
      </c>
      <c r="AO21687">
        <v>17</v>
      </c>
      <c r="AP21687">
        <v>17</v>
      </c>
      <c r="AQ21687">
        <v>17</v>
      </c>
    </row>
    <row r="21688" spans="1:43">
      <c r="A21688" t="s">
        <v>13439</v>
      </c>
      <c r="B21688" t="s">
        <v>13440</v>
      </c>
      <c r="C21688" t="s">
        <v>13431</v>
      </c>
      <c r="D21688" t="s">
        <v>13432</v>
      </c>
      <c r="E21688" t="s">
        <v>13293</v>
      </c>
      <c r="F21688" t="s">
        <v>13294</v>
      </c>
      <c r="G21688" t="s">
        <v>10214</v>
      </c>
      <c r="H21688" t="s">
        <v>10215</v>
      </c>
      <c r="I21688" s="2">
        <v>1</v>
      </c>
      <c r="J21688" s="2">
        <v>0</v>
      </c>
      <c r="K21688" s="2">
        <v>0</v>
      </c>
      <c r="L21688" t="s">
        <v>120</v>
      </c>
      <c r="M21688" t="s">
        <v>89</v>
      </c>
      <c r="N21688" t="s">
        <v>90</v>
      </c>
      <c r="O21688" t="s">
        <v>85</v>
      </c>
      <c r="P21688" t="s">
        <v>86</v>
      </c>
      <c r="Q21688">
        <v>18</v>
      </c>
      <c r="R21688">
        <v>19</v>
      </c>
      <c r="S21688">
        <v>19</v>
      </c>
      <c r="T21688">
        <v>19</v>
      </c>
      <c r="U21688">
        <v>19</v>
      </c>
      <c r="V21688">
        <v>20</v>
      </c>
      <c r="W21688">
        <v>20</v>
      </c>
      <c r="X21688">
        <v>20</v>
      </c>
      <c r="Y21688">
        <v>20</v>
      </c>
      <c r="Z21688">
        <v>20</v>
      </c>
      <c r="AA21688">
        <v>21</v>
      </c>
      <c r="AB21688">
        <v>21</v>
      </c>
      <c r="AC21688">
        <v>21</v>
      </c>
      <c r="AD21688">
        <v>21</v>
      </c>
      <c r="AE21688">
        <v>21</v>
      </c>
      <c r="AF21688">
        <v>21</v>
      </c>
      <c r="AG21688">
        <v>21</v>
      </c>
      <c r="AH21688">
        <v>21</v>
      </c>
      <c r="AI21688">
        <v>21</v>
      </c>
      <c r="AJ21688">
        <v>20</v>
      </c>
      <c r="AK21688">
        <v>20</v>
      </c>
      <c r="AL21688">
        <v>20</v>
      </c>
      <c r="AM21688">
        <v>20</v>
      </c>
      <c r="AN21688">
        <v>20</v>
      </c>
      <c r="AO21688">
        <v>20</v>
      </c>
      <c r="AP21688">
        <v>20</v>
      </c>
      <c r="AQ21688">
        <v>20</v>
      </c>
    </row>
    <row r="21689" spans="1:43">
      <c r="A21689" t="s">
        <v>13439</v>
      </c>
      <c r="B21689" t="s">
        <v>13440</v>
      </c>
      <c r="C21689" t="s">
        <v>13431</v>
      </c>
      <c r="D21689" t="s">
        <v>13432</v>
      </c>
      <c r="E21689" t="s">
        <v>13293</v>
      </c>
      <c r="F21689" t="s">
        <v>13294</v>
      </c>
      <c r="G21689" t="s">
        <v>10214</v>
      </c>
      <c r="H21689" t="s">
        <v>10215</v>
      </c>
      <c r="I21689" s="2">
        <v>1</v>
      </c>
      <c r="J21689" s="2">
        <v>0</v>
      </c>
      <c r="K21689" s="2">
        <v>0</v>
      </c>
      <c r="L21689" t="s">
        <v>120</v>
      </c>
      <c r="M21689" t="s">
        <v>83</v>
      </c>
      <c r="N21689" t="s">
        <v>91</v>
      </c>
      <c r="O21689" t="s">
        <v>85</v>
      </c>
      <c r="P21689" t="s">
        <v>86</v>
      </c>
      <c r="Q21689">
        <v>18</v>
      </c>
      <c r="R21689">
        <v>18</v>
      </c>
      <c r="S21689">
        <v>18</v>
      </c>
      <c r="T21689">
        <v>19</v>
      </c>
      <c r="U21689">
        <v>19</v>
      </c>
      <c r="V21689">
        <v>19</v>
      </c>
      <c r="W21689">
        <v>19</v>
      </c>
      <c r="X21689">
        <v>19</v>
      </c>
      <c r="Y21689">
        <v>19</v>
      </c>
      <c r="Z21689">
        <v>19</v>
      </c>
      <c r="AA21689">
        <v>19</v>
      </c>
      <c r="AB21689">
        <v>19</v>
      </c>
      <c r="AC21689">
        <v>20</v>
      </c>
      <c r="AD21689">
        <v>20</v>
      </c>
      <c r="AE21689">
        <v>20</v>
      </c>
      <c r="AF21689">
        <v>20</v>
      </c>
      <c r="AG21689">
        <v>20</v>
      </c>
      <c r="AH21689">
        <v>20</v>
      </c>
      <c r="AI21689">
        <v>20</v>
      </c>
      <c r="AJ21689">
        <v>20</v>
      </c>
      <c r="AK21689">
        <v>20</v>
      </c>
      <c r="AL21689">
        <v>20</v>
      </c>
      <c r="AM21689">
        <v>20</v>
      </c>
      <c r="AN21689">
        <v>20</v>
      </c>
      <c r="AO21689">
        <v>20</v>
      </c>
      <c r="AP21689">
        <v>20</v>
      </c>
      <c r="AQ21689">
        <v>19</v>
      </c>
    </row>
    <row r="21690" spans="1:43">
      <c r="A21690" t="s">
        <v>13441</v>
      </c>
      <c r="B21690" t="s">
        <v>13442</v>
      </c>
      <c r="C21690" t="s">
        <v>13443</v>
      </c>
      <c r="D21690" t="s">
        <v>13444</v>
      </c>
      <c r="E21690" t="s">
        <v>13293</v>
      </c>
      <c r="F21690" t="s">
        <v>13294</v>
      </c>
      <c r="G21690" t="s">
        <v>10214</v>
      </c>
      <c r="H21690" t="s">
        <v>10215</v>
      </c>
      <c r="I21690" s="2">
        <v>1</v>
      </c>
      <c r="J21690" s="2">
        <v>0</v>
      </c>
      <c r="K21690" s="2">
        <v>0</v>
      </c>
      <c r="L21690" t="s">
        <v>120</v>
      </c>
      <c r="M21690" t="s">
        <v>83</v>
      </c>
      <c r="N21690" t="s">
        <v>84</v>
      </c>
      <c r="O21690" t="s">
        <v>85</v>
      </c>
      <c r="P21690" t="s">
        <v>86</v>
      </c>
      <c r="Q21690">
        <v>72</v>
      </c>
      <c r="R21690">
        <v>72</v>
      </c>
      <c r="S21690">
        <v>73</v>
      </c>
      <c r="T21690">
        <v>73</v>
      </c>
      <c r="U21690">
        <v>74</v>
      </c>
      <c r="V21690">
        <v>75</v>
      </c>
      <c r="W21690">
        <v>75</v>
      </c>
      <c r="X21690">
        <v>76</v>
      </c>
      <c r="Y21690">
        <v>76</v>
      </c>
      <c r="Z21690">
        <v>77</v>
      </c>
      <c r="AA21690">
        <v>77</v>
      </c>
      <c r="AB21690">
        <v>78</v>
      </c>
      <c r="AC21690">
        <v>78</v>
      </c>
      <c r="AD21690">
        <v>79</v>
      </c>
      <c r="AE21690">
        <v>79</v>
      </c>
      <c r="AF21690">
        <v>79</v>
      </c>
      <c r="AG21690">
        <v>80</v>
      </c>
      <c r="AH21690">
        <v>80</v>
      </c>
      <c r="AI21690">
        <v>81</v>
      </c>
      <c r="AJ21690">
        <v>81</v>
      </c>
      <c r="AK21690">
        <v>81</v>
      </c>
      <c r="AL21690">
        <v>81</v>
      </c>
      <c r="AM21690">
        <v>81</v>
      </c>
      <c r="AN21690">
        <v>81</v>
      </c>
      <c r="AO21690">
        <v>80</v>
      </c>
      <c r="AP21690">
        <v>80</v>
      </c>
      <c r="AQ21690">
        <v>80</v>
      </c>
    </row>
    <row r="21691" spans="1:43">
      <c r="A21691" t="s">
        <v>13441</v>
      </c>
      <c r="B21691" t="s">
        <v>13442</v>
      </c>
      <c r="C21691" t="s">
        <v>13443</v>
      </c>
      <c r="D21691" t="s">
        <v>13444</v>
      </c>
      <c r="E21691" t="s">
        <v>13293</v>
      </c>
      <c r="F21691" t="s">
        <v>13294</v>
      </c>
      <c r="G21691" t="s">
        <v>10214</v>
      </c>
      <c r="H21691" t="s">
        <v>10215</v>
      </c>
      <c r="I21691" s="2">
        <v>1</v>
      </c>
      <c r="J21691" s="2">
        <v>0</v>
      </c>
      <c r="K21691" s="2">
        <v>0</v>
      </c>
      <c r="L21691" t="s">
        <v>120</v>
      </c>
      <c r="M21691" t="s">
        <v>87</v>
      </c>
      <c r="N21691" t="s">
        <v>88</v>
      </c>
      <c r="O21691" t="s">
        <v>85</v>
      </c>
      <c r="P21691" t="s">
        <v>86</v>
      </c>
      <c r="Q21691">
        <v>72</v>
      </c>
      <c r="R21691">
        <v>72</v>
      </c>
      <c r="S21691">
        <v>72</v>
      </c>
      <c r="T21691">
        <v>72</v>
      </c>
      <c r="U21691">
        <v>72</v>
      </c>
      <c r="V21691">
        <v>72</v>
      </c>
      <c r="W21691">
        <v>72</v>
      </c>
      <c r="X21691">
        <v>72</v>
      </c>
      <c r="Y21691">
        <v>71</v>
      </c>
      <c r="Z21691">
        <v>71</v>
      </c>
      <c r="AA21691">
        <v>71</v>
      </c>
      <c r="AB21691">
        <v>71</v>
      </c>
      <c r="AC21691">
        <v>71</v>
      </c>
      <c r="AD21691">
        <v>71</v>
      </c>
      <c r="AE21691">
        <v>71</v>
      </c>
      <c r="AF21691">
        <v>71</v>
      </c>
      <c r="AG21691">
        <v>71</v>
      </c>
      <c r="AH21691">
        <v>71</v>
      </c>
      <c r="AI21691">
        <v>71</v>
      </c>
      <c r="AJ21691">
        <v>71</v>
      </c>
      <c r="AK21691">
        <v>70</v>
      </c>
      <c r="AL21691">
        <v>70</v>
      </c>
      <c r="AM21691">
        <v>70</v>
      </c>
      <c r="AN21691">
        <v>70</v>
      </c>
      <c r="AO21691">
        <v>70</v>
      </c>
      <c r="AP21691">
        <v>70</v>
      </c>
      <c r="AQ21691">
        <v>70</v>
      </c>
    </row>
    <row r="21692" spans="1:43">
      <c r="A21692" t="s">
        <v>13441</v>
      </c>
      <c r="B21692" t="s">
        <v>13442</v>
      </c>
      <c r="C21692" t="s">
        <v>13443</v>
      </c>
      <c r="D21692" t="s">
        <v>13444</v>
      </c>
      <c r="E21692" t="s">
        <v>13293</v>
      </c>
      <c r="F21692" t="s">
        <v>13294</v>
      </c>
      <c r="G21692" t="s">
        <v>10214</v>
      </c>
      <c r="H21692" t="s">
        <v>10215</v>
      </c>
      <c r="I21692" s="2">
        <v>1</v>
      </c>
      <c r="J21692" s="2">
        <v>0</v>
      </c>
      <c r="K21692" s="2">
        <v>0</v>
      </c>
      <c r="L21692" t="s">
        <v>120</v>
      </c>
      <c r="M21692" t="s">
        <v>89</v>
      </c>
      <c r="N21692" t="s">
        <v>90</v>
      </c>
      <c r="O21692" t="s">
        <v>85</v>
      </c>
      <c r="P21692" t="s">
        <v>86</v>
      </c>
      <c r="Q21692">
        <v>72</v>
      </c>
      <c r="R21692">
        <v>74</v>
      </c>
      <c r="S21692">
        <v>75</v>
      </c>
      <c r="T21692">
        <v>76</v>
      </c>
      <c r="U21692">
        <v>77</v>
      </c>
      <c r="V21692">
        <v>78</v>
      </c>
      <c r="W21692">
        <v>79</v>
      </c>
      <c r="X21692">
        <v>80</v>
      </c>
      <c r="Y21692">
        <v>81</v>
      </c>
      <c r="Z21692">
        <v>82</v>
      </c>
      <c r="AA21692">
        <v>82</v>
      </c>
      <c r="AB21692">
        <v>83</v>
      </c>
      <c r="AC21692">
        <v>84</v>
      </c>
      <c r="AD21692">
        <v>85</v>
      </c>
      <c r="AE21692">
        <v>85</v>
      </c>
      <c r="AF21692">
        <v>84</v>
      </c>
      <c r="AG21692">
        <v>84</v>
      </c>
      <c r="AH21692">
        <v>84</v>
      </c>
      <c r="AI21692">
        <v>83</v>
      </c>
      <c r="AJ21692">
        <v>83</v>
      </c>
      <c r="AK21692">
        <v>83</v>
      </c>
      <c r="AL21692">
        <v>82</v>
      </c>
      <c r="AM21692">
        <v>82</v>
      </c>
      <c r="AN21692">
        <v>82</v>
      </c>
      <c r="AO21692">
        <v>81</v>
      </c>
      <c r="AP21692">
        <v>81</v>
      </c>
      <c r="AQ21692">
        <v>81</v>
      </c>
    </row>
    <row r="21693" spans="1:43">
      <c r="A21693" t="s">
        <v>13441</v>
      </c>
      <c r="B21693" t="s">
        <v>13442</v>
      </c>
      <c r="C21693" t="s">
        <v>13443</v>
      </c>
      <c r="D21693" t="s">
        <v>13444</v>
      </c>
      <c r="E21693" t="s">
        <v>13293</v>
      </c>
      <c r="F21693" t="s">
        <v>13294</v>
      </c>
      <c r="G21693" t="s">
        <v>10214</v>
      </c>
      <c r="H21693" t="s">
        <v>10215</v>
      </c>
      <c r="I21693" s="2">
        <v>1</v>
      </c>
      <c r="J21693" s="2">
        <v>0</v>
      </c>
      <c r="K21693" s="2">
        <v>0</v>
      </c>
      <c r="L21693" t="s">
        <v>120</v>
      </c>
      <c r="M21693" t="s">
        <v>83</v>
      </c>
      <c r="N21693" t="s">
        <v>91</v>
      </c>
      <c r="O21693" t="s">
        <v>85</v>
      </c>
      <c r="P21693" t="s">
        <v>86</v>
      </c>
      <c r="Q21693">
        <v>72</v>
      </c>
      <c r="R21693">
        <v>72</v>
      </c>
      <c r="S21693">
        <v>73</v>
      </c>
      <c r="T21693">
        <v>73</v>
      </c>
      <c r="U21693">
        <v>74</v>
      </c>
      <c r="V21693">
        <v>75</v>
      </c>
      <c r="W21693">
        <v>75</v>
      </c>
      <c r="X21693">
        <v>76</v>
      </c>
      <c r="Y21693">
        <v>76</v>
      </c>
      <c r="Z21693">
        <v>77</v>
      </c>
      <c r="AA21693">
        <v>77</v>
      </c>
      <c r="AB21693">
        <v>78</v>
      </c>
      <c r="AC21693">
        <v>78</v>
      </c>
      <c r="AD21693">
        <v>79</v>
      </c>
      <c r="AE21693">
        <v>79</v>
      </c>
      <c r="AF21693">
        <v>79</v>
      </c>
      <c r="AG21693">
        <v>80</v>
      </c>
      <c r="AH21693">
        <v>80</v>
      </c>
      <c r="AI21693">
        <v>81</v>
      </c>
      <c r="AJ21693">
        <v>81</v>
      </c>
      <c r="AK21693">
        <v>81</v>
      </c>
      <c r="AL21693">
        <v>81</v>
      </c>
      <c r="AM21693">
        <v>81</v>
      </c>
      <c r="AN21693">
        <v>81</v>
      </c>
      <c r="AO21693">
        <v>80</v>
      </c>
      <c r="AP21693">
        <v>80</v>
      </c>
      <c r="AQ21693">
        <v>80</v>
      </c>
    </row>
    <row r="21694" spans="1:43">
      <c r="A21694" t="s">
        <v>13445</v>
      </c>
      <c r="B21694" t="s">
        <v>13446</v>
      </c>
      <c r="C21694" t="s">
        <v>13443</v>
      </c>
      <c r="D21694" t="s">
        <v>13444</v>
      </c>
      <c r="E21694" t="s">
        <v>13293</v>
      </c>
      <c r="F21694" t="s">
        <v>13294</v>
      </c>
      <c r="G21694" t="s">
        <v>10214</v>
      </c>
      <c r="H21694" t="s">
        <v>10215</v>
      </c>
      <c r="I21694" s="2">
        <v>1</v>
      </c>
      <c r="J21694" s="2">
        <v>0</v>
      </c>
      <c r="K21694" s="2">
        <v>0</v>
      </c>
      <c r="L21694" t="s">
        <v>120</v>
      </c>
      <c r="M21694" t="s">
        <v>83</v>
      </c>
      <c r="N21694" t="s">
        <v>84</v>
      </c>
      <c r="O21694" t="s">
        <v>85</v>
      </c>
      <c r="P21694" t="s">
        <v>86</v>
      </c>
      <c r="Q21694">
        <v>21</v>
      </c>
      <c r="R21694">
        <v>21</v>
      </c>
      <c r="S21694">
        <v>22</v>
      </c>
      <c r="T21694">
        <v>22</v>
      </c>
      <c r="U21694">
        <v>22</v>
      </c>
      <c r="V21694">
        <v>22</v>
      </c>
      <c r="W21694">
        <v>22</v>
      </c>
      <c r="X21694">
        <v>22</v>
      </c>
      <c r="Y21694">
        <v>23</v>
      </c>
      <c r="Z21694">
        <v>23</v>
      </c>
      <c r="AA21694">
        <v>23</v>
      </c>
      <c r="AB21694">
        <v>23</v>
      </c>
      <c r="AC21694">
        <v>23</v>
      </c>
      <c r="AD21694">
        <v>23</v>
      </c>
      <c r="AE21694">
        <v>23</v>
      </c>
      <c r="AF21694">
        <v>24</v>
      </c>
      <c r="AG21694">
        <v>24</v>
      </c>
      <c r="AH21694">
        <v>24</v>
      </c>
      <c r="AI21694">
        <v>24</v>
      </c>
      <c r="AJ21694">
        <v>24</v>
      </c>
      <c r="AK21694">
        <v>24</v>
      </c>
      <c r="AL21694">
        <v>24</v>
      </c>
      <c r="AM21694">
        <v>24</v>
      </c>
      <c r="AN21694">
        <v>24</v>
      </c>
      <c r="AO21694">
        <v>24</v>
      </c>
      <c r="AP21694">
        <v>24</v>
      </c>
      <c r="AQ21694">
        <v>24</v>
      </c>
    </row>
    <row r="21695" spans="1:43">
      <c r="A21695" t="s">
        <v>13445</v>
      </c>
      <c r="B21695" t="s">
        <v>13446</v>
      </c>
      <c r="C21695" t="s">
        <v>13443</v>
      </c>
      <c r="D21695" t="s">
        <v>13444</v>
      </c>
      <c r="E21695" t="s">
        <v>13293</v>
      </c>
      <c r="F21695" t="s">
        <v>13294</v>
      </c>
      <c r="G21695" t="s">
        <v>10214</v>
      </c>
      <c r="H21695" t="s">
        <v>10215</v>
      </c>
      <c r="I21695" s="2">
        <v>1</v>
      </c>
      <c r="J21695" s="2">
        <v>0</v>
      </c>
      <c r="K21695" s="2">
        <v>0</v>
      </c>
      <c r="L21695" t="s">
        <v>120</v>
      </c>
      <c r="M21695" t="s">
        <v>87</v>
      </c>
      <c r="N21695" t="s">
        <v>88</v>
      </c>
      <c r="O21695" t="s">
        <v>85</v>
      </c>
      <c r="P21695" t="s">
        <v>86</v>
      </c>
      <c r="Q21695">
        <v>21</v>
      </c>
      <c r="R21695">
        <v>21</v>
      </c>
      <c r="S21695">
        <v>21</v>
      </c>
      <c r="T21695">
        <v>21</v>
      </c>
      <c r="U21695">
        <v>21</v>
      </c>
      <c r="V21695">
        <v>21</v>
      </c>
      <c r="W21695">
        <v>21</v>
      </c>
      <c r="X21695">
        <v>21</v>
      </c>
      <c r="Y21695">
        <v>21</v>
      </c>
      <c r="Z21695">
        <v>21</v>
      </c>
      <c r="AA21695">
        <v>21</v>
      </c>
      <c r="AB21695">
        <v>21</v>
      </c>
      <c r="AC21695">
        <v>21</v>
      </c>
      <c r="AD21695">
        <v>21</v>
      </c>
      <c r="AE21695">
        <v>21</v>
      </c>
      <c r="AF21695">
        <v>21</v>
      </c>
      <c r="AG21695">
        <v>21</v>
      </c>
      <c r="AH21695">
        <v>21</v>
      </c>
      <c r="AI21695">
        <v>21</v>
      </c>
      <c r="AJ21695">
        <v>21</v>
      </c>
      <c r="AK21695">
        <v>21</v>
      </c>
      <c r="AL21695">
        <v>21</v>
      </c>
      <c r="AM21695">
        <v>21</v>
      </c>
      <c r="AN21695">
        <v>21</v>
      </c>
      <c r="AO21695">
        <v>20</v>
      </c>
      <c r="AP21695">
        <v>20</v>
      </c>
      <c r="AQ21695">
        <v>20</v>
      </c>
    </row>
    <row r="21696" spans="1:43">
      <c r="A21696" t="s">
        <v>13445</v>
      </c>
      <c r="B21696" t="s">
        <v>13446</v>
      </c>
      <c r="C21696" t="s">
        <v>13443</v>
      </c>
      <c r="D21696" t="s">
        <v>13444</v>
      </c>
      <c r="E21696" t="s">
        <v>13293</v>
      </c>
      <c r="F21696" t="s">
        <v>13294</v>
      </c>
      <c r="G21696" t="s">
        <v>10214</v>
      </c>
      <c r="H21696" t="s">
        <v>10215</v>
      </c>
      <c r="I21696" s="2">
        <v>1</v>
      </c>
      <c r="J21696" s="2">
        <v>0</v>
      </c>
      <c r="K21696" s="2">
        <v>0</v>
      </c>
      <c r="L21696" t="s">
        <v>120</v>
      </c>
      <c r="M21696" t="s">
        <v>89</v>
      </c>
      <c r="N21696" t="s">
        <v>90</v>
      </c>
      <c r="O21696" t="s">
        <v>85</v>
      </c>
      <c r="P21696" t="s">
        <v>86</v>
      </c>
      <c r="Q21696">
        <v>21</v>
      </c>
      <c r="R21696">
        <v>22</v>
      </c>
      <c r="S21696">
        <v>22</v>
      </c>
      <c r="T21696">
        <v>23</v>
      </c>
      <c r="U21696">
        <v>23</v>
      </c>
      <c r="V21696">
        <v>23</v>
      </c>
      <c r="W21696">
        <v>23</v>
      </c>
      <c r="X21696">
        <v>24</v>
      </c>
      <c r="Y21696">
        <v>24</v>
      </c>
      <c r="Z21696">
        <v>24</v>
      </c>
      <c r="AA21696">
        <v>24</v>
      </c>
      <c r="AB21696">
        <v>25</v>
      </c>
      <c r="AC21696">
        <v>25</v>
      </c>
      <c r="AD21696">
        <v>25</v>
      </c>
      <c r="AE21696">
        <v>25</v>
      </c>
      <c r="AF21696">
        <v>25</v>
      </c>
      <c r="AG21696">
        <v>25</v>
      </c>
      <c r="AH21696">
        <v>25</v>
      </c>
      <c r="AI21696">
        <v>25</v>
      </c>
      <c r="AJ21696">
        <v>25</v>
      </c>
      <c r="AK21696">
        <v>25</v>
      </c>
      <c r="AL21696">
        <v>24</v>
      </c>
      <c r="AM21696">
        <v>24</v>
      </c>
      <c r="AN21696">
        <v>24</v>
      </c>
      <c r="AO21696">
        <v>24</v>
      </c>
      <c r="AP21696">
        <v>24</v>
      </c>
      <c r="AQ21696">
        <v>24</v>
      </c>
    </row>
    <row r="21697" spans="1:43">
      <c r="A21697" t="s">
        <v>13445</v>
      </c>
      <c r="B21697" t="s">
        <v>13446</v>
      </c>
      <c r="C21697" t="s">
        <v>13443</v>
      </c>
      <c r="D21697" t="s">
        <v>13444</v>
      </c>
      <c r="E21697" t="s">
        <v>13293</v>
      </c>
      <c r="F21697" t="s">
        <v>13294</v>
      </c>
      <c r="G21697" t="s">
        <v>10214</v>
      </c>
      <c r="H21697" t="s">
        <v>10215</v>
      </c>
      <c r="I21697" s="2">
        <v>1</v>
      </c>
      <c r="J21697" s="2">
        <v>0</v>
      </c>
      <c r="K21697" s="2">
        <v>0</v>
      </c>
      <c r="L21697" t="s">
        <v>120</v>
      </c>
      <c r="M21697" t="s">
        <v>83</v>
      </c>
      <c r="N21697" t="s">
        <v>91</v>
      </c>
      <c r="O21697" t="s">
        <v>85</v>
      </c>
      <c r="P21697" t="s">
        <v>86</v>
      </c>
      <c r="Q21697">
        <v>21</v>
      </c>
      <c r="R21697">
        <v>21</v>
      </c>
      <c r="S21697">
        <v>22</v>
      </c>
      <c r="T21697">
        <v>22</v>
      </c>
      <c r="U21697">
        <v>22</v>
      </c>
      <c r="V21697">
        <v>22</v>
      </c>
      <c r="W21697">
        <v>22</v>
      </c>
      <c r="X21697">
        <v>22</v>
      </c>
      <c r="Y21697">
        <v>23</v>
      </c>
      <c r="Z21697">
        <v>23</v>
      </c>
      <c r="AA21697">
        <v>23</v>
      </c>
      <c r="AB21697">
        <v>23</v>
      </c>
      <c r="AC21697">
        <v>23</v>
      </c>
      <c r="AD21697">
        <v>23</v>
      </c>
      <c r="AE21697">
        <v>23</v>
      </c>
      <c r="AF21697">
        <v>24</v>
      </c>
      <c r="AG21697">
        <v>24</v>
      </c>
      <c r="AH21697">
        <v>24</v>
      </c>
      <c r="AI21697">
        <v>24</v>
      </c>
      <c r="AJ21697">
        <v>24</v>
      </c>
      <c r="AK21697">
        <v>24</v>
      </c>
      <c r="AL21697">
        <v>24</v>
      </c>
      <c r="AM21697">
        <v>24</v>
      </c>
      <c r="AN21697">
        <v>24</v>
      </c>
      <c r="AO21697">
        <v>24</v>
      </c>
      <c r="AP21697">
        <v>24</v>
      </c>
      <c r="AQ21697">
        <v>24</v>
      </c>
    </row>
    <row r="21698" spans="1:43">
      <c r="A21698" t="s">
        <v>13447</v>
      </c>
      <c r="B21698" t="s">
        <v>13448</v>
      </c>
      <c r="C21698" t="s">
        <v>13443</v>
      </c>
      <c r="D21698" t="s">
        <v>13444</v>
      </c>
      <c r="E21698" t="s">
        <v>13293</v>
      </c>
      <c r="F21698" t="s">
        <v>13294</v>
      </c>
      <c r="G21698" t="s">
        <v>10214</v>
      </c>
      <c r="H21698" t="s">
        <v>10215</v>
      </c>
      <c r="I21698" s="2">
        <v>1</v>
      </c>
      <c r="J21698" s="2">
        <v>0</v>
      </c>
      <c r="K21698" s="2">
        <v>0</v>
      </c>
      <c r="L21698" t="s">
        <v>120</v>
      </c>
      <c r="M21698" t="s">
        <v>83</v>
      </c>
      <c r="N21698" t="s">
        <v>84</v>
      </c>
      <c r="O21698" t="s">
        <v>85</v>
      </c>
      <c r="P21698" t="s">
        <v>86</v>
      </c>
      <c r="Q21698">
        <v>12</v>
      </c>
      <c r="R21698">
        <v>13</v>
      </c>
      <c r="S21698">
        <v>13</v>
      </c>
      <c r="T21698">
        <v>13</v>
      </c>
      <c r="U21698">
        <v>13</v>
      </c>
      <c r="V21698">
        <v>13</v>
      </c>
      <c r="W21698">
        <v>13</v>
      </c>
      <c r="X21698">
        <v>13</v>
      </c>
      <c r="Y21698">
        <v>13</v>
      </c>
      <c r="Z21698">
        <v>13</v>
      </c>
      <c r="AA21698">
        <v>13</v>
      </c>
      <c r="AB21698">
        <v>13</v>
      </c>
      <c r="AC21698">
        <v>14</v>
      </c>
      <c r="AD21698">
        <v>14</v>
      </c>
      <c r="AE21698">
        <v>14</v>
      </c>
      <c r="AF21698">
        <v>14</v>
      </c>
      <c r="AG21698">
        <v>14</v>
      </c>
      <c r="AH21698">
        <v>14</v>
      </c>
      <c r="AI21698">
        <v>14</v>
      </c>
      <c r="AJ21698">
        <v>14</v>
      </c>
      <c r="AK21698">
        <v>14</v>
      </c>
      <c r="AL21698">
        <v>14</v>
      </c>
      <c r="AM21698">
        <v>14</v>
      </c>
      <c r="AN21698">
        <v>14</v>
      </c>
      <c r="AO21698">
        <v>14</v>
      </c>
      <c r="AP21698">
        <v>14</v>
      </c>
      <c r="AQ21698">
        <v>14</v>
      </c>
    </row>
    <row r="21699" spans="1:43">
      <c r="A21699" t="s">
        <v>13447</v>
      </c>
      <c r="B21699" t="s">
        <v>13448</v>
      </c>
      <c r="C21699" t="s">
        <v>13443</v>
      </c>
      <c r="D21699" t="s">
        <v>13444</v>
      </c>
      <c r="E21699" t="s">
        <v>13293</v>
      </c>
      <c r="F21699" t="s">
        <v>13294</v>
      </c>
      <c r="G21699" t="s">
        <v>10214</v>
      </c>
      <c r="H21699" t="s">
        <v>10215</v>
      </c>
      <c r="I21699" s="2">
        <v>1</v>
      </c>
      <c r="J21699" s="2">
        <v>0</v>
      </c>
      <c r="K21699" s="2">
        <v>0</v>
      </c>
      <c r="L21699" t="s">
        <v>120</v>
      </c>
      <c r="M21699" t="s">
        <v>87</v>
      </c>
      <c r="N21699" t="s">
        <v>88</v>
      </c>
      <c r="O21699" t="s">
        <v>85</v>
      </c>
      <c r="P21699" t="s">
        <v>86</v>
      </c>
      <c r="Q21699">
        <v>12</v>
      </c>
      <c r="R21699">
        <v>12</v>
      </c>
      <c r="S21699">
        <v>12</v>
      </c>
      <c r="T21699">
        <v>12</v>
      </c>
      <c r="U21699">
        <v>12</v>
      </c>
      <c r="V21699">
        <v>12</v>
      </c>
      <c r="W21699">
        <v>12</v>
      </c>
      <c r="X21699">
        <v>12</v>
      </c>
      <c r="Y21699">
        <v>12</v>
      </c>
      <c r="Z21699">
        <v>12</v>
      </c>
      <c r="AA21699">
        <v>12</v>
      </c>
      <c r="AB21699">
        <v>12</v>
      </c>
      <c r="AC21699">
        <v>12</v>
      </c>
      <c r="AD21699">
        <v>12</v>
      </c>
      <c r="AE21699">
        <v>12</v>
      </c>
      <c r="AF21699">
        <v>12</v>
      </c>
      <c r="AG21699">
        <v>12</v>
      </c>
      <c r="AH21699">
        <v>12</v>
      </c>
      <c r="AI21699">
        <v>12</v>
      </c>
      <c r="AJ21699">
        <v>12</v>
      </c>
      <c r="AK21699">
        <v>12</v>
      </c>
      <c r="AL21699">
        <v>12</v>
      </c>
      <c r="AM21699">
        <v>12</v>
      </c>
      <c r="AN21699">
        <v>12</v>
      </c>
      <c r="AO21699">
        <v>12</v>
      </c>
      <c r="AP21699">
        <v>12</v>
      </c>
      <c r="AQ21699">
        <v>12</v>
      </c>
    </row>
    <row r="21700" spans="1:43">
      <c r="A21700" t="s">
        <v>13447</v>
      </c>
      <c r="B21700" t="s">
        <v>13448</v>
      </c>
      <c r="C21700" t="s">
        <v>13443</v>
      </c>
      <c r="D21700" t="s">
        <v>13444</v>
      </c>
      <c r="E21700" t="s">
        <v>13293</v>
      </c>
      <c r="F21700" t="s">
        <v>13294</v>
      </c>
      <c r="G21700" t="s">
        <v>10214</v>
      </c>
      <c r="H21700" t="s">
        <v>10215</v>
      </c>
      <c r="I21700" s="2">
        <v>1</v>
      </c>
      <c r="J21700" s="2">
        <v>0</v>
      </c>
      <c r="K21700" s="2">
        <v>0</v>
      </c>
      <c r="L21700" t="s">
        <v>120</v>
      </c>
      <c r="M21700" t="s">
        <v>89</v>
      </c>
      <c r="N21700" t="s">
        <v>90</v>
      </c>
      <c r="O21700" t="s">
        <v>85</v>
      </c>
      <c r="P21700" t="s">
        <v>86</v>
      </c>
      <c r="Q21700">
        <v>12</v>
      </c>
      <c r="R21700">
        <v>12</v>
      </c>
      <c r="S21700">
        <v>12</v>
      </c>
      <c r="T21700">
        <v>12</v>
      </c>
      <c r="U21700">
        <v>12</v>
      </c>
      <c r="V21700">
        <v>13</v>
      </c>
      <c r="W21700">
        <v>13</v>
      </c>
      <c r="X21700">
        <v>13</v>
      </c>
      <c r="Y21700">
        <v>13</v>
      </c>
      <c r="Z21700">
        <v>13</v>
      </c>
      <c r="AA21700">
        <v>13</v>
      </c>
      <c r="AB21700">
        <v>13</v>
      </c>
      <c r="AC21700">
        <v>14</v>
      </c>
      <c r="AD21700">
        <v>14</v>
      </c>
      <c r="AE21700">
        <v>14</v>
      </c>
      <c r="AF21700">
        <v>14</v>
      </c>
      <c r="AG21700">
        <v>14</v>
      </c>
      <c r="AH21700">
        <v>14</v>
      </c>
      <c r="AI21700">
        <v>13</v>
      </c>
      <c r="AJ21700">
        <v>13</v>
      </c>
      <c r="AK21700">
        <v>13</v>
      </c>
      <c r="AL21700">
        <v>13</v>
      </c>
      <c r="AM21700">
        <v>13</v>
      </c>
      <c r="AN21700">
        <v>13</v>
      </c>
      <c r="AO21700">
        <v>13</v>
      </c>
      <c r="AP21700">
        <v>13</v>
      </c>
      <c r="AQ21700">
        <v>13</v>
      </c>
    </row>
    <row r="21701" spans="1:43">
      <c r="A21701" t="s">
        <v>13447</v>
      </c>
      <c r="B21701" t="s">
        <v>13448</v>
      </c>
      <c r="C21701" t="s">
        <v>13443</v>
      </c>
      <c r="D21701" t="s">
        <v>13444</v>
      </c>
      <c r="E21701" t="s">
        <v>13293</v>
      </c>
      <c r="F21701" t="s">
        <v>13294</v>
      </c>
      <c r="G21701" t="s">
        <v>10214</v>
      </c>
      <c r="H21701" t="s">
        <v>10215</v>
      </c>
      <c r="I21701" s="2">
        <v>1</v>
      </c>
      <c r="J21701" s="2">
        <v>0</v>
      </c>
      <c r="K21701" s="2">
        <v>0</v>
      </c>
      <c r="L21701" t="s">
        <v>120</v>
      </c>
      <c r="M21701" t="s">
        <v>83</v>
      </c>
      <c r="N21701" t="s">
        <v>91</v>
      </c>
      <c r="O21701" t="s">
        <v>85</v>
      </c>
      <c r="P21701" t="s">
        <v>86</v>
      </c>
      <c r="Q21701">
        <v>12</v>
      </c>
      <c r="R21701">
        <v>13</v>
      </c>
      <c r="S21701">
        <v>13</v>
      </c>
      <c r="T21701">
        <v>13</v>
      </c>
      <c r="U21701">
        <v>13</v>
      </c>
      <c r="V21701">
        <v>13</v>
      </c>
      <c r="W21701">
        <v>13</v>
      </c>
      <c r="X21701">
        <v>13</v>
      </c>
      <c r="Y21701">
        <v>13</v>
      </c>
      <c r="Z21701">
        <v>13</v>
      </c>
      <c r="AA21701">
        <v>13</v>
      </c>
      <c r="AB21701">
        <v>13</v>
      </c>
      <c r="AC21701">
        <v>14</v>
      </c>
      <c r="AD21701">
        <v>14</v>
      </c>
      <c r="AE21701">
        <v>14</v>
      </c>
      <c r="AF21701">
        <v>14</v>
      </c>
      <c r="AG21701">
        <v>14</v>
      </c>
      <c r="AH21701">
        <v>14</v>
      </c>
      <c r="AI21701">
        <v>14</v>
      </c>
      <c r="AJ21701">
        <v>14</v>
      </c>
      <c r="AK21701">
        <v>14</v>
      </c>
      <c r="AL21701">
        <v>14</v>
      </c>
      <c r="AM21701">
        <v>14</v>
      </c>
      <c r="AN21701">
        <v>14</v>
      </c>
      <c r="AO21701">
        <v>14</v>
      </c>
      <c r="AP21701">
        <v>14</v>
      </c>
      <c r="AQ21701">
        <v>14</v>
      </c>
    </row>
    <row r="21702" spans="1:43">
      <c r="A21702" t="s">
        <v>13449</v>
      </c>
      <c r="B21702" t="s">
        <v>13450</v>
      </c>
      <c r="C21702" t="s">
        <v>13443</v>
      </c>
      <c r="D21702" t="s">
        <v>13444</v>
      </c>
      <c r="E21702" t="s">
        <v>13293</v>
      </c>
      <c r="F21702" t="s">
        <v>13294</v>
      </c>
      <c r="G21702" t="s">
        <v>10214</v>
      </c>
      <c r="H21702" t="s">
        <v>10215</v>
      </c>
      <c r="I21702" s="2">
        <v>1</v>
      </c>
      <c r="J21702" s="2">
        <v>0</v>
      </c>
      <c r="K21702" s="2">
        <v>0</v>
      </c>
      <c r="L21702" t="s">
        <v>120</v>
      </c>
      <c r="M21702" t="s">
        <v>83</v>
      </c>
      <c r="N21702" t="s">
        <v>84</v>
      </c>
      <c r="O21702" t="s">
        <v>85</v>
      </c>
      <c r="P21702" t="s">
        <v>86</v>
      </c>
      <c r="Q21702">
        <v>5</v>
      </c>
      <c r="R21702">
        <v>6</v>
      </c>
      <c r="S21702">
        <v>6</v>
      </c>
      <c r="T21702">
        <v>6</v>
      </c>
      <c r="U21702">
        <v>6</v>
      </c>
      <c r="V21702">
        <v>6</v>
      </c>
      <c r="W21702">
        <v>6</v>
      </c>
      <c r="X21702">
        <v>6</v>
      </c>
      <c r="Y21702">
        <v>6</v>
      </c>
      <c r="Z21702">
        <v>6</v>
      </c>
      <c r="AA21702">
        <v>6</v>
      </c>
      <c r="AB21702">
        <v>6</v>
      </c>
      <c r="AC21702">
        <v>6</v>
      </c>
      <c r="AD21702">
        <v>6</v>
      </c>
      <c r="AE21702">
        <v>6</v>
      </c>
      <c r="AF21702">
        <v>6</v>
      </c>
      <c r="AG21702">
        <v>6</v>
      </c>
      <c r="AH21702">
        <v>6</v>
      </c>
      <c r="AI21702">
        <v>6</v>
      </c>
      <c r="AJ21702">
        <v>6</v>
      </c>
      <c r="AK21702">
        <v>6</v>
      </c>
      <c r="AL21702">
        <v>6</v>
      </c>
      <c r="AM21702">
        <v>6</v>
      </c>
      <c r="AN21702">
        <v>6</v>
      </c>
      <c r="AO21702">
        <v>6</v>
      </c>
      <c r="AP21702">
        <v>6</v>
      </c>
      <c r="AQ21702">
        <v>6</v>
      </c>
    </row>
    <row r="21703" spans="1:43">
      <c r="A21703" t="s">
        <v>13449</v>
      </c>
      <c r="B21703" t="s">
        <v>13450</v>
      </c>
      <c r="C21703" t="s">
        <v>13443</v>
      </c>
      <c r="D21703" t="s">
        <v>13444</v>
      </c>
      <c r="E21703" t="s">
        <v>13293</v>
      </c>
      <c r="F21703" t="s">
        <v>13294</v>
      </c>
      <c r="G21703" t="s">
        <v>10214</v>
      </c>
      <c r="H21703" t="s">
        <v>10215</v>
      </c>
      <c r="I21703" s="2">
        <v>1</v>
      </c>
      <c r="J21703" s="2">
        <v>0</v>
      </c>
      <c r="K21703" s="2">
        <v>0</v>
      </c>
      <c r="L21703" t="s">
        <v>120</v>
      </c>
      <c r="M21703" t="s">
        <v>87</v>
      </c>
      <c r="N21703" t="s">
        <v>88</v>
      </c>
      <c r="O21703" t="s">
        <v>85</v>
      </c>
      <c r="P21703" t="s">
        <v>86</v>
      </c>
      <c r="Q21703">
        <v>5</v>
      </c>
      <c r="R21703">
        <v>5</v>
      </c>
      <c r="S21703">
        <v>5</v>
      </c>
      <c r="T21703">
        <v>5</v>
      </c>
      <c r="U21703">
        <v>5</v>
      </c>
      <c r="V21703">
        <v>5</v>
      </c>
      <c r="W21703">
        <v>5</v>
      </c>
      <c r="X21703">
        <v>5</v>
      </c>
      <c r="Y21703">
        <v>5</v>
      </c>
      <c r="Z21703">
        <v>5</v>
      </c>
      <c r="AA21703">
        <v>5</v>
      </c>
      <c r="AB21703">
        <v>5</v>
      </c>
      <c r="AC21703">
        <v>5</v>
      </c>
      <c r="AD21703">
        <v>5</v>
      </c>
      <c r="AE21703">
        <v>5</v>
      </c>
      <c r="AF21703">
        <v>5</v>
      </c>
      <c r="AG21703">
        <v>5</v>
      </c>
      <c r="AH21703">
        <v>5</v>
      </c>
      <c r="AI21703">
        <v>5</v>
      </c>
      <c r="AJ21703">
        <v>5</v>
      </c>
      <c r="AK21703">
        <v>5</v>
      </c>
      <c r="AL21703">
        <v>5</v>
      </c>
      <c r="AM21703">
        <v>5</v>
      </c>
      <c r="AN21703">
        <v>5</v>
      </c>
      <c r="AO21703">
        <v>5</v>
      </c>
      <c r="AP21703">
        <v>5</v>
      </c>
      <c r="AQ21703">
        <v>5</v>
      </c>
    </row>
    <row r="21704" spans="1:43">
      <c r="A21704" t="s">
        <v>13449</v>
      </c>
      <c r="B21704" t="s">
        <v>13450</v>
      </c>
      <c r="C21704" t="s">
        <v>13443</v>
      </c>
      <c r="D21704" t="s">
        <v>13444</v>
      </c>
      <c r="E21704" t="s">
        <v>13293</v>
      </c>
      <c r="F21704" t="s">
        <v>13294</v>
      </c>
      <c r="G21704" t="s">
        <v>10214</v>
      </c>
      <c r="H21704" t="s">
        <v>10215</v>
      </c>
      <c r="I21704" s="2">
        <v>1</v>
      </c>
      <c r="J21704" s="2">
        <v>0</v>
      </c>
      <c r="K21704" s="2">
        <v>0</v>
      </c>
      <c r="L21704" t="s">
        <v>120</v>
      </c>
      <c r="M21704" t="s">
        <v>89</v>
      </c>
      <c r="N21704" t="s">
        <v>90</v>
      </c>
      <c r="O21704" t="s">
        <v>85</v>
      </c>
      <c r="P21704" t="s">
        <v>86</v>
      </c>
      <c r="Q21704">
        <v>5</v>
      </c>
      <c r="R21704">
        <v>5</v>
      </c>
      <c r="S21704">
        <v>5</v>
      </c>
      <c r="T21704">
        <v>5</v>
      </c>
      <c r="U21704">
        <v>5</v>
      </c>
      <c r="V21704">
        <v>5</v>
      </c>
      <c r="W21704">
        <v>5</v>
      </c>
      <c r="X21704">
        <v>5</v>
      </c>
      <c r="Y21704">
        <v>5</v>
      </c>
      <c r="Z21704">
        <v>5</v>
      </c>
      <c r="AA21704">
        <v>5</v>
      </c>
      <c r="AB21704">
        <v>5</v>
      </c>
      <c r="AC21704">
        <v>5</v>
      </c>
      <c r="AD21704">
        <v>5</v>
      </c>
      <c r="AE21704">
        <v>5</v>
      </c>
      <c r="AF21704">
        <v>5</v>
      </c>
      <c r="AG21704">
        <v>5</v>
      </c>
      <c r="AH21704">
        <v>5</v>
      </c>
      <c r="AI21704">
        <v>5</v>
      </c>
      <c r="AJ21704">
        <v>5</v>
      </c>
      <c r="AK21704">
        <v>5</v>
      </c>
      <c r="AL21704">
        <v>5</v>
      </c>
      <c r="AM21704">
        <v>5</v>
      </c>
      <c r="AN21704">
        <v>5</v>
      </c>
      <c r="AO21704">
        <v>5</v>
      </c>
      <c r="AP21704">
        <v>5</v>
      </c>
      <c r="AQ21704">
        <v>5</v>
      </c>
    </row>
    <row r="21705" spans="1:43">
      <c r="A21705" t="s">
        <v>13449</v>
      </c>
      <c r="B21705" t="s">
        <v>13450</v>
      </c>
      <c r="C21705" t="s">
        <v>13443</v>
      </c>
      <c r="D21705" t="s">
        <v>13444</v>
      </c>
      <c r="E21705" t="s">
        <v>13293</v>
      </c>
      <c r="F21705" t="s">
        <v>13294</v>
      </c>
      <c r="G21705" t="s">
        <v>10214</v>
      </c>
      <c r="H21705" t="s">
        <v>10215</v>
      </c>
      <c r="I21705" s="2">
        <v>1</v>
      </c>
      <c r="J21705" s="2">
        <v>0</v>
      </c>
      <c r="K21705" s="2">
        <v>0</v>
      </c>
      <c r="L21705" t="s">
        <v>120</v>
      </c>
      <c r="M21705" t="s">
        <v>83</v>
      </c>
      <c r="N21705" t="s">
        <v>91</v>
      </c>
      <c r="O21705" t="s">
        <v>85</v>
      </c>
      <c r="P21705" t="s">
        <v>86</v>
      </c>
      <c r="Q21705">
        <v>5</v>
      </c>
      <c r="R21705">
        <v>6</v>
      </c>
      <c r="S21705">
        <v>6</v>
      </c>
      <c r="T21705">
        <v>6</v>
      </c>
      <c r="U21705">
        <v>6</v>
      </c>
      <c r="V21705">
        <v>6</v>
      </c>
      <c r="W21705">
        <v>6</v>
      </c>
      <c r="X21705">
        <v>6</v>
      </c>
      <c r="Y21705">
        <v>6</v>
      </c>
      <c r="Z21705">
        <v>6</v>
      </c>
      <c r="AA21705">
        <v>6</v>
      </c>
      <c r="AB21705">
        <v>6</v>
      </c>
      <c r="AC21705">
        <v>6</v>
      </c>
      <c r="AD21705">
        <v>6</v>
      </c>
      <c r="AE21705">
        <v>6</v>
      </c>
      <c r="AF21705">
        <v>6</v>
      </c>
      <c r="AG21705">
        <v>6</v>
      </c>
      <c r="AH21705">
        <v>6</v>
      </c>
      <c r="AI21705">
        <v>6</v>
      </c>
      <c r="AJ21705">
        <v>6</v>
      </c>
      <c r="AK21705">
        <v>6</v>
      </c>
      <c r="AL21705">
        <v>6</v>
      </c>
      <c r="AM21705">
        <v>6</v>
      </c>
      <c r="AN21705">
        <v>6</v>
      </c>
      <c r="AO21705">
        <v>6</v>
      </c>
      <c r="AP21705">
        <v>6</v>
      </c>
      <c r="AQ21705">
        <v>6</v>
      </c>
    </row>
    <row r="21706" spans="1:43">
      <c r="A21706" t="s">
        <v>13451</v>
      </c>
      <c r="B21706" t="s">
        <v>13452</v>
      </c>
      <c r="C21706" t="s">
        <v>13453</v>
      </c>
      <c r="D21706" t="s">
        <v>13454</v>
      </c>
      <c r="E21706" t="s">
        <v>13293</v>
      </c>
      <c r="F21706" t="s">
        <v>13294</v>
      </c>
      <c r="G21706" t="s">
        <v>10214</v>
      </c>
      <c r="H21706" t="s">
        <v>10215</v>
      </c>
      <c r="I21706" s="2">
        <v>1</v>
      </c>
      <c r="J21706" s="2">
        <v>0</v>
      </c>
      <c r="K21706" s="2">
        <v>0</v>
      </c>
      <c r="L21706" t="s">
        <v>120</v>
      </c>
      <c r="M21706" t="s">
        <v>83</v>
      </c>
      <c r="N21706" t="s">
        <v>84</v>
      </c>
      <c r="O21706" t="s">
        <v>85</v>
      </c>
      <c r="P21706" t="s">
        <v>86</v>
      </c>
      <c r="Q21706">
        <v>13</v>
      </c>
      <c r="R21706">
        <v>13</v>
      </c>
      <c r="S21706">
        <v>13</v>
      </c>
      <c r="T21706">
        <v>13</v>
      </c>
      <c r="U21706">
        <v>13</v>
      </c>
      <c r="V21706">
        <v>13</v>
      </c>
      <c r="W21706">
        <v>13</v>
      </c>
      <c r="X21706">
        <v>13</v>
      </c>
      <c r="Y21706">
        <v>14</v>
      </c>
      <c r="Z21706">
        <v>14</v>
      </c>
      <c r="AA21706">
        <v>14</v>
      </c>
      <c r="AB21706">
        <v>14</v>
      </c>
      <c r="AC21706">
        <v>14</v>
      </c>
      <c r="AD21706">
        <v>14</v>
      </c>
      <c r="AE21706">
        <v>14</v>
      </c>
      <c r="AF21706">
        <v>14</v>
      </c>
      <c r="AG21706">
        <v>14</v>
      </c>
      <c r="AH21706">
        <v>14</v>
      </c>
      <c r="AI21706">
        <v>14</v>
      </c>
      <c r="AJ21706">
        <v>15</v>
      </c>
      <c r="AK21706">
        <v>15</v>
      </c>
      <c r="AL21706">
        <v>15</v>
      </c>
      <c r="AM21706">
        <v>15</v>
      </c>
      <c r="AN21706">
        <v>15</v>
      </c>
      <c r="AO21706">
        <v>15</v>
      </c>
      <c r="AP21706">
        <v>14</v>
      </c>
      <c r="AQ21706">
        <v>14</v>
      </c>
    </row>
    <row r="21707" spans="1:43">
      <c r="A21707" t="s">
        <v>13451</v>
      </c>
      <c r="B21707" t="s">
        <v>13452</v>
      </c>
      <c r="C21707" t="s">
        <v>13453</v>
      </c>
      <c r="D21707" t="s">
        <v>13454</v>
      </c>
      <c r="E21707" t="s">
        <v>13293</v>
      </c>
      <c r="F21707" t="s">
        <v>13294</v>
      </c>
      <c r="G21707" t="s">
        <v>10214</v>
      </c>
      <c r="H21707" t="s">
        <v>10215</v>
      </c>
      <c r="I21707" s="2">
        <v>1</v>
      </c>
      <c r="J21707" s="2">
        <v>0</v>
      </c>
      <c r="K21707" s="2">
        <v>0</v>
      </c>
      <c r="L21707" t="s">
        <v>120</v>
      </c>
      <c r="M21707" t="s">
        <v>87</v>
      </c>
      <c r="N21707" t="s">
        <v>88</v>
      </c>
      <c r="O21707" t="s">
        <v>85</v>
      </c>
      <c r="P21707" t="s">
        <v>86</v>
      </c>
      <c r="Q21707">
        <v>13</v>
      </c>
      <c r="R21707">
        <v>13</v>
      </c>
      <c r="S21707">
        <v>13</v>
      </c>
      <c r="T21707">
        <v>13</v>
      </c>
      <c r="U21707">
        <v>13</v>
      </c>
      <c r="V21707">
        <v>13</v>
      </c>
      <c r="W21707">
        <v>13</v>
      </c>
      <c r="X21707">
        <v>13</v>
      </c>
      <c r="Y21707">
        <v>13</v>
      </c>
      <c r="Z21707">
        <v>13</v>
      </c>
      <c r="AA21707">
        <v>13</v>
      </c>
      <c r="AB21707">
        <v>13</v>
      </c>
      <c r="AC21707">
        <v>13</v>
      </c>
      <c r="AD21707">
        <v>13</v>
      </c>
      <c r="AE21707">
        <v>13</v>
      </c>
      <c r="AF21707">
        <v>13</v>
      </c>
      <c r="AG21707">
        <v>13</v>
      </c>
      <c r="AH21707">
        <v>13</v>
      </c>
      <c r="AI21707">
        <v>13</v>
      </c>
      <c r="AJ21707">
        <v>13</v>
      </c>
      <c r="AK21707">
        <v>13</v>
      </c>
      <c r="AL21707">
        <v>13</v>
      </c>
      <c r="AM21707">
        <v>13</v>
      </c>
      <c r="AN21707">
        <v>13</v>
      </c>
      <c r="AO21707">
        <v>13</v>
      </c>
      <c r="AP21707">
        <v>13</v>
      </c>
      <c r="AQ21707">
        <v>13</v>
      </c>
    </row>
    <row r="21708" spans="1:43">
      <c r="A21708" t="s">
        <v>13451</v>
      </c>
      <c r="B21708" t="s">
        <v>13452</v>
      </c>
      <c r="C21708" t="s">
        <v>13453</v>
      </c>
      <c r="D21708" t="s">
        <v>13454</v>
      </c>
      <c r="E21708" t="s">
        <v>13293</v>
      </c>
      <c r="F21708" t="s">
        <v>13294</v>
      </c>
      <c r="G21708" t="s">
        <v>10214</v>
      </c>
      <c r="H21708" t="s">
        <v>10215</v>
      </c>
      <c r="I21708" s="2">
        <v>1</v>
      </c>
      <c r="J21708" s="2">
        <v>0</v>
      </c>
      <c r="K21708" s="2">
        <v>0</v>
      </c>
      <c r="L21708" t="s">
        <v>120</v>
      </c>
      <c r="M21708" t="s">
        <v>89</v>
      </c>
      <c r="N21708" t="s">
        <v>90</v>
      </c>
      <c r="O21708" t="s">
        <v>85</v>
      </c>
      <c r="P21708" t="s">
        <v>86</v>
      </c>
      <c r="Q21708">
        <v>13</v>
      </c>
      <c r="R21708">
        <v>13</v>
      </c>
      <c r="S21708">
        <v>13</v>
      </c>
      <c r="T21708">
        <v>13</v>
      </c>
      <c r="U21708">
        <v>14</v>
      </c>
      <c r="V21708">
        <v>14</v>
      </c>
      <c r="W21708">
        <v>14</v>
      </c>
      <c r="X21708">
        <v>14</v>
      </c>
      <c r="Y21708">
        <v>14</v>
      </c>
      <c r="Z21708">
        <v>14</v>
      </c>
      <c r="AA21708">
        <v>15</v>
      </c>
      <c r="AB21708">
        <v>15</v>
      </c>
      <c r="AC21708">
        <v>15</v>
      </c>
      <c r="AD21708">
        <v>15</v>
      </c>
      <c r="AE21708">
        <v>15</v>
      </c>
      <c r="AF21708">
        <v>15</v>
      </c>
      <c r="AG21708">
        <v>15</v>
      </c>
      <c r="AH21708">
        <v>15</v>
      </c>
      <c r="AI21708">
        <v>15</v>
      </c>
      <c r="AJ21708">
        <v>15</v>
      </c>
      <c r="AK21708">
        <v>15</v>
      </c>
      <c r="AL21708">
        <v>15</v>
      </c>
      <c r="AM21708">
        <v>15</v>
      </c>
      <c r="AN21708">
        <v>15</v>
      </c>
      <c r="AO21708">
        <v>15</v>
      </c>
      <c r="AP21708">
        <v>15</v>
      </c>
      <c r="AQ21708">
        <v>15</v>
      </c>
    </row>
    <row r="21709" spans="1:43">
      <c r="A21709" t="s">
        <v>13451</v>
      </c>
      <c r="B21709" t="s">
        <v>13452</v>
      </c>
      <c r="C21709" t="s">
        <v>13453</v>
      </c>
      <c r="D21709" t="s">
        <v>13454</v>
      </c>
      <c r="E21709" t="s">
        <v>13293</v>
      </c>
      <c r="F21709" t="s">
        <v>13294</v>
      </c>
      <c r="G21709" t="s">
        <v>10214</v>
      </c>
      <c r="H21709" t="s">
        <v>10215</v>
      </c>
      <c r="I21709" s="2">
        <v>1</v>
      </c>
      <c r="J21709" s="2">
        <v>0</v>
      </c>
      <c r="K21709" s="2">
        <v>0</v>
      </c>
      <c r="L21709" t="s">
        <v>120</v>
      </c>
      <c r="M21709" t="s">
        <v>83</v>
      </c>
      <c r="N21709" t="s">
        <v>91</v>
      </c>
      <c r="O21709" t="s">
        <v>85</v>
      </c>
      <c r="P21709" t="s">
        <v>86</v>
      </c>
      <c r="Q21709">
        <v>13</v>
      </c>
      <c r="R21709">
        <v>13</v>
      </c>
      <c r="S21709">
        <v>13</v>
      </c>
      <c r="T21709">
        <v>13</v>
      </c>
      <c r="U21709">
        <v>13</v>
      </c>
      <c r="V21709">
        <v>13</v>
      </c>
      <c r="W21709">
        <v>13</v>
      </c>
      <c r="X21709">
        <v>13</v>
      </c>
      <c r="Y21709">
        <v>14</v>
      </c>
      <c r="Z21709">
        <v>14</v>
      </c>
      <c r="AA21709">
        <v>14</v>
      </c>
      <c r="AB21709">
        <v>14</v>
      </c>
      <c r="AC21709">
        <v>14</v>
      </c>
      <c r="AD21709">
        <v>14</v>
      </c>
      <c r="AE21709">
        <v>14</v>
      </c>
      <c r="AF21709">
        <v>14</v>
      </c>
      <c r="AG21709">
        <v>14</v>
      </c>
      <c r="AH21709">
        <v>14</v>
      </c>
      <c r="AI21709">
        <v>14</v>
      </c>
      <c r="AJ21709">
        <v>15</v>
      </c>
      <c r="AK21709">
        <v>15</v>
      </c>
      <c r="AL21709">
        <v>15</v>
      </c>
      <c r="AM21709">
        <v>15</v>
      </c>
      <c r="AN21709">
        <v>15</v>
      </c>
      <c r="AO21709">
        <v>15</v>
      </c>
      <c r="AP21709">
        <v>14</v>
      </c>
      <c r="AQ21709">
        <v>14</v>
      </c>
    </row>
    <row r="21710" spans="1:43">
      <c r="A21710" t="s">
        <v>13455</v>
      </c>
      <c r="B21710" t="s">
        <v>13456</v>
      </c>
      <c r="C21710" t="s">
        <v>13453</v>
      </c>
      <c r="D21710" t="s">
        <v>13454</v>
      </c>
      <c r="E21710" t="s">
        <v>13293</v>
      </c>
      <c r="F21710" t="s">
        <v>13294</v>
      </c>
      <c r="G21710" t="s">
        <v>10214</v>
      </c>
      <c r="H21710" t="s">
        <v>10215</v>
      </c>
      <c r="I21710" s="2">
        <v>1</v>
      </c>
      <c r="J21710" s="2">
        <v>0</v>
      </c>
      <c r="K21710" s="2">
        <v>0</v>
      </c>
      <c r="L21710" t="s">
        <v>120</v>
      </c>
      <c r="M21710" t="s">
        <v>83</v>
      </c>
      <c r="N21710" t="s">
        <v>84</v>
      </c>
      <c r="O21710" t="s">
        <v>85</v>
      </c>
      <c r="P21710" t="s">
        <v>86</v>
      </c>
      <c r="Q21710">
        <v>16</v>
      </c>
      <c r="R21710">
        <v>17</v>
      </c>
      <c r="S21710">
        <v>17</v>
      </c>
      <c r="T21710">
        <v>17</v>
      </c>
      <c r="U21710">
        <v>17</v>
      </c>
      <c r="V21710">
        <v>17</v>
      </c>
      <c r="W21710">
        <v>17</v>
      </c>
      <c r="X21710">
        <v>18</v>
      </c>
      <c r="Y21710">
        <v>18</v>
      </c>
      <c r="Z21710">
        <v>18</v>
      </c>
      <c r="AA21710">
        <v>18</v>
      </c>
      <c r="AB21710">
        <v>18</v>
      </c>
      <c r="AC21710">
        <v>18</v>
      </c>
      <c r="AD21710">
        <v>18</v>
      </c>
      <c r="AE21710">
        <v>19</v>
      </c>
      <c r="AF21710">
        <v>19</v>
      </c>
      <c r="AG21710">
        <v>19</v>
      </c>
      <c r="AH21710">
        <v>19</v>
      </c>
      <c r="AI21710">
        <v>19</v>
      </c>
      <c r="AJ21710">
        <v>19</v>
      </c>
      <c r="AK21710">
        <v>19</v>
      </c>
      <c r="AL21710">
        <v>19</v>
      </c>
      <c r="AM21710">
        <v>19</v>
      </c>
      <c r="AN21710">
        <v>19</v>
      </c>
      <c r="AO21710">
        <v>19</v>
      </c>
      <c r="AP21710">
        <v>19</v>
      </c>
      <c r="AQ21710">
        <v>19</v>
      </c>
    </row>
    <row r="21711" spans="1:43">
      <c r="A21711" t="s">
        <v>13455</v>
      </c>
      <c r="B21711" t="s">
        <v>13456</v>
      </c>
      <c r="C21711" t="s">
        <v>13453</v>
      </c>
      <c r="D21711" t="s">
        <v>13454</v>
      </c>
      <c r="E21711" t="s">
        <v>13293</v>
      </c>
      <c r="F21711" t="s">
        <v>13294</v>
      </c>
      <c r="G21711" t="s">
        <v>10214</v>
      </c>
      <c r="H21711" t="s">
        <v>10215</v>
      </c>
      <c r="I21711" s="2">
        <v>1</v>
      </c>
      <c r="J21711" s="2">
        <v>0</v>
      </c>
      <c r="K21711" s="2">
        <v>0</v>
      </c>
      <c r="L21711" t="s">
        <v>120</v>
      </c>
      <c r="M21711" t="s">
        <v>87</v>
      </c>
      <c r="N21711" t="s">
        <v>88</v>
      </c>
      <c r="O21711" t="s">
        <v>85</v>
      </c>
      <c r="P21711" t="s">
        <v>86</v>
      </c>
      <c r="Q21711">
        <v>16</v>
      </c>
      <c r="R21711">
        <v>16</v>
      </c>
      <c r="S21711">
        <v>16</v>
      </c>
      <c r="T21711">
        <v>16</v>
      </c>
      <c r="U21711">
        <v>16</v>
      </c>
      <c r="V21711">
        <v>16</v>
      </c>
      <c r="W21711">
        <v>16</v>
      </c>
      <c r="X21711">
        <v>16</v>
      </c>
      <c r="Y21711">
        <v>16</v>
      </c>
      <c r="Z21711">
        <v>16</v>
      </c>
      <c r="AA21711">
        <v>17</v>
      </c>
      <c r="AB21711">
        <v>17</v>
      </c>
      <c r="AC21711">
        <v>17</v>
      </c>
      <c r="AD21711">
        <v>17</v>
      </c>
      <c r="AE21711">
        <v>17</v>
      </c>
      <c r="AF21711">
        <v>17</v>
      </c>
      <c r="AG21711">
        <v>17</v>
      </c>
      <c r="AH21711">
        <v>17</v>
      </c>
      <c r="AI21711">
        <v>17</v>
      </c>
      <c r="AJ21711">
        <v>17</v>
      </c>
      <c r="AK21711">
        <v>17</v>
      </c>
      <c r="AL21711">
        <v>17</v>
      </c>
      <c r="AM21711">
        <v>17</v>
      </c>
      <c r="AN21711">
        <v>17</v>
      </c>
      <c r="AO21711">
        <v>17</v>
      </c>
      <c r="AP21711">
        <v>17</v>
      </c>
      <c r="AQ21711">
        <v>17</v>
      </c>
    </row>
    <row r="21712" spans="1:43">
      <c r="A21712" t="s">
        <v>13455</v>
      </c>
      <c r="B21712" t="s">
        <v>13456</v>
      </c>
      <c r="C21712" t="s">
        <v>13453</v>
      </c>
      <c r="D21712" t="s">
        <v>13454</v>
      </c>
      <c r="E21712" t="s">
        <v>13293</v>
      </c>
      <c r="F21712" t="s">
        <v>13294</v>
      </c>
      <c r="G21712" t="s">
        <v>10214</v>
      </c>
      <c r="H21712" t="s">
        <v>10215</v>
      </c>
      <c r="I21712" s="2">
        <v>1</v>
      </c>
      <c r="J21712" s="2">
        <v>0</v>
      </c>
      <c r="K21712" s="2">
        <v>0</v>
      </c>
      <c r="L21712" t="s">
        <v>120</v>
      </c>
      <c r="M21712" t="s">
        <v>89</v>
      </c>
      <c r="N21712" t="s">
        <v>90</v>
      </c>
      <c r="O21712" t="s">
        <v>85</v>
      </c>
      <c r="P21712" t="s">
        <v>86</v>
      </c>
      <c r="Q21712">
        <v>16</v>
      </c>
      <c r="R21712">
        <v>16</v>
      </c>
      <c r="S21712">
        <v>16</v>
      </c>
      <c r="T21712">
        <v>16</v>
      </c>
      <c r="U21712">
        <v>17</v>
      </c>
      <c r="V21712">
        <v>17</v>
      </c>
      <c r="W21712">
        <v>17</v>
      </c>
      <c r="X21712">
        <v>18</v>
      </c>
      <c r="Y21712">
        <v>18</v>
      </c>
      <c r="Z21712">
        <v>18</v>
      </c>
      <c r="AA21712">
        <v>18</v>
      </c>
      <c r="AB21712">
        <v>18</v>
      </c>
      <c r="AC21712">
        <v>19</v>
      </c>
      <c r="AD21712">
        <v>19</v>
      </c>
      <c r="AE21712">
        <v>19</v>
      </c>
      <c r="AF21712">
        <v>19</v>
      </c>
      <c r="AG21712">
        <v>19</v>
      </c>
      <c r="AH21712">
        <v>19</v>
      </c>
      <c r="AI21712">
        <v>19</v>
      </c>
      <c r="AJ21712">
        <v>19</v>
      </c>
      <c r="AK21712">
        <v>19</v>
      </c>
      <c r="AL21712">
        <v>19</v>
      </c>
      <c r="AM21712">
        <v>19</v>
      </c>
      <c r="AN21712">
        <v>19</v>
      </c>
      <c r="AO21712">
        <v>19</v>
      </c>
      <c r="AP21712">
        <v>19</v>
      </c>
      <c r="AQ21712">
        <v>19</v>
      </c>
    </row>
    <row r="21713" spans="1:43">
      <c r="A21713" t="s">
        <v>13455</v>
      </c>
      <c r="B21713" t="s">
        <v>13456</v>
      </c>
      <c r="C21713" t="s">
        <v>13453</v>
      </c>
      <c r="D21713" t="s">
        <v>13454</v>
      </c>
      <c r="E21713" t="s">
        <v>13293</v>
      </c>
      <c r="F21713" t="s">
        <v>13294</v>
      </c>
      <c r="G21713" t="s">
        <v>10214</v>
      </c>
      <c r="H21713" t="s">
        <v>10215</v>
      </c>
      <c r="I21713" s="2">
        <v>1</v>
      </c>
      <c r="J21713" s="2">
        <v>0</v>
      </c>
      <c r="K21713" s="2">
        <v>0</v>
      </c>
      <c r="L21713" t="s">
        <v>120</v>
      </c>
      <c r="M21713" t="s">
        <v>83</v>
      </c>
      <c r="N21713" t="s">
        <v>91</v>
      </c>
      <c r="O21713" t="s">
        <v>85</v>
      </c>
      <c r="P21713" t="s">
        <v>86</v>
      </c>
      <c r="Q21713">
        <v>16</v>
      </c>
      <c r="R21713">
        <v>17</v>
      </c>
      <c r="S21713">
        <v>17</v>
      </c>
      <c r="T21713">
        <v>17</v>
      </c>
      <c r="U21713">
        <v>17</v>
      </c>
      <c r="V21713">
        <v>17</v>
      </c>
      <c r="W21713">
        <v>17</v>
      </c>
      <c r="X21713">
        <v>18</v>
      </c>
      <c r="Y21713">
        <v>18</v>
      </c>
      <c r="Z21713">
        <v>18</v>
      </c>
      <c r="AA21713">
        <v>18</v>
      </c>
      <c r="AB21713">
        <v>18</v>
      </c>
      <c r="AC21713">
        <v>18</v>
      </c>
      <c r="AD21713">
        <v>18</v>
      </c>
      <c r="AE21713">
        <v>19</v>
      </c>
      <c r="AF21713">
        <v>19</v>
      </c>
      <c r="AG21713">
        <v>19</v>
      </c>
      <c r="AH21713">
        <v>19</v>
      </c>
      <c r="AI21713">
        <v>19</v>
      </c>
      <c r="AJ21713">
        <v>19</v>
      </c>
      <c r="AK21713">
        <v>19</v>
      </c>
      <c r="AL21713">
        <v>19</v>
      </c>
      <c r="AM21713">
        <v>19</v>
      </c>
      <c r="AN21713">
        <v>19</v>
      </c>
      <c r="AO21713">
        <v>19</v>
      </c>
      <c r="AP21713">
        <v>19</v>
      </c>
      <c r="AQ21713">
        <v>19</v>
      </c>
    </row>
    <row r="21714" spans="1:43">
      <c r="A21714" t="s">
        <v>13457</v>
      </c>
      <c r="B21714" t="s">
        <v>13458</v>
      </c>
      <c r="C21714" t="s">
        <v>13453</v>
      </c>
      <c r="D21714" t="s">
        <v>13454</v>
      </c>
      <c r="E21714" t="s">
        <v>13293</v>
      </c>
      <c r="F21714" t="s">
        <v>13294</v>
      </c>
      <c r="G21714" t="s">
        <v>10214</v>
      </c>
      <c r="H21714" t="s">
        <v>10215</v>
      </c>
      <c r="I21714" s="2">
        <v>1</v>
      </c>
      <c r="J21714" s="2">
        <v>0</v>
      </c>
      <c r="K21714" s="2">
        <v>0</v>
      </c>
      <c r="L21714" t="s">
        <v>120</v>
      </c>
      <c r="M21714" t="s">
        <v>83</v>
      </c>
      <c r="N21714" t="s">
        <v>84</v>
      </c>
      <c r="O21714" t="s">
        <v>85</v>
      </c>
      <c r="P21714" t="s">
        <v>86</v>
      </c>
      <c r="Q21714">
        <v>18</v>
      </c>
      <c r="R21714">
        <v>18</v>
      </c>
      <c r="S21714">
        <v>18</v>
      </c>
      <c r="T21714">
        <v>18</v>
      </c>
      <c r="U21714">
        <v>18</v>
      </c>
      <c r="V21714">
        <v>18</v>
      </c>
      <c r="W21714">
        <v>19</v>
      </c>
      <c r="X21714">
        <v>19</v>
      </c>
      <c r="Y21714">
        <v>19</v>
      </c>
      <c r="Z21714">
        <v>19</v>
      </c>
      <c r="AA21714">
        <v>19</v>
      </c>
      <c r="AB21714">
        <v>19</v>
      </c>
      <c r="AC21714">
        <v>19</v>
      </c>
      <c r="AD21714">
        <v>20</v>
      </c>
      <c r="AE21714">
        <v>20</v>
      </c>
      <c r="AF21714">
        <v>20</v>
      </c>
      <c r="AG21714">
        <v>20</v>
      </c>
      <c r="AH21714">
        <v>20</v>
      </c>
      <c r="AI21714">
        <v>20</v>
      </c>
      <c r="AJ21714">
        <v>20</v>
      </c>
      <c r="AK21714">
        <v>20</v>
      </c>
      <c r="AL21714">
        <v>20</v>
      </c>
      <c r="AM21714">
        <v>20</v>
      </c>
      <c r="AN21714">
        <v>20</v>
      </c>
      <c r="AO21714">
        <v>20</v>
      </c>
      <c r="AP21714">
        <v>20</v>
      </c>
      <c r="AQ21714">
        <v>20</v>
      </c>
    </row>
    <row r="21715" spans="1:43">
      <c r="A21715" t="s">
        <v>13457</v>
      </c>
      <c r="B21715" t="s">
        <v>13458</v>
      </c>
      <c r="C21715" t="s">
        <v>13453</v>
      </c>
      <c r="D21715" t="s">
        <v>13454</v>
      </c>
      <c r="E21715" t="s">
        <v>13293</v>
      </c>
      <c r="F21715" t="s">
        <v>13294</v>
      </c>
      <c r="G21715" t="s">
        <v>10214</v>
      </c>
      <c r="H21715" t="s">
        <v>10215</v>
      </c>
      <c r="I21715" s="2">
        <v>1</v>
      </c>
      <c r="J21715" s="2">
        <v>0</v>
      </c>
      <c r="K21715" s="2">
        <v>0</v>
      </c>
      <c r="L21715" t="s">
        <v>120</v>
      </c>
      <c r="M21715" t="s">
        <v>87</v>
      </c>
      <c r="N21715" t="s">
        <v>88</v>
      </c>
      <c r="O21715" t="s">
        <v>85</v>
      </c>
      <c r="P21715" t="s">
        <v>86</v>
      </c>
      <c r="Q21715">
        <v>18</v>
      </c>
      <c r="R21715">
        <v>18</v>
      </c>
      <c r="S21715">
        <v>18</v>
      </c>
      <c r="T21715">
        <v>18</v>
      </c>
      <c r="U21715">
        <v>18</v>
      </c>
      <c r="V21715">
        <v>19</v>
      </c>
      <c r="W21715">
        <v>19</v>
      </c>
      <c r="X21715">
        <v>19</v>
      </c>
      <c r="Y21715">
        <v>19</v>
      </c>
      <c r="Z21715">
        <v>19</v>
      </c>
      <c r="AA21715">
        <v>19</v>
      </c>
      <c r="AB21715">
        <v>19</v>
      </c>
      <c r="AC21715">
        <v>19</v>
      </c>
      <c r="AD21715">
        <v>19</v>
      </c>
      <c r="AE21715">
        <v>19</v>
      </c>
      <c r="AF21715">
        <v>19</v>
      </c>
      <c r="AG21715">
        <v>19</v>
      </c>
      <c r="AH21715">
        <v>19</v>
      </c>
      <c r="AI21715">
        <v>19</v>
      </c>
      <c r="AJ21715">
        <v>19</v>
      </c>
      <c r="AK21715">
        <v>19</v>
      </c>
      <c r="AL21715">
        <v>19</v>
      </c>
      <c r="AM21715">
        <v>19</v>
      </c>
      <c r="AN21715">
        <v>18</v>
      </c>
      <c r="AO21715">
        <v>18</v>
      </c>
      <c r="AP21715">
        <v>18</v>
      </c>
      <c r="AQ21715">
        <v>18</v>
      </c>
    </row>
    <row r="21716" spans="1:43">
      <c r="A21716" t="s">
        <v>13457</v>
      </c>
      <c r="B21716" t="s">
        <v>13458</v>
      </c>
      <c r="C21716" t="s">
        <v>13453</v>
      </c>
      <c r="D21716" t="s">
        <v>13454</v>
      </c>
      <c r="E21716" t="s">
        <v>13293</v>
      </c>
      <c r="F21716" t="s">
        <v>13294</v>
      </c>
      <c r="G21716" t="s">
        <v>10214</v>
      </c>
      <c r="H21716" t="s">
        <v>10215</v>
      </c>
      <c r="I21716" s="2">
        <v>1</v>
      </c>
      <c r="J21716" s="2">
        <v>0</v>
      </c>
      <c r="K21716" s="2">
        <v>0</v>
      </c>
      <c r="L21716" t="s">
        <v>120</v>
      </c>
      <c r="M21716" t="s">
        <v>89</v>
      </c>
      <c r="N21716" t="s">
        <v>90</v>
      </c>
      <c r="O21716" t="s">
        <v>85</v>
      </c>
      <c r="P21716" t="s">
        <v>86</v>
      </c>
      <c r="Q21716">
        <v>18</v>
      </c>
      <c r="R21716">
        <v>18</v>
      </c>
      <c r="S21716">
        <v>18</v>
      </c>
      <c r="T21716">
        <v>19</v>
      </c>
      <c r="U21716">
        <v>19</v>
      </c>
      <c r="V21716">
        <v>19</v>
      </c>
      <c r="W21716">
        <v>20</v>
      </c>
      <c r="X21716">
        <v>20</v>
      </c>
      <c r="Y21716">
        <v>20</v>
      </c>
      <c r="Z21716">
        <v>20</v>
      </c>
      <c r="AA21716">
        <v>20</v>
      </c>
      <c r="AB21716">
        <v>21</v>
      </c>
      <c r="AC21716">
        <v>21</v>
      </c>
      <c r="AD21716">
        <v>21</v>
      </c>
      <c r="AE21716">
        <v>21</v>
      </c>
      <c r="AF21716">
        <v>21</v>
      </c>
      <c r="AG21716">
        <v>21</v>
      </c>
      <c r="AH21716">
        <v>21</v>
      </c>
      <c r="AI21716">
        <v>21</v>
      </c>
      <c r="AJ21716">
        <v>21</v>
      </c>
      <c r="AK21716">
        <v>21</v>
      </c>
      <c r="AL21716">
        <v>21</v>
      </c>
      <c r="AM21716">
        <v>21</v>
      </c>
      <c r="AN21716">
        <v>21</v>
      </c>
      <c r="AO21716">
        <v>20</v>
      </c>
      <c r="AP21716">
        <v>20</v>
      </c>
      <c r="AQ21716">
        <v>20</v>
      </c>
    </row>
    <row r="21717" spans="1:43">
      <c r="A21717" t="s">
        <v>13457</v>
      </c>
      <c r="B21717" t="s">
        <v>13458</v>
      </c>
      <c r="C21717" t="s">
        <v>13453</v>
      </c>
      <c r="D21717" t="s">
        <v>13454</v>
      </c>
      <c r="E21717" t="s">
        <v>13293</v>
      </c>
      <c r="F21717" t="s">
        <v>13294</v>
      </c>
      <c r="G21717" t="s">
        <v>10214</v>
      </c>
      <c r="H21717" t="s">
        <v>10215</v>
      </c>
      <c r="I21717" s="2">
        <v>1</v>
      </c>
      <c r="J21717" s="2">
        <v>0</v>
      </c>
      <c r="K21717" s="2">
        <v>0</v>
      </c>
      <c r="L21717" t="s">
        <v>120</v>
      </c>
      <c r="M21717" t="s">
        <v>83</v>
      </c>
      <c r="N21717" t="s">
        <v>91</v>
      </c>
      <c r="O21717" t="s">
        <v>85</v>
      </c>
      <c r="P21717" t="s">
        <v>86</v>
      </c>
      <c r="Q21717">
        <v>18</v>
      </c>
      <c r="R21717">
        <v>18</v>
      </c>
      <c r="S21717">
        <v>18</v>
      </c>
      <c r="T21717">
        <v>18</v>
      </c>
      <c r="U21717">
        <v>18</v>
      </c>
      <c r="V21717">
        <v>18</v>
      </c>
      <c r="W21717">
        <v>19</v>
      </c>
      <c r="X21717">
        <v>19</v>
      </c>
      <c r="Y21717">
        <v>19</v>
      </c>
      <c r="Z21717">
        <v>19</v>
      </c>
      <c r="AA21717">
        <v>19</v>
      </c>
      <c r="AB21717">
        <v>19</v>
      </c>
      <c r="AC21717">
        <v>19</v>
      </c>
      <c r="AD21717">
        <v>20</v>
      </c>
      <c r="AE21717">
        <v>20</v>
      </c>
      <c r="AF21717">
        <v>20</v>
      </c>
      <c r="AG21717">
        <v>20</v>
      </c>
      <c r="AH21717">
        <v>20</v>
      </c>
      <c r="AI21717">
        <v>20</v>
      </c>
      <c r="AJ21717">
        <v>20</v>
      </c>
      <c r="AK21717">
        <v>20</v>
      </c>
      <c r="AL21717">
        <v>20</v>
      </c>
      <c r="AM21717">
        <v>20</v>
      </c>
      <c r="AN21717">
        <v>20</v>
      </c>
      <c r="AO21717">
        <v>20</v>
      </c>
      <c r="AP21717">
        <v>20</v>
      </c>
      <c r="AQ21717">
        <v>20</v>
      </c>
    </row>
    <row r="21718" spans="1:43">
      <c r="A21718" t="s">
        <v>13459</v>
      </c>
      <c r="B21718" t="s">
        <v>13460</v>
      </c>
      <c r="C21718" t="s">
        <v>13453</v>
      </c>
      <c r="D21718" t="s">
        <v>13454</v>
      </c>
      <c r="E21718" t="s">
        <v>13293</v>
      </c>
      <c r="F21718" t="s">
        <v>13294</v>
      </c>
      <c r="G21718" t="s">
        <v>10214</v>
      </c>
      <c r="H21718" t="s">
        <v>10215</v>
      </c>
      <c r="I21718" s="2">
        <v>1</v>
      </c>
      <c r="J21718" s="2">
        <v>0</v>
      </c>
      <c r="K21718" s="2">
        <v>0</v>
      </c>
      <c r="L21718" t="s">
        <v>120</v>
      </c>
      <c r="M21718" t="s">
        <v>83</v>
      </c>
      <c r="N21718" t="s">
        <v>84</v>
      </c>
      <c r="O21718" t="s">
        <v>85</v>
      </c>
      <c r="P21718" t="s">
        <v>86</v>
      </c>
      <c r="Q21718">
        <v>22</v>
      </c>
      <c r="R21718">
        <v>22</v>
      </c>
      <c r="S21718">
        <v>22</v>
      </c>
      <c r="T21718">
        <v>22</v>
      </c>
      <c r="U21718">
        <v>23</v>
      </c>
      <c r="V21718">
        <v>23</v>
      </c>
      <c r="W21718">
        <v>23</v>
      </c>
      <c r="X21718">
        <v>23</v>
      </c>
      <c r="Y21718">
        <v>23</v>
      </c>
      <c r="Z21718">
        <v>23</v>
      </c>
      <c r="AA21718">
        <v>24</v>
      </c>
      <c r="AB21718">
        <v>24</v>
      </c>
      <c r="AC21718">
        <v>24</v>
      </c>
      <c r="AD21718">
        <v>24</v>
      </c>
      <c r="AE21718">
        <v>24</v>
      </c>
      <c r="AF21718">
        <v>24</v>
      </c>
      <c r="AG21718">
        <v>25</v>
      </c>
      <c r="AH21718">
        <v>25</v>
      </c>
      <c r="AI21718">
        <v>25</v>
      </c>
      <c r="AJ21718">
        <v>25</v>
      </c>
      <c r="AK21718">
        <v>25</v>
      </c>
      <c r="AL21718">
        <v>25</v>
      </c>
      <c r="AM21718">
        <v>25</v>
      </c>
      <c r="AN21718">
        <v>25</v>
      </c>
      <c r="AO21718">
        <v>25</v>
      </c>
      <c r="AP21718">
        <v>25</v>
      </c>
      <c r="AQ21718">
        <v>25</v>
      </c>
    </row>
    <row r="21719" spans="1:43">
      <c r="A21719" t="s">
        <v>13459</v>
      </c>
      <c r="B21719" t="s">
        <v>13460</v>
      </c>
      <c r="C21719" t="s">
        <v>13453</v>
      </c>
      <c r="D21719" t="s">
        <v>13454</v>
      </c>
      <c r="E21719" t="s">
        <v>13293</v>
      </c>
      <c r="F21719" t="s">
        <v>13294</v>
      </c>
      <c r="G21719" t="s">
        <v>10214</v>
      </c>
      <c r="H21719" t="s">
        <v>10215</v>
      </c>
      <c r="I21719" s="2">
        <v>1</v>
      </c>
      <c r="J21719" s="2">
        <v>0</v>
      </c>
      <c r="K21719" s="2">
        <v>0</v>
      </c>
      <c r="L21719" t="s">
        <v>120</v>
      </c>
      <c r="M21719" t="s">
        <v>87</v>
      </c>
      <c r="N21719" t="s">
        <v>88</v>
      </c>
      <c r="O21719" t="s">
        <v>85</v>
      </c>
      <c r="P21719" t="s">
        <v>86</v>
      </c>
      <c r="Q21719">
        <v>22</v>
      </c>
      <c r="R21719">
        <v>22</v>
      </c>
      <c r="S21719">
        <v>22</v>
      </c>
      <c r="T21719">
        <v>22</v>
      </c>
      <c r="U21719">
        <v>23</v>
      </c>
      <c r="V21719">
        <v>23</v>
      </c>
      <c r="W21719">
        <v>23</v>
      </c>
      <c r="X21719">
        <v>23</v>
      </c>
      <c r="Y21719">
        <v>23</v>
      </c>
      <c r="Z21719">
        <v>23</v>
      </c>
      <c r="AA21719">
        <v>23</v>
      </c>
      <c r="AB21719">
        <v>23</v>
      </c>
      <c r="AC21719">
        <v>23</v>
      </c>
      <c r="AD21719">
        <v>23</v>
      </c>
      <c r="AE21719">
        <v>23</v>
      </c>
      <c r="AF21719">
        <v>23</v>
      </c>
      <c r="AG21719">
        <v>23</v>
      </c>
      <c r="AH21719">
        <v>23</v>
      </c>
      <c r="AI21719">
        <v>23</v>
      </c>
      <c r="AJ21719">
        <v>23</v>
      </c>
      <c r="AK21719">
        <v>23</v>
      </c>
      <c r="AL21719">
        <v>23</v>
      </c>
      <c r="AM21719">
        <v>23</v>
      </c>
      <c r="AN21719">
        <v>23</v>
      </c>
      <c r="AO21719">
        <v>22</v>
      </c>
      <c r="AP21719">
        <v>22</v>
      </c>
      <c r="AQ21719">
        <v>22</v>
      </c>
    </row>
    <row r="21720" spans="1:43">
      <c r="A21720" t="s">
        <v>13459</v>
      </c>
      <c r="B21720" t="s">
        <v>13460</v>
      </c>
      <c r="C21720" t="s">
        <v>13453</v>
      </c>
      <c r="D21720" t="s">
        <v>13454</v>
      </c>
      <c r="E21720" t="s">
        <v>13293</v>
      </c>
      <c r="F21720" t="s">
        <v>13294</v>
      </c>
      <c r="G21720" t="s">
        <v>10214</v>
      </c>
      <c r="H21720" t="s">
        <v>10215</v>
      </c>
      <c r="I21720" s="2">
        <v>1</v>
      </c>
      <c r="J21720" s="2">
        <v>0</v>
      </c>
      <c r="K21720" s="2">
        <v>0</v>
      </c>
      <c r="L21720" t="s">
        <v>120</v>
      </c>
      <c r="M21720" t="s">
        <v>89</v>
      </c>
      <c r="N21720" t="s">
        <v>90</v>
      </c>
      <c r="O21720" t="s">
        <v>85</v>
      </c>
      <c r="P21720" t="s">
        <v>86</v>
      </c>
      <c r="Q21720">
        <v>22</v>
      </c>
      <c r="R21720">
        <v>22</v>
      </c>
      <c r="S21720">
        <v>23</v>
      </c>
      <c r="T21720">
        <v>23</v>
      </c>
      <c r="U21720">
        <v>23</v>
      </c>
      <c r="V21720">
        <v>24</v>
      </c>
      <c r="W21720">
        <v>24</v>
      </c>
      <c r="X21720">
        <v>24</v>
      </c>
      <c r="Y21720">
        <v>25</v>
      </c>
      <c r="Z21720">
        <v>25</v>
      </c>
      <c r="AA21720">
        <v>25</v>
      </c>
      <c r="AB21720">
        <v>25</v>
      </c>
      <c r="AC21720">
        <v>26</v>
      </c>
      <c r="AD21720">
        <v>26</v>
      </c>
      <c r="AE21720">
        <v>26</v>
      </c>
      <c r="AF21720">
        <v>26</v>
      </c>
      <c r="AG21720">
        <v>26</v>
      </c>
      <c r="AH21720">
        <v>26</v>
      </c>
      <c r="AI21720">
        <v>26</v>
      </c>
      <c r="AJ21720">
        <v>26</v>
      </c>
      <c r="AK21720">
        <v>25</v>
      </c>
      <c r="AL21720">
        <v>25</v>
      </c>
      <c r="AM21720">
        <v>25</v>
      </c>
      <c r="AN21720">
        <v>25</v>
      </c>
      <c r="AO21720">
        <v>25</v>
      </c>
      <c r="AP21720">
        <v>25</v>
      </c>
      <c r="AQ21720">
        <v>25</v>
      </c>
    </row>
    <row r="21721" spans="1:43">
      <c r="A21721" t="s">
        <v>13459</v>
      </c>
      <c r="B21721" t="s">
        <v>13460</v>
      </c>
      <c r="C21721" t="s">
        <v>13453</v>
      </c>
      <c r="D21721" t="s">
        <v>13454</v>
      </c>
      <c r="E21721" t="s">
        <v>13293</v>
      </c>
      <c r="F21721" t="s">
        <v>13294</v>
      </c>
      <c r="G21721" t="s">
        <v>10214</v>
      </c>
      <c r="H21721" t="s">
        <v>10215</v>
      </c>
      <c r="I21721" s="2">
        <v>1</v>
      </c>
      <c r="J21721" s="2">
        <v>0</v>
      </c>
      <c r="K21721" s="2">
        <v>0</v>
      </c>
      <c r="L21721" t="s">
        <v>120</v>
      </c>
      <c r="M21721" t="s">
        <v>83</v>
      </c>
      <c r="N21721" t="s">
        <v>91</v>
      </c>
      <c r="O21721" t="s">
        <v>85</v>
      </c>
      <c r="P21721" t="s">
        <v>86</v>
      </c>
      <c r="Q21721">
        <v>22</v>
      </c>
      <c r="R21721">
        <v>22</v>
      </c>
      <c r="S21721">
        <v>22</v>
      </c>
      <c r="T21721">
        <v>22</v>
      </c>
      <c r="U21721">
        <v>23</v>
      </c>
      <c r="V21721">
        <v>23</v>
      </c>
      <c r="W21721">
        <v>23</v>
      </c>
      <c r="X21721">
        <v>23</v>
      </c>
      <c r="Y21721">
        <v>23</v>
      </c>
      <c r="Z21721">
        <v>23</v>
      </c>
      <c r="AA21721">
        <v>24</v>
      </c>
      <c r="AB21721">
        <v>24</v>
      </c>
      <c r="AC21721">
        <v>24</v>
      </c>
      <c r="AD21721">
        <v>24</v>
      </c>
      <c r="AE21721">
        <v>24</v>
      </c>
      <c r="AF21721">
        <v>24</v>
      </c>
      <c r="AG21721">
        <v>25</v>
      </c>
      <c r="AH21721">
        <v>25</v>
      </c>
      <c r="AI21721">
        <v>25</v>
      </c>
      <c r="AJ21721">
        <v>25</v>
      </c>
      <c r="AK21721">
        <v>25</v>
      </c>
      <c r="AL21721">
        <v>25</v>
      </c>
      <c r="AM21721">
        <v>25</v>
      </c>
      <c r="AN21721">
        <v>25</v>
      </c>
      <c r="AO21721">
        <v>25</v>
      </c>
      <c r="AP21721">
        <v>25</v>
      </c>
      <c r="AQ21721">
        <v>25</v>
      </c>
    </row>
    <row r="21722" spans="1:43">
      <c r="A21722" t="s">
        <v>13461</v>
      </c>
      <c r="B21722" t="s">
        <v>13462</v>
      </c>
      <c r="C21722" t="s">
        <v>13453</v>
      </c>
      <c r="D21722" t="s">
        <v>13454</v>
      </c>
      <c r="E21722" t="s">
        <v>13293</v>
      </c>
      <c r="F21722" t="s">
        <v>13294</v>
      </c>
      <c r="G21722" t="s">
        <v>10214</v>
      </c>
      <c r="H21722" t="s">
        <v>10215</v>
      </c>
      <c r="I21722" s="2">
        <v>1</v>
      </c>
      <c r="J21722" s="2">
        <v>0</v>
      </c>
      <c r="K21722" s="2">
        <v>0</v>
      </c>
      <c r="L21722" t="s">
        <v>120</v>
      </c>
      <c r="M21722" t="s">
        <v>83</v>
      </c>
      <c r="N21722" t="s">
        <v>84</v>
      </c>
      <c r="O21722" t="s">
        <v>85</v>
      </c>
      <c r="P21722" t="s">
        <v>86</v>
      </c>
      <c r="Q21722">
        <v>28</v>
      </c>
      <c r="R21722">
        <v>29</v>
      </c>
      <c r="S21722">
        <v>29</v>
      </c>
      <c r="T21722">
        <v>29</v>
      </c>
      <c r="U21722">
        <v>30</v>
      </c>
      <c r="V21722">
        <v>30</v>
      </c>
      <c r="W21722">
        <v>30</v>
      </c>
      <c r="X21722">
        <v>30</v>
      </c>
      <c r="Y21722">
        <v>31</v>
      </c>
      <c r="Z21722">
        <v>31</v>
      </c>
      <c r="AA21722">
        <v>31</v>
      </c>
      <c r="AB21722">
        <v>31</v>
      </c>
      <c r="AC21722">
        <v>31</v>
      </c>
      <c r="AD21722">
        <v>32</v>
      </c>
      <c r="AE21722">
        <v>32</v>
      </c>
      <c r="AF21722">
        <v>32</v>
      </c>
      <c r="AG21722">
        <v>32</v>
      </c>
      <c r="AH21722">
        <v>32</v>
      </c>
      <c r="AI21722">
        <v>33</v>
      </c>
      <c r="AJ21722">
        <v>33</v>
      </c>
      <c r="AK21722">
        <v>33</v>
      </c>
      <c r="AL21722">
        <v>33</v>
      </c>
      <c r="AM21722">
        <v>33</v>
      </c>
      <c r="AN21722">
        <v>33</v>
      </c>
      <c r="AO21722">
        <v>33</v>
      </c>
      <c r="AP21722">
        <v>33</v>
      </c>
      <c r="AQ21722">
        <v>32</v>
      </c>
    </row>
    <row r="21723" spans="1:43">
      <c r="A21723" t="s">
        <v>13461</v>
      </c>
      <c r="B21723" t="s">
        <v>13462</v>
      </c>
      <c r="C21723" t="s">
        <v>13453</v>
      </c>
      <c r="D21723" t="s">
        <v>13454</v>
      </c>
      <c r="E21723" t="s">
        <v>13293</v>
      </c>
      <c r="F21723" t="s">
        <v>13294</v>
      </c>
      <c r="G21723" t="s">
        <v>10214</v>
      </c>
      <c r="H21723" t="s">
        <v>10215</v>
      </c>
      <c r="I21723" s="2">
        <v>1</v>
      </c>
      <c r="J21723" s="2">
        <v>0</v>
      </c>
      <c r="K21723" s="2">
        <v>0</v>
      </c>
      <c r="L21723" t="s">
        <v>120</v>
      </c>
      <c r="M21723" t="s">
        <v>87</v>
      </c>
      <c r="N21723" t="s">
        <v>88</v>
      </c>
      <c r="O21723" t="s">
        <v>85</v>
      </c>
      <c r="P21723" t="s">
        <v>86</v>
      </c>
      <c r="Q21723">
        <v>28</v>
      </c>
      <c r="R21723">
        <v>28</v>
      </c>
      <c r="S21723">
        <v>28</v>
      </c>
      <c r="T21723">
        <v>28</v>
      </c>
      <c r="U21723">
        <v>28</v>
      </c>
      <c r="V21723">
        <v>28</v>
      </c>
      <c r="W21723">
        <v>28</v>
      </c>
      <c r="X21723">
        <v>28</v>
      </c>
      <c r="Y21723">
        <v>28</v>
      </c>
      <c r="Z21723">
        <v>28</v>
      </c>
      <c r="AA21723">
        <v>28</v>
      </c>
      <c r="AB21723">
        <v>28</v>
      </c>
      <c r="AC21723">
        <v>28</v>
      </c>
      <c r="AD21723">
        <v>28</v>
      </c>
      <c r="AE21723">
        <v>28</v>
      </c>
      <c r="AF21723">
        <v>28</v>
      </c>
      <c r="AG21723">
        <v>28</v>
      </c>
      <c r="AH21723">
        <v>28</v>
      </c>
      <c r="AI21723">
        <v>28</v>
      </c>
      <c r="AJ21723">
        <v>28</v>
      </c>
      <c r="AK21723">
        <v>28</v>
      </c>
      <c r="AL21723">
        <v>28</v>
      </c>
      <c r="AM21723">
        <v>28</v>
      </c>
      <c r="AN21723">
        <v>28</v>
      </c>
      <c r="AO21723">
        <v>28</v>
      </c>
      <c r="AP21723">
        <v>28</v>
      </c>
      <c r="AQ21723">
        <v>28</v>
      </c>
    </row>
    <row r="21724" spans="1:43">
      <c r="A21724" t="s">
        <v>13461</v>
      </c>
      <c r="B21724" t="s">
        <v>13462</v>
      </c>
      <c r="C21724" t="s">
        <v>13453</v>
      </c>
      <c r="D21724" t="s">
        <v>13454</v>
      </c>
      <c r="E21724" t="s">
        <v>13293</v>
      </c>
      <c r="F21724" t="s">
        <v>13294</v>
      </c>
      <c r="G21724" t="s">
        <v>10214</v>
      </c>
      <c r="H21724" t="s">
        <v>10215</v>
      </c>
      <c r="I21724" s="2">
        <v>1</v>
      </c>
      <c r="J21724" s="2">
        <v>0</v>
      </c>
      <c r="K21724" s="2">
        <v>0</v>
      </c>
      <c r="L21724" t="s">
        <v>120</v>
      </c>
      <c r="M21724" t="s">
        <v>89</v>
      </c>
      <c r="N21724" t="s">
        <v>90</v>
      </c>
      <c r="O21724" t="s">
        <v>85</v>
      </c>
      <c r="P21724" t="s">
        <v>86</v>
      </c>
      <c r="Q21724">
        <v>28</v>
      </c>
      <c r="R21724">
        <v>28</v>
      </c>
      <c r="S21724">
        <v>29</v>
      </c>
      <c r="T21724">
        <v>29</v>
      </c>
      <c r="U21724">
        <v>30</v>
      </c>
      <c r="V21724">
        <v>30</v>
      </c>
      <c r="W21724">
        <v>31</v>
      </c>
      <c r="X21724">
        <v>31</v>
      </c>
      <c r="Y21724">
        <v>31</v>
      </c>
      <c r="Z21724">
        <v>32</v>
      </c>
      <c r="AA21724">
        <v>32</v>
      </c>
      <c r="AB21724">
        <v>32</v>
      </c>
      <c r="AC21724">
        <v>33</v>
      </c>
      <c r="AD21724">
        <v>33</v>
      </c>
      <c r="AE21724">
        <v>33</v>
      </c>
      <c r="AF21724">
        <v>33</v>
      </c>
      <c r="AG21724">
        <v>33</v>
      </c>
      <c r="AH21724">
        <v>33</v>
      </c>
      <c r="AI21724">
        <v>33</v>
      </c>
      <c r="AJ21724">
        <v>33</v>
      </c>
      <c r="AK21724">
        <v>32</v>
      </c>
      <c r="AL21724">
        <v>32</v>
      </c>
      <c r="AM21724">
        <v>32</v>
      </c>
      <c r="AN21724">
        <v>32</v>
      </c>
      <c r="AO21724">
        <v>32</v>
      </c>
      <c r="AP21724">
        <v>32</v>
      </c>
      <c r="AQ21724">
        <v>32</v>
      </c>
    </row>
    <row r="21725" spans="1:43">
      <c r="A21725" t="s">
        <v>13461</v>
      </c>
      <c r="B21725" t="s">
        <v>13462</v>
      </c>
      <c r="C21725" t="s">
        <v>13453</v>
      </c>
      <c r="D21725" t="s">
        <v>13454</v>
      </c>
      <c r="E21725" t="s">
        <v>13293</v>
      </c>
      <c r="F21725" t="s">
        <v>13294</v>
      </c>
      <c r="G21725" t="s">
        <v>10214</v>
      </c>
      <c r="H21725" t="s">
        <v>10215</v>
      </c>
      <c r="I21725" s="2">
        <v>1</v>
      </c>
      <c r="J21725" s="2">
        <v>0</v>
      </c>
      <c r="K21725" s="2">
        <v>0</v>
      </c>
      <c r="L21725" t="s">
        <v>120</v>
      </c>
      <c r="M21725" t="s">
        <v>83</v>
      </c>
      <c r="N21725" t="s">
        <v>91</v>
      </c>
      <c r="O21725" t="s">
        <v>85</v>
      </c>
      <c r="P21725" t="s">
        <v>86</v>
      </c>
      <c r="Q21725">
        <v>28</v>
      </c>
      <c r="R21725">
        <v>29</v>
      </c>
      <c r="S21725">
        <v>29</v>
      </c>
      <c r="T21725">
        <v>29</v>
      </c>
      <c r="U21725">
        <v>30</v>
      </c>
      <c r="V21725">
        <v>30</v>
      </c>
      <c r="W21725">
        <v>30</v>
      </c>
      <c r="X21725">
        <v>30</v>
      </c>
      <c r="Y21725">
        <v>31</v>
      </c>
      <c r="Z21725">
        <v>31</v>
      </c>
      <c r="AA21725">
        <v>31</v>
      </c>
      <c r="AB21725">
        <v>31</v>
      </c>
      <c r="AC21725">
        <v>31</v>
      </c>
      <c r="AD21725">
        <v>32</v>
      </c>
      <c r="AE21725">
        <v>32</v>
      </c>
      <c r="AF21725">
        <v>32</v>
      </c>
      <c r="AG21725">
        <v>32</v>
      </c>
      <c r="AH21725">
        <v>32</v>
      </c>
      <c r="AI21725">
        <v>33</v>
      </c>
      <c r="AJ21725">
        <v>33</v>
      </c>
      <c r="AK21725">
        <v>33</v>
      </c>
      <c r="AL21725">
        <v>33</v>
      </c>
      <c r="AM21725">
        <v>33</v>
      </c>
      <c r="AN21725">
        <v>33</v>
      </c>
      <c r="AO21725">
        <v>33</v>
      </c>
      <c r="AP21725">
        <v>33</v>
      </c>
      <c r="AQ21725">
        <v>32</v>
      </c>
    </row>
    <row r="21726" spans="1:43">
      <c r="A21726" t="s">
        <v>13463</v>
      </c>
      <c r="B21726" t="s">
        <v>13464</v>
      </c>
      <c r="C21726" t="s">
        <v>13465</v>
      </c>
      <c r="D21726" t="s">
        <v>13466</v>
      </c>
      <c r="E21726" t="s">
        <v>13293</v>
      </c>
      <c r="F21726" t="s">
        <v>13294</v>
      </c>
      <c r="G21726" t="s">
        <v>10214</v>
      </c>
      <c r="H21726" t="s">
        <v>10215</v>
      </c>
      <c r="I21726" s="2">
        <v>1</v>
      </c>
      <c r="J21726" s="2">
        <v>0</v>
      </c>
      <c r="K21726" s="2">
        <v>0</v>
      </c>
      <c r="L21726" t="s">
        <v>120</v>
      </c>
      <c r="M21726" t="s">
        <v>83</v>
      </c>
      <c r="N21726" t="s">
        <v>84</v>
      </c>
      <c r="O21726" t="s">
        <v>85</v>
      </c>
      <c r="P21726" t="s">
        <v>86</v>
      </c>
      <c r="Q21726">
        <v>144</v>
      </c>
      <c r="R21726">
        <v>145</v>
      </c>
      <c r="S21726">
        <v>147</v>
      </c>
      <c r="T21726">
        <v>148</v>
      </c>
      <c r="U21726">
        <v>150</v>
      </c>
      <c r="V21726">
        <v>151</v>
      </c>
      <c r="W21726">
        <v>153</v>
      </c>
      <c r="X21726">
        <v>154</v>
      </c>
      <c r="Y21726">
        <v>155</v>
      </c>
      <c r="Z21726">
        <v>157</v>
      </c>
      <c r="AA21726">
        <v>158</v>
      </c>
      <c r="AB21726">
        <v>159</v>
      </c>
      <c r="AC21726">
        <v>160</v>
      </c>
      <c r="AD21726">
        <v>161</v>
      </c>
      <c r="AE21726">
        <v>162</v>
      </c>
      <c r="AF21726">
        <v>164</v>
      </c>
      <c r="AG21726">
        <v>165</v>
      </c>
      <c r="AH21726">
        <v>166</v>
      </c>
      <c r="AI21726">
        <v>167</v>
      </c>
      <c r="AJ21726">
        <v>168</v>
      </c>
      <c r="AK21726">
        <v>169</v>
      </c>
      <c r="AL21726">
        <v>169</v>
      </c>
      <c r="AM21726">
        <v>169</v>
      </c>
      <c r="AN21726">
        <v>168</v>
      </c>
      <c r="AO21726">
        <v>168</v>
      </c>
      <c r="AP21726">
        <v>168</v>
      </c>
      <c r="AQ21726">
        <v>168</v>
      </c>
    </row>
    <row r="21727" spans="1:43">
      <c r="A21727" t="s">
        <v>13463</v>
      </c>
      <c r="B21727" t="s">
        <v>13464</v>
      </c>
      <c r="C21727" t="s">
        <v>13465</v>
      </c>
      <c r="D21727" t="s">
        <v>13466</v>
      </c>
      <c r="E21727" t="s">
        <v>13293</v>
      </c>
      <c r="F21727" t="s">
        <v>13294</v>
      </c>
      <c r="G21727" t="s">
        <v>10214</v>
      </c>
      <c r="H21727" t="s">
        <v>10215</v>
      </c>
      <c r="I21727" s="2">
        <v>1</v>
      </c>
      <c r="J21727" s="2">
        <v>0</v>
      </c>
      <c r="K21727" s="2">
        <v>0</v>
      </c>
      <c r="L21727" t="s">
        <v>120</v>
      </c>
      <c r="M21727" t="s">
        <v>87</v>
      </c>
      <c r="N21727" t="s">
        <v>88</v>
      </c>
      <c r="O21727" t="s">
        <v>85</v>
      </c>
      <c r="P21727" t="s">
        <v>86</v>
      </c>
      <c r="Q21727">
        <v>144</v>
      </c>
      <c r="R21727">
        <v>145</v>
      </c>
      <c r="S21727">
        <v>145</v>
      </c>
      <c r="T21727">
        <v>145</v>
      </c>
      <c r="U21727">
        <v>145</v>
      </c>
      <c r="V21727">
        <v>145</v>
      </c>
      <c r="W21727">
        <v>145</v>
      </c>
      <c r="X21727">
        <v>146</v>
      </c>
      <c r="Y21727">
        <v>146</v>
      </c>
      <c r="Z21727">
        <v>146</v>
      </c>
      <c r="AA21727">
        <v>146</v>
      </c>
      <c r="AB21727">
        <v>146</v>
      </c>
      <c r="AC21727">
        <v>146</v>
      </c>
      <c r="AD21727">
        <v>147</v>
      </c>
      <c r="AE21727">
        <v>147</v>
      </c>
      <c r="AF21727">
        <v>147</v>
      </c>
      <c r="AG21727">
        <v>147</v>
      </c>
      <c r="AH21727">
        <v>147</v>
      </c>
      <c r="AI21727">
        <v>147</v>
      </c>
      <c r="AJ21727">
        <v>147</v>
      </c>
      <c r="AK21727">
        <v>147</v>
      </c>
      <c r="AL21727">
        <v>148</v>
      </c>
      <c r="AM21727">
        <v>148</v>
      </c>
      <c r="AN21727">
        <v>148</v>
      </c>
      <c r="AO21727">
        <v>148</v>
      </c>
      <c r="AP21727">
        <v>148</v>
      </c>
      <c r="AQ21727">
        <v>148</v>
      </c>
    </row>
    <row r="21728" spans="1:43">
      <c r="A21728" t="s">
        <v>13463</v>
      </c>
      <c r="B21728" t="s">
        <v>13464</v>
      </c>
      <c r="C21728" t="s">
        <v>13465</v>
      </c>
      <c r="D21728" t="s">
        <v>13466</v>
      </c>
      <c r="E21728" t="s">
        <v>13293</v>
      </c>
      <c r="F21728" t="s">
        <v>13294</v>
      </c>
      <c r="G21728" t="s">
        <v>10214</v>
      </c>
      <c r="H21728" t="s">
        <v>10215</v>
      </c>
      <c r="I21728" s="2">
        <v>1</v>
      </c>
      <c r="J21728" s="2">
        <v>0</v>
      </c>
      <c r="K21728" s="2">
        <v>0</v>
      </c>
      <c r="L21728" t="s">
        <v>120</v>
      </c>
      <c r="M21728" t="s">
        <v>89</v>
      </c>
      <c r="N21728" t="s">
        <v>90</v>
      </c>
      <c r="O21728" t="s">
        <v>85</v>
      </c>
      <c r="P21728" t="s">
        <v>86</v>
      </c>
      <c r="Q21728">
        <v>144</v>
      </c>
      <c r="R21728">
        <v>147</v>
      </c>
      <c r="S21728">
        <v>149</v>
      </c>
      <c r="T21728">
        <v>152</v>
      </c>
      <c r="U21728">
        <v>155</v>
      </c>
      <c r="V21728">
        <v>157</v>
      </c>
      <c r="W21728">
        <v>159</v>
      </c>
      <c r="X21728">
        <v>161</v>
      </c>
      <c r="Y21728">
        <v>163</v>
      </c>
      <c r="Z21728">
        <v>165</v>
      </c>
      <c r="AA21728">
        <v>166</v>
      </c>
      <c r="AB21728">
        <v>168</v>
      </c>
      <c r="AC21728">
        <v>170</v>
      </c>
      <c r="AD21728">
        <v>172</v>
      </c>
      <c r="AE21728">
        <v>173</v>
      </c>
      <c r="AF21728">
        <v>172</v>
      </c>
      <c r="AG21728">
        <v>172</v>
      </c>
      <c r="AH21728">
        <v>172</v>
      </c>
      <c r="AI21728">
        <v>172</v>
      </c>
      <c r="AJ21728">
        <v>171</v>
      </c>
      <c r="AK21728">
        <v>171</v>
      </c>
      <c r="AL21728">
        <v>171</v>
      </c>
      <c r="AM21728">
        <v>171</v>
      </c>
      <c r="AN21728">
        <v>170</v>
      </c>
      <c r="AO21728">
        <v>170</v>
      </c>
      <c r="AP21728">
        <v>170</v>
      </c>
      <c r="AQ21728">
        <v>169</v>
      </c>
    </row>
    <row r="21729" spans="1:43">
      <c r="A21729" t="s">
        <v>13463</v>
      </c>
      <c r="B21729" t="s">
        <v>13464</v>
      </c>
      <c r="C21729" t="s">
        <v>13465</v>
      </c>
      <c r="D21729" t="s">
        <v>13466</v>
      </c>
      <c r="E21729" t="s">
        <v>13293</v>
      </c>
      <c r="F21729" t="s">
        <v>13294</v>
      </c>
      <c r="G21729" t="s">
        <v>10214</v>
      </c>
      <c r="H21729" t="s">
        <v>10215</v>
      </c>
      <c r="I21729" s="2">
        <v>1</v>
      </c>
      <c r="J21729" s="2">
        <v>0</v>
      </c>
      <c r="K21729" s="2">
        <v>0</v>
      </c>
      <c r="L21729" t="s">
        <v>120</v>
      </c>
      <c r="M21729" t="s">
        <v>83</v>
      </c>
      <c r="N21729" t="s">
        <v>91</v>
      </c>
      <c r="O21729" t="s">
        <v>85</v>
      </c>
      <c r="P21729" t="s">
        <v>86</v>
      </c>
      <c r="Q21729">
        <v>144</v>
      </c>
      <c r="R21729">
        <v>145</v>
      </c>
      <c r="S21729">
        <v>147</v>
      </c>
      <c r="T21729">
        <v>148</v>
      </c>
      <c r="U21729">
        <v>150</v>
      </c>
      <c r="V21729">
        <v>151</v>
      </c>
      <c r="W21729">
        <v>153</v>
      </c>
      <c r="X21729">
        <v>154</v>
      </c>
      <c r="Y21729">
        <v>155</v>
      </c>
      <c r="Z21729">
        <v>157</v>
      </c>
      <c r="AA21729">
        <v>158</v>
      </c>
      <c r="AB21729">
        <v>159</v>
      </c>
      <c r="AC21729">
        <v>160</v>
      </c>
      <c r="AD21729">
        <v>161</v>
      </c>
      <c r="AE21729">
        <v>162</v>
      </c>
      <c r="AF21729">
        <v>164</v>
      </c>
      <c r="AG21729">
        <v>165</v>
      </c>
      <c r="AH21729">
        <v>166</v>
      </c>
      <c r="AI21729">
        <v>167</v>
      </c>
      <c r="AJ21729">
        <v>168</v>
      </c>
      <c r="AK21729">
        <v>169</v>
      </c>
      <c r="AL21729">
        <v>169</v>
      </c>
      <c r="AM21729">
        <v>169</v>
      </c>
      <c r="AN21729">
        <v>168</v>
      </c>
      <c r="AO21729">
        <v>168</v>
      </c>
      <c r="AP21729">
        <v>168</v>
      </c>
      <c r="AQ21729">
        <v>168</v>
      </c>
    </row>
    <row r="21730" spans="1:43">
      <c r="A21730" t="s">
        <v>13467</v>
      </c>
      <c r="B21730" t="s">
        <v>13468</v>
      </c>
      <c r="C21730" t="s">
        <v>13465</v>
      </c>
      <c r="D21730" t="s">
        <v>13466</v>
      </c>
      <c r="E21730" t="s">
        <v>13293</v>
      </c>
      <c r="F21730" t="s">
        <v>13294</v>
      </c>
      <c r="G21730" t="s">
        <v>10214</v>
      </c>
      <c r="H21730" t="s">
        <v>10215</v>
      </c>
      <c r="I21730" s="2">
        <v>1</v>
      </c>
      <c r="J21730" s="2">
        <v>0</v>
      </c>
      <c r="K21730" s="2">
        <v>0</v>
      </c>
      <c r="L21730" t="s">
        <v>120</v>
      </c>
      <c r="M21730" t="s">
        <v>83</v>
      </c>
      <c r="N21730" t="s">
        <v>84</v>
      </c>
      <c r="O21730" t="s">
        <v>85</v>
      </c>
      <c r="P21730" t="s">
        <v>86</v>
      </c>
      <c r="Q21730">
        <v>6</v>
      </c>
      <c r="R21730">
        <v>6</v>
      </c>
      <c r="S21730">
        <v>6</v>
      </c>
      <c r="T21730">
        <v>6</v>
      </c>
      <c r="U21730">
        <v>6</v>
      </c>
      <c r="V21730">
        <v>6</v>
      </c>
      <c r="W21730">
        <v>7</v>
      </c>
      <c r="X21730">
        <v>7</v>
      </c>
      <c r="Y21730">
        <v>7</v>
      </c>
      <c r="Z21730">
        <v>7</v>
      </c>
      <c r="AA21730">
        <v>7</v>
      </c>
      <c r="AB21730">
        <v>7</v>
      </c>
      <c r="AC21730">
        <v>7</v>
      </c>
      <c r="AD21730">
        <v>7</v>
      </c>
      <c r="AE21730">
        <v>7</v>
      </c>
      <c r="AF21730">
        <v>7</v>
      </c>
      <c r="AG21730">
        <v>7</v>
      </c>
      <c r="AH21730">
        <v>7</v>
      </c>
      <c r="AI21730">
        <v>7</v>
      </c>
      <c r="AJ21730">
        <v>7</v>
      </c>
      <c r="AK21730">
        <v>7</v>
      </c>
      <c r="AL21730">
        <v>7</v>
      </c>
      <c r="AM21730">
        <v>7</v>
      </c>
      <c r="AN21730">
        <v>7</v>
      </c>
      <c r="AO21730">
        <v>7</v>
      </c>
      <c r="AP21730">
        <v>7</v>
      </c>
      <c r="AQ21730">
        <v>7</v>
      </c>
    </row>
    <row r="21731" spans="1:43">
      <c r="A21731" t="s">
        <v>13467</v>
      </c>
      <c r="B21731" t="s">
        <v>13468</v>
      </c>
      <c r="C21731" t="s">
        <v>13465</v>
      </c>
      <c r="D21731" t="s">
        <v>13466</v>
      </c>
      <c r="E21731" t="s">
        <v>13293</v>
      </c>
      <c r="F21731" t="s">
        <v>13294</v>
      </c>
      <c r="G21731" t="s">
        <v>10214</v>
      </c>
      <c r="H21731" t="s">
        <v>10215</v>
      </c>
      <c r="I21731" s="2">
        <v>1</v>
      </c>
      <c r="J21731" s="2">
        <v>0</v>
      </c>
      <c r="K21731" s="2">
        <v>0</v>
      </c>
      <c r="L21731" t="s">
        <v>120</v>
      </c>
      <c r="M21731" t="s">
        <v>87</v>
      </c>
      <c r="N21731" t="s">
        <v>88</v>
      </c>
      <c r="O21731" t="s">
        <v>85</v>
      </c>
      <c r="P21731" t="s">
        <v>86</v>
      </c>
      <c r="Q21731">
        <v>6</v>
      </c>
      <c r="R21731">
        <v>6</v>
      </c>
      <c r="S21731">
        <v>6</v>
      </c>
      <c r="T21731">
        <v>6</v>
      </c>
      <c r="U21731">
        <v>6</v>
      </c>
      <c r="V21731">
        <v>6</v>
      </c>
      <c r="W21731">
        <v>6</v>
      </c>
      <c r="X21731">
        <v>6</v>
      </c>
      <c r="Y21731">
        <v>6</v>
      </c>
      <c r="Z21731">
        <v>6</v>
      </c>
      <c r="AA21731">
        <v>6</v>
      </c>
      <c r="AB21731">
        <v>6</v>
      </c>
      <c r="AC21731">
        <v>6</v>
      </c>
      <c r="AD21731">
        <v>6</v>
      </c>
      <c r="AE21731">
        <v>6</v>
      </c>
      <c r="AF21731">
        <v>6</v>
      </c>
      <c r="AG21731">
        <v>6</v>
      </c>
      <c r="AH21731">
        <v>6</v>
      </c>
      <c r="AI21731">
        <v>6</v>
      </c>
      <c r="AJ21731">
        <v>6</v>
      </c>
      <c r="AK21731">
        <v>6</v>
      </c>
      <c r="AL21731">
        <v>6</v>
      </c>
      <c r="AM21731">
        <v>6</v>
      </c>
      <c r="AN21731">
        <v>6</v>
      </c>
      <c r="AO21731">
        <v>6</v>
      </c>
      <c r="AP21731">
        <v>6</v>
      </c>
      <c r="AQ21731">
        <v>6</v>
      </c>
    </row>
    <row r="21732" spans="1:43">
      <c r="A21732" t="s">
        <v>13467</v>
      </c>
      <c r="B21732" t="s">
        <v>13468</v>
      </c>
      <c r="C21732" t="s">
        <v>13465</v>
      </c>
      <c r="D21732" t="s">
        <v>13466</v>
      </c>
      <c r="E21732" t="s">
        <v>13293</v>
      </c>
      <c r="F21732" t="s">
        <v>13294</v>
      </c>
      <c r="G21732" t="s">
        <v>10214</v>
      </c>
      <c r="H21732" t="s">
        <v>10215</v>
      </c>
      <c r="I21732" s="2">
        <v>1</v>
      </c>
      <c r="J21732" s="2">
        <v>0</v>
      </c>
      <c r="K21732" s="2">
        <v>0</v>
      </c>
      <c r="L21732" t="s">
        <v>120</v>
      </c>
      <c r="M21732" t="s">
        <v>89</v>
      </c>
      <c r="N21732" t="s">
        <v>90</v>
      </c>
      <c r="O21732" t="s">
        <v>85</v>
      </c>
      <c r="P21732" t="s">
        <v>86</v>
      </c>
      <c r="Q21732">
        <v>6</v>
      </c>
      <c r="R21732">
        <v>6</v>
      </c>
      <c r="S21732">
        <v>6</v>
      </c>
      <c r="T21732">
        <v>7</v>
      </c>
      <c r="U21732">
        <v>7</v>
      </c>
      <c r="V21732">
        <v>7</v>
      </c>
      <c r="W21732">
        <v>7</v>
      </c>
      <c r="X21732">
        <v>7</v>
      </c>
      <c r="Y21732">
        <v>7</v>
      </c>
      <c r="Z21732">
        <v>7</v>
      </c>
      <c r="AA21732">
        <v>7</v>
      </c>
      <c r="AB21732">
        <v>7</v>
      </c>
      <c r="AC21732">
        <v>7</v>
      </c>
      <c r="AD21732">
        <v>7</v>
      </c>
      <c r="AE21732">
        <v>7</v>
      </c>
      <c r="AF21732">
        <v>7</v>
      </c>
      <c r="AG21732">
        <v>7</v>
      </c>
      <c r="AH21732">
        <v>7</v>
      </c>
      <c r="AI21732">
        <v>7</v>
      </c>
      <c r="AJ21732">
        <v>7</v>
      </c>
      <c r="AK21732">
        <v>7</v>
      </c>
      <c r="AL21732">
        <v>7</v>
      </c>
      <c r="AM21732">
        <v>7</v>
      </c>
      <c r="AN21732">
        <v>7</v>
      </c>
      <c r="AO21732">
        <v>7</v>
      </c>
      <c r="AP21732">
        <v>7</v>
      </c>
      <c r="AQ21732">
        <v>7</v>
      </c>
    </row>
    <row r="21733" spans="1:43">
      <c r="A21733" t="s">
        <v>13467</v>
      </c>
      <c r="B21733" t="s">
        <v>13468</v>
      </c>
      <c r="C21733" t="s">
        <v>13465</v>
      </c>
      <c r="D21733" t="s">
        <v>13466</v>
      </c>
      <c r="E21733" t="s">
        <v>13293</v>
      </c>
      <c r="F21733" t="s">
        <v>13294</v>
      </c>
      <c r="G21733" t="s">
        <v>10214</v>
      </c>
      <c r="H21733" t="s">
        <v>10215</v>
      </c>
      <c r="I21733" s="2">
        <v>1</v>
      </c>
      <c r="J21733" s="2">
        <v>0</v>
      </c>
      <c r="K21733" s="2">
        <v>0</v>
      </c>
      <c r="L21733" t="s">
        <v>120</v>
      </c>
      <c r="M21733" t="s">
        <v>83</v>
      </c>
      <c r="N21733" t="s">
        <v>91</v>
      </c>
      <c r="O21733" t="s">
        <v>85</v>
      </c>
      <c r="P21733" t="s">
        <v>86</v>
      </c>
      <c r="Q21733">
        <v>6</v>
      </c>
      <c r="R21733">
        <v>6</v>
      </c>
      <c r="S21733">
        <v>6</v>
      </c>
      <c r="T21733">
        <v>6</v>
      </c>
      <c r="U21733">
        <v>6</v>
      </c>
      <c r="V21733">
        <v>6</v>
      </c>
      <c r="W21733">
        <v>7</v>
      </c>
      <c r="X21733">
        <v>7</v>
      </c>
      <c r="Y21733">
        <v>7</v>
      </c>
      <c r="Z21733">
        <v>7</v>
      </c>
      <c r="AA21733">
        <v>7</v>
      </c>
      <c r="AB21733">
        <v>7</v>
      </c>
      <c r="AC21733">
        <v>7</v>
      </c>
      <c r="AD21733">
        <v>7</v>
      </c>
      <c r="AE21733">
        <v>7</v>
      </c>
      <c r="AF21733">
        <v>7</v>
      </c>
      <c r="AG21733">
        <v>7</v>
      </c>
      <c r="AH21733">
        <v>7</v>
      </c>
      <c r="AI21733">
        <v>7</v>
      </c>
      <c r="AJ21733">
        <v>7</v>
      </c>
      <c r="AK21733">
        <v>7</v>
      </c>
      <c r="AL21733">
        <v>7</v>
      </c>
      <c r="AM21733">
        <v>7</v>
      </c>
      <c r="AN21733">
        <v>7</v>
      </c>
      <c r="AO21733">
        <v>7</v>
      </c>
      <c r="AP21733">
        <v>7</v>
      </c>
      <c r="AQ21733">
        <v>7</v>
      </c>
    </row>
    <row r="21734" spans="1:43">
      <c r="A21734" t="s">
        <v>13469</v>
      </c>
      <c r="B21734" t="s">
        <v>13470</v>
      </c>
      <c r="C21734" t="s">
        <v>13465</v>
      </c>
      <c r="D21734" t="s">
        <v>13466</v>
      </c>
      <c r="E21734" t="s">
        <v>13293</v>
      </c>
      <c r="F21734" t="s">
        <v>13294</v>
      </c>
      <c r="G21734" t="s">
        <v>10214</v>
      </c>
      <c r="H21734" t="s">
        <v>10215</v>
      </c>
      <c r="I21734" s="2">
        <v>1</v>
      </c>
      <c r="J21734" s="2">
        <v>0</v>
      </c>
      <c r="K21734" s="2">
        <v>0</v>
      </c>
      <c r="L21734" t="s">
        <v>120</v>
      </c>
      <c r="M21734" t="s">
        <v>83</v>
      </c>
      <c r="N21734" t="s">
        <v>84</v>
      </c>
      <c r="O21734" t="s">
        <v>85</v>
      </c>
      <c r="P21734" t="s">
        <v>86</v>
      </c>
      <c r="Q21734">
        <v>12</v>
      </c>
      <c r="R21734">
        <v>12</v>
      </c>
      <c r="S21734">
        <v>12</v>
      </c>
      <c r="T21734">
        <v>12</v>
      </c>
      <c r="U21734">
        <v>12</v>
      </c>
      <c r="V21734">
        <v>12</v>
      </c>
      <c r="W21734">
        <v>13</v>
      </c>
      <c r="X21734">
        <v>13</v>
      </c>
      <c r="Y21734">
        <v>13</v>
      </c>
      <c r="Z21734">
        <v>13</v>
      </c>
      <c r="AA21734">
        <v>13</v>
      </c>
      <c r="AB21734">
        <v>13</v>
      </c>
      <c r="AC21734">
        <v>13</v>
      </c>
      <c r="AD21734">
        <v>13</v>
      </c>
      <c r="AE21734">
        <v>13</v>
      </c>
      <c r="AF21734">
        <v>14</v>
      </c>
      <c r="AG21734">
        <v>14</v>
      </c>
      <c r="AH21734">
        <v>14</v>
      </c>
      <c r="AI21734">
        <v>14</v>
      </c>
      <c r="AJ21734">
        <v>14</v>
      </c>
      <c r="AK21734">
        <v>14</v>
      </c>
      <c r="AL21734">
        <v>14</v>
      </c>
      <c r="AM21734">
        <v>14</v>
      </c>
      <c r="AN21734">
        <v>14</v>
      </c>
      <c r="AO21734">
        <v>14</v>
      </c>
      <c r="AP21734">
        <v>14</v>
      </c>
      <c r="AQ21734">
        <v>14</v>
      </c>
    </row>
    <row r="21735" spans="1:43">
      <c r="A21735" t="s">
        <v>13469</v>
      </c>
      <c r="B21735" t="s">
        <v>13470</v>
      </c>
      <c r="C21735" t="s">
        <v>13465</v>
      </c>
      <c r="D21735" t="s">
        <v>13466</v>
      </c>
      <c r="E21735" t="s">
        <v>13293</v>
      </c>
      <c r="F21735" t="s">
        <v>13294</v>
      </c>
      <c r="G21735" t="s">
        <v>10214</v>
      </c>
      <c r="H21735" t="s">
        <v>10215</v>
      </c>
      <c r="I21735" s="2">
        <v>1</v>
      </c>
      <c r="J21735" s="2">
        <v>0</v>
      </c>
      <c r="K21735" s="2">
        <v>0</v>
      </c>
      <c r="L21735" t="s">
        <v>120</v>
      </c>
      <c r="M21735" t="s">
        <v>87</v>
      </c>
      <c r="N21735" t="s">
        <v>88</v>
      </c>
      <c r="O21735" t="s">
        <v>85</v>
      </c>
      <c r="P21735" t="s">
        <v>86</v>
      </c>
      <c r="Q21735">
        <v>12</v>
      </c>
      <c r="R21735">
        <v>12</v>
      </c>
      <c r="S21735">
        <v>12</v>
      </c>
      <c r="T21735">
        <v>12</v>
      </c>
      <c r="U21735">
        <v>12</v>
      </c>
      <c r="V21735">
        <v>12</v>
      </c>
      <c r="W21735">
        <v>12</v>
      </c>
      <c r="X21735">
        <v>12</v>
      </c>
      <c r="Y21735">
        <v>12</v>
      </c>
      <c r="Z21735">
        <v>12</v>
      </c>
      <c r="AA21735">
        <v>12</v>
      </c>
      <c r="AB21735">
        <v>12</v>
      </c>
      <c r="AC21735">
        <v>12</v>
      </c>
      <c r="AD21735">
        <v>12</v>
      </c>
      <c r="AE21735">
        <v>12</v>
      </c>
      <c r="AF21735">
        <v>12</v>
      </c>
      <c r="AG21735">
        <v>12</v>
      </c>
      <c r="AH21735">
        <v>12</v>
      </c>
      <c r="AI21735">
        <v>12</v>
      </c>
      <c r="AJ21735">
        <v>12</v>
      </c>
      <c r="AK21735">
        <v>12</v>
      </c>
      <c r="AL21735">
        <v>12</v>
      </c>
      <c r="AM21735">
        <v>12</v>
      </c>
      <c r="AN21735">
        <v>12</v>
      </c>
      <c r="AO21735">
        <v>12</v>
      </c>
      <c r="AP21735">
        <v>12</v>
      </c>
      <c r="AQ21735">
        <v>12</v>
      </c>
    </row>
    <row r="21736" spans="1:43">
      <c r="A21736" t="s">
        <v>13469</v>
      </c>
      <c r="B21736" t="s">
        <v>13470</v>
      </c>
      <c r="C21736" t="s">
        <v>13465</v>
      </c>
      <c r="D21736" t="s">
        <v>13466</v>
      </c>
      <c r="E21736" t="s">
        <v>13293</v>
      </c>
      <c r="F21736" t="s">
        <v>13294</v>
      </c>
      <c r="G21736" t="s">
        <v>10214</v>
      </c>
      <c r="H21736" t="s">
        <v>10215</v>
      </c>
      <c r="I21736" s="2">
        <v>1</v>
      </c>
      <c r="J21736" s="2">
        <v>0</v>
      </c>
      <c r="K21736" s="2">
        <v>0</v>
      </c>
      <c r="L21736" t="s">
        <v>120</v>
      </c>
      <c r="M21736" t="s">
        <v>89</v>
      </c>
      <c r="N21736" t="s">
        <v>90</v>
      </c>
      <c r="O21736" t="s">
        <v>85</v>
      </c>
      <c r="P21736" t="s">
        <v>86</v>
      </c>
      <c r="Q21736">
        <v>12</v>
      </c>
      <c r="R21736">
        <v>12</v>
      </c>
      <c r="S21736">
        <v>12</v>
      </c>
      <c r="T21736">
        <v>13</v>
      </c>
      <c r="U21736">
        <v>13</v>
      </c>
      <c r="V21736">
        <v>13</v>
      </c>
      <c r="W21736">
        <v>13</v>
      </c>
      <c r="X21736">
        <v>13</v>
      </c>
      <c r="Y21736">
        <v>14</v>
      </c>
      <c r="Z21736">
        <v>14</v>
      </c>
      <c r="AA21736">
        <v>14</v>
      </c>
      <c r="AB21736">
        <v>14</v>
      </c>
      <c r="AC21736">
        <v>14</v>
      </c>
      <c r="AD21736">
        <v>14</v>
      </c>
      <c r="AE21736">
        <v>14</v>
      </c>
      <c r="AF21736">
        <v>14</v>
      </c>
      <c r="AG21736">
        <v>14</v>
      </c>
      <c r="AH21736">
        <v>14</v>
      </c>
      <c r="AI21736">
        <v>14</v>
      </c>
      <c r="AJ21736">
        <v>14</v>
      </c>
      <c r="AK21736">
        <v>14</v>
      </c>
      <c r="AL21736">
        <v>14</v>
      </c>
      <c r="AM21736">
        <v>14</v>
      </c>
      <c r="AN21736">
        <v>14</v>
      </c>
      <c r="AO21736">
        <v>14</v>
      </c>
      <c r="AP21736">
        <v>14</v>
      </c>
      <c r="AQ21736">
        <v>14</v>
      </c>
    </row>
    <row r="21737" spans="1:43">
      <c r="A21737" t="s">
        <v>13469</v>
      </c>
      <c r="B21737" t="s">
        <v>13470</v>
      </c>
      <c r="C21737" t="s">
        <v>13465</v>
      </c>
      <c r="D21737" t="s">
        <v>13466</v>
      </c>
      <c r="E21737" t="s">
        <v>13293</v>
      </c>
      <c r="F21737" t="s">
        <v>13294</v>
      </c>
      <c r="G21737" t="s">
        <v>10214</v>
      </c>
      <c r="H21737" t="s">
        <v>10215</v>
      </c>
      <c r="I21737" s="2">
        <v>1</v>
      </c>
      <c r="J21737" s="2">
        <v>0</v>
      </c>
      <c r="K21737" s="2">
        <v>0</v>
      </c>
      <c r="L21737" t="s">
        <v>120</v>
      </c>
      <c r="M21737" t="s">
        <v>83</v>
      </c>
      <c r="N21737" t="s">
        <v>91</v>
      </c>
      <c r="O21737" t="s">
        <v>85</v>
      </c>
      <c r="P21737" t="s">
        <v>86</v>
      </c>
      <c r="Q21737">
        <v>12</v>
      </c>
      <c r="R21737">
        <v>12</v>
      </c>
      <c r="S21737">
        <v>12</v>
      </c>
      <c r="T21737">
        <v>12</v>
      </c>
      <c r="U21737">
        <v>12</v>
      </c>
      <c r="V21737">
        <v>12</v>
      </c>
      <c r="W21737">
        <v>13</v>
      </c>
      <c r="X21737">
        <v>13</v>
      </c>
      <c r="Y21737">
        <v>13</v>
      </c>
      <c r="Z21737">
        <v>13</v>
      </c>
      <c r="AA21737">
        <v>13</v>
      </c>
      <c r="AB21737">
        <v>13</v>
      </c>
      <c r="AC21737">
        <v>13</v>
      </c>
      <c r="AD21737">
        <v>13</v>
      </c>
      <c r="AE21737">
        <v>13</v>
      </c>
      <c r="AF21737">
        <v>14</v>
      </c>
      <c r="AG21737">
        <v>14</v>
      </c>
      <c r="AH21737">
        <v>14</v>
      </c>
      <c r="AI21737">
        <v>14</v>
      </c>
      <c r="AJ21737">
        <v>14</v>
      </c>
      <c r="AK21737">
        <v>14</v>
      </c>
      <c r="AL21737">
        <v>14</v>
      </c>
      <c r="AM21737">
        <v>14</v>
      </c>
      <c r="AN21737">
        <v>14</v>
      </c>
      <c r="AO21737">
        <v>14</v>
      </c>
      <c r="AP21737">
        <v>14</v>
      </c>
      <c r="AQ21737">
        <v>14</v>
      </c>
    </row>
    <row r="21738" spans="1:43">
      <c r="A21738" t="s">
        <v>13471</v>
      </c>
      <c r="B21738" t="s">
        <v>13472</v>
      </c>
      <c r="C21738" t="s">
        <v>13465</v>
      </c>
      <c r="D21738" t="s">
        <v>13466</v>
      </c>
      <c r="E21738" t="s">
        <v>13293</v>
      </c>
      <c r="F21738" t="s">
        <v>13294</v>
      </c>
      <c r="G21738" t="s">
        <v>10214</v>
      </c>
      <c r="H21738" t="s">
        <v>10215</v>
      </c>
      <c r="I21738" s="2">
        <v>1</v>
      </c>
      <c r="J21738" s="2">
        <v>0</v>
      </c>
      <c r="K21738" s="2">
        <v>0</v>
      </c>
      <c r="L21738" t="s">
        <v>120</v>
      </c>
      <c r="M21738" t="s">
        <v>83</v>
      </c>
      <c r="N21738" t="s">
        <v>84</v>
      </c>
      <c r="O21738" t="s">
        <v>85</v>
      </c>
      <c r="P21738" t="s">
        <v>86</v>
      </c>
      <c r="Q21738">
        <v>40</v>
      </c>
      <c r="R21738">
        <v>41</v>
      </c>
      <c r="S21738">
        <v>41</v>
      </c>
      <c r="T21738">
        <v>42</v>
      </c>
      <c r="U21738">
        <v>42</v>
      </c>
      <c r="V21738">
        <v>43</v>
      </c>
      <c r="W21738">
        <v>43</v>
      </c>
      <c r="X21738">
        <v>44</v>
      </c>
      <c r="Y21738">
        <v>44</v>
      </c>
      <c r="Z21738">
        <v>44</v>
      </c>
      <c r="AA21738">
        <v>45</v>
      </c>
      <c r="AB21738">
        <v>45</v>
      </c>
      <c r="AC21738">
        <v>45</v>
      </c>
      <c r="AD21738">
        <v>46</v>
      </c>
      <c r="AE21738">
        <v>46</v>
      </c>
      <c r="AF21738">
        <v>46</v>
      </c>
      <c r="AG21738">
        <v>47</v>
      </c>
      <c r="AH21738">
        <v>47</v>
      </c>
      <c r="AI21738">
        <v>47</v>
      </c>
      <c r="AJ21738">
        <v>48</v>
      </c>
      <c r="AK21738">
        <v>48</v>
      </c>
      <c r="AL21738">
        <v>48</v>
      </c>
      <c r="AM21738">
        <v>48</v>
      </c>
      <c r="AN21738">
        <v>48</v>
      </c>
      <c r="AO21738">
        <v>48</v>
      </c>
      <c r="AP21738">
        <v>48</v>
      </c>
      <c r="AQ21738">
        <v>48</v>
      </c>
    </row>
    <row r="21739" spans="1:43">
      <c r="A21739" t="s">
        <v>13471</v>
      </c>
      <c r="B21739" t="s">
        <v>13472</v>
      </c>
      <c r="C21739" t="s">
        <v>13465</v>
      </c>
      <c r="D21739" t="s">
        <v>13466</v>
      </c>
      <c r="E21739" t="s">
        <v>13293</v>
      </c>
      <c r="F21739" t="s">
        <v>13294</v>
      </c>
      <c r="G21739" t="s">
        <v>10214</v>
      </c>
      <c r="H21739" t="s">
        <v>10215</v>
      </c>
      <c r="I21739" s="2">
        <v>1</v>
      </c>
      <c r="J21739" s="2">
        <v>0</v>
      </c>
      <c r="K21739" s="2">
        <v>0</v>
      </c>
      <c r="L21739" t="s">
        <v>120</v>
      </c>
      <c r="M21739" t="s">
        <v>87</v>
      </c>
      <c r="N21739" t="s">
        <v>88</v>
      </c>
      <c r="O21739" t="s">
        <v>85</v>
      </c>
      <c r="P21739" t="s">
        <v>86</v>
      </c>
      <c r="Q21739">
        <v>40</v>
      </c>
      <c r="R21739">
        <v>40</v>
      </c>
      <c r="S21739">
        <v>40</v>
      </c>
      <c r="T21739">
        <v>40</v>
      </c>
      <c r="U21739">
        <v>40</v>
      </c>
      <c r="V21739">
        <v>40</v>
      </c>
      <c r="W21739">
        <v>41</v>
      </c>
      <c r="X21739">
        <v>41</v>
      </c>
      <c r="Y21739">
        <v>41</v>
      </c>
      <c r="Z21739">
        <v>41</v>
      </c>
      <c r="AA21739">
        <v>41</v>
      </c>
      <c r="AB21739">
        <v>41</v>
      </c>
      <c r="AC21739">
        <v>41</v>
      </c>
      <c r="AD21739">
        <v>41</v>
      </c>
      <c r="AE21739">
        <v>41</v>
      </c>
      <c r="AF21739">
        <v>41</v>
      </c>
      <c r="AG21739">
        <v>41</v>
      </c>
      <c r="AH21739">
        <v>41</v>
      </c>
      <c r="AI21739">
        <v>41</v>
      </c>
      <c r="AJ21739">
        <v>41</v>
      </c>
      <c r="AK21739">
        <v>42</v>
      </c>
      <c r="AL21739">
        <v>42</v>
      </c>
      <c r="AM21739">
        <v>42</v>
      </c>
      <c r="AN21739">
        <v>42</v>
      </c>
      <c r="AO21739">
        <v>42</v>
      </c>
      <c r="AP21739">
        <v>42</v>
      </c>
      <c r="AQ21739">
        <v>42</v>
      </c>
    </row>
    <row r="21740" spans="1:43">
      <c r="A21740" t="s">
        <v>13471</v>
      </c>
      <c r="B21740" t="s">
        <v>13472</v>
      </c>
      <c r="C21740" t="s">
        <v>13465</v>
      </c>
      <c r="D21740" t="s">
        <v>13466</v>
      </c>
      <c r="E21740" t="s">
        <v>13293</v>
      </c>
      <c r="F21740" t="s">
        <v>13294</v>
      </c>
      <c r="G21740" t="s">
        <v>10214</v>
      </c>
      <c r="H21740" t="s">
        <v>10215</v>
      </c>
      <c r="I21740" s="2">
        <v>1</v>
      </c>
      <c r="J21740" s="2">
        <v>0</v>
      </c>
      <c r="K21740" s="2">
        <v>0</v>
      </c>
      <c r="L21740" t="s">
        <v>120</v>
      </c>
      <c r="M21740" t="s">
        <v>89</v>
      </c>
      <c r="N21740" t="s">
        <v>90</v>
      </c>
      <c r="O21740" t="s">
        <v>85</v>
      </c>
      <c r="P21740" t="s">
        <v>86</v>
      </c>
      <c r="Q21740">
        <v>40</v>
      </c>
      <c r="R21740">
        <v>41</v>
      </c>
      <c r="S21740">
        <v>41</v>
      </c>
      <c r="T21740">
        <v>42</v>
      </c>
      <c r="U21740">
        <v>43</v>
      </c>
      <c r="V21740">
        <v>44</v>
      </c>
      <c r="W21740">
        <v>44</v>
      </c>
      <c r="X21740">
        <v>45</v>
      </c>
      <c r="Y21740">
        <v>45</v>
      </c>
      <c r="Z21740">
        <v>46</v>
      </c>
      <c r="AA21740">
        <v>46</v>
      </c>
      <c r="AB21740">
        <v>47</v>
      </c>
      <c r="AC21740">
        <v>47</v>
      </c>
      <c r="AD21740">
        <v>48</v>
      </c>
      <c r="AE21740">
        <v>48</v>
      </c>
      <c r="AF21740">
        <v>48</v>
      </c>
      <c r="AG21740">
        <v>48</v>
      </c>
      <c r="AH21740">
        <v>48</v>
      </c>
      <c r="AI21740">
        <v>48</v>
      </c>
      <c r="AJ21740">
        <v>48</v>
      </c>
      <c r="AK21740">
        <v>48</v>
      </c>
      <c r="AL21740">
        <v>48</v>
      </c>
      <c r="AM21740">
        <v>48</v>
      </c>
      <c r="AN21740">
        <v>48</v>
      </c>
      <c r="AO21740">
        <v>48</v>
      </c>
      <c r="AP21740">
        <v>48</v>
      </c>
      <c r="AQ21740">
        <v>48</v>
      </c>
    </row>
    <row r="21741" spans="1:43">
      <c r="A21741" t="s">
        <v>13471</v>
      </c>
      <c r="B21741" t="s">
        <v>13472</v>
      </c>
      <c r="C21741" t="s">
        <v>13465</v>
      </c>
      <c r="D21741" t="s">
        <v>13466</v>
      </c>
      <c r="E21741" t="s">
        <v>13293</v>
      </c>
      <c r="F21741" t="s">
        <v>13294</v>
      </c>
      <c r="G21741" t="s">
        <v>10214</v>
      </c>
      <c r="H21741" t="s">
        <v>10215</v>
      </c>
      <c r="I21741" s="2">
        <v>1</v>
      </c>
      <c r="J21741" s="2">
        <v>0</v>
      </c>
      <c r="K21741" s="2">
        <v>0</v>
      </c>
      <c r="L21741" t="s">
        <v>120</v>
      </c>
      <c r="M21741" t="s">
        <v>83</v>
      </c>
      <c r="N21741" t="s">
        <v>91</v>
      </c>
      <c r="O21741" t="s">
        <v>85</v>
      </c>
      <c r="P21741" t="s">
        <v>86</v>
      </c>
      <c r="Q21741">
        <v>40</v>
      </c>
      <c r="R21741">
        <v>41</v>
      </c>
      <c r="S21741">
        <v>41</v>
      </c>
      <c r="T21741">
        <v>42</v>
      </c>
      <c r="U21741">
        <v>42</v>
      </c>
      <c r="V21741">
        <v>43</v>
      </c>
      <c r="W21741">
        <v>43</v>
      </c>
      <c r="X21741">
        <v>44</v>
      </c>
      <c r="Y21741">
        <v>44</v>
      </c>
      <c r="Z21741">
        <v>44</v>
      </c>
      <c r="AA21741">
        <v>45</v>
      </c>
      <c r="AB21741">
        <v>45</v>
      </c>
      <c r="AC21741">
        <v>45</v>
      </c>
      <c r="AD21741">
        <v>46</v>
      </c>
      <c r="AE21741">
        <v>46</v>
      </c>
      <c r="AF21741">
        <v>46</v>
      </c>
      <c r="AG21741">
        <v>47</v>
      </c>
      <c r="AH21741">
        <v>47</v>
      </c>
      <c r="AI21741">
        <v>47</v>
      </c>
      <c r="AJ21741">
        <v>48</v>
      </c>
      <c r="AK21741">
        <v>48</v>
      </c>
      <c r="AL21741">
        <v>48</v>
      </c>
      <c r="AM21741">
        <v>48</v>
      </c>
      <c r="AN21741">
        <v>48</v>
      </c>
      <c r="AO21741">
        <v>48</v>
      </c>
      <c r="AP21741">
        <v>48</v>
      </c>
      <c r="AQ21741">
        <v>48</v>
      </c>
    </row>
    <row r="21742" spans="1:43">
      <c r="A21742" t="s">
        <v>13473</v>
      </c>
      <c r="B21742" t="s">
        <v>13474</v>
      </c>
      <c r="C21742" t="s">
        <v>13475</v>
      </c>
      <c r="D21742" t="s">
        <v>13476</v>
      </c>
      <c r="E21742" t="s">
        <v>13293</v>
      </c>
      <c r="F21742" t="s">
        <v>13294</v>
      </c>
      <c r="G21742" t="s">
        <v>10214</v>
      </c>
      <c r="H21742" t="s">
        <v>10215</v>
      </c>
      <c r="I21742" s="2">
        <v>1</v>
      </c>
      <c r="J21742" s="2">
        <v>0</v>
      </c>
      <c r="K21742" s="2">
        <v>0</v>
      </c>
      <c r="L21742" t="s">
        <v>120</v>
      </c>
      <c r="M21742" t="s">
        <v>83</v>
      </c>
      <c r="N21742" t="s">
        <v>84</v>
      </c>
      <c r="O21742" t="s">
        <v>85</v>
      </c>
      <c r="P21742" t="s">
        <v>86</v>
      </c>
      <c r="Q21742">
        <v>14</v>
      </c>
      <c r="R21742">
        <v>14</v>
      </c>
      <c r="S21742">
        <v>14</v>
      </c>
      <c r="T21742">
        <v>15</v>
      </c>
      <c r="U21742">
        <v>15</v>
      </c>
      <c r="V21742">
        <v>15</v>
      </c>
      <c r="W21742">
        <v>15</v>
      </c>
      <c r="X21742">
        <v>15</v>
      </c>
      <c r="Y21742">
        <v>15</v>
      </c>
      <c r="Z21742">
        <v>15</v>
      </c>
      <c r="AA21742">
        <v>15</v>
      </c>
      <c r="AB21742">
        <v>15</v>
      </c>
      <c r="AC21742">
        <v>15</v>
      </c>
      <c r="AD21742">
        <v>15</v>
      </c>
      <c r="AE21742">
        <v>16</v>
      </c>
      <c r="AF21742">
        <v>16</v>
      </c>
      <c r="AG21742">
        <v>16</v>
      </c>
      <c r="AH21742">
        <v>16</v>
      </c>
      <c r="AI21742">
        <v>16</v>
      </c>
      <c r="AJ21742">
        <v>16</v>
      </c>
      <c r="AK21742">
        <v>16</v>
      </c>
      <c r="AL21742">
        <v>16</v>
      </c>
      <c r="AM21742">
        <v>16</v>
      </c>
      <c r="AN21742">
        <v>16</v>
      </c>
      <c r="AO21742">
        <v>16</v>
      </c>
      <c r="AP21742">
        <v>16</v>
      </c>
      <c r="AQ21742">
        <v>16</v>
      </c>
    </row>
    <row r="21743" spans="1:43">
      <c r="A21743" t="s">
        <v>13473</v>
      </c>
      <c r="B21743" t="s">
        <v>13474</v>
      </c>
      <c r="C21743" t="s">
        <v>13475</v>
      </c>
      <c r="D21743" t="s">
        <v>13476</v>
      </c>
      <c r="E21743" t="s">
        <v>13293</v>
      </c>
      <c r="F21743" t="s">
        <v>13294</v>
      </c>
      <c r="G21743" t="s">
        <v>10214</v>
      </c>
      <c r="H21743" t="s">
        <v>10215</v>
      </c>
      <c r="I21743" s="2">
        <v>1</v>
      </c>
      <c r="J21743" s="2">
        <v>0</v>
      </c>
      <c r="K21743" s="2">
        <v>0</v>
      </c>
      <c r="L21743" t="s">
        <v>120</v>
      </c>
      <c r="M21743" t="s">
        <v>87</v>
      </c>
      <c r="N21743" t="s">
        <v>88</v>
      </c>
      <c r="O21743" t="s">
        <v>85</v>
      </c>
      <c r="P21743" t="s">
        <v>86</v>
      </c>
      <c r="Q21743">
        <v>14</v>
      </c>
      <c r="R21743">
        <v>14</v>
      </c>
      <c r="S21743">
        <v>14</v>
      </c>
      <c r="T21743">
        <v>14</v>
      </c>
      <c r="U21743">
        <v>14</v>
      </c>
      <c r="V21743">
        <v>14</v>
      </c>
      <c r="W21743">
        <v>14</v>
      </c>
      <c r="X21743">
        <v>14</v>
      </c>
      <c r="Y21743">
        <v>14</v>
      </c>
      <c r="Z21743">
        <v>14</v>
      </c>
      <c r="AA21743">
        <v>14</v>
      </c>
      <c r="AB21743">
        <v>14</v>
      </c>
      <c r="AC21743">
        <v>14</v>
      </c>
      <c r="AD21743">
        <v>14</v>
      </c>
      <c r="AE21743">
        <v>14</v>
      </c>
      <c r="AF21743">
        <v>14</v>
      </c>
      <c r="AG21743">
        <v>14</v>
      </c>
      <c r="AH21743">
        <v>14</v>
      </c>
      <c r="AI21743">
        <v>14</v>
      </c>
      <c r="AJ21743">
        <v>14</v>
      </c>
      <c r="AK21743">
        <v>14</v>
      </c>
      <c r="AL21743">
        <v>14</v>
      </c>
      <c r="AM21743">
        <v>14</v>
      </c>
      <c r="AN21743">
        <v>14</v>
      </c>
      <c r="AO21743">
        <v>14</v>
      </c>
      <c r="AP21743">
        <v>14</v>
      </c>
      <c r="AQ21743">
        <v>14</v>
      </c>
    </row>
    <row r="21744" spans="1:43">
      <c r="A21744" t="s">
        <v>13473</v>
      </c>
      <c r="B21744" t="s">
        <v>13474</v>
      </c>
      <c r="C21744" t="s">
        <v>13475</v>
      </c>
      <c r="D21744" t="s">
        <v>13476</v>
      </c>
      <c r="E21744" t="s">
        <v>13293</v>
      </c>
      <c r="F21744" t="s">
        <v>13294</v>
      </c>
      <c r="G21744" t="s">
        <v>10214</v>
      </c>
      <c r="H21744" t="s">
        <v>10215</v>
      </c>
      <c r="I21744" s="2">
        <v>1</v>
      </c>
      <c r="J21744" s="2">
        <v>0</v>
      </c>
      <c r="K21744" s="2">
        <v>0</v>
      </c>
      <c r="L21744" t="s">
        <v>120</v>
      </c>
      <c r="M21744" t="s">
        <v>89</v>
      </c>
      <c r="N21744" t="s">
        <v>90</v>
      </c>
      <c r="O21744" t="s">
        <v>85</v>
      </c>
      <c r="P21744" t="s">
        <v>86</v>
      </c>
      <c r="Q21744">
        <v>14</v>
      </c>
      <c r="R21744">
        <v>15</v>
      </c>
      <c r="S21744">
        <v>15</v>
      </c>
      <c r="T21744">
        <v>15</v>
      </c>
      <c r="U21744">
        <v>15</v>
      </c>
      <c r="V21744">
        <v>15</v>
      </c>
      <c r="W21744">
        <v>16</v>
      </c>
      <c r="X21744">
        <v>16</v>
      </c>
      <c r="Y21744">
        <v>16</v>
      </c>
      <c r="Z21744">
        <v>16</v>
      </c>
      <c r="AA21744">
        <v>16</v>
      </c>
      <c r="AB21744">
        <v>16</v>
      </c>
      <c r="AC21744">
        <v>17</v>
      </c>
      <c r="AD21744">
        <v>17</v>
      </c>
      <c r="AE21744">
        <v>17</v>
      </c>
      <c r="AF21744">
        <v>17</v>
      </c>
      <c r="AG21744">
        <v>17</v>
      </c>
      <c r="AH21744">
        <v>16</v>
      </c>
      <c r="AI21744">
        <v>16</v>
      </c>
      <c r="AJ21744">
        <v>16</v>
      </c>
      <c r="AK21744">
        <v>16</v>
      </c>
      <c r="AL21744">
        <v>16</v>
      </c>
      <c r="AM21744">
        <v>16</v>
      </c>
      <c r="AN21744">
        <v>16</v>
      </c>
      <c r="AO21744">
        <v>16</v>
      </c>
      <c r="AP21744">
        <v>16</v>
      </c>
      <c r="AQ21744">
        <v>16</v>
      </c>
    </row>
    <row r="21745" spans="1:43">
      <c r="A21745" t="s">
        <v>13473</v>
      </c>
      <c r="B21745" t="s">
        <v>13474</v>
      </c>
      <c r="C21745" t="s">
        <v>13475</v>
      </c>
      <c r="D21745" t="s">
        <v>13476</v>
      </c>
      <c r="E21745" t="s">
        <v>13293</v>
      </c>
      <c r="F21745" t="s">
        <v>13294</v>
      </c>
      <c r="G21745" t="s">
        <v>10214</v>
      </c>
      <c r="H21745" t="s">
        <v>10215</v>
      </c>
      <c r="I21745" s="2">
        <v>1</v>
      </c>
      <c r="J21745" s="2">
        <v>0</v>
      </c>
      <c r="K21745" s="2">
        <v>0</v>
      </c>
      <c r="L21745" t="s">
        <v>120</v>
      </c>
      <c r="M21745" t="s">
        <v>83</v>
      </c>
      <c r="N21745" t="s">
        <v>91</v>
      </c>
      <c r="O21745" t="s">
        <v>85</v>
      </c>
      <c r="P21745" t="s">
        <v>86</v>
      </c>
      <c r="Q21745">
        <v>14</v>
      </c>
      <c r="R21745">
        <v>14</v>
      </c>
      <c r="S21745">
        <v>14</v>
      </c>
      <c r="T21745">
        <v>15</v>
      </c>
      <c r="U21745">
        <v>15</v>
      </c>
      <c r="V21745">
        <v>15</v>
      </c>
      <c r="W21745">
        <v>15</v>
      </c>
      <c r="X21745">
        <v>15</v>
      </c>
      <c r="Y21745">
        <v>15</v>
      </c>
      <c r="Z21745">
        <v>15</v>
      </c>
      <c r="AA21745">
        <v>15</v>
      </c>
      <c r="AB21745">
        <v>15</v>
      </c>
      <c r="AC21745">
        <v>15</v>
      </c>
      <c r="AD21745">
        <v>15</v>
      </c>
      <c r="AE21745">
        <v>16</v>
      </c>
      <c r="AF21745">
        <v>16</v>
      </c>
      <c r="AG21745">
        <v>16</v>
      </c>
      <c r="AH21745">
        <v>16</v>
      </c>
      <c r="AI21745">
        <v>16</v>
      </c>
      <c r="AJ21745">
        <v>16</v>
      </c>
      <c r="AK21745">
        <v>16</v>
      </c>
      <c r="AL21745">
        <v>16</v>
      </c>
      <c r="AM21745">
        <v>16</v>
      </c>
      <c r="AN21745">
        <v>16</v>
      </c>
      <c r="AO21745">
        <v>16</v>
      </c>
      <c r="AP21745">
        <v>16</v>
      </c>
      <c r="AQ21745">
        <v>16</v>
      </c>
    </row>
    <row r="21746" spans="1:43">
      <c r="A21746" t="s">
        <v>13477</v>
      </c>
      <c r="B21746" t="s">
        <v>13478</v>
      </c>
      <c r="C21746" t="s">
        <v>13475</v>
      </c>
      <c r="D21746" t="s">
        <v>13476</v>
      </c>
      <c r="E21746" t="s">
        <v>13293</v>
      </c>
      <c r="F21746" t="s">
        <v>13294</v>
      </c>
      <c r="G21746" t="s">
        <v>10214</v>
      </c>
      <c r="H21746" t="s">
        <v>10215</v>
      </c>
      <c r="I21746" s="2">
        <v>0.84</v>
      </c>
      <c r="J21746" s="2">
        <v>0</v>
      </c>
      <c r="K21746" s="2">
        <v>0</v>
      </c>
      <c r="L21746" t="s">
        <v>120</v>
      </c>
      <c r="M21746" t="s">
        <v>83</v>
      </c>
      <c r="N21746" t="s">
        <v>84</v>
      </c>
      <c r="O21746" t="s">
        <v>85</v>
      </c>
      <c r="P21746" t="s">
        <v>86</v>
      </c>
      <c r="Q21746">
        <v>53</v>
      </c>
      <c r="R21746">
        <v>53</v>
      </c>
      <c r="S21746">
        <v>53</v>
      </c>
      <c r="T21746">
        <v>54</v>
      </c>
      <c r="U21746">
        <v>54</v>
      </c>
      <c r="V21746">
        <v>54</v>
      </c>
      <c r="W21746">
        <v>55</v>
      </c>
      <c r="X21746">
        <v>55</v>
      </c>
      <c r="Y21746">
        <v>55</v>
      </c>
      <c r="Z21746">
        <v>56</v>
      </c>
      <c r="AA21746">
        <v>56</v>
      </c>
      <c r="AB21746">
        <v>56</v>
      </c>
      <c r="AC21746">
        <v>57</v>
      </c>
      <c r="AD21746">
        <v>57</v>
      </c>
      <c r="AE21746">
        <v>57</v>
      </c>
      <c r="AF21746">
        <v>57</v>
      </c>
      <c r="AG21746">
        <v>58</v>
      </c>
      <c r="AH21746">
        <v>58</v>
      </c>
      <c r="AI21746">
        <v>58</v>
      </c>
      <c r="AJ21746">
        <v>58</v>
      </c>
      <c r="AK21746">
        <v>59</v>
      </c>
      <c r="AL21746">
        <v>58</v>
      </c>
      <c r="AM21746">
        <v>58</v>
      </c>
      <c r="AN21746">
        <v>58</v>
      </c>
      <c r="AO21746">
        <v>58</v>
      </c>
      <c r="AP21746">
        <v>57</v>
      </c>
      <c r="AQ21746">
        <v>57</v>
      </c>
    </row>
    <row r="21747" spans="1:43">
      <c r="A21747" t="s">
        <v>13477</v>
      </c>
      <c r="B21747" t="s">
        <v>13478</v>
      </c>
      <c r="C21747" t="s">
        <v>13475</v>
      </c>
      <c r="D21747" t="s">
        <v>13476</v>
      </c>
      <c r="E21747" t="s">
        <v>13293</v>
      </c>
      <c r="F21747" t="s">
        <v>13294</v>
      </c>
      <c r="G21747" t="s">
        <v>10214</v>
      </c>
      <c r="H21747" t="s">
        <v>10215</v>
      </c>
      <c r="I21747" s="2">
        <v>0.84</v>
      </c>
      <c r="J21747" s="2">
        <v>0</v>
      </c>
      <c r="K21747" s="2">
        <v>0</v>
      </c>
      <c r="L21747" t="s">
        <v>120</v>
      </c>
      <c r="M21747" t="s">
        <v>87</v>
      </c>
      <c r="N21747" t="s">
        <v>88</v>
      </c>
      <c r="O21747" t="s">
        <v>85</v>
      </c>
      <c r="P21747" t="s">
        <v>86</v>
      </c>
      <c r="Q21747">
        <v>53</v>
      </c>
      <c r="R21747">
        <v>53</v>
      </c>
      <c r="S21747">
        <v>53</v>
      </c>
      <c r="T21747">
        <v>53</v>
      </c>
      <c r="U21747">
        <v>53</v>
      </c>
      <c r="V21747">
        <v>53</v>
      </c>
      <c r="W21747">
        <v>52</v>
      </c>
      <c r="X21747">
        <v>52</v>
      </c>
      <c r="Y21747">
        <v>52</v>
      </c>
      <c r="Z21747">
        <v>52</v>
      </c>
      <c r="AA21747">
        <v>52</v>
      </c>
      <c r="AB21747">
        <v>52</v>
      </c>
      <c r="AC21747">
        <v>52</v>
      </c>
      <c r="AD21747">
        <v>52</v>
      </c>
      <c r="AE21747">
        <v>52</v>
      </c>
      <c r="AF21747">
        <v>52</v>
      </c>
      <c r="AG21747">
        <v>51</v>
      </c>
      <c r="AH21747">
        <v>51</v>
      </c>
      <c r="AI21747">
        <v>51</v>
      </c>
      <c r="AJ21747">
        <v>51</v>
      </c>
      <c r="AK21747">
        <v>51</v>
      </c>
      <c r="AL21747">
        <v>51</v>
      </c>
      <c r="AM21747">
        <v>51</v>
      </c>
      <c r="AN21747">
        <v>51</v>
      </c>
      <c r="AO21747">
        <v>50</v>
      </c>
      <c r="AP21747">
        <v>50</v>
      </c>
      <c r="AQ21747">
        <v>50</v>
      </c>
    </row>
    <row r="21748" spans="1:43">
      <c r="A21748" t="s">
        <v>13477</v>
      </c>
      <c r="B21748" t="s">
        <v>13478</v>
      </c>
      <c r="C21748" t="s">
        <v>13475</v>
      </c>
      <c r="D21748" t="s">
        <v>13476</v>
      </c>
      <c r="E21748" t="s">
        <v>13293</v>
      </c>
      <c r="F21748" t="s">
        <v>13294</v>
      </c>
      <c r="G21748" t="s">
        <v>10214</v>
      </c>
      <c r="H21748" t="s">
        <v>10215</v>
      </c>
      <c r="I21748" s="2">
        <v>0.84</v>
      </c>
      <c r="J21748" s="2">
        <v>0</v>
      </c>
      <c r="K21748" s="2">
        <v>0</v>
      </c>
      <c r="L21748" t="s">
        <v>120</v>
      </c>
      <c r="M21748" t="s">
        <v>89</v>
      </c>
      <c r="N21748" t="s">
        <v>90</v>
      </c>
      <c r="O21748" t="s">
        <v>85</v>
      </c>
      <c r="P21748" t="s">
        <v>86</v>
      </c>
      <c r="Q21748">
        <v>53</v>
      </c>
      <c r="R21748">
        <v>54</v>
      </c>
      <c r="S21748">
        <v>55</v>
      </c>
      <c r="T21748">
        <v>55</v>
      </c>
      <c r="U21748">
        <v>56</v>
      </c>
      <c r="V21748">
        <v>57</v>
      </c>
      <c r="W21748">
        <v>58</v>
      </c>
      <c r="X21748">
        <v>58</v>
      </c>
      <c r="Y21748">
        <v>59</v>
      </c>
      <c r="Z21748">
        <v>59</v>
      </c>
      <c r="AA21748">
        <v>60</v>
      </c>
      <c r="AB21748">
        <v>60</v>
      </c>
      <c r="AC21748">
        <v>61</v>
      </c>
      <c r="AD21748">
        <v>61</v>
      </c>
      <c r="AE21748">
        <v>61</v>
      </c>
      <c r="AF21748">
        <v>61</v>
      </c>
      <c r="AG21748">
        <v>61</v>
      </c>
      <c r="AH21748">
        <v>60</v>
      </c>
      <c r="AI21748">
        <v>60</v>
      </c>
      <c r="AJ21748">
        <v>60</v>
      </c>
      <c r="AK21748">
        <v>59</v>
      </c>
      <c r="AL21748">
        <v>59</v>
      </c>
      <c r="AM21748">
        <v>59</v>
      </c>
      <c r="AN21748">
        <v>58</v>
      </c>
      <c r="AO21748">
        <v>58</v>
      </c>
      <c r="AP21748">
        <v>58</v>
      </c>
      <c r="AQ21748">
        <v>58</v>
      </c>
    </row>
    <row r="21749" spans="1:43">
      <c r="A21749" t="s">
        <v>13477</v>
      </c>
      <c r="B21749" t="s">
        <v>13478</v>
      </c>
      <c r="C21749" t="s">
        <v>13475</v>
      </c>
      <c r="D21749" t="s">
        <v>13476</v>
      </c>
      <c r="E21749" t="s">
        <v>13293</v>
      </c>
      <c r="F21749" t="s">
        <v>13294</v>
      </c>
      <c r="G21749" t="s">
        <v>10214</v>
      </c>
      <c r="H21749" t="s">
        <v>10215</v>
      </c>
      <c r="I21749" s="2">
        <v>0.84</v>
      </c>
      <c r="J21749" s="2">
        <v>0</v>
      </c>
      <c r="K21749" s="2">
        <v>0</v>
      </c>
      <c r="L21749" t="s">
        <v>120</v>
      </c>
      <c r="M21749" t="s">
        <v>83</v>
      </c>
      <c r="N21749" t="s">
        <v>91</v>
      </c>
      <c r="O21749" t="s">
        <v>85</v>
      </c>
      <c r="P21749" t="s">
        <v>86</v>
      </c>
      <c r="Q21749">
        <v>53</v>
      </c>
      <c r="R21749">
        <v>53</v>
      </c>
      <c r="S21749">
        <v>53</v>
      </c>
      <c r="T21749">
        <v>54</v>
      </c>
      <c r="U21749">
        <v>54</v>
      </c>
      <c r="V21749">
        <v>54</v>
      </c>
      <c r="W21749">
        <v>55</v>
      </c>
      <c r="X21749">
        <v>55</v>
      </c>
      <c r="Y21749">
        <v>55</v>
      </c>
      <c r="Z21749">
        <v>56</v>
      </c>
      <c r="AA21749">
        <v>56</v>
      </c>
      <c r="AB21749">
        <v>56</v>
      </c>
      <c r="AC21749">
        <v>57</v>
      </c>
      <c r="AD21749">
        <v>57</v>
      </c>
      <c r="AE21749">
        <v>57</v>
      </c>
      <c r="AF21749">
        <v>57</v>
      </c>
      <c r="AG21749">
        <v>58</v>
      </c>
      <c r="AH21749">
        <v>58</v>
      </c>
      <c r="AI21749">
        <v>58</v>
      </c>
      <c r="AJ21749">
        <v>58</v>
      </c>
      <c r="AK21749">
        <v>59</v>
      </c>
      <c r="AL21749">
        <v>58</v>
      </c>
      <c r="AM21749">
        <v>58</v>
      </c>
      <c r="AN21749">
        <v>58</v>
      </c>
      <c r="AO21749">
        <v>58</v>
      </c>
      <c r="AP21749">
        <v>57</v>
      </c>
      <c r="AQ21749">
        <v>57</v>
      </c>
    </row>
    <row r="21750" spans="1:43">
      <c r="A21750" t="s">
        <v>13479</v>
      </c>
      <c r="B21750" t="s">
        <v>13480</v>
      </c>
      <c r="C21750" t="s">
        <v>13475</v>
      </c>
      <c r="D21750" t="s">
        <v>13476</v>
      </c>
      <c r="E21750" t="s">
        <v>13293</v>
      </c>
      <c r="F21750" t="s">
        <v>13294</v>
      </c>
      <c r="G21750" t="s">
        <v>10214</v>
      </c>
      <c r="H21750" t="s">
        <v>10215</v>
      </c>
      <c r="I21750" s="2">
        <v>1</v>
      </c>
      <c r="J21750" s="2">
        <v>0</v>
      </c>
      <c r="K21750" s="2">
        <v>0</v>
      </c>
      <c r="L21750" t="s">
        <v>120</v>
      </c>
      <c r="M21750" t="s">
        <v>83</v>
      </c>
      <c r="N21750" t="s">
        <v>84</v>
      </c>
      <c r="O21750" t="s">
        <v>85</v>
      </c>
      <c r="P21750" t="s">
        <v>86</v>
      </c>
      <c r="Q21750">
        <v>6</v>
      </c>
      <c r="R21750">
        <v>6</v>
      </c>
      <c r="S21750">
        <v>6</v>
      </c>
      <c r="T21750">
        <v>6</v>
      </c>
      <c r="U21750">
        <v>6</v>
      </c>
      <c r="V21750">
        <v>6</v>
      </c>
      <c r="W21750">
        <v>6</v>
      </c>
      <c r="X21750">
        <v>6</v>
      </c>
      <c r="Y21750">
        <v>6</v>
      </c>
      <c r="Z21750">
        <v>6</v>
      </c>
      <c r="AA21750">
        <v>6</v>
      </c>
      <c r="AB21750">
        <v>6</v>
      </c>
      <c r="AC21750">
        <v>6</v>
      </c>
      <c r="AD21750">
        <v>6</v>
      </c>
      <c r="AE21750">
        <v>6</v>
      </c>
      <c r="AF21750">
        <v>6</v>
      </c>
      <c r="AG21750">
        <v>6</v>
      </c>
      <c r="AH21750">
        <v>6</v>
      </c>
      <c r="AI21750">
        <v>6</v>
      </c>
      <c r="AJ21750">
        <v>6</v>
      </c>
      <c r="AK21750">
        <v>6</v>
      </c>
      <c r="AL21750">
        <v>6</v>
      </c>
      <c r="AM21750">
        <v>6</v>
      </c>
      <c r="AN21750">
        <v>6</v>
      </c>
      <c r="AO21750">
        <v>6</v>
      </c>
      <c r="AP21750">
        <v>6</v>
      </c>
      <c r="AQ21750">
        <v>6</v>
      </c>
    </row>
    <row r="21751" spans="1:43">
      <c r="A21751" t="s">
        <v>13479</v>
      </c>
      <c r="B21751" t="s">
        <v>13480</v>
      </c>
      <c r="C21751" t="s">
        <v>13475</v>
      </c>
      <c r="D21751" t="s">
        <v>13476</v>
      </c>
      <c r="E21751" t="s">
        <v>13293</v>
      </c>
      <c r="F21751" t="s">
        <v>13294</v>
      </c>
      <c r="G21751" t="s">
        <v>10214</v>
      </c>
      <c r="H21751" t="s">
        <v>10215</v>
      </c>
      <c r="I21751" s="2">
        <v>1</v>
      </c>
      <c r="J21751" s="2">
        <v>0</v>
      </c>
      <c r="K21751" s="2">
        <v>0</v>
      </c>
      <c r="L21751" t="s">
        <v>120</v>
      </c>
      <c r="M21751" t="s">
        <v>87</v>
      </c>
      <c r="N21751" t="s">
        <v>88</v>
      </c>
      <c r="O21751" t="s">
        <v>85</v>
      </c>
      <c r="P21751" t="s">
        <v>86</v>
      </c>
      <c r="Q21751">
        <v>6</v>
      </c>
      <c r="R21751">
        <v>6</v>
      </c>
      <c r="S21751">
        <v>6</v>
      </c>
      <c r="T21751">
        <v>5</v>
      </c>
      <c r="U21751">
        <v>5</v>
      </c>
      <c r="V21751">
        <v>5</v>
      </c>
      <c r="W21751">
        <v>5</v>
      </c>
      <c r="X21751">
        <v>5</v>
      </c>
      <c r="Y21751">
        <v>5</v>
      </c>
      <c r="Z21751">
        <v>5</v>
      </c>
      <c r="AA21751">
        <v>5</v>
      </c>
      <c r="AB21751">
        <v>5</v>
      </c>
      <c r="AC21751">
        <v>5</v>
      </c>
      <c r="AD21751">
        <v>5</v>
      </c>
      <c r="AE21751">
        <v>5</v>
      </c>
      <c r="AF21751">
        <v>5</v>
      </c>
      <c r="AG21751">
        <v>5</v>
      </c>
      <c r="AH21751">
        <v>5</v>
      </c>
      <c r="AI21751">
        <v>5</v>
      </c>
      <c r="AJ21751">
        <v>5</v>
      </c>
      <c r="AK21751">
        <v>5</v>
      </c>
      <c r="AL21751">
        <v>5</v>
      </c>
      <c r="AM21751">
        <v>5</v>
      </c>
      <c r="AN21751">
        <v>5</v>
      </c>
      <c r="AO21751">
        <v>5</v>
      </c>
      <c r="AP21751">
        <v>5</v>
      </c>
      <c r="AQ21751">
        <v>5</v>
      </c>
    </row>
    <row r="21752" spans="1:43">
      <c r="A21752" t="s">
        <v>13479</v>
      </c>
      <c r="B21752" t="s">
        <v>13480</v>
      </c>
      <c r="C21752" t="s">
        <v>13475</v>
      </c>
      <c r="D21752" t="s">
        <v>13476</v>
      </c>
      <c r="E21752" t="s">
        <v>13293</v>
      </c>
      <c r="F21752" t="s">
        <v>13294</v>
      </c>
      <c r="G21752" t="s">
        <v>10214</v>
      </c>
      <c r="H21752" t="s">
        <v>10215</v>
      </c>
      <c r="I21752" s="2">
        <v>1</v>
      </c>
      <c r="J21752" s="2">
        <v>0</v>
      </c>
      <c r="K21752" s="2">
        <v>0</v>
      </c>
      <c r="L21752" t="s">
        <v>120</v>
      </c>
      <c r="M21752" t="s">
        <v>89</v>
      </c>
      <c r="N21752" t="s">
        <v>90</v>
      </c>
      <c r="O21752" t="s">
        <v>85</v>
      </c>
      <c r="P21752" t="s">
        <v>86</v>
      </c>
      <c r="Q21752">
        <v>6</v>
      </c>
      <c r="R21752">
        <v>6</v>
      </c>
      <c r="S21752">
        <v>6</v>
      </c>
      <c r="T21752">
        <v>6</v>
      </c>
      <c r="U21752">
        <v>6</v>
      </c>
      <c r="V21752">
        <v>6</v>
      </c>
      <c r="W21752">
        <v>6</v>
      </c>
      <c r="X21752">
        <v>6</v>
      </c>
      <c r="Y21752">
        <v>6</v>
      </c>
      <c r="Z21752">
        <v>6</v>
      </c>
      <c r="AA21752">
        <v>6</v>
      </c>
      <c r="AB21752">
        <v>6</v>
      </c>
      <c r="AC21752">
        <v>6</v>
      </c>
      <c r="AD21752">
        <v>7</v>
      </c>
      <c r="AE21752">
        <v>7</v>
      </c>
      <c r="AF21752">
        <v>7</v>
      </c>
      <c r="AG21752">
        <v>7</v>
      </c>
      <c r="AH21752">
        <v>6</v>
      </c>
      <c r="AI21752">
        <v>6</v>
      </c>
      <c r="AJ21752">
        <v>6</v>
      </c>
      <c r="AK21752">
        <v>6</v>
      </c>
      <c r="AL21752">
        <v>6</v>
      </c>
      <c r="AM21752">
        <v>6</v>
      </c>
      <c r="AN21752">
        <v>6</v>
      </c>
      <c r="AO21752">
        <v>6</v>
      </c>
      <c r="AP21752">
        <v>6</v>
      </c>
      <c r="AQ21752">
        <v>6</v>
      </c>
    </row>
    <row r="21753" spans="1:43">
      <c r="A21753" t="s">
        <v>13479</v>
      </c>
      <c r="B21753" t="s">
        <v>13480</v>
      </c>
      <c r="C21753" t="s">
        <v>13475</v>
      </c>
      <c r="D21753" t="s">
        <v>13476</v>
      </c>
      <c r="E21753" t="s">
        <v>13293</v>
      </c>
      <c r="F21753" t="s">
        <v>13294</v>
      </c>
      <c r="G21753" t="s">
        <v>10214</v>
      </c>
      <c r="H21753" t="s">
        <v>10215</v>
      </c>
      <c r="I21753" s="2">
        <v>1</v>
      </c>
      <c r="J21753" s="2">
        <v>0</v>
      </c>
      <c r="K21753" s="2">
        <v>0</v>
      </c>
      <c r="L21753" t="s">
        <v>120</v>
      </c>
      <c r="M21753" t="s">
        <v>83</v>
      </c>
      <c r="N21753" t="s">
        <v>91</v>
      </c>
      <c r="O21753" t="s">
        <v>85</v>
      </c>
      <c r="P21753" t="s">
        <v>86</v>
      </c>
      <c r="Q21753">
        <v>6</v>
      </c>
      <c r="R21753">
        <v>6</v>
      </c>
      <c r="S21753">
        <v>6</v>
      </c>
      <c r="T21753">
        <v>6</v>
      </c>
      <c r="U21753">
        <v>6</v>
      </c>
      <c r="V21753">
        <v>6</v>
      </c>
      <c r="W21753">
        <v>6</v>
      </c>
      <c r="X21753">
        <v>6</v>
      </c>
      <c r="Y21753">
        <v>6</v>
      </c>
      <c r="Z21753">
        <v>6</v>
      </c>
      <c r="AA21753">
        <v>6</v>
      </c>
      <c r="AB21753">
        <v>6</v>
      </c>
      <c r="AC21753">
        <v>6</v>
      </c>
      <c r="AD21753">
        <v>6</v>
      </c>
      <c r="AE21753">
        <v>6</v>
      </c>
      <c r="AF21753">
        <v>6</v>
      </c>
      <c r="AG21753">
        <v>6</v>
      </c>
      <c r="AH21753">
        <v>6</v>
      </c>
      <c r="AI21753">
        <v>6</v>
      </c>
      <c r="AJ21753">
        <v>6</v>
      </c>
      <c r="AK21753">
        <v>6</v>
      </c>
      <c r="AL21753">
        <v>6</v>
      </c>
      <c r="AM21753">
        <v>6</v>
      </c>
      <c r="AN21753">
        <v>6</v>
      </c>
      <c r="AO21753">
        <v>6</v>
      </c>
      <c r="AP21753">
        <v>6</v>
      </c>
      <c r="AQ21753">
        <v>6</v>
      </c>
    </row>
    <row r="21754" spans="1:43">
      <c r="A21754" t="s">
        <v>13481</v>
      </c>
      <c r="B21754" t="s">
        <v>13482</v>
      </c>
      <c r="C21754" t="s">
        <v>13475</v>
      </c>
      <c r="D21754" t="s">
        <v>13476</v>
      </c>
      <c r="E21754" t="s">
        <v>13293</v>
      </c>
      <c r="F21754" t="s">
        <v>13294</v>
      </c>
      <c r="G21754" t="s">
        <v>10214</v>
      </c>
      <c r="H21754" t="s">
        <v>10215</v>
      </c>
      <c r="I21754" s="2">
        <v>1</v>
      </c>
      <c r="J21754" s="2">
        <v>0</v>
      </c>
      <c r="K21754" s="2">
        <v>0</v>
      </c>
      <c r="L21754" t="s">
        <v>120</v>
      </c>
      <c r="M21754" t="s">
        <v>83</v>
      </c>
      <c r="N21754" t="s">
        <v>84</v>
      </c>
      <c r="O21754" t="s">
        <v>85</v>
      </c>
      <c r="P21754" t="s">
        <v>86</v>
      </c>
      <c r="Q21754">
        <v>47</v>
      </c>
      <c r="R21754">
        <v>47</v>
      </c>
      <c r="S21754">
        <v>47</v>
      </c>
      <c r="T21754">
        <v>48</v>
      </c>
      <c r="U21754">
        <v>48</v>
      </c>
      <c r="V21754">
        <v>48</v>
      </c>
      <c r="W21754">
        <v>49</v>
      </c>
      <c r="X21754">
        <v>49</v>
      </c>
      <c r="Y21754">
        <v>49</v>
      </c>
      <c r="Z21754">
        <v>50</v>
      </c>
      <c r="AA21754">
        <v>50</v>
      </c>
      <c r="AB21754">
        <v>50</v>
      </c>
      <c r="AC21754">
        <v>50</v>
      </c>
      <c r="AD21754">
        <v>51</v>
      </c>
      <c r="AE21754">
        <v>51</v>
      </c>
      <c r="AF21754">
        <v>51</v>
      </c>
      <c r="AG21754">
        <v>51</v>
      </c>
      <c r="AH21754">
        <v>52</v>
      </c>
      <c r="AI21754">
        <v>52</v>
      </c>
      <c r="AJ21754">
        <v>52</v>
      </c>
      <c r="AK21754">
        <v>52</v>
      </c>
      <c r="AL21754">
        <v>52</v>
      </c>
      <c r="AM21754">
        <v>52</v>
      </c>
      <c r="AN21754">
        <v>51</v>
      </c>
      <c r="AO21754">
        <v>51</v>
      </c>
      <c r="AP21754">
        <v>51</v>
      </c>
      <c r="AQ21754">
        <v>51</v>
      </c>
    </row>
    <row r="21755" spans="1:43">
      <c r="A21755" t="s">
        <v>13481</v>
      </c>
      <c r="B21755" t="s">
        <v>13482</v>
      </c>
      <c r="C21755" t="s">
        <v>13475</v>
      </c>
      <c r="D21755" t="s">
        <v>13476</v>
      </c>
      <c r="E21755" t="s">
        <v>13293</v>
      </c>
      <c r="F21755" t="s">
        <v>13294</v>
      </c>
      <c r="G21755" t="s">
        <v>10214</v>
      </c>
      <c r="H21755" t="s">
        <v>10215</v>
      </c>
      <c r="I21755" s="2">
        <v>1</v>
      </c>
      <c r="J21755" s="2">
        <v>0</v>
      </c>
      <c r="K21755" s="2">
        <v>0</v>
      </c>
      <c r="L21755" t="s">
        <v>120</v>
      </c>
      <c r="M21755" t="s">
        <v>87</v>
      </c>
      <c r="N21755" t="s">
        <v>88</v>
      </c>
      <c r="O21755" t="s">
        <v>85</v>
      </c>
      <c r="P21755" t="s">
        <v>86</v>
      </c>
      <c r="Q21755">
        <v>47</v>
      </c>
      <c r="R21755">
        <v>47</v>
      </c>
      <c r="S21755">
        <v>47</v>
      </c>
      <c r="T21755">
        <v>47</v>
      </c>
      <c r="U21755">
        <v>47</v>
      </c>
      <c r="V21755">
        <v>47</v>
      </c>
      <c r="W21755">
        <v>47</v>
      </c>
      <c r="X21755">
        <v>47</v>
      </c>
      <c r="Y21755">
        <v>47</v>
      </c>
      <c r="Z21755">
        <v>47</v>
      </c>
      <c r="AA21755">
        <v>46</v>
      </c>
      <c r="AB21755">
        <v>46</v>
      </c>
      <c r="AC21755">
        <v>46</v>
      </c>
      <c r="AD21755">
        <v>46</v>
      </c>
      <c r="AE21755">
        <v>46</v>
      </c>
      <c r="AF21755">
        <v>46</v>
      </c>
      <c r="AG21755">
        <v>46</v>
      </c>
      <c r="AH21755">
        <v>46</v>
      </c>
      <c r="AI21755">
        <v>46</v>
      </c>
      <c r="AJ21755">
        <v>46</v>
      </c>
      <c r="AK21755">
        <v>45</v>
      </c>
      <c r="AL21755">
        <v>45</v>
      </c>
      <c r="AM21755">
        <v>45</v>
      </c>
      <c r="AN21755">
        <v>45</v>
      </c>
      <c r="AO21755">
        <v>45</v>
      </c>
      <c r="AP21755">
        <v>45</v>
      </c>
      <c r="AQ21755">
        <v>45</v>
      </c>
    </row>
    <row r="21756" spans="1:43">
      <c r="A21756" t="s">
        <v>13481</v>
      </c>
      <c r="B21756" t="s">
        <v>13482</v>
      </c>
      <c r="C21756" t="s">
        <v>13475</v>
      </c>
      <c r="D21756" t="s">
        <v>13476</v>
      </c>
      <c r="E21756" t="s">
        <v>13293</v>
      </c>
      <c r="F21756" t="s">
        <v>13294</v>
      </c>
      <c r="G21756" t="s">
        <v>10214</v>
      </c>
      <c r="H21756" t="s">
        <v>10215</v>
      </c>
      <c r="I21756" s="2">
        <v>1</v>
      </c>
      <c r="J21756" s="2">
        <v>0</v>
      </c>
      <c r="K21756" s="2">
        <v>0</v>
      </c>
      <c r="L21756" t="s">
        <v>120</v>
      </c>
      <c r="M21756" t="s">
        <v>89</v>
      </c>
      <c r="N21756" t="s">
        <v>90</v>
      </c>
      <c r="O21756" t="s">
        <v>85</v>
      </c>
      <c r="P21756" t="s">
        <v>86</v>
      </c>
      <c r="Q21756">
        <v>47</v>
      </c>
      <c r="R21756">
        <v>48</v>
      </c>
      <c r="S21756">
        <v>49</v>
      </c>
      <c r="T21756">
        <v>49</v>
      </c>
      <c r="U21756">
        <v>50</v>
      </c>
      <c r="V21756">
        <v>51</v>
      </c>
      <c r="W21756">
        <v>51</v>
      </c>
      <c r="X21756">
        <v>52</v>
      </c>
      <c r="Y21756">
        <v>52</v>
      </c>
      <c r="Z21756">
        <v>53</v>
      </c>
      <c r="AA21756">
        <v>53</v>
      </c>
      <c r="AB21756">
        <v>54</v>
      </c>
      <c r="AC21756">
        <v>54</v>
      </c>
      <c r="AD21756">
        <v>54</v>
      </c>
      <c r="AE21756">
        <v>55</v>
      </c>
      <c r="AF21756">
        <v>54</v>
      </c>
      <c r="AG21756">
        <v>54</v>
      </c>
      <c r="AH21756">
        <v>54</v>
      </c>
      <c r="AI21756">
        <v>53</v>
      </c>
      <c r="AJ21756">
        <v>53</v>
      </c>
      <c r="AK21756">
        <v>53</v>
      </c>
      <c r="AL21756">
        <v>53</v>
      </c>
      <c r="AM21756">
        <v>52</v>
      </c>
      <c r="AN21756">
        <v>52</v>
      </c>
      <c r="AO21756">
        <v>52</v>
      </c>
      <c r="AP21756">
        <v>51</v>
      </c>
      <c r="AQ21756">
        <v>51</v>
      </c>
    </row>
    <row r="21757" spans="1:43">
      <c r="A21757" t="s">
        <v>13481</v>
      </c>
      <c r="B21757" t="s">
        <v>13482</v>
      </c>
      <c r="C21757" t="s">
        <v>13475</v>
      </c>
      <c r="D21757" t="s">
        <v>13476</v>
      </c>
      <c r="E21757" t="s">
        <v>13293</v>
      </c>
      <c r="F21757" t="s">
        <v>13294</v>
      </c>
      <c r="G21757" t="s">
        <v>10214</v>
      </c>
      <c r="H21757" t="s">
        <v>10215</v>
      </c>
      <c r="I21757" s="2">
        <v>1</v>
      </c>
      <c r="J21757" s="2">
        <v>0</v>
      </c>
      <c r="K21757" s="2">
        <v>0</v>
      </c>
      <c r="L21757" t="s">
        <v>120</v>
      </c>
      <c r="M21757" t="s">
        <v>83</v>
      </c>
      <c r="N21757" t="s">
        <v>91</v>
      </c>
      <c r="O21757" t="s">
        <v>85</v>
      </c>
      <c r="P21757" t="s">
        <v>86</v>
      </c>
      <c r="Q21757">
        <v>47</v>
      </c>
      <c r="R21757">
        <v>47</v>
      </c>
      <c r="S21757">
        <v>47</v>
      </c>
      <c r="T21757">
        <v>48</v>
      </c>
      <c r="U21757">
        <v>48</v>
      </c>
      <c r="V21757">
        <v>48</v>
      </c>
      <c r="W21757">
        <v>49</v>
      </c>
      <c r="X21757">
        <v>49</v>
      </c>
      <c r="Y21757">
        <v>49</v>
      </c>
      <c r="Z21757">
        <v>50</v>
      </c>
      <c r="AA21757">
        <v>50</v>
      </c>
      <c r="AB21757">
        <v>50</v>
      </c>
      <c r="AC21757">
        <v>50</v>
      </c>
      <c r="AD21757">
        <v>51</v>
      </c>
      <c r="AE21757">
        <v>51</v>
      </c>
      <c r="AF21757">
        <v>51</v>
      </c>
      <c r="AG21757">
        <v>51</v>
      </c>
      <c r="AH21757">
        <v>52</v>
      </c>
      <c r="AI21757">
        <v>52</v>
      </c>
      <c r="AJ21757">
        <v>52</v>
      </c>
      <c r="AK21757">
        <v>52</v>
      </c>
      <c r="AL21757">
        <v>52</v>
      </c>
      <c r="AM21757">
        <v>52</v>
      </c>
      <c r="AN21757">
        <v>51</v>
      </c>
      <c r="AO21757">
        <v>51</v>
      </c>
      <c r="AP21757">
        <v>51</v>
      </c>
      <c r="AQ21757">
        <v>51</v>
      </c>
    </row>
    <row r="21758" spans="1:43">
      <c r="A21758" t="s">
        <v>13483</v>
      </c>
      <c r="B21758" t="s">
        <v>13484</v>
      </c>
      <c r="C21758" t="s">
        <v>13475</v>
      </c>
      <c r="D21758" t="s">
        <v>13476</v>
      </c>
      <c r="E21758" t="s">
        <v>13293</v>
      </c>
      <c r="F21758" t="s">
        <v>13294</v>
      </c>
      <c r="G21758" t="s">
        <v>10214</v>
      </c>
      <c r="H21758" t="s">
        <v>10215</v>
      </c>
      <c r="I21758" s="2">
        <v>1</v>
      </c>
      <c r="J21758" s="2">
        <v>0</v>
      </c>
      <c r="K21758" s="2">
        <v>0</v>
      </c>
      <c r="L21758" t="s">
        <v>120</v>
      </c>
      <c r="M21758" t="s">
        <v>83</v>
      </c>
      <c r="N21758" t="s">
        <v>84</v>
      </c>
      <c r="O21758" t="s">
        <v>85</v>
      </c>
      <c r="P21758" t="s">
        <v>86</v>
      </c>
      <c r="Q21758">
        <v>14</v>
      </c>
      <c r="R21758">
        <v>14</v>
      </c>
      <c r="S21758">
        <v>14</v>
      </c>
      <c r="T21758">
        <v>14</v>
      </c>
      <c r="U21758">
        <v>15</v>
      </c>
      <c r="V21758">
        <v>15</v>
      </c>
      <c r="W21758">
        <v>15</v>
      </c>
      <c r="X21758">
        <v>15</v>
      </c>
      <c r="Y21758">
        <v>15</v>
      </c>
      <c r="Z21758">
        <v>15</v>
      </c>
      <c r="AA21758">
        <v>15</v>
      </c>
      <c r="AB21758">
        <v>15</v>
      </c>
      <c r="AC21758">
        <v>15</v>
      </c>
      <c r="AD21758">
        <v>15</v>
      </c>
      <c r="AE21758">
        <v>15</v>
      </c>
      <c r="AF21758">
        <v>16</v>
      </c>
      <c r="AG21758">
        <v>16</v>
      </c>
      <c r="AH21758">
        <v>16</v>
      </c>
      <c r="AI21758">
        <v>16</v>
      </c>
      <c r="AJ21758">
        <v>16</v>
      </c>
      <c r="AK21758">
        <v>16</v>
      </c>
      <c r="AL21758">
        <v>16</v>
      </c>
      <c r="AM21758">
        <v>16</v>
      </c>
      <c r="AN21758">
        <v>16</v>
      </c>
      <c r="AO21758">
        <v>16</v>
      </c>
      <c r="AP21758">
        <v>16</v>
      </c>
      <c r="AQ21758">
        <v>16</v>
      </c>
    </row>
    <row r="21759" spans="1:43">
      <c r="A21759" t="s">
        <v>13483</v>
      </c>
      <c r="B21759" t="s">
        <v>13484</v>
      </c>
      <c r="C21759" t="s">
        <v>13475</v>
      </c>
      <c r="D21759" t="s">
        <v>13476</v>
      </c>
      <c r="E21759" t="s">
        <v>13293</v>
      </c>
      <c r="F21759" t="s">
        <v>13294</v>
      </c>
      <c r="G21759" t="s">
        <v>10214</v>
      </c>
      <c r="H21759" t="s">
        <v>10215</v>
      </c>
      <c r="I21759" s="2">
        <v>1</v>
      </c>
      <c r="J21759" s="2">
        <v>0</v>
      </c>
      <c r="K21759" s="2">
        <v>0</v>
      </c>
      <c r="L21759" t="s">
        <v>120</v>
      </c>
      <c r="M21759" t="s">
        <v>87</v>
      </c>
      <c r="N21759" t="s">
        <v>88</v>
      </c>
      <c r="O21759" t="s">
        <v>85</v>
      </c>
      <c r="P21759" t="s">
        <v>86</v>
      </c>
      <c r="Q21759">
        <v>14</v>
      </c>
      <c r="R21759">
        <v>14</v>
      </c>
      <c r="S21759">
        <v>14</v>
      </c>
      <c r="T21759">
        <v>14</v>
      </c>
      <c r="U21759">
        <v>14</v>
      </c>
      <c r="V21759">
        <v>14</v>
      </c>
      <c r="W21759">
        <v>14</v>
      </c>
      <c r="X21759">
        <v>14</v>
      </c>
      <c r="Y21759">
        <v>14</v>
      </c>
      <c r="Z21759">
        <v>14</v>
      </c>
      <c r="AA21759">
        <v>14</v>
      </c>
      <c r="AB21759">
        <v>14</v>
      </c>
      <c r="AC21759">
        <v>14</v>
      </c>
      <c r="AD21759">
        <v>14</v>
      </c>
      <c r="AE21759">
        <v>14</v>
      </c>
      <c r="AF21759">
        <v>14</v>
      </c>
      <c r="AG21759">
        <v>14</v>
      </c>
      <c r="AH21759">
        <v>14</v>
      </c>
      <c r="AI21759">
        <v>14</v>
      </c>
      <c r="AJ21759">
        <v>14</v>
      </c>
      <c r="AK21759">
        <v>14</v>
      </c>
      <c r="AL21759">
        <v>14</v>
      </c>
      <c r="AM21759">
        <v>14</v>
      </c>
      <c r="AN21759">
        <v>14</v>
      </c>
      <c r="AO21759">
        <v>14</v>
      </c>
      <c r="AP21759">
        <v>13</v>
      </c>
      <c r="AQ21759">
        <v>13</v>
      </c>
    </row>
    <row r="21760" spans="1:43">
      <c r="A21760" t="s">
        <v>13483</v>
      </c>
      <c r="B21760" t="s">
        <v>13484</v>
      </c>
      <c r="C21760" t="s">
        <v>13475</v>
      </c>
      <c r="D21760" t="s">
        <v>13476</v>
      </c>
      <c r="E21760" t="s">
        <v>13293</v>
      </c>
      <c r="F21760" t="s">
        <v>13294</v>
      </c>
      <c r="G21760" t="s">
        <v>10214</v>
      </c>
      <c r="H21760" t="s">
        <v>10215</v>
      </c>
      <c r="I21760" s="2">
        <v>1</v>
      </c>
      <c r="J21760" s="2">
        <v>0</v>
      </c>
      <c r="K21760" s="2">
        <v>0</v>
      </c>
      <c r="L21760" t="s">
        <v>120</v>
      </c>
      <c r="M21760" t="s">
        <v>89</v>
      </c>
      <c r="N21760" t="s">
        <v>90</v>
      </c>
      <c r="O21760" t="s">
        <v>85</v>
      </c>
      <c r="P21760" t="s">
        <v>86</v>
      </c>
      <c r="Q21760">
        <v>14</v>
      </c>
      <c r="R21760">
        <v>14</v>
      </c>
      <c r="S21760">
        <v>15</v>
      </c>
      <c r="T21760">
        <v>15</v>
      </c>
      <c r="U21760">
        <v>15</v>
      </c>
      <c r="V21760">
        <v>15</v>
      </c>
      <c r="W21760">
        <v>15</v>
      </c>
      <c r="X21760">
        <v>16</v>
      </c>
      <c r="Y21760">
        <v>16</v>
      </c>
      <c r="Z21760">
        <v>16</v>
      </c>
      <c r="AA21760">
        <v>16</v>
      </c>
      <c r="AB21760">
        <v>16</v>
      </c>
      <c r="AC21760">
        <v>16</v>
      </c>
      <c r="AD21760">
        <v>17</v>
      </c>
      <c r="AE21760">
        <v>17</v>
      </c>
      <c r="AF21760">
        <v>17</v>
      </c>
      <c r="AG21760">
        <v>16</v>
      </c>
      <c r="AH21760">
        <v>16</v>
      </c>
      <c r="AI21760">
        <v>16</v>
      </c>
      <c r="AJ21760">
        <v>16</v>
      </c>
      <c r="AK21760">
        <v>16</v>
      </c>
      <c r="AL21760">
        <v>16</v>
      </c>
      <c r="AM21760">
        <v>16</v>
      </c>
      <c r="AN21760">
        <v>16</v>
      </c>
      <c r="AO21760">
        <v>16</v>
      </c>
      <c r="AP21760">
        <v>16</v>
      </c>
      <c r="AQ21760">
        <v>16</v>
      </c>
    </row>
    <row r="21761" spans="1:43">
      <c r="A21761" t="s">
        <v>13483</v>
      </c>
      <c r="B21761" t="s">
        <v>13484</v>
      </c>
      <c r="C21761" t="s">
        <v>13475</v>
      </c>
      <c r="D21761" t="s">
        <v>13476</v>
      </c>
      <c r="E21761" t="s">
        <v>13293</v>
      </c>
      <c r="F21761" t="s">
        <v>13294</v>
      </c>
      <c r="G21761" t="s">
        <v>10214</v>
      </c>
      <c r="H21761" t="s">
        <v>10215</v>
      </c>
      <c r="I21761" s="2">
        <v>1</v>
      </c>
      <c r="J21761" s="2">
        <v>0</v>
      </c>
      <c r="K21761" s="2">
        <v>0</v>
      </c>
      <c r="L21761" t="s">
        <v>120</v>
      </c>
      <c r="M21761" t="s">
        <v>83</v>
      </c>
      <c r="N21761" t="s">
        <v>91</v>
      </c>
      <c r="O21761" t="s">
        <v>85</v>
      </c>
      <c r="P21761" t="s">
        <v>86</v>
      </c>
      <c r="Q21761">
        <v>14</v>
      </c>
      <c r="R21761">
        <v>14</v>
      </c>
      <c r="S21761">
        <v>14</v>
      </c>
      <c r="T21761">
        <v>14</v>
      </c>
      <c r="U21761">
        <v>15</v>
      </c>
      <c r="V21761">
        <v>15</v>
      </c>
      <c r="W21761">
        <v>15</v>
      </c>
      <c r="X21761">
        <v>15</v>
      </c>
      <c r="Y21761">
        <v>15</v>
      </c>
      <c r="Z21761">
        <v>15</v>
      </c>
      <c r="AA21761">
        <v>15</v>
      </c>
      <c r="AB21761">
        <v>15</v>
      </c>
      <c r="AC21761">
        <v>15</v>
      </c>
      <c r="AD21761">
        <v>15</v>
      </c>
      <c r="AE21761">
        <v>15</v>
      </c>
      <c r="AF21761">
        <v>16</v>
      </c>
      <c r="AG21761">
        <v>16</v>
      </c>
      <c r="AH21761">
        <v>16</v>
      </c>
      <c r="AI21761">
        <v>16</v>
      </c>
      <c r="AJ21761">
        <v>16</v>
      </c>
      <c r="AK21761">
        <v>16</v>
      </c>
      <c r="AL21761">
        <v>16</v>
      </c>
      <c r="AM21761">
        <v>16</v>
      </c>
      <c r="AN21761">
        <v>16</v>
      </c>
      <c r="AO21761">
        <v>16</v>
      </c>
      <c r="AP21761">
        <v>16</v>
      </c>
      <c r="AQ21761">
        <v>16</v>
      </c>
    </row>
    <row r="21762" spans="1:43">
      <c r="A21762" t="s">
        <v>13485</v>
      </c>
      <c r="B21762" t="s">
        <v>13486</v>
      </c>
      <c r="C21762" t="s">
        <v>13487</v>
      </c>
      <c r="D21762" t="s">
        <v>13488</v>
      </c>
      <c r="E21762" t="s">
        <v>13293</v>
      </c>
      <c r="F21762" t="s">
        <v>13294</v>
      </c>
      <c r="G21762" t="s">
        <v>10214</v>
      </c>
      <c r="H21762" t="s">
        <v>10215</v>
      </c>
      <c r="I21762" s="2">
        <v>1</v>
      </c>
      <c r="J21762" s="2">
        <v>0</v>
      </c>
      <c r="K21762" s="2">
        <v>0</v>
      </c>
      <c r="L21762" t="s">
        <v>120</v>
      </c>
      <c r="M21762" t="s">
        <v>83</v>
      </c>
      <c r="N21762" t="s">
        <v>84</v>
      </c>
      <c r="O21762" t="s">
        <v>85</v>
      </c>
      <c r="P21762" t="s">
        <v>86</v>
      </c>
      <c r="Q21762">
        <v>49</v>
      </c>
      <c r="R21762">
        <v>50</v>
      </c>
      <c r="S21762">
        <v>50</v>
      </c>
      <c r="T21762">
        <v>51</v>
      </c>
      <c r="U21762">
        <v>51</v>
      </c>
      <c r="V21762">
        <v>51</v>
      </c>
      <c r="W21762">
        <v>52</v>
      </c>
      <c r="X21762">
        <v>52</v>
      </c>
      <c r="Y21762">
        <v>52</v>
      </c>
      <c r="Z21762">
        <v>53</v>
      </c>
      <c r="AA21762">
        <v>53</v>
      </c>
      <c r="AB21762">
        <v>53</v>
      </c>
      <c r="AC21762">
        <v>53</v>
      </c>
      <c r="AD21762">
        <v>54</v>
      </c>
      <c r="AE21762">
        <v>54</v>
      </c>
      <c r="AF21762">
        <v>54</v>
      </c>
      <c r="AG21762">
        <v>54</v>
      </c>
      <c r="AH21762">
        <v>54</v>
      </c>
      <c r="AI21762">
        <v>55</v>
      </c>
      <c r="AJ21762">
        <v>55</v>
      </c>
      <c r="AK21762">
        <v>55</v>
      </c>
      <c r="AL21762">
        <v>55</v>
      </c>
      <c r="AM21762">
        <v>55</v>
      </c>
      <c r="AN21762">
        <v>54</v>
      </c>
      <c r="AO21762">
        <v>54</v>
      </c>
      <c r="AP21762">
        <v>54</v>
      </c>
      <c r="AQ21762">
        <v>53</v>
      </c>
    </row>
    <row r="21763" spans="1:43">
      <c r="A21763" t="s">
        <v>13485</v>
      </c>
      <c r="B21763" t="s">
        <v>13486</v>
      </c>
      <c r="C21763" t="s">
        <v>13487</v>
      </c>
      <c r="D21763" t="s">
        <v>13488</v>
      </c>
      <c r="E21763" t="s">
        <v>13293</v>
      </c>
      <c r="F21763" t="s">
        <v>13294</v>
      </c>
      <c r="G21763" t="s">
        <v>10214</v>
      </c>
      <c r="H21763" t="s">
        <v>10215</v>
      </c>
      <c r="I21763" s="2">
        <v>1</v>
      </c>
      <c r="J21763" s="2">
        <v>0</v>
      </c>
      <c r="K21763" s="2">
        <v>0</v>
      </c>
      <c r="L21763" t="s">
        <v>120</v>
      </c>
      <c r="M21763" t="s">
        <v>87</v>
      </c>
      <c r="N21763" t="s">
        <v>88</v>
      </c>
      <c r="O21763" t="s">
        <v>85</v>
      </c>
      <c r="P21763" t="s">
        <v>86</v>
      </c>
      <c r="Q21763">
        <v>49</v>
      </c>
      <c r="R21763">
        <v>49</v>
      </c>
      <c r="S21763">
        <v>49</v>
      </c>
      <c r="T21763">
        <v>49</v>
      </c>
      <c r="U21763">
        <v>49</v>
      </c>
      <c r="V21763">
        <v>49</v>
      </c>
      <c r="W21763">
        <v>49</v>
      </c>
      <c r="X21763">
        <v>48</v>
      </c>
      <c r="Y21763">
        <v>48</v>
      </c>
      <c r="Z21763">
        <v>48</v>
      </c>
      <c r="AA21763">
        <v>48</v>
      </c>
      <c r="AB21763">
        <v>48</v>
      </c>
      <c r="AC21763">
        <v>48</v>
      </c>
      <c r="AD21763">
        <v>48</v>
      </c>
      <c r="AE21763">
        <v>48</v>
      </c>
      <c r="AF21763">
        <v>48</v>
      </c>
      <c r="AG21763">
        <v>48</v>
      </c>
      <c r="AH21763">
        <v>47</v>
      </c>
      <c r="AI21763">
        <v>47</v>
      </c>
      <c r="AJ21763">
        <v>47</v>
      </c>
      <c r="AK21763">
        <v>47</v>
      </c>
      <c r="AL21763">
        <v>47</v>
      </c>
      <c r="AM21763">
        <v>47</v>
      </c>
      <c r="AN21763">
        <v>47</v>
      </c>
      <c r="AO21763">
        <v>47</v>
      </c>
      <c r="AP21763">
        <v>46</v>
      </c>
      <c r="AQ21763">
        <v>46</v>
      </c>
    </row>
    <row r="21764" spans="1:43">
      <c r="A21764" t="s">
        <v>13485</v>
      </c>
      <c r="B21764" t="s">
        <v>13486</v>
      </c>
      <c r="C21764" t="s">
        <v>13487</v>
      </c>
      <c r="D21764" t="s">
        <v>13488</v>
      </c>
      <c r="E21764" t="s">
        <v>13293</v>
      </c>
      <c r="F21764" t="s">
        <v>13294</v>
      </c>
      <c r="G21764" t="s">
        <v>10214</v>
      </c>
      <c r="H21764" t="s">
        <v>10215</v>
      </c>
      <c r="I21764" s="2">
        <v>1</v>
      </c>
      <c r="J21764" s="2">
        <v>0</v>
      </c>
      <c r="K21764" s="2">
        <v>0</v>
      </c>
      <c r="L21764" t="s">
        <v>120</v>
      </c>
      <c r="M21764" t="s">
        <v>89</v>
      </c>
      <c r="N21764" t="s">
        <v>90</v>
      </c>
      <c r="O21764" t="s">
        <v>85</v>
      </c>
      <c r="P21764" t="s">
        <v>86</v>
      </c>
      <c r="Q21764">
        <v>49</v>
      </c>
      <c r="R21764">
        <v>50</v>
      </c>
      <c r="S21764">
        <v>50</v>
      </c>
      <c r="T21764">
        <v>51</v>
      </c>
      <c r="U21764">
        <v>52</v>
      </c>
      <c r="V21764">
        <v>53</v>
      </c>
      <c r="W21764">
        <v>53</v>
      </c>
      <c r="X21764">
        <v>54</v>
      </c>
      <c r="Y21764">
        <v>54</v>
      </c>
      <c r="Z21764">
        <v>55</v>
      </c>
      <c r="AA21764">
        <v>55</v>
      </c>
      <c r="AB21764">
        <v>56</v>
      </c>
      <c r="AC21764">
        <v>56</v>
      </c>
      <c r="AD21764">
        <v>57</v>
      </c>
      <c r="AE21764">
        <v>57</v>
      </c>
      <c r="AF21764">
        <v>56</v>
      </c>
      <c r="AG21764">
        <v>56</v>
      </c>
      <c r="AH21764">
        <v>56</v>
      </c>
      <c r="AI21764">
        <v>55</v>
      </c>
      <c r="AJ21764">
        <v>55</v>
      </c>
      <c r="AK21764">
        <v>55</v>
      </c>
      <c r="AL21764">
        <v>55</v>
      </c>
      <c r="AM21764">
        <v>54</v>
      </c>
      <c r="AN21764">
        <v>54</v>
      </c>
      <c r="AO21764">
        <v>54</v>
      </c>
      <c r="AP21764">
        <v>53</v>
      </c>
      <c r="AQ21764">
        <v>53</v>
      </c>
    </row>
    <row r="21765" spans="1:43">
      <c r="A21765" t="s">
        <v>13485</v>
      </c>
      <c r="B21765" t="s">
        <v>13486</v>
      </c>
      <c r="C21765" t="s">
        <v>13487</v>
      </c>
      <c r="D21765" t="s">
        <v>13488</v>
      </c>
      <c r="E21765" t="s">
        <v>13293</v>
      </c>
      <c r="F21765" t="s">
        <v>13294</v>
      </c>
      <c r="G21765" t="s">
        <v>10214</v>
      </c>
      <c r="H21765" t="s">
        <v>10215</v>
      </c>
      <c r="I21765" s="2">
        <v>1</v>
      </c>
      <c r="J21765" s="2">
        <v>0</v>
      </c>
      <c r="K21765" s="2">
        <v>0</v>
      </c>
      <c r="L21765" t="s">
        <v>120</v>
      </c>
      <c r="M21765" t="s">
        <v>83</v>
      </c>
      <c r="N21765" t="s">
        <v>91</v>
      </c>
      <c r="O21765" t="s">
        <v>85</v>
      </c>
      <c r="P21765" t="s">
        <v>86</v>
      </c>
      <c r="Q21765">
        <v>49</v>
      </c>
      <c r="R21765">
        <v>50</v>
      </c>
      <c r="S21765">
        <v>50</v>
      </c>
      <c r="T21765">
        <v>51</v>
      </c>
      <c r="U21765">
        <v>51</v>
      </c>
      <c r="V21765">
        <v>51</v>
      </c>
      <c r="W21765">
        <v>52</v>
      </c>
      <c r="X21765">
        <v>52</v>
      </c>
      <c r="Y21765">
        <v>52</v>
      </c>
      <c r="Z21765">
        <v>53</v>
      </c>
      <c r="AA21765">
        <v>53</v>
      </c>
      <c r="AB21765">
        <v>53</v>
      </c>
      <c r="AC21765">
        <v>53</v>
      </c>
      <c r="AD21765">
        <v>54</v>
      </c>
      <c r="AE21765">
        <v>54</v>
      </c>
      <c r="AF21765">
        <v>54</v>
      </c>
      <c r="AG21765">
        <v>54</v>
      </c>
      <c r="AH21765">
        <v>54</v>
      </c>
      <c r="AI21765">
        <v>55</v>
      </c>
      <c r="AJ21765">
        <v>55</v>
      </c>
      <c r="AK21765">
        <v>55</v>
      </c>
      <c r="AL21765">
        <v>55</v>
      </c>
      <c r="AM21765">
        <v>55</v>
      </c>
      <c r="AN21765">
        <v>54</v>
      </c>
      <c r="AO21765">
        <v>54</v>
      </c>
      <c r="AP21765">
        <v>54</v>
      </c>
      <c r="AQ21765">
        <v>53</v>
      </c>
    </row>
    <row r="21766" spans="1:43">
      <c r="A21766" t="s">
        <v>13489</v>
      </c>
      <c r="B21766" t="s">
        <v>13490</v>
      </c>
      <c r="C21766" t="s">
        <v>13487</v>
      </c>
      <c r="D21766" t="s">
        <v>13488</v>
      </c>
      <c r="E21766" t="s">
        <v>13293</v>
      </c>
      <c r="F21766" t="s">
        <v>13294</v>
      </c>
      <c r="G21766" t="s">
        <v>10214</v>
      </c>
      <c r="H21766" t="s">
        <v>10215</v>
      </c>
      <c r="I21766" s="2">
        <v>1</v>
      </c>
      <c r="J21766" s="2">
        <v>0</v>
      </c>
      <c r="K21766" s="2">
        <v>0</v>
      </c>
      <c r="L21766" t="s">
        <v>120</v>
      </c>
      <c r="M21766" t="s">
        <v>83</v>
      </c>
      <c r="N21766" t="s">
        <v>84</v>
      </c>
      <c r="O21766" t="s">
        <v>85</v>
      </c>
      <c r="P21766" t="s">
        <v>86</v>
      </c>
      <c r="Q21766">
        <v>6</v>
      </c>
      <c r="R21766">
        <v>6</v>
      </c>
      <c r="S21766">
        <v>6</v>
      </c>
      <c r="T21766">
        <v>6</v>
      </c>
      <c r="U21766">
        <v>6</v>
      </c>
      <c r="V21766">
        <v>6</v>
      </c>
      <c r="W21766">
        <v>6</v>
      </c>
      <c r="X21766">
        <v>6</v>
      </c>
      <c r="Y21766">
        <v>6</v>
      </c>
      <c r="Z21766">
        <v>6</v>
      </c>
      <c r="AA21766">
        <v>6</v>
      </c>
      <c r="AB21766">
        <v>6</v>
      </c>
      <c r="AC21766">
        <v>6</v>
      </c>
      <c r="AD21766">
        <v>7</v>
      </c>
      <c r="AE21766">
        <v>7</v>
      </c>
      <c r="AF21766">
        <v>7</v>
      </c>
      <c r="AG21766">
        <v>7</v>
      </c>
      <c r="AH21766">
        <v>7</v>
      </c>
      <c r="AI21766">
        <v>7</v>
      </c>
      <c r="AJ21766">
        <v>7</v>
      </c>
      <c r="AK21766">
        <v>7</v>
      </c>
      <c r="AL21766">
        <v>7</v>
      </c>
      <c r="AM21766">
        <v>7</v>
      </c>
      <c r="AN21766">
        <v>7</v>
      </c>
      <c r="AO21766">
        <v>7</v>
      </c>
      <c r="AP21766">
        <v>7</v>
      </c>
      <c r="AQ21766">
        <v>7</v>
      </c>
    </row>
    <row r="21767" spans="1:43">
      <c r="A21767" t="s">
        <v>13489</v>
      </c>
      <c r="B21767" t="s">
        <v>13490</v>
      </c>
      <c r="C21767" t="s">
        <v>13487</v>
      </c>
      <c r="D21767" t="s">
        <v>13488</v>
      </c>
      <c r="E21767" t="s">
        <v>13293</v>
      </c>
      <c r="F21767" t="s">
        <v>13294</v>
      </c>
      <c r="G21767" t="s">
        <v>10214</v>
      </c>
      <c r="H21767" t="s">
        <v>10215</v>
      </c>
      <c r="I21767" s="2">
        <v>1</v>
      </c>
      <c r="J21767" s="2">
        <v>0</v>
      </c>
      <c r="K21767" s="2">
        <v>0</v>
      </c>
      <c r="L21767" t="s">
        <v>120</v>
      </c>
      <c r="M21767" t="s">
        <v>87</v>
      </c>
      <c r="N21767" t="s">
        <v>88</v>
      </c>
      <c r="O21767" t="s">
        <v>85</v>
      </c>
      <c r="P21767" t="s">
        <v>86</v>
      </c>
      <c r="Q21767">
        <v>6</v>
      </c>
      <c r="R21767">
        <v>6</v>
      </c>
      <c r="S21767">
        <v>6</v>
      </c>
      <c r="T21767">
        <v>6</v>
      </c>
      <c r="U21767">
        <v>6</v>
      </c>
      <c r="V21767">
        <v>6</v>
      </c>
      <c r="W21767">
        <v>6</v>
      </c>
      <c r="X21767">
        <v>6</v>
      </c>
      <c r="Y21767">
        <v>6</v>
      </c>
      <c r="Z21767">
        <v>6</v>
      </c>
      <c r="AA21767">
        <v>6</v>
      </c>
      <c r="AB21767">
        <v>6</v>
      </c>
      <c r="AC21767">
        <v>6</v>
      </c>
      <c r="AD21767">
        <v>6</v>
      </c>
      <c r="AE21767">
        <v>6</v>
      </c>
      <c r="AF21767">
        <v>6</v>
      </c>
      <c r="AG21767">
        <v>6</v>
      </c>
      <c r="AH21767">
        <v>6</v>
      </c>
      <c r="AI21767">
        <v>6</v>
      </c>
      <c r="AJ21767">
        <v>6</v>
      </c>
      <c r="AK21767">
        <v>6</v>
      </c>
      <c r="AL21767">
        <v>6</v>
      </c>
      <c r="AM21767">
        <v>6</v>
      </c>
      <c r="AN21767">
        <v>6</v>
      </c>
      <c r="AO21767">
        <v>6</v>
      </c>
      <c r="AP21767">
        <v>6</v>
      </c>
      <c r="AQ21767">
        <v>6</v>
      </c>
    </row>
    <row r="21768" spans="1:43">
      <c r="A21768" t="s">
        <v>13489</v>
      </c>
      <c r="B21768" t="s">
        <v>13490</v>
      </c>
      <c r="C21768" t="s">
        <v>13487</v>
      </c>
      <c r="D21768" t="s">
        <v>13488</v>
      </c>
      <c r="E21768" t="s">
        <v>13293</v>
      </c>
      <c r="F21768" t="s">
        <v>13294</v>
      </c>
      <c r="G21768" t="s">
        <v>10214</v>
      </c>
      <c r="H21768" t="s">
        <v>10215</v>
      </c>
      <c r="I21768" s="2">
        <v>1</v>
      </c>
      <c r="J21768" s="2">
        <v>0</v>
      </c>
      <c r="K21768" s="2">
        <v>0</v>
      </c>
      <c r="L21768" t="s">
        <v>120</v>
      </c>
      <c r="M21768" t="s">
        <v>89</v>
      </c>
      <c r="N21768" t="s">
        <v>90</v>
      </c>
      <c r="O21768" t="s">
        <v>85</v>
      </c>
      <c r="P21768" t="s">
        <v>86</v>
      </c>
      <c r="Q21768">
        <v>6</v>
      </c>
      <c r="R21768">
        <v>6</v>
      </c>
      <c r="S21768">
        <v>6</v>
      </c>
      <c r="T21768">
        <v>6</v>
      </c>
      <c r="U21768">
        <v>6</v>
      </c>
      <c r="V21768">
        <v>6</v>
      </c>
      <c r="W21768">
        <v>7</v>
      </c>
      <c r="X21768">
        <v>7</v>
      </c>
      <c r="Y21768">
        <v>7</v>
      </c>
      <c r="Z21768">
        <v>7</v>
      </c>
      <c r="AA21768">
        <v>7</v>
      </c>
      <c r="AB21768">
        <v>7</v>
      </c>
      <c r="AC21768">
        <v>7</v>
      </c>
      <c r="AD21768">
        <v>7</v>
      </c>
      <c r="AE21768">
        <v>7</v>
      </c>
      <c r="AF21768">
        <v>7</v>
      </c>
      <c r="AG21768">
        <v>7</v>
      </c>
      <c r="AH21768">
        <v>7</v>
      </c>
      <c r="AI21768">
        <v>7</v>
      </c>
      <c r="AJ21768">
        <v>7</v>
      </c>
      <c r="AK21768">
        <v>7</v>
      </c>
      <c r="AL21768">
        <v>7</v>
      </c>
      <c r="AM21768">
        <v>7</v>
      </c>
      <c r="AN21768">
        <v>7</v>
      </c>
      <c r="AO21768">
        <v>7</v>
      </c>
      <c r="AP21768">
        <v>7</v>
      </c>
      <c r="AQ21768">
        <v>7</v>
      </c>
    </row>
    <row r="21769" spans="1:43">
      <c r="A21769" t="s">
        <v>13489</v>
      </c>
      <c r="B21769" t="s">
        <v>13490</v>
      </c>
      <c r="C21769" t="s">
        <v>13487</v>
      </c>
      <c r="D21769" t="s">
        <v>13488</v>
      </c>
      <c r="E21769" t="s">
        <v>13293</v>
      </c>
      <c r="F21769" t="s">
        <v>13294</v>
      </c>
      <c r="G21769" t="s">
        <v>10214</v>
      </c>
      <c r="H21769" t="s">
        <v>10215</v>
      </c>
      <c r="I21769" s="2">
        <v>1</v>
      </c>
      <c r="J21769" s="2">
        <v>0</v>
      </c>
      <c r="K21769" s="2">
        <v>0</v>
      </c>
      <c r="L21769" t="s">
        <v>120</v>
      </c>
      <c r="M21769" t="s">
        <v>83</v>
      </c>
      <c r="N21769" t="s">
        <v>91</v>
      </c>
      <c r="O21769" t="s">
        <v>85</v>
      </c>
      <c r="P21769" t="s">
        <v>86</v>
      </c>
      <c r="Q21769">
        <v>6</v>
      </c>
      <c r="R21769">
        <v>6</v>
      </c>
      <c r="S21769">
        <v>6</v>
      </c>
      <c r="T21769">
        <v>6</v>
      </c>
      <c r="U21769">
        <v>6</v>
      </c>
      <c r="V21769">
        <v>6</v>
      </c>
      <c r="W21769">
        <v>6</v>
      </c>
      <c r="X21769">
        <v>6</v>
      </c>
      <c r="Y21769">
        <v>6</v>
      </c>
      <c r="Z21769">
        <v>6</v>
      </c>
      <c r="AA21769">
        <v>6</v>
      </c>
      <c r="AB21769">
        <v>6</v>
      </c>
      <c r="AC21769">
        <v>6</v>
      </c>
      <c r="AD21769">
        <v>7</v>
      </c>
      <c r="AE21769">
        <v>7</v>
      </c>
      <c r="AF21769">
        <v>7</v>
      </c>
      <c r="AG21769">
        <v>7</v>
      </c>
      <c r="AH21769">
        <v>7</v>
      </c>
      <c r="AI21769">
        <v>7</v>
      </c>
      <c r="AJ21769">
        <v>7</v>
      </c>
      <c r="AK21769">
        <v>7</v>
      </c>
      <c r="AL21769">
        <v>7</v>
      </c>
      <c r="AM21769">
        <v>7</v>
      </c>
      <c r="AN21769">
        <v>7</v>
      </c>
      <c r="AO21769">
        <v>7</v>
      </c>
      <c r="AP21769">
        <v>7</v>
      </c>
      <c r="AQ21769">
        <v>7</v>
      </c>
    </row>
    <row r="21770" spans="1:43">
      <c r="A21770" t="s">
        <v>13491</v>
      </c>
      <c r="B21770" t="s">
        <v>13492</v>
      </c>
      <c r="C21770" t="s">
        <v>13487</v>
      </c>
      <c r="D21770" t="s">
        <v>13488</v>
      </c>
      <c r="E21770" t="s">
        <v>13293</v>
      </c>
      <c r="F21770" t="s">
        <v>13294</v>
      </c>
      <c r="G21770" t="s">
        <v>10214</v>
      </c>
      <c r="H21770" t="s">
        <v>10215</v>
      </c>
      <c r="I21770" s="2">
        <v>1</v>
      </c>
      <c r="J21770" s="2">
        <v>0</v>
      </c>
      <c r="K21770" s="2">
        <v>0</v>
      </c>
      <c r="L21770" t="s">
        <v>120</v>
      </c>
      <c r="M21770" t="s">
        <v>83</v>
      </c>
      <c r="N21770" t="s">
        <v>84</v>
      </c>
      <c r="O21770" t="s">
        <v>85</v>
      </c>
      <c r="P21770" t="s">
        <v>86</v>
      </c>
      <c r="Q21770">
        <v>31</v>
      </c>
      <c r="R21770">
        <v>31</v>
      </c>
      <c r="S21770">
        <v>31</v>
      </c>
      <c r="T21770">
        <v>32</v>
      </c>
      <c r="U21770">
        <v>32</v>
      </c>
      <c r="V21770">
        <v>32</v>
      </c>
      <c r="W21770">
        <v>32</v>
      </c>
      <c r="X21770">
        <v>33</v>
      </c>
      <c r="Y21770">
        <v>33</v>
      </c>
      <c r="Z21770">
        <v>33</v>
      </c>
      <c r="AA21770">
        <v>33</v>
      </c>
      <c r="AB21770">
        <v>34</v>
      </c>
      <c r="AC21770">
        <v>34</v>
      </c>
      <c r="AD21770">
        <v>34</v>
      </c>
      <c r="AE21770">
        <v>34</v>
      </c>
      <c r="AF21770">
        <v>34</v>
      </c>
      <c r="AG21770">
        <v>34</v>
      </c>
      <c r="AH21770">
        <v>35</v>
      </c>
      <c r="AI21770">
        <v>35</v>
      </c>
      <c r="AJ21770">
        <v>35</v>
      </c>
      <c r="AK21770">
        <v>35</v>
      </c>
      <c r="AL21770">
        <v>35</v>
      </c>
      <c r="AM21770">
        <v>35</v>
      </c>
      <c r="AN21770">
        <v>35</v>
      </c>
      <c r="AO21770">
        <v>35</v>
      </c>
      <c r="AP21770">
        <v>35</v>
      </c>
      <c r="AQ21770">
        <v>34</v>
      </c>
    </row>
    <row r="21771" spans="1:43">
      <c r="A21771" t="s">
        <v>13491</v>
      </c>
      <c r="B21771" t="s">
        <v>13492</v>
      </c>
      <c r="C21771" t="s">
        <v>13487</v>
      </c>
      <c r="D21771" t="s">
        <v>13488</v>
      </c>
      <c r="E21771" t="s">
        <v>13293</v>
      </c>
      <c r="F21771" t="s">
        <v>13294</v>
      </c>
      <c r="G21771" t="s">
        <v>10214</v>
      </c>
      <c r="H21771" t="s">
        <v>10215</v>
      </c>
      <c r="I21771" s="2">
        <v>1</v>
      </c>
      <c r="J21771" s="2">
        <v>0</v>
      </c>
      <c r="K21771" s="2">
        <v>0</v>
      </c>
      <c r="L21771" t="s">
        <v>120</v>
      </c>
      <c r="M21771" t="s">
        <v>87</v>
      </c>
      <c r="N21771" t="s">
        <v>88</v>
      </c>
      <c r="O21771" t="s">
        <v>85</v>
      </c>
      <c r="P21771" t="s">
        <v>86</v>
      </c>
      <c r="Q21771">
        <v>31</v>
      </c>
      <c r="R21771">
        <v>31</v>
      </c>
      <c r="S21771">
        <v>31</v>
      </c>
      <c r="T21771">
        <v>31</v>
      </c>
      <c r="U21771">
        <v>31</v>
      </c>
      <c r="V21771">
        <v>31</v>
      </c>
      <c r="W21771">
        <v>30</v>
      </c>
      <c r="X21771">
        <v>30</v>
      </c>
      <c r="Y21771">
        <v>30</v>
      </c>
      <c r="Z21771">
        <v>30</v>
      </c>
      <c r="AA21771">
        <v>30</v>
      </c>
      <c r="AB21771">
        <v>30</v>
      </c>
      <c r="AC21771">
        <v>30</v>
      </c>
      <c r="AD21771">
        <v>30</v>
      </c>
      <c r="AE21771">
        <v>30</v>
      </c>
      <c r="AF21771">
        <v>30</v>
      </c>
      <c r="AG21771">
        <v>30</v>
      </c>
      <c r="AH21771">
        <v>30</v>
      </c>
      <c r="AI21771">
        <v>30</v>
      </c>
      <c r="AJ21771">
        <v>30</v>
      </c>
      <c r="AK21771">
        <v>30</v>
      </c>
      <c r="AL21771">
        <v>30</v>
      </c>
      <c r="AM21771">
        <v>30</v>
      </c>
      <c r="AN21771">
        <v>30</v>
      </c>
      <c r="AO21771">
        <v>30</v>
      </c>
      <c r="AP21771">
        <v>30</v>
      </c>
      <c r="AQ21771">
        <v>30</v>
      </c>
    </row>
    <row r="21772" spans="1:43">
      <c r="A21772" t="s">
        <v>13491</v>
      </c>
      <c r="B21772" t="s">
        <v>13492</v>
      </c>
      <c r="C21772" t="s">
        <v>13487</v>
      </c>
      <c r="D21772" t="s">
        <v>13488</v>
      </c>
      <c r="E21772" t="s">
        <v>13293</v>
      </c>
      <c r="F21772" t="s">
        <v>13294</v>
      </c>
      <c r="G21772" t="s">
        <v>10214</v>
      </c>
      <c r="H21772" t="s">
        <v>10215</v>
      </c>
      <c r="I21772" s="2">
        <v>1</v>
      </c>
      <c r="J21772" s="2">
        <v>0</v>
      </c>
      <c r="K21772" s="2">
        <v>0</v>
      </c>
      <c r="L21772" t="s">
        <v>120</v>
      </c>
      <c r="M21772" t="s">
        <v>89</v>
      </c>
      <c r="N21772" t="s">
        <v>90</v>
      </c>
      <c r="O21772" t="s">
        <v>85</v>
      </c>
      <c r="P21772" t="s">
        <v>86</v>
      </c>
      <c r="Q21772">
        <v>31</v>
      </c>
      <c r="R21772">
        <v>32</v>
      </c>
      <c r="S21772">
        <v>32</v>
      </c>
      <c r="T21772">
        <v>33</v>
      </c>
      <c r="U21772">
        <v>33</v>
      </c>
      <c r="V21772">
        <v>34</v>
      </c>
      <c r="W21772">
        <v>34</v>
      </c>
      <c r="X21772">
        <v>34</v>
      </c>
      <c r="Y21772">
        <v>35</v>
      </c>
      <c r="Z21772">
        <v>35</v>
      </c>
      <c r="AA21772">
        <v>35</v>
      </c>
      <c r="AB21772">
        <v>36</v>
      </c>
      <c r="AC21772">
        <v>36</v>
      </c>
      <c r="AD21772">
        <v>36</v>
      </c>
      <c r="AE21772">
        <v>37</v>
      </c>
      <c r="AF21772">
        <v>36</v>
      </c>
      <c r="AG21772">
        <v>36</v>
      </c>
      <c r="AH21772">
        <v>36</v>
      </c>
      <c r="AI21772">
        <v>36</v>
      </c>
      <c r="AJ21772">
        <v>36</v>
      </c>
      <c r="AK21772">
        <v>36</v>
      </c>
      <c r="AL21772">
        <v>35</v>
      </c>
      <c r="AM21772">
        <v>35</v>
      </c>
      <c r="AN21772">
        <v>35</v>
      </c>
      <c r="AO21772">
        <v>35</v>
      </c>
      <c r="AP21772">
        <v>35</v>
      </c>
      <c r="AQ21772">
        <v>35</v>
      </c>
    </row>
    <row r="21773" spans="1:43">
      <c r="A21773" t="s">
        <v>13491</v>
      </c>
      <c r="B21773" t="s">
        <v>13492</v>
      </c>
      <c r="C21773" t="s">
        <v>13487</v>
      </c>
      <c r="D21773" t="s">
        <v>13488</v>
      </c>
      <c r="E21773" t="s">
        <v>13293</v>
      </c>
      <c r="F21773" t="s">
        <v>13294</v>
      </c>
      <c r="G21773" t="s">
        <v>10214</v>
      </c>
      <c r="H21773" t="s">
        <v>10215</v>
      </c>
      <c r="I21773" s="2">
        <v>1</v>
      </c>
      <c r="J21773" s="2">
        <v>0</v>
      </c>
      <c r="K21773" s="2">
        <v>0</v>
      </c>
      <c r="L21773" t="s">
        <v>120</v>
      </c>
      <c r="M21773" t="s">
        <v>83</v>
      </c>
      <c r="N21773" t="s">
        <v>91</v>
      </c>
      <c r="O21773" t="s">
        <v>85</v>
      </c>
      <c r="P21773" t="s">
        <v>86</v>
      </c>
      <c r="Q21773">
        <v>31</v>
      </c>
      <c r="R21773">
        <v>31</v>
      </c>
      <c r="S21773">
        <v>31</v>
      </c>
      <c r="T21773">
        <v>32</v>
      </c>
      <c r="U21773">
        <v>32</v>
      </c>
      <c r="V21773">
        <v>32</v>
      </c>
      <c r="W21773">
        <v>32</v>
      </c>
      <c r="X21773">
        <v>33</v>
      </c>
      <c r="Y21773">
        <v>33</v>
      </c>
      <c r="Z21773">
        <v>33</v>
      </c>
      <c r="AA21773">
        <v>33</v>
      </c>
      <c r="AB21773">
        <v>34</v>
      </c>
      <c r="AC21773">
        <v>34</v>
      </c>
      <c r="AD21773">
        <v>34</v>
      </c>
      <c r="AE21773">
        <v>34</v>
      </c>
      <c r="AF21773">
        <v>34</v>
      </c>
      <c r="AG21773">
        <v>34</v>
      </c>
      <c r="AH21773">
        <v>35</v>
      </c>
      <c r="AI21773">
        <v>35</v>
      </c>
      <c r="AJ21773">
        <v>35</v>
      </c>
      <c r="AK21773">
        <v>35</v>
      </c>
      <c r="AL21773">
        <v>35</v>
      </c>
      <c r="AM21773">
        <v>35</v>
      </c>
      <c r="AN21773">
        <v>35</v>
      </c>
      <c r="AO21773">
        <v>35</v>
      </c>
      <c r="AP21773">
        <v>35</v>
      </c>
      <c r="AQ21773">
        <v>34</v>
      </c>
    </row>
    <row r="21774" spans="1:43">
      <c r="A21774" t="s">
        <v>13493</v>
      </c>
      <c r="B21774" t="s">
        <v>13494</v>
      </c>
      <c r="C21774" t="s">
        <v>13487</v>
      </c>
      <c r="D21774" t="s">
        <v>13488</v>
      </c>
      <c r="E21774" t="s">
        <v>13293</v>
      </c>
      <c r="F21774" t="s">
        <v>13294</v>
      </c>
      <c r="G21774" t="s">
        <v>10214</v>
      </c>
      <c r="H21774" t="s">
        <v>10215</v>
      </c>
      <c r="I21774" s="2">
        <v>1</v>
      </c>
      <c r="J21774" s="2">
        <v>0</v>
      </c>
      <c r="K21774" s="2">
        <v>0</v>
      </c>
      <c r="L21774" t="s">
        <v>120</v>
      </c>
      <c r="M21774" t="s">
        <v>83</v>
      </c>
      <c r="N21774" t="s">
        <v>84</v>
      </c>
      <c r="O21774" t="s">
        <v>85</v>
      </c>
      <c r="P21774" t="s">
        <v>86</v>
      </c>
      <c r="Q21774">
        <v>40</v>
      </c>
      <c r="R21774">
        <v>41</v>
      </c>
      <c r="S21774">
        <v>41</v>
      </c>
      <c r="T21774">
        <v>41</v>
      </c>
      <c r="U21774">
        <v>42</v>
      </c>
      <c r="V21774">
        <v>42</v>
      </c>
      <c r="W21774">
        <v>42</v>
      </c>
      <c r="X21774">
        <v>43</v>
      </c>
      <c r="Y21774">
        <v>43</v>
      </c>
      <c r="Z21774">
        <v>43</v>
      </c>
      <c r="AA21774">
        <v>43</v>
      </c>
      <c r="AB21774">
        <v>44</v>
      </c>
      <c r="AC21774">
        <v>44</v>
      </c>
      <c r="AD21774">
        <v>44</v>
      </c>
      <c r="AE21774">
        <v>44</v>
      </c>
      <c r="AF21774">
        <v>45</v>
      </c>
      <c r="AG21774">
        <v>45</v>
      </c>
      <c r="AH21774">
        <v>45</v>
      </c>
      <c r="AI21774">
        <v>45</v>
      </c>
      <c r="AJ21774">
        <v>46</v>
      </c>
      <c r="AK21774">
        <v>46</v>
      </c>
      <c r="AL21774">
        <v>46</v>
      </c>
      <c r="AM21774">
        <v>46</v>
      </c>
      <c r="AN21774">
        <v>45</v>
      </c>
      <c r="AO21774">
        <v>45</v>
      </c>
      <c r="AP21774">
        <v>45</v>
      </c>
      <c r="AQ21774">
        <v>45</v>
      </c>
    </row>
    <row r="21775" spans="1:43">
      <c r="A21775" t="s">
        <v>13493</v>
      </c>
      <c r="B21775" t="s">
        <v>13494</v>
      </c>
      <c r="C21775" t="s">
        <v>13487</v>
      </c>
      <c r="D21775" t="s">
        <v>13488</v>
      </c>
      <c r="E21775" t="s">
        <v>13293</v>
      </c>
      <c r="F21775" t="s">
        <v>13294</v>
      </c>
      <c r="G21775" t="s">
        <v>10214</v>
      </c>
      <c r="H21775" t="s">
        <v>10215</v>
      </c>
      <c r="I21775" s="2">
        <v>1</v>
      </c>
      <c r="J21775" s="2">
        <v>0</v>
      </c>
      <c r="K21775" s="2">
        <v>0</v>
      </c>
      <c r="L21775" t="s">
        <v>120</v>
      </c>
      <c r="M21775" t="s">
        <v>87</v>
      </c>
      <c r="N21775" t="s">
        <v>88</v>
      </c>
      <c r="O21775" t="s">
        <v>85</v>
      </c>
      <c r="P21775" t="s">
        <v>86</v>
      </c>
      <c r="Q21775">
        <v>40</v>
      </c>
      <c r="R21775">
        <v>40</v>
      </c>
      <c r="S21775">
        <v>40</v>
      </c>
      <c r="T21775">
        <v>40</v>
      </c>
      <c r="U21775">
        <v>40</v>
      </c>
      <c r="V21775">
        <v>40</v>
      </c>
      <c r="W21775">
        <v>40</v>
      </c>
      <c r="X21775">
        <v>40</v>
      </c>
      <c r="Y21775">
        <v>40</v>
      </c>
      <c r="Z21775">
        <v>40</v>
      </c>
      <c r="AA21775">
        <v>40</v>
      </c>
      <c r="AB21775">
        <v>40</v>
      </c>
      <c r="AC21775">
        <v>40</v>
      </c>
      <c r="AD21775">
        <v>40</v>
      </c>
      <c r="AE21775">
        <v>40</v>
      </c>
      <c r="AF21775">
        <v>40</v>
      </c>
      <c r="AG21775">
        <v>39</v>
      </c>
      <c r="AH21775">
        <v>39</v>
      </c>
      <c r="AI21775">
        <v>39</v>
      </c>
      <c r="AJ21775">
        <v>39</v>
      </c>
      <c r="AK21775">
        <v>39</v>
      </c>
      <c r="AL21775">
        <v>39</v>
      </c>
      <c r="AM21775">
        <v>39</v>
      </c>
      <c r="AN21775">
        <v>39</v>
      </c>
      <c r="AO21775">
        <v>39</v>
      </c>
      <c r="AP21775">
        <v>39</v>
      </c>
      <c r="AQ21775">
        <v>39</v>
      </c>
    </row>
    <row r="21776" spans="1:43">
      <c r="A21776" t="s">
        <v>13493</v>
      </c>
      <c r="B21776" t="s">
        <v>13494</v>
      </c>
      <c r="C21776" t="s">
        <v>13487</v>
      </c>
      <c r="D21776" t="s">
        <v>13488</v>
      </c>
      <c r="E21776" t="s">
        <v>13293</v>
      </c>
      <c r="F21776" t="s">
        <v>13294</v>
      </c>
      <c r="G21776" t="s">
        <v>10214</v>
      </c>
      <c r="H21776" t="s">
        <v>10215</v>
      </c>
      <c r="I21776" s="2">
        <v>1</v>
      </c>
      <c r="J21776" s="2">
        <v>0</v>
      </c>
      <c r="K21776" s="2">
        <v>0</v>
      </c>
      <c r="L21776" t="s">
        <v>120</v>
      </c>
      <c r="M21776" t="s">
        <v>89</v>
      </c>
      <c r="N21776" t="s">
        <v>90</v>
      </c>
      <c r="O21776" t="s">
        <v>85</v>
      </c>
      <c r="P21776" t="s">
        <v>86</v>
      </c>
      <c r="Q21776">
        <v>40</v>
      </c>
      <c r="R21776">
        <v>40</v>
      </c>
      <c r="S21776">
        <v>41</v>
      </c>
      <c r="T21776">
        <v>42</v>
      </c>
      <c r="U21776">
        <v>42</v>
      </c>
      <c r="V21776">
        <v>43</v>
      </c>
      <c r="W21776">
        <v>43</v>
      </c>
      <c r="X21776">
        <v>44</v>
      </c>
      <c r="Y21776">
        <v>44</v>
      </c>
      <c r="Z21776">
        <v>45</v>
      </c>
      <c r="AA21776">
        <v>45</v>
      </c>
      <c r="AB21776">
        <v>46</v>
      </c>
      <c r="AC21776">
        <v>46</v>
      </c>
      <c r="AD21776">
        <v>46</v>
      </c>
      <c r="AE21776">
        <v>47</v>
      </c>
      <c r="AF21776">
        <v>46</v>
      </c>
      <c r="AG21776">
        <v>46</v>
      </c>
      <c r="AH21776">
        <v>46</v>
      </c>
      <c r="AI21776">
        <v>46</v>
      </c>
      <c r="AJ21776">
        <v>46</v>
      </c>
      <c r="AK21776">
        <v>45</v>
      </c>
      <c r="AL21776">
        <v>45</v>
      </c>
      <c r="AM21776">
        <v>45</v>
      </c>
      <c r="AN21776">
        <v>45</v>
      </c>
      <c r="AO21776">
        <v>45</v>
      </c>
      <c r="AP21776">
        <v>44</v>
      </c>
      <c r="AQ21776">
        <v>44</v>
      </c>
    </row>
    <row r="21777" spans="1:43">
      <c r="A21777" t="s">
        <v>13493</v>
      </c>
      <c r="B21777" t="s">
        <v>13494</v>
      </c>
      <c r="C21777" t="s">
        <v>13487</v>
      </c>
      <c r="D21777" t="s">
        <v>13488</v>
      </c>
      <c r="E21777" t="s">
        <v>13293</v>
      </c>
      <c r="F21777" t="s">
        <v>13294</v>
      </c>
      <c r="G21777" t="s">
        <v>10214</v>
      </c>
      <c r="H21777" t="s">
        <v>10215</v>
      </c>
      <c r="I21777" s="2">
        <v>1</v>
      </c>
      <c r="J21777" s="2">
        <v>0</v>
      </c>
      <c r="K21777" s="2">
        <v>0</v>
      </c>
      <c r="L21777" t="s">
        <v>120</v>
      </c>
      <c r="M21777" t="s">
        <v>83</v>
      </c>
      <c r="N21777" t="s">
        <v>91</v>
      </c>
      <c r="O21777" t="s">
        <v>85</v>
      </c>
      <c r="P21777" t="s">
        <v>86</v>
      </c>
      <c r="Q21777">
        <v>40</v>
      </c>
      <c r="R21777">
        <v>41</v>
      </c>
      <c r="S21777">
        <v>41</v>
      </c>
      <c r="T21777">
        <v>41</v>
      </c>
      <c r="U21777">
        <v>42</v>
      </c>
      <c r="V21777">
        <v>42</v>
      </c>
      <c r="W21777">
        <v>42</v>
      </c>
      <c r="X21777">
        <v>43</v>
      </c>
      <c r="Y21777">
        <v>43</v>
      </c>
      <c r="Z21777">
        <v>43</v>
      </c>
      <c r="AA21777">
        <v>43</v>
      </c>
      <c r="AB21777">
        <v>44</v>
      </c>
      <c r="AC21777">
        <v>44</v>
      </c>
      <c r="AD21777">
        <v>44</v>
      </c>
      <c r="AE21777">
        <v>44</v>
      </c>
      <c r="AF21777">
        <v>45</v>
      </c>
      <c r="AG21777">
        <v>45</v>
      </c>
      <c r="AH21777">
        <v>45</v>
      </c>
      <c r="AI21777">
        <v>45</v>
      </c>
      <c r="AJ21777">
        <v>46</v>
      </c>
      <c r="AK21777">
        <v>46</v>
      </c>
      <c r="AL21777">
        <v>46</v>
      </c>
      <c r="AM21777">
        <v>46</v>
      </c>
      <c r="AN21777">
        <v>45</v>
      </c>
      <c r="AO21777">
        <v>45</v>
      </c>
      <c r="AP21777">
        <v>45</v>
      </c>
      <c r="AQ21777">
        <v>45</v>
      </c>
    </row>
    <row r="21778" spans="1:43">
      <c r="A21778" t="s">
        <v>13495</v>
      </c>
      <c r="B21778" t="s">
        <v>13496</v>
      </c>
      <c r="C21778" t="s">
        <v>13327</v>
      </c>
      <c r="D21778" t="s">
        <v>13328</v>
      </c>
      <c r="E21778" t="s">
        <v>13293</v>
      </c>
      <c r="F21778" t="s">
        <v>13294</v>
      </c>
      <c r="G21778" t="s">
        <v>10214</v>
      </c>
      <c r="H21778" t="s">
        <v>10215</v>
      </c>
      <c r="I21778" s="2">
        <v>1</v>
      </c>
      <c r="J21778" s="2">
        <v>0</v>
      </c>
      <c r="K21778" s="2">
        <v>0</v>
      </c>
      <c r="L21778" t="s">
        <v>120</v>
      </c>
      <c r="M21778" t="s">
        <v>83</v>
      </c>
      <c r="N21778" t="s">
        <v>84</v>
      </c>
      <c r="O21778" t="s">
        <v>85</v>
      </c>
      <c r="P21778" t="s">
        <v>86</v>
      </c>
      <c r="Q21778">
        <v>34</v>
      </c>
      <c r="R21778">
        <v>35</v>
      </c>
      <c r="S21778">
        <v>35</v>
      </c>
      <c r="T21778">
        <v>35</v>
      </c>
      <c r="U21778">
        <v>36</v>
      </c>
      <c r="V21778">
        <v>36</v>
      </c>
      <c r="W21778">
        <v>36</v>
      </c>
      <c r="X21778">
        <v>36</v>
      </c>
      <c r="Y21778">
        <v>37</v>
      </c>
      <c r="Z21778">
        <v>37</v>
      </c>
      <c r="AA21778">
        <v>37</v>
      </c>
      <c r="AB21778">
        <v>37</v>
      </c>
      <c r="AC21778">
        <v>37</v>
      </c>
      <c r="AD21778">
        <v>38</v>
      </c>
      <c r="AE21778">
        <v>38</v>
      </c>
      <c r="AF21778">
        <v>38</v>
      </c>
      <c r="AG21778">
        <v>38</v>
      </c>
      <c r="AH21778">
        <v>38</v>
      </c>
      <c r="AI21778">
        <v>39</v>
      </c>
      <c r="AJ21778">
        <v>39</v>
      </c>
      <c r="AK21778">
        <v>39</v>
      </c>
      <c r="AL21778">
        <v>39</v>
      </c>
      <c r="AM21778">
        <v>39</v>
      </c>
      <c r="AN21778">
        <v>39</v>
      </c>
      <c r="AO21778">
        <v>38</v>
      </c>
      <c r="AP21778">
        <v>38</v>
      </c>
      <c r="AQ21778">
        <v>38</v>
      </c>
    </row>
    <row r="21779" spans="1:43">
      <c r="A21779" t="s">
        <v>13495</v>
      </c>
      <c r="B21779" t="s">
        <v>13496</v>
      </c>
      <c r="C21779" t="s">
        <v>13327</v>
      </c>
      <c r="D21779" t="s">
        <v>13328</v>
      </c>
      <c r="E21779" t="s">
        <v>13293</v>
      </c>
      <c r="F21779" t="s">
        <v>13294</v>
      </c>
      <c r="G21779" t="s">
        <v>10214</v>
      </c>
      <c r="H21779" t="s">
        <v>10215</v>
      </c>
      <c r="I21779" s="2">
        <v>1</v>
      </c>
      <c r="J21779" s="2">
        <v>0</v>
      </c>
      <c r="K21779" s="2">
        <v>0</v>
      </c>
      <c r="L21779" t="s">
        <v>120</v>
      </c>
      <c r="M21779" t="s">
        <v>87</v>
      </c>
      <c r="N21779" t="s">
        <v>88</v>
      </c>
      <c r="O21779" t="s">
        <v>85</v>
      </c>
      <c r="P21779" t="s">
        <v>86</v>
      </c>
      <c r="Q21779">
        <v>34</v>
      </c>
      <c r="R21779">
        <v>34</v>
      </c>
      <c r="S21779">
        <v>34</v>
      </c>
      <c r="T21779">
        <v>34</v>
      </c>
      <c r="U21779">
        <v>34</v>
      </c>
      <c r="V21779">
        <v>34</v>
      </c>
      <c r="W21779">
        <v>34</v>
      </c>
      <c r="X21779">
        <v>34</v>
      </c>
      <c r="Y21779">
        <v>34</v>
      </c>
      <c r="Z21779">
        <v>34</v>
      </c>
      <c r="AA21779">
        <v>34</v>
      </c>
      <c r="AB21779">
        <v>34</v>
      </c>
      <c r="AC21779">
        <v>34</v>
      </c>
      <c r="AD21779">
        <v>34</v>
      </c>
      <c r="AE21779">
        <v>34</v>
      </c>
      <c r="AF21779">
        <v>34</v>
      </c>
      <c r="AG21779">
        <v>34</v>
      </c>
      <c r="AH21779">
        <v>34</v>
      </c>
      <c r="AI21779">
        <v>33</v>
      </c>
      <c r="AJ21779">
        <v>33</v>
      </c>
      <c r="AK21779">
        <v>33</v>
      </c>
      <c r="AL21779">
        <v>33</v>
      </c>
      <c r="AM21779">
        <v>33</v>
      </c>
      <c r="AN21779">
        <v>33</v>
      </c>
      <c r="AO21779">
        <v>33</v>
      </c>
      <c r="AP21779">
        <v>33</v>
      </c>
      <c r="AQ21779">
        <v>33</v>
      </c>
    </row>
    <row r="21780" spans="1:43">
      <c r="A21780" t="s">
        <v>13495</v>
      </c>
      <c r="B21780" t="s">
        <v>13496</v>
      </c>
      <c r="C21780" t="s">
        <v>13327</v>
      </c>
      <c r="D21780" t="s">
        <v>13328</v>
      </c>
      <c r="E21780" t="s">
        <v>13293</v>
      </c>
      <c r="F21780" t="s">
        <v>13294</v>
      </c>
      <c r="G21780" t="s">
        <v>10214</v>
      </c>
      <c r="H21780" t="s">
        <v>10215</v>
      </c>
      <c r="I21780" s="2">
        <v>1</v>
      </c>
      <c r="J21780" s="2">
        <v>0</v>
      </c>
      <c r="K21780" s="2">
        <v>0</v>
      </c>
      <c r="L21780" t="s">
        <v>120</v>
      </c>
      <c r="M21780" t="s">
        <v>89</v>
      </c>
      <c r="N21780" t="s">
        <v>90</v>
      </c>
      <c r="O21780" t="s">
        <v>85</v>
      </c>
      <c r="P21780" t="s">
        <v>86</v>
      </c>
      <c r="Q21780">
        <v>34</v>
      </c>
      <c r="R21780">
        <v>34</v>
      </c>
      <c r="S21780">
        <v>35</v>
      </c>
      <c r="T21780">
        <v>35</v>
      </c>
      <c r="U21780">
        <v>36</v>
      </c>
      <c r="V21780">
        <v>36</v>
      </c>
      <c r="W21780">
        <v>37</v>
      </c>
      <c r="X21780">
        <v>37</v>
      </c>
      <c r="Y21780">
        <v>38</v>
      </c>
      <c r="Z21780">
        <v>38</v>
      </c>
      <c r="AA21780">
        <v>38</v>
      </c>
      <c r="AB21780">
        <v>39</v>
      </c>
      <c r="AC21780">
        <v>39</v>
      </c>
      <c r="AD21780">
        <v>39</v>
      </c>
      <c r="AE21780">
        <v>40</v>
      </c>
      <c r="AF21780">
        <v>39</v>
      </c>
      <c r="AG21780">
        <v>39</v>
      </c>
      <c r="AH21780">
        <v>39</v>
      </c>
      <c r="AI21780">
        <v>39</v>
      </c>
      <c r="AJ21780">
        <v>39</v>
      </c>
      <c r="AK21780">
        <v>39</v>
      </c>
      <c r="AL21780">
        <v>38</v>
      </c>
      <c r="AM21780">
        <v>38</v>
      </c>
      <c r="AN21780">
        <v>38</v>
      </c>
      <c r="AO21780">
        <v>38</v>
      </c>
      <c r="AP21780">
        <v>38</v>
      </c>
      <c r="AQ21780">
        <v>38</v>
      </c>
    </row>
    <row r="21781" spans="1:43">
      <c r="A21781" t="s">
        <v>13495</v>
      </c>
      <c r="B21781" t="s">
        <v>13496</v>
      </c>
      <c r="C21781" t="s">
        <v>13327</v>
      </c>
      <c r="D21781" t="s">
        <v>13328</v>
      </c>
      <c r="E21781" t="s">
        <v>13293</v>
      </c>
      <c r="F21781" t="s">
        <v>13294</v>
      </c>
      <c r="G21781" t="s">
        <v>10214</v>
      </c>
      <c r="H21781" t="s">
        <v>10215</v>
      </c>
      <c r="I21781" s="2">
        <v>1</v>
      </c>
      <c r="J21781" s="2">
        <v>0</v>
      </c>
      <c r="K21781" s="2">
        <v>0</v>
      </c>
      <c r="L21781" t="s">
        <v>120</v>
      </c>
      <c r="M21781" t="s">
        <v>83</v>
      </c>
      <c r="N21781" t="s">
        <v>91</v>
      </c>
      <c r="O21781" t="s">
        <v>85</v>
      </c>
      <c r="P21781" t="s">
        <v>86</v>
      </c>
      <c r="Q21781">
        <v>34</v>
      </c>
      <c r="R21781">
        <v>35</v>
      </c>
      <c r="S21781">
        <v>35</v>
      </c>
      <c r="T21781">
        <v>35</v>
      </c>
      <c r="U21781">
        <v>36</v>
      </c>
      <c r="V21781">
        <v>36</v>
      </c>
      <c r="W21781">
        <v>36</v>
      </c>
      <c r="X21781">
        <v>36</v>
      </c>
      <c r="Y21781">
        <v>37</v>
      </c>
      <c r="Z21781">
        <v>37</v>
      </c>
      <c r="AA21781">
        <v>37</v>
      </c>
      <c r="AB21781">
        <v>37</v>
      </c>
      <c r="AC21781">
        <v>37</v>
      </c>
      <c r="AD21781">
        <v>38</v>
      </c>
      <c r="AE21781">
        <v>38</v>
      </c>
      <c r="AF21781">
        <v>38</v>
      </c>
      <c r="AG21781">
        <v>38</v>
      </c>
      <c r="AH21781">
        <v>38</v>
      </c>
      <c r="AI21781">
        <v>39</v>
      </c>
      <c r="AJ21781">
        <v>39</v>
      </c>
      <c r="AK21781">
        <v>39</v>
      </c>
      <c r="AL21781">
        <v>39</v>
      </c>
      <c r="AM21781">
        <v>39</v>
      </c>
      <c r="AN21781">
        <v>39</v>
      </c>
      <c r="AO21781">
        <v>38</v>
      </c>
      <c r="AP21781">
        <v>38</v>
      </c>
      <c r="AQ21781">
        <v>38</v>
      </c>
    </row>
    <row r="21782" spans="1:43">
      <c r="A21782" t="s">
        <v>13497</v>
      </c>
      <c r="B21782" t="s">
        <v>13498</v>
      </c>
      <c r="C21782" t="s">
        <v>13327</v>
      </c>
      <c r="D21782" t="s">
        <v>13328</v>
      </c>
      <c r="E21782" t="s">
        <v>13293</v>
      </c>
      <c r="F21782" t="s">
        <v>13294</v>
      </c>
      <c r="G21782" t="s">
        <v>10214</v>
      </c>
      <c r="H21782" t="s">
        <v>10215</v>
      </c>
      <c r="I21782" s="2">
        <v>1</v>
      </c>
      <c r="J21782" s="2">
        <v>0</v>
      </c>
      <c r="K21782" s="2">
        <v>0</v>
      </c>
      <c r="L21782" t="s">
        <v>120</v>
      </c>
      <c r="M21782" t="s">
        <v>83</v>
      </c>
      <c r="N21782" t="s">
        <v>84</v>
      </c>
      <c r="O21782" t="s">
        <v>85</v>
      </c>
      <c r="P21782" t="s">
        <v>86</v>
      </c>
      <c r="Q21782">
        <v>5</v>
      </c>
      <c r="R21782">
        <v>5</v>
      </c>
      <c r="S21782">
        <v>5</v>
      </c>
      <c r="T21782">
        <v>5</v>
      </c>
      <c r="U21782">
        <v>5</v>
      </c>
      <c r="V21782">
        <v>5</v>
      </c>
      <c r="W21782">
        <v>5</v>
      </c>
      <c r="X21782">
        <v>5</v>
      </c>
      <c r="Y21782">
        <v>6</v>
      </c>
      <c r="Z21782">
        <v>6</v>
      </c>
      <c r="AA21782">
        <v>6</v>
      </c>
      <c r="AB21782">
        <v>6</v>
      </c>
      <c r="AC21782">
        <v>6</v>
      </c>
      <c r="AD21782">
        <v>6</v>
      </c>
      <c r="AE21782">
        <v>6</v>
      </c>
      <c r="AF21782">
        <v>6</v>
      </c>
      <c r="AG21782">
        <v>6</v>
      </c>
      <c r="AH21782">
        <v>6</v>
      </c>
      <c r="AI21782">
        <v>6</v>
      </c>
      <c r="AJ21782">
        <v>6</v>
      </c>
      <c r="AK21782">
        <v>6</v>
      </c>
      <c r="AL21782">
        <v>6</v>
      </c>
      <c r="AM21782">
        <v>6</v>
      </c>
      <c r="AN21782">
        <v>6</v>
      </c>
      <c r="AO21782">
        <v>6</v>
      </c>
      <c r="AP21782">
        <v>6</v>
      </c>
      <c r="AQ21782">
        <v>6</v>
      </c>
    </row>
    <row r="21783" spans="1:43">
      <c r="A21783" t="s">
        <v>13497</v>
      </c>
      <c r="B21783" t="s">
        <v>13498</v>
      </c>
      <c r="C21783" t="s">
        <v>13327</v>
      </c>
      <c r="D21783" t="s">
        <v>13328</v>
      </c>
      <c r="E21783" t="s">
        <v>13293</v>
      </c>
      <c r="F21783" t="s">
        <v>13294</v>
      </c>
      <c r="G21783" t="s">
        <v>10214</v>
      </c>
      <c r="H21783" t="s">
        <v>10215</v>
      </c>
      <c r="I21783" s="2">
        <v>1</v>
      </c>
      <c r="J21783" s="2">
        <v>0</v>
      </c>
      <c r="K21783" s="2">
        <v>0</v>
      </c>
      <c r="L21783" t="s">
        <v>120</v>
      </c>
      <c r="M21783" t="s">
        <v>87</v>
      </c>
      <c r="N21783" t="s">
        <v>88</v>
      </c>
      <c r="O21783" t="s">
        <v>85</v>
      </c>
      <c r="P21783" t="s">
        <v>86</v>
      </c>
      <c r="Q21783">
        <v>5</v>
      </c>
      <c r="R21783">
        <v>5</v>
      </c>
      <c r="S21783">
        <v>5</v>
      </c>
      <c r="T21783">
        <v>5</v>
      </c>
      <c r="U21783">
        <v>5</v>
      </c>
      <c r="V21783">
        <v>5</v>
      </c>
      <c r="W21783">
        <v>5</v>
      </c>
      <c r="X21783">
        <v>5</v>
      </c>
      <c r="Y21783">
        <v>5</v>
      </c>
      <c r="Z21783">
        <v>5</v>
      </c>
      <c r="AA21783">
        <v>5</v>
      </c>
      <c r="AB21783">
        <v>5</v>
      </c>
      <c r="AC21783">
        <v>5</v>
      </c>
      <c r="AD21783">
        <v>5</v>
      </c>
      <c r="AE21783">
        <v>5</v>
      </c>
      <c r="AF21783">
        <v>5</v>
      </c>
      <c r="AG21783">
        <v>5</v>
      </c>
      <c r="AH21783">
        <v>5</v>
      </c>
      <c r="AI21783">
        <v>5</v>
      </c>
      <c r="AJ21783">
        <v>5</v>
      </c>
      <c r="AK21783">
        <v>5</v>
      </c>
      <c r="AL21783">
        <v>5</v>
      </c>
      <c r="AM21783">
        <v>5</v>
      </c>
      <c r="AN21783">
        <v>5</v>
      </c>
      <c r="AO21783">
        <v>5</v>
      </c>
      <c r="AP21783">
        <v>5</v>
      </c>
      <c r="AQ21783">
        <v>5</v>
      </c>
    </row>
    <row r="21784" spans="1:43">
      <c r="A21784" t="s">
        <v>13497</v>
      </c>
      <c r="B21784" t="s">
        <v>13498</v>
      </c>
      <c r="C21784" t="s">
        <v>13327</v>
      </c>
      <c r="D21784" t="s">
        <v>13328</v>
      </c>
      <c r="E21784" t="s">
        <v>13293</v>
      </c>
      <c r="F21784" t="s">
        <v>13294</v>
      </c>
      <c r="G21784" t="s">
        <v>10214</v>
      </c>
      <c r="H21784" t="s">
        <v>10215</v>
      </c>
      <c r="I21784" s="2">
        <v>1</v>
      </c>
      <c r="J21784" s="2">
        <v>0</v>
      </c>
      <c r="K21784" s="2">
        <v>0</v>
      </c>
      <c r="L21784" t="s">
        <v>120</v>
      </c>
      <c r="M21784" t="s">
        <v>89</v>
      </c>
      <c r="N21784" t="s">
        <v>90</v>
      </c>
      <c r="O21784" t="s">
        <v>85</v>
      </c>
      <c r="P21784" t="s">
        <v>86</v>
      </c>
      <c r="Q21784">
        <v>5</v>
      </c>
      <c r="R21784">
        <v>5</v>
      </c>
      <c r="S21784">
        <v>5</v>
      </c>
      <c r="T21784">
        <v>5</v>
      </c>
      <c r="U21784">
        <v>6</v>
      </c>
      <c r="V21784">
        <v>6</v>
      </c>
      <c r="W21784">
        <v>6</v>
      </c>
      <c r="X21784">
        <v>6</v>
      </c>
      <c r="Y21784">
        <v>6</v>
      </c>
      <c r="Z21784">
        <v>6</v>
      </c>
      <c r="AA21784">
        <v>6</v>
      </c>
      <c r="AB21784">
        <v>6</v>
      </c>
      <c r="AC21784">
        <v>6</v>
      </c>
      <c r="AD21784">
        <v>6</v>
      </c>
      <c r="AE21784">
        <v>6</v>
      </c>
      <c r="AF21784">
        <v>6</v>
      </c>
      <c r="AG21784">
        <v>6</v>
      </c>
      <c r="AH21784">
        <v>6</v>
      </c>
      <c r="AI21784">
        <v>6</v>
      </c>
      <c r="AJ21784">
        <v>6</v>
      </c>
      <c r="AK21784">
        <v>6</v>
      </c>
      <c r="AL21784">
        <v>6</v>
      </c>
      <c r="AM21784">
        <v>6</v>
      </c>
      <c r="AN21784">
        <v>6</v>
      </c>
      <c r="AO21784">
        <v>6</v>
      </c>
      <c r="AP21784">
        <v>6</v>
      </c>
      <c r="AQ21784">
        <v>6</v>
      </c>
    </row>
    <row r="21785" spans="1:43">
      <c r="A21785" t="s">
        <v>13497</v>
      </c>
      <c r="B21785" t="s">
        <v>13498</v>
      </c>
      <c r="C21785" t="s">
        <v>13327</v>
      </c>
      <c r="D21785" t="s">
        <v>13328</v>
      </c>
      <c r="E21785" t="s">
        <v>13293</v>
      </c>
      <c r="F21785" t="s">
        <v>13294</v>
      </c>
      <c r="G21785" t="s">
        <v>10214</v>
      </c>
      <c r="H21785" t="s">
        <v>10215</v>
      </c>
      <c r="I21785" s="2">
        <v>1</v>
      </c>
      <c r="J21785" s="2">
        <v>0</v>
      </c>
      <c r="K21785" s="2">
        <v>0</v>
      </c>
      <c r="L21785" t="s">
        <v>120</v>
      </c>
      <c r="M21785" t="s">
        <v>83</v>
      </c>
      <c r="N21785" t="s">
        <v>91</v>
      </c>
      <c r="O21785" t="s">
        <v>85</v>
      </c>
      <c r="P21785" t="s">
        <v>86</v>
      </c>
      <c r="Q21785">
        <v>5</v>
      </c>
      <c r="R21785">
        <v>5</v>
      </c>
      <c r="S21785">
        <v>5</v>
      </c>
      <c r="T21785">
        <v>5</v>
      </c>
      <c r="U21785">
        <v>5</v>
      </c>
      <c r="V21785">
        <v>5</v>
      </c>
      <c r="W21785">
        <v>5</v>
      </c>
      <c r="X21785">
        <v>5</v>
      </c>
      <c r="Y21785">
        <v>6</v>
      </c>
      <c r="Z21785">
        <v>6</v>
      </c>
      <c r="AA21785">
        <v>6</v>
      </c>
      <c r="AB21785">
        <v>6</v>
      </c>
      <c r="AC21785">
        <v>6</v>
      </c>
      <c r="AD21785">
        <v>6</v>
      </c>
      <c r="AE21785">
        <v>6</v>
      </c>
      <c r="AF21785">
        <v>6</v>
      </c>
      <c r="AG21785">
        <v>6</v>
      </c>
      <c r="AH21785">
        <v>6</v>
      </c>
      <c r="AI21785">
        <v>6</v>
      </c>
      <c r="AJ21785">
        <v>6</v>
      </c>
      <c r="AK21785">
        <v>6</v>
      </c>
      <c r="AL21785">
        <v>6</v>
      </c>
      <c r="AM21785">
        <v>6</v>
      </c>
      <c r="AN21785">
        <v>6</v>
      </c>
      <c r="AO21785">
        <v>6</v>
      </c>
      <c r="AP21785">
        <v>6</v>
      </c>
      <c r="AQ21785">
        <v>6</v>
      </c>
    </row>
    <row r="21786" spans="1:43">
      <c r="A21786" t="s">
        <v>13499</v>
      </c>
      <c r="B21786" t="s">
        <v>13500</v>
      </c>
      <c r="C21786" t="s">
        <v>13333</v>
      </c>
      <c r="D21786" t="s">
        <v>13334</v>
      </c>
      <c r="E21786" t="s">
        <v>13293</v>
      </c>
      <c r="F21786" t="s">
        <v>13294</v>
      </c>
      <c r="G21786" t="s">
        <v>10214</v>
      </c>
      <c r="H21786" t="s">
        <v>10215</v>
      </c>
      <c r="I21786" s="2">
        <v>1</v>
      </c>
      <c r="J21786" s="2">
        <v>0</v>
      </c>
      <c r="K21786" s="2">
        <v>0</v>
      </c>
      <c r="L21786" t="s">
        <v>120</v>
      </c>
      <c r="M21786" t="s">
        <v>83</v>
      </c>
      <c r="N21786" t="s">
        <v>84</v>
      </c>
      <c r="O21786" t="s">
        <v>85</v>
      </c>
      <c r="P21786" t="s">
        <v>86</v>
      </c>
      <c r="Q21786">
        <v>22</v>
      </c>
      <c r="R21786">
        <v>22</v>
      </c>
      <c r="S21786">
        <v>22</v>
      </c>
      <c r="T21786">
        <v>23</v>
      </c>
      <c r="U21786">
        <v>23</v>
      </c>
      <c r="V21786">
        <v>23</v>
      </c>
      <c r="W21786">
        <v>23</v>
      </c>
      <c r="X21786">
        <v>23</v>
      </c>
      <c r="Y21786">
        <v>23</v>
      </c>
      <c r="Z21786">
        <v>23</v>
      </c>
      <c r="AA21786">
        <v>24</v>
      </c>
      <c r="AB21786">
        <v>24</v>
      </c>
      <c r="AC21786">
        <v>24</v>
      </c>
      <c r="AD21786">
        <v>24</v>
      </c>
      <c r="AE21786">
        <v>24</v>
      </c>
      <c r="AF21786">
        <v>24</v>
      </c>
      <c r="AG21786">
        <v>24</v>
      </c>
      <c r="AH21786">
        <v>24</v>
      </c>
      <c r="AI21786">
        <v>25</v>
      </c>
      <c r="AJ21786">
        <v>25</v>
      </c>
      <c r="AK21786">
        <v>25</v>
      </c>
      <c r="AL21786">
        <v>25</v>
      </c>
      <c r="AM21786">
        <v>25</v>
      </c>
      <c r="AN21786">
        <v>24</v>
      </c>
      <c r="AO21786">
        <v>24</v>
      </c>
      <c r="AP21786">
        <v>24</v>
      </c>
      <c r="AQ21786">
        <v>24</v>
      </c>
    </row>
    <row r="21787" spans="1:43">
      <c r="A21787" t="s">
        <v>13499</v>
      </c>
      <c r="B21787" t="s">
        <v>13500</v>
      </c>
      <c r="C21787" t="s">
        <v>13333</v>
      </c>
      <c r="D21787" t="s">
        <v>13334</v>
      </c>
      <c r="E21787" t="s">
        <v>13293</v>
      </c>
      <c r="F21787" t="s">
        <v>13294</v>
      </c>
      <c r="G21787" t="s">
        <v>10214</v>
      </c>
      <c r="H21787" t="s">
        <v>10215</v>
      </c>
      <c r="I21787" s="2">
        <v>1</v>
      </c>
      <c r="J21787" s="2">
        <v>0</v>
      </c>
      <c r="K21787" s="2">
        <v>0</v>
      </c>
      <c r="L21787" t="s">
        <v>120</v>
      </c>
      <c r="M21787" t="s">
        <v>87</v>
      </c>
      <c r="N21787" t="s">
        <v>88</v>
      </c>
      <c r="O21787" t="s">
        <v>85</v>
      </c>
      <c r="P21787" t="s">
        <v>86</v>
      </c>
      <c r="Q21787">
        <v>22</v>
      </c>
      <c r="R21787">
        <v>22</v>
      </c>
      <c r="S21787">
        <v>22</v>
      </c>
      <c r="T21787">
        <v>22</v>
      </c>
      <c r="U21787">
        <v>22</v>
      </c>
      <c r="V21787">
        <v>22</v>
      </c>
      <c r="W21787">
        <v>22</v>
      </c>
      <c r="X21787">
        <v>22</v>
      </c>
      <c r="Y21787">
        <v>22</v>
      </c>
      <c r="Z21787">
        <v>22</v>
      </c>
      <c r="AA21787">
        <v>21</v>
      </c>
      <c r="AB21787">
        <v>21</v>
      </c>
      <c r="AC21787">
        <v>21</v>
      </c>
      <c r="AD21787">
        <v>21</v>
      </c>
      <c r="AE21787">
        <v>21</v>
      </c>
      <c r="AF21787">
        <v>21</v>
      </c>
      <c r="AG21787">
        <v>21</v>
      </c>
      <c r="AH21787">
        <v>21</v>
      </c>
      <c r="AI21787">
        <v>21</v>
      </c>
      <c r="AJ21787">
        <v>21</v>
      </c>
      <c r="AK21787">
        <v>21</v>
      </c>
      <c r="AL21787">
        <v>21</v>
      </c>
      <c r="AM21787">
        <v>21</v>
      </c>
      <c r="AN21787">
        <v>21</v>
      </c>
      <c r="AO21787">
        <v>21</v>
      </c>
      <c r="AP21787">
        <v>21</v>
      </c>
      <c r="AQ21787">
        <v>21</v>
      </c>
    </row>
    <row r="21788" spans="1:43">
      <c r="A21788" t="s">
        <v>13499</v>
      </c>
      <c r="B21788" t="s">
        <v>13500</v>
      </c>
      <c r="C21788" t="s">
        <v>13333</v>
      </c>
      <c r="D21788" t="s">
        <v>13334</v>
      </c>
      <c r="E21788" t="s">
        <v>13293</v>
      </c>
      <c r="F21788" t="s">
        <v>13294</v>
      </c>
      <c r="G21788" t="s">
        <v>10214</v>
      </c>
      <c r="H21788" t="s">
        <v>10215</v>
      </c>
      <c r="I21788" s="2">
        <v>1</v>
      </c>
      <c r="J21788" s="2">
        <v>0</v>
      </c>
      <c r="K21788" s="2">
        <v>0</v>
      </c>
      <c r="L21788" t="s">
        <v>120</v>
      </c>
      <c r="M21788" t="s">
        <v>89</v>
      </c>
      <c r="N21788" t="s">
        <v>90</v>
      </c>
      <c r="O21788" t="s">
        <v>85</v>
      </c>
      <c r="P21788" t="s">
        <v>86</v>
      </c>
      <c r="Q21788">
        <v>22</v>
      </c>
      <c r="R21788">
        <v>23</v>
      </c>
      <c r="S21788">
        <v>23</v>
      </c>
      <c r="T21788">
        <v>23</v>
      </c>
      <c r="U21788">
        <v>24</v>
      </c>
      <c r="V21788">
        <v>24</v>
      </c>
      <c r="W21788">
        <v>24</v>
      </c>
      <c r="X21788">
        <v>24</v>
      </c>
      <c r="Y21788">
        <v>25</v>
      </c>
      <c r="Z21788">
        <v>25</v>
      </c>
      <c r="AA21788">
        <v>25</v>
      </c>
      <c r="AB21788">
        <v>25</v>
      </c>
      <c r="AC21788">
        <v>26</v>
      </c>
      <c r="AD21788">
        <v>26</v>
      </c>
      <c r="AE21788">
        <v>26</v>
      </c>
      <c r="AF21788">
        <v>26</v>
      </c>
      <c r="AG21788">
        <v>26</v>
      </c>
      <c r="AH21788">
        <v>25</v>
      </c>
      <c r="AI21788">
        <v>25</v>
      </c>
      <c r="AJ21788">
        <v>25</v>
      </c>
      <c r="AK21788">
        <v>25</v>
      </c>
      <c r="AL21788">
        <v>25</v>
      </c>
      <c r="AM21788">
        <v>25</v>
      </c>
      <c r="AN21788">
        <v>25</v>
      </c>
      <c r="AO21788">
        <v>25</v>
      </c>
      <c r="AP21788">
        <v>24</v>
      </c>
      <c r="AQ21788">
        <v>24</v>
      </c>
    </row>
    <row r="21789" spans="1:43">
      <c r="A21789" t="s">
        <v>13499</v>
      </c>
      <c r="B21789" t="s">
        <v>13500</v>
      </c>
      <c r="C21789" t="s">
        <v>13333</v>
      </c>
      <c r="D21789" t="s">
        <v>13334</v>
      </c>
      <c r="E21789" t="s">
        <v>13293</v>
      </c>
      <c r="F21789" t="s">
        <v>13294</v>
      </c>
      <c r="G21789" t="s">
        <v>10214</v>
      </c>
      <c r="H21789" t="s">
        <v>10215</v>
      </c>
      <c r="I21789" s="2">
        <v>1</v>
      </c>
      <c r="J21789" s="2">
        <v>0</v>
      </c>
      <c r="K21789" s="2">
        <v>0</v>
      </c>
      <c r="L21789" t="s">
        <v>120</v>
      </c>
      <c r="M21789" t="s">
        <v>83</v>
      </c>
      <c r="N21789" t="s">
        <v>91</v>
      </c>
      <c r="O21789" t="s">
        <v>85</v>
      </c>
      <c r="P21789" t="s">
        <v>86</v>
      </c>
      <c r="Q21789">
        <v>22</v>
      </c>
      <c r="R21789">
        <v>22</v>
      </c>
      <c r="S21789">
        <v>22</v>
      </c>
      <c r="T21789">
        <v>23</v>
      </c>
      <c r="U21789">
        <v>23</v>
      </c>
      <c r="V21789">
        <v>23</v>
      </c>
      <c r="W21789">
        <v>23</v>
      </c>
      <c r="X21789">
        <v>23</v>
      </c>
      <c r="Y21789">
        <v>23</v>
      </c>
      <c r="Z21789">
        <v>23</v>
      </c>
      <c r="AA21789">
        <v>24</v>
      </c>
      <c r="AB21789">
        <v>24</v>
      </c>
      <c r="AC21789">
        <v>24</v>
      </c>
      <c r="AD21789">
        <v>24</v>
      </c>
      <c r="AE21789">
        <v>24</v>
      </c>
      <c r="AF21789">
        <v>24</v>
      </c>
      <c r="AG21789">
        <v>24</v>
      </c>
      <c r="AH21789">
        <v>24</v>
      </c>
      <c r="AI21789">
        <v>25</v>
      </c>
      <c r="AJ21789">
        <v>25</v>
      </c>
      <c r="AK21789">
        <v>25</v>
      </c>
      <c r="AL21789">
        <v>25</v>
      </c>
      <c r="AM21789">
        <v>25</v>
      </c>
      <c r="AN21789">
        <v>24</v>
      </c>
      <c r="AO21789">
        <v>24</v>
      </c>
      <c r="AP21789">
        <v>24</v>
      </c>
      <c r="AQ21789">
        <v>24</v>
      </c>
    </row>
    <row r="21790" spans="1:43">
      <c r="A21790" t="s">
        <v>13501</v>
      </c>
      <c r="B21790" t="s">
        <v>13502</v>
      </c>
      <c r="C21790" t="s">
        <v>13333</v>
      </c>
      <c r="D21790" t="s">
        <v>13334</v>
      </c>
      <c r="E21790" t="s">
        <v>13293</v>
      </c>
      <c r="F21790" t="s">
        <v>13294</v>
      </c>
      <c r="G21790" t="s">
        <v>10214</v>
      </c>
      <c r="H21790" t="s">
        <v>10215</v>
      </c>
      <c r="I21790" s="2">
        <v>1</v>
      </c>
      <c r="J21790" s="2">
        <v>0</v>
      </c>
      <c r="K21790" s="2">
        <v>0</v>
      </c>
      <c r="L21790" t="s">
        <v>120</v>
      </c>
      <c r="M21790" t="s">
        <v>83</v>
      </c>
      <c r="N21790" t="s">
        <v>84</v>
      </c>
      <c r="O21790" t="s">
        <v>85</v>
      </c>
      <c r="P21790" t="s">
        <v>86</v>
      </c>
      <c r="Q21790">
        <v>25</v>
      </c>
      <c r="R21790">
        <v>25</v>
      </c>
      <c r="S21790">
        <v>25</v>
      </c>
      <c r="T21790">
        <v>25</v>
      </c>
      <c r="U21790">
        <v>26</v>
      </c>
      <c r="V21790">
        <v>26</v>
      </c>
      <c r="W21790">
        <v>26</v>
      </c>
      <c r="X21790">
        <v>26</v>
      </c>
      <c r="Y21790">
        <v>26</v>
      </c>
      <c r="Z21790">
        <v>27</v>
      </c>
      <c r="AA21790">
        <v>27</v>
      </c>
      <c r="AB21790">
        <v>27</v>
      </c>
      <c r="AC21790">
        <v>27</v>
      </c>
      <c r="AD21790">
        <v>27</v>
      </c>
      <c r="AE21790">
        <v>27</v>
      </c>
      <c r="AF21790">
        <v>28</v>
      </c>
      <c r="AG21790">
        <v>28</v>
      </c>
      <c r="AH21790">
        <v>28</v>
      </c>
      <c r="AI21790">
        <v>28</v>
      </c>
      <c r="AJ21790">
        <v>28</v>
      </c>
      <c r="AK21790">
        <v>28</v>
      </c>
      <c r="AL21790">
        <v>28</v>
      </c>
      <c r="AM21790">
        <v>28</v>
      </c>
      <c r="AN21790">
        <v>28</v>
      </c>
      <c r="AO21790">
        <v>28</v>
      </c>
      <c r="AP21790">
        <v>28</v>
      </c>
      <c r="AQ21790">
        <v>28</v>
      </c>
    </row>
    <row r="21791" spans="1:43">
      <c r="A21791" t="s">
        <v>13501</v>
      </c>
      <c r="B21791" t="s">
        <v>13502</v>
      </c>
      <c r="C21791" t="s">
        <v>13333</v>
      </c>
      <c r="D21791" t="s">
        <v>13334</v>
      </c>
      <c r="E21791" t="s">
        <v>13293</v>
      </c>
      <c r="F21791" t="s">
        <v>13294</v>
      </c>
      <c r="G21791" t="s">
        <v>10214</v>
      </c>
      <c r="H21791" t="s">
        <v>10215</v>
      </c>
      <c r="I21791" s="2">
        <v>1</v>
      </c>
      <c r="J21791" s="2">
        <v>0</v>
      </c>
      <c r="K21791" s="2">
        <v>0</v>
      </c>
      <c r="L21791" t="s">
        <v>120</v>
      </c>
      <c r="M21791" t="s">
        <v>87</v>
      </c>
      <c r="N21791" t="s">
        <v>88</v>
      </c>
      <c r="O21791" t="s">
        <v>85</v>
      </c>
      <c r="P21791" t="s">
        <v>86</v>
      </c>
      <c r="Q21791">
        <v>25</v>
      </c>
      <c r="R21791">
        <v>25</v>
      </c>
      <c r="S21791">
        <v>25</v>
      </c>
      <c r="T21791">
        <v>25</v>
      </c>
      <c r="U21791">
        <v>25</v>
      </c>
      <c r="V21791">
        <v>25</v>
      </c>
      <c r="W21791">
        <v>25</v>
      </c>
      <c r="X21791">
        <v>25</v>
      </c>
      <c r="Y21791">
        <v>25</v>
      </c>
      <c r="Z21791">
        <v>25</v>
      </c>
      <c r="AA21791">
        <v>25</v>
      </c>
      <c r="AB21791">
        <v>25</v>
      </c>
      <c r="AC21791">
        <v>25</v>
      </c>
      <c r="AD21791">
        <v>25</v>
      </c>
      <c r="AE21791">
        <v>25</v>
      </c>
      <c r="AF21791">
        <v>25</v>
      </c>
      <c r="AG21791">
        <v>25</v>
      </c>
      <c r="AH21791">
        <v>25</v>
      </c>
      <c r="AI21791">
        <v>25</v>
      </c>
      <c r="AJ21791">
        <v>25</v>
      </c>
      <c r="AK21791">
        <v>25</v>
      </c>
      <c r="AL21791">
        <v>25</v>
      </c>
      <c r="AM21791">
        <v>25</v>
      </c>
      <c r="AN21791">
        <v>25</v>
      </c>
      <c r="AO21791">
        <v>25</v>
      </c>
      <c r="AP21791">
        <v>25</v>
      </c>
      <c r="AQ21791">
        <v>25</v>
      </c>
    </row>
    <row r="21792" spans="1:43">
      <c r="A21792" t="s">
        <v>13501</v>
      </c>
      <c r="B21792" t="s">
        <v>13502</v>
      </c>
      <c r="C21792" t="s">
        <v>13333</v>
      </c>
      <c r="D21792" t="s">
        <v>13334</v>
      </c>
      <c r="E21792" t="s">
        <v>13293</v>
      </c>
      <c r="F21792" t="s">
        <v>13294</v>
      </c>
      <c r="G21792" t="s">
        <v>10214</v>
      </c>
      <c r="H21792" t="s">
        <v>10215</v>
      </c>
      <c r="I21792" s="2">
        <v>1</v>
      </c>
      <c r="J21792" s="2">
        <v>0</v>
      </c>
      <c r="K21792" s="2">
        <v>0</v>
      </c>
      <c r="L21792" t="s">
        <v>120</v>
      </c>
      <c r="M21792" t="s">
        <v>89</v>
      </c>
      <c r="N21792" t="s">
        <v>90</v>
      </c>
      <c r="O21792" t="s">
        <v>85</v>
      </c>
      <c r="P21792" t="s">
        <v>86</v>
      </c>
      <c r="Q21792">
        <v>25</v>
      </c>
      <c r="R21792">
        <v>25</v>
      </c>
      <c r="S21792">
        <v>26</v>
      </c>
      <c r="T21792">
        <v>26</v>
      </c>
      <c r="U21792">
        <v>27</v>
      </c>
      <c r="V21792">
        <v>27</v>
      </c>
      <c r="W21792">
        <v>27</v>
      </c>
      <c r="X21792">
        <v>28</v>
      </c>
      <c r="Y21792">
        <v>28</v>
      </c>
      <c r="Z21792">
        <v>28</v>
      </c>
      <c r="AA21792">
        <v>29</v>
      </c>
      <c r="AB21792">
        <v>29</v>
      </c>
      <c r="AC21792">
        <v>29</v>
      </c>
      <c r="AD21792">
        <v>29</v>
      </c>
      <c r="AE21792">
        <v>29</v>
      </c>
      <c r="AF21792">
        <v>29</v>
      </c>
      <c r="AG21792">
        <v>29</v>
      </c>
      <c r="AH21792">
        <v>29</v>
      </c>
      <c r="AI21792">
        <v>29</v>
      </c>
      <c r="AJ21792">
        <v>29</v>
      </c>
      <c r="AK21792">
        <v>29</v>
      </c>
      <c r="AL21792">
        <v>29</v>
      </c>
      <c r="AM21792">
        <v>29</v>
      </c>
      <c r="AN21792">
        <v>29</v>
      </c>
      <c r="AO21792">
        <v>28</v>
      </c>
      <c r="AP21792">
        <v>28</v>
      </c>
      <c r="AQ21792">
        <v>28</v>
      </c>
    </row>
    <row r="21793" spans="1:43">
      <c r="A21793" t="s">
        <v>13501</v>
      </c>
      <c r="B21793" t="s">
        <v>13502</v>
      </c>
      <c r="C21793" t="s">
        <v>13333</v>
      </c>
      <c r="D21793" t="s">
        <v>13334</v>
      </c>
      <c r="E21793" t="s">
        <v>13293</v>
      </c>
      <c r="F21793" t="s">
        <v>13294</v>
      </c>
      <c r="G21793" t="s">
        <v>10214</v>
      </c>
      <c r="H21793" t="s">
        <v>10215</v>
      </c>
      <c r="I21793" s="2">
        <v>1</v>
      </c>
      <c r="J21793" s="2">
        <v>0</v>
      </c>
      <c r="K21793" s="2">
        <v>0</v>
      </c>
      <c r="L21793" t="s">
        <v>120</v>
      </c>
      <c r="M21793" t="s">
        <v>83</v>
      </c>
      <c r="N21793" t="s">
        <v>91</v>
      </c>
      <c r="O21793" t="s">
        <v>85</v>
      </c>
      <c r="P21793" t="s">
        <v>86</v>
      </c>
      <c r="Q21793">
        <v>25</v>
      </c>
      <c r="R21793">
        <v>25</v>
      </c>
      <c r="S21793">
        <v>25</v>
      </c>
      <c r="T21793">
        <v>25</v>
      </c>
      <c r="U21793">
        <v>26</v>
      </c>
      <c r="V21793">
        <v>26</v>
      </c>
      <c r="W21793">
        <v>26</v>
      </c>
      <c r="X21793">
        <v>26</v>
      </c>
      <c r="Y21793">
        <v>26</v>
      </c>
      <c r="Z21793">
        <v>27</v>
      </c>
      <c r="AA21793">
        <v>27</v>
      </c>
      <c r="AB21793">
        <v>27</v>
      </c>
      <c r="AC21793">
        <v>27</v>
      </c>
      <c r="AD21793">
        <v>27</v>
      </c>
      <c r="AE21793">
        <v>27</v>
      </c>
      <c r="AF21793">
        <v>28</v>
      </c>
      <c r="AG21793">
        <v>28</v>
      </c>
      <c r="AH21793">
        <v>28</v>
      </c>
      <c r="AI21793">
        <v>28</v>
      </c>
      <c r="AJ21793">
        <v>28</v>
      </c>
      <c r="AK21793">
        <v>28</v>
      </c>
      <c r="AL21793">
        <v>28</v>
      </c>
      <c r="AM21793">
        <v>28</v>
      </c>
      <c r="AN21793">
        <v>28</v>
      </c>
      <c r="AO21793">
        <v>28</v>
      </c>
      <c r="AP21793">
        <v>28</v>
      </c>
      <c r="AQ21793">
        <v>28</v>
      </c>
    </row>
    <row r="21794" spans="1:43">
      <c r="A21794" t="s">
        <v>13503</v>
      </c>
      <c r="B21794" t="s">
        <v>13504</v>
      </c>
      <c r="C21794" t="s">
        <v>13333</v>
      </c>
      <c r="D21794" t="s">
        <v>13334</v>
      </c>
      <c r="E21794" t="s">
        <v>13293</v>
      </c>
      <c r="F21794" t="s">
        <v>13294</v>
      </c>
      <c r="G21794" t="s">
        <v>10214</v>
      </c>
      <c r="H21794" t="s">
        <v>10215</v>
      </c>
      <c r="I21794" s="2">
        <v>1</v>
      </c>
      <c r="J21794" s="2">
        <v>0</v>
      </c>
      <c r="K21794" s="2">
        <v>0</v>
      </c>
      <c r="L21794" t="s">
        <v>120</v>
      </c>
      <c r="M21794" t="s">
        <v>83</v>
      </c>
      <c r="N21794" t="s">
        <v>84</v>
      </c>
      <c r="O21794" t="s">
        <v>85</v>
      </c>
      <c r="P21794" t="s">
        <v>86</v>
      </c>
      <c r="Q21794">
        <v>16</v>
      </c>
      <c r="R21794">
        <v>16</v>
      </c>
      <c r="S21794">
        <v>16</v>
      </c>
      <c r="T21794">
        <v>17</v>
      </c>
      <c r="U21794">
        <v>17</v>
      </c>
      <c r="V21794">
        <v>17</v>
      </c>
      <c r="W21794">
        <v>17</v>
      </c>
      <c r="X21794">
        <v>17</v>
      </c>
      <c r="Y21794">
        <v>17</v>
      </c>
      <c r="Z21794">
        <v>17</v>
      </c>
      <c r="AA21794">
        <v>17</v>
      </c>
      <c r="AB21794">
        <v>17</v>
      </c>
      <c r="AC21794">
        <v>18</v>
      </c>
      <c r="AD21794">
        <v>18</v>
      </c>
      <c r="AE21794">
        <v>18</v>
      </c>
      <c r="AF21794">
        <v>18</v>
      </c>
      <c r="AG21794">
        <v>18</v>
      </c>
      <c r="AH21794">
        <v>18</v>
      </c>
      <c r="AI21794">
        <v>18</v>
      </c>
      <c r="AJ21794">
        <v>18</v>
      </c>
      <c r="AK21794">
        <v>18</v>
      </c>
      <c r="AL21794">
        <v>18</v>
      </c>
      <c r="AM21794">
        <v>18</v>
      </c>
      <c r="AN21794">
        <v>18</v>
      </c>
      <c r="AO21794">
        <v>18</v>
      </c>
      <c r="AP21794">
        <v>18</v>
      </c>
      <c r="AQ21794">
        <v>18</v>
      </c>
    </row>
    <row r="21795" spans="1:43">
      <c r="A21795" t="s">
        <v>13503</v>
      </c>
      <c r="B21795" t="s">
        <v>13504</v>
      </c>
      <c r="C21795" t="s">
        <v>13333</v>
      </c>
      <c r="D21795" t="s">
        <v>13334</v>
      </c>
      <c r="E21795" t="s">
        <v>13293</v>
      </c>
      <c r="F21795" t="s">
        <v>13294</v>
      </c>
      <c r="G21795" t="s">
        <v>10214</v>
      </c>
      <c r="H21795" t="s">
        <v>10215</v>
      </c>
      <c r="I21795" s="2">
        <v>1</v>
      </c>
      <c r="J21795" s="2">
        <v>0</v>
      </c>
      <c r="K21795" s="2">
        <v>0</v>
      </c>
      <c r="L21795" t="s">
        <v>120</v>
      </c>
      <c r="M21795" t="s">
        <v>87</v>
      </c>
      <c r="N21795" t="s">
        <v>88</v>
      </c>
      <c r="O21795" t="s">
        <v>85</v>
      </c>
      <c r="P21795" t="s">
        <v>86</v>
      </c>
      <c r="Q21795">
        <v>16</v>
      </c>
      <c r="R21795">
        <v>16</v>
      </c>
      <c r="S21795">
        <v>16</v>
      </c>
      <c r="T21795">
        <v>16</v>
      </c>
      <c r="U21795">
        <v>16</v>
      </c>
      <c r="V21795">
        <v>16</v>
      </c>
      <c r="W21795">
        <v>16</v>
      </c>
      <c r="X21795">
        <v>16</v>
      </c>
      <c r="Y21795">
        <v>16</v>
      </c>
      <c r="Z21795">
        <v>16</v>
      </c>
      <c r="AA21795">
        <v>16</v>
      </c>
      <c r="AB21795">
        <v>16</v>
      </c>
      <c r="AC21795">
        <v>16</v>
      </c>
      <c r="AD21795">
        <v>16</v>
      </c>
      <c r="AE21795">
        <v>16</v>
      </c>
      <c r="AF21795">
        <v>16</v>
      </c>
      <c r="AG21795">
        <v>16</v>
      </c>
      <c r="AH21795">
        <v>16</v>
      </c>
      <c r="AI21795">
        <v>16</v>
      </c>
      <c r="AJ21795">
        <v>16</v>
      </c>
      <c r="AK21795">
        <v>16</v>
      </c>
      <c r="AL21795">
        <v>15</v>
      </c>
      <c r="AM21795">
        <v>15</v>
      </c>
      <c r="AN21795">
        <v>15</v>
      </c>
      <c r="AO21795">
        <v>15</v>
      </c>
      <c r="AP21795">
        <v>15</v>
      </c>
      <c r="AQ21795">
        <v>15</v>
      </c>
    </row>
    <row r="21796" spans="1:43">
      <c r="A21796" t="s">
        <v>13503</v>
      </c>
      <c r="B21796" t="s">
        <v>13504</v>
      </c>
      <c r="C21796" t="s">
        <v>13333</v>
      </c>
      <c r="D21796" t="s">
        <v>13334</v>
      </c>
      <c r="E21796" t="s">
        <v>13293</v>
      </c>
      <c r="F21796" t="s">
        <v>13294</v>
      </c>
      <c r="G21796" t="s">
        <v>10214</v>
      </c>
      <c r="H21796" t="s">
        <v>10215</v>
      </c>
      <c r="I21796" s="2">
        <v>1</v>
      </c>
      <c r="J21796" s="2">
        <v>0</v>
      </c>
      <c r="K21796" s="2">
        <v>0</v>
      </c>
      <c r="L21796" t="s">
        <v>120</v>
      </c>
      <c r="M21796" t="s">
        <v>89</v>
      </c>
      <c r="N21796" t="s">
        <v>90</v>
      </c>
      <c r="O21796" t="s">
        <v>85</v>
      </c>
      <c r="P21796" t="s">
        <v>86</v>
      </c>
      <c r="Q21796">
        <v>16</v>
      </c>
      <c r="R21796">
        <v>17</v>
      </c>
      <c r="S21796">
        <v>17</v>
      </c>
      <c r="T21796">
        <v>17</v>
      </c>
      <c r="U21796">
        <v>17</v>
      </c>
      <c r="V21796">
        <v>18</v>
      </c>
      <c r="W21796">
        <v>18</v>
      </c>
      <c r="X21796">
        <v>18</v>
      </c>
      <c r="Y21796">
        <v>18</v>
      </c>
      <c r="Z21796">
        <v>18</v>
      </c>
      <c r="AA21796">
        <v>18</v>
      </c>
      <c r="AB21796">
        <v>19</v>
      </c>
      <c r="AC21796">
        <v>19</v>
      </c>
      <c r="AD21796">
        <v>19</v>
      </c>
      <c r="AE21796">
        <v>19</v>
      </c>
      <c r="AF21796">
        <v>19</v>
      </c>
      <c r="AG21796">
        <v>19</v>
      </c>
      <c r="AH21796">
        <v>19</v>
      </c>
      <c r="AI21796">
        <v>19</v>
      </c>
      <c r="AJ21796">
        <v>19</v>
      </c>
      <c r="AK21796">
        <v>18</v>
      </c>
      <c r="AL21796">
        <v>18</v>
      </c>
      <c r="AM21796">
        <v>18</v>
      </c>
      <c r="AN21796">
        <v>18</v>
      </c>
      <c r="AO21796">
        <v>18</v>
      </c>
      <c r="AP21796">
        <v>18</v>
      </c>
      <c r="AQ21796">
        <v>18</v>
      </c>
    </row>
    <row r="21797" spans="1:43">
      <c r="A21797" t="s">
        <v>13503</v>
      </c>
      <c r="B21797" t="s">
        <v>13504</v>
      </c>
      <c r="C21797" t="s">
        <v>13333</v>
      </c>
      <c r="D21797" t="s">
        <v>13334</v>
      </c>
      <c r="E21797" t="s">
        <v>13293</v>
      </c>
      <c r="F21797" t="s">
        <v>13294</v>
      </c>
      <c r="G21797" t="s">
        <v>10214</v>
      </c>
      <c r="H21797" t="s">
        <v>10215</v>
      </c>
      <c r="I21797" s="2">
        <v>1</v>
      </c>
      <c r="J21797" s="2">
        <v>0</v>
      </c>
      <c r="K21797" s="2">
        <v>0</v>
      </c>
      <c r="L21797" t="s">
        <v>120</v>
      </c>
      <c r="M21797" t="s">
        <v>83</v>
      </c>
      <c r="N21797" t="s">
        <v>91</v>
      </c>
      <c r="O21797" t="s">
        <v>85</v>
      </c>
      <c r="P21797" t="s">
        <v>86</v>
      </c>
      <c r="Q21797">
        <v>16</v>
      </c>
      <c r="R21797">
        <v>16</v>
      </c>
      <c r="S21797">
        <v>16</v>
      </c>
      <c r="T21797">
        <v>17</v>
      </c>
      <c r="U21797">
        <v>17</v>
      </c>
      <c r="V21797">
        <v>17</v>
      </c>
      <c r="W21797">
        <v>17</v>
      </c>
      <c r="X21797">
        <v>17</v>
      </c>
      <c r="Y21797">
        <v>17</v>
      </c>
      <c r="Z21797">
        <v>17</v>
      </c>
      <c r="AA21797">
        <v>17</v>
      </c>
      <c r="AB21797">
        <v>17</v>
      </c>
      <c r="AC21797">
        <v>18</v>
      </c>
      <c r="AD21797">
        <v>18</v>
      </c>
      <c r="AE21797">
        <v>18</v>
      </c>
      <c r="AF21797">
        <v>18</v>
      </c>
      <c r="AG21797">
        <v>18</v>
      </c>
      <c r="AH21797">
        <v>18</v>
      </c>
      <c r="AI21797">
        <v>18</v>
      </c>
      <c r="AJ21797">
        <v>18</v>
      </c>
      <c r="AK21797">
        <v>18</v>
      </c>
      <c r="AL21797">
        <v>18</v>
      </c>
      <c r="AM21797">
        <v>18</v>
      </c>
      <c r="AN21797">
        <v>18</v>
      </c>
      <c r="AO21797">
        <v>18</v>
      </c>
      <c r="AP21797">
        <v>18</v>
      </c>
      <c r="AQ21797">
        <v>18</v>
      </c>
    </row>
    <row r="21798" spans="1:43">
      <c r="A21798" t="s">
        <v>13505</v>
      </c>
      <c r="B21798" t="s">
        <v>13506</v>
      </c>
      <c r="C21798" t="s">
        <v>13333</v>
      </c>
      <c r="D21798" t="s">
        <v>13334</v>
      </c>
      <c r="E21798" t="s">
        <v>13293</v>
      </c>
      <c r="F21798" t="s">
        <v>13294</v>
      </c>
      <c r="G21798" t="s">
        <v>10214</v>
      </c>
      <c r="H21798" t="s">
        <v>10215</v>
      </c>
      <c r="I21798" s="2">
        <v>1</v>
      </c>
      <c r="J21798" s="2">
        <v>0</v>
      </c>
      <c r="K21798" s="2">
        <v>0</v>
      </c>
      <c r="L21798" t="s">
        <v>120</v>
      </c>
      <c r="M21798" t="s">
        <v>83</v>
      </c>
      <c r="N21798" t="s">
        <v>84</v>
      </c>
      <c r="O21798" t="s">
        <v>85</v>
      </c>
      <c r="P21798" t="s">
        <v>86</v>
      </c>
      <c r="Q21798">
        <v>38</v>
      </c>
      <c r="R21798">
        <v>39</v>
      </c>
      <c r="S21798">
        <v>39</v>
      </c>
      <c r="T21798">
        <v>39</v>
      </c>
      <c r="U21798">
        <v>40</v>
      </c>
      <c r="V21798">
        <v>40</v>
      </c>
      <c r="W21798">
        <v>40</v>
      </c>
      <c r="X21798">
        <v>41</v>
      </c>
      <c r="Y21798">
        <v>41</v>
      </c>
      <c r="Z21798">
        <v>41</v>
      </c>
      <c r="AA21798">
        <v>41</v>
      </c>
      <c r="AB21798">
        <v>42</v>
      </c>
      <c r="AC21798">
        <v>42</v>
      </c>
      <c r="AD21798">
        <v>42</v>
      </c>
      <c r="AE21798">
        <v>42</v>
      </c>
      <c r="AF21798">
        <v>43</v>
      </c>
      <c r="AG21798">
        <v>43</v>
      </c>
      <c r="AH21798">
        <v>43</v>
      </c>
      <c r="AI21798">
        <v>43</v>
      </c>
      <c r="AJ21798">
        <v>43</v>
      </c>
      <c r="AK21798">
        <v>44</v>
      </c>
      <c r="AL21798">
        <v>44</v>
      </c>
      <c r="AM21798">
        <v>43</v>
      </c>
      <c r="AN21798">
        <v>43</v>
      </c>
      <c r="AO21798">
        <v>43</v>
      </c>
      <c r="AP21798">
        <v>43</v>
      </c>
      <c r="AQ21798">
        <v>43</v>
      </c>
    </row>
    <row r="21799" spans="1:43">
      <c r="A21799" t="s">
        <v>13505</v>
      </c>
      <c r="B21799" t="s">
        <v>13506</v>
      </c>
      <c r="C21799" t="s">
        <v>13333</v>
      </c>
      <c r="D21799" t="s">
        <v>13334</v>
      </c>
      <c r="E21799" t="s">
        <v>13293</v>
      </c>
      <c r="F21799" t="s">
        <v>13294</v>
      </c>
      <c r="G21799" t="s">
        <v>10214</v>
      </c>
      <c r="H21799" t="s">
        <v>10215</v>
      </c>
      <c r="I21799" s="2">
        <v>1</v>
      </c>
      <c r="J21799" s="2">
        <v>0</v>
      </c>
      <c r="K21799" s="2">
        <v>0</v>
      </c>
      <c r="L21799" t="s">
        <v>120</v>
      </c>
      <c r="M21799" t="s">
        <v>87</v>
      </c>
      <c r="N21799" t="s">
        <v>88</v>
      </c>
      <c r="O21799" t="s">
        <v>85</v>
      </c>
      <c r="P21799" t="s">
        <v>86</v>
      </c>
      <c r="Q21799">
        <v>38</v>
      </c>
      <c r="R21799">
        <v>38</v>
      </c>
      <c r="S21799">
        <v>38</v>
      </c>
      <c r="T21799">
        <v>38</v>
      </c>
      <c r="U21799">
        <v>38</v>
      </c>
      <c r="V21799">
        <v>38</v>
      </c>
      <c r="W21799">
        <v>38</v>
      </c>
      <c r="X21799">
        <v>38</v>
      </c>
      <c r="Y21799">
        <v>38</v>
      </c>
      <c r="Z21799">
        <v>38</v>
      </c>
      <c r="AA21799">
        <v>38</v>
      </c>
      <c r="AB21799">
        <v>38</v>
      </c>
      <c r="AC21799">
        <v>38</v>
      </c>
      <c r="AD21799">
        <v>38</v>
      </c>
      <c r="AE21799">
        <v>38</v>
      </c>
      <c r="AF21799">
        <v>37</v>
      </c>
      <c r="AG21799">
        <v>37</v>
      </c>
      <c r="AH21799">
        <v>37</v>
      </c>
      <c r="AI21799">
        <v>37</v>
      </c>
      <c r="AJ21799">
        <v>37</v>
      </c>
      <c r="AK21799">
        <v>37</v>
      </c>
      <c r="AL21799">
        <v>37</v>
      </c>
      <c r="AM21799">
        <v>37</v>
      </c>
      <c r="AN21799">
        <v>37</v>
      </c>
      <c r="AO21799">
        <v>37</v>
      </c>
      <c r="AP21799">
        <v>37</v>
      </c>
      <c r="AQ21799">
        <v>37</v>
      </c>
    </row>
    <row r="21800" spans="1:43">
      <c r="A21800" t="s">
        <v>13505</v>
      </c>
      <c r="B21800" t="s">
        <v>13506</v>
      </c>
      <c r="C21800" t="s">
        <v>13333</v>
      </c>
      <c r="D21800" t="s">
        <v>13334</v>
      </c>
      <c r="E21800" t="s">
        <v>13293</v>
      </c>
      <c r="F21800" t="s">
        <v>13294</v>
      </c>
      <c r="G21800" t="s">
        <v>10214</v>
      </c>
      <c r="H21800" t="s">
        <v>10215</v>
      </c>
      <c r="I21800" s="2">
        <v>1</v>
      </c>
      <c r="J21800" s="2">
        <v>0</v>
      </c>
      <c r="K21800" s="2">
        <v>0</v>
      </c>
      <c r="L21800" t="s">
        <v>120</v>
      </c>
      <c r="M21800" t="s">
        <v>89</v>
      </c>
      <c r="N21800" t="s">
        <v>90</v>
      </c>
      <c r="O21800" t="s">
        <v>85</v>
      </c>
      <c r="P21800" t="s">
        <v>86</v>
      </c>
      <c r="Q21800">
        <v>38</v>
      </c>
      <c r="R21800">
        <v>38</v>
      </c>
      <c r="S21800">
        <v>39</v>
      </c>
      <c r="T21800">
        <v>40</v>
      </c>
      <c r="U21800">
        <v>40</v>
      </c>
      <c r="V21800">
        <v>41</v>
      </c>
      <c r="W21800">
        <v>41</v>
      </c>
      <c r="X21800">
        <v>42</v>
      </c>
      <c r="Y21800">
        <v>42</v>
      </c>
      <c r="Z21800">
        <v>43</v>
      </c>
      <c r="AA21800">
        <v>43</v>
      </c>
      <c r="AB21800">
        <v>43</v>
      </c>
      <c r="AC21800">
        <v>44</v>
      </c>
      <c r="AD21800">
        <v>44</v>
      </c>
      <c r="AE21800">
        <v>44</v>
      </c>
      <c r="AF21800">
        <v>44</v>
      </c>
      <c r="AG21800">
        <v>44</v>
      </c>
      <c r="AH21800">
        <v>44</v>
      </c>
      <c r="AI21800">
        <v>44</v>
      </c>
      <c r="AJ21800">
        <v>43</v>
      </c>
      <c r="AK21800">
        <v>43</v>
      </c>
      <c r="AL21800">
        <v>43</v>
      </c>
      <c r="AM21800">
        <v>43</v>
      </c>
      <c r="AN21800">
        <v>43</v>
      </c>
      <c r="AO21800">
        <v>43</v>
      </c>
      <c r="AP21800">
        <v>42</v>
      </c>
      <c r="AQ21800">
        <v>42</v>
      </c>
    </row>
    <row r="21801" spans="1:43">
      <c r="A21801" t="s">
        <v>13505</v>
      </c>
      <c r="B21801" t="s">
        <v>13506</v>
      </c>
      <c r="C21801" t="s">
        <v>13333</v>
      </c>
      <c r="D21801" t="s">
        <v>13334</v>
      </c>
      <c r="E21801" t="s">
        <v>13293</v>
      </c>
      <c r="F21801" t="s">
        <v>13294</v>
      </c>
      <c r="G21801" t="s">
        <v>10214</v>
      </c>
      <c r="H21801" t="s">
        <v>10215</v>
      </c>
      <c r="I21801" s="2">
        <v>1</v>
      </c>
      <c r="J21801" s="2">
        <v>0</v>
      </c>
      <c r="K21801" s="2">
        <v>0</v>
      </c>
      <c r="L21801" t="s">
        <v>120</v>
      </c>
      <c r="M21801" t="s">
        <v>83</v>
      </c>
      <c r="N21801" t="s">
        <v>91</v>
      </c>
      <c r="O21801" t="s">
        <v>85</v>
      </c>
      <c r="P21801" t="s">
        <v>86</v>
      </c>
      <c r="Q21801">
        <v>38</v>
      </c>
      <c r="R21801">
        <v>39</v>
      </c>
      <c r="S21801">
        <v>39</v>
      </c>
      <c r="T21801">
        <v>39</v>
      </c>
      <c r="U21801">
        <v>40</v>
      </c>
      <c r="V21801">
        <v>40</v>
      </c>
      <c r="W21801">
        <v>40</v>
      </c>
      <c r="X21801">
        <v>41</v>
      </c>
      <c r="Y21801">
        <v>41</v>
      </c>
      <c r="Z21801">
        <v>41</v>
      </c>
      <c r="AA21801">
        <v>41</v>
      </c>
      <c r="AB21801">
        <v>42</v>
      </c>
      <c r="AC21801">
        <v>42</v>
      </c>
      <c r="AD21801">
        <v>42</v>
      </c>
      <c r="AE21801">
        <v>42</v>
      </c>
      <c r="AF21801">
        <v>43</v>
      </c>
      <c r="AG21801">
        <v>43</v>
      </c>
      <c r="AH21801">
        <v>43</v>
      </c>
      <c r="AI21801">
        <v>43</v>
      </c>
      <c r="AJ21801">
        <v>43</v>
      </c>
      <c r="AK21801">
        <v>44</v>
      </c>
      <c r="AL21801">
        <v>44</v>
      </c>
      <c r="AM21801">
        <v>43</v>
      </c>
      <c r="AN21801">
        <v>43</v>
      </c>
      <c r="AO21801">
        <v>43</v>
      </c>
      <c r="AP21801">
        <v>43</v>
      </c>
      <c r="AQ21801">
        <v>43</v>
      </c>
    </row>
    <row r="21802" spans="1:43">
      <c r="A21802" t="s">
        <v>13507</v>
      </c>
      <c r="B21802" t="s">
        <v>13508</v>
      </c>
      <c r="C21802" t="s">
        <v>13487</v>
      </c>
      <c r="D21802" t="s">
        <v>13488</v>
      </c>
      <c r="E21802" t="s">
        <v>13293</v>
      </c>
      <c r="F21802" t="s">
        <v>13294</v>
      </c>
      <c r="G21802" t="s">
        <v>10214</v>
      </c>
      <c r="H21802" t="s">
        <v>10215</v>
      </c>
      <c r="I21802" s="2">
        <v>1</v>
      </c>
      <c r="J21802" s="2">
        <v>0</v>
      </c>
      <c r="K21802" s="2">
        <v>0</v>
      </c>
      <c r="L21802" t="s">
        <v>120</v>
      </c>
      <c r="M21802" t="s">
        <v>83</v>
      </c>
      <c r="N21802" t="s">
        <v>84</v>
      </c>
      <c r="O21802" t="s">
        <v>85</v>
      </c>
      <c r="P21802" t="s">
        <v>86</v>
      </c>
      <c r="Q21802">
        <v>48</v>
      </c>
      <c r="R21802">
        <v>48</v>
      </c>
      <c r="S21802">
        <v>49</v>
      </c>
      <c r="T21802">
        <v>49</v>
      </c>
      <c r="U21802">
        <v>50</v>
      </c>
      <c r="V21802">
        <v>50</v>
      </c>
      <c r="W21802">
        <v>50</v>
      </c>
      <c r="X21802">
        <v>51</v>
      </c>
      <c r="Y21802">
        <v>51</v>
      </c>
      <c r="Z21802">
        <v>51</v>
      </c>
      <c r="AA21802">
        <v>52</v>
      </c>
      <c r="AB21802">
        <v>52</v>
      </c>
      <c r="AC21802">
        <v>52</v>
      </c>
      <c r="AD21802">
        <v>53</v>
      </c>
      <c r="AE21802">
        <v>53</v>
      </c>
      <c r="AF21802">
        <v>53</v>
      </c>
      <c r="AG21802">
        <v>54</v>
      </c>
      <c r="AH21802">
        <v>54</v>
      </c>
      <c r="AI21802">
        <v>54</v>
      </c>
      <c r="AJ21802">
        <v>54</v>
      </c>
      <c r="AK21802">
        <v>55</v>
      </c>
      <c r="AL21802">
        <v>55</v>
      </c>
      <c r="AM21802">
        <v>54</v>
      </c>
      <c r="AN21802">
        <v>54</v>
      </c>
      <c r="AO21802">
        <v>54</v>
      </c>
      <c r="AP21802">
        <v>54</v>
      </c>
      <c r="AQ21802">
        <v>54</v>
      </c>
    </row>
    <row r="21803" spans="1:43">
      <c r="A21803" t="s">
        <v>13507</v>
      </c>
      <c r="B21803" t="s">
        <v>13508</v>
      </c>
      <c r="C21803" t="s">
        <v>13487</v>
      </c>
      <c r="D21803" t="s">
        <v>13488</v>
      </c>
      <c r="E21803" t="s">
        <v>13293</v>
      </c>
      <c r="F21803" t="s">
        <v>13294</v>
      </c>
      <c r="G21803" t="s">
        <v>10214</v>
      </c>
      <c r="H21803" t="s">
        <v>10215</v>
      </c>
      <c r="I21803" s="2">
        <v>1</v>
      </c>
      <c r="J21803" s="2">
        <v>0</v>
      </c>
      <c r="K21803" s="2">
        <v>0</v>
      </c>
      <c r="L21803" t="s">
        <v>120</v>
      </c>
      <c r="M21803" t="s">
        <v>87</v>
      </c>
      <c r="N21803" t="s">
        <v>88</v>
      </c>
      <c r="O21803" t="s">
        <v>85</v>
      </c>
      <c r="P21803" t="s">
        <v>86</v>
      </c>
      <c r="Q21803">
        <v>48</v>
      </c>
      <c r="R21803">
        <v>48</v>
      </c>
      <c r="S21803">
        <v>48</v>
      </c>
      <c r="T21803">
        <v>48</v>
      </c>
      <c r="U21803">
        <v>48</v>
      </c>
      <c r="V21803">
        <v>48</v>
      </c>
      <c r="W21803">
        <v>48</v>
      </c>
      <c r="X21803">
        <v>48</v>
      </c>
      <c r="Y21803">
        <v>48</v>
      </c>
      <c r="Z21803">
        <v>48</v>
      </c>
      <c r="AA21803">
        <v>48</v>
      </c>
      <c r="AB21803">
        <v>48</v>
      </c>
      <c r="AC21803">
        <v>48</v>
      </c>
      <c r="AD21803">
        <v>48</v>
      </c>
      <c r="AE21803">
        <v>48</v>
      </c>
      <c r="AF21803">
        <v>48</v>
      </c>
      <c r="AG21803">
        <v>48</v>
      </c>
      <c r="AH21803">
        <v>48</v>
      </c>
      <c r="AI21803">
        <v>48</v>
      </c>
      <c r="AJ21803">
        <v>48</v>
      </c>
      <c r="AK21803">
        <v>48</v>
      </c>
      <c r="AL21803">
        <v>48</v>
      </c>
      <c r="AM21803">
        <v>48</v>
      </c>
      <c r="AN21803">
        <v>48</v>
      </c>
      <c r="AO21803">
        <v>48</v>
      </c>
      <c r="AP21803">
        <v>47</v>
      </c>
      <c r="AQ21803">
        <v>47</v>
      </c>
    </row>
    <row r="21804" spans="1:43">
      <c r="A21804" t="s">
        <v>13507</v>
      </c>
      <c r="B21804" t="s">
        <v>13508</v>
      </c>
      <c r="C21804" t="s">
        <v>13487</v>
      </c>
      <c r="D21804" t="s">
        <v>13488</v>
      </c>
      <c r="E21804" t="s">
        <v>13293</v>
      </c>
      <c r="F21804" t="s">
        <v>13294</v>
      </c>
      <c r="G21804" t="s">
        <v>10214</v>
      </c>
      <c r="H21804" t="s">
        <v>10215</v>
      </c>
      <c r="I21804" s="2">
        <v>1</v>
      </c>
      <c r="J21804" s="2">
        <v>0</v>
      </c>
      <c r="K21804" s="2">
        <v>0</v>
      </c>
      <c r="L21804" t="s">
        <v>120</v>
      </c>
      <c r="M21804" t="s">
        <v>89</v>
      </c>
      <c r="N21804" t="s">
        <v>90</v>
      </c>
      <c r="O21804" t="s">
        <v>85</v>
      </c>
      <c r="P21804" t="s">
        <v>86</v>
      </c>
      <c r="Q21804">
        <v>48</v>
      </c>
      <c r="R21804">
        <v>49</v>
      </c>
      <c r="S21804">
        <v>50</v>
      </c>
      <c r="T21804">
        <v>51</v>
      </c>
      <c r="U21804">
        <v>52</v>
      </c>
      <c r="V21804">
        <v>52</v>
      </c>
      <c r="W21804">
        <v>53</v>
      </c>
      <c r="X21804">
        <v>53</v>
      </c>
      <c r="Y21804">
        <v>54</v>
      </c>
      <c r="Z21804">
        <v>55</v>
      </c>
      <c r="AA21804">
        <v>55</v>
      </c>
      <c r="AB21804">
        <v>56</v>
      </c>
      <c r="AC21804">
        <v>56</v>
      </c>
      <c r="AD21804">
        <v>57</v>
      </c>
      <c r="AE21804">
        <v>57</v>
      </c>
      <c r="AF21804">
        <v>57</v>
      </c>
      <c r="AG21804">
        <v>56</v>
      </c>
      <c r="AH21804">
        <v>56</v>
      </c>
      <c r="AI21804">
        <v>56</v>
      </c>
      <c r="AJ21804">
        <v>56</v>
      </c>
      <c r="AK21804">
        <v>56</v>
      </c>
      <c r="AL21804">
        <v>55</v>
      </c>
      <c r="AM21804">
        <v>55</v>
      </c>
      <c r="AN21804">
        <v>55</v>
      </c>
      <c r="AO21804">
        <v>55</v>
      </c>
      <c r="AP21804">
        <v>54</v>
      </c>
      <c r="AQ21804">
        <v>54</v>
      </c>
    </row>
    <row r="21805" spans="1:43">
      <c r="A21805" t="s">
        <v>13507</v>
      </c>
      <c r="B21805" t="s">
        <v>13508</v>
      </c>
      <c r="C21805" t="s">
        <v>13487</v>
      </c>
      <c r="D21805" t="s">
        <v>13488</v>
      </c>
      <c r="E21805" t="s">
        <v>13293</v>
      </c>
      <c r="F21805" t="s">
        <v>13294</v>
      </c>
      <c r="G21805" t="s">
        <v>10214</v>
      </c>
      <c r="H21805" t="s">
        <v>10215</v>
      </c>
      <c r="I21805" s="2">
        <v>1</v>
      </c>
      <c r="J21805" s="2">
        <v>0</v>
      </c>
      <c r="K21805" s="2">
        <v>0</v>
      </c>
      <c r="L21805" t="s">
        <v>120</v>
      </c>
      <c r="M21805" t="s">
        <v>83</v>
      </c>
      <c r="N21805" t="s">
        <v>91</v>
      </c>
      <c r="O21805" t="s">
        <v>85</v>
      </c>
      <c r="P21805" t="s">
        <v>86</v>
      </c>
      <c r="Q21805">
        <v>48</v>
      </c>
      <c r="R21805">
        <v>48</v>
      </c>
      <c r="S21805">
        <v>49</v>
      </c>
      <c r="T21805">
        <v>49</v>
      </c>
      <c r="U21805">
        <v>50</v>
      </c>
      <c r="V21805">
        <v>50</v>
      </c>
      <c r="W21805">
        <v>50</v>
      </c>
      <c r="X21805">
        <v>51</v>
      </c>
      <c r="Y21805">
        <v>51</v>
      </c>
      <c r="Z21805">
        <v>51</v>
      </c>
      <c r="AA21805">
        <v>52</v>
      </c>
      <c r="AB21805">
        <v>52</v>
      </c>
      <c r="AC21805">
        <v>52</v>
      </c>
      <c r="AD21805">
        <v>53</v>
      </c>
      <c r="AE21805">
        <v>53</v>
      </c>
      <c r="AF21805">
        <v>53</v>
      </c>
      <c r="AG21805">
        <v>54</v>
      </c>
      <c r="AH21805">
        <v>54</v>
      </c>
      <c r="AI21805">
        <v>54</v>
      </c>
      <c r="AJ21805">
        <v>54</v>
      </c>
      <c r="AK21805">
        <v>55</v>
      </c>
      <c r="AL21805">
        <v>55</v>
      </c>
      <c r="AM21805">
        <v>54</v>
      </c>
      <c r="AN21805">
        <v>54</v>
      </c>
      <c r="AO21805">
        <v>54</v>
      </c>
      <c r="AP21805">
        <v>54</v>
      </c>
      <c r="AQ21805">
        <v>54</v>
      </c>
    </row>
    <row r="21806" spans="1:43">
      <c r="A21806" t="s">
        <v>13509</v>
      </c>
      <c r="B21806" t="s">
        <v>13510</v>
      </c>
      <c r="C21806" t="s">
        <v>13487</v>
      </c>
      <c r="D21806" t="s">
        <v>13488</v>
      </c>
      <c r="E21806" t="s">
        <v>13293</v>
      </c>
      <c r="F21806" t="s">
        <v>13294</v>
      </c>
      <c r="G21806" t="s">
        <v>10214</v>
      </c>
      <c r="H21806" t="s">
        <v>10215</v>
      </c>
      <c r="I21806" s="2">
        <v>1</v>
      </c>
      <c r="J21806" s="2">
        <v>0</v>
      </c>
      <c r="K21806" s="2">
        <v>0</v>
      </c>
      <c r="L21806" t="s">
        <v>120</v>
      </c>
      <c r="M21806" t="s">
        <v>83</v>
      </c>
      <c r="N21806" t="s">
        <v>84</v>
      </c>
      <c r="O21806" t="s">
        <v>85</v>
      </c>
      <c r="P21806" t="s">
        <v>86</v>
      </c>
      <c r="Q21806">
        <v>36</v>
      </c>
      <c r="R21806">
        <v>37</v>
      </c>
      <c r="S21806">
        <v>37</v>
      </c>
      <c r="T21806">
        <v>37</v>
      </c>
      <c r="U21806">
        <v>37</v>
      </c>
      <c r="V21806">
        <v>38</v>
      </c>
      <c r="W21806">
        <v>38</v>
      </c>
      <c r="X21806">
        <v>38</v>
      </c>
      <c r="Y21806">
        <v>39</v>
      </c>
      <c r="Z21806">
        <v>39</v>
      </c>
      <c r="AA21806">
        <v>39</v>
      </c>
      <c r="AB21806">
        <v>39</v>
      </c>
      <c r="AC21806">
        <v>39</v>
      </c>
      <c r="AD21806">
        <v>40</v>
      </c>
      <c r="AE21806">
        <v>40</v>
      </c>
      <c r="AF21806">
        <v>40</v>
      </c>
      <c r="AG21806">
        <v>40</v>
      </c>
      <c r="AH21806">
        <v>41</v>
      </c>
      <c r="AI21806">
        <v>41</v>
      </c>
      <c r="AJ21806">
        <v>41</v>
      </c>
      <c r="AK21806">
        <v>41</v>
      </c>
      <c r="AL21806">
        <v>41</v>
      </c>
      <c r="AM21806">
        <v>41</v>
      </c>
      <c r="AN21806">
        <v>41</v>
      </c>
      <c r="AO21806">
        <v>40</v>
      </c>
      <c r="AP21806">
        <v>40</v>
      </c>
      <c r="AQ21806">
        <v>40</v>
      </c>
    </row>
    <row r="21807" spans="1:43">
      <c r="A21807" t="s">
        <v>13509</v>
      </c>
      <c r="B21807" t="s">
        <v>13510</v>
      </c>
      <c r="C21807" t="s">
        <v>13487</v>
      </c>
      <c r="D21807" t="s">
        <v>13488</v>
      </c>
      <c r="E21807" t="s">
        <v>13293</v>
      </c>
      <c r="F21807" t="s">
        <v>13294</v>
      </c>
      <c r="G21807" t="s">
        <v>10214</v>
      </c>
      <c r="H21807" t="s">
        <v>10215</v>
      </c>
      <c r="I21807" s="2">
        <v>1</v>
      </c>
      <c r="J21807" s="2">
        <v>0</v>
      </c>
      <c r="K21807" s="2">
        <v>0</v>
      </c>
      <c r="L21807" t="s">
        <v>120</v>
      </c>
      <c r="M21807" t="s">
        <v>87</v>
      </c>
      <c r="N21807" t="s">
        <v>88</v>
      </c>
      <c r="O21807" t="s">
        <v>85</v>
      </c>
      <c r="P21807" t="s">
        <v>86</v>
      </c>
      <c r="Q21807">
        <v>36</v>
      </c>
      <c r="R21807">
        <v>36</v>
      </c>
      <c r="S21807">
        <v>36</v>
      </c>
      <c r="T21807">
        <v>36</v>
      </c>
      <c r="U21807">
        <v>36</v>
      </c>
      <c r="V21807">
        <v>36</v>
      </c>
      <c r="W21807">
        <v>36</v>
      </c>
      <c r="X21807">
        <v>36</v>
      </c>
      <c r="Y21807">
        <v>36</v>
      </c>
      <c r="Z21807">
        <v>36</v>
      </c>
      <c r="AA21807">
        <v>36</v>
      </c>
      <c r="AB21807">
        <v>36</v>
      </c>
      <c r="AC21807">
        <v>35</v>
      </c>
      <c r="AD21807">
        <v>35</v>
      </c>
      <c r="AE21807">
        <v>35</v>
      </c>
      <c r="AF21807">
        <v>35</v>
      </c>
      <c r="AG21807">
        <v>35</v>
      </c>
      <c r="AH21807">
        <v>35</v>
      </c>
      <c r="AI21807">
        <v>35</v>
      </c>
      <c r="AJ21807">
        <v>35</v>
      </c>
      <c r="AK21807">
        <v>35</v>
      </c>
      <c r="AL21807">
        <v>35</v>
      </c>
      <c r="AM21807">
        <v>35</v>
      </c>
      <c r="AN21807">
        <v>35</v>
      </c>
      <c r="AO21807">
        <v>35</v>
      </c>
      <c r="AP21807">
        <v>35</v>
      </c>
      <c r="AQ21807">
        <v>35</v>
      </c>
    </row>
    <row r="21808" spans="1:43">
      <c r="A21808" t="s">
        <v>13509</v>
      </c>
      <c r="B21808" t="s">
        <v>13510</v>
      </c>
      <c r="C21808" t="s">
        <v>13487</v>
      </c>
      <c r="D21808" t="s">
        <v>13488</v>
      </c>
      <c r="E21808" t="s">
        <v>13293</v>
      </c>
      <c r="F21808" t="s">
        <v>13294</v>
      </c>
      <c r="G21808" t="s">
        <v>10214</v>
      </c>
      <c r="H21808" t="s">
        <v>10215</v>
      </c>
      <c r="I21808" s="2">
        <v>1</v>
      </c>
      <c r="J21808" s="2">
        <v>0</v>
      </c>
      <c r="K21808" s="2">
        <v>0</v>
      </c>
      <c r="L21808" t="s">
        <v>120</v>
      </c>
      <c r="M21808" t="s">
        <v>89</v>
      </c>
      <c r="N21808" t="s">
        <v>90</v>
      </c>
      <c r="O21808" t="s">
        <v>85</v>
      </c>
      <c r="P21808" t="s">
        <v>86</v>
      </c>
      <c r="Q21808">
        <v>36</v>
      </c>
      <c r="R21808">
        <v>36</v>
      </c>
      <c r="S21808">
        <v>37</v>
      </c>
      <c r="T21808">
        <v>37</v>
      </c>
      <c r="U21808">
        <v>38</v>
      </c>
      <c r="V21808">
        <v>38</v>
      </c>
      <c r="W21808">
        <v>39</v>
      </c>
      <c r="X21808">
        <v>39</v>
      </c>
      <c r="Y21808">
        <v>40</v>
      </c>
      <c r="Z21808">
        <v>40</v>
      </c>
      <c r="AA21808">
        <v>41</v>
      </c>
      <c r="AB21808">
        <v>41</v>
      </c>
      <c r="AC21808">
        <v>41</v>
      </c>
      <c r="AD21808">
        <v>42</v>
      </c>
      <c r="AE21808">
        <v>42</v>
      </c>
      <c r="AF21808">
        <v>42</v>
      </c>
      <c r="AG21808">
        <v>42</v>
      </c>
      <c r="AH21808">
        <v>41</v>
      </c>
      <c r="AI21808">
        <v>41</v>
      </c>
      <c r="AJ21808">
        <v>41</v>
      </c>
      <c r="AK21808">
        <v>41</v>
      </c>
      <c r="AL21808">
        <v>41</v>
      </c>
      <c r="AM21808">
        <v>40</v>
      </c>
      <c r="AN21808">
        <v>40</v>
      </c>
      <c r="AO21808">
        <v>40</v>
      </c>
      <c r="AP21808">
        <v>40</v>
      </c>
      <c r="AQ21808">
        <v>40</v>
      </c>
    </row>
    <row r="21809" spans="1:43">
      <c r="A21809" t="s">
        <v>13509</v>
      </c>
      <c r="B21809" t="s">
        <v>13510</v>
      </c>
      <c r="C21809" t="s">
        <v>13487</v>
      </c>
      <c r="D21809" t="s">
        <v>13488</v>
      </c>
      <c r="E21809" t="s">
        <v>13293</v>
      </c>
      <c r="F21809" t="s">
        <v>13294</v>
      </c>
      <c r="G21809" t="s">
        <v>10214</v>
      </c>
      <c r="H21809" t="s">
        <v>10215</v>
      </c>
      <c r="I21809" s="2">
        <v>1</v>
      </c>
      <c r="J21809" s="2">
        <v>0</v>
      </c>
      <c r="K21809" s="2">
        <v>0</v>
      </c>
      <c r="L21809" t="s">
        <v>120</v>
      </c>
      <c r="M21809" t="s">
        <v>83</v>
      </c>
      <c r="N21809" t="s">
        <v>91</v>
      </c>
      <c r="O21809" t="s">
        <v>85</v>
      </c>
      <c r="P21809" t="s">
        <v>86</v>
      </c>
      <c r="Q21809">
        <v>36</v>
      </c>
      <c r="R21809">
        <v>37</v>
      </c>
      <c r="S21809">
        <v>37</v>
      </c>
      <c r="T21809">
        <v>37</v>
      </c>
      <c r="U21809">
        <v>37</v>
      </c>
      <c r="V21809">
        <v>38</v>
      </c>
      <c r="W21809">
        <v>38</v>
      </c>
      <c r="X21809">
        <v>38</v>
      </c>
      <c r="Y21809">
        <v>39</v>
      </c>
      <c r="Z21809">
        <v>39</v>
      </c>
      <c r="AA21809">
        <v>39</v>
      </c>
      <c r="AB21809">
        <v>39</v>
      </c>
      <c r="AC21809">
        <v>39</v>
      </c>
      <c r="AD21809">
        <v>40</v>
      </c>
      <c r="AE21809">
        <v>40</v>
      </c>
      <c r="AF21809">
        <v>40</v>
      </c>
      <c r="AG21809">
        <v>40</v>
      </c>
      <c r="AH21809">
        <v>41</v>
      </c>
      <c r="AI21809">
        <v>41</v>
      </c>
      <c r="AJ21809">
        <v>41</v>
      </c>
      <c r="AK21809">
        <v>41</v>
      </c>
      <c r="AL21809">
        <v>41</v>
      </c>
      <c r="AM21809">
        <v>41</v>
      </c>
      <c r="AN21809">
        <v>41</v>
      </c>
      <c r="AO21809">
        <v>40</v>
      </c>
      <c r="AP21809">
        <v>40</v>
      </c>
      <c r="AQ21809">
        <v>40</v>
      </c>
    </row>
    <row r="21810" spans="1:43">
      <c r="A21810" t="s">
        <v>13511</v>
      </c>
      <c r="B21810" t="s">
        <v>13512</v>
      </c>
      <c r="C21810" t="s">
        <v>13513</v>
      </c>
      <c r="D21810" t="s">
        <v>13514</v>
      </c>
      <c r="E21810" t="s">
        <v>13293</v>
      </c>
      <c r="F21810" t="s">
        <v>13294</v>
      </c>
      <c r="G21810" t="s">
        <v>10214</v>
      </c>
      <c r="H21810" t="s">
        <v>10215</v>
      </c>
      <c r="I21810" s="2">
        <v>1</v>
      </c>
      <c r="J21810" s="2">
        <v>0</v>
      </c>
      <c r="K21810" s="2">
        <v>0</v>
      </c>
      <c r="L21810" t="s">
        <v>120</v>
      </c>
      <c r="M21810" t="s">
        <v>83</v>
      </c>
      <c r="N21810" t="s">
        <v>84</v>
      </c>
      <c r="O21810" t="s">
        <v>85</v>
      </c>
      <c r="P21810" t="s">
        <v>86</v>
      </c>
      <c r="Q21810">
        <v>27</v>
      </c>
      <c r="R21810">
        <v>27</v>
      </c>
      <c r="S21810">
        <v>28</v>
      </c>
      <c r="T21810">
        <v>28</v>
      </c>
      <c r="U21810">
        <v>28</v>
      </c>
      <c r="V21810">
        <v>28</v>
      </c>
      <c r="W21810">
        <v>29</v>
      </c>
      <c r="X21810">
        <v>29</v>
      </c>
      <c r="Y21810">
        <v>29</v>
      </c>
      <c r="Z21810">
        <v>29</v>
      </c>
      <c r="AA21810">
        <v>29</v>
      </c>
      <c r="AB21810">
        <v>30</v>
      </c>
      <c r="AC21810">
        <v>30</v>
      </c>
      <c r="AD21810">
        <v>30</v>
      </c>
      <c r="AE21810">
        <v>30</v>
      </c>
      <c r="AF21810">
        <v>30</v>
      </c>
      <c r="AG21810">
        <v>30</v>
      </c>
      <c r="AH21810">
        <v>31</v>
      </c>
      <c r="AI21810">
        <v>31</v>
      </c>
      <c r="AJ21810">
        <v>31</v>
      </c>
      <c r="AK21810">
        <v>31</v>
      </c>
      <c r="AL21810">
        <v>31</v>
      </c>
      <c r="AM21810">
        <v>31</v>
      </c>
      <c r="AN21810">
        <v>31</v>
      </c>
      <c r="AO21810">
        <v>31</v>
      </c>
      <c r="AP21810">
        <v>30</v>
      </c>
      <c r="AQ21810">
        <v>30</v>
      </c>
    </row>
    <row r="21811" spans="1:43">
      <c r="A21811" t="s">
        <v>13511</v>
      </c>
      <c r="B21811" t="s">
        <v>13512</v>
      </c>
      <c r="C21811" t="s">
        <v>13513</v>
      </c>
      <c r="D21811" t="s">
        <v>13514</v>
      </c>
      <c r="E21811" t="s">
        <v>13293</v>
      </c>
      <c r="F21811" t="s">
        <v>13294</v>
      </c>
      <c r="G21811" t="s">
        <v>10214</v>
      </c>
      <c r="H21811" t="s">
        <v>10215</v>
      </c>
      <c r="I21811" s="2">
        <v>1</v>
      </c>
      <c r="J21811" s="2">
        <v>0</v>
      </c>
      <c r="K21811" s="2">
        <v>0</v>
      </c>
      <c r="L21811" t="s">
        <v>120</v>
      </c>
      <c r="M21811" t="s">
        <v>87</v>
      </c>
      <c r="N21811" t="s">
        <v>88</v>
      </c>
      <c r="O21811" t="s">
        <v>85</v>
      </c>
      <c r="P21811" t="s">
        <v>86</v>
      </c>
      <c r="Q21811">
        <v>27</v>
      </c>
      <c r="R21811">
        <v>27</v>
      </c>
      <c r="S21811">
        <v>27</v>
      </c>
      <c r="T21811">
        <v>27</v>
      </c>
      <c r="U21811">
        <v>27</v>
      </c>
      <c r="V21811">
        <v>27</v>
      </c>
      <c r="W21811">
        <v>27</v>
      </c>
      <c r="X21811">
        <v>27</v>
      </c>
      <c r="Y21811">
        <v>27</v>
      </c>
      <c r="Z21811">
        <v>27</v>
      </c>
      <c r="AA21811">
        <v>27</v>
      </c>
      <c r="AB21811">
        <v>27</v>
      </c>
      <c r="AC21811">
        <v>27</v>
      </c>
      <c r="AD21811">
        <v>27</v>
      </c>
      <c r="AE21811">
        <v>27</v>
      </c>
      <c r="AF21811">
        <v>27</v>
      </c>
      <c r="AG21811">
        <v>27</v>
      </c>
      <c r="AH21811">
        <v>27</v>
      </c>
      <c r="AI21811">
        <v>27</v>
      </c>
      <c r="AJ21811">
        <v>27</v>
      </c>
      <c r="AK21811">
        <v>26</v>
      </c>
      <c r="AL21811">
        <v>26</v>
      </c>
      <c r="AM21811">
        <v>26</v>
      </c>
      <c r="AN21811">
        <v>26</v>
      </c>
      <c r="AO21811">
        <v>26</v>
      </c>
      <c r="AP21811">
        <v>26</v>
      </c>
      <c r="AQ21811">
        <v>26</v>
      </c>
    </row>
    <row r="21812" spans="1:43">
      <c r="A21812" t="s">
        <v>13511</v>
      </c>
      <c r="B21812" t="s">
        <v>13512</v>
      </c>
      <c r="C21812" t="s">
        <v>13513</v>
      </c>
      <c r="D21812" t="s">
        <v>13514</v>
      </c>
      <c r="E21812" t="s">
        <v>13293</v>
      </c>
      <c r="F21812" t="s">
        <v>13294</v>
      </c>
      <c r="G21812" t="s">
        <v>10214</v>
      </c>
      <c r="H21812" t="s">
        <v>10215</v>
      </c>
      <c r="I21812" s="2">
        <v>1</v>
      </c>
      <c r="J21812" s="2">
        <v>0</v>
      </c>
      <c r="K21812" s="2">
        <v>0</v>
      </c>
      <c r="L21812" t="s">
        <v>120</v>
      </c>
      <c r="M21812" t="s">
        <v>89</v>
      </c>
      <c r="N21812" t="s">
        <v>90</v>
      </c>
      <c r="O21812" t="s">
        <v>85</v>
      </c>
      <c r="P21812" t="s">
        <v>86</v>
      </c>
      <c r="Q21812">
        <v>27</v>
      </c>
      <c r="R21812">
        <v>28</v>
      </c>
      <c r="S21812">
        <v>28</v>
      </c>
      <c r="T21812">
        <v>29</v>
      </c>
      <c r="U21812">
        <v>29</v>
      </c>
      <c r="V21812">
        <v>30</v>
      </c>
      <c r="W21812">
        <v>30</v>
      </c>
      <c r="X21812">
        <v>30</v>
      </c>
      <c r="Y21812">
        <v>31</v>
      </c>
      <c r="Z21812">
        <v>31</v>
      </c>
      <c r="AA21812">
        <v>31</v>
      </c>
      <c r="AB21812">
        <v>31</v>
      </c>
      <c r="AC21812">
        <v>32</v>
      </c>
      <c r="AD21812">
        <v>32</v>
      </c>
      <c r="AE21812">
        <v>32</v>
      </c>
      <c r="AF21812">
        <v>32</v>
      </c>
      <c r="AG21812">
        <v>32</v>
      </c>
      <c r="AH21812">
        <v>32</v>
      </c>
      <c r="AI21812">
        <v>32</v>
      </c>
      <c r="AJ21812">
        <v>32</v>
      </c>
      <c r="AK21812">
        <v>31</v>
      </c>
      <c r="AL21812">
        <v>31</v>
      </c>
      <c r="AM21812">
        <v>31</v>
      </c>
      <c r="AN21812">
        <v>31</v>
      </c>
      <c r="AO21812">
        <v>31</v>
      </c>
      <c r="AP21812">
        <v>31</v>
      </c>
      <c r="AQ21812">
        <v>31</v>
      </c>
    </row>
    <row r="21813" spans="1:43">
      <c r="A21813" t="s">
        <v>13511</v>
      </c>
      <c r="B21813" t="s">
        <v>13512</v>
      </c>
      <c r="C21813" t="s">
        <v>13513</v>
      </c>
      <c r="D21813" t="s">
        <v>13514</v>
      </c>
      <c r="E21813" t="s">
        <v>13293</v>
      </c>
      <c r="F21813" t="s">
        <v>13294</v>
      </c>
      <c r="G21813" t="s">
        <v>10214</v>
      </c>
      <c r="H21813" t="s">
        <v>10215</v>
      </c>
      <c r="I21813" s="2">
        <v>1</v>
      </c>
      <c r="J21813" s="2">
        <v>0</v>
      </c>
      <c r="K21813" s="2">
        <v>0</v>
      </c>
      <c r="L21813" t="s">
        <v>120</v>
      </c>
      <c r="M21813" t="s">
        <v>83</v>
      </c>
      <c r="N21813" t="s">
        <v>91</v>
      </c>
      <c r="O21813" t="s">
        <v>85</v>
      </c>
      <c r="P21813" t="s">
        <v>86</v>
      </c>
      <c r="Q21813">
        <v>27</v>
      </c>
      <c r="R21813">
        <v>27</v>
      </c>
      <c r="S21813">
        <v>28</v>
      </c>
      <c r="T21813">
        <v>28</v>
      </c>
      <c r="U21813">
        <v>28</v>
      </c>
      <c r="V21813">
        <v>28</v>
      </c>
      <c r="W21813">
        <v>29</v>
      </c>
      <c r="X21813">
        <v>29</v>
      </c>
      <c r="Y21813">
        <v>29</v>
      </c>
      <c r="Z21813">
        <v>29</v>
      </c>
      <c r="AA21813">
        <v>29</v>
      </c>
      <c r="AB21813">
        <v>30</v>
      </c>
      <c r="AC21813">
        <v>30</v>
      </c>
      <c r="AD21813">
        <v>30</v>
      </c>
      <c r="AE21813">
        <v>30</v>
      </c>
      <c r="AF21813">
        <v>30</v>
      </c>
      <c r="AG21813">
        <v>30</v>
      </c>
      <c r="AH21813">
        <v>31</v>
      </c>
      <c r="AI21813">
        <v>31</v>
      </c>
      <c r="AJ21813">
        <v>31</v>
      </c>
      <c r="AK21813">
        <v>31</v>
      </c>
      <c r="AL21813">
        <v>31</v>
      </c>
      <c r="AM21813">
        <v>31</v>
      </c>
      <c r="AN21813">
        <v>31</v>
      </c>
      <c r="AO21813">
        <v>31</v>
      </c>
      <c r="AP21813">
        <v>30</v>
      </c>
      <c r="AQ21813">
        <v>30</v>
      </c>
    </row>
    <row r="21814" spans="1:43">
      <c r="A21814" t="s">
        <v>13515</v>
      </c>
      <c r="B21814" t="s">
        <v>13516</v>
      </c>
      <c r="C21814" t="s">
        <v>13513</v>
      </c>
      <c r="D21814" t="s">
        <v>13514</v>
      </c>
      <c r="E21814" t="s">
        <v>13293</v>
      </c>
      <c r="F21814" t="s">
        <v>13294</v>
      </c>
      <c r="G21814" t="s">
        <v>10214</v>
      </c>
      <c r="H21814" t="s">
        <v>10215</v>
      </c>
      <c r="I21814" s="2">
        <v>1</v>
      </c>
      <c r="J21814" s="2">
        <v>0</v>
      </c>
      <c r="K21814" s="2">
        <v>0</v>
      </c>
      <c r="L21814" t="s">
        <v>120</v>
      </c>
      <c r="M21814" t="s">
        <v>83</v>
      </c>
      <c r="N21814" t="s">
        <v>84</v>
      </c>
      <c r="O21814" t="s">
        <v>85</v>
      </c>
      <c r="P21814" t="s">
        <v>86</v>
      </c>
      <c r="Q21814">
        <v>56</v>
      </c>
      <c r="R21814">
        <v>56</v>
      </c>
      <c r="S21814">
        <v>57</v>
      </c>
      <c r="T21814">
        <v>57</v>
      </c>
      <c r="U21814">
        <v>58</v>
      </c>
      <c r="V21814">
        <v>58</v>
      </c>
      <c r="W21814">
        <v>59</v>
      </c>
      <c r="X21814">
        <v>59</v>
      </c>
      <c r="Y21814">
        <v>59</v>
      </c>
      <c r="Z21814">
        <v>60</v>
      </c>
      <c r="AA21814">
        <v>60</v>
      </c>
      <c r="AB21814">
        <v>61</v>
      </c>
      <c r="AC21814">
        <v>61</v>
      </c>
      <c r="AD21814">
        <v>61</v>
      </c>
      <c r="AE21814">
        <v>62</v>
      </c>
      <c r="AF21814">
        <v>62</v>
      </c>
      <c r="AG21814">
        <v>62</v>
      </c>
      <c r="AH21814">
        <v>63</v>
      </c>
      <c r="AI21814">
        <v>63</v>
      </c>
      <c r="AJ21814">
        <v>63</v>
      </c>
      <c r="AK21814">
        <v>64</v>
      </c>
      <c r="AL21814">
        <v>64</v>
      </c>
      <c r="AM21814">
        <v>63</v>
      </c>
      <c r="AN21814">
        <v>63</v>
      </c>
      <c r="AO21814">
        <v>63</v>
      </c>
      <c r="AP21814">
        <v>63</v>
      </c>
      <c r="AQ21814">
        <v>62</v>
      </c>
    </row>
    <row r="21815" spans="1:43">
      <c r="A21815" t="s">
        <v>13515</v>
      </c>
      <c r="B21815" t="s">
        <v>13516</v>
      </c>
      <c r="C21815" t="s">
        <v>13513</v>
      </c>
      <c r="D21815" t="s">
        <v>13514</v>
      </c>
      <c r="E21815" t="s">
        <v>13293</v>
      </c>
      <c r="F21815" t="s">
        <v>13294</v>
      </c>
      <c r="G21815" t="s">
        <v>10214</v>
      </c>
      <c r="H21815" t="s">
        <v>10215</v>
      </c>
      <c r="I21815" s="2">
        <v>1</v>
      </c>
      <c r="J21815" s="2">
        <v>0</v>
      </c>
      <c r="K21815" s="2">
        <v>0</v>
      </c>
      <c r="L21815" t="s">
        <v>120</v>
      </c>
      <c r="M21815" t="s">
        <v>87</v>
      </c>
      <c r="N21815" t="s">
        <v>88</v>
      </c>
      <c r="O21815" t="s">
        <v>85</v>
      </c>
      <c r="P21815" t="s">
        <v>86</v>
      </c>
      <c r="Q21815">
        <v>56</v>
      </c>
      <c r="R21815">
        <v>56</v>
      </c>
      <c r="S21815">
        <v>56</v>
      </c>
      <c r="T21815">
        <v>56</v>
      </c>
      <c r="U21815">
        <v>56</v>
      </c>
      <c r="V21815">
        <v>56</v>
      </c>
      <c r="W21815">
        <v>56</v>
      </c>
      <c r="X21815">
        <v>56</v>
      </c>
      <c r="Y21815">
        <v>56</v>
      </c>
      <c r="Z21815">
        <v>56</v>
      </c>
      <c r="AA21815">
        <v>56</v>
      </c>
      <c r="AB21815">
        <v>56</v>
      </c>
      <c r="AC21815">
        <v>56</v>
      </c>
      <c r="AD21815">
        <v>56</v>
      </c>
      <c r="AE21815">
        <v>56</v>
      </c>
      <c r="AF21815">
        <v>56</v>
      </c>
      <c r="AG21815">
        <v>56</v>
      </c>
      <c r="AH21815">
        <v>56</v>
      </c>
      <c r="AI21815">
        <v>56</v>
      </c>
      <c r="AJ21815">
        <v>55</v>
      </c>
      <c r="AK21815">
        <v>55</v>
      </c>
      <c r="AL21815">
        <v>55</v>
      </c>
      <c r="AM21815">
        <v>55</v>
      </c>
      <c r="AN21815">
        <v>55</v>
      </c>
      <c r="AO21815">
        <v>55</v>
      </c>
      <c r="AP21815">
        <v>55</v>
      </c>
      <c r="AQ21815">
        <v>55</v>
      </c>
    </row>
    <row r="21816" spans="1:43">
      <c r="A21816" t="s">
        <v>13515</v>
      </c>
      <c r="B21816" t="s">
        <v>13516</v>
      </c>
      <c r="C21816" t="s">
        <v>13513</v>
      </c>
      <c r="D21816" t="s">
        <v>13514</v>
      </c>
      <c r="E21816" t="s">
        <v>13293</v>
      </c>
      <c r="F21816" t="s">
        <v>13294</v>
      </c>
      <c r="G21816" t="s">
        <v>10214</v>
      </c>
      <c r="H21816" t="s">
        <v>10215</v>
      </c>
      <c r="I21816" s="2">
        <v>1</v>
      </c>
      <c r="J21816" s="2">
        <v>0</v>
      </c>
      <c r="K21816" s="2">
        <v>0</v>
      </c>
      <c r="L21816" t="s">
        <v>120</v>
      </c>
      <c r="M21816" t="s">
        <v>89</v>
      </c>
      <c r="N21816" t="s">
        <v>90</v>
      </c>
      <c r="O21816" t="s">
        <v>85</v>
      </c>
      <c r="P21816" t="s">
        <v>86</v>
      </c>
      <c r="Q21816">
        <v>56</v>
      </c>
      <c r="R21816">
        <v>57</v>
      </c>
      <c r="S21816">
        <v>58</v>
      </c>
      <c r="T21816">
        <v>59</v>
      </c>
      <c r="U21816">
        <v>60</v>
      </c>
      <c r="V21816">
        <v>61</v>
      </c>
      <c r="W21816">
        <v>61</v>
      </c>
      <c r="X21816">
        <v>62</v>
      </c>
      <c r="Y21816">
        <v>63</v>
      </c>
      <c r="Z21816">
        <v>63</v>
      </c>
      <c r="AA21816">
        <v>64</v>
      </c>
      <c r="AB21816">
        <v>65</v>
      </c>
      <c r="AC21816">
        <v>65</v>
      </c>
      <c r="AD21816">
        <v>66</v>
      </c>
      <c r="AE21816">
        <v>66</v>
      </c>
      <c r="AF21816">
        <v>66</v>
      </c>
      <c r="AG21816">
        <v>66</v>
      </c>
      <c r="AH21816">
        <v>65</v>
      </c>
      <c r="AI21816">
        <v>65</v>
      </c>
      <c r="AJ21816">
        <v>65</v>
      </c>
      <c r="AK21816">
        <v>65</v>
      </c>
      <c r="AL21816">
        <v>64</v>
      </c>
      <c r="AM21816">
        <v>64</v>
      </c>
      <c r="AN21816">
        <v>64</v>
      </c>
      <c r="AO21816">
        <v>64</v>
      </c>
      <c r="AP21816">
        <v>63</v>
      </c>
      <c r="AQ21816">
        <v>63</v>
      </c>
    </row>
    <row r="21817" spans="1:43">
      <c r="A21817" t="s">
        <v>13515</v>
      </c>
      <c r="B21817" t="s">
        <v>13516</v>
      </c>
      <c r="C21817" t="s">
        <v>13513</v>
      </c>
      <c r="D21817" t="s">
        <v>13514</v>
      </c>
      <c r="E21817" t="s">
        <v>13293</v>
      </c>
      <c r="F21817" t="s">
        <v>13294</v>
      </c>
      <c r="G21817" t="s">
        <v>10214</v>
      </c>
      <c r="H21817" t="s">
        <v>10215</v>
      </c>
      <c r="I21817" s="2">
        <v>1</v>
      </c>
      <c r="J21817" s="2">
        <v>0</v>
      </c>
      <c r="K21817" s="2">
        <v>0</v>
      </c>
      <c r="L21817" t="s">
        <v>120</v>
      </c>
      <c r="M21817" t="s">
        <v>83</v>
      </c>
      <c r="N21817" t="s">
        <v>91</v>
      </c>
      <c r="O21817" t="s">
        <v>85</v>
      </c>
      <c r="P21817" t="s">
        <v>86</v>
      </c>
      <c r="Q21817">
        <v>56</v>
      </c>
      <c r="R21817">
        <v>56</v>
      </c>
      <c r="S21817">
        <v>57</v>
      </c>
      <c r="T21817">
        <v>57</v>
      </c>
      <c r="U21817">
        <v>58</v>
      </c>
      <c r="V21817">
        <v>58</v>
      </c>
      <c r="W21817">
        <v>59</v>
      </c>
      <c r="X21817">
        <v>59</v>
      </c>
      <c r="Y21817">
        <v>59</v>
      </c>
      <c r="Z21817">
        <v>60</v>
      </c>
      <c r="AA21817">
        <v>60</v>
      </c>
      <c r="AB21817">
        <v>61</v>
      </c>
      <c r="AC21817">
        <v>61</v>
      </c>
      <c r="AD21817">
        <v>61</v>
      </c>
      <c r="AE21817">
        <v>62</v>
      </c>
      <c r="AF21817">
        <v>62</v>
      </c>
      <c r="AG21817">
        <v>62</v>
      </c>
      <c r="AH21817">
        <v>63</v>
      </c>
      <c r="AI21817">
        <v>63</v>
      </c>
      <c r="AJ21817">
        <v>63</v>
      </c>
      <c r="AK21817">
        <v>64</v>
      </c>
      <c r="AL21817">
        <v>64</v>
      </c>
      <c r="AM21817">
        <v>63</v>
      </c>
      <c r="AN21817">
        <v>63</v>
      </c>
      <c r="AO21817">
        <v>63</v>
      </c>
      <c r="AP21817">
        <v>63</v>
      </c>
      <c r="AQ21817">
        <v>62</v>
      </c>
    </row>
    <row r="21818" spans="1:43">
      <c r="A21818" t="s">
        <v>13517</v>
      </c>
      <c r="B21818" t="s">
        <v>13518</v>
      </c>
      <c r="C21818" t="s">
        <v>13513</v>
      </c>
      <c r="D21818" t="s">
        <v>13514</v>
      </c>
      <c r="E21818" t="s">
        <v>13293</v>
      </c>
      <c r="F21818" t="s">
        <v>13294</v>
      </c>
      <c r="G21818" t="s">
        <v>10214</v>
      </c>
      <c r="H21818" t="s">
        <v>10215</v>
      </c>
      <c r="I21818" s="2">
        <v>1</v>
      </c>
      <c r="J21818" s="2">
        <v>0</v>
      </c>
      <c r="K21818" s="2">
        <v>0</v>
      </c>
      <c r="L21818" t="s">
        <v>120</v>
      </c>
      <c r="M21818" t="s">
        <v>83</v>
      </c>
      <c r="N21818" t="s">
        <v>84</v>
      </c>
      <c r="O21818" t="s">
        <v>85</v>
      </c>
      <c r="P21818" t="s">
        <v>86</v>
      </c>
      <c r="Q21818">
        <v>9</v>
      </c>
      <c r="R21818">
        <v>10</v>
      </c>
      <c r="S21818">
        <v>10</v>
      </c>
      <c r="T21818">
        <v>10</v>
      </c>
      <c r="U21818">
        <v>10</v>
      </c>
      <c r="V21818">
        <v>10</v>
      </c>
      <c r="W21818">
        <v>10</v>
      </c>
      <c r="X21818">
        <v>10</v>
      </c>
      <c r="Y21818">
        <v>10</v>
      </c>
      <c r="Z21818">
        <v>10</v>
      </c>
      <c r="AA21818">
        <v>10</v>
      </c>
      <c r="AB21818">
        <v>10</v>
      </c>
      <c r="AC21818">
        <v>10</v>
      </c>
      <c r="AD21818">
        <v>10</v>
      </c>
      <c r="AE21818">
        <v>10</v>
      </c>
      <c r="AF21818">
        <v>11</v>
      </c>
      <c r="AG21818">
        <v>11</v>
      </c>
      <c r="AH21818">
        <v>11</v>
      </c>
      <c r="AI21818">
        <v>11</v>
      </c>
      <c r="AJ21818">
        <v>11</v>
      </c>
      <c r="AK21818">
        <v>11</v>
      </c>
      <c r="AL21818">
        <v>11</v>
      </c>
      <c r="AM21818">
        <v>11</v>
      </c>
      <c r="AN21818">
        <v>11</v>
      </c>
      <c r="AO21818">
        <v>11</v>
      </c>
      <c r="AP21818">
        <v>11</v>
      </c>
      <c r="AQ21818">
        <v>11</v>
      </c>
    </row>
    <row r="21819" spans="1:43">
      <c r="A21819" t="s">
        <v>13517</v>
      </c>
      <c r="B21819" t="s">
        <v>13518</v>
      </c>
      <c r="C21819" t="s">
        <v>13513</v>
      </c>
      <c r="D21819" t="s">
        <v>13514</v>
      </c>
      <c r="E21819" t="s">
        <v>13293</v>
      </c>
      <c r="F21819" t="s">
        <v>13294</v>
      </c>
      <c r="G21819" t="s">
        <v>10214</v>
      </c>
      <c r="H21819" t="s">
        <v>10215</v>
      </c>
      <c r="I21819" s="2">
        <v>1</v>
      </c>
      <c r="J21819" s="2">
        <v>0</v>
      </c>
      <c r="K21819" s="2">
        <v>0</v>
      </c>
      <c r="L21819" t="s">
        <v>120</v>
      </c>
      <c r="M21819" t="s">
        <v>87</v>
      </c>
      <c r="N21819" t="s">
        <v>88</v>
      </c>
      <c r="O21819" t="s">
        <v>85</v>
      </c>
      <c r="P21819" t="s">
        <v>86</v>
      </c>
      <c r="Q21819">
        <v>9</v>
      </c>
      <c r="R21819">
        <v>9</v>
      </c>
      <c r="S21819">
        <v>9</v>
      </c>
      <c r="T21819">
        <v>9</v>
      </c>
      <c r="U21819">
        <v>9</v>
      </c>
      <c r="V21819">
        <v>9</v>
      </c>
      <c r="W21819">
        <v>9</v>
      </c>
      <c r="X21819">
        <v>9</v>
      </c>
      <c r="Y21819">
        <v>9</v>
      </c>
      <c r="Z21819">
        <v>9</v>
      </c>
      <c r="AA21819">
        <v>9</v>
      </c>
      <c r="AB21819">
        <v>9</v>
      </c>
      <c r="AC21819">
        <v>9</v>
      </c>
      <c r="AD21819">
        <v>9</v>
      </c>
      <c r="AE21819">
        <v>9</v>
      </c>
      <c r="AF21819">
        <v>9</v>
      </c>
      <c r="AG21819">
        <v>9</v>
      </c>
      <c r="AH21819">
        <v>9</v>
      </c>
      <c r="AI21819">
        <v>9</v>
      </c>
      <c r="AJ21819">
        <v>9</v>
      </c>
      <c r="AK21819">
        <v>9</v>
      </c>
      <c r="AL21819">
        <v>9</v>
      </c>
      <c r="AM21819">
        <v>9</v>
      </c>
      <c r="AN21819">
        <v>9</v>
      </c>
      <c r="AO21819">
        <v>9</v>
      </c>
      <c r="AP21819">
        <v>9</v>
      </c>
      <c r="AQ21819">
        <v>9</v>
      </c>
    </row>
    <row r="21820" spans="1:43">
      <c r="A21820" t="s">
        <v>13517</v>
      </c>
      <c r="B21820" t="s">
        <v>13518</v>
      </c>
      <c r="C21820" t="s">
        <v>13513</v>
      </c>
      <c r="D21820" t="s">
        <v>13514</v>
      </c>
      <c r="E21820" t="s">
        <v>13293</v>
      </c>
      <c r="F21820" t="s">
        <v>13294</v>
      </c>
      <c r="G21820" t="s">
        <v>10214</v>
      </c>
      <c r="H21820" t="s">
        <v>10215</v>
      </c>
      <c r="I21820" s="2">
        <v>1</v>
      </c>
      <c r="J21820" s="2">
        <v>0</v>
      </c>
      <c r="K21820" s="2">
        <v>0</v>
      </c>
      <c r="L21820" t="s">
        <v>120</v>
      </c>
      <c r="M21820" t="s">
        <v>89</v>
      </c>
      <c r="N21820" t="s">
        <v>90</v>
      </c>
      <c r="O21820" t="s">
        <v>85</v>
      </c>
      <c r="P21820" t="s">
        <v>86</v>
      </c>
      <c r="Q21820">
        <v>9</v>
      </c>
      <c r="R21820">
        <v>9</v>
      </c>
      <c r="S21820">
        <v>9</v>
      </c>
      <c r="T21820">
        <v>9</v>
      </c>
      <c r="U21820">
        <v>9</v>
      </c>
      <c r="V21820">
        <v>9</v>
      </c>
      <c r="W21820">
        <v>9</v>
      </c>
      <c r="X21820">
        <v>10</v>
      </c>
      <c r="Y21820">
        <v>10</v>
      </c>
      <c r="Z21820">
        <v>10</v>
      </c>
      <c r="AA21820">
        <v>10</v>
      </c>
      <c r="AB21820">
        <v>10</v>
      </c>
      <c r="AC21820">
        <v>10</v>
      </c>
      <c r="AD21820">
        <v>10</v>
      </c>
      <c r="AE21820">
        <v>10</v>
      </c>
      <c r="AF21820">
        <v>10</v>
      </c>
      <c r="AG21820">
        <v>10</v>
      </c>
      <c r="AH21820">
        <v>10</v>
      </c>
      <c r="AI21820">
        <v>10</v>
      </c>
      <c r="AJ21820">
        <v>10</v>
      </c>
      <c r="AK21820">
        <v>10</v>
      </c>
      <c r="AL21820">
        <v>10</v>
      </c>
      <c r="AM21820">
        <v>10</v>
      </c>
      <c r="AN21820">
        <v>10</v>
      </c>
      <c r="AO21820">
        <v>10</v>
      </c>
      <c r="AP21820">
        <v>10</v>
      </c>
      <c r="AQ21820">
        <v>10</v>
      </c>
    </row>
    <row r="21821" spans="1:43">
      <c r="A21821" t="s">
        <v>13517</v>
      </c>
      <c r="B21821" t="s">
        <v>13518</v>
      </c>
      <c r="C21821" t="s">
        <v>13513</v>
      </c>
      <c r="D21821" t="s">
        <v>13514</v>
      </c>
      <c r="E21821" t="s">
        <v>13293</v>
      </c>
      <c r="F21821" t="s">
        <v>13294</v>
      </c>
      <c r="G21821" t="s">
        <v>10214</v>
      </c>
      <c r="H21821" t="s">
        <v>10215</v>
      </c>
      <c r="I21821" s="2">
        <v>1</v>
      </c>
      <c r="J21821" s="2">
        <v>0</v>
      </c>
      <c r="K21821" s="2">
        <v>0</v>
      </c>
      <c r="L21821" t="s">
        <v>120</v>
      </c>
      <c r="M21821" t="s">
        <v>83</v>
      </c>
      <c r="N21821" t="s">
        <v>91</v>
      </c>
      <c r="O21821" t="s">
        <v>85</v>
      </c>
      <c r="P21821" t="s">
        <v>86</v>
      </c>
      <c r="Q21821">
        <v>9</v>
      </c>
      <c r="R21821">
        <v>10</v>
      </c>
      <c r="S21821">
        <v>10</v>
      </c>
      <c r="T21821">
        <v>10</v>
      </c>
      <c r="U21821">
        <v>10</v>
      </c>
      <c r="V21821">
        <v>10</v>
      </c>
      <c r="W21821">
        <v>10</v>
      </c>
      <c r="X21821">
        <v>10</v>
      </c>
      <c r="Y21821">
        <v>10</v>
      </c>
      <c r="Z21821">
        <v>10</v>
      </c>
      <c r="AA21821">
        <v>10</v>
      </c>
      <c r="AB21821">
        <v>10</v>
      </c>
      <c r="AC21821">
        <v>10</v>
      </c>
      <c r="AD21821">
        <v>10</v>
      </c>
      <c r="AE21821">
        <v>10</v>
      </c>
      <c r="AF21821">
        <v>11</v>
      </c>
      <c r="AG21821">
        <v>11</v>
      </c>
      <c r="AH21821">
        <v>11</v>
      </c>
      <c r="AI21821">
        <v>11</v>
      </c>
      <c r="AJ21821">
        <v>11</v>
      </c>
      <c r="AK21821">
        <v>11</v>
      </c>
      <c r="AL21821">
        <v>11</v>
      </c>
      <c r="AM21821">
        <v>11</v>
      </c>
      <c r="AN21821">
        <v>11</v>
      </c>
      <c r="AO21821">
        <v>11</v>
      </c>
      <c r="AP21821">
        <v>11</v>
      </c>
      <c r="AQ21821">
        <v>11</v>
      </c>
    </row>
    <row r="21822" spans="1:43">
      <c r="A21822" t="s">
        <v>13519</v>
      </c>
      <c r="B21822" t="s">
        <v>13520</v>
      </c>
      <c r="C21822" t="s">
        <v>13513</v>
      </c>
      <c r="D21822" t="s">
        <v>13514</v>
      </c>
      <c r="E21822" t="s">
        <v>13293</v>
      </c>
      <c r="F21822" t="s">
        <v>13294</v>
      </c>
      <c r="G21822" t="s">
        <v>10214</v>
      </c>
      <c r="H21822" t="s">
        <v>10215</v>
      </c>
      <c r="I21822" s="2">
        <v>1</v>
      </c>
      <c r="J21822" s="2">
        <v>0</v>
      </c>
      <c r="K21822" s="2">
        <v>0</v>
      </c>
      <c r="L21822" t="s">
        <v>120</v>
      </c>
      <c r="M21822" t="s">
        <v>83</v>
      </c>
      <c r="N21822" t="s">
        <v>84</v>
      </c>
      <c r="O21822" t="s">
        <v>85</v>
      </c>
      <c r="P21822" t="s">
        <v>86</v>
      </c>
      <c r="Q21822">
        <v>19</v>
      </c>
      <c r="R21822">
        <v>19</v>
      </c>
      <c r="S21822">
        <v>19</v>
      </c>
      <c r="T21822">
        <v>20</v>
      </c>
      <c r="U21822">
        <v>20</v>
      </c>
      <c r="V21822">
        <v>20</v>
      </c>
      <c r="W21822">
        <v>20</v>
      </c>
      <c r="X21822">
        <v>20</v>
      </c>
      <c r="Y21822">
        <v>20</v>
      </c>
      <c r="Z21822">
        <v>20</v>
      </c>
      <c r="AA21822">
        <v>21</v>
      </c>
      <c r="AB21822">
        <v>21</v>
      </c>
      <c r="AC21822">
        <v>21</v>
      </c>
      <c r="AD21822">
        <v>21</v>
      </c>
      <c r="AE21822">
        <v>21</v>
      </c>
      <c r="AF21822">
        <v>21</v>
      </c>
      <c r="AG21822">
        <v>21</v>
      </c>
      <c r="AH21822">
        <v>21</v>
      </c>
      <c r="AI21822">
        <v>21</v>
      </c>
      <c r="AJ21822">
        <v>22</v>
      </c>
      <c r="AK21822">
        <v>22</v>
      </c>
      <c r="AL21822">
        <v>22</v>
      </c>
      <c r="AM21822">
        <v>22</v>
      </c>
      <c r="AN21822">
        <v>21</v>
      </c>
      <c r="AO21822">
        <v>21</v>
      </c>
      <c r="AP21822">
        <v>21</v>
      </c>
      <c r="AQ21822">
        <v>21</v>
      </c>
    </row>
    <row r="21823" spans="1:43">
      <c r="A21823" t="s">
        <v>13519</v>
      </c>
      <c r="B21823" t="s">
        <v>13520</v>
      </c>
      <c r="C21823" t="s">
        <v>13513</v>
      </c>
      <c r="D21823" t="s">
        <v>13514</v>
      </c>
      <c r="E21823" t="s">
        <v>13293</v>
      </c>
      <c r="F21823" t="s">
        <v>13294</v>
      </c>
      <c r="G21823" t="s">
        <v>10214</v>
      </c>
      <c r="H21823" t="s">
        <v>10215</v>
      </c>
      <c r="I21823" s="2">
        <v>1</v>
      </c>
      <c r="J21823" s="2">
        <v>0</v>
      </c>
      <c r="K21823" s="2">
        <v>0</v>
      </c>
      <c r="L21823" t="s">
        <v>120</v>
      </c>
      <c r="M21823" t="s">
        <v>87</v>
      </c>
      <c r="N21823" t="s">
        <v>88</v>
      </c>
      <c r="O21823" t="s">
        <v>85</v>
      </c>
      <c r="P21823" t="s">
        <v>86</v>
      </c>
      <c r="Q21823">
        <v>19</v>
      </c>
      <c r="R21823">
        <v>19</v>
      </c>
      <c r="S21823">
        <v>19</v>
      </c>
      <c r="T21823">
        <v>19</v>
      </c>
      <c r="U21823">
        <v>19</v>
      </c>
      <c r="V21823">
        <v>19</v>
      </c>
      <c r="W21823">
        <v>19</v>
      </c>
      <c r="X21823">
        <v>19</v>
      </c>
      <c r="Y21823">
        <v>19</v>
      </c>
      <c r="Z21823">
        <v>19</v>
      </c>
      <c r="AA21823">
        <v>19</v>
      </c>
      <c r="AB21823">
        <v>19</v>
      </c>
      <c r="AC21823">
        <v>19</v>
      </c>
      <c r="AD21823">
        <v>19</v>
      </c>
      <c r="AE21823">
        <v>19</v>
      </c>
      <c r="AF21823">
        <v>19</v>
      </c>
      <c r="AG21823">
        <v>19</v>
      </c>
      <c r="AH21823">
        <v>19</v>
      </c>
      <c r="AI21823">
        <v>18</v>
      </c>
      <c r="AJ21823">
        <v>18</v>
      </c>
      <c r="AK21823">
        <v>18</v>
      </c>
      <c r="AL21823">
        <v>18</v>
      </c>
      <c r="AM21823">
        <v>18</v>
      </c>
      <c r="AN21823">
        <v>18</v>
      </c>
      <c r="AO21823">
        <v>18</v>
      </c>
      <c r="AP21823">
        <v>18</v>
      </c>
      <c r="AQ21823">
        <v>18</v>
      </c>
    </row>
    <row r="21824" spans="1:43">
      <c r="A21824" t="s">
        <v>13519</v>
      </c>
      <c r="B21824" t="s">
        <v>13520</v>
      </c>
      <c r="C21824" t="s">
        <v>13513</v>
      </c>
      <c r="D21824" t="s">
        <v>13514</v>
      </c>
      <c r="E21824" t="s">
        <v>13293</v>
      </c>
      <c r="F21824" t="s">
        <v>13294</v>
      </c>
      <c r="G21824" t="s">
        <v>10214</v>
      </c>
      <c r="H21824" t="s">
        <v>10215</v>
      </c>
      <c r="I21824" s="2">
        <v>1</v>
      </c>
      <c r="J21824" s="2">
        <v>0</v>
      </c>
      <c r="K21824" s="2">
        <v>0</v>
      </c>
      <c r="L21824" t="s">
        <v>120</v>
      </c>
      <c r="M21824" t="s">
        <v>89</v>
      </c>
      <c r="N21824" t="s">
        <v>90</v>
      </c>
      <c r="O21824" t="s">
        <v>85</v>
      </c>
      <c r="P21824" t="s">
        <v>86</v>
      </c>
      <c r="Q21824">
        <v>19</v>
      </c>
      <c r="R21824">
        <v>20</v>
      </c>
      <c r="S21824">
        <v>20</v>
      </c>
      <c r="T21824">
        <v>20</v>
      </c>
      <c r="U21824">
        <v>20</v>
      </c>
      <c r="V21824">
        <v>21</v>
      </c>
      <c r="W21824">
        <v>21</v>
      </c>
      <c r="X21824">
        <v>21</v>
      </c>
      <c r="Y21824">
        <v>21</v>
      </c>
      <c r="Z21824">
        <v>22</v>
      </c>
      <c r="AA21824">
        <v>22</v>
      </c>
      <c r="AB21824">
        <v>22</v>
      </c>
      <c r="AC21824">
        <v>22</v>
      </c>
      <c r="AD21824">
        <v>22</v>
      </c>
      <c r="AE21824">
        <v>23</v>
      </c>
      <c r="AF21824">
        <v>22</v>
      </c>
      <c r="AG21824">
        <v>22</v>
      </c>
      <c r="AH21824">
        <v>22</v>
      </c>
      <c r="AI21824">
        <v>22</v>
      </c>
      <c r="AJ21824">
        <v>22</v>
      </c>
      <c r="AK21824">
        <v>22</v>
      </c>
      <c r="AL21824">
        <v>22</v>
      </c>
      <c r="AM21824">
        <v>22</v>
      </c>
      <c r="AN21824">
        <v>22</v>
      </c>
      <c r="AO21824">
        <v>22</v>
      </c>
      <c r="AP21824">
        <v>21</v>
      </c>
      <c r="AQ21824">
        <v>21</v>
      </c>
    </row>
    <row r="21825" spans="1:43">
      <c r="A21825" t="s">
        <v>13519</v>
      </c>
      <c r="B21825" t="s">
        <v>13520</v>
      </c>
      <c r="C21825" t="s">
        <v>13513</v>
      </c>
      <c r="D21825" t="s">
        <v>13514</v>
      </c>
      <c r="E21825" t="s">
        <v>13293</v>
      </c>
      <c r="F21825" t="s">
        <v>13294</v>
      </c>
      <c r="G21825" t="s">
        <v>10214</v>
      </c>
      <c r="H21825" t="s">
        <v>10215</v>
      </c>
      <c r="I21825" s="2">
        <v>1</v>
      </c>
      <c r="J21825" s="2">
        <v>0</v>
      </c>
      <c r="K21825" s="2">
        <v>0</v>
      </c>
      <c r="L21825" t="s">
        <v>120</v>
      </c>
      <c r="M21825" t="s">
        <v>83</v>
      </c>
      <c r="N21825" t="s">
        <v>91</v>
      </c>
      <c r="O21825" t="s">
        <v>85</v>
      </c>
      <c r="P21825" t="s">
        <v>86</v>
      </c>
      <c r="Q21825">
        <v>19</v>
      </c>
      <c r="R21825">
        <v>19</v>
      </c>
      <c r="S21825">
        <v>19</v>
      </c>
      <c r="T21825">
        <v>20</v>
      </c>
      <c r="U21825">
        <v>20</v>
      </c>
      <c r="V21825">
        <v>20</v>
      </c>
      <c r="W21825">
        <v>20</v>
      </c>
      <c r="X21825">
        <v>20</v>
      </c>
      <c r="Y21825">
        <v>20</v>
      </c>
      <c r="Z21825">
        <v>20</v>
      </c>
      <c r="AA21825">
        <v>21</v>
      </c>
      <c r="AB21825">
        <v>21</v>
      </c>
      <c r="AC21825">
        <v>21</v>
      </c>
      <c r="AD21825">
        <v>21</v>
      </c>
      <c r="AE21825">
        <v>21</v>
      </c>
      <c r="AF21825">
        <v>21</v>
      </c>
      <c r="AG21825">
        <v>21</v>
      </c>
      <c r="AH21825">
        <v>21</v>
      </c>
      <c r="AI21825">
        <v>21</v>
      </c>
      <c r="AJ21825">
        <v>22</v>
      </c>
      <c r="AK21825">
        <v>22</v>
      </c>
      <c r="AL21825">
        <v>22</v>
      </c>
      <c r="AM21825">
        <v>22</v>
      </c>
      <c r="AN21825">
        <v>21</v>
      </c>
      <c r="AO21825">
        <v>21</v>
      </c>
      <c r="AP21825">
        <v>21</v>
      </c>
      <c r="AQ21825">
        <v>21</v>
      </c>
    </row>
    <row r="21826" spans="1:43">
      <c r="A21826" t="s">
        <v>13521</v>
      </c>
      <c r="B21826" t="s">
        <v>13522</v>
      </c>
      <c r="C21826" t="s">
        <v>13523</v>
      </c>
      <c r="D21826" t="s">
        <v>13524</v>
      </c>
      <c r="E21826" t="s">
        <v>13293</v>
      </c>
      <c r="F21826" t="s">
        <v>13294</v>
      </c>
      <c r="G21826" t="s">
        <v>10214</v>
      </c>
      <c r="H21826" t="s">
        <v>10215</v>
      </c>
      <c r="I21826" s="2">
        <v>1</v>
      </c>
      <c r="J21826" s="2">
        <v>0</v>
      </c>
      <c r="K21826" s="2">
        <v>0</v>
      </c>
      <c r="L21826" t="s">
        <v>120</v>
      </c>
      <c r="M21826" t="s">
        <v>83</v>
      </c>
      <c r="N21826" t="s">
        <v>84</v>
      </c>
      <c r="O21826" t="s">
        <v>85</v>
      </c>
      <c r="P21826" t="s">
        <v>86</v>
      </c>
      <c r="Q21826">
        <v>20</v>
      </c>
      <c r="R21826">
        <v>20</v>
      </c>
      <c r="S21826">
        <v>20</v>
      </c>
      <c r="T21826">
        <v>20</v>
      </c>
      <c r="U21826">
        <v>20</v>
      </c>
      <c r="V21826">
        <v>21</v>
      </c>
      <c r="W21826">
        <v>21</v>
      </c>
      <c r="X21826">
        <v>21</v>
      </c>
      <c r="Y21826">
        <v>21</v>
      </c>
      <c r="Z21826">
        <v>21</v>
      </c>
      <c r="AA21826">
        <v>21</v>
      </c>
      <c r="AB21826">
        <v>21</v>
      </c>
      <c r="AC21826">
        <v>22</v>
      </c>
      <c r="AD21826">
        <v>22</v>
      </c>
      <c r="AE21826">
        <v>22</v>
      </c>
      <c r="AF21826">
        <v>22</v>
      </c>
      <c r="AG21826">
        <v>22</v>
      </c>
      <c r="AH21826">
        <v>22</v>
      </c>
      <c r="AI21826">
        <v>22</v>
      </c>
      <c r="AJ21826">
        <v>22</v>
      </c>
      <c r="AK21826">
        <v>22</v>
      </c>
      <c r="AL21826">
        <v>22</v>
      </c>
      <c r="AM21826">
        <v>22</v>
      </c>
      <c r="AN21826">
        <v>22</v>
      </c>
      <c r="AO21826">
        <v>22</v>
      </c>
      <c r="AP21826">
        <v>22</v>
      </c>
      <c r="AQ21826">
        <v>22</v>
      </c>
    </row>
    <row r="21827" spans="1:43">
      <c r="A21827" t="s">
        <v>13521</v>
      </c>
      <c r="B21827" t="s">
        <v>13522</v>
      </c>
      <c r="C21827" t="s">
        <v>13523</v>
      </c>
      <c r="D21827" t="s">
        <v>13524</v>
      </c>
      <c r="E21827" t="s">
        <v>13293</v>
      </c>
      <c r="F21827" t="s">
        <v>13294</v>
      </c>
      <c r="G21827" t="s">
        <v>10214</v>
      </c>
      <c r="H21827" t="s">
        <v>10215</v>
      </c>
      <c r="I21827" s="2">
        <v>1</v>
      </c>
      <c r="J21827" s="2">
        <v>0</v>
      </c>
      <c r="K21827" s="2">
        <v>0</v>
      </c>
      <c r="L21827" t="s">
        <v>120</v>
      </c>
      <c r="M21827" t="s">
        <v>87</v>
      </c>
      <c r="N21827" t="s">
        <v>88</v>
      </c>
      <c r="O21827" t="s">
        <v>85</v>
      </c>
      <c r="P21827" t="s">
        <v>86</v>
      </c>
      <c r="Q21827">
        <v>20</v>
      </c>
      <c r="R21827">
        <v>20</v>
      </c>
      <c r="S21827">
        <v>20</v>
      </c>
      <c r="T21827">
        <v>20</v>
      </c>
      <c r="U21827">
        <v>20</v>
      </c>
      <c r="V21827">
        <v>20</v>
      </c>
      <c r="W21827">
        <v>19</v>
      </c>
      <c r="X21827">
        <v>19</v>
      </c>
      <c r="Y21827">
        <v>19</v>
      </c>
      <c r="Z21827">
        <v>19</v>
      </c>
      <c r="AA21827">
        <v>19</v>
      </c>
      <c r="AB21827">
        <v>19</v>
      </c>
      <c r="AC21827">
        <v>19</v>
      </c>
      <c r="AD21827">
        <v>19</v>
      </c>
      <c r="AE21827">
        <v>19</v>
      </c>
      <c r="AF21827">
        <v>19</v>
      </c>
      <c r="AG21827">
        <v>19</v>
      </c>
      <c r="AH21827">
        <v>19</v>
      </c>
      <c r="AI21827">
        <v>19</v>
      </c>
      <c r="AJ21827">
        <v>19</v>
      </c>
      <c r="AK21827">
        <v>19</v>
      </c>
      <c r="AL21827">
        <v>19</v>
      </c>
      <c r="AM21827">
        <v>19</v>
      </c>
      <c r="AN21827">
        <v>19</v>
      </c>
      <c r="AO21827">
        <v>19</v>
      </c>
      <c r="AP21827">
        <v>19</v>
      </c>
      <c r="AQ21827">
        <v>19</v>
      </c>
    </row>
    <row r="21828" spans="1:43">
      <c r="A21828" t="s">
        <v>13521</v>
      </c>
      <c r="B21828" t="s">
        <v>13522</v>
      </c>
      <c r="C21828" t="s">
        <v>13523</v>
      </c>
      <c r="D21828" t="s">
        <v>13524</v>
      </c>
      <c r="E21828" t="s">
        <v>13293</v>
      </c>
      <c r="F21828" t="s">
        <v>13294</v>
      </c>
      <c r="G21828" t="s">
        <v>10214</v>
      </c>
      <c r="H21828" t="s">
        <v>10215</v>
      </c>
      <c r="I21828" s="2">
        <v>1</v>
      </c>
      <c r="J21828" s="2">
        <v>0</v>
      </c>
      <c r="K21828" s="2">
        <v>0</v>
      </c>
      <c r="L21828" t="s">
        <v>120</v>
      </c>
      <c r="M21828" t="s">
        <v>89</v>
      </c>
      <c r="N21828" t="s">
        <v>90</v>
      </c>
      <c r="O21828" t="s">
        <v>85</v>
      </c>
      <c r="P21828" t="s">
        <v>86</v>
      </c>
      <c r="Q21828">
        <v>20</v>
      </c>
      <c r="R21828">
        <v>20</v>
      </c>
      <c r="S21828">
        <v>21</v>
      </c>
      <c r="T21828">
        <v>21</v>
      </c>
      <c r="U21828">
        <v>21</v>
      </c>
      <c r="V21828">
        <v>22</v>
      </c>
      <c r="W21828">
        <v>22</v>
      </c>
      <c r="X21828">
        <v>22</v>
      </c>
      <c r="Y21828">
        <v>22</v>
      </c>
      <c r="Z21828">
        <v>22</v>
      </c>
      <c r="AA21828">
        <v>23</v>
      </c>
      <c r="AB21828">
        <v>23</v>
      </c>
      <c r="AC21828">
        <v>23</v>
      </c>
      <c r="AD21828">
        <v>23</v>
      </c>
      <c r="AE21828">
        <v>23</v>
      </c>
      <c r="AF21828">
        <v>23</v>
      </c>
      <c r="AG21828">
        <v>23</v>
      </c>
      <c r="AH21828">
        <v>23</v>
      </c>
      <c r="AI21828">
        <v>23</v>
      </c>
      <c r="AJ21828">
        <v>23</v>
      </c>
      <c r="AK21828">
        <v>23</v>
      </c>
      <c r="AL21828">
        <v>23</v>
      </c>
      <c r="AM21828">
        <v>23</v>
      </c>
      <c r="AN21828">
        <v>22</v>
      </c>
      <c r="AO21828">
        <v>22</v>
      </c>
      <c r="AP21828">
        <v>22</v>
      </c>
      <c r="AQ21828">
        <v>22</v>
      </c>
    </row>
    <row r="21829" spans="1:43">
      <c r="A21829" t="s">
        <v>13521</v>
      </c>
      <c r="B21829" t="s">
        <v>13522</v>
      </c>
      <c r="C21829" t="s">
        <v>13523</v>
      </c>
      <c r="D21829" t="s">
        <v>13524</v>
      </c>
      <c r="E21829" t="s">
        <v>13293</v>
      </c>
      <c r="F21829" t="s">
        <v>13294</v>
      </c>
      <c r="G21829" t="s">
        <v>10214</v>
      </c>
      <c r="H21829" t="s">
        <v>10215</v>
      </c>
      <c r="I21829" s="2">
        <v>1</v>
      </c>
      <c r="J21829" s="2">
        <v>0</v>
      </c>
      <c r="K21829" s="2">
        <v>0</v>
      </c>
      <c r="L21829" t="s">
        <v>120</v>
      </c>
      <c r="M21829" t="s">
        <v>83</v>
      </c>
      <c r="N21829" t="s">
        <v>91</v>
      </c>
      <c r="O21829" t="s">
        <v>85</v>
      </c>
      <c r="P21829" t="s">
        <v>86</v>
      </c>
      <c r="Q21829">
        <v>20</v>
      </c>
      <c r="R21829">
        <v>20</v>
      </c>
      <c r="S21829">
        <v>20</v>
      </c>
      <c r="T21829">
        <v>20</v>
      </c>
      <c r="U21829">
        <v>20</v>
      </c>
      <c r="V21829">
        <v>21</v>
      </c>
      <c r="W21829">
        <v>21</v>
      </c>
      <c r="X21829">
        <v>21</v>
      </c>
      <c r="Y21829">
        <v>21</v>
      </c>
      <c r="Z21829">
        <v>21</v>
      </c>
      <c r="AA21829">
        <v>21</v>
      </c>
      <c r="AB21829">
        <v>21</v>
      </c>
      <c r="AC21829">
        <v>22</v>
      </c>
      <c r="AD21829">
        <v>22</v>
      </c>
      <c r="AE21829">
        <v>22</v>
      </c>
      <c r="AF21829">
        <v>22</v>
      </c>
      <c r="AG21829">
        <v>22</v>
      </c>
      <c r="AH21829">
        <v>22</v>
      </c>
      <c r="AI21829">
        <v>22</v>
      </c>
      <c r="AJ21829">
        <v>22</v>
      </c>
      <c r="AK21829">
        <v>22</v>
      </c>
      <c r="AL21829">
        <v>22</v>
      </c>
      <c r="AM21829">
        <v>22</v>
      </c>
      <c r="AN21829">
        <v>22</v>
      </c>
      <c r="AO21829">
        <v>22</v>
      </c>
      <c r="AP21829">
        <v>22</v>
      </c>
      <c r="AQ21829">
        <v>22</v>
      </c>
    </row>
    <row r="21830" spans="1:43">
      <c r="A21830" t="s">
        <v>13525</v>
      </c>
      <c r="B21830" t="s">
        <v>13526</v>
      </c>
      <c r="C21830" t="s">
        <v>13523</v>
      </c>
      <c r="D21830" t="s">
        <v>13524</v>
      </c>
      <c r="E21830" t="s">
        <v>13293</v>
      </c>
      <c r="F21830" t="s">
        <v>13294</v>
      </c>
      <c r="G21830" t="s">
        <v>10214</v>
      </c>
      <c r="H21830" t="s">
        <v>10215</v>
      </c>
      <c r="I21830" s="2">
        <v>1</v>
      </c>
      <c r="J21830" s="2">
        <v>0</v>
      </c>
      <c r="K21830" s="2">
        <v>0</v>
      </c>
      <c r="L21830" t="s">
        <v>120</v>
      </c>
      <c r="M21830" t="s">
        <v>83</v>
      </c>
      <c r="N21830" t="s">
        <v>84</v>
      </c>
      <c r="O21830" t="s">
        <v>85</v>
      </c>
      <c r="P21830" t="s">
        <v>86</v>
      </c>
      <c r="Q21830">
        <v>92</v>
      </c>
      <c r="R21830">
        <v>93</v>
      </c>
      <c r="S21830">
        <v>94</v>
      </c>
      <c r="T21830">
        <v>95</v>
      </c>
      <c r="U21830">
        <v>95</v>
      </c>
      <c r="V21830">
        <v>96</v>
      </c>
      <c r="W21830">
        <v>97</v>
      </c>
      <c r="X21830">
        <v>97</v>
      </c>
      <c r="Y21830">
        <v>98</v>
      </c>
      <c r="Z21830">
        <v>98</v>
      </c>
      <c r="AA21830">
        <v>99</v>
      </c>
      <c r="AB21830">
        <v>99</v>
      </c>
      <c r="AC21830">
        <v>100</v>
      </c>
      <c r="AD21830">
        <v>100</v>
      </c>
      <c r="AE21830">
        <v>101</v>
      </c>
      <c r="AF21830">
        <v>101</v>
      </c>
      <c r="AG21830">
        <v>102</v>
      </c>
      <c r="AH21830">
        <v>102</v>
      </c>
      <c r="AI21830">
        <v>102</v>
      </c>
      <c r="AJ21830">
        <v>103</v>
      </c>
      <c r="AK21830">
        <v>103</v>
      </c>
      <c r="AL21830">
        <v>103</v>
      </c>
      <c r="AM21830">
        <v>102</v>
      </c>
      <c r="AN21830">
        <v>102</v>
      </c>
      <c r="AO21830">
        <v>101</v>
      </c>
      <c r="AP21830">
        <v>101</v>
      </c>
      <c r="AQ21830">
        <v>100</v>
      </c>
    </row>
    <row r="21831" spans="1:43">
      <c r="A21831" t="s">
        <v>13525</v>
      </c>
      <c r="B21831" t="s">
        <v>13526</v>
      </c>
      <c r="C21831" t="s">
        <v>13523</v>
      </c>
      <c r="D21831" t="s">
        <v>13524</v>
      </c>
      <c r="E21831" t="s">
        <v>13293</v>
      </c>
      <c r="F21831" t="s">
        <v>13294</v>
      </c>
      <c r="G21831" t="s">
        <v>10214</v>
      </c>
      <c r="H21831" t="s">
        <v>10215</v>
      </c>
      <c r="I21831" s="2">
        <v>1</v>
      </c>
      <c r="J21831" s="2">
        <v>0</v>
      </c>
      <c r="K21831" s="2">
        <v>0</v>
      </c>
      <c r="L21831" t="s">
        <v>120</v>
      </c>
      <c r="M21831" t="s">
        <v>87</v>
      </c>
      <c r="N21831" t="s">
        <v>88</v>
      </c>
      <c r="O21831" t="s">
        <v>85</v>
      </c>
      <c r="P21831" t="s">
        <v>86</v>
      </c>
      <c r="Q21831">
        <v>92</v>
      </c>
      <c r="R21831">
        <v>91</v>
      </c>
      <c r="S21831">
        <v>91</v>
      </c>
      <c r="T21831">
        <v>91</v>
      </c>
      <c r="U21831">
        <v>91</v>
      </c>
      <c r="V21831">
        <v>91</v>
      </c>
      <c r="W21831">
        <v>91</v>
      </c>
      <c r="X21831">
        <v>90</v>
      </c>
      <c r="Y21831">
        <v>90</v>
      </c>
      <c r="Z21831">
        <v>90</v>
      </c>
      <c r="AA21831">
        <v>90</v>
      </c>
      <c r="AB21831">
        <v>90</v>
      </c>
      <c r="AC21831">
        <v>90</v>
      </c>
      <c r="AD21831">
        <v>89</v>
      </c>
      <c r="AE21831">
        <v>89</v>
      </c>
      <c r="AF21831">
        <v>89</v>
      </c>
      <c r="AG21831">
        <v>89</v>
      </c>
      <c r="AH21831">
        <v>89</v>
      </c>
      <c r="AI21831">
        <v>88</v>
      </c>
      <c r="AJ21831">
        <v>88</v>
      </c>
      <c r="AK21831">
        <v>88</v>
      </c>
      <c r="AL21831">
        <v>88</v>
      </c>
      <c r="AM21831">
        <v>88</v>
      </c>
      <c r="AN21831">
        <v>87</v>
      </c>
      <c r="AO21831">
        <v>87</v>
      </c>
      <c r="AP21831">
        <v>87</v>
      </c>
      <c r="AQ21831">
        <v>87</v>
      </c>
    </row>
    <row r="21832" spans="1:43">
      <c r="A21832" t="s">
        <v>13525</v>
      </c>
      <c r="B21832" t="s">
        <v>13526</v>
      </c>
      <c r="C21832" t="s">
        <v>13523</v>
      </c>
      <c r="D21832" t="s">
        <v>13524</v>
      </c>
      <c r="E21832" t="s">
        <v>13293</v>
      </c>
      <c r="F21832" t="s">
        <v>13294</v>
      </c>
      <c r="G21832" t="s">
        <v>10214</v>
      </c>
      <c r="H21832" t="s">
        <v>10215</v>
      </c>
      <c r="I21832" s="2">
        <v>1</v>
      </c>
      <c r="J21832" s="2">
        <v>0</v>
      </c>
      <c r="K21832" s="2">
        <v>0</v>
      </c>
      <c r="L21832" t="s">
        <v>120</v>
      </c>
      <c r="M21832" t="s">
        <v>89</v>
      </c>
      <c r="N21832" t="s">
        <v>90</v>
      </c>
      <c r="O21832" t="s">
        <v>85</v>
      </c>
      <c r="P21832" t="s">
        <v>86</v>
      </c>
      <c r="Q21832">
        <v>92</v>
      </c>
      <c r="R21832">
        <v>94</v>
      </c>
      <c r="S21832">
        <v>95</v>
      </c>
      <c r="T21832">
        <v>97</v>
      </c>
      <c r="U21832">
        <v>98</v>
      </c>
      <c r="V21832">
        <v>99</v>
      </c>
      <c r="W21832">
        <v>100</v>
      </c>
      <c r="X21832">
        <v>101</v>
      </c>
      <c r="Y21832">
        <v>102</v>
      </c>
      <c r="Z21832">
        <v>103</v>
      </c>
      <c r="AA21832">
        <v>104</v>
      </c>
      <c r="AB21832">
        <v>105</v>
      </c>
      <c r="AC21832">
        <v>106</v>
      </c>
      <c r="AD21832">
        <v>107</v>
      </c>
      <c r="AE21832">
        <v>107</v>
      </c>
      <c r="AF21832">
        <v>106</v>
      </c>
      <c r="AG21832">
        <v>106</v>
      </c>
      <c r="AH21832">
        <v>105</v>
      </c>
      <c r="AI21832">
        <v>105</v>
      </c>
      <c r="AJ21832">
        <v>104</v>
      </c>
      <c r="AK21832">
        <v>104</v>
      </c>
      <c r="AL21832">
        <v>103</v>
      </c>
      <c r="AM21832">
        <v>103</v>
      </c>
      <c r="AN21832">
        <v>102</v>
      </c>
      <c r="AO21832">
        <v>102</v>
      </c>
      <c r="AP21832">
        <v>101</v>
      </c>
      <c r="AQ21832">
        <v>100</v>
      </c>
    </row>
    <row r="21833" spans="1:43">
      <c r="A21833" t="s">
        <v>13525</v>
      </c>
      <c r="B21833" t="s">
        <v>13526</v>
      </c>
      <c r="C21833" t="s">
        <v>13523</v>
      </c>
      <c r="D21833" t="s">
        <v>13524</v>
      </c>
      <c r="E21833" t="s">
        <v>13293</v>
      </c>
      <c r="F21833" t="s">
        <v>13294</v>
      </c>
      <c r="G21833" t="s">
        <v>10214</v>
      </c>
      <c r="H21833" t="s">
        <v>10215</v>
      </c>
      <c r="I21833" s="2">
        <v>1</v>
      </c>
      <c r="J21833" s="2">
        <v>0</v>
      </c>
      <c r="K21833" s="2">
        <v>0</v>
      </c>
      <c r="L21833" t="s">
        <v>120</v>
      </c>
      <c r="M21833" t="s">
        <v>83</v>
      </c>
      <c r="N21833" t="s">
        <v>91</v>
      </c>
      <c r="O21833" t="s">
        <v>85</v>
      </c>
      <c r="P21833" t="s">
        <v>86</v>
      </c>
      <c r="Q21833">
        <v>92</v>
      </c>
      <c r="R21833">
        <v>93</v>
      </c>
      <c r="S21833">
        <v>94</v>
      </c>
      <c r="T21833">
        <v>95</v>
      </c>
      <c r="U21833">
        <v>95</v>
      </c>
      <c r="V21833">
        <v>96</v>
      </c>
      <c r="W21833">
        <v>97</v>
      </c>
      <c r="X21833">
        <v>97</v>
      </c>
      <c r="Y21833">
        <v>98</v>
      </c>
      <c r="Z21833">
        <v>98</v>
      </c>
      <c r="AA21833">
        <v>99</v>
      </c>
      <c r="AB21833">
        <v>99</v>
      </c>
      <c r="AC21833">
        <v>100</v>
      </c>
      <c r="AD21833">
        <v>100</v>
      </c>
      <c r="AE21833">
        <v>101</v>
      </c>
      <c r="AF21833">
        <v>101</v>
      </c>
      <c r="AG21833">
        <v>102</v>
      </c>
      <c r="AH21833">
        <v>102</v>
      </c>
      <c r="AI21833">
        <v>102</v>
      </c>
      <c r="AJ21833">
        <v>103</v>
      </c>
      <c r="AK21833">
        <v>103</v>
      </c>
      <c r="AL21833">
        <v>103</v>
      </c>
      <c r="AM21833">
        <v>102</v>
      </c>
      <c r="AN21833">
        <v>102</v>
      </c>
      <c r="AO21833">
        <v>101</v>
      </c>
      <c r="AP21833">
        <v>101</v>
      </c>
      <c r="AQ21833">
        <v>100</v>
      </c>
    </row>
    <row r="21834" spans="1:43">
      <c r="A21834" t="s">
        <v>13527</v>
      </c>
      <c r="B21834" t="s">
        <v>13528</v>
      </c>
      <c r="C21834" t="s">
        <v>13523</v>
      </c>
      <c r="D21834" t="s">
        <v>13524</v>
      </c>
      <c r="E21834" t="s">
        <v>13293</v>
      </c>
      <c r="F21834" t="s">
        <v>13294</v>
      </c>
      <c r="G21834" t="s">
        <v>10214</v>
      </c>
      <c r="H21834" t="s">
        <v>10215</v>
      </c>
      <c r="I21834" s="2">
        <v>1</v>
      </c>
      <c r="J21834" s="2">
        <v>0</v>
      </c>
      <c r="K21834" s="2">
        <v>0</v>
      </c>
      <c r="L21834" t="s">
        <v>120</v>
      </c>
      <c r="M21834" t="s">
        <v>83</v>
      </c>
      <c r="N21834" t="s">
        <v>84</v>
      </c>
      <c r="O21834" t="s">
        <v>85</v>
      </c>
      <c r="P21834" t="s">
        <v>86</v>
      </c>
      <c r="Q21834">
        <v>28</v>
      </c>
      <c r="R21834">
        <v>28</v>
      </c>
      <c r="S21834">
        <v>28</v>
      </c>
      <c r="T21834">
        <v>29</v>
      </c>
      <c r="U21834">
        <v>29</v>
      </c>
      <c r="V21834">
        <v>29</v>
      </c>
      <c r="W21834">
        <v>29</v>
      </c>
      <c r="X21834">
        <v>30</v>
      </c>
      <c r="Y21834">
        <v>30</v>
      </c>
      <c r="Z21834">
        <v>30</v>
      </c>
      <c r="AA21834">
        <v>30</v>
      </c>
      <c r="AB21834">
        <v>30</v>
      </c>
      <c r="AC21834">
        <v>30</v>
      </c>
      <c r="AD21834">
        <v>31</v>
      </c>
      <c r="AE21834">
        <v>31</v>
      </c>
      <c r="AF21834">
        <v>31</v>
      </c>
      <c r="AG21834">
        <v>31</v>
      </c>
      <c r="AH21834">
        <v>31</v>
      </c>
      <c r="AI21834">
        <v>31</v>
      </c>
      <c r="AJ21834">
        <v>32</v>
      </c>
      <c r="AK21834">
        <v>32</v>
      </c>
      <c r="AL21834">
        <v>32</v>
      </c>
      <c r="AM21834">
        <v>32</v>
      </c>
      <c r="AN21834">
        <v>31</v>
      </c>
      <c r="AO21834">
        <v>31</v>
      </c>
      <c r="AP21834">
        <v>31</v>
      </c>
      <c r="AQ21834">
        <v>31</v>
      </c>
    </row>
    <row r="21835" spans="1:43">
      <c r="A21835" t="s">
        <v>13527</v>
      </c>
      <c r="B21835" t="s">
        <v>13528</v>
      </c>
      <c r="C21835" t="s">
        <v>13523</v>
      </c>
      <c r="D21835" t="s">
        <v>13524</v>
      </c>
      <c r="E21835" t="s">
        <v>13293</v>
      </c>
      <c r="F21835" t="s">
        <v>13294</v>
      </c>
      <c r="G21835" t="s">
        <v>10214</v>
      </c>
      <c r="H21835" t="s">
        <v>10215</v>
      </c>
      <c r="I21835" s="2">
        <v>1</v>
      </c>
      <c r="J21835" s="2">
        <v>0</v>
      </c>
      <c r="K21835" s="2">
        <v>0</v>
      </c>
      <c r="L21835" t="s">
        <v>120</v>
      </c>
      <c r="M21835" t="s">
        <v>87</v>
      </c>
      <c r="N21835" t="s">
        <v>88</v>
      </c>
      <c r="O21835" t="s">
        <v>85</v>
      </c>
      <c r="P21835" t="s">
        <v>86</v>
      </c>
      <c r="Q21835">
        <v>28</v>
      </c>
      <c r="R21835">
        <v>28</v>
      </c>
      <c r="S21835">
        <v>28</v>
      </c>
      <c r="T21835">
        <v>28</v>
      </c>
      <c r="U21835">
        <v>28</v>
      </c>
      <c r="V21835">
        <v>28</v>
      </c>
      <c r="W21835">
        <v>28</v>
      </c>
      <c r="X21835">
        <v>28</v>
      </c>
      <c r="Y21835">
        <v>27</v>
      </c>
      <c r="Z21835">
        <v>27</v>
      </c>
      <c r="AA21835">
        <v>27</v>
      </c>
      <c r="AB21835">
        <v>27</v>
      </c>
      <c r="AC21835">
        <v>27</v>
      </c>
      <c r="AD21835">
        <v>27</v>
      </c>
      <c r="AE21835">
        <v>27</v>
      </c>
      <c r="AF21835">
        <v>27</v>
      </c>
      <c r="AG21835">
        <v>27</v>
      </c>
      <c r="AH21835">
        <v>27</v>
      </c>
      <c r="AI21835">
        <v>27</v>
      </c>
      <c r="AJ21835">
        <v>27</v>
      </c>
      <c r="AK21835">
        <v>27</v>
      </c>
      <c r="AL21835">
        <v>27</v>
      </c>
      <c r="AM21835">
        <v>27</v>
      </c>
      <c r="AN21835">
        <v>27</v>
      </c>
      <c r="AO21835">
        <v>27</v>
      </c>
      <c r="AP21835">
        <v>27</v>
      </c>
      <c r="AQ21835">
        <v>27</v>
      </c>
    </row>
    <row r="21836" spans="1:43">
      <c r="A21836" t="s">
        <v>13527</v>
      </c>
      <c r="B21836" t="s">
        <v>13528</v>
      </c>
      <c r="C21836" t="s">
        <v>13523</v>
      </c>
      <c r="D21836" t="s">
        <v>13524</v>
      </c>
      <c r="E21836" t="s">
        <v>13293</v>
      </c>
      <c r="F21836" t="s">
        <v>13294</v>
      </c>
      <c r="G21836" t="s">
        <v>10214</v>
      </c>
      <c r="H21836" t="s">
        <v>10215</v>
      </c>
      <c r="I21836" s="2">
        <v>1</v>
      </c>
      <c r="J21836" s="2">
        <v>0</v>
      </c>
      <c r="K21836" s="2">
        <v>0</v>
      </c>
      <c r="L21836" t="s">
        <v>120</v>
      </c>
      <c r="M21836" t="s">
        <v>89</v>
      </c>
      <c r="N21836" t="s">
        <v>90</v>
      </c>
      <c r="O21836" t="s">
        <v>85</v>
      </c>
      <c r="P21836" t="s">
        <v>86</v>
      </c>
      <c r="Q21836">
        <v>28</v>
      </c>
      <c r="R21836">
        <v>29</v>
      </c>
      <c r="S21836">
        <v>29</v>
      </c>
      <c r="T21836">
        <v>30</v>
      </c>
      <c r="U21836">
        <v>30</v>
      </c>
      <c r="V21836">
        <v>30</v>
      </c>
      <c r="W21836">
        <v>31</v>
      </c>
      <c r="X21836">
        <v>31</v>
      </c>
      <c r="Y21836">
        <v>31</v>
      </c>
      <c r="Z21836">
        <v>32</v>
      </c>
      <c r="AA21836">
        <v>32</v>
      </c>
      <c r="AB21836">
        <v>32</v>
      </c>
      <c r="AC21836">
        <v>33</v>
      </c>
      <c r="AD21836">
        <v>33</v>
      </c>
      <c r="AE21836">
        <v>33</v>
      </c>
      <c r="AF21836">
        <v>33</v>
      </c>
      <c r="AG21836">
        <v>33</v>
      </c>
      <c r="AH21836">
        <v>33</v>
      </c>
      <c r="AI21836">
        <v>32</v>
      </c>
      <c r="AJ21836">
        <v>32</v>
      </c>
      <c r="AK21836">
        <v>32</v>
      </c>
      <c r="AL21836">
        <v>32</v>
      </c>
      <c r="AM21836">
        <v>32</v>
      </c>
      <c r="AN21836">
        <v>32</v>
      </c>
      <c r="AO21836">
        <v>32</v>
      </c>
      <c r="AP21836">
        <v>31</v>
      </c>
      <c r="AQ21836">
        <v>31</v>
      </c>
    </row>
    <row r="21837" spans="1:43">
      <c r="A21837" t="s">
        <v>13527</v>
      </c>
      <c r="B21837" t="s">
        <v>13528</v>
      </c>
      <c r="C21837" t="s">
        <v>13523</v>
      </c>
      <c r="D21837" t="s">
        <v>13524</v>
      </c>
      <c r="E21837" t="s">
        <v>13293</v>
      </c>
      <c r="F21837" t="s">
        <v>13294</v>
      </c>
      <c r="G21837" t="s">
        <v>10214</v>
      </c>
      <c r="H21837" t="s">
        <v>10215</v>
      </c>
      <c r="I21837" s="2">
        <v>1</v>
      </c>
      <c r="J21837" s="2">
        <v>0</v>
      </c>
      <c r="K21837" s="2">
        <v>0</v>
      </c>
      <c r="L21837" t="s">
        <v>120</v>
      </c>
      <c r="M21837" t="s">
        <v>83</v>
      </c>
      <c r="N21837" t="s">
        <v>91</v>
      </c>
      <c r="O21837" t="s">
        <v>85</v>
      </c>
      <c r="P21837" t="s">
        <v>86</v>
      </c>
      <c r="Q21837">
        <v>28</v>
      </c>
      <c r="R21837">
        <v>28</v>
      </c>
      <c r="S21837">
        <v>28</v>
      </c>
      <c r="T21837">
        <v>29</v>
      </c>
      <c r="U21837">
        <v>29</v>
      </c>
      <c r="V21837">
        <v>29</v>
      </c>
      <c r="W21837">
        <v>29</v>
      </c>
      <c r="X21837">
        <v>30</v>
      </c>
      <c r="Y21837">
        <v>30</v>
      </c>
      <c r="Z21837">
        <v>30</v>
      </c>
      <c r="AA21837">
        <v>30</v>
      </c>
      <c r="AB21837">
        <v>30</v>
      </c>
      <c r="AC21837">
        <v>30</v>
      </c>
      <c r="AD21837">
        <v>31</v>
      </c>
      <c r="AE21837">
        <v>31</v>
      </c>
      <c r="AF21837">
        <v>31</v>
      </c>
      <c r="AG21837">
        <v>31</v>
      </c>
      <c r="AH21837">
        <v>31</v>
      </c>
      <c r="AI21837">
        <v>31</v>
      </c>
      <c r="AJ21837">
        <v>32</v>
      </c>
      <c r="AK21837">
        <v>32</v>
      </c>
      <c r="AL21837">
        <v>32</v>
      </c>
      <c r="AM21837">
        <v>32</v>
      </c>
      <c r="AN21837">
        <v>31</v>
      </c>
      <c r="AO21837">
        <v>31</v>
      </c>
      <c r="AP21837">
        <v>31</v>
      </c>
      <c r="AQ21837">
        <v>31</v>
      </c>
    </row>
    <row r="21838" spans="1:43">
      <c r="A21838" t="s">
        <v>13529</v>
      </c>
      <c r="B21838" t="s">
        <v>13530</v>
      </c>
      <c r="C21838" t="s">
        <v>13523</v>
      </c>
      <c r="D21838" t="s">
        <v>13524</v>
      </c>
      <c r="E21838" t="s">
        <v>13293</v>
      </c>
      <c r="F21838" t="s">
        <v>13294</v>
      </c>
      <c r="G21838" t="s">
        <v>10214</v>
      </c>
      <c r="H21838" t="s">
        <v>10215</v>
      </c>
      <c r="I21838" s="2">
        <v>1</v>
      </c>
      <c r="J21838" s="2">
        <v>0</v>
      </c>
      <c r="K21838" s="2">
        <v>0</v>
      </c>
      <c r="L21838" t="s">
        <v>120</v>
      </c>
      <c r="M21838" t="s">
        <v>83</v>
      </c>
      <c r="N21838" t="s">
        <v>84</v>
      </c>
      <c r="O21838" t="s">
        <v>85</v>
      </c>
      <c r="P21838" t="s">
        <v>86</v>
      </c>
      <c r="Q21838">
        <v>15</v>
      </c>
      <c r="R21838">
        <v>15</v>
      </c>
      <c r="S21838">
        <v>15</v>
      </c>
      <c r="T21838">
        <v>16</v>
      </c>
      <c r="U21838">
        <v>16</v>
      </c>
      <c r="V21838">
        <v>16</v>
      </c>
      <c r="W21838">
        <v>16</v>
      </c>
      <c r="X21838">
        <v>16</v>
      </c>
      <c r="Y21838">
        <v>16</v>
      </c>
      <c r="Z21838">
        <v>16</v>
      </c>
      <c r="AA21838">
        <v>16</v>
      </c>
      <c r="AB21838">
        <v>16</v>
      </c>
      <c r="AC21838">
        <v>17</v>
      </c>
      <c r="AD21838">
        <v>17</v>
      </c>
      <c r="AE21838">
        <v>17</v>
      </c>
      <c r="AF21838">
        <v>17</v>
      </c>
      <c r="AG21838">
        <v>17</v>
      </c>
      <c r="AH21838">
        <v>17</v>
      </c>
      <c r="AI21838">
        <v>17</v>
      </c>
      <c r="AJ21838">
        <v>17</v>
      </c>
      <c r="AK21838">
        <v>17</v>
      </c>
      <c r="AL21838">
        <v>17</v>
      </c>
      <c r="AM21838">
        <v>17</v>
      </c>
      <c r="AN21838">
        <v>17</v>
      </c>
      <c r="AO21838">
        <v>17</v>
      </c>
      <c r="AP21838">
        <v>17</v>
      </c>
      <c r="AQ21838">
        <v>17</v>
      </c>
    </row>
    <row r="21839" spans="1:43">
      <c r="A21839" t="s">
        <v>13529</v>
      </c>
      <c r="B21839" t="s">
        <v>13530</v>
      </c>
      <c r="C21839" t="s">
        <v>13523</v>
      </c>
      <c r="D21839" t="s">
        <v>13524</v>
      </c>
      <c r="E21839" t="s">
        <v>13293</v>
      </c>
      <c r="F21839" t="s">
        <v>13294</v>
      </c>
      <c r="G21839" t="s">
        <v>10214</v>
      </c>
      <c r="H21839" t="s">
        <v>10215</v>
      </c>
      <c r="I21839" s="2">
        <v>1</v>
      </c>
      <c r="J21839" s="2">
        <v>0</v>
      </c>
      <c r="K21839" s="2">
        <v>0</v>
      </c>
      <c r="L21839" t="s">
        <v>120</v>
      </c>
      <c r="M21839" t="s">
        <v>87</v>
      </c>
      <c r="N21839" t="s">
        <v>88</v>
      </c>
      <c r="O21839" t="s">
        <v>85</v>
      </c>
      <c r="P21839" t="s">
        <v>86</v>
      </c>
      <c r="Q21839">
        <v>15</v>
      </c>
      <c r="R21839">
        <v>15</v>
      </c>
      <c r="S21839">
        <v>15</v>
      </c>
      <c r="T21839">
        <v>15</v>
      </c>
      <c r="U21839">
        <v>15</v>
      </c>
      <c r="V21839">
        <v>15</v>
      </c>
      <c r="W21839">
        <v>15</v>
      </c>
      <c r="X21839">
        <v>15</v>
      </c>
      <c r="Y21839">
        <v>15</v>
      </c>
      <c r="Z21839">
        <v>15</v>
      </c>
      <c r="AA21839">
        <v>15</v>
      </c>
      <c r="AB21839">
        <v>15</v>
      </c>
      <c r="AC21839">
        <v>15</v>
      </c>
      <c r="AD21839">
        <v>15</v>
      </c>
      <c r="AE21839">
        <v>15</v>
      </c>
      <c r="AF21839">
        <v>15</v>
      </c>
      <c r="AG21839">
        <v>15</v>
      </c>
      <c r="AH21839">
        <v>15</v>
      </c>
      <c r="AI21839">
        <v>15</v>
      </c>
      <c r="AJ21839">
        <v>15</v>
      </c>
      <c r="AK21839">
        <v>15</v>
      </c>
      <c r="AL21839">
        <v>15</v>
      </c>
      <c r="AM21839">
        <v>15</v>
      </c>
      <c r="AN21839">
        <v>15</v>
      </c>
      <c r="AO21839">
        <v>15</v>
      </c>
      <c r="AP21839">
        <v>15</v>
      </c>
      <c r="AQ21839">
        <v>15</v>
      </c>
    </row>
    <row r="21840" spans="1:43">
      <c r="A21840" t="s">
        <v>13529</v>
      </c>
      <c r="B21840" t="s">
        <v>13530</v>
      </c>
      <c r="C21840" t="s">
        <v>13523</v>
      </c>
      <c r="D21840" t="s">
        <v>13524</v>
      </c>
      <c r="E21840" t="s">
        <v>13293</v>
      </c>
      <c r="F21840" t="s">
        <v>13294</v>
      </c>
      <c r="G21840" t="s">
        <v>10214</v>
      </c>
      <c r="H21840" t="s">
        <v>10215</v>
      </c>
      <c r="I21840" s="2">
        <v>1</v>
      </c>
      <c r="J21840" s="2">
        <v>0</v>
      </c>
      <c r="K21840" s="2">
        <v>0</v>
      </c>
      <c r="L21840" t="s">
        <v>120</v>
      </c>
      <c r="M21840" t="s">
        <v>89</v>
      </c>
      <c r="N21840" t="s">
        <v>90</v>
      </c>
      <c r="O21840" t="s">
        <v>85</v>
      </c>
      <c r="P21840" t="s">
        <v>86</v>
      </c>
      <c r="Q21840">
        <v>15</v>
      </c>
      <c r="R21840">
        <v>16</v>
      </c>
      <c r="S21840">
        <v>16</v>
      </c>
      <c r="T21840">
        <v>16</v>
      </c>
      <c r="U21840">
        <v>16</v>
      </c>
      <c r="V21840">
        <v>17</v>
      </c>
      <c r="W21840">
        <v>17</v>
      </c>
      <c r="X21840">
        <v>17</v>
      </c>
      <c r="Y21840">
        <v>17</v>
      </c>
      <c r="Z21840">
        <v>17</v>
      </c>
      <c r="AA21840">
        <v>17</v>
      </c>
      <c r="AB21840">
        <v>18</v>
      </c>
      <c r="AC21840">
        <v>18</v>
      </c>
      <c r="AD21840">
        <v>18</v>
      </c>
      <c r="AE21840">
        <v>18</v>
      </c>
      <c r="AF21840">
        <v>18</v>
      </c>
      <c r="AG21840">
        <v>18</v>
      </c>
      <c r="AH21840">
        <v>18</v>
      </c>
      <c r="AI21840">
        <v>18</v>
      </c>
      <c r="AJ21840">
        <v>18</v>
      </c>
      <c r="AK21840">
        <v>18</v>
      </c>
      <c r="AL21840">
        <v>17</v>
      </c>
      <c r="AM21840">
        <v>17</v>
      </c>
      <c r="AN21840">
        <v>17</v>
      </c>
      <c r="AO21840">
        <v>17</v>
      </c>
      <c r="AP21840">
        <v>17</v>
      </c>
      <c r="AQ21840">
        <v>17</v>
      </c>
    </row>
    <row r="21841" spans="1:43">
      <c r="A21841" t="s">
        <v>13529</v>
      </c>
      <c r="B21841" t="s">
        <v>13530</v>
      </c>
      <c r="C21841" t="s">
        <v>13523</v>
      </c>
      <c r="D21841" t="s">
        <v>13524</v>
      </c>
      <c r="E21841" t="s">
        <v>13293</v>
      </c>
      <c r="F21841" t="s">
        <v>13294</v>
      </c>
      <c r="G21841" t="s">
        <v>10214</v>
      </c>
      <c r="H21841" t="s">
        <v>10215</v>
      </c>
      <c r="I21841" s="2">
        <v>1</v>
      </c>
      <c r="J21841" s="2">
        <v>0</v>
      </c>
      <c r="K21841" s="2">
        <v>0</v>
      </c>
      <c r="L21841" t="s">
        <v>120</v>
      </c>
      <c r="M21841" t="s">
        <v>83</v>
      </c>
      <c r="N21841" t="s">
        <v>91</v>
      </c>
      <c r="O21841" t="s">
        <v>85</v>
      </c>
      <c r="P21841" t="s">
        <v>86</v>
      </c>
      <c r="Q21841">
        <v>15</v>
      </c>
      <c r="R21841">
        <v>15</v>
      </c>
      <c r="S21841">
        <v>15</v>
      </c>
      <c r="T21841">
        <v>16</v>
      </c>
      <c r="U21841">
        <v>16</v>
      </c>
      <c r="V21841">
        <v>16</v>
      </c>
      <c r="W21841">
        <v>16</v>
      </c>
      <c r="X21841">
        <v>16</v>
      </c>
      <c r="Y21841">
        <v>16</v>
      </c>
      <c r="Z21841">
        <v>16</v>
      </c>
      <c r="AA21841">
        <v>16</v>
      </c>
      <c r="AB21841">
        <v>16</v>
      </c>
      <c r="AC21841">
        <v>17</v>
      </c>
      <c r="AD21841">
        <v>17</v>
      </c>
      <c r="AE21841">
        <v>17</v>
      </c>
      <c r="AF21841">
        <v>17</v>
      </c>
      <c r="AG21841">
        <v>17</v>
      </c>
      <c r="AH21841">
        <v>17</v>
      </c>
      <c r="AI21841">
        <v>17</v>
      </c>
      <c r="AJ21841">
        <v>17</v>
      </c>
      <c r="AK21841">
        <v>17</v>
      </c>
      <c r="AL21841">
        <v>17</v>
      </c>
      <c r="AM21841">
        <v>17</v>
      </c>
      <c r="AN21841">
        <v>17</v>
      </c>
      <c r="AO21841">
        <v>17</v>
      </c>
      <c r="AP21841">
        <v>17</v>
      </c>
      <c r="AQ21841">
        <v>17</v>
      </c>
    </row>
    <row r="21842" spans="1:43">
      <c r="A21842" t="s">
        <v>13531</v>
      </c>
      <c r="B21842" t="s">
        <v>13532</v>
      </c>
      <c r="C21842" t="s">
        <v>13523</v>
      </c>
      <c r="D21842" t="s">
        <v>13524</v>
      </c>
      <c r="E21842" t="s">
        <v>13293</v>
      </c>
      <c r="F21842" t="s">
        <v>13294</v>
      </c>
      <c r="G21842" t="s">
        <v>10214</v>
      </c>
      <c r="H21842" t="s">
        <v>10215</v>
      </c>
      <c r="I21842" s="2">
        <v>1</v>
      </c>
      <c r="J21842" s="2">
        <v>0</v>
      </c>
      <c r="K21842" s="2">
        <v>0</v>
      </c>
      <c r="L21842" t="s">
        <v>120</v>
      </c>
      <c r="M21842" t="s">
        <v>83</v>
      </c>
      <c r="N21842" t="s">
        <v>84</v>
      </c>
      <c r="O21842" t="s">
        <v>85</v>
      </c>
      <c r="P21842" t="s">
        <v>86</v>
      </c>
      <c r="Q21842">
        <v>13</v>
      </c>
      <c r="R21842">
        <v>13</v>
      </c>
      <c r="S21842">
        <v>14</v>
      </c>
      <c r="T21842">
        <v>14</v>
      </c>
      <c r="U21842">
        <v>14</v>
      </c>
      <c r="V21842">
        <v>14</v>
      </c>
      <c r="W21842">
        <v>14</v>
      </c>
      <c r="X21842">
        <v>14</v>
      </c>
      <c r="Y21842">
        <v>14</v>
      </c>
      <c r="Z21842">
        <v>14</v>
      </c>
      <c r="AA21842">
        <v>14</v>
      </c>
      <c r="AB21842">
        <v>14</v>
      </c>
      <c r="AC21842">
        <v>15</v>
      </c>
      <c r="AD21842">
        <v>15</v>
      </c>
      <c r="AE21842">
        <v>15</v>
      </c>
      <c r="AF21842">
        <v>15</v>
      </c>
      <c r="AG21842">
        <v>15</v>
      </c>
      <c r="AH21842">
        <v>15</v>
      </c>
      <c r="AI21842">
        <v>15</v>
      </c>
      <c r="AJ21842">
        <v>15</v>
      </c>
      <c r="AK21842">
        <v>15</v>
      </c>
      <c r="AL21842">
        <v>15</v>
      </c>
      <c r="AM21842">
        <v>15</v>
      </c>
      <c r="AN21842">
        <v>15</v>
      </c>
      <c r="AO21842">
        <v>15</v>
      </c>
      <c r="AP21842">
        <v>15</v>
      </c>
      <c r="AQ21842">
        <v>15</v>
      </c>
    </row>
    <row r="21843" spans="1:43">
      <c r="A21843" t="s">
        <v>13531</v>
      </c>
      <c r="B21843" t="s">
        <v>13532</v>
      </c>
      <c r="C21843" t="s">
        <v>13523</v>
      </c>
      <c r="D21843" t="s">
        <v>13524</v>
      </c>
      <c r="E21843" t="s">
        <v>13293</v>
      </c>
      <c r="F21843" t="s">
        <v>13294</v>
      </c>
      <c r="G21843" t="s">
        <v>10214</v>
      </c>
      <c r="H21843" t="s">
        <v>10215</v>
      </c>
      <c r="I21843" s="2">
        <v>1</v>
      </c>
      <c r="J21843" s="2">
        <v>0</v>
      </c>
      <c r="K21843" s="2">
        <v>0</v>
      </c>
      <c r="L21843" t="s">
        <v>120</v>
      </c>
      <c r="M21843" t="s">
        <v>87</v>
      </c>
      <c r="N21843" t="s">
        <v>88</v>
      </c>
      <c r="O21843" t="s">
        <v>85</v>
      </c>
      <c r="P21843" t="s">
        <v>86</v>
      </c>
      <c r="Q21843">
        <v>13</v>
      </c>
      <c r="R21843">
        <v>13</v>
      </c>
      <c r="S21843">
        <v>13</v>
      </c>
      <c r="T21843">
        <v>13</v>
      </c>
      <c r="U21843">
        <v>13</v>
      </c>
      <c r="V21843">
        <v>13</v>
      </c>
      <c r="W21843">
        <v>13</v>
      </c>
      <c r="X21843">
        <v>13</v>
      </c>
      <c r="Y21843">
        <v>13</v>
      </c>
      <c r="Z21843">
        <v>13</v>
      </c>
      <c r="AA21843">
        <v>13</v>
      </c>
      <c r="AB21843">
        <v>13</v>
      </c>
      <c r="AC21843">
        <v>13</v>
      </c>
      <c r="AD21843">
        <v>13</v>
      </c>
      <c r="AE21843">
        <v>13</v>
      </c>
      <c r="AF21843">
        <v>13</v>
      </c>
      <c r="AG21843">
        <v>13</v>
      </c>
      <c r="AH21843">
        <v>13</v>
      </c>
      <c r="AI21843">
        <v>13</v>
      </c>
      <c r="AJ21843">
        <v>13</v>
      </c>
      <c r="AK21843">
        <v>13</v>
      </c>
      <c r="AL21843">
        <v>13</v>
      </c>
      <c r="AM21843">
        <v>13</v>
      </c>
      <c r="AN21843">
        <v>13</v>
      </c>
      <c r="AO21843">
        <v>13</v>
      </c>
      <c r="AP21843">
        <v>13</v>
      </c>
      <c r="AQ21843">
        <v>13</v>
      </c>
    </row>
    <row r="21844" spans="1:43">
      <c r="A21844" t="s">
        <v>13531</v>
      </c>
      <c r="B21844" t="s">
        <v>13532</v>
      </c>
      <c r="C21844" t="s">
        <v>13523</v>
      </c>
      <c r="D21844" t="s">
        <v>13524</v>
      </c>
      <c r="E21844" t="s">
        <v>13293</v>
      </c>
      <c r="F21844" t="s">
        <v>13294</v>
      </c>
      <c r="G21844" t="s">
        <v>10214</v>
      </c>
      <c r="H21844" t="s">
        <v>10215</v>
      </c>
      <c r="I21844" s="2">
        <v>1</v>
      </c>
      <c r="J21844" s="2">
        <v>0</v>
      </c>
      <c r="K21844" s="2">
        <v>0</v>
      </c>
      <c r="L21844" t="s">
        <v>120</v>
      </c>
      <c r="M21844" t="s">
        <v>89</v>
      </c>
      <c r="N21844" t="s">
        <v>90</v>
      </c>
      <c r="O21844" t="s">
        <v>85</v>
      </c>
      <c r="P21844" t="s">
        <v>86</v>
      </c>
      <c r="Q21844">
        <v>13</v>
      </c>
      <c r="R21844">
        <v>14</v>
      </c>
      <c r="S21844">
        <v>14</v>
      </c>
      <c r="T21844">
        <v>14</v>
      </c>
      <c r="U21844">
        <v>14</v>
      </c>
      <c r="V21844">
        <v>15</v>
      </c>
      <c r="W21844">
        <v>15</v>
      </c>
      <c r="X21844">
        <v>15</v>
      </c>
      <c r="Y21844">
        <v>15</v>
      </c>
      <c r="Z21844">
        <v>15</v>
      </c>
      <c r="AA21844">
        <v>15</v>
      </c>
      <c r="AB21844">
        <v>15</v>
      </c>
      <c r="AC21844">
        <v>16</v>
      </c>
      <c r="AD21844">
        <v>16</v>
      </c>
      <c r="AE21844">
        <v>16</v>
      </c>
      <c r="AF21844">
        <v>16</v>
      </c>
      <c r="AG21844">
        <v>16</v>
      </c>
      <c r="AH21844">
        <v>16</v>
      </c>
      <c r="AI21844">
        <v>15</v>
      </c>
      <c r="AJ21844">
        <v>15</v>
      </c>
      <c r="AK21844">
        <v>15</v>
      </c>
      <c r="AL21844">
        <v>15</v>
      </c>
      <c r="AM21844">
        <v>15</v>
      </c>
      <c r="AN21844">
        <v>15</v>
      </c>
      <c r="AO21844">
        <v>15</v>
      </c>
      <c r="AP21844">
        <v>15</v>
      </c>
      <c r="AQ21844">
        <v>15</v>
      </c>
    </row>
    <row r="21845" spans="1:43">
      <c r="A21845" t="s">
        <v>13531</v>
      </c>
      <c r="B21845" t="s">
        <v>13532</v>
      </c>
      <c r="C21845" t="s">
        <v>13523</v>
      </c>
      <c r="D21845" t="s">
        <v>13524</v>
      </c>
      <c r="E21845" t="s">
        <v>13293</v>
      </c>
      <c r="F21845" t="s">
        <v>13294</v>
      </c>
      <c r="G21845" t="s">
        <v>10214</v>
      </c>
      <c r="H21845" t="s">
        <v>10215</v>
      </c>
      <c r="I21845" s="2">
        <v>1</v>
      </c>
      <c r="J21845" s="2">
        <v>0</v>
      </c>
      <c r="K21845" s="2">
        <v>0</v>
      </c>
      <c r="L21845" t="s">
        <v>120</v>
      </c>
      <c r="M21845" t="s">
        <v>83</v>
      </c>
      <c r="N21845" t="s">
        <v>91</v>
      </c>
      <c r="O21845" t="s">
        <v>85</v>
      </c>
      <c r="P21845" t="s">
        <v>86</v>
      </c>
      <c r="Q21845">
        <v>13</v>
      </c>
      <c r="R21845">
        <v>13</v>
      </c>
      <c r="S21845">
        <v>14</v>
      </c>
      <c r="T21845">
        <v>14</v>
      </c>
      <c r="U21845">
        <v>14</v>
      </c>
      <c r="V21845">
        <v>14</v>
      </c>
      <c r="W21845">
        <v>14</v>
      </c>
      <c r="X21845">
        <v>14</v>
      </c>
      <c r="Y21845">
        <v>14</v>
      </c>
      <c r="Z21845">
        <v>14</v>
      </c>
      <c r="AA21845">
        <v>14</v>
      </c>
      <c r="AB21845">
        <v>14</v>
      </c>
      <c r="AC21845">
        <v>15</v>
      </c>
      <c r="AD21845">
        <v>15</v>
      </c>
      <c r="AE21845">
        <v>15</v>
      </c>
      <c r="AF21845">
        <v>15</v>
      </c>
      <c r="AG21845">
        <v>15</v>
      </c>
      <c r="AH21845">
        <v>15</v>
      </c>
      <c r="AI21845">
        <v>15</v>
      </c>
      <c r="AJ21845">
        <v>15</v>
      </c>
      <c r="AK21845">
        <v>15</v>
      </c>
      <c r="AL21845">
        <v>15</v>
      </c>
      <c r="AM21845">
        <v>15</v>
      </c>
      <c r="AN21845">
        <v>15</v>
      </c>
      <c r="AO21845">
        <v>15</v>
      </c>
      <c r="AP21845">
        <v>15</v>
      </c>
      <c r="AQ21845">
        <v>15</v>
      </c>
    </row>
    <row r="21846" spans="1:43">
      <c r="A21846" t="s">
        <v>13533</v>
      </c>
      <c r="B21846" t="s">
        <v>13534</v>
      </c>
      <c r="C21846" t="s">
        <v>13523</v>
      </c>
      <c r="D21846" t="s">
        <v>13524</v>
      </c>
      <c r="E21846" t="s">
        <v>13293</v>
      </c>
      <c r="F21846" t="s">
        <v>13294</v>
      </c>
      <c r="G21846" t="s">
        <v>10214</v>
      </c>
      <c r="H21846" t="s">
        <v>10215</v>
      </c>
      <c r="I21846" s="2">
        <v>1</v>
      </c>
      <c r="J21846" s="2">
        <v>0</v>
      </c>
      <c r="K21846" s="2">
        <v>0</v>
      </c>
      <c r="L21846" t="s">
        <v>120</v>
      </c>
      <c r="M21846" t="s">
        <v>83</v>
      </c>
      <c r="N21846" t="s">
        <v>84</v>
      </c>
      <c r="O21846" t="s">
        <v>85</v>
      </c>
      <c r="P21846" t="s">
        <v>86</v>
      </c>
      <c r="Q21846">
        <v>28</v>
      </c>
      <c r="R21846">
        <v>28</v>
      </c>
      <c r="S21846">
        <v>28</v>
      </c>
      <c r="T21846">
        <v>29</v>
      </c>
      <c r="U21846">
        <v>29</v>
      </c>
      <c r="V21846">
        <v>29</v>
      </c>
      <c r="W21846">
        <v>29</v>
      </c>
      <c r="X21846">
        <v>29</v>
      </c>
      <c r="Y21846">
        <v>30</v>
      </c>
      <c r="Z21846">
        <v>30</v>
      </c>
      <c r="AA21846">
        <v>30</v>
      </c>
      <c r="AB21846">
        <v>30</v>
      </c>
      <c r="AC21846">
        <v>30</v>
      </c>
      <c r="AD21846">
        <v>31</v>
      </c>
      <c r="AE21846">
        <v>31</v>
      </c>
      <c r="AF21846">
        <v>31</v>
      </c>
      <c r="AG21846">
        <v>31</v>
      </c>
      <c r="AH21846">
        <v>31</v>
      </c>
      <c r="AI21846">
        <v>31</v>
      </c>
      <c r="AJ21846">
        <v>31</v>
      </c>
      <c r="AK21846">
        <v>32</v>
      </c>
      <c r="AL21846">
        <v>32</v>
      </c>
      <c r="AM21846">
        <v>31</v>
      </c>
      <c r="AN21846">
        <v>31</v>
      </c>
      <c r="AO21846">
        <v>31</v>
      </c>
      <c r="AP21846">
        <v>31</v>
      </c>
      <c r="AQ21846">
        <v>31</v>
      </c>
    </row>
    <row r="21847" spans="1:43">
      <c r="A21847" t="s">
        <v>13533</v>
      </c>
      <c r="B21847" t="s">
        <v>13534</v>
      </c>
      <c r="C21847" t="s">
        <v>13523</v>
      </c>
      <c r="D21847" t="s">
        <v>13524</v>
      </c>
      <c r="E21847" t="s">
        <v>13293</v>
      </c>
      <c r="F21847" t="s">
        <v>13294</v>
      </c>
      <c r="G21847" t="s">
        <v>10214</v>
      </c>
      <c r="H21847" t="s">
        <v>10215</v>
      </c>
      <c r="I21847" s="2">
        <v>1</v>
      </c>
      <c r="J21847" s="2">
        <v>0</v>
      </c>
      <c r="K21847" s="2">
        <v>0</v>
      </c>
      <c r="L21847" t="s">
        <v>120</v>
      </c>
      <c r="M21847" t="s">
        <v>87</v>
      </c>
      <c r="N21847" t="s">
        <v>88</v>
      </c>
      <c r="O21847" t="s">
        <v>85</v>
      </c>
      <c r="P21847" t="s">
        <v>86</v>
      </c>
      <c r="Q21847">
        <v>28</v>
      </c>
      <c r="R21847">
        <v>28</v>
      </c>
      <c r="S21847">
        <v>28</v>
      </c>
      <c r="T21847">
        <v>28</v>
      </c>
      <c r="U21847">
        <v>28</v>
      </c>
      <c r="V21847">
        <v>28</v>
      </c>
      <c r="W21847">
        <v>27</v>
      </c>
      <c r="X21847">
        <v>27</v>
      </c>
      <c r="Y21847">
        <v>27</v>
      </c>
      <c r="Z21847">
        <v>27</v>
      </c>
      <c r="AA21847">
        <v>27</v>
      </c>
      <c r="AB21847">
        <v>27</v>
      </c>
      <c r="AC21847">
        <v>27</v>
      </c>
      <c r="AD21847">
        <v>27</v>
      </c>
      <c r="AE21847">
        <v>27</v>
      </c>
      <c r="AF21847">
        <v>27</v>
      </c>
      <c r="AG21847">
        <v>27</v>
      </c>
      <c r="AH21847">
        <v>27</v>
      </c>
      <c r="AI21847">
        <v>27</v>
      </c>
      <c r="AJ21847">
        <v>27</v>
      </c>
      <c r="AK21847">
        <v>27</v>
      </c>
      <c r="AL21847">
        <v>27</v>
      </c>
      <c r="AM21847">
        <v>27</v>
      </c>
      <c r="AN21847">
        <v>27</v>
      </c>
      <c r="AO21847">
        <v>27</v>
      </c>
      <c r="AP21847">
        <v>27</v>
      </c>
      <c r="AQ21847">
        <v>27</v>
      </c>
    </row>
    <row r="21848" spans="1:43">
      <c r="A21848" t="s">
        <v>13533</v>
      </c>
      <c r="B21848" t="s">
        <v>13534</v>
      </c>
      <c r="C21848" t="s">
        <v>13523</v>
      </c>
      <c r="D21848" t="s">
        <v>13524</v>
      </c>
      <c r="E21848" t="s">
        <v>13293</v>
      </c>
      <c r="F21848" t="s">
        <v>13294</v>
      </c>
      <c r="G21848" t="s">
        <v>10214</v>
      </c>
      <c r="H21848" t="s">
        <v>10215</v>
      </c>
      <c r="I21848" s="2">
        <v>1</v>
      </c>
      <c r="J21848" s="2">
        <v>0</v>
      </c>
      <c r="K21848" s="2">
        <v>0</v>
      </c>
      <c r="L21848" t="s">
        <v>120</v>
      </c>
      <c r="M21848" t="s">
        <v>89</v>
      </c>
      <c r="N21848" t="s">
        <v>90</v>
      </c>
      <c r="O21848" t="s">
        <v>85</v>
      </c>
      <c r="P21848" t="s">
        <v>86</v>
      </c>
      <c r="Q21848">
        <v>28</v>
      </c>
      <c r="R21848">
        <v>29</v>
      </c>
      <c r="S21848">
        <v>29</v>
      </c>
      <c r="T21848">
        <v>30</v>
      </c>
      <c r="U21848">
        <v>30</v>
      </c>
      <c r="V21848">
        <v>30</v>
      </c>
      <c r="W21848">
        <v>31</v>
      </c>
      <c r="X21848">
        <v>31</v>
      </c>
      <c r="Y21848">
        <v>31</v>
      </c>
      <c r="Z21848">
        <v>32</v>
      </c>
      <c r="AA21848">
        <v>32</v>
      </c>
      <c r="AB21848">
        <v>32</v>
      </c>
      <c r="AC21848">
        <v>33</v>
      </c>
      <c r="AD21848">
        <v>33</v>
      </c>
      <c r="AE21848">
        <v>33</v>
      </c>
      <c r="AF21848">
        <v>33</v>
      </c>
      <c r="AG21848">
        <v>33</v>
      </c>
      <c r="AH21848">
        <v>33</v>
      </c>
      <c r="AI21848">
        <v>32</v>
      </c>
      <c r="AJ21848">
        <v>32</v>
      </c>
      <c r="AK21848">
        <v>32</v>
      </c>
      <c r="AL21848">
        <v>32</v>
      </c>
      <c r="AM21848">
        <v>32</v>
      </c>
      <c r="AN21848">
        <v>32</v>
      </c>
      <c r="AO21848">
        <v>32</v>
      </c>
      <c r="AP21848">
        <v>31</v>
      </c>
      <c r="AQ21848">
        <v>31</v>
      </c>
    </row>
    <row r="21849" spans="1:43">
      <c r="A21849" t="s">
        <v>13533</v>
      </c>
      <c r="B21849" t="s">
        <v>13534</v>
      </c>
      <c r="C21849" t="s">
        <v>13523</v>
      </c>
      <c r="D21849" t="s">
        <v>13524</v>
      </c>
      <c r="E21849" t="s">
        <v>13293</v>
      </c>
      <c r="F21849" t="s">
        <v>13294</v>
      </c>
      <c r="G21849" t="s">
        <v>10214</v>
      </c>
      <c r="H21849" t="s">
        <v>10215</v>
      </c>
      <c r="I21849" s="2">
        <v>1</v>
      </c>
      <c r="J21849" s="2">
        <v>0</v>
      </c>
      <c r="K21849" s="2">
        <v>0</v>
      </c>
      <c r="L21849" t="s">
        <v>120</v>
      </c>
      <c r="M21849" t="s">
        <v>83</v>
      </c>
      <c r="N21849" t="s">
        <v>91</v>
      </c>
      <c r="O21849" t="s">
        <v>85</v>
      </c>
      <c r="P21849" t="s">
        <v>86</v>
      </c>
      <c r="Q21849">
        <v>28</v>
      </c>
      <c r="R21849">
        <v>28</v>
      </c>
      <c r="S21849">
        <v>28</v>
      </c>
      <c r="T21849">
        <v>29</v>
      </c>
      <c r="U21849">
        <v>29</v>
      </c>
      <c r="V21849">
        <v>29</v>
      </c>
      <c r="W21849">
        <v>29</v>
      </c>
      <c r="X21849">
        <v>29</v>
      </c>
      <c r="Y21849">
        <v>30</v>
      </c>
      <c r="Z21849">
        <v>30</v>
      </c>
      <c r="AA21849">
        <v>30</v>
      </c>
      <c r="AB21849">
        <v>30</v>
      </c>
      <c r="AC21849">
        <v>30</v>
      </c>
      <c r="AD21849">
        <v>31</v>
      </c>
      <c r="AE21849">
        <v>31</v>
      </c>
      <c r="AF21849">
        <v>31</v>
      </c>
      <c r="AG21849">
        <v>31</v>
      </c>
      <c r="AH21849">
        <v>31</v>
      </c>
      <c r="AI21849">
        <v>31</v>
      </c>
      <c r="AJ21849">
        <v>31</v>
      </c>
      <c r="AK21849">
        <v>32</v>
      </c>
      <c r="AL21849">
        <v>32</v>
      </c>
      <c r="AM21849">
        <v>31</v>
      </c>
      <c r="AN21849">
        <v>31</v>
      </c>
      <c r="AO21849">
        <v>31</v>
      </c>
      <c r="AP21849">
        <v>31</v>
      </c>
      <c r="AQ21849">
        <v>31</v>
      </c>
    </row>
    <row r="21850" spans="1:43">
      <c r="A21850" t="s">
        <v>13535</v>
      </c>
      <c r="B21850" t="s">
        <v>13536</v>
      </c>
      <c r="C21850" t="s">
        <v>13537</v>
      </c>
      <c r="D21850" t="s">
        <v>13538</v>
      </c>
      <c r="E21850" t="s">
        <v>13539</v>
      </c>
      <c r="F21850" t="s">
        <v>13540</v>
      </c>
      <c r="G21850" t="s">
        <v>10214</v>
      </c>
      <c r="H21850" t="s">
        <v>10215</v>
      </c>
      <c r="I21850" s="2">
        <v>1</v>
      </c>
      <c r="J21850" s="2">
        <v>0</v>
      </c>
      <c r="K21850" s="2">
        <v>0</v>
      </c>
      <c r="L21850" t="s">
        <v>120</v>
      </c>
      <c r="M21850" t="s">
        <v>83</v>
      </c>
      <c r="N21850" t="s">
        <v>84</v>
      </c>
      <c r="O21850" t="s">
        <v>85</v>
      </c>
      <c r="P21850" t="s">
        <v>86</v>
      </c>
      <c r="Q21850">
        <v>47</v>
      </c>
      <c r="R21850">
        <v>48</v>
      </c>
      <c r="S21850">
        <v>49</v>
      </c>
      <c r="T21850">
        <v>51</v>
      </c>
      <c r="U21850">
        <v>52</v>
      </c>
      <c r="V21850">
        <v>53</v>
      </c>
      <c r="W21850">
        <v>55</v>
      </c>
      <c r="X21850">
        <v>56</v>
      </c>
      <c r="Y21850">
        <v>58</v>
      </c>
      <c r="Z21850">
        <v>59</v>
      </c>
      <c r="AA21850">
        <v>60</v>
      </c>
      <c r="AB21850">
        <v>62</v>
      </c>
      <c r="AC21850">
        <v>63</v>
      </c>
      <c r="AD21850">
        <v>65</v>
      </c>
      <c r="AE21850">
        <v>66</v>
      </c>
      <c r="AF21850">
        <v>68</v>
      </c>
      <c r="AG21850">
        <v>70</v>
      </c>
      <c r="AH21850">
        <v>71</v>
      </c>
      <c r="AI21850">
        <v>73</v>
      </c>
      <c r="AJ21850">
        <v>75</v>
      </c>
      <c r="AK21850">
        <v>76</v>
      </c>
      <c r="AL21850">
        <v>78</v>
      </c>
      <c r="AM21850">
        <v>79</v>
      </c>
      <c r="AN21850">
        <v>80</v>
      </c>
      <c r="AO21850">
        <v>81</v>
      </c>
      <c r="AP21850">
        <v>82</v>
      </c>
      <c r="AQ21850">
        <v>83</v>
      </c>
    </row>
    <row r="21851" spans="1:43">
      <c r="A21851" t="s">
        <v>13535</v>
      </c>
      <c r="B21851" t="s">
        <v>13536</v>
      </c>
      <c r="C21851" t="s">
        <v>13537</v>
      </c>
      <c r="D21851" t="s">
        <v>13538</v>
      </c>
      <c r="E21851" t="s">
        <v>13539</v>
      </c>
      <c r="F21851" t="s">
        <v>13540</v>
      </c>
      <c r="G21851" t="s">
        <v>10214</v>
      </c>
      <c r="H21851" t="s">
        <v>10215</v>
      </c>
      <c r="I21851" s="2">
        <v>1</v>
      </c>
      <c r="J21851" s="2">
        <v>0</v>
      </c>
      <c r="K21851" s="2">
        <v>0</v>
      </c>
      <c r="L21851" t="s">
        <v>120</v>
      </c>
      <c r="M21851" t="s">
        <v>87</v>
      </c>
      <c r="N21851" t="s">
        <v>88</v>
      </c>
      <c r="O21851" t="s">
        <v>85</v>
      </c>
      <c r="P21851" t="s">
        <v>86</v>
      </c>
      <c r="Q21851">
        <v>47</v>
      </c>
      <c r="R21851">
        <v>48</v>
      </c>
      <c r="S21851">
        <v>49</v>
      </c>
      <c r="T21851">
        <v>50</v>
      </c>
      <c r="U21851">
        <v>51</v>
      </c>
      <c r="V21851">
        <v>52</v>
      </c>
      <c r="W21851">
        <v>52</v>
      </c>
      <c r="X21851">
        <v>53</v>
      </c>
      <c r="Y21851">
        <v>54</v>
      </c>
      <c r="Z21851">
        <v>55</v>
      </c>
      <c r="AA21851">
        <v>56</v>
      </c>
      <c r="AB21851">
        <v>57</v>
      </c>
      <c r="AC21851">
        <v>58</v>
      </c>
      <c r="AD21851">
        <v>59</v>
      </c>
      <c r="AE21851">
        <v>60</v>
      </c>
      <c r="AF21851">
        <v>61</v>
      </c>
      <c r="AG21851">
        <v>62</v>
      </c>
      <c r="AH21851">
        <v>63</v>
      </c>
      <c r="AI21851">
        <v>64</v>
      </c>
      <c r="AJ21851">
        <v>65</v>
      </c>
      <c r="AK21851">
        <v>66</v>
      </c>
      <c r="AL21851">
        <v>68</v>
      </c>
      <c r="AM21851">
        <v>69</v>
      </c>
      <c r="AN21851">
        <v>70</v>
      </c>
      <c r="AO21851">
        <v>71</v>
      </c>
      <c r="AP21851">
        <v>72</v>
      </c>
      <c r="AQ21851">
        <v>74</v>
      </c>
    </row>
    <row r="21852" spans="1:43">
      <c r="A21852" t="s">
        <v>13535</v>
      </c>
      <c r="B21852" t="s">
        <v>13536</v>
      </c>
      <c r="C21852" t="s">
        <v>13537</v>
      </c>
      <c r="D21852" t="s">
        <v>13538</v>
      </c>
      <c r="E21852" t="s">
        <v>13539</v>
      </c>
      <c r="F21852" t="s">
        <v>13540</v>
      </c>
      <c r="G21852" t="s">
        <v>10214</v>
      </c>
      <c r="H21852" t="s">
        <v>10215</v>
      </c>
      <c r="I21852" s="2">
        <v>1</v>
      </c>
      <c r="J21852" s="2">
        <v>0</v>
      </c>
      <c r="K21852" s="2">
        <v>0</v>
      </c>
      <c r="L21852" t="s">
        <v>120</v>
      </c>
      <c r="M21852" t="s">
        <v>89</v>
      </c>
      <c r="N21852" t="s">
        <v>90</v>
      </c>
      <c r="O21852" t="s">
        <v>85</v>
      </c>
      <c r="P21852" t="s">
        <v>86</v>
      </c>
      <c r="Q21852">
        <v>47</v>
      </c>
      <c r="R21852">
        <v>49</v>
      </c>
      <c r="S21852">
        <v>51</v>
      </c>
      <c r="T21852">
        <v>52</v>
      </c>
      <c r="U21852">
        <v>54</v>
      </c>
      <c r="V21852">
        <v>56</v>
      </c>
      <c r="W21852">
        <v>57</v>
      </c>
      <c r="X21852">
        <v>59</v>
      </c>
      <c r="Y21852">
        <v>61</v>
      </c>
      <c r="Z21852">
        <v>63</v>
      </c>
      <c r="AA21852">
        <v>64</v>
      </c>
      <c r="AB21852">
        <v>66</v>
      </c>
      <c r="AC21852">
        <v>68</v>
      </c>
      <c r="AD21852">
        <v>70</v>
      </c>
      <c r="AE21852">
        <v>71</v>
      </c>
      <c r="AF21852">
        <v>72</v>
      </c>
      <c r="AG21852">
        <v>73</v>
      </c>
      <c r="AH21852">
        <v>74</v>
      </c>
      <c r="AI21852">
        <v>75</v>
      </c>
      <c r="AJ21852">
        <v>76</v>
      </c>
      <c r="AK21852">
        <v>77</v>
      </c>
      <c r="AL21852">
        <v>78</v>
      </c>
      <c r="AM21852">
        <v>79</v>
      </c>
      <c r="AN21852">
        <v>80</v>
      </c>
      <c r="AO21852">
        <v>82</v>
      </c>
      <c r="AP21852">
        <v>83</v>
      </c>
      <c r="AQ21852">
        <v>84</v>
      </c>
    </row>
    <row r="21853" spans="1:43">
      <c r="A21853" t="s">
        <v>13535</v>
      </c>
      <c r="B21853" t="s">
        <v>13536</v>
      </c>
      <c r="C21853" t="s">
        <v>13537</v>
      </c>
      <c r="D21853" t="s">
        <v>13538</v>
      </c>
      <c r="E21853" t="s">
        <v>13539</v>
      </c>
      <c r="F21853" t="s">
        <v>13540</v>
      </c>
      <c r="G21853" t="s">
        <v>10214</v>
      </c>
      <c r="H21853" t="s">
        <v>10215</v>
      </c>
      <c r="I21853" s="2">
        <v>1</v>
      </c>
      <c r="J21853" s="2">
        <v>0</v>
      </c>
      <c r="K21853" s="2">
        <v>0</v>
      </c>
      <c r="L21853" t="s">
        <v>120</v>
      </c>
      <c r="M21853" t="s">
        <v>83</v>
      </c>
      <c r="N21853" t="s">
        <v>91</v>
      </c>
      <c r="O21853" t="s">
        <v>85</v>
      </c>
      <c r="P21853" t="s">
        <v>86</v>
      </c>
      <c r="Q21853">
        <v>47</v>
      </c>
      <c r="R21853">
        <v>48</v>
      </c>
      <c r="S21853">
        <v>49</v>
      </c>
      <c r="T21853">
        <v>51</v>
      </c>
      <c r="U21853">
        <v>52</v>
      </c>
      <c r="V21853">
        <v>53</v>
      </c>
      <c r="W21853">
        <v>55</v>
      </c>
      <c r="X21853">
        <v>56</v>
      </c>
      <c r="Y21853">
        <v>58</v>
      </c>
      <c r="Z21853">
        <v>59</v>
      </c>
      <c r="AA21853">
        <v>60</v>
      </c>
      <c r="AB21853">
        <v>62</v>
      </c>
      <c r="AC21853">
        <v>63</v>
      </c>
      <c r="AD21853">
        <v>65</v>
      </c>
      <c r="AE21853">
        <v>66</v>
      </c>
      <c r="AF21853">
        <v>68</v>
      </c>
      <c r="AG21853">
        <v>70</v>
      </c>
      <c r="AH21853">
        <v>71</v>
      </c>
      <c r="AI21853">
        <v>73</v>
      </c>
      <c r="AJ21853">
        <v>75</v>
      </c>
      <c r="AK21853">
        <v>76</v>
      </c>
      <c r="AL21853">
        <v>78</v>
      </c>
      <c r="AM21853">
        <v>79</v>
      </c>
      <c r="AN21853">
        <v>80</v>
      </c>
      <c r="AO21853">
        <v>81</v>
      </c>
      <c r="AP21853">
        <v>82</v>
      </c>
      <c r="AQ21853">
        <v>83</v>
      </c>
    </row>
    <row r="21854" spans="1:43">
      <c r="A21854" t="s">
        <v>13541</v>
      </c>
      <c r="B21854" t="s">
        <v>13542</v>
      </c>
      <c r="C21854" t="s">
        <v>13537</v>
      </c>
      <c r="D21854" t="s">
        <v>13538</v>
      </c>
      <c r="E21854" t="s">
        <v>13539</v>
      </c>
      <c r="F21854" t="s">
        <v>13540</v>
      </c>
      <c r="G21854" t="s">
        <v>10214</v>
      </c>
      <c r="H21854" t="s">
        <v>10215</v>
      </c>
      <c r="I21854" s="2">
        <v>1</v>
      </c>
      <c r="J21854" s="2">
        <v>0</v>
      </c>
      <c r="K21854" s="2">
        <v>0</v>
      </c>
      <c r="L21854" t="s">
        <v>120</v>
      </c>
      <c r="M21854" t="s">
        <v>83</v>
      </c>
      <c r="N21854" t="s">
        <v>84</v>
      </c>
      <c r="O21854" t="s">
        <v>85</v>
      </c>
      <c r="P21854" t="s">
        <v>86</v>
      </c>
      <c r="Q21854">
        <v>31</v>
      </c>
      <c r="R21854">
        <v>31</v>
      </c>
      <c r="S21854">
        <v>32</v>
      </c>
      <c r="T21854">
        <v>33</v>
      </c>
      <c r="U21854">
        <v>34</v>
      </c>
      <c r="V21854">
        <v>35</v>
      </c>
      <c r="W21854">
        <v>36</v>
      </c>
      <c r="X21854">
        <v>37</v>
      </c>
      <c r="Y21854">
        <v>38</v>
      </c>
      <c r="Z21854">
        <v>39</v>
      </c>
      <c r="AA21854">
        <v>40</v>
      </c>
      <c r="AB21854">
        <v>41</v>
      </c>
      <c r="AC21854">
        <v>42</v>
      </c>
      <c r="AD21854">
        <v>43</v>
      </c>
      <c r="AE21854">
        <v>44</v>
      </c>
      <c r="AF21854">
        <v>45</v>
      </c>
      <c r="AG21854">
        <v>46</v>
      </c>
      <c r="AH21854">
        <v>47</v>
      </c>
      <c r="AI21854">
        <v>48</v>
      </c>
      <c r="AJ21854">
        <v>49</v>
      </c>
      <c r="AK21854">
        <v>50</v>
      </c>
      <c r="AL21854">
        <v>51</v>
      </c>
      <c r="AM21854">
        <v>52</v>
      </c>
      <c r="AN21854">
        <v>52</v>
      </c>
      <c r="AO21854">
        <v>53</v>
      </c>
      <c r="AP21854">
        <v>54</v>
      </c>
      <c r="AQ21854">
        <v>55</v>
      </c>
    </row>
    <row r="21855" spans="1:43">
      <c r="A21855" t="s">
        <v>13541</v>
      </c>
      <c r="B21855" t="s">
        <v>13542</v>
      </c>
      <c r="C21855" t="s">
        <v>13537</v>
      </c>
      <c r="D21855" t="s">
        <v>13538</v>
      </c>
      <c r="E21855" t="s">
        <v>13539</v>
      </c>
      <c r="F21855" t="s">
        <v>13540</v>
      </c>
      <c r="G21855" t="s">
        <v>10214</v>
      </c>
      <c r="H21855" t="s">
        <v>10215</v>
      </c>
      <c r="I21855" s="2">
        <v>1</v>
      </c>
      <c r="J21855" s="2">
        <v>0</v>
      </c>
      <c r="K21855" s="2">
        <v>0</v>
      </c>
      <c r="L21855" t="s">
        <v>120</v>
      </c>
      <c r="M21855" t="s">
        <v>87</v>
      </c>
      <c r="N21855" t="s">
        <v>88</v>
      </c>
      <c r="O21855" t="s">
        <v>85</v>
      </c>
      <c r="P21855" t="s">
        <v>86</v>
      </c>
      <c r="Q21855">
        <v>31</v>
      </c>
      <c r="R21855">
        <v>32</v>
      </c>
      <c r="S21855">
        <v>32</v>
      </c>
      <c r="T21855">
        <v>33</v>
      </c>
      <c r="U21855">
        <v>34</v>
      </c>
      <c r="V21855">
        <v>34</v>
      </c>
      <c r="W21855">
        <v>35</v>
      </c>
      <c r="X21855">
        <v>35</v>
      </c>
      <c r="Y21855">
        <v>36</v>
      </c>
      <c r="Z21855">
        <v>37</v>
      </c>
      <c r="AA21855">
        <v>37</v>
      </c>
      <c r="AB21855">
        <v>38</v>
      </c>
      <c r="AC21855">
        <v>38</v>
      </c>
      <c r="AD21855">
        <v>39</v>
      </c>
      <c r="AE21855">
        <v>40</v>
      </c>
      <c r="AF21855">
        <v>40</v>
      </c>
      <c r="AG21855">
        <v>41</v>
      </c>
      <c r="AH21855">
        <v>42</v>
      </c>
      <c r="AI21855">
        <v>42</v>
      </c>
      <c r="AJ21855">
        <v>43</v>
      </c>
      <c r="AK21855">
        <v>44</v>
      </c>
      <c r="AL21855">
        <v>45</v>
      </c>
      <c r="AM21855">
        <v>45</v>
      </c>
      <c r="AN21855">
        <v>46</v>
      </c>
      <c r="AO21855">
        <v>47</v>
      </c>
      <c r="AP21855">
        <v>48</v>
      </c>
      <c r="AQ21855">
        <v>48</v>
      </c>
    </row>
    <row r="21856" spans="1:43">
      <c r="A21856" t="s">
        <v>13541</v>
      </c>
      <c r="B21856" t="s">
        <v>13542</v>
      </c>
      <c r="C21856" t="s">
        <v>13537</v>
      </c>
      <c r="D21856" t="s">
        <v>13538</v>
      </c>
      <c r="E21856" t="s">
        <v>13539</v>
      </c>
      <c r="F21856" t="s">
        <v>13540</v>
      </c>
      <c r="G21856" t="s">
        <v>10214</v>
      </c>
      <c r="H21856" t="s">
        <v>10215</v>
      </c>
      <c r="I21856" s="2">
        <v>1</v>
      </c>
      <c r="J21856" s="2">
        <v>0</v>
      </c>
      <c r="K21856" s="2">
        <v>0</v>
      </c>
      <c r="L21856" t="s">
        <v>120</v>
      </c>
      <c r="M21856" t="s">
        <v>89</v>
      </c>
      <c r="N21856" t="s">
        <v>90</v>
      </c>
      <c r="O21856" t="s">
        <v>85</v>
      </c>
      <c r="P21856" t="s">
        <v>86</v>
      </c>
      <c r="Q21856">
        <v>31</v>
      </c>
      <c r="R21856">
        <v>32</v>
      </c>
      <c r="S21856">
        <v>33</v>
      </c>
      <c r="T21856">
        <v>34</v>
      </c>
      <c r="U21856">
        <v>35</v>
      </c>
      <c r="V21856">
        <v>37</v>
      </c>
      <c r="W21856">
        <v>38</v>
      </c>
      <c r="X21856">
        <v>39</v>
      </c>
      <c r="Y21856">
        <v>40</v>
      </c>
      <c r="Z21856">
        <v>41</v>
      </c>
      <c r="AA21856">
        <v>42</v>
      </c>
      <c r="AB21856">
        <v>43</v>
      </c>
      <c r="AC21856">
        <v>44</v>
      </c>
      <c r="AD21856">
        <v>46</v>
      </c>
      <c r="AE21856">
        <v>47</v>
      </c>
      <c r="AF21856">
        <v>47</v>
      </c>
      <c r="AG21856">
        <v>48</v>
      </c>
      <c r="AH21856">
        <v>49</v>
      </c>
      <c r="AI21856">
        <v>49</v>
      </c>
      <c r="AJ21856">
        <v>50</v>
      </c>
      <c r="AK21856">
        <v>51</v>
      </c>
      <c r="AL21856">
        <v>51</v>
      </c>
      <c r="AM21856">
        <v>52</v>
      </c>
      <c r="AN21856">
        <v>53</v>
      </c>
      <c r="AO21856">
        <v>53</v>
      </c>
      <c r="AP21856">
        <v>54</v>
      </c>
      <c r="AQ21856">
        <v>55</v>
      </c>
    </row>
    <row r="21857" spans="1:43">
      <c r="A21857" t="s">
        <v>13541</v>
      </c>
      <c r="B21857" t="s">
        <v>13542</v>
      </c>
      <c r="C21857" t="s">
        <v>13537</v>
      </c>
      <c r="D21857" t="s">
        <v>13538</v>
      </c>
      <c r="E21857" t="s">
        <v>13539</v>
      </c>
      <c r="F21857" t="s">
        <v>13540</v>
      </c>
      <c r="G21857" t="s">
        <v>10214</v>
      </c>
      <c r="H21857" t="s">
        <v>10215</v>
      </c>
      <c r="I21857" s="2">
        <v>1</v>
      </c>
      <c r="J21857" s="2">
        <v>0</v>
      </c>
      <c r="K21857" s="2">
        <v>0</v>
      </c>
      <c r="L21857" t="s">
        <v>120</v>
      </c>
      <c r="M21857" t="s">
        <v>83</v>
      </c>
      <c r="N21857" t="s">
        <v>91</v>
      </c>
      <c r="O21857" t="s">
        <v>85</v>
      </c>
      <c r="P21857" t="s">
        <v>86</v>
      </c>
      <c r="Q21857">
        <v>31</v>
      </c>
      <c r="R21857">
        <v>31</v>
      </c>
      <c r="S21857">
        <v>32</v>
      </c>
      <c r="T21857">
        <v>33</v>
      </c>
      <c r="U21857">
        <v>34</v>
      </c>
      <c r="V21857">
        <v>35</v>
      </c>
      <c r="W21857">
        <v>36</v>
      </c>
      <c r="X21857">
        <v>37</v>
      </c>
      <c r="Y21857">
        <v>38</v>
      </c>
      <c r="Z21857">
        <v>39</v>
      </c>
      <c r="AA21857">
        <v>40</v>
      </c>
      <c r="AB21857">
        <v>41</v>
      </c>
      <c r="AC21857">
        <v>42</v>
      </c>
      <c r="AD21857">
        <v>43</v>
      </c>
      <c r="AE21857">
        <v>44</v>
      </c>
      <c r="AF21857">
        <v>45</v>
      </c>
      <c r="AG21857">
        <v>46</v>
      </c>
      <c r="AH21857">
        <v>47</v>
      </c>
      <c r="AI21857">
        <v>48</v>
      </c>
      <c r="AJ21857">
        <v>49</v>
      </c>
      <c r="AK21857">
        <v>50</v>
      </c>
      <c r="AL21857">
        <v>51</v>
      </c>
      <c r="AM21857">
        <v>52</v>
      </c>
      <c r="AN21857">
        <v>52</v>
      </c>
      <c r="AO21857">
        <v>53</v>
      </c>
      <c r="AP21857">
        <v>54</v>
      </c>
      <c r="AQ21857">
        <v>55</v>
      </c>
    </row>
    <row r="21858" spans="1:43">
      <c r="A21858" t="s">
        <v>13543</v>
      </c>
      <c r="B21858" t="s">
        <v>13544</v>
      </c>
      <c r="C21858" t="s">
        <v>13537</v>
      </c>
      <c r="D21858" t="s">
        <v>13538</v>
      </c>
      <c r="E21858" t="s">
        <v>13539</v>
      </c>
      <c r="F21858" t="s">
        <v>13540</v>
      </c>
      <c r="G21858" t="s">
        <v>10214</v>
      </c>
      <c r="H21858" t="s">
        <v>10215</v>
      </c>
      <c r="I21858" s="2">
        <v>1</v>
      </c>
      <c r="J21858" s="2">
        <v>0</v>
      </c>
      <c r="K21858" s="2">
        <v>0</v>
      </c>
      <c r="L21858" t="s">
        <v>120</v>
      </c>
      <c r="M21858" t="s">
        <v>83</v>
      </c>
      <c r="N21858" t="s">
        <v>84</v>
      </c>
      <c r="O21858" t="s">
        <v>85</v>
      </c>
      <c r="P21858" t="s">
        <v>86</v>
      </c>
      <c r="Q21858">
        <v>35</v>
      </c>
      <c r="R21858">
        <v>36</v>
      </c>
      <c r="S21858">
        <v>37</v>
      </c>
      <c r="T21858">
        <v>38</v>
      </c>
      <c r="U21858">
        <v>39</v>
      </c>
      <c r="V21858">
        <v>40</v>
      </c>
      <c r="W21858">
        <v>41</v>
      </c>
      <c r="X21858">
        <v>42</v>
      </c>
      <c r="Y21858">
        <v>43</v>
      </c>
      <c r="Z21858">
        <v>44</v>
      </c>
      <c r="AA21858">
        <v>45</v>
      </c>
      <c r="AB21858">
        <v>46</v>
      </c>
      <c r="AC21858">
        <v>47</v>
      </c>
      <c r="AD21858">
        <v>48</v>
      </c>
      <c r="AE21858">
        <v>50</v>
      </c>
      <c r="AF21858">
        <v>51</v>
      </c>
      <c r="AG21858">
        <v>52</v>
      </c>
      <c r="AH21858">
        <v>53</v>
      </c>
      <c r="AI21858">
        <v>54</v>
      </c>
      <c r="AJ21858">
        <v>56</v>
      </c>
      <c r="AK21858">
        <v>57</v>
      </c>
      <c r="AL21858">
        <v>58</v>
      </c>
      <c r="AM21858">
        <v>59</v>
      </c>
      <c r="AN21858">
        <v>60</v>
      </c>
      <c r="AO21858">
        <v>60</v>
      </c>
      <c r="AP21858">
        <v>61</v>
      </c>
      <c r="AQ21858">
        <v>62</v>
      </c>
    </row>
    <row r="21859" spans="1:43">
      <c r="A21859" t="s">
        <v>13543</v>
      </c>
      <c r="B21859" t="s">
        <v>13544</v>
      </c>
      <c r="C21859" t="s">
        <v>13537</v>
      </c>
      <c r="D21859" t="s">
        <v>13538</v>
      </c>
      <c r="E21859" t="s">
        <v>13539</v>
      </c>
      <c r="F21859" t="s">
        <v>13540</v>
      </c>
      <c r="G21859" t="s">
        <v>10214</v>
      </c>
      <c r="H21859" t="s">
        <v>10215</v>
      </c>
      <c r="I21859" s="2">
        <v>1</v>
      </c>
      <c r="J21859" s="2">
        <v>0</v>
      </c>
      <c r="K21859" s="2">
        <v>0</v>
      </c>
      <c r="L21859" t="s">
        <v>120</v>
      </c>
      <c r="M21859" t="s">
        <v>87</v>
      </c>
      <c r="N21859" t="s">
        <v>88</v>
      </c>
      <c r="O21859" t="s">
        <v>85</v>
      </c>
      <c r="P21859" t="s">
        <v>86</v>
      </c>
      <c r="Q21859">
        <v>35</v>
      </c>
      <c r="R21859">
        <v>35</v>
      </c>
      <c r="S21859">
        <v>36</v>
      </c>
      <c r="T21859">
        <v>36</v>
      </c>
      <c r="U21859">
        <v>37</v>
      </c>
      <c r="V21859">
        <v>38</v>
      </c>
      <c r="W21859">
        <v>38</v>
      </c>
      <c r="X21859">
        <v>39</v>
      </c>
      <c r="Y21859">
        <v>40</v>
      </c>
      <c r="Z21859">
        <v>40</v>
      </c>
      <c r="AA21859">
        <v>41</v>
      </c>
      <c r="AB21859">
        <v>42</v>
      </c>
      <c r="AC21859">
        <v>43</v>
      </c>
      <c r="AD21859">
        <v>43</v>
      </c>
      <c r="AE21859">
        <v>44</v>
      </c>
      <c r="AF21859">
        <v>45</v>
      </c>
      <c r="AG21859">
        <v>46</v>
      </c>
      <c r="AH21859">
        <v>46</v>
      </c>
      <c r="AI21859">
        <v>47</v>
      </c>
      <c r="AJ21859">
        <v>48</v>
      </c>
      <c r="AK21859">
        <v>49</v>
      </c>
      <c r="AL21859">
        <v>50</v>
      </c>
      <c r="AM21859">
        <v>50</v>
      </c>
      <c r="AN21859">
        <v>51</v>
      </c>
      <c r="AO21859">
        <v>52</v>
      </c>
      <c r="AP21859">
        <v>53</v>
      </c>
      <c r="AQ21859">
        <v>54</v>
      </c>
    </row>
    <row r="21860" spans="1:43">
      <c r="A21860" t="s">
        <v>13543</v>
      </c>
      <c r="B21860" t="s">
        <v>13544</v>
      </c>
      <c r="C21860" t="s">
        <v>13537</v>
      </c>
      <c r="D21860" t="s">
        <v>13538</v>
      </c>
      <c r="E21860" t="s">
        <v>13539</v>
      </c>
      <c r="F21860" t="s">
        <v>13540</v>
      </c>
      <c r="G21860" t="s">
        <v>10214</v>
      </c>
      <c r="H21860" t="s">
        <v>10215</v>
      </c>
      <c r="I21860" s="2">
        <v>1</v>
      </c>
      <c r="J21860" s="2">
        <v>0</v>
      </c>
      <c r="K21860" s="2">
        <v>0</v>
      </c>
      <c r="L21860" t="s">
        <v>120</v>
      </c>
      <c r="M21860" t="s">
        <v>89</v>
      </c>
      <c r="N21860" t="s">
        <v>90</v>
      </c>
      <c r="O21860" t="s">
        <v>85</v>
      </c>
      <c r="P21860" t="s">
        <v>86</v>
      </c>
      <c r="Q21860">
        <v>35</v>
      </c>
      <c r="R21860">
        <v>36</v>
      </c>
      <c r="S21860">
        <v>38</v>
      </c>
      <c r="T21860">
        <v>39</v>
      </c>
      <c r="U21860">
        <v>40</v>
      </c>
      <c r="V21860">
        <v>42</v>
      </c>
      <c r="W21860">
        <v>43</v>
      </c>
      <c r="X21860">
        <v>44</v>
      </c>
      <c r="Y21860">
        <v>45</v>
      </c>
      <c r="Z21860">
        <v>47</v>
      </c>
      <c r="AA21860">
        <v>48</v>
      </c>
      <c r="AB21860">
        <v>49</v>
      </c>
      <c r="AC21860">
        <v>51</v>
      </c>
      <c r="AD21860">
        <v>52</v>
      </c>
      <c r="AE21860">
        <v>53</v>
      </c>
      <c r="AF21860">
        <v>54</v>
      </c>
      <c r="AG21860">
        <v>55</v>
      </c>
      <c r="AH21860">
        <v>55</v>
      </c>
      <c r="AI21860">
        <v>56</v>
      </c>
      <c r="AJ21860">
        <v>57</v>
      </c>
      <c r="AK21860">
        <v>58</v>
      </c>
      <c r="AL21860">
        <v>58</v>
      </c>
      <c r="AM21860">
        <v>59</v>
      </c>
      <c r="AN21860">
        <v>60</v>
      </c>
      <c r="AO21860">
        <v>61</v>
      </c>
      <c r="AP21860">
        <v>62</v>
      </c>
      <c r="AQ21860">
        <v>63</v>
      </c>
    </row>
    <row r="21861" spans="1:43">
      <c r="A21861" t="s">
        <v>13543</v>
      </c>
      <c r="B21861" t="s">
        <v>13544</v>
      </c>
      <c r="C21861" t="s">
        <v>13537</v>
      </c>
      <c r="D21861" t="s">
        <v>13538</v>
      </c>
      <c r="E21861" t="s">
        <v>13539</v>
      </c>
      <c r="F21861" t="s">
        <v>13540</v>
      </c>
      <c r="G21861" t="s">
        <v>10214</v>
      </c>
      <c r="H21861" t="s">
        <v>10215</v>
      </c>
      <c r="I21861" s="2">
        <v>1</v>
      </c>
      <c r="J21861" s="2">
        <v>0</v>
      </c>
      <c r="K21861" s="2">
        <v>0</v>
      </c>
      <c r="L21861" t="s">
        <v>120</v>
      </c>
      <c r="M21861" t="s">
        <v>83</v>
      </c>
      <c r="N21861" t="s">
        <v>91</v>
      </c>
      <c r="O21861" t="s">
        <v>85</v>
      </c>
      <c r="P21861" t="s">
        <v>86</v>
      </c>
      <c r="Q21861">
        <v>35</v>
      </c>
      <c r="R21861">
        <v>36</v>
      </c>
      <c r="S21861">
        <v>37</v>
      </c>
      <c r="T21861">
        <v>38</v>
      </c>
      <c r="U21861">
        <v>39</v>
      </c>
      <c r="V21861">
        <v>40</v>
      </c>
      <c r="W21861">
        <v>41</v>
      </c>
      <c r="X21861">
        <v>42</v>
      </c>
      <c r="Y21861">
        <v>43</v>
      </c>
      <c r="Z21861">
        <v>44</v>
      </c>
      <c r="AA21861">
        <v>45</v>
      </c>
      <c r="AB21861">
        <v>46</v>
      </c>
      <c r="AC21861">
        <v>47</v>
      </c>
      <c r="AD21861">
        <v>48</v>
      </c>
      <c r="AE21861">
        <v>50</v>
      </c>
      <c r="AF21861">
        <v>51</v>
      </c>
      <c r="AG21861">
        <v>52</v>
      </c>
      <c r="AH21861">
        <v>53</v>
      </c>
      <c r="AI21861">
        <v>54</v>
      </c>
      <c r="AJ21861">
        <v>56</v>
      </c>
      <c r="AK21861">
        <v>57</v>
      </c>
      <c r="AL21861">
        <v>58</v>
      </c>
      <c r="AM21861">
        <v>59</v>
      </c>
      <c r="AN21861">
        <v>60</v>
      </c>
      <c r="AO21861">
        <v>60</v>
      </c>
      <c r="AP21861">
        <v>61</v>
      </c>
      <c r="AQ21861">
        <v>62</v>
      </c>
    </row>
    <row r="21862" spans="1:43">
      <c r="A21862" t="s">
        <v>13545</v>
      </c>
      <c r="B21862" t="s">
        <v>13546</v>
      </c>
      <c r="C21862" t="s">
        <v>13547</v>
      </c>
      <c r="D21862" t="s">
        <v>13548</v>
      </c>
      <c r="E21862" t="s">
        <v>13539</v>
      </c>
      <c r="F21862" t="s">
        <v>13540</v>
      </c>
      <c r="G21862" t="s">
        <v>10214</v>
      </c>
      <c r="H21862" t="s">
        <v>10215</v>
      </c>
      <c r="I21862" s="2">
        <v>1</v>
      </c>
      <c r="J21862" s="2">
        <v>0</v>
      </c>
      <c r="K21862" s="2">
        <v>0</v>
      </c>
      <c r="L21862" t="s">
        <v>120</v>
      </c>
      <c r="M21862" t="s">
        <v>83</v>
      </c>
      <c r="N21862" t="s">
        <v>84</v>
      </c>
      <c r="O21862" t="s">
        <v>85</v>
      </c>
      <c r="P21862" t="s">
        <v>86</v>
      </c>
      <c r="Q21862">
        <v>5</v>
      </c>
      <c r="R21862">
        <v>5</v>
      </c>
      <c r="S21862">
        <v>5</v>
      </c>
      <c r="T21862">
        <v>5</v>
      </c>
      <c r="U21862">
        <v>6</v>
      </c>
      <c r="V21862">
        <v>6</v>
      </c>
      <c r="W21862">
        <v>6</v>
      </c>
      <c r="X21862">
        <v>6</v>
      </c>
      <c r="Y21862">
        <v>6</v>
      </c>
      <c r="Z21862">
        <v>6</v>
      </c>
      <c r="AA21862">
        <v>6</v>
      </c>
      <c r="AB21862">
        <v>7</v>
      </c>
      <c r="AC21862">
        <v>7</v>
      </c>
      <c r="AD21862">
        <v>7</v>
      </c>
      <c r="AE21862">
        <v>7</v>
      </c>
      <c r="AF21862">
        <v>7</v>
      </c>
      <c r="AG21862">
        <v>7</v>
      </c>
      <c r="AH21862">
        <v>8</v>
      </c>
      <c r="AI21862">
        <v>8</v>
      </c>
      <c r="AJ21862">
        <v>8</v>
      </c>
      <c r="AK21862">
        <v>8</v>
      </c>
      <c r="AL21862">
        <v>8</v>
      </c>
      <c r="AM21862">
        <v>8</v>
      </c>
      <c r="AN21862">
        <v>9</v>
      </c>
      <c r="AO21862">
        <v>9</v>
      </c>
      <c r="AP21862">
        <v>9</v>
      </c>
      <c r="AQ21862">
        <v>9</v>
      </c>
    </row>
    <row r="21863" spans="1:43">
      <c r="A21863" t="s">
        <v>13545</v>
      </c>
      <c r="B21863" t="s">
        <v>13546</v>
      </c>
      <c r="C21863" t="s">
        <v>13547</v>
      </c>
      <c r="D21863" t="s">
        <v>13548</v>
      </c>
      <c r="E21863" t="s">
        <v>13539</v>
      </c>
      <c r="F21863" t="s">
        <v>13540</v>
      </c>
      <c r="G21863" t="s">
        <v>10214</v>
      </c>
      <c r="H21863" t="s">
        <v>10215</v>
      </c>
      <c r="I21863" s="2">
        <v>1</v>
      </c>
      <c r="J21863" s="2">
        <v>0</v>
      </c>
      <c r="K21863" s="2">
        <v>0</v>
      </c>
      <c r="L21863" t="s">
        <v>120</v>
      </c>
      <c r="M21863" t="s">
        <v>87</v>
      </c>
      <c r="N21863" t="s">
        <v>88</v>
      </c>
      <c r="O21863" t="s">
        <v>85</v>
      </c>
      <c r="P21863" t="s">
        <v>86</v>
      </c>
      <c r="Q21863">
        <v>5</v>
      </c>
      <c r="R21863">
        <v>5</v>
      </c>
      <c r="S21863">
        <v>5</v>
      </c>
      <c r="T21863">
        <v>5</v>
      </c>
      <c r="U21863">
        <v>5</v>
      </c>
      <c r="V21863">
        <v>5</v>
      </c>
      <c r="W21863">
        <v>6</v>
      </c>
      <c r="X21863">
        <v>6</v>
      </c>
      <c r="Y21863">
        <v>6</v>
      </c>
      <c r="Z21863">
        <v>6</v>
      </c>
      <c r="AA21863">
        <v>6</v>
      </c>
      <c r="AB21863">
        <v>6</v>
      </c>
      <c r="AC21863">
        <v>6</v>
      </c>
      <c r="AD21863">
        <v>6</v>
      </c>
      <c r="AE21863">
        <v>6</v>
      </c>
      <c r="AF21863">
        <v>6</v>
      </c>
      <c r="AG21863">
        <v>7</v>
      </c>
      <c r="AH21863">
        <v>7</v>
      </c>
      <c r="AI21863">
        <v>7</v>
      </c>
      <c r="AJ21863">
        <v>7</v>
      </c>
      <c r="AK21863">
        <v>7</v>
      </c>
      <c r="AL21863">
        <v>7</v>
      </c>
      <c r="AM21863">
        <v>7</v>
      </c>
      <c r="AN21863">
        <v>7</v>
      </c>
      <c r="AO21863">
        <v>8</v>
      </c>
      <c r="AP21863">
        <v>8</v>
      </c>
      <c r="AQ21863">
        <v>8</v>
      </c>
    </row>
    <row r="21864" spans="1:43">
      <c r="A21864" t="s">
        <v>13545</v>
      </c>
      <c r="B21864" t="s">
        <v>13546</v>
      </c>
      <c r="C21864" t="s">
        <v>13547</v>
      </c>
      <c r="D21864" t="s">
        <v>13548</v>
      </c>
      <c r="E21864" t="s">
        <v>13539</v>
      </c>
      <c r="F21864" t="s">
        <v>13540</v>
      </c>
      <c r="G21864" t="s">
        <v>10214</v>
      </c>
      <c r="H21864" t="s">
        <v>10215</v>
      </c>
      <c r="I21864" s="2">
        <v>1</v>
      </c>
      <c r="J21864" s="2">
        <v>0</v>
      </c>
      <c r="K21864" s="2">
        <v>0</v>
      </c>
      <c r="L21864" t="s">
        <v>120</v>
      </c>
      <c r="M21864" t="s">
        <v>89</v>
      </c>
      <c r="N21864" t="s">
        <v>90</v>
      </c>
      <c r="O21864" t="s">
        <v>85</v>
      </c>
      <c r="P21864" t="s">
        <v>86</v>
      </c>
      <c r="Q21864">
        <v>5</v>
      </c>
      <c r="R21864">
        <v>5</v>
      </c>
      <c r="S21864">
        <v>5</v>
      </c>
      <c r="T21864">
        <v>6</v>
      </c>
      <c r="U21864">
        <v>6</v>
      </c>
      <c r="V21864">
        <v>6</v>
      </c>
      <c r="W21864">
        <v>6</v>
      </c>
      <c r="X21864">
        <v>6</v>
      </c>
      <c r="Y21864">
        <v>7</v>
      </c>
      <c r="Z21864">
        <v>7</v>
      </c>
      <c r="AA21864">
        <v>7</v>
      </c>
      <c r="AB21864">
        <v>7</v>
      </c>
      <c r="AC21864">
        <v>7</v>
      </c>
      <c r="AD21864">
        <v>7</v>
      </c>
      <c r="AE21864">
        <v>8</v>
      </c>
      <c r="AF21864">
        <v>8</v>
      </c>
      <c r="AG21864">
        <v>8</v>
      </c>
      <c r="AH21864">
        <v>8</v>
      </c>
      <c r="AI21864">
        <v>8</v>
      </c>
      <c r="AJ21864">
        <v>8</v>
      </c>
      <c r="AK21864">
        <v>8</v>
      </c>
      <c r="AL21864">
        <v>8</v>
      </c>
      <c r="AM21864">
        <v>9</v>
      </c>
      <c r="AN21864">
        <v>9</v>
      </c>
      <c r="AO21864">
        <v>9</v>
      </c>
      <c r="AP21864">
        <v>9</v>
      </c>
      <c r="AQ21864">
        <v>9</v>
      </c>
    </row>
    <row r="21865" spans="1:43">
      <c r="A21865" t="s">
        <v>13545</v>
      </c>
      <c r="B21865" t="s">
        <v>13546</v>
      </c>
      <c r="C21865" t="s">
        <v>13547</v>
      </c>
      <c r="D21865" t="s">
        <v>13548</v>
      </c>
      <c r="E21865" t="s">
        <v>13539</v>
      </c>
      <c r="F21865" t="s">
        <v>13540</v>
      </c>
      <c r="G21865" t="s">
        <v>10214</v>
      </c>
      <c r="H21865" t="s">
        <v>10215</v>
      </c>
      <c r="I21865" s="2">
        <v>1</v>
      </c>
      <c r="J21865" s="2">
        <v>0</v>
      </c>
      <c r="K21865" s="2">
        <v>0</v>
      </c>
      <c r="L21865" t="s">
        <v>120</v>
      </c>
      <c r="M21865" t="s">
        <v>83</v>
      </c>
      <c r="N21865" t="s">
        <v>91</v>
      </c>
      <c r="O21865" t="s">
        <v>85</v>
      </c>
      <c r="P21865" t="s">
        <v>86</v>
      </c>
      <c r="Q21865">
        <v>5</v>
      </c>
      <c r="R21865">
        <v>5</v>
      </c>
      <c r="S21865">
        <v>5</v>
      </c>
      <c r="T21865">
        <v>5</v>
      </c>
      <c r="U21865">
        <v>6</v>
      </c>
      <c r="V21865">
        <v>6</v>
      </c>
      <c r="W21865">
        <v>6</v>
      </c>
      <c r="X21865">
        <v>6</v>
      </c>
      <c r="Y21865">
        <v>6</v>
      </c>
      <c r="Z21865">
        <v>6</v>
      </c>
      <c r="AA21865">
        <v>6</v>
      </c>
      <c r="AB21865">
        <v>7</v>
      </c>
      <c r="AC21865">
        <v>7</v>
      </c>
      <c r="AD21865">
        <v>7</v>
      </c>
      <c r="AE21865">
        <v>7</v>
      </c>
      <c r="AF21865">
        <v>7</v>
      </c>
      <c r="AG21865">
        <v>7</v>
      </c>
      <c r="AH21865">
        <v>8</v>
      </c>
      <c r="AI21865">
        <v>8</v>
      </c>
      <c r="AJ21865">
        <v>8</v>
      </c>
      <c r="AK21865">
        <v>8</v>
      </c>
      <c r="AL21865">
        <v>8</v>
      </c>
      <c r="AM21865">
        <v>8</v>
      </c>
      <c r="AN21865">
        <v>9</v>
      </c>
      <c r="AO21865">
        <v>9</v>
      </c>
      <c r="AP21865">
        <v>9</v>
      </c>
      <c r="AQ21865">
        <v>9</v>
      </c>
    </row>
    <row r="21866" spans="1:43">
      <c r="A21866" t="s">
        <v>13549</v>
      </c>
      <c r="B21866" t="s">
        <v>13550</v>
      </c>
      <c r="C21866" t="s">
        <v>13547</v>
      </c>
      <c r="D21866" t="s">
        <v>13548</v>
      </c>
      <c r="E21866" t="s">
        <v>13539</v>
      </c>
      <c r="F21866" t="s">
        <v>13540</v>
      </c>
      <c r="G21866" t="s">
        <v>10214</v>
      </c>
      <c r="H21866" t="s">
        <v>10215</v>
      </c>
      <c r="I21866" s="2">
        <v>1</v>
      </c>
      <c r="J21866" s="2">
        <v>0</v>
      </c>
      <c r="K21866" s="2">
        <v>0</v>
      </c>
      <c r="L21866" t="s">
        <v>120</v>
      </c>
      <c r="M21866" t="s">
        <v>83</v>
      </c>
      <c r="N21866" t="s">
        <v>84</v>
      </c>
      <c r="O21866" t="s">
        <v>85</v>
      </c>
      <c r="P21866" t="s">
        <v>86</v>
      </c>
      <c r="Q21866">
        <v>10</v>
      </c>
      <c r="R21866">
        <v>10</v>
      </c>
      <c r="S21866">
        <v>10</v>
      </c>
      <c r="T21866">
        <v>11</v>
      </c>
      <c r="U21866">
        <v>11</v>
      </c>
      <c r="V21866">
        <v>11</v>
      </c>
      <c r="W21866">
        <v>11</v>
      </c>
      <c r="X21866">
        <v>12</v>
      </c>
      <c r="Y21866">
        <v>12</v>
      </c>
      <c r="Z21866">
        <v>12</v>
      </c>
      <c r="AA21866">
        <v>13</v>
      </c>
      <c r="AB21866">
        <v>13</v>
      </c>
      <c r="AC21866">
        <v>13</v>
      </c>
      <c r="AD21866">
        <v>14</v>
      </c>
      <c r="AE21866">
        <v>14</v>
      </c>
      <c r="AF21866">
        <v>14</v>
      </c>
      <c r="AG21866">
        <v>15</v>
      </c>
      <c r="AH21866">
        <v>15</v>
      </c>
      <c r="AI21866">
        <v>15</v>
      </c>
      <c r="AJ21866">
        <v>16</v>
      </c>
      <c r="AK21866">
        <v>16</v>
      </c>
      <c r="AL21866">
        <v>16</v>
      </c>
      <c r="AM21866">
        <v>17</v>
      </c>
      <c r="AN21866">
        <v>17</v>
      </c>
      <c r="AO21866">
        <v>17</v>
      </c>
      <c r="AP21866">
        <v>17</v>
      </c>
      <c r="AQ21866">
        <v>17</v>
      </c>
    </row>
    <row r="21867" spans="1:43">
      <c r="A21867" t="s">
        <v>13549</v>
      </c>
      <c r="B21867" t="s">
        <v>13550</v>
      </c>
      <c r="C21867" t="s">
        <v>13547</v>
      </c>
      <c r="D21867" t="s">
        <v>13548</v>
      </c>
      <c r="E21867" t="s">
        <v>13539</v>
      </c>
      <c r="F21867" t="s">
        <v>13540</v>
      </c>
      <c r="G21867" t="s">
        <v>10214</v>
      </c>
      <c r="H21867" t="s">
        <v>10215</v>
      </c>
      <c r="I21867" s="2">
        <v>1</v>
      </c>
      <c r="J21867" s="2">
        <v>0</v>
      </c>
      <c r="K21867" s="2">
        <v>0</v>
      </c>
      <c r="L21867" t="s">
        <v>120</v>
      </c>
      <c r="M21867" t="s">
        <v>87</v>
      </c>
      <c r="N21867" t="s">
        <v>88</v>
      </c>
      <c r="O21867" t="s">
        <v>85</v>
      </c>
      <c r="P21867" t="s">
        <v>86</v>
      </c>
      <c r="Q21867">
        <v>10</v>
      </c>
      <c r="R21867">
        <v>10</v>
      </c>
      <c r="S21867">
        <v>10</v>
      </c>
      <c r="T21867">
        <v>10</v>
      </c>
      <c r="U21867">
        <v>10</v>
      </c>
      <c r="V21867">
        <v>11</v>
      </c>
      <c r="W21867">
        <v>11</v>
      </c>
      <c r="X21867">
        <v>11</v>
      </c>
      <c r="Y21867">
        <v>11</v>
      </c>
      <c r="Z21867">
        <v>11</v>
      </c>
      <c r="AA21867">
        <v>11</v>
      </c>
      <c r="AB21867">
        <v>12</v>
      </c>
      <c r="AC21867">
        <v>12</v>
      </c>
      <c r="AD21867">
        <v>12</v>
      </c>
      <c r="AE21867">
        <v>12</v>
      </c>
      <c r="AF21867">
        <v>13</v>
      </c>
      <c r="AG21867">
        <v>13</v>
      </c>
      <c r="AH21867">
        <v>13</v>
      </c>
      <c r="AI21867">
        <v>13</v>
      </c>
      <c r="AJ21867">
        <v>13</v>
      </c>
      <c r="AK21867">
        <v>14</v>
      </c>
      <c r="AL21867">
        <v>14</v>
      </c>
      <c r="AM21867">
        <v>14</v>
      </c>
      <c r="AN21867">
        <v>14</v>
      </c>
      <c r="AO21867">
        <v>15</v>
      </c>
      <c r="AP21867">
        <v>15</v>
      </c>
      <c r="AQ21867">
        <v>15</v>
      </c>
    </row>
    <row r="21868" spans="1:43">
      <c r="A21868" t="s">
        <v>13549</v>
      </c>
      <c r="B21868" t="s">
        <v>13550</v>
      </c>
      <c r="C21868" t="s">
        <v>13547</v>
      </c>
      <c r="D21868" t="s">
        <v>13548</v>
      </c>
      <c r="E21868" t="s">
        <v>13539</v>
      </c>
      <c r="F21868" t="s">
        <v>13540</v>
      </c>
      <c r="G21868" t="s">
        <v>10214</v>
      </c>
      <c r="H21868" t="s">
        <v>10215</v>
      </c>
      <c r="I21868" s="2">
        <v>1</v>
      </c>
      <c r="J21868" s="2">
        <v>0</v>
      </c>
      <c r="K21868" s="2">
        <v>0</v>
      </c>
      <c r="L21868" t="s">
        <v>120</v>
      </c>
      <c r="M21868" t="s">
        <v>89</v>
      </c>
      <c r="N21868" t="s">
        <v>90</v>
      </c>
      <c r="O21868" t="s">
        <v>85</v>
      </c>
      <c r="P21868" t="s">
        <v>86</v>
      </c>
      <c r="Q21868">
        <v>10</v>
      </c>
      <c r="R21868">
        <v>10</v>
      </c>
      <c r="S21868">
        <v>11</v>
      </c>
      <c r="T21868">
        <v>11</v>
      </c>
      <c r="U21868">
        <v>11</v>
      </c>
      <c r="V21868">
        <v>12</v>
      </c>
      <c r="W21868">
        <v>12</v>
      </c>
      <c r="X21868">
        <v>12</v>
      </c>
      <c r="Y21868">
        <v>13</v>
      </c>
      <c r="Z21868">
        <v>13</v>
      </c>
      <c r="AA21868">
        <v>13</v>
      </c>
      <c r="AB21868">
        <v>14</v>
      </c>
      <c r="AC21868">
        <v>14</v>
      </c>
      <c r="AD21868">
        <v>15</v>
      </c>
      <c r="AE21868">
        <v>15</v>
      </c>
      <c r="AF21868">
        <v>15</v>
      </c>
      <c r="AG21868">
        <v>15</v>
      </c>
      <c r="AH21868">
        <v>16</v>
      </c>
      <c r="AI21868">
        <v>16</v>
      </c>
      <c r="AJ21868">
        <v>16</v>
      </c>
      <c r="AK21868">
        <v>16</v>
      </c>
      <c r="AL21868">
        <v>16</v>
      </c>
      <c r="AM21868">
        <v>17</v>
      </c>
      <c r="AN21868">
        <v>17</v>
      </c>
      <c r="AO21868">
        <v>17</v>
      </c>
      <c r="AP21868">
        <v>17</v>
      </c>
      <c r="AQ21868">
        <v>18</v>
      </c>
    </row>
    <row r="21869" spans="1:43">
      <c r="A21869" t="s">
        <v>13549</v>
      </c>
      <c r="B21869" t="s">
        <v>13550</v>
      </c>
      <c r="C21869" t="s">
        <v>13547</v>
      </c>
      <c r="D21869" t="s">
        <v>13548</v>
      </c>
      <c r="E21869" t="s">
        <v>13539</v>
      </c>
      <c r="F21869" t="s">
        <v>13540</v>
      </c>
      <c r="G21869" t="s">
        <v>10214</v>
      </c>
      <c r="H21869" t="s">
        <v>10215</v>
      </c>
      <c r="I21869" s="2">
        <v>1</v>
      </c>
      <c r="J21869" s="2">
        <v>0</v>
      </c>
      <c r="K21869" s="2">
        <v>0</v>
      </c>
      <c r="L21869" t="s">
        <v>120</v>
      </c>
      <c r="M21869" t="s">
        <v>83</v>
      </c>
      <c r="N21869" t="s">
        <v>91</v>
      </c>
      <c r="O21869" t="s">
        <v>85</v>
      </c>
      <c r="P21869" t="s">
        <v>86</v>
      </c>
      <c r="Q21869">
        <v>10</v>
      </c>
      <c r="R21869">
        <v>10</v>
      </c>
      <c r="S21869">
        <v>10</v>
      </c>
      <c r="T21869">
        <v>11</v>
      </c>
      <c r="U21869">
        <v>11</v>
      </c>
      <c r="V21869">
        <v>11</v>
      </c>
      <c r="W21869">
        <v>11</v>
      </c>
      <c r="X21869">
        <v>12</v>
      </c>
      <c r="Y21869">
        <v>12</v>
      </c>
      <c r="Z21869">
        <v>12</v>
      </c>
      <c r="AA21869">
        <v>13</v>
      </c>
      <c r="AB21869">
        <v>13</v>
      </c>
      <c r="AC21869">
        <v>13</v>
      </c>
      <c r="AD21869">
        <v>14</v>
      </c>
      <c r="AE21869">
        <v>14</v>
      </c>
      <c r="AF21869">
        <v>14</v>
      </c>
      <c r="AG21869">
        <v>15</v>
      </c>
      <c r="AH21869">
        <v>15</v>
      </c>
      <c r="AI21869">
        <v>15</v>
      </c>
      <c r="AJ21869">
        <v>16</v>
      </c>
      <c r="AK21869">
        <v>16</v>
      </c>
      <c r="AL21869">
        <v>16</v>
      </c>
      <c r="AM21869">
        <v>17</v>
      </c>
      <c r="AN21869">
        <v>17</v>
      </c>
      <c r="AO21869">
        <v>17</v>
      </c>
      <c r="AP21869">
        <v>17</v>
      </c>
      <c r="AQ21869">
        <v>17</v>
      </c>
    </row>
    <row r="21870" spans="1:43">
      <c r="A21870" t="s">
        <v>13551</v>
      </c>
      <c r="B21870" t="s">
        <v>13552</v>
      </c>
      <c r="C21870" t="s">
        <v>13547</v>
      </c>
      <c r="D21870" t="s">
        <v>13548</v>
      </c>
      <c r="E21870" t="s">
        <v>13539</v>
      </c>
      <c r="F21870" t="s">
        <v>13540</v>
      </c>
      <c r="G21870" t="s">
        <v>10214</v>
      </c>
      <c r="H21870" t="s">
        <v>10215</v>
      </c>
      <c r="I21870" s="2">
        <v>1</v>
      </c>
      <c r="J21870" s="2">
        <v>0</v>
      </c>
      <c r="K21870" s="2">
        <v>0</v>
      </c>
      <c r="L21870" t="s">
        <v>120</v>
      </c>
      <c r="M21870" t="s">
        <v>83</v>
      </c>
      <c r="N21870" t="s">
        <v>84</v>
      </c>
      <c r="O21870" t="s">
        <v>85</v>
      </c>
      <c r="P21870" t="s">
        <v>86</v>
      </c>
      <c r="Q21870">
        <v>75</v>
      </c>
      <c r="R21870">
        <v>77</v>
      </c>
      <c r="S21870">
        <v>79</v>
      </c>
      <c r="T21870">
        <v>81</v>
      </c>
      <c r="U21870">
        <v>84</v>
      </c>
      <c r="V21870">
        <v>86</v>
      </c>
      <c r="W21870">
        <v>88</v>
      </c>
      <c r="X21870">
        <v>90</v>
      </c>
      <c r="Y21870">
        <v>93</v>
      </c>
      <c r="Z21870">
        <v>95</v>
      </c>
      <c r="AA21870">
        <v>97</v>
      </c>
      <c r="AB21870">
        <v>100</v>
      </c>
      <c r="AC21870">
        <v>102</v>
      </c>
      <c r="AD21870">
        <v>104</v>
      </c>
      <c r="AE21870">
        <v>107</v>
      </c>
      <c r="AF21870">
        <v>110</v>
      </c>
      <c r="AG21870">
        <v>112</v>
      </c>
      <c r="AH21870">
        <v>115</v>
      </c>
      <c r="AI21870">
        <v>118</v>
      </c>
      <c r="AJ21870">
        <v>121</v>
      </c>
      <c r="AK21870">
        <v>123</v>
      </c>
      <c r="AL21870">
        <v>125</v>
      </c>
      <c r="AM21870">
        <v>127</v>
      </c>
      <c r="AN21870">
        <v>129</v>
      </c>
      <c r="AO21870">
        <v>131</v>
      </c>
      <c r="AP21870">
        <v>133</v>
      </c>
      <c r="AQ21870">
        <v>135</v>
      </c>
    </row>
    <row r="21871" spans="1:43">
      <c r="A21871" t="s">
        <v>13551</v>
      </c>
      <c r="B21871" t="s">
        <v>13552</v>
      </c>
      <c r="C21871" t="s">
        <v>13547</v>
      </c>
      <c r="D21871" t="s">
        <v>13548</v>
      </c>
      <c r="E21871" t="s">
        <v>13539</v>
      </c>
      <c r="F21871" t="s">
        <v>13540</v>
      </c>
      <c r="G21871" t="s">
        <v>10214</v>
      </c>
      <c r="H21871" t="s">
        <v>10215</v>
      </c>
      <c r="I21871" s="2">
        <v>1</v>
      </c>
      <c r="J21871" s="2">
        <v>0</v>
      </c>
      <c r="K21871" s="2">
        <v>0</v>
      </c>
      <c r="L21871" t="s">
        <v>120</v>
      </c>
      <c r="M21871" t="s">
        <v>87</v>
      </c>
      <c r="N21871" t="s">
        <v>88</v>
      </c>
      <c r="O21871" t="s">
        <v>85</v>
      </c>
      <c r="P21871" t="s">
        <v>86</v>
      </c>
      <c r="Q21871">
        <v>75</v>
      </c>
      <c r="R21871">
        <v>77</v>
      </c>
      <c r="S21871">
        <v>78</v>
      </c>
      <c r="T21871">
        <v>80</v>
      </c>
      <c r="U21871">
        <v>81</v>
      </c>
      <c r="V21871">
        <v>82</v>
      </c>
      <c r="W21871">
        <v>84</v>
      </c>
      <c r="X21871">
        <v>85</v>
      </c>
      <c r="Y21871">
        <v>87</v>
      </c>
      <c r="Z21871">
        <v>88</v>
      </c>
      <c r="AA21871">
        <v>90</v>
      </c>
      <c r="AB21871">
        <v>91</v>
      </c>
      <c r="AC21871">
        <v>93</v>
      </c>
      <c r="AD21871">
        <v>94</v>
      </c>
      <c r="AE21871">
        <v>96</v>
      </c>
      <c r="AF21871">
        <v>97</v>
      </c>
      <c r="AG21871">
        <v>99</v>
      </c>
      <c r="AH21871">
        <v>101</v>
      </c>
      <c r="AI21871">
        <v>103</v>
      </c>
      <c r="AJ21871">
        <v>104</v>
      </c>
      <c r="AK21871">
        <v>106</v>
      </c>
      <c r="AL21871">
        <v>108</v>
      </c>
      <c r="AM21871">
        <v>110</v>
      </c>
      <c r="AN21871">
        <v>112</v>
      </c>
      <c r="AO21871">
        <v>113</v>
      </c>
      <c r="AP21871">
        <v>115</v>
      </c>
      <c r="AQ21871">
        <v>117</v>
      </c>
    </row>
    <row r="21872" spans="1:43">
      <c r="A21872" t="s">
        <v>13551</v>
      </c>
      <c r="B21872" t="s">
        <v>13552</v>
      </c>
      <c r="C21872" t="s">
        <v>13547</v>
      </c>
      <c r="D21872" t="s">
        <v>13548</v>
      </c>
      <c r="E21872" t="s">
        <v>13539</v>
      </c>
      <c r="F21872" t="s">
        <v>13540</v>
      </c>
      <c r="G21872" t="s">
        <v>10214</v>
      </c>
      <c r="H21872" t="s">
        <v>10215</v>
      </c>
      <c r="I21872" s="2">
        <v>1</v>
      </c>
      <c r="J21872" s="2">
        <v>0</v>
      </c>
      <c r="K21872" s="2">
        <v>0</v>
      </c>
      <c r="L21872" t="s">
        <v>120</v>
      </c>
      <c r="M21872" t="s">
        <v>89</v>
      </c>
      <c r="N21872" t="s">
        <v>90</v>
      </c>
      <c r="O21872" t="s">
        <v>85</v>
      </c>
      <c r="P21872" t="s">
        <v>86</v>
      </c>
      <c r="Q21872">
        <v>75</v>
      </c>
      <c r="R21872">
        <v>78</v>
      </c>
      <c r="S21872">
        <v>80</v>
      </c>
      <c r="T21872">
        <v>83</v>
      </c>
      <c r="U21872">
        <v>86</v>
      </c>
      <c r="V21872">
        <v>89</v>
      </c>
      <c r="W21872">
        <v>91</v>
      </c>
      <c r="X21872">
        <v>94</v>
      </c>
      <c r="Y21872">
        <v>97</v>
      </c>
      <c r="Z21872">
        <v>100</v>
      </c>
      <c r="AA21872">
        <v>103</v>
      </c>
      <c r="AB21872">
        <v>105</v>
      </c>
      <c r="AC21872">
        <v>108</v>
      </c>
      <c r="AD21872">
        <v>111</v>
      </c>
      <c r="AE21872">
        <v>114</v>
      </c>
      <c r="AF21872">
        <v>116</v>
      </c>
      <c r="AG21872">
        <v>117</v>
      </c>
      <c r="AH21872">
        <v>119</v>
      </c>
      <c r="AI21872">
        <v>121</v>
      </c>
      <c r="AJ21872">
        <v>122</v>
      </c>
      <c r="AK21872">
        <v>124</v>
      </c>
      <c r="AL21872">
        <v>126</v>
      </c>
      <c r="AM21872">
        <v>128</v>
      </c>
      <c r="AN21872">
        <v>129</v>
      </c>
      <c r="AO21872">
        <v>131</v>
      </c>
      <c r="AP21872">
        <v>133</v>
      </c>
      <c r="AQ21872">
        <v>135</v>
      </c>
    </row>
    <row r="21873" spans="1:43">
      <c r="A21873" t="s">
        <v>13551</v>
      </c>
      <c r="B21873" t="s">
        <v>13552</v>
      </c>
      <c r="C21873" t="s">
        <v>13547</v>
      </c>
      <c r="D21873" t="s">
        <v>13548</v>
      </c>
      <c r="E21873" t="s">
        <v>13539</v>
      </c>
      <c r="F21873" t="s">
        <v>13540</v>
      </c>
      <c r="G21873" t="s">
        <v>10214</v>
      </c>
      <c r="H21873" t="s">
        <v>10215</v>
      </c>
      <c r="I21873" s="2">
        <v>1</v>
      </c>
      <c r="J21873" s="2">
        <v>0</v>
      </c>
      <c r="K21873" s="2">
        <v>0</v>
      </c>
      <c r="L21873" t="s">
        <v>120</v>
      </c>
      <c r="M21873" t="s">
        <v>83</v>
      </c>
      <c r="N21873" t="s">
        <v>91</v>
      </c>
      <c r="O21873" t="s">
        <v>85</v>
      </c>
      <c r="P21873" t="s">
        <v>86</v>
      </c>
      <c r="Q21873">
        <v>75</v>
      </c>
      <c r="R21873">
        <v>77</v>
      </c>
      <c r="S21873">
        <v>79</v>
      </c>
      <c r="T21873">
        <v>81</v>
      </c>
      <c r="U21873">
        <v>84</v>
      </c>
      <c r="V21873">
        <v>86</v>
      </c>
      <c r="W21873">
        <v>88</v>
      </c>
      <c r="X21873">
        <v>90</v>
      </c>
      <c r="Y21873">
        <v>93</v>
      </c>
      <c r="Z21873">
        <v>95</v>
      </c>
      <c r="AA21873">
        <v>97</v>
      </c>
      <c r="AB21873">
        <v>100</v>
      </c>
      <c r="AC21873">
        <v>102</v>
      </c>
      <c r="AD21873">
        <v>104</v>
      </c>
      <c r="AE21873">
        <v>107</v>
      </c>
      <c r="AF21873">
        <v>110</v>
      </c>
      <c r="AG21873">
        <v>112</v>
      </c>
      <c r="AH21873">
        <v>115</v>
      </c>
      <c r="AI21873">
        <v>118</v>
      </c>
      <c r="AJ21873">
        <v>121</v>
      </c>
      <c r="AK21873">
        <v>123</v>
      </c>
      <c r="AL21873">
        <v>125</v>
      </c>
      <c r="AM21873">
        <v>127</v>
      </c>
      <c r="AN21873">
        <v>129</v>
      </c>
      <c r="AO21873">
        <v>131</v>
      </c>
      <c r="AP21873">
        <v>133</v>
      </c>
      <c r="AQ21873">
        <v>135</v>
      </c>
    </row>
    <row r="21874" spans="1:43">
      <c r="A21874" t="s">
        <v>13553</v>
      </c>
      <c r="B21874" t="s">
        <v>13554</v>
      </c>
      <c r="C21874" t="s">
        <v>13547</v>
      </c>
      <c r="D21874" t="s">
        <v>13548</v>
      </c>
      <c r="E21874" t="s">
        <v>13539</v>
      </c>
      <c r="F21874" t="s">
        <v>13540</v>
      </c>
      <c r="G21874" t="s">
        <v>10214</v>
      </c>
      <c r="H21874" t="s">
        <v>10215</v>
      </c>
      <c r="I21874" s="2">
        <v>1</v>
      </c>
      <c r="J21874" s="2">
        <v>0</v>
      </c>
      <c r="K21874" s="2">
        <v>0</v>
      </c>
      <c r="L21874" t="s">
        <v>120</v>
      </c>
      <c r="M21874" t="s">
        <v>83</v>
      </c>
      <c r="N21874" t="s">
        <v>84</v>
      </c>
      <c r="O21874" t="s">
        <v>85</v>
      </c>
      <c r="P21874" t="s">
        <v>86</v>
      </c>
      <c r="Q21874">
        <v>37</v>
      </c>
      <c r="R21874">
        <v>38</v>
      </c>
      <c r="S21874">
        <v>39</v>
      </c>
      <c r="T21874">
        <v>40</v>
      </c>
      <c r="U21874">
        <v>41</v>
      </c>
      <c r="V21874">
        <v>43</v>
      </c>
      <c r="W21874">
        <v>44</v>
      </c>
      <c r="X21874">
        <v>45</v>
      </c>
      <c r="Y21874">
        <v>46</v>
      </c>
      <c r="Z21874">
        <v>47</v>
      </c>
      <c r="AA21874">
        <v>48</v>
      </c>
      <c r="AB21874">
        <v>49</v>
      </c>
      <c r="AC21874">
        <v>51</v>
      </c>
      <c r="AD21874">
        <v>52</v>
      </c>
      <c r="AE21874">
        <v>53</v>
      </c>
      <c r="AF21874">
        <v>54</v>
      </c>
      <c r="AG21874">
        <v>56</v>
      </c>
      <c r="AH21874">
        <v>57</v>
      </c>
      <c r="AI21874">
        <v>58</v>
      </c>
      <c r="AJ21874">
        <v>60</v>
      </c>
      <c r="AK21874">
        <v>61</v>
      </c>
      <c r="AL21874">
        <v>62</v>
      </c>
      <c r="AM21874">
        <v>63</v>
      </c>
      <c r="AN21874">
        <v>64</v>
      </c>
      <c r="AO21874">
        <v>65</v>
      </c>
      <c r="AP21874">
        <v>66</v>
      </c>
      <c r="AQ21874">
        <v>67</v>
      </c>
    </row>
    <row r="21875" spans="1:43">
      <c r="A21875" t="s">
        <v>13553</v>
      </c>
      <c r="B21875" t="s">
        <v>13554</v>
      </c>
      <c r="C21875" t="s">
        <v>13547</v>
      </c>
      <c r="D21875" t="s">
        <v>13548</v>
      </c>
      <c r="E21875" t="s">
        <v>13539</v>
      </c>
      <c r="F21875" t="s">
        <v>13540</v>
      </c>
      <c r="G21875" t="s">
        <v>10214</v>
      </c>
      <c r="H21875" t="s">
        <v>10215</v>
      </c>
      <c r="I21875" s="2">
        <v>1</v>
      </c>
      <c r="J21875" s="2">
        <v>0</v>
      </c>
      <c r="K21875" s="2">
        <v>0</v>
      </c>
      <c r="L21875" t="s">
        <v>120</v>
      </c>
      <c r="M21875" t="s">
        <v>87</v>
      </c>
      <c r="N21875" t="s">
        <v>88</v>
      </c>
      <c r="O21875" t="s">
        <v>85</v>
      </c>
      <c r="P21875" t="s">
        <v>86</v>
      </c>
      <c r="Q21875">
        <v>37</v>
      </c>
      <c r="R21875">
        <v>38</v>
      </c>
      <c r="S21875">
        <v>38</v>
      </c>
      <c r="T21875">
        <v>39</v>
      </c>
      <c r="U21875">
        <v>40</v>
      </c>
      <c r="V21875">
        <v>40</v>
      </c>
      <c r="W21875">
        <v>41</v>
      </c>
      <c r="X21875">
        <v>42</v>
      </c>
      <c r="Y21875">
        <v>42</v>
      </c>
      <c r="Z21875">
        <v>43</v>
      </c>
      <c r="AA21875">
        <v>44</v>
      </c>
      <c r="AB21875">
        <v>45</v>
      </c>
      <c r="AC21875">
        <v>45</v>
      </c>
      <c r="AD21875">
        <v>46</v>
      </c>
      <c r="AE21875">
        <v>47</v>
      </c>
      <c r="AF21875">
        <v>48</v>
      </c>
      <c r="AG21875">
        <v>49</v>
      </c>
      <c r="AH21875">
        <v>49</v>
      </c>
      <c r="AI21875">
        <v>50</v>
      </c>
      <c r="AJ21875">
        <v>51</v>
      </c>
      <c r="AK21875">
        <v>52</v>
      </c>
      <c r="AL21875">
        <v>53</v>
      </c>
      <c r="AM21875">
        <v>54</v>
      </c>
      <c r="AN21875">
        <v>55</v>
      </c>
      <c r="AO21875">
        <v>56</v>
      </c>
      <c r="AP21875">
        <v>57</v>
      </c>
      <c r="AQ21875">
        <v>58</v>
      </c>
    </row>
    <row r="21876" spans="1:43">
      <c r="A21876" t="s">
        <v>13553</v>
      </c>
      <c r="B21876" t="s">
        <v>13554</v>
      </c>
      <c r="C21876" t="s">
        <v>13547</v>
      </c>
      <c r="D21876" t="s">
        <v>13548</v>
      </c>
      <c r="E21876" t="s">
        <v>13539</v>
      </c>
      <c r="F21876" t="s">
        <v>13540</v>
      </c>
      <c r="G21876" t="s">
        <v>10214</v>
      </c>
      <c r="H21876" t="s">
        <v>10215</v>
      </c>
      <c r="I21876" s="2">
        <v>1</v>
      </c>
      <c r="J21876" s="2">
        <v>0</v>
      </c>
      <c r="K21876" s="2">
        <v>0</v>
      </c>
      <c r="L21876" t="s">
        <v>120</v>
      </c>
      <c r="M21876" t="s">
        <v>89</v>
      </c>
      <c r="N21876" t="s">
        <v>90</v>
      </c>
      <c r="O21876" t="s">
        <v>85</v>
      </c>
      <c r="P21876" t="s">
        <v>86</v>
      </c>
      <c r="Q21876">
        <v>37</v>
      </c>
      <c r="R21876">
        <v>38</v>
      </c>
      <c r="S21876">
        <v>39</v>
      </c>
      <c r="T21876">
        <v>41</v>
      </c>
      <c r="U21876">
        <v>42</v>
      </c>
      <c r="V21876">
        <v>43</v>
      </c>
      <c r="W21876">
        <v>45</v>
      </c>
      <c r="X21876">
        <v>46</v>
      </c>
      <c r="Y21876">
        <v>48</v>
      </c>
      <c r="Z21876">
        <v>49</v>
      </c>
      <c r="AA21876">
        <v>50</v>
      </c>
      <c r="AB21876">
        <v>52</v>
      </c>
      <c r="AC21876">
        <v>53</v>
      </c>
      <c r="AD21876">
        <v>55</v>
      </c>
      <c r="AE21876">
        <v>56</v>
      </c>
      <c r="AF21876">
        <v>57</v>
      </c>
      <c r="AG21876">
        <v>58</v>
      </c>
      <c r="AH21876">
        <v>58</v>
      </c>
      <c r="AI21876">
        <v>59</v>
      </c>
      <c r="AJ21876">
        <v>60</v>
      </c>
      <c r="AK21876">
        <v>61</v>
      </c>
      <c r="AL21876">
        <v>62</v>
      </c>
      <c r="AM21876">
        <v>63</v>
      </c>
      <c r="AN21876">
        <v>63</v>
      </c>
      <c r="AO21876">
        <v>64</v>
      </c>
      <c r="AP21876">
        <v>65</v>
      </c>
      <c r="AQ21876">
        <v>66</v>
      </c>
    </row>
    <row r="21877" spans="1:43">
      <c r="A21877" t="s">
        <v>13553</v>
      </c>
      <c r="B21877" t="s">
        <v>13554</v>
      </c>
      <c r="C21877" t="s">
        <v>13547</v>
      </c>
      <c r="D21877" t="s">
        <v>13548</v>
      </c>
      <c r="E21877" t="s">
        <v>13539</v>
      </c>
      <c r="F21877" t="s">
        <v>13540</v>
      </c>
      <c r="G21877" t="s">
        <v>10214</v>
      </c>
      <c r="H21877" t="s">
        <v>10215</v>
      </c>
      <c r="I21877" s="2">
        <v>1</v>
      </c>
      <c r="J21877" s="2">
        <v>0</v>
      </c>
      <c r="K21877" s="2">
        <v>0</v>
      </c>
      <c r="L21877" t="s">
        <v>120</v>
      </c>
      <c r="M21877" t="s">
        <v>83</v>
      </c>
      <c r="N21877" t="s">
        <v>91</v>
      </c>
      <c r="O21877" t="s">
        <v>85</v>
      </c>
      <c r="P21877" t="s">
        <v>86</v>
      </c>
      <c r="Q21877">
        <v>37</v>
      </c>
      <c r="R21877">
        <v>38</v>
      </c>
      <c r="S21877">
        <v>39</v>
      </c>
      <c r="T21877">
        <v>40</v>
      </c>
      <c r="U21877">
        <v>41</v>
      </c>
      <c r="V21877">
        <v>43</v>
      </c>
      <c r="W21877">
        <v>44</v>
      </c>
      <c r="X21877">
        <v>45</v>
      </c>
      <c r="Y21877">
        <v>46</v>
      </c>
      <c r="Z21877">
        <v>47</v>
      </c>
      <c r="AA21877">
        <v>48</v>
      </c>
      <c r="AB21877">
        <v>49</v>
      </c>
      <c r="AC21877">
        <v>51</v>
      </c>
      <c r="AD21877">
        <v>52</v>
      </c>
      <c r="AE21877">
        <v>53</v>
      </c>
      <c r="AF21877">
        <v>54</v>
      </c>
      <c r="AG21877">
        <v>56</v>
      </c>
      <c r="AH21877">
        <v>57</v>
      </c>
      <c r="AI21877">
        <v>58</v>
      </c>
      <c r="AJ21877">
        <v>60</v>
      </c>
      <c r="AK21877">
        <v>61</v>
      </c>
      <c r="AL21877">
        <v>62</v>
      </c>
      <c r="AM21877">
        <v>63</v>
      </c>
      <c r="AN21877">
        <v>64</v>
      </c>
      <c r="AO21877">
        <v>65</v>
      </c>
      <c r="AP21877">
        <v>66</v>
      </c>
      <c r="AQ21877">
        <v>67</v>
      </c>
    </row>
    <row r="21878" spans="1:43">
      <c r="A21878" t="s">
        <v>13555</v>
      </c>
      <c r="B21878" t="s">
        <v>13556</v>
      </c>
      <c r="C21878" t="s">
        <v>13547</v>
      </c>
      <c r="D21878" t="s">
        <v>13548</v>
      </c>
      <c r="E21878" t="s">
        <v>13539</v>
      </c>
      <c r="F21878" t="s">
        <v>13540</v>
      </c>
      <c r="G21878" t="s">
        <v>10214</v>
      </c>
      <c r="H21878" t="s">
        <v>10215</v>
      </c>
      <c r="I21878" s="2">
        <v>1</v>
      </c>
      <c r="J21878" s="2">
        <v>0</v>
      </c>
      <c r="K21878" s="2">
        <v>0</v>
      </c>
      <c r="L21878" t="s">
        <v>120</v>
      </c>
      <c r="M21878" t="s">
        <v>83</v>
      </c>
      <c r="N21878" t="s">
        <v>84</v>
      </c>
      <c r="O21878" t="s">
        <v>85</v>
      </c>
      <c r="P21878" t="s">
        <v>86</v>
      </c>
      <c r="Q21878">
        <v>35</v>
      </c>
      <c r="R21878">
        <v>36</v>
      </c>
      <c r="S21878">
        <v>37</v>
      </c>
      <c r="T21878">
        <v>38</v>
      </c>
      <c r="U21878">
        <v>39</v>
      </c>
      <c r="V21878">
        <v>40</v>
      </c>
      <c r="W21878">
        <v>41</v>
      </c>
      <c r="X21878">
        <v>42</v>
      </c>
      <c r="Y21878">
        <v>43</v>
      </c>
      <c r="Z21878">
        <v>44</v>
      </c>
      <c r="AA21878">
        <v>46</v>
      </c>
      <c r="AB21878">
        <v>47</v>
      </c>
      <c r="AC21878">
        <v>48</v>
      </c>
      <c r="AD21878">
        <v>49</v>
      </c>
      <c r="AE21878">
        <v>50</v>
      </c>
      <c r="AF21878">
        <v>51</v>
      </c>
      <c r="AG21878">
        <v>53</v>
      </c>
      <c r="AH21878">
        <v>54</v>
      </c>
      <c r="AI21878">
        <v>55</v>
      </c>
      <c r="AJ21878">
        <v>56</v>
      </c>
      <c r="AK21878">
        <v>58</v>
      </c>
      <c r="AL21878">
        <v>59</v>
      </c>
      <c r="AM21878">
        <v>60</v>
      </c>
      <c r="AN21878">
        <v>60</v>
      </c>
      <c r="AO21878">
        <v>61</v>
      </c>
      <c r="AP21878">
        <v>62</v>
      </c>
      <c r="AQ21878">
        <v>63</v>
      </c>
    </row>
    <row r="21879" spans="1:43">
      <c r="A21879" t="s">
        <v>13555</v>
      </c>
      <c r="B21879" t="s">
        <v>13556</v>
      </c>
      <c r="C21879" t="s">
        <v>13547</v>
      </c>
      <c r="D21879" t="s">
        <v>13548</v>
      </c>
      <c r="E21879" t="s">
        <v>13539</v>
      </c>
      <c r="F21879" t="s">
        <v>13540</v>
      </c>
      <c r="G21879" t="s">
        <v>10214</v>
      </c>
      <c r="H21879" t="s">
        <v>10215</v>
      </c>
      <c r="I21879" s="2">
        <v>1</v>
      </c>
      <c r="J21879" s="2">
        <v>0</v>
      </c>
      <c r="K21879" s="2">
        <v>0</v>
      </c>
      <c r="L21879" t="s">
        <v>120</v>
      </c>
      <c r="M21879" t="s">
        <v>87</v>
      </c>
      <c r="N21879" t="s">
        <v>88</v>
      </c>
      <c r="O21879" t="s">
        <v>85</v>
      </c>
      <c r="P21879" t="s">
        <v>86</v>
      </c>
      <c r="Q21879">
        <v>35</v>
      </c>
      <c r="R21879">
        <v>35</v>
      </c>
      <c r="S21879">
        <v>36</v>
      </c>
      <c r="T21879">
        <v>37</v>
      </c>
      <c r="U21879">
        <v>37</v>
      </c>
      <c r="V21879">
        <v>38</v>
      </c>
      <c r="W21879">
        <v>39</v>
      </c>
      <c r="X21879">
        <v>39</v>
      </c>
      <c r="Y21879">
        <v>40</v>
      </c>
      <c r="Z21879">
        <v>41</v>
      </c>
      <c r="AA21879">
        <v>41</v>
      </c>
      <c r="AB21879">
        <v>42</v>
      </c>
      <c r="AC21879">
        <v>43</v>
      </c>
      <c r="AD21879">
        <v>44</v>
      </c>
      <c r="AE21879">
        <v>44</v>
      </c>
      <c r="AF21879">
        <v>45</v>
      </c>
      <c r="AG21879">
        <v>46</v>
      </c>
      <c r="AH21879">
        <v>47</v>
      </c>
      <c r="AI21879">
        <v>48</v>
      </c>
      <c r="AJ21879">
        <v>48</v>
      </c>
      <c r="AK21879">
        <v>49</v>
      </c>
      <c r="AL21879">
        <v>50</v>
      </c>
      <c r="AM21879">
        <v>51</v>
      </c>
      <c r="AN21879">
        <v>52</v>
      </c>
      <c r="AO21879">
        <v>53</v>
      </c>
      <c r="AP21879">
        <v>54</v>
      </c>
      <c r="AQ21879">
        <v>54</v>
      </c>
    </row>
    <row r="21880" spans="1:43">
      <c r="A21880" t="s">
        <v>13555</v>
      </c>
      <c r="B21880" t="s">
        <v>13556</v>
      </c>
      <c r="C21880" t="s">
        <v>13547</v>
      </c>
      <c r="D21880" t="s">
        <v>13548</v>
      </c>
      <c r="E21880" t="s">
        <v>13539</v>
      </c>
      <c r="F21880" t="s">
        <v>13540</v>
      </c>
      <c r="G21880" t="s">
        <v>10214</v>
      </c>
      <c r="H21880" t="s">
        <v>10215</v>
      </c>
      <c r="I21880" s="2">
        <v>1</v>
      </c>
      <c r="J21880" s="2">
        <v>0</v>
      </c>
      <c r="K21880" s="2">
        <v>0</v>
      </c>
      <c r="L21880" t="s">
        <v>120</v>
      </c>
      <c r="M21880" t="s">
        <v>89</v>
      </c>
      <c r="N21880" t="s">
        <v>90</v>
      </c>
      <c r="O21880" t="s">
        <v>85</v>
      </c>
      <c r="P21880" t="s">
        <v>86</v>
      </c>
      <c r="Q21880">
        <v>35</v>
      </c>
      <c r="R21880">
        <v>37</v>
      </c>
      <c r="S21880">
        <v>38</v>
      </c>
      <c r="T21880">
        <v>39</v>
      </c>
      <c r="U21880">
        <v>41</v>
      </c>
      <c r="V21880">
        <v>42</v>
      </c>
      <c r="W21880">
        <v>43</v>
      </c>
      <c r="X21880">
        <v>45</v>
      </c>
      <c r="Y21880">
        <v>46</v>
      </c>
      <c r="Z21880">
        <v>47</v>
      </c>
      <c r="AA21880">
        <v>48</v>
      </c>
      <c r="AB21880">
        <v>50</v>
      </c>
      <c r="AC21880">
        <v>51</v>
      </c>
      <c r="AD21880">
        <v>53</v>
      </c>
      <c r="AE21880">
        <v>54</v>
      </c>
      <c r="AF21880">
        <v>55</v>
      </c>
      <c r="AG21880">
        <v>55</v>
      </c>
      <c r="AH21880">
        <v>56</v>
      </c>
      <c r="AI21880">
        <v>57</v>
      </c>
      <c r="AJ21880">
        <v>58</v>
      </c>
      <c r="AK21880">
        <v>58</v>
      </c>
      <c r="AL21880">
        <v>59</v>
      </c>
      <c r="AM21880">
        <v>60</v>
      </c>
      <c r="AN21880">
        <v>61</v>
      </c>
      <c r="AO21880">
        <v>62</v>
      </c>
      <c r="AP21880">
        <v>62</v>
      </c>
      <c r="AQ21880">
        <v>63</v>
      </c>
    </row>
    <row r="21881" spans="1:43">
      <c r="A21881" t="s">
        <v>13555</v>
      </c>
      <c r="B21881" t="s">
        <v>13556</v>
      </c>
      <c r="C21881" t="s">
        <v>13547</v>
      </c>
      <c r="D21881" t="s">
        <v>13548</v>
      </c>
      <c r="E21881" t="s">
        <v>13539</v>
      </c>
      <c r="F21881" t="s">
        <v>13540</v>
      </c>
      <c r="G21881" t="s">
        <v>10214</v>
      </c>
      <c r="H21881" t="s">
        <v>10215</v>
      </c>
      <c r="I21881" s="2">
        <v>1</v>
      </c>
      <c r="J21881" s="2">
        <v>0</v>
      </c>
      <c r="K21881" s="2">
        <v>0</v>
      </c>
      <c r="L21881" t="s">
        <v>120</v>
      </c>
      <c r="M21881" t="s">
        <v>83</v>
      </c>
      <c r="N21881" t="s">
        <v>91</v>
      </c>
      <c r="O21881" t="s">
        <v>85</v>
      </c>
      <c r="P21881" t="s">
        <v>86</v>
      </c>
      <c r="Q21881">
        <v>35</v>
      </c>
      <c r="R21881">
        <v>36</v>
      </c>
      <c r="S21881">
        <v>37</v>
      </c>
      <c r="T21881">
        <v>38</v>
      </c>
      <c r="U21881">
        <v>39</v>
      </c>
      <c r="V21881">
        <v>40</v>
      </c>
      <c r="W21881">
        <v>41</v>
      </c>
      <c r="X21881">
        <v>42</v>
      </c>
      <c r="Y21881">
        <v>43</v>
      </c>
      <c r="Z21881">
        <v>44</v>
      </c>
      <c r="AA21881">
        <v>46</v>
      </c>
      <c r="AB21881">
        <v>47</v>
      </c>
      <c r="AC21881">
        <v>48</v>
      </c>
      <c r="AD21881">
        <v>49</v>
      </c>
      <c r="AE21881">
        <v>50</v>
      </c>
      <c r="AF21881">
        <v>51</v>
      </c>
      <c r="AG21881">
        <v>53</v>
      </c>
      <c r="AH21881">
        <v>54</v>
      </c>
      <c r="AI21881">
        <v>55</v>
      </c>
      <c r="AJ21881">
        <v>56</v>
      </c>
      <c r="AK21881">
        <v>58</v>
      </c>
      <c r="AL21881">
        <v>59</v>
      </c>
      <c r="AM21881">
        <v>60</v>
      </c>
      <c r="AN21881">
        <v>60</v>
      </c>
      <c r="AO21881">
        <v>61</v>
      </c>
      <c r="AP21881">
        <v>62</v>
      </c>
      <c r="AQ21881">
        <v>63</v>
      </c>
    </row>
    <row r="21882" spans="1:43">
      <c r="A21882" t="s">
        <v>13557</v>
      </c>
      <c r="B21882" t="s">
        <v>13558</v>
      </c>
      <c r="C21882" t="s">
        <v>13559</v>
      </c>
      <c r="D21882" t="s">
        <v>13560</v>
      </c>
      <c r="E21882" t="s">
        <v>13539</v>
      </c>
      <c r="F21882" t="s">
        <v>13540</v>
      </c>
      <c r="G21882" t="s">
        <v>10214</v>
      </c>
      <c r="H21882" t="s">
        <v>10215</v>
      </c>
      <c r="I21882" s="2">
        <v>1</v>
      </c>
      <c r="J21882" s="2">
        <v>0</v>
      </c>
      <c r="K21882" s="2">
        <v>0</v>
      </c>
      <c r="L21882" t="s">
        <v>120</v>
      </c>
      <c r="M21882" t="s">
        <v>83</v>
      </c>
      <c r="N21882" t="s">
        <v>84</v>
      </c>
      <c r="O21882" t="s">
        <v>85</v>
      </c>
      <c r="P21882" t="s">
        <v>86</v>
      </c>
      <c r="Q21882">
        <v>32</v>
      </c>
      <c r="R21882">
        <v>33</v>
      </c>
      <c r="S21882">
        <v>34</v>
      </c>
      <c r="T21882">
        <v>35</v>
      </c>
      <c r="U21882">
        <v>36</v>
      </c>
      <c r="V21882">
        <v>37</v>
      </c>
      <c r="W21882">
        <v>38</v>
      </c>
      <c r="X21882">
        <v>39</v>
      </c>
      <c r="Y21882">
        <v>40</v>
      </c>
      <c r="Z21882">
        <v>40</v>
      </c>
      <c r="AA21882">
        <v>41</v>
      </c>
      <c r="AB21882">
        <v>42</v>
      </c>
      <c r="AC21882">
        <v>44</v>
      </c>
      <c r="AD21882">
        <v>45</v>
      </c>
      <c r="AE21882">
        <v>46</v>
      </c>
      <c r="AF21882">
        <v>47</v>
      </c>
      <c r="AG21882">
        <v>48</v>
      </c>
      <c r="AH21882">
        <v>49</v>
      </c>
      <c r="AI21882">
        <v>50</v>
      </c>
      <c r="AJ21882">
        <v>51</v>
      </c>
      <c r="AK21882">
        <v>53</v>
      </c>
      <c r="AL21882">
        <v>53</v>
      </c>
      <c r="AM21882">
        <v>54</v>
      </c>
      <c r="AN21882">
        <v>55</v>
      </c>
      <c r="AO21882">
        <v>56</v>
      </c>
      <c r="AP21882">
        <v>56</v>
      </c>
      <c r="AQ21882">
        <v>57</v>
      </c>
    </row>
    <row r="21883" spans="1:43">
      <c r="A21883" t="s">
        <v>13557</v>
      </c>
      <c r="B21883" t="s">
        <v>13558</v>
      </c>
      <c r="C21883" t="s">
        <v>13559</v>
      </c>
      <c r="D21883" t="s">
        <v>13560</v>
      </c>
      <c r="E21883" t="s">
        <v>13539</v>
      </c>
      <c r="F21883" t="s">
        <v>13540</v>
      </c>
      <c r="G21883" t="s">
        <v>10214</v>
      </c>
      <c r="H21883" t="s">
        <v>10215</v>
      </c>
      <c r="I21883" s="2">
        <v>1</v>
      </c>
      <c r="J21883" s="2">
        <v>0</v>
      </c>
      <c r="K21883" s="2">
        <v>0</v>
      </c>
      <c r="L21883" t="s">
        <v>120</v>
      </c>
      <c r="M21883" t="s">
        <v>87</v>
      </c>
      <c r="N21883" t="s">
        <v>88</v>
      </c>
      <c r="O21883" t="s">
        <v>85</v>
      </c>
      <c r="P21883" t="s">
        <v>86</v>
      </c>
      <c r="Q21883">
        <v>32</v>
      </c>
      <c r="R21883">
        <v>32</v>
      </c>
      <c r="S21883">
        <v>33</v>
      </c>
      <c r="T21883">
        <v>34</v>
      </c>
      <c r="U21883">
        <v>34</v>
      </c>
      <c r="V21883">
        <v>35</v>
      </c>
      <c r="W21883">
        <v>35</v>
      </c>
      <c r="X21883">
        <v>36</v>
      </c>
      <c r="Y21883">
        <v>37</v>
      </c>
      <c r="Z21883">
        <v>37</v>
      </c>
      <c r="AA21883">
        <v>38</v>
      </c>
      <c r="AB21883">
        <v>38</v>
      </c>
      <c r="AC21883">
        <v>39</v>
      </c>
      <c r="AD21883">
        <v>40</v>
      </c>
      <c r="AE21883">
        <v>40</v>
      </c>
      <c r="AF21883">
        <v>41</v>
      </c>
      <c r="AG21883">
        <v>42</v>
      </c>
      <c r="AH21883">
        <v>43</v>
      </c>
      <c r="AI21883">
        <v>43</v>
      </c>
      <c r="AJ21883">
        <v>44</v>
      </c>
      <c r="AK21883">
        <v>45</v>
      </c>
      <c r="AL21883">
        <v>46</v>
      </c>
      <c r="AM21883">
        <v>46</v>
      </c>
      <c r="AN21883">
        <v>47</v>
      </c>
      <c r="AO21883">
        <v>48</v>
      </c>
      <c r="AP21883">
        <v>49</v>
      </c>
      <c r="AQ21883">
        <v>50</v>
      </c>
    </row>
    <row r="21884" spans="1:43">
      <c r="A21884" t="s">
        <v>13557</v>
      </c>
      <c r="B21884" t="s">
        <v>13558</v>
      </c>
      <c r="C21884" t="s">
        <v>13559</v>
      </c>
      <c r="D21884" t="s">
        <v>13560</v>
      </c>
      <c r="E21884" t="s">
        <v>13539</v>
      </c>
      <c r="F21884" t="s">
        <v>13540</v>
      </c>
      <c r="G21884" t="s">
        <v>10214</v>
      </c>
      <c r="H21884" t="s">
        <v>10215</v>
      </c>
      <c r="I21884" s="2">
        <v>1</v>
      </c>
      <c r="J21884" s="2">
        <v>0</v>
      </c>
      <c r="K21884" s="2">
        <v>0</v>
      </c>
      <c r="L21884" t="s">
        <v>120</v>
      </c>
      <c r="M21884" t="s">
        <v>89</v>
      </c>
      <c r="N21884" t="s">
        <v>90</v>
      </c>
      <c r="O21884" t="s">
        <v>85</v>
      </c>
      <c r="P21884" t="s">
        <v>86</v>
      </c>
      <c r="Q21884">
        <v>32</v>
      </c>
      <c r="R21884">
        <v>34</v>
      </c>
      <c r="S21884">
        <v>35</v>
      </c>
      <c r="T21884">
        <v>36</v>
      </c>
      <c r="U21884">
        <v>37</v>
      </c>
      <c r="V21884">
        <v>38</v>
      </c>
      <c r="W21884">
        <v>39</v>
      </c>
      <c r="X21884">
        <v>41</v>
      </c>
      <c r="Y21884">
        <v>42</v>
      </c>
      <c r="Z21884">
        <v>43</v>
      </c>
      <c r="AA21884">
        <v>44</v>
      </c>
      <c r="AB21884">
        <v>45</v>
      </c>
      <c r="AC21884">
        <v>47</v>
      </c>
      <c r="AD21884">
        <v>48</v>
      </c>
      <c r="AE21884">
        <v>49</v>
      </c>
      <c r="AF21884">
        <v>50</v>
      </c>
      <c r="AG21884">
        <v>50</v>
      </c>
      <c r="AH21884">
        <v>51</v>
      </c>
      <c r="AI21884">
        <v>52</v>
      </c>
      <c r="AJ21884">
        <v>52</v>
      </c>
      <c r="AK21884">
        <v>53</v>
      </c>
      <c r="AL21884">
        <v>54</v>
      </c>
      <c r="AM21884">
        <v>55</v>
      </c>
      <c r="AN21884">
        <v>55</v>
      </c>
      <c r="AO21884">
        <v>56</v>
      </c>
      <c r="AP21884">
        <v>57</v>
      </c>
      <c r="AQ21884">
        <v>58</v>
      </c>
    </row>
    <row r="21885" spans="1:43">
      <c r="A21885" t="s">
        <v>13557</v>
      </c>
      <c r="B21885" t="s">
        <v>13558</v>
      </c>
      <c r="C21885" t="s">
        <v>13559</v>
      </c>
      <c r="D21885" t="s">
        <v>13560</v>
      </c>
      <c r="E21885" t="s">
        <v>13539</v>
      </c>
      <c r="F21885" t="s">
        <v>13540</v>
      </c>
      <c r="G21885" t="s">
        <v>10214</v>
      </c>
      <c r="H21885" t="s">
        <v>10215</v>
      </c>
      <c r="I21885" s="2">
        <v>1</v>
      </c>
      <c r="J21885" s="2">
        <v>0</v>
      </c>
      <c r="K21885" s="2">
        <v>0</v>
      </c>
      <c r="L21885" t="s">
        <v>120</v>
      </c>
      <c r="M21885" t="s">
        <v>83</v>
      </c>
      <c r="N21885" t="s">
        <v>91</v>
      </c>
      <c r="O21885" t="s">
        <v>85</v>
      </c>
      <c r="P21885" t="s">
        <v>86</v>
      </c>
      <c r="Q21885">
        <v>32</v>
      </c>
      <c r="R21885">
        <v>33</v>
      </c>
      <c r="S21885">
        <v>34</v>
      </c>
      <c r="T21885">
        <v>35</v>
      </c>
      <c r="U21885">
        <v>36</v>
      </c>
      <c r="V21885">
        <v>37</v>
      </c>
      <c r="W21885">
        <v>38</v>
      </c>
      <c r="X21885">
        <v>39</v>
      </c>
      <c r="Y21885">
        <v>40</v>
      </c>
      <c r="Z21885">
        <v>40</v>
      </c>
      <c r="AA21885">
        <v>41</v>
      </c>
      <c r="AB21885">
        <v>42</v>
      </c>
      <c r="AC21885">
        <v>44</v>
      </c>
      <c r="AD21885">
        <v>45</v>
      </c>
      <c r="AE21885">
        <v>46</v>
      </c>
      <c r="AF21885">
        <v>47</v>
      </c>
      <c r="AG21885">
        <v>48</v>
      </c>
      <c r="AH21885">
        <v>49</v>
      </c>
      <c r="AI21885">
        <v>50</v>
      </c>
      <c r="AJ21885">
        <v>51</v>
      </c>
      <c r="AK21885">
        <v>53</v>
      </c>
      <c r="AL21885">
        <v>53</v>
      </c>
      <c r="AM21885">
        <v>54</v>
      </c>
      <c r="AN21885">
        <v>55</v>
      </c>
      <c r="AO21885">
        <v>56</v>
      </c>
      <c r="AP21885">
        <v>56</v>
      </c>
      <c r="AQ21885">
        <v>57</v>
      </c>
    </row>
    <row r="21886" spans="1:43">
      <c r="A21886" t="s">
        <v>13561</v>
      </c>
      <c r="B21886" t="s">
        <v>13562</v>
      </c>
      <c r="C21886" t="s">
        <v>13559</v>
      </c>
      <c r="D21886" t="s">
        <v>13560</v>
      </c>
      <c r="E21886" t="s">
        <v>13539</v>
      </c>
      <c r="F21886" t="s">
        <v>13540</v>
      </c>
      <c r="G21886" t="s">
        <v>10214</v>
      </c>
      <c r="H21886" t="s">
        <v>10215</v>
      </c>
      <c r="I21886" s="2">
        <v>1</v>
      </c>
      <c r="J21886" s="2">
        <v>0</v>
      </c>
      <c r="K21886" s="2">
        <v>0</v>
      </c>
      <c r="L21886" t="s">
        <v>120</v>
      </c>
      <c r="M21886" t="s">
        <v>83</v>
      </c>
      <c r="N21886" t="s">
        <v>84</v>
      </c>
      <c r="O21886" t="s">
        <v>85</v>
      </c>
      <c r="P21886" t="s">
        <v>86</v>
      </c>
      <c r="Q21886">
        <v>13</v>
      </c>
      <c r="R21886">
        <v>13</v>
      </c>
      <c r="S21886">
        <v>14</v>
      </c>
      <c r="T21886">
        <v>14</v>
      </c>
      <c r="U21886">
        <v>15</v>
      </c>
      <c r="V21886">
        <v>15</v>
      </c>
      <c r="W21886">
        <v>15</v>
      </c>
      <c r="X21886">
        <v>16</v>
      </c>
      <c r="Y21886">
        <v>16</v>
      </c>
      <c r="Z21886">
        <v>17</v>
      </c>
      <c r="AA21886">
        <v>17</v>
      </c>
      <c r="AB21886">
        <v>17</v>
      </c>
      <c r="AC21886">
        <v>18</v>
      </c>
      <c r="AD21886">
        <v>18</v>
      </c>
      <c r="AE21886">
        <v>19</v>
      </c>
      <c r="AF21886">
        <v>19</v>
      </c>
      <c r="AG21886">
        <v>20</v>
      </c>
      <c r="AH21886">
        <v>20</v>
      </c>
      <c r="AI21886">
        <v>21</v>
      </c>
      <c r="AJ21886">
        <v>21</v>
      </c>
      <c r="AK21886">
        <v>21</v>
      </c>
      <c r="AL21886">
        <v>22</v>
      </c>
      <c r="AM21886">
        <v>22</v>
      </c>
      <c r="AN21886">
        <v>22</v>
      </c>
      <c r="AO21886">
        <v>23</v>
      </c>
      <c r="AP21886">
        <v>23</v>
      </c>
      <c r="AQ21886">
        <v>23</v>
      </c>
    </row>
    <row r="21887" spans="1:43">
      <c r="A21887" t="s">
        <v>13561</v>
      </c>
      <c r="B21887" t="s">
        <v>13562</v>
      </c>
      <c r="C21887" t="s">
        <v>13559</v>
      </c>
      <c r="D21887" t="s">
        <v>13560</v>
      </c>
      <c r="E21887" t="s">
        <v>13539</v>
      </c>
      <c r="F21887" t="s">
        <v>13540</v>
      </c>
      <c r="G21887" t="s">
        <v>10214</v>
      </c>
      <c r="H21887" t="s">
        <v>10215</v>
      </c>
      <c r="I21887" s="2">
        <v>1</v>
      </c>
      <c r="J21887" s="2">
        <v>0</v>
      </c>
      <c r="K21887" s="2">
        <v>0</v>
      </c>
      <c r="L21887" t="s">
        <v>120</v>
      </c>
      <c r="M21887" t="s">
        <v>87</v>
      </c>
      <c r="N21887" t="s">
        <v>88</v>
      </c>
      <c r="O21887" t="s">
        <v>85</v>
      </c>
      <c r="P21887" t="s">
        <v>86</v>
      </c>
      <c r="Q21887">
        <v>13</v>
      </c>
      <c r="R21887">
        <v>13</v>
      </c>
      <c r="S21887">
        <v>13</v>
      </c>
      <c r="T21887">
        <v>14</v>
      </c>
      <c r="U21887">
        <v>14</v>
      </c>
      <c r="V21887">
        <v>14</v>
      </c>
      <c r="W21887">
        <v>14</v>
      </c>
      <c r="X21887">
        <v>15</v>
      </c>
      <c r="Y21887">
        <v>15</v>
      </c>
      <c r="Z21887">
        <v>15</v>
      </c>
      <c r="AA21887">
        <v>15</v>
      </c>
      <c r="AB21887">
        <v>16</v>
      </c>
      <c r="AC21887">
        <v>16</v>
      </c>
      <c r="AD21887">
        <v>16</v>
      </c>
      <c r="AE21887">
        <v>17</v>
      </c>
      <c r="AF21887">
        <v>17</v>
      </c>
      <c r="AG21887">
        <v>17</v>
      </c>
      <c r="AH21887">
        <v>17</v>
      </c>
      <c r="AI21887">
        <v>18</v>
      </c>
      <c r="AJ21887">
        <v>18</v>
      </c>
      <c r="AK21887">
        <v>18</v>
      </c>
      <c r="AL21887">
        <v>19</v>
      </c>
      <c r="AM21887">
        <v>19</v>
      </c>
      <c r="AN21887">
        <v>19</v>
      </c>
      <c r="AO21887">
        <v>20</v>
      </c>
      <c r="AP21887">
        <v>20</v>
      </c>
      <c r="AQ21887">
        <v>20</v>
      </c>
    </row>
    <row r="21888" spans="1:43">
      <c r="A21888" t="s">
        <v>13561</v>
      </c>
      <c r="B21888" t="s">
        <v>13562</v>
      </c>
      <c r="C21888" t="s">
        <v>13559</v>
      </c>
      <c r="D21888" t="s">
        <v>13560</v>
      </c>
      <c r="E21888" t="s">
        <v>13539</v>
      </c>
      <c r="F21888" t="s">
        <v>13540</v>
      </c>
      <c r="G21888" t="s">
        <v>10214</v>
      </c>
      <c r="H21888" t="s">
        <v>10215</v>
      </c>
      <c r="I21888" s="2">
        <v>1</v>
      </c>
      <c r="J21888" s="2">
        <v>0</v>
      </c>
      <c r="K21888" s="2">
        <v>0</v>
      </c>
      <c r="L21888" t="s">
        <v>120</v>
      </c>
      <c r="M21888" t="s">
        <v>89</v>
      </c>
      <c r="N21888" t="s">
        <v>90</v>
      </c>
      <c r="O21888" t="s">
        <v>85</v>
      </c>
      <c r="P21888" t="s">
        <v>86</v>
      </c>
      <c r="Q21888">
        <v>13</v>
      </c>
      <c r="R21888">
        <v>14</v>
      </c>
      <c r="S21888">
        <v>14</v>
      </c>
      <c r="T21888">
        <v>15</v>
      </c>
      <c r="U21888">
        <v>15</v>
      </c>
      <c r="V21888">
        <v>16</v>
      </c>
      <c r="W21888">
        <v>16</v>
      </c>
      <c r="X21888">
        <v>17</v>
      </c>
      <c r="Y21888">
        <v>17</v>
      </c>
      <c r="Z21888">
        <v>18</v>
      </c>
      <c r="AA21888">
        <v>18</v>
      </c>
      <c r="AB21888">
        <v>19</v>
      </c>
      <c r="AC21888">
        <v>19</v>
      </c>
      <c r="AD21888">
        <v>20</v>
      </c>
      <c r="AE21888">
        <v>20</v>
      </c>
      <c r="AF21888">
        <v>20</v>
      </c>
      <c r="AG21888">
        <v>21</v>
      </c>
      <c r="AH21888">
        <v>21</v>
      </c>
      <c r="AI21888">
        <v>21</v>
      </c>
      <c r="AJ21888">
        <v>21</v>
      </c>
      <c r="AK21888">
        <v>22</v>
      </c>
      <c r="AL21888">
        <v>22</v>
      </c>
      <c r="AM21888">
        <v>22</v>
      </c>
      <c r="AN21888">
        <v>23</v>
      </c>
      <c r="AO21888">
        <v>23</v>
      </c>
      <c r="AP21888">
        <v>23</v>
      </c>
      <c r="AQ21888">
        <v>24</v>
      </c>
    </row>
    <row r="21889" spans="1:43">
      <c r="A21889" t="s">
        <v>13561</v>
      </c>
      <c r="B21889" t="s">
        <v>13562</v>
      </c>
      <c r="C21889" t="s">
        <v>13559</v>
      </c>
      <c r="D21889" t="s">
        <v>13560</v>
      </c>
      <c r="E21889" t="s">
        <v>13539</v>
      </c>
      <c r="F21889" t="s">
        <v>13540</v>
      </c>
      <c r="G21889" t="s">
        <v>10214</v>
      </c>
      <c r="H21889" t="s">
        <v>10215</v>
      </c>
      <c r="I21889" s="2">
        <v>1</v>
      </c>
      <c r="J21889" s="2">
        <v>0</v>
      </c>
      <c r="K21889" s="2">
        <v>0</v>
      </c>
      <c r="L21889" t="s">
        <v>120</v>
      </c>
      <c r="M21889" t="s">
        <v>83</v>
      </c>
      <c r="N21889" t="s">
        <v>91</v>
      </c>
      <c r="O21889" t="s">
        <v>85</v>
      </c>
      <c r="P21889" t="s">
        <v>86</v>
      </c>
      <c r="Q21889">
        <v>13</v>
      </c>
      <c r="R21889">
        <v>13</v>
      </c>
      <c r="S21889">
        <v>14</v>
      </c>
      <c r="T21889">
        <v>14</v>
      </c>
      <c r="U21889">
        <v>15</v>
      </c>
      <c r="V21889">
        <v>15</v>
      </c>
      <c r="W21889">
        <v>15</v>
      </c>
      <c r="X21889">
        <v>16</v>
      </c>
      <c r="Y21889">
        <v>16</v>
      </c>
      <c r="Z21889">
        <v>17</v>
      </c>
      <c r="AA21889">
        <v>17</v>
      </c>
      <c r="AB21889">
        <v>17</v>
      </c>
      <c r="AC21889">
        <v>18</v>
      </c>
      <c r="AD21889">
        <v>18</v>
      </c>
      <c r="AE21889">
        <v>19</v>
      </c>
      <c r="AF21889">
        <v>19</v>
      </c>
      <c r="AG21889">
        <v>20</v>
      </c>
      <c r="AH21889">
        <v>20</v>
      </c>
      <c r="AI21889">
        <v>21</v>
      </c>
      <c r="AJ21889">
        <v>21</v>
      </c>
      <c r="AK21889">
        <v>21</v>
      </c>
      <c r="AL21889">
        <v>22</v>
      </c>
      <c r="AM21889">
        <v>22</v>
      </c>
      <c r="AN21889">
        <v>22</v>
      </c>
      <c r="AO21889">
        <v>23</v>
      </c>
      <c r="AP21889">
        <v>23</v>
      </c>
      <c r="AQ21889">
        <v>23</v>
      </c>
    </row>
    <row r="21890" spans="1:43">
      <c r="A21890" t="s">
        <v>13563</v>
      </c>
      <c r="B21890" t="s">
        <v>13564</v>
      </c>
      <c r="C21890" t="s">
        <v>13559</v>
      </c>
      <c r="D21890" t="s">
        <v>13560</v>
      </c>
      <c r="E21890" t="s">
        <v>13539</v>
      </c>
      <c r="F21890" t="s">
        <v>13540</v>
      </c>
      <c r="G21890" t="s">
        <v>10214</v>
      </c>
      <c r="H21890" t="s">
        <v>10215</v>
      </c>
      <c r="I21890" s="2">
        <v>1</v>
      </c>
      <c r="J21890" s="2">
        <v>0</v>
      </c>
      <c r="K21890" s="2">
        <v>0</v>
      </c>
      <c r="L21890" t="s">
        <v>120</v>
      </c>
      <c r="M21890" t="s">
        <v>83</v>
      </c>
      <c r="N21890" t="s">
        <v>84</v>
      </c>
      <c r="O21890" t="s">
        <v>85</v>
      </c>
      <c r="P21890" t="s">
        <v>86</v>
      </c>
      <c r="Q21890">
        <v>31</v>
      </c>
      <c r="R21890">
        <v>32</v>
      </c>
      <c r="S21890">
        <v>32</v>
      </c>
      <c r="T21890">
        <v>33</v>
      </c>
      <c r="U21890">
        <v>34</v>
      </c>
      <c r="V21890">
        <v>35</v>
      </c>
      <c r="W21890">
        <v>36</v>
      </c>
      <c r="X21890">
        <v>37</v>
      </c>
      <c r="Y21890">
        <v>38</v>
      </c>
      <c r="Z21890">
        <v>39</v>
      </c>
      <c r="AA21890">
        <v>40</v>
      </c>
      <c r="AB21890">
        <v>41</v>
      </c>
      <c r="AC21890">
        <v>42</v>
      </c>
      <c r="AD21890">
        <v>43</v>
      </c>
      <c r="AE21890">
        <v>44</v>
      </c>
      <c r="AF21890">
        <v>45</v>
      </c>
      <c r="AG21890">
        <v>46</v>
      </c>
      <c r="AH21890">
        <v>47</v>
      </c>
      <c r="AI21890">
        <v>48</v>
      </c>
      <c r="AJ21890">
        <v>49</v>
      </c>
      <c r="AK21890">
        <v>50</v>
      </c>
      <c r="AL21890">
        <v>51</v>
      </c>
      <c r="AM21890">
        <v>52</v>
      </c>
      <c r="AN21890">
        <v>52</v>
      </c>
      <c r="AO21890">
        <v>53</v>
      </c>
      <c r="AP21890">
        <v>54</v>
      </c>
      <c r="AQ21890">
        <v>55</v>
      </c>
    </row>
    <row r="21891" spans="1:43">
      <c r="A21891" t="s">
        <v>13563</v>
      </c>
      <c r="B21891" t="s">
        <v>13564</v>
      </c>
      <c r="C21891" t="s">
        <v>13559</v>
      </c>
      <c r="D21891" t="s">
        <v>13560</v>
      </c>
      <c r="E21891" t="s">
        <v>13539</v>
      </c>
      <c r="F21891" t="s">
        <v>13540</v>
      </c>
      <c r="G21891" t="s">
        <v>10214</v>
      </c>
      <c r="H21891" t="s">
        <v>10215</v>
      </c>
      <c r="I21891" s="2">
        <v>1</v>
      </c>
      <c r="J21891" s="2">
        <v>0</v>
      </c>
      <c r="K21891" s="2">
        <v>0</v>
      </c>
      <c r="L21891" t="s">
        <v>120</v>
      </c>
      <c r="M21891" t="s">
        <v>87</v>
      </c>
      <c r="N21891" t="s">
        <v>88</v>
      </c>
      <c r="O21891" t="s">
        <v>85</v>
      </c>
      <c r="P21891" t="s">
        <v>86</v>
      </c>
      <c r="Q21891">
        <v>31</v>
      </c>
      <c r="R21891">
        <v>32</v>
      </c>
      <c r="S21891">
        <v>33</v>
      </c>
      <c r="T21891">
        <v>33</v>
      </c>
      <c r="U21891">
        <v>34</v>
      </c>
      <c r="V21891">
        <v>34</v>
      </c>
      <c r="W21891">
        <v>35</v>
      </c>
      <c r="X21891">
        <v>35</v>
      </c>
      <c r="Y21891">
        <v>36</v>
      </c>
      <c r="Z21891">
        <v>37</v>
      </c>
      <c r="AA21891">
        <v>37</v>
      </c>
      <c r="AB21891">
        <v>38</v>
      </c>
      <c r="AC21891">
        <v>38</v>
      </c>
      <c r="AD21891">
        <v>39</v>
      </c>
      <c r="AE21891">
        <v>40</v>
      </c>
      <c r="AF21891">
        <v>40</v>
      </c>
      <c r="AG21891">
        <v>41</v>
      </c>
      <c r="AH21891">
        <v>42</v>
      </c>
      <c r="AI21891">
        <v>42</v>
      </c>
      <c r="AJ21891">
        <v>43</v>
      </c>
      <c r="AK21891">
        <v>44</v>
      </c>
      <c r="AL21891">
        <v>45</v>
      </c>
      <c r="AM21891">
        <v>45</v>
      </c>
      <c r="AN21891">
        <v>46</v>
      </c>
      <c r="AO21891">
        <v>47</v>
      </c>
      <c r="AP21891">
        <v>48</v>
      </c>
      <c r="AQ21891">
        <v>48</v>
      </c>
    </row>
    <row r="21892" spans="1:43">
      <c r="A21892" t="s">
        <v>13563</v>
      </c>
      <c r="B21892" t="s">
        <v>13564</v>
      </c>
      <c r="C21892" t="s">
        <v>13559</v>
      </c>
      <c r="D21892" t="s">
        <v>13560</v>
      </c>
      <c r="E21892" t="s">
        <v>13539</v>
      </c>
      <c r="F21892" t="s">
        <v>13540</v>
      </c>
      <c r="G21892" t="s">
        <v>10214</v>
      </c>
      <c r="H21892" t="s">
        <v>10215</v>
      </c>
      <c r="I21892" s="2">
        <v>1</v>
      </c>
      <c r="J21892" s="2">
        <v>0</v>
      </c>
      <c r="K21892" s="2">
        <v>0</v>
      </c>
      <c r="L21892" t="s">
        <v>120</v>
      </c>
      <c r="M21892" t="s">
        <v>89</v>
      </c>
      <c r="N21892" t="s">
        <v>90</v>
      </c>
      <c r="O21892" t="s">
        <v>85</v>
      </c>
      <c r="P21892" t="s">
        <v>86</v>
      </c>
      <c r="Q21892">
        <v>31</v>
      </c>
      <c r="R21892">
        <v>32</v>
      </c>
      <c r="S21892">
        <v>33</v>
      </c>
      <c r="T21892">
        <v>34</v>
      </c>
      <c r="U21892">
        <v>36</v>
      </c>
      <c r="V21892">
        <v>37</v>
      </c>
      <c r="W21892">
        <v>38</v>
      </c>
      <c r="X21892">
        <v>39</v>
      </c>
      <c r="Y21892">
        <v>40</v>
      </c>
      <c r="Z21892">
        <v>41</v>
      </c>
      <c r="AA21892">
        <v>42</v>
      </c>
      <c r="AB21892">
        <v>43</v>
      </c>
      <c r="AC21892">
        <v>45</v>
      </c>
      <c r="AD21892">
        <v>46</v>
      </c>
      <c r="AE21892">
        <v>47</v>
      </c>
      <c r="AF21892">
        <v>47</v>
      </c>
      <c r="AG21892">
        <v>48</v>
      </c>
      <c r="AH21892">
        <v>49</v>
      </c>
      <c r="AI21892">
        <v>49</v>
      </c>
      <c r="AJ21892">
        <v>50</v>
      </c>
      <c r="AK21892">
        <v>51</v>
      </c>
      <c r="AL21892">
        <v>52</v>
      </c>
      <c r="AM21892">
        <v>52</v>
      </c>
      <c r="AN21892">
        <v>53</v>
      </c>
      <c r="AO21892">
        <v>54</v>
      </c>
      <c r="AP21892">
        <v>54</v>
      </c>
      <c r="AQ21892">
        <v>55</v>
      </c>
    </row>
    <row r="21893" spans="1:43">
      <c r="A21893" t="s">
        <v>13563</v>
      </c>
      <c r="B21893" t="s">
        <v>13564</v>
      </c>
      <c r="C21893" t="s">
        <v>13559</v>
      </c>
      <c r="D21893" t="s">
        <v>13560</v>
      </c>
      <c r="E21893" t="s">
        <v>13539</v>
      </c>
      <c r="F21893" t="s">
        <v>13540</v>
      </c>
      <c r="G21893" t="s">
        <v>10214</v>
      </c>
      <c r="H21893" t="s">
        <v>10215</v>
      </c>
      <c r="I21893" s="2">
        <v>1</v>
      </c>
      <c r="J21893" s="2">
        <v>0</v>
      </c>
      <c r="K21893" s="2">
        <v>0</v>
      </c>
      <c r="L21893" t="s">
        <v>120</v>
      </c>
      <c r="M21893" t="s">
        <v>83</v>
      </c>
      <c r="N21893" t="s">
        <v>91</v>
      </c>
      <c r="O21893" t="s">
        <v>85</v>
      </c>
      <c r="P21893" t="s">
        <v>86</v>
      </c>
      <c r="Q21893">
        <v>31</v>
      </c>
      <c r="R21893">
        <v>32</v>
      </c>
      <c r="S21893">
        <v>32</v>
      </c>
      <c r="T21893">
        <v>33</v>
      </c>
      <c r="U21893">
        <v>34</v>
      </c>
      <c r="V21893">
        <v>35</v>
      </c>
      <c r="W21893">
        <v>36</v>
      </c>
      <c r="X21893">
        <v>37</v>
      </c>
      <c r="Y21893">
        <v>38</v>
      </c>
      <c r="Z21893">
        <v>39</v>
      </c>
      <c r="AA21893">
        <v>40</v>
      </c>
      <c r="AB21893">
        <v>41</v>
      </c>
      <c r="AC21893">
        <v>42</v>
      </c>
      <c r="AD21893">
        <v>43</v>
      </c>
      <c r="AE21893">
        <v>44</v>
      </c>
      <c r="AF21893">
        <v>45</v>
      </c>
      <c r="AG21893">
        <v>46</v>
      </c>
      <c r="AH21893">
        <v>47</v>
      </c>
      <c r="AI21893">
        <v>48</v>
      </c>
      <c r="AJ21893">
        <v>49</v>
      </c>
      <c r="AK21893">
        <v>50</v>
      </c>
      <c r="AL21893">
        <v>51</v>
      </c>
      <c r="AM21893">
        <v>52</v>
      </c>
      <c r="AN21893">
        <v>52</v>
      </c>
      <c r="AO21893">
        <v>53</v>
      </c>
      <c r="AP21893">
        <v>54</v>
      </c>
      <c r="AQ21893">
        <v>55</v>
      </c>
    </row>
    <row r="21894" spans="1:43">
      <c r="A21894" t="s">
        <v>13565</v>
      </c>
      <c r="B21894" t="s">
        <v>13566</v>
      </c>
      <c r="C21894" t="s">
        <v>13567</v>
      </c>
      <c r="D21894" t="s">
        <v>13568</v>
      </c>
      <c r="E21894" t="s">
        <v>13539</v>
      </c>
      <c r="F21894" t="s">
        <v>13540</v>
      </c>
      <c r="G21894" t="s">
        <v>10214</v>
      </c>
      <c r="H21894" t="s">
        <v>10215</v>
      </c>
      <c r="I21894" s="2">
        <v>1</v>
      </c>
      <c r="J21894" s="2">
        <v>0</v>
      </c>
      <c r="K21894" s="2">
        <v>0</v>
      </c>
      <c r="L21894" t="s">
        <v>120</v>
      </c>
      <c r="M21894" t="s">
        <v>83</v>
      </c>
      <c r="N21894" t="s">
        <v>84</v>
      </c>
      <c r="O21894" t="s">
        <v>85</v>
      </c>
      <c r="P21894" t="s">
        <v>86</v>
      </c>
      <c r="Q21894">
        <v>53</v>
      </c>
      <c r="R21894">
        <v>55</v>
      </c>
      <c r="S21894">
        <v>57</v>
      </c>
      <c r="T21894">
        <v>58</v>
      </c>
      <c r="U21894">
        <v>60</v>
      </c>
      <c r="V21894">
        <v>61</v>
      </c>
      <c r="W21894">
        <v>63</v>
      </c>
      <c r="X21894">
        <v>64</v>
      </c>
      <c r="Y21894">
        <v>66</v>
      </c>
      <c r="Z21894">
        <v>68</v>
      </c>
      <c r="AA21894">
        <v>69</v>
      </c>
      <c r="AB21894">
        <v>71</v>
      </c>
      <c r="AC21894">
        <v>73</v>
      </c>
      <c r="AD21894">
        <v>74</v>
      </c>
      <c r="AE21894">
        <v>76</v>
      </c>
      <c r="AF21894">
        <v>78</v>
      </c>
      <c r="AG21894">
        <v>80</v>
      </c>
      <c r="AH21894">
        <v>82</v>
      </c>
      <c r="AI21894">
        <v>84</v>
      </c>
      <c r="AJ21894">
        <v>86</v>
      </c>
      <c r="AK21894">
        <v>88</v>
      </c>
      <c r="AL21894">
        <v>89</v>
      </c>
      <c r="AM21894">
        <v>90</v>
      </c>
      <c r="AN21894">
        <v>92</v>
      </c>
      <c r="AO21894">
        <v>93</v>
      </c>
      <c r="AP21894">
        <v>94</v>
      </c>
      <c r="AQ21894">
        <v>95</v>
      </c>
    </row>
    <row r="21895" spans="1:43">
      <c r="A21895" t="s">
        <v>13565</v>
      </c>
      <c r="B21895" t="s">
        <v>13566</v>
      </c>
      <c r="C21895" t="s">
        <v>13567</v>
      </c>
      <c r="D21895" t="s">
        <v>13568</v>
      </c>
      <c r="E21895" t="s">
        <v>13539</v>
      </c>
      <c r="F21895" t="s">
        <v>13540</v>
      </c>
      <c r="G21895" t="s">
        <v>10214</v>
      </c>
      <c r="H21895" t="s">
        <v>10215</v>
      </c>
      <c r="I21895" s="2">
        <v>1</v>
      </c>
      <c r="J21895" s="2">
        <v>0</v>
      </c>
      <c r="K21895" s="2">
        <v>0</v>
      </c>
      <c r="L21895" t="s">
        <v>120</v>
      </c>
      <c r="M21895" t="s">
        <v>87</v>
      </c>
      <c r="N21895" t="s">
        <v>88</v>
      </c>
      <c r="O21895" t="s">
        <v>85</v>
      </c>
      <c r="P21895" t="s">
        <v>86</v>
      </c>
      <c r="Q21895">
        <v>53</v>
      </c>
      <c r="R21895">
        <v>54</v>
      </c>
      <c r="S21895">
        <v>55</v>
      </c>
      <c r="T21895">
        <v>56</v>
      </c>
      <c r="U21895">
        <v>57</v>
      </c>
      <c r="V21895">
        <v>58</v>
      </c>
      <c r="W21895">
        <v>59</v>
      </c>
      <c r="X21895">
        <v>60</v>
      </c>
      <c r="Y21895">
        <v>61</v>
      </c>
      <c r="Z21895">
        <v>62</v>
      </c>
      <c r="AA21895">
        <v>63</v>
      </c>
      <c r="AB21895">
        <v>64</v>
      </c>
      <c r="AC21895">
        <v>65</v>
      </c>
      <c r="AD21895">
        <v>66</v>
      </c>
      <c r="AE21895">
        <v>68</v>
      </c>
      <c r="AF21895">
        <v>69</v>
      </c>
      <c r="AG21895">
        <v>70</v>
      </c>
      <c r="AH21895">
        <v>71</v>
      </c>
      <c r="AI21895">
        <v>72</v>
      </c>
      <c r="AJ21895">
        <v>74</v>
      </c>
      <c r="AK21895">
        <v>75</v>
      </c>
      <c r="AL21895">
        <v>76</v>
      </c>
      <c r="AM21895">
        <v>77</v>
      </c>
      <c r="AN21895">
        <v>79</v>
      </c>
      <c r="AO21895">
        <v>80</v>
      </c>
      <c r="AP21895">
        <v>82</v>
      </c>
      <c r="AQ21895">
        <v>83</v>
      </c>
    </row>
    <row r="21896" spans="1:43">
      <c r="A21896" t="s">
        <v>13565</v>
      </c>
      <c r="B21896" t="s">
        <v>13566</v>
      </c>
      <c r="C21896" t="s">
        <v>13567</v>
      </c>
      <c r="D21896" t="s">
        <v>13568</v>
      </c>
      <c r="E21896" t="s">
        <v>13539</v>
      </c>
      <c r="F21896" t="s">
        <v>13540</v>
      </c>
      <c r="G21896" t="s">
        <v>10214</v>
      </c>
      <c r="H21896" t="s">
        <v>10215</v>
      </c>
      <c r="I21896" s="2">
        <v>1</v>
      </c>
      <c r="J21896" s="2">
        <v>0</v>
      </c>
      <c r="K21896" s="2">
        <v>0</v>
      </c>
      <c r="L21896" t="s">
        <v>120</v>
      </c>
      <c r="M21896" t="s">
        <v>89</v>
      </c>
      <c r="N21896" t="s">
        <v>90</v>
      </c>
      <c r="O21896" t="s">
        <v>85</v>
      </c>
      <c r="P21896" t="s">
        <v>86</v>
      </c>
      <c r="Q21896">
        <v>53</v>
      </c>
      <c r="R21896">
        <v>55</v>
      </c>
      <c r="S21896">
        <v>57</v>
      </c>
      <c r="T21896">
        <v>59</v>
      </c>
      <c r="U21896">
        <v>61</v>
      </c>
      <c r="V21896">
        <v>63</v>
      </c>
      <c r="W21896">
        <v>65</v>
      </c>
      <c r="X21896">
        <v>67</v>
      </c>
      <c r="Y21896">
        <v>69</v>
      </c>
      <c r="Z21896">
        <v>71</v>
      </c>
      <c r="AA21896">
        <v>73</v>
      </c>
      <c r="AB21896">
        <v>75</v>
      </c>
      <c r="AC21896">
        <v>77</v>
      </c>
      <c r="AD21896">
        <v>79</v>
      </c>
      <c r="AE21896">
        <v>81</v>
      </c>
      <c r="AF21896">
        <v>82</v>
      </c>
      <c r="AG21896">
        <v>83</v>
      </c>
      <c r="AH21896">
        <v>84</v>
      </c>
      <c r="AI21896">
        <v>85</v>
      </c>
      <c r="AJ21896">
        <v>86</v>
      </c>
      <c r="AK21896">
        <v>88</v>
      </c>
      <c r="AL21896">
        <v>89</v>
      </c>
      <c r="AM21896">
        <v>90</v>
      </c>
      <c r="AN21896">
        <v>91</v>
      </c>
      <c r="AO21896">
        <v>92</v>
      </c>
      <c r="AP21896">
        <v>94</v>
      </c>
      <c r="AQ21896">
        <v>95</v>
      </c>
    </row>
    <row r="21897" spans="1:43">
      <c r="A21897" t="s">
        <v>13565</v>
      </c>
      <c r="B21897" t="s">
        <v>13566</v>
      </c>
      <c r="C21897" t="s">
        <v>13567</v>
      </c>
      <c r="D21897" t="s">
        <v>13568</v>
      </c>
      <c r="E21897" t="s">
        <v>13539</v>
      </c>
      <c r="F21897" t="s">
        <v>13540</v>
      </c>
      <c r="G21897" t="s">
        <v>10214</v>
      </c>
      <c r="H21897" t="s">
        <v>10215</v>
      </c>
      <c r="I21897" s="2">
        <v>1</v>
      </c>
      <c r="J21897" s="2">
        <v>0</v>
      </c>
      <c r="K21897" s="2">
        <v>0</v>
      </c>
      <c r="L21897" t="s">
        <v>120</v>
      </c>
      <c r="M21897" t="s">
        <v>83</v>
      </c>
      <c r="N21897" t="s">
        <v>91</v>
      </c>
      <c r="O21897" t="s">
        <v>85</v>
      </c>
      <c r="P21897" t="s">
        <v>86</v>
      </c>
      <c r="Q21897">
        <v>53</v>
      </c>
      <c r="R21897">
        <v>55</v>
      </c>
      <c r="S21897">
        <v>57</v>
      </c>
      <c r="T21897">
        <v>58</v>
      </c>
      <c r="U21897">
        <v>60</v>
      </c>
      <c r="V21897">
        <v>61</v>
      </c>
      <c r="W21897">
        <v>63</v>
      </c>
      <c r="X21897">
        <v>64</v>
      </c>
      <c r="Y21897">
        <v>66</v>
      </c>
      <c r="Z21897">
        <v>68</v>
      </c>
      <c r="AA21897">
        <v>69</v>
      </c>
      <c r="AB21897">
        <v>71</v>
      </c>
      <c r="AC21897">
        <v>73</v>
      </c>
      <c r="AD21897">
        <v>74</v>
      </c>
      <c r="AE21897">
        <v>76</v>
      </c>
      <c r="AF21897">
        <v>78</v>
      </c>
      <c r="AG21897">
        <v>80</v>
      </c>
      <c r="AH21897">
        <v>82</v>
      </c>
      <c r="AI21897">
        <v>84</v>
      </c>
      <c r="AJ21897">
        <v>86</v>
      </c>
      <c r="AK21897">
        <v>88</v>
      </c>
      <c r="AL21897">
        <v>89</v>
      </c>
      <c r="AM21897">
        <v>90</v>
      </c>
      <c r="AN21897">
        <v>92</v>
      </c>
      <c r="AO21897">
        <v>93</v>
      </c>
      <c r="AP21897">
        <v>94</v>
      </c>
      <c r="AQ21897">
        <v>95</v>
      </c>
    </row>
    <row r="21898" spans="1:43">
      <c r="A21898" t="s">
        <v>13569</v>
      </c>
      <c r="B21898" t="s">
        <v>13570</v>
      </c>
      <c r="C21898" t="s">
        <v>13567</v>
      </c>
      <c r="D21898" t="s">
        <v>13568</v>
      </c>
      <c r="E21898" t="s">
        <v>13539</v>
      </c>
      <c r="F21898" t="s">
        <v>13540</v>
      </c>
      <c r="G21898" t="s">
        <v>10214</v>
      </c>
      <c r="H21898" t="s">
        <v>10215</v>
      </c>
      <c r="I21898" s="2">
        <v>1</v>
      </c>
      <c r="J21898" s="2">
        <v>0</v>
      </c>
      <c r="K21898" s="2">
        <v>0</v>
      </c>
      <c r="L21898" t="s">
        <v>120</v>
      </c>
      <c r="M21898" t="s">
        <v>83</v>
      </c>
      <c r="N21898" t="s">
        <v>84</v>
      </c>
      <c r="O21898" t="s">
        <v>85</v>
      </c>
      <c r="P21898" t="s">
        <v>86</v>
      </c>
      <c r="Q21898">
        <v>34</v>
      </c>
      <c r="R21898">
        <v>35</v>
      </c>
      <c r="S21898">
        <v>36</v>
      </c>
      <c r="T21898">
        <v>37</v>
      </c>
      <c r="U21898">
        <v>38</v>
      </c>
      <c r="V21898">
        <v>39</v>
      </c>
      <c r="W21898">
        <v>40</v>
      </c>
      <c r="X21898">
        <v>41</v>
      </c>
      <c r="Y21898">
        <v>42</v>
      </c>
      <c r="Z21898">
        <v>43</v>
      </c>
      <c r="AA21898">
        <v>44</v>
      </c>
      <c r="AB21898">
        <v>45</v>
      </c>
      <c r="AC21898">
        <v>46</v>
      </c>
      <c r="AD21898">
        <v>47</v>
      </c>
      <c r="AE21898">
        <v>48</v>
      </c>
      <c r="AF21898">
        <v>50</v>
      </c>
      <c r="AG21898">
        <v>51</v>
      </c>
      <c r="AH21898">
        <v>52</v>
      </c>
      <c r="AI21898">
        <v>53</v>
      </c>
      <c r="AJ21898">
        <v>55</v>
      </c>
      <c r="AK21898">
        <v>56</v>
      </c>
      <c r="AL21898">
        <v>57</v>
      </c>
      <c r="AM21898">
        <v>58</v>
      </c>
      <c r="AN21898">
        <v>58</v>
      </c>
      <c r="AO21898">
        <v>59</v>
      </c>
      <c r="AP21898">
        <v>60</v>
      </c>
      <c r="AQ21898">
        <v>61</v>
      </c>
    </row>
    <row r="21899" spans="1:43">
      <c r="A21899" t="s">
        <v>13569</v>
      </c>
      <c r="B21899" t="s">
        <v>13570</v>
      </c>
      <c r="C21899" t="s">
        <v>13567</v>
      </c>
      <c r="D21899" t="s">
        <v>13568</v>
      </c>
      <c r="E21899" t="s">
        <v>13539</v>
      </c>
      <c r="F21899" t="s">
        <v>13540</v>
      </c>
      <c r="G21899" t="s">
        <v>10214</v>
      </c>
      <c r="H21899" t="s">
        <v>10215</v>
      </c>
      <c r="I21899" s="2">
        <v>1</v>
      </c>
      <c r="J21899" s="2">
        <v>0</v>
      </c>
      <c r="K21899" s="2">
        <v>0</v>
      </c>
      <c r="L21899" t="s">
        <v>120</v>
      </c>
      <c r="M21899" t="s">
        <v>87</v>
      </c>
      <c r="N21899" t="s">
        <v>88</v>
      </c>
      <c r="O21899" t="s">
        <v>85</v>
      </c>
      <c r="P21899" t="s">
        <v>86</v>
      </c>
      <c r="Q21899">
        <v>34</v>
      </c>
      <c r="R21899">
        <v>34</v>
      </c>
      <c r="S21899">
        <v>35</v>
      </c>
      <c r="T21899">
        <v>36</v>
      </c>
      <c r="U21899">
        <v>36</v>
      </c>
      <c r="V21899">
        <v>37</v>
      </c>
      <c r="W21899">
        <v>37</v>
      </c>
      <c r="X21899">
        <v>38</v>
      </c>
      <c r="Y21899">
        <v>39</v>
      </c>
      <c r="Z21899">
        <v>39</v>
      </c>
      <c r="AA21899">
        <v>40</v>
      </c>
      <c r="AB21899">
        <v>41</v>
      </c>
      <c r="AC21899">
        <v>41</v>
      </c>
      <c r="AD21899">
        <v>42</v>
      </c>
      <c r="AE21899">
        <v>43</v>
      </c>
      <c r="AF21899">
        <v>44</v>
      </c>
      <c r="AG21899">
        <v>44</v>
      </c>
      <c r="AH21899">
        <v>45</v>
      </c>
      <c r="AI21899">
        <v>46</v>
      </c>
      <c r="AJ21899">
        <v>47</v>
      </c>
      <c r="AK21899">
        <v>48</v>
      </c>
      <c r="AL21899">
        <v>48</v>
      </c>
      <c r="AM21899">
        <v>49</v>
      </c>
      <c r="AN21899">
        <v>50</v>
      </c>
      <c r="AO21899">
        <v>51</v>
      </c>
      <c r="AP21899">
        <v>52</v>
      </c>
      <c r="AQ21899">
        <v>53</v>
      </c>
    </row>
    <row r="21900" spans="1:43">
      <c r="A21900" t="s">
        <v>13569</v>
      </c>
      <c r="B21900" t="s">
        <v>13570</v>
      </c>
      <c r="C21900" t="s">
        <v>13567</v>
      </c>
      <c r="D21900" t="s">
        <v>13568</v>
      </c>
      <c r="E21900" t="s">
        <v>13539</v>
      </c>
      <c r="F21900" t="s">
        <v>13540</v>
      </c>
      <c r="G21900" t="s">
        <v>10214</v>
      </c>
      <c r="H21900" t="s">
        <v>10215</v>
      </c>
      <c r="I21900" s="2">
        <v>1</v>
      </c>
      <c r="J21900" s="2">
        <v>0</v>
      </c>
      <c r="K21900" s="2">
        <v>0</v>
      </c>
      <c r="L21900" t="s">
        <v>120</v>
      </c>
      <c r="M21900" t="s">
        <v>89</v>
      </c>
      <c r="N21900" t="s">
        <v>90</v>
      </c>
      <c r="O21900" t="s">
        <v>85</v>
      </c>
      <c r="P21900" t="s">
        <v>86</v>
      </c>
      <c r="Q21900">
        <v>34</v>
      </c>
      <c r="R21900">
        <v>36</v>
      </c>
      <c r="S21900">
        <v>37</v>
      </c>
      <c r="T21900">
        <v>38</v>
      </c>
      <c r="U21900">
        <v>39</v>
      </c>
      <c r="V21900">
        <v>41</v>
      </c>
      <c r="W21900">
        <v>42</v>
      </c>
      <c r="X21900">
        <v>43</v>
      </c>
      <c r="Y21900">
        <v>44</v>
      </c>
      <c r="Z21900">
        <v>46</v>
      </c>
      <c r="AA21900">
        <v>47</v>
      </c>
      <c r="AB21900">
        <v>48</v>
      </c>
      <c r="AC21900">
        <v>50</v>
      </c>
      <c r="AD21900">
        <v>51</v>
      </c>
      <c r="AE21900">
        <v>52</v>
      </c>
      <c r="AF21900">
        <v>53</v>
      </c>
      <c r="AG21900">
        <v>54</v>
      </c>
      <c r="AH21900">
        <v>54</v>
      </c>
      <c r="AI21900">
        <v>55</v>
      </c>
      <c r="AJ21900">
        <v>56</v>
      </c>
      <c r="AK21900">
        <v>56</v>
      </c>
      <c r="AL21900">
        <v>57</v>
      </c>
      <c r="AM21900">
        <v>58</v>
      </c>
      <c r="AN21900">
        <v>59</v>
      </c>
      <c r="AO21900">
        <v>60</v>
      </c>
      <c r="AP21900">
        <v>60</v>
      </c>
      <c r="AQ21900">
        <v>61</v>
      </c>
    </row>
    <row r="21901" spans="1:43">
      <c r="A21901" t="s">
        <v>13569</v>
      </c>
      <c r="B21901" t="s">
        <v>13570</v>
      </c>
      <c r="C21901" t="s">
        <v>13567</v>
      </c>
      <c r="D21901" t="s">
        <v>13568</v>
      </c>
      <c r="E21901" t="s">
        <v>13539</v>
      </c>
      <c r="F21901" t="s">
        <v>13540</v>
      </c>
      <c r="G21901" t="s">
        <v>10214</v>
      </c>
      <c r="H21901" t="s">
        <v>10215</v>
      </c>
      <c r="I21901" s="2">
        <v>1</v>
      </c>
      <c r="J21901" s="2">
        <v>0</v>
      </c>
      <c r="K21901" s="2">
        <v>0</v>
      </c>
      <c r="L21901" t="s">
        <v>120</v>
      </c>
      <c r="M21901" t="s">
        <v>83</v>
      </c>
      <c r="N21901" t="s">
        <v>91</v>
      </c>
      <c r="O21901" t="s">
        <v>85</v>
      </c>
      <c r="P21901" t="s">
        <v>86</v>
      </c>
      <c r="Q21901">
        <v>34</v>
      </c>
      <c r="R21901">
        <v>35</v>
      </c>
      <c r="S21901">
        <v>36</v>
      </c>
      <c r="T21901">
        <v>37</v>
      </c>
      <c r="U21901">
        <v>38</v>
      </c>
      <c r="V21901">
        <v>39</v>
      </c>
      <c r="W21901">
        <v>40</v>
      </c>
      <c r="X21901">
        <v>41</v>
      </c>
      <c r="Y21901">
        <v>42</v>
      </c>
      <c r="Z21901">
        <v>43</v>
      </c>
      <c r="AA21901">
        <v>44</v>
      </c>
      <c r="AB21901">
        <v>45</v>
      </c>
      <c r="AC21901">
        <v>46</v>
      </c>
      <c r="AD21901">
        <v>47</v>
      </c>
      <c r="AE21901">
        <v>48</v>
      </c>
      <c r="AF21901">
        <v>50</v>
      </c>
      <c r="AG21901">
        <v>51</v>
      </c>
      <c r="AH21901">
        <v>52</v>
      </c>
      <c r="AI21901">
        <v>53</v>
      </c>
      <c r="AJ21901">
        <v>55</v>
      </c>
      <c r="AK21901">
        <v>56</v>
      </c>
      <c r="AL21901">
        <v>57</v>
      </c>
      <c r="AM21901">
        <v>58</v>
      </c>
      <c r="AN21901">
        <v>58</v>
      </c>
      <c r="AO21901">
        <v>59</v>
      </c>
      <c r="AP21901">
        <v>60</v>
      </c>
      <c r="AQ21901">
        <v>61</v>
      </c>
    </row>
    <row r="21902" spans="1:43">
      <c r="A21902" t="s">
        <v>13571</v>
      </c>
      <c r="B21902" t="s">
        <v>13572</v>
      </c>
      <c r="C21902" t="s">
        <v>13573</v>
      </c>
      <c r="D21902" t="s">
        <v>13574</v>
      </c>
      <c r="E21902" t="s">
        <v>13539</v>
      </c>
      <c r="F21902" t="s">
        <v>13540</v>
      </c>
      <c r="G21902" t="s">
        <v>10214</v>
      </c>
      <c r="H21902" t="s">
        <v>10215</v>
      </c>
      <c r="I21902" s="2">
        <v>1</v>
      </c>
      <c r="J21902" s="2">
        <v>0</v>
      </c>
      <c r="K21902" s="2">
        <v>0</v>
      </c>
      <c r="L21902" t="s">
        <v>120</v>
      </c>
      <c r="M21902" t="s">
        <v>83</v>
      </c>
      <c r="N21902" t="s">
        <v>84</v>
      </c>
      <c r="O21902" t="s">
        <v>85</v>
      </c>
      <c r="P21902" t="s">
        <v>86</v>
      </c>
      <c r="Q21902">
        <v>60</v>
      </c>
      <c r="R21902">
        <v>62</v>
      </c>
      <c r="S21902">
        <v>64</v>
      </c>
      <c r="T21902">
        <v>66</v>
      </c>
      <c r="U21902">
        <v>67</v>
      </c>
      <c r="V21902">
        <v>69</v>
      </c>
      <c r="W21902">
        <v>71</v>
      </c>
      <c r="X21902">
        <v>73</v>
      </c>
      <c r="Y21902">
        <v>74</v>
      </c>
      <c r="Z21902">
        <v>76</v>
      </c>
      <c r="AA21902">
        <v>78</v>
      </c>
      <c r="AB21902">
        <v>80</v>
      </c>
      <c r="AC21902">
        <v>82</v>
      </c>
      <c r="AD21902">
        <v>84</v>
      </c>
      <c r="AE21902">
        <v>86</v>
      </c>
      <c r="AF21902">
        <v>88</v>
      </c>
      <c r="AG21902">
        <v>90</v>
      </c>
      <c r="AH21902">
        <v>92</v>
      </c>
      <c r="AI21902">
        <v>94</v>
      </c>
      <c r="AJ21902">
        <v>97</v>
      </c>
      <c r="AK21902">
        <v>99</v>
      </c>
      <c r="AL21902">
        <v>100</v>
      </c>
      <c r="AM21902">
        <v>102</v>
      </c>
      <c r="AN21902">
        <v>103</v>
      </c>
      <c r="AO21902">
        <v>105</v>
      </c>
      <c r="AP21902">
        <v>106</v>
      </c>
      <c r="AQ21902">
        <v>107</v>
      </c>
    </row>
    <row r="21903" spans="1:43">
      <c r="A21903" t="s">
        <v>13571</v>
      </c>
      <c r="B21903" t="s">
        <v>13572</v>
      </c>
      <c r="C21903" t="s">
        <v>13573</v>
      </c>
      <c r="D21903" t="s">
        <v>13574</v>
      </c>
      <c r="E21903" t="s">
        <v>13539</v>
      </c>
      <c r="F21903" t="s">
        <v>13540</v>
      </c>
      <c r="G21903" t="s">
        <v>10214</v>
      </c>
      <c r="H21903" t="s">
        <v>10215</v>
      </c>
      <c r="I21903" s="2">
        <v>1</v>
      </c>
      <c r="J21903" s="2">
        <v>0</v>
      </c>
      <c r="K21903" s="2">
        <v>0</v>
      </c>
      <c r="L21903" t="s">
        <v>120</v>
      </c>
      <c r="M21903" t="s">
        <v>87</v>
      </c>
      <c r="N21903" t="s">
        <v>88</v>
      </c>
      <c r="O21903" t="s">
        <v>85</v>
      </c>
      <c r="P21903" t="s">
        <v>86</v>
      </c>
      <c r="Q21903">
        <v>60</v>
      </c>
      <c r="R21903">
        <v>61</v>
      </c>
      <c r="S21903">
        <v>62</v>
      </c>
      <c r="T21903">
        <v>63</v>
      </c>
      <c r="U21903">
        <v>64</v>
      </c>
      <c r="V21903">
        <v>65</v>
      </c>
      <c r="W21903">
        <v>67</v>
      </c>
      <c r="X21903">
        <v>68</v>
      </c>
      <c r="Y21903">
        <v>69</v>
      </c>
      <c r="Z21903">
        <v>70</v>
      </c>
      <c r="AA21903">
        <v>71</v>
      </c>
      <c r="AB21903">
        <v>72</v>
      </c>
      <c r="AC21903">
        <v>74</v>
      </c>
      <c r="AD21903">
        <v>75</v>
      </c>
      <c r="AE21903">
        <v>76</v>
      </c>
      <c r="AF21903">
        <v>78</v>
      </c>
      <c r="AG21903">
        <v>79</v>
      </c>
      <c r="AH21903">
        <v>80</v>
      </c>
      <c r="AI21903">
        <v>82</v>
      </c>
      <c r="AJ21903">
        <v>83</v>
      </c>
      <c r="AK21903">
        <v>85</v>
      </c>
      <c r="AL21903">
        <v>86</v>
      </c>
      <c r="AM21903">
        <v>87</v>
      </c>
      <c r="AN21903">
        <v>89</v>
      </c>
      <c r="AO21903">
        <v>90</v>
      </c>
      <c r="AP21903">
        <v>92</v>
      </c>
      <c r="AQ21903">
        <v>94</v>
      </c>
    </row>
    <row r="21904" spans="1:43">
      <c r="A21904" t="s">
        <v>13571</v>
      </c>
      <c r="B21904" t="s">
        <v>13572</v>
      </c>
      <c r="C21904" t="s">
        <v>13573</v>
      </c>
      <c r="D21904" t="s">
        <v>13574</v>
      </c>
      <c r="E21904" t="s">
        <v>13539</v>
      </c>
      <c r="F21904" t="s">
        <v>13540</v>
      </c>
      <c r="G21904" t="s">
        <v>10214</v>
      </c>
      <c r="H21904" t="s">
        <v>10215</v>
      </c>
      <c r="I21904" s="2">
        <v>1</v>
      </c>
      <c r="J21904" s="2">
        <v>0</v>
      </c>
      <c r="K21904" s="2">
        <v>0</v>
      </c>
      <c r="L21904" t="s">
        <v>120</v>
      </c>
      <c r="M21904" t="s">
        <v>89</v>
      </c>
      <c r="N21904" t="s">
        <v>90</v>
      </c>
      <c r="O21904" t="s">
        <v>85</v>
      </c>
      <c r="P21904" t="s">
        <v>86</v>
      </c>
      <c r="Q21904">
        <v>60</v>
      </c>
      <c r="R21904">
        <v>62</v>
      </c>
      <c r="S21904">
        <v>64</v>
      </c>
      <c r="T21904">
        <v>67</v>
      </c>
      <c r="U21904">
        <v>69</v>
      </c>
      <c r="V21904">
        <v>71</v>
      </c>
      <c r="W21904">
        <v>73</v>
      </c>
      <c r="X21904">
        <v>75</v>
      </c>
      <c r="Y21904">
        <v>78</v>
      </c>
      <c r="Z21904">
        <v>80</v>
      </c>
      <c r="AA21904">
        <v>82</v>
      </c>
      <c r="AB21904">
        <v>84</v>
      </c>
      <c r="AC21904">
        <v>87</v>
      </c>
      <c r="AD21904">
        <v>89</v>
      </c>
      <c r="AE21904">
        <v>91</v>
      </c>
      <c r="AF21904">
        <v>92</v>
      </c>
      <c r="AG21904">
        <v>94</v>
      </c>
      <c r="AH21904">
        <v>95</v>
      </c>
      <c r="AI21904">
        <v>96</v>
      </c>
      <c r="AJ21904">
        <v>98</v>
      </c>
      <c r="AK21904">
        <v>99</v>
      </c>
      <c r="AL21904">
        <v>100</v>
      </c>
      <c r="AM21904">
        <v>102</v>
      </c>
      <c r="AN21904">
        <v>103</v>
      </c>
      <c r="AO21904">
        <v>104</v>
      </c>
      <c r="AP21904">
        <v>106</v>
      </c>
      <c r="AQ21904">
        <v>107</v>
      </c>
    </row>
    <row r="21905" spans="1:43">
      <c r="A21905" t="s">
        <v>13571</v>
      </c>
      <c r="B21905" t="s">
        <v>13572</v>
      </c>
      <c r="C21905" t="s">
        <v>13573</v>
      </c>
      <c r="D21905" t="s">
        <v>13574</v>
      </c>
      <c r="E21905" t="s">
        <v>13539</v>
      </c>
      <c r="F21905" t="s">
        <v>13540</v>
      </c>
      <c r="G21905" t="s">
        <v>10214</v>
      </c>
      <c r="H21905" t="s">
        <v>10215</v>
      </c>
      <c r="I21905" s="2">
        <v>1</v>
      </c>
      <c r="J21905" s="2">
        <v>0</v>
      </c>
      <c r="K21905" s="2">
        <v>0</v>
      </c>
      <c r="L21905" t="s">
        <v>120</v>
      </c>
      <c r="M21905" t="s">
        <v>83</v>
      </c>
      <c r="N21905" t="s">
        <v>91</v>
      </c>
      <c r="O21905" t="s">
        <v>85</v>
      </c>
      <c r="P21905" t="s">
        <v>86</v>
      </c>
      <c r="Q21905">
        <v>60</v>
      </c>
      <c r="R21905">
        <v>62</v>
      </c>
      <c r="S21905">
        <v>64</v>
      </c>
      <c r="T21905">
        <v>66</v>
      </c>
      <c r="U21905">
        <v>67</v>
      </c>
      <c r="V21905">
        <v>69</v>
      </c>
      <c r="W21905">
        <v>71</v>
      </c>
      <c r="X21905">
        <v>73</v>
      </c>
      <c r="Y21905">
        <v>74</v>
      </c>
      <c r="Z21905">
        <v>76</v>
      </c>
      <c r="AA21905">
        <v>78</v>
      </c>
      <c r="AB21905">
        <v>80</v>
      </c>
      <c r="AC21905">
        <v>82</v>
      </c>
      <c r="AD21905">
        <v>84</v>
      </c>
      <c r="AE21905">
        <v>86</v>
      </c>
      <c r="AF21905">
        <v>88</v>
      </c>
      <c r="AG21905">
        <v>90</v>
      </c>
      <c r="AH21905">
        <v>92</v>
      </c>
      <c r="AI21905">
        <v>94</v>
      </c>
      <c r="AJ21905">
        <v>97</v>
      </c>
      <c r="AK21905">
        <v>99</v>
      </c>
      <c r="AL21905">
        <v>100</v>
      </c>
      <c r="AM21905">
        <v>102</v>
      </c>
      <c r="AN21905">
        <v>103</v>
      </c>
      <c r="AO21905">
        <v>105</v>
      </c>
      <c r="AP21905">
        <v>106</v>
      </c>
      <c r="AQ21905">
        <v>107</v>
      </c>
    </row>
    <row r="21906" spans="1:43">
      <c r="A21906" t="s">
        <v>13575</v>
      </c>
      <c r="B21906" t="s">
        <v>13576</v>
      </c>
      <c r="C21906" t="s">
        <v>13573</v>
      </c>
      <c r="D21906" t="s">
        <v>13574</v>
      </c>
      <c r="E21906" t="s">
        <v>13539</v>
      </c>
      <c r="F21906" t="s">
        <v>13540</v>
      </c>
      <c r="G21906" t="s">
        <v>10214</v>
      </c>
      <c r="H21906" t="s">
        <v>10215</v>
      </c>
      <c r="I21906" s="2">
        <v>1</v>
      </c>
      <c r="J21906" s="2">
        <v>0</v>
      </c>
      <c r="K21906" s="2">
        <v>0</v>
      </c>
      <c r="L21906" t="s">
        <v>120</v>
      </c>
      <c r="M21906" t="s">
        <v>83</v>
      </c>
      <c r="N21906" t="s">
        <v>84</v>
      </c>
      <c r="O21906" t="s">
        <v>85</v>
      </c>
      <c r="P21906" t="s">
        <v>86</v>
      </c>
      <c r="Q21906">
        <v>41</v>
      </c>
      <c r="R21906">
        <v>42</v>
      </c>
      <c r="S21906">
        <v>43</v>
      </c>
      <c r="T21906">
        <v>44</v>
      </c>
      <c r="U21906">
        <v>45</v>
      </c>
      <c r="V21906">
        <v>46</v>
      </c>
      <c r="W21906">
        <v>48</v>
      </c>
      <c r="X21906">
        <v>49</v>
      </c>
      <c r="Y21906">
        <v>50</v>
      </c>
      <c r="Z21906">
        <v>51</v>
      </c>
      <c r="AA21906">
        <v>52</v>
      </c>
      <c r="AB21906">
        <v>54</v>
      </c>
      <c r="AC21906">
        <v>55</v>
      </c>
      <c r="AD21906">
        <v>56</v>
      </c>
      <c r="AE21906">
        <v>58</v>
      </c>
      <c r="AF21906">
        <v>59</v>
      </c>
      <c r="AG21906">
        <v>60</v>
      </c>
      <c r="AH21906">
        <v>62</v>
      </c>
      <c r="AI21906">
        <v>63</v>
      </c>
      <c r="AJ21906">
        <v>65</v>
      </c>
      <c r="AK21906">
        <v>66</v>
      </c>
      <c r="AL21906">
        <v>67</v>
      </c>
      <c r="AM21906">
        <v>68</v>
      </c>
      <c r="AN21906">
        <v>69</v>
      </c>
      <c r="AO21906">
        <v>70</v>
      </c>
      <c r="AP21906">
        <v>71</v>
      </c>
      <c r="AQ21906">
        <v>72</v>
      </c>
    </row>
    <row r="21907" spans="1:43">
      <c r="A21907" t="s">
        <v>13575</v>
      </c>
      <c r="B21907" t="s">
        <v>13576</v>
      </c>
      <c r="C21907" t="s">
        <v>13573</v>
      </c>
      <c r="D21907" t="s">
        <v>13574</v>
      </c>
      <c r="E21907" t="s">
        <v>13539</v>
      </c>
      <c r="F21907" t="s">
        <v>13540</v>
      </c>
      <c r="G21907" t="s">
        <v>10214</v>
      </c>
      <c r="H21907" t="s">
        <v>10215</v>
      </c>
      <c r="I21907" s="2">
        <v>1</v>
      </c>
      <c r="J21907" s="2">
        <v>0</v>
      </c>
      <c r="K21907" s="2">
        <v>0</v>
      </c>
      <c r="L21907" t="s">
        <v>120</v>
      </c>
      <c r="M21907" t="s">
        <v>87</v>
      </c>
      <c r="N21907" t="s">
        <v>88</v>
      </c>
      <c r="O21907" t="s">
        <v>85</v>
      </c>
      <c r="P21907" t="s">
        <v>86</v>
      </c>
      <c r="Q21907">
        <v>41</v>
      </c>
      <c r="R21907">
        <v>42</v>
      </c>
      <c r="S21907">
        <v>43</v>
      </c>
      <c r="T21907">
        <v>43</v>
      </c>
      <c r="U21907">
        <v>44</v>
      </c>
      <c r="V21907">
        <v>45</v>
      </c>
      <c r="W21907">
        <v>46</v>
      </c>
      <c r="X21907">
        <v>46</v>
      </c>
      <c r="Y21907">
        <v>47</v>
      </c>
      <c r="Z21907">
        <v>48</v>
      </c>
      <c r="AA21907">
        <v>49</v>
      </c>
      <c r="AB21907">
        <v>50</v>
      </c>
      <c r="AC21907">
        <v>50</v>
      </c>
      <c r="AD21907">
        <v>51</v>
      </c>
      <c r="AE21907">
        <v>52</v>
      </c>
      <c r="AF21907">
        <v>53</v>
      </c>
      <c r="AG21907">
        <v>54</v>
      </c>
      <c r="AH21907">
        <v>55</v>
      </c>
      <c r="AI21907">
        <v>56</v>
      </c>
      <c r="AJ21907">
        <v>57</v>
      </c>
      <c r="AK21907">
        <v>58</v>
      </c>
      <c r="AL21907">
        <v>59</v>
      </c>
      <c r="AM21907">
        <v>60</v>
      </c>
      <c r="AN21907">
        <v>61</v>
      </c>
      <c r="AO21907">
        <v>62</v>
      </c>
      <c r="AP21907">
        <v>63</v>
      </c>
      <c r="AQ21907">
        <v>64</v>
      </c>
    </row>
    <row r="21908" spans="1:43">
      <c r="A21908" t="s">
        <v>13575</v>
      </c>
      <c r="B21908" t="s">
        <v>13576</v>
      </c>
      <c r="C21908" t="s">
        <v>13573</v>
      </c>
      <c r="D21908" t="s">
        <v>13574</v>
      </c>
      <c r="E21908" t="s">
        <v>13539</v>
      </c>
      <c r="F21908" t="s">
        <v>13540</v>
      </c>
      <c r="G21908" t="s">
        <v>10214</v>
      </c>
      <c r="H21908" t="s">
        <v>10215</v>
      </c>
      <c r="I21908" s="2">
        <v>1</v>
      </c>
      <c r="J21908" s="2">
        <v>0</v>
      </c>
      <c r="K21908" s="2">
        <v>0</v>
      </c>
      <c r="L21908" t="s">
        <v>120</v>
      </c>
      <c r="M21908" t="s">
        <v>89</v>
      </c>
      <c r="N21908" t="s">
        <v>90</v>
      </c>
      <c r="O21908" t="s">
        <v>85</v>
      </c>
      <c r="P21908" t="s">
        <v>86</v>
      </c>
      <c r="Q21908">
        <v>41</v>
      </c>
      <c r="R21908">
        <v>42</v>
      </c>
      <c r="S21908">
        <v>44</v>
      </c>
      <c r="T21908">
        <v>45</v>
      </c>
      <c r="U21908">
        <v>47</v>
      </c>
      <c r="V21908">
        <v>48</v>
      </c>
      <c r="W21908">
        <v>50</v>
      </c>
      <c r="X21908">
        <v>51</v>
      </c>
      <c r="Y21908">
        <v>53</v>
      </c>
      <c r="Z21908">
        <v>54</v>
      </c>
      <c r="AA21908">
        <v>56</v>
      </c>
      <c r="AB21908">
        <v>57</v>
      </c>
      <c r="AC21908">
        <v>59</v>
      </c>
      <c r="AD21908">
        <v>60</v>
      </c>
      <c r="AE21908">
        <v>62</v>
      </c>
      <c r="AF21908">
        <v>63</v>
      </c>
      <c r="AG21908">
        <v>63</v>
      </c>
      <c r="AH21908">
        <v>64</v>
      </c>
      <c r="AI21908">
        <v>65</v>
      </c>
      <c r="AJ21908">
        <v>66</v>
      </c>
      <c r="AK21908">
        <v>67</v>
      </c>
      <c r="AL21908">
        <v>68</v>
      </c>
      <c r="AM21908">
        <v>69</v>
      </c>
      <c r="AN21908">
        <v>70</v>
      </c>
      <c r="AO21908">
        <v>71</v>
      </c>
      <c r="AP21908">
        <v>72</v>
      </c>
      <c r="AQ21908">
        <v>73</v>
      </c>
    </row>
    <row r="21909" spans="1:43">
      <c r="A21909" t="s">
        <v>13575</v>
      </c>
      <c r="B21909" t="s">
        <v>13576</v>
      </c>
      <c r="C21909" t="s">
        <v>13573</v>
      </c>
      <c r="D21909" t="s">
        <v>13574</v>
      </c>
      <c r="E21909" t="s">
        <v>13539</v>
      </c>
      <c r="F21909" t="s">
        <v>13540</v>
      </c>
      <c r="G21909" t="s">
        <v>10214</v>
      </c>
      <c r="H21909" t="s">
        <v>10215</v>
      </c>
      <c r="I21909" s="2">
        <v>1</v>
      </c>
      <c r="J21909" s="2">
        <v>0</v>
      </c>
      <c r="K21909" s="2">
        <v>0</v>
      </c>
      <c r="L21909" t="s">
        <v>120</v>
      </c>
      <c r="M21909" t="s">
        <v>83</v>
      </c>
      <c r="N21909" t="s">
        <v>91</v>
      </c>
      <c r="O21909" t="s">
        <v>85</v>
      </c>
      <c r="P21909" t="s">
        <v>86</v>
      </c>
      <c r="Q21909">
        <v>41</v>
      </c>
      <c r="R21909">
        <v>42</v>
      </c>
      <c r="S21909">
        <v>43</v>
      </c>
      <c r="T21909">
        <v>44</v>
      </c>
      <c r="U21909">
        <v>45</v>
      </c>
      <c r="V21909">
        <v>46</v>
      </c>
      <c r="W21909">
        <v>48</v>
      </c>
      <c r="X21909">
        <v>49</v>
      </c>
      <c r="Y21909">
        <v>50</v>
      </c>
      <c r="Z21909">
        <v>51</v>
      </c>
      <c r="AA21909">
        <v>52</v>
      </c>
      <c r="AB21909">
        <v>54</v>
      </c>
      <c r="AC21909">
        <v>55</v>
      </c>
      <c r="AD21909">
        <v>56</v>
      </c>
      <c r="AE21909">
        <v>58</v>
      </c>
      <c r="AF21909">
        <v>59</v>
      </c>
      <c r="AG21909">
        <v>60</v>
      </c>
      <c r="AH21909">
        <v>62</v>
      </c>
      <c r="AI21909">
        <v>63</v>
      </c>
      <c r="AJ21909">
        <v>65</v>
      </c>
      <c r="AK21909">
        <v>66</v>
      </c>
      <c r="AL21909">
        <v>67</v>
      </c>
      <c r="AM21909">
        <v>68</v>
      </c>
      <c r="AN21909">
        <v>69</v>
      </c>
      <c r="AO21909">
        <v>70</v>
      </c>
      <c r="AP21909">
        <v>71</v>
      </c>
      <c r="AQ21909">
        <v>72</v>
      </c>
    </row>
    <row r="21910" spans="1:43">
      <c r="A21910" t="s">
        <v>13577</v>
      </c>
      <c r="B21910" t="s">
        <v>13578</v>
      </c>
      <c r="C21910" t="s">
        <v>13573</v>
      </c>
      <c r="D21910" t="s">
        <v>13574</v>
      </c>
      <c r="E21910" t="s">
        <v>13539</v>
      </c>
      <c r="F21910" t="s">
        <v>13540</v>
      </c>
      <c r="G21910" t="s">
        <v>10214</v>
      </c>
      <c r="H21910" t="s">
        <v>10215</v>
      </c>
      <c r="I21910" s="2">
        <v>1</v>
      </c>
      <c r="J21910" s="2">
        <v>0</v>
      </c>
      <c r="K21910" s="2">
        <v>0</v>
      </c>
      <c r="L21910" t="s">
        <v>120</v>
      </c>
      <c r="M21910" t="s">
        <v>83</v>
      </c>
      <c r="N21910" t="s">
        <v>84</v>
      </c>
      <c r="O21910" t="s">
        <v>85</v>
      </c>
      <c r="P21910" t="s">
        <v>86</v>
      </c>
      <c r="Q21910">
        <v>4</v>
      </c>
      <c r="R21910">
        <v>4</v>
      </c>
      <c r="S21910">
        <v>4</v>
      </c>
      <c r="T21910">
        <v>4</v>
      </c>
      <c r="U21910">
        <v>4</v>
      </c>
      <c r="V21910">
        <v>5</v>
      </c>
      <c r="W21910">
        <v>5</v>
      </c>
      <c r="X21910">
        <v>5</v>
      </c>
      <c r="Y21910">
        <v>5</v>
      </c>
      <c r="Z21910">
        <v>5</v>
      </c>
      <c r="AA21910">
        <v>5</v>
      </c>
      <c r="AB21910">
        <v>5</v>
      </c>
      <c r="AC21910">
        <v>5</v>
      </c>
      <c r="AD21910">
        <v>6</v>
      </c>
      <c r="AE21910">
        <v>6</v>
      </c>
      <c r="AF21910">
        <v>6</v>
      </c>
      <c r="AG21910">
        <v>6</v>
      </c>
      <c r="AH21910">
        <v>6</v>
      </c>
      <c r="AI21910">
        <v>6</v>
      </c>
      <c r="AJ21910">
        <v>6</v>
      </c>
      <c r="AK21910">
        <v>7</v>
      </c>
      <c r="AL21910">
        <v>7</v>
      </c>
      <c r="AM21910">
        <v>7</v>
      </c>
      <c r="AN21910">
        <v>7</v>
      </c>
      <c r="AO21910">
        <v>7</v>
      </c>
      <c r="AP21910">
        <v>7</v>
      </c>
      <c r="AQ21910">
        <v>7</v>
      </c>
    </row>
    <row r="21911" spans="1:43">
      <c r="A21911" t="s">
        <v>13577</v>
      </c>
      <c r="B21911" t="s">
        <v>13578</v>
      </c>
      <c r="C21911" t="s">
        <v>13573</v>
      </c>
      <c r="D21911" t="s">
        <v>13574</v>
      </c>
      <c r="E21911" t="s">
        <v>13539</v>
      </c>
      <c r="F21911" t="s">
        <v>13540</v>
      </c>
      <c r="G21911" t="s">
        <v>10214</v>
      </c>
      <c r="H21911" t="s">
        <v>10215</v>
      </c>
      <c r="I21911" s="2">
        <v>1</v>
      </c>
      <c r="J21911" s="2">
        <v>0</v>
      </c>
      <c r="K21911" s="2">
        <v>0</v>
      </c>
      <c r="L21911" t="s">
        <v>120</v>
      </c>
      <c r="M21911" t="s">
        <v>87</v>
      </c>
      <c r="N21911" t="s">
        <v>88</v>
      </c>
      <c r="O21911" t="s">
        <v>85</v>
      </c>
      <c r="P21911" t="s">
        <v>86</v>
      </c>
      <c r="Q21911">
        <v>4</v>
      </c>
      <c r="R21911">
        <v>4</v>
      </c>
      <c r="S21911">
        <v>4</v>
      </c>
      <c r="T21911">
        <v>4</v>
      </c>
      <c r="U21911">
        <v>4</v>
      </c>
      <c r="V21911">
        <v>4</v>
      </c>
      <c r="W21911">
        <v>4</v>
      </c>
      <c r="X21911">
        <v>4</v>
      </c>
      <c r="Y21911">
        <v>5</v>
      </c>
      <c r="Z21911">
        <v>5</v>
      </c>
      <c r="AA21911">
        <v>5</v>
      </c>
      <c r="AB21911">
        <v>5</v>
      </c>
      <c r="AC21911">
        <v>5</v>
      </c>
      <c r="AD21911">
        <v>5</v>
      </c>
      <c r="AE21911">
        <v>5</v>
      </c>
      <c r="AF21911">
        <v>5</v>
      </c>
      <c r="AG21911">
        <v>5</v>
      </c>
      <c r="AH21911">
        <v>5</v>
      </c>
      <c r="AI21911">
        <v>5</v>
      </c>
      <c r="AJ21911">
        <v>5</v>
      </c>
      <c r="AK21911">
        <v>6</v>
      </c>
      <c r="AL21911">
        <v>6</v>
      </c>
      <c r="AM21911">
        <v>6</v>
      </c>
      <c r="AN21911">
        <v>6</v>
      </c>
      <c r="AO21911">
        <v>6</v>
      </c>
      <c r="AP21911">
        <v>6</v>
      </c>
      <c r="AQ21911">
        <v>6</v>
      </c>
    </row>
    <row r="21912" spans="1:43">
      <c r="A21912" t="s">
        <v>13577</v>
      </c>
      <c r="B21912" t="s">
        <v>13578</v>
      </c>
      <c r="C21912" t="s">
        <v>13573</v>
      </c>
      <c r="D21912" t="s">
        <v>13574</v>
      </c>
      <c r="E21912" t="s">
        <v>13539</v>
      </c>
      <c r="F21912" t="s">
        <v>13540</v>
      </c>
      <c r="G21912" t="s">
        <v>10214</v>
      </c>
      <c r="H21912" t="s">
        <v>10215</v>
      </c>
      <c r="I21912" s="2">
        <v>1</v>
      </c>
      <c r="J21912" s="2">
        <v>0</v>
      </c>
      <c r="K21912" s="2">
        <v>0</v>
      </c>
      <c r="L21912" t="s">
        <v>120</v>
      </c>
      <c r="M21912" t="s">
        <v>89</v>
      </c>
      <c r="N21912" t="s">
        <v>90</v>
      </c>
      <c r="O21912" t="s">
        <v>85</v>
      </c>
      <c r="P21912" t="s">
        <v>86</v>
      </c>
      <c r="Q21912">
        <v>4</v>
      </c>
      <c r="R21912">
        <v>4</v>
      </c>
      <c r="S21912">
        <v>4</v>
      </c>
      <c r="T21912">
        <v>4</v>
      </c>
      <c r="U21912">
        <v>5</v>
      </c>
      <c r="V21912">
        <v>5</v>
      </c>
      <c r="W21912">
        <v>5</v>
      </c>
      <c r="X21912">
        <v>5</v>
      </c>
      <c r="Y21912">
        <v>5</v>
      </c>
      <c r="Z21912">
        <v>5</v>
      </c>
      <c r="AA21912">
        <v>5</v>
      </c>
      <c r="AB21912">
        <v>6</v>
      </c>
      <c r="AC21912">
        <v>6</v>
      </c>
      <c r="AD21912">
        <v>6</v>
      </c>
      <c r="AE21912">
        <v>6</v>
      </c>
      <c r="AF21912">
        <v>6</v>
      </c>
      <c r="AG21912">
        <v>6</v>
      </c>
      <c r="AH21912">
        <v>6</v>
      </c>
      <c r="AI21912">
        <v>6</v>
      </c>
      <c r="AJ21912">
        <v>7</v>
      </c>
      <c r="AK21912">
        <v>7</v>
      </c>
      <c r="AL21912">
        <v>7</v>
      </c>
      <c r="AM21912">
        <v>7</v>
      </c>
      <c r="AN21912">
        <v>7</v>
      </c>
      <c r="AO21912">
        <v>7</v>
      </c>
      <c r="AP21912">
        <v>7</v>
      </c>
      <c r="AQ21912">
        <v>7</v>
      </c>
    </row>
    <row r="21913" spans="1:43">
      <c r="A21913" t="s">
        <v>13577</v>
      </c>
      <c r="B21913" t="s">
        <v>13578</v>
      </c>
      <c r="C21913" t="s">
        <v>13573</v>
      </c>
      <c r="D21913" t="s">
        <v>13574</v>
      </c>
      <c r="E21913" t="s">
        <v>13539</v>
      </c>
      <c r="F21913" t="s">
        <v>13540</v>
      </c>
      <c r="G21913" t="s">
        <v>10214</v>
      </c>
      <c r="H21913" t="s">
        <v>10215</v>
      </c>
      <c r="I21913" s="2">
        <v>1</v>
      </c>
      <c r="J21913" s="2">
        <v>0</v>
      </c>
      <c r="K21913" s="2">
        <v>0</v>
      </c>
      <c r="L21913" t="s">
        <v>120</v>
      </c>
      <c r="M21913" t="s">
        <v>83</v>
      </c>
      <c r="N21913" t="s">
        <v>91</v>
      </c>
      <c r="O21913" t="s">
        <v>85</v>
      </c>
      <c r="P21913" t="s">
        <v>86</v>
      </c>
      <c r="Q21913">
        <v>4</v>
      </c>
      <c r="R21913">
        <v>4</v>
      </c>
      <c r="S21913">
        <v>4</v>
      </c>
      <c r="T21913">
        <v>4</v>
      </c>
      <c r="U21913">
        <v>4</v>
      </c>
      <c r="V21913">
        <v>5</v>
      </c>
      <c r="W21913">
        <v>5</v>
      </c>
      <c r="X21913">
        <v>5</v>
      </c>
      <c r="Y21913">
        <v>5</v>
      </c>
      <c r="Z21913">
        <v>5</v>
      </c>
      <c r="AA21913">
        <v>5</v>
      </c>
      <c r="AB21913">
        <v>5</v>
      </c>
      <c r="AC21913">
        <v>5</v>
      </c>
      <c r="AD21913">
        <v>6</v>
      </c>
      <c r="AE21913">
        <v>6</v>
      </c>
      <c r="AF21913">
        <v>6</v>
      </c>
      <c r="AG21913">
        <v>6</v>
      </c>
      <c r="AH21913">
        <v>6</v>
      </c>
      <c r="AI21913">
        <v>6</v>
      </c>
      <c r="AJ21913">
        <v>6</v>
      </c>
      <c r="AK21913">
        <v>7</v>
      </c>
      <c r="AL21913">
        <v>7</v>
      </c>
      <c r="AM21913">
        <v>7</v>
      </c>
      <c r="AN21913">
        <v>7</v>
      </c>
      <c r="AO21913">
        <v>7</v>
      </c>
      <c r="AP21913">
        <v>7</v>
      </c>
      <c r="AQ21913">
        <v>7</v>
      </c>
    </row>
    <row r="21914" spans="1:43">
      <c r="A21914" t="s">
        <v>13579</v>
      </c>
      <c r="B21914" t="s">
        <v>13580</v>
      </c>
      <c r="C21914" t="s">
        <v>13573</v>
      </c>
      <c r="D21914" t="s">
        <v>13574</v>
      </c>
      <c r="E21914" t="s">
        <v>13539</v>
      </c>
      <c r="F21914" t="s">
        <v>13540</v>
      </c>
      <c r="G21914" t="s">
        <v>10214</v>
      </c>
      <c r="H21914" t="s">
        <v>10215</v>
      </c>
      <c r="I21914" s="2">
        <v>1</v>
      </c>
      <c r="J21914" s="2">
        <v>0</v>
      </c>
      <c r="K21914" s="2">
        <v>0</v>
      </c>
      <c r="L21914" t="s">
        <v>120</v>
      </c>
      <c r="M21914" t="s">
        <v>83</v>
      </c>
      <c r="N21914" t="s">
        <v>84</v>
      </c>
      <c r="O21914" t="s">
        <v>85</v>
      </c>
      <c r="P21914" t="s">
        <v>86</v>
      </c>
      <c r="Q21914">
        <v>18</v>
      </c>
      <c r="R21914">
        <v>18</v>
      </c>
      <c r="S21914">
        <v>19</v>
      </c>
      <c r="T21914">
        <v>19</v>
      </c>
      <c r="U21914">
        <v>20</v>
      </c>
      <c r="V21914">
        <v>20</v>
      </c>
      <c r="W21914">
        <v>21</v>
      </c>
      <c r="X21914">
        <v>21</v>
      </c>
      <c r="Y21914">
        <v>22</v>
      </c>
      <c r="Z21914">
        <v>22</v>
      </c>
      <c r="AA21914">
        <v>23</v>
      </c>
      <c r="AB21914">
        <v>23</v>
      </c>
      <c r="AC21914">
        <v>24</v>
      </c>
      <c r="AD21914">
        <v>24</v>
      </c>
      <c r="AE21914">
        <v>25</v>
      </c>
      <c r="AF21914">
        <v>26</v>
      </c>
      <c r="AG21914">
        <v>26</v>
      </c>
      <c r="AH21914">
        <v>27</v>
      </c>
      <c r="AI21914">
        <v>28</v>
      </c>
      <c r="AJ21914">
        <v>28</v>
      </c>
      <c r="AK21914">
        <v>29</v>
      </c>
      <c r="AL21914">
        <v>29</v>
      </c>
      <c r="AM21914">
        <v>30</v>
      </c>
      <c r="AN21914">
        <v>30</v>
      </c>
      <c r="AO21914">
        <v>30</v>
      </c>
      <c r="AP21914">
        <v>31</v>
      </c>
      <c r="AQ21914">
        <v>31</v>
      </c>
    </row>
    <row r="21915" spans="1:43">
      <c r="A21915" t="s">
        <v>13579</v>
      </c>
      <c r="B21915" t="s">
        <v>13580</v>
      </c>
      <c r="C21915" t="s">
        <v>13573</v>
      </c>
      <c r="D21915" t="s">
        <v>13574</v>
      </c>
      <c r="E21915" t="s">
        <v>13539</v>
      </c>
      <c r="F21915" t="s">
        <v>13540</v>
      </c>
      <c r="G21915" t="s">
        <v>10214</v>
      </c>
      <c r="H21915" t="s">
        <v>10215</v>
      </c>
      <c r="I21915" s="2">
        <v>1</v>
      </c>
      <c r="J21915" s="2">
        <v>0</v>
      </c>
      <c r="K21915" s="2">
        <v>0</v>
      </c>
      <c r="L21915" t="s">
        <v>120</v>
      </c>
      <c r="M21915" t="s">
        <v>87</v>
      </c>
      <c r="N21915" t="s">
        <v>88</v>
      </c>
      <c r="O21915" t="s">
        <v>85</v>
      </c>
      <c r="P21915" t="s">
        <v>86</v>
      </c>
      <c r="Q21915">
        <v>18</v>
      </c>
      <c r="R21915">
        <v>19</v>
      </c>
      <c r="S21915">
        <v>19</v>
      </c>
      <c r="T21915">
        <v>19</v>
      </c>
      <c r="U21915">
        <v>20</v>
      </c>
      <c r="V21915">
        <v>20</v>
      </c>
      <c r="W21915">
        <v>20</v>
      </c>
      <c r="X21915">
        <v>21</v>
      </c>
      <c r="Y21915">
        <v>21</v>
      </c>
      <c r="Z21915">
        <v>21</v>
      </c>
      <c r="AA21915">
        <v>22</v>
      </c>
      <c r="AB21915">
        <v>22</v>
      </c>
      <c r="AC21915">
        <v>22</v>
      </c>
      <c r="AD21915">
        <v>23</v>
      </c>
      <c r="AE21915">
        <v>23</v>
      </c>
      <c r="AF21915">
        <v>24</v>
      </c>
      <c r="AG21915">
        <v>24</v>
      </c>
      <c r="AH21915">
        <v>24</v>
      </c>
      <c r="AI21915">
        <v>25</v>
      </c>
      <c r="AJ21915">
        <v>25</v>
      </c>
      <c r="AK21915">
        <v>26</v>
      </c>
      <c r="AL21915">
        <v>26</v>
      </c>
      <c r="AM21915">
        <v>26</v>
      </c>
      <c r="AN21915">
        <v>27</v>
      </c>
      <c r="AO21915">
        <v>27</v>
      </c>
      <c r="AP21915">
        <v>28</v>
      </c>
      <c r="AQ21915">
        <v>28</v>
      </c>
    </row>
    <row r="21916" spans="1:43">
      <c r="A21916" t="s">
        <v>13579</v>
      </c>
      <c r="B21916" t="s">
        <v>13580</v>
      </c>
      <c r="C21916" t="s">
        <v>13573</v>
      </c>
      <c r="D21916" t="s">
        <v>13574</v>
      </c>
      <c r="E21916" t="s">
        <v>13539</v>
      </c>
      <c r="F21916" t="s">
        <v>13540</v>
      </c>
      <c r="G21916" t="s">
        <v>10214</v>
      </c>
      <c r="H21916" t="s">
        <v>10215</v>
      </c>
      <c r="I21916" s="2">
        <v>1</v>
      </c>
      <c r="J21916" s="2">
        <v>0</v>
      </c>
      <c r="K21916" s="2">
        <v>0</v>
      </c>
      <c r="L21916" t="s">
        <v>120</v>
      </c>
      <c r="M21916" t="s">
        <v>89</v>
      </c>
      <c r="N21916" t="s">
        <v>90</v>
      </c>
      <c r="O21916" t="s">
        <v>85</v>
      </c>
      <c r="P21916" t="s">
        <v>86</v>
      </c>
      <c r="Q21916">
        <v>18</v>
      </c>
      <c r="R21916">
        <v>18</v>
      </c>
      <c r="S21916">
        <v>19</v>
      </c>
      <c r="T21916">
        <v>20</v>
      </c>
      <c r="U21916">
        <v>20</v>
      </c>
      <c r="V21916">
        <v>21</v>
      </c>
      <c r="W21916">
        <v>22</v>
      </c>
      <c r="X21916">
        <v>22</v>
      </c>
      <c r="Y21916">
        <v>23</v>
      </c>
      <c r="Z21916">
        <v>24</v>
      </c>
      <c r="AA21916">
        <v>24</v>
      </c>
      <c r="AB21916">
        <v>25</v>
      </c>
      <c r="AC21916">
        <v>26</v>
      </c>
      <c r="AD21916">
        <v>26</v>
      </c>
      <c r="AE21916">
        <v>27</v>
      </c>
      <c r="AF21916">
        <v>27</v>
      </c>
      <c r="AG21916">
        <v>28</v>
      </c>
      <c r="AH21916">
        <v>28</v>
      </c>
      <c r="AI21916">
        <v>28</v>
      </c>
      <c r="AJ21916">
        <v>29</v>
      </c>
      <c r="AK21916">
        <v>29</v>
      </c>
      <c r="AL21916">
        <v>29</v>
      </c>
      <c r="AM21916">
        <v>30</v>
      </c>
      <c r="AN21916">
        <v>30</v>
      </c>
      <c r="AO21916">
        <v>31</v>
      </c>
      <c r="AP21916">
        <v>31</v>
      </c>
      <c r="AQ21916">
        <v>32</v>
      </c>
    </row>
    <row r="21917" spans="1:43">
      <c r="A21917" t="s">
        <v>13579</v>
      </c>
      <c r="B21917" t="s">
        <v>13580</v>
      </c>
      <c r="C21917" t="s">
        <v>13573</v>
      </c>
      <c r="D21917" t="s">
        <v>13574</v>
      </c>
      <c r="E21917" t="s">
        <v>13539</v>
      </c>
      <c r="F21917" t="s">
        <v>13540</v>
      </c>
      <c r="G21917" t="s">
        <v>10214</v>
      </c>
      <c r="H21917" t="s">
        <v>10215</v>
      </c>
      <c r="I21917" s="2">
        <v>1</v>
      </c>
      <c r="J21917" s="2">
        <v>0</v>
      </c>
      <c r="K21917" s="2">
        <v>0</v>
      </c>
      <c r="L21917" t="s">
        <v>120</v>
      </c>
      <c r="M21917" t="s">
        <v>83</v>
      </c>
      <c r="N21917" t="s">
        <v>91</v>
      </c>
      <c r="O21917" t="s">
        <v>85</v>
      </c>
      <c r="P21917" t="s">
        <v>86</v>
      </c>
      <c r="Q21917">
        <v>18</v>
      </c>
      <c r="R21917">
        <v>18</v>
      </c>
      <c r="S21917">
        <v>19</v>
      </c>
      <c r="T21917">
        <v>19</v>
      </c>
      <c r="U21917">
        <v>20</v>
      </c>
      <c r="V21917">
        <v>20</v>
      </c>
      <c r="W21917">
        <v>21</v>
      </c>
      <c r="X21917">
        <v>21</v>
      </c>
      <c r="Y21917">
        <v>22</v>
      </c>
      <c r="Z21917">
        <v>22</v>
      </c>
      <c r="AA21917">
        <v>23</v>
      </c>
      <c r="AB21917">
        <v>23</v>
      </c>
      <c r="AC21917">
        <v>24</v>
      </c>
      <c r="AD21917">
        <v>24</v>
      </c>
      <c r="AE21917">
        <v>25</v>
      </c>
      <c r="AF21917">
        <v>26</v>
      </c>
      <c r="AG21917">
        <v>26</v>
      </c>
      <c r="AH21917">
        <v>27</v>
      </c>
      <c r="AI21917">
        <v>28</v>
      </c>
      <c r="AJ21917">
        <v>28</v>
      </c>
      <c r="AK21917">
        <v>29</v>
      </c>
      <c r="AL21917">
        <v>29</v>
      </c>
      <c r="AM21917">
        <v>30</v>
      </c>
      <c r="AN21917">
        <v>30</v>
      </c>
      <c r="AO21917">
        <v>30</v>
      </c>
      <c r="AP21917">
        <v>31</v>
      </c>
      <c r="AQ21917">
        <v>31</v>
      </c>
    </row>
    <row r="21918" spans="1:43">
      <c r="A21918" t="s">
        <v>13581</v>
      </c>
      <c r="B21918" t="s">
        <v>13582</v>
      </c>
      <c r="C21918" t="s">
        <v>13583</v>
      </c>
      <c r="D21918" t="s">
        <v>13584</v>
      </c>
      <c r="E21918" t="s">
        <v>13539</v>
      </c>
      <c r="F21918" t="s">
        <v>13540</v>
      </c>
      <c r="G21918" t="s">
        <v>10214</v>
      </c>
      <c r="H21918" t="s">
        <v>10215</v>
      </c>
      <c r="I21918" s="2">
        <v>1</v>
      </c>
      <c r="J21918" s="2">
        <v>0</v>
      </c>
      <c r="K21918" s="2">
        <v>0</v>
      </c>
      <c r="L21918" t="s">
        <v>120</v>
      </c>
      <c r="M21918" t="s">
        <v>83</v>
      </c>
      <c r="N21918" t="s">
        <v>84</v>
      </c>
      <c r="O21918" t="s">
        <v>85</v>
      </c>
      <c r="P21918" t="s">
        <v>86</v>
      </c>
      <c r="Q21918">
        <v>35</v>
      </c>
      <c r="R21918">
        <v>36</v>
      </c>
      <c r="S21918">
        <v>37</v>
      </c>
      <c r="T21918">
        <v>38</v>
      </c>
      <c r="U21918">
        <v>39</v>
      </c>
      <c r="V21918">
        <v>40</v>
      </c>
      <c r="W21918">
        <v>41</v>
      </c>
      <c r="X21918">
        <v>42</v>
      </c>
      <c r="Y21918">
        <v>43</v>
      </c>
      <c r="Z21918">
        <v>44</v>
      </c>
      <c r="AA21918">
        <v>45</v>
      </c>
      <c r="AB21918">
        <v>46</v>
      </c>
      <c r="AC21918">
        <v>47</v>
      </c>
      <c r="AD21918">
        <v>48</v>
      </c>
      <c r="AE21918">
        <v>49</v>
      </c>
      <c r="AF21918">
        <v>51</v>
      </c>
      <c r="AG21918">
        <v>52</v>
      </c>
      <c r="AH21918">
        <v>53</v>
      </c>
      <c r="AI21918">
        <v>54</v>
      </c>
      <c r="AJ21918">
        <v>56</v>
      </c>
      <c r="AK21918">
        <v>57</v>
      </c>
      <c r="AL21918">
        <v>58</v>
      </c>
      <c r="AM21918">
        <v>59</v>
      </c>
      <c r="AN21918">
        <v>59</v>
      </c>
      <c r="AO21918">
        <v>60</v>
      </c>
      <c r="AP21918">
        <v>61</v>
      </c>
      <c r="AQ21918">
        <v>62</v>
      </c>
    </row>
    <row r="21919" spans="1:43">
      <c r="A21919" t="s">
        <v>13581</v>
      </c>
      <c r="B21919" t="s">
        <v>13582</v>
      </c>
      <c r="C21919" t="s">
        <v>13583</v>
      </c>
      <c r="D21919" t="s">
        <v>13584</v>
      </c>
      <c r="E21919" t="s">
        <v>13539</v>
      </c>
      <c r="F21919" t="s">
        <v>13540</v>
      </c>
      <c r="G21919" t="s">
        <v>10214</v>
      </c>
      <c r="H21919" t="s">
        <v>10215</v>
      </c>
      <c r="I21919" s="2">
        <v>1</v>
      </c>
      <c r="J21919" s="2">
        <v>0</v>
      </c>
      <c r="K21919" s="2">
        <v>0</v>
      </c>
      <c r="L21919" t="s">
        <v>120</v>
      </c>
      <c r="M21919" t="s">
        <v>87</v>
      </c>
      <c r="N21919" t="s">
        <v>88</v>
      </c>
      <c r="O21919" t="s">
        <v>85</v>
      </c>
      <c r="P21919" t="s">
        <v>86</v>
      </c>
      <c r="Q21919">
        <v>35</v>
      </c>
      <c r="R21919">
        <v>36</v>
      </c>
      <c r="S21919">
        <v>37</v>
      </c>
      <c r="T21919">
        <v>37</v>
      </c>
      <c r="U21919">
        <v>38</v>
      </c>
      <c r="V21919">
        <v>39</v>
      </c>
      <c r="W21919">
        <v>39</v>
      </c>
      <c r="X21919">
        <v>40</v>
      </c>
      <c r="Y21919">
        <v>41</v>
      </c>
      <c r="Z21919">
        <v>41</v>
      </c>
      <c r="AA21919">
        <v>42</v>
      </c>
      <c r="AB21919">
        <v>43</v>
      </c>
      <c r="AC21919">
        <v>43</v>
      </c>
      <c r="AD21919">
        <v>44</v>
      </c>
      <c r="AE21919">
        <v>45</v>
      </c>
      <c r="AF21919">
        <v>46</v>
      </c>
      <c r="AG21919">
        <v>47</v>
      </c>
      <c r="AH21919">
        <v>47</v>
      </c>
      <c r="AI21919">
        <v>48</v>
      </c>
      <c r="AJ21919">
        <v>49</v>
      </c>
      <c r="AK21919">
        <v>50</v>
      </c>
      <c r="AL21919">
        <v>51</v>
      </c>
      <c r="AM21919">
        <v>51</v>
      </c>
      <c r="AN21919">
        <v>52</v>
      </c>
      <c r="AO21919">
        <v>53</v>
      </c>
      <c r="AP21919">
        <v>54</v>
      </c>
      <c r="AQ21919">
        <v>55</v>
      </c>
    </row>
    <row r="21920" spans="1:43">
      <c r="A21920" t="s">
        <v>13581</v>
      </c>
      <c r="B21920" t="s">
        <v>13582</v>
      </c>
      <c r="C21920" t="s">
        <v>13583</v>
      </c>
      <c r="D21920" t="s">
        <v>13584</v>
      </c>
      <c r="E21920" t="s">
        <v>13539</v>
      </c>
      <c r="F21920" t="s">
        <v>13540</v>
      </c>
      <c r="G21920" t="s">
        <v>10214</v>
      </c>
      <c r="H21920" t="s">
        <v>10215</v>
      </c>
      <c r="I21920" s="2">
        <v>1</v>
      </c>
      <c r="J21920" s="2">
        <v>0</v>
      </c>
      <c r="K21920" s="2">
        <v>0</v>
      </c>
      <c r="L21920" t="s">
        <v>120</v>
      </c>
      <c r="M21920" t="s">
        <v>89</v>
      </c>
      <c r="N21920" t="s">
        <v>90</v>
      </c>
      <c r="O21920" t="s">
        <v>85</v>
      </c>
      <c r="P21920" t="s">
        <v>86</v>
      </c>
      <c r="Q21920">
        <v>35</v>
      </c>
      <c r="R21920">
        <v>36</v>
      </c>
      <c r="S21920">
        <v>38</v>
      </c>
      <c r="T21920">
        <v>39</v>
      </c>
      <c r="U21920">
        <v>40</v>
      </c>
      <c r="V21920">
        <v>42</v>
      </c>
      <c r="W21920">
        <v>43</v>
      </c>
      <c r="X21920">
        <v>44</v>
      </c>
      <c r="Y21920">
        <v>45</v>
      </c>
      <c r="Z21920">
        <v>47</v>
      </c>
      <c r="AA21920">
        <v>48</v>
      </c>
      <c r="AB21920">
        <v>49</v>
      </c>
      <c r="AC21920">
        <v>50</v>
      </c>
      <c r="AD21920">
        <v>52</v>
      </c>
      <c r="AE21920">
        <v>53</v>
      </c>
      <c r="AF21920">
        <v>54</v>
      </c>
      <c r="AG21920">
        <v>54</v>
      </c>
      <c r="AH21920">
        <v>55</v>
      </c>
      <c r="AI21920">
        <v>56</v>
      </c>
      <c r="AJ21920">
        <v>57</v>
      </c>
      <c r="AK21920">
        <v>57</v>
      </c>
      <c r="AL21920">
        <v>58</v>
      </c>
      <c r="AM21920">
        <v>59</v>
      </c>
      <c r="AN21920">
        <v>60</v>
      </c>
      <c r="AO21920">
        <v>61</v>
      </c>
      <c r="AP21920">
        <v>61</v>
      </c>
      <c r="AQ21920">
        <v>62</v>
      </c>
    </row>
    <row r="21921" spans="1:43">
      <c r="A21921" t="s">
        <v>13581</v>
      </c>
      <c r="B21921" t="s">
        <v>13582</v>
      </c>
      <c r="C21921" t="s">
        <v>13583</v>
      </c>
      <c r="D21921" t="s">
        <v>13584</v>
      </c>
      <c r="E21921" t="s">
        <v>13539</v>
      </c>
      <c r="F21921" t="s">
        <v>13540</v>
      </c>
      <c r="G21921" t="s">
        <v>10214</v>
      </c>
      <c r="H21921" t="s">
        <v>10215</v>
      </c>
      <c r="I21921" s="2">
        <v>1</v>
      </c>
      <c r="J21921" s="2">
        <v>0</v>
      </c>
      <c r="K21921" s="2">
        <v>0</v>
      </c>
      <c r="L21921" t="s">
        <v>120</v>
      </c>
      <c r="M21921" t="s">
        <v>83</v>
      </c>
      <c r="N21921" t="s">
        <v>91</v>
      </c>
      <c r="O21921" t="s">
        <v>85</v>
      </c>
      <c r="P21921" t="s">
        <v>86</v>
      </c>
      <c r="Q21921">
        <v>35</v>
      </c>
      <c r="R21921">
        <v>36</v>
      </c>
      <c r="S21921">
        <v>37</v>
      </c>
      <c r="T21921">
        <v>38</v>
      </c>
      <c r="U21921">
        <v>39</v>
      </c>
      <c r="V21921">
        <v>40</v>
      </c>
      <c r="W21921">
        <v>41</v>
      </c>
      <c r="X21921">
        <v>42</v>
      </c>
      <c r="Y21921">
        <v>43</v>
      </c>
      <c r="Z21921">
        <v>44</v>
      </c>
      <c r="AA21921">
        <v>45</v>
      </c>
      <c r="AB21921">
        <v>46</v>
      </c>
      <c r="AC21921">
        <v>47</v>
      </c>
      <c r="AD21921">
        <v>48</v>
      </c>
      <c r="AE21921">
        <v>49</v>
      </c>
      <c r="AF21921">
        <v>51</v>
      </c>
      <c r="AG21921">
        <v>52</v>
      </c>
      <c r="AH21921">
        <v>53</v>
      </c>
      <c r="AI21921">
        <v>54</v>
      </c>
      <c r="AJ21921">
        <v>56</v>
      </c>
      <c r="AK21921">
        <v>57</v>
      </c>
      <c r="AL21921">
        <v>58</v>
      </c>
      <c r="AM21921">
        <v>59</v>
      </c>
      <c r="AN21921">
        <v>59</v>
      </c>
      <c r="AO21921">
        <v>60</v>
      </c>
      <c r="AP21921">
        <v>61</v>
      </c>
      <c r="AQ21921">
        <v>62</v>
      </c>
    </row>
    <row r="21922" spans="1:43">
      <c r="A21922" t="s">
        <v>13585</v>
      </c>
      <c r="B21922" t="s">
        <v>13586</v>
      </c>
      <c r="C21922" t="s">
        <v>13587</v>
      </c>
      <c r="D21922" t="s">
        <v>13588</v>
      </c>
      <c r="E21922" t="s">
        <v>13539</v>
      </c>
      <c r="F21922" t="s">
        <v>13540</v>
      </c>
      <c r="G21922" t="s">
        <v>10214</v>
      </c>
      <c r="H21922" t="s">
        <v>10215</v>
      </c>
      <c r="I21922" s="2">
        <v>1</v>
      </c>
      <c r="J21922" s="2">
        <v>0</v>
      </c>
      <c r="K21922" s="2">
        <v>0</v>
      </c>
      <c r="L21922" t="s">
        <v>120</v>
      </c>
      <c r="M21922" t="s">
        <v>83</v>
      </c>
      <c r="N21922" t="s">
        <v>84</v>
      </c>
      <c r="O21922" t="s">
        <v>85</v>
      </c>
      <c r="P21922" t="s">
        <v>86</v>
      </c>
      <c r="Q21922">
        <v>25</v>
      </c>
      <c r="R21922">
        <v>26</v>
      </c>
      <c r="S21922">
        <v>27</v>
      </c>
      <c r="T21922">
        <v>27</v>
      </c>
      <c r="U21922">
        <v>28</v>
      </c>
      <c r="V21922">
        <v>29</v>
      </c>
      <c r="W21922">
        <v>30</v>
      </c>
      <c r="X21922">
        <v>30</v>
      </c>
      <c r="Y21922">
        <v>31</v>
      </c>
      <c r="Z21922">
        <v>32</v>
      </c>
      <c r="AA21922">
        <v>33</v>
      </c>
      <c r="AB21922">
        <v>33</v>
      </c>
      <c r="AC21922">
        <v>34</v>
      </c>
      <c r="AD21922">
        <v>35</v>
      </c>
      <c r="AE21922">
        <v>36</v>
      </c>
      <c r="AF21922">
        <v>37</v>
      </c>
      <c r="AG21922">
        <v>38</v>
      </c>
      <c r="AH21922">
        <v>39</v>
      </c>
      <c r="AI21922">
        <v>39</v>
      </c>
      <c r="AJ21922">
        <v>40</v>
      </c>
      <c r="AK21922">
        <v>41</v>
      </c>
      <c r="AL21922">
        <v>42</v>
      </c>
      <c r="AM21922">
        <v>43</v>
      </c>
      <c r="AN21922">
        <v>43</v>
      </c>
      <c r="AO21922">
        <v>44</v>
      </c>
      <c r="AP21922">
        <v>45</v>
      </c>
      <c r="AQ21922">
        <v>45</v>
      </c>
    </row>
    <row r="21923" spans="1:43">
      <c r="A21923" t="s">
        <v>13585</v>
      </c>
      <c r="B21923" t="s">
        <v>13586</v>
      </c>
      <c r="C21923" t="s">
        <v>13587</v>
      </c>
      <c r="D21923" t="s">
        <v>13588</v>
      </c>
      <c r="E21923" t="s">
        <v>13539</v>
      </c>
      <c r="F21923" t="s">
        <v>13540</v>
      </c>
      <c r="G21923" t="s">
        <v>10214</v>
      </c>
      <c r="H21923" t="s">
        <v>10215</v>
      </c>
      <c r="I21923" s="2">
        <v>1</v>
      </c>
      <c r="J21923" s="2">
        <v>0</v>
      </c>
      <c r="K21923" s="2">
        <v>0</v>
      </c>
      <c r="L21923" t="s">
        <v>120</v>
      </c>
      <c r="M21923" t="s">
        <v>87</v>
      </c>
      <c r="N21923" t="s">
        <v>88</v>
      </c>
      <c r="O21923" t="s">
        <v>85</v>
      </c>
      <c r="P21923" t="s">
        <v>86</v>
      </c>
      <c r="Q21923">
        <v>25</v>
      </c>
      <c r="R21923">
        <v>25</v>
      </c>
      <c r="S21923">
        <v>26</v>
      </c>
      <c r="T21923">
        <v>26</v>
      </c>
      <c r="U21923">
        <v>27</v>
      </c>
      <c r="V21923">
        <v>27</v>
      </c>
      <c r="W21923">
        <v>28</v>
      </c>
      <c r="X21923">
        <v>28</v>
      </c>
      <c r="Y21923">
        <v>29</v>
      </c>
      <c r="Z21923">
        <v>29</v>
      </c>
      <c r="AA21923">
        <v>30</v>
      </c>
      <c r="AB21923">
        <v>30</v>
      </c>
      <c r="AC21923">
        <v>31</v>
      </c>
      <c r="AD21923">
        <v>31</v>
      </c>
      <c r="AE21923">
        <v>32</v>
      </c>
      <c r="AF21923">
        <v>32</v>
      </c>
      <c r="AG21923">
        <v>33</v>
      </c>
      <c r="AH21923">
        <v>34</v>
      </c>
      <c r="AI21923">
        <v>34</v>
      </c>
      <c r="AJ21923">
        <v>35</v>
      </c>
      <c r="AK21923">
        <v>35</v>
      </c>
      <c r="AL21923">
        <v>36</v>
      </c>
      <c r="AM21923">
        <v>37</v>
      </c>
      <c r="AN21923">
        <v>37</v>
      </c>
      <c r="AO21923">
        <v>38</v>
      </c>
      <c r="AP21923">
        <v>38</v>
      </c>
      <c r="AQ21923">
        <v>39</v>
      </c>
    </row>
    <row r="21924" spans="1:43">
      <c r="A21924" t="s">
        <v>13585</v>
      </c>
      <c r="B21924" t="s">
        <v>13586</v>
      </c>
      <c r="C21924" t="s">
        <v>13587</v>
      </c>
      <c r="D21924" t="s">
        <v>13588</v>
      </c>
      <c r="E21924" t="s">
        <v>13539</v>
      </c>
      <c r="F21924" t="s">
        <v>13540</v>
      </c>
      <c r="G21924" t="s">
        <v>10214</v>
      </c>
      <c r="H21924" t="s">
        <v>10215</v>
      </c>
      <c r="I21924" s="2">
        <v>1</v>
      </c>
      <c r="J21924" s="2">
        <v>0</v>
      </c>
      <c r="K21924" s="2">
        <v>0</v>
      </c>
      <c r="L21924" t="s">
        <v>120</v>
      </c>
      <c r="M21924" t="s">
        <v>89</v>
      </c>
      <c r="N21924" t="s">
        <v>90</v>
      </c>
      <c r="O21924" t="s">
        <v>85</v>
      </c>
      <c r="P21924" t="s">
        <v>86</v>
      </c>
      <c r="Q21924">
        <v>25</v>
      </c>
      <c r="R21924">
        <v>26</v>
      </c>
      <c r="S21924">
        <v>27</v>
      </c>
      <c r="T21924">
        <v>28</v>
      </c>
      <c r="U21924">
        <v>29</v>
      </c>
      <c r="V21924">
        <v>30</v>
      </c>
      <c r="W21924">
        <v>31</v>
      </c>
      <c r="X21924">
        <v>32</v>
      </c>
      <c r="Y21924">
        <v>33</v>
      </c>
      <c r="Z21924">
        <v>34</v>
      </c>
      <c r="AA21924">
        <v>35</v>
      </c>
      <c r="AB21924">
        <v>36</v>
      </c>
      <c r="AC21924">
        <v>37</v>
      </c>
      <c r="AD21924">
        <v>38</v>
      </c>
      <c r="AE21924">
        <v>38</v>
      </c>
      <c r="AF21924">
        <v>39</v>
      </c>
      <c r="AG21924">
        <v>40</v>
      </c>
      <c r="AH21924">
        <v>40</v>
      </c>
      <c r="AI21924">
        <v>41</v>
      </c>
      <c r="AJ21924">
        <v>41</v>
      </c>
      <c r="AK21924">
        <v>42</v>
      </c>
      <c r="AL21924">
        <v>43</v>
      </c>
      <c r="AM21924">
        <v>43</v>
      </c>
      <c r="AN21924">
        <v>44</v>
      </c>
      <c r="AO21924">
        <v>44</v>
      </c>
      <c r="AP21924">
        <v>45</v>
      </c>
      <c r="AQ21924">
        <v>46</v>
      </c>
    </row>
    <row r="21925" spans="1:43">
      <c r="A21925" t="s">
        <v>13585</v>
      </c>
      <c r="B21925" t="s">
        <v>13586</v>
      </c>
      <c r="C21925" t="s">
        <v>13587</v>
      </c>
      <c r="D21925" t="s">
        <v>13588</v>
      </c>
      <c r="E21925" t="s">
        <v>13539</v>
      </c>
      <c r="F21925" t="s">
        <v>13540</v>
      </c>
      <c r="G21925" t="s">
        <v>10214</v>
      </c>
      <c r="H21925" t="s">
        <v>10215</v>
      </c>
      <c r="I21925" s="2">
        <v>1</v>
      </c>
      <c r="J21925" s="2">
        <v>0</v>
      </c>
      <c r="K21925" s="2">
        <v>0</v>
      </c>
      <c r="L21925" t="s">
        <v>120</v>
      </c>
      <c r="M21925" t="s">
        <v>83</v>
      </c>
      <c r="N21925" t="s">
        <v>91</v>
      </c>
      <c r="O21925" t="s">
        <v>85</v>
      </c>
      <c r="P21925" t="s">
        <v>86</v>
      </c>
      <c r="Q21925">
        <v>25</v>
      </c>
      <c r="R21925">
        <v>26</v>
      </c>
      <c r="S21925">
        <v>27</v>
      </c>
      <c r="T21925">
        <v>27</v>
      </c>
      <c r="U21925">
        <v>28</v>
      </c>
      <c r="V21925">
        <v>29</v>
      </c>
      <c r="W21925">
        <v>30</v>
      </c>
      <c r="X21925">
        <v>30</v>
      </c>
      <c r="Y21925">
        <v>31</v>
      </c>
      <c r="Z21925">
        <v>32</v>
      </c>
      <c r="AA21925">
        <v>33</v>
      </c>
      <c r="AB21925">
        <v>33</v>
      </c>
      <c r="AC21925">
        <v>34</v>
      </c>
      <c r="AD21925">
        <v>35</v>
      </c>
      <c r="AE21925">
        <v>36</v>
      </c>
      <c r="AF21925">
        <v>37</v>
      </c>
      <c r="AG21925">
        <v>38</v>
      </c>
      <c r="AH21925">
        <v>39</v>
      </c>
      <c r="AI21925">
        <v>39</v>
      </c>
      <c r="AJ21925">
        <v>40</v>
      </c>
      <c r="AK21925">
        <v>41</v>
      </c>
      <c r="AL21925">
        <v>42</v>
      </c>
      <c r="AM21925">
        <v>43</v>
      </c>
      <c r="AN21925">
        <v>43</v>
      </c>
      <c r="AO21925">
        <v>44</v>
      </c>
      <c r="AP21925">
        <v>45</v>
      </c>
      <c r="AQ21925">
        <v>45</v>
      </c>
    </row>
    <row r="21926" spans="1:43">
      <c r="A21926" t="s">
        <v>13589</v>
      </c>
      <c r="B21926" t="s">
        <v>13590</v>
      </c>
      <c r="C21926" t="s">
        <v>13587</v>
      </c>
      <c r="D21926" t="s">
        <v>13588</v>
      </c>
      <c r="E21926" t="s">
        <v>13539</v>
      </c>
      <c r="F21926" t="s">
        <v>13540</v>
      </c>
      <c r="G21926" t="s">
        <v>10214</v>
      </c>
      <c r="H21926" t="s">
        <v>10215</v>
      </c>
      <c r="I21926" s="2">
        <v>1</v>
      </c>
      <c r="J21926" s="2">
        <v>0</v>
      </c>
      <c r="K21926" s="2">
        <v>0</v>
      </c>
      <c r="L21926" t="s">
        <v>120</v>
      </c>
      <c r="M21926" t="s">
        <v>83</v>
      </c>
      <c r="N21926" t="s">
        <v>84</v>
      </c>
      <c r="O21926" t="s">
        <v>85</v>
      </c>
      <c r="P21926" t="s">
        <v>86</v>
      </c>
      <c r="Q21926">
        <v>21</v>
      </c>
      <c r="R21926">
        <v>22</v>
      </c>
      <c r="S21926">
        <v>23</v>
      </c>
      <c r="T21926">
        <v>23</v>
      </c>
      <c r="U21926">
        <v>24</v>
      </c>
      <c r="V21926">
        <v>24</v>
      </c>
      <c r="W21926">
        <v>25</v>
      </c>
      <c r="X21926">
        <v>26</v>
      </c>
      <c r="Y21926">
        <v>26</v>
      </c>
      <c r="Z21926">
        <v>27</v>
      </c>
      <c r="AA21926">
        <v>28</v>
      </c>
      <c r="AB21926">
        <v>28</v>
      </c>
      <c r="AC21926">
        <v>29</v>
      </c>
      <c r="AD21926">
        <v>30</v>
      </c>
      <c r="AE21926">
        <v>31</v>
      </c>
      <c r="AF21926">
        <v>31</v>
      </c>
      <c r="AG21926">
        <v>32</v>
      </c>
      <c r="AH21926">
        <v>33</v>
      </c>
      <c r="AI21926">
        <v>34</v>
      </c>
      <c r="AJ21926">
        <v>34</v>
      </c>
      <c r="AK21926">
        <v>35</v>
      </c>
      <c r="AL21926">
        <v>36</v>
      </c>
      <c r="AM21926">
        <v>36</v>
      </c>
      <c r="AN21926">
        <v>37</v>
      </c>
      <c r="AO21926">
        <v>37</v>
      </c>
      <c r="AP21926">
        <v>38</v>
      </c>
      <c r="AQ21926">
        <v>38</v>
      </c>
    </row>
    <row r="21927" spans="1:43">
      <c r="A21927" t="s">
        <v>13589</v>
      </c>
      <c r="B21927" t="s">
        <v>13590</v>
      </c>
      <c r="C21927" t="s">
        <v>13587</v>
      </c>
      <c r="D21927" t="s">
        <v>13588</v>
      </c>
      <c r="E21927" t="s">
        <v>13539</v>
      </c>
      <c r="F21927" t="s">
        <v>13540</v>
      </c>
      <c r="G21927" t="s">
        <v>10214</v>
      </c>
      <c r="H21927" t="s">
        <v>10215</v>
      </c>
      <c r="I21927" s="2">
        <v>1</v>
      </c>
      <c r="J21927" s="2">
        <v>0</v>
      </c>
      <c r="K21927" s="2">
        <v>0</v>
      </c>
      <c r="L21927" t="s">
        <v>120</v>
      </c>
      <c r="M21927" t="s">
        <v>87</v>
      </c>
      <c r="N21927" t="s">
        <v>88</v>
      </c>
      <c r="O21927" t="s">
        <v>85</v>
      </c>
      <c r="P21927" t="s">
        <v>86</v>
      </c>
      <c r="Q21927">
        <v>21</v>
      </c>
      <c r="R21927">
        <v>22</v>
      </c>
      <c r="S21927">
        <v>22</v>
      </c>
      <c r="T21927">
        <v>22</v>
      </c>
      <c r="U21927">
        <v>23</v>
      </c>
      <c r="V21927">
        <v>23</v>
      </c>
      <c r="W21927">
        <v>24</v>
      </c>
      <c r="X21927">
        <v>24</v>
      </c>
      <c r="Y21927">
        <v>24</v>
      </c>
      <c r="Z21927">
        <v>25</v>
      </c>
      <c r="AA21927">
        <v>25</v>
      </c>
      <c r="AB21927">
        <v>26</v>
      </c>
      <c r="AC21927">
        <v>26</v>
      </c>
      <c r="AD21927">
        <v>27</v>
      </c>
      <c r="AE21927">
        <v>27</v>
      </c>
      <c r="AF21927">
        <v>28</v>
      </c>
      <c r="AG21927">
        <v>28</v>
      </c>
      <c r="AH21927">
        <v>28</v>
      </c>
      <c r="AI21927">
        <v>29</v>
      </c>
      <c r="AJ21927">
        <v>29</v>
      </c>
      <c r="AK21927">
        <v>30</v>
      </c>
      <c r="AL21927">
        <v>31</v>
      </c>
      <c r="AM21927">
        <v>31</v>
      </c>
      <c r="AN21927">
        <v>32</v>
      </c>
      <c r="AO21927">
        <v>32</v>
      </c>
      <c r="AP21927">
        <v>33</v>
      </c>
      <c r="AQ21927">
        <v>33</v>
      </c>
    </row>
    <row r="21928" spans="1:43">
      <c r="A21928" t="s">
        <v>13589</v>
      </c>
      <c r="B21928" t="s">
        <v>13590</v>
      </c>
      <c r="C21928" t="s">
        <v>13587</v>
      </c>
      <c r="D21928" t="s">
        <v>13588</v>
      </c>
      <c r="E21928" t="s">
        <v>13539</v>
      </c>
      <c r="F21928" t="s">
        <v>13540</v>
      </c>
      <c r="G21928" t="s">
        <v>10214</v>
      </c>
      <c r="H21928" t="s">
        <v>10215</v>
      </c>
      <c r="I21928" s="2">
        <v>1</v>
      </c>
      <c r="J21928" s="2">
        <v>0</v>
      </c>
      <c r="K21928" s="2">
        <v>0</v>
      </c>
      <c r="L21928" t="s">
        <v>120</v>
      </c>
      <c r="M21928" t="s">
        <v>89</v>
      </c>
      <c r="N21928" t="s">
        <v>90</v>
      </c>
      <c r="O21928" t="s">
        <v>85</v>
      </c>
      <c r="P21928" t="s">
        <v>86</v>
      </c>
      <c r="Q21928">
        <v>21</v>
      </c>
      <c r="R21928">
        <v>21</v>
      </c>
      <c r="S21928">
        <v>22</v>
      </c>
      <c r="T21928">
        <v>23</v>
      </c>
      <c r="U21928">
        <v>24</v>
      </c>
      <c r="V21928">
        <v>25</v>
      </c>
      <c r="W21928">
        <v>25</v>
      </c>
      <c r="X21928">
        <v>26</v>
      </c>
      <c r="Y21928">
        <v>27</v>
      </c>
      <c r="Z21928">
        <v>28</v>
      </c>
      <c r="AA21928">
        <v>29</v>
      </c>
      <c r="AB21928">
        <v>29</v>
      </c>
      <c r="AC21928">
        <v>30</v>
      </c>
      <c r="AD21928">
        <v>31</v>
      </c>
      <c r="AE21928">
        <v>32</v>
      </c>
      <c r="AF21928">
        <v>32</v>
      </c>
      <c r="AG21928">
        <v>33</v>
      </c>
      <c r="AH21928">
        <v>33</v>
      </c>
      <c r="AI21928">
        <v>34</v>
      </c>
      <c r="AJ21928">
        <v>34</v>
      </c>
      <c r="AK21928">
        <v>34</v>
      </c>
      <c r="AL21928">
        <v>35</v>
      </c>
      <c r="AM21928">
        <v>35</v>
      </c>
      <c r="AN21928">
        <v>36</v>
      </c>
      <c r="AO21928">
        <v>36</v>
      </c>
      <c r="AP21928">
        <v>37</v>
      </c>
      <c r="AQ21928">
        <v>37</v>
      </c>
    </row>
    <row r="21929" spans="1:43">
      <c r="A21929" t="s">
        <v>13589</v>
      </c>
      <c r="B21929" t="s">
        <v>13590</v>
      </c>
      <c r="C21929" t="s">
        <v>13587</v>
      </c>
      <c r="D21929" t="s">
        <v>13588</v>
      </c>
      <c r="E21929" t="s">
        <v>13539</v>
      </c>
      <c r="F21929" t="s">
        <v>13540</v>
      </c>
      <c r="G21929" t="s">
        <v>10214</v>
      </c>
      <c r="H21929" t="s">
        <v>10215</v>
      </c>
      <c r="I21929" s="2">
        <v>1</v>
      </c>
      <c r="J21929" s="2">
        <v>0</v>
      </c>
      <c r="K21929" s="2">
        <v>0</v>
      </c>
      <c r="L21929" t="s">
        <v>120</v>
      </c>
      <c r="M21929" t="s">
        <v>83</v>
      </c>
      <c r="N21929" t="s">
        <v>91</v>
      </c>
      <c r="O21929" t="s">
        <v>85</v>
      </c>
      <c r="P21929" t="s">
        <v>86</v>
      </c>
      <c r="Q21929">
        <v>21</v>
      </c>
      <c r="R21929">
        <v>22</v>
      </c>
      <c r="S21929">
        <v>23</v>
      </c>
      <c r="T21929">
        <v>23</v>
      </c>
      <c r="U21929">
        <v>24</v>
      </c>
      <c r="V21929">
        <v>24</v>
      </c>
      <c r="W21929">
        <v>25</v>
      </c>
      <c r="X21929">
        <v>26</v>
      </c>
      <c r="Y21929">
        <v>26</v>
      </c>
      <c r="Z21929">
        <v>27</v>
      </c>
      <c r="AA21929">
        <v>28</v>
      </c>
      <c r="AB21929">
        <v>28</v>
      </c>
      <c r="AC21929">
        <v>29</v>
      </c>
      <c r="AD21929">
        <v>30</v>
      </c>
      <c r="AE21929">
        <v>31</v>
      </c>
      <c r="AF21929">
        <v>31</v>
      </c>
      <c r="AG21929">
        <v>32</v>
      </c>
      <c r="AH21929">
        <v>33</v>
      </c>
      <c r="AI21929">
        <v>34</v>
      </c>
      <c r="AJ21929">
        <v>34</v>
      </c>
      <c r="AK21929">
        <v>35</v>
      </c>
      <c r="AL21929">
        <v>36</v>
      </c>
      <c r="AM21929">
        <v>36</v>
      </c>
      <c r="AN21929">
        <v>37</v>
      </c>
      <c r="AO21929">
        <v>37</v>
      </c>
      <c r="AP21929">
        <v>38</v>
      </c>
      <c r="AQ21929">
        <v>38</v>
      </c>
    </row>
    <row r="21930" spans="1:43">
      <c r="A21930" t="s">
        <v>13591</v>
      </c>
      <c r="B21930" t="s">
        <v>13592</v>
      </c>
      <c r="C21930" t="s">
        <v>13593</v>
      </c>
      <c r="D21930" t="s">
        <v>13594</v>
      </c>
      <c r="E21930" t="s">
        <v>13539</v>
      </c>
      <c r="F21930" t="s">
        <v>13540</v>
      </c>
      <c r="G21930" t="s">
        <v>10214</v>
      </c>
      <c r="H21930" t="s">
        <v>10215</v>
      </c>
      <c r="I21930" s="2">
        <v>1</v>
      </c>
      <c r="J21930" s="2">
        <v>0</v>
      </c>
      <c r="K21930" s="2">
        <v>0</v>
      </c>
      <c r="L21930" t="s">
        <v>120</v>
      </c>
      <c r="M21930" t="s">
        <v>83</v>
      </c>
      <c r="N21930" t="s">
        <v>84</v>
      </c>
      <c r="O21930" t="s">
        <v>85</v>
      </c>
      <c r="P21930" t="s">
        <v>86</v>
      </c>
      <c r="Q21930">
        <v>16</v>
      </c>
      <c r="R21930">
        <v>16</v>
      </c>
      <c r="S21930">
        <v>16</v>
      </c>
      <c r="T21930">
        <v>17</v>
      </c>
      <c r="U21930">
        <v>17</v>
      </c>
      <c r="V21930">
        <v>18</v>
      </c>
      <c r="W21930">
        <v>18</v>
      </c>
      <c r="X21930">
        <v>19</v>
      </c>
      <c r="Y21930">
        <v>19</v>
      </c>
      <c r="Z21930">
        <v>20</v>
      </c>
      <c r="AA21930">
        <v>20</v>
      </c>
      <c r="AB21930">
        <v>21</v>
      </c>
      <c r="AC21930">
        <v>21</v>
      </c>
      <c r="AD21930">
        <v>22</v>
      </c>
      <c r="AE21930">
        <v>22</v>
      </c>
      <c r="AF21930">
        <v>23</v>
      </c>
      <c r="AG21930">
        <v>23</v>
      </c>
      <c r="AH21930">
        <v>24</v>
      </c>
      <c r="AI21930">
        <v>24</v>
      </c>
      <c r="AJ21930">
        <v>25</v>
      </c>
      <c r="AK21930">
        <v>26</v>
      </c>
      <c r="AL21930">
        <v>26</v>
      </c>
      <c r="AM21930">
        <v>26</v>
      </c>
      <c r="AN21930">
        <v>27</v>
      </c>
      <c r="AO21930">
        <v>27</v>
      </c>
      <c r="AP21930">
        <v>27</v>
      </c>
      <c r="AQ21930">
        <v>28</v>
      </c>
    </row>
    <row r="21931" spans="1:43">
      <c r="A21931" t="s">
        <v>13591</v>
      </c>
      <c r="B21931" t="s">
        <v>13592</v>
      </c>
      <c r="C21931" t="s">
        <v>13593</v>
      </c>
      <c r="D21931" t="s">
        <v>13594</v>
      </c>
      <c r="E21931" t="s">
        <v>13539</v>
      </c>
      <c r="F21931" t="s">
        <v>13540</v>
      </c>
      <c r="G21931" t="s">
        <v>10214</v>
      </c>
      <c r="H21931" t="s">
        <v>10215</v>
      </c>
      <c r="I21931" s="2">
        <v>1</v>
      </c>
      <c r="J21931" s="2">
        <v>0</v>
      </c>
      <c r="K21931" s="2">
        <v>0</v>
      </c>
      <c r="L21931" t="s">
        <v>120</v>
      </c>
      <c r="M21931" t="s">
        <v>87</v>
      </c>
      <c r="N21931" t="s">
        <v>88</v>
      </c>
      <c r="O21931" t="s">
        <v>85</v>
      </c>
      <c r="P21931" t="s">
        <v>86</v>
      </c>
      <c r="Q21931">
        <v>16</v>
      </c>
      <c r="R21931">
        <v>17</v>
      </c>
      <c r="S21931">
        <v>17</v>
      </c>
      <c r="T21931">
        <v>17</v>
      </c>
      <c r="U21931">
        <v>18</v>
      </c>
      <c r="V21931">
        <v>18</v>
      </c>
      <c r="W21931">
        <v>18</v>
      </c>
      <c r="X21931">
        <v>18</v>
      </c>
      <c r="Y21931">
        <v>19</v>
      </c>
      <c r="Z21931">
        <v>19</v>
      </c>
      <c r="AA21931">
        <v>19</v>
      </c>
      <c r="AB21931">
        <v>20</v>
      </c>
      <c r="AC21931">
        <v>20</v>
      </c>
      <c r="AD21931">
        <v>20</v>
      </c>
      <c r="AE21931">
        <v>21</v>
      </c>
      <c r="AF21931">
        <v>21</v>
      </c>
      <c r="AG21931">
        <v>21</v>
      </c>
      <c r="AH21931">
        <v>22</v>
      </c>
      <c r="AI21931">
        <v>22</v>
      </c>
      <c r="AJ21931">
        <v>22</v>
      </c>
      <c r="AK21931">
        <v>23</v>
      </c>
      <c r="AL21931">
        <v>23</v>
      </c>
      <c r="AM21931">
        <v>23</v>
      </c>
      <c r="AN21931">
        <v>24</v>
      </c>
      <c r="AO21931">
        <v>24</v>
      </c>
      <c r="AP21931">
        <v>25</v>
      </c>
      <c r="AQ21931">
        <v>25</v>
      </c>
    </row>
    <row r="21932" spans="1:43">
      <c r="A21932" t="s">
        <v>13591</v>
      </c>
      <c r="B21932" t="s">
        <v>13592</v>
      </c>
      <c r="C21932" t="s">
        <v>13593</v>
      </c>
      <c r="D21932" t="s">
        <v>13594</v>
      </c>
      <c r="E21932" t="s">
        <v>13539</v>
      </c>
      <c r="F21932" t="s">
        <v>13540</v>
      </c>
      <c r="G21932" t="s">
        <v>10214</v>
      </c>
      <c r="H21932" t="s">
        <v>10215</v>
      </c>
      <c r="I21932" s="2">
        <v>1</v>
      </c>
      <c r="J21932" s="2">
        <v>0</v>
      </c>
      <c r="K21932" s="2">
        <v>0</v>
      </c>
      <c r="L21932" t="s">
        <v>120</v>
      </c>
      <c r="M21932" t="s">
        <v>89</v>
      </c>
      <c r="N21932" t="s">
        <v>90</v>
      </c>
      <c r="O21932" t="s">
        <v>85</v>
      </c>
      <c r="P21932" t="s">
        <v>86</v>
      </c>
      <c r="Q21932">
        <v>16</v>
      </c>
      <c r="R21932">
        <v>16</v>
      </c>
      <c r="S21932">
        <v>17</v>
      </c>
      <c r="T21932">
        <v>17</v>
      </c>
      <c r="U21932">
        <v>18</v>
      </c>
      <c r="V21932">
        <v>19</v>
      </c>
      <c r="W21932">
        <v>19</v>
      </c>
      <c r="X21932">
        <v>20</v>
      </c>
      <c r="Y21932">
        <v>20</v>
      </c>
      <c r="Z21932">
        <v>21</v>
      </c>
      <c r="AA21932">
        <v>21</v>
      </c>
      <c r="AB21932">
        <v>22</v>
      </c>
      <c r="AC21932">
        <v>23</v>
      </c>
      <c r="AD21932">
        <v>23</v>
      </c>
      <c r="AE21932">
        <v>24</v>
      </c>
      <c r="AF21932">
        <v>24</v>
      </c>
      <c r="AG21932">
        <v>25</v>
      </c>
      <c r="AH21932">
        <v>25</v>
      </c>
      <c r="AI21932">
        <v>25</v>
      </c>
      <c r="AJ21932">
        <v>26</v>
      </c>
      <c r="AK21932">
        <v>26</v>
      </c>
      <c r="AL21932">
        <v>26</v>
      </c>
      <c r="AM21932">
        <v>27</v>
      </c>
      <c r="AN21932">
        <v>27</v>
      </c>
      <c r="AO21932">
        <v>27</v>
      </c>
      <c r="AP21932">
        <v>28</v>
      </c>
      <c r="AQ21932">
        <v>28</v>
      </c>
    </row>
    <row r="21933" spans="1:43">
      <c r="A21933" t="s">
        <v>13591</v>
      </c>
      <c r="B21933" t="s">
        <v>13592</v>
      </c>
      <c r="C21933" t="s">
        <v>13593</v>
      </c>
      <c r="D21933" t="s">
        <v>13594</v>
      </c>
      <c r="E21933" t="s">
        <v>13539</v>
      </c>
      <c r="F21933" t="s">
        <v>13540</v>
      </c>
      <c r="G21933" t="s">
        <v>10214</v>
      </c>
      <c r="H21933" t="s">
        <v>10215</v>
      </c>
      <c r="I21933" s="2">
        <v>1</v>
      </c>
      <c r="J21933" s="2">
        <v>0</v>
      </c>
      <c r="K21933" s="2">
        <v>0</v>
      </c>
      <c r="L21933" t="s">
        <v>120</v>
      </c>
      <c r="M21933" t="s">
        <v>83</v>
      </c>
      <c r="N21933" t="s">
        <v>91</v>
      </c>
      <c r="O21933" t="s">
        <v>85</v>
      </c>
      <c r="P21933" t="s">
        <v>86</v>
      </c>
      <c r="Q21933">
        <v>16</v>
      </c>
      <c r="R21933">
        <v>16</v>
      </c>
      <c r="S21933">
        <v>16</v>
      </c>
      <c r="T21933">
        <v>17</v>
      </c>
      <c r="U21933">
        <v>17</v>
      </c>
      <c r="V21933">
        <v>18</v>
      </c>
      <c r="W21933">
        <v>18</v>
      </c>
      <c r="X21933">
        <v>19</v>
      </c>
      <c r="Y21933">
        <v>19</v>
      </c>
      <c r="Z21933">
        <v>20</v>
      </c>
      <c r="AA21933">
        <v>20</v>
      </c>
      <c r="AB21933">
        <v>21</v>
      </c>
      <c r="AC21933">
        <v>21</v>
      </c>
      <c r="AD21933">
        <v>22</v>
      </c>
      <c r="AE21933">
        <v>22</v>
      </c>
      <c r="AF21933">
        <v>23</v>
      </c>
      <c r="AG21933">
        <v>23</v>
      </c>
      <c r="AH21933">
        <v>24</v>
      </c>
      <c r="AI21933">
        <v>24</v>
      </c>
      <c r="AJ21933">
        <v>25</v>
      </c>
      <c r="AK21933">
        <v>26</v>
      </c>
      <c r="AL21933">
        <v>26</v>
      </c>
      <c r="AM21933">
        <v>26</v>
      </c>
      <c r="AN21933">
        <v>27</v>
      </c>
      <c r="AO21933">
        <v>27</v>
      </c>
      <c r="AP21933">
        <v>27</v>
      </c>
      <c r="AQ21933">
        <v>28</v>
      </c>
    </row>
    <row r="21934" spans="1:43">
      <c r="A21934" t="s">
        <v>13595</v>
      </c>
      <c r="B21934" t="s">
        <v>13596</v>
      </c>
      <c r="C21934" t="s">
        <v>13597</v>
      </c>
      <c r="D21934" t="s">
        <v>13598</v>
      </c>
      <c r="E21934" t="s">
        <v>13539</v>
      </c>
      <c r="F21934" t="s">
        <v>13540</v>
      </c>
      <c r="G21934" t="s">
        <v>10214</v>
      </c>
      <c r="H21934" t="s">
        <v>10215</v>
      </c>
      <c r="I21934" s="2">
        <v>1</v>
      </c>
      <c r="J21934" s="2">
        <v>0</v>
      </c>
      <c r="K21934" s="2">
        <v>0</v>
      </c>
      <c r="L21934" t="s">
        <v>120</v>
      </c>
      <c r="M21934" t="s">
        <v>83</v>
      </c>
      <c r="N21934" t="s">
        <v>84</v>
      </c>
      <c r="O21934" t="s">
        <v>85</v>
      </c>
      <c r="P21934" t="s">
        <v>86</v>
      </c>
      <c r="Q21934">
        <v>34</v>
      </c>
      <c r="R21934">
        <v>35</v>
      </c>
      <c r="S21934">
        <v>36</v>
      </c>
      <c r="T21934">
        <v>37</v>
      </c>
      <c r="U21934">
        <v>38</v>
      </c>
      <c r="V21934">
        <v>39</v>
      </c>
      <c r="W21934">
        <v>40</v>
      </c>
      <c r="X21934">
        <v>41</v>
      </c>
      <c r="Y21934">
        <v>42</v>
      </c>
      <c r="Z21934">
        <v>43</v>
      </c>
      <c r="AA21934">
        <v>44</v>
      </c>
      <c r="AB21934">
        <v>45</v>
      </c>
      <c r="AC21934">
        <v>46</v>
      </c>
      <c r="AD21934">
        <v>47</v>
      </c>
      <c r="AE21934">
        <v>48</v>
      </c>
      <c r="AF21934">
        <v>49</v>
      </c>
      <c r="AG21934">
        <v>50</v>
      </c>
      <c r="AH21934">
        <v>52</v>
      </c>
      <c r="AI21934">
        <v>53</v>
      </c>
      <c r="AJ21934">
        <v>54</v>
      </c>
      <c r="AK21934">
        <v>55</v>
      </c>
      <c r="AL21934">
        <v>56</v>
      </c>
      <c r="AM21934">
        <v>57</v>
      </c>
      <c r="AN21934">
        <v>58</v>
      </c>
      <c r="AO21934">
        <v>59</v>
      </c>
      <c r="AP21934">
        <v>59</v>
      </c>
      <c r="AQ21934">
        <v>60</v>
      </c>
    </row>
    <row r="21935" spans="1:43">
      <c r="A21935" t="s">
        <v>13595</v>
      </c>
      <c r="B21935" t="s">
        <v>13596</v>
      </c>
      <c r="C21935" t="s">
        <v>13597</v>
      </c>
      <c r="D21935" t="s">
        <v>13598</v>
      </c>
      <c r="E21935" t="s">
        <v>13539</v>
      </c>
      <c r="F21935" t="s">
        <v>13540</v>
      </c>
      <c r="G21935" t="s">
        <v>10214</v>
      </c>
      <c r="H21935" t="s">
        <v>10215</v>
      </c>
      <c r="I21935" s="2">
        <v>1</v>
      </c>
      <c r="J21935" s="2">
        <v>0</v>
      </c>
      <c r="K21935" s="2">
        <v>0</v>
      </c>
      <c r="L21935" t="s">
        <v>120</v>
      </c>
      <c r="M21935" t="s">
        <v>87</v>
      </c>
      <c r="N21935" t="s">
        <v>88</v>
      </c>
      <c r="O21935" t="s">
        <v>85</v>
      </c>
      <c r="P21935" t="s">
        <v>86</v>
      </c>
      <c r="Q21935">
        <v>34</v>
      </c>
      <c r="R21935">
        <v>35</v>
      </c>
      <c r="S21935">
        <v>36</v>
      </c>
      <c r="T21935">
        <v>36</v>
      </c>
      <c r="U21935">
        <v>37</v>
      </c>
      <c r="V21935">
        <v>38</v>
      </c>
      <c r="W21935">
        <v>38</v>
      </c>
      <c r="X21935">
        <v>39</v>
      </c>
      <c r="Y21935">
        <v>40</v>
      </c>
      <c r="Z21935">
        <v>40</v>
      </c>
      <c r="AA21935">
        <v>41</v>
      </c>
      <c r="AB21935">
        <v>42</v>
      </c>
      <c r="AC21935">
        <v>42</v>
      </c>
      <c r="AD21935">
        <v>43</v>
      </c>
      <c r="AE21935">
        <v>44</v>
      </c>
      <c r="AF21935">
        <v>44</v>
      </c>
      <c r="AG21935">
        <v>45</v>
      </c>
      <c r="AH21935">
        <v>46</v>
      </c>
      <c r="AI21935">
        <v>47</v>
      </c>
      <c r="AJ21935">
        <v>48</v>
      </c>
      <c r="AK21935">
        <v>48</v>
      </c>
      <c r="AL21935">
        <v>49</v>
      </c>
      <c r="AM21935">
        <v>50</v>
      </c>
      <c r="AN21935">
        <v>51</v>
      </c>
      <c r="AO21935">
        <v>52</v>
      </c>
      <c r="AP21935">
        <v>53</v>
      </c>
      <c r="AQ21935">
        <v>53</v>
      </c>
    </row>
    <row r="21936" spans="1:43">
      <c r="A21936" t="s">
        <v>13595</v>
      </c>
      <c r="B21936" t="s">
        <v>13596</v>
      </c>
      <c r="C21936" t="s">
        <v>13597</v>
      </c>
      <c r="D21936" t="s">
        <v>13598</v>
      </c>
      <c r="E21936" t="s">
        <v>13539</v>
      </c>
      <c r="F21936" t="s">
        <v>13540</v>
      </c>
      <c r="G21936" t="s">
        <v>10214</v>
      </c>
      <c r="H21936" t="s">
        <v>10215</v>
      </c>
      <c r="I21936" s="2">
        <v>1</v>
      </c>
      <c r="J21936" s="2">
        <v>0</v>
      </c>
      <c r="K21936" s="2">
        <v>0</v>
      </c>
      <c r="L21936" t="s">
        <v>120</v>
      </c>
      <c r="M21936" t="s">
        <v>89</v>
      </c>
      <c r="N21936" t="s">
        <v>90</v>
      </c>
      <c r="O21936" t="s">
        <v>85</v>
      </c>
      <c r="P21936" t="s">
        <v>86</v>
      </c>
      <c r="Q21936">
        <v>34</v>
      </c>
      <c r="R21936">
        <v>35</v>
      </c>
      <c r="S21936">
        <v>37</v>
      </c>
      <c r="T21936">
        <v>38</v>
      </c>
      <c r="U21936">
        <v>39</v>
      </c>
      <c r="V21936">
        <v>40</v>
      </c>
      <c r="W21936">
        <v>42</v>
      </c>
      <c r="X21936">
        <v>43</v>
      </c>
      <c r="Y21936">
        <v>44</v>
      </c>
      <c r="Z21936">
        <v>45</v>
      </c>
      <c r="AA21936">
        <v>46</v>
      </c>
      <c r="AB21936">
        <v>48</v>
      </c>
      <c r="AC21936">
        <v>49</v>
      </c>
      <c r="AD21936">
        <v>50</v>
      </c>
      <c r="AE21936">
        <v>51</v>
      </c>
      <c r="AF21936">
        <v>52</v>
      </c>
      <c r="AG21936">
        <v>53</v>
      </c>
      <c r="AH21936">
        <v>54</v>
      </c>
      <c r="AI21936">
        <v>54</v>
      </c>
      <c r="AJ21936">
        <v>55</v>
      </c>
      <c r="AK21936">
        <v>56</v>
      </c>
      <c r="AL21936">
        <v>57</v>
      </c>
      <c r="AM21936">
        <v>57</v>
      </c>
      <c r="AN21936">
        <v>58</v>
      </c>
      <c r="AO21936">
        <v>59</v>
      </c>
      <c r="AP21936">
        <v>60</v>
      </c>
      <c r="AQ21936">
        <v>61</v>
      </c>
    </row>
    <row r="21937" spans="1:43">
      <c r="A21937" t="s">
        <v>13595</v>
      </c>
      <c r="B21937" t="s">
        <v>13596</v>
      </c>
      <c r="C21937" t="s">
        <v>13597</v>
      </c>
      <c r="D21937" t="s">
        <v>13598</v>
      </c>
      <c r="E21937" t="s">
        <v>13539</v>
      </c>
      <c r="F21937" t="s">
        <v>13540</v>
      </c>
      <c r="G21937" t="s">
        <v>10214</v>
      </c>
      <c r="H21937" t="s">
        <v>10215</v>
      </c>
      <c r="I21937" s="2">
        <v>1</v>
      </c>
      <c r="J21937" s="2">
        <v>0</v>
      </c>
      <c r="K21937" s="2">
        <v>0</v>
      </c>
      <c r="L21937" t="s">
        <v>120</v>
      </c>
      <c r="M21937" t="s">
        <v>83</v>
      </c>
      <c r="N21937" t="s">
        <v>91</v>
      </c>
      <c r="O21937" t="s">
        <v>85</v>
      </c>
      <c r="P21937" t="s">
        <v>86</v>
      </c>
      <c r="Q21937">
        <v>34</v>
      </c>
      <c r="R21937">
        <v>35</v>
      </c>
      <c r="S21937">
        <v>36</v>
      </c>
      <c r="T21937">
        <v>37</v>
      </c>
      <c r="U21937">
        <v>38</v>
      </c>
      <c r="V21937">
        <v>39</v>
      </c>
      <c r="W21937">
        <v>40</v>
      </c>
      <c r="X21937">
        <v>41</v>
      </c>
      <c r="Y21937">
        <v>42</v>
      </c>
      <c r="Z21937">
        <v>43</v>
      </c>
      <c r="AA21937">
        <v>44</v>
      </c>
      <c r="AB21937">
        <v>45</v>
      </c>
      <c r="AC21937">
        <v>46</v>
      </c>
      <c r="AD21937">
        <v>47</v>
      </c>
      <c r="AE21937">
        <v>48</v>
      </c>
      <c r="AF21937">
        <v>49</v>
      </c>
      <c r="AG21937">
        <v>50</v>
      </c>
      <c r="AH21937">
        <v>52</v>
      </c>
      <c r="AI21937">
        <v>53</v>
      </c>
      <c r="AJ21937">
        <v>54</v>
      </c>
      <c r="AK21937">
        <v>55</v>
      </c>
      <c r="AL21937">
        <v>56</v>
      </c>
      <c r="AM21937">
        <v>57</v>
      </c>
      <c r="AN21937">
        <v>58</v>
      </c>
      <c r="AO21937">
        <v>59</v>
      </c>
      <c r="AP21937">
        <v>59</v>
      </c>
      <c r="AQ21937">
        <v>60</v>
      </c>
    </row>
    <row r="21938" spans="1:43">
      <c r="A21938" t="s">
        <v>13599</v>
      </c>
      <c r="B21938" t="s">
        <v>13600</v>
      </c>
      <c r="C21938" t="s">
        <v>13601</v>
      </c>
      <c r="D21938" t="s">
        <v>13602</v>
      </c>
      <c r="E21938" t="s">
        <v>13539</v>
      </c>
      <c r="F21938" t="s">
        <v>13540</v>
      </c>
      <c r="G21938" t="s">
        <v>10214</v>
      </c>
      <c r="H21938" t="s">
        <v>10215</v>
      </c>
      <c r="I21938" s="2">
        <v>1</v>
      </c>
      <c r="J21938" s="2">
        <v>0</v>
      </c>
      <c r="K21938" s="2">
        <v>0</v>
      </c>
      <c r="L21938" t="s">
        <v>120</v>
      </c>
      <c r="M21938" t="s">
        <v>83</v>
      </c>
      <c r="N21938" t="s">
        <v>84</v>
      </c>
      <c r="O21938" t="s">
        <v>85</v>
      </c>
      <c r="P21938" t="s">
        <v>86</v>
      </c>
      <c r="Q21938">
        <v>17</v>
      </c>
      <c r="R21938">
        <v>17</v>
      </c>
      <c r="S21938">
        <v>18</v>
      </c>
      <c r="T21938">
        <v>18</v>
      </c>
      <c r="U21938">
        <v>19</v>
      </c>
      <c r="V21938">
        <v>19</v>
      </c>
      <c r="W21938">
        <v>20</v>
      </c>
      <c r="X21938">
        <v>20</v>
      </c>
      <c r="Y21938">
        <v>21</v>
      </c>
      <c r="Z21938">
        <v>21</v>
      </c>
      <c r="AA21938">
        <v>22</v>
      </c>
      <c r="AB21938">
        <v>22</v>
      </c>
      <c r="AC21938">
        <v>23</v>
      </c>
      <c r="AD21938">
        <v>24</v>
      </c>
      <c r="AE21938">
        <v>24</v>
      </c>
      <c r="AF21938">
        <v>25</v>
      </c>
      <c r="AG21938">
        <v>25</v>
      </c>
      <c r="AH21938">
        <v>26</v>
      </c>
      <c r="AI21938">
        <v>26</v>
      </c>
      <c r="AJ21938">
        <v>27</v>
      </c>
      <c r="AK21938">
        <v>28</v>
      </c>
      <c r="AL21938">
        <v>28</v>
      </c>
      <c r="AM21938">
        <v>29</v>
      </c>
      <c r="AN21938">
        <v>29</v>
      </c>
      <c r="AO21938">
        <v>29</v>
      </c>
      <c r="AP21938">
        <v>30</v>
      </c>
      <c r="AQ21938">
        <v>30</v>
      </c>
    </row>
    <row r="21939" spans="1:43">
      <c r="A21939" t="s">
        <v>13599</v>
      </c>
      <c r="B21939" t="s">
        <v>13600</v>
      </c>
      <c r="C21939" t="s">
        <v>13601</v>
      </c>
      <c r="D21939" t="s">
        <v>13602</v>
      </c>
      <c r="E21939" t="s">
        <v>13539</v>
      </c>
      <c r="F21939" t="s">
        <v>13540</v>
      </c>
      <c r="G21939" t="s">
        <v>10214</v>
      </c>
      <c r="H21939" t="s">
        <v>10215</v>
      </c>
      <c r="I21939" s="2">
        <v>1</v>
      </c>
      <c r="J21939" s="2">
        <v>0</v>
      </c>
      <c r="K21939" s="2">
        <v>0</v>
      </c>
      <c r="L21939" t="s">
        <v>120</v>
      </c>
      <c r="M21939" t="s">
        <v>87</v>
      </c>
      <c r="N21939" t="s">
        <v>88</v>
      </c>
      <c r="O21939" t="s">
        <v>85</v>
      </c>
      <c r="P21939" t="s">
        <v>86</v>
      </c>
      <c r="Q21939">
        <v>17</v>
      </c>
      <c r="R21939">
        <v>17</v>
      </c>
      <c r="S21939">
        <v>17</v>
      </c>
      <c r="T21939">
        <v>18</v>
      </c>
      <c r="U21939">
        <v>18</v>
      </c>
      <c r="V21939">
        <v>18</v>
      </c>
      <c r="W21939">
        <v>19</v>
      </c>
      <c r="X21939">
        <v>19</v>
      </c>
      <c r="Y21939">
        <v>19</v>
      </c>
      <c r="Z21939">
        <v>20</v>
      </c>
      <c r="AA21939">
        <v>20</v>
      </c>
      <c r="AB21939">
        <v>20</v>
      </c>
      <c r="AC21939">
        <v>21</v>
      </c>
      <c r="AD21939">
        <v>21</v>
      </c>
      <c r="AE21939">
        <v>21</v>
      </c>
      <c r="AF21939">
        <v>22</v>
      </c>
      <c r="AG21939">
        <v>22</v>
      </c>
      <c r="AH21939">
        <v>23</v>
      </c>
      <c r="AI21939">
        <v>23</v>
      </c>
      <c r="AJ21939">
        <v>23</v>
      </c>
      <c r="AK21939">
        <v>24</v>
      </c>
      <c r="AL21939">
        <v>24</v>
      </c>
      <c r="AM21939">
        <v>25</v>
      </c>
      <c r="AN21939">
        <v>25</v>
      </c>
      <c r="AO21939">
        <v>25</v>
      </c>
      <c r="AP21939">
        <v>26</v>
      </c>
      <c r="AQ21939">
        <v>26</v>
      </c>
    </row>
    <row r="21940" spans="1:43">
      <c r="A21940" t="s">
        <v>13599</v>
      </c>
      <c r="B21940" t="s">
        <v>13600</v>
      </c>
      <c r="C21940" t="s">
        <v>13601</v>
      </c>
      <c r="D21940" t="s">
        <v>13602</v>
      </c>
      <c r="E21940" t="s">
        <v>13539</v>
      </c>
      <c r="F21940" t="s">
        <v>13540</v>
      </c>
      <c r="G21940" t="s">
        <v>10214</v>
      </c>
      <c r="H21940" t="s">
        <v>10215</v>
      </c>
      <c r="I21940" s="2">
        <v>1</v>
      </c>
      <c r="J21940" s="2">
        <v>0</v>
      </c>
      <c r="K21940" s="2">
        <v>0</v>
      </c>
      <c r="L21940" t="s">
        <v>120</v>
      </c>
      <c r="M21940" t="s">
        <v>89</v>
      </c>
      <c r="N21940" t="s">
        <v>90</v>
      </c>
      <c r="O21940" t="s">
        <v>85</v>
      </c>
      <c r="P21940" t="s">
        <v>86</v>
      </c>
      <c r="Q21940">
        <v>17</v>
      </c>
      <c r="R21940">
        <v>18</v>
      </c>
      <c r="S21940">
        <v>18</v>
      </c>
      <c r="T21940">
        <v>19</v>
      </c>
      <c r="U21940">
        <v>20</v>
      </c>
      <c r="V21940">
        <v>20</v>
      </c>
      <c r="W21940">
        <v>21</v>
      </c>
      <c r="X21940">
        <v>21</v>
      </c>
      <c r="Y21940">
        <v>22</v>
      </c>
      <c r="Z21940">
        <v>23</v>
      </c>
      <c r="AA21940">
        <v>23</v>
      </c>
      <c r="AB21940">
        <v>24</v>
      </c>
      <c r="AC21940">
        <v>25</v>
      </c>
      <c r="AD21940">
        <v>25</v>
      </c>
      <c r="AE21940">
        <v>26</v>
      </c>
      <c r="AF21940">
        <v>26</v>
      </c>
      <c r="AG21940">
        <v>27</v>
      </c>
      <c r="AH21940">
        <v>27</v>
      </c>
      <c r="AI21940">
        <v>27</v>
      </c>
      <c r="AJ21940">
        <v>28</v>
      </c>
      <c r="AK21940">
        <v>28</v>
      </c>
      <c r="AL21940">
        <v>28</v>
      </c>
      <c r="AM21940">
        <v>29</v>
      </c>
      <c r="AN21940">
        <v>29</v>
      </c>
      <c r="AO21940">
        <v>30</v>
      </c>
      <c r="AP21940">
        <v>30</v>
      </c>
      <c r="AQ21940">
        <v>30</v>
      </c>
    </row>
    <row r="21941" spans="1:43">
      <c r="A21941" t="s">
        <v>13599</v>
      </c>
      <c r="B21941" t="s">
        <v>13600</v>
      </c>
      <c r="C21941" t="s">
        <v>13601</v>
      </c>
      <c r="D21941" t="s">
        <v>13602</v>
      </c>
      <c r="E21941" t="s">
        <v>13539</v>
      </c>
      <c r="F21941" t="s">
        <v>13540</v>
      </c>
      <c r="G21941" t="s">
        <v>10214</v>
      </c>
      <c r="H21941" t="s">
        <v>10215</v>
      </c>
      <c r="I21941" s="2">
        <v>1</v>
      </c>
      <c r="J21941" s="2">
        <v>0</v>
      </c>
      <c r="K21941" s="2">
        <v>0</v>
      </c>
      <c r="L21941" t="s">
        <v>120</v>
      </c>
      <c r="M21941" t="s">
        <v>83</v>
      </c>
      <c r="N21941" t="s">
        <v>91</v>
      </c>
      <c r="O21941" t="s">
        <v>85</v>
      </c>
      <c r="P21941" t="s">
        <v>86</v>
      </c>
      <c r="Q21941">
        <v>17</v>
      </c>
      <c r="R21941">
        <v>17</v>
      </c>
      <c r="S21941">
        <v>18</v>
      </c>
      <c r="T21941">
        <v>18</v>
      </c>
      <c r="U21941">
        <v>19</v>
      </c>
      <c r="V21941">
        <v>19</v>
      </c>
      <c r="W21941">
        <v>20</v>
      </c>
      <c r="X21941">
        <v>20</v>
      </c>
      <c r="Y21941">
        <v>21</v>
      </c>
      <c r="Z21941">
        <v>21</v>
      </c>
      <c r="AA21941">
        <v>22</v>
      </c>
      <c r="AB21941">
        <v>22</v>
      </c>
      <c r="AC21941">
        <v>23</v>
      </c>
      <c r="AD21941">
        <v>24</v>
      </c>
      <c r="AE21941">
        <v>24</v>
      </c>
      <c r="AF21941">
        <v>25</v>
      </c>
      <c r="AG21941">
        <v>25</v>
      </c>
      <c r="AH21941">
        <v>26</v>
      </c>
      <c r="AI21941">
        <v>26</v>
      </c>
      <c r="AJ21941">
        <v>27</v>
      </c>
      <c r="AK21941">
        <v>28</v>
      </c>
      <c r="AL21941">
        <v>28</v>
      </c>
      <c r="AM21941">
        <v>29</v>
      </c>
      <c r="AN21941">
        <v>29</v>
      </c>
      <c r="AO21941">
        <v>29</v>
      </c>
      <c r="AP21941">
        <v>30</v>
      </c>
      <c r="AQ21941">
        <v>30</v>
      </c>
    </row>
    <row r="21942" spans="1:43">
      <c r="A21942" t="s">
        <v>13603</v>
      </c>
      <c r="B21942" t="s">
        <v>13604</v>
      </c>
      <c r="C21942" t="s">
        <v>13601</v>
      </c>
      <c r="D21942" t="s">
        <v>13602</v>
      </c>
      <c r="E21942" t="s">
        <v>13539</v>
      </c>
      <c r="F21942" t="s">
        <v>13540</v>
      </c>
      <c r="G21942" t="s">
        <v>10214</v>
      </c>
      <c r="H21942" t="s">
        <v>10215</v>
      </c>
      <c r="I21942" s="2">
        <v>1</v>
      </c>
      <c r="J21942" s="2">
        <v>0</v>
      </c>
      <c r="K21942" s="2">
        <v>0</v>
      </c>
      <c r="L21942" t="s">
        <v>120</v>
      </c>
      <c r="M21942" t="s">
        <v>83</v>
      </c>
      <c r="N21942" t="s">
        <v>84</v>
      </c>
      <c r="O21942" t="s">
        <v>85</v>
      </c>
      <c r="P21942" t="s">
        <v>86</v>
      </c>
      <c r="Q21942">
        <v>18</v>
      </c>
      <c r="R21942">
        <v>18</v>
      </c>
      <c r="S21942">
        <v>19</v>
      </c>
      <c r="T21942">
        <v>19</v>
      </c>
      <c r="U21942">
        <v>20</v>
      </c>
      <c r="V21942">
        <v>20</v>
      </c>
      <c r="W21942">
        <v>21</v>
      </c>
      <c r="X21942">
        <v>21</v>
      </c>
      <c r="Y21942">
        <v>22</v>
      </c>
      <c r="Z21942">
        <v>22</v>
      </c>
      <c r="AA21942">
        <v>23</v>
      </c>
      <c r="AB21942">
        <v>23</v>
      </c>
      <c r="AC21942">
        <v>24</v>
      </c>
      <c r="AD21942">
        <v>24</v>
      </c>
      <c r="AE21942">
        <v>25</v>
      </c>
      <c r="AF21942">
        <v>26</v>
      </c>
      <c r="AG21942">
        <v>26</v>
      </c>
      <c r="AH21942">
        <v>27</v>
      </c>
      <c r="AI21942">
        <v>27</v>
      </c>
      <c r="AJ21942">
        <v>28</v>
      </c>
      <c r="AK21942">
        <v>29</v>
      </c>
      <c r="AL21942">
        <v>29</v>
      </c>
      <c r="AM21942">
        <v>30</v>
      </c>
      <c r="AN21942">
        <v>30</v>
      </c>
      <c r="AO21942">
        <v>30</v>
      </c>
      <c r="AP21942">
        <v>31</v>
      </c>
      <c r="AQ21942">
        <v>31</v>
      </c>
    </row>
    <row r="21943" spans="1:43">
      <c r="A21943" t="s">
        <v>13603</v>
      </c>
      <c r="B21943" t="s">
        <v>13604</v>
      </c>
      <c r="C21943" t="s">
        <v>13601</v>
      </c>
      <c r="D21943" t="s">
        <v>13602</v>
      </c>
      <c r="E21943" t="s">
        <v>13539</v>
      </c>
      <c r="F21943" t="s">
        <v>13540</v>
      </c>
      <c r="G21943" t="s">
        <v>10214</v>
      </c>
      <c r="H21943" t="s">
        <v>10215</v>
      </c>
      <c r="I21943" s="2">
        <v>1</v>
      </c>
      <c r="J21943" s="2">
        <v>0</v>
      </c>
      <c r="K21943" s="2">
        <v>0</v>
      </c>
      <c r="L21943" t="s">
        <v>120</v>
      </c>
      <c r="M21943" t="s">
        <v>87</v>
      </c>
      <c r="N21943" t="s">
        <v>88</v>
      </c>
      <c r="O21943" t="s">
        <v>85</v>
      </c>
      <c r="P21943" t="s">
        <v>86</v>
      </c>
      <c r="Q21943">
        <v>18</v>
      </c>
      <c r="R21943">
        <v>19</v>
      </c>
      <c r="S21943">
        <v>19</v>
      </c>
      <c r="T21943">
        <v>19</v>
      </c>
      <c r="U21943">
        <v>20</v>
      </c>
      <c r="V21943">
        <v>20</v>
      </c>
      <c r="W21943">
        <v>20</v>
      </c>
      <c r="X21943">
        <v>21</v>
      </c>
      <c r="Y21943">
        <v>21</v>
      </c>
      <c r="Z21943">
        <v>21</v>
      </c>
      <c r="AA21943">
        <v>22</v>
      </c>
      <c r="AB21943">
        <v>22</v>
      </c>
      <c r="AC21943">
        <v>22</v>
      </c>
      <c r="AD21943">
        <v>23</v>
      </c>
      <c r="AE21943">
        <v>23</v>
      </c>
      <c r="AF21943">
        <v>24</v>
      </c>
      <c r="AG21943">
        <v>24</v>
      </c>
      <c r="AH21943">
        <v>24</v>
      </c>
      <c r="AI21943">
        <v>25</v>
      </c>
      <c r="AJ21943">
        <v>25</v>
      </c>
      <c r="AK21943">
        <v>26</v>
      </c>
      <c r="AL21943">
        <v>26</v>
      </c>
      <c r="AM21943">
        <v>26</v>
      </c>
      <c r="AN21943">
        <v>27</v>
      </c>
      <c r="AO21943">
        <v>27</v>
      </c>
      <c r="AP21943">
        <v>28</v>
      </c>
      <c r="AQ21943">
        <v>28</v>
      </c>
    </row>
    <row r="21944" spans="1:43">
      <c r="A21944" t="s">
        <v>13603</v>
      </c>
      <c r="B21944" t="s">
        <v>13604</v>
      </c>
      <c r="C21944" t="s">
        <v>13601</v>
      </c>
      <c r="D21944" t="s">
        <v>13602</v>
      </c>
      <c r="E21944" t="s">
        <v>13539</v>
      </c>
      <c r="F21944" t="s">
        <v>13540</v>
      </c>
      <c r="G21944" t="s">
        <v>10214</v>
      </c>
      <c r="H21944" t="s">
        <v>10215</v>
      </c>
      <c r="I21944" s="2">
        <v>1</v>
      </c>
      <c r="J21944" s="2">
        <v>0</v>
      </c>
      <c r="K21944" s="2">
        <v>0</v>
      </c>
      <c r="L21944" t="s">
        <v>120</v>
      </c>
      <c r="M21944" t="s">
        <v>89</v>
      </c>
      <c r="N21944" t="s">
        <v>90</v>
      </c>
      <c r="O21944" t="s">
        <v>85</v>
      </c>
      <c r="P21944" t="s">
        <v>86</v>
      </c>
      <c r="Q21944">
        <v>18</v>
      </c>
      <c r="R21944">
        <v>18</v>
      </c>
      <c r="S21944">
        <v>19</v>
      </c>
      <c r="T21944">
        <v>20</v>
      </c>
      <c r="U21944">
        <v>20</v>
      </c>
      <c r="V21944">
        <v>21</v>
      </c>
      <c r="W21944">
        <v>22</v>
      </c>
      <c r="X21944">
        <v>22</v>
      </c>
      <c r="Y21944">
        <v>23</v>
      </c>
      <c r="Z21944">
        <v>23</v>
      </c>
      <c r="AA21944">
        <v>24</v>
      </c>
      <c r="AB21944">
        <v>25</v>
      </c>
      <c r="AC21944">
        <v>25</v>
      </c>
      <c r="AD21944">
        <v>26</v>
      </c>
      <c r="AE21944">
        <v>27</v>
      </c>
      <c r="AF21944">
        <v>27</v>
      </c>
      <c r="AG21944">
        <v>27</v>
      </c>
      <c r="AH21944">
        <v>28</v>
      </c>
      <c r="AI21944">
        <v>28</v>
      </c>
      <c r="AJ21944">
        <v>29</v>
      </c>
      <c r="AK21944">
        <v>29</v>
      </c>
      <c r="AL21944">
        <v>29</v>
      </c>
      <c r="AM21944">
        <v>30</v>
      </c>
      <c r="AN21944">
        <v>30</v>
      </c>
      <c r="AO21944">
        <v>31</v>
      </c>
      <c r="AP21944">
        <v>31</v>
      </c>
      <c r="AQ21944">
        <v>31</v>
      </c>
    </row>
    <row r="21945" spans="1:43">
      <c r="A21945" t="s">
        <v>13603</v>
      </c>
      <c r="B21945" t="s">
        <v>13604</v>
      </c>
      <c r="C21945" t="s">
        <v>13601</v>
      </c>
      <c r="D21945" t="s">
        <v>13602</v>
      </c>
      <c r="E21945" t="s">
        <v>13539</v>
      </c>
      <c r="F21945" t="s">
        <v>13540</v>
      </c>
      <c r="G21945" t="s">
        <v>10214</v>
      </c>
      <c r="H21945" t="s">
        <v>10215</v>
      </c>
      <c r="I21945" s="2">
        <v>1</v>
      </c>
      <c r="J21945" s="2">
        <v>0</v>
      </c>
      <c r="K21945" s="2">
        <v>0</v>
      </c>
      <c r="L21945" t="s">
        <v>120</v>
      </c>
      <c r="M21945" t="s">
        <v>83</v>
      </c>
      <c r="N21945" t="s">
        <v>91</v>
      </c>
      <c r="O21945" t="s">
        <v>85</v>
      </c>
      <c r="P21945" t="s">
        <v>86</v>
      </c>
      <c r="Q21945">
        <v>18</v>
      </c>
      <c r="R21945">
        <v>18</v>
      </c>
      <c r="S21945">
        <v>19</v>
      </c>
      <c r="T21945">
        <v>19</v>
      </c>
      <c r="U21945">
        <v>20</v>
      </c>
      <c r="V21945">
        <v>20</v>
      </c>
      <c r="W21945">
        <v>21</v>
      </c>
      <c r="X21945">
        <v>21</v>
      </c>
      <c r="Y21945">
        <v>22</v>
      </c>
      <c r="Z21945">
        <v>22</v>
      </c>
      <c r="AA21945">
        <v>23</v>
      </c>
      <c r="AB21945">
        <v>23</v>
      </c>
      <c r="AC21945">
        <v>24</v>
      </c>
      <c r="AD21945">
        <v>24</v>
      </c>
      <c r="AE21945">
        <v>25</v>
      </c>
      <c r="AF21945">
        <v>26</v>
      </c>
      <c r="AG21945">
        <v>26</v>
      </c>
      <c r="AH21945">
        <v>27</v>
      </c>
      <c r="AI21945">
        <v>27</v>
      </c>
      <c r="AJ21945">
        <v>28</v>
      </c>
      <c r="AK21945">
        <v>29</v>
      </c>
      <c r="AL21945">
        <v>29</v>
      </c>
      <c r="AM21945">
        <v>30</v>
      </c>
      <c r="AN21945">
        <v>30</v>
      </c>
      <c r="AO21945">
        <v>30</v>
      </c>
      <c r="AP21945">
        <v>31</v>
      </c>
      <c r="AQ21945">
        <v>31</v>
      </c>
    </row>
    <row r="21946" spans="1:43">
      <c r="A21946" t="s">
        <v>13605</v>
      </c>
      <c r="B21946" t="s">
        <v>13606</v>
      </c>
      <c r="C21946" t="s">
        <v>13601</v>
      </c>
      <c r="D21946" t="s">
        <v>13602</v>
      </c>
      <c r="E21946" t="s">
        <v>13539</v>
      </c>
      <c r="F21946" t="s">
        <v>13540</v>
      </c>
      <c r="G21946" t="s">
        <v>10214</v>
      </c>
      <c r="H21946" t="s">
        <v>10215</v>
      </c>
      <c r="I21946" s="2">
        <v>1</v>
      </c>
      <c r="J21946" s="2">
        <v>0</v>
      </c>
      <c r="K21946" s="2">
        <v>0</v>
      </c>
      <c r="L21946" t="s">
        <v>120</v>
      </c>
      <c r="M21946" t="s">
        <v>83</v>
      </c>
      <c r="N21946" t="s">
        <v>84</v>
      </c>
      <c r="O21946" t="s">
        <v>85</v>
      </c>
      <c r="P21946" t="s">
        <v>86</v>
      </c>
      <c r="Q21946">
        <v>51</v>
      </c>
      <c r="R21946">
        <v>52</v>
      </c>
      <c r="S21946">
        <v>54</v>
      </c>
      <c r="T21946">
        <v>55</v>
      </c>
      <c r="U21946">
        <v>57</v>
      </c>
      <c r="V21946">
        <v>58</v>
      </c>
      <c r="W21946">
        <v>60</v>
      </c>
      <c r="X21946">
        <v>61</v>
      </c>
      <c r="Y21946">
        <v>63</v>
      </c>
      <c r="Z21946">
        <v>64</v>
      </c>
      <c r="AA21946">
        <v>66</v>
      </c>
      <c r="AB21946">
        <v>67</v>
      </c>
      <c r="AC21946">
        <v>69</v>
      </c>
      <c r="AD21946">
        <v>71</v>
      </c>
      <c r="AE21946">
        <v>72</v>
      </c>
      <c r="AF21946">
        <v>74</v>
      </c>
      <c r="AG21946">
        <v>76</v>
      </c>
      <c r="AH21946">
        <v>77</v>
      </c>
      <c r="AI21946">
        <v>79</v>
      </c>
      <c r="AJ21946">
        <v>81</v>
      </c>
      <c r="AK21946">
        <v>83</v>
      </c>
      <c r="AL21946">
        <v>84</v>
      </c>
      <c r="AM21946">
        <v>86</v>
      </c>
      <c r="AN21946">
        <v>87</v>
      </c>
      <c r="AO21946">
        <v>88</v>
      </c>
      <c r="AP21946">
        <v>89</v>
      </c>
      <c r="AQ21946">
        <v>90</v>
      </c>
    </row>
    <row r="21947" spans="1:43">
      <c r="A21947" t="s">
        <v>13605</v>
      </c>
      <c r="B21947" t="s">
        <v>13606</v>
      </c>
      <c r="C21947" t="s">
        <v>13601</v>
      </c>
      <c r="D21947" t="s">
        <v>13602</v>
      </c>
      <c r="E21947" t="s">
        <v>13539</v>
      </c>
      <c r="F21947" t="s">
        <v>13540</v>
      </c>
      <c r="G21947" t="s">
        <v>10214</v>
      </c>
      <c r="H21947" t="s">
        <v>10215</v>
      </c>
      <c r="I21947" s="2">
        <v>1</v>
      </c>
      <c r="J21947" s="2">
        <v>0</v>
      </c>
      <c r="K21947" s="2">
        <v>0</v>
      </c>
      <c r="L21947" t="s">
        <v>120</v>
      </c>
      <c r="M21947" t="s">
        <v>87</v>
      </c>
      <c r="N21947" t="s">
        <v>88</v>
      </c>
      <c r="O21947" t="s">
        <v>85</v>
      </c>
      <c r="P21947" t="s">
        <v>86</v>
      </c>
      <c r="Q21947">
        <v>51</v>
      </c>
      <c r="R21947">
        <v>52</v>
      </c>
      <c r="S21947">
        <v>53</v>
      </c>
      <c r="T21947">
        <v>54</v>
      </c>
      <c r="U21947">
        <v>55</v>
      </c>
      <c r="V21947">
        <v>56</v>
      </c>
      <c r="W21947">
        <v>57</v>
      </c>
      <c r="X21947">
        <v>58</v>
      </c>
      <c r="Y21947">
        <v>59</v>
      </c>
      <c r="Z21947">
        <v>60</v>
      </c>
      <c r="AA21947">
        <v>61</v>
      </c>
      <c r="AB21947">
        <v>62</v>
      </c>
      <c r="AC21947">
        <v>63</v>
      </c>
      <c r="AD21947">
        <v>64</v>
      </c>
      <c r="AE21947">
        <v>65</v>
      </c>
      <c r="AF21947">
        <v>66</v>
      </c>
      <c r="AG21947">
        <v>68</v>
      </c>
      <c r="AH21947">
        <v>69</v>
      </c>
      <c r="AI21947">
        <v>70</v>
      </c>
      <c r="AJ21947">
        <v>71</v>
      </c>
      <c r="AK21947">
        <v>72</v>
      </c>
      <c r="AL21947">
        <v>73</v>
      </c>
      <c r="AM21947">
        <v>75</v>
      </c>
      <c r="AN21947">
        <v>76</v>
      </c>
      <c r="AO21947">
        <v>77</v>
      </c>
      <c r="AP21947">
        <v>79</v>
      </c>
      <c r="AQ21947">
        <v>80</v>
      </c>
    </row>
    <row r="21948" spans="1:43">
      <c r="A21948" t="s">
        <v>13605</v>
      </c>
      <c r="B21948" t="s">
        <v>13606</v>
      </c>
      <c r="C21948" t="s">
        <v>13601</v>
      </c>
      <c r="D21948" t="s">
        <v>13602</v>
      </c>
      <c r="E21948" t="s">
        <v>13539</v>
      </c>
      <c r="F21948" t="s">
        <v>13540</v>
      </c>
      <c r="G21948" t="s">
        <v>10214</v>
      </c>
      <c r="H21948" t="s">
        <v>10215</v>
      </c>
      <c r="I21948" s="2">
        <v>1</v>
      </c>
      <c r="J21948" s="2">
        <v>0</v>
      </c>
      <c r="K21948" s="2">
        <v>0</v>
      </c>
      <c r="L21948" t="s">
        <v>120</v>
      </c>
      <c r="M21948" t="s">
        <v>89</v>
      </c>
      <c r="N21948" t="s">
        <v>90</v>
      </c>
      <c r="O21948" t="s">
        <v>85</v>
      </c>
      <c r="P21948" t="s">
        <v>86</v>
      </c>
      <c r="Q21948">
        <v>51</v>
      </c>
      <c r="R21948">
        <v>53</v>
      </c>
      <c r="S21948">
        <v>55</v>
      </c>
      <c r="T21948">
        <v>57</v>
      </c>
      <c r="U21948">
        <v>59</v>
      </c>
      <c r="V21948">
        <v>61</v>
      </c>
      <c r="W21948">
        <v>62</v>
      </c>
      <c r="X21948">
        <v>64</v>
      </c>
      <c r="Y21948">
        <v>66</v>
      </c>
      <c r="Z21948">
        <v>68</v>
      </c>
      <c r="AA21948">
        <v>70</v>
      </c>
      <c r="AB21948">
        <v>72</v>
      </c>
      <c r="AC21948">
        <v>74</v>
      </c>
      <c r="AD21948">
        <v>76</v>
      </c>
      <c r="AE21948">
        <v>77</v>
      </c>
      <c r="AF21948">
        <v>78</v>
      </c>
      <c r="AG21948">
        <v>79</v>
      </c>
      <c r="AH21948">
        <v>80</v>
      </c>
      <c r="AI21948">
        <v>82</v>
      </c>
      <c r="AJ21948">
        <v>83</v>
      </c>
      <c r="AK21948">
        <v>84</v>
      </c>
      <c r="AL21948">
        <v>85</v>
      </c>
      <c r="AM21948">
        <v>86</v>
      </c>
      <c r="AN21948">
        <v>87</v>
      </c>
      <c r="AO21948">
        <v>88</v>
      </c>
      <c r="AP21948">
        <v>90</v>
      </c>
      <c r="AQ21948">
        <v>91</v>
      </c>
    </row>
    <row r="21949" spans="1:43">
      <c r="A21949" t="s">
        <v>13605</v>
      </c>
      <c r="B21949" t="s">
        <v>13606</v>
      </c>
      <c r="C21949" t="s">
        <v>13601</v>
      </c>
      <c r="D21949" t="s">
        <v>13602</v>
      </c>
      <c r="E21949" t="s">
        <v>13539</v>
      </c>
      <c r="F21949" t="s">
        <v>13540</v>
      </c>
      <c r="G21949" t="s">
        <v>10214</v>
      </c>
      <c r="H21949" t="s">
        <v>10215</v>
      </c>
      <c r="I21949" s="2">
        <v>1</v>
      </c>
      <c r="J21949" s="2">
        <v>0</v>
      </c>
      <c r="K21949" s="2">
        <v>0</v>
      </c>
      <c r="L21949" t="s">
        <v>120</v>
      </c>
      <c r="M21949" t="s">
        <v>83</v>
      </c>
      <c r="N21949" t="s">
        <v>91</v>
      </c>
      <c r="O21949" t="s">
        <v>85</v>
      </c>
      <c r="P21949" t="s">
        <v>86</v>
      </c>
      <c r="Q21949">
        <v>51</v>
      </c>
      <c r="R21949">
        <v>52</v>
      </c>
      <c r="S21949">
        <v>54</v>
      </c>
      <c r="T21949">
        <v>55</v>
      </c>
      <c r="U21949">
        <v>57</v>
      </c>
      <c r="V21949">
        <v>58</v>
      </c>
      <c r="W21949">
        <v>60</v>
      </c>
      <c r="X21949">
        <v>61</v>
      </c>
      <c r="Y21949">
        <v>63</v>
      </c>
      <c r="Z21949">
        <v>64</v>
      </c>
      <c r="AA21949">
        <v>66</v>
      </c>
      <c r="AB21949">
        <v>67</v>
      </c>
      <c r="AC21949">
        <v>69</v>
      </c>
      <c r="AD21949">
        <v>71</v>
      </c>
      <c r="AE21949">
        <v>72</v>
      </c>
      <c r="AF21949">
        <v>74</v>
      </c>
      <c r="AG21949">
        <v>76</v>
      </c>
      <c r="AH21949">
        <v>77</v>
      </c>
      <c r="AI21949">
        <v>79</v>
      </c>
      <c r="AJ21949">
        <v>81</v>
      </c>
      <c r="AK21949">
        <v>83</v>
      </c>
      <c r="AL21949">
        <v>84</v>
      </c>
      <c r="AM21949">
        <v>86</v>
      </c>
      <c r="AN21949">
        <v>87</v>
      </c>
      <c r="AO21949">
        <v>88</v>
      </c>
      <c r="AP21949">
        <v>89</v>
      </c>
      <c r="AQ21949">
        <v>90</v>
      </c>
    </row>
    <row r="21950" spans="1:43">
      <c r="A21950" t="s">
        <v>13607</v>
      </c>
      <c r="B21950" t="s">
        <v>13608</v>
      </c>
      <c r="C21950" t="s">
        <v>13609</v>
      </c>
      <c r="D21950" t="s">
        <v>13610</v>
      </c>
      <c r="E21950" t="s">
        <v>13539</v>
      </c>
      <c r="F21950" t="s">
        <v>13540</v>
      </c>
      <c r="G21950" t="s">
        <v>10214</v>
      </c>
      <c r="H21950" t="s">
        <v>10215</v>
      </c>
      <c r="I21950" s="2">
        <v>1</v>
      </c>
      <c r="J21950" s="2">
        <v>0</v>
      </c>
      <c r="K21950" s="2">
        <v>0</v>
      </c>
      <c r="L21950" t="s">
        <v>120</v>
      </c>
      <c r="M21950" t="s">
        <v>83</v>
      </c>
      <c r="N21950" t="s">
        <v>84</v>
      </c>
      <c r="O21950" t="s">
        <v>85</v>
      </c>
      <c r="P21950" t="s">
        <v>86</v>
      </c>
      <c r="Q21950">
        <v>14</v>
      </c>
      <c r="R21950">
        <v>15</v>
      </c>
      <c r="S21950">
        <v>15</v>
      </c>
      <c r="T21950">
        <v>15</v>
      </c>
      <c r="U21950">
        <v>15</v>
      </c>
      <c r="V21950">
        <v>15</v>
      </c>
      <c r="W21950">
        <v>16</v>
      </c>
      <c r="X21950">
        <v>16</v>
      </c>
      <c r="Y21950">
        <v>16</v>
      </c>
      <c r="Z21950">
        <v>16</v>
      </c>
      <c r="AA21950">
        <v>16</v>
      </c>
      <c r="AB21950">
        <v>17</v>
      </c>
      <c r="AC21950">
        <v>17</v>
      </c>
      <c r="AD21950">
        <v>17</v>
      </c>
      <c r="AE21950">
        <v>17</v>
      </c>
      <c r="AF21950">
        <v>17</v>
      </c>
      <c r="AG21950">
        <v>18</v>
      </c>
      <c r="AH21950">
        <v>18</v>
      </c>
      <c r="AI21950">
        <v>18</v>
      </c>
      <c r="AJ21950">
        <v>18</v>
      </c>
      <c r="AK21950">
        <v>18</v>
      </c>
      <c r="AL21950">
        <v>19</v>
      </c>
      <c r="AM21950">
        <v>19</v>
      </c>
      <c r="AN21950">
        <v>19</v>
      </c>
      <c r="AO21950">
        <v>19</v>
      </c>
      <c r="AP21950">
        <v>19</v>
      </c>
      <c r="AQ21950">
        <v>19</v>
      </c>
    </row>
    <row r="21951" spans="1:43">
      <c r="A21951" t="s">
        <v>13607</v>
      </c>
      <c r="B21951" t="s">
        <v>13608</v>
      </c>
      <c r="C21951" t="s">
        <v>13609</v>
      </c>
      <c r="D21951" t="s">
        <v>13610</v>
      </c>
      <c r="E21951" t="s">
        <v>13539</v>
      </c>
      <c r="F21951" t="s">
        <v>13540</v>
      </c>
      <c r="G21951" t="s">
        <v>10214</v>
      </c>
      <c r="H21951" t="s">
        <v>10215</v>
      </c>
      <c r="I21951" s="2">
        <v>1</v>
      </c>
      <c r="J21951" s="2">
        <v>0</v>
      </c>
      <c r="K21951" s="2">
        <v>0</v>
      </c>
      <c r="L21951" t="s">
        <v>120</v>
      </c>
      <c r="M21951" t="s">
        <v>87</v>
      </c>
      <c r="N21951" t="s">
        <v>88</v>
      </c>
      <c r="O21951" t="s">
        <v>85</v>
      </c>
      <c r="P21951" t="s">
        <v>86</v>
      </c>
      <c r="Q21951">
        <v>14</v>
      </c>
      <c r="R21951">
        <v>14</v>
      </c>
      <c r="S21951">
        <v>14</v>
      </c>
      <c r="T21951">
        <v>14</v>
      </c>
      <c r="U21951">
        <v>15</v>
      </c>
      <c r="V21951">
        <v>15</v>
      </c>
      <c r="W21951">
        <v>15</v>
      </c>
      <c r="X21951">
        <v>15</v>
      </c>
      <c r="Y21951">
        <v>15</v>
      </c>
      <c r="Z21951">
        <v>15</v>
      </c>
      <c r="AA21951">
        <v>15</v>
      </c>
      <c r="AB21951">
        <v>15</v>
      </c>
      <c r="AC21951">
        <v>15</v>
      </c>
      <c r="AD21951">
        <v>15</v>
      </c>
      <c r="AE21951">
        <v>15</v>
      </c>
      <c r="AF21951">
        <v>15</v>
      </c>
      <c r="AG21951">
        <v>15</v>
      </c>
      <c r="AH21951">
        <v>16</v>
      </c>
      <c r="AI21951">
        <v>16</v>
      </c>
      <c r="AJ21951">
        <v>16</v>
      </c>
      <c r="AK21951">
        <v>16</v>
      </c>
      <c r="AL21951">
        <v>16</v>
      </c>
      <c r="AM21951">
        <v>16</v>
      </c>
      <c r="AN21951">
        <v>16</v>
      </c>
      <c r="AO21951">
        <v>16</v>
      </c>
      <c r="AP21951">
        <v>16</v>
      </c>
      <c r="AQ21951">
        <v>16</v>
      </c>
    </row>
    <row r="21952" spans="1:43">
      <c r="A21952" t="s">
        <v>13607</v>
      </c>
      <c r="B21952" t="s">
        <v>13608</v>
      </c>
      <c r="C21952" t="s">
        <v>13609</v>
      </c>
      <c r="D21952" t="s">
        <v>13610</v>
      </c>
      <c r="E21952" t="s">
        <v>13539</v>
      </c>
      <c r="F21952" t="s">
        <v>13540</v>
      </c>
      <c r="G21952" t="s">
        <v>10214</v>
      </c>
      <c r="H21952" t="s">
        <v>10215</v>
      </c>
      <c r="I21952" s="2">
        <v>1</v>
      </c>
      <c r="J21952" s="2">
        <v>0</v>
      </c>
      <c r="K21952" s="2">
        <v>0</v>
      </c>
      <c r="L21952" t="s">
        <v>120</v>
      </c>
      <c r="M21952" t="s">
        <v>89</v>
      </c>
      <c r="N21952" t="s">
        <v>90</v>
      </c>
      <c r="O21952" t="s">
        <v>85</v>
      </c>
      <c r="P21952" t="s">
        <v>86</v>
      </c>
      <c r="Q21952">
        <v>14</v>
      </c>
      <c r="R21952">
        <v>15</v>
      </c>
      <c r="S21952">
        <v>15</v>
      </c>
      <c r="T21952">
        <v>15</v>
      </c>
      <c r="U21952">
        <v>16</v>
      </c>
      <c r="V21952">
        <v>16</v>
      </c>
      <c r="W21952">
        <v>16</v>
      </c>
      <c r="X21952">
        <v>17</v>
      </c>
      <c r="Y21952">
        <v>17</v>
      </c>
      <c r="Z21952">
        <v>17</v>
      </c>
      <c r="AA21952">
        <v>18</v>
      </c>
      <c r="AB21952">
        <v>18</v>
      </c>
      <c r="AC21952">
        <v>18</v>
      </c>
      <c r="AD21952">
        <v>18</v>
      </c>
      <c r="AE21952">
        <v>18</v>
      </c>
      <c r="AF21952">
        <v>19</v>
      </c>
      <c r="AG21952">
        <v>19</v>
      </c>
      <c r="AH21952">
        <v>19</v>
      </c>
      <c r="AI21952">
        <v>19</v>
      </c>
      <c r="AJ21952">
        <v>19</v>
      </c>
      <c r="AK21952">
        <v>19</v>
      </c>
      <c r="AL21952">
        <v>19</v>
      </c>
      <c r="AM21952">
        <v>19</v>
      </c>
      <c r="AN21952">
        <v>19</v>
      </c>
      <c r="AO21952">
        <v>19</v>
      </c>
      <c r="AP21952">
        <v>19</v>
      </c>
      <c r="AQ21952">
        <v>19</v>
      </c>
    </row>
    <row r="21953" spans="1:43">
      <c r="A21953" t="s">
        <v>13607</v>
      </c>
      <c r="B21953" t="s">
        <v>13608</v>
      </c>
      <c r="C21953" t="s">
        <v>13609</v>
      </c>
      <c r="D21953" t="s">
        <v>13610</v>
      </c>
      <c r="E21953" t="s">
        <v>13539</v>
      </c>
      <c r="F21953" t="s">
        <v>13540</v>
      </c>
      <c r="G21953" t="s">
        <v>10214</v>
      </c>
      <c r="H21953" t="s">
        <v>10215</v>
      </c>
      <c r="I21953" s="2">
        <v>1</v>
      </c>
      <c r="J21953" s="2">
        <v>0</v>
      </c>
      <c r="K21953" s="2">
        <v>0</v>
      </c>
      <c r="L21953" t="s">
        <v>120</v>
      </c>
      <c r="M21953" t="s">
        <v>83</v>
      </c>
      <c r="N21953" t="s">
        <v>91</v>
      </c>
      <c r="O21953" t="s">
        <v>85</v>
      </c>
      <c r="P21953" t="s">
        <v>86</v>
      </c>
      <c r="Q21953">
        <v>14</v>
      </c>
      <c r="R21953">
        <v>15</v>
      </c>
      <c r="S21953">
        <v>15</v>
      </c>
      <c r="T21953">
        <v>15</v>
      </c>
      <c r="U21953">
        <v>15</v>
      </c>
      <c r="V21953">
        <v>15</v>
      </c>
      <c r="W21953">
        <v>16</v>
      </c>
      <c r="X21953">
        <v>16</v>
      </c>
      <c r="Y21953">
        <v>16</v>
      </c>
      <c r="Z21953">
        <v>16</v>
      </c>
      <c r="AA21953">
        <v>16</v>
      </c>
      <c r="AB21953">
        <v>17</v>
      </c>
      <c r="AC21953">
        <v>17</v>
      </c>
      <c r="AD21953">
        <v>17</v>
      </c>
      <c r="AE21953">
        <v>17</v>
      </c>
      <c r="AF21953">
        <v>17</v>
      </c>
      <c r="AG21953">
        <v>18</v>
      </c>
      <c r="AH21953">
        <v>18</v>
      </c>
      <c r="AI21953">
        <v>18</v>
      </c>
      <c r="AJ21953">
        <v>18</v>
      </c>
      <c r="AK21953">
        <v>18</v>
      </c>
      <c r="AL21953">
        <v>19</v>
      </c>
      <c r="AM21953">
        <v>19</v>
      </c>
      <c r="AN21953">
        <v>19</v>
      </c>
      <c r="AO21953">
        <v>19</v>
      </c>
      <c r="AP21953">
        <v>19</v>
      </c>
      <c r="AQ21953">
        <v>19</v>
      </c>
    </row>
    <row r="21954" spans="1:43">
      <c r="A21954" t="s">
        <v>13611</v>
      </c>
      <c r="B21954" t="s">
        <v>13612</v>
      </c>
      <c r="C21954" t="s">
        <v>13609</v>
      </c>
      <c r="D21954" t="s">
        <v>13610</v>
      </c>
      <c r="E21954" t="s">
        <v>13539</v>
      </c>
      <c r="F21954" t="s">
        <v>13540</v>
      </c>
      <c r="G21954" t="s">
        <v>10214</v>
      </c>
      <c r="H21954" t="s">
        <v>10215</v>
      </c>
      <c r="I21954" s="2">
        <v>1</v>
      </c>
      <c r="J21954" s="2">
        <v>0</v>
      </c>
      <c r="K21954" s="2">
        <v>0</v>
      </c>
      <c r="L21954" t="s">
        <v>120</v>
      </c>
      <c r="M21954" t="s">
        <v>83</v>
      </c>
      <c r="N21954" t="s">
        <v>84</v>
      </c>
      <c r="O21954" t="s">
        <v>85</v>
      </c>
      <c r="P21954" t="s">
        <v>86</v>
      </c>
      <c r="Q21954">
        <v>16</v>
      </c>
      <c r="R21954">
        <v>16</v>
      </c>
      <c r="S21954">
        <v>17</v>
      </c>
      <c r="T21954">
        <v>17</v>
      </c>
      <c r="U21954">
        <v>17</v>
      </c>
      <c r="V21954">
        <v>18</v>
      </c>
      <c r="W21954">
        <v>18</v>
      </c>
      <c r="X21954">
        <v>19</v>
      </c>
      <c r="Y21954">
        <v>19</v>
      </c>
      <c r="Z21954">
        <v>20</v>
      </c>
      <c r="AA21954">
        <v>20</v>
      </c>
      <c r="AB21954">
        <v>21</v>
      </c>
      <c r="AC21954">
        <v>21</v>
      </c>
      <c r="AD21954">
        <v>22</v>
      </c>
      <c r="AE21954">
        <v>22</v>
      </c>
      <c r="AF21954">
        <v>23</v>
      </c>
      <c r="AG21954">
        <v>23</v>
      </c>
      <c r="AH21954">
        <v>24</v>
      </c>
      <c r="AI21954">
        <v>24</v>
      </c>
      <c r="AJ21954">
        <v>25</v>
      </c>
      <c r="AK21954">
        <v>25</v>
      </c>
      <c r="AL21954">
        <v>26</v>
      </c>
      <c r="AM21954">
        <v>26</v>
      </c>
      <c r="AN21954">
        <v>26</v>
      </c>
      <c r="AO21954">
        <v>27</v>
      </c>
      <c r="AP21954">
        <v>27</v>
      </c>
      <c r="AQ21954">
        <v>27</v>
      </c>
    </row>
    <row r="21955" spans="1:43">
      <c r="A21955" t="s">
        <v>13611</v>
      </c>
      <c r="B21955" t="s">
        <v>13612</v>
      </c>
      <c r="C21955" t="s">
        <v>13609</v>
      </c>
      <c r="D21955" t="s">
        <v>13610</v>
      </c>
      <c r="E21955" t="s">
        <v>13539</v>
      </c>
      <c r="F21955" t="s">
        <v>13540</v>
      </c>
      <c r="G21955" t="s">
        <v>10214</v>
      </c>
      <c r="H21955" t="s">
        <v>10215</v>
      </c>
      <c r="I21955" s="2">
        <v>1</v>
      </c>
      <c r="J21955" s="2">
        <v>0</v>
      </c>
      <c r="K21955" s="2">
        <v>0</v>
      </c>
      <c r="L21955" t="s">
        <v>120</v>
      </c>
      <c r="M21955" t="s">
        <v>87</v>
      </c>
      <c r="N21955" t="s">
        <v>88</v>
      </c>
      <c r="O21955" t="s">
        <v>85</v>
      </c>
      <c r="P21955" t="s">
        <v>86</v>
      </c>
      <c r="Q21955">
        <v>16</v>
      </c>
      <c r="R21955">
        <v>16</v>
      </c>
      <c r="S21955">
        <v>16</v>
      </c>
      <c r="T21955">
        <v>16</v>
      </c>
      <c r="U21955">
        <v>17</v>
      </c>
      <c r="V21955">
        <v>17</v>
      </c>
      <c r="W21955">
        <v>17</v>
      </c>
      <c r="X21955">
        <v>17</v>
      </c>
      <c r="Y21955">
        <v>18</v>
      </c>
      <c r="Z21955">
        <v>18</v>
      </c>
      <c r="AA21955">
        <v>18</v>
      </c>
      <c r="AB21955">
        <v>19</v>
      </c>
      <c r="AC21955">
        <v>19</v>
      </c>
      <c r="AD21955">
        <v>19</v>
      </c>
      <c r="AE21955">
        <v>20</v>
      </c>
      <c r="AF21955">
        <v>20</v>
      </c>
      <c r="AG21955">
        <v>20</v>
      </c>
      <c r="AH21955">
        <v>20</v>
      </c>
      <c r="AI21955">
        <v>21</v>
      </c>
      <c r="AJ21955">
        <v>21</v>
      </c>
      <c r="AK21955">
        <v>21</v>
      </c>
      <c r="AL21955">
        <v>22</v>
      </c>
      <c r="AM21955">
        <v>22</v>
      </c>
      <c r="AN21955">
        <v>22</v>
      </c>
      <c r="AO21955">
        <v>23</v>
      </c>
      <c r="AP21955">
        <v>23</v>
      </c>
      <c r="AQ21955">
        <v>24</v>
      </c>
    </row>
    <row r="21956" spans="1:43">
      <c r="A21956" t="s">
        <v>13611</v>
      </c>
      <c r="B21956" t="s">
        <v>13612</v>
      </c>
      <c r="C21956" t="s">
        <v>13609</v>
      </c>
      <c r="D21956" t="s">
        <v>13610</v>
      </c>
      <c r="E21956" t="s">
        <v>13539</v>
      </c>
      <c r="F21956" t="s">
        <v>13540</v>
      </c>
      <c r="G21956" t="s">
        <v>10214</v>
      </c>
      <c r="H21956" t="s">
        <v>10215</v>
      </c>
      <c r="I21956" s="2">
        <v>1</v>
      </c>
      <c r="J21956" s="2">
        <v>0</v>
      </c>
      <c r="K21956" s="2">
        <v>0</v>
      </c>
      <c r="L21956" t="s">
        <v>120</v>
      </c>
      <c r="M21956" t="s">
        <v>89</v>
      </c>
      <c r="N21956" t="s">
        <v>90</v>
      </c>
      <c r="O21956" t="s">
        <v>85</v>
      </c>
      <c r="P21956" t="s">
        <v>86</v>
      </c>
      <c r="Q21956">
        <v>16</v>
      </c>
      <c r="R21956">
        <v>16</v>
      </c>
      <c r="S21956">
        <v>17</v>
      </c>
      <c r="T21956">
        <v>18</v>
      </c>
      <c r="U21956">
        <v>18</v>
      </c>
      <c r="V21956">
        <v>19</v>
      </c>
      <c r="W21956">
        <v>19</v>
      </c>
      <c r="X21956">
        <v>20</v>
      </c>
      <c r="Y21956">
        <v>20</v>
      </c>
      <c r="Z21956">
        <v>21</v>
      </c>
      <c r="AA21956">
        <v>21</v>
      </c>
      <c r="AB21956">
        <v>22</v>
      </c>
      <c r="AC21956">
        <v>23</v>
      </c>
      <c r="AD21956">
        <v>23</v>
      </c>
      <c r="AE21956">
        <v>24</v>
      </c>
      <c r="AF21956">
        <v>24</v>
      </c>
      <c r="AG21956">
        <v>24</v>
      </c>
      <c r="AH21956">
        <v>25</v>
      </c>
      <c r="AI21956">
        <v>25</v>
      </c>
      <c r="AJ21956">
        <v>25</v>
      </c>
      <c r="AK21956">
        <v>25</v>
      </c>
      <c r="AL21956">
        <v>26</v>
      </c>
      <c r="AM21956">
        <v>26</v>
      </c>
      <c r="AN21956">
        <v>26</v>
      </c>
      <c r="AO21956">
        <v>27</v>
      </c>
      <c r="AP21956">
        <v>27</v>
      </c>
      <c r="AQ21956">
        <v>27</v>
      </c>
    </row>
    <row r="21957" spans="1:43">
      <c r="A21957" t="s">
        <v>13611</v>
      </c>
      <c r="B21957" t="s">
        <v>13612</v>
      </c>
      <c r="C21957" t="s">
        <v>13609</v>
      </c>
      <c r="D21957" t="s">
        <v>13610</v>
      </c>
      <c r="E21957" t="s">
        <v>13539</v>
      </c>
      <c r="F21957" t="s">
        <v>13540</v>
      </c>
      <c r="G21957" t="s">
        <v>10214</v>
      </c>
      <c r="H21957" t="s">
        <v>10215</v>
      </c>
      <c r="I21957" s="2">
        <v>1</v>
      </c>
      <c r="J21957" s="2">
        <v>0</v>
      </c>
      <c r="K21957" s="2">
        <v>0</v>
      </c>
      <c r="L21957" t="s">
        <v>120</v>
      </c>
      <c r="M21957" t="s">
        <v>83</v>
      </c>
      <c r="N21957" t="s">
        <v>91</v>
      </c>
      <c r="O21957" t="s">
        <v>85</v>
      </c>
      <c r="P21957" t="s">
        <v>86</v>
      </c>
      <c r="Q21957">
        <v>16</v>
      </c>
      <c r="R21957">
        <v>16</v>
      </c>
      <c r="S21957">
        <v>17</v>
      </c>
      <c r="T21957">
        <v>17</v>
      </c>
      <c r="U21957">
        <v>17</v>
      </c>
      <c r="V21957">
        <v>18</v>
      </c>
      <c r="W21957">
        <v>18</v>
      </c>
      <c r="X21957">
        <v>19</v>
      </c>
      <c r="Y21957">
        <v>19</v>
      </c>
      <c r="Z21957">
        <v>20</v>
      </c>
      <c r="AA21957">
        <v>20</v>
      </c>
      <c r="AB21957">
        <v>21</v>
      </c>
      <c r="AC21957">
        <v>21</v>
      </c>
      <c r="AD21957">
        <v>22</v>
      </c>
      <c r="AE21957">
        <v>22</v>
      </c>
      <c r="AF21957">
        <v>23</v>
      </c>
      <c r="AG21957">
        <v>23</v>
      </c>
      <c r="AH21957">
        <v>24</v>
      </c>
      <c r="AI21957">
        <v>24</v>
      </c>
      <c r="AJ21957">
        <v>25</v>
      </c>
      <c r="AK21957">
        <v>25</v>
      </c>
      <c r="AL21957">
        <v>26</v>
      </c>
      <c r="AM21957">
        <v>26</v>
      </c>
      <c r="AN21957">
        <v>26</v>
      </c>
      <c r="AO21957">
        <v>27</v>
      </c>
      <c r="AP21957">
        <v>27</v>
      </c>
      <c r="AQ21957">
        <v>27</v>
      </c>
    </row>
    <row r="21958" spans="1:43">
      <c r="A21958" t="s">
        <v>13613</v>
      </c>
      <c r="B21958" t="s">
        <v>13614</v>
      </c>
      <c r="C21958" t="s">
        <v>13609</v>
      </c>
      <c r="D21958" t="s">
        <v>13610</v>
      </c>
      <c r="E21958" t="s">
        <v>13539</v>
      </c>
      <c r="F21958" t="s">
        <v>13540</v>
      </c>
      <c r="G21958" t="s">
        <v>10214</v>
      </c>
      <c r="H21958" t="s">
        <v>10215</v>
      </c>
      <c r="I21958" s="2">
        <v>1</v>
      </c>
      <c r="J21958" s="2">
        <v>0</v>
      </c>
      <c r="K21958" s="2">
        <v>0</v>
      </c>
      <c r="L21958" t="s">
        <v>120</v>
      </c>
      <c r="M21958" t="s">
        <v>83</v>
      </c>
      <c r="N21958" t="s">
        <v>84</v>
      </c>
      <c r="O21958" t="s">
        <v>85</v>
      </c>
      <c r="P21958" t="s">
        <v>86</v>
      </c>
      <c r="Q21958">
        <v>66</v>
      </c>
      <c r="R21958">
        <v>68</v>
      </c>
      <c r="S21958">
        <v>70</v>
      </c>
      <c r="T21958">
        <v>72</v>
      </c>
      <c r="U21958">
        <v>73</v>
      </c>
      <c r="V21958">
        <v>75</v>
      </c>
      <c r="W21958">
        <v>77</v>
      </c>
      <c r="X21958">
        <v>79</v>
      </c>
      <c r="Y21958">
        <v>81</v>
      </c>
      <c r="Z21958">
        <v>83</v>
      </c>
      <c r="AA21958">
        <v>85</v>
      </c>
      <c r="AB21958">
        <v>87</v>
      </c>
      <c r="AC21958">
        <v>89</v>
      </c>
      <c r="AD21958">
        <v>91</v>
      </c>
      <c r="AE21958">
        <v>93</v>
      </c>
      <c r="AF21958">
        <v>96</v>
      </c>
      <c r="AG21958">
        <v>98</v>
      </c>
      <c r="AH21958">
        <v>100</v>
      </c>
      <c r="AI21958">
        <v>103</v>
      </c>
      <c r="AJ21958">
        <v>105</v>
      </c>
      <c r="AK21958">
        <v>107</v>
      </c>
      <c r="AL21958">
        <v>109</v>
      </c>
      <c r="AM21958">
        <v>111</v>
      </c>
      <c r="AN21958">
        <v>112</v>
      </c>
      <c r="AO21958">
        <v>113</v>
      </c>
      <c r="AP21958">
        <v>115</v>
      </c>
      <c r="AQ21958">
        <v>117</v>
      </c>
    </row>
    <row r="21959" spans="1:43">
      <c r="A21959" t="s">
        <v>13613</v>
      </c>
      <c r="B21959" t="s">
        <v>13614</v>
      </c>
      <c r="C21959" t="s">
        <v>13609</v>
      </c>
      <c r="D21959" t="s">
        <v>13610</v>
      </c>
      <c r="E21959" t="s">
        <v>13539</v>
      </c>
      <c r="F21959" t="s">
        <v>13540</v>
      </c>
      <c r="G21959" t="s">
        <v>10214</v>
      </c>
      <c r="H21959" t="s">
        <v>10215</v>
      </c>
      <c r="I21959" s="2">
        <v>1</v>
      </c>
      <c r="J21959" s="2">
        <v>0</v>
      </c>
      <c r="K21959" s="2">
        <v>0</v>
      </c>
      <c r="L21959" t="s">
        <v>120</v>
      </c>
      <c r="M21959" t="s">
        <v>87</v>
      </c>
      <c r="N21959" t="s">
        <v>88</v>
      </c>
      <c r="O21959" t="s">
        <v>85</v>
      </c>
      <c r="P21959" t="s">
        <v>86</v>
      </c>
      <c r="Q21959">
        <v>66</v>
      </c>
      <c r="R21959">
        <v>67</v>
      </c>
      <c r="S21959">
        <v>68</v>
      </c>
      <c r="T21959">
        <v>69</v>
      </c>
      <c r="U21959">
        <v>70</v>
      </c>
      <c r="V21959">
        <v>71</v>
      </c>
      <c r="W21959">
        <v>73</v>
      </c>
      <c r="X21959">
        <v>74</v>
      </c>
      <c r="Y21959">
        <v>75</v>
      </c>
      <c r="Z21959">
        <v>76</v>
      </c>
      <c r="AA21959">
        <v>77</v>
      </c>
      <c r="AB21959">
        <v>79</v>
      </c>
      <c r="AC21959">
        <v>80</v>
      </c>
      <c r="AD21959">
        <v>81</v>
      </c>
      <c r="AE21959">
        <v>83</v>
      </c>
      <c r="AF21959">
        <v>84</v>
      </c>
      <c r="AG21959">
        <v>85</v>
      </c>
      <c r="AH21959">
        <v>87</v>
      </c>
      <c r="AI21959">
        <v>88</v>
      </c>
      <c r="AJ21959">
        <v>90</v>
      </c>
      <c r="AK21959">
        <v>91</v>
      </c>
      <c r="AL21959">
        <v>93</v>
      </c>
      <c r="AM21959">
        <v>94</v>
      </c>
      <c r="AN21959">
        <v>96</v>
      </c>
      <c r="AO21959">
        <v>98</v>
      </c>
      <c r="AP21959">
        <v>99</v>
      </c>
      <c r="AQ21959">
        <v>101</v>
      </c>
    </row>
    <row r="21960" spans="1:43">
      <c r="A21960" t="s">
        <v>13613</v>
      </c>
      <c r="B21960" t="s">
        <v>13614</v>
      </c>
      <c r="C21960" t="s">
        <v>13609</v>
      </c>
      <c r="D21960" t="s">
        <v>13610</v>
      </c>
      <c r="E21960" t="s">
        <v>13539</v>
      </c>
      <c r="F21960" t="s">
        <v>13540</v>
      </c>
      <c r="G21960" t="s">
        <v>10214</v>
      </c>
      <c r="H21960" t="s">
        <v>10215</v>
      </c>
      <c r="I21960" s="2">
        <v>1</v>
      </c>
      <c r="J21960" s="2">
        <v>0</v>
      </c>
      <c r="K21960" s="2">
        <v>0</v>
      </c>
      <c r="L21960" t="s">
        <v>120</v>
      </c>
      <c r="M21960" t="s">
        <v>89</v>
      </c>
      <c r="N21960" t="s">
        <v>90</v>
      </c>
      <c r="O21960" t="s">
        <v>85</v>
      </c>
      <c r="P21960" t="s">
        <v>86</v>
      </c>
      <c r="Q21960">
        <v>66</v>
      </c>
      <c r="R21960">
        <v>68</v>
      </c>
      <c r="S21960">
        <v>71</v>
      </c>
      <c r="T21960">
        <v>73</v>
      </c>
      <c r="U21960">
        <v>75</v>
      </c>
      <c r="V21960">
        <v>78</v>
      </c>
      <c r="W21960">
        <v>80</v>
      </c>
      <c r="X21960">
        <v>82</v>
      </c>
      <c r="Y21960">
        <v>85</v>
      </c>
      <c r="Z21960">
        <v>87</v>
      </c>
      <c r="AA21960">
        <v>90</v>
      </c>
      <c r="AB21960">
        <v>92</v>
      </c>
      <c r="AC21960">
        <v>95</v>
      </c>
      <c r="AD21960">
        <v>97</v>
      </c>
      <c r="AE21960">
        <v>99</v>
      </c>
      <c r="AF21960">
        <v>101</v>
      </c>
      <c r="AG21960">
        <v>102</v>
      </c>
      <c r="AH21960">
        <v>103</v>
      </c>
      <c r="AI21960">
        <v>105</v>
      </c>
      <c r="AJ21960">
        <v>106</v>
      </c>
      <c r="AK21960">
        <v>108</v>
      </c>
      <c r="AL21960">
        <v>109</v>
      </c>
      <c r="AM21960">
        <v>110</v>
      </c>
      <c r="AN21960">
        <v>112</v>
      </c>
      <c r="AO21960">
        <v>113</v>
      </c>
      <c r="AP21960">
        <v>115</v>
      </c>
      <c r="AQ21960">
        <v>116</v>
      </c>
    </row>
    <row r="21961" spans="1:43">
      <c r="A21961" t="s">
        <v>13613</v>
      </c>
      <c r="B21961" t="s">
        <v>13614</v>
      </c>
      <c r="C21961" t="s">
        <v>13609</v>
      </c>
      <c r="D21961" t="s">
        <v>13610</v>
      </c>
      <c r="E21961" t="s">
        <v>13539</v>
      </c>
      <c r="F21961" t="s">
        <v>13540</v>
      </c>
      <c r="G21961" t="s">
        <v>10214</v>
      </c>
      <c r="H21961" t="s">
        <v>10215</v>
      </c>
      <c r="I21961" s="2">
        <v>1</v>
      </c>
      <c r="J21961" s="2">
        <v>0</v>
      </c>
      <c r="K21961" s="2">
        <v>0</v>
      </c>
      <c r="L21961" t="s">
        <v>120</v>
      </c>
      <c r="M21961" t="s">
        <v>83</v>
      </c>
      <c r="N21961" t="s">
        <v>91</v>
      </c>
      <c r="O21961" t="s">
        <v>85</v>
      </c>
      <c r="P21961" t="s">
        <v>86</v>
      </c>
      <c r="Q21961">
        <v>66</v>
      </c>
      <c r="R21961">
        <v>68</v>
      </c>
      <c r="S21961">
        <v>70</v>
      </c>
      <c r="T21961">
        <v>72</v>
      </c>
      <c r="U21961">
        <v>73</v>
      </c>
      <c r="V21961">
        <v>75</v>
      </c>
      <c r="W21961">
        <v>77</v>
      </c>
      <c r="X21961">
        <v>79</v>
      </c>
      <c r="Y21961">
        <v>81</v>
      </c>
      <c r="Z21961">
        <v>83</v>
      </c>
      <c r="AA21961">
        <v>85</v>
      </c>
      <c r="AB21961">
        <v>87</v>
      </c>
      <c r="AC21961">
        <v>89</v>
      </c>
      <c r="AD21961">
        <v>91</v>
      </c>
      <c r="AE21961">
        <v>93</v>
      </c>
      <c r="AF21961">
        <v>96</v>
      </c>
      <c r="AG21961">
        <v>98</v>
      </c>
      <c r="AH21961">
        <v>100</v>
      </c>
      <c r="AI21961">
        <v>103</v>
      </c>
      <c r="AJ21961">
        <v>105</v>
      </c>
      <c r="AK21961">
        <v>107</v>
      </c>
      <c r="AL21961">
        <v>109</v>
      </c>
      <c r="AM21961">
        <v>111</v>
      </c>
      <c r="AN21961">
        <v>112</v>
      </c>
      <c r="AO21961">
        <v>113</v>
      </c>
      <c r="AP21961">
        <v>115</v>
      </c>
      <c r="AQ21961">
        <v>117</v>
      </c>
    </row>
    <row r="21962" spans="1:43">
      <c r="A21962" t="s">
        <v>13615</v>
      </c>
      <c r="B21962" t="s">
        <v>13616</v>
      </c>
      <c r="C21962" t="s">
        <v>13547</v>
      </c>
      <c r="D21962" t="s">
        <v>13548</v>
      </c>
      <c r="E21962" t="s">
        <v>13539</v>
      </c>
      <c r="F21962" t="s">
        <v>13540</v>
      </c>
      <c r="G21962" t="s">
        <v>10214</v>
      </c>
      <c r="H21962" t="s">
        <v>10215</v>
      </c>
      <c r="I21962" s="2">
        <v>1</v>
      </c>
      <c r="J21962" s="2">
        <v>0</v>
      </c>
      <c r="K21962" s="2">
        <v>0</v>
      </c>
      <c r="L21962" t="s">
        <v>120</v>
      </c>
      <c r="M21962" t="s">
        <v>83</v>
      </c>
      <c r="N21962" t="s">
        <v>84</v>
      </c>
      <c r="O21962" t="s">
        <v>85</v>
      </c>
      <c r="P21962" t="s">
        <v>86</v>
      </c>
      <c r="Q21962">
        <v>30</v>
      </c>
      <c r="R21962">
        <v>31</v>
      </c>
      <c r="S21962">
        <v>32</v>
      </c>
      <c r="T21962">
        <v>33</v>
      </c>
      <c r="U21962">
        <v>34</v>
      </c>
      <c r="V21962">
        <v>34</v>
      </c>
      <c r="W21962">
        <v>35</v>
      </c>
      <c r="X21962">
        <v>36</v>
      </c>
      <c r="Y21962">
        <v>37</v>
      </c>
      <c r="Z21962">
        <v>38</v>
      </c>
      <c r="AA21962">
        <v>39</v>
      </c>
      <c r="AB21962">
        <v>40</v>
      </c>
      <c r="AC21962">
        <v>41</v>
      </c>
      <c r="AD21962">
        <v>42</v>
      </c>
      <c r="AE21962">
        <v>43</v>
      </c>
      <c r="AF21962">
        <v>44</v>
      </c>
      <c r="AG21962">
        <v>45</v>
      </c>
      <c r="AH21962">
        <v>46</v>
      </c>
      <c r="AI21962">
        <v>47</v>
      </c>
      <c r="AJ21962">
        <v>48</v>
      </c>
      <c r="AK21962">
        <v>49</v>
      </c>
      <c r="AL21962">
        <v>50</v>
      </c>
      <c r="AM21962">
        <v>51</v>
      </c>
      <c r="AN21962">
        <v>52</v>
      </c>
      <c r="AO21962">
        <v>52</v>
      </c>
      <c r="AP21962">
        <v>53</v>
      </c>
      <c r="AQ21962">
        <v>54</v>
      </c>
    </row>
    <row r="21963" spans="1:43">
      <c r="A21963" t="s">
        <v>13615</v>
      </c>
      <c r="B21963" t="s">
        <v>13616</v>
      </c>
      <c r="C21963" t="s">
        <v>13547</v>
      </c>
      <c r="D21963" t="s">
        <v>13548</v>
      </c>
      <c r="E21963" t="s">
        <v>13539</v>
      </c>
      <c r="F21963" t="s">
        <v>13540</v>
      </c>
      <c r="G21963" t="s">
        <v>10214</v>
      </c>
      <c r="H21963" t="s">
        <v>10215</v>
      </c>
      <c r="I21963" s="2">
        <v>1</v>
      </c>
      <c r="J21963" s="2">
        <v>0</v>
      </c>
      <c r="K21963" s="2">
        <v>0</v>
      </c>
      <c r="L21963" t="s">
        <v>120</v>
      </c>
      <c r="M21963" t="s">
        <v>87</v>
      </c>
      <c r="N21963" t="s">
        <v>88</v>
      </c>
      <c r="O21963" t="s">
        <v>85</v>
      </c>
      <c r="P21963" t="s">
        <v>86</v>
      </c>
      <c r="Q21963">
        <v>30</v>
      </c>
      <c r="R21963">
        <v>30</v>
      </c>
      <c r="S21963">
        <v>31</v>
      </c>
      <c r="T21963">
        <v>32</v>
      </c>
      <c r="U21963">
        <v>32</v>
      </c>
      <c r="V21963">
        <v>33</v>
      </c>
      <c r="W21963">
        <v>33</v>
      </c>
      <c r="X21963">
        <v>34</v>
      </c>
      <c r="Y21963">
        <v>34</v>
      </c>
      <c r="Z21963">
        <v>35</v>
      </c>
      <c r="AA21963">
        <v>36</v>
      </c>
      <c r="AB21963">
        <v>36</v>
      </c>
      <c r="AC21963">
        <v>37</v>
      </c>
      <c r="AD21963">
        <v>37</v>
      </c>
      <c r="AE21963">
        <v>38</v>
      </c>
      <c r="AF21963">
        <v>39</v>
      </c>
      <c r="AG21963">
        <v>39</v>
      </c>
      <c r="AH21963">
        <v>40</v>
      </c>
      <c r="AI21963">
        <v>41</v>
      </c>
      <c r="AJ21963">
        <v>42</v>
      </c>
      <c r="AK21963">
        <v>42</v>
      </c>
      <c r="AL21963">
        <v>43</v>
      </c>
      <c r="AM21963">
        <v>44</v>
      </c>
      <c r="AN21963">
        <v>44</v>
      </c>
      <c r="AO21963">
        <v>45</v>
      </c>
      <c r="AP21963">
        <v>46</v>
      </c>
      <c r="AQ21963">
        <v>47</v>
      </c>
    </row>
    <row r="21964" spans="1:43">
      <c r="A21964" t="s">
        <v>13615</v>
      </c>
      <c r="B21964" t="s">
        <v>13616</v>
      </c>
      <c r="C21964" t="s">
        <v>13547</v>
      </c>
      <c r="D21964" t="s">
        <v>13548</v>
      </c>
      <c r="E21964" t="s">
        <v>13539</v>
      </c>
      <c r="F21964" t="s">
        <v>13540</v>
      </c>
      <c r="G21964" t="s">
        <v>10214</v>
      </c>
      <c r="H21964" t="s">
        <v>10215</v>
      </c>
      <c r="I21964" s="2">
        <v>1</v>
      </c>
      <c r="J21964" s="2">
        <v>0</v>
      </c>
      <c r="K21964" s="2">
        <v>0</v>
      </c>
      <c r="L21964" t="s">
        <v>120</v>
      </c>
      <c r="M21964" t="s">
        <v>89</v>
      </c>
      <c r="N21964" t="s">
        <v>90</v>
      </c>
      <c r="O21964" t="s">
        <v>85</v>
      </c>
      <c r="P21964" t="s">
        <v>86</v>
      </c>
      <c r="Q21964">
        <v>30</v>
      </c>
      <c r="R21964">
        <v>32</v>
      </c>
      <c r="S21964">
        <v>33</v>
      </c>
      <c r="T21964">
        <v>34</v>
      </c>
      <c r="U21964">
        <v>35</v>
      </c>
      <c r="V21964">
        <v>36</v>
      </c>
      <c r="W21964">
        <v>37</v>
      </c>
      <c r="X21964">
        <v>38</v>
      </c>
      <c r="Y21964">
        <v>39</v>
      </c>
      <c r="Z21964">
        <v>40</v>
      </c>
      <c r="AA21964">
        <v>42</v>
      </c>
      <c r="AB21964">
        <v>43</v>
      </c>
      <c r="AC21964">
        <v>44</v>
      </c>
      <c r="AD21964">
        <v>45</v>
      </c>
      <c r="AE21964">
        <v>46</v>
      </c>
      <c r="AF21964">
        <v>47</v>
      </c>
      <c r="AG21964">
        <v>47</v>
      </c>
      <c r="AH21964">
        <v>48</v>
      </c>
      <c r="AI21964">
        <v>49</v>
      </c>
      <c r="AJ21964">
        <v>49</v>
      </c>
      <c r="AK21964">
        <v>50</v>
      </c>
      <c r="AL21964">
        <v>51</v>
      </c>
      <c r="AM21964">
        <v>51</v>
      </c>
      <c r="AN21964">
        <v>52</v>
      </c>
      <c r="AO21964">
        <v>53</v>
      </c>
      <c r="AP21964">
        <v>53</v>
      </c>
      <c r="AQ21964">
        <v>54</v>
      </c>
    </row>
    <row r="21965" spans="1:43">
      <c r="A21965" t="s">
        <v>13615</v>
      </c>
      <c r="B21965" t="s">
        <v>13616</v>
      </c>
      <c r="C21965" t="s">
        <v>13547</v>
      </c>
      <c r="D21965" t="s">
        <v>13548</v>
      </c>
      <c r="E21965" t="s">
        <v>13539</v>
      </c>
      <c r="F21965" t="s">
        <v>13540</v>
      </c>
      <c r="G21965" t="s">
        <v>10214</v>
      </c>
      <c r="H21965" t="s">
        <v>10215</v>
      </c>
      <c r="I21965" s="2">
        <v>1</v>
      </c>
      <c r="J21965" s="2">
        <v>0</v>
      </c>
      <c r="K21965" s="2">
        <v>0</v>
      </c>
      <c r="L21965" t="s">
        <v>120</v>
      </c>
      <c r="M21965" t="s">
        <v>83</v>
      </c>
      <c r="N21965" t="s">
        <v>91</v>
      </c>
      <c r="O21965" t="s">
        <v>85</v>
      </c>
      <c r="P21965" t="s">
        <v>86</v>
      </c>
      <c r="Q21965">
        <v>30</v>
      </c>
      <c r="R21965">
        <v>31</v>
      </c>
      <c r="S21965">
        <v>32</v>
      </c>
      <c r="T21965">
        <v>33</v>
      </c>
      <c r="U21965">
        <v>34</v>
      </c>
      <c r="V21965">
        <v>34</v>
      </c>
      <c r="W21965">
        <v>35</v>
      </c>
      <c r="X21965">
        <v>36</v>
      </c>
      <c r="Y21965">
        <v>37</v>
      </c>
      <c r="Z21965">
        <v>38</v>
      </c>
      <c r="AA21965">
        <v>39</v>
      </c>
      <c r="AB21965">
        <v>40</v>
      </c>
      <c r="AC21965">
        <v>41</v>
      </c>
      <c r="AD21965">
        <v>42</v>
      </c>
      <c r="AE21965">
        <v>43</v>
      </c>
      <c r="AF21965">
        <v>44</v>
      </c>
      <c r="AG21965">
        <v>45</v>
      </c>
      <c r="AH21965">
        <v>46</v>
      </c>
      <c r="AI21965">
        <v>47</v>
      </c>
      <c r="AJ21965">
        <v>48</v>
      </c>
      <c r="AK21965">
        <v>49</v>
      </c>
      <c r="AL21965">
        <v>50</v>
      </c>
      <c r="AM21965">
        <v>51</v>
      </c>
      <c r="AN21965">
        <v>52</v>
      </c>
      <c r="AO21965">
        <v>52</v>
      </c>
      <c r="AP21965">
        <v>53</v>
      </c>
      <c r="AQ21965">
        <v>54</v>
      </c>
    </row>
    <row r="21966" spans="1:43">
      <c r="A21966" t="s">
        <v>13617</v>
      </c>
      <c r="B21966" t="s">
        <v>13618</v>
      </c>
      <c r="C21966" t="s">
        <v>13567</v>
      </c>
      <c r="D21966" t="s">
        <v>13568</v>
      </c>
      <c r="E21966" t="s">
        <v>13539</v>
      </c>
      <c r="F21966" t="s">
        <v>13540</v>
      </c>
      <c r="G21966" t="s">
        <v>10214</v>
      </c>
      <c r="H21966" t="s">
        <v>10215</v>
      </c>
      <c r="I21966" s="2">
        <v>1</v>
      </c>
      <c r="J21966" s="2">
        <v>0</v>
      </c>
      <c r="K21966" s="2">
        <v>0</v>
      </c>
      <c r="L21966" t="s">
        <v>120</v>
      </c>
      <c r="M21966" t="s">
        <v>83</v>
      </c>
      <c r="N21966" t="s">
        <v>84</v>
      </c>
      <c r="O21966" t="s">
        <v>85</v>
      </c>
      <c r="P21966" t="s">
        <v>86</v>
      </c>
      <c r="Q21966">
        <v>14</v>
      </c>
      <c r="R21966">
        <v>14</v>
      </c>
      <c r="S21966">
        <v>15</v>
      </c>
      <c r="T21966">
        <v>15</v>
      </c>
      <c r="U21966">
        <v>16</v>
      </c>
      <c r="V21966">
        <v>16</v>
      </c>
      <c r="W21966">
        <v>16</v>
      </c>
      <c r="X21966">
        <v>17</v>
      </c>
      <c r="Y21966">
        <v>17</v>
      </c>
      <c r="Z21966">
        <v>18</v>
      </c>
      <c r="AA21966">
        <v>18</v>
      </c>
      <c r="AB21966">
        <v>19</v>
      </c>
      <c r="AC21966">
        <v>19</v>
      </c>
      <c r="AD21966">
        <v>20</v>
      </c>
      <c r="AE21966">
        <v>20</v>
      </c>
      <c r="AF21966">
        <v>21</v>
      </c>
      <c r="AG21966">
        <v>21</v>
      </c>
      <c r="AH21966">
        <v>22</v>
      </c>
      <c r="AI21966">
        <v>22</v>
      </c>
      <c r="AJ21966">
        <v>23</v>
      </c>
      <c r="AK21966">
        <v>23</v>
      </c>
      <c r="AL21966">
        <v>23</v>
      </c>
      <c r="AM21966">
        <v>24</v>
      </c>
      <c r="AN21966">
        <v>24</v>
      </c>
      <c r="AO21966">
        <v>24</v>
      </c>
      <c r="AP21966">
        <v>25</v>
      </c>
      <c r="AQ21966">
        <v>25</v>
      </c>
    </row>
    <row r="21967" spans="1:43">
      <c r="A21967" t="s">
        <v>13617</v>
      </c>
      <c r="B21967" t="s">
        <v>13618</v>
      </c>
      <c r="C21967" t="s">
        <v>13567</v>
      </c>
      <c r="D21967" t="s">
        <v>13568</v>
      </c>
      <c r="E21967" t="s">
        <v>13539</v>
      </c>
      <c r="F21967" t="s">
        <v>13540</v>
      </c>
      <c r="G21967" t="s">
        <v>10214</v>
      </c>
      <c r="H21967" t="s">
        <v>10215</v>
      </c>
      <c r="I21967" s="2">
        <v>1</v>
      </c>
      <c r="J21967" s="2">
        <v>0</v>
      </c>
      <c r="K21967" s="2">
        <v>0</v>
      </c>
      <c r="L21967" t="s">
        <v>120</v>
      </c>
      <c r="M21967" t="s">
        <v>87</v>
      </c>
      <c r="N21967" t="s">
        <v>88</v>
      </c>
      <c r="O21967" t="s">
        <v>85</v>
      </c>
      <c r="P21967" t="s">
        <v>86</v>
      </c>
      <c r="Q21967">
        <v>14</v>
      </c>
      <c r="R21967">
        <v>14</v>
      </c>
      <c r="S21967">
        <v>14</v>
      </c>
      <c r="T21967">
        <v>15</v>
      </c>
      <c r="U21967">
        <v>15</v>
      </c>
      <c r="V21967">
        <v>15</v>
      </c>
      <c r="W21967">
        <v>15</v>
      </c>
      <c r="X21967">
        <v>16</v>
      </c>
      <c r="Y21967">
        <v>16</v>
      </c>
      <c r="Z21967">
        <v>16</v>
      </c>
      <c r="AA21967">
        <v>17</v>
      </c>
      <c r="AB21967">
        <v>17</v>
      </c>
      <c r="AC21967">
        <v>17</v>
      </c>
      <c r="AD21967">
        <v>17</v>
      </c>
      <c r="AE21967">
        <v>18</v>
      </c>
      <c r="AF21967">
        <v>18</v>
      </c>
      <c r="AG21967">
        <v>18</v>
      </c>
      <c r="AH21967">
        <v>19</v>
      </c>
      <c r="AI21967">
        <v>19</v>
      </c>
      <c r="AJ21967">
        <v>19</v>
      </c>
      <c r="AK21967">
        <v>20</v>
      </c>
      <c r="AL21967">
        <v>20</v>
      </c>
      <c r="AM21967">
        <v>20</v>
      </c>
      <c r="AN21967">
        <v>21</v>
      </c>
      <c r="AO21967">
        <v>21</v>
      </c>
      <c r="AP21967">
        <v>21</v>
      </c>
      <c r="AQ21967">
        <v>22</v>
      </c>
    </row>
    <row r="21968" spans="1:43">
      <c r="A21968" t="s">
        <v>13617</v>
      </c>
      <c r="B21968" t="s">
        <v>13618</v>
      </c>
      <c r="C21968" t="s">
        <v>13567</v>
      </c>
      <c r="D21968" t="s">
        <v>13568</v>
      </c>
      <c r="E21968" t="s">
        <v>13539</v>
      </c>
      <c r="F21968" t="s">
        <v>13540</v>
      </c>
      <c r="G21968" t="s">
        <v>10214</v>
      </c>
      <c r="H21968" t="s">
        <v>10215</v>
      </c>
      <c r="I21968" s="2">
        <v>1</v>
      </c>
      <c r="J21968" s="2">
        <v>0</v>
      </c>
      <c r="K21968" s="2">
        <v>0</v>
      </c>
      <c r="L21968" t="s">
        <v>120</v>
      </c>
      <c r="M21968" t="s">
        <v>89</v>
      </c>
      <c r="N21968" t="s">
        <v>90</v>
      </c>
      <c r="O21968" t="s">
        <v>85</v>
      </c>
      <c r="P21968" t="s">
        <v>86</v>
      </c>
      <c r="Q21968">
        <v>14</v>
      </c>
      <c r="R21968">
        <v>15</v>
      </c>
      <c r="S21968">
        <v>15</v>
      </c>
      <c r="T21968">
        <v>16</v>
      </c>
      <c r="U21968">
        <v>16</v>
      </c>
      <c r="V21968">
        <v>17</v>
      </c>
      <c r="W21968">
        <v>17</v>
      </c>
      <c r="X21968">
        <v>18</v>
      </c>
      <c r="Y21968">
        <v>18</v>
      </c>
      <c r="Z21968">
        <v>19</v>
      </c>
      <c r="AA21968">
        <v>19</v>
      </c>
      <c r="AB21968">
        <v>20</v>
      </c>
      <c r="AC21968">
        <v>21</v>
      </c>
      <c r="AD21968">
        <v>21</v>
      </c>
      <c r="AE21968">
        <v>22</v>
      </c>
      <c r="AF21968">
        <v>22</v>
      </c>
      <c r="AG21968">
        <v>22</v>
      </c>
      <c r="AH21968">
        <v>22</v>
      </c>
      <c r="AI21968">
        <v>23</v>
      </c>
      <c r="AJ21968">
        <v>23</v>
      </c>
      <c r="AK21968">
        <v>23</v>
      </c>
      <c r="AL21968">
        <v>24</v>
      </c>
      <c r="AM21968">
        <v>24</v>
      </c>
      <c r="AN21968">
        <v>24</v>
      </c>
      <c r="AO21968">
        <v>25</v>
      </c>
      <c r="AP21968">
        <v>25</v>
      </c>
      <c r="AQ21968">
        <v>25</v>
      </c>
    </row>
    <row r="21969" spans="1:43">
      <c r="A21969" t="s">
        <v>13617</v>
      </c>
      <c r="B21969" t="s">
        <v>13618</v>
      </c>
      <c r="C21969" t="s">
        <v>13567</v>
      </c>
      <c r="D21969" t="s">
        <v>13568</v>
      </c>
      <c r="E21969" t="s">
        <v>13539</v>
      </c>
      <c r="F21969" t="s">
        <v>13540</v>
      </c>
      <c r="G21969" t="s">
        <v>10214</v>
      </c>
      <c r="H21969" t="s">
        <v>10215</v>
      </c>
      <c r="I21969" s="2">
        <v>1</v>
      </c>
      <c r="J21969" s="2">
        <v>0</v>
      </c>
      <c r="K21969" s="2">
        <v>0</v>
      </c>
      <c r="L21969" t="s">
        <v>120</v>
      </c>
      <c r="M21969" t="s">
        <v>83</v>
      </c>
      <c r="N21969" t="s">
        <v>91</v>
      </c>
      <c r="O21969" t="s">
        <v>85</v>
      </c>
      <c r="P21969" t="s">
        <v>86</v>
      </c>
      <c r="Q21969">
        <v>14</v>
      </c>
      <c r="R21969">
        <v>14</v>
      </c>
      <c r="S21969">
        <v>15</v>
      </c>
      <c r="T21969">
        <v>15</v>
      </c>
      <c r="U21969">
        <v>16</v>
      </c>
      <c r="V21969">
        <v>16</v>
      </c>
      <c r="W21969">
        <v>16</v>
      </c>
      <c r="X21969">
        <v>17</v>
      </c>
      <c r="Y21969">
        <v>17</v>
      </c>
      <c r="Z21969">
        <v>18</v>
      </c>
      <c r="AA21969">
        <v>18</v>
      </c>
      <c r="AB21969">
        <v>19</v>
      </c>
      <c r="AC21969">
        <v>19</v>
      </c>
      <c r="AD21969">
        <v>20</v>
      </c>
      <c r="AE21969">
        <v>20</v>
      </c>
      <c r="AF21969">
        <v>21</v>
      </c>
      <c r="AG21969">
        <v>21</v>
      </c>
      <c r="AH21969">
        <v>22</v>
      </c>
      <c r="AI21969">
        <v>22</v>
      </c>
      <c r="AJ21969">
        <v>23</v>
      </c>
      <c r="AK21969">
        <v>23</v>
      </c>
      <c r="AL21969">
        <v>23</v>
      </c>
      <c r="AM21969">
        <v>24</v>
      </c>
      <c r="AN21969">
        <v>24</v>
      </c>
      <c r="AO21969">
        <v>24</v>
      </c>
      <c r="AP21969">
        <v>25</v>
      </c>
      <c r="AQ21969">
        <v>25</v>
      </c>
    </row>
    <row r="21970" spans="1:43">
      <c r="A21970" t="s">
        <v>13619</v>
      </c>
      <c r="B21970" t="s">
        <v>13620</v>
      </c>
      <c r="C21970" t="s">
        <v>13567</v>
      </c>
      <c r="D21970" t="s">
        <v>13568</v>
      </c>
      <c r="E21970" t="s">
        <v>13539</v>
      </c>
      <c r="F21970" t="s">
        <v>13540</v>
      </c>
      <c r="G21970" t="s">
        <v>10214</v>
      </c>
      <c r="H21970" t="s">
        <v>10215</v>
      </c>
      <c r="I21970" s="2">
        <v>1</v>
      </c>
      <c r="J21970" s="2">
        <v>0</v>
      </c>
      <c r="K21970" s="2">
        <v>0</v>
      </c>
      <c r="L21970" t="s">
        <v>120</v>
      </c>
      <c r="M21970" t="s">
        <v>83</v>
      </c>
      <c r="N21970" t="s">
        <v>84</v>
      </c>
      <c r="O21970" t="s">
        <v>85</v>
      </c>
      <c r="P21970" t="s">
        <v>86</v>
      </c>
      <c r="Q21970">
        <v>14</v>
      </c>
      <c r="R21970">
        <v>15</v>
      </c>
      <c r="S21970">
        <v>15</v>
      </c>
      <c r="T21970">
        <v>16</v>
      </c>
      <c r="U21970">
        <v>16</v>
      </c>
      <c r="V21970">
        <v>17</v>
      </c>
      <c r="W21970">
        <v>17</v>
      </c>
      <c r="X21970">
        <v>17</v>
      </c>
      <c r="Y21970">
        <v>18</v>
      </c>
      <c r="Z21970">
        <v>18</v>
      </c>
      <c r="AA21970">
        <v>19</v>
      </c>
      <c r="AB21970">
        <v>19</v>
      </c>
      <c r="AC21970">
        <v>20</v>
      </c>
      <c r="AD21970">
        <v>20</v>
      </c>
      <c r="AE21970">
        <v>21</v>
      </c>
      <c r="AF21970">
        <v>21</v>
      </c>
      <c r="AG21970">
        <v>22</v>
      </c>
      <c r="AH21970">
        <v>22</v>
      </c>
      <c r="AI21970">
        <v>23</v>
      </c>
      <c r="AJ21970">
        <v>23</v>
      </c>
      <c r="AK21970">
        <v>24</v>
      </c>
      <c r="AL21970">
        <v>24</v>
      </c>
      <c r="AM21970">
        <v>25</v>
      </c>
      <c r="AN21970">
        <v>25</v>
      </c>
      <c r="AO21970">
        <v>25</v>
      </c>
      <c r="AP21970">
        <v>26</v>
      </c>
      <c r="AQ21970">
        <v>26</v>
      </c>
    </row>
    <row r="21971" spans="1:43">
      <c r="A21971" t="s">
        <v>13619</v>
      </c>
      <c r="B21971" t="s">
        <v>13620</v>
      </c>
      <c r="C21971" t="s">
        <v>13567</v>
      </c>
      <c r="D21971" t="s">
        <v>13568</v>
      </c>
      <c r="E21971" t="s">
        <v>13539</v>
      </c>
      <c r="F21971" t="s">
        <v>13540</v>
      </c>
      <c r="G21971" t="s">
        <v>10214</v>
      </c>
      <c r="H21971" t="s">
        <v>10215</v>
      </c>
      <c r="I21971" s="2">
        <v>1</v>
      </c>
      <c r="J21971" s="2">
        <v>0</v>
      </c>
      <c r="K21971" s="2">
        <v>0</v>
      </c>
      <c r="L21971" t="s">
        <v>120</v>
      </c>
      <c r="M21971" t="s">
        <v>87</v>
      </c>
      <c r="N21971" t="s">
        <v>88</v>
      </c>
      <c r="O21971" t="s">
        <v>85</v>
      </c>
      <c r="P21971" t="s">
        <v>86</v>
      </c>
      <c r="Q21971">
        <v>14</v>
      </c>
      <c r="R21971">
        <v>15</v>
      </c>
      <c r="S21971">
        <v>15</v>
      </c>
      <c r="T21971">
        <v>15</v>
      </c>
      <c r="U21971">
        <v>15</v>
      </c>
      <c r="V21971">
        <v>16</v>
      </c>
      <c r="W21971">
        <v>16</v>
      </c>
      <c r="X21971">
        <v>16</v>
      </c>
      <c r="Y21971">
        <v>16</v>
      </c>
      <c r="Z21971">
        <v>17</v>
      </c>
      <c r="AA21971">
        <v>17</v>
      </c>
      <c r="AB21971">
        <v>17</v>
      </c>
      <c r="AC21971">
        <v>18</v>
      </c>
      <c r="AD21971">
        <v>18</v>
      </c>
      <c r="AE21971">
        <v>18</v>
      </c>
      <c r="AF21971">
        <v>19</v>
      </c>
      <c r="AG21971">
        <v>19</v>
      </c>
      <c r="AH21971">
        <v>19</v>
      </c>
      <c r="AI21971">
        <v>20</v>
      </c>
      <c r="AJ21971">
        <v>20</v>
      </c>
      <c r="AK21971">
        <v>20</v>
      </c>
      <c r="AL21971">
        <v>21</v>
      </c>
      <c r="AM21971">
        <v>21</v>
      </c>
      <c r="AN21971">
        <v>21</v>
      </c>
      <c r="AO21971">
        <v>22</v>
      </c>
      <c r="AP21971">
        <v>22</v>
      </c>
      <c r="AQ21971">
        <v>22</v>
      </c>
    </row>
    <row r="21972" spans="1:43">
      <c r="A21972" t="s">
        <v>13619</v>
      </c>
      <c r="B21972" t="s">
        <v>13620</v>
      </c>
      <c r="C21972" t="s">
        <v>13567</v>
      </c>
      <c r="D21972" t="s">
        <v>13568</v>
      </c>
      <c r="E21972" t="s">
        <v>13539</v>
      </c>
      <c r="F21972" t="s">
        <v>13540</v>
      </c>
      <c r="G21972" t="s">
        <v>10214</v>
      </c>
      <c r="H21972" t="s">
        <v>10215</v>
      </c>
      <c r="I21972" s="2">
        <v>1</v>
      </c>
      <c r="J21972" s="2">
        <v>0</v>
      </c>
      <c r="K21972" s="2">
        <v>0</v>
      </c>
      <c r="L21972" t="s">
        <v>120</v>
      </c>
      <c r="M21972" t="s">
        <v>89</v>
      </c>
      <c r="N21972" t="s">
        <v>90</v>
      </c>
      <c r="O21972" t="s">
        <v>85</v>
      </c>
      <c r="P21972" t="s">
        <v>86</v>
      </c>
      <c r="Q21972">
        <v>14</v>
      </c>
      <c r="R21972">
        <v>14</v>
      </c>
      <c r="S21972">
        <v>15</v>
      </c>
      <c r="T21972">
        <v>15</v>
      </c>
      <c r="U21972">
        <v>16</v>
      </c>
      <c r="V21972">
        <v>16</v>
      </c>
      <c r="W21972">
        <v>17</v>
      </c>
      <c r="X21972">
        <v>17</v>
      </c>
      <c r="Y21972">
        <v>18</v>
      </c>
      <c r="Z21972">
        <v>18</v>
      </c>
      <c r="AA21972">
        <v>19</v>
      </c>
      <c r="AB21972">
        <v>20</v>
      </c>
      <c r="AC21972">
        <v>20</v>
      </c>
      <c r="AD21972">
        <v>21</v>
      </c>
      <c r="AE21972">
        <v>21</v>
      </c>
      <c r="AF21972">
        <v>21</v>
      </c>
      <c r="AG21972">
        <v>22</v>
      </c>
      <c r="AH21972">
        <v>22</v>
      </c>
      <c r="AI21972">
        <v>22</v>
      </c>
      <c r="AJ21972">
        <v>23</v>
      </c>
      <c r="AK21972">
        <v>23</v>
      </c>
      <c r="AL21972">
        <v>23</v>
      </c>
      <c r="AM21972">
        <v>24</v>
      </c>
      <c r="AN21972">
        <v>24</v>
      </c>
      <c r="AO21972">
        <v>24</v>
      </c>
      <c r="AP21972">
        <v>25</v>
      </c>
      <c r="AQ21972">
        <v>25</v>
      </c>
    </row>
    <row r="21973" spans="1:43">
      <c r="A21973" t="s">
        <v>13619</v>
      </c>
      <c r="B21973" t="s">
        <v>13620</v>
      </c>
      <c r="C21973" t="s">
        <v>13567</v>
      </c>
      <c r="D21973" t="s">
        <v>13568</v>
      </c>
      <c r="E21973" t="s">
        <v>13539</v>
      </c>
      <c r="F21973" t="s">
        <v>13540</v>
      </c>
      <c r="G21973" t="s">
        <v>10214</v>
      </c>
      <c r="H21973" t="s">
        <v>10215</v>
      </c>
      <c r="I21973" s="2">
        <v>1</v>
      </c>
      <c r="J21973" s="2">
        <v>0</v>
      </c>
      <c r="K21973" s="2">
        <v>0</v>
      </c>
      <c r="L21973" t="s">
        <v>120</v>
      </c>
      <c r="M21973" t="s">
        <v>83</v>
      </c>
      <c r="N21973" t="s">
        <v>91</v>
      </c>
      <c r="O21973" t="s">
        <v>85</v>
      </c>
      <c r="P21973" t="s">
        <v>86</v>
      </c>
      <c r="Q21973">
        <v>14</v>
      </c>
      <c r="R21973">
        <v>15</v>
      </c>
      <c r="S21973">
        <v>15</v>
      </c>
      <c r="T21973">
        <v>16</v>
      </c>
      <c r="U21973">
        <v>16</v>
      </c>
      <c r="V21973">
        <v>17</v>
      </c>
      <c r="W21973">
        <v>17</v>
      </c>
      <c r="X21973">
        <v>17</v>
      </c>
      <c r="Y21973">
        <v>18</v>
      </c>
      <c r="Z21973">
        <v>18</v>
      </c>
      <c r="AA21973">
        <v>19</v>
      </c>
      <c r="AB21973">
        <v>19</v>
      </c>
      <c r="AC21973">
        <v>20</v>
      </c>
      <c r="AD21973">
        <v>20</v>
      </c>
      <c r="AE21973">
        <v>21</v>
      </c>
      <c r="AF21973">
        <v>21</v>
      </c>
      <c r="AG21973">
        <v>22</v>
      </c>
      <c r="AH21973">
        <v>22</v>
      </c>
      <c r="AI21973">
        <v>23</v>
      </c>
      <c r="AJ21973">
        <v>23</v>
      </c>
      <c r="AK21973">
        <v>24</v>
      </c>
      <c r="AL21973">
        <v>24</v>
      </c>
      <c r="AM21973">
        <v>25</v>
      </c>
      <c r="AN21973">
        <v>25</v>
      </c>
      <c r="AO21973">
        <v>25</v>
      </c>
      <c r="AP21973">
        <v>26</v>
      </c>
      <c r="AQ21973">
        <v>26</v>
      </c>
    </row>
    <row r="21974" spans="1:43">
      <c r="A21974" t="s">
        <v>13621</v>
      </c>
      <c r="B21974" t="s">
        <v>13622</v>
      </c>
      <c r="C21974" t="s">
        <v>13593</v>
      </c>
      <c r="D21974" t="s">
        <v>13594</v>
      </c>
      <c r="E21974" t="s">
        <v>13539</v>
      </c>
      <c r="F21974" t="s">
        <v>13540</v>
      </c>
      <c r="G21974" t="s">
        <v>10214</v>
      </c>
      <c r="H21974" t="s">
        <v>10215</v>
      </c>
      <c r="I21974" s="2">
        <v>1</v>
      </c>
      <c r="J21974" s="2">
        <v>0</v>
      </c>
      <c r="K21974" s="2">
        <v>0</v>
      </c>
      <c r="L21974" t="s">
        <v>120</v>
      </c>
      <c r="M21974" t="s">
        <v>83</v>
      </c>
      <c r="N21974" t="s">
        <v>84</v>
      </c>
      <c r="O21974" t="s">
        <v>85</v>
      </c>
      <c r="P21974" t="s">
        <v>86</v>
      </c>
      <c r="Q21974">
        <v>28</v>
      </c>
      <c r="R21974">
        <v>29</v>
      </c>
      <c r="S21974">
        <v>30</v>
      </c>
      <c r="T21974">
        <v>31</v>
      </c>
      <c r="U21974">
        <v>32</v>
      </c>
      <c r="V21974">
        <v>32</v>
      </c>
      <c r="W21974">
        <v>33</v>
      </c>
      <c r="X21974">
        <v>34</v>
      </c>
      <c r="Y21974">
        <v>35</v>
      </c>
      <c r="Z21974">
        <v>36</v>
      </c>
      <c r="AA21974">
        <v>37</v>
      </c>
      <c r="AB21974">
        <v>38</v>
      </c>
      <c r="AC21974">
        <v>38</v>
      </c>
      <c r="AD21974">
        <v>39</v>
      </c>
      <c r="AE21974">
        <v>40</v>
      </c>
      <c r="AF21974">
        <v>41</v>
      </c>
      <c r="AG21974">
        <v>42</v>
      </c>
      <c r="AH21974">
        <v>43</v>
      </c>
      <c r="AI21974">
        <v>44</v>
      </c>
      <c r="AJ21974">
        <v>45</v>
      </c>
      <c r="AK21974">
        <v>46</v>
      </c>
      <c r="AL21974">
        <v>47</v>
      </c>
      <c r="AM21974">
        <v>48</v>
      </c>
      <c r="AN21974">
        <v>48</v>
      </c>
      <c r="AO21974">
        <v>49</v>
      </c>
      <c r="AP21974">
        <v>50</v>
      </c>
      <c r="AQ21974">
        <v>50</v>
      </c>
    </row>
    <row r="21975" spans="1:43">
      <c r="A21975" t="s">
        <v>13621</v>
      </c>
      <c r="B21975" t="s">
        <v>13622</v>
      </c>
      <c r="C21975" t="s">
        <v>13593</v>
      </c>
      <c r="D21975" t="s">
        <v>13594</v>
      </c>
      <c r="E21975" t="s">
        <v>13539</v>
      </c>
      <c r="F21975" t="s">
        <v>13540</v>
      </c>
      <c r="G21975" t="s">
        <v>10214</v>
      </c>
      <c r="H21975" t="s">
        <v>10215</v>
      </c>
      <c r="I21975" s="2">
        <v>1</v>
      </c>
      <c r="J21975" s="2">
        <v>0</v>
      </c>
      <c r="K21975" s="2">
        <v>0</v>
      </c>
      <c r="L21975" t="s">
        <v>120</v>
      </c>
      <c r="M21975" t="s">
        <v>87</v>
      </c>
      <c r="N21975" t="s">
        <v>88</v>
      </c>
      <c r="O21975" t="s">
        <v>85</v>
      </c>
      <c r="P21975" t="s">
        <v>86</v>
      </c>
      <c r="Q21975">
        <v>28</v>
      </c>
      <c r="R21975">
        <v>29</v>
      </c>
      <c r="S21975">
        <v>29</v>
      </c>
      <c r="T21975">
        <v>30</v>
      </c>
      <c r="U21975">
        <v>30</v>
      </c>
      <c r="V21975">
        <v>31</v>
      </c>
      <c r="W21975">
        <v>31</v>
      </c>
      <c r="X21975">
        <v>32</v>
      </c>
      <c r="Y21975">
        <v>32</v>
      </c>
      <c r="Z21975">
        <v>33</v>
      </c>
      <c r="AA21975">
        <v>33</v>
      </c>
      <c r="AB21975">
        <v>34</v>
      </c>
      <c r="AC21975">
        <v>35</v>
      </c>
      <c r="AD21975">
        <v>35</v>
      </c>
      <c r="AE21975">
        <v>36</v>
      </c>
      <c r="AF21975">
        <v>36</v>
      </c>
      <c r="AG21975">
        <v>37</v>
      </c>
      <c r="AH21975">
        <v>38</v>
      </c>
      <c r="AI21975">
        <v>38</v>
      </c>
      <c r="AJ21975">
        <v>39</v>
      </c>
      <c r="AK21975">
        <v>40</v>
      </c>
      <c r="AL21975">
        <v>40</v>
      </c>
      <c r="AM21975">
        <v>41</v>
      </c>
      <c r="AN21975">
        <v>42</v>
      </c>
      <c r="AO21975">
        <v>42</v>
      </c>
      <c r="AP21975">
        <v>43</v>
      </c>
      <c r="AQ21975">
        <v>44</v>
      </c>
    </row>
    <row r="21976" spans="1:43">
      <c r="A21976" t="s">
        <v>13621</v>
      </c>
      <c r="B21976" t="s">
        <v>13622</v>
      </c>
      <c r="C21976" t="s">
        <v>13593</v>
      </c>
      <c r="D21976" t="s">
        <v>13594</v>
      </c>
      <c r="E21976" t="s">
        <v>13539</v>
      </c>
      <c r="F21976" t="s">
        <v>13540</v>
      </c>
      <c r="G21976" t="s">
        <v>10214</v>
      </c>
      <c r="H21976" t="s">
        <v>10215</v>
      </c>
      <c r="I21976" s="2">
        <v>1</v>
      </c>
      <c r="J21976" s="2">
        <v>0</v>
      </c>
      <c r="K21976" s="2">
        <v>0</v>
      </c>
      <c r="L21976" t="s">
        <v>120</v>
      </c>
      <c r="M21976" t="s">
        <v>89</v>
      </c>
      <c r="N21976" t="s">
        <v>90</v>
      </c>
      <c r="O21976" t="s">
        <v>85</v>
      </c>
      <c r="P21976" t="s">
        <v>86</v>
      </c>
      <c r="Q21976">
        <v>28</v>
      </c>
      <c r="R21976">
        <v>29</v>
      </c>
      <c r="S21976">
        <v>30</v>
      </c>
      <c r="T21976">
        <v>31</v>
      </c>
      <c r="U21976">
        <v>32</v>
      </c>
      <c r="V21976">
        <v>33</v>
      </c>
      <c r="W21976">
        <v>34</v>
      </c>
      <c r="X21976">
        <v>35</v>
      </c>
      <c r="Y21976">
        <v>36</v>
      </c>
      <c r="Z21976">
        <v>37</v>
      </c>
      <c r="AA21976">
        <v>38</v>
      </c>
      <c r="AB21976">
        <v>39</v>
      </c>
      <c r="AC21976">
        <v>40</v>
      </c>
      <c r="AD21976">
        <v>41</v>
      </c>
      <c r="AE21976">
        <v>42</v>
      </c>
      <c r="AF21976">
        <v>43</v>
      </c>
      <c r="AG21976">
        <v>43</v>
      </c>
      <c r="AH21976">
        <v>44</v>
      </c>
      <c r="AI21976">
        <v>44</v>
      </c>
      <c r="AJ21976">
        <v>45</v>
      </c>
      <c r="AK21976">
        <v>46</v>
      </c>
      <c r="AL21976">
        <v>46</v>
      </c>
      <c r="AM21976">
        <v>47</v>
      </c>
      <c r="AN21976">
        <v>48</v>
      </c>
      <c r="AO21976">
        <v>48</v>
      </c>
      <c r="AP21976">
        <v>49</v>
      </c>
      <c r="AQ21976">
        <v>50</v>
      </c>
    </row>
    <row r="21977" spans="1:43">
      <c r="A21977" t="s">
        <v>13621</v>
      </c>
      <c r="B21977" t="s">
        <v>13622</v>
      </c>
      <c r="C21977" t="s">
        <v>13593</v>
      </c>
      <c r="D21977" t="s">
        <v>13594</v>
      </c>
      <c r="E21977" t="s">
        <v>13539</v>
      </c>
      <c r="F21977" t="s">
        <v>13540</v>
      </c>
      <c r="G21977" t="s">
        <v>10214</v>
      </c>
      <c r="H21977" t="s">
        <v>10215</v>
      </c>
      <c r="I21977" s="2">
        <v>1</v>
      </c>
      <c r="J21977" s="2">
        <v>0</v>
      </c>
      <c r="K21977" s="2">
        <v>0</v>
      </c>
      <c r="L21977" t="s">
        <v>120</v>
      </c>
      <c r="M21977" t="s">
        <v>83</v>
      </c>
      <c r="N21977" t="s">
        <v>91</v>
      </c>
      <c r="O21977" t="s">
        <v>85</v>
      </c>
      <c r="P21977" t="s">
        <v>86</v>
      </c>
      <c r="Q21977">
        <v>28</v>
      </c>
      <c r="R21977">
        <v>29</v>
      </c>
      <c r="S21977">
        <v>30</v>
      </c>
      <c r="T21977">
        <v>31</v>
      </c>
      <c r="U21977">
        <v>32</v>
      </c>
      <c r="V21977">
        <v>32</v>
      </c>
      <c r="W21977">
        <v>33</v>
      </c>
      <c r="X21977">
        <v>34</v>
      </c>
      <c r="Y21977">
        <v>35</v>
      </c>
      <c r="Z21977">
        <v>36</v>
      </c>
      <c r="AA21977">
        <v>37</v>
      </c>
      <c r="AB21977">
        <v>38</v>
      </c>
      <c r="AC21977">
        <v>38</v>
      </c>
      <c r="AD21977">
        <v>39</v>
      </c>
      <c r="AE21977">
        <v>40</v>
      </c>
      <c r="AF21977">
        <v>41</v>
      </c>
      <c r="AG21977">
        <v>42</v>
      </c>
      <c r="AH21977">
        <v>43</v>
      </c>
      <c r="AI21977">
        <v>44</v>
      </c>
      <c r="AJ21977">
        <v>45</v>
      </c>
      <c r="AK21977">
        <v>46</v>
      </c>
      <c r="AL21977">
        <v>47</v>
      </c>
      <c r="AM21977">
        <v>48</v>
      </c>
      <c r="AN21977">
        <v>48</v>
      </c>
      <c r="AO21977">
        <v>49</v>
      </c>
      <c r="AP21977">
        <v>50</v>
      </c>
      <c r="AQ21977">
        <v>50</v>
      </c>
    </row>
    <row r="21978" spans="1:43">
      <c r="A21978" t="s">
        <v>13623</v>
      </c>
      <c r="B21978" t="s">
        <v>13624</v>
      </c>
      <c r="C21978" t="s">
        <v>13593</v>
      </c>
      <c r="D21978" t="s">
        <v>13594</v>
      </c>
      <c r="E21978" t="s">
        <v>13539</v>
      </c>
      <c r="F21978" t="s">
        <v>13540</v>
      </c>
      <c r="G21978" t="s">
        <v>10214</v>
      </c>
      <c r="H21978" t="s">
        <v>10215</v>
      </c>
      <c r="I21978" s="2">
        <v>1</v>
      </c>
      <c r="J21978" s="2">
        <v>0</v>
      </c>
      <c r="K21978" s="2">
        <v>0</v>
      </c>
      <c r="L21978" t="s">
        <v>120</v>
      </c>
      <c r="M21978" t="s">
        <v>83</v>
      </c>
      <c r="N21978" t="s">
        <v>84</v>
      </c>
      <c r="O21978" t="s">
        <v>85</v>
      </c>
      <c r="P21978" t="s">
        <v>86</v>
      </c>
      <c r="Q21978">
        <v>17</v>
      </c>
      <c r="R21978">
        <v>18</v>
      </c>
      <c r="S21978">
        <v>18</v>
      </c>
      <c r="T21978">
        <v>19</v>
      </c>
      <c r="U21978">
        <v>19</v>
      </c>
      <c r="V21978">
        <v>20</v>
      </c>
      <c r="W21978">
        <v>20</v>
      </c>
      <c r="X21978">
        <v>21</v>
      </c>
      <c r="Y21978">
        <v>21</v>
      </c>
      <c r="Z21978">
        <v>22</v>
      </c>
      <c r="AA21978">
        <v>23</v>
      </c>
      <c r="AB21978">
        <v>23</v>
      </c>
      <c r="AC21978">
        <v>24</v>
      </c>
      <c r="AD21978">
        <v>24</v>
      </c>
      <c r="AE21978">
        <v>25</v>
      </c>
      <c r="AF21978">
        <v>25</v>
      </c>
      <c r="AG21978">
        <v>26</v>
      </c>
      <c r="AH21978">
        <v>27</v>
      </c>
      <c r="AI21978">
        <v>27</v>
      </c>
      <c r="AJ21978">
        <v>28</v>
      </c>
      <c r="AK21978">
        <v>28</v>
      </c>
      <c r="AL21978">
        <v>29</v>
      </c>
      <c r="AM21978">
        <v>29</v>
      </c>
      <c r="AN21978">
        <v>30</v>
      </c>
      <c r="AO21978">
        <v>30</v>
      </c>
      <c r="AP21978">
        <v>30</v>
      </c>
      <c r="AQ21978">
        <v>31</v>
      </c>
    </row>
    <row r="21979" spans="1:43">
      <c r="A21979" t="s">
        <v>13623</v>
      </c>
      <c r="B21979" t="s">
        <v>13624</v>
      </c>
      <c r="C21979" t="s">
        <v>13593</v>
      </c>
      <c r="D21979" t="s">
        <v>13594</v>
      </c>
      <c r="E21979" t="s">
        <v>13539</v>
      </c>
      <c r="F21979" t="s">
        <v>13540</v>
      </c>
      <c r="G21979" t="s">
        <v>10214</v>
      </c>
      <c r="H21979" t="s">
        <v>10215</v>
      </c>
      <c r="I21979" s="2">
        <v>1</v>
      </c>
      <c r="J21979" s="2">
        <v>0</v>
      </c>
      <c r="K21979" s="2">
        <v>0</v>
      </c>
      <c r="L21979" t="s">
        <v>120</v>
      </c>
      <c r="M21979" t="s">
        <v>87</v>
      </c>
      <c r="N21979" t="s">
        <v>88</v>
      </c>
      <c r="O21979" t="s">
        <v>85</v>
      </c>
      <c r="P21979" t="s">
        <v>86</v>
      </c>
      <c r="Q21979">
        <v>17</v>
      </c>
      <c r="R21979">
        <v>18</v>
      </c>
      <c r="S21979">
        <v>18</v>
      </c>
      <c r="T21979">
        <v>18</v>
      </c>
      <c r="U21979">
        <v>19</v>
      </c>
      <c r="V21979">
        <v>19</v>
      </c>
      <c r="W21979">
        <v>19</v>
      </c>
      <c r="X21979">
        <v>20</v>
      </c>
      <c r="Y21979">
        <v>20</v>
      </c>
      <c r="Z21979">
        <v>20</v>
      </c>
      <c r="AA21979">
        <v>21</v>
      </c>
      <c r="AB21979">
        <v>21</v>
      </c>
      <c r="AC21979">
        <v>21</v>
      </c>
      <c r="AD21979">
        <v>22</v>
      </c>
      <c r="AE21979">
        <v>22</v>
      </c>
      <c r="AF21979">
        <v>22</v>
      </c>
      <c r="AG21979">
        <v>23</v>
      </c>
      <c r="AH21979">
        <v>23</v>
      </c>
      <c r="AI21979">
        <v>24</v>
      </c>
      <c r="AJ21979">
        <v>24</v>
      </c>
      <c r="AK21979">
        <v>24</v>
      </c>
      <c r="AL21979">
        <v>25</v>
      </c>
      <c r="AM21979">
        <v>25</v>
      </c>
      <c r="AN21979">
        <v>26</v>
      </c>
      <c r="AO21979">
        <v>26</v>
      </c>
      <c r="AP21979">
        <v>27</v>
      </c>
      <c r="AQ21979">
        <v>27</v>
      </c>
    </row>
    <row r="21980" spans="1:43">
      <c r="A21980" t="s">
        <v>13623</v>
      </c>
      <c r="B21980" t="s">
        <v>13624</v>
      </c>
      <c r="C21980" t="s">
        <v>13593</v>
      </c>
      <c r="D21980" t="s">
        <v>13594</v>
      </c>
      <c r="E21980" t="s">
        <v>13539</v>
      </c>
      <c r="F21980" t="s">
        <v>13540</v>
      </c>
      <c r="G21980" t="s">
        <v>10214</v>
      </c>
      <c r="H21980" t="s">
        <v>10215</v>
      </c>
      <c r="I21980" s="2">
        <v>1</v>
      </c>
      <c r="J21980" s="2">
        <v>0</v>
      </c>
      <c r="K21980" s="2">
        <v>0</v>
      </c>
      <c r="L21980" t="s">
        <v>120</v>
      </c>
      <c r="M21980" t="s">
        <v>89</v>
      </c>
      <c r="N21980" t="s">
        <v>90</v>
      </c>
      <c r="O21980" t="s">
        <v>85</v>
      </c>
      <c r="P21980" t="s">
        <v>86</v>
      </c>
      <c r="Q21980">
        <v>17</v>
      </c>
      <c r="R21980">
        <v>17</v>
      </c>
      <c r="S21980">
        <v>18</v>
      </c>
      <c r="T21980">
        <v>19</v>
      </c>
      <c r="U21980">
        <v>19</v>
      </c>
      <c r="V21980">
        <v>20</v>
      </c>
      <c r="W21980">
        <v>20</v>
      </c>
      <c r="X21980">
        <v>21</v>
      </c>
      <c r="Y21980">
        <v>22</v>
      </c>
      <c r="Z21980">
        <v>22</v>
      </c>
      <c r="AA21980">
        <v>23</v>
      </c>
      <c r="AB21980">
        <v>24</v>
      </c>
      <c r="AC21980">
        <v>24</v>
      </c>
      <c r="AD21980">
        <v>25</v>
      </c>
      <c r="AE21980">
        <v>25</v>
      </c>
      <c r="AF21980">
        <v>26</v>
      </c>
      <c r="AG21980">
        <v>26</v>
      </c>
      <c r="AH21980">
        <v>27</v>
      </c>
      <c r="AI21980">
        <v>27</v>
      </c>
      <c r="AJ21980">
        <v>27</v>
      </c>
      <c r="AK21980">
        <v>28</v>
      </c>
      <c r="AL21980">
        <v>28</v>
      </c>
      <c r="AM21980">
        <v>28</v>
      </c>
      <c r="AN21980">
        <v>29</v>
      </c>
      <c r="AO21980">
        <v>29</v>
      </c>
      <c r="AP21980">
        <v>30</v>
      </c>
      <c r="AQ21980">
        <v>30</v>
      </c>
    </row>
    <row r="21981" spans="1:43">
      <c r="A21981" t="s">
        <v>13623</v>
      </c>
      <c r="B21981" t="s">
        <v>13624</v>
      </c>
      <c r="C21981" t="s">
        <v>13593</v>
      </c>
      <c r="D21981" t="s">
        <v>13594</v>
      </c>
      <c r="E21981" t="s">
        <v>13539</v>
      </c>
      <c r="F21981" t="s">
        <v>13540</v>
      </c>
      <c r="G21981" t="s">
        <v>10214</v>
      </c>
      <c r="H21981" t="s">
        <v>10215</v>
      </c>
      <c r="I21981" s="2">
        <v>1</v>
      </c>
      <c r="J21981" s="2">
        <v>0</v>
      </c>
      <c r="K21981" s="2">
        <v>0</v>
      </c>
      <c r="L21981" t="s">
        <v>120</v>
      </c>
      <c r="M21981" t="s">
        <v>83</v>
      </c>
      <c r="N21981" t="s">
        <v>91</v>
      </c>
      <c r="O21981" t="s">
        <v>85</v>
      </c>
      <c r="P21981" t="s">
        <v>86</v>
      </c>
      <c r="Q21981">
        <v>17</v>
      </c>
      <c r="R21981">
        <v>18</v>
      </c>
      <c r="S21981">
        <v>18</v>
      </c>
      <c r="T21981">
        <v>19</v>
      </c>
      <c r="U21981">
        <v>19</v>
      </c>
      <c r="V21981">
        <v>20</v>
      </c>
      <c r="W21981">
        <v>20</v>
      </c>
      <c r="X21981">
        <v>21</v>
      </c>
      <c r="Y21981">
        <v>21</v>
      </c>
      <c r="Z21981">
        <v>22</v>
      </c>
      <c r="AA21981">
        <v>23</v>
      </c>
      <c r="AB21981">
        <v>23</v>
      </c>
      <c r="AC21981">
        <v>24</v>
      </c>
      <c r="AD21981">
        <v>24</v>
      </c>
      <c r="AE21981">
        <v>25</v>
      </c>
      <c r="AF21981">
        <v>25</v>
      </c>
      <c r="AG21981">
        <v>26</v>
      </c>
      <c r="AH21981">
        <v>27</v>
      </c>
      <c r="AI21981">
        <v>27</v>
      </c>
      <c r="AJ21981">
        <v>28</v>
      </c>
      <c r="AK21981">
        <v>28</v>
      </c>
      <c r="AL21981">
        <v>29</v>
      </c>
      <c r="AM21981">
        <v>29</v>
      </c>
      <c r="AN21981">
        <v>30</v>
      </c>
      <c r="AO21981">
        <v>30</v>
      </c>
      <c r="AP21981">
        <v>30</v>
      </c>
      <c r="AQ21981">
        <v>31</v>
      </c>
    </row>
    <row r="21982" spans="1:43">
      <c r="A21982" t="s">
        <v>13625</v>
      </c>
      <c r="B21982" t="s">
        <v>13626</v>
      </c>
      <c r="C21982" t="s">
        <v>13567</v>
      </c>
      <c r="D21982" t="s">
        <v>13568</v>
      </c>
      <c r="E21982" t="s">
        <v>13539</v>
      </c>
      <c r="F21982" t="s">
        <v>13540</v>
      </c>
      <c r="G21982" t="s">
        <v>10214</v>
      </c>
      <c r="H21982" t="s">
        <v>10215</v>
      </c>
      <c r="I21982" s="2">
        <v>1</v>
      </c>
      <c r="J21982" s="2">
        <v>0</v>
      </c>
      <c r="K21982" s="2">
        <v>0</v>
      </c>
      <c r="L21982" t="s">
        <v>120</v>
      </c>
      <c r="M21982" t="s">
        <v>83</v>
      </c>
      <c r="N21982" t="s">
        <v>84</v>
      </c>
      <c r="O21982" t="s">
        <v>85</v>
      </c>
      <c r="P21982" t="s">
        <v>86</v>
      </c>
      <c r="Q21982">
        <v>27</v>
      </c>
      <c r="R21982">
        <v>27</v>
      </c>
      <c r="S21982">
        <v>27</v>
      </c>
      <c r="T21982">
        <v>28</v>
      </c>
      <c r="U21982">
        <v>28</v>
      </c>
      <c r="V21982">
        <v>28</v>
      </c>
      <c r="W21982">
        <v>29</v>
      </c>
      <c r="X21982">
        <v>29</v>
      </c>
      <c r="Y21982">
        <v>29</v>
      </c>
      <c r="Z21982">
        <v>30</v>
      </c>
      <c r="AA21982">
        <v>30</v>
      </c>
      <c r="AB21982">
        <v>30</v>
      </c>
      <c r="AC21982">
        <v>31</v>
      </c>
      <c r="AD21982">
        <v>31</v>
      </c>
      <c r="AE21982">
        <v>31</v>
      </c>
      <c r="AF21982">
        <v>32</v>
      </c>
      <c r="AG21982">
        <v>32</v>
      </c>
      <c r="AH21982">
        <v>32</v>
      </c>
      <c r="AI21982">
        <v>33</v>
      </c>
      <c r="AJ21982">
        <v>33</v>
      </c>
      <c r="AK21982">
        <v>33</v>
      </c>
      <c r="AL21982">
        <v>33</v>
      </c>
      <c r="AM21982">
        <v>33</v>
      </c>
      <c r="AN21982">
        <v>33</v>
      </c>
      <c r="AO21982">
        <v>33</v>
      </c>
      <c r="AP21982">
        <v>33</v>
      </c>
      <c r="AQ21982">
        <v>33</v>
      </c>
    </row>
    <row r="21983" spans="1:43">
      <c r="A21983" t="s">
        <v>13625</v>
      </c>
      <c r="B21983" t="s">
        <v>13626</v>
      </c>
      <c r="C21983" t="s">
        <v>13567</v>
      </c>
      <c r="D21983" t="s">
        <v>13568</v>
      </c>
      <c r="E21983" t="s">
        <v>13539</v>
      </c>
      <c r="F21983" t="s">
        <v>13540</v>
      </c>
      <c r="G21983" t="s">
        <v>10214</v>
      </c>
      <c r="H21983" t="s">
        <v>10215</v>
      </c>
      <c r="I21983" s="2">
        <v>1</v>
      </c>
      <c r="J21983" s="2">
        <v>0</v>
      </c>
      <c r="K21983" s="2">
        <v>0</v>
      </c>
      <c r="L21983" t="s">
        <v>120</v>
      </c>
      <c r="M21983" t="s">
        <v>87</v>
      </c>
      <c r="N21983" t="s">
        <v>88</v>
      </c>
      <c r="O21983" t="s">
        <v>85</v>
      </c>
      <c r="P21983" t="s">
        <v>86</v>
      </c>
      <c r="Q21983">
        <v>27</v>
      </c>
      <c r="R21983">
        <v>27</v>
      </c>
      <c r="S21983">
        <v>27</v>
      </c>
      <c r="T21983">
        <v>28</v>
      </c>
      <c r="U21983">
        <v>28</v>
      </c>
      <c r="V21983">
        <v>28</v>
      </c>
      <c r="W21983">
        <v>28</v>
      </c>
      <c r="X21983">
        <v>28</v>
      </c>
      <c r="Y21983">
        <v>28</v>
      </c>
      <c r="Z21983">
        <v>28</v>
      </c>
      <c r="AA21983">
        <v>28</v>
      </c>
      <c r="AB21983">
        <v>28</v>
      </c>
      <c r="AC21983">
        <v>28</v>
      </c>
      <c r="AD21983">
        <v>29</v>
      </c>
      <c r="AE21983">
        <v>29</v>
      </c>
      <c r="AF21983">
        <v>29</v>
      </c>
      <c r="AG21983">
        <v>29</v>
      </c>
      <c r="AH21983">
        <v>29</v>
      </c>
      <c r="AI21983">
        <v>29</v>
      </c>
      <c r="AJ21983">
        <v>29</v>
      </c>
      <c r="AK21983">
        <v>29</v>
      </c>
      <c r="AL21983">
        <v>29</v>
      </c>
      <c r="AM21983">
        <v>29</v>
      </c>
      <c r="AN21983">
        <v>30</v>
      </c>
      <c r="AO21983">
        <v>30</v>
      </c>
      <c r="AP21983">
        <v>30</v>
      </c>
      <c r="AQ21983">
        <v>30</v>
      </c>
    </row>
    <row r="21984" spans="1:43">
      <c r="A21984" t="s">
        <v>13625</v>
      </c>
      <c r="B21984" t="s">
        <v>13626</v>
      </c>
      <c r="C21984" t="s">
        <v>13567</v>
      </c>
      <c r="D21984" t="s">
        <v>13568</v>
      </c>
      <c r="E21984" t="s">
        <v>13539</v>
      </c>
      <c r="F21984" t="s">
        <v>13540</v>
      </c>
      <c r="G21984" t="s">
        <v>10214</v>
      </c>
      <c r="H21984" t="s">
        <v>10215</v>
      </c>
      <c r="I21984" s="2">
        <v>1</v>
      </c>
      <c r="J21984" s="2">
        <v>0</v>
      </c>
      <c r="K21984" s="2">
        <v>0</v>
      </c>
      <c r="L21984" t="s">
        <v>120</v>
      </c>
      <c r="M21984" t="s">
        <v>89</v>
      </c>
      <c r="N21984" t="s">
        <v>90</v>
      </c>
      <c r="O21984" t="s">
        <v>85</v>
      </c>
      <c r="P21984" t="s">
        <v>86</v>
      </c>
      <c r="Q21984">
        <v>27</v>
      </c>
      <c r="R21984">
        <v>27</v>
      </c>
      <c r="S21984">
        <v>28</v>
      </c>
      <c r="T21984">
        <v>28</v>
      </c>
      <c r="U21984">
        <v>29</v>
      </c>
      <c r="V21984">
        <v>30</v>
      </c>
      <c r="W21984">
        <v>30</v>
      </c>
      <c r="X21984">
        <v>31</v>
      </c>
      <c r="Y21984">
        <v>31</v>
      </c>
      <c r="Z21984">
        <v>31</v>
      </c>
      <c r="AA21984">
        <v>32</v>
      </c>
      <c r="AB21984">
        <v>32</v>
      </c>
      <c r="AC21984">
        <v>33</v>
      </c>
      <c r="AD21984">
        <v>33</v>
      </c>
      <c r="AE21984">
        <v>34</v>
      </c>
      <c r="AF21984">
        <v>34</v>
      </c>
      <c r="AG21984">
        <v>34</v>
      </c>
      <c r="AH21984">
        <v>33</v>
      </c>
      <c r="AI21984">
        <v>33</v>
      </c>
      <c r="AJ21984">
        <v>33</v>
      </c>
      <c r="AK21984">
        <v>33</v>
      </c>
      <c r="AL21984">
        <v>33</v>
      </c>
      <c r="AM21984">
        <v>33</v>
      </c>
      <c r="AN21984">
        <v>33</v>
      </c>
      <c r="AO21984">
        <v>33</v>
      </c>
      <c r="AP21984">
        <v>33</v>
      </c>
      <c r="AQ21984">
        <v>33</v>
      </c>
    </row>
    <row r="21985" spans="1:43">
      <c r="A21985" t="s">
        <v>13625</v>
      </c>
      <c r="B21985" t="s">
        <v>13626</v>
      </c>
      <c r="C21985" t="s">
        <v>13567</v>
      </c>
      <c r="D21985" t="s">
        <v>13568</v>
      </c>
      <c r="E21985" t="s">
        <v>13539</v>
      </c>
      <c r="F21985" t="s">
        <v>13540</v>
      </c>
      <c r="G21985" t="s">
        <v>10214</v>
      </c>
      <c r="H21985" t="s">
        <v>10215</v>
      </c>
      <c r="I21985" s="2">
        <v>1</v>
      </c>
      <c r="J21985" s="2">
        <v>0</v>
      </c>
      <c r="K21985" s="2">
        <v>0</v>
      </c>
      <c r="L21985" t="s">
        <v>120</v>
      </c>
      <c r="M21985" t="s">
        <v>83</v>
      </c>
      <c r="N21985" t="s">
        <v>91</v>
      </c>
      <c r="O21985" t="s">
        <v>85</v>
      </c>
      <c r="P21985" t="s">
        <v>86</v>
      </c>
      <c r="Q21985">
        <v>27</v>
      </c>
      <c r="R21985">
        <v>27</v>
      </c>
      <c r="S21985">
        <v>27</v>
      </c>
      <c r="T21985">
        <v>28</v>
      </c>
      <c r="U21985">
        <v>28</v>
      </c>
      <c r="V21985">
        <v>28</v>
      </c>
      <c r="W21985">
        <v>29</v>
      </c>
      <c r="X21985">
        <v>29</v>
      </c>
      <c r="Y21985">
        <v>29</v>
      </c>
      <c r="Z21985">
        <v>30</v>
      </c>
      <c r="AA21985">
        <v>30</v>
      </c>
      <c r="AB21985">
        <v>30</v>
      </c>
      <c r="AC21985">
        <v>31</v>
      </c>
      <c r="AD21985">
        <v>31</v>
      </c>
      <c r="AE21985">
        <v>31</v>
      </c>
      <c r="AF21985">
        <v>32</v>
      </c>
      <c r="AG21985">
        <v>32</v>
      </c>
      <c r="AH21985">
        <v>32</v>
      </c>
      <c r="AI21985">
        <v>33</v>
      </c>
      <c r="AJ21985">
        <v>33</v>
      </c>
      <c r="AK21985">
        <v>33</v>
      </c>
      <c r="AL21985">
        <v>33</v>
      </c>
      <c r="AM21985">
        <v>33</v>
      </c>
      <c r="AN21985">
        <v>33</v>
      </c>
      <c r="AO21985">
        <v>33</v>
      </c>
      <c r="AP21985">
        <v>33</v>
      </c>
      <c r="AQ21985">
        <v>33</v>
      </c>
    </row>
    <row r="21986" spans="1:43">
      <c r="A21986" t="s">
        <v>13627</v>
      </c>
      <c r="B21986" t="s">
        <v>13628</v>
      </c>
      <c r="C21986" t="s">
        <v>13593</v>
      </c>
      <c r="D21986" t="s">
        <v>13594</v>
      </c>
      <c r="E21986" t="s">
        <v>13539</v>
      </c>
      <c r="F21986" t="s">
        <v>13540</v>
      </c>
      <c r="G21986" t="s">
        <v>10214</v>
      </c>
      <c r="H21986" t="s">
        <v>10215</v>
      </c>
      <c r="I21986" s="2">
        <v>1</v>
      </c>
      <c r="J21986" s="2">
        <v>0</v>
      </c>
      <c r="K21986" s="2">
        <v>0</v>
      </c>
      <c r="L21986" t="s">
        <v>120</v>
      </c>
      <c r="M21986" t="s">
        <v>83</v>
      </c>
      <c r="N21986" t="s">
        <v>84</v>
      </c>
      <c r="O21986" t="s">
        <v>85</v>
      </c>
      <c r="P21986" t="s">
        <v>86</v>
      </c>
      <c r="Q21986">
        <v>33</v>
      </c>
      <c r="R21986">
        <v>34</v>
      </c>
      <c r="S21986">
        <v>34</v>
      </c>
      <c r="T21986">
        <v>35</v>
      </c>
      <c r="U21986">
        <v>36</v>
      </c>
      <c r="V21986">
        <v>37</v>
      </c>
      <c r="W21986">
        <v>38</v>
      </c>
      <c r="X21986">
        <v>39</v>
      </c>
      <c r="Y21986">
        <v>40</v>
      </c>
      <c r="Z21986">
        <v>41</v>
      </c>
      <c r="AA21986">
        <v>42</v>
      </c>
      <c r="AB21986">
        <v>43</v>
      </c>
      <c r="AC21986">
        <v>44</v>
      </c>
      <c r="AD21986">
        <v>45</v>
      </c>
      <c r="AE21986">
        <v>46</v>
      </c>
      <c r="AF21986">
        <v>48</v>
      </c>
      <c r="AG21986">
        <v>49</v>
      </c>
      <c r="AH21986">
        <v>50</v>
      </c>
      <c r="AI21986">
        <v>51</v>
      </c>
      <c r="AJ21986">
        <v>52</v>
      </c>
      <c r="AK21986">
        <v>54</v>
      </c>
      <c r="AL21986">
        <v>54</v>
      </c>
      <c r="AM21986">
        <v>55</v>
      </c>
      <c r="AN21986">
        <v>56</v>
      </c>
      <c r="AO21986">
        <v>57</v>
      </c>
      <c r="AP21986">
        <v>57</v>
      </c>
      <c r="AQ21986">
        <v>58</v>
      </c>
    </row>
    <row r="21987" spans="1:43">
      <c r="A21987" t="s">
        <v>13627</v>
      </c>
      <c r="B21987" t="s">
        <v>13628</v>
      </c>
      <c r="C21987" t="s">
        <v>13593</v>
      </c>
      <c r="D21987" t="s">
        <v>13594</v>
      </c>
      <c r="E21987" t="s">
        <v>13539</v>
      </c>
      <c r="F21987" t="s">
        <v>13540</v>
      </c>
      <c r="G21987" t="s">
        <v>10214</v>
      </c>
      <c r="H21987" t="s">
        <v>10215</v>
      </c>
      <c r="I21987" s="2">
        <v>1</v>
      </c>
      <c r="J21987" s="2">
        <v>0</v>
      </c>
      <c r="K21987" s="2">
        <v>0</v>
      </c>
      <c r="L21987" t="s">
        <v>120</v>
      </c>
      <c r="M21987" t="s">
        <v>87</v>
      </c>
      <c r="N21987" t="s">
        <v>88</v>
      </c>
      <c r="O21987" t="s">
        <v>85</v>
      </c>
      <c r="P21987" t="s">
        <v>86</v>
      </c>
      <c r="Q21987">
        <v>33</v>
      </c>
      <c r="R21987">
        <v>34</v>
      </c>
      <c r="S21987">
        <v>34</v>
      </c>
      <c r="T21987">
        <v>35</v>
      </c>
      <c r="U21987">
        <v>36</v>
      </c>
      <c r="V21987">
        <v>36</v>
      </c>
      <c r="W21987">
        <v>37</v>
      </c>
      <c r="X21987">
        <v>38</v>
      </c>
      <c r="Y21987">
        <v>38</v>
      </c>
      <c r="Z21987">
        <v>39</v>
      </c>
      <c r="AA21987">
        <v>39</v>
      </c>
      <c r="AB21987">
        <v>40</v>
      </c>
      <c r="AC21987">
        <v>41</v>
      </c>
      <c r="AD21987">
        <v>41</v>
      </c>
      <c r="AE21987">
        <v>42</v>
      </c>
      <c r="AF21987">
        <v>43</v>
      </c>
      <c r="AG21987">
        <v>44</v>
      </c>
      <c r="AH21987">
        <v>44</v>
      </c>
      <c r="AI21987">
        <v>45</v>
      </c>
      <c r="AJ21987">
        <v>46</v>
      </c>
      <c r="AK21987">
        <v>47</v>
      </c>
      <c r="AL21987">
        <v>47</v>
      </c>
      <c r="AM21987">
        <v>48</v>
      </c>
      <c r="AN21987">
        <v>49</v>
      </c>
      <c r="AO21987">
        <v>50</v>
      </c>
      <c r="AP21987">
        <v>51</v>
      </c>
      <c r="AQ21987">
        <v>51</v>
      </c>
    </row>
    <row r="21988" spans="1:43">
      <c r="A21988" t="s">
        <v>13627</v>
      </c>
      <c r="B21988" t="s">
        <v>13628</v>
      </c>
      <c r="C21988" t="s">
        <v>13593</v>
      </c>
      <c r="D21988" t="s">
        <v>13594</v>
      </c>
      <c r="E21988" t="s">
        <v>13539</v>
      </c>
      <c r="F21988" t="s">
        <v>13540</v>
      </c>
      <c r="G21988" t="s">
        <v>10214</v>
      </c>
      <c r="H21988" t="s">
        <v>10215</v>
      </c>
      <c r="I21988" s="2">
        <v>1</v>
      </c>
      <c r="J21988" s="2">
        <v>0</v>
      </c>
      <c r="K21988" s="2">
        <v>0</v>
      </c>
      <c r="L21988" t="s">
        <v>120</v>
      </c>
      <c r="M21988" t="s">
        <v>89</v>
      </c>
      <c r="N21988" t="s">
        <v>90</v>
      </c>
      <c r="O21988" t="s">
        <v>85</v>
      </c>
      <c r="P21988" t="s">
        <v>86</v>
      </c>
      <c r="Q21988">
        <v>33</v>
      </c>
      <c r="R21988">
        <v>34</v>
      </c>
      <c r="S21988">
        <v>35</v>
      </c>
      <c r="T21988">
        <v>37</v>
      </c>
      <c r="U21988">
        <v>38</v>
      </c>
      <c r="V21988">
        <v>39</v>
      </c>
      <c r="W21988">
        <v>40</v>
      </c>
      <c r="X21988">
        <v>41</v>
      </c>
      <c r="Y21988">
        <v>43</v>
      </c>
      <c r="Z21988">
        <v>44</v>
      </c>
      <c r="AA21988">
        <v>45</v>
      </c>
      <c r="AB21988">
        <v>46</v>
      </c>
      <c r="AC21988">
        <v>48</v>
      </c>
      <c r="AD21988">
        <v>49</v>
      </c>
      <c r="AE21988">
        <v>50</v>
      </c>
      <c r="AF21988">
        <v>51</v>
      </c>
      <c r="AG21988">
        <v>51</v>
      </c>
      <c r="AH21988">
        <v>52</v>
      </c>
      <c r="AI21988">
        <v>53</v>
      </c>
      <c r="AJ21988">
        <v>53</v>
      </c>
      <c r="AK21988">
        <v>54</v>
      </c>
      <c r="AL21988">
        <v>55</v>
      </c>
      <c r="AM21988">
        <v>55</v>
      </c>
      <c r="AN21988">
        <v>56</v>
      </c>
      <c r="AO21988">
        <v>57</v>
      </c>
      <c r="AP21988">
        <v>58</v>
      </c>
      <c r="AQ21988">
        <v>58</v>
      </c>
    </row>
    <row r="21989" spans="1:43">
      <c r="A21989" t="s">
        <v>13627</v>
      </c>
      <c r="B21989" t="s">
        <v>13628</v>
      </c>
      <c r="C21989" t="s">
        <v>13593</v>
      </c>
      <c r="D21989" t="s">
        <v>13594</v>
      </c>
      <c r="E21989" t="s">
        <v>13539</v>
      </c>
      <c r="F21989" t="s">
        <v>13540</v>
      </c>
      <c r="G21989" t="s">
        <v>10214</v>
      </c>
      <c r="H21989" t="s">
        <v>10215</v>
      </c>
      <c r="I21989" s="2">
        <v>1</v>
      </c>
      <c r="J21989" s="2">
        <v>0</v>
      </c>
      <c r="K21989" s="2">
        <v>0</v>
      </c>
      <c r="L21989" t="s">
        <v>120</v>
      </c>
      <c r="M21989" t="s">
        <v>83</v>
      </c>
      <c r="N21989" t="s">
        <v>91</v>
      </c>
      <c r="O21989" t="s">
        <v>85</v>
      </c>
      <c r="P21989" t="s">
        <v>86</v>
      </c>
      <c r="Q21989">
        <v>33</v>
      </c>
      <c r="R21989">
        <v>34</v>
      </c>
      <c r="S21989">
        <v>34</v>
      </c>
      <c r="T21989">
        <v>35</v>
      </c>
      <c r="U21989">
        <v>36</v>
      </c>
      <c r="V21989">
        <v>37</v>
      </c>
      <c r="W21989">
        <v>38</v>
      </c>
      <c r="X21989">
        <v>39</v>
      </c>
      <c r="Y21989">
        <v>40</v>
      </c>
      <c r="Z21989">
        <v>41</v>
      </c>
      <c r="AA21989">
        <v>42</v>
      </c>
      <c r="AB21989">
        <v>43</v>
      </c>
      <c r="AC21989">
        <v>44</v>
      </c>
      <c r="AD21989">
        <v>45</v>
      </c>
      <c r="AE21989">
        <v>46</v>
      </c>
      <c r="AF21989">
        <v>48</v>
      </c>
      <c r="AG21989">
        <v>49</v>
      </c>
      <c r="AH21989">
        <v>50</v>
      </c>
      <c r="AI21989">
        <v>51</v>
      </c>
      <c r="AJ21989">
        <v>52</v>
      </c>
      <c r="AK21989">
        <v>54</v>
      </c>
      <c r="AL21989">
        <v>54</v>
      </c>
      <c r="AM21989">
        <v>55</v>
      </c>
      <c r="AN21989">
        <v>56</v>
      </c>
      <c r="AO21989">
        <v>57</v>
      </c>
      <c r="AP21989">
        <v>57</v>
      </c>
      <c r="AQ21989">
        <v>58</v>
      </c>
    </row>
    <row r="21990" spans="1:43">
      <c r="A21990" t="s">
        <v>13629</v>
      </c>
      <c r="B21990" t="s">
        <v>13630</v>
      </c>
      <c r="C21990" t="s">
        <v>13631</v>
      </c>
      <c r="D21990" t="s">
        <v>13632</v>
      </c>
      <c r="E21990" t="s">
        <v>13539</v>
      </c>
      <c r="F21990" t="s">
        <v>13540</v>
      </c>
      <c r="G21990" t="s">
        <v>10214</v>
      </c>
      <c r="H21990" t="s">
        <v>10215</v>
      </c>
      <c r="I21990" s="2">
        <v>1</v>
      </c>
      <c r="J21990" s="2">
        <v>0</v>
      </c>
      <c r="K21990" s="2">
        <v>0</v>
      </c>
      <c r="L21990" t="s">
        <v>120</v>
      </c>
      <c r="M21990" t="s">
        <v>83</v>
      </c>
      <c r="N21990" t="s">
        <v>84</v>
      </c>
      <c r="O21990" t="s">
        <v>85</v>
      </c>
      <c r="P21990" t="s">
        <v>86</v>
      </c>
      <c r="Q21990">
        <v>8</v>
      </c>
      <c r="R21990">
        <v>8</v>
      </c>
      <c r="S21990">
        <v>8</v>
      </c>
      <c r="T21990">
        <v>8</v>
      </c>
      <c r="U21990">
        <v>8</v>
      </c>
      <c r="V21990">
        <v>9</v>
      </c>
      <c r="W21990">
        <v>9</v>
      </c>
      <c r="X21990">
        <v>9</v>
      </c>
      <c r="Y21990">
        <v>9</v>
      </c>
      <c r="Z21990">
        <v>10</v>
      </c>
      <c r="AA21990">
        <v>10</v>
      </c>
      <c r="AB21990">
        <v>10</v>
      </c>
      <c r="AC21990">
        <v>10</v>
      </c>
      <c r="AD21990">
        <v>10</v>
      </c>
      <c r="AE21990">
        <v>11</v>
      </c>
      <c r="AF21990">
        <v>11</v>
      </c>
      <c r="AG21990">
        <v>11</v>
      </c>
      <c r="AH21990">
        <v>12</v>
      </c>
      <c r="AI21990">
        <v>12</v>
      </c>
      <c r="AJ21990">
        <v>12</v>
      </c>
      <c r="AK21990">
        <v>12</v>
      </c>
      <c r="AL21990">
        <v>13</v>
      </c>
      <c r="AM21990">
        <v>13</v>
      </c>
      <c r="AN21990">
        <v>13</v>
      </c>
      <c r="AO21990">
        <v>13</v>
      </c>
      <c r="AP21990">
        <v>13</v>
      </c>
      <c r="AQ21990">
        <v>13</v>
      </c>
    </row>
    <row r="21991" spans="1:43">
      <c r="A21991" t="s">
        <v>13629</v>
      </c>
      <c r="B21991" t="s">
        <v>13630</v>
      </c>
      <c r="C21991" t="s">
        <v>13631</v>
      </c>
      <c r="D21991" t="s">
        <v>13632</v>
      </c>
      <c r="E21991" t="s">
        <v>13539</v>
      </c>
      <c r="F21991" t="s">
        <v>13540</v>
      </c>
      <c r="G21991" t="s">
        <v>10214</v>
      </c>
      <c r="H21991" t="s">
        <v>10215</v>
      </c>
      <c r="I21991" s="2">
        <v>1</v>
      </c>
      <c r="J21991" s="2">
        <v>0</v>
      </c>
      <c r="K21991" s="2">
        <v>0</v>
      </c>
      <c r="L21991" t="s">
        <v>120</v>
      </c>
      <c r="M21991" t="s">
        <v>87</v>
      </c>
      <c r="N21991" t="s">
        <v>88</v>
      </c>
      <c r="O21991" t="s">
        <v>85</v>
      </c>
      <c r="P21991" t="s">
        <v>86</v>
      </c>
      <c r="Q21991">
        <v>8</v>
      </c>
      <c r="R21991">
        <v>9</v>
      </c>
      <c r="S21991">
        <v>9</v>
      </c>
      <c r="T21991">
        <v>9</v>
      </c>
      <c r="U21991">
        <v>9</v>
      </c>
      <c r="V21991">
        <v>9</v>
      </c>
      <c r="W21991">
        <v>9</v>
      </c>
      <c r="X21991">
        <v>9</v>
      </c>
      <c r="Y21991">
        <v>10</v>
      </c>
      <c r="Z21991">
        <v>10</v>
      </c>
      <c r="AA21991">
        <v>10</v>
      </c>
      <c r="AB21991">
        <v>10</v>
      </c>
      <c r="AC21991">
        <v>10</v>
      </c>
      <c r="AD21991">
        <v>10</v>
      </c>
      <c r="AE21991">
        <v>11</v>
      </c>
      <c r="AF21991">
        <v>11</v>
      </c>
      <c r="AG21991">
        <v>11</v>
      </c>
      <c r="AH21991">
        <v>11</v>
      </c>
      <c r="AI21991">
        <v>11</v>
      </c>
      <c r="AJ21991">
        <v>11</v>
      </c>
      <c r="AK21991">
        <v>12</v>
      </c>
      <c r="AL21991">
        <v>12</v>
      </c>
      <c r="AM21991">
        <v>12</v>
      </c>
      <c r="AN21991">
        <v>12</v>
      </c>
      <c r="AO21991">
        <v>12</v>
      </c>
      <c r="AP21991">
        <v>13</v>
      </c>
      <c r="AQ21991">
        <v>13</v>
      </c>
    </row>
    <row r="21992" spans="1:43">
      <c r="A21992" t="s">
        <v>13629</v>
      </c>
      <c r="B21992" t="s">
        <v>13630</v>
      </c>
      <c r="C21992" t="s">
        <v>13631</v>
      </c>
      <c r="D21992" t="s">
        <v>13632</v>
      </c>
      <c r="E21992" t="s">
        <v>13539</v>
      </c>
      <c r="F21992" t="s">
        <v>13540</v>
      </c>
      <c r="G21992" t="s">
        <v>10214</v>
      </c>
      <c r="H21992" t="s">
        <v>10215</v>
      </c>
      <c r="I21992" s="2">
        <v>1</v>
      </c>
      <c r="J21992" s="2">
        <v>0</v>
      </c>
      <c r="K21992" s="2">
        <v>0</v>
      </c>
      <c r="L21992" t="s">
        <v>120</v>
      </c>
      <c r="M21992" t="s">
        <v>89</v>
      </c>
      <c r="N21992" t="s">
        <v>90</v>
      </c>
      <c r="O21992" t="s">
        <v>85</v>
      </c>
      <c r="P21992" t="s">
        <v>86</v>
      </c>
      <c r="Q21992">
        <v>8</v>
      </c>
      <c r="R21992">
        <v>8</v>
      </c>
      <c r="S21992">
        <v>8</v>
      </c>
      <c r="T21992">
        <v>8</v>
      </c>
      <c r="U21992">
        <v>9</v>
      </c>
      <c r="V21992">
        <v>9</v>
      </c>
      <c r="W21992">
        <v>9</v>
      </c>
      <c r="X21992">
        <v>10</v>
      </c>
      <c r="Y21992">
        <v>10</v>
      </c>
      <c r="Z21992">
        <v>10</v>
      </c>
      <c r="AA21992">
        <v>10</v>
      </c>
      <c r="AB21992">
        <v>11</v>
      </c>
      <c r="AC21992">
        <v>11</v>
      </c>
      <c r="AD21992">
        <v>11</v>
      </c>
      <c r="AE21992">
        <v>11</v>
      </c>
      <c r="AF21992">
        <v>12</v>
      </c>
      <c r="AG21992">
        <v>12</v>
      </c>
      <c r="AH21992">
        <v>12</v>
      </c>
      <c r="AI21992">
        <v>12</v>
      </c>
      <c r="AJ21992">
        <v>12</v>
      </c>
      <c r="AK21992">
        <v>12</v>
      </c>
      <c r="AL21992">
        <v>13</v>
      </c>
      <c r="AM21992">
        <v>13</v>
      </c>
      <c r="AN21992">
        <v>13</v>
      </c>
      <c r="AO21992">
        <v>13</v>
      </c>
      <c r="AP21992">
        <v>13</v>
      </c>
      <c r="AQ21992">
        <v>13</v>
      </c>
    </row>
    <row r="21993" spans="1:43">
      <c r="A21993" t="s">
        <v>13629</v>
      </c>
      <c r="B21993" t="s">
        <v>13630</v>
      </c>
      <c r="C21993" t="s">
        <v>13631</v>
      </c>
      <c r="D21993" t="s">
        <v>13632</v>
      </c>
      <c r="E21993" t="s">
        <v>13539</v>
      </c>
      <c r="F21993" t="s">
        <v>13540</v>
      </c>
      <c r="G21993" t="s">
        <v>10214</v>
      </c>
      <c r="H21993" t="s">
        <v>10215</v>
      </c>
      <c r="I21993" s="2">
        <v>1</v>
      </c>
      <c r="J21993" s="2">
        <v>0</v>
      </c>
      <c r="K21993" s="2">
        <v>0</v>
      </c>
      <c r="L21993" t="s">
        <v>120</v>
      </c>
      <c r="M21993" t="s">
        <v>83</v>
      </c>
      <c r="N21993" t="s">
        <v>91</v>
      </c>
      <c r="O21993" t="s">
        <v>85</v>
      </c>
      <c r="P21993" t="s">
        <v>86</v>
      </c>
      <c r="Q21993">
        <v>8</v>
      </c>
      <c r="R21993">
        <v>8</v>
      </c>
      <c r="S21993">
        <v>8</v>
      </c>
      <c r="T21993">
        <v>8</v>
      </c>
      <c r="U21993">
        <v>8</v>
      </c>
      <c r="V21993">
        <v>9</v>
      </c>
      <c r="W21993">
        <v>9</v>
      </c>
      <c r="X21993">
        <v>9</v>
      </c>
      <c r="Y21993">
        <v>9</v>
      </c>
      <c r="Z21993">
        <v>10</v>
      </c>
      <c r="AA21993">
        <v>10</v>
      </c>
      <c r="AB21993">
        <v>10</v>
      </c>
      <c r="AC21993">
        <v>10</v>
      </c>
      <c r="AD21993">
        <v>10</v>
      </c>
      <c r="AE21993">
        <v>11</v>
      </c>
      <c r="AF21993">
        <v>11</v>
      </c>
      <c r="AG21993">
        <v>11</v>
      </c>
      <c r="AH21993">
        <v>12</v>
      </c>
      <c r="AI21993">
        <v>12</v>
      </c>
      <c r="AJ21993">
        <v>12</v>
      </c>
      <c r="AK21993">
        <v>12</v>
      </c>
      <c r="AL21993">
        <v>13</v>
      </c>
      <c r="AM21993">
        <v>13</v>
      </c>
      <c r="AN21993">
        <v>13</v>
      </c>
      <c r="AO21993">
        <v>13</v>
      </c>
      <c r="AP21993">
        <v>13</v>
      </c>
      <c r="AQ21993">
        <v>13</v>
      </c>
    </row>
    <row r="21994" spans="1:43">
      <c r="A21994" t="s">
        <v>13633</v>
      </c>
      <c r="B21994" t="s">
        <v>13634</v>
      </c>
      <c r="C21994" t="s">
        <v>13631</v>
      </c>
      <c r="D21994" t="s">
        <v>13632</v>
      </c>
      <c r="E21994" t="s">
        <v>13539</v>
      </c>
      <c r="F21994" t="s">
        <v>13540</v>
      </c>
      <c r="G21994" t="s">
        <v>10214</v>
      </c>
      <c r="H21994" t="s">
        <v>10215</v>
      </c>
      <c r="I21994" s="2">
        <v>1</v>
      </c>
      <c r="J21994" s="2">
        <v>0</v>
      </c>
      <c r="K21994" s="2">
        <v>0</v>
      </c>
      <c r="L21994" t="s">
        <v>120</v>
      </c>
      <c r="M21994" t="s">
        <v>83</v>
      </c>
      <c r="N21994" t="s">
        <v>84</v>
      </c>
      <c r="O21994" t="s">
        <v>85</v>
      </c>
      <c r="P21994" t="s">
        <v>86</v>
      </c>
      <c r="Q21994">
        <v>6</v>
      </c>
      <c r="R21994">
        <v>6</v>
      </c>
      <c r="S21994">
        <v>7</v>
      </c>
      <c r="T21994">
        <v>7</v>
      </c>
      <c r="U21994">
        <v>7</v>
      </c>
      <c r="V21994">
        <v>7</v>
      </c>
      <c r="W21994">
        <v>7</v>
      </c>
      <c r="X21994">
        <v>7</v>
      </c>
      <c r="Y21994">
        <v>8</v>
      </c>
      <c r="Z21994">
        <v>8</v>
      </c>
      <c r="AA21994">
        <v>8</v>
      </c>
      <c r="AB21994">
        <v>8</v>
      </c>
      <c r="AC21994">
        <v>8</v>
      </c>
      <c r="AD21994">
        <v>9</v>
      </c>
      <c r="AE21994">
        <v>9</v>
      </c>
      <c r="AF21994">
        <v>9</v>
      </c>
      <c r="AG21994">
        <v>9</v>
      </c>
      <c r="AH21994">
        <v>10</v>
      </c>
      <c r="AI21994">
        <v>10</v>
      </c>
      <c r="AJ21994">
        <v>10</v>
      </c>
      <c r="AK21994">
        <v>10</v>
      </c>
      <c r="AL21994">
        <v>10</v>
      </c>
      <c r="AM21994">
        <v>11</v>
      </c>
      <c r="AN21994">
        <v>11</v>
      </c>
      <c r="AO21994">
        <v>11</v>
      </c>
      <c r="AP21994">
        <v>11</v>
      </c>
      <c r="AQ21994">
        <v>11</v>
      </c>
    </row>
    <row r="21995" spans="1:43">
      <c r="A21995" t="s">
        <v>13633</v>
      </c>
      <c r="B21995" t="s">
        <v>13634</v>
      </c>
      <c r="C21995" t="s">
        <v>13631</v>
      </c>
      <c r="D21995" t="s">
        <v>13632</v>
      </c>
      <c r="E21995" t="s">
        <v>13539</v>
      </c>
      <c r="F21995" t="s">
        <v>13540</v>
      </c>
      <c r="G21995" t="s">
        <v>10214</v>
      </c>
      <c r="H21995" t="s">
        <v>10215</v>
      </c>
      <c r="I21995" s="2">
        <v>1</v>
      </c>
      <c r="J21995" s="2">
        <v>0</v>
      </c>
      <c r="K21995" s="2">
        <v>0</v>
      </c>
      <c r="L21995" t="s">
        <v>120</v>
      </c>
      <c r="M21995" t="s">
        <v>87</v>
      </c>
      <c r="N21995" t="s">
        <v>88</v>
      </c>
      <c r="O21995" t="s">
        <v>85</v>
      </c>
      <c r="P21995" t="s">
        <v>86</v>
      </c>
      <c r="Q21995">
        <v>6</v>
      </c>
      <c r="R21995">
        <v>6</v>
      </c>
      <c r="S21995">
        <v>6</v>
      </c>
      <c r="T21995">
        <v>7</v>
      </c>
      <c r="U21995">
        <v>7</v>
      </c>
      <c r="V21995">
        <v>7</v>
      </c>
      <c r="W21995">
        <v>7</v>
      </c>
      <c r="X21995">
        <v>7</v>
      </c>
      <c r="Y21995">
        <v>7</v>
      </c>
      <c r="Z21995">
        <v>7</v>
      </c>
      <c r="AA21995">
        <v>7</v>
      </c>
      <c r="AB21995">
        <v>7</v>
      </c>
      <c r="AC21995">
        <v>8</v>
      </c>
      <c r="AD21995">
        <v>8</v>
      </c>
      <c r="AE21995">
        <v>8</v>
      </c>
      <c r="AF21995">
        <v>8</v>
      </c>
      <c r="AG21995">
        <v>8</v>
      </c>
      <c r="AH21995">
        <v>8</v>
      </c>
      <c r="AI21995">
        <v>8</v>
      </c>
      <c r="AJ21995">
        <v>9</v>
      </c>
      <c r="AK21995">
        <v>9</v>
      </c>
      <c r="AL21995">
        <v>9</v>
      </c>
      <c r="AM21995">
        <v>9</v>
      </c>
      <c r="AN21995">
        <v>9</v>
      </c>
      <c r="AO21995">
        <v>9</v>
      </c>
      <c r="AP21995">
        <v>10</v>
      </c>
      <c r="AQ21995">
        <v>10</v>
      </c>
    </row>
    <row r="21996" spans="1:43">
      <c r="A21996" t="s">
        <v>13633</v>
      </c>
      <c r="B21996" t="s">
        <v>13634</v>
      </c>
      <c r="C21996" t="s">
        <v>13631</v>
      </c>
      <c r="D21996" t="s">
        <v>13632</v>
      </c>
      <c r="E21996" t="s">
        <v>13539</v>
      </c>
      <c r="F21996" t="s">
        <v>13540</v>
      </c>
      <c r="G21996" t="s">
        <v>10214</v>
      </c>
      <c r="H21996" t="s">
        <v>10215</v>
      </c>
      <c r="I21996" s="2">
        <v>1</v>
      </c>
      <c r="J21996" s="2">
        <v>0</v>
      </c>
      <c r="K21996" s="2">
        <v>0</v>
      </c>
      <c r="L21996" t="s">
        <v>120</v>
      </c>
      <c r="M21996" t="s">
        <v>89</v>
      </c>
      <c r="N21996" t="s">
        <v>90</v>
      </c>
      <c r="O21996" t="s">
        <v>85</v>
      </c>
      <c r="P21996" t="s">
        <v>86</v>
      </c>
      <c r="Q21996">
        <v>6</v>
      </c>
      <c r="R21996">
        <v>7</v>
      </c>
      <c r="S21996">
        <v>7</v>
      </c>
      <c r="T21996">
        <v>7</v>
      </c>
      <c r="U21996">
        <v>7</v>
      </c>
      <c r="V21996">
        <v>7</v>
      </c>
      <c r="W21996">
        <v>8</v>
      </c>
      <c r="X21996">
        <v>8</v>
      </c>
      <c r="Y21996">
        <v>8</v>
      </c>
      <c r="Z21996">
        <v>8</v>
      </c>
      <c r="AA21996">
        <v>9</v>
      </c>
      <c r="AB21996">
        <v>9</v>
      </c>
      <c r="AC21996">
        <v>9</v>
      </c>
      <c r="AD21996">
        <v>9</v>
      </c>
      <c r="AE21996">
        <v>9</v>
      </c>
      <c r="AF21996">
        <v>10</v>
      </c>
      <c r="AG21996">
        <v>10</v>
      </c>
      <c r="AH21996">
        <v>10</v>
      </c>
      <c r="AI21996">
        <v>10</v>
      </c>
      <c r="AJ21996">
        <v>10</v>
      </c>
      <c r="AK21996">
        <v>10</v>
      </c>
      <c r="AL21996">
        <v>10</v>
      </c>
      <c r="AM21996">
        <v>11</v>
      </c>
      <c r="AN21996">
        <v>11</v>
      </c>
      <c r="AO21996">
        <v>11</v>
      </c>
      <c r="AP21996">
        <v>11</v>
      </c>
      <c r="AQ21996">
        <v>11</v>
      </c>
    </row>
    <row r="21997" spans="1:43">
      <c r="A21997" t="s">
        <v>13633</v>
      </c>
      <c r="B21997" t="s">
        <v>13634</v>
      </c>
      <c r="C21997" t="s">
        <v>13631</v>
      </c>
      <c r="D21997" t="s">
        <v>13632</v>
      </c>
      <c r="E21997" t="s">
        <v>13539</v>
      </c>
      <c r="F21997" t="s">
        <v>13540</v>
      </c>
      <c r="G21997" t="s">
        <v>10214</v>
      </c>
      <c r="H21997" t="s">
        <v>10215</v>
      </c>
      <c r="I21997" s="2">
        <v>1</v>
      </c>
      <c r="J21997" s="2">
        <v>0</v>
      </c>
      <c r="K21997" s="2">
        <v>0</v>
      </c>
      <c r="L21997" t="s">
        <v>120</v>
      </c>
      <c r="M21997" t="s">
        <v>83</v>
      </c>
      <c r="N21997" t="s">
        <v>91</v>
      </c>
      <c r="O21997" t="s">
        <v>85</v>
      </c>
      <c r="P21997" t="s">
        <v>86</v>
      </c>
      <c r="Q21997">
        <v>6</v>
      </c>
      <c r="R21997">
        <v>6</v>
      </c>
      <c r="S21997">
        <v>7</v>
      </c>
      <c r="T21997">
        <v>7</v>
      </c>
      <c r="U21997">
        <v>7</v>
      </c>
      <c r="V21997">
        <v>7</v>
      </c>
      <c r="W21997">
        <v>7</v>
      </c>
      <c r="X21997">
        <v>7</v>
      </c>
      <c r="Y21997">
        <v>8</v>
      </c>
      <c r="Z21997">
        <v>8</v>
      </c>
      <c r="AA21997">
        <v>8</v>
      </c>
      <c r="AB21997">
        <v>8</v>
      </c>
      <c r="AC21997">
        <v>8</v>
      </c>
      <c r="AD21997">
        <v>9</v>
      </c>
      <c r="AE21997">
        <v>9</v>
      </c>
      <c r="AF21997">
        <v>9</v>
      </c>
      <c r="AG21997">
        <v>9</v>
      </c>
      <c r="AH21997">
        <v>10</v>
      </c>
      <c r="AI21997">
        <v>10</v>
      </c>
      <c r="AJ21997">
        <v>10</v>
      </c>
      <c r="AK21997">
        <v>10</v>
      </c>
      <c r="AL21997">
        <v>10</v>
      </c>
      <c r="AM21997">
        <v>11</v>
      </c>
      <c r="AN21997">
        <v>11</v>
      </c>
      <c r="AO21997">
        <v>11</v>
      </c>
      <c r="AP21997">
        <v>11</v>
      </c>
      <c r="AQ21997">
        <v>11</v>
      </c>
    </row>
    <row r="21998" spans="1:43">
      <c r="A21998" t="s">
        <v>13635</v>
      </c>
      <c r="B21998" t="s">
        <v>13636</v>
      </c>
      <c r="C21998" t="s">
        <v>13631</v>
      </c>
      <c r="D21998" t="s">
        <v>13632</v>
      </c>
      <c r="E21998" t="s">
        <v>13539</v>
      </c>
      <c r="F21998" t="s">
        <v>13540</v>
      </c>
      <c r="G21998" t="s">
        <v>10214</v>
      </c>
      <c r="H21998" t="s">
        <v>10215</v>
      </c>
      <c r="I21998" s="2">
        <v>1</v>
      </c>
      <c r="J21998" s="2">
        <v>0</v>
      </c>
      <c r="K21998" s="2">
        <v>0</v>
      </c>
      <c r="L21998" t="s">
        <v>120</v>
      </c>
      <c r="M21998" t="s">
        <v>83</v>
      </c>
      <c r="N21998" t="s">
        <v>84</v>
      </c>
      <c r="O21998" t="s">
        <v>85</v>
      </c>
      <c r="P21998" t="s">
        <v>86</v>
      </c>
      <c r="Q21998">
        <v>35</v>
      </c>
      <c r="R21998">
        <v>36</v>
      </c>
      <c r="S21998">
        <v>37</v>
      </c>
      <c r="T21998">
        <v>38</v>
      </c>
      <c r="U21998">
        <v>39</v>
      </c>
      <c r="V21998">
        <v>40</v>
      </c>
      <c r="W21998">
        <v>41</v>
      </c>
      <c r="X21998">
        <v>42</v>
      </c>
      <c r="Y21998">
        <v>43</v>
      </c>
      <c r="Z21998">
        <v>44</v>
      </c>
      <c r="AA21998">
        <v>46</v>
      </c>
      <c r="AB21998">
        <v>47</v>
      </c>
      <c r="AC21998">
        <v>48</v>
      </c>
      <c r="AD21998">
        <v>49</v>
      </c>
      <c r="AE21998">
        <v>50</v>
      </c>
      <c r="AF21998">
        <v>51</v>
      </c>
      <c r="AG21998">
        <v>52</v>
      </c>
      <c r="AH21998">
        <v>54</v>
      </c>
      <c r="AI21998">
        <v>55</v>
      </c>
      <c r="AJ21998">
        <v>56</v>
      </c>
      <c r="AK21998">
        <v>58</v>
      </c>
      <c r="AL21998">
        <v>59</v>
      </c>
      <c r="AM21998">
        <v>59</v>
      </c>
      <c r="AN21998">
        <v>60</v>
      </c>
      <c r="AO21998">
        <v>61</v>
      </c>
      <c r="AP21998">
        <v>62</v>
      </c>
      <c r="AQ21998">
        <v>63</v>
      </c>
    </row>
    <row r="21999" spans="1:43">
      <c r="A21999" t="s">
        <v>13635</v>
      </c>
      <c r="B21999" t="s">
        <v>13636</v>
      </c>
      <c r="C21999" t="s">
        <v>13631</v>
      </c>
      <c r="D21999" t="s">
        <v>13632</v>
      </c>
      <c r="E21999" t="s">
        <v>13539</v>
      </c>
      <c r="F21999" t="s">
        <v>13540</v>
      </c>
      <c r="G21999" t="s">
        <v>10214</v>
      </c>
      <c r="H21999" t="s">
        <v>10215</v>
      </c>
      <c r="I21999" s="2">
        <v>1</v>
      </c>
      <c r="J21999" s="2">
        <v>0</v>
      </c>
      <c r="K21999" s="2">
        <v>0</v>
      </c>
      <c r="L21999" t="s">
        <v>120</v>
      </c>
      <c r="M21999" t="s">
        <v>87</v>
      </c>
      <c r="N21999" t="s">
        <v>88</v>
      </c>
      <c r="O21999" t="s">
        <v>85</v>
      </c>
      <c r="P21999" t="s">
        <v>86</v>
      </c>
      <c r="Q21999">
        <v>35</v>
      </c>
      <c r="R21999">
        <v>35</v>
      </c>
      <c r="S21999">
        <v>36</v>
      </c>
      <c r="T21999">
        <v>37</v>
      </c>
      <c r="U21999">
        <v>37</v>
      </c>
      <c r="V21999">
        <v>38</v>
      </c>
      <c r="W21999">
        <v>39</v>
      </c>
      <c r="X21999">
        <v>39</v>
      </c>
      <c r="Y21999">
        <v>40</v>
      </c>
      <c r="Z21999">
        <v>41</v>
      </c>
      <c r="AA21999">
        <v>42</v>
      </c>
      <c r="AB21999">
        <v>42</v>
      </c>
      <c r="AC21999">
        <v>43</v>
      </c>
      <c r="AD21999">
        <v>44</v>
      </c>
      <c r="AE21999">
        <v>45</v>
      </c>
      <c r="AF21999">
        <v>45</v>
      </c>
      <c r="AG21999">
        <v>46</v>
      </c>
      <c r="AH21999">
        <v>47</v>
      </c>
      <c r="AI21999">
        <v>48</v>
      </c>
      <c r="AJ21999">
        <v>49</v>
      </c>
      <c r="AK21999">
        <v>49</v>
      </c>
      <c r="AL21999">
        <v>50</v>
      </c>
      <c r="AM21999">
        <v>51</v>
      </c>
      <c r="AN21999">
        <v>52</v>
      </c>
      <c r="AO21999">
        <v>53</v>
      </c>
      <c r="AP21999">
        <v>54</v>
      </c>
      <c r="AQ21999">
        <v>55</v>
      </c>
    </row>
    <row r="22000" spans="1:43">
      <c r="A22000" t="s">
        <v>13635</v>
      </c>
      <c r="B22000" t="s">
        <v>13636</v>
      </c>
      <c r="C22000" t="s">
        <v>13631</v>
      </c>
      <c r="D22000" t="s">
        <v>13632</v>
      </c>
      <c r="E22000" t="s">
        <v>13539</v>
      </c>
      <c r="F22000" t="s">
        <v>13540</v>
      </c>
      <c r="G22000" t="s">
        <v>10214</v>
      </c>
      <c r="H22000" t="s">
        <v>10215</v>
      </c>
      <c r="I22000" s="2">
        <v>1</v>
      </c>
      <c r="J22000" s="2">
        <v>0</v>
      </c>
      <c r="K22000" s="2">
        <v>0</v>
      </c>
      <c r="L22000" t="s">
        <v>120</v>
      </c>
      <c r="M22000" t="s">
        <v>89</v>
      </c>
      <c r="N22000" t="s">
        <v>90</v>
      </c>
      <c r="O22000" t="s">
        <v>85</v>
      </c>
      <c r="P22000" t="s">
        <v>86</v>
      </c>
      <c r="Q22000">
        <v>35</v>
      </c>
      <c r="R22000">
        <v>36</v>
      </c>
      <c r="S22000">
        <v>37</v>
      </c>
      <c r="T22000">
        <v>38</v>
      </c>
      <c r="U22000">
        <v>40</v>
      </c>
      <c r="V22000">
        <v>41</v>
      </c>
      <c r="W22000">
        <v>42</v>
      </c>
      <c r="X22000">
        <v>44</v>
      </c>
      <c r="Y22000">
        <v>45</v>
      </c>
      <c r="Z22000">
        <v>46</v>
      </c>
      <c r="AA22000">
        <v>47</v>
      </c>
      <c r="AB22000">
        <v>49</v>
      </c>
      <c r="AC22000">
        <v>50</v>
      </c>
      <c r="AD22000">
        <v>51</v>
      </c>
      <c r="AE22000">
        <v>53</v>
      </c>
      <c r="AF22000">
        <v>53</v>
      </c>
      <c r="AG22000">
        <v>54</v>
      </c>
      <c r="AH22000">
        <v>55</v>
      </c>
      <c r="AI22000">
        <v>56</v>
      </c>
      <c r="AJ22000">
        <v>56</v>
      </c>
      <c r="AK22000">
        <v>57</v>
      </c>
      <c r="AL22000">
        <v>58</v>
      </c>
      <c r="AM22000">
        <v>59</v>
      </c>
      <c r="AN22000">
        <v>59</v>
      </c>
      <c r="AO22000">
        <v>60</v>
      </c>
      <c r="AP22000">
        <v>61</v>
      </c>
      <c r="AQ22000">
        <v>62</v>
      </c>
    </row>
    <row r="22001" spans="1:43">
      <c r="A22001" t="s">
        <v>13635</v>
      </c>
      <c r="B22001" t="s">
        <v>13636</v>
      </c>
      <c r="C22001" t="s">
        <v>13631</v>
      </c>
      <c r="D22001" t="s">
        <v>13632</v>
      </c>
      <c r="E22001" t="s">
        <v>13539</v>
      </c>
      <c r="F22001" t="s">
        <v>13540</v>
      </c>
      <c r="G22001" t="s">
        <v>10214</v>
      </c>
      <c r="H22001" t="s">
        <v>10215</v>
      </c>
      <c r="I22001" s="2">
        <v>1</v>
      </c>
      <c r="J22001" s="2">
        <v>0</v>
      </c>
      <c r="K22001" s="2">
        <v>0</v>
      </c>
      <c r="L22001" t="s">
        <v>120</v>
      </c>
      <c r="M22001" t="s">
        <v>83</v>
      </c>
      <c r="N22001" t="s">
        <v>91</v>
      </c>
      <c r="O22001" t="s">
        <v>85</v>
      </c>
      <c r="P22001" t="s">
        <v>86</v>
      </c>
      <c r="Q22001">
        <v>35</v>
      </c>
      <c r="R22001">
        <v>36</v>
      </c>
      <c r="S22001">
        <v>37</v>
      </c>
      <c r="T22001">
        <v>38</v>
      </c>
      <c r="U22001">
        <v>39</v>
      </c>
      <c r="V22001">
        <v>40</v>
      </c>
      <c r="W22001">
        <v>41</v>
      </c>
      <c r="X22001">
        <v>42</v>
      </c>
      <c r="Y22001">
        <v>43</v>
      </c>
      <c r="Z22001">
        <v>44</v>
      </c>
      <c r="AA22001">
        <v>46</v>
      </c>
      <c r="AB22001">
        <v>47</v>
      </c>
      <c r="AC22001">
        <v>48</v>
      </c>
      <c r="AD22001">
        <v>49</v>
      </c>
      <c r="AE22001">
        <v>50</v>
      </c>
      <c r="AF22001">
        <v>51</v>
      </c>
      <c r="AG22001">
        <v>52</v>
      </c>
      <c r="AH22001">
        <v>54</v>
      </c>
      <c r="AI22001">
        <v>55</v>
      </c>
      <c r="AJ22001">
        <v>56</v>
      </c>
      <c r="AK22001">
        <v>58</v>
      </c>
      <c r="AL22001">
        <v>59</v>
      </c>
      <c r="AM22001">
        <v>59</v>
      </c>
      <c r="AN22001">
        <v>60</v>
      </c>
      <c r="AO22001">
        <v>61</v>
      </c>
      <c r="AP22001">
        <v>62</v>
      </c>
      <c r="AQ22001">
        <v>63</v>
      </c>
    </row>
    <row r="22002" spans="1:43">
      <c r="A22002" t="s">
        <v>13637</v>
      </c>
      <c r="B22002" t="s">
        <v>13638</v>
      </c>
      <c r="C22002" t="s">
        <v>13631</v>
      </c>
      <c r="D22002" t="s">
        <v>13632</v>
      </c>
      <c r="E22002" t="s">
        <v>13539</v>
      </c>
      <c r="F22002" t="s">
        <v>13540</v>
      </c>
      <c r="G22002" t="s">
        <v>10214</v>
      </c>
      <c r="H22002" t="s">
        <v>10215</v>
      </c>
      <c r="I22002" s="2">
        <v>1</v>
      </c>
      <c r="J22002" s="2">
        <v>0</v>
      </c>
      <c r="K22002" s="2">
        <v>0</v>
      </c>
      <c r="L22002" t="s">
        <v>120</v>
      </c>
      <c r="M22002" t="s">
        <v>83</v>
      </c>
      <c r="N22002" t="s">
        <v>84</v>
      </c>
      <c r="O22002" t="s">
        <v>85</v>
      </c>
      <c r="P22002" t="s">
        <v>86</v>
      </c>
      <c r="Q22002">
        <v>64</v>
      </c>
      <c r="R22002">
        <v>66</v>
      </c>
      <c r="S22002">
        <v>67</v>
      </c>
      <c r="T22002">
        <v>69</v>
      </c>
      <c r="U22002">
        <v>71</v>
      </c>
      <c r="V22002">
        <v>73</v>
      </c>
      <c r="W22002">
        <v>75</v>
      </c>
      <c r="X22002">
        <v>77</v>
      </c>
      <c r="Y22002">
        <v>79</v>
      </c>
      <c r="Z22002">
        <v>81</v>
      </c>
      <c r="AA22002">
        <v>83</v>
      </c>
      <c r="AB22002">
        <v>85</v>
      </c>
      <c r="AC22002">
        <v>87</v>
      </c>
      <c r="AD22002">
        <v>89</v>
      </c>
      <c r="AE22002">
        <v>91</v>
      </c>
      <c r="AF22002">
        <v>93</v>
      </c>
      <c r="AG22002">
        <v>95</v>
      </c>
      <c r="AH22002">
        <v>98</v>
      </c>
      <c r="AI22002">
        <v>100</v>
      </c>
      <c r="AJ22002">
        <v>102</v>
      </c>
      <c r="AK22002">
        <v>104</v>
      </c>
      <c r="AL22002">
        <v>106</v>
      </c>
      <c r="AM22002">
        <v>108</v>
      </c>
      <c r="AN22002">
        <v>109</v>
      </c>
      <c r="AO22002">
        <v>111</v>
      </c>
      <c r="AP22002">
        <v>112</v>
      </c>
      <c r="AQ22002">
        <v>114</v>
      </c>
    </row>
    <row r="22003" spans="1:43">
      <c r="A22003" t="s">
        <v>13637</v>
      </c>
      <c r="B22003" t="s">
        <v>13638</v>
      </c>
      <c r="C22003" t="s">
        <v>13631</v>
      </c>
      <c r="D22003" t="s">
        <v>13632</v>
      </c>
      <c r="E22003" t="s">
        <v>13539</v>
      </c>
      <c r="F22003" t="s">
        <v>13540</v>
      </c>
      <c r="G22003" t="s">
        <v>10214</v>
      </c>
      <c r="H22003" t="s">
        <v>10215</v>
      </c>
      <c r="I22003" s="2">
        <v>1</v>
      </c>
      <c r="J22003" s="2">
        <v>0</v>
      </c>
      <c r="K22003" s="2">
        <v>0</v>
      </c>
      <c r="L22003" t="s">
        <v>120</v>
      </c>
      <c r="M22003" t="s">
        <v>87</v>
      </c>
      <c r="N22003" t="s">
        <v>88</v>
      </c>
      <c r="O22003" t="s">
        <v>85</v>
      </c>
      <c r="P22003" t="s">
        <v>86</v>
      </c>
      <c r="Q22003">
        <v>64</v>
      </c>
      <c r="R22003">
        <v>65</v>
      </c>
      <c r="S22003">
        <v>67</v>
      </c>
      <c r="T22003">
        <v>68</v>
      </c>
      <c r="U22003">
        <v>69</v>
      </c>
      <c r="V22003">
        <v>70</v>
      </c>
      <c r="W22003">
        <v>71</v>
      </c>
      <c r="X22003">
        <v>73</v>
      </c>
      <c r="Y22003">
        <v>74</v>
      </c>
      <c r="Z22003">
        <v>75</v>
      </c>
      <c r="AA22003">
        <v>76</v>
      </c>
      <c r="AB22003">
        <v>78</v>
      </c>
      <c r="AC22003">
        <v>79</v>
      </c>
      <c r="AD22003">
        <v>80</v>
      </c>
      <c r="AE22003">
        <v>82</v>
      </c>
      <c r="AF22003">
        <v>83</v>
      </c>
      <c r="AG22003">
        <v>85</v>
      </c>
      <c r="AH22003">
        <v>86</v>
      </c>
      <c r="AI22003">
        <v>88</v>
      </c>
      <c r="AJ22003">
        <v>89</v>
      </c>
      <c r="AK22003">
        <v>91</v>
      </c>
      <c r="AL22003">
        <v>92</v>
      </c>
      <c r="AM22003">
        <v>94</v>
      </c>
      <c r="AN22003">
        <v>95</v>
      </c>
      <c r="AO22003">
        <v>97</v>
      </c>
      <c r="AP22003">
        <v>99</v>
      </c>
      <c r="AQ22003">
        <v>100</v>
      </c>
    </row>
    <row r="22004" spans="1:43">
      <c r="A22004" t="s">
        <v>13637</v>
      </c>
      <c r="B22004" t="s">
        <v>13638</v>
      </c>
      <c r="C22004" t="s">
        <v>13631</v>
      </c>
      <c r="D22004" t="s">
        <v>13632</v>
      </c>
      <c r="E22004" t="s">
        <v>13539</v>
      </c>
      <c r="F22004" t="s">
        <v>13540</v>
      </c>
      <c r="G22004" t="s">
        <v>10214</v>
      </c>
      <c r="H22004" t="s">
        <v>10215</v>
      </c>
      <c r="I22004" s="2">
        <v>1</v>
      </c>
      <c r="J22004" s="2">
        <v>0</v>
      </c>
      <c r="K22004" s="2">
        <v>0</v>
      </c>
      <c r="L22004" t="s">
        <v>120</v>
      </c>
      <c r="M22004" t="s">
        <v>89</v>
      </c>
      <c r="N22004" t="s">
        <v>90</v>
      </c>
      <c r="O22004" t="s">
        <v>85</v>
      </c>
      <c r="P22004" t="s">
        <v>86</v>
      </c>
      <c r="Q22004">
        <v>64</v>
      </c>
      <c r="R22004">
        <v>67</v>
      </c>
      <c r="S22004">
        <v>69</v>
      </c>
      <c r="T22004">
        <v>72</v>
      </c>
      <c r="U22004">
        <v>74</v>
      </c>
      <c r="V22004">
        <v>76</v>
      </c>
      <c r="W22004">
        <v>79</v>
      </c>
      <c r="X22004">
        <v>81</v>
      </c>
      <c r="Y22004">
        <v>83</v>
      </c>
      <c r="Z22004">
        <v>85</v>
      </c>
      <c r="AA22004">
        <v>88</v>
      </c>
      <c r="AB22004">
        <v>90</v>
      </c>
      <c r="AC22004">
        <v>93</v>
      </c>
      <c r="AD22004">
        <v>95</v>
      </c>
      <c r="AE22004">
        <v>97</v>
      </c>
      <c r="AF22004">
        <v>99</v>
      </c>
      <c r="AG22004">
        <v>100</v>
      </c>
      <c r="AH22004">
        <v>101</v>
      </c>
      <c r="AI22004">
        <v>103</v>
      </c>
      <c r="AJ22004">
        <v>104</v>
      </c>
      <c r="AK22004">
        <v>105</v>
      </c>
      <c r="AL22004">
        <v>107</v>
      </c>
      <c r="AM22004">
        <v>108</v>
      </c>
      <c r="AN22004">
        <v>110</v>
      </c>
      <c r="AO22004">
        <v>111</v>
      </c>
      <c r="AP22004">
        <v>113</v>
      </c>
      <c r="AQ22004">
        <v>114</v>
      </c>
    </row>
    <row r="22005" spans="1:43">
      <c r="A22005" t="s">
        <v>13637</v>
      </c>
      <c r="B22005" t="s">
        <v>13638</v>
      </c>
      <c r="C22005" t="s">
        <v>13631</v>
      </c>
      <c r="D22005" t="s">
        <v>13632</v>
      </c>
      <c r="E22005" t="s">
        <v>13539</v>
      </c>
      <c r="F22005" t="s">
        <v>13540</v>
      </c>
      <c r="G22005" t="s">
        <v>10214</v>
      </c>
      <c r="H22005" t="s">
        <v>10215</v>
      </c>
      <c r="I22005" s="2">
        <v>1</v>
      </c>
      <c r="J22005" s="2">
        <v>0</v>
      </c>
      <c r="K22005" s="2">
        <v>0</v>
      </c>
      <c r="L22005" t="s">
        <v>120</v>
      </c>
      <c r="M22005" t="s">
        <v>83</v>
      </c>
      <c r="N22005" t="s">
        <v>91</v>
      </c>
      <c r="O22005" t="s">
        <v>85</v>
      </c>
      <c r="P22005" t="s">
        <v>86</v>
      </c>
      <c r="Q22005">
        <v>64</v>
      </c>
      <c r="R22005">
        <v>66</v>
      </c>
      <c r="S22005">
        <v>67</v>
      </c>
      <c r="T22005">
        <v>69</v>
      </c>
      <c r="U22005">
        <v>71</v>
      </c>
      <c r="V22005">
        <v>73</v>
      </c>
      <c r="W22005">
        <v>75</v>
      </c>
      <c r="X22005">
        <v>77</v>
      </c>
      <c r="Y22005">
        <v>79</v>
      </c>
      <c r="Z22005">
        <v>81</v>
      </c>
      <c r="AA22005">
        <v>83</v>
      </c>
      <c r="AB22005">
        <v>85</v>
      </c>
      <c r="AC22005">
        <v>87</v>
      </c>
      <c r="AD22005">
        <v>89</v>
      </c>
      <c r="AE22005">
        <v>91</v>
      </c>
      <c r="AF22005">
        <v>93</v>
      </c>
      <c r="AG22005">
        <v>95</v>
      </c>
      <c r="AH22005">
        <v>98</v>
      </c>
      <c r="AI22005">
        <v>100</v>
      </c>
      <c r="AJ22005">
        <v>102</v>
      </c>
      <c r="AK22005">
        <v>104</v>
      </c>
      <c r="AL22005">
        <v>106</v>
      </c>
      <c r="AM22005">
        <v>108</v>
      </c>
      <c r="AN22005">
        <v>109</v>
      </c>
      <c r="AO22005">
        <v>111</v>
      </c>
      <c r="AP22005">
        <v>112</v>
      </c>
      <c r="AQ22005">
        <v>114</v>
      </c>
    </row>
    <row r="22006" spans="1:43">
      <c r="A22006" t="s">
        <v>13639</v>
      </c>
      <c r="B22006" t="s">
        <v>13640</v>
      </c>
      <c r="C22006" t="s">
        <v>13631</v>
      </c>
      <c r="D22006" t="s">
        <v>13632</v>
      </c>
      <c r="E22006" t="s">
        <v>13539</v>
      </c>
      <c r="F22006" t="s">
        <v>13540</v>
      </c>
      <c r="G22006" t="s">
        <v>10214</v>
      </c>
      <c r="H22006" t="s">
        <v>10215</v>
      </c>
      <c r="I22006" s="2">
        <v>1</v>
      </c>
      <c r="J22006" s="2">
        <v>0</v>
      </c>
      <c r="K22006" s="2">
        <v>0</v>
      </c>
      <c r="L22006" t="s">
        <v>120</v>
      </c>
      <c r="M22006" t="s">
        <v>83</v>
      </c>
      <c r="N22006" t="s">
        <v>84</v>
      </c>
      <c r="O22006" t="s">
        <v>85</v>
      </c>
      <c r="P22006" t="s">
        <v>86</v>
      </c>
      <c r="Q22006">
        <v>21</v>
      </c>
      <c r="R22006">
        <v>22</v>
      </c>
      <c r="S22006">
        <v>23</v>
      </c>
      <c r="T22006">
        <v>23</v>
      </c>
      <c r="U22006">
        <v>24</v>
      </c>
      <c r="V22006">
        <v>24</v>
      </c>
      <c r="W22006">
        <v>25</v>
      </c>
      <c r="X22006">
        <v>26</v>
      </c>
      <c r="Y22006">
        <v>26</v>
      </c>
      <c r="Z22006">
        <v>27</v>
      </c>
      <c r="AA22006">
        <v>28</v>
      </c>
      <c r="AB22006">
        <v>28</v>
      </c>
      <c r="AC22006">
        <v>29</v>
      </c>
      <c r="AD22006">
        <v>30</v>
      </c>
      <c r="AE22006">
        <v>30</v>
      </c>
      <c r="AF22006">
        <v>31</v>
      </c>
      <c r="AG22006">
        <v>32</v>
      </c>
      <c r="AH22006">
        <v>33</v>
      </c>
      <c r="AI22006">
        <v>33</v>
      </c>
      <c r="AJ22006">
        <v>34</v>
      </c>
      <c r="AK22006">
        <v>35</v>
      </c>
      <c r="AL22006">
        <v>36</v>
      </c>
      <c r="AM22006">
        <v>36</v>
      </c>
      <c r="AN22006">
        <v>37</v>
      </c>
      <c r="AO22006">
        <v>37</v>
      </c>
      <c r="AP22006">
        <v>38</v>
      </c>
      <c r="AQ22006">
        <v>38</v>
      </c>
    </row>
    <row r="22007" spans="1:43">
      <c r="A22007" t="s">
        <v>13639</v>
      </c>
      <c r="B22007" t="s">
        <v>13640</v>
      </c>
      <c r="C22007" t="s">
        <v>13631</v>
      </c>
      <c r="D22007" t="s">
        <v>13632</v>
      </c>
      <c r="E22007" t="s">
        <v>13539</v>
      </c>
      <c r="F22007" t="s">
        <v>13540</v>
      </c>
      <c r="G22007" t="s">
        <v>10214</v>
      </c>
      <c r="H22007" t="s">
        <v>10215</v>
      </c>
      <c r="I22007" s="2">
        <v>1</v>
      </c>
      <c r="J22007" s="2">
        <v>0</v>
      </c>
      <c r="K22007" s="2">
        <v>0</v>
      </c>
      <c r="L22007" t="s">
        <v>120</v>
      </c>
      <c r="M22007" t="s">
        <v>87</v>
      </c>
      <c r="N22007" t="s">
        <v>88</v>
      </c>
      <c r="O22007" t="s">
        <v>85</v>
      </c>
      <c r="P22007" t="s">
        <v>86</v>
      </c>
      <c r="Q22007">
        <v>21</v>
      </c>
      <c r="R22007">
        <v>22</v>
      </c>
      <c r="S22007">
        <v>22</v>
      </c>
      <c r="T22007">
        <v>22</v>
      </c>
      <c r="U22007">
        <v>23</v>
      </c>
      <c r="V22007">
        <v>23</v>
      </c>
      <c r="W22007">
        <v>24</v>
      </c>
      <c r="X22007">
        <v>24</v>
      </c>
      <c r="Y22007">
        <v>24</v>
      </c>
      <c r="Z22007">
        <v>25</v>
      </c>
      <c r="AA22007">
        <v>25</v>
      </c>
      <c r="AB22007">
        <v>26</v>
      </c>
      <c r="AC22007">
        <v>26</v>
      </c>
      <c r="AD22007">
        <v>27</v>
      </c>
      <c r="AE22007">
        <v>27</v>
      </c>
      <c r="AF22007">
        <v>28</v>
      </c>
      <c r="AG22007">
        <v>28</v>
      </c>
      <c r="AH22007">
        <v>29</v>
      </c>
      <c r="AI22007">
        <v>29</v>
      </c>
      <c r="AJ22007">
        <v>30</v>
      </c>
      <c r="AK22007">
        <v>30</v>
      </c>
      <c r="AL22007">
        <v>31</v>
      </c>
      <c r="AM22007">
        <v>31</v>
      </c>
      <c r="AN22007">
        <v>32</v>
      </c>
      <c r="AO22007">
        <v>32</v>
      </c>
      <c r="AP22007">
        <v>33</v>
      </c>
      <c r="AQ22007">
        <v>33</v>
      </c>
    </row>
    <row r="22008" spans="1:43">
      <c r="A22008" t="s">
        <v>13639</v>
      </c>
      <c r="B22008" t="s">
        <v>13640</v>
      </c>
      <c r="C22008" t="s">
        <v>13631</v>
      </c>
      <c r="D22008" t="s">
        <v>13632</v>
      </c>
      <c r="E22008" t="s">
        <v>13539</v>
      </c>
      <c r="F22008" t="s">
        <v>13540</v>
      </c>
      <c r="G22008" t="s">
        <v>10214</v>
      </c>
      <c r="H22008" t="s">
        <v>10215</v>
      </c>
      <c r="I22008" s="2">
        <v>1</v>
      </c>
      <c r="J22008" s="2">
        <v>0</v>
      </c>
      <c r="K22008" s="2">
        <v>0</v>
      </c>
      <c r="L22008" t="s">
        <v>120</v>
      </c>
      <c r="M22008" t="s">
        <v>89</v>
      </c>
      <c r="N22008" t="s">
        <v>90</v>
      </c>
      <c r="O22008" t="s">
        <v>85</v>
      </c>
      <c r="P22008" t="s">
        <v>86</v>
      </c>
      <c r="Q22008">
        <v>21</v>
      </c>
      <c r="R22008">
        <v>21</v>
      </c>
      <c r="S22008">
        <v>22</v>
      </c>
      <c r="T22008">
        <v>23</v>
      </c>
      <c r="U22008">
        <v>24</v>
      </c>
      <c r="V22008">
        <v>25</v>
      </c>
      <c r="W22008">
        <v>25</v>
      </c>
      <c r="X22008">
        <v>26</v>
      </c>
      <c r="Y22008">
        <v>27</v>
      </c>
      <c r="Z22008">
        <v>28</v>
      </c>
      <c r="AA22008">
        <v>28</v>
      </c>
      <c r="AB22008">
        <v>29</v>
      </c>
      <c r="AC22008">
        <v>30</v>
      </c>
      <c r="AD22008">
        <v>31</v>
      </c>
      <c r="AE22008">
        <v>32</v>
      </c>
      <c r="AF22008">
        <v>32</v>
      </c>
      <c r="AG22008">
        <v>33</v>
      </c>
      <c r="AH22008">
        <v>33</v>
      </c>
      <c r="AI22008">
        <v>33</v>
      </c>
      <c r="AJ22008">
        <v>34</v>
      </c>
      <c r="AK22008">
        <v>34</v>
      </c>
      <c r="AL22008">
        <v>35</v>
      </c>
      <c r="AM22008">
        <v>35</v>
      </c>
      <c r="AN22008">
        <v>36</v>
      </c>
      <c r="AO22008">
        <v>36</v>
      </c>
      <c r="AP22008">
        <v>37</v>
      </c>
      <c r="AQ22008">
        <v>37</v>
      </c>
    </row>
    <row r="22009" spans="1:43">
      <c r="A22009" t="s">
        <v>13639</v>
      </c>
      <c r="B22009" t="s">
        <v>13640</v>
      </c>
      <c r="C22009" t="s">
        <v>13631</v>
      </c>
      <c r="D22009" t="s">
        <v>13632</v>
      </c>
      <c r="E22009" t="s">
        <v>13539</v>
      </c>
      <c r="F22009" t="s">
        <v>13540</v>
      </c>
      <c r="G22009" t="s">
        <v>10214</v>
      </c>
      <c r="H22009" t="s">
        <v>10215</v>
      </c>
      <c r="I22009" s="2">
        <v>1</v>
      </c>
      <c r="J22009" s="2">
        <v>0</v>
      </c>
      <c r="K22009" s="2">
        <v>0</v>
      </c>
      <c r="L22009" t="s">
        <v>120</v>
      </c>
      <c r="M22009" t="s">
        <v>83</v>
      </c>
      <c r="N22009" t="s">
        <v>91</v>
      </c>
      <c r="O22009" t="s">
        <v>85</v>
      </c>
      <c r="P22009" t="s">
        <v>86</v>
      </c>
      <c r="Q22009">
        <v>21</v>
      </c>
      <c r="R22009">
        <v>22</v>
      </c>
      <c r="S22009">
        <v>23</v>
      </c>
      <c r="T22009">
        <v>23</v>
      </c>
      <c r="U22009">
        <v>24</v>
      </c>
      <c r="V22009">
        <v>24</v>
      </c>
      <c r="W22009">
        <v>25</v>
      </c>
      <c r="X22009">
        <v>26</v>
      </c>
      <c r="Y22009">
        <v>26</v>
      </c>
      <c r="Z22009">
        <v>27</v>
      </c>
      <c r="AA22009">
        <v>28</v>
      </c>
      <c r="AB22009">
        <v>28</v>
      </c>
      <c r="AC22009">
        <v>29</v>
      </c>
      <c r="AD22009">
        <v>30</v>
      </c>
      <c r="AE22009">
        <v>30</v>
      </c>
      <c r="AF22009">
        <v>31</v>
      </c>
      <c r="AG22009">
        <v>32</v>
      </c>
      <c r="AH22009">
        <v>33</v>
      </c>
      <c r="AI22009">
        <v>33</v>
      </c>
      <c r="AJ22009">
        <v>34</v>
      </c>
      <c r="AK22009">
        <v>35</v>
      </c>
      <c r="AL22009">
        <v>36</v>
      </c>
      <c r="AM22009">
        <v>36</v>
      </c>
      <c r="AN22009">
        <v>37</v>
      </c>
      <c r="AO22009">
        <v>37</v>
      </c>
      <c r="AP22009">
        <v>38</v>
      </c>
      <c r="AQ22009">
        <v>38</v>
      </c>
    </row>
    <row r="22010" spans="1:43">
      <c r="A22010" t="s">
        <v>13641</v>
      </c>
      <c r="B22010" t="s">
        <v>13642</v>
      </c>
      <c r="C22010" t="s">
        <v>13537</v>
      </c>
      <c r="D22010" t="s">
        <v>13538</v>
      </c>
      <c r="E22010" t="s">
        <v>13539</v>
      </c>
      <c r="F22010" t="s">
        <v>13540</v>
      </c>
      <c r="G22010" t="s">
        <v>10214</v>
      </c>
      <c r="H22010" t="s">
        <v>10215</v>
      </c>
      <c r="I22010" s="2">
        <v>1</v>
      </c>
      <c r="J22010" s="2">
        <v>0</v>
      </c>
      <c r="K22010" s="2">
        <v>0</v>
      </c>
      <c r="L22010" t="s">
        <v>120</v>
      </c>
      <c r="M22010" t="s">
        <v>83</v>
      </c>
      <c r="N22010" t="s">
        <v>84</v>
      </c>
      <c r="O22010" t="s">
        <v>85</v>
      </c>
      <c r="P22010" t="s">
        <v>86</v>
      </c>
      <c r="Q22010">
        <v>53</v>
      </c>
      <c r="R22010">
        <v>55</v>
      </c>
      <c r="S22010">
        <v>56</v>
      </c>
      <c r="T22010">
        <v>58</v>
      </c>
      <c r="U22010">
        <v>59</v>
      </c>
      <c r="V22010">
        <v>61</v>
      </c>
      <c r="W22010">
        <v>63</v>
      </c>
      <c r="X22010">
        <v>64</v>
      </c>
      <c r="Y22010">
        <v>66</v>
      </c>
      <c r="Z22010">
        <v>67</v>
      </c>
      <c r="AA22010">
        <v>69</v>
      </c>
      <c r="AB22010">
        <v>71</v>
      </c>
      <c r="AC22010">
        <v>72</v>
      </c>
      <c r="AD22010">
        <v>74</v>
      </c>
      <c r="AE22010">
        <v>76</v>
      </c>
      <c r="AF22010">
        <v>78</v>
      </c>
      <c r="AG22010">
        <v>80</v>
      </c>
      <c r="AH22010">
        <v>81</v>
      </c>
      <c r="AI22010">
        <v>83</v>
      </c>
      <c r="AJ22010">
        <v>85</v>
      </c>
      <c r="AK22010">
        <v>87</v>
      </c>
      <c r="AL22010">
        <v>89</v>
      </c>
      <c r="AM22010">
        <v>90</v>
      </c>
      <c r="AN22010">
        <v>91</v>
      </c>
      <c r="AO22010">
        <v>92</v>
      </c>
      <c r="AP22010">
        <v>94</v>
      </c>
      <c r="AQ22010">
        <v>95</v>
      </c>
    </row>
    <row r="22011" spans="1:43">
      <c r="A22011" t="s">
        <v>13641</v>
      </c>
      <c r="B22011" t="s">
        <v>13642</v>
      </c>
      <c r="C22011" t="s">
        <v>13537</v>
      </c>
      <c r="D22011" t="s">
        <v>13538</v>
      </c>
      <c r="E22011" t="s">
        <v>13539</v>
      </c>
      <c r="F22011" t="s">
        <v>13540</v>
      </c>
      <c r="G22011" t="s">
        <v>10214</v>
      </c>
      <c r="H22011" t="s">
        <v>10215</v>
      </c>
      <c r="I22011" s="2">
        <v>1</v>
      </c>
      <c r="J22011" s="2">
        <v>0</v>
      </c>
      <c r="K22011" s="2">
        <v>0</v>
      </c>
      <c r="L22011" t="s">
        <v>120</v>
      </c>
      <c r="M22011" t="s">
        <v>87</v>
      </c>
      <c r="N22011" t="s">
        <v>88</v>
      </c>
      <c r="O22011" t="s">
        <v>85</v>
      </c>
      <c r="P22011" t="s">
        <v>86</v>
      </c>
      <c r="Q22011">
        <v>53</v>
      </c>
      <c r="R22011">
        <v>54</v>
      </c>
      <c r="S22011">
        <v>55</v>
      </c>
      <c r="T22011">
        <v>56</v>
      </c>
      <c r="U22011">
        <v>57</v>
      </c>
      <c r="V22011">
        <v>58</v>
      </c>
      <c r="W22011">
        <v>59</v>
      </c>
      <c r="X22011">
        <v>60</v>
      </c>
      <c r="Y22011">
        <v>61</v>
      </c>
      <c r="Z22011">
        <v>62</v>
      </c>
      <c r="AA22011">
        <v>63</v>
      </c>
      <c r="AB22011">
        <v>64</v>
      </c>
      <c r="AC22011">
        <v>65</v>
      </c>
      <c r="AD22011">
        <v>66</v>
      </c>
      <c r="AE22011">
        <v>67</v>
      </c>
      <c r="AF22011">
        <v>69</v>
      </c>
      <c r="AG22011">
        <v>70</v>
      </c>
      <c r="AH22011">
        <v>71</v>
      </c>
      <c r="AI22011">
        <v>72</v>
      </c>
      <c r="AJ22011">
        <v>73</v>
      </c>
      <c r="AK22011">
        <v>75</v>
      </c>
      <c r="AL22011">
        <v>76</v>
      </c>
      <c r="AM22011">
        <v>77</v>
      </c>
      <c r="AN22011">
        <v>79</v>
      </c>
      <c r="AO22011">
        <v>80</v>
      </c>
      <c r="AP22011">
        <v>81</v>
      </c>
      <c r="AQ22011">
        <v>83</v>
      </c>
    </row>
    <row r="22012" spans="1:43">
      <c r="A22012" t="s">
        <v>13641</v>
      </c>
      <c r="B22012" t="s">
        <v>13642</v>
      </c>
      <c r="C22012" t="s">
        <v>13537</v>
      </c>
      <c r="D22012" t="s">
        <v>13538</v>
      </c>
      <c r="E22012" t="s">
        <v>13539</v>
      </c>
      <c r="F22012" t="s">
        <v>13540</v>
      </c>
      <c r="G22012" t="s">
        <v>10214</v>
      </c>
      <c r="H22012" t="s">
        <v>10215</v>
      </c>
      <c r="I22012" s="2">
        <v>1</v>
      </c>
      <c r="J22012" s="2">
        <v>0</v>
      </c>
      <c r="K22012" s="2">
        <v>0</v>
      </c>
      <c r="L22012" t="s">
        <v>120</v>
      </c>
      <c r="M22012" t="s">
        <v>89</v>
      </c>
      <c r="N22012" t="s">
        <v>90</v>
      </c>
      <c r="O22012" t="s">
        <v>85</v>
      </c>
      <c r="P22012" t="s">
        <v>86</v>
      </c>
      <c r="Q22012">
        <v>53</v>
      </c>
      <c r="R22012">
        <v>55</v>
      </c>
      <c r="S22012">
        <v>57</v>
      </c>
      <c r="T22012">
        <v>59</v>
      </c>
      <c r="U22012">
        <v>61</v>
      </c>
      <c r="V22012">
        <v>63</v>
      </c>
      <c r="W22012">
        <v>65</v>
      </c>
      <c r="X22012">
        <v>67</v>
      </c>
      <c r="Y22012">
        <v>68</v>
      </c>
      <c r="Z22012">
        <v>70</v>
      </c>
      <c r="AA22012">
        <v>72</v>
      </c>
      <c r="AB22012">
        <v>74</v>
      </c>
      <c r="AC22012">
        <v>77</v>
      </c>
      <c r="AD22012">
        <v>79</v>
      </c>
      <c r="AE22012">
        <v>80</v>
      </c>
      <c r="AF22012">
        <v>81</v>
      </c>
      <c r="AG22012">
        <v>83</v>
      </c>
      <c r="AH22012">
        <v>84</v>
      </c>
      <c r="AI22012">
        <v>85</v>
      </c>
      <c r="AJ22012">
        <v>86</v>
      </c>
      <c r="AK22012">
        <v>87</v>
      </c>
      <c r="AL22012">
        <v>88</v>
      </c>
      <c r="AM22012">
        <v>90</v>
      </c>
      <c r="AN22012">
        <v>91</v>
      </c>
      <c r="AO22012">
        <v>92</v>
      </c>
      <c r="AP22012">
        <v>93</v>
      </c>
      <c r="AQ22012">
        <v>95</v>
      </c>
    </row>
    <row r="22013" spans="1:43">
      <c r="A22013" t="s">
        <v>13641</v>
      </c>
      <c r="B22013" t="s">
        <v>13642</v>
      </c>
      <c r="C22013" t="s">
        <v>13537</v>
      </c>
      <c r="D22013" t="s">
        <v>13538</v>
      </c>
      <c r="E22013" t="s">
        <v>13539</v>
      </c>
      <c r="F22013" t="s">
        <v>13540</v>
      </c>
      <c r="G22013" t="s">
        <v>10214</v>
      </c>
      <c r="H22013" t="s">
        <v>10215</v>
      </c>
      <c r="I22013" s="2">
        <v>1</v>
      </c>
      <c r="J22013" s="2">
        <v>0</v>
      </c>
      <c r="K22013" s="2">
        <v>0</v>
      </c>
      <c r="L22013" t="s">
        <v>120</v>
      </c>
      <c r="M22013" t="s">
        <v>83</v>
      </c>
      <c r="N22013" t="s">
        <v>91</v>
      </c>
      <c r="O22013" t="s">
        <v>85</v>
      </c>
      <c r="P22013" t="s">
        <v>86</v>
      </c>
      <c r="Q22013">
        <v>53</v>
      </c>
      <c r="R22013">
        <v>55</v>
      </c>
      <c r="S22013">
        <v>56</v>
      </c>
      <c r="T22013">
        <v>58</v>
      </c>
      <c r="U22013">
        <v>59</v>
      </c>
      <c r="V22013">
        <v>61</v>
      </c>
      <c r="W22013">
        <v>63</v>
      </c>
      <c r="X22013">
        <v>64</v>
      </c>
      <c r="Y22013">
        <v>66</v>
      </c>
      <c r="Z22013">
        <v>67</v>
      </c>
      <c r="AA22013">
        <v>69</v>
      </c>
      <c r="AB22013">
        <v>71</v>
      </c>
      <c r="AC22013">
        <v>72</v>
      </c>
      <c r="AD22013">
        <v>74</v>
      </c>
      <c r="AE22013">
        <v>76</v>
      </c>
      <c r="AF22013">
        <v>78</v>
      </c>
      <c r="AG22013">
        <v>80</v>
      </c>
      <c r="AH22013">
        <v>81</v>
      </c>
      <c r="AI22013">
        <v>83</v>
      </c>
      <c r="AJ22013">
        <v>85</v>
      </c>
      <c r="AK22013">
        <v>87</v>
      </c>
      <c r="AL22013">
        <v>89</v>
      </c>
      <c r="AM22013">
        <v>90</v>
      </c>
      <c r="AN22013">
        <v>91</v>
      </c>
      <c r="AO22013">
        <v>92</v>
      </c>
      <c r="AP22013">
        <v>94</v>
      </c>
      <c r="AQ22013">
        <v>95</v>
      </c>
    </row>
    <row r="22014" spans="1:43">
      <c r="A22014" t="s">
        <v>13643</v>
      </c>
      <c r="B22014" t="s">
        <v>13644</v>
      </c>
      <c r="C22014" t="s">
        <v>13537</v>
      </c>
      <c r="D22014" t="s">
        <v>13538</v>
      </c>
      <c r="E22014" t="s">
        <v>13539</v>
      </c>
      <c r="F22014" t="s">
        <v>13540</v>
      </c>
      <c r="G22014" t="s">
        <v>10214</v>
      </c>
      <c r="H22014" t="s">
        <v>10215</v>
      </c>
      <c r="I22014" s="2">
        <v>1</v>
      </c>
      <c r="J22014" s="2">
        <v>0</v>
      </c>
      <c r="K22014" s="2">
        <v>0</v>
      </c>
      <c r="L22014" t="s">
        <v>120</v>
      </c>
      <c r="M22014" t="s">
        <v>83</v>
      </c>
      <c r="N22014" t="s">
        <v>84</v>
      </c>
      <c r="O22014" t="s">
        <v>85</v>
      </c>
      <c r="P22014" t="s">
        <v>86</v>
      </c>
      <c r="Q22014">
        <v>11</v>
      </c>
      <c r="R22014">
        <v>11</v>
      </c>
      <c r="S22014">
        <v>12</v>
      </c>
      <c r="T22014">
        <v>12</v>
      </c>
      <c r="U22014">
        <v>12</v>
      </c>
      <c r="V22014">
        <v>13</v>
      </c>
      <c r="W22014">
        <v>13</v>
      </c>
      <c r="X22014">
        <v>13</v>
      </c>
      <c r="Y22014">
        <v>14</v>
      </c>
      <c r="Z22014">
        <v>14</v>
      </c>
      <c r="AA22014">
        <v>14</v>
      </c>
      <c r="AB22014">
        <v>15</v>
      </c>
      <c r="AC22014">
        <v>15</v>
      </c>
      <c r="AD22014">
        <v>15</v>
      </c>
      <c r="AE22014">
        <v>16</v>
      </c>
      <c r="AF22014">
        <v>16</v>
      </c>
      <c r="AG22014">
        <v>17</v>
      </c>
      <c r="AH22014">
        <v>17</v>
      </c>
      <c r="AI22014">
        <v>17</v>
      </c>
      <c r="AJ22014">
        <v>18</v>
      </c>
      <c r="AK22014">
        <v>18</v>
      </c>
      <c r="AL22014">
        <v>19</v>
      </c>
      <c r="AM22014">
        <v>19</v>
      </c>
      <c r="AN22014">
        <v>19</v>
      </c>
      <c r="AO22014">
        <v>19</v>
      </c>
      <c r="AP22014">
        <v>20</v>
      </c>
      <c r="AQ22014">
        <v>20</v>
      </c>
    </row>
    <row r="22015" spans="1:43">
      <c r="A22015" t="s">
        <v>13643</v>
      </c>
      <c r="B22015" t="s">
        <v>13644</v>
      </c>
      <c r="C22015" t="s">
        <v>13537</v>
      </c>
      <c r="D22015" t="s">
        <v>13538</v>
      </c>
      <c r="E22015" t="s">
        <v>13539</v>
      </c>
      <c r="F22015" t="s">
        <v>13540</v>
      </c>
      <c r="G22015" t="s">
        <v>10214</v>
      </c>
      <c r="H22015" t="s">
        <v>10215</v>
      </c>
      <c r="I22015" s="2">
        <v>1</v>
      </c>
      <c r="J22015" s="2">
        <v>0</v>
      </c>
      <c r="K22015" s="2">
        <v>0</v>
      </c>
      <c r="L22015" t="s">
        <v>120</v>
      </c>
      <c r="M22015" t="s">
        <v>87</v>
      </c>
      <c r="N22015" t="s">
        <v>88</v>
      </c>
      <c r="O22015" t="s">
        <v>85</v>
      </c>
      <c r="P22015" t="s">
        <v>86</v>
      </c>
      <c r="Q22015">
        <v>11</v>
      </c>
      <c r="R22015">
        <v>11</v>
      </c>
      <c r="S22015">
        <v>11</v>
      </c>
      <c r="T22015">
        <v>12</v>
      </c>
      <c r="U22015">
        <v>12</v>
      </c>
      <c r="V22015">
        <v>12</v>
      </c>
      <c r="W22015">
        <v>12</v>
      </c>
      <c r="X22015">
        <v>12</v>
      </c>
      <c r="Y22015">
        <v>13</v>
      </c>
      <c r="Z22015">
        <v>13</v>
      </c>
      <c r="AA22015">
        <v>13</v>
      </c>
      <c r="AB22015">
        <v>13</v>
      </c>
      <c r="AC22015">
        <v>14</v>
      </c>
      <c r="AD22015">
        <v>14</v>
      </c>
      <c r="AE22015">
        <v>14</v>
      </c>
      <c r="AF22015">
        <v>14</v>
      </c>
      <c r="AG22015">
        <v>15</v>
      </c>
      <c r="AH22015">
        <v>15</v>
      </c>
      <c r="AI22015">
        <v>15</v>
      </c>
      <c r="AJ22015">
        <v>15</v>
      </c>
      <c r="AK22015">
        <v>16</v>
      </c>
      <c r="AL22015">
        <v>16</v>
      </c>
      <c r="AM22015">
        <v>16</v>
      </c>
      <c r="AN22015">
        <v>16</v>
      </c>
      <c r="AO22015">
        <v>17</v>
      </c>
      <c r="AP22015">
        <v>17</v>
      </c>
      <c r="AQ22015">
        <v>17</v>
      </c>
    </row>
    <row r="22016" spans="1:43">
      <c r="A22016" t="s">
        <v>13643</v>
      </c>
      <c r="B22016" t="s">
        <v>13644</v>
      </c>
      <c r="C22016" t="s">
        <v>13537</v>
      </c>
      <c r="D22016" t="s">
        <v>13538</v>
      </c>
      <c r="E22016" t="s">
        <v>13539</v>
      </c>
      <c r="F22016" t="s">
        <v>13540</v>
      </c>
      <c r="G22016" t="s">
        <v>10214</v>
      </c>
      <c r="H22016" t="s">
        <v>10215</v>
      </c>
      <c r="I22016" s="2">
        <v>1</v>
      </c>
      <c r="J22016" s="2">
        <v>0</v>
      </c>
      <c r="K22016" s="2">
        <v>0</v>
      </c>
      <c r="L22016" t="s">
        <v>120</v>
      </c>
      <c r="M22016" t="s">
        <v>89</v>
      </c>
      <c r="N22016" t="s">
        <v>90</v>
      </c>
      <c r="O22016" t="s">
        <v>85</v>
      </c>
      <c r="P22016" t="s">
        <v>86</v>
      </c>
      <c r="Q22016">
        <v>11</v>
      </c>
      <c r="R22016">
        <v>12</v>
      </c>
      <c r="S22016">
        <v>12</v>
      </c>
      <c r="T22016">
        <v>12</v>
      </c>
      <c r="U22016">
        <v>13</v>
      </c>
      <c r="V22016">
        <v>13</v>
      </c>
      <c r="W22016">
        <v>14</v>
      </c>
      <c r="X22016">
        <v>14</v>
      </c>
      <c r="Y22016">
        <v>14</v>
      </c>
      <c r="Z22016">
        <v>15</v>
      </c>
      <c r="AA22016">
        <v>15</v>
      </c>
      <c r="AB22016">
        <v>16</v>
      </c>
      <c r="AC22016">
        <v>16</v>
      </c>
      <c r="AD22016">
        <v>17</v>
      </c>
      <c r="AE22016">
        <v>17</v>
      </c>
      <c r="AF22016">
        <v>17</v>
      </c>
      <c r="AG22016">
        <v>17</v>
      </c>
      <c r="AH22016">
        <v>18</v>
      </c>
      <c r="AI22016">
        <v>18</v>
      </c>
      <c r="AJ22016">
        <v>18</v>
      </c>
      <c r="AK22016">
        <v>18</v>
      </c>
      <c r="AL22016">
        <v>19</v>
      </c>
      <c r="AM22016">
        <v>19</v>
      </c>
      <c r="AN22016">
        <v>19</v>
      </c>
      <c r="AO22016">
        <v>19</v>
      </c>
      <c r="AP22016">
        <v>20</v>
      </c>
      <c r="AQ22016">
        <v>20</v>
      </c>
    </row>
    <row r="22017" spans="1:43">
      <c r="A22017" t="s">
        <v>13643</v>
      </c>
      <c r="B22017" t="s">
        <v>13644</v>
      </c>
      <c r="C22017" t="s">
        <v>13537</v>
      </c>
      <c r="D22017" t="s">
        <v>13538</v>
      </c>
      <c r="E22017" t="s">
        <v>13539</v>
      </c>
      <c r="F22017" t="s">
        <v>13540</v>
      </c>
      <c r="G22017" t="s">
        <v>10214</v>
      </c>
      <c r="H22017" t="s">
        <v>10215</v>
      </c>
      <c r="I22017" s="2">
        <v>1</v>
      </c>
      <c r="J22017" s="2">
        <v>0</v>
      </c>
      <c r="K22017" s="2">
        <v>0</v>
      </c>
      <c r="L22017" t="s">
        <v>120</v>
      </c>
      <c r="M22017" t="s">
        <v>83</v>
      </c>
      <c r="N22017" t="s">
        <v>91</v>
      </c>
      <c r="O22017" t="s">
        <v>85</v>
      </c>
      <c r="P22017" t="s">
        <v>86</v>
      </c>
      <c r="Q22017">
        <v>11</v>
      </c>
      <c r="R22017">
        <v>11</v>
      </c>
      <c r="S22017">
        <v>12</v>
      </c>
      <c r="T22017">
        <v>12</v>
      </c>
      <c r="U22017">
        <v>12</v>
      </c>
      <c r="V22017">
        <v>13</v>
      </c>
      <c r="W22017">
        <v>13</v>
      </c>
      <c r="X22017">
        <v>13</v>
      </c>
      <c r="Y22017">
        <v>14</v>
      </c>
      <c r="Z22017">
        <v>14</v>
      </c>
      <c r="AA22017">
        <v>14</v>
      </c>
      <c r="AB22017">
        <v>15</v>
      </c>
      <c r="AC22017">
        <v>15</v>
      </c>
      <c r="AD22017">
        <v>15</v>
      </c>
      <c r="AE22017">
        <v>16</v>
      </c>
      <c r="AF22017">
        <v>16</v>
      </c>
      <c r="AG22017">
        <v>17</v>
      </c>
      <c r="AH22017">
        <v>17</v>
      </c>
      <c r="AI22017">
        <v>17</v>
      </c>
      <c r="AJ22017">
        <v>18</v>
      </c>
      <c r="AK22017">
        <v>18</v>
      </c>
      <c r="AL22017">
        <v>19</v>
      </c>
      <c r="AM22017">
        <v>19</v>
      </c>
      <c r="AN22017">
        <v>19</v>
      </c>
      <c r="AO22017">
        <v>19</v>
      </c>
      <c r="AP22017">
        <v>20</v>
      </c>
      <c r="AQ22017">
        <v>20</v>
      </c>
    </row>
    <row r="22018" spans="1:43">
      <c r="A22018" t="s">
        <v>13645</v>
      </c>
      <c r="B22018" t="s">
        <v>13646</v>
      </c>
      <c r="C22018" t="s">
        <v>13537</v>
      </c>
      <c r="D22018" t="s">
        <v>13538</v>
      </c>
      <c r="E22018" t="s">
        <v>13539</v>
      </c>
      <c r="F22018" t="s">
        <v>13540</v>
      </c>
      <c r="G22018" t="s">
        <v>10214</v>
      </c>
      <c r="H22018" t="s">
        <v>10215</v>
      </c>
      <c r="I22018" s="2">
        <v>1</v>
      </c>
      <c r="J22018" s="2">
        <v>0</v>
      </c>
      <c r="K22018" s="2">
        <v>0</v>
      </c>
      <c r="L22018" t="s">
        <v>120</v>
      </c>
      <c r="M22018" t="s">
        <v>83</v>
      </c>
      <c r="N22018" t="s">
        <v>84</v>
      </c>
      <c r="O22018" t="s">
        <v>85</v>
      </c>
      <c r="P22018" t="s">
        <v>86</v>
      </c>
      <c r="Q22018">
        <v>23</v>
      </c>
      <c r="R22018">
        <v>24</v>
      </c>
      <c r="S22018">
        <v>24</v>
      </c>
      <c r="T22018">
        <v>25</v>
      </c>
      <c r="U22018">
        <v>26</v>
      </c>
      <c r="V22018">
        <v>26</v>
      </c>
      <c r="W22018">
        <v>27</v>
      </c>
      <c r="X22018">
        <v>28</v>
      </c>
      <c r="Y22018">
        <v>28</v>
      </c>
      <c r="Z22018">
        <v>29</v>
      </c>
      <c r="AA22018">
        <v>30</v>
      </c>
      <c r="AB22018">
        <v>30</v>
      </c>
      <c r="AC22018">
        <v>31</v>
      </c>
      <c r="AD22018">
        <v>32</v>
      </c>
      <c r="AE22018">
        <v>33</v>
      </c>
      <c r="AF22018">
        <v>33</v>
      </c>
      <c r="AG22018">
        <v>34</v>
      </c>
      <c r="AH22018">
        <v>35</v>
      </c>
      <c r="AI22018">
        <v>36</v>
      </c>
      <c r="AJ22018">
        <v>37</v>
      </c>
      <c r="AK22018">
        <v>37</v>
      </c>
      <c r="AL22018">
        <v>38</v>
      </c>
      <c r="AM22018">
        <v>39</v>
      </c>
      <c r="AN22018">
        <v>39</v>
      </c>
      <c r="AO22018">
        <v>40</v>
      </c>
      <c r="AP22018">
        <v>40</v>
      </c>
      <c r="AQ22018">
        <v>41</v>
      </c>
    </row>
    <row r="22019" spans="1:43">
      <c r="A22019" t="s">
        <v>13645</v>
      </c>
      <c r="B22019" t="s">
        <v>13646</v>
      </c>
      <c r="C22019" t="s">
        <v>13537</v>
      </c>
      <c r="D22019" t="s">
        <v>13538</v>
      </c>
      <c r="E22019" t="s">
        <v>13539</v>
      </c>
      <c r="F22019" t="s">
        <v>13540</v>
      </c>
      <c r="G22019" t="s">
        <v>10214</v>
      </c>
      <c r="H22019" t="s">
        <v>10215</v>
      </c>
      <c r="I22019" s="2">
        <v>1</v>
      </c>
      <c r="J22019" s="2">
        <v>0</v>
      </c>
      <c r="K22019" s="2">
        <v>0</v>
      </c>
      <c r="L22019" t="s">
        <v>120</v>
      </c>
      <c r="M22019" t="s">
        <v>87</v>
      </c>
      <c r="N22019" t="s">
        <v>88</v>
      </c>
      <c r="O22019" t="s">
        <v>85</v>
      </c>
      <c r="P22019" t="s">
        <v>86</v>
      </c>
      <c r="Q22019">
        <v>23</v>
      </c>
      <c r="R22019">
        <v>23</v>
      </c>
      <c r="S22019">
        <v>24</v>
      </c>
      <c r="T22019">
        <v>24</v>
      </c>
      <c r="U22019">
        <v>24</v>
      </c>
      <c r="V22019">
        <v>25</v>
      </c>
      <c r="W22019">
        <v>25</v>
      </c>
      <c r="X22019">
        <v>26</v>
      </c>
      <c r="Y22019">
        <v>26</v>
      </c>
      <c r="Z22019">
        <v>27</v>
      </c>
      <c r="AA22019">
        <v>27</v>
      </c>
      <c r="AB22019">
        <v>27</v>
      </c>
      <c r="AC22019">
        <v>28</v>
      </c>
      <c r="AD22019">
        <v>28</v>
      </c>
      <c r="AE22019">
        <v>29</v>
      </c>
      <c r="AF22019">
        <v>29</v>
      </c>
      <c r="AG22019">
        <v>30</v>
      </c>
      <c r="AH22019">
        <v>30</v>
      </c>
      <c r="AI22019">
        <v>31</v>
      </c>
      <c r="AJ22019">
        <v>32</v>
      </c>
      <c r="AK22019">
        <v>32</v>
      </c>
      <c r="AL22019">
        <v>33</v>
      </c>
      <c r="AM22019">
        <v>33</v>
      </c>
      <c r="AN22019">
        <v>34</v>
      </c>
      <c r="AO22019">
        <v>34</v>
      </c>
      <c r="AP22019">
        <v>35</v>
      </c>
      <c r="AQ22019">
        <v>36</v>
      </c>
    </row>
    <row r="22020" spans="1:43">
      <c r="A22020" t="s">
        <v>13645</v>
      </c>
      <c r="B22020" t="s">
        <v>13646</v>
      </c>
      <c r="C22020" t="s">
        <v>13537</v>
      </c>
      <c r="D22020" t="s">
        <v>13538</v>
      </c>
      <c r="E22020" t="s">
        <v>13539</v>
      </c>
      <c r="F22020" t="s">
        <v>13540</v>
      </c>
      <c r="G22020" t="s">
        <v>10214</v>
      </c>
      <c r="H22020" t="s">
        <v>10215</v>
      </c>
      <c r="I22020" s="2">
        <v>1</v>
      </c>
      <c r="J22020" s="2">
        <v>0</v>
      </c>
      <c r="K22020" s="2">
        <v>0</v>
      </c>
      <c r="L22020" t="s">
        <v>120</v>
      </c>
      <c r="M22020" t="s">
        <v>89</v>
      </c>
      <c r="N22020" t="s">
        <v>90</v>
      </c>
      <c r="O22020" t="s">
        <v>85</v>
      </c>
      <c r="P22020" t="s">
        <v>86</v>
      </c>
      <c r="Q22020">
        <v>23</v>
      </c>
      <c r="R22020">
        <v>24</v>
      </c>
      <c r="S22020">
        <v>25</v>
      </c>
      <c r="T22020">
        <v>26</v>
      </c>
      <c r="U22020">
        <v>27</v>
      </c>
      <c r="V22020">
        <v>27</v>
      </c>
      <c r="W22020">
        <v>28</v>
      </c>
      <c r="X22020">
        <v>29</v>
      </c>
      <c r="Y22020">
        <v>30</v>
      </c>
      <c r="Z22020">
        <v>31</v>
      </c>
      <c r="AA22020">
        <v>32</v>
      </c>
      <c r="AB22020">
        <v>32</v>
      </c>
      <c r="AC22020">
        <v>33</v>
      </c>
      <c r="AD22020">
        <v>34</v>
      </c>
      <c r="AE22020">
        <v>35</v>
      </c>
      <c r="AF22020">
        <v>35</v>
      </c>
      <c r="AG22020">
        <v>36</v>
      </c>
      <c r="AH22020">
        <v>36</v>
      </c>
      <c r="AI22020">
        <v>37</v>
      </c>
      <c r="AJ22020">
        <v>37</v>
      </c>
      <c r="AK22020">
        <v>38</v>
      </c>
      <c r="AL22020">
        <v>38</v>
      </c>
      <c r="AM22020">
        <v>39</v>
      </c>
      <c r="AN22020">
        <v>39</v>
      </c>
      <c r="AO22020">
        <v>40</v>
      </c>
      <c r="AP22020">
        <v>41</v>
      </c>
      <c r="AQ22020">
        <v>41</v>
      </c>
    </row>
    <row r="22021" spans="1:43">
      <c r="A22021" t="s">
        <v>13645</v>
      </c>
      <c r="B22021" t="s">
        <v>13646</v>
      </c>
      <c r="C22021" t="s">
        <v>13537</v>
      </c>
      <c r="D22021" t="s">
        <v>13538</v>
      </c>
      <c r="E22021" t="s">
        <v>13539</v>
      </c>
      <c r="F22021" t="s">
        <v>13540</v>
      </c>
      <c r="G22021" t="s">
        <v>10214</v>
      </c>
      <c r="H22021" t="s">
        <v>10215</v>
      </c>
      <c r="I22021" s="2">
        <v>1</v>
      </c>
      <c r="J22021" s="2">
        <v>0</v>
      </c>
      <c r="K22021" s="2">
        <v>0</v>
      </c>
      <c r="L22021" t="s">
        <v>120</v>
      </c>
      <c r="M22021" t="s">
        <v>83</v>
      </c>
      <c r="N22021" t="s">
        <v>91</v>
      </c>
      <c r="O22021" t="s">
        <v>85</v>
      </c>
      <c r="P22021" t="s">
        <v>86</v>
      </c>
      <c r="Q22021">
        <v>23</v>
      </c>
      <c r="R22021">
        <v>24</v>
      </c>
      <c r="S22021">
        <v>24</v>
      </c>
      <c r="T22021">
        <v>25</v>
      </c>
      <c r="U22021">
        <v>26</v>
      </c>
      <c r="V22021">
        <v>26</v>
      </c>
      <c r="W22021">
        <v>27</v>
      </c>
      <c r="X22021">
        <v>28</v>
      </c>
      <c r="Y22021">
        <v>28</v>
      </c>
      <c r="Z22021">
        <v>29</v>
      </c>
      <c r="AA22021">
        <v>30</v>
      </c>
      <c r="AB22021">
        <v>30</v>
      </c>
      <c r="AC22021">
        <v>31</v>
      </c>
      <c r="AD22021">
        <v>32</v>
      </c>
      <c r="AE22021">
        <v>33</v>
      </c>
      <c r="AF22021">
        <v>33</v>
      </c>
      <c r="AG22021">
        <v>34</v>
      </c>
      <c r="AH22021">
        <v>35</v>
      </c>
      <c r="AI22021">
        <v>36</v>
      </c>
      <c r="AJ22021">
        <v>37</v>
      </c>
      <c r="AK22021">
        <v>37</v>
      </c>
      <c r="AL22021">
        <v>38</v>
      </c>
      <c r="AM22021">
        <v>39</v>
      </c>
      <c r="AN22021">
        <v>39</v>
      </c>
      <c r="AO22021">
        <v>40</v>
      </c>
      <c r="AP22021">
        <v>40</v>
      </c>
      <c r="AQ22021">
        <v>41</v>
      </c>
    </row>
    <row r="22022" spans="1:43">
      <c r="A22022" t="s">
        <v>13647</v>
      </c>
      <c r="B22022" t="s">
        <v>13648</v>
      </c>
      <c r="C22022" t="s">
        <v>13597</v>
      </c>
      <c r="D22022" t="s">
        <v>13598</v>
      </c>
      <c r="E22022" t="s">
        <v>13539</v>
      </c>
      <c r="F22022" t="s">
        <v>13540</v>
      </c>
      <c r="G22022" t="s">
        <v>10214</v>
      </c>
      <c r="H22022" t="s">
        <v>10215</v>
      </c>
      <c r="I22022" s="2">
        <v>1</v>
      </c>
      <c r="J22022" s="2">
        <v>0</v>
      </c>
      <c r="K22022" s="2">
        <v>0</v>
      </c>
      <c r="L22022" t="s">
        <v>120</v>
      </c>
      <c r="M22022" t="s">
        <v>83</v>
      </c>
      <c r="N22022" t="s">
        <v>84</v>
      </c>
      <c r="O22022" t="s">
        <v>85</v>
      </c>
      <c r="P22022" t="s">
        <v>86</v>
      </c>
      <c r="Q22022">
        <v>68</v>
      </c>
      <c r="R22022">
        <v>70</v>
      </c>
      <c r="S22022">
        <v>72</v>
      </c>
      <c r="T22022">
        <v>74</v>
      </c>
      <c r="U22022">
        <v>76</v>
      </c>
      <c r="V22022">
        <v>78</v>
      </c>
      <c r="W22022">
        <v>80</v>
      </c>
      <c r="X22022">
        <v>82</v>
      </c>
      <c r="Y22022">
        <v>84</v>
      </c>
      <c r="Z22022">
        <v>86</v>
      </c>
      <c r="AA22022">
        <v>88</v>
      </c>
      <c r="AB22022">
        <v>90</v>
      </c>
      <c r="AC22022">
        <v>92</v>
      </c>
      <c r="AD22022">
        <v>94</v>
      </c>
      <c r="AE22022">
        <v>96</v>
      </c>
      <c r="AF22022">
        <v>99</v>
      </c>
      <c r="AG22022">
        <v>101</v>
      </c>
      <c r="AH22022">
        <v>103</v>
      </c>
      <c r="AI22022">
        <v>106</v>
      </c>
      <c r="AJ22022">
        <v>108</v>
      </c>
      <c r="AK22022">
        <v>111</v>
      </c>
      <c r="AL22022">
        <v>113</v>
      </c>
      <c r="AM22022">
        <v>114</v>
      </c>
      <c r="AN22022">
        <v>116</v>
      </c>
      <c r="AO22022">
        <v>118</v>
      </c>
      <c r="AP22022">
        <v>119</v>
      </c>
      <c r="AQ22022">
        <v>121</v>
      </c>
    </row>
    <row r="22023" spans="1:43">
      <c r="A22023" t="s">
        <v>13647</v>
      </c>
      <c r="B22023" t="s">
        <v>13648</v>
      </c>
      <c r="C22023" t="s">
        <v>13597</v>
      </c>
      <c r="D22023" t="s">
        <v>13598</v>
      </c>
      <c r="E22023" t="s">
        <v>13539</v>
      </c>
      <c r="F22023" t="s">
        <v>13540</v>
      </c>
      <c r="G22023" t="s">
        <v>10214</v>
      </c>
      <c r="H22023" t="s">
        <v>10215</v>
      </c>
      <c r="I22023" s="2">
        <v>1</v>
      </c>
      <c r="J22023" s="2">
        <v>0</v>
      </c>
      <c r="K22023" s="2">
        <v>0</v>
      </c>
      <c r="L22023" t="s">
        <v>120</v>
      </c>
      <c r="M22023" t="s">
        <v>87</v>
      </c>
      <c r="N22023" t="s">
        <v>88</v>
      </c>
      <c r="O22023" t="s">
        <v>85</v>
      </c>
      <c r="P22023" t="s">
        <v>86</v>
      </c>
      <c r="Q22023">
        <v>68</v>
      </c>
      <c r="R22023">
        <v>69</v>
      </c>
      <c r="S22023">
        <v>71</v>
      </c>
      <c r="T22023">
        <v>72</v>
      </c>
      <c r="U22023">
        <v>73</v>
      </c>
      <c r="V22023">
        <v>74</v>
      </c>
      <c r="W22023">
        <v>76</v>
      </c>
      <c r="X22023">
        <v>77</v>
      </c>
      <c r="Y22023">
        <v>78</v>
      </c>
      <c r="Z22023">
        <v>80</v>
      </c>
      <c r="AA22023">
        <v>81</v>
      </c>
      <c r="AB22023">
        <v>82</v>
      </c>
      <c r="AC22023">
        <v>84</v>
      </c>
      <c r="AD22023">
        <v>85</v>
      </c>
      <c r="AE22023">
        <v>87</v>
      </c>
      <c r="AF22023">
        <v>88</v>
      </c>
      <c r="AG22023">
        <v>90</v>
      </c>
      <c r="AH22023">
        <v>91</v>
      </c>
      <c r="AI22023">
        <v>93</v>
      </c>
      <c r="AJ22023">
        <v>94</v>
      </c>
      <c r="AK22023">
        <v>96</v>
      </c>
      <c r="AL22023">
        <v>98</v>
      </c>
      <c r="AM22023">
        <v>99</v>
      </c>
      <c r="AN22023">
        <v>101</v>
      </c>
      <c r="AO22023">
        <v>103</v>
      </c>
      <c r="AP22023">
        <v>104</v>
      </c>
      <c r="AQ22023">
        <v>106</v>
      </c>
    </row>
    <row r="22024" spans="1:43">
      <c r="A22024" t="s">
        <v>13647</v>
      </c>
      <c r="B22024" t="s">
        <v>13648</v>
      </c>
      <c r="C22024" t="s">
        <v>13597</v>
      </c>
      <c r="D22024" t="s">
        <v>13598</v>
      </c>
      <c r="E22024" t="s">
        <v>13539</v>
      </c>
      <c r="F22024" t="s">
        <v>13540</v>
      </c>
      <c r="G22024" t="s">
        <v>10214</v>
      </c>
      <c r="H22024" t="s">
        <v>10215</v>
      </c>
      <c r="I22024" s="2">
        <v>1</v>
      </c>
      <c r="J22024" s="2">
        <v>0</v>
      </c>
      <c r="K22024" s="2">
        <v>0</v>
      </c>
      <c r="L22024" t="s">
        <v>120</v>
      </c>
      <c r="M22024" t="s">
        <v>89</v>
      </c>
      <c r="N22024" t="s">
        <v>90</v>
      </c>
      <c r="O22024" t="s">
        <v>85</v>
      </c>
      <c r="P22024" t="s">
        <v>86</v>
      </c>
      <c r="Q22024">
        <v>68</v>
      </c>
      <c r="R22024">
        <v>71</v>
      </c>
      <c r="S22024">
        <v>73</v>
      </c>
      <c r="T22024">
        <v>76</v>
      </c>
      <c r="U22024">
        <v>78</v>
      </c>
      <c r="V22024">
        <v>81</v>
      </c>
      <c r="W22024">
        <v>83</v>
      </c>
      <c r="X22024">
        <v>86</v>
      </c>
      <c r="Y22024">
        <v>88</v>
      </c>
      <c r="Z22024">
        <v>91</v>
      </c>
      <c r="AA22024">
        <v>93</v>
      </c>
      <c r="AB22024">
        <v>96</v>
      </c>
      <c r="AC22024">
        <v>98</v>
      </c>
      <c r="AD22024">
        <v>101</v>
      </c>
      <c r="AE22024">
        <v>103</v>
      </c>
      <c r="AF22024">
        <v>105</v>
      </c>
      <c r="AG22024">
        <v>106</v>
      </c>
      <c r="AH22024">
        <v>108</v>
      </c>
      <c r="AI22024">
        <v>109</v>
      </c>
      <c r="AJ22024">
        <v>111</v>
      </c>
      <c r="AK22024">
        <v>112</v>
      </c>
      <c r="AL22024">
        <v>114</v>
      </c>
      <c r="AM22024">
        <v>116</v>
      </c>
      <c r="AN22024">
        <v>117</v>
      </c>
      <c r="AO22024">
        <v>119</v>
      </c>
      <c r="AP22024">
        <v>120</v>
      </c>
      <c r="AQ22024">
        <v>122</v>
      </c>
    </row>
    <row r="22025" spans="1:43">
      <c r="A22025" t="s">
        <v>13647</v>
      </c>
      <c r="B22025" t="s">
        <v>13648</v>
      </c>
      <c r="C22025" t="s">
        <v>13597</v>
      </c>
      <c r="D22025" t="s">
        <v>13598</v>
      </c>
      <c r="E22025" t="s">
        <v>13539</v>
      </c>
      <c r="F22025" t="s">
        <v>13540</v>
      </c>
      <c r="G22025" t="s">
        <v>10214</v>
      </c>
      <c r="H22025" t="s">
        <v>10215</v>
      </c>
      <c r="I22025" s="2">
        <v>1</v>
      </c>
      <c r="J22025" s="2">
        <v>0</v>
      </c>
      <c r="K22025" s="2">
        <v>0</v>
      </c>
      <c r="L22025" t="s">
        <v>120</v>
      </c>
      <c r="M22025" t="s">
        <v>83</v>
      </c>
      <c r="N22025" t="s">
        <v>91</v>
      </c>
      <c r="O22025" t="s">
        <v>85</v>
      </c>
      <c r="P22025" t="s">
        <v>86</v>
      </c>
      <c r="Q22025">
        <v>68</v>
      </c>
      <c r="R22025">
        <v>70</v>
      </c>
      <c r="S22025">
        <v>72</v>
      </c>
      <c r="T22025">
        <v>74</v>
      </c>
      <c r="U22025">
        <v>76</v>
      </c>
      <c r="V22025">
        <v>78</v>
      </c>
      <c r="W22025">
        <v>80</v>
      </c>
      <c r="X22025">
        <v>82</v>
      </c>
      <c r="Y22025">
        <v>84</v>
      </c>
      <c r="Z22025">
        <v>86</v>
      </c>
      <c r="AA22025">
        <v>88</v>
      </c>
      <c r="AB22025">
        <v>90</v>
      </c>
      <c r="AC22025">
        <v>92</v>
      </c>
      <c r="AD22025">
        <v>94</v>
      </c>
      <c r="AE22025">
        <v>96</v>
      </c>
      <c r="AF22025">
        <v>99</v>
      </c>
      <c r="AG22025">
        <v>101</v>
      </c>
      <c r="AH22025">
        <v>103</v>
      </c>
      <c r="AI22025">
        <v>106</v>
      </c>
      <c r="AJ22025">
        <v>108</v>
      </c>
      <c r="AK22025">
        <v>111</v>
      </c>
      <c r="AL22025">
        <v>113</v>
      </c>
      <c r="AM22025">
        <v>114</v>
      </c>
      <c r="AN22025">
        <v>116</v>
      </c>
      <c r="AO22025">
        <v>118</v>
      </c>
      <c r="AP22025">
        <v>119</v>
      </c>
      <c r="AQ22025">
        <v>121</v>
      </c>
    </row>
    <row r="22026" spans="1:43">
      <c r="A22026" t="s">
        <v>13649</v>
      </c>
      <c r="B22026" t="s">
        <v>13650</v>
      </c>
      <c r="C22026" t="s">
        <v>13597</v>
      </c>
      <c r="D22026" t="s">
        <v>13598</v>
      </c>
      <c r="E22026" t="s">
        <v>13539</v>
      </c>
      <c r="F22026" t="s">
        <v>13540</v>
      </c>
      <c r="G22026" t="s">
        <v>10214</v>
      </c>
      <c r="H22026" t="s">
        <v>10215</v>
      </c>
      <c r="I22026" s="2">
        <v>1</v>
      </c>
      <c r="J22026" s="2">
        <v>0</v>
      </c>
      <c r="K22026" s="2">
        <v>0</v>
      </c>
      <c r="L22026" t="s">
        <v>120</v>
      </c>
      <c r="M22026" t="s">
        <v>83</v>
      </c>
      <c r="N22026" t="s">
        <v>84</v>
      </c>
      <c r="O22026" t="s">
        <v>85</v>
      </c>
      <c r="P22026" t="s">
        <v>86</v>
      </c>
      <c r="Q22026">
        <v>47</v>
      </c>
      <c r="R22026">
        <v>49</v>
      </c>
      <c r="S22026">
        <v>50</v>
      </c>
      <c r="T22026">
        <v>51</v>
      </c>
      <c r="U22026">
        <v>53</v>
      </c>
      <c r="V22026">
        <v>54</v>
      </c>
      <c r="W22026">
        <v>56</v>
      </c>
      <c r="X22026">
        <v>57</v>
      </c>
      <c r="Y22026">
        <v>58</v>
      </c>
      <c r="Z22026">
        <v>60</v>
      </c>
      <c r="AA22026">
        <v>61</v>
      </c>
      <c r="AB22026">
        <v>63</v>
      </c>
      <c r="AC22026">
        <v>64</v>
      </c>
      <c r="AD22026">
        <v>66</v>
      </c>
      <c r="AE22026">
        <v>67</v>
      </c>
      <c r="AF22026">
        <v>69</v>
      </c>
      <c r="AG22026">
        <v>71</v>
      </c>
      <c r="AH22026">
        <v>72</v>
      </c>
      <c r="AI22026">
        <v>74</v>
      </c>
      <c r="AJ22026">
        <v>76</v>
      </c>
      <c r="AK22026">
        <v>77</v>
      </c>
      <c r="AL22026">
        <v>79</v>
      </c>
      <c r="AM22026">
        <v>80</v>
      </c>
      <c r="AN22026">
        <v>81</v>
      </c>
      <c r="AO22026">
        <v>82</v>
      </c>
      <c r="AP22026">
        <v>83</v>
      </c>
      <c r="AQ22026">
        <v>84</v>
      </c>
    </row>
    <row r="22027" spans="1:43">
      <c r="A22027" t="s">
        <v>13649</v>
      </c>
      <c r="B22027" t="s">
        <v>13650</v>
      </c>
      <c r="C22027" t="s">
        <v>13597</v>
      </c>
      <c r="D22027" t="s">
        <v>13598</v>
      </c>
      <c r="E22027" t="s">
        <v>13539</v>
      </c>
      <c r="F22027" t="s">
        <v>13540</v>
      </c>
      <c r="G22027" t="s">
        <v>10214</v>
      </c>
      <c r="H22027" t="s">
        <v>10215</v>
      </c>
      <c r="I22027" s="2">
        <v>1</v>
      </c>
      <c r="J22027" s="2">
        <v>0</v>
      </c>
      <c r="K22027" s="2">
        <v>0</v>
      </c>
      <c r="L22027" t="s">
        <v>120</v>
      </c>
      <c r="M22027" t="s">
        <v>87</v>
      </c>
      <c r="N22027" t="s">
        <v>88</v>
      </c>
      <c r="O22027" t="s">
        <v>85</v>
      </c>
      <c r="P22027" t="s">
        <v>86</v>
      </c>
      <c r="Q22027">
        <v>47</v>
      </c>
      <c r="R22027">
        <v>48</v>
      </c>
      <c r="S22027">
        <v>49</v>
      </c>
      <c r="T22027">
        <v>50</v>
      </c>
      <c r="U22027">
        <v>50</v>
      </c>
      <c r="V22027">
        <v>51</v>
      </c>
      <c r="W22027">
        <v>52</v>
      </c>
      <c r="X22027">
        <v>53</v>
      </c>
      <c r="Y22027">
        <v>54</v>
      </c>
      <c r="Z22027">
        <v>55</v>
      </c>
      <c r="AA22027">
        <v>56</v>
      </c>
      <c r="AB22027">
        <v>57</v>
      </c>
      <c r="AC22027">
        <v>58</v>
      </c>
      <c r="AD22027">
        <v>59</v>
      </c>
      <c r="AE22027">
        <v>60</v>
      </c>
      <c r="AF22027">
        <v>61</v>
      </c>
      <c r="AG22027">
        <v>62</v>
      </c>
      <c r="AH22027">
        <v>63</v>
      </c>
      <c r="AI22027">
        <v>64</v>
      </c>
      <c r="AJ22027">
        <v>65</v>
      </c>
      <c r="AK22027">
        <v>66</v>
      </c>
      <c r="AL22027">
        <v>67</v>
      </c>
      <c r="AM22027">
        <v>69</v>
      </c>
      <c r="AN22027">
        <v>70</v>
      </c>
      <c r="AO22027">
        <v>71</v>
      </c>
      <c r="AP22027">
        <v>72</v>
      </c>
      <c r="AQ22027">
        <v>73</v>
      </c>
    </row>
    <row r="22028" spans="1:43">
      <c r="A22028" t="s">
        <v>13649</v>
      </c>
      <c r="B22028" t="s">
        <v>13650</v>
      </c>
      <c r="C22028" t="s">
        <v>13597</v>
      </c>
      <c r="D22028" t="s">
        <v>13598</v>
      </c>
      <c r="E22028" t="s">
        <v>13539</v>
      </c>
      <c r="F22028" t="s">
        <v>13540</v>
      </c>
      <c r="G22028" t="s">
        <v>10214</v>
      </c>
      <c r="H22028" t="s">
        <v>10215</v>
      </c>
      <c r="I22028" s="2">
        <v>1</v>
      </c>
      <c r="J22028" s="2">
        <v>0</v>
      </c>
      <c r="K22028" s="2">
        <v>0</v>
      </c>
      <c r="L22028" t="s">
        <v>120</v>
      </c>
      <c r="M22028" t="s">
        <v>89</v>
      </c>
      <c r="N22028" t="s">
        <v>90</v>
      </c>
      <c r="O22028" t="s">
        <v>85</v>
      </c>
      <c r="P22028" t="s">
        <v>86</v>
      </c>
      <c r="Q22028">
        <v>47</v>
      </c>
      <c r="R22028">
        <v>49</v>
      </c>
      <c r="S22028">
        <v>50</v>
      </c>
      <c r="T22028">
        <v>52</v>
      </c>
      <c r="U22028">
        <v>54</v>
      </c>
      <c r="V22028">
        <v>56</v>
      </c>
      <c r="W22028">
        <v>57</v>
      </c>
      <c r="X22028">
        <v>59</v>
      </c>
      <c r="Y22028">
        <v>61</v>
      </c>
      <c r="Z22028">
        <v>62</v>
      </c>
      <c r="AA22028">
        <v>64</v>
      </c>
      <c r="AB22028">
        <v>66</v>
      </c>
      <c r="AC22028">
        <v>68</v>
      </c>
      <c r="AD22028">
        <v>70</v>
      </c>
      <c r="AE22028">
        <v>71</v>
      </c>
      <c r="AF22028">
        <v>72</v>
      </c>
      <c r="AG22028">
        <v>73</v>
      </c>
      <c r="AH22028">
        <v>74</v>
      </c>
      <c r="AI22028">
        <v>75</v>
      </c>
      <c r="AJ22028">
        <v>76</v>
      </c>
      <c r="AK22028">
        <v>77</v>
      </c>
      <c r="AL22028">
        <v>78</v>
      </c>
      <c r="AM22028">
        <v>80</v>
      </c>
      <c r="AN22028">
        <v>81</v>
      </c>
      <c r="AO22028">
        <v>82</v>
      </c>
      <c r="AP22028">
        <v>83</v>
      </c>
      <c r="AQ22028">
        <v>84</v>
      </c>
    </row>
    <row r="22029" spans="1:43">
      <c r="A22029" t="s">
        <v>13649</v>
      </c>
      <c r="B22029" t="s">
        <v>13650</v>
      </c>
      <c r="C22029" t="s">
        <v>13597</v>
      </c>
      <c r="D22029" t="s">
        <v>13598</v>
      </c>
      <c r="E22029" t="s">
        <v>13539</v>
      </c>
      <c r="F22029" t="s">
        <v>13540</v>
      </c>
      <c r="G22029" t="s">
        <v>10214</v>
      </c>
      <c r="H22029" t="s">
        <v>10215</v>
      </c>
      <c r="I22029" s="2">
        <v>1</v>
      </c>
      <c r="J22029" s="2">
        <v>0</v>
      </c>
      <c r="K22029" s="2">
        <v>0</v>
      </c>
      <c r="L22029" t="s">
        <v>120</v>
      </c>
      <c r="M22029" t="s">
        <v>83</v>
      </c>
      <c r="N22029" t="s">
        <v>91</v>
      </c>
      <c r="O22029" t="s">
        <v>85</v>
      </c>
      <c r="P22029" t="s">
        <v>86</v>
      </c>
      <c r="Q22029">
        <v>47</v>
      </c>
      <c r="R22029">
        <v>49</v>
      </c>
      <c r="S22029">
        <v>50</v>
      </c>
      <c r="T22029">
        <v>51</v>
      </c>
      <c r="U22029">
        <v>53</v>
      </c>
      <c r="V22029">
        <v>54</v>
      </c>
      <c r="W22029">
        <v>56</v>
      </c>
      <c r="X22029">
        <v>57</v>
      </c>
      <c r="Y22029">
        <v>58</v>
      </c>
      <c r="Z22029">
        <v>60</v>
      </c>
      <c r="AA22029">
        <v>61</v>
      </c>
      <c r="AB22029">
        <v>63</v>
      </c>
      <c r="AC22029">
        <v>64</v>
      </c>
      <c r="AD22029">
        <v>66</v>
      </c>
      <c r="AE22029">
        <v>67</v>
      </c>
      <c r="AF22029">
        <v>69</v>
      </c>
      <c r="AG22029">
        <v>71</v>
      </c>
      <c r="AH22029">
        <v>72</v>
      </c>
      <c r="AI22029">
        <v>74</v>
      </c>
      <c r="AJ22029">
        <v>76</v>
      </c>
      <c r="AK22029">
        <v>77</v>
      </c>
      <c r="AL22029">
        <v>79</v>
      </c>
      <c r="AM22029">
        <v>80</v>
      </c>
      <c r="AN22029">
        <v>81</v>
      </c>
      <c r="AO22029">
        <v>82</v>
      </c>
      <c r="AP22029">
        <v>83</v>
      </c>
      <c r="AQ22029">
        <v>84</v>
      </c>
    </row>
    <row r="22030" spans="1:43">
      <c r="A22030" t="s">
        <v>13651</v>
      </c>
      <c r="B22030" t="s">
        <v>13652</v>
      </c>
      <c r="C22030" t="s">
        <v>13597</v>
      </c>
      <c r="D22030" t="s">
        <v>13598</v>
      </c>
      <c r="E22030" t="s">
        <v>13539</v>
      </c>
      <c r="F22030" t="s">
        <v>13540</v>
      </c>
      <c r="G22030" t="s">
        <v>10214</v>
      </c>
      <c r="H22030" t="s">
        <v>10215</v>
      </c>
      <c r="I22030" s="2">
        <v>1</v>
      </c>
      <c r="J22030" s="2">
        <v>0</v>
      </c>
      <c r="K22030" s="2">
        <v>0</v>
      </c>
      <c r="L22030" t="s">
        <v>120</v>
      </c>
      <c r="M22030" t="s">
        <v>83</v>
      </c>
      <c r="N22030" t="s">
        <v>84</v>
      </c>
      <c r="O22030" t="s">
        <v>85</v>
      </c>
      <c r="P22030" t="s">
        <v>86</v>
      </c>
      <c r="Q22030">
        <v>11</v>
      </c>
      <c r="R22030">
        <v>12</v>
      </c>
      <c r="S22030">
        <v>12</v>
      </c>
      <c r="T22030">
        <v>12</v>
      </c>
      <c r="U22030">
        <v>13</v>
      </c>
      <c r="V22030">
        <v>13</v>
      </c>
      <c r="W22030">
        <v>13</v>
      </c>
      <c r="X22030">
        <v>14</v>
      </c>
      <c r="Y22030">
        <v>14</v>
      </c>
      <c r="Z22030">
        <v>14</v>
      </c>
      <c r="AA22030">
        <v>15</v>
      </c>
      <c r="AB22030">
        <v>15</v>
      </c>
      <c r="AC22030">
        <v>15</v>
      </c>
      <c r="AD22030">
        <v>16</v>
      </c>
      <c r="AE22030">
        <v>16</v>
      </c>
      <c r="AF22030">
        <v>16</v>
      </c>
      <c r="AG22030">
        <v>17</v>
      </c>
      <c r="AH22030">
        <v>17</v>
      </c>
      <c r="AI22030">
        <v>18</v>
      </c>
      <c r="AJ22030">
        <v>18</v>
      </c>
      <c r="AK22030">
        <v>18</v>
      </c>
      <c r="AL22030">
        <v>19</v>
      </c>
      <c r="AM22030">
        <v>19</v>
      </c>
      <c r="AN22030">
        <v>19</v>
      </c>
      <c r="AO22030">
        <v>20</v>
      </c>
      <c r="AP22030">
        <v>20</v>
      </c>
      <c r="AQ22030">
        <v>20</v>
      </c>
    </row>
    <row r="22031" spans="1:43">
      <c r="A22031" t="s">
        <v>13651</v>
      </c>
      <c r="B22031" t="s">
        <v>13652</v>
      </c>
      <c r="C22031" t="s">
        <v>13597</v>
      </c>
      <c r="D22031" t="s">
        <v>13598</v>
      </c>
      <c r="E22031" t="s">
        <v>13539</v>
      </c>
      <c r="F22031" t="s">
        <v>13540</v>
      </c>
      <c r="G22031" t="s">
        <v>10214</v>
      </c>
      <c r="H22031" t="s">
        <v>10215</v>
      </c>
      <c r="I22031" s="2">
        <v>1</v>
      </c>
      <c r="J22031" s="2">
        <v>0</v>
      </c>
      <c r="K22031" s="2">
        <v>0</v>
      </c>
      <c r="L22031" t="s">
        <v>120</v>
      </c>
      <c r="M22031" t="s">
        <v>87</v>
      </c>
      <c r="N22031" t="s">
        <v>88</v>
      </c>
      <c r="O22031" t="s">
        <v>85</v>
      </c>
      <c r="P22031" t="s">
        <v>86</v>
      </c>
      <c r="Q22031">
        <v>11</v>
      </c>
      <c r="R22031">
        <v>11</v>
      </c>
      <c r="S22031">
        <v>12</v>
      </c>
      <c r="T22031">
        <v>12</v>
      </c>
      <c r="U22031">
        <v>12</v>
      </c>
      <c r="V22031">
        <v>12</v>
      </c>
      <c r="W22031">
        <v>12</v>
      </c>
      <c r="X22031">
        <v>13</v>
      </c>
      <c r="Y22031">
        <v>13</v>
      </c>
      <c r="Z22031">
        <v>13</v>
      </c>
      <c r="AA22031">
        <v>13</v>
      </c>
      <c r="AB22031">
        <v>14</v>
      </c>
      <c r="AC22031">
        <v>14</v>
      </c>
      <c r="AD22031">
        <v>14</v>
      </c>
      <c r="AE22031">
        <v>14</v>
      </c>
      <c r="AF22031">
        <v>15</v>
      </c>
      <c r="AG22031">
        <v>15</v>
      </c>
      <c r="AH22031">
        <v>15</v>
      </c>
      <c r="AI22031">
        <v>15</v>
      </c>
      <c r="AJ22031">
        <v>16</v>
      </c>
      <c r="AK22031">
        <v>16</v>
      </c>
      <c r="AL22031">
        <v>16</v>
      </c>
      <c r="AM22031">
        <v>16</v>
      </c>
      <c r="AN22031">
        <v>17</v>
      </c>
      <c r="AO22031">
        <v>17</v>
      </c>
      <c r="AP22031">
        <v>17</v>
      </c>
      <c r="AQ22031">
        <v>18</v>
      </c>
    </row>
    <row r="22032" spans="1:43">
      <c r="A22032" t="s">
        <v>13651</v>
      </c>
      <c r="B22032" t="s">
        <v>13652</v>
      </c>
      <c r="C22032" t="s">
        <v>13597</v>
      </c>
      <c r="D22032" t="s">
        <v>13598</v>
      </c>
      <c r="E22032" t="s">
        <v>13539</v>
      </c>
      <c r="F22032" t="s">
        <v>13540</v>
      </c>
      <c r="G22032" t="s">
        <v>10214</v>
      </c>
      <c r="H22032" t="s">
        <v>10215</v>
      </c>
      <c r="I22032" s="2">
        <v>1</v>
      </c>
      <c r="J22032" s="2">
        <v>0</v>
      </c>
      <c r="K22032" s="2">
        <v>0</v>
      </c>
      <c r="L22032" t="s">
        <v>120</v>
      </c>
      <c r="M22032" t="s">
        <v>89</v>
      </c>
      <c r="N22032" t="s">
        <v>90</v>
      </c>
      <c r="O22032" t="s">
        <v>85</v>
      </c>
      <c r="P22032" t="s">
        <v>86</v>
      </c>
      <c r="Q22032">
        <v>11</v>
      </c>
      <c r="R22032">
        <v>12</v>
      </c>
      <c r="S22032">
        <v>12</v>
      </c>
      <c r="T22032">
        <v>13</v>
      </c>
      <c r="U22032">
        <v>13</v>
      </c>
      <c r="V22032">
        <v>13</v>
      </c>
      <c r="W22032">
        <v>14</v>
      </c>
      <c r="X22032">
        <v>14</v>
      </c>
      <c r="Y22032">
        <v>15</v>
      </c>
      <c r="Z22032">
        <v>15</v>
      </c>
      <c r="AA22032">
        <v>16</v>
      </c>
      <c r="AB22032">
        <v>16</v>
      </c>
      <c r="AC22032">
        <v>16</v>
      </c>
      <c r="AD22032">
        <v>17</v>
      </c>
      <c r="AE22032">
        <v>17</v>
      </c>
      <c r="AF22032">
        <v>17</v>
      </c>
      <c r="AG22032">
        <v>18</v>
      </c>
      <c r="AH22032">
        <v>18</v>
      </c>
      <c r="AI22032">
        <v>18</v>
      </c>
      <c r="AJ22032">
        <v>18</v>
      </c>
      <c r="AK22032">
        <v>19</v>
      </c>
      <c r="AL22032">
        <v>19</v>
      </c>
      <c r="AM22032">
        <v>19</v>
      </c>
      <c r="AN22032">
        <v>20</v>
      </c>
      <c r="AO22032">
        <v>20</v>
      </c>
      <c r="AP22032">
        <v>20</v>
      </c>
      <c r="AQ22032">
        <v>20</v>
      </c>
    </row>
    <row r="22033" spans="1:43">
      <c r="A22033" t="s">
        <v>13651</v>
      </c>
      <c r="B22033" t="s">
        <v>13652</v>
      </c>
      <c r="C22033" t="s">
        <v>13597</v>
      </c>
      <c r="D22033" t="s">
        <v>13598</v>
      </c>
      <c r="E22033" t="s">
        <v>13539</v>
      </c>
      <c r="F22033" t="s">
        <v>13540</v>
      </c>
      <c r="G22033" t="s">
        <v>10214</v>
      </c>
      <c r="H22033" t="s">
        <v>10215</v>
      </c>
      <c r="I22033" s="2">
        <v>1</v>
      </c>
      <c r="J22033" s="2">
        <v>0</v>
      </c>
      <c r="K22033" s="2">
        <v>0</v>
      </c>
      <c r="L22033" t="s">
        <v>120</v>
      </c>
      <c r="M22033" t="s">
        <v>83</v>
      </c>
      <c r="N22033" t="s">
        <v>91</v>
      </c>
      <c r="O22033" t="s">
        <v>85</v>
      </c>
      <c r="P22033" t="s">
        <v>86</v>
      </c>
      <c r="Q22033">
        <v>11</v>
      </c>
      <c r="R22033">
        <v>12</v>
      </c>
      <c r="S22033">
        <v>12</v>
      </c>
      <c r="T22033">
        <v>12</v>
      </c>
      <c r="U22033">
        <v>13</v>
      </c>
      <c r="V22033">
        <v>13</v>
      </c>
      <c r="W22033">
        <v>13</v>
      </c>
      <c r="X22033">
        <v>14</v>
      </c>
      <c r="Y22033">
        <v>14</v>
      </c>
      <c r="Z22033">
        <v>14</v>
      </c>
      <c r="AA22033">
        <v>15</v>
      </c>
      <c r="AB22033">
        <v>15</v>
      </c>
      <c r="AC22033">
        <v>15</v>
      </c>
      <c r="AD22033">
        <v>16</v>
      </c>
      <c r="AE22033">
        <v>16</v>
      </c>
      <c r="AF22033">
        <v>16</v>
      </c>
      <c r="AG22033">
        <v>17</v>
      </c>
      <c r="AH22033">
        <v>17</v>
      </c>
      <c r="AI22033">
        <v>18</v>
      </c>
      <c r="AJ22033">
        <v>18</v>
      </c>
      <c r="AK22033">
        <v>18</v>
      </c>
      <c r="AL22033">
        <v>19</v>
      </c>
      <c r="AM22033">
        <v>19</v>
      </c>
      <c r="AN22033">
        <v>19</v>
      </c>
      <c r="AO22033">
        <v>20</v>
      </c>
      <c r="AP22033">
        <v>20</v>
      </c>
      <c r="AQ22033">
        <v>20</v>
      </c>
    </row>
    <row r="22034" spans="1:43">
      <c r="A22034" t="s">
        <v>13653</v>
      </c>
      <c r="B22034" t="s">
        <v>13654</v>
      </c>
      <c r="C22034" t="s">
        <v>13597</v>
      </c>
      <c r="D22034" t="s">
        <v>13598</v>
      </c>
      <c r="E22034" t="s">
        <v>13539</v>
      </c>
      <c r="F22034" t="s">
        <v>13540</v>
      </c>
      <c r="G22034" t="s">
        <v>10214</v>
      </c>
      <c r="H22034" t="s">
        <v>10215</v>
      </c>
      <c r="I22034" s="2">
        <v>1</v>
      </c>
      <c r="J22034" s="2">
        <v>0</v>
      </c>
      <c r="K22034" s="2">
        <v>0</v>
      </c>
      <c r="L22034" t="s">
        <v>120</v>
      </c>
      <c r="M22034" t="s">
        <v>83</v>
      </c>
      <c r="N22034" t="s">
        <v>84</v>
      </c>
      <c r="O22034" t="s">
        <v>85</v>
      </c>
      <c r="P22034" t="s">
        <v>86</v>
      </c>
      <c r="Q22034">
        <v>37</v>
      </c>
      <c r="R22034">
        <v>38</v>
      </c>
      <c r="S22034">
        <v>39</v>
      </c>
      <c r="T22034">
        <v>40</v>
      </c>
      <c r="U22034">
        <v>41</v>
      </c>
      <c r="V22034">
        <v>42</v>
      </c>
      <c r="W22034">
        <v>43</v>
      </c>
      <c r="X22034">
        <v>44</v>
      </c>
      <c r="Y22034">
        <v>45</v>
      </c>
      <c r="Z22034">
        <v>47</v>
      </c>
      <c r="AA22034">
        <v>48</v>
      </c>
      <c r="AB22034">
        <v>49</v>
      </c>
      <c r="AC22034">
        <v>50</v>
      </c>
      <c r="AD22034">
        <v>51</v>
      </c>
      <c r="AE22034">
        <v>52</v>
      </c>
      <c r="AF22034">
        <v>53</v>
      </c>
      <c r="AG22034">
        <v>55</v>
      </c>
      <c r="AH22034">
        <v>56</v>
      </c>
      <c r="AI22034">
        <v>57</v>
      </c>
      <c r="AJ22034">
        <v>58</v>
      </c>
      <c r="AK22034">
        <v>60</v>
      </c>
      <c r="AL22034">
        <v>61</v>
      </c>
      <c r="AM22034">
        <v>62</v>
      </c>
      <c r="AN22034">
        <v>62</v>
      </c>
      <c r="AO22034">
        <v>63</v>
      </c>
      <c r="AP22034">
        <v>64</v>
      </c>
      <c r="AQ22034">
        <v>65</v>
      </c>
    </row>
    <row r="22035" spans="1:43">
      <c r="A22035" t="s">
        <v>13653</v>
      </c>
      <c r="B22035" t="s">
        <v>13654</v>
      </c>
      <c r="C22035" t="s">
        <v>13597</v>
      </c>
      <c r="D22035" t="s">
        <v>13598</v>
      </c>
      <c r="E22035" t="s">
        <v>13539</v>
      </c>
      <c r="F22035" t="s">
        <v>13540</v>
      </c>
      <c r="G22035" t="s">
        <v>10214</v>
      </c>
      <c r="H22035" t="s">
        <v>10215</v>
      </c>
      <c r="I22035" s="2">
        <v>1</v>
      </c>
      <c r="J22035" s="2">
        <v>0</v>
      </c>
      <c r="K22035" s="2">
        <v>0</v>
      </c>
      <c r="L22035" t="s">
        <v>120</v>
      </c>
      <c r="M22035" t="s">
        <v>87</v>
      </c>
      <c r="N22035" t="s">
        <v>88</v>
      </c>
      <c r="O22035" t="s">
        <v>85</v>
      </c>
      <c r="P22035" t="s">
        <v>86</v>
      </c>
      <c r="Q22035">
        <v>37</v>
      </c>
      <c r="R22035">
        <v>38</v>
      </c>
      <c r="S22035">
        <v>38</v>
      </c>
      <c r="T22035">
        <v>39</v>
      </c>
      <c r="U22035">
        <v>39</v>
      </c>
      <c r="V22035">
        <v>40</v>
      </c>
      <c r="W22035">
        <v>41</v>
      </c>
      <c r="X22035">
        <v>41</v>
      </c>
      <c r="Y22035">
        <v>42</v>
      </c>
      <c r="Z22035">
        <v>43</v>
      </c>
      <c r="AA22035">
        <v>43</v>
      </c>
      <c r="AB22035">
        <v>44</v>
      </c>
      <c r="AC22035">
        <v>45</v>
      </c>
      <c r="AD22035">
        <v>46</v>
      </c>
      <c r="AE22035">
        <v>46</v>
      </c>
      <c r="AF22035">
        <v>47</v>
      </c>
      <c r="AG22035">
        <v>48</v>
      </c>
      <c r="AH22035">
        <v>49</v>
      </c>
      <c r="AI22035">
        <v>49</v>
      </c>
      <c r="AJ22035">
        <v>50</v>
      </c>
      <c r="AK22035">
        <v>51</v>
      </c>
      <c r="AL22035">
        <v>52</v>
      </c>
      <c r="AM22035">
        <v>53</v>
      </c>
      <c r="AN22035">
        <v>54</v>
      </c>
      <c r="AO22035">
        <v>54</v>
      </c>
      <c r="AP22035">
        <v>55</v>
      </c>
      <c r="AQ22035">
        <v>56</v>
      </c>
    </row>
    <row r="22036" spans="1:43">
      <c r="A22036" t="s">
        <v>13653</v>
      </c>
      <c r="B22036" t="s">
        <v>13654</v>
      </c>
      <c r="C22036" t="s">
        <v>13597</v>
      </c>
      <c r="D22036" t="s">
        <v>13598</v>
      </c>
      <c r="E22036" t="s">
        <v>13539</v>
      </c>
      <c r="F22036" t="s">
        <v>13540</v>
      </c>
      <c r="G22036" t="s">
        <v>10214</v>
      </c>
      <c r="H22036" t="s">
        <v>10215</v>
      </c>
      <c r="I22036" s="2">
        <v>1</v>
      </c>
      <c r="J22036" s="2">
        <v>0</v>
      </c>
      <c r="K22036" s="2">
        <v>0</v>
      </c>
      <c r="L22036" t="s">
        <v>120</v>
      </c>
      <c r="M22036" t="s">
        <v>89</v>
      </c>
      <c r="N22036" t="s">
        <v>90</v>
      </c>
      <c r="O22036" t="s">
        <v>85</v>
      </c>
      <c r="P22036" t="s">
        <v>86</v>
      </c>
      <c r="Q22036">
        <v>37</v>
      </c>
      <c r="R22036">
        <v>38</v>
      </c>
      <c r="S22036">
        <v>39</v>
      </c>
      <c r="T22036">
        <v>41</v>
      </c>
      <c r="U22036">
        <v>42</v>
      </c>
      <c r="V22036">
        <v>43</v>
      </c>
      <c r="W22036">
        <v>44</v>
      </c>
      <c r="X22036">
        <v>46</v>
      </c>
      <c r="Y22036">
        <v>47</v>
      </c>
      <c r="Z22036">
        <v>48</v>
      </c>
      <c r="AA22036">
        <v>50</v>
      </c>
      <c r="AB22036">
        <v>51</v>
      </c>
      <c r="AC22036">
        <v>52</v>
      </c>
      <c r="AD22036">
        <v>54</v>
      </c>
      <c r="AE22036">
        <v>55</v>
      </c>
      <c r="AF22036">
        <v>56</v>
      </c>
      <c r="AG22036">
        <v>57</v>
      </c>
      <c r="AH22036">
        <v>57</v>
      </c>
      <c r="AI22036">
        <v>58</v>
      </c>
      <c r="AJ22036">
        <v>59</v>
      </c>
      <c r="AK22036">
        <v>60</v>
      </c>
      <c r="AL22036">
        <v>60</v>
      </c>
      <c r="AM22036">
        <v>61</v>
      </c>
      <c r="AN22036">
        <v>62</v>
      </c>
      <c r="AO22036">
        <v>63</v>
      </c>
      <c r="AP22036">
        <v>64</v>
      </c>
      <c r="AQ22036">
        <v>64</v>
      </c>
    </row>
    <row r="22037" spans="1:43">
      <c r="A22037" t="s">
        <v>13653</v>
      </c>
      <c r="B22037" t="s">
        <v>13654</v>
      </c>
      <c r="C22037" t="s">
        <v>13597</v>
      </c>
      <c r="D22037" t="s">
        <v>13598</v>
      </c>
      <c r="E22037" t="s">
        <v>13539</v>
      </c>
      <c r="F22037" t="s">
        <v>13540</v>
      </c>
      <c r="G22037" t="s">
        <v>10214</v>
      </c>
      <c r="H22037" t="s">
        <v>10215</v>
      </c>
      <c r="I22037" s="2">
        <v>1</v>
      </c>
      <c r="J22037" s="2">
        <v>0</v>
      </c>
      <c r="K22037" s="2">
        <v>0</v>
      </c>
      <c r="L22037" t="s">
        <v>120</v>
      </c>
      <c r="M22037" t="s">
        <v>83</v>
      </c>
      <c r="N22037" t="s">
        <v>91</v>
      </c>
      <c r="O22037" t="s">
        <v>85</v>
      </c>
      <c r="P22037" t="s">
        <v>86</v>
      </c>
      <c r="Q22037">
        <v>37</v>
      </c>
      <c r="R22037">
        <v>38</v>
      </c>
      <c r="S22037">
        <v>39</v>
      </c>
      <c r="T22037">
        <v>40</v>
      </c>
      <c r="U22037">
        <v>41</v>
      </c>
      <c r="V22037">
        <v>42</v>
      </c>
      <c r="W22037">
        <v>43</v>
      </c>
      <c r="X22037">
        <v>44</v>
      </c>
      <c r="Y22037">
        <v>45</v>
      </c>
      <c r="Z22037">
        <v>47</v>
      </c>
      <c r="AA22037">
        <v>48</v>
      </c>
      <c r="AB22037">
        <v>49</v>
      </c>
      <c r="AC22037">
        <v>50</v>
      </c>
      <c r="AD22037">
        <v>51</v>
      </c>
      <c r="AE22037">
        <v>52</v>
      </c>
      <c r="AF22037">
        <v>53</v>
      </c>
      <c r="AG22037">
        <v>55</v>
      </c>
      <c r="AH22037">
        <v>56</v>
      </c>
      <c r="AI22037">
        <v>57</v>
      </c>
      <c r="AJ22037">
        <v>58</v>
      </c>
      <c r="AK22037">
        <v>60</v>
      </c>
      <c r="AL22037">
        <v>61</v>
      </c>
      <c r="AM22037">
        <v>62</v>
      </c>
      <c r="AN22037">
        <v>62</v>
      </c>
      <c r="AO22037">
        <v>63</v>
      </c>
      <c r="AP22037">
        <v>64</v>
      </c>
      <c r="AQ22037">
        <v>65</v>
      </c>
    </row>
    <row r="22038" spans="1:43">
      <c r="A22038" t="s">
        <v>13655</v>
      </c>
      <c r="B22038" t="s">
        <v>13656</v>
      </c>
      <c r="C22038" t="s">
        <v>13597</v>
      </c>
      <c r="D22038" t="s">
        <v>13598</v>
      </c>
      <c r="E22038" t="s">
        <v>13539</v>
      </c>
      <c r="F22038" t="s">
        <v>13540</v>
      </c>
      <c r="G22038" t="s">
        <v>10214</v>
      </c>
      <c r="H22038" t="s">
        <v>10215</v>
      </c>
      <c r="I22038" s="2">
        <v>1</v>
      </c>
      <c r="J22038" s="2">
        <v>0</v>
      </c>
      <c r="K22038" s="2">
        <v>0</v>
      </c>
      <c r="L22038" t="s">
        <v>120</v>
      </c>
      <c r="M22038" t="s">
        <v>83</v>
      </c>
      <c r="N22038" t="s">
        <v>84</v>
      </c>
      <c r="O22038" t="s">
        <v>85</v>
      </c>
      <c r="P22038" t="s">
        <v>86</v>
      </c>
      <c r="Q22038">
        <v>28</v>
      </c>
      <c r="R22038">
        <v>29</v>
      </c>
      <c r="S22038">
        <v>29</v>
      </c>
      <c r="T22038">
        <v>30</v>
      </c>
      <c r="U22038">
        <v>31</v>
      </c>
      <c r="V22038">
        <v>32</v>
      </c>
      <c r="W22038">
        <v>32</v>
      </c>
      <c r="X22038">
        <v>33</v>
      </c>
      <c r="Y22038">
        <v>34</v>
      </c>
      <c r="Z22038">
        <v>35</v>
      </c>
      <c r="AA22038">
        <v>36</v>
      </c>
      <c r="AB22038">
        <v>36</v>
      </c>
      <c r="AC22038">
        <v>37</v>
      </c>
      <c r="AD22038">
        <v>38</v>
      </c>
      <c r="AE22038">
        <v>39</v>
      </c>
      <c r="AF22038">
        <v>40</v>
      </c>
      <c r="AG22038">
        <v>41</v>
      </c>
      <c r="AH22038">
        <v>42</v>
      </c>
      <c r="AI22038">
        <v>43</v>
      </c>
      <c r="AJ22038">
        <v>44</v>
      </c>
      <c r="AK22038">
        <v>45</v>
      </c>
      <c r="AL22038">
        <v>45</v>
      </c>
      <c r="AM22038">
        <v>46</v>
      </c>
      <c r="AN22038">
        <v>47</v>
      </c>
      <c r="AO22038">
        <v>47</v>
      </c>
      <c r="AP22038">
        <v>48</v>
      </c>
      <c r="AQ22038">
        <v>48</v>
      </c>
    </row>
    <row r="22039" spans="1:43">
      <c r="A22039" t="s">
        <v>13655</v>
      </c>
      <c r="B22039" t="s">
        <v>13656</v>
      </c>
      <c r="C22039" t="s">
        <v>13597</v>
      </c>
      <c r="D22039" t="s">
        <v>13598</v>
      </c>
      <c r="E22039" t="s">
        <v>13539</v>
      </c>
      <c r="F22039" t="s">
        <v>13540</v>
      </c>
      <c r="G22039" t="s">
        <v>10214</v>
      </c>
      <c r="H22039" t="s">
        <v>10215</v>
      </c>
      <c r="I22039" s="2">
        <v>1</v>
      </c>
      <c r="J22039" s="2">
        <v>0</v>
      </c>
      <c r="K22039" s="2">
        <v>0</v>
      </c>
      <c r="L22039" t="s">
        <v>120</v>
      </c>
      <c r="M22039" t="s">
        <v>87</v>
      </c>
      <c r="N22039" t="s">
        <v>88</v>
      </c>
      <c r="O22039" t="s">
        <v>85</v>
      </c>
      <c r="P22039" t="s">
        <v>86</v>
      </c>
      <c r="Q22039">
        <v>28</v>
      </c>
      <c r="R22039">
        <v>28</v>
      </c>
      <c r="S22039">
        <v>29</v>
      </c>
      <c r="T22039">
        <v>29</v>
      </c>
      <c r="U22039">
        <v>29</v>
      </c>
      <c r="V22039">
        <v>30</v>
      </c>
      <c r="W22039">
        <v>30</v>
      </c>
      <c r="X22039">
        <v>31</v>
      </c>
      <c r="Y22039">
        <v>31</v>
      </c>
      <c r="Z22039">
        <v>32</v>
      </c>
      <c r="AA22039">
        <v>32</v>
      </c>
      <c r="AB22039">
        <v>33</v>
      </c>
      <c r="AC22039">
        <v>33</v>
      </c>
      <c r="AD22039">
        <v>34</v>
      </c>
      <c r="AE22039">
        <v>35</v>
      </c>
      <c r="AF22039">
        <v>35</v>
      </c>
      <c r="AG22039">
        <v>36</v>
      </c>
      <c r="AH22039">
        <v>36</v>
      </c>
      <c r="AI22039">
        <v>37</v>
      </c>
      <c r="AJ22039">
        <v>38</v>
      </c>
      <c r="AK22039">
        <v>38</v>
      </c>
      <c r="AL22039">
        <v>39</v>
      </c>
      <c r="AM22039">
        <v>39</v>
      </c>
      <c r="AN22039">
        <v>40</v>
      </c>
      <c r="AO22039">
        <v>41</v>
      </c>
      <c r="AP22039">
        <v>41</v>
      </c>
      <c r="AQ22039">
        <v>42</v>
      </c>
    </row>
    <row r="22040" spans="1:43">
      <c r="A22040" t="s">
        <v>13655</v>
      </c>
      <c r="B22040" t="s">
        <v>13656</v>
      </c>
      <c r="C22040" t="s">
        <v>13597</v>
      </c>
      <c r="D22040" t="s">
        <v>13598</v>
      </c>
      <c r="E22040" t="s">
        <v>13539</v>
      </c>
      <c r="F22040" t="s">
        <v>13540</v>
      </c>
      <c r="G22040" t="s">
        <v>10214</v>
      </c>
      <c r="H22040" t="s">
        <v>10215</v>
      </c>
      <c r="I22040" s="2">
        <v>1</v>
      </c>
      <c r="J22040" s="2">
        <v>0</v>
      </c>
      <c r="K22040" s="2">
        <v>0</v>
      </c>
      <c r="L22040" t="s">
        <v>120</v>
      </c>
      <c r="M22040" t="s">
        <v>89</v>
      </c>
      <c r="N22040" t="s">
        <v>90</v>
      </c>
      <c r="O22040" t="s">
        <v>85</v>
      </c>
      <c r="P22040" t="s">
        <v>86</v>
      </c>
      <c r="Q22040">
        <v>28</v>
      </c>
      <c r="R22040">
        <v>29</v>
      </c>
      <c r="S22040">
        <v>30</v>
      </c>
      <c r="T22040">
        <v>31</v>
      </c>
      <c r="U22040">
        <v>32</v>
      </c>
      <c r="V22040">
        <v>33</v>
      </c>
      <c r="W22040">
        <v>34</v>
      </c>
      <c r="X22040">
        <v>35</v>
      </c>
      <c r="Y22040">
        <v>36</v>
      </c>
      <c r="Z22040">
        <v>37</v>
      </c>
      <c r="AA22040">
        <v>38</v>
      </c>
      <c r="AB22040">
        <v>39</v>
      </c>
      <c r="AC22040">
        <v>40</v>
      </c>
      <c r="AD22040">
        <v>41</v>
      </c>
      <c r="AE22040">
        <v>42</v>
      </c>
      <c r="AF22040">
        <v>42</v>
      </c>
      <c r="AG22040">
        <v>43</v>
      </c>
      <c r="AH22040">
        <v>44</v>
      </c>
      <c r="AI22040">
        <v>44</v>
      </c>
      <c r="AJ22040">
        <v>45</v>
      </c>
      <c r="AK22040">
        <v>45</v>
      </c>
      <c r="AL22040">
        <v>46</v>
      </c>
      <c r="AM22040">
        <v>46</v>
      </c>
      <c r="AN22040">
        <v>47</v>
      </c>
      <c r="AO22040">
        <v>48</v>
      </c>
      <c r="AP22040">
        <v>48</v>
      </c>
      <c r="AQ22040">
        <v>49</v>
      </c>
    </row>
    <row r="22041" spans="1:43">
      <c r="A22041" t="s">
        <v>13655</v>
      </c>
      <c r="B22041" t="s">
        <v>13656</v>
      </c>
      <c r="C22041" t="s">
        <v>13597</v>
      </c>
      <c r="D22041" t="s">
        <v>13598</v>
      </c>
      <c r="E22041" t="s">
        <v>13539</v>
      </c>
      <c r="F22041" t="s">
        <v>13540</v>
      </c>
      <c r="G22041" t="s">
        <v>10214</v>
      </c>
      <c r="H22041" t="s">
        <v>10215</v>
      </c>
      <c r="I22041" s="2">
        <v>1</v>
      </c>
      <c r="J22041" s="2">
        <v>0</v>
      </c>
      <c r="K22041" s="2">
        <v>0</v>
      </c>
      <c r="L22041" t="s">
        <v>120</v>
      </c>
      <c r="M22041" t="s">
        <v>83</v>
      </c>
      <c r="N22041" t="s">
        <v>91</v>
      </c>
      <c r="O22041" t="s">
        <v>85</v>
      </c>
      <c r="P22041" t="s">
        <v>86</v>
      </c>
      <c r="Q22041">
        <v>28</v>
      </c>
      <c r="R22041">
        <v>29</v>
      </c>
      <c r="S22041">
        <v>29</v>
      </c>
      <c r="T22041">
        <v>30</v>
      </c>
      <c r="U22041">
        <v>31</v>
      </c>
      <c r="V22041">
        <v>32</v>
      </c>
      <c r="W22041">
        <v>32</v>
      </c>
      <c r="X22041">
        <v>33</v>
      </c>
      <c r="Y22041">
        <v>34</v>
      </c>
      <c r="Z22041">
        <v>35</v>
      </c>
      <c r="AA22041">
        <v>36</v>
      </c>
      <c r="AB22041">
        <v>36</v>
      </c>
      <c r="AC22041">
        <v>37</v>
      </c>
      <c r="AD22041">
        <v>38</v>
      </c>
      <c r="AE22041">
        <v>39</v>
      </c>
      <c r="AF22041">
        <v>40</v>
      </c>
      <c r="AG22041">
        <v>41</v>
      </c>
      <c r="AH22041">
        <v>42</v>
      </c>
      <c r="AI22041">
        <v>43</v>
      </c>
      <c r="AJ22041">
        <v>44</v>
      </c>
      <c r="AK22041">
        <v>45</v>
      </c>
      <c r="AL22041">
        <v>45</v>
      </c>
      <c r="AM22041">
        <v>46</v>
      </c>
      <c r="AN22041">
        <v>47</v>
      </c>
      <c r="AO22041">
        <v>47</v>
      </c>
      <c r="AP22041">
        <v>48</v>
      </c>
      <c r="AQ22041">
        <v>48</v>
      </c>
    </row>
    <row r="22042" spans="1:43">
      <c r="A22042" t="s">
        <v>13657</v>
      </c>
      <c r="B22042" t="s">
        <v>13658</v>
      </c>
      <c r="C22042" t="s">
        <v>13659</v>
      </c>
      <c r="D22042" t="s">
        <v>13660</v>
      </c>
      <c r="E22042" t="s">
        <v>13539</v>
      </c>
      <c r="F22042" t="s">
        <v>13540</v>
      </c>
      <c r="G22042" t="s">
        <v>10214</v>
      </c>
      <c r="H22042" t="s">
        <v>10215</v>
      </c>
      <c r="I22042" s="2">
        <v>1</v>
      </c>
      <c r="J22042" s="2">
        <v>0</v>
      </c>
      <c r="K22042" s="2">
        <v>0</v>
      </c>
      <c r="L22042" t="s">
        <v>120</v>
      </c>
      <c r="M22042" t="s">
        <v>83</v>
      </c>
      <c r="N22042" t="s">
        <v>84</v>
      </c>
      <c r="O22042" t="s">
        <v>85</v>
      </c>
      <c r="P22042" t="s">
        <v>86</v>
      </c>
      <c r="Q22042">
        <v>25</v>
      </c>
      <c r="R22042">
        <v>26</v>
      </c>
      <c r="S22042">
        <v>26</v>
      </c>
      <c r="T22042">
        <v>27</v>
      </c>
      <c r="U22042">
        <v>28</v>
      </c>
      <c r="V22042">
        <v>29</v>
      </c>
      <c r="W22042">
        <v>29</v>
      </c>
      <c r="X22042">
        <v>30</v>
      </c>
      <c r="Y22042">
        <v>31</v>
      </c>
      <c r="Z22042">
        <v>31</v>
      </c>
      <c r="AA22042">
        <v>32</v>
      </c>
      <c r="AB22042">
        <v>33</v>
      </c>
      <c r="AC22042">
        <v>34</v>
      </c>
      <c r="AD22042">
        <v>35</v>
      </c>
      <c r="AE22042">
        <v>36</v>
      </c>
      <c r="AF22042">
        <v>36</v>
      </c>
      <c r="AG22042">
        <v>37</v>
      </c>
      <c r="AH22042">
        <v>38</v>
      </c>
      <c r="AI22042">
        <v>39</v>
      </c>
      <c r="AJ22042">
        <v>40</v>
      </c>
      <c r="AK22042">
        <v>41</v>
      </c>
      <c r="AL22042">
        <v>42</v>
      </c>
      <c r="AM22042">
        <v>42</v>
      </c>
      <c r="AN22042">
        <v>43</v>
      </c>
      <c r="AO22042">
        <v>43</v>
      </c>
      <c r="AP22042">
        <v>44</v>
      </c>
      <c r="AQ22042">
        <v>44</v>
      </c>
    </row>
    <row r="22043" spans="1:43">
      <c r="A22043" t="s">
        <v>13657</v>
      </c>
      <c r="B22043" t="s">
        <v>13658</v>
      </c>
      <c r="C22043" t="s">
        <v>13659</v>
      </c>
      <c r="D22043" t="s">
        <v>13660</v>
      </c>
      <c r="E22043" t="s">
        <v>13539</v>
      </c>
      <c r="F22043" t="s">
        <v>13540</v>
      </c>
      <c r="G22043" t="s">
        <v>10214</v>
      </c>
      <c r="H22043" t="s">
        <v>10215</v>
      </c>
      <c r="I22043" s="2">
        <v>1</v>
      </c>
      <c r="J22043" s="2">
        <v>0</v>
      </c>
      <c r="K22043" s="2">
        <v>0</v>
      </c>
      <c r="L22043" t="s">
        <v>120</v>
      </c>
      <c r="M22043" t="s">
        <v>87</v>
      </c>
      <c r="N22043" t="s">
        <v>88</v>
      </c>
      <c r="O22043" t="s">
        <v>85</v>
      </c>
      <c r="P22043" t="s">
        <v>86</v>
      </c>
      <c r="Q22043">
        <v>25</v>
      </c>
      <c r="R22043">
        <v>25</v>
      </c>
      <c r="S22043">
        <v>26</v>
      </c>
      <c r="T22043">
        <v>26</v>
      </c>
      <c r="U22043">
        <v>27</v>
      </c>
      <c r="V22043">
        <v>27</v>
      </c>
      <c r="W22043">
        <v>27</v>
      </c>
      <c r="X22043">
        <v>28</v>
      </c>
      <c r="Y22043">
        <v>28</v>
      </c>
      <c r="Z22043">
        <v>29</v>
      </c>
      <c r="AA22043">
        <v>29</v>
      </c>
      <c r="AB22043">
        <v>30</v>
      </c>
      <c r="AC22043">
        <v>30</v>
      </c>
      <c r="AD22043">
        <v>31</v>
      </c>
      <c r="AE22043">
        <v>32</v>
      </c>
      <c r="AF22043">
        <v>32</v>
      </c>
      <c r="AG22043">
        <v>33</v>
      </c>
      <c r="AH22043">
        <v>33</v>
      </c>
      <c r="AI22043">
        <v>34</v>
      </c>
      <c r="AJ22043">
        <v>34</v>
      </c>
      <c r="AK22043">
        <v>35</v>
      </c>
      <c r="AL22043">
        <v>36</v>
      </c>
      <c r="AM22043">
        <v>36</v>
      </c>
      <c r="AN22043">
        <v>37</v>
      </c>
      <c r="AO22043">
        <v>37</v>
      </c>
      <c r="AP22043">
        <v>38</v>
      </c>
      <c r="AQ22043">
        <v>39</v>
      </c>
    </row>
    <row r="22044" spans="1:43">
      <c r="A22044" t="s">
        <v>13657</v>
      </c>
      <c r="B22044" t="s">
        <v>13658</v>
      </c>
      <c r="C22044" t="s">
        <v>13659</v>
      </c>
      <c r="D22044" t="s">
        <v>13660</v>
      </c>
      <c r="E22044" t="s">
        <v>13539</v>
      </c>
      <c r="F22044" t="s">
        <v>13540</v>
      </c>
      <c r="G22044" t="s">
        <v>10214</v>
      </c>
      <c r="H22044" t="s">
        <v>10215</v>
      </c>
      <c r="I22044" s="2">
        <v>1</v>
      </c>
      <c r="J22044" s="2">
        <v>0</v>
      </c>
      <c r="K22044" s="2">
        <v>0</v>
      </c>
      <c r="L22044" t="s">
        <v>120</v>
      </c>
      <c r="M22044" t="s">
        <v>89</v>
      </c>
      <c r="N22044" t="s">
        <v>90</v>
      </c>
      <c r="O22044" t="s">
        <v>85</v>
      </c>
      <c r="P22044" t="s">
        <v>86</v>
      </c>
      <c r="Q22044">
        <v>25</v>
      </c>
      <c r="R22044">
        <v>26</v>
      </c>
      <c r="S22044">
        <v>27</v>
      </c>
      <c r="T22044">
        <v>28</v>
      </c>
      <c r="U22044">
        <v>29</v>
      </c>
      <c r="V22044">
        <v>30</v>
      </c>
      <c r="W22044">
        <v>31</v>
      </c>
      <c r="X22044">
        <v>32</v>
      </c>
      <c r="Y22044">
        <v>33</v>
      </c>
      <c r="Z22044">
        <v>33</v>
      </c>
      <c r="AA22044">
        <v>34</v>
      </c>
      <c r="AB22044">
        <v>35</v>
      </c>
      <c r="AC22044">
        <v>36</v>
      </c>
      <c r="AD22044">
        <v>37</v>
      </c>
      <c r="AE22044">
        <v>38</v>
      </c>
      <c r="AF22044">
        <v>39</v>
      </c>
      <c r="AG22044">
        <v>39</v>
      </c>
      <c r="AH22044">
        <v>40</v>
      </c>
      <c r="AI22044">
        <v>40</v>
      </c>
      <c r="AJ22044">
        <v>41</v>
      </c>
      <c r="AK22044">
        <v>41</v>
      </c>
      <c r="AL22044">
        <v>42</v>
      </c>
      <c r="AM22044">
        <v>42</v>
      </c>
      <c r="AN22044">
        <v>43</v>
      </c>
      <c r="AO22044">
        <v>44</v>
      </c>
      <c r="AP22044">
        <v>44</v>
      </c>
      <c r="AQ22044">
        <v>45</v>
      </c>
    </row>
    <row r="22045" spans="1:43">
      <c r="A22045" t="s">
        <v>13657</v>
      </c>
      <c r="B22045" t="s">
        <v>13658</v>
      </c>
      <c r="C22045" t="s">
        <v>13659</v>
      </c>
      <c r="D22045" t="s">
        <v>13660</v>
      </c>
      <c r="E22045" t="s">
        <v>13539</v>
      </c>
      <c r="F22045" t="s">
        <v>13540</v>
      </c>
      <c r="G22045" t="s">
        <v>10214</v>
      </c>
      <c r="H22045" t="s">
        <v>10215</v>
      </c>
      <c r="I22045" s="2">
        <v>1</v>
      </c>
      <c r="J22045" s="2">
        <v>0</v>
      </c>
      <c r="K22045" s="2">
        <v>0</v>
      </c>
      <c r="L22045" t="s">
        <v>120</v>
      </c>
      <c r="M22045" t="s">
        <v>83</v>
      </c>
      <c r="N22045" t="s">
        <v>91</v>
      </c>
      <c r="O22045" t="s">
        <v>85</v>
      </c>
      <c r="P22045" t="s">
        <v>86</v>
      </c>
      <c r="Q22045">
        <v>25</v>
      </c>
      <c r="R22045">
        <v>26</v>
      </c>
      <c r="S22045">
        <v>26</v>
      </c>
      <c r="T22045">
        <v>27</v>
      </c>
      <c r="U22045">
        <v>28</v>
      </c>
      <c r="V22045">
        <v>29</v>
      </c>
      <c r="W22045">
        <v>29</v>
      </c>
      <c r="X22045">
        <v>30</v>
      </c>
      <c r="Y22045">
        <v>31</v>
      </c>
      <c r="Z22045">
        <v>31</v>
      </c>
      <c r="AA22045">
        <v>32</v>
      </c>
      <c r="AB22045">
        <v>33</v>
      </c>
      <c r="AC22045">
        <v>34</v>
      </c>
      <c r="AD22045">
        <v>35</v>
      </c>
      <c r="AE22045">
        <v>36</v>
      </c>
      <c r="AF22045">
        <v>36</v>
      </c>
      <c r="AG22045">
        <v>37</v>
      </c>
      <c r="AH22045">
        <v>38</v>
      </c>
      <c r="AI22045">
        <v>39</v>
      </c>
      <c r="AJ22045">
        <v>40</v>
      </c>
      <c r="AK22045">
        <v>41</v>
      </c>
      <c r="AL22045">
        <v>42</v>
      </c>
      <c r="AM22045">
        <v>42</v>
      </c>
      <c r="AN22045">
        <v>43</v>
      </c>
      <c r="AO22045">
        <v>43</v>
      </c>
      <c r="AP22045">
        <v>44</v>
      </c>
      <c r="AQ22045">
        <v>44</v>
      </c>
    </row>
    <row r="22046" spans="1:43">
      <c r="A22046" t="s">
        <v>13661</v>
      </c>
      <c r="B22046" t="s">
        <v>13662</v>
      </c>
      <c r="C22046" t="s">
        <v>13659</v>
      </c>
      <c r="D22046" t="s">
        <v>13660</v>
      </c>
      <c r="E22046" t="s">
        <v>13539</v>
      </c>
      <c r="F22046" t="s">
        <v>13540</v>
      </c>
      <c r="G22046" t="s">
        <v>10214</v>
      </c>
      <c r="H22046" t="s">
        <v>10215</v>
      </c>
      <c r="I22046" s="2">
        <v>1</v>
      </c>
      <c r="J22046" s="2">
        <v>0</v>
      </c>
      <c r="K22046" s="2">
        <v>0</v>
      </c>
      <c r="L22046" t="s">
        <v>120</v>
      </c>
      <c r="M22046" t="s">
        <v>83</v>
      </c>
      <c r="N22046" t="s">
        <v>84</v>
      </c>
      <c r="O22046" t="s">
        <v>85</v>
      </c>
      <c r="P22046" t="s">
        <v>86</v>
      </c>
      <c r="Q22046">
        <v>64</v>
      </c>
      <c r="R22046">
        <v>66</v>
      </c>
      <c r="S22046">
        <v>68</v>
      </c>
      <c r="T22046">
        <v>70</v>
      </c>
      <c r="U22046">
        <v>71</v>
      </c>
      <c r="V22046">
        <v>73</v>
      </c>
      <c r="W22046">
        <v>75</v>
      </c>
      <c r="X22046">
        <v>77</v>
      </c>
      <c r="Y22046">
        <v>79</v>
      </c>
      <c r="Z22046">
        <v>81</v>
      </c>
      <c r="AA22046">
        <v>83</v>
      </c>
      <c r="AB22046">
        <v>85</v>
      </c>
      <c r="AC22046">
        <v>87</v>
      </c>
      <c r="AD22046">
        <v>89</v>
      </c>
      <c r="AE22046">
        <v>91</v>
      </c>
      <c r="AF22046">
        <v>93</v>
      </c>
      <c r="AG22046">
        <v>96</v>
      </c>
      <c r="AH22046">
        <v>98</v>
      </c>
      <c r="AI22046">
        <v>100</v>
      </c>
      <c r="AJ22046">
        <v>103</v>
      </c>
      <c r="AK22046">
        <v>105</v>
      </c>
      <c r="AL22046">
        <v>107</v>
      </c>
      <c r="AM22046">
        <v>108</v>
      </c>
      <c r="AN22046">
        <v>110</v>
      </c>
      <c r="AO22046">
        <v>111</v>
      </c>
      <c r="AP22046">
        <v>113</v>
      </c>
      <c r="AQ22046">
        <v>114</v>
      </c>
    </row>
    <row r="22047" spans="1:43">
      <c r="A22047" t="s">
        <v>13661</v>
      </c>
      <c r="B22047" t="s">
        <v>13662</v>
      </c>
      <c r="C22047" t="s">
        <v>13659</v>
      </c>
      <c r="D22047" t="s">
        <v>13660</v>
      </c>
      <c r="E22047" t="s">
        <v>13539</v>
      </c>
      <c r="F22047" t="s">
        <v>13540</v>
      </c>
      <c r="G22047" t="s">
        <v>10214</v>
      </c>
      <c r="H22047" t="s">
        <v>10215</v>
      </c>
      <c r="I22047" s="2">
        <v>1</v>
      </c>
      <c r="J22047" s="2">
        <v>0</v>
      </c>
      <c r="K22047" s="2">
        <v>0</v>
      </c>
      <c r="L22047" t="s">
        <v>120</v>
      </c>
      <c r="M22047" t="s">
        <v>87</v>
      </c>
      <c r="N22047" t="s">
        <v>88</v>
      </c>
      <c r="O22047" t="s">
        <v>85</v>
      </c>
      <c r="P22047" t="s">
        <v>86</v>
      </c>
      <c r="Q22047">
        <v>64</v>
      </c>
      <c r="R22047">
        <v>66</v>
      </c>
      <c r="S22047">
        <v>67</v>
      </c>
      <c r="T22047">
        <v>68</v>
      </c>
      <c r="U22047">
        <v>69</v>
      </c>
      <c r="V22047">
        <v>70</v>
      </c>
      <c r="W22047">
        <v>72</v>
      </c>
      <c r="X22047">
        <v>73</v>
      </c>
      <c r="Y22047">
        <v>74</v>
      </c>
      <c r="Z22047">
        <v>75</v>
      </c>
      <c r="AA22047">
        <v>77</v>
      </c>
      <c r="AB22047">
        <v>78</v>
      </c>
      <c r="AC22047">
        <v>79</v>
      </c>
      <c r="AD22047">
        <v>81</v>
      </c>
      <c r="AE22047">
        <v>82</v>
      </c>
      <c r="AF22047">
        <v>83</v>
      </c>
      <c r="AG22047">
        <v>85</v>
      </c>
      <c r="AH22047">
        <v>86</v>
      </c>
      <c r="AI22047">
        <v>88</v>
      </c>
      <c r="AJ22047">
        <v>89</v>
      </c>
      <c r="AK22047">
        <v>91</v>
      </c>
      <c r="AL22047">
        <v>92</v>
      </c>
      <c r="AM22047">
        <v>94</v>
      </c>
      <c r="AN22047">
        <v>95</v>
      </c>
      <c r="AO22047">
        <v>97</v>
      </c>
      <c r="AP22047">
        <v>99</v>
      </c>
      <c r="AQ22047">
        <v>100</v>
      </c>
    </row>
    <row r="22048" spans="1:43">
      <c r="A22048" t="s">
        <v>13661</v>
      </c>
      <c r="B22048" t="s">
        <v>13662</v>
      </c>
      <c r="C22048" t="s">
        <v>13659</v>
      </c>
      <c r="D22048" t="s">
        <v>13660</v>
      </c>
      <c r="E22048" t="s">
        <v>13539</v>
      </c>
      <c r="F22048" t="s">
        <v>13540</v>
      </c>
      <c r="G22048" t="s">
        <v>10214</v>
      </c>
      <c r="H22048" t="s">
        <v>10215</v>
      </c>
      <c r="I22048" s="2">
        <v>1</v>
      </c>
      <c r="J22048" s="2">
        <v>0</v>
      </c>
      <c r="K22048" s="2">
        <v>0</v>
      </c>
      <c r="L22048" t="s">
        <v>120</v>
      </c>
      <c r="M22048" t="s">
        <v>89</v>
      </c>
      <c r="N22048" t="s">
        <v>90</v>
      </c>
      <c r="O22048" t="s">
        <v>85</v>
      </c>
      <c r="P22048" t="s">
        <v>86</v>
      </c>
      <c r="Q22048">
        <v>64</v>
      </c>
      <c r="R22048">
        <v>66</v>
      </c>
      <c r="S22048">
        <v>68</v>
      </c>
      <c r="T22048">
        <v>71</v>
      </c>
      <c r="U22048">
        <v>73</v>
      </c>
      <c r="V22048">
        <v>75</v>
      </c>
      <c r="W22048">
        <v>78</v>
      </c>
      <c r="X22048">
        <v>80</v>
      </c>
      <c r="Y22048">
        <v>82</v>
      </c>
      <c r="Z22048">
        <v>85</v>
      </c>
      <c r="AA22048">
        <v>87</v>
      </c>
      <c r="AB22048">
        <v>90</v>
      </c>
      <c r="AC22048">
        <v>92</v>
      </c>
      <c r="AD22048">
        <v>95</v>
      </c>
      <c r="AE22048">
        <v>97</v>
      </c>
      <c r="AF22048">
        <v>98</v>
      </c>
      <c r="AG22048">
        <v>99</v>
      </c>
      <c r="AH22048">
        <v>101</v>
      </c>
      <c r="AI22048">
        <v>102</v>
      </c>
      <c r="AJ22048">
        <v>104</v>
      </c>
      <c r="AK22048">
        <v>105</v>
      </c>
      <c r="AL22048">
        <v>106</v>
      </c>
      <c r="AM22048">
        <v>108</v>
      </c>
      <c r="AN22048">
        <v>109</v>
      </c>
      <c r="AO22048">
        <v>111</v>
      </c>
      <c r="AP22048">
        <v>112</v>
      </c>
      <c r="AQ22048">
        <v>114</v>
      </c>
    </row>
    <row r="22049" spans="1:43">
      <c r="A22049" t="s">
        <v>13661</v>
      </c>
      <c r="B22049" t="s">
        <v>13662</v>
      </c>
      <c r="C22049" t="s">
        <v>13659</v>
      </c>
      <c r="D22049" t="s">
        <v>13660</v>
      </c>
      <c r="E22049" t="s">
        <v>13539</v>
      </c>
      <c r="F22049" t="s">
        <v>13540</v>
      </c>
      <c r="G22049" t="s">
        <v>10214</v>
      </c>
      <c r="H22049" t="s">
        <v>10215</v>
      </c>
      <c r="I22049" s="2">
        <v>1</v>
      </c>
      <c r="J22049" s="2">
        <v>0</v>
      </c>
      <c r="K22049" s="2">
        <v>0</v>
      </c>
      <c r="L22049" t="s">
        <v>120</v>
      </c>
      <c r="M22049" t="s">
        <v>83</v>
      </c>
      <c r="N22049" t="s">
        <v>91</v>
      </c>
      <c r="O22049" t="s">
        <v>85</v>
      </c>
      <c r="P22049" t="s">
        <v>86</v>
      </c>
      <c r="Q22049">
        <v>64</v>
      </c>
      <c r="R22049">
        <v>66</v>
      </c>
      <c r="S22049">
        <v>68</v>
      </c>
      <c r="T22049">
        <v>70</v>
      </c>
      <c r="U22049">
        <v>71</v>
      </c>
      <c r="V22049">
        <v>73</v>
      </c>
      <c r="W22049">
        <v>75</v>
      </c>
      <c r="X22049">
        <v>77</v>
      </c>
      <c r="Y22049">
        <v>79</v>
      </c>
      <c r="Z22049">
        <v>81</v>
      </c>
      <c r="AA22049">
        <v>83</v>
      </c>
      <c r="AB22049">
        <v>85</v>
      </c>
      <c r="AC22049">
        <v>87</v>
      </c>
      <c r="AD22049">
        <v>89</v>
      </c>
      <c r="AE22049">
        <v>91</v>
      </c>
      <c r="AF22049">
        <v>93</v>
      </c>
      <c r="AG22049">
        <v>96</v>
      </c>
      <c r="AH22049">
        <v>98</v>
      </c>
      <c r="AI22049">
        <v>100</v>
      </c>
      <c r="AJ22049">
        <v>103</v>
      </c>
      <c r="AK22049">
        <v>105</v>
      </c>
      <c r="AL22049">
        <v>107</v>
      </c>
      <c r="AM22049">
        <v>108</v>
      </c>
      <c r="AN22049">
        <v>110</v>
      </c>
      <c r="AO22049">
        <v>111</v>
      </c>
      <c r="AP22049">
        <v>113</v>
      </c>
      <c r="AQ22049">
        <v>114</v>
      </c>
    </row>
    <row r="22050" spans="1:43">
      <c r="A22050" t="s">
        <v>13663</v>
      </c>
      <c r="B22050" t="s">
        <v>13664</v>
      </c>
      <c r="C22050" t="s">
        <v>13659</v>
      </c>
      <c r="D22050" t="s">
        <v>13660</v>
      </c>
      <c r="E22050" t="s">
        <v>13539</v>
      </c>
      <c r="F22050" t="s">
        <v>13540</v>
      </c>
      <c r="G22050" t="s">
        <v>10214</v>
      </c>
      <c r="H22050" t="s">
        <v>10215</v>
      </c>
      <c r="I22050" s="2">
        <v>1</v>
      </c>
      <c r="J22050" s="2">
        <v>0</v>
      </c>
      <c r="K22050" s="2">
        <v>0</v>
      </c>
      <c r="L22050" t="s">
        <v>120</v>
      </c>
      <c r="M22050" t="s">
        <v>83</v>
      </c>
      <c r="N22050" t="s">
        <v>84</v>
      </c>
      <c r="O22050" t="s">
        <v>85</v>
      </c>
      <c r="P22050" t="s">
        <v>86</v>
      </c>
      <c r="Q22050">
        <v>68</v>
      </c>
      <c r="R22050">
        <v>70</v>
      </c>
      <c r="S22050">
        <v>72</v>
      </c>
      <c r="T22050">
        <v>74</v>
      </c>
      <c r="U22050">
        <v>76</v>
      </c>
      <c r="V22050">
        <v>78</v>
      </c>
      <c r="W22050">
        <v>80</v>
      </c>
      <c r="X22050">
        <v>82</v>
      </c>
      <c r="Y22050">
        <v>84</v>
      </c>
      <c r="Z22050">
        <v>86</v>
      </c>
      <c r="AA22050">
        <v>88</v>
      </c>
      <c r="AB22050">
        <v>90</v>
      </c>
      <c r="AC22050">
        <v>92</v>
      </c>
      <c r="AD22050">
        <v>95</v>
      </c>
      <c r="AE22050">
        <v>97</v>
      </c>
      <c r="AF22050">
        <v>99</v>
      </c>
      <c r="AG22050">
        <v>102</v>
      </c>
      <c r="AH22050">
        <v>104</v>
      </c>
      <c r="AI22050">
        <v>107</v>
      </c>
      <c r="AJ22050">
        <v>109</v>
      </c>
      <c r="AK22050">
        <v>112</v>
      </c>
      <c r="AL22050">
        <v>114</v>
      </c>
      <c r="AM22050">
        <v>115</v>
      </c>
      <c r="AN22050">
        <v>116</v>
      </c>
      <c r="AO22050">
        <v>118</v>
      </c>
      <c r="AP22050">
        <v>120</v>
      </c>
      <c r="AQ22050">
        <v>121</v>
      </c>
    </row>
    <row r="22051" spans="1:43">
      <c r="A22051" t="s">
        <v>13663</v>
      </c>
      <c r="B22051" t="s">
        <v>13664</v>
      </c>
      <c r="C22051" t="s">
        <v>13659</v>
      </c>
      <c r="D22051" t="s">
        <v>13660</v>
      </c>
      <c r="E22051" t="s">
        <v>13539</v>
      </c>
      <c r="F22051" t="s">
        <v>13540</v>
      </c>
      <c r="G22051" t="s">
        <v>10214</v>
      </c>
      <c r="H22051" t="s">
        <v>10215</v>
      </c>
      <c r="I22051" s="2">
        <v>1</v>
      </c>
      <c r="J22051" s="2">
        <v>0</v>
      </c>
      <c r="K22051" s="2">
        <v>0</v>
      </c>
      <c r="L22051" t="s">
        <v>120</v>
      </c>
      <c r="M22051" t="s">
        <v>87</v>
      </c>
      <c r="N22051" t="s">
        <v>88</v>
      </c>
      <c r="O22051" t="s">
        <v>85</v>
      </c>
      <c r="P22051" t="s">
        <v>86</v>
      </c>
      <c r="Q22051">
        <v>68</v>
      </c>
      <c r="R22051">
        <v>70</v>
      </c>
      <c r="S22051">
        <v>71</v>
      </c>
      <c r="T22051">
        <v>72</v>
      </c>
      <c r="U22051">
        <v>73</v>
      </c>
      <c r="V22051">
        <v>75</v>
      </c>
      <c r="W22051">
        <v>76</v>
      </c>
      <c r="X22051">
        <v>77</v>
      </c>
      <c r="Y22051">
        <v>78</v>
      </c>
      <c r="Z22051">
        <v>80</v>
      </c>
      <c r="AA22051">
        <v>81</v>
      </c>
      <c r="AB22051">
        <v>82</v>
      </c>
      <c r="AC22051">
        <v>84</v>
      </c>
      <c r="AD22051">
        <v>85</v>
      </c>
      <c r="AE22051">
        <v>87</v>
      </c>
      <c r="AF22051">
        <v>88</v>
      </c>
      <c r="AG22051">
        <v>90</v>
      </c>
      <c r="AH22051">
        <v>91</v>
      </c>
      <c r="AI22051">
        <v>93</v>
      </c>
      <c r="AJ22051">
        <v>94</v>
      </c>
      <c r="AK22051">
        <v>96</v>
      </c>
      <c r="AL22051">
        <v>98</v>
      </c>
      <c r="AM22051">
        <v>99</v>
      </c>
      <c r="AN22051">
        <v>101</v>
      </c>
      <c r="AO22051">
        <v>103</v>
      </c>
      <c r="AP22051">
        <v>104</v>
      </c>
      <c r="AQ22051">
        <v>106</v>
      </c>
    </row>
    <row r="22052" spans="1:43">
      <c r="A22052" t="s">
        <v>13663</v>
      </c>
      <c r="B22052" t="s">
        <v>13664</v>
      </c>
      <c r="C22052" t="s">
        <v>13659</v>
      </c>
      <c r="D22052" t="s">
        <v>13660</v>
      </c>
      <c r="E22052" t="s">
        <v>13539</v>
      </c>
      <c r="F22052" t="s">
        <v>13540</v>
      </c>
      <c r="G22052" t="s">
        <v>10214</v>
      </c>
      <c r="H22052" t="s">
        <v>10215</v>
      </c>
      <c r="I22052" s="2">
        <v>1</v>
      </c>
      <c r="J22052" s="2">
        <v>0</v>
      </c>
      <c r="K22052" s="2">
        <v>0</v>
      </c>
      <c r="L22052" t="s">
        <v>120</v>
      </c>
      <c r="M22052" t="s">
        <v>89</v>
      </c>
      <c r="N22052" t="s">
        <v>90</v>
      </c>
      <c r="O22052" t="s">
        <v>85</v>
      </c>
      <c r="P22052" t="s">
        <v>86</v>
      </c>
      <c r="Q22052">
        <v>68</v>
      </c>
      <c r="R22052">
        <v>70</v>
      </c>
      <c r="S22052">
        <v>73</v>
      </c>
      <c r="T22052">
        <v>75</v>
      </c>
      <c r="U22052">
        <v>78</v>
      </c>
      <c r="V22052">
        <v>80</v>
      </c>
      <c r="W22052">
        <v>83</v>
      </c>
      <c r="X22052">
        <v>85</v>
      </c>
      <c r="Y22052">
        <v>88</v>
      </c>
      <c r="Z22052">
        <v>90</v>
      </c>
      <c r="AA22052">
        <v>93</v>
      </c>
      <c r="AB22052">
        <v>95</v>
      </c>
      <c r="AC22052">
        <v>98</v>
      </c>
      <c r="AD22052">
        <v>101</v>
      </c>
      <c r="AE22052">
        <v>103</v>
      </c>
      <c r="AF22052">
        <v>104</v>
      </c>
      <c r="AG22052">
        <v>106</v>
      </c>
      <c r="AH22052">
        <v>107</v>
      </c>
      <c r="AI22052">
        <v>109</v>
      </c>
      <c r="AJ22052">
        <v>110</v>
      </c>
      <c r="AK22052">
        <v>111</v>
      </c>
      <c r="AL22052">
        <v>113</v>
      </c>
      <c r="AM22052">
        <v>114</v>
      </c>
      <c r="AN22052">
        <v>116</v>
      </c>
      <c r="AO22052">
        <v>117</v>
      </c>
      <c r="AP22052">
        <v>119</v>
      </c>
      <c r="AQ22052">
        <v>120</v>
      </c>
    </row>
    <row r="22053" spans="1:43">
      <c r="A22053" t="s">
        <v>13663</v>
      </c>
      <c r="B22053" t="s">
        <v>13664</v>
      </c>
      <c r="C22053" t="s">
        <v>13659</v>
      </c>
      <c r="D22053" t="s">
        <v>13660</v>
      </c>
      <c r="E22053" t="s">
        <v>13539</v>
      </c>
      <c r="F22053" t="s">
        <v>13540</v>
      </c>
      <c r="G22053" t="s">
        <v>10214</v>
      </c>
      <c r="H22053" t="s">
        <v>10215</v>
      </c>
      <c r="I22053" s="2">
        <v>1</v>
      </c>
      <c r="J22053" s="2">
        <v>0</v>
      </c>
      <c r="K22053" s="2">
        <v>0</v>
      </c>
      <c r="L22053" t="s">
        <v>120</v>
      </c>
      <c r="M22053" t="s">
        <v>83</v>
      </c>
      <c r="N22053" t="s">
        <v>91</v>
      </c>
      <c r="O22053" t="s">
        <v>85</v>
      </c>
      <c r="P22053" t="s">
        <v>86</v>
      </c>
      <c r="Q22053">
        <v>68</v>
      </c>
      <c r="R22053">
        <v>70</v>
      </c>
      <c r="S22053">
        <v>72</v>
      </c>
      <c r="T22053">
        <v>74</v>
      </c>
      <c r="U22053">
        <v>76</v>
      </c>
      <c r="V22053">
        <v>78</v>
      </c>
      <c r="W22053">
        <v>80</v>
      </c>
      <c r="X22053">
        <v>82</v>
      </c>
      <c r="Y22053">
        <v>84</v>
      </c>
      <c r="Z22053">
        <v>86</v>
      </c>
      <c r="AA22053">
        <v>88</v>
      </c>
      <c r="AB22053">
        <v>90</v>
      </c>
      <c r="AC22053">
        <v>92</v>
      </c>
      <c r="AD22053">
        <v>95</v>
      </c>
      <c r="AE22053">
        <v>97</v>
      </c>
      <c r="AF22053">
        <v>99</v>
      </c>
      <c r="AG22053">
        <v>102</v>
      </c>
      <c r="AH22053">
        <v>104</v>
      </c>
      <c r="AI22053">
        <v>107</v>
      </c>
      <c r="AJ22053">
        <v>109</v>
      </c>
      <c r="AK22053">
        <v>112</v>
      </c>
      <c r="AL22053">
        <v>114</v>
      </c>
      <c r="AM22053">
        <v>115</v>
      </c>
      <c r="AN22053">
        <v>116</v>
      </c>
      <c r="AO22053">
        <v>118</v>
      </c>
      <c r="AP22053">
        <v>120</v>
      </c>
      <c r="AQ22053">
        <v>121</v>
      </c>
    </row>
    <row r="22054" spans="1:43">
      <c r="A22054" t="s">
        <v>13665</v>
      </c>
      <c r="B22054" t="s">
        <v>13666</v>
      </c>
      <c r="C22054" t="s">
        <v>13609</v>
      </c>
      <c r="D22054" t="s">
        <v>13610</v>
      </c>
      <c r="E22054" t="s">
        <v>13539</v>
      </c>
      <c r="F22054" t="s">
        <v>13540</v>
      </c>
      <c r="G22054" t="s">
        <v>10214</v>
      </c>
      <c r="H22054" t="s">
        <v>10215</v>
      </c>
      <c r="I22054" s="2">
        <v>1</v>
      </c>
      <c r="J22054" s="2">
        <v>0</v>
      </c>
      <c r="K22054" s="2">
        <v>0</v>
      </c>
      <c r="L22054" t="s">
        <v>120</v>
      </c>
      <c r="M22054" t="s">
        <v>83</v>
      </c>
      <c r="N22054" t="s">
        <v>84</v>
      </c>
      <c r="O22054" t="s">
        <v>85</v>
      </c>
      <c r="P22054" t="s">
        <v>86</v>
      </c>
      <c r="Q22054">
        <v>46</v>
      </c>
      <c r="R22054">
        <v>47</v>
      </c>
      <c r="S22054">
        <v>48</v>
      </c>
      <c r="T22054">
        <v>48</v>
      </c>
      <c r="U22054">
        <v>49</v>
      </c>
      <c r="V22054">
        <v>49</v>
      </c>
      <c r="W22054">
        <v>50</v>
      </c>
      <c r="X22054">
        <v>50</v>
      </c>
      <c r="Y22054">
        <v>51</v>
      </c>
      <c r="Z22054">
        <v>51</v>
      </c>
      <c r="AA22054">
        <v>52</v>
      </c>
      <c r="AB22054">
        <v>52</v>
      </c>
      <c r="AC22054">
        <v>53</v>
      </c>
      <c r="AD22054">
        <v>53</v>
      </c>
      <c r="AE22054">
        <v>54</v>
      </c>
      <c r="AF22054">
        <v>54</v>
      </c>
      <c r="AG22054">
        <v>55</v>
      </c>
      <c r="AH22054">
        <v>55</v>
      </c>
      <c r="AI22054">
        <v>56</v>
      </c>
      <c r="AJ22054">
        <v>56</v>
      </c>
      <c r="AK22054">
        <v>57</v>
      </c>
      <c r="AL22054">
        <v>57</v>
      </c>
      <c r="AM22054">
        <v>57</v>
      </c>
      <c r="AN22054">
        <v>57</v>
      </c>
      <c r="AO22054">
        <v>56</v>
      </c>
      <c r="AP22054">
        <v>56</v>
      </c>
      <c r="AQ22054">
        <v>56</v>
      </c>
    </row>
    <row r="22055" spans="1:43">
      <c r="A22055" t="s">
        <v>13665</v>
      </c>
      <c r="B22055" t="s">
        <v>13666</v>
      </c>
      <c r="C22055" t="s">
        <v>13609</v>
      </c>
      <c r="D22055" t="s">
        <v>13610</v>
      </c>
      <c r="E22055" t="s">
        <v>13539</v>
      </c>
      <c r="F22055" t="s">
        <v>13540</v>
      </c>
      <c r="G22055" t="s">
        <v>10214</v>
      </c>
      <c r="H22055" t="s">
        <v>10215</v>
      </c>
      <c r="I22055" s="2">
        <v>1</v>
      </c>
      <c r="J22055" s="2">
        <v>0</v>
      </c>
      <c r="K22055" s="2">
        <v>0</v>
      </c>
      <c r="L22055" t="s">
        <v>120</v>
      </c>
      <c r="M22055" t="s">
        <v>87</v>
      </c>
      <c r="N22055" t="s">
        <v>88</v>
      </c>
      <c r="O22055" t="s">
        <v>85</v>
      </c>
      <c r="P22055" t="s">
        <v>86</v>
      </c>
      <c r="Q22055">
        <v>46</v>
      </c>
      <c r="R22055">
        <v>46</v>
      </c>
      <c r="S22055">
        <v>46</v>
      </c>
      <c r="T22055">
        <v>46</v>
      </c>
      <c r="U22055">
        <v>46</v>
      </c>
      <c r="V22055">
        <v>47</v>
      </c>
      <c r="W22055">
        <v>47</v>
      </c>
      <c r="X22055">
        <v>47</v>
      </c>
      <c r="Y22055">
        <v>47</v>
      </c>
      <c r="Z22055">
        <v>47</v>
      </c>
      <c r="AA22055">
        <v>47</v>
      </c>
      <c r="AB22055">
        <v>47</v>
      </c>
      <c r="AC22055">
        <v>47</v>
      </c>
      <c r="AD22055">
        <v>48</v>
      </c>
      <c r="AE22055">
        <v>48</v>
      </c>
      <c r="AF22055">
        <v>48</v>
      </c>
      <c r="AG22055">
        <v>48</v>
      </c>
      <c r="AH22055">
        <v>48</v>
      </c>
      <c r="AI22055">
        <v>48</v>
      </c>
      <c r="AJ22055">
        <v>48</v>
      </c>
      <c r="AK22055">
        <v>48</v>
      </c>
      <c r="AL22055">
        <v>48</v>
      </c>
      <c r="AM22055">
        <v>49</v>
      </c>
      <c r="AN22055">
        <v>49</v>
      </c>
      <c r="AO22055">
        <v>49</v>
      </c>
      <c r="AP22055">
        <v>49</v>
      </c>
      <c r="AQ22055">
        <v>49</v>
      </c>
    </row>
    <row r="22056" spans="1:43">
      <c r="A22056" t="s">
        <v>13665</v>
      </c>
      <c r="B22056" t="s">
        <v>13666</v>
      </c>
      <c r="C22056" t="s">
        <v>13609</v>
      </c>
      <c r="D22056" t="s">
        <v>13610</v>
      </c>
      <c r="E22056" t="s">
        <v>13539</v>
      </c>
      <c r="F22056" t="s">
        <v>13540</v>
      </c>
      <c r="G22056" t="s">
        <v>10214</v>
      </c>
      <c r="H22056" t="s">
        <v>10215</v>
      </c>
      <c r="I22056" s="2">
        <v>1</v>
      </c>
      <c r="J22056" s="2">
        <v>0</v>
      </c>
      <c r="K22056" s="2">
        <v>0</v>
      </c>
      <c r="L22056" t="s">
        <v>120</v>
      </c>
      <c r="M22056" t="s">
        <v>89</v>
      </c>
      <c r="N22056" t="s">
        <v>90</v>
      </c>
      <c r="O22056" t="s">
        <v>85</v>
      </c>
      <c r="P22056" t="s">
        <v>86</v>
      </c>
      <c r="Q22056">
        <v>46</v>
      </c>
      <c r="R22056">
        <v>47</v>
      </c>
      <c r="S22056">
        <v>48</v>
      </c>
      <c r="T22056">
        <v>49</v>
      </c>
      <c r="U22056">
        <v>50</v>
      </c>
      <c r="V22056">
        <v>50</v>
      </c>
      <c r="W22056">
        <v>51</v>
      </c>
      <c r="X22056">
        <v>52</v>
      </c>
      <c r="Y22056">
        <v>53</v>
      </c>
      <c r="Z22056">
        <v>53</v>
      </c>
      <c r="AA22056">
        <v>54</v>
      </c>
      <c r="AB22056">
        <v>55</v>
      </c>
      <c r="AC22056">
        <v>55</v>
      </c>
      <c r="AD22056">
        <v>56</v>
      </c>
      <c r="AE22056">
        <v>57</v>
      </c>
      <c r="AF22056">
        <v>56</v>
      </c>
      <c r="AG22056">
        <v>56</v>
      </c>
      <c r="AH22056">
        <v>56</v>
      </c>
      <c r="AI22056">
        <v>56</v>
      </c>
      <c r="AJ22056">
        <v>56</v>
      </c>
      <c r="AK22056">
        <v>56</v>
      </c>
      <c r="AL22056">
        <v>56</v>
      </c>
      <c r="AM22056">
        <v>56</v>
      </c>
      <c r="AN22056">
        <v>56</v>
      </c>
      <c r="AO22056">
        <v>56</v>
      </c>
      <c r="AP22056">
        <v>56</v>
      </c>
      <c r="AQ22056">
        <v>56</v>
      </c>
    </row>
    <row r="22057" spans="1:43">
      <c r="A22057" t="s">
        <v>13665</v>
      </c>
      <c r="B22057" t="s">
        <v>13666</v>
      </c>
      <c r="C22057" t="s">
        <v>13609</v>
      </c>
      <c r="D22057" t="s">
        <v>13610</v>
      </c>
      <c r="E22057" t="s">
        <v>13539</v>
      </c>
      <c r="F22057" t="s">
        <v>13540</v>
      </c>
      <c r="G22057" t="s">
        <v>10214</v>
      </c>
      <c r="H22057" t="s">
        <v>10215</v>
      </c>
      <c r="I22057" s="2">
        <v>1</v>
      </c>
      <c r="J22057" s="2">
        <v>0</v>
      </c>
      <c r="K22057" s="2">
        <v>0</v>
      </c>
      <c r="L22057" t="s">
        <v>120</v>
      </c>
      <c r="M22057" t="s">
        <v>83</v>
      </c>
      <c r="N22057" t="s">
        <v>91</v>
      </c>
      <c r="O22057" t="s">
        <v>85</v>
      </c>
      <c r="P22057" t="s">
        <v>86</v>
      </c>
      <c r="Q22057">
        <v>46</v>
      </c>
      <c r="R22057">
        <v>47</v>
      </c>
      <c r="S22057">
        <v>48</v>
      </c>
      <c r="T22057">
        <v>48</v>
      </c>
      <c r="U22057">
        <v>49</v>
      </c>
      <c r="V22057">
        <v>49</v>
      </c>
      <c r="W22057">
        <v>50</v>
      </c>
      <c r="X22057">
        <v>50</v>
      </c>
      <c r="Y22057">
        <v>51</v>
      </c>
      <c r="Z22057">
        <v>51</v>
      </c>
      <c r="AA22057">
        <v>52</v>
      </c>
      <c r="AB22057">
        <v>52</v>
      </c>
      <c r="AC22057">
        <v>53</v>
      </c>
      <c r="AD22057">
        <v>53</v>
      </c>
      <c r="AE22057">
        <v>54</v>
      </c>
      <c r="AF22057">
        <v>54</v>
      </c>
      <c r="AG22057">
        <v>55</v>
      </c>
      <c r="AH22057">
        <v>55</v>
      </c>
      <c r="AI22057">
        <v>56</v>
      </c>
      <c r="AJ22057">
        <v>56</v>
      </c>
      <c r="AK22057">
        <v>57</v>
      </c>
      <c r="AL22057">
        <v>57</v>
      </c>
      <c r="AM22057">
        <v>57</v>
      </c>
      <c r="AN22057">
        <v>57</v>
      </c>
      <c r="AO22057">
        <v>56</v>
      </c>
      <c r="AP22057">
        <v>56</v>
      </c>
      <c r="AQ22057">
        <v>56</v>
      </c>
    </row>
    <row r="22058" spans="1:43">
      <c r="A22058" t="s">
        <v>13667</v>
      </c>
      <c r="B22058" t="s">
        <v>13668</v>
      </c>
      <c r="C22058" t="s">
        <v>13669</v>
      </c>
      <c r="D22058" t="s">
        <v>13670</v>
      </c>
      <c r="E22058" t="s">
        <v>13539</v>
      </c>
      <c r="F22058" t="s">
        <v>13540</v>
      </c>
      <c r="G22058" t="s">
        <v>10214</v>
      </c>
      <c r="H22058" t="s">
        <v>10215</v>
      </c>
      <c r="I22058" s="2">
        <v>1</v>
      </c>
      <c r="J22058" s="2">
        <v>0</v>
      </c>
      <c r="K22058" s="2">
        <v>0</v>
      </c>
      <c r="L22058" t="s">
        <v>120</v>
      </c>
      <c r="M22058" t="s">
        <v>83</v>
      </c>
      <c r="N22058" t="s">
        <v>84</v>
      </c>
      <c r="O22058" t="s">
        <v>85</v>
      </c>
      <c r="P22058" t="s">
        <v>86</v>
      </c>
      <c r="Q22058">
        <v>17</v>
      </c>
      <c r="R22058">
        <v>18</v>
      </c>
      <c r="S22058">
        <v>18</v>
      </c>
      <c r="T22058">
        <v>19</v>
      </c>
      <c r="U22058">
        <v>19</v>
      </c>
      <c r="V22058">
        <v>20</v>
      </c>
      <c r="W22058">
        <v>20</v>
      </c>
      <c r="X22058">
        <v>21</v>
      </c>
      <c r="Y22058">
        <v>21</v>
      </c>
      <c r="Z22058">
        <v>22</v>
      </c>
      <c r="AA22058">
        <v>23</v>
      </c>
      <c r="AB22058">
        <v>23</v>
      </c>
      <c r="AC22058">
        <v>24</v>
      </c>
      <c r="AD22058">
        <v>24</v>
      </c>
      <c r="AE22058">
        <v>25</v>
      </c>
      <c r="AF22058">
        <v>25</v>
      </c>
      <c r="AG22058">
        <v>26</v>
      </c>
      <c r="AH22058">
        <v>27</v>
      </c>
      <c r="AI22058">
        <v>27</v>
      </c>
      <c r="AJ22058">
        <v>28</v>
      </c>
      <c r="AK22058">
        <v>28</v>
      </c>
      <c r="AL22058">
        <v>29</v>
      </c>
      <c r="AM22058">
        <v>29</v>
      </c>
      <c r="AN22058">
        <v>30</v>
      </c>
      <c r="AO22058">
        <v>30</v>
      </c>
      <c r="AP22058">
        <v>31</v>
      </c>
      <c r="AQ22058">
        <v>31</v>
      </c>
    </row>
    <row r="22059" spans="1:43">
      <c r="A22059" t="s">
        <v>13667</v>
      </c>
      <c r="B22059" t="s">
        <v>13668</v>
      </c>
      <c r="C22059" t="s">
        <v>13669</v>
      </c>
      <c r="D22059" t="s">
        <v>13670</v>
      </c>
      <c r="E22059" t="s">
        <v>13539</v>
      </c>
      <c r="F22059" t="s">
        <v>13540</v>
      </c>
      <c r="G22059" t="s">
        <v>10214</v>
      </c>
      <c r="H22059" t="s">
        <v>10215</v>
      </c>
      <c r="I22059" s="2">
        <v>1</v>
      </c>
      <c r="J22059" s="2">
        <v>0</v>
      </c>
      <c r="K22059" s="2">
        <v>0</v>
      </c>
      <c r="L22059" t="s">
        <v>120</v>
      </c>
      <c r="M22059" t="s">
        <v>87</v>
      </c>
      <c r="N22059" t="s">
        <v>88</v>
      </c>
      <c r="O22059" t="s">
        <v>85</v>
      </c>
      <c r="P22059" t="s">
        <v>86</v>
      </c>
      <c r="Q22059">
        <v>17</v>
      </c>
      <c r="R22059">
        <v>18</v>
      </c>
      <c r="S22059">
        <v>18</v>
      </c>
      <c r="T22059">
        <v>18</v>
      </c>
      <c r="U22059">
        <v>19</v>
      </c>
      <c r="V22059">
        <v>19</v>
      </c>
      <c r="W22059">
        <v>19</v>
      </c>
      <c r="X22059">
        <v>20</v>
      </c>
      <c r="Y22059">
        <v>20</v>
      </c>
      <c r="Z22059">
        <v>20</v>
      </c>
      <c r="AA22059">
        <v>21</v>
      </c>
      <c r="AB22059">
        <v>21</v>
      </c>
      <c r="AC22059">
        <v>21</v>
      </c>
      <c r="AD22059">
        <v>22</v>
      </c>
      <c r="AE22059">
        <v>22</v>
      </c>
      <c r="AF22059">
        <v>22</v>
      </c>
      <c r="AG22059">
        <v>23</v>
      </c>
      <c r="AH22059">
        <v>23</v>
      </c>
      <c r="AI22059">
        <v>24</v>
      </c>
      <c r="AJ22059">
        <v>24</v>
      </c>
      <c r="AK22059">
        <v>24</v>
      </c>
      <c r="AL22059">
        <v>25</v>
      </c>
      <c r="AM22059">
        <v>25</v>
      </c>
      <c r="AN22059">
        <v>26</v>
      </c>
      <c r="AO22059">
        <v>26</v>
      </c>
      <c r="AP22059">
        <v>27</v>
      </c>
      <c r="AQ22059">
        <v>27</v>
      </c>
    </row>
    <row r="22060" spans="1:43">
      <c r="A22060" t="s">
        <v>13667</v>
      </c>
      <c r="B22060" t="s">
        <v>13668</v>
      </c>
      <c r="C22060" t="s">
        <v>13669</v>
      </c>
      <c r="D22060" t="s">
        <v>13670</v>
      </c>
      <c r="E22060" t="s">
        <v>13539</v>
      </c>
      <c r="F22060" t="s">
        <v>13540</v>
      </c>
      <c r="G22060" t="s">
        <v>10214</v>
      </c>
      <c r="H22060" t="s">
        <v>10215</v>
      </c>
      <c r="I22060" s="2">
        <v>1</v>
      </c>
      <c r="J22060" s="2">
        <v>0</v>
      </c>
      <c r="K22060" s="2">
        <v>0</v>
      </c>
      <c r="L22060" t="s">
        <v>120</v>
      </c>
      <c r="M22060" t="s">
        <v>89</v>
      </c>
      <c r="N22060" t="s">
        <v>90</v>
      </c>
      <c r="O22060" t="s">
        <v>85</v>
      </c>
      <c r="P22060" t="s">
        <v>86</v>
      </c>
      <c r="Q22060">
        <v>17</v>
      </c>
      <c r="R22060">
        <v>17</v>
      </c>
      <c r="S22060">
        <v>18</v>
      </c>
      <c r="T22060">
        <v>19</v>
      </c>
      <c r="U22060">
        <v>19</v>
      </c>
      <c r="V22060">
        <v>20</v>
      </c>
      <c r="W22060">
        <v>20</v>
      </c>
      <c r="X22060">
        <v>21</v>
      </c>
      <c r="Y22060">
        <v>22</v>
      </c>
      <c r="Z22060">
        <v>22</v>
      </c>
      <c r="AA22060">
        <v>23</v>
      </c>
      <c r="AB22060">
        <v>24</v>
      </c>
      <c r="AC22060">
        <v>24</v>
      </c>
      <c r="AD22060">
        <v>25</v>
      </c>
      <c r="AE22060">
        <v>26</v>
      </c>
      <c r="AF22060">
        <v>26</v>
      </c>
      <c r="AG22060">
        <v>26</v>
      </c>
      <c r="AH22060">
        <v>27</v>
      </c>
      <c r="AI22060">
        <v>27</v>
      </c>
      <c r="AJ22060">
        <v>27</v>
      </c>
      <c r="AK22060">
        <v>28</v>
      </c>
      <c r="AL22060">
        <v>28</v>
      </c>
      <c r="AM22060">
        <v>29</v>
      </c>
      <c r="AN22060">
        <v>29</v>
      </c>
      <c r="AO22060">
        <v>29</v>
      </c>
      <c r="AP22060">
        <v>30</v>
      </c>
      <c r="AQ22060">
        <v>30</v>
      </c>
    </row>
    <row r="22061" spans="1:43">
      <c r="A22061" t="s">
        <v>13667</v>
      </c>
      <c r="B22061" t="s">
        <v>13668</v>
      </c>
      <c r="C22061" t="s">
        <v>13669</v>
      </c>
      <c r="D22061" t="s">
        <v>13670</v>
      </c>
      <c r="E22061" t="s">
        <v>13539</v>
      </c>
      <c r="F22061" t="s">
        <v>13540</v>
      </c>
      <c r="G22061" t="s">
        <v>10214</v>
      </c>
      <c r="H22061" t="s">
        <v>10215</v>
      </c>
      <c r="I22061" s="2">
        <v>1</v>
      </c>
      <c r="J22061" s="2">
        <v>0</v>
      </c>
      <c r="K22061" s="2">
        <v>0</v>
      </c>
      <c r="L22061" t="s">
        <v>120</v>
      </c>
      <c r="M22061" t="s">
        <v>83</v>
      </c>
      <c r="N22061" t="s">
        <v>91</v>
      </c>
      <c r="O22061" t="s">
        <v>85</v>
      </c>
      <c r="P22061" t="s">
        <v>86</v>
      </c>
      <c r="Q22061">
        <v>17</v>
      </c>
      <c r="R22061">
        <v>18</v>
      </c>
      <c r="S22061">
        <v>18</v>
      </c>
      <c r="T22061">
        <v>19</v>
      </c>
      <c r="U22061">
        <v>19</v>
      </c>
      <c r="V22061">
        <v>20</v>
      </c>
      <c r="W22061">
        <v>20</v>
      </c>
      <c r="X22061">
        <v>21</v>
      </c>
      <c r="Y22061">
        <v>21</v>
      </c>
      <c r="Z22061">
        <v>22</v>
      </c>
      <c r="AA22061">
        <v>23</v>
      </c>
      <c r="AB22061">
        <v>23</v>
      </c>
      <c r="AC22061">
        <v>24</v>
      </c>
      <c r="AD22061">
        <v>24</v>
      </c>
      <c r="AE22061">
        <v>25</v>
      </c>
      <c r="AF22061">
        <v>25</v>
      </c>
      <c r="AG22061">
        <v>26</v>
      </c>
      <c r="AH22061">
        <v>27</v>
      </c>
      <c r="AI22061">
        <v>27</v>
      </c>
      <c r="AJ22061">
        <v>28</v>
      </c>
      <c r="AK22061">
        <v>28</v>
      </c>
      <c r="AL22061">
        <v>29</v>
      </c>
      <c r="AM22061">
        <v>29</v>
      </c>
      <c r="AN22061">
        <v>30</v>
      </c>
      <c r="AO22061">
        <v>30</v>
      </c>
      <c r="AP22061">
        <v>31</v>
      </c>
      <c r="AQ22061">
        <v>31</v>
      </c>
    </row>
    <row r="22062" spans="1:43">
      <c r="A22062" t="s">
        <v>13671</v>
      </c>
      <c r="B22062" t="s">
        <v>13672</v>
      </c>
      <c r="C22062" t="s">
        <v>13669</v>
      </c>
      <c r="D22062" t="s">
        <v>13670</v>
      </c>
      <c r="E22062" t="s">
        <v>13539</v>
      </c>
      <c r="F22062" t="s">
        <v>13540</v>
      </c>
      <c r="G22062" t="s">
        <v>10214</v>
      </c>
      <c r="H22062" t="s">
        <v>10215</v>
      </c>
      <c r="I22062" s="2">
        <v>1</v>
      </c>
      <c r="J22062" s="2">
        <v>0</v>
      </c>
      <c r="K22062" s="2">
        <v>0</v>
      </c>
      <c r="L22062" t="s">
        <v>120</v>
      </c>
      <c r="M22062" t="s">
        <v>83</v>
      </c>
      <c r="N22062" t="s">
        <v>84</v>
      </c>
      <c r="O22062" t="s">
        <v>85</v>
      </c>
      <c r="P22062" t="s">
        <v>86</v>
      </c>
      <c r="Q22062">
        <v>62</v>
      </c>
      <c r="R22062">
        <v>63</v>
      </c>
      <c r="S22062">
        <v>65</v>
      </c>
      <c r="T22062">
        <v>67</v>
      </c>
      <c r="U22062">
        <v>69</v>
      </c>
      <c r="V22062">
        <v>70</v>
      </c>
      <c r="W22062">
        <v>72</v>
      </c>
      <c r="X22062">
        <v>74</v>
      </c>
      <c r="Y22062">
        <v>76</v>
      </c>
      <c r="Z22062">
        <v>78</v>
      </c>
      <c r="AA22062">
        <v>80</v>
      </c>
      <c r="AB22062">
        <v>82</v>
      </c>
      <c r="AC22062">
        <v>84</v>
      </c>
      <c r="AD22062">
        <v>86</v>
      </c>
      <c r="AE22062">
        <v>88</v>
      </c>
      <c r="AF22062">
        <v>90</v>
      </c>
      <c r="AG22062">
        <v>92</v>
      </c>
      <c r="AH22062">
        <v>94</v>
      </c>
      <c r="AI22062">
        <v>97</v>
      </c>
      <c r="AJ22062">
        <v>99</v>
      </c>
      <c r="AK22062">
        <v>101</v>
      </c>
      <c r="AL22062">
        <v>103</v>
      </c>
      <c r="AM22062">
        <v>104</v>
      </c>
      <c r="AN22062">
        <v>106</v>
      </c>
      <c r="AO22062">
        <v>107</v>
      </c>
      <c r="AP22062">
        <v>109</v>
      </c>
      <c r="AQ22062">
        <v>110</v>
      </c>
    </row>
    <row r="22063" spans="1:43">
      <c r="A22063" t="s">
        <v>13671</v>
      </c>
      <c r="B22063" t="s">
        <v>13672</v>
      </c>
      <c r="C22063" t="s">
        <v>13669</v>
      </c>
      <c r="D22063" t="s">
        <v>13670</v>
      </c>
      <c r="E22063" t="s">
        <v>13539</v>
      </c>
      <c r="F22063" t="s">
        <v>13540</v>
      </c>
      <c r="G22063" t="s">
        <v>10214</v>
      </c>
      <c r="H22063" t="s">
        <v>10215</v>
      </c>
      <c r="I22063" s="2">
        <v>1</v>
      </c>
      <c r="J22063" s="2">
        <v>0</v>
      </c>
      <c r="K22063" s="2">
        <v>0</v>
      </c>
      <c r="L22063" t="s">
        <v>120</v>
      </c>
      <c r="M22063" t="s">
        <v>87</v>
      </c>
      <c r="N22063" t="s">
        <v>88</v>
      </c>
      <c r="O22063" t="s">
        <v>85</v>
      </c>
      <c r="P22063" t="s">
        <v>86</v>
      </c>
      <c r="Q22063">
        <v>62</v>
      </c>
      <c r="R22063">
        <v>63</v>
      </c>
      <c r="S22063">
        <v>64</v>
      </c>
      <c r="T22063">
        <v>66</v>
      </c>
      <c r="U22063">
        <v>67</v>
      </c>
      <c r="V22063">
        <v>68</v>
      </c>
      <c r="W22063">
        <v>69</v>
      </c>
      <c r="X22063">
        <v>70</v>
      </c>
      <c r="Y22063">
        <v>71</v>
      </c>
      <c r="Z22063">
        <v>72</v>
      </c>
      <c r="AA22063">
        <v>74</v>
      </c>
      <c r="AB22063">
        <v>75</v>
      </c>
      <c r="AC22063">
        <v>76</v>
      </c>
      <c r="AD22063">
        <v>77</v>
      </c>
      <c r="AE22063">
        <v>79</v>
      </c>
      <c r="AF22063">
        <v>80</v>
      </c>
      <c r="AG22063">
        <v>81</v>
      </c>
      <c r="AH22063">
        <v>83</v>
      </c>
      <c r="AI22063">
        <v>84</v>
      </c>
      <c r="AJ22063">
        <v>86</v>
      </c>
      <c r="AK22063">
        <v>87</v>
      </c>
      <c r="AL22063">
        <v>89</v>
      </c>
      <c r="AM22063">
        <v>90</v>
      </c>
      <c r="AN22063">
        <v>92</v>
      </c>
      <c r="AO22063">
        <v>93</v>
      </c>
      <c r="AP22063">
        <v>95</v>
      </c>
      <c r="AQ22063">
        <v>96</v>
      </c>
    </row>
    <row r="22064" spans="1:43">
      <c r="A22064" t="s">
        <v>13671</v>
      </c>
      <c r="B22064" t="s">
        <v>13672</v>
      </c>
      <c r="C22064" t="s">
        <v>13669</v>
      </c>
      <c r="D22064" t="s">
        <v>13670</v>
      </c>
      <c r="E22064" t="s">
        <v>13539</v>
      </c>
      <c r="F22064" t="s">
        <v>13540</v>
      </c>
      <c r="G22064" t="s">
        <v>10214</v>
      </c>
      <c r="H22064" t="s">
        <v>10215</v>
      </c>
      <c r="I22064" s="2">
        <v>1</v>
      </c>
      <c r="J22064" s="2">
        <v>0</v>
      </c>
      <c r="K22064" s="2">
        <v>0</v>
      </c>
      <c r="L22064" t="s">
        <v>120</v>
      </c>
      <c r="M22064" t="s">
        <v>89</v>
      </c>
      <c r="N22064" t="s">
        <v>90</v>
      </c>
      <c r="O22064" t="s">
        <v>85</v>
      </c>
      <c r="P22064" t="s">
        <v>86</v>
      </c>
      <c r="Q22064">
        <v>62</v>
      </c>
      <c r="R22064">
        <v>65</v>
      </c>
      <c r="S22064">
        <v>67</v>
      </c>
      <c r="T22064">
        <v>69</v>
      </c>
      <c r="U22064">
        <v>71</v>
      </c>
      <c r="V22064">
        <v>74</v>
      </c>
      <c r="W22064">
        <v>76</v>
      </c>
      <c r="X22064">
        <v>78</v>
      </c>
      <c r="Y22064">
        <v>80</v>
      </c>
      <c r="Z22064">
        <v>83</v>
      </c>
      <c r="AA22064">
        <v>85</v>
      </c>
      <c r="AB22064">
        <v>87</v>
      </c>
      <c r="AC22064">
        <v>90</v>
      </c>
      <c r="AD22064">
        <v>92</v>
      </c>
      <c r="AE22064">
        <v>94</v>
      </c>
      <c r="AF22064">
        <v>96</v>
      </c>
      <c r="AG22064">
        <v>97</v>
      </c>
      <c r="AH22064">
        <v>98</v>
      </c>
      <c r="AI22064">
        <v>100</v>
      </c>
      <c r="AJ22064">
        <v>101</v>
      </c>
      <c r="AK22064">
        <v>102</v>
      </c>
      <c r="AL22064">
        <v>104</v>
      </c>
      <c r="AM22064">
        <v>105</v>
      </c>
      <c r="AN22064">
        <v>106</v>
      </c>
      <c r="AO22064">
        <v>108</v>
      </c>
      <c r="AP22064">
        <v>109</v>
      </c>
      <c r="AQ22064">
        <v>111</v>
      </c>
    </row>
    <row r="22065" spans="1:43">
      <c r="A22065" t="s">
        <v>13671</v>
      </c>
      <c r="B22065" t="s">
        <v>13672</v>
      </c>
      <c r="C22065" t="s">
        <v>13669</v>
      </c>
      <c r="D22065" t="s">
        <v>13670</v>
      </c>
      <c r="E22065" t="s">
        <v>13539</v>
      </c>
      <c r="F22065" t="s">
        <v>13540</v>
      </c>
      <c r="G22065" t="s">
        <v>10214</v>
      </c>
      <c r="H22065" t="s">
        <v>10215</v>
      </c>
      <c r="I22065" s="2">
        <v>1</v>
      </c>
      <c r="J22065" s="2">
        <v>0</v>
      </c>
      <c r="K22065" s="2">
        <v>0</v>
      </c>
      <c r="L22065" t="s">
        <v>120</v>
      </c>
      <c r="M22065" t="s">
        <v>83</v>
      </c>
      <c r="N22065" t="s">
        <v>91</v>
      </c>
      <c r="O22065" t="s">
        <v>85</v>
      </c>
      <c r="P22065" t="s">
        <v>86</v>
      </c>
      <c r="Q22065">
        <v>62</v>
      </c>
      <c r="R22065">
        <v>63</v>
      </c>
      <c r="S22065">
        <v>65</v>
      </c>
      <c r="T22065">
        <v>67</v>
      </c>
      <c r="U22065">
        <v>69</v>
      </c>
      <c r="V22065">
        <v>70</v>
      </c>
      <c r="W22065">
        <v>72</v>
      </c>
      <c r="X22065">
        <v>74</v>
      </c>
      <c r="Y22065">
        <v>76</v>
      </c>
      <c r="Z22065">
        <v>78</v>
      </c>
      <c r="AA22065">
        <v>80</v>
      </c>
      <c r="AB22065">
        <v>82</v>
      </c>
      <c r="AC22065">
        <v>84</v>
      </c>
      <c r="AD22065">
        <v>86</v>
      </c>
      <c r="AE22065">
        <v>88</v>
      </c>
      <c r="AF22065">
        <v>90</v>
      </c>
      <c r="AG22065">
        <v>92</v>
      </c>
      <c r="AH22065">
        <v>94</v>
      </c>
      <c r="AI22065">
        <v>97</v>
      </c>
      <c r="AJ22065">
        <v>99</v>
      </c>
      <c r="AK22065">
        <v>101</v>
      </c>
      <c r="AL22065">
        <v>103</v>
      </c>
      <c r="AM22065">
        <v>104</v>
      </c>
      <c r="AN22065">
        <v>106</v>
      </c>
      <c r="AO22065">
        <v>107</v>
      </c>
      <c r="AP22065">
        <v>109</v>
      </c>
      <c r="AQ22065">
        <v>110</v>
      </c>
    </row>
    <row r="22066" spans="1:43">
      <c r="A22066" t="s">
        <v>13673</v>
      </c>
      <c r="B22066" t="s">
        <v>13674</v>
      </c>
      <c r="C22066" t="s">
        <v>13669</v>
      </c>
      <c r="D22066" t="s">
        <v>13670</v>
      </c>
      <c r="E22066" t="s">
        <v>13539</v>
      </c>
      <c r="F22066" t="s">
        <v>13540</v>
      </c>
      <c r="G22066" t="s">
        <v>10214</v>
      </c>
      <c r="H22066" t="s">
        <v>10215</v>
      </c>
      <c r="I22066" s="2">
        <v>1</v>
      </c>
      <c r="J22066" s="2">
        <v>0</v>
      </c>
      <c r="K22066" s="2">
        <v>0</v>
      </c>
      <c r="L22066" t="s">
        <v>120</v>
      </c>
      <c r="M22066" t="s">
        <v>83</v>
      </c>
      <c r="N22066" t="s">
        <v>84</v>
      </c>
      <c r="O22066" t="s">
        <v>85</v>
      </c>
      <c r="P22066" t="s">
        <v>86</v>
      </c>
      <c r="Q22066">
        <v>39</v>
      </c>
      <c r="R22066">
        <v>40</v>
      </c>
      <c r="S22066">
        <v>41</v>
      </c>
      <c r="T22066">
        <v>42</v>
      </c>
      <c r="U22066">
        <v>44</v>
      </c>
      <c r="V22066">
        <v>45</v>
      </c>
      <c r="W22066">
        <v>46</v>
      </c>
      <c r="X22066">
        <v>47</v>
      </c>
      <c r="Y22066">
        <v>48</v>
      </c>
      <c r="Z22066">
        <v>49</v>
      </c>
      <c r="AA22066">
        <v>51</v>
      </c>
      <c r="AB22066">
        <v>52</v>
      </c>
      <c r="AC22066">
        <v>53</v>
      </c>
      <c r="AD22066">
        <v>54</v>
      </c>
      <c r="AE22066">
        <v>56</v>
      </c>
      <c r="AF22066">
        <v>57</v>
      </c>
      <c r="AG22066">
        <v>58</v>
      </c>
      <c r="AH22066">
        <v>60</v>
      </c>
      <c r="AI22066">
        <v>61</v>
      </c>
      <c r="AJ22066">
        <v>63</v>
      </c>
      <c r="AK22066">
        <v>64</v>
      </c>
      <c r="AL22066">
        <v>65</v>
      </c>
      <c r="AM22066">
        <v>66</v>
      </c>
      <c r="AN22066">
        <v>67</v>
      </c>
      <c r="AO22066">
        <v>68</v>
      </c>
      <c r="AP22066">
        <v>69</v>
      </c>
      <c r="AQ22066">
        <v>70</v>
      </c>
    </row>
    <row r="22067" spans="1:43">
      <c r="A22067" t="s">
        <v>13673</v>
      </c>
      <c r="B22067" t="s">
        <v>13674</v>
      </c>
      <c r="C22067" t="s">
        <v>13669</v>
      </c>
      <c r="D22067" t="s">
        <v>13670</v>
      </c>
      <c r="E22067" t="s">
        <v>13539</v>
      </c>
      <c r="F22067" t="s">
        <v>13540</v>
      </c>
      <c r="G22067" t="s">
        <v>10214</v>
      </c>
      <c r="H22067" t="s">
        <v>10215</v>
      </c>
      <c r="I22067" s="2">
        <v>1</v>
      </c>
      <c r="J22067" s="2">
        <v>0</v>
      </c>
      <c r="K22067" s="2">
        <v>0</v>
      </c>
      <c r="L22067" t="s">
        <v>120</v>
      </c>
      <c r="M22067" t="s">
        <v>87</v>
      </c>
      <c r="N22067" t="s">
        <v>88</v>
      </c>
      <c r="O22067" t="s">
        <v>85</v>
      </c>
      <c r="P22067" t="s">
        <v>86</v>
      </c>
      <c r="Q22067">
        <v>39</v>
      </c>
      <c r="R22067">
        <v>39</v>
      </c>
      <c r="S22067">
        <v>40</v>
      </c>
      <c r="T22067">
        <v>41</v>
      </c>
      <c r="U22067">
        <v>42</v>
      </c>
      <c r="V22067">
        <v>42</v>
      </c>
      <c r="W22067">
        <v>43</v>
      </c>
      <c r="X22067">
        <v>44</v>
      </c>
      <c r="Y22067">
        <v>45</v>
      </c>
      <c r="Z22067">
        <v>45</v>
      </c>
      <c r="AA22067">
        <v>46</v>
      </c>
      <c r="AB22067">
        <v>47</v>
      </c>
      <c r="AC22067">
        <v>48</v>
      </c>
      <c r="AD22067">
        <v>49</v>
      </c>
      <c r="AE22067">
        <v>49</v>
      </c>
      <c r="AF22067">
        <v>50</v>
      </c>
      <c r="AG22067">
        <v>51</v>
      </c>
      <c r="AH22067">
        <v>52</v>
      </c>
      <c r="AI22067">
        <v>53</v>
      </c>
      <c r="AJ22067">
        <v>54</v>
      </c>
      <c r="AK22067">
        <v>55</v>
      </c>
      <c r="AL22067">
        <v>56</v>
      </c>
      <c r="AM22067">
        <v>57</v>
      </c>
      <c r="AN22067">
        <v>58</v>
      </c>
      <c r="AO22067">
        <v>59</v>
      </c>
      <c r="AP22067">
        <v>60</v>
      </c>
      <c r="AQ22067">
        <v>61</v>
      </c>
    </row>
    <row r="22068" spans="1:43">
      <c r="A22068" t="s">
        <v>13673</v>
      </c>
      <c r="B22068" t="s">
        <v>13674</v>
      </c>
      <c r="C22068" t="s">
        <v>13669</v>
      </c>
      <c r="D22068" t="s">
        <v>13670</v>
      </c>
      <c r="E22068" t="s">
        <v>13539</v>
      </c>
      <c r="F22068" t="s">
        <v>13540</v>
      </c>
      <c r="G22068" t="s">
        <v>10214</v>
      </c>
      <c r="H22068" t="s">
        <v>10215</v>
      </c>
      <c r="I22068" s="2">
        <v>1</v>
      </c>
      <c r="J22068" s="2">
        <v>0</v>
      </c>
      <c r="K22068" s="2">
        <v>0</v>
      </c>
      <c r="L22068" t="s">
        <v>120</v>
      </c>
      <c r="M22068" t="s">
        <v>89</v>
      </c>
      <c r="N22068" t="s">
        <v>90</v>
      </c>
      <c r="O22068" t="s">
        <v>85</v>
      </c>
      <c r="P22068" t="s">
        <v>86</v>
      </c>
      <c r="Q22068">
        <v>39</v>
      </c>
      <c r="R22068">
        <v>41</v>
      </c>
      <c r="S22068">
        <v>42</v>
      </c>
      <c r="T22068">
        <v>44</v>
      </c>
      <c r="U22068">
        <v>45</v>
      </c>
      <c r="V22068">
        <v>47</v>
      </c>
      <c r="W22068">
        <v>48</v>
      </c>
      <c r="X22068">
        <v>50</v>
      </c>
      <c r="Y22068">
        <v>51</v>
      </c>
      <c r="Z22068">
        <v>52</v>
      </c>
      <c r="AA22068">
        <v>54</v>
      </c>
      <c r="AB22068">
        <v>55</v>
      </c>
      <c r="AC22068">
        <v>57</v>
      </c>
      <c r="AD22068">
        <v>58</v>
      </c>
      <c r="AE22068">
        <v>60</v>
      </c>
      <c r="AF22068">
        <v>60</v>
      </c>
      <c r="AG22068">
        <v>61</v>
      </c>
      <c r="AH22068">
        <v>62</v>
      </c>
      <c r="AI22068">
        <v>63</v>
      </c>
      <c r="AJ22068">
        <v>64</v>
      </c>
      <c r="AK22068">
        <v>65</v>
      </c>
      <c r="AL22068">
        <v>65</v>
      </c>
      <c r="AM22068">
        <v>66</v>
      </c>
      <c r="AN22068">
        <v>67</v>
      </c>
      <c r="AO22068">
        <v>68</v>
      </c>
      <c r="AP22068">
        <v>69</v>
      </c>
      <c r="AQ22068">
        <v>70</v>
      </c>
    </row>
    <row r="22069" spans="1:43">
      <c r="A22069" t="s">
        <v>13673</v>
      </c>
      <c r="B22069" t="s">
        <v>13674</v>
      </c>
      <c r="C22069" t="s">
        <v>13669</v>
      </c>
      <c r="D22069" t="s">
        <v>13670</v>
      </c>
      <c r="E22069" t="s">
        <v>13539</v>
      </c>
      <c r="F22069" t="s">
        <v>13540</v>
      </c>
      <c r="G22069" t="s">
        <v>10214</v>
      </c>
      <c r="H22069" t="s">
        <v>10215</v>
      </c>
      <c r="I22069" s="2">
        <v>1</v>
      </c>
      <c r="J22069" s="2">
        <v>0</v>
      </c>
      <c r="K22069" s="2">
        <v>0</v>
      </c>
      <c r="L22069" t="s">
        <v>120</v>
      </c>
      <c r="M22069" t="s">
        <v>83</v>
      </c>
      <c r="N22069" t="s">
        <v>91</v>
      </c>
      <c r="O22069" t="s">
        <v>85</v>
      </c>
      <c r="P22069" t="s">
        <v>86</v>
      </c>
      <c r="Q22069">
        <v>39</v>
      </c>
      <c r="R22069">
        <v>40</v>
      </c>
      <c r="S22069">
        <v>41</v>
      </c>
      <c r="T22069">
        <v>42</v>
      </c>
      <c r="U22069">
        <v>44</v>
      </c>
      <c r="V22069">
        <v>45</v>
      </c>
      <c r="W22069">
        <v>46</v>
      </c>
      <c r="X22069">
        <v>47</v>
      </c>
      <c r="Y22069">
        <v>48</v>
      </c>
      <c r="Z22069">
        <v>49</v>
      </c>
      <c r="AA22069">
        <v>51</v>
      </c>
      <c r="AB22069">
        <v>52</v>
      </c>
      <c r="AC22069">
        <v>53</v>
      </c>
      <c r="AD22069">
        <v>54</v>
      </c>
      <c r="AE22069">
        <v>56</v>
      </c>
      <c r="AF22069">
        <v>57</v>
      </c>
      <c r="AG22069">
        <v>58</v>
      </c>
      <c r="AH22069">
        <v>60</v>
      </c>
      <c r="AI22069">
        <v>61</v>
      </c>
      <c r="AJ22069">
        <v>63</v>
      </c>
      <c r="AK22069">
        <v>64</v>
      </c>
      <c r="AL22069">
        <v>65</v>
      </c>
      <c r="AM22069">
        <v>66</v>
      </c>
      <c r="AN22069">
        <v>67</v>
      </c>
      <c r="AO22069">
        <v>68</v>
      </c>
      <c r="AP22069">
        <v>69</v>
      </c>
      <c r="AQ22069">
        <v>70</v>
      </c>
    </row>
    <row r="22070" spans="1:43">
      <c r="A22070" t="s">
        <v>13675</v>
      </c>
      <c r="B22070" t="s">
        <v>13676</v>
      </c>
      <c r="C22070" t="s">
        <v>13677</v>
      </c>
      <c r="D22070" t="s">
        <v>13678</v>
      </c>
      <c r="E22070" t="s">
        <v>13539</v>
      </c>
      <c r="F22070" t="s">
        <v>13540</v>
      </c>
      <c r="G22070" t="s">
        <v>10214</v>
      </c>
      <c r="H22070" t="s">
        <v>10215</v>
      </c>
      <c r="I22070" s="2">
        <v>1</v>
      </c>
      <c r="J22070" s="2">
        <v>0</v>
      </c>
      <c r="K22070" s="2">
        <v>0</v>
      </c>
      <c r="L22070" t="s">
        <v>120</v>
      </c>
      <c r="M22070" t="s">
        <v>83</v>
      </c>
      <c r="N22070" t="s">
        <v>84</v>
      </c>
      <c r="O22070" t="s">
        <v>85</v>
      </c>
      <c r="P22070" t="s">
        <v>86</v>
      </c>
      <c r="Q22070">
        <v>31</v>
      </c>
      <c r="R22070">
        <v>31</v>
      </c>
      <c r="S22070">
        <v>32</v>
      </c>
      <c r="T22070">
        <v>33</v>
      </c>
      <c r="U22070">
        <v>34</v>
      </c>
      <c r="V22070">
        <v>35</v>
      </c>
      <c r="W22070">
        <v>36</v>
      </c>
      <c r="X22070">
        <v>37</v>
      </c>
      <c r="Y22070">
        <v>38</v>
      </c>
      <c r="Z22070">
        <v>39</v>
      </c>
      <c r="AA22070">
        <v>40</v>
      </c>
      <c r="AB22070">
        <v>41</v>
      </c>
      <c r="AC22070">
        <v>41</v>
      </c>
      <c r="AD22070">
        <v>42</v>
      </c>
      <c r="AE22070">
        <v>43</v>
      </c>
      <c r="AF22070">
        <v>45</v>
      </c>
      <c r="AG22070">
        <v>46</v>
      </c>
      <c r="AH22070">
        <v>47</v>
      </c>
      <c r="AI22070">
        <v>48</v>
      </c>
      <c r="AJ22070">
        <v>49</v>
      </c>
      <c r="AK22070">
        <v>50</v>
      </c>
      <c r="AL22070">
        <v>51</v>
      </c>
      <c r="AM22070">
        <v>52</v>
      </c>
      <c r="AN22070">
        <v>52</v>
      </c>
      <c r="AO22070">
        <v>53</v>
      </c>
      <c r="AP22070">
        <v>54</v>
      </c>
      <c r="AQ22070">
        <v>54</v>
      </c>
    </row>
    <row r="22071" spans="1:43">
      <c r="A22071" t="s">
        <v>13675</v>
      </c>
      <c r="B22071" t="s">
        <v>13676</v>
      </c>
      <c r="C22071" t="s">
        <v>13677</v>
      </c>
      <c r="D22071" t="s">
        <v>13678</v>
      </c>
      <c r="E22071" t="s">
        <v>13539</v>
      </c>
      <c r="F22071" t="s">
        <v>13540</v>
      </c>
      <c r="G22071" t="s">
        <v>10214</v>
      </c>
      <c r="H22071" t="s">
        <v>10215</v>
      </c>
      <c r="I22071" s="2">
        <v>1</v>
      </c>
      <c r="J22071" s="2">
        <v>0</v>
      </c>
      <c r="K22071" s="2">
        <v>0</v>
      </c>
      <c r="L22071" t="s">
        <v>120</v>
      </c>
      <c r="M22071" t="s">
        <v>87</v>
      </c>
      <c r="N22071" t="s">
        <v>88</v>
      </c>
      <c r="O22071" t="s">
        <v>85</v>
      </c>
      <c r="P22071" t="s">
        <v>86</v>
      </c>
      <c r="Q22071">
        <v>31</v>
      </c>
      <c r="R22071">
        <v>32</v>
      </c>
      <c r="S22071">
        <v>32</v>
      </c>
      <c r="T22071">
        <v>33</v>
      </c>
      <c r="U22071">
        <v>34</v>
      </c>
      <c r="V22071">
        <v>34</v>
      </c>
      <c r="W22071">
        <v>35</v>
      </c>
      <c r="X22071">
        <v>35</v>
      </c>
      <c r="Y22071">
        <v>36</v>
      </c>
      <c r="Z22071">
        <v>36</v>
      </c>
      <c r="AA22071">
        <v>37</v>
      </c>
      <c r="AB22071">
        <v>38</v>
      </c>
      <c r="AC22071">
        <v>38</v>
      </c>
      <c r="AD22071">
        <v>39</v>
      </c>
      <c r="AE22071">
        <v>40</v>
      </c>
      <c r="AF22071">
        <v>40</v>
      </c>
      <c r="AG22071">
        <v>41</v>
      </c>
      <c r="AH22071">
        <v>42</v>
      </c>
      <c r="AI22071">
        <v>42</v>
      </c>
      <c r="AJ22071">
        <v>43</v>
      </c>
      <c r="AK22071">
        <v>44</v>
      </c>
      <c r="AL22071">
        <v>45</v>
      </c>
      <c r="AM22071">
        <v>45</v>
      </c>
      <c r="AN22071">
        <v>46</v>
      </c>
      <c r="AO22071">
        <v>47</v>
      </c>
      <c r="AP22071">
        <v>48</v>
      </c>
      <c r="AQ22071">
        <v>48</v>
      </c>
    </row>
    <row r="22072" spans="1:43">
      <c r="A22072" t="s">
        <v>13675</v>
      </c>
      <c r="B22072" t="s">
        <v>13676</v>
      </c>
      <c r="C22072" t="s">
        <v>13677</v>
      </c>
      <c r="D22072" t="s">
        <v>13678</v>
      </c>
      <c r="E22072" t="s">
        <v>13539</v>
      </c>
      <c r="F22072" t="s">
        <v>13540</v>
      </c>
      <c r="G22072" t="s">
        <v>10214</v>
      </c>
      <c r="H22072" t="s">
        <v>10215</v>
      </c>
      <c r="I22072" s="2">
        <v>1</v>
      </c>
      <c r="J22072" s="2">
        <v>0</v>
      </c>
      <c r="K22072" s="2">
        <v>0</v>
      </c>
      <c r="L22072" t="s">
        <v>120</v>
      </c>
      <c r="M22072" t="s">
        <v>89</v>
      </c>
      <c r="N22072" t="s">
        <v>90</v>
      </c>
      <c r="O22072" t="s">
        <v>85</v>
      </c>
      <c r="P22072" t="s">
        <v>86</v>
      </c>
      <c r="Q22072">
        <v>31</v>
      </c>
      <c r="R22072">
        <v>32</v>
      </c>
      <c r="S22072">
        <v>33</v>
      </c>
      <c r="T22072">
        <v>34</v>
      </c>
      <c r="U22072">
        <v>35</v>
      </c>
      <c r="V22072">
        <v>36</v>
      </c>
      <c r="W22072">
        <v>38</v>
      </c>
      <c r="X22072">
        <v>39</v>
      </c>
      <c r="Y22072">
        <v>40</v>
      </c>
      <c r="Z22072">
        <v>41</v>
      </c>
      <c r="AA22072">
        <v>42</v>
      </c>
      <c r="AB22072">
        <v>43</v>
      </c>
      <c r="AC22072">
        <v>44</v>
      </c>
      <c r="AD22072">
        <v>46</v>
      </c>
      <c r="AE22072">
        <v>47</v>
      </c>
      <c r="AF22072">
        <v>47</v>
      </c>
      <c r="AG22072">
        <v>48</v>
      </c>
      <c r="AH22072">
        <v>49</v>
      </c>
      <c r="AI22072">
        <v>49</v>
      </c>
      <c r="AJ22072">
        <v>50</v>
      </c>
      <c r="AK22072">
        <v>51</v>
      </c>
      <c r="AL22072">
        <v>51</v>
      </c>
      <c r="AM22072">
        <v>52</v>
      </c>
      <c r="AN22072">
        <v>53</v>
      </c>
      <c r="AO22072">
        <v>53</v>
      </c>
      <c r="AP22072">
        <v>54</v>
      </c>
      <c r="AQ22072">
        <v>55</v>
      </c>
    </row>
    <row r="22073" spans="1:43">
      <c r="A22073" t="s">
        <v>13675</v>
      </c>
      <c r="B22073" t="s">
        <v>13676</v>
      </c>
      <c r="C22073" t="s">
        <v>13677</v>
      </c>
      <c r="D22073" t="s">
        <v>13678</v>
      </c>
      <c r="E22073" t="s">
        <v>13539</v>
      </c>
      <c r="F22073" t="s">
        <v>13540</v>
      </c>
      <c r="G22073" t="s">
        <v>10214</v>
      </c>
      <c r="H22073" t="s">
        <v>10215</v>
      </c>
      <c r="I22073" s="2">
        <v>1</v>
      </c>
      <c r="J22073" s="2">
        <v>0</v>
      </c>
      <c r="K22073" s="2">
        <v>0</v>
      </c>
      <c r="L22073" t="s">
        <v>120</v>
      </c>
      <c r="M22073" t="s">
        <v>83</v>
      </c>
      <c r="N22073" t="s">
        <v>91</v>
      </c>
      <c r="O22073" t="s">
        <v>85</v>
      </c>
      <c r="P22073" t="s">
        <v>86</v>
      </c>
      <c r="Q22073">
        <v>31</v>
      </c>
      <c r="R22073">
        <v>31</v>
      </c>
      <c r="S22073">
        <v>32</v>
      </c>
      <c r="T22073">
        <v>33</v>
      </c>
      <c r="U22073">
        <v>34</v>
      </c>
      <c r="V22073">
        <v>35</v>
      </c>
      <c r="W22073">
        <v>36</v>
      </c>
      <c r="X22073">
        <v>37</v>
      </c>
      <c r="Y22073">
        <v>38</v>
      </c>
      <c r="Z22073">
        <v>39</v>
      </c>
      <c r="AA22073">
        <v>40</v>
      </c>
      <c r="AB22073">
        <v>41</v>
      </c>
      <c r="AC22073">
        <v>41</v>
      </c>
      <c r="AD22073">
        <v>42</v>
      </c>
      <c r="AE22073">
        <v>43</v>
      </c>
      <c r="AF22073">
        <v>45</v>
      </c>
      <c r="AG22073">
        <v>46</v>
      </c>
      <c r="AH22073">
        <v>47</v>
      </c>
      <c r="AI22073">
        <v>48</v>
      </c>
      <c r="AJ22073">
        <v>49</v>
      </c>
      <c r="AK22073">
        <v>50</v>
      </c>
      <c r="AL22073">
        <v>51</v>
      </c>
      <c r="AM22073">
        <v>52</v>
      </c>
      <c r="AN22073">
        <v>52</v>
      </c>
      <c r="AO22073">
        <v>53</v>
      </c>
      <c r="AP22073">
        <v>54</v>
      </c>
      <c r="AQ22073">
        <v>54</v>
      </c>
    </row>
    <row r="22074" spans="1:43">
      <c r="A22074" t="s">
        <v>13679</v>
      </c>
      <c r="B22074" t="s">
        <v>13680</v>
      </c>
      <c r="C22074" t="s">
        <v>13677</v>
      </c>
      <c r="D22074" t="s">
        <v>13678</v>
      </c>
      <c r="E22074" t="s">
        <v>13539</v>
      </c>
      <c r="F22074" t="s">
        <v>13540</v>
      </c>
      <c r="G22074" t="s">
        <v>10214</v>
      </c>
      <c r="H22074" t="s">
        <v>10215</v>
      </c>
      <c r="I22074" s="2">
        <v>1</v>
      </c>
      <c r="J22074" s="2">
        <v>0</v>
      </c>
      <c r="K22074" s="2">
        <v>0</v>
      </c>
      <c r="L22074" t="s">
        <v>120</v>
      </c>
      <c r="M22074" t="s">
        <v>83</v>
      </c>
      <c r="N22074" t="s">
        <v>84</v>
      </c>
      <c r="O22074" t="s">
        <v>85</v>
      </c>
      <c r="P22074" t="s">
        <v>86</v>
      </c>
      <c r="Q22074">
        <v>48</v>
      </c>
      <c r="R22074">
        <v>49</v>
      </c>
      <c r="S22074">
        <v>50</v>
      </c>
      <c r="T22074">
        <v>52</v>
      </c>
      <c r="U22074">
        <v>53</v>
      </c>
      <c r="V22074">
        <v>54</v>
      </c>
      <c r="W22074">
        <v>56</v>
      </c>
      <c r="X22074">
        <v>57</v>
      </c>
      <c r="Y22074">
        <v>59</v>
      </c>
      <c r="Z22074">
        <v>60</v>
      </c>
      <c r="AA22074">
        <v>62</v>
      </c>
      <c r="AB22074">
        <v>63</v>
      </c>
      <c r="AC22074">
        <v>65</v>
      </c>
      <c r="AD22074">
        <v>66</v>
      </c>
      <c r="AE22074">
        <v>68</v>
      </c>
      <c r="AF22074">
        <v>69</v>
      </c>
      <c r="AG22074">
        <v>71</v>
      </c>
      <c r="AH22074">
        <v>73</v>
      </c>
      <c r="AI22074">
        <v>74</v>
      </c>
      <c r="AJ22074">
        <v>76</v>
      </c>
      <c r="AK22074">
        <v>78</v>
      </c>
      <c r="AL22074">
        <v>79</v>
      </c>
      <c r="AM22074">
        <v>80</v>
      </c>
      <c r="AN22074">
        <v>81</v>
      </c>
      <c r="AO22074">
        <v>83</v>
      </c>
      <c r="AP22074">
        <v>84</v>
      </c>
      <c r="AQ22074">
        <v>85</v>
      </c>
    </row>
    <row r="22075" spans="1:43">
      <c r="A22075" t="s">
        <v>13679</v>
      </c>
      <c r="B22075" t="s">
        <v>13680</v>
      </c>
      <c r="C22075" t="s">
        <v>13677</v>
      </c>
      <c r="D22075" t="s">
        <v>13678</v>
      </c>
      <c r="E22075" t="s">
        <v>13539</v>
      </c>
      <c r="F22075" t="s">
        <v>13540</v>
      </c>
      <c r="G22075" t="s">
        <v>10214</v>
      </c>
      <c r="H22075" t="s">
        <v>10215</v>
      </c>
      <c r="I22075" s="2">
        <v>1</v>
      </c>
      <c r="J22075" s="2">
        <v>0</v>
      </c>
      <c r="K22075" s="2">
        <v>0</v>
      </c>
      <c r="L22075" t="s">
        <v>120</v>
      </c>
      <c r="M22075" t="s">
        <v>87</v>
      </c>
      <c r="N22075" t="s">
        <v>88</v>
      </c>
      <c r="O22075" t="s">
        <v>85</v>
      </c>
      <c r="P22075" t="s">
        <v>86</v>
      </c>
      <c r="Q22075">
        <v>48</v>
      </c>
      <c r="R22075">
        <v>49</v>
      </c>
      <c r="S22075">
        <v>50</v>
      </c>
      <c r="T22075">
        <v>51</v>
      </c>
      <c r="U22075">
        <v>52</v>
      </c>
      <c r="V22075">
        <v>53</v>
      </c>
      <c r="W22075">
        <v>53</v>
      </c>
      <c r="X22075">
        <v>54</v>
      </c>
      <c r="Y22075">
        <v>55</v>
      </c>
      <c r="Z22075">
        <v>56</v>
      </c>
      <c r="AA22075">
        <v>57</v>
      </c>
      <c r="AB22075">
        <v>58</v>
      </c>
      <c r="AC22075">
        <v>59</v>
      </c>
      <c r="AD22075">
        <v>60</v>
      </c>
      <c r="AE22075">
        <v>61</v>
      </c>
      <c r="AF22075">
        <v>62</v>
      </c>
      <c r="AG22075">
        <v>63</v>
      </c>
      <c r="AH22075">
        <v>64</v>
      </c>
      <c r="AI22075">
        <v>66</v>
      </c>
      <c r="AJ22075">
        <v>67</v>
      </c>
      <c r="AK22075">
        <v>68</v>
      </c>
      <c r="AL22075">
        <v>69</v>
      </c>
      <c r="AM22075">
        <v>70</v>
      </c>
      <c r="AN22075">
        <v>71</v>
      </c>
      <c r="AO22075">
        <v>73</v>
      </c>
      <c r="AP22075">
        <v>74</v>
      </c>
      <c r="AQ22075">
        <v>75</v>
      </c>
    </row>
    <row r="22076" spans="1:43">
      <c r="A22076" t="s">
        <v>13679</v>
      </c>
      <c r="B22076" t="s">
        <v>13680</v>
      </c>
      <c r="C22076" t="s">
        <v>13677</v>
      </c>
      <c r="D22076" t="s">
        <v>13678</v>
      </c>
      <c r="E22076" t="s">
        <v>13539</v>
      </c>
      <c r="F22076" t="s">
        <v>13540</v>
      </c>
      <c r="G22076" t="s">
        <v>10214</v>
      </c>
      <c r="H22076" t="s">
        <v>10215</v>
      </c>
      <c r="I22076" s="2">
        <v>1</v>
      </c>
      <c r="J22076" s="2">
        <v>0</v>
      </c>
      <c r="K22076" s="2">
        <v>0</v>
      </c>
      <c r="L22076" t="s">
        <v>120</v>
      </c>
      <c r="M22076" t="s">
        <v>89</v>
      </c>
      <c r="N22076" t="s">
        <v>90</v>
      </c>
      <c r="O22076" t="s">
        <v>85</v>
      </c>
      <c r="P22076" t="s">
        <v>86</v>
      </c>
      <c r="Q22076">
        <v>48</v>
      </c>
      <c r="R22076">
        <v>50</v>
      </c>
      <c r="S22076">
        <v>52</v>
      </c>
      <c r="T22076">
        <v>53</v>
      </c>
      <c r="U22076">
        <v>55</v>
      </c>
      <c r="V22076">
        <v>57</v>
      </c>
      <c r="W22076">
        <v>59</v>
      </c>
      <c r="X22076">
        <v>60</v>
      </c>
      <c r="Y22076">
        <v>62</v>
      </c>
      <c r="Z22076">
        <v>64</v>
      </c>
      <c r="AA22076">
        <v>65</v>
      </c>
      <c r="AB22076">
        <v>67</v>
      </c>
      <c r="AC22076">
        <v>69</v>
      </c>
      <c r="AD22076">
        <v>71</v>
      </c>
      <c r="AE22076">
        <v>73</v>
      </c>
      <c r="AF22076">
        <v>74</v>
      </c>
      <c r="AG22076">
        <v>75</v>
      </c>
      <c r="AH22076">
        <v>76</v>
      </c>
      <c r="AI22076">
        <v>77</v>
      </c>
      <c r="AJ22076">
        <v>78</v>
      </c>
      <c r="AK22076">
        <v>79</v>
      </c>
      <c r="AL22076">
        <v>80</v>
      </c>
      <c r="AM22076">
        <v>81</v>
      </c>
      <c r="AN22076">
        <v>82</v>
      </c>
      <c r="AO22076">
        <v>83</v>
      </c>
      <c r="AP22076">
        <v>84</v>
      </c>
      <c r="AQ22076">
        <v>85</v>
      </c>
    </row>
    <row r="22077" spans="1:43">
      <c r="A22077" t="s">
        <v>13679</v>
      </c>
      <c r="B22077" t="s">
        <v>13680</v>
      </c>
      <c r="C22077" t="s">
        <v>13677</v>
      </c>
      <c r="D22077" t="s">
        <v>13678</v>
      </c>
      <c r="E22077" t="s">
        <v>13539</v>
      </c>
      <c r="F22077" t="s">
        <v>13540</v>
      </c>
      <c r="G22077" t="s">
        <v>10214</v>
      </c>
      <c r="H22077" t="s">
        <v>10215</v>
      </c>
      <c r="I22077" s="2">
        <v>1</v>
      </c>
      <c r="J22077" s="2">
        <v>0</v>
      </c>
      <c r="K22077" s="2">
        <v>0</v>
      </c>
      <c r="L22077" t="s">
        <v>120</v>
      </c>
      <c r="M22077" t="s">
        <v>83</v>
      </c>
      <c r="N22077" t="s">
        <v>91</v>
      </c>
      <c r="O22077" t="s">
        <v>85</v>
      </c>
      <c r="P22077" t="s">
        <v>86</v>
      </c>
      <c r="Q22077">
        <v>48</v>
      </c>
      <c r="R22077">
        <v>49</v>
      </c>
      <c r="S22077">
        <v>50</v>
      </c>
      <c r="T22077">
        <v>52</v>
      </c>
      <c r="U22077">
        <v>53</v>
      </c>
      <c r="V22077">
        <v>54</v>
      </c>
      <c r="W22077">
        <v>56</v>
      </c>
      <c r="X22077">
        <v>57</v>
      </c>
      <c r="Y22077">
        <v>59</v>
      </c>
      <c r="Z22077">
        <v>60</v>
      </c>
      <c r="AA22077">
        <v>62</v>
      </c>
      <c r="AB22077">
        <v>63</v>
      </c>
      <c r="AC22077">
        <v>65</v>
      </c>
      <c r="AD22077">
        <v>66</v>
      </c>
      <c r="AE22077">
        <v>68</v>
      </c>
      <c r="AF22077">
        <v>69</v>
      </c>
      <c r="AG22077">
        <v>71</v>
      </c>
      <c r="AH22077">
        <v>73</v>
      </c>
      <c r="AI22077">
        <v>74</v>
      </c>
      <c r="AJ22077">
        <v>76</v>
      </c>
      <c r="AK22077">
        <v>78</v>
      </c>
      <c r="AL22077">
        <v>79</v>
      </c>
      <c r="AM22077">
        <v>80</v>
      </c>
      <c r="AN22077">
        <v>81</v>
      </c>
      <c r="AO22077">
        <v>83</v>
      </c>
      <c r="AP22077">
        <v>84</v>
      </c>
      <c r="AQ22077">
        <v>85</v>
      </c>
    </row>
    <row r="22078" spans="1:43">
      <c r="A22078" t="s">
        <v>13681</v>
      </c>
      <c r="B22078" t="s">
        <v>13682</v>
      </c>
      <c r="C22078" t="s">
        <v>13677</v>
      </c>
      <c r="D22078" t="s">
        <v>13678</v>
      </c>
      <c r="E22078" t="s">
        <v>13539</v>
      </c>
      <c r="F22078" t="s">
        <v>13540</v>
      </c>
      <c r="G22078" t="s">
        <v>10214</v>
      </c>
      <c r="H22078" t="s">
        <v>10215</v>
      </c>
      <c r="I22078" s="2">
        <v>1</v>
      </c>
      <c r="J22078" s="2">
        <v>0</v>
      </c>
      <c r="K22078" s="2">
        <v>0</v>
      </c>
      <c r="L22078" t="s">
        <v>120</v>
      </c>
      <c r="M22078" t="s">
        <v>83</v>
      </c>
      <c r="N22078" t="s">
        <v>84</v>
      </c>
      <c r="O22078" t="s">
        <v>85</v>
      </c>
      <c r="P22078" t="s">
        <v>86</v>
      </c>
      <c r="Q22078">
        <v>8</v>
      </c>
      <c r="R22078">
        <v>9</v>
      </c>
      <c r="S22078">
        <v>9</v>
      </c>
      <c r="T22078">
        <v>9</v>
      </c>
      <c r="U22078">
        <v>9</v>
      </c>
      <c r="V22078">
        <v>10</v>
      </c>
      <c r="W22078">
        <v>10</v>
      </c>
      <c r="X22078">
        <v>10</v>
      </c>
      <c r="Y22078">
        <v>10</v>
      </c>
      <c r="Z22078">
        <v>11</v>
      </c>
      <c r="AA22078">
        <v>11</v>
      </c>
      <c r="AB22078">
        <v>11</v>
      </c>
      <c r="AC22078">
        <v>11</v>
      </c>
      <c r="AD22078">
        <v>12</v>
      </c>
      <c r="AE22078">
        <v>12</v>
      </c>
      <c r="AF22078">
        <v>12</v>
      </c>
      <c r="AG22078">
        <v>13</v>
      </c>
      <c r="AH22078">
        <v>13</v>
      </c>
      <c r="AI22078">
        <v>13</v>
      </c>
      <c r="AJ22078">
        <v>14</v>
      </c>
      <c r="AK22078">
        <v>14</v>
      </c>
      <c r="AL22078">
        <v>14</v>
      </c>
      <c r="AM22078">
        <v>14</v>
      </c>
      <c r="AN22078">
        <v>14</v>
      </c>
      <c r="AO22078">
        <v>15</v>
      </c>
      <c r="AP22078">
        <v>15</v>
      </c>
      <c r="AQ22078">
        <v>15</v>
      </c>
    </row>
    <row r="22079" spans="1:43">
      <c r="A22079" t="s">
        <v>13681</v>
      </c>
      <c r="B22079" t="s">
        <v>13682</v>
      </c>
      <c r="C22079" t="s">
        <v>13677</v>
      </c>
      <c r="D22079" t="s">
        <v>13678</v>
      </c>
      <c r="E22079" t="s">
        <v>13539</v>
      </c>
      <c r="F22079" t="s">
        <v>13540</v>
      </c>
      <c r="G22079" t="s">
        <v>10214</v>
      </c>
      <c r="H22079" t="s">
        <v>10215</v>
      </c>
      <c r="I22079" s="2">
        <v>1</v>
      </c>
      <c r="J22079" s="2">
        <v>0</v>
      </c>
      <c r="K22079" s="2">
        <v>0</v>
      </c>
      <c r="L22079" t="s">
        <v>120</v>
      </c>
      <c r="M22079" t="s">
        <v>87</v>
      </c>
      <c r="N22079" t="s">
        <v>88</v>
      </c>
      <c r="O22079" t="s">
        <v>85</v>
      </c>
      <c r="P22079" t="s">
        <v>86</v>
      </c>
      <c r="Q22079">
        <v>8</v>
      </c>
      <c r="R22079">
        <v>9</v>
      </c>
      <c r="S22079">
        <v>9</v>
      </c>
      <c r="T22079">
        <v>9</v>
      </c>
      <c r="U22079">
        <v>9</v>
      </c>
      <c r="V22079">
        <v>9</v>
      </c>
      <c r="W22079">
        <v>9</v>
      </c>
      <c r="X22079">
        <v>9</v>
      </c>
      <c r="Y22079">
        <v>10</v>
      </c>
      <c r="Z22079">
        <v>10</v>
      </c>
      <c r="AA22079">
        <v>10</v>
      </c>
      <c r="AB22079">
        <v>10</v>
      </c>
      <c r="AC22079">
        <v>10</v>
      </c>
      <c r="AD22079">
        <v>11</v>
      </c>
      <c r="AE22079">
        <v>11</v>
      </c>
      <c r="AF22079">
        <v>11</v>
      </c>
      <c r="AG22079">
        <v>11</v>
      </c>
      <c r="AH22079">
        <v>11</v>
      </c>
      <c r="AI22079">
        <v>11</v>
      </c>
      <c r="AJ22079">
        <v>12</v>
      </c>
      <c r="AK22079">
        <v>12</v>
      </c>
      <c r="AL22079">
        <v>12</v>
      </c>
      <c r="AM22079">
        <v>12</v>
      </c>
      <c r="AN22079">
        <v>12</v>
      </c>
      <c r="AO22079">
        <v>13</v>
      </c>
      <c r="AP22079">
        <v>13</v>
      </c>
      <c r="AQ22079">
        <v>13</v>
      </c>
    </row>
    <row r="22080" spans="1:43">
      <c r="A22080" t="s">
        <v>13681</v>
      </c>
      <c r="B22080" t="s">
        <v>13682</v>
      </c>
      <c r="C22080" t="s">
        <v>13677</v>
      </c>
      <c r="D22080" t="s">
        <v>13678</v>
      </c>
      <c r="E22080" t="s">
        <v>13539</v>
      </c>
      <c r="F22080" t="s">
        <v>13540</v>
      </c>
      <c r="G22080" t="s">
        <v>10214</v>
      </c>
      <c r="H22080" t="s">
        <v>10215</v>
      </c>
      <c r="I22080" s="2">
        <v>1</v>
      </c>
      <c r="J22080" s="2">
        <v>0</v>
      </c>
      <c r="K22080" s="2">
        <v>0</v>
      </c>
      <c r="L22080" t="s">
        <v>120</v>
      </c>
      <c r="M22080" t="s">
        <v>89</v>
      </c>
      <c r="N22080" t="s">
        <v>90</v>
      </c>
      <c r="O22080" t="s">
        <v>85</v>
      </c>
      <c r="P22080" t="s">
        <v>86</v>
      </c>
      <c r="Q22080">
        <v>8</v>
      </c>
      <c r="R22080">
        <v>8</v>
      </c>
      <c r="S22080">
        <v>8</v>
      </c>
      <c r="T22080">
        <v>8</v>
      </c>
      <c r="U22080">
        <v>9</v>
      </c>
      <c r="V22080">
        <v>9</v>
      </c>
      <c r="W22080">
        <v>9</v>
      </c>
      <c r="X22080">
        <v>10</v>
      </c>
      <c r="Y22080">
        <v>10</v>
      </c>
      <c r="Z22080">
        <v>10</v>
      </c>
      <c r="AA22080">
        <v>11</v>
      </c>
      <c r="AB22080">
        <v>11</v>
      </c>
      <c r="AC22080">
        <v>11</v>
      </c>
      <c r="AD22080">
        <v>12</v>
      </c>
      <c r="AE22080">
        <v>12</v>
      </c>
      <c r="AF22080">
        <v>12</v>
      </c>
      <c r="AG22080">
        <v>12</v>
      </c>
      <c r="AH22080">
        <v>12</v>
      </c>
      <c r="AI22080">
        <v>13</v>
      </c>
      <c r="AJ22080">
        <v>13</v>
      </c>
      <c r="AK22080">
        <v>13</v>
      </c>
      <c r="AL22080">
        <v>13</v>
      </c>
      <c r="AM22080">
        <v>13</v>
      </c>
      <c r="AN22080">
        <v>14</v>
      </c>
      <c r="AO22080">
        <v>14</v>
      </c>
      <c r="AP22080">
        <v>14</v>
      </c>
      <c r="AQ22080">
        <v>14</v>
      </c>
    </row>
    <row r="22081" spans="1:43">
      <c r="A22081" t="s">
        <v>13681</v>
      </c>
      <c r="B22081" t="s">
        <v>13682</v>
      </c>
      <c r="C22081" t="s">
        <v>13677</v>
      </c>
      <c r="D22081" t="s">
        <v>13678</v>
      </c>
      <c r="E22081" t="s">
        <v>13539</v>
      </c>
      <c r="F22081" t="s">
        <v>13540</v>
      </c>
      <c r="G22081" t="s">
        <v>10214</v>
      </c>
      <c r="H22081" t="s">
        <v>10215</v>
      </c>
      <c r="I22081" s="2">
        <v>1</v>
      </c>
      <c r="J22081" s="2">
        <v>0</v>
      </c>
      <c r="K22081" s="2">
        <v>0</v>
      </c>
      <c r="L22081" t="s">
        <v>120</v>
      </c>
      <c r="M22081" t="s">
        <v>83</v>
      </c>
      <c r="N22081" t="s">
        <v>91</v>
      </c>
      <c r="O22081" t="s">
        <v>85</v>
      </c>
      <c r="P22081" t="s">
        <v>86</v>
      </c>
      <c r="Q22081">
        <v>8</v>
      </c>
      <c r="R22081">
        <v>9</v>
      </c>
      <c r="S22081">
        <v>9</v>
      </c>
      <c r="T22081">
        <v>9</v>
      </c>
      <c r="U22081">
        <v>9</v>
      </c>
      <c r="V22081">
        <v>10</v>
      </c>
      <c r="W22081">
        <v>10</v>
      </c>
      <c r="X22081">
        <v>10</v>
      </c>
      <c r="Y22081">
        <v>10</v>
      </c>
      <c r="Z22081">
        <v>11</v>
      </c>
      <c r="AA22081">
        <v>11</v>
      </c>
      <c r="AB22081">
        <v>11</v>
      </c>
      <c r="AC22081">
        <v>11</v>
      </c>
      <c r="AD22081">
        <v>12</v>
      </c>
      <c r="AE22081">
        <v>12</v>
      </c>
      <c r="AF22081">
        <v>12</v>
      </c>
      <c r="AG22081">
        <v>13</v>
      </c>
      <c r="AH22081">
        <v>13</v>
      </c>
      <c r="AI22081">
        <v>13</v>
      </c>
      <c r="AJ22081">
        <v>14</v>
      </c>
      <c r="AK22081">
        <v>14</v>
      </c>
      <c r="AL22081">
        <v>14</v>
      </c>
      <c r="AM22081">
        <v>14</v>
      </c>
      <c r="AN22081">
        <v>14</v>
      </c>
      <c r="AO22081">
        <v>15</v>
      </c>
      <c r="AP22081">
        <v>15</v>
      </c>
      <c r="AQ22081">
        <v>15</v>
      </c>
    </row>
    <row r="22082" spans="1:43">
      <c r="A22082" t="s">
        <v>13683</v>
      </c>
      <c r="B22082" t="s">
        <v>13684</v>
      </c>
      <c r="C22082" t="s">
        <v>13677</v>
      </c>
      <c r="D22082" t="s">
        <v>13678</v>
      </c>
      <c r="E22082" t="s">
        <v>13539</v>
      </c>
      <c r="F22082" t="s">
        <v>13540</v>
      </c>
      <c r="G22082" t="s">
        <v>10214</v>
      </c>
      <c r="H22082" t="s">
        <v>10215</v>
      </c>
      <c r="I22082" s="2">
        <v>1</v>
      </c>
      <c r="J22082" s="2">
        <v>0</v>
      </c>
      <c r="K22082" s="2">
        <v>0</v>
      </c>
      <c r="L22082" t="s">
        <v>120</v>
      </c>
      <c r="M22082" t="s">
        <v>83</v>
      </c>
      <c r="N22082" t="s">
        <v>84</v>
      </c>
      <c r="O22082" t="s">
        <v>85</v>
      </c>
      <c r="P22082" t="s">
        <v>86</v>
      </c>
      <c r="Q22082">
        <v>4</v>
      </c>
      <c r="R22082">
        <v>4</v>
      </c>
      <c r="S22082">
        <v>4</v>
      </c>
      <c r="T22082">
        <v>4</v>
      </c>
      <c r="U22082">
        <v>5</v>
      </c>
      <c r="V22082">
        <v>5</v>
      </c>
      <c r="W22082">
        <v>5</v>
      </c>
      <c r="X22082">
        <v>5</v>
      </c>
      <c r="Y22082">
        <v>5</v>
      </c>
      <c r="Z22082">
        <v>5</v>
      </c>
      <c r="AA22082">
        <v>5</v>
      </c>
      <c r="AB22082">
        <v>5</v>
      </c>
      <c r="AC22082">
        <v>6</v>
      </c>
      <c r="AD22082">
        <v>6</v>
      </c>
      <c r="AE22082">
        <v>6</v>
      </c>
      <c r="AF22082">
        <v>6</v>
      </c>
      <c r="AG22082">
        <v>6</v>
      </c>
      <c r="AH22082">
        <v>6</v>
      </c>
      <c r="AI22082">
        <v>6</v>
      </c>
      <c r="AJ22082">
        <v>7</v>
      </c>
      <c r="AK22082">
        <v>7</v>
      </c>
      <c r="AL22082">
        <v>7</v>
      </c>
      <c r="AM22082">
        <v>7</v>
      </c>
      <c r="AN22082">
        <v>7</v>
      </c>
      <c r="AO22082">
        <v>7</v>
      </c>
      <c r="AP22082">
        <v>7</v>
      </c>
      <c r="AQ22082">
        <v>7</v>
      </c>
    </row>
    <row r="22083" spans="1:43">
      <c r="A22083" t="s">
        <v>13683</v>
      </c>
      <c r="B22083" t="s">
        <v>13684</v>
      </c>
      <c r="C22083" t="s">
        <v>13677</v>
      </c>
      <c r="D22083" t="s">
        <v>13678</v>
      </c>
      <c r="E22083" t="s">
        <v>13539</v>
      </c>
      <c r="F22083" t="s">
        <v>13540</v>
      </c>
      <c r="G22083" t="s">
        <v>10214</v>
      </c>
      <c r="H22083" t="s">
        <v>10215</v>
      </c>
      <c r="I22083" s="2">
        <v>1</v>
      </c>
      <c r="J22083" s="2">
        <v>0</v>
      </c>
      <c r="K22083" s="2">
        <v>0</v>
      </c>
      <c r="L22083" t="s">
        <v>120</v>
      </c>
      <c r="M22083" t="s">
        <v>87</v>
      </c>
      <c r="N22083" t="s">
        <v>88</v>
      </c>
      <c r="O22083" t="s">
        <v>85</v>
      </c>
      <c r="P22083" t="s">
        <v>86</v>
      </c>
      <c r="Q22083">
        <v>4</v>
      </c>
      <c r="R22083">
        <v>4</v>
      </c>
      <c r="S22083">
        <v>4</v>
      </c>
      <c r="T22083">
        <v>4</v>
      </c>
      <c r="U22083">
        <v>4</v>
      </c>
      <c r="V22083">
        <v>4</v>
      </c>
      <c r="W22083">
        <v>4</v>
      </c>
      <c r="X22083">
        <v>5</v>
      </c>
      <c r="Y22083">
        <v>5</v>
      </c>
      <c r="Z22083">
        <v>5</v>
      </c>
      <c r="AA22083">
        <v>5</v>
      </c>
      <c r="AB22083">
        <v>5</v>
      </c>
      <c r="AC22083">
        <v>5</v>
      </c>
      <c r="AD22083">
        <v>5</v>
      </c>
      <c r="AE22083">
        <v>5</v>
      </c>
      <c r="AF22083">
        <v>5</v>
      </c>
      <c r="AG22083">
        <v>5</v>
      </c>
      <c r="AH22083">
        <v>5</v>
      </c>
      <c r="AI22083">
        <v>6</v>
      </c>
      <c r="AJ22083">
        <v>6</v>
      </c>
      <c r="AK22083">
        <v>6</v>
      </c>
      <c r="AL22083">
        <v>6</v>
      </c>
      <c r="AM22083">
        <v>6</v>
      </c>
      <c r="AN22083">
        <v>6</v>
      </c>
      <c r="AO22083">
        <v>6</v>
      </c>
      <c r="AP22083">
        <v>6</v>
      </c>
      <c r="AQ22083">
        <v>6</v>
      </c>
    </row>
    <row r="22084" spans="1:43">
      <c r="A22084" t="s">
        <v>13683</v>
      </c>
      <c r="B22084" t="s">
        <v>13684</v>
      </c>
      <c r="C22084" t="s">
        <v>13677</v>
      </c>
      <c r="D22084" t="s">
        <v>13678</v>
      </c>
      <c r="E22084" t="s">
        <v>13539</v>
      </c>
      <c r="F22084" t="s">
        <v>13540</v>
      </c>
      <c r="G22084" t="s">
        <v>10214</v>
      </c>
      <c r="H22084" t="s">
        <v>10215</v>
      </c>
      <c r="I22084" s="2">
        <v>1</v>
      </c>
      <c r="J22084" s="2">
        <v>0</v>
      </c>
      <c r="K22084" s="2">
        <v>0</v>
      </c>
      <c r="L22084" t="s">
        <v>120</v>
      </c>
      <c r="M22084" t="s">
        <v>89</v>
      </c>
      <c r="N22084" t="s">
        <v>90</v>
      </c>
      <c r="O22084" t="s">
        <v>85</v>
      </c>
      <c r="P22084" t="s">
        <v>86</v>
      </c>
      <c r="Q22084">
        <v>4</v>
      </c>
      <c r="R22084">
        <v>4</v>
      </c>
      <c r="S22084">
        <v>4</v>
      </c>
      <c r="T22084">
        <v>5</v>
      </c>
      <c r="U22084">
        <v>5</v>
      </c>
      <c r="V22084">
        <v>5</v>
      </c>
      <c r="W22084">
        <v>5</v>
      </c>
      <c r="X22084">
        <v>5</v>
      </c>
      <c r="Y22084">
        <v>5</v>
      </c>
      <c r="Z22084">
        <v>5</v>
      </c>
      <c r="AA22084">
        <v>6</v>
      </c>
      <c r="AB22084">
        <v>6</v>
      </c>
      <c r="AC22084">
        <v>6</v>
      </c>
      <c r="AD22084">
        <v>6</v>
      </c>
      <c r="AE22084">
        <v>6</v>
      </c>
      <c r="AF22084">
        <v>6</v>
      </c>
      <c r="AG22084">
        <v>6</v>
      </c>
      <c r="AH22084">
        <v>6</v>
      </c>
      <c r="AI22084">
        <v>7</v>
      </c>
      <c r="AJ22084">
        <v>7</v>
      </c>
      <c r="AK22084">
        <v>7</v>
      </c>
      <c r="AL22084">
        <v>7</v>
      </c>
      <c r="AM22084">
        <v>7</v>
      </c>
      <c r="AN22084">
        <v>7</v>
      </c>
      <c r="AO22084">
        <v>7</v>
      </c>
      <c r="AP22084">
        <v>7</v>
      </c>
      <c r="AQ22084">
        <v>7</v>
      </c>
    </row>
    <row r="22085" spans="1:43">
      <c r="A22085" t="s">
        <v>13683</v>
      </c>
      <c r="B22085" t="s">
        <v>13684</v>
      </c>
      <c r="C22085" t="s">
        <v>13677</v>
      </c>
      <c r="D22085" t="s">
        <v>13678</v>
      </c>
      <c r="E22085" t="s">
        <v>13539</v>
      </c>
      <c r="F22085" t="s">
        <v>13540</v>
      </c>
      <c r="G22085" t="s">
        <v>10214</v>
      </c>
      <c r="H22085" t="s">
        <v>10215</v>
      </c>
      <c r="I22085" s="2">
        <v>1</v>
      </c>
      <c r="J22085" s="2">
        <v>0</v>
      </c>
      <c r="K22085" s="2">
        <v>0</v>
      </c>
      <c r="L22085" t="s">
        <v>120</v>
      </c>
      <c r="M22085" t="s">
        <v>83</v>
      </c>
      <c r="N22085" t="s">
        <v>91</v>
      </c>
      <c r="O22085" t="s">
        <v>85</v>
      </c>
      <c r="P22085" t="s">
        <v>86</v>
      </c>
      <c r="Q22085">
        <v>4</v>
      </c>
      <c r="R22085">
        <v>4</v>
      </c>
      <c r="S22085">
        <v>4</v>
      </c>
      <c r="T22085">
        <v>4</v>
      </c>
      <c r="U22085">
        <v>5</v>
      </c>
      <c r="V22085">
        <v>5</v>
      </c>
      <c r="W22085">
        <v>5</v>
      </c>
      <c r="X22085">
        <v>5</v>
      </c>
      <c r="Y22085">
        <v>5</v>
      </c>
      <c r="Z22085">
        <v>5</v>
      </c>
      <c r="AA22085">
        <v>5</v>
      </c>
      <c r="AB22085">
        <v>5</v>
      </c>
      <c r="AC22085">
        <v>6</v>
      </c>
      <c r="AD22085">
        <v>6</v>
      </c>
      <c r="AE22085">
        <v>6</v>
      </c>
      <c r="AF22085">
        <v>6</v>
      </c>
      <c r="AG22085">
        <v>6</v>
      </c>
      <c r="AH22085">
        <v>6</v>
      </c>
      <c r="AI22085">
        <v>6</v>
      </c>
      <c r="AJ22085">
        <v>7</v>
      </c>
      <c r="AK22085">
        <v>7</v>
      </c>
      <c r="AL22085">
        <v>7</v>
      </c>
      <c r="AM22085">
        <v>7</v>
      </c>
      <c r="AN22085">
        <v>7</v>
      </c>
      <c r="AO22085">
        <v>7</v>
      </c>
      <c r="AP22085">
        <v>7</v>
      </c>
      <c r="AQ22085">
        <v>7</v>
      </c>
    </row>
    <row r="22086" spans="1:43">
      <c r="A22086" t="s">
        <v>13685</v>
      </c>
      <c r="B22086" t="s">
        <v>13686</v>
      </c>
      <c r="C22086" t="s">
        <v>13677</v>
      </c>
      <c r="D22086" t="s">
        <v>13678</v>
      </c>
      <c r="E22086" t="s">
        <v>13539</v>
      </c>
      <c r="F22086" t="s">
        <v>13540</v>
      </c>
      <c r="G22086" t="s">
        <v>10214</v>
      </c>
      <c r="H22086" t="s">
        <v>10215</v>
      </c>
      <c r="I22086" s="2">
        <v>1</v>
      </c>
      <c r="J22086" s="2">
        <v>0</v>
      </c>
      <c r="K22086" s="2">
        <v>0</v>
      </c>
      <c r="L22086" t="s">
        <v>120</v>
      </c>
      <c r="M22086" t="s">
        <v>83</v>
      </c>
      <c r="N22086" t="s">
        <v>84</v>
      </c>
      <c r="O22086" t="s">
        <v>85</v>
      </c>
      <c r="P22086" t="s">
        <v>86</v>
      </c>
      <c r="Q22086">
        <v>31</v>
      </c>
      <c r="R22086">
        <v>32</v>
      </c>
      <c r="S22086">
        <v>33</v>
      </c>
      <c r="T22086">
        <v>33</v>
      </c>
      <c r="U22086">
        <v>34</v>
      </c>
      <c r="V22086">
        <v>35</v>
      </c>
      <c r="W22086">
        <v>36</v>
      </c>
      <c r="X22086">
        <v>37</v>
      </c>
      <c r="Y22086">
        <v>38</v>
      </c>
      <c r="Z22086">
        <v>39</v>
      </c>
      <c r="AA22086">
        <v>40</v>
      </c>
      <c r="AB22086">
        <v>41</v>
      </c>
      <c r="AC22086">
        <v>42</v>
      </c>
      <c r="AD22086">
        <v>43</v>
      </c>
      <c r="AE22086">
        <v>44</v>
      </c>
      <c r="AF22086">
        <v>45</v>
      </c>
      <c r="AG22086">
        <v>46</v>
      </c>
      <c r="AH22086">
        <v>47</v>
      </c>
      <c r="AI22086">
        <v>48</v>
      </c>
      <c r="AJ22086">
        <v>49</v>
      </c>
      <c r="AK22086">
        <v>50</v>
      </c>
      <c r="AL22086">
        <v>51</v>
      </c>
      <c r="AM22086">
        <v>52</v>
      </c>
      <c r="AN22086">
        <v>53</v>
      </c>
      <c r="AO22086">
        <v>53</v>
      </c>
      <c r="AP22086">
        <v>54</v>
      </c>
      <c r="AQ22086">
        <v>55</v>
      </c>
    </row>
    <row r="22087" spans="1:43">
      <c r="A22087" t="s">
        <v>13685</v>
      </c>
      <c r="B22087" t="s">
        <v>13686</v>
      </c>
      <c r="C22087" t="s">
        <v>13677</v>
      </c>
      <c r="D22087" t="s">
        <v>13678</v>
      </c>
      <c r="E22087" t="s">
        <v>13539</v>
      </c>
      <c r="F22087" t="s">
        <v>13540</v>
      </c>
      <c r="G22087" t="s">
        <v>10214</v>
      </c>
      <c r="H22087" t="s">
        <v>10215</v>
      </c>
      <c r="I22087" s="2">
        <v>1</v>
      </c>
      <c r="J22087" s="2">
        <v>0</v>
      </c>
      <c r="K22087" s="2">
        <v>0</v>
      </c>
      <c r="L22087" t="s">
        <v>120</v>
      </c>
      <c r="M22087" t="s">
        <v>87</v>
      </c>
      <c r="N22087" t="s">
        <v>88</v>
      </c>
      <c r="O22087" t="s">
        <v>85</v>
      </c>
      <c r="P22087" t="s">
        <v>86</v>
      </c>
      <c r="Q22087">
        <v>31</v>
      </c>
      <c r="R22087">
        <v>31</v>
      </c>
      <c r="S22087">
        <v>32</v>
      </c>
      <c r="T22087">
        <v>32</v>
      </c>
      <c r="U22087">
        <v>33</v>
      </c>
      <c r="V22087">
        <v>33</v>
      </c>
      <c r="W22087">
        <v>34</v>
      </c>
      <c r="X22087">
        <v>35</v>
      </c>
      <c r="Y22087">
        <v>35</v>
      </c>
      <c r="Z22087">
        <v>36</v>
      </c>
      <c r="AA22087">
        <v>36</v>
      </c>
      <c r="AB22087">
        <v>37</v>
      </c>
      <c r="AC22087">
        <v>38</v>
      </c>
      <c r="AD22087">
        <v>38</v>
      </c>
      <c r="AE22087">
        <v>39</v>
      </c>
      <c r="AF22087">
        <v>40</v>
      </c>
      <c r="AG22087">
        <v>40</v>
      </c>
      <c r="AH22087">
        <v>41</v>
      </c>
      <c r="AI22087">
        <v>42</v>
      </c>
      <c r="AJ22087">
        <v>42</v>
      </c>
      <c r="AK22087">
        <v>43</v>
      </c>
      <c r="AL22087">
        <v>44</v>
      </c>
      <c r="AM22087">
        <v>45</v>
      </c>
      <c r="AN22087">
        <v>45</v>
      </c>
      <c r="AO22087">
        <v>46</v>
      </c>
      <c r="AP22087">
        <v>47</v>
      </c>
      <c r="AQ22087">
        <v>48</v>
      </c>
    </row>
    <row r="22088" spans="1:43">
      <c r="A22088" t="s">
        <v>13685</v>
      </c>
      <c r="B22088" t="s">
        <v>13686</v>
      </c>
      <c r="C22088" t="s">
        <v>13677</v>
      </c>
      <c r="D22088" t="s">
        <v>13678</v>
      </c>
      <c r="E22088" t="s">
        <v>13539</v>
      </c>
      <c r="F22088" t="s">
        <v>13540</v>
      </c>
      <c r="G22088" t="s">
        <v>10214</v>
      </c>
      <c r="H22088" t="s">
        <v>10215</v>
      </c>
      <c r="I22088" s="2">
        <v>1</v>
      </c>
      <c r="J22088" s="2">
        <v>0</v>
      </c>
      <c r="K22088" s="2">
        <v>0</v>
      </c>
      <c r="L22088" t="s">
        <v>120</v>
      </c>
      <c r="M22088" t="s">
        <v>89</v>
      </c>
      <c r="N22088" t="s">
        <v>90</v>
      </c>
      <c r="O22088" t="s">
        <v>85</v>
      </c>
      <c r="P22088" t="s">
        <v>86</v>
      </c>
      <c r="Q22088">
        <v>31</v>
      </c>
      <c r="R22088">
        <v>32</v>
      </c>
      <c r="S22088">
        <v>33</v>
      </c>
      <c r="T22088">
        <v>35</v>
      </c>
      <c r="U22088">
        <v>36</v>
      </c>
      <c r="V22088">
        <v>37</v>
      </c>
      <c r="W22088">
        <v>38</v>
      </c>
      <c r="X22088">
        <v>39</v>
      </c>
      <c r="Y22088">
        <v>40</v>
      </c>
      <c r="Z22088">
        <v>41</v>
      </c>
      <c r="AA22088">
        <v>42</v>
      </c>
      <c r="AB22088">
        <v>43</v>
      </c>
      <c r="AC22088">
        <v>45</v>
      </c>
      <c r="AD22088">
        <v>46</v>
      </c>
      <c r="AE22088">
        <v>47</v>
      </c>
      <c r="AF22088">
        <v>48</v>
      </c>
      <c r="AG22088">
        <v>48</v>
      </c>
      <c r="AH22088">
        <v>49</v>
      </c>
      <c r="AI22088">
        <v>50</v>
      </c>
      <c r="AJ22088">
        <v>50</v>
      </c>
      <c r="AK22088">
        <v>51</v>
      </c>
      <c r="AL22088">
        <v>52</v>
      </c>
      <c r="AM22088">
        <v>52</v>
      </c>
      <c r="AN22088">
        <v>53</v>
      </c>
      <c r="AO22088">
        <v>54</v>
      </c>
      <c r="AP22088">
        <v>54</v>
      </c>
      <c r="AQ22088">
        <v>55</v>
      </c>
    </row>
    <row r="22089" spans="1:43">
      <c r="A22089" t="s">
        <v>13685</v>
      </c>
      <c r="B22089" t="s">
        <v>13686</v>
      </c>
      <c r="C22089" t="s">
        <v>13677</v>
      </c>
      <c r="D22089" t="s">
        <v>13678</v>
      </c>
      <c r="E22089" t="s">
        <v>13539</v>
      </c>
      <c r="F22089" t="s">
        <v>13540</v>
      </c>
      <c r="G22089" t="s">
        <v>10214</v>
      </c>
      <c r="H22089" t="s">
        <v>10215</v>
      </c>
      <c r="I22089" s="2">
        <v>1</v>
      </c>
      <c r="J22089" s="2">
        <v>0</v>
      </c>
      <c r="K22089" s="2">
        <v>0</v>
      </c>
      <c r="L22089" t="s">
        <v>120</v>
      </c>
      <c r="M22089" t="s">
        <v>83</v>
      </c>
      <c r="N22089" t="s">
        <v>91</v>
      </c>
      <c r="O22089" t="s">
        <v>85</v>
      </c>
      <c r="P22089" t="s">
        <v>86</v>
      </c>
      <c r="Q22089">
        <v>31</v>
      </c>
      <c r="R22089">
        <v>32</v>
      </c>
      <c r="S22089">
        <v>33</v>
      </c>
      <c r="T22089">
        <v>33</v>
      </c>
      <c r="U22089">
        <v>34</v>
      </c>
      <c r="V22089">
        <v>35</v>
      </c>
      <c r="W22089">
        <v>36</v>
      </c>
      <c r="X22089">
        <v>37</v>
      </c>
      <c r="Y22089">
        <v>38</v>
      </c>
      <c r="Z22089">
        <v>39</v>
      </c>
      <c r="AA22089">
        <v>40</v>
      </c>
      <c r="AB22089">
        <v>41</v>
      </c>
      <c r="AC22089">
        <v>42</v>
      </c>
      <c r="AD22089">
        <v>43</v>
      </c>
      <c r="AE22089">
        <v>44</v>
      </c>
      <c r="AF22089">
        <v>45</v>
      </c>
      <c r="AG22089">
        <v>46</v>
      </c>
      <c r="AH22089">
        <v>47</v>
      </c>
      <c r="AI22089">
        <v>48</v>
      </c>
      <c r="AJ22089">
        <v>49</v>
      </c>
      <c r="AK22089">
        <v>50</v>
      </c>
      <c r="AL22089">
        <v>51</v>
      </c>
      <c r="AM22089">
        <v>52</v>
      </c>
      <c r="AN22089">
        <v>53</v>
      </c>
      <c r="AO22089">
        <v>53</v>
      </c>
      <c r="AP22089">
        <v>54</v>
      </c>
      <c r="AQ22089">
        <v>55</v>
      </c>
    </row>
    <row r="22090" spans="1:43">
      <c r="A22090" t="s">
        <v>13687</v>
      </c>
      <c r="B22090" t="s">
        <v>13688</v>
      </c>
      <c r="C22090" t="s">
        <v>13583</v>
      </c>
      <c r="D22090" t="s">
        <v>13584</v>
      </c>
      <c r="E22090" t="s">
        <v>13539</v>
      </c>
      <c r="F22090" t="s">
        <v>13540</v>
      </c>
      <c r="G22090" t="s">
        <v>10214</v>
      </c>
      <c r="H22090" t="s">
        <v>10215</v>
      </c>
      <c r="I22090" s="2">
        <v>1</v>
      </c>
      <c r="J22090" s="2">
        <v>0</v>
      </c>
      <c r="K22090" s="2">
        <v>0</v>
      </c>
      <c r="L22090" t="s">
        <v>120</v>
      </c>
      <c r="M22090" t="s">
        <v>83</v>
      </c>
      <c r="N22090" t="s">
        <v>84</v>
      </c>
      <c r="O22090" t="s">
        <v>85</v>
      </c>
      <c r="P22090" t="s">
        <v>86</v>
      </c>
      <c r="Q22090">
        <v>53</v>
      </c>
      <c r="R22090">
        <v>55</v>
      </c>
      <c r="S22090">
        <v>56</v>
      </c>
      <c r="T22090">
        <v>58</v>
      </c>
      <c r="U22090">
        <v>59</v>
      </c>
      <c r="V22090">
        <v>61</v>
      </c>
      <c r="W22090">
        <v>63</v>
      </c>
      <c r="X22090">
        <v>64</v>
      </c>
      <c r="Y22090">
        <v>66</v>
      </c>
      <c r="Z22090">
        <v>67</v>
      </c>
      <c r="AA22090">
        <v>69</v>
      </c>
      <c r="AB22090">
        <v>71</v>
      </c>
      <c r="AC22090">
        <v>72</v>
      </c>
      <c r="AD22090">
        <v>74</v>
      </c>
      <c r="AE22090">
        <v>76</v>
      </c>
      <c r="AF22090">
        <v>78</v>
      </c>
      <c r="AG22090">
        <v>80</v>
      </c>
      <c r="AH22090">
        <v>82</v>
      </c>
      <c r="AI22090">
        <v>84</v>
      </c>
      <c r="AJ22090">
        <v>86</v>
      </c>
      <c r="AK22090">
        <v>88</v>
      </c>
      <c r="AL22090">
        <v>89</v>
      </c>
      <c r="AM22090">
        <v>90</v>
      </c>
      <c r="AN22090">
        <v>91</v>
      </c>
      <c r="AO22090">
        <v>93</v>
      </c>
      <c r="AP22090">
        <v>94</v>
      </c>
      <c r="AQ22090">
        <v>95</v>
      </c>
    </row>
    <row r="22091" spans="1:43">
      <c r="A22091" t="s">
        <v>13687</v>
      </c>
      <c r="B22091" t="s">
        <v>13688</v>
      </c>
      <c r="C22091" t="s">
        <v>13583</v>
      </c>
      <c r="D22091" t="s">
        <v>13584</v>
      </c>
      <c r="E22091" t="s">
        <v>13539</v>
      </c>
      <c r="F22091" t="s">
        <v>13540</v>
      </c>
      <c r="G22091" t="s">
        <v>10214</v>
      </c>
      <c r="H22091" t="s">
        <v>10215</v>
      </c>
      <c r="I22091" s="2">
        <v>1</v>
      </c>
      <c r="J22091" s="2">
        <v>0</v>
      </c>
      <c r="K22091" s="2">
        <v>0</v>
      </c>
      <c r="L22091" t="s">
        <v>120</v>
      </c>
      <c r="M22091" t="s">
        <v>87</v>
      </c>
      <c r="N22091" t="s">
        <v>88</v>
      </c>
      <c r="O22091" t="s">
        <v>85</v>
      </c>
      <c r="P22091" t="s">
        <v>86</v>
      </c>
      <c r="Q22091">
        <v>53</v>
      </c>
      <c r="R22091">
        <v>54</v>
      </c>
      <c r="S22091">
        <v>55</v>
      </c>
      <c r="T22091">
        <v>56</v>
      </c>
      <c r="U22091">
        <v>57</v>
      </c>
      <c r="V22091">
        <v>58</v>
      </c>
      <c r="W22091">
        <v>59</v>
      </c>
      <c r="X22091">
        <v>60</v>
      </c>
      <c r="Y22091">
        <v>61</v>
      </c>
      <c r="Z22091">
        <v>62</v>
      </c>
      <c r="AA22091">
        <v>63</v>
      </c>
      <c r="AB22091">
        <v>64</v>
      </c>
      <c r="AC22091">
        <v>65</v>
      </c>
      <c r="AD22091">
        <v>66</v>
      </c>
      <c r="AE22091">
        <v>67</v>
      </c>
      <c r="AF22091">
        <v>69</v>
      </c>
      <c r="AG22091">
        <v>70</v>
      </c>
      <c r="AH22091">
        <v>71</v>
      </c>
      <c r="AI22091">
        <v>72</v>
      </c>
      <c r="AJ22091">
        <v>73</v>
      </c>
      <c r="AK22091">
        <v>75</v>
      </c>
      <c r="AL22091">
        <v>76</v>
      </c>
      <c r="AM22091">
        <v>77</v>
      </c>
      <c r="AN22091">
        <v>79</v>
      </c>
      <c r="AO22091">
        <v>80</v>
      </c>
      <c r="AP22091">
        <v>81</v>
      </c>
      <c r="AQ22091">
        <v>83</v>
      </c>
    </row>
    <row r="22092" spans="1:43">
      <c r="A22092" t="s">
        <v>13687</v>
      </c>
      <c r="B22092" t="s">
        <v>13688</v>
      </c>
      <c r="C22092" t="s">
        <v>13583</v>
      </c>
      <c r="D22092" t="s">
        <v>13584</v>
      </c>
      <c r="E22092" t="s">
        <v>13539</v>
      </c>
      <c r="F22092" t="s">
        <v>13540</v>
      </c>
      <c r="G22092" t="s">
        <v>10214</v>
      </c>
      <c r="H22092" t="s">
        <v>10215</v>
      </c>
      <c r="I22092" s="2">
        <v>1</v>
      </c>
      <c r="J22092" s="2">
        <v>0</v>
      </c>
      <c r="K22092" s="2">
        <v>0</v>
      </c>
      <c r="L22092" t="s">
        <v>120</v>
      </c>
      <c r="M22092" t="s">
        <v>89</v>
      </c>
      <c r="N22092" t="s">
        <v>90</v>
      </c>
      <c r="O22092" t="s">
        <v>85</v>
      </c>
      <c r="P22092" t="s">
        <v>86</v>
      </c>
      <c r="Q22092">
        <v>53</v>
      </c>
      <c r="R22092">
        <v>55</v>
      </c>
      <c r="S22092">
        <v>57</v>
      </c>
      <c r="T22092">
        <v>59</v>
      </c>
      <c r="U22092">
        <v>61</v>
      </c>
      <c r="V22092">
        <v>63</v>
      </c>
      <c r="W22092">
        <v>65</v>
      </c>
      <c r="X22092">
        <v>67</v>
      </c>
      <c r="Y22092">
        <v>69</v>
      </c>
      <c r="Z22092">
        <v>71</v>
      </c>
      <c r="AA22092">
        <v>73</v>
      </c>
      <c r="AB22092">
        <v>75</v>
      </c>
      <c r="AC22092">
        <v>77</v>
      </c>
      <c r="AD22092">
        <v>79</v>
      </c>
      <c r="AE22092">
        <v>81</v>
      </c>
      <c r="AF22092">
        <v>82</v>
      </c>
      <c r="AG22092">
        <v>83</v>
      </c>
      <c r="AH22092">
        <v>84</v>
      </c>
      <c r="AI22092">
        <v>85</v>
      </c>
      <c r="AJ22092">
        <v>86</v>
      </c>
      <c r="AK22092">
        <v>87</v>
      </c>
      <c r="AL22092">
        <v>89</v>
      </c>
      <c r="AM22092">
        <v>90</v>
      </c>
      <c r="AN22092">
        <v>91</v>
      </c>
      <c r="AO22092">
        <v>92</v>
      </c>
      <c r="AP22092">
        <v>93</v>
      </c>
      <c r="AQ22092">
        <v>95</v>
      </c>
    </row>
    <row r="22093" spans="1:43">
      <c r="A22093" t="s">
        <v>13687</v>
      </c>
      <c r="B22093" t="s">
        <v>13688</v>
      </c>
      <c r="C22093" t="s">
        <v>13583</v>
      </c>
      <c r="D22093" t="s">
        <v>13584</v>
      </c>
      <c r="E22093" t="s">
        <v>13539</v>
      </c>
      <c r="F22093" t="s">
        <v>13540</v>
      </c>
      <c r="G22093" t="s">
        <v>10214</v>
      </c>
      <c r="H22093" t="s">
        <v>10215</v>
      </c>
      <c r="I22093" s="2">
        <v>1</v>
      </c>
      <c r="J22093" s="2">
        <v>0</v>
      </c>
      <c r="K22093" s="2">
        <v>0</v>
      </c>
      <c r="L22093" t="s">
        <v>120</v>
      </c>
      <c r="M22093" t="s">
        <v>83</v>
      </c>
      <c r="N22093" t="s">
        <v>91</v>
      </c>
      <c r="O22093" t="s">
        <v>85</v>
      </c>
      <c r="P22093" t="s">
        <v>86</v>
      </c>
      <c r="Q22093">
        <v>53</v>
      </c>
      <c r="R22093">
        <v>55</v>
      </c>
      <c r="S22093">
        <v>56</v>
      </c>
      <c r="T22093">
        <v>58</v>
      </c>
      <c r="U22093">
        <v>59</v>
      </c>
      <c r="V22093">
        <v>61</v>
      </c>
      <c r="W22093">
        <v>63</v>
      </c>
      <c r="X22093">
        <v>64</v>
      </c>
      <c r="Y22093">
        <v>66</v>
      </c>
      <c r="Z22093">
        <v>67</v>
      </c>
      <c r="AA22093">
        <v>69</v>
      </c>
      <c r="AB22093">
        <v>71</v>
      </c>
      <c r="AC22093">
        <v>72</v>
      </c>
      <c r="AD22093">
        <v>74</v>
      </c>
      <c r="AE22093">
        <v>76</v>
      </c>
      <c r="AF22093">
        <v>78</v>
      </c>
      <c r="AG22093">
        <v>80</v>
      </c>
      <c r="AH22093">
        <v>82</v>
      </c>
      <c r="AI22093">
        <v>84</v>
      </c>
      <c r="AJ22093">
        <v>86</v>
      </c>
      <c r="AK22093">
        <v>88</v>
      </c>
      <c r="AL22093">
        <v>89</v>
      </c>
      <c r="AM22093">
        <v>90</v>
      </c>
      <c r="AN22093">
        <v>91</v>
      </c>
      <c r="AO22093">
        <v>93</v>
      </c>
      <c r="AP22093">
        <v>94</v>
      </c>
      <c r="AQ22093">
        <v>95</v>
      </c>
    </row>
    <row r="22094" spans="1:43">
      <c r="A22094" t="s">
        <v>13689</v>
      </c>
      <c r="B22094" t="s">
        <v>13690</v>
      </c>
      <c r="C22094" t="s">
        <v>13583</v>
      </c>
      <c r="D22094" t="s">
        <v>13584</v>
      </c>
      <c r="E22094" t="s">
        <v>13539</v>
      </c>
      <c r="F22094" t="s">
        <v>13540</v>
      </c>
      <c r="G22094" t="s">
        <v>10214</v>
      </c>
      <c r="H22094" t="s">
        <v>10215</v>
      </c>
      <c r="I22094" s="2">
        <v>1</v>
      </c>
      <c r="J22094" s="2">
        <v>0</v>
      </c>
      <c r="K22094" s="2">
        <v>0</v>
      </c>
      <c r="L22094" t="s">
        <v>120</v>
      </c>
      <c r="M22094" t="s">
        <v>83</v>
      </c>
      <c r="N22094" t="s">
        <v>84</v>
      </c>
      <c r="O22094" t="s">
        <v>85</v>
      </c>
      <c r="P22094" t="s">
        <v>86</v>
      </c>
      <c r="Q22094">
        <v>7</v>
      </c>
      <c r="R22094">
        <v>7</v>
      </c>
      <c r="S22094">
        <v>7</v>
      </c>
      <c r="T22094">
        <v>8</v>
      </c>
      <c r="U22094">
        <v>8</v>
      </c>
      <c r="V22094">
        <v>8</v>
      </c>
      <c r="W22094">
        <v>8</v>
      </c>
      <c r="X22094">
        <v>8</v>
      </c>
      <c r="Y22094">
        <v>9</v>
      </c>
      <c r="Z22094">
        <v>9</v>
      </c>
      <c r="AA22094">
        <v>9</v>
      </c>
      <c r="AB22094">
        <v>9</v>
      </c>
      <c r="AC22094">
        <v>9</v>
      </c>
      <c r="AD22094">
        <v>10</v>
      </c>
      <c r="AE22094">
        <v>10</v>
      </c>
      <c r="AF22094">
        <v>10</v>
      </c>
      <c r="AG22094">
        <v>10</v>
      </c>
      <c r="AH22094">
        <v>11</v>
      </c>
      <c r="AI22094">
        <v>11</v>
      </c>
      <c r="AJ22094">
        <v>11</v>
      </c>
      <c r="AK22094">
        <v>11</v>
      </c>
      <c r="AL22094">
        <v>12</v>
      </c>
      <c r="AM22094">
        <v>12</v>
      </c>
      <c r="AN22094">
        <v>12</v>
      </c>
      <c r="AO22094">
        <v>12</v>
      </c>
      <c r="AP22094">
        <v>12</v>
      </c>
      <c r="AQ22094">
        <v>12</v>
      </c>
    </row>
    <row r="22095" spans="1:43">
      <c r="A22095" t="s">
        <v>13689</v>
      </c>
      <c r="B22095" t="s">
        <v>13690</v>
      </c>
      <c r="C22095" t="s">
        <v>13583</v>
      </c>
      <c r="D22095" t="s">
        <v>13584</v>
      </c>
      <c r="E22095" t="s">
        <v>13539</v>
      </c>
      <c r="F22095" t="s">
        <v>13540</v>
      </c>
      <c r="G22095" t="s">
        <v>10214</v>
      </c>
      <c r="H22095" t="s">
        <v>10215</v>
      </c>
      <c r="I22095" s="2">
        <v>1</v>
      </c>
      <c r="J22095" s="2">
        <v>0</v>
      </c>
      <c r="K22095" s="2">
        <v>0</v>
      </c>
      <c r="L22095" t="s">
        <v>120</v>
      </c>
      <c r="M22095" t="s">
        <v>87</v>
      </c>
      <c r="N22095" t="s">
        <v>88</v>
      </c>
      <c r="O22095" t="s">
        <v>85</v>
      </c>
      <c r="P22095" t="s">
        <v>86</v>
      </c>
      <c r="Q22095">
        <v>7</v>
      </c>
      <c r="R22095">
        <v>7</v>
      </c>
      <c r="S22095">
        <v>7</v>
      </c>
      <c r="T22095">
        <v>7</v>
      </c>
      <c r="U22095">
        <v>7</v>
      </c>
      <c r="V22095">
        <v>8</v>
      </c>
      <c r="W22095">
        <v>8</v>
      </c>
      <c r="X22095">
        <v>8</v>
      </c>
      <c r="Y22095">
        <v>8</v>
      </c>
      <c r="Z22095">
        <v>8</v>
      </c>
      <c r="AA22095">
        <v>8</v>
      </c>
      <c r="AB22095">
        <v>8</v>
      </c>
      <c r="AC22095">
        <v>9</v>
      </c>
      <c r="AD22095">
        <v>9</v>
      </c>
      <c r="AE22095">
        <v>9</v>
      </c>
      <c r="AF22095">
        <v>9</v>
      </c>
      <c r="AG22095">
        <v>9</v>
      </c>
      <c r="AH22095">
        <v>9</v>
      </c>
      <c r="AI22095">
        <v>9</v>
      </c>
      <c r="AJ22095">
        <v>10</v>
      </c>
      <c r="AK22095">
        <v>10</v>
      </c>
      <c r="AL22095">
        <v>10</v>
      </c>
      <c r="AM22095">
        <v>10</v>
      </c>
      <c r="AN22095">
        <v>10</v>
      </c>
      <c r="AO22095">
        <v>10</v>
      </c>
      <c r="AP22095">
        <v>11</v>
      </c>
      <c r="AQ22095">
        <v>11</v>
      </c>
    </row>
    <row r="22096" spans="1:43">
      <c r="A22096" t="s">
        <v>13689</v>
      </c>
      <c r="B22096" t="s">
        <v>13690</v>
      </c>
      <c r="C22096" t="s">
        <v>13583</v>
      </c>
      <c r="D22096" t="s">
        <v>13584</v>
      </c>
      <c r="E22096" t="s">
        <v>13539</v>
      </c>
      <c r="F22096" t="s">
        <v>13540</v>
      </c>
      <c r="G22096" t="s">
        <v>10214</v>
      </c>
      <c r="H22096" t="s">
        <v>10215</v>
      </c>
      <c r="I22096" s="2">
        <v>1</v>
      </c>
      <c r="J22096" s="2">
        <v>0</v>
      </c>
      <c r="K22096" s="2">
        <v>0</v>
      </c>
      <c r="L22096" t="s">
        <v>120</v>
      </c>
      <c r="M22096" t="s">
        <v>89</v>
      </c>
      <c r="N22096" t="s">
        <v>90</v>
      </c>
      <c r="O22096" t="s">
        <v>85</v>
      </c>
      <c r="P22096" t="s">
        <v>86</v>
      </c>
      <c r="Q22096">
        <v>7</v>
      </c>
      <c r="R22096">
        <v>7</v>
      </c>
      <c r="S22096">
        <v>8</v>
      </c>
      <c r="T22096">
        <v>8</v>
      </c>
      <c r="U22096">
        <v>8</v>
      </c>
      <c r="V22096">
        <v>8</v>
      </c>
      <c r="W22096">
        <v>9</v>
      </c>
      <c r="X22096">
        <v>9</v>
      </c>
      <c r="Y22096">
        <v>9</v>
      </c>
      <c r="Z22096">
        <v>9</v>
      </c>
      <c r="AA22096">
        <v>10</v>
      </c>
      <c r="AB22096">
        <v>10</v>
      </c>
      <c r="AC22096">
        <v>10</v>
      </c>
      <c r="AD22096">
        <v>10</v>
      </c>
      <c r="AE22096">
        <v>11</v>
      </c>
      <c r="AF22096">
        <v>11</v>
      </c>
      <c r="AG22096">
        <v>11</v>
      </c>
      <c r="AH22096">
        <v>11</v>
      </c>
      <c r="AI22096">
        <v>11</v>
      </c>
      <c r="AJ22096">
        <v>11</v>
      </c>
      <c r="AK22096">
        <v>12</v>
      </c>
      <c r="AL22096">
        <v>12</v>
      </c>
      <c r="AM22096">
        <v>12</v>
      </c>
      <c r="AN22096">
        <v>12</v>
      </c>
      <c r="AO22096">
        <v>12</v>
      </c>
      <c r="AP22096">
        <v>12</v>
      </c>
      <c r="AQ22096">
        <v>13</v>
      </c>
    </row>
    <row r="22097" spans="1:43">
      <c r="A22097" t="s">
        <v>13689</v>
      </c>
      <c r="B22097" t="s">
        <v>13690</v>
      </c>
      <c r="C22097" t="s">
        <v>13583</v>
      </c>
      <c r="D22097" t="s">
        <v>13584</v>
      </c>
      <c r="E22097" t="s">
        <v>13539</v>
      </c>
      <c r="F22097" t="s">
        <v>13540</v>
      </c>
      <c r="G22097" t="s">
        <v>10214</v>
      </c>
      <c r="H22097" t="s">
        <v>10215</v>
      </c>
      <c r="I22097" s="2">
        <v>1</v>
      </c>
      <c r="J22097" s="2">
        <v>0</v>
      </c>
      <c r="K22097" s="2">
        <v>0</v>
      </c>
      <c r="L22097" t="s">
        <v>120</v>
      </c>
      <c r="M22097" t="s">
        <v>83</v>
      </c>
      <c r="N22097" t="s">
        <v>91</v>
      </c>
      <c r="O22097" t="s">
        <v>85</v>
      </c>
      <c r="P22097" t="s">
        <v>86</v>
      </c>
      <c r="Q22097">
        <v>7</v>
      </c>
      <c r="R22097">
        <v>7</v>
      </c>
      <c r="S22097">
        <v>7</v>
      </c>
      <c r="T22097">
        <v>8</v>
      </c>
      <c r="U22097">
        <v>8</v>
      </c>
      <c r="V22097">
        <v>8</v>
      </c>
      <c r="W22097">
        <v>8</v>
      </c>
      <c r="X22097">
        <v>8</v>
      </c>
      <c r="Y22097">
        <v>9</v>
      </c>
      <c r="Z22097">
        <v>9</v>
      </c>
      <c r="AA22097">
        <v>9</v>
      </c>
      <c r="AB22097">
        <v>9</v>
      </c>
      <c r="AC22097">
        <v>9</v>
      </c>
      <c r="AD22097">
        <v>10</v>
      </c>
      <c r="AE22097">
        <v>10</v>
      </c>
      <c r="AF22097">
        <v>10</v>
      </c>
      <c r="AG22097">
        <v>10</v>
      </c>
      <c r="AH22097">
        <v>11</v>
      </c>
      <c r="AI22097">
        <v>11</v>
      </c>
      <c r="AJ22097">
        <v>11</v>
      </c>
      <c r="AK22097">
        <v>11</v>
      </c>
      <c r="AL22097">
        <v>12</v>
      </c>
      <c r="AM22097">
        <v>12</v>
      </c>
      <c r="AN22097">
        <v>12</v>
      </c>
      <c r="AO22097">
        <v>12</v>
      </c>
      <c r="AP22097">
        <v>12</v>
      </c>
      <c r="AQ22097">
        <v>12</v>
      </c>
    </row>
    <row r="22098" spans="1:43">
      <c r="A22098" t="s">
        <v>13691</v>
      </c>
      <c r="B22098" t="s">
        <v>13692</v>
      </c>
      <c r="C22098" t="s">
        <v>13601</v>
      </c>
      <c r="D22098" t="s">
        <v>13602</v>
      </c>
      <c r="E22098" t="s">
        <v>13539</v>
      </c>
      <c r="F22098" t="s">
        <v>13540</v>
      </c>
      <c r="G22098" t="s">
        <v>10214</v>
      </c>
      <c r="H22098" t="s">
        <v>10215</v>
      </c>
      <c r="I22098" s="2">
        <v>1</v>
      </c>
      <c r="J22098" s="2">
        <v>0</v>
      </c>
      <c r="K22098" s="2">
        <v>0</v>
      </c>
      <c r="L22098" t="s">
        <v>120</v>
      </c>
      <c r="M22098" t="s">
        <v>83</v>
      </c>
      <c r="N22098" t="s">
        <v>84</v>
      </c>
      <c r="O22098" t="s">
        <v>85</v>
      </c>
      <c r="P22098" t="s">
        <v>86</v>
      </c>
      <c r="Q22098">
        <v>31</v>
      </c>
      <c r="R22098">
        <v>32</v>
      </c>
      <c r="S22098">
        <v>33</v>
      </c>
      <c r="T22098">
        <v>34</v>
      </c>
      <c r="U22098">
        <v>35</v>
      </c>
      <c r="V22098">
        <v>36</v>
      </c>
      <c r="W22098">
        <v>37</v>
      </c>
      <c r="X22098">
        <v>37</v>
      </c>
      <c r="Y22098">
        <v>38</v>
      </c>
      <c r="Z22098">
        <v>39</v>
      </c>
      <c r="AA22098">
        <v>40</v>
      </c>
      <c r="AB22098">
        <v>41</v>
      </c>
      <c r="AC22098">
        <v>42</v>
      </c>
      <c r="AD22098">
        <v>43</v>
      </c>
      <c r="AE22098">
        <v>44</v>
      </c>
      <c r="AF22098">
        <v>45</v>
      </c>
      <c r="AG22098">
        <v>46</v>
      </c>
      <c r="AH22098">
        <v>48</v>
      </c>
      <c r="AI22098">
        <v>49</v>
      </c>
      <c r="AJ22098">
        <v>50</v>
      </c>
      <c r="AK22098">
        <v>51</v>
      </c>
      <c r="AL22098">
        <v>52</v>
      </c>
      <c r="AM22098">
        <v>53</v>
      </c>
      <c r="AN22098">
        <v>53</v>
      </c>
      <c r="AO22098">
        <v>54</v>
      </c>
      <c r="AP22098">
        <v>55</v>
      </c>
      <c r="AQ22098">
        <v>56</v>
      </c>
    </row>
    <row r="22099" spans="1:43">
      <c r="A22099" t="s">
        <v>13691</v>
      </c>
      <c r="B22099" t="s">
        <v>13692</v>
      </c>
      <c r="C22099" t="s">
        <v>13601</v>
      </c>
      <c r="D22099" t="s">
        <v>13602</v>
      </c>
      <c r="E22099" t="s">
        <v>13539</v>
      </c>
      <c r="F22099" t="s">
        <v>13540</v>
      </c>
      <c r="G22099" t="s">
        <v>10214</v>
      </c>
      <c r="H22099" t="s">
        <v>10215</v>
      </c>
      <c r="I22099" s="2">
        <v>1</v>
      </c>
      <c r="J22099" s="2">
        <v>0</v>
      </c>
      <c r="K22099" s="2">
        <v>0</v>
      </c>
      <c r="L22099" t="s">
        <v>120</v>
      </c>
      <c r="M22099" t="s">
        <v>87</v>
      </c>
      <c r="N22099" t="s">
        <v>88</v>
      </c>
      <c r="O22099" t="s">
        <v>85</v>
      </c>
      <c r="P22099" t="s">
        <v>86</v>
      </c>
      <c r="Q22099">
        <v>31</v>
      </c>
      <c r="R22099">
        <v>31</v>
      </c>
      <c r="S22099">
        <v>32</v>
      </c>
      <c r="T22099">
        <v>33</v>
      </c>
      <c r="U22099">
        <v>33</v>
      </c>
      <c r="V22099">
        <v>34</v>
      </c>
      <c r="W22099">
        <v>34</v>
      </c>
      <c r="X22099">
        <v>35</v>
      </c>
      <c r="Y22099">
        <v>36</v>
      </c>
      <c r="Z22099">
        <v>36</v>
      </c>
      <c r="AA22099">
        <v>37</v>
      </c>
      <c r="AB22099">
        <v>37</v>
      </c>
      <c r="AC22099">
        <v>38</v>
      </c>
      <c r="AD22099">
        <v>39</v>
      </c>
      <c r="AE22099">
        <v>39</v>
      </c>
      <c r="AF22099">
        <v>40</v>
      </c>
      <c r="AG22099">
        <v>41</v>
      </c>
      <c r="AH22099">
        <v>41</v>
      </c>
      <c r="AI22099">
        <v>42</v>
      </c>
      <c r="AJ22099">
        <v>43</v>
      </c>
      <c r="AK22099">
        <v>44</v>
      </c>
      <c r="AL22099">
        <v>44</v>
      </c>
      <c r="AM22099">
        <v>45</v>
      </c>
      <c r="AN22099">
        <v>46</v>
      </c>
      <c r="AO22099">
        <v>47</v>
      </c>
      <c r="AP22099">
        <v>48</v>
      </c>
      <c r="AQ22099">
        <v>48</v>
      </c>
    </row>
    <row r="22100" spans="1:43">
      <c r="A22100" t="s">
        <v>13691</v>
      </c>
      <c r="B22100" t="s">
        <v>13692</v>
      </c>
      <c r="C22100" t="s">
        <v>13601</v>
      </c>
      <c r="D22100" t="s">
        <v>13602</v>
      </c>
      <c r="E22100" t="s">
        <v>13539</v>
      </c>
      <c r="F22100" t="s">
        <v>13540</v>
      </c>
      <c r="G22100" t="s">
        <v>10214</v>
      </c>
      <c r="H22100" t="s">
        <v>10215</v>
      </c>
      <c r="I22100" s="2">
        <v>1</v>
      </c>
      <c r="J22100" s="2">
        <v>0</v>
      </c>
      <c r="K22100" s="2">
        <v>0</v>
      </c>
      <c r="L22100" t="s">
        <v>120</v>
      </c>
      <c r="M22100" t="s">
        <v>89</v>
      </c>
      <c r="N22100" t="s">
        <v>90</v>
      </c>
      <c r="O22100" t="s">
        <v>85</v>
      </c>
      <c r="P22100" t="s">
        <v>86</v>
      </c>
      <c r="Q22100">
        <v>31</v>
      </c>
      <c r="R22100">
        <v>33</v>
      </c>
      <c r="S22100">
        <v>34</v>
      </c>
      <c r="T22100">
        <v>35</v>
      </c>
      <c r="U22100">
        <v>36</v>
      </c>
      <c r="V22100">
        <v>37</v>
      </c>
      <c r="W22100">
        <v>38</v>
      </c>
      <c r="X22100">
        <v>39</v>
      </c>
      <c r="Y22100">
        <v>41</v>
      </c>
      <c r="Z22100">
        <v>42</v>
      </c>
      <c r="AA22100">
        <v>43</v>
      </c>
      <c r="AB22100">
        <v>44</v>
      </c>
      <c r="AC22100">
        <v>45</v>
      </c>
      <c r="AD22100">
        <v>46</v>
      </c>
      <c r="AE22100">
        <v>48</v>
      </c>
      <c r="AF22100">
        <v>48</v>
      </c>
      <c r="AG22100">
        <v>49</v>
      </c>
      <c r="AH22100">
        <v>50</v>
      </c>
      <c r="AI22100">
        <v>50</v>
      </c>
      <c r="AJ22100">
        <v>51</v>
      </c>
      <c r="AK22100">
        <v>52</v>
      </c>
      <c r="AL22100">
        <v>52</v>
      </c>
      <c r="AM22100">
        <v>53</v>
      </c>
      <c r="AN22100">
        <v>54</v>
      </c>
      <c r="AO22100">
        <v>55</v>
      </c>
      <c r="AP22100">
        <v>55</v>
      </c>
      <c r="AQ22100">
        <v>56</v>
      </c>
    </row>
    <row r="22101" spans="1:43">
      <c r="A22101" t="s">
        <v>13691</v>
      </c>
      <c r="B22101" t="s">
        <v>13692</v>
      </c>
      <c r="C22101" t="s">
        <v>13601</v>
      </c>
      <c r="D22101" t="s">
        <v>13602</v>
      </c>
      <c r="E22101" t="s">
        <v>13539</v>
      </c>
      <c r="F22101" t="s">
        <v>13540</v>
      </c>
      <c r="G22101" t="s">
        <v>10214</v>
      </c>
      <c r="H22101" t="s">
        <v>10215</v>
      </c>
      <c r="I22101" s="2">
        <v>1</v>
      </c>
      <c r="J22101" s="2">
        <v>0</v>
      </c>
      <c r="K22101" s="2">
        <v>0</v>
      </c>
      <c r="L22101" t="s">
        <v>120</v>
      </c>
      <c r="M22101" t="s">
        <v>83</v>
      </c>
      <c r="N22101" t="s">
        <v>91</v>
      </c>
      <c r="O22101" t="s">
        <v>85</v>
      </c>
      <c r="P22101" t="s">
        <v>86</v>
      </c>
      <c r="Q22101">
        <v>31</v>
      </c>
      <c r="R22101">
        <v>32</v>
      </c>
      <c r="S22101">
        <v>33</v>
      </c>
      <c r="T22101">
        <v>34</v>
      </c>
      <c r="U22101">
        <v>35</v>
      </c>
      <c r="V22101">
        <v>36</v>
      </c>
      <c r="W22101">
        <v>37</v>
      </c>
      <c r="X22101">
        <v>37</v>
      </c>
      <c r="Y22101">
        <v>38</v>
      </c>
      <c r="Z22101">
        <v>39</v>
      </c>
      <c r="AA22101">
        <v>40</v>
      </c>
      <c r="AB22101">
        <v>41</v>
      </c>
      <c r="AC22101">
        <v>42</v>
      </c>
      <c r="AD22101">
        <v>43</v>
      </c>
      <c r="AE22101">
        <v>44</v>
      </c>
      <c r="AF22101">
        <v>45</v>
      </c>
      <c r="AG22101">
        <v>46</v>
      </c>
      <c r="AH22101">
        <v>48</v>
      </c>
      <c r="AI22101">
        <v>49</v>
      </c>
      <c r="AJ22101">
        <v>50</v>
      </c>
      <c r="AK22101">
        <v>51</v>
      </c>
      <c r="AL22101">
        <v>52</v>
      </c>
      <c r="AM22101">
        <v>53</v>
      </c>
      <c r="AN22101">
        <v>53</v>
      </c>
      <c r="AO22101">
        <v>54</v>
      </c>
      <c r="AP22101">
        <v>55</v>
      </c>
      <c r="AQ22101">
        <v>56</v>
      </c>
    </row>
    <row r="22102" spans="1:43">
      <c r="A22102" t="s">
        <v>13693</v>
      </c>
      <c r="B22102" t="s">
        <v>13694</v>
      </c>
      <c r="C22102" t="s">
        <v>13601</v>
      </c>
      <c r="D22102" t="s">
        <v>13602</v>
      </c>
      <c r="E22102" t="s">
        <v>13539</v>
      </c>
      <c r="F22102" t="s">
        <v>13540</v>
      </c>
      <c r="G22102" t="s">
        <v>10214</v>
      </c>
      <c r="H22102" t="s">
        <v>10215</v>
      </c>
      <c r="I22102" s="2">
        <v>1</v>
      </c>
      <c r="J22102" s="2">
        <v>0</v>
      </c>
      <c r="K22102" s="2">
        <v>0</v>
      </c>
      <c r="L22102" t="s">
        <v>120</v>
      </c>
      <c r="M22102" t="s">
        <v>83</v>
      </c>
      <c r="N22102" t="s">
        <v>84</v>
      </c>
      <c r="O22102" t="s">
        <v>85</v>
      </c>
      <c r="P22102" t="s">
        <v>86</v>
      </c>
      <c r="Q22102">
        <v>3</v>
      </c>
      <c r="R22102">
        <v>3</v>
      </c>
      <c r="S22102">
        <v>4</v>
      </c>
      <c r="T22102">
        <v>4</v>
      </c>
      <c r="U22102">
        <v>4</v>
      </c>
      <c r="V22102">
        <v>4</v>
      </c>
      <c r="W22102">
        <v>4</v>
      </c>
      <c r="X22102">
        <v>4</v>
      </c>
      <c r="Y22102">
        <v>4</v>
      </c>
      <c r="Z22102">
        <v>4</v>
      </c>
      <c r="AA22102">
        <v>4</v>
      </c>
      <c r="AB22102">
        <v>4</v>
      </c>
      <c r="AC22102">
        <v>5</v>
      </c>
      <c r="AD22102">
        <v>5</v>
      </c>
      <c r="AE22102">
        <v>5</v>
      </c>
      <c r="AF22102">
        <v>5</v>
      </c>
      <c r="AG22102">
        <v>5</v>
      </c>
      <c r="AH22102">
        <v>5</v>
      </c>
      <c r="AI22102">
        <v>5</v>
      </c>
      <c r="AJ22102">
        <v>5</v>
      </c>
      <c r="AK22102">
        <v>5</v>
      </c>
      <c r="AL22102">
        <v>6</v>
      </c>
      <c r="AM22102">
        <v>6</v>
      </c>
      <c r="AN22102">
        <v>6</v>
      </c>
      <c r="AO22102">
        <v>6</v>
      </c>
      <c r="AP22102">
        <v>6</v>
      </c>
      <c r="AQ22102">
        <v>6</v>
      </c>
    </row>
    <row r="22103" spans="1:43">
      <c r="A22103" t="s">
        <v>13693</v>
      </c>
      <c r="B22103" t="s">
        <v>13694</v>
      </c>
      <c r="C22103" t="s">
        <v>13601</v>
      </c>
      <c r="D22103" t="s">
        <v>13602</v>
      </c>
      <c r="E22103" t="s">
        <v>13539</v>
      </c>
      <c r="F22103" t="s">
        <v>13540</v>
      </c>
      <c r="G22103" t="s">
        <v>10214</v>
      </c>
      <c r="H22103" t="s">
        <v>10215</v>
      </c>
      <c r="I22103" s="2">
        <v>1</v>
      </c>
      <c r="J22103" s="2">
        <v>0</v>
      </c>
      <c r="K22103" s="2">
        <v>0</v>
      </c>
      <c r="L22103" t="s">
        <v>120</v>
      </c>
      <c r="M22103" t="s">
        <v>87</v>
      </c>
      <c r="N22103" t="s">
        <v>88</v>
      </c>
      <c r="O22103" t="s">
        <v>85</v>
      </c>
      <c r="P22103" t="s">
        <v>86</v>
      </c>
      <c r="Q22103">
        <v>3</v>
      </c>
      <c r="R22103">
        <v>3</v>
      </c>
      <c r="S22103">
        <v>3</v>
      </c>
      <c r="T22103">
        <v>4</v>
      </c>
      <c r="U22103">
        <v>4</v>
      </c>
      <c r="V22103">
        <v>4</v>
      </c>
      <c r="W22103">
        <v>4</v>
      </c>
      <c r="X22103">
        <v>4</v>
      </c>
      <c r="Y22103">
        <v>4</v>
      </c>
      <c r="Z22103">
        <v>4</v>
      </c>
      <c r="AA22103">
        <v>4</v>
      </c>
      <c r="AB22103">
        <v>4</v>
      </c>
      <c r="AC22103">
        <v>4</v>
      </c>
      <c r="AD22103">
        <v>4</v>
      </c>
      <c r="AE22103">
        <v>4</v>
      </c>
      <c r="AF22103">
        <v>4</v>
      </c>
      <c r="AG22103">
        <v>4</v>
      </c>
      <c r="AH22103">
        <v>4</v>
      </c>
      <c r="AI22103">
        <v>5</v>
      </c>
      <c r="AJ22103">
        <v>5</v>
      </c>
      <c r="AK22103">
        <v>5</v>
      </c>
      <c r="AL22103">
        <v>5</v>
      </c>
      <c r="AM22103">
        <v>5</v>
      </c>
      <c r="AN22103">
        <v>5</v>
      </c>
      <c r="AO22103">
        <v>5</v>
      </c>
      <c r="AP22103">
        <v>5</v>
      </c>
      <c r="AQ22103">
        <v>5</v>
      </c>
    </row>
    <row r="22104" spans="1:43">
      <c r="A22104" t="s">
        <v>13693</v>
      </c>
      <c r="B22104" t="s">
        <v>13694</v>
      </c>
      <c r="C22104" t="s">
        <v>13601</v>
      </c>
      <c r="D22104" t="s">
        <v>13602</v>
      </c>
      <c r="E22104" t="s">
        <v>13539</v>
      </c>
      <c r="F22104" t="s">
        <v>13540</v>
      </c>
      <c r="G22104" t="s">
        <v>10214</v>
      </c>
      <c r="H22104" t="s">
        <v>10215</v>
      </c>
      <c r="I22104" s="2">
        <v>1</v>
      </c>
      <c r="J22104" s="2">
        <v>0</v>
      </c>
      <c r="K22104" s="2">
        <v>0</v>
      </c>
      <c r="L22104" t="s">
        <v>120</v>
      </c>
      <c r="M22104" t="s">
        <v>89</v>
      </c>
      <c r="N22104" t="s">
        <v>90</v>
      </c>
      <c r="O22104" t="s">
        <v>85</v>
      </c>
      <c r="P22104" t="s">
        <v>86</v>
      </c>
      <c r="Q22104">
        <v>3</v>
      </c>
      <c r="R22104">
        <v>4</v>
      </c>
      <c r="S22104">
        <v>4</v>
      </c>
      <c r="T22104">
        <v>4</v>
      </c>
      <c r="U22104">
        <v>4</v>
      </c>
      <c r="V22104">
        <v>4</v>
      </c>
      <c r="W22104">
        <v>4</v>
      </c>
      <c r="X22104">
        <v>4</v>
      </c>
      <c r="Y22104">
        <v>4</v>
      </c>
      <c r="Z22104">
        <v>4</v>
      </c>
      <c r="AA22104">
        <v>5</v>
      </c>
      <c r="AB22104">
        <v>5</v>
      </c>
      <c r="AC22104">
        <v>5</v>
      </c>
      <c r="AD22104">
        <v>5</v>
      </c>
      <c r="AE22104">
        <v>5</v>
      </c>
      <c r="AF22104">
        <v>5</v>
      </c>
      <c r="AG22104">
        <v>5</v>
      </c>
      <c r="AH22104">
        <v>5</v>
      </c>
      <c r="AI22104">
        <v>5</v>
      </c>
      <c r="AJ22104">
        <v>5</v>
      </c>
      <c r="AK22104">
        <v>6</v>
      </c>
      <c r="AL22104">
        <v>6</v>
      </c>
      <c r="AM22104">
        <v>6</v>
      </c>
      <c r="AN22104">
        <v>6</v>
      </c>
      <c r="AO22104">
        <v>6</v>
      </c>
      <c r="AP22104">
        <v>6</v>
      </c>
      <c r="AQ22104">
        <v>6</v>
      </c>
    </row>
    <row r="22105" spans="1:43">
      <c r="A22105" t="s">
        <v>13693</v>
      </c>
      <c r="B22105" t="s">
        <v>13694</v>
      </c>
      <c r="C22105" t="s">
        <v>13601</v>
      </c>
      <c r="D22105" t="s">
        <v>13602</v>
      </c>
      <c r="E22105" t="s">
        <v>13539</v>
      </c>
      <c r="F22105" t="s">
        <v>13540</v>
      </c>
      <c r="G22105" t="s">
        <v>10214</v>
      </c>
      <c r="H22105" t="s">
        <v>10215</v>
      </c>
      <c r="I22105" s="2">
        <v>1</v>
      </c>
      <c r="J22105" s="2">
        <v>0</v>
      </c>
      <c r="K22105" s="2">
        <v>0</v>
      </c>
      <c r="L22105" t="s">
        <v>120</v>
      </c>
      <c r="M22105" t="s">
        <v>83</v>
      </c>
      <c r="N22105" t="s">
        <v>91</v>
      </c>
      <c r="O22105" t="s">
        <v>85</v>
      </c>
      <c r="P22105" t="s">
        <v>86</v>
      </c>
      <c r="Q22105">
        <v>3</v>
      </c>
      <c r="R22105">
        <v>3</v>
      </c>
      <c r="S22105">
        <v>4</v>
      </c>
      <c r="T22105">
        <v>4</v>
      </c>
      <c r="U22105">
        <v>4</v>
      </c>
      <c r="V22105">
        <v>4</v>
      </c>
      <c r="W22105">
        <v>4</v>
      </c>
      <c r="X22105">
        <v>4</v>
      </c>
      <c r="Y22105">
        <v>4</v>
      </c>
      <c r="Z22105">
        <v>4</v>
      </c>
      <c r="AA22105">
        <v>4</v>
      </c>
      <c r="AB22105">
        <v>4</v>
      </c>
      <c r="AC22105">
        <v>5</v>
      </c>
      <c r="AD22105">
        <v>5</v>
      </c>
      <c r="AE22105">
        <v>5</v>
      </c>
      <c r="AF22105">
        <v>5</v>
      </c>
      <c r="AG22105">
        <v>5</v>
      </c>
      <c r="AH22105">
        <v>5</v>
      </c>
      <c r="AI22105">
        <v>5</v>
      </c>
      <c r="AJ22105">
        <v>5</v>
      </c>
      <c r="AK22105">
        <v>5</v>
      </c>
      <c r="AL22105">
        <v>6</v>
      </c>
      <c r="AM22105">
        <v>6</v>
      </c>
      <c r="AN22105">
        <v>6</v>
      </c>
      <c r="AO22105">
        <v>6</v>
      </c>
      <c r="AP22105">
        <v>6</v>
      </c>
      <c r="AQ22105">
        <v>6</v>
      </c>
    </row>
    <row r="22106" spans="1:43">
      <c r="A22106" t="s">
        <v>13695</v>
      </c>
      <c r="B22106" t="s">
        <v>13696</v>
      </c>
      <c r="C22106" t="s">
        <v>13587</v>
      </c>
      <c r="D22106" t="s">
        <v>13588</v>
      </c>
      <c r="E22106" t="s">
        <v>13539</v>
      </c>
      <c r="F22106" t="s">
        <v>13540</v>
      </c>
      <c r="G22106" t="s">
        <v>10214</v>
      </c>
      <c r="H22106" t="s">
        <v>10215</v>
      </c>
      <c r="I22106" s="2">
        <v>1</v>
      </c>
      <c r="J22106" s="2">
        <v>0</v>
      </c>
      <c r="K22106" s="2">
        <v>0</v>
      </c>
      <c r="L22106" t="s">
        <v>120</v>
      </c>
      <c r="M22106" t="s">
        <v>83</v>
      </c>
      <c r="N22106" t="s">
        <v>84</v>
      </c>
      <c r="O22106" t="s">
        <v>85</v>
      </c>
      <c r="P22106" t="s">
        <v>86</v>
      </c>
      <c r="Q22106">
        <v>25</v>
      </c>
      <c r="R22106">
        <v>26</v>
      </c>
      <c r="S22106">
        <v>27</v>
      </c>
      <c r="T22106">
        <v>27</v>
      </c>
      <c r="U22106">
        <v>28</v>
      </c>
      <c r="V22106">
        <v>29</v>
      </c>
      <c r="W22106">
        <v>30</v>
      </c>
      <c r="X22106">
        <v>30</v>
      </c>
      <c r="Y22106">
        <v>31</v>
      </c>
      <c r="Z22106">
        <v>32</v>
      </c>
      <c r="AA22106">
        <v>33</v>
      </c>
      <c r="AB22106">
        <v>33</v>
      </c>
      <c r="AC22106">
        <v>34</v>
      </c>
      <c r="AD22106">
        <v>35</v>
      </c>
      <c r="AE22106">
        <v>36</v>
      </c>
      <c r="AF22106">
        <v>37</v>
      </c>
      <c r="AG22106">
        <v>38</v>
      </c>
      <c r="AH22106">
        <v>39</v>
      </c>
      <c r="AI22106">
        <v>39</v>
      </c>
      <c r="AJ22106">
        <v>40</v>
      </c>
      <c r="AK22106">
        <v>41</v>
      </c>
      <c r="AL22106">
        <v>42</v>
      </c>
      <c r="AM22106">
        <v>43</v>
      </c>
      <c r="AN22106">
        <v>43</v>
      </c>
      <c r="AO22106">
        <v>44</v>
      </c>
      <c r="AP22106">
        <v>44</v>
      </c>
      <c r="AQ22106">
        <v>45</v>
      </c>
    </row>
    <row r="22107" spans="1:43">
      <c r="A22107" t="s">
        <v>13695</v>
      </c>
      <c r="B22107" t="s">
        <v>13696</v>
      </c>
      <c r="C22107" t="s">
        <v>13587</v>
      </c>
      <c r="D22107" t="s">
        <v>13588</v>
      </c>
      <c r="E22107" t="s">
        <v>13539</v>
      </c>
      <c r="F22107" t="s">
        <v>13540</v>
      </c>
      <c r="G22107" t="s">
        <v>10214</v>
      </c>
      <c r="H22107" t="s">
        <v>10215</v>
      </c>
      <c r="I22107" s="2">
        <v>1</v>
      </c>
      <c r="J22107" s="2">
        <v>0</v>
      </c>
      <c r="K22107" s="2">
        <v>0</v>
      </c>
      <c r="L22107" t="s">
        <v>120</v>
      </c>
      <c r="M22107" t="s">
        <v>87</v>
      </c>
      <c r="N22107" t="s">
        <v>88</v>
      </c>
      <c r="O22107" t="s">
        <v>85</v>
      </c>
      <c r="P22107" t="s">
        <v>86</v>
      </c>
      <c r="Q22107">
        <v>25</v>
      </c>
      <c r="R22107">
        <v>25</v>
      </c>
      <c r="S22107">
        <v>26</v>
      </c>
      <c r="T22107">
        <v>26</v>
      </c>
      <c r="U22107">
        <v>27</v>
      </c>
      <c r="V22107">
        <v>27</v>
      </c>
      <c r="W22107">
        <v>28</v>
      </c>
      <c r="X22107">
        <v>28</v>
      </c>
      <c r="Y22107">
        <v>29</v>
      </c>
      <c r="Z22107">
        <v>29</v>
      </c>
      <c r="AA22107">
        <v>30</v>
      </c>
      <c r="AB22107">
        <v>30</v>
      </c>
      <c r="AC22107">
        <v>31</v>
      </c>
      <c r="AD22107">
        <v>31</v>
      </c>
      <c r="AE22107">
        <v>32</v>
      </c>
      <c r="AF22107">
        <v>32</v>
      </c>
      <c r="AG22107">
        <v>33</v>
      </c>
      <c r="AH22107">
        <v>34</v>
      </c>
      <c r="AI22107">
        <v>34</v>
      </c>
      <c r="AJ22107">
        <v>35</v>
      </c>
      <c r="AK22107">
        <v>35</v>
      </c>
      <c r="AL22107">
        <v>36</v>
      </c>
      <c r="AM22107">
        <v>36</v>
      </c>
      <c r="AN22107">
        <v>37</v>
      </c>
      <c r="AO22107">
        <v>38</v>
      </c>
      <c r="AP22107">
        <v>38</v>
      </c>
      <c r="AQ22107">
        <v>39</v>
      </c>
    </row>
    <row r="22108" spans="1:43">
      <c r="A22108" t="s">
        <v>13695</v>
      </c>
      <c r="B22108" t="s">
        <v>13696</v>
      </c>
      <c r="C22108" t="s">
        <v>13587</v>
      </c>
      <c r="D22108" t="s">
        <v>13588</v>
      </c>
      <c r="E22108" t="s">
        <v>13539</v>
      </c>
      <c r="F22108" t="s">
        <v>13540</v>
      </c>
      <c r="G22108" t="s">
        <v>10214</v>
      </c>
      <c r="H22108" t="s">
        <v>10215</v>
      </c>
      <c r="I22108" s="2">
        <v>1</v>
      </c>
      <c r="J22108" s="2">
        <v>0</v>
      </c>
      <c r="K22108" s="2">
        <v>0</v>
      </c>
      <c r="L22108" t="s">
        <v>120</v>
      </c>
      <c r="M22108" t="s">
        <v>89</v>
      </c>
      <c r="N22108" t="s">
        <v>90</v>
      </c>
      <c r="O22108" t="s">
        <v>85</v>
      </c>
      <c r="P22108" t="s">
        <v>86</v>
      </c>
      <c r="Q22108">
        <v>25</v>
      </c>
      <c r="R22108">
        <v>26</v>
      </c>
      <c r="S22108">
        <v>27</v>
      </c>
      <c r="T22108">
        <v>28</v>
      </c>
      <c r="U22108">
        <v>29</v>
      </c>
      <c r="V22108">
        <v>30</v>
      </c>
      <c r="W22108">
        <v>31</v>
      </c>
      <c r="X22108">
        <v>32</v>
      </c>
      <c r="Y22108">
        <v>33</v>
      </c>
      <c r="Z22108">
        <v>34</v>
      </c>
      <c r="AA22108">
        <v>35</v>
      </c>
      <c r="AB22108">
        <v>36</v>
      </c>
      <c r="AC22108">
        <v>37</v>
      </c>
      <c r="AD22108">
        <v>38</v>
      </c>
      <c r="AE22108">
        <v>39</v>
      </c>
      <c r="AF22108">
        <v>39</v>
      </c>
      <c r="AG22108">
        <v>40</v>
      </c>
      <c r="AH22108">
        <v>40</v>
      </c>
      <c r="AI22108">
        <v>41</v>
      </c>
      <c r="AJ22108">
        <v>41</v>
      </c>
      <c r="AK22108">
        <v>42</v>
      </c>
      <c r="AL22108">
        <v>42</v>
      </c>
      <c r="AM22108">
        <v>43</v>
      </c>
      <c r="AN22108">
        <v>44</v>
      </c>
      <c r="AO22108">
        <v>44</v>
      </c>
      <c r="AP22108">
        <v>45</v>
      </c>
      <c r="AQ22108">
        <v>45</v>
      </c>
    </row>
    <row r="22109" spans="1:43">
      <c r="A22109" t="s">
        <v>13695</v>
      </c>
      <c r="B22109" t="s">
        <v>13696</v>
      </c>
      <c r="C22109" t="s">
        <v>13587</v>
      </c>
      <c r="D22109" t="s">
        <v>13588</v>
      </c>
      <c r="E22109" t="s">
        <v>13539</v>
      </c>
      <c r="F22109" t="s">
        <v>13540</v>
      </c>
      <c r="G22109" t="s">
        <v>10214</v>
      </c>
      <c r="H22109" t="s">
        <v>10215</v>
      </c>
      <c r="I22109" s="2">
        <v>1</v>
      </c>
      <c r="J22109" s="2">
        <v>0</v>
      </c>
      <c r="K22109" s="2">
        <v>0</v>
      </c>
      <c r="L22109" t="s">
        <v>120</v>
      </c>
      <c r="M22109" t="s">
        <v>83</v>
      </c>
      <c r="N22109" t="s">
        <v>91</v>
      </c>
      <c r="O22109" t="s">
        <v>85</v>
      </c>
      <c r="P22109" t="s">
        <v>86</v>
      </c>
      <c r="Q22109">
        <v>25</v>
      </c>
      <c r="R22109">
        <v>26</v>
      </c>
      <c r="S22109">
        <v>27</v>
      </c>
      <c r="T22109">
        <v>27</v>
      </c>
      <c r="U22109">
        <v>28</v>
      </c>
      <c r="V22109">
        <v>29</v>
      </c>
      <c r="W22109">
        <v>30</v>
      </c>
      <c r="X22109">
        <v>30</v>
      </c>
      <c r="Y22109">
        <v>31</v>
      </c>
      <c r="Z22109">
        <v>32</v>
      </c>
      <c r="AA22109">
        <v>33</v>
      </c>
      <c r="AB22109">
        <v>33</v>
      </c>
      <c r="AC22109">
        <v>34</v>
      </c>
      <c r="AD22109">
        <v>35</v>
      </c>
      <c r="AE22109">
        <v>36</v>
      </c>
      <c r="AF22109">
        <v>37</v>
      </c>
      <c r="AG22109">
        <v>38</v>
      </c>
      <c r="AH22109">
        <v>39</v>
      </c>
      <c r="AI22109">
        <v>39</v>
      </c>
      <c r="AJ22109">
        <v>40</v>
      </c>
      <c r="AK22109">
        <v>41</v>
      </c>
      <c r="AL22109">
        <v>42</v>
      </c>
      <c r="AM22109">
        <v>43</v>
      </c>
      <c r="AN22109">
        <v>43</v>
      </c>
      <c r="AO22109">
        <v>44</v>
      </c>
      <c r="AP22109">
        <v>44</v>
      </c>
      <c r="AQ22109">
        <v>45</v>
      </c>
    </row>
    <row r="22110" spans="1:43">
      <c r="A22110" t="s">
        <v>13697</v>
      </c>
      <c r="B22110" t="s">
        <v>13698</v>
      </c>
      <c r="C22110" t="s">
        <v>13587</v>
      </c>
      <c r="D22110" t="s">
        <v>13588</v>
      </c>
      <c r="E22110" t="s">
        <v>13539</v>
      </c>
      <c r="F22110" t="s">
        <v>13540</v>
      </c>
      <c r="G22110" t="s">
        <v>10214</v>
      </c>
      <c r="H22110" t="s">
        <v>10215</v>
      </c>
      <c r="I22110" s="2">
        <v>1</v>
      </c>
      <c r="J22110" s="2">
        <v>0</v>
      </c>
      <c r="K22110" s="2">
        <v>0</v>
      </c>
      <c r="L22110" t="s">
        <v>120</v>
      </c>
      <c r="M22110" t="s">
        <v>83</v>
      </c>
      <c r="N22110" t="s">
        <v>84</v>
      </c>
      <c r="O22110" t="s">
        <v>85</v>
      </c>
      <c r="P22110" t="s">
        <v>86</v>
      </c>
      <c r="Q22110">
        <v>59</v>
      </c>
      <c r="R22110">
        <v>61</v>
      </c>
      <c r="S22110">
        <v>63</v>
      </c>
      <c r="T22110">
        <v>64</v>
      </c>
      <c r="U22110">
        <v>66</v>
      </c>
      <c r="V22110">
        <v>68</v>
      </c>
      <c r="W22110">
        <v>70</v>
      </c>
      <c r="X22110">
        <v>71</v>
      </c>
      <c r="Y22110">
        <v>73</v>
      </c>
      <c r="Z22110">
        <v>75</v>
      </c>
      <c r="AA22110">
        <v>77</v>
      </c>
      <c r="AB22110">
        <v>79</v>
      </c>
      <c r="AC22110">
        <v>80</v>
      </c>
      <c r="AD22110">
        <v>82</v>
      </c>
      <c r="AE22110">
        <v>84</v>
      </c>
      <c r="AF22110">
        <v>86</v>
      </c>
      <c r="AG22110">
        <v>89</v>
      </c>
      <c r="AH22110">
        <v>91</v>
      </c>
      <c r="AI22110">
        <v>93</v>
      </c>
      <c r="AJ22110">
        <v>95</v>
      </c>
      <c r="AK22110">
        <v>97</v>
      </c>
      <c r="AL22110">
        <v>99</v>
      </c>
      <c r="AM22110">
        <v>100</v>
      </c>
      <c r="AN22110">
        <v>102</v>
      </c>
      <c r="AO22110">
        <v>103</v>
      </c>
      <c r="AP22110">
        <v>104</v>
      </c>
      <c r="AQ22110">
        <v>106</v>
      </c>
    </row>
    <row r="22111" spans="1:43">
      <c r="A22111" t="s">
        <v>13697</v>
      </c>
      <c r="B22111" t="s">
        <v>13698</v>
      </c>
      <c r="C22111" t="s">
        <v>13587</v>
      </c>
      <c r="D22111" t="s">
        <v>13588</v>
      </c>
      <c r="E22111" t="s">
        <v>13539</v>
      </c>
      <c r="F22111" t="s">
        <v>13540</v>
      </c>
      <c r="G22111" t="s">
        <v>10214</v>
      </c>
      <c r="H22111" t="s">
        <v>10215</v>
      </c>
      <c r="I22111" s="2">
        <v>1</v>
      </c>
      <c r="J22111" s="2">
        <v>0</v>
      </c>
      <c r="K22111" s="2">
        <v>0</v>
      </c>
      <c r="L22111" t="s">
        <v>120</v>
      </c>
      <c r="M22111" t="s">
        <v>87</v>
      </c>
      <c r="N22111" t="s">
        <v>88</v>
      </c>
      <c r="O22111" t="s">
        <v>85</v>
      </c>
      <c r="P22111" t="s">
        <v>86</v>
      </c>
      <c r="Q22111">
        <v>59</v>
      </c>
      <c r="R22111">
        <v>60</v>
      </c>
      <c r="S22111">
        <v>61</v>
      </c>
      <c r="T22111">
        <v>62</v>
      </c>
      <c r="U22111">
        <v>63</v>
      </c>
      <c r="V22111">
        <v>64</v>
      </c>
      <c r="W22111">
        <v>65</v>
      </c>
      <c r="X22111">
        <v>66</v>
      </c>
      <c r="Y22111">
        <v>68</v>
      </c>
      <c r="Z22111">
        <v>69</v>
      </c>
      <c r="AA22111">
        <v>70</v>
      </c>
      <c r="AB22111">
        <v>71</v>
      </c>
      <c r="AC22111">
        <v>72</v>
      </c>
      <c r="AD22111">
        <v>74</v>
      </c>
      <c r="AE22111">
        <v>75</v>
      </c>
      <c r="AF22111">
        <v>76</v>
      </c>
      <c r="AG22111">
        <v>78</v>
      </c>
      <c r="AH22111">
        <v>79</v>
      </c>
      <c r="AI22111">
        <v>80</v>
      </c>
      <c r="AJ22111">
        <v>82</v>
      </c>
      <c r="AK22111">
        <v>83</v>
      </c>
      <c r="AL22111">
        <v>85</v>
      </c>
      <c r="AM22111">
        <v>86</v>
      </c>
      <c r="AN22111">
        <v>87</v>
      </c>
      <c r="AO22111">
        <v>89</v>
      </c>
      <c r="AP22111">
        <v>91</v>
      </c>
      <c r="AQ22111">
        <v>92</v>
      </c>
    </row>
    <row r="22112" spans="1:43">
      <c r="A22112" t="s">
        <v>13697</v>
      </c>
      <c r="B22112" t="s">
        <v>13698</v>
      </c>
      <c r="C22112" t="s">
        <v>13587</v>
      </c>
      <c r="D22112" t="s">
        <v>13588</v>
      </c>
      <c r="E22112" t="s">
        <v>13539</v>
      </c>
      <c r="F22112" t="s">
        <v>13540</v>
      </c>
      <c r="G22112" t="s">
        <v>10214</v>
      </c>
      <c r="H22112" t="s">
        <v>10215</v>
      </c>
      <c r="I22112" s="2">
        <v>1</v>
      </c>
      <c r="J22112" s="2">
        <v>0</v>
      </c>
      <c r="K22112" s="2">
        <v>0</v>
      </c>
      <c r="L22112" t="s">
        <v>120</v>
      </c>
      <c r="M22112" t="s">
        <v>89</v>
      </c>
      <c r="N22112" t="s">
        <v>90</v>
      </c>
      <c r="O22112" t="s">
        <v>85</v>
      </c>
      <c r="P22112" t="s">
        <v>86</v>
      </c>
      <c r="Q22112">
        <v>59</v>
      </c>
      <c r="R22112">
        <v>61</v>
      </c>
      <c r="S22112">
        <v>63</v>
      </c>
      <c r="T22112">
        <v>65</v>
      </c>
      <c r="U22112">
        <v>68</v>
      </c>
      <c r="V22112">
        <v>70</v>
      </c>
      <c r="W22112">
        <v>72</v>
      </c>
      <c r="X22112">
        <v>74</v>
      </c>
      <c r="Y22112">
        <v>76</v>
      </c>
      <c r="Z22112">
        <v>78</v>
      </c>
      <c r="AA22112">
        <v>81</v>
      </c>
      <c r="AB22112">
        <v>83</v>
      </c>
      <c r="AC22112">
        <v>85</v>
      </c>
      <c r="AD22112">
        <v>88</v>
      </c>
      <c r="AE22112">
        <v>89</v>
      </c>
      <c r="AF22112">
        <v>91</v>
      </c>
      <c r="AG22112">
        <v>92</v>
      </c>
      <c r="AH22112">
        <v>93</v>
      </c>
      <c r="AI22112">
        <v>95</v>
      </c>
      <c r="AJ22112">
        <v>96</v>
      </c>
      <c r="AK22112">
        <v>97</v>
      </c>
      <c r="AL22112">
        <v>99</v>
      </c>
      <c r="AM22112">
        <v>100</v>
      </c>
      <c r="AN22112">
        <v>101</v>
      </c>
      <c r="AO22112">
        <v>103</v>
      </c>
      <c r="AP22112">
        <v>104</v>
      </c>
      <c r="AQ22112">
        <v>106</v>
      </c>
    </row>
    <row r="22113" spans="1:43">
      <c r="A22113" t="s">
        <v>13697</v>
      </c>
      <c r="B22113" t="s">
        <v>13698</v>
      </c>
      <c r="C22113" t="s">
        <v>13587</v>
      </c>
      <c r="D22113" t="s">
        <v>13588</v>
      </c>
      <c r="E22113" t="s">
        <v>13539</v>
      </c>
      <c r="F22113" t="s">
        <v>13540</v>
      </c>
      <c r="G22113" t="s">
        <v>10214</v>
      </c>
      <c r="H22113" t="s">
        <v>10215</v>
      </c>
      <c r="I22113" s="2">
        <v>1</v>
      </c>
      <c r="J22113" s="2">
        <v>0</v>
      </c>
      <c r="K22113" s="2">
        <v>0</v>
      </c>
      <c r="L22113" t="s">
        <v>120</v>
      </c>
      <c r="M22113" t="s">
        <v>83</v>
      </c>
      <c r="N22113" t="s">
        <v>91</v>
      </c>
      <c r="O22113" t="s">
        <v>85</v>
      </c>
      <c r="P22113" t="s">
        <v>86</v>
      </c>
      <c r="Q22113">
        <v>59</v>
      </c>
      <c r="R22113">
        <v>61</v>
      </c>
      <c r="S22113">
        <v>63</v>
      </c>
      <c r="T22113">
        <v>64</v>
      </c>
      <c r="U22113">
        <v>66</v>
      </c>
      <c r="V22113">
        <v>68</v>
      </c>
      <c r="W22113">
        <v>70</v>
      </c>
      <c r="X22113">
        <v>71</v>
      </c>
      <c r="Y22113">
        <v>73</v>
      </c>
      <c r="Z22113">
        <v>75</v>
      </c>
      <c r="AA22113">
        <v>77</v>
      </c>
      <c r="AB22113">
        <v>79</v>
      </c>
      <c r="AC22113">
        <v>80</v>
      </c>
      <c r="AD22113">
        <v>82</v>
      </c>
      <c r="AE22113">
        <v>84</v>
      </c>
      <c r="AF22113">
        <v>86</v>
      </c>
      <c r="AG22113">
        <v>89</v>
      </c>
      <c r="AH22113">
        <v>91</v>
      </c>
      <c r="AI22113">
        <v>93</v>
      </c>
      <c r="AJ22113">
        <v>95</v>
      </c>
      <c r="AK22113">
        <v>97</v>
      </c>
      <c r="AL22113">
        <v>99</v>
      </c>
      <c r="AM22113">
        <v>100</v>
      </c>
      <c r="AN22113">
        <v>102</v>
      </c>
      <c r="AO22113">
        <v>103</v>
      </c>
      <c r="AP22113">
        <v>104</v>
      </c>
      <c r="AQ22113">
        <v>106</v>
      </c>
    </row>
    <row r="22114" spans="1:43">
      <c r="A22114" t="s">
        <v>13699</v>
      </c>
      <c r="B22114" t="s">
        <v>13700</v>
      </c>
      <c r="C22114" t="s">
        <v>13559</v>
      </c>
      <c r="D22114" t="s">
        <v>13560</v>
      </c>
      <c r="E22114" t="s">
        <v>13539</v>
      </c>
      <c r="F22114" t="s">
        <v>13540</v>
      </c>
      <c r="G22114" t="s">
        <v>10214</v>
      </c>
      <c r="H22114" t="s">
        <v>10215</v>
      </c>
      <c r="I22114" s="2">
        <v>1</v>
      </c>
      <c r="J22114" s="2">
        <v>0</v>
      </c>
      <c r="K22114" s="2">
        <v>0</v>
      </c>
      <c r="L22114" t="s">
        <v>120</v>
      </c>
      <c r="M22114" t="s">
        <v>83</v>
      </c>
      <c r="N22114" t="s">
        <v>84</v>
      </c>
      <c r="O22114" t="s">
        <v>85</v>
      </c>
      <c r="P22114" t="s">
        <v>86</v>
      </c>
      <c r="Q22114">
        <v>46</v>
      </c>
      <c r="R22114">
        <v>48</v>
      </c>
      <c r="S22114">
        <v>49</v>
      </c>
      <c r="T22114">
        <v>50</v>
      </c>
      <c r="U22114">
        <v>51</v>
      </c>
      <c r="V22114">
        <v>53</v>
      </c>
      <c r="W22114">
        <v>54</v>
      </c>
      <c r="X22114">
        <v>56</v>
      </c>
      <c r="Y22114">
        <v>57</v>
      </c>
      <c r="Z22114">
        <v>58</v>
      </c>
      <c r="AA22114">
        <v>60</v>
      </c>
      <c r="AB22114">
        <v>61</v>
      </c>
      <c r="AC22114">
        <v>63</v>
      </c>
      <c r="AD22114">
        <v>64</v>
      </c>
      <c r="AE22114">
        <v>66</v>
      </c>
      <c r="AF22114">
        <v>67</v>
      </c>
      <c r="AG22114">
        <v>69</v>
      </c>
      <c r="AH22114">
        <v>71</v>
      </c>
      <c r="AI22114">
        <v>72</v>
      </c>
      <c r="AJ22114">
        <v>74</v>
      </c>
      <c r="AK22114">
        <v>76</v>
      </c>
      <c r="AL22114">
        <v>77</v>
      </c>
      <c r="AM22114">
        <v>78</v>
      </c>
      <c r="AN22114">
        <v>79</v>
      </c>
      <c r="AO22114">
        <v>80</v>
      </c>
      <c r="AP22114">
        <v>81</v>
      </c>
      <c r="AQ22114">
        <v>82</v>
      </c>
    </row>
    <row r="22115" spans="1:43">
      <c r="A22115" t="s">
        <v>13699</v>
      </c>
      <c r="B22115" t="s">
        <v>13700</v>
      </c>
      <c r="C22115" t="s">
        <v>13559</v>
      </c>
      <c r="D22115" t="s">
        <v>13560</v>
      </c>
      <c r="E22115" t="s">
        <v>13539</v>
      </c>
      <c r="F22115" t="s">
        <v>13540</v>
      </c>
      <c r="G22115" t="s">
        <v>10214</v>
      </c>
      <c r="H22115" t="s">
        <v>10215</v>
      </c>
      <c r="I22115" s="2">
        <v>1</v>
      </c>
      <c r="J22115" s="2">
        <v>0</v>
      </c>
      <c r="K22115" s="2">
        <v>0</v>
      </c>
      <c r="L22115" t="s">
        <v>120</v>
      </c>
      <c r="M22115" t="s">
        <v>87</v>
      </c>
      <c r="N22115" t="s">
        <v>88</v>
      </c>
      <c r="O22115" t="s">
        <v>85</v>
      </c>
      <c r="P22115" t="s">
        <v>86</v>
      </c>
      <c r="Q22115">
        <v>46</v>
      </c>
      <c r="R22115">
        <v>47</v>
      </c>
      <c r="S22115">
        <v>47</v>
      </c>
      <c r="T22115">
        <v>48</v>
      </c>
      <c r="U22115">
        <v>49</v>
      </c>
      <c r="V22115">
        <v>50</v>
      </c>
      <c r="W22115">
        <v>51</v>
      </c>
      <c r="X22115">
        <v>52</v>
      </c>
      <c r="Y22115">
        <v>53</v>
      </c>
      <c r="Z22115">
        <v>54</v>
      </c>
      <c r="AA22115">
        <v>54</v>
      </c>
      <c r="AB22115">
        <v>55</v>
      </c>
      <c r="AC22115">
        <v>56</v>
      </c>
      <c r="AD22115">
        <v>57</v>
      </c>
      <c r="AE22115">
        <v>58</v>
      </c>
      <c r="AF22115">
        <v>59</v>
      </c>
      <c r="AG22115">
        <v>60</v>
      </c>
      <c r="AH22115">
        <v>61</v>
      </c>
      <c r="AI22115">
        <v>62</v>
      </c>
      <c r="AJ22115">
        <v>63</v>
      </c>
      <c r="AK22115">
        <v>65</v>
      </c>
      <c r="AL22115">
        <v>66</v>
      </c>
      <c r="AM22115">
        <v>67</v>
      </c>
      <c r="AN22115">
        <v>68</v>
      </c>
      <c r="AO22115">
        <v>69</v>
      </c>
      <c r="AP22115">
        <v>70</v>
      </c>
      <c r="AQ22115">
        <v>71</v>
      </c>
    </row>
    <row r="22116" spans="1:43">
      <c r="A22116" t="s">
        <v>13699</v>
      </c>
      <c r="B22116" t="s">
        <v>13700</v>
      </c>
      <c r="C22116" t="s">
        <v>13559</v>
      </c>
      <c r="D22116" t="s">
        <v>13560</v>
      </c>
      <c r="E22116" t="s">
        <v>13539</v>
      </c>
      <c r="F22116" t="s">
        <v>13540</v>
      </c>
      <c r="G22116" t="s">
        <v>10214</v>
      </c>
      <c r="H22116" t="s">
        <v>10215</v>
      </c>
      <c r="I22116" s="2">
        <v>1</v>
      </c>
      <c r="J22116" s="2">
        <v>0</v>
      </c>
      <c r="K22116" s="2">
        <v>0</v>
      </c>
      <c r="L22116" t="s">
        <v>120</v>
      </c>
      <c r="M22116" t="s">
        <v>89</v>
      </c>
      <c r="N22116" t="s">
        <v>90</v>
      </c>
      <c r="O22116" t="s">
        <v>85</v>
      </c>
      <c r="P22116" t="s">
        <v>86</v>
      </c>
      <c r="Q22116">
        <v>46</v>
      </c>
      <c r="R22116">
        <v>47</v>
      </c>
      <c r="S22116">
        <v>49</v>
      </c>
      <c r="T22116">
        <v>51</v>
      </c>
      <c r="U22116">
        <v>52</v>
      </c>
      <c r="V22116">
        <v>54</v>
      </c>
      <c r="W22116">
        <v>56</v>
      </c>
      <c r="X22116">
        <v>58</v>
      </c>
      <c r="Y22116">
        <v>59</v>
      </c>
      <c r="Z22116">
        <v>61</v>
      </c>
      <c r="AA22116">
        <v>63</v>
      </c>
      <c r="AB22116">
        <v>64</v>
      </c>
      <c r="AC22116">
        <v>66</v>
      </c>
      <c r="AD22116">
        <v>68</v>
      </c>
      <c r="AE22116">
        <v>70</v>
      </c>
      <c r="AF22116">
        <v>71</v>
      </c>
      <c r="AG22116">
        <v>72</v>
      </c>
      <c r="AH22116">
        <v>73</v>
      </c>
      <c r="AI22116">
        <v>74</v>
      </c>
      <c r="AJ22116">
        <v>75</v>
      </c>
      <c r="AK22116">
        <v>76</v>
      </c>
      <c r="AL22116">
        <v>77</v>
      </c>
      <c r="AM22116">
        <v>78</v>
      </c>
      <c r="AN22116">
        <v>79</v>
      </c>
      <c r="AO22116">
        <v>80</v>
      </c>
      <c r="AP22116">
        <v>81</v>
      </c>
      <c r="AQ22116">
        <v>82</v>
      </c>
    </row>
    <row r="22117" spans="1:43">
      <c r="A22117" t="s">
        <v>13699</v>
      </c>
      <c r="B22117" t="s">
        <v>13700</v>
      </c>
      <c r="C22117" t="s">
        <v>13559</v>
      </c>
      <c r="D22117" t="s">
        <v>13560</v>
      </c>
      <c r="E22117" t="s">
        <v>13539</v>
      </c>
      <c r="F22117" t="s">
        <v>13540</v>
      </c>
      <c r="G22117" t="s">
        <v>10214</v>
      </c>
      <c r="H22117" t="s">
        <v>10215</v>
      </c>
      <c r="I22117" s="2">
        <v>1</v>
      </c>
      <c r="J22117" s="2">
        <v>0</v>
      </c>
      <c r="K22117" s="2">
        <v>0</v>
      </c>
      <c r="L22117" t="s">
        <v>120</v>
      </c>
      <c r="M22117" t="s">
        <v>83</v>
      </c>
      <c r="N22117" t="s">
        <v>91</v>
      </c>
      <c r="O22117" t="s">
        <v>85</v>
      </c>
      <c r="P22117" t="s">
        <v>86</v>
      </c>
      <c r="Q22117">
        <v>46</v>
      </c>
      <c r="R22117">
        <v>48</v>
      </c>
      <c r="S22117">
        <v>49</v>
      </c>
      <c r="T22117">
        <v>50</v>
      </c>
      <c r="U22117">
        <v>51</v>
      </c>
      <c r="V22117">
        <v>53</v>
      </c>
      <c r="W22117">
        <v>54</v>
      </c>
      <c r="X22117">
        <v>56</v>
      </c>
      <c r="Y22117">
        <v>57</v>
      </c>
      <c r="Z22117">
        <v>58</v>
      </c>
      <c r="AA22117">
        <v>60</v>
      </c>
      <c r="AB22117">
        <v>61</v>
      </c>
      <c r="AC22117">
        <v>63</v>
      </c>
      <c r="AD22117">
        <v>64</v>
      </c>
      <c r="AE22117">
        <v>66</v>
      </c>
      <c r="AF22117">
        <v>67</v>
      </c>
      <c r="AG22117">
        <v>69</v>
      </c>
      <c r="AH22117">
        <v>71</v>
      </c>
      <c r="AI22117">
        <v>72</v>
      </c>
      <c r="AJ22117">
        <v>74</v>
      </c>
      <c r="AK22117">
        <v>76</v>
      </c>
      <c r="AL22117">
        <v>77</v>
      </c>
      <c r="AM22117">
        <v>78</v>
      </c>
      <c r="AN22117">
        <v>79</v>
      </c>
      <c r="AO22117">
        <v>80</v>
      </c>
      <c r="AP22117">
        <v>81</v>
      </c>
      <c r="AQ22117">
        <v>82</v>
      </c>
    </row>
    <row r="22118" spans="1:43">
      <c r="A22118" t="s">
        <v>13701</v>
      </c>
      <c r="B22118" t="s">
        <v>13702</v>
      </c>
      <c r="C22118" t="s">
        <v>13593</v>
      </c>
      <c r="D22118" t="s">
        <v>13594</v>
      </c>
      <c r="E22118" t="s">
        <v>13539</v>
      </c>
      <c r="F22118" t="s">
        <v>13540</v>
      </c>
      <c r="G22118" t="s">
        <v>10214</v>
      </c>
      <c r="H22118" t="s">
        <v>10215</v>
      </c>
      <c r="I22118" s="2">
        <v>1</v>
      </c>
      <c r="J22118" s="2">
        <v>0</v>
      </c>
      <c r="K22118" s="2">
        <v>0</v>
      </c>
      <c r="L22118" t="s">
        <v>120</v>
      </c>
      <c r="M22118" t="s">
        <v>83</v>
      </c>
      <c r="N22118" t="s">
        <v>84</v>
      </c>
      <c r="O22118" t="s">
        <v>85</v>
      </c>
      <c r="P22118" t="s">
        <v>86</v>
      </c>
      <c r="Q22118">
        <v>24</v>
      </c>
      <c r="R22118">
        <v>24</v>
      </c>
      <c r="S22118">
        <v>25</v>
      </c>
      <c r="T22118">
        <v>26</v>
      </c>
      <c r="U22118">
        <v>27</v>
      </c>
      <c r="V22118">
        <v>27</v>
      </c>
      <c r="W22118">
        <v>28</v>
      </c>
      <c r="X22118">
        <v>29</v>
      </c>
      <c r="Y22118">
        <v>29</v>
      </c>
      <c r="Z22118">
        <v>30</v>
      </c>
      <c r="AA22118">
        <v>31</v>
      </c>
      <c r="AB22118">
        <v>31</v>
      </c>
      <c r="AC22118">
        <v>32</v>
      </c>
      <c r="AD22118">
        <v>33</v>
      </c>
      <c r="AE22118">
        <v>34</v>
      </c>
      <c r="AF22118">
        <v>35</v>
      </c>
      <c r="AG22118">
        <v>35</v>
      </c>
      <c r="AH22118">
        <v>36</v>
      </c>
      <c r="AI22118">
        <v>37</v>
      </c>
      <c r="AJ22118">
        <v>38</v>
      </c>
      <c r="AK22118">
        <v>39</v>
      </c>
      <c r="AL22118">
        <v>39</v>
      </c>
      <c r="AM22118">
        <v>40</v>
      </c>
      <c r="AN22118">
        <v>41</v>
      </c>
      <c r="AO22118">
        <v>41</v>
      </c>
      <c r="AP22118">
        <v>42</v>
      </c>
      <c r="AQ22118">
        <v>42</v>
      </c>
    </row>
    <row r="22119" spans="1:43">
      <c r="A22119" t="s">
        <v>13701</v>
      </c>
      <c r="B22119" t="s">
        <v>13702</v>
      </c>
      <c r="C22119" t="s">
        <v>13593</v>
      </c>
      <c r="D22119" t="s">
        <v>13594</v>
      </c>
      <c r="E22119" t="s">
        <v>13539</v>
      </c>
      <c r="F22119" t="s">
        <v>13540</v>
      </c>
      <c r="G22119" t="s">
        <v>10214</v>
      </c>
      <c r="H22119" t="s">
        <v>10215</v>
      </c>
      <c r="I22119" s="2">
        <v>1</v>
      </c>
      <c r="J22119" s="2">
        <v>0</v>
      </c>
      <c r="K22119" s="2">
        <v>0</v>
      </c>
      <c r="L22119" t="s">
        <v>120</v>
      </c>
      <c r="M22119" t="s">
        <v>87</v>
      </c>
      <c r="N22119" t="s">
        <v>88</v>
      </c>
      <c r="O22119" t="s">
        <v>85</v>
      </c>
      <c r="P22119" t="s">
        <v>86</v>
      </c>
      <c r="Q22119">
        <v>24</v>
      </c>
      <c r="R22119">
        <v>24</v>
      </c>
      <c r="S22119">
        <v>24</v>
      </c>
      <c r="T22119">
        <v>25</v>
      </c>
      <c r="U22119">
        <v>25</v>
      </c>
      <c r="V22119">
        <v>26</v>
      </c>
      <c r="W22119">
        <v>26</v>
      </c>
      <c r="X22119">
        <v>27</v>
      </c>
      <c r="Y22119">
        <v>27</v>
      </c>
      <c r="Z22119">
        <v>28</v>
      </c>
      <c r="AA22119">
        <v>28</v>
      </c>
      <c r="AB22119">
        <v>29</v>
      </c>
      <c r="AC22119">
        <v>29</v>
      </c>
      <c r="AD22119">
        <v>30</v>
      </c>
      <c r="AE22119">
        <v>30</v>
      </c>
      <c r="AF22119">
        <v>31</v>
      </c>
      <c r="AG22119">
        <v>31</v>
      </c>
      <c r="AH22119">
        <v>32</v>
      </c>
      <c r="AI22119">
        <v>32</v>
      </c>
      <c r="AJ22119">
        <v>33</v>
      </c>
      <c r="AK22119">
        <v>33</v>
      </c>
      <c r="AL22119">
        <v>34</v>
      </c>
      <c r="AM22119">
        <v>35</v>
      </c>
      <c r="AN22119">
        <v>35</v>
      </c>
      <c r="AO22119">
        <v>36</v>
      </c>
      <c r="AP22119">
        <v>36</v>
      </c>
      <c r="AQ22119">
        <v>37</v>
      </c>
    </row>
    <row r="22120" spans="1:43">
      <c r="A22120" t="s">
        <v>13701</v>
      </c>
      <c r="B22120" t="s">
        <v>13702</v>
      </c>
      <c r="C22120" t="s">
        <v>13593</v>
      </c>
      <c r="D22120" t="s">
        <v>13594</v>
      </c>
      <c r="E22120" t="s">
        <v>13539</v>
      </c>
      <c r="F22120" t="s">
        <v>13540</v>
      </c>
      <c r="G22120" t="s">
        <v>10214</v>
      </c>
      <c r="H22120" t="s">
        <v>10215</v>
      </c>
      <c r="I22120" s="2">
        <v>1</v>
      </c>
      <c r="J22120" s="2">
        <v>0</v>
      </c>
      <c r="K22120" s="2">
        <v>0</v>
      </c>
      <c r="L22120" t="s">
        <v>120</v>
      </c>
      <c r="M22120" t="s">
        <v>89</v>
      </c>
      <c r="N22120" t="s">
        <v>90</v>
      </c>
      <c r="O22120" t="s">
        <v>85</v>
      </c>
      <c r="P22120" t="s">
        <v>86</v>
      </c>
      <c r="Q22120">
        <v>24</v>
      </c>
      <c r="R22120">
        <v>25</v>
      </c>
      <c r="S22120">
        <v>26</v>
      </c>
      <c r="T22120">
        <v>27</v>
      </c>
      <c r="U22120">
        <v>28</v>
      </c>
      <c r="V22120">
        <v>28</v>
      </c>
      <c r="W22120">
        <v>29</v>
      </c>
      <c r="X22120">
        <v>30</v>
      </c>
      <c r="Y22120">
        <v>31</v>
      </c>
      <c r="Z22120">
        <v>32</v>
      </c>
      <c r="AA22120">
        <v>33</v>
      </c>
      <c r="AB22120">
        <v>34</v>
      </c>
      <c r="AC22120">
        <v>34</v>
      </c>
      <c r="AD22120">
        <v>35</v>
      </c>
      <c r="AE22120">
        <v>36</v>
      </c>
      <c r="AF22120">
        <v>37</v>
      </c>
      <c r="AG22120">
        <v>37</v>
      </c>
      <c r="AH22120">
        <v>38</v>
      </c>
      <c r="AI22120">
        <v>38</v>
      </c>
      <c r="AJ22120">
        <v>39</v>
      </c>
      <c r="AK22120">
        <v>39</v>
      </c>
      <c r="AL22120">
        <v>40</v>
      </c>
      <c r="AM22120">
        <v>40</v>
      </c>
      <c r="AN22120">
        <v>41</v>
      </c>
      <c r="AO22120">
        <v>41</v>
      </c>
      <c r="AP22120">
        <v>42</v>
      </c>
      <c r="AQ22120">
        <v>42</v>
      </c>
    </row>
    <row r="22121" spans="1:43">
      <c r="A22121" t="s">
        <v>13701</v>
      </c>
      <c r="B22121" t="s">
        <v>13702</v>
      </c>
      <c r="C22121" t="s">
        <v>13593</v>
      </c>
      <c r="D22121" t="s">
        <v>13594</v>
      </c>
      <c r="E22121" t="s">
        <v>13539</v>
      </c>
      <c r="F22121" t="s">
        <v>13540</v>
      </c>
      <c r="G22121" t="s">
        <v>10214</v>
      </c>
      <c r="H22121" t="s">
        <v>10215</v>
      </c>
      <c r="I22121" s="2">
        <v>1</v>
      </c>
      <c r="J22121" s="2">
        <v>0</v>
      </c>
      <c r="K22121" s="2">
        <v>0</v>
      </c>
      <c r="L22121" t="s">
        <v>120</v>
      </c>
      <c r="M22121" t="s">
        <v>83</v>
      </c>
      <c r="N22121" t="s">
        <v>91</v>
      </c>
      <c r="O22121" t="s">
        <v>85</v>
      </c>
      <c r="P22121" t="s">
        <v>86</v>
      </c>
      <c r="Q22121">
        <v>24</v>
      </c>
      <c r="R22121">
        <v>24</v>
      </c>
      <c r="S22121">
        <v>25</v>
      </c>
      <c r="T22121">
        <v>26</v>
      </c>
      <c r="U22121">
        <v>27</v>
      </c>
      <c r="V22121">
        <v>27</v>
      </c>
      <c r="W22121">
        <v>28</v>
      </c>
      <c r="X22121">
        <v>29</v>
      </c>
      <c r="Y22121">
        <v>29</v>
      </c>
      <c r="Z22121">
        <v>30</v>
      </c>
      <c r="AA22121">
        <v>31</v>
      </c>
      <c r="AB22121">
        <v>31</v>
      </c>
      <c r="AC22121">
        <v>32</v>
      </c>
      <c r="AD22121">
        <v>33</v>
      </c>
      <c r="AE22121">
        <v>34</v>
      </c>
      <c r="AF22121">
        <v>35</v>
      </c>
      <c r="AG22121">
        <v>35</v>
      </c>
      <c r="AH22121">
        <v>36</v>
      </c>
      <c r="AI22121">
        <v>37</v>
      </c>
      <c r="AJ22121">
        <v>38</v>
      </c>
      <c r="AK22121">
        <v>39</v>
      </c>
      <c r="AL22121">
        <v>39</v>
      </c>
      <c r="AM22121">
        <v>40</v>
      </c>
      <c r="AN22121">
        <v>41</v>
      </c>
      <c r="AO22121">
        <v>41</v>
      </c>
      <c r="AP22121">
        <v>42</v>
      </c>
      <c r="AQ22121">
        <v>42</v>
      </c>
    </row>
    <row r="22122" spans="1:43">
      <c r="A22122" t="s">
        <v>13703</v>
      </c>
      <c r="B22122" t="s">
        <v>13704</v>
      </c>
      <c r="C22122" t="s">
        <v>13705</v>
      </c>
      <c r="D22122" t="s">
        <v>13706</v>
      </c>
      <c r="E22122" t="s">
        <v>13539</v>
      </c>
      <c r="F22122" t="s">
        <v>13540</v>
      </c>
      <c r="G22122" t="s">
        <v>10214</v>
      </c>
      <c r="H22122" t="s">
        <v>10215</v>
      </c>
      <c r="I22122" s="2">
        <v>1</v>
      </c>
      <c r="J22122" s="2">
        <v>0</v>
      </c>
      <c r="K22122" s="2">
        <v>0</v>
      </c>
      <c r="L22122" t="s">
        <v>120</v>
      </c>
      <c r="M22122" t="s">
        <v>83</v>
      </c>
      <c r="N22122" t="s">
        <v>84</v>
      </c>
      <c r="O22122" t="s">
        <v>85</v>
      </c>
      <c r="P22122" t="s">
        <v>86</v>
      </c>
      <c r="Q22122">
        <v>27</v>
      </c>
      <c r="R22122">
        <v>28</v>
      </c>
      <c r="S22122">
        <v>29</v>
      </c>
      <c r="T22122">
        <v>30</v>
      </c>
      <c r="U22122">
        <v>30</v>
      </c>
      <c r="V22122">
        <v>31</v>
      </c>
      <c r="W22122">
        <v>32</v>
      </c>
      <c r="X22122">
        <v>33</v>
      </c>
      <c r="Y22122">
        <v>34</v>
      </c>
      <c r="Z22122">
        <v>35</v>
      </c>
      <c r="AA22122">
        <v>35</v>
      </c>
      <c r="AB22122">
        <v>36</v>
      </c>
      <c r="AC22122">
        <v>37</v>
      </c>
      <c r="AD22122">
        <v>38</v>
      </c>
      <c r="AE22122">
        <v>39</v>
      </c>
      <c r="AF22122">
        <v>40</v>
      </c>
      <c r="AG22122">
        <v>41</v>
      </c>
      <c r="AH22122">
        <v>42</v>
      </c>
      <c r="AI22122">
        <v>43</v>
      </c>
      <c r="AJ22122">
        <v>44</v>
      </c>
      <c r="AK22122">
        <v>45</v>
      </c>
      <c r="AL22122">
        <v>45</v>
      </c>
      <c r="AM22122">
        <v>46</v>
      </c>
      <c r="AN22122">
        <v>47</v>
      </c>
      <c r="AO22122">
        <v>47</v>
      </c>
      <c r="AP22122">
        <v>48</v>
      </c>
      <c r="AQ22122">
        <v>49</v>
      </c>
    </row>
    <row r="22123" spans="1:43">
      <c r="A22123" t="s">
        <v>13703</v>
      </c>
      <c r="B22123" t="s">
        <v>13704</v>
      </c>
      <c r="C22123" t="s">
        <v>13705</v>
      </c>
      <c r="D22123" t="s">
        <v>13706</v>
      </c>
      <c r="E22123" t="s">
        <v>13539</v>
      </c>
      <c r="F22123" t="s">
        <v>13540</v>
      </c>
      <c r="G22123" t="s">
        <v>10214</v>
      </c>
      <c r="H22123" t="s">
        <v>10215</v>
      </c>
      <c r="I22123" s="2">
        <v>1</v>
      </c>
      <c r="J22123" s="2">
        <v>0</v>
      </c>
      <c r="K22123" s="2">
        <v>0</v>
      </c>
      <c r="L22123" t="s">
        <v>120</v>
      </c>
      <c r="M22123" t="s">
        <v>87</v>
      </c>
      <c r="N22123" t="s">
        <v>88</v>
      </c>
      <c r="O22123" t="s">
        <v>85</v>
      </c>
      <c r="P22123" t="s">
        <v>86</v>
      </c>
      <c r="Q22123">
        <v>27</v>
      </c>
      <c r="R22123">
        <v>28</v>
      </c>
      <c r="S22123">
        <v>28</v>
      </c>
      <c r="T22123">
        <v>29</v>
      </c>
      <c r="U22123">
        <v>29</v>
      </c>
      <c r="V22123">
        <v>30</v>
      </c>
      <c r="W22123">
        <v>30</v>
      </c>
      <c r="X22123">
        <v>31</v>
      </c>
      <c r="Y22123">
        <v>31</v>
      </c>
      <c r="Z22123">
        <v>32</v>
      </c>
      <c r="AA22123">
        <v>32</v>
      </c>
      <c r="AB22123">
        <v>33</v>
      </c>
      <c r="AC22123">
        <v>33</v>
      </c>
      <c r="AD22123">
        <v>34</v>
      </c>
      <c r="AE22123">
        <v>35</v>
      </c>
      <c r="AF22123">
        <v>35</v>
      </c>
      <c r="AG22123">
        <v>36</v>
      </c>
      <c r="AH22123">
        <v>36</v>
      </c>
      <c r="AI22123">
        <v>37</v>
      </c>
      <c r="AJ22123">
        <v>38</v>
      </c>
      <c r="AK22123">
        <v>38</v>
      </c>
      <c r="AL22123">
        <v>39</v>
      </c>
      <c r="AM22123">
        <v>40</v>
      </c>
      <c r="AN22123">
        <v>40</v>
      </c>
      <c r="AO22123">
        <v>41</v>
      </c>
      <c r="AP22123">
        <v>42</v>
      </c>
      <c r="AQ22123">
        <v>43</v>
      </c>
    </row>
    <row r="22124" spans="1:43">
      <c r="A22124" t="s">
        <v>13703</v>
      </c>
      <c r="B22124" t="s">
        <v>13704</v>
      </c>
      <c r="C22124" t="s">
        <v>13705</v>
      </c>
      <c r="D22124" t="s">
        <v>13706</v>
      </c>
      <c r="E22124" t="s">
        <v>13539</v>
      </c>
      <c r="F22124" t="s">
        <v>13540</v>
      </c>
      <c r="G22124" t="s">
        <v>10214</v>
      </c>
      <c r="H22124" t="s">
        <v>10215</v>
      </c>
      <c r="I22124" s="2">
        <v>1</v>
      </c>
      <c r="J22124" s="2">
        <v>0</v>
      </c>
      <c r="K22124" s="2">
        <v>0</v>
      </c>
      <c r="L22124" t="s">
        <v>120</v>
      </c>
      <c r="M22124" t="s">
        <v>89</v>
      </c>
      <c r="N22124" t="s">
        <v>90</v>
      </c>
      <c r="O22124" t="s">
        <v>85</v>
      </c>
      <c r="P22124" t="s">
        <v>86</v>
      </c>
      <c r="Q22124">
        <v>27</v>
      </c>
      <c r="R22124">
        <v>28</v>
      </c>
      <c r="S22124">
        <v>29</v>
      </c>
      <c r="T22124">
        <v>30</v>
      </c>
      <c r="U22124">
        <v>31</v>
      </c>
      <c r="V22124">
        <v>32</v>
      </c>
      <c r="W22124">
        <v>33</v>
      </c>
      <c r="X22124">
        <v>34</v>
      </c>
      <c r="Y22124">
        <v>35</v>
      </c>
      <c r="Z22124">
        <v>36</v>
      </c>
      <c r="AA22124">
        <v>37</v>
      </c>
      <c r="AB22124">
        <v>38</v>
      </c>
      <c r="AC22124">
        <v>39</v>
      </c>
      <c r="AD22124">
        <v>40</v>
      </c>
      <c r="AE22124">
        <v>41</v>
      </c>
      <c r="AF22124">
        <v>41</v>
      </c>
      <c r="AG22124">
        <v>42</v>
      </c>
      <c r="AH22124">
        <v>42</v>
      </c>
      <c r="AI22124">
        <v>43</v>
      </c>
      <c r="AJ22124">
        <v>43</v>
      </c>
      <c r="AK22124">
        <v>44</v>
      </c>
      <c r="AL22124">
        <v>45</v>
      </c>
      <c r="AM22124">
        <v>45</v>
      </c>
      <c r="AN22124">
        <v>46</v>
      </c>
      <c r="AO22124">
        <v>47</v>
      </c>
      <c r="AP22124">
        <v>47</v>
      </c>
      <c r="AQ22124">
        <v>48</v>
      </c>
    </row>
    <row r="22125" spans="1:43">
      <c r="A22125" t="s">
        <v>13703</v>
      </c>
      <c r="B22125" t="s">
        <v>13704</v>
      </c>
      <c r="C22125" t="s">
        <v>13705</v>
      </c>
      <c r="D22125" t="s">
        <v>13706</v>
      </c>
      <c r="E22125" t="s">
        <v>13539</v>
      </c>
      <c r="F22125" t="s">
        <v>13540</v>
      </c>
      <c r="G22125" t="s">
        <v>10214</v>
      </c>
      <c r="H22125" t="s">
        <v>10215</v>
      </c>
      <c r="I22125" s="2">
        <v>1</v>
      </c>
      <c r="J22125" s="2">
        <v>0</v>
      </c>
      <c r="K22125" s="2">
        <v>0</v>
      </c>
      <c r="L22125" t="s">
        <v>120</v>
      </c>
      <c r="M22125" t="s">
        <v>83</v>
      </c>
      <c r="N22125" t="s">
        <v>91</v>
      </c>
      <c r="O22125" t="s">
        <v>85</v>
      </c>
      <c r="P22125" t="s">
        <v>86</v>
      </c>
      <c r="Q22125">
        <v>27</v>
      </c>
      <c r="R22125">
        <v>28</v>
      </c>
      <c r="S22125">
        <v>29</v>
      </c>
      <c r="T22125">
        <v>30</v>
      </c>
      <c r="U22125">
        <v>30</v>
      </c>
      <c r="V22125">
        <v>31</v>
      </c>
      <c r="W22125">
        <v>32</v>
      </c>
      <c r="X22125">
        <v>33</v>
      </c>
      <c r="Y22125">
        <v>34</v>
      </c>
      <c r="Z22125">
        <v>35</v>
      </c>
      <c r="AA22125">
        <v>35</v>
      </c>
      <c r="AB22125">
        <v>36</v>
      </c>
      <c r="AC22125">
        <v>37</v>
      </c>
      <c r="AD22125">
        <v>38</v>
      </c>
      <c r="AE22125">
        <v>39</v>
      </c>
      <c r="AF22125">
        <v>40</v>
      </c>
      <c r="AG22125">
        <v>41</v>
      </c>
      <c r="AH22125">
        <v>42</v>
      </c>
      <c r="AI22125">
        <v>43</v>
      </c>
      <c r="AJ22125">
        <v>44</v>
      </c>
      <c r="AK22125">
        <v>45</v>
      </c>
      <c r="AL22125">
        <v>45</v>
      </c>
      <c r="AM22125">
        <v>46</v>
      </c>
      <c r="AN22125">
        <v>47</v>
      </c>
      <c r="AO22125">
        <v>47</v>
      </c>
      <c r="AP22125">
        <v>48</v>
      </c>
      <c r="AQ22125">
        <v>49</v>
      </c>
    </row>
    <row r="22126" spans="1:43">
      <c r="A22126" t="s">
        <v>13707</v>
      </c>
      <c r="B22126" t="s">
        <v>13708</v>
      </c>
      <c r="C22126" t="s">
        <v>13705</v>
      </c>
      <c r="D22126" t="s">
        <v>13706</v>
      </c>
      <c r="E22126" t="s">
        <v>13539</v>
      </c>
      <c r="F22126" t="s">
        <v>13540</v>
      </c>
      <c r="G22126" t="s">
        <v>10214</v>
      </c>
      <c r="H22126" t="s">
        <v>10215</v>
      </c>
      <c r="I22126" s="2">
        <v>1</v>
      </c>
      <c r="J22126" s="2">
        <v>0</v>
      </c>
      <c r="K22126" s="2">
        <v>0</v>
      </c>
      <c r="L22126" t="s">
        <v>120</v>
      </c>
      <c r="M22126" t="s">
        <v>83</v>
      </c>
      <c r="N22126" t="s">
        <v>84</v>
      </c>
      <c r="O22126" t="s">
        <v>85</v>
      </c>
      <c r="P22126" t="s">
        <v>86</v>
      </c>
      <c r="Q22126">
        <v>46</v>
      </c>
      <c r="R22126">
        <v>47</v>
      </c>
      <c r="S22126">
        <v>48</v>
      </c>
      <c r="T22126">
        <v>49</v>
      </c>
      <c r="U22126">
        <v>51</v>
      </c>
      <c r="V22126">
        <v>52</v>
      </c>
      <c r="W22126">
        <v>54</v>
      </c>
      <c r="X22126">
        <v>55</v>
      </c>
      <c r="Y22126">
        <v>56</v>
      </c>
      <c r="Z22126">
        <v>58</v>
      </c>
      <c r="AA22126">
        <v>59</v>
      </c>
      <c r="AB22126">
        <v>60</v>
      </c>
      <c r="AC22126">
        <v>62</v>
      </c>
      <c r="AD22126">
        <v>63</v>
      </c>
      <c r="AE22126">
        <v>65</v>
      </c>
      <c r="AF22126">
        <v>66</v>
      </c>
      <c r="AG22126">
        <v>68</v>
      </c>
      <c r="AH22126">
        <v>69</v>
      </c>
      <c r="AI22126">
        <v>71</v>
      </c>
      <c r="AJ22126">
        <v>73</v>
      </c>
      <c r="AK22126">
        <v>74</v>
      </c>
      <c r="AL22126">
        <v>76</v>
      </c>
      <c r="AM22126">
        <v>77</v>
      </c>
      <c r="AN22126">
        <v>78</v>
      </c>
      <c r="AO22126">
        <v>79</v>
      </c>
      <c r="AP22126">
        <v>80</v>
      </c>
      <c r="AQ22126">
        <v>81</v>
      </c>
    </row>
    <row r="22127" spans="1:43">
      <c r="A22127" t="s">
        <v>13707</v>
      </c>
      <c r="B22127" t="s">
        <v>13708</v>
      </c>
      <c r="C22127" t="s">
        <v>13705</v>
      </c>
      <c r="D22127" t="s">
        <v>13706</v>
      </c>
      <c r="E22127" t="s">
        <v>13539</v>
      </c>
      <c r="F22127" t="s">
        <v>13540</v>
      </c>
      <c r="G22127" t="s">
        <v>10214</v>
      </c>
      <c r="H22127" t="s">
        <v>10215</v>
      </c>
      <c r="I22127" s="2">
        <v>1</v>
      </c>
      <c r="J22127" s="2">
        <v>0</v>
      </c>
      <c r="K22127" s="2">
        <v>0</v>
      </c>
      <c r="L22127" t="s">
        <v>120</v>
      </c>
      <c r="M22127" t="s">
        <v>87</v>
      </c>
      <c r="N22127" t="s">
        <v>88</v>
      </c>
      <c r="O22127" t="s">
        <v>85</v>
      </c>
      <c r="P22127" t="s">
        <v>86</v>
      </c>
      <c r="Q22127">
        <v>46</v>
      </c>
      <c r="R22127">
        <v>47</v>
      </c>
      <c r="S22127">
        <v>48</v>
      </c>
      <c r="T22127">
        <v>49</v>
      </c>
      <c r="U22127">
        <v>50</v>
      </c>
      <c r="V22127">
        <v>50</v>
      </c>
      <c r="W22127">
        <v>51</v>
      </c>
      <c r="X22127">
        <v>52</v>
      </c>
      <c r="Y22127">
        <v>53</v>
      </c>
      <c r="Z22127">
        <v>54</v>
      </c>
      <c r="AA22127">
        <v>55</v>
      </c>
      <c r="AB22127">
        <v>56</v>
      </c>
      <c r="AC22127">
        <v>57</v>
      </c>
      <c r="AD22127">
        <v>58</v>
      </c>
      <c r="AE22127">
        <v>59</v>
      </c>
      <c r="AF22127">
        <v>60</v>
      </c>
      <c r="AG22127">
        <v>61</v>
      </c>
      <c r="AH22127">
        <v>62</v>
      </c>
      <c r="AI22127">
        <v>63</v>
      </c>
      <c r="AJ22127">
        <v>64</v>
      </c>
      <c r="AK22127">
        <v>65</v>
      </c>
      <c r="AL22127">
        <v>66</v>
      </c>
      <c r="AM22127">
        <v>67</v>
      </c>
      <c r="AN22127">
        <v>68</v>
      </c>
      <c r="AO22127">
        <v>70</v>
      </c>
      <c r="AP22127">
        <v>71</v>
      </c>
      <c r="AQ22127">
        <v>72</v>
      </c>
    </row>
    <row r="22128" spans="1:43">
      <c r="A22128" t="s">
        <v>13707</v>
      </c>
      <c r="B22128" t="s">
        <v>13708</v>
      </c>
      <c r="C22128" t="s">
        <v>13705</v>
      </c>
      <c r="D22128" t="s">
        <v>13706</v>
      </c>
      <c r="E22128" t="s">
        <v>13539</v>
      </c>
      <c r="F22128" t="s">
        <v>13540</v>
      </c>
      <c r="G22128" t="s">
        <v>10214</v>
      </c>
      <c r="H22128" t="s">
        <v>10215</v>
      </c>
      <c r="I22128" s="2">
        <v>1</v>
      </c>
      <c r="J22128" s="2">
        <v>0</v>
      </c>
      <c r="K22128" s="2">
        <v>0</v>
      </c>
      <c r="L22128" t="s">
        <v>120</v>
      </c>
      <c r="M22128" t="s">
        <v>89</v>
      </c>
      <c r="N22128" t="s">
        <v>90</v>
      </c>
      <c r="O22128" t="s">
        <v>85</v>
      </c>
      <c r="P22128" t="s">
        <v>86</v>
      </c>
      <c r="Q22128">
        <v>46</v>
      </c>
      <c r="R22128">
        <v>48</v>
      </c>
      <c r="S22128">
        <v>49</v>
      </c>
      <c r="T22128">
        <v>51</v>
      </c>
      <c r="U22128">
        <v>53</v>
      </c>
      <c r="V22128">
        <v>54</v>
      </c>
      <c r="W22128">
        <v>56</v>
      </c>
      <c r="X22128">
        <v>58</v>
      </c>
      <c r="Y22128">
        <v>59</v>
      </c>
      <c r="Z22128">
        <v>61</v>
      </c>
      <c r="AA22128">
        <v>63</v>
      </c>
      <c r="AB22128">
        <v>64</v>
      </c>
      <c r="AC22128">
        <v>66</v>
      </c>
      <c r="AD22128">
        <v>68</v>
      </c>
      <c r="AE22128">
        <v>69</v>
      </c>
      <c r="AF22128">
        <v>70</v>
      </c>
      <c r="AG22128">
        <v>71</v>
      </c>
      <c r="AH22128">
        <v>72</v>
      </c>
      <c r="AI22128">
        <v>73</v>
      </c>
      <c r="AJ22128">
        <v>74</v>
      </c>
      <c r="AK22128">
        <v>75</v>
      </c>
      <c r="AL22128">
        <v>76</v>
      </c>
      <c r="AM22128">
        <v>77</v>
      </c>
      <c r="AN22128">
        <v>78</v>
      </c>
      <c r="AO22128">
        <v>79</v>
      </c>
      <c r="AP22128">
        <v>80</v>
      </c>
      <c r="AQ22128">
        <v>81</v>
      </c>
    </row>
    <row r="22129" spans="1:43">
      <c r="A22129" t="s">
        <v>13707</v>
      </c>
      <c r="B22129" t="s">
        <v>13708</v>
      </c>
      <c r="C22129" t="s">
        <v>13705</v>
      </c>
      <c r="D22129" t="s">
        <v>13706</v>
      </c>
      <c r="E22129" t="s">
        <v>13539</v>
      </c>
      <c r="F22129" t="s">
        <v>13540</v>
      </c>
      <c r="G22129" t="s">
        <v>10214</v>
      </c>
      <c r="H22129" t="s">
        <v>10215</v>
      </c>
      <c r="I22129" s="2">
        <v>1</v>
      </c>
      <c r="J22129" s="2">
        <v>0</v>
      </c>
      <c r="K22129" s="2">
        <v>0</v>
      </c>
      <c r="L22129" t="s">
        <v>120</v>
      </c>
      <c r="M22129" t="s">
        <v>83</v>
      </c>
      <c r="N22129" t="s">
        <v>91</v>
      </c>
      <c r="O22129" t="s">
        <v>85</v>
      </c>
      <c r="P22129" t="s">
        <v>86</v>
      </c>
      <c r="Q22129">
        <v>46</v>
      </c>
      <c r="R22129">
        <v>47</v>
      </c>
      <c r="S22129">
        <v>48</v>
      </c>
      <c r="T22129">
        <v>49</v>
      </c>
      <c r="U22129">
        <v>51</v>
      </c>
      <c r="V22129">
        <v>52</v>
      </c>
      <c r="W22129">
        <v>54</v>
      </c>
      <c r="X22129">
        <v>55</v>
      </c>
      <c r="Y22129">
        <v>56</v>
      </c>
      <c r="Z22129">
        <v>58</v>
      </c>
      <c r="AA22129">
        <v>59</v>
      </c>
      <c r="AB22129">
        <v>60</v>
      </c>
      <c r="AC22129">
        <v>62</v>
      </c>
      <c r="AD22129">
        <v>63</v>
      </c>
      <c r="AE22129">
        <v>65</v>
      </c>
      <c r="AF22129">
        <v>66</v>
      </c>
      <c r="AG22129">
        <v>68</v>
      </c>
      <c r="AH22129">
        <v>69</v>
      </c>
      <c r="AI22129">
        <v>71</v>
      </c>
      <c r="AJ22129">
        <v>73</v>
      </c>
      <c r="AK22129">
        <v>74</v>
      </c>
      <c r="AL22129">
        <v>76</v>
      </c>
      <c r="AM22129">
        <v>77</v>
      </c>
      <c r="AN22129">
        <v>78</v>
      </c>
      <c r="AO22129">
        <v>79</v>
      </c>
      <c r="AP22129">
        <v>80</v>
      </c>
      <c r="AQ22129">
        <v>81</v>
      </c>
    </row>
    <row r="22130" spans="1:43">
      <c r="A22130" t="s">
        <v>13709</v>
      </c>
      <c r="B22130" t="s">
        <v>13710</v>
      </c>
      <c r="C22130" t="s">
        <v>13705</v>
      </c>
      <c r="D22130" t="s">
        <v>13706</v>
      </c>
      <c r="E22130" t="s">
        <v>13539</v>
      </c>
      <c r="F22130" t="s">
        <v>13540</v>
      </c>
      <c r="G22130" t="s">
        <v>10214</v>
      </c>
      <c r="H22130" t="s">
        <v>10215</v>
      </c>
      <c r="I22130" s="2">
        <v>1</v>
      </c>
      <c r="J22130" s="2">
        <v>0</v>
      </c>
      <c r="K22130" s="2">
        <v>0</v>
      </c>
      <c r="L22130" t="s">
        <v>120</v>
      </c>
      <c r="M22130" t="s">
        <v>83</v>
      </c>
      <c r="N22130" t="s">
        <v>84</v>
      </c>
      <c r="O22130" t="s">
        <v>85</v>
      </c>
      <c r="P22130" t="s">
        <v>86</v>
      </c>
      <c r="Q22130">
        <v>45</v>
      </c>
      <c r="R22130">
        <v>46</v>
      </c>
      <c r="S22130">
        <v>48</v>
      </c>
      <c r="T22130">
        <v>49</v>
      </c>
      <c r="U22130">
        <v>50</v>
      </c>
      <c r="V22130">
        <v>52</v>
      </c>
      <c r="W22130">
        <v>53</v>
      </c>
      <c r="X22130">
        <v>54</v>
      </c>
      <c r="Y22130">
        <v>56</v>
      </c>
      <c r="Z22130">
        <v>57</v>
      </c>
      <c r="AA22130">
        <v>58</v>
      </c>
      <c r="AB22130">
        <v>60</v>
      </c>
      <c r="AC22130">
        <v>61</v>
      </c>
      <c r="AD22130">
        <v>63</v>
      </c>
      <c r="AE22130">
        <v>64</v>
      </c>
      <c r="AF22130">
        <v>66</v>
      </c>
      <c r="AG22130">
        <v>67</v>
      </c>
      <c r="AH22130">
        <v>69</v>
      </c>
      <c r="AI22130">
        <v>70</v>
      </c>
      <c r="AJ22130">
        <v>72</v>
      </c>
      <c r="AK22130">
        <v>74</v>
      </c>
      <c r="AL22130">
        <v>75</v>
      </c>
      <c r="AM22130">
        <v>76</v>
      </c>
      <c r="AN22130">
        <v>77</v>
      </c>
      <c r="AO22130">
        <v>78</v>
      </c>
      <c r="AP22130">
        <v>79</v>
      </c>
      <c r="AQ22130">
        <v>80</v>
      </c>
    </row>
    <row r="22131" spans="1:43">
      <c r="A22131" t="s">
        <v>13709</v>
      </c>
      <c r="B22131" t="s">
        <v>13710</v>
      </c>
      <c r="C22131" t="s">
        <v>13705</v>
      </c>
      <c r="D22131" t="s">
        <v>13706</v>
      </c>
      <c r="E22131" t="s">
        <v>13539</v>
      </c>
      <c r="F22131" t="s">
        <v>13540</v>
      </c>
      <c r="G22131" t="s">
        <v>10214</v>
      </c>
      <c r="H22131" t="s">
        <v>10215</v>
      </c>
      <c r="I22131" s="2">
        <v>1</v>
      </c>
      <c r="J22131" s="2">
        <v>0</v>
      </c>
      <c r="K22131" s="2">
        <v>0</v>
      </c>
      <c r="L22131" t="s">
        <v>120</v>
      </c>
      <c r="M22131" t="s">
        <v>87</v>
      </c>
      <c r="N22131" t="s">
        <v>88</v>
      </c>
      <c r="O22131" t="s">
        <v>85</v>
      </c>
      <c r="P22131" t="s">
        <v>86</v>
      </c>
      <c r="Q22131">
        <v>45</v>
      </c>
      <c r="R22131">
        <v>45</v>
      </c>
      <c r="S22131">
        <v>46</v>
      </c>
      <c r="T22131">
        <v>47</v>
      </c>
      <c r="U22131">
        <v>48</v>
      </c>
      <c r="V22131">
        <v>49</v>
      </c>
      <c r="W22131">
        <v>50</v>
      </c>
      <c r="X22131">
        <v>51</v>
      </c>
      <c r="Y22131">
        <v>51</v>
      </c>
      <c r="Z22131">
        <v>52</v>
      </c>
      <c r="AA22131">
        <v>53</v>
      </c>
      <c r="AB22131">
        <v>54</v>
      </c>
      <c r="AC22131">
        <v>55</v>
      </c>
      <c r="AD22131">
        <v>56</v>
      </c>
      <c r="AE22131">
        <v>57</v>
      </c>
      <c r="AF22131">
        <v>58</v>
      </c>
      <c r="AG22131">
        <v>59</v>
      </c>
      <c r="AH22131">
        <v>60</v>
      </c>
      <c r="AI22131">
        <v>61</v>
      </c>
      <c r="AJ22131">
        <v>62</v>
      </c>
      <c r="AK22131">
        <v>63</v>
      </c>
      <c r="AL22131">
        <v>64</v>
      </c>
      <c r="AM22131">
        <v>66</v>
      </c>
      <c r="AN22131">
        <v>67</v>
      </c>
      <c r="AO22131">
        <v>68</v>
      </c>
      <c r="AP22131">
        <v>69</v>
      </c>
      <c r="AQ22131">
        <v>70</v>
      </c>
    </row>
    <row r="22132" spans="1:43">
      <c r="A22132" t="s">
        <v>13709</v>
      </c>
      <c r="B22132" t="s">
        <v>13710</v>
      </c>
      <c r="C22132" t="s">
        <v>13705</v>
      </c>
      <c r="D22132" t="s">
        <v>13706</v>
      </c>
      <c r="E22132" t="s">
        <v>13539</v>
      </c>
      <c r="F22132" t="s">
        <v>13540</v>
      </c>
      <c r="G22132" t="s">
        <v>10214</v>
      </c>
      <c r="H22132" t="s">
        <v>10215</v>
      </c>
      <c r="I22132" s="2">
        <v>1</v>
      </c>
      <c r="J22132" s="2">
        <v>0</v>
      </c>
      <c r="K22132" s="2">
        <v>0</v>
      </c>
      <c r="L22132" t="s">
        <v>120</v>
      </c>
      <c r="M22132" t="s">
        <v>89</v>
      </c>
      <c r="N22132" t="s">
        <v>90</v>
      </c>
      <c r="O22132" t="s">
        <v>85</v>
      </c>
      <c r="P22132" t="s">
        <v>86</v>
      </c>
      <c r="Q22132">
        <v>45</v>
      </c>
      <c r="R22132">
        <v>46</v>
      </c>
      <c r="S22132">
        <v>48</v>
      </c>
      <c r="T22132">
        <v>50</v>
      </c>
      <c r="U22132">
        <v>51</v>
      </c>
      <c r="V22132">
        <v>53</v>
      </c>
      <c r="W22132">
        <v>54</v>
      </c>
      <c r="X22132">
        <v>56</v>
      </c>
      <c r="Y22132">
        <v>58</v>
      </c>
      <c r="Z22132">
        <v>59</v>
      </c>
      <c r="AA22132">
        <v>61</v>
      </c>
      <c r="AB22132">
        <v>63</v>
      </c>
      <c r="AC22132">
        <v>64</v>
      </c>
      <c r="AD22132">
        <v>66</v>
      </c>
      <c r="AE22132">
        <v>67</v>
      </c>
      <c r="AF22132">
        <v>68</v>
      </c>
      <c r="AG22132">
        <v>69</v>
      </c>
      <c r="AH22132">
        <v>70</v>
      </c>
      <c r="AI22132">
        <v>71</v>
      </c>
      <c r="AJ22132">
        <v>72</v>
      </c>
      <c r="AK22132">
        <v>73</v>
      </c>
      <c r="AL22132">
        <v>74</v>
      </c>
      <c r="AM22132">
        <v>75</v>
      </c>
      <c r="AN22132">
        <v>76</v>
      </c>
      <c r="AO22132">
        <v>77</v>
      </c>
      <c r="AP22132">
        <v>78</v>
      </c>
      <c r="AQ22132">
        <v>79</v>
      </c>
    </row>
    <row r="22133" spans="1:43">
      <c r="A22133" t="s">
        <v>13709</v>
      </c>
      <c r="B22133" t="s">
        <v>13710</v>
      </c>
      <c r="C22133" t="s">
        <v>13705</v>
      </c>
      <c r="D22133" t="s">
        <v>13706</v>
      </c>
      <c r="E22133" t="s">
        <v>13539</v>
      </c>
      <c r="F22133" t="s">
        <v>13540</v>
      </c>
      <c r="G22133" t="s">
        <v>10214</v>
      </c>
      <c r="H22133" t="s">
        <v>10215</v>
      </c>
      <c r="I22133" s="2">
        <v>1</v>
      </c>
      <c r="J22133" s="2">
        <v>0</v>
      </c>
      <c r="K22133" s="2">
        <v>0</v>
      </c>
      <c r="L22133" t="s">
        <v>120</v>
      </c>
      <c r="M22133" t="s">
        <v>83</v>
      </c>
      <c r="N22133" t="s">
        <v>91</v>
      </c>
      <c r="O22133" t="s">
        <v>85</v>
      </c>
      <c r="P22133" t="s">
        <v>86</v>
      </c>
      <c r="Q22133">
        <v>45</v>
      </c>
      <c r="R22133">
        <v>46</v>
      </c>
      <c r="S22133">
        <v>48</v>
      </c>
      <c r="T22133">
        <v>49</v>
      </c>
      <c r="U22133">
        <v>50</v>
      </c>
      <c r="V22133">
        <v>52</v>
      </c>
      <c r="W22133">
        <v>53</v>
      </c>
      <c r="X22133">
        <v>54</v>
      </c>
      <c r="Y22133">
        <v>56</v>
      </c>
      <c r="Z22133">
        <v>57</v>
      </c>
      <c r="AA22133">
        <v>58</v>
      </c>
      <c r="AB22133">
        <v>60</v>
      </c>
      <c r="AC22133">
        <v>61</v>
      </c>
      <c r="AD22133">
        <v>63</v>
      </c>
      <c r="AE22133">
        <v>64</v>
      </c>
      <c r="AF22133">
        <v>66</v>
      </c>
      <c r="AG22133">
        <v>67</v>
      </c>
      <c r="AH22133">
        <v>69</v>
      </c>
      <c r="AI22133">
        <v>70</v>
      </c>
      <c r="AJ22133">
        <v>72</v>
      </c>
      <c r="AK22133">
        <v>74</v>
      </c>
      <c r="AL22133">
        <v>75</v>
      </c>
      <c r="AM22133">
        <v>76</v>
      </c>
      <c r="AN22133">
        <v>77</v>
      </c>
      <c r="AO22133">
        <v>78</v>
      </c>
      <c r="AP22133">
        <v>79</v>
      </c>
      <c r="AQ22133">
        <v>80</v>
      </c>
    </row>
    <row r="22134" spans="1:43">
      <c r="A22134" t="s">
        <v>13711</v>
      </c>
      <c r="B22134" t="s">
        <v>13712</v>
      </c>
      <c r="C22134" t="s">
        <v>13705</v>
      </c>
      <c r="D22134" t="s">
        <v>13706</v>
      </c>
      <c r="E22134" t="s">
        <v>13539</v>
      </c>
      <c r="F22134" t="s">
        <v>13540</v>
      </c>
      <c r="G22134" t="s">
        <v>10214</v>
      </c>
      <c r="H22134" t="s">
        <v>10215</v>
      </c>
      <c r="I22134" s="2">
        <v>1</v>
      </c>
      <c r="J22134" s="2">
        <v>0</v>
      </c>
      <c r="K22134" s="2">
        <v>0</v>
      </c>
      <c r="L22134" t="s">
        <v>120</v>
      </c>
      <c r="M22134" t="s">
        <v>83</v>
      </c>
      <c r="N22134" t="s">
        <v>84</v>
      </c>
      <c r="O22134" t="s">
        <v>85</v>
      </c>
      <c r="P22134" t="s">
        <v>86</v>
      </c>
      <c r="Q22134">
        <v>22</v>
      </c>
      <c r="R22134">
        <v>23</v>
      </c>
      <c r="S22134">
        <v>24</v>
      </c>
      <c r="T22134">
        <v>24</v>
      </c>
      <c r="U22134">
        <v>25</v>
      </c>
      <c r="V22134">
        <v>26</v>
      </c>
      <c r="W22134">
        <v>26</v>
      </c>
      <c r="X22134">
        <v>27</v>
      </c>
      <c r="Y22134">
        <v>28</v>
      </c>
      <c r="Z22134">
        <v>28</v>
      </c>
      <c r="AA22134">
        <v>29</v>
      </c>
      <c r="AB22134">
        <v>30</v>
      </c>
      <c r="AC22134">
        <v>30</v>
      </c>
      <c r="AD22134">
        <v>31</v>
      </c>
      <c r="AE22134">
        <v>32</v>
      </c>
      <c r="AF22134">
        <v>33</v>
      </c>
      <c r="AG22134">
        <v>33</v>
      </c>
      <c r="AH22134">
        <v>34</v>
      </c>
      <c r="AI22134">
        <v>35</v>
      </c>
      <c r="AJ22134">
        <v>36</v>
      </c>
      <c r="AK22134">
        <v>37</v>
      </c>
      <c r="AL22134">
        <v>37</v>
      </c>
      <c r="AM22134">
        <v>38</v>
      </c>
      <c r="AN22134">
        <v>38</v>
      </c>
      <c r="AO22134">
        <v>39</v>
      </c>
      <c r="AP22134">
        <v>39</v>
      </c>
      <c r="AQ22134">
        <v>40</v>
      </c>
    </row>
    <row r="22135" spans="1:43">
      <c r="A22135" t="s">
        <v>13711</v>
      </c>
      <c r="B22135" t="s">
        <v>13712</v>
      </c>
      <c r="C22135" t="s">
        <v>13705</v>
      </c>
      <c r="D22135" t="s">
        <v>13706</v>
      </c>
      <c r="E22135" t="s">
        <v>13539</v>
      </c>
      <c r="F22135" t="s">
        <v>13540</v>
      </c>
      <c r="G22135" t="s">
        <v>10214</v>
      </c>
      <c r="H22135" t="s">
        <v>10215</v>
      </c>
      <c r="I22135" s="2">
        <v>1</v>
      </c>
      <c r="J22135" s="2">
        <v>0</v>
      </c>
      <c r="K22135" s="2">
        <v>0</v>
      </c>
      <c r="L22135" t="s">
        <v>120</v>
      </c>
      <c r="M22135" t="s">
        <v>87</v>
      </c>
      <c r="N22135" t="s">
        <v>88</v>
      </c>
      <c r="O22135" t="s">
        <v>85</v>
      </c>
      <c r="P22135" t="s">
        <v>86</v>
      </c>
      <c r="Q22135">
        <v>22</v>
      </c>
      <c r="R22135">
        <v>23</v>
      </c>
      <c r="S22135">
        <v>23</v>
      </c>
      <c r="T22135">
        <v>23</v>
      </c>
      <c r="U22135">
        <v>24</v>
      </c>
      <c r="V22135">
        <v>24</v>
      </c>
      <c r="W22135">
        <v>25</v>
      </c>
      <c r="X22135">
        <v>25</v>
      </c>
      <c r="Y22135">
        <v>26</v>
      </c>
      <c r="Z22135">
        <v>26</v>
      </c>
      <c r="AA22135">
        <v>26</v>
      </c>
      <c r="AB22135">
        <v>27</v>
      </c>
      <c r="AC22135">
        <v>27</v>
      </c>
      <c r="AD22135">
        <v>28</v>
      </c>
      <c r="AE22135">
        <v>28</v>
      </c>
      <c r="AF22135">
        <v>29</v>
      </c>
      <c r="AG22135">
        <v>29</v>
      </c>
      <c r="AH22135">
        <v>30</v>
      </c>
      <c r="AI22135">
        <v>30</v>
      </c>
      <c r="AJ22135">
        <v>31</v>
      </c>
      <c r="AK22135">
        <v>31</v>
      </c>
      <c r="AL22135">
        <v>32</v>
      </c>
      <c r="AM22135">
        <v>33</v>
      </c>
      <c r="AN22135">
        <v>33</v>
      </c>
      <c r="AO22135">
        <v>34</v>
      </c>
      <c r="AP22135">
        <v>34</v>
      </c>
      <c r="AQ22135">
        <v>35</v>
      </c>
    </row>
    <row r="22136" spans="1:43">
      <c r="A22136" t="s">
        <v>13711</v>
      </c>
      <c r="B22136" t="s">
        <v>13712</v>
      </c>
      <c r="C22136" t="s">
        <v>13705</v>
      </c>
      <c r="D22136" t="s">
        <v>13706</v>
      </c>
      <c r="E22136" t="s">
        <v>13539</v>
      </c>
      <c r="F22136" t="s">
        <v>13540</v>
      </c>
      <c r="G22136" t="s">
        <v>10214</v>
      </c>
      <c r="H22136" t="s">
        <v>10215</v>
      </c>
      <c r="I22136" s="2">
        <v>1</v>
      </c>
      <c r="J22136" s="2">
        <v>0</v>
      </c>
      <c r="K22136" s="2">
        <v>0</v>
      </c>
      <c r="L22136" t="s">
        <v>120</v>
      </c>
      <c r="M22136" t="s">
        <v>89</v>
      </c>
      <c r="N22136" t="s">
        <v>90</v>
      </c>
      <c r="O22136" t="s">
        <v>85</v>
      </c>
      <c r="P22136" t="s">
        <v>86</v>
      </c>
      <c r="Q22136">
        <v>22</v>
      </c>
      <c r="R22136">
        <v>22</v>
      </c>
      <c r="S22136">
        <v>23</v>
      </c>
      <c r="T22136">
        <v>24</v>
      </c>
      <c r="U22136">
        <v>25</v>
      </c>
      <c r="V22136">
        <v>26</v>
      </c>
      <c r="W22136">
        <v>27</v>
      </c>
      <c r="X22136">
        <v>27</v>
      </c>
      <c r="Y22136">
        <v>28</v>
      </c>
      <c r="Z22136">
        <v>29</v>
      </c>
      <c r="AA22136">
        <v>30</v>
      </c>
      <c r="AB22136">
        <v>31</v>
      </c>
      <c r="AC22136">
        <v>31</v>
      </c>
      <c r="AD22136">
        <v>32</v>
      </c>
      <c r="AE22136">
        <v>33</v>
      </c>
      <c r="AF22136">
        <v>33</v>
      </c>
      <c r="AG22136">
        <v>34</v>
      </c>
      <c r="AH22136">
        <v>34</v>
      </c>
      <c r="AI22136">
        <v>35</v>
      </c>
      <c r="AJ22136">
        <v>35</v>
      </c>
      <c r="AK22136">
        <v>36</v>
      </c>
      <c r="AL22136">
        <v>36</v>
      </c>
      <c r="AM22136">
        <v>37</v>
      </c>
      <c r="AN22136">
        <v>37</v>
      </c>
      <c r="AO22136">
        <v>38</v>
      </c>
      <c r="AP22136">
        <v>38</v>
      </c>
      <c r="AQ22136">
        <v>39</v>
      </c>
    </row>
    <row r="22137" spans="1:43">
      <c r="A22137" t="s">
        <v>13711</v>
      </c>
      <c r="B22137" t="s">
        <v>13712</v>
      </c>
      <c r="C22137" t="s">
        <v>13705</v>
      </c>
      <c r="D22137" t="s">
        <v>13706</v>
      </c>
      <c r="E22137" t="s">
        <v>13539</v>
      </c>
      <c r="F22137" t="s">
        <v>13540</v>
      </c>
      <c r="G22137" t="s">
        <v>10214</v>
      </c>
      <c r="H22137" t="s">
        <v>10215</v>
      </c>
      <c r="I22137" s="2">
        <v>1</v>
      </c>
      <c r="J22137" s="2">
        <v>0</v>
      </c>
      <c r="K22137" s="2">
        <v>0</v>
      </c>
      <c r="L22137" t="s">
        <v>120</v>
      </c>
      <c r="M22137" t="s">
        <v>83</v>
      </c>
      <c r="N22137" t="s">
        <v>91</v>
      </c>
      <c r="O22137" t="s">
        <v>85</v>
      </c>
      <c r="P22137" t="s">
        <v>86</v>
      </c>
      <c r="Q22137">
        <v>22</v>
      </c>
      <c r="R22137">
        <v>23</v>
      </c>
      <c r="S22137">
        <v>24</v>
      </c>
      <c r="T22137">
        <v>24</v>
      </c>
      <c r="U22137">
        <v>25</v>
      </c>
      <c r="V22137">
        <v>26</v>
      </c>
      <c r="W22137">
        <v>26</v>
      </c>
      <c r="X22137">
        <v>27</v>
      </c>
      <c r="Y22137">
        <v>28</v>
      </c>
      <c r="Z22137">
        <v>28</v>
      </c>
      <c r="AA22137">
        <v>29</v>
      </c>
      <c r="AB22137">
        <v>30</v>
      </c>
      <c r="AC22137">
        <v>30</v>
      </c>
      <c r="AD22137">
        <v>31</v>
      </c>
      <c r="AE22137">
        <v>32</v>
      </c>
      <c r="AF22137">
        <v>33</v>
      </c>
      <c r="AG22137">
        <v>33</v>
      </c>
      <c r="AH22137">
        <v>34</v>
      </c>
      <c r="AI22137">
        <v>35</v>
      </c>
      <c r="AJ22137">
        <v>36</v>
      </c>
      <c r="AK22137">
        <v>37</v>
      </c>
      <c r="AL22137">
        <v>37</v>
      </c>
      <c r="AM22137">
        <v>38</v>
      </c>
      <c r="AN22137">
        <v>38</v>
      </c>
      <c r="AO22137">
        <v>39</v>
      </c>
      <c r="AP22137">
        <v>39</v>
      </c>
      <c r="AQ22137">
        <v>40</v>
      </c>
    </row>
    <row r="22138" spans="1:43">
      <c r="A22138" t="s">
        <v>13713</v>
      </c>
      <c r="B22138" t="s">
        <v>13714</v>
      </c>
      <c r="C22138" t="s">
        <v>13601</v>
      </c>
      <c r="D22138" t="s">
        <v>13602</v>
      </c>
      <c r="E22138" t="s">
        <v>13539</v>
      </c>
      <c r="F22138" t="s">
        <v>13540</v>
      </c>
      <c r="G22138" t="s">
        <v>10214</v>
      </c>
      <c r="H22138" t="s">
        <v>10215</v>
      </c>
      <c r="I22138" s="2">
        <v>1</v>
      </c>
      <c r="J22138" s="2">
        <v>0</v>
      </c>
      <c r="K22138" s="2">
        <v>0</v>
      </c>
      <c r="L22138" t="s">
        <v>120</v>
      </c>
      <c r="M22138" t="s">
        <v>83</v>
      </c>
      <c r="N22138" t="s">
        <v>84</v>
      </c>
      <c r="O22138" t="s">
        <v>85</v>
      </c>
      <c r="P22138" t="s">
        <v>86</v>
      </c>
      <c r="Q22138">
        <v>34</v>
      </c>
      <c r="R22138">
        <v>35</v>
      </c>
      <c r="S22138">
        <v>36</v>
      </c>
      <c r="T22138">
        <v>37</v>
      </c>
      <c r="U22138">
        <v>38</v>
      </c>
      <c r="V22138">
        <v>39</v>
      </c>
      <c r="W22138">
        <v>40</v>
      </c>
      <c r="X22138">
        <v>41</v>
      </c>
      <c r="Y22138">
        <v>42</v>
      </c>
      <c r="Z22138">
        <v>43</v>
      </c>
      <c r="AA22138">
        <v>44</v>
      </c>
      <c r="AB22138">
        <v>46</v>
      </c>
      <c r="AC22138">
        <v>47</v>
      </c>
      <c r="AD22138">
        <v>48</v>
      </c>
      <c r="AE22138">
        <v>49</v>
      </c>
      <c r="AF22138">
        <v>50</v>
      </c>
      <c r="AG22138">
        <v>51</v>
      </c>
      <c r="AH22138">
        <v>53</v>
      </c>
      <c r="AI22138">
        <v>54</v>
      </c>
      <c r="AJ22138">
        <v>55</v>
      </c>
      <c r="AK22138">
        <v>56</v>
      </c>
      <c r="AL22138">
        <v>57</v>
      </c>
      <c r="AM22138">
        <v>58</v>
      </c>
      <c r="AN22138">
        <v>59</v>
      </c>
      <c r="AO22138">
        <v>60</v>
      </c>
      <c r="AP22138">
        <v>61</v>
      </c>
      <c r="AQ22138">
        <v>61</v>
      </c>
    </row>
    <row r="22139" spans="1:43">
      <c r="A22139" t="s">
        <v>13713</v>
      </c>
      <c r="B22139" t="s">
        <v>13714</v>
      </c>
      <c r="C22139" t="s">
        <v>13601</v>
      </c>
      <c r="D22139" t="s">
        <v>13602</v>
      </c>
      <c r="E22139" t="s">
        <v>13539</v>
      </c>
      <c r="F22139" t="s">
        <v>13540</v>
      </c>
      <c r="G22139" t="s">
        <v>10214</v>
      </c>
      <c r="H22139" t="s">
        <v>10215</v>
      </c>
      <c r="I22139" s="2">
        <v>1</v>
      </c>
      <c r="J22139" s="2">
        <v>0</v>
      </c>
      <c r="K22139" s="2">
        <v>0</v>
      </c>
      <c r="L22139" t="s">
        <v>120</v>
      </c>
      <c r="M22139" t="s">
        <v>87</v>
      </c>
      <c r="N22139" t="s">
        <v>88</v>
      </c>
      <c r="O22139" t="s">
        <v>85</v>
      </c>
      <c r="P22139" t="s">
        <v>86</v>
      </c>
      <c r="Q22139">
        <v>34</v>
      </c>
      <c r="R22139">
        <v>35</v>
      </c>
      <c r="S22139">
        <v>35</v>
      </c>
      <c r="T22139">
        <v>36</v>
      </c>
      <c r="U22139">
        <v>37</v>
      </c>
      <c r="V22139">
        <v>37</v>
      </c>
      <c r="W22139">
        <v>38</v>
      </c>
      <c r="X22139">
        <v>39</v>
      </c>
      <c r="Y22139">
        <v>39</v>
      </c>
      <c r="Z22139">
        <v>40</v>
      </c>
      <c r="AA22139">
        <v>41</v>
      </c>
      <c r="AB22139">
        <v>41</v>
      </c>
      <c r="AC22139">
        <v>42</v>
      </c>
      <c r="AD22139">
        <v>43</v>
      </c>
      <c r="AE22139">
        <v>43</v>
      </c>
      <c r="AF22139">
        <v>44</v>
      </c>
      <c r="AG22139">
        <v>45</v>
      </c>
      <c r="AH22139">
        <v>46</v>
      </c>
      <c r="AI22139">
        <v>47</v>
      </c>
      <c r="AJ22139">
        <v>47</v>
      </c>
      <c r="AK22139">
        <v>48</v>
      </c>
      <c r="AL22139">
        <v>49</v>
      </c>
      <c r="AM22139">
        <v>50</v>
      </c>
      <c r="AN22139">
        <v>51</v>
      </c>
      <c r="AO22139">
        <v>52</v>
      </c>
      <c r="AP22139">
        <v>52</v>
      </c>
      <c r="AQ22139">
        <v>53</v>
      </c>
    </row>
    <row r="22140" spans="1:43">
      <c r="A22140" t="s">
        <v>13713</v>
      </c>
      <c r="B22140" t="s">
        <v>13714</v>
      </c>
      <c r="C22140" t="s">
        <v>13601</v>
      </c>
      <c r="D22140" t="s">
        <v>13602</v>
      </c>
      <c r="E22140" t="s">
        <v>13539</v>
      </c>
      <c r="F22140" t="s">
        <v>13540</v>
      </c>
      <c r="G22140" t="s">
        <v>10214</v>
      </c>
      <c r="H22140" t="s">
        <v>10215</v>
      </c>
      <c r="I22140" s="2">
        <v>1</v>
      </c>
      <c r="J22140" s="2">
        <v>0</v>
      </c>
      <c r="K22140" s="2">
        <v>0</v>
      </c>
      <c r="L22140" t="s">
        <v>120</v>
      </c>
      <c r="M22140" t="s">
        <v>89</v>
      </c>
      <c r="N22140" t="s">
        <v>90</v>
      </c>
      <c r="O22140" t="s">
        <v>85</v>
      </c>
      <c r="P22140" t="s">
        <v>86</v>
      </c>
      <c r="Q22140">
        <v>34</v>
      </c>
      <c r="R22140">
        <v>35</v>
      </c>
      <c r="S22140">
        <v>36</v>
      </c>
      <c r="T22140">
        <v>38</v>
      </c>
      <c r="U22140">
        <v>39</v>
      </c>
      <c r="V22140">
        <v>40</v>
      </c>
      <c r="W22140">
        <v>41</v>
      </c>
      <c r="X22140">
        <v>43</v>
      </c>
      <c r="Y22140">
        <v>44</v>
      </c>
      <c r="Z22140">
        <v>45</v>
      </c>
      <c r="AA22140">
        <v>46</v>
      </c>
      <c r="AB22140">
        <v>48</v>
      </c>
      <c r="AC22140">
        <v>49</v>
      </c>
      <c r="AD22140">
        <v>50</v>
      </c>
      <c r="AE22140">
        <v>51</v>
      </c>
      <c r="AF22140">
        <v>52</v>
      </c>
      <c r="AG22140">
        <v>53</v>
      </c>
      <c r="AH22140">
        <v>54</v>
      </c>
      <c r="AI22140">
        <v>54</v>
      </c>
      <c r="AJ22140">
        <v>55</v>
      </c>
      <c r="AK22140">
        <v>56</v>
      </c>
      <c r="AL22140">
        <v>57</v>
      </c>
      <c r="AM22140">
        <v>58</v>
      </c>
      <c r="AN22140">
        <v>58</v>
      </c>
      <c r="AO22140">
        <v>59</v>
      </c>
      <c r="AP22140">
        <v>60</v>
      </c>
      <c r="AQ22140">
        <v>61</v>
      </c>
    </row>
    <row r="22141" spans="1:43">
      <c r="A22141" t="s">
        <v>13713</v>
      </c>
      <c r="B22141" t="s">
        <v>13714</v>
      </c>
      <c r="C22141" t="s">
        <v>13601</v>
      </c>
      <c r="D22141" t="s">
        <v>13602</v>
      </c>
      <c r="E22141" t="s">
        <v>13539</v>
      </c>
      <c r="F22141" t="s">
        <v>13540</v>
      </c>
      <c r="G22141" t="s">
        <v>10214</v>
      </c>
      <c r="H22141" t="s">
        <v>10215</v>
      </c>
      <c r="I22141" s="2">
        <v>1</v>
      </c>
      <c r="J22141" s="2">
        <v>0</v>
      </c>
      <c r="K22141" s="2">
        <v>0</v>
      </c>
      <c r="L22141" t="s">
        <v>120</v>
      </c>
      <c r="M22141" t="s">
        <v>83</v>
      </c>
      <c r="N22141" t="s">
        <v>91</v>
      </c>
      <c r="O22141" t="s">
        <v>85</v>
      </c>
      <c r="P22141" t="s">
        <v>86</v>
      </c>
      <c r="Q22141">
        <v>34</v>
      </c>
      <c r="R22141">
        <v>35</v>
      </c>
      <c r="S22141">
        <v>36</v>
      </c>
      <c r="T22141">
        <v>37</v>
      </c>
      <c r="U22141">
        <v>38</v>
      </c>
      <c r="V22141">
        <v>39</v>
      </c>
      <c r="W22141">
        <v>40</v>
      </c>
      <c r="X22141">
        <v>41</v>
      </c>
      <c r="Y22141">
        <v>42</v>
      </c>
      <c r="Z22141">
        <v>43</v>
      </c>
      <c r="AA22141">
        <v>44</v>
      </c>
      <c r="AB22141">
        <v>46</v>
      </c>
      <c r="AC22141">
        <v>47</v>
      </c>
      <c r="AD22141">
        <v>48</v>
      </c>
      <c r="AE22141">
        <v>49</v>
      </c>
      <c r="AF22141">
        <v>50</v>
      </c>
      <c r="AG22141">
        <v>51</v>
      </c>
      <c r="AH22141">
        <v>53</v>
      </c>
      <c r="AI22141">
        <v>54</v>
      </c>
      <c r="AJ22141">
        <v>55</v>
      </c>
      <c r="AK22141">
        <v>56</v>
      </c>
      <c r="AL22141">
        <v>57</v>
      </c>
      <c r="AM22141">
        <v>58</v>
      </c>
      <c r="AN22141">
        <v>59</v>
      </c>
      <c r="AO22141">
        <v>60</v>
      </c>
      <c r="AP22141">
        <v>61</v>
      </c>
      <c r="AQ22141">
        <v>61</v>
      </c>
    </row>
    <row r="22142" spans="1:43">
      <c r="A22142" t="s">
        <v>13715</v>
      </c>
      <c r="B22142" t="s">
        <v>13716</v>
      </c>
      <c r="C22142" t="s">
        <v>13659</v>
      </c>
      <c r="D22142" t="s">
        <v>13660</v>
      </c>
      <c r="E22142" t="s">
        <v>13539</v>
      </c>
      <c r="F22142" t="s">
        <v>13540</v>
      </c>
      <c r="G22142" t="s">
        <v>10214</v>
      </c>
      <c r="H22142" t="s">
        <v>10215</v>
      </c>
      <c r="I22142" s="2">
        <v>1</v>
      </c>
      <c r="J22142" s="2">
        <v>0</v>
      </c>
      <c r="K22142" s="2">
        <v>0</v>
      </c>
      <c r="L22142" t="s">
        <v>120</v>
      </c>
      <c r="M22142" t="s">
        <v>83</v>
      </c>
      <c r="N22142" t="s">
        <v>84</v>
      </c>
      <c r="O22142" t="s">
        <v>85</v>
      </c>
      <c r="P22142" t="s">
        <v>86</v>
      </c>
      <c r="Q22142">
        <v>59</v>
      </c>
      <c r="R22142">
        <v>61</v>
      </c>
      <c r="S22142">
        <v>63</v>
      </c>
      <c r="T22142">
        <v>64</v>
      </c>
      <c r="U22142">
        <v>66</v>
      </c>
      <c r="V22142">
        <v>68</v>
      </c>
      <c r="W22142">
        <v>69</v>
      </c>
      <c r="X22142">
        <v>71</v>
      </c>
      <c r="Y22142">
        <v>73</v>
      </c>
      <c r="Z22142">
        <v>75</v>
      </c>
      <c r="AA22142">
        <v>77</v>
      </c>
      <c r="AB22142">
        <v>78</v>
      </c>
      <c r="AC22142">
        <v>80</v>
      </c>
      <c r="AD22142">
        <v>82</v>
      </c>
      <c r="AE22142">
        <v>84</v>
      </c>
      <c r="AF22142">
        <v>86</v>
      </c>
      <c r="AG22142">
        <v>88</v>
      </c>
      <c r="AH22142">
        <v>90</v>
      </c>
      <c r="AI22142">
        <v>93</v>
      </c>
      <c r="AJ22142">
        <v>95</v>
      </c>
      <c r="AK22142">
        <v>97</v>
      </c>
      <c r="AL22142">
        <v>99</v>
      </c>
      <c r="AM22142">
        <v>100</v>
      </c>
      <c r="AN22142">
        <v>101</v>
      </c>
      <c r="AO22142">
        <v>103</v>
      </c>
      <c r="AP22142">
        <v>104</v>
      </c>
      <c r="AQ22142">
        <v>106</v>
      </c>
    </row>
    <row r="22143" spans="1:43">
      <c r="A22143" t="s">
        <v>13715</v>
      </c>
      <c r="B22143" t="s">
        <v>13716</v>
      </c>
      <c r="C22143" t="s">
        <v>13659</v>
      </c>
      <c r="D22143" t="s">
        <v>13660</v>
      </c>
      <c r="E22143" t="s">
        <v>13539</v>
      </c>
      <c r="F22143" t="s">
        <v>13540</v>
      </c>
      <c r="G22143" t="s">
        <v>10214</v>
      </c>
      <c r="H22143" t="s">
        <v>10215</v>
      </c>
      <c r="I22143" s="2">
        <v>1</v>
      </c>
      <c r="J22143" s="2">
        <v>0</v>
      </c>
      <c r="K22143" s="2">
        <v>0</v>
      </c>
      <c r="L22143" t="s">
        <v>120</v>
      </c>
      <c r="M22143" t="s">
        <v>87</v>
      </c>
      <c r="N22143" t="s">
        <v>88</v>
      </c>
      <c r="O22143" t="s">
        <v>85</v>
      </c>
      <c r="P22143" t="s">
        <v>86</v>
      </c>
      <c r="Q22143">
        <v>59</v>
      </c>
      <c r="R22143">
        <v>60</v>
      </c>
      <c r="S22143">
        <v>61</v>
      </c>
      <c r="T22143">
        <v>62</v>
      </c>
      <c r="U22143">
        <v>63</v>
      </c>
      <c r="V22143">
        <v>64</v>
      </c>
      <c r="W22143">
        <v>65</v>
      </c>
      <c r="X22143">
        <v>66</v>
      </c>
      <c r="Y22143">
        <v>67</v>
      </c>
      <c r="Z22143">
        <v>69</v>
      </c>
      <c r="AA22143">
        <v>70</v>
      </c>
      <c r="AB22143">
        <v>71</v>
      </c>
      <c r="AC22143">
        <v>72</v>
      </c>
      <c r="AD22143">
        <v>73</v>
      </c>
      <c r="AE22143">
        <v>75</v>
      </c>
      <c r="AF22143">
        <v>76</v>
      </c>
      <c r="AG22143">
        <v>77</v>
      </c>
      <c r="AH22143">
        <v>79</v>
      </c>
      <c r="AI22143">
        <v>80</v>
      </c>
      <c r="AJ22143">
        <v>81</v>
      </c>
      <c r="AK22143">
        <v>83</v>
      </c>
      <c r="AL22143">
        <v>84</v>
      </c>
      <c r="AM22143">
        <v>86</v>
      </c>
      <c r="AN22143">
        <v>87</v>
      </c>
      <c r="AO22143">
        <v>89</v>
      </c>
      <c r="AP22143">
        <v>90</v>
      </c>
      <c r="AQ22143">
        <v>92</v>
      </c>
    </row>
    <row r="22144" spans="1:43">
      <c r="A22144" t="s">
        <v>13715</v>
      </c>
      <c r="B22144" t="s">
        <v>13716</v>
      </c>
      <c r="C22144" t="s">
        <v>13659</v>
      </c>
      <c r="D22144" t="s">
        <v>13660</v>
      </c>
      <c r="E22144" t="s">
        <v>13539</v>
      </c>
      <c r="F22144" t="s">
        <v>13540</v>
      </c>
      <c r="G22144" t="s">
        <v>10214</v>
      </c>
      <c r="H22144" t="s">
        <v>10215</v>
      </c>
      <c r="I22144" s="2">
        <v>1</v>
      </c>
      <c r="J22144" s="2">
        <v>0</v>
      </c>
      <c r="K22144" s="2">
        <v>0</v>
      </c>
      <c r="L22144" t="s">
        <v>120</v>
      </c>
      <c r="M22144" t="s">
        <v>89</v>
      </c>
      <c r="N22144" t="s">
        <v>90</v>
      </c>
      <c r="O22144" t="s">
        <v>85</v>
      </c>
      <c r="P22144" t="s">
        <v>86</v>
      </c>
      <c r="Q22144">
        <v>59</v>
      </c>
      <c r="R22144">
        <v>61</v>
      </c>
      <c r="S22144">
        <v>63</v>
      </c>
      <c r="T22144">
        <v>65</v>
      </c>
      <c r="U22144">
        <v>68</v>
      </c>
      <c r="V22144">
        <v>70</v>
      </c>
      <c r="W22144">
        <v>72</v>
      </c>
      <c r="X22144">
        <v>74</v>
      </c>
      <c r="Y22144">
        <v>76</v>
      </c>
      <c r="Z22144">
        <v>78</v>
      </c>
      <c r="AA22144">
        <v>81</v>
      </c>
      <c r="AB22144">
        <v>83</v>
      </c>
      <c r="AC22144">
        <v>85</v>
      </c>
      <c r="AD22144">
        <v>87</v>
      </c>
      <c r="AE22144">
        <v>89</v>
      </c>
      <c r="AF22144">
        <v>91</v>
      </c>
      <c r="AG22144">
        <v>92</v>
      </c>
      <c r="AH22144">
        <v>93</v>
      </c>
      <c r="AI22144">
        <v>95</v>
      </c>
      <c r="AJ22144">
        <v>96</v>
      </c>
      <c r="AK22144">
        <v>97</v>
      </c>
      <c r="AL22144">
        <v>98</v>
      </c>
      <c r="AM22144">
        <v>100</v>
      </c>
      <c r="AN22144">
        <v>101</v>
      </c>
      <c r="AO22144">
        <v>103</v>
      </c>
      <c r="AP22144">
        <v>104</v>
      </c>
      <c r="AQ22144">
        <v>105</v>
      </c>
    </row>
    <row r="22145" spans="1:43">
      <c r="A22145" t="s">
        <v>13715</v>
      </c>
      <c r="B22145" t="s">
        <v>13716</v>
      </c>
      <c r="C22145" t="s">
        <v>13659</v>
      </c>
      <c r="D22145" t="s">
        <v>13660</v>
      </c>
      <c r="E22145" t="s">
        <v>13539</v>
      </c>
      <c r="F22145" t="s">
        <v>13540</v>
      </c>
      <c r="G22145" t="s">
        <v>10214</v>
      </c>
      <c r="H22145" t="s">
        <v>10215</v>
      </c>
      <c r="I22145" s="2">
        <v>1</v>
      </c>
      <c r="J22145" s="2">
        <v>0</v>
      </c>
      <c r="K22145" s="2">
        <v>0</v>
      </c>
      <c r="L22145" t="s">
        <v>120</v>
      </c>
      <c r="M22145" t="s">
        <v>83</v>
      </c>
      <c r="N22145" t="s">
        <v>91</v>
      </c>
      <c r="O22145" t="s">
        <v>85</v>
      </c>
      <c r="P22145" t="s">
        <v>86</v>
      </c>
      <c r="Q22145">
        <v>59</v>
      </c>
      <c r="R22145">
        <v>61</v>
      </c>
      <c r="S22145">
        <v>63</v>
      </c>
      <c r="T22145">
        <v>64</v>
      </c>
      <c r="U22145">
        <v>66</v>
      </c>
      <c r="V22145">
        <v>68</v>
      </c>
      <c r="W22145">
        <v>69</v>
      </c>
      <c r="X22145">
        <v>71</v>
      </c>
      <c r="Y22145">
        <v>73</v>
      </c>
      <c r="Z22145">
        <v>75</v>
      </c>
      <c r="AA22145">
        <v>77</v>
      </c>
      <c r="AB22145">
        <v>78</v>
      </c>
      <c r="AC22145">
        <v>80</v>
      </c>
      <c r="AD22145">
        <v>82</v>
      </c>
      <c r="AE22145">
        <v>84</v>
      </c>
      <c r="AF22145">
        <v>86</v>
      </c>
      <c r="AG22145">
        <v>88</v>
      </c>
      <c r="AH22145">
        <v>90</v>
      </c>
      <c r="AI22145">
        <v>93</v>
      </c>
      <c r="AJ22145">
        <v>95</v>
      </c>
      <c r="AK22145">
        <v>97</v>
      </c>
      <c r="AL22145">
        <v>99</v>
      </c>
      <c r="AM22145">
        <v>100</v>
      </c>
      <c r="AN22145">
        <v>101</v>
      </c>
      <c r="AO22145">
        <v>103</v>
      </c>
      <c r="AP22145">
        <v>104</v>
      </c>
      <c r="AQ22145">
        <v>106</v>
      </c>
    </row>
    <row r="22146" spans="1:43">
      <c r="A22146" t="s">
        <v>13717</v>
      </c>
      <c r="B22146" t="s">
        <v>13718</v>
      </c>
      <c r="C22146" t="s">
        <v>13719</v>
      </c>
      <c r="D22146" t="s">
        <v>13720</v>
      </c>
      <c r="E22146" t="s">
        <v>13539</v>
      </c>
      <c r="F22146" t="s">
        <v>13540</v>
      </c>
      <c r="G22146" t="s">
        <v>10214</v>
      </c>
      <c r="H22146" t="s">
        <v>10215</v>
      </c>
      <c r="I22146" s="2">
        <v>1</v>
      </c>
      <c r="J22146" s="2">
        <v>0</v>
      </c>
      <c r="K22146" s="2">
        <v>0</v>
      </c>
      <c r="L22146" t="s">
        <v>120</v>
      </c>
      <c r="M22146" t="s">
        <v>83</v>
      </c>
      <c r="N22146" t="s">
        <v>84</v>
      </c>
      <c r="O22146" t="s">
        <v>85</v>
      </c>
      <c r="P22146" t="s">
        <v>86</v>
      </c>
      <c r="Q22146">
        <v>30</v>
      </c>
      <c r="R22146">
        <v>31</v>
      </c>
      <c r="S22146">
        <v>32</v>
      </c>
      <c r="T22146">
        <v>33</v>
      </c>
      <c r="U22146">
        <v>34</v>
      </c>
      <c r="V22146">
        <v>35</v>
      </c>
      <c r="W22146">
        <v>36</v>
      </c>
      <c r="X22146">
        <v>36</v>
      </c>
      <c r="Y22146">
        <v>37</v>
      </c>
      <c r="Z22146">
        <v>38</v>
      </c>
      <c r="AA22146">
        <v>39</v>
      </c>
      <c r="AB22146">
        <v>40</v>
      </c>
      <c r="AC22146">
        <v>41</v>
      </c>
      <c r="AD22146">
        <v>42</v>
      </c>
      <c r="AE22146">
        <v>43</v>
      </c>
      <c r="AF22146">
        <v>44</v>
      </c>
      <c r="AG22146">
        <v>45</v>
      </c>
      <c r="AH22146">
        <v>46</v>
      </c>
      <c r="AI22146">
        <v>47</v>
      </c>
      <c r="AJ22146">
        <v>49</v>
      </c>
      <c r="AK22146">
        <v>50</v>
      </c>
      <c r="AL22146">
        <v>51</v>
      </c>
      <c r="AM22146">
        <v>51</v>
      </c>
      <c r="AN22146">
        <v>52</v>
      </c>
      <c r="AO22146">
        <v>53</v>
      </c>
      <c r="AP22146">
        <v>53</v>
      </c>
      <c r="AQ22146">
        <v>54</v>
      </c>
    </row>
    <row r="22147" spans="1:43">
      <c r="A22147" t="s">
        <v>13717</v>
      </c>
      <c r="B22147" t="s">
        <v>13718</v>
      </c>
      <c r="C22147" t="s">
        <v>13719</v>
      </c>
      <c r="D22147" t="s">
        <v>13720</v>
      </c>
      <c r="E22147" t="s">
        <v>13539</v>
      </c>
      <c r="F22147" t="s">
        <v>13540</v>
      </c>
      <c r="G22147" t="s">
        <v>10214</v>
      </c>
      <c r="H22147" t="s">
        <v>10215</v>
      </c>
      <c r="I22147" s="2">
        <v>1</v>
      </c>
      <c r="J22147" s="2">
        <v>0</v>
      </c>
      <c r="K22147" s="2">
        <v>0</v>
      </c>
      <c r="L22147" t="s">
        <v>120</v>
      </c>
      <c r="M22147" t="s">
        <v>87</v>
      </c>
      <c r="N22147" t="s">
        <v>88</v>
      </c>
      <c r="O22147" t="s">
        <v>85</v>
      </c>
      <c r="P22147" t="s">
        <v>86</v>
      </c>
      <c r="Q22147">
        <v>30</v>
      </c>
      <c r="R22147">
        <v>31</v>
      </c>
      <c r="S22147">
        <v>31</v>
      </c>
      <c r="T22147">
        <v>32</v>
      </c>
      <c r="U22147">
        <v>32</v>
      </c>
      <c r="V22147">
        <v>33</v>
      </c>
      <c r="W22147">
        <v>33</v>
      </c>
      <c r="X22147">
        <v>34</v>
      </c>
      <c r="Y22147">
        <v>35</v>
      </c>
      <c r="Z22147">
        <v>35</v>
      </c>
      <c r="AA22147">
        <v>36</v>
      </c>
      <c r="AB22147">
        <v>36</v>
      </c>
      <c r="AC22147">
        <v>37</v>
      </c>
      <c r="AD22147">
        <v>38</v>
      </c>
      <c r="AE22147">
        <v>38</v>
      </c>
      <c r="AF22147">
        <v>39</v>
      </c>
      <c r="AG22147">
        <v>40</v>
      </c>
      <c r="AH22147">
        <v>40</v>
      </c>
      <c r="AI22147">
        <v>41</v>
      </c>
      <c r="AJ22147">
        <v>42</v>
      </c>
      <c r="AK22147">
        <v>42</v>
      </c>
      <c r="AL22147">
        <v>43</v>
      </c>
      <c r="AM22147">
        <v>44</v>
      </c>
      <c r="AN22147">
        <v>45</v>
      </c>
      <c r="AO22147">
        <v>45</v>
      </c>
      <c r="AP22147">
        <v>46</v>
      </c>
      <c r="AQ22147">
        <v>47</v>
      </c>
    </row>
    <row r="22148" spans="1:43">
      <c r="A22148" t="s">
        <v>13717</v>
      </c>
      <c r="B22148" t="s">
        <v>13718</v>
      </c>
      <c r="C22148" t="s">
        <v>13719</v>
      </c>
      <c r="D22148" t="s">
        <v>13720</v>
      </c>
      <c r="E22148" t="s">
        <v>13539</v>
      </c>
      <c r="F22148" t="s">
        <v>13540</v>
      </c>
      <c r="G22148" t="s">
        <v>10214</v>
      </c>
      <c r="H22148" t="s">
        <v>10215</v>
      </c>
      <c r="I22148" s="2">
        <v>1</v>
      </c>
      <c r="J22148" s="2">
        <v>0</v>
      </c>
      <c r="K22148" s="2">
        <v>0</v>
      </c>
      <c r="L22148" t="s">
        <v>120</v>
      </c>
      <c r="M22148" t="s">
        <v>89</v>
      </c>
      <c r="N22148" t="s">
        <v>90</v>
      </c>
      <c r="O22148" t="s">
        <v>85</v>
      </c>
      <c r="P22148" t="s">
        <v>86</v>
      </c>
      <c r="Q22148">
        <v>30</v>
      </c>
      <c r="R22148">
        <v>31</v>
      </c>
      <c r="S22148">
        <v>32</v>
      </c>
      <c r="T22148">
        <v>33</v>
      </c>
      <c r="U22148">
        <v>34</v>
      </c>
      <c r="V22148">
        <v>35</v>
      </c>
      <c r="W22148">
        <v>36</v>
      </c>
      <c r="X22148">
        <v>37</v>
      </c>
      <c r="Y22148">
        <v>39</v>
      </c>
      <c r="Z22148">
        <v>40</v>
      </c>
      <c r="AA22148">
        <v>41</v>
      </c>
      <c r="AB22148">
        <v>42</v>
      </c>
      <c r="AC22148">
        <v>43</v>
      </c>
      <c r="AD22148">
        <v>44</v>
      </c>
      <c r="AE22148">
        <v>45</v>
      </c>
      <c r="AF22148">
        <v>46</v>
      </c>
      <c r="AG22148">
        <v>47</v>
      </c>
      <c r="AH22148">
        <v>47</v>
      </c>
      <c r="AI22148">
        <v>48</v>
      </c>
      <c r="AJ22148">
        <v>49</v>
      </c>
      <c r="AK22148">
        <v>49</v>
      </c>
      <c r="AL22148">
        <v>50</v>
      </c>
      <c r="AM22148">
        <v>51</v>
      </c>
      <c r="AN22148">
        <v>51</v>
      </c>
      <c r="AO22148">
        <v>52</v>
      </c>
      <c r="AP22148">
        <v>53</v>
      </c>
      <c r="AQ22148">
        <v>53</v>
      </c>
    </row>
    <row r="22149" spans="1:43">
      <c r="A22149" t="s">
        <v>13717</v>
      </c>
      <c r="B22149" t="s">
        <v>13718</v>
      </c>
      <c r="C22149" t="s">
        <v>13719</v>
      </c>
      <c r="D22149" t="s">
        <v>13720</v>
      </c>
      <c r="E22149" t="s">
        <v>13539</v>
      </c>
      <c r="F22149" t="s">
        <v>13540</v>
      </c>
      <c r="G22149" t="s">
        <v>10214</v>
      </c>
      <c r="H22149" t="s">
        <v>10215</v>
      </c>
      <c r="I22149" s="2">
        <v>1</v>
      </c>
      <c r="J22149" s="2">
        <v>0</v>
      </c>
      <c r="K22149" s="2">
        <v>0</v>
      </c>
      <c r="L22149" t="s">
        <v>120</v>
      </c>
      <c r="M22149" t="s">
        <v>83</v>
      </c>
      <c r="N22149" t="s">
        <v>91</v>
      </c>
      <c r="O22149" t="s">
        <v>85</v>
      </c>
      <c r="P22149" t="s">
        <v>86</v>
      </c>
      <c r="Q22149">
        <v>30</v>
      </c>
      <c r="R22149">
        <v>31</v>
      </c>
      <c r="S22149">
        <v>32</v>
      </c>
      <c r="T22149">
        <v>33</v>
      </c>
      <c r="U22149">
        <v>34</v>
      </c>
      <c r="V22149">
        <v>35</v>
      </c>
      <c r="W22149">
        <v>36</v>
      </c>
      <c r="X22149">
        <v>36</v>
      </c>
      <c r="Y22149">
        <v>37</v>
      </c>
      <c r="Z22149">
        <v>38</v>
      </c>
      <c r="AA22149">
        <v>39</v>
      </c>
      <c r="AB22149">
        <v>40</v>
      </c>
      <c r="AC22149">
        <v>41</v>
      </c>
      <c r="AD22149">
        <v>42</v>
      </c>
      <c r="AE22149">
        <v>43</v>
      </c>
      <c r="AF22149">
        <v>44</v>
      </c>
      <c r="AG22149">
        <v>45</v>
      </c>
      <c r="AH22149">
        <v>46</v>
      </c>
      <c r="AI22149">
        <v>47</v>
      </c>
      <c r="AJ22149">
        <v>49</v>
      </c>
      <c r="AK22149">
        <v>50</v>
      </c>
      <c r="AL22149">
        <v>51</v>
      </c>
      <c r="AM22149">
        <v>51</v>
      </c>
      <c r="AN22149">
        <v>52</v>
      </c>
      <c r="AO22149">
        <v>53</v>
      </c>
      <c r="AP22149">
        <v>53</v>
      </c>
      <c r="AQ22149">
        <v>54</v>
      </c>
    </row>
    <row r="22150" spans="1:43">
      <c r="A22150" t="s">
        <v>13721</v>
      </c>
      <c r="B22150" t="s">
        <v>13722</v>
      </c>
      <c r="C22150" t="s">
        <v>13719</v>
      </c>
      <c r="D22150" t="s">
        <v>13720</v>
      </c>
      <c r="E22150" t="s">
        <v>13539</v>
      </c>
      <c r="F22150" t="s">
        <v>13540</v>
      </c>
      <c r="G22150" t="s">
        <v>10214</v>
      </c>
      <c r="H22150" t="s">
        <v>10215</v>
      </c>
      <c r="I22150" s="2">
        <v>1</v>
      </c>
      <c r="J22150" s="2">
        <v>0</v>
      </c>
      <c r="K22150" s="2">
        <v>0</v>
      </c>
      <c r="L22150" t="s">
        <v>120</v>
      </c>
      <c r="M22150" t="s">
        <v>83</v>
      </c>
      <c r="N22150" t="s">
        <v>84</v>
      </c>
      <c r="O22150" t="s">
        <v>85</v>
      </c>
      <c r="P22150" t="s">
        <v>86</v>
      </c>
      <c r="Q22150">
        <v>45</v>
      </c>
      <c r="R22150">
        <v>47</v>
      </c>
      <c r="S22150">
        <v>48</v>
      </c>
      <c r="T22150">
        <v>49</v>
      </c>
      <c r="U22150">
        <v>51</v>
      </c>
      <c r="V22150">
        <v>52</v>
      </c>
      <c r="W22150">
        <v>53</v>
      </c>
      <c r="X22150">
        <v>55</v>
      </c>
      <c r="Y22150">
        <v>56</v>
      </c>
      <c r="Z22150">
        <v>57</v>
      </c>
      <c r="AA22150">
        <v>59</v>
      </c>
      <c r="AB22150">
        <v>60</v>
      </c>
      <c r="AC22150">
        <v>62</v>
      </c>
      <c r="AD22150">
        <v>63</v>
      </c>
      <c r="AE22150">
        <v>65</v>
      </c>
      <c r="AF22150">
        <v>66</v>
      </c>
      <c r="AG22150">
        <v>68</v>
      </c>
      <c r="AH22150">
        <v>69</v>
      </c>
      <c r="AI22150">
        <v>71</v>
      </c>
      <c r="AJ22150">
        <v>73</v>
      </c>
      <c r="AK22150">
        <v>74</v>
      </c>
      <c r="AL22150">
        <v>76</v>
      </c>
      <c r="AM22150">
        <v>77</v>
      </c>
      <c r="AN22150">
        <v>78</v>
      </c>
      <c r="AO22150">
        <v>79</v>
      </c>
      <c r="AP22150">
        <v>80</v>
      </c>
      <c r="AQ22150">
        <v>81</v>
      </c>
    </row>
    <row r="22151" spans="1:43">
      <c r="A22151" t="s">
        <v>13721</v>
      </c>
      <c r="B22151" t="s">
        <v>13722</v>
      </c>
      <c r="C22151" t="s">
        <v>13719</v>
      </c>
      <c r="D22151" t="s">
        <v>13720</v>
      </c>
      <c r="E22151" t="s">
        <v>13539</v>
      </c>
      <c r="F22151" t="s">
        <v>13540</v>
      </c>
      <c r="G22151" t="s">
        <v>10214</v>
      </c>
      <c r="H22151" t="s">
        <v>10215</v>
      </c>
      <c r="I22151" s="2">
        <v>1</v>
      </c>
      <c r="J22151" s="2">
        <v>0</v>
      </c>
      <c r="K22151" s="2">
        <v>0</v>
      </c>
      <c r="L22151" t="s">
        <v>120</v>
      </c>
      <c r="M22151" t="s">
        <v>87</v>
      </c>
      <c r="N22151" t="s">
        <v>88</v>
      </c>
      <c r="O22151" t="s">
        <v>85</v>
      </c>
      <c r="P22151" t="s">
        <v>86</v>
      </c>
      <c r="Q22151">
        <v>45</v>
      </c>
      <c r="R22151">
        <v>46</v>
      </c>
      <c r="S22151">
        <v>47</v>
      </c>
      <c r="T22151">
        <v>47</v>
      </c>
      <c r="U22151">
        <v>48</v>
      </c>
      <c r="V22151">
        <v>49</v>
      </c>
      <c r="W22151">
        <v>50</v>
      </c>
      <c r="X22151">
        <v>51</v>
      </c>
      <c r="Y22151">
        <v>52</v>
      </c>
      <c r="Z22151">
        <v>53</v>
      </c>
      <c r="AA22151">
        <v>54</v>
      </c>
      <c r="AB22151">
        <v>54</v>
      </c>
      <c r="AC22151">
        <v>55</v>
      </c>
      <c r="AD22151">
        <v>56</v>
      </c>
      <c r="AE22151">
        <v>57</v>
      </c>
      <c r="AF22151">
        <v>58</v>
      </c>
      <c r="AG22151">
        <v>59</v>
      </c>
      <c r="AH22151">
        <v>60</v>
      </c>
      <c r="AI22151">
        <v>61</v>
      </c>
      <c r="AJ22151">
        <v>62</v>
      </c>
      <c r="AK22151">
        <v>64</v>
      </c>
      <c r="AL22151">
        <v>65</v>
      </c>
      <c r="AM22151">
        <v>66</v>
      </c>
      <c r="AN22151">
        <v>67</v>
      </c>
      <c r="AO22151">
        <v>68</v>
      </c>
      <c r="AP22151">
        <v>69</v>
      </c>
      <c r="AQ22151">
        <v>70</v>
      </c>
    </row>
    <row r="22152" spans="1:43">
      <c r="A22152" t="s">
        <v>13721</v>
      </c>
      <c r="B22152" t="s">
        <v>13722</v>
      </c>
      <c r="C22152" t="s">
        <v>13719</v>
      </c>
      <c r="D22152" t="s">
        <v>13720</v>
      </c>
      <c r="E22152" t="s">
        <v>13539</v>
      </c>
      <c r="F22152" t="s">
        <v>13540</v>
      </c>
      <c r="G22152" t="s">
        <v>10214</v>
      </c>
      <c r="H22152" t="s">
        <v>10215</v>
      </c>
      <c r="I22152" s="2">
        <v>1</v>
      </c>
      <c r="J22152" s="2">
        <v>0</v>
      </c>
      <c r="K22152" s="2">
        <v>0</v>
      </c>
      <c r="L22152" t="s">
        <v>120</v>
      </c>
      <c r="M22152" t="s">
        <v>89</v>
      </c>
      <c r="N22152" t="s">
        <v>90</v>
      </c>
      <c r="O22152" t="s">
        <v>85</v>
      </c>
      <c r="P22152" t="s">
        <v>86</v>
      </c>
      <c r="Q22152">
        <v>45</v>
      </c>
      <c r="R22152">
        <v>46</v>
      </c>
      <c r="S22152">
        <v>48</v>
      </c>
      <c r="T22152">
        <v>50</v>
      </c>
      <c r="U22152">
        <v>52</v>
      </c>
      <c r="V22152">
        <v>53</v>
      </c>
      <c r="W22152">
        <v>55</v>
      </c>
      <c r="X22152">
        <v>56</v>
      </c>
      <c r="Y22152">
        <v>58</v>
      </c>
      <c r="Z22152">
        <v>60</v>
      </c>
      <c r="AA22152">
        <v>62</v>
      </c>
      <c r="AB22152">
        <v>63</v>
      </c>
      <c r="AC22152">
        <v>65</v>
      </c>
      <c r="AD22152">
        <v>67</v>
      </c>
      <c r="AE22152">
        <v>68</v>
      </c>
      <c r="AF22152">
        <v>69</v>
      </c>
      <c r="AG22152">
        <v>70</v>
      </c>
      <c r="AH22152">
        <v>71</v>
      </c>
      <c r="AI22152">
        <v>72</v>
      </c>
      <c r="AJ22152">
        <v>73</v>
      </c>
      <c r="AK22152">
        <v>74</v>
      </c>
      <c r="AL22152">
        <v>75</v>
      </c>
      <c r="AM22152">
        <v>76</v>
      </c>
      <c r="AN22152">
        <v>77</v>
      </c>
      <c r="AO22152">
        <v>78</v>
      </c>
      <c r="AP22152">
        <v>79</v>
      </c>
      <c r="AQ22152">
        <v>81</v>
      </c>
    </row>
    <row r="22153" spans="1:43">
      <c r="A22153" t="s">
        <v>13721</v>
      </c>
      <c r="B22153" t="s">
        <v>13722</v>
      </c>
      <c r="C22153" t="s">
        <v>13719</v>
      </c>
      <c r="D22153" t="s">
        <v>13720</v>
      </c>
      <c r="E22153" t="s">
        <v>13539</v>
      </c>
      <c r="F22153" t="s">
        <v>13540</v>
      </c>
      <c r="G22153" t="s">
        <v>10214</v>
      </c>
      <c r="H22153" t="s">
        <v>10215</v>
      </c>
      <c r="I22153" s="2">
        <v>1</v>
      </c>
      <c r="J22153" s="2">
        <v>0</v>
      </c>
      <c r="K22153" s="2">
        <v>0</v>
      </c>
      <c r="L22153" t="s">
        <v>120</v>
      </c>
      <c r="M22153" t="s">
        <v>83</v>
      </c>
      <c r="N22153" t="s">
        <v>91</v>
      </c>
      <c r="O22153" t="s">
        <v>85</v>
      </c>
      <c r="P22153" t="s">
        <v>86</v>
      </c>
      <c r="Q22153">
        <v>45</v>
      </c>
      <c r="R22153">
        <v>47</v>
      </c>
      <c r="S22153">
        <v>48</v>
      </c>
      <c r="T22153">
        <v>49</v>
      </c>
      <c r="U22153">
        <v>51</v>
      </c>
      <c r="V22153">
        <v>52</v>
      </c>
      <c r="W22153">
        <v>53</v>
      </c>
      <c r="X22153">
        <v>55</v>
      </c>
      <c r="Y22153">
        <v>56</v>
      </c>
      <c r="Z22153">
        <v>57</v>
      </c>
      <c r="AA22153">
        <v>59</v>
      </c>
      <c r="AB22153">
        <v>60</v>
      </c>
      <c r="AC22153">
        <v>62</v>
      </c>
      <c r="AD22153">
        <v>63</v>
      </c>
      <c r="AE22153">
        <v>65</v>
      </c>
      <c r="AF22153">
        <v>66</v>
      </c>
      <c r="AG22153">
        <v>68</v>
      </c>
      <c r="AH22153">
        <v>69</v>
      </c>
      <c r="AI22153">
        <v>71</v>
      </c>
      <c r="AJ22153">
        <v>73</v>
      </c>
      <c r="AK22153">
        <v>74</v>
      </c>
      <c r="AL22153">
        <v>76</v>
      </c>
      <c r="AM22153">
        <v>77</v>
      </c>
      <c r="AN22153">
        <v>78</v>
      </c>
      <c r="AO22153">
        <v>79</v>
      </c>
      <c r="AP22153">
        <v>80</v>
      </c>
      <c r="AQ22153">
        <v>81</v>
      </c>
    </row>
    <row r="22154" spans="1:43">
      <c r="A22154" t="s">
        <v>13723</v>
      </c>
      <c r="B22154" t="s">
        <v>13724</v>
      </c>
      <c r="C22154" t="s">
        <v>13719</v>
      </c>
      <c r="D22154" t="s">
        <v>13720</v>
      </c>
      <c r="E22154" t="s">
        <v>13539</v>
      </c>
      <c r="F22154" t="s">
        <v>13540</v>
      </c>
      <c r="G22154" t="s">
        <v>10214</v>
      </c>
      <c r="H22154" t="s">
        <v>10215</v>
      </c>
      <c r="I22154" s="2">
        <v>1</v>
      </c>
      <c r="J22154" s="2">
        <v>0</v>
      </c>
      <c r="K22154" s="2">
        <v>0</v>
      </c>
      <c r="L22154" t="s">
        <v>120</v>
      </c>
      <c r="M22154" t="s">
        <v>83</v>
      </c>
      <c r="N22154" t="s">
        <v>84</v>
      </c>
      <c r="O22154" t="s">
        <v>85</v>
      </c>
      <c r="P22154" t="s">
        <v>86</v>
      </c>
      <c r="Q22154">
        <v>57</v>
      </c>
      <c r="R22154">
        <v>58</v>
      </c>
      <c r="S22154">
        <v>60</v>
      </c>
      <c r="T22154">
        <v>61</v>
      </c>
      <c r="U22154">
        <v>63</v>
      </c>
      <c r="V22154">
        <v>65</v>
      </c>
      <c r="W22154">
        <v>66</v>
      </c>
      <c r="X22154">
        <v>68</v>
      </c>
      <c r="Y22154">
        <v>70</v>
      </c>
      <c r="Z22154">
        <v>71</v>
      </c>
      <c r="AA22154">
        <v>73</v>
      </c>
      <c r="AB22154">
        <v>75</v>
      </c>
      <c r="AC22154">
        <v>77</v>
      </c>
      <c r="AD22154">
        <v>79</v>
      </c>
      <c r="AE22154">
        <v>81</v>
      </c>
      <c r="AF22154">
        <v>83</v>
      </c>
      <c r="AG22154">
        <v>84</v>
      </c>
      <c r="AH22154">
        <v>87</v>
      </c>
      <c r="AI22154">
        <v>89</v>
      </c>
      <c r="AJ22154">
        <v>91</v>
      </c>
      <c r="AK22154">
        <v>93</v>
      </c>
      <c r="AL22154">
        <v>94</v>
      </c>
      <c r="AM22154">
        <v>96</v>
      </c>
      <c r="AN22154">
        <v>97</v>
      </c>
      <c r="AO22154">
        <v>98</v>
      </c>
      <c r="AP22154">
        <v>100</v>
      </c>
      <c r="AQ22154">
        <v>101</v>
      </c>
    </row>
    <row r="22155" spans="1:43">
      <c r="A22155" t="s">
        <v>13723</v>
      </c>
      <c r="B22155" t="s">
        <v>13724</v>
      </c>
      <c r="C22155" t="s">
        <v>13719</v>
      </c>
      <c r="D22155" t="s">
        <v>13720</v>
      </c>
      <c r="E22155" t="s">
        <v>13539</v>
      </c>
      <c r="F22155" t="s">
        <v>13540</v>
      </c>
      <c r="G22155" t="s">
        <v>10214</v>
      </c>
      <c r="H22155" t="s">
        <v>10215</v>
      </c>
      <c r="I22155" s="2">
        <v>1</v>
      </c>
      <c r="J22155" s="2">
        <v>0</v>
      </c>
      <c r="K22155" s="2">
        <v>0</v>
      </c>
      <c r="L22155" t="s">
        <v>120</v>
      </c>
      <c r="M22155" t="s">
        <v>87</v>
      </c>
      <c r="N22155" t="s">
        <v>88</v>
      </c>
      <c r="O22155" t="s">
        <v>85</v>
      </c>
      <c r="P22155" t="s">
        <v>86</v>
      </c>
      <c r="Q22155">
        <v>57</v>
      </c>
      <c r="R22155">
        <v>58</v>
      </c>
      <c r="S22155">
        <v>59</v>
      </c>
      <c r="T22155">
        <v>60</v>
      </c>
      <c r="U22155">
        <v>61</v>
      </c>
      <c r="V22155">
        <v>62</v>
      </c>
      <c r="W22155">
        <v>63</v>
      </c>
      <c r="X22155">
        <v>64</v>
      </c>
      <c r="Y22155">
        <v>66</v>
      </c>
      <c r="Z22155">
        <v>67</v>
      </c>
      <c r="AA22155">
        <v>68</v>
      </c>
      <c r="AB22155">
        <v>69</v>
      </c>
      <c r="AC22155">
        <v>70</v>
      </c>
      <c r="AD22155">
        <v>71</v>
      </c>
      <c r="AE22155">
        <v>72</v>
      </c>
      <c r="AF22155">
        <v>74</v>
      </c>
      <c r="AG22155">
        <v>75</v>
      </c>
      <c r="AH22155">
        <v>76</v>
      </c>
      <c r="AI22155">
        <v>78</v>
      </c>
      <c r="AJ22155">
        <v>79</v>
      </c>
      <c r="AK22155">
        <v>80</v>
      </c>
      <c r="AL22155">
        <v>82</v>
      </c>
      <c r="AM22155">
        <v>83</v>
      </c>
      <c r="AN22155">
        <v>84</v>
      </c>
      <c r="AO22155">
        <v>86</v>
      </c>
      <c r="AP22155">
        <v>87</v>
      </c>
      <c r="AQ22155">
        <v>89</v>
      </c>
    </row>
    <row r="22156" spans="1:43">
      <c r="A22156" t="s">
        <v>13723</v>
      </c>
      <c r="B22156" t="s">
        <v>13724</v>
      </c>
      <c r="C22156" t="s">
        <v>13719</v>
      </c>
      <c r="D22156" t="s">
        <v>13720</v>
      </c>
      <c r="E22156" t="s">
        <v>13539</v>
      </c>
      <c r="F22156" t="s">
        <v>13540</v>
      </c>
      <c r="G22156" t="s">
        <v>10214</v>
      </c>
      <c r="H22156" t="s">
        <v>10215</v>
      </c>
      <c r="I22156" s="2">
        <v>1</v>
      </c>
      <c r="J22156" s="2">
        <v>0</v>
      </c>
      <c r="K22156" s="2">
        <v>0</v>
      </c>
      <c r="L22156" t="s">
        <v>120</v>
      </c>
      <c r="M22156" t="s">
        <v>89</v>
      </c>
      <c r="N22156" t="s">
        <v>90</v>
      </c>
      <c r="O22156" t="s">
        <v>85</v>
      </c>
      <c r="P22156" t="s">
        <v>86</v>
      </c>
      <c r="Q22156">
        <v>57</v>
      </c>
      <c r="R22156">
        <v>59</v>
      </c>
      <c r="S22156">
        <v>61</v>
      </c>
      <c r="T22156">
        <v>63</v>
      </c>
      <c r="U22156">
        <v>66</v>
      </c>
      <c r="V22156">
        <v>68</v>
      </c>
      <c r="W22156">
        <v>70</v>
      </c>
      <c r="X22156">
        <v>72</v>
      </c>
      <c r="Y22156">
        <v>74</v>
      </c>
      <c r="Z22156">
        <v>76</v>
      </c>
      <c r="AA22156">
        <v>78</v>
      </c>
      <c r="AB22156">
        <v>80</v>
      </c>
      <c r="AC22156">
        <v>82</v>
      </c>
      <c r="AD22156">
        <v>85</v>
      </c>
      <c r="AE22156">
        <v>86</v>
      </c>
      <c r="AF22156">
        <v>88</v>
      </c>
      <c r="AG22156">
        <v>89</v>
      </c>
      <c r="AH22156">
        <v>90</v>
      </c>
      <c r="AI22156">
        <v>91</v>
      </c>
      <c r="AJ22156">
        <v>93</v>
      </c>
      <c r="AK22156">
        <v>94</v>
      </c>
      <c r="AL22156">
        <v>95</v>
      </c>
      <c r="AM22156">
        <v>96</v>
      </c>
      <c r="AN22156">
        <v>98</v>
      </c>
      <c r="AO22156">
        <v>99</v>
      </c>
      <c r="AP22156">
        <v>100</v>
      </c>
      <c r="AQ22156">
        <v>102</v>
      </c>
    </row>
    <row r="22157" spans="1:43">
      <c r="A22157" t="s">
        <v>13723</v>
      </c>
      <c r="B22157" t="s">
        <v>13724</v>
      </c>
      <c r="C22157" t="s">
        <v>13719</v>
      </c>
      <c r="D22157" t="s">
        <v>13720</v>
      </c>
      <c r="E22157" t="s">
        <v>13539</v>
      </c>
      <c r="F22157" t="s">
        <v>13540</v>
      </c>
      <c r="G22157" t="s">
        <v>10214</v>
      </c>
      <c r="H22157" t="s">
        <v>10215</v>
      </c>
      <c r="I22157" s="2">
        <v>1</v>
      </c>
      <c r="J22157" s="2">
        <v>0</v>
      </c>
      <c r="K22157" s="2">
        <v>0</v>
      </c>
      <c r="L22157" t="s">
        <v>120</v>
      </c>
      <c r="M22157" t="s">
        <v>83</v>
      </c>
      <c r="N22157" t="s">
        <v>91</v>
      </c>
      <c r="O22157" t="s">
        <v>85</v>
      </c>
      <c r="P22157" t="s">
        <v>86</v>
      </c>
      <c r="Q22157">
        <v>57</v>
      </c>
      <c r="R22157">
        <v>58</v>
      </c>
      <c r="S22157">
        <v>60</v>
      </c>
      <c r="T22157">
        <v>61</v>
      </c>
      <c r="U22157">
        <v>63</v>
      </c>
      <c r="V22157">
        <v>65</v>
      </c>
      <c r="W22157">
        <v>66</v>
      </c>
      <c r="X22157">
        <v>68</v>
      </c>
      <c r="Y22157">
        <v>70</v>
      </c>
      <c r="Z22157">
        <v>71</v>
      </c>
      <c r="AA22157">
        <v>73</v>
      </c>
      <c r="AB22157">
        <v>75</v>
      </c>
      <c r="AC22157">
        <v>77</v>
      </c>
      <c r="AD22157">
        <v>79</v>
      </c>
      <c r="AE22157">
        <v>81</v>
      </c>
      <c r="AF22157">
        <v>83</v>
      </c>
      <c r="AG22157">
        <v>84</v>
      </c>
      <c r="AH22157">
        <v>87</v>
      </c>
      <c r="AI22157">
        <v>89</v>
      </c>
      <c r="AJ22157">
        <v>91</v>
      </c>
      <c r="AK22157">
        <v>93</v>
      </c>
      <c r="AL22157">
        <v>94</v>
      </c>
      <c r="AM22157">
        <v>96</v>
      </c>
      <c r="AN22157">
        <v>97</v>
      </c>
      <c r="AO22157">
        <v>98</v>
      </c>
      <c r="AP22157">
        <v>100</v>
      </c>
      <c r="AQ22157">
        <v>101</v>
      </c>
    </row>
    <row r="22158" spans="1:43">
      <c r="A22158" t="s">
        <v>13725</v>
      </c>
      <c r="B22158" t="s">
        <v>13726</v>
      </c>
      <c r="C22158" t="s">
        <v>13719</v>
      </c>
      <c r="D22158" t="s">
        <v>13720</v>
      </c>
      <c r="E22158" t="s">
        <v>13539</v>
      </c>
      <c r="F22158" t="s">
        <v>13540</v>
      </c>
      <c r="G22158" t="s">
        <v>10214</v>
      </c>
      <c r="H22158" t="s">
        <v>10215</v>
      </c>
      <c r="I22158" s="2">
        <v>1</v>
      </c>
      <c r="J22158" s="2">
        <v>0</v>
      </c>
      <c r="K22158" s="2">
        <v>0</v>
      </c>
      <c r="L22158" t="s">
        <v>120</v>
      </c>
      <c r="M22158" t="s">
        <v>83</v>
      </c>
      <c r="N22158" t="s">
        <v>84</v>
      </c>
      <c r="O22158" t="s">
        <v>85</v>
      </c>
      <c r="P22158" t="s">
        <v>86</v>
      </c>
      <c r="Q22158">
        <v>17</v>
      </c>
      <c r="R22158">
        <v>17</v>
      </c>
      <c r="S22158">
        <v>18</v>
      </c>
      <c r="T22158">
        <v>18</v>
      </c>
      <c r="U22158">
        <v>19</v>
      </c>
      <c r="V22158">
        <v>19</v>
      </c>
      <c r="W22158">
        <v>20</v>
      </c>
      <c r="X22158">
        <v>20</v>
      </c>
      <c r="Y22158">
        <v>21</v>
      </c>
      <c r="Z22158">
        <v>21</v>
      </c>
      <c r="AA22158">
        <v>22</v>
      </c>
      <c r="AB22158">
        <v>23</v>
      </c>
      <c r="AC22158">
        <v>23</v>
      </c>
      <c r="AD22158">
        <v>24</v>
      </c>
      <c r="AE22158">
        <v>24</v>
      </c>
      <c r="AF22158">
        <v>25</v>
      </c>
      <c r="AG22158">
        <v>25</v>
      </c>
      <c r="AH22158">
        <v>26</v>
      </c>
      <c r="AI22158">
        <v>27</v>
      </c>
      <c r="AJ22158">
        <v>27</v>
      </c>
      <c r="AK22158">
        <v>28</v>
      </c>
      <c r="AL22158">
        <v>28</v>
      </c>
      <c r="AM22158">
        <v>29</v>
      </c>
      <c r="AN22158">
        <v>29</v>
      </c>
      <c r="AO22158">
        <v>30</v>
      </c>
      <c r="AP22158">
        <v>30</v>
      </c>
      <c r="AQ22158">
        <v>30</v>
      </c>
    </row>
    <row r="22159" spans="1:43">
      <c r="A22159" t="s">
        <v>13725</v>
      </c>
      <c r="B22159" t="s">
        <v>13726</v>
      </c>
      <c r="C22159" t="s">
        <v>13719</v>
      </c>
      <c r="D22159" t="s">
        <v>13720</v>
      </c>
      <c r="E22159" t="s">
        <v>13539</v>
      </c>
      <c r="F22159" t="s">
        <v>13540</v>
      </c>
      <c r="G22159" t="s">
        <v>10214</v>
      </c>
      <c r="H22159" t="s">
        <v>10215</v>
      </c>
      <c r="I22159" s="2">
        <v>1</v>
      </c>
      <c r="J22159" s="2">
        <v>0</v>
      </c>
      <c r="K22159" s="2">
        <v>0</v>
      </c>
      <c r="L22159" t="s">
        <v>120</v>
      </c>
      <c r="M22159" t="s">
        <v>87</v>
      </c>
      <c r="N22159" t="s">
        <v>88</v>
      </c>
      <c r="O22159" t="s">
        <v>85</v>
      </c>
      <c r="P22159" t="s">
        <v>86</v>
      </c>
      <c r="Q22159">
        <v>17</v>
      </c>
      <c r="R22159">
        <v>17</v>
      </c>
      <c r="S22159">
        <v>17</v>
      </c>
      <c r="T22159">
        <v>18</v>
      </c>
      <c r="U22159">
        <v>18</v>
      </c>
      <c r="V22159">
        <v>18</v>
      </c>
      <c r="W22159">
        <v>19</v>
      </c>
      <c r="X22159">
        <v>19</v>
      </c>
      <c r="Y22159">
        <v>19</v>
      </c>
      <c r="Z22159">
        <v>20</v>
      </c>
      <c r="AA22159">
        <v>20</v>
      </c>
      <c r="AB22159">
        <v>20</v>
      </c>
      <c r="AC22159">
        <v>21</v>
      </c>
      <c r="AD22159">
        <v>21</v>
      </c>
      <c r="AE22159">
        <v>21</v>
      </c>
      <c r="AF22159">
        <v>22</v>
      </c>
      <c r="AG22159">
        <v>22</v>
      </c>
      <c r="AH22159">
        <v>23</v>
      </c>
      <c r="AI22159">
        <v>23</v>
      </c>
      <c r="AJ22159">
        <v>23</v>
      </c>
      <c r="AK22159">
        <v>24</v>
      </c>
      <c r="AL22159">
        <v>24</v>
      </c>
      <c r="AM22159">
        <v>25</v>
      </c>
      <c r="AN22159">
        <v>25</v>
      </c>
      <c r="AO22159">
        <v>25</v>
      </c>
      <c r="AP22159">
        <v>26</v>
      </c>
      <c r="AQ22159">
        <v>26</v>
      </c>
    </row>
    <row r="22160" spans="1:43">
      <c r="A22160" t="s">
        <v>13725</v>
      </c>
      <c r="B22160" t="s">
        <v>13726</v>
      </c>
      <c r="C22160" t="s">
        <v>13719</v>
      </c>
      <c r="D22160" t="s">
        <v>13720</v>
      </c>
      <c r="E22160" t="s">
        <v>13539</v>
      </c>
      <c r="F22160" t="s">
        <v>13540</v>
      </c>
      <c r="G22160" t="s">
        <v>10214</v>
      </c>
      <c r="H22160" t="s">
        <v>10215</v>
      </c>
      <c r="I22160" s="2">
        <v>1</v>
      </c>
      <c r="J22160" s="2">
        <v>0</v>
      </c>
      <c r="K22160" s="2">
        <v>0</v>
      </c>
      <c r="L22160" t="s">
        <v>120</v>
      </c>
      <c r="M22160" t="s">
        <v>89</v>
      </c>
      <c r="N22160" t="s">
        <v>90</v>
      </c>
      <c r="O22160" t="s">
        <v>85</v>
      </c>
      <c r="P22160" t="s">
        <v>86</v>
      </c>
      <c r="Q22160">
        <v>17</v>
      </c>
      <c r="R22160">
        <v>18</v>
      </c>
      <c r="S22160">
        <v>18</v>
      </c>
      <c r="T22160">
        <v>19</v>
      </c>
      <c r="U22160">
        <v>20</v>
      </c>
      <c r="V22160">
        <v>20</v>
      </c>
      <c r="W22160">
        <v>21</v>
      </c>
      <c r="X22160">
        <v>22</v>
      </c>
      <c r="Y22160">
        <v>22</v>
      </c>
      <c r="Z22160">
        <v>23</v>
      </c>
      <c r="AA22160">
        <v>23</v>
      </c>
      <c r="AB22160">
        <v>24</v>
      </c>
      <c r="AC22160">
        <v>25</v>
      </c>
      <c r="AD22160">
        <v>25</v>
      </c>
      <c r="AE22160">
        <v>26</v>
      </c>
      <c r="AF22160">
        <v>26</v>
      </c>
      <c r="AG22160">
        <v>27</v>
      </c>
      <c r="AH22160">
        <v>27</v>
      </c>
      <c r="AI22160">
        <v>27</v>
      </c>
      <c r="AJ22160">
        <v>28</v>
      </c>
      <c r="AK22160">
        <v>28</v>
      </c>
      <c r="AL22160">
        <v>29</v>
      </c>
      <c r="AM22160">
        <v>29</v>
      </c>
      <c r="AN22160">
        <v>29</v>
      </c>
      <c r="AO22160">
        <v>30</v>
      </c>
      <c r="AP22160">
        <v>30</v>
      </c>
      <c r="AQ22160">
        <v>31</v>
      </c>
    </row>
    <row r="22161" spans="1:43">
      <c r="A22161" t="s">
        <v>13725</v>
      </c>
      <c r="B22161" t="s">
        <v>13726</v>
      </c>
      <c r="C22161" t="s">
        <v>13719</v>
      </c>
      <c r="D22161" t="s">
        <v>13720</v>
      </c>
      <c r="E22161" t="s">
        <v>13539</v>
      </c>
      <c r="F22161" t="s">
        <v>13540</v>
      </c>
      <c r="G22161" t="s">
        <v>10214</v>
      </c>
      <c r="H22161" t="s">
        <v>10215</v>
      </c>
      <c r="I22161" s="2">
        <v>1</v>
      </c>
      <c r="J22161" s="2">
        <v>0</v>
      </c>
      <c r="K22161" s="2">
        <v>0</v>
      </c>
      <c r="L22161" t="s">
        <v>120</v>
      </c>
      <c r="M22161" t="s">
        <v>83</v>
      </c>
      <c r="N22161" t="s">
        <v>91</v>
      </c>
      <c r="O22161" t="s">
        <v>85</v>
      </c>
      <c r="P22161" t="s">
        <v>86</v>
      </c>
      <c r="Q22161">
        <v>17</v>
      </c>
      <c r="R22161">
        <v>17</v>
      </c>
      <c r="S22161">
        <v>18</v>
      </c>
      <c r="T22161">
        <v>18</v>
      </c>
      <c r="U22161">
        <v>19</v>
      </c>
      <c r="V22161">
        <v>19</v>
      </c>
      <c r="W22161">
        <v>20</v>
      </c>
      <c r="X22161">
        <v>20</v>
      </c>
      <c r="Y22161">
        <v>21</v>
      </c>
      <c r="Z22161">
        <v>21</v>
      </c>
      <c r="AA22161">
        <v>22</v>
      </c>
      <c r="AB22161">
        <v>23</v>
      </c>
      <c r="AC22161">
        <v>23</v>
      </c>
      <c r="AD22161">
        <v>24</v>
      </c>
      <c r="AE22161">
        <v>24</v>
      </c>
      <c r="AF22161">
        <v>25</v>
      </c>
      <c r="AG22161">
        <v>25</v>
      </c>
      <c r="AH22161">
        <v>26</v>
      </c>
      <c r="AI22161">
        <v>27</v>
      </c>
      <c r="AJ22161">
        <v>27</v>
      </c>
      <c r="AK22161">
        <v>28</v>
      </c>
      <c r="AL22161">
        <v>28</v>
      </c>
      <c r="AM22161">
        <v>29</v>
      </c>
      <c r="AN22161">
        <v>29</v>
      </c>
      <c r="AO22161">
        <v>30</v>
      </c>
      <c r="AP22161">
        <v>30</v>
      </c>
      <c r="AQ22161">
        <v>30</v>
      </c>
    </row>
    <row r="22162" spans="1:43">
      <c r="A22162" t="s">
        <v>13727</v>
      </c>
      <c r="B22162" t="s">
        <v>13728</v>
      </c>
      <c r="C22162" t="s">
        <v>13587</v>
      </c>
      <c r="D22162" t="s">
        <v>13588</v>
      </c>
      <c r="E22162" t="s">
        <v>13539</v>
      </c>
      <c r="F22162" t="s">
        <v>13540</v>
      </c>
      <c r="G22162" t="s">
        <v>10214</v>
      </c>
      <c r="H22162" t="s">
        <v>10215</v>
      </c>
      <c r="I22162" s="2">
        <v>1</v>
      </c>
      <c r="J22162" s="2">
        <v>0</v>
      </c>
      <c r="K22162" s="2">
        <v>0</v>
      </c>
      <c r="L22162" t="s">
        <v>120</v>
      </c>
      <c r="M22162" t="s">
        <v>83</v>
      </c>
      <c r="N22162" t="s">
        <v>84</v>
      </c>
      <c r="O22162" t="s">
        <v>85</v>
      </c>
      <c r="P22162" t="s">
        <v>86</v>
      </c>
      <c r="Q22162">
        <v>31</v>
      </c>
      <c r="R22162">
        <v>31</v>
      </c>
      <c r="S22162">
        <v>32</v>
      </c>
      <c r="T22162">
        <v>32</v>
      </c>
      <c r="U22162">
        <v>33</v>
      </c>
      <c r="V22162">
        <v>33</v>
      </c>
      <c r="W22162">
        <v>34</v>
      </c>
      <c r="X22162">
        <v>34</v>
      </c>
      <c r="Y22162">
        <v>35</v>
      </c>
      <c r="Z22162">
        <v>35</v>
      </c>
      <c r="AA22162">
        <v>35</v>
      </c>
      <c r="AB22162">
        <v>36</v>
      </c>
      <c r="AC22162">
        <v>36</v>
      </c>
      <c r="AD22162">
        <v>37</v>
      </c>
      <c r="AE22162">
        <v>37</v>
      </c>
      <c r="AF22162">
        <v>38</v>
      </c>
      <c r="AG22162">
        <v>38</v>
      </c>
      <c r="AH22162">
        <v>38</v>
      </c>
      <c r="AI22162">
        <v>39</v>
      </c>
      <c r="AJ22162">
        <v>39</v>
      </c>
      <c r="AK22162">
        <v>40</v>
      </c>
      <c r="AL22162">
        <v>40</v>
      </c>
      <c r="AM22162">
        <v>40</v>
      </c>
      <c r="AN22162">
        <v>40</v>
      </c>
      <c r="AO22162">
        <v>40</v>
      </c>
      <c r="AP22162">
        <v>40</v>
      </c>
      <c r="AQ22162">
        <v>40</v>
      </c>
    </row>
    <row r="22163" spans="1:43">
      <c r="A22163" t="s">
        <v>13727</v>
      </c>
      <c r="B22163" t="s">
        <v>13728</v>
      </c>
      <c r="C22163" t="s">
        <v>13587</v>
      </c>
      <c r="D22163" t="s">
        <v>13588</v>
      </c>
      <c r="E22163" t="s">
        <v>13539</v>
      </c>
      <c r="F22163" t="s">
        <v>13540</v>
      </c>
      <c r="G22163" t="s">
        <v>10214</v>
      </c>
      <c r="H22163" t="s">
        <v>10215</v>
      </c>
      <c r="I22163" s="2">
        <v>1</v>
      </c>
      <c r="J22163" s="2">
        <v>0</v>
      </c>
      <c r="K22163" s="2">
        <v>0</v>
      </c>
      <c r="L22163" t="s">
        <v>120</v>
      </c>
      <c r="M22163" t="s">
        <v>87</v>
      </c>
      <c r="N22163" t="s">
        <v>88</v>
      </c>
      <c r="O22163" t="s">
        <v>85</v>
      </c>
      <c r="P22163" t="s">
        <v>86</v>
      </c>
      <c r="Q22163">
        <v>31</v>
      </c>
      <c r="R22163">
        <v>31</v>
      </c>
      <c r="S22163">
        <v>31</v>
      </c>
      <c r="T22163">
        <v>31</v>
      </c>
      <c r="U22163">
        <v>31</v>
      </c>
      <c r="V22163">
        <v>31</v>
      </c>
      <c r="W22163">
        <v>32</v>
      </c>
      <c r="X22163">
        <v>32</v>
      </c>
      <c r="Y22163">
        <v>32</v>
      </c>
      <c r="Z22163">
        <v>32</v>
      </c>
      <c r="AA22163">
        <v>32</v>
      </c>
      <c r="AB22163">
        <v>32</v>
      </c>
      <c r="AC22163">
        <v>33</v>
      </c>
      <c r="AD22163">
        <v>33</v>
      </c>
      <c r="AE22163">
        <v>33</v>
      </c>
      <c r="AF22163">
        <v>33</v>
      </c>
      <c r="AG22163">
        <v>33</v>
      </c>
      <c r="AH22163">
        <v>33</v>
      </c>
      <c r="AI22163">
        <v>34</v>
      </c>
      <c r="AJ22163">
        <v>34</v>
      </c>
      <c r="AK22163">
        <v>34</v>
      </c>
      <c r="AL22163">
        <v>34</v>
      </c>
      <c r="AM22163">
        <v>34</v>
      </c>
      <c r="AN22163">
        <v>35</v>
      </c>
      <c r="AO22163">
        <v>35</v>
      </c>
      <c r="AP22163">
        <v>35</v>
      </c>
      <c r="AQ22163">
        <v>35</v>
      </c>
    </row>
    <row r="22164" spans="1:43">
      <c r="A22164" t="s">
        <v>13727</v>
      </c>
      <c r="B22164" t="s">
        <v>13728</v>
      </c>
      <c r="C22164" t="s">
        <v>13587</v>
      </c>
      <c r="D22164" t="s">
        <v>13588</v>
      </c>
      <c r="E22164" t="s">
        <v>13539</v>
      </c>
      <c r="F22164" t="s">
        <v>13540</v>
      </c>
      <c r="G22164" t="s">
        <v>10214</v>
      </c>
      <c r="H22164" t="s">
        <v>10215</v>
      </c>
      <c r="I22164" s="2">
        <v>1</v>
      </c>
      <c r="J22164" s="2">
        <v>0</v>
      </c>
      <c r="K22164" s="2">
        <v>0</v>
      </c>
      <c r="L22164" t="s">
        <v>120</v>
      </c>
      <c r="M22164" t="s">
        <v>89</v>
      </c>
      <c r="N22164" t="s">
        <v>90</v>
      </c>
      <c r="O22164" t="s">
        <v>85</v>
      </c>
      <c r="P22164" t="s">
        <v>86</v>
      </c>
      <c r="Q22164">
        <v>31</v>
      </c>
      <c r="R22164">
        <v>32</v>
      </c>
      <c r="S22164">
        <v>33</v>
      </c>
      <c r="T22164">
        <v>33</v>
      </c>
      <c r="U22164">
        <v>34</v>
      </c>
      <c r="V22164">
        <v>35</v>
      </c>
      <c r="W22164">
        <v>35</v>
      </c>
      <c r="X22164">
        <v>36</v>
      </c>
      <c r="Y22164">
        <v>36</v>
      </c>
      <c r="Z22164">
        <v>37</v>
      </c>
      <c r="AA22164">
        <v>38</v>
      </c>
      <c r="AB22164">
        <v>38</v>
      </c>
      <c r="AC22164">
        <v>39</v>
      </c>
      <c r="AD22164">
        <v>39</v>
      </c>
      <c r="AE22164">
        <v>40</v>
      </c>
      <c r="AF22164">
        <v>40</v>
      </c>
      <c r="AG22164">
        <v>40</v>
      </c>
      <c r="AH22164">
        <v>40</v>
      </c>
      <c r="AI22164">
        <v>40</v>
      </c>
      <c r="AJ22164">
        <v>40</v>
      </c>
      <c r="AK22164">
        <v>40</v>
      </c>
      <c r="AL22164">
        <v>40</v>
      </c>
      <c r="AM22164">
        <v>40</v>
      </c>
      <c r="AN22164">
        <v>40</v>
      </c>
      <c r="AO22164">
        <v>41</v>
      </c>
      <c r="AP22164">
        <v>41</v>
      </c>
      <c r="AQ22164">
        <v>41</v>
      </c>
    </row>
    <row r="22165" spans="1:43">
      <c r="A22165" t="s">
        <v>13727</v>
      </c>
      <c r="B22165" t="s">
        <v>13728</v>
      </c>
      <c r="C22165" t="s">
        <v>13587</v>
      </c>
      <c r="D22165" t="s">
        <v>13588</v>
      </c>
      <c r="E22165" t="s">
        <v>13539</v>
      </c>
      <c r="F22165" t="s">
        <v>13540</v>
      </c>
      <c r="G22165" t="s">
        <v>10214</v>
      </c>
      <c r="H22165" t="s">
        <v>10215</v>
      </c>
      <c r="I22165" s="2">
        <v>1</v>
      </c>
      <c r="J22165" s="2">
        <v>0</v>
      </c>
      <c r="K22165" s="2">
        <v>0</v>
      </c>
      <c r="L22165" t="s">
        <v>120</v>
      </c>
      <c r="M22165" t="s">
        <v>83</v>
      </c>
      <c r="N22165" t="s">
        <v>91</v>
      </c>
      <c r="O22165" t="s">
        <v>85</v>
      </c>
      <c r="P22165" t="s">
        <v>86</v>
      </c>
      <c r="Q22165">
        <v>31</v>
      </c>
      <c r="R22165">
        <v>31</v>
      </c>
      <c r="S22165">
        <v>32</v>
      </c>
      <c r="T22165">
        <v>32</v>
      </c>
      <c r="U22165">
        <v>33</v>
      </c>
      <c r="V22165">
        <v>33</v>
      </c>
      <c r="W22165">
        <v>34</v>
      </c>
      <c r="X22165">
        <v>34</v>
      </c>
      <c r="Y22165">
        <v>35</v>
      </c>
      <c r="Z22165">
        <v>35</v>
      </c>
      <c r="AA22165">
        <v>35</v>
      </c>
      <c r="AB22165">
        <v>36</v>
      </c>
      <c r="AC22165">
        <v>36</v>
      </c>
      <c r="AD22165">
        <v>37</v>
      </c>
      <c r="AE22165">
        <v>37</v>
      </c>
      <c r="AF22165">
        <v>38</v>
      </c>
      <c r="AG22165">
        <v>38</v>
      </c>
      <c r="AH22165">
        <v>38</v>
      </c>
      <c r="AI22165">
        <v>39</v>
      </c>
      <c r="AJ22165">
        <v>39</v>
      </c>
      <c r="AK22165">
        <v>40</v>
      </c>
      <c r="AL22165">
        <v>40</v>
      </c>
      <c r="AM22165">
        <v>40</v>
      </c>
      <c r="AN22165">
        <v>40</v>
      </c>
      <c r="AO22165">
        <v>40</v>
      </c>
      <c r="AP22165">
        <v>40</v>
      </c>
      <c r="AQ22165">
        <v>40</v>
      </c>
    </row>
    <row r="22166" spans="1:43">
      <c r="A22166" t="s">
        <v>13729</v>
      </c>
      <c r="B22166" t="s">
        <v>13730</v>
      </c>
      <c r="C22166" t="s">
        <v>13587</v>
      </c>
      <c r="D22166" t="s">
        <v>13588</v>
      </c>
      <c r="E22166" t="s">
        <v>13539</v>
      </c>
      <c r="F22166" t="s">
        <v>13540</v>
      </c>
      <c r="G22166" t="s">
        <v>10214</v>
      </c>
      <c r="H22166" t="s">
        <v>10215</v>
      </c>
      <c r="I22166" s="2">
        <v>1</v>
      </c>
      <c r="J22166" s="2">
        <v>0</v>
      </c>
      <c r="K22166" s="2">
        <v>0</v>
      </c>
      <c r="L22166" t="s">
        <v>120</v>
      </c>
      <c r="M22166" t="s">
        <v>83</v>
      </c>
      <c r="N22166" t="s">
        <v>84</v>
      </c>
      <c r="O22166" t="s">
        <v>85</v>
      </c>
      <c r="P22166" t="s">
        <v>86</v>
      </c>
      <c r="Q22166">
        <v>35</v>
      </c>
      <c r="R22166">
        <v>36</v>
      </c>
      <c r="S22166">
        <v>37</v>
      </c>
      <c r="T22166">
        <v>38</v>
      </c>
      <c r="U22166">
        <v>38</v>
      </c>
      <c r="V22166">
        <v>39</v>
      </c>
      <c r="W22166">
        <v>41</v>
      </c>
      <c r="X22166">
        <v>42</v>
      </c>
      <c r="Y22166">
        <v>43</v>
      </c>
      <c r="Z22166">
        <v>44</v>
      </c>
      <c r="AA22166">
        <v>45</v>
      </c>
      <c r="AB22166">
        <v>46</v>
      </c>
      <c r="AC22166">
        <v>47</v>
      </c>
      <c r="AD22166">
        <v>48</v>
      </c>
      <c r="AE22166">
        <v>49</v>
      </c>
      <c r="AF22166">
        <v>50</v>
      </c>
      <c r="AG22166">
        <v>52</v>
      </c>
      <c r="AH22166">
        <v>53</v>
      </c>
      <c r="AI22166">
        <v>54</v>
      </c>
      <c r="AJ22166">
        <v>55</v>
      </c>
      <c r="AK22166">
        <v>57</v>
      </c>
      <c r="AL22166">
        <v>58</v>
      </c>
      <c r="AM22166">
        <v>58</v>
      </c>
      <c r="AN22166">
        <v>59</v>
      </c>
      <c r="AO22166">
        <v>60</v>
      </c>
      <c r="AP22166">
        <v>61</v>
      </c>
      <c r="AQ22166">
        <v>62</v>
      </c>
    </row>
    <row r="22167" spans="1:43">
      <c r="A22167" t="s">
        <v>13729</v>
      </c>
      <c r="B22167" t="s">
        <v>13730</v>
      </c>
      <c r="C22167" t="s">
        <v>13587</v>
      </c>
      <c r="D22167" t="s">
        <v>13588</v>
      </c>
      <c r="E22167" t="s">
        <v>13539</v>
      </c>
      <c r="F22167" t="s">
        <v>13540</v>
      </c>
      <c r="G22167" t="s">
        <v>10214</v>
      </c>
      <c r="H22167" t="s">
        <v>10215</v>
      </c>
      <c r="I22167" s="2">
        <v>1</v>
      </c>
      <c r="J22167" s="2">
        <v>0</v>
      </c>
      <c r="K22167" s="2">
        <v>0</v>
      </c>
      <c r="L22167" t="s">
        <v>120</v>
      </c>
      <c r="M22167" t="s">
        <v>87</v>
      </c>
      <c r="N22167" t="s">
        <v>88</v>
      </c>
      <c r="O22167" t="s">
        <v>85</v>
      </c>
      <c r="P22167" t="s">
        <v>86</v>
      </c>
      <c r="Q22167">
        <v>35</v>
      </c>
      <c r="R22167">
        <v>36</v>
      </c>
      <c r="S22167">
        <v>37</v>
      </c>
      <c r="T22167">
        <v>37</v>
      </c>
      <c r="U22167">
        <v>38</v>
      </c>
      <c r="V22167">
        <v>38</v>
      </c>
      <c r="W22167">
        <v>39</v>
      </c>
      <c r="X22167">
        <v>40</v>
      </c>
      <c r="Y22167">
        <v>40</v>
      </c>
      <c r="Z22167">
        <v>41</v>
      </c>
      <c r="AA22167">
        <v>42</v>
      </c>
      <c r="AB22167">
        <v>42</v>
      </c>
      <c r="AC22167">
        <v>43</v>
      </c>
      <c r="AD22167">
        <v>44</v>
      </c>
      <c r="AE22167">
        <v>45</v>
      </c>
      <c r="AF22167">
        <v>45</v>
      </c>
      <c r="AG22167">
        <v>46</v>
      </c>
      <c r="AH22167">
        <v>47</v>
      </c>
      <c r="AI22167">
        <v>48</v>
      </c>
      <c r="AJ22167">
        <v>49</v>
      </c>
      <c r="AK22167">
        <v>49</v>
      </c>
      <c r="AL22167">
        <v>50</v>
      </c>
      <c r="AM22167">
        <v>51</v>
      </c>
      <c r="AN22167">
        <v>52</v>
      </c>
      <c r="AO22167">
        <v>53</v>
      </c>
      <c r="AP22167">
        <v>54</v>
      </c>
      <c r="AQ22167">
        <v>55</v>
      </c>
    </row>
    <row r="22168" spans="1:43">
      <c r="A22168" t="s">
        <v>13729</v>
      </c>
      <c r="B22168" t="s">
        <v>13730</v>
      </c>
      <c r="C22168" t="s">
        <v>13587</v>
      </c>
      <c r="D22168" t="s">
        <v>13588</v>
      </c>
      <c r="E22168" t="s">
        <v>13539</v>
      </c>
      <c r="F22168" t="s">
        <v>13540</v>
      </c>
      <c r="G22168" t="s">
        <v>10214</v>
      </c>
      <c r="H22168" t="s">
        <v>10215</v>
      </c>
      <c r="I22168" s="2">
        <v>1</v>
      </c>
      <c r="J22168" s="2">
        <v>0</v>
      </c>
      <c r="K22168" s="2">
        <v>0</v>
      </c>
      <c r="L22168" t="s">
        <v>120</v>
      </c>
      <c r="M22168" t="s">
        <v>89</v>
      </c>
      <c r="N22168" t="s">
        <v>90</v>
      </c>
      <c r="O22168" t="s">
        <v>85</v>
      </c>
      <c r="P22168" t="s">
        <v>86</v>
      </c>
      <c r="Q22168">
        <v>35</v>
      </c>
      <c r="R22168">
        <v>36</v>
      </c>
      <c r="S22168">
        <v>37</v>
      </c>
      <c r="T22168">
        <v>39</v>
      </c>
      <c r="U22168">
        <v>40</v>
      </c>
      <c r="V22168">
        <v>41</v>
      </c>
      <c r="W22168">
        <v>43</v>
      </c>
      <c r="X22168">
        <v>44</v>
      </c>
      <c r="Y22168">
        <v>45</v>
      </c>
      <c r="Z22168">
        <v>46</v>
      </c>
      <c r="AA22168">
        <v>48</v>
      </c>
      <c r="AB22168">
        <v>49</v>
      </c>
      <c r="AC22168">
        <v>50</v>
      </c>
      <c r="AD22168">
        <v>52</v>
      </c>
      <c r="AE22168">
        <v>53</v>
      </c>
      <c r="AF22168">
        <v>54</v>
      </c>
      <c r="AG22168">
        <v>54</v>
      </c>
      <c r="AH22168">
        <v>55</v>
      </c>
      <c r="AI22168">
        <v>56</v>
      </c>
      <c r="AJ22168">
        <v>56</v>
      </c>
      <c r="AK22168">
        <v>57</v>
      </c>
      <c r="AL22168">
        <v>58</v>
      </c>
      <c r="AM22168">
        <v>59</v>
      </c>
      <c r="AN22168">
        <v>60</v>
      </c>
      <c r="AO22168">
        <v>60</v>
      </c>
      <c r="AP22168">
        <v>61</v>
      </c>
      <c r="AQ22168">
        <v>62</v>
      </c>
    </row>
    <row r="22169" spans="1:43">
      <c r="A22169" t="s">
        <v>13729</v>
      </c>
      <c r="B22169" t="s">
        <v>13730</v>
      </c>
      <c r="C22169" t="s">
        <v>13587</v>
      </c>
      <c r="D22169" t="s">
        <v>13588</v>
      </c>
      <c r="E22169" t="s">
        <v>13539</v>
      </c>
      <c r="F22169" t="s">
        <v>13540</v>
      </c>
      <c r="G22169" t="s">
        <v>10214</v>
      </c>
      <c r="H22169" t="s">
        <v>10215</v>
      </c>
      <c r="I22169" s="2">
        <v>1</v>
      </c>
      <c r="J22169" s="2">
        <v>0</v>
      </c>
      <c r="K22169" s="2">
        <v>0</v>
      </c>
      <c r="L22169" t="s">
        <v>120</v>
      </c>
      <c r="M22169" t="s">
        <v>83</v>
      </c>
      <c r="N22169" t="s">
        <v>91</v>
      </c>
      <c r="O22169" t="s">
        <v>85</v>
      </c>
      <c r="P22169" t="s">
        <v>86</v>
      </c>
      <c r="Q22169">
        <v>35</v>
      </c>
      <c r="R22169">
        <v>36</v>
      </c>
      <c r="S22169">
        <v>37</v>
      </c>
      <c r="T22169">
        <v>38</v>
      </c>
      <c r="U22169">
        <v>38</v>
      </c>
      <c r="V22169">
        <v>39</v>
      </c>
      <c r="W22169">
        <v>41</v>
      </c>
      <c r="X22169">
        <v>42</v>
      </c>
      <c r="Y22169">
        <v>43</v>
      </c>
      <c r="Z22169">
        <v>44</v>
      </c>
      <c r="AA22169">
        <v>45</v>
      </c>
      <c r="AB22169">
        <v>46</v>
      </c>
      <c r="AC22169">
        <v>47</v>
      </c>
      <c r="AD22169">
        <v>48</v>
      </c>
      <c r="AE22169">
        <v>49</v>
      </c>
      <c r="AF22169">
        <v>50</v>
      </c>
      <c r="AG22169">
        <v>52</v>
      </c>
      <c r="AH22169">
        <v>53</v>
      </c>
      <c r="AI22169">
        <v>54</v>
      </c>
      <c r="AJ22169">
        <v>55</v>
      </c>
      <c r="AK22169">
        <v>57</v>
      </c>
      <c r="AL22169">
        <v>58</v>
      </c>
      <c r="AM22169">
        <v>58</v>
      </c>
      <c r="AN22169">
        <v>59</v>
      </c>
      <c r="AO22169">
        <v>60</v>
      </c>
      <c r="AP22169">
        <v>61</v>
      </c>
      <c r="AQ22169">
        <v>62</v>
      </c>
    </row>
    <row r="22170" spans="1:43">
      <c r="A22170" t="s">
        <v>13731</v>
      </c>
      <c r="B22170" t="s">
        <v>13732</v>
      </c>
      <c r="C22170" t="s">
        <v>13733</v>
      </c>
      <c r="D22170" t="s">
        <v>13734</v>
      </c>
      <c r="E22170" t="s">
        <v>13539</v>
      </c>
      <c r="F22170" t="s">
        <v>13540</v>
      </c>
      <c r="G22170" t="s">
        <v>10214</v>
      </c>
      <c r="H22170" t="s">
        <v>10215</v>
      </c>
      <c r="I22170" s="2">
        <v>1</v>
      </c>
      <c r="J22170" s="2">
        <v>0</v>
      </c>
      <c r="K22170" s="2">
        <v>0</v>
      </c>
      <c r="L22170" t="s">
        <v>120</v>
      </c>
      <c r="M22170" t="s">
        <v>83</v>
      </c>
      <c r="N22170" t="s">
        <v>84</v>
      </c>
      <c r="O22170" t="s">
        <v>85</v>
      </c>
      <c r="P22170" t="s">
        <v>86</v>
      </c>
      <c r="Q22170">
        <v>35</v>
      </c>
      <c r="R22170">
        <v>36</v>
      </c>
      <c r="S22170">
        <v>37</v>
      </c>
      <c r="T22170">
        <v>38</v>
      </c>
      <c r="U22170">
        <v>39</v>
      </c>
      <c r="V22170">
        <v>40</v>
      </c>
      <c r="W22170">
        <v>41</v>
      </c>
      <c r="X22170">
        <v>42</v>
      </c>
      <c r="Y22170">
        <v>43</v>
      </c>
      <c r="Z22170">
        <v>44</v>
      </c>
      <c r="AA22170">
        <v>45</v>
      </c>
      <c r="AB22170">
        <v>46</v>
      </c>
      <c r="AC22170">
        <v>47</v>
      </c>
      <c r="AD22170">
        <v>48</v>
      </c>
      <c r="AE22170">
        <v>50</v>
      </c>
      <c r="AF22170">
        <v>51</v>
      </c>
      <c r="AG22170">
        <v>52</v>
      </c>
      <c r="AH22170">
        <v>53</v>
      </c>
      <c r="AI22170">
        <v>55</v>
      </c>
      <c r="AJ22170">
        <v>56</v>
      </c>
      <c r="AK22170">
        <v>57</v>
      </c>
      <c r="AL22170">
        <v>58</v>
      </c>
      <c r="AM22170">
        <v>59</v>
      </c>
      <c r="AN22170">
        <v>60</v>
      </c>
      <c r="AO22170">
        <v>61</v>
      </c>
      <c r="AP22170">
        <v>62</v>
      </c>
      <c r="AQ22170">
        <v>62</v>
      </c>
    </row>
    <row r="22171" spans="1:43">
      <c r="A22171" t="s">
        <v>13731</v>
      </c>
      <c r="B22171" t="s">
        <v>13732</v>
      </c>
      <c r="C22171" t="s">
        <v>13733</v>
      </c>
      <c r="D22171" t="s">
        <v>13734</v>
      </c>
      <c r="E22171" t="s">
        <v>13539</v>
      </c>
      <c r="F22171" t="s">
        <v>13540</v>
      </c>
      <c r="G22171" t="s">
        <v>10214</v>
      </c>
      <c r="H22171" t="s">
        <v>10215</v>
      </c>
      <c r="I22171" s="2">
        <v>1</v>
      </c>
      <c r="J22171" s="2">
        <v>0</v>
      </c>
      <c r="K22171" s="2">
        <v>0</v>
      </c>
      <c r="L22171" t="s">
        <v>120</v>
      </c>
      <c r="M22171" t="s">
        <v>87</v>
      </c>
      <c r="N22171" t="s">
        <v>88</v>
      </c>
      <c r="O22171" t="s">
        <v>85</v>
      </c>
      <c r="P22171" t="s">
        <v>86</v>
      </c>
      <c r="Q22171">
        <v>35</v>
      </c>
      <c r="R22171">
        <v>36</v>
      </c>
      <c r="S22171">
        <v>37</v>
      </c>
      <c r="T22171">
        <v>37</v>
      </c>
      <c r="U22171">
        <v>38</v>
      </c>
      <c r="V22171">
        <v>39</v>
      </c>
      <c r="W22171">
        <v>39</v>
      </c>
      <c r="X22171">
        <v>40</v>
      </c>
      <c r="Y22171">
        <v>41</v>
      </c>
      <c r="Z22171">
        <v>41</v>
      </c>
      <c r="AA22171">
        <v>42</v>
      </c>
      <c r="AB22171">
        <v>43</v>
      </c>
      <c r="AC22171">
        <v>43</v>
      </c>
      <c r="AD22171">
        <v>44</v>
      </c>
      <c r="AE22171">
        <v>45</v>
      </c>
      <c r="AF22171">
        <v>46</v>
      </c>
      <c r="AG22171">
        <v>46</v>
      </c>
      <c r="AH22171">
        <v>47</v>
      </c>
      <c r="AI22171">
        <v>48</v>
      </c>
      <c r="AJ22171">
        <v>49</v>
      </c>
      <c r="AK22171">
        <v>50</v>
      </c>
      <c r="AL22171">
        <v>51</v>
      </c>
      <c r="AM22171">
        <v>51</v>
      </c>
      <c r="AN22171">
        <v>52</v>
      </c>
      <c r="AO22171">
        <v>53</v>
      </c>
      <c r="AP22171">
        <v>54</v>
      </c>
      <c r="AQ22171">
        <v>55</v>
      </c>
    </row>
    <row r="22172" spans="1:43">
      <c r="A22172" t="s">
        <v>13731</v>
      </c>
      <c r="B22172" t="s">
        <v>13732</v>
      </c>
      <c r="C22172" t="s">
        <v>13733</v>
      </c>
      <c r="D22172" t="s">
        <v>13734</v>
      </c>
      <c r="E22172" t="s">
        <v>13539</v>
      </c>
      <c r="F22172" t="s">
        <v>13540</v>
      </c>
      <c r="G22172" t="s">
        <v>10214</v>
      </c>
      <c r="H22172" t="s">
        <v>10215</v>
      </c>
      <c r="I22172" s="2">
        <v>1</v>
      </c>
      <c r="J22172" s="2">
        <v>0</v>
      </c>
      <c r="K22172" s="2">
        <v>0</v>
      </c>
      <c r="L22172" t="s">
        <v>120</v>
      </c>
      <c r="M22172" t="s">
        <v>89</v>
      </c>
      <c r="N22172" t="s">
        <v>90</v>
      </c>
      <c r="O22172" t="s">
        <v>85</v>
      </c>
      <c r="P22172" t="s">
        <v>86</v>
      </c>
      <c r="Q22172">
        <v>35</v>
      </c>
      <c r="R22172">
        <v>36</v>
      </c>
      <c r="S22172">
        <v>38</v>
      </c>
      <c r="T22172">
        <v>39</v>
      </c>
      <c r="U22172">
        <v>40</v>
      </c>
      <c r="V22172">
        <v>42</v>
      </c>
      <c r="W22172">
        <v>43</v>
      </c>
      <c r="X22172">
        <v>44</v>
      </c>
      <c r="Y22172">
        <v>45</v>
      </c>
      <c r="Z22172">
        <v>47</v>
      </c>
      <c r="AA22172">
        <v>48</v>
      </c>
      <c r="AB22172">
        <v>49</v>
      </c>
      <c r="AC22172">
        <v>51</v>
      </c>
      <c r="AD22172">
        <v>52</v>
      </c>
      <c r="AE22172">
        <v>53</v>
      </c>
      <c r="AF22172">
        <v>54</v>
      </c>
      <c r="AG22172">
        <v>55</v>
      </c>
      <c r="AH22172">
        <v>56</v>
      </c>
      <c r="AI22172">
        <v>56</v>
      </c>
      <c r="AJ22172">
        <v>57</v>
      </c>
      <c r="AK22172">
        <v>58</v>
      </c>
      <c r="AL22172">
        <v>59</v>
      </c>
      <c r="AM22172">
        <v>60</v>
      </c>
      <c r="AN22172">
        <v>60</v>
      </c>
      <c r="AO22172">
        <v>61</v>
      </c>
      <c r="AP22172">
        <v>62</v>
      </c>
      <c r="AQ22172">
        <v>63</v>
      </c>
    </row>
    <row r="22173" spans="1:43">
      <c r="A22173" t="s">
        <v>13731</v>
      </c>
      <c r="B22173" t="s">
        <v>13732</v>
      </c>
      <c r="C22173" t="s">
        <v>13733</v>
      </c>
      <c r="D22173" t="s">
        <v>13734</v>
      </c>
      <c r="E22173" t="s">
        <v>13539</v>
      </c>
      <c r="F22173" t="s">
        <v>13540</v>
      </c>
      <c r="G22173" t="s">
        <v>10214</v>
      </c>
      <c r="H22173" t="s">
        <v>10215</v>
      </c>
      <c r="I22173" s="2">
        <v>1</v>
      </c>
      <c r="J22173" s="2">
        <v>0</v>
      </c>
      <c r="K22173" s="2">
        <v>0</v>
      </c>
      <c r="L22173" t="s">
        <v>120</v>
      </c>
      <c r="M22173" t="s">
        <v>83</v>
      </c>
      <c r="N22173" t="s">
        <v>91</v>
      </c>
      <c r="O22173" t="s">
        <v>85</v>
      </c>
      <c r="P22173" t="s">
        <v>86</v>
      </c>
      <c r="Q22173">
        <v>35</v>
      </c>
      <c r="R22173">
        <v>36</v>
      </c>
      <c r="S22173">
        <v>37</v>
      </c>
      <c r="T22173">
        <v>38</v>
      </c>
      <c r="U22173">
        <v>39</v>
      </c>
      <c r="V22173">
        <v>40</v>
      </c>
      <c r="W22173">
        <v>41</v>
      </c>
      <c r="X22173">
        <v>42</v>
      </c>
      <c r="Y22173">
        <v>43</v>
      </c>
      <c r="Z22173">
        <v>44</v>
      </c>
      <c r="AA22173">
        <v>45</v>
      </c>
      <c r="AB22173">
        <v>46</v>
      </c>
      <c r="AC22173">
        <v>47</v>
      </c>
      <c r="AD22173">
        <v>48</v>
      </c>
      <c r="AE22173">
        <v>50</v>
      </c>
      <c r="AF22173">
        <v>51</v>
      </c>
      <c r="AG22173">
        <v>52</v>
      </c>
      <c r="AH22173">
        <v>53</v>
      </c>
      <c r="AI22173">
        <v>55</v>
      </c>
      <c r="AJ22173">
        <v>56</v>
      </c>
      <c r="AK22173">
        <v>57</v>
      </c>
      <c r="AL22173">
        <v>58</v>
      </c>
      <c r="AM22173">
        <v>59</v>
      </c>
      <c r="AN22173">
        <v>60</v>
      </c>
      <c r="AO22173">
        <v>61</v>
      </c>
      <c r="AP22173">
        <v>62</v>
      </c>
      <c r="AQ22173">
        <v>62</v>
      </c>
    </row>
    <row r="22174" spans="1:43">
      <c r="A22174" t="s">
        <v>13735</v>
      </c>
      <c r="B22174" t="s">
        <v>13736</v>
      </c>
      <c r="C22174" t="s">
        <v>13733</v>
      </c>
      <c r="D22174" t="s">
        <v>13734</v>
      </c>
      <c r="E22174" t="s">
        <v>13539</v>
      </c>
      <c r="F22174" t="s">
        <v>13540</v>
      </c>
      <c r="G22174" t="s">
        <v>10214</v>
      </c>
      <c r="H22174" t="s">
        <v>10215</v>
      </c>
      <c r="I22174" s="2">
        <v>1</v>
      </c>
      <c r="J22174" s="2">
        <v>0</v>
      </c>
      <c r="K22174" s="2">
        <v>0</v>
      </c>
      <c r="L22174" t="s">
        <v>120</v>
      </c>
      <c r="M22174" t="s">
        <v>83</v>
      </c>
      <c r="N22174" t="s">
        <v>84</v>
      </c>
      <c r="O22174" t="s">
        <v>85</v>
      </c>
      <c r="P22174" t="s">
        <v>86</v>
      </c>
      <c r="Q22174">
        <v>8</v>
      </c>
      <c r="R22174">
        <v>8</v>
      </c>
      <c r="S22174">
        <v>8</v>
      </c>
      <c r="T22174">
        <v>8</v>
      </c>
      <c r="U22174">
        <v>8</v>
      </c>
      <c r="V22174">
        <v>9</v>
      </c>
      <c r="W22174">
        <v>9</v>
      </c>
      <c r="X22174">
        <v>9</v>
      </c>
      <c r="Y22174">
        <v>9</v>
      </c>
      <c r="Z22174">
        <v>10</v>
      </c>
      <c r="AA22174">
        <v>10</v>
      </c>
      <c r="AB22174">
        <v>10</v>
      </c>
      <c r="AC22174">
        <v>10</v>
      </c>
      <c r="AD22174">
        <v>11</v>
      </c>
      <c r="AE22174">
        <v>11</v>
      </c>
      <c r="AF22174">
        <v>11</v>
      </c>
      <c r="AG22174">
        <v>11</v>
      </c>
      <c r="AH22174">
        <v>12</v>
      </c>
      <c r="AI22174">
        <v>12</v>
      </c>
      <c r="AJ22174">
        <v>12</v>
      </c>
      <c r="AK22174">
        <v>13</v>
      </c>
      <c r="AL22174">
        <v>13</v>
      </c>
      <c r="AM22174">
        <v>13</v>
      </c>
      <c r="AN22174">
        <v>13</v>
      </c>
      <c r="AO22174">
        <v>13</v>
      </c>
      <c r="AP22174">
        <v>13</v>
      </c>
      <c r="AQ22174">
        <v>14</v>
      </c>
    </row>
    <row r="22175" spans="1:43">
      <c r="A22175" t="s">
        <v>13735</v>
      </c>
      <c r="B22175" t="s">
        <v>13736</v>
      </c>
      <c r="C22175" t="s">
        <v>13733</v>
      </c>
      <c r="D22175" t="s">
        <v>13734</v>
      </c>
      <c r="E22175" t="s">
        <v>13539</v>
      </c>
      <c r="F22175" t="s">
        <v>13540</v>
      </c>
      <c r="G22175" t="s">
        <v>10214</v>
      </c>
      <c r="H22175" t="s">
        <v>10215</v>
      </c>
      <c r="I22175" s="2">
        <v>1</v>
      </c>
      <c r="J22175" s="2">
        <v>0</v>
      </c>
      <c r="K22175" s="2">
        <v>0</v>
      </c>
      <c r="L22175" t="s">
        <v>120</v>
      </c>
      <c r="M22175" t="s">
        <v>87</v>
      </c>
      <c r="N22175" t="s">
        <v>88</v>
      </c>
      <c r="O22175" t="s">
        <v>85</v>
      </c>
      <c r="P22175" t="s">
        <v>86</v>
      </c>
      <c r="Q22175">
        <v>8</v>
      </c>
      <c r="R22175">
        <v>8</v>
      </c>
      <c r="S22175">
        <v>8</v>
      </c>
      <c r="T22175">
        <v>8</v>
      </c>
      <c r="U22175">
        <v>8</v>
      </c>
      <c r="V22175">
        <v>8</v>
      </c>
      <c r="W22175">
        <v>8</v>
      </c>
      <c r="X22175">
        <v>9</v>
      </c>
      <c r="Y22175">
        <v>9</v>
      </c>
      <c r="Z22175">
        <v>9</v>
      </c>
      <c r="AA22175">
        <v>9</v>
      </c>
      <c r="AB22175">
        <v>9</v>
      </c>
      <c r="AC22175">
        <v>9</v>
      </c>
      <c r="AD22175">
        <v>9</v>
      </c>
      <c r="AE22175">
        <v>10</v>
      </c>
      <c r="AF22175">
        <v>10</v>
      </c>
      <c r="AG22175">
        <v>10</v>
      </c>
      <c r="AH22175">
        <v>10</v>
      </c>
      <c r="AI22175">
        <v>10</v>
      </c>
      <c r="AJ22175">
        <v>10</v>
      </c>
      <c r="AK22175">
        <v>11</v>
      </c>
      <c r="AL22175">
        <v>11</v>
      </c>
      <c r="AM22175">
        <v>11</v>
      </c>
      <c r="AN22175">
        <v>11</v>
      </c>
      <c r="AO22175">
        <v>11</v>
      </c>
      <c r="AP22175">
        <v>12</v>
      </c>
      <c r="AQ22175">
        <v>12</v>
      </c>
    </row>
    <row r="22176" spans="1:43">
      <c r="A22176" t="s">
        <v>13735</v>
      </c>
      <c r="B22176" t="s">
        <v>13736</v>
      </c>
      <c r="C22176" t="s">
        <v>13733</v>
      </c>
      <c r="D22176" t="s">
        <v>13734</v>
      </c>
      <c r="E22176" t="s">
        <v>13539</v>
      </c>
      <c r="F22176" t="s">
        <v>13540</v>
      </c>
      <c r="G22176" t="s">
        <v>10214</v>
      </c>
      <c r="H22176" t="s">
        <v>10215</v>
      </c>
      <c r="I22176" s="2">
        <v>1</v>
      </c>
      <c r="J22176" s="2">
        <v>0</v>
      </c>
      <c r="K22176" s="2">
        <v>0</v>
      </c>
      <c r="L22176" t="s">
        <v>120</v>
      </c>
      <c r="M22176" t="s">
        <v>89</v>
      </c>
      <c r="N22176" t="s">
        <v>90</v>
      </c>
      <c r="O22176" t="s">
        <v>85</v>
      </c>
      <c r="P22176" t="s">
        <v>86</v>
      </c>
      <c r="Q22176">
        <v>8</v>
      </c>
      <c r="R22176">
        <v>8</v>
      </c>
      <c r="S22176">
        <v>8</v>
      </c>
      <c r="T22176">
        <v>9</v>
      </c>
      <c r="U22176">
        <v>9</v>
      </c>
      <c r="V22176">
        <v>9</v>
      </c>
      <c r="W22176">
        <v>9</v>
      </c>
      <c r="X22176">
        <v>10</v>
      </c>
      <c r="Y22176">
        <v>10</v>
      </c>
      <c r="Z22176">
        <v>10</v>
      </c>
      <c r="AA22176">
        <v>11</v>
      </c>
      <c r="AB22176">
        <v>11</v>
      </c>
      <c r="AC22176">
        <v>11</v>
      </c>
      <c r="AD22176">
        <v>11</v>
      </c>
      <c r="AE22176">
        <v>12</v>
      </c>
      <c r="AF22176">
        <v>12</v>
      </c>
      <c r="AG22176">
        <v>12</v>
      </c>
      <c r="AH22176">
        <v>12</v>
      </c>
      <c r="AI22176">
        <v>12</v>
      </c>
      <c r="AJ22176">
        <v>13</v>
      </c>
      <c r="AK22176">
        <v>13</v>
      </c>
      <c r="AL22176">
        <v>13</v>
      </c>
      <c r="AM22176">
        <v>13</v>
      </c>
      <c r="AN22176">
        <v>13</v>
      </c>
      <c r="AO22176">
        <v>13</v>
      </c>
      <c r="AP22176">
        <v>14</v>
      </c>
      <c r="AQ22176">
        <v>14</v>
      </c>
    </row>
    <row r="22177" spans="1:43">
      <c r="A22177" t="s">
        <v>13735</v>
      </c>
      <c r="B22177" t="s">
        <v>13736</v>
      </c>
      <c r="C22177" t="s">
        <v>13733</v>
      </c>
      <c r="D22177" t="s">
        <v>13734</v>
      </c>
      <c r="E22177" t="s">
        <v>13539</v>
      </c>
      <c r="F22177" t="s">
        <v>13540</v>
      </c>
      <c r="G22177" t="s">
        <v>10214</v>
      </c>
      <c r="H22177" t="s">
        <v>10215</v>
      </c>
      <c r="I22177" s="2">
        <v>1</v>
      </c>
      <c r="J22177" s="2">
        <v>0</v>
      </c>
      <c r="K22177" s="2">
        <v>0</v>
      </c>
      <c r="L22177" t="s">
        <v>120</v>
      </c>
      <c r="M22177" t="s">
        <v>83</v>
      </c>
      <c r="N22177" t="s">
        <v>91</v>
      </c>
      <c r="O22177" t="s">
        <v>85</v>
      </c>
      <c r="P22177" t="s">
        <v>86</v>
      </c>
      <c r="Q22177">
        <v>8</v>
      </c>
      <c r="R22177">
        <v>8</v>
      </c>
      <c r="S22177">
        <v>8</v>
      </c>
      <c r="T22177">
        <v>8</v>
      </c>
      <c r="U22177">
        <v>8</v>
      </c>
      <c r="V22177">
        <v>9</v>
      </c>
      <c r="W22177">
        <v>9</v>
      </c>
      <c r="X22177">
        <v>9</v>
      </c>
      <c r="Y22177">
        <v>9</v>
      </c>
      <c r="Z22177">
        <v>10</v>
      </c>
      <c r="AA22177">
        <v>10</v>
      </c>
      <c r="AB22177">
        <v>10</v>
      </c>
      <c r="AC22177">
        <v>10</v>
      </c>
      <c r="AD22177">
        <v>11</v>
      </c>
      <c r="AE22177">
        <v>11</v>
      </c>
      <c r="AF22177">
        <v>11</v>
      </c>
      <c r="AG22177">
        <v>11</v>
      </c>
      <c r="AH22177">
        <v>12</v>
      </c>
      <c r="AI22177">
        <v>12</v>
      </c>
      <c r="AJ22177">
        <v>12</v>
      </c>
      <c r="AK22177">
        <v>13</v>
      </c>
      <c r="AL22177">
        <v>13</v>
      </c>
      <c r="AM22177">
        <v>13</v>
      </c>
      <c r="AN22177">
        <v>13</v>
      </c>
      <c r="AO22177">
        <v>13</v>
      </c>
      <c r="AP22177">
        <v>13</v>
      </c>
      <c r="AQ22177">
        <v>14</v>
      </c>
    </row>
    <row r="22178" spans="1:43">
      <c r="A22178" t="s">
        <v>13737</v>
      </c>
      <c r="B22178" t="s">
        <v>13738</v>
      </c>
      <c r="C22178" t="s">
        <v>13733</v>
      </c>
      <c r="D22178" t="s">
        <v>13734</v>
      </c>
      <c r="E22178" t="s">
        <v>13539</v>
      </c>
      <c r="F22178" t="s">
        <v>13540</v>
      </c>
      <c r="G22178" t="s">
        <v>10214</v>
      </c>
      <c r="H22178" t="s">
        <v>10215</v>
      </c>
      <c r="I22178" s="2">
        <v>1</v>
      </c>
      <c r="J22178" s="2">
        <v>0</v>
      </c>
      <c r="K22178" s="2">
        <v>0</v>
      </c>
      <c r="L22178" t="s">
        <v>120</v>
      </c>
      <c r="M22178" t="s">
        <v>83</v>
      </c>
      <c r="N22178" t="s">
        <v>84</v>
      </c>
      <c r="O22178" t="s">
        <v>85</v>
      </c>
      <c r="P22178" t="s">
        <v>86</v>
      </c>
      <c r="Q22178">
        <v>52</v>
      </c>
      <c r="R22178">
        <v>53</v>
      </c>
      <c r="S22178">
        <v>55</v>
      </c>
      <c r="T22178">
        <v>56</v>
      </c>
      <c r="U22178">
        <v>58</v>
      </c>
      <c r="V22178">
        <v>59</v>
      </c>
      <c r="W22178">
        <v>61</v>
      </c>
      <c r="X22178">
        <v>63</v>
      </c>
      <c r="Y22178">
        <v>64</v>
      </c>
      <c r="Z22178">
        <v>66</v>
      </c>
      <c r="AA22178">
        <v>67</v>
      </c>
      <c r="AB22178">
        <v>69</v>
      </c>
      <c r="AC22178">
        <v>71</v>
      </c>
      <c r="AD22178">
        <v>72</v>
      </c>
      <c r="AE22178">
        <v>74</v>
      </c>
      <c r="AF22178">
        <v>76</v>
      </c>
      <c r="AG22178">
        <v>78</v>
      </c>
      <c r="AH22178">
        <v>80</v>
      </c>
      <c r="AI22178">
        <v>82</v>
      </c>
      <c r="AJ22178">
        <v>84</v>
      </c>
      <c r="AK22178">
        <v>86</v>
      </c>
      <c r="AL22178">
        <v>87</v>
      </c>
      <c r="AM22178">
        <v>88</v>
      </c>
      <c r="AN22178">
        <v>89</v>
      </c>
      <c r="AO22178">
        <v>91</v>
      </c>
      <c r="AP22178">
        <v>92</v>
      </c>
      <c r="AQ22178">
        <v>93</v>
      </c>
    </row>
    <row r="22179" spans="1:43">
      <c r="A22179" t="s">
        <v>13737</v>
      </c>
      <c r="B22179" t="s">
        <v>13738</v>
      </c>
      <c r="C22179" t="s">
        <v>13733</v>
      </c>
      <c r="D22179" t="s">
        <v>13734</v>
      </c>
      <c r="E22179" t="s">
        <v>13539</v>
      </c>
      <c r="F22179" t="s">
        <v>13540</v>
      </c>
      <c r="G22179" t="s">
        <v>10214</v>
      </c>
      <c r="H22179" t="s">
        <v>10215</v>
      </c>
      <c r="I22179" s="2">
        <v>1</v>
      </c>
      <c r="J22179" s="2">
        <v>0</v>
      </c>
      <c r="K22179" s="2">
        <v>0</v>
      </c>
      <c r="L22179" t="s">
        <v>120</v>
      </c>
      <c r="M22179" t="s">
        <v>87</v>
      </c>
      <c r="N22179" t="s">
        <v>88</v>
      </c>
      <c r="O22179" t="s">
        <v>85</v>
      </c>
      <c r="P22179" t="s">
        <v>86</v>
      </c>
      <c r="Q22179">
        <v>52</v>
      </c>
      <c r="R22179">
        <v>52</v>
      </c>
      <c r="S22179">
        <v>53</v>
      </c>
      <c r="T22179">
        <v>54</v>
      </c>
      <c r="U22179">
        <v>55</v>
      </c>
      <c r="V22179">
        <v>56</v>
      </c>
      <c r="W22179">
        <v>57</v>
      </c>
      <c r="X22179">
        <v>58</v>
      </c>
      <c r="Y22179">
        <v>59</v>
      </c>
      <c r="Z22179">
        <v>60</v>
      </c>
      <c r="AA22179">
        <v>61</v>
      </c>
      <c r="AB22179">
        <v>62</v>
      </c>
      <c r="AC22179">
        <v>63</v>
      </c>
      <c r="AD22179">
        <v>65</v>
      </c>
      <c r="AE22179">
        <v>66</v>
      </c>
      <c r="AF22179">
        <v>67</v>
      </c>
      <c r="AG22179">
        <v>68</v>
      </c>
      <c r="AH22179">
        <v>69</v>
      </c>
      <c r="AI22179">
        <v>70</v>
      </c>
      <c r="AJ22179">
        <v>72</v>
      </c>
      <c r="AK22179">
        <v>73</v>
      </c>
      <c r="AL22179">
        <v>74</v>
      </c>
      <c r="AM22179">
        <v>75</v>
      </c>
      <c r="AN22179">
        <v>77</v>
      </c>
      <c r="AO22179">
        <v>78</v>
      </c>
      <c r="AP22179">
        <v>79</v>
      </c>
      <c r="AQ22179">
        <v>81</v>
      </c>
    </row>
    <row r="22180" spans="1:43">
      <c r="A22180" t="s">
        <v>13737</v>
      </c>
      <c r="B22180" t="s">
        <v>13738</v>
      </c>
      <c r="C22180" t="s">
        <v>13733</v>
      </c>
      <c r="D22180" t="s">
        <v>13734</v>
      </c>
      <c r="E22180" t="s">
        <v>13539</v>
      </c>
      <c r="F22180" t="s">
        <v>13540</v>
      </c>
      <c r="G22180" t="s">
        <v>10214</v>
      </c>
      <c r="H22180" t="s">
        <v>10215</v>
      </c>
      <c r="I22180" s="2">
        <v>1</v>
      </c>
      <c r="J22180" s="2">
        <v>0</v>
      </c>
      <c r="K22180" s="2">
        <v>0</v>
      </c>
      <c r="L22180" t="s">
        <v>120</v>
      </c>
      <c r="M22180" t="s">
        <v>89</v>
      </c>
      <c r="N22180" t="s">
        <v>90</v>
      </c>
      <c r="O22180" t="s">
        <v>85</v>
      </c>
      <c r="P22180" t="s">
        <v>86</v>
      </c>
      <c r="Q22180">
        <v>52</v>
      </c>
      <c r="R22180">
        <v>54</v>
      </c>
      <c r="S22180">
        <v>56</v>
      </c>
      <c r="T22180">
        <v>58</v>
      </c>
      <c r="U22180">
        <v>60</v>
      </c>
      <c r="V22180">
        <v>62</v>
      </c>
      <c r="W22180">
        <v>64</v>
      </c>
      <c r="X22180">
        <v>66</v>
      </c>
      <c r="Y22180">
        <v>68</v>
      </c>
      <c r="Z22180">
        <v>70</v>
      </c>
      <c r="AA22180">
        <v>72</v>
      </c>
      <c r="AB22180">
        <v>74</v>
      </c>
      <c r="AC22180">
        <v>76</v>
      </c>
      <c r="AD22180">
        <v>78</v>
      </c>
      <c r="AE22180">
        <v>80</v>
      </c>
      <c r="AF22180">
        <v>81</v>
      </c>
      <c r="AG22180">
        <v>82</v>
      </c>
      <c r="AH22180">
        <v>83</v>
      </c>
      <c r="AI22180">
        <v>84</v>
      </c>
      <c r="AJ22180">
        <v>85</v>
      </c>
      <c r="AK22180">
        <v>87</v>
      </c>
      <c r="AL22180">
        <v>88</v>
      </c>
      <c r="AM22180">
        <v>89</v>
      </c>
      <c r="AN22180">
        <v>90</v>
      </c>
      <c r="AO22180">
        <v>91</v>
      </c>
      <c r="AP22180">
        <v>93</v>
      </c>
      <c r="AQ22180">
        <v>94</v>
      </c>
    </row>
    <row r="22181" spans="1:43">
      <c r="A22181" t="s">
        <v>13737</v>
      </c>
      <c r="B22181" t="s">
        <v>13738</v>
      </c>
      <c r="C22181" t="s">
        <v>13733</v>
      </c>
      <c r="D22181" t="s">
        <v>13734</v>
      </c>
      <c r="E22181" t="s">
        <v>13539</v>
      </c>
      <c r="F22181" t="s">
        <v>13540</v>
      </c>
      <c r="G22181" t="s">
        <v>10214</v>
      </c>
      <c r="H22181" t="s">
        <v>10215</v>
      </c>
      <c r="I22181" s="2">
        <v>1</v>
      </c>
      <c r="J22181" s="2">
        <v>0</v>
      </c>
      <c r="K22181" s="2">
        <v>0</v>
      </c>
      <c r="L22181" t="s">
        <v>120</v>
      </c>
      <c r="M22181" t="s">
        <v>83</v>
      </c>
      <c r="N22181" t="s">
        <v>91</v>
      </c>
      <c r="O22181" t="s">
        <v>85</v>
      </c>
      <c r="P22181" t="s">
        <v>86</v>
      </c>
      <c r="Q22181">
        <v>52</v>
      </c>
      <c r="R22181">
        <v>53</v>
      </c>
      <c r="S22181">
        <v>55</v>
      </c>
      <c r="T22181">
        <v>56</v>
      </c>
      <c r="U22181">
        <v>58</v>
      </c>
      <c r="V22181">
        <v>59</v>
      </c>
      <c r="W22181">
        <v>61</v>
      </c>
      <c r="X22181">
        <v>63</v>
      </c>
      <c r="Y22181">
        <v>64</v>
      </c>
      <c r="Z22181">
        <v>66</v>
      </c>
      <c r="AA22181">
        <v>67</v>
      </c>
      <c r="AB22181">
        <v>69</v>
      </c>
      <c r="AC22181">
        <v>71</v>
      </c>
      <c r="AD22181">
        <v>72</v>
      </c>
      <c r="AE22181">
        <v>74</v>
      </c>
      <c r="AF22181">
        <v>76</v>
      </c>
      <c r="AG22181">
        <v>78</v>
      </c>
      <c r="AH22181">
        <v>80</v>
      </c>
      <c r="AI22181">
        <v>82</v>
      </c>
      <c r="AJ22181">
        <v>84</v>
      </c>
      <c r="AK22181">
        <v>86</v>
      </c>
      <c r="AL22181">
        <v>87</v>
      </c>
      <c r="AM22181">
        <v>88</v>
      </c>
      <c r="AN22181">
        <v>89</v>
      </c>
      <c r="AO22181">
        <v>91</v>
      </c>
      <c r="AP22181">
        <v>92</v>
      </c>
      <c r="AQ22181">
        <v>93</v>
      </c>
    </row>
    <row r="22182" spans="1:43">
      <c r="A22182" t="s">
        <v>13739</v>
      </c>
      <c r="B22182" t="s">
        <v>13740</v>
      </c>
      <c r="C22182" t="s">
        <v>13733</v>
      </c>
      <c r="D22182" t="s">
        <v>13734</v>
      </c>
      <c r="E22182" t="s">
        <v>13539</v>
      </c>
      <c r="F22182" t="s">
        <v>13540</v>
      </c>
      <c r="G22182" t="s">
        <v>10214</v>
      </c>
      <c r="H22182" t="s">
        <v>10215</v>
      </c>
      <c r="I22182" s="2">
        <v>1</v>
      </c>
      <c r="J22182" s="2">
        <v>0</v>
      </c>
      <c r="K22182" s="2">
        <v>0</v>
      </c>
      <c r="L22182" t="s">
        <v>120</v>
      </c>
      <c r="M22182" t="s">
        <v>83</v>
      </c>
      <c r="N22182" t="s">
        <v>84</v>
      </c>
      <c r="O22182" t="s">
        <v>85</v>
      </c>
      <c r="P22182" t="s">
        <v>86</v>
      </c>
      <c r="Q22182">
        <v>31</v>
      </c>
      <c r="R22182">
        <v>32</v>
      </c>
      <c r="S22182">
        <v>33</v>
      </c>
      <c r="T22182">
        <v>34</v>
      </c>
      <c r="U22182">
        <v>34</v>
      </c>
      <c r="V22182">
        <v>35</v>
      </c>
      <c r="W22182">
        <v>36</v>
      </c>
      <c r="X22182">
        <v>37</v>
      </c>
      <c r="Y22182">
        <v>38</v>
      </c>
      <c r="Z22182">
        <v>39</v>
      </c>
      <c r="AA22182">
        <v>40</v>
      </c>
      <c r="AB22182">
        <v>41</v>
      </c>
      <c r="AC22182">
        <v>42</v>
      </c>
      <c r="AD22182">
        <v>43</v>
      </c>
      <c r="AE22182">
        <v>44</v>
      </c>
      <c r="AF22182">
        <v>45</v>
      </c>
      <c r="AG22182">
        <v>46</v>
      </c>
      <c r="AH22182">
        <v>47</v>
      </c>
      <c r="AI22182">
        <v>48</v>
      </c>
      <c r="AJ22182">
        <v>50</v>
      </c>
      <c r="AK22182">
        <v>51</v>
      </c>
      <c r="AL22182">
        <v>52</v>
      </c>
      <c r="AM22182">
        <v>52</v>
      </c>
      <c r="AN22182">
        <v>53</v>
      </c>
      <c r="AO22182">
        <v>54</v>
      </c>
      <c r="AP22182">
        <v>55</v>
      </c>
      <c r="AQ22182">
        <v>55</v>
      </c>
    </row>
    <row r="22183" spans="1:43">
      <c r="A22183" t="s">
        <v>13739</v>
      </c>
      <c r="B22183" t="s">
        <v>13740</v>
      </c>
      <c r="C22183" t="s">
        <v>13733</v>
      </c>
      <c r="D22183" t="s">
        <v>13734</v>
      </c>
      <c r="E22183" t="s">
        <v>13539</v>
      </c>
      <c r="F22183" t="s">
        <v>13540</v>
      </c>
      <c r="G22183" t="s">
        <v>10214</v>
      </c>
      <c r="H22183" t="s">
        <v>10215</v>
      </c>
      <c r="I22183" s="2">
        <v>1</v>
      </c>
      <c r="J22183" s="2">
        <v>0</v>
      </c>
      <c r="K22183" s="2">
        <v>0</v>
      </c>
      <c r="L22183" t="s">
        <v>120</v>
      </c>
      <c r="M22183" t="s">
        <v>87</v>
      </c>
      <c r="N22183" t="s">
        <v>88</v>
      </c>
      <c r="O22183" t="s">
        <v>85</v>
      </c>
      <c r="P22183" t="s">
        <v>86</v>
      </c>
      <c r="Q22183">
        <v>31</v>
      </c>
      <c r="R22183">
        <v>31</v>
      </c>
      <c r="S22183">
        <v>32</v>
      </c>
      <c r="T22183">
        <v>32</v>
      </c>
      <c r="U22183">
        <v>33</v>
      </c>
      <c r="V22183">
        <v>33</v>
      </c>
      <c r="W22183">
        <v>34</v>
      </c>
      <c r="X22183">
        <v>35</v>
      </c>
      <c r="Y22183">
        <v>35</v>
      </c>
      <c r="Z22183">
        <v>36</v>
      </c>
      <c r="AA22183">
        <v>36</v>
      </c>
      <c r="AB22183">
        <v>37</v>
      </c>
      <c r="AC22183">
        <v>38</v>
      </c>
      <c r="AD22183">
        <v>38</v>
      </c>
      <c r="AE22183">
        <v>39</v>
      </c>
      <c r="AF22183">
        <v>40</v>
      </c>
      <c r="AG22183">
        <v>40</v>
      </c>
      <c r="AH22183">
        <v>41</v>
      </c>
      <c r="AI22183">
        <v>42</v>
      </c>
      <c r="AJ22183">
        <v>42</v>
      </c>
      <c r="AK22183">
        <v>43</v>
      </c>
      <c r="AL22183">
        <v>44</v>
      </c>
      <c r="AM22183">
        <v>45</v>
      </c>
      <c r="AN22183">
        <v>45</v>
      </c>
      <c r="AO22183">
        <v>46</v>
      </c>
      <c r="AP22183">
        <v>47</v>
      </c>
      <c r="AQ22183">
        <v>48</v>
      </c>
    </row>
    <row r="22184" spans="1:43">
      <c r="A22184" t="s">
        <v>13739</v>
      </c>
      <c r="B22184" t="s">
        <v>13740</v>
      </c>
      <c r="C22184" t="s">
        <v>13733</v>
      </c>
      <c r="D22184" t="s">
        <v>13734</v>
      </c>
      <c r="E22184" t="s">
        <v>13539</v>
      </c>
      <c r="F22184" t="s">
        <v>13540</v>
      </c>
      <c r="G22184" t="s">
        <v>10214</v>
      </c>
      <c r="H22184" t="s">
        <v>10215</v>
      </c>
      <c r="I22184" s="2">
        <v>1</v>
      </c>
      <c r="J22184" s="2">
        <v>0</v>
      </c>
      <c r="K22184" s="2">
        <v>0</v>
      </c>
      <c r="L22184" t="s">
        <v>120</v>
      </c>
      <c r="M22184" t="s">
        <v>89</v>
      </c>
      <c r="N22184" t="s">
        <v>90</v>
      </c>
      <c r="O22184" t="s">
        <v>85</v>
      </c>
      <c r="P22184" t="s">
        <v>86</v>
      </c>
      <c r="Q22184">
        <v>31</v>
      </c>
      <c r="R22184">
        <v>32</v>
      </c>
      <c r="S22184">
        <v>33</v>
      </c>
      <c r="T22184">
        <v>35</v>
      </c>
      <c r="U22184">
        <v>36</v>
      </c>
      <c r="V22184">
        <v>37</v>
      </c>
      <c r="W22184">
        <v>38</v>
      </c>
      <c r="X22184">
        <v>39</v>
      </c>
      <c r="Y22184">
        <v>40</v>
      </c>
      <c r="Z22184">
        <v>41</v>
      </c>
      <c r="AA22184">
        <v>43</v>
      </c>
      <c r="AB22184">
        <v>44</v>
      </c>
      <c r="AC22184">
        <v>45</v>
      </c>
      <c r="AD22184">
        <v>46</v>
      </c>
      <c r="AE22184">
        <v>47</v>
      </c>
      <c r="AF22184">
        <v>48</v>
      </c>
      <c r="AG22184">
        <v>49</v>
      </c>
      <c r="AH22184">
        <v>49</v>
      </c>
      <c r="AI22184">
        <v>50</v>
      </c>
      <c r="AJ22184">
        <v>51</v>
      </c>
      <c r="AK22184">
        <v>51</v>
      </c>
      <c r="AL22184">
        <v>52</v>
      </c>
      <c r="AM22184">
        <v>53</v>
      </c>
      <c r="AN22184">
        <v>54</v>
      </c>
      <c r="AO22184">
        <v>54</v>
      </c>
      <c r="AP22184">
        <v>55</v>
      </c>
      <c r="AQ22184">
        <v>56</v>
      </c>
    </row>
    <row r="22185" spans="1:43">
      <c r="A22185" t="s">
        <v>13739</v>
      </c>
      <c r="B22185" t="s">
        <v>13740</v>
      </c>
      <c r="C22185" t="s">
        <v>13733</v>
      </c>
      <c r="D22185" t="s">
        <v>13734</v>
      </c>
      <c r="E22185" t="s">
        <v>13539</v>
      </c>
      <c r="F22185" t="s">
        <v>13540</v>
      </c>
      <c r="G22185" t="s">
        <v>10214</v>
      </c>
      <c r="H22185" t="s">
        <v>10215</v>
      </c>
      <c r="I22185" s="2">
        <v>1</v>
      </c>
      <c r="J22185" s="2">
        <v>0</v>
      </c>
      <c r="K22185" s="2">
        <v>0</v>
      </c>
      <c r="L22185" t="s">
        <v>120</v>
      </c>
      <c r="M22185" t="s">
        <v>83</v>
      </c>
      <c r="N22185" t="s">
        <v>91</v>
      </c>
      <c r="O22185" t="s">
        <v>85</v>
      </c>
      <c r="P22185" t="s">
        <v>86</v>
      </c>
      <c r="Q22185">
        <v>31</v>
      </c>
      <c r="R22185">
        <v>32</v>
      </c>
      <c r="S22185">
        <v>33</v>
      </c>
      <c r="T22185">
        <v>34</v>
      </c>
      <c r="U22185">
        <v>34</v>
      </c>
      <c r="V22185">
        <v>35</v>
      </c>
      <c r="W22185">
        <v>36</v>
      </c>
      <c r="X22185">
        <v>37</v>
      </c>
      <c r="Y22185">
        <v>38</v>
      </c>
      <c r="Z22185">
        <v>39</v>
      </c>
      <c r="AA22185">
        <v>40</v>
      </c>
      <c r="AB22185">
        <v>41</v>
      </c>
      <c r="AC22185">
        <v>42</v>
      </c>
      <c r="AD22185">
        <v>43</v>
      </c>
      <c r="AE22185">
        <v>44</v>
      </c>
      <c r="AF22185">
        <v>45</v>
      </c>
      <c r="AG22185">
        <v>46</v>
      </c>
      <c r="AH22185">
        <v>47</v>
      </c>
      <c r="AI22185">
        <v>48</v>
      </c>
      <c r="AJ22185">
        <v>50</v>
      </c>
      <c r="AK22185">
        <v>51</v>
      </c>
      <c r="AL22185">
        <v>52</v>
      </c>
      <c r="AM22185">
        <v>52</v>
      </c>
      <c r="AN22185">
        <v>53</v>
      </c>
      <c r="AO22185">
        <v>54</v>
      </c>
      <c r="AP22185">
        <v>55</v>
      </c>
      <c r="AQ22185">
        <v>55</v>
      </c>
    </row>
    <row r="22186" spans="1:43">
      <c r="A22186" t="s">
        <v>13741</v>
      </c>
      <c r="B22186" t="s">
        <v>13742</v>
      </c>
      <c r="C22186" t="s">
        <v>13743</v>
      </c>
      <c r="D22186" t="s">
        <v>13744</v>
      </c>
      <c r="E22186" t="s">
        <v>13745</v>
      </c>
      <c r="F22186" t="s">
        <v>13746</v>
      </c>
      <c r="G22186" t="s">
        <v>10734</v>
      </c>
      <c r="H22186" t="s">
        <v>10735</v>
      </c>
      <c r="I22186" s="2">
        <v>0</v>
      </c>
      <c r="J22186" s="2">
        <v>0</v>
      </c>
      <c r="K22186" s="2">
        <v>1</v>
      </c>
      <c r="L22186" t="s">
        <v>995</v>
      </c>
      <c r="M22186" t="s">
        <v>83</v>
      </c>
      <c r="N22186" t="s">
        <v>84</v>
      </c>
      <c r="O22186" t="s">
        <v>85</v>
      </c>
      <c r="P22186" t="s">
        <v>86</v>
      </c>
      <c r="Q22186">
        <v>102</v>
      </c>
      <c r="R22186">
        <v>102</v>
      </c>
      <c r="S22186">
        <v>103</v>
      </c>
      <c r="T22186">
        <v>103</v>
      </c>
      <c r="U22186">
        <v>104</v>
      </c>
      <c r="V22186">
        <v>104</v>
      </c>
      <c r="W22186">
        <v>105</v>
      </c>
      <c r="X22186">
        <v>105</v>
      </c>
      <c r="Y22186">
        <v>106</v>
      </c>
      <c r="Z22186">
        <v>106</v>
      </c>
      <c r="AA22186">
        <v>107</v>
      </c>
      <c r="AB22186">
        <v>107</v>
      </c>
      <c r="AC22186">
        <v>108</v>
      </c>
      <c r="AD22186">
        <v>108</v>
      </c>
      <c r="AE22186">
        <v>108</v>
      </c>
      <c r="AF22186">
        <v>109</v>
      </c>
      <c r="AG22186">
        <v>109</v>
      </c>
      <c r="AH22186">
        <v>109</v>
      </c>
      <c r="AI22186">
        <v>110</v>
      </c>
      <c r="AJ22186">
        <v>110</v>
      </c>
      <c r="AK22186">
        <v>110</v>
      </c>
      <c r="AL22186">
        <v>110</v>
      </c>
      <c r="AM22186">
        <v>110</v>
      </c>
      <c r="AN22186">
        <v>109</v>
      </c>
      <c r="AO22186">
        <v>109</v>
      </c>
      <c r="AP22186">
        <v>109</v>
      </c>
      <c r="AQ22186">
        <v>108</v>
      </c>
    </row>
    <row r="22187" spans="1:43">
      <c r="A22187" t="s">
        <v>13741</v>
      </c>
      <c r="B22187" t="s">
        <v>13742</v>
      </c>
      <c r="C22187" t="s">
        <v>13743</v>
      </c>
      <c r="D22187" t="s">
        <v>13744</v>
      </c>
      <c r="E22187" t="s">
        <v>13745</v>
      </c>
      <c r="F22187" t="s">
        <v>13746</v>
      </c>
      <c r="G22187" t="s">
        <v>10734</v>
      </c>
      <c r="H22187" t="s">
        <v>10735</v>
      </c>
      <c r="I22187" s="2">
        <v>0</v>
      </c>
      <c r="J22187" s="2">
        <v>0</v>
      </c>
      <c r="K22187" s="2">
        <v>1</v>
      </c>
      <c r="L22187" t="s">
        <v>995</v>
      </c>
      <c r="M22187" t="s">
        <v>87</v>
      </c>
      <c r="N22187" t="s">
        <v>88</v>
      </c>
      <c r="O22187" t="s">
        <v>85</v>
      </c>
      <c r="P22187" t="s">
        <v>86</v>
      </c>
      <c r="Q22187">
        <v>102</v>
      </c>
      <c r="R22187">
        <v>101</v>
      </c>
      <c r="S22187">
        <v>101</v>
      </c>
      <c r="T22187">
        <v>101</v>
      </c>
      <c r="U22187">
        <v>100</v>
      </c>
      <c r="V22187">
        <v>100</v>
      </c>
      <c r="W22187">
        <v>100</v>
      </c>
      <c r="X22187">
        <v>99</v>
      </c>
      <c r="Y22187">
        <v>99</v>
      </c>
      <c r="Z22187">
        <v>99</v>
      </c>
      <c r="AA22187">
        <v>98</v>
      </c>
      <c r="AB22187">
        <v>98</v>
      </c>
      <c r="AC22187">
        <v>98</v>
      </c>
      <c r="AD22187">
        <v>97</v>
      </c>
      <c r="AE22187">
        <v>97</v>
      </c>
      <c r="AF22187">
        <v>97</v>
      </c>
      <c r="AG22187">
        <v>96</v>
      </c>
      <c r="AH22187">
        <v>96</v>
      </c>
      <c r="AI22187">
        <v>96</v>
      </c>
      <c r="AJ22187">
        <v>96</v>
      </c>
      <c r="AK22187">
        <v>95</v>
      </c>
      <c r="AL22187">
        <v>95</v>
      </c>
      <c r="AM22187">
        <v>95</v>
      </c>
      <c r="AN22187">
        <v>94</v>
      </c>
      <c r="AO22187">
        <v>94</v>
      </c>
      <c r="AP22187">
        <v>94</v>
      </c>
      <c r="AQ22187">
        <v>94</v>
      </c>
    </row>
    <row r="22188" spans="1:43">
      <c r="A22188" t="s">
        <v>13741</v>
      </c>
      <c r="B22188" t="s">
        <v>13742</v>
      </c>
      <c r="C22188" t="s">
        <v>13743</v>
      </c>
      <c r="D22188" t="s">
        <v>13744</v>
      </c>
      <c r="E22188" t="s">
        <v>13745</v>
      </c>
      <c r="F22188" t="s">
        <v>13746</v>
      </c>
      <c r="G22188" t="s">
        <v>10734</v>
      </c>
      <c r="H22188" t="s">
        <v>10735</v>
      </c>
      <c r="I22188" s="2">
        <v>0</v>
      </c>
      <c r="J22188" s="2">
        <v>0</v>
      </c>
      <c r="K22188" s="2">
        <v>1</v>
      </c>
      <c r="L22188" t="s">
        <v>995</v>
      </c>
      <c r="M22188" t="s">
        <v>89</v>
      </c>
      <c r="N22188" t="s">
        <v>90</v>
      </c>
      <c r="O22188" t="s">
        <v>85</v>
      </c>
      <c r="P22188" t="s">
        <v>86</v>
      </c>
      <c r="Q22188">
        <v>102</v>
      </c>
      <c r="R22188">
        <v>103</v>
      </c>
      <c r="S22188">
        <v>104</v>
      </c>
      <c r="T22188">
        <v>106</v>
      </c>
      <c r="U22188">
        <v>107</v>
      </c>
      <c r="V22188">
        <v>108</v>
      </c>
      <c r="W22188">
        <v>109</v>
      </c>
      <c r="X22188">
        <v>110</v>
      </c>
      <c r="Y22188">
        <v>111</v>
      </c>
      <c r="Z22188">
        <v>112</v>
      </c>
      <c r="AA22188">
        <v>113</v>
      </c>
      <c r="AB22188">
        <v>114</v>
      </c>
      <c r="AC22188">
        <v>114</v>
      </c>
      <c r="AD22188">
        <v>115</v>
      </c>
      <c r="AE22188">
        <v>115</v>
      </c>
      <c r="AF22188">
        <v>115</v>
      </c>
      <c r="AG22188">
        <v>114</v>
      </c>
      <c r="AH22188">
        <v>114</v>
      </c>
      <c r="AI22188">
        <v>113</v>
      </c>
      <c r="AJ22188">
        <v>113</v>
      </c>
      <c r="AK22188">
        <v>112</v>
      </c>
      <c r="AL22188">
        <v>112</v>
      </c>
      <c r="AM22188">
        <v>111</v>
      </c>
      <c r="AN22188">
        <v>111</v>
      </c>
      <c r="AO22188">
        <v>110</v>
      </c>
      <c r="AP22188">
        <v>110</v>
      </c>
      <c r="AQ22188">
        <v>109</v>
      </c>
    </row>
    <row r="22189" spans="1:43">
      <c r="A22189" t="s">
        <v>13741</v>
      </c>
      <c r="B22189" t="s">
        <v>13742</v>
      </c>
      <c r="C22189" t="s">
        <v>13743</v>
      </c>
      <c r="D22189" t="s">
        <v>13744</v>
      </c>
      <c r="E22189" t="s">
        <v>13745</v>
      </c>
      <c r="F22189" t="s">
        <v>13746</v>
      </c>
      <c r="G22189" t="s">
        <v>10734</v>
      </c>
      <c r="H22189" t="s">
        <v>10735</v>
      </c>
      <c r="I22189" s="2">
        <v>0</v>
      </c>
      <c r="J22189" s="2">
        <v>0</v>
      </c>
      <c r="K22189" s="2">
        <v>1</v>
      </c>
      <c r="L22189" t="s">
        <v>995</v>
      </c>
      <c r="M22189" t="s">
        <v>83</v>
      </c>
      <c r="N22189" t="s">
        <v>91</v>
      </c>
      <c r="O22189" t="s">
        <v>85</v>
      </c>
      <c r="P22189" t="s">
        <v>86</v>
      </c>
      <c r="Q22189">
        <v>102</v>
      </c>
      <c r="R22189">
        <v>102</v>
      </c>
      <c r="S22189">
        <v>103</v>
      </c>
      <c r="T22189">
        <v>103</v>
      </c>
      <c r="U22189">
        <v>104</v>
      </c>
      <c r="V22189">
        <v>104</v>
      </c>
      <c r="W22189">
        <v>105</v>
      </c>
      <c r="X22189">
        <v>105</v>
      </c>
      <c r="Y22189">
        <v>106</v>
      </c>
      <c r="Z22189">
        <v>106</v>
      </c>
      <c r="AA22189">
        <v>107</v>
      </c>
      <c r="AB22189">
        <v>107</v>
      </c>
      <c r="AC22189">
        <v>108</v>
      </c>
      <c r="AD22189">
        <v>108</v>
      </c>
      <c r="AE22189">
        <v>108</v>
      </c>
      <c r="AF22189">
        <v>109</v>
      </c>
      <c r="AG22189">
        <v>109</v>
      </c>
      <c r="AH22189">
        <v>109</v>
      </c>
      <c r="AI22189">
        <v>110</v>
      </c>
      <c r="AJ22189">
        <v>110</v>
      </c>
      <c r="AK22189">
        <v>110</v>
      </c>
      <c r="AL22189">
        <v>110</v>
      </c>
      <c r="AM22189">
        <v>110</v>
      </c>
      <c r="AN22189">
        <v>109</v>
      </c>
      <c r="AO22189">
        <v>109</v>
      </c>
      <c r="AP22189">
        <v>109</v>
      </c>
      <c r="AQ22189">
        <v>108</v>
      </c>
    </row>
    <row r="22190" spans="1:43">
      <c r="A22190" t="s">
        <v>13747</v>
      </c>
      <c r="B22190" t="s">
        <v>13748</v>
      </c>
      <c r="C22190" t="s">
        <v>13743</v>
      </c>
      <c r="D22190" t="s">
        <v>13744</v>
      </c>
      <c r="E22190" t="s">
        <v>13745</v>
      </c>
      <c r="F22190" t="s">
        <v>13746</v>
      </c>
      <c r="G22190" t="s">
        <v>10734</v>
      </c>
      <c r="H22190" t="s">
        <v>10735</v>
      </c>
      <c r="I22190" s="2">
        <v>0</v>
      </c>
      <c r="J22190" s="2">
        <v>0</v>
      </c>
      <c r="K22190" s="2">
        <v>1</v>
      </c>
      <c r="L22190" t="s">
        <v>995</v>
      </c>
      <c r="M22190" t="s">
        <v>83</v>
      </c>
      <c r="N22190" t="s">
        <v>84</v>
      </c>
      <c r="O22190" t="s">
        <v>85</v>
      </c>
      <c r="P22190" t="s">
        <v>86</v>
      </c>
      <c r="Q22190">
        <v>108</v>
      </c>
      <c r="R22190">
        <v>109</v>
      </c>
      <c r="S22190">
        <v>109</v>
      </c>
      <c r="T22190">
        <v>110</v>
      </c>
      <c r="U22190">
        <v>110</v>
      </c>
      <c r="V22190">
        <v>111</v>
      </c>
      <c r="W22190">
        <v>112</v>
      </c>
      <c r="X22190">
        <v>112</v>
      </c>
      <c r="Y22190">
        <v>113</v>
      </c>
      <c r="Z22190">
        <v>113</v>
      </c>
      <c r="AA22190">
        <v>114</v>
      </c>
      <c r="AB22190">
        <v>114</v>
      </c>
      <c r="AC22190">
        <v>115</v>
      </c>
      <c r="AD22190">
        <v>115</v>
      </c>
      <c r="AE22190">
        <v>116</v>
      </c>
      <c r="AF22190">
        <v>116</v>
      </c>
      <c r="AG22190">
        <v>116</v>
      </c>
      <c r="AH22190">
        <v>117</v>
      </c>
      <c r="AI22190">
        <v>117</v>
      </c>
      <c r="AJ22190">
        <v>118</v>
      </c>
      <c r="AK22190">
        <v>118</v>
      </c>
      <c r="AL22190">
        <v>118</v>
      </c>
      <c r="AM22190">
        <v>117</v>
      </c>
      <c r="AN22190">
        <v>117</v>
      </c>
      <c r="AO22190">
        <v>117</v>
      </c>
      <c r="AP22190">
        <v>116</v>
      </c>
      <c r="AQ22190">
        <v>116</v>
      </c>
    </row>
    <row r="22191" spans="1:43">
      <c r="A22191" t="s">
        <v>13747</v>
      </c>
      <c r="B22191" t="s">
        <v>13748</v>
      </c>
      <c r="C22191" t="s">
        <v>13743</v>
      </c>
      <c r="D22191" t="s">
        <v>13744</v>
      </c>
      <c r="E22191" t="s">
        <v>13745</v>
      </c>
      <c r="F22191" t="s">
        <v>13746</v>
      </c>
      <c r="G22191" t="s">
        <v>10734</v>
      </c>
      <c r="H22191" t="s">
        <v>10735</v>
      </c>
      <c r="I22191" s="2">
        <v>0</v>
      </c>
      <c r="J22191" s="2">
        <v>0</v>
      </c>
      <c r="K22191" s="2">
        <v>1</v>
      </c>
      <c r="L22191" t="s">
        <v>995</v>
      </c>
      <c r="M22191" t="s">
        <v>87</v>
      </c>
      <c r="N22191" t="s">
        <v>88</v>
      </c>
      <c r="O22191" t="s">
        <v>85</v>
      </c>
      <c r="P22191" t="s">
        <v>86</v>
      </c>
      <c r="Q22191">
        <v>108</v>
      </c>
      <c r="R22191">
        <v>108</v>
      </c>
      <c r="S22191">
        <v>107</v>
      </c>
      <c r="T22191">
        <v>107</v>
      </c>
      <c r="U22191">
        <v>107</v>
      </c>
      <c r="V22191">
        <v>106</v>
      </c>
      <c r="W22191">
        <v>106</v>
      </c>
      <c r="X22191">
        <v>106</v>
      </c>
      <c r="Y22191">
        <v>105</v>
      </c>
      <c r="Z22191">
        <v>105</v>
      </c>
      <c r="AA22191">
        <v>105</v>
      </c>
      <c r="AB22191">
        <v>104</v>
      </c>
      <c r="AC22191">
        <v>104</v>
      </c>
      <c r="AD22191">
        <v>104</v>
      </c>
      <c r="AE22191">
        <v>104</v>
      </c>
      <c r="AF22191">
        <v>103</v>
      </c>
      <c r="AG22191">
        <v>103</v>
      </c>
      <c r="AH22191">
        <v>103</v>
      </c>
      <c r="AI22191">
        <v>103</v>
      </c>
      <c r="AJ22191">
        <v>102</v>
      </c>
      <c r="AK22191">
        <v>102</v>
      </c>
      <c r="AL22191">
        <v>102</v>
      </c>
      <c r="AM22191">
        <v>102</v>
      </c>
      <c r="AN22191">
        <v>101</v>
      </c>
      <c r="AO22191">
        <v>101</v>
      </c>
      <c r="AP22191">
        <v>101</v>
      </c>
      <c r="AQ22191">
        <v>101</v>
      </c>
    </row>
    <row r="22192" spans="1:43">
      <c r="A22192" t="s">
        <v>13747</v>
      </c>
      <c r="B22192" t="s">
        <v>13748</v>
      </c>
      <c r="C22192" t="s">
        <v>13743</v>
      </c>
      <c r="D22192" t="s">
        <v>13744</v>
      </c>
      <c r="E22192" t="s">
        <v>13745</v>
      </c>
      <c r="F22192" t="s">
        <v>13746</v>
      </c>
      <c r="G22192" t="s">
        <v>10734</v>
      </c>
      <c r="H22192" t="s">
        <v>10735</v>
      </c>
      <c r="I22192" s="2">
        <v>0</v>
      </c>
      <c r="J22192" s="2">
        <v>0</v>
      </c>
      <c r="K22192" s="2">
        <v>1</v>
      </c>
      <c r="L22192" t="s">
        <v>995</v>
      </c>
      <c r="M22192" t="s">
        <v>89</v>
      </c>
      <c r="N22192" t="s">
        <v>90</v>
      </c>
      <c r="O22192" t="s">
        <v>85</v>
      </c>
      <c r="P22192" t="s">
        <v>86</v>
      </c>
      <c r="Q22192">
        <v>108</v>
      </c>
      <c r="R22192">
        <v>109</v>
      </c>
      <c r="S22192">
        <v>111</v>
      </c>
      <c r="T22192">
        <v>112</v>
      </c>
      <c r="U22192">
        <v>114</v>
      </c>
      <c r="V22192">
        <v>115</v>
      </c>
      <c r="W22192">
        <v>116</v>
      </c>
      <c r="X22192">
        <v>117</v>
      </c>
      <c r="Y22192">
        <v>118</v>
      </c>
      <c r="Z22192">
        <v>119</v>
      </c>
      <c r="AA22192">
        <v>120</v>
      </c>
      <c r="AB22192">
        <v>121</v>
      </c>
      <c r="AC22192">
        <v>122</v>
      </c>
      <c r="AD22192">
        <v>123</v>
      </c>
      <c r="AE22192">
        <v>123</v>
      </c>
      <c r="AF22192">
        <v>122</v>
      </c>
      <c r="AG22192">
        <v>122</v>
      </c>
      <c r="AH22192">
        <v>121</v>
      </c>
      <c r="AI22192">
        <v>121</v>
      </c>
      <c r="AJ22192">
        <v>120</v>
      </c>
      <c r="AK22192">
        <v>120</v>
      </c>
      <c r="AL22192">
        <v>120</v>
      </c>
      <c r="AM22192">
        <v>119</v>
      </c>
      <c r="AN22192">
        <v>119</v>
      </c>
      <c r="AO22192">
        <v>118</v>
      </c>
      <c r="AP22192">
        <v>118</v>
      </c>
      <c r="AQ22192">
        <v>117</v>
      </c>
    </row>
    <row r="22193" spans="1:43">
      <c r="A22193" t="s">
        <v>13747</v>
      </c>
      <c r="B22193" t="s">
        <v>13748</v>
      </c>
      <c r="C22193" t="s">
        <v>13743</v>
      </c>
      <c r="D22193" t="s">
        <v>13744</v>
      </c>
      <c r="E22193" t="s">
        <v>13745</v>
      </c>
      <c r="F22193" t="s">
        <v>13746</v>
      </c>
      <c r="G22193" t="s">
        <v>10734</v>
      </c>
      <c r="H22193" t="s">
        <v>10735</v>
      </c>
      <c r="I22193" s="2">
        <v>0</v>
      </c>
      <c r="J22193" s="2">
        <v>0</v>
      </c>
      <c r="K22193" s="2">
        <v>1</v>
      </c>
      <c r="L22193" t="s">
        <v>995</v>
      </c>
      <c r="M22193" t="s">
        <v>83</v>
      </c>
      <c r="N22193" t="s">
        <v>91</v>
      </c>
      <c r="O22193" t="s">
        <v>85</v>
      </c>
      <c r="P22193" t="s">
        <v>86</v>
      </c>
      <c r="Q22193">
        <v>108</v>
      </c>
      <c r="R22193">
        <v>109</v>
      </c>
      <c r="S22193">
        <v>109</v>
      </c>
      <c r="T22193">
        <v>110</v>
      </c>
      <c r="U22193">
        <v>110</v>
      </c>
      <c r="V22193">
        <v>111</v>
      </c>
      <c r="W22193">
        <v>112</v>
      </c>
      <c r="X22193">
        <v>112</v>
      </c>
      <c r="Y22193">
        <v>113</v>
      </c>
      <c r="Z22193">
        <v>113</v>
      </c>
      <c r="AA22193">
        <v>114</v>
      </c>
      <c r="AB22193">
        <v>114</v>
      </c>
      <c r="AC22193">
        <v>115</v>
      </c>
      <c r="AD22193">
        <v>115</v>
      </c>
      <c r="AE22193">
        <v>116</v>
      </c>
      <c r="AF22193">
        <v>116</v>
      </c>
      <c r="AG22193">
        <v>116</v>
      </c>
      <c r="AH22193">
        <v>117</v>
      </c>
      <c r="AI22193">
        <v>117</v>
      </c>
      <c r="AJ22193">
        <v>118</v>
      </c>
      <c r="AK22193">
        <v>118</v>
      </c>
      <c r="AL22193">
        <v>118</v>
      </c>
      <c r="AM22193">
        <v>117</v>
      </c>
      <c r="AN22193">
        <v>117</v>
      </c>
      <c r="AO22193">
        <v>117</v>
      </c>
      <c r="AP22193">
        <v>116</v>
      </c>
      <c r="AQ22193">
        <v>116</v>
      </c>
    </row>
    <row r="22194" spans="1:43">
      <c r="A22194" t="s">
        <v>13749</v>
      </c>
      <c r="B22194" t="s">
        <v>13750</v>
      </c>
      <c r="C22194" t="s">
        <v>13743</v>
      </c>
      <c r="D22194" t="s">
        <v>13744</v>
      </c>
      <c r="E22194" t="s">
        <v>13745</v>
      </c>
      <c r="F22194" t="s">
        <v>13746</v>
      </c>
      <c r="G22194" t="s">
        <v>10734</v>
      </c>
      <c r="H22194" t="s">
        <v>10735</v>
      </c>
      <c r="I22194" s="2">
        <v>0</v>
      </c>
      <c r="J22194" s="2">
        <v>0</v>
      </c>
      <c r="K22194" s="2">
        <v>0.93</v>
      </c>
      <c r="L22194" t="s">
        <v>995</v>
      </c>
      <c r="M22194" t="s">
        <v>83</v>
      </c>
      <c r="N22194" t="s">
        <v>84</v>
      </c>
      <c r="O22194" t="s">
        <v>85</v>
      </c>
      <c r="P22194" t="s">
        <v>86</v>
      </c>
      <c r="Q22194">
        <v>95</v>
      </c>
      <c r="R22194">
        <v>96</v>
      </c>
      <c r="S22194">
        <v>96</v>
      </c>
      <c r="T22194">
        <v>97</v>
      </c>
      <c r="U22194">
        <v>97</v>
      </c>
      <c r="V22194">
        <v>98</v>
      </c>
      <c r="W22194">
        <v>98</v>
      </c>
      <c r="X22194">
        <v>98</v>
      </c>
      <c r="Y22194">
        <v>99</v>
      </c>
      <c r="Z22194">
        <v>99</v>
      </c>
      <c r="AA22194">
        <v>100</v>
      </c>
      <c r="AB22194">
        <v>100</v>
      </c>
      <c r="AC22194">
        <v>101</v>
      </c>
      <c r="AD22194">
        <v>101</v>
      </c>
      <c r="AE22194">
        <v>101</v>
      </c>
      <c r="AF22194">
        <v>102</v>
      </c>
      <c r="AG22194">
        <v>102</v>
      </c>
      <c r="AH22194">
        <v>102</v>
      </c>
      <c r="AI22194">
        <v>102</v>
      </c>
      <c r="AJ22194">
        <v>103</v>
      </c>
      <c r="AK22194">
        <v>103</v>
      </c>
      <c r="AL22194">
        <v>103</v>
      </c>
      <c r="AM22194">
        <v>102</v>
      </c>
      <c r="AN22194">
        <v>102</v>
      </c>
      <c r="AO22194">
        <v>101</v>
      </c>
      <c r="AP22194">
        <v>101</v>
      </c>
      <c r="AQ22194">
        <v>101</v>
      </c>
    </row>
    <row r="22195" spans="1:43">
      <c r="A22195" t="s">
        <v>13749</v>
      </c>
      <c r="B22195" t="s">
        <v>13750</v>
      </c>
      <c r="C22195" t="s">
        <v>13743</v>
      </c>
      <c r="D22195" t="s">
        <v>13744</v>
      </c>
      <c r="E22195" t="s">
        <v>13745</v>
      </c>
      <c r="F22195" t="s">
        <v>13746</v>
      </c>
      <c r="G22195" t="s">
        <v>10734</v>
      </c>
      <c r="H22195" t="s">
        <v>10735</v>
      </c>
      <c r="I22195" s="2">
        <v>0</v>
      </c>
      <c r="J22195" s="2">
        <v>0</v>
      </c>
      <c r="K22195" s="2">
        <v>0.93</v>
      </c>
      <c r="L22195" t="s">
        <v>995</v>
      </c>
      <c r="M22195" t="s">
        <v>87</v>
      </c>
      <c r="N22195" t="s">
        <v>88</v>
      </c>
      <c r="O22195" t="s">
        <v>85</v>
      </c>
      <c r="P22195" t="s">
        <v>86</v>
      </c>
      <c r="Q22195">
        <v>95</v>
      </c>
      <c r="R22195">
        <v>95</v>
      </c>
      <c r="S22195">
        <v>94</v>
      </c>
      <c r="T22195">
        <v>94</v>
      </c>
      <c r="U22195">
        <v>94</v>
      </c>
      <c r="V22195">
        <v>93</v>
      </c>
      <c r="W22195">
        <v>93</v>
      </c>
      <c r="X22195">
        <v>93</v>
      </c>
      <c r="Y22195">
        <v>92</v>
      </c>
      <c r="Z22195">
        <v>92</v>
      </c>
      <c r="AA22195">
        <v>92</v>
      </c>
      <c r="AB22195">
        <v>92</v>
      </c>
      <c r="AC22195">
        <v>91</v>
      </c>
      <c r="AD22195">
        <v>91</v>
      </c>
      <c r="AE22195">
        <v>91</v>
      </c>
      <c r="AF22195">
        <v>90</v>
      </c>
      <c r="AG22195">
        <v>90</v>
      </c>
      <c r="AH22195">
        <v>90</v>
      </c>
      <c r="AI22195">
        <v>90</v>
      </c>
      <c r="AJ22195">
        <v>89</v>
      </c>
      <c r="AK22195">
        <v>89</v>
      </c>
      <c r="AL22195">
        <v>89</v>
      </c>
      <c r="AM22195">
        <v>88</v>
      </c>
      <c r="AN22195">
        <v>88</v>
      </c>
      <c r="AO22195">
        <v>88</v>
      </c>
      <c r="AP22195">
        <v>88</v>
      </c>
      <c r="AQ22195">
        <v>87</v>
      </c>
    </row>
    <row r="22196" spans="1:43">
      <c r="A22196" t="s">
        <v>13749</v>
      </c>
      <c r="B22196" t="s">
        <v>13750</v>
      </c>
      <c r="C22196" t="s">
        <v>13743</v>
      </c>
      <c r="D22196" t="s">
        <v>13744</v>
      </c>
      <c r="E22196" t="s">
        <v>13745</v>
      </c>
      <c r="F22196" t="s">
        <v>13746</v>
      </c>
      <c r="G22196" t="s">
        <v>10734</v>
      </c>
      <c r="H22196" t="s">
        <v>10735</v>
      </c>
      <c r="I22196" s="2">
        <v>0</v>
      </c>
      <c r="J22196" s="2">
        <v>0</v>
      </c>
      <c r="K22196" s="2">
        <v>0.93</v>
      </c>
      <c r="L22196" t="s">
        <v>995</v>
      </c>
      <c r="M22196" t="s">
        <v>89</v>
      </c>
      <c r="N22196" t="s">
        <v>90</v>
      </c>
      <c r="O22196" t="s">
        <v>85</v>
      </c>
      <c r="P22196" t="s">
        <v>86</v>
      </c>
      <c r="Q22196">
        <v>95</v>
      </c>
      <c r="R22196">
        <v>96</v>
      </c>
      <c r="S22196">
        <v>98</v>
      </c>
      <c r="T22196">
        <v>99</v>
      </c>
      <c r="U22196">
        <v>100</v>
      </c>
      <c r="V22196">
        <v>101</v>
      </c>
      <c r="W22196">
        <v>102</v>
      </c>
      <c r="X22196">
        <v>103</v>
      </c>
      <c r="Y22196">
        <v>104</v>
      </c>
      <c r="Z22196">
        <v>105</v>
      </c>
      <c r="AA22196">
        <v>105</v>
      </c>
      <c r="AB22196">
        <v>106</v>
      </c>
      <c r="AC22196">
        <v>107</v>
      </c>
      <c r="AD22196">
        <v>107</v>
      </c>
      <c r="AE22196">
        <v>107</v>
      </c>
      <c r="AF22196">
        <v>107</v>
      </c>
      <c r="AG22196">
        <v>106</v>
      </c>
      <c r="AH22196">
        <v>106</v>
      </c>
      <c r="AI22196">
        <v>105</v>
      </c>
      <c r="AJ22196">
        <v>105</v>
      </c>
      <c r="AK22196">
        <v>104</v>
      </c>
      <c r="AL22196">
        <v>104</v>
      </c>
      <c r="AM22196">
        <v>103</v>
      </c>
      <c r="AN22196">
        <v>103</v>
      </c>
      <c r="AO22196">
        <v>103</v>
      </c>
      <c r="AP22196">
        <v>102</v>
      </c>
      <c r="AQ22196">
        <v>102</v>
      </c>
    </row>
    <row r="22197" spans="1:43">
      <c r="A22197" t="s">
        <v>13749</v>
      </c>
      <c r="B22197" t="s">
        <v>13750</v>
      </c>
      <c r="C22197" t="s">
        <v>13743</v>
      </c>
      <c r="D22197" t="s">
        <v>13744</v>
      </c>
      <c r="E22197" t="s">
        <v>13745</v>
      </c>
      <c r="F22197" t="s">
        <v>13746</v>
      </c>
      <c r="G22197" t="s">
        <v>10734</v>
      </c>
      <c r="H22197" t="s">
        <v>10735</v>
      </c>
      <c r="I22197" s="2">
        <v>0</v>
      </c>
      <c r="J22197" s="2">
        <v>0</v>
      </c>
      <c r="K22197" s="2">
        <v>0.93</v>
      </c>
      <c r="L22197" t="s">
        <v>995</v>
      </c>
      <c r="M22197" t="s">
        <v>83</v>
      </c>
      <c r="N22197" t="s">
        <v>91</v>
      </c>
      <c r="O22197" t="s">
        <v>85</v>
      </c>
      <c r="P22197" t="s">
        <v>86</v>
      </c>
      <c r="Q22197">
        <v>95</v>
      </c>
      <c r="R22197">
        <v>96</v>
      </c>
      <c r="S22197">
        <v>96</v>
      </c>
      <c r="T22197">
        <v>97</v>
      </c>
      <c r="U22197">
        <v>97</v>
      </c>
      <c r="V22197">
        <v>98</v>
      </c>
      <c r="W22197">
        <v>98</v>
      </c>
      <c r="X22197">
        <v>98</v>
      </c>
      <c r="Y22197">
        <v>99</v>
      </c>
      <c r="Z22197">
        <v>99</v>
      </c>
      <c r="AA22197">
        <v>100</v>
      </c>
      <c r="AB22197">
        <v>100</v>
      </c>
      <c r="AC22197">
        <v>101</v>
      </c>
      <c r="AD22197">
        <v>101</v>
      </c>
      <c r="AE22197">
        <v>101</v>
      </c>
      <c r="AF22197">
        <v>102</v>
      </c>
      <c r="AG22197">
        <v>102</v>
      </c>
      <c r="AH22197">
        <v>102</v>
      </c>
      <c r="AI22197">
        <v>102</v>
      </c>
      <c r="AJ22197">
        <v>103</v>
      </c>
      <c r="AK22197">
        <v>103</v>
      </c>
      <c r="AL22197">
        <v>103</v>
      </c>
      <c r="AM22197">
        <v>102</v>
      </c>
      <c r="AN22197">
        <v>102</v>
      </c>
      <c r="AO22197">
        <v>101</v>
      </c>
      <c r="AP22197">
        <v>101</v>
      </c>
      <c r="AQ22197">
        <v>101</v>
      </c>
    </row>
    <row r="22198" spans="1:43">
      <c r="A22198" t="s">
        <v>13751</v>
      </c>
      <c r="B22198" t="s">
        <v>13752</v>
      </c>
      <c r="C22198" t="s">
        <v>13753</v>
      </c>
      <c r="D22198" t="s">
        <v>13754</v>
      </c>
      <c r="E22198" t="s">
        <v>13745</v>
      </c>
      <c r="F22198" t="s">
        <v>13746</v>
      </c>
      <c r="G22198" t="s">
        <v>10734</v>
      </c>
      <c r="H22198" t="s">
        <v>10735</v>
      </c>
      <c r="I22198" s="2">
        <v>0</v>
      </c>
      <c r="J22198" s="2">
        <v>0</v>
      </c>
      <c r="K22198" s="2">
        <v>0.71</v>
      </c>
      <c r="L22198" t="s">
        <v>995</v>
      </c>
      <c r="M22198" t="s">
        <v>83</v>
      </c>
      <c r="N22198" t="s">
        <v>84</v>
      </c>
      <c r="O22198" t="s">
        <v>85</v>
      </c>
      <c r="P22198" t="s">
        <v>86</v>
      </c>
      <c r="Q22198">
        <v>33</v>
      </c>
      <c r="R22198">
        <v>34</v>
      </c>
      <c r="S22198">
        <v>34</v>
      </c>
      <c r="T22198">
        <v>34</v>
      </c>
      <c r="U22198">
        <v>34</v>
      </c>
      <c r="V22198">
        <v>34</v>
      </c>
      <c r="W22198">
        <v>35</v>
      </c>
      <c r="X22198">
        <v>35</v>
      </c>
      <c r="Y22198">
        <v>35</v>
      </c>
      <c r="Z22198">
        <v>35</v>
      </c>
      <c r="AA22198">
        <v>35</v>
      </c>
      <c r="AB22198">
        <v>36</v>
      </c>
      <c r="AC22198">
        <v>36</v>
      </c>
      <c r="AD22198">
        <v>36</v>
      </c>
      <c r="AE22198">
        <v>36</v>
      </c>
      <c r="AF22198">
        <v>36</v>
      </c>
      <c r="AG22198">
        <v>36</v>
      </c>
      <c r="AH22198">
        <v>36</v>
      </c>
      <c r="AI22198">
        <v>37</v>
      </c>
      <c r="AJ22198">
        <v>37</v>
      </c>
      <c r="AK22198">
        <v>37</v>
      </c>
      <c r="AL22198">
        <v>37</v>
      </c>
      <c r="AM22198">
        <v>37</v>
      </c>
      <c r="AN22198">
        <v>37</v>
      </c>
      <c r="AO22198">
        <v>36</v>
      </c>
      <c r="AP22198">
        <v>36</v>
      </c>
      <c r="AQ22198">
        <v>36</v>
      </c>
    </row>
    <row r="22199" spans="1:43">
      <c r="A22199" t="s">
        <v>13751</v>
      </c>
      <c r="B22199" t="s">
        <v>13752</v>
      </c>
      <c r="C22199" t="s">
        <v>13753</v>
      </c>
      <c r="D22199" t="s">
        <v>13754</v>
      </c>
      <c r="E22199" t="s">
        <v>13745</v>
      </c>
      <c r="F22199" t="s">
        <v>13746</v>
      </c>
      <c r="G22199" t="s">
        <v>10734</v>
      </c>
      <c r="H22199" t="s">
        <v>10735</v>
      </c>
      <c r="I22199" s="2">
        <v>0</v>
      </c>
      <c r="J22199" s="2">
        <v>0</v>
      </c>
      <c r="K22199" s="2">
        <v>0.71</v>
      </c>
      <c r="L22199" t="s">
        <v>995</v>
      </c>
      <c r="M22199" t="s">
        <v>87</v>
      </c>
      <c r="N22199" t="s">
        <v>88</v>
      </c>
      <c r="O22199" t="s">
        <v>85</v>
      </c>
      <c r="P22199" t="s">
        <v>86</v>
      </c>
      <c r="Q22199">
        <v>33</v>
      </c>
      <c r="R22199">
        <v>33</v>
      </c>
      <c r="S22199">
        <v>33</v>
      </c>
      <c r="T22199">
        <v>33</v>
      </c>
      <c r="U22199">
        <v>33</v>
      </c>
      <c r="V22199">
        <v>33</v>
      </c>
      <c r="W22199">
        <v>33</v>
      </c>
      <c r="X22199">
        <v>32</v>
      </c>
      <c r="Y22199">
        <v>32</v>
      </c>
      <c r="Z22199">
        <v>32</v>
      </c>
      <c r="AA22199">
        <v>32</v>
      </c>
      <c r="AB22199">
        <v>32</v>
      </c>
      <c r="AC22199">
        <v>32</v>
      </c>
      <c r="AD22199">
        <v>32</v>
      </c>
      <c r="AE22199">
        <v>32</v>
      </c>
      <c r="AF22199">
        <v>32</v>
      </c>
      <c r="AG22199">
        <v>32</v>
      </c>
      <c r="AH22199">
        <v>32</v>
      </c>
      <c r="AI22199">
        <v>32</v>
      </c>
      <c r="AJ22199">
        <v>31</v>
      </c>
      <c r="AK22199">
        <v>31</v>
      </c>
      <c r="AL22199">
        <v>31</v>
      </c>
      <c r="AM22199">
        <v>31</v>
      </c>
      <c r="AN22199">
        <v>31</v>
      </c>
      <c r="AO22199">
        <v>31</v>
      </c>
      <c r="AP22199">
        <v>31</v>
      </c>
      <c r="AQ22199">
        <v>31</v>
      </c>
    </row>
    <row r="22200" spans="1:43">
      <c r="A22200" t="s">
        <v>13751</v>
      </c>
      <c r="B22200" t="s">
        <v>13752</v>
      </c>
      <c r="C22200" t="s">
        <v>13753</v>
      </c>
      <c r="D22200" t="s">
        <v>13754</v>
      </c>
      <c r="E22200" t="s">
        <v>13745</v>
      </c>
      <c r="F22200" t="s">
        <v>13746</v>
      </c>
      <c r="G22200" t="s">
        <v>10734</v>
      </c>
      <c r="H22200" t="s">
        <v>10735</v>
      </c>
      <c r="I22200" s="2">
        <v>0</v>
      </c>
      <c r="J22200" s="2">
        <v>0</v>
      </c>
      <c r="K22200" s="2">
        <v>0.71</v>
      </c>
      <c r="L22200" t="s">
        <v>995</v>
      </c>
      <c r="M22200" t="s">
        <v>89</v>
      </c>
      <c r="N22200" t="s">
        <v>90</v>
      </c>
      <c r="O22200" t="s">
        <v>85</v>
      </c>
      <c r="P22200" t="s">
        <v>86</v>
      </c>
      <c r="Q22200">
        <v>33</v>
      </c>
      <c r="R22200">
        <v>33</v>
      </c>
      <c r="S22200">
        <v>34</v>
      </c>
      <c r="T22200">
        <v>34</v>
      </c>
      <c r="U22200">
        <v>35</v>
      </c>
      <c r="V22200">
        <v>35</v>
      </c>
      <c r="W22200">
        <v>35</v>
      </c>
      <c r="X22200">
        <v>36</v>
      </c>
      <c r="Y22200">
        <v>36</v>
      </c>
      <c r="Z22200">
        <v>36</v>
      </c>
      <c r="AA22200">
        <v>37</v>
      </c>
      <c r="AB22200">
        <v>37</v>
      </c>
      <c r="AC22200">
        <v>37</v>
      </c>
      <c r="AD22200">
        <v>37</v>
      </c>
      <c r="AE22200">
        <v>38</v>
      </c>
      <c r="AF22200">
        <v>37</v>
      </c>
      <c r="AG22200">
        <v>37</v>
      </c>
      <c r="AH22200">
        <v>37</v>
      </c>
      <c r="AI22200">
        <v>37</v>
      </c>
      <c r="AJ22200">
        <v>37</v>
      </c>
      <c r="AK22200">
        <v>37</v>
      </c>
      <c r="AL22200">
        <v>37</v>
      </c>
      <c r="AM22200">
        <v>37</v>
      </c>
      <c r="AN22200">
        <v>36</v>
      </c>
      <c r="AO22200">
        <v>36</v>
      </c>
      <c r="AP22200">
        <v>36</v>
      </c>
      <c r="AQ22200">
        <v>36</v>
      </c>
    </row>
    <row r="22201" spans="1:43">
      <c r="A22201" t="s">
        <v>13751</v>
      </c>
      <c r="B22201" t="s">
        <v>13752</v>
      </c>
      <c r="C22201" t="s">
        <v>13753</v>
      </c>
      <c r="D22201" t="s">
        <v>13754</v>
      </c>
      <c r="E22201" t="s">
        <v>13745</v>
      </c>
      <c r="F22201" t="s">
        <v>13746</v>
      </c>
      <c r="G22201" t="s">
        <v>10734</v>
      </c>
      <c r="H22201" t="s">
        <v>10735</v>
      </c>
      <c r="I22201" s="2">
        <v>0</v>
      </c>
      <c r="J22201" s="2">
        <v>0</v>
      </c>
      <c r="K22201" s="2">
        <v>0.71</v>
      </c>
      <c r="L22201" t="s">
        <v>995</v>
      </c>
      <c r="M22201" t="s">
        <v>83</v>
      </c>
      <c r="N22201" t="s">
        <v>91</v>
      </c>
      <c r="O22201" t="s">
        <v>85</v>
      </c>
      <c r="P22201" t="s">
        <v>86</v>
      </c>
      <c r="Q22201">
        <v>33</v>
      </c>
      <c r="R22201">
        <v>34</v>
      </c>
      <c r="S22201">
        <v>34</v>
      </c>
      <c r="T22201">
        <v>34</v>
      </c>
      <c r="U22201">
        <v>34</v>
      </c>
      <c r="V22201">
        <v>34</v>
      </c>
      <c r="W22201">
        <v>35</v>
      </c>
      <c r="X22201">
        <v>35</v>
      </c>
      <c r="Y22201">
        <v>35</v>
      </c>
      <c r="Z22201">
        <v>35</v>
      </c>
      <c r="AA22201">
        <v>35</v>
      </c>
      <c r="AB22201">
        <v>36</v>
      </c>
      <c r="AC22201">
        <v>36</v>
      </c>
      <c r="AD22201">
        <v>36</v>
      </c>
      <c r="AE22201">
        <v>36</v>
      </c>
      <c r="AF22201">
        <v>36</v>
      </c>
      <c r="AG22201">
        <v>36</v>
      </c>
      <c r="AH22201">
        <v>36</v>
      </c>
      <c r="AI22201">
        <v>37</v>
      </c>
      <c r="AJ22201">
        <v>37</v>
      </c>
      <c r="AK22201">
        <v>37</v>
      </c>
      <c r="AL22201">
        <v>37</v>
      </c>
      <c r="AM22201">
        <v>37</v>
      </c>
      <c r="AN22201">
        <v>37</v>
      </c>
      <c r="AO22201">
        <v>36</v>
      </c>
      <c r="AP22201">
        <v>36</v>
      </c>
      <c r="AQ22201">
        <v>36</v>
      </c>
    </row>
    <row r="22202" spans="1:43">
      <c r="A22202" t="s">
        <v>13755</v>
      </c>
      <c r="B22202" t="s">
        <v>13756</v>
      </c>
      <c r="C22202" t="s">
        <v>13757</v>
      </c>
      <c r="D22202" t="s">
        <v>13758</v>
      </c>
      <c r="E22202" t="s">
        <v>13745</v>
      </c>
      <c r="F22202" t="s">
        <v>13746</v>
      </c>
      <c r="G22202" t="s">
        <v>10734</v>
      </c>
      <c r="H22202" t="s">
        <v>10735</v>
      </c>
      <c r="I22202" s="2">
        <v>0</v>
      </c>
      <c r="J22202" s="2">
        <v>0</v>
      </c>
      <c r="K22202" s="2">
        <v>1</v>
      </c>
      <c r="L22202" t="s">
        <v>995</v>
      </c>
      <c r="M22202" t="s">
        <v>83</v>
      </c>
      <c r="N22202" t="s">
        <v>84</v>
      </c>
      <c r="O22202" t="s">
        <v>85</v>
      </c>
      <c r="P22202" t="s">
        <v>86</v>
      </c>
      <c r="Q22202">
        <v>29</v>
      </c>
      <c r="R22202">
        <v>29</v>
      </c>
      <c r="S22202">
        <v>29</v>
      </c>
      <c r="T22202">
        <v>29</v>
      </c>
      <c r="U22202">
        <v>29</v>
      </c>
      <c r="V22202">
        <v>29</v>
      </c>
      <c r="W22202">
        <v>29</v>
      </c>
      <c r="X22202">
        <v>29</v>
      </c>
      <c r="Y22202">
        <v>29</v>
      </c>
      <c r="Z22202">
        <v>29</v>
      </c>
      <c r="AA22202">
        <v>30</v>
      </c>
      <c r="AB22202">
        <v>30</v>
      </c>
      <c r="AC22202">
        <v>30</v>
      </c>
      <c r="AD22202">
        <v>30</v>
      </c>
      <c r="AE22202">
        <v>30</v>
      </c>
      <c r="AF22202">
        <v>30</v>
      </c>
      <c r="AG22202">
        <v>30</v>
      </c>
      <c r="AH22202">
        <v>30</v>
      </c>
      <c r="AI22202">
        <v>30</v>
      </c>
      <c r="AJ22202">
        <v>30</v>
      </c>
      <c r="AK22202">
        <v>30</v>
      </c>
      <c r="AL22202">
        <v>30</v>
      </c>
      <c r="AM22202">
        <v>30</v>
      </c>
      <c r="AN22202">
        <v>29</v>
      </c>
      <c r="AO22202">
        <v>29</v>
      </c>
      <c r="AP22202">
        <v>29</v>
      </c>
      <c r="AQ22202">
        <v>29</v>
      </c>
    </row>
    <row r="22203" spans="1:43">
      <c r="A22203" t="s">
        <v>13755</v>
      </c>
      <c r="B22203" t="s">
        <v>13756</v>
      </c>
      <c r="C22203" t="s">
        <v>13757</v>
      </c>
      <c r="D22203" t="s">
        <v>13758</v>
      </c>
      <c r="E22203" t="s">
        <v>13745</v>
      </c>
      <c r="F22203" t="s">
        <v>13746</v>
      </c>
      <c r="G22203" t="s">
        <v>10734</v>
      </c>
      <c r="H22203" t="s">
        <v>10735</v>
      </c>
      <c r="I22203" s="2">
        <v>0</v>
      </c>
      <c r="J22203" s="2">
        <v>0</v>
      </c>
      <c r="K22203" s="2">
        <v>1</v>
      </c>
      <c r="L22203" t="s">
        <v>995</v>
      </c>
      <c r="M22203" t="s">
        <v>87</v>
      </c>
      <c r="N22203" t="s">
        <v>88</v>
      </c>
      <c r="O22203" t="s">
        <v>85</v>
      </c>
      <c r="P22203" t="s">
        <v>86</v>
      </c>
      <c r="Q22203">
        <v>29</v>
      </c>
      <c r="R22203">
        <v>29</v>
      </c>
      <c r="S22203">
        <v>29</v>
      </c>
      <c r="T22203">
        <v>29</v>
      </c>
      <c r="U22203">
        <v>29</v>
      </c>
      <c r="V22203">
        <v>29</v>
      </c>
      <c r="W22203">
        <v>29</v>
      </c>
      <c r="X22203">
        <v>28</v>
      </c>
      <c r="Y22203">
        <v>28</v>
      </c>
      <c r="Z22203">
        <v>28</v>
      </c>
      <c r="AA22203">
        <v>28</v>
      </c>
      <c r="AB22203">
        <v>28</v>
      </c>
      <c r="AC22203">
        <v>28</v>
      </c>
      <c r="AD22203">
        <v>27</v>
      </c>
      <c r="AE22203">
        <v>27</v>
      </c>
      <c r="AF22203">
        <v>27</v>
      </c>
      <c r="AG22203">
        <v>27</v>
      </c>
      <c r="AH22203">
        <v>27</v>
      </c>
      <c r="AI22203">
        <v>27</v>
      </c>
      <c r="AJ22203">
        <v>27</v>
      </c>
      <c r="AK22203">
        <v>26</v>
      </c>
      <c r="AL22203">
        <v>26</v>
      </c>
      <c r="AM22203">
        <v>26</v>
      </c>
      <c r="AN22203">
        <v>26</v>
      </c>
      <c r="AO22203">
        <v>26</v>
      </c>
      <c r="AP22203">
        <v>26</v>
      </c>
      <c r="AQ22203">
        <v>26</v>
      </c>
    </row>
    <row r="22204" spans="1:43">
      <c r="A22204" t="s">
        <v>13755</v>
      </c>
      <c r="B22204" t="s">
        <v>13756</v>
      </c>
      <c r="C22204" t="s">
        <v>13757</v>
      </c>
      <c r="D22204" t="s">
        <v>13758</v>
      </c>
      <c r="E22204" t="s">
        <v>13745</v>
      </c>
      <c r="F22204" t="s">
        <v>13746</v>
      </c>
      <c r="G22204" t="s">
        <v>10734</v>
      </c>
      <c r="H22204" t="s">
        <v>10735</v>
      </c>
      <c r="I22204" s="2">
        <v>0</v>
      </c>
      <c r="J22204" s="2">
        <v>0</v>
      </c>
      <c r="K22204" s="2">
        <v>1</v>
      </c>
      <c r="L22204" t="s">
        <v>995</v>
      </c>
      <c r="M22204" t="s">
        <v>89</v>
      </c>
      <c r="N22204" t="s">
        <v>90</v>
      </c>
      <c r="O22204" t="s">
        <v>85</v>
      </c>
      <c r="P22204" t="s">
        <v>86</v>
      </c>
      <c r="Q22204">
        <v>29</v>
      </c>
      <c r="R22204">
        <v>29</v>
      </c>
      <c r="S22204">
        <v>30</v>
      </c>
      <c r="T22204">
        <v>30</v>
      </c>
      <c r="U22204">
        <v>30</v>
      </c>
      <c r="V22204">
        <v>31</v>
      </c>
      <c r="W22204">
        <v>31</v>
      </c>
      <c r="X22204">
        <v>31</v>
      </c>
      <c r="Y22204">
        <v>31</v>
      </c>
      <c r="Z22204">
        <v>31</v>
      </c>
      <c r="AA22204">
        <v>32</v>
      </c>
      <c r="AB22204">
        <v>32</v>
      </c>
      <c r="AC22204">
        <v>32</v>
      </c>
      <c r="AD22204">
        <v>32</v>
      </c>
      <c r="AE22204">
        <v>32</v>
      </c>
      <c r="AF22204">
        <v>32</v>
      </c>
      <c r="AG22204">
        <v>31</v>
      </c>
      <c r="AH22204">
        <v>31</v>
      </c>
      <c r="AI22204">
        <v>31</v>
      </c>
      <c r="AJ22204">
        <v>31</v>
      </c>
      <c r="AK22204">
        <v>30</v>
      </c>
      <c r="AL22204">
        <v>30</v>
      </c>
      <c r="AM22204">
        <v>30</v>
      </c>
      <c r="AN22204">
        <v>30</v>
      </c>
      <c r="AO22204">
        <v>30</v>
      </c>
      <c r="AP22204">
        <v>29</v>
      </c>
      <c r="AQ22204">
        <v>29</v>
      </c>
    </row>
    <row r="22205" spans="1:43">
      <c r="A22205" t="s">
        <v>13755</v>
      </c>
      <c r="B22205" t="s">
        <v>13756</v>
      </c>
      <c r="C22205" t="s">
        <v>13757</v>
      </c>
      <c r="D22205" t="s">
        <v>13758</v>
      </c>
      <c r="E22205" t="s">
        <v>13745</v>
      </c>
      <c r="F22205" t="s">
        <v>13746</v>
      </c>
      <c r="G22205" t="s">
        <v>10734</v>
      </c>
      <c r="H22205" t="s">
        <v>10735</v>
      </c>
      <c r="I22205" s="2">
        <v>0</v>
      </c>
      <c r="J22205" s="2">
        <v>0</v>
      </c>
      <c r="K22205" s="2">
        <v>1</v>
      </c>
      <c r="L22205" t="s">
        <v>995</v>
      </c>
      <c r="M22205" t="s">
        <v>83</v>
      </c>
      <c r="N22205" t="s">
        <v>91</v>
      </c>
      <c r="O22205" t="s">
        <v>85</v>
      </c>
      <c r="P22205" t="s">
        <v>86</v>
      </c>
      <c r="Q22205">
        <v>29</v>
      </c>
      <c r="R22205">
        <v>29</v>
      </c>
      <c r="S22205">
        <v>29</v>
      </c>
      <c r="T22205">
        <v>29</v>
      </c>
      <c r="U22205">
        <v>29</v>
      </c>
      <c r="V22205">
        <v>29</v>
      </c>
      <c r="W22205">
        <v>29</v>
      </c>
      <c r="X22205">
        <v>29</v>
      </c>
      <c r="Y22205">
        <v>29</v>
      </c>
      <c r="Z22205">
        <v>29</v>
      </c>
      <c r="AA22205">
        <v>30</v>
      </c>
      <c r="AB22205">
        <v>30</v>
      </c>
      <c r="AC22205">
        <v>30</v>
      </c>
      <c r="AD22205">
        <v>30</v>
      </c>
      <c r="AE22205">
        <v>30</v>
      </c>
      <c r="AF22205">
        <v>30</v>
      </c>
      <c r="AG22205">
        <v>30</v>
      </c>
      <c r="AH22205">
        <v>30</v>
      </c>
      <c r="AI22205">
        <v>30</v>
      </c>
      <c r="AJ22205">
        <v>30</v>
      </c>
      <c r="AK22205">
        <v>30</v>
      </c>
      <c r="AL22205">
        <v>30</v>
      </c>
      <c r="AM22205">
        <v>30</v>
      </c>
      <c r="AN22205">
        <v>29</v>
      </c>
      <c r="AO22205">
        <v>29</v>
      </c>
      <c r="AP22205">
        <v>29</v>
      </c>
      <c r="AQ22205">
        <v>29</v>
      </c>
    </row>
    <row r="22206" spans="1:43">
      <c r="A22206" t="s">
        <v>13759</v>
      </c>
      <c r="B22206" t="s">
        <v>13760</v>
      </c>
      <c r="C22206" t="s">
        <v>13757</v>
      </c>
      <c r="D22206" t="s">
        <v>13758</v>
      </c>
      <c r="E22206" t="s">
        <v>13745</v>
      </c>
      <c r="F22206" t="s">
        <v>13746</v>
      </c>
      <c r="G22206" t="s">
        <v>10734</v>
      </c>
      <c r="H22206" t="s">
        <v>10735</v>
      </c>
      <c r="I22206" s="2">
        <v>0</v>
      </c>
      <c r="J22206" s="2">
        <v>0</v>
      </c>
      <c r="K22206" s="2">
        <v>1</v>
      </c>
      <c r="L22206" t="s">
        <v>995</v>
      </c>
      <c r="M22206" t="s">
        <v>83</v>
      </c>
      <c r="N22206" t="s">
        <v>84</v>
      </c>
      <c r="O22206" t="s">
        <v>85</v>
      </c>
      <c r="P22206" t="s">
        <v>86</v>
      </c>
      <c r="Q22206">
        <v>21</v>
      </c>
      <c r="R22206">
        <v>21</v>
      </c>
      <c r="S22206">
        <v>21</v>
      </c>
      <c r="T22206">
        <v>21</v>
      </c>
      <c r="U22206">
        <v>21</v>
      </c>
      <c r="V22206">
        <v>21</v>
      </c>
      <c r="W22206">
        <v>21</v>
      </c>
      <c r="X22206">
        <v>22</v>
      </c>
      <c r="Y22206">
        <v>22</v>
      </c>
      <c r="Z22206">
        <v>22</v>
      </c>
      <c r="AA22206">
        <v>22</v>
      </c>
      <c r="AB22206">
        <v>22</v>
      </c>
      <c r="AC22206">
        <v>22</v>
      </c>
      <c r="AD22206">
        <v>22</v>
      </c>
      <c r="AE22206">
        <v>22</v>
      </c>
      <c r="AF22206">
        <v>22</v>
      </c>
      <c r="AG22206">
        <v>23</v>
      </c>
      <c r="AH22206">
        <v>23</v>
      </c>
      <c r="AI22206">
        <v>23</v>
      </c>
      <c r="AJ22206">
        <v>23</v>
      </c>
      <c r="AK22206">
        <v>23</v>
      </c>
      <c r="AL22206">
        <v>23</v>
      </c>
      <c r="AM22206">
        <v>23</v>
      </c>
      <c r="AN22206">
        <v>23</v>
      </c>
      <c r="AO22206">
        <v>23</v>
      </c>
      <c r="AP22206">
        <v>23</v>
      </c>
      <c r="AQ22206">
        <v>22</v>
      </c>
    </row>
    <row r="22207" spans="1:43">
      <c r="A22207" t="s">
        <v>13759</v>
      </c>
      <c r="B22207" t="s">
        <v>13760</v>
      </c>
      <c r="C22207" t="s">
        <v>13757</v>
      </c>
      <c r="D22207" t="s">
        <v>13758</v>
      </c>
      <c r="E22207" t="s">
        <v>13745</v>
      </c>
      <c r="F22207" t="s">
        <v>13746</v>
      </c>
      <c r="G22207" t="s">
        <v>10734</v>
      </c>
      <c r="H22207" t="s">
        <v>10735</v>
      </c>
      <c r="I22207" s="2">
        <v>0</v>
      </c>
      <c r="J22207" s="2">
        <v>0</v>
      </c>
      <c r="K22207" s="2">
        <v>1</v>
      </c>
      <c r="L22207" t="s">
        <v>995</v>
      </c>
      <c r="M22207" t="s">
        <v>87</v>
      </c>
      <c r="N22207" t="s">
        <v>88</v>
      </c>
      <c r="O22207" t="s">
        <v>85</v>
      </c>
      <c r="P22207" t="s">
        <v>86</v>
      </c>
      <c r="Q22207">
        <v>21</v>
      </c>
      <c r="R22207">
        <v>20</v>
      </c>
      <c r="S22207">
        <v>20</v>
      </c>
      <c r="T22207">
        <v>20</v>
      </c>
      <c r="U22207">
        <v>20</v>
      </c>
      <c r="V22207">
        <v>20</v>
      </c>
      <c r="W22207">
        <v>20</v>
      </c>
      <c r="X22207">
        <v>20</v>
      </c>
      <c r="Y22207">
        <v>20</v>
      </c>
      <c r="Z22207">
        <v>20</v>
      </c>
      <c r="AA22207">
        <v>20</v>
      </c>
      <c r="AB22207">
        <v>20</v>
      </c>
      <c r="AC22207">
        <v>20</v>
      </c>
      <c r="AD22207">
        <v>20</v>
      </c>
      <c r="AE22207">
        <v>20</v>
      </c>
      <c r="AF22207">
        <v>20</v>
      </c>
      <c r="AG22207">
        <v>20</v>
      </c>
      <c r="AH22207">
        <v>20</v>
      </c>
      <c r="AI22207">
        <v>20</v>
      </c>
      <c r="AJ22207">
        <v>20</v>
      </c>
      <c r="AK22207">
        <v>20</v>
      </c>
      <c r="AL22207">
        <v>19</v>
      </c>
      <c r="AM22207">
        <v>19</v>
      </c>
      <c r="AN22207">
        <v>19</v>
      </c>
      <c r="AO22207">
        <v>19</v>
      </c>
      <c r="AP22207">
        <v>19</v>
      </c>
      <c r="AQ22207">
        <v>19</v>
      </c>
    </row>
    <row r="22208" spans="1:43">
      <c r="A22208" t="s">
        <v>13759</v>
      </c>
      <c r="B22208" t="s">
        <v>13760</v>
      </c>
      <c r="C22208" t="s">
        <v>13757</v>
      </c>
      <c r="D22208" t="s">
        <v>13758</v>
      </c>
      <c r="E22208" t="s">
        <v>13745</v>
      </c>
      <c r="F22208" t="s">
        <v>13746</v>
      </c>
      <c r="G22208" t="s">
        <v>10734</v>
      </c>
      <c r="H22208" t="s">
        <v>10735</v>
      </c>
      <c r="I22208" s="2">
        <v>0</v>
      </c>
      <c r="J22208" s="2">
        <v>0</v>
      </c>
      <c r="K22208" s="2">
        <v>1</v>
      </c>
      <c r="L22208" t="s">
        <v>995</v>
      </c>
      <c r="M22208" t="s">
        <v>89</v>
      </c>
      <c r="N22208" t="s">
        <v>90</v>
      </c>
      <c r="O22208" t="s">
        <v>85</v>
      </c>
      <c r="P22208" t="s">
        <v>86</v>
      </c>
      <c r="Q22208">
        <v>21</v>
      </c>
      <c r="R22208">
        <v>21</v>
      </c>
      <c r="S22208">
        <v>22</v>
      </c>
      <c r="T22208">
        <v>22</v>
      </c>
      <c r="U22208">
        <v>22</v>
      </c>
      <c r="V22208">
        <v>22</v>
      </c>
      <c r="W22208">
        <v>23</v>
      </c>
      <c r="X22208">
        <v>23</v>
      </c>
      <c r="Y22208">
        <v>23</v>
      </c>
      <c r="Z22208">
        <v>23</v>
      </c>
      <c r="AA22208">
        <v>23</v>
      </c>
      <c r="AB22208">
        <v>24</v>
      </c>
      <c r="AC22208">
        <v>24</v>
      </c>
      <c r="AD22208">
        <v>24</v>
      </c>
      <c r="AE22208">
        <v>24</v>
      </c>
      <c r="AF22208">
        <v>24</v>
      </c>
      <c r="AG22208">
        <v>24</v>
      </c>
      <c r="AH22208">
        <v>24</v>
      </c>
      <c r="AI22208">
        <v>24</v>
      </c>
      <c r="AJ22208">
        <v>24</v>
      </c>
      <c r="AK22208">
        <v>23</v>
      </c>
      <c r="AL22208">
        <v>23</v>
      </c>
      <c r="AM22208">
        <v>23</v>
      </c>
      <c r="AN22208">
        <v>23</v>
      </c>
      <c r="AO22208">
        <v>23</v>
      </c>
      <c r="AP22208">
        <v>23</v>
      </c>
      <c r="AQ22208">
        <v>23</v>
      </c>
    </row>
    <row r="22209" spans="1:43">
      <c r="A22209" t="s">
        <v>13759</v>
      </c>
      <c r="B22209" t="s">
        <v>13760</v>
      </c>
      <c r="C22209" t="s">
        <v>13757</v>
      </c>
      <c r="D22209" t="s">
        <v>13758</v>
      </c>
      <c r="E22209" t="s">
        <v>13745</v>
      </c>
      <c r="F22209" t="s">
        <v>13746</v>
      </c>
      <c r="G22209" t="s">
        <v>10734</v>
      </c>
      <c r="H22209" t="s">
        <v>10735</v>
      </c>
      <c r="I22209" s="2">
        <v>0</v>
      </c>
      <c r="J22209" s="2">
        <v>0</v>
      </c>
      <c r="K22209" s="2">
        <v>1</v>
      </c>
      <c r="L22209" t="s">
        <v>995</v>
      </c>
      <c r="M22209" t="s">
        <v>83</v>
      </c>
      <c r="N22209" t="s">
        <v>91</v>
      </c>
      <c r="O22209" t="s">
        <v>85</v>
      </c>
      <c r="P22209" t="s">
        <v>86</v>
      </c>
      <c r="Q22209">
        <v>21</v>
      </c>
      <c r="R22209">
        <v>21</v>
      </c>
      <c r="S22209">
        <v>21</v>
      </c>
      <c r="T22209">
        <v>21</v>
      </c>
      <c r="U22209">
        <v>21</v>
      </c>
      <c r="V22209">
        <v>21</v>
      </c>
      <c r="W22209">
        <v>21</v>
      </c>
      <c r="X22209">
        <v>22</v>
      </c>
      <c r="Y22209">
        <v>22</v>
      </c>
      <c r="Z22209">
        <v>22</v>
      </c>
      <c r="AA22209">
        <v>22</v>
      </c>
      <c r="AB22209">
        <v>22</v>
      </c>
      <c r="AC22209">
        <v>22</v>
      </c>
      <c r="AD22209">
        <v>22</v>
      </c>
      <c r="AE22209">
        <v>22</v>
      </c>
      <c r="AF22209">
        <v>22</v>
      </c>
      <c r="AG22209">
        <v>23</v>
      </c>
      <c r="AH22209">
        <v>23</v>
      </c>
      <c r="AI22209">
        <v>23</v>
      </c>
      <c r="AJ22209">
        <v>23</v>
      </c>
      <c r="AK22209">
        <v>23</v>
      </c>
      <c r="AL22209">
        <v>23</v>
      </c>
      <c r="AM22209">
        <v>23</v>
      </c>
      <c r="AN22209">
        <v>23</v>
      </c>
      <c r="AO22209">
        <v>23</v>
      </c>
      <c r="AP22209">
        <v>23</v>
      </c>
      <c r="AQ22209">
        <v>22</v>
      </c>
    </row>
    <row r="22210" spans="1:43">
      <c r="A22210" t="s">
        <v>13761</v>
      </c>
      <c r="B22210" t="s">
        <v>13762</v>
      </c>
      <c r="C22210" t="s">
        <v>13743</v>
      </c>
      <c r="D22210" t="s">
        <v>13744</v>
      </c>
      <c r="E22210" t="s">
        <v>13745</v>
      </c>
      <c r="F22210" t="s">
        <v>13746</v>
      </c>
      <c r="G22210" t="s">
        <v>10734</v>
      </c>
      <c r="H22210" t="s">
        <v>10735</v>
      </c>
      <c r="I22210" s="2">
        <v>0</v>
      </c>
      <c r="J22210" s="2">
        <v>0</v>
      </c>
      <c r="K22210" s="2">
        <v>1</v>
      </c>
      <c r="L22210" t="s">
        <v>995</v>
      </c>
      <c r="M22210" t="s">
        <v>83</v>
      </c>
      <c r="N22210" t="s">
        <v>84</v>
      </c>
      <c r="O22210" t="s">
        <v>85</v>
      </c>
      <c r="P22210" t="s">
        <v>86</v>
      </c>
      <c r="Q22210">
        <v>11</v>
      </c>
      <c r="R22210">
        <v>11</v>
      </c>
      <c r="S22210">
        <v>11</v>
      </c>
      <c r="T22210">
        <v>11</v>
      </c>
      <c r="U22210">
        <v>11</v>
      </c>
      <c r="V22210">
        <v>11</v>
      </c>
      <c r="W22210">
        <v>11</v>
      </c>
      <c r="X22210">
        <v>11</v>
      </c>
      <c r="Y22210">
        <v>11</v>
      </c>
      <c r="Z22210">
        <v>11</v>
      </c>
      <c r="AA22210">
        <v>11</v>
      </c>
      <c r="AB22210">
        <v>11</v>
      </c>
      <c r="AC22210">
        <v>11</v>
      </c>
      <c r="AD22210">
        <v>11</v>
      </c>
      <c r="AE22210">
        <v>11</v>
      </c>
      <c r="AF22210">
        <v>11</v>
      </c>
      <c r="AG22210">
        <v>12</v>
      </c>
      <c r="AH22210">
        <v>12</v>
      </c>
      <c r="AI22210">
        <v>12</v>
      </c>
      <c r="AJ22210">
        <v>12</v>
      </c>
      <c r="AK22210">
        <v>12</v>
      </c>
      <c r="AL22210">
        <v>12</v>
      </c>
      <c r="AM22210">
        <v>12</v>
      </c>
      <c r="AN22210">
        <v>11</v>
      </c>
      <c r="AO22210">
        <v>11</v>
      </c>
      <c r="AP22210">
        <v>11</v>
      </c>
      <c r="AQ22210">
        <v>11</v>
      </c>
    </row>
    <row r="22211" spans="1:43">
      <c r="A22211" t="s">
        <v>13761</v>
      </c>
      <c r="B22211" t="s">
        <v>13762</v>
      </c>
      <c r="C22211" t="s">
        <v>13743</v>
      </c>
      <c r="D22211" t="s">
        <v>13744</v>
      </c>
      <c r="E22211" t="s">
        <v>13745</v>
      </c>
      <c r="F22211" t="s">
        <v>13746</v>
      </c>
      <c r="G22211" t="s">
        <v>10734</v>
      </c>
      <c r="H22211" t="s">
        <v>10735</v>
      </c>
      <c r="I22211" s="2">
        <v>0</v>
      </c>
      <c r="J22211" s="2">
        <v>0</v>
      </c>
      <c r="K22211" s="2">
        <v>1</v>
      </c>
      <c r="L22211" t="s">
        <v>995</v>
      </c>
      <c r="M22211" t="s">
        <v>87</v>
      </c>
      <c r="N22211" t="s">
        <v>88</v>
      </c>
      <c r="O22211" t="s">
        <v>85</v>
      </c>
      <c r="P22211" t="s">
        <v>86</v>
      </c>
      <c r="Q22211">
        <v>11</v>
      </c>
      <c r="R22211">
        <v>11</v>
      </c>
      <c r="S22211">
        <v>11</v>
      </c>
      <c r="T22211">
        <v>11</v>
      </c>
      <c r="U22211">
        <v>11</v>
      </c>
      <c r="V22211">
        <v>11</v>
      </c>
      <c r="W22211">
        <v>11</v>
      </c>
      <c r="X22211">
        <v>10</v>
      </c>
      <c r="Y22211">
        <v>10</v>
      </c>
      <c r="Z22211">
        <v>10</v>
      </c>
      <c r="AA22211">
        <v>10</v>
      </c>
      <c r="AB22211">
        <v>10</v>
      </c>
      <c r="AC22211">
        <v>10</v>
      </c>
      <c r="AD22211">
        <v>10</v>
      </c>
      <c r="AE22211">
        <v>10</v>
      </c>
      <c r="AF22211">
        <v>10</v>
      </c>
      <c r="AG22211">
        <v>10</v>
      </c>
      <c r="AH22211">
        <v>10</v>
      </c>
      <c r="AI22211">
        <v>10</v>
      </c>
      <c r="AJ22211">
        <v>10</v>
      </c>
      <c r="AK22211">
        <v>10</v>
      </c>
      <c r="AL22211">
        <v>10</v>
      </c>
      <c r="AM22211">
        <v>10</v>
      </c>
      <c r="AN22211">
        <v>10</v>
      </c>
      <c r="AO22211">
        <v>10</v>
      </c>
      <c r="AP22211">
        <v>10</v>
      </c>
      <c r="AQ22211">
        <v>10</v>
      </c>
    </row>
    <row r="22212" spans="1:43">
      <c r="A22212" t="s">
        <v>13761</v>
      </c>
      <c r="B22212" t="s">
        <v>13762</v>
      </c>
      <c r="C22212" t="s">
        <v>13743</v>
      </c>
      <c r="D22212" t="s">
        <v>13744</v>
      </c>
      <c r="E22212" t="s">
        <v>13745</v>
      </c>
      <c r="F22212" t="s">
        <v>13746</v>
      </c>
      <c r="G22212" t="s">
        <v>10734</v>
      </c>
      <c r="H22212" t="s">
        <v>10735</v>
      </c>
      <c r="I22212" s="2">
        <v>0</v>
      </c>
      <c r="J22212" s="2">
        <v>0</v>
      </c>
      <c r="K22212" s="2">
        <v>1</v>
      </c>
      <c r="L22212" t="s">
        <v>995</v>
      </c>
      <c r="M22212" t="s">
        <v>89</v>
      </c>
      <c r="N22212" t="s">
        <v>90</v>
      </c>
      <c r="O22212" t="s">
        <v>85</v>
      </c>
      <c r="P22212" t="s">
        <v>86</v>
      </c>
      <c r="Q22212">
        <v>11</v>
      </c>
      <c r="R22212">
        <v>11</v>
      </c>
      <c r="S22212">
        <v>11</v>
      </c>
      <c r="T22212">
        <v>11</v>
      </c>
      <c r="U22212">
        <v>12</v>
      </c>
      <c r="V22212">
        <v>12</v>
      </c>
      <c r="W22212">
        <v>12</v>
      </c>
      <c r="X22212">
        <v>12</v>
      </c>
      <c r="Y22212">
        <v>12</v>
      </c>
      <c r="Z22212">
        <v>12</v>
      </c>
      <c r="AA22212">
        <v>12</v>
      </c>
      <c r="AB22212">
        <v>12</v>
      </c>
      <c r="AC22212">
        <v>12</v>
      </c>
      <c r="AD22212">
        <v>12</v>
      </c>
      <c r="AE22212">
        <v>12</v>
      </c>
      <c r="AF22212">
        <v>12</v>
      </c>
      <c r="AG22212">
        <v>12</v>
      </c>
      <c r="AH22212">
        <v>12</v>
      </c>
      <c r="AI22212">
        <v>12</v>
      </c>
      <c r="AJ22212">
        <v>12</v>
      </c>
      <c r="AK22212">
        <v>12</v>
      </c>
      <c r="AL22212">
        <v>12</v>
      </c>
      <c r="AM22212">
        <v>12</v>
      </c>
      <c r="AN22212">
        <v>12</v>
      </c>
      <c r="AO22212">
        <v>12</v>
      </c>
      <c r="AP22212">
        <v>11</v>
      </c>
      <c r="AQ22212">
        <v>11</v>
      </c>
    </row>
    <row r="22213" spans="1:43">
      <c r="A22213" t="s">
        <v>13761</v>
      </c>
      <c r="B22213" t="s">
        <v>13762</v>
      </c>
      <c r="C22213" t="s">
        <v>13743</v>
      </c>
      <c r="D22213" t="s">
        <v>13744</v>
      </c>
      <c r="E22213" t="s">
        <v>13745</v>
      </c>
      <c r="F22213" t="s">
        <v>13746</v>
      </c>
      <c r="G22213" t="s">
        <v>10734</v>
      </c>
      <c r="H22213" t="s">
        <v>10735</v>
      </c>
      <c r="I22213" s="2">
        <v>0</v>
      </c>
      <c r="J22213" s="2">
        <v>0</v>
      </c>
      <c r="K22213" s="2">
        <v>1</v>
      </c>
      <c r="L22213" t="s">
        <v>995</v>
      </c>
      <c r="M22213" t="s">
        <v>83</v>
      </c>
      <c r="N22213" t="s">
        <v>91</v>
      </c>
      <c r="O22213" t="s">
        <v>85</v>
      </c>
      <c r="P22213" t="s">
        <v>86</v>
      </c>
      <c r="Q22213">
        <v>11</v>
      </c>
      <c r="R22213">
        <v>11</v>
      </c>
      <c r="S22213">
        <v>11</v>
      </c>
      <c r="T22213">
        <v>11</v>
      </c>
      <c r="U22213">
        <v>11</v>
      </c>
      <c r="V22213">
        <v>11</v>
      </c>
      <c r="W22213">
        <v>11</v>
      </c>
      <c r="X22213">
        <v>11</v>
      </c>
      <c r="Y22213">
        <v>11</v>
      </c>
      <c r="Z22213">
        <v>11</v>
      </c>
      <c r="AA22213">
        <v>11</v>
      </c>
      <c r="AB22213">
        <v>11</v>
      </c>
      <c r="AC22213">
        <v>11</v>
      </c>
      <c r="AD22213">
        <v>11</v>
      </c>
      <c r="AE22213">
        <v>11</v>
      </c>
      <c r="AF22213">
        <v>11</v>
      </c>
      <c r="AG22213">
        <v>12</v>
      </c>
      <c r="AH22213">
        <v>12</v>
      </c>
      <c r="AI22213">
        <v>12</v>
      </c>
      <c r="AJ22213">
        <v>12</v>
      </c>
      <c r="AK22213">
        <v>12</v>
      </c>
      <c r="AL22213">
        <v>12</v>
      </c>
      <c r="AM22213">
        <v>12</v>
      </c>
      <c r="AN22213">
        <v>11</v>
      </c>
      <c r="AO22213">
        <v>11</v>
      </c>
      <c r="AP22213">
        <v>11</v>
      </c>
      <c r="AQ22213">
        <v>11</v>
      </c>
    </row>
    <row r="22214" spans="1:43">
      <c r="A22214" t="s">
        <v>13763</v>
      </c>
      <c r="B22214" t="s">
        <v>13764</v>
      </c>
      <c r="C22214" t="s">
        <v>13765</v>
      </c>
      <c r="D22214" t="s">
        <v>13766</v>
      </c>
      <c r="E22214" t="s">
        <v>13745</v>
      </c>
      <c r="F22214" t="s">
        <v>13746</v>
      </c>
      <c r="G22214" t="s">
        <v>10734</v>
      </c>
      <c r="H22214" t="s">
        <v>10735</v>
      </c>
      <c r="I22214" s="2">
        <v>0</v>
      </c>
      <c r="J22214" s="2">
        <v>0</v>
      </c>
      <c r="K22214" s="2">
        <v>1</v>
      </c>
      <c r="L22214" t="s">
        <v>995</v>
      </c>
      <c r="M22214" t="s">
        <v>83</v>
      </c>
      <c r="N22214" t="s">
        <v>84</v>
      </c>
      <c r="O22214" t="s">
        <v>85</v>
      </c>
      <c r="P22214" t="s">
        <v>86</v>
      </c>
      <c r="Q22214">
        <v>8</v>
      </c>
      <c r="R22214">
        <v>8</v>
      </c>
      <c r="S22214">
        <v>8</v>
      </c>
      <c r="T22214">
        <v>8</v>
      </c>
      <c r="U22214">
        <v>8</v>
      </c>
      <c r="V22214">
        <v>8</v>
      </c>
      <c r="W22214">
        <v>8</v>
      </c>
      <c r="X22214">
        <v>8</v>
      </c>
      <c r="Y22214">
        <v>8</v>
      </c>
      <c r="Z22214">
        <v>8</v>
      </c>
      <c r="AA22214">
        <v>8</v>
      </c>
      <c r="AB22214">
        <v>8</v>
      </c>
      <c r="AC22214">
        <v>8</v>
      </c>
      <c r="AD22214">
        <v>8</v>
      </c>
      <c r="AE22214">
        <v>8</v>
      </c>
      <c r="AF22214">
        <v>8</v>
      </c>
      <c r="AG22214">
        <v>8</v>
      </c>
      <c r="AH22214">
        <v>8</v>
      </c>
      <c r="AI22214">
        <v>8</v>
      </c>
      <c r="AJ22214">
        <v>8</v>
      </c>
      <c r="AK22214">
        <v>8</v>
      </c>
      <c r="AL22214">
        <v>8</v>
      </c>
      <c r="AM22214">
        <v>8</v>
      </c>
      <c r="AN22214">
        <v>8</v>
      </c>
      <c r="AO22214">
        <v>8</v>
      </c>
      <c r="AP22214">
        <v>8</v>
      </c>
      <c r="AQ22214">
        <v>8</v>
      </c>
    </row>
    <row r="22215" spans="1:43">
      <c r="A22215" t="s">
        <v>13763</v>
      </c>
      <c r="B22215" t="s">
        <v>13764</v>
      </c>
      <c r="C22215" t="s">
        <v>13765</v>
      </c>
      <c r="D22215" t="s">
        <v>13766</v>
      </c>
      <c r="E22215" t="s">
        <v>13745</v>
      </c>
      <c r="F22215" t="s">
        <v>13746</v>
      </c>
      <c r="G22215" t="s">
        <v>10734</v>
      </c>
      <c r="H22215" t="s">
        <v>10735</v>
      </c>
      <c r="I22215" s="2">
        <v>0</v>
      </c>
      <c r="J22215" s="2">
        <v>0</v>
      </c>
      <c r="K22215" s="2">
        <v>1</v>
      </c>
      <c r="L22215" t="s">
        <v>995</v>
      </c>
      <c r="M22215" t="s">
        <v>87</v>
      </c>
      <c r="N22215" t="s">
        <v>88</v>
      </c>
      <c r="O22215" t="s">
        <v>85</v>
      </c>
      <c r="P22215" t="s">
        <v>86</v>
      </c>
      <c r="Q22215">
        <v>8</v>
      </c>
      <c r="R22215">
        <v>8</v>
      </c>
      <c r="S22215">
        <v>8</v>
      </c>
      <c r="T22215">
        <v>8</v>
      </c>
      <c r="U22215">
        <v>8</v>
      </c>
      <c r="V22215">
        <v>8</v>
      </c>
      <c r="W22215">
        <v>8</v>
      </c>
      <c r="X22215">
        <v>7</v>
      </c>
      <c r="Y22215">
        <v>7</v>
      </c>
      <c r="Z22215">
        <v>7</v>
      </c>
      <c r="AA22215">
        <v>7</v>
      </c>
      <c r="AB22215">
        <v>7</v>
      </c>
      <c r="AC22215">
        <v>7</v>
      </c>
      <c r="AD22215">
        <v>7</v>
      </c>
      <c r="AE22215">
        <v>7</v>
      </c>
      <c r="AF22215">
        <v>7</v>
      </c>
      <c r="AG22215">
        <v>7</v>
      </c>
      <c r="AH22215">
        <v>7</v>
      </c>
      <c r="AI22215">
        <v>7</v>
      </c>
      <c r="AJ22215">
        <v>7</v>
      </c>
      <c r="AK22215">
        <v>7</v>
      </c>
      <c r="AL22215">
        <v>7</v>
      </c>
      <c r="AM22215">
        <v>7</v>
      </c>
      <c r="AN22215">
        <v>7</v>
      </c>
      <c r="AO22215">
        <v>7</v>
      </c>
      <c r="AP22215">
        <v>7</v>
      </c>
      <c r="AQ22215">
        <v>7</v>
      </c>
    </row>
    <row r="22216" spans="1:43">
      <c r="A22216" t="s">
        <v>13763</v>
      </c>
      <c r="B22216" t="s">
        <v>13764</v>
      </c>
      <c r="C22216" t="s">
        <v>13765</v>
      </c>
      <c r="D22216" t="s">
        <v>13766</v>
      </c>
      <c r="E22216" t="s">
        <v>13745</v>
      </c>
      <c r="F22216" t="s">
        <v>13746</v>
      </c>
      <c r="G22216" t="s">
        <v>10734</v>
      </c>
      <c r="H22216" t="s">
        <v>10735</v>
      </c>
      <c r="I22216" s="2">
        <v>0</v>
      </c>
      <c r="J22216" s="2">
        <v>0</v>
      </c>
      <c r="K22216" s="2">
        <v>1</v>
      </c>
      <c r="L22216" t="s">
        <v>995</v>
      </c>
      <c r="M22216" t="s">
        <v>89</v>
      </c>
      <c r="N22216" t="s">
        <v>90</v>
      </c>
      <c r="O22216" t="s">
        <v>85</v>
      </c>
      <c r="P22216" t="s">
        <v>86</v>
      </c>
      <c r="Q22216">
        <v>8</v>
      </c>
      <c r="R22216">
        <v>8</v>
      </c>
      <c r="S22216">
        <v>8</v>
      </c>
      <c r="T22216">
        <v>8</v>
      </c>
      <c r="U22216">
        <v>8</v>
      </c>
      <c r="V22216">
        <v>8</v>
      </c>
      <c r="W22216">
        <v>8</v>
      </c>
      <c r="X22216">
        <v>8</v>
      </c>
      <c r="Y22216">
        <v>9</v>
      </c>
      <c r="Z22216">
        <v>9</v>
      </c>
      <c r="AA22216">
        <v>9</v>
      </c>
      <c r="AB22216">
        <v>9</v>
      </c>
      <c r="AC22216">
        <v>9</v>
      </c>
      <c r="AD22216">
        <v>9</v>
      </c>
      <c r="AE22216">
        <v>9</v>
      </c>
      <c r="AF22216">
        <v>9</v>
      </c>
      <c r="AG22216">
        <v>9</v>
      </c>
      <c r="AH22216">
        <v>8</v>
      </c>
      <c r="AI22216">
        <v>8</v>
      </c>
      <c r="AJ22216">
        <v>8</v>
      </c>
      <c r="AK22216">
        <v>8</v>
      </c>
      <c r="AL22216">
        <v>8</v>
      </c>
      <c r="AM22216">
        <v>8</v>
      </c>
      <c r="AN22216">
        <v>8</v>
      </c>
      <c r="AO22216">
        <v>8</v>
      </c>
      <c r="AP22216">
        <v>8</v>
      </c>
      <c r="AQ22216">
        <v>8</v>
      </c>
    </row>
    <row r="22217" spans="1:43">
      <c r="A22217" t="s">
        <v>13763</v>
      </c>
      <c r="B22217" t="s">
        <v>13764</v>
      </c>
      <c r="C22217" t="s">
        <v>13765</v>
      </c>
      <c r="D22217" t="s">
        <v>13766</v>
      </c>
      <c r="E22217" t="s">
        <v>13745</v>
      </c>
      <c r="F22217" t="s">
        <v>13746</v>
      </c>
      <c r="G22217" t="s">
        <v>10734</v>
      </c>
      <c r="H22217" t="s">
        <v>10735</v>
      </c>
      <c r="I22217" s="2">
        <v>0</v>
      </c>
      <c r="J22217" s="2">
        <v>0</v>
      </c>
      <c r="K22217" s="2">
        <v>1</v>
      </c>
      <c r="L22217" t="s">
        <v>995</v>
      </c>
      <c r="M22217" t="s">
        <v>83</v>
      </c>
      <c r="N22217" t="s">
        <v>91</v>
      </c>
      <c r="O22217" t="s">
        <v>85</v>
      </c>
      <c r="P22217" t="s">
        <v>86</v>
      </c>
      <c r="Q22217">
        <v>8</v>
      </c>
      <c r="R22217">
        <v>8</v>
      </c>
      <c r="S22217">
        <v>8</v>
      </c>
      <c r="T22217">
        <v>8</v>
      </c>
      <c r="U22217">
        <v>8</v>
      </c>
      <c r="V22217">
        <v>8</v>
      </c>
      <c r="W22217">
        <v>8</v>
      </c>
      <c r="X22217">
        <v>8</v>
      </c>
      <c r="Y22217">
        <v>8</v>
      </c>
      <c r="Z22217">
        <v>8</v>
      </c>
      <c r="AA22217">
        <v>8</v>
      </c>
      <c r="AB22217">
        <v>8</v>
      </c>
      <c r="AC22217">
        <v>8</v>
      </c>
      <c r="AD22217">
        <v>8</v>
      </c>
      <c r="AE22217">
        <v>8</v>
      </c>
      <c r="AF22217">
        <v>8</v>
      </c>
      <c r="AG22217">
        <v>8</v>
      </c>
      <c r="AH22217">
        <v>8</v>
      </c>
      <c r="AI22217">
        <v>8</v>
      </c>
      <c r="AJ22217">
        <v>8</v>
      </c>
      <c r="AK22217">
        <v>8</v>
      </c>
      <c r="AL22217">
        <v>8</v>
      </c>
      <c r="AM22217">
        <v>8</v>
      </c>
      <c r="AN22217">
        <v>8</v>
      </c>
      <c r="AO22217">
        <v>8</v>
      </c>
      <c r="AP22217">
        <v>8</v>
      </c>
      <c r="AQ22217">
        <v>8</v>
      </c>
    </row>
    <row r="22218" spans="1:43">
      <c r="A22218" t="s">
        <v>13767</v>
      </c>
      <c r="B22218" t="s">
        <v>13768</v>
      </c>
      <c r="C22218" t="s">
        <v>13765</v>
      </c>
      <c r="D22218" t="s">
        <v>13766</v>
      </c>
      <c r="E22218" t="s">
        <v>13745</v>
      </c>
      <c r="F22218" t="s">
        <v>13746</v>
      </c>
      <c r="G22218" t="s">
        <v>10734</v>
      </c>
      <c r="H22218" t="s">
        <v>10735</v>
      </c>
      <c r="I22218" s="2">
        <v>0</v>
      </c>
      <c r="J22218" s="2">
        <v>0</v>
      </c>
      <c r="K22218" s="2">
        <v>1</v>
      </c>
      <c r="L22218" t="s">
        <v>995</v>
      </c>
      <c r="M22218" t="s">
        <v>83</v>
      </c>
      <c r="N22218" t="s">
        <v>84</v>
      </c>
      <c r="O22218" t="s">
        <v>85</v>
      </c>
      <c r="P22218" t="s">
        <v>86</v>
      </c>
      <c r="Q22218">
        <v>6</v>
      </c>
      <c r="R22218">
        <v>6</v>
      </c>
      <c r="S22218">
        <v>6</v>
      </c>
      <c r="T22218">
        <v>6</v>
      </c>
      <c r="U22218">
        <v>6</v>
      </c>
      <c r="V22218">
        <v>6</v>
      </c>
      <c r="W22218">
        <v>6</v>
      </c>
      <c r="X22218">
        <v>6</v>
      </c>
      <c r="Y22218">
        <v>6</v>
      </c>
      <c r="Z22218">
        <v>6</v>
      </c>
      <c r="AA22218">
        <v>6</v>
      </c>
      <c r="AB22218">
        <v>6</v>
      </c>
      <c r="AC22218">
        <v>6</v>
      </c>
      <c r="AD22218">
        <v>6</v>
      </c>
      <c r="AE22218">
        <v>6</v>
      </c>
      <c r="AF22218">
        <v>6</v>
      </c>
      <c r="AG22218">
        <v>6</v>
      </c>
      <c r="AH22218">
        <v>6</v>
      </c>
      <c r="AI22218">
        <v>6</v>
      </c>
      <c r="AJ22218">
        <v>6</v>
      </c>
      <c r="AK22218">
        <v>6</v>
      </c>
      <c r="AL22218">
        <v>6</v>
      </c>
      <c r="AM22218">
        <v>6</v>
      </c>
      <c r="AN22218">
        <v>6</v>
      </c>
      <c r="AO22218">
        <v>6</v>
      </c>
      <c r="AP22218">
        <v>6</v>
      </c>
      <c r="AQ22218">
        <v>6</v>
      </c>
    </row>
    <row r="22219" spans="1:43">
      <c r="A22219" t="s">
        <v>13767</v>
      </c>
      <c r="B22219" t="s">
        <v>13768</v>
      </c>
      <c r="C22219" t="s">
        <v>13765</v>
      </c>
      <c r="D22219" t="s">
        <v>13766</v>
      </c>
      <c r="E22219" t="s">
        <v>13745</v>
      </c>
      <c r="F22219" t="s">
        <v>13746</v>
      </c>
      <c r="G22219" t="s">
        <v>10734</v>
      </c>
      <c r="H22219" t="s">
        <v>10735</v>
      </c>
      <c r="I22219" s="2">
        <v>0</v>
      </c>
      <c r="J22219" s="2">
        <v>0</v>
      </c>
      <c r="K22219" s="2">
        <v>1</v>
      </c>
      <c r="L22219" t="s">
        <v>995</v>
      </c>
      <c r="M22219" t="s">
        <v>87</v>
      </c>
      <c r="N22219" t="s">
        <v>88</v>
      </c>
      <c r="O22219" t="s">
        <v>85</v>
      </c>
      <c r="P22219" t="s">
        <v>86</v>
      </c>
      <c r="Q22219">
        <v>6</v>
      </c>
      <c r="R22219">
        <v>6</v>
      </c>
      <c r="S22219">
        <v>6</v>
      </c>
      <c r="T22219">
        <v>6</v>
      </c>
      <c r="U22219">
        <v>6</v>
      </c>
      <c r="V22219">
        <v>6</v>
      </c>
      <c r="W22219">
        <v>6</v>
      </c>
      <c r="X22219">
        <v>6</v>
      </c>
      <c r="Y22219">
        <v>6</v>
      </c>
      <c r="Z22219">
        <v>6</v>
      </c>
      <c r="AA22219">
        <v>6</v>
      </c>
      <c r="AB22219">
        <v>6</v>
      </c>
      <c r="AC22219">
        <v>6</v>
      </c>
      <c r="AD22219">
        <v>6</v>
      </c>
      <c r="AE22219">
        <v>6</v>
      </c>
      <c r="AF22219">
        <v>6</v>
      </c>
      <c r="AG22219">
        <v>5</v>
      </c>
      <c r="AH22219">
        <v>5</v>
      </c>
      <c r="AI22219">
        <v>5</v>
      </c>
      <c r="AJ22219">
        <v>5</v>
      </c>
      <c r="AK22219">
        <v>5</v>
      </c>
      <c r="AL22219">
        <v>5</v>
      </c>
      <c r="AM22219">
        <v>5</v>
      </c>
      <c r="AN22219">
        <v>5</v>
      </c>
      <c r="AO22219">
        <v>5</v>
      </c>
      <c r="AP22219">
        <v>5</v>
      </c>
      <c r="AQ22219">
        <v>5</v>
      </c>
    </row>
    <row r="22220" spans="1:43">
      <c r="A22220" t="s">
        <v>13767</v>
      </c>
      <c r="B22220" t="s">
        <v>13768</v>
      </c>
      <c r="C22220" t="s">
        <v>13765</v>
      </c>
      <c r="D22220" t="s">
        <v>13766</v>
      </c>
      <c r="E22220" t="s">
        <v>13745</v>
      </c>
      <c r="F22220" t="s">
        <v>13746</v>
      </c>
      <c r="G22220" t="s">
        <v>10734</v>
      </c>
      <c r="H22220" t="s">
        <v>10735</v>
      </c>
      <c r="I22220" s="2">
        <v>0</v>
      </c>
      <c r="J22220" s="2">
        <v>0</v>
      </c>
      <c r="K22220" s="2">
        <v>1</v>
      </c>
      <c r="L22220" t="s">
        <v>995</v>
      </c>
      <c r="M22220" t="s">
        <v>89</v>
      </c>
      <c r="N22220" t="s">
        <v>90</v>
      </c>
      <c r="O22220" t="s">
        <v>85</v>
      </c>
      <c r="P22220" t="s">
        <v>86</v>
      </c>
      <c r="Q22220">
        <v>6</v>
      </c>
      <c r="R22220">
        <v>6</v>
      </c>
      <c r="S22220">
        <v>6</v>
      </c>
      <c r="T22220">
        <v>6</v>
      </c>
      <c r="U22220">
        <v>6</v>
      </c>
      <c r="V22220">
        <v>6</v>
      </c>
      <c r="W22220">
        <v>6</v>
      </c>
      <c r="X22220">
        <v>6</v>
      </c>
      <c r="Y22220">
        <v>7</v>
      </c>
      <c r="Z22220">
        <v>7</v>
      </c>
      <c r="AA22220">
        <v>7</v>
      </c>
      <c r="AB22220">
        <v>7</v>
      </c>
      <c r="AC22220">
        <v>7</v>
      </c>
      <c r="AD22220">
        <v>7</v>
      </c>
      <c r="AE22220">
        <v>7</v>
      </c>
      <c r="AF22220">
        <v>7</v>
      </c>
      <c r="AG22220">
        <v>7</v>
      </c>
      <c r="AH22220">
        <v>7</v>
      </c>
      <c r="AI22220">
        <v>6</v>
      </c>
      <c r="AJ22220">
        <v>6</v>
      </c>
      <c r="AK22220">
        <v>6</v>
      </c>
      <c r="AL22220">
        <v>6</v>
      </c>
      <c r="AM22220">
        <v>6</v>
      </c>
      <c r="AN22220">
        <v>6</v>
      </c>
      <c r="AO22220">
        <v>6</v>
      </c>
      <c r="AP22220">
        <v>6</v>
      </c>
      <c r="AQ22220">
        <v>6</v>
      </c>
    </row>
    <row r="22221" spans="1:43">
      <c r="A22221" t="s">
        <v>13767</v>
      </c>
      <c r="B22221" t="s">
        <v>13768</v>
      </c>
      <c r="C22221" t="s">
        <v>13765</v>
      </c>
      <c r="D22221" t="s">
        <v>13766</v>
      </c>
      <c r="E22221" t="s">
        <v>13745</v>
      </c>
      <c r="F22221" t="s">
        <v>13746</v>
      </c>
      <c r="G22221" t="s">
        <v>10734</v>
      </c>
      <c r="H22221" t="s">
        <v>10735</v>
      </c>
      <c r="I22221" s="2">
        <v>0</v>
      </c>
      <c r="J22221" s="2">
        <v>0</v>
      </c>
      <c r="K22221" s="2">
        <v>1</v>
      </c>
      <c r="L22221" t="s">
        <v>995</v>
      </c>
      <c r="M22221" t="s">
        <v>83</v>
      </c>
      <c r="N22221" t="s">
        <v>91</v>
      </c>
      <c r="O22221" t="s">
        <v>85</v>
      </c>
      <c r="P22221" t="s">
        <v>86</v>
      </c>
      <c r="Q22221">
        <v>6</v>
      </c>
      <c r="R22221">
        <v>6</v>
      </c>
      <c r="S22221">
        <v>6</v>
      </c>
      <c r="T22221">
        <v>6</v>
      </c>
      <c r="U22221">
        <v>6</v>
      </c>
      <c r="V22221">
        <v>6</v>
      </c>
      <c r="W22221">
        <v>6</v>
      </c>
      <c r="X22221">
        <v>6</v>
      </c>
      <c r="Y22221">
        <v>6</v>
      </c>
      <c r="Z22221">
        <v>6</v>
      </c>
      <c r="AA22221">
        <v>6</v>
      </c>
      <c r="AB22221">
        <v>6</v>
      </c>
      <c r="AC22221">
        <v>6</v>
      </c>
      <c r="AD22221">
        <v>6</v>
      </c>
      <c r="AE22221">
        <v>6</v>
      </c>
      <c r="AF22221">
        <v>6</v>
      </c>
      <c r="AG22221">
        <v>6</v>
      </c>
      <c r="AH22221">
        <v>6</v>
      </c>
      <c r="AI22221">
        <v>6</v>
      </c>
      <c r="AJ22221">
        <v>6</v>
      </c>
      <c r="AK22221">
        <v>6</v>
      </c>
      <c r="AL22221">
        <v>6</v>
      </c>
      <c r="AM22221">
        <v>6</v>
      </c>
      <c r="AN22221">
        <v>6</v>
      </c>
      <c r="AO22221">
        <v>6</v>
      </c>
      <c r="AP22221">
        <v>6</v>
      </c>
      <c r="AQ22221">
        <v>6</v>
      </c>
    </row>
    <row r="22222" spans="1:43">
      <c r="A22222" t="s">
        <v>13769</v>
      </c>
      <c r="B22222" t="s">
        <v>13770</v>
      </c>
      <c r="C22222" t="s">
        <v>13765</v>
      </c>
      <c r="D22222" t="s">
        <v>13766</v>
      </c>
      <c r="E22222" t="s">
        <v>13745</v>
      </c>
      <c r="F22222" t="s">
        <v>13746</v>
      </c>
      <c r="G22222" t="s">
        <v>10734</v>
      </c>
      <c r="H22222" t="s">
        <v>10735</v>
      </c>
      <c r="I22222" s="2">
        <v>0</v>
      </c>
      <c r="J22222" s="2">
        <v>0</v>
      </c>
      <c r="K22222" s="2">
        <v>1</v>
      </c>
      <c r="L22222" t="s">
        <v>995</v>
      </c>
      <c r="M22222" t="s">
        <v>83</v>
      </c>
      <c r="N22222" t="s">
        <v>84</v>
      </c>
      <c r="O22222" t="s">
        <v>85</v>
      </c>
      <c r="P22222" t="s">
        <v>86</v>
      </c>
      <c r="Q22222">
        <v>3</v>
      </c>
      <c r="R22222">
        <v>3</v>
      </c>
      <c r="S22222">
        <v>3</v>
      </c>
      <c r="T22222">
        <v>3</v>
      </c>
      <c r="U22222">
        <v>3</v>
      </c>
      <c r="V22222">
        <v>3</v>
      </c>
      <c r="W22222">
        <v>3</v>
      </c>
      <c r="X22222">
        <v>3</v>
      </c>
      <c r="Y22222">
        <v>3</v>
      </c>
      <c r="Z22222">
        <v>3</v>
      </c>
      <c r="AA22222">
        <v>3</v>
      </c>
      <c r="AB22222">
        <v>3</v>
      </c>
      <c r="AC22222">
        <v>3</v>
      </c>
      <c r="AD22222">
        <v>3</v>
      </c>
      <c r="AE22222">
        <v>3</v>
      </c>
      <c r="AF22222">
        <v>3</v>
      </c>
      <c r="AG22222">
        <v>3</v>
      </c>
      <c r="AH22222">
        <v>3</v>
      </c>
      <c r="AI22222">
        <v>3</v>
      </c>
      <c r="AJ22222">
        <v>3</v>
      </c>
      <c r="AK22222">
        <v>3</v>
      </c>
      <c r="AL22222">
        <v>3</v>
      </c>
      <c r="AM22222">
        <v>3</v>
      </c>
      <c r="AN22222">
        <v>3</v>
      </c>
      <c r="AO22222">
        <v>3</v>
      </c>
      <c r="AP22222">
        <v>3</v>
      </c>
      <c r="AQ22222">
        <v>3</v>
      </c>
    </row>
    <row r="22223" spans="1:43">
      <c r="A22223" t="s">
        <v>13769</v>
      </c>
      <c r="B22223" t="s">
        <v>13770</v>
      </c>
      <c r="C22223" t="s">
        <v>13765</v>
      </c>
      <c r="D22223" t="s">
        <v>13766</v>
      </c>
      <c r="E22223" t="s">
        <v>13745</v>
      </c>
      <c r="F22223" t="s">
        <v>13746</v>
      </c>
      <c r="G22223" t="s">
        <v>10734</v>
      </c>
      <c r="H22223" t="s">
        <v>10735</v>
      </c>
      <c r="I22223" s="2">
        <v>0</v>
      </c>
      <c r="J22223" s="2">
        <v>0</v>
      </c>
      <c r="K22223" s="2">
        <v>1</v>
      </c>
      <c r="L22223" t="s">
        <v>995</v>
      </c>
      <c r="M22223" t="s">
        <v>87</v>
      </c>
      <c r="N22223" t="s">
        <v>88</v>
      </c>
      <c r="O22223" t="s">
        <v>85</v>
      </c>
      <c r="P22223" t="s">
        <v>86</v>
      </c>
      <c r="Q22223">
        <v>3</v>
      </c>
      <c r="R22223">
        <v>3</v>
      </c>
      <c r="S22223">
        <v>3</v>
      </c>
      <c r="T22223">
        <v>2</v>
      </c>
      <c r="U22223">
        <v>2</v>
      </c>
      <c r="V22223">
        <v>2</v>
      </c>
      <c r="W22223">
        <v>2</v>
      </c>
      <c r="X22223">
        <v>2</v>
      </c>
      <c r="Y22223">
        <v>2</v>
      </c>
      <c r="Z22223">
        <v>2</v>
      </c>
      <c r="AA22223">
        <v>2</v>
      </c>
      <c r="AB22223">
        <v>2</v>
      </c>
      <c r="AC22223">
        <v>2</v>
      </c>
      <c r="AD22223">
        <v>2</v>
      </c>
      <c r="AE22223">
        <v>2</v>
      </c>
      <c r="AF22223">
        <v>2</v>
      </c>
      <c r="AG22223">
        <v>2</v>
      </c>
      <c r="AH22223">
        <v>2</v>
      </c>
      <c r="AI22223">
        <v>2</v>
      </c>
      <c r="AJ22223">
        <v>2</v>
      </c>
      <c r="AK22223">
        <v>2</v>
      </c>
      <c r="AL22223">
        <v>2</v>
      </c>
      <c r="AM22223">
        <v>2</v>
      </c>
      <c r="AN22223">
        <v>2</v>
      </c>
      <c r="AO22223">
        <v>2</v>
      </c>
      <c r="AP22223">
        <v>2</v>
      </c>
      <c r="AQ22223">
        <v>2</v>
      </c>
    </row>
    <row r="22224" spans="1:43">
      <c r="A22224" t="s">
        <v>13769</v>
      </c>
      <c r="B22224" t="s">
        <v>13770</v>
      </c>
      <c r="C22224" t="s">
        <v>13765</v>
      </c>
      <c r="D22224" t="s">
        <v>13766</v>
      </c>
      <c r="E22224" t="s">
        <v>13745</v>
      </c>
      <c r="F22224" t="s">
        <v>13746</v>
      </c>
      <c r="G22224" t="s">
        <v>10734</v>
      </c>
      <c r="H22224" t="s">
        <v>10735</v>
      </c>
      <c r="I22224" s="2">
        <v>0</v>
      </c>
      <c r="J22224" s="2">
        <v>0</v>
      </c>
      <c r="K22224" s="2">
        <v>1</v>
      </c>
      <c r="L22224" t="s">
        <v>995</v>
      </c>
      <c r="M22224" t="s">
        <v>89</v>
      </c>
      <c r="N22224" t="s">
        <v>90</v>
      </c>
      <c r="O22224" t="s">
        <v>85</v>
      </c>
      <c r="P22224" t="s">
        <v>86</v>
      </c>
      <c r="Q22224">
        <v>3</v>
      </c>
      <c r="R22224">
        <v>3</v>
      </c>
      <c r="S22224">
        <v>3</v>
      </c>
      <c r="T22224">
        <v>3</v>
      </c>
      <c r="U22224">
        <v>3</v>
      </c>
      <c r="V22224">
        <v>3</v>
      </c>
      <c r="W22224">
        <v>3</v>
      </c>
      <c r="X22224">
        <v>3</v>
      </c>
      <c r="Y22224">
        <v>3</v>
      </c>
      <c r="Z22224">
        <v>3</v>
      </c>
      <c r="AA22224">
        <v>3</v>
      </c>
      <c r="AB22224">
        <v>3</v>
      </c>
      <c r="AC22224">
        <v>3</v>
      </c>
      <c r="AD22224">
        <v>3</v>
      </c>
      <c r="AE22224">
        <v>3</v>
      </c>
      <c r="AF22224">
        <v>3</v>
      </c>
      <c r="AG22224">
        <v>3</v>
      </c>
      <c r="AH22224">
        <v>3</v>
      </c>
      <c r="AI22224">
        <v>3</v>
      </c>
      <c r="AJ22224">
        <v>3</v>
      </c>
      <c r="AK22224">
        <v>3</v>
      </c>
      <c r="AL22224">
        <v>3</v>
      </c>
      <c r="AM22224">
        <v>3</v>
      </c>
      <c r="AN22224">
        <v>3</v>
      </c>
      <c r="AO22224">
        <v>3</v>
      </c>
      <c r="AP22224">
        <v>3</v>
      </c>
      <c r="AQ22224">
        <v>3</v>
      </c>
    </row>
    <row r="22225" spans="1:43">
      <c r="A22225" t="s">
        <v>13769</v>
      </c>
      <c r="B22225" t="s">
        <v>13770</v>
      </c>
      <c r="C22225" t="s">
        <v>13765</v>
      </c>
      <c r="D22225" t="s">
        <v>13766</v>
      </c>
      <c r="E22225" t="s">
        <v>13745</v>
      </c>
      <c r="F22225" t="s">
        <v>13746</v>
      </c>
      <c r="G22225" t="s">
        <v>10734</v>
      </c>
      <c r="H22225" t="s">
        <v>10735</v>
      </c>
      <c r="I22225" s="2">
        <v>0</v>
      </c>
      <c r="J22225" s="2">
        <v>0</v>
      </c>
      <c r="K22225" s="2">
        <v>1</v>
      </c>
      <c r="L22225" t="s">
        <v>995</v>
      </c>
      <c r="M22225" t="s">
        <v>83</v>
      </c>
      <c r="N22225" t="s">
        <v>91</v>
      </c>
      <c r="O22225" t="s">
        <v>85</v>
      </c>
      <c r="P22225" t="s">
        <v>86</v>
      </c>
      <c r="Q22225">
        <v>3</v>
      </c>
      <c r="R22225">
        <v>3</v>
      </c>
      <c r="S22225">
        <v>3</v>
      </c>
      <c r="T22225">
        <v>3</v>
      </c>
      <c r="U22225">
        <v>3</v>
      </c>
      <c r="V22225">
        <v>3</v>
      </c>
      <c r="W22225">
        <v>3</v>
      </c>
      <c r="X22225">
        <v>3</v>
      </c>
      <c r="Y22225">
        <v>3</v>
      </c>
      <c r="Z22225">
        <v>3</v>
      </c>
      <c r="AA22225">
        <v>3</v>
      </c>
      <c r="AB22225">
        <v>3</v>
      </c>
      <c r="AC22225">
        <v>3</v>
      </c>
      <c r="AD22225">
        <v>3</v>
      </c>
      <c r="AE22225">
        <v>3</v>
      </c>
      <c r="AF22225">
        <v>3</v>
      </c>
      <c r="AG22225">
        <v>3</v>
      </c>
      <c r="AH22225">
        <v>3</v>
      </c>
      <c r="AI22225">
        <v>3</v>
      </c>
      <c r="AJ22225">
        <v>3</v>
      </c>
      <c r="AK22225">
        <v>3</v>
      </c>
      <c r="AL22225">
        <v>3</v>
      </c>
      <c r="AM22225">
        <v>3</v>
      </c>
      <c r="AN22225">
        <v>3</v>
      </c>
      <c r="AO22225">
        <v>3</v>
      </c>
      <c r="AP22225">
        <v>3</v>
      </c>
      <c r="AQ22225">
        <v>3</v>
      </c>
    </row>
    <row r="22226" spans="1:43">
      <c r="A22226" t="s">
        <v>13771</v>
      </c>
      <c r="B22226" t="s">
        <v>13772</v>
      </c>
      <c r="C22226" t="s">
        <v>13773</v>
      </c>
      <c r="D22226" t="s">
        <v>13774</v>
      </c>
      <c r="E22226" t="s">
        <v>13745</v>
      </c>
      <c r="F22226" t="s">
        <v>13746</v>
      </c>
      <c r="G22226" t="s">
        <v>10734</v>
      </c>
      <c r="H22226" t="s">
        <v>10735</v>
      </c>
      <c r="I22226" s="2">
        <v>0</v>
      </c>
      <c r="J22226" s="2">
        <v>0</v>
      </c>
      <c r="K22226" s="2">
        <v>1</v>
      </c>
      <c r="L22226" t="s">
        <v>995</v>
      </c>
      <c r="M22226" t="s">
        <v>83</v>
      </c>
      <c r="N22226" t="s">
        <v>84</v>
      </c>
      <c r="O22226" t="s">
        <v>85</v>
      </c>
      <c r="P22226" t="s">
        <v>86</v>
      </c>
      <c r="Q22226">
        <v>30</v>
      </c>
      <c r="R22226">
        <v>30</v>
      </c>
      <c r="S22226">
        <v>30</v>
      </c>
      <c r="T22226">
        <v>30</v>
      </c>
      <c r="U22226">
        <v>30</v>
      </c>
      <c r="V22226">
        <v>30</v>
      </c>
      <c r="W22226">
        <v>30</v>
      </c>
      <c r="X22226">
        <v>31</v>
      </c>
      <c r="Y22226">
        <v>31</v>
      </c>
      <c r="Z22226">
        <v>31</v>
      </c>
      <c r="AA22226">
        <v>31</v>
      </c>
      <c r="AB22226">
        <v>31</v>
      </c>
      <c r="AC22226">
        <v>31</v>
      </c>
      <c r="AD22226">
        <v>31</v>
      </c>
      <c r="AE22226">
        <v>31</v>
      </c>
      <c r="AF22226">
        <v>31</v>
      </c>
      <c r="AG22226">
        <v>31</v>
      </c>
      <c r="AH22226">
        <v>31</v>
      </c>
      <c r="AI22226">
        <v>32</v>
      </c>
      <c r="AJ22226">
        <v>32</v>
      </c>
      <c r="AK22226">
        <v>32</v>
      </c>
      <c r="AL22226">
        <v>32</v>
      </c>
      <c r="AM22226">
        <v>31</v>
      </c>
      <c r="AN22226">
        <v>31</v>
      </c>
      <c r="AO22226">
        <v>31</v>
      </c>
      <c r="AP22226">
        <v>31</v>
      </c>
      <c r="AQ22226">
        <v>31</v>
      </c>
    </row>
    <row r="22227" spans="1:43">
      <c r="A22227" t="s">
        <v>13771</v>
      </c>
      <c r="B22227" t="s">
        <v>13772</v>
      </c>
      <c r="C22227" t="s">
        <v>13773</v>
      </c>
      <c r="D22227" t="s">
        <v>13774</v>
      </c>
      <c r="E22227" t="s">
        <v>13745</v>
      </c>
      <c r="F22227" t="s">
        <v>13746</v>
      </c>
      <c r="G22227" t="s">
        <v>10734</v>
      </c>
      <c r="H22227" t="s">
        <v>10735</v>
      </c>
      <c r="I22227" s="2">
        <v>0</v>
      </c>
      <c r="J22227" s="2">
        <v>0</v>
      </c>
      <c r="K22227" s="2">
        <v>1</v>
      </c>
      <c r="L22227" t="s">
        <v>995</v>
      </c>
      <c r="M22227" t="s">
        <v>87</v>
      </c>
      <c r="N22227" t="s">
        <v>88</v>
      </c>
      <c r="O22227" t="s">
        <v>85</v>
      </c>
      <c r="P22227" t="s">
        <v>86</v>
      </c>
      <c r="Q22227">
        <v>30</v>
      </c>
      <c r="R22227">
        <v>30</v>
      </c>
      <c r="S22227">
        <v>30</v>
      </c>
      <c r="T22227">
        <v>30</v>
      </c>
      <c r="U22227">
        <v>30</v>
      </c>
      <c r="V22227">
        <v>30</v>
      </c>
      <c r="W22227">
        <v>30</v>
      </c>
      <c r="X22227">
        <v>29</v>
      </c>
      <c r="Y22227">
        <v>29</v>
      </c>
      <c r="Z22227">
        <v>29</v>
      </c>
      <c r="AA22227">
        <v>29</v>
      </c>
      <c r="AB22227">
        <v>29</v>
      </c>
      <c r="AC22227">
        <v>29</v>
      </c>
      <c r="AD22227">
        <v>29</v>
      </c>
      <c r="AE22227">
        <v>29</v>
      </c>
      <c r="AF22227">
        <v>29</v>
      </c>
      <c r="AG22227">
        <v>29</v>
      </c>
      <c r="AH22227">
        <v>28</v>
      </c>
      <c r="AI22227">
        <v>28</v>
      </c>
      <c r="AJ22227">
        <v>28</v>
      </c>
      <c r="AK22227">
        <v>28</v>
      </c>
      <c r="AL22227">
        <v>28</v>
      </c>
      <c r="AM22227">
        <v>28</v>
      </c>
      <c r="AN22227">
        <v>28</v>
      </c>
      <c r="AO22227">
        <v>28</v>
      </c>
      <c r="AP22227">
        <v>28</v>
      </c>
      <c r="AQ22227">
        <v>28</v>
      </c>
    </row>
    <row r="22228" spans="1:43">
      <c r="A22228" t="s">
        <v>13771</v>
      </c>
      <c r="B22228" t="s">
        <v>13772</v>
      </c>
      <c r="C22228" t="s">
        <v>13773</v>
      </c>
      <c r="D22228" t="s">
        <v>13774</v>
      </c>
      <c r="E22228" t="s">
        <v>13745</v>
      </c>
      <c r="F22228" t="s">
        <v>13746</v>
      </c>
      <c r="G22228" t="s">
        <v>10734</v>
      </c>
      <c r="H22228" t="s">
        <v>10735</v>
      </c>
      <c r="I22228" s="2">
        <v>0</v>
      </c>
      <c r="J22228" s="2">
        <v>0</v>
      </c>
      <c r="K22228" s="2">
        <v>1</v>
      </c>
      <c r="L22228" t="s">
        <v>995</v>
      </c>
      <c r="M22228" t="s">
        <v>89</v>
      </c>
      <c r="N22228" t="s">
        <v>90</v>
      </c>
      <c r="O22228" t="s">
        <v>85</v>
      </c>
      <c r="P22228" t="s">
        <v>86</v>
      </c>
      <c r="Q22228">
        <v>30</v>
      </c>
      <c r="R22228">
        <v>30</v>
      </c>
      <c r="S22228">
        <v>31</v>
      </c>
      <c r="T22228">
        <v>31</v>
      </c>
      <c r="U22228">
        <v>31</v>
      </c>
      <c r="V22228">
        <v>32</v>
      </c>
      <c r="W22228">
        <v>32</v>
      </c>
      <c r="X22228">
        <v>32</v>
      </c>
      <c r="Y22228">
        <v>32</v>
      </c>
      <c r="Z22228">
        <v>33</v>
      </c>
      <c r="AA22228">
        <v>33</v>
      </c>
      <c r="AB22228">
        <v>33</v>
      </c>
      <c r="AC22228">
        <v>33</v>
      </c>
      <c r="AD22228">
        <v>33</v>
      </c>
      <c r="AE22228">
        <v>33</v>
      </c>
      <c r="AF22228">
        <v>33</v>
      </c>
      <c r="AG22228">
        <v>33</v>
      </c>
      <c r="AH22228">
        <v>33</v>
      </c>
      <c r="AI22228">
        <v>33</v>
      </c>
      <c r="AJ22228">
        <v>33</v>
      </c>
      <c r="AK22228">
        <v>32</v>
      </c>
      <c r="AL22228">
        <v>32</v>
      </c>
      <c r="AM22228">
        <v>32</v>
      </c>
      <c r="AN22228">
        <v>32</v>
      </c>
      <c r="AO22228">
        <v>32</v>
      </c>
      <c r="AP22228">
        <v>31</v>
      </c>
      <c r="AQ22228">
        <v>31</v>
      </c>
    </row>
    <row r="22229" spans="1:43">
      <c r="A22229" t="s">
        <v>13771</v>
      </c>
      <c r="B22229" t="s">
        <v>13772</v>
      </c>
      <c r="C22229" t="s">
        <v>13773</v>
      </c>
      <c r="D22229" t="s">
        <v>13774</v>
      </c>
      <c r="E22229" t="s">
        <v>13745</v>
      </c>
      <c r="F22229" t="s">
        <v>13746</v>
      </c>
      <c r="G22229" t="s">
        <v>10734</v>
      </c>
      <c r="H22229" t="s">
        <v>10735</v>
      </c>
      <c r="I22229" s="2">
        <v>0</v>
      </c>
      <c r="J22229" s="2">
        <v>0</v>
      </c>
      <c r="K22229" s="2">
        <v>1</v>
      </c>
      <c r="L22229" t="s">
        <v>995</v>
      </c>
      <c r="M22229" t="s">
        <v>83</v>
      </c>
      <c r="N22229" t="s">
        <v>91</v>
      </c>
      <c r="O22229" t="s">
        <v>85</v>
      </c>
      <c r="P22229" t="s">
        <v>86</v>
      </c>
      <c r="Q22229">
        <v>30</v>
      </c>
      <c r="R22229">
        <v>30</v>
      </c>
      <c r="S22229">
        <v>30</v>
      </c>
      <c r="T22229">
        <v>30</v>
      </c>
      <c r="U22229">
        <v>30</v>
      </c>
      <c r="V22229">
        <v>30</v>
      </c>
      <c r="W22229">
        <v>30</v>
      </c>
      <c r="X22229">
        <v>31</v>
      </c>
      <c r="Y22229">
        <v>31</v>
      </c>
      <c r="Z22229">
        <v>31</v>
      </c>
      <c r="AA22229">
        <v>31</v>
      </c>
      <c r="AB22229">
        <v>31</v>
      </c>
      <c r="AC22229">
        <v>31</v>
      </c>
      <c r="AD22229">
        <v>31</v>
      </c>
      <c r="AE22229">
        <v>31</v>
      </c>
      <c r="AF22229">
        <v>31</v>
      </c>
      <c r="AG22229">
        <v>31</v>
      </c>
      <c r="AH22229">
        <v>31</v>
      </c>
      <c r="AI22229">
        <v>32</v>
      </c>
      <c r="AJ22229">
        <v>32</v>
      </c>
      <c r="AK22229">
        <v>32</v>
      </c>
      <c r="AL22229">
        <v>32</v>
      </c>
      <c r="AM22229">
        <v>31</v>
      </c>
      <c r="AN22229">
        <v>31</v>
      </c>
      <c r="AO22229">
        <v>31</v>
      </c>
      <c r="AP22229">
        <v>31</v>
      </c>
      <c r="AQ22229">
        <v>31</v>
      </c>
    </row>
    <row r="22230" spans="1:43">
      <c r="A22230" t="s">
        <v>13775</v>
      </c>
      <c r="B22230" t="s">
        <v>13776</v>
      </c>
      <c r="C22230" t="s">
        <v>13773</v>
      </c>
      <c r="D22230" t="s">
        <v>13774</v>
      </c>
      <c r="E22230" t="s">
        <v>13745</v>
      </c>
      <c r="F22230" t="s">
        <v>13746</v>
      </c>
      <c r="G22230" t="s">
        <v>10734</v>
      </c>
      <c r="H22230" t="s">
        <v>10735</v>
      </c>
      <c r="I22230" s="2">
        <v>0</v>
      </c>
      <c r="J22230" s="2">
        <v>0</v>
      </c>
      <c r="K22230" s="2">
        <v>1</v>
      </c>
      <c r="L22230" t="s">
        <v>995</v>
      </c>
      <c r="M22230" t="s">
        <v>83</v>
      </c>
      <c r="N22230" t="s">
        <v>84</v>
      </c>
      <c r="O22230" t="s">
        <v>85</v>
      </c>
      <c r="P22230" t="s">
        <v>86</v>
      </c>
      <c r="Q22230">
        <v>26</v>
      </c>
      <c r="R22230">
        <v>26</v>
      </c>
      <c r="S22230">
        <v>26</v>
      </c>
      <c r="T22230">
        <v>26</v>
      </c>
      <c r="U22230">
        <v>26</v>
      </c>
      <c r="V22230">
        <v>27</v>
      </c>
      <c r="W22230">
        <v>27</v>
      </c>
      <c r="X22230">
        <v>27</v>
      </c>
      <c r="Y22230">
        <v>27</v>
      </c>
      <c r="Z22230">
        <v>27</v>
      </c>
      <c r="AA22230">
        <v>27</v>
      </c>
      <c r="AB22230">
        <v>27</v>
      </c>
      <c r="AC22230">
        <v>27</v>
      </c>
      <c r="AD22230">
        <v>27</v>
      </c>
      <c r="AE22230">
        <v>27</v>
      </c>
      <c r="AF22230">
        <v>27</v>
      </c>
      <c r="AG22230">
        <v>27</v>
      </c>
      <c r="AH22230">
        <v>27</v>
      </c>
      <c r="AI22230">
        <v>27</v>
      </c>
      <c r="AJ22230">
        <v>27</v>
      </c>
      <c r="AK22230">
        <v>27</v>
      </c>
      <c r="AL22230">
        <v>27</v>
      </c>
      <c r="AM22230">
        <v>27</v>
      </c>
      <c r="AN22230">
        <v>27</v>
      </c>
      <c r="AO22230">
        <v>27</v>
      </c>
      <c r="AP22230">
        <v>27</v>
      </c>
      <c r="AQ22230">
        <v>27</v>
      </c>
    </row>
    <row r="22231" spans="1:43">
      <c r="A22231" t="s">
        <v>13775</v>
      </c>
      <c r="B22231" t="s">
        <v>13776</v>
      </c>
      <c r="C22231" t="s">
        <v>13773</v>
      </c>
      <c r="D22231" t="s">
        <v>13774</v>
      </c>
      <c r="E22231" t="s">
        <v>13745</v>
      </c>
      <c r="F22231" t="s">
        <v>13746</v>
      </c>
      <c r="G22231" t="s">
        <v>10734</v>
      </c>
      <c r="H22231" t="s">
        <v>10735</v>
      </c>
      <c r="I22231" s="2">
        <v>0</v>
      </c>
      <c r="J22231" s="2">
        <v>0</v>
      </c>
      <c r="K22231" s="2">
        <v>1</v>
      </c>
      <c r="L22231" t="s">
        <v>995</v>
      </c>
      <c r="M22231" t="s">
        <v>87</v>
      </c>
      <c r="N22231" t="s">
        <v>88</v>
      </c>
      <c r="O22231" t="s">
        <v>85</v>
      </c>
      <c r="P22231" t="s">
        <v>86</v>
      </c>
      <c r="Q22231">
        <v>26</v>
      </c>
      <c r="R22231">
        <v>26</v>
      </c>
      <c r="S22231">
        <v>25</v>
      </c>
      <c r="T22231">
        <v>25</v>
      </c>
      <c r="U22231">
        <v>25</v>
      </c>
      <c r="V22231">
        <v>25</v>
      </c>
      <c r="W22231">
        <v>25</v>
      </c>
      <c r="X22231">
        <v>25</v>
      </c>
      <c r="Y22231">
        <v>25</v>
      </c>
      <c r="Z22231">
        <v>25</v>
      </c>
      <c r="AA22231">
        <v>25</v>
      </c>
      <c r="AB22231">
        <v>25</v>
      </c>
      <c r="AC22231">
        <v>25</v>
      </c>
      <c r="AD22231">
        <v>24</v>
      </c>
      <c r="AE22231">
        <v>24</v>
      </c>
      <c r="AF22231">
        <v>24</v>
      </c>
      <c r="AG22231">
        <v>24</v>
      </c>
      <c r="AH22231">
        <v>24</v>
      </c>
      <c r="AI22231">
        <v>24</v>
      </c>
      <c r="AJ22231">
        <v>24</v>
      </c>
      <c r="AK22231">
        <v>24</v>
      </c>
      <c r="AL22231">
        <v>24</v>
      </c>
      <c r="AM22231">
        <v>24</v>
      </c>
      <c r="AN22231">
        <v>24</v>
      </c>
      <c r="AO22231">
        <v>23</v>
      </c>
      <c r="AP22231">
        <v>23</v>
      </c>
      <c r="AQ22231">
        <v>23</v>
      </c>
    </row>
    <row r="22232" spans="1:43">
      <c r="A22232" t="s">
        <v>13775</v>
      </c>
      <c r="B22232" t="s">
        <v>13776</v>
      </c>
      <c r="C22232" t="s">
        <v>13773</v>
      </c>
      <c r="D22232" t="s">
        <v>13774</v>
      </c>
      <c r="E22232" t="s">
        <v>13745</v>
      </c>
      <c r="F22232" t="s">
        <v>13746</v>
      </c>
      <c r="G22232" t="s">
        <v>10734</v>
      </c>
      <c r="H22232" t="s">
        <v>10735</v>
      </c>
      <c r="I22232" s="2">
        <v>0</v>
      </c>
      <c r="J22232" s="2">
        <v>0</v>
      </c>
      <c r="K22232" s="2">
        <v>1</v>
      </c>
      <c r="L22232" t="s">
        <v>995</v>
      </c>
      <c r="M22232" t="s">
        <v>89</v>
      </c>
      <c r="N22232" t="s">
        <v>90</v>
      </c>
      <c r="O22232" t="s">
        <v>85</v>
      </c>
      <c r="P22232" t="s">
        <v>86</v>
      </c>
      <c r="Q22232">
        <v>26</v>
      </c>
      <c r="R22232">
        <v>27</v>
      </c>
      <c r="S22232">
        <v>27</v>
      </c>
      <c r="T22232">
        <v>27</v>
      </c>
      <c r="U22232">
        <v>27</v>
      </c>
      <c r="V22232">
        <v>28</v>
      </c>
      <c r="W22232">
        <v>28</v>
      </c>
      <c r="X22232">
        <v>28</v>
      </c>
      <c r="Y22232">
        <v>28</v>
      </c>
      <c r="Z22232">
        <v>29</v>
      </c>
      <c r="AA22232">
        <v>29</v>
      </c>
      <c r="AB22232">
        <v>29</v>
      </c>
      <c r="AC22232">
        <v>29</v>
      </c>
      <c r="AD22232">
        <v>29</v>
      </c>
      <c r="AE22232">
        <v>29</v>
      </c>
      <c r="AF22232">
        <v>29</v>
      </c>
      <c r="AG22232">
        <v>29</v>
      </c>
      <c r="AH22232">
        <v>28</v>
      </c>
      <c r="AI22232">
        <v>28</v>
      </c>
      <c r="AJ22232">
        <v>28</v>
      </c>
      <c r="AK22232">
        <v>28</v>
      </c>
      <c r="AL22232">
        <v>28</v>
      </c>
      <c r="AM22232">
        <v>28</v>
      </c>
      <c r="AN22232">
        <v>27</v>
      </c>
      <c r="AO22232">
        <v>27</v>
      </c>
      <c r="AP22232">
        <v>27</v>
      </c>
      <c r="AQ22232">
        <v>27</v>
      </c>
    </row>
    <row r="22233" spans="1:43">
      <c r="A22233" t="s">
        <v>13775</v>
      </c>
      <c r="B22233" t="s">
        <v>13776</v>
      </c>
      <c r="C22233" t="s">
        <v>13773</v>
      </c>
      <c r="D22233" t="s">
        <v>13774</v>
      </c>
      <c r="E22233" t="s">
        <v>13745</v>
      </c>
      <c r="F22233" t="s">
        <v>13746</v>
      </c>
      <c r="G22233" t="s">
        <v>10734</v>
      </c>
      <c r="H22233" t="s">
        <v>10735</v>
      </c>
      <c r="I22233" s="2">
        <v>0</v>
      </c>
      <c r="J22233" s="2">
        <v>0</v>
      </c>
      <c r="K22233" s="2">
        <v>1</v>
      </c>
      <c r="L22233" t="s">
        <v>995</v>
      </c>
      <c r="M22233" t="s">
        <v>83</v>
      </c>
      <c r="N22233" t="s">
        <v>91</v>
      </c>
      <c r="O22233" t="s">
        <v>85</v>
      </c>
      <c r="P22233" t="s">
        <v>86</v>
      </c>
      <c r="Q22233">
        <v>26</v>
      </c>
      <c r="R22233">
        <v>26</v>
      </c>
      <c r="S22233">
        <v>26</v>
      </c>
      <c r="T22233">
        <v>26</v>
      </c>
      <c r="U22233">
        <v>26</v>
      </c>
      <c r="V22233">
        <v>27</v>
      </c>
      <c r="W22233">
        <v>27</v>
      </c>
      <c r="X22233">
        <v>27</v>
      </c>
      <c r="Y22233">
        <v>27</v>
      </c>
      <c r="Z22233">
        <v>27</v>
      </c>
      <c r="AA22233">
        <v>27</v>
      </c>
      <c r="AB22233">
        <v>27</v>
      </c>
      <c r="AC22233">
        <v>27</v>
      </c>
      <c r="AD22233">
        <v>27</v>
      </c>
      <c r="AE22233">
        <v>27</v>
      </c>
      <c r="AF22233">
        <v>27</v>
      </c>
      <c r="AG22233">
        <v>27</v>
      </c>
      <c r="AH22233">
        <v>27</v>
      </c>
      <c r="AI22233">
        <v>27</v>
      </c>
      <c r="AJ22233">
        <v>27</v>
      </c>
      <c r="AK22233">
        <v>27</v>
      </c>
      <c r="AL22233">
        <v>27</v>
      </c>
      <c r="AM22233">
        <v>27</v>
      </c>
      <c r="AN22233">
        <v>27</v>
      </c>
      <c r="AO22233">
        <v>27</v>
      </c>
      <c r="AP22233">
        <v>27</v>
      </c>
      <c r="AQ22233">
        <v>27</v>
      </c>
    </row>
    <row r="22234" spans="1:43">
      <c r="A22234" t="s">
        <v>13777</v>
      </c>
      <c r="B22234" t="s">
        <v>13778</v>
      </c>
      <c r="C22234" t="s">
        <v>13773</v>
      </c>
      <c r="D22234" t="s">
        <v>13774</v>
      </c>
      <c r="E22234" t="s">
        <v>13745</v>
      </c>
      <c r="F22234" t="s">
        <v>13746</v>
      </c>
      <c r="G22234" t="s">
        <v>10734</v>
      </c>
      <c r="H22234" t="s">
        <v>10735</v>
      </c>
      <c r="I22234" s="2">
        <v>0</v>
      </c>
      <c r="J22234" s="2">
        <v>0</v>
      </c>
      <c r="K22234" s="2">
        <v>1</v>
      </c>
      <c r="L22234" t="s">
        <v>995</v>
      </c>
      <c r="M22234" t="s">
        <v>83</v>
      </c>
      <c r="N22234" t="s">
        <v>84</v>
      </c>
      <c r="O22234" t="s">
        <v>85</v>
      </c>
      <c r="P22234" t="s">
        <v>86</v>
      </c>
      <c r="Q22234">
        <v>67</v>
      </c>
      <c r="R22234">
        <v>67</v>
      </c>
      <c r="S22234">
        <v>67</v>
      </c>
      <c r="T22234">
        <v>68</v>
      </c>
      <c r="U22234">
        <v>68</v>
      </c>
      <c r="V22234">
        <v>68</v>
      </c>
      <c r="W22234">
        <v>69</v>
      </c>
      <c r="X22234">
        <v>69</v>
      </c>
      <c r="Y22234">
        <v>69</v>
      </c>
      <c r="Z22234">
        <v>70</v>
      </c>
      <c r="AA22234">
        <v>70</v>
      </c>
      <c r="AB22234">
        <v>70</v>
      </c>
      <c r="AC22234">
        <v>70</v>
      </c>
      <c r="AD22234">
        <v>70</v>
      </c>
      <c r="AE22234">
        <v>70</v>
      </c>
      <c r="AF22234">
        <v>71</v>
      </c>
      <c r="AG22234">
        <v>71</v>
      </c>
      <c r="AH22234">
        <v>71</v>
      </c>
      <c r="AI22234">
        <v>71</v>
      </c>
      <c r="AJ22234">
        <v>71</v>
      </c>
      <c r="AK22234">
        <v>71</v>
      </c>
      <c r="AL22234">
        <v>71</v>
      </c>
      <c r="AM22234">
        <v>70</v>
      </c>
      <c r="AN22234">
        <v>70</v>
      </c>
      <c r="AO22234">
        <v>70</v>
      </c>
      <c r="AP22234">
        <v>69</v>
      </c>
      <c r="AQ22234">
        <v>69</v>
      </c>
    </row>
    <row r="22235" spans="1:43">
      <c r="A22235" t="s">
        <v>13777</v>
      </c>
      <c r="B22235" t="s">
        <v>13778</v>
      </c>
      <c r="C22235" t="s">
        <v>13773</v>
      </c>
      <c r="D22235" t="s">
        <v>13774</v>
      </c>
      <c r="E22235" t="s">
        <v>13745</v>
      </c>
      <c r="F22235" t="s">
        <v>13746</v>
      </c>
      <c r="G22235" t="s">
        <v>10734</v>
      </c>
      <c r="H22235" t="s">
        <v>10735</v>
      </c>
      <c r="I22235" s="2">
        <v>0</v>
      </c>
      <c r="J22235" s="2">
        <v>0</v>
      </c>
      <c r="K22235" s="2">
        <v>1</v>
      </c>
      <c r="L22235" t="s">
        <v>995</v>
      </c>
      <c r="M22235" t="s">
        <v>87</v>
      </c>
      <c r="N22235" t="s">
        <v>88</v>
      </c>
      <c r="O22235" t="s">
        <v>85</v>
      </c>
      <c r="P22235" t="s">
        <v>86</v>
      </c>
      <c r="Q22235">
        <v>67</v>
      </c>
      <c r="R22235">
        <v>67</v>
      </c>
      <c r="S22235">
        <v>67</v>
      </c>
      <c r="T22235">
        <v>66</v>
      </c>
      <c r="U22235">
        <v>66</v>
      </c>
      <c r="V22235">
        <v>66</v>
      </c>
      <c r="W22235">
        <v>66</v>
      </c>
      <c r="X22235">
        <v>65</v>
      </c>
      <c r="Y22235">
        <v>65</v>
      </c>
      <c r="Z22235">
        <v>65</v>
      </c>
      <c r="AA22235">
        <v>65</v>
      </c>
      <c r="AB22235">
        <v>64</v>
      </c>
      <c r="AC22235">
        <v>64</v>
      </c>
      <c r="AD22235">
        <v>64</v>
      </c>
      <c r="AE22235">
        <v>64</v>
      </c>
      <c r="AF22235">
        <v>64</v>
      </c>
      <c r="AG22235">
        <v>63</v>
      </c>
      <c r="AH22235">
        <v>63</v>
      </c>
      <c r="AI22235">
        <v>63</v>
      </c>
      <c r="AJ22235">
        <v>63</v>
      </c>
      <c r="AK22235">
        <v>62</v>
      </c>
      <c r="AL22235">
        <v>62</v>
      </c>
      <c r="AM22235">
        <v>62</v>
      </c>
      <c r="AN22235">
        <v>62</v>
      </c>
      <c r="AO22235">
        <v>62</v>
      </c>
      <c r="AP22235">
        <v>61</v>
      </c>
      <c r="AQ22235">
        <v>61</v>
      </c>
    </row>
    <row r="22236" spans="1:43">
      <c r="A22236" t="s">
        <v>13777</v>
      </c>
      <c r="B22236" t="s">
        <v>13778</v>
      </c>
      <c r="C22236" t="s">
        <v>13773</v>
      </c>
      <c r="D22236" t="s">
        <v>13774</v>
      </c>
      <c r="E22236" t="s">
        <v>13745</v>
      </c>
      <c r="F22236" t="s">
        <v>13746</v>
      </c>
      <c r="G22236" t="s">
        <v>10734</v>
      </c>
      <c r="H22236" t="s">
        <v>10735</v>
      </c>
      <c r="I22236" s="2">
        <v>0</v>
      </c>
      <c r="J22236" s="2">
        <v>0</v>
      </c>
      <c r="K22236" s="2">
        <v>1</v>
      </c>
      <c r="L22236" t="s">
        <v>995</v>
      </c>
      <c r="M22236" t="s">
        <v>89</v>
      </c>
      <c r="N22236" t="s">
        <v>90</v>
      </c>
      <c r="O22236" t="s">
        <v>85</v>
      </c>
      <c r="P22236" t="s">
        <v>86</v>
      </c>
      <c r="Q22236">
        <v>67</v>
      </c>
      <c r="R22236">
        <v>68</v>
      </c>
      <c r="S22236">
        <v>69</v>
      </c>
      <c r="T22236">
        <v>70</v>
      </c>
      <c r="U22236">
        <v>71</v>
      </c>
      <c r="V22236">
        <v>71</v>
      </c>
      <c r="W22236">
        <v>72</v>
      </c>
      <c r="X22236">
        <v>73</v>
      </c>
      <c r="Y22236">
        <v>73</v>
      </c>
      <c r="Z22236">
        <v>74</v>
      </c>
      <c r="AA22236">
        <v>74</v>
      </c>
      <c r="AB22236">
        <v>74</v>
      </c>
      <c r="AC22236">
        <v>75</v>
      </c>
      <c r="AD22236">
        <v>75</v>
      </c>
      <c r="AE22236">
        <v>75</v>
      </c>
      <c r="AF22236">
        <v>74</v>
      </c>
      <c r="AG22236">
        <v>74</v>
      </c>
      <c r="AH22236">
        <v>74</v>
      </c>
      <c r="AI22236">
        <v>73</v>
      </c>
      <c r="AJ22236">
        <v>73</v>
      </c>
      <c r="AK22236">
        <v>72</v>
      </c>
      <c r="AL22236">
        <v>72</v>
      </c>
      <c r="AM22236">
        <v>71</v>
      </c>
      <c r="AN22236">
        <v>71</v>
      </c>
      <c r="AO22236">
        <v>71</v>
      </c>
      <c r="AP22236">
        <v>70</v>
      </c>
      <c r="AQ22236">
        <v>70</v>
      </c>
    </row>
    <row r="22237" spans="1:43">
      <c r="A22237" t="s">
        <v>13777</v>
      </c>
      <c r="B22237" t="s">
        <v>13778</v>
      </c>
      <c r="C22237" t="s">
        <v>13773</v>
      </c>
      <c r="D22237" t="s">
        <v>13774</v>
      </c>
      <c r="E22237" t="s">
        <v>13745</v>
      </c>
      <c r="F22237" t="s">
        <v>13746</v>
      </c>
      <c r="G22237" t="s">
        <v>10734</v>
      </c>
      <c r="H22237" t="s">
        <v>10735</v>
      </c>
      <c r="I22237" s="2">
        <v>0</v>
      </c>
      <c r="J22237" s="2">
        <v>0</v>
      </c>
      <c r="K22237" s="2">
        <v>1</v>
      </c>
      <c r="L22237" t="s">
        <v>995</v>
      </c>
      <c r="M22237" t="s">
        <v>83</v>
      </c>
      <c r="N22237" t="s">
        <v>91</v>
      </c>
      <c r="O22237" t="s">
        <v>85</v>
      </c>
      <c r="P22237" t="s">
        <v>86</v>
      </c>
      <c r="Q22237">
        <v>67</v>
      </c>
      <c r="R22237">
        <v>67</v>
      </c>
      <c r="S22237">
        <v>67</v>
      </c>
      <c r="T22237">
        <v>68</v>
      </c>
      <c r="U22237">
        <v>68</v>
      </c>
      <c r="V22237">
        <v>68</v>
      </c>
      <c r="W22237">
        <v>69</v>
      </c>
      <c r="X22237">
        <v>69</v>
      </c>
      <c r="Y22237">
        <v>69</v>
      </c>
      <c r="Z22237">
        <v>70</v>
      </c>
      <c r="AA22237">
        <v>70</v>
      </c>
      <c r="AB22237">
        <v>70</v>
      </c>
      <c r="AC22237">
        <v>70</v>
      </c>
      <c r="AD22237">
        <v>70</v>
      </c>
      <c r="AE22237">
        <v>70</v>
      </c>
      <c r="AF22237">
        <v>71</v>
      </c>
      <c r="AG22237">
        <v>71</v>
      </c>
      <c r="AH22237">
        <v>71</v>
      </c>
      <c r="AI22237">
        <v>71</v>
      </c>
      <c r="AJ22237">
        <v>71</v>
      </c>
      <c r="AK22237">
        <v>71</v>
      </c>
      <c r="AL22237">
        <v>71</v>
      </c>
      <c r="AM22237">
        <v>70</v>
      </c>
      <c r="AN22237">
        <v>70</v>
      </c>
      <c r="AO22237">
        <v>70</v>
      </c>
      <c r="AP22237">
        <v>69</v>
      </c>
      <c r="AQ22237">
        <v>69</v>
      </c>
    </row>
    <row r="22238" spans="1:43">
      <c r="A22238" t="s">
        <v>13779</v>
      </c>
      <c r="B22238" t="s">
        <v>13780</v>
      </c>
      <c r="C22238" t="s">
        <v>13765</v>
      </c>
      <c r="D22238" t="s">
        <v>13766</v>
      </c>
      <c r="E22238" t="s">
        <v>13745</v>
      </c>
      <c r="F22238" t="s">
        <v>13746</v>
      </c>
      <c r="G22238" t="s">
        <v>10734</v>
      </c>
      <c r="H22238" t="s">
        <v>10735</v>
      </c>
      <c r="I22238" s="2">
        <v>0</v>
      </c>
      <c r="J22238" s="2">
        <v>0</v>
      </c>
      <c r="K22238" s="2">
        <v>1</v>
      </c>
      <c r="L22238" t="s">
        <v>995</v>
      </c>
      <c r="M22238" t="s">
        <v>83</v>
      </c>
      <c r="N22238" t="s">
        <v>84</v>
      </c>
      <c r="O22238" t="s">
        <v>85</v>
      </c>
      <c r="P22238" t="s">
        <v>86</v>
      </c>
      <c r="Q22238">
        <v>15</v>
      </c>
      <c r="R22238">
        <v>15</v>
      </c>
      <c r="S22238">
        <v>15</v>
      </c>
      <c r="T22238">
        <v>15</v>
      </c>
      <c r="U22238">
        <v>15</v>
      </c>
      <c r="V22238">
        <v>15</v>
      </c>
      <c r="W22238">
        <v>15</v>
      </c>
      <c r="X22238">
        <v>15</v>
      </c>
      <c r="Y22238">
        <v>15</v>
      </c>
      <c r="Z22238">
        <v>15</v>
      </c>
      <c r="AA22238">
        <v>15</v>
      </c>
      <c r="AB22238">
        <v>15</v>
      </c>
      <c r="AC22238">
        <v>15</v>
      </c>
      <c r="AD22238">
        <v>16</v>
      </c>
      <c r="AE22238">
        <v>16</v>
      </c>
      <c r="AF22238">
        <v>16</v>
      </c>
      <c r="AG22238">
        <v>16</v>
      </c>
      <c r="AH22238">
        <v>16</v>
      </c>
      <c r="AI22238">
        <v>16</v>
      </c>
      <c r="AJ22238">
        <v>16</v>
      </c>
      <c r="AK22238">
        <v>16</v>
      </c>
      <c r="AL22238">
        <v>15</v>
      </c>
      <c r="AM22238">
        <v>15</v>
      </c>
      <c r="AN22238">
        <v>15</v>
      </c>
      <c r="AO22238">
        <v>15</v>
      </c>
      <c r="AP22238">
        <v>15</v>
      </c>
      <c r="AQ22238">
        <v>15</v>
      </c>
    </row>
    <row r="22239" spans="1:43">
      <c r="A22239" t="s">
        <v>13779</v>
      </c>
      <c r="B22239" t="s">
        <v>13780</v>
      </c>
      <c r="C22239" t="s">
        <v>13765</v>
      </c>
      <c r="D22239" t="s">
        <v>13766</v>
      </c>
      <c r="E22239" t="s">
        <v>13745</v>
      </c>
      <c r="F22239" t="s">
        <v>13746</v>
      </c>
      <c r="G22239" t="s">
        <v>10734</v>
      </c>
      <c r="H22239" t="s">
        <v>10735</v>
      </c>
      <c r="I22239" s="2">
        <v>0</v>
      </c>
      <c r="J22239" s="2">
        <v>0</v>
      </c>
      <c r="K22239" s="2">
        <v>1</v>
      </c>
      <c r="L22239" t="s">
        <v>995</v>
      </c>
      <c r="M22239" t="s">
        <v>87</v>
      </c>
      <c r="N22239" t="s">
        <v>88</v>
      </c>
      <c r="O22239" t="s">
        <v>85</v>
      </c>
      <c r="P22239" t="s">
        <v>86</v>
      </c>
      <c r="Q22239">
        <v>15</v>
      </c>
      <c r="R22239">
        <v>15</v>
      </c>
      <c r="S22239">
        <v>15</v>
      </c>
      <c r="T22239">
        <v>15</v>
      </c>
      <c r="U22239">
        <v>15</v>
      </c>
      <c r="V22239">
        <v>14</v>
      </c>
      <c r="W22239">
        <v>14</v>
      </c>
      <c r="X22239">
        <v>14</v>
      </c>
      <c r="Y22239">
        <v>14</v>
      </c>
      <c r="Z22239">
        <v>14</v>
      </c>
      <c r="AA22239">
        <v>14</v>
      </c>
      <c r="AB22239">
        <v>14</v>
      </c>
      <c r="AC22239">
        <v>14</v>
      </c>
      <c r="AD22239">
        <v>14</v>
      </c>
      <c r="AE22239">
        <v>14</v>
      </c>
      <c r="AF22239">
        <v>14</v>
      </c>
      <c r="AG22239">
        <v>14</v>
      </c>
      <c r="AH22239">
        <v>13</v>
      </c>
      <c r="AI22239">
        <v>13</v>
      </c>
      <c r="AJ22239">
        <v>13</v>
      </c>
      <c r="AK22239">
        <v>13</v>
      </c>
      <c r="AL22239">
        <v>13</v>
      </c>
      <c r="AM22239">
        <v>13</v>
      </c>
      <c r="AN22239">
        <v>13</v>
      </c>
      <c r="AO22239">
        <v>13</v>
      </c>
      <c r="AP22239">
        <v>13</v>
      </c>
      <c r="AQ22239">
        <v>13</v>
      </c>
    </row>
    <row r="22240" spans="1:43">
      <c r="A22240" t="s">
        <v>13779</v>
      </c>
      <c r="B22240" t="s">
        <v>13780</v>
      </c>
      <c r="C22240" t="s">
        <v>13765</v>
      </c>
      <c r="D22240" t="s">
        <v>13766</v>
      </c>
      <c r="E22240" t="s">
        <v>13745</v>
      </c>
      <c r="F22240" t="s">
        <v>13746</v>
      </c>
      <c r="G22240" t="s">
        <v>10734</v>
      </c>
      <c r="H22240" t="s">
        <v>10735</v>
      </c>
      <c r="I22240" s="2">
        <v>0</v>
      </c>
      <c r="J22240" s="2">
        <v>0</v>
      </c>
      <c r="K22240" s="2">
        <v>1</v>
      </c>
      <c r="L22240" t="s">
        <v>995</v>
      </c>
      <c r="M22240" t="s">
        <v>89</v>
      </c>
      <c r="N22240" t="s">
        <v>90</v>
      </c>
      <c r="O22240" t="s">
        <v>85</v>
      </c>
      <c r="P22240" t="s">
        <v>86</v>
      </c>
      <c r="Q22240">
        <v>15</v>
      </c>
      <c r="R22240">
        <v>15</v>
      </c>
      <c r="S22240">
        <v>16</v>
      </c>
      <c r="T22240">
        <v>16</v>
      </c>
      <c r="U22240">
        <v>16</v>
      </c>
      <c r="V22240">
        <v>16</v>
      </c>
      <c r="W22240">
        <v>16</v>
      </c>
      <c r="X22240">
        <v>16</v>
      </c>
      <c r="Y22240">
        <v>16</v>
      </c>
      <c r="Z22240">
        <v>16</v>
      </c>
      <c r="AA22240">
        <v>16</v>
      </c>
      <c r="AB22240">
        <v>17</v>
      </c>
      <c r="AC22240">
        <v>17</v>
      </c>
      <c r="AD22240">
        <v>17</v>
      </c>
      <c r="AE22240">
        <v>17</v>
      </c>
      <c r="AF22240">
        <v>16</v>
      </c>
      <c r="AG22240">
        <v>16</v>
      </c>
      <c r="AH22240">
        <v>16</v>
      </c>
      <c r="AI22240">
        <v>16</v>
      </c>
      <c r="AJ22240">
        <v>16</v>
      </c>
      <c r="AK22240">
        <v>16</v>
      </c>
      <c r="AL22240">
        <v>16</v>
      </c>
      <c r="AM22240">
        <v>16</v>
      </c>
      <c r="AN22240">
        <v>15</v>
      </c>
      <c r="AO22240">
        <v>15</v>
      </c>
      <c r="AP22240">
        <v>15</v>
      </c>
      <c r="AQ22240">
        <v>15</v>
      </c>
    </row>
    <row r="22241" spans="1:43">
      <c r="A22241" t="s">
        <v>13779</v>
      </c>
      <c r="B22241" t="s">
        <v>13780</v>
      </c>
      <c r="C22241" t="s">
        <v>13765</v>
      </c>
      <c r="D22241" t="s">
        <v>13766</v>
      </c>
      <c r="E22241" t="s">
        <v>13745</v>
      </c>
      <c r="F22241" t="s">
        <v>13746</v>
      </c>
      <c r="G22241" t="s">
        <v>10734</v>
      </c>
      <c r="H22241" t="s">
        <v>10735</v>
      </c>
      <c r="I22241" s="2">
        <v>0</v>
      </c>
      <c r="J22241" s="2">
        <v>0</v>
      </c>
      <c r="K22241" s="2">
        <v>1</v>
      </c>
      <c r="L22241" t="s">
        <v>995</v>
      </c>
      <c r="M22241" t="s">
        <v>83</v>
      </c>
      <c r="N22241" t="s">
        <v>91</v>
      </c>
      <c r="O22241" t="s">
        <v>85</v>
      </c>
      <c r="P22241" t="s">
        <v>86</v>
      </c>
      <c r="Q22241">
        <v>15</v>
      </c>
      <c r="R22241">
        <v>15</v>
      </c>
      <c r="S22241">
        <v>15</v>
      </c>
      <c r="T22241">
        <v>15</v>
      </c>
      <c r="U22241">
        <v>15</v>
      </c>
      <c r="V22241">
        <v>15</v>
      </c>
      <c r="W22241">
        <v>15</v>
      </c>
      <c r="X22241">
        <v>15</v>
      </c>
      <c r="Y22241">
        <v>15</v>
      </c>
      <c r="Z22241">
        <v>15</v>
      </c>
      <c r="AA22241">
        <v>15</v>
      </c>
      <c r="AB22241">
        <v>15</v>
      </c>
      <c r="AC22241">
        <v>15</v>
      </c>
      <c r="AD22241">
        <v>16</v>
      </c>
      <c r="AE22241">
        <v>16</v>
      </c>
      <c r="AF22241">
        <v>16</v>
      </c>
      <c r="AG22241">
        <v>16</v>
      </c>
      <c r="AH22241">
        <v>16</v>
      </c>
      <c r="AI22241">
        <v>16</v>
      </c>
      <c r="AJ22241">
        <v>16</v>
      </c>
      <c r="AK22241">
        <v>16</v>
      </c>
      <c r="AL22241">
        <v>15</v>
      </c>
      <c r="AM22241">
        <v>15</v>
      </c>
      <c r="AN22241">
        <v>15</v>
      </c>
      <c r="AO22241">
        <v>15</v>
      </c>
      <c r="AP22241">
        <v>15</v>
      </c>
      <c r="AQ22241">
        <v>15</v>
      </c>
    </row>
    <row r="22242" spans="1:43">
      <c r="A22242" t="s">
        <v>13781</v>
      </c>
      <c r="B22242" t="s">
        <v>13782</v>
      </c>
      <c r="C22242" t="s">
        <v>13783</v>
      </c>
      <c r="D22242" t="s">
        <v>13784</v>
      </c>
      <c r="E22242" t="s">
        <v>13745</v>
      </c>
      <c r="F22242" t="s">
        <v>13746</v>
      </c>
      <c r="G22242" t="s">
        <v>10734</v>
      </c>
      <c r="H22242" t="s">
        <v>10735</v>
      </c>
      <c r="I22242" s="2">
        <v>0</v>
      </c>
      <c r="J22242" s="2">
        <v>0</v>
      </c>
      <c r="K22242" s="2">
        <v>1</v>
      </c>
      <c r="L22242" t="s">
        <v>995</v>
      </c>
      <c r="M22242" t="s">
        <v>83</v>
      </c>
      <c r="N22242" t="s">
        <v>84</v>
      </c>
      <c r="O22242" t="s">
        <v>85</v>
      </c>
      <c r="P22242" t="s">
        <v>86</v>
      </c>
      <c r="Q22242">
        <v>10</v>
      </c>
      <c r="R22242">
        <v>10</v>
      </c>
      <c r="S22242">
        <v>10</v>
      </c>
      <c r="T22242">
        <v>10</v>
      </c>
      <c r="U22242">
        <v>10</v>
      </c>
      <c r="V22242">
        <v>10</v>
      </c>
      <c r="W22242">
        <v>10</v>
      </c>
      <c r="X22242">
        <v>10</v>
      </c>
      <c r="Y22242">
        <v>10</v>
      </c>
      <c r="Z22242">
        <v>10</v>
      </c>
      <c r="AA22242">
        <v>10</v>
      </c>
      <c r="AB22242">
        <v>10</v>
      </c>
      <c r="AC22242">
        <v>10</v>
      </c>
      <c r="AD22242">
        <v>10</v>
      </c>
      <c r="AE22242">
        <v>10</v>
      </c>
      <c r="AF22242">
        <v>10</v>
      </c>
      <c r="AG22242">
        <v>10</v>
      </c>
      <c r="AH22242">
        <v>10</v>
      </c>
      <c r="AI22242">
        <v>10</v>
      </c>
      <c r="AJ22242">
        <v>10</v>
      </c>
      <c r="AK22242">
        <v>10</v>
      </c>
      <c r="AL22242">
        <v>10</v>
      </c>
      <c r="AM22242">
        <v>10</v>
      </c>
      <c r="AN22242">
        <v>10</v>
      </c>
      <c r="AO22242">
        <v>10</v>
      </c>
      <c r="AP22242">
        <v>10</v>
      </c>
      <c r="AQ22242">
        <v>10</v>
      </c>
    </row>
    <row r="22243" spans="1:43">
      <c r="A22243" t="s">
        <v>13781</v>
      </c>
      <c r="B22243" t="s">
        <v>13782</v>
      </c>
      <c r="C22243" t="s">
        <v>13783</v>
      </c>
      <c r="D22243" t="s">
        <v>13784</v>
      </c>
      <c r="E22243" t="s">
        <v>13745</v>
      </c>
      <c r="F22243" t="s">
        <v>13746</v>
      </c>
      <c r="G22243" t="s">
        <v>10734</v>
      </c>
      <c r="H22243" t="s">
        <v>10735</v>
      </c>
      <c r="I22243" s="2">
        <v>0</v>
      </c>
      <c r="J22243" s="2">
        <v>0</v>
      </c>
      <c r="K22243" s="2">
        <v>1</v>
      </c>
      <c r="L22243" t="s">
        <v>995</v>
      </c>
      <c r="M22243" t="s">
        <v>87</v>
      </c>
      <c r="N22243" t="s">
        <v>88</v>
      </c>
      <c r="O22243" t="s">
        <v>85</v>
      </c>
      <c r="P22243" t="s">
        <v>86</v>
      </c>
      <c r="Q22243">
        <v>10</v>
      </c>
      <c r="R22243">
        <v>10</v>
      </c>
      <c r="S22243">
        <v>10</v>
      </c>
      <c r="T22243">
        <v>10</v>
      </c>
      <c r="U22243">
        <v>10</v>
      </c>
      <c r="V22243">
        <v>9</v>
      </c>
      <c r="W22243">
        <v>9</v>
      </c>
      <c r="X22243">
        <v>9</v>
      </c>
      <c r="Y22243">
        <v>9</v>
      </c>
      <c r="Z22243">
        <v>9</v>
      </c>
      <c r="AA22243">
        <v>9</v>
      </c>
      <c r="AB22243">
        <v>9</v>
      </c>
      <c r="AC22243">
        <v>9</v>
      </c>
      <c r="AD22243">
        <v>9</v>
      </c>
      <c r="AE22243">
        <v>9</v>
      </c>
      <c r="AF22243">
        <v>9</v>
      </c>
      <c r="AG22243">
        <v>9</v>
      </c>
      <c r="AH22243">
        <v>9</v>
      </c>
      <c r="AI22243">
        <v>9</v>
      </c>
      <c r="AJ22243">
        <v>9</v>
      </c>
      <c r="AK22243">
        <v>9</v>
      </c>
      <c r="AL22243">
        <v>9</v>
      </c>
      <c r="AM22243">
        <v>9</v>
      </c>
      <c r="AN22243">
        <v>9</v>
      </c>
      <c r="AO22243">
        <v>9</v>
      </c>
      <c r="AP22243">
        <v>9</v>
      </c>
      <c r="AQ22243">
        <v>9</v>
      </c>
    </row>
    <row r="22244" spans="1:43">
      <c r="A22244" t="s">
        <v>13781</v>
      </c>
      <c r="B22244" t="s">
        <v>13782</v>
      </c>
      <c r="C22244" t="s">
        <v>13783</v>
      </c>
      <c r="D22244" t="s">
        <v>13784</v>
      </c>
      <c r="E22244" t="s">
        <v>13745</v>
      </c>
      <c r="F22244" t="s">
        <v>13746</v>
      </c>
      <c r="G22244" t="s">
        <v>10734</v>
      </c>
      <c r="H22244" t="s">
        <v>10735</v>
      </c>
      <c r="I22244" s="2">
        <v>0</v>
      </c>
      <c r="J22244" s="2">
        <v>0</v>
      </c>
      <c r="K22244" s="2">
        <v>1</v>
      </c>
      <c r="L22244" t="s">
        <v>995</v>
      </c>
      <c r="M22244" t="s">
        <v>89</v>
      </c>
      <c r="N22244" t="s">
        <v>90</v>
      </c>
      <c r="O22244" t="s">
        <v>85</v>
      </c>
      <c r="P22244" t="s">
        <v>86</v>
      </c>
      <c r="Q22244">
        <v>10</v>
      </c>
      <c r="R22244">
        <v>10</v>
      </c>
      <c r="S22244">
        <v>10</v>
      </c>
      <c r="T22244">
        <v>10</v>
      </c>
      <c r="U22244">
        <v>10</v>
      </c>
      <c r="V22244">
        <v>10</v>
      </c>
      <c r="W22244">
        <v>11</v>
      </c>
      <c r="X22244">
        <v>11</v>
      </c>
      <c r="Y22244">
        <v>11</v>
      </c>
      <c r="Z22244">
        <v>11</v>
      </c>
      <c r="AA22244">
        <v>11</v>
      </c>
      <c r="AB22244">
        <v>11</v>
      </c>
      <c r="AC22244">
        <v>11</v>
      </c>
      <c r="AD22244">
        <v>11</v>
      </c>
      <c r="AE22244">
        <v>11</v>
      </c>
      <c r="AF22244">
        <v>11</v>
      </c>
      <c r="AG22244">
        <v>11</v>
      </c>
      <c r="AH22244">
        <v>11</v>
      </c>
      <c r="AI22244">
        <v>11</v>
      </c>
      <c r="AJ22244">
        <v>11</v>
      </c>
      <c r="AK22244">
        <v>10</v>
      </c>
      <c r="AL22244">
        <v>10</v>
      </c>
      <c r="AM22244">
        <v>10</v>
      </c>
      <c r="AN22244">
        <v>10</v>
      </c>
      <c r="AO22244">
        <v>10</v>
      </c>
      <c r="AP22244">
        <v>10</v>
      </c>
      <c r="AQ22244">
        <v>10</v>
      </c>
    </row>
    <row r="22245" spans="1:43">
      <c r="A22245" t="s">
        <v>13781</v>
      </c>
      <c r="B22245" t="s">
        <v>13782</v>
      </c>
      <c r="C22245" t="s">
        <v>13783</v>
      </c>
      <c r="D22245" t="s">
        <v>13784</v>
      </c>
      <c r="E22245" t="s">
        <v>13745</v>
      </c>
      <c r="F22245" t="s">
        <v>13746</v>
      </c>
      <c r="G22245" t="s">
        <v>10734</v>
      </c>
      <c r="H22245" t="s">
        <v>10735</v>
      </c>
      <c r="I22245" s="2">
        <v>0</v>
      </c>
      <c r="J22245" s="2">
        <v>0</v>
      </c>
      <c r="K22245" s="2">
        <v>1</v>
      </c>
      <c r="L22245" t="s">
        <v>995</v>
      </c>
      <c r="M22245" t="s">
        <v>83</v>
      </c>
      <c r="N22245" t="s">
        <v>91</v>
      </c>
      <c r="O22245" t="s">
        <v>85</v>
      </c>
      <c r="P22245" t="s">
        <v>86</v>
      </c>
      <c r="Q22245">
        <v>10</v>
      </c>
      <c r="R22245">
        <v>10</v>
      </c>
      <c r="S22245">
        <v>10</v>
      </c>
      <c r="T22245">
        <v>10</v>
      </c>
      <c r="U22245">
        <v>10</v>
      </c>
      <c r="V22245">
        <v>10</v>
      </c>
      <c r="W22245">
        <v>10</v>
      </c>
      <c r="X22245">
        <v>10</v>
      </c>
      <c r="Y22245">
        <v>10</v>
      </c>
      <c r="Z22245">
        <v>10</v>
      </c>
      <c r="AA22245">
        <v>10</v>
      </c>
      <c r="AB22245">
        <v>10</v>
      </c>
      <c r="AC22245">
        <v>10</v>
      </c>
      <c r="AD22245">
        <v>10</v>
      </c>
      <c r="AE22245">
        <v>10</v>
      </c>
      <c r="AF22245">
        <v>10</v>
      </c>
      <c r="AG22245">
        <v>10</v>
      </c>
      <c r="AH22245">
        <v>10</v>
      </c>
      <c r="AI22245">
        <v>10</v>
      </c>
      <c r="AJ22245">
        <v>10</v>
      </c>
      <c r="AK22245">
        <v>10</v>
      </c>
      <c r="AL22245">
        <v>10</v>
      </c>
      <c r="AM22245">
        <v>10</v>
      </c>
      <c r="AN22245">
        <v>10</v>
      </c>
      <c r="AO22245">
        <v>10</v>
      </c>
      <c r="AP22245">
        <v>10</v>
      </c>
      <c r="AQ22245">
        <v>10</v>
      </c>
    </row>
    <row r="22246" spans="1:43">
      <c r="A22246" t="s">
        <v>13785</v>
      </c>
      <c r="B22246" t="s">
        <v>13786</v>
      </c>
      <c r="C22246" t="s">
        <v>13783</v>
      </c>
      <c r="D22246" t="s">
        <v>13784</v>
      </c>
      <c r="E22246" t="s">
        <v>13745</v>
      </c>
      <c r="F22246" t="s">
        <v>13746</v>
      </c>
      <c r="G22246" t="s">
        <v>10734</v>
      </c>
      <c r="H22246" t="s">
        <v>10735</v>
      </c>
      <c r="I22246" s="2">
        <v>0</v>
      </c>
      <c r="J22246" s="2">
        <v>0</v>
      </c>
      <c r="K22246" s="2">
        <v>1</v>
      </c>
      <c r="L22246" t="s">
        <v>995</v>
      </c>
      <c r="M22246" t="s">
        <v>83</v>
      </c>
      <c r="N22246" t="s">
        <v>84</v>
      </c>
      <c r="O22246" t="s">
        <v>85</v>
      </c>
      <c r="P22246" t="s">
        <v>86</v>
      </c>
      <c r="Q22246">
        <v>15</v>
      </c>
      <c r="R22246">
        <v>15</v>
      </c>
      <c r="S22246">
        <v>15</v>
      </c>
      <c r="T22246">
        <v>15</v>
      </c>
      <c r="U22246">
        <v>15</v>
      </c>
      <c r="V22246">
        <v>15</v>
      </c>
      <c r="W22246">
        <v>15</v>
      </c>
      <c r="X22246">
        <v>15</v>
      </c>
      <c r="Y22246">
        <v>15</v>
      </c>
      <c r="Z22246">
        <v>15</v>
      </c>
      <c r="AA22246">
        <v>15</v>
      </c>
      <c r="AB22246">
        <v>15</v>
      </c>
      <c r="AC22246">
        <v>15</v>
      </c>
      <c r="AD22246">
        <v>15</v>
      </c>
      <c r="AE22246">
        <v>15</v>
      </c>
      <c r="AF22246">
        <v>15</v>
      </c>
      <c r="AG22246">
        <v>15</v>
      </c>
      <c r="AH22246">
        <v>15</v>
      </c>
      <c r="AI22246">
        <v>15</v>
      </c>
      <c r="AJ22246">
        <v>15</v>
      </c>
      <c r="AK22246">
        <v>15</v>
      </c>
      <c r="AL22246">
        <v>15</v>
      </c>
      <c r="AM22246">
        <v>15</v>
      </c>
      <c r="AN22246">
        <v>15</v>
      </c>
      <c r="AO22246">
        <v>15</v>
      </c>
      <c r="AP22246">
        <v>15</v>
      </c>
      <c r="AQ22246">
        <v>15</v>
      </c>
    </row>
    <row r="22247" spans="1:43">
      <c r="A22247" t="s">
        <v>13785</v>
      </c>
      <c r="B22247" t="s">
        <v>13786</v>
      </c>
      <c r="C22247" t="s">
        <v>13783</v>
      </c>
      <c r="D22247" t="s">
        <v>13784</v>
      </c>
      <c r="E22247" t="s">
        <v>13745</v>
      </c>
      <c r="F22247" t="s">
        <v>13746</v>
      </c>
      <c r="G22247" t="s">
        <v>10734</v>
      </c>
      <c r="H22247" t="s">
        <v>10735</v>
      </c>
      <c r="I22247" s="2">
        <v>0</v>
      </c>
      <c r="J22247" s="2">
        <v>0</v>
      </c>
      <c r="K22247" s="2">
        <v>1</v>
      </c>
      <c r="L22247" t="s">
        <v>995</v>
      </c>
      <c r="M22247" t="s">
        <v>87</v>
      </c>
      <c r="N22247" t="s">
        <v>88</v>
      </c>
      <c r="O22247" t="s">
        <v>85</v>
      </c>
      <c r="P22247" t="s">
        <v>86</v>
      </c>
      <c r="Q22247">
        <v>15</v>
      </c>
      <c r="R22247">
        <v>15</v>
      </c>
      <c r="S22247">
        <v>15</v>
      </c>
      <c r="T22247">
        <v>15</v>
      </c>
      <c r="U22247">
        <v>15</v>
      </c>
      <c r="V22247">
        <v>15</v>
      </c>
      <c r="W22247">
        <v>15</v>
      </c>
      <c r="X22247">
        <v>15</v>
      </c>
      <c r="Y22247">
        <v>15</v>
      </c>
      <c r="Z22247">
        <v>15</v>
      </c>
      <c r="AA22247">
        <v>15</v>
      </c>
      <c r="AB22247">
        <v>15</v>
      </c>
      <c r="AC22247">
        <v>15</v>
      </c>
      <c r="AD22247">
        <v>14</v>
      </c>
      <c r="AE22247">
        <v>14</v>
      </c>
      <c r="AF22247">
        <v>14</v>
      </c>
      <c r="AG22247">
        <v>14</v>
      </c>
      <c r="AH22247">
        <v>14</v>
      </c>
      <c r="AI22247">
        <v>14</v>
      </c>
      <c r="AJ22247">
        <v>14</v>
      </c>
      <c r="AK22247">
        <v>14</v>
      </c>
      <c r="AL22247">
        <v>14</v>
      </c>
      <c r="AM22247">
        <v>14</v>
      </c>
      <c r="AN22247">
        <v>14</v>
      </c>
      <c r="AO22247">
        <v>14</v>
      </c>
      <c r="AP22247">
        <v>14</v>
      </c>
      <c r="AQ22247">
        <v>14</v>
      </c>
    </row>
    <row r="22248" spans="1:43">
      <c r="A22248" t="s">
        <v>13785</v>
      </c>
      <c r="B22248" t="s">
        <v>13786</v>
      </c>
      <c r="C22248" t="s">
        <v>13783</v>
      </c>
      <c r="D22248" t="s">
        <v>13784</v>
      </c>
      <c r="E22248" t="s">
        <v>13745</v>
      </c>
      <c r="F22248" t="s">
        <v>13746</v>
      </c>
      <c r="G22248" t="s">
        <v>10734</v>
      </c>
      <c r="H22248" t="s">
        <v>10735</v>
      </c>
      <c r="I22248" s="2">
        <v>0</v>
      </c>
      <c r="J22248" s="2">
        <v>0</v>
      </c>
      <c r="K22248" s="2">
        <v>1</v>
      </c>
      <c r="L22248" t="s">
        <v>995</v>
      </c>
      <c r="M22248" t="s">
        <v>89</v>
      </c>
      <c r="N22248" t="s">
        <v>90</v>
      </c>
      <c r="O22248" t="s">
        <v>85</v>
      </c>
      <c r="P22248" t="s">
        <v>86</v>
      </c>
      <c r="Q22248">
        <v>15</v>
      </c>
      <c r="R22248">
        <v>15</v>
      </c>
      <c r="S22248">
        <v>15</v>
      </c>
      <c r="T22248">
        <v>15</v>
      </c>
      <c r="U22248">
        <v>15</v>
      </c>
      <c r="V22248">
        <v>15</v>
      </c>
      <c r="W22248">
        <v>16</v>
      </c>
      <c r="X22248">
        <v>16</v>
      </c>
      <c r="Y22248">
        <v>16</v>
      </c>
      <c r="Z22248">
        <v>16</v>
      </c>
      <c r="AA22248">
        <v>16</v>
      </c>
      <c r="AB22248">
        <v>16</v>
      </c>
      <c r="AC22248">
        <v>16</v>
      </c>
      <c r="AD22248">
        <v>16</v>
      </c>
      <c r="AE22248">
        <v>16</v>
      </c>
      <c r="AF22248">
        <v>16</v>
      </c>
      <c r="AG22248">
        <v>16</v>
      </c>
      <c r="AH22248">
        <v>16</v>
      </c>
      <c r="AI22248">
        <v>16</v>
      </c>
      <c r="AJ22248">
        <v>16</v>
      </c>
      <c r="AK22248">
        <v>15</v>
      </c>
      <c r="AL22248">
        <v>15</v>
      </c>
      <c r="AM22248">
        <v>15</v>
      </c>
      <c r="AN22248">
        <v>15</v>
      </c>
      <c r="AO22248">
        <v>15</v>
      </c>
      <c r="AP22248">
        <v>15</v>
      </c>
      <c r="AQ22248">
        <v>15</v>
      </c>
    </row>
    <row r="22249" spans="1:43">
      <c r="A22249" t="s">
        <v>13785</v>
      </c>
      <c r="B22249" t="s">
        <v>13786</v>
      </c>
      <c r="C22249" t="s">
        <v>13783</v>
      </c>
      <c r="D22249" t="s">
        <v>13784</v>
      </c>
      <c r="E22249" t="s">
        <v>13745</v>
      </c>
      <c r="F22249" t="s">
        <v>13746</v>
      </c>
      <c r="G22249" t="s">
        <v>10734</v>
      </c>
      <c r="H22249" t="s">
        <v>10735</v>
      </c>
      <c r="I22249" s="2">
        <v>0</v>
      </c>
      <c r="J22249" s="2">
        <v>0</v>
      </c>
      <c r="K22249" s="2">
        <v>1</v>
      </c>
      <c r="L22249" t="s">
        <v>995</v>
      </c>
      <c r="M22249" t="s">
        <v>83</v>
      </c>
      <c r="N22249" t="s">
        <v>91</v>
      </c>
      <c r="O22249" t="s">
        <v>85</v>
      </c>
      <c r="P22249" t="s">
        <v>86</v>
      </c>
      <c r="Q22249">
        <v>15</v>
      </c>
      <c r="R22249">
        <v>15</v>
      </c>
      <c r="S22249">
        <v>15</v>
      </c>
      <c r="T22249">
        <v>15</v>
      </c>
      <c r="U22249">
        <v>15</v>
      </c>
      <c r="V22249">
        <v>15</v>
      </c>
      <c r="W22249">
        <v>15</v>
      </c>
      <c r="X22249">
        <v>15</v>
      </c>
      <c r="Y22249">
        <v>15</v>
      </c>
      <c r="Z22249">
        <v>15</v>
      </c>
      <c r="AA22249">
        <v>15</v>
      </c>
      <c r="AB22249">
        <v>15</v>
      </c>
      <c r="AC22249">
        <v>15</v>
      </c>
      <c r="AD22249">
        <v>15</v>
      </c>
      <c r="AE22249">
        <v>15</v>
      </c>
      <c r="AF22249">
        <v>15</v>
      </c>
      <c r="AG22249">
        <v>15</v>
      </c>
      <c r="AH22249">
        <v>15</v>
      </c>
      <c r="AI22249">
        <v>15</v>
      </c>
      <c r="AJ22249">
        <v>15</v>
      </c>
      <c r="AK22249">
        <v>15</v>
      </c>
      <c r="AL22249">
        <v>15</v>
      </c>
      <c r="AM22249">
        <v>15</v>
      </c>
      <c r="AN22249">
        <v>15</v>
      </c>
      <c r="AO22249">
        <v>15</v>
      </c>
      <c r="AP22249">
        <v>15</v>
      </c>
      <c r="AQ22249">
        <v>15</v>
      </c>
    </row>
    <row r="22250" spans="1:43">
      <c r="A22250" t="s">
        <v>13787</v>
      </c>
      <c r="B22250" t="s">
        <v>13788</v>
      </c>
      <c r="C22250" t="s">
        <v>13789</v>
      </c>
      <c r="D22250" t="s">
        <v>13790</v>
      </c>
      <c r="E22250" t="s">
        <v>13745</v>
      </c>
      <c r="F22250" t="s">
        <v>13746</v>
      </c>
      <c r="G22250" t="s">
        <v>10734</v>
      </c>
      <c r="H22250" t="s">
        <v>10735</v>
      </c>
      <c r="I22250" s="2">
        <v>0</v>
      </c>
      <c r="J22250" s="2">
        <v>0</v>
      </c>
      <c r="K22250" s="2">
        <v>1</v>
      </c>
      <c r="L22250" t="s">
        <v>995</v>
      </c>
      <c r="M22250" t="s">
        <v>83</v>
      </c>
      <c r="N22250" t="s">
        <v>84</v>
      </c>
      <c r="O22250" t="s">
        <v>85</v>
      </c>
      <c r="P22250" t="s">
        <v>86</v>
      </c>
      <c r="Q22250">
        <v>7</v>
      </c>
      <c r="R22250">
        <v>7</v>
      </c>
      <c r="S22250">
        <v>7</v>
      </c>
      <c r="T22250">
        <v>7</v>
      </c>
      <c r="U22250">
        <v>7</v>
      </c>
      <c r="V22250">
        <v>7</v>
      </c>
      <c r="W22250">
        <v>7</v>
      </c>
      <c r="X22250">
        <v>7</v>
      </c>
      <c r="Y22250">
        <v>7</v>
      </c>
      <c r="Z22250">
        <v>7</v>
      </c>
      <c r="AA22250">
        <v>7</v>
      </c>
      <c r="AB22250">
        <v>7</v>
      </c>
      <c r="AC22250">
        <v>7</v>
      </c>
      <c r="AD22250">
        <v>7</v>
      </c>
      <c r="AE22250">
        <v>7</v>
      </c>
      <c r="AF22250">
        <v>7</v>
      </c>
      <c r="AG22250">
        <v>7</v>
      </c>
      <c r="AH22250">
        <v>7</v>
      </c>
      <c r="AI22250">
        <v>7</v>
      </c>
      <c r="AJ22250">
        <v>7</v>
      </c>
      <c r="AK22250">
        <v>7</v>
      </c>
      <c r="AL22250">
        <v>7</v>
      </c>
      <c r="AM22250">
        <v>7</v>
      </c>
      <c r="AN22250">
        <v>7</v>
      </c>
      <c r="AO22250">
        <v>7</v>
      </c>
      <c r="AP22250">
        <v>7</v>
      </c>
      <c r="AQ22250">
        <v>7</v>
      </c>
    </row>
    <row r="22251" spans="1:43">
      <c r="A22251" t="s">
        <v>13787</v>
      </c>
      <c r="B22251" t="s">
        <v>13788</v>
      </c>
      <c r="C22251" t="s">
        <v>13789</v>
      </c>
      <c r="D22251" t="s">
        <v>13790</v>
      </c>
      <c r="E22251" t="s">
        <v>13745</v>
      </c>
      <c r="F22251" t="s">
        <v>13746</v>
      </c>
      <c r="G22251" t="s">
        <v>10734</v>
      </c>
      <c r="H22251" t="s">
        <v>10735</v>
      </c>
      <c r="I22251" s="2">
        <v>0</v>
      </c>
      <c r="J22251" s="2">
        <v>0</v>
      </c>
      <c r="K22251" s="2">
        <v>1</v>
      </c>
      <c r="L22251" t="s">
        <v>995</v>
      </c>
      <c r="M22251" t="s">
        <v>87</v>
      </c>
      <c r="N22251" t="s">
        <v>88</v>
      </c>
      <c r="O22251" t="s">
        <v>85</v>
      </c>
      <c r="P22251" t="s">
        <v>86</v>
      </c>
      <c r="Q22251">
        <v>7</v>
      </c>
      <c r="R22251">
        <v>7</v>
      </c>
      <c r="S22251">
        <v>7</v>
      </c>
      <c r="T22251">
        <v>7</v>
      </c>
      <c r="U22251">
        <v>7</v>
      </c>
      <c r="V22251">
        <v>6</v>
      </c>
      <c r="W22251">
        <v>6</v>
      </c>
      <c r="X22251">
        <v>6</v>
      </c>
      <c r="Y22251">
        <v>6</v>
      </c>
      <c r="Z22251">
        <v>6</v>
      </c>
      <c r="AA22251">
        <v>6</v>
      </c>
      <c r="AB22251">
        <v>6</v>
      </c>
      <c r="AC22251">
        <v>6</v>
      </c>
      <c r="AD22251">
        <v>6</v>
      </c>
      <c r="AE22251">
        <v>6</v>
      </c>
      <c r="AF22251">
        <v>6</v>
      </c>
      <c r="AG22251">
        <v>6</v>
      </c>
      <c r="AH22251">
        <v>6</v>
      </c>
      <c r="AI22251">
        <v>6</v>
      </c>
      <c r="AJ22251">
        <v>6</v>
      </c>
      <c r="AK22251">
        <v>6</v>
      </c>
      <c r="AL22251">
        <v>6</v>
      </c>
      <c r="AM22251">
        <v>6</v>
      </c>
      <c r="AN22251">
        <v>6</v>
      </c>
      <c r="AO22251">
        <v>6</v>
      </c>
      <c r="AP22251">
        <v>6</v>
      </c>
      <c r="AQ22251">
        <v>6</v>
      </c>
    </row>
    <row r="22252" spans="1:43">
      <c r="A22252" t="s">
        <v>13787</v>
      </c>
      <c r="B22252" t="s">
        <v>13788</v>
      </c>
      <c r="C22252" t="s">
        <v>13789</v>
      </c>
      <c r="D22252" t="s">
        <v>13790</v>
      </c>
      <c r="E22252" t="s">
        <v>13745</v>
      </c>
      <c r="F22252" t="s">
        <v>13746</v>
      </c>
      <c r="G22252" t="s">
        <v>10734</v>
      </c>
      <c r="H22252" t="s">
        <v>10735</v>
      </c>
      <c r="I22252" s="2">
        <v>0</v>
      </c>
      <c r="J22252" s="2">
        <v>0</v>
      </c>
      <c r="K22252" s="2">
        <v>1</v>
      </c>
      <c r="L22252" t="s">
        <v>995</v>
      </c>
      <c r="M22252" t="s">
        <v>89</v>
      </c>
      <c r="N22252" t="s">
        <v>90</v>
      </c>
      <c r="O22252" t="s">
        <v>85</v>
      </c>
      <c r="P22252" t="s">
        <v>86</v>
      </c>
      <c r="Q22252">
        <v>7</v>
      </c>
      <c r="R22252">
        <v>7</v>
      </c>
      <c r="S22252">
        <v>7</v>
      </c>
      <c r="T22252">
        <v>7</v>
      </c>
      <c r="U22252">
        <v>7</v>
      </c>
      <c r="V22252">
        <v>7</v>
      </c>
      <c r="W22252">
        <v>7</v>
      </c>
      <c r="X22252">
        <v>7</v>
      </c>
      <c r="Y22252">
        <v>7</v>
      </c>
      <c r="Z22252">
        <v>7</v>
      </c>
      <c r="AA22252">
        <v>7</v>
      </c>
      <c r="AB22252">
        <v>7</v>
      </c>
      <c r="AC22252">
        <v>7</v>
      </c>
      <c r="AD22252">
        <v>8</v>
      </c>
      <c r="AE22252">
        <v>8</v>
      </c>
      <c r="AF22252">
        <v>7</v>
      </c>
      <c r="AG22252">
        <v>7</v>
      </c>
      <c r="AH22252">
        <v>7</v>
      </c>
      <c r="AI22252">
        <v>7</v>
      </c>
      <c r="AJ22252">
        <v>7</v>
      </c>
      <c r="AK22252">
        <v>7</v>
      </c>
      <c r="AL22252">
        <v>7</v>
      </c>
      <c r="AM22252">
        <v>7</v>
      </c>
      <c r="AN22252">
        <v>7</v>
      </c>
      <c r="AO22252">
        <v>7</v>
      </c>
      <c r="AP22252">
        <v>7</v>
      </c>
      <c r="AQ22252">
        <v>7</v>
      </c>
    </row>
    <row r="22253" spans="1:43">
      <c r="A22253" t="s">
        <v>13787</v>
      </c>
      <c r="B22253" t="s">
        <v>13788</v>
      </c>
      <c r="C22253" t="s">
        <v>13789</v>
      </c>
      <c r="D22253" t="s">
        <v>13790</v>
      </c>
      <c r="E22253" t="s">
        <v>13745</v>
      </c>
      <c r="F22253" t="s">
        <v>13746</v>
      </c>
      <c r="G22253" t="s">
        <v>10734</v>
      </c>
      <c r="H22253" t="s">
        <v>10735</v>
      </c>
      <c r="I22253" s="2">
        <v>0</v>
      </c>
      <c r="J22253" s="2">
        <v>0</v>
      </c>
      <c r="K22253" s="2">
        <v>1</v>
      </c>
      <c r="L22253" t="s">
        <v>995</v>
      </c>
      <c r="M22253" t="s">
        <v>83</v>
      </c>
      <c r="N22253" t="s">
        <v>91</v>
      </c>
      <c r="O22253" t="s">
        <v>85</v>
      </c>
      <c r="P22253" t="s">
        <v>86</v>
      </c>
      <c r="Q22253">
        <v>7</v>
      </c>
      <c r="R22253">
        <v>7</v>
      </c>
      <c r="S22253">
        <v>7</v>
      </c>
      <c r="T22253">
        <v>7</v>
      </c>
      <c r="U22253">
        <v>7</v>
      </c>
      <c r="V22253">
        <v>7</v>
      </c>
      <c r="W22253">
        <v>7</v>
      </c>
      <c r="X22253">
        <v>7</v>
      </c>
      <c r="Y22253">
        <v>7</v>
      </c>
      <c r="Z22253">
        <v>7</v>
      </c>
      <c r="AA22253">
        <v>7</v>
      </c>
      <c r="AB22253">
        <v>7</v>
      </c>
      <c r="AC22253">
        <v>7</v>
      </c>
      <c r="AD22253">
        <v>7</v>
      </c>
      <c r="AE22253">
        <v>7</v>
      </c>
      <c r="AF22253">
        <v>7</v>
      </c>
      <c r="AG22253">
        <v>7</v>
      </c>
      <c r="AH22253">
        <v>7</v>
      </c>
      <c r="AI22253">
        <v>7</v>
      </c>
      <c r="AJ22253">
        <v>7</v>
      </c>
      <c r="AK22253">
        <v>7</v>
      </c>
      <c r="AL22253">
        <v>7</v>
      </c>
      <c r="AM22253">
        <v>7</v>
      </c>
      <c r="AN22253">
        <v>7</v>
      </c>
      <c r="AO22253">
        <v>7</v>
      </c>
      <c r="AP22253">
        <v>7</v>
      </c>
      <c r="AQ22253">
        <v>7</v>
      </c>
    </row>
    <row r="22254" spans="1:43">
      <c r="A22254" t="s">
        <v>13791</v>
      </c>
      <c r="B22254" t="s">
        <v>13792</v>
      </c>
      <c r="C22254" t="s">
        <v>13783</v>
      </c>
      <c r="D22254" t="s">
        <v>13784</v>
      </c>
      <c r="E22254" t="s">
        <v>13745</v>
      </c>
      <c r="F22254" t="s">
        <v>13746</v>
      </c>
      <c r="G22254" t="s">
        <v>10734</v>
      </c>
      <c r="H22254" t="s">
        <v>10735</v>
      </c>
      <c r="I22254" s="2">
        <v>0</v>
      </c>
      <c r="J22254" s="2">
        <v>0</v>
      </c>
      <c r="K22254" s="2">
        <v>1</v>
      </c>
      <c r="L22254" t="s">
        <v>995</v>
      </c>
      <c r="M22254" t="s">
        <v>83</v>
      </c>
      <c r="N22254" t="s">
        <v>84</v>
      </c>
      <c r="O22254" t="s">
        <v>85</v>
      </c>
      <c r="P22254" t="s">
        <v>86</v>
      </c>
      <c r="Q22254">
        <v>3</v>
      </c>
      <c r="R22254">
        <v>3</v>
      </c>
      <c r="S22254">
        <v>3</v>
      </c>
      <c r="T22254">
        <v>3</v>
      </c>
      <c r="U22254">
        <v>3</v>
      </c>
      <c r="V22254">
        <v>3</v>
      </c>
      <c r="W22254">
        <v>3</v>
      </c>
      <c r="X22254">
        <v>3</v>
      </c>
      <c r="Y22254">
        <v>3</v>
      </c>
      <c r="Z22254">
        <v>3</v>
      </c>
      <c r="AA22254">
        <v>3</v>
      </c>
      <c r="AB22254">
        <v>3</v>
      </c>
      <c r="AC22254">
        <v>3</v>
      </c>
      <c r="AD22254">
        <v>3</v>
      </c>
      <c r="AE22254">
        <v>3</v>
      </c>
      <c r="AF22254">
        <v>3</v>
      </c>
      <c r="AG22254">
        <v>3</v>
      </c>
      <c r="AH22254">
        <v>3</v>
      </c>
      <c r="AI22254">
        <v>3</v>
      </c>
      <c r="AJ22254">
        <v>3</v>
      </c>
      <c r="AK22254">
        <v>3</v>
      </c>
      <c r="AL22254">
        <v>3</v>
      </c>
      <c r="AM22254">
        <v>3</v>
      </c>
      <c r="AN22254">
        <v>3</v>
      </c>
      <c r="AO22254">
        <v>3</v>
      </c>
      <c r="AP22254">
        <v>3</v>
      </c>
      <c r="AQ22254">
        <v>3</v>
      </c>
    </row>
    <row r="22255" spans="1:43">
      <c r="A22255" t="s">
        <v>13791</v>
      </c>
      <c r="B22255" t="s">
        <v>13792</v>
      </c>
      <c r="C22255" t="s">
        <v>13783</v>
      </c>
      <c r="D22255" t="s">
        <v>13784</v>
      </c>
      <c r="E22255" t="s">
        <v>13745</v>
      </c>
      <c r="F22255" t="s">
        <v>13746</v>
      </c>
      <c r="G22255" t="s">
        <v>10734</v>
      </c>
      <c r="H22255" t="s">
        <v>10735</v>
      </c>
      <c r="I22255" s="2">
        <v>0</v>
      </c>
      <c r="J22255" s="2">
        <v>0</v>
      </c>
      <c r="K22255" s="2">
        <v>1</v>
      </c>
      <c r="L22255" t="s">
        <v>995</v>
      </c>
      <c r="M22255" t="s">
        <v>87</v>
      </c>
      <c r="N22255" t="s">
        <v>88</v>
      </c>
      <c r="O22255" t="s">
        <v>85</v>
      </c>
      <c r="P22255" t="s">
        <v>86</v>
      </c>
      <c r="Q22255">
        <v>3</v>
      </c>
      <c r="R22255">
        <v>3</v>
      </c>
      <c r="S22255">
        <v>3</v>
      </c>
      <c r="T22255">
        <v>3</v>
      </c>
      <c r="U22255">
        <v>3</v>
      </c>
      <c r="V22255">
        <v>3</v>
      </c>
      <c r="W22255">
        <v>3</v>
      </c>
      <c r="X22255">
        <v>3</v>
      </c>
      <c r="Y22255">
        <v>3</v>
      </c>
      <c r="Z22255">
        <v>3</v>
      </c>
      <c r="AA22255">
        <v>3</v>
      </c>
      <c r="AB22255">
        <v>3</v>
      </c>
      <c r="AC22255">
        <v>3</v>
      </c>
      <c r="AD22255">
        <v>3</v>
      </c>
      <c r="AE22255">
        <v>3</v>
      </c>
      <c r="AF22255">
        <v>3</v>
      </c>
      <c r="AG22255">
        <v>3</v>
      </c>
      <c r="AH22255">
        <v>3</v>
      </c>
      <c r="AI22255">
        <v>3</v>
      </c>
      <c r="AJ22255">
        <v>3</v>
      </c>
      <c r="AK22255">
        <v>2</v>
      </c>
      <c r="AL22255">
        <v>2</v>
      </c>
      <c r="AM22255">
        <v>2</v>
      </c>
      <c r="AN22255">
        <v>2</v>
      </c>
      <c r="AO22255">
        <v>2</v>
      </c>
      <c r="AP22255">
        <v>2</v>
      </c>
      <c r="AQ22255">
        <v>2</v>
      </c>
    </row>
    <row r="22256" spans="1:43">
      <c r="A22256" t="s">
        <v>13791</v>
      </c>
      <c r="B22256" t="s">
        <v>13792</v>
      </c>
      <c r="C22256" t="s">
        <v>13783</v>
      </c>
      <c r="D22256" t="s">
        <v>13784</v>
      </c>
      <c r="E22256" t="s">
        <v>13745</v>
      </c>
      <c r="F22256" t="s">
        <v>13746</v>
      </c>
      <c r="G22256" t="s">
        <v>10734</v>
      </c>
      <c r="H22256" t="s">
        <v>10735</v>
      </c>
      <c r="I22256" s="2">
        <v>0</v>
      </c>
      <c r="J22256" s="2">
        <v>0</v>
      </c>
      <c r="K22256" s="2">
        <v>1</v>
      </c>
      <c r="L22256" t="s">
        <v>995</v>
      </c>
      <c r="M22256" t="s">
        <v>89</v>
      </c>
      <c r="N22256" t="s">
        <v>90</v>
      </c>
      <c r="O22256" t="s">
        <v>85</v>
      </c>
      <c r="P22256" t="s">
        <v>86</v>
      </c>
      <c r="Q22256">
        <v>3</v>
      </c>
      <c r="R22256">
        <v>3</v>
      </c>
      <c r="S22256">
        <v>3</v>
      </c>
      <c r="T22256">
        <v>3</v>
      </c>
      <c r="U22256">
        <v>3</v>
      </c>
      <c r="V22256">
        <v>3</v>
      </c>
      <c r="W22256">
        <v>3</v>
      </c>
      <c r="X22256">
        <v>3</v>
      </c>
      <c r="Y22256">
        <v>3</v>
      </c>
      <c r="Z22256">
        <v>3</v>
      </c>
      <c r="AA22256">
        <v>3</v>
      </c>
      <c r="AB22256">
        <v>3</v>
      </c>
      <c r="AC22256">
        <v>3</v>
      </c>
      <c r="AD22256">
        <v>3</v>
      </c>
      <c r="AE22256">
        <v>3</v>
      </c>
      <c r="AF22256">
        <v>3</v>
      </c>
      <c r="AG22256">
        <v>3</v>
      </c>
      <c r="AH22256">
        <v>3</v>
      </c>
      <c r="AI22256">
        <v>3</v>
      </c>
      <c r="AJ22256">
        <v>3</v>
      </c>
      <c r="AK22256">
        <v>3</v>
      </c>
      <c r="AL22256">
        <v>3</v>
      </c>
      <c r="AM22256">
        <v>3</v>
      </c>
      <c r="AN22256">
        <v>3</v>
      </c>
      <c r="AO22256">
        <v>3</v>
      </c>
      <c r="AP22256">
        <v>3</v>
      </c>
      <c r="AQ22256">
        <v>3</v>
      </c>
    </row>
    <row r="22257" spans="1:43">
      <c r="A22257" t="s">
        <v>13791</v>
      </c>
      <c r="B22257" t="s">
        <v>13792</v>
      </c>
      <c r="C22257" t="s">
        <v>13783</v>
      </c>
      <c r="D22257" t="s">
        <v>13784</v>
      </c>
      <c r="E22257" t="s">
        <v>13745</v>
      </c>
      <c r="F22257" t="s">
        <v>13746</v>
      </c>
      <c r="G22257" t="s">
        <v>10734</v>
      </c>
      <c r="H22257" t="s">
        <v>10735</v>
      </c>
      <c r="I22257" s="2">
        <v>0</v>
      </c>
      <c r="J22257" s="2">
        <v>0</v>
      </c>
      <c r="K22257" s="2">
        <v>1</v>
      </c>
      <c r="L22257" t="s">
        <v>995</v>
      </c>
      <c r="M22257" t="s">
        <v>83</v>
      </c>
      <c r="N22257" t="s">
        <v>91</v>
      </c>
      <c r="O22257" t="s">
        <v>85</v>
      </c>
      <c r="P22257" t="s">
        <v>86</v>
      </c>
      <c r="Q22257">
        <v>3</v>
      </c>
      <c r="R22257">
        <v>3</v>
      </c>
      <c r="S22257">
        <v>3</v>
      </c>
      <c r="T22257">
        <v>3</v>
      </c>
      <c r="U22257">
        <v>3</v>
      </c>
      <c r="V22257">
        <v>3</v>
      </c>
      <c r="W22257">
        <v>3</v>
      </c>
      <c r="X22257">
        <v>3</v>
      </c>
      <c r="Y22257">
        <v>3</v>
      </c>
      <c r="Z22257">
        <v>3</v>
      </c>
      <c r="AA22257">
        <v>3</v>
      </c>
      <c r="AB22257">
        <v>3</v>
      </c>
      <c r="AC22257">
        <v>3</v>
      </c>
      <c r="AD22257">
        <v>3</v>
      </c>
      <c r="AE22257">
        <v>3</v>
      </c>
      <c r="AF22257">
        <v>3</v>
      </c>
      <c r="AG22257">
        <v>3</v>
      </c>
      <c r="AH22257">
        <v>3</v>
      </c>
      <c r="AI22257">
        <v>3</v>
      </c>
      <c r="AJ22257">
        <v>3</v>
      </c>
      <c r="AK22257">
        <v>3</v>
      </c>
      <c r="AL22257">
        <v>3</v>
      </c>
      <c r="AM22257">
        <v>3</v>
      </c>
      <c r="AN22257">
        <v>3</v>
      </c>
      <c r="AO22257">
        <v>3</v>
      </c>
      <c r="AP22257">
        <v>3</v>
      </c>
      <c r="AQ22257">
        <v>3</v>
      </c>
    </row>
    <row r="22258" spans="1:43">
      <c r="A22258" t="s">
        <v>13793</v>
      </c>
      <c r="B22258" t="s">
        <v>13794</v>
      </c>
      <c r="C22258" t="s">
        <v>13783</v>
      </c>
      <c r="D22258" t="s">
        <v>13784</v>
      </c>
      <c r="E22258" t="s">
        <v>13745</v>
      </c>
      <c r="F22258" t="s">
        <v>13746</v>
      </c>
      <c r="G22258" t="s">
        <v>10734</v>
      </c>
      <c r="H22258" t="s">
        <v>10735</v>
      </c>
      <c r="I22258" s="2">
        <v>0</v>
      </c>
      <c r="J22258" s="2">
        <v>0</v>
      </c>
      <c r="K22258" s="2">
        <v>1</v>
      </c>
      <c r="L22258" t="s">
        <v>995</v>
      </c>
      <c r="M22258" t="s">
        <v>83</v>
      </c>
      <c r="N22258" t="s">
        <v>84</v>
      </c>
      <c r="O22258" t="s">
        <v>85</v>
      </c>
      <c r="P22258" t="s">
        <v>86</v>
      </c>
      <c r="Q22258">
        <v>14</v>
      </c>
      <c r="R22258">
        <v>14</v>
      </c>
      <c r="S22258">
        <v>14</v>
      </c>
      <c r="T22258">
        <v>14</v>
      </c>
      <c r="U22258">
        <v>14</v>
      </c>
      <c r="V22258">
        <v>14</v>
      </c>
      <c r="W22258">
        <v>14</v>
      </c>
      <c r="X22258">
        <v>14</v>
      </c>
      <c r="Y22258">
        <v>14</v>
      </c>
      <c r="Z22258">
        <v>14</v>
      </c>
      <c r="AA22258">
        <v>14</v>
      </c>
      <c r="AB22258">
        <v>14</v>
      </c>
      <c r="AC22258">
        <v>14</v>
      </c>
      <c r="AD22258">
        <v>15</v>
      </c>
      <c r="AE22258">
        <v>15</v>
      </c>
      <c r="AF22258">
        <v>15</v>
      </c>
      <c r="AG22258">
        <v>15</v>
      </c>
      <c r="AH22258">
        <v>15</v>
      </c>
      <c r="AI22258">
        <v>15</v>
      </c>
      <c r="AJ22258">
        <v>15</v>
      </c>
      <c r="AK22258">
        <v>15</v>
      </c>
      <c r="AL22258">
        <v>15</v>
      </c>
      <c r="AM22258">
        <v>15</v>
      </c>
      <c r="AN22258">
        <v>15</v>
      </c>
      <c r="AO22258">
        <v>15</v>
      </c>
      <c r="AP22258">
        <v>15</v>
      </c>
      <c r="AQ22258">
        <v>14</v>
      </c>
    </row>
    <row r="22259" spans="1:43">
      <c r="A22259" t="s">
        <v>13793</v>
      </c>
      <c r="B22259" t="s">
        <v>13794</v>
      </c>
      <c r="C22259" t="s">
        <v>13783</v>
      </c>
      <c r="D22259" t="s">
        <v>13784</v>
      </c>
      <c r="E22259" t="s">
        <v>13745</v>
      </c>
      <c r="F22259" t="s">
        <v>13746</v>
      </c>
      <c r="G22259" t="s">
        <v>10734</v>
      </c>
      <c r="H22259" t="s">
        <v>10735</v>
      </c>
      <c r="I22259" s="2">
        <v>0</v>
      </c>
      <c r="J22259" s="2">
        <v>0</v>
      </c>
      <c r="K22259" s="2">
        <v>1</v>
      </c>
      <c r="L22259" t="s">
        <v>995</v>
      </c>
      <c r="M22259" t="s">
        <v>87</v>
      </c>
      <c r="N22259" t="s">
        <v>88</v>
      </c>
      <c r="O22259" t="s">
        <v>85</v>
      </c>
      <c r="P22259" t="s">
        <v>86</v>
      </c>
      <c r="Q22259">
        <v>14</v>
      </c>
      <c r="R22259">
        <v>14</v>
      </c>
      <c r="S22259">
        <v>14</v>
      </c>
      <c r="T22259">
        <v>13</v>
      </c>
      <c r="U22259">
        <v>13</v>
      </c>
      <c r="V22259">
        <v>13</v>
      </c>
      <c r="W22259">
        <v>13</v>
      </c>
      <c r="X22259">
        <v>13</v>
      </c>
      <c r="Y22259">
        <v>13</v>
      </c>
      <c r="Z22259">
        <v>13</v>
      </c>
      <c r="AA22259">
        <v>13</v>
      </c>
      <c r="AB22259">
        <v>13</v>
      </c>
      <c r="AC22259">
        <v>13</v>
      </c>
      <c r="AD22259">
        <v>13</v>
      </c>
      <c r="AE22259">
        <v>13</v>
      </c>
      <c r="AF22259">
        <v>13</v>
      </c>
      <c r="AG22259">
        <v>13</v>
      </c>
      <c r="AH22259">
        <v>13</v>
      </c>
      <c r="AI22259">
        <v>13</v>
      </c>
      <c r="AJ22259">
        <v>13</v>
      </c>
      <c r="AK22259">
        <v>13</v>
      </c>
      <c r="AL22259">
        <v>13</v>
      </c>
      <c r="AM22259">
        <v>13</v>
      </c>
      <c r="AN22259">
        <v>13</v>
      </c>
      <c r="AO22259">
        <v>12</v>
      </c>
      <c r="AP22259">
        <v>12</v>
      </c>
      <c r="AQ22259">
        <v>12</v>
      </c>
    </row>
    <row r="22260" spans="1:43">
      <c r="A22260" t="s">
        <v>13793</v>
      </c>
      <c r="B22260" t="s">
        <v>13794</v>
      </c>
      <c r="C22260" t="s">
        <v>13783</v>
      </c>
      <c r="D22260" t="s">
        <v>13784</v>
      </c>
      <c r="E22260" t="s">
        <v>13745</v>
      </c>
      <c r="F22260" t="s">
        <v>13746</v>
      </c>
      <c r="G22260" t="s">
        <v>10734</v>
      </c>
      <c r="H22260" t="s">
        <v>10735</v>
      </c>
      <c r="I22260" s="2">
        <v>0</v>
      </c>
      <c r="J22260" s="2">
        <v>0</v>
      </c>
      <c r="K22260" s="2">
        <v>1</v>
      </c>
      <c r="L22260" t="s">
        <v>995</v>
      </c>
      <c r="M22260" t="s">
        <v>89</v>
      </c>
      <c r="N22260" t="s">
        <v>90</v>
      </c>
      <c r="O22260" t="s">
        <v>85</v>
      </c>
      <c r="P22260" t="s">
        <v>86</v>
      </c>
      <c r="Q22260">
        <v>14</v>
      </c>
      <c r="R22260">
        <v>14</v>
      </c>
      <c r="S22260">
        <v>14</v>
      </c>
      <c r="T22260">
        <v>14</v>
      </c>
      <c r="U22260">
        <v>15</v>
      </c>
      <c r="V22260">
        <v>15</v>
      </c>
      <c r="W22260">
        <v>15</v>
      </c>
      <c r="X22260">
        <v>15</v>
      </c>
      <c r="Y22260">
        <v>15</v>
      </c>
      <c r="Z22260">
        <v>15</v>
      </c>
      <c r="AA22260">
        <v>15</v>
      </c>
      <c r="AB22260">
        <v>15</v>
      </c>
      <c r="AC22260">
        <v>16</v>
      </c>
      <c r="AD22260">
        <v>16</v>
      </c>
      <c r="AE22260">
        <v>16</v>
      </c>
      <c r="AF22260">
        <v>16</v>
      </c>
      <c r="AG22260">
        <v>15</v>
      </c>
      <c r="AH22260">
        <v>15</v>
      </c>
      <c r="AI22260">
        <v>15</v>
      </c>
      <c r="AJ22260">
        <v>15</v>
      </c>
      <c r="AK22260">
        <v>15</v>
      </c>
      <c r="AL22260">
        <v>15</v>
      </c>
      <c r="AM22260">
        <v>15</v>
      </c>
      <c r="AN22260">
        <v>15</v>
      </c>
      <c r="AO22260">
        <v>15</v>
      </c>
      <c r="AP22260">
        <v>15</v>
      </c>
      <c r="AQ22260">
        <v>15</v>
      </c>
    </row>
    <row r="22261" spans="1:43">
      <c r="A22261" t="s">
        <v>13793</v>
      </c>
      <c r="B22261" t="s">
        <v>13794</v>
      </c>
      <c r="C22261" t="s">
        <v>13783</v>
      </c>
      <c r="D22261" t="s">
        <v>13784</v>
      </c>
      <c r="E22261" t="s">
        <v>13745</v>
      </c>
      <c r="F22261" t="s">
        <v>13746</v>
      </c>
      <c r="G22261" t="s">
        <v>10734</v>
      </c>
      <c r="H22261" t="s">
        <v>10735</v>
      </c>
      <c r="I22261" s="2">
        <v>0</v>
      </c>
      <c r="J22261" s="2">
        <v>0</v>
      </c>
      <c r="K22261" s="2">
        <v>1</v>
      </c>
      <c r="L22261" t="s">
        <v>995</v>
      </c>
      <c r="M22261" t="s">
        <v>83</v>
      </c>
      <c r="N22261" t="s">
        <v>91</v>
      </c>
      <c r="O22261" t="s">
        <v>85</v>
      </c>
      <c r="P22261" t="s">
        <v>86</v>
      </c>
      <c r="Q22261">
        <v>14</v>
      </c>
      <c r="R22261">
        <v>14</v>
      </c>
      <c r="S22261">
        <v>14</v>
      </c>
      <c r="T22261">
        <v>14</v>
      </c>
      <c r="U22261">
        <v>14</v>
      </c>
      <c r="V22261">
        <v>14</v>
      </c>
      <c r="W22261">
        <v>14</v>
      </c>
      <c r="X22261">
        <v>14</v>
      </c>
      <c r="Y22261">
        <v>14</v>
      </c>
      <c r="Z22261">
        <v>14</v>
      </c>
      <c r="AA22261">
        <v>14</v>
      </c>
      <c r="AB22261">
        <v>14</v>
      </c>
      <c r="AC22261">
        <v>14</v>
      </c>
      <c r="AD22261">
        <v>15</v>
      </c>
      <c r="AE22261">
        <v>15</v>
      </c>
      <c r="AF22261">
        <v>15</v>
      </c>
      <c r="AG22261">
        <v>15</v>
      </c>
      <c r="AH22261">
        <v>15</v>
      </c>
      <c r="AI22261">
        <v>15</v>
      </c>
      <c r="AJ22261">
        <v>15</v>
      </c>
      <c r="AK22261">
        <v>15</v>
      </c>
      <c r="AL22261">
        <v>15</v>
      </c>
      <c r="AM22261">
        <v>15</v>
      </c>
      <c r="AN22261">
        <v>15</v>
      </c>
      <c r="AO22261">
        <v>15</v>
      </c>
      <c r="AP22261">
        <v>15</v>
      </c>
      <c r="AQ22261">
        <v>14</v>
      </c>
    </row>
    <row r="22262" spans="1:43">
      <c r="A22262" t="s">
        <v>13795</v>
      </c>
      <c r="B22262" t="s">
        <v>13796</v>
      </c>
      <c r="C22262" t="s">
        <v>13789</v>
      </c>
      <c r="D22262" t="s">
        <v>13790</v>
      </c>
      <c r="E22262" t="s">
        <v>13745</v>
      </c>
      <c r="F22262" t="s">
        <v>13746</v>
      </c>
      <c r="G22262" t="s">
        <v>10734</v>
      </c>
      <c r="H22262" t="s">
        <v>10735</v>
      </c>
      <c r="I22262" s="2">
        <v>0</v>
      </c>
      <c r="J22262" s="2">
        <v>0</v>
      </c>
      <c r="K22262" s="2">
        <v>1</v>
      </c>
      <c r="L22262" t="s">
        <v>995</v>
      </c>
      <c r="M22262" t="s">
        <v>83</v>
      </c>
      <c r="N22262" t="s">
        <v>84</v>
      </c>
      <c r="O22262" t="s">
        <v>85</v>
      </c>
      <c r="P22262" t="s">
        <v>86</v>
      </c>
      <c r="Q22262">
        <v>13</v>
      </c>
      <c r="R22262">
        <v>13</v>
      </c>
      <c r="S22262">
        <v>13</v>
      </c>
      <c r="T22262">
        <v>13</v>
      </c>
      <c r="U22262">
        <v>14</v>
      </c>
      <c r="V22262">
        <v>14</v>
      </c>
      <c r="W22262">
        <v>14</v>
      </c>
      <c r="X22262">
        <v>14</v>
      </c>
      <c r="Y22262">
        <v>14</v>
      </c>
      <c r="Z22262">
        <v>14</v>
      </c>
      <c r="AA22262">
        <v>14</v>
      </c>
      <c r="AB22262">
        <v>14</v>
      </c>
      <c r="AC22262">
        <v>14</v>
      </c>
      <c r="AD22262">
        <v>14</v>
      </c>
      <c r="AE22262">
        <v>14</v>
      </c>
      <c r="AF22262">
        <v>14</v>
      </c>
      <c r="AG22262">
        <v>14</v>
      </c>
      <c r="AH22262">
        <v>14</v>
      </c>
      <c r="AI22262">
        <v>14</v>
      </c>
      <c r="AJ22262">
        <v>14</v>
      </c>
      <c r="AK22262">
        <v>14</v>
      </c>
      <c r="AL22262">
        <v>14</v>
      </c>
      <c r="AM22262">
        <v>14</v>
      </c>
      <c r="AN22262">
        <v>14</v>
      </c>
      <c r="AO22262">
        <v>14</v>
      </c>
      <c r="AP22262">
        <v>14</v>
      </c>
      <c r="AQ22262">
        <v>14</v>
      </c>
    </row>
    <row r="22263" spans="1:43">
      <c r="A22263" t="s">
        <v>13795</v>
      </c>
      <c r="B22263" t="s">
        <v>13796</v>
      </c>
      <c r="C22263" t="s">
        <v>13789</v>
      </c>
      <c r="D22263" t="s">
        <v>13790</v>
      </c>
      <c r="E22263" t="s">
        <v>13745</v>
      </c>
      <c r="F22263" t="s">
        <v>13746</v>
      </c>
      <c r="G22263" t="s">
        <v>10734</v>
      </c>
      <c r="H22263" t="s">
        <v>10735</v>
      </c>
      <c r="I22263" s="2">
        <v>0</v>
      </c>
      <c r="J22263" s="2">
        <v>0</v>
      </c>
      <c r="K22263" s="2">
        <v>1</v>
      </c>
      <c r="L22263" t="s">
        <v>995</v>
      </c>
      <c r="M22263" t="s">
        <v>87</v>
      </c>
      <c r="N22263" t="s">
        <v>88</v>
      </c>
      <c r="O22263" t="s">
        <v>85</v>
      </c>
      <c r="P22263" t="s">
        <v>86</v>
      </c>
      <c r="Q22263">
        <v>13</v>
      </c>
      <c r="R22263">
        <v>13</v>
      </c>
      <c r="S22263">
        <v>13</v>
      </c>
      <c r="T22263">
        <v>13</v>
      </c>
      <c r="U22263">
        <v>13</v>
      </c>
      <c r="V22263">
        <v>13</v>
      </c>
      <c r="W22263">
        <v>13</v>
      </c>
      <c r="X22263">
        <v>13</v>
      </c>
      <c r="Y22263">
        <v>13</v>
      </c>
      <c r="Z22263">
        <v>13</v>
      </c>
      <c r="AA22263">
        <v>13</v>
      </c>
      <c r="AB22263">
        <v>13</v>
      </c>
      <c r="AC22263">
        <v>13</v>
      </c>
      <c r="AD22263">
        <v>13</v>
      </c>
      <c r="AE22263">
        <v>12</v>
      </c>
      <c r="AF22263">
        <v>12</v>
      </c>
      <c r="AG22263">
        <v>12</v>
      </c>
      <c r="AH22263">
        <v>12</v>
      </c>
      <c r="AI22263">
        <v>12</v>
      </c>
      <c r="AJ22263">
        <v>12</v>
      </c>
      <c r="AK22263">
        <v>12</v>
      </c>
      <c r="AL22263">
        <v>12</v>
      </c>
      <c r="AM22263">
        <v>12</v>
      </c>
      <c r="AN22263">
        <v>12</v>
      </c>
      <c r="AO22263">
        <v>12</v>
      </c>
      <c r="AP22263">
        <v>12</v>
      </c>
      <c r="AQ22263">
        <v>12</v>
      </c>
    </row>
    <row r="22264" spans="1:43">
      <c r="A22264" t="s">
        <v>13795</v>
      </c>
      <c r="B22264" t="s">
        <v>13796</v>
      </c>
      <c r="C22264" t="s">
        <v>13789</v>
      </c>
      <c r="D22264" t="s">
        <v>13790</v>
      </c>
      <c r="E22264" t="s">
        <v>13745</v>
      </c>
      <c r="F22264" t="s">
        <v>13746</v>
      </c>
      <c r="G22264" t="s">
        <v>10734</v>
      </c>
      <c r="H22264" t="s">
        <v>10735</v>
      </c>
      <c r="I22264" s="2">
        <v>0</v>
      </c>
      <c r="J22264" s="2">
        <v>0</v>
      </c>
      <c r="K22264" s="2">
        <v>1</v>
      </c>
      <c r="L22264" t="s">
        <v>995</v>
      </c>
      <c r="M22264" t="s">
        <v>89</v>
      </c>
      <c r="N22264" t="s">
        <v>90</v>
      </c>
      <c r="O22264" t="s">
        <v>85</v>
      </c>
      <c r="P22264" t="s">
        <v>86</v>
      </c>
      <c r="Q22264">
        <v>13</v>
      </c>
      <c r="R22264">
        <v>14</v>
      </c>
      <c r="S22264">
        <v>14</v>
      </c>
      <c r="T22264">
        <v>14</v>
      </c>
      <c r="U22264">
        <v>14</v>
      </c>
      <c r="V22264">
        <v>14</v>
      </c>
      <c r="W22264">
        <v>14</v>
      </c>
      <c r="X22264">
        <v>14</v>
      </c>
      <c r="Y22264">
        <v>15</v>
      </c>
      <c r="Z22264">
        <v>15</v>
      </c>
      <c r="AA22264">
        <v>15</v>
      </c>
      <c r="AB22264">
        <v>15</v>
      </c>
      <c r="AC22264">
        <v>15</v>
      </c>
      <c r="AD22264">
        <v>15</v>
      </c>
      <c r="AE22264">
        <v>15</v>
      </c>
      <c r="AF22264">
        <v>15</v>
      </c>
      <c r="AG22264">
        <v>15</v>
      </c>
      <c r="AH22264">
        <v>15</v>
      </c>
      <c r="AI22264">
        <v>15</v>
      </c>
      <c r="AJ22264">
        <v>15</v>
      </c>
      <c r="AK22264">
        <v>15</v>
      </c>
      <c r="AL22264">
        <v>15</v>
      </c>
      <c r="AM22264">
        <v>15</v>
      </c>
      <c r="AN22264">
        <v>15</v>
      </c>
      <c r="AO22264">
        <v>14</v>
      </c>
      <c r="AP22264">
        <v>14</v>
      </c>
      <c r="AQ22264">
        <v>14</v>
      </c>
    </row>
    <row r="22265" spans="1:43">
      <c r="A22265" t="s">
        <v>13795</v>
      </c>
      <c r="B22265" t="s">
        <v>13796</v>
      </c>
      <c r="C22265" t="s">
        <v>13789</v>
      </c>
      <c r="D22265" t="s">
        <v>13790</v>
      </c>
      <c r="E22265" t="s">
        <v>13745</v>
      </c>
      <c r="F22265" t="s">
        <v>13746</v>
      </c>
      <c r="G22265" t="s">
        <v>10734</v>
      </c>
      <c r="H22265" t="s">
        <v>10735</v>
      </c>
      <c r="I22265" s="2">
        <v>0</v>
      </c>
      <c r="J22265" s="2">
        <v>0</v>
      </c>
      <c r="K22265" s="2">
        <v>1</v>
      </c>
      <c r="L22265" t="s">
        <v>995</v>
      </c>
      <c r="M22265" t="s">
        <v>83</v>
      </c>
      <c r="N22265" t="s">
        <v>91</v>
      </c>
      <c r="O22265" t="s">
        <v>85</v>
      </c>
      <c r="P22265" t="s">
        <v>86</v>
      </c>
      <c r="Q22265">
        <v>13</v>
      </c>
      <c r="R22265">
        <v>13</v>
      </c>
      <c r="S22265">
        <v>13</v>
      </c>
      <c r="T22265">
        <v>13</v>
      </c>
      <c r="U22265">
        <v>14</v>
      </c>
      <c r="V22265">
        <v>14</v>
      </c>
      <c r="W22265">
        <v>14</v>
      </c>
      <c r="X22265">
        <v>14</v>
      </c>
      <c r="Y22265">
        <v>14</v>
      </c>
      <c r="Z22265">
        <v>14</v>
      </c>
      <c r="AA22265">
        <v>14</v>
      </c>
      <c r="AB22265">
        <v>14</v>
      </c>
      <c r="AC22265">
        <v>14</v>
      </c>
      <c r="AD22265">
        <v>14</v>
      </c>
      <c r="AE22265">
        <v>14</v>
      </c>
      <c r="AF22265">
        <v>14</v>
      </c>
      <c r="AG22265">
        <v>14</v>
      </c>
      <c r="AH22265">
        <v>14</v>
      </c>
      <c r="AI22265">
        <v>14</v>
      </c>
      <c r="AJ22265">
        <v>14</v>
      </c>
      <c r="AK22265">
        <v>14</v>
      </c>
      <c r="AL22265">
        <v>14</v>
      </c>
      <c r="AM22265">
        <v>14</v>
      </c>
      <c r="AN22265">
        <v>14</v>
      </c>
      <c r="AO22265">
        <v>14</v>
      </c>
      <c r="AP22265">
        <v>14</v>
      </c>
      <c r="AQ22265">
        <v>14</v>
      </c>
    </row>
    <row r="22266" spans="1:43">
      <c r="A22266" t="s">
        <v>13797</v>
      </c>
      <c r="B22266" t="s">
        <v>13798</v>
      </c>
      <c r="C22266" t="s">
        <v>13783</v>
      </c>
      <c r="D22266" t="s">
        <v>13784</v>
      </c>
      <c r="E22266" t="s">
        <v>13745</v>
      </c>
      <c r="F22266" t="s">
        <v>13746</v>
      </c>
      <c r="G22266" t="s">
        <v>10734</v>
      </c>
      <c r="H22266" t="s">
        <v>10735</v>
      </c>
      <c r="I22266" s="2">
        <v>0</v>
      </c>
      <c r="J22266" s="2">
        <v>0</v>
      </c>
      <c r="K22266" s="2">
        <v>1</v>
      </c>
      <c r="L22266" t="s">
        <v>995</v>
      </c>
      <c r="M22266" t="s">
        <v>83</v>
      </c>
      <c r="N22266" t="s">
        <v>84</v>
      </c>
      <c r="O22266" t="s">
        <v>85</v>
      </c>
      <c r="P22266" t="s">
        <v>86</v>
      </c>
      <c r="Q22266">
        <v>10</v>
      </c>
      <c r="R22266">
        <v>10</v>
      </c>
      <c r="S22266">
        <v>10</v>
      </c>
      <c r="T22266">
        <v>10</v>
      </c>
      <c r="U22266">
        <v>10</v>
      </c>
      <c r="V22266">
        <v>10</v>
      </c>
      <c r="W22266">
        <v>10</v>
      </c>
      <c r="X22266">
        <v>10</v>
      </c>
      <c r="Y22266">
        <v>10</v>
      </c>
      <c r="Z22266">
        <v>10</v>
      </c>
      <c r="AA22266">
        <v>10</v>
      </c>
      <c r="AB22266">
        <v>10</v>
      </c>
      <c r="AC22266">
        <v>10</v>
      </c>
      <c r="AD22266">
        <v>10</v>
      </c>
      <c r="AE22266">
        <v>10</v>
      </c>
      <c r="AF22266">
        <v>10</v>
      </c>
      <c r="AG22266">
        <v>10</v>
      </c>
      <c r="AH22266">
        <v>10</v>
      </c>
      <c r="AI22266">
        <v>10</v>
      </c>
      <c r="AJ22266">
        <v>10</v>
      </c>
      <c r="AK22266">
        <v>10</v>
      </c>
      <c r="AL22266">
        <v>10</v>
      </c>
      <c r="AM22266">
        <v>10</v>
      </c>
      <c r="AN22266">
        <v>10</v>
      </c>
      <c r="AO22266">
        <v>10</v>
      </c>
      <c r="AP22266">
        <v>10</v>
      </c>
      <c r="AQ22266">
        <v>10</v>
      </c>
    </row>
    <row r="22267" spans="1:43">
      <c r="A22267" t="s">
        <v>13797</v>
      </c>
      <c r="B22267" t="s">
        <v>13798</v>
      </c>
      <c r="C22267" t="s">
        <v>13783</v>
      </c>
      <c r="D22267" t="s">
        <v>13784</v>
      </c>
      <c r="E22267" t="s">
        <v>13745</v>
      </c>
      <c r="F22267" t="s">
        <v>13746</v>
      </c>
      <c r="G22267" t="s">
        <v>10734</v>
      </c>
      <c r="H22267" t="s">
        <v>10735</v>
      </c>
      <c r="I22267" s="2">
        <v>0</v>
      </c>
      <c r="J22267" s="2">
        <v>0</v>
      </c>
      <c r="K22267" s="2">
        <v>1</v>
      </c>
      <c r="L22267" t="s">
        <v>995</v>
      </c>
      <c r="M22267" t="s">
        <v>87</v>
      </c>
      <c r="N22267" t="s">
        <v>88</v>
      </c>
      <c r="O22267" t="s">
        <v>85</v>
      </c>
      <c r="P22267" t="s">
        <v>86</v>
      </c>
      <c r="Q22267">
        <v>10</v>
      </c>
      <c r="R22267">
        <v>10</v>
      </c>
      <c r="S22267">
        <v>10</v>
      </c>
      <c r="T22267">
        <v>10</v>
      </c>
      <c r="U22267">
        <v>10</v>
      </c>
      <c r="V22267">
        <v>10</v>
      </c>
      <c r="W22267">
        <v>9</v>
      </c>
      <c r="X22267">
        <v>9</v>
      </c>
      <c r="Y22267">
        <v>9</v>
      </c>
      <c r="Z22267">
        <v>9</v>
      </c>
      <c r="AA22267">
        <v>9</v>
      </c>
      <c r="AB22267">
        <v>9</v>
      </c>
      <c r="AC22267">
        <v>9</v>
      </c>
      <c r="AD22267">
        <v>9</v>
      </c>
      <c r="AE22267">
        <v>9</v>
      </c>
      <c r="AF22267">
        <v>9</v>
      </c>
      <c r="AG22267">
        <v>9</v>
      </c>
      <c r="AH22267">
        <v>9</v>
      </c>
      <c r="AI22267">
        <v>9</v>
      </c>
      <c r="AJ22267">
        <v>9</v>
      </c>
      <c r="AK22267">
        <v>9</v>
      </c>
      <c r="AL22267">
        <v>9</v>
      </c>
      <c r="AM22267">
        <v>9</v>
      </c>
      <c r="AN22267">
        <v>9</v>
      </c>
      <c r="AO22267">
        <v>9</v>
      </c>
      <c r="AP22267">
        <v>9</v>
      </c>
      <c r="AQ22267">
        <v>9</v>
      </c>
    </row>
    <row r="22268" spans="1:43">
      <c r="A22268" t="s">
        <v>13797</v>
      </c>
      <c r="B22268" t="s">
        <v>13798</v>
      </c>
      <c r="C22268" t="s">
        <v>13783</v>
      </c>
      <c r="D22268" t="s">
        <v>13784</v>
      </c>
      <c r="E22268" t="s">
        <v>13745</v>
      </c>
      <c r="F22268" t="s">
        <v>13746</v>
      </c>
      <c r="G22268" t="s">
        <v>10734</v>
      </c>
      <c r="H22268" t="s">
        <v>10735</v>
      </c>
      <c r="I22268" s="2">
        <v>0</v>
      </c>
      <c r="J22268" s="2">
        <v>0</v>
      </c>
      <c r="K22268" s="2">
        <v>1</v>
      </c>
      <c r="L22268" t="s">
        <v>995</v>
      </c>
      <c r="M22268" t="s">
        <v>89</v>
      </c>
      <c r="N22268" t="s">
        <v>90</v>
      </c>
      <c r="O22268" t="s">
        <v>85</v>
      </c>
      <c r="P22268" t="s">
        <v>86</v>
      </c>
      <c r="Q22268">
        <v>10</v>
      </c>
      <c r="R22268">
        <v>10</v>
      </c>
      <c r="S22268">
        <v>10</v>
      </c>
      <c r="T22268">
        <v>10</v>
      </c>
      <c r="U22268">
        <v>10</v>
      </c>
      <c r="V22268">
        <v>11</v>
      </c>
      <c r="W22268">
        <v>11</v>
      </c>
      <c r="X22268">
        <v>11</v>
      </c>
      <c r="Y22268">
        <v>11</v>
      </c>
      <c r="Z22268">
        <v>11</v>
      </c>
      <c r="AA22268">
        <v>11</v>
      </c>
      <c r="AB22268">
        <v>11</v>
      </c>
      <c r="AC22268">
        <v>11</v>
      </c>
      <c r="AD22268">
        <v>11</v>
      </c>
      <c r="AE22268">
        <v>11</v>
      </c>
      <c r="AF22268">
        <v>11</v>
      </c>
      <c r="AG22268">
        <v>11</v>
      </c>
      <c r="AH22268">
        <v>11</v>
      </c>
      <c r="AI22268">
        <v>11</v>
      </c>
      <c r="AJ22268">
        <v>11</v>
      </c>
      <c r="AK22268">
        <v>11</v>
      </c>
      <c r="AL22268">
        <v>10</v>
      </c>
      <c r="AM22268">
        <v>10</v>
      </c>
      <c r="AN22268">
        <v>10</v>
      </c>
      <c r="AO22268">
        <v>10</v>
      </c>
      <c r="AP22268">
        <v>10</v>
      </c>
      <c r="AQ22268">
        <v>10</v>
      </c>
    </row>
    <row r="22269" spans="1:43">
      <c r="A22269" t="s">
        <v>13797</v>
      </c>
      <c r="B22269" t="s">
        <v>13798</v>
      </c>
      <c r="C22269" t="s">
        <v>13783</v>
      </c>
      <c r="D22269" t="s">
        <v>13784</v>
      </c>
      <c r="E22269" t="s">
        <v>13745</v>
      </c>
      <c r="F22269" t="s">
        <v>13746</v>
      </c>
      <c r="G22269" t="s">
        <v>10734</v>
      </c>
      <c r="H22269" t="s">
        <v>10735</v>
      </c>
      <c r="I22269" s="2">
        <v>0</v>
      </c>
      <c r="J22269" s="2">
        <v>0</v>
      </c>
      <c r="K22269" s="2">
        <v>1</v>
      </c>
      <c r="L22269" t="s">
        <v>995</v>
      </c>
      <c r="M22269" t="s">
        <v>83</v>
      </c>
      <c r="N22269" t="s">
        <v>91</v>
      </c>
      <c r="O22269" t="s">
        <v>85</v>
      </c>
      <c r="P22269" t="s">
        <v>86</v>
      </c>
      <c r="Q22269">
        <v>10</v>
      </c>
      <c r="R22269">
        <v>10</v>
      </c>
      <c r="S22269">
        <v>10</v>
      </c>
      <c r="T22269">
        <v>10</v>
      </c>
      <c r="U22269">
        <v>10</v>
      </c>
      <c r="V22269">
        <v>10</v>
      </c>
      <c r="W22269">
        <v>10</v>
      </c>
      <c r="X22269">
        <v>10</v>
      </c>
      <c r="Y22269">
        <v>10</v>
      </c>
      <c r="Z22269">
        <v>10</v>
      </c>
      <c r="AA22269">
        <v>10</v>
      </c>
      <c r="AB22269">
        <v>10</v>
      </c>
      <c r="AC22269">
        <v>10</v>
      </c>
      <c r="AD22269">
        <v>10</v>
      </c>
      <c r="AE22269">
        <v>10</v>
      </c>
      <c r="AF22269">
        <v>10</v>
      </c>
      <c r="AG22269">
        <v>10</v>
      </c>
      <c r="AH22269">
        <v>10</v>
      </c>
      <c r="AI22269">
        <v>10</v>
      </c>
      <c r="AJ22269">
        <v>10</v>
      </c>
      <c r="AK22269">
        <v>10</v>
      </c>
      <c r="AL22269">
        <v>10</v>
      </c>
      <c r="AM22269">
        <v>10</v>
      </c>
      <c r="AN22269">
        <v>10</v>
      </c>
      <c r="AO22269">
        <v>10</v>
      </c>
      <c r="AP22269">
        <v>10</v>
      </c>
      <c r="AQ22269">
        <v>10</v>
      </c>
    </row>
    <row r="22270" spans="1:43">
      <c r="A22270" t="s">
        <v>13799</v>
      </c>
      <c r="B22270" t="s">
        <v>13800</v>
      </c>
      <c r="C22270" t="s">
        <v>13801</v>
      </c>
      <c r="D22270" t="s">
        <v>13802</v>
      </c>
      <c r="E22270" t="s">
        <v>13745</v>
      </c>
      <c r="F22270" t="s">
        <v>13746</v>
      </c>
      <c r="G22270" t="s">
        <v>10734</v>
      </c>
      <c r="H22270" t="s">
        <v>10735</v>
      </c>
      <c r="I22270" s="2">
        <v>0</v>
      </c>
      <c r="J22270" s="2">
        <v>0</v>
      </c>
      <c r="K22270" s="2">
        <v>1</v>
      </c>
      <c r="L22270" t="s">
        <v>995</v>
      </c>
      <c r="M22270" t="s">
        <v>83</v>
      </c>
      <c r="N22270" t="s">
        <v>84</v>
      </c>
      <c r="O22270" t="s">
        <v>85</v>
      </c>
      <c r="P22270" t="s">
        <v>86</v>
      </c>
      <c r="Q22270">
        <v>41</v>
      </c>
      <c r="R22270">
        <v>41</v>
      </c>
      <c r="S22270">
        <v>41</v>
      </c>
      <c r="T22270">
        <v>41</v>
      </c>
      <c r="U22270">
        <v>41</v>
      </c>
      <c r="V22270">
        <v>41</v>
      </c>
      <c r="W22270">
        <v>42</v>
      </c>
      <c r="X22270">
        <v>42</v>
      </c>
      <c r="Y22270">
        <v>42</v>
      </c>
      <c r="Z22270">
        <v>42</v>
      </c>
      <c r="AA22270">
        <v>42</v>
      </c>
      <c r="AB22270">
        <v>42</v>
      </c>
      <c r="AC22270">
        <v>42</v>
      </c>
      <c r="AD22270">
        <v>42</v>
      </c>
      <c r="AE22270">
        <v>42</v>
      </c>
      <c r="AF22270">
        <v>42</v>
      </c>
      <c r="AG22270">
        <v>42</v>
      </c>
      <c r="AH22270">
        <v>42</v>
      </c>
      <c r="AI22270">
        <v>42</v>
      </c>
      <c r="AJ22270">
        <v>42</v>
      </c>
      <c r="AK22270">
        <v>42</v>
      </c>
      <c r="AL22270">
        <v>42</v>
      </c>
      <c r="AM22270">
        <v>41</v>
      </c>
      <c r="AN22270">
        <v>41</v>
      </c>
      <c r="AO22270">
        <v>41</v>
      </c>
      <c r="AP22270">
        <v>40</v>
      </c>
      <c r="AQ22270">
        <v>40</v>
      </c>
    </row>
    <row r="22271" spans="1:43">
      <c r="A22271" t="s">
        <v>13799</v>
      </c>
      <c r="B22271" t="s">
        <v>13800</v>
      </c>
      <c r="C22271" t="s">
        <v>13801</v>
      </c>
      <c r="D22271" t="s">
        <v>13802</v>
      </c>
      <c r="E22271" t="s">
        <v>13745</v>
      </c>
      <c r="F22271" t="s">
        <v>13746</v>
      </c>
      <c r="G22271" t="s">
        <v>10734</v>
      </c>
      <c r="H22271" t="s">
        <v>10735</v>
      </c>
      <c r="I22271" s="2">
        <v>0</v>
      </c>
      <c r="J22271" s="2">
        <v>0</v>
      </c>
      <c r="K22271" s="2">
        <v>1</v>
      </c>
      <c r="L22271" t="s">
        <v>995</v>
      </c>
      <c r="M22271" t="s">
        <v>87</v>
      </c>
      <c r="N22271" t="s">
        <v>88</v>
      </c>
      <c r="O22271" t="s">
        <v>85</v>
      </c>
      <c r="P22271" t="s">
        <v>86</v>
      </c>
      <c r="Q22271">
        <v>41</v>
      </c>
      <c r="R22271">
        <v>41</v>
      </c>
      <c r="S22271">
        <v>41</v>
      </c>
      <c r="T22271">
        <v>41</v>
      </c>
      <c r="U22271">
        <v>40</v>
      </c>
      <c r="V22271">
        <v>40</v>
      </c>
      <c r="W22271">
        <v>40</v>
      </c>
      <c r="X22271">
        <v>40</v>
      </c>
      <c r="Y22271">
        <v>40</v>
      </c>
      <c r="Z22271">
        <v>39</v>
      </c>
      <c r="AA22271">
        <v>39</v>
      </c>
      <c r="AB22271">
        <v>39</v>
      </c>
      <c r="AC22271">
        <v>39</v>
      </c>
      <c r="AD22271">
        <v>39</v>
      </c>
      <c r="AE22271">
        <v>38</v>
      </c>
      <c r="AF22271">
        <v>38</v>
      </c>
      <c r="AG22271">
        <v>38</v>
      </c>
      <c r="AH22271">
        <v>38</v>
      </c>
      <c r="AI22271">
        <v>38</v>
      </c>
      <c r="AJ22271">
        <v>38</v>
      </c>
      <c r="AK22271">
        <v>37</v>
      </c>
      <c r="AL22271">
        <v>37</v>
      </c>
      <c r="AM22271">
        <v>37</v>
      </c>
      <c r="AN22271">
        <v>37</v>
      </c>
      <c r="AO22271">
        <v>37</v>
      </c>
      <c r="AP22271">
        <v>36</v>
      </c>
      <c r="AQ22271">
        <v>36</v>
      </c>
    </row>
    <row r="22272" spans="1:43">
      <c r="A22272" t="s">
        <v>13799</v>
      </c>
      <c r="B22272" t="s">
        <v>13800</v>
      </c>
      <c r="C22272" t="s">
        <v>13801</v>
      </c>
      <c r="D22272" t="s">
        <v>13802</v>
      </c>
      <c r="E22272" t="s">
        <v>13745</v>
      </c>
      <c r="F22272" t="s">
        <v>13746</v>
      </c>
      <c r="G22272" t="s">
        <v>10734</v>
      </c>
      <c r="H22272" t="s">
        <v>10735</v>
      </c>
      <c r="I22272" s="2">
        <v>0</v>
      </c>
      <c r="J22272" s="2">
        <v>0</v>
      </c>
      <c r="K22272" s="2">
        <v>1</v>
      </c>
      <c r="L22272" t="s">
        <v>995</v>
      </c>
      <c r="M22272" t="s">
        <v>89</v>
      </c>
      <c r="N22272" t="s">
        <v>90</v>
      </c>
      <c r="O22272" t="s">
        <v>85</v>
      </c>
      <c r="P22272" t="s">
        <v>86</v>
      </c>
      <c r="Q22272">
        <v>41</v>
      </c>
      <c r="R22272">
        <v>42</v>
      </c>
      <c r="S22272">
        <v>42</v>
      </c>
      <c r="T22272">
        <v>42</v>
      </c>
      <c r="U22272">
        <v>43</v>
      </c>
      <c r="V22272">
        <v>43</v>
      </c>
      <c r="W22272">
        <v>44</v>
      </c>
      <c r="X22272">
        <v>44</v>
      </c>
      <c r="Y22272">
        <v>44</v>
      </c>
      <c r="Z22272">
        <v>44</v>
      </c>
      <c r="AA22272">
        <v>44</v>
      </c>
      <c r="AB22272">
        <v>45</v>
      </c>
      <c r="AC22272">
        <v>45</v>
      </c>
      <c r="AD22272">
        <v>45</v>
      </c>
      <c r="AE22272">
        <v>45</v>
      </c>
      <c r="AF22272">
        <v>44</v>
      </c>
      <c r="AG22272">
        <v>44</v>
      </c>
      <c r="AH22272">
        <v>44</v>
      </c>
      <c r="AI22272">
        <v>43</v>
      </c>
      <c r="AJ22272">
        <v>43</v>
      </c>
      <c r="AK22272">
        <v>42</v>
      </c>
      <c r="AL22272">
        <v>42</v>
      </c>
      <c r="AM22272">
        <v>42</v>
      </c>
      <c r="AN22272">
        <v>41</v>
      </c>
      <c r="AO22272">
        <v>41</v>
      </c>
      <c r="AP22272">
        <v>41</v>
      </c>
      <c r="AQ22272">
        <v>40</v>
      </c>
    </row>
    <row r="22273" spans="1:43">
      <c r="A22273" t="s">
        <v>13799</v>
      </c>
      <c r="B22273" t="s">
        <v>13800</v>
      </c>
      <c r="C22273" t="s">
        <v>13801</v>
      </c>
      <c r="D22273" t="s">
        <v>13802</v>
      </c>
      <c r="E22273" t="s">
        <v>13745</v>
      </c>
      <c r="F22273" t="s">
        <v>13746</v>
      </c>
      <c r="G22273" t="s">
        <v>10734</v>
      </c>
      <c r="H22273" t="s">
        <v>10735</v>
      </c>
      <c r="I22273" s="2">
        <v>0</v>
      </c>
      <c r="J22273" s="2">
        <v>0</v>
      </c>
      <c r="K22273" s="2">
        <v>1</v>
      </c>
      <c r="L22273" t="s">
        <v>995</v>
      </c>
      <c r="M22273" t="s">
        <v>83</v>
      </c>
      <c r="N22273" t="s">
        <v>91</v>
      </c>
      <c r="O22273" t="s">
        <v>85</v>
      </c>
      <c r="P22273" t="s">
        <v>86</v>
      </c>
      <c r="Q22273">
        <v>41</v>
      </c>
      <c r="R22273">
        <v>41</v>
      </c>
      <c r="S22273">
        <v>41</v>
      </c>
      <c r="T22273">
        <v>41</v>
      </c>
      <c r="U22273">
        <v>41</v>
      </c>
      <c r="V22273">
        <v>41</v>
      </c>
      <c r="W22273">
        <v>42</v>
      </c>
      <c r="X22273">
        <v>42</v>
      </c>
      <c r="Y22273">
        <v>42</v>
      </c>
      <c r="Z22273">
        <v>42</v>
      </c>
      <c r="AA22273">
        <v>42</v>
      </c>
      <c r="AB22273">
        <v>42</v>
      </c>
      <c r="AC22273">
        <v>42</v>
      </c>
      <c r="AD22273">
        <v>42</v>
      </c>
      <c r="AE22273">
        <v>42</v>
      </c>
      <c r="AF22273">
        <v>42</v>
      </c>
      <c r="AG22273">
        <v>42</v>
      </c>
      <c r="AH22273">
        <v>42</v>
      </c>
      <c r="AI22273">
        <v>42</v>
      </c>
      <c r="AJ22273">
        <v>42</v>
      </c>
      <c r="AK22273">
        <v>42</v>
      </c>
      <c r="AL22273">
        <v>42</v>
      </c>
      <c r="AM22273">
        <v>41</v>
      </c>
      <c r="AN22273">
        <v>41</v>
      </c>
      <c r="AO22273">
        <v>41</v>
      </c>
      <c r="AP22273">
        <v>40</v>
      </c>
      <c r="AQ22273">
        <v>40</v>
      </c>
    </row>
    <row r="22274" spans="1:43">
      <c r="A22274" t="s">
        <v>13803</v>
      </c>
      <c r="B22274" t="s">
        <v>13804</v>
      </c>
      <c r="C22274" t="s">
        <v>13801</v>
      </c>
      <c r="D22274" t="s">
        <v>13802</v>
      </c>
      <c r="E22274" t="s">
        <v>13745</v>
      </c>
      <c r="F22274" t="s">
        <v>13746</v>
      </c>
      <c r="G22274" t="s">
        <v>10734</v>
      </c>
      <c r="H22274" t="s">
        <v>10735</v>
      </c>
      <c r="I22274" s="2">
        <v>0</v>
      </c>
      <c r="J22274" s="2">
        <v>0</v>
      </c>
      <c r="K22274" s="2">
        <v>1</v>
      </c>
      <c r="L22274" t="s">
        <v>995</v>
      </c>
      <c r="M22274" t="s">
        <v>83</v>
      </c>
      <c r="N22274" t="s">
        <v>84</v>
      </c>
      <c r="O22274" t="s">
        <v>85</v>
      </c>
      <c r="P22274" t="s">
        <v>86</v>
      </c>
      <c r="Q22274">
        <v>60</v>
      </c>
      <c r="R22274">
        <v>60</v>
      </c>
      <c r="S22274">
        <v>60</v>
      </c>
      <c r="T22274">
        <v>60</v>
      </c>
      <c r="U22274">
        <v>61</v>
      </c>
      <c r="V22274">
        <v>61</v>
      </c>
      <c r="W22274">
        <v>61</v>
      </c>
      <c r="X22274">
        <v>61</v>
      </c>
      <c r="Y22274">
        <v>61</v>
      </c>
      <c r="Z22274">
        <v>62</v>
      </c>
      <c r="AA22274">
        <v>62</v>
      </c>
      <c r="AB22274">
        <v>62</v>
      </c>
      <c r="AC22274">
        <v>62</v>
      </c>
      <c r="AD22274">
        <v>62</v>
      </c>
      <c r="AE22274">
        <v>62</v>
      </c>
      <c r="AF22274">
        <v>62</v>
      </c>
      <c r="AG22274">
        <v>62</v>
      </c>
      <c r="AH22274">
        <v>62</v>
      </c>
      <c r="AI22274">
        <v>62</v>
      </c>
      <c r="AJ22274">
        <v>62</v>
      </c>
      <c r="AK22274">
        <v>62</v>
      </c>
      <c r="AL22274">
        <v>61</v>
      </c>
      <c r="AM22274">
        <v>61</v>
      </c>
      <c r="AN22274">
        <v>60</v>
      </c>
      <c r="AO22274">
        <v>60</v>
      </c>
      <c r="AP22274">
        <v>59</v>
      </c>
      <c r="AQ22274">
        <v>59</v>
      </c>
    </row>
    <row r="22275" spans="1:43">
      <c r="A22275" t="s">
        <v>13803</v>
      </c>
      <c r="B22275" t="s">
        <v>13804</v>
      </c>
      <c r="C22275" t="s">
        <v>13801</v>
      </c>
      <c r="D22275" t="s">
        <v>13802</v>
      </c>
      <c r="E22275" t="s">
        <v>13745</v>
      </c>
      <c r="F22275" t="s">
        <v>13746</v>
      </c>
      <c r="G22275" t="s">
        <v>10734</v>
      </c>
      <c r="H22275" t="s">
        <v>10735</v>
      </c>
      <c r="I22275" s="2">
        <v>0</v>
      </c>
      <c r="J22275" s="2">
        <v>0</v>
      </c>
      <c r="K22275" s="2">
        <v>1</v>
      </c>
      <c r="L22275" t="s">
        <v>995</v>
      </c>
      <c r="M22275" t="s">
        <v>87</v>
      </c>
      <c r="N22275" t="s">
        <v>88</v>
      </c>
      <c r="O22275" t="s">
        <v>85</v>
      </c>
      <c r="P22275" t="s">
        <v>86</v>
      </c>
      <c r="Q22275">
        <v>60</v>
      </c>
      <c r="R22275">
        <v>60</v>
      </c>
      <c r="S22275">
        <v>59</v>
      </c>
      <c r="T22275">
        <v>59</v>
      </c>
      <c r="U22275">
        <v>59</v>
      </c>
      <c r="V22275">
        <v>59</v>
      </c>
      <c r="W22275">
        <v>58</v>
      </c>
      <c r="X22275">
        <v>58</v>
      </c>
      <c r="Y22275">
        <v>58</v>
      </c>
      <c r="Z22275">
        <v>57</v>
      </c>
      <c r="AA22275">
        <v>57</v>
      </c>
      <c r="AB22275">
        <v>57</v>
      </c>
      <c r="AC22275">
        <v>57</v>
      </c>
      <c r="AD22275">
        <v>56</v>
      </c>
      <c r="AE22275">
        <v>56</v>
      </c>
      <c r="AF22275">
        <v>56</v>
      </c>
      <c r="AG22275">
        <v>55</v>
      </c>
      <c r="AH22275">
        <v>55</v>
      </c>
      <c r="AI22275">
        <v>55</v>
      </c>
      <c r="AJ22275">
        <v>55</v>
      </c>
      <c r="AK22275">
        <v>54</v>
      </c>
      <c r="AL22275">
        <v>54</v>
      </c>
      <c r="AM22275">
        <v>54</v>
      </c>
      <c r="AN22275">
        <v>54</v>
      </c>
      <c r="AO22275">
        <v>53</v>
      </c>
      <c r="AP22275">
        <v>53</v>
      </c>
      <c r="AQ22275">
        <v>53</v>
      </c>
    </row>
    <row r="22276" spans="1:43">
      <c r="A22276" t="s">
        <v>13803</v>
      </c>
      <c r="B22276" t="s">
        <v>13804</v>
      </c>
      <c r="C22276" t="s">
        <v>13801</v>
      </c>
      <c r="D22276" t="s">
        <v>13802</v>
      </c>
      <c r="E22276" t="s">
        <v>13745</v>
      </c>
      <c r="F22276" t="s">
        <v>13746</v>
      </c>
      <c r="G22276" t="s">
        <v>10734</v>
      </c>
      <c r="H22276" t="s">
        <v>10735</v>
      </c>
      <c r="I22276" s="2">
        <v>0</v>
      </c>
      <c r="J22276" s="2">
        <v>0</v>
      </c>
      <c r="K22276" s="2">
        <v>1</v>
      </c>
      <c r="L22276" t="s">
        <v>995</v>
      </c>
      <c r="M22276" t="s">
        <v>89</v>
      </c>
      <c r="N22276" t="s">
        <v>90</v>
      </c>
      <c r="O22276" t="s">
        <v>85</v>
      </c>
      <c r="P22276" t="s">
        <v>86</v>
      </c>
      <c r="Q22276">
        <v>60</v>
      </c>
      <c r="R22276">
        <v>61</v>
      </c>
      <c r="S22276">
        <v>62</v>
      </c>
      <c r="T22276">
        <v>62</v>
      </c>
      <c r="U22276">
        <v>63</v>
      </c>
      <c r="V22276">
        <v>64</v>
      </c>
      <c r="W22276">
        <v>64</v>
      </c>
      <c r="X22276">
        <v>65</v>
      </c>
      <c r="Y22276">
        <v>65</v>
      </c>
      <c r="Z22276">
        <v>65</v>
      </c>
      <c r="AA22276">
        <v>65</v>
      </c>
      <c r="AB22276">
        <v>65</v>
      </c>
      <c r="AC22276">
        <v>66</v>
      </c>
      <c r="AD22276">
        <v>66</v>
      </c>
      <c r="AE22276">
        <v>66</v>
      </c>
      <c r="AF22276">
        <v>65</v>
      </c>
      <c r="AG22276">
        <v>65</v>
      </c>
      <c r="AH22276">
        <v>64</v>
      </c>
      <c r="AI22276">
        <v>64</v>
      </c>
      <c r="AJ22276">
        <v>63</v>
      </c>
      <c r="AK22276">
        <v>63</v>
      </c>
      <c r="AL22276">
        <v>62</v>
      </c>
      <c r="AM22276">
        <v>62</v>
      </c>
      <c r="AN22276">
        <v>61</v>
      </c>
      <c r="AO22276">
        <v>61</v>
      </c>
      <c r="AP22276">
        <v>60</v>
      </c>
      <c r="AQ22276">
        <v>60</v>
      </c>
    </row>
    <row r="22277" spans="1:43">
      <c r="A22277" t="s">
        <v>13803</v>
      </c>
      <c r="B22277" t="s">
        <v>13804</v>
      </c>
      <c r="C22277" t="s">
        <v>13801</v>
      </c>
      <c r="D22277" t="s">
        <v>13802</v>
      </c>
      <c r="E22277" t="s">
        <v>13745</v>
      </c>
      <c r="F22277" t="s">
        <v>13746</v>
      </c>
      <c r="G22277" t="s">
        <v>10734</v>
      </c>
      <c r="H22277" t="s">
        <v>10735</v>
      </c>
      <c r="I22277" s="2">
        <v>0</v>
      </c>
      <c r="J22277" s="2">
        <v>0</v>
      </c>
      <c r="K22277" s="2">
        <v>1</v>
      </c>
      <c r="L22277" t="s">
        <v>995</v>
      </c>
      <c r="M22277" t="s">
        <v>83</v>
      </c>
      <c r="N22277" t="s">
        <v>91</v>
      </c>
      <c r="O22277" t="s">
        <v>85</v>
      </c>
      <c r="P22277" t="s">
        <v>86</v>
      </c>
      <c r="Q22277">
        <v>60</v>
      </c>
      <c r="R22277">
        <v>60</v>
      </c>
      <c r="S22277">
        <v>60</v>
      </c>
      <c r="T22277">
        <v>60</v>
      </c>
      <c r="U22277">
        <v>61</v>
      </c>
      <c r="V22277">
        <v>61</v>
      </c>
      <c r="W22277">
        <v>61</v>
      </c>
      <c r="X22277">
        <v>61</v>
      </c>
      <c r="Y22277">
        <v>61</v>
      </c>
      <c r="Z22277">
        <v>62</v>
      </c>
      <c r="AA22277">
        <v>62</v>
      </c>
      <c r="AB22277">
        <v>62</v>
      </c>
      <c r="AC22277">
        <v>62</v>
      </c>
      <c r="AD22277">
        <v>62</v>
      </c>
      <c r="AE22277">
        <v>62</v>
      </c>
      <c r="AF22277">
        <v>62</v>
      </c>
      <c r="AG22277">
        <v>62</v>
      </c>
      <c r="AH22277">
        <v>62</v>
      </c>
      <c r="AI22277">
        <v>62</v>
      </c>
      <c r="AJ22277">
        <v>62</v>
      </c>
      <c r="AK22277">
        <v>62</v>
      </c>
      <c r="AL22277">
        <v>61</v>
      </c>
      <c r="AM22277">
        <v>61</v>
      </c>
      <c r="AN22277">
        <v>60</v>
      </c>
      <c r="AO22277">
        <v>60</v>
      </c>
      <c r="AP22277">
        <v>59</v>
      </c>
      <c r="AQ22277">
        <v>59</v>
      </c>
    </row>
    <row r="22278" spans="1:43">
      <c r="A22278" t="s">
        <v>13805</v>
      </c>
      <c r="B22278" t="s">
        <v>13806</v>
      </c>
      <c r="C22278" t="s">
        <v>13807</v>
      </c>
      <c r="D22278" t="s">
        <v>13808</v>
      </c>
      <c r="E22278" t="s">
        <v>13745</v>
      </c>
      <c r="F22278" t="s">
        <v>13746</v>
      </c>
      <c r="G22278" t="s">
        <v>10734</v>
      </c>
      <c r="H22278" t="s">
        <v>10735</v>
      </c>
      <c r="I22278" s="2">
        <v>0</v>
      </c>
      <c r="J22278" s="2">
        <v>0</v>
      </c>
      <c r="K22278" s="2">
        <v>1</v>
      </c>
      <c r="L22278" t="s">
        <v>995</v>
      </c>
      <c r="M22278" t="s">
        <v>83</v>
      </c>
      <c r="N22278" t="s">
        <v>84</v>
      </c>
      <c r="O22278" t="s">
        <v>85</v>
      </c>
      <c r="P22278" t="s">
        <v>86</v>
      </c>
      <c r="Q22278">
        <v>226</v>
      </c>
      <c r="R22278">
        <v>227</v>
      </c>
      <c r="S22278">
        <v>228</v>
      </c>
      <c r="T22278">
        <v>229</v>
      </c>
      <c r="U22278">
        <v>230</v>
      </c>
      <c r="V22278">
        <v>231</v>
      </c>
      <c r="W22278">
        <v>232</v>
      </c>
      <c r="X22278">
        <v>233</v>
      </c>
      <c r="Y22278">
        <v>234</v>
      </c>
      <c r="Z22278">
        <v>235</v>
      </c>
      <c r="AA22278">
        <v>236</v>
      </c>
      <c r="AB22278">
        <v>237</v>
      </c>
      <c r="AC22278">
        <v>237</v>
      </c>
      <c r="AD22278">
        <v>238</v>
      </c>
      <c r="AE22278">
        <v>238</v>
      </c>
      <c r="AF22278">
        <v>239</v>
      </c>
      <c r="AG22278">
        <v>239</v>
      </c>
      <c r="AH22278">
        <v>240</v>
      </c>
      <c r="AI22278">
        <v>240</v>
      </c>
      <c r="AJ22278">
        <v>240</v>
      </c>
      <c r="AK22278">
        <v>241</v>
      </c>
      <c r="AL22278">
        <v>240</v>
      </c>
      <c r="AM22278">
        <v>239</v>
      </c>
      <c r="AN22278">
        <v>237</v>
      </c>
      <c r="AO22278">
        <v>236</v>
      </c>
      <c r="AP22278">
        <v>235</v>
      </c>
      <c r="AQ22278">
        <v>233</v>
      </c>
    </row>
    <row r="22279" spans="1:43">
      <c r="A22279" t="s">
        <v>13805</v>
      </c>
      <c r="B22279" t="s">
        <v>13806</v>
      </c>
      <c r="C22279" t="s">
        <v>13807</v>
      </c>
      <c r="D22279" t="s">
        <v>13808</v>
      </c>
      <c r="E22279" t="s">
        <v>13745</v>
      </c>
      <c r="F22279" t="s">
        <v>13746</v>
      </c>
      <c r="G22279" t="s">
        <v>10734</v>
      </c>
      <c r="H22279" t="s">
        <v>10735</v>
      </c>
      <c r="I22279" s="2">
        <v>0</v>
      </c>
      <c r="J22279" s="2">
        <v>0</v>
      </c>
      <c r="K22279" s="2">
        <v>1</v>
      </c>
      <c r="L22279" t="s">
        <v>995</v>
      </c>
      <c r="M22279" t="s">
        <v>87</v>
      </c>
      <c r="N22279" t="s">
        <v>88</v>
      </c>
      <c r="O22279" t="s">
        <v>85</v>
      </c>
      <c r="P22279" t="s">
        <v>86</v>
      </c>
      <c r="Q22279">
        <v>226</v>
      </c>
      <c r="R22279">
        <v>225</v>
      </c>
      <c r="S22279">
        <v>224</v>
      </c>
      <c r="T22279">
        <v>223</v>
      </c>
      <c r="U22279">
        <v>222</v>
      </c>
      <c r="V22279">
        <v>221</v>
      </c>
      <c r="W22279">
        <v>220</v>
      </c>
      <c r="X22279">
        <v>219</v>
      </c>
      <c r="Y22279">
        <v>218</v>
      </c>
      <c r="Z22279">
        <v>218</v>
      </c>
      <c r="AA22279">
        <v>217</v>
      </c>
      <c r="AB22279">
        <v>216</v>
      </c>
      <c r="AC22279">
        <v>215</v>
      </c>
      <c r="AD22279">
        <v>214</v>
      </c>
      <c r="AE22279">
        <v>213</v>
      </c>
      <c r="AF22279">
        <v>212</v>
      </c>
      <c r="AG22279">
        <v>212</v>
      </c>
      <c r="AH22279">
        <v>211</v>
      </c>
      <c r="AI22279">
        <v>210</v>
      </c>
      <c r="AJ22279">
        <v>209</v>
      </c>
      <c r="AK22279">
        <v>208</v>
      </c>
      <c r="AL22279">
        <v>208</v>
      </c>
      <c r="AM22279">
        <v>207</v>
      </c>
      <c r="AN22279">
        <v>206</v>
      </c>
      <c r="AO22279">
        <v>205</v>
      </c>
      <c r="AP22279">
        <v>205</v>
      </c>
      <c r="AQ22279">
        <v>204</v>
      </c>
    </row>
    <row r="22280" spans="1:43">
      <c r="A22280" t="s">
        <v>13805</v>
      </c>
      <c r="B22280" t="s">
        <v>13806</v>
      </c>
      <c r="C22280" t="s">
        <v>13807</v>
      </c>
      <c r="D22280" t="s">
        <v>13808</v>
      </c>
      <c r="E22280" t="s">
        <v>13745</v>
      </c>
      <c r="F22280" t="s">
        <v>13746</v>
      </c>
      <c r="G22280" t="s">
        <v>10734</v>
      </c>
      <c r="H22280" t="s">
        <v>10735</v>
      </c>
      <c r="I22280" s="2">
        <v>0</v>
      </c>
      <c r="J22280" s="2">
        <v>0</v>
      </c>
      <c r="K22280" s="2">
        <v>1</v>
      </c>
      <c r="L22280" t="s">
        <v>995</v>
      </c>
      <c r="M22280" t="s">
        <v>89</v>
      </c>
      <c r="N22280" t="s">
        <v>90</v>
      </c>
      <c r="O22280" t="s">
        <v>85</v>
      </c>
      <c r="P22280" t="s">
        <v>86</v>
      </c>
      <c r="Q22280">
        <v>226</v>
      </c>
      <c r="R22280">
        <v>229</v>
      </c>
      <c r="S22280">
        <v>232</v>
      </c>
      <c r="T22280">
        <v>235</v>
      </c>
      <c r="U22280">
        <v>237</v>
      </c>
      <c r="V22280">
        <v>240</v>
      </c>
      <c r="W22280">
        <v>242</v>
      </c>
      <c r="X22280">
        <v>244</v>
      </c>
      <c r="Y22280">
        <v>246</v>
      </c>
      <c r="Z22280">
        <v>247</v>
      </c>
      <c r="AA22280">
        <v>249</v>
      </c>
      <c r="AB22280">
        <v>250</v>
      </c>
      <c r="AC22280">
        <v>251</v>
      </c>
      <c r="AD22280">
        <v>253</v>
      </c>
      <c r="AE22280">
        <v>253</v>
      </c>
      <c r="AF22280">
        <v>251</v>
      </c>
      <c r="AG22280">
        <v>250</v>
      </c>
      <c r="AH22280">
        <v>248</v>
      </c>
      <c r="AI22280">
        <v>247</v>
      </c>
      <c r="AJ22280">
        <v>245</v>
      </c>
      <c r="AK22280">
        <v>244</v>
      </c>
      <c r="AL22280">
        <v>242</v>
      </c>
      <c r="AM22280">
        <v>241</v>
      </c>
      <c r="AN22280">
        <v>239</v>
      </c>
      <c r="AO22280">
        <v>238</v>
      </c>
      <c r="AP22280">
        <v>236</v>
      </c>
      <c r="AQ22280">
        <v>235</v>
      </c>
    </row>
    <row r="22281" spans="1:43">
      <c r="A22281" t="s">
        <v>13805</v>
      </c>
      <c r="B22281" t="s">
        <v>13806</v>
      </c>
      <c r="C22281" t="s">
        <v>13807</v>
      </c>
      <c r="D22281" t="s">
        <v>13808</v>
      </c>
      <c r="E22281" t="s">
        <v>13745</v>
      </c>
      <c r="F22281" t="s">
        <v>13746</v>
      </c>
      <c r="G22281" t="s">
        <v>10734</v>
      </c>
      <c r="H22281" t="s">
        <v>10735</v>
      </c>
      <c r="I22281" s="2">
        <v>0</v>
      </c>
      <c r="J22281" s="2">
        <v>0</v>
      </c>
      <c r="K22281" s="2">
        <v>1</v>
      </c>
      <c r="L22281" t="s">
        <v>995</v>
      </c>
      <c r="M22281" t="s">
        <v>83</v>
      </c>
      <c r="N22281" t="s">
        <v>91</v>
      </c>
      <c r="O22281" t="s">
        <v>85</v>
      </c>
      <c r="P22281" t="s">
        <v>86</v>
      </c>
      <c r="Q22281">
        <v>226</v>
      </c>
      <c r="R22281">
        <v>227</v>
      </c>
      <c r="S22281">
        <v>228</v>
      </c>
      <c r="T22281">
        <v>229</v>
      </c>
      <c r="U22281">
        <v>230</v>
      </c>
      <c r="V22281">
        <v>231</v>
      </c>
      <c r="W22281">
        <v>232</v>
      </c>
      <c r="X22281">
        <v>233</v>
      </c>
      <c r="Y22281">
        <v>234</v>
      </c>
      <c r="Z22281">
        <v>235</v>
      </c>
      <c r="AA22281">
        <v>236</v>
      </c>
      <c r="AB22281">
        <v>237</v>
      </c>
      <c r="AC22281">
        <v>237</v>
      </c>
      <c r="AD22281">
        <v>238</v>
      </c>
      <c r="AE22281">
        <v>238</v>
      </c>
      <c r="AF22281">
        <v>239</v>
      </c>
      <c r="AG22281">
        <v>239</v>
      </c>
      <c r="AH22281">
        <v>240</v>
      </c>
      <c r="AI22281">
        <v>240</v>
      </c>
      <c r="AJ22281">
        <v>240</v>
      </c>
      <c r="AK22281">
        <v>241</v>
      </c>
      <c r="AL22281">
        <v>240</v>
      </c>
      <c r="AM22281">
        <v>239</v>
      </c>
      <c r="AN22281">
        <v>237</v>
      </c>
      <c r="AO22281">
        <v>236</v>
      </c>
      <c r="AP22281">
        <v>235</v>
      </c>
      <c r="AQ22281">
        <v>233</v>
      </c>
    </row>
    <row r="22282" spans="1:43">
      <c r="A22282" t="s">
        <v>13809</v>
      </c>
      <c r="B22282" t="s">
        <v>13810</v>
      </c>
      <c r="C22282" t="s">
        <v>13807</v>
      </c>
      <c r="D22282" t="s">
        <v>13808</v>
      </c>
      <c r="E22282" t="s">
        <v>13745</v>
      </c>
      <c r="F22282" t="s">
        <v>13746</v>
      </c>
      <c r="G22282" t="s">
        <v>10734</v>
      </c>
      <c r="H22282" t="s">
        <v>10735</v>
      </c>
      <c r="I22282" s="2">
        <v>0</v>
      </c>
      <c r="J22282" s="2">
        <v>0</v>
      </c>
      <c r="K22282" s="2">
        <v>1</v>
      </c>
      <c r="L22282" t="s">
        <v>995</v>
      </c>
      <c r="M22282" t="s">
        <v>83</v>
      </c>
      <c r="N22282" t="s">
        <v>84</v>
      </c>
      <c r="O22282" t="s">
        <v>85</v>
      </c>
      <c r="P22282" t="s">
        <v>86</v>
      </c>
      <c r="Q22282">
        <v>150</v>
      </c>
      <c r="R22282">
        <v>150</v>
      </c>
      <c r="S22282">
        <v>151</v>
      </c>
      <c r="T22282">
        <v>152</v>
      </c>
      <c r="U22282">
        <v>153</v>
      </c>
      <c r="V22282">
        <v>153</v>
      </c>
      <c r="W22282">
        <v>154</v>
      </c>
      <c r="X22282">
        <v>155</v>
      </c>
      <c r="Y22282">
        <v>155</v>
      </c>
      <c r="Z22282">
        <v>156</v>
      </c>
      <c r="AA22282">
        <v>156</v>
      </c>
      <c r="AB22282">
        <v>157</v>
      </c>
      <c r="AC22282">
        <v>157</v>
      </c>
      <c r="AD22282">
        <v>158</v>
      </c>
      <c r="AE22282">
        <v>158</v>
      </c>
      <c r="AF22282">
        <v>158</v>
      </c>
      <c r="AG22282">
        <v>159</v>
      </c>
      <c r="AH22282">
        <v>159</v>
      </c>
      <c r="AI22282">
        <v>159</v>
      </c>
      <c r="AJ22282">
        <v>160</v>
      </c>
      <c r="AK22282">
        <v>160</v>
      </c>
      <c r="AL22282">
        <v>159</v>
      </c>
      <c r="AM22282">
        <v>158</v>
      </c>
      <c r="AN22282">
        <v>158</v>
      </c>
      <c r="AO22282">
        <v>157</v>
      </c>
      <c r="AP22282">
        <v>156</v>
      </c>
      <c r="AQ22282">
        <v>155</v>
      </c>
    </row>
    <row r="22283" spans="1:43">
      <c r="A22283" t="s">
        <v>13809</v>
      </c>
      <c r="B22283" t="s">
        <v>13810</v>
      </c>
      <c r="C22283" t="s">
        <v>13807</v>
      </c>
      <c r="D22283" t="s">
        <v>13808</v>
      </c>
      <c r="E22283" t="s">
        <v>13745</v>
      </c>
      <c r="F22283" t="s">
        <v>13746</v>
      </c>
      <c r="G22283" t="s">
        <v>10734</v>
      </c>
      <c r="H22283" t="s">
        <v>10735</v>
      </c>
      <c r="I22283" s="2">
        <v>0</v>
      </c>
      <c r="J22283" s="2">
        <v>0</v>
      </c>
      <c r="K22283" s="2">
        <v>1</v>
      </c>
      <c r="L22283" t="s">
        <v>995</v>
      </c>
      <c r="M22283" t="s">
        <v>87</v>
      </c>
      <c r="N22283" t="s">
        <v>88</v>
      </c>
      <c r="O22283" t="s">
        <v>85</v>
      </c>
      <c r="P22283" t="s">
        <v>86</v>
      </c>
      <c r="Q22283">
        <v>150</v>
      </c>
      <c r="R22283">
        <v>150</v>
      </c>
      <c r="S22283">
        <v>149</v>
      </c>
      <c r="T22283">
        <v>148</v>
      </c>
      <c r="U22283">
        <v>148</v>
      </c>
      <c r="V22283">
        <v>147</v>
      </c>
      <c r="W22283">
        <v>147</v>
      </c>
      <c r="X22283">
        <v>146</v>
      </c>
      <c r="Y22283">
        <v>145</v>
      </c>
      <c r="Z22283">
        <v>145</v>
      </c>
      <c r="AA22283">
        <v>144</v>
      </c>
      <c r="AB22283">
        <v>144</v>
      </c>
      <c r="AC22283">
        <v>143</v>
      </c>
      <c r="AD22283">
        <v>143</v>
      </c>
      <c r="AE22283">
        <v>142</v>
      </c>
      <c r="AF22283">
        <v>142</v>
      </c>
      <c r="AG22283">
        <v>141</v>
      </c>
      <c r="AH22283">
        <v>140</v>
      </c>
      <c r="AI22283">
        <v>140</v>
      </c>
      <c r="AJ22283">
        <v>139</v>
      </c>
      <c r="AK22283">
        <v>139</v>
      </c>
      <c r="AL22283">
        <v>138</v>
      </c>
      <c r="AM22283">
        <v>138</v>
      </c>
      <c r="AN22283">
        <v>137</v>
      </c>
      <c r="AO22283">
        <v>137</v>
      </c>
      <c r="AP22283">
        <v>136</v>
      </c>
      <c r="AQ22283">
        <v>136</v>
      </c>
    </row>
    <row r="22284" spans="1:43">
      <c r="A22284" t="s">
        <v>13809</v>
      </c>
      <c r="B22284" t="s">
        <v>13810</v>
      </c>
      <c r="C22284" t="s">
        <v>13807</v>
      </c>
      <c r="D22284" t="s">
        <v>13808</v>
      </c>
      <c r="E22284" t="s">
        <v>13745</v>
      </c>
      <c r="F22284" t="s">
        <v>13746</v>
      </c>
      <c r="G22284" t="s">
        <v>10734</v>
      </c>
      <c r="H22284" t="s">
        <v>10735</v>
      </c>
      <c r="I22284" s="2">
        <v>0</v>
      </c>
      <c r="J22284" s="2">
        <v>0</v>
      </c>
      <c r="K22284" s="2">
        <v>1</v>
      </c>
      <c r="L22284" t="s">
        <v>995</v>
      </c>
      <c r="M22284" t="s">
        <v>89</v>
      </c>
      <c r="N22284" t="s">
        <v>90</v>
      </c>
      <c r="O22284" t="s">
        <v>85</v>
      </c>
      <c r="P22284" t="s">
        <v>86</v>
      </c>
      <c r="Q22284">
        <v>150</v>
      </c>
      <c r="R22284">
        <v>152</v>
      </c>
      <c r="S22284">
        <v>154</v>
      </c>
      <c r="T22284">
        <v>156</v>
      </c>
      <c r="U22284">
        <v>158</v>
      </c>
      <c r="V22284">
        <v>159</v>
      </c>
      <c r="W22284">
        <v>161</v>
      </c>
      <c r="X22284">
        <v>162</v>
      </c>
      <c r="Y22284">
        <v>163</v>
      </c>
      <c r="Z22284">
        <v>164</v>
      </c>
      <c r="AA22284">
        <v>165</v>
      </c>
      <c r="AB22284">
        <v>166</v>
      </c>
      <c r="AC22284">
        <v>167</v>
      </c>
      <c r="AD22284">
        <v>168</v>
      </c>
      <c r="AE22284">
        <v>168</v>
      </c>
      <c r="AF22284">
        <v>167</v>
      </c>
      <c r="AG22284">
        <v>166</v>
      </c>
      <c r="AH22284">
        <v>165</v>
      </c>
      <c r="AI22284">
        <v>164</v>
      </c>
      <c r="AJ22284">
        <v>163</v>
      </c>
      <c r="AK22284">
        <v>162</v>
      </c>
      <c r="AL22284">
        <v>161</v>
      </c>
      <c r="AM22284">
        <v>160</v>
      </c>
      <c r="AN22284">
        <v>159</v>
      </c>
      <c r="AO22284">
        <v>158</v>
      </c>
      <c r="AP22284">
        <v>158</v>
      </c>
      <c r="AQ22284">
        <v>157</v>
      </c>
    </row>
    <row r="22285" spans="1:43">
      <c r="A22285" t="s">
        <v>13809</v>
      </c>
      <c r="B22285" t="s">
        <v>13810</v>
      </c>
      <c r="C22285" t="s">
        <v>13807</v>
      </c>
      <c r="D22285" t="s">
        <v>13808</v>
      </c>
      <c r="E22285" t="s">
        <v>13745</v>
      </c>
      <c r="F22285" t="s">
        <v>13746</v>
      </c>
      <c r="G22285" t="s">
        <v>10734</v>
      </c>
      <c r="H22285" t="s">
        <v>10735</v>
      </c>
      <c r="I22285" s="2">
        <v>0</v>
      </c>
      <c r="J22285" s="2">
        <v>0</v>
      </c>
      <c r="K22285" s="2">
        <v>1</v>
      </c>
      <c r="L22285" t="s">
        <v>995</v>
      </c>
      <c r="M22285" t="s">
        <v>83</v>
      </c>
      <c r="N22285" t="s">
        <v>91</v>
      </c>
      <c r="O22285" t="s">
        <v>85</v>
      </c>
      <c r="P22285" t="s">
        <v>86</v>
      </c>
      <c r="Q22285">
        <v>150</v>
      </c>
      <c r="R22285">
        <v>150</v>
      </c>
      <c r="S22285">
        <v>151</v>
      </c>
      <c r="T22285">
        <v>152</v>
      </c>
      <c r="U22285">
        <v>153</v>
      </c>
      <c r="V22285">
        <v>153</v>
      </c>
      <c r="W22285">
        <v>154</v>
      </c>
      <c r="X22285">
        <v>155</v>
      </c>
      <c r="Y22285">
        <v>155</v>
      </c>
      <c r="Z22285">
        <v>156</v>
      </c>
      <c r="AA22285">
        <v>156</v>
      </c>
      <c r="AB22285">
        <v>157</v>
      </c>
      <c r="AC22285">
        <v>157</v>
      </c>
      <c r="AD22285">
        <v>158</v>
      </c>
      <c r="AE22285">
        <v>158</v>
      </c>
      <c r="AF22285">
        <v>158</v>
      </c>
      <c r="AG22285">
        <v>159</v>
      </c>
      <c r="AH22285">
        <v>159</v>
      </c>
      <c r="AI22285">
        <v>159</v>
      </c>
      <c r="AJ22285">
        <v>160</v>
      </c>
      <c r="AK22285">
        <v>160</v>
      </c>
      <c r="AL22285">
        <v>159</v>
      </c>
      <c r="AM22285">
        <v>158</v>
      </c>
      <c r="AN22285">
        <v>158</v>
      </c>
      <c r="AO22285">
        <v>157</v>
      </c>
      <c r="AP22285">
        <v>156</v>
      </c>
      <c r="AQ22285">
        <v>155</v>
      </c>
    </row>
    <row r="22286" spans="1:43">
      <c r="A22286" t="s">
        <v>13811</v>
      </c>
      <c r="B22286" t="s">
        <v>13812</v>
      </c>
      <c r="C22286" t="s">
        <v>13807</v>
      </c>
      <c r="D22286" t="s">
        <v>13808</v>
      </c>
      <c r="E22286" t="s">
        <v>13745</v>
      </c>
      <c r="F22286" t="s">
        <v>13746</v>
      </c>
      <c r="G22286" t="s">
        <v>10734</v>
      </c>
      <c r="H22286" t="s">
        <v>10735</v>
      </c>
      <c r="I22286" s="2">
        <v>0</v>
      </c>
      <c r="J22286" s="2">
        <v>0</v>
      </c>
      <c r="K22286" s="2">
        <v>1</v>
      </c>
      <c r="L22286" t="s">
        <v>995</v>
      </c>
      <c r="M22286" t="s">
        <v>83</v>
      </c>
      <c r="N22286" t="s">
        <v>84</v>
      </c>
      <c r="O22286" t="s">
        <v>85</v>
      </c>
      <c r="P22286" t="s">
        <v>86</v>
      </c>
      <c r="Q22286">
        <v>92</v>
      </c>
      <c r="R22286">
        <v>93</v>
      </c>
      <c r="S22286">
        <v>93</v>
      </c>
      <c r="T22286">
        <v>93</v>
      </c>
      <c r="U22286">
        <v>94</v>
      </c>
      <c r="V22286">
        <v>94</v>
      </c>
      <c r="W22286">
        <v>94</v>
      </c>
      <c r="X22286">
        <v>95</v>
      </c>
      <c r="Y22286">
        <v>95</v>
      </c>
      <c r="Z22286">
        <v>95</v>
      </c>
      <c r="AA22286">
        <v>96</v>
      </c>
      <c r="AB22286">
        <v>96</v>
      </c>
      <c r="AC22286">
        <v>96</v>
      </c>
      <c r="AD22286">
        <v>96</v>
      </c>
      <c r="AE22286">
        <v>96</v>
      </c>
      <c r="AF22286">
        <v>96</v>
      </c>
      <c r="AG22286">
        <v>96</v>
      </c>
      <c r="AH22286">
        <v>96</v>
      </c>
      <c r="AI22286">
        <v>96</v>
      </c>
      <c r="AJ22286">
        <v>96</v>
      </c>
      <c r="AK22286">
        <v>96</v>
      </c>
      <c r="AL22286">
        <v>96</v>
      </c>
      <c r="AM22286">
        <v>95</v>
      </c>
      <c r="AN22286">
        <v>95</v>
      </c>
      <c r="AO22286">
        <v>94</v>
      </c>
      <c r="AP22286">
        <v>93</v>
      </c>
      <c r="AQ22286">
        <v>93</v>
      </c>
    </row>
    <row r="22287" spans="1:43">
      <c r="A22287" t="s">
        <v>13811</v>
      </c>
      <c r="B22287" t="s">
        <v>13812</v>
      </c>
      <c r="C22287" t="s">
        <v>13807</v>
      </c>
      <c r="D22287" t="s">
        <v>13808</v>
      </c>
      <c r="E22287" t="s">
        <v>13745</v>
      </c>
      <c r="F22287" t="s">
        <v>13746</v>
      </c>
      <c r="G22287" t="s">
        <v>10734</v>
      </c>
      <c r="H22287" t="s">
        <v>10735</v>
      </c>
      <c r="I22287" s="2">
        <v>0</v>
      </c>
      <c r="J22287" s="2">
        <v>0</v>
      </c>
      <c r="K22287" s="2">
        <v>1</v>
      </c>
      <c r="L22287" t="s">
        <v>995</v>
      </c>
      <c r="M22287" t="s">
        <v>87</v>
      </c>
      <c r="N22287" t="s">
        <v>88</v>
      </c>
      <c r="O22287" t="s">
        <v>85</v>
      </c>
      <c r="P22287" t="s">
        <v>86</v>
      </c>
      <c r="Q22287">
        <v>92</v>
      </c>
      <c r="R22287">
        <v>92</v>
      </c>
      <c r="S22287">
        <v>92</v>
      </c>
      <c r="T22287">
        <v>91</v>
      </c>
      <c r="U22287">
        <v>91</v>
      </c>
      <c r="V22287">
        <v>90</v>
      </c>
      <c r="W22287">
        <v>90</v>
      </c>
      <c r="X22287">
        <v>89</v>
      </c>
      <c r="Y22287">
        <v>89</v>
      </c>
      <c r="Z22287">
        <v>89</v>
      </c>
      <c r="AA22287">
        <v>88</v>
      </c>
      <c r="AB22287">
        <v>88</v>
      </c>
      <c r="AC22287">
        <v>87</v>
      </c>
      <c r="AD22287">
        <v>87</v>
      </c>
      <c r="AE22287">
        <v>86</v>
      </c>
      <c r="AF22287">
        <v>86</v>
      </c>
      <c r="AG22287">
        <v>86</v>
      </c>
      <c r="AH22287">
        <v>85</v>
      </c>
      <c r="AI22287">
        <v>85</v>
      </c>
      <c r="AJ22287">
        <v>85</v>
      </c>
      <c r="AK22287">
        <v>84</v>
      </c>
      <c r="AL22287">
        <v>84</v>
      </c>
      <c r="AM22287">
        <v>83</v>
      </c>
      <c r="AN22287">
        <v>83</v>
      </c>
      <c r="AO22287">
        <v>83</v>
      </c>
      <c r="AP22287">
        <v>82</v>
      </c>
      <c r="AQ22287">
        <v>82</v>
      </c>
    </row>
    <row r="22288" spans="1:43">
      <c r="A22288" t="s">
        <v>13811</v>
      </c>
      <c r="B22288" t="s">
        <v>13812</v>
      </c>
      <c r="C22288" t="s">
        <v>13807</v>
      </c>
      <c r="D22288" t="s">
        <v>13808</v>
      </c>
      <c r="E22288" t="s">
        <v>13745</v>
      </c>
      <c r="F22288" t="s">
        <v>13746</v>
      </c>
      <c r="G22288" t="s">
        <v>10734</v>
      </c>
      <c r="H22288" t="s">
        <v>10735</v>
      </c>
      <c r="I22288" s="2">
        <v>0</v>
      </c>
      <c r="J22288" s="2">
        <v>0</v>
      </c>
      <c r="K22288" s="2">
        <v>1</v>
      </c>
      <c r="L22288" t="s">
        <v>995</v>
      </c>
      <c r="M22288" t="s">
        <v>89</v>
      </c>
      <c r="N22288" t="s">
        <v>90</v>
      </c>
      <c r="O22288" t="s">
        <v>85</v>
      </c>
      <c r="P22288" t="s">
        <v>86</v>
      </c>
      <c r="Q22288">
        <v>92</v>
      </c>
      <c r="R22288">
        <v>93</v>
      </c>
      <c r="S22288">
        <v>94</v>
      </c>
      <c r="T22288">
        <v>96</v>
      </c>
      <c r="U22288">
        <v>97</v>
      </c>
      <c r="V22288">
        <v>97</v>
      </c>
      <c r="W22288">
        <v>98</v>
      </c>
      <c r="X22288">
        <v>99</v>
      </c>
      <c r="Y22288">
        <v>100</v>
      </c>
      <c r="Z22288">
        <v>100</v>
      </c>
      <c r="AA22288">
        <v>100</v>
      </c>
      <c r="AB22288">
        <v>101</v>
      </c>
      <c r="AC22288">
        <v>101</v>
      </c>
      <c r="AD22288">
        <v>102</v>
      </c>
      <c r="AE22288">
        <v>101</v>
      </c>
      <c r="AF22288">
        <v>101</v>
      </c>
      <c r="AG22288">
        <v>100</v>
      </c>
      <c r="AH22288">
        <v>99</v>
      </c>
      <c r="AI22288">
        <v>98</v>
      </c>
      <c r="AJ22288">
        <v>98</v>
      </c>
      <c r="AK22288">
        <v>97</v>
      </c>
      <c r="AL22288">
        <v>96</v>
      </c>
      <c r="AM22288">
        <v>95</v>
      </c>
      <c r="AN22288">
        <v>95</v>
      </c>
      <c r="AO22288">
        <v>94</v>
      </c>
      <c r="AP22288">
        <v>93</v>
      </c>
      <c r="AQ22288">
        <v>93</v>
      </c>
    </row>
    <row r="22289" spans="1:43">
      <c r="A22289" t="s">
        <v>13811</v>
      </c>
      <c r="B22289" t="s">
        <v>13812</v>
      </c>
      <c r="C22289" t="s">
        <v>13807</v>
      </c>
      <c r="D22289" t="s">
        <v>13808</v>
      </c>
      <c r="E22289" t="s">
        <v>13745</v>
      </c>
      <c r="F22289" t="s">
        <v>13746</v>
      </c>
      <c r="G22289" t="s">
        <v>10734</v>
      </c>
      <c r="H22289" t="s">
        <v>10735</v>
      </c>
      <c r="I22289" s="2">
        <v>0</v>
      </c>
      <c r="J22289" s="2">
        <v>0</v>
      </c>
      <c r="K22289" s="2">
        <v>1</v>
      </c>
      <c r="L22289" t="s">
        <v>995</v>
      </c>
      <c r="M22289" t="s">
        <v>83</v>
      </c>
      <c r="N22289" t="s">
        <v>91</v>
      </c>
      <c r="O22289" t="s">
        <v>85</v>
      </c>
      <c r="P22289" t="s">
        <v>86</v>
      </c>
      <c r="Q22289">
        <v>92</v>
      </c>
      <c r="R22289">
        <v>93</v>
      </c>
      <c r="S22289">
        <v>93</v>
      </c>
      <c r="T22289">
        <v>93</v>
      </c>
      <c r="U22289">
        <v>94</v>
      </c>
      <c r="V22289">
        <v>94</v>
      </c>
      <c r="W22289">
        <v>94</v>
      </c>
      <c r="X22289">
        <v>95</v>
      </c>
      <c r="Y22289">
        <v>95</v>
      </c>
      <c r="Z22289">
        <v>95</v>
      </c>
      <c r="AA22289">
        <v>96</v>
      </c>
      <c r="AB22289">
        <v>96</v>
      </c>
      <c r="AC22289">
        <v>96</v>
      </c>
      <c r="AD22289">
        <v>96</v>
      </c>
      <c r="AE22289">
        <v>96</v>
      </c>
      <c r="AF22289">
        <v>96</v>
      </c>
      <c r="AG22289">
        <v>96</v>
      </c>
      <c r="AH22289">
        <v>96</v>
      </c>
      <c r="AI22289">
        <v>96</v>
      </c>
      <c r="AJ22289">
        <v>96</v>
      </c>
      <c r="AK22289">
        <v>96</v>
      </c>
      <c r="AL22289">
        <v>96</v>
      </c>
      <c r="AM22289">
        <v>95</v>
      </c>
      <c r="AN22289">
        <v>95</v>
      </c>
      <c r="AO22289">
        <v>94</v>
      </c>
      <c r="AP22289">
        <v>93</v>
      </c>
      <c r="AQ22289">
        <v>93</v>
      </c>
    </row>
    <row r="22290" spans="1:43">
      <c r="A22290" t="s">
        <v>13813</v>
      </c>
      <c r="B22290" t="s">
        <v>13814</v>
      </c>
      <c r="C22290" t="s">
        <v>13815</v>
      </c>
      <c r="D22290" t="s">
        <v>13816</v>
      </c>
      <c r="E22290" t="s">
        <v>13745</v>
      </c>
      <c r="F22290" t="s">
        <v>13746</v>
      </c>
      <c r="G22290" t="s">
        <v>10734</v>
      </c>
      <c r="H22290" t="s">
        <v>10735</v>
      </c>
      <c r="I22290" s="2">
        <v>0</v>
      </c>
      <c r="J22290" s="2">
        <v>0</v>
      </c>
      <c r="K22290" s="2">
        <v>1</v>
      </c>
      <c r="L22290" t="s">
        <v>995</v>
      </c>
      <c r="M22290" t="s">
        <v>83</v>
      </c>
      <c r="N22290" t="s">
        <v>84</v>
      </c>
      <c r="O22290" t="s">
        <v>85</v>
      </c>
      <c r="P22290" t="s">
        <v>86</v>
      </c>
      <c r="Q22290">
        <v>22</v>
      </c>
      <c r="R22290">
        <v>22</v>
      </c>
      <c r="S22290">
        <v>22</v>
      </c>
      <c r="T22290">
        <v>22</v>
      </c>
      <c r="U22290">
        <v>22</v>
      </c>
      <c r="V22290">
        <v>22</v>
      </c>
      <c r="W22290">
        <v>22</v>
      </c>
      <c r="X22290">
        <v>22</v>
      </c>
      <c r="Y22290">
        <v>22</v>
      </c>
      <c r="Z22290">
        <v>22</v>
      </c>
      <c r="AA22290">
        <v>22</v>
      </c>
      <c r="AB22290">
        <v>22</v>
      </c>
      <c r="AC22290">
        <v>22</v>
      </c>
      <c r="AD22290">
        <v>22</v>
      </c>
      <c r="AE22290">
        <v>22</v>
      </c>
      <c r="AF22290">
        <v>22</v>
      </c>
      <c r="AG22290">
        <v>22</v>
      </c>
      <c r="AH22290">
        <v>22</v>
      </c>
      <c r="AI22290">
        <v>22</v>
      </c>
      <c r="AJ22290">
        <v>22</v>
      </c>
      <c r="AK22290">
        <v>22</v>
      </c>
      <c r="AL22290">
        <v>22</v>
      </c>
      <c r="AM22290">
        <v>22</v>
      </c>
      <c r="AN22290">
        <v>21</v>
      </c>
      <c r="AO22290">
        <v>21</v>
      </c>
      <c r="AP22290">
        <v>21</v>
      </c>
      <c r="AQ22290">
        <v>21</v>
      </c>
    </row>
    <row r="22291" spans="1:43">
      <c r="A22291" t="s">
        <v>13813</v>
      </c>
      <c r="B22291" t="s">
        <v>13814</v>
      </c>
      <c r="C22291" t="s">
        <v>13815</v>
      </c>
      <c r="D22291" t="s">
        <v>13816</v>
      </c>
      <c r="E22291" t="s">
        <v>13745</v>
      </c>
      <c r="F22291" t="s">
        <v>13746</v>
      </c>
      <c r="G22291" t="s">
        <v>10734</v>
      </c>
      <c r="H22291" t="s">
        <v>10735</v>
      </c>
      <c r="I22291" s="2">
        <v>0</v>
      </c>
      <c r="J22291" s="2">
        <v>0</v>
      </c>
      <c r="K22291" s="2">
        <v>1</v>
      </c>
      <c r="L22291" t="s">
        <v>995</v>
      </c>
      <c r="M22291" t="s">
        <v>87</v>
      </c>
      <c r="N22291" t="s">
        <v>88</v>
      </c>
      <c r="O22291" t="s">
        <v>85</v>
      </c>
      <c r="P22291" t="s">
        <v>86</v>
      </c>
      <c r="Q22291">
        <v>22</v>
      </c>
      <c r="R22291">
        <v>21</v>
      </c>
      <c r="S22291">
        <v>21</v>
      </c>
      <c r="T22291">
        <v>21</v>
      </c>
      <c r="U22291">
        <v>21</v>
      </c>
      <c r="V22291">
        <v>21</v>
      </c>
      <c r="W22291">
        <v>21</v>
      </c>
      <c r="X22291">
        <v>21</v>
      </c>
      <c r="Y22291">
        <v>20</v>
      </c>
      <c r="Z22291">
        <v>20</v>
      </c>
      <c r="AA22291">
        <v>20</v>
      </c>
      <c r="AB22291">
        <v>20</v>
      </c>
      <c r="AC22291">
        <v>20</v>
      </c>
      <c r="AD22291">
        <v>20</v>
      </c>
      <c r="AE22291">
        <v>20</v>
      </c>
      <c r="AF22291">
        <v>20</v>
      </c>
      <c r="AG22291">
        <v>19</v>
      </c>
      <c r="AH22291">
        <v>19</v>
      </c>
      <c r="AI22291">
        <v>19</v>
      </c>
      <c r="AJ22291">
        <v>19</v>
      </c>
      <c r="AK22291">
        <v>19</v>
      </c>
      <c r="AL22291">
        <v>19</v>
      </c>
      <c r="AM22291">
        <v>19</v>
      </c>
      <c r="AN22291">
        <v>19</v>
      </c>
      <c r="AO22291">
        <v>18</v>
      </c>
      <c r="AP22291">
        <v>18</v>
      </c>
      <c r="AQ22291">
        <v>18</v>
      </c>
    </row>
    <row r="22292" spans="1:43">
      <c r="A22292" t="s">
        <v>13813</v>
      </c>
      <c r="B22292" t="s">
        <v>13814</v>
      </c>
      <c r="C22292" t="s">
        <v>13815</v>
      </c>
      <c r="D22292" t="s">
        <v>13816</v>
      </c>
      <c r="E22292" t="s">
        <v>13745</v>
      </c>
      <c r="F22292" t="s">
        <v>13746</v>
      </c>
      <c r="G22292" t="s">
        <v>10734</v>
      </c>
      <c r="H22292" t="s">
        <v>10735</v>
      </c>
      <c r="I22292" s="2">
        <v>0</v>
      </c>
      <c r="J22292" s="2">
        <v>0</v>
      </c>
      <c r="K22292" s="2">
        <v>1</v>
      </c>
      <c r="L22292" t="s">
        <v>995</v>
      </c>
      <c r="M22292" t="s">
        <v>89</v>
      </c>
      <c r="N22292" t="s">
        <v>90</v>
      </c>
      <c r="O22292" t="s">
        <v>85</v>
      </c>
      <c r="P22292" t="s">
        <v>86</v>
      </c>
      <c r="Q22292">
        <v>22</v>
      </c>
      <c r="R22292">
        <v>22</v>
      </c>
      <c r="S22292">
        <v>22</v>
      </c>
      <c r="T22292">
        <v>23</v>
      </c>
      <c r="U22292">
        <v>23</v>
      </c>
      <c r="V22292">
        <v>23</v>
      </c>
      <c r="W22292">
        <v>23</v>
      </c>
      <c r="X22292">
        <v>23</v>
      </c>
      <c r="Y22292">
        <v>23</v>
      </c>
      <c r="Z22292">
        <v>24</v>
      </c>
      <c r="AA22292">
        <v>24</v>
      </c>
      <c r="AB22292">
        <v>24</v>
      </c>
      <c r="AC22292">
        <v>24</v>
      </c>
      <c r="AD22292">
        <v>24</v>
      </c>
      <c r="AE22292">
        <v>24</v>
      </c>
      <c r="AF22292">
        <v>24</v>
      </c>
      <c r="AG22292">
        <v>23</v>
      </c>
      <c r="AH22292">
        <v>23</v>
      </c>
      <c r="AI22292">
        <v>23</v>
      </c>
      <c r="AJ22292">
        <v>23</v>
      </c>
      <c r="AK22292">
        <v>22</v>
      </c>
      <c r="AL22292">
        <v>22</v>
      </c>
      <c r="AM22292">
        <v>22</v>
      </c>
      <c r="AN22292">
        <v>22</v>
      </c>
      <c r="AO22292">
        <v>21</v>
      </c>
      <c r="AP22292">
        <v>21</v>
      </c>
      <c r="AQ22292">
        <v>21</v>
      </c>
    </row>
    <row r="22293" spans="1:43">
      <c r="A22293" t="s">
        <v>13813</v>
      </c>
      <c r="B22293" t="s">
        <v>13814</v>
      </c>
      <c r="C22293" t="s">
        <v>13815</v>
      </c>
      <c r="D22293" t="s">
        <v>13816</v>
      </c>
      <c r="E22293" t="s">
        <v>13745</v>
      </c>
      <c r="F22293" t="s">
        <v>13746</v>
      </c>
      <c r="G22293" t="s">
        <v>10734</v>
      </c>
      <c r="H22293" t="s">
        <v>10735</v>
      </c>
      <c r="I22293" s="2">
        <v>0</v>
      </c>
      <c r="J22293" s="2">
        <v>0</v>
      </c>
      <c r="K22293" s="2">
        <v>1</v>
      </c>
      <c r="L22293" t="s">
        <v>995</v>
      </c>
      <c r="M22293" t="s">
        <v>83</v>
      </c>
      <c r="N22293" t="s">
        <v>91</v>
      </c>
      <c r="O22293" t="s">
        <v>85</v>
      </c>
      <c r="P22293" t="s">
        <v>86</v>
      </c>
      <c r="Q22293">
        <v>22</v>
      </c>
      <c r="R22293">
        <v>22</v>
      </c>
      <c r="S22293">
        <v>22</v>
      </c>
      <c r="T22293">
        <v>22</v>
      </c>
      <c r="U22293">
        <v>22</v>
      </c>
      <c r="V22293">
        <v>22</v>
      </c>
      <c r="W22293">
        <v>22</v>
      </c>
      <c r="X22293">
        <v>22</v>
      </c>
      <c r="Y22293">
        <v>22</v>
      </c>
      <c r="Z22293">
        <v>22</v>
      </c>
      <c r="AA22293">
        <v>22</v>
      </c>
      <c r="AB22293">
        <v>22</v>
      </c>
      <c r="AC22293">
        <v>22</v>
      </c>
      <c r="AD22293">
        <v>22</v>
      </c>
      <c r="AE22293">
        <v>22</v>
      </c>
      <c r="AF22293">
        <v>22</v>
      </c>
      <c r="AG22293">
        <v>22</v>
      </c>
      <c r="AH22293">
        <v>22</v>
      </c>
      <c r="AI22293">
        <v>22</v>
      </c>
      <c r="AJ22293">
        <v>22</v>
      </c>
      <c r="AK22293">
        <v>22</v>
      </c>
      <c r="AL22293">
        <v>22</v>
      </c>
      <c r="AM22293">
        <v>22</v>
      </c>
      <c r="AN22293">
        <v>21</v>
      </c>
      <c r="AO22293">
        <v>21</v>
      </c>
      <c r="AP22293">
        <v>21</v>
      </c>
      <c r="AQ22293">
        <v>21</v>
      </c>
    </row>
    <row r="22294" spans="1:43">
      <c r="A22294" t="s">
        <v>13817</v>
      </c>
      <c r="B22294" t="s">
        <v>13818</v>
      </c>
      <c r="C22294" t="s">
        <v>13815</v>
      </c>
      <c r="D22294" t="s">
        <v>13816</v>
      </c>
      <c r="E22294" t="s">
        <v>13745</v>
      </c>
      <c r="F22294" t="s">
        <v>13746</v>
      </c>
      <c r="G22294" t="s">
        <v>10734</v>
      </c>
      <c r="H22294" t="s">
        <v>10735</v>
      </c>
      <c r="I22294" s="2">
        <v>0</v>
      </c>
      <c r="J22294" s="2">
        <v>0</v>
      </c>
      <c r="K22294" s="2">
        <v>1</v>
      </c>
      <c r="L22294" t="s">
        <v>995</v>
      </c>
      <c r="M22294" t="s">
        <v>83</v>
      </c>
      <c r="N22294" t="s">
        <v>84</v>
      </c>
      <c r="O22294" t="s">
        <v>85</v>
      </c>
      <c r="P22294" t="s">
        <v>86</v>
      </c>
      <c r="Q22294">
        <v>18</v>
      </c>
      <c r="R22294">
        <v>18</v>
      </c>
      <c r="S22294">
        <v>18</v>
      </c>
      <c r="T22294">
        <v>18</v>
      </c>
      <c r="U22294">
        <v>19</v>
      </c>
      <c r="V22294">
        <v>19</v>
      </c>
      <c r="W22294">
        <v>19</v>
      </c>
      <c r="X22294">
        <v>19</v>
      </c>
      <c r="Y22294">
        <v>19</v>
      </c>
      <c r="Z22294">
        <v>19</v>
      </c>
      <c r="AA22294">
        <v>19</v>
      </c>
      <c r="AB22294">
        <v>19</v>
      </c>
      <c r="AC22294">
        <v>19</v>
      </c>
      <c r="AD22294">
        <v>19</v>
      </c>
      <c r="AE22294">
        <v>19</v>
      </c>
      <c r="AF22294">
        <v>19</v>
      </c>
      <c r="AG22294">
        <v>19</v>
      </c>
      <c r="AH22294">
        <v>19</v>
      </c>
      <c r="AI22294">
        <v>19</v>
      </c>
      <c r="AJ22294">
        <v>19</v>
      </c>
      <c r="AK22294">
        <v>19</v>
      </c>
      <c r="AL22294">
        <v>19</v>
      </c>
      <c r="AM22294">
        <v>19</v>
      </c>
      <c r="AN22294">
        <v>19</v>
      </c>
      <c r="AO22294">
        <v>19</v>
      </c>
      <c r="AP22294">
        <v>18</v>
      </c>
      <c r="AQ22294">
        <v>18</v>
      </c>
    </row>
    <row r="22295" spans="1:43">
      <c r="A22295" t="s">
        <v>13817</v>
      </c>
      <c r="B22295" t="s">
        <v>13818</v>
      </c>
      <c r="C22295" t="s">
        <v>13815</v>
      </c>
      <c r="D22295" t="s">
        <v>13816</v>
      </c>
      <c r="E22295" t="s">
        <v>13745</v>
      </c>
      <c r="F22295" t="s">
        <v>13746</v>
      </c>
      <c r="G22295" t="s">
        <v>10734</v>
      </c>
      <c r="H22295" t="s">
        <v>10735</v>
      </c>
      <c r="I22295" s="2">
        <v>0</v>
      </c>
      <c r="J22295" s="2">
        <v>0</v>
      </c>
      <c r="K22295" s="2">
        <v>1</v>
      </c>
      <c r="L22295" t="s">
        <v>995</v>
      </c>
      <c r="M22295" t="s">
        <v>87</v>
      </c>
      <c r="N22295" t="s">
        <v>88</v>
      </c>
      <c r="O22295" t="s">
        <v>85</v>
      </c>
      <c r="P22295" t="s">
        <v>86</v>
      </c>
      <c r="Q22295">
        <v>18</v>
      </c>
      <c r="R22295">
        <v>18</v>
      </c>
      <c r="S22295">
        <v>18</v>
      </c>
      <c r="T22295">
        <v>18</v>
      </c>
      <c r="U22295">
        <v>18</v>
      </c>
      <c r="V22295">
        <v>18</v>
      </c>
      <c r="W22295">
        <v>18</v>
      </c>
      <c r="X22295">
        <v>17</v>
      </c>
      <c r="Y22295">
        <v>17</v>
      </c>
      <c r="Z22295">
        <v>17</v>
      </c>
      <c r="AA22295">
        <v>17</v>
      </c>
      <c r="AB22295">
        <v>17</v>
      </c>
      <c r="AC22295">
        <v>17</v>
      </c>
      <c r="AD22295">
        <v>17</v>
      </c>
      <c r="AE22295">
        <v>17</v>
      </c>
      <c r="AF22295">
        <v>17</v>
      </c>
      <c r="AG22295">
        <v>17</v>
      </c>
      <c r="AH22295">
        <v>17</v>
      </c>
      <c r="AI22295">
        <v>17</v>
      </c>
      <c r="AJ22295">
        <v>17</v>
      </c>
      <c r="AK22295">
        <v>16</v>
      </c>
      <c r="AL22295">
        <v>16</v>
      </c>
      <c r="AM22295">
        <v>16</v>
      </c>
      <c r="AN22295">
        <v>16</v>
      </c>
      <c r="AO22295">
        <v>16</v>
      </c>
      <c r="AP22295">
        <v>16</v>
      </c>
      <c r="AQ22295">
        <v>16</v>
      </c>
    </row>
    <row r="22296" spans="1:43">
      <c r="A22296" t="s">
        <v>13817</v>
      </c>
      <c r="B22296" t="s">
        <v>13818</v>
      </c>
      <c r="C22296" t="s">
        <v>13815</v>
      </c>
      <c r="D22296" t="s">
        <v>13816</v>
      </c>
      <c r="E22296" t="s">
        <v>13745</v>
      </c>
      <c r="F22296" t="s">
        <v>13746</v>
      </c>
      <c r="G22296" t="s">
        <v>10734</v>
      </c>
      <c r="H22296" t="s">
        <v>10735</v>
      </c>
      <c r="I22296" s="2">
        <v>0</v>
      </c>
      <c r="J22296" s="2">
        <v>0</v>
      </c>
      <c r="K22296" s="2">
        <v>1</v>
      </c>
      <c r="L22296" t="s">
        <v>995</v>
      </c>
      <c r="M22296" t="s">
        <v>89</v>
      </c>
      <c r="N22296" t="s">
        <v>90</v>
      </c>
      <c r="O22296" t="s">
        <v>85</v>
      </c>
      <c r="P22296" t="s">
        <v>86</v>
      </c>
      <c r="Q22296">
        <v>18</v>
      </c>
      <c r="R22296">
        <v>19</v>
      </c>
      <c r="S22296">
        <v>19</v>
      </c>
      <c r="T22296">
        <v>19</v>
      </c>
      <c r="U22296">
        <v>19</v>
      </c>
      <c r="V22296">
        <v>19</v>
      </c>
      <c r="W22296">
        <v>20</v>
      </c>
      <c r="X22296">
        <v>20</v>
      </c>
      <c r="Y22296">
        <v>20</v>
      </c>
      <c r="Z22296">
        <v>20</v>
      </c>
      <c r="AA22296">
        <v>20</v>
      </c>
      <c r="AB22296">
        <v>20</v>
      </c>
      <c r="AC22296">
        <v>20</v>
      </c>
      <c r="AD22296">
        <v>20</v>
      </c>
      <c r="AE22296">
        <v>20</v>
      </c>
      <c r="AF22296">
        <v>20</v>
      </c>
      <c r="AG22296">
        <v>20</v>
      </c>
      <c r="AH22296">
        <v>20</v>
      </c>
      <c r="AI22296">
        <v>20</v>
      </c>
      <c r="AJ22296">
        <v>20</v>
      </c>
      <c r="AK22296">
        <v>19</v>
      </c>
      <c r="AL22296">
        <v>19</v>
      </c>
      <c r="AM22296">
        <v>19</v>
      </c>
      <c r="AN22296">
        <v>19</v>
      </c>
      <c r="AO22296">
        <v>19</v>
      </c>
      <c r="AP22296">
        <v>19</v>
      </c>
      <c r="AQ22296">
        <v>19</v>
      </c>
    </row>
    <row r="22297" spans="1:43">
      <c r="A22297" t="s">
        <v>13817</v>
      </c>
      <c r="B22297" t="s">
        <v>13818</v>
      </c>
      <c r="C22297" t="s">
        <v>13815</v>
      </c>
      <c r="D22297" t="s">
        <v>13816</v>
      </c>
      <c r="E22297" t="s">
        <v>13745</v>
      </c>
      <c r="F22297" t="s">
        <v>13746</v>
      </c>
      <c r="G22297" t="s">
        <v>10734</v>
      </c>
      <c r="H22297" t="s">
        <v>10735</v>
      </c>
      <c r="I22297" s="2">
        <v>0</v>
      </c>
      <c r="J22297" s="2">
        <v>0</v>
      </c>
      <c r="K22297" s="2">
        <v>1</v>
      </c>
      <c r="L22297" t="s">
        <v>995</v>
      </c>
      <c r="M22297" t="s">
        <v>83</v>
      </c>
      <c r="N22297" t="s">
        <v>91</v>
      </c>
      <c r="O22297" t="s">
        <v>85</v>
      </c>
      <c r="P22297" t="s">
        <v>86</v>
      </c>
      <c r="Q22297">
        <v>18</v>
      </c>
      <c r="R22297">
        <v>18</v>
      </c>
      <c r="S22297">
        <v>18</v>
      </c>
      <c r="T22297">
        <v>18</v>
      </c>
      <c r="U22297">
        <v>19</v>
      </c>
      <c r="V22297">
        <v>19</v>
      </c>
      <c r="W22297">
        <v>19</v>
      </c>
      <c r="X22297">
        <v>19</v>
      </c>
      <c r="Y22297">
        <v>19</v>
      </c>
      <c r="Z22297">
        <v>19</v>
      </c>
      <c r="AA22297">
        <v>19</v>
      </c>
      <c r="AB22297">
        <v>19</v>
      </c>
      <c r="AC22297">
        <v>19</v>
      </c>
      <c r="AD22297">
        <v>19</v>
      </c>
      <c r="AE22297">
        <v>19</v>
      </c>
      <c r="AF22297">
        <v>19</v>
      </c>
      <c r="AG22297">
        <v>19</v>
      </c>
      <c r="AH22297">
        <v>19</v>
      </c>
      <c r="AI22297">
        <v>19</v>
      </c>
      <c r="AJ22297">
        <v>19</v>
      </c>
      <c r="AK22297">
        <v>19</v>
      </c>
      <c r="AL22297">
        <v>19</v>
      </c>
      <c r="AM22297">
        <v>19</v>
      </c>
      <c r="AN22297">
        <v>19</v>
      </c>
      <c r="AO22297">
        <v>19</v>
      </c>
      <c r="AP22297">
        <v>18</v>
      </c>
      <c r="AQ22297">
        <v>18</v>
      </c>
    </row>
    <row r="22298" spans="1:43">
      <c r="A22298" t="s">
        <v>13819</v>
      </c>
      <c r="B22298" t="s">
        <v>13820</v>
      </c>
      <c r="C22298" t="s">
        <v>13821</v>
      </c>
      <c r="D22298" t="s">
        <v>13822</v>
      </c>
      <c r="E22298" t="s">
        <v>13745</v>
      </c>
      <c r="F22298" t="s">
        <v>13746</v>
      </c>
      <c r="G22298" t="s">
        <v>10734</v>
      </c>
      <c r="H22298" t="s">
        <v>10735</v>
      </c>
      <c r="I22298" s="2">
        <v>0</v>
      </c>
      <c r="J22298" s="2">
        <v>0</v>
      </c>
      <c r="K22298" s="2">
        <v>1</v>
      </c>
      <c r="L22298" t="s">
        <v>995</v>
      </c>
      <c r="M22298" t="s">
        <v>83</v>
      </c>
      <c r="N22298" t="s">
        <v>84</v>
      </c>
      <c r="O22298" t="s">
        <v>85</v>
      </c>
      <c r="P22298" t="s">
        <v>86</v>
      </c>
      <c r="Q22298">
        <v>11</v>
      </c>
      <c r="R22298">
        <v>11</v>
      </c>
      <c r="S22298">
        <v>11</v>
      </c>
      <c r="T22298">
        <v>11</v>
      </c>
      <c r="U22298">
        <v>11</v>
      </c>
      <c r="V22298">
        <v>11</v>
      </c>
      <c r="W22298">
        <v>11</v>
      </c>
      <c r="X22298">
        <v>11</v>
      </c>
      <c r="Y22298">
        <v>11</v>
      </c>
      <c r="Z22298">
        <v>11</v>
      </c>
      <c r="AA22298">
        <v>11</v>
      </c>
      <c r="AB22298">
        <v>11</v>
      </c>
      <c r="AC22298">
        <v>11</v>
      </c>
      <c r="AD22298">
        <v>11</v>
      </c>
      <c r="AE22298">
        <v>11</v>
      </c>
      <c r="AF22298">
        <v>11</v>
      </c>
      <c r="AG22298">
        <v>11</v>
      </c>
      <c r="AH22298">
        <v>11</v>
      </c>
      <c r="AI22298">
        <v>11</v>
      </c>
      <c r="AJ22298">
        <v>11</v>
      </c>
      <c r="AK22298">
        <v>11</v>
      </c>
      <c r="AL22298">
        <v>11</v>
      </c>
      <c r="AM22298">
        <v>11</v>
      </c>
      <c r="AN22298">
        <v>11</v>
      </c>
      <c r="AO22298">
        <v>11</v>
      </c>
      <c r="AP22298">
        <v>11</v>
      </c>
      <c r="AQ22298">
        <v>10</v>
      </c>
    </row>
    <row r="22299" spans="1:43">
      <c r="A22299" t="s">
        <v>13819</v>
      </c>
      <c r="B22299" t="s">
        <v>13820</v>
      </c>
      <c r="C22299" t="s">
        <v>13821</v>
      </c>
      <c r="D22299" t="s">
        <v>13822</v>
      </c>
      <c r="E22299" t="s">
        <v>13745</v>
      </c>
      <c r="F22299" t="s">
        <v>13746</v>
      </c>
      <c r="G22299" t="s">
        <v>10734</v>
      </c>
      <c r="H22299" t="s">
        <v>10735</v>
      </c>
      <c r="I22299" s="2">
        <v>0</v>
      </c>
      <c r="J22299" s="2">
        <v>0</v>
      </c>
      <c r="K22299" s="2">
        <v>1</v>
      </c>
      <c r="L22299" t="s">
        <v>995</v>
      </c>
      <c r="M22299" t="s">
        <v>87</v>
      </c>
      <c r="N22299" t="s">
        <v>88</v>
      </c>
      <c r="O22299" t="s">
        <v>85</v>
      </c>
      <c r="P22299" t="s">
        <v>86</v>
      </c>
      <c r="Q22299">
        <v>11</v>
      </c>
      <c r="R22299">
        <v>11</v>
      </c>
      <c r="S22299">
        <v>11</v>
      </c>
      <c r="T22299">
        <v>11</v>
      </c>
      <c r="U22299">
        <v>11</v>
      </c>
      <c r="V22299">
        <v>11</v>
      </c>
      <c r="W22299">
        <v>11</v>
      </c>
      <c r="X22299">
        <v>11</v>
      </c>
      <c r="Y22299">
        <v>11</v>
      </c>
      <c r="Z22299">
        <v>11</v>
      </c>
      <c r="AA22299">
        <v>11</v>
      </c>
      <c r="AB22299">
        <v>11</v>
      </c>
      <c r="AC22299">
        <v>11</v>
      </c>
      <c r="AD22299">
        <v>11</v>
      </c>
      <c r="AE22299">
        <v>11</v>
      </c>
      <c r="AF22299">
        <v>11</v>
      </c>
      <c r="AG22299">
        <v>11</v>
      </c>
      <c r="AH22299">
        <v>11</v>
      </c>
      <c r="AI22299">
        <v>11</v>
      </c>
      <c r="AJ22299">
        <v>10</v>
      </c>
      <c r="AK22299">
        <v>10</v>
      </c>
      <c r="AL22299">
        <v>10</v>
      </c>
      <c r="AM22299">
        <v>10</v>
      </c>
      <c r="AN22299">
        <v>10</v>
      </c>
      <c r="AO22299">
        <v>10</v>
      </c>
      <c r="AP22299">
        <v>10</v>
      </c>
      <c r="AQ22299">
        <v>10</v>
      </c>
    </row>
    <row r="22300" spans="1:43">
      <c r="A22300" t="s">
        <v>13819</v>
      </c>
      <c r="B22300" t="s">
        <v>13820</v>
      </c>
      <c r="C22300" t="s">
        <v>13821</v>
      </c>
      <c r="D22300" t="s">
        <v>13822</v>
      </c>
      <c r="E22300" t="s">
        <v>13745</v>
      </c>
      <c r="F22300" t="s">
        <v>13746</v>
      </c>
      <c r="G22300" t="s">
        <v>10734</v>
      </c>
      <c r="H22300" t="s">
        <v>10735</v>
      </c>
      <c r="I22300" s="2">
        <v>0</v>
      </c>
      <c r="J22300" s="2">
        <v>0</v>
      </c>
      <c r="K22300" s="2">
        <v>1</v>
      </c>
      <c r="L22300" t="s">
        <v>995</v>
      </c>
      <c r="M22300" t="s">
        <v>89</v>
      </c>
      <c r="N22300" t="s">
        <v>90</v>
      </c>
      <c r="O22300" t="s">
        <v>85</v>
      </c>
      <c r="P22300" t="s">
        <v>86</v>
      </c>
      <c r="Q22300">
        <v>11</v>
      </c>
      <c r="R22300">
        <v>11</v>
      </c>
      <c r="S22300">
        <v>11</v>
      </c>
      <c r="T22300">
        <v>11</v>
      </c>
      <c r="U22300">
        <v>11</v>
      </c>
      <c r="V22300">
        <v>11</v>
      </c>
      <c r="W22300">
        <v>11</v>
      </c>
      <c r="X22300">
        <v>11</v>
      </c>
      <c r="Y22300">
        <v>11</v>
      </c>
      <c r="Z22300">
        <v>12</v>
      </c>
      <c r="AA22300">
        <v>12</v>
      </c>
      <c r="AB22300">
        <v>12</v>
      </c>
      <c r="AC22300">
        <v>12</v>
      </c>
      <c r="AD22300">
        <v>12</v>
      </c>
      <c r="AE22300">
        <v>12</v>
      </c>
      <c r="AF22300">
        <v>12</v>
      </c>
      <c r="AG22300">
        <v>11</v>
      </c>
      <c r="AH22300">
        <v>11</v>
      </c>
      <c r="AI22300">
        <v>11</v>
      </c>
      <c r="AJ22300">
        <v>11</v>
      </c>
      <c r="AK22300">
        <v>11</v>
      </c>
      <c r="AL22300">
        <v>11</v>
      </c>
      <c r="AM22300">
        <v>11</v>
      </c>
      <c r="AN22300">
        <v>11</v>
      </c>
      <c r="AO22300">
        <v>11</v>
      </c>
      <c r="AP22300">
        <v>11</v>
      </c>
      <c r="AQ22300">
        <v>11</v>
      </c>
    </row>
    <row r="22301" spans="1:43">
      <c r="A22301" t="s">
        <v>13819</v>
      </c>
      <c r="B22301" t="s">
        <v>13820</v>
      </c>
      <c r="C22301" t="s">
        <v>13821</v>
      </c>
      <c r="D22301" t="s">
        <v>13822</v>
      </c>
      <c r="E22301" t="s">
        <v>13745</v>
      </c>
      <c r="F22301" t="s">
        <v>13746</v>
      </c>
      <c r="G22301" t="s">
        <v>10734</v>
      </c>
      <c r="H22301" t="s">
        <v>10735</v>
      </c>
      <c r="I22301" s="2">
        <v>0</v>
      </c>
      <c r="J22301" s="2">
        <v>0</v>
      </c>
      <c r="K22301" s="2">
        <v>1</v>
      </c>
      <c r="L22301" t="s">
        <v>995</v>
      </c>
      <c r="M22301" t="s">
        <v>83</v>
      </c>
      <c r="N22301" t="s">
        <v>91</v>
      </c>
      <c r="O22301" t="s">
        <v>85</v>
      </c>
      <c r="P22301" t="s">
        <v>86</v>
      </c>
      <c r="Q22301">
        <v>11</v>
      </c>
      <c r="R22301">
        <v>11</v>
      </c>
      <c r="S22301">
        <v>11</v>
      </c>
      <c r="T22301">
        <v>11</v>
      </c>
      <c r="U22301">
        <v>11</v>
      </c>
      <c r="V22301">
        <v>11</v>
      </c>
      <c r="W22301">
        <v>11</v>
      </c>
      <c r="X22301">
        <v>11</v>
      </c>
      <c r="Y22301">
        <v>11</v>
      </c>
      <c r="Z22301">
        <v>11</v>
      </c>
      <c r="AA22301">
        <v>11</v>
      </c>
      <c r="AB22301">
        <v>11</v>
      </c>
      <c r="AC22301">
        <v>11</v>
      </c>
      <c r="AD22301">
        <v>11</v>
      </c>
      <c r="AE22301">
        <v>11</v>
      </c>
      <c r="AF22301">
        <v>11</v>
      </c>
      <c r="AG22301">
        <v>11</v>
      </c>
      <c r="AH22301">
        <v>11</v>
      </c>
      <c r="AI22301">
        <v>11</v>
      </c>
      <c r="AJ22301">
        <v>11</v>
      </c>
      <c r="AK22301">
        <v>11</v>
      </c>
      <c r="AL22301">
        <v>11</v>
      </c>
      <c r="AM22301">
        <v>11</v>
      </c>
      <c r="AN22301">
        <v>11</v>
      </c>
      <c r="AO22301">
        <v>11</v>
      </c>
      <c r="AP22301">
        <v>11</v>
      </c>
      <c r="AQ22301">
        <v>10</v>
      </c>
    </row>
    <row r="22302" spans="1:43">
      <c r="A22302" t="s">
        <v>13823</v>
      </c>
      <c r="B22302" t="s">
        <v>13824</v>
      </c>
      <c r="C22302" t="s">
        <v>13821</v>
      </c>
      <c r="D22302" t="s">
        <v>13822</v>
      </c>
      <c r="E22302" t="s">
        <v>13745</v>
      </c>
      <c r="F22302" t="s">
        <v>13746</v>
      </c>
      <c r="G22302" t="s">
        <v>10734</v>
      </c>
      <c r="H22302" t="s">
        <v>10735</v>
      </c>
      <c r="I22302" s="2">
        <v>0</v>
      </c>
      <c r="J22302" s="2">
        <v>0</v>
      </c>
      <c r="K22302" s="2">
        <v>1</v>
      </c>
      <c r="L22302" t="s">
        <v>995</v>
      </c>
      <c r="M22302" t="s">
        <v>83</v>
      </c>
      <c r="N22302" t="s">
        <v>84</v>
      </c>
      <c r="O22302" t="s">
        <v>85</v>
      </c>
      <c r="P22302" t="s">
        <v>86</v>
      </c>
      <c r="Q22302">
        <v>19</v>
      </c>
      <c r="R22302">
        <v>19</v>
      </c>
      <c r="S22302">
        <v>19</v>
      </c>
      <c r="T22302">
        <v>19</v>
      </c>
      <c r="U22302">
        <v>19</v>
      </c>
      <c r="V22302">
        <v>19</v>
      </c>
      <c r="W22302">
        <v>19</v>
      </c>
      <c r="X22302">
        <v>19</v>
      </c>
      <c r="Y22302">
        <v>19</v>
      </c>
      <c r="Z22302">
        <v>19</v>
      </c>
      <c r="AA22302">
        <v>19</v>
      </c>
      <c r="AB22302">
        <v>19</v>
      </c>
      <c r="AC22302">
        <v>19</v>
      </c>
      <c r="AD22302">
        <v>19</v>
      </c>
      <c r="AE22302">
        <v>19</v>
      </c>
      <c r="AF22302">
        <v>19</v>
      </c>
      <c r="AG22302">
        <v>19</v>
      </c>
      <c r="AH22302">
        <v>19</v>
      </c>
      <c r="AI22302">
        <v>19</v>
      </c>
      <c r="AJ22302">
        <v>19</v>
      </c>
      <c r="AK22302">
        <v>19</v>
      </c>
      <c r="AL22302">
        <v>19</v>
      </c>
      <c r="AM22302">
        <v>19</v>
      </c>
      <c r="AN22302">
        <v>19</v>
      </c>
      <c r="AO22302">
        <v>19</v>
      </c>
      <c r="AP22302">
        <v>18</v>
      </c>
      <c r="AQ22302">
        <v>18</v>
      </c>
    </row>
    <row r="22303" spans="1:43">
      <c r="A22303" t="s">
        <v>13823</v>
      </c>
      <c r="B22303" t="s">
        <v>13824</v>
      </c>
      <c r="C22303" t="s">
        <v>13821</v>
      </c>
      <c r="D22303" t="s">
        <v>13822</v>
      </c>
      <c r="E22303" t="s">
        <v>13745</v>
      </c>
      <c r="F22303" t="s">
        <v>13746</v>
      </c>
      <c r="G22303" t="s">
        <v>10734</v>
      </c>
      <c r="H22303" t="s">
        <v>10735</v>
      </c>
      <c r="I22303" s="2">
        <v>0</v>
      </c>
      <c r="J22303" s="2">
        <v>0</v>
      </c>
      <c r="K22303" s="2">
        <v>1</v>
      </c>
      <c r="L22303" t="s">
        <v>995</v>
      </c>
      <c r="M22303" t="s">
        <v>87</v>
      </c>
      <c r="N22303" t="s">
        <v>88</v>
      </c>
      <c r="O22303" t="s">
        <v>85</v>
      </c>
      <c r="P22303" t="s">
        <v>86</v>
      </c>
      <c r="Q22303">
        <v>19</v>
      </c>
      <c r="R22303">
        <v>19</v>
      </c>
      <c r="S22303">
        <v>19</v>
      </c>
      <c r="T22303">
        <v>19</v>
      </c>
      <c r="U22303">
        <v>19</v>
      </c>
      <c r="V22303">
        <v>18</v>
      </c>
      <c r="W22303">
        <v>18</v>
      </c>
      <c r="X22303">
        <v>18</v>
      </c>
      <c r="Y22303">
        <v>18</v>
      </c>
      <c r="Z22303">
        <v>18</v>
      </c>
      <c r="AA22303">
        <v>18</v>
      </c>
      <c r="AB22303">
        <v>18</v>
      </c>
      <c r="AC22303">
        <v>17</v>
      </c>
      <c r="AD22303">
        <v>17</v>
      </c>
      <c r="AE22303">
        <v>17</v>
      </c>
      <c r="AF22303">
        <v>17</v>
      </c>
      <c r="AG22303">
        <v>17</v>
      </c>
      <c r="AH22303">
        <v>17</v>
      </c>
      <c r="AI22303">
        <v>17</v>
      </c>
      <c r="AJ22303">
        <v>17</v>
      </c>
      <c r="AK22303">
        <v>17</v>
      </c>
      <c r="AL22303">
        <v>16</v>
      </c>
      <c r="AM22303">
        <v>16</v>
      </c>
      <c r="AN22303">
        <v>16</v>
      </c>
      <c r="AO22303">
        <v>16</v>
      </c>
      <c r="AP22303">
        <v>16</v>
      </c>
      <c r="AQ22303">
        <v>16</v>
      </c>
    </row>
    <row r="22304" spans="1:43">
      <c r="A22304" t="s">
        <v>13823</v>
      </c>
      <c r="B22304" t="s">
        <v>13824</v>
      </c>
      <c r="C22304" t="s">
        <v>13821</v>
      </c>
      <c r="D22304" t="s">
        <v>13822</v>
      </c>
      <c r="E22304" t="s">
        <v>13745</v>
      </c>
      <c r="F22304" t="s">
        <v>13746</v>
      </c>
      <c r="G22304" t="s">
        <v>10734</v>
      </c>
      <c r="H22304" t="s">
        <v>10735</v>
      </c>
      <c r="I22304" s="2">
        <v>0</v>
      </c>
      <c r="J22304" s="2">
        <v>0</v>
      </c>
      <c r="K22304" s="2">
        <v>1</v>
      </c>
      <c r="L22304" t="s">
        <v>995</v>
      </c>
      <c r="M22304" t="s">
        <v>89</v>
      </c>
      <c r="N22304" t="s">
        <v>90</v>
      </c>
      <c r="O22304" t="s">
        <v>85</v>
      </c>
      <c r="P22304" t="s">
        <v>86</v>
      </c>
      <c r="Q22304">
        <v>19</v>
      </c>
      <c r="R22304">
        <v>20</v>
      </c>
      <c r="S22304">
        <v>20</v>
      </c>
      <c r="T22304">
        <v>20</v>
      </c>
      <c r="U22304">
        <v>20</v>
      </c>
      <c r="V22304">
        <v>20</v>
      </c>
      <c r="W22304">
        <v>20</v>
      </c>
      <c r="X22304">
        <v>21</v>
      </c>
      <c r="Y22304">
        <v>21</v>
      </c>
      <c r="Z22304">
        <v>21</v>
      </c>
      <c r="AA22304">
        <v>21</v>
      </c>
      <c r="AB22304">
        <v>21</v>
      </c>
      <c r="AC22304">
        <v>21</v>
      </c>
      <c r="AD22304">
        <v>21</v>
      </c>
      <c r="AE22304">
        <v>21</v>
      </c>
      <c r="AF22304">
        <v>21</v>
      </c>
      <c r="AG22304">
        <v>20</v>
      </c>
      <c r="AH22304">
        <v>20</v>
      </c>
      <c r="AI22304">
        <v>20</v>
      </c>
      <c r="AJ22304">
        <v>20</v>
      </c>
      <c r="AK22304">
        <v>20</v>
      </c>
      <c r="AL22304">
        <v>19</v>
      </c>
      <c r="AM22304">
        <v>19</v>
      </c>
      <c r="AN22304">
        <v>19</v>
      </c>
      <c r="AO22304">
        <v>19</v>
      </c>
      <c r="AP22304">
        <v>19</v>
      </c>
      <c r="AQ22304">
        <v>18</v>
      </c>
    </row>
    <row r="22305" spans="1:43">
      <c r="A22305" t="s">
        <v>13823</v>
      </c>
      <c r="B22305" t="s">
        <v>13824</v>
      </c>
      <c r="C22305" t="s">
        <v>13821</v>
      </c>
      <c r="D22305" t="s">
        <v>13822</v>
      </c>
      <c r="E22305" t="s">
        <v>13745</v>
      </c>
      <c r="F22305" t="s">
        <v>13746</v>
      </c>
      <c r="G22305" t="s">
        <v>10734</v>
      </c>
      <c r="H22305" t="s">
        <v>10735</v>
      </c>
      <c r="I22305" s="2">
        <v>0</v>
      </c>
      <c r="J22305" s="2">
        <v>0</v>
      </c>
      <c r="K22305" s="2">
        <v>1</v>
      </c>
      <c r="L22305" t="s">
        <v>995</v>
      </c>
      <c r="M22305" t="s">
        <v>83</v>
      </c>
      <c r="N22305" t="s">
        <v>91</v>
      </c>
      <c r="O22305" t="s">
        <v>85</v>
      </c>
      <c r="P22305" t="s">
        <v>86</v>
      </c>
      <c r="Q22305">
        <v>19</v>
      </c>
      <c r="R22305">
        <v>19</v>
      </c>
      <c r="S22305">
        <v>19</v>
      </c>
      <c r="T22305">
        <v>19</v>
      </c>
      <c r="U22305">
        <v>19</v>
      </c>
      <c r="V22305">
        <v>19</v>
      </c>
      <c r="W22305">
        <v>19</v>
      </c>
      <c r="X22305">
        <v>19</v>
      </c>
      <c r="Y22305">
        <v>19</v>
      </c>
      <c r="Z22305">
        <v>19</v>
      </c>
      <c r="AA22305">
        <v>19</v>
      </c>
      <c r="AB22305">
        <v>19</v>
      </c>
      <c r="AC22305">
        <v>19</v>
      </c>
      <c r="AD22305">
        <v>19</v>
      </c>
      <c r="AE22305">
        <v>19</v>
      </c>
      <c r="AF22305">
        <v>19</v>
      </c>
      <c r="AG22305">
        <v>19</v>
      </c>
      <c r="AH22305">
        <v>19</v>
      </c>
      <c r="AI22305">
        <v>19</v>
      </c>
      <c r="AJ22305">
        <v>19</v>
      </c>
      <c r="AK22305">
        <v>19</v>
      </c>
      <c r="AL22305">
        <v>19</v>
      </c>
      <c r="AM22305">
        <v>19</v>
      </c>
      <c r="AN22305">
        <v>19</v>
      </c>
      <c r="AO22305">
        <v>19</v>
      </c>
      <c r="AP22305">
        <v>18</v>
      </c>
      <c r="AQ22305">
        <v>18</v>
      </c>
    </row>
    <row r="22306" spans="1:43">
      <c r="A22306" t="s">
        <v>13825</v>
      </c>
      <c r="B22306" t="s">
        <v>13826</v>
      </c>
      <c r="C22306" t="s">
        <v>13821</v>
      </c>
      <c r="D22306" t="s">
        <v>13822</v>
      </c>
      <c r="E22306" t="s">
        <v>13745</v>
      </c>
      <c r="F22306" t="s">
        <v>13746</v>
      </c>
      <c r="G22306" t="s">
        <v>10734</v>
      </c>
      <c r="H22306" t="s">
        <v>10735</v>
      </c>
      <c r="I22306" s="2">
        <v>0</v>
      </c>
      <c r="J22306" s="2">
        <v>0</v>
      </c>
      <c r="K22306" s="2">
        <v>1</v>
      </c>
      <c r="L22306" t="s">
        <v>995</v>
      </c>
      <c r="M22306" t="s">
        <v>83</v>
      </c>
      <c r="N22306" t="s">
        <v>84</v>
      </c>
      <c r="O22306" t="s">
        <v>85</v>
      </c>
      <c r="P22306" t="s">
        <v>86</v>
      </c>
      <c r="Q22306">
        <v>9</v>
      </c>
      <c r="R22306">
        <v>9</v>
      </c>
      <c r="S22306">
        <v>9</v>
      </c>
      <c r="T22306">
        <v>9</v>
      </c>
      <c r="U22306">
        <v>9</v>
      </c>
      <c r="V22306">
        <v>9</v>
      </c>
      <c r="W22306">
        <v>9</v>
      </c>
      <c r="X22306">
        <v>9</v>
      </c>
      <c r="Y22306">
        <v>9</v>
      </c>
      <c r="Z22306">
        <v>9</v>
      </c>
      <c r="AA22306">
        <v>9</v>
      </c>
      <c r="AB22306">
        <v>9</v>
      </c>
      <c r="AC22306">
        <v>9</v>
      </c>
      <c r="AD22306">
        <v>9</v>
      </c>
      <c r="AE22306">
        <v>9</v>
      </c>
      <c r="AF22306">
        <v>9</v>
      </c>
      <c r="AG22306">
        <v>9</v>
      </c>
      <c r="AH22306">
        <v>9</v>
      </c>
      <c r="AI22306">
        <v>9</v>
      </c>
      <c r="AJ22306">
        <v>9</v>
      </c>
      <c r="AK22306">
        <v>9</v>
      </c>
      <c r="AL22306">
        <v>9</v>
      </c>
      <c r="AM22306">
        <v>9</v>
      </c>
      <c r="AN22306">
        <v>9</v>
      </c>
      <c r="AO22306">
        <v>9</v>
      </c>
      <c r="AP22306">
        <v>9</v>
      </c>
      <c r="AQ22306">
        <v>9</v>
      </c>
    </row>
    <row r="22307" spans="1:43">
      <c r="A22307" t="s">
        <v>13825</v>
      </c>
      <c r="B22307" t="s">
        <v>13826</v>
      </c>
      <c r="C22307" t="s">
        <v>13821</v>
      </c>
      <c r="D22307" t="s">
        <v>13822</v>
      </c>
      <c r="E22307" t="s">
        <v>13745</v>
      </c>
      <c r="F22307" t="s">
        <v>13746</v>
      </c>
      <c r="G22307" t="s">
        <v>10734</v>
      </c>
      <c r="H22307" t="s">
        <v>10735</v>
      </c>
      <c r="I22307" s="2">
        <v>0</v>
      </c>
      <c r="J22307" s="2">
        <v>0</v>
      </c>
      <c r="K22307" s="2">
        <v>1</v>
      </c>
      <c r="L22307" t="s">
        <v>995</v>
      </c>
      <c r="M22307" t="s">
        <v>87</v>
      </c>
      <c r="N22307" t="s">
        <v>88</v>
      </c>
      <c r="O22307" t="s">
        <v>85</v>
      </c>
      <c r="P22307" t="s">
        <v>86</v>
      </c>
      <c r="Q22307">
        <v>9</v>
      </c>
      <c r="R22307">
        <v>9</v>
      </c>
      <c r="S22307">
        <v>9</v>
      </c>
      <c r="T22307">
        <v>9</v>
      </c>
      <c r="U22307">
        <v>9</v>
      </c>
      <c r="V22307">
        <v>9</v>
      </c>
      <c r="W22307">
        <v>9</v>
      </c>
      <c r="X22307">
        <v>8</v>
      </c>
      <c r="Y22307">
        <v>8</v>
      </c>
      <c r="Z22307">
        <v>8</v>
      </c>
      <c r="AA22307">
        <v>8</v>
      </c>
      <c r="AB22307">
        <v>8</v>
      </c>
      <c r="AC22307">
        <v>8</v>
      </c>
      <c r="AD22307">
        <v>8</v>
      </c>
      <c r="AE22307">
        <v>8</v>
      </c>
      <c r="AF22307">
        <v>8</v>
      </c>
      <c r="AG22307">
        <v>8</v>
      </c>
      <c r="AH22307">
        <v>8</v>
      </c>
      <c r="AI22307">
        <v>8</v>
      </c>
      <c r="AJ22307">
        <v>8</v>
      </c>
      <c r="AK22307">
        <v>8</v>
      </c>
      <c r="AL22307">
        <v>8</v>
      </c>
      <c r="AM22307">
        <v>8</v>
      </c>
      <c r="AN22307">
        <v>8</v>
      </c>
      <c r="AO22307">
        <v>8</v>
      </c>
      <c r="AP22307">
        <v>8</v>
      </c>
      <c r="AQ22307">
        <v>8</v>
      </c>
    </row>
    <row r="22308" spans="1:43">
      <c r="A22308" t="s">
        <v>13825</v>
      </c>
      <c r="B22308" t="s">
        <v>13826</v>
      </c>
      <c r="C22308" t="s">
        <v>13821</v>
      </c>
      <c r="D22308" t="s">
        <v>13822</v>
      </c>
      <c r="E22308" t="s">
        <v>13745</v>
      </c>
      <c r="F22308" t="s">
        <v>13746</v>
      </c>
      <c r="G22308" t="s">
        <v>10734</v>
      </c>
      <c r="H22308" t="s">
        <v>10735</v>
      </c>
      <c r="I22308" s="2">
        <v>0</v>
      </c>
      <c r="J22308" s="2">
        <v>0</v>
      </c>
      <c r="K22308" s="2">
        <v>1</v>
      </c>
      <c r="L22308" t="s">
        <v>995</v>
      </c>
      <c r="M22308" t="s">
        <v>89</v>
      </c>
      <c r="N22308" t="s">
        <v>90</v>
      </c>
      <c r="O22308" t="s">
        <v>85</v>
      </c>
      <c r="P22308" t="s">
        <v>86</v>
      </c>
      <c r="Q22308">
        <v>9</v>
      </c>
      <c r="R22308">
        <v>9</v>
      </c>
      <c r="S22308">
        <v>9</v>
      </c>
      <c r="T22308">
        <v>9</v>
      </c>
      <c r="U22308">
        <v>9</v>
      </c>
      <c r="V22308">
        <v>9</v>
      </c>
      <c r="W22308">
        <v>10</v>
      </c>
      <c r="X22308">
        <v>10</v>
      </c>
      <c r="Y22308">
        <v>10</v>
      </c>
      <c r="Z22308">
        <v>10</v>
      </c>
      <c r="AA22308">
        <v>10</v>
      </c>
      <c r="AB22308">
        <v>10</v>
      </c>
      <c r="AC22308">
        <v>10</v>
      </c>
      <c r="AD22308">
        <v>10</v>
      </c>
      <c r="AE22308">
        <v>10</v>
      </c>
      <c r="AF22308">
        <v>10</v>
      </c>
      <c r="AG22308">
        <v>10</v>
      </c>
      <c r="AH22308">
        <v>9</v>
      </c>
      <c r="AI22308">
        <v>9</v>
      </c>
      <c r="AJ22308">
        <v>9</v>
      </c>
      <c r="AK22308">
        <v>9</v>
      </c>
      <c r="AL22308">
        <v>9</v>
      </c>
      <c r="AM22308">
        <v>9</v>
      </c>
      <c r="AN22308">
        <v>9</v>
      </c>
      <c r="AO22308">
        <v>9</v>
      </c>
      <c r="AP22308">
        <v>9</v>
      </c>
      <c r="AQ22308">
        <v>9</v>
      </c>
    </row>
    <row r="22309" spans="1:43">
      <c r="A22309" t="s">
        <v>13825</v>
      </c>
      <c r="B22309" t="s">
        <v>13826</v>
      </c>
      <c r="C22309" t="s">
        <v>13821</v>
      </c>
      <c r="D22309" t="s">
        <v>13822</v>
      </c>
      <c r="E22309" t="s">
        <v>13745</v>
      </c>
      <c r="F22309" t="s">
        <v>13746</v>
      </c>
      <c r="G22309" t="s">
        <v>10734</v>
      </c>
      <c r="H22309" t="s">
        <v>10735</v>
      </c>
      <c r="I22309" s="2">
        <v>0</v>
      </c>
      <c r="J22309" s="2">
        <v>0</v>
      </c>
      <c r="K22309" s="2">
        <v>1</v>
      </c>
      <c r="L22309" t="s">
        <v>995</v>
      </c>
      <c r="M22309" t="s">
        <v>83</v>
      </c>
      <c r="N22309" t="s">
        <v>91</v>
      </c>
      <c r="O22309" t="s">
        <v>85</v>
      </c>
      <c r="P22309" t="s">
        <v>86</v>
      </c>
      <c r="Q22309">
        <v>9</v>
      </c>
      <c r="R22309">
        <v>9</v>
      </c>
      <c r="S22309">
        <v>9</v>
      </c>
      <c r="T22309">
        <v>9</v>
      </c>
      <c r="U22309">
        <v>9</v>
      </c>
      <c r="V22309">
        <v>9</v>
      </c>
      <c r="W22309">
        <v>9</v>
      </c>
      <c r="X22309">
        <v>9</v>
      </c>
      <c r="Y22309">
        <v>9</v>
      </c>
      <c r="Z22309">
        <v>9</v>
      </c>
      <c r="AA22309">
        <v>9</v>
      </c>
      <c r="AB22309">
        <v>9</v>
      </c>
      <c r="AC22309">
        <v>9</v>
      </c>
      <c r="AD22309">
        <v>9</v>
      </c>
      <c r="AE22309">
        <v>9</v>
      </c>
      <c r="AF22309">
        <v>9</v>
      </c>
      <c r="AG22309">
        <v>9</v>
      </c>
      <c r="AH22309">
        <v>9</v>
      </c>
      <c r="AI22309">
        <v>9</v>
      </c>
      <c r="AJ22309">
        <v>9</v>
      </c>
      <c r="AK22309">
        <v>9</v>
      </c>
      <c r="AL22309">
        <v>9</v>
      </c>
      <c r="AM22309">
        <v>9</v>
      </c>
      <c r="AN22309">
        <v>9</v>
      </c>
      <c r="AO22309">
        <v>9</v>
      </c>
      <c r="AP22309">
        <v>9</v>
      </c>
      <c r="AQ22309">
        <v>9</v>
      </c>
    </row>
    <row r="22310" spans="1:43">
      <c r="A22310" t="s">
        <v>13827</v>
      </c>
      <c r="B22310" t="s">
        <v>13828</v>
      </c>
      <c r="C22310" t="s">
        <v>13815</v>
      </c>
      <c r="D22310" t="s">
        <v>13816</v>
      </c>
      <c r="E22310" t="s">
        <v>13745</v>
      </c>
      <c r="F22310" t="s">
        <v>13746</v>
      </c>
      <c r="G22310" t="s">
        <v>10734</v>
      </c>
      <c r="H22310" t="s">
        <v>10735</v>
      </c>
      <c r="I22310" s="2">
        <v>0</v>
      </c>
      <c r="J22310" s="2">
        <v>0</v>
      </c>
      <c r="K22310" s="2">
        <v>1</v>
      </c>
      <c r="L22310" t="s">
        <v>995</v>
      </c>
      <c r="M22310" t="s">
        <v>83</v>
      </c>
      <c r="N22310" t="s">
        <v>84</v>
      </c>
      <c r="O22310" t="s">
        <v>85</v>
      </c>
      <c r="P22310" t="s">
        <v>86</v>
      </c>
      <c r="Q22310">
        <v>13</v>
      </c>
      <c r="R22310">
        <v>13</v>
      </c>
      <c r="S22310">
        <v>13</v>
      </c>
      <c r="T22310">
        <v>13</v>
      </c>
      <c r="U22310">
        <v>14</v>
      </c>
      <c r="V22310">
        <v>14</v>
      </c>
      <c r="W22310">
        <v>14</v>
      </c>
      <c r="X22310">
        <v>14</v>
      </c>
      <c r="Y22310">
        <v>14</v>
      </c>
      <c r="Z22310">
        <v>14</v>
      </c>
      <c r="AA22310">
        <v>14</v>
      </c>
      <c r="AB22310">
        <v>14</v>
      </c>
      <c r="AC22310">
        <v>14</v>
      </c>
      <c r="AD22310">
        <v>14</v>
      </c>
      <c r="AE22310">
        <v>14</v>
      </c>
      <c r="AF22310">
        <v>14</v>
      </c>
      <c r="AG22310">
        <v>14</v>
      </c>
      <c r="AH22310">
        <v>14</v>
      </c>
      <c r="AI22310">
        <v>14</v>
      </c>
      <c r="AJ22310">
        <v>14</v>
      </c>
      <c r="AK22310">
        <v>14</v>
      </c>
      <c r="AL22310">
        <v>14</v>
      </c>
      <c r="AM22310">
        <v>14</v>
      </c>
      <c r="AN22310">
        <v>14</v>
      </c>
      <c r="AO22310">
        <v>14</v>
      </c>
      <c r="AP22310">
        <v>13</v>
      </c>
      <c r="AQ22310">
        <v>13</v>
      </c>
    </row>
    <row r="22311" spans="1:43">
      <c r="A22311" t="s">
        <v>13827</v>
      </c>
      <c r="B22311" t="s">
        <v>13828</v>
      </c>
      <c r="C22311" t="s">
        <v>13815</v>
      </c>
      <c r="D22311" t="s">
        <v>13816</v>
      </c>
      <c r="E22311" t="s">
        <v>13745</v>
      </c>
      <c r="F22311" t="s">
        <v>13746</v>
      </c>
      <c r="G22311" t="s">
        <v>10734</v>
      </c>
      <c r="H22311" t="s">
        <v>10735</v>
      </c>
      <c r="I22311" s="2">
        <v>0</v>
      </c>
      <c r="J22311" s="2">
        <v>0</v>
      </c>
      <c r="K22311" s="2">
        <v>1</v>
      </c>
      <c r="L22311" t="s">
        <v>995</v>
      </c>
      <c r="M22311" t="s">
        <v>87</v>
      </c>
      <c r="N22311" t="s">
        <v>88</v>
      </c>
      <c r="O22311" t="s">
        <v>85</v>
      </c>
      <c r="P22311" t="s">
        <v>86</v>
      </c>
      <c r="Q22311">
        <v>13</v>
      </c>
      <c r="R22311">
        <v>13</v>
      </c>
      <c r="S22311">
        <v>13</v>
      </c>
      <c r="T22311">
        <v>13</v>
      </c>
      <c r="U22311">
        <v>13</v>
      </c>
      <c r="V22311">
        <v>13</v>
      </c>
      <c r="W22311">
        <v>13</v>
      </c>
      <c r="X22311">
        <v>13</v>
      </c>
      <c r="Y22311">
        <v>13</v>
      </c>
      <c r="Z22311">
        <v>13</v>
      </c>
      <c r="AA22311">
        <v>13</v>
      </c>
      <c r="AB22311">
        <v>12</v>
      </c>
      <c r="AC22311">
        <v>12</v>
      </c>
      <c r="AD22311">
        <v>12</v>
      </c>
      <c r="AE22311">
        <v>12</v>
      </c>
      <c r="AF22311">
        <v>12</v>
      </c>
      <c r="AG22311">
        <v>12</v>
      </c>
      <c r="AH22311">
        <v>12</v>
      </c>
      <c r="AI22311">
        <v>12</v>
      </c>
      <c r="AJ22311">
        <v>12</v>
      </c>
      <c r="AK22311">
        <v>12</v>
      </c>
      <c r="AL22311">
        <v>12</v>
      </c>
      <c r="AM22311">
        <v>12</v>
      </c>
      <c r="AN22311">
        <v>12</v>
      </c>
      <c r="AO22311">
        <v>12</v>
      </c>
      <c r="AP22311">
        <v>12</v>
      </c>
      <c r="AQ22311">
        <v>12</v>
      </c>
    </row>
    <row r="22312" spans="1:43">
      <c r="A22312" t="s">
        <v>13827</v>
      </c>
      <c r="B22312" t="s">
        <v>13828</v>
      </c>
      <c r="C22312" t="s">
        <v>13815</v>
      </c>
      <c r="D22312" t="s">
        <v>13816</v>
      </c>
      <c r="E22312" t="s">
        <v>13745</v>
      </c>
      <c r="F22312" t="s">
        <v>13746</v>
      </c>
      <c r="G22312" t="s">
        <v>10734</v>
      </c>
      <c r="H22312" t="s">
        <v>10735</v>
      </c>
      <c r="I22312" s="2">
        <v>0</v>
      </c>
      <c r="J22312" s="2">
        <v>0</v>
      </c>
      <c r="K22312" s="2">
        <v>1</v>
      </c>
      <c r="L22312" t="s">
        <v>995</v>
      </c>
      <c r="M22312" t="s">
        <v>89</v>
      </c>
      <c r="N22312" t="s">
        <v>90</v>
      </c>
      <c r="O22312" t="s">
        <v>85</v>
      </c>
      <c r="P22312" t="s">
        <v>86</v>
      </c>
      <c r="Q22312">
        <v>13</v>
      </c>
      <c r="R22312">
        <v>14</v>
      </c>
      <c r="S22312">
        <v>14</v>
      </c>
      <c r="T22312">
        <v>14</v>
      </c>
      <c r="U22312">
        <v>14</v>
      </c>
      <c r="V22312">
        <v>14</v>
      </c>
      <c r="W22312">
        <v>14</v>
      </c>
      <c r="X22312">
        <v>14</v>
      </c>
      <c r="Y22312">
        <v>15</v>
      </c>
      <c r="Z22312">
        <v>15</v>
      </c>
      <c r="AA22312">
        <v>15</v>
      </c>
      <c r="AB22312">
        <v>15</v>
      </c>
      <c r="AC22312">
        <v>15</v>
      </c>
      <c r="AD22312">
        <v>15</v>
      </c>
      <c r="AE22312">
        <v>15</v>
      </c>
      <c r="AF22312">
        <v>15</v>
      </c>
      <c r="AG22312">
        <v>15</v>
      </c>
      <c r="AH22312">
        <v>14</v>
      </c>
      <c r="AI22312">
        <v>14</v>
      </c>
      <c r="AJ22312">
        <v>14</v>
      </c>
      <c r="AK22312">
        <v>14</v>
      </c>
      <c r="AL22312">
        <v>14</v>
      </c>
      <c r="AM22312">
        <v>14</v>
      </c>
      <c r="AN22312">
        <v>14</v>
      </c>
      <c r="AO22312">
        <v>14</v>
      </c>
      <c r="AP22312">
        <v>14</v>
      </c>
      <c r="AQ22312">
        <v>13</v>
      </c>
    </row>
    <row r="22313" spans="1:43">
      <c r="A22313" t="s">
        <v>13827</v>
      </c>
      <c r="B22313" t="s">
        <v>13828</v>
      </c>
      <c r="C22313" t="s">
        <v>13815</v>
      </c>
      <c r="D22313" t="s">
        <v>13816</v>
      </c>
      <c r="E22313" t="s">
        <v>13745</v>
      </c>
      <c r="F22313" t="s">
        <v>13746</v>
      </c>
      <c r="G22313" t="s">
        <v>10734</v>
      </c>
      <c r="H22313" t="s">
        <v>10735</v>
      </c>
      <c r="I22313" s="2">
        <v>0</v>
      </c>
      <c r="J22313" s="2">
        <v>0</v>
      </c>
      <c r="K22313" s="2">
        <v>1</v>
      </c>
      <c r="L22313" t="s">
        <v>995</v>
      </c>
      <c r="M22313" t="s">
        <v>83</v>
      </c>
      <c r="N22313" t="s">
        <v>91</v>
      </c>
      <c r="O22313" t="s">
        <v>85</v>
      </c>
      <c r="P22313" t="s">
        <v>86</v>
      </c>
      <c r="Q22313">
        <v>13</v>
      </c>
      <c r="R22313">
        <v>13</v>
      </c>
      <c r="S22313">
        <v>13</v>
      </c>
      <c r="T22313">
        <v>13</v>
      </c>
      <c r="U22313">
        <v>14</v>
      </c>
      <c r="V22313">
        <v>14</v>
      </c>
      <c r="W22313">
        <v>14</v>
      </c>
      <c r="X22313">
        <v>14</v>
      </c>
      <c r="Y22313">
        <v>14</v>
      </c>
      <c r="Z22313">
        <v>14</v>
      </c>
      <c r="AA22313">
        <v>14</v>
      </c>
      <c r="AB22313">
        <v>14</v>
      </c>
      <c r="AC22313">
        <v>14</v>
      </c>
      <c r="AD22313">
        <v>14</v>
      </c>
      <c r="AE22313">
        <v>14</v>
      </c>
      <c r="AF22313">
        <v>14</v>
      </c>
      <c r="AG22313">
        <v>14</v>
      </c>
      <c r="AH22313">
        <v>14</v>
      </c>
      <c r="AI22313">
        <v>14</v>
      </c>
      <c r="AJ22313">
        <v>14</v>
      </c>
      <c r="AK22313">
        <v>14</v>
      </c>
      <c r="AL22313">
        <v>14</v>
      </c>
      <c r="AM22313">
        <v>14</v>
      </c>
      <c r="AN22313">
        <v>14</v>
      </c>
      <c r="AO22313">
        <v>14</v>
      </c>
      <c r="AP22313">
        <v>13</v>
      </c>
      <c r="AQ22313">
        <v>13</v>
      </c>
    </row>
    <row r="22314" spans="1:43">
      <c r="A22314" t="s">
        <v>13829</v>
      </c>
      <c r="B22314" t="s">
        <v>13830</v>
      </c>
      <c r="C22314" t="s">
        <v>13801</v>
      </c>
      <c r="D22314" t="s">
        <v>13802</v>
      </c>
      <c r="E22314" t="s">
        <v>13745</v>
      </c>
      <c r="F22314" t="s">
        <v>13746</v>
      </c>
      <c r="G22314" t="s">
        <v>10734</v>
      </c>
      <c r="H22314" t="s">
        <v>10735</v>
      </c>
      <c r="I22314" s="2">
        <v>0</v>
      </c>
      <c r="J22314" s="2">
        <v>0</v>
      </c>
      <c r="K22314" s="2">
        <v>1</v>
      </c>
      <c r="L22314" t="s">
        <v>995</v>
      </c>
      <c r="M22314" t="s">
        <v>83</v>
      </c>
      <c r="N22314" t="s">
        <v>84</v>
      </c>
      <c r="O22314" t="s">
        <v>85</v>
      </c>
      <c r="P22314" t="s">
        <v>86</v>
      </c>
      <c r="Q22314">
        <v>19</v>
      </c>
      <c r="R22314">
        <v>19</v>
      </c>
      <c r="S22314">
        <v>19</v>
      </c>
      <c r="T22314">
        <v>19</v>
      </c>
      <c r="U22314">
        <v>19</v>
      </c>
      <c r="V22314">
        <v>19</v>
      </c>
      <c r="W22314">
        <v>19</v>
      </c>
      <c r="X22314">
        <v>19</v>
      </c>
      <c r="Y22314">
        <v>19</v>
      </c>
      <c r="Z22314">
        <v>19</v>
      </c>
      <c r="AA22314">
        <v>19</v>
      </c>
      <c r="AB22314">
        <v>19</v>
      </c>
      <c r="AC22314">
        <v>19</v>
      </c>
      <c r="AD22314">
        <v>19</v>
      </c>
      <c r="AE22314">
        <v>19</v>
      </c>
      <c r="AF22314">
        <v>19</v>
      </c>
      <c r="AG22314">
        <v>19</v>
      </c>
      <c r="AH22314">
        <v>19</v>
      </c>
      <c r="AI22314">
        <v>19</v>
      </c>
      <c r="AJ22314">
        <v>19</v>
      </c>
      <c r="AK22314">
        <v>19</v>
      </c>
      <c r="AL22314">
        <v>19</v>
      </c>
      <c r="AM22314">
        <v>19</v>
      </c>
      <c r="AN22314">
        <v>19</v>
      </c>
      <c r="AO22314">
        <v>18</v>
      </c>
      <c r="AP22314">
        <v>18</v>
      </c>
      <c r="AQ22314">
        <v>18</v>
      </c>
    </row>
    <row r="22315" spans="1:43">
      <c r="A22315" t="s">
        <v>13829</v>
      </c>
      <c r="B22315" t="s">
        <v>13830</v>
      </c>
      <c r="C22315" t="s">
        <v>13801</v>
      </c>
      <c r="D22315" t="s">
        <v>13802</v>
      </c>
      <c r="E22315" t="s">
        <v>13745</v>
      </c>
      <c r="F22315" t="s">
        <v>13746</v>
      </c>
      <c r="G22315" t="s">
        <v>10734</v>
      </c>
      <c r="H22315" t="s">
        <v>10735</v>
      </c>
      <c r="I22315" s="2">
        <v>0</v>
      </c>
      <c r="J22315" s="2">
        <v>0</v>
      </c>
      <c r="K22315" s="2">
        <v>1</v>
      </c>
      <c r="L22315" t="s">
        <v>995</v>
      </c>
      <c r="M22315" t="s">
        <v>87</v>
      </c>
      <c r="N22315" t="s">
        <v>88</v>
      </c>
      <c r="O22315" t="s">
        <v>85</v>
      </c>
      <c r="P22315" t="s">
        <v>86</v>
      </c>
      <c r="Q22315">
        <v>19</v>
      </c>
      <c r="R22315">
        <v>19</v>
      </c>
      <c r="S22315">
        <v>19</v>
      </c>
      <c r="T22315">
        <v>18</v>
      </c>
      <c r="U22315">
        <v>18</v>
      </c>
      <c r="V22315">
        <v>18</v>
      </c>
      <c r="W22315">
        <v>18</v>
      </c>
      <c r="X22315">
        <v>18</v>
      </c>
      <c r="Y22315">
        <v>18</v>
      </c>
      <c r="Z22315">
        <v>18</v>
      </c>
      <c r="AA22315">
        <v>18</v>
      </c>
      <c r="AB22315">
        <v>17</v>
      </c>
      <c r="AC22315">
        <v>17</v>
      </c>
      <c r="AD22315">
        <v>17</v>
      </c>
      <c r="AE22315">
        <v>17</v>
      </c>
      <c r="AF22315">
        <v>17</v>
      </c>
      <c r="AG22315">
        <v>17</v>
      </c>
      <c r="AH22315">
        <v>17</v>
      </c>
      <c r="AI22315">
        <v>17</v>
      </c>
      <c r="AJ22315">
        <v>17</v>
      </c>
      <c r="AK22315">
        <v>16</v>
      </c>
      <c r="AL22315">
        <v>16</v>
      </c>
      <c r="AM22315">
        <v>16</v>
      </c>
      <c r="AN22315">
        <v>16</v>
      </c>
      <c r="AO22315">
        <v>16</v>
      </c>
      <c r="AP22315">
        <v>16</v>
      </c>
      <c r="AQ22315">
        <v>16</v>
      </c>
    </row>
    <row r="22316" spans="1:43">
      <c r="A22316" t="s">
        <v>13829</v>
      </c>
      <c r="B22316" t="s">
        <v>13830</v>
      </c>
      <c r="C22316" t="s">
        <v>13801</v>
      </c>
      <c r="D22316" t="s">
        <v>13802</v>
      </c>
      <c r="E22316" t="s">
        <v>13745</v>
      </c>
      <c r="F22316" t="s">
        <v>13746</v>
      </c>
      <c r="G22316" t="s">
        <v>10734</v>
      </c>
      <c r="H22316" t="s">
        <v>10735</v>
      </c>
      <c r="I22316" s="2">
        <v>0</v>
      </c>
      <c r="J22316" s="2">
        <v>0</v>
      </c>
      <c r="K22316" s="2">
        <v>1</v>
      </c>
      <c r="L22316" t="s">
        <v>995</v>
      </c>
      <c r="M22316" t="s">
        <v>89</v>
      </c>
      <c r="N22316" t="s">
        <v>90</v>
      </c>
      <c r="O22316" t="s">
        <v>85</v>
      </c>
      <c r="P22316" t="s">
        <v>86</v>
      </c>
      <c r="Q22316">
        <v>19</v>
      </c>
      <c r="R22316">
        <v>19</v>
      </c>
      <c r="S22316">
        <v>20</v>
      </c>
      <c r="T22316">
        <v>20</v>
      </c>
      <c r="U22316">
        <v>20</v>
      </c>
      <c r="V22316">
        <v>20</v>
      </c>
      <c r="W22316">
        <v>20</v>
      </c>
      <c r="X22316">
        <v>20</v>
      </c>
      <c r="Y22316">
        <v>20</v>
      </c>
      <c r="Z22316">
        <v>21</v>
      </c>
      <c r="AA22316">
        <v>21</v>
      </c>
      <c r="AB22316">
        <v>21</v>
      </c>
      <c r="AC22316">
        <v>21</v>
      </c>
      <c r="AD22316">
        <v>21</v>
      </c>
      <c r="AE22316">
        <v>21</v>
      </c>
      <c r="AF22316">
        <v>20</v>
      </c>
      <c r="AG22316">
        <v>20</v>
      </c>
      <c r="AH22316">
        <v>20</v>
      </c>
      <c r="AI22316">
        <v>20</v>
      </c>
      <c r="AJ22316">
        <v>20</v>
      </c>
      <c r="AK22316">
        <v>19</v>
      </c>
      <c r="AL22316">
        <v>19</v>
      </c>
      <c r="AM22316">
        <v>19</v>
      </c>
      <c r="AN22316">
        <v>19</v>
      </c>
      <c r="AO22316">
        <v>19</v>
      </c>
      <c r="AP22316">
        <v>18</v>
      </c>
      <c r="AQ22316">
        <v>18</v>
      </c>
    </row>
    <row r="22317" spans="1:43">
      <c r="A22317" t="s">
        <v>13829</v>
      </c>
      <c r="B22317" t="s">
        <v>13830</v>
      </c>
      <c r="C22317" t="s">
        <v>13801</v>
      </c>
      <c r="D22317" t="s">
        <v>13802</v>
      </c>
      <c r="E22317" t="s">
        <v>13745</v>
      </c>
      <c r="F22317" t="s">
        <v>13746</v>
      </c>
      <c r="G22317" t="s">
        <v>10734</v>
      </c>
      <c r="H22317" t="s">
        <v>10735</v>
      </c>
      <c r="I22317" s="2">
        <v>0</v>
      </c>
      <c r="J22317" s="2">
        <v>0</v>
      </c>
      <c r="K22317" s="2">
        <v>1</v>
      </c>
      <c r="L22317" t="s">
        <v>995</v>
      </c>
      <c r="M22317" t="s">
        <v>83</v>
      </c>
      <c r="N22317" t="s">
        <v>91</v>
      </c>
      <c r="O22317" t="s">
        <v>85</v>
      </c>
      <c r="P22317" t="s">
        <v>86</v>
      </c>
      <c r="Q22317">
        <v>19</v>
      </c>
      <c r="R22317">
        <v>19</v>
      </c>
      <c r="S22317">
        <v>19</v>
      </c>
      <c r="T22317">
        <v>19</v>
      </c>
      <c r="U22317">
        <v>19</v>
      </c>
      <c r="V22317">
        <v>19</v>
      </c>
      <c r="W22317">
        <v>19</v>
      </c>
      <c r="X22317">
        <v>19</v>
      </c>
      <c r="Y22317">
        <v>19</v>
      </c>
      <c r="Z22317">
        <v>19</v>
      </c>
      <c r="AA22317">
        <v>19</v>
      </c>
      <c r="AB22317">
        <v>19</v>
      </c>
      <c r="AC22317">
        <v>19</v>
      </c>
      <c r="AD22317">
        <v>19</v>
      </c>
      <c r="AE22317">
        <v>19</v>
      </c>
      <c r="AF22317">
        <v>19</v>
      </c>
      <c r="AG22317">
        <v>19</v>
      </c>
      <c r="AH22317">
        <v>19</v>
      </c>
      <c r="AI22317">
        <v>19</v>
      </c>
      <c r="AJ22317">
        <v>19</v>
      </c>
      <c r="AK22317">
        <v>19</v>
      </c>
      <c r="AL22317">
        <v>19</v>
      </c>
      <c r="AM22317">
        <v>19</v>
      </c>
      <c r="AN22317">
        <v>19</v>
      </c>
      <c r="AO22317">
        <v>18</v>
      </c>
      <c r="AP22317">
        <v>18</v>
      </c>
      <c r="AQ22317">
        <v>18</v>
      </c>
    </row>
    <row r="22318" spans="1:43">
      <c r="A22318" t="s">
        <v>13831</v>
      </c>
      <c r="B22318" t="s">
        <v>13832</v>
      </c>
      <c r="C22318" t="s">
        <v>13773</v>
      </c>
      <c r="D22318" t="s">
        <v>13774</v>
      </c>
      <c r="E22318" t="s">
        <v>13745</v>
      </c>
      <c r="F22318" t="s">
        <v>13746</v>
      </c>
      <c r="G22318" t="s">
        <v>10734</v>
      </c>
      <c r="H22318" t="s">
        <v>10735</v>
      </c>
      <c r="I22318" s="2">
        <v>0</v>
      </c>
      <c r="J22318" s="2">
        <v>0</v>
      </c>
      <c r="K22318" s="2">
        <v>1</v>
      </c>
      <c r="L22318" t="s">
        <v>995</v>
      </c>
      <c r="M22318" t="s">
        <v>83</v>
      </c>
      <c r="N22318" t="s">
        <v>84</v>
      </c>
      <c r="O22318" t="s">
        <v>85</v>
      </c>
      <c r="P22318" t="s">
        <v>86</v>
      </c>
      <c r="Q22318">
        <v>11</v>
      </c>
      <c r="R22318">
        <v>11</v>
      </c>
      <c r="S22318">
        <v>11</v>
      </c>
      <c r="T22318">
        <v>11</v>
      </c>
      <c r="U22318">
        <v>11</v>
      </c>
      <c r="V22318">
        <v>11</v>
      </c>
      <c r="W22318">
        <v>11</v>
      </c>
      <c r="X22318">
        <v>11</v>
      </c>
      <c r="Y22318">
        <v>11</v>
      </c>
      <c r="Z22318">
        <v>11</v>
      </c>
      <c r="AA22318">
        <v>11</v>
      </c>
      <c r="AB22318">
        <v>12</v>
      </c>
      <c r="AC22318">
        <v>11</v>
      </c>
      <c r="AD22318">
        <v>11</v>
      </c>
      <c r="AE22318">
        <v>11</v>
      </c>
      <c r="AF22318">
        <v>11</v>
      </c>
      <c r="AG22318">
        <v>11</v>
      </c>
      <c r="AH22318">
        <v>11</v>
      </c>
      <c r="AI22318">
        <v>11</v>
      </c>
      <c r="AJ22318">
        <v>11</v>
      </c>
      <c r="AK22318">
        <v>11</v>
      </c>
      <c r="AL22318">
        <v>11</v>
      </c>
      <c r="AM22318">
        <v>11</v>
      </c>
      <c r="AN22318">
        <v>11</v>
      </c>
      <c r="AO22318">
        <v>11</v>
      </c>
      <c r="AP22318">
        <v>11</v>
      </c>
      <c r="AQ22318">
        <v>11</v>
      </c>
    </row>
    <row r="22319" spans="1:43">
      <c r="A22319" t="s">
        <v>13831</v>
      </c>
      <c r="B22319" t="s">
        <v>13832</v>
      </c>
      <c r="C22319" t="s">
        <v>13773</v>
      </c>
      <c r="D22319" t="s">
        <v>13774</v>
      </c>
      <c r="E22319" t="s">
        <v>13745</v>
      </c>
      <c r="F22319" t="s">
        <v>13746</v>
      </c>
      <c r="G22319" t="s">
        <v>10734</v>
      </c>
      <c r="H22319" t="s">
        <v>10735</v>
      </c>
      <c r="I22319" s="2">
        <v>0</v>
      </c>
      <c r="J22319" s="2">
        <v>0</v>
      </c>
      <c r="K22319" s="2">
        <v>1</v>
      </c>
      <c r="L22319" t="s">
        <v>995</v>
      </c>
      <c r="M22319" t="s">
        <v>87</v>
      </c>
      <c r="N22319" t="s">
        <v>88</v>
      </c>
      <c r="O22319" t="s">
        <v>85</v>
      </c>
      <c r="P22319" t="s">
        <v>86</v>
      </c>
      <c r="Q22319">
        <v>11</v>
      </c>
      <c r="R22319">
        <v>11</v>
      </c>
      <c r="S22319">
        <v>11</v>
      </c>
      <c r="T22319">
        <v>11</v>
      </c>
      <c r="U22319">
        <v>11</v>
      </c>
      <c r="V22319">
        <v>11</v>
      </c>
      <c r="W22319">
        <v>11</v>
      </c>
      <c r="X22319">
        <v>11</v>
      </c>
      <c r="Y22319">
        <v>11</v>
      </c>
      <c r="Z22319">
        <v>11</v>
      </c>
      <c r="AA22319">
        <v>10</v>
      </c>
      <c r="AB22319">
        <v>10</v>
      </c>
      <c r="AC22319">
        <v>10</v>
      </c>
      <c r="AD22319">
        <v>10</v>
      </c>
      <c r="AE22319">
        <v>10</v>
      </c>
      <c r="AF22319">
        <v>10</v>
      </c>
      <c r="AG22319">
        <v>10</v>
      </c>
      <c r="AH22319">
        <v>10</v>
      </c>
      <c r="AI22319">
        <v>10</v>
      </c>
      <c r="AJ22319">
        <v>10</v>
      </c>
      <c r="AK22319">
        <v>10</v>
      </c>
      <c r="AL22319">
        <v>10</v>
      </c>
      <c r="AM22319">
        <v>10</v>
      </c>
      <c r="AN22319">
        <v>10</v>
      </c>
      <c r="AO22319">
        <v>10</v>
      </c>
      <c r="AP22319">
        <v>10</v>
      </c>
      <c r="AQ22319">
        <v>10</v>
      </c>
    </row>
    <row r="22320" spans="1:43">
      <c r="A22320" t="s">
        <v>13831</v>
      </c>
      <c r="B22320" t="s">
        <v>13832</v>
      </c>
      <c r="C22320" t="s">
        <v>13773</v>
      </c>
      <c r="D22320" t="s">
        <v>13774</v>
      </c>
      <c r="E22320" t="s">
        <v>13745</v>
      </c>
      <c r="F22320" t="s">
        <v>13746</v>
      </c>
      <c r="G22320" t="s">
        <v>10734</v>
      </c>
      <c r="H22320" t="s">
        <v>10735</v>
      </c>
      <c r="I22320" s="2">
        <v>0</v>
      </c>
      <c r="J22320" s="2">
        <v>0</v>
      </c>
      <c r="K22320" s="2">
        <v>1</v>
      </c>
      <c r="L22320" t="s">
        <v>995</v>
      </c>
      <c r="M22320" t="s">
        <v>89</v>
      </c>
      <c r="N22320" t="s">
        <v>90</v>
      </c>
      <c r="O22320" t="s">
        <v>85</v>
      </c>
      <c r="P22320" t="s">
        <v>86</v>
      </c>
      <c r="Q22320">
        <v>11</v>
      </c>
      <c r="R22320">
        <v>11</v>
      </c>
      <c r="S22320">
        <v>11</v>
      </c>
      <c r="T22320">
        <v>12</v>
      </c>
      <c r="U22320">
        <v>12</v>
      </c>
      <c r="V22320">
        <v>12</v>
      </c>
      <c r="W22320">
        <v>12</v>
      </c>
      <c r="X22320">
        <v>12</v>
      </c>
      <c r="Y22320">
        <v>12</v>
      </c>
      <c r="Z22320">
        <v>12</v>
      </c>
      <c r="AA22320">
        <v>12</v>
      </c>
      <c r="AB22320">
        <v>12</v>
      </c>
      <c r="AC22320">
        <v>12</v>
      </c>
      <c r="AD22320">
        <v>12</v>
      </c>
      <c r="AE22320">
        <v>12</v>
      </c>
      <c r="AF22320">
        <v>12</v>
      </c>
      <c r="AG22320">
        <v>12</v>
      </c>
      <c r="AH22320">
        <v>12</v>
      </c>
      <c r="AI22320">
        <v>12</v>
      </c>
      <c r="AJ22320">
        <v>12</v>
      </c>
      <c r="AK22320">
        <v>12</v>
      </c>
      <c r="AL22320">
        <v>11</v>
      </c>
      <c r="AM22320">
        <v>11</v>
      </c>
      <c r="AN22320">
        <v>11</v>
      </c>
      <c r="AO22320">
        <v>11</v>
      </c>
      <c r="AP22320">
        <v>11</v>
      </c>
      <c r="AQ22320">
        <v>11</v>
      </c>
    </row>
    <row r="22321" spans="1:43">
      <c r="A22321" t="s">
        <v>13831</v>
      </c>
      <c r="B22321" t="s">
        <v>13832</v>
      </c>
      <c r="C22321" t="s">
        <v>13773</v>
      </c>
      <c r="D22321" t="s">
        <v>13774</v>
      </c>
      <c r="E22321" t="s">
        <v>13745</v>
      </c>
      <c r="F22321" t="s">
        <v>13746</v>
      </c>
      <c r="G22321" t="s">
        <v>10734</v>
      </c>
      <c r="H22321" t="s">
        <v>10735</v>
      </c>
      <c r="I22321" s="2">
        <v>0</v>
      </c>
      <c r="J22321" s="2">
        <v>0</v>
      </c>
      <c r="K22321" s="2">
        <v>1</v>
      </c>
      <c r="L22321" t="s">
        <v>995</v>
      </c>
      <c r="M22321" t="s">
        <v>83</v>
      </c>
      <c r="N22321" t="s">
        <v>91</v>
      </c>
      <c r="O22321" t="s">
        <v>85</v>
      </c>
      <c r="P22321" t="s">
        <v>86</v>
      </c>
      <c r="Q22321">
        <v>11</v>
      </c>
      <c r="R22321">
        <v>11</v>
      </c>
      <c r="S22321">
        <v>11</v>
      </c>
      <c r="T22321">
        <v>11</v>
      </c>
      <c r="U22321">
        <v>11</v>
      </c>
      <c r="V22321">
        <v>11</v>
      </c>
      <c r="W22321">
        <v>11</v>
      </c>
      <c r="X22321">
        <v>11</v>
      </c>
      <c r="Y22321">
        <v>11</v>
      </c>
      <c r="Z22321">
        <v>11</v>
      </c>
      <c r="AA22321">
        <v>11</v>
      </c>
      <c r="AB22321">
        <v>12</v>
      </c>
      <c r="AC22321">
        <v>11</v>
      </c>
      <c r="AD22321">
        <v>11</v>
      </c>
      <c r="AE22321">
        <v>11</v>
      </c>
      <c r="AF22321">
        <v>11</v>
      </c>
      <c r="AG22321">
        <v>11</v>
      </c>
      <c r="AH22321">
        <v>11</v>
      </c>
      <c r="AI22321">
        <v>11</v>
      </c>
      <c r="AJ22321">
        <v>11</v>
      </c>
      <c r="AK22321">
        <v>11</v>
      </c>
      <c r="AL22321">
        <v>11</v>
      </c>
      <c r="AM22321">
        <v>11</v>
      </c>
      <c r="AN22321">
        <v>11</v>
      </c>
      <c r="AO22321">
        <v>11</v>
      </c>
      <c r="AP22321">
        <v>11</v>
      </c>
      <c r="AQ22321">
        <v>11</v>
      </c>
    </row>
    <row r="22322" spans="1:43">
      <c r="A22322" t="s">
        <v>13833</v>
      </c>
      <c r="B22322" t="s">
        <v>13834</v>
      </c>
      <c r="C22322" t="s">
        <v>13821</v>
      </c>
      <c r="D22322" t="s">
        <v>13822</v>
      </c>
      <c r="E22322" t="s">
        <v>13745</v>
      </c>
      <c r="F22322" t="s">
        <v>13746</v>
      </c>
      <c r="G22322" t="s">
        <v>10734</v>
      </c>
      <c r="H22322" t="s">
        <v>10735</v>
      </c>
      <c r="I22322" s="2">
        <v>0</v>
      </c>
      <c r="J22322" s="2">
        <v>0</v>
      </c>
      <c r="K22322" s="2">
        <v>1</v>
      </c>
      <c r="L22322" t="s">
        <v>995</v>
      </c>
      <c r="M22322" t="s">
        <v>83</v>
      </c>
      <c r="N22322" t="s">
        <v>84</v>
      </c>
      <c r="O22322" t="s">
        <v>85</v>
      </c>
      <c r="P22322" t="s">
        <v>86</v>
      </c>
      <c r="Q22322">
        <v>12</v>
      </c>
      <c r="R22322">
        <v>12</v>
      </c>
      <c r="S22322">
        <v>12</v>
      </c>
      <c r="T22322">
        <v>12</v>
      </c>
      <c r="U22322">
        <v>12</v>
      </c>
      <c r="V22322">
        <v>12</v>
      </c>
      <c r="W22322">
        <v>12</v>
      </c>
      <c r="X22322">
        <v>12</v>
      </c>
      <c r="Y22322">
        <v>12</v>
      </c>
      <c r="Z22322">
        <v>12</v>
      </c>
      <c r="AA22322">
        <v>12</v>
      </c>
      <c r="AB22322">
        <v>12</v>
      </c>
      <c r="AC22322">
        <v>12</v>
      </c>
      <c r="AD22322">
        <v>12</v>
      </c>
      <c r="AE22322">
        <v>12</v>
      </c>
      <c r="AF22322">
        <v>12</v>
      </c>
      <c r="AG22322">
        <v>12</v>
      </c>
      <c r="AH22322">
        <v>12</v>
      </c>
      <c r="AI22322">
        <v>12</v>
      </c>
      <c r="AJ22322">
        <v>12</v>
      </c>
      <c r="AK22322">
        <v>12</v>
      </c>
      <c r="AL22322">
        <v>12</v>
      </c>
      <c r="AM22322">
        <v>12</v>
      </c>
      <c r="AN22322">
        <v>12</v>
      </c>
      <c r="AO22322">
        <v>12</v>
      </c>
      <c r="AP22322">
        <v>12</v>
      </c>
      <c r="AQ22322">
        <v>11</v>
      </c>
    </row>
    <row r="22323" spans="1:43">
      <c r="A22323" t="s">
        <v>13833</v>
      </c>
      <c r="B22323" t="s">
        <v>13834</v>
      </c>
      <c r="C22323" t="s">
        <v>13821</v>
      </c>
      <c r="D22323" t="s">
        <v>13822</v>
      </c>
      <c r="E22323" t="s">
        <v>13745</v>
      </c>
      <c r="F22323" t="s">
        <v>13746</v>
      </c>
      <c r="G22323" t="s">
        <v>10734</v>
      </c>
      <c r="H22323" t="s">
        <v>10735</v>
      </c>
      <c r="I22323" s="2">
        <v>0</v>
      </c>
      <c r="J22323" s="2">
        <v>0</v>
      </c>
      <c r="K22323" s="2">
        <v>1</v>
      </c>
      <c r="L22323" t="s">
        <v>995</v>
      </c>
      <c r="M22323" t="s">
        <v>87</v>
      </c>
      <c r="N22323" t="s">
        <v>88</v>
      </c>
      <c r="O22323" t="s">
        <v>85</v>
      </c>
      <c r="P22323" t="s">
        <v>86</v>
      </c>
      <c r="Q22323">
        <v>12</v>
      </c>
      <c r="R22323">
        <v>11</v>
      </c>
      <c r="S22323">
        <v>11</v>
      </c>
      <c r="T22323">
        <v>11</v>
      </c>
      <c r="U22323">
        <v>11</v>
      </c>
      <c r="V22323">
        <v>11</v>
      </c>
      <c r="W22323">
        <v>11</v>
      </c>
      <c r="X22323">
        <v>11</v>
      </c>
      <c r="Y22323">
        <v>11</v>
      </c>
      <c r="Z22323">
        <v>11</v>
      </c>
      <c r="AA22323">
        <v>11</v>
      </c>
      <c r="AB22323">
        <v>11</v>
      </c>
      <c r="AC22323">
        <v>11</v>
      </c>
      <c r="AD22323">
        <v>11</v>
      </c>
      <c r="AE22323">
        <v>11</v>
      </c>
      <c r="AF22323">
        <v>11</v>
      </c>
      <c r="AG22323">
        <v>10</v>
      </c>
      <c r="AH22323">
        <v>10</v>
      </c>
      <c r="AI22323">
        <v>10</v>
      </c>
      <c r="AJ22323">
        <v>10</v>
      </c>
      <c r="AK22323">
        <v>10</v>
      </c>
      <c r="AL22323">
        <v>10</v>
      </c>
      <c r="AM22323">
        <v>10</v>
      </c>
      <c r="AN22323">
        <v>10</v>
      </c>
      <c r="AO22323">
        <v>10</v>
      </c>
      <c r="AP22323">
        <v>10</v>
      </c>
      <c r="AQ22323">
        <v>10</v>
      </c>
    </row>
    <row r="22324" spans="1:43">
      <c r="A22324" t="s">
        <v>13833</v>
      </c>
      <c r="B22324" t="s">
        <v>13834</v>
      </c>
      <c r="C22324" t="s">
        <v>13821</v>
      </c>
      <c r="D22324" t="s">
        <v>13822</v>
      </c>
      <c r="E22324" t="s">
        <v>13745</v>
      </c>
      <c r="F22324" t="s">
        <v>13746</v>
      </c>
      <c r="G22324" t="s">
        <v>10734</v>
      </c>
      <c r="H22324" t="s">
        <v>10735</v>
      </c>
      <c r="I22324" s="2">
        <v>0</v>
      </c>
      <c r="J22324" s="2">
        <v>0</v>
      </c>
      <c r="K22324" s="2">
        <v>1</v>
      </c>
      <c r="L22324" t="s">
        <v>995</v>
      </c>
      <c r="M22324" t="s">
        <v>89</v>
      </c>
      <c r="N22324" t="s">
        <v>90</v>
      </c>
      <c r="O22324" t="s">
        <v>85</v>
      </c>
      <c r="P22324" t="s">
        <v>86</v>
      </c>
      <c r="Q22324">
        <v>12</v>
      </c>
      <c r="R22324">
        <v>12</v>
      </c>
      <c r="S22324">
        <v>12</v>
      </c>
      <c r="T22324">
        <v>12</v>
      </c>
      <c r="U22324">
        <v>12</v>
      </c>
      <c r="V22324">
        <v>12</v>
      </c>
      <c r="W22324">
        <v>12</v>
      </c>
      <c r="X22324">
        <v>13</v>
      </c>
      <c r="Y22324">
        <v>13</v>
      </c>
      <c r="Z22324">
        <v>13</v>
      </c>
      <c r="AA22324">
        <v>13</v>
      </c>
      <c r="AB22324">
        <v>13</v>
      </c>
      <c r="AC22324">
        <v>13</v>
      </c>
      <c r="AD22324">
        <v>13</v>
      </c>
      <c r="AE22324">
        <v>13</v>
      </c>
      <c r="AF22324">
        <v>13</v>
      </c>
      <c r="AG22324">
        <v>13</v>
      </c>
      <c r="AH22324">
        <v>13</v>
      </c>
      <c r="AI22324">
        <v>12</v>
      </c>
      <c r="AJ22324">
        <v>12</v>
      </c>
      <c r="AK22324">
        <v>12</v>
      </c>
      <c r="AL22324">
        <v>12</v>
      </c>
      <c r="AM22324">
        <v>12</v>
      </c>
      <c r="AN22324">
        <v>12</v>
      </c>
      <c r="AO22324">
        <v>12</v>
      </c>
      <c r="AP22324">
        <v>12</v>
      </c>
      <c r="AQ22324">
        <v>12</v>
      </c>
    </row>
    <row r="22325" spans="1:43">
      <c r="A22325" t="s">
        <v>13833</v>
      </c>
      <c r="B22325" t="s">
        <v>13834</v>
      </c>
      <c r="C22325" t="s">
        <v>13821</v>
      </c>
      <c r="D22325" t="s">
        <v>13822</v>
      </c>
      <c r="E22325" t="s">
        <v>13745</v>
      </c>
      <c r="F22325" t="s">
        <v>13746</v>
      </c>
      <c r="G22325" t="s">
        <v>10734</v>
      </c>
      <c r="H22325" t="s">
        <v>10735</v>
      </c>
      <c r="I22325" s="2">
        <v>0</v>
      </c>
      <c r="J22325" s="2">
        <v>0</v>
      </c>
      <c r="K22325" s="2">
        <v>1</v>
      </c>
      <c r="L22325" t="s">
        <v>995</v>
      </c>
      <c r="M22325" t="s">
        <v>83</v>
      </c>
      <c r="N22325" t="s">
        <v>91</v>
      </c>
      <c r="O22325" t="s">
        <v>85</v>
      </c>
      <c r="P22325" t="s">
        <v>86</v>
      </c>
      <c r="Q22325">
        <v>12</v>
      </c>
      <c r="R22325">
        <v>12</v>
      </c>
      <c r="S22325">
        <v>12</v>
      </c>
      <c r="T22325">
        <v>12</v>
      </c>
      <c r="U22325">
        <v>12</v>
      </c>
      <c r="V22325">
        <v>12</v>
      </c>
      <c r="W22325">
        <v>12</v>
      </c>
      <c r="X22325">
        <v>12</v>
      </c>
      <c r="Y22325">
        <v>12</v>
      </c>
      <c r="Z22325">
        <v>12</v>
      </c>
      <c r="AA22325">
        <v>12</v>
      </c>
      <c r="AB22325">
        <v>12</v>
      </c>
      <c r="AC22325">
        <v>12</v>
      </c>
      <c r="AD22325">
        <v>12</v>
      </c>
      <c r="AE22325">
        <v>12</v>
      </c>
      <c r="AF22325">
        <v>12</v>
      </c>
      <c r="AG22325">
        <v>12</v>
      </c>
      <c r="AH22325">
        <v>12</v>
      </c>
      <c r="AI22325">
        <v>12</v>
      </c>
      <c r="AJ22325">
        <v>12</v>
      </c>
      <c r="AK22325">
        <v>12</v>
      </c>
      <c r="AL22325">
        <v>12</v>
      </c>
      <c r="AM22325">
        <v>12</v>
      </c>
      <c r="AN22325">
        <v>12</v>
      </c>
      <c r="AO22325">
        <v>12</v>
      </c>
      <c r="AP22325">
        <v>12</v>
      </c>
      <c r="AQ22325">
        <v>11</v>
      </c>
    </row>
    <row r="22326" spans="1:43">
      <c r="A22326" t="s">
        <v>13835</v>
      </c>
      <c r="B22326" t="s">
        <v>13836</v>
      </c>
      <c r="C22326" t="s">
        <v>13821</v>
      </c>
      <c r="D22326" t="s">
        <v>13822</v>
      </c>
      <c r="E22326" t="s">
        <v>13745</v>
      </c>
      <c r="F22326" t="s">
        <v>13746</v>
      </c>
      <c r="G22326" t="s">
        <v>10734</v>
      </c>
      <c r="H22326" t="s">
        <v>10735</v>
      </c>
      <c r="I22326" s="2">
        <v>0</v>
      </c>
      <c r="J22326" s="2">
        <v>0</v>
      </c>
      <c r="K22326" s="2">
        <v>1</v>
      </c>
      <c r="L22326" t="s">
        <v>995</v>
      </c>
      <c r="M22326" t="s">
        <v>83</v>
      </c>
      <c r="N22326" t="s">
        <v>84</v>
      </c>
      <c r="O22326" t="s">
        <v>85</v>
      </c>
      <c r="P22326" t="s">
        <v>86</v>
      </c>
      <c r="Q22326">
        <v>24</v>
      </c>
      <c r="R22326">
        <v>24</v>
      </c>
      <c r="S22326">
        <v>24</v>
      </c>
      <c r="T22326">
        <v>25</v>
      </c>
      <c r="U22326">
        <v>25</v>
      </c>
      <c r="V22326">
        <v>25</v>
      </c>
      <c r="W22326">
        <v>25</v>
      </c>
      <c r="X22326">
        <v>25</v>
      </c>
      <c r="Y22326">
        <v>25</v>
      </c>
      <c r="Z22326">
        <v>25</v>
      </c>
      <c r="AA22326">
        <v>25</v>
      </c>
      <c r="AB22326">
        <v>25</v>
      </c>
      <c r="AC22326">
        <v>25</v>
      </c>
      <c r="AD22326">
        <v>25</v>
      </c>
      <c r="AE22326">
        <v>25</v>
      </c>
      <c r="AF22326">
        <v>25</v>
      </c>
      <c r="AG22326">
        <v>25</v>
      </c>
      <c r="AH22326">
        <v>25</v>
      </c>
      <c r="AI22326">
        <v>25</v>
      </c>
      <c r="AJ22326">
        <v>25</v>
      </c>
      <c r="AK22326">
        <v>25</v>
      </c>
      <c r="AL22326">
        <v>24</v>
      </c>
      <c r="AM22326">
        <v>24</v>
      </c>
      <c r="AN22326">
        <v>24</v>
      </c>
      <c r="AO22326">
        <v>24</v>
      </c>
      <c r="AP22326">
        <v>23</v>
      </c>
      <c r="AQ22326">
        <v>23</v>
      </c>
    </row>
    <row r="22327" spans="1:43">
      <c r="A22327" t="s">
        <v>13835</v>
      </c>
      <c r="B22327" t="s">
        <v>13836</v>
      </c>
      <c r="C22327" t="s">
        <v>13821</v>
      </c>
      <c r="D22327" t="s">
        <v>13822</v>
      </c>
      <c r="E22327" t="s">
        <v>13745</v>
      </c>
      <c r="F22327" t="s">
        <v>13746</v>
      </c>
      <c r="G22327" t="s">
        <v>10734</v>
      </c>
      <c r="H22327" t="s">
        <v>10735</v>
      </c>
      <c r="I22327" s="2">
        <v>0</v>
      </c>
      <c r="J22327" s="2">
        <v>0</v>
      </c>
      <c r="K22327" s="2">
        <v>1</v>
      </c>
      <c r="L22327" t="s">
        <v>995</v>
      </c>
      <c r="M22327" t="s">
        <v>87</v>
      </c>
      <c r="N22327" t="s">
        <v>88</v>
      </c>
      <c r="O22327" t="s">
        <v>85</v>
      </c>
      <c r="P22327" t="s">
        <v>86</v>
      </c>
      <c r="Q22327">
        <v>24</v>
      </c>
      <c r="R22327">
        <v>24</v>
      </c>
      <c r="S22327">
        <v>24</v>
      </c>
      <c r="T22327">
        <v>24</v>
      </c>
      <c r="U22327">
        <v>24</v>
      </c>
      <c r="V22327">
        <v>23</v>
      </c>
      <c r="W22327">
        <v>23</v>
      </c>
      <c r="X22327">
        <v>23</v>
      </c>
      <c r="Y22327">
        <v>23</v>
      </c>
      <c r="Z22327">
        <v>23</v>
      </c>
      <c r="AA22327">
        <v>23</v>
      </c>
      <c r="AB22327">
        <v>22</v>
      </c>
      <c r="AC22327">
        <v>22</v>
      </c>
      <c r="AD22327">
        <v>22</v>
      </c>
      <c r="AE22327">
        <v>22</v>
      </c>
      <c r="AF22327">
        <v>22</v>
      </c>
      <c r="AG22327">
        <v>22</v>
      </c>
      <c r="AH22327">
        <v>22</v>
      </c>
      <c r="AI22327">
        <v>21</v>
      </c>
      <c r="AJ22327">
        <v>21</v>
      </c>
      <c r="AK22327">
        <v>21</v>
      </c>
      <c r="AL22327">
        <v>21</v>
      </c>
      <c r="AM22327">
        <v>21</v>
      </c>
      <c r="AN22327">
        <v>21</v>
      </c>
      <c r="AO22327">
        <v>21</v>
      </c>
      <c r="AP22327">
        <v>20</v>
      </c>
      <c r="AQ22327">
        <v>20</v>
      </c>
    </row>
    <row r="22328" spans="1:43">
      <c r="A22328" t="s">
        <v>13835</v>
      </c>
      <c r="B22328" t="s">
        <v>13836</v>
      </c>
      <c r="C22328" t="s">
        <v>13821</v>
      </c>
      <c r="D22328" t="s">
        <v>13822</v>
      </c>
      <c r="E22328" t="s">
        <v>13745</v>
      </c>
      <c r="F22328" t="s">
        <v>13746</v>
      </c>
      <c r="G22328" t="s">
        <v>10734</v>
      </c>
      <c r="H22328" t="s">
        <v>10735</v>
      </c>
      <c r="I22328" s="2">
        <v>0</v>
      </c>
      <c r="J22328" s="2">
        <v>0</v>
      </c>
      <c r="K22328" s="2">
        <v>1</v>
      </c>
      <c r="L22328" t="s">
        <v>995</v>
      </c>
      <c r="M22328" t="s">
        <v>89</v>
      </c>
      <c r="N22328" t="s">
        <v>90</v>
      </c>
      <c r="O22328" t="s">
        <v>85</v>
      </c>
      <c r="P22328" t="s">
        <v>86</v>
      </c>
      <c r="Q22328">
        <v>24</v>
      </c>
      <c r="R22328">
        <v>24</v>
      </c>
      <c r="S22328">
        <v>24</v>
      </c>
      <c r="T22328">
        <v>24</v>
      </c>
      <c r="U22328">
        <v>25</v>
      </c>
      <c r="V22328">
        <v>25</v>
      </c>
      <c r="W22328">
        <v>25</v>
      </c>
      <c r="X22328">
        <v>25</v>
      </c>
      <c r="Y22328">
        <v>25</v>
      </c>
      <c r="Z22328">
        <v>25</v>
      </c>
      <c r="AA22328">
        <v>25</v>
      </c>
      <c r="AB22328">
        <v>25</v>
      </c>
      <c r="AC22328">
        <v>26</v>
      </c>
      <c r="AD22328">
        <v>26</v>
      </c>
      <c r="AE22328">
        <v>25</v>
      </c>
      <c r="AF22328">
        <v>25</v>
      </c>
      <c r="AG22328">
        <v>25</v>
      </c>
      <c r="AH22328">
        <v>25</v>
      </c>
      <c r="AI22328">
        <v>24</v>
      </c>
      <c r="AJ22328">
        <v>24</v>
      </c>
      <c r="AK22328">
        <v>24</v>
      </c>
      <c r="AL22328">
        <v>24</v>
      </c>
      <c r="AM22328">
        <v>23</v>
      </c>
      <c r="AN22328">
        <v>23</v>
      </c>
      <c r="AO22328">
        <v>23</v>
      </c>
      <c r="AP22328">
        <v>23</v>
      </c>
      <c r="AQ22328">
        <v>22</v>
      </c>
    </row>
    <row r="22329" spans="1:43">
      <c r="A22329" t="s">
        <v>13835</v>
      </c>
      <c r="B22329" t="s">
        <v>13836</v>
      </c>
      <c r="C22329" t="s">
        <v>13821</v>
      </c>
      <c r="D22329" t="s">
        <v>13822</v>
      </c>
      <c r="E22329" t="s">
        <v>13745</v>
      </c>
      <c r="F22329" t="s">
        <v>13746</v>
      </c>
      <c r="G22329" t="s">
        <v>10734</v>
      </c>
      <c r="H22329" t="s">
        <v>10735</v>
      </c>
      <c r="I22329" s="2">
        <v>0</v>
      </c>
      <c r="J22329" s="2">
        <v>0</v>
      </c>
      <c r="K22329" s="2">
        <v>1</v>
      </c>
      <c r="L22329" t="s">
        <v>995</v>
      </c>
      <c r="M22329" t="s">
        <v>83</v>
      </c>
      <c r="N22329" t="s">
        <v>91</v>
      </c>
      <c r="O22329" t="s">
        <v>85</v>
      </c>
      <c r="P22329" t="s">
        <v>86</v>
      </c>
      <c r="Q22329">
        <v>24</v>
      </c>
      <c r="R22329">
        <v>24</v>
      </c>
      <c r="S22329">
        <v>24</v>
      </c>
      <c r="T22329">
        <v>25</v>
      </c>
      <c r="U22329">
        <v>25</v>
      </c>
      <c r="V22329">
        <v>25</v>
      </c>
      <c r="W22329">
        <v>25</v>
      </c>
      <c r="X22329">
        <v>25</v>
      </c>
      <c r="Y22329">
        <v>25</v>
      </c>
      <c r="Z22329">
        <v>25</v>
      </c>
      <c r="AA22329">
        <v>25</v>
      </c>
      <c r="AB22329">
        <v>25</v>
      </c>
      <c r="AC22329">
        <v>25</v>
      </c>
      <c r="AD22329">
        <v>25</v>
      </c>
      <c r="AE22329">
        <v>25</v>
      </c>
      <c r="AF22329">
        <v>25</v>
      </c>
      <c r="AG22329">
        <v>25</v>
      </c>
      <c r="AH22329">
        <v>25</v>
      </c>
      <c r="AI22329">
        <v>25</v>
      </c>
      <c r="AJ22329">
        <v>25</v>
      </c>
      <c r="AK22329">
        <v>25</v>
      </c>
      <c r="AL22329">
        <v>24</v>
      </c>
      <c r="AM22329">
        <v>24</v>
      </c>
      <c r="AN22329">
        <v>24</v>
      </c>
      <c r="AO22329">
        <v>24</v>
      </c>
      <c r="AP22329">
        <v>23</v>
      </c>
      <c r="AQ22329">
        <v>23</v>
      </c>
    </row>
    <row r="22330" spans="1:43">
      <c r="A22330" t="s">
        <v>13837</v>
      </c>
      <c r="B22330" t="s">
        <v>13838</v>
      </c>
      <c r="C22330" t="s">
        <v>13839</v>
      </c>
      <c r="D22330" t="s">
        <v>13840</v>
      </c>
      <c r="E22330" t="s">
        <v>13745</v>
      </c>
      <c r="F22330" t="s">
        <v>13746</v>
      </c>
      <c r="G22330" t="s">
        <v>10734</v>
      </c>
      <c r="H22330" t="s">
        <v>10735</v>
      </c>
      <c r="I22330" s="2">
        <v>0</v>
      </c>
      <c r="J22330" s="2">
        <v>0</v>
      </c>
      <c r="K22330" s="2">
        <v>1</v>
      </c>
      <c r="L22330" t="s">
        <v>995</v>
      </c>
      <c r="M22330" t="s">
        <v>83</v>
      </c>
      <c r="N22330" t="s">
        <v>84</v>
      </c>
      <c r="O22330" t="s">
        <v>85</v>
      </c>
      <c r="P22330" t="s">
        <v>86</v>
      </c>
      <c r="Q22330">
        <v>13</v>
      </c>
      <c r="R22330">
        <v>13</v>
      </c>
      <c r="S22330">
        <v>13</v>
      </c>
      <c r="T22330">
        <v>14</v>
      </c>
      <c r="U22330">
        <v>14</v>
      </c>
      <c r="V22330">
        <v>14</v>
      </c>
      <c r="W22330">
        <v>14</v>
      </c>
      <c r="X22330">
        <v>14</v>
      </c>
      <c r="Y22330">
        <v>14</v>
      </c>
      <c r="Z22330">
        <v>14</v>
      </c>
      <c r="AA22330">
        <v>14</v>
      </c>
      <c r="AB22330">
        <v>14</v>
      </c>
      <c r="AC22330">
        <v>14</v>
      </c>
      <c r="AD22330">
        <v>14</v>
      </c>
      <c r="AE22330">
        <v>14</v>
      </c>
      <c r="AF22330">
        <v>14</v>
      </c>
      <c r="AG22330">
        <v>14</v>
      </c>
      <c r="AH22330">
        <v>14</v>
      </c>
      <c r="AI22330">
        <v>14</v>
      </c>
      <c r="AJ22330">
        <v>14</v>
      </c>
      <c r="AK22330">
        <v>14</v>
      </c>
      <c r="AL22330">
        <v>14</v>
      </c>
      <c r="AM22330">
        <v>14</v>
      </c>
      <c r="AN22330">
        <v>13</v>
      </c>
      <c r="AO22330">
        <v>13</v>
      </c>
      <c r="AP22330">
        <v>13</v>
      </c>
      <c r="AQ22330">
        <v>13</v>
      </c>
    </row>
    <row r="22331" spans="1:43">
      <c r="A22331" t="s">
        <v>13837</v>
      </c>
      <c r="B22331" t="s">
        <v>13838</v>
      </c>
      <c r="C22331" t="s">
        <v>13839</v>
      </c>
      <c r="D22331" t="s">
        <v>13840</v>
      </c>
      <c r="E22331" t="s">
        <v>13745</v>
      </c>
      <c r="F22331" t="s">
        <v>13746</v>
      </c>
      <c r="G22331" t="s">
        <v>10734</v>
      </c>
      <c r="H22331" t="s">
        <v>10735</v>
      </c>
      <c r="I22331" s="2">
        <v>0</v>
      </c>
      <c r="J22331" s="2">
        <v>0</v>
      </c>
      <c r="K22331" s="2">
        <v>1</v>
      </c>
      <c r="L22331" t="s">
        <v>995</v>
      </c>
      <c r="M22331" t="s">
        <v>87</v>
      </c>
      <c r="N22331" t="s">
        <v>88</v>
      </c>
      <c r="O22331" t="s">
        <v>85</v>
      </c>
      <c r="P22331" t="s">
        <v>86</v>
      </c>
      <c r="Q22331">
        <v>13</v>
      </c>
      <c r="R22331">
        <v>13</v>
      </c>
      <c r="S22331">
        <v>13</v>
      </c>
      <c r="T22331">
        <v>13</v>
      </c>
      <c r="U22331">
        <v>13</v>
      </c>
      <c r="V22331">
        <v>13</v>
      </c>
      <c r="W22331">
        <v>13</v>
      </c>
      <c r="X22331">
        <v>13</v>
      </c>
      <c r="Y22331">
        <v>13</v>
      </c>
      <c r="Z22331">
        <v>13</v>
      </c>
      <c r="AA22331">
        <v>13</v>
      </c>
      <c r="AB22331">
        <v>13</v>
      </c>
      <c r="AC22331">
        <v>13</v>
      </c>
      <c r="AD22331">
        <v>13</v>
      </c>
      <c r="AE22331">
        <v>12</v>
      </c>
      <c r="AF22331">
        <v>12</v>
      </c>
      <c r="AG22331">
        <v>12</v>
      </c>
      <c r="AH22331">
        <v>12</v>
      </c>
      <c r="AI22331">
        <v>12</v>
      </c>
      <c r="AJ22331">
        <v>12</v>
      </c>
      <c r="AK22331">
        <v>12</v>
      </c>
      <c r="AL22331">
        <v>12</v>
      </c>
      <c r="AM22331">
        <v>12</v>
      </c>
      <c r="AN22331">
        <v>12</v>
      </c>
      <c r="AO22331">
        <v>12</v>
      </c>
      <c r="AP22331">
        <v>12</v>
      </c>
      <c r="AQ22331">
        <v>12</v>
      </c>
    </row>
    <row r="22332" spans="1:43">
      <c r="A22332" t="s">
        <v>13837</v>
      </c>
      <c r="B22332" t="s">
        <v>13838</v>
      </c>
      <c r="C22332" t="s">
        <v>13839</v>
      </c>
      <c r="D22332" t="s">
        <v>13840</v>
      </c>
      <c r="E22332" t="s">
        <v>13745</v>
      </c>
      <c r="F22332" t="s">
        <v>13746</v>
      </c>
      <c r="G22332" t="s">
        <v>10734</v>
      </c>
      <c r="H22332" t="s">
        <v>10735</v>
      </c>
      <c r="I22332" s="2">
        <v>0</v>
      </c>
      <c r="J22332" s="2">
        <v>0</v>
      </c>
      <c r="K22332" s="2">
        <v>1</v>
      </c>
      <c r="L22332" t="s">
        <v>995</v>
      </c>
      <c r="M22332" t="s">
        <v>89</v>
      </c>
      <c r="N22332" t="s">
        <v>90</v>
      </c>
      <c r="O22332" t="s">
        <v>85</v>
      </c>
      <c r="P22332" t="s">
        <v>86</v>
      </c>
      <c r="Q22332">
        <v>13</v>
      </c>
      <c r="R22332">
        <v>14</v>
      </c>
      <c r="S22332">
        <v>14</v>
      </c>
      <c r="T22332">
        <v>14</v>
      </c>
      <c r="U22332">
        <v>14</v>
      </c>
      <c r="V22332">
        <v>14</v>
      </c>
      <c r="W22332">
        <v>14</v>
      </c>
      <c r="X22332">
        <v>15</v>
      </c>
      <c r="Y22332">
        <v>15</v>
      </c>
      <c r="Z22332">
        <v>15</v>
      </c>
      <c r="AA22332">
        <v>15</v>
      </c>
      <c r="AB22332">
        <v>15</v>
      </c>
      <c r="AC22332">
        <v>15</v>
      </c>
      <c r="AD22332">
        <v>15</v>
      </c>
      <c r="AE22332">
        <v>15</v>
      </c>
      <c r="AF22332">
        <v>14</v>
      </c>
      <c r="AG22332">
        <v>14</v>
      </c>
      <c r="AH22332">
        <v>14</v>
      </c>
      <c r="AI22332">
        <v>14</v>
      </c>
      <c r="AJ22332">
        <v>14</v>
      </c>
      <c r="AK22332">
        <v>14</v>
      </c>
      <c r="AL22332">
        <v>14</v>
      </c>
      <c r="AM22332">
        <v>14</v>
      </c>
      <c r="AN22332">
        <v>14</v>
      </c>
      <c r="AO22332">
        <v>13</v>
      </c>
      <c r="AP22332">
        <v>13</v>
      </c>
      <c r="AQ22332">
        <v>13</v>
      </c>
    </row>
    <row r="22333" spans="1:43">
      <c r="A22333" t="s">
        <v>13837</v>
      </c>
      <c r="B22333" t="s">
        <v>13838</v>
      </c>
      <c r="C22333" t="s">
        <v>13839</v>
      </c>
      <c r="D22333" t="s">
        <v>13840</v>
      </c>
      <c r="E22333" t="s">
        <v>13745</v>
      </c>
      <c r="F22333" t="s">
        <v>13746</v>
      </c>
      <c r="G22333" t="s">
        <v>10734</v>
      </c>
      <c r="H22333" t="s">
        <v>10735</v>
      </c>
      <c r="I22333" s="2">
        <v>0</v>
      </c>
      <c r="J22333" s="2">
        <v>0</v>
      </c>
      <c r="K22333" s="2">
        <v>1</v>
      </c>
      <c r="L22333" t="s">
        <v>995</v>
      </c>
      <c r="M22333" t="s">
        <v>83</v>
      </c>
      <c r="N22333" t="s">
        <v>91</v>
      </c>
      <c r="O22333" t="s">
        <v>85</v>
      </c>
      <c r="P22333" t="s">
        <v>86</v>
      </c>
      <c r="Q22333">
        <v>13</v>
      </c>
      <c r="R22333">
        <v>13</v>
      </c>
      <c r="S22333">
        <v>13</v>
      </c>
      <c r="T22333">
        <v>14</v>
      </c>
      <c r="U22333">
        <v>14</v>
      </c>
      <c r="V22333">
        <v>14</v>
      </c>
      <c r="W22333">
        <v>14</v>
      </c>
      <c r="X22333">
        <v>14</v>
      </c>
      <c r="Y22333">
        <v>14</v>
      </c>
      <c r="Z22333">
        <v>14</v>
      </c>
      <c r="AA22333">
        <v>14</v>
      </c>
      <c r="AB22333">
        <v>14</v>
      </c>
      <c r="AC22333">
        <v>14</v>
      </c>
      <c r="AD22333">
        <v>14</v>
      </c>
      <c r="AE22333">
        <v>14</v>
      </c>
      <c r="AF22333">
        <v>14</v>
      </c>
      <c r="AG22333">
        <v>14</v>
      </c>
      <c r="AH22333">
        <v>14</v>
      </c>
      <c r="AI22333">
        <v>14</v>
      </c>
      <c r="AJ22333">
        <v>14</v>
      </c>
      <c r="AK22333">
        <v>14</v>
      </c>
      <c r="AL22333">
        <v>14</v>
      </c>
      <c r="AM22333">
        <v>14</v>
      </c>
      <c r="AN22333">
        <v>13</v>
      </c>
      <c r="AO22333">
        <v>13</v>
      </c>
      <c r="AP22333">
        <v>13</v>
      </c>
      <c r="AQ22333">
        <v>13</v>
      </c>
    </row>
    <row r="22334" spans="1:43">
      <c r="A22334" t="s">
        <v>13841</v>
      </c>
      <c r="B22334" t="s">
        <v>13842</v>
      </c>
      <c r="C22334" t="s">
        <v>13765</v>
      </c>
      <c r="D22334" t="s">
        <v>13766</v>
      </c>
      <c r="E22334" t="s">
        <v>13745</v>
      </c>
      <c r="F22334" t="s">
        <v>13746</v>
      </c>
      <c r="G22334" t="s">
        <v>10734</v>
      </c>
      <c r="H22334" t="s">
        <v>10735</v>
      </c>
      <c r="I22334" s="2">
        <v>0</v>
      </c>
      <c r="J22334" s="2">
        <v>0</v>
      </c>
      <c r="K22334" s="2">
        <v>1</v>
      </c>
      <c r="L22334" t="s">
        <v>995</v>
      </c>
      <c r="M22334" t="s">
        <v>83</v>
      </c>
      <c r="N22334" t="s">
        <v>84</v>
      </c>
      <c r="O22334" t="s">
        <v>85</v>
      </c>
      <c r="P22334" t="s">
        <v>86</v>
      </c>
      <c r="Q22334">
        <v>5</v>
      </c>
      <c r="R22334">
        <v>5</v>
      </c>
      <c r="S22334">
        <v>5</v>
      </c>
      <c r="T22334">
        <v>5</v>
      </c>
      <c r="U22334">
        <v>5</v>
      </c>
      <c r="V22334">
        <v>5</v>
      </c>
      <c r="W22334">
        <v>5</v>
      </c>
      <c r="X22334">
        <v>5</v>
      </c>
      <c r="Y22334">
        <v>5</v>
      </c>
      <c r="Z22334">
        <v>5</v>
      </c>
      <c r="AA22334">
        <v>5</v>
      </c>
      <c r="AB22334">
        <v>5</v>
      </c>
      <c r="AC22334">
        <v>5</v>
      </c>
      <c r="AD22334">
        <v>5</v>
      </c>
      <c r="AE22334">
        <v>5</v>
      </c>
      <c r="AF22334">
        <v>5</v>
      </c>
      <c r="AG22334">
        <v>5</v>
      </c>
      <c r="AH22334">
        <v>5</v>
      </c>
      <c r="AI22334">
        <v>5</v>
      </c>
      <c r="AJ22334">
        <v>5</v>
      </c>
      <c r="AK22334">
        <v>5</v>
      </c>
      <c r="AL22334">
        <v>5</v>
      </c>
      <c r="AM22334">
        <v>5</v>
      </c>
      <c r="AN22334">
        <v>5</v>
      </c>
      <c r="AO22334">
        <v>5</v>
      </c>
      <c r="AP22334">
        <v>5</v>
      </c>
      <c r="AQ22334">
        <v>5</v>
      </c>
    </row>
    <row r="22335" spans="1:43">
      <c r="A22335" t="s">
        <v>13841</v>
      </c>
      <c r="B22335" t="s">
        <v>13842</v>
      </c>
      <c r="C22335" t="s">
        <v>13765</v>
      </c>
      <c r="D22335" t="s">
        <v>13766</v>
      </c>
      <c r="E22335" t="s">
        <v>13745</v>
      </c>
      <c r="F22335" t="s">
        <v>13746</v>
      </c>
      <c r="G22335" t="s">
        <v>10734</v>
      </c>
      <c r="H22335" t="s">
        <v>10735</v>
      </c>
      <c r="I22335" s="2">
        <v>0</v>
      </c>
      <c r="J22335" s="2">
        <v>0</v>
      </c>
      <c r="K22335" s="2">
        <v>1</v>
      </c>
      <c r="L22335" t="s">
        <v>995</v>
      </c>
      <c r="M22335" t="s">
        <v>87</v>
      </c>
      <c r="N22335" t="s">
        <v>88</v>
      </c>
      <c r="O22335" t="s">
        <v>85</v>
      </c>
      <c r="P22335" t="s">
        <v>86</v>
      </c>
      <c r="Q22335">
        <v>5</v>
      </c>
      <c r="R22335">
        <v>5</v>
      </c>
      <c r="S22335">
        <v>5</v>
      </c>
      <c r="T22335">
        <v>5</v>
      </c>
      <c r="U22335">
        <v>5</v>
      </c>
      <c r="V22335">
        <v>5</v>
      </c>
      <c r="W22335">
        <v>5</v>
      </c>
      <c r="X22335">
        <v>5</v>
      </c>
      <c r="Y22335">
        <v>5</v>
      </c>
      <c r="Z22335">
        <v>4</v>
      </c>
      <c r="AA22335">
        <v>4</v>
      </c>
      <c r="AB22335">
        <v>4</v>
      </c>
      <c r="AC22335">
        <v>4</v>
      </c>
      <c r="AD22335">
        <v>4</v>
      </c>
      <c r="AE22335">
        <v>4</v>
      </c>
      <c r="AF22335">
        <v>4</v>
      </c>
      <c r="AG22335">
        <v>4</v>
      </c>
      <c r="AH22335">
        <v>4</v>
      </c>
      <c r="AI22335">
        <v>4</v>
      </c>
      <c r="AJ22335">
        <v>4</v>
      </c>
      <c r="AK22335">
        <v>4</v>
      </c>
      <c r="AL22335">
        <v>4</v>
      </c>
      <c r="AM22335">
        <v>4</v>
      </c>
      <c r="AN22335">
        <v>4</v>
      </c>
      <c r="AO22335">
        <v>4</v>
      </c>
      <c r="AP22335">
        <v>4</v>
      </c>
      <c r="AQ22335">
        <v>4</v>
      </c>
    </row>
    <row r="22336" spans="1:43">
      <c r="A22336" t="s">
        <v>13841</v>
      </c>
      <c r="B22336" t="s">
        <v>13842</v>
      </c>
      <c r="C22336" t="s">
        <v>13765</v>
      </c>
      <c r="D22336" t="s">
        <v>13766</v>
      </c>
      <c r="E22336" t="s">
        <v>13745</v>
      </c>
      <c r="F22336" t="s">
        <v>13746</v>
      </c>
      <c r="G22336" t="s">
        <v>10734</v>
      </c>
      <c r="H22336" t="s">
        <v>10735</v>
      </c>
      <c r="I22336" s="2">
        <v>0</v>
      </c>
      <c r="J22336" s="2">
        <v>0</v>
      </c>
      <c r="K22336" s="2">
        <v>1</v>
      </c>
      <c r="L22336" t="s">
        <v>995</v>
      </c>
      <c r="M22336" t="s">
        <v>89</v>
      </c>
      <c r="N22336" t="s">
        <v>90</v>
      </c>
      <c r="O22336" t="s">
        <v>85</v>
      </c>
      <c r="P22336" t="s">
        <v>86</v>
      </c>
      <c r="Q22336">
        <v>5</v>
      </c>
      <c r="R22336">
        <v>5</v>
      </c>
      <c r="S22336">
        <v>5</v>
      </c>
      <c r="T22336">
        <v>5</v>
      </c>
      <c r="U22336">
        <v>5</v>
      </c>
      <c r="V22336">
        <v>5</v>
      </c>
      <c r="W22336">
        <v>5</v>
      </c>
      <c r="X22336">
        <v>5</v>
      </c>
      <c r="Y22336">
        <v>5</v>
      </c>
      <c r="Z22336">
        <v>5</v>
      </c>
      <c r="AA22336">
        <v>5</v>
      </c>
      <c r="AB22336">
        <v>5</v>
      </c>
      <c r="AC22336">
        <v>5</v>
      </c>
      <c r="AD22336">
        <v>5</v>
      </c>
      <c r="AE22336">
        <v>5</v>
      </c>
      <c r="AF22336">
        <v>5</v>
      </c>
      <c r="AG22336">
        <v>5</v>
      </c>
      <c r="AH22336">
        <v>5</v>
      </c>
      <c r="AI22336">
        <v>5</v>
      </c>
      <c r="AJ22336">
        <v>5</v>
      </c>
      <c r="AK22336">
        <v>5</v>
      </c>
      <c r="AL22336">
        <v>5</v>
      </c>
      <c r="AM22336">
        <v>5</v>
      </c>
      <c r="AN22336">
        <v>5</v>
      </c>
      <c r="AO22336">
        <v>5</v>
      </c>
      <c r="AP22336">
        <v>5</v>
      </c>
      <c r="AQ22336">
        <v>5</v>
      </c>
    </row>
    <row r="22337" spans="1:43">
      <c r="A22337" t="s">
        <v>13841</v>
      </c>
      <c r="B22337" t="s">
        <v>13842</v>
      </c>
      <c r="C22337" t="s">
        <v>13765</v>
      </c>
      <c r="D22337" t="s">
        <v>13766</v>
      </c>
      <c r="E22337" t="s">
        <v>13745</v>
      </c>
      <c r="F22337" t="s">
        <v>13746</v>
      </c>
      <c r="G22337" t="s">
        <v>10734</v>
      </c>
      <c r="H22337" t="s">
        <v>10735</v>
      </c>
      <c r="I22337" s="2">
        <v>0</v>
      </c>
      <c r="J22337" s="2">
        <v>0</v>
      </c>
      <c r="K22337" s="2">
        <v>1</v>
      </c>
      <c r="L22337" t="s">
        <v>995</v>
      </c>
      <c r="M22337" t="s">
        <v>83</v>
      </c>
      <c r="N22337" t="s">
        <v>91</v>
      </c>
      <c r="O22337" t="s">
        <v>85</v>
      </c>
      <c r="P22337" t="s">
        <v>86</v>
      </c>
      <c r="Q22337">
        <v>5</v>
      </c>
      <c r="R22337">
        <v>5</v>
      </c>
      <c r="S22337">
        <v>5</v>
      </c>
      <c r="T22337">
        <v>5</v>
      </c>
      <c r="U22337">
        <v>5</v>
      </c>
      <c r="V22337">
        <v>5</v>
      </c>
      <c r="W22337">
        <v>5</v>
      </c>
      <c r="X22337">
        <v>5</v>
      </c>
      <c r="Y22337">
        <v>5</v>
      </c>
      <c r="Z22337">
        <v>5</v>
      </c>
      <c r="AA22337">
        <v>5</v>
      </c>
      <c r="AB22337">
        <v>5</v>
      </c>
      <c r="AC22337">
        <v>5</v>
      </c>
      <c r="AD22337">
        <v>5</v>
      </c>
      <c r="AE22337">
        <v>5</v>
      </c>
      <c r="AF22337">
        <v>5</v>
      </c>
      <c r="AG22337">
        <v>5</v>
      </c>
      <c r="AH22337">
        <v>5</v>
      </c>
      <c r="AI22337">
        <v>5</v>
      </c>
      <c r="AJ22337">
        <v>5</v>
      </c>
      <c r="AK22337">
        <v>5</v>
      </c>
      <c r="AL22337">
        <v>5</v>
      </c>
      <c r="AM22337">
        <v>5</v>
      </c>
      <c r="AN22337">
        <v>5</v>
      </c>
      <c r="AO22337">
        <v>5</v>
      </c>
      <c r="AP22337">
        <v>5</v>
      </c>
      <c r="AQ22337">
        <v>5</v>
      </c>
    </row>
    <row r="22338" spans="1:43">
      <c r="A22338" t="s">
        <v>13843</v>
      </c>
      <c r="B22338" t="s">
        <v>13844</v>
      </c>
      <c r="C22338" t="s">
        <v>13773</v>
      </c>
      <c r="D22338" t="s">
        <v>13774</v>
      </c>
      <c r="E22338" t="s">
        <v>13745</v>
      </c>
      <c r="F22338" t="s">
        <v>13746</v>
      </c>
      <c r="G22338" t="s">
        <v>10734</v>
      </c>
      <c r="H22338" t="s">
        <v>10735</v>
      </c>
      <c r="I22338" s="2">
        <v>0</v>
      </c>
      <c r="J22338" s="2">
        <v>0</v>
      </c>
      <c r="K22338" s="2">
        <v>1</v>
      </c>
      <c r="L22338" t="s">
        <v>995</v>
      </c>
      <c r="M22338" t="s">
        <v>83</v>
      </c>
      <c r="N22338" t="s">
        <v>84</v>
      </c>
      <c r="O22338" t="s">
        <v>85</v>
      </c>
      <c r="P22338" t="s">
        <v>86</v>
      </c>
      <c r="Q22338">
        <v>6</v>
      </c>
      <c r="R22338">
        <v>6</v>
      </c>
      <c r="S22338">
        <v>6</v>
      </c>
      <c r="T22338">
        <v>6</v>
      </c>
      <c r="U22338">
        <v>6</v>
      </c>
      <c r="V22338">
        <v>6</v>
      </c>
      <c r="W22338">
        <v>6</v>
      </c>
      <c r="X22338">
        <v>6</v>
      </c>
      <c r="Y22338">
        <v>6</v>
      </c>
      <c r="Z22338">
        <v>6</v>
      </c>
      <c r="AA22338">
        <v>6</v>
      </c>
      <c r="AB22338">
        <v>6</v>
      </c>
      <c r="AC22338">
        <v>6</v>
      </c>
      <c r="AD22338">
        <v>6</v>
      </c>
      <c r="AE22338">
        <v>6</v>
      </c>
      <c r="AF22338">
        <v>6</v>
      </c>
      <c r="AG22338">
        <v>6</v>
      </c>
      <c r="AH22338">
        <v>6</v>
      </c>
      <c r="AI22338">
        <v>6</v>
      </c>
      <c r="AJ22338">
        <v>6</v>
      </c>
      <c r="AK22338">
        <v>6</v>
      </c>
      <c r="AL22338">
        <v>6</v>
      </c>
      <c r="AM22338">
        <v>6</v>
      </c>
      <c r="AN22338">
        <v>6</v>
      </c>
      <c r="AO22338">
        <v>6</v>
      </c>
      <c r="AP22338">
        <v>6</v>
      </c>
      <c r="AQ22338">
        <v>6</v>
      </c>
    </row>
    <row r="22339" spans="1:43">
      <c r="A22339" t="s">
        <v>13843</v>
      </c>
      <c r="B22339" t="s">
        <v>13844</v>
      </c>
      <c r="C22339" t="s">
        <v>13773</v>
      </c>
      <c r="D22339" t="s">
        <v>13774</v>
      </c>
      <c r="E22339" t="s">
        <v>13745</v>
      </c>
      <c r="F22339" t="s">
        <v>13746</v>
      </c>
      <c r="G22339" t="s">
        <v>10734</v>
      </c>
      <c r="H22339" t="s">
        <v>10735</v>
      </c>
      <c r="I22339" s="2">
        <v>0</v>
      </c>
      <c r="J22339" s="2">
        <v>0</v>
      </c>
      <c r="K22339" s="2">
        <v>1</v>
      </c>
      <c r="L22339" t="s">
        <v>995</v>
      </c>
      <c r="M22339" t="s">
        <v>87</v>
      </c>
      <c r="N22339" t="s">
        <v>88</v>
      </c>
      <c r="O22339" t="s">
        <v>85</v>
      </c>
      <c r="P22339" t="s">
        <v>86</v>
      </c>
      <c r="Q22339">
        <v>6</v>
      </c>
      <c r="R22339">
        <v>6</v>
      </c>
      <c r="S22339">
        <v>6</v>
      </c>
      <c r="T22339">
        <v>6</v>
      </c>
      <c r="U22339">
        <v>6</v>
      </c>
      <c r="V22339">
        <v>6</v>
      </c>
      <c r="W22339">
        <v>6</v>
      </c>
      <c r="X22339">
        <v>6</v>
      </c>
      <c r="Y22339">
        <v>6</v>
      </c>
      <c r="Z22339">
        <v>6</v>
      </c>
      <c r="AA22339">
        <v>5</v>
      </c>
      <c r="AB22339">
        <v>5</v>
      </c>
      <c r="AC22339">
        <v>5</v>
      </c>
      <c r="AD22339">
        <v>5</v>
      </c>
      <c r="AE22339">
        <v>5</v>
      </c>
      <c r="AF22339">
        <v>5</v>
      </c>
      <c r="AG22339">
        <v>5</v>
      </c>
      <c r="AH22339">
        <v>5</v>
      </c>
      <c r="AI22339">
        <v>5</v>
      </c>
      <c r="AJ22339">
        <v>5</v>
      </c>
      <c r="AK22339">
        <v>5</v>
      </c>
      <c r="AL22339">
        <v>5</v>
      </c>
      <c r="AM22339">
        <v>5</v>
      </c>
      <c r="AN22339">
        <v>5</v>
      </c>
      <c r="AO22339">
        <v>5</v>
      </c>
      <c r="AP22339">
        <v>5</v>
      </c>
      <c r="AQ22339">
        <v>5</v>
      </c>
    </row>
    <row r="22340" spans="1:43">
      <c r="A22340" t="s">
        <v>13843</v>
      </c>
      <c r="B22340" t="s">
        <v>13844</v>
      </c>
      <c r="C22340" t="s">
        <v>13773</v>
      </c>
      <c r="D22340" t="s">
        <v>13774</v>
      </c>
      <c r="E22340" t="s">
        <v>13745</v>
      </c>
      <c r="F22340" t="s">
        <v>13746</v>
      </c>
      <c r="G22340" t="s">
        <v>10734</v>
      </c>
      <c r="H22340" t="s">
        <v>10735</v>
      </c>
      <c r="I22340" s="2">
        <v>0</v>
      </c>
      <c r="J22340" s="2">
        <v>0</v>
      </c>
      <c r="K22340" s="2">
        <v>1</v>
      </c>
      <c r="L22340" t="s">
        <v>995</v>
      </c>
      <c r="M22340" t="s">
        <v>89</v>
      </c>
      <c r="N22340" t="s">
        <v>90</v>
      </c>
      <c r="O22340" t="s">
        <v>85</v>
      </c>
      <c r="P22340" t="s">
        <v>86</v>
      </c>
      <c r="Q22340">
        <v>6</v>
      </c>
      <c r="R22340">
        <v>6</v>
      </c>
      <c r="S22340">
        <v>6</v>
      </c>
      <c r="T22340">
        <v>6</v>
      </c>
      <c r="U22340">
        <v>6</v>
      </c>
      <c r="V22340">
        <v>6</v>
      </c>
      <c r="W22340">
        <v>6</v>
      </c>
      <c r="X22340">
        <v>6</v>
      </c>
      <c r="Y22340">
        <v>6</v>
      </c>
      <c r="Z22340">
        <v>6</v>
      </c>
      <c r="AA22340">
        <v>6</v>
      </c>
      <c r="AB22340">
        <v>6</v>
      </c>
      <c r="AC22340">
        <v>6</v>
      </c>
      <c r="AD22340">
        <v>6</v>
      </c>
      <c r="AE22340">
        <v>6</v>
      </c>
      <c r="AF22340">
        <v>6</v>
      </c>
      <c r="AG22340">
        <v>6</v>
      </c>
      <c r="AH22340">
        <v>6</v>
      </c>
      <c r="AI22340">
        <v>6</v>
      </c>
      <c r="AJ22340">
        <v>6</v>
      </c>
      <c r="AK22340">
        <v>6</v>
      </c>
      <c r="AL22340">
        <v>6</v>
      </c>
      <c r="AM22340">
        <v>6</v>
      </c>
      <c r="AN22340">
        <v>6</v>
      </c>
      <c r="AO22340">
        <v>6</v>
      </c>
      <c r="AP22340">
        <v>6</v>
      </c>
      <c r="AQ22340">
        <v>6</v>
      </c>
    </row>
    <row r="22341" spans="1:43">
      <c r="A22341" t="s">
        <v>13843</v>
      </c>
      <c r="B22341" t="s">
        <v>13844</v>
      </c>
      <c r="C22341" t="s">
        <v>13773</v>
      </c>
      <c r="D22341" t="s">
        <v>13774</v>
      </c>
      <c r="E22341" t="s">
        <v>13745</v>
      </c>
      <c r="F22341" t="s">
        <v>13746</v>
      </c>
      <c r="G22341" t="s">
        <v>10734</v>
      </c>
      <c r="H22341" t="s">
        <v>10735</v>
      </c>
      <c r="I22341" s="2">
        <v>0</v>
      </c>
      <c r="J22341" s="2">
        <v>0</v>
      </c>
      <c r="K22341" s="2">
        <v>1</v>
      </c>
      <c r="L22341" t="s">
        <v>995</v>
      </c>
      <c r="M22341" t="s">
        <v>83</v>
      </c>
      <c r="N22341" t="s">
        <v>91</v>
      </c>
      <c r="O22341" t="s">
        <v>85</v>
      </c>
      <c r="P22341" t="s">
        <v>86</v>
      </c>
      <c r="Q22341">
        <v>6</v>
      </c>
      <c r="R22341">
        <v>6</v>
      </c>
      <c r="S22341">
        <v>6</v>
      </c>
      <c r="T22341">
        <v>6</v>
      </c>
      <c r="U22341">
        <v>6</v>
      </c>
      <c r="V22341">
        <v>6</v>
      </c>
      <c r="W22341">
        <v>6</v>
      </c>
      <c r="X22341">
        <v>6</v>
      </c>
      <c r="Y22341">
        <v>6</v>
      </c>
      <c r="Z22341">
        <v>6</v>
      </c>
      <c r="AA22341">
        <v>6</v>
      </c>
      <c r="AB22341">
        <v>6</v>
      </c>
      <c r="AC22341">
        <v>6</v>
      </c>
      <c r="AD22341">
        <v>6</v>
      </c>
      <c r="AE22341">
        <v>6</v>
      </c>
      <c r="AF22341">
        <v>6</v>
      </c>
      <c r="AG22341">
        <v>6</v>
      </c>
      <c r="AH22341">
        <v>6</v>
      </c>
      <c r="AI22341">
        <v>6</v>
      </c>
      <c r="AJ22341">
        <v>6</v>
      </c>
      <c r="AK22341">
        <v>6</v>
      </c>
      <c r="AL22341">
        <v>6</v>
      </c>
      <c r="AM22341">
        <v>6</v>
      </c>
      <c r="AN22341">
        <v>6</v>
      </c>
      <c r="AO22341">
        <v>6</v>
      </c>
      <c r="AP22341">
        <v>6</v>
      </c>
      <c r="AQ22341">
        <v>6</v>
      </c>
    </row>
    <row r="22342" spans="1:43">
      <c r="A22342" t="s">
        <v>13845</v>
      </c>
      <c r="B22342" t="s">
        <v>13846</v>
      </c>
      <c r="C22342" t="s">
        <v>13753</v>
      </c>
      <c r="D22342" t="s">
        <v>13754</v>
      </c>
      <c r="E22342" t="s">
        <v>13745</v>
      </c>
      <c r="F22342" t="s">
        <v>13746</v>
      </c>
      <c r="G22342" t="s">
        <v>10734</v>
      </c>
      <c r="H22342" t="s">
        <v>10735</v>
      </c>
      <c r="I22342" s="2">
        <v>0</v>
      </c>
      <c r="J22342" s="2">
        <v>0</v>
      </c>
      <c r="K22342" s="2">
        <v>1</v>
      </c>
      <c r="L22342" t="s">
        <v>995</v>
      </c>
      <c r="M22342" t="s">
        <v>83</v>
      </c>
      <c r="N22342" t="s">
        <v>84</v>
      </c>
      <c r="O22342" t="s">
        <v>85</v>
      </c>
      <c r="P22342" t="s">
        <v>86</v>
      </c>
      <c r="Q22342">
        <v>69</v>
      </c>
      <c r="R22342">
        <v>70</v>
      </c>
      <c r="S22342">
        <v>70</v>
      </c>
      <c r="T22342">
        <v>70</v>
      </c>
      <c r="U22342">
        <v>71</v>
      </c>
      <c r="V22342">
        <v>71</v>
      </c>
      <c r="W22342">
        <v>71</v>
      </c>
      <c r="X22342">
        <v>71</v>
      </c>
      <c r="Y22342">
        <v>72</v>
      </c>
      <c r="Z22342">
        <v>72</v>
      </c>
      <c r="AA22342">
        <v>72</v>
      </c>
      <c r="AB22342">
        <v>73</v>
      </c>
      <c r="AC22342">
        <v>73</v>
      </c>
      <c r="AD22342">
        <v>73</v>
      </c>
      <c r="AE22342">
        <v>73</v>
      </c>
      <c r="AF22342">
        <v>73</v>
      </c>
      <c r="AG22342">
        <v>74</v>
      </c>
      <c r="AH22342">
        <v>74</v>
      </c>
      <c r="AI22342">
        <v>74</v>
      </c>
      <c r="AJ22342">
        <v>74</v>
      </c>
      <c r="AK22342">
        <v>74</v>
      </c>
      <c r="AL22342">
        <v>74</v>
      </c>
      <c r="AM22342">
        <v>74</v>
      </c>
      <c r="AN22342">
        <v>73</v>
      </c>
      <c r="AO22342">
        <v>73</v>
      </c>
      <c r="AP22342">
        <v>73</v>
      </c>
      <c r="AQ22342">
        <v>72</v>
      </c>
    </row>
    <row r="22343" spans="1:43">
      <c r="A22343" t="s">
        <v>13845</v>
      </c>
      <c r="B22343" t="s">
        <v>13846</v>
      </c>
      <c r="C22343" t="s">
        <v>13753</v>
      </c>
      <c r="D22343" t="s">
        <v>13754</v>
      </c>
      <c r="E22343" t="s">
        <v>13745</v>
      </c>
      <c r="F22343" t="s">
        <v>13746</v>
      </c>
      <c r="G22343" t="s">
        <v>10734</v>
      </c>
      <c r="H22343" t="s">
        <v>10735</v>
      </c>
      <c r="I22343" s="2">
        <v>0</v>
      </c>
      <c r="J22343" s="2">
        <v>0</v>
      </c>
      <c r="K22343" s="2">
        <v>1</v>
      </c>
      <c r="L22343" t="s">
        <v>995</v>
      </c>
      <c r="M22343" t="s">
        <v>87</v>
      </c>
      <c r="N22343" t="s">
        <v>88</v>
      </c>
      <c r="O22343" t="s">
        <v>85</v>
      </c>
      <c r="P22343" t="s">
        <v>86</v>
      </c>
      <c r="Q22343">
        <v>69</v>
      </c>
      <c r="R22343">
        <v>68</v>
      </c>
      <c r="S22343">
        <v>68</v>
      </c>
      <c r="T22343">
        <v>68</v>
      </c>
      <c r="U22343">
        <v>67</v>
      </c>
      <c r="V22343">
        <v>67</v>
      </c>
      <c r="W22343">
        <v>67</v>
      </c>
      <c r="X22343">
        <v>67</v>
      </c>
      <c r="Y22343">
        <v>66</v>
      </c>
      <c r="Z22343">
        <v>66</v>
      </c>
      <c r="AA22343">
        <v>66</v>
      </c>
      <c r="AB22343">
        <v>66</v>
      </c>
      <c r="AC22343">
        <v>65</v>
      </c>
      <c r="AD22343">
        <v>65</v>
      </c>
      <c r="AE22343">
        <v>65</v>
      </c>
      <c r="AF22343">
        <v>65</v>
      </c>
      <c r="AG22343">
        <v>64</v>
      </c>
      <c r="AH22343">
        <v>64</v>
      </c>
      <c r="AI22343">
        <v>64</v>
      </c>
      <c r="AJ22343">
        <v>64</v>
      </c>
      <c r="AK22343">
        <v>63</v>
      </c>
      <c r="AL22343">
        <v>63</v>
      </c>
      <c r="AM22343">
        <v>63</v>
      </c>
      <c r="AN22343">
        <v>63</v>
      </c>
      <c r="AO22343">
        <v>62</v>
      </c>
      <c r="AP22343">
        <v>62</v>
      </c>
      <c r="AQ22343">
        <v>62</v>
      </c>
    </row>
    <row r="22344" spans="1:43">
      <c r="A22344" t="s">
        <v>13845</v>
      </c>
      <c r="B22344" t="s">
        <v>13846</v>
      </c>
      <c r="C22344" t="s">
        <v>13753</v>
      </c>
      <c r="D22344" t="s">
        <v>13754</v>
      </c>
      <c r="E22344" t="s">
        <v>13745</v>
      </c>
      <c r="F22344" t="s">
        <v>13746</v>
      </c>
      <c r="G22344" t="s">
        <v>10734</v>
      </c>
      <c r="H22344" t="s">
        <v>10735</v>
      </c>
      <c r="I22344" s="2">
        <v>0</v>
      </c>
      <c r="J22344" s="2">
        <v>0</v>
      </c>
      <c r="K22344" s="2">
        <v>1</v>
      </c>
      <c r="L22344" t="s">
        <v>995</v>
      </c>
      <c r="M22344" t="s">
        <v>89</v>
      </c>
      <c r="N22344" t="s">
        <v>90</v>
      </c>
      <c r="O22344" t="s">
        <v>85</v>
      </c>
      <c r="P22344" t="s">
        <v>86</v>
      </c>
      <c r="Q22344">
        <v>69</v>
      </c>
      <c r="R22344">
        <v>70</v>
      </c>
      <c r="S22344">
        <v>71</v>
      </c>
      <c r="T22344">
        <v>72</v>
      </c>
      <c r="U22344">
        <v>72</v>
      </c>
      <c r="V22344">
        <v>73</v>
      </c>
      <c r="W22344">
        <v>74</v>
      </c>
      <c r="X22344">
        <v>74</v>
      </c>
      <c r="Y22344">
        <v>75</v>
      </c>
      <c r="Z22344">
        <v>76</v>
      </c>
      <c r="AA22344">
        <v>76</v>
      </c>
      <c r="AB22344">
        <v>76</v>
      </c>
      <c r="AC22344">
        <v>77</v>
      </c>
      <c r="AD22344">
        <v>77</v>
      </c>
      <c r="AE22344">
        <v>78</v>
      </c>
      <c r="AF22344">
        <v>77</v>
      </c>
      <c r="AG22344">
        <v>77</v>
      </c>
      <c r="AH22344">
        <v>76</v>
      </c>
      <c r="AI22344">
        <v>76</v>
      </c>
      <c r="AJ22344">
        <v>76</v>
      </c>
      <c r="AK22344">
        <v>75</v>
      </c>
      <c r="AL22344">
        <v>75</v>
      </c>
      <c r="AM22344">
        <v>74</v>
      </c>
      <c r="AN22344">
        <v>74</v>
      </c>
      <c r="AO22344">
        <v>74</v>
      </c>
      <c r="AP22344">
        <v>73</v>
      </c>
      <c r="AQ22344">
        <v>73</v>
      </c>
    </row>
    <row r="22345" spans="1:43">
      <c r="A22345" t="s">
        <v>13845</v>
      </c>
      <c r="B22345" t="s">
        <v>13846</v>
      </c>
      <c r="C22345" t="s">
        <v>13753</v>
      </c>
      <c r="D22345" t="s">
        <v>13754</v>
      </c>
      <c r="E22345" t="s">
        <v>13745</v>
      </c>
      <c r="F22345" t="s">
        <v>13746</v>
      </c>
      <c r="G22345" t="s">
        <v>10734</v>
      </c>
      <c r="H22345" t="s">
        <v>10735</v>
      </c>
      <c r="I22345" s="2">
        <v>0</v>
      </c>
      <c r="J22345" s="2">
        <v>0</v>
      </c>
      <c r="K22345" s="2">
        <v>1</v>
      </c>
      <c r="L22345" t="s">
        <v>995</v>
      </c>
      <c r="M22345" t="s">
        <v>83</v>
      </c>
      <c r="N22345" t="s">
        <v>91</v>
      </c>
      <c r="O22345" t="s">
        <v>85</v>
      </c>
      <c r="P22345" t="s">
        <v>86</v>
      </c>
      <c r="Q22345">
        <v>69</v>
      </c>
      <c r="R22345">
        <v>70</v>
      </c>
      <c r="S22345">
        <v>70</v>
      </c>
      <c r="T22345">
        <v>70</v>
      </c>
      <c r="U22345">
        <v>71</v>
      </c>
      <c r="V22345">
        <v>71</v>
      </c>
      <c r="W22345">
        <v>71</v>
      </c>
      <c r="X22345">
        <v>71</v>
      </c>
      <c r="Y22345">
        <v>72</v>
      </c>
      <c r="Z22345">
        <v>72</v>
      </c>
      <c r="AA22345">
        <v>72</v>
      </c>
      <c r="AB22345">
        <v>73</v>
      </c>
      <c r="AC22345">
        <v>73</v>
      </c>
      <c r="AD22345">
        <v>73</v>
      </c>
      <c r="AE22345">
        <v>73</v>
      </c>
      <c r="AF22345">
        <v>73</v>
      </c>
      <c r="AG22345">
        <v>74</v>
      </c>
      <c r="AH22345">
        <v>74</v>
      </c>
      <c r="AI22345">
        <v>74</v>
      </c>
      <c r="AJ22345">
        <v>74</v>
      </c>
      <c r="AK22345">
        <v>74</v>
      </c>
      <c r="AL22345">
        <v>74</v>
      </c>
      <c r="AM22345">
        <v>74</v>
      </c>
      <c r="AN22345">
        <v>73</v>
      </c>
      <c r="AO22345">
        <v>73</v>
      </c>
      <c r="AP22345">
        <v>73</v>
      </c>
      <c r="AQ22345">
        <v>72</v>
      </c>
    </row>
    <row r="22346" spans="1:43">
      <c r="A22346" t="s">
        <v>13847</v>
      </c>
      <c r="B22346" t="s">
        <v>13848</v>
      </c>
      <c r="C22346" t="s">
        <v>13757</v>
      </c>
      <c r="D22346" t="s">
        <v>13758</v>
      </c>
      <c r="E22346" t="s">
        <v>13745</v>
      </c>
      <c r="F22346" t="s">
        <v>13746</v>
      </c>
      <c r="G22346" t="s">
        <v>10734</v>
      </c>
      <c r="H22346" t="s">
        <v>10735</v>
      </c>
      <c r="I22346" s="2">
        <v>0</v>
      </c>
      <c r="J22346" s="2">
        <v>0</v>
      </c>
      <c r="K22346" s="2">
        <v>1</v>
      </c>
      <c r="L22346" t="s">
        <v>995</v>
      </c>
      <c r="M22346" t="s">
        <v>83</v>
      </c>
      <c r="N22346" t="s">
        <v>84</v>
      </c>
      <c r="O22346" t="s">
        <v>85</v>
      </c>
      <c r="P22346" t="s">
        <v>86</v>
      </c>
      <c r="Q22346">
        <v>33</v>
      </c>
      <c r="R22346">
        <v>33</v>
      </c>
      <c r="S22346">
        <v>34</v>
      </c>
      <c r="T22346">
        <v>34</v>
      </c>
      <c r="U22346">
        <v>34</v>
      </c>
      <c r="V22346">
        <v>34</v>
      </c>
      <c r="W22346">
        <v>34</v>
      </c>
      <c r="X22346">
        <v>34</v>
      </c>
      <c r="Y22346">
        <v>34</v>
      </c>
      <c r="Z22346">
        <v>34</v>
      </c>
      <c r="AA22346">
        <v>34</v>
      </c>
      <c r="AB22346">
        <v>34</v>
      </c>
      <c r="AC22346">
        <v>35</v>
      </c>
      <c r="AD22346">
        <v>35</v>
      </c>
      <c r="AE22346">
        <v>35</v>
      </c>
      <c r="AF22346">
        <v>35</v>
      </c>
      <c r="AG22346">
        <v>35</v>
      </c>
      <c r="AH22346">
        <v>35</v>
      </c>
      <c r="AI22346">
        <v>35</v>
      </c>
      <c r="AJ22346">
        <v>35</v>
      </c>
      <c r="AK22346">
        <v>35</v>
      </c>
      <c r="AL22346">
        <v>35</v>
      </c>
      <c r="AM22346">
        <v>35</v>
      </c>
      <c r="AN22346">
        <v>34</v>
      </c>
      <c r="AO22346">
        <v>34</v>
      </c>
      <c r="AP22346">
        <v>34</v>
      </c>
      <c r="AQ22346">
        <v>34</v>
      </c>
    </row>
    <row r="22347" spans="1:43">
      <c r="A22347" t="s">
        <v>13847</v>
      </c>
      <c r="B22347" t="s">
        <v>13848</v>
      </c>
      <c r="C22347" t="s">
        <v>13757</v>
      </c>
      <c r="D22347" t="s">
        <v>13758</v>
      </c>
      <c r="E22347" t="s">
        <v>13745</v>
      </c>
      <c r="F22347" t="s">
        <v>13746</v>
      </c>
      <c r="G22347" t="s">
        <v>10734</v>
      </c>
      <c r="H22347" t="s">
        <v>10735</v>
      </c>
      <c r="I22347" s="2">
        <v>0</v>
      </c>
      <c r="J22347" s="2">
        <v>0</v>
      </c>
      <c r="K22347" s="2">
        <v>1</v>
      </c>
      <c r="L22347" t="s">
        <v>995</v>
      </c>
      <c r="M22347" t="s">
        <v>87</v>
      </c>
      <c r="N22347" t="s">
        <v>88</v>
      </c>
      <c r="O22347" t="s">
        <v>85</v>
      </c>
      <c r="P22347" t="s">
        <v>86</v>
      </c>
      <c r="Q22347">
        <v>33</v>
      </c>
      <c r="R22347">
        <v>33</v>
      </c>
      <c r="S22347">
        <v>33</v>
      </c>
      <c r="T22347">
        <v>32</v>
      </c>
      <c r="U22347">
        <v>32</v>
      </c>
      <c r="V22347">
        <v>32</v>
      </c>
      <c r="W22347">
        <v>32</v>
      </c>
      <c r="X22347">
        <v>32</v>
      </c>
      <c r="Y22347">
        <v>32</v>
      </c>
      <c r="Z22347">
        <v>31</v>
      </c>
      <c r="AA22347">
        <v>31</v>
      </c>
      <c r="AB22347">
        <v>31</v>
      </c>
      <c r="AC22347">
        <v>31</v>
      </c>
      <c r="AD22347">
        <v>31</v>
      </c>
      <c r="AE22347">
        <v>31</v>
      </c>
      <c r="AF22347">
        <v>31</v>
      </c>
      <c r="AG22347">
        <v>30</v>
      </c>
      <c r="AH22347">
        <v>30</v>
      </c>
      <c r="AI22347">
        <v>30</v>
      </c>
      <c r="AJ22347">
        <v>30</v>
      </c>
      <c r="AK22347">
        <v>30</v>
      </c>
      <c r="AL22347">
        <v>30</v>
      </c>
      <c r="AM22347">
        <v>30</v>
      </c>
      <c r="AN22347">
        <v>29</v>
      </c>
      <c r="AO22347">
        <v>29</v>
      </c>
      <c r="AP22347">
        <v>29</v>
      </c>
      <c r="AQ22347">
        <v>29</v>
      </c>
    </row>
    <row r="22348" spans="1:43">
      <c r="A22348" t="s">
        <v>13847</v>
      </c>
      <c r="B22348" t="s">
        <v>13848</v>
      </c>
      <c r="C22348" t="s">
        <v>13757</v>
      </c>
      <c r="D22348" t="s">
        <v>13758</v>
      </c>
      <c r="E22348" t="s">
        <v>13745</v>
      </c>
      <c r="F22348" t="s">
        <v>13746</v>
      </c>
      <c r="G22348" t="s">
        <v>10734</v>
      </c>
      <c r="H22348" t="s">
        <v>10735</v>
      </c>
      <c r="I22348" s="2">
        <v>0</v>
      </c>
      <c r="J22348" s="2">
        <v>0</v>
      </c>
      <c r="K22348" s="2">
        <v>1</v>
      </c>
      <c r="L22348" t="s">
        <v>995</v>
      </c>
      <c r="M22348" t="s">
        <v>89</v>
      </c>
      <c r="N22348" t="s">
        <v>90</v>
      </c>
      <c r="O22348" t="s">
        <v>85</v>
      </c>
      <c r="P22348" t="s">
        <v>86</v>
      </c>
      <c r="Q22348">
        <v>33</v>
      </c>
      <c r="R22348">
        <v>33</v>
      </c>
      <c r="S22348">
        <v>33</v>
      </c>
      <c r="T22348">
        <v>34</v>
      </c>
      <c r="U22348">
        <v>34</v>
      </c>
      <c r="V22348">
        <v>34</v>
      </c>
      <c r="W22348">
        <v>35</v>
      </c>
      <c r="X22348">
        <v>35</v>
      </c>
      <c r="Y22348">
        <v>35</v>
      </c>
      <c r="Z22348">
        <v>35</v>
      </c>
      <c r="AA22348">
        <v>36</v>
      </c>
      <c r="AB22348">
        <v>36</v>
      </c>
      <c r="AC22348">
        <v>36</v>
      </c>
      <c r="AD22348">
        <v>36</v>
      </c>
      <c r="AE22348">
        <v>36</v>
      </c>
      <c r="AF22348">
        <v>36</v>
      </c>
      <c r="AG22348">
        <v>36</v>
      </c>
      <c r="AH22348">
        <v>35</v>
      </c>
      <c r="AI22348">
        <v>35</v>
      </c>
      <c r="AJ22348">
        <v>35</v>
      </c>
      <c r="AK22348">
        <v>35</v>
      </c>
      <c r="AL22348">
        <v>35</v>
      </c>
      <c r="AM22348">
        <v>34</v>
      </c>
      <c r="AN22348">
        <v>34</v>
      </c>
      <c r="AO22348">
        <v>34</v>
      </c>
      <c r="AP22348">
        <v>34</v>
      </c>
      <c r="AQ22348">
        <v>33</v>
      </c>
    </row>
    <row r="22349" spans="1:43">
      <c r="A22349" t="s">
        <v>13847</v>
      </c>
      <c r="B22349" t="s">
        <v>13848</v>
      </c>
      <c r="C22349" t="s">
        <v>13757</v>
      </c>
      <c r="D22349" t="s">
        <v>13758</v>
      </c>
      <c r="E22349" t="s">
        <v>13745</v>
      </c>
      <c r="F22349" t="s">
        <v>13746</v>
      </c>
      <c r="G22349" t="s">
        <v>10734</v>
      </c>
      <c r="H22349" t="s">
        <v>10735</v>
      </c>
      <c r="I22349" s="2">
        <v>0</v>
      </c>
      <c r="J22349" s="2">
        <v>0</v>
      </c>
      <c r="K22349" s="2">
        <v>1</v>
      </c>
      <c r="L22349" t="s">
        <v>995</v>
      </c>
      <c r="M22349" t="s">
        <v>83</v>
      </c>
      <c r="N22349" t="s">
        <v>91</v>
      </c>
      <c r="O22349" t="s">
        <v>85</v>
      </c>
      <c r="P22349" t="s">
        <v>86</v>
      </c>
      <c r="Q22349">
        <v>33</v>
      </c>
      <c r="R22349">
        <v>33</v>
      </c>
      <c r="S22349">
        <v>34</v>
      </c>
      <c r="T22349">
        <v>34</v>
      </c>
      <c r="U22349">
        <v>34</v>
      </c>
      <c r="V22349">
        <v>34</v>
      </c>
      <c r="W22349">
        <v>34</v>
      </c>
      <c r="X22349">
        <v>34</v>
      </c>
      <c r="Y22349">
        <v>34</v>
      </c>
      <c r="Z22349">
        <v>34</v>
      </c>
      <c r="AA22349">
        <v>34</v>
      </c>
      <c r="AB22349">
        <v>34</v>
      </c>
      <c r="AC22349">
        <v>35</v>
      </c>
      <c r="AD22349">
        <v>35</v>
      </c>
      <c r="AE22349">
        <v>35</v>
      </c>
      <c r="AF22349">
        <v>35</v>
      </c>
      <c r="AG22349">
        <v>35</v>
      </c>
      <c r="AH22349">
        <v>35</v>
      </c>
      <c r="AI22349">
        <v>35</v>
      </c>
      <c r="AJ22349">
        <v>35</v>
      </c>
      <c r="AK22349">
        <v>35</v>
      </c>
      <c r="AL22349">
        <v>35</v>
      </c>
      <c r="AM22349">
        <v>35</v>
      </c>
      <c r="AN22349">
        <v>34</v>
      </c>
      <c r="AO22349">
        <v>34</v>
      </c>
      <c r="AP22349">
        <v>34</v>
      </c>
      <c r="AQ22349">
        <v>34</v>
      </c>
    </row>
    <row r="22350" spans="1:43">
      <c r="A22350" t="s">
        <v>13849</v>
      </c>
      <c r="B22350" t="s">
        <v>13850</v>
      </c>
      <c r="C22350" t="s">
        <v>13757</v>
      </c>
      <c r="D22350" t="s">
        <v>13758</v>
      </c>
      <c r="E22350" t="s">
        <v>13745</v>
      </c>
      <c r="F22350" t="s">
        <v>13746</v>
      </c>
      <c r="G22350" t="s">
        <v>10734</v>
      </c>
      <c r="H22350" t="s">
        <v>10735</v>
      </c>
      <c r="I22350" s="2">
        <v>0</v>
      </c>
      <c r="J22350" s="2">
        <v>0</v>
      </c>
      <c r="K22350" s="2">
        <v>1</v>
      </c>
      <c r="L22350" t="s">
        <v>995</v>
      </c>
      <c r="M22350" t="s">
        <v>83</v>
      </c>
      <c r="N22350" t="s">
        <v>84</v>
      </c>
      <c r="O22350" t="s">
        <v>85</v>
      </c>
      <c r="P22350" t="s">
        <v>86</v>
      </c>
      <c r="Q22350">
        <v>10</v>
      </c>
      <c r="R22350">
        <v>10</v>
      </c>
      <c r="S22350">
        <v>10</v>
      </c>
      <c r="T22350">
        <v>10</v>
      </c>
      <c r="U22350">
        <v>10</v>
      </c>
      <c r="V22350">
        <v>10</v>
      </c>
      <c r="W22350">
        <v>10</v>
      </c>
      <c r="X22350">
        <v>10</v>
      </c>
      <c r="Y22350">
        <v>10</v>
      </c>
      <c r="Z22350">
        <v>10</v>
      </c>
      <c r="AA22350">
        <v>10</v>
      </c>
      <c r="AB22350">
        <v>10</v>
      </c>
      <c r="AC22350">
        <v>10</v>
      </c>
      <c r="AD22350">
        <v>10</v>
      </c>
      <c r="AE22350">
        <v>10</v>
      </c>
      <c r="AF22350">
        <v>10</v>
      </c>
      <c r="AG22350">
        <v>10</v>
      </c>
      <c r="AH22350">
        <v>10</v>
      </c>
      <c r="AI22350">
        <v>10</v>
      </c>
      <c r="AJ22350">
        <v>11</v>
      </c>
      <c r="AK22350">
        <v>11</v>
      </c>
      <c r="AL22350">
        <v>10</v>
      </c>
      <c r="AM22350">
        <v>10</v>
      </c>
      <c r="AN22350">
        <v>10</v>
      </c>
      <c r="AO22350">
        <v>10</v>
      </c>
      <c r="AP22350">
        <v>10</v>
      </c>
      <c r="AQ22350">
        <v>10</v>
      </c>
    </row>
    <row r="22351" spans="1:43">
      <c r="A22351" t="s">
        <v>13849</v>
      </c>
      <c r="B22351" t="s">
        <v>13850</v>
      </c>
      <c r="C22351" t="s">
        <v>13757</v>
      </c>
      <c r="D22351" t="s">
        <v>13758</v>
      </c>
      <c r="E22351" t="s">
        <v>13745</v>
      </c>
      <c r="F22351" t="s">
        <v>13746</v>
      </c>
      <c r="G22351" t="s">
        <v>10734</v>
      </c>
      <c r="H22351" t="s">
        <v>10735</v>
      </c>
      <c r="I22351" s="2">
        <v>0</v>
      </c>
      <c r="J22351" s="2">
        <v>0</v>
      </c>
      <c r="K22351" s="2">
        <v>1</v>
      </c>
      <c r="L22351" t="s">
        <v>995</v>
      </c>
      <c r="M22351" t="s">
        <v>87</v>
      </c>
      <c r="N22351" t="s">
        <v>88</v>
      </c>
      <c r="O22351" t="s">
        <v>85</v>
      </c>
      <c r="P22351" t="s">
        <v>86</v>
      </c>
      <c r="Q22351">
        <v>10</v>
      </c>
      <c r="R22351">
        <v>10</v>
      </c>
      <c r="S22351">
        <v>10</v>
      </c>
      <c r="T22351">
        <v>10</v>
      </c>
      <c r="U22351">
        <v>10</v>
      </c>
      <c r="V22351">
        <v>10</v>
      </c>
      <c r="W22351">
        <v>10</v>
      </c>
      <c r="X22351">
        <v>10</v>
      </c>
      <c r="Y22351">
        <v>10</v>
      </c>
      <c r="Z22351">
        <v>9</v>
      </c>
      <c r="AA22351">
        <v>9</v>
      </c>
      <c r="AB22351">
        <v>9</v>
      </c>
      <c r="AC22351">
        <v>9</v>
      </c>
      <c r="AD22351">
        <v>9</v>
      </c>
      <c r="AE22351">
        <v>9</v>
      </c>
      <c r="AF22351">
        <v>9</v>
      </c>
      <c r="AG22351">
        <v>9</v>
      </c>
      <c r="AH22351">
        <v>9</v>
      </c>
      <c r="AI22351">
        <v>9</v>
      </c>
      <c r="AJ22351">
        <v>9</v>
      </c>
      <c r="AK22351">
        <v>9</v>
      </c>
      <c r="AL22351">
        <v>9</v>
      </c>
      <c r="AM22351">
        <v>9</v>
      </c>
      <c r="AN22351">
        <v>9</v>
      </c>
      <c r="AO22351">
        <v>9</v>
      </c>
      <c r="AP22351">
        <v>9</v>
      </c>
      <c r="AQ22351">
        <v>9</v>
      </c>
    </row>
    <row r="22352" spans="1:43">
      <c r="A22352" t="s">
        <v>13849</v>
      </c>
      <c r="B22352" t="s">
        <v>13850</v>
      </c>
      <c r="C22352" t="s">
        <v>13757</v>
      </c>
      <c r="D22352" t="s">
        <v>13758</v>
      </c>
      <c r="E22352" t="s">
        <v>13745</v>
      </c>
      <c r="F22352" t="s">
        <v>13746</v>
      </c>
      <c r="G22352" t="s">
        <v>10734</v>
      </c>
      <c r="H22352" t="s">
        <v>10735</v>
      </c>
      <c r="I22352" s="2">
        <v>0</v>
      </c>
      <c r="J22352" s="2">
        <v>0</v>
      </c>
      <c r="K22352" s="2">
        <v>1</v>
      </c>
      <c r="L22352" t="s">
        <v>995</v>
      </c>
      <c r="M22352" t="s">
        <v>89</v>
      </c>
      <c r="N22352" t="s">
        <v>90</v>
      </c>
      <c r="O22352" t="s">
        <v>85</v>
      </c>
      <c r="P22352" t="s">
        <v>86</v>
      </c>
      <c r="Q22352">
        <v>10</v>
      </c>
      <c r="R22352">
        <v>10</v>
      </c>
      <c r="S22352">
        <v>10</v>
      </c>
      <c r="T22352">
        <v>11</v>
      </c>
      <c r="U22352">
        <v>11</v>
      </c>
      <c r="V22352">
        <v>11</v>
      </c>
      <c r="W22352">
        <v>11</v>
      </c>
      <c r="X22352">
        <v>11</v>
      </c>
      <c r="Y22352">
        <v>11</v>
      </c>
      <c r="Z22352">
        <v>11</v>
      </c>
      <c r="AA22352">
        <v>11</v>
      </c>
      <c r="AB22352">
        <v>11</v>
      </c>
      <c r="AC22352">
        <v>11</v>
      </c>
      <c r="AD22352">
        <v>11</v>
      </c>
      <c r="AE22352">
        <v>11</v>
      </c>
      <c r="AF22352">
        <v>11</v>
      </c>
      <c r="AG22352">
        <v>11</v>
      </c>
      <c r="AH22352">
        <v>11</v>
      </c>
      <c r="AI22352">
        <v>11</v>
      </c>
      <c r="AJ22352">
        <v>11</v>
      </c>
      <c r="AK22352">
        <v>11</v>
      </c>
      <c r="AL22352">
        <v>11</v>
      </c>
      <c r="AM22352">
        <v>11</v>
      </c>
      <c r="AN22352">
        <v>10</v>
      </c>
      <c r="AO22352">
        <v>10</v>
      </c>
      <c r="AP22352">
        <v>10</v>
      </c>
      <c r="AQ22352">
        <v>10</v>
      </c>
    </row>
    <row r="22353" spans="1:43">
      <c r="A22353" t="s">
        <v>13849</v>
      </c>
      <c r="B22353" t="s">
        <v>13850</v>
      </c>
      <c r="C22353" t="s">
        <v>13757</v>
      </c>
      <c r="D22353" t="s">
        <v>13758</v>
      </c>
      <c r="E22353" t="s">
        <v>13745</v>
      </c>
      <c r="F22353" t="s">
        <v>13746</v>
      </c>
      <c r="G22353" t="s">
        <v>10734</v>
      </c>
      <c r="H22353" t="s">
        <v>10735</v>
      </c>
      <c r="I22353" s="2">
        <v>0</v>
      </c>
      <c r="J22353" s="2">
        <v>0</v>
      </c>
      <c r="K22353" s="2">
        <v>1</v>
      </c>
      <c r="L22353" t="s">
        <v>995</v>
      </c>
      <c r="M22353" t="s">
        <v>83</v>
      </c>
      <c r="N22353" t="s">
        <v>91</v>
      </c>
      <c r="O22353" t="s">
        <v>85</v>
      </c>
      <c r="P22353" t="s">
        <v>86</v>
      </c>
      <c r="Q22353">
        <v>10</v>
      </c>
      <c r="R22353">
        <v>10</v>
      </c>
      <c r="S22353">
        <v>10</v>
      </c>
      <c r="T22353">
        <v>10</v>
      </c>
      <c r="U22353">
        <v>10</v>
      </c>
      <c r="V22353">
        <v>10</v>
      </c>
      <c r="W22353">
        <v>10</v>
      </c>
      <c r="X22353">
        <v>10</v>
      </c>
      <c r="Y22353">
        <v>10</v>
      </c>
      <c r="Z22353">
        <v>10</v>
      </c>
      <c r="AA22353">
        <v>10</v>
      </c>
      <c r="AB22353">
        <v>10</v>
      </c>
      <c r="AC22353">
        <v>10</v>
      </c>
      <c r="AD22353">
        <v>10</v>
      </c>
      <c r="AE22353">
        <v>10</v>
      </c>
      <c r="AF22353">
        <v>10</v>
      </c>
      <c r="AG22353">
        <v>10</v>
      </c>
      <c r="AH22353">
        <v>10</v>
      </c>
      <c r="AI22353">
        <v>10</v>
      </c>
      <c r="AJ22353">
        <v>11</v>
      </c>
      <c r="AK22353">
        <v>11</v>
      </c>
      <c r="AL22353">
        <v>10</v>
      </c>
      <c r="AM22353">
        <v>10</v>
      </c>
      <c r="AN22353">
        <v>10</v>
      </c>
      <c r="AO22353">
        <v>10</v>
      </c>
      <c r="AP22353">
        <v>10</v>
      </c>
      <c r="AQ22353">
        <v>10</v>
      </c>
    </row>
    <row r="22354" spans="1:43">
      <c r="A22354" t="s">
        <v>13851</v>
      </c>
      <c r="B22354" t="s">
        <v>13852</v>
      </c>
      <c r="C22354" t="s">
        <v>13757</v>
      </c>
      <c r="D22354" t="s">
        <v>13758</v>
      </c>
      <c r="E22354" t="s">
        <v>13745</v>
      </c>
      <c r="F22354" t="s">
        <v>13746</v>
      </c>
      <c r="G22354" t="s">
        <v>10734</v>
      </c>
      <c r="H22354" t="s">
        <v>10735</v>
      </c>
      <c r="I22354" s="2">
        <v>0</v>
      </c>
      <c r="J22354" s="2">
        <v>0</v>
      </c>
      <c r="K22354" s="2">
        <v>1</v>
      </c>
      <c r="L22354" t="s">
        <v>995</v>
      </c>
      <c r="M22354" t="s">
        <v>83</v>
      </c>
      <c r="N22354" t="s">
        <v>84</v>
      </c>
      <c r="O22354" t="s">
        <v>85</v>
      </c>
      <c r="P22354" t="s">
        <v>86</v>
      </c>
      <c r="Q22354">
        <v>47</v>
      </c>
      <c r="R22354">
        <v>47</v>
      </c>
      <c r="S22354">
        <v>48</v>
      </c>
      <c r="T22354">
        <v>48</v>
      </c>
      <c r="U22354">
        <v>48</v>
      </c>
      <c r="V22354">
        <v>48</v>
      </c>
      <c r="W22354">
        <v>48</v>
      </c>
      <c r="X22354">
        <v>48</v>
      </c>
      <c r="Y22354">
        <v>48</v>
      </c>
      <c r="Z22354">
        <v>48</v>
      </c>
      <c r="AA22354">
        <v>48</v>
      </c>
      <c r="AB22354">
        <v>48</v>
      </c>
      <c r="AC22354">
        <v>49</v>
      </c>
      <c r="AD22354">
        <v>49</v>
      </c>
      <c r="AE22354">
        <v>49</v>
      </c>
      <c r="AF22354">
        <v>49</v>
      </c>
      <c r="AG22354">
        <v>49</v>
      </c>
      <c r="AH22354">
        <v>49</v>
      </c>
      <c r="AI22354">
        <v>49</v>
      </c>
      <c r="AJ22354">
        <v>49</v>
      </c>
      <c r="AK22354">
        <v>49</v>
      </c>
      <c r="AL22354">
        <v>49</v>
      </c>
      <c r="AM22354">
        <v>48</v>
      </c>
      <c r="AN22354">
        <v>48</v>
      </c>
      <c r="AO22354">
        <v>48</v>
      </c>
      <c r="AP22354">
        <v>47</v>
      </c>
      <c r="AQ22354">
        <v>47</v>
      </c>
    </row>
    <row r="22355" spans="1:43">
      <c r="A22355" t="s">
        <v>13851</v>
      </c>
      <c r="B22355" t="s">
        <v>13852</v>
      </c>
      <c r="C22355" t="s">
        <v>13757</v>
      </c>
      <c r="D22355" t="s">
        <v>13758</v>
      </c>
      <c r="E22355" t="s">
        <v>13745</v>
      </c>
      <c r="F22355" t="s">
        <v>13746</v>
      </c>
      <c r="G22355" t="s">
        <v>10734</v>
      </c>
      <c r="H22355" t="s">
        <v>10735</v>
      </c>
      <c r="I22355" s="2">
        <v>0</v>
      </c>
      <c r="J22355" s="2">
        <v>0</v>
      </c>
      <c r="K22355" s="2">
        <v>1</v>
      </c>
      <c r="L22355" t="s">
        <v>995</v>
      </c>
      <c r="M22355" t="s">
        <v>87</v>
      </c>
      <c r="N22355" t="s">
        <v>88</v>
      </c>
      <c r="O22355" t="s">
        <v>85</v>
      </c>
      <c r="P22355" t="s">
        <v>86</v>
      </c>
      <c r="Q22355">
        <v>47</v>
      </c>
      <c r="R22355">
        <v>46</v>
      </c>
      <c r="S22355">
        <v>46</v>
      </c>
      <c r="T22355">
        <v>46</v>
      </c>
      <c r="U22355">
        <v>46</v>
      </c>
      <c r="V22355">
        <v>45</v>
      </c>
      <c r="W22355">
        <v>45</v>
      </c>
      <c r="X22355">
        <v>45</v>
      </c>
      <c r="Y22355">
        <v>45</v>
      </c>
      <c r="Z22355">
        <v>44</v>
      </c>
      <c r="AA22355">
        <v>44</v>
      </c>
      <c r="AB22355">
        <v>44</v>
      </c>
      <c r="AC22355">
        <v>44</v>
      </c>
      <c r="AD22355">
        <v>43</v>
      </c>
      <c r="AE22355">
        <v>43</v>
      </c>
      <c r="AF22355">
        <v>43</v>
      </c>
      <c r="AG22355">
        <v>43</v>
      </c>
      <c r="AH22355">
        <v>42</v>
      </c>
      <c r="AI22355">
        <v>42</v>
      </c>
      <c r="AJ22355">
        <v>42</v>
      </c>
      <c r="AK22355">
        <v>42</v>
      </c>
      <c r="AL22355">
        <v>41</v>
      </c>
      <c r="AM22355">
        <v>41</v>
      </c>
      <c r="AN22355">
        <v>41</v>
      </c>
      <c r="AO22355">
        <v>41</v>
      </c>
      <c r="AP22355">
        <v>40</v>
      </c>
      <c r="AQ22355">
        <v>40</v>
      </c>
    </row>
    <row r="22356" spans="1:43">
      <c r="A22356" t="s">
        <v>13851</v>
      </c>
      <c r="B22356" t="s">
        <v>13852</v>
      </c>
      <c r="C22356" t="s">
        <v>13757</v>
      </c>
      <c r="D22356" t="s">
        <v>13758</v>
      </c>
      <c r="E22356" t="s">
        <v>13745</v>
      </c>
      <c r="F22356" t="s">
        <v>13746</v>
      </c>
      <c r="G22356" t="s">
        <v>10734</v>
      </c>
      <c r="H22356" t="s">
        <v>10735</v>
      </c>
      <c r="I22356" s="2">
        <v>0</v>
      </c>
      <c r="J22356" s="2">
        <v>0</v>
      </c>
      <c r="K22356" s="2">
        <v>1</v>
      </c>
      <c r="L22356" t="s">
        <v>995</v>
      </c>
      <c r="M22356" t="s">
        <v>89</v>
      </c>
      <c r="N22356" t="s">
        <v>90</v>
      </c>
      <c r="O22356" t="s">
        <v>85</v>
      </c>
      <c r="P22356" t="s">
        <v>86</v>
      </c>
      <c r="Q22356">
        <v>47</v>
      </c>
      <c r="R22356">
        <v>47</v>
      </c>
      <c r="S22356">
        <v>48</v>
      </c>
      <c r="T22356">
        <v>48</v>
      </c>
      <c r="U22356">
        <v>49</v>
      </c>
      <c r="V22356">
        <v>49</v>
      </c>
      <c r="W22356">
        <v>49</v>
      </c>
      <c r="X22356">
        <v>50</v>
      </c>
      <c r="Y22356">
        <v>50</v>
      </c>
      <c r="Z22356">
        <v>50</v>
      </c>
      <c r="AA22356">
        <v>51</v>
      </c>
      <c r="AB22356">
        <v>51</v>
      </c>
      <c r="AC22356">
        <v>51</v>
      </c>
      <c r="AD22356">
        <v>51</v>
      </c>
      <c r="AE22356">
        <v>51</v>
      </c>
      <c r="AF22356">
        <v>51</v>
      </c>
      <c r="AG22356">
        <v>50</v>
      </c>
      <c r="AH22356">
        <v>50</v>
      </c>
      <c r="AI22356">
        <v>50</v>
      </c>
      <c r="AJ22356">
        <v>49</v>
      </c>
      <c r="AK22356">
        <v>49</v>
      </c>
      <c r="AL22356">
        <v>48</v>
      </c>
      <c r="AM22356">
        <v>48</v>
      </c>
      <c r="AN22356">
        <v>48</v>
      </c>
      <c r="AO22356">
        <v>47</v>
      </c>
      <c r="AP22356">
        <v>47</v>
      </c>
      <c r="AQ22356">
        <v>46</v>
      </c>
    </row>
    <row r="22357" spans="1:43">
      <c r="A22357" t="s">
        <v>13851</v>
      </c>
      <c r="B22357" t="s">
        <v>13852</v>
      </c>
      <c r="C22357" t="s">
        <v>13757</v>
      </c>
      <c r="D22357" t="s">
        <v>13758</v>
      </c>
      <c r="E22357" t="s">
        <v>13745</v>
      </c>
      <c r="F22357" t="s">
        <v>13746</v>
      </c>
      <c r="G22357" t="s">
        <v>10734</v>
      </c>
      <c r="H22357" t="s">
        <v>10735</v>
      </c>
      <c r="I22357" s="2">
        <v>0</v>
      </c>
      <c r="J22357" s="2">
        <v>0</v>
      </c>
      <c r="K22357" s="2">
        <v>1</v>
      </c>
      <c r="L22357" t="s">
        <v>995</v>
      </c>
      <c r="M22357" t="s">
        <v>83</v>
      </c>
      <c r="N22357" t="s">
        <v>91</v>
      </c>
      <c r="O22357" t="s">
        <v>85</v>
      </c>
      <c r="P22357" t="s">
        <v>86</v>
      </c>
      <c r="Q22357">
        <v>47</v>
      </c>
      <c r="R22357">
        <v>47</v>
      </c>
      <c r="S22357">
        <v>48</v>
      </c>
      <c r="T22357">
        <v>48</v>
      </c>
      <c r="U22357">
        <v>48</v>
      </c>
      <c r="V22357">
        <v>48</v>
      </c>
      <c r="W22357">
        <v>48</v>
      </c>
      <c r="X22357">
        <v>48</v>
      </c>
      <c r="Y22357">
        <v>48</v>
      </c>
      <c r="Z22357">
        <v>48</v>
      </c>
      <c r="AA22357">
        <v>48</v>
      </c>
      <c r="AB22357">
        <v>48</v>
      </c>
      <c r="AC22357">
        <v>49</v>
      </c>
      <c r="AD22357">
        <v>49</v>
      </c>
      <c r="AE22357">
        <v>49</v>
      </c>
      <c r="AF22357">
        <v>49</v>
      </c>
      <c r="AG22357">
        <v>49</v>
      </c>
      <c r="AH22357">
        <v>49</v>
      </c>
      <c r="AI22357">
        <v>49</v>
      </c>
      <c r="AJ22357">
        <v>49</v>
      </c>
      <c r="AK22357">
        <v>49</v>
      </c>
      <c r="AL22357">
        <v>49</v>
      </c>
      <c r="AM22357">
        <v>48</v>
      </c>
      <c r="AN22357">
        <v>48</v>
      </c>
      <c r="AO22357">
        <v>48</v>
      </c>
      <c r="AP22357">
        <v>47</v>
      </c>
      <c r="AQ22357">
        <v>47</v>
      </c>
    </row>
    <row r="22358" spans="1:43">
      <c r="A22358" t="s">
        <v>13853</v>
      </c>
      <c r="B22358" t="s">
        <v>13854</v>
      </c>
      <c r="C22358" t="s">
        <v>13789</v>
      </c>
      <c r="D22358" t="s">
        <v>13790</v>
      </c>
      <c r="E22358" t="s">
        <v>13745</v>
      </c>
      <c r="F22358" t="s">
        <v>13746</v>
      </c>
      <c r="G22358" t="s">
        <v>10734</v>
      </c>
      <c r="H22358" t="s">
        <v>10735</v>
      </c>
      <c r="I22358" s="2">
        <v>0</v>
      </c>
      <c r="J22358" s="2">
        <v>0</v>
      </c>
      <c r="K22358" s="2">
        <v>1</v>
      </c>
      <c r="L22358" t="s">
        <v>995</v>
      </c>
      <c r="M22358" t="s">
        <v>83</v>
      </c>
      <c r="N22358" t="s">
        <v>84</v>
      </c>
      <c r="O22358" t="s">
        <v>85</v>
      </c>
      <c r="P22358" t="s">
        <v>86</v>
      </c>
      <c r="Q22358">
        <v>23</v>
      </c>
      <c r="R22358">
        <v>23</v>
      </c>
      <c r="S22358">
        <v>23</v>
      </c>
      <c r="T22358">
        <v>23</v>
      </c>
      <c r="U22358">
        <v>23</v>
      </c>
      <c r="V22358">
        <v>24</v>
      </c>
      <c r="W22358">
        <v>24</v>
      </c>
      <c r="X22358">
        <v>24</v>
      </c>
      <c r="Y22358">
        <v>24</v>
      </c>
      <c r="Z22358">
        <v>24</v>
      </c>
      <c r="AA22358">
        <v>24</v>
      </c>
      <c r="AB22358">
        <v>24</v>
      </c>
      <c r="AC22358">
        <v>24</v>
      </c>
      <c r="AD22358">
        <v>24</v>
      </c>
      <c r="AE22358">
        <v>24</v>
      </c>
      <c r="AF22358">
        <v>25</v>
      </c>
      <c r="AG22358">
        <v>25</v>
      </c>
      <c r="AH22358">
        <v>25</v>
      </c>
      <c r="AI22358">
        <v>25</v>
      </c>
      <c r="AJ22358">
        <v>25</v>
      </c>
      <c r="AK22358">
        <v>25</v>
      </c>
      <c r="AL22358">
        <v>25</v>
      </c>
      <c r="AM22358">
        <v>25</v>
      </c>
      <c r="AN22358">
        <v>25</v>
      </c>
      <c r="AO22358">
        <v>25</v>
      </c>
      <c r="AP22358">
        <v>25</v>
      </c>
      <c r="AQ22358">
        <v>24</v>
      </c>
    </row>
    <row r="22359" spans="1:43">
      <c r="A22359" t="s">
        <v>13853</v>
      </c>
      <c r="B22359" t="s">
        <v>13854</v>
      </c>
      <c r="C22359" t="s">
        <v>13789</v>
      </c>
      <c r="D22359" t="s">
        <v>13790</v>
      </c>
      <c r="E22359" t="s">
        <v>13745</v>
      </c>
      <c r="F22359" t="s">
        <v>13746</v>
      </c>
      <c r="G22359" t="s">
        <v>10734</v>
      </c>
      <c r="H22359" t="s">
        <v>10735</v>
      </c>
      <c r="I22359" s="2">
        <v>0</v>
      </c>
      <c r="J22359" s="2">
        <v>0</v>
      </c>
      <c r="K22359" s="2">
        <v>1</v>
      </c>
      <c r="L22359" t="s">
        <v>995</v>
      </c>
      <c r="M22359" t="s">
        <v>87</v>
      </c>
      <c r="N22359" t="s">
        <v>88</v>
      </c>
      <c r="O22359" t="s">
        <v>85</v>
      </c>
      <c r="P22359" t="s">
        <v>86</v>
      </c>
      <c r="Q22359">
        <v>23</v>
      </c>
      <c r="R22359">
        <v>23</v>
      </c>
      <c r="S22359">
        <v>23</v>
      </c>
      <c r="T22359">
        <v>23</v>
      </c>
      <c r="U22359">
        <v>22</v>
      </c>
      <c r="V22359">
        <v>22</v>
      </c>
      <c r="W22359">
        <v>22</v>
      </c>
      <c r="X22359">
        <v>22</v>
      </c>
      <c r="Y22359">
        <v>22</v>
      </c>
      <c r="Z22359">
        <v>22</v>
      </c>
      <c r="AA22359">
        <v>22</v>
      </c>
      <c r="AB22359">
        <v>22</v>
      </c>
      <c r="AC22359">
        <v>22</v>
      </c>
      <c r="AD22359">
        <v>22</v>
      </c>
      <c r="AE22359">
        <v>22</v>
      </c>
      <c r="AF22359">
        <v>22</v>
      </c>
      <c r="AG22359">
        <v>22</v>
      </c>
      <c r="AH22359">
        <v>21</v>
      </c>
      <c r="AI22359">
        <v>21</v>
      </c>
      <c r="AJ22359">
        <v>21</v>
      </c>
      <c r="AK22359">
        <v>21</v>
      </c>
      <c r="AL22359">
        <v>21</v>
      </c>
      <c r="AM22359">
        <v>21</v>
      </c>
      <c r="AN22359">
        <v>21</v>
      </c>
      <c r="AO22359">
        <v>21</v>
      </c>
      <c r="AP22359">
        <v>21</v>
      </c>
      <c r="AQ22359">
        <v>21</v>
      </c>
    </row>
    <row r="22360" spans="1:43">
      <c r="A22360" t="s">
        <v>13853</v>
      </c>
      <c r="B22360" t="s">
        <v>13854</v>
      </c>
      <c r="C22360" t="s">
        <v>13789</v>
      </c>
      <c r="D22360" t="s">
        <v>13790</v>
      </c>
      <c r="E22360" t="s">
        <v>13745</v>
      </c>
      <c r="F22360" t="s">
        <v>13746</v>
      </c>
      <c r="G22360" t="s">
        <v>10734</v>
      </c>
      <c r="H22360" t="s">
        <v>10735</v>
      </c>
      <c r="I22360" s="2">
        <v>0</v>
      </c>
      <c r="J22360" s="2">
        <v>0</v>
      </c>
      <c r="K22360" s="2">
        <v>1</v>
      </c>
      <c r="L22360" t="s">
        <v>995</v>
      </c>
      <c r="M22360" t="s">
        <v>89</v>
      </c>
      <c r="N22360" t="s">
        <v>90</v>
      </c>
      <c r="O22360" t="s">
        <v>85</v>
      </c>
      <c r="P22360" t="s">
        <v>86</v>
      </c>
      <c r="Q22360">
        <v>23</v>
      </c>
      <c r="R22360">
        <v>24</v>
      </c>
      <c r="S22360">
        <v>24</v>
      </c>
      <c r="T22360">
        <v>24</v>
      </c>
      <c r="U22360">
        <v>24</v>
      </c>
      <c r="V22360">
        <v>25</v>
      </c>
      <c r="W22360">
        <v>25</v>
      </c>
      <c r="X22360">
        <v>25</v>
      </c>
      <c r="Y22360">
        <v>25</v>
      </c>
      <c r="Z22360">
        <v>26</v>
      </c>
      <c r="AA22360">
        <v>26</v>
      </c>
      <c r="AB22360">
        <v>26</v>
      </c>
      <c r="AC22360">
        <v>26</v>
      </c>
      <c r="AD22360">
        <v>26</v>
      </c>
      <c r="AE22360">
        <v>26</v>
      </c>
      <c r="AF22360">
        <v>26</v>
      </c>
      <c r="AG22360">
        <v>26</v>
      </c>
      <c r="AH22360">
        <v>26</v>
      </c>
      <c r="AI22360">
        <v>26</v>
      </c>
      <c r="AJ22360">
        <v>26</v>
      </c>
      <c r="AK22360">
        <v>26</v>
      </c>
      <c r="AL22360">
        <v>25</v>
      </c>
      <c r="AM22360">
        <v>25</v>
      </c>
      <c r="AN22360">
        <v>25</v>
      </c>
      <c r="AO22360">
        <v>25</v>
      </c>
      <c r="AP22360">
        <v>25</v>
      </c>
      <c r="AQ22360">
        <v>25</v>
      </c>
    </row>
    <row r="22361" spans="1:43">
      <c r="A22361" t="s">
        <v>13853</v>
      </c>
      <c r="B22361" t="s">
        <v>13854</v>
      </c>
      <c r="C22361" t="s">
        <v>13789</v>
      </c>
      <c r="D22361" t="s">
        <v>13790</v>
      </c>
      <c r="E22361" t="s">
        <v>13745</v>
      </c>
      <c r="F22361" t="s">
        <v>13746</v>
      </c>
      <c r="G22361" t="s">
        <v>10734</v>
      </c>
      <c r="H22361" t="s">
        <v>10735</v>
      </c>
      <c r="I22361" s="2">
        <v>0</v>
      </c>
      <c r="J22361" s="2">
        <v>0</v>
      </c>
      <c r="K22361" s="2">
        <v>1</v>
      </c>
      <c r="L22361" t="s">
        <v>995</v>
      </c>
      <c r="M22361" t="s">
        <v>83</v>
      </c>
      <c r="N22361" t="s">
        <v>91</v>
      </c>
      <c r="O22361" t="s">
        <v>85</v>
      </c>
      <c r="P22361" t="s">
        <v>86</v>
      </c>
      <c r="Q22361">
        <v>23</v>
      </c>
      <c r="R22361">
        <v>23</v>
      </c>
      <c r="S22361">
        <v>23</v>
      </c>
      <c r="T22361">
        <v>23</v>
      </c>
      <c r="U22361">
        <v>23</v>
      </c>
      <c r="V22361">
        <v>24</v>
      </c>
      <c r="W22361">
        <v>24</v>
      </c>
      <c r="X22361">
        <v>24</v>
      </c>
      <c r="Y22361">
        <v>24</v>
      </c>
      <c r="Z22361">
        <v>24</v>
      </c>
      <c r="AA22361">
        <v>24</v>
      </c>
      <c r="AB22361">
        <v>24</v>
      </c>
      <c r="AC22361">
        <v>24</v>
      </c>
      <c r="AD22361">
        <v>24</v>
      </c>
      <c r="AE22361">
        <v>24</v>
      </c>
      <c r="AF22361">
        <v>25</v>
      </c>
      <c r="AG22361">
        <v>25</v>
      </c>
      <c r="AH22361">
        <v>25</v>
      </c>
      <c r="AI22361">
        <v>25</v>
      </c>
      <c r="AJ22361">
        <v>25</v>
      </c>
      <c r="AK22361">
        <v>25</v>
      </c>
      <c r="AL22361">
        <v>25</v>
      </c>
      <c r="AM22361">
        <v>25</v>
      </c>
      <c r="AN22361">
        <v>25</v>
      </c>
      <c r="AO22361">
        <v>25</v>
      </c>
      <c r="AP22361">
        <v>25</v>
      </c>
      <c r="AQ22361">
        <v>24</v>
      </c>
    </row>
    <row r="22362" spans="1:43">
      <c r="A22362" t="s">
        <v>13855</v>
      </c>
      <c r="B22362" t="s">
        <v>13856</v>
      </c>
      <c r="C22362" t="s">
        <v>13789</v>
      </c>
      <c r="D22362" t="s">
        <v>13790</v>
      </c>
      <c r="E22362" t="s">
        <v>13745</v>
      </c>
      <c r="F22362" t="s">
        <v>13746</v>
      </c>
      <c r="G22362" t="s">
        <v>10734</v>
      </c>
      <c r="H22362" t="s">
        <v>10735</v>
      </c>
      <c r="I22362" s="2">
        <v>0</v>
      </c>
      <c r="J22362" s="2">
        <v>0</v>
      </c>
      <c r="K22362" s="2">
        <v>1</v>
      </c>
      <c r="L22362" t="s">
        <v>995</v>
      </c>
      <c r="M22362" t="s">
        <v>83</v>
      </c>
      <c r="N22362" t="s">
        <v>84</v>
      </c>
      <c r="O22362" t="s">
        <v>85</v>
      </c>
      <c r="P22362" t="s">
        <v>86</v>
      </c>
      <c r="Q22362">
        <v>7</v>
      </c>
      <c r="R22362">
        <v>7</v>
      </c>
      <c r="S22362">
        <v>7</v>
      </c>
      <c r="T22362">
        <v>7</v>
      </c>
      <c r="U22362">
        <v>7</v>
      </c>
      <c r="V22362">
        <v>7</v>
      </c>
      <c r="W22362">
        <v>7</v>
      </c>
      <c r="X22362">
        <v>7</v>
      </c>
      <c r="Y22362">
        <v>8</v>
      </c>
      <c r="Z22362">
        <v>8</v>
      </c>
      <c r="AA22362">
        <v>8</v>
      </c>
      <c r="AB22362">
        <v>8</v>
      </c>
      <c r="AC22362">
        <v>8</v>
      </c>
      <c r="AD22362">
        <v>8</v>
      </c>
      <c r="AE22362">
        <v>8</v>
      </c>
      <c r="AF22362">
        <v>8</v>
      </c>
      <c r="AG22362">
        <v>8</v>
      </c>
      <c r="AH22362">
        <v>8</v>
      </c>
      <c r="AI22362">
        <v>8</v>
      </c>
      <c r="AJ22362">
        <v>8</v>
      </c>
      <c r="AK22362">
        <v>8</v>
      </c>
      <c r="AL22362">
        <v>8</v>
      </c>
      <c r="AM22362">
        <v>8</v>
      </c>
      <c r="AN22362">
        <v>8</v>
      </c>
      <c r="AO22362">
        <v>8</v>
      </c>
      <c r="AP22362">
        <v>8</v>
      </c>
      <c r="AQ22362">
        <v>8</v>
      </c>
    </row>
    <row r="22363" spans="1:43">
      <c r="A22363" t="s">
        <v>13855</v>
      </c>
      <c r="B22363" t="s">
        <v>13856</v>
      </c>
      <c r="C22363" t="s">
        <v>13789</v>
      </c>
      <c r="D22363" t="s">
        <v>13790</v>
      </c>
      <c r="E22363" t="s">
        <v>13745</v>
      </c>
      <c r="F22363" t="s">
        <v>13746</v>
      </c>
      <c r="G22363" t="s">
        <v>10734</v>
      </c>
      <c r="H22363" t="s">
        <v>10735</v>
      </c>
      <c r="I22363" s="2">
        <v>0</v>
      </c>
      <c r="J22363" s="2">
        <v>0</v>
      </c>
      <c r="K22363" s="2">
        <v>1</v>
      </c>
      <c r="L22363" t="s">
        <v>995</v>
      </c>
      <c r="M22363" t="s">
        <v>87</v>
      </c>
      <c r="N22363" t="s">
        <v>88</v>
      </c>
      <c r="O22363" t="s">
        <v>85</v>
      </c>
      <c r="P22363" t="s">
        <v>86</v>
      </c>
      <c r="Q22363">
        <v>7</v>
      </c>
      <c r="R22363">
        <v>7</v>
      </c>
      <c r="S22363">
        <v>7</v>
      </c>
      <c r="T22363">
        <v>7</v>
      </c>
      <c r="U22363">
        <v>7</v>
      </c>
      <c r="V22363">
        <v>7</v>
      </c>
      <c r="W22363">
        <v>7</v>
      </c>
      <c r="X22363">
        <v>7</v>
      </c>
      <c r="Y22363">
        <v>7</v>
      </c>
      <c r="Z22363">
        <v>7</v>
      </c>
      <c r="AA22363">
        <v>7</v>
      </c>
      <c r="AB22363">
        <v>7</v>
      </c>
      <c r="AC22363">
        <v>7</v>
      </c>
      <c r="AD22363">
        <v>7</v>
      </c>
      <c r="AE22363">
        <v>7</v>
      </c>
      <c r="AF22363">
        <v>7</v>
      </c>
      <c r="AG22363">
        <v>7</v>
      </c>
      <c r="AH22363">
        <v>7</v>
      </c>
      <c r="AI22363">
        <v>7</v>
      </c>
      <c r="AJ22363">
        <v>7</v>
      </c>
      <c r="AK22363">
        <v>7</v>
      </c>
      <c r="AL22363">
        <v>7</v>
      </c>
      <c r="AM22363">
        <v>7</v>
      </c>
      <c r="AN22363">
        <v>7</v>
      </c>
      <c r="AO22363">
        <v>7</v>
      </c>
      <c r="AP22363">
        <v>7</v>
      </c>
      <c r="AQ22363">
        <v>7</v>
      </c>
    </row>
    <row r="22364" spans="1:43">
      <c r="A22364" t="s">
        <v>13855</v>
      </c>
      <c r="B22364" t="s">
        <v>13856</v>
      </c>
      <c r="C22364" t="s">
        <v>13789</v>
      </c>
      <c r="D22364" t="s">
        <v>13790</v>
      </c>
      <c r="E22364" t="s">
        <v>13745</v>
      </c>
      <c r="F22364" t="s">
        <v>13746</v>
      </c>
      <c r="G22364" t="s">
        <v>10734</v>
      </c>
      <c r="H22364" t="s">
        <v>10735</v>
      </c>
      <c r="I22364" s="2">
        <v>0</v>
      </c>
      <c r="J22364" s="2">
        <v>0</v>
      </c>
      <c r="K22364" s="2">
        <v>1</v>
      </c>
      <c r="L22364" t="s">
        <v>995</v>
      </c>
      <c r="M22364" t="s">
        <v>89</v>
      </c>
      <c r="N22364" t="s">
        <v>90</v>
      </c>
      <c r="O22364" t="s">
        <v>85</v>
      </c>
      <c r="P22364" t="s">
        <v>86</v>
      </c>
      <c r="Q22364">
        <v>7</v>
      </c>
      <c r="R22364">
        <v>7</v>
      </c>
      <c r="S22364">
        <v>7</v>
      </c>
      <c r="T22364">
        <v>8</v>
      </c>
      <c r="U22364">
        <v>8</v>
      </c>
      <c r="V22364">
        <v>8</v>
      </c>
      <c r="W22364">
        <v>8</v>
      </c>
      <c r="X22364">
        <v>8</v>
      </c>
      <c r="Y22364">
        <v>8</v>
      </c>
      <c r="Z22364">
        <v>8</v>
      </c>
      <c r="AA22364">
        <v>8</v>
      </c>
      <c r="AB22364">
        <v>8</v>
      </c>
      <c r="AC22364">
        <v>8</v>
      </c>
      <c r="AD22364">
        <v>8</v>
      </c>
      <c r="AE22364">
        <v>8</v>
      </c>
      <c r="AF22364">
        <v>8</v>
      </c>
      <c r="AG22364">
        <v>8</v>
      </c>
      <c r="AH22364">
        <v>8</v>
      </c>
      <c r="AI22364">
        <v>8</v>
      </c>
      <c r="AJ22364">
        <v>8</v>
      </c>
      <c r="AK22364">
        <v>8</v>
      </c>
      <c r="AL22364">
        <v>8</v>
      </c>
      <c r="AM22364">
        <v>8</v>
      </c>
      <c r="AN22364">
        <v>8</v>
      </c>
      <c r="AO22364">
        <v>8</v>
      </c>
      <c r="AP22364">
        <v>8</v>
      </c>
      <c r="AQ22364">
        <v>8</v>
      </c>
    </row>
    <row r="22365" spans="1:43">
      <c r="A22365" t="s">
        <v>13855</v>
      </c>
      <c r="B22365" t="s">
        <v>13856</v>
      </c>
      <c r="C22365" t="s">
        <v>13789</v>
      </c>
      <c r="D22365" t="s">
        <v>13790</v>
      </c>
      <c r="E22365" t="s">
        <v>13745</v>
      </c>
      <c r="F22365" t="s">
        <v>13746</v>
      </c>
      <c r="G22365" t="s">
        <v>10734</v>
      </c>
      <c r="H22365" t="s">
        <v>10735</v>
      </c>
      <c r="I22365" s="2">
        <v>0</v>
      </c>
      <c r="J22365" s="2">
        <v>0</v>
      </c>
      <c r="K22365" s="2">
        <v>1</v>
      </c>
      <c r="L22365" t="s">
        <v>995</v>
      </c>
      <c r="M22365" t="s">
        <v>83</v>
      </c>
      <c r="N22365" t="s">
        <v>91</v>
      </c>
      <c r="O22365" t="s">
        <v>85</v>
      </c>
      <c r="P22365" t="s">
        <v>86</v>
      </c>
      <c r="Q22365">
        <v>7</v>
      </c>
      <c r="R22365">
        <v>7</v>
      </c>
      <c r="S22365">
        <v>7</v>
      </c>
      <c r="T22365">
        <v>7</v>
      </c>
      <c r="U22365">
        <v>7</v>
      </c>
      <c r="V22365">
        <v>7</v>
      </c>
      <c r="W22365">
        <v>7</v>
      </c>
      <c r="X22365">
        <v>7</v>
      </c>
      <c r="Y22365">
        <v>8</v>
      </c>
      <c r="Z22365">
        <v>8</v>
      </c>
      <c r="AA22365">
        <v>8</v>
      </c>
      <c r="AB22365">
        <v>8</v>
      </c>
      <c r="AC22365">
        <v>8</v>
      </c>
      <c r="AD22365">
        <v>8</v>
      </c>
      <c r="AE22365">
        <v>8</v>
      </c>
      <c r="AF22365">
        <v>8</v>
      </c>
      <c r="AG22365">
        <v>8</v>
      </c>
      <c r="AH22365">
        <v>8</v>
      </c>
      <c r="AI22365">
        <v>8</v>
      </c>
      <c r="AJ22365">
        <v>8</v>
      </c>
      <c r="AK22365">
        <v>8</v>
      </c>
      <c r="AL22365">
        <v>8</v>
      </c>
      <c r="AM22365">
        <v>8</v>
      </c>
      <c r="AN22365">
        <v>8</v>
      </c>
      <c r="AO22365">
        <v>8</v>
      </c>
      <c r="AP22365">
        <v>8</v>
      </c>
      <c r="AQ22365">
        <v>8</v>
      </c>
    </row>
    <row r="22366" spans="1:43">
      <c r="A22366" t="s">
        <v>13857</v>
      </c>
      <c r="B22366" t="s">
        <v>13858</v>
      </c>
      <c r="C22366" t="s">
        <v>13789</v>
      </c>
      <c r="D22366" t="s">
        <v>13790</v>
      </c>
      <c r="E22366" t="s">
        <v>13745</v>
      </c>
      <c r="F22366" t="s">
        <v>13746</v>
      </c>
      <c r="G22366" t="s">
        <v>10734</v>
      </c>
      <c r="H22366" t="s">
        <v>10735</v>
      </c>
      <c r="I22366" s="2">
        <v>0</v>
      </c>
      <c r="J22366" s="2">
        <v>0</v>
      </c>
      <c r="K22366" s="2">
        <v>1</v>
      </c>
      <c r="L22366" t="s">
        <v>995</v>
      </c>
      <c r="M22366" t="s">
        <v>83</v>
      </c>
      <c r="N22366" t="s">
        <v>84</v>
      </c>
      <c r="O22366" t="s">
        <v>85</v>
      </c>
      <c r="P22366" t="s">
        <v>86</v>
      </c>
      <c r="Q22366">
        <v>12</v>
      </c>
      <c r="R22366">
        <v>12</v>
      </c>
      <c r="S22366">
        <v>12</v>
      </c>
      <c r="T22366">
        <v>12</v>
      </c>
      <c r="U22366">
        <v>12</v>
      </c>
      <c r="V22366">
        <v>12</v>
      </c>
      <c r="W22366">
        <v>12</v>
      </c>
      <c r="X22366">
        <v>12</v>
      </c>
      <c r="Y22366">
        <v>12</v>
      </c>
      <c r="Z22366">
        <v>13</v>
      </c>
      <c r="AA22366">
        <v>13</v>
      </c>
      <c r="AB22366">
        <v>13</v>
      </c>
      <c r="AC22366">
        <v>13</v>
      </c>
      <c r="AD22366">
        <v>13</v>
      </c>
      <c r="AE22366">
        <v>13</v>
      </c>
      <c r="AF22366">
        <v>13</v>
      </c>
      <c r="AG22366">
        <v>13</v>
      </c>
      <c r="AH22366">
        <v>13</v>
      </c>
      <c r="AI22366">
        <v>13</v>
      </c>
      <c r="AJ22366">
        <v>13</v>
      </c>
      <c r="AK22366">
        <v>13</v>
      </c>
      <c r="AL22366">
        <v>13</v>
      </c>
      <c r="AM22366">
        <v>13</v>
      </c>
      <c r="AN22366">
        <v>13</v>
      </c>
      <c r="AO22366">
        <v>13</v>
      </c>
      <c r="AP22366">
        <v>13</v>
      </c>
      <c r="AQ22366">
        <v>13</v>
      </c>
    </row>
    <row r="22367" spans="1:43">
      <c r="A22367" t="s">
        <v>13857</v>
      </c>
      <c r="B22367" t="s">
        <v>13858</v>
      </c>
      <c r="C22367" t="s">
        <v>13789</v>
      </c>
      <c r="D22367" t="s">
        <v>13790</v>
      </c>
      <c r="E22367" t="s">
        <v>13745</v>
      </c>
      <c r="F22367" t="s">
        <v>13746</v>
      </c>
      <c r="G22367" t="s">
        <v>10734</v>
      </c>
      <c r="H22367" t="s">
        <v>10735</v>
      </c>
      <c r="I22367" s="2">
        <v>0</v>
      </c>
      <c r="J22367" s="2">
        <v>0</v>
      </c>
      <c r="K22367" s="2">
        <v>1</v>
      </c>
      <c r="L22367" t="s">
        <v>995</v>
      </c>
      <c r="M22367" t="s">
        <v>87</v>
      </c>
      <c r="N22367" t="s">
        <v>88</v>
      </c>
      <c r="O22367" t="s">
        <v>85</v>
      </c>
      <c r="P22367" t="s">
        <v>86</v>
      </c>
      <c r="Q22367">
        <v>12</v>
      </c>
      <c r="R22367">
        <v>12</v>
      </c>
      <c r="S22367">
        <v>12</v>
      </c>
      <c r="T22367">
        <v>12</v>
      </c>
      <c r="U22367">
        <v>12</v>
      </c>
      <c r="V22367">
        <v>12</v>
      </c>
      <c r="W22367">
        <v>12</v>
      </c>
      <c r="X22367">
        <v>12</v>
      </c>
      <c r="Y22367">
        <v>12</v>
      </c>
      <c r="Z22367">
        <v>12</v>
      </c>
      <c r="AA22367">
        <v>11</v>
      </c>
      <c r="AB22367">
        <v>11</v>
      </c>
      <c r="AC22367">
        <v>11</v>
      </c>
      <c r="AD22367">
        <v>11</v>
      </c>
      <c r="AE22367">
        <v>11</v>
      </c>
      <c r="AF22367">
        <v>11</v>
      </c>
      <c r="AG22367">
        <v>11</v>
      </c>
      <c r="AH22367">
        <v>11</v>
      </c>
      <c r="AI22367">
        <v>11</v>
      </c>
      <c r="AJ22367">
        <v>11</v>
      </c>
      <c r="AK22367">
        <v>11</v>
      </c>
      <c r="AL22367">
        <v>11</v>
      </c>
      <c r="AM22367">
        <v>11</v>
      </c>
      <c r="AN22367">
        <v>11</v>
      </c>
      <c r="AO22367">
        <v>11</v>
      </c>
      <c r="AP22367">
        <v>11</v>
      </c>
      <c r="AQ22367">
        <v>11</v>
      </c>
    </row>
    <row r="22368" spans="1:43">
      <c r="A22368" t="s">
        <v>13857</v>
      </c>
      <c r="B22368" t="s">
        <v>13858</v>
      </c>
      <c r="C22368" t="s">
        <v>13789</v>
      </c>
      <c r="D22368" t="s">
        <v>13790</v>
      </c>
      <c r="E22368" t="s">
        <v>13745</v>
      </c>
      <c r="F22368" t="s">
        <v>13746</v>
      </c>
      <c r="G22368" t="s">
        <v>10734</v>
      </c>
      <c r="H22368" t="s">
        <v>10735</v>
      </c>
      <c r="I22368" s="2">
        <v>0</v>
      </c>
      <c r="J22368" s="2">
        <v>0</v>
      </c>
      <c r="K22368" s="2">
        <v>1</v>
      </c>
      <c r="L22368" t="s">
        <v>995</v>
      </c>
      <c r="M22368" t="s">
        <v>89</v>
      </c>
      <c r="N22368" t="s">
        <v>90</v>
      </c>
      <c r="O22368" t="s">
        <v>85</v>
      </c>
      <c r="P22368" t="s">
        <v>86</v>
      </c>
      <c r="Q22368">
        <v>12</v>
      </c>
      <c r="R22368">
        <v>12</v>
      </c>
      <c r="S22368">
        <v>12</v>
      </c>
      <c r="T22368">
        <v>13</v>
      </c>
      <c r="U22368">
        <v>13</v>
      </c>
      <c r="V22368">
        <v>13</v>
      </c>
      <c r="W22368">
        <v>13</v>
      </c>
      <c r="X22368">
        <v>13</v>
      </c>
      <c r="Y22368">
        <v>13</v>
      </c>
      <c r="Z22368">
        <v>13</v>
      </c>
      <c r="AA22368">
        <v>13</v>
      </c>
      <c r="AB22368">
        <v>14</v>
      </c>
      <c r="AC22368">
        <v>14</v>
      </c>
      <c r="AD22368">
        <v>14</v>
      </c>
      <c r="AE22368">
        <v>14</v>
      </c>
      <c r="AF22368">
        <v>14</v>
      </c>
      <c r="AG22368">
        <v>14</v>
      </c>
      <c r="AH22368">
        <v>14</v>
      </c>
      <c r="AI22368">
        <v>13</v>
      </c>
      <c r="AJ22368">
        <v>13</v>
      </c>
      <c r="AK22368">
        <v>13</v>
      </c>
      <c r="AL22368">
        <v>13</v>
      </c>
      <c r="AM22368">
        <v>13</v>
      </c>
      <c r="AN22368">
        <v>13</v>
      </c>
      <c r="AO22368">
        <v>13</v>
      </c>
      <c r="AP22368">
        <v>13</v>
      </c>
      <c r="AQ22368">
        <v>13</v>
      </c>
    </row>
    <row r="22369" spans="1:43">
      <c r="A22369" t="s">
        <v>13857</v>
      </c>
      <c r="B22369" t="s">
        <v>13858</v>
      </c>
      <c r="C22369" t="s">
        <v>13789</v>
      </c>
      <c r="D22369" t="s">
        <v>13790</v>
      </c>
      <c r="E22369" t="s">
        <v>13745</v>
      </c>
      <c r="F22369" t="s">
        <v>13746</v>
      </c>
      <c r="G22369" t="s">
        <v>10734</v>
      </c>
      <c r="H22369" t="s">
        <v>10735</v>
      </c>
      <c r="I22369" s="2">
        <v>0</v>
      </c>
      <c r="J22369" s="2">
        <v>0</v>
      </c>
      <c r="K22369" s="2">
        <v>1</v>
      </c>
      <c r="L22369" t="s">
        <v>995</v>
      </c>
      <c r="M22369" t="s">
        <v>83</v>
      </c>
      <c r="N22369" t="s">
        <v>91</v>
      </c>
      <c r="O22369" t="s">
        <v>85</v>
      </c>
      <c r="P22369" t="s">
        <v>86</v>
      </c>
      <c r="Q22369">
        <v>12</v>
      </c>
      <c r="R22369">
        <v>12</v>
      </c>
      <c r="S22369">
        <v>12</v>
      </c>
      <c r="T22369">
        <v>12</v>
      </c>
      <c r="U22369">
        <v>12</v>
      </c>
      <c r="V22369">
        <v>12</v>
      </c>
      <c r="W22369">
        <v>12</v>
      </c>
      <c r="X22369">
        <v>12</v>
      </c>
      <c r="Y22369">
        <v>12</v>
      </c>
      <c r="Z22369">
        <v>13</v>
      </c>
      <c r="AA22369">
        <v>13</v>
      </c>
      <c r="AB22369">
        <v>13</v>
      </c>
      <c r="AC22369">
        <v>13</v>
      </c>
      <c r="AD22369">
        <v>13</v>
      </c>
      <c r="AE22369">
        <v>13</v>
      </c>
      <c r="AF22369">
        <v>13</v>
      </c>
      <c r="AG22369">
        <v>13</v>
      </c>
      <c r="AH22369">
        <v>13</v>
      </c>
      <c r="AI22369">
        <v>13</v>
      </c>
      <c r="AJ22369">
        <v>13</v>
      </c>
      <c r="AK22369">
        <v>13</v>
      </c>
      <c r="AL22369">
        <v>13</v>
      </c>
      <c r="AM22369">
        <v>13</v>
      </c>
      <c r="AN22369">
        <v>13</v>
      </c>
      <c r="AO22369">
        <v>13</v>
      </c>
      <c r="AP22369">
        <v>13</v>
      </c>
      <c r="AQ22369">
        <v>13</v>
      </c>
    </row>
    <row r="22370" spans="1:43">
      <c r="A22370" t="s">
        <v>13859</v>
      </c>
      <c r="B22370" t="s">
        <v>13860</v>
      </c>
      <c r="C22370" t="s">
        <v>13753</v>
      </c>
      <c r="D22370" t="s">
        <v>13754</v>
      </c>
      <c r="E22370" t="s">
        <v>13745</v>
      </c>
      <c r="F22370" t="s">
        <v>13746</v>
      </c>
      <c r="G22370" t="s">
        <v>10734</v>
      </c>
      <c r="H22370" t="s">
        <v>10735</v>
      </c>
      <c r="I22370" s="2">
        <v>0</v>
      </c>
      <c r="J22370" s="2">
        <v>0</v>
      </c>
      <c r="K22370" s="2">
        <v>1</v>
      </c>
      <c r="L22370" t="s">
        <v>995</v>
      </c>
      <c r="M22370" t="s">
        <v>83</v>
      </c>
      <c r="N22370" t="s">
        <v>84</v>
      </c>
      <c r="O22370" t="s">
        <v>85</v>
      </c>
      <c r="P22370" t="s">
        <v>86</v>
      </c>
      <c r="Q22370">
        <v>14</v>
      </c>
      <c r="R22370">
        <v>14</v>
      </c>
      <c r="S22370">
        <v>14</v>
      </c>
      <c r="T22370">
        <v>14</v>
      </c>
      <c r="U22370">
        <v>14</v>
      </c>
      <c r="V22370">
        <v>14</v>
      </c>
      <c r="W22370">
        <v>15</v>
      </c>
      <c r="X22370">
        <v>15</v>
      </c>
      <c r="Y22370">
        <v>15</v>
      </c>
      <c r="Z22370">
        <v>15</v>
      </c>
      <c r="AA22370">
        <v>15</v>
      </c>
      <c r="AB22370">
        <v>15</v>
      </c>
      <c r="AC22370">
        <v>15</v>
      </c>
      <c r="AD22370">
        <v>15</v>
      </c>
      <c r="AE22370">
        <v>15</v>
      </c>
      <c r="AF22370">
        <v>15</v>
      </c>
      <c r="AG22370">
        <v>15</v>
      </c>
      <c r="AH22370">
        <v>15</v>
      </c>
      <c r="AI22370">
        <v>15</v>
      </c>
      <c r="AJ22370">
        <v>15</v>
      </c>
      <c r="AK22370">
        <v>15</v>
      </c>
      <c r="AL22370">
        <v>15</v>
      </c>
      <c r="AM22370">
        <v>15</v>
      </c>
      <c r="AN22370">
        <v>15</v>
      </c>
      <c r="AO22370">
        <v>15</v>
      </c>
      <c r="AP22370">
        <v>15</v>
      </c>
      <c r="AQ22370">
        <v>15</v>
      </c>
    </row>
    <row r="22371" spans="1:43">
      <c r="A22371" t="s">
        <v>13859</v>
      </c>
      <c r="B22371" t="s">
        <v>13860</v>
      </c>
      <c r="C22371" t="s">
        <v>13753</v>
      </c>
      <c r="D22371" t="s">
        <v>13754</v>
      </c>
      <c r="E22371" t="s">
        <v>13745</v>
      </c>
      <c r="F22371" t="s">
        <v>13746</v>
      </c>
      <c r="G22371" t="s">
        <v>10734</v>
      </c>
      <c r="H22371" t="s">
        <v>10735</v>
      </c>
      <c r="I22371" s="2">
        <v>0</v>
      </c>
      <c r="J22371" s="2">
        <v>0</v>
      </c>
      <c r="K22371" s="2">
        <v>1</v>
      </c>
      <c r="L22371" t="s">
        <v>995</v>
      </c>
      <c r="M22371" t="s">
        <v>87</v>
      </c>
      <c r="N22371" t="s">
        <v>88</v>
      </c>
      <c r="O22371" t="s">
        <v>85</v>
      </c>
      <c r="P22371" t="s">
        <v>86</v>
      </c>
      <c r="Q22371">
        <v>14</v>
      </c>
      <c r="R22371">
        <v>14</v>
      </c>
      <c r="S22371">
        <v>14</v>
      </c>
      <c r="T22371">
        <v>14</v>
      </c>
      <c r="U22371">
        <v>14</v>
      </c>
      <c r="V22371">
        <v>14</v>
      </c>
      <c r="W22371">
        <v>14</v>
      </c>
      <c r="X22371">
        <v>14</v>
      </c>
      <c r="Y22371">
        <v>14</v>
      </c>
      <c r="Z22371">
        <v>14</v>
      </c>
      <c r="AA22371">
        <v>13</v>
      </c>
      <c r="AB22371">
        <v>13</v>
      </c>
      <c r="AC22371">
        <v>13</v>
      </c>
      <c r="AD22371">
        <v>13</v>
      </c>
      <c r="AE22371">
        <v>13</v>
      </c>
      <c r="AF22371">
        <v>13</v>
      </c>
      <c r="AG22371">
        <v>13</v>
      </c>
      <c r="AH22371">
        <v>13</v>
      </c>
      <c r="AI22371">
        <v>13</v>
      </c>
      <c r="AJ22371">
        <v>13</v>
      </c>
      <c r="AK22371">
        <v>13</v>
      </c>
      <c r="AL22371">
        <v>13</v>
      </c>
      <c r="AM22371">
        <v>13</v>
      </c>
      <c r="AN22371">
        <v>13</v>
      </c>
      <c r="AO22371">
        <v>13</v>
      </c>
      <c r="AP22371">
        <v>13</v>
      </c>
      <c r="AQ22371">
        <v>13</v>
      </c>
    </row>
    <row r="22372" spans="1:43">
      <c r="A22372" t="s">
        <v>13859</v>
      </c>
      <c r="B22372" t="s">
        <v>13860</v>
      </c>
      <c r="C22372" t="s">
        <v>13753</v>
      </c>
      <c r="D22372" t="s">
        <v>13754</v>
      </c>
      <c r="E22372" t="s">
        <v>13745</v>
      </c>
      <c r="F22372" t="s">
        <v>13746</v>
      </c>
      <c r="G22372" t="s">
        <v>10734</v>
      </c>
      <c r="H22372" t="s">
        <v>10735</v>
      </c>
      <c r="I22372" s="2">
        <v>0</v>
      </c>
      <c r="J22372" s="2">
        <v>0</v>
      </c>
      <c r="K22372" s="2">
        <v>1</v>
      </c>
      <c r="L22372" t="s">
        <v>995</v>
      </c>
      <c r="M22372" t="s">
        <v>89</v>
      </c>
      <c r="N22372" t="s">
        <v>90</v>
      </c>
      <c r="O22372" t="s">
        <v>85</v>
      </c>
      <c r="P22372" t="s">
        <v>86</v>
      </c>
      <c r="Q22372">
        <v>14</v>
      </c>
      <c r="R22372">
        <v>14</v>
      </c>
      <c r="S22372">
        <v>15</v>
      </c>
      <c r="T22372">
        <v>15</v>
      </c>
      <c r="U22372">
        <v>15</v>
      </c>
      <c r="V22372">
        <v>15</v>
      </c>
      <c r="W22372">
        <v>15</v>
      </c>
      <c r="X22372">
        <v>15</v>
      </c>
      <c r="Y22372">
        <v>16</v>
      </c>
      <c r="Z22372">
        <v>16</v>
      </c>
      <c r="AA22372">
        <v>16</v>
      </c>
      <c r="AB22372">
        <v>16</v>
      </c>
      <c r="AC22372">
        <v>16</v>
      </c>
      <c r="AD22372">
        <v>16</v>
      </c>
      <c r="AE22372">
        <v>16</v>
      </c>
      <c r="AF22372">
        <v>16</v>
      </c>
      <c r="AG22372">
        <v>16</v>
      </c>
      <c r="AH22372">
        <v>16</v>
      </c>
      <c r="AI22372">
        <v>16</v>
      </c>
      <c r="AJ22372">
        <v>16</v>
      </c>
      <c r="AK22372">
        <v>16</v>
      </c>
      <c r="AL22372">
        <v>16</v>
      </c>
      <c r="AM22372">
        <v>16</v>
      </c>
      <c r="AN22372">
        <v>15</v>
      </c>
      <c r="AO22372">
        <v>15</v>
      </c>
      <c r="AP22372">
        <v>15</v>
      </c>
      <c r="AQ22372">
        <v>15</v>
      </c>
    </row>
    <row r="22373" spans="1:43">
      <c r="A22373" t="s">
        <v>13859</v>
      </c>
      <c r="B22373" t="s">
        <v>13860</v>
      </c>
      <c r="C22373" t="s">
        <v>13753</v>
      </c>
      <c r="D22373" t="s">
        <v>13754</v>
      </c>
      <c r="E22373" t="s">
        <v>13745</v>
      </c>
      <c r="F22373" t="s">
        <v>13746</v>
      </c>
      <c r="G22373" t="s">
        <v>10734</v>
      </c>
      <c r="H22373" t="s">
        <v>10735</v>
      </c>
      <c r="I22373" s="2">
        <v>0</v>
      </c>
      <c r="J22373" s="2">
        <v>0</v>
      </c>
      <c r="K22373" s="2">
        <v>1</v>
      </c>
      <c r="L22373" t="s">
        <v>995</v>
      </c>
      <c r="M22373" t="s">
        <v>83</v>
      </c>
      <c r="N22373" t="s">
        <v>91</v>
      </c>
      <c r="O22373" t="s">
        <v>85</v>
      </c>
      <c r="P22373" t="s">
        <v>86</v>
      </c>
      <c r="Q22373">
        <v>14</v>
      </c>
      <c r="R22373">
        <v>14</v>
      </c>
      <c r="S22373">
        <v>14</v>
      </c>
      <c r="T22373">
        <v>14</v>
      </c>
      <c r="U22373">
        <v>14</v>
      </c>
      <c r="V22373">
        <v>14</v>
      </c>
      <c r="W22373">
        <v>15</v>
      </c>
      <c r="X22373">
        <v>15</v>
      </c>
      <c r="Y22373">
        <v>15</v>
      </c>
      <c r="Z22373">
        <v>15</v>
      </c>
      <c r="AA22373">
        <v>15</v>
      </c>
      <c r="AB22373">
        <v>15</v>
      </c>
      <c r="AC22373">
        <v>15</v>
      </c>
      <c r="AD22373">
        <v>15</v>
      </c>
      <c r="AE22373">
        <v>15</v>
      </c>
      <c r="AF22373">
        <v>15</v>
      </c>
      <c r="AG22373">
        <v>15</v>
      </c>
      <c r="AH22373">
        <v>15</v>
      </c>
      <c r="AI22373">
        <v>15</v>
      </c>
      <c r="AJ22373">
        <v>15</v>
      </c>
      <c r="AK22373">
        <v>15</v>
      </c>
      <c r="AL22373">
        <v>15</v>
      </c>
      <c r="AM22373">
        <v>15</v>
      </c>
      <c r="AN22373">
        <v>15</v>
      </c>
      <c r="AO22373">
        <v>15</v>
      </c>
      <c r="AP22373">
        <v>15</v>
      </c>
      <c r="AQ22373">
        <v>15</v>
      </c>
    </row>
    <row r="22374" spans="1:43">
      <c r="A22374" t="s">
        <v>13861</v>
      </c>
      <c r="B22374" t="s">
        <v>13862</v>
      </c>
      <c r="C22374" t="s">
        <v>13863</v>
      </c>
      <c r="D22374" t="s">
        <v>13864</v>
      </c>
      <c r="E22374" t="s">
        <v>13745</v>
      </c>
      <c r="F22374" t="s">
        <v>13746</v>
      </c>
      <c r="G22374" t="s">
        <v>10734</v>
      </c>
      <c r="H22374" t="s">
        <v>10735</v>
      </c>
      <c r="I22374" s="2">
        <v>0</v>
      </c>
      <c r="J22374" s="2">
        <v>0</v>
      </c>
      <c r="K22374" s="2">
        <v>1</v>
      </c>
      <c r="L22374" t="s">
        <v>995</v>
      </c>
      <c r="M22374" t="s">
        <v>83</v>
      </c>
      <c r="N22374" t="s">
        <v>84</v>
      </c>
      <c r="O22374" t="s">
        <v>85</v>
      </c>
      <c r="P22374" t="s">
        <v>86</v>
      </c>
      <c r="Q22374">
        <v>52</v>
      </c>
      <c r="R22374">
        <v>52</v>
      </c>
      <c r="S22374">
        <v>52</v>
      </c>
      <c r="T22374">
        <v>52</v>
      </c>
      <c r="U22374">
        <v>52</v>
      </c>
      <c r="V22374">
        <v>52</v>
      </c>
      <c r="W22374">
        <v>52</v>
      </c>
      <c r="X22374">
        <v>52</v>
      </c>
      <c r="Y22374">
        <v>52</v>
      </c>
      <c r="Z22374">
        <v>53</v>
      </c>
      <c r="AA22374">
        <v>53</v>
      </c>
      <c r="AB22374">
        <v>53</v>
      </c>
      <c r="AC22374">
        <v>53</v>
      </c>
      <c r="AD22374">
        <v>53</v>
      </c>
      <c r="AE22374">
        <v>53</v>
      </c>
      <c r="AF22374">
        <v>53</v>
      </c>
      <c r="AG22374">
        <v>53</v>
      </c>
      <c r="AH22374">
        <v>53</v>
      </c>
      <c r="AI22374">
        <v>53</v>
      </c>
      <c r="AJ22374">
        <v>53</v>
      </c>
      <c r="AK22374">
        <v>53</v>
      </c>
      <c r="AL22374">
        <v>52</v>
      </c>
      <c r="AM22374">
        <v>52</v>
      </c>
      <c r="AN22374">
        <v>52</v>
      </c>
      <c r="AO22374">
        <v>51</v>
      </c>
      <c r="AP22374">
        <v>51</v>
      </c>
      <c r="AQ22374">
        <v>50</v>
      </c>
    </row>
    <row r="22375" spans="1:43">
      <c r="A22375" t="s">
        <v>13861</v>
      </c>
      <c r="B22375" t="s">
        <v>13862</v>
      </c>
      <c r="C22375" t="s">
        <v>13863</v>
      </c>
      <c r="D22375" t="s">
        <v>13864</v>
      </c>
      <c r="E22375" t="s">
        <v>13745</v>
      </c>
      <c r="F22375" t="s">
        <v>13746</v>
      </c>
      <c r="G22375" t="s">
        <v>10734</v>
      </c>
      <c r="H22375" t="s">
        <v>10735</v>
      </c>
      <c r="I22375" s="2">
        <v>0</v>
      </c>
      <c r="J22375" s="2">
        <v>0</v>
      </c>
      <c r="K22375" s="2">
        <v>1</v>
      </c>
      <c r="L22375" t="s">
        <v>995</v>
      </c>
      <c r="M22375" t="s">
        <v>87</v>
      </c>
      <c r="N22375" t="s">
        <v>88</v>
      </c>
      <c r="O22375" t="s">
        <v>85</v>
      </c>
      <c r="P22375" t="s">
        <v>86</v>
      </c>
      <c r="Q22375">
        <v>52</v>
      </c>
      <c r="R22375">
        <v>52</v>
      </c>
      <c r="S22375">
        <v>51</v>
      </c>
      <c r="T22375">
        <v>51</v>
      </c>
      <c r="U22375">
        <v>51</v>
      </c>
      <c r="V22375">
        <v>50</v>
      </c>
      <c r="W22375">
        <v>50</v>
      </c>
      <c r="X22375">
        <v>50</v>
      </c>
      <c r="Y22375">
        <v>49</v>
      </c>
      <c r="Z22375">
        <v>49</v>
      </c>
      <c r="AA22375">
        <v>49</v>
      </c>
      <c r="AB22375">
        <v>49</v>
      </c>
      <c r="AC22375">
        <v>48</v>
      </c>
      <c r="AD22375">
        <v>48</v>
      </c>
      <c r="AE22375">
        <v>48</v>
      </c>
      <c r="AF22375">
        <v>47</v>
      </c>
      <c r="AG22375">
        <v>47</v>
      </c>
      <c r="AH22375">
        <v>47</v>
      </c>
      <c r="AI22375">
        <v>47</v>
      </c>
      <c r="AJ22375">
        <v>46</v>
      </c>
      <c r="AK22375">
        <v>46</v>
      </c>
      <c r="AL22375">
        <v>46</v>
      </c>
      <c r="AM22375">
        <v>45</v>
      </c>
      <c r="AN22375">
        <v>45</v>
      </c>
      <c r="AO22375">
        <v>45</v>
      </c>
      <c r="AP22375">
        <v>45</v>
      </c>
      <c r="AQ22375">
        <v>44</v>
      </c>
    </row>
    <row r="22376" spans="1:43">
      <c r="A22376" t="s">
        <v>13861</v>
      </c>
      <c r="B22376" t="s">
        <v>13862</v>
      </c>
      <c r="C22376" t="s">
        <v>13863</v>
      </c>
      <c r="D22376" t="s">
        <v>13864</v>
      </c>
      <c r="E22376" t="s">
        <v>13745</v>
      </c>
      <c r="F22376" t="s">
        <v>13746</v>
      </c>
      <c r="G22376" t="s">
        <v>10734</v>
      </c>
      <c r="H22376" t="s">
        <v>10735</v>
      </c>
      <c r="I22376" s="2">
        <v>0</v>
      </c>
      <c r="J22376" s="2">
        <v>0</v>
      </c>
      <c r="K22376" s="2">
        <v>1</v>
      </c>
      <c r="L22376" t="s">
        <v>995</v>
      </c>
      <c r="M22376" t="s">
        <v>89</v>
      </c>
      <c r="N22376" t="s">
        <v>90</v>
      </c>
      <c r="O22376" t="s">
        <v>85</v>
      </c>
      <c r="P22376" t="s">
        <v>86</v>
      </c>
      <c r="Q22376">
        <v>52</v>
      </c>
      <c r="R22376">
        <v>53</v>
      </c>
      <c r="S22376">
        <v>53</v>
      </c>
      <c r="T22376">
        <v>54</v>
      </c>
      <c r="U22376">
        <v>54</v>
      </c>
      <c r="V22376">
        <v>55</v>
      </c>
      <c r="W22376">
        <v>55</v>
      </c>
      <c r="X22376">
        <v>55</v>
      </c>
      <c r="Y22376">
        <v>56</v>
      </c>
      <c r="Z22376">
        <v>56</v>
      </c>
      <c r="AA22376">
        <v>56</v>
      </c>
      <c r="AB22376">
        <v>56</v>
      </c>
      <c r="AC22376">
        <v>57</v>
      </c>
      <c r="AD22376">
        <v>57</v>
      </c>
      <c r="AE22376">
        <v>57</v>
      </c>
      <c r="AF22376">
        <v>56</v>
      </c>
      <c r="AG22376">
        <v>56</v>
      </c>
      <c r="AH22376">
        <v>55</v>
      </c>
      <c r="AI22376">
        <v>55</v>
      </c>
      <c r="AJ22376">
        <v>54</v>
      </c>
      <c r="AK22376">
        <v>53</v>
      </c>
      <c r="AL22376">
        <v>53</v>
      </c>
      <c r="AM22376">
        <v>53</v>
      </c>
      <c r="AN22376">
        <v>52</v>
      </c>
      <c r="AO22376">
        <v>52</v>
      </c>
      <c r="AP22376">
        <v>51</v>
      </c>
      <c r="AQ22376">
        <v>51</v>
      </c>
    </row>
    <row r="22377" spans="1:43">
      <c r="A22377" t="s">
        <v>13861</v>
      </c>
      <c r="B22377" t="s">
        <v>13862</v>
      </c>
      <c r="C22377" t="s">
        <v>13863</v>
      </c>
      <c r="D22377" t="s">
        <v>13864</v>
      </c>
      <c r="E22377" t="s">
        <v>13745</v>
      </c>
      <c r="F22377" t="s">
        <v>13746</v>
      </c>
      <c r="G22377" t="s">
        <v>10734</v>
      </c>
      <c r="H22377" t="s">
        <v>10735</v>
      </c>
      <c r="I22377" s="2">
        <v>0</v>
      </c>
      <c r="J22377" s="2">
        <v>0</v>
      </c>
      <c r="K22377" s="2">
        <v>1</v>
      </c>
      <c r="L22377" t="s">
        <v>995</v>
      </c>
      <c r="M22377" t="s">
        <v>83</v>
      </c>
      <c r="N22377" t="s">
        <v>91</v>
      </c>
      <c r="O22377" t="s">
        <v>85</v>
      </c>
      <c r="P22377" t="s">
        <v>86</v>
      </c>
      <c r="Q22377">
        <v>52</v>
      </c>
      <c r="R22377">
        <v>52</v>
      </c>
      <c r="S22377">
        <v>52</v>
      </c>
      <c r="T22377">
        <v>52</v>
      </c>
      <c r="U22377">
        <v>52</v>
      </c>
      <c r="V22377">
        <v>52</v>
      </c>
      <c r="W22377">
        <v>52</v>
      </c>
      <c r="X22377">
        <v>52</v>
      </c>
      <c r="Y22377">
        <v>52</v>
      </c>
      <c r="Z22377">
        <v>53</v>
      </c>
      <c r="AA22377">
        <v>53</v>
      </c>
      <c r="AB22377">
        <v>53</v>
      </c>
      <c r="AC22377">
        <v>53</v>
      </c>
      <c r="AD22377">
        <v>53</v>
      </c>
      <c r="AE22377">
        <v>53</v>
      </c>
      <c r="AF22377">
        <v>53</v>
      </c>
      <c r="AG22377">
        <v>53</v>
      </c>
      <c r="AH22377">
        <v>53</v>
      </c>
      <c r="AI22377">
        <v>53</v>
      </c>
      <c r="AJ22377">
        <v>53</v>
      </c>
      <c r="AK22377">
        <v>53</v>
      </c>
      <c r="AL22377">
        <v>52</v>
      </c>
      <c r="AM22377">
        <v>52</v>
      </c>
      <c r="AN22377">
        <v>52</v>
      </c>
      <c r="AO22377">
        <v>51</v>
      </c>
      <c r="AP22377">
        <v>51</v>
      </c>
      <c r="AQ22377">
        <v>50</v>
      </c>
    </row>
    <row r="22378" spans="1:43">
      <c r="A22378" t="s">
        <v>13865</v>
      </c>
      <c r="B22378" t="s">
        <v>13866</v>
      </c>
      <c r="C22378" t="s">
        <v>13753</v>
      </c>
      <c r="D22378" t="s">
        <v>13754</v>
      </c>
      <c r="E22378" t="s">
        <v>13745</v>
      </c>
      <c r="F22378" t="s">
        <v>13746</v>
      </c>
      <c r="G22378" t="s">
        <v>10734</v>
      </c>
      <c r="H22378" t="s">
        <v>10735</v>
      </c>
      <c r="I22378" s="2">
        <v>0</v>
      </c>
      <c r="J22378" s="2">
        <v>0</v>
      </c>
      <c r="K22378" s="2">
        <v>1</v>
      </c>
      <c r="L22378" t="s">
        <v>995</v>
      </c>
      <c r="M22378" t="s">
        <v>83</v>
      </c>
      <c r="N22378" t="s">
        <v>84</v>
      </c>
      <c r="O22378" t="s">
        <v>85</v>
      </c>
      <c r="P22378" t="s">
        <v>86</v>
      </c>
      <c r="Q22378">
        <v>8</v>
      </c>
      <c r="R22378">
        <v>8</v>
      </c>
      <c r="S22378">
        <v>8</v>
      </c>
      <c r="T22378">
        <v>8</v>
      </c>
      <c r="U22378">
        <v>8</v>
      </c>
      <c r="V22378">
        <v>8</v>
      </c>
      <c r="W22378">
        <v>8</v>
      </c>
      <c r="X22378">
        <v>8</v>
      </c>
      <c r="Y22378">
        <v>8</v>
      </c>
      <c r="Z22378">
        <v>8</v>
      </c>
      <c r="AA22378">
        <v>8</v>
      </c>
      <c r="AB22378">
        <v>8</v>
      </c>
      <c r="AC22378">
        <v>8</v>
      </c>
      <c r="AD22378">
        <v>8</v>
      </c>
      <c r="AE22378">
        <v>8</v>
      </c>
      <c r="AF22378">
        <v>8</v>
      </c>
      <c r="AG22378">
        <v>8</v>
      </c>
      <c r="AH22378">
        <v>8</v>
      </c>
      <c r="AI22378">
        <v>8</v>
      </c>
      <c r="AJ22378">
        <v>8</v>
      </c>
      <c r="AK22378">
        <v>8</v>
      </c>
      <c r="AL22378">
        <v>8</v>
      </c>
      <c r="AM22378">
        <v>8</v>
      </c>
      <c r="AN22378">
        <v>8</v>
      </c>
      <c r="AO22378">
        <v>8</v>
      </c>
      <c r="AP22378">
        <v>8</v>
      </c>
      <c r="AQ22378">
        <v>8</v>
      </c>
    </row>
    <row r="22379" spans="1:43">
      <c r="A22379" t="s">
        <v>13865</v>
      </c>
      <c r="B22379" t="s">
        <v>13866</v>
      </c>
      <c r="C22379" t="s">
        <v>13753</v>
      </c>
      <c r="D22379" t="s">
        <v>13754</v>
      </c>
      <c r="E22379" t="s">
        <v>13745</v>
      </c>
      <c r="F22379" t="s">
        <v>13746</v>
      </c>
      <c r="G22379" t="s">
        <v>10734</v>
      </c>
      <c r="H22379" t="s">
        <v>10735</v>
      </c>
      <c r="I22379" s="2">
        <v>0</v>
      </c>
      <c r="J22379" s="2">
        <v>0</v>
      </c>
      <c r="K22379" s="2">
        <v>1</v>
      </c>
      <c r="L22379" t="s">
        <v>995</v>
      </c>
      <c r="M22379" t="s">
        <v>87</v>
      </c>
      <c r="N22379" t="s">
        <v>88</v>
      </c>
      <c r="O22379" t="s">
        <v>85</v>
      </c>
      <c r="P22379" t="s">
        <v>86</v>
      </c>
      <c r="Q22379">
        <v>8</v>
      </c>
      <c r="R22379">
        <v>8</v>
      </c>
      <c r="S22379">
        <v>8</v>
      </c>
      <c r="T22379">
        <v>8</v>
      </c>
      <c r="U22379">
        <v>8</v>
      </c>
      <c r="V22379">
        <v>7</v>
      </c>
      <c r="W22379">
        <v>7</v>
      </c>
      <c r="X22379">
        <v>7</v>
      </c>
      <c r="Y22379">
        <v>7</v>
      </c>
      <c r="Z22379">
        <v>7</v>
      </c>
      <c r="AA22379">
        <v>7</v>
      </c>
      <c r="AB22379">
        <v>7</v>
      </c>
      <c r="AC22379">
        <v>7</v>
      </c>
      <c r="AD22379">
        <v>7</v>
      </c>
      <c r="AE22379">
        <v>7</v>
      </c>
      <c r="AF22379">
        <v>7</v>
      </c>
      <c r="AG22379">
        <v>7</v>
      </c>
      <c r="AH22379">
        <v>7</v>
      </c>
      <c r="AI22379">
        <v>7</v>
      </c>
      <c r="AJ22379">
        <v>7</v>
      </c>
      <c r="AK22379">
        <v>7</v>
      </c>
      <c r="AL22379">
        <v>7</v>
      </c>
      <c r="AM22379">
        <v>7</v>
      </c>
      <c r="AN22379">
        <v>7</v>
      </c>
      <c r="AO22379">
        <v>7</v>
      </c>
      <c r="AP22379">
        <v>7</v>
      </c>
      <c r="AQ22379">
        <v>7</v>
      </c>
    </row>
    <row r="22380" spans="1:43">
      <c r="A22380" t="s">
        <v>13865</v>
      </c>
      <c r="B22380" t="s">
        <v>13866</v>
      </c>
      <c r="C22380" t="s">
        <v>13753</v>
      </c>
      <c r="D22380" t="s">
        <v>13754</v>
      </c>
      <c r="E22380" t="s">
        <v>13745</v>
      </c>
      <c r="F22380" t="s">
        <v>13746</v>
      </c>
      <c r="G22380" t="s">
        <v>10734</v>
      </c>
      <c r="H22380" t="s">
        <v>10735</v>
      </c>
      <c r="I22380" s="2">
        <v>0</v>
      </c>
      <c r="J22380" s="2">
        <v>0</v>
      </c>
      <c r="K22380" s="2">
        <v>1</v>
      </c>
      <c r="L22380" t="s">
        <v>995</v>
      </c>
      <c r="M22380" t="s">
        <v>89</v>
      </c>
      <c r="N22380" t="s">
        <v>90</v>
      </c>
      <c r="O22380" t="s">
        <v>85</v>
      </c>
      <c r="P22380" t="s">
        <v>86</v>
      </c>
      <c r="Q22380">
        <v>8</v>
      </c>
      <c r="R22380">
        <v>8</v>
      </c>
      <c r="S22380">
        <v>8</v>
      </c>
      <c r="T22380">
        <v>8</v>
      </c>
      <c r="U22380">
        <v>8</v>
      </c>
      <c r="V22380">
        <v>8</v>
      </c>
      <c r="W22380">
        <v>8</v>
      </c>
      <c r="X22380">
        <v>8</v>
      </c>
      <c r="Y22380">
        <v>8</v>
      </c>
      <c r="Z22380">
        <v>9</v>
      </c>
      <c r="AA22380">
        <v>9</v>
      </c>
      <c r="AB22380">
        <v>9</v>
      </c>
      <c r="AC22380">
        <v>9</v>
      </c>
      <c r="AD22380">
        <v>9</v>
      </c>
      <c r="AE22380">
        <v>9</v>
      </c>
      <c r="AF22380">
        <v>9</v>
      </c>
      <c r="AG22380">
        <v>9</v>
      </c>
      <c r="AH22380">
        <v>9</v>
      </c>
      <c r="AI22380">
        <v>9</v>
      </c>
      <c r="AJ22380">
        <v>9</v>
      </c>
      <c r="AK22380">
        <v>9</v>
      </c>
      <c r="AL22380">
        <v>8</v>
      </c>
      <c r="AM22380">
        <v>8</v>
      </c>
      <c r="AN22380">
        <v>8</v>
      </c>
      <c r="AO22380">
        <v>8</v>
      </c>
      <c r="AP22380">
        <v>8</v>
      </c>
      <c r="AQ22380">
        <v>8</v>
      </c>
    </row>
    <row r="22381" spans="1:43">
      <c r="A22381" t="s">
        <v>13865</v>
      </c>
      <c r="B22381" t="s">
        <v>13866</v>
      </c>
      <c r="C22381" t="s">
        <v>13753</v>
      </c>
      <c r="D22381" t="s">
        <v>13754</v>
      </c>
      <c r="E22381" t="s">
        <v>13745</v>
      </c>
      <c r="F22381" t="s">
        <v>13746</v>
      </c>
      <c r="G22381" t="s">
        <v>10734</v>
      </c>
      <c r="H22381" t="s">
        <v>10735</v>
      </c>
      <c r="I22381" s="2">
        <v>0</v>
      </c>
      <c r="J22381" s="2">
        <v>0</v>
      </c>
      <c r="K22381" s="2">
        <v>1</v>
      </c>
      <c r="L22381" t="s">
        <v>995</v>
      </c>
      <c r="M22381" t="s">
        <v>83</v>
      </c>
      <c r="N22381" t="s">
        <v>91</v>
      </c>
      <c r="O22381" t="s">
        <v>85</v>
      </c>
      <c r="P22381" t="s">
        <v>86</v>
      </c>
      <c r="Q22381">
        <v>8</v>
      </c>
      <c r="R22381">
        <v>8</v>
      </c>
      <c r="S22381">
        <v>8</v>
      </c>
      <c r="T22381">
        <v>8</v>
      </c>
      <c r="U22381">
        <v>8</v>
      </c>
      <c r="V22381">
        <v>8</v>
      </c>
      <c r="W22381">
        <v>8</v>
      </c>
      <c r="X22381">
        <v>8</v>
      </c>
      <c r="Y22381">
        <v>8</v>
      </c>
      <c r="Z22381">
        <v>8</v>
      </c>
      <c r="AA22381">
        <v>8</v>
      </c>
      <c r="AB22381">
        <v>8</v>
      </c>
      <c r="AC22381">
        <v>8</v>
      </c>
      <c r="AD22381">
        <v>8</v>
      </c>
      <c r="AE22381">
        <v>8</v>
      </c>
      <c r="AF22381">
        <v>8</v>
      </c>
      <c r="AG22381">
        <v>8</v>
      </c>
      <c r="AH22381">
        <v>8</v>
      </c>
      <c r="AI22381">
        <v>8</v>
      </c>
      <c r="AJ22381">
        <v>8</v>
      </c>
      <c r="AK22381">
        <v>8</v>
      </c>
      <c r="AL22381">
        <v>8</v>
      </c>
      <c r="AM22381">
        <v>8</v>
      </c>
      <c r="AN22381">
        <v>8</v>
      </c>
      <c r="AO22381">
        <v>8</v>
      </c>
      <c r="AP22381">
        <v>8</v>
      </c>
      <c r="AQ22381">
        <v>8</v>
      </c>
    </row>
    <row r="22382" spans="1:43">
      <c r="A22382" t="s">
        <v>13867</v>
      </c>
      <c r="B22382" t="s">
        <v>13868</v>
      </c>
      <c r="C22382" t="s">
        <v>13753</v>
      </c>
      <c r="D22382" t="s">
        <v>13754</v>
      </c>
      <c r="E22382" t="s">
        <v>13745</v>
      </c>
      <c r="F22382" t="s">
        <v>13746</v>
      </c>
      <c r="G22382" t="s">
        <v>10734</v>
      </c>
      <c r="H22382" t="s">
        <v>10735</v>
      </c>
      <c r="I22382" s="2">
        <v>0</v>
      </c>
      <c r="J22382" s="2">
        <v>0</v>
      </c>
      <c r="K22382" s="2">
        <v>1</v>
      </c>
      <c r="L22382" t="s">
        <v>995</v>
      </c>
      <c r="M22382" t="s">
        <v>83</v>
      </c>
      <c r="N22382" t="s">
        <v>84</v>
      </c>
      <c r="O22382" t="s">
        <v>85</v>
      </c>
      <c r="P22382" t="s">
        <v>86</v>
      </c>
      <c r="Q22382">
        <v>31</v>
      </c>
      <c r="R22382">
        <v>31</v>
      </c>
      <c r="S22382">
        <v>31</v>
      </c>
      <c r="T22382">
        <v>31</v>
      </c>
      <c r="U22382">
        <v>31</v>
      </c>
      <c r="V22382">
        <v>31</v>
      </c>
      <c r="W22382">
        <v>31</v>
      </c>
      <c r="X22382">
        <v>31</v>
      </c>
      <c r="Y22382">
        <v>31</v>
      </c>
      <c r="Z22382">
        <v>32</v>
      </c>
      <c r="AA22382">
        <v>32</v>
      </c>
      <c r="AB22382">
        <v>32</v>
      </c>
      <c r="AC22382">
        <v>32</v>
      </c>
      <c r="AD22382">
        <v>32</v>
      </c>
      <c r="AE22382">
        <v>32</v>
      </c>
      <c r="AF22382">
        <v>32</v>
      </c>
      <c r="AG22382">
        <v>32</v>
      </c>
      <c r="AH22382">
        <v>32</v>
      </c>
      <c r="AI22382">
        <v>32</v>
      </c>
      <c r="AJ22382">
        <v>32</v>
      </c>
      <c r="AK22382">
        <v>32</v>
      </c>
      <c r="AL22382">
        <v>32</v>
      </c>
      <c r="AM22382">
        <v>32</v>
      </c>
      <c r="AN22382">
        <v>32</v>
      </c>
      <c r="AO22382">
        <v>32</v>
      </c>
      <c r="AP22382">
        <v>31</v>
      </c>
      <c r="AQ22382">
        <v>31</v>
      </c>
    </row>
    <row r="22383" spans="1:43">
      <c r="A22383" t="s">
        <v>13867</v>
      </c>
      <c r="B22383" t="s">
        <v>13868</v>
      </c>
      <c r="C22383" t="s">
        <v>13753</v>
      </c>
      <c r="D22383" t="s">
        <v>13754</v>
      </c>
      <c r="E22383" t="s">
        <v>13745</v>
      </c>
      <c r="F22383" t="s">
        <v>13746</v>
      </c>
      <c r="G22383" t="s">
        <v>10734</v>
      </c>
      <c r="H22383" t="s">
        <v>10735</v>
      </c>
      <c r="I22383" s="2">
        <v>0</v>
      </c>
      <c r="J22383" s="2">
        <v>0</v>
      </c>
      <c r="K22383" s="2">
        <v>1</v>
      </c>
      <c r="L22383" t="s">
        <v>995</v>
      </c>
      <c r="M22383" t="s">
        <v>87</v>
      </c>
      <c r="N22383" t="s">
        <v>88</v>
      </c>
      <c r="O22383" t="s">
        <v>85</v>
      </c>
      <c r="P22383" t="s">
        <v>86</v>
      </c>
      <c r="Q22383">
        <v>31</v>
      </c>
      <c r="R22383">
        <v>31</v>
      </c>
      <c r="S22383">
        <v>31</v>
      </c>
      <c r="T22383">
        <v>31</v>
      </c>
      <c r="U22383">
        <v>31</v>
      </c>
      <c r="V22383">
        <v>31</v>
      </c>
      <c r="W22383">
        <v>30</v>
      </c>
      <c r="X22383">
        <v>30</v>
      </c>
      <c r="Y22383">
        <v>30</v>
      </c>
      <c r="Z22383">
        <v>30</v>
      </c>
      <c r="AA22383">
        <v>30</v>
      </c>
      <c r="AB22383">
        <v>30</v>
      </c>
      <c r="AC22383">
        <v>30</v>
      </c>
      <c r="AD22383">
        <v>29</v>
      </c>
      <c r="AE22383">
        <v>29</v>
      </c>
      <c r="AF22383">
        <v>29</v>
      </c>
      <c r="AG22383">
        <v>29</v>
      </c>
      <c r="AH22383">
        <v>29</v>
      </c>
      <c r="AI22383">
        <v>29</v>
      </c>
      <c r="AJ22383">
        <v>29</v>
      </c>
      <c r="AK22383">
        <v>28</v>
      </c>
      <c r="AL22383">
        <v>28</v>
      </c>
      <c r="AM22383">
        <v>28</v>
      </c>
      <c r="AN22383">
        <v>28</v>
      </c>
      <c r="AO22383">
        <v>28</v>
      </c>
      <c r="AP22383">
        <v>28</v>
      </c>
      <c r="AQ22383">
        <v>28</v>
      </c>
    </row>
    <row r="22384" spans="1:43">
      <c r="A22384" t="s">
        <v>13867</v>
      </c>
      <c r="B22384" t="s">
        <v>13868</v>
      </c>
      <c r="C22384" t="s">
        <v>13753</v>
      </c>
      <c r="D22384" t="s">
        <v>13754</v>
      </c>
      <c r="E22384" t="s">
        <v>13745</v>
      </c>
      <c r="F22384" t="s">
        <v>13746</v>
      </c>
      <c r="G22384" t="s">
        <v>10734</v>
      </c>
      <c r="H22384" t="s">
        <v>10735</v>
      </c>
      <c r="I22384" s="2">
        <v>0</v>
      </c>
      <c r="J22384" s="2">
        <v>0</v>
      </c>
      <c r="K22384" s="2">
        <v>1</v>
      </c>
      <c r="L22384" t="s">
        <v>995</v>
      </c>
      <c r="M22384" t="s">
        <v>89</v>
      </c>
      <c r="N22384" t="s">
        <v>90</v>
      </c>
      <c r="O22384" t="s">
        <v>85</v>
      </c>
      <c r="P22384" t="s">
        <v>86</v>
      </c>
      <c r="Q22384">
        <v>31</v>
      </c>
      <c r="R22384">
        <v>31</v>
      </c>
      <c r="S22384">
        <v>32</v>
      </c>
      <c r="T22384">
        <v>32</v>
      </c>
      <c r="U22384">
        <v>32</v>
      </c>
      <c r="V22384">
        <v>33</v>
      </c>
      <c r="W22384">
        <v>33</v>
      </c>
      <c r="X22384">
        <v>33</v>
      </c>
      <c r="Y22384">
        <v>33</v>
      </c>
      <c r="Z22384">
        <v>34</v>
      </c>
      <c r="AA22384">
        <v>34</v>
      </c>
      <c r="AB22384">
        <v>34</v>
      </c>
      <c r="AC22384">
        <v>34</v>
      </c>
      <c r="AD22384">
        <v>34</v>
      </c>
      <c r="AE22384">
        <v>34</v>
      </c>
      <c r="AF22384">
        <v>34</v>
      </c>
      <c r="AG22384">
        <v>34</v>
      </c>
      <c r="AH22384">
        <v>34</v>
      </c>
      <c r="AI22384">
        <v>33</v>
      </c>
      <c r="AJ22384">
        <v>33</v>
      </c>
      <c r="AK22384">
        <v>33</v>
      </c>
      <c r="AL22384">
        <v>33</v>
      </c>
      <c r="AM22384">
        <v>32</v>
      </c>
      <c r="AN22384">
        <v>32</v>
      </c>
      <c r="AO22384">
        <v>32</v>
      </c>
      <c r="AP22384">
        <v>32</v>
      </c>
      <c r="AQ22384">
        <v>32</v>
      </c>
    </row>
    <row r="22385" spans="1:43">
      <c r="A22385" t="s">
        <v>13867</v>
      </c>
      <c r="B22385" t="s">
        <v>13868</v>
      </c>
      <c r="C22385" t="s">
        <v>13753</v>
      </c>
      <c r="D22385" t="s">
        <v>13754</v>
      </c>
      <c r="E22385" t="s">
        <v>13745</v>
      </c>
      <c r="F22385" t="s">
        <v>13746</v>
      </c>
      <c r="G22385" t="s">
        <v>10734</v>
      </c>
      <c r="H22385" t="s">
        <v>10735</v>
      </c>
      <c r="I22385" s="2">
        <v>0</v>
      </c>
      <c r="J22385" s="2">
        <v>0</v>
      </c>
      <c r="K22385" s="2">
        <v>1</v>
      </c>
      <c r="L22385" t="s">
        <v>995</v>
      </c>
      <c r="M22385" t="s">
        <v>83</v>
      </c>
      <c r="N22385" t="s">
        <v>91</v>
      </c>
      <c r="O22385" t="s">
        <v>85</v>
      </c>
      <c r="P22385" t="s">
        <v>86</v>
      </c>
      <c r="Q22385">
        <v>31</v>
      </c>
      <c r="R22385">
        <v>31</v>
      </c>
      <c r="S22385">
        <v>31</v>
      </c>
      <c r="T22385">
        <v>31</v>
      </c>
      <c r="U22385">
        <v>31</v>
      </c>
      <c r="V22385">
        <v>31</v>
      </c>
      <c r="W22385">
        <v>31</v>
      </c>
      <c r="X22385">
        <v>31</v>
      </c>
      <c r="Y22385">
        <v>31</v>
      </c>
      <c r="Z22385">
        <v>32</v>
      </c>
      <c r="AA22385">
        <v>32</v>
      </c>
      <c r="AB22385">
        <v>32</v>
      </c>
      <c r="AC22385">
        <v>32</v>
      </c>
      <c r="AD22385">
        <v>32</v>
      </c>
      <c r="AE22385">
        <v>32</v>
      </c>
      <c r="AF22385">
        <v>32</v>
      </c>
      <c r="AG22385">
        <v>32</v>
      </c>
      <c r="AH22385">
        <v>32</v>
      </c>
      <c r="AI22385">
        <v>32</v>
      </c>
      <c r="AJ22385">
        <v>32</v>
      </c>
      <c r="AK22385">
        <v>32</v>
      </c>
      <c r="AL22385">
        <v>32</v>
      </c>
      <c r="AM22385">
        <v>32</v>
      </c>
      <c r="AN22385">
        <v>32</v>
      </c>
      <c r="AO22385">
        <v>32</v>
      </c>
      <c r="AP22385">
        <v>31</v>
      </c>
      <c r="AQ22385">
        <v>31</v>
      </c>
    </row>
    <row r="22386" spans="1:43">
      <c r="A22386" t="s">
        <v>13869</v>
      </c>
      <c r="B22386" t="s">
        <v>13870</v>
      </c>
      <c r="C22386" t="s">
        <v>13839</v>
      </c>
      <c r="D22386" t="s">
        <v>13840</v>
      </c>
      <c r="E22386" t="s">
        <v>13745</v>
      </c>
      <c r="F22386" t="s">
        <v>13746</v>
      </c>
      <c r="G22386" t="s">
        <v>10734</v>
      </c>
      <c r="H22386" t="s">
        <v>10735</v>
      </c>
      <c r="I22386" s="2">
        <v>0</v>
      </c>
      <c r="J22386" s="2">
        <v>0</v>
      </c>
      <c r="K22386" s="2">
        <v>1</v>
      </c>
      <c r="L22386" t="s">
        <v>995</v>
      </c>
      <c r="M22386" t="s">
        <v>83</v>
      </c>
      <c r="N22386" t="s">
        <v>84</v>
      </c>
      <c r="O22386" t="s">
        <v>85</v>
      </c>
      <c r="P22386" t="s">
        <v>86</v>
      </c>
      <c r="Q22386">
        <v>28</v>
      </c>
      <c r="R22386">
        <v>28</v>
      </c>
      <c r="S22386">
        <v>28</v>
      </c>
      <c r="T22386">
        <v>28</v>
      </c>
      <c r="U22386">
        <v>28</v>
      </c>
      <c r="V22386">
        <v>28</v>
      </c>
      <c r="W22386">
        <v>29</v>
      </c>
      <c r="X22386">
        <v>29</v>
      </c>
      <c r="Y22386">
        <v>29</v>
      </c>
      <c r="Z22386">
        <v>29</v>
      </c>
      <c r="AA22386">
        <v>29</v>
      </c>
      <c r="AB22386">
        <v>29</v>
      </c>
      <c r="AC22386">
        <v>29</v>
      </c>
      <c r="AD22386">
        <v>29</v>
      </c>
      <c r="AE22386">
        <v>29</v>
      </c>
      <c r="AF22386">
        <v>29</v>
      </c>
      <c r="AG22386">
        <v>29</v>
      </c>
      <c r="AH22386">
        <v>29</v>
      </c>
      <c r="AI22386">
        <v>29</v>
      </c>
      <c r="AJ22386">
        <v>29</v>
      </c>
      <c r="AK22386">
        <v>29</v>
      </c>
      <c r="AL22386">
        <v>29</v>
      </c>
      <c r="AM22386">
        <v>28</v>
      </c>
      <c r="AN22386">
        <v>28</v>
      </c>
      <c r="AO22386">
        <v>28</v>
      </c>
      <c r="AP22386">
        <v>28</v>
      </c>
      <c r="AQ22386">
        <v>27</v>
      </c>
    </row>
    <row r="22387" spans="1:43">
      <c r="A22387" t="s">
        <v>13869</v>
      </c>
      <c r="B22387" t="s">
        <v>13870</v>
      </c>
      <c r="C22387" t="s">
        <v>13839</v>
      </c>
      <c r="D22387" t="s">
        <v>13840</v>
      </c>
      <c r="E22387" t="s">
        <v>13745</v>
      </c>
      <c r="F22387" t="s">
        <v>13746</v>
      </c>
      <c r="G22387" t="s">
        <v>10734</v>
      </c>
      <c r="H22387" t="s">
        <v>10735</v>
      </c>
      <c r="I22387" s="2">
        <v>0</v>
      </c>
      <c r="J22387" s="2">
        <v>0</v>
      </c>
      <c r="K22387" s="2">
        <v>1</v>
      </c>
      <c r="L22387" t="s">
        <v>995</v>
      </c>
      <c r="M22387" t="s">
        <v>87</v>
      </c>
      <c r="N22387" t="s">
        <v>88</v>
      </c>
      <c r="O22387" t="s">
        <v>85</v>
      </c>
      <c r="P22387" t="s">
        <v>86</v>
      </c>
      <c r="Q22387">
        <v>28</v>
      </c>
      <c r="R22387">
        <v>27</v>
      </c>
      <c r="S22387">
        <v>27</v>
      </c>
      <c r="T22387">
        <v>27</v>
      </c>
      <c r="U22387">
        <v>27</v>
      </c>
      <c r="V22387">
        <v>27</v>
      </c>
      <c r="W22387">
        <v>27</v>
      </c>
      <c r="X22387">
        <v>27</v>
      </c>
      <c r="Y22387">
        <v>27</v>
      </c>
      <c r="Z22387">
        <v>26</v>
      </c>
      <c r="AA22387">
        <v>26</v>
      </c>
      <c r="AB22387">
        <v>26</v>
      </c>
      <c r="AC22387">
        <v>26</v>
      </c>
      <c r="AD22387">
        <v>26</v>
      </c>
      <c r="AE22387">
        <v>26</v>
      </c>
      <c r="AF22387">
        <v>26</v>
      </c>
      <c r="AG22387">
        <v>26</v>
      </c>
      <c r="AH22387">
        <v>26</v>
      </c>
      <c r="AI22387">
        <v>25</v>
      </c>
      <c r="AJ22387">
        <v>25</v>
      </c>
      <c r="AK22387">
        <v>25</v>
      </c>
      <c r="AL22387">
        <v>25</v>
      </c>
      <c r="AM22387">
        <v>25</v>
      </c>
      <c r="AN22387">
        <v>25</v>
      </c>
      <c r="AO22387">
        <v>25</v>
      </c>
      <c r="AP22387">
        <v>25</v>
      </c>
      <c r="AQ22387">
        <v>25</v>
      </c>
    </row>
    <row r="22388" spans="1:43">
      <c r="A22388" t="s">
        <v>13869</v>
      </c>
      <c r="B22388" t="s">
        <v>13870</v>
      </c>
      <c r="C22388" t="s">
        <v>13839</v>
      </c>
      <c r="D22388" t="s">
        <v>13840</v>
      </c>
      <c r="E22388" t="s">
        <v>13745</v>
      </c>
      <c r="F22388" t="s">
        <v>13746</v>
      </c>
      <c r="G22388" t="s">
        <v>10734</v>
      </c>
      <c r="H22388" t="s">
        <v>10735</v>
      </c>
      <c r="I22388" s="2">
        <v>0</v>
      </c>
      <c r="J22388" s="2">
        <v>0</v>
      </c>
      <c r="K22388" s="2">
        <v>1</v>
      </c>
      <c r="L22388" t="s">
        <v>995</v>
      </c>
      <c r="M22388" t="s">
        <v>89</v>
      </c>
      <c r="N22388" t="s">
        <v>90</v>
      </c>
      <c r="O22388" t="s">
        <v>85</v>
      </c>
      <c r="P22388" t="s">
        <v>86</v>
      </c>
      <c r="Q22388">
        <v>28</v>
      </c>
      <c r="R22388">
        <v>28</v>
      </c>
      <c r="S22388">
        <v>29</v>
      </c>
      <c r="T22388">
        <v>29</v>
      </c>
      <c r="U22388">
        <v>29</v>
      </c>
      <c r="V22388">
        <v>30</v>
      </c>
      <c r="W22388">
        <v>30</v>
      </c>
      <c r="X22388">
        <v>30</v>
      </c>
      <c r="Y22388">
        <v>30</v>
      </c>
      <c r="Z22388">
        <v>30</v>
      </c>
      <c r="AA22388">
        <v>30</v>
      </c>
      <c r="AB22388">
        <v>30</v>
      </c>
      <c r="AC22388">
        <v>30</v>
      </c>
      <c r="AD22388">
        <v>31</v>
      </c>
      <c r="AE22388">
        <v>30</v>
      </c>
      <c r="AF22388">
        <v>30</v>
      </c>
      <c r="AG22388">
        <v>30</v>
      </c>
      <c r="AH22388">
        <v>30</v>
      </c>
      <c r="AI22388">
        <v>29</v>
      </c>
      <c r="AJ22388">
        <v>29</v>
      </c>
      <c r="AK22388">
        <v>29</v>
      </c>
      <c r="AL22388">
        <v>29</v>
      </c>
      <c r="AM22388">
        <v>28</v>
      </c>
      <c r="AN22388">
        <v>28</v>
      </c>
      <c r="AO22388">
        <v>28</v>
      </c>
      <c r="AP22388">
        <v>28</v>
      </c>
      <c r="AQ22388">
        <v>28</v>
      </c>
    </row>
    <row r="22389" spans="1:43">
      <c r="A22389" t="s">
        <v>13869</v>
      </c>
      <c r="B22389" t="s">
        <v>13870</v>
      </c>
      <c r="C22389" t="s">
        <v>13839</v>
      </c>
      <c r="D22389" t="s">
        <v>13840</v>
      </c>
      <c r="E22389" t="s">
        <v>13745</v>
      </c>
      <c r="F22389" t="s">
        <v>13746</v>
      </c>
      <c r="G22389" t="s">
        <v>10734</v>
      </c>
      <c r="H22389" t="s">
        <v>10735</v>
      </c>
      <c r="I22389" s="2">
        <v>0</v>
      </c>
      <c r="J22389" s="2">
        <v>0</v>
      </c>
      <c r="K22389" s="2">
        <v>1</v>
      </c>
      <c r="L22389" t="s">
        <v>995</v>
      </c>
      <c r="M22389" t="s">
        <v>83</v>
      </c>
      <c r="N22389" t="s">
        <v>91</v>
      </c>
      <c r="O22389" t="s">
        <v>85</v>
      </c>
      <c r="P22389" t="s">
        <v>86</v>
      </c>
      <c r="Q22389">
        <v>28</v>
      </c>
      <c r="R22389">
        <v>28</v>
      </c>
      <c r="S22389">
        <v>28</v>
      </c>
      <c r="T22389">
        <v>28</v>
      </c>
      <c r="U22389">
        <v>28</v>
      </c>
      <c r="V22389">
        <v>28</v>
      </c>
      <c r="W22389">
        <v>29</v>
      </c>
      <c r="X22389">
        <v>29</v>
      </c>
      <c r="Y22389">
        <v>29</v>
      </c>
      <c r="Z22389">
        <v>29</v>
      </c>
      <c r="AA22389">
        <v>29</v>
      </c>
      <c r="AB22389">
        <v>29</v>
      </c>
      <c r="AC22389">
        <v>29</v>
      </c>
      <c r="AD22389">
        <v>29</v>
      </c>
      <c r="AE22389">
        <v>29</v>
      </c>
      <c r="AF22389">
        <v>29</v>
      </c>
      <c r="AG22389">
        <v>29</v>
      </c>
      <c r="AH22389">
        <v>29</v>
      </c>
      <c r="AI22389">
        <v>29</v>
      </c>
      <c r="AJ22389">
        <v>29</v>
      </c>
      <c r="AK22389">
        <v>29</v>
      </c>
      <c r="AL22389">
        <v>29</v>
      </c>
      <c r="AM22389">
        <v>28</v>
      </c>
      <c r="AN22389">
        <v>28</v>
      </c>
      <c r="AO22389">
        <v>28</v>
      </c>
      <c r="AP22389">
        <v>28</v>
      </c>
      <c r="AQ22389">
        <v>27</v>
      </c>
    </row>
    <row r="22390" spans="1:43">
      <c r="A22390" t="s">
        <v>13871</v>
      </c>
      <c r="B22390" t="s">
        <v>13872</v>
      </c>
      <c r="C22390" t="s">
        <v>13815</v>
      </c>
      <c r="D22390" t="s">
        <v>13816</v>
      </c>
      <c r="E22390" t="s">
        <v>13745</v>
      </c>
      <c r="F22390" t="s">
        <v>13746</v>
      </c>
      <c r="G22390" t="s">
        <v>10734</v>
      </c>
      <c r="H22390" t="s">
        <v>10735</v>
      </c>
      <c r="I22390" s="2">
        <v>0</v>
      </c>
      <c r="J22390" s="2">
        <v>0</v>
      </c>
      <c r="K22390" s="2">
        <v>1</v>
      </c>
      <c r="L22390" t="s">
        <v>995</v>
      </c>
      <c r="M22390" t="s">
        <v>83</v>
      </c>
      <c r="N22390" t="s">
        <v>84</v>
      </c>
      <c r="O22390" t="s">
        <v>85</v>
      </c>
      <c r="P22390" t="s">
        <v>86</v>
      </c>
      <c r="Q22390">
        <v>55</v>
      </c>
      <c r="R22390">
        <v>55</v>
      </c>
      <c r="S22390">
        <v>55</v>
      </c>
      <c r="T22390">
        <v>55</v>
      </c>
      <c r="U22390">
        <v>56</v>
      </c>
      <c r="V22390">
        <v>56</v>
      </c>
      <c r="W22390">
        <v>56</v>
      </c>
      <c r="X22390">
        <v>56</v>
      </c>
      <c r="Y22390">
        <v>56</v>
      </c>
      <c r="Z22390">
        <v>56</v>
      </c>
      <c r="AA22390">
        <v>57</v>
      </c>
      <c r="AB22390">
        <v>57</v>
      </c>
      <c r="AC22390">
        <v>57</v>
      </c>
      <c r="AD22390">
        <v>57</v>
      </c>
      <c r="AE22390">
        <v>57</v>
      </c>
      <c r="AF22390">
        <v>57</v>
      </c>
      <c r="AG22390">
        <v>57</v>
      </c>
      <c r="AH22390">
        <v>57</v>
      </c>
      <c r="AI22390">
        <v>57</v>
      </c>
      <c r="AJ22390">
        <v>57</v>
      </c>
      <c r="AK22390">
        <v>57</v>
      </c>
      <c r="AL22390">
        <v>56</v>
      </c>
      <c r="AM22390">
        <v>56</v>
      </c>
      <c r="AN22390">
        <v>55</v>
      </c>
      <c r="AO22390">
        <v>55</v>
      </c>
      <c r="AP22390">
        <v>55</v>
      </c>
      <c r="AQ22390">
        <v>54</v>
      </c>
    </row>
    <row r="22391" spans="1:43">
      <c r="A22391" t="s">
        <v>13871</v>
      </c>
      <c r="B22391" t="s">
        <v>13872</v>
      </c>
      <c r="C22391" t="s">
        <v>13815</v>
      </c>
      <c r="D22391" t="s">
        <v>13816</v>
      </c>
      <c r="E22391" t="s">
        <v>13745</v>
      </c>
      <c r="F22391" t="s">
        <v>13746</v>
      </c>
      <c r="G22391" t="s">
        <v>10734</v>
      </c>
      <c r="H22391" t="s">
        <v>10735</v>
      </c>
      <c r="I22391" s="2">
        <v>0</v>
      </c>
      <c r="J22391" s="2">
        <v>0</v>
      </c>
      <c r="K22391" s="2">
        <v>1</v>
      </c>
      <c r="L22391" t="s">
        <v>995</v>
      </c>
      <c r="M22391" t="s">
        <v>87</v>
      </c>
      <c r="N22391" t="s">
        <v>88</v>
      </c>
      <c r="O22391" t="s">
        <v>85</v>
      </c>
      <c r="P22391" t="s">
        <v>86</v>
      </c>
      <c r="Q22391">
        <v>55</v>
      </c>
      <c r="R22391">
        <v>55</v>
      </c>
      <c r="S22391">
        <v>55</v>
      </c>
      <c r="T22391">
        <v>54</v>
      </c>
      <c r="U22391">
        <v>54</v>
      </c>
      <c r="V22391">
        <v>54</v>
      </c>
      <c r="W22391">
        <v>54</v>
      </c>
      <c r="X22391">
        <v>53</v>
      </c>
      <c r="Y22391">
        <v>53</v>
      </c>
      <c r="Z22391">
        <v>53</v>
      </c>
      <c r="AA22391">
        <v>52</v>
      </c>
      <c r="AB22391">
        <v>52</v>
      </c>
      <c r="AC22391">
        <v>52</v>
      </c>
      <c r="AD22391">
        <v>52</v>
      </c>
      <c r="AE22391">
        <v>51</v>
      </c>
      <c r="AF22391">
        <v>51</v>
      </c>
      <c r="AG22391">
        <v>51</v>
      </c>
      <c r="AH22391">
        <v>51</v>
      </c>
      <c r="AI22391">
        <v>50</v>
      </c>
      <c r="AJ22391">
        <v>50</v>
      </c>
      <c r="AK22391">
        <v>50</v>
      </c>
      <c r="AL22391">
        <v>50</v>
      </c>
      <c r="AM22391">
        <v>49</v>
      </c>
      <c r="AN22391">
        <v>49</v>
      </c>
      <c r="AO22391">
        <v>49</v>
      </c>
      <c r="AP22391">
        <v>49</v>
      </c>
      <c r="AQ22391">
        <v>48</v>
      </c>
    </row>
    <row r="22392" spans="1:43">
      <c r="A22392" t="s">
        <v>13871</v>
      </c>
      <c r="B22392" t="s">
        <v>13872</v>
      </c>
      <c r="C22392" t="s">
        <v>13815</v>
      </c>
      <c r="D22392" t="s">
        <v>13816</v>
      </c>
      <c r="E22392" t="s">
        <v>13745</v>
      </c>
      <c r="F22392" t="s">
        <v>13746</v>
      </c>
      <c r="G22392" t="s">
        <v>10734</v>
      </c>
      <c r="H22392" t="s">
        <v>10735</v>
      </c>
      <c r="I22392" s="2">
        <v>0</v>
      </c>
      <c r="J22392" s="2">
        <v>0</v>
      </c>
      <c r="K22392" s="2">
        <v>1</v>
      </c>
      <c r="L22392" t="s">
        <v>995</v>
      </c>
      <c r="M22392" t="s">
        <v>89</v>
      </c>
      <c r="N22392" t="s">
        <v>90</v>
      </c>
      <c r="O22392" t="s">
        <v>85</v>
      </c>
      <c r="P22392" t="s">
        <v>86</v>
      </c>
      <c r="Q22392">
        <v>55</v>
      </c>
      <c r="R22392">
        <v>56</v>
      </c>
      <c r="S22392">
        <v>57</v>
      </c>
      <c r="T22392">
        <v>57</v>
      </c>
      <c r="U22392">
        <v>58</v>
      </c>
      <c r="V22392">
        <v>58</v>
      </c>
      <c r="W22392">
        <v>59</v>
      </c>
      <c r="X22392">
        <v>59</v>
      </c>
      <c r="Y22392">
        <v>59</v>
      </c>
      <c r="Z22392">
        <v>60</v>
      </c>
      <c r="AA22392">
        <v>60</v>
      </c>
      <c r="AB22392">
        <v>60</v>
      </c>
      <c r="AC22392">
        <v>60</v>
      </c>
      <c r="AD22392">
        <v>61</v>
      </c>
      <c r="AE22392">
        <v>60</v>
      </c>
      <c r="AF22392">
        <v>60</v>
      </c>
      <c r="AG22392">
        <v>59</v>
      </c>
      <c r="AH22392">
        <v>59</v>
      </c>
      <c r="AI22392">
        <v>58</v>
      </c>
      <c r="AJ22392">
        <v>58</v>
      </c>
      <c r="AK22392">
        <v>57</v>
      </c>
      <c r="AL22392">
        <v>57</v>
      </c>
      <c r="AM22392">
        <v>56</v>
      </c>
      <c r="AN22392">
        <v>56</v>
      </c>
      <c r="AO22392">
        <v>56</v>
      </c>
      <c r="AP22392">
        <v>55</v>
      </c>
      <c r="AQ22392">
        <v>55</v>
      </c>
    </row>
    <row r="22393" spans="1:43">
      <c r="A22393" t="s">
        <v>13871</v>
      </c>
      <c r="B22393" t="s">
        <v>13872</v>
      </c>
      <c r="C22393" t="s">
        <v>13815</v>
      </c>
      <c r="D22393" t="s">
        <v>13816</v>
      </c>
      <c r="E22393" t="s">
        <v>13745</v>
      </c>
      <c r="F22393" t="s">
        <v>13746</v>
      </c>
      <c r="G22393" t="s">
        <v>10734</v>
      </c>
      <c r="H22393" t="s">
        <v>10735</v>
      </c>
      <c r="I22393" s="2">
        <v>0</v>
      </c>
      <c r="J22393" s="2">
        <v>0</v>
      </c>
      <c r="K22393" s="2">
        <v>1</v>
      </c>
      <c r="L22393" t="s">
        <v>995</v>
      </c>
      <c r="M22393" t="s">
        <v>83</v>
      </c>
      <c r="N22393" t="s">
        <v>91</v>
      </c>
      <c r="O22393" t="s">
        <v>85</v>
      </c>
      <c r="P22393" t="s">
        <v>86</v>
      </c>
      <c r="Q22393">
        <v>55</v>
      </c>
      <c r="R22393">
        <v>55</v>
      </c>
      <c r="S22393">
        <v>55</v>
      </c>
      <c r="T22393">
        <v>55</v>
      </c>
      <c r="U22393">
        <v>56</v>
      </c>
      <c r="V22393">
        <v>56</v>
      </c>
      <c r="W22393">
        <v>56</v>
      </c>
      <c r="X22393">
        <v>56</v>
      </c>
      <c r="Y22393">
        <v>56</v>
      </c>
      <c r="Z22393">
        <v>56</v>
      </c>
      <c r="AA22393">
        <v>57</v>
      </c>
      <c r="AB22393">
        <v>57</v>
      </c>
      <c r="AC22393">
        <v>57</v>
      </c>
      <c r="AD22393">
        <v>57</v>
      </c>
      <c r="AE22393">
        <v>57</v>
      </c>
      <c r="AF22393">
        <v>57</v>
      </c>
      <c r="AG22393">
        <v>57</v>
      </c>
      <c r="AH22393">
        <v>57</v>
      </c>
      <c r="AI22393">
        <v>57</v>
      </c>
      <c r="AJ22393">
        <v>57</v>
      </c>
      <c r="AK22393">
        <v>57</v>
      </c>
      <c r="AL22393">
        <v>56</v>
      </c>
      <c r="AM22393">
        <v>56</v>
      </c>
      <c r="AN22393">
        <v>55</v>
      </c>
      <c r="AO22393">
        <v>55</v>
      </c>
      <c r="AP22393">
        <v>55</v>
      </c>
      <c r="AQ22393">
        <v>54</v>
      </c>
    </row>
    <row r="22394" spans="1:43">
      <c r="A22394" t="s">
        <v>13873</v>
      </c>
      <c r="B22394" t="s">
        <v>13874</v>
      </c>
      <c r="C22394" t="s">
        <v>13839</v>
      </c>
      <c r="D22394" t="s">
        <v>13840</v>
      </c>
      <c r="E22394" t="s">
        <v>13745</v>
      </c>
      <c r="F22394" t="s">
        <v>13746</v>
      </c>
      <c r="G22394" t="s">
        <v>10734</v>
      </c>
      <c r="H22394" t="s">
        <v>10735</v>
      </c>
      <c r="I22394" s="2">
        <v>0</v>
      </c>
      <c r="J22394" s="2">
        <v>0</v>
      </c>
      <c r="K22394" s="2">
        <v>1</v>
      </c>
      <c r="L22394" t="s">
        <v>995</v>
      </c>
      <c r="M22394" t="s">
        <v>83</v>
      </c>
      <c r="N22394" t="s">
        <v>84</v>
      </c>
      <c r="O22394" t="s">
        <v>85</v>
      </c>
      <c r="P22394" t="s">
        <v>86</v>
      </c>
      <c r="Q22394">
        <v>96</v>
      </c>
      <c r="R22394">
        <v>97</v>
      </c>
      <c r="S22394">
        <v>97</v>
      </c>
      <c r="T22394">
        <v>98</v>
      </c>
      <c r="U22394">
        <v>98</v>
      </c>
      <c r="V22394">
        <v>99</v>
      </c>
      <c r="W22394">
        <v>99</v>
      </c>
      <c r="X22394">
        <v>99</v>
      </c>
      <c r="Y22394">
        <v>100</v>
      </c>
      <c r="Z22394">
        <v>100</v>
      </c>
      <c r="AA22394">
        <v>100</v>
      </c>
      <c r="AB22394">
        <v>101</v>
      </c>
      <c r="AC22394">
        <v>100</v>
      </c>
      <c r="AD22394">
        <v>100</v>
      </c>
      <c r="AE22394">
        <v>100</v>
      </c>
      <c r="AF22394">
        <v>100</v>
      </c>
      <c r="AG22394">
        <v>100</v>
      </c>
      <c r="AH22394">
        <v>100</v>
      </c>
      <c r="AI22394">
        <v>100</v>
      </c>
      <c r="AJ22394">
        <v>100</v>
      </c>
      <c r="AK22394">
        <v>99</v>
      </c>
      <c r="AL22394">
        <v>99</v>
      </c>
      <c r="AM22394">
        <v>98</v>
      </c>
      <c r="AN22394">
        <v>97</v>
      </c>
      <c r="AO22394">
        <v>96</v>
      </c>
      <c r="AP22394">
        <v>95</v>
      </c>
      <c r="AQ22394">
        <v>95</v>
      </c>
    </row>
    <row r="22395" spans="1:43">
      <c r="A22395" t="s">
        <v>13873</v>
      </c>
      <c r="B22395" t="s">
        <v>13874</v>
      </c>
      <c r="C22395" t="s">
        <v>13839</v>
      </c>
      <c r="D22395" t="s">
        <v>13840</v>
      </c>
      <c r="E22395" t="s">
        <v>13745</v>
      </c>
      <c r="F22395" t="s">
        <v>13746</v>
      </c>
      <c r="G22395" t="s">
        <v>10734</v>
      </c>
      <c r="H22395" t="s">
        <v>10735</v>
      </c>
      <c r="I22395" s="2">
        <v>0</v>
      </c>
      <c r="J22395" s="2">
        <v>0</v>
      </c>
      <c r="K22395" s="2">
        <v>1</v>
      </c>
      <c r="L22395" t="s">
        <v>995</v>
      </c>
      <c r="M22395" t="s">
        <v>87</v>
      </c>
      <c r="N22395" t="s">
        <v>88</v>
      </c>
      <c r="O22395" t="s">
        <v>85</v>
      </c>
      <c r="P22395" t="s">
        <v>86</v>
      </c>
      <c r="Q22395">
        <v>96</v>
      </c>
      <c r="R22395">
        <v>96</v>
      </c>
      <c r="S22395">
        <v>96</v>
      </c>
      <c r="T22395">
        <v>95</v>
      </c>
      <c r="U22395">
        <v>95</v>
      </c>
      <c r="V22395">
        <v>94</v>
      </c>
      <c r="W22395">
        <v>94</v>
      </c>
      <c r="X22395">
        <v>94</v>
      </c>
      <c r="Y22395">
        <v>93</v>
      </c>
      <c r="Z22395">
        <v>93</v>
      </c>
      <c r="AA22395">
        <v>92</v>
      </c>
      <c r="AB22395">
        <v>92</v>
      </c>
      <c r="AC22395">
        <v>92</v>
      </c>
      <c r="AD22395">
        <v>91</v>
      </c>
      <c r="AE22395">
        <v>91</v>
      </c>
      <c r="AF22395">
        <v>90</v>
      </c>
      <c r="AG22395">
        <v>90</v>
      </c>
      <c r="AH22395">
        <v>90</v>
      </c>
      <c r="AI22395">
        <v>89</v>
      </c>
      <c r="AJ22395">
        <v>89</v>
      </c>
      <c r="AK22395">
        <v>89</v>
      </c>
      <c r="AL22395">
        <v>88</v>
      </c>
      <c r="AM22395">
        <v>88</v>
      </c>
      <c r="AN22395">
        <v>87</v>
      </c>
      <c r="AO22395">
        <v>87</v>
      </c>
      <c r="AP22395">
        <v>87</v>
      </c>
      <c r="AQ22395">
        <v>86</v>
      </c>
    </row>
    <row r="22396" spans="1:43">
      <c r="A22396" t="s">
        <v>13873</v>
      </c>
      <c r="B22396" t="s">
        <v>13874</v>
      </c>
      <c r="C22396" t="s">
        <v>13839</v>
      </c>
      <c r="D22396" t="s">
        <v>13840</v>
      </c>
      <c r="E22396" t="s">
        <v>13745</v>
      </c>
      <c r="F22396" t="s">
        <v>13746</v>
      </c>
      <c r="G22396" t="s">
        <v>10734</v>
      </c>
      <c r="H22396" t="s">
        <v>10735</v>
      </c>
      <c r="I22396" s="2">
        <v>0</v>
      </c>
      <c r="J22396" s="2">
        <v>0</v>
      </c>
      <c r="K22396" s="2">
        <v>1</v>
      </c>
      <c r="L22396" t="s">
        <v>995</v>
      </c>
      <c r="M22396" t="s">
        <v>89</v>
      </c>
      <c r="N22396" t="s">
        <v>90</v>
      </c>
      <c r="O22396" t="s">
        <v>85</v>
      </c>
      <c r="P22396" t="s">
        <v>86</v>
      </c>
      <c r="Q22396">
        <v>96</v>
      </c>
      <c r="R22396">
        <v>98</v>
      </c>
      <c r="S22396">
        <v>99</v>
      </c>
      <c r="T22396">
        <v>100</v>
      </c>
      <c r="U22396">
        <v>101</v>
      </c>
      <c r="V22396">
        <v>102</v>
      </c>
      <c r="W22396">
        <v>103</v>
      </c>
      <c r="X22396">
        <v>104</v>
      </c>
      <c r="Y22396">
        <v>104</v>
      </c>
      <c r="Z22396">
        <v>104</v>
      </c>
      <c r="AA22396">
        <v>104</v>
      </c>
      <c r="AB22396">
        <v>104</v>
      </c>
      <c r="AC22396">
        <v>105</v>
      </c>
      <c r="AD22396">
        <v>105</v>
      </c>
      <c r="AE22396">
        <v>104</v>
      </c>
      <c r="AF22396">
        <v>103</v>
      </c>
      <c r="AG22396">
        <v>103</v>
      </c>
      <c r="AH22396">
        <v>102</v>
      </c>
      <c r="AI22396">
        <v>101</v>
      </c>
      <c r="AJ22396">
        <v>100</v>
      </c>
      <c r="AK22396">
        <v>99</v>
      </c>
      <c r="AL22396">
        <v>98</v>
      </c>
      <c r="AM22396">
        <v>97</v>
      </c>
      <c r="AN22396">
        <v>97</v>
      </c>
      <c r="AO22396">
        <v>96</v>
      </c>
      <c r="AP22396">
        <v>95</v>
      </c>
      <c r="AQ22396">
        <v>94</v>
      </c>
    </row>
    <row r="22397" spans="1:43">
      <c r="A22397" t="s">
        <v>13873</v>
      </c>
      <c r="B22397" t="s">
        <v>13874</v>
      </c>
      <c r="C22397" t="s">
        <v>13839</v>
      </c>
      <c r="D22397" t="s">
        <v>13840</v>
      </c>
      <c r="E22397" t="s">
        <v>13745</v>
      </c>
      <c r="F22397" t="s">
        <v>13746</v>
      </c>
      <c r="G22397" t="s">
        <v>10734</v>
      </c>
      <c r="H22397" t="s">
        <v>10735</v>
      </c>
      <c r="I22397" s="2">
        <v>0</v>
      </c>
      <c r="J22397" s="2">
        <v>0</v>
      </c>
      <c r="K22397" s="2">
        <v>1</v>
      </c>
      <c r="L22397" t="s">
        <v>995</v>
      </c>
      <c r="M22397" t="s">
        <v>83</v>
      </c>
      <c r="N22397" t="s">
        <v>91</v>
      </c>
      <c r="O22397" t="s">
        <v>85</v>
      </c>
      <c r="P22397" t="s">
        <v>86</v>
      </c>
      <c r="Q22397">
        <v>96</v>
      </c>
      <c r="R22397">
        <v>97</v>
      </c>
      <c r="S22397">
        <v>97</v>
      </c>
      <c r="T22397">
        <v>98</v>
      </c>
      <c r="U22397">
        <v>98</v>
      </c>
      <c r="V22397">
        <v>99</v>
      </c>
      <c r="W22397">
        <v>99</v>
      </c>
      <c r="X22397">
        <v>99</v>
      </c>
      <c r="Y22397">
        <v>100</v>
      </c>
      <c r="Z22397">
        <v>100</v>
      </c>
      <c r="AA22397">
        <v>100</v>
      </c>
      <c r="AB22397">
        <v>101</v>
      </c>
      <c r="AC22397">
        <v>100</v>
      </c>
      <c r="AD22397">
        <v>100</v>
      </c>
      <c r="AE22397">
        <v>100</v>
      </c>
      <c r="AF22397">
        <v>100</v>
      </c>
      <c r="AG22397">
        <v>100</v>
      </c>
      <c r="AH22397">
        <v>100</v>
      </c>
      <c r="AI22397">
        <v>100</v>
      </c>
      <c r="AJ22397">
        <v>100</v>
      </c>
      <c r="AK22397">
        <v>99</v>
      </c>
      <c r="AL22397">
        <v>99</v>
      </c>
      <c r="AM22397">
        <v>98</v>
      </c>
      <c r="AN22397">
        <v>97</v>
      </c>
      <c r="AO22397">
        <v>96</v>
      </c>
      <c r="AP22397">
        <v>95</v>
      </c>
      <c r="AQ22397">
        <v>95</v>
      </c>
    </row>
    <row r="22398" spans="1:43">
      <c r="A22398" t="s">
        <v>13875</v>
      </c>
      <c r="B22398" t="s">
        <v>13876</v>
      </c>
      <c r="C22398" t="s">
        <v>13839</v>
      </c>
      <c r="D22398" t="s">
        <v>13840</v>
      </c>
      <c r="E22398" t="s">
        <v>13745</v>
      </c>
      <c r="F22398" t="s">
        <v>13746</v>
      </c>
      <c r="G22398" t="s">
        <v>10734</v>
      </c>
      <c r="H22398" t="s">
        <v>10735</v>
      </c>
      <c r="I22398" s="2">
        <v>0</v>
      </c>
      <c r="J22398" s="2">
        <v>0</v>
      </c>
      <c r="K22398" s="2">
        <v>1</v>
      </c>
      <c r="L22398" t="s">
        <v>995</v>
      </c>
      <c r="M22398" t="s">
        <v>83</v>
      </c>
      <c r="N22398" t="s">
        <v>84</v>
      </c>
      <c r="O22398" t="s">
        <v>85</v>
      </c>
      <c r="P22398" t="s">
        <v>86</v>
      </c>
      <c r="Q22398">
        <v>63</v>
      </c>
      <c r="R22398">
        <v>63</v>
      </c>
      <c r="S22398">
        <v>63</v>
      </c>
      <c r="T22398">
        <v>63</v>
      </c>
      <c r="U22398">
        <v>64</v>
      </c>
      <c r="V22398">
        <v>64</v>
      </c>
      <c r="W22398">
        <v>64</v>
      </c>
      <c r="X22398">
        <v>65</v>
      </c>
      <c r="Y22398">
        <v>65</v>
      </c>
      <c r="Z22398">
        <v>65</v>
      </c>
      <c r="AA22398">
        <v>65</v>
      </c>
      <c r="AB22398">
        <v>65</v>
      </c>
      <c r="AC22398">
        <v>65</v>
      </c>
      <c r="AD22398">
        <v>65</v>
      </c>
      <c r="AE22398">
        <v>65</v>
      </c>
      <c r="AF22398">
        <v>65</v>
      </c>
      <c r="AG22398">
        <v>65</v>
      </c>
      <c r="AH22398">
        <v>65</v>
      </c>
      <c r="AI22398">
        <v>65</v>
      </c>
      <c r="AJ22398">
        <v>65</v>
      </c>
      <c r="AK22398">
        <v>65</v>
      </c>
      <c r="AL22398">
        <v>65</v>
      </c>
      <c r="AM22398">
        <v>65</v>
      </c>
      <c r="AN22398">
        <v>64</v>
      </c>
      <c r="AO22398">
        <v>64</v>
      </c>
      <c r="AP22398">
        <v>63</v>
      </c>
      <c r="AQ22398">
        <v>63</v>
      </c>
    </row>
    <row r="22399" spans="1:43">
      <c r="A22399" t="s">
        <v>13875</v>
      </c>
      <c r="B22399" t="s">
        <v>13876</v>
      </c>
      <c r="C22399" t="s">
        <v>13839</v>
      </c>
      <c r="D22399" t="s">
        <v>13840</v>
      </c>
      <c r="E22399" t="s">
        <v>13745</v>
      </c>
      <c r="F22399" t="s">
        <v>13746</v>
      </c>
      <c r="G22399" t="s">
        <v>10734</v>
      </c>
      <c r="H22399" t="s">
        <v>10735</v>
      </c>
      <c r="I22399" s="2">
        <v>0</v>
      </c>
      <c r="J22399" s="2">
        <v>0</v>
      </c>
      <c r="K22399" s="2">
        <v>1</v>
      </c>
      <c r="L22399" t="s">
        <v>995</v>
      </c>
      <c r="M22399" t="s">
        <v>87</v>
      </c>
      <c r="N22399" t="s">
        <v>88</v>
      </c>
      <c r="O22399" t="s">
        <v>85</v>
      </c>
      <c r="P22399" t="s">
        <v>86</v>
      </c>
      <c r="Q22399">
        <v>63</v>
      </c>
      <c r="R22399">
        <v>63</v>
      </c>
      <c r="S22399">
        <v>62</v>
      </c>
      <c r="T22399">
        <v>62</v>
      </c>
      <c r="U22399">
        <v>62</v>
      </c>
      <c r="V22399">
        <v>62</v>
      </c>
      <c r="W22399">
        <v>61</v>
      </c>
      <c r="X22399">
        <v>61</v>
      </c>
      <c r="Y22399">
        <v>61</v>
      </c>
      <c r="Z22399">
        <v>61</v>
      </c>
      <c r="AA22399">
        <v>60</v>
      </c>
      <c r="AB22399">
        <v>60</v>
      </c>
      <c r="AC22399">
        <v>60</v>
      </c>
      <c r="AD22399">
        <v>60</v>
      </c>
      <c r="AE22399">
        <v>59</v>
      </c>
      <c r="AF22399">
        <v>59</v>
      </c>
      <c r="AG22399">
        <v>59</v>
      </c>
      <c r="AH22399">
        <v>59</v>
      </c>
      <c r="AI22399">
        <v>58</v>
      </c>
      <c r="AJ22399">
        <v>58</v>
      </c>
      <c r="AK22399">
        <v>58</v>
      </c>
      <c r="AL22399">
        <v>58</v>
      </c>
      <c r="AM22399">
        <v>58</v>
      </c>
      <c r="AN22399">
        <v>57</v>
      </c>
      <c r="AO22399">
        <v>57</v>
      </c>
      <c r="AP22399">
        <v>57</v>
      </c>
      <c r="AQ22399">
        <v>57</v>
      </c>
    </row>
    <row r="22400" spans="1:43">
      <c r="A22400" t="s">
        <v>13875</v>
      </c>
      <c r="B22400" t="s">
        <v>13876</v>
      </c>
      <c r="C22400" t="s">
        <v>13839</v>
      </c>
      <c r="D22400" t="s">
        <v>13840</v>
      </c>
      <c r="E22400" t="s">
        <v>13745</v>
      </c>
      <c r="F22400" t="s">
        <v>13746</v>
      </c>
      <c r="G22400" t="s">
        <v>10734</v>
      </c>
      <c r="H22400" t="s">
        <v>10735</v>
      </c>
      <c r="I22400" s="2">
        <v>0</v>
      </c>
      <c r="J22400" s="2">
        <v>0</v>
      </c>
      <c r="K22400" s="2">
        <v>1</v>
      </c>
      <c r="L22400" t="s">
        <v>995</v>
      </c>
      <c r="M22400" t="s">
        <v>89</v>
      </c>
      <c r="N22400" t="s">
        <v>90</v>
      </c>
      <c r="O22400" t="s">
        <v>85</v>
      </c>
      <c r="P22400" t="s">
        <v>86</v>
      </c>
      <c r="Q22400">
        <v>63</v>
      </c>
      <c r="R22400">
        <v>64</v>
      </c>
      <c r="S22400">
        <v>65</v>
      </c>
      <c r="T22400">
        <v>66</v>
      </c>
      <c r="U22400">
        <v>66</v>
      </c>
      <c r="V22400">
        <v>67</v>
      </c>
      <c r="W22400">
        <v>68</v>
      </c>
      <c r="X22400">
        <v>68</v>
      </c>
      <c r="Y22400">
        <v>68</v>
      </c>
      <c r="Z22400">
        <v>69</v>
      </c>
      <c r="AA22400">
        <v>69</v>
      </c>
      <c r="AB22400">
        <v>69</v>
      </c>
      <c r="AC22400">
        <v>69</v>
      </c>
      <c r="AD22400">
        <v>69</v>
      </c>
      <c r="AE22400">
        <v>69</v>
      </c>
      <c r="AF22400">
        <v>69</v>
      </c>
      <c r="AG22400">
        <v>68</v>
      </c>
      <c r="AH22400">
        <v>68</v>
      </c>
      <c r="AI22400">
        <v>67</v>
      </c>
      <c r="AJ22400">
        <v>67</v>
      </c>
      <c r="AK22400">
        <v>66</v>
      </c>
      <c r="AL22400">
        <v>66</v>
      </c>
      <c r="AM22400">
        <v>65</v>
      </c>
      <c r="AN22400">
        <v>65</v>
      </c>
      <c r="AO22400">
        <v>64</v>
      </c>
      <c r="AP22400">
        <v>64</v>
      </c>
      <c r="AQ22400">
        <v>63</v>
      </c>
    </row>
    <row r="22401" spans="1:43">
      <c r="A22401" t="s">
        <v>13875</v>
      </c>
      <c r="B22401" t="s">
        <v>13876</v>
      </c>
      <c r="C22401" t="s">
        <v>13839</v>
      </c>
      <c r="D22401" t="s">
        <v>13840</v>
      </c>
      <c r="E22401" t="s">
        <v>13745</v>
      </c>
      <c r="F22401" t="s">
        <v>13746</v>
      </c>
      <c r="G22401" t="s">
        <v>10734</v>
      </c>
      <c r="H22401" t="s">
        <v>10735</v>
      </c>
      <c r="I22401" s="2">
        <v>0</v>
      </c>
      <c r="J22401" s="2">
        <v>0</v>
      </c>
      <c r="K22401" s="2">
        <v>1</v>
      </c>
      <c r="L22401" t="s">
        <v>995</v>
      </c>
      <c r="M22401" t="s">
        <v>83</v>
      </c>
      <c r="N22401" t="s">
        <v>91</v>
      </c>
      <c r="O22401" t="s">
        <v>85</v>
      </c>
      <c r="P22401" t="s">
        <v>86</v>
      </c>
      <c r="Q22401">
        <v>63</v>
      </c>
      <c r="R22401">
        <v>63</v>
      </c>
      <c r="S22401">
        <v>63</v>
      </c>
      <c r="T22401">
        <v>63</v>
      </c>
      <c r="U22401">
        <v>64</v>
      </c>
      <c r="V22401">
        <v>64</v>
      </c>
      <c r="W22401">
        <v>64</v>
      </c>
      <c r="X22401">
        <v>65</v>
      </c>
      <c r="Y22401">
        <v>65</v>
      </c>
      <c r="Z22401">
        <v>65</v>
      </c>
      <c r="AA22401">
        <v>65</v>
      </c>
      <c r="AB22401">
        <v>65</v>
      </c>
      <c r="AC22401">
        <v>65</v>
      </c>
      <c r="AD22401">
        <v>65</v>
      </c>
      <c r="AE22401">
        <v>65</v>
      </c>
      <c r="AF22401">
        <v>65</v>
      </c>
      <c r="AG22401">
        <v>65</v>
      </c>
      <c r="AH22401">
        <v>65</v>
      </c>
      <c r="AI22401">
        <v>65</v>
      </c>
      <c r="AJ22401">
        <v>65</v>
      </c>
      <c r="AK22401">
        <v>65</v>
      </c>
      <c r="AL22401">
        <v>65</v>
      </c>
      <c r="AM22401">
        <v>65</v>
      </c>
      <c r="AN22401">
        <v>64</v>
      </c>
      <c r="AO22401">
        <v>64</v>
      </c>
      <c r="AP22401">
        <v>63</v>
      </c>
      <c r="AQ22401">
        <v>63</v>
      </c>
    </row>
    <row r="22402" spans="1:43">
      <c r="A22402" t="s">
        <v>13877</v>
      </c>
      <c r="B22402" t="s">
        <v>13878</v>
      </c>
      <c r="C22402" t="s">
        <v>13815</v>
      </c>
      <c r="D22402" t="s">
        <v>13816</v>
      </c>
      <c r="E22402" t="s">
        <v>13745</v>
      </c>
      <c r="F22402" t="s">
        <v>13746</v>
      </c>
      <c r="G22402" t="s">
        <v>10734</v>
      </c>
      <c r="H22402" t="s">
        <v>10735</v>
      </c>
      <c r="I22402" s="2">
        <v>0</v>
      </c>
      <c r="J22402" s="2">
        <v>0</v>
      </c>
      <c r="K22402" s="2">
        <v>1</v>
      </c>
      <c r="L22402" t="s">
        <v>995</v>
      </c>
      <c r="M22402" t="s">
        <v>83</v>
      </c>
      <c r="N22402" t="s">
        <v>84</v>
      </c>
      <c r="O22402" t="s">
        <v>85</v>
      </c>
      <c r="P22402" t="s">
        <v>86</v>
      </c>
      <c r="Q22402">
        <v>70</v>
      </c>
      <c r="R22402">
        <v>70</v>
      </c>
      <c r="S22402">
        <v>70</v>
      </c>
      <c r="T22402">
        <v>71</v>
      </c>
      <c r="U22402">
        <v>71</v>
      </c>
      <c r="V22402">
        <v>71</v>
      </c>
      <c r="W22402">
        <v>71</v>
      </c>
      <c r="X22402">
        <v>72</v>
      </c>
      <c r="Y22402">
        <v>72</v>
      </c>
      <c r="Z22402">
        <v>72</v>
      </c>
      <c r="AA22402">
        <v>72</v>
      </c>
      <c r="AB22402">
        <v>72</v>
      </c>
      <c r="AC22402">
        <v>72</v>
      </c>
      <c r="AD22402">
        <v>72</v>
      </c>
      <c r="AE22402">
        <v>72</v>
      </c>
      <c r="AF22402">
        <v>72</v>
      </c>
      <c r="AG22402">
        <v>72</v>
      </c>
      <c r="AH22402">
        <v>72</v>
      </c>
      <c r="AI22402">
        <v>72</v>
      </c>
      <c r="AJ22402">
        <v>72</v>
      </c>
      <c r="AK22402">
        <v>72</v>
      </c>
      <c r="AL22402">
        <v>72</v>
      </c>
      <c r="AM22402">
        <v>71</v>
      </c>
      <c r="AN22402">
        <v>71</v>
      </c>
      <c r="AO22402">
        <v>70</v>
      </c>
      <c r="AP22402">
        <v>70</v>
      </c>
      <c r="AQ22402">
        <v>69</v>
      </c>
    </row>
    <row r="22403" spans="1:43">
      <c r="A22403" t="s">
        <v>13877</v>
      </c>
      <c r="B22403" t="s">
        <v>13878</v>
      </c>
      <c r="C22403" t="s">
        <v>13815</v>
      </c>
      <c r="D22403" t="s">
        <v>13816</v>
      </c>
      <c r="E22403" t="s">
        <v>13745</v>
      </c>
      <c r="F22403" t="s">
        <v>13746</v>
      </c>
      <c r="G22403" t="s">
        <v>10734</v>
      </c>
      <c r="H22403" t="s">
        <v>10735</v>
      </c>
      <c r="I22403" s="2">
        <v>0</v>
      </c>
      <c r="J22403" s="2">
        <v>0</v>
      </c>
      <c r="K22403" s="2">
        <v>1</v>
      </c>
      <c r="L22403" t="s">
        <v>995</v>
      </c>
      <c r="M22403" t="s">
        <v>87</v>
      </c>
      <c r="N22403" t="s">
        <v>88</v>
      </c>
      <c r="O22403" t="s">
        <v>85</v>
      </c>
      <c r="P22403" t="s">
        <v>86</v>
      </c>
      <c r="Q22403">
        <v>70</v>
      </c>
      <c r="R22403">
        <v>70</v>
      </c>
      <c r="S22403">
        <v>69</v>
      </c>
      <c r="T22403">
        <v>69</v>
      </c>
      <c r="U22403">
        <v>69</v>
      </c>
      <c r="V22403">
        <v>68</v>
      </c>
      <c r="W22403">
        <v>68</v>
      </c>
      <c r="X22403">
        <v>68</v>
      </c>
      <c r="Y22403">
        <v>67</v>
      </c>
      <c r="Z22403">
        <v>67</v>
      </c>
      <c r="AA22403">
        <v>67</v>
      </c>
      <c r="AB22403">
        <v>67</v>
      </c>
      <c r="AC22403">
        <v>66</v>
      </c>
      <c r="AD22403">
        <v>66</v>
      </c>
      <c r="AE22403">
        <v>66</v>
      </c>
      <c r="AF22403">
        <v>65</v>
      </c>
      <c r="AG22403">
        <v>65</v>
      </c>
      <c r="AH22403">
        <v>65</v>
      </c>
      <c r="AI22403">
        <v>65</v>
      </c>
      <c r="AJ22403">
        <v>64</v>
      </c>
      <c r="AK22403">
        <v>64</v>
      </c>
      <c r="AL22403">
        <v>64</v>
      </c>
      <c r="AM22403">
        <v>63</v>
      </c>
      <c r="AN22403">
        <v>63</v>
      </c>
      <c r="AO22403">
        <v>63</v>
      </c>
      <c r="AP22403">
        <v>63</v>
      </c>
      <c r="AQ22403">
        <v>62</v>
      </c>
    </row>
    <row r="22404" spans="1:43">
      <c r="A22404" t="s">
        <v>13877</v>
      </c>
      <c r="B22404" t="s">
        <v>13878</v>
      </c>
      <c r="C22404" t="s">
        <v>13815</v>
      </c>
      <c r="D22404" t="s">
        <v>13816</v>
      </c>
      <c r="E22404" t="s">
        <v>13745</v>
      </c>
      <c r="F22404" t="s">
        <v>13746</v>
      </c>
      <c r="G22404" t="s">
        <v>10734</v>
      </c>
      <c r="H22404" t="s">
        <v>10735</v>
      </c>
      <c r="I22404" s="2">
        <v>0</v>
      </c>
      <c r="J22404" s="2">
        <v>0</v>
      </c>
      <c r="K22404" s="2">
        <v>1</v>
      </c>
      <c r="L22404" t="s">
        <v>995</v>
      </c>
      <c r="M22404" t="s">
        <v>89</v>
      </c>
      <c r="N22404" t="s">
        <v>90</v>
      </c>
      <c r="O22404" t="s">
        <v>85</v>
      </c>
      <c r="P22404" t="s">
        <v>86</v>
      </c>
      <c r="Q22404">
        <v>70</v>
      </c>
      <c r="R22404">
        <v>71</v>
      </c>
      <c r="S22404">
        <v>72</v>
      </c>
      <c r="T22404">
        <v>73</v>
      </c>
      <c r="U22404">
        <v>74</v>
      </c>
      <c r="V22404">
        <v>74</v>
      </c>
      <c r="W22404">
        <v>75</v>
      </c>
      <c r="X22404">
        <v>75</v>
      </c>
      <c r="Y22404">
        <v>76</v>
      </c>
      <c r="Z22404">
        <v>76</v>
      </c>
      <c r="AA22404">
        <v>76</v>
      </c>
      <c r="AB22404">
        <v>76</v>
      </c>
      <c r="AC22404">
        <v>77</v>
      </c>
      <c r="AD22404">
        <v>77</v>
      </c>
      <c r="AE22404">
        <v>77</v>
      </c>
      <c r="AF22404">
        <v>76</v>
      </c>
      <c r="AG22404">
        <v>75</v>
      </c>
      <c r="AH22404">
        <v>75</v>
      </c>
      <c r="AI22404">
        <v>74</v>
      </c>
      <c r="AJ22404">
        <v>74</v>
      </c>
      <c r="AK22404">
        <v>73</v>
      </c>
      <c r="AL22404">
        <v>73</v>
      </c>
      <c r="AM22404">
        <v>72</v>
      </c>
      <c r="AN22404">
        <v>71</v>
      </c>
      <c r="AO22404">
        <v>71</v>
      </c>
      <c r="AP22404">
        <v>70</v>
      </c>
      <c r="AQ22404">
        <v>70</v>
      </c>
    </row>
    <row r="22405" spans="1:43">
      <c r="A22405" t="s">
        <v>13877</v>
      </c>
      <c r="B22405" t="s">
        <v>13878</v>
      </c>
      <c r="C22405" t="s">
        <v>13815</v>
      </c>
      <c r="D22405" t="s">
        <v>13816</v>
      </c>
      <c r="E22405" t="s">
        <v>13745</v>
      </c>
      <c r="F22405" t="s">
        <v>13746</v>
      </c>
      <c r="G22405" t="s">
        <v>10734</v>
      </c>
      <c r="H22405" t="s">
        <v>10735</v>
      </c>
      <c r="I22405" s="2">
        <v>0</v>
      </c>
      <c r="J22405" s="2">
        <v>0</v>
      </c>
      <c r="K22405" s="2">
        <v>1</v>
      </c>
      <c r="L22405" t="s">
        <v>995</v>
      </c>
      <c r="M22405" t="s">
        <v>83</v>
      </c>
      <c r="N22405" t="s">
        <v>91</v>
      </c>
      <c r="O22405" t="s">
        <v>85</v>
      </c>
      <c r="P22405" t="s">
        <v>86</v>
      </c>
      <c r="Q22405">
        <v>70</v>
      </c>
      <c r="R22405">
        <v>70</v>
      </c>
      <c r="S22405">
        <v>70</v>
      </c>
      <c r="T22405">
        <v>71</v>
      </c>
      <c r="U22405">
        <v>71</v>
      </c>
      <c r="V22405">
        <v>71</v>
      </c>
      <c r="W22405">
        <v>71</v>
      </c>
      <c r="X22405">
        <v>72</v>
      </c>
      <c r="Y22405">
        <v>72</v>
      </c>
      <c r="Z22405">
        <v>72</v>
      </c>
      <c r="AA22405">
        <v>72</v>
      </c>
      <c r="AB22405">
        <v>72</v>
      </c>
      <c r="AC22405">
        <v>72</v>
      </c>
      <c r="AD22405">
        <v>72</v>
      </c>
      <c r="AE22405">
        <v>72</v>
      </c>
      <c r="AF22405">
        <v>72</v>
      </c>
      <c r="AG22405">
        <v>72</v>
      </c>
      <c r="AH22405">
        <v>72</v>
      </c>
      <c r="AI22405">
        <v>72</v>
      </c>
      <c r="AJ22405">
        <v>72</v>
      </c>
      <c r="AK22405">
        <v>72</v>
      </c>
      <c r="AL22405">
        <v>72</v>
      </c>
      <c r="AM22405">
        <v>71</v>
      </c>
      <c r="AN22405">
        <v>71</v>
      </c>
      <c r="AO22405">
        <v>70</v>
      </c>
      <c r="AP22405">
        <v>70</v>
      </c>
      <c r="AQ22405">
        <v>69</v>
      </c>
    </row>
    <row r="22406" spans="1:43">
      <c r="A22406" t="s">
        <v>13879</v>
      </c>
      <c r="B22406" t="s">
        <v>13880</v>
      </c>
      <c r="C22406" t="s">
        <v>13807</v>
      </c>
      <c r="D22406" t="s">
        <v>13808</v>
      </c>
      <c r="E22406" t="s">
        <v>13745</v>
      </c>
      <c r="F22406" t="s">
        <v>13746</v>
      </c>
      <c r="G22406" t="s">
        <v>10734</v>
      </c>
      <c r="H22406" t="s">
        <v>10735</v>
      </c>
      <c r="I22406" s="2">
        <v>0</v>
      </c>
      <c r="J22406" s="2">
        <v>0</v>
      </c>
      <c r="K22406" s="2">
        <v>1</v>
      </c>
      <c r="L22406" t="s">
        <v>995</v>
      </c>
      <c r="M22406" t="s">
        <v>83</v>
      </c>
      <c r="N22406" t="s">
        <v>84</v>
      </c>
      <c r="O22406" t="s">
        <v>85</v>
      </c>
      <c r="P22406" t="s">
        <v>86</v>
      </c>
      <c r="Q22406">
        <v>130</v>
      </c>
      <c r="R22406">
        <v>131</v>
      </c>
      <c r="S22406">
        <v>132</v>
      </c>
      <c r="T22406">
        <v>132</v>
      </c>
      <c r="U22406">
        <v>133</v>
      </c>
      <c r="V22406">
        <v>133</v>
      </c>
      <c r="W22406">
        <v>134</v>
      </c>
      <c r="X22406">
        <v>135</v>
      </c>
      <c r="Y22406">
        <v>135</v>
      </c>
      <c r="Z22406">
        <v>136</v>
      </c>
      <c r="AA22406">
        <v>136</v>
      </c>
      <c r="AB22406">
        <v>137</v>
      </c>
      <c r="AC22406">
        <v>137</v>
      </c>
      <c r="AD22406">
        <v>137</v>
      </c>
      <c r="AE22406">
        <v>137</v>
      </c>
      <c r="AF22406">
        <v>138</v>
      </c>
      <c r="AG22406">
        <v>138</v>
      </c>
      <c r="AH22406">
        <v>138</v>
      </c>
      <c r="AI22406">
        <v>138</v>
      </c>
      <c r="AJ22406">
        <v>139</v>
      </c>
      <c r="AK22406">
        <v>139</v>
      </c>
      <c r="AL22406">
        <v>138</v>
      </c>
      <c r="AM22406">
        <v>138</v>
      </c>
      <c r="AN22406">
        <v>137</v>
      </c>
      <c r="AO22406">
        <v>136</v>
      </c>
      <c r="AP22406">
        <v>135</v>
      </c>
      <c r="AQ22406">
        <v>134</v>
      </c>
    </row>
    <row r="22407" spans="1:43">
      <c r="A22407" t="s">
        <v>13879</v>
      </c>
      <c r="B22407" t="s">
        <v>13880</v>
      </c>
      <c r="C22407" t="s">
        <v>13807</v>
      </c>
      <c r="D22407" t="s">
        <v>13808</v>
      </c>
      <c r="E22407" t="s">
        <v>13745</v>
      </c>
      <c r="F22407" t="s">
        <v>13746</v>
      </c>
      <c r="G22407" t="s">
        <v>10734</v>
      </c>
      <c r="H22407" t="s">
        <v>10735</v>
      </c>
      <c r="I22407" s="2">
        <v>0</v>
      </c>
      <c r="J22407" s="2">
        <v>0</v>
      </c>
      <c r="K22407" s="2">
        <v>1</v>
      </c>
      <c r="L22407" t="s">
        <v>995</v>
      </c>
      <c r="M22407" t="s">
        <v>87</v>
      </c>
      <c r="N22407" t="s">
        <v>88</v>
      </c>
      <c r="O22407" t="s">
        <v>85</v>
      </c>
      <c r="P22407" t="s">
        <v>86</v>
      </c>
      <c r="Q22407">
        <v>130</v>
      </c>
      <c r="R22407">
        <v>130</v>
      </c>
      <c r="S22407">
        <v>129</v>
      </c>
      <c r="T22407">
        <v>129</v>
      </c>
      <c r="U22407">
        <v>128</v>
      </c>
      <c r="V22407">
        <v>127</v>
      </c>
      <c r="W22407">
        <v>127</v>
      </c>
      <c r="X22407">
        <v>126</v>
      </c>
      <c r="Y22407">
        <v>126</v>
      </c>
      <c r="Z22407">
        <v>125</v>
      </c>
      <c r="AA22407">
        <v>125</v>
      </c>
      <c r="AB22407">
        <v>124</v>
      </c>
      <c r="AC22407">
        <v>124</v>
      </c>
      <c r="AD22407">
        <v>124</v>
      </c>
      <c r="AE22407">
        <v>123</v>
      </c>
      <c r="AF22407">
        <v>123</v>
      </c>
      <c r="AG22407">
        <v>122</v>
      </c>
      <c r="AH22407">
        <v>122</v>
      </c>
      <c r="AI22407">
        <v>121</v>
      </c>
      <c r="AJ22407">
        <v>121</v>
      </c>
      <c r="AK22407">
        <v>120</v>
      </c>
      <c r="AL22407">
        <v>120</v>
      </c>
      <c r="AM22407">
        <v>119</v>
      </c>
      <c r="AN22407">
        <v>119</v>
      </c>
      <c r="AO22407">
        <v>119</v>
      </c>
      <c r="AP22407">
        <v>118</v>
      </c>
      <c r="AQ22407">
        <v>118</v>
      </c>
    </row>
    <row r="22408" spans="1:43">
      <c r="A22408" t="s">
        <v>13879</v>
      </c>
      <c r="B22408" t="s">
        <v>13880</v>
      </c>
      <c r="C22408" t="s">
        <v>13807</v>
      </c>
      <c r="D22408" t="s">
        <v>13808</v>
      </c>
      <c r="E22408" t="s">
        <v>13745</v>
      </c>
      <c r="F22408" t="s">
        <v>13746</v>
      </c>
      <c r="G22408" t="s">
        <v>10734</v>
      </c>
      <c r="H22408" t="s">
        <v>10735</v>
      </c>
      <c r="I22408" s="2">
        <v>0</v>
      </c>
      <c r="J22408" s="2">
        <v>0</v>
      </c>
      <c r="K22408" s="2">
        <v>1</v>
      </c>
      <c r="L22408" t="s">
        <v>995</v>
      </c>
      <c r="M22408" t="s">
        <v>89</v>
      </c>
      <c r="N22408" t="s">
        <v>90</v>
      </c>
      <c r="O22408" t="s">
        <v>85</v>
      </c>
      <c r="P22408" t="s">
        <v>86</v>
      </c>
      <c r="Q22408">
        <v>130</v>
      </c>
      <c r="R22408">
        <v>131</v>
      </c>
      <c r="S22408">
        <v>133</v>
      </c>
      <c r="T22408">
        <v>135</v>
      </c>
      <c r="U22408">
        <v>136</v>
      </c>
      <c r="V22408">
        <v>138</v>
      </c>
      <c r="W22408">
        <v>139</v>
      </c>
      <c r="X22408">
        <v>140</v>
      </c>
      <c r="Y22408">
        <v>141</v>
      </c>
      <c r="Z22408">
        <v>142</v>
      </c>
      <c r="AA22408">
        <v>142</v>
      </c>
      <c r="AB22408">
        <v>143</v>
      </c>
      <c r="AC22408">
        <v>144</v>
      </c>
      <c r="AD22408">
        <v>145</v>
      </c>
      <c r="AE22408">
        <v>145</v>
      </c>
      <c r="AF22408">
        <v>144</v>
      </c>
      <c r="AG22408">
        <v>143</v>
      </c>
      <c r="AH22408">
        <v>142</v>
      </c>
      <c r="AI22408">
        <v>141</v>
      </c>
      <c r="AJ22408">
        <v>140</v>
      </c>
      <c r="AK22408">
        <v>139</v>
      </c>
      <c r="AL22408">
        <v>139</v>
      </c>
      <c r="AM22408">
        <v>138</v>
      </c>
      <c r="AN22408">
        <v>137</v>
      </c>
      <c r="AO22408">
        <v>136</v>
      </c>
      <c r="AP22408">
        <v>135</v>
      </c>
      <c r="AQ22408">
        <v>134</v>
      </c>
    </row>
    <row r="22409" spans="1:43">
      <c r="A22409" t="s">
        <v>13879</v>
      </c>
      <c r="B22409" t="s">
        <v>13880</v>
      </c>
      <c r="C22409" t="s">
        <v>13807</v>
      </c>
      <c r="D22409" t="s">
        <v>13808</v>
      </c>
      <c r="E22409" t="s">
        <v>13745</v>
      </c>
      <c r="F22409" t="s">
        <v>13746</v>
      </c>
      <c r="G22409" t="s">
        <v>10734</v>
      </c>
      <c r="H22409" t="s">
        <v>10735</v>
      </c>
      <c r="I22409" s="2">
        <v>0</v>
      </c>
      <c r="J22409" s="2">
        <v>0</v>
      </c>
      <c r="K22409" s="2">
        <v>1</v>
      </c>
      <c r="L22409" t="s">
        <v>995</v>
      </c>
      <c r="M22409" t="s">
        <v>83</v>
      </c>
      <c r="N22409" t="s">
        <v>91</v>
      </c>
      <c r="O22409" t="s">
        <v>85</v>
      </c>
      <c r="P22409" t="s">
        <v>86</v>
      </c>
      <c r="Q22409">
        <v>130</v>
      </c>
      <c r="R22409">
        <v>131</v>
      </c>
      <c r="S22409">
        <v>132</v>
      </c>
      <c r="T22409">
        <v>132</v>
      </c>
      <c r="U22409">
        <v>133</v>
      </c>
      <c r="V22409">
        <v>133</v>
      </c>
      <c r="W22409">
        <v>134</v>
      </c>
      <c r="X22409">
        <v>135</v>
      </c>
      <c r="Y22409">
        <v>135</v>
      </c>
      <c r="Z22409">
        <v>136</v>
      </c>
      <c r="AA22409">
        <v>136</v>
      </c>
      <c r="AB22409">
        <v>137</v>
      </c>
      <c r="AC22409">
        <v>137</v>
      </c>
      <c r="AD22409">
        <v>137</v>
      </c>
      <c r="AE22409">
        <v>137</v>
      </c>
      <c r="AF22409">
        <v>138</v>
      </c>
      <c r="AG22409">
        <v>138</v>
      </c>
      <c r="AH22409">
        <v>138</v>
      </c>
      <c r="AI22409">
        <v>138</v>
      </c>
      <c r="AJ22409">
        <v>139</v>
      </c>
      <c r="AK22409">
        <v>139</v>
      </c>
      <c r="AL22409">
        <v>138</v>
      </c>
      <c r="AM22409">
        <v>138</v>
      </c>
      <c r="AN22409">
        <v>137</v>
      </c>
      <c r="AO22409">
        <v>136</v>
      </c>
      <c r="AP22409">
        <v>135</v>
      </c>
      <c r="AQ22409">
        <v>134</v>
      </c>
    </row>
    <row r="22410" spans="1:43">
      <c r="A22410" t="s">
        <v>13881</v>
      </c>
      <c r="B22410" t="s">
        <v>13882</v>
      </c>
      <c r="C22410" t="s">
        <v>13883</v>
      </c>
      <c r="D22410" t="s">
        <v>13884</v>
      </c>
      <c r="E22410" t="s">
        <v>13885</v>
      </c>
      <c r="F22410" t="s">
        <v>13886</v>
      </c>
      <c r="G22410" t="s">
        <v>10734</v>
      </c>
      <c r="H22410" t="s">
        <v>10735</v>
      </c>
      <c r="I22410" s="2">
        <v>0</v>
      </c>
      <c r="J22410" s="2">
        <v>0</v>
      </c>
      <c r="K22410" s="2">
        <v>1</v>
      </c>
      <c r="L22410" t="s">
        <v>995</v>
      </c>
      <c r="M22410" t="s">
        <v>83</v>
      </c>
      <c r="N22410" t="s">
        <v>84</v>
      </c>
      <c r="O22410" t="s">
        <v>85</v>
      </c>
      <c r="P22410" t="s">
        <v>86</v>
      </c>
      <c r="Q22410">
        <v>18</v>
      </c>
      <c r="R22410">
        <v>19</v>
      </c>
      <c r="S22410">
        <v>19</v>
      </c>
      <c r="T22410">
        <v>19</v>
      </c>
      <c r="U22410">
        <v>20</v>
      </c>
      <c r="V22410">
        <v>20</v>
      </c>
      <c r="W22410">
        <v>20</v>
      </c>
      <c r="X22410">
        <v>21</v>
      </c>
      <c r="Y22410">
        <v>21</v>
      </c>
      <c r="Z22410">
        <v>22</v>
      </c>
      <c r="AA22410">
        <v>22</v>
      </c>
      <c r="AB22410">
        <v>22</v>
      </c>
      <c r="AC22410">
        <v>23</v>
      </c>
      <c r="AD22410">
        <v>23</v>
      </c>
      <c r="AE22410">
        <v>23</v>
      </c>
      <c r="AF22410">
        <v>24</v>
      </c>
      <c r="AG22410">
        <v>24</v>
      </c>
      <c r="AH22410">
        <v>25</v>
      </c>
      <c r="AI22410">
        <v>25</v>
      </c>
      <c r="AJ22410">
        <v>25</v>
      </c>
      <c r="AK22410">
        <v>26</v>
      </c>
      <c r="AL22410">
        <v>26</v>
      </c>
      <c r="AM22410">
        <v>26</v>
      </c>
      <c r="AN22410">
        <v>26</v>
      </c>
      <c r="AO22410">
        <v>27</v>
      </c>
      <c r="AP22410">
        <v>27</v>
      </c>
      <c r="AQ22410">
        <v>27</v>
      </c>
    </row>
    <row r="22411" spans="1:43">
      <c r="A22411" t="s">
        <v>13881</v>
      </c>
      <c r="B22411" t="s">
        <v>13882</v>
      </c>
      <c r="C22411" t="s">
        <v>13883</v>
      </c>
      <c r="D22411" t="s">
        <v>13884</v>
      </c>
      <c r="E22411" t="s">
        <v>13885</v>
      </c>
      <c r="F22411" t="s">
        <v>13886</v>
      </c>
      <c r="G22411" t="s">
        <v>10734</v>
      </c>
      <c r="H22411" t="s">
        <v>10735</v>
      </c>
      <c r="I22411" s="2">
        <v>0</v>
      </c>
      <c r="J22411" s="2">
        <v>0</v>
      </c>
      <c r="K22411" s="2">
        <v>1</v>
      </c>
      <c r="L22411" t="s">
        <v>995</v>
      </c>
      <c r="M22411" t="s">
        <v>87</v>
      </c>
      <c r="N22411" t="s">
        <v>88</v>
      </c>
      <c r="O22411" t="s">
        <v>85</v>
      </c>
      <c r="P22411" t="s">
        <v>86</v>
      </c>
      <c r="Q22411">
        <v>18</v>
      </c>
      <c r="R22411">
        <v>18</v>
      </c>
      <c r="S22411">
        <v>18</v>
      </c>
      <c r="T22411">
        <v>19</v>
      </c>
      <c r="U22411">
        <v>19</v>
      </c>
      <c r="V22411">
        <v>19</v>
      </c>
      <c r="W22411">
        <v>19</v>
      </c>
      <c r="X22411">
        <v>19</v>
      </c>
      <c r="Y22411">
        <v>20</v>
      </c>
      <c r="Z22411">
        <v>20</v>
      </c>
      <c r="AA22411">
        <v>20</v>
      </c>
      <c r="AB22411">
        <v>20</v>
      </c>
      <c r="AC22411">
        <v>20</v>
      </c>
      <c r="AD22411">
        <v>21</v>
      </c>
      <c r="AE22411">
        <v>21</v>
      </c>
      <c r="AF22411">
        <v>21</v>
      </c>
      <c r="AG22411">
        <v>21</v>
      </c>
      <c r="AH22411">
        <v>21</v>
      </c>
      <c r="AI22411">
        <v>22</v>
      </c>
      <c r="AJ22411">
        <v>22</v>
      </c>
      <c r="AK22411">
        <v>22</v>
      </c>
      <c r="AL22411">
        <v>22</v>
      </c>
      <c r="AM22411">
        <v>23</v>
      </c>
      <c r="AN22411">
        <v>23</v>
      </c>
      <c r="AO22411">
        <v>23</v>
      </c>
      <c r="AP22411">
        <v>23</v>
      </c>
      <c r="AQ22411">
        <v>24</v>
      </c>
    </row>
    <row r="22412" spans="1:43">
      <c r="A22412" t="s">
        <v>13881</v>
      </c>
      <c r="B22412" t="s">
        <v>13882</v>
      </c>
      <c r="C22412" t="s">
        <v>13883</v>
      </c>
      <c r="D22412" t="s">
        <v>13884</v>
      </c>
      <c r="E22412" t="s">
        <v>13885</v>
      </c>
      <c r="F22412" t="s">
        <v>13886</v>
      </c>
      <c r="G22412" t="s">
        <v>10734</v>
      </c>
      <c r="H22412" t="s">
        <v>10735</v>
      </c>
      <c r="I22412" s="2">
        <v>0</v>
      </c>
      <c r="J22412" s="2">
        <v>0</v>
      </c>
      <c r="K22412" s="2">
        <v>1</v>
      </c>
      <c r="L22412" t="s">
        <v>995</v>
      </c>
      <c r="M22412" t="s">
        <v>89</v>
      </c>
      <c r="N22412" t="s">
        <v>90</v>
      </c>
      <c r="O22412" t="s">
        <v>85</v>
      </c>
      <c r="P22412" t="s">
        <v>86</v>
      </c>
      <c r="Q22412">
        <v>18</v>
      </c>
      <c r="R22412">
        <v>19</v>
      </c>
      <c r="S22412">
        <v>19</v>
      </c>
      <c r="T22412">
        <v>20</v>
      </c>
      <c r="U22412">
        <v>20</v>
      </c>
      <c r="V22412">
        <v>21</v>
      </c>
      <c r="W22412">
        <v>21</v>
      </c>
      <c r="X22412">
        <v>22</v>
      </c>
      <c r="Y22412">
        <v>22</v>
      </c>
      <c r="Z22412">
        <v>23</v>
      </c>
      <c r="AA22412">
        <v>23</v>
      </c>
      <c r="AB22412">
        <v>24</v>
      </c>
      <c r="AC22412">
        <v>24</v>
      </c>
      <c r="AD22412">
        <v>25</v>
      </c>
      <c r="AE22412">
        <v>25</v>
      </c>
      <c r="AF22412">
        <v>25</v>
      </c>
      <c r="AG22412">
        <v>25</v>
      </c>
      <c r="AH22412">
        <v>26</v>
      </c>
      <c r="AI22412">
        <v>26</v>
      </c>
      <c r="AJ22412">
        <v>26</v>
      </c>
      <c r="AK22412">
        <v>26</v>
      </c>
      <c r="AL22412">
        <v>26</v>
      </c>
      <c r="AM22412">
        <v>27</v>
      </c>
      <c r="AN22412">
        <v>27</v>
      </c>
      <c r="AO22412">
        <v>27</v>
      </c>
      <c r="AP22412">
        <v>27</v>
      </c>
      <c r="AQ22412">
        <v>27</v>
      </c>
    </row>
    <row r="22413" spans="1:43">
      <c r="A22413" t="s">
        <v>13881</v>
      </c>
      <c r="B22413" t="s">
        <v>13882</v>
      </c>
      <c r="C22413" t="s">
        <v>13883</v>
      </c>
      <c r="D22413" t="s">
        <v>13884</v>
      </c>
      <c r="E22413" t="s">
        <v>13885</v>
      </c>
      <c r="F22413" t="s">
        <v>13886</v>
      </c>
      <c r="G22413" t="s">
        <v>10734</v>
      </c>
      <c r="H22413" t="s">
        <v>10735</v>
      </c>
      <c r="I22413" s="2">
        <v>0</v>
      </c>
      <c r="J22413" s="2">
        <v>0</v>
      </c>
      <c r="K22413" s="2">
        <v>1</v>
      </c>
      <c r="L22413" t="s">
        <v>995</v>
      </c>
      <c r="M22413" t="s">
        <v>83</v>
      </c>
      <c r="N22413" t="s">
        <v>91</v>
      </c>
      <c r="O22413" t="s">
        <v>85</v>
      </c>
      <c r="P22413" t="s">
        <v>86</v>
      </c>
      <c r="Q22413">
        <v>18</v>
      </c>
      <c r="R22413">
        <v>19</v>
      </c>
      <c r="S22413">
        <v>19</v>
      </c>
      <c r="T22413">
        <v>19</v>
      </c>
      <c r="U22413">
        <v>20</v>
      </c>
      <c r="V22413">
        <v>20</v>
      </c>
      <c r="W22413">
        <v>20</v>
      </c>
      <c r="X22413">
        <v>21</v>
      </c>
      <c r="Y22413">
        <v>21</v>
      </c>
      <c r="Z22413">
        <v>22</v>
      </c>
      <c r="AA22413">
        <v>22</v>
      </c>
      <c r="AB22413">
        <v>22</v>
      </c>
      <c r="AC22413">
        <v>23</v>
      </c>
      <c r="AD22413">
        <v>23</v>
      </c>
      <c r="AE22413">
        <v>23</v>
      </c>
      <c r="AF22413">
        <v>24</v>
      </c>
      <c r="AG22413">
        <v>24</v>
      </c>
      <c r="AH22413">
        <v>25</v>
      </c>
      <c r="AI22413">
        <v>25</v>
      </c>
      <c r="AJ22413">
        <v>25</v>
      </c>
      <c r="AK22413">
        <v>26</v>
      </c>
      <c r="AL22413">
        <v>26</v>
      </c>
      <c r="AM22413">
        <v>26</v>
      </c>
      <c r="AN22413">
        <v>26</v>
      </c>
      <c r="AO22413">
        <v>27</v>
      </c>
      <c r="AP22413">
        <v>27</v>
      </c>
      <c r="AQ22413">
        <v>27</v>
      </c>
    </row>
    <row r="22414" spans="1:43">
      <c r="A22414" t="s">
        <v>13887</v>
      </c>
      <c r="B22414" t="s">
        <v>13888</v>
      </c>
      <c r="C22414" t="s">
        <v>13883</v>
      </c>
      <c r="D22414" t="s">
        <v>13884</v>
      </c>
      <c r="E22414" t="s">
        <v>13885</v>
      </c>
      <c r="F22414" t="s">
        <v>13886</v>
      </c>
      <c r="G22414" t="s">
        <v>10734</v>
      </c>
      <c r="H22414" t="s">
        <v>10735</v>
      </c>
      <c r="I22414" s="2">
        <v>0</v>
      </c>
      <c r="J22414" s="2">
        <v>0</v>
      </c>
      <c r="K22414" s="2">
        <v>1</v>
      </c>
      <c r="L22414" t="s">
        <v>995</v>
      </c>
      <c r="M22414" t="s">
        <v>83</v>
      </c>
      <c r="N22414" t="s">
        <v>84</v>
      </c>
      <c r="O22414" t="s">
        <v>85</v>
      </c>
      <c r="P22414" t="s">
        <v>86</v>
      </c>
      <c r="Q22414">
        <v>29</v>
      </c>
      <c r="R22414">
        <v>29</v>
      </c>
      <c r="S22414">
        <v>30</v>
      </c>
      <c r="T22414">
        <v>31</v>
      </c>
      <c r="U22414">
        <v>31</v>
      </c>
      <c r="V22414">
        <v>32</v>
      </c>
      <c r="W22414">
        <v>32</v>
      </c>
      <c r="X22414">
        <v>33</v>
      </c>
      <c r="Y22414">
        <v>34</v>
      </c>
      <c r="Z22414">
        <v>34</v>
      </c>
      <c r="AA22414">
        <v>35</v>
      </c>
      <c r="AB22414">
        <v>36</v>
      </c>
      <c r="AC22414">
        <v>36</v>
      </c>
      <c r="AD22414">
        <v>37</v>
      </c>
      <c r="AE22414">
        <v>37</v>
      </c>
      <c r="AF22414">
        <v>38</v>
      </c>
      <c r="AG22414">
        <v>39</v>
      </c>
      <c r="AH22414">
        <v>39</v>
      </c>
      <c r="AI22414">
        <v>40</v>
      </c>
      <c r="AJ22414">
        <v>41</v>
      </c>
      <c r="AK22414">
        <v>41</v>
      </c>
      <c r="AL22414">
        <v>42</v>
      </c>
      <c r="AM22414">
        <v>42</v>
      </c>
      <c r="AN22414">
        <v>42</v>
      </c>
      <c r="AO22414">
        <v>43</v>
      </c>
      <c r="AP22414">
        <v>43</v>
      </c>
      <c r="AQ22414">
        <v>43</v>
      </c>
    </row>
    <row r="22415" spans="1:43">
      <c r="A22415" t="s">
        <v>13887</v>
      </c>
      <c r="B22415" t="s">
        <v>13888</v>
      </c>
      <c r="C22415" t="s">
        <v>13883</v>
      </c>
      <c r="D22415" t="s">
        <v>13884</v>
      </c>
      <c r="E22415" t="s">
        <v>13885</v>
      </c>
      <c r="F22415" t="s">
        <v>13886</v>
      </c>
      <c r="G22415" t="s">
        <v>10734</v>
      </c>
      <c r="H22415" t="s">
        <v>10735</v>
      </c>
      <c r="I22415" s="2">
        <v>0</v>
      </c>
      <c r="J22415" s="2">
        <v>0</v>
      </c>
      <c r="K22415" s="2">
        <v>1</v>
      </c>
      <c r="L22415" t="s">
        <v>995</v>
      </c>
      <c r="M22415" t="s">
        <v>87</v>
      </c>
      <c r="N22415" t="s">
        <v>88</v>
      </c>
      <c r="O22415" t="s">
        <v>85</v>
      </c>
      <c r="P22415" t="s">
        <v>86</v>
      </c>
      <c r="Q22415">
        <v>29</v>
      </c>
      <c r="R22415">
        <v>29</v>
      </c>
      <c r="S22415">
        <v>29</v>
      </c>
      <c r="T22415">
        <v>30</v>
      </c>
      <c r="U22415">
        <v>30</v>
      </c>
      <c r="V22415">
        <v>30</v>
      </c>
      <c r="W22415">
        <v>30</v>
      </c>
      <c r="X22415">
        <v>31</v>
      </c>
      <c r="Y22415">
        <v>31</v>
      </c>
      <c r="Z22415">
        <v>31</v>
      </c>
      <c r="AA22415">
        <v>32</v>
      </c>
      <c r="AB22415">
        <v>32</v>
      </c>
      <c r="AC22415">
        <v>32</v>
      </c>
      <c r="AD22415">
        <v>33</v>
      </c>
      <c r="AE22415">
        <v>33</v>
      </c>
      <c r="AF22415">
        <v>33</v>
      </c>
      <c r="AG22415">
        <v>34</v>
      </c>
      <c r="AH22415">
        <v>34</v>
      </c>
      <c r="AI22415">
        <v>35</v>
      </c>
      <c r="AJ22415">
        <v>35</v>
      </c>
      <c r="AK22415">
        <v>35</v>
      </c>
      <c r="AL22415">
        <v>36</v>
      </c>
      <c r="AM22415">
        <v>36</v>
      </c>
      <c r="AN22415">
        <v>37</v>
      </c>
      <c r="AO22415">
        <v>37</v>
      </c>
      <c r="AP22415">
        <v>37</v>
      </c>
      <c r="AQ22415">
        <v>38</v>
      </c>
    </row>
    <row r="22416" spans="1:43">
      <c r="A22416" t="s">
        <v>13887</v>
      </c>
      <c r="B22416" t="s">
        <v>13888</v>
      </c>
      <c r="C22416" t="s">
        <v>13883</v>
      </c>
      <c r="D22416" t="s">
        <v>13884</v>
      </c>
      <c r="E22416" t="s">
        <v>13885</v>
      </c>
      <c r="F22416" t="s">
        <v>13886</v>
      </c>
      <c r="G22416" t="s">
        <v>10734</v>
      </c>
      <c r="H22416" t="s">
        <v>10735</v>
      </c>
      <c r="I22416" s="2">
        <v>0</v>
      </c>
      <c r="J22416" s="2">
        <v>0</v>
      </c>
      <c r="K22416" s="2">
        <v>1</v>
      </c>
      <c r="L22416" t="s">
        <v>995</v>
      </c>
      <c r="M22416" t="s">
        <v>89</v>
      </c>
      <c r="N22416" t="s">
        <v>90</v>
      </c>
      <c r="O22416" t="s">
        <v>85</v>
      </c>
      <c r="P22416" t="s">
        <v>86</v>
      </c>
      <c r="Q22416">
        <v>29</v>
      </c>
      <c r="R22416">
        <v>30</v>
      </c>
      <c r="S22416">
        <v>31</v>
      </c>
      <c r="T22416">
        <v>32</v>
      </c>
      <c r="U22416">
        <v>32</v>
      </c>
      <c r="V22416">
        <v>33</v>
      </c>
      <c r="W22416">
        <v>34</v>
      </c>
      <c r="X22416">
        <v>35</v>
      </c>
      <c r="Y22416">
        <v>36</v>
      </c>
      <c r="Z22416">
        <v>36</v>
      </c>
      <c r="AA22416">
        <v>37</v>
      </c>
      <c r="AB22416">
        <v>38</v>
      </c>
      <c r="AC22416">
        <v>39</v>
      </c>
      <c r="AD22416">
        <v>39</v>
      </c>
      <c r="AE22416">
        <v>40</v>
      </c>
      <c r="AF22416">
        <v>40</v>
      </c>
      <c r="AG22416">
        <v>41</v>
      </c>
      <c r="AH22416">
        <v>41</v>
      </c>
      <c r="AI22416">
        <v>41</v>
      </c>
      <c r="AJ22416">
        <v>42</v>
      </c>
      <c r="AK22416">
        <v>42</v>
      </c>
      <c r="AL22416">
        <v>42</v>
      </c>
      <c r="AM22416">
        <v>43</v>
      </c>
      <c r="AN22416">
        <v>43</v>
      </c>
      <c r="AO22416">
        <v>43</v>
      </c>
      <c r="AP22416">
        <v>44</v>
      </c>
      <c r="AQ22416">
        <v>44</v>
      </c>
    </row>
    <row r="22417" spans="1:43">
      <c r="A22417" t="s">
        <v>13887</v>
      </c>
      <c r="B22417" t="s">
        <v>13888</v>
      </c>
      <c r="C22417" t="s">
        <v>13883</v>
      </c>
      <c r="D22417" t="s">
        <v>13884</v>
      </c>
      <c r="E22417" t="s">
        <v>13885</v>
      </c>
      <c r="F22417" t="s">
        <v>13886</v>
      </c>
      <c r="G22417" t="s">
        <v>10734</v>
      </c>
      <c r="H22417" t="s">
        <v>10735</v>
      </c>
      <c r="I22417" s="2">
        <v>0</v>
      </c>
      <c r="J22417" s="2">
        <v>0</v>
      </c>
      <c r="K22417" s="2">
        <v>1</v>
      </c>
      <c r="L22417" t="s">
        <v>995</v>
      </c>
      <c r="M22417" t="s">
        <v>83</v>
      </c>
      <c r="N22417" t="s">
        <v>91</v>
      </c>
      <c r="O22417" t="s">
        <v>85</v>
      </c>
      <c r="P22417" t="s">
        <v>86</v>
      </c>
      <c r="Q22417">
        <v>29</v>
      </c>
      <c r="R22417">
        <v>29</v>
      </c>
      <c r="S22417">
        <v>30</v>
      </c>
      <c r="T22417">
        <v>31</v>
      </c>
      <c r="U22417">
        <v>31</v>
      </c>
      <c r="V22417">
        <v>32</v>
      </c>
      <c r="W22417">
        <v>32</v>
      </c>
      <c r="X22417">
        <v>33</v>
      </c>
      <c r="Y22417">
        <v>34</v>
      </c>
      <c r="Z22417">
        <v>34</v>
      </c>
      <c r="AA22417">
        <v>35</v>
      </c>
      <c r="AB22417">
        <v>36</v>
      </c>
      <c r="AC22417">
        <v>36</v>
      </c>
      <c r="AD22417">
        <v>37</v>
      </c>
      <c r="AE22417">
        <v>37</v>
      </c>
      <c r="AF22417">
        <v>38</v>
      </c>
      <c r="AG22417">
        <v>39</v>
      </c>
      <c r="AH22417">
        <v>39</v>
      </c>
      <c r="AI22417">
        <v>40</v>
      </c>
      <c r="AJ22417">
        <v>41</v>
      </c>
      <c r="AK22417">
        <v>41</v>
      </c>
      <c r="AL22417">
        <v>42</v>
      </c>
      <c r="AM22417">
        <v>42</v>
      </c>
      <c r="AN22417">
        <v>42</v>
      </c>
      <c r="AO22417">
        <v>43</v>
      </c>
      <c r="AP22417">
        <v>43</v>
      </c>
      <c r="AQ22417">
        <v>43</v>
      </c>
    </row>
    <row r="22418" spans="1:43">
      <c r="A22418" t="s">
        <v>13889</v>
      </c>
      <c r="B22418" t="s">
        <v>13890</v>
      </c>
      <c r="C22418" t="s">
        <v>13883</v>
      </c>
      <c r="D22418" t="s">
        <v>13884</v>
      </c>
      <c r="E22418" t="s">
        <v>13885</v>
      </c>
      <c r="F22418" t="s">
        <v>13886</v>
      </c>
      <c r="G22418" t="s">
        <v>10734</v>
      </c>
      <c r="H22418" t="s">
        <v>10735</v>
      </c>
      <c r="I22418" s="2">
        <v>0</v>
      </c>
      <c r="J22418" s="2">
        <v>0</v>
      </c>
      <c r="K22418" s="2">
        <v>1</v>
      </c>
      <c r="L22418" t="s">
        <v>995</v>
      </c>
      <c r="M22418" t="s">
        <v>83</v>
      </c>
      <c r="N22418" t="s">
        <v>84</v>
      </c>
      <c r="O22418" t="s">
        <v>85</v>
      </c>
      <c r="P22418" t="s">
        <v>86</v>
      </c>
      <c r="Q22418">
        <v>18</v>
      </c>
      <c r="R22418">
        <v>18</v>
      </c>
      <c r="S22418">
        <v>18</v>
      </c>
      <c r="T22418">
        <v>19</v>
      </c>
      <c r="U22418">
        <v>19</v>
      </c>
      <c r="V22418">
        <v>19</v>
      </c>
      <c r="W22418">
        <v>20</v>
      </c>
      <c r="X22418">
        <v>20</v>
      </c>
      <c r="Y22418">
        <v>20</v>
      </c>
      <c r="Z22418">
        <v>21</v>
      </c>
      <c r="AA22418">
        <v>21</v>
      </c>
      <c r="AB22418">
        <v>22</v>
      </c>
      <c r="AC22418">
        <v>22</v>
      </c>
      <c r="AD22418">
        <v>22</v>
      </c>
      <c r="AE22418">
        <v>23</v>
      </c>
      <c r="AF22418">
        <v>23</v>
      </c>
      <c r="AG22418">
        <v>23</v>
      </c>
      <c r="AH22418">
        <v>24</v>
      </c>
      <c r="AI22418">
        <v>24</v>
      </c>
      <c r="AJ22418">
        <v>25</v>
      </c>
      <c r="AK22418">
        <v>25</v>
      </c>
      <c r="AL22418">
        <v>25</v>
      </c>
      <c r="AM22418">
        <v>25</v>
      </c>
      <c r="AN22418">
        <v>26</v>
      </c>
      <c r="AO22418">
        <v>26</v>
      </c>
      <c r="AP22418">
        <v>26</v>
      </c>
      <c r="AQ22418">
        <v>26</v>
      </c>
    </row>
    <row r="22419" spans="1:43">
      <c r="A22419" t="s">
        <v>13889</v>
      </c>
      <c r="B22419" t="s">
        <v>13890</v>
      </c>
      <c r="C22419" t="s">
        <v>13883</v>
      </c>
      <c r="D22419" t="s">
        <v>13884</v>
      </c>
      <c r="E22419" t="s">
        <v>13885</v>
      </c>
      <c r="F22419" t="s">
        <v>13886</v>
      </c>
      <c r="G22419" t="s">
        <v>10734</v>
      </c>
      <c r="H22419" t="s">
        <v>10735</v>
      </c>
      <c r="I22419" s="2">
        <v>0</v>
      </c>
      <c r="J22419" s="2">
        <v>0</v>
      </c>
      <c r="K22419" s="2">
        <v>1</v>
      </c>
      <c r="L22419" t="s">
        <v>995</v>
      </c>
      <c r="M22419" t="s">
        <v>87</v>
      </c>
      <c r="N22419" t="s">
        <v>88</v>
      </c>
      <c r="O22419" t="s">
        <v>85</v>
      </c>
      <c r="P22419" t="s">
        <v>86</v>
      </c>
      <c r="Q22419">
        <v>18</v>
      </c>
      <c r="R22419">
        <v>19</v>
      </c>
      <c r="S22419">
        <v>19</v>
      </c>
      <c r="T22419">
        <v>19</v>
      </c>
      <c r="U22419">
        <v>19</v>
      </c>
      <c r="V22419">
        <v>19</v>
      </c>
      <c r="W22419">
        <v>19</v>
      </c>
      <c r="X22419">
        <v>20</v>
      </c>
      <c r="Y22419">
        <v>20</v>
      </c>
      <c r="Z22419">
        <v>20</v>
      </c>
      <c r="AA22419">
        <v>20</v>
      </c>
      <c r="AB22419">
        <v>20</v>
      </c>
      <c r="AC22419">
        <v>21</v>
      </c>
      <c r="AD22419">
        <v>21</v>
      </c>
      <c r="AE22419">
        <v>21</v>
      </c>
      <c r="AF22419">
        <v>21</v>
      </c>
      <c r="AG22419">
        <v>21</v>
      </c>
      <c r="AH22419">
        <v>22</v>
      </c>
      <c r="AI22419">
        <v>22</v>
      </c>
      <c r="AJ22419">
        <v>22</v>
      </c>
      <c r="AK22419">
        <v>22</v>
      </c>
      <c r="AL22419">
        <v>23</v>
      </c>
      <c r="AM22419">
        <v>23</v>
      </c>
      <c r="AN22419">
        <v>23</v>
      </c>
      <c r="AO22419">
        <v>23</v>
      </c>
      <c r="AP22419">
        <v>24</v>
      </c>
      <c r="AQ22419">
        <v>24</v>
      </c>
    </row>
    <row r="22420" spans="1:43">
      <c r="A22420" t="s">
        <v>13889</v>
      </c>
      <c r="B22420" t="s">
        <v>13890</v>
      </c>
      <c r="C22420" t="s">
        <v>13883</v>
      </c>
      <c r="D22420" t="s">
        <v>13884</v>
      </c>
      <c r="E22420" t="s">
        <v>13885</v>
      </c>
      <c r="F22420" t="s">
        <v>13886</v>
      </c>
      <c r="G22420" t="s">
        <v>10734</v>
      </c>
      <c r="H22420" t="s">
        <v>10735</v>
      </c>
      <c r="I22420" s="2">
        <v>0</v>
      </c>
      <c r="J22420" s="2">
        <v>0</v>
      </c>
      <c r="K22420" s="2">
        <v>1</v>
      </c>
      <c r="L22420" t="s">
        <v>995</v>
      </c>
      <c r="M22420" t="s">
        <v>89</v>
      </c>
      <c r="N22420" t="s">
        <v>90</v>
      </c>
      <c r="O22420" t="s">
        <v>85</v>
      </c>
      <c r="P22420" t="s">
        <v>86</v>
      </c>
      <c r="Q22420">
        <v>18</v>
      </c>
      <c r="R22420">
        <v>18</v>
      </c>
      <c r="S22420">
        <v>19</v>
      </c>
      <c r="T22420">
        <v>19</v>
      </c>
      <c r="U22420">
        <v>20</v>
      </c>
      <c r="V22420">
        <v>20</v>
      </c>
      <c r="W22420">
        <v>21</v>
      </c>
      <c r="X22420">
        <v>21</v>
      </c>
      <c r="Y22420">
        <v>22</v>
      </c>
      <c r="Z22420">
        <v>22</v>
      </c>
      <c r="AA22420">
        <v>22</v>
      </c>
      <c r="AB22420">
        <v>23</v>
      </c>
      <c r="AC22420">
        <v>23</v>
      </c>
      <c r="AD22420">
        <v>24</v>
      </c>
      <c r="AE22420">
        <v>24</v>
      </c>
      <c r="AF22420">
        <v>24</v>
      </c>
      <c r="AG22420">
        <v>25</v>
      </c>
      <c r="AH22420">
        <v>25</v>
      </c>
      <c r="AI22420">
        <v>25</v>
      </c>
      <c r="AJ22420">
        <v>25</v>
      </c>
      <c r="AK22420">
        <v>25</v>
      </c>
      <c r="AL22420">
        <v>25</v>
      </c>
      <c r="AM22420">
        <v>26</v>
      </c>
      <c r="AN22420">
        <v>26</v>
      </c>
      <c r="AO22420">
        <v>26</v>
      </c>
      <c r="AP22420">
        <v>26</v>
      </c>
      <c r="AQ22420">
        <v>27</v>
      </c>
    </row>
    <row r="22421" spans="1:43">
      <c r="A22421" t="s">
        <v>13889</v>
      </c>
      <c r="B22421" t="s">
        <v>13890</v>
      </c>
      <c r="C22421" t="s">
        <v>13883</v>
      </c>
      <c r="D22421" t="s">
        <v>13884</v>
      </c>
      <c r="E22421" t="s">
        <v>13885</v>
      </c>
      <c r="F22421" t="s">
        <v>13886</v>
      </c>
      <c r="G22421" t="s">
        <v>10734</v>
      </c>
      <c r="H22421" t="s">
        <v>10735</v>
      </c>
      <c r="I22421" s="2">
        <v>0</v>
      </c>
      <c r="J22421" s="2">
        <v>0</v>
      </c>
      <c r="K22421" s="2">
        <v>1</v>
      </c>
      <c r="L22421" t="s">
        <v>995</v>
      </c>
      <c r="M22421" t="s">
        <v>83</v>
      </c>
      <c r="N22421" t="s">
        <v>91</v>
      </c>
      <c r="O22421" t="s">
        <v>85</v>
      </c>
      <c r="P22421" t="s">
        <v>86</v>
      </c>
      <c r="Q22421">
        <v>18</v>
      </c>
      <c r="R22421">
        <v>18</v>
      </c>
      <c r="S22421">
        <v>18</v>
      </c>
      <c r="T22421">
        <v>19</v>
      </c>
      <c r="U22421">
        <v>19</v>
      </c>
      <c r="V22421">
        <v>19</v>
      </c>
      <c r="W22421">
        <v>20</v>
      </c>
      <c r="X22421">
        <v>20</v>
      </c>
      <c r="Y22421">
        <v>20</v>
      </c>
      <c r="Z22421">
        <v>21</v>
      </c>
      <c r="AA22421">
        <v>21</v>
      </c>
      <c r="AB22421">
        <v>22</v>
      </c>
      <c r="AC22421">
        <v>22</v>
      </c>
      <c r="AD22421">
        <v>22</v>
      </c>
      <c r="AE22421">
        <v>23</v>
      </c>
      <c r="AF22421">
        <v>23</v>
      </c>
      <c r="AG22421">
        <v>23</v>
      </c>
      <c r="AH22421">
        <v>24</v>
      </c>
      <c r="AI22421">
        <v>24</v>
      </c>
      <c r="AJ22421">
        <v>25</v>
      </c>
      <c r="AK22421">
        <v>25</v>
      </c>
      <c r="AL22421">
        <v>25</v>
      </c>
      <c r="AM22421">
        <v>25</v>
      </c>
      <c r="AN22421">
        <v>26</v>
      </c>
      <c r="AO22421">
        <v>26</v>
      </c>
      <c r="AP22421">
        <v>26</v>
      </c>
      <c r="AQ22421">
        <v>26</v>
      </c>
    </row>
    <row r="22422" spans="1:43">
      <c r="A22422" t="s">
        <v>13891</v>
      </c>
      <c r="B22422" t="s">
        <v>13892</v>
      </c>
      <c r="C22422" t="s">
        <v>13893</v>
      </c>
      <c r="D22422" t="s">
        <v>13894</v>
      </c>
      <c r="E22422" t="s">
        <v>13885</v>
      </c>
      <c r="F22422" t="s">
        <v>13886</v>
      </c>
      <c r="G22422" t="s">
        <v>10734</v>
      </c>
      <c r="H22422" t="s">
        <v>10735</v>
      </c>
      <c r="I22422" s="2">
        <v>0</v>
      </c>
      <c r="J22422" s="2">
        <v>0</v>
      </c>
      <c r="K22422" s="2">
        <v>1</v>
      </c>
      <c r="L22422" t="s">
        <v>995</v>
      </c>
      <c r="M22422" t="s">
        <v>83</v>
      </c>
      <c r="N22422" t="s">
        <v>84</v>
      </c>
      <c r="O22422" t="s">
        <v>85</v>
      </c>
      <c r="P22422" t="s">
        <v>86</v>
      </c>
      <c r="Q22422">
        <v>35</v>
      </c>
      <c r="R22422">
        <v>36</v>
      </c>
      <c r="S22422">
        <v>36</v>
      </c>
      <c r="T22422">
        <v>37</v>
      </c>
      <c r="U22422">
        <v>38</v>
      </c>
      <c r="V22422">
        <v>39</v>
      </c>
      <c r="W22422">
        <v>39</v>
      </c>
      <c r="X22422">
        <v>40</v>
      </c>
      <c r="Y22422">
        <v>41</v>
      </c>
      <c r="Z22422">
        <v>42</v>
      </c>
      <c r="AA22422">
        <v>42</v>
      </c>
      <c r="AB22422">
        <v>43</v>
      </c>
      <c r="AC22422">
        <v>44</v>
      </c>
      <c r="AD22422">
        <v>45</v>
      </c>
      <c r="AE22422">
        <v>45</v>
      </c>
      <c r="AF22422">
        <v>46</v>
      </c>
      <c r="AG22422">
        <v>47</v>
      </c>
      <c r="AH22422">
        <v>48</v>
      </c>
      <c r="AI22422">
        <v>49</v>
      </c>
      <c r="AJ22422">
        <v>49</v>
      </c>
      <c r="AK22422">
        <v>50</v>
      </c>
      <c r="AL22422">
        <v>51</v>
      </c>
      <c r="AM22422">
        <v>51</v>
      </c>
      <c r="AN22422">
        <v>52</v>
      </c>
      <c r="AO22422">
        <v>52</v>
      </c>
      <c r="AP22422">
        <v>53</v>
      </c>
      <c r="AQ22422">
        <v>53</v>
      </c>
    </row>
    <row r="22423" spans="1:43">
      <c r="A22423" t="s">
        <v>13891</v>
      </c>
      <c r="B22423" t="s">
        <v>13892</v>
      </c>
      <c r="C22423" t="s">
        <v>13893</v>
      </c>
      <c r="D22423" t="s">
        <v>13894</v>
      </c>
      <c r="E22423" t="s">
        <v>13885</v>
      </c>
      <c r="F22423" t="s">
        <v>13886</v>
      </c>
      <c r="G22423" t="s">
        <v>10734</v>
      </c>
      <c r="H22423" t="s">
        <v>10735</v>
      </c>
      <c r="I22423" s="2">
        <v>0</v>
      </c>
      <c r="J22423" s="2">
        <v>0</v>
      </c>
      <c r="K22423" s="2">
        <v>1</v>
      </c>
      <c r="L22423" t="s">
        <v>995</v>
      </c>
      <c r="M22423" t="s">
        <v>87</v>
      </c>
      <c r="N22423" t="s">
        <v>88</v>
      </c>
      <c r="O22423" t="s">
        <v>85</v>
      </c>
      <c r="P22423" t="s">
        <v>86</v>
      </c>
      <c r="Q22423">
        <v>35</v>
      </c>
      <c r="R22423">
        <v>35</v>
      </c>
      <c r="S22423">
        <v>35</v>
      </c>
      <c r="T22423">
        <v>36</v>
      </c>
      <c r="U22423">
        <v>36</v>
      </c>
      <c r="V22423">
        <v>37</v>
      </c>
      <c r="W22423">
        <v>37</v>
      </c>
      <c r="X22423">
        <v>37</v>
      </c>
      <c r="Y22423">
        <v>38</v>
      </c>
      <c r="Z22423">
        <v>38</v>
      </c>
      <c r="AA22423">
        <v>39</v>
      </c>
      <c r="AB22423">
        <v>39</v>
      </c>
      <c r="AC22423">
        <v>39</v>
      </c>
      <c r="AD22423">
        <v>40</v>
      </c>
      <c r="AE22423">
        <v>40</v>
      </c>
      <c r="AF22423">
        <v>41</v>
      </c>
      <c r="AG22423">
        <v>41</v>
      </c>
      <c r="AH22423">
        <v>42</v>
      </c>
      <c r="AI22423">
        <v>42</v>
      </c>
      <c r="AJ22423">
        <v>42</v>
      </c>
      <c r="AK22423">
        <v>43</v>
      </c>
      <c r="AL22423">
        <v>43</v>
      </c>
      <c r="AM22423">
        <v>44</v>
      </c>
      <c r="AN22423">
        <v>44</v>
      </c>
      <c r="AO22423">
        <v>45</v>
      </c>
      <c r="AP22423">
        <v>45</v>
      </c>
      <c r="AQ22423">
        <v>46</v>
      </c>
    </row>
    <row r="22424" spans="1:43">
      <c r="A22424" t="s">
        <v>13891</v>
      </c>
      <c r="B22424" t="s">
        <v>13892</v>
      </c>
      <c r="C22424" t="s">
        <v>13893</v>
      </c>
      <c r="D22424" t="s">
        <v>13894</v>
      </c>
      <c r="E22424" t="s">
        <v>13885</v>
      </c>
      <c r="F22424" t="s">
        <v>13886</v>
      </c>
      <c r="G22424" t="s">
        <v>10734</v>
      </c>
      <c r="H22424" t="s">
        <v>10735</v>
      </c>
      <c r="I22424" s="2">
        <v>0</v>
      </c>
      <c r="J22424" s="2">
        <v>0</v>
      </c>
      <c r="K22424" s="2">
        <v>1</v>
      </c>
      <c r="L22424" t="s">
        <v>995</v>
      </c>
      <c r="M22424" t="s">
        <v>89</v>
      </c>
      <c r="N22424" t="s">
        <v>90</v>
      </c>
      <c r="O22424" t="s">
        <v>85</v>
      </c>
      <c r="P22424" t="s">
        <v>86</v>
      </c>
      <c r="Q22424">
        <v>35</v>
      </c>
      <c r="R22424">
        <v>36</v>
      </c>
      <c r="S22424">
        <v>37</v>
      </c>
      <c r="T22424">
        <v>38</v>
      </c>
      <c r="U22424">
        <v>39</v>
      </c>
      <c r="V22424">
        <v>40</v>
      </c>
      <c r="W22424">
        <v>41</v>
      </c>
      <c r="X22424">
        <v>42</v>
      </c>
      <c r="Y22424">
        <v>43</v>
      </c>
      <c r="Z22424">
        <v>44</v>
      </c>
      <c r="AA22424">
        <v>45</v>
      </c>
      <c r="AB22424">
        <v>46</v>
      </c>
      <c r="AC22424">
        <v>47</v>
      </c>
      <c r="AD22424">
        <v>48</v>
      </c>
      <c r="AE22424">
        <v>49</v>
      </c>
      <c r="AF22424">
        <v>49</v>
      </c>
      <c r="AG22424">
        <v>49</v>
      </c>
      <c r="AH22424">
        <v>50</v>
      </c>
      <c r="AI22424">
        <v>50</v>
      </c>
      <c r="AJ22424">
        <v>51</v>
      </c>
      <c r="AK22424">
        <v>51</v>
      </c>
      <c r="AL22424">
        <v>51</v>
      </c>
      <c r="AM22424">
        <v>52</v>
      </c>
      <c r="AN22424">
        <v>52</v>
      </c>
      <c r="AO22424">
        <v>53</v>
      </c>
      <c r="AP22424">
        <v>53</v>
      </c>
      <c r="AQ22424">
        <v>53</v>
      </c>
    </row>
    <row r="22425" spans="1:43">
      <c r="A22425" t="s">
        <v>13891</v>
      </c>
      <c r="B22425" t="s">
        <v>13892</v>
      </c>
      <c r="C22425" t="s">
        <v>13893</v>
      </c>
      <c r="D22425" t="s">
        <v>13894</v>
      </c>
      <c r="E22425" t="s">
        <v>13885</v>
      </c>
      <c r="F22425" t="s">
        <v>13886</v>
      </c>
      <c r="G22425" t="s">
        <v>10734</v>
      </c>
      <c r="H22425" t="s">
        <v>10735</v>
      </c>
      <c r="I22425" s="2">
        <v>0</v>
      </c>
      <c r="J22425" s="2">
        <v>0</v>
      </c>
      <c r="K22425" s="2">
        <v>1</v>
      </c>
      <c r="L22425" t="s">
        <v>995</v>
      </c>
      <c r="M22425" t="s">
        <v>83</v>
      </c>
      <c r="N22425" t="s">
        <v>91</v>
      </c>
      <c r="O22425" t="s">
        <v>85</v>
      </c>
      <c r="P22425" t="s">
        <v>86</v>
      </c>
      <c r="Q22425">
        <v>35</v>
      </c>
      <c r="R22425">
        <v>36</v>
      </c>
      <c r="S22425">
        <v>36</v>
      </c>
      <c r="T22425">
        <v>37</v>
      </c>
      <c r="U22425">
        <v>38</v>
      </c>
      <c r="V22425">
        <v>39</v>
      </c>
      <c r="W22425">
        <v>39</v>
      </c>
      <c r="X22425">
        <v>40</v>
      </c>
      <c r="Y22425">
        <v>41</v>
      </c>
      <c r="Z22425">
        <v>42</v>
      </c>
      <c r="AA22425">
        <v>42</v>
      </c>
      <c r="AB22425">
        <v>43</v>
      </c>
      <c r="AC22425">
        <v>44</v>
      </c>
      <c r="AD22425">
        <v>45</v>
      </c>
      <c r="AE22425">
        <v>45</v>
      </c>
      <c r="AF22425">
        <v>46</v>
      </c>
      <c r="AG22425">
        <v>47</v>
      </c>
      <c r="AH22425">
        <v>48</v>
      </c>
      <c r="AI22425">
        <v>49</v>
      </c>
      <c r="AJ22425">
        <v>49</v>
      </c>
      <c r="AK22425">
        <v>50</v>
      </c>
      <c r="AL22425">
        <v>51</v>
      </c>
      <c r="AM22425">
        <v>51</v>
      </c>
      <c r="AN22425">
        <v>52</v>
      </c>
      <c r="AO22425">
        <v>52</v>
      </c>
      <c r="AP22425">
        <v>53</v>
      </c>
      <c r="AQ22425">
        <v>53</v>
      </c>
    </row>
    <row r="22426" spans="1:43">
      <c r="A22426" t="s">
        <v>13895</v>
      </c>
      <c r="B22426" t="s">
        <v>13896</v>
      </c>
      <c r="C22426" t="s">
        <v>13893</v>
      </c>
      <c r="D22426" t="s">
        <v>13894</v>
      </c>
      <c r="E22426" t="s">
        <v>13885</v>
      </c>
      <c r="F22426" t="s">
        <v>13886</v>
      </c>
      <c r="G22426" t="s">
        <v>10734</v>
      </c>
      <c r="H22426" t="s">
        <v>10735</v>
      </c>
      <c r="I22426" s="2">
        <v>0</v>
      </c>
      <c r="J22426" s="2">
        <v>0</v>
      </c>
      <c r="K22426" s="2">
        <v>1</v>
      </c>
      <c r="L22426" t="s">
        <v>995</v>
      </c>
      <c r="M22426" t="s">
        <v>83</v>
      </c>
      <c r="N22426" t="s">
        <v>84</v>
      </c>
      <c r="O22426" t="s">
        <v>85</v>
      </c>
      <c r="P22426" t="s">
        <v>86</v>
      </c>
      <c r="Q22426">
        <v>12</v>
      </c>
      <c r="R22426">
        <v>12</v>
      </c>
      <c r="S22426">
        <v>12</v>
      </c>
      <c r="T22426">
        <v>13</v>
      </c>
      <c r="U22426">
        <v>13</v>
      </c>
      <c r="V22426">
        <v>13</v>
      </c>
      <c r="W22426">
        <v>13</v>
      </c>
      <c r="X22426">
        <v>14</v>
      </c>
      <c r="Y22426">
        <v>14</v>
      </c>
      <c r="Z22426">
        <v>14</v>
      </c>
      <c r="AA22426">
        <v>15</v>
      </c>
      <c r="AB22426">
        <v>15</v>
      </c>
      <c r="AC22426">
        <v>15</v>
      </c>
      <c r="AD22426">
        <v>15</v>
      </c>
      <c r="AE22426">
        <v>16</v>
      </c>
      <c r="AF22426">
        <v>16</v>
      </c>
      <c r="AG22426">
        <v>16</v>
      </c>
      <c r="AH22426">
        <v>16</v>
      </c>
      <c r="AI22426">
        <v>17</v>
      </c>
      <c r="AJ22426">
        <v>17</v>
      </c>
      <c r="AK22426">
        <v>17</v>
      </c>
      <c r="AL22426">
        <v>17</v>
      </c>
      <c r="AM22426">
        <v>18</v>
      </c>
      <c r="AN22426">
        <v>18</v>
      </c>
      <c r="AO22426">
        <v>18</v>
      </c>
      <c r="AP22426">
        <v>18</v>
      </c>
      <c r="AQ22426">
        <v>18</v>
      </c>
    </row>
    <row r="22427" spans="1:43">
      <c r="A22427" t="s">
        <v>13895</v>
      </c>
      <c r="B22427" t="s">
        <v>13896</v>
      </c>
      <c r="C22427" t="s">
        <v>13893</v>
      </c>
      <c r="D22427" t="s">
        <v>13894</v>
      </c>
      <c r="E22427" t="s">
        <v>13885</v>
      </c>
      <c r="F22427" t="s">
        <v>13886</v>
      </c>
      <c r="G22427" t="s">
        <v>10734</v>
      </c>
      <c r="H22427" t="s">
        <v>10735</v>
      </c>
      <c r="I22427" s="2">
        <v>0</v>
      </c>
      <c r="J22427" s="2">
        <v>0</v>
      </c>
      <c r="K22427" s="2">
        <v>1</v>
      </c>
      <c r="L22427" t="s">
        <v>995</v>
      </c>
      <c r="M22427" t="s">
        <v>87</v>
      </c>
      <c r="N22427" t="s">
        <v>88</v>
      </c>
      <c r="O22427" t="s">
        <v>85</v>
      </c>
      <c r="P22427" t="s">
        <v>86</v>
      </c>
      <c r="Q22427">
        <v>12</v>
      </c>
      <c r="R22427">
        <v>12</v>
      </c>
      <c r="S22427">
        <v>12</v>
      </c>
      <c r="T22427">
        <v>12</v>
      </c>
      <c r="U22427">
        <v>12</v>
      </c>
      <c r="V22427">
        <v>13</v>
      </c>
      <c r="W22427">
        <v>13</v>
      </c>
      <c r="X22427">
        <v>13</v>
      </c>
      <c r="Y22427">
        <v>13</v>
      </c>
      <c r="Z22427">
        <v>13</v>
      </c>
      <c r="AA22427">
        <v>13</v>
      </c>
      <c r="AB22427">
        <v>13</v>
      </c>
      <c r="AC22427">
        <v>13</v>
      </c>
      <c r="AD22427">
        <v>14</v>
      </c>
      <c r="AE22427">
        <v>14</v>
      </c>
      <c r="AF22427">
        <v>14</v>
      </c>
      <c r="AG22427">
        <v>14</v>
      </c>
      <c r="AH22427">
        <v>14</v>
      </c>
      <c r="AI22427">
        <v>14</v>
      </c>
      <c r="AJ22427">
        <v>15</v>
      </c>
      <c r="AK22427">
        <v>15</v>
      </c>
      <c r="AL22427">
        <v>15</v>
      </c>
      <c r="AM22427">
        <v>15</v>
      </c>
      <c r="AN22427">
        <v>15</v>
      </c>
      <c r="AO22427">
        <v>15</v>
      </c>
      <c r="AP22427">
        <v>16</v>
      </c>
      <c r="AQ22427">
        <v>16</v>
      </c>
    </row>
    <row r="22428" spans="1:43">
      <c r="A22428" t="s">
        <v>13895</v>
      </c>
      <c r="B22428" t="s">
        <v>13896</v>
      </c>
      <c r="C22428" t="s">
        <v>13893</v>
      </c>
      <c r="D22428" t="s">
        <v>13894</v>
      </c>
      <c r="E22428" t="s">
        <v>13885</v>
      </c>
      <c r="F22428" t="s">
        <v>13886</v>
      </c>
      <c r="G22428" t="s">
        <v>10734</v>
      </c>
      <c r="H22428" t="s">
        <v>10735</v>
      </c>
      <c r="I22428" s="2">
        <v>0</v>
      </c>
      <c r="J22428" s="2">
        <v>0</v>
      </c>
      <c r="K22428" s="2">
        <v>1</v>
      </c>
      <c r="L22428" t="s">
        <v>995</v>
      </c>
      <c r="M22428" t="s">
        <v>89</v>
      </c>
      <c r="N22428" t="s">
        <v>90</v>
      </c>
      <c r="O22428" t="s">
        <v>85</v>
      </c>
      <c r="P22428" t="s">
        <v>86</v>
      </c>
      <c r="Q22428">
        <v>12</v>
      </c>
      <c r="R22428">
        <v>12</v>
      </c>
      <c r="S22428">
        <v>13</v>
      </c>
      <c r="T22428">
        <v>13</v>
      </c>
      <c r="U22428">
        <v>13</v>
      </c>
      <c r="V22428">
        <v>14</v>
      </c>
      <c r="W22428">
        <v>14</v>
      </c>
      <c r="X22428">
        <v>14</v>
      </c>
      <c r="Y22428">
        <v>15</v>
      </c>
      <c r="Z22428">
        <v>15</v>
      </c>
      <c r="AA22428">
        <v>15</v>
      </c>
      <c r="AB22428">
        <v>16</v>
      </c>
      <c r="AC22428">
        <v>16</v>
      </c>
      <c r="AD22428">
        <v>16</v>
      </c>
      <c r="AE22428">
        <v>17</v>
      </c>
      <c r="AF22428">
        <v>17</v>
      </c>
      <c r="AG22428">
        <v>17</v>
      </c>
      <c r="AH22428">
        <v>17</v>
      </c>
      <c r="AI22428">
        <v>17</v>
      </c>
      <c r="AJ22428">
        <v>17</v>
      </c>
      <c r="AK22428">
        <v>17</v>
      </c>
      <c r="AL22428">
        <v>18</v>
      </c>
      <c r="AM22428">
        <v>18</v>
      </c>
      <c r="AN22428">
        <v>18</v>
      </c>
      <c r="AO22428">
        <v>18</v>
      </c>
      <c r="AP22428">
        <v>18</v>
      </c>
      <c r="AQ22428">
        <v>18</v>
      </c>
    </row>
    <row r="22429" spans="1:43">
      <c r="A22429" t="s">
        <v>13895</v>
      </c>
      <c r="B22429" t="s">
        <v>13896</v>
      </c>
      <c r="C22429" t="s">
        <v>13893</v>
      </c>
      <c r="D22429" t="s">
        <v>13894</v>
      </c>
      <c r="E22429" t="s">
        <v>13885</v>
      </c>
      <c r="F22429" t="s">
        <v>13886</v>
      </c>
      <c r="G22429" t="s">
        <v>10734</v>
      </c>
      <c r="H22429" t="s">
        <v>10735</v>
      </c>
      <c r="I22429" s="2">
        <v>0</v>
      </c>
      <c r="J22429" s="2">
        <v>0</v>
      </c>
      <c r="K22429" s="2">
        <v>1</v>
      </c>
      <c r="L22429" t="s">
        <v>995</v>
      </c>
      <c r="M22429" t="s">
        <v>83</v>
      </c>
      <c r="N22429" t="s">
        <v>91</v>
      </c>
      <c r="O22429" t="s">
        <v>85</v>
      </c>
      <c r="P22429" t="s">
        <v>86</v>
      </c>
      <c r="Q22429">
        <v>12</v>
      </c>
      <c r="R22429">
        <v>12</v>
      </c>
      <c r="S22429">
        <v>12</v>
      </c>
      <c r="T22429">
        <v>13</v>
      </c>
      <c r="U22429">
        <v>13</v>
      </c>
      <c r="V22429">
        <v>13</v>
      </c>
      <c r="W22429">
        <v>13</v>
      </c>
      <c r="X22429">
        <v>14</v>
      </c>
      <c r="Y22429">
        <v>14</v>
      </c>
      <c r="Z22429">
        <v>14</v>
      </c>
      <c r="AA22429">
        <v>15</v>
      </c>
      <c r="AB22429">
        <v>15</v>
      </c>
      <c r="AC22429">
        <v>15</v>
      </c>
      <c r="AD22429">
        <v>15</v>
      </c>
      <c r="AE22429">
        <v>16</v>
      </c>
      <c r="AF22429">
        <v>16</v>
      </c>
      <c r="AG22429">
        <v>16</v>
      </c>
      <c r="AH22429">
        <v>16</v>
      </c>
      <c r="AI22429">
        <v>17</v>
      </c>
      <c r="AJ22429">
        <v>17</v>
      </c>
      <c r="AK22429">
        <v>17</v>
      </c>
      <c r="AL22429">
        <v>17</v>
      </c>
      <c r="AM22429">
        <v>18</v>
      </c>
      <c r="AN22429">
        <v>18</v>
      </c>
      <c r="AO22429">
        <v>18</v>
      </c>
      <c r="AP22429">
        <v>18</v>
      </c>
      <c r="AQ22429">
        <v>18</v>
      </c>
    </row>
    <row r="22430" spans="1:43">
      <c r="A22430" t="s">
        <v>13897</v>
      </c>
      <c r="B22430" t="s">
        <v>13898</v>
      </c>
      <c r="C22430" t="s">
        <v>13899</v>
      </c>
      <c r="D22430" t="s">
        <v>13900</v>
      </c>
      <c r="E22430" t="s">
        <v>13885</v>
      </c>
      <c r="F22430" t="s">
        <v>13886</v>
      </c>
      <c r="G22430" t="s">
        <v>10734</v>
      </c>
      <c r="H22430" t="s">
        <v>10735</v>
      </c>
      <c r="I22430" s="2">
        <v>0</v>
      </c>
      <c r="J22430" s="2">
        <v>0</v>
      </c>
      <c r="K22430" s="2">
        <v>1</v>
      </c>
      <c r="L22430" t="s">
        <v>995</v>
      </c>
      <c r="M22430" t="s">
        <v>83</v>
      </c>
      <c r="N22430" t="s">
        <v>84</v>
      </c>
      <c r="O22430" t="s">
        <v>85</v>
      </c>
      <c r="P22430" t="s">
        <v>86</v>
      </c>
      <c r="Q22430">
        <v>18</v>
      </c>
      <c r="R22430">
        <v>18</v>
      </c>
      <c r="S22430">
        <v>19</v>
      </c>
      <c r="T22430">
        <v>19</v>
      </c>
      <c r="U22430">
        <v>19</v>
      </c>
      <c r="V22430">
        <v>20</v>
      </c>
      <c r="W22430">
        <v>20</v>
      </c>
      <c r="X22430">
        <v>20</v>
      </c>
      <c r="Y22430">
        <v>21</v>
      </c>
      <c r="Z22430">
        <v>21</v>
      </c>
      <c r="AA22430">
        <v>22</v>
      </c>
      <c r="AB22430">
        <v>22</v>
      </c>
      <c r="AC22430">
        <v>22</v>
      </c>
      <c r="AD22430">
        <v>23</v>
      </c>
      <c r="AE22430">
        <v>23</v>
      </c>
      <c r="AF22430">
        <v>23</v>
      </c>
      <c r="AG22430">
        <v>24</v>
      </c>
      <c r="AH22430">
        <v>24</v>
      </c>
      <c r="AI22430">
        <v>25</v>
      </c>
      <c r="AJ22430">
        <v>25</v>
      </c>
      <c r="AK22430">
        <v>25</v>
      </c>
      <c r="AL22430">
        <v>26</v>
      </c>
      <c r="AM22430">
        <v>26</v>
      </c>
      <c r="AN22430">
        <v>26</v>
      </c>
      <c r="AO22430">
        <v>26</v>
      </c>
      <c r="AP22430">
        <v>26</v>
      </c>
      <c r="AQ22430">
        <v>27</v>
      </c>
    </row>
    <row r="22431" spans="1:43">
      <c r="A22431" t="s">
        <v>13897</v>
      </c>
      <c r="B22431" t="s">
        <v>13898</v>
      </c>
      <c r="C22431" t="s">
        <v>13899</v>
      </c>
      <c r="D22431" t="s">
        <v>13900</v>
      </c>
      <c r="E22431" t="s">
        <v>13885</v>
      </c>
      <c r="F22431" t="s">
        <v>13886</v>
      </c>
      <c r="G22431" t="s">
        <v>10734</v>
      </c>
      <c r="H22431" t="s">
        <v>10735</v>
      </c>
      <c r="I22431" s="2">
        <v>0</v>
      </c>
      <c r="J22431" s="2">
        <v>0</v>
      </c>
      <c r="K22431" s="2">
        <v>1</v>
      </c>
      <c r="L22431" t="s">
        <v>995</v>
      </c>
      <c r="M22431" t="s">
        <v>87</v>
      </c>
      <c r="N22431" t="s">
        <v>88</v>
      </c>
      <c r="O22431" t="s">
        <v>85</v>
      </c>
      <c r="P22431" t="s">
        <v>86</v>
      </c>
      <c r="Q22431">
        <v>18</v>
      </c>
      <c r="R22431">
        <v>18</v>
      </c>
      <c r="S22431">
        <v>18</v>
      </c>
      <c r="T22431">
        <v>18</v>
      </c>
      <c r="U22431">
        <v>18</v>
      </c>
      <c r="V22431">
        <v>19</v>
      </c>
      <c r="W22431">
        <v>19</v>
      </c>
      <c r="X22431">
        <v>19</v>
      </c>
      <c r="Y22431">
        <v>19</v>
      </c>
      <c r="Z22431">
        <v>19</v>
      </c>
      <c r="AA22431">
        <v>20</v>
      </c>
      <c r="AB22431">
        <v>20</v>
      </c>
      <c r="AC22431">
        <v>20</v>
      </c>
      <c r="AD22431">
        <v>20</v>
      </c>
      <c r="AE22431">
        <v>20</v>
      </c>
      <c r="AF22431">
        <v>21</v>
      </c>
      <c r="AG22431">
        <v>21</v>
      </c>
      <c r="AH22431">
        <v>21</v>
      </c>
      <c r="AI22431">
        <v>21</v>
      </c>
      <c r="AJ22431">
        <v>22</v>
      </c>
      <c r="AK22431">
        <v>22</v>
      </c>
      <c r="AL22431">
        <v>22</v>
      </c>
      <c r="AM22431">
        <v>22</v>
      </c>
      <c r="AN22431">
        <v>22</v>
      </c>
      <c r="AO22431">
        <v>23</v>
      </c>
      <c r="AP22431">
        <v>23</v>
      </c>
      <c r="AQ22431">
        <v>23</v>
      </c>
    </row>
    <row r="22432" spans="1:43">
      <c r="A22432" t="s">
        <v>13897</v>
      </c>
      <c r="B22432" t="s">
        <v>13898</v>
      </c>
      <c r="C22432" t="s">
        <v>13899</v>
      </c>
      <c r="D22432" t="s">
        <v>13900</v>
      </c>
      <c r="E22432" t="s">
        <v>13885</v>
      </c>
      <c r="F22432" t="s">
        <v>13886</v>
      </c>
      <c r="G22432" t="s">
        <v>10734</v>
      </c>
      <c r="H22432" t="s">
        <v>10735</v>
      </c>
      <c r="I22432" s="2">
        <v>0</v>
      </c>
      <c r="J22432" s="2">
        <v>0</v>
      </c>
      <c r="K22432" s="2">
        <v>1</v>
      </c>
      <c r="L22432" t="s">
        <v>995</v>
      </c>
      <c r="M22432" t="s">
        <v>89</v>
      </c>
      <c r="N22432" t="s">
        <v>90</v>
      </c>
      <c r="O22432" t="s">
        <v>85</v>
      </c>
      <c r="P22432" t="s">
        <v>86</v>
      </c>
      <c r="Q22432">
        <v>18</v>
      </c>
      <c r="R22432">
        <v>19</v>
      </c>
      <c r="S22432">
        <v>19</v>
      </c>
      <c r="T22432">
        <v>20</v>
      </c>
      <c r="U22432">
        <v>20</v>
      </c>
      <c r="V22432">
        <v>21</v>
      </c>
      <c r="W22432">
        <v>21</v>
      </c>
      <c r="X22432">
        <v>21</v>
      </c>
      <c r="Y22432">
        <v>22</v>
      </c>
      <c r="Z22432">
        <v>22</v>
      </c>
      <c r="AA22432">
        <v>23</v>
      </c>
      <c r="AB22432">
        <v>23</v>
      </c>
      <c r="AC22432">
        <v>24</v>
      </c>
      <c r="AD22432">
        <v>24</v>
      </c>
      <c r="AE22432">
        <v>25</v>
      </c>
      <c r="AF22432">
        <v>25</v>
      </c>
      <c r="AG22432">
        <v>25</v>
      </c>
      <c r="AH22432">
        <v>25</v>
      </c>
      <c r="AI22432">
        <v>25</v>
      </c>
      <c r="AJ22432">
        <v>26</v>
      </c>
      <c r="AK22432">
        <v>26</v>
      </c>
      <c r="AL22432">
        <v>26</v>
      </c>
      <c r="AM22432">
        <v>26</v>
      </c>
      <c r="AN22432">
        <v>26</v>
      </c>
      <c r="AO22432">
        <v>26</v>
      </c>
      <c r="AP22432">
        <v>27</v>
      </c>
      <c r="AQ22432">
        <v>27</v>
      </c>
    </row>
    <row r="22433" spans="1:43">
      <c r="A22433" t="s">
        <v>13897</v>
      </c>
      <c r="B22433" t="s">
        <v>13898</v>
      </c>
      <c r="C22433" t="s">
        <v>13899</v>
      </c>
      <c r="D22433" t="s">
        <v>13900</v>
      </c>
      <c r="E22433" t="s">
        <v>13885</v>
      </c>
      <c r="F22433" t="s">
        <v>13886</v>
      </c>
      <c r="G22433" t="s">
        <v>10734</v>
      </c>
      <c r="H22433" t="s">
        <v>10735</v>
      </c>
      <c r="I22433" s="2">
        <v>0</v>
      </c>
      <c r="J22433" s="2">
        <v>0</v>
      </c>
      <c r="K22433" s="2">
        <v>1</v>
      </c>
      <c r="L22433" t="s">
        <v>995</v>
      </c>
      <c r="M22433" t="s">
        <v>83</v>
      </c>
      <c r="N22433" t="s">
        <v>91</v>
      </c>
      <c r="O22433" t="s">
        <v>85</v>
      </c>
      <c r="P22433" t="s">
        <v>86</v>
      </c>
      <c r="Q22433">
        <v>18</v>
      </c>
      <c r="R22433">
        <v>18</v>
      </c>
      <c r="S22433">
        <v>19</v>
      </c>
      <c r="T22433">
        <v>19</v>
      </c>
      <c r="U22433">
        <v>19</v>
      </c>
      <c r="V22433">
        <v>20</v>
      </c>
      <c r="W22433">
        <v>20</v>
      </c>
      <c r="X22433">
        <v>20</v>
      </c>
      <c r="Y22433">
        <v>21</v>
      </c>
      <c r="Z22433">
        <v>21</v>
      </c>
      <c r="AA22433">
        <v>22</v>
      </c>
      <c r="AB22433">
        <v>22</v>
      </c>
      <c r="AC22433">
        <v>22</v>
      </c>
      <c r="AD22433">
        <v>23</v>
      </c>
      <c r="AE22433">
        <v>23</v>
      </c>
      <c r="AF22433">
        <v>23</v>
      </c>
      <c r="AG22433">
        <v>24</v>
      </c>
      <c r="AH22433">
        <v>24</v>
      </c>
      <c r="AI22433">
        <v>25</v>
      </c>
      <c r="AJ22433">
        <v>25</v>
      </c>
      <c r="AK22433">
        <v>25</v>
      </c>
      <c r="AL22433">
        <v>26</v>
      </c>
      <c r="AM22433">
        <v>26</v>
      </c>
      <c r="AN22433">
        <v>26</v>
      </c>
      <c r="AO22433">
        <v>26</v>
      </c>
      <c r="AP22433">
        <v>26</v>
      </c>
      <c r="AQ22433">
        <v>27</v>
      </c>
    </row>
    <row r="22434" spans="1:43">
      <c r="A22434" t="s">
        <v>13901</v>
      </c>
      <c r="B22434" t="s">
        <v>13902</v>
      </c>
      <c r="C22434" t="s">
        <v>13903</v>
      </c>
      <c r="D22434" t="s">
        <v>13904</v>
      </c>
      <c r="E22434" t="s">
        <v>13885</v>
      </c>
      <c r="F22434" t="s">
        <v>13886</v>
      </c>
      <c r="G22434" t="s">
        <v>10734</v>
      </c>
      <c r="H22434" t="s">
        <v>10735</v>
      </c>
      <c r="I22434" s="2">
        <v>0</v>
      </c>
      <c r="J22434" s="2">
        <v>0</v>
      </c>
      <c r="K22434" s="2">
        <v>1</v>
      </c>
      <c r="L22434" t="s">
        <v>995</v>
      </c>
      <c r="M22434" t="s">
        <v>83</v>
      </c>
      <c r="N22434" t="s">
        <v>84</v>
      </c>
      <c r="O22434" t="s">
        <v>85</v>
      </c>
      <c r="P22434" t="s">
        <v>86</v>
      </c>
      <c r="Q22434">
        <v>20</v>
      </c>
      <c r="R22434">
        <v>20</v>
      </c>
      <c r="S22434">
        <v>21</v>
      </c>
      <c r="T22434">
        <v>21</v>
      </c>
      <c r="U22434">
        <v>22</v>
      </c>
      <c r="V22434">
        <v>22</v>
      </c>
      <c r="W22434">
        <v>23</v>
      </c>
      <c r="X22434">
        <v>23</v>
      </c>
      <c r="Y22434">
        <v>23</v>
      </c>
      <c r="Z22434">
        <v>24</v>
      </c>
      <c r="AA22434">
        <v>24</v>
      </c>
      <c r="AB22434">
        <v>25</v>
      </c>
      <c r="AC22434">
        <v>25</v>
      </c>
      <c r="AD22434">
        <v>26</v>
      </c>
      <c r="AE22434">
        <v>26</v>
      </c>
      <c r="AF22434">
        <v>26</v>
      </c>
      <c r="AG22434">
        <v>27</v>
      </c>
      <c r="AH22434">
        <v>27</v>
      </c>
      <c r="AI22434">
        <v>28</v>
      </c>
      <c r="AJ22434">
        <v>28</v>
      </c>
      <c r="AK22434">
        <v>29</v>
      </c>
      <c r="AL22434">
        <v>29</v>
      </c>
      <c r="AM22434">
        <v>29</v>
      </c>
      <c r="AN22434">
        <v>29</v>
      </c>
      <c r="AO22434">
        <v>30</v>
      </c>
      <c r="AP22434">
        <v>30</v>
      </c>
      <c r="AQ22434">
        <v>30</v>
      </c>
    </row>
    <row r="22435" spans="1:43">
      <c r="A22435" t="s">
        <v>13901</v>
      </c>
      <c r="B22435" t="s">
        <v>13902</v>
      </c>
      <c r="C22435" t="s">
        <v>13903</v>
      </c>
      <c r="D22435" t="s">
        <v>13904</v>
      </c>
      <c r="E22435" t="s">
        <v>13885</v>
      </c>
      <c r="F22435" t="s">
        <v>13886</v>
      </c>
      <c r="G22435" t="s">
        <v>10734</v>
      </c>
      <c r="H22435" t="s">
        <v>10735</v>
      </c>
      <c r="I22435" s="2">
        <v>0</v>
      </c>
      <c r="J22435" s="2">
        <v>0</v>
      </c>
      <c r="K22435" s="2">
        <v>1</v>
      </c>
      <c r="L22435" t="s">
        <v>995</v>
      </c>
      <c r="M22435" t="s">
        <v>87</v>
      </c>
      <c r="N22435" t="s">
        <v>88</v>
      </c>
      <c r="O22435" t="s">
        <v>85</v>
      </c>
      <c r="P22435" t="s">
        <v>86</v>
      </c>
      <c r="Q22435">
        <v>20</v>
      </c>
      <c r="R22435">
        <v>20</v>
      </c>
      <c r="S22435">
        <v>20</v>
      </c>
      <c r="T22435">
        <v>21</v>
      </c>
      <c r="U22435">
        <v>21</v>
      </c>
      <c r="V22435">
        <v>21</v>
      </c>
      <c r="W22435">
        <v>21</v>
      </c>
      <c r="X22435">
        <v>21</v>
      </c>
      <c r="Y22435">
        <v>22</v>
      </c>
      <c r="Z22435">
        <v>22</v>
      </c>
      <c r="AA22435">
        <v>22</v>
      </c>
      <c r="AB22435">
        <v>22</v>
      </c>
      <c r="AC22435">
        <v>23</v>
      </c>
      <c r="AD22435">
        <v>23</v>
      </c>
      <c r="AE22435">
        <v>23</v>
      </c>
      <c r="AF22435">
        <v>23</v>
      </c>
      <c r="AG22435">
        <v>24</v>
      </c>
      <c r="AH22435">
        <v>24</v>
      </c>
      <c r="AI22435">
        <v>24</v>
      </c>
      <c r="AJ22435">
        <v>24</v>
      </c>
      <c r="AK22435">
        <v>25</v>
      </c>
      <c r="AL22435">
        <v>25</v>
      </c>
      <c r="AM22435">
        <v>25</v>
      </c>
      <c r="AN22435">
        <v>25</v>
      </c>
      <c r="AO22435">
        <v>26</v>
      </c>
      <c r="AP22435">
        <v>26</v>
      </c>
      <c r="AQ22435">
        <v>26</v>
      </c>
    </row>
    <row r="22436" spans="1:43">
      <c r="A22436" t="s">
        <v>13901</v>
      </c>
      <c r="B22436" t="s">
        <v>13902</v>
      </c>
      <c r="C22436" t="s">
        <v>13903</v>
      </c>
      <c r="D22436" t="s">
        <v>13904</v>
      </c>
      <c r="E22436" t="s">
        <v>13885</v>
      </c>
      <c r="F22436" t="s">
        <v>13886</v>
      </c>
      <c r="G22436" t="s">
        <v>10734</v>
      </c>
      <c r="H22436" t="s">
        <v>10735</v>
      </c>
      <c r="I22436" s="2">
        <v>0</v>
      </c>
      <c r="J22436" s="2">
        <v>0</v>
      </c>
      <c r="K22436" s="2">
        <v>1</v>
      </c>
      <c r="L22436" t="s">
        <v>995</v>
      </c>
      <c r="M22436" t="s">
        <v>89</v>
      </c>
      <c r="N22436" t="s">
        <v>90</v>
      </c>
      <c r="O22436" t="s">
        <v>85</v>
      </c>
      <c r="P22436" t="s">
        <v>86</v>
      </c>
      <c r="Q22436">
        <v>20</v>
      </c>
      <c r="R22436">
        <v>21</v>
      </c>
      <c r="S22436">
        <v>21</v>
      </c>
      <c r="T22436">
        <v>22</v>
      </c>
      <c r="U22436">
        <v>23</v>
      </c>
      <c r="V22436">
        <v>23</v>
      </c>
      <c r="W22436">
        <v>24</v>
      </c>
      <c r="X22436">
        <v>24</v>
      </c>
      <c r="Y22436">
        <v>25</v>
      </c>
      <c r="Z22436">
        <v>25</v>
      </c>
      <c r="AA22436">
        <v>26</v>
      </c>
      <c r="AB22436">
        <v>26</v>
      </c>
      <c r="AC22436">
        <v>27</v>
      </c>
      <c r="AD22436">
        <v>27</v>
      </c>
      <c r="AE22436">
        <v>28</v>
      </c>
      <c r="AF22436">
        <v>28</v>
      </c>
      <c r="AG22436">
        <v>28</v>
      </c>
      <c r="AH22436">
        <v>28</v>
      </c>
      <c r="AI22436">
        <v>29</v>
      </c>
      <c r="AJ22436">
        <v>29</v>
      </c>
      <c r="AK22436">
        <v>29</v>
      </c>
      <c r="AL22436">
        <v>29</v>
      </c>
      <c r="AM22436">
        <v>29</v>
      </c>
      <c r="AN22436">
        <v>30</v>
      </c>
      <c r="AO22436">
        <v>30</v>
      </c>
      <c r="AP22436">
        <v>30</v>
      </c>
      <c r="AQ22436">
        <v>30</v>
      </c>
    </row>
    <row r="22437" spans="1:43">
      <c r="A22437" t="s">
        <v>13901</v>
      </c>
      <c r="B22437" t="s">
        <v>13902</v>
      </c>
      <c r="C22437" t="s">
        <v>13903</v>
      </c>
      <c r="D22437" t="s">
        <v>13904</v>
      </c>
      <c r="E22437" t="s">
        <v>13885</v>
      </c>
      <c r="F22437" t="s">
        <v>13886</v>
      </c>
      <c r="G22437" t="s">
        <v>10734</v>
      </c>
      <c r="H22437" t="s">
        <v>10735</v>
      </c>
      <c r="I22437" s="2">
        <v>0</v>
      </c>
      <c r="J22437" s="2">
        <v>0</v>
      </c>
      <c r="K22437" s="2">
        <v>1</v>
      </c>
      <c r="L22437" t="s">
        <v>995</v>
      </c>
      <c r="M22437" t="s">
        <v>83</v>
      </c>
      <c r="N22437" t="s">
        <v>91</v>
      </c>
      <c r="O22437" t="s">
        <v>85</v>
      </c>
      <c r="P22437" t="s">
        <v>86</v>
      </c>
      <c r="Q22437">
        <v>20</v>
      </c>
      <c r="R22437">
        <v>20</v>
      </c>
      <c r="S22437">
        <v>21</v>
      </c>
      <c r="T22437">
        <v>21</v>
      </c>
      <c r="U22437">
        <v>22</v>
      </c>
      <c r="V22437">
        <v>22</v>
      </c>
      <c r="W22437">
        <v>23</v>
      </c>
      <c r="X22437">
        <v>23</v>
      </c>
      <c r="Y22437">
        <v>23</v>
      </c>
      <c r="Z22437">
        <v>24</v>
      </c>
      <c r="AA22437">
        <v>24</v>
      </c>
      <c r="AB22437">
        <v>25</v>
      </c>
      <c r="AC22437">
        <v>25</v>
      </c>
      <c r="AD22437">
        <v>26</v>
      </c>
      <c r="AE22437">
        <v>26</v>
      </c>
      <c r="AF22437">
        <v>26</v>
      </c>
      <c r="AG22437">
        <v>27</v>
      </c>
      <c r="AH22437">
        <v>27</v>
      </c>
      <c r="AI22437">
        <v>28</v>
      </c>
      <c r="AJ22437">
        <v>28</v>
      </c>
      <c r="AK22437">
        <v>29</v>
      </c>
      <c r="AL22437">
        <v>29</v>
      </c>
      <c r="AM22437">
        <v>29</v>
      </c>
      <c r="AN22437">
        <v>29</v>
      </c>
      <c r="AO22437">
        <v>30</v>
      </c>
      <c r="AP22437">
        <v>30</v>
      </c>
      <c r="AQ22437">
        <v>30</v>
      </c>
    </row>
    <row r="22438" spans="1:43">
      <c r="A22438" t="s">
        <v>13905</v>
      </c>
      <c r="B22438" t="s">
        <v>13906</v>
      </c>
      <c r="C22438" t="s">
        <v>13903</v>
      </c>
      <c r="D22438" t="s">
        <v>13904</v>
      </c>
      <c r="E22438" t="s">
        <v>13885</v>
      </c>
      <c r="F22438" t="s">
        <v>13886</v>
      </c>
      <c r="G22438" t="s">
        <v>10734</v>
      </c>
      <c r="H22438" t="s">
        <v>10735</v>
      </c>
      <c r="I22438" s="2">
        <v>0</v>
      </c>
      <c r="J22438" s="2">
        <v>0</v>
      </c>
      <c r="K22438" s="2">
        <v>1</v>
      </c>
      <c r="L22438" t="s">
        <v>995</v>
      </c>
      <c r="M22438" t="s">
        <v>83</v>
      </c>
      <c r="N22438" t="s">
        <v>84</v>
      </c>
      <c r="O22438" t="s">
        <v>85</v>
      </c>
      <c r="P22438" t="s">
        <v>86</v>
      </c>
      <c r="Q22438">
        <v>27</v>
      </c>
      <c r="R22438">
        <v>27</v>
      </c>
      <c r="S22438">
        <v>28</v>
      </c>
      <c r="T22438">
        <v>29</v>
      </c>
      <c r="U22438">
        <v>29</v>
      </c>
      <c r="V22438">
        <v>30</v>
      </c>
      <c r="W22438">
        <v>30</v>
      </c>
      <c r="X22438">
        <v>31</v>
      </c>
      <c r="Y22438">
        <v>31</v>
      </c>
      <c r="Z22438">
        <v>32</v>
      </c>
      <c r="AA22438">
        <v>33</v>
      </c>
      <c r="AB22438">
        <v>33</v>
      </c>
      <c r="AC22438">
        <v>34</v>
      </c>
      <c r="AD22438">
        <v>34</v>
      </c>
      <c r="AE22438">
        <v>35</v>
      </c>
      <c r="AF22438">
        <v>36</v>
      </c>
      <c r="AG22438">
        <v>36</v>
      </c>
      <c r="AH22438">
        <v>37</v>
      </c>
      <c r="AI22438">
        <v>37</v>
      </c>
      <c r="AJ22438">
        <v>38</v>
      </c>
      <c r="AK22438">
        <v>39</v>
      </c>
      <c r="AL22438">
        <v>39</v>
      </c>
      <c r="AM22438">
        <v>40</v>
      </c>
      <c r="AN22438">
        <v>40</v>
      </c>
      <c r="AO22438">
        <v>40</v>
      </c>
      <c r="AP22438">
        <v>41</v>
      </c>
      <c r="AQ22438">
        <v>41</v>
      </c>
    </row>
    <row r="22439" spans="1:43">
      <c r="A22439" t="s">
        <v>13905</v>
      </c>
      <c r="B22439" t="s">
        <v>13906</v>
      </c>
      <c r="C22439" t="s">
        <v>13903</v>
      </c>
      <c r="D22439" t="s">
        <v>13904</v>
      </c>
      <c r="E22439" t="s">
        <v>13885</v>
      </c>
      <c r="F22439" t="s">
        <v>13886</v>
      </c>
      <c r="G22439" t="s">
        <v>10734</v>
      </c>
      <c r="H22439" t="s">
        <v>10735</v>
      </c>
      <c r="I22439" s="2">
        <v>0</v>
      </c>
      <c r="J22439" s="2">
        <v>0</v>
      </c>
      <c r="K22439" s="2">
        <v>1</v>
      </c>
      <c r="L22439" t="s">
        <v>995</v>
      </c>
      <c r="M22439" t="s">
        <v>87</v>
      </c>
      <c r="N22439" t="s">
        <v>88</v>
      </c>
      <c r="O22439" t="s">
        <v>85</v>
      </c>
      <c r="P22439" t="s">
        <v>86</v>
      </c>
      <c r="Q22439">
        <v>27</v>
      </c>
      <c r="R22439">
        <v>27</v>
      </c>
      <c r="S22439">
        <v>27</v>
      </c>
      <c r="T22439">
        <v>27</v>
      </c>
      <c r="U22439">
        <v>28</v>
      </c>
      <c r="V22439">
        <v>28</v>
      </c>
      <c r="W22439">
        <v>28</v>
      </c>
      <c r="X22439">
        <v>29</v>
      </c>
      <c r="Y22439">
        <v>29</v>
      </c>
      <c r="Z22439">
        <v>29</v>
      </c>
      <c r="AA22439">
        <v>30</v>
      </c>
      <c r="AB22439">
        <v>30</v>
      </c>
      <c r="AC22439">
        <v>30</v>
      </c>
      <c r="AD22439">
        <v>31</v>
      </c>
      <c r="AE22439">
        <v>31</v>
      </c>
      <c r="AF22439">
        <v>31</v>
      </c>
      <c r="AG22439">
        <v>32</v>
      </c>
      <c r="AH22439">
        <v>32</v>
      </c>
      <c r="AI22439">
        <v>32</v>
      </c>
      <c r="AJ22439">
        <v>33</v>
      </c>
      <c r="AK22439">
        <v>33</v>
      </c>
      <c r="AL22439">
        <v>33</v>
      </c>
      <c r="AM22439">
        <v>34</v>
      </c>
      <c r="AN22439">
        <v>34</v>
      </c>
      <c r="AO22439">
        <v>35</v>
      </c>
      <c r="AP22439">
        <v>35</v>
      </c>
      <c r="AQ22439">
        <v>35</v>
      </c>
    </row>
    <row r="22440" spans="1:43">
      <c r="A22440" t="s">
        <v>13905</v>
      </c>
      <c r="B22440" t="s">
        <v>13906</v>
      </c>
      <c r="C22440" t="s">
        <v>13903</v>
      </c>
      <c r="D22440" t="s">
        <v>13904</v>
      </c>
      <c r="E22440" t="s">
        <v>13885</v>
      </c>
      <c r="F22440" t="s">
        <v>13886</v>
      </c>
      <c r="G22440" t="s">
        <v>10734</v>
      </c>
      <c r="H22440" t="s">
        <v>10735</v>
      </c>
      <c r="I22440" s="2">
        <v>0</v>
      </c>
      <c r="J22440" s="2">
        <v>0</v>
      </c>
      <c r="K22440" s="2">
        <v>1</v>
      </c>
      <c r="L22440" t="s">
        <v>995</v>
      </c>
      <c r="M22440" t="s">
        <v>89</v>
      </c>
      <c r="N22440" t="s">
        <v>90</v>
      </c>
      <c r="O22440" t="s">
        <v>85</v>
      </c>
      <c r="P22440" t="s">
        <v>86</v>
      </c>
      <c r="Q22440">
        <v>27</v>
      </c>
      <c r="R22440">
        <v>28</v>
      </c>
      <c r="S22440">
        <v>29</v>
      </c>
      <c r="T22440">
        <v>29</v>
      </c>
      <c r="U22440">
        <v>30</v>
      </c>
      <c r="V22440">
        <v>31</v>
      </c>
      <c r="W22440">
        <v>32</v>
      </c>
      <c r="X22440">
        <v>32</v>
      </c>
      <c r="Y22440">
        <v>33</v>
      </c>
      <c r="Z22440">
        <v>34</v>
      </c>
      <c r="AA22440">
        <v>35</v>
      </c>
      <c r="AB22440">
        <v>35</v>
      </c>
      <c r="AC22440">
        <v>36</v>
      </c>
      <c r="AD22440">
        <v>37</v>
      </c>
      <c r="AE22440">
        <v>38</v>
      </c>
      <c r="AF22440">
        <v>38</v>
      </c>
      <c r="AG22440">
        <v>38</v>
      </c>
      <c r="AH22440">
        <v>38</v>
      </c>
      <c r="AI22440">
        <v>39</v>
      </c>
      <c r="AJ22440">
        <v>39</v>
      </c>
      <c r="AK22440">
        <v>39</v>
      </c>
      <c r="AL22440">
        <v>40</v>
      </c>
      <c r="AM22440">
        <v>40</v>
      </c>
      <c r="AN22440">
        <v>41</v>
      </c>
      <c r="AO22440">
        <v>41</v>
      </c>
      <c r="AP22440">
        <v>41</v>
      </c>
      <c r="AQ22440">
        <v>42</v>
      </c>
    </row>
    <row r="22441" spans="1:43">
      <c r="A22441" t="s">
        <v>13905</v>
      </c>
      <c r="B22441" t="s">
        <v>13906</v>
      </c>
      <c r="C22441" t="s">
        <v>13903</v>
      </c>
      <c r="D22441" t="s">
        <v>13904</v>
      </c>
      <c r="E22441" t="s">
        <v>13885</v>
      </c>
      <c r="F22441" t="s">
        <v>13886</v>
      </c>
      <c r="G22441" t="s">
        <v>10734</v>
      </c>
      <c r="H22441" t="s">
        <v>10735</v>
      </c>
      <c r="I22441" s="2">
        <v>0</v>
      </c>
      <c r="J22441" s="2">
        <v>0</v>
      </c>
      <c r="K22441" s="2">
        <v>1</v>
      </c>
      <c r="L22441" t="s">
        <v>995</v>
      </c>
      <c r="M22441" t="s">
        <v>83</v>
      </c>
      <c r="N22441" t="s">
        <v>91</v>
      </c>
      <c r="O22441" t="s">
        <v>85</v>
      </c>
      <c r="P22441" t="s">
        <v>86</v>
      </c>
      <c r="Q22441">
        <v>27</v>
      </c>
      <c r="R22441">
        <v>27</v>
      </c>
      <c r="S22441">
        <v>28</v>
      </c>
      <c r="T22441">
        <v>29</v>
      </c>
      <c r="U22441">
        <v>29</v>
      </c>
      <c r="V22441">
        <v>30</v>
      </c>
      <c r="W22441">
        <v>30</v>
      </c>
      <c r="X22441">
        <v>31</v>
      </c>
      <c r="Y22441">
        <v>31</v>
      </c>
      <c r="Z22441">
        <v>32</v>
      </c>
      <c r="AA22441">
        <v>33</v>
      </c>
      <c r="AB22441">
        <v>33</v>
      </c>
      <c r="AC22441">
        <v>34</v>
      </c>
      <c r="AD22441">
        <v>34</v>
      </c>
      <c r="AE22441">
        <v>35</v>
      </c>
      <c r="AF22441">
        <v>36</v>
      </c>
      <c r="AG22441">
        <v>36</v>
      </c>
      <c r="AH22441">
        <v>37</v>
      </c>
      <c r="AI22441">
        <v>37</v>
      </c>
      <c r="AJ22441">
        <v>38</v>
      </c>
      <c r="AK22441">
        <v>39</v>
      </c>
      <c r="AL22441">
        <v>39</v>
      </c>
      <c r="AM22441">
        <v>40</v>
      </c>
      <c r="AN22441">
        <v>40</v>
      </c>
      <c r="AO22441">
        <v>40</v>
      </c>
      <c r="AP22441">
        <v>41</v>
      </c>
      <c r="AQ22441">
        <v>41</v>
      </c>
    </row>
    <row r="22442" spans="1:43">
      <c r="A22442" t="s">
        <v>13907</v>
      </c>
      <c r="B22442" t="s">
        <v>13908</v>
      </c>
      <c r="C22442" t="s">
        <v>13893</v>
      </c>
      <c r="D22442" t="s">
        <v>13894</v>
      </c>
      <c r="E22442" t="s">
        <v>13885</v>
      </c>
      <c r="F22442" t="s">
        <v>13886</v>
      </c>
      <c r="G22442" t="s">
        <v>10734</v>
      </c>
      <c r="H22442" t="s">
        <v>10735</v>
      </c>
      <c r="I22442" s="2">
        <v>0</v>
      </c>
      <c r="J22442" s="2">
        <v>0</v>
      </c>
      <c r="K22442" s="2">
        <v>1</v>
      </c>
      <c r="L22442" t="s">
        <v>995</v>
      </c>
      <c r="M22442" t="s">
        <v>83</v>
      </c>
      <c r="N22442" t="s">
        <v>84</v>
      </c>
      <c r="O22442" t="s">
        <v>85</v>
      </c>
      <c r="P22442" t="s">
        <v>86</v>
      </c>
      <c r="Q22442">
        <v>42</v>
      </c>
      <c r="R22442">
        <v>43</v>
      </c>
      <c r="S22442">
        <v>44</v>
      </c>
      <c r="T22442">
        <v>45</v>
      </c>
      <c r="U22442">
        <v>45</v>
      </c>
      <c r="V22442">
        <v>46</v>
      </c>
      <c r="W22442">
        <v>47</v>
      </c>
      <c r="X22442">
        <v>48</v>
      </c>
      <c r="Y22442">
        <v>49</v>
      </c>
      <c r="Z22442">
        <v>50</v>
      </c>
      <c r="AA22442">
        <v>51</v>
      </c>
      <c r="AB22442">
        <v>52</v>
      </c>
      <c r="AC22442">
        <v>53</v>
      </c>
      <c r="AD22442">
        <v>54</v>
      </c>
      <c r="AE22442">
        <v>55</v>
      </c>
      <c r="AF22442">
        <v>55</v>
      </c>
      <c r="AG22442">
        <v>56</v>
      </c>
      <c r="AH22442">
        <v>57</v>
      </c>
      <c r="AI22442">
        <v>58</v>
      </c>
      <c r="AJ22442">
        <v>59</v>
      </c>
      <c r="AK22442">
        <v>60</v>
      </c>
      <c r="AL22442">
        <v>61</v>
      </c>
      <c r="AM22442">
        <v>62</v>
      </c>
      <c r="AN22442">
        <v>62</v>
      </c>
      <c r="AO22442">
        <v>63</v>
      </c>
      <c r="AP22442">
        <v>63</v>
      </c>
      <c r="AQ22442">
        <v>64</v>
      </c>
    </row>
    <row r="22443" spans="1:43">
      <c r="A22443" t="s">
        <v>13907</v>
      </c>
      <c r="B22443" t="s">
        <v>13908</v>
      </c>
      <c r="C22443" t="s">
        <v>13893</v>
      </c>
      <c r="D22443" t="s">
        <v>13894</v>
      </c>
      <c r="E22443" t="s">
        <v>13885</v>
      </c>
      <c r="F22443" t="s">
        <v>13886</v>
      </c>
      <c r="G22443" t="s">
        <v>10734</v>
      </c>
      <c r="H22443" t="s">
        <v>10735</v>
      </c>
      <c r="I22443" s="2">
        <v>0</v>
      </c>
      <c r="J22443" s="2">
        <v>0</v>
      </c>
      <c r="K22443" s="2">
        <v>1</v>
      </c>
      <c r="L22443" t="s">
        <v>995</v>
      </c>
      <c r="M22443" t="s">
        <v>87</v>
      </c>
      <c r="N22443" t="s">
        <v>88</v>
      </c>
      <c r="O22443" t="s">
        <v>85</v>
      </c>
      <c r="P22443" t="s">
        <v>86</v>
      </c>
      <c r="Q22443">
        <v>42</v>
      </c>
      <c r="R22443">
        <v>42</v>
      </c>
      <c r="S22443">
        <v>43</v>
      </c>
      <c r="T22443">
        <v>43</v>
      </c>
      <c r="U22443">
        <v>43</v>
      </c>
      <c r="V22443">
        <v>44</v>
      </c>
      <c r="W22443">
        <v>44</v>
      </c>
      <c r="X22443">
        <v>45</v>
      </c>
      <c r="Y22443">
        <v>45</v>
      </c>
      <c r="Z22443">
        <v>46</v>
      </c>
      <c r="AA22443">
        <v>46</v>
      </c>
      <c r="AB22443">
        <v>47</v>
      </c>
      <c r="AC22443">
        <v>47</v>
      </c>
      <c r="AD22443">
        <v>48</v>
      </c>
      <c r="AE22443">
        <v>48</v>
      </c>
      <c r="AF22443">
        <v>49</v>
      </c>
      <c r="AG22443">
        <v>49</v>
      </c>
      <c r="AH22443">
        <v>50</v>
      </c>
      <c r="AI22443">
        <v>50</v>
      </c>
      <c r="AJ22443">
        <v>51</v>
      </c>
      <c r="AK22443">
        <v>52</v>
      </c>
      <c r="AL22443">
        <v>52</v>
      </c>
      <c r="AM22443">
        <v>53</v>
      </c>
      <c r="AN22443">
        <v>53</v>
      </c>
      <c r="AO22443">
        <v>54</v>
      </c>
      <c r="AP22443">
        <v>55</v>
      </c>
      <c r="AQ22443">
        <v>55</v>
      </c>
    </row>
    <row r="22444" spans="1:43">
      <c r="A22444" t="s">
        <v>13907</v>
      </c>
      <c r="B22444" t="s">
        <v>13908</v>
      </c>
      <c r="C22444" t="s">
        <v>13893</v>
      </c>
      <c r="D22444" t="s">
        <v>13894</v>
      </c>
      <c r="E22444" t="s">
        <v>13885</v>
      </c>
      <c r="F22444" t="s">
        <v>13886</v>
      </c>
      <c r="G22444" t="s">
        <v>10734</v>
      </c>
      <c r="H22444" t="s">
        <v>10735</v>
      </c>
      <c r="I22444" s="2">
        <v>0</v>
      </c>
      <c r="J22444" s="2">
        <v>0</v>
      </c>
      <c r="K22444" s="2">
        <v>1</v>
      </c>
      <c r="L22444" t="s">
        <v>995</v>
      </c>
      <c r="M22444" t="s">
        <v>89</v>
      </c>
      <c r="N22444" t="s">
        <v>90</v>
      </c>
      <c r="O22444" t="s">
        <v>85</v>
      </c>
      <c r="P22444" t="s">
        <v>86</v>
      </c>
      <c r="Q22444">
        <v>42</v>
      </c>
      <c r="R22444">
        <v>44</v>
      </c>
      <c r="S22444">
        <v>45</v>
      </c>
      <c r="T22444">
        <v>46</v>
      </c>
      <c r="U22444">
        <v>47</v>
      </c>
      <c r="V22444">
        <v>48</v>
      </c>
      <c r="W22444">
        <v>50</v>
      </c>
      <c r="X22444">
        <v>51</v>
      </c>
      <c r="Y22444">
        <v>52</v>
      </c>
      <c r="Z22444">
        <v>53</v>
      </c>
      <c r="AA22444">
        <v>54</v>
      </c>
      <c r="AB22444">
        <v>55</v>
      </c>
      <c r="AC22444">
        <v>56</v>
      </c>
      <c r="AD22444">
        <v>58</v>
      </c>
      <c r="AE22444">
        <v>58</v>
      </c>
      <c r="AF22444">
        <v>59</v>
      </c>
      <c r="AG22444">
        <v>59</v>
      </c>
      <c r="AH22444">
        <v>60</v>
      </c>
      <c r="AI22444">
        <v>60</v>
      </c>
      <c r="AJ22444">
        <v>61</v>
      </c>
      <c r="AK22444">
        <v>61</v>
      </c>
      <c r="AL22444">
        <v>62</v>
      </c>
      <c r="AM22444">
        <v>62</v>
      </c>
      <c r="AN22444">
        <v>63</v>
      </c>
      <c r="AO22444">
        <v>63</v>
      </c>
      <c r="AP22444">
        <v>64</v>
      </c>
      <c r="AQ22444">
        <v>64</v>
      </c>
    </row>
    <row r="22445" spans="1:43">
      <c r="A22445" t="s">
        <v>13907</v>
      </c>
      <c r="B22445" t="s">
        <v>13908</v>
      </c>
      <c r="C22445" t="s">
        <v>13893</v>
      </c>
      <c r="D22445" t="s">
        <v>13894</v>
      </c>
      <c r="E22445" t="s">
        <v>13885</v>
      </c>
      <c r="F22445" t="s">
        <v>13886</v>
      </c>
      <c r="G22445" t="s">
        <v>10734</v>
      </c>
      <c r="H22445" t="s">
        <v>10735</v>
      </c>
      <c r="I22445" s="2">
        <v>0</v>
      </c>
      <c r="J22445" s="2">
        <v>0</v>
      </c>
      <c r="K22445" s="2">
        <v>1</v>
      </c>
      <c r="L22445" t="s">
        <v>995</v>
      </c>
      <c r="M22445" t="s">
        <v>83</v>
      </c>
      <c r="N22445" t="s">
        <v>91</v>
      </c>
      <c r="O22445" t="s">
        <v>85</v>
      </c>
      <c r="P22445" t="s">
        <v>86</v>
      </c>
      <c r="Q22445">
        <v>42</v>
      </c>
      <c r="R22445">
        <v>43</v>
      </c>
      <c r="S22445">
        <v>44</v>
      </c>
      <c r="T22445">
        <v>45</v>
      </c>
      <c r="U22445">
        <v>45</v>
      </c>
      <c r="V22445">
        <v>46</v>
      </c>
      <c r="W22445">
        <v>47</v>
      </c>
      <c r="X22445">
        <v>48</v>
      </c>
      <c r="Y22445">
        <v>49</v>
      </c>
      <c r="Z22445">
        <v>50</v>
      </c>
      <c r="AA22445">
        <v>51</v>
      </c>
      <c r="AB22445">
        <v>52</v>
      </c>
      <c r="AC22445">
        <v>53</v>
      </c>
      <c r="AD22445">
        <v>54</v>
      </c>
      <c r="AE22445">
        <v>55</v>
      </c>
      <c r="AF22445">
        <v>55</v>
      </c>
      <c r="AG22445">
        <v>56</v>
      </c>
      <c r="AH22445">
        <v>57</v>
      </c>
      <c r="AI22445">
        <v>58</v>
      </c>
      <c r="AJ22445">
        <v>59</v>
      </c>
      <c r="AK22445">
        <v>60</v>
      </c>
      <c r="AL22445">
        <v>61</v>
      </c>
      <c r="AM22445">
        <v>62</v>
      </c>
      <c r="AN22445">
        <v>62</v>
      </c>
      <c r="AO22445">
        <v>63</v>
      </c>
      <c r="AP22445">
        <v>63</v>
      </c>
      <c r="AQ22445">
        <v>64</v>
      </c>
    </row>
    <row r="22446" spans="1:43">
      <c r="A22446" t="s">
        <v>13909</v>
      </c>
      <c r="B22446" t="s">
        <v>13910</v>
      </c>
      <c r="C22446" t="s">
        <v>13911</v>
      </c>
      <c r="D22446" t="s">
        <v>13912</v>
      </c>
      <c r="E22446" t="s">
        <v>13885</v>
      </c>
      <c r="F22446" t="s">
        <v>13886</v>
      </c>
      <c r="G22446" t="s">
        <v>10734</v>
      </c>
      <c r="H22446" t="s">
        <v>10735</v>
      </c>
      <c r="I22446" s="2">
        <v>0</v>
      </c>
      <c r="J22446" s="2">
        <v>0</v>
      </c>
      <c r="K22446" s="2">
        <v>1</v>
      </c>
      <c r="L22446" t="s">
        <v>995</v>
      </c>
      <c r="M22446" t="s">
        <v>83</v>
      </c>
      <c r="N22446" t="s">
        <v>84</v>
      </c>
      <c r="O22446" t="s">
        <v>85</v>
      </c>
      <c r="P22446" t="s">
        <v>86</v>
      </c>
      <c r="Q22446">
        <v>214</v>
      </c>
      <c r="R22446">
        <v>218</v>
      </c>
      <c r="S22446">
        <v>223</v>
      </c>
      <c r="T22446">
        <v>227</v>
      </c>
      <c r="U22446">
        <v>232</v>
      </c>
      <c r="V22446">
        <v>236</v>
      </c>
      <c r="W22446">
        <v>241</v>
      </c>
      <c r="X22446">
        <v>245</v>
      </c>
      <c r="Y22446">
        <v>250</v>
      </c>
      <c r="Z22446">
        <v>255</v>
      </c>
      <c r="AA22446">
        <v>259</v>
      </c>
      <c r="AB22446">
        <v>264</v>
      </c>
      <c r="AC22446">
        <v>269</v>
      </c>
      <c r="AD22446">
        <v>274</v>
      </c>
      <c r="AE22446">
        <v>278</v>
      </c>
      <c r="AF22446">
        <v>283</v>
      </c>
      <c r="AG22446">
        <v>288</v>
      </c>
      <c r="AH22446">
        <v>293</v>
      </c>
      <c r="AI22446">
        <v>299</v>
      </c>
      <c r="AJ22446">
        <v>304</v>
      </c>
      <c r="AK22446">
        <v>309</v>
      </c>
      <c r="AL22446">
        <v>313</v>
      </c>
      <c r="AM22446">
        <v>315</v>
      </c>
      <c r="AN22446">
        <v>318</v>
      </c>
      <c r="AO22446">
        <v>321</v>
      </c>
      <c r="AP22446">
        <v>324</v>
      </c>
      <c r="AQ22446">
        <v>327</v>
      </c>
    </row>
    <row r="22447" spans="1:43">
      <c r="A22447" t="s">
        <v>13909</v>
      </c>
      <c r="B22447" t="s">
        <v>13910</v>
      </c>
      <c r="C22447" t="s">
        <v>13911</v>
      </c>
      <c r="D22447" t="s">
        <v>13912</v>
      </c>
      <c r="E22447" t="s">
        <v>13885</v>
      </c>
      <c r="F22447" t="s">
        <v>13886</v>
      </c>
      <c r="G22447" t="s">
        <v>10734</v>
      </c>
      <c r="H22447" t="s">
        <v>10735</v>
      </c>
      <c r="I22447" s="2">
        <v>0</v>
      </c>
      <c r="J22447" s="2">
        <v>0</v>
      </c>
      <c r="K22447" s="2">
        <v>1</v>
      </c>
      <c r="L22447" t="s">
        <v>995</v>
      </c>
      <c r="M22447" t="s">
        <v>87</v>
      </c>
      <c r="N22447" t="s">
        <v>88</v>
      </c>
      <c r="O22447" t="s">
        <v>85</v>
      </c>
      <c r="P22447" t="s">
        <v>86</v>
      </c>
      <c r="Q22447">
        <v>214</v>
      </c>
      <c r="R22447">
        <v>216</v>
      </c>
      <c r="S22447">
        <v>219</v>
      </c>
      <c r="T22447">
        <v>221</v>
      </c>
      <c r="U22447">
        <v>223</v>
      </c>
      <c r="V22447">
        <v>226</v>
      </c>
      <c r="W22447">
        <v>228</v>
      </c>
      <c r="X22447">
        <v>231</v>
      </c>
      <c r="Y22447">
        <v>233</v>
      </c>
      <c r="Z22447">
        <v>235</v>
      </c>
      <c r="AA22447">
        <v>238</v>
      </c>
      <c r="AB22447">
        <v>241</v>
      </c>
      <c r="AC22447">
        <v>243</v>
      </c>
      <c r="AD22447">
        <v>246</v>
      </c>
      <c r="AE22447">
        <v>248</v>
      </c>
      <c r="AF22447">
        <v>251</v>
      </c>
      <c r="AG22447">
        <v>254</v>
      </c>
      <c r="AH22447">
        <v>257</v>
      </c>
      <c r="AI22447">
        <v>260</v>
      </c>
      <c r="AJ22447">
        <v>262</v>
      </c>
      <c r="AK22447">
        <v>265</v>
      </c>
      <c r="AL22447">
        <v>268</v>
      </c>
      <c r="AM22447">
        <v>271</v>
      </c>
      <c r="AN22447">
        <v>274</v>
      </c>
      <c r="AO22447">
        <v>277</v>
      </c>
      <c r="AP22447">
        <v>281</v>
      </c>
      <c r="AQ22447">
        <v>284</v>
      </c>
    </row>
    <row r="22448" spans="1:43">
      <c r="A22448" t="s">
        <v>13909</v>
      </c>
      <c r="B22448" t="s">
        <v>13910</v>
      </c>
      <c r="C22448" t="s">
        <v>13911</v>
      </c>
      <c r="D22448" t="s">
        <v>13912</v>
      </c>
      <c r="E22448" t="s">
        <v>13885</v>
      </c>
      <c r="F22448" t="s">
        <v>13886</v>
      </c>
      <c r="G22448" t="s">
        <v>10734</v>
      </c>
      <c r="H22448" t="s">
        <v>10735</v>
      </c>
      <c r="I22448" s="2">
        <v>0</v>
      </c>
      <c r="J22448" s="2">
        <v>0</v>
      </c>
      <c r="K22448" s="2">
        <v>1</v>
      </c>
      <c r="L22448" t="s">
        <v>995</v>
      </c>
      <c r="M22448" t="s">
        <v>89</v>
      </c>
      <c r="N22448" t="s">
        <v>90</v>
      </c>
      <c r="O22448" t="s">
        <v>85</v>
      </c>
      <c r="P22448" t="s">
        <v>86</v>
      </c>
      <c r="Q22448">
        <v>214</v>
      </c>
      <c r="R22448">
        <v>220</v>
      </c>
      <c r="S22448">
        <v>227</v>
      </c>
      <c r="T22448">
        <v>233</v>
      </c>
      <c r="U22448">
        <v>239</v>
      </c>
      <c r="V22448">
        <v>245</v>
      </c>
      <c r="W22448">
        <v>251</v>
      </c>
      <c r="X22448">
        <v>257</v>
      </c>
      <c r="Y22448">
        <v>263</v>
      </c>
      <c r="Z22448">
        <v>268</v>
      </c>
      <c r="AA22448">
        <v>274</v>
      </c>
      <c r="AB22448">
        <v>280</v>
      </c>
      <c r="AC22448">
        <v>286</v>
      </c>
      <c r="AD22448">
        <v>292</v>
      </c>
      <c r="AE22448">
        <v>297</v>
      </c>
      <c r="AF22448">
        <v>299</v>
      </c>
      <c r="AG22448">
        <v>302</v>
      </c>
      <c r="AH22448">
        <v>304</v>
      </c>
      <c r="AI22448">
        <v>307</v>
      </c>
      <c r="AJ22448">
        <v>310</v>
      </c>
      <c r="AK22448">
        <v>312</v>
      </c>
      <c r="AL22448">
        <v>315</v>
      </c>
      <c r="AM22448">
        <v>318</v>
      </c>
      <c r="AN22448">
        <v>320</v>
      </c>
      <c r="AO22448">
        <v>323</v>
      </c>
      <c r="AP22448">
        <v>326</v>
      </c>
      <c r="AQ22448">
        <v>329</v>
      </c>
    </row>
    <row r="22449" spans="1:43">
      <c r="A22449" t="s">
        <v>13909</v>
      </c>
      <c r="B22449" t="s">
        <v>13910</v>
      </c>
      <c r="C22449" t="s">
        <v>13911</v>
      </c>
      <c r="D22449" t="s">
        <v>13912</v>
      </c>
      <c r="E22449" t="s">
        <v>13885</v>
      </c>
      <c r="F22449" t="s">
        <v>13886</v>
      </c>
      <c r="G22449" t="s">
        <v>10734</v>
      </c>
      <c r="H22449" t="s">
        <v>10735</v>
      </c>
      <c r="I22449" s="2">
        <v>0</v>
      </c>
      <c r="J22449" s="2">
        <v>0</v>
      </c>
      <c r="K22449" s="2">
        <v>1</v>
      </c>
      <c r="L22449" t="s">
        <v>995</v>
      </c>
      <c r="M22449" t="s">
        <v>83</v>
      </c>
      <c r="N22449" t="s">
        <v>91</v>
      </c>
      <c r="O22449" t="s">
        <v>85</v>
      </c>
      <c r="P22449" t="s">
        <v>86</v>
      </c>
      <c r="Q22449">
        <v>214</v>
      </c>
      <c r="R22449">
        <v>218</v>
      </c>
      <c r="S22449">
        <v>223</v>
      </c>
      <c r="T22449">
        <v>227</v>
      </c>
      <c r="U22449">
        <v>232</v>
      </c>
      <c r="V22449">
        <v>236</v>
      </c>
      <c r="W22449">
        <v>241</v>
      </c>
      <c r="X22449">
        <v>245</v>
      </c>
      <c r="Y22449">
        <v>250</v>
      </c>
      <c r="Z22449">
        <v>255</v>
      </c>
      <c r="AA22449">
        <v>259</v>
      </c>
      <c r="AB22449">
        <v>264</v>
      </c>
      <c r="AC22449">
        <v>269</v>
      </c>
      <c r="AD22449">
        <v>274</v>
      </c>
      <c r="AE22449">
        <v>278</v>
      </c>
      <c r="AF22449">
        <v>283</v>
      </c>
      <c r="AG22449">
        <v>288</v>
      </c>
      <c r="AH22449">
        <v>293</v>
      </c>
      <c r="AI22449">
        <v>299</v>
      </c>
      <c r="AJ22449">
        <v>304</v>
      </c>
      <c r="AK22449">
        <v>309</v>
      </c>
      <c r="AL22449">
        <v>313</v>
      </c>
      <c r="AM22449">
        <v>315</v>
      </c>
      <c r="AN22449">
        <v>318</v>
      </c>
      <c r="AO22449">
        <v>321</v>
      </c>
      <c r="AP22449">
        <v>324</v>
      </c>
      <c r="AQ22449">
        <v>327</v>
      </c>
    </row>
    <row r="22450" spans="1:43">
      <c r="A22450" t="s">
        <v>13913</v>
      </c>
      <c r="B22450" t="s">
        <v>13914</v>
      </c>
      <c r="C22450" t="s">
        <v>13911</v>
      </c>
      <c r="D22450" t="s">
        <v>13912</v>
      </c>
      <c r="E22450" t="s">
        <v>13885</v>
      </c>
      <c r="F22450" t="s">
        <v>13886</v>
      </c>
      <c r="G22450" t="s">
        <v>10734</v>
      </c>
      <c r="H22450" t="s">
        <v>10735</v>
      </c>
      <c r="I22450" s="2">
        <v>0</v>
      </c>
      <c r="J22450" s="2">
        <v>0</v>
      </c>
      <c r="K22450" s="2">
        <v>0.98</v>
      </c>
      <c r="L22450" t="s">
        <v>995</v>
      </c>
      <c r="M22450" t="s">
        <v>83</v>
      </c>
      <c r="N22450" t="s">
        <v>84</v>
      </c>
      <c r="O22450" t="s">
        <v>85</v>
      </c>
      <c r="P22450" t="s">
        <v>86</v>
      </c>
      <c r="Q22450">
        <v>154</v>
      </c>
      <c r="R22450">
        <v>157</v>
      </c>
      <c r="S22450">
        <v>160</v>
      </c>
      <c r="T22450">
        <v>163</v>
      </c>
      <c r="U22450">
        <v>166</v>
      </c>
      <c r="V22450">
        <v>169</v>
      </c>
      <c r="W22450">
        <v>173</v>
      </c>
      <c r="X22450">
        <v>176</v>
      </c>
      <c r="Y22450">
        <v>179</v>
      </c>
      <c r="Z22450">
        <v>183</v>
      </c>
      <c r="AA22450">
        <v>186</v>
      </c>
      <c r="AB22450">
        <v>190</v>
      </c>
      <c r="AC22450">
        <v>193</v>
      </c>
      <c r="AD22450">
        <v>196</v>
      </c>
      <c r="AE22450">
        <v>200</v>
      </c>
      <c r="AF22450">
        <v>203</v>
      </c>
      <c r="AG22450">
        <v>207</v>
      </c>
      <c r="AH22450">
        <v>211</v>
      </c>
      <c r="AI22450">
        <v>214</v>
      </c>
      <c r="AJ22450">
        <v>218</v>
      </c>
      <c r="AK22450">
        <v>222</v>
      </c>
      <c r="AL22450">
        <v>225</v>
      </c>
      <c r="AM22450">
        <v>227</v>
      </c>
      <c r="AN22450">
        <v>229</v>
      </c>
      <c r="AO22450">
        <v>231</v>
      </c>
      <c r="AP22450">
        <v>233</v>
      </c>
      <c r="AQ22450">
        <v>235</v>
      </c>
    </row>
    <row r="22451" spans="1:43">
      <c r="A22451" t="s">
        <v>13913</v>
      </c>
      <c r="B22451" t="s">
        <v>13914</v>
      </c>
      <c r="C22451" t="s">
        <v>13911</v>
      </c>
      <c r="D22451" t="s">
        <v>13912</v>
      </c>
      <c r="E22451" t="s">
        <v>13885</v>
      </c>
      <c r="F22451" t="s">
        <v>13886</v>
      </c>
      <c r="G22451" t="s">
        <v>10734</v>
      </c>
      <c r="H22451" t="s">
        <v>10735</v>
      </c>
      <c r="I22451" s="2">
        <v>0</v>
      </c>
      <c r="J22451" s="2">
        <v>0</v>
      </c>
      <c r="K22451" s="2">
        <v>0.98</v>
      </c>
      <c r="L22451" t="s">
        <v>995</v>
      </c>
      <c r="M22451" t="s">
        <v>87</v>
      </c>
      <c r="N22451" t="s">
        <v>88</v>
      </c>
      <c r="O22451" t="s">
        <v>85</v>
      </c>
      <c r="P22451" t="s">
        <v>86</v>
      </c>
      <c r="Q22451">
        <v>154</v>
      </c>
      <c r="R22451">
        <v>156</v>
      </c>
      <c r="S22451">
        <v>158</v>
      </c>
      <c r="T22451">
        <v>159</v>
      </c>
      <c r="U22451">
        <v>161</v>
      </c>
      <c r="V22451">
        <v>163</v>
      </c>
      <c r="W22451">
        <v>164</v>
      </c>
      <c r="X22451">
        <v>166</v>
      </c>
      <c r="Y22451">
        <v>168</v>
      </c>
      <c r="Z22451">
        <v>170</v>
      </c>
      <c r="AA22451">
        <v>171</v>
      </c>
      <c r="AB22451">
        <v>173</v>
      </c>
      <c r="AC22451">
        <v>175</v>
      </c>
      <c r="AD22451">
        <v>177</v>
      </c>
      <c r="AE22451">
        <v>179</v>
      </c>
      <c r="AF22451">
        <v>181</v>
      </c>
      <c r="AG22451">
        <v>183</v>
      </c>
      <c r="AH22451">
        <v>185</v>
      </c>
      <c r="AI22451">
        <v>187</v>
      </c>
      <c r="AJ22451">
        <v>189</v>
      </c>
      <c r="AK22451">
        <v>191</v>
      </c>
      <c r="AL22451">
        <v>193</v>
      </c>
      <c r="AM22451">
        <v>195</v>
      </c>
      <c r="AN22451">
        <v>198</v>
      </c>
      <c r="AO22451">
        <v>200</v>
      </c>
      <c r="AP22451">
        <v>202</v>
      </c>
      <c r="AQ22451">
        <v>204</v>
      </c>
    </row>
    <row r="22452" spans="1:43">
      <c r="A22452" t="s">
        <v>13913</v>
      </c>
      <c r="B22452" t="s">
        <v>13914</v>
      </c>
      <c r="C22452" t="s">
        <v>13911</v>
      </c>
      <c r="D22452" t="s">
        <v>13912</v>
      </c>
      <c r="E22452" t="s">
        <v>13885</v>
      </c>
      <c r="F22452" t="s">
        <v>13886</v>
      </c>
      <c r="G22452" t="s">
        <v>10734</v>
      </c>
      <c r="H22452" t="s">
        <v>10735</v>
      </c>
      <c r="I22452" s="2">
        <v>0</v>
      </c>
      <c r="J22452" s="2">
        <v>0</v>
      </c>
      <c r="K22452" s="2">
        <v>0.98</v>
      </c>
      <c r="L22452" t="s">
        <v>995</v>
      </c>
      <c r="M22452" t="s">
        <v>89</v>
      </c>
      <c r="N22452" t="s">
        <v>90</v>
      </c>
      <c r="O22452" t="s">
        <v>85</v>
      </c>
      <c r="P22452" t="s">
        <v>86</v>
      </c>
      <c r="Q22452">
        <v>154</v>
      </c>
      <c r="R22452">
        <v>159</v>
      </c>
      <c r="S22452">
        <v>163</v>
      </c>
      <c r="T22452">
        <v>167</v>
      </c>
      <c r="U22452">
        <v>172</v>
      </c>
      <c r="V22452">
        <v>176</v>
      </c>
      <c r="W22452">
        <v>181</v>
      </c>
      <c r="X22452">
        <v>185</v>
      </c>
      <c r="Y22452">
        <v>189</v>
      </c>
      <c r="Z22452">
        <v>193</v>
      </c>
      <c r="AA22452">
        <v>197</v>
      </c>
      <c r="AB22452">
        <v>201</v>
      </c>
      <c r="AC22452">
        <v>206</v>
      </c>
      <c r="AD22452">
        <v>210</v>
      </c>
      <c r="AE22452">
        <v>214</v>
      </c>
      <c r="AF22452">
        <v>215</v>
      </c>
      <c r="AG22452">
        <v>217</v>
      </c>
      <c r="AH22452">
        <v>219</v>
      </c>
      <c r="AI22452">
        <v>221</v>
      </c>
      <c r="AJ22452">
        <v>223</v>
      </c>
      <c r="AK22452">
        <v>225</v>
      </c>
      <c r="AL22452">
        <v>227</v>
      </c>
      <c r="AM22452">
        <v>229</v>
      </c>
      <c r="AN22452">
        <v>231</v>
      </c>
      <c r="AO22452">
        <v>233</v>
      </c>
      <c r="AP22452">
        <v>235</v>
      </c>
      <c r="AQ22452">
        <v>237</v>
      </c>
    </row>
    <row r="22453" spans="1:43">
      <c r="A22453" t="s">
        <v>13913</v>
      </c>
      <c r="B22453" t="s">
        <v>13914</v>
      </c>
      <c r="C22453" t="s">
        <v>13911</v>
      </c>
      <c r="D22453" t="s">
        <v>13912</v>
      </c>
      <c r="E22453" t="s">
        <v>13885</v>
      </c>
      <c r="F22453" t="s">
        <v>13886</v>
      </c>
      <c r="G22453" t="s">
        <v>10734</v>
      </c>
      <c r="H22453" t="s">
        <v>10735</v>
      </c>
      <c r="I22453" s="2">
        <v>0</v>
      </c>
      <c r="J22453" s="2">
        <v>0</v>
      </c>
      <c r="K22453" s="2">
        <v>0.98</v>
      </c>
      <c r="L22453" t="s">
        <v>995</v>
      </c>
      <c r="M22453" t="s">
        <v>83</v>
      </c>
      <c r="N22453" t="s">
        <v>91</v>
      </c>
      <c r="O22453" t="s">
        <v>85</v>
      </c>
      <c r="P22453" t="s">
        <v>86</v>
      </c>
      <c r="Q22453">
        <v>154</v>
      </c>
      <c r="R22453">
        <v>157</v>
      </c>
      <c r="S22453">
        <v>160</v>
      </c>
      <c r="T22453">
        <v>163</v>
      </c>
      <c r="U22453">
        <v>166</v>
      </c>
      <c r="V22453">
        <v>169</v>
      </c>
      <c r="W22453">
        <v>173</v>
      </c>
      <c r="X22453">
        <v>176</v>
      </c>
      <c r="Y22453">
        <v>179</v>
      </c>
      <c r="Z22453">
        <v>183</v>
      </c>
      <c r="AA22453">
        <v>186</v>
      </c>
      <c r="AB22453">
        <v>190</v>
      </c>
      <c r="AC22453">
        <v>193</v>
      </c>
      <c r="AD22453">
        <v>196</v>
      </c>
      <c r="AE22453">
        <v>200</v>
      </c>
      <c r="AF22453">
        <v>203</v>
      </c>
      <c r="AG22453">
        <v>207</v>
      </c>
      <c r="AH22453">
        <v>211</v>
      </c>
      <c r="AI22453">
        <v>214</v>
      </c>
      <c r="AJ22453">
        <v>218</v>
      </c>
      <c r="AK22453">
        <v>222</v>
      </c>
      <c r="AL22453">
        <v>225</v>
      </c>
      <c r="AM22453">
        <v>227</v>
      </c>
      <c r="AN22453">
        <v>229</v>
      </c>
      <c r="AO22453">
        <v>231</v>
      </c>
      <c r="AP22453">
        <v>233</v>
      </c>
      <c r="AQ22453">
        <v>235</v>
      </c>
    </row>
    <row r="22454" spans="1:43">
      <c r="A22454" t="s">
        <v>13915</v>
      </c>
      <c r="B22454" t="s">
        <v>13916</v>
      </c>
      <c r="C22454" t="s">
        <v>13911</v>
      </c>
      <c r="D22454" t="s">
        <v>13912</v>
      </c>
      <c r="E22454" t="s">
        <v>13885</v>
      </c>
      <c r="F22454" t="s">
        <v>13886</v>
      </c>
      <c r="G22454" t="s">
        <v>10734</v>
      </c>
      <c r="H22454" t="s">
        <v>10735</v>
      </c>
      <c r="I22454" s="2">
        <v>0</v>
      </c>
      <c r="J22454" s="2">
        <v>0</v>
      </c>
      <c r="K22454" s="2">
        <v>1</v>
      </c>
      <c r="L22454" t="s">
        <v>995</v>
      </c>
      <c r="M22454" t="s">
        <v>83</v>
      </c>
      <c r="N22454" t="s">
        <v>84</v>
      </c>
      <c r="O22454" t="s">
        <v>85</v>
      </c>
      <c r="P22454" t="s">
        <v>86</v>
      </c>
      <c r="Q22454">
        <v>27</v>
      </c>
      <c r="R22454">
        <v>27</v>
      </c>
      <c r="S22454">
        <v>28</v>
      </c>
      <c r="T22454">
        <v>28</v>
      </c>
      <c r="U22454">
        <v>29</v>
      </c>
      <c r="V22454">
        <v>29</v>
      </c>
      <c r="W22454">
        <v>30</v>
      </c>
      <c r="X22454">
        <v>31</v>
      </c>
      <c r="Y22454">
        <v>31</v>
      </c>
      <c r="Z22454">
        <v>32</v>
      </c>
      <c r="AA22454">
        <v>32</v>
      </c>
      <c r="AB22454">
        <v>33</v>
      </c>
      <c r="AC22454">
        <v>34</v>
      </c>
      <c r="AD22454">
        <v>34</v>
      </c>
      <c r="AE22454">
        <v>35</v>
      </c>
      <c r="AF22454">
        <v>35</v>
      </c>
      <c r="AG22454">
        <v>36</v>
      </c>
      <c r="AH22454">
        <v>37</v>
      </c>
      <c r="AI22454">
        <v>37</v>
      </c>
      <c r="AJ22454">
        <v>38</v>
      </c>
      <c r="AK22454">
        <v>39</v>
      </c>
      <c r="AL22454">
        <v>39</v>
      </c>
      <c r="AM22454">
        <v>39</v>
      </c>
      <c r="AN22454">
        <v>40</v>
      </c>
      <c r="AO22454">
        <v>40</v>
      </c>
      <c r="AP22454">
        <v>40</v>
      </c>
      <c r="AQ22454">
        <v>41</v>
      </c>
    </row>
    <row r="22455" spans="1:43">
      <c r="A22455" t="s">
        <v>13915</v>
      </c>
      <c r="B22455" t="s">
        <v>13916</v>
      </c>
      <c r="C22455" t="s">
        <v>13911</v>
      </c>
      <c r="D22455" t="s">
        <v>13912</v>
      </c>
      <c r="E22455" t="s">
        <v>13885</v>
      </c>
      <c r="F22455" t="s">
        <v>13886</v>
      </c>
      <c r="G22455" t="s">
        <v>10734</v>
      </c>
      <c r="H22455" t="s">
        <v>10735</v>
      </c>
      <c r="I22455" s="2">
        <v>0</v>
      </c>
      <c r="J22455" s="2">
        <v>0</v>
      </c>
      <c r="K22455" s="2">
        <v>1</v>
      </c>
      <c r="L22455" t="s">
        <v>995</v>
      </c>
      <c r="M22455" t="s">
        <v>87</v>
      </c>
      <c r="N22455" t="s">
        <v>88</v>
      </c>
      <c r="O22455" t="s">
        <v>85</v>
      </c>
      <c r="P22455" t="s">
        <v>86</v>
      </c>
      <c r="Q22455">
        <v>27</v>
      </c>
      <c r="R22455">
        <v>28</v>
      </c>
      <c r="S22455">
        <v>28</v>
      </c>
      <c r="T22455">
        <v>28</v>
      </c>
      <c r="U22455">
        <v>29</v>
      </c>
      <c r="V22455">
        <v>29</v>
      </c>
      <c r="W22455">
        <v>29</v>
      </c>
      <c r="X22455">
        <v>30</v>
      </c>
      <c r="Y22455">
        <v>30</v>
      </c>
      <c r="Z22455">
        <v>30</v>
      </c>
      <c r="AA22455">
        <v>30</v>
      </c>
      <c r="AB22455">
        <v>31</v>
      </c>
      <c r="AC22455">
        <v>31</v>
      </c>
      <c r="AD22455">
        <v>31</v>
      </c>
      <c r="AE22455">
        <v>32</v>
      </c>
      <c r="AF22455">
        <v>32</v>
      </c>
      <c r="AG22455">
        <v>32</v>
      </c>
      <c r="AH22455">
        <v>33</v>
      </c>
      <c r="AI22455">
        <v>33</v>
      </c>
      <c r="AJ22455">
        <v>33</v>
      </c>
      <c r="AK22455">
        <v>34</v>
      </c>
      <c r="AL22455">
        <v>34</v>
      </c>
      <c r="AM22455">
        <v>35</v>
      </c>
      <c r="AN22455">
        <v>35</v>
      </c>
      <c r="AO22455">
        <v>35</v>
      </c>
      <c r="AP22455">
        <v>36</v>
      </c>
      <c r="AQ22455">
        <v>36</v>
      </c>
    </row>
    <row r="22456" spans="1:43">
      <c r="A22456" t="s">
        <v>13915</v>
      </c>
      <c r="B22456" t="s">
        <v>13916</v>
      </c>
      <c r="C22456" t="s">
        <v>13911</v>
      </c>
      <c r="D22456" t="s">
        <v>13912</v>
      </c>
      <c r="E22456" t="s">
        <v>13885</v>
      </c>
      <c r="F22456" t="s">
        <v>13886</v>
      </c>
      <c r="G22456" t="s">
        <v>10734</v>
      </c>
      <c r="H22456" t="s">
        <v>10735</v>
      </c>
      <c r="I22456" s="2">
        <v>0</v>
      </c>
      <c r="J22456" s="2">
        <v>0</v>
      </c>
      <c r="K22456" s="2">
        <v>1</v>
      </c>
      <c r="L22456" t="s">
        <v>995</v>
      </c>
      <c r="M22456" t="s">
        <v>89</v>
      </c>
      <c r="N22456" t="s">
        <v>90</v>
      </c>
      <c r="O22456" t="s">
        <v>85</v>
      </c>
      <c r="P22456" t="s">
        <v>86</v>
      </c>
      <c r="Q22456">
        <v>27</v>
      </c>
      <c r="R22456">
        <v>28</v>
      </c>
      <c r="S22456">
        <v>29</v>
      </c>
      <c r="T22456">
        <v>29</v>
      </c>
      <c r="U22456">
        <v>30</v>
      </c>
      <c r="V22456">
        <v>31</v>
      </c>
      <c r="W22456">
        <v>32</v>
      </c>
      <c r="X22456">
        <v>32</v>
      </c>
      <c r="Y22456">
        <v>33</v>
      </c>
      <c r="Z22456">
        <v>34</v>
      </c>
      <c r="AA22456">
        <v>34</v>
      </c>
      <c r="AB22456">
        <v>35</v>
      </c>
      <c r="AC22456">
        <v>36</v>
      </c>
      <c r="AD22456">
        <v>37</v>
      </c>
      <c r="AE22456">
        <v>37</v>
      </c>
      <c r="AF22456">
        <v>38</v>
      </c>
      <c r="AG22456">
        <v>38</v>
      </c>
      <c r="AH22456">
        <v>38</v>
      </c>
      <c r="AI22456">
        <v>39</v>
      </c>
      <c r="AJ22456">
        <v>39</v>
      </c>
      <c r="AK22456">
        <v>39</v>
      </c>
      <c r="AL22456">
        <v>40</v>
      </c>
      <c r="AM22456">
        <v>40</v>
      </c>
      <c r="AN22456">
        <v>40</v>
      </c>
      <c r="AO22456">
        <v>41</v>
      </c>
      <c r="AP22456">
        <v>41</v>
      </c>
      <c r="AQ22456">
        <v>41</v>
      </c>
    </row>
    <row r="22457" spans="1:43">
      <c r="A22457" t="s">
        <v>13915</v>
      </c>
      <c r="B22457" t="s">
        <v>13916</v>
      </c>
      <c r="C22457" t="s">
        <v>13911</v>
      </c>
      <c r="D22457" t="s">
        <v>13912</v>
      </c>
      <c r="E22457" t="s">
        <v>13885</v>
      </c>
      <c r="F22457" t="s">
        <v>13886</v>
      </c>
      <c r="G22457" t="s">
        <v>10734</v>
      </c>
      <c r="H22457" t="s">
        <v>10735</v>
      </c>
      <c r="I22457" s="2">
        <v>0</v>
      </c>
      <c r="J22457" s="2">
        <v>0</v>
      </c>
      <c r="K22457" s="2">
        <v>1</v>
      </c>
      <c r="L22457" t="s">
        <v>995</v>
      </c>
      <c r="M22457" t="s">
        <v>83</v>
      </c>
      <c r="N22457" t="s">
        <v>91</v>
      </c>
      <c r="O22457" t="s">
        <v>85</v>
      </c>
      <c r="P22457" t="s">
        <v>86</v>
      </c>
      <c r="Q22457">
        <v>27</v>
      </c>
      <c r="R22457">
        <v>27</v>
      </c>
      <c r="S22457">
        <v>28</v>
      </c>
      <c r="T22457">
        <v>28</v>
      </c>
      <c r="U22457">
        <v>29</v>
      </c>
      <c r="V22457">
        <v>29</v>
      </c>
      <c r="W22457">
        <v>30</v>
      </c>
      <c r="X22457">
        <v>31</v>
      </c>
      <c r="Y22457">
        <v>31</v>
      </c>
      <c r="Z22457">
        <v>32</v>
      </c>
      <c r="AA22457">
        <v>32</v>
      </c>
      <c r="AB22457">
        <v>33</v>
      </c>
      <c r="AC22457">
        <v>34</v>
      </c>
      <c r="AD22457">
        <v>34</v>
      </c>
      <c r="AE22457">
        <v>35</v>
      </c>
      <c r="AF22457">
        <v>35</v>
      </c>
      <c r="AG22457">
        <v>36</v>
      </c>
      <c r="AH22457">
        <v>37</v>
      </c>
      <c r="AI22457">
        <v>37</v>
      </c>
      <c r="AJ22457">
        <v>38</v>
      </c>
      <c r="AK22457">
        <v>39</v>
      </c>
      <c r="AL22457">
        <v>39</v>
      </c>
      <c r="AM22457">
        <v>39</v>
      </c>
      <c r="AN22457">
        <v>40</v>
      </c>
      <c r="AO22457">
        <v>40</v>
      </c>
      <c r="AP22457">
        <v>40</v>
      </c>
      <c r="AQ22457">
        <v>41</v>
      </c>
    </row>
    <row r="22458" spans="1:43">
      <c r="A22458" t="s">
        <v>13917</v>
      </c>
      <c r="B22458" t="s">
        <v>13918</v>
      </c>
      <c r="C22458" t="s">
        <v>13911</v>
      </c>
      <c r="D22458" t="s">
        <v>13912</v>
      </c>
      <c r="E22458" t="s">
        <v>13885</v>
      </c>
      <c r="F22458" t="s">
        <v>13886</v>
      </c>
      <c r="G22458" t="s">
        <v>10734</v>
      </c>
      <c r="H22458" t="s">
        <v>10735</v>
      </c>
      <c r="I22458" s="2">
        <v>0</v>
      </c>
      <c r="J22458" s="2">
        <v>0</v>
      </c>
      <c r="K22458" s="2">
        <v>1</v>
      </c>
      <c r="L22458" t="s">
        <v>995</v>
      </c>
      <c r="M22458" t="s">
        <v>83</v>
      </c>
      <c r="N22458" t="s">
        <v>84</v>
      </c>
      <c r="O22458" t="s">
        <v>85</v>
      </c>
      <c r="P22458" t="s">
        <v>86</v>
      </c>
      <c r="Q22458">
        <v>23</v>
      </c>
      <c r="R22458">
        <v>23</v>
      </c>
      <c r="S22458">
        <v>24</v>
      </c>
      <c r="T22458">
        <v>24</v>
      </c>
      <c r="U22458">
        <v>25</v>
      </c>
      <c r="V22458">
        <v>25</v>
      </c>
      <c r="W22458">
        <v>26</v>
      </c>
      <c r="X22458">
        <v>26</v>
      </c>
      <c r="Y22458">
        <v>27</v>
      </c>
      <c r="Z22458">
        <v>27</v>
      </c>
      <c r="AA22458">
        <v>28</v>
      </c>
      <c r="AB22458">
        <v>28</v>
      </c>
      <c r="AC22458">
        <v>29</v>
      </c>
      <c r="AD22458">
        <v>29</v>
      </c>
      <c r="AE22458">
        <v>30</v>
      </c>
      <c r="AF22458">
        <v>30</v>
      </c>
      <c r="AG22458">
        <v>31</v>
      </c>
      <c r="AH22458">
        <v>31</v>
      </c>
      <c r="AI22458">
        <v>32</v>
      </c>
      <c r="AJ22458">
        <v>32</v>
      </c>
      <c r="AK22458">
        <v>33</v>
      </c>
      <c r="AL22458">
        <v>33</v>
      </c>
      <c r="AM22458">
        <v>33</v>
      </c>
      <c r="AN22458">
        <v>34</v>
      </c>
      <c r="AO22458">
        <v>34</v>
      </c>
      <c r="AP22458">
        <v>34</v>
      </c>
      <c r="AQ22458">
        <v>35</v>
      </c>
    </row>
    <row r="22459" spans="1:43">
      <c r="A22459" t="s">
        <v>13917</v>
      </c>
      <c r="B22459" t="s">
        <v>13918</v>
      </c>
      <c r="C22459" t="s">
        <v>13911</v>
      </c>
      <c r="D22459" t="s">
        <v>13912</v>
      </c>
      <c r="E22459" t="s">
        <v>13885</v>
      </c>
      <c r="F22459" t="s">
        <v>13886</v>
      </c>
      <c r="G22459" t="s">
        <v>10734</v>
      </c>
      <c r="H22459" t="s">
        <v>10735</v>
      </c>
      <c r="I22459" s="2">
        <v>0</v>
      </c>
      <c r="J22459" s="2">
        <v>0</v>
      </c>
      <c r="K22459" s="2">
        <v>1</v>
      </c>
      <c r="L22459" t="s">
        <v>995</v>
      </c>
      <c r="M22459" t="s">
        <v>87</v>
      </c>
      <c r="N22459" t="s">
        <v>88</v>
      </c>
      <c r="O22459" t="s">
        <v>85</v>
      </c>
      <c r="P22459" t="s">
        <v>86</v>
      </c>
      <c r="Q22459">
        <v>23</v>
      </c>
      <c r="R22459">
        <v>23</v>
      </c>
      <c r="S22459">
        <v>23</v>
      </c>
      <c r="T22459">
        <v>23</v>
      </c>
      <c r="U22459">
        <v>24</v>
      </c>
      <c r="V22459">
        <v>24</v>
      </c>
      <c r="W22459">
        <v>24</v>
      </c>
      <c r="X22459">
        <v>24</v>
      </c>
      <c r="Y22459">
        <v>25</v>
      </c>
      <c r="Z22459">
        <v>25</v>
      </c>
      <c r="AA22459">
        <v>25</v>
      </c>
      <c r="AB22459">
        <v>25</v>
      </c>
      <c r="AC22459">
        <v>26</v>
      </c>
      <c r="AD22459">
        <v>26</v>
      </c>
      <c r="AE22459">
        <v>26</v>
      </c>
      <c r="AF22459">
        <v>27</v>
      </c>
      <c r="AG22459">
        <v>27</v>
      </c>
      <c r="AH22459">
        <v>27</v>
      </c>
      <c r="AI22459">
        <v>27</v>
      </c>
      <c r="AJ22459">
        <v>28</v>
      </c>
      <c r="AK22459">
        <v>28</v>
      </c>
      <c r="AL22459">
        <v>28</v>
      </c>
      <c r="AM22459">
        <v>29</v>
      </c>
      <c r="AN22459">
        <v>29</v>
      </c>
      <c r="AO22459">
        <v>29</v>
      </c>
      <c r="AP22459">
        <v>30</v>
      </c>
      <c r="AQ22459">
        <v>30</v>
      </c>
    </row>
    <row r="22460" spans="1:43">
      <c r="A22460" t="s">
        <v>13917</v>
      </c>
      <c r="B22460" t="s">
        <v>13918</v>
      </c>
      <c r="C22460" t="s">
        <v>13911</v>
      </c>
      <c r="D22460" t="s">
        <v>13912</v>
      </c>
      <c r="E22460" t="s">
        <v>13885</v>
      </c>
      <c r="F22460" t="s">
        <v>13886</v>
      </c>
      <c r="G22460" t="s">
        <v>10734</v>
      </c>
      <c r="H22460" t="s">
        <v>10735</v>
      </c>
      <c r="I22460" s="2">
        <v>0</v>
      </c>
      <c r="J22460" s="2">
        <v>0</v>
      </c>
      <c r="K22460" s="2">
        <v>1</v>
      </c>
      <c r="L22460" t="s">
        <v>995</v>
      </c>
      <c r="M22460" t="s">
        <v>89</v>
      </c>
      <c r="N22460" t="s">
        <v>90</v>
      </c>
      <c r="O22460" t="s">
        <v>85</v>
      </c>
      <c r="P22460" t="s">
        <v>86</v>
      </c>
      <c r="Q22460">
        <v>23</v>
      </c>
      <c r="R22460">
        <v>24</v>
      </c>
      <c r="S22460">
        <v>24</v>
      </c>
      <c r="T22460">
        <v>25</v>
      </c>
      <c r="U22460">
        <v>26</v>
      </c>
      <c r="V22460">
        <v>26</v>
      </c>
      <c r="W22460">
        <v>27</v>
      </c>
      <c r="X22460">
        <v>28</v>
      </c>
      <c r="Y22460">
        <v>28</v>
      </c>
      <c r="Z22460">
        <v>29</v>
      </c>
      <c r="AA22460">
        <v>29</v>
      </c>
      <c r="AB22460">
        <v>30</v>
      </c>
      <c r="AC22460">
        <v>31</v>
      </c>
      <c r="AD22460">
        <v>31</v>
      </c>
      <c r="AE22460">
        <v>32</v>
      </c>
      <c r="AF22460">
        <v>32</v>
      </c>
      <c r="AG22460">
        <v>32</v>
      </c>
      <c r="AH22460">
        <v>33</v>
      </c>
      <c r="AI22460">
        <v>33</v>
      </c>
      <c r="AJ22460">
        <v>33</v>
      </c>
      <c r="AK22460">
        <v>33</v>
      </c>
      <c r="AL22460">
        <v>34</v>
      </c>
      <c r="AM22460">
        <v>34</v>
      </c>
      <c r="AN22460">
        <v>34</v>
      </c>
      <c r="AO22460">
        <v>34</v>
      </c>
      <c r="AP22460">
        <v>35</v>
      </c>
      <c r="AQ22460">
        <v>35</v>
      </c>
    </row>
    <row r="22461" spans="1:43">
      <c r="A22461" t="s">
        <v>13917</v>
      </c>
      <c r="B22461" t="s">
        <v>13918</v>
      </c>
      <c r="C22461" t="s">
        <v>13911</v>
      </c>
      <c r="D22461" t="s">
        <v>13912</v>
      </c>
      <c r="E22461" t="s">
        <v>13885</v>
      </c>
      <c r="F22461" t="s">
        <v>13886</v>
      </c>
      <c r="G22461" t="s">
        <v>10734</v>
      </c>
      <c r="H22461" t="s">
        <v>10735</v>
      </c>
      <c r="I22461" s="2">
        <v>0</v>
      </c>
      <c r="J22461" s="2">
        <v>0</v>
      </c>
      <c r="K22461" s="2">
        <v>1</v>
      </c>
      <c r="L22461" t="s">
        <v>995</v>
      </c>
      <c r="M22461" t="s">
        <v>83</v>
      </c>
      <c r="N22461" t="s">
        <v>91</v>
      </c>
      <c r="O22461" t="s">
        <v>85</v>
      </c>
      <c r="P22461" t="s">
        <v>86</v>
      </c>
      <c r="Q22461">
        <v>23</v>
      </c>
      <c r="R22461">
        <v>23</v>
      </c>
      <c r="S22461">
        <v>24</v>
      </c>
      <c r="T22461">
        <v>24</v>
      </c>
      <c r="U22461">
        <v>25</v>
      </c>
      <c r="V22461">
        <v>25</v>
      </c>
      <c r="W22461">
        <v>26</v>
      </c>
      <c r="X22461">
        <v>26</v>
      </c>
      <c r="Y22461">
        <v>27</v>
      </c>
      <c r="Z22461">
        <v>27</v>
      </c>
      <c r="AA22461">
        <v>28</v>
      </c>
      <c r="AB22461">
        <v>28</v>
      </c>
      <c r="AC22461">
        <v>29</v>
      </c>
      <c r="AD22461">
        <v>29</v>
      </c>
      <c r="AE22461">
        <v>30</v>
      </c>
      <c r="AF22461">
        <v>30</v>
      </c>
      <c r="AG22461">
        <v>31</v>
      </c>
      <c r="AH22461">
        <v>31</v>
      </c>
      <c r="AI22461">
        <v>32</v>
      </c>
      <c r="AJ22461">
        <v>32</v>
      </c>
      <c r="AK22461">
        <v>33</v>
      </c>
      <c r="AL22461">
        <v>33</v>
      </c>
      <c r="AM22461">
        <v>33</v>
      </c>
      <c r="AN22461">
        <v>34</v>
      </c>
      <c r="AO22461">
        <v>34</v>
      </c>
      <c r="AP22461">
        <v>34</v>
      </c>
      <c r="AQ22461">
        <v>35</v>
      </c>
    </row>
    <row r="22462" spans="1:43">
      <c r="A22462" t="s">
        <v>13919</v>
      </c>
      <c r="B22462" t="s">
        <v>13920</v>
      </c>
      <c r="C22462" t="s">
        <v>13921</v>
      </c>
      <c r="D22462" t="s">
        <v>13922</v>
      </c>
      <c r="E22462" t="s">
        <v>13885</v>
      </c>
      <c r="F22462" t="s">
        <v>13886</v>
      </c>
      <c r="G22462" t="s">
        <v>10734</v>
      </c>
      <c r="H22462" t="s">
        <v>10735</v>
      </c>
      <c r="I22462" s="2">
        <v>0</v>
      </c>
      <c r="J22462" s="2">
        <v>0</v>
      </c>
      <c r="K22462" s="2">
        <v>1</v>
      </c>
      <c r="L22462" t="s">
        <v>995</v>
      </c>
      <c r="M22462" t="s">
        <v>83</v>
      </c>
      <c r="N22462" t="s">
        <v>84</v>
      </c>
      <c r="O22462" t="s">
        <v>85</v>
      </c>
      <c r="P22462" t="s">
        <v>86</v>
      </c>
      <c r="Q22462">
        <v>54</v>
      </c>
      <c r="R22462">
        <v>55</v>
      </c>
      <c r="S22462">
        <v>56</v>
      </c>
      <c r="T22462">
        <v>57</v>
      </c>
      <c r="U22462">
        <v>58</v>
      </c>
      <c r="V22462">
        <v>59</v>
      </c>
      <c r="W22462">
        <v>60</v>
      </c>
      <c r="X22462">
        <v>61</v>
      </c>
      <c r="Y22462">
        <v>62</v>
      </c>
      <c r="Z22462">
        <v>64</v>
      </c>
      <c r="AA22462">
        <v>65</v>
      </c>
      <c r="AB22462">
        <v>66</v>
      </c>
      <c r="AC22462">
        <v>67</v>
      </c>
      <c r="AD22462">
        <v>68</v>
      </c>
      <c r="AE22462">
        <v>69</v>
      </c>
      <c r="AF22462">
        <v>70</v>
      </c>
      <c r="AG22462">
        <v>72</v>
      </c>
      <c r="AH22462">
        <v>73</v>
      </c>
      <c r="AI22462">
        <v>74</v>
      </c>
      <c r="AJ22462">
        <v>75</v>
      </c>
      <c r="AK22462">
        <v>76</v>
      </c>
      <c r="AL22462">
        <v>77</v>
      </c>
      <c r="AM22462">
        <v>78</v>
      </c>
      <c r="AN22462">
        <v>78</v>
      </c>
      <c r="AO22462">
        <v>79</v>
      </c>
      <c r="AP22462">
        <v>79</v>
      </c>
      <c r="AQ22462">
        <v>80</v>
      </c>
    </row>
    <row r="22463" spans="1:43">
      <c r="A22463" t="s">
        <v>13919</v>
      </c>
      <c r="B22463" t="s">
        <v>13920</v>
      </c>
      <c r="C22463" t="s">
        <v>13921</v>
      </c>
      <c r="D22463" t="s">
        <v>13922</v>
      </c>
      <c r="E22463" t="s">
        <v>13885</v>
      </c>
      <c r="F22463" t="s">
        <v>13886</v>
      </c>
      <c r="G22463" t="s">
        <v>10734</v>
      </c>
      <c r="H22463" t="s">
        <v>10735</v>
      </c>
      <c r="I22463" s="2">
        <v>0</v>
      </c>
      <c r="J22463" s="2">
        <v>0</v>
      </c>
      <c r="K22463" s="2">
        <v>1</v>
      </c>
      <c r="L22463" t="s">
        <v>995</v>
      </c>
      <c r="M22463" t="s">
        <v>87</v>
      </c>
      <c r="N22463" t="s">
        <v>88</v>
      </c>
      <c r="O22463" t="s">
        <v>85</v>
      </c>
      <c r="P22463" t="s">
        <v>86</v>
      </c>
      <c r="Q22463">
        <v>54</v>
      </c>
      <c r="R22463">
        <v>55</v>
      </c>
      <c r="S22463">
        <v>55</v>
      </c>
      <c r="T22463">
        <v>56</v>
      </c>
      <c r="U22463">
        <v>56</v>
      </c>
      <c r="V22463">
        <v>57</v>
      </c>
      <c r="W22463">
        <v>58</v>
      </c>
      <c r="X22463">
        <v>58</v>
      </c>
      <c r="Y22463">
        <v>59</v>
      </c>
      <c r="Z22463">
        <v>59</v>
      </c>
      <c r="AA22463">
        <v>60</v>
      </c>
      <c r="AB22463">
        <v>61</v>
      </c>
      <c r="AC22463">
        <v>61</v>
      </c>
      <c r="AD22463">
        <v>62</v>
      </c>
      <c r="AE22463">
        <v>62</v>
      </c>
      <c r="AF22463">
        <v>63</v>
      </c>
      <c r="AG22463">
        <v>64</v>
      </c>
      <c r="AH22463">
        <v>64</v>
      </c>
      <c r="AI22463">
        <v>65</v>
      </c>
      <c r="AJ22463">
        <v>66</v>
      </c>
      <c r="AK22463">
        <v>67</v>
      </c>
      <c r="AL22463">
        <v>67</v>
      </c>
      <c r="AM22463">
        <v>68</v>
      </c>
      <c r="AN22463">
        <v>69</v>
      </c>
      <c r="AO22463">
        <v>69</v>
      </c>
      <c r="AP22463">
        <v>70</v>
      </c>
      <c r="AQ22463">
        <v>71</v>
      </c>
    </row>
    <row r="22464" spans="1:43">
      <c r="A22464" t="s">
        <v>13919</v>
      </c>
      <c r="B22464" t="s">
        <v>13920</v>
      </c>
      <c r="C22464" t="s">
        <v>13921</v>
      </c>
      <c r="D22464" t="s">
        <v>13922</v>
      </c>
      <c r="E22464" t="s">
        <v>13885</v>
      </c>
      <c r="F22464" t="s">
        <v>13886</v>
      </c>
      <c r="G22464" t="s">
        <v>10734</v>
      </c>
      <c r="H22464" t="s">
        <v>10735</v>
      </c>
      <c r="I22464" s="2">
        <v>0</v>
      </c>
      <c r="J22464" s="2">
        <v>0</v>
      </c>
      <c r="K22464" s="2">
        <v>1</v>
      </c>
      <c r="L22464" t="s">
        <v>995</v>
      </c>
      <c r="M22464" t="s">
        <v>89</v>
      </c>
      <c r="N22464" t="s">
        <v>90</v>
      </c>
      <c r="O22464" t="s">
        <v>85</v>
      </c>
      <c r="P22464" t="s">
        <v>86</v>
      </c>
      <c r="Q22464">
        <v>54</v>
      </c>
      <c r="R22464">
        <v>56</v>
      </c>
      <c r="S22464">
        <v>57</v>
      </c>
      <c r="T22464">
        <v>59</v>
      </c>
      <c r="U22464">
        <v>60</v>
      </c>
      <c r="V22464">
        <v>62</v>
      </c>
      <c r="W22464">
        <v>63</v>
      </c>
      <c r="X22464">
        <v>65</v>
      </c>
      <c r="Y22464">
        <v>66</v>
      </c>
      <c r="Z22464">
        <v>67</v>
      </c>
      <c r="AA22464">
        <v>69</v>
      </c>
      <c r="AB22464">
        <v>70</v>
      </c>
      <c r="AC22464">
        <v>71</v>
      </c>
      <c r="AD22464">
        <v>73</v>
      </c>
      <c r="AE22464">
        <v>74</v>
      </c>
      <c r="AF22464">
        <v>74</v>
      </c>
      <c r="AG22464">
        <v>75</v>
      </c>
      <c r="AH22464">
        <v>76</v>
      </c>
      <c r="AI22464">
        <v>76</v>
      </c>
      <c r="AJ22464">
        <v>77</v>
      </c>
      <c r="AK22464">
        <v>77</v>
      </c>
      <c r="AL22464">
        <v>78</v>
      </c>
      <c r="AM22464">
        <v>78</v>
      </c>
      <c r="AN22464">
        <v>79</v>
      </c>
      <c r="AO22464">
        <v>79</v>
      </c>
      <c r="AP22464">
        <v>80</v>
      </c>
      <c r="AQ22464">
        <v>81</v>
      </c>
    </row>
    <row r="22465" spans="1:43">
      <c r="A22465" t="s">
        <v>13919</v>
      </c>
      <c r="B22465" t="s">
        <v>13920</v>
      </c>
      <c r="C22465" t="s">
        <v>13921</v>
      </c>
      <c r="D22465" t="s">
        <v>13922</v>
      </c>
      <c r="E22465" t="s">
        <v>13885</v>
      </c>
      <c r="F22465" t="s">
        <v>13886</v>
      </c>
      <c r="G22465" t="s">
        <v>10734</v>
      </c>
      <c r="H22465" t="s">
        <v>10735</v>
      </c>
      <c r="I22465" s="2">
        <v>0</v>
      </c>
      <c r="J22465" s="2">
        <v>0</v>
      </c>
      <c r="K22465" s="2">
        <v>1</v>
      </c>
      <c r="L22465" t="s">
        <v>995</v>
      </c>
      <c r="M22465" t="s">
        <v>83</v>
      </c>
      <c r="N22465" t="s">
        <v>91</v>
      </c>
      <c r="O22465" t="s">
        <v>85</v>
      </c>
      <c r="P22465" t="s">
        <v>86</v>
      </c>
      <c r="Q22465">
        <v>54</v>
      </c>
      <c r="R22465">
        <v>55</v>
      </c>
      <c r="S22465">
        <v>56</v>
      </c>
      <c r="T22465">
        <v>57</v>
      </c>
      <c r="U22465">
        <v>58</v>
      </c>
      <c r="V22465">
        <v>59</v>
      </c>
      <c r="W22465">
        <v>60</v>
      </c>
      <c r="X22465">
        <v>61</v>
      </c>
      <c r="Y22465">
        <v>62</v>
      </c>
      <c r="Z22465">
        <v>64</v>
      </c>
      <c r="AA22465">
        <v>65</v>
      </c>
      <c r="AB22465">
        <v>66</v>
      </c>
      <c r="AC22465">
        <v>67</v>
      </c>
      <c r="AD22465">
        <v>68</v>
      </c>
      <c r="AE22465">
        <v>69</v>
      </c>
      <c r="AF22465">
        <v>70</v>
      </c>
      <c r="AG22465">
        <v>72</v>
      </c>
      <c r="AH22465">
        <v>73</v>
      </c>
      <c r="AI22465">
        <v>74</v>
      </c>
      <c r="AJ22465">
        <v>75</v>
      </c>
      <c r="AK22465">
        <v>76</v>
      </c>
      <c r="AL22465">
        <v>77</v>
      </c>
      <c r="AM22465">
        <v>78</v>
      </c>
      <c r="AN22465">
        <v>78</v>
      </c>
      <c r="AO22465">
        <v>79</v>
      </c>
      <c r="AP22465">
        <v>79</v>
      </c>
      <c r="AQ22465">
        <v>80</v>
      </c>
    </row>
    <row r="22466" spans="1:43">
      <c r="A22466" t="s">
        <v>13923</v>
      </c>
      <c r="B22466" t="s">
        <v>13924</v>
      </c>
      <c r="C22466" t="s">
        <v>13921</v>
      </c>
      <c r="D22466" t="s">
        <v>13922</v>
      </c>
      <c r="E22466" t="s">
        <v>13885</v>
      </c>
      <c r="F22466" t="s">
        <v>13886</v>
      </c>
      <c r="G22466" t="s">
        <v>10734</v>
      </c>
      <c r="H22466" t="s">
        <v>10735</v>
      </c>
      <c r="I22466" s="2">
        <v>0</v>
      </c>
      <c r="J22466" s="2">
        <v>0</v>
      </c>
      <c r="K22466" s="2">
        <v>1</v>
      </c>
      <c r="L22466" t="s">
        <v>995</v>
      </c>
      <c r="M22466" t="s">
        <v>83</v>
      </c>
      <c r="N22466" t="s">
        <v>84</v>
      </c>
      <c r="O22466" t="s">
        <v>85</v>
      </c>
      <c r="P22466" t="s">
        <v>86</v>
      </c>
      <c r="Q22466">
        <v>95</v>
      </c>
      <c r="R22466">
        <v>97</v>
      </c>
      <c r="S22466">
        <v>99</v>
      </c>
      <c r="T22466">
        <v>101</v>
      </c>
      <c r="U22466">
        <v>103</v>
      </c>
      <c r="V22466">
        <v>105</v>
      </c>
      <c r="W22466">
        <v>107</v>
      </c>
      <c r="X22466">
        <v>109</v>
      </c>
      <c r="Y22466">
        <v>111</v>
      </c>
      <c r="Z22466">
        <v>113</v>
      </c>
      <c r="AA22466">
        <v>115</v>
      </c>
      <c r="AB22466">
        <v>117</v>
      </c>
      <c r="AC22466">
        <v>119</v>
      </c>
      <c r="AD22466">
        <v>121</v>
      </c>
      <c r="AE22466">
        <v>123</v>
      </c>
      <c r="AF22466">
        <v>125</v>
      </c>
      <c r="AG22466">
        <v>127</v>
      </c>
      <c r="AH22466">
        <v>129</v>
      </c>
      <c r="AI22466">
        <v>131</v>
      </c>
      <c r="AJ22466">
        <v>133</v>
      </c>
      <c r="AK22466">
        <v>136</v>
      </c>
      <c r="AL22466">
        <v>137</v>
      </c>
      <c r="AM22466">
        <v>138</v>
      </c>
      <c r="AN22466">
        <v>139</v>
      </c>
      <c r="AO22466">
        <v>140</v>
      </c>
      <c r="AP22466">
        <v>142</v>
      </c>
      <c r="AQ22466">
        <v>143</v>
      </c>
    </row>
    <row r="22467" spans="1:43">
      <c r="A22467" t="s">
        <v>13923</v>
      </c>
      <c r="B22467" t="s">
        <v>13924</v>
      </c>
      <c r="C22467" t="s">
        <v>13921</v>
      </c>
      <c r="D22467" t="s">
        <v>13922</v>
      </c>
      <c r="E22467" t="s">
        <v>13885</v>
      </c>
      <c r="F22467" t="s">
        <v>13886</v>
      </c>
      <c r="G22467" t="s">
        <v>10734</v>
      </c>
      <c r="H22467" t="s">
        <v>10735</v>
      </c>
      <c r="I22467" s="2">
        <v>0</v>
      </c>
      <c r="J22467" s="2">
        <v>0</v>
      </c>
      <c r="K22467" s="2">
        <v>1</v>
      </c>
      <c r="L22467" t="s">
        <v>995</v>
      </c>
      <c r="M22467" t="s">
        <v>87</v>
      </c>
      <c r="N22467" t="s">
        <v>88</v>
      </c>
      <c r="O22467" t="s">
        <v>85</v>
      </c>
      <c r="P22467" t="s">
        <v>86</v>
      </c>
      <c r="Q22467">
        <v>95</v>
      </c>
      <c r="R22467">
        <v>96</v>
      </c>
      <c r="S22467">
        <v>97</v>
      </c>
      <c r="T22467">
        <v>98</v>
      </c>
      <c r="U22467">
        <v>99</v>
      </c>
      <c r="V22467">
        <v>100</v>
      </c>
      <c r="W22467">
        <v>101</v>
      </c>
      <c r="X22467">
        <v>102</v>
      </c>
      <c r="Y22467">
        <v>103</v>
      </c>
      <c r="Z22467">
        <v>104</v>
      </c>
      <c r="AA22467">
        <v>105</v>
      </c>
      <c r="AB22467">
        <v>106</v>
      </c>
      <c r="AC22467">
        <v>107</v>
      </c>
      <c r="AD22467">
        <v>108</v>
      </c>
      <c r="AE22467">
        <v>109</v>
      </c>
      <c r="AF22467">
        <v>110</v>
      </c>
      <c r="AG22467">
        <v>112</v>
      </c>
      <c r="AH22467">
        <v>113</v>
      </c>
      <c r="AI22467">
        <v>114</v>
      </c>
      <c r="AJ22467">
        <v>115</v>
      </c>
      <c r="AK22467">
        <v>116</v>
      </c>
      <c r="AL22467">
        <v>118</v>
      </c>
      <c r="AM22467">
        <v>119</v>
      </c>
      <c r="AN22467">
        <v>120</v>
      </c>
      <c r="AO22467">
        <v>122</v>
      </c>
      <c r="AP22467">
        <v>123</v>
      </c>
      <c r="AQ22467">
        <v>124</v>
      </c>
    </row>
    <row r="22468" spans="1:43">
      <c r="A22468" t="s">
        <v>13923</v>
      </c>
      <c r="B22468" t="s">
        <v>13924</v>
      </c>
      <c r="C22468" t="s">
        <v>13921</v>
      </c>
      <c r="D22468" t="s">
        <v>13922</v>
      </c>
      <c r="E22468" t="s">
        <v>13885</v>
      </c>
      <c r="F22468" t="s">
        <v>13886</v>
      </c>
      <c r="G22468" t="s">
        <v>10734</v>
      </c>
      <c r="H22468" t="s">
        <v>10735</v>
      </c>
      <c r="I22468" s="2">
        <v>0</v>
      </c>
      <c r="J22468" s="2">
        <v>0</v>
      </c>
      <c r="K22468" s="2">
        <v>1</v>
      </c>
      <c r="L22468" t="s">
        <v>995</v>
      </c>
      <c r="M22468" t="s">
        <v>89</v>
      </c>
      <c r="N22468" t="s">
        <v>90</v>
      </c>
      <c r="O22468" t="s">
        <v>85</v>
      </c>
      <c r="P22468" t="s">
        <v>86</v>
      </c>
      <c r="Q22468">
        <v>95</v>
      </c>
      <c r="R22468">
        <v>98</v>
      </c>
      <c r="S22468">
        <v>101</v>
      </c>
      <c r="T22468">
        <v>104</v>
      </c>
      <c r="U22468">
        <v>106</v>
      </c>
      <c r="V22468">
        <v>109</v>
      </c>
      <c r="W22468">
        <v>112</v>
      </c>
      <c r="X22468">
        <v>114</v>
      </c>
      <c r="Y22468">
        <v>116</v>
      </c>
      <c r="Z22468">
        <v>119</v>
      </c>
      <c r="AA22468">
        <v>121</v>
      </c>
      <c r="AB22468">
        <v>123</v>
      </c>
      <c r="AC22468">
        <v>126</v>
      </c>
      <c r="AD22468">
        <v>128</v>
      </c>
      <c r="AE22468">
        <v>130</v>
      </c>
      <c r="AF22468">
        <v>131</v>
      </c>
      <c r="AG22468">
        <v>132</v>
      </c>
      <c r="AH22468">
        <v>133</v>
      </c>
      <c r="AI22468">
        <v>134</v>
      </c>
      <c r="AJ22468">
        <v>135</v>
      </c>
      <c r="AK22468">
        <v>137</v>
      </c>
      <c r="AL22468">
        <v>138</v>
      </c>
      <c r="AM22468">
        <v>139</v>
      </c>
      <c r="AN22468">
        <v>140</v>
      </c>
      <c r="AO22468">
        <v>141</v>
      </c>
      <c r="AP22468">
        <v>142</v>
      </c>
      <c r="AQ22468">
        <v>143</v>
      </c>
    </row>
    <row r="22469" spans="1:43">
      <c r="A22469" t="s">
        <v>13923</v>
      </c>
      <c r="B22469" t="s">
        <v>13924</v>
      </c>
      <c r="C22469" t="s">
        <v>13921</v>
      </c>
      <c r="D22469" t="s">
        <v>13922</v>
      </c>
      <c r="E22469" t="s">
        <v>13885</v>
      </c>
      <c r="F22469" t="s">
        <v>13886</v>
      </c>
      <c r="G22469" t="s">
        <v>10734</v>
      </c>
      <c r="H22469" t="s">
        <v>10735</v>
      </c>
      <c r="I22469" s="2">
        <v>0</v>
      </c>
      <c r="J22469" s="2">
        <v>0</v>
      </c>
      <c r="K22469" s="2">
        <v>1</v>
      </c>
      <c r="L22469" t="s">
        <v>995</v>
      </c>
      <c r="M22469" t="s">
        <v>83</v>
      </c>
      <c r="N22469" t="s">
        <v>91</v>
      </c>
      <c r="O22469" t="s">
        <v>85</v>
      </c>
      <c r="P22469" t="s">
        <v>86</v>
      </c>
      <c r="Q22469">
        <v>95</v>
      </c>
      <c r="R22469">
        <v>97</v>
      </c>
      <c r="S22469">
        <v>99</v>
      </c>
      <c r="T22469">
        <v>101</v>
      </c>
      <c r="U22469">
        <v>103</v>
      </c>
      <c r="V22469">
        <v>105</v>
      </c>
      <c r="W22469">
        <v>107</v>
      </c>
      <c r="X22469">
        <v>109</v>
      </c>
      <c r="Y22469">
        <v>111</v>
      </c>
      <c r="Z22469">
        <v>113</v>
      </c>
      <c r="AA22469">
        <v>115</v>
      </c>
      <c r="AB22469">
        <v>117</v>
      </c>
      <c r="AC22469">
        <v>119</v>
      </c>
      <c r="AD22469">
        <v>121</v>
      </c>
      <c r="AE22469">
        <v>123</v>
      </c>
      <c r="AF22469">
        <v>125</v>
      </c>
      <c r="AG22469">
        <v>127</v>
      </c>
      <c r="AH22469">
        <v>129</v>
      </c>
      <c r="AI22469">
        <v>131</v>
      </c>
      <c r="AJ22469">
        <v>133</v>
      </c>
      <c r="AK22469">
        <v>136</v>
      </c>
      <c r="AL22469">
        <v>137</v>
      </c>
      <c r="AM22469">
        <v>138</v>
      </c>
      <c r="AN22469">
        <v>139</v>
      </c>
      <c r="AO22469">
        <v>140</v>
      </c>
      <c r="AP22469">
        <v>142</v>
      </c>
      <c r="AQ22469">
        <v>143</v>
      </c>
    </row>
    <row r="22470" spans="1:43">
      <c r="A22470" t="s">
        <v>13925</v>
      </c>
      <c r="B22470" t="s">
        <v>13926</v>
      </c>
      <c r="C22470" t="s">
        <v>13921</v>
      </c>
      <c r="D22470" t="s">
        <v>13922</v>
      </c>
      <c r="E22470" t="s">
        <v>13885</v>
      </c>
      <c r="F22470" t="s">
        <v>13886</v>
      </c>
      <c r="G22470" t="s">
        <v>10734</v>
      </c>
      <c r="H22470" t="s">
        <v>10735</v>
      </c>
      <c r="I22470" s="2">
        <v>0</v>
      </c>
      <c r="J22470" s="2">
        <v>0</v>
      </c>
      <c r="K22470" s="2">
        <v>0.95</v>
      </c>
      <c r="L22470" t="s">
        <v>995</v>
      </c>
      <c r="M22470" t="s">
        <v>83</v>
      </c>
      <c r="N22470" t="s">
        <v>84</v>
      </c>
      <c r="O22470" t="s">
        <v>85</v>
      </c>
      <c r="P22470" t="s">
        <v>86</v>
      </c>
      <c r="Q22470">
        <v>92</v>
      </c>
      <c r="R22470">
        <v>94</v>
      </c>
      <c r="S22470">
        <v>96</v>
      </c>
      <c r="T22470">
        <v>98</v>
      </c>
      <c r="U22470">
        <v>99</v>
      </c>
      <c r="V22470">
        <v>101</v>
      </c>
      <c r="W22470">
        <v>103</v>
      </c>
      <c r="X22470">
        <v>105</v>
      </c>
      <c r="Y22470">
        <v>107</v>
      </c>
      <c r="Z22470">
        <v>109</v>
      </c>
      <c r="AA22470">
        <v>111</v>
      </c>
      <c r="AB22470">
        <v>113</v>
      </c>
      <c r="AC22470">
        <v>115</v>
      </c>
      <c r="AD22470">
        <v>117</v>
      </c>
      <c r="AE22470">
        <v>119</v>
      </c>
      <c r="AF22470">
        <v>120</v>
      </c>
      <c r="AG22470">
        <v>122</v>
      </c>
      <c r="AH22470">
        <v>124</v>
      </c>
      <c r="AI22470">
        <v>127</v>
      </c>
      <c r="AJ22470">
        <v>129</v>
      </c>
      <c r="AK22470">
        <v>131</v>
      </c>
      <c r="AL22470">
        <v>132</v>
      </c>
      <c r="AM22470">
        <v>133</v>
      </c>
      <c r="AN22470">
        <v>134</v>
      </c>
      <c r="AO22470">
        <v>135</v>
      </c>
      <c r="AP22470">
        <v>136</v>
      </c>
      <c r="AQ22470">
        <v>137</v>
      </c>
    </row>
    <row r="22471" spans="1:43">
      <c r="A22471" t="s">
        <v>13925</v>
      </c>
      <c r="B22471" t="s">
        <v>13926</v>
      </c>
      <c r="C22471" t="s">
        <v>13921</v>
      </c>
      <c r="D22471" t="s">
        <v>13922</v>
      </c>
      <c r="E22471" t="s">
        <v>13885</v>
      </c>
      <c r="F22471" t="s">
        <v>13886</v>
      </c>
      <c r="G22471" t="s">
        <v>10734</v>
      </c>
      <c r="H22471" t="s">
        <v>10735</v>
      </c>
      <c r="I22471" s="2">
        <v>0</v>
      </c>
      <c r="J22471" s="2">
        <v>0</v>
      </c>
      <c r="K22471" s="2">
        <v>0.95</v>
      </c>
      <c r="L22471" t="s">
        <v>995</v>
      </c>
      <c r="M22471" t="s">
        <v>87</v>
      </c>
      <c r="N22471" t="s">
        <v>88</v>
      </c>
      <c r="O22471" t="s">
        <v>85</v>
      </c>
      <c r="P22471" t="s">
        <v>86</v>
      </c>
      <c r="Q22471">
        <v>92</v>
      </c>
      <c r="R22471">
        <v>93</v>
      </c>
      <c r="S22471">
        <v>94</v>
      </c>
      <c r="T22471">
        <v>95</v>
      </c>
      <c r="U22471">
        <v>96</v>
      </c>
      <c r="V22471">
        <v>97</v>
      </c>
      <c r="W22471">
        <v>98</v>
      </c>
      <c r="X22471">
        <v>99</v>
      </c>
      <c r="Y22471">
        <v>100</v>
      </c>
      <c r="Z22471">
        <v>101</v>
      </c>
      <c r="AA22471">
        <v>102</v>
      </c>
      <c r="AB22471">
        <v>103</v>
      </c>
      <c r="AC22471">
        <v>104</v>
      </c>
      <c r="AD22471">
        <v>105</v>
      </c>
      <c r="AE22471">
        <v>106</v>
      </c>
      <c r="AF22471">
        <v>107</v>
      </c>
      <c r="AG22471">
        <v>108</v>
      </c>
      <c r="AH22471">
        <v>110</v>
      </c>
      <c r="AI22471">
        <v>111</v>
      </c>
      <c r="AJ22471">
        <v>112</v>
      </c>
      <c r="AK22471">
        <v>113</v>
      </c>
      <c r="AL22471">
        <v>114</v>
      </c>
      <c r="AM22471">
        <v>116</v>
      </c>
      <c r="AN22471">
        <v>117</v>
      </c>
      <c r="AO22471">
        <v>118</v>
      </c>
      <c r="AP22471">
        <v>119</v>
      </c>
      <c r="AQ22471">
        <v>121</v>
      </c>
    </row>
    <row r="22472" spans="1:43">
      <c r="A22472" t="s">
        <v>13925</v>
      </c>
      <c r="B22472" t="s">
        <v>13926</v>
      </c>
      <c r="C22472" t="s">
        <v>13921</v>
      </c>
      <c r="D22472" t="s">
        <v>13922</v>
      </c>
      <c r="E22472" t="s">
        <v>13885</v>
      </c>
      <c r="F22472" t="s">
        <v>13886</v>
      </c>
      <c r="G22472" t="s">
        <v>10734</v>
      </c>
      <c r="H22472" t="s">
        <v>10735</v>
      </c>
      <c r="I22472" s="2">
        <v>0</v>
      </c>
      <c r="J22472" s="2">
        <v>0</v>
      </c>
      <c r="K22472" s="2">
        <v>0.95</v>
      </c>
      <c r="L22472" t="s">
        <v>995</v>
      </c>
      <c r="M22472" t="s">
        <v>89</v>
      </c>
      <c r="N22472" t="s">
        <v>90</v>
      </c>
      <c r="O22472" t="s">
        <v>85</v>
      </c>
      <c r="P22472" t="s">
        <v>86</v>
      </c>
      <c r="Q22472">
        <v>92</v>
      </c>
      <c r="R22472">
        <v>94</v>
      </c>
      <c r="S22472">
        <v>97</v>
      </c>
      <c r="T22472">
        <v>100</v>
      </c>
      <c r="U22472">
        <v>102</v>
      </c>
      <c r="V22472">
        <v>105</v>
      </c>
      <c r="W22472">
        <v>107</v>
      </c>
      <c r="X22472">
        <v>110</v>
      </c>
      <c r="Y22472">
        <v>112</v>
      </c>
      <c r="Z22472">
        <v>114</v>
      </c>
      <c r="AA22472">
        <v>117</v>
      </c>
      <c r="AB22472">
        <v>119</v>
      </c>
      <c r="AC22472">
        <v>121</v>
      </c>
      <c r="AD22472">
        <v>124</v>
      </c>
      <c r="AE22472">
        <v>126</v>
      </c>
      <c r="AF22472">
        <v>126</v>
      </c>
      <c r="AG22472">
        <v>127</v>
      </c>
      <c r="AH22472">
        <v>128</v>
      </c>
      <c r="AI22472">
        <v>129</v>
      </c>
      <c r="AJ22472">
        <v>130</v>
      </c>
      <c r="AK22472">
        <v>131</v>
      </c>
      <c r="AL22472">
        <v>132</v>
      </c>
      <c r="AM22472">
        <v>133</v>
      </c>
      <c r="AN22472">
        <v>134</v>
      </c>
      <c r="AO22472">
        <v>135</v>
      </c>
      <c r="AP22472">
        <v>137</v>
      </c>
      <c r="AQ22472">
        <v>138</v>
      </c>
    </row>
    <row r="22473" spans="1:43">
      <c r="A22473" t="s">
        <v>13925</v>
      </c>
      <c r="B22473" t="s">
        <v>13926</v>
      </c>
      <c r="C22473" t="s">
        <v>13921</v>
      </c>
      <c r="D22473" t="s">
        <v>13922</v>
      </c>
      <c r="E22473" t="s">
        <v>13885</v>
      </c>
      <c r="F22473" t="s">
        <v>13886</v>
      </c>
      <c r="G22473" t="s">
        <v>10734</v>
      </c>
      <c r="H22473" t="s">
        <v>10735</v>
      </c>
      <c r="I22473" s="2">
        <v>0</v>
      </c>
      <c r="J22473" s="2">
        <v>0</v>
      </c>
      <c r="K22473" s="2">
        <v>0.95</v>
      </c>
      <c r="L22473" t="s">
        <v>995</v>
      </c>
      <c r="M22473" t="s">
        <v>83</v>
      </c>
      <c r="N22473" t="s">
        <v>91</v>
      </c>
      <c r="O22473" t="s">
        <v>85</v>
      </c>
      <c r="P22473" t="s">
        <v>86</v>
      </c>
      <c r="Q22473">
        <v>92</v>
      </c>
      <c r="R22473">
        <v>94</v>
      </c>
      <c r="S22473">
        <v>96</v>
      </c>
      <c r="T22473">
        <v>98</v>
      </c>
      <c r="U22473">
        <v>99</v>
      </c>
      <c r="V22473">
        <v>101</v>
      </c>
      <c r="W22473">
        <v>103</v>
      </c>
      <c r="X22473">
        <v>105</v>
      </c>
      <c r="Y22473">
        <v>107</v>
      </c>
      <c r="Z22473">
        <v>109</v>
      </c>
      <c r="AA22473">
        <v>111</v>
      </c>
      <c r="AB22473">
        <v>113</v>
      </c>
      <c r="AC22473">
        <v>115</v>
      </c>
      <c r="AD22473">
        <v>117</v>
      </c>
      <c r="AE22473">
        <v>119</v>
      </c>
      <c r="AF22473">
        <v>120</v>
      </c>
      <c r="AG22473">
        <v>122</v>
      </c>
      <c r="AH22473">
        <v>124</v>
      </c>
      <c r="AI22473">
        <v>127</v>
      </c>
      <c r="AJ22473">
        <v>129</v>
      </c>
      <c r="AK22473">
        <v>131</v>
      </c>
      <c r="AL22473">
        <v>132</v>
      </c>
      <c r="AM22473">
        <v>133</v>
      </c>
      <c r="AN22473">
        <v>134</v>
      </c>
      <c r="AO22473">
        <v>135</v>
      </c>
      <c r="AP22473">
        <v>136</v>
      </c>
      <c r="AQ22473">
        <v>137</v>
      </c>
    </row>
    <row r="22474" spans="1:43">
      <c r="A22474" t="s">
        <v>13927</v>
      </c>
      <c r="B22474" t="s">
        <v>13928</v>
      </c>
      <c r="C22474" t="s">
        <v>13921</v>
      </c>
      <c r="D22474" t="s">
        <v>13922</v>
      </c>
      <c r="E22474" t="s">
        <v>13885</v>
      </c>
      <c r="F22474" t="s">
        <v>13886</v>
      </c>
      <c r="G22474" t="s">
        <v>10734</v>
      </c>
      <c r="H22474" t="s">
        <v>10735</v>
      </c>
      <c r="I22474" s="2">
        <v>0</v>
      </c>
      <c r="J22474" s="2">
        <v>0</v>
      </c>
      <c r="K22474" s="2">
        <v>1</v>
      </c>
      <c r="L22474" t="s">
        <v>995</v>
      </c>
      <c r="M22474" t="s">
        <v>83</v>
      </c>
      <c r="N22474" t="s">
        <v>84</v>
      </c>
      <c r="O22474" t="s">
        <v>85</v>
      </c>
      <c r="P22474" t="s">
        <v>86</v>
      </c>
      <c r="Q22474">
        <v>103</v>
      </c>
      <c r="R22474">
        <v>105</v>
      </c>
      <c r="S22474">
        <v>108</v>
      </c>
      <c r="T22474">
        <v>110</v>
      </c>
      <c r="U22474">
        <v>112</v>
      </c>
      <c r="V22474">
        <v>114</v>
      </c>
      <c r="W22474">
        <v>116</v>
      </c>
      <c r="X22474">
        <v>118</v>
      </c>
      <c r="Y22474">
        <v>120</v>
      </c>
      <c r="Z22474">
        <v>122</v>
      </c>
      <c r="AA22474">
        <v>125</v>
      </c>
      <c r="AB22474">
        <v>127</v>
      </c>
      <c r="AC22474">
        <v>129</v>
      </c>
      <c r="AD22474">
        <v>131</v>
      </c>
      <c r="AE22474">
        <v>133</v>
      </c>
      <c r="AF22474">
        <v>135</v>
      </c>
      <c r="AG22474">
        <v>138</v>
      </c>
      <c r="AH22474">
        <v>140</v>
      </c>
      <c r="AI22474">
        <v>142</v>
      </c>
      <c r="AJ22474">
        <v>145</v>
      </c>
      <c r="AK22474">
        <v>147</v>
      </c>
      <c r="AL22474">
        <v>148</v>
      </c>
      <c r="AM22474">
        <v>150</v>
      </c>
      <c r="AN22474">
        <v>151</v>
      </c>
      <c r="AO22474">
        <v>152</v>
      </c>
      <c r="AP22474">
        <v>153</v>
      </c>
      <c r="AQ22474">
        <v>154</v>
      </c>
    </row>
    <row r="22475" spans="1:43">
      <c r="A22475" t="s">
        <v>13927</v>
      </c>
      <c r="B22475" t="s">
        <v>13928</v>
      </c>
      <c r="C22475" t="s">
        <v>13921</v>
      </c>
      <c r="D22475" t="s">
        <v>13922</v>
      </c>
      <c r="E22475" t="s">
        <v>13885</v>
      </c>
      <c r="F22475" t="s">
        <v>13886</v>
      </c>
      <c r="G22475" t="s">
        <v>10734</v>
      </c>
      <c r="H22475" t="s">
        <v>10735</v>
      </c>
      <c r="I22475" s="2">
        <v>0</v>
      </c>
      <c r="J22475" s="2">
        <v>0</v>
      </c>
      <c r="K22475" s="2">
        <v>1</v>
      </c>
      <c r="L22475" t="s">
        <v>995</v>
      </c>
      <c r="M22475" t="s">
        <v>87</v>
      </c>
      <c r="N22475" t="s">
        <v>88</v>
      </c>
      <c r="O22475" t="s">
        <v>85</v>
      </c>
      <c r="P22475" t="s">
        <v>86</v>
      </c>
      <c r="Q22475">
        <v>103</v>
      </c>
      <c r="R22475">
        <v>105</v>
      </c>
      <c r="S22475">
        <v>106</v>
      </c>
      <c r="T22475">
        <v>107</v>
      </c>
      <c r="U22475">
        <v>108</v>
      </c>
      <c r="V22475">
        <v>109</v>
      </c>
      <c r="W22475">
        <v>110</v>
      </c>
      <c r="X22475">
        <v>111</v>
      </c>
      <c r="Y22475">
        <v>112</v>
      </c>
      <c r="Z22475">
        <v>113</v>
      </c>
      <c r="AA22475">
        <v>114</v>
      </c>
      <c r="AB22475">
        <v>116</v>
      </c>
      <c r="AC22475">
        <v>117</v>
      </c>
      <c r="AD22475">
        <v>118</v>
      </c>
      <c r="AE22475">
        <v>119</v>
      </c>
      <c r="AF22475">
        <v>121</v>
      </c>
      <c r="AG22475">
        <v>122</v>
      </c>
      <c r="AH22475">
        <v>123</v>
      </c>
      <c r="AI22475">
        <v>124</v>
      </c>
      <c r="AJ22475">
        <v>126</v>
      </c>
      <c r="AK22475">
        <v>127</v>
      </c>
      <c r="AL22475">
        <v>128</v>
      </c>
      <c r="AM22475">
        <v>130</v>
      </c>
      <c r="AN22475">
        <v>131</v>
      </c>
      <c r="AO22475">
        <v>133</v>
      </c>
      <c r="AP22475">
        <v>134</v>
      </c>
      <c r="AQ22475">
        <v>136</v>
      </c>
    </row>
    <row r="22476" spans="1:43">
      <c r="A22476" t="s">
        <v>13927</v>
      </c>
      <c r="B22476" t="s">
        <v>13928</v>
      </c>
      <c r="C22476" t="s">
        <v>13921</v>
      </c>
      <c r="D22476" t="s">
        <v>13922</v>
      </c>
      <c r="E22476" t="s">
        <v>13885</v>
      </c>
      <c r="F22476" t="s">
        <v>13886</v>
      </c>
      <c r="G22476" t="s">
        <v>10734</v>
      </c>
      <c r="H22476" t="s">
        <v>10735</v>
      </c>
      <c r="I22476" s="2">
        <v>0</v>
      </c>
      <c r="J22476" s="2">
        <v>0</v>
      </c>
      <c r="K22476" s="2">
        <v>1</v>
      </c>
      <c r="L22476" t="s">
        <v>995</v>
      </c>
      <c r="M22476" t="s">
        <v>89</v>
      </c>
      <c r="N22476" t="s">
        <v>90</v>
      </c>
      <c r="O22476" t="s">
        <v>85</v>
      </c>
      <c r="P22476" t="s">
        <v>86</v>
      </c>
      <c r="Q22476">
        <v>103</v>
      </c>
      <c r="R22476">
        <v>106</v>
      </c>
      <c r="S22476">
        <v>109</v>
      </c>
      <c r="T22476">
        <v>112</v>
      </c>
      <c r="U22476">
        <v>115</v>
      </c>
      <c r="V22476">
        <v>118</v>
      </c>
      <c r="W22476">
        <v>121</v>
      </c>
      <c r="X22476">
        <v>124</v>
      </c>
      <c r="Y22476">
        <v>126</v>
      </c>
      <c r="Z22476">
        <v>129</v>
      </c>
      <c r="AA22476">
        <v>131</v>
      </c>
      <c r="AB22476">
        <v>134</v>
      </c>
      <c r="AC22476">
        <v>137</v>
      </c>
      <c r="AD22476">
        <v>139</v>
      </c>
      <c r="AE22476">
        <v>141</v>
      </c>
      <c r="AF22476">
        <v>142</v>
      </c>
      <c r="AG22476">
        <v>143</v>
      </c>
      <c r="AH22476">
        <v>144</v>
      </c>
      <c r="AI22476">
        <v>145</v>
      </c>
      <c r="AJ22476">
        <v>146</v>
      </c>
      <c r="AK22476">
        <v>147</v>
      </c>
      <c r="AL22476">
        <v>148</v>
      </c>
      <c r="AM22476">
        <v>150</v>
      </c>
      <c r="AN22476">
        <v>151</v>
      </c>
      <c r="AO22476">
        <v>152</v>
      </c>
      <c r="AP22476">
        <v>153</v>
      </c>
      <c r="AQ22476">
        <v>154</v>
      </c>
    </row>
    <row r="22477" spans="1:43">
      <c r="A22477" t="s">
        <v>13927</v>
      </c>
      <c r="B22477" t="s">
        <v>13928</v>
      </c>
      <c r="C22477" t="s">
        <v>13921</v>
      </c>
      <c r="D22477" t="s">
        <v>13922</v>
      </c>
      <c r="E22477" t="s">
        <v>13885</v>
      </c>
      <c r="F22477" t="s">
        <v>13886</v>
      </c>
      <c r="G22477" t="s">
        <v>10734</v>
      </c>
      <c r="H22477" t="s">
        <v>10735</v>
      </c>
      <c r="I22477" s="2">
        <v>0</v>
      </c>
      <c r="J22477" s="2">
        <v>0</v>
      </c>
      <c r="K22477" s="2">
        <v>1</v>
      </c>
      <c r="L22477" t="s">
        <v>995</v>
      </c>
      <c r="M22477" t="s">
        <v>83</v>
      </c>
      <c r="N22477" t="s">
        <v>91</v>
      </c>
      <c r="O22477" t="s">
        <v>85</v>
      </c>
      <c r="P22477" t="s">
        <v>86</v>
      </c>
      <c r="Q22477">
        <v>103</v>
      </c>
      <c r="R22477">
        <v>105</v>
      </c>
      <c r="S22477">
        <v>108</v>
      </c>
      <c r="T22477">
        <v>110</v>
      </c>
      <c r="U22477">
        <v>112</v>
      </c>
      <c r="V22477">
        <v>114</v>
      </c>
      <c r="W22477">
        <v>116</v>
      </c>
      <c r="X22477">
        <v>118</v>
      </c>
      <c r="Y22477">
        <v>120</v>
      </c>
      <c r="Z22477">
        <v>122</v>
      </c>
      <c r="AA22477">
        <v>125</v>
      </c>
      <c r="AB22477">
        <v>127</v>
      </c>
      <c r="AC22477">
        <v>129</v>
      </c>
      <c r="AD22477">
        <v>131</v>
      </c>
      <c r="AE22477">
        <v>133</v>
      </c>
      <c r="AF22477">
        <v>135</v>
      </c>
      <c r="AG22477">
        <v>138</v>
      </c>
      <c r="AH22477">
        <v>140</v>
      </c>
      <c r="AI22477">
        <v>142</v>
      </c>
      <c r="AJ22477">
        <v>145</v>
      </c>
      <c r="AK22477">
        <v>147</v>
      </c>
      <c r="AL22477">
        <v>148</v>
      </c>
      <c r="AM22477">
        <v>150</v>
      </c>
      <c r="AN22477">
        <v>151</v>
      </c>
      <c r="AO22477">
        <v>152</v>
      </c>
      <c r="AP22477">
        <v>153</v>
      </c>
      <c r="AQ22477">
        <v>154</v>
      </c>
    </row>
    <row r="22478" spans="1:43">
      <c r="A22478" t="s">
        <v>13929</v>
      </c>
      <c r="B22478" t="s">
        <v>13930</v>
      </c>
      <c r="C22478" t="s">
        <v>13899</v>
      </c>
      <c r="D22478" t="s">
        <v>13900</v>
      </c>
      <c r="E22478" t="s">
        <v>13885</v>
      </c>
      <c r="F22478" t="s">
        <v>13886</v>
      </c>
      <c r="G22478" t="s">
        <v>10734</v>
      </c>
      <c r="H22478" t="s">
        <v>10735</v>
      </c>
      <c r="I22478" s="2">
        <v>0</v>
      </c>
      <c r="J22478" s="2">
        <v>0</v>
      </c>
      <c r="K22478" s="2">
        <v>1</v>
      </c>
      <c r="L22478" t="s">
        <v>995</v>
      </c>
      <c r="M22478" t="s">
        <v>83</v>
      </c>
      <c r="N22478" t="s">
        <v>84</v>
      </c>
      <c r="O22478" t="s">
        <v>85</v>
      </c>
      <c r="P22478" t="s">
        <v>86</v>
      </c>
      <c r="Q22478">
        <v>12</v>
      </c>
      <c r="R22478">
        <v>13</v>
      </c>
      <c r="S22478">
        <v>13</v>
      </c>
      <c r="T22478">
        <v>13</v>
      </c>
      <c r="U22478">
        <v>13</v>
      </c>
      <c r="V22478">
        <v>14</v>
      </c>
      <c r="W22478">
        <v>14</v>
      </c>
      <c r="X22478">
        <v>14</v>
      </c>
      <c r="Y22478">
        <v>14</v>
      </c>
      <c r="Z22478">
        <v>15</v>
      </c>
      <c r="AA22478">
        <v>15</v>
      </c>
      <c r="AB22478">
        <v>15</v>
      </c>
      <c r="AC22478">
        <v>15</v>
      </c>
      <c r="AD22478">
        <v>16</v>
      </c>
      <c r="AE22478">
        <v>16</v>
      </c>
      <c r="AF22478">
        <v>16</v>
      </c>
      <c r="AG22478">
        <v>16</v>
      </c>
      <c r="AH22478">
        <v>17</v>
      </c>
      <c r="AI22478">
        <v>17</v>
      </c>
      <c r="AJ22478">
        <v>17</v>
      </c>
      <c r="AK22478">
        <v>17</v>
      </c>
      <c r="AL22478">
        <v>18</v>
      </c>
      <c r="AM22478">
        <v>18</v>
      </c>
      <c r="AN22478">
        <v>18</v>
      </c>
      <c r="AO22478">
        <v>18</v>
      </c>
      <c r="AP22478">
        <v>18</v>
      </c>
      <c r="AQ22478">
        <v>18</v>
      </c>
    </row>
    <row r="22479" spans="1:43">
      <c r="A22479" t="s">
        <v>13929</v>
      </c>
      <c r="B22479" t="s">
        <v>13930</v>
      </c>
      <c r="C22479" t="s">
        <v>13899</v>
      </c>
      <c r="D22479" t="s">
        <v>13900</v>
      </c>
      <c r="E22479" t="s">
        <v>13885</v>
      </c>
      <c r="F22479" t="s">
        <v>13886</v>
      </c>
      <c r="G22479" t="s">
        <v>10734</v>
      </c>
      <c r="H22479" t="s">
        <v>10735</v>
      </c>
      <c r="I22479" s="2">
        <v>0</v>
      </c>
      <c r="J22479" s="2">
        <v>0</v>
      </c>
      <c r="K22479" s="2">
        <v>1</v>
      </c>
      <c r="L22479" t="s">
        <v>995</v>
      </c>
      <c r="M22479" t="s">
        <v>87</v>
      </c>
      <c r="N22479" t="s">
        <v>88</v>
      </c>
      <c r="O22479" t="s">
        <v>85</v>
      </c>
      <c r="P22479" t="s">
        <v>86</v>
      </c>
      <c r="Q22479">
        <v>12</v>
      </c>
      <c r="R22479">
        <v>12</v>
      </c>
      <c r="S22479">
        <v>12</v>
      </c>
      <c r="T22479">
        <v>13</v>
      </c>
      <c r="U22479">
        <v>13</v>
      </c>
      <c r="V22479">
        <v>13</v>
      </c>
      <c r="W22479">
        <v>13</v>
      </c>
      <c r="X22479">
        <v>13</v>
      </c>
      <c r="Y22479">
        <v>13</v>
      </c>
      <c r="Z22479">
        <v>13</v>
      </c>
      <c r="AA22479">
        <v>13</v>
      </c>
      <c r="AB22479">
        <v>14</v>
      </c>
      <c r="AC22479">
        <v>14</v>
      </c>
      <c r="AD22479">
        <v>14</v>
      </c>
      <c r="AE22479">
        <v>14</v>
      </c>
      <c r="AF22479">
        <v>14</v>
      </c>
      <c r="AG22479">
        <v>14</v>
      </c>
      <c r="AH22479">
        <v>14</v>
      </c>
      <c r="AI22479">
        <v>15</v>
      </c>
      <c r="AJ22479">
        <v>15</v>
      </c>
      <c r="AK22479">
        <v>15</v>
      </c>
      <c r="AL22479">
        <v>15</v>
      </c>
      <c r="AM22479">
        <v>15</v>
      </c>
      <c r="AN22479">
        <v>15</v>
      </c>
      <c r="AO22479">
        <v>16</v>
      </c>
      <c r="AP22479">
        <v>16</v>
      </c>
      <c r="AQ22479">
        <v>16</v>
      </c>
    </row>
    <row r="22480" spans="1:43">
      <c r="A22480" t="s">
        <v>13929</v>
      </c>
      <c r="B22480" t="s">
        <v>13930</v>
      </c>
      <c r="C22480" t="s">
        <v>13899</v>
      </c>
      <c r="D22480" t="s">
        <v>13900</v>
      </c>
      <c r="E22480" t="s">
        <v>13885</v>
      </c>
      <c r="F22480" t="s">
        <v>13886</v>
      </c>
      <c r="G22480" t="s">
        <v>10734</v>
      </c>
      <c r="H22480" t="s">
        <v>10735</v>
      </c>
      <c r="I22480" s="2">
        <v>0</v>
      </c>
      <c r="J22480" s="2">
        <v>0</v>
      </c>
      <c r="K22480" s="2">
        <v>1</v>
      </c>
      <c r="L22480" t="s">
        <v>995</v>
      </c>
      <c r="M22480" t="s">
        <v>89</v>
      </c>
      <c r="N22480" t="s">
        <v>90</v>
      </c>
      <c r="O22480" t="s">
        <v>85</v>
      </c>
      <c r="P22480" t="s">
        <v>86</v>
      </c>
      <c r="Q22480">
        <v>12</v>
      </c>
      <c r="R22480">
        <v>13</v>
      </c>
      <c r="S22480">
        <v>13</v>
      </c>
      <c r="T22480">
        <v>13</v>
      </c>
      <c r="U22480">
        <v>14</v>
      </c>
      <c r="V22480">
        <v>14</v>
      </c>
      <c r="W22480">
        <v>14</v>
      </c>
      <c r="X22480">
        <v>15</v>
      </c>
      <c r="Y22480">
        <v>15</v>
      </c>
      <c r="Z22480">
        <v>15</v>
      </c>
      <c r="AA22480">
        <v>16</v>
      </c>
      <c r="AB22480">
        <v>16</v>
      </c>
      <c r="AC22480">
        <v>16</v>
      </c>
      <c r="AD22480">
        <v>17</v>
      </c>
      <c r="AE22480">
        <v>17</v>
      </c>
      <c r="AF22480">
        <v>17</v>
      </c>
      <c r="AG22480">
        <v>17</v>
      </c>
      <c r="AH22480">
        <v>17</v>
      </c>
      <c r="AI22480">
        <v>17</v>
      </c>
      <c r="AJ22480">
        <v>18</v>
      </c>
      <c r="AK22480">
        <v>18</v>
      </c>
      <c r="AL22480">
        <v>18</v>
      </c>
      <c r="AM22480">
        <v>18</v>
      </c>
      <c r="AN22480">
        <v>18</v>
      </c>
      <c r="AO22480">
        <v>18</v>
      </c>
      <c r="AP22480">
        <v>18</v>
      </c>
      <c r="AQ22480">
        <v>18</v>
      </c>
    </row>
    <row r="22481" spans="1:43">
      <c r="A22481" t="s">
        <v>13929</v>
      </c>
      <c r="B22481" t="s">
        <v>13930</v>
      </c>
      <c r="C22481" t="s">
        <v>13899</v>
      </c>
      <c r="D22481" t="s">
        <v>13900</v>
      </c>
      <c r="E22481" t="s">
        <v>13885</v>
      </c>
      <c r="F22481" t="s">
        <v>13886</v>
      </c>
      <c r="G22481" t="s">
        <v>10734</v>
      </c>
      <c r="H22481" t="s">
        <v>10735</v>
      </c>
      <c r="I22481" s="2">
        <v>0</v>
      </c>
      <c r="J22481" s="2">
        <v>0</v>
      </c>
      <c r="K22481" s="2">
        <v>1</v>
      </c>
      <c r="L22481" t="s">
        <v>995</v>
      </c>
      <c r="M22481" t="s">
        <v>83</v>
      </c>
      <c r="N22481" t="s">
        <v>91</v>
      </c>
      <c r="O22481" t="s">
        <v>85</v>
      </c>
      <c r="P22481" t="s">
        <v>86</v>
      </c>
      <c r="Q22481">
        <v>12</v>
      </c>
      <c r="R22481">
        <v>13</v>
      </c>
      <c r="S22481">
        <v>13</v>
      </c>
      <c r="T22481">
        <v>13</v>
      </c>
      <c r="U22481">
        <v>13</v>
      </c>
      <c r="V22481">
        <v>14</v>
      </c>
      <c r="W22481">
        <v>14</v>
      </c>
      <c r="X22481">
        <v>14</v>
      </c>
      <c r="Y22481">
        <v>14</v>
      </c>
      <c r="Z22481">
        <v>15</v>
      </c>
      <c r="AA22481">
        <v>15</v>
      </c>
      <c r="AB22481">
        <v>15</v>
      </c>
      <c r="AC22481">
        <v>15</v>
      </c>
      <c r="AD22481">
        <v>16</v>
      </c>
      <c r="AE22481">
        <v>16</v>
      </c>
      <c r="AF22481">
        <v>16</v>
      </c>
      <c r="AG22481">
        <v>16</v>
      </c>
      <c r="AH22481">
        <v>17</v>
      </c>
      <c r="AI22481">
        <v>17</v>
      </c>
      <c r="AJ22481">
        <v>17</v>
      </c>
      <c r="AK22481">
        <v>17</v>
      </c>
      <c r="AL22481">
        <v>18</v>
      </c>
      <c r="AM22481">
        <v>18</v>
      </c>
      <c r="AN22481">
        <v>18</v>
      </c>
      <c r="AO22481">
        <v>18</v>
      </c>
      <c r="AP22481">
        <v>18</v>
      </c>
      <c r="AQ22481">
        <v>18</v>
      </c>
    </row>
    <row r="22482" spans="1:43">
      <c r="A22482" t="s">
        <v>13931</v>
      </c>
      <c r="B22482" t="s">
        <v>13932</v>
      </c>
      <c r="C22482" t="s">
        <v>13883</v>
      </c>
      <c r="D22482" t="s">
        <v>13884</v>
      </c>
      <c r="E22482" t="s">
        <v>13885</v>
      </c>
      <c r="F22482" t="s">
        <v>13886</v>
      </c>
      <c r="G22482" t="s">
        <v>10734</v>
      </c>
      <c r="H22482" t="s">
        <v>10735</v>
      </c>
      <c r="I22482" s="2">
        <v>0</v>
      </c>
      <c r="J22482" s="2">
        <v>0</v>
      </c>
      <c r="K22482" s="2">
        <v>1</v>
      </c>
      <c r="L22482" t="s">
        <v>995</v>
      </c>
      <c r="M22482" t="s">
        <v>83</v>
      </c>
      <c r="N22482" t="s">
        <v>84</v>
      </c>
      <c r="O22482" t="s">
        <v>85</v>
      </c>
      <c r="P22482" t="s">
        <v>86</v>
      </c>
      <c r="Q22482">
        <v>21</v>
      </c>
      <c r="R22482">
        <v>21</v>
      </c>
      <c r="S22482">
        <v>22</v>
      </c>
      <c r="T22482">
        <v>22</v>
      </c>
      <c r="U22482">
        <v>23</v>
      </c>
      <c r="V22482">
        <v>23</v>
      </c>
      <c r="W22482">
        <v>23</v>
      </c>
      <c r="X22482">
        <v>24</v>
      </c>
      <c r="Y22482">
        <v>24</v>
      </c>
      <c r="Z22482">
        <v>25</v>
      </c>
      <c r="AA22482">
        <v>25</v>
      </c>
      <c r="AB22482">
        <v>26</v>
      </c>
      <c r="AC22482">
        <v>26</v>
      </c>
      <c r="AD22482">
        <v>26</v>
      </c>
      <c r="AE22482">
        <v>27</v>
      </c>
      <c r="AF22482">
        <v>27</v>
      </c>
      <c r="AG22482">
        <v>28</v>
      </c>
      <c r="AH22482">
        <v>28</v>
      </c>
      <c r="AI22482">
        <v>29</v>
      </c>
      <c r="AJ22482">
        <v>29</v>
      </c>
      <c r="AK22482">
        <v>30</v>
      </c>
      <c r="AL22482">
        <v>30</v>
      </c>
      <c r="AM22482">
        <v>30</v>
      </c>
      <c r="AN22482">
        <v>30</v>
      </c>
      <c r="AO22482">
        <v>31</v>
      </c>
      <c r="AP22482">
        <v>31</v>
      </c>
      <c r="AQ22482">
        <v>31</v>
      </c>
    </row>
    <row r="22483" spans="1:43">
      <c r="A22483" t="s">
        <v>13931</v>
      </c>
      <c r="B22483" t="s">
        <v>13932</v>
      </c>
      <c r="C22483" t="s">
        <v>13883</v>
      </c>
      <c r="D22483" t="s">
        <v>13884</v>
      </c>
      <c r="E22483" t="s">
        <v>13885</v>
      </c>
      <c r="F22483" t="s">
        <v>13886</v>
      </c>
      <c r="G22483" t="s">
        <v>10734</v>
      </c>
      <c r="H22483" t="s">
        <v>10735</v>
      </c>
      <c r="I22483" s="2">
        <v>0</v>
      </c>
      <c r="J22483" s="2">
        <v>0</v>
      </c>
      <c r="K22483" s="2">
        <v>1</v>
      </c>
      <c r="L22483" t="s">
        <v>995</v>
      </c>
      <c r="M22483" t="s">
        <v>87</v>
      </c>
      <c r="N22483" t="s">
        <v>88</v>
      </c>
      <c r="O22483" t="s">
        <v>85</v>
      </c>
      <c r="P22483" t="s">
        <v>86</v>
      </c>
      <c r="Q22483">
        <v>21</v>
      </c>
      <c r="R22483">
        <v>21</v>
      </c>
      <c r="S22483">
        <v>21</v>
      </c>
      <c r="T22483">
        <v>21</v>
      </c>
      <c r="U22483">
        <v>22</v>
      </c>
      <c r="V22483">
        <v>22</v>
      </c>
      <c r="W22483">
        <v>22</v>
      </c>
      <c r="X22483">
        <v>22</v>
      </c>
      <c r="Y22483">
        <v>22</v>
      </c>
      <c r="Z22483">
        <v>23</v>
      </c>
      <c r="AA22483">
        <v>23</v>
      </c>
      <c r="AB22483">
        <v>23</v>
      </c>
      <c r="AC22483">
        <v>23</v>
      </c>
      <c r="AD22483">
        <v>24</v>
      </c>
      <c r="AE22483">
        <v>24</v>
      </c>
      <c r="AF22483">
        <v>24</v>
      </c>
      <c r="AG22483">
        <v>24</v>
      </c>
      <c r="AH22483">
        <v>25</v>
      </c>
      <c r="AI22483">
        <v>25</v>
      </c>
      <c r="AJ22483">
        <v>25</v>
      </c>
      <c r="AK22483">
        <v>25</v>
      </c>
      <c r="AL22483">
        <v>26</v>
      </c>
      <c r="AM22483">
        <v>26</v>
      </c>
      <c r="AN22483">
        <v>26</v>
      </c>
      <c r="AO22483">
        <v>27</v>
      </c>
      <c r="AP22483">
        <v>27</v>
      </c>
      <c r="AQ22483">
        <v>27</v>
      </c>
    </row>
    <row r="22484" spans="1:43">
      <c r="A22484" t="s">
        <v>13931</v>
      </c>
      <c r="B22484" t="s">
        <v>13932</v>
      </c>
      <c r="C22484" t="s">
        <v>13883</v>
      </c>
      <c r="D22484" t="s">
        <v>13884</v>
      </c>
      <c r="E22484" t="s">
        <v>13885</v>
      </c>
      <c r="F22484" t="s">
        <v>13886</v>
      </c>
      <c r="G22484" t="s">
        <v>10734</v>
      </c>
      <c r="H22484" t="s">
        <v>10735</v>
      </c>
      <c r="I22484" s="2">
        <v>0</v>
      </c>
      <c r="J22484" s="2">
        <v>0</v>
      </c>
      <c r="K22484" s="2">
        <v>1</v>
      </c>
      <c r="L22484" t="s">
        <v>995</v>
      </c>
      <c r="M22484" t="s">
        <v>89</v>
      </c>
      <c r="N22484" t="s">
        <v>90</v>
      </c>
      <c r="O22484" t="s">
        <v>85</v>
      </c>
      <c r="P22484" t="s">
        <v>86</v>
      </c>
      <c r="Q22484">
        <v>21</v>
      </c>
      <c r="R22484">
        <v>22</v>
      </c>
      <c r="S22484">
        <v>22</v>
      </c>
      <c r="T22484">
        <v>23</v>
      </c>
      <c r="U22484">
        <v>23</v>
      </c>
      <c r="V22484">
        <v>24</v>
      </c>
      <c r="W22484">
        <v>25</v>
      </c>
      <c r="X22484">
        <v>25</v>
      </c>
      <c r="Y22484">
        <v>26</v>
      </c>
      <c r="Z22484">
        <v>26</v>
      </c>
      <c r="AA22484">
        <v>27</v>
      </c>
      <c r="AB22484">
        <v>27</v>
      </c>
      <c r="AC22484">
        <v>28</v>
      </c>
      <c r="AD22484">
        <v>28</v>
      </c>
      <c r="AE22484">
        <v>29</v>
      </c>
      <c r="AF22484">
        <v>29</v>
      </c>
      <c r="AG22484">
        <v>29</v>
      </c>
      <c r="AH22484">
        <v>29</v>
      </c>
      <c r="AI22484">
        <v>30</v>
      </c>
      <c r="AJ22484">
        <v>30</v>
      </c>
      <c r="AK22484">
        <v>30</v>
      </c>
      <c r="AL22484">
        <v>30</v>
      </c>
      <c r="AM22484">
        <v>31</v>
      </c>
      <c r="AN22484">
        <v>31</v>
      </c>
      <c r="AO22484">
        <v>31</v>
      </c>
      <c r="AP22484">
        <v>31</v>
      </c>
      <c r="AQ22484">
        <v>32</v>
      </c>
    </row>
    <row r="22485" spans="1:43">
      <c r="A22485" t="s">
        <v>13931</v>
      </c>
      <c r="B22485" t="s">
        <v>13932</v>
      </c>
      <c r="C22485" t="s">
        <v>13883</v>
      </c>
      <c r="D22485" t="s">
        <v>13884</v>
      </c>
      <c r="E22485" t="s">
        <v>13885</v>
      </c>
      <c r="F22485" t="s">
        <v>13886</v>
      </c>
      <c r="G22485" t="s">
        <v>10734</v>
      </c>
      <c r="H22485" t="s">
        <v>10735</v>
      </c>
      <c r="I22485" s="2">
        <v>0</v>
      </c>
      <c r="J22485" s="2">
        <v>0</v>
      </c>
      <c r="K22485" s="2">
        <v>1</v>
      </c>
      <c r="L22485" t="s">
        <v>995</v>
      </c>
      <c r="M22485" t="s">
        <v>83</v>
      </c>
      <c r="N22485" t="s">
        <v>91</v>
      </c>
      <c r="O22485" t="s">
        <v>85</v>
      </c>
      <c r="P22485" t="s">
        <v>86</v>
      </c>
      <c r="Q22485">
        <v>21</v>
      </c>
      <c r="R22485">
        <v>21</v>
      </c>
      <c r="S22485">
        <v>22</v>
      </c>
      <c r="T22485">
        <v>22</v>
      </c>
      <c r="U22485">
        <v>23</v>
      </c>
      <c r="V22485">
        <v>23</v>
      </c>
      <c r="W22485">
        <v>23</v>
      </c>
      <c r="X22485">
        <v>24</v>
      </c>
      <c r="Y22485">
        <v>24</v>
      </c>
      <c r="Z22485">
        <v>25</v>
      </c>
      <c r="AA22485">
        <v>25</v>
      </c>
      <c r="AB22485">
        <v>26</v>
      </c>
      <c r="AC22485">
        <v>26</v>
      </c>
      <c r="AD22485">
        <v>26</v>
      </c>
      <c r="AE22485">
        <v>27</v>
      </c>
      <c r="AF22485">
        <v>27</v>
      </c>
      <c r="AG22485">
        <v>28</v>
      </c>
      <c r="AH22485">
        <v>28</v>
      </c>
      <c r="AI22485">
        <v>29</v>
      </c>
      <c r="AJ22485">
        <v>29</v>
      </c>
      <c r="AK22485">
        <v>30</v>
      </c>
      <c r="AL22485">
        <v>30</v>
      </c>
      <c r="AM22485">
        <v>30</v>
      </c>
      <c r="AN22485">
        <v>30</v>
      </c>
      <c r="AO22485">
        <v>31</v>
      </c>
      <c r="AP22485">
        <v>31</v>
      </c>
      <c r="AQ22485">
        <v>31</v>
      </c>
    </row>
    <row r="22486" spans="1:43">
      <c r="A22486" t="s">
        <v>13933</v>
      </c>
      <c r="B22486" t="s">
        <v>13934</v>
      </c>
      <c r="C22486" t="s">
        <v>13899</v>
      </c>
      <c r="D22486" t="s">
        <v>13900</v>
      </c>
      <c r="E22486" t="s">
        <v>13885</v>
      </c>
      <c r="F22486" t="s">
        <v>13886</v>
      </c>
      <c r="G22486" t="s">
        <v>10734</v>
      </c>
      <c r="H22486" t="s">
        <v>10735</v>
      </c>
      <c r="I22486" s="2">
        <v>0</v>
      </c>
      <c r="J22486" s="2">
        <v>0</v>
      </c>
      <c r="K22486" s="2">
        <v>1</v>
      </c>
      <c r="L22486" t="s">
        <v>995</v>
      </c>
      <c r="M22486" t="s">
        <v>83</v>
      </c>
      <c r="N22486" t="s">
        <v>84</v>
      </c>
      <c r="O22486" t="s">
        <v>85</v>
      </c>
      <c r="P22486" t="s">
        <v>86</v>
      </c>
      <c r="Q22486">
        <v>13</v>
      </c>
      <c r="R22486">
        <v>14</v>
      </c>
      <c r="S22486">
        <v>14</v>
      </c>
      <c r="T22486">
        <v>14</v>
      </c>
      <c r="U22486">
        <v>14</v>
      </c>
      <c r="V22486">
        <v>15</v>
      </c>
      <c r="W22486">
        <v>15</v>
      </c>
      <c r="X22486">
        <v>15</v>
      </c>
      <c r="Y22486">
        <v>15</v>
      </c>
      <c r="Z22486">
        <v>16</v>
      </c>
      <c r="AA22486">
        <v>16</v>
      </c>
      <c r="AB22486">
        <v>16</v>
      </c>
      <c r="AC22486">
        <v>17</v>
      </c>
      <c r="AD22486">
        <v>17</v>
      </c>
      <c r="AE22486">
        <v>17</v>
      </c>
      <c r="AF22486">
        <v>17</v>
      </c>
      <c r="AG22486">
        <v>18</v>
      </c>
      <c r="AH22486">
        <v>18</v>
      </c>
      <c r="AI22486">
        <v>18</v>
      </c>
      <c r="AJ22486">
        <v>19</v>
      </c>
      <c r="AK22486">
        <v>19</v>
      </c>
      <c r="AL22486">
        <v>19</v>
      </c>
      <c r="AM22486">
        <v>19</v>
      </c>
      <c r="AN22486">
        <v>19</v>
      </c>
      <c r="AO22486">
        <v>20</v>
      </c>
      <c r="AP22486">
        <v>20</v>
      </c>
      <c r="AQ22486">
        <v>20</v>
      </c>
    </row>
    <row r="22487" spans="1:43">
      <c r="A22487" t="s">
        <v>13933</v>
      </c>
      <c r="B22487" t="s">
        <v>13934</v>
      </c>
      <c r="C22487" t="s">
        <v>13899</v>
      </c>
      <c r="D22487" t="s">
        <v>13900</v>
      </c>
      <c r="E22487" t="s">
        <v>13885</v>
      </c>
      <c r="F22487" t="s">
        <v>13886</v>
      </c>
      <c r="G22487" t="s">
        <v>10734</v>
      </c>
      <c r="H22487" t="s">
        <v>10735</v>
      </c>
      <c r="I22487" s="2">
        <v>0</v>
      </c>
      <c r="J22487" s="2">
        <v>0</v>
      </c>
      <c r="K22487" s="2">
        <v>1</v>
      </c>
      <c r="L22487" t="s">
        <v>995</v>
      </c>
      <c r="M22487" t="s">
        <v>87</v>
      </c>
      <c r="N22487" t="s">
        <v>88</v>
      </c>
      <c r="O22487" t="s">
        <v>85</v>
      </c>
      <c r="P22487" t="s">
        <v>86</v>
      </c>
      <c r="Q22487">
        <v>13</v>
      </c>
      <c r="R22487">
        <v>13</v>
      </c>
      <c r="S22487">
        <v>13</v>
      </c>
      <c r="T22487">
        <v>14</v>
      </c>
      <c r="U22487">
        <v>14</v>
      </c>
      <c r="V22487">
        <v>14</v>
      </c>
      <c r="W22487">
        <v>14</v>
      </c>
      <c r="X22487">
        <v>14</v>
      </c>
      <c r="Y22487">
        <v>14</v>
      </c>
      <c r="Z22487">
        <v>14</v>
      </c>
      <c r="AA22487">
        <v>15</v>
      </c>
      <c r="AB22487">
        <v>15</v>
      </c>
      <c r="AC22487">
        <v>15</v>
      </c>
      <c r="AD22487">
        <v>15</v>
      </c>
      <c r="AE22487">
        <v>15</v>
      </c>
      <c r="AF22487">
        <v>15</v>
      </c>
      <c r="AG22487">
        <v>16</v>
      </c>
      <c r="AH22487">
        <v>16</v>
      </c>
      <c r="AI22487">
        <v>16</v>
      </c>
      <c r="AJ22487">
        <v>16</v>
      </c>
      <c r="AK22487">
        <v>16</v>
      </c>
      <c r="AL22487">
        <v>16</v>
      </c>
      <c r="AM22487">
        <v>17</v>
      </c>
      <c r="AN22487">
        <v>17</v>
      </c>
      <c r="AO22487">
        <v>17</v>
      </c>
      <c r="AP22487">
        <v>17</v>
      </c>
      <c r="AQ22487">
        <v>17</v>
      </c>
    </row>
    <row r="22488" spans="1:43">
      <c r="A22488" t="s">
        <v>13933</v>
      </c>
      <c r="B22488" t="s">
        <v>13934</v>
      </c>
      <c r="C22488" t="s">
        <v>13899</v>
      </c>
      <c r="D22488" t="s">
        <v>13900</v>
      </c>
      <c r="E22488" t="s">
        <v>13885</v>
      </c>
      <c r="F22488" t="s">
        <v>13886</v>
      </c>
      <c r="G22488" t="s">
        <v>10734</v>
      </c>
      <c r="H22488" t="s">
        <v>10735</v>
      </c>
      <c r="I22488" s="2">
        <v>0</v>
      </c>
      <c r="J22488" s="2">
        <v>0</v>
      </c>
      <c r="K22488" s="2">
        <v>1</v>
      </c>
      <c r="L22488" t="s">
        <v>995</v>
      </c>
      <c r="M22488" t="s">
        <v>89</v>
      </c>
      <c r="N22488" t="s">
        <v>90</v>
      </c>
      <c r="O22488" t="s">
        <v>85</v>
      </c>
      <c r="P22488" t="s">
        <v>86</v>
      </c>
      <c r="Q22488">
        <v>13</v>
      </c>
      <c r="R22488">
        <v>14</v>
      </c>
      <c r="S22488">
        <v>14</v>
      </c>
      <c r="T22488">
        <v>15</v>
      </c>
      <c r="U22488">
        <v>15</v>
      </c>
      <c r="V22488">
        <v>15</v>
      </c>
      <c r="W22488">
        <v>16</v>
      </c>
      <c r="X22488">
        <v>16</v>
      </c>
      <c r="Y22488">
        <v>16</v>
      </c>
      <c r="Z22488">
        <v>17</v>
      </c>
      <c r="AA22488">
        <v>17</v>
      </c>
      <c r="AB22488">
        <v>17</v>
      </c>
      <c r="AC22488">
        <v>18</v>
      </c>
      <c r="AD22488">
        <v>18</v>
      </c>
      <c r="AE22488">
        <v>18</v>
      </c>
      <c r="AF22488">
        <v>18</v>
      </c>
      <c r="AG22488">
        <v>19</v>
      </c>
      <c r="AH22488">
        <v>19</v>
      </c>
      <c r="AI22488">
        <v>19</v>
      </c>
      <c r="AJ22488">
        <v>19</v>
      </c>
      <c r="AK22488">
        <v>19</v>
      </c>
      <c r="AL22488">
        <v>19</v>
      </c>
      <c r="AM22488">
        <v>19</v>
      </c>
      <c r="AN22488">
        <v>20</v>
      </c>
      <c r="AO22488">
        <v>20</v>
      </c>
      <c r="AP22488">
        <v>20</v>
      </c>
      <c r="AQ22488">
        <v>20</v>
      </c>
    </row>
    <row r="22489" spans="1:43">
      <c r="A22489" t="s">
        <v>13933</v>
      </c>
      <c r="B22489" t="s">
        <v>13934</v>
      </c>
      <c r="C22489" t="s">
        <v>13899</v>
      </c>
      <c r="D22489" t="s">
        <v>13900</v>
      </c>
      <c r="E22489" t="s">
        <v>13885</v>
      </c>
      <c r="F22489" t="s">
        <v>13886</v>
      </c>
      <c r="G22489" t="s">
        <v>10734</v>
      </c>
      <c r="H22489" t="s">
        <v>10735</v>
      </c>
      <c r="I22489" s="2">
        <v>0</v>
      </c>
      <c r="J22489" s="2">
        <v>0</v>
      </c>
      <c r="K22489" s="2">
        <v>1</v>
      </c>
      <c r="L22489" t="s">
        <v>995</v>
      </c>
      <c r="M22489" t="s">
        <v>83</v>
      </c>
      <c r="N22489" t="s">
        <v>91</v>
      </c>
      <c r="O22489" t="s">
        <v>85</v>
      </c>
      <c r="P22489" t="s">
        <v>86</v>
      </c>
      <c r="Q22489">
        <v>13</v>
      </c>
      <c r="R22489">
        <v>14</v>
      </c>
      <c r="S22489">
        <v>14</v>
      </c>
      <c r="T22489">
        <v>14</v>
      </c>
      <c r="U22489">
        <v>14</v>
      </c>
      <c r="V22489">
        <v>15</v>
      </c>
      <c r="W22489">
        <v>15</v>
      </c>
      <c r="X22489">
        <v>15</v>
      </c>
      <c r="Y22489">
        <v>15</v>
      </c>
      <c r="Z22489">
        <v>16</v>
      </c>
      <c r="AA22489">
        <v>16</v>
      </c>
      <c r="AB22489">
        <v>16</v>
      </c>
      <c r="AC22489">
        <v>17</v>
      </c>
      <c r="AD22489">
        <v>17</v>
      </c>
      <c r="AE22489">
        <v>17</v>
      </c>
      <c r="AF22489">
        <v>17</v>
      </c>
      <c r="AG22489">
        <v>18</v>
      </c>
      <c r="AH22489">
        <v>18</v>
      </c>
      <c r="AI22489">
        <v>18</v>
      </c>
      <c r="AJ22489">
        <v>19</v>
      </c>
      <c r="AK22489">
        <v>19</v>
      </c>
      <c r="AL22489">
        <v>19</v>
      </c>
      <c r="AM22489">
        <v>19</v>
      </c>
      <c r="AN22489">
        <v>19</v>
      </c>
      <c r="AO22489">
        <v>20</v>
      </c>
      <c r="AP22489">
        <v>20</v>
      </c>
      <c r="AQ22489">
        <v>20</v>
      </c>
    </row>
    <row r="22490" spans="1:43">
      <c r="A22490" t="s">
        <v>13935</v>
      </c>
      <c r="B22490" t="s">
        <v>13936</v>
      </c>
      <c r="C22490" t="s">
        <v>13921</v>
      </c>
      <c r="D22490" t="s">
        <v>13922</v>
      </c>
      <c r="E22490" t="s">
        <v>13885</v>
      </c>
      <c r="F22490" t="s">
        <v>13886</v>
      </c>
      <c r="G22490" t="s">
        <v>10734</v>
      </c>
      <c r="H22490" t="s">
        <v>10735</v>
      </c>
      <c r="I22490" s="2">
        <v>0</v>
      </c>
      <c r="J22490" s="2">
        <v>0</v>
      </c>
      <c r="K22490" s="2">
        <v>1</v>
      </c>
      <c r="L22490" t="s">
        <v>995</v>
      </c>
      <c r="M22490" t="s">
        <v>83</v>
      </c>
      <c r="N22490" t="s">
        <v>84</v>
      </c>
      <c r="O22490" t="s">
        <v>85</v>
      </c>
      <c r="P22490" t="s">
        <v>86</v>
      </c>
      <c r="Q22490">
        <v>69</v>
      </c>
      <c r="R22490">
        <v>71</v>
      </c>
      <c r="S22490">
        <v>72</v>
      </c>
      <c r="T22490">
        <v>74</v>
      </c>
      <c r="U22490">
        <v>75</v>
      </c>
      <c r="V22490">
        <v>76</v>
      </c>
      <c r="W22490">
        <v>78</v>
      </c>
      <c r="X22490">
        <v>79</v>
      </c>
      <c r="Y22490">
        <v>81</v>
      </c>
      <c r="Z22490">
        <v>82</v>
      </c>
      <c r="AA22490">
        <v>84</v>
      </c>
      <c r="AB22490">
        <v>85</v>
      </c>
      <c r="AC22490">
        <v>86</v>
      </c>
      <c r="AD22490">
        <v>88</v>
      </c>
      <c r="AE22490">
        <v>89</v>
      </c>
      <c r="AF22490">
        <v>91</v>
      </c>
      <c r="AG22490">
        <v>92</v>
      </c>
      <c r="AH22490">
        <v>94</v>
      </c>
      <c r="AI22490">
        <v>95</v>
      </c>
      <c r="AJ22490">
        <v>97</v>
      </c>
      <c r="AK22490">
        <v>99</v>
      </c>
      <c r="AL22490">
        <v>100</v>
      </c>
      <c r="AM22490">
        <v>100</v>
      </c>
      <c r="AN22490">
        <v>101</v>
      </c>
      <c r="AO22490">
        <v>102</v>
      </c>
      <c r="AP22490">
        <v>103</v>
      </c>
      <c r="AQ22490">
        <v>104</v>
      </c>
    </row>
    <row r="22491" spans="1:43">
      <c r="A22491" t="s">
        <v>13935</v>
      </c>
      <c r="B22491" t="s">
        <v>13936</v>
      </c>
      <c r="C22491" t="s">
        <v>13921</v>
      </c>
      <c r="D22491" t="s">
        <v>13922</v>
      </c>
      <c r="E22491" t="s">
        <v>13885</v>
      </c>
      <c r="F22491" t="s">
        <v>13886</v>
      </c>
      <c r="G22491" t="s">
        <v>10734</v>
      </c>
      <c r="H22491" t="s">
        <v>10735</v>
      </c>
      <c r="I22491" s="2">
        <v>0</v>
      </c>
      <c r="J22491" s="2">
        <v>0</v>
      </c>
      <c r="K22491" s="2">
        <v>1</v>
      </c>
      <c r="L22491" t="s">
        <v>995</v>
      </c>
      <c r="M22491" t="s">
        <v>87</v>
      </c>
      <c r="N22491" t="s">
        <v>88</v>
      </c>
      <c r="O22491" t="s">
        <v>85</v>
      </c>
      <c r="P22491" t="s">
        <v>86</v>
      </c>
      <c r="Q22491">
        <v>69</v>
      </c>
      <c r="R22491">
        <v>69</v>
      </c>
      <c r="S22491">
        <v>70</v>
      </c>
      <c r="T22491">
        <v>71</v>
      </c>
      <c r="U22491">
        <v>72</v>
      </c>
      <c r="V22491">
        <v>72</v>
      </c>
      <c r="W22491">
        <v>73</v>
      </c>
      <c r="X22491">
        <v>74</v>
      </c>
      <c r="Y22491">
        <v>75</v>
      </c>
      <c r="Z22491">
        <v>75</v>
      </c>
      <c r="AA22491">
        <v>76</v>
      </c>
      <c r="AB22491">
        <v>77</v>
      </c>
      <c r="AC22491">
        <v>78</v>
      </c>
      <c r="AD22491">
        <v>78</v>
      </c>
      <c r="AE22491">
        <v>79</v>
      </c>
      <c r="AF22491">
        <v>80</v>
      </c>
      <c r="AG22491">
        <v>81</v>
      </c>
      <c r="AH22491">
        <v>82</v>
      </c>
      <c r="AI22491">
        <v>83</v>
      </c>
      <c r="AJ22491">
        <v>84</v>
      </c>
      <c r="AK22491">
        <v>85</v>
      </c>
      <c r="AL22491">
        <v>85</v>
      </c>
      <c r="AM22491">
        <v>86</v>
      </c>
      <c r="AN22491">
        <v>87</v>
      </c>
      <c r="AO22491">
        <v>88</v>
      </c>
      <c r="AP22491">
        <v>89</v>
      </c>
      <c r="AQ22491">
        <v>90</v>
      </c>
    </row>
    <row r="22492" spans="1:43">
      <c r="A22492" t="s">
        <v>13935</v>
      </c>
      <c r="B22492" t="s">
        <v>13936</v>
      </c>
      <c r="C22492" t="s">
        <v>13921</v>
      </c>
      <c r="D22492" t="s">
        <v>13922</v>
      </c>
      <c r="E22492" t="s">
        <v>13885</v>
      </c>
      <c r="F22492" t="s">
        <v>13886</v>
      </c>
      <c r="G22492" t="s">
        <v>10734</v>
      </c>
      <c r="H22492" t="s">
        <v>10735</v>
      </c>
      <c r="I22492" s="2">
        <v>0</v>
      </c>
      <c r="J22492" s="2">
        <v>0</v>
      </c>
      <c r="K22492" s="2">
        <v>1</v>
      </c>
      <c r="L22492" t="s">
        <v>995</v>
      </c>
      <c r="M22492" t="s">
        <v>89</v>
      </c>
      <c r="N22492" t="s">
        <v>90</v>
      </c>
      <c r="O22492" t="s">
        <v>85</v>
      </c>
      <c r="P22492" t="s">
        <v>86</v>
      </c>
      <c r="Q22492">
        <v>69</v>
      </c>
      <c r="R22492">
        <v>71</v>
      </c>
      <c r="S22492">
        <v>73</v>
      </c>
      <c r="T22492">
        <v>75</v>
      </c>
      <c r="U22492">
        <v>77</v>
      </c>
      <c r="V22492">
        <v>79</v>
      </c>
      <c r="W22492">
        <v>81</v>
      </c>
      <c r="X22492">
        <v>83</v>
      </c>
      <c r="Y22492">
        <v>84</v>
      </c>
      <c r="Z22492">
        <v>86</v>
      </c>
      <c r="AA22492">
        <v>88</v>
      </c>
      <c r="AB22492">
        <v>89</v>
      </c>
      <c r="AC22492">
        <v>91</v>
      </c>
      <c r="AD22492">
        <v>93</v>
      </c>
      <c r="AE22492">
        <v>94</v>
      </c>
      <c r="AF22492">
        <v>95</v>
      </c>
      <c r="AG22492">
        <v>96</v>
      </c>
      <c r="AH22492">
        <v>97</v>
      </c>
      <c r="AI22492">
        <v>97</v>
      </c>
      <c r="AJ22492">
        <v>98</v>
      </c>
      <c r="AK22492">
        <v>99</v>
      </c>
      <c r="AL22492">
        <v>100</v>
      </c>
      <c r="AM22492">
        <v>100</v>
      </c>
      <c r="AN22492">
        <v>101</v>
      </c>
      <c r="AO22492">
        <v>102</v>
      </c>
      <c r="AP22492">
        <v>103</v>
      </c>
      <c r="AQ22492">
        <v>104</v>
      </c>
    </row>
    <row r="22493" spans="1:43">
      <c r="A22493" t="s">
        <v>13935</v>
      </c>
      <c r="B22493" t="s">
        <v>13936</v>
      </c>
      <c r="C22493" t="s">
        <v>13921</v>
      </c>
      <c r="D22493" t="s">
        <v>13922</v>
      </c>
      <c r="E22493" t="s">
        <v>13885</v>
      </c>
      <c r="F22493" t="s">
        <v>13886</v>
      </c>
      <c r="G22493" t="s">
        <v>10734</v>
      </c>
      <c r="H22493" t="s">
        <v>10735</v>
      </c>
      <c r="I22493" s="2">
        <v>0</v>
      </c>
      <c r="J22493" s="2">
        <v>0</v>
      </c>
      <c r="K22493" s="2">
        <v>1</v>
      </c>
      <c r="L22493" t="s">
        <v>995</v>
      </c>
      <c r="M22493" t="s">
        <v>83</v>
      </c>
      <c r="N22493" t="s">
        <v>91</v>
      </c>
      <c r="O22493" t="s">
        <v>85</v>
      </c>
      <c r="P22493" t="s">
        <v>86</v>
      </c>
      <c r="Q22493">
        <v>69</v>
      </c>
      <c r="R22493">
        <v>71</v>
      </c>
      <c r="S22493">
        <v>72</v>
      </c>
      <c r="T22493">
        <v>74</v>
      </c>
      <c r="U22493">
        <v>75</v>
      </c>
      <c r="V22493">
        <v>76</v>
      </c>
      <c r="W22493">
        <v>78</v>
      </c>
      <c r="X22493">
        <v>79</v>
      </c>
      <c r="Y22493">
        <v>81</v>
      </c>
      <c r="Z22493">
        <v>82</v>
      </c>
      <c r="AA22493">
        <v>84</v>
      </c>
      <c r="AB22493">
        <v>85</v>
      </c>
      <c r="AC22493">
        <v>86</v>
      </c>
      <c r="AD22493">
        <v>88</v>
      </c>
      <c r="AE22493">
        <v>89</v>
      </c>
      <c r="AF22493">
        <v>91</v>
      </c>
      <c r="AG22493">
        <v>92</v>
      </c>
      <c r="AH22493">
        <v>94</v>
      </c>
      <c r="AI22493">
        <v>95</v>
      </c>
      <c r="AJ22493">
        <v>97</v>
      </c>
      <c r="AK22493">
        <v>99</v>
      </c>
      <c r="AL22493">
        <v>100</v>
      </c>
      <c r="AM22493">
        <v>100</v>
      </c>
      <c r="AN22493">
        <v>101</v>
      </c>
      <c r="AO22493">
        <v>102</v>
      </c>
      <c r="AP22493">
        <v>103</v>
      </c>
      <c r="AQ22493">
        <v>104</v>
      </c>
    </row>
    <row r="22494" spans="1:43">
      <c r="A22494" t="s">
        <v>13937</v>
      </c>
      <c r="B22494" t="s">
        <v>13938</v>
      </c>
      <c r="C22494" t="s">
        <v>13903</v>
      </c>
      <c r="D22494" t="s">
        <v>13904</v>
      </c>
      <c r="E22494" t="s">
        <v>13885</v>
      </c>
      <c r="F22494" t="s">
        <v>13886</v>
      </c>
      <c r="G22494" t="s">
        <v>10734</v>
      </c>
      <c r="H22494" t="s">
        <v>10735</v>
      </c>
      <c r="I22494" s="2">
        <v>0</v>
      </c>
      <c r="J22494" s="2">
        <v>0</v>
      </c>
      <c r="K22494" s="2">
        <v>1</v>
      </c>
      <c r="L22494" t="s">
        <v>995</v>
      </c>
      <c r="M22494" t="s">
        <v>83</v>
      </c>
      <c r="N22494" t="s">
        <v>84</v>
      </c>
      <c r="O22494" t="s">
        <v>85</v>
      </c>
      <c r="P22494" t="s">
        <v>86</v>
      </c>
      <c r="Q22494">
        <v>15</v>
      </c>
      <c r="R22494">
        <v>15</v>
      </c>
      <c r="S22494">
        <v>15</v>
      </c>
      <c r="T22494">
        <v>15</v>
      </c>
      <c r="U22494">
        <v>16</v>
      </c>
      <c r="V22494">
        <v>16</v>
      </c>
      <c r="W22494">
        <v>16</v>
      </c>
      <c r="X22494">
        <v>17</v>
      </c>
      <c r="Y22494">
        <v>17</v>
      </c>
      <c r="Z22494">
        <v>17</v>
      </c>
      <c r="AA22494">
        <v>18</v>
      </c>
      <c r="AB22494">
        <v>18</v>
      </c>
      <c r="AC22494">
        <v>18</v>
      </c>
      <c r="AD22494">
        <v>18</v>
      </c>
      <c r="AE22494">
        <v>19</v>
      </c>
      <c r="AF22494">
        <v>19</v>
      </c>
      <c r="AG22494">
        <v>19</v>
      </c>
      <c r="AH22494">
        <v>20</v>
      </c>
      <c r="AI22494">
        <v>20</v>
      </c>
      <c r="AJ22494">
        <v>20</v>
      </c>
      <c r="AK22494">
        <v>21</v>
      </c>
      <c r="AL22494">
        <v>21</v>
      </c>
      <c r="AM22494">
        <v>21</v>
      </c>
      <c r="AN22494">
        <v>21</v>
      </c>
      <c r="AO22494">
        <v>21</v>
      </c>
      <c r="AP22494">
        <v>22</v>
      </c>
      <c r="AQ22494">
        <v>22</v>
      </c>
    </row>
    <row r="22495" spans="1:43">
      <c r="A22495" t="s">
        <v>13937</v>
      </c>
      <c r="B22495" t="s">
        <v>13938</v>
      </c>
      <c r="C22495" t="s">
        <v>13903</v>
      </c>
      <c r="D22495" t="s">
        <v>13904</v>
      </c>
      <c r="E22495" t="s">
        <v>13885</v>
      </c>
      <c r="F22495" t="s">
        <v>13886</v>
      </c>
      <c r="G22495" t="s">
        <v>10734</v>
      </c>
      <c r="H22495" t="s">
        <v>10735</v>
      </c>
      <c r="I22495" s="2">
        <v>0</v>
      </c>
      <c r="J22495" s="2">
        <v>0</v>
      </c>
      <c r="K22495" s="2">
        <v>1</v>
      </c>
      <c r="L22495" t="s">
        <v>995</v>
      </c>
      <c r="M22495" t="s">
        <v>87</v>
      </c>
      <c r="N22495" t="s">
        <v>88</v>
      </c>
      <c r="O22495" t="s">
        <v>85</v>
      </c>
      <c r="P22495" t="s">
        <v>86</v>
      </c>
      <c r="Q22495">
        <v>15</v>
      </c>
      <c r="R22495">
        <v>16</v>
      </c>
      <c r="S22495">
        <v>16</v>
      </c>
      <c r="T22495">
        <v>16</v>
      </c>
      <c r="U22495">
        <v>16</v>
      </c>
      <c r="V22495">
        <v>16</v>
      </c>
      <c r="W22495">
        <v>16</v>
      </c>
      <c r="X22495">
        <v>16</v>
      </c>
      <c r="Y22495">
        <v>17</v>
      </c>
      <c r="Z22495">
        <v>17</v>
      </c>
      <c r="AA22495">
        <v>17</v>
      </c>
      <c r="AB22495">
        <v>17</v>
      </c>
      <c r="AC22495">
        <v>17</v>
      </c>
      <c r="AD22495">
        <v>17</v>
      </c>
      <c r="AE22495">
        <v>18</v>
      </c>
      <c r="AF22495">
        <v>18</v>
      </c>
      <c r="AG22495">
        <v>18</v>
      </c>
      <c r="AH22495">
        <v>18</v>
      </c>
      <c r="AI22495">
        <v>18</v>
      </c>
      <c r="AJ22495">
        <v>19</v>
      </c>
      <c r="AK22495">
        <v>19</v>
      </c>
      <c r="AL22495">
        <v>19</v>
      </c>
      <c r="AM22495">
        <v>19</v>
      </c>
      <c r="AN22495">
        <v>19</v>
      </c>
      <c r="AO22495">
        <v>20</v>
      </c>
      <c r="AP22495">
        <v>20</v>
      </c>
      <c r="AQ22495">
        <v>20</v>
      </c>
    </row>
    <row r="22496" spans="1:43">
      <c r="A22496" t="s">
        <v>13937</v>
      </c>
      <c r="B22496" t="s">
        <v>13938</v>
      </c>
      <c r="C22496" t="s">
        <v>13903</v>
      </c>
      <c r="D22496" t="s">
        <v>13904</v>
      </c>
      <c r="E22496" t="s">
        <v>13885</v>
      </c>
      <c r="F22496" t="s">
        <v>13886</v>
      </c>
      <c r="G22496" t="s">
        <v>10734</v>
      </c>
      <c r="H22496" t="s">
        <v>10735</v>
      </c>
      <c r="I22496" s="2">
        <v>0</v>
      </c>
      <c r="J22496" s="2">
        <v>0</v>
      </c>
      <c r="K22496" s="2">
        <v>1</v>
      </c>
      <c r="L22496" t="s">
        <v>995</v>
      </c>
      <c r="M22496" t="s">
        <v>89</v>
      </c>
      <c r="N22496" t="s">
        <v>90</v>
      </c>
      <c r="O22496" t="s">
        <v>85</v>
      </c>
      <c r="P22496" t="s">
        <v>86</v>
      </c>
      <c r="Q22496">
        <v>15</v>
      </c>
      <c r="R22496">
        <v>15</v>
      </c>
      <c r="S22496">
        <v>16</v>
      </c>
      <c r="T22496">
        <v>16</v>
      </c>
      <c r="U22496">
        <v>16</v>
      </c>
      <c r="V22496">
        <v>17</v>
      </c>
      <c r="W22496">
        <v>17</v>
      </c>
      <c r="X22496">
        <v>18</v>
      </c>
      <c r="Y22496">
        <v>18</v>
      </c>
      <c r="Z22496">
        <v>18</v>
      </c>
      <c r="AA22496">
        <v>19</v>
      </c>
      <c r="AB22496">
        <v>19</v>
      </c>
      <c r="AC22496">
        <v>19</v>
      </c>
      <c r="AD22496">
        <v>20</v>
      </c>
      <c r="AE22496">
        <v>20</v>
      </c>
      <c r="AF22496">
        <v>20</v>
      </c>
      <c r="AG22496">
        <v>20</v>
      </c>
      <c r="AH22496">
        <v>20</v>
      </c>
      <c r="AI22496">
        <v>21</v>
      </c>
      <c r="AJ22496">
        <v>21</v>
      </c>
      <c r="AK22496">
        <v>21</v>
      </c>
      <c r="AL22496">
        <v>21</v>
      </c>
      <c r="AM22496">
        <v>21</v>
      </c>
      <c r="AN22496">
        <v>21</v>
      </c>
      <c r="AO22496">
        <v>22</v>
      </c>
      <c r="AP22496">
        <v>22</v>
      </c>
      <c r="AQ22496">
        <v>22</v>
      </c>
    </row>
    <row r="22497" spans="1:43">
      <c r="A22497" t="s">
        <v>13937</v>
      </c>
      <c r="B22497" t="s">
        <v>13938</v>
      </c>
      <c r="C22497" t="s">
        <v>13903</v>
      </c>
      <c r="D22497" t="s">
        <v>13904</v>
      </c>
      <c r="E22497" t="s">
        <v>13885</v>
      </c>
      <c r="F22497" t="s">
        <v>13886</v>
      </c>
      <c r="G22497" t="s">
        <v>10734</v>
      </c>
      <c r="H22497" t="s">
        <v>10735</v>
      </c>
      <c r="I22497" s="2">
        <v>0</v>
      </c>
      <c r="J22497" s="2">
        <v>0</v>
      </c>
      <c r="K22497" s="2">
        <v>1</v>
      </c>
      <c r="L22497" t="s">
        <v>995</v>
      </c>
      <c r="M22497" t="s">
        <v>83</v>
      </c>
      <c r="N22497" t="s">
        <v>91</v>
      </c>
      <c r="O22497" t="s">
        <v>85</v>
      </c>
      <c r="P22497" t="s">
        <v>86</v>
      </c>
      <c r="Q22497">
        <v>15</v>
      </c>
      <c r="R22497">
        <v>15</v>
      </c>
      <c r="S22497">
        <v>15</v>
      </c>
      <c r="T22497">
        <v>15</v>
      </c>
      <c r="U22497">
        <v>16</v>
      </c>
      <c r="V22497">
        <v>16</v>
      </c>
      <c r="W22497">
        <v>16</v>
      </c>
      <c r="X22497">
        <v>17</v>
      </c>
      <c r="Y22497">
        <v>17</v>
      </c>
      <c r="Z22497">
        <v>17</v>
      </c>
      <c r="AA22497">
        <v>18</v>
      </c>
      <c r="AB22497">
        <v>18</v>
      </c>
      <c r="AC22497">
        <v>18</v>
      </c>
      <c r="AD22497">
        <v>18</v>
      </c>
      <c r="AE22497">
        <v>19</v>
      </c>
      <c r="AF22497">
        <v>19</v>
      </c>
      <c r="AG22497">
        <v>19</v>
      </c>
      <c r="AH22497">
        <v>20</v>
      </c>
      <c r="AI22497">
        <v>20</v>
      </c>
      <c r="AJ22497">
        <v>20</v>
      </c>
      <c r="AK22497">
        <v>21</v>
      </c>
      <c r="AL22497">
        <v>21</v>
      </c>
      <c r="AM22497">
        <v>21</v>
      </c>
      <c r="AN22497">
        <v>21</v>
      </c>
      <c r="AO22497">
        <v>21</v>
      </c>
      <c r="AP22497">
        <v>22</v>
      </c>
      <c r="AQ22497">
        <v>22</v>
      </c>
    </row>
    <row r="22498" spans="1:43">
      <c r="A22498" t="s">
        <v>13939</v>
      </c>
      <c r="B22498" t="s">
        <v>13940</v>
      </c>
      <c r="C22498" t="s">
        <v>13903</v>
      </c>
      <c r="D22498" t="s">
        <v>13904</v>
      </c>
      <c r="E22498" t="s">
        <v>13885</v>
      </c>
      <c r="F22498" t="s">
        <v>13886</v>
      </c>
      <c r="G22498" t="s">
        <v>10734</v>
      </c>
      <c r="H22498" t="s">
        <v>10735</v>
      </c>
      <c r="I22498" s="2">
        <v>0</v>
      </c>
      <c r="J22498" s="2">
        <v>0</v>
      </c>
      <c r="K22498" s="2">
        <v>1</v>
      </c>
      <c r="L22498" t="s">
        <v>995</v>
      </c>
      <c r="M22498" t="s">
        <v>83</v>
      </c>
      <c r="N22498" t="s">
        <v>84</v>
      </c>
      <c r="O22498" t="s">
        <v>85</v>
      </c>
      <c r="P22498" t="s">
        <v>86</v>
      </c>
      <c r="Q22498">
        <v>28</v>
      </c>
      <c r="R22498">
        <v>28</v>
      </c>
      <c r="S22498">
        <v>29</v>
      </c>
      <c r="T22498">
        <v>29</v>
      </c>
      <c r="U22498">
        <v>30</v>
      </c>
      <c r="V22498">
        <v>31</v>
      </c>
      <c r="W22498">
        <v>31</v>
      </c>
      <c r="X22498">
        <v>32</v>
      </c>
      <c r="Y22498">
        <v>32</v>
      </c>
      <c r="Z22498">
        <v>33</v>
      </c>
      <c r="AA22498">
        <v>33</v>
      </c>
      <c r="AB22498">
        <v>34</v>
      </c>
      <c r="AC22498">
        <v>35</v>
      </c>
      <c r="AD22498">
        <v>35</v>
      </c>
      <c r="AE22498">
        <v>36</v>
      </c>
      <c r="AF22498">
        <v>36</v>
      </c>
      <c r="AG22498">
        <v>37</v>
      </c>
      <c r="AH22498">
        <v>38</v>
      </c>
      <c r="AI22498">
        <v>38</v>
      </c>
      <c r="AJ22498">
        <v>39</v>
      </c>
      <c r="AK22498">
        <v>39</v>
      </c>
      <c r="AL22498">
        <v>40</v>
      </c>
      <c r="AM22498">
        <v>40</v>
      </c>
      <c r="AN22498">
        <v>40</v>
      </c>
      <c r="AO22498">
        <v>41</v>
      </c>
      <c r="AP22498">
        <v>41</v>
      </c>
      <c r="AQ22498">
        <v>41</v>
      </c>
    </row>
    <row r="22499" spans="1:43">
      <c r="A22499" t="s">
        <v>13939</v>
      </c>
      <c r="B22499" t="s">
        <v>13940</v>
      </c>
      <c r="C22499" t="s">
        <v>13903</v>
      </c>
      <c r="D22499" t="s">
        <v>13904</v>
      </c>
      <c r="E22499" t="s">
        <v>13885</v>
      </c>
      <c r="F22499" t="s">
        <v>13886</v>
      </c>
      <c r="G22499" t="s">
        <v>10734</v>
      </c>
      <c r="H22499" t="s">
        <v>10735</v>
      </c>
      <c r="I22499" s="2">
        <v>0</v>
      </c>
      <c r="J22499" s="2">
        <v>0</v>
      </c>
      <c r="K22499" s="2">
        <v>1</v>
      </c>
      <c r="L22499" t="s">
        <v>995</v>
      </c>
      <c r="M22499" t="s">
        <v>87</v>
      </c>
      <c r="N22499" t="s">
        <v>88</v>
      </c>
      <c r="O22499" t="s">
        <v>85</v>
      </c>
      <c r="P22499" t="s">
        <v>86</v>
      </c>
      <c r="Q22499">
        <v>28</v>
      </c>
      <c r="R22499">
        <v>29</v>
      </c>
      <c r="S22499">
        <v>29</v>
      </c>
      <c r="T22499">
        <v>29</v>
      </c>
      <c r="U22499">
        <v>30</v>
      </c>
      <c r="V22499">
        <v>30</v>
      </c>
      <c r="W22499">
        <v>30</v>
      </c>
      <c r="X22499">
        <v>31</v>
      </c>
      <c r="Y22499">
        <v>31</v>
      </c>
      <c r="Z22499">
        <v>31</v>
      </c>
      <c r="AA22499">
        <v>31</v>
      </c>
      <c r="AB22499">
        <v>32</v>
      </c>
      <c r="AC22499">
        <v>32</v>
      </c>
      <c r="AD22499">
        <v>32</v>
      </c>
      <c r="AE22499">
        <v>33</v>
      </c>
      <c r="AF22499">
        <v>33</v>
      </c>
      <c r="AG22499">
        <v>33</v>
      </c>
      <c r="AH22499">
        <v>34</v>
      </c>
      <c r="AI22499">
        <v>34</v>
      </c>
      <c r="AJ22499">
        <v>34</v>
      </c>
      <c r="AK22499">
        <v>35</v>
      </c>
      <c r="AL22499">
        <v>35</v>
      </c>
      <c r="AM22499">
        <v>36</v>
      </c>
      <c r="AN22499">
        <v>36</v>
      </c>
      <c r="AO22499">
        <v>36</v>
      </c>
      <c r="AP22499">
        <v>37</v>
      </c>
      <c r="AQ22499">
        <v>37</v>
      </c>
    </row>
    <row r="22500" spans="1:43">
      <c r="A22500" t="s">
        <v>13939</v>
      </c>
      <c r="B22500" t="s">
        <v>13940</v>
      </c>
      <c r="C22500" t="s">
        <v>13903</v>
      </c>
      <c r="D22500" t="s">
        <v>13904</v>
      </c>
      <c r="E22500" t="s">
        <v>13885</v>
      </c>
      <c r="F22500" t="s">
        <v>13886</v>
      </c>
      <c r="G22500" t="s">
        <v>10734</v>
      </c>
      <c r="H22500" t="s">
        <v>10735</v>
      </c>
      <c r="I22500" s="2">
        <v>0</v>
      </c>
      <c r="J22500" s="2">
        <v>0</v>
      </c>
      <c r="K22500" s="2">
        <v>1</v>
      </c>
      <c r="L22500" t="s">
        <v>995</v>
      </c>
      <c r="M22500" t="s">
        <v>89</v>
      </c>
      <c r="N22500" t="s">
        <v>90</v>
      </c>
      <c r="O22500" t="s">
        <v>85</v>
      </c>
      <c r="P22500" t="s">
        <v>86</v>
      </c>
      <c r="Q22500">
        <v>28</v>
      </c>
      <c r="R22500">
        <v>29</v>
      </c>
      <c r="S22500">
        <v>30</v>
      </c>
      <c r="T22500">
        <v>30</v>
      </c>
      <c r="U22500">
        <v>31</v>
      </c>
      <c r="V22500">
        <v>32</v>
      </c>
      <c r="W22500">
        <v>33</v>
      </c>
      <c r="X22500">
        <v>33</v>
      </c>
      <c r="Y22500">
        <v>34</v>
      </c>
      <c r="Z22500">
        <v>35</v>
      </c>
      <c r="AA22500">
        <v>35</v>
      </c>
      <c r="AB22500">
        <v>36</v>
      </c>
      <c r="AC22500">
        <v>37</v>
      </c>
      <c r="AD22500">
        <v>38</v>
      </c>
      <c r="AE22500">
        <v>38</v>
      </c>
      <c r="AF22500">
        <v>38</v>
      </c>
      <c r="AG22500">
        <v>39</v>
      </c>
      <c r="AH22500">
        <v>39</v>
      </c>
      <c r="AI22500">
        <v>39</v>
      </c>
      <c r="AJ22500">
        <v>40</v>
      </c>
      <c r="AK22500">
        <v>40</v>
      </c>
      <c r="AL22500">
        <v>40</v>
      </c>
      <c r="AM22500">
        <v>40</v>
      </c>
      <c r="AN22500">
        <v>41</v>
      </c>
      <c r="AO22500">
        <v>41</v>
      </c>
      <c r="AP22500">
        <v>41</v>
      </c>
      <c r="AQ22500">
        <v>42</v>
      </c>
    </row>
    <row r="22501" spans="1:43">
      <c r="A22501" t="s">
        <v>13939</v>
      </c>
      <c r="B22501" t="s">
        <v>13940</v>
      </c>
      <c r="C22501" t="s">
        <v>13903</v>
      </c>
      <c r="D22501" t="s">
        <v>13904</v>
      </c>
      <c r="E22501" t="s">
        <v>13885</v>
      </c>
      <c r="F22501" t="s">
        <v>13886</v>
      </c>
      <c r="G22501" t="s">
        <v>10734</v>
      </c>
      <c r="H22501" t="s">
        <v>10735</v>
      </c>
      <c r="I22501" s="2">
        <v>0</v>
      </c>
      <c r="J22501" s="2">
        <v>0</v>
      </c>
      <c r="K22501" s="2">
        <v>1</v>
      </c>
      <c r="L22501" t="s">
        <v>995</v>
      </c>
      <c r="M22501" t="s">
        <v>83</v>
      </c>
      <c r="N22501" t="s">
        <v>91</v>
      </c>
      <c r="O22501" t="s">
        <v>85</v>
      </c>
      <c r="P22501" t="s">
        <v>86</v>
      </c>
      <c r="Q22501">
        <v>28</v>
      </c>
      <c r="R22501">
        <v>28</v>
      </c>
      <c r="S22501">
        <v>29</v>
      </c>
      <c r="T22501">
        <v>29</v>
      </c>
      <c r="U22501">
        <v>30</v>
      </c>
      <c r="V22501">
        <v>31</v>
      </c>
      <c r="W22501">
        <v>31</v>
      </c>
      <c r="X22501">
        <v>32</v>
      </c>
      <c r="Y22501">
        <v>32</v>
      </c>
      <c r="Z22501">
        <v>33</v>
      </c>
      <c r="AA22501">
        <v>33</v>
      </c>
      <c r="AB22501">
        <v>34</v>
      </c>
      <c r="AC22501">
        <v>35</v>
      </c>
      <c r="AD22501">
        <v>35</v>
      </c>
      <c r="AE22501">
        <v>36</v>
      </c>
      <c r="AF22501">
        <v>36</v>
      </c>
      <c r="AG22501">
        <v>37</v>
      </c>
      <c r="AH22501">
        <v>38</v>
      </c>
      <c r="AI22501">
        <v>38</v>
      </c>
      <c r="AJ22501">
        <v>39</v>
      </c>
      <c r="AK22501">
        <v>39</v>
      </c>
      <c r="AL22501">
        <v>40</v>
      </c>
      <c r="AM22501">
        <v>40</v>
      </c>
      <c r="AN22501">
        <v>40</v>
      </c>
      <c r="AO22501">
        <v>41</v>
      </c>
      <c r="AP22501">
        <v>41</v>
      </c>
      <c r="AQ22501">
        <v>41</v>
      </c>
    </row>
    <row r="22502" spans="1:43">
      <c r="A22502" t="s">
        <v>13941</v>
      </c>
      <c r="B22502" t="s">
        <v>13942</v>
      </c>
      <c r="C22502" t="s">
        <v>13903</v>
      </c>
      <c r="D22502" t="s">
        <v>13904</v>
      </c>
      <c r="E22502" t="s">
        <v>13885</v>
      </c>
      <c r="F22502" t="s">
        <v>13886</v>
      </c>
      <c r="G22502" t="s">
        <v>10734</v>
      </c>
      <c r="H22502" t="s">
        <v>10735</v>
      </c>
      <c r="I22502" s="2">
        <v>0</v>
      </c>
      <c r="J22502" s="2">
        <v>0</v>
      </c>
      <c r="K22502" s="2">
        <v>1</v>
      </c>
      <c r="L22502" t="s">
        <v>995</v>
      </c>
      <c r="M22502" t="s">
        <v>83</v>
      </c>
      <c r="N22502" t="s">
        <v>84</v>
      </c>
      <c r="O22502" t="s">
        <v>85</v>
      </c>
      <c r="P22502" t="s">
        <v>86</v>
      </c>
      <c r="Q22502">
        <v>79</v>
      </c>
      <c r="R22502">
        <v>80</v>
      </c>
      <c r="S22502">
        <v>82</v>
      </c>
      <c r="T22502">
        <v>84</v>
      </c>
      <c r="U22502">
        <v>85</v>
      </c>
      <c r="V22502">
        <v>87</v>
      </c>
      <c r="W22502">
        <v>88</v>
      </c>
      <c r="X22502">
        <v>90</v>
      </c>
      <c r="Y22502">
        <v>92</v>
      </c>
      <c r="Z22502">
        <v>93</v>
      </c>
      <c r="AA22502">
        <v>95</v>
      </c>
      <c r="AB22502">
        <v>97</v>
      </c>
      <c r="AC22502">
        <v>98</v>
      </c>
      <c r="AD22502">
        <v>100</v>
      </c>
      <c r="AE22502">
        <v>102</v>
      </c>
      <c r="AF22502">
        <v>103</v>
      </c>
      <c r="AG22502">
        <v>105</v>
      </c>
      <c r="AH22502">
        <v>107</v>
      </c>
      <c r="AI22502">
        <v>109</v>
      </c>
      <c r="AJ22502">
        <v>110</v>
      </c>
      <c r="AK22502">
        <v>112</v>
      </c>
      <c r="AL22502">
        <v>113</v>
      </c>
      <c r="AM22502">
        <v>114</v>
      </c>
      <c r="AN22502">
        <v>115</v>
      </c>
      <c r="AO22502">
        <v>116</v>
      </c>
      <c r="AP22502">
        <v>117</v>
      </c>
      <c r="AQ22502">
        <v>118</v>
      </c>
    </row>
    <row r="22503" spans="1:43">
      <c r="A22503" t="s">
        <v>13941</v>
      </c>
      <c r="B22503" t="s">
        <v>13942</v>
      </c>
      <c r="C22503" t="s">
        <v>13903</v>
      </c>
      <c r="D22503" t="s">
        <v>13904</v>
      </c>
      <c r="E22503" t="s">
        <v>13885</v>
      </c>
      <c r="F22503" t="s">
        <v>13886</v>
      </c>
      <c r="G22503" t="s">
        <v>10734</v>
      </c>
      <c r="H22503" t="s">
        <v>10735</v>
      </c>
      <c r="I22503" s="2">
        <v>0</v>
      </c>
      <c r="J22503" s="2">
        <v>0</v>
      </c>
      <c r="K22503" s="2">
        <v>1</v>
      </c>
      <c r="L22503" t="s">
        <v>995</v>
      </c>
      <c r="M22503" t="s">
        <v>87</v>
      </c>
      <c r="N22503" t="s">
        <v>88</v>
      </c>
      <c r="O22503" t="s">
        <v>85</v>
      </c>
      <c r="P22503" t="s">
        <v>86</v>
      </c>
      <c r="Q22503">
        <v>79</v>
      </c>
      <c r="R22503">
        <v>80</v>
      </c>
      <c r="S22503">
        <v>81</v>
      </c>
      <c r="T22503">
        <v>82</v>
      </c>
      <c r="U22503">
        <v>82</v>
      </c>
      <c r="V22503">
        <v>83</v>
      </c>
      <c r="W22503">
        <v>84</v>
      </c>
      <c r="X22503">
        <v>85</v>
      </c>
      <c r="Y22503">
        <v>86</v>
      </c>
      <c r="Z22503">
        <v>87</v>
      </c>
      <c r="AA22503">
        <v>88</v>
      </c>
      <c r="AB22503">
        <v>89</v>
      </c>
      <c r="AC22503">
        <v>89</v>
      </c>
      <c r="AD22503">
        <v>90</v>
      </c>
      <c r="AE22503">
        <v>91</v>
      </c>
      <c r="AF22503">
        <v>92</v>
      </c>
      <c r="AG22503">
        <v>93</v>
      </c>
      <c r="AH22503">
        <v>94</v>
      </c>
      <c r="AI22503">
        <v>95</v>
      </c>
      <c r="AJ22503">
        <v>96</v>
      </c>
      <c r="AK22503">
        <v>97</v>
      </c>
      <c r="AL22503">
        <v>98</v>
      </c>
      <c r="AM22503">
        <v>99</v>
      </c>
      <c r="AN22503">
        <v>100</v>
      </c>
      <c r="AO22503">
        <v>102</v>
      </c>
      <c r="AP22503">
        <v>103</v>
      </c>
      <c r="AQ22503">
        <v>104</v>
      </c>
    </row>
    <row r="22504" spans="1:43">
      <c r="A22504" t="s">
        <v>13941</v>
      </c>
      <c r="B22504" t="s">
        <v>13942</v>
      </c>
      <c r="C22504" t="s">
        <v>13903</v>
      </c>
      <c r="D22504" t="s">
        <v>13904</v>
      </c>
      <c r="E22504" t="s">
        <v>13885</v>
      </c>
      <c r="F22504" t="s">
        <v>13886</v>
      </c>
      <c r="G22504" t="s">
        <v>10734</v>
      </c>
      <c r="H22504" t="s">
        <v>10735</v>
      </c>
      <c r="I22504" s="2">
        <v>0</v>
      </c>
      <c r="J22504" s="2">
        <v>0</v>
      </c>
      <c r="K22504" s="2">
        <v>1</v>
      </c>
      <c r="L22504" t="s">
        <v>995</v>
      </c>
      <c r="M22504" t="s">
        <v>89</v>
      </c>
      <c r="N22504" t="s">
        <v>90</v>
      </c>
      <c r="O22504" t="s">
        <v>85</v>
      </c>
      <c r="P22504" t="s">
        <v>86</v>
      </c>
      <c r="Q22504">
        <v>79</v>
      </c>
      <c r="R22504">
        <v>81</v>
      </c>
      <c r="S22504">
        <v>83</v>
      </c>
      <c r="T22504">
        <v>85</v>
      </c>
      <c r="U22504">
        <v>88</v>
      </c>
      <c r="V22504">
        <v>90</v>
      </c>
      <c r="W22504">
        <v>92</v>
      </c>
      <c r="X22504">
        <v>94</v>
      </c>
      <c r="Y22504">
        <v>96</v>
      </c>
      <c r="Z22504">
        <v>98</v>
      </c>
      <c r="AA22504">
        <v>100</v>
      </c>
      <c r="AB22504">
        <v>102</v>
      </c>
      <c r="AC22504">
        <v>104</v>
      </c>
      <c r="AD22504">
        <v>106</v>
      </c>
      <c r="AE22504">
        <v>108</v>
      </c>
      <c r="AF22504">
        <v>109</v>
      </c>
      <c r="AG22504">
        <v>109</v>
      </c>
      <c r="AH22504">
        <v>110</v>
      </c>
      <c r="AI22504">
        <v>111</v>
      </c>
      <c r="AJ22504">
        <v>112</v>
      </c>
      <c r="AK22504">
        <v>113</v>
      </c>
      <c r="AL22504">
        <v>114</v>
      </c>
      <c r="AM22504">
        <v>115</v>
      </c>
      <c r="AN22504">
        <v>115</v>
      </c>
      <c r="AO22504">
        <v>116</v>
      </c>
      <c r="AP22504">
        <v>117</v>
      </c>
      <c r="AQ22504">
        <v>118</v>
      </c>
    </row>
    <row r="22505" spans="1:43">
      <c r="A22505" t="s">
        <v>13941</v>
      </c>
      <c r="B22505" t="s">
        <v>13942</v>
      </c>
      <c r="C22505" t="s">
        <v>13903</v>
      </c>
      <c r="D22505" t="s">
        <v>13904</v>
      </c>
      <c r="E22505" t="s">
        <v>13885</v>
      </c>
      <c r="F22505" t="s">
        <v>13886</v>
      </c>
      <c r="G22505" t="s">
        <v>10734</v>
      </c>
      <c r="H22505" t="s">
        <v>10735</v>
      </c>
      <c r="I22505" s="2">
        <v>0</v>
      </c>
      <c r="J22505" s="2">
        <v>0</v>
      </c>
      <c r="K22505" s="2">
        <v>1</v>
      </c>
      <c r="L22505" t="s">
        <v>995</v>
      </c>
      <c r="M22505" t="s">
        <v>83</v>
      </c>
      <c r="N22505" t="s">
        <v>91</v>
      </c>
      <c r="O22505" t="s">
        <v>85</v>
      </c>
      <c r="P22505" t="s">
        <v>86</v>
      </c>
      <c r="Q22505">
        <v>79</v>
      </c>
      <c r="R22505">
        <v>80</v>
      </c>
      <c r="S22505">
        <v>82</v>
      </c>
      <c r="T22505">
        <v>84</v>
      </c>
      <c r="U22505">
        <v>85</v>
      </c>
      <c r="V22505">
        <v>87</v>
      </c>
      <c r="W22505">
        <v>88</v>
      </c>
      <c r="X22505">
        <v>90</v>
      </c>
      <c r="Y22505">
        <v>92</v>
      </c>
      <c r="Z22505">
        <v>93</v>
      </c>
      <c r="AA22505">
        <v>95</v>
      </c>
      <c r="AB22505">
        <v>97</v>
      </c>
      <c r="AC22505">
        <v>98</v>
      </c>
      <c r="AD22505">
        <v>100</v>
      </c>
      <c r="AE22505">
        <v>102</v>
      </c>
      <c r="AF22505">
        <v>103</v>
      </c>
      <c r="AG22505">
        <v>105</v>
      </c>
      <c r="AH22505">
        <v>107</v>
      </c>
      <c r="AI22505">
        <v>109</v>
      </c>
      <c r="AJ22505">
        <v>110</v>
      </c>
      <c r="AK22505">
        <v>112</v>
      </c>
      <c r="AL22505">
        <v>113</v>
      </c>
      <c r="AM22505">
        <v>114</v>
      </c>
      <c r="AN22505">
        <v>115</v>
      </c>
      <c r="AO22505">
        <v>116</v>
      </c>
      <c r="AP22505">
        <v>117</v>
      </c>
      <c r="AQ22505">
        <v>118</v>
      </c>
    </row>
    <row r="22506" spans="1:43">
      <c r="A22506" t="s">
        <v>13943</v>
      </c>
      <c r="B22506" t="s">
        <v>13944</v>
      </c>
      <c r="C22506" t="s">
        <v>13945</v>
      </c>
      <c r="D22506" t="s">
        <v>13946</v>
      </c>
      <c r="E22506" t="s">
        <v>13885</v>
      </c>
      <c r="F22506" t="s">
        <v>13886</v>
      </c>
      <c r="G22506" t="s">
        <v>10734</v>
      </c>
      <c r="H22506" t="s">
        <v>10735</v>
      </c>
      <c r="I22506" s="2">
        <v>0</v>
      </c>
      <c r="J22506" s="2">
        <v>0</v>
      </c>
      <c r="K22506" s="2">
        <v>1</v>
      </c>
      <c r="L22506" t="s">
        <v>995</v>
      </c>
      <c r="M22506" t="s">
        <v>83</v>
      </c>
      <c r="N22506" t="s">
        <v>84</v>
      </c>
      <c r="O22506" t="s">
        <v>85</v>
      </c>
      <c r="P22506" t="s">
        <v>86</v>
      </c>
      <c r="Q22506">
        <v>24</v>
      </c>
      <c r="R22506">
        <v>25</v>
      </c>
      <c r="S22506">
        <v>25</v>
      </c>
      <c r="T22506">
        <v>26</v>
      </c>
      <c r="U22506">
        <v>26</v>
      </c>
      <c r="V22506">
        <v>27</v>
      </c>
      <c r="W22506">
        <v>27</v>
      </c>
      <c r="X22506">
        <v>28</v>
      </c>
      <c r="Y22506">
        <v>28</v>
      </c>
      <c r="Z22506">
        <v>29</v>
      </c>
      <c r="AA22506">
        <v>29</v>
      </c>
      <c r="AB22506">
        <v>30</v>
      </c>
      <c r="AC22506">
        <v>30</v>
      </c>
      <c r="AD22506">
        <v>31</v>
      </c>
      <c r="AE22506">
        <v>32</v>
      </c>
      <c r="AF22506">
        <v>32</v>
      </c>
      <c r="AG22506">
        <v>33</v>
      </c>
      <c r="AH22506">
        <v>33</v>
      </c>
      <c r="AI22506">
        <v>34</v>
      </c>
      <c r="AJ22506">
        <v>34</v>
      </c>
      <c r="AK22506">
        <v>35</v>
      </c>
      <c r="AL22506">
        <v>35</v>
      </c>
      <c r="AM22506">
        <v>36</v>
      </c>
      <c r="AN22506">
        <v>36</v>
      </c>
      <c r="AO22506">
        <v>36</v>
      </c>
      <c r="AP22506">
        <v>36</v>
      </c>
      <c r="AQ22506">
        <v>37</v>
      </c>
    </row>
    <row r="22507" spans="1:43">
      <c r="A22507" t="s">
        <v>13943</v>
      </c>
      <c r="B22507" t="s">
        <v>13944</v>
      </c>
      <c r="C22507" t="s">
        <v>13945</v>
      </c>
      <c r="D22507" t="s">
        <v>13946</v>
      </c>
      <c r="E22507" t="s">
        <v>13885</v>
      </c>
      <c r="F22507" t="s">
        <v>13886</v>
      </c>
      <c r="G22507" t="s">
        <v>10734</v>
      </c>
      <c r="H22507" t="s">
        <v>10735</v>
      </c>
      <c r="I22507" s="2">
        <v>0</v>
      </c>
      <c r="J22507" s="2">
        <v>0</v>
      </c>
      <c r="K22507" s="2">
        <v>1</v>
      </c>
      <c r="L22507" t="s">
        <v>995</v>
      </c>
      <c r="M22507" t="s">
        <v>87</v>
      </c>
      <c r="N22507" t="s">
        <v>88</v>
      </c>
      <c r="O22507" t="s">
        <v>85</v>
      </c>
      <c r="P22507" t="s">
        <v>86</v>
      </c>
      <c r="Q22507">
        <v>24</v>
      </c>
      <c r="R22507">
        <v>24</v>
      </c>
      <c r="S22507">
        <v>25</v>
      </c>
      <c r="T22507">
        <v>25</v>
      </c>
      <c r="U22507">
        <v>25</v>
      </c>
      <c r="V22507">
        <v>25</v>
      </c>
      <c r="W22507">
        <v>26</v>
      </c>
      <c r="X22507">
        <v>26</v>
      </c>
      <c r="Y22507">
        <v>26</v>
      </c>
      <c r="Z22507">
        <v>27</v>
      </c>
      <c r="AA22507">
        <v>27</v>
      </c>
      <c r="AB22507">
        <v>27</v>
      </c>
      <c r="AC22507">
        <v>27</v>
      </c>
      <c r="AD22507">
        <v>28</v>
      </c>
      <c r="AE22507">
        <v>28</v>
      </c>
      <c r="AF22507">
        <v>28</v>
      </c>
      <c r="AG22507">
        <v>29</v>
      </c>
      <c r="AH22507">
        <v>29</v>
      </c>
      <c r="AI22507">
        <v>29</v>
      </c>
      <c r="AJ22507">
        <v>30</v>
      </c>
      <c r="AK22507">
        <v>30</v>
      </c>
      <c r="AL22507">
        <v>30</v>
      </c>
      <c r="AM22507">
        <v>30</v>
      </c>
      <c r="AN22507">
        <v>31</v>
      </c>
      <c r="AO22507">
        <v>31</v>
      </c>
      <c r="AP22507">
        <v>32</v>
      </c>
      <c r="AQ22507">
        <v>32</v>
      </c>
    </row>
    <row r="22508" spans="1:43">
      <c r="A22508" t="s">
        <v>13943</v>
      </c>
      <c r="B22508" t="s">
        <v>13944</v>
      </c>
      <c r="C22508" t="s">
        <v>13945</v>
      </c>
      <c r="D22508" t="s">
        <v>13946</v>
      </c>
      <c r="E22508" t="s">
        <v>13885</v>
      </c>
      <c r="F22508" t="s">
        <v>13886</v>
      </c>
      <c r="G22508" t="s">
        <v>10734</v>
      </c>
      <c r="H22508" t="s">
        <v>10735</v>
      </c>
      <c r="I22508" s="2">
        <v>0</v>
      </c>
      <c r="J22508" s="2">
        <v>0</v>
      </c>
      <c r="K22508" s="2">
        <v>1</v>
      </c>
      <c r="L22508" t="s">
        <v>995</v>
      </c>
      <c r="M22508" t="s">
        <v>89</v>
      </c>
      <c r="N22508" t="s">
        <v>90</v>
      </c>
      <c r="O22508" t="s">
        <v>85</v>
      </c>
      <c r="P22508" t="s">
        <v>86</v>
      </c>
      <c r="Q22508">
        <v>24</v>
      </c>
      <c r="R22508">
        <v>24</v>
      </c>
      <c r="S22508">
        <v>25</v>
      </c>
      <c r="T22508">
        <v>26</v>
      </c>
      <c r="U22508">
        <v>26</v>
      </c>
      <c r="V22508">
        <v>27</v>
      </c>
      <c r="W22508">
        <v>28</v>
      </c>
      <c r="X22508">
        <v>28</v>
      </c>
      <c r="Y22508">
        <v>29</v>
      </c>
      <c r="Z22508">
        <v>30</v>
      </c>
      <c r="AA22508">
        <v>30</v>
      </c>
      <c r="AB22508">
        <v>31</v>
      </c>
      <c r="AC22508">
        <v>32</v>
      </c>
      <c r="AD22508">
        <v>32</v>
      </c>
      <c r="AE22508">
        <v>33</v>
      </c>
      <c r="AF22508">
        <v>33</v>
      </c>
      <c r="AG22508">
        <v>33</v>
      </c>
      <c r="AH22508">
        <v>34</v>
      </c>
      <c r="AI22508">
        <v>34</v>
      </c>
      <c r="AJ22508">
        <v>34</v>
      </c>
      <c r="AK22508">
        <v>34</v>
      </c>
      <c r="AL22508">
        <v>35</v>
      </c>
      <c r="AM22508">
        <v>35</v>
      </c>
      <c r="AN22508">
        <v>35</v>
      </c>
      <c r="AO22508">
        <v>35</v>
      </c>
      <c r="AP22508">
        <v>36</v>
      </c>
      <c r="AQ22508">
        <v>36</v>
      </c>
    </row>
    <row r="22509" spans="1:43">
      <c r="A22509" t="s">
        <v>13943</v>
      </c>
      <c r="B22509" t="s">
        <v>13944</v>
      </c>
      <c r="C22509" t="s">
        <v>13945</v>
      </c>
      <c r="D22509" t="s">
        <v>13946</v>
      </c>
      <c r="E22509" t="s">
        <v>13885</v>
      </c>
      <c r="F22509" t="s">
        <v>13886</v>
      </c>
      <c r="G22509" t="s">
        <v>10734</v>
      </c>
      <c r="H22509" t="s">
        <v>10735</v>
      </c>
      <c r="I22509" s="2">
        <v>0</v>
      </c>
      <c r="J22509" s="2">
        <v>0</v>
      </c>
      <c r="K22509" s="2">
        <v>1</v>
      </c>
      <c r="L22509" t="s">
        <v>995</v>
      </c>
      <c r="M22509" t="s">
        <v>83</v>
      </c>
      <c r="N22509" t="s">
        <v>91</v>
      </c>
      <c r="O22509" t="s">
        <v>85</v>
      </c>
      <c r="P22509" t="s">
        <v>86</v>
      </c>
      <c r="Q22509">
        <v>24</v>
      </c>
      <c r="R22509">
        <v>25</v>
      </c>
      <c r="S22509">
        <v>25</v>
      </c>
      <c r="T22509">
        <v>26</v>
      </c>
      <c r="U22509">
        <v>26</v>
      </c>
      <c r="V22509">
        <v>27</v>
      </c>
      <c r="W22509">
        <v>27</v>
      </c>
      <c r="X22509">
        <v>28</v>
      </c>
      <c r="Y22509">
        <v>28</v>
      </c>
      <c r="Z22509">
        <v>29</v>
      </c>
      <c r="AA22509">
        <v>29</v>
      </c>
      <c r="AB22509">
        <v>30</v>
      </c>
      <c r="AC22509">
        <v>30</v>
      </c>
      <c r="AD22509">
        <v>31</v>
      </c>
      <c r="AE22509">
        <v>32</v>
      </c>
      <c r="AF22509">
        <v>32</v>
      </c>
      <c r="AG22509">
        <v>33</v>
      </c>
      <c r="AH22509">
        <v>33</v>
      </c>
      <c r="AI22509">
        <v>34</v>
      </c>
      <c r="AJ22509">
        <v>34</v>
      </c>
      <c r="AK22509">
        <v>35</v>
      </c>
      <c r="AL22509">
        <v>35</v>
      </c>
      <c r="AM22509">
        <v>36</v>
      </c>
      <c r="AN22509">
        <v>36</v>
      </c>
      <c r="AO22509">
        <v>36</v>
      </c>
      <c r="AP22509">
        <v>36</v>
      </c>
      <c r="AQ22509">
        <v>37</v>
      </c>
    </row>
    <row r="22510" spans="1:43">
      <c r="A22510" t="s">
        <v>13947</v>
      </c>
      <c r="B22510" t="s">
        <v>13948</v>
      </c>
      <c r="C22510" t="s">
        <v>13945</v>
      </c>
      <c r="D22510" t="s">
        <v>13946</v>
      </c>
      <c r="E22510" t="s">
        <v>13885</v>
      </c>
      <c r="F22510" t="s">
        <v>13886</v>
      </c>
      <c r="G22510" t="s">
        <v>10734</v>
      </c>
      <c r="H22510" t="s">
        <v>10735</v>
      </c>
      <c r="I22510" s="2">
        <v>0</v>
      </c>
      <c r="J22510" s="2">
        <v>0</v>
      </c>
      <c r="K22510" s="2">
        <v>1</v>
      </c>
      <c r="L22510" t="s">
        <v>995</v>
      </c>
      <c r="M22510" t="s">
        <v>83</v>
      </c>
      <c r="N22510" t="s">
        <v>84</v>
      </c>
      <c r="O22510" t="s">
        <v>85</v>
      </c>
      <c r="P22510" t="s">
        <v>86</v>
      </c>
      <c r="Q22510">
        <v>46</v>
      </c>
      <c r="R22510">
        <v>47</v>
      </c>
      <c r="S22510">
        <v>48</v>
      </c>
      <c r="T22510">
        <v>49</v>
      </c>
      <c r="U22510">
        <v>50</v>
      </c>
      <c r="V22510">
        <v>51</v>
      </c>
      <c r="W22510">
        <v>52</v>
      </c>
      <c r="X22510">
        <v>53</v>
      </c>
      <c r="Y22510">
        <v>54</v>
      </c>
      <c r="Z22510">
        <v>55</v>
      </c>
      <c r="AA22510">
        <v>56</v>
      </c>
      <c r="AB22510">
        <v>57</v>
      </c>
      <c r="AC22510">
        <v>58</v>
      </c>
      <c r="AD22510">
        <v>59</v>
      </c>
      <c r="AE22510">
        <v>60</v>
      </c>
      <c r="AF22510">
        <v>61</v>
      </c>
      <c r="AG22510">
        <v>62</v>
      </c>
      <c r="AH22510">
        <v>63</v>
      </c>
      <c r="AI22510">
        <v>64</v>
      </c>
      <c r="AJ22510">
        <v>65</v>
      </c>
      <c r="AK22510">
        <v>66</v>
      </c>
      <c r="AL22510">
        <v>67</v>
      </c>
      <c r="AM22510">
        <v>68</v>
      </c>
      <c r="AN22510">
        <v>68</v>
      </c>
      <c r="AO22510">
        <v>69</v>
      </c>
      <c r="AP22510">
        <v>69</v>
      </c>
      <c r="AQ22510">
        <v>70</v>
      </c>
    </row>
    <row r="22511" spans="1:43">
      <c r="A22511" t="s">
        <v>13947</v>
      </c>
      <c r="B22511" t="s">
        <v>13948</v>
      </c>
      <c r="C22511" t="s">
        <v>13945</v>
      </c>
      <c r="D22511" t="s">
        <v>13946</v>
      </c>
      <c r="E22511" t="s">
        <v>13885</v>
      </c>
      <c r="F22511" t="s">
        <v>13886</v>
      </c>
      <c r="G22511" t="s">
        <v>10734</v>
      </c>
      <c r="H22511" t="s">
        <v>10735</v>
      </c>
      <c r="I22511" s="2">
        <v>0</v>
      </c>
      <c r="J22511" s="2">
        <v>0</v>
      </c>
      <c r="K22511" s="2">
        <v>1</v>
      </c>
      <c r="L22511" t="s">
        <v>995</v>
      </c>
      <c r="M22511" t="s">
        <v>87</v>
      </c>
      <c r="N22511" t="s">
        <v>88</v>
      </c>
      <c r="O22511" t="s">
        <v>85</v>
      </c>
      <c r="P22511" t="s">
        <v>86</v>
      </c>
      <c r="Q22511">
        <v>46</v>
      </c>
      <c r="R22511">
        <v>46</v>
      </c>
      <c r="S22511">
        <v>47</v>
      </c>
      <c r="T22511">
        <v>47</v>
      </c>
      <c r="U22511">
        <v>48</v>
      </c>
      <c r="V22511">
        <v>48</v>
      </c>
      <c r="W22511">
        <v>49</v>
      </c>
      <c r="X22511">
        <v>49</v>
      </c>
      <c r="Y22511">
        <v>50</v>
      </c>
      <c r="Z22511">
        <v>50</v>
      </c>
      <c r="AA22511">
        <v>51</v>
      </c>
      <c r="AB22511">
        <v>51</v>
      </c>
      <c r="AC22511">
        <v>52</v>
      </c>
      <c r="AD22511">
        <v>53</v>
      </c>
      <c r="AE22511">
        <v>53</v>
      </c>
      <c r="AF22511">
        <v>54</v>
      </c>
      <c r="AG22511">
        <v>54</v>
      </c>
      <c r="AH22511">
        <v>55</v>
      </c>
      <c r="AI22511">
        <v>55</v>
      </c>
      <c r="AJ22511">
        <v>56</v>
      </c>
      <c r="AK22511">
        <v>57</v>
      </c>
      <c r="AL22511">
        <v>57</v>
      </c>
      <c r="AM22511">
        <v>58</v>
      </c>
      <c r="AN22511">
        <v>59</v>
      </c>
      <c r="AO22511">
        <v>59</v>
      </c>
      <c r="AP22511">
        <v>60</v>
      </c>
      <c r="AQ22511">
        <v>61</v>
      </c>
    </row>
    <row r="22512" spans="1:43">
      <c r="A22512" t="s">
        <v>13947</v>
      </c>
      <c r="B22512" t="s">
        <v>13948</v>
      </c>
      <c r="C22512" t="s">
        <v>13945</v>
      </c>
      <c r="D22512" t="s">
        <v>13946</v>
      </c>
      <c r="E22512" t="s">
        <v>13885</v>
      </c>
      <c r="F22512" t="s">
        <v>13886</v>
      </c>
      <c r="G22512" t="s">
        <v>10734</v>
      </c>
      <c r="H22512" t="s">
        <v>10735</v>
      </c>
      <c r="I22512" s="2">
        <v>0</v>
      </c>
      <c r="J22512" s="2">
        <v>0</v>
      </c>
      <c r="K22512" s="2">
        <v>1</v>
      </c>
      <c r="L22512" t="s">
        <v>995</v>
      </c>
      <c r="M22512" t="s">
        <v>89</v>
      </c>
      <c r="N22512" t="s">
        <v>90</v>
      </c>
      <c r="O22512" t="s">
        <v>85</v>
      </c>
      <c r="P22512" t="s">
        <v>86</v>
      </c>
      <c r="Q22512">
        <v>46</v>
      </c>
      <c r="R22512">
        <v>47</v>
      </c>
      <c r="S22512">
        <v>48</v>
      </c>
      <c r="T22512">
        <v>50</v>
      </c>
      <c r="U22512">
        <v>51</v>
      </c>
      <c r="V22512">
        <v>52</v>
      </c>
      <c r="W22512">
        <v>54</v>
      </c>
      <c r="X22512">
        <v>55</v>
      </c>
      <c r="Y22512">
        <v>56</v>
      </c>
      <c r="Z22512">
        <v>57</v>
      </c>
      <c r="AA22512">
        <v>58</v>
      </c>
      <c r="AB22512">
        <v>60</v>
      </c>
      <c r="AC22512">
        <v>61</v>
      </c>
      <c r="AD22512">
        <v>62</v>
      </c>
      <c r="AE22512">
        <v>63</v>
      </c>
      <c r="AF22512">
        <v>64</v>
      </c>
      <c r="AG22512">
        <v>64</v>
      </c>
      <c r="AH22512">
        <v>65</v>
      </c>
      <c r="AI22512">
        <v>65</v>
      </c>
      <c r="AJ22512">
        <v>66</v>
      </c>
      <c r="AK22512">
        <v>66</v>
      </c>
      <c r="AL22512">
        <v>67</v>
      </c>
      <c r="AM22512">
        <v>67</v>
      </c>
      <c r="AN22512">
        <v>68</v>
      </c>
      <c r="AO22512">
        <v>68</v>
      </c>
      <c r="AP22512">
        <v>69</v>
      </c>
      <c r="AQ22512">
        <v>69</v>
      </c>
    </row>
    <row r="22513" spans="1:43">
      <c r="A22513" t="s">
        <v>13947</v>
      </c>
      <c r="B22513" t="s">
        <v>13948</v>
      </c>
      <c r="C22513" t="s">
        <v>13945</v>
      </c>
      <c r="D22513" t="s">
        <v>13946</v>
      </c>
      <c r="E22513" t="s">
        <v>13885</v>
      </c>
      <c r="F22513" t="s">
        <v>13886</v>
      </c>
      <c r="G22513" t="s">
        <v>10734</v>
      </c>
      <c r="H22513" t="s">
        <v>10735</v>
      </c>
      <c r="I22513" s="2">
        <v>0</v>
      </c>
      <c r="J22513" s="2">
        <v>0</v>
      </c>
      <c r="K22513" s="2">
        <v>1</v>
      </c>
      <c r="L22513" t="s">
        <v>995</v>
      </c>
      <c r="M22513" t="s">
        <v>83</v>
      </c>
      <c r="N22513" t="s">
        <v>91</v>
      </c>
      <c r="O22513" t="s">
        <v>85</v>
      </c>
      <c r="P22513" t="s">
        <v>86</v>
      </c>
      <c r="Q22513">
        <v>46</v>
      </c>
      <c r="R22513">
        <v>47</v>
      </c>
      <c r="S22513">
        <v>48</v>
      </c>
      <c r="T22513">
        <v>49</v>
      </c>
      <c r="U22513">
        <v>50</v>
      </c>
      <c r="V22513">
        <v>51</v>
      </c>
      <c r="W22513">
        <v>52</v>
      </c>
      <c r="X22513">
        <v>53</v>
      </c>
      <c r="Y22513">
        <v>54</v>
      </c>
      <c r="Z22513">
        <v>55</v>
      </c>
      <c r="AA22513">
        <v>56</v>
      </c>
      <c r="AB22513">
        <v>57</v>
      </c>
      <c r="AC22513">
        <v>58</v>
      </c>
      <c r="AD22513">
        <v>59</v>
      </c>
      <c r="AE22513">
        <v>60</v>
      </c>
      <c r="AF22513">
        <v>61</v>
      </c>
      <c r="AG22513">
        <v>62</v>
      </c>
      <c r="AH22513">
        <v>63</v>
      </c>
      <c r="AI22513">
        <v>64</v>
      </c>
      <c r="AJ22513">
        <v>65</v>
      </c>
      <c r="AK22513">
        <v>66</v>
      </c>
      <c r="AL22513">
        <v>67</v>
      </c>
      <c r="AM22513">
        <v>68</v>
      </c>
      <c r="AN22513">
        <v>68</v>
      </c>
      <c r="AO22513">
        <v>69</v>
      </c>
      <c r="AP22513">
        <v>69</v>
      </c>
      <c r="AQ22513">
        <v>70</v>
      </c>
    </row>
    <row r="22514" spans="1:43">
      <c r="A22514" t="s">
        <v>13949</v>
      </c>
      <c r="B22514" t="s">
        <v>13950</v>
      </c>
      <c r="C22514" t="s">
        <v>13945</v>
      </c>
      <c r="D22514" t="s">
        <v>13946</v>
      </c>
      <c r="E22514" t="s">
        <v>13885</v>
      </c>
      <c r="F22514" t="s">
        <v>13886</v>
      </c>
      <c r="G22514" t="s">
        <v>10734</v>
      </c>
      <c r="H22514" t="s">
        <v>10735</v>
      </c>
      <c r="I22514" s="2">
        <v>0</v>
      </c>
      <c r="J22514" s="2">
        <v>0</v>
      </c>
      <c r="K22514" s="2">
        <v>1</v>
      </c>
      <c r="L22514" t="s">
        <v>995</v>
      </c>
      <c r="M22514" t="s">
        <v>83</v>
      </c>
      <c r="N22514" t="s">
        <v>84</v>
      </c>
      <c r="O22514" t="s">
        <v>85</v>
      </c>
      <c r="P22514" t="s">
        <v>86</v>
      </c>
      <c r="Q22514">
        <v>28</v>
      </c>
      <c r="R22514">
        <v>29</v>
      </c>
      <c r="S22514">
        <v>30</v>
      </c>
      <c r="T22514">
        <v>30</v>
      </c>
      <c r="U22514">
        <v>31</v>
      </c>
      <c r="V22514">
        <v>31</v>
      </c>
      <c r="W22514">
        <v>32</v>
      </c>
      <c r="X22514">
        <v>33</v>
      </c>
      <c r="Y22514">
        <v>33</v>
      </c>
      <c r="Z22514">
        <v>34</v>
      </c>
      <c r="AA22514">
        <v>34</v>
      </c>
      <c r="AB22514">
        <v>35</v>
      </c>
      <c r="AC22514">
        <v>36</v>
      </c>
      <c r="AD22514">
        <v>36</v>
      </c>
      <c r="AE22514">
        <v>37</v>
      </c>
      <c r="AF22514">
        <v>38</v>
      </c>
      <c r="AG22514">
        <v>38</v>
      </c>
      <c r="AH22514">
        <v>39</v>
      </c>
      <c r="AI22514">
        <v>40</v>
      </c>
      <c r="AJ22514">
        <v>40</v>
      </c>
      <c r="AK22514">
        <v>41</v>
      </c>
      <c r="AL22514">
        <v>41</v>
      </c>
      <c r="AM22514">
        <v>42</v>
      </c>
      <c r="AN22514">
        <v>42</v>
      </c>
      <c r="AO22514">
        <v>42</v>
      </c>
      <c r="AP22514">
        <v>43</v>
      </c>
      <c r="AQ22514">
        <v>43</v>
      </c>
    </row>
    <row r="22515" spans="1:43">
      <c r="A22515" t="s">
        <v>13949</v>
      </c>
      <c r="B22515" t="s">
        <v>13950</v>
      </c>
      <c r="C22515" t="s">
        <v>13945</v>
      </c>
      <c r="D22515" t="s">
        <v>13946</v>
      </c>
      <c r="E22515" t="s">
        <v>13885</v>
      </c>
      <c r="F22515" t="s">
        <v>13886</v>
      </c>
      <c r="G22515" t="s">
        <v>10734</v>
      </c>
      <c r="H22515" t="s">
        <v>10735</v>
      </c>
      <c r="I22515" s="2">
        <v>0</v>
      </c>
      <c r="J22515" s="2">
        <v>0</v>
      </c>
      <c r="K22515" s="2">
        <v>1</v>
      </c>
      <c r="L22515" t="s">
        <v>995</v>
      </c>
      <c r="M22515" t="s">
        <v>87</v>
      </c>
      <c r="N22515" t="s">
        <v>88</v>
      </c>
      <c r="O22515" t="s">
        <v>85</v>
      </c>
      <c r="P22515" t="s">
        <v>86</v>
      </c>
      <c r="Q22515">
        <v>28</v>
      </c>
      <c r="R22515">
        <v>29</v>
      </c>
      <c r="S22515">
        <v>29</v>
      </c>
      <c r="T22515">
        <v>29</v>
      </c>
      <c r="U22515">
        <v>29</v>
      </c>
      <c r="V22515">
        <v>30</v>
      </c>
      <c r="W22515">
        <v>30</v>
      </c>
      <c r="X22515">
        <v>30</v>
      </c>
      <c r="Y22515">
        <v>31</v>
      </c>
      <c r="Z22515">
        <v>31</v>
      </c>
      <c r="AA22515">
        <v>31</v>
      </c>
      <c r="AB22515">
        <v>32</v>
      </c>
      <c r="AC22515">
        <v>32</v>
      </c>
      <c r="AD22515">
        <v>32</v>
      </c>
      <c r="AE22515">
        <v>33</v>
      </c>
      <c r="AF22515">
        <v>33</v>
      </c>
      <c r="AG22515">
        <v>33</v>
      </c>
      <c r="AH22515">
        <v>34</v>
      </c>
      <c r="AI22515">
        <v>34</v>
      </c>
      <c r="AJ22515">
        <v>35</v>
      </c>
      <c r="AK22515">
        <v>35</v>
      </c>
      <c r="AL22515">
        <v>35</v>
      </c>
      <c r="AM22515">
        <v>36</v>
      </c>
      <c r="AN22515">
        <v>36</v>
      </c>
      <c r="AO22515">
        <v>37</v>
      </c>
      <c r="AP22515">
        <v>37</v>
      </c>
      <c r="AQ22515">
        <v>37</v>
      </c>
    </row>
    <row r="22516" spans="1:43">
      <c r="A22516" t="s">
        <v>13949</v>
      </c>
      <c r="B22516" t="s">
        <v>13950</v>
      </c>
      <c r="C22516" t="s">
        <v>13945</v>
      </c>
      <c r="D22516" t="s">
        <v>13946</v>
      </c>
      <c r="E22516" t="s">
        <v>13885</v>
      </c>
      <c r="F22516" t="s">
        <v>13886</v>
      </c>
      <c r="G22516" t="s">
        <v>10734</v>
      </c>
      <c r="H22516" t="s">
        <v>10735</v>
      </c>
      <c r="I22516" s="2">
        <v>0</v>
      </c>
      <c r="J22516" s="2">
        <v>0</v>
      </c>
      <c r="K22516" s="2">
        <v>1</v>
      </c>
      <c r="L22516" t="s">
        <v>995</v>
      </c>
      <c r="M22516" t="s">
        <v>89</v>
      </c>
      <c r="N22516" t="s">
        <v>90</v>
      </c>
      <c r="O22516" t="s">
        <v>85</v>
      </c>
      <c r="P22516" t="s">
        <v>86</v>
      </c>
      <c r="Q22516">
        <v>28</v>
      </c>
      <c r="R22516">
        <v>29</v>
      </c>
      <c r="S22516">
        <v>29</v>
      </c>
      <c r="T22516">
        <v>30</v>
      </c>
      <c r="U22516">
        <v>31</v>
      </c>
      <c r="V22516">
        <v>32</v>
      </c>
      <c r="W22516">
        <v>33</v>
      </c>
      <c r="X22516">
        <v>33</v>
      </c>
      <c r="Y22516">
        <v>34</v>
      </c>
      <c r="Z22516">
        <v>35</v>
      </c>
      <c r="AA22516">
        <v>36</v>
      </c>
      <c r="AB22516">
        <v>36</v>
      </c>
      <c r="AC22516">
        <v>37</v>
      </c>
      <c r="AD22516">
        <v>38</v>
      </c>
      <c r="AE22516">
        <v>39</v>
      </c>
      <c r="AF22516">
        <v>39</v>
      </c>
      <c r="AG22516">
        <v>39</v>
      </c>
      <c r="AH22516">
        <v>39</v>
      </c>
      <c r="AI22516">
        <v>40</v>
      </c>
      <c r="AJ22516">
        <v>40</v>
      </c>
      <c r="AK22516">
        <v>40</v>
      </c>
      <c r="AL22516">
        <v>41</v>
      </c>
      <c r="AM22516">
        <v>41</v>
      </c>
      <c r="AN22516">
        <v>41</v>
      </c>
      <c r="AO22516">
        <v>42</v>
      </c>
      <c r="AP22516">
        <v>42</v>
      </c>
      <c r="AQ22516">
        <v>42</v>
      </c>
    </row>
    <row r="22517" spans="1:43">
      <c r="A22517" t="s">
        <v>13949</v>
      </c>
      <c r="B22517" t="s">
        <v>13950</v>
      </c>
      <c r="C22517" t="s">
        <v>13945</v>
      </c>
      <c r="D22517" t="s">
        <v>13946</v>
      </c>
      <c r="E22517" t="s">
        <v>13885</v>
      </c>
      <c r="F22517" t="s">
        <v>13886</v>
      </c>
      <c r="G22517" t="s">
        <v>10734</v>
      </c>
      <c r="H22517" t="s">
        <v>10735</v>
      </c>
      <c r="I22517" s="2">
        <v>0</v>
      </c>
      <c r="J22517" s="2">
        <v>0</v>
      </c>
      <c r="K22517" s="2">
        <v>1</v>
      </c>
      <c r="L22517" t="s">
        <v>995</v>
      </c>
      <c r="M22517" t="s">
        <v>83</v>
      </c>
      <c r="N22517" t="s">
        <v>91</v>
      </c>
      <c r="O22517" t="s">
        <v>85</v>
      </c>
      <c r="P22517" t="s">
        <v>86</v>
      </c>
      <c r="Q22517">
        <v>28</v>
      </c>
      <c r="R22517">
        <v>29</v>
      </c>
      <c r="S22517">
        <v>30</v>
      </c>
      <c r="T22517">
        <v>30</v>
      </c>
      <c r="U22517">
        <v>31</v>
      </c>
      <c r="V22517">
        <v>31</v>
      </c>
      <c r="W22517">
        <v>32</v>
      </c>
      <c r="X22517">
        <v>33</v>
      </c>
      <c r="Y22517">
        <v>33</v>
      </c>
      <c r="Z22517">
        <v>34</v>
      </c>
      <c r="AA22517">
        <v>34</v>
      </c>
      <c r="AB22517">
        <v>35</v>
      </c>
      <c r="AC22517">
        <v>36</v>
      </c>
      <c r="AD22517">
        <v>36</v>
      </c>
      <c r="AE22517">
        <v>37</v>
      </c>
      <c r="AF22517">
        <v>38</v>
      </c>
      <c r="AG22517">
        <v>38</v>
      </c>
      <c r="AH22517">
        <v>39</v>
      </c>
      <c r="AI22517">
        <v>40</v>
      </c>
      <c r="AJ22517">
        <v>40</v>
      </c>
      <c r="AK22517">
        <v>41</v>
      </c>
      <c r="AL22517">
        <v>41</v>
      </c>
      <c r="AM22517">
        <v>42</v>
      </c>
      <c r="AN22517">
        <v>42</v>
      </c>
      <c r="AO22517">
        <v>42</v>
      </c>
      <c r="AP22517">
        <v>43</v>
      </c>
      <c r="AQ22517">
        <v>43</v>
      </c>
    </row>
    <row r="22518" spans="1:43">
      <c r="A22518" t="s">
        <v>13951</v>
      </c>
      <c r="B22518" t="s">
        <v>13952</v>
      </c>
      <c r="C22518" t="s">
        <v>13945</v>
      </c>
      <c r="D22518" t="s">
        <v>13946</v>
      </c>
      <c r="E22518" t="s">
        <v>13885</v>
      </c>
      <c r="F22518" t="s">
        <v>13886</v>
      </c>
      <c r="G22518" t="s">
        <v>10734</v>
      </c>
      <c r="H22518" t="s">
        <v>10735</v>
      </c>
      <c r="I22518" s="2">
        <v>0</v>
      </c>
      <c r="J22518" s="2">
        <v>0</v>
      </c>
      <c r="K22518" s="2">
        <v>1</v>
      </c>
      <c r="L22518" t="s">
        <v>995</v>
      </c>
      <c r="M22518" t="s">
        <v>83</v>
      </c>
      <c r="N22518" t="s">
        <v>84</v>
      </c>
      <c r="O22518" t="s">
        <v>85</v>
      </c>
      <c r="P22518" t="s">
        <v>86</v>
      </c>
      <c r="Q22518">
        <v>14</v>
      </c>
      <c r="R22518">
        <v>14</v>
      </c>
      <c r="S22518">
        <v>14</v>
      </c>
      <c r="T22518">
        <v>15</v>
      </c>
      <c r="U22518">
        <v>15</v>
      </c>
      <c r="V22518">
        <v>15</v>
      </c>
      <c r="W22518">
        <v>16</v>
      </c>
      <c r="X22518">
        <v>16</v>
      </c>
      <c r="Y22518">
        <v>16</v>
      </c>
      <c r="Z22518">
        <v>16</v>
      </c>
      <c r="AA22518">
        <v>17</v>
      </c>
      <c r="AB22518">
        <v>17</v>
      </c>
      <c r="AC22518">
        <v>17</v>
      </c>
      <c r="AD22518">
        <v>18</v>
      </c>
      <c r="AE22518">
        <v>18</v>
      </c>
      <c r="AF22518">
        <v>18</v>
      </c>
      <c r="AG22518">
        <v>19</v>
      </c>
      <c r="AH22518">
        <v>19</v>
      </c>
      <c r="AI22518">
        <v>19</v>
      </c>
      <c r="AJ22518">
        <v>19</v>
      </c>
      <c r="AK22518">
        <v>20</v>
      </c>
      <c r="AL22518">
        <v>20</v>
      </c>
      <c r="AM22518">
        <v>20</v>
      </c>
      <c r="AN22518">
        <v>20</v>
      </c>
      <c r="AO22518">
        <v>21</v>
      </c>
      <c r="AP22518">
        <v>21</v>
      </c>
      <c r="AQ22518">
        <v>21</v>
      </c>
    </row>
    <row r="22519" spans="1:43">
      <c r="A22519" t="s">
        <v>13951</v>
      </c>
      <c r="B22519" t="s">
        <v>13952</v>
      </c>
      <c r="C22519" t="s">
        <v>13945</v>
      </c>
      <c r="D22519" t="s">
        <v>13946</v>
      </c>
      <c r="E22519" t="s">
        <v>13885</v>
      </c>
      <c r="F22519" t="s">
        <v>13886</v>
      </c>
      <c r="G22519" t="s">
        <v>10734</v>
      </c>
      <c r="H22519" t="s">
        <v>10735</v>
      </c>
      <c r="I22519" s="2">
        <v>0</v>
      </c>
      <c r="J22519" s="2">
        <v>0</v>
      </c>
      <c r="K22519" s="2">
        <v>1</v>
      </c>
      <c r="L22519" t="s">
        <v>995</v>
      </c>
      <c r="M22519" t="s">
        <v>87</v>
      </c>
      <c r="N22519" t="s">
        <v>88</v>
      </c>
      <c r="O22519" t="s">
        <v>85</v>
      </c>
      <c r="P22519" t="s">
        <v>86</v>
      </c>
      <c r="Q22519">
        <v>14</v>
      </c>
      <c r="R22519">
        <v>14</v>
      </c>
      <c r="S22519">
        <v>14</v>
      </c>
      <c r="T22519">
        <v>14</v>
      </c>
      <c r="U22519">
        <v>14</v>
      </c>
      <c r="V22519">
        <v>14</v>
      </c>
      <c r="W22519">
        <v>15</v>
      </c>
      <c r="X22519">
        <v>15</v>
      </c>
      <c r="Y22519">
        <v>15</v>
      </c>
      <c r="Z22519">
        <v>15</v>
      </c>
      <c r="AA22519">
        <v>15</v>
      </c>
      <c r="AB22519">
        <v>15</v>
      </c>
      <c r="AC22519">
        <v>16</v>
      </c>
      <c r="AD22519">
        <v>16</v>
      </c>
      <c r="AE22519">
        <v>16</v>
      </c>
      <c r="AF22519">
        <v>16</v>
      </c>
      <c r="AG22519">
        <v>16</v>
      </c>
      <c r="AH22519">
        <v>16</v>
      </c>
      <c r="AI22519">
        <v>17</v>
      </c>
      <c r="AJ22519">
        <v>17</v>
      </c>
      <c r="AK22519">
        <v>17</v>
      </c>
      <c r="AL22519">
        <v>17</v>
      </c>
      <c r="AM22519">
        <v>17</v>
      </c>
      <c r="AN22519">
        <v>18</v>
      </c>
      <c r="AO22519">
        <v>18</v>
      </c>
      <c r="AP22519">
        <v>18</v>
      </c>
      <c r="AQ22519">
        <v>18</v>
      </c>
    </row>
    <row r="22520" spans="1:43">
      <c r="A22520" t="s">
        <v>13951</v>
      </c>
      <c r="B22520" t="s">
        <v>13952</v>
      </c>
      <c r="C22520" t="s">
        <v>13945</v>
      </c>
      <c r="D22520" t="s">
        <v>13946</v>
      </c>
      <c r="E22520" t="s">
        <v>13885</v>
      </c>
      <c r="F22520" t="s">
        <v>13886</v>
      </c>
      <c r="G22520" t="s">
        <v>10734</v>
      </c>
      <c r="H22520" t="s">
        <v>10735</v>
      </c>
      <c r="I22520" s="2">
        <v>0</v>
      </c>
      <c r="J22520" s="2">
        <v>0</v>
      </c>
      <c r="K22520" s="2">
        <v>1</v>
      </c>
      <c r="L22520" t="s">
        <v>995</v>
      </c>
      <c r="M22520" t="s">
        <v>89</v>
      </c>
      <c r="N22520" t="s">
        <v>90</v>
      </c>
      <c r="O22520" t="s">
        <v>85</v>
      </c>
      <c r="P22520" t="s">
        <v>86</v>
      </c>
      <c r="Q22520">
        <v>14</v>
      </c>
      <c r="R22520">
        <v>14</v>
      </c>
      <c r="S22520">
        <v>15</v>
      </c>
      <c r="T22520">
        <v>15</v>
      </c>
      <c r="U22520">
        <v>16</v>
      </c>
      <c r="V22520">
        <v>16</v>
      </c>
      <c r="W22520">
        <v>16</v>
      </c>
      <c r="X22520">
        <v>17</v>
      </c>
      <c r="Y22520">
        <v>17</v>
      </c>
      <c r="Z22520">
        <v>17</v>
      </c>
      <c r="AA22520">
        <v>18</v>
      </c>
      <c r="AB22520">
        <v>18</v>
      </c>
      <c r="AC22520">
        <v>19</v>
      </c>
      <c r="AD22520">
        <v>19</v>
      </c>
      <c r="AE22520">
        <v>19</v>
      </c>
      <c r="AF22520">
        <v>19</v>
      </c>
      <c r="AG22520">
        <v>19</v>
      </c>
      <c r="AH22520">
        <v>20</v>
      </c>
      <c r="AI22520">
        <v>20</v>
      </c>
      <c r="AJ22520">
        <v>20</v>
      </c>
      <c r="AK22520">
        <v>20</v>
      </c>
      <c r="AL22520">
        <v>20</v>
      </c>
      <c r="AM22520">
        <v>20</v>
      </c>
      <c r="AN22520">
        <v>21</v>
      </c>
      <c r="AO22520">
        <v>21</v>
      </c>
      <c r="AP22520">
        <v>21</v>
      </c>
      <c r="AQ22520">
        <v>21</v>
      </c>
    </row>
    <row r="22521" spans="1:43">
      <c r="A22521" t="s">
        <v>13951</v>
      </c>
      <c r="B22521" t="s">
        <v>13952</v>
      </c>
      <c r="C22521" t="s">
        <v>13945</v>
      </c>
      <c r="D22521" t="s">
        <v>13946</v>
      </c>
      <c r="E22521" t="s">
        <v>13885</v>
      </c>
      <c r="F22521" t="s">
        <v>13886</v>
      </c>
      <c r="G22521" t="s">
        <v>10734</v>
      </c>
      <c r="H22521" t="s">
        <v>10735</v>
      </c>
      <c r="I22521" s="2">
        <v>0</v>
      </c>
      <c r="J22521" s="2">
        <v>0</v>
      </c>
      <c r="K22521" s="2">
        <v>1</v>
      </c>
      <c r="L22521" t="s">
        <v>995</v>
      </c>
      <c r="M22521" t="s">
        <v>83</v>
      </c>
      <c r="N22521" t="s">
        <v>91</v>
      </c>
      <c r="O22521" t="s">
        <v>85</v>
      </c>
      <c r="P22521" t="s">
        <v>86</v>
      </c>
      <c r="Q22521">
        <v>14</v>
      </c>
      <c r="R22521">
        <v>14</v>
      </c>
      <c r="S22521">
        <v>14</v>
      </c>
      <c r="T22521">
        <v>15</v>
      </c>
      <c r="U22521">
        <v>15</v>
      </c>
      <c r="V22521">
        <v>15</v>
      </c>
      <c r="W22521">
        <v>16</v>
      </c>
      <c r="X22521">
        <v>16</v>
      </c>
      <c r="Y22521">
        <v>16</v>
      </c>
      <c r="Z22521">
        <v>16</v>
      </c>
      <c r="AA22521">
        <v>17</v>
      </c>
      <c r="AB22521">
        <v>17</v>
      </c>
      <c r="AC22521">
        <v>17</v>
      </c>
      <c r="AD22521">
        <v>18</v>
      </c>
      <c r="AE22521">
        <v>18</v>
      </c>
      <c r="AF22521">
        <v>18</v>
      </c>
      <c r="AG22521">
        <v>19</v>
      </c>
      <c r="AH22521">
        <v>19</v>
      </c>
      <c r="AI22521">
        <v>19</v>
      </c>
      <c r="AJ22521">
        <v>19</v>
      </c>
      <c r="AK22521">
        <v>20</v>
      </c>
      <c r="AL22521">
        <v>20</v>
      </c>
      <c r="AM22521">
        <v>20</v>
      </c>
      <c r="AN22521">
        <v>20</v>
      </c>
      <c r="AO22521">
        <v>21</v>
      </c>
      <c r="AP22521">
        <v>21</v>
      </c>
      <c r="AQ22521">
        <v>21</v>
      </c>
    </row>
    <row r="22522" spans="1:43">
      <c r="A22522" t="s">
        <v>13953</v>
      </c>
      <c r="B22522" t="s">
        <v>13954</v>
      </c>
      <c r="C22522" t="s">
        <v>13955</v>
      </c>
      <c r="D22522" t="s">
        <v>13956</v>
      </c>
      <c r="E22522" t="s">
        <v>13885</v>
      </c>
      <c r="F22522" t="s">
        <v>13886</v>
      </c>
      <c r="G22522" t="s">
        <v>10734</v>
      </c>
      <c r="H22522" t="s">
        <v>10735</v>
      </c>
      <c r="I22522" s="2">
        <v>0</v>
      </c>
      <c r="J22522" s="2">
        <v>0</v>
      </c>
      <c r="K22522" s="2">
        <v>1</v>
      </c>
      <c r="L22522" t="s">
        <v>995</v>
      </c>
      <c r="M22522" t="s">
        <v>83</v>
      </c>
      <c r="N22522" t="s">
        <v>84</v>
      </c>
      <c r="O22522" t="s">
        <v>85</v>
      </c>
      <c r="P22522" t="s">
        <v>86</v>
      </c>
      <c r="Q22522">
        <v>11</v>
      </c>
      <c r="R22522">
        <v>11</v>
      </c>
      <c r="S22522">
        <v>11</v>
      </c>
      <c r="T22522">
        <v>12</v>
      </c>
      <c r="U22522">
        <v>12</v>
      </c>
      <c r="V22522">
        <v>12</v>
      </c>
      <c r="W22522">
        <v>12</v>
      </c>
      <c r="X22522">
        <v>13</v>
      </c>
      <c r="Y22522">
        <v>13</v>
      </c>
      <c r="Z22522">
        <v>13</v>
      </c>
      <c r="AA22522">
        <v>13</v>
      </c>
      <c r="AB22522">
        <v>14</v>
      </c>
      <c r="AC22522">
        <v>14</v>
      </c>
      <c r="AD22522">
        <v>14</v>
      </c>
      <c r="AE22522">
        <v>14</v>
      </c>
      <c r="AF22522">
        <v>14</v>
      </c>
      <c r="AG22522">
        <v>15</v>
      </c>
      <c r="AH22522">
        <v>15</v>
      </c>
      <c r="AI22522">
        <v>15</v>
      </c>
      <c r="AJ22522">
        <v>15</v>
      </c>
      <c r="AK22522">
        <v>16</v>
      </c>
      <c r="AL22522">
        <v>16</v>
      </c>
      <c r="AM22522">
        <v>16</v>
      </c>
      <c r="AN22522">
        <v>16</v>
      </c>
      <c r="AO22522">
        <v>16</v>
      </c>
      <c r="AP22522">
        <v>16</v>
      </c>
      <c r="AQ22522">
        <v>16</v>
      </c>
    </row>
    <row r="22523" spans="1:43">
      <c r="A22523" t="s">
        <v>13953</v>
      </c>
      <c r="B22523" t="s">
        <v>13954</v>
      </c>
      <c r="C22523" t="s">
        <v>13955</v>
      </c>
      <c r="D22523" t="s">
        <v>13956</v>
      </c>
      <c r="E22523" t="s">
        <v>13885</v>
      </c>
      <c r="F22523" t="s">
        <v>13886</v>
      </c>
      <c r="G22523" t="s">
        <v>10734</v>
      </c>
      <c r="H22523" t="s">
        <v>10735</v>
      </c>
      <c r="I22523" s="2">
        <v>0</v>
      </c>
      <c r="J22523" s="2">
        <v>0</v>
      </c>
      <c r="K22523" s="2">
        <v>1</v>
      </c>
      <c r="L22523" t="s">
        <v>995</v>
      </c>
      <c r="M22523" t="s">
        <v>87</v>
      </c>
      <c r="N22523" t="s">
        <v>88</v>
      </c>
      <c r="O22523" t="s">
        <v>85</v>
      </c>
      <c r="P22523" t="s">
        <v>86</v>
      </c>
      <c r="Q22523">
        <v>11</v>
      </c>
      <c r="R22523">
        <v>11</v>
      </c>
      <c r="S22523">
        <v>11</v>
      </c>
      <c r="T22523">
        <v>11</v>
      </c>
      <c r="U22523">
        <v>11</v>
      </c>
      <c r="V22523">
        <v>12</v>
      </c>
      <c r="W22523">
        <v>12</v>
      </c>
      <c r="X22523">
        <v>12</v>
      </c>
      <c r="Y22523">
        <v>12</v>
      </c>
      <c r="Z22523">
        <v>12</v>
      </c>
      <c r="AA22523">
        <v>12</v>
      </c>
      <c r="AB22523">
        <v>12</v>
      </c>
      <c r="AC22523">
        <v>12</v>
      </c>
      <c r="AD22523">
        <v>12</v>
      </c>
      <c r="AE22523">
        <v>13</v>
      </c>
      <c r="AF22523">
        <v>13</v>
      </c>
      <c r="AG22523">
        <v>13</v>
      </c>
      <c r="AH22523">
        <v>13</v>
      </c>
      <c r="AI22523">
        <v>13</v>
      </c>
      <c r="AJ22523">
        <v>13</v>
      </c>
      <c r="AK22523">
        <v>13</v>
      </c>
      <c r="AL22523">
        <v>14</v>
      </c>
      <c r="AM22523">
        <v>14</v>
      </c>
      <c r="AN22523">
        <v>14</v>
      </c>
      <c r="AO22523">
        <v>14</v>
      </c>
      <c r="AP22523">
        <v>14</v>
      </c>
      <c r="AQ22523">
        <v>14</v>
      </c>
    </row>
    <row r="22524" spans="1:43">
      <c r="A22524" t="s">
        <v>13953</v>
      </c>
      <c r="B22524" t="s">
        <v>13954</v>
      </c>
      <c r="C22524" t="s">
        <v>13955</v>
      </c>
      <c r="D22524" t="s">
        <v>13956</v>
      </c>
      <c r="E22524" t="s">
        <v>13885</v>
      </c>
      <c r="F22524" t="s">
        <v>13886</v>
      </c>
      <c r="G22524" t="s">
        <v>10734</v>
      </c>
      <c r="H22524" t="s">
        <v>10735</v>
      </c>
      <c r="I22524" s="2">
        <v>0</v>
      </c>
      <c r="J22524" s="2">
        <v>0</v>
      </c>
      <c r="K22524" s="2">
        <v>1</v>
      </c>
      <c r="L22524" t="s">
        <v>995</v>
      </c>
      <c r="M22524" t="s">
        <v>89</v>
      </c>
      <c r="N22524" t="s">
        <v>90</v>
      </c>
      <c r="O22524" t="s">
        <v>85</v>
      </c>
      <c r="P22524" t="s">
        <v>86</v>
      </c>
      <c r="Q22524">
        <v>11</v>
      </c>
      <c r="R22524">
        <v>11</v>
      </c>
      <c r="S22524">
        <v>12</v>
      </c>
      <c r="T22524">
        <v>12</v>
      </c>
      <c r="U22524">
        <v>12</v>
      </c>
      <c r="V22524">
        <v>13</v>
      </c>
      <c r="W22524">
        <v>13</v>
      </c>
      <c r="X22524">
        <v>13</v>
      </c>
      <c r="Y22524">
        <v>14</v>
      </c>
      <c r="Z22524">
        <v>14</v>
      </c>
      <c r="AA22524">
        <v>14</v>
      </c>
      <c r="AB22524">
        <v>14</v>
      </c>
      <c r="AC22524">
        <v>15</v>
      </c>
      <c r="AD22524">
        <v>15</v>
      </c>
      <c r="AE22524">
        <v>15</v>
      </c>
      <c r="AF22524">
        <v>15</v>
      </c>
      <c r="AG22524">
        <v>15</v>
      </c>
      <c r="AH22524">
        <v>16</v>
      </c>
      <c r="AI22524">
        <v>16</v>
      </c>
      <c r="AJ22524">
        <v>16</v>
      </c>
      <c r="AK22524">
        <v>16</v>
      </c>
      <c r="AL22524">
        <v>16</v>
      </c>
      <c r="AM22524">
        <v>16</v>
      </c>
      <c r="AN22524">
        <v>16</v>
      </c>
      <c r="AO22524">
        <v>16</v>
      </c>
      <c r="AP22524">
        <v>16</v>
      </c>
      <c r="AQ22524">
        <v>17</v>
      </c>
    </row>
    <row r="22525" spans="1:43">
      <c r="A22525" t="s">
        <v>13953</v>
      </c>
      <c r="B22525" t="s">
        <v>13954</v>
      </c>
      <c r="C22525" t="s">
        <v>13955</v>
      </c>
      <c r="D22525" t="s">
        <v>13956</v>
      </c>
      <c r="E22525" t="s">
        <v>13885</v>
      </c>
      <c r="F22525" t="s">
        <v>13886</v>
      </c>
      <c r="G22525" t="s">
        <v>10734</v>
      </c>
      <c r="H22525" t="s">
        <v>10735</v>
      </c>
      <c r="I22525" s="2">
        <v>0</v>
      </c>
      <c r="J22525" s="2">
        <v>0</v>
      </c>
      <c r="K22525" s="2">
        <v>1</v>
      </c>
      <c r="L22525" t="s">
        <v>995</v>
      </c>
      <c r="M22525" t="s">
        <v>83</v>
      </c>
      <c r="N22525" t="s">
        <v>91</v>
      </c>
      <c r="O22525" t="s">
        <v>85</v>
      </c>
      <c r="P22525" t="s">
        <v>86</v>
      </c>
      <c r="Q22525">
        <v>11</v>
      </c>
      <c r="R22525">
        <v>11</v>
      </c>
      <c r="S22525">
        <v>11</v>
      </c>
      <c r="T22525">
        <v>12</v>
      </c>
      <c r="U22525">
        <v>12</v>
      </c>
      <c r="V22525">
        <v>12</v>
      </c>
      <c r="W22525">
        <v>12</v>
      </c>
      <c r="X22525">
        <v>13</v>
      </c>
      <c r="Y22525">
        <v>13</v>
      </c>
      <c r="Z22525">
        <v>13</v>
      </c>
      <c r="AA22525">
        <v>13</v>
      </c>
      <c r="AB22525">
        <v>14</v>
      </c>
      <c r="AC22525">
        <v>14</v>
      </c>
      <c r="AD22525">
        <v>14</v>
      </c>
      <c r="AE22525">
        <v>14</v>
      </c>
      <c r="AF22525">
        <v>14</v>
      </c>
      <c r="AG22525">
        <v>15</v>
      </c>
      <c r="AH22525">
        <v>15</v>
      </c>
      <c r="AI22525">
        <v>15</v>
      </c>
      <c r="AJ22525">
        <v>15</v>
      </c>
      <c r="AK22525">
        <v>16</v>
      </c>
      <c r="AL22525">
        <v>16</v>
      </c>
      <c r="AM22525">
        <v>16</v>
      </c>
      <c r="AN22525">
        <v>16</v>
      </c>
      <c r="AO22525">
        <v>16</v>
      </c>
      <c r="AP22525">
        <v>16</v>
      </c>
      <c r="AQ22525">
        <v>16</v>
      </c>
    </row>
    <row r="22526" spans="1:43">
      <c r="A22526" t="s">
        <v>13957</v>
      </c>
      <c r="B22526" t="s">
        <v>13958</v>
      </c>
      <c r="C22526" t="s">
        <v>13955</v>
      </c>
      <c r="D22526" t="s">
        <v>13956</v>
      </c>
      <c r="E22526" t="s">
        <v>13885</v>
      </c>
      <c r="F22526" t="s">
        <v>13886</v>
      </c>
      <c r="G22526" t="s">
        <v>10734</v>
      </c>
      <c r="H22526" t="s">
        <v>10735</v>
      </c>
      <c r="I22526" s="2">
        <v>0</v>
      </c>
      <c r="J22526" s="2">
        <v>0</v>
      </c>
      <c r="K22526" s="2">
        <v>1</v>
      </c>
      <c r="L22526" t="s">
        <v>995</v>
      </c>
      <c r="M22526" t="s">
        <v>83</v>
      </c>
      <c r="N22526" t="s">
        <v>84</v>
      </c>
      <c r="O22526" t="s">
        <v>85</v>
      </c>
      <c r="P22526" t="s">
        <v>86</v>
      </c>
      <c r="Q22526">
        <v>75</v>
      </c>
      <c r="R22526">
        <v>76</v>
      </c>
      <c r="S22526">
        <v>78</v>
      </c>
      <c r="T22526">
        <v>79</v>
      </c>
      <c r="U22526">
        <v>81</v>
      </c>
      <c r="V22526">
        <v>82</v>
      </c>
      <c r="W22526">
        <v>84</v>
      </c>
      <c r="X22526">
        <v>85</v>
      </c>
      <c r="Y22526">
        <v>87</v>
      </c>
      <c r="Z22526">
        <v>88</v>
      </c>
      <c r="AA22526">
        <v>90</v>
      </c>
      <c r="AB22526">
        <v>92</v>
      </c>
      <c r="AC22526">
        <v>93</v>
      </c>
      <c r="AD22526">
        <v>95</v>
      </c>
      <c r="AE22526">
        <v>96</v>
      </c>
      <c r="AF22526">
        <v>98</v>
      </c>
      <c r="AG22526">
        <v>99</v>
      </c>
      <c r="AH22526">
        <v>101</v>
      </c>
      <c r="AI22526">
        <v>103</v>
      </c>
      <c r="AJ22526">
        <v>104</v>
      </c>
      <c r="AK22526">
        <v>106</v>
      </c>
      <c r="AL22526">
        <v>107</v>
      </c>
      <c r="AM22526">
        <v>108</v>
      </c>
      <c r="AN22526">
        <v>109</v>
      </c>
      <c r="AO22526">
        <v>109</v>
      </c>
      <c r="AP22526">
        <v>110</v>
      </c>
      <c r="AQ22526">
        <v>111</v>
      </c>
    </row>
    <row r="22527" spans="1:43">
      <c r="A22527" t="s">
        <v>13957</v>
      </c>
      <c r="B22527" t="s">
        <v>13958</v>
      </c>
      <c r="C22527" t="s">
        <v>13955</v>
      </c>
      <c r="D22527" t="s">
        <v>13956</v>
      </c>
      <c r="E22527" t="s">
        <v>13885</v>
      </c>
      <c r="F22527" t="s">
        <v>13886</v>
      </c>
      <c r="G22527" t="s">
        <v>10734</v>
      </c>
      <c r="H22527" t="s">
        <v>10735</v>
      </c>
      <c r="I22527" s="2">
        <v>0</v>
      </c>
      <c r="J22527" s="2">
        <v>0</v>
      </c>
      <c r="K22527" s="2">
        <v>1</v>
      </c>
      <c r="L22527" t="s">
        <v>995</v>
      </c>
      <c r="M22527" t="s">
        <v>87</v>
      </c>
      <c r="N22527" t="s">
        <v>88</v>
      </c>
      <c r="O22527" t="s">
        <v>85</v>
      </c>
      <c r="P22527" t="s">
        <v>86</v>
      </c>
      <c r="Q22527">
        <v>75</v>
      </c>
      <c r="R22527">
        <v>76</v>
      </c>
      <c r="S22527">
        <v>76</v>
      </c>
      <c r="T22527">
        <v>77</v>
      </c>
      <c r="U22527">
        <v>78</v>
      </c>
      <c r="V22527">
        <v>79</v>
      </c>
      <c r="W22527">
        <v>80</v>
      </c>
      <c r="X22527">
        <v>80</v>
      </c>
      <c r="Y22527">
        <v>81</v>
      </c>
      <c r="Z22527">
        <v>82</v>
      </c>
      <c r="AA22527">
        <v>83</v>
      </c>
      <c r="AB22527">
        <v>84</v>
      </c>
      <c r="AC22527">
        <v>85</v>
      </c>
      <c r="AD22527">
        <v>85</v>
      </c>
      <c r="AE22527">
        <v>86</v>
      </c>
      <c r="AF22527">
        <v>87</v>
      </c>
      <c r="AG22527">
        <v>88</v>
      </c>
      <c r="AH22527">
        <v>89</v>
      </c>
      <c r="AI22527">
        <v>90</v>
      </c>
      <c r="AJ22527">
        <v>91</v>
      </c>
      <c r="AK22527">
        <v>92</v>
      </c>
      <c r="AL22527">
        <v>93</v>
      </c>
      <c r="AM22527">
        <v>94</v>
      </c>
      <c r="AN22527">
        <v>95</v>
      </c>
      <c r="AO22527">
        <v>96</v>
      </c>
      <c r="AP22527">
        <v>97</v>
      </c>
      <c r="AQ22527">
        <v>98</v>
      </c>
    </row>
    <row r="22528" spans="1:43">
      <c r="A22528" t="s">
        <v>13957</v>
      </c>
      <c r="B22528" t="s">
        <v>13958</v>
      </c>
      <c r="C22528" t="s">
        <v>13955</v>
      </c>
      <c r="D22528" t="s">
        <v>13956</v>
      </c>
      <c r="E22528" t="s">
        <v>13885</v>
      </c>
      <c r="F22528" t="s">
        <v>13886</v>
      </c>
      <c r="G22528" t="s">
        <v>10734</v>
      </c>
      <c r="H22528" t="s">
        <v>10735</v>
      </c>
      <c r="I22528" s="2">
        <v>0</v>
      </c>
      <c r="J22528" s="2">
        <v>0</v>
      </c>
      <c r="K22528" s="2">
        <v>1</v>
      </c>
      <c r="L22528" t="s">
        <v>995</v>
      </c>
      <c r="M22528" t="s">
        <v>89</v>
      </c>
      <c r="N22528" t="s">
        <v>90</v>
      </c>
      <c r="O22528" t="s">
        <v>85</v>
      </c>
      <c r="P22528" t="s">
        <v>86</v>
      </c>
      <c r="Q22528">
        <v>75</v>
      </c>
      <c r="R22528">
        <v>77</v>
      </c>
      <c r="S22528">
        <v>80</v>
      </c>
      <c r="T22528">
        <v>82</v>
      </c>
      <c r="U22528">
        <v>84</v>
      </c>
      <c r="V22528">
        <v>86</v>
      </c>
      <c r="W22528">
        <v>88</v>
      </c>
      <c r="X22528">
        <v>90</v>
      </c>
      <c r="Y22528">
        <v>92</v>
      </c>
      <c r="Z22528">
        <v>94</v>
      </c>
      <c r="AA22528">
        <v>95</v>
      </c>
      <c r="AB22528">
        <v>97</v>
      </c>
      <c r="AC22528">
        <v>99</v>
      </c>
      <c r="AD22528">
        <v>101</v>
      </c>
      <c r="AE22528">
        <v>103</v>
      </c>
      <c r="AF22528">
        <v>103</v>
      </c>
      <c r="AG22528">
        <v>104</v>
      </c>
      <c r="AH22528">
        <v>105</v>
      </c>
      <c r="AI22528">
        <v>106</v>
      </c>
      <c r="AJ22528">
        <v>106</v>
      </c>
      <c r="AK22528">
        <v>107</v>
      </c>
      <c r="AL22528">
        <v>108</v>
      </c>
      <c r="AM22528">
        <v>109</v>
      </c>
      <c r="AN22528">
        <v>109</v>
      </c>
      <c r="AO22528">
        <v>110</v>
      </c>
      <c r="AP22528">
        <v>111</v>
      </c>
      <c r="AQ22528">
        <v>112</v>
      </c>
    </row>
    <row r="22529" spans="1:43">
      <c r="A22529" t="s">
        <v>13957</v>
      </c>
      <c r="B22529" t="s">
        <v>13958</v>
      </c>
      <c r="C22529" t="s">
        <v>13955</v>
      </c>
      <c r="D22529" t="s">
        <v>13956</v>
      </c>
      <c r="E22529" t="s">
        <v>13885</v>
      </c>
      <c r="F22529" t="s">
        <v>13886</v>
      </c>
      <c r="G22529" t="s">
        <v>10734</v>
      </c>
      <c r="H22529" t="s">
        <v>10735</v>
      </c>
      <c r="I22529" s="2">
        <v>0</v>
      </c>
      <c r="J22529" s="2">
        <v>0</v>
      </c>
      <c r="K22529" s="2">
        <v>1</v>
      </c>
      <c r="L22529" t="s">
        <v>995</v>
      </c>
      <c r="M22529" t="s">
        <v>83</v>
      </c>
      <c r="N22529" t="s">
        <v>91</v>
      </c>
      <c r="O22529" t="s">
        <v>85</v>
      </c>
      <c r="P22529" t="s">
        <v>86</v>
      </c>
      <c r="Q22529">
        <v>75</v>
      </c>
      <c r="R22529">
        <v>76</v>
      </c>
      <c r="S22529">
        <v>78</v>
      </c>
      <c r="T22529">
        <v>79</v>
      </c>
      <c r="U22529">
        <v>81</v>
      </c>
      <c r="V22529">
        <v>82</v>
      </c>
      <c r="W22529">
        <v>84</v>
      </c>
      <c r="X22529">
        <v>85</v>
      </c>
      <c r="Y22529">
        <v>87</v>
      </c>
      <c r="Z22529">
        <v>88</v>
      </c>
      <c r="AA22529">
        <v>90</v>
      </c>
      <c r="AB22529">
        <v>92</v>
      </c>
      <c r="AC22529">
        <v>93</v>
      </c>
      <c r="AD22529">
        <v>95</v>
      </c>
      <c r="AE22529">
        <v>96</v>
      </c>
      <c r="AF22529">
        <v>98</v>
      </c>
      <c r="AG22529">
        <v>99</v>
      </c>
      <c r="AH22529">
        <v>101</v>
      </c>
      <c r="AI22529">
        <v>103</v>
      </c>
      <c r="AJ22529">
        <v>104</v>
      </c>
      <c r="AK22529">
        <v>106</v>
      </c>
      <c r="AL22529">
        <v>107</v>
      </c>
      <c r="AM22529">
        <v>108</v>
      </c>
      <c r="AN22529">
        <v>109</v>
      </c>
      <c r="AO22529">
        <v>109</v>
      </c>
      <c r="AP22529">
        <v>110</v>
      </c>
      <c r="AQ22529">
        <v>111</v>
      </c>
    </row>
    <row r="22530" spans="1:43">
      <c r="A22530" t="s">
        <v>13959</v>
      </c>
      <c r="B22530" t="s">
        <v>13960</v>
      </c>
      <c r="C22530" t="s">
        <v>13955</v>
      </c>
      <c r="D22530" t="s">
        <v>13956</v>
      </c>
      <c r="E22530" t="s">
        <v>13885</v>
      </c>
      <c r="F22530" t="s">
        <v>13886</v>
      </c>
      <c r="G22530" t="s">
        <v>10734</v>
      </c>
      <c r="H22530" t="s">
        <v>10735</v>
      </c>
      <c r="I22530" s="2">
        <v>0</v>
      </c>
      <c r="J22530" s="2">
        <v>0</v>
      </c>
      <c r="K22530" s="2">
        <v>1</v>
      </c>
      <c r="L22530" t="s">
        <v>995</v>
      </c>
      <c r="M22530" t="s">
        <v>83</v>
      </c>
      <c r="N22530" t="s">
        <v>84</v>
      </c>
      <c r="O22530" t="s">
        <v>85</v>
      </c>
      <c r="P22530" t="s">
        <v>86</v>
      </c>
      <c r="Q22530">
        <v>31</v>
      </c>
      <c r="R22530">
        <v>32</v>
      </c>
      <c r="S22530">
        <v>33</v>
      </c>
      <c r="T22530">
        <v>33</v>
      </c>
      <c r="U22530">
        <v>34</v>
      </c>
      <c r="V22530">
        <v>34</v>
      </c>
      <c r="W22530">
        <v>35</v>
      </c>
      <c r="X22530">
        <v>36</v>
      </c>
      <c r="Y22530">
        <v>36</v>
      </c>
      <c r="Z22530">
        <v>37</v>
      </c>
      <c r="AA22530">
        <v>38</v>
      </c>
      <c r="AB22530">
        <v>38</v>
      </c>
      <c r="AC22530">
        <v>39</v>
      </c>
      <c r="AD22530">
        <v>40</v>
      </c>
      <c r="AE22530">
        <v>40</v>
      </c>
      <c r="AF22530">
        <v>41</v>
      </c>
      <c r="AG22530">
        <v>42</v>
      </c>
      <c r="AH22530">
        <v>42</v>
      </c>
      <c r="AI22530">
        <v>43</v>
      </c>
      <c r="AJ22530">
        <v>44</v>
      </c>
      <c r="AK22530">
        <v>44</v>
      </c>
      <c r="AL22530">
        <v>45</v>
      </c>
      <c r="AM22530">
        <v>45</v>
      </c>
      <c r="AN22530">
        <v>46</v>
      </c>
      <c r="AO22530">
        <v>46</v>
      </c>
      <c r="AP22530">
        <v>46</v>
      </c>
      <c r="AQ22530">
        <v>47</v>
      </c>
    </row>
    <row r="22531" spans="1:43">
      <c r="A22531" t="s">
        <v>13959</v>
      </c>
      <c r="B22531" t="s">
        <v>13960</v>
      </c>
      <c r="C22531" t="s">
        <v>13955</v>
      </c>
      <c r="D22531" t="s">
        <v>13956</v>
      </c>
      <c r="E22531" t="s">
        <v>13885</v>
      </c>
      <c r="F22531" t="s">
        <v>13886</v>
      </c>
      <c r="G22531" t="s">
        <v>10734</v>
      </c>
      <c r="H22531" t="s">
        <v>10735</v>
      </c>
      <c r="I22531" s="2">
        <v>0</v>
      </c>
      <c r="J22531" s="2">
        <v>0</v>
      </c>
      <c r="K22531" s="2">
        <v>1</v>
      </c>
      <c r="L22531" t="s">
        <v>995</v>
      </c>
      <c r="M22531" t="s">
        <v>87</v>
      </c>
      <c r="N22531" t="s">
        <v>88</v>
      </c>
      <c r="O22531" t="s">
        <v>85</v>
      </c>
      <c r="P22531" t="s">
        <v>86</v>
      </c>
      <c r="Q22531">
        <v>31</v>
      </c>
      <c r="R22531">
        <v>31</v>
      </c>
      <c r="S22531">
        <v>32</v>
      </c>
      <c r="T22531">
        <v>32</v>
      </c>
      <c r="U22531">
        <v>32</v>
      </c>
      <c r="V22531">
        <v>33</v>
      </c>
      <c r="W22531">
        <v>33</v>
      </c>
      <c r="X22531">
        <v>33</v>
      </c>
      <c r="Y22531">
        <v>34</v>
      </c>
      <c r="Z22531">
        <v>34</v>
      </c>
      <c r="AA22531">
        <v>34</v>
      </c>
      <c r="AB22531">
        <v>35</v>
      </c>
      <c r="AC22531">
        <v>35</v>
      </c>
      <c r="AD22531">
        <v>35</v>
      </c>
      <c r="AE22531">
        <v>36</v>
      </c>
      <c r="AF22531">
        <v>36</v>
      </c>
      <c r="AG22531">
        <v>37</v>
      </c>
      <c r="AH22531">
        <v>37</v>
      </c>
      <c r="AI22531">
        <v>37</v>
      </c>
      <c r="AJ22531">
        <v>38</v>
      </c>
      <c r="AK22531">
        <v>38</v>
      </c>
      <c r="AL22531">
        <v>39</v>
      </c>
      <c r="AM22531">
        <v>39</v>
      </c>
      <c r="AN22531">
        <v>39</v>
      </c>
      <c r="AO22531">
        <v>40</v>
      </c>
      <c r="AP22531">
        <v>40</v>
      </c>
      <c r="AQ22531">
        <v>41</v>
      </c>
    </row>
    <row r="22532" spans="1:43">
      <c r="A22532" t="s">
        <v>13959</v>
      </c>
      <c r="B22532" t="s">
        <v>13960</v>
      </c>
      <c r="C22532" t="s">
        <v>13955</v>
      </c>
      <c r="D22532" t="s">
        <v>13956</v>
      </c>
      <c r="E22532" t="s">
        <v>13885</v>
      </c>
      <c r="F22532" t="s">
        <v>13886</v>
      </c>
      <c r="G22532" t="s">
        <v>10734</v>
      </c>
      <c r="H22532" t="s">
        <v>10735</v>
      </c>
      <c r="I22532" s="2">
        <v>0</v>
      </c>
      <c r="J22532" s="2">
        <v>0</v>
      </c>
      <c r="K22532" s="2">
        <v>1</v>
      </c>
      <c r="L22532" t="s">
        <v>995</v>
      </c>
      <c r="M22532" t="s">
        <v>89</v>
      </c>
      <c r="N22532" t="s">
        <v>90</v>
      </c>
      <c r="O22532" t="s">
        <v>85</v>
      </c>
      <c r="P22532" t="s">
        <v>86</v>
      </c>
      <c r="Q22532">
        <v>31</v>
      </c>
      <c r="R22532">
        <v>31</v>
      </c>
      <c r="S22532">
        <v>32</v>
      </c>
      <c r="T22532">
        <v>33</v>
      </c>
      <c r="U22532">
        <v>34</v>
      </c>
      <c r="V22532">
        <v>35</v>
      </c>
      <c r="W22532">
        <v>36</v>
      </c>
      <c r="X22532">
        <v>37</v>
      </c>
      <c r="Y22532">
        <v>37</v>
      </c>
      <c r="Z22532">
        <v>38</v>
      </c>
      <c r="AA22532">
        <v>39</v>
      </c>
      <c r="AB22532">
        <v>40</v>
      </c>
      <c r="AC22532">
        <v>41</v>
      </c>
      <c r="AD22532">
        <v>41</v>
      </c>
      <c r="AE22532">
        <v>42</v>
      </c>
      <c r="AF22532">
        <v>42</v>
      </c>
      <c r="AG22532">
        <v>43</v>
      </c>
      <c r="AH22532">
        <v>43</v>
      </c>
      <c r="AI22532">
        <v>43</v>
      </c>
      <c r="AJ22532">
        <v>44</v>
      </c>
      <c r="AK22532">
        <v>44</v>
      </c>
      <c r="AL22532">
        <v>44</v>
      </c>
      <c r="AM22532">
        <v>45</v>
      </c>
      <c r="AN22532">
        <v>45</v>
      </c>
      <c r="AO22532">
        <v>45</v>
      </c>
      <c r="AP22532">
        <v>46</v>
      </c>
      <c r="AQ22532">
        <v>46</v>
      </c>
    </row>
    <row r="22533" spans="1:43">
      <c r="A22533" t="s">
        <v>13959</v>
      </c>
      <c r="B22533" t="s">
        <v>13960</v>
      </c>
      <c r="C22533" t="s">
        <v>13955</v>
      </c>
      <c r="D22533" t="s">
        <v>13956</v>
      </c>
      <c r="E22533" t="s">
        <v>13885</v>
      </c>
      <c r="F22533" t="s">
        <v>13886</v>
      </c>
      <c r="G22533" t="s">
        <v>10734</v>
      </c>
      <c r="H22533" t="s">
        <v>10735</v>
      </c>
      <c r="I22533" s="2">
        <v>0</v>
      </c>
      <c r="J22533" s="2">
        <v>0</v>
      </c>
      <c r="K22533" s="2">
        <v>1</v>
      </c>
      <c r="L22533" t="s">
        <v>995</v>
      </c>
      <c r="M22533" t="s">
        <v>83</v>
      </c>
      <c r="N22533" t="s">
        <v>91</v>
      </c>
      <c r="O22533" t="s">
        <v>85</v>
      </c>
      <c r="P22533" t="s">
        <v>86</v>
      </c>
      <c r="Q22533">
        <v>31</v>
      </c>
      <c r="R22533">
        <v>32</v>
      </c>
      <c r="S22533">
        <v>33</v>
      </c>
      <c r="T22533">
        <v>33</v>
      </c>
      <c r="U22533">
        <v>34</v>
      </c>
      <c r="V22533">
        <v>34</v>
      </c>
      <c r="W22533">
        <v>35</v>
      </c>
      <c r="X22533">
        <v>36</v>
      </c>
      <c r="Y22533">
        <v>36</v>
      </c>
      <c r="Z22533">
        <v>37</v>
      </c>
      <c r="AA22533">
        <v>38</v>
      </c>
      <c r="AB22533">
        <v>38</v>
      </c>
      <c r="AC22533">
        <v>39</v>
      </c>
      <c r="AD22533">
        <v>40</v>
      </c>
      <c r="AE22533">
        <v>40</v>
      </c>
      <c r="AF22533">
        <v>41</v>
      </c>
      <c r="AG22533">
        <v>42</v>
      </c>
      <c r="AH22533">
        <v>42</v>
      </c>
      <c r="AI22533">
        <v>43</v>
      </c>
      <c r="AJ22533">
        <v>44</v>
      </c>
      <c r="AK22533">
        <v>44</v>
      </c>
      <c r="AL22533">
        <v>45</v>
      </c>
      <c r="AM22533">
        <v>45</v>
      </c>
      <c r="AN22533">
        <v>46</v>
      </c>
      <c r="AO22533">
        <v>46</v>
      </c>
      <c r="AP22533">
        <v>46</v>
      </c>
      <c r="AQ22533">
        <v>47</v>
      </c>
    </row>
    <row r="22534" spans="1:43">
      <c r="A22534" t="s">
        <v>13961</v>
      </c>
      <c r="B22534" t="s">
        <v>13962</v>
      </c>
      <c r="C22534" t="s">
        <v>13963</v>
      </c>
      <c r="D22534" t="s">
        <v>13964</v>
      </c>
      <c r="E22534" t="s">
        <v>13885</v>
      </c>
      <c r="F22534" t="s">
        <v>13886</v>
      </c>
      <c r="G22534" t="s">
        <v>10734</v>
      </c>
      <c r="H22534" t="s">
        <v>10735</v>
      </c>
      <c r="I22534" s="2">
        <v>0</v>
      </c>
      <c r="J22534" s="2">
        <v>0</v>
      </c>
      <c r="K22534" s="2">
        <v>1</v>
      </c>
      <c r="L22534" t="s">
        <v>995</v>
      </c>
      <c r="M22534" t="s">
        <v>83</v>
      </c>
      <c r="N22534" t="s">
        <v>84</v>
      </c>
      <c r="O22534" t="s">
        <v>85</v>
      </c>
      <c r="P22534" t="s">
        <v>86</v>
      </c>
      <c r="Q22534">
        <v>24</v>
      </c>
      <c r="R22534">
        <v>25</v>
      </c>
      <c r="S22534">
        <v>25</v>
      </c>
      <c r="T22534">
        <v>26</v>
      </c>
      <c r="U22534">
        <v>26</v>
      </c>
      <c r="V22534">
        <v>27</v>
      </c>
      <c r="W22534">
        <v>27</v>
      </c>
      <c r="X22534">
        <v>28</v>
      </c>
      <c r="Y22534">
        <v>29</v>
      </c>
      <c r="Z22534">
        <v>29</v>
      </c>
      <c r="AA22534">
        <v>30</v>
      </c>
      <c r="AB22534">
        <v>30</v>
      </c>
      <c r="AC22534">
        <v>31</v>
      </c>
      <c r="AD22534">
        <v>31</v>
      </c>
      <c r="AE22534">
        <v>32</v>
      </c>
      <c r="AF22534">
        <v>32</v>
      </c>
      <c r="AG22534">
        <v>33</v>
      </c>
      <c r="AH22534">
        <v>33</v>
      </c>
      <c r="AI22534">
        <v>34</v>
      </c>
      <c r="AJ22534">
        <v>35</v>
      </c>
      <c r="AK22534">
        <v>35</v>
      </c>
      <c r="AL22534">
        <v>36</v>
      </c>
      <c r="AM22534">
        <v>36</v>
      </c>
      <c r="AN22534">
        <v>36</v>
      </c>
      <c r="AO22534">
        <v>36</v>
      </c>
      <c r="AP22534">
        <v>37</v>
      </c>
      <c r="AQ22534">
        <v>37</v>
      </c>
    </row>
    <row r="22535" spans="1:43">
      <c r="A22535" t="s">
        <v>13961</v>
      </c>
      <c r="B22535" t="s">
        <v>13962</v>
      </c>
      <c r="C22535" t="s">
        <v>13963</v>
      </c>
      <c r="D22535" t="s">
        <v>13964</v>
      </c>
      <c r="E22535" t="s">
        <v>13885</v>
      </c>
      <c r="F22535" t="s">
        <v>13886</v>
      </c>
      <c r="G22535" t="s">
        <v>10734</v>
      </c>
      <c r="H22535" t="s">
        <v>10735</v>
      </c>
      <c r="I22535" s="2">
        <v>0</v>
      </c>
      <c r="J22535" s="2">
        <v>0</v>
      </c>
      <c r="K22535" s="2">
        <v>1</v>
      </c>
      <c r="L22535" t="s">
        <v>995</v>
      </c>
      <c r="M22535" t="s">
        <v>87</v>
      </c>
      <c r="N22535" t="s">
        <v>88</v>
      </c>
      <c r="O22535" t="s">
        <v>85</v>
      </c>
      <c r="P22535" t="s">
        <v>86</v>
      </c>
      <c r="Q22535">
        <v>24</v>
      </c>
      <c r="R22535">
        <v>24</v>
      </c>
      <c r="S22535">
        <v>25</v>
      </c>
      <c r="T22535">
        <v>25</v>
      </c>
      <c r="U22535">
        <v>25</v>
      </c>
      <c r="V22535">
        <v>26</v>
      </c>
      <c r="W22535">
        <v>26</v>
      </c>
      <c r="X22535">
        <v>26</v>
      </c>
      <c r="Y22535">
        <v>26</v>
      </c>
      <c r="Z22535">
        <v>27</v>
      </c>
      <c r="AA22535">
        <v>27</v>
      </c>
      <c r="AB22535">
        <v>27</v>
      </c>
      <c r="AC22535">
        <v>27</v>
      </c>
      <c r="AD22535">
        <v>28</v>
      </c>
      <c r="AE22535">
        <v>28</v>
      </c>
      <c r="AF22535">
        <v>28</v>
      </c>
      <c r="AG22535">
        <v>29</v>
      </c>
      <c r="AH22535">
        <v>29</v>
      </c>
      <c r="AI22535">
        <v>29</v>
      </c>
      <c r="AJ22535">
        <v>30</v>
      </c>
      <c r="AK22535">
        <v>30</v>
      </c>
      <c r="AL22535">
        <v>30</v>
      </c>
      <c r="AM22535">
        <v>31</v>
      </c>
      <c r="AN22535">
        <v>31</v>
      </c>
      <c r="AO22535">
        <v>31</v>
      </c>
      <c r="AP22535">
        <v>32</v>
      </c>
      <c r="AQ22535">
        <v>32</v>
      </c>
    </row>
    <row r="22536" spans="1:43">
      <c r="A22536" t="s">
        <v>13961</v>
      </c>
      <c r="B22536" t="s">
        <v>13962</v>
      </c>
      <c r="C22536" t="s">
        <v>13963</v>
      </c>
      <c r="D22536" t="s">
        <v>13964</v>
      </c>
      <c r="E22536" t="s">
        <v>13885</v>
      </c>
      <c r="F22536" t="s">
        <v>13886</v>
      </c>
      <c r="G22536" t="s">
        <v>10734</v>
      </c>
      <c r="H22536" t="s">
        <v>10735</v>
      </c>
      <c r="I22536" s="2">
        <v>0</v>
      </c>
      <c r="J22536" s="2">
        <v>0</v>
      </c>
      <c r="K22536" s="2">
        <v>1</v>
      </c>
      <c r="L22536" t="s">
        <v>995</v>
      </c>
      <c r="M22536" t="s">
        <v>89</v>
      </c>
      <c r="N22536" t="s">
        <v>90</v>
      </c>
      <c r="O22536" t="s">
        <v>85</v>
      </c>
      <c r="P22536" t="s">
        <v>86</v>
      </c>
      <c r="Q22536">
        <v>24</v>
      </c>
      <c r="R22536">
        <v>24</v>
      </c>
      <c r="S22536">
        <v>25</v>
      </c>
      <c r="T22536">
        <v>26</v>
      </c>
      <c r="U22536">
        <v>26</v>
      </c>
      <c r="V22536">
        <v>27</v>
      </c>
      <c r="W22536">
        <v>28</v>
      </c>
      <c r="X22536">
        <v>29</v>
      </c>
      <c r="Y22536">
        <v>29</v>
      </c>
      <c r="Z22536">
        <v>30</v>
      </c>
      <c r="AA22536">
        <v>30</v>
      </c>
      <c r="AB22536">
        <v>31</v>
      </c>
      <c r="AC22536">
        <v>32</v>
      </c>
      <c r="AD22536">
        <v>32</v>
      </c>
      <c r="AE22536">
        <v>33</v>
      </c>
      <c r="AF22536">
        <v>33</v>
      </c>
      <c r="AG22536">
        <v>34</v>
      </c>
      <c r="AH22536">
        <v>34</v>
      </c>
      <c r="AI22536">
        <v>34</v>
      </c>
      <c r="AJ22536">
        <v>34</v>
      </c>
      <c r="AK22536">
        <v>35</v>
      </c>
      <c r="AL22536">
        <v>35</v>
      </c>
      <c r="AM22536">
        <v>35</v>
      </c>
      <c r="AN22536">
        <v>35</v>
      </c>
      <c r="AO22536">
        <v>36</v>
      </c>
      <c r="AP22536">
        <v>36</v>
      </c>
      <c r="AQ22536">
        <v>36</v>
      </c>
    </row>
    <row r="22537" spans="1:43">
      <c r="A22537" t="s">
        <v>13961</v>
      </c>
      <c r="B22537" t="s">
        <v>13962</v>
      </c>
      <c r="C22537" t="s">
        <v>13963</v>
      </c>
      <c r="D22537" t="s">
        <v>13964</v>
      </c>
      <c r="E22537" t="s">
        <v>13885</v>
      </c>
      <c r="F22537" t="s">
        <v>13886</v>
      </c>
      <c r="G22537" t="s">
        <v>10734</v>
      </c>
      <c r="H22537" t="s">
        <v>10735</v>
      </c>
      <c r="I22537" s="2">
        <v>0</v>
      </c>
      <c r="J22537" s="2">
        <v>0</v>
      </c>
      <c r="K22537" s="2">
        <v>1</v>
      </c>
      <c r="L22537" t="s">
        <v>995</v>
      </c>
      <c r="M22537" t="s">
        <v>83</v>
      </c>
      <c r="N22537" t="s">
        <v>91</v>
      </c>
      <c r="O22537" t="s">
        <v>85</v>
      </c>
      <c r="P22537" t="s">
        <v>86</v>
      </c>
      <c r="Q22537">
        <v>24</v>
      </c>
      <c r="R22537">
        <v>25</v>
      </c>
      <c r="S22537">
        <v>25</v>
      </c>
      <c r="T22537">
        <v>26</v>
      </c>
      <c r="U22537">
        <v>26</v>
      </c>
      <c r="V22537">
        <v>27</v>
      </c>
      <c r="W22537">
        <v>27</v>
      </c>
      <c r="X22537">
        <v>28</v>
      </c>
      <c r="Y22537">
        <v>29</v>
      </c>
      <c r="Z22537">
        <v>29</v>
      </c>
      <c r="AA22537">
        <v>30</v>
      </c>
      <c r="AB22537">
        <v>30</v>
      </c>
      <c r="AC22537">
        <v>31</v>
      </c>
      <c r="AD22537">
        <v>31</v>
      </c>
      <c r="AE22537">
        <v>32</v>
      </c>
      <c r="AF22537">
        <v>32</v>
      </c>
      <c r="AG22537">
        <v>33</v>
      </c>
      <c r="AH22537">
        <v>33</v>
      </c>
      <c r="AI22537">
        <v>34</v>
      </c>
      <c r="AJ22537">
        <v>35</v>
      </c>
      <c r="AK22537">
        <v>35</v>
      </c>
      <c r="AL22537">
        <v>36</v>
      </c>
      <c r="AM22537">
        <v>36</v>
      </c>
      <c r="AN22537">
        <v>36</v>
      </c>
      <c r="AO22537">
        <v>36</v>
      </c>
      <c r="AP22537">
        <v>37</v>
      </c>
      <c r="AQ22537">
        <v>37</v>
      </c>
    </row>
    <row r="22538" spans="1:43">
      <c r="A22538" t="s">
        <v>13965</v>
      </c>
      <c r="B22538" t="s">
        <v>13966</v>
      </c>
      <c r="C22538" t="s">
        <v>13963</v>
      </c>
      <c r="D22538" t="s">
        <v>13964</v>
      </c>
      <c r="E22538" t="s">
        <v>13885</v>
      </c>
      <c r="F22538" t="s">
        <v>13886</v>
      </c>
      <c r="G22538" t="s">
        <v>10734</v>
      </c>
      <c r="H22538" t="s">
        <v>10735</v>
      </c>
      <c r="I22538" s="2">
        <v>0</v>
      </c>
      <c r="J22538" s="2">
        <v>0</v>
      </c>
      <c r="K22538" s="2">
        <v>1</v>
      </c>
      <c r="L22538" t="s">
        <v>995</v>
      </c>
      <c r="M22538" t="s">
        <v>83</v>
      </c>
      <c r="N22538" t="s">
        <v>84</v>
      </c>
      <c r="O22538" t="s">
        <v>85</v>
      </c>
      <c r="P22538" t="s">
        <v>86</v>
      </c>
      <c r="Q22538">
        <v>2</v>
      </c>
      <c r="R22538">
        <v>2</v>
      </c>
      <c r="S22538">
        <v>2</v>
      </c>
      <c r="T22538">
        <v>2</v>
      </c>
      <c r="U22538">
        <v>2</v>
      </c>
      <c r="V22538">
        <v>2</v>
      </c>
      <c r="W22538">
        <v>2</v>
      </c>
      <c r="X22538">
        <v>2</v>
      </c>
      <c r="Y22538">
        <v>2</v>
      </c>
      <c r="Z22538">
        <v>2</v>
      </c>
      <c r="AA22538">
        <v>2</v>
      </c>
      <c r="AB22538">
        <v>2</v>
      </c>
      <c r="AC22538">
        <v>2</v>
      </c>
      <c r="AD22538">
        <v>2</v>
      </c>
      <c r="AE22538">
        <v>2</v>
      </c>
      <c r="AF22538">
        <v>2</v>
      </c>
      <c r="AG22538">
        <v>2</v>
      </c>
      <c r="AH22538">
        <v>2</v>
      </c>
      <c r="AI22538">
        <v>2</v>
      </c>
      <c r="AJ22538">
        <v>2</v>
      </c>
      <c r="AK22538">
        <v>2</v>
      </c>
      <c r="AL22538">
        <v>2</v>
      </c>
      <c r="AM22538">
        <v>2</v>
      </c>
      <c r="AN22538">
        <v>2</v>
      </c>
      <c r="AO22538">
        <v>2</v>
      </c>
      <c r="AP22538">
        <v>2</v>
      </c>
      <c r="AQ22538">
        <v>2</v>
      </c>
    </row>
    <row r="22539" spans="1:43">
      <c r="A22539" t="s">
        <v>13965</v>
      </c>
      <c r="B22539" t="s">
        <v>13966</v>
      </c>
      <c r="C22539" t="s">
        <v>13963</v>
      </c>
      <c r="D22539" t="s">
        <v>13964</v>
      </c>
      <c r="E22539" t="s">
        <v>13885</v>
      </c>
      <c r="F22539" t="s">
        <v>13886</v>
      </c>
      <c r="G22539" t="s">
        <v>10734</v>
      </c>
      <c r="H22539" t="s">
        <v>10735</v>
      </c>
      <c r="I22539" s="2">
        <v>0</v>
      </c>
      <c r="J22539" s="2">
        <v>0</v>
      </c>
      <c r="K22539" s="2">
        <v>1</v>
      </c>
      <c r="L22539" t="s">
        <v>995</v>
      </c>
      <c r="M22539" t="s">
        <v>87</v>
      </c>
      <c r="N22539" t="s">
        <v>88</v>
      </c>
      <c r="O22539" t="s">
        <v>85</v>
      </c>
      <c r="P22539" t="s">
        <v>86</v>
      </c>
      <c r="Q22539">
        <v>2</v>
      </c>
      <c r="R22539">
        <v>2</v>
      </c>
      <c r="S22539">
        <v>2</v>
      </c>
      <c r="T22539">
        <v>2</v>
      </c>
      <c r="U22539">
        <v>2</v>
      </c>
      <c r="V22539">
        <v>2</v>
      </c>
      <c r="W22539">
        <v>2</v>
      </c>
      <c r="X22539">
        <v>2</v>
      </c>
      <c r="Y22539">
        <v>2</v>
      </c>
      <c r="Z22539">
        <v>2</v>
      </c>
      <c r="AA22539">
        <v>2</v>
      </c>
      <c r="AB22539">
        <v>2</v>
      </c>
      <c r="AC22539">
        <v>2</v>
      </c>
      <c r="AD22539">
        <v>2</v>
      </c>
      <c r="AE22539">
        <v>2</v>
      </c>
      <c r="AF22539">
        <v>2</v>
      </c>
      <c r="AG22539">
        <v>2</v>
      </c>
      <c r="AH22539">
        <v>2</v>
      </c>
      <c r="AI22539">
        <v>2</v>
      </c>
      <c r="AJ22539">
        <v>2</v>
      </c>
      <c r="AK22539">
        <v>2</v>
      </c>
      <c r="AL22539">
        <v>2</v>
      </c>
      <c r="AM22539">
        <v>2</v>
      </c>
      <c r="AN22539">
        <v>2</v>
      </c>
      <c r="AO22539">
        <v>2</v>
      </c>
      <c r="AP22539">
        <v>2</v>
      </c>
      <c r="AQ22539">
        <v>2</v>
      </c>
    </row>
    <row r="22540" spans="1:43">
      <c r="A22540" t="s">
        <v>13965</v>
      </c>
      <c r="B22540" t="s">
        <v>13966</v>
      </c>
      <c r="C22540" t="s">
        <v>13963</v>
      </c>
      <c r="D22540" t="s">
        <v>13964</v>
      </c>
      <c r="E22540" t="s">
        <v>13885</v>
      </c>
      <c r="F22540" t="s">
        <v>13886</v>
      </c>
      <c r="G22540" t="s">
        <v>10734</v>
      </c>
      <c r="H22540" t="s">
        <v>10735</v>
      </c>
      <c r="I22540" s="2">
        <v>0</v>
      </c>
      <c r="J22540" s="2">
        <v>0</v>
      </c>
      <c r="K22540" s="2">
        <v>1</v>
      </c>
      <c r="L22540" t="s">
        <v>995</v>
      </c>
      <c r="M22540" t="s">
        <v>89</v>
      </c>
      <c r="N22540" t="s">
        <v>90</v>
      </c>
      <c r="O22540" t="s">
        <v>85</v>
      </c>
      <c r="P22540" t="s">
        <v>86</v>
      </c>
      <c r="Q22540">
        <v>2</v>
      </c>
      <c r="R22540">
        <v>2</v>
      </c>
      <c r="S22540">
        <v>2</v>
      </c>
      <c r="T22540">
        <v>2</v>
      </c>
      <c r="U22540">
        <v>2</v>
      </c>
      <c r="V22540">
        <v>2</v>
      </c>
      <c r="W22540">
        <v>2</v>
      </c>
      <c r="X22540">
        <v>2</v>
      </c>
      <c r="Y22540">
        <v>2</v>
      </c>
      <c r="Z22540">
        <v>2</v>
      </c>
      <c r="AA22540">
        <v>2</v>
      </c>
      <c r="AB22540">
        <v>2</v>
      </c>
      <c r="AC22540">
        <v>2</v>
      </c>
      <c r="AD22540">
        <v>2</v>
      </c>
      <c r="AE22540">
        <v>2</v>
      </c>
      <c r="AF22540">
        <v>2</v>
      </c>
      <c r="AG22540">
        <v>2</v>
      </c>
      <c r="AH22540">
        <v>2</v>
      </c>
      <c r="AI22540">
        <v>2</v>
      </c>
      <c r="AJ22540">
        <v>2</v>
      </c>
      <c r="AK22540">
        <v>2</v>
      </c>
      <c r="AL22540">
        <v>2</v>
      </c>
      <c r="AM22540">
        <v>2</v>
      </c>
      <c r="AN22540">
        <v>2</v>
      </c>
      <c r="AO22540">
        <v>2</v>
      </c>
      <c r="AP22540">
        <v>2</v>
      </c>
      <c r="AQ22540">
        <v>3</v>
      </c>
    </row>
    <row r="22541" spans="1:43">
      <c r="A22541" t="s">
        <v>13965</v>
      </c>
      <c r="B22541" t="s">
        <v>13966</v>
      </c>
      <c r="C22541" t="s">
        <v>13963</v>
      </c>
      <c r="D22541" t="s">
        <v>13964</v>
      </c>
      <c r="E22541" t="s">
        <v>13885</v>
      </c>
      <c r="F22541" t="s">
        <v>13886</v>
      </c>
      <c r="G22541" t="s">
        <v>10734</v>
      </c>
      <c r="H22541" t="s">
        <v>10735</v>
      </c>
      <c r="I22541" s="2">
        <v>0</v>
      </c>
      <c r="J22541" s="2">
        <v>0</v>
      </c>
      <c r="K22541" s="2">
        <v>1</v>
      </c>
      <c r="L22541" t="s">
        <v>995</v>
      </c>
      <c r="M22541" t="s">
        <v>83</v>
      </c>
      <c r="N22541" t="s">
        <v>91</v>
      </c>
      <c r="O22541" t="s">
        <v>85</v>
      </c>
      <c r="P22541" t="s">
        <v>86</v>
      </c>
      <c r="Q22541">
        <v>2</v>
      </c>
      <c r="R22541">
        <v>2</v>
      </c>
      <c r="S22541">
        <v>2</v>
      </c>
      <c r="T22541">
        <v>2</v>
      </c>
      <c r="U22541">
        <v>2</v>
      </c>
      <c r="V22541">
        <v>2</v>
      </c>
      <c r="W22541">
        <v>2</v>
      </c>
      <c r="X22541">
        <v>2</v>
      </c>
      <c r="Y22541">
        <v>2</v>
      </c>
      <c r="Z22541">
        <v>2</v>
      </c>
      <c r="AA22541">
        <v>2</v>
      </c>
      <c r="AB22541">
        <v>2</v>
      </c>
      <c r="AC22541">
        <v>2</v>
      </c>
      <c r="AD22541">
        <v>2</v>
      </c>
      <c r="AE22541">
        <v>2</v>
      </c>
      <c r="AF22541">
        <v>2</v>
      </c>
      <c r="AG22541">
        <v>2</v>
      </c>
      <c r="AH22541">
        <v>2</v>
      </c>
      <c r="AI22541">
        <v>2</v>
      </c>
      <c r="AJ22541">
        <v>2</v>
      </c>
      <c r="AK22541">
        <v>2</v>
      </c>
      <c r="AL22541">
        <v>2</v>
      </c>
      <c r="AM22541">
        <v>2</v>
      </c>
      <c r="AN22541">
        <v>2</v>
      </c>
      <c r="AO22541">
        <v>2</v>
      </c>
      <c r="AP22541">
        <v>2</v>
      </c>
      <c r="AQ22541">
        <v>2</v>
      </c>
    </row>
    <row r="22542" spans="1:43">
      <c r="A22542" t="s">
        <v>13967</v>
      </c>
      <c r="B22542" t="s">
        <v>13968</v>
      </c>
      <c r="C22542" t="s">
        <v>13963</v>
      </c>
      <c r="D22542" t="s">
        <v>13964</v>
      </c>
      <c r="E22542" t="s">
        <v>13885</v>
      </c>
      <c r="F22542" t="s">
        <v>13886</v>
      </c>
      <c r="G22542" t="s">
        <v>10734</v>
      </c>
      <c r="H22542" t="s">
        <v>10735</v>
      </c>
      <c r="I22542" s="2">
        <v>0</v>
      </c>
      <c r="J22542" s="2">
        <v>0</v>
      </c>
      <c r="K22542" s="2">
        <v>0.78</v>
      </c>
      <c r="L22542" t="s">
        <v>995</v>
      </c>
      <c r="M22542" t="s">
        <v>83</v>
      </c>
      <c r="N22542" t="s">
        <v>84</v>
      </c>
      <c r="O22542" t="s">
        <v>85</v>
      </c>
      <c r="P22542" t="s">
        <v>86</v>
      </c>
      <c r="Q22542">
        <v>34</v>
      </c>
      <c r="R22542">
        <v>35</v>
      </c>
      <c r="S22542">
        <v>36</v>
      </c>
      <c r="T22542">
        <v>36</v>
      </c>
      <c r="U22542">
        <v>37</v>
      </c>
      <c r="V22542">
        <v>38</v>
      </c>
      <c r="W22542">
        <v>39</v>
      </c>
      <c r="X22542">
        <v>39</v>
      </c>
      <c r="Y22542">
        <v>40</v>
      </c>
      <c r="Z22542">
        <v>41</v>
      </c>
      <c r="AA22542">
        <v>42</v>
      </c>
      <c r="AB22542">
        <v>42</v>
      </c>
      <c r="AC22542">
        <v>43</v>
      </c>
      <c r="AD22542">
        <v>44</v>
      </c>
      <c r="AE22542">
        <v>45</v>
      </c>
      <c r="AF22542">
        <v>45</v>
      </c>
      <c r="AG22542">
        <v>46</v>
      </c>
      <c r="AH22542">
        <v>47</v>
      </c>
      <c r="AI22542">
        <v>48</v>
      </c>
      <c r="AJ22542">
        <v>49</v>
      </c>
      <c r="AK22542">
        <v>49</v>
      </c>
      <c r="AL22542">
        <v>50</v>
      </c>
      <c r="AM22542">
        <v>50</v>
      </c>
      <c r="AN22542">
        <v>51</v>
      </c>
      <c r="AO22542">
        <v>51</v>
      </c>
      <c r="AP22542">
        <v>52</v>
      </c>
      <c r="AQ22542">
        <v>52</v>
      </c>
    </row>
    <row r="22543" spans="1:43">
      <c r="A22543" t="s">
        <v>13967</v>
      </c>
      <c r="B22543" t="s">
        <v>13968</v>
      </c>
      <c r="C22543" t="s">
        <v>13963</v>
      </c>
      <c r="D22543" t="s">
        <v>13964</v>
      </c>
      <c r="E22543" t="s">
        <v>13885</v>
      </c>
      <c r="F22543" t="s">
        <v>13886</v>
      </c>
      <c r="G22543" t="s">
        <v>10734</v>
      </c>
      <c r="H22543" t="s">
        <v>10735</v>
      </c>
      <c r="I22543" s="2">
        <v>0</v>
      </c>
      <c r="J22543" s="2">
        <v>0</v>
      </c>
      <c r="K22543" s="2">
        <v>0.78</v>
      </c>
      <c r="L22543" t="s">
        <v>995</v>
      </c>
      <c r="M22543" t="s">
        <v>87</v>
      </c>
      <c r="N22543" t="s">
        <v>88</v>
      </c>
      <c r="O22543" t="s">
        <v>85</v>
      </c>
      <c r="P22543" t="s">
        <v>86</v>
      </c>
      <c r="Q22543">
        <v>34</v>
      </c>
      <c r="R22543">
        <v>34</v>
      </c>
      <c r="S22543">
        <v>35</v>
      </c>
      <c r="T22543">
        <v>35</v>
      </c>
      <c r="U22543">
        <v>35</v>
      </c>
      <c r="V22543">
        <v>36</v>
      </c>
      <c r="W22543">
        <v>36</v>
      </c>
      <c r="X22543">
        <v>37</v>
      </c>
      <c r="Y22543">
        <v>37</v>
      </c>
      <c r="Z22543">
        <v>37</v>
      </c>
      <c r="AA22543">
        <v>38</v>
      </c>
      <c r="AB22543">
        <v>38</v>
      </c>
      <c r="AC22543">
        <v>39</v>
      </c>
      <c r="AD22543">
        <v>39</v>
      </c>
      <c r="AE22543">
        <v>39</v>
      </c>
      <c r="AF22543">
        <v>40</v>
      </c>
      <c r="AG22543">
        <v>40</v>
      </c>
      <c r="AH22543">
        <v>41</v>
      </c>
      <c r="AI22543">
        <v>41</v>
      </c>
      <c r="AJ22543">
        <v>42</v>
      </c>
      <c r="AK22543">
        <v>42</v>
      </c>
      <c r="AL22543">
        <v>43</v>
      </c>
      <c r="AM22543">
        <v>43</v>
      </c>
      <c r="AN22543">
        <v>44</v>
      </c>
      <c r="AO22543">
        <v>44</v>
      </c>
      <c r="AP22543">
        <v>45</v>
      </c>
      <c r="AQ22543">
        <v>45</v>
      </c>
    </row>
    <row r="22544" spans="1:43">
      <c r="A22544" t="s">
        <v>13967</v>
      </c>
      <c r="B22544" t="s">
        <v>13968</v>
      </c>
      <c r="C22544" t="s">
        <v>13963</v>
      </c>
      <c r="D22544" t="s">
        <v>13964</v>
      </c>
      <c r="E22544" t="s">
        <v>13885</v>
      </c>
      <c r="F22544" t="s">
        <v>13886</v>
      </c>
      <c r="G22544" t="s">
        <v>10734</v>
      </c>
      <c r="H22544" t="s">
        <v>10735</v>
      </c>
      <c r="I22544" s="2">
        <v>0</v>
      </c>
      <c r="J22544" s="2">
        <v>0</v>
      </c>
      <c r="K22544" s="2">
        <v>0.78</v>
      </c>
      <c r="L22544" t="s">
        <v>995</v>
      </c>
      <c r="M22544" t="s">
        <v>89</v>
      </c>
      <c r="N22544" t="s">
        <v>90</v>
      </c>
      <c r="O22544" t="s">
        <v>85</v>
      </c>
      <c r="P22544" t="s">
        <v>86</v>
      </c>
      <c r="Q22544">
        <v>34</v>
      </c>
      <c r="R22544">
        <v>35</v>
      </c>
      <c r="S22544">
        <v>36</v>
      </c>
      <c r="T22544">
        <v>37</v>
      </c>
      <c r="U22544">
        <v>38</v>
      </c>
      <c r="V22544">
        <v>39</v>
      </c>
      <c r="W22544">
        <v>40</v>
      </c>
      <c r="X22544">
        <v>40</v>
      </c>
      <c r="Y22544">
        <v>41</v>
      </c>
      <c r="Z22544">
        <v>42</v>
      </c>
      <c r="AA22544">
        <v>43</v>
      </c>
      <c r="AB22544">
        <v>44</v>
      </c>
      <c r="AC22544">
        <v>45</v>
      </c>
      <c r="AD22544">
        <v>46</v>
      </c>
      <c r="AE22544">
        <v>47</v>
      </c>
      <c r="AF22544">
        <v>47</v>
      </c>
      <c r="AG22544">
        <v>48</v>
      </c>
      <c r="AH22544">
        <v>48</v>
      </c>
      <c r="AI22544">
        <v>48</v>
      </c>
      <c r="AJ22544">
        <v>49</v>
      </c>
      <c r="AK22544">
        <v>49</v>
      </c>
      <c r="AL22544">
        <v>50</v>
      </c>
      <c r="AM22544">
        <v>50</v>
      </c>
      <c r="AN22544">
        <v>50</v>
      </c>
      <c r="AO22544">
        <v>51</v>
      </c>
      <c r="AP22544">
        <v>51</v>
      </c>
      <c r="AQ22544">
        <v>52</v>
      </c>
    </row>
    <row r="22545" spans="1:43">
      <c r="A22545" t="s">
        <v>13967</v>
      </c>
      <c r="B22545" t="s">
        <v>13968</v>
      </c>
      <c r="C22545" t="s">
        <v>13963</v>
      </c>
      <c r="D22545" t="s">
        <v>13964</v>
      </c>
      <c r="E22545" t="s">
        <v>13885</v>
      </c>
      <c r="F22545" t="s">
        <v>13886</v>
      </c>
      <c r="G22545" t="s">
        <v>10734</v>
      </c>
      <c r="H22545" t="s">
        <v>10735</v>
      </c>
      <c r="I22545" s="2">
        <v>0</v>
      </c>
      <c r="J22545" s="2">
        <v>0</v>
      </c>
      <c r="K22545" s="2">
        <v>0.78</v>
      </c>
      <c r="L22545" t="s">
        <v>995</v>
      </c>
      <c r="M22545" t="s">
        <v>83</v>
      </c>
      <c r="N22545" t="s">
        <v>91</v>
      </c>
      <c r="O22545" t="s">
        <v>85</v>
      </c>
      <c r="P22545" t="s">
        <v>86</v>
      </c>
      <c r="Q22545">
        <v>34</v>
      </c>
      <c r="R22545">
        <v>35</v>
      </c>
      <c r="S22545">
        <v>36</v>
      </c>
      <c r="T22545">
        <v>36</v>
      </c>
      <c r="U22545">
        <v>37</v>
      </c>
      <c r="V22545">
        <v>38</v>
      </c>
      <c r="W22545">
        <v>39</v>
      </c>
      <c r="X22545">
        <v>39</v>
      </c>
      <c r="Y22545">
        <v>40</v>
      </c>
      <c r="Z22545">
        <v>41</v>
      </c>
      <c r="AA22545">
        <v>42</v>
      </c>
      <c r="AB22545">
        <v>42</v>
      </c>
      <c r="AC22545">
        <v>43</v>
      </c>
      <c r="AD22545">
        <v>44</v>
      </c>
      <c r="AE22545">
        <v>45</v>
      </c>
      <c r="AF22545">
        <v>45</v>
      </c>
      <c r="AG22545">
        <v>46</v>
      </c>
      <c r="AH22545">
        <v>47</v>
      </c>
      <c r="AI22545">
        <v>48</v>
      </c>
      <c r="AJ22545">
        <v>49</v>
      </c>
      <c r="AK22545">
        <v>49</v>
      </c>
      <c r="AL22545">
        <v>50</v>
      </c>
      <c r="AM22545">
        <v>50</v>
      </c>
      <c r="AN22545">
        <v>51</v>
      </c>
      <c r="AO22545">
        <v>51</v>
      </c>
      <c r="AP22545">
        <v>52</v>
      </c>
      <c r="AQ22545">
        <v>52</v>
      </c>
    </row>
    <row r="22546" spans="1:43">
      <c r="A22546" t="s">
        <v>13969</v>
      </c>
      <c r="B22546" t="s">
        <v>13970</v>
      </c>
      <c r="C22546" t="s">
        <v>13963</v>
      </c>
      <c r="D22546" t="s">
        <v>13964</v>
      </c>
      <c r="E22546" t="s">
        <v>13885</v>
      </c>
      <c r="F22546" t="s">
        <v>13886</v>
      </c>
      <c r="G22546" t="s">
        <v>10734</v>
      </c>
      <c r="H22546" t="s">
        <v>10735</v>
      </c>
      <c r="I22546" s="2">
        <v>0</v>
      </c>
      <c r="J22546" s="2">
        <v>0</v>
      </c>
      <c r="K22546" s="2">
        <v>1</v>
      </c>
      <c r="L22546" t="s">
        <v>995</v>
      </c>
      <c r="M22546" t="s">
        <v>83</v>
      </c>
      <c r="N22546" t="s">
        <v>84</v>
      </c>
      <c r="O22546" t="s">
        <v>85</v>
      </c>
      <c r="P22546" t="s">
        <v>86</v>
      </c>
      <c r="Q22546">
        <v>136</v>
      </c>
      <c r="R22546">
        <v>138</v>
      </c>
      <c r="S22546">
        <v>141</v>
      </c>
      <c r="T22546">
        <v>144</v>
      </c>
      <c r="U22546">
        <v>147</v>
      </c>
      <c r="V22546">
        <v>149</v>
      </c>
      <c r="W22546">
        <v>152</v>
      </c>
      <c r="X22546">
        <v>155</v>
      </c>
      <c r="Y22546">
        <v>158</v>
      </c>
      <c r="Z22546">
        <v>161</v>
      </c>
      <c r="AA22546">
        <v>164</v>
      </c>
      <c r="AB22546">
        <v>167</v>
      </c>
      <c r="AC22546">
        <v>170</v>
      </c>
      <c r="AD22546">
        <v>173</v>
      </c>
      <c r="AE22546">
        <v>176</v>
      </c>
      <c r="AF22546">
        <v>179</v>
      </c>
      <c r="AG22546">
        <v>182</v>
      </c>
      <c r="AH22546">
        <v>185</v>
      </c>
      <c r="AI22546">
        <v>188</v>
      </c>
      <c r="AJ22546">
        <v>192</v>
      </c>
      <c r="AK22546">
        <v>195</v>
      </c>
      <c r="AL22546">
        <v>197</v>
      </c>
      <c r="AM22546">
        <v>199</v>
      </c>
      <c r="AN22546">
        <v>201</v>
      </c>
      <c r="AO22546">
        <v>202</v>
      </c>
      <c r="AP22546">
        <v>204</v>
      </c>
      <c r="AQ22546">
        <v>206</v>
      </c>
    </row>
    <row r="22547" spans="1:43">
      <c r="A22547" t="s">
        <v>13969</v>
      </c>
      <c r="B22547" t="s">
        <v>13970</v>
      </c>
      <c r="C22547" t="s">
        <v>13963</v>
      </c>
      <c r="D22547" t="s">
        <v>13964</v>
      </c>
      <c r="E22547" t="s">
        <v>13885</v>
      </c>
      <c r="F22547" t="s">
        <v>13886</v>
      </c>
      <c r="G22547" t="s">
        <v>10734</v>
      </c>
      <c r="H22547" t="s">
        <v>10735</v>
      </c>
      <c r="I22547" s="2">
        <v>0</v>
      </c>
      <c r="J22547" s="2">
        <v>0</v>
      </c>
      <c r="K22547" s="2">
        <v>1</v>
      </c>
      <c r="L22547" t="s">
        <v>995</v>
      </c>
      <c r="M22547" t="s">
        <v>87</v>
      </c>
      <c r="N22547" t="s">
        <v>88</v>
      </c>
      <c r="O22547" t="s">
        <v>85</v>
      </c>
      <c r="P22547" t="s">
        <v>86</v>
      </c>
      <c r="Q22547">
        <v>136</v>
      </c>
      <c r="R22547">
        <v>138</v>
      </c>
      <c r="S22547">
        <v>139</v>
      </c>
      <c r="T22547">
        <v>141</v>
      </c>
      <c r="U22547">
        <v>142</v>
      </c>
      <c r="V22547">
        <v>144</v>
      </c>
      <c r="W22547">
        <v>145</v>
      </c>
      <c r="X22547">
        <v>147</v>
      </c>
      <c r="Y22547">
        <v>148</v>
      </c>
      <c r="Z22547">
        <v>150</v>
      </c>
      <c r="AA22547">
        <v>151</v>
      </c>
      <c r="AB22547">
        <v>153</v>
      </c>
      <c r="AC22547">
        <v>154</v>
      </c>
      <c r="AD22547">
        <v>156</v>
      </c>
      <c r="AE22547">
        <v>158</v>
      </c>
      <c r="AF22547">
        <v>159</v>
      </c>
      <c r="AG22547">
        <v>161</v>
      </c>
      <c r="AH22547">
        <v>163</v>
      </c>
      <c r="AI22547">
        <v>165</v>
      </c>
      <c r="AJ22547">
        <v>167</v>
      </c>
      <c r="AK22547">
        <v>168</v>
      </c>
      <c r="AL22547">
        <v>170</v>
      </c>
      <c r="AM22547">
        <v>172</v>
      </c>
      <c r="AN22547">
        <v>174</v>
      </c>
      <c r="AO22547">
        <v>176</v>
      </c>
      <c r="AP22547">
        <v>178</v>
      </c>
      <c r="AQ22547">
        <v>180</v>
      </c>
    </row>
    <row r="22548" spans="1:43">
      <c r="A22548" t="s">
        <v>13969</v>
      </c>
      <c r="B22548" t="s">
        <v>13970</v>
      </c>
      <c r="C22548" t="s">
        <v>13963</v>
      </c>
      <c r="D22548" t="s">
        <v>13964</v>
      </c>
      <c r="E22548" t="s">
        <v>13885</v>
      </c>
      <c r="F22548" t="s">
        <v>13886</v>
      </c>
      <c r="G22548" t="s">
        <v>10734</v>
      </c>
      <c r="H22548" t="s">
        <v>10735</v>
      </c>
      <c r="I22548" s="2">
        <v>0</v>
      </c>
      <c r="J22548" s="2">
        <v>0</v>
      </c>
      <c r="K22548" s="2">
        <v>1</v>
      </c>
      <c r="L22548" t="s">
        <v>995</v>
      </c>
      <c r="M22548" t="s">
        <v>89</v>
      </c>
      <c r="N22548" t="s">
        <v>90</v>
      </c>
      <c r="O22548" t="s">
        <v>85</v>
      </c>
      <c r="P22548" t="s">
        <v>86</v>
      </c>
      <c r="Q22548">
        <v>136</v>
      </c>
      <c r="R22548">
        <v>140</v>
      </c>
      <c r="S22548">
        <v>144</v>
      </c>
      <c r="T22548">
        <v>148</v>
      </c>
      <c r="U22548">
        <v>151</v>
      </c>
      <c r="V22548">
        <v>155</v>
      </c>
      <c r="W22548">
        <v>159</v>
      </c>
      <c r="X22548">
        <v>163</v>
      </c>
      <c r="Y22548">
        <v>166</v>
      </c>
      <c r="Z22548">
        <v>170</v>
      </c>
      <c r="AA22548">
        <v>173</v>
      </c>
      <c r="AB22548">
        <v>177</v>
      </c>
      <c r="AC22548">
        <v>181</v>
      </c>
      <c r="AD22548">
        <v>185</v>
      </c>
      <c r="AE22548">
        <v>188</v>
      </c>
      <c r="AF22548">
        <v>189</v>
      </c>
      <c r="AG22548">
        <v>191</v>
      </c>
      <c r="AH22548">
        <v>192</v>
      </c>
      <c r="AI22548">
        <v>194</v>
      </c>
      <c r="AJ22548">
        <v>195</v>
      </c>
      <c r="AK22548">
        <v>197</v>
      </c>
      <c r="AL22548">
        <v>199</v>
      </c>
      <c r="AM22548">
        <v>200</v>
      </c>
      <c r="AN22548">
        <v>202</v>
      </c>
      <c r="AO22548">
        <v>204</v>
      </c>
      <c r="AP22548">
        <v>205</v>
      </c>
      <c r="AQ22548">
        <v>207</v>
      </c>
    </row>
    <row r="22549" spans="1:43">
      <c r="A22549" t="s">
        <v>13969</v>
      </c>
      <c r="B22549" t="s">
        <v>13970</v>
      </c>
      <c r="C22549" t="s">
        <v>13963</v>
      </c>
      <c r="D22549" t="s">
        <v>13964</v>
      </c>
      <c r="E22549" t="s">
        <v>13885</v>
      </c>
      <c r="F22549" t="s">
        <v>13886</v>
      </c>
      <c r="G22549" t="s">
        <v>10734</v>
      </c>
      <c r="H22549" t="s">
        <v>10735</v>
      </c>
      <c r="I22549" s="2">
        <v>0</v>
      </c>
      <c r="J22549" s="2">
        <v>0</v>
      </c>
      <c r="K22549" s="2">
        <v>1</v>
      </c>
      <c r="L22549" t="s">
        <v>995</v>
      </c>
      <c r="M22549" t="s">
        <v>83</v>
      </c>
      <c r="N22549" t="s">
        <v>91</v>
      </c>
      <c r="O22549" t="s">
        <v>85</v>
      </c>
      <c r="P22549" t="s">
        <v>86</v>
      </c>
      <c r="Q22549">
        <v>136</v>
      </c>
      <c r="R22549">
        <v>138</v>
      </c>
      <c r="S22549">
        <v>141</v>
      </c>
      <c r="T22549">
        <v>144</v>
      </c>
      <c r="U22549">
        <v>147</v>
      </c>
      <c r="V22549">
        <v>149</v>
      </c>
      <c r="W22549">
        <v>152</v>
      </c>
      <c r="X22549">
        <v>155</v>
      </c>
      <c r="Y22549">
        <v>158</v>
      </c>
      <c r="Z22549">
        <v>161</v>
      </c>
      <c r="AA22549">
        <v>164</v>
      </c>
      <c r="AB22549">
        <v>167</v>
      </c>
      <c r="AC22549">
        <v>170</v>
      </c>
      <c r="AD22549">
        <v>173</v>
      </c>
      <c r="AE22549">
        <v>176</v>
      </c>
      <c r="AF22549">
        <v>179</v>
      </c>
      <c r="AG22549">
        <v>182</v>
      </c>
      <c r="AH22549">
        <v>185</v>
      </c>
      <c r="AI22549">
        <v>188</v>
      </c>
      <c r="AJ22549">
        <v>192</v>
      </c>
      <c r="AK22549">
        <v>195</v>
      </c>
      <c r="AL22549">
        <v>197</v>
      </c>
      <c r="AM22549">
        <v>199</v>
      </c>
      <c r="AN22549">
        <v>201</v>
      </c>
      <c r="AO22549">
        <v>202</v>
      </c>
      <c r="AP22549">
        <v>204</v>
      </c>
      <c r="AQ22549">
        <v>206</v>
      </c>
    </row>
    <row r="22550" spans="1:43">
      <c r="A22550" t="s">
        <v>13971</v>
      </c>
      <c r="B22550" t="s">
        <v>13972</v>
      </c>
      <c r="C22550" t="s">
        <v>13973</v>
      </c>
      <c r="D22550" t="s">
        <v>13974</v>
      </c>
      <c r="E22550" t="s">
        <v>13885</v>
      </c>
      <c r="F22550" t="s">
        <v>13886</v>
      </c>
      <c r="G22550" t="s">
        <v>10734</v>
      </c>
      <c r="H22550" t="s">
        <v>10735</v>
      </c>
      <c r="I22550" s="2">
        <v>0</v>
      </c>
      <c r="J22550" s="2">
        <v>0</v>
      </c>
      <c r="K22550" s="2">
        <v>1</v>
      </c>
      <c r="L22550" t="s">
        <v>995</v>
      </c>
      <c r="M22550" t="s">
        <v>83</v>
      </c>
      <c r="N22550" t="s">
        <v>84</v>
      </c>
      <c r="O22550" t="s">
        <v>85</v>
      </c>
      <c r="P22550" t="s">
        <v>86</v>
      </c>
      <c r="Q22550">
        <v>50</v>
      </c>
      <c r="R22550">
        <v>51</v>
      </c>
      <c r="S22550">
        <v>52</v>
      </c>
      <c r="T22550">
        <v>53</v>
      </c>
      <c r="U22550">
        <v>54</v>
      </c>
      <c r="V22550">
        <v>55</v>
      </c>
      <c r="W22550">
        <v>56</v>
      </c>
      <c r="X22550">
        <v>57</v>
      </c>
      <c r="Y22550">
        <v>58</v>
      </c>
      <c r="Z22550">
        <v>60</v>
      </c>
      <c r="AA22550">
        <v>61</v>
      </c>
      <c r="AB22550">
        <v>62</v>
      </c>
      <c r="AC22550">
        <v>63</v>
      </c>
      <c r="AD22550">
        <v>64</v>
      </c>
      <c r="AE22550">
        <v>65</v>
      </c>
      <c r="AF22550">
        <v>66</v>
      </c>
      <c r="AG22550">
        <v>67</v>
      </c>
      <c r="AH22550">
        <v>68</v>
      </c>
      <c r="AI22550">
        <v>70</v>
      </c>
      <c r="AJ22550">
        <v>71</v>
      </c>
      <c r="AK22550">
        <v>72</v>
      </c>
      <c r="AL22550">
        <v>73</v>
      </c>
      <c r="AM22550">
        <v>73</v>
      </c>
      <c r="AN22550">
        <v>74</v>
      </c>
      <c r="AO22550">
        <v>75</v>
      </c>
      <c r="AP22550">
        <v>75</v>
      </c>
      <c r="AQ22550">
        <v>76</v>
      </c>
    </row>
    <row r="22551" spans="1:43">
      <c r="A22551" t="s">
        <v>13971</v>
      </c>
      <c r="B22551" t="s">
        <v>13972</v>
      </c>
      <c r="C22551" t="s">
        <v>13973</v>
      </c>
      <c r="D22551" t="s">
        <v>13974</v>
      </c>
      <c r="E22551" t="s">
        <v>13885</v>
      </c>
      <c r="F22551" t="s">
        <v>13886</v>
      </c>
      <c r="G22551" t="s">
        <v>10734</v>
      </c>
      <c r="H22551" t="s">
        <v>10735</v>
      </c>
      <c r="I22551" s="2">
        <v>0</v>
      </c>
      <c r="J22551" s="2">
        <v>0</v>
      </c>
      <c r="K22551" s="2">
        <v>1</v>
      </c>
      <c r="L22551" t="s">
        <v>995</v>
      </c>
      <c r="M22551" t="s">
        <v>87</v>
      </c>
      <c r="N22551" t="s">
        <v>88</v>
      </c>
      <c r="O22551" t="s">
        <v>85</v>
      </c>
      <c r="P22551" t="s">
        <v>86</v>
      </c>
      <c r="Q22551">
        <v>50</v>
      </c>
      <c r="R22551">
        <v>50</v>
      </c>
      <c r="S22551">
        <v>51</v>
      </c>
      <c r="T22551">
        <v>51</v>
      </c>
      <c r="U22551">
        <v>52</v>
      </c>
      <c r="V22551">
        <v>52</v>
      </c>
      <c r="W22551">
        <v>53</v>
      </c>
      <c r="X22551">
        <v>54</v>
      </c>
      <c r="Y22551">
        <v>54</v>
      </c>
      <c r="Z22551">
        <v>55</v>
      </c>
      <c r="AA22551">
        <v>55</v>
      </c>
      <c r="AB22551">
        <v>56</v>
      </c>
      <c r="AC22551">
        <v>56</v>
      </c>
      <c r="AD22551">
        <v>57</v>
      </c>
      <c r="AE22551">
        <v>58</v>
      </c>
      <c r="AF22551">
        <v>58</v>
      </c>
      <c r="AG22551">
        <v>59</v>
      </c>
      <c r="AH22551">
        <v>60</v>
      </c>
      <c r="AI22551">
        <v>60</v>
      </c>
      <c r="AJ22551">
        <v>61</v>
      </c>
      <c r="AK22551">
        <v>62</v>
      </c>
      <c r="AL22551">
        <v>62</v>
      </c>
      <c r="AM22551">
        <v>63</v>
      </c>
      <c r="AN22551">
        <v>64</v>
      </c>
      <c r="AO22551">
        <v>64</v>
      </c>
      <c r="AP22551">
        <v>65</v>
      </c>
      <c r="AQ22551">
        <v>66</v>
      </c>
    </row>
    <row r="22552" spans="1:43">
      <c r="A22552" t="s">
        <v>13971</v>
      </c>
      <c r="B22552" t="s">
        <v>13972</v>
      </c>
      <c r="C22552" t="s">
        <v>13973</v>
      </c>
      <c r="D22552" t="s">
        <v>13974</v>
      </c>
      <c r="E22552" t="s">
        <v>13885</v>
      </c>
      <c r="F22552" t="s">
        <v>13886</v>
      </c>
      <c r="G22552" t="s">
        <v>10734</v>
      </c>
      <c r="H22552" t="s">
        <v>10735</v>
      </c>
      <c r="I22552" s="2">
        <v>0</v>
      </c>
      <c r="J22552" s="2">
        <v>0</v>
      </c>
      <c r="K22552" s="2">
        <v>1</v>
      </c>
      <c r="L22552" t="s">
        <v>995</v>
      </c>
      <c r="M22552" t="s">
        <v>89</v>
      </c>
      <c r="N22552" t="s">
        <v>90</v>
      </c>
      <c r="O22552" t="s">
        <v>85</v>
      </c>
      <c r="P22552" t="s">
        <v>86</v>
      </c>
      <c r="Q22552">
        <v>50</v>
      </c>
      <c r="R22552">
        <v>51</v>
      </c>
      <c r="S22552">
        <v>53</v>
      </c>
      <c r="T22552">
        <v>54</v>
      </c>
      <c r="U22552">
        <v>55</v>
      </c>
      <c r="V22552">
        <v>57</v>
      </c>
      <c r="W22552">
        <v>58</v>
      </c>
      <c r="X22552">
        <v>60</v>
      </c>
      <c r="Y22552">
        <v>61</v>
      </c>
      <c r="Z22552">
        <v>62</v>
      </c>
      <c r="AA22552">
        <v>64</v>
      </c>
      <c r="AB22552">
        <v>65</v>
      </c>
      <c r="AC22552">
        <v>66</v>
      </c>
      <c r="AD22552">
        <v>68</v>
      </c>
      <c r="AE22552">
        <v>69</v>
      </c>
      <c r="AF22552">
        <v>69</v>
      </c>
      <c r="AG22552">
        <v>70</v>
      </c>
      <c r="AH22552">
        <v>70</v>
      </c>
      <c r="AI22552">
        <v>71</v>
      </c>
      <c r="AJ22552">
        <v>71</v>
      </c>
      <c r="AK22552">
        <v>72</v>
      </c>
      <c r="AL22552">
        <v>73</v>
      </c>
      <c r="AM22552">
        <v>73</v>
      </c>
      <c r="AN22552">
        <v>74</v>
      </c>
      <c r="AO22552">
        <v>74</v>
      </c>
      <c r="AP22552">
        <v>75</v>
      </c>
      <c r="AQ22552">
        <v>75</v>
      </c>
    </row>
    <row r="22553" spans="1:43">
      <c r="A22553" t="s">
        <v>13971</v>
      </c>
      <c r="B22553" t="s">
        <v>13972</v>
      </c>
      <c r="C22553" t="s">
        <v>13973</v>
      </c>
      <c r="D22553" t="s">
        <v>13974</v>
      </c>
      <c r="E22553" t="s">
        <v>13885</v>
      </c>
      <c r="F22553" t="s">
        <v>13886</v>
      </c>
      <c r="G22553" t="s">
        <v>10734</v>
      </c>
      <c r="H22553" t="s">
        <v>10735</v>
      </c>
      <c r="I22553" s="2">
        <v>0</v>
      </c>
      <c r="J22553" s="2">
        <v>0</v>
      </c>
      <c r="K22553" s="2">
        <v>1</v>
      </c>
      <c r="L22553" t="s">
        <v>995</v>
      </c>
      <c r="M22553" t="s">
        <v>83</v>
      </c>
      <c r="N22553" t="s">
        <v>91</v>
      </c>
      <c r="O22553" t="s">
        <v>85</v>
      </c>
      <c r="P22553" t="s">
        <v>86</v>
      </c>
      <c r="Q22553">
        <v>50</v>
      </c>
      <c r="R22553">
        <v>51</v>
      </c>
      <c r="S22553">
        <v>52</v>
      </c>
      <c r="T22553">
        <v>53</v>
      </c>
      <c r="U22553">
        <v>54</v>
      </c>
      <c r="V22553">
        <v>55</v>
      </c>
      <c r="W22553">
        <v>56</v>
      </c>
      <c r="X22553">
        <v>57</v>
      </c>
      <c r="Y22553">
        <v>58</v>
      </c>
      <c r="Z22553">
        <v>60</v>
      </c>
      <c r="AA22553">
        <v>61</v>
      </c>
      <c r="AB22553">
        <v>62</v>
      </c>
      <c r="AC22553">
        <v>63</v>
      </c>
      <c r="AD22553">
        <v>64</v>
      </c>
      <c r="AE22553">
        <v>65</v>
      </c>
      <c r="AF22553">
        <v>66</v>
      </c>
      <c r="AG22553">
        <v>67</v>
      </c>
      <c r="AH22553">
        <v>68</v>
      </c>
      <c r="AI22553">
        <v>70</v>
      </c>
      <c r="AJ22553">
        <v>71</v>
      </c>
      <c r="AK22553">
        <v>72</v>
      </c>
      <c r="AL22553">
        <v>73</v>
      </c>
      <c r="AM22553">
        <v>73</v>
      </c>
      <c r="AN22553">
        <v>74</v>
      </c>
      <c r="AO22553">
        <v>75</v>
      </c>
      <c r="AP22553">
        <v>75</v>
      </c>
      <c r="AQ22553">
        <v>76</v>
      </c>
    </row>
    <row r="22554" spans="1:43">
      <c r="A22554" t="s">
        <v>13975</v>
      </c>
      <c r="B22554" t="s">
        <v>13976</v>
      </c>
      <c r="C22554" t="s">
        <v>13973</v>
      </c>
      <c r="D22554" t="s">
        <v>13974</v>
      </c>
      <c r="E22554" t="s">
        <v>13885</v>
      </c>
      <c r="F22554" t="s">
        <v>13886</v>
      </c>
      <c r="G22554" t="s">
        <v>10734</v>
      </c>
      <c r="H22554" t="s">
        <v>10735</v>
      </c>
      <c r="I22554" s="2">
        <v>0</v>
      </c>
      <c r="J22554" s="2">
        <v>0</v>
      </c>
      <c r="K22554" s="2">
        <v>1</v>
      </c>
      <c r="L22554" t="s">
        <v>995</v>
      </c>
      <c r="M22554" t="s">
        <v>83</v>
      </c>
      <c r="N22554" t="s">
        <v>84</v>
      </c>
      <c r="O22554" t="s">
        <v>85</v>
      </c>
      <c r="P22554" t="s">
        <v>86</v>
      </c>
      <c r="Q22554">
        <v>15</v>
      </c>
      <c r="R22554">
        <v>16</v>
      </c>
      <c r="S22554">
        <v>16</v>
      </c>
      <c r="T22554">
        <v>16</v>
      </c>
      <c r="U22554">
        <v>17</v>
      </c>
      <c r="V22554">
        <v>17</v>
      </c>
      <c r="W22554">
        <v>17</v>
      </c>
      <c r="X22554">
        <v>18</v>
      </c>
      <c r="Y22554">
        <v>18</v>
      </c>
      <c r="Z22554">
        <v>18</v>
      </c>
      <c r="AA22554">
        <v>19</v>
      </c>
      <c r="AB22554">
        <v>19</v>
      </c>
      <c r="AC22554">
        <v>19</v>
      </c>
      <c r="AD22554">
        <v>20</v>
      </c>
      <c r="AE22554">
        <v>20</v>
      </c>
      <c r="AF22554">
        <v>20</v>
      </c>
      <c r="AG22554">
        <v>21</v>
      </c>
      <c r="AH22554">
        <v>21</v>
      </c>
      <c r="AI22554">
        <v>21</v>
      </c>
      <c r="AJ22554">
        <v>22</v>
      </c>
      <c r="AK22554">
        <v>22</v>
      </c>
      <c r="AL22554">
        <v>22</v>
      </c>
      <c r="AM22554">
        <v>22</v>
      </c>
      <c r="AN22554">
        <v>23</v>
      </c>
      <c r="AO22554">
        <v>23</v>
      </c>
      <c r="AP22554">
        <v>23</v>
      </c>
      <c r="AQ22554">
        <v>23</v>
      </c>
    </row>
    <row r="22555" spans="1:43">
      <c r="A22555" t="s">
        <v>13975</v>
      </c>
      <c r="B22555" t="s">
        <v>13976</v>
      </c>
      <c r="C22555" t="s">
        <v>13973</v>
      </c>
      <c r="D22555" t="s">
        <v>13974</v>
      </c>
      <c r="E22555" t="s">
        <v>13885</v>
      </c>
      <c r="F22555" t="s">
        <v>13886</v>
      </c>
      <c r="G22555" t="s">
        <v>10734</v>
      </c>
      <c r="H22555" t="s">
        <v>10735</v>
      </c>
      <c r="I22555" s="2">
        <v>0</v>
      </c>
      <c r="J22555" s="2">
        <v>0</v>
      </c>
      <c r="K22555" s="2">
        <v>1</v>
      </c>
      <c r="L22555" t="s">
        <v>995</v>
      </c>
      <c r="M22555" t="s">
        <v>87</v>
      </c>
      <c r="N22555" t="s">
        <v>88</v>
      </c>
      <c r="O22555" t="s">
        <v>85</v>
      </c>
      <c r="P22555" t="s">
        <v>86</v>
      </c>
      <c r="Q22555">
        <v>15</v>
      </c>
      <c r="R22555">
        <v>15</v>
      </c>
      <c r="S22555">
        <v>16</v>
      </c>
      <c r="T22555">
        <v>16</v>
      </c>
      <c r="U22555">
        <v>16</v>
      </c>
      <c r="V22555">
        <v>16</v>
      </c>
      <c r="W22555">
        <v>16</v>
      </c>
      <c r="X22555">
        <v>16</v>
      </c>
      <c r="Y22555">
        <v>17</v>
      </c>
      <c r="Z22555">
        <v>17</v>
      </c>
      <c r="AA22555">
        <v>17</v>
      </c>
      <c r="AB22555">
        <v>17</v>
      </c>
      <c r="AC22555">
        <v>17</v>
      </c>
      <c r="AD22555">
        <v>17</v>
      </c>
      <c r="AE22555">
        <v>18</v>
      </c>
      <c r="AF22555">
        <v>18</v>
      </c>
      <c r="AG22555">
        <v>18</v>
      </c>
      <c r="AH22555">
        <v>18</v>
      </c>
      <c r="AI22555">
        <v>18</v>
      </c>
      <c r="AJ22555">
        <v>19</v>
      </c>
      <c r="AK22555">
        <v>19</v>
      </c>
      <c r="AL22555">
        <v>19</v>
      </c>
      <c r="AM22555">
        <v>19</v>
      </c>
      <c r="AN22555">
        <v>19</v>
      </c>
      <c r="AO22555">
        <v>20</v>
      </c>
      <c r="AP22555">
        <v>20</v>
      </c>
      <c r="AQ22555">
        <v>20</v>
      </c>
    </row>
    <row r="22556" spans="1:43">
      <c r="A22556" t="s">
        <v>13975</v>
      </c>
      <c r="B22556" t="s">
        <v>13976</v>
      </c>
      <c r="C22556" t="s">
        <v>13973</v>
      </c>
      <c r="D22556" t="s">
        <v>13974</v>
      </c>
      <c r="E22556" t="s">
        <v>13885</v>
      </c>
      <c r="F22556" t="s">
        <v>13886</v>
      </c>
      <c r="G22556" t="s">
        <v>10734</v>
      </c>
      <c r="H22556" t="s">
        <v>10735</v>
      </c>
      <c r="I22556" s="2">
        <v>0</v>
      </c>
      <c r="J22556" s="2">
        <v>0</v>
      </c>
      <c r="K22556" s="2">
        <v>1</v>
      </c>
      <c r="L22556" t="s">
        <v>995</v>
      </c>
      <c r="M22556" t="s">
        <v>89</v>
      </c>
      <c r="N22556" t="s">
        <v>90</v>
      </c>
      <c r="O22556" t="s">
        <v>85</v>
      </c>
      <c r="P22556" t="s">
        <v>86</v>
      </c>
      <c r="Q22556">
        <v>15</v>
      </c>
      <c r="R22556">
        <v>16</v>
      </c>
      <c r="S22556">
        <v>16</v>
      </c>
      <c r="T22556">
        <v>17</v>
      </c>
      <c r="U22556">
        <v>17</v>
      </c>
      <c r="V22556">
        <v>18</v>
      </c>
      <c r="W22556">
        <v>18</v>
      </c>
      <c r="X22556">
        <v>19</v>
      </c>
      <c r="Y22556">
        <v>19</v>
      </c>
      <c r="Z22556">
        <v>19</v>
      </c>
      <c r="AA22556">
        <v>20</v>
      </c>
      <c r="AB22556">
        <v>20</v>
      </c>
      <c r="AC22556">
        <v>21</v>
      </c>
      <c r="AD22556">
        <v>21</v>
      </c>
      <c r="AE22556">
        <v>21</v>
      </c>
      <c r="AF22556">
        <v>21</v>
      </c>
      <c r="AG22556">
        <v>22</v>
      </c>
      <c r="AH22556">
        <v>22</v>
      </c>
      <c r="AI22556">
        <v>22</v>
      </c>
      <c r="AJ22556">
        <v>22</v>
      </c>
      <c r="AK22556">
        <v>22</v>
      </c>
      <c r="AL22556">
        <v>23</v>
      </c>
      <c r="AM22556">
        <v>23</v>
      </c>
      <c r="AN22556">
        <v>23</v>
      </c>
      <c r="AO22556">
        <v>23</v>
      </c>
      <c r="AP22556">
        <v>23</v>
      </c>
      <c r="AQ22556">
        <v>23</v>
      </c>
    </row>
    <row r="22557" spans="1:43">
      <c r="A22557" t="s">
        <v>13975</v>
      </c>
      <c r="B22557" t="s">
        <v>13976</v>
      </c>
      <c r="C22557" t="s">
        <v>13973</v>
      </c>
      <c r="D22557" t="s">
        <v>13974</v>
      </c>
      <c r="E22557" t="s">
        <v>13885</v>
      </c>
      <c r="F22557" t="s">
        <v>13886</v>
      </c>
      <c r="G22557" t="s">
        <v>10734</v>
      </c>
      <c r="H22557" t="s">
        <v>10735</v>
      </c>
      <c r="I22557" s="2">
        <v>0</v>
      </c>
      <c r="J22557" s="2">
        <v>0</v>
      </c>
      <c r="K22557" s="2">
        <v>1</v>
      </c>
      <c r="L22557" t="s">
        <v>995</v>
      </c>
      <c r="M22557" t="s">
        <v>83</v>
      </c>
      <c r="N22557" t="s">
        <v>91</v>
      </c>
      <c r="O22557" t="s">
        <v>85</v>
      </c>
      <c r="P22557" t="s">
        <v>86</v>
      </c>
      <c r="Q22557">
        <v>15</v>
      </c>
      <c r="R22557">
        <v>16</v>
      </c>
      <c r="S22557">
        <v>16</v>
      </c>
      <c r="T22557">
        <v>16</v>
      </c>
      <c r="U22557">
        <v>17</v>
      </c>
      <c r="V22557">
        <v>17</v>
      </c>
      <c r="W22557">
        <v>17</v>
      </c>
      <c r="X22557">
        <v>18</v>
      </c>
      <c r="Y22557">
        <v>18</v>
      </c>
      <c r="Z22557">
        <v>18</v>
      </c>
      <c r="AA22557">
        <v>19</v>
      </c>
      <c r="AB22557">
        <v>19</v>
      </c>
      <c r="AC22557">
        <v>19</v>
      </c>
      <c r="AD22557">
        <v>20</v>
      </c>
      <c r="AE22557">
        <v>20</v>
      </c>
      <c r="AF22557">
        <v>20</v>
      </c>
      <c r="AG22557">
        <v>21</v>
      </c>
      <c r="AH22557">
        <v>21</v>
      </c>
      <c r="AI22557">
        <v>21</v>
      </c>
      <c r="AJ22557">
        <v>22</v>
      </c>
      <c r="AK22557">
        <v>22</v>
      </c>
      <c r="AL22557">
        <v>22</v>
      </c>
      <c r="AM22557">
        <v>22</v>
      </c>
      <c r="AN22557">
        <v>23</v>
      </c>
      <c r="AO22557">
        <v>23</v>
      </c>
      <c r="AP22557">
        <v>23</v>
      </c>
      <c r="AQ22557">
        <v>23</v>
      </c>
    </row>
    <row r="22558" spans="1:43">
      <c r="A22558" t="s">
        <v>13977</v>
      </c>
      <c r="B22558" t="s">
        <v>13978</v>
      </c>
      <c r="C22558" t="s">
        <v>13973</v>
      </c>
      <c r="D22558" t="s">
        <v>13974</v>
      </c>
      <c r="E22558" t="s">
        <v>13885</v>
      </c>
      <c r="F22558" t="s">
        <v>13886</v>
      </c>
      <c r="G22558" t="s">
        <v>10734</v>
      </c>
      <c r="H22558" t="s">
        <v>10735</v>
      </c>
      <c r="I22558" s="2">
        <v>0</v>
      </c>
      <c r="J22558" s="2">
        <v>0</v>
      </c>
      <c r="K22558" s="2">
        <v>1</v>
      </c>
      <c r="L22558" t="s">
        <v>995</v>
      </c>
      <c r="M22558" t="s">
        <v>83</v>
      </c>
      <c r="N22558" t="s">
        <v>84</v>
      </c>
      <c r="O22558" t="s">
        <v>85</v>
      </c>
      <c r="P22558" t="s">
        <v>86</v>
      </c>
      <c r="Q22558">
        <v>39</v>
      </c>
      <c r="R22558">
        <v>39</v>
      </c>
      <c r="S22558">
        <v>40</v>
      </c>
      <c r="T22558">
        <v>41</v>
      </c>
      <c r="U22558">
        <v>42</v>
      </c>
      <c r="V22558">
        <v>43</v>
      </c>
      <c r="W22558">
        <v>43</v>
      </c>
      <c r="X22558">
        <v>44</v>
      </c>
      <c r="Y22558">
        <v>45</v>
      </c>
      <c r="Z22558">
        <v>46</v>
      </c>
      <c r="AA22558">
        <v>47</v>
      </c>
      <c r="AB22558">
        <v>48</v>
      </c>
      <c r="AC22558">
        <v>48</v>
      </c>
      <c r="AD22558">
        <v>49</v>
      </c>
      <c r="AE22558">
        <v>50</v>
      </c>
      <c r="AF22558">
        <v>51</v>
      </c>
      <c r="AG22558">
        <v>52</v>
      </c>
      <c r="AH22558">
        <v>53</v>
      </c>
      <c r="AI22558">
        <v>54</v>
      </c>
      <c r="AJ22558">
        <v>55</v>
      </c>
      <c r="AK22558">
        <v>55</v>
      </c>
      <c r="AL22558">
        <v>56</v>
      </c>
      <c r="AM22558">
        <v>57</v>
      </c>
      <c r="AN22558">
        <v>57</v>
      </c>
      <c r="AO22558">
        <v>57</v>
      </c>
      <c r="AP22558">
        <v>58</v>
      </c>
      <c r="AQ22558">
        <v>58</v>
      </c>
    </row>
    <row r="22559" spans="1:43">
      <c r="A22559" t="s">
        <v>13977</v>
      </c>
      <c r="B22559" t="s">
        <v>13978</v>
      </c>
      <c r="C22559" t="s">
        <v>13973</v>
      </c>
      <c r="D22559" t="s">
        <v>13974</v>
      </c>
      <c r="E22559" t="s">
        <v>13885</v>
      </c>
      <c r="F22559" t="s">
        <v>13886</v>
      </c>
      <c r="G22559" t="s">
        <v>10734</v>
      </c>
      <c r="H22559" t="s">
        <v>10735</v>
      </c>
      <c r="I22559" s="2">
        <v>0</v>
      </c>
      <c r="J22559" s="2">
        <v>0</v>
      </c>
      <c r="K22559" s="2">
        <v>1</v>
      </c>
      <c r="L22559" t="s">
        <v>995</v>
      </c>
      <c r="M22559" t="s">
        <v>87</v>
      </c>
      <c r="N22559" t="s">
        <v>88</v>
      </c>
      <c r="O22559" t="s">
        <v>85</v>
      </c>
      <c r="P22559" t="s">
        <v>86</v>
      </c>
      <c r="Q22559">
        <v>39</v>
      </c>
      <c r="R22559">
        <v>40</v>
      </c>
      <c r="S22559">
        <v>40</v>
      </c>
      <c r="T22559">
        <v>40</v>
      </c>
      <c r="U22559">
        <v>41</v>
      </c>
      <c r="V22559">
        <v>41</v>
      </c>
      <c r="W22559">
        <v>42</v>
      </c>
      <c r="X22559">
        <v>42</v>
      </c>
      <c r="Y22559">
        <v>43</v>
      </c>
      <c r="Z22559">
        <v>43</v>
      </c>
      <c r="AA22559">
        <v>43</v>
      </c>
      <c r="AB22559">
        <v>44</v>
      </c>
      <c r="AC22559">
        <v>44</v>
      </c>
      <c r="AD22559">
        <v>45</v>
      </c>
      <c r="AE22559">
        <v>45</v>
      </c>
      <c r="AF22559">
        <v>46</v>
      </c>
      <c r="AG22559">
        <v>46</v>
      </c>
      <c r="AH22559">
        <v>47</v>
      </c>
      <c r="AI22559">
        <v>47</v>
      </c>
      <c r="AJ22559">
        <v>48</v>
      </c>
      <c r="AK22559">
        <v>48</v>
      </c>
      <c r="AL22559">
        <v>49</v>
      </c>
      <c r="AM22559">
        <v>49</v>
      </c>
      <c r="AN22559">
        <v>50</v>
      </c>
      <c r="AO22559">
        <v>50</v>
      </c>
      <c r="AP22559">
        <v>51</v>
      </c>
      <c r="AQ22559">
        <v>52</v>
      </c>
    </row>
    <row r="22560" spans="1:43">
      <c r="A22560" t="s">
        <v>13977</v>
      </c>
      <c r="B22560" t="s">
        <v>13978</v>
      </c>
      <c r="C22560" t="s">
        <v>13973</v>
      </c>
      <c r="D22560" t="s">
        <v>13974</v>
      </c>
      <c r="E22560" t="s">
        <v>13885</v>
      </c>
      <c r="F22560" t="s">
        <v>13886</v>
      </c>
      <c r="G22560" t="s">
        <v>10734</v>
      </c>
      <c r="H22560" t="s">
        <v>10735</v>
      </c>
      <c r="I22560" s="2">
        <v>0</v>
      </c>
      <c r="J22560" s="2">
        <v>0</v>
      </c>
      <c r="K22560" s="2">
        <v>1</v>
      </c>
      <c r="L22560" t="s">
        <v>995</v>
      </c>
      <c r="M22560" t="s">
        <v>89</v>
      </c>
      <c r="N22560" t="s">
        <v>90</v>
      </c>
      <c r="O22560" t="s">
        <v>85</v>
      </c>
      <c r="P22560" t="s">
        <v>86</v>
      </c>
      <c r="Q22560">
        <v>39</v>
      </c>
      <c r="R22560">
        <v>40</v>
      </c>
      <c r="S22560">
        <v>41</v>
      </c>
      <c r="T22560">
        <v>42</v>
      </c>
      <c r="U22560">
        <v>43</v>
      </c>
      <c r="V22560">
        <v>44</v>
      </c>
      <c r="W22560">
        <v>46</v>
      </c>
      <c r="X22560">
        <v>47</v>
      </c>
      <c r="Y22560">
        <v>48</v>
      </c>
      <c r="Z22560">
        <v>49</v>
      </c>
      <c r="AA22560">
        <v>50</v>
      </c>
      <c r="AB22560">
        <v>51</v>
      </c>
      <c r="AC22560">
        <v>52</v>
      </c>
      <c r="AD22560">
        <v>53</v>
      </c>
      <c r="AE22560">
        <v>54</v>
      </c>
      <c r="AF22560">
        <v>54</v>
      </c>
      <c r="AG22560">
        <v>54</v>
      </c>
      <c r="AH22560">
        <v>55</v>
      </c>
      <c r="AI22560">
        <v>55</v>
      </c>
      <c r="AJ22560">
        <v>56</v>
      </c>
      <c r="AK22560">
        <v>56</v>
      </c>
      <c r="AL22560">
        <v>57</v>
      </c>
      <c r="AM22560">
        <v>57</v>
      </c>
      <c r="AN22560">
        <v>58</v>
      </c>
      <c r="AO22560">
        <v>58</v>
      </c>
      <c r="AP22560">
        <v>58</v>
      </c>
      <c r="AQ22560">
        <v>59</v>
      </c>
    </row>
    <row r="22561" spans="1:43">
      <c r="A22561" t="s">
        <v>13977</v>
      </c>
      <c r="B22561" t="s">
        <v>13978</v>
      </c>
      <c r="C22561" t="s">
        <v>13973</v>
      </c>
      <c r="D22561" t="s">
        <v>13974</v>
      </c>
      <c r="E22561" t="s">
        <v>13885</v>
      </c>
      <c r="F22561" t="s">
        <v>13886</v>
      </c>
      <c r="G22561" t="s">
        <v>10734</v>
      </c>
      <c r="H22561" t="s">
        <v>10735</v>
      </c>
      <c r="I22561" s="2">
        <v>0</v>
      </c>
      <c r="J22561" s="2">
        <v>0</v>
      </c>
      <c r="K22561" s="2">
        <v>1</v>
      </c>
      <c r="L22561" t="s">
        <v>995</v>
      </c>
      <c r="M22561" t="s">
        <v>83</v>
      </c>
      <c r="N22561" t="s">
        <v>91</v>
      </c>
      <c r="O22561" t="s">
        <v>85</v>
      </c>
      <c r="P22561" t="s">
        <v>86</v>
      </c>
      <c r="Q22561">
        <v>39</v>
      </c>
      <c r="R22561">
        <v>39</v>
      </c>
      <c r="S22561">
        <v>40</v>
      </c>
      <c r="T22561">
        <v>41</v>
      </c>
      <c r="U22561">
        <v>42</v>
      </c>
      <c r="V22561">
        <v>43</v>
      </c>
      <c r="W22561">
        <v>43</v>
      </c>
      <c r="X22561">
        <v>44</v>
      </c>
      <c r="Y22561">
        <v>45</v>
      </c>
      <c r="Z22561">
        <v>46</v>
      </c>
      <c r="AA22561">
        <v>47</v>
      </c>
      <c r="AB22561">
        <v>48</v>
      </c>
      <c r="AC22561">
        <v>48</v>
      </c>
      <c r="AD22561">
        <v>49</v>
      </c>
      <c r="AE22561">
        <v>50</v>
      </c>
      <c r="AF22561">
        <v>51</v>
      </c>
      <c r="AG22561">
        <v>52</v>
      </c>
      <c r="AH22561">
        <v>53</v>
      </c>
      <c r="AI22561">
        <v>54</v>
      </c>
      <c r="AJ22561">
        <v>55</v>
      </c>
      <c r="AK22561">
        <v>55</v>
      </c>
      <c r="AL22561">
        <v>56</v>
      </c>
      <c r="AM22561">
        <v>57</v>
      </c>
      <c r="AN22561">
        <v>57</v>
      </c>
      <c r="AO22561">
        <v>57</v>
      </c>
      <c r="AP22561">
        <v>58</v>
      </c>
      <c r="AQ22561">
        <v>58</v>
      </c>
    </row>
    <row r="22562" spans="1:43">
      <c r="A22562" t="s">
        <v>13979</v>
      </c>
      <c r="B22562" t="s">
        <v>13980</v>
      </c>
      <c r="C22562" t="s">
        <v>13899</v>
      </c>
      <c r="D22562" t="s">
        <v>13900</v>
      </c>
      <c r="E22562" t="s">
        <v>13885</v>
      </c>
      <c r="F22562" t="s">
        <v>13886</v>
      </c>
      <c r="G22562" t="s">
        <v>10734</v>
      </c>
      <c r="H22562" t="s">
        <v>10735</v>
      </c>
      <c r="I22562" s="2">
        <v>0</v>
      </c>
      <c r="J22562" s="2">
        <v>0</v>
      </c>
      <c r="K22562" s="2">
        <v>1</v>
      </c>
      <c r="L22562" t="s">
        <v>995</v>
      </c>
      <c r="M22562" t="s">
        <v>83</v>
      </c>
      <c r="N22562" t="s">
        <v>84</v>
      </c>
      <c r="O22562" t="s">
        <v>85</v>
      </c>
      <c r="P22562" t="s">
        <v>86</v>
      </c>
      <c r="Q22562">
        <v>18</v>
      </c>
      <c r="R22562">
        <v>18</v>
      </c>
      <c r="S22562">
        <v>18</v>
      </c>
      <c r="T22562">
        <v>19</v>
      </c>
      <c r="U22562">
        <v>19</v>
      </c>
      <c r="V22562">
        <v>19</v>
      </c>
      <c r="W22562">
        <v>20</v>
      </c>
      <c r="X22562">
        <v>20</v>
      </c>
      <c r="Y22562">
        <v>21</v>
      </c>
      <c r="Z22562">
        <v>21</v>
      </c>
      <c r="AA22562">
        <v>21</v>
      </c>
      <c r="AB22562">
        <v>22</v>
      </c>
      <c r="AC22562">
        <v>22</v>
      </c>
      <c r="AD22562">
        <v>22</v>
      </c>
      <c r="AE22562">
        <v>23</v>
      </c>
      <c r="AF22562">
        <v>23</v>
      </c>
      <c r="AG22562">
        <v>24</v>
      </c>
      <c r="AH22562">
        <v>24</v>
      </c>
      <c r="AI22562">
        <v>24</v>
      </c>
      <c r="AJ22562">
        <v>25</v>
      </c>
      <c r="AK22562">
        <v>25</v>
      </c>
      <c r="AL22562">
        <v>25</v>
      </c>
      <c r="AM22562">
        <v>26</v>
      </c>
      <c r="AN22562">
        <v>26</v>
      </c>
      <c r="AO22562">
        <v>26</v>
      </c>
      <c r="AP22562">
        <v>26</v>
      </c>
      <c r="AQ22562">
        <v>26</v>
      </c>
    </row>
    <row r="22563" spans="1:43">
      <c r="A22563" t="s">
        <v>13979</v>
      </c>
      <c r="B22563" t="s">
        <v>13980</v>
      </c>
      <c r="C22563" t="s">
        <v>13899</v>
      </c>
      <c r="D22563" t="s">
        <v>13900</v>
      </c>
      <c r="E22563" t="s">
        <v>13885</v>
      </c>
      <c r="F22563" t="s">
        <v>13886</v>
      </c>
      <c r="G22563" t="s">
        <v>10734</v>
      </c>
      <c r="H22563" t="s">
        <v>10735</v>
      </c>
      <c r="I22563" s="2">
        <v>0</v>
      </c>
      <c r="J22563" s="2">
        <v>0</v>
      </c>
      <c r="K22563" s="2">
        <v>1</v>
      </c>
      <c r="L22563" t="s">
        <v>995</v>
      </c>
      <c r="M22563" t="s">
        <v>87</v>
      </c>
      <c r="N22563" t="s">
        <v>88</v>
      </c>
      <c r="O22563" t="s">
        <v>85</v>
      </c>
      <c r="P22563" t="s">
        <v>86</v>
      </c>
      <c r="Q22563">
        <v>18</v>
      </c>
      <c r="R22563">
        <v>19</v>
      </c>
      <c r="S22563">
        <v>19</v>
      </c>
      <c r="T22563">
        <v>19</v>
      </c>
      <c r="U22563">
        <v>19</v>
      </c>
      <c r="V22563">
        <v>19</v>
      </c>
      <c r="W22563">
        <v>20</v>
      </c>
      <c r="X22563">
        <v>20</v>
      </c>
      <c r="Y22563">
        <v>20</v>
      </c>
      <c r="Z22563">
        <v>20</v>
      </c>
      <c r="AA22563">
        <v>20</v>
      </c>
      <c r="AB22563">
        <v>21</v>
      </c>
      <c r="AC22563">
        <v>21</v>
      </c>
      <c r="AD22563">
        <v>21</v>
      </c>
      <c r="AE22563">
        <v>21</v>
      </c>
      <c r="AF22563">
        <v>21</v>
      </c>
      <c r="AG22563">
        <v>22</v>
      </c>
      <c r="AH22563">
        <v>22</v>
      </c>
      <c r="AI22563">
        <v>22</v>
      </c>
      <c r="AJ22563">
        <v>22</v>
      </c>
      <c r="AK22563">
        <v>23</v>
      </c>
      <c r="AL22563">
        <v>23</v>
      </c>
      <c r="AM22563">
        <v>23</v>
      </c>
      <c r="AN22563">
        <v>23</v>
      </c>
      <c r="AO22563">
        <v>24</v>
      </c>
      <c r="AP22563">
        <v>24</v>
      </c>
      <c r="AQ22563">
        <v>24</v>
      </c>
    </row>
    <row r="22564" spans="1:43">
      <c r="A22564" t="s">
        <v>13979</v>
      </c>
      <c r="B22564" t="s">
        <v>13980</v>
      </c>
      <c r="C22564" t="s">
        <v>13899</v>
      </c>
      <c r="D22564" t="s">
        <v>13900</v>
      </c>
      <c r="E22564" t="s">
        <v>13885</v>
      </c>
      <c r="F22564" t="s">
        <v>13886</v>
      </c>
      <c r="G22564" t="s">
        <v>10734</v>
      </c>
      <c r="H22564" t="s">
        <v>10735</v>
      </c>
      <c r="I22564" s="2">
        <v>0</v>
      </c>
      <c r="J22564" s="2">
        <v>0</v>
      </c>
      <c r="K22564" s="2">
        <v>1</v>
      </c>
      <c r="L22564" t="s">
        <v>995</v>
      </c>
      <c r="M22564" t="s">
        <v>89</v>
      </c>
      <c r="N22564" t="s">
        <v>90</v>
      </c>
      <c r="O22564" t="s">
        <v>85</v>
      </c>
      <c r="P22564" t="s">
        <v>86</v>
      </c>
      <c r="Q22564">
        <v>18</v>
      </c>
      <c r="R22564">
        <v>18</v>
      </c>
      <c r="S22564">
        <v>19</v>
      </c>
      <c r="T22564">
        <v>19</v>
      </c>
      <c r="U22564">
        <v>20</v>
      </c>
      <c r="V22564">
        <v>20</v>
      </c>
      <c r="W22564">
        <v>21</v>
      </c>
      <c r="X22564">
        <v>21</v>
      </c>
      <c r="Y22564">
        <v>22</v>
      </c>
      <c r="Z22564">
        <v>22</v>
      </c>
      <c r="AA22564">
        <v>23</v>
      </c>
      <c r="AB22564">
        <v>23</v>
      </c>
      <c r="AC22564">
        <v>24</v>
      </c>
      <c r="AD22564">
        <v>24</v>
      </c>
      <c r="AE22564">
        <v>24</v>
      </c>
      <c r="AF22564">
        <v>25</v>
      </c>
      <c r="AG22564">
        <v>25</v>
      </c>
      <c r="AH22564">
        <v>25</v>
      </c>
      <c r="AI22564">
        <v>25</v>
      </c>
      <c r="AJ22564">
        <v>25</v>
      </c>
      <c r="AK22564">
        <v>25</v>
      </c>
      <c r="AL22564">
        <v>26</v>
      </c>
      <c r="AM22564">
        <v>26</v>
      </c>
      <c r="AN22564">
        <v>26</v>
      </c>
      <c r="AO22564">
        <v>26</v>
      </c>
      <c r="AP22564">
        <v>26</v>
      </c>
      <c r="AQ22564">
        <v>27</v>
      </c>
    </row>
    <row r="22565" spans="1:43">
      <c r="A22565" t="s">
        <v>13979</v>
      </c>
      <c r="B22565" t="s">
        <v>13980</v>
      </c>
      <c r="C22565" t="s">
        <v>13899</v>
      </c>
      <c r="D22565" t="s">
        <v>13900</v>
      </c>
      <c r="E22565" t="s">
        <v>13885</v>
      </c>
      <c r="F22565" t="s">
        <v>13886</v>
      </c>
      <c r="G22565" t="s">
        <v>10734</v>
      </c>
      <c r="H22565" t="s">
        <v>10735</v>
      </c>
      <c r="I22565" s="2">
        <v>0</v>
      </c>
      <c r="J22565" s="2">
        <v>0</v>
      </c>
      <c r="K22565" s="2">
        <v>1</v>
      </c>
      <c r="L22565" t="s">
        <v>995</v>
      </c>
      <c r="M22565" t="s">
        <v>83</v>
      </c>
      <c r="N22565" t="s">
        <v>91</v>
      </c>
      <c r="O22565" t="s">
        <v>85</v>
      </c>
      <c r="P22565" t="s">
        <v>86</v>
      </c>
      <c r="Q22565">
        <v>18</v>
      </c>
      <c r="R22565">
        <v>18</v>
      </c>
      <c r="S22565">
        <v>18</v>
      </c>
      <c r="T22565">
        <v>19</v>
      </c>
      <c r="U22565">
        <v>19</v>
      </c>
      <c r="V22565">
        <v>19</v>
      </c>
      <c r="W22565">
        <v>20</v>
      </c>
      <c r="X22565">
        <v>20</v>
      </c>
      <c r="Y22565">
        <v>21</v>
      </c>
      <c r="Z22565">
        <v>21</v>
      </c>
      <c r="AA22565">
        <v>21</v>
      </c>
      <c r="AB22565">
        <v>22</v>
      </c>
      <c r="AC22565">
        <v>22</v>
      </c>
      <c r="AD22565">
        <v>22</v>
      </c>
      <c r="AE22565">
        <v>23</v>
      </c>
      <c r="AF22565">
        <v>23</v>
      </c>
      <c r="AG22565">
        <v>24</v>
      </c>
      <c r="AH22565">
        <v>24</v>
      </c>
      <c r="AI22565">
        <v>24</v>
      </c>
      <c r="AJ22565">
        <v>25</v>
      </c>
      <c r="AK22565">
        <v>25</v>
      </c>
      <c r="AL22565">
        <v>25</v>
      </c>
      <c r="AM22565">
        <v>26</v>
      </c>
      <c r="AN22565">
        <v>26</v>
      </c>
      <c r="AO22565">
        <v>26</v>
      </c>
      <c r="AP22565">
        <v>26</v>
      </c>
      <c r="AQ22565">
        <v>26</v>
      </c>
    </row>
    <row r="22566" spans="1:43">
      <c r="A22566" t="s">
        <v>13981</v>
      </c>
      <c r="B22566" t="s">
        <v>13982</v>
      </c>
      <c r="C22566" t="s">
        <v>13899</v>
      </c>
      <c r="D22566" t="s">
        <v>13900</v>
      </c>
      <c r="E22566" t="s">
        <v>13885</v>
      </c>
      <c r="F22566" t="s">
        <v>13886</v>
      </c>
      <c r="G22566" t="s">
        <v>10734</v>
      </c>
      <c r="H22566" t="s">
        <v>10735</v>
      </c>
      <c r="I22566" s="2">
        <v>0</v>
      </c>
      <c r="J22566" s="2">
        <v>0</v>
      </c>
      <c r="K22566" s="2">
        <v>1</v>
      </c>
      <c r="L22566" t="s">
        <v>995</v>
      </c>
      <c r="M22566" t="s">
        <v>83</v>
      </c>
      <c r="N22566" t="s">
        <v>84</v>
      </c>
      <c r="O22566" t="s">
        <v>85</v>
      </c>
      <c r="P22566" t="s">
        <v>86</v>
      </c>
      <c r="Q22566">
        <v>19</v>
      </c>
      <c r="R22566">
        <v>19</v>
      </c>
      <c r="S22566">
        <v>20</v>
      </c>
      <c r="T22566">
        <v>20</v>
      </c>
      <c r="U22566">
        <v>21</v>
      </c>
      <c r="V22566">
        <v>21</v>
      </c>
      <c r="W22566">
        <v>21</v>
      </c>
      <c r="X22566">
        <v>22</v>
      </c>
      <c r="Y22566">
        <v>22</v>
      </c>
      <c r="Z22566">
        <v>23</v>
      </c>
      <c r="AA22566">
        <v>23</v>
      </c>
      <c r="AB22566">
        <v>23</v>
      </c>
      <c r="AC22566">
        <v>24</v>
      </c>
      <c r="AD22566">
        <v>24</v>
      </c>
      <c r="AE22566">
        <v>25</v>
      </c>
      <c r="AF22566">
        <v>25</v>
      </c>
      <c r="AG22566">
        <v>25</v>
      </c>
      <c r="AH22566">
        <v>26</v>
      </c>
      <c r="AI22566">
        <v>26</v>
      </c>
      <c r="AJ22566">
        <v>27</v>
      </c>
      <c r="AK22566">
        <v>27</v>
      </c>
      <c r="AL22566">
        <v>27</v>
      </c>
      <c r="AM22566">
        <v>28</v>
      </c>
      <c r="AN22566">
        <v>28</v>
      </c>
      <c r="AO22566">
        <v>28</v>
      </c>
      <c r="AP22566">
        <v>28</v>
      </c>
      <c r="AQ22566">
        <v>28</v>
      </c>
    </row>
    <row r="22567" spans="1:43">
      <c r="A22567" t="s">
        <v>13981</v>
      </c>
      <c r="B22567" t="s">
        <v>13982</v>
      </c>
      <c r="C22567" t="s">
        <v>13899</v>
      </c>
      <c r="D22567" t="s">
        <v>13900</v>
      </c>
      <c r="E22567" t="s">
        <v>13885</v>
      </c>
      <c r="F22567" t="s">
        <v>13886</v>
      </c>
      <c r="G22567" t="s">
        <v>10734</v>
      </c>
      <c r="H22567" t="s">
        <v>10735</v>
      </c>
      <c r="I22567" s="2">
        <v>0</v>
      </c>
      <c r="J22567" s="2">
        <v>0</v>
      </c>
      <c r="K22567" s="2">
        <v>1</v>
      </c>
      <c r="L22567" t="s">
        <v>995</v>
      </c>
      <c r="M22567" t="s">
        <v>87</v>
      </c>
      <c r="N22567" t="s">
        <v>88</v>
      </c>
      <c r="O22567" t="s">
        <v>85</v>
      </c>
      <c r="P22567" t="s">
        <v>86</v>
      </c>
      <c r="Q22567">
        <v>19</v>
      </c>
      <c r="R22567">
        <v>19</v>
      </c>
      <c r="S22567">
        <v>19</v>
      </c>
      <c r="T22567">
        <v>19</v>
      </c>
      <c r="U22567">
        <v>20</v>
      </c>
      <c r="V22567">
        <v>20</v>
      </c>
      <c r="W22567">
        <v>20</v>
      </c>
      <c r="X22567">
        <v>20</v>
      </c>
      <c r="Y22567">
        <v>20</v>
      </c>
      <c r="Z22567">
        <v>21</v>
      </c>
      <c r="AA22567">
        <v>21</v>
      </c>
      <c r="AB22567">
        <v>21</v>
      </c>
      <c r="AC22567">
        <v>21</v>
      </c>
      <c r="AD22567">
        <v>22</v>
      </c>
      <c r="AE22567">
        <v>22</v>
      </c>
      <c r="AF22567">
        <v>22</v>
      </c>
      <c r="AG22567">
        <v>22</v>
      </c>
      <c r="AH22567">
        <v>23</v>
      </c>
      <c r="AI22567">
        <v>23</v>
      </c>
      <c r="AJ22567">
        <v>23</v>
      </c>
      <c r="AK22567">
        <v>23</v>
      </c>
      <c r="AL22567">
        <v>24</v>
      </c>
      <c r="AM22567">
        <v>24</v>
      </c>
      <c r="AN22567">
        <v>24</v>
      </c>
      <c r="AO22567">
        <v>24</v>
      </c>
      <c r="AP22567">
        <v>25</v>
      </c>
      <c r="AQ22567">
        <v>25</v>
      </c>
    </row>
    <row r="22568" spans="1:43">
      <c r="A22568" t="s">
        <v>13981</v>
      </c>
      <c r="B22568" t="s">
        <v>13982</v>
      </c>
      <c r="C22568" t="s">
        <v>13899</v>
      </c>
      <c r="D22568" t="s">
        <v>13900</v>
      </c>
      <c r="E22568" t="s">
        <v>13885</v>
      </c>
      <c r="F22568" t="s">
        <v>13886</v>
      </c>
      <c r="G22568" t="s">
        <v>10734</v>
      </c>
      <c r="H22568" t="s">
        <v>10735</v>
      </c>
      <c r="I22568" s="2">
        <v>0</v>
      </c>
      <c r="J22568" s="2">
        <v>0</v>
      </c>
      <c r="K22568" s="2">
        <v>1</v>
      </c>
      <c r="L22568" t="s">
        <v>995</v>
      </c>
      <c r="M22568" t="s">
        <v>89</v>
      </c>
      <c r="N22568" t="s">
        <v>90</v>
      </c>
      <c r="O22568" t="s">
        <v>85</v>
      </c>
      <c r="P22568" t="s">
        <v>86</v>
      </c>
      <c r="Q22568">
        <v>19</v>
      </c>
      <c r="R22568">
        <v>20</v>
      </c>
      <c r="S22568">
        <v>20</v>
      </c>
      <c r="T22568">
        <v>21</v>
      </c>
      <c r="U22568">
        <v>21</v>
      </c>
      <c r="V22568">
        <v>22</v>
      </c>
      <c r="W22568">
        <v>22</v>
      </c>
      <c r="X22568">
        <v>23</v>
      </c>
      <c r="Y22568">
        <v>23</v>
      </c>
      <c r="Z22568">
        <v>24</v>
      </c>
      <c r="AA22568">
        <v>24</v>
      </c>
      <c r="AB22568">
        <v>25</v>
      </c>
      <c r="AC22568">
        <v>25</v>
      </c>
      <c r="AD22568">
        <v>26</v>
      </c>
      <c r="AE22568">
        <v>26</v>
      </c>
      <c r="AF22568">
        <v>26</v>
      </c>
      <c r="AG22568">
        <v>27</v>
      </c>
      <c r="AH22568">
        <v>27</v>
      </c>
      <c r="AI22568">
        <v>27</v>
      </c>
      <c r="AJ22568">
        <v>27</v>
      </c>
      <c r="AK22568">
        <v>27</v>
      </c>
      <c r="AL22568">
        <v>28</v>
      </c>
      <c r="AM22568">
        <v>28</v>
      </c>
      <c r="AN22568">
        <v>28</v>
      </c>
      <c r="AO22568">
        <v>28</v>
      </c>
      <c r="AP22568">
        <v>28</v>
      </c>
      <c r="AQ22568">
        <v>29</v>
      </c>
    </row>
    <row r="22569" spans="1:43">
      <c r="A22569" t="s">
        <v>13981</v>
      </c>
      <c r="B22569" t="s">
        <v>13982</v>
      </c>
      <c r="C22569" t="s">
        <v>13899</v>
      </c>
      <c r="D22569" t="s">
        <v>13900</v>
      </c>
      <c r="E22569" t="s">
        <v>13885</v>
      </c>
      <c r="F22569" t="s">
        <v>13886</v>
      </c>
      <c r="G22569" t="s">
        <v>10734</v>
      </c>
      <c r="H22569" t="s">
        <v>10735</v>
      </c>
      <c r="I22569" s="2">
        <v>0</v>
      </c>
      <c r="J22569" s="2">
        <v>0</v>
      </c>
      <c r="K22569" s="2">
        <v>1</v>
      </c>
      <c r="L22569" t="s">
        <v>995</v>
      </c>
      <c r="M22569" t="s">
        <v>83</v>
      </c>
      <c r="N22569" t="s">
        <v>91</v>
      </c>
      <c r="O22569" t="s">
        <v>85</v>
      </c>
      <c r="P22569" t="s">
        <v>86</v>
      </c>
      <c r="Q22569">
        <v>19</v>
      </c>
      <c r="R22569">
        <v>19</v>
      </c>
      <c r="S22569">
        <v>20</v>
      </c>
      <c r="T22569">
        <v>20</v>
      </c>
      <c r="U22569">
        <v>21</v>
      </c>
      <c r="V22569">
        <v>21</v>
      </c>
      <c r="W22569">
        <v>21</v>
      </c>
      <c r="X22569">
        <v>22</v>
      </c>
      <c r="Y22569">
        <v>22</v>
      </c>
      <c r="Z22569">
        <v>23</v>
      </c>
      <c r="AA22569">
        <v>23</v>
      </c>
      <c r="AB22569">
        <v>23</v>
      </c>
      <c r="AC22569">
        <v>24</v>
      </c>
      <c r="AD22569">
        <v>24</v>
      </c>
      <c r="AE22569">
        <v>25</v>
      </c>
      <c r="AF22569">
        <v>25</v>
      </c>
      <c r="AG22569">
        <v>25</v>
      </c>
      <c r="AH22569">
        <v>26</v>
      </c>
      <c r="AI22569">
        <v>26</v>
      </c>
      <c r="AJ22569">
        <v>27</v>
      </c>
      <c r="AK22569">
        <v>27</v>
      </c>
      <c r="AL22569">
        <v>27</v>
      </c>
      <c r="AM22569">
        <v>28</v>
      </c>
      <c r="AN22569">
        <v>28</v>
      </c>
      <c r="AO22569">
        <v>28</v>
      </c>
      <c r="AP22569">
        <v>28</v>
      </c>
      <c r="AQ22569">
        <v>28</v>
      </c>
    </row>
    <row r="22570" spans="1:43">
      <c r="A22570" t="s">
        <v>13983</v>
      </c>
      <c r="B22570" t="s">
        <v>13984</v>
      </c>
      <c r="C22570" t="s">
        <v>13899</v>
      </c>
      <c r="D22570" t="s">
        <v>13900</v>
      </c>
      <c r="E22570" t="s">
        <v>13885</v>
      </c>
      <c r="F22570" t="s">
        <v>13886</v>
      </c>
      <c r="G22570" t="s">
        <v>10734</v>
      </c>
      <c r="H22570" t="s">
        <v>10735</v>
      </c>
      <c r="I22570" s="2">
        <v>0</v>
      </c>
      <c r="J22570" s="2">
        <v>0</v>
      </c>
      <c r="K22570" s="2">
        <v>1</v>
      </c>
      <c r="L22570" t="s">
        <v>995</v>
      </c>
      <c r="M22570" t="s">
        <v>83</v>
      </c>
      <c r="N22570" t="s">
        <v>84</v>
      </c>
      <c r="O22570" t="s">
        <v>85</v>
      </c>
      <c r="P22570" t="s">
        <v>86</v>
      </c>
      <c r="Q22570">
        <v>21</v>
      </c>
      <c r="R22570">
        <v>21</v>
      </c>
      <c r="S22570">
        <v>22</v>
      </c>
      <c r="T22570">
        <v>22</v>
      </c>
      <c r="U22570">
        <v>23</v>
      </c>
      <c r="V22570">
        <v>23</v>
      </c>
      <c r="W22570">
        <v>23</v>
      </c>
      <c r="X22570">
        <v>24</v>
      </c>
      <c r="Y22570">
        <v>24</v>
      </c>
      <c r="Z22570">
        <v>25</v>
      </c>
      <c r="AA22570">
        <v>25</v>
      </c>
      <c r="AB22570">
        <v>26</v>
      </c>
      <c r="AC22570">
        <v>26</v>
      </c>
      <c r="AD22570">
        <v>27</v>
      </c>
      <c r="AE22570">
        <v>27</v>
      </c>
      <c r="AF22570">
        <v>27</v>
      </c>
      <c r="AG22570">
        <v>28</v>
      </c>
      <c r="AH22570">
        <v>28</v>
      </c>
      <c r="AI22570">
        <v>29</v>
      </c>
      <c r="AJ22570">
        <v>29</v>
      </c>
      <c r="AK22570">
        <v>30</v>
      </c>
      <c r="AL22570">
        <v>30</v>
      </c>
      <c r="AM22570">
        <v>30</v>
      </c>
      <c r="AN22570">
        <v>31</v>
      </c>
      <c r="AO22570">
        <v>31</v>
      </c>
      <c r="AP22570">
        <v>31</v>
      </c>
      <c r="AQ22570">
        <v>31</v>
      </c>
    </row>
    <row r="22571" spans="1:43">
      <c r="A22571" t="s">
        <v>13983</v>
      </c>
      <c r="B22571" t="s">
        <v>13984</v>
      </c>
      <c r="C22571" t="s">
        <v>13899</v>
      </c>
      <c r="D22571" t="s">
        <v>13900</v>
      </c>
      <c r="E22571" t="s">
        <v>13885</v>
      </c>
      <c r="F22571" t="s">
        <v>13886</v>
      </c>
      <c r="G22571" t="s">
        <v>10734</v>
      </c>
      <c r="H22571" t="s">
        <v>10735</v>
      </c>
      <c r="I22571" s="2">
        <v>0</v>
      </c>
      <c r="J22571" s="2">
        <v>0</v>
      </c>
      <c r="K22571" s="2">
        <v>1</v>
      </c>
      <c r="L22571" t="s">
        <v>995</v>
      </c>
      <c r="M22571" t="s">
        <v>87</v>
      </c>
      <c r="N22571" t="s">
        <v>88</v>
      </c>
      <c r="O22571" t="s">
        <v>85</v>
      </c>
      <c r="P22571" t="s">
        <v>86</v>
      </c>
      <c r="Q22571">
        <v>21</v>
      </c>
      <c r="R22571">
        <v>21</v>
      </c>
      <c r="S22571">
        <v>21</v>
      </c>
      <c r="T22571">
        <v>21</v>
      </c>
      <c r="U22571">
        <v>22</v>
      </c>
      <c r="V22571">
        <v>22</v>
      </c>
      <c r="W22571">
        <v>22</v>
      </c>
      <c r="X22571">
        <v>22</v>
      </c>
      <c r="Y22571">
        <v>23</v>
      </c>
      <c r="Z22571">
        <v>23</v>
      </c>
      <c r="AA22571">
        <v>23</v>
      </c>
      <c r="AB22571">
        <v>23</v>
      </c>
      <c r="AC22571">
        <v>23</v>
      </c>
      <c r="AD22571">
        <v>24</v>
      </c>
      <c r="AE22571">
        <v>24</v>
      </c>
      <c r="AF22571">
        <v>24</v>
      </c>
      <c r="AG22571">
        <v>24</v>
      </c>
      <c r="AH22571">
        <v>25</v>
      </c>
      <c r="AI22571">
        <v>25</v>
      </c>
      <c r="AJ22571">
        <v>25</v>
      </c>
      <c r="AK22571">
        <v>26</v>
      </c>
      <c r="AL22571">
        <v>26</v>
      </c>
      <c r="AM22571">
        <v>26</v>
      </c>
      <c r="AN22571">
        <v>26</v>
      </c>
      <c r="AO22571">
        <v>27</v>
      </c>
      <c r="AP22571">
        <v>27</v>
      </c>
      <c r="AQ22571">
        <v>27</v>
      </c>
    </row>
    <row r="22572" spans="1:43">
      <c r="A22572" t="s">
        <v>13983</v>
      </c>
      <c r="B22572" t="s">
        <v>13984</v>
      </c>
      <c r="C22572" t="s">
        <v>13899</v>
      </c>
      <c r="D22572" t="s">
        <v>13900</v>
      </c>
      <c r="E22572" t="s">
        <v>13885</v>
      </c>
      <c r="F22572" t="s">
        <v>13886</v>
      </c>
      <c r="G22572" t="s">
        <v>10734</v>
      </c>
      <c r="H22572" t="s">
        <v>10735</v>
      </c>
      <c r="I22572" s="2">
        <v>0</v>
      </c>
      <c r="J22572" s="2">
        <v>0</v>
      </c>
      <c r="K22572" s="2">
        <v>1</v>
      </c>
      <c r="L22572" t="s">
        <v>995</v>
      </c>
      <c r="M22572" t="s">
        <v>89</v>
      </c>
      <c r="N22572" t="s">
        <v>90</v>
      </c>
      <c r="O22572" t="s">
        <v>85</v>
      </c>
      <c r="P22572" t="s">
        <v>86</v>
      </c>
      <c r="Q22572">
        <v>21</v>
      </c>
      <c r="R22572">
        <v>22</v>
      </c>
      <c r="S22572">
        <v>22</v>
      </c>
      <c r="T22572">
        <v>23</v>
      </c>
      <c r="U22572">
        <v>24</v>
      </c>
      <c r="V22572">
        <v>24</v>
      </c>
      <c r="W22572">
        <v>25</v>
      </c>
      <c r="X22572">
        <v>25</v>
      </c>
      <c r="Y22572">
        <v>26</v>
      </c>
      <c r="Z22572">
        <v>26</v>
      </c>
      <c r="AA22572">
        <v>27</v>
      </c>
      <c r="AB22572">
        <v>27</v>
      </c>
      <c r="AC22572">
        <v>28</v>
      </c>
      <c r="AD22572">
        <v>28</v>
      </c>
      <c r="AE22572">
        <v>29</v>
      </c>
      <c r="AF22572">
        <v>29</v>
      </c>
      <c r="AG22572">
        <v>29</v>
      </c>
      <c r="AH22572">
        <v>29</v>
      </c>
      <c r="AI22572">
        <v>30</v>
      </c>
      <c r="AJ22572">
        <v>30</v>
      </c>
      <c r="AK22572">
        <v>30</v>
      </c>
      <c r="AL22572">
        <v>30</v>
      </c>
      <c r="AM22572">
        <v>31</v>
      </c>
      <c r="AN22572">
        <v>31</v>
      </c>
      <c r="AO22572">
        <v>31</v>
      </c>
      <c r="AP22572">
        <v>31</v>
      </c>
      <c r="AQ22572">
        <v>32</v>
      </c>
    </row>
    <row r="22573" spans="1:43">
      <c r="A22573" t="s">
        <v>13983</v>
      </c>
      <c r="B22573" t="s">
        <v>13984</v>
      </c>
      <c r="C22573" t="s">
        <v>13899</v>
      </c>
      <c r="D22573" t="s">
        <v>13900</v>
      </c>
      <c r="E22573" t="s">
        <v>13885</v>
      </c>
      <c r="F22573" t="s">
        <v>13886</v>
      </c>
      <c r="G22573" t="s">
        <v>10734</v>
      </c>
      <c r="H22573" t="s">
        <v>10735</v>
      </c>
      <c r="I22573" s="2">
        <v>0</v>
      </c>
      <c r="J22573" s="2">
        <v>0</v>
      </c>
      <c r="K22573" s="2">
        <v>1</v>
      </c>
      <c r="L22573" t="s">
        <v>995</v>
      </c>
      <c r="M22573" t="s">
        <v>83</v>
      </c>
      <c r="N22573" t="s">
        <v>91</v>
      </c>
      <c r="O22573" t="s">
        <v>85</v>
      </c>
      <c r="P22573" t="s">
        <v>86</v>
      </c>
      <c r="Q22573">
        <v>21</v>
      </c>
      <c r="R22573">
        <v>21</v>
      </c>
      <c r="S22573">
        <v>22</v>
      </c>
      <c r="T22573">
        <v>22</v>
      </c>
      <c r="U22573">
        <v>23</v>
      </c>
      <c r="V22573">
        <v>23</v>
      </c>
      <c r="W22573">
        <v>23</v>
      </c>
      <c r="X22573">
        <v>24</v>
      </c>
      <c r="Y22573">
        <v>24</v>
      </c>
      <c r="Z22573">
        <v>25</v>
      </c>
      <c r="AA22573">
        <v>25</v>
      </c>
      <c r="AB22573">
        <v>26</v>
      </c>
      <c r="AC22573">
        <v>26</v>
      </c>
      <c r="AD22573">
        <v>27</v>
      </c>
      <c r="AE22573">
        <v>27</v>
      </c>
      <c r="AF22573">
        <v>27</v>
      </c>
      <c r="AG22573">
        <v>28</v>
      </c>
      <c r="AH22573">
        <v>28</v>
      </c>
      <c r="AI22573">
        <v>29</v>
      </c>
      <c r="AJ22573">
        <v>29</v>
      </c>
      <c r="AK22573">
        <v>30</v>
      </c>
      <c r="AL22573">
        <v>30</v>
      </c>
      <c r="AM22573">
        <v>30</v>
      </c>
      <c r="AN22573">
        <v>31</v>
      </c>
      <c r="AO22573">
        <v>31</v>
      </c>
      <c r="AP22573">
        <v>31</v>
      </c>
      <c r="AQ22573">
        <v>31</v>
      </c>
    </row>
    <row r="22574" spans="1:43">
      <c r="A22574" t="s">
        <v>13985</v>
      </c>
      <c r="B22574" t="s">
        <v>13986</v>
      </c>
      <c r="C22574" t="s">
        <v>13987</v>
      </c>
      <c r="D22574" t="s">
        <v>13988</v>
      </c>
      <c r="E22574" t="s">
        <v>13885</v>
      </c>
      <c r="F22574" t="s">
        <v>13886</v>
      </c>
      <c r="G22574" t="s">
        <v>10734</v>
      </c>
      <c r="H22574" t="s">
        <v>10735</v>
      </c>
      <c r="I22574" s="2">
        <v>0</v>
      </c>
      <c r="J22574" s="2">
        <v>0</v>
      </c>
      <c r="K22574" s="2">
        <v>1</v>
      </c>
      <c r="L22574" t="s">
        <v>995</v>
      </c>
      <c r="M22574" t="s">
        <v>83</v>
      </c>
      <c r="N22574" t="s">
        <v>84</v>
      </c>
      <c r="O22574" t="s">
        <v>85</v>
      </c>
      <c r="P22574" t="s">
        <v>86</v>
      </c>
      <c r="Q22574">
        <v>27</v>
      </c>
      <c r="R22574">
        <v>28</v>
      </c>
      <c r="S22574">
        <v>29</v>
      </c>
      <c r="T22574">
        <v>29</v>
      </c>
      <c r="U22574">
        <v>30</v>
      </c>
      <c r="V22574">
        <v>30</v>
      </c>
      <c r="W22574">
        <v>31</v>
      </c>
      <c r="X22574">
        <v>31</v>
      </c>
      <c r="Y22574">
        <v>32</v>
      </c>
      <c r="Z22574">
        <v>32</v>
      </c>
      <c r="AA22574">
        <v>33</v>
      </c>
      <c r="AB22574">
        <v>34</v>
      </c>
      <c r="AC22574">
        <v>34</v>
      </c>
      <c r="AD22574">
        <v>35</v>
      </c>
      <c r="AE22574">
        <v>35</v>
      </c>
      <c r="AF22574">
        <v>36</v>
      </c>
      <c r="AG22574">
        <v>36</v>
      </c>
      <c r="AH22574">
        <v>37</v>
      </c>
      <c r="AI22574">
        <v>38</v>
      </c>
      <c r="AJ22574">
        <v>38</v>
      </c>
      <c r="AK22574">
        <v>39</v>
      </c>
      <c r="AL22574">
        <v>39</v>
      </c>
      <c r="AM22574">
        <v>40</v>
      </c>
      <c r="AN22574">
        <v>40</v>
      </c>
      <c r="AO22574">
        <v>40</v>
      </c>
      <c r="AP22574">
        <v>41</v>
      </c>
      <c r="AQ22574">
        <v>41</v>
      </c>
    </row>
    <row r="22575" spans="1:43">
      <c r="A22575" t="s">
        <v>13985</v>
      </c>
      <c r="B22575" t="s">
        <v>13986</v>
      </c>
      <c r="C22575" t="s">
        <v>13987</v>
      </c>
      <c r="D22575" t="s">
        <v>13988</v>
      </c>
      <c r="E22575" t="s">
        <v>13885</v>
      </c>
      <c r="F22575" t="s">
        <v>13886</v>
      </c>
      <c r="G22575" t="s">
        <v>10734</v>
      </c>
      <c r="H22575" t="s">
        <v>10735</v>
      </c>
      <c r="I22575" s="2">
        <v>0</v>
      </c>
      <c r="J22575" s="2">
        <v>0</v>
      </c>
      <c r="K22575" s="2">
        <v>1</v>
      </c>
      <c r="L22575" t="s">
        <v>995</v>
      </c>
      <c r="M22575" t="s">
        <v>87</v>
      </c>
      <c r="N22575" t="s">
        <v>88</v>
      </c>
      <c r="O22575" t="s">
        <v>85</v>
      </c>
      <c r="P22575" t="s">
        <v>86</v>
      </c>
      <c r="Q22575">
        <v>27</v>
      </c>
      <c r="R22575">
        <v>27</v>
      </c>
      <c r="S22575">
        <v>28</v>
      </c>
      <c r="T22575">
        <v>28</v>
      </c>
      <c r="U22575">
        <v>28</v>
      </c>
      <c r="V22575">
        <v>29</v>
      </c>
      <c r="W22575">
        <v>29</v>
      </c>
      <c r="X22575">
        <v>29</v>
      </c>
      <c r="Y22575">
        <v>29</v>
      </c>
      <c r="Z22575">
        <v>30</v>
      </c>
      <c r="AA22575">
        <v>30</v>
      </c>
      <c r="AB22575">
        <v>30</v>
      </c>
      <c r="AC22575">
        <v>31</v>
      </c>
      <c r="AD22575">
        <v>31</v>
      </c>
      <c r="AE22575">
        <v>31</v>
      </c>
      <c r="AF22575">
        <v>32</v>
      </c>
      <c r="AG22575">
        <v>32</v>
      </c>
      <c r="AH22575">
        <v>32</v>
      </c>
      <c r="AI22575">
        <v>33</v>
      </c>
      <c r="AJ22575">
        <v>33</v>
      </c>
      <c r="AK22575">
        <v>33</v>
      </c>
      <c r="AL22575">
        <v>34</v>
      </c>
      <c r="AM22575">
        <v>34</v>
      </c>
      <c r="AN22575">
        <v>35</v>
      </c>
      <c r="AO22575">
        <v>35</v>
      </c>
      <c r="AP22575">
        <v>35</v>
      </c>
      <c r="AQ22575">
        <v>36</v>
      </c>
    </row>
    <row r="22576" spans="1:43">
      <c r="A22576" t="s">
        <v>13985</v>
      </c>
      <c r="B22576" t="s">
        <v>13986</v>
      </c>
      <c r="C22576" t="s">
        <v>13987</v>
      </c>
      <c r="D22576" t="s">
        <v>13988</v>
      </c>
      <c r="E22576" t="s">
        <v>13885</v>
      </c>
      <c r="F22576" t="s">
        <v>13886</v>
      </c>
      <c r="G22576" t="s">
        <v>10734</v>
      </c>
      <c r="H22576" t="s">
        <v>10735</v>
      </c>
      <c r="I22576" s="2">
        <v>0</v>
      </c>
      <c r="J22576" s="2">
        <v>0</v>
      </c>
      <c r="K22576" s="2">
        <v>1</v>
      </c>
      <c r="L22576" t="s">
        <v>995</v>
      </c>
      <c r="M22576" t="s">
        <v>89</v>
      </c>
      <c r="N22576" t="s">
        <v>90</v>
      </c>
      <c r="O22576" t="s">
        <v>85</v>
      </c>
      <c r="P22576" t="s">
        <v>86</v>
      </c>
      <c r="Q22576">
        <v>27</v>
      </c>
      <c r="R22576">
        <v>27</v>
      </c>
      <c r="S22576">
        <v>28</v>
      </c>
      <c r="T22576">
        <v>29</v>
      </c>
      <c r="U22576">
        <v>30</v>
      </c>
      <c r="V22576">
        <v>31</v>
      </c>
      <c r="W22576">
        <v>31</v>
      </c>
      <c r="X22576">
        <v>32</v>
      </c>
      <c r="Y22576">
        <v>33</v>
      </c>
      <c r="Z22576">
        <v>33</v>
      </c>
      <c r="AA22576">
        <v>34</v>
      </c>
      <c r="AB22576">
        <v>35</v>
      </c>
      <c r="AC22576">
        <v>35</v>
      </c>
      <c r="AD22576">
        <v>36</v>
      </c>
      <c r="AE22576">
        <v>37</v>
      </c>
      <c r="AF22576">
        <v>37</v>
      </c>
      <c r="AG22576">
        <v>37</v>
      </c>
      <c r="AH22576">
        <v>38</v>
      </c>
      <c r="AI22576">
        <v>38</v>
      </c>
      <c r="AJ22576">
        <v>38</v>
      </c>
      <c r="AK22576">
        <v>38</v>
      </c>
      <c r="AL22576">
        <v>39</v>
      </c>
      <c r="AM22576">
        <v>39</v>
      </c>
      <c r="AN22576">
        <v>39</v>
      </c>
      <c r="AO22576">
        <v>40</v>
      </c>
      <c r="AP22576">
        <v>40</v>
      </c>
      <c r="AQ22576">
        <v>40</v>
      </c>
    </row>
    <row r="22577" spans="1:43">
      <c r="A22577" t="s">
        <v>13985</v>
      </c>
      <c r="B22577" t="s">
        <v>13986</v>
      </c>
      <c r="C22577" t="s">
        <v>13987</v>
      </c>
      <c r="D22577" t="s">
        <v>13988</v>
      </c>
      <c r="E22577" t="s">
        <v>13885</v>
      </c>
      <c r="F22577" t="s">
        <v>13886</v>
      </c>
      <c r="G22577" t="s">
        <v>10734</v>
      </c>
      <c r="H22577" t="s">
        <v>10735</v>
      </c>
      <c r="I22577" s="2">
        <v>0</v>
      </c>
      <c r="J22577" s="2">
        <v>0</v>
      </c>
      <c r="K22577" s="2">
        <v>1</v>
      </c>
      <c r="L22577" t="s">
        <v>995</v>
      </c>
      <c r="M22577" t="s">
        <v>83</v>
      </c>
      <c r="N22577" t="s">
        <v>91</v>
      </c>
      <c r="O22577" t="s">
        <v>85</v>
      </c>
      <c r="P22577" t="s">
        <v>86</v>
      </c>
      <c r="Q22577">
        <v>27</v>
      </c>
      <c r="R22577">
        <v>28</v>
      </c>
      <c r="S22577">
        <v>29</v>
      </c>
      <c r="T22577">
        <v>29</v>
      </c>
      <c r="U22577">
        <v>30</v>
      </c>
      <c r="V22577">
        <v>30</v>
      </c>
      <c r="W22577">
        <v>31</v>
      </c>
      <c r="X22577">
        <v>31</v>
      </c>
      <c r="Y22577">
        <v>32</v>
      </c>
      <c r="Z22577">
        <v>32</v>
      </c>
      <c r="AA22577">
        <v>33</v>
      </c>
      <c r="AB22577">
        <v>34</v>
      </c>
      <c r="AC22577">
        <v>34</v>
      </c>
      <c r="AD22577">
        <v>35</v>
      </c>
      <c r="AE22577">
        <v>35</v>
      </c>
      <c r="AF22577">
        <v>36</v>
      </c>
      <c r="AG22577">
        <v>36</v>
      </c>
      <c r="AH22577">
        <v>37</v>
      </c>
      <c r="AI22577">
        <v>38</v>
      </c>
      <c r="AJ22577">
        <v>38</v>
      </c>
      <c r="AK22577">
        <v>39</v>
      </c>
      <c r="AL22577">
        <v>39</v>
      </c>
      <c r="AM22577">
        <v>40</v>
      </c>
      <c r="AN22577">
        <v>40</v>
      </c>
      <c r="AO22577">
        <v>40</v>
      </c>
      <c r="AP22577">
        <v>41</v>
      </c>
      <c r="AQ22577">
        <v>41</v>
      </c>
    </row>
    <row r="22578" spans="1:43">
      <c r="A22578" t="s">
        <v>13989</v>
      </c>
      <c r="B22578" t="s">
        <v>13990</v>
      </c>
      <c r="C22578" t="s">
        <v>13987</v>
      </c>
      <c r="D22578" t="s">
        <v>13988</v>
      </c>
      <c r="E22578" t="s">
        <v>13885</v>
      </c>
      <c r="F22578" t="s">
        <v>13886</v>
      </c>
      <c r="G22578" t="s">
        <v>10734</v>
      </c>
      <c r="H22578" t="s">
        <v>10735</v>
      </c>
      <c r="I22578" s="2">
        <v>0</v>
      </c>
      <c r="J22578" s="2">
        <v>0</v>
      </c>
      <c r="K22578" s="2">
        <v>1</v>
      </c>
      <c r="L22578" t="s">
        <v>995</v>
      </c>
      <c r="M22578" t="s">
        <v>83</v>
      </c>
      <c r="N22578" t="s">
        <v>84</v>
      </c>
      <c r="O22578" t="s">
        <v>85</v>
      </c>
      <c r="P22578" t="s">
        <v>86</v>
      </c>
      <c r="Q22578">
        <v>40</v>
      </c>
      <c r="R22578">
        <v>41</v>
      </c>
      <c r="S22578">
        <v>42</v>
      </c>
      <c r="T22578">
        <v>43</v>
      </c>
      <c r="U22578">
        <v>44</v>
      </c>
      <c r="V22578">
        <v>44</v>
      </c>
      <c r="W22578">
        <v>45</v>
      </c>
      <c r="X22578">
        <v>46</v>
      </c>
      <c r="Y22578">
        <v>47</v>
      </c>
      <c r="Z22578">
        <v>48</v>
      </c>
      <c r="AA22578">
        <v>49</v>
      </c>
      <c r="AB22578">
        <v>49</v>
      </c>
      <c r="AC22578">
        <v>50</v>
      </c>
      <c r="AD22578">
        <v>51</v>
      </c>
      <c r="AE22578">
        <v>52</v>
      </c>
      <c r="AF22578">
        <v>53</v>
      </c>
      <c r="AG22578">
        <v>54</v>
      </c>
      <c r="AH22578">
        <v>55</v>
      </c>
      <c r="AI22578">
        <v>55</v>
      </c>
      <c r="AJ22578">
        <v>56</v>
      </c>
      <c r="AK22578">
        <v>57</v>
      </c>
      <c r="AL22578">
        <v>58</v>
      </c>
      <c r="AM22578">
        <v>58</v>
      </c>
      <c r="AN22578">
        <v>59</v>
      </c>
      <c r="AO22578">
        <v>59</v>
      </c>
      <c r="AP22578">
        <v>60</v>
      </c>
      <c r="AQ22578">
        <v>60</v>
      </c>
    </row>
    <row r="22579" spans="1:43">
      <c r="A22579" t="s">
        <v>13989</v>
      </c>
      <c r="B22579" t="s">
        <v>13990</v>
      </c>
      <c r="C22579" t="s">
        <v>13987</v>
      </c>
      <c r="D22579" t="s">
        <v>13988</v>
      </c>
      <c r="E22579" t="s">
        <v>13885</v>
      </c>
      <c r="F22579" t="s">
        <v>13886</v>
      </c>
      <c r="G22579" t="s">
        <v>10734</v>
      </c>
      <c r="H22579" t="s">
        <v>10735</v>
      </c>
      <c r="I22579" s="2">
        <v>0</v>
      </c>
      <c r="J22579" s="2">
        <v>0</v>
      </c>
      <c r="K22579" s="2">
        <v>1</v>
      </c>
      <c r="L22579" t="s">
        <v>995</v>
      </c>
      <c r="M22579" t="s">
        <v>87</v>
      </c>
      <c r="N22579" t="s">
        <v>88</v>
      </c>
      <c r="O22579" t="s">
        <v>85</v>
      </c>
      <c r="P22579" t="s">
        <v>86</v>
      </c>
      <c r="Q22579">
        <v>40</v>
      </c>
      <c r="R22579">
        <v>40</v>
      </c>
      <c r="S22579">
        <v>41</v>
      </c>
      <c r="T22579">
        <v>41</v>
      </c>
      <c r="U22579">
        <v>42</v>
      </c>
      <c r="V22579">
        <v>42</v>
      </c>
      <c r="W22579">
        <v>42</v>
      </c>
      <c r="X22579">
        <v>43</v>
      </c>
      <c r="Y22579">
        <v>43</v>
      </c>
      <c r="Z22579">
        <v>44</v>
      </c>
      <c r="AA22579">
        <v>44</v>
      </c>
      <c r="AB22579">
        <v>45</v>
      </c>
      <c r="AC22579">
        <v>45</v>
      </c>
      <c r="AD22579">
        <v>46</v>
      </c>
      <c r="AE22579">
        <v>46</v>
      </c>
      <c r="AF22579">
        <v>47</v>
      </c>
      <c r="AG22579">
        <v>47</v>
      </c>
      <c r="AH22579">
        <v>48</v>
      </c>
      <c r="AI22579">
        <v>48</v>
      </c>
      <c r="AJ22579">
        <v>49</v>
      </c>
      <c r="AK22579">
        <v>49</v>
      </c>
      <c r="AL22579">
        <v>50</v>
      </c>
      <c r="AM22579">
        <v>50</v>
      </c>
      <c r="AN22579">
        <v>51</v>
      </c>
      <c r="AO22579">
        <v>51</v>
      </c>
      <c r="AP22579">
        <v>52</v>
      </c>
      <c r="AQ22579">
        <v>52</v>
      </c>
    </row>
    <row r="22580" spans="1:43">
      <c r="A22580" t="s">
        <v>13989</v>
      </c>
      <c r="B22580" t="s">
        <v>13990</v>
      </c>
      <c r="C22580" t="s">
        <v>13987</v>
      </c>
      <c r="D22580" t="s">
        <v>13988</v>
      </c>
      <c r="E22580" t="s">
        <v>13885</v>
      </c>
      <c r="F22580" t="s">
        <v>13886</v>
      </c>
      <c r="G22580" t="s">
        <v>10734</v>
      </c>
      <c r="H22580" t="s">
        <v>10735</v>
      </c>
      <c r="I22580" s="2">
        <v>0</v>
      </c>
      <c r="J22580" s="2">
        <v>0</v>
      </c>
      <c r="K22580" s="2">
        <v>1</v>
      </c>
      <c r="L22580" t="s">
        <v>995</v>
      </c>
      <c r="M22580" t="s">
        <v>89</v>
      </c>
      <c r="N22580" t="s">
        <v>90</v>
      </c>
      <c r="O22580" t="s">
        <v>85</v>
      </c>
      <c r="P22580" t="s">
        <v>86</v>
      </c>
      <c r="Q22580">
        <v>40</v>
      </c>
      <c r="R22580">
        <v>41</v>
      </c>
      <c r="S22580">
        <v>42</v>
      </c>
      <c r="T22580">
        <v>43</v>
      </c>
      <c r="U22580">
        <v>44</v>
      </c>
      <c r="V22580">
        <v>45</v>
      </c>
      <c r="W22580">
        <v>47</v>
      </c>
      <c r="X22580">
        <v>48</v>
      </c>
      <c r="Y22580">
        <v>49</v>
      </c>
      <c r="Z22580">
        <v>50</v>
      </c>
      <c r="AA22580">
        <v>51</v>
      </c>
      <c r="AB22580">
        <v>52</v>
      </c>
      <c r="AC22580">
        <v>53</v>
      </c>
      <c r="AD22580">
        <v>54</v>
      </c>
      <c r="AE22580">
        <v>54</v>
      </c>
      <c r="AF22580">
        <v>55</v>
      </c>
      <c r="AG22580">
        <v>55</v>
      </c>
      <c r="AH22580">
        <v>56</v>
      </c>
      <c r="AI22580">
        <v>56</v>
      </c>
      <c r="AJ22580">
        <v>57</v>
      </c>
      <c r="AK22580">
        <v>57</v>
      </c>
      <c r="AL22580">
        <v>58</v>
      </c>
      <c r="AM22580">
        <v>58</v>
      </c>
      <c r="AN22580">
        <v>58</v>
      </c>
      <c r="AO22580">
        <v>59</v>
      </c>
      <c r="AP22580">
        <v>59</v>
      </c>
      <c r="AQ22580">
        <v>60</v>
      </c>
    </row>
    <row r="22581" spans="1:43">
      <c r="A22581" t="s">
        <v>13989</v>
      </c>
      <c r="B22581" t="s">
        <v>13990</v>
      </c>
      <c r="C22581" t="s">
        <v>13987</v>
      </c>
      <c r="D22581" t="s">
        <v>13988</v>
      </c>
      <c r="E22581" t="s">
        <v>13885</v>
      </c>
      <c r="F22581" t="s">
        <v>13886</v>
      </c>
      <c r="G22581" t="s">
        <v>10734</v>
      </c>
      <c r="H22581" t="s">
        <v>10735</v>
      </c>
      <c r="I22581" s="2">
        <v>0</v>
      </c>
      <c r="J22581" s="2">
        <v>0</v>
      </c>
      <c r="K22581" s="2">
        <v>1</v>
      </c>
      <c r="L22581" t="s">
        <v>995</v>
      </c>
      <c r="M22581" t="s">
        <v>83</v>
      </c>
      <c r="N22581" t="s">
        <v>91</v>
      </c>
      <c r="O22581" t="s">
        <v>85</v>
      </c>
      <c r="P22581" t="s">
        <v>86</v>
      </c>
      <c r="Q22581">
        <v>40</v>
      </c>
      <c r="R22581">
        <v>41</v>
      </c>
      <c r="S22581">
        <v>42</v>
      </c>
      <c r="T22581">
        <v>43</v>
      </c>
      <c r="U22581">
        <v>44</v>
      </c>
      <c r="V22581">
        <v>44</v>
      </c>
      <c r="W22581">
        <v>45</v>
      </c>
      <c r="X22581">
        <v>46</v>
      </c>
      <c r="Y22581">
        <v>47</v>
      </c>
      <c r="Z22581">
        <v>48</v>
      </c>
      <c r="AA22581">
        <v>49</v>
      </c>
      <c r="AB22581">
        <v>49</v>
      </c>
      <c r="AC22581">
        <v>50</v>
      </c>
      <c r="AD22581">
        <v>51</v>
      </c>
      <c r="AE22581">
        <v>52</v>
      </c>
      <c r="AF22581">
        <v>53</v>
      </c>
      <c r="AG22581">
        <v>54</v>
      </c>
      <c r="AH22581">
        <v>55</v>
      </c>
      <c r="AI22581">
        <v>55</v>
      </c>
      <c r="AJ22581">
        <v>56</v>
      </c>
      <c r="AK22581">
        <v>57</v>
      </c>
      <c r="AL22581">
        <v>58</v>
      </c>
      <c r="AM22581">
        <v>58</v>
      </c>
      <c r="AN22581">
        <v>59</v>
      </c>
      <c r="AO22581">
        <v>59</v>
      </c>
      <c r="AP22581">
        <v>60</v>
      </c>
      <c r="AQ22581">
        <v>60</v>
      </c>
    </row>
    <row r="22582" spans="1:43">
      <c r="A22582" t="s">
        <v>13991</v>
      </c>
      <c r="B22582" t="s">
        <v>13992</v>
      </c>
      <c r="C22582" t="s">
        <v>13987</v>
      </c>
      <c r="D22582" t="s">
        <v>13988</v>
      </c>
      <c r="E22582" t="s">
        <v>13885</v>
      </c>
      <c r="F22582" t="s">
        <v>13886</v>
      </c>
      <c r="G22582" t="s">
        <v>10734</v>
      </c>
      <c r="H22582" t="s">
        <v>10735</v>
      </c>
      <c r="I22582" s="2">
        <v>0</v>
      </c>
      <c r="J22582" s="2">
        <v>0</v>
      </c>
      <c r="K22582" s="2">
        <v>1</v>
      </c>
      <c r="L22582" t="s">
        <v>995</v>
      </c>
      <c r="M22582" t="s">
        <v>83</v>
      </c>
      <c r="N22582" t="s">
        <v>84</v>
      </c>
      <c r="O22582" t="s">
        <v>85</v>
      </c>
      <c r="P22582" t="s">
        <v>86</v>
      </c>
      <c r="Q22582">
        <v>39</v>
      </c>
      <c r="R22582">
        <v>39</v>
      </c>
      <c r="S22582">
        <v>40</v>
      </c>
      <c r="T22582">
        <v>41</v>
      </c>
      <c r="U22582">
        <v>42</v>
      </c>
      <c r="V22582">
        <v>42</v>
      </c>
      <c r="W22582">
        <v>43</v>
      </c>
      <c r="X22582">
        <v>44</v>
      </c>
      <c r="Y22582">
        <v>45</v>
      </c>
      <c r="Z22582">
        <v>46</v>
      </c>
      <c r="AA22582">
        <v>47</v>
      </c>
      <c r="AB22582">
        <v>47</v>
      </c>
      <c r="AC22582">
        <v>48</v>
      </c>
      <c r="AD22582">
        <v>49</v>
      </c>
      <c r="AE22582">
        <v>50</v>
      </c>
      <c r="AF22582">
        <v>51</v>
      </c>
      <c r="AG22582">
        <v>51</v>
      </c>
      <c r="AH22582">
        <v>52</v>
      </c>
      <c r="AI22582">
        <v>53</v>
      </c>
      <c r="AJ22582">
        <v>54</v>
      </c>
      <c r="AK22582">
        <v>55</v>
      </c>
      <c r="AL22582">
        <v>55</v>
      </c>
      <c r="AM22582">
        <v>56</v>
      </c>
      <c r="AN22582">
        <v>56</v>
      </c>
      <c r="AO22582">
        <v>57</v>
      </c>
      <c r="AP22582">
        <v>57</v>
      </c>
      <c r="AQ22582">
        <v>58</v>
      </c>
    </row>
    <row r="22583" spans="1:43">
      <c r="A22583" t="s">
        <v>13991</v>
      </c>
      <c r="B22583" t="s">
        <v>13992</v>
      </c>
      <c r="C22583" t="s">
        <v>13987</v>
      </c>
      <c r="D22583" t="s">
        <v>13988</v>
      </c>
      <c r="E22583" t="s">
        <v>13885</v>
      </c>
      <c r="F22583" t="s">
        <v>13886</v>
      </c>
      <c r="G22583" t="s">
        <v>10734</v>
      </c>
      <c r="H22583" t="s">
        <v>10735</v>
      </c>
      <c r="I22583" s="2">
        <v>0</v>
      </c>
      <c r="J22583" s="2">
        <v>0</v>
      </c>
      <c r="K22583" s="2">
        <v>1</v>
      </c>
      <c r="L22583" t="s">
        <v>995</v>
      </c>
      <c r="M22583" t="s">
        <v>87</v>
      </c>
      <c r="N22583" t="s">
        <v>88</v>
      </c>
      <c r="O22583" t="s">
        <v>85</v>
      </c>
      <c r="P22583" t="s">
        <v>86</v>
      </c>
      <c r="Q22583">
        <v>39</v>
      </c>
      <c r="R22583">
        <v>40</v>
      </c>
      <c r="S22583">
        <v>40</v>
      </c>
      <c r="T22583">
        <v>40</v>
      </c>
      <c r="U22583">
        <v>41</v>
      </c>
      <c r="V22583">
        <v>41</v>
      </c>
      <c r="W22583">
        <v>42</v>
      </c>
      <c r="X22583">
        <v>42</v>
      </c>
      <c r="Y22583">
        <v>42</v>
      </c>
      <c r="Z22583">
        <v>43</v>
      </c>
      <c r="AA22583">
        <v>43</v>
      </c>
      <c r="AB22583">
        <v>44</v>
      </c>
      <c r="AC22583">
        <v>44</v>
      </c>
      <c r="AD22583">
        <v>45</v>
      </c>
      <c r="AE22583">
        <v>45</v>
      </c>
      <c r="AF22583">
        <v>46</v>
      </c>
      <c r="AG22583">
        <v>46</v>
      </c>
      <c r="AH22583">
        <v>47</v>
      </c>
      <c r="AI22583">
        <v>47</v>
      </c>
      <c r="AJ22583">
        <v>48</v>
      </c>
      <c r="AK22583">
        <v>48</v>
      </c>
      <c r="AL22583">
        <v>49</v>
      </c>
      <c r="AM22583">
        <v>49</v>
      </c>
      <c r="AN22583">
        <v>50</v>
      </c>
      <c r="AO22583">
        <v>50</v>
      </c>
      <c r="AP22583">
        <v>51</v>
      </c>
      <c r="AQ22583">
        <v>51</v>
      </c>
    </row>
    <row r="22584" spans="1:43">
      <c r="A22584" t="s">
        <v>13991</v>
      </c>
      <c r="B22584" t="s">
        <v>13992</v>
      </c>
      <c r="C22584" t="s">
        <v>13987</v>
      </c>
      <c r="D22584" t="s">
        <v>13988</v>
      </c>
      <c r="E22584" t="s">
        <v>13885</v>
      </c>
      <c r="F22584" t="s">
        <v>13886</v>
      </c>
      <c r="G22584" t="s">
        <v>10734</v>
      </c>
      <c r="H22584" t="s">
        <v>10735</v>
      </c>
      <c r="I22584" s="2">
        <v>0</v>
      </c>
      <c r="J22584" s="2">
        <v>0</v>
      </c>
      <c r="K22584" s="2">
        <v>1</v>
      </c>
      <c r="L22584" t="s">
        <v>995</v>
      </c>
      <c r="M22584" t="s">
        <v>89</v>
      </c>
      <c r="N22584" t="s">
        <v>90</v>
      </c>
      <c r="O22584" t="s">
        <v>85</v>
      </c>
      <c r="P22584" t="s">
        <v>86</v>
      </c>
      <c r="Q22584">
        <v>39</v>
      </c>
      <c r="R22584">
        <v>40</v>
      </c>
      <c r="S22584">
        <v>41</v>
      </c>
      <c r="T22584">
        <v>42</v>
      </c>
      <c r="U22584">
        <v>43</v>
      </c>
      <c r="V22584">
        <v>44</v>
      </c>
      <c r="W22584">
        <v>45</v>
      </c>
      <c r="X22584">
        <v>46</v>
      </c>
      <c r="Y22584">
        <v>47</v>
      </c>
      <c r="Z22584">
        <v>48</v>
      </c>
      <c r="AA22584">
        <v>49</v>
      </c>
      <c r="AB22584">
        <v>50</v>
      </c>
      <c r="AC22584">
        <v>51</v>
      </c>
      <c r="AD22584">
        <v>52</v>
      </c>
      <c r="AE22584">
        <v>53</v>
      </c>
      <c r="AF22584">
        <v>53</v>
      </c>
      <c r="AG22584">
        <v>54</v>
      </c>
      <c r="AH22584">
        <v>54</v>
      </c>
      <c r="AI22584">
        <v>55</v>
      </c>
      <c r="AJ22584">
        <v>55</v>
      </c>
      <c r="AK22584">
        <v>55</v>
      </c>
      <c r="AL22584">
        <v>56</v>
      </c>
      <c r="AM22584">
        <v>56</v>
      </c>
      <c r="AN22584">
        <v>57</v>
      </c>
      <c r="AO22584">
        <v>57</v>
      </c>
      <c r="AP22584">
        <v>58</v>
      </c>
      <c r="AQ22584">
        <v>58</v>
      </c>
    </row>
    <row r="22585" spans="1:43">
      <c r="A22585" t="s">
        <v>13991</v>
      </c>
      <c r="B22585" t="s">
        <v>13992</v>
      </c>
      <c r="C22585" t="s">
        <v>13987</v>
      </c>
      <c r="D22585" t="s">
        <v>13988</v>
      </c>
      <c r="E22585" t="s">
        <v>13885</v>
      </c>
      <c r="F22585" t="s">
        <v>13886</v>
      </c>
      <c r="G22585" t="s">
        <v>10734</v>
      </c>
      <c r="H22585" t="s">
        <v>10735</v>
      </c>
      <c r="I22585" s="2">
        <v>0</v>
      </c>
      <c r="J22585" s="2">
        <v>0</v>
      </c>
      <c r="K22585" s="2">
        <v>1</v>
      </c>
      <c r="L22585" t="s">
        <v>995</v>
      </c>
      <c r="M22585" t="s">
        <v>83</v>
      </c>
      <c r="N22585" t="s">
        <v>91</v>
      </c>
      <c r="O22585" t="s">
        <v>85</v>
      </c>
      <c r="P22585" t="s">
        <v>86</v>
      </c>
      <c r="Q22585">
        <v>39</v>
      </c>
      <c r="R22585">
        <v>39</v>
      </c>
      <c r="S22585">
        <v>40</v>
      </c>
      <c r="T22585">
        <v>41</v>
      </c>
      <c r="U22585">
        <v>42</v>
      </c>
      <c r="V22585">
        <v>42</v>
      </c>
      <c r="W22585">
        <v>43</v>
      </c>
      <c r="X22585">
        <v>44</v>
      </c>
      <c r="Y22585">
        <v>45</v>
      </c>
      <c r="Z22585">
        <v>46</v>
      </c>
      <c r="AA22585">
        <v>47</v>
      </c>
      <c r="AB22585">
        <v>47</v>
      </c>
      <c r="AC22585">
        <v>48</v>
      </c>
      <c r="AD22585">
        <v>49</v>
      </c>
      <c r="AE22585">
        <v>50</v>
      </c>
      <c r="AF22585">
        <v>51</v>
      </c>
      <c r="AG22585">
        <v>51</v>
      </c>
      <c r="AH22585">
        <v>52</v>
      </c>
      <c r="AI22585">
        <v>53</v>
      </c>
      <c r="AJ22585">
        <v>54</v>
      </c>
      <c r="AK22585">
        <v>55</v>
      </c>
      <c r="AL22585">
        <v>55</v>
      </c>
      <c r="AM22585">
        <v>56</v>
      </c>
      <c r="AN22585">
        <v>56</v>
      </c>
      <c r="AO22585">
        <v>57</v>
      </c>
      <c r="AP22585">
        <v>57</v>
      </c>
      <c r="AQ22585">
        <v>58</v>
      </c>
    </row>
    <row r="22586" spans="1:43">
      <c r="A22586" t="s">
        <v>13993</v>
      </c>
      <c r="B22586" t="s">
        <v>13994</v>
      </c>
      <c r="C22586" t="s">
        <v>13973</v>
      </c>
      <c r="D22586" t="s">
        <v>13974</v>
      </c>
      <c r="E22586" t="s">
        <v>13885</v>
      </c>
      <c r="F22586" t="s">
        <v>13886</v>
      </c>
      <c r="G22586" t="s">
        <v>10734</v>
      </c>
      <c r="H22586" t="s">
        <v>10735</v>
      </c>
      <c r="I22586" s="2">
        <v>0</v>
      </c>
      <c r="J22586" s="2">
        <v>0</v>
      </c>
      <c r="K22586" s="2">
        <v>1</v>
      </c>
      <c r="L22586" t="s">
        <v>995</v>
      </c>
      <c r="M22586" t="s">
        <v>83</v>
      </c>
      <c r="N22586" t="s">
        <v>84</v>
      </c>
      <c r="O22586" t="s">
        <v>85</v>
      </c>
      <c r="P22586" t="s">
        <v>86</v>
      </c>
      <c r="Q22586">
        <v>6</v>
      </c>
      <c r="R22586">
        <v>6</v>
      </c>
      <c r="S22586">
        <v>6</v>
      </c>
      <c r="T22586">
        <v>6</v>
      </c>
      <c r="U22586">
        <v>7</v>
      </c>
      <c r="V22586">
        <v>7</v>
      </c>
      <c r="W22586">
        <v>7</v>
      </c>
      <c r="X22586">
        <v>7</v>
      </c>
      <c r="Y22586">
        <v>7</v>
      </c>
      <c r="Z22586">
        <v>7</v>
      </c>
      <c r="AA22586">
        <v>7</v>
      </c>
      <c r="AB22586">
        <v>7</v>
      </c>
      <c r="AC22586">
        <v>8</v>
      </c>
      <c r="AD22586">
        <v>8</v>
      </c>
      <c r="AE22586">
        <v>8</v>
      </c>
      <c r="AF22586">
        <v>8</v>
      </c>
      <c r="AG22586">
        <v>8</v>
      </c>
      <c r="AH22586">
        <v>8</v>
      </c>
      <c r="AI22586">
        <v>8</v>
      </c>
      <c r="AJ22586">
        <v>9</v>
      </c>
      <c r="AK22586">
        <v>9</v>
      </c>
      <c r="AL22586">
        <v>9</v>
      </c>
      <c r="AM22586">
        <v>9</v>
      </c>
      <c r="AN22586">
        <v>9</v>
      </c>
      <c r="AO22586">
        <v>9</v>
      </c>
      <c r="AP22586">
        <v>9</v>
      </c>
      <c r="AQ22586">
        <v>9</v>
      </c>
    </row>
    <row r="22587" spans="1:43">
      <c r="A22587" t="s">
        <v>13993</v>
      </c>
      <c r="B22587" t="s">
        <v>13994</v>
      </c>
      <c r="C22587" t="s">
        <v>13973</v>
      </c>
      <c r="D22587" t="s">
        <v>13974</v>
      </c>
      <c r="E22587" t="s">
        <v>13885</v>
      </c>
      <c r="F22587" t="s">
        <v>13886</v>
      </c>
      <c r="G22587" t="s">
        <v>10734</v>
      </c>
      <c r="H22587" t="s">
        <v>10735</v>
      </c>
      <c r="I22587" s="2">
        <v>0</v>
      </c>
      <c r="J22587" s="2">
        <v>0</v>
      </c>
      <c r="K22587" s="2">
        <v>1</v>
      </c>
      <c r="L22587" t="s">
        <v>995</v>
      </c>
      <c r="M22587" t="s">
        <v>87</v>
      </c>
      <c r="N22587" t="s">
        <v>88</v>
      </c>
      <c r="O22587" t="s">
        <v>85</v>
      </c>
      <c r="P22587" t="s">
        <v>86</v>
      </c>
      <c r="Q22587">
        <v>6</v>
      </c>
      <c r="R22587">
        <v>6</v>
      </c>
      <c r="S22587">
        <v>6</v>
      </c>
      <c r="T22587">
        <v>6</v>
      </c>
      <c r="U22587">
        <v>6</v>
      </c>
      <c r="V22587">
        <v>6</v>
      </c>
      <c r="W22587">
        <v>6</v>
      </c>
      <c r="X22587">
        <v>6</v>
      </c>
      <c r="Y22587">
        <v>6</v>
      </c>
      <c r="Z22587">
        <v>7</v>
      </c>
      <c r="AA22587">
        <v>7</v>
      </c>
      <c r="AB22587">
        <v>7</v>
      </c>
      <c r="AC22587">
        <v>7</v>
      </c>
      <c r="AD22587">
        <v>7</v>
      </c>
      <c r="AE22587">
        <v>7</v>
      </c>
      <c r="AF22587">
        <v>7</v>
      </c>
      <c r="AG22587">
        <v>7</v>
      </c>
      <c r="AH22587">
        <v>7</v>
      </c>
      <c r="AI22587">
        <v>7</v>
      </c>
      <c r="AJ22587">
        <v>7</v>
      </c>
      <c r="AK22587">
        <v>7</v>
      </c>
      <c r="AL22587">
        <v>7</v>
      </c>
      <c r="AM22587">
        <v>8</v>
      </c>
      <c r="AN22587">
        <v>8</v>
      </c>
      <c r="AO22587">
        <v>8</v>
      </c>
      <c r="AP22587">
        <v>8</v>
      </c>
      <c r="AQ22587">
        <v>8</v>
      </c>
    </row>
    <row r="22588" spans="1:43">
      <c r="A22588" t="s">
        <v>13993</v>
      </c>
      <c r="B22588" t="s">
        <v>13994</v>
      </c>
      <c r="C22588" t="s">
        <v>13973</v>
      </c>
      <c r="D22588" t="s">
        <v>13974</v>
      </c>
      <c r="E22588" t="s">
        <v>13885</v>
      </c>
      <c r="F22588" t="s">
        <v>13886</v>
      </c>
      <c r="G22588" t="s">
        <v>10734</v>
      </c>
      <c r="H22588" t="s">
        <v>10735</v>
      </c>
      <c r="I22588" s="2">
        <v>0</v>
      </c>
      <c r="J22588" s="2">
        <v>0</v>
      </c>
      <c r="K22588" s="2">
        <v>1</v>
      </c>
      <c r="L22588" t="s">
        <v>995</v>
      </c>
      <c r="M22588" t="s">
        <v>89</v>
      </c>
      <c r="N22588" t="s">
        <v>90</v>
      </c>
      <c r="O22588" t="s">
        <v>85</v>
      </c>
      <c r="P22588" t="s">
        <v>86</v>
      </c>
      <c r="Q22588">
        <v>6</v>
      </c>
      <c r="R22588">
        <v>6</v>
      </c>
      <c r="S22588">
        <v>6</v>
      </c>
      <c r="T22588">
        <v>7</v>
      </c>
      <c r="U22588">
        <v>7</v>
      </c>
      <c r="V22588">
        <v>7</v>
      </c>
      <c r="W22588">
        <v>7</v>
      </c>
      <c r="X22588">
        <v>7</v>
      </c>
      <c r="Y22588">
        <v>7</v>
      </c>
      <c r="Z22588">
        <v>8</v>
      </c>
      <c r="AA22588">
        <v>8</v>
      </c>
      <c r="AB22588">
        <v>8</v>
      </c>
      <c r="AC22588">
        <v>8</v>
      </c>
      <c r="AD22588">
        <v>8</v>
      </c>
      <c r="AE22588">
        <v>8</v>
      </c>
      <c r="AF22588">
        <v>8</v>
      </c>
      <c r="AG22588">
        <v>8</v>
      </c>
      <c r="AH22588">
        <v>9</v>
      </c>
      <c r="AI22588">
        <v>9</v>
      </c>
      <c r="AJ22588">
        <v>9</v>
      </c>
      <c r="AK22588">
        <v>9</v>
      </c>
      <c r="AL22588">
        <v>9</v>
      </c>
      <c r="AM22588">
        <v>9</v>
      </c>
      <c r="AN22588">
        <v>9</v>
      </c>
      <c r="AO22588">
        <v>9</v>
      </c>
      <c r="AP22588">
        <v>9</v>
      </c>
      <c r="AQ22588">
        <v>9</v>
      </c>
    </row>
    <row r="22589" spans="1:43">
      <c r="A22589" t="s">
        <v>13993</v>
      </c>
      <c r="B22589" t="s">
        <v>13994</v>
      </c>
      <c r="C22589" t="s">
        <v>13973</v>
      </c>
      <c r="D22589" t="s">
        <v>13974</v>
      </c>
      <c r="E22589" t="s">
        <v>13885</v>
      </c>
      <c r="F22589" t="s">
        <v>13886</v>
      </c>
      <c r="G22589" t="s">
        <v>10734</v>
      </c>
      <c r="H22589" t="s">
        <v>10735</v>
      </c>
      <c r="I22589" s="2">
        <v>0</v>
      </c>
      <c r="J22589" s="2">
        <v>0</v>
      </c>
      <c r="K22589" s="2">
        <v>1</v>
      </c>
      <c r="L22589" t="s">
        <v>995</v>
      </c>
      <c r="M22589" t="s">
        <v>83</v>
      </c>
      <c r="N22589" t="s">
        <v>91</v>
      </c>
      <c r="O22589" t="s">
        <v>85</v>
      </c>
      <c r="P22589" t="s">
        <v>86</v>
      </c>
      <c r="Q22589">
        <v>6</v>
      </c>
      <c r="R22589">
        <v>6</v>
      </c>
      <c r="S22589">
        <v>6</v>
      </c>
      <c r="T22589">
        <v>6</v>
      </c>
      <c r="U22589">
        <v>7</v>
      </c>
      <c r="V22589">
        <v>7</v>
      </c>
      <c r="W22589">
        <v>7</v>
      </c>
      <c r="X22589">
        <v>7</v>
      </c>
      <c r="Y22589">
        <v>7</v>
      </c>
      <c r="Z22589">
        <v>7</v>
      </c>
      <c r="AA22589">
        <v>7</v>
      </c>
      <c r="AB22589">
        <v>7</v>
      </c>
      <c r="AC22589">
        <v>8</v>
      </c>
      <c r="AD22589">
        <v>8</v>
      </c>
      <c r="AE22589">
        <v>8</v>
      </c>
      <c r="AF22589">
        <v>8</v>
      </c>
      <c r="AG22589">
        <v>8</v>
      </c>
      <c r="AH22589">
        <v>8</v>
      </c>
      <c r="AI22589">
        <v>8</v>
      </c>
      <c r="AJ22589">
        <v>9</v>
      </c>
      <c r="AK22589">
        <v>9</v>
      </c>
      <c r="AL22589">
        <v>9</v>
      </c>
      <c r="AM22589">
        <v>9</v>
      </c>
      <c r="AN22589">
        <v>9</v>
      </c>
      <c r="AO22589">
        <v>9</v>
      </c>
      <c r="AP22589">
        <v>9</v>
      </c>
      <c r="AQ22589">
        <v>9</v>
      </c>
    </row>
    <row r="22590" spans="1:43">
      <c r="A22590" t="s">
        <v>13995</v>
      </c>
      <c r="B22590" t="s">
        <v>13996</v>
      </c>
      <c r="C22590" t="s">
        <v>13963</v>
      </c>
      <c r="D22590" t="s">
        <v>13964</v>
      </c>
      <c r="E22590" t="s">
        <v>13885</v>
      </c>
      <c r="F22590" t="s">
        <v>13886</v>
      </c>
      <c r="G22590" t="s">
        <v>10734</v>
      </c>
      <c r="H22590" t="s">
        <v>10735</v>
      </c>
      <c r="I22590" s="2">
        <v>0</v>
      </c>
      <c r="J22590" s="2">
        <v>0</v>
      </c>
      <c r="K22590" s="2">
        <v>1</v>
      </c>
      <c r="L22590" t="s">
        <v>995</v>
      </c>
      <c r="M22590" t="s">
        <v>83</v>
      </c>
      <c r="N22590" t="s">
        <v>84</v>
      </c>
      <c r="O22590" t="s">
        <v>85</v>
      </c>
      <c r="P22590" t="s">
        <v>86</v>
      </c>
      <c r="Q22590">
        <v>9</v>
      </c>
      <c r="R22590">
        <v>9</v>
      </c>
      <c r="S22590">
        <v>9</v>
      </c>
      <c r="T22590">
        <v>10</v>
      </c>
      <c r="U22590">
        <v>10</v>
      </c>
      <c r="V22590">
        <v>10</v>
      </c>
      <c r="W22590">
        <v>10</v>
      </c>
      <c r="X22590">
        <v>10</v>
      </c>
      <c r="Y22590">
        <v>11</v>
      </c>
      <c r="Z22590">
        <v>11</v>
      </c>
      <c r="AA22590">
        <v>11</v>
      </c>
      <c r="AB22590">
        <v>11</v>
      </c>
      <c r="AC22590">
        <v>11</v>
      </c>
      <c r="AD22590">
        <v>12</v>
      </c>
      <c r="AE22590">
        <v>12</v>
      </c>
      <c r="AF22590">
        <v>12</v>
      </c>
      <c r="AG22590">
        <v>12</v>
      </c>
      <c r="AH22590">
        <v>12</v>
      </c>
      <c r="AI22590">
        <v>13</v>
      </c>
      <c r="AJ22590">
        <v>13</v>
      </c>
      <c r="AK22590">
        <v>13</v>
      </c>
      <c r="AL22590">
        <v>13</v>
      </c>
      <c r="AM22590">
        <v>13</v>
      </c>
      <c r="AN22590">
        <v>13</v>
      </c>
      <c r="AO22590">
        <v>13</v>
      </c>
      <c r="AP22590">
        <v>14</v>
      </c>
      <c r="AQ22590">
        <v>14</v>
      </c>
    </row>
    <row r="22591" spans="1:43">
      <c r="A22591" t="s">
        <v>13995</v>
      </c>
      <c r="B22591" t="s">
        <v>13996</v>
      </c>
      <c r="C22591" t="s">
        <v>13963</v>
      </c>
      <c r="D22591" t="s">
        <v>13964</v>
      </c>
      <c r="E22591" t="s">
        <v>13885</v>
      </c>
      <c r="F22591" t="s">
        <v>13886</v>
      </c>
      <c r="G22591" t="s">
        <v>10734</v>
      </c>
      <c r="H22591" t="s">
        <v>10735</v>
      </c>
      <c r="I22591" s="2">
        <v>0</v>
      </c>
      <c r="J22591" s="2">
        <v>0</v>
      </c>
      <c r="K22591" s="2">
        <v>1</v>
      </c>
      <c r="L22591" t="s">
        <v>995</v>
      </c>
      <c r="M22591" t="s">
        <v>87</v>
      </c>
      <c r="N22591" t="s">
        <v>88</v>
      </c>
      <c r="O22591" t="s">
        <v>85</v>
      </c>
      <c r="P22591" t="s">
        <v>86</v>
      </c>
      <c r="Q22591">
        <v>9</v>
      </c>
      <c r="R22591">
        <v>9</v>
      </c>
      <c r="S22591">
        <v>9</v>
      </c>
      <c r="T22591">
        <v>9</v>
      </c>
      <c r="U22591">
        <v>9</v>
      </c>
      <c r="V22591">
        <v>9</v>
      </c>
      <c r="W22591">
        <v>10</v>
      </c>
      <c r="X22591">
        <v>10</v>
      </c>
      <c r="Y22591">
        <v>10</v>
      </c>
      <c r="Z22591">
        <v>10</v>
      </c>
      <c r="AA22591">
        <v>10</v>
      </c>
      <c r="AB22591">
        <v>10</v>
      </c>
      <c r="AC22591">
        <v>10</v>
      </c>
      <c r="AD22591">
        <v>10</v>
      </c>
      <c r="AE22591">
        <v>10</v>
      </c>
      <c r="AF22591">
        <v>10</v>
      </c>
      <c r="AG22591">
        <v>11</v>
      </c>
      <c r="AH22591">
        <v>11</v>
      </c>
      <c r="AI22591">
        <v>11</v>
      </c>
      <c r="AJ22591">
        <v>11</v>
      </c>
      <c r="AK22591">
        <v>11</v>
      </c>
      <c r="AL22591">
        <v>11</v>
      </c>
      <c r="AM22591">
        <v>11</v>
      </c>
      <c r="AN22591">
        <v>11</v>
      </c>
      <c r="AO22591">
        <v>12</v>
      </c>
      <c r="AP22591">
        <v>12</v>
      </c>
      <c r="AQ22591">
        <v>12</v>
      </c>
    </row>
    <row r="22592" spans="1:43">
      <c r="A22592" t="s">
        <v>13995</v>
      </c>
      <c r="B22592" t="s">
        <v>13996</v>
      </c>
      <c r="C22592" t="s">
        <v>13963</v>
      </c>
      <c r="D22592" t="s">
        <v>13964</v>
      </c>
      <c r="E22592" t="s">
        <v>13885</v>
      </c>
      <c r="F22592" t="s">
        <v>13886</v>
      </c>
      <c r="G22592" t="s">
        <v>10734</v>
      </c>
      <c r="H22592" t="s">
        <v>10735</v>
      </c>
      <c r="I22592" s="2">
        <v>0</v>
      </c>
      <c r="J22592" s="2">
        <v>0</v>
      </c>
      <c r="K22592" s="2">
        <v>1</v>
      </c>
      <c r="L22592" t="s">
        <v>995</v>
      </c>
      <c r="M22592" t="s">
        <v>89</v>
      </c>
      <c r="N22592" t="s">
        <v>90</v>
      </c>
      <c r="O22592" t="s">
        <v>85</v>
      </c>
      <c r="P22592" t="s">
        <v>86</v>
      </c>
      <c r="Q22592">
        <v>9</v>
      </c>
      <c r="R22592">
        <v>9</v>
      </c>
      <c r="S22592">
        <v>10</v>
      </c>
      <c r="T22592">
        <v>10</v>
      </c>
      <c r="U22592">
        <v>10</v>
      </c>
      <c r="V22592">
        <v>10</v>
      </c>
      <c r="W22592">
        <v>11</v>
      </c>
      <c r="X22592">
        <v>11</v>
      </c>
      <c r="Y22592">
        <v>11</v>
      </c>
      <c r="Z22592">
        <v>11</v>
      </c>
      <c r="AA22592">
        <v>12</v>
      </c>
      <c r="AB22592">
        <v>12</v>
      </c>
      <c r="AC22592">
        <v>12</v>
      </c>
      <c r="AD22592">
        <v>12</v>
      </c>
      <c r="AE22592">
        <v>13</v>
      </c>
      <c r="AF22592">
        <v>13</v>
      </c>
      <c r="AG22592">
        <v>13</v>
      </c>
      <c r="AH22592">
        <v>13</v>
      </c>
      <c r="AI22592">
        <v>13</v>
      </c>
      <c r="AJ22592">
        <v>13</v>
      </c>
      <c r="AK22592">
        <v>13</v>
      </c>
      <c r="AL22592">
        <v>13</v>
      </c>
      <c r="AM22592">
        <v>13</v>
      </c>
      <c r="AN22592">
        <v>14</v>
      </c>
      <c r="AO22592">
        <v>14</v>
      </c>
      <c r="AP22592">
        <v>14</v>
      </c>
      <c r="AQ22592">
        <v>14</v>
      </c>
    </row>
    <row r="22593" spans="1:43">
      <c r="A22593" t="s">
        <v>13995</v>
      </c>
      <c r="B22593" t="s">
        <v>13996</v>
      </c>
      <c r="C22593" t="s">
        <v>13963</v>
      </c>
      <c r="D22593" t="s">
        <v>13964</v>
      </c>
      <c r="E22593" t="s">
        <v>13885</v>
      </c>
      <c r="F22593" t="s">
        <v>13886</v>
      </c>
      <c r="G22593" t="s">
        <v>10734</v>
      </c>
      <c r="H22593" t="s">
        <v>10735</v>
      </c>
      <c r="I22593" s="2">
        <v>0</v>
      </c>
      <c r="J22593" s="2">
        <v>0</v>
      </c>
      <c r="K22593" s="2">
        <v>1</v>
      </c>
      <c r="L22593" t="s">
        <v>995</v>
      </c>
      <c r="M22593" t="s">
        <v>83</v>
      </c>
      <c r="N22593" t="s">
        <v>91</v>
      </c>
      <c r="O22593" t="s">
        <v>85</v>
      </c>
      <c r="P22593" t="s">
        <v>86</v>
      </c>
      <c r="Q22593">
        <v>9</v>
      </c>
      <c r="R22593">
        <v>9</v>
      </c>
      <c r="S22593">
        <v>9</v>
      </c>
      <c r="T22593">
        <v>10</v>
      </c>
      <c r="U22593">
        <v>10</v>
      </c>
      <c r="V22593">
        <v>10</v>
      </c>
      <c r="W22593">
        <v>10</v>
      </c>
      <c r="X22593">
        <v>10</v>
      </c>
      <c r="Y22593">
        <v>11</v>
      </c>
      <c r="Z22593">
        <v>11</v>
      </c>
      <c r="AA22593">
        <v>11</v>
      </c>
      <c r="AB22593">
        <v>11</v>
      </c>
      <c r="AC22593">
        <v>11</v>
      </c>
      <c r="AD22593">
        <v>12</v>
      </c>
      <c r="AE22593">
        <v>12</v>
      </c>
      <c r="AF22593">
        <v>12</v>
      </c>
      <c r="AG22593">
        <v>12</v>
      </c>
      <c r="AH22593">
        <v>12</v>
      </c>
      <c r="AI22593">
        <v>13</v>
      </c>
      <c r="AJ22593">
        <v>13</v>
      </c>
      <c r="AK22593">
        <v>13</v>
      </c>
      <c r="AL22593">
        <v>13</v>
      </c>
      <c r="AM22593">
        <v>13</v>
      </c>
      <c r="AN22593">
        <v>13</v>
      </c>
      <c r="AO22593">
        <v>13</v>
      </c>
      <c r="AP22593">
        <v>14</v>
      </c>
      <c r="AQ22593">
        <v>14</v>
      </c>
    </row>
    <row r="22594" spans="1:43">
      <c r="A22594" t="s">
        <v>13997</v>
      </c>
      <c r="B22594" t="s">
        <v>13998</v>
      </c>
      <c r="C22594" t="s">
        <v>13893</v>
      </c>
      <c r="D22594" t="s">
        <v>13894</v>
      </c>
      <c r="E22594" t="s">
        <v>13885</v>
      </c>
      <c r="F22594" t="s">
        <v>13886</v>
      </c>
      <c r="G22594" t="s">
        <v>10734</v>
      </c>
      <c r="H22594" t="s">
        <v>10735</v>
      </c>
      <c r="I22594" s="2">
        <v>0</v>
      </c>
      <c r="J22594" s="2">
        <v>0</v>
      </c>
      <c r="K22594" s="2">
        <v>1</v>
      </c>
      <c r="L22594" t="s">
        <v>995</v>
      </c>
      <c r="M22594" t="s">
        <v>83</v>
      </c>
      <c r="N22594" t="s">
        <v>84</v>
      </c>
      <c r="O22594" t="s">
        <v>85</v>
      </c>
      <c r="P22594" t="s">
        <v>86</v>
      </c>
      <c r="Q22594">
        <v>37</v>
      </c>
      <c r="R22594">
        <v>38</v>
      </c>
      <c r="S22594">
        <v>39</v>
      </c>
      <c r="T22594">
        <v>39</v>
      </c>
      <c r="U22594">
        <v>40</v>
      </c>
      <c r="V22594">
        <v>41</v>
      </c>
      <c r="W22594">
        <v>42</v>
      </c>
      <c r="X22594">
        <v>42</v>
      </c>
      <c r="Y22594">
        <v>43</v>
      </c>
      <c r="Z22594">
        <v>44</v>
      </c>
      <c r="AA22594">
        <v>45</v>
      </c>
      <c r="AB22594">
        <v>46</v>
      </c>
      <c r="AC22594">
        <v>46</v>
      </c>
      <c r="AD22594">
        <v>47</v>
      </c>
      <c r="AE22594">
        <v>48</v>
      </c>
      <c r="AF22594">
        <v>49</v>
      </c>
      <c r="AG22594">
        <v>50</v>
      </c>
      <c r="AH22594">
        <v>51</v>
      </c>
      <c r="AI22594">
        <v>52</v>
      </c>
      <c r="AJ22594">
        <v>52</v>
      </c>
      <c r="AK22594">
        <v>53</v>
      </c>
      <c r="AL22594">
        <v>54</v>
      </c>
      <c r="AM22594">
        <v>54</v>
      </c>
      <c r="AN22594">
        <v>55</v>
      </c>
      <c r="AO22594">
        <v>55</v>
      </c>
      <c r="AP22594">
        <v>56</v>
      </c>
      <c r="AQ22594">
        <v>56</v>
      </c>
    </row>
    <row r="22595" spans="1:43">
      <c r="A22595" t="s">
        <v>13997</v>
      </c>
      <c r="B22595" t="s">
        <v>13998</v>
      </c>
      <c r="C22595" t="s">
        <v>13893</v>
      </c>
      <c r="D22595" t="s">
        <v>13894</v>
      </c>
      <c r="E22595" t="s">
        <v>13885</v>
      </c>
      <c r="F22595" t="s">
        <v>13886</v>
      </c>
      <c r="G22595" t="s">
        <v>10734</v>
      </c>
      <c r="H22595" t="s">
        <v>10735</v>
      </c>
      <c r="I22595" s="2">
        <v>0</v>
      </c>
      <c r="J22595" s="2">
        <v>0</v>
      </c>
      <c r="K22595" s="2">
        <v>1</v>
      </c>
      <c r="L22595" t="s">
        <v>995</v>
      </c>
      <c r="M22595" t="s">
        <v>87</v>
      </c>
      <c r="N22595" t="s">
        <v>88</v>
      </c>
      <c r="O22595" t="s">
        <v>85</v>
      </c>
      <c r="P22595" t="s">
        <v>86</v>
      </c>
      <c r="Q22595">
        <v>37</v>
      </c>
      <c r="R22595">
        <v>37</v>
      </c>
      <c r="S22595">
        <v>38</v>
      </c>
      <c r="T22595">
        <v>38</v>
      </c>
      <c r="U22595">
        <v>38</v>
      </c>
      <c r="V22595">
        <v>39</v>
      </c>
      <c r="W22595">
        <v>39</v>
      </c>
      <c r="X22595">
        <v>40</v>
      </c>
      <c r="Y22595">
        <v>40</v>
      </c>
      <c r="Z22595">
        <v>40</v>
      </c>
      <c r="AA22595">
        <v>41</v>
      </c>
      <c r="AB22595">
        <v>41</v>
      </c>
      <c r="AC22595">
        <v>42</v>
      </c>
      <c r="AD22595">
        <v>42</v>
      </c>
      <c r="AE22595">
        <v>43</v>
      </c>
      <c r="AF22595">
        <v>43</v>
      </c>
      <c r="AG22595">
        <v>44</v>
      </c>
      <c r="AH22595">
        <v>44</v>
      </c>
      <c r="AI22595">
        <v>44</v>
      </c>
      <c r="AJ22595">
        <v>45</v>
      </c>
      <c r="AK22595">
        <v>45</v>
      </c>
      <c r="AL22595">
        <v>46</v>
      </c>
      <c r="AM22595">
        <v>46</v>
      </c>
      <c r="AN22595">
        <v>47</v>
      </c>
      <c r="AO22595">
        <v>48</v>
      </c>
      <c r="AP22595">
        <v>48</v>
      </c>
      <c r="AQ22595">
        <v>49</v>
      </c>
    </row>
    <row r="22596" spans="1:43">
      <c r="A22596" t="s">
        <v>13997</v>
      </c>
      <c r="B22596" t="s">
        <v>13998</v>
      </c>
      <c r="C22596" t="s">
        <v>13893</v>
      </c>
      <c r="D22596" t="s">
        <v>13894</v>
      </c>
      <c r="E22596" t="s">
        <v>13885</v>
      </c>
      <c r="F22596" t="s">
        <v>13886</v>
      </c>
      <c r="G22596" t="s">
        <v>10734</v>
      </c>
      <c r="H22596" t="s">
        <v>10735</v>
      </c>
      <c r="I22596" s="2">
        <v>0</v>
      </c>
      <c r="J22596" s="2">
        <v>0</v>
      </c>
      <c r="K22596" s="2">
        <v>1</v>
      </c>
      <c r="L22596" t="s">
        <v>995</v>
      </c>
      <c r="M22596" t="s">
        <v>89</v>
      </c>
      <c r="N22596" t="s">
        <v>90</v>
      </c>
      <c r="O22596" t="s">
        <v>85</v>
      </c>
      <c r="P22596" t="s">
        <v>86</v>
      </c>
      <c r="Q22596">
        <v>37</v>
      </c>
      <c r="R22596">
        <v>38</v>
      </c>
      <c r="S22596">
        <v>40</v>
      </c>
      <c r="T22596">
        <v>41</v>
      </c>
      <c r="U22596">
        <v>42</v>
      </c>
      <c r="V22596">
        <v>43</v>
      </c>
      <c r="W22596">
        <v>44</v>
      </c>
      <c r="X22596">
        <v>45</v>
      </c>
      <c r="Y22596">
        <v>46</v>
      </c>
      <c r="Z22596">
        <v>47</v>
      </c>
      <c r="AA22596">
        <v>48</v>
      </c>
      <c r="AB22596">
        <v>49</v>
      </c>
      <c r="AC22596">
        <v>50</v>
      </c>
      <c r="AD22596">
        <v>51</v>
      </c>
      <c r="AE22596">
        <v>52</v>
      </c>
      <c r="AF22596">
        <v>52</v>
      </c>
      <c r="AG22596">
        <v>52</v>
      </c>
      <c r="AH22596">
        <v>53</v>
      </c>
      <c r="AI22596">
        <v>53</v>
      </c>
      <c r="AJ22596">
        <v>54</v>
      </c>
      <c r="AK22596">
        <v>54</v>
      </c>
      <c r="AL22596">
        <v>55</v>
      </c>
      <c r="AM22596">
        <v>55</v>
      </c>
      <c r="AN22596">
        <v>55</v>
      </c>
      <c r="AO22596">
        <v>56</v>
      </c>
      <c r="AP22596">
        <v>56</v>
      </c>
      <c r="AQ22596">
        <v>57</v>
      </c>
    </row>
    <row r="22597" spans="1:43">
      <c r="A22597" t="s">
        <v>13997</v>
      </c>
      <c r="B22597" t="s">
        <v>13998</v>
      </c>
      <c r="C22597" t="s">
        <v>13893</v>
      </c>
      <c r="D22597" t="s">
        <v>13894</v>
      </c>
      <c r="E22597" t="s">
        <v>13885</v>
      </c>
      <c r="F22597" t="s">
        <v>13886</v>
      </c>
      <c r="G22597" t="s">
        <v>10734</v>
      </c>
      <c r="H22597" t="s">
        <v>10735</v>
      </c>
      <c r="I22597" s="2">
        <v>0</v>
      </c>
      <c r="J22597" s="2">
        <v>0</v>
      </c>
      <c r="K22597" s="2">
        <v>1</v>
      </c>
      <c r="L22597" t="s">
        <v>995</v>
      </c>
      <c r="M22597" t="s">
        <v>83</v>
      </c>
      <c r="N22597" t="s">
        <v>91</v>
      </c>
      <c r="O22597" t="s">
        <v>85</v>
      </c>
      <c r="P22597" t="s">
        <v>86</v>
      </c>
      <c r="Q22597">
        <v>37</v>
      </c>
      <c r="R22597">
        <v>38</v>
      </c>
      <c r="S22597">
        <v>39</v>
      </c>
      <c r="T22597">
        <v>39</v>
      </c>
      <c r="U22597">
        <v>40</v>
      </c>
      <c r="V22597">
        <v>41</v>
      </c>
      <c r="W22597">
        <v>42</v>
      </c>
      <c r="X22597">
        <v>42</v>
      </c>
      <c r="Y22597">
        <v>43</v>
      </c>
      <c r="Z22597">
        <v>44</v>
      </c>
      <c r="AA22597">
        <v>45</v>
      </c>
      <c r="AB22597">
        <v>46</v>
      </c>
      <c r="AC22597">
        <v>46</v>
      </c>
      <c r="AD22597">
        <v>47</v>
      </c>
      <c r="AE22597">
        <v>48</v>
      </c>
      <c r="AF22597">
        <v>49</v>
      </c>
      <c r="AG22597">
        <v>50</v>
      </c>
      <c r="AH22597">
        <v>51</v>
      </c>
      <c r="AI22597">
        <v>52</v>
      </c>
      <c r="AJ22597">
        <v>52</v>
      </c>
      <c r="AK22597">
        <v>53</v>
      </c>
      <c r="AL22597">
        <v>54</v>
      </c>
      <c r="AM22597">
        <v>54</v>
      </c>
      <c r="AN22597">
        <v>55</v>
      </c>
      <c r="AO22597">
        <v>55</v>
      </c>
      <c r="AP22597">
        <v>56</v>
      </c>
      <c r="AQ22597">
        <v>56</v>
      </c>
    </row>
    <row r="22598" spans="1:43">
      <c r="A22598" t="s">
        <v>13999</v>
      </c>
      <c r="B22598" t="s">
        <v>14000</v>
      </c>
      <c r="C22598" t="s">
        <v>13955</v>
      </c>
      <c r="D22598" t="s">
        <v>13956</v>
      </c>
      <c r="E22598" t="s">
        <v>13885</v>
      </c>
      <c r="F22598" t="s">
        <v>13886</v>
      </c>
      <c r="G22598" t="s">
        <v>10734</v>
      </c>
      <c r="H22598" t="s">
        <v>10735</v>
      </c>
      <c r="I22598" s="2">
        <v>0</v>
      </c>
      <c r="J22598" s="2">
        <v>0</v>
      </c>
      <c r="K22598" s="2">
        <v>1</v>
      </c>
      <c r="L22598" t="s">
        <v>995</v>
      </c>
      <c r="M22598" t="s">
        <v>83</v>
      </c>
      <c r="N22598" t="s">
        <v>84</v>
      </c>
      <c r="O22598" t="s">
        <v>85</v>
      </c>
      <c r="P22598" t="s">
        <v>86</v>
      </c>
      <c r="Q22598">
        <v>62</v>
      </c>
      <c r="R22598">
        <v>63</v>
      </c>
      <c r="S22598">
        <v>64</v>
      </c>
      <c r="T22598">
        <v>66</v>
      </c>
      <c r="U22598">
        <v>67</v>
      </c>
      <c r="V22598">
        <v>68</v>
      </c>
      <c r="W22598">
        <v>69</v>
      </c>
      <c r="X22598">
        <v>71</v>
      </c>
      <c r="Y22598">
        <v>72</v>
      </c>
      <c r="Z22598">
        <v>73</v>
      </c>
      <c r="AA22598">
        <v>75</v>
      </c>
      <c r="AB22598">
        <v>76</v>
      </c>
      <c r="AC22598">
        <v>77</v>
      </c>
      <c r="AD22598">
        <v>79</v>
      </c>
      <c r="AE22598">
        <v>80</v>
      </c>
      <c r="AF22598">
        <v>81</v>
      </c>
      <c r="AG22598">
        <v>83</v>
      </c>
      <c r="AH22598">
        <v>84</v>
      </c>
      <c r="AI22598">
        <v>85</v>
      </c>
      <c r="AJ22598">
        <v>87</v>
      </c>
      <c r="AK22598">
        <v>88</v>
      </c>
      <c r="AL22598">
        <v>89</v>
      </c>
      <c r="AM22598">
        <v>90</v>
      </c>
      <c r="AN22598">
        <v>91</v>
      </c>
      <c r="AO22598">
        <v>91</v>
      </c>
      <c r="AP22598">
        <v>92</v>
      </c>
      <c r="AQ22598">
        <v>93</v>
      </c>
    </row>
    <row r="22599" spans="1:43">
      <c r="A22599" t="s">
        <v>13999</v>
      </c>
      <c r="B22599" t="s">
        <v>14000</v>
      </c>
      <c r="C22599" t="s">
        <v>13955</v>
      </c>
      <c r="D22599" t="s">
        <v>13956</v>
      </c>
      <c r="E22599" t="s">
        <v>13885</v>
      </c>
      <c r="F22599" t="s">
        <v>13886</v>
      </c>
      <c r="G22599" t="s">
        <v>10734</v>
      </c>
      <c r="H22599" t="s">
        <v>10735</v>
      </c>
      <c r="I22599" s="2">
        <v>0</v>
      </c>
      <c r="J22599" s="2">
        <v>0</v>
      </c>
      <c r="K22599" s="2">
        <v>1</v>
      </c>
      <c r="L22599" t="s">
        <v>995</v>
      </c>
      <c r="M22599" t="s">
        <v>87</v>
      </c>
      <c r="N22599" t="s">
        <v>88</v>
      </c>
      <c r="O22599" t="s">
        <v>85</v>
      </c>
      <c r="P22599" t="s">
        <v>86</v>
      </c>
      <c r="Q22599">
        <v>62</v>
      </c>
      <c r="R22599">
        <v>63</v>
      </c>
      <c r="S22599">
        <v>64</v>
      </c>
      <c r="T22599">
        <v>64</v>
      </c>
      <c r="U22599">
        <v>65</v>
      </c>
      <c r="V22599">
        <v>66</v>
      </c>
      <c r="W22599">
        <v>66</v>
      </c>
      <c r="X22599">
        <v>67</v>
      </c>
      <c r="Y22599">
        <v>68</v>
      </c>
      <c r="Z22599">
        <v>68</v>
      </c>
      <c r="AA22599">
        <v>69</v>
      </c>
      <c r="AB22599">
        <v>70</v>
      </c>
      <c r="AC22599">
        <v>70</v>
      </c>
      <c r="AD22599">
        <v>71</v>
      </c>
      <c r="AE22599">
        <v>72</v>
      </c>
      <c r="AF22599">
        <v>73</v>
      </c>
      <c r="AG22599">
        <v>73</v>
      </c>
      <c r="AH22599">
        <v>74</v>
      </c>
      <c r="AI22599">
        <v>75</v>
      </c>
      <c r="AJ22599">
        <v>76</v>
      </c>
      <c r="AK22599">
        <v>77</v>
      </c>
      <c r="AL22599">
        <v>77</v>
      </c>
      <c r="AM22599">
        <v>78</v>
      </c>
      <c r="AN22599">
        <v>79</v>
      </c>
      <c r="AO22599">
        <v>80</v>
      </c>
      <c r="AP22599">
        <v>81</v>
      </c>
      <c r="AQ22599">
        <v>82</v>
      </c>
    </row>
    <row r="22600" spans="1:43">
      <c r="A22600" t="s">
        <v>13999</v>
      </c>
      <c r="B22600" t="s">
        <v>14000</v>
      </c>
      <c r="C22600" t="s">
        <v>13955</v>
      </c>
      <c r="D22600" t="s">
        <v>13956</v>
      </c>
      <c r="E22600" t="s">
        <v>13885</v>
      </c>
      <c r="F22600" t="s">
        <v>13886</v>
      </c>
      <c r="G22600" t="s">
        <v>10734</v>
      </c>
      <c r="H22600" t="s">
        <v>10735</v>
      </c>
      <c r="I22600" s="2">
        <v>0</v>
      </c>
      <c r="J22600" s="2">
        <v>0</v>
      </c>
      <c r="K22600" s="2">
        <v>1</v>
      </c>
      <c r="L22600" t="s">
        <v>995</v>
      </c>
      <c r="M22600" t="s">
        <v>89</v>
      </c>
      <c r="N22600" t="s">
        <v>90</v>
      </c>
      <c r="O22600" t="s">
        <v>85</v>
      </c>
      <c r="P22600" t="s">
        <v>86</v>
      </c>
      <c r="Q22600">
        <v>62</v>
      </c>
      <c r="R22600">
        <v>64</v>
      </c>
      <c r="S22600">
        <v>66</v>
      </c>
      <c r="T22600">
        <v>68</v>
      </c>
      <c r="U22600">
        <v>70</v>
      </c>
      <c r="V22600">
        <v>71</v>
      </c>
      <c r="W22600">
        <v>73</v>
      </c>
      <c r="X22600">
        <v>75</v>
      </c>
      <c r="Y22600">
        <v>76</v>
      </c>
      <c r="Z22600">
        <v>78</v>
      </c>
      <c r="AA22600">
        <v>79</v>
      </c>
      <c r="AB22600">
        <v>81</v>
      </c>
      <c r="AC22600">
        <v>83</v>
      </c>
      <c r="AD22600">
        <v>84</v>
      </c>
      <c r="AE22600">
        <v>85</v>
      </c>
      <c r="AF22600">
        <v>86</v>
      </c>
      <c r="AG22600">
        <v>87</v>
      </c>
      <c r="AH22600">
        <v>87</v>
      </c>
      <c r="AI22600">
        <v>88</v>
      </c>
      <c r="AJ22600">
        <v>89</v>
      </c>
      <c r="AK22600">
        <v>89</v>
      </c>
      <c r="AL22600">
        <v>90</v>
      </c>
      <c r="AM22600">
        <v>91</v>
      </c>
      <c r="AN22600">
        <v>91</v>
      </c>
      <c r="AO22600">
        <v>92</v>
      </c>
      <c r="AP22600">
        <v>93</v>
      </c>
      <c r="AQ22600">
        <v>93</v>
      </c>
    </row>
    <row r="22601" spans="1:43">
      <c r="A22601" t="s">
        <v>13999</v>
      </c>
      <c r="B22601" t="s">
        <v>14000</v>
      </c>
      <c r="C22601" t="s">
        <v>13955</v>
      </c>
      <c r="D22601" t="s">
        <v>13956</v>
      </c>
      <c r="E22601" t="s">
        <v>13885</v>
      </c>
      <c r="F22601" t="s">
        <v>13886</v>
      </c>
      <c r="G22601" t="s">
        <v>10734</v>
      </c>
      <c r="H22601" t="s">
        <v>10735</v>
      </c>
      <c r="I22601" s="2">
        <v>0</v>
      </c>
      <c r="J22601" s="2">
        <v>0</v>
      </c>
      <c r="K22601" s="2">
        <v>1</v>
      </c>
      <c r="L22601" t="s">
        <v>995</v>
      </c>
      <c r="M22601" t="s">
        <v>83</v>
      </c>
      <c r="N22601" t="s">
        <v>91</v>
      </c>
      <c r="O22601" t="s">
        <v>85</v>
      </c>
      <c r="P22601" t="s">
        <v>86</v>
      </c>
      <c r="Q22601">
        <v>62</v>
      </c>
      <c r="R22601">
        <v>63</v>
      </c>
      <c r="S22601">
        <v>64</v>
      </c>
      <c r="T22601">
        <v>66</v>
      </c>
      <c r="U22601">
        <v>67</v>
      </c>
      <c r="V22601">
        <v>68</v>
      </c>
      <c r="W22601">
        <v>69</v>
      </c>
      <c r="X22601">
        <v>71</v>
      </c>
      <c r="Y22601">
        <v>72</v>
      </c>
      <c r="Z22601">
        <v>73</v>
      </c>
      <c r="AA22601">
        <v>75</v>
      </c>
      <c r="AB22601">
        <v>76</v>
      </c>
      <c r="AC22601">
        <v>77</v>
      </c>
      <c r="AD22601">
        <v>79</v>
      </c>
      <c r="AE22601">
        <v>80</v>
      </c>
      <c r="AF22601">
        <v>81</v>
      </c>
      <c r="AG22601">
        <v>83</v>
      </c>
      <c r="AH22601">
        <v>84</v>
      </c>
      <c r="AI22601">
        <v>85</v>
      </c>
      <c r="AJ22601">
        <v>87</v>
      </c>
      <c r="AK22601">
        <v>88</v>
      </c>
      <c r="AL22601">
        <v>89</v>
      </c>
      <c r="AM22601">
        <v>90</v>
      </c>
      <c r="AN22601">
        <v>91</v>
      </c>
      <c r="AO22601">
        <v>91</v>
      </c>
      <c r="AP22601">
        <v>92</v>
      </c>
      <c r="AQ22601">
        <v>93</v>
      </c>
    </row>
    <row r="22602" spans="1:43">
      <c r="A22602" t="s">
        <v>14001</v>
      </c>
      <c r="B22602" t="s">
        <v>14002</v>
      </c>
      <c r="C22602" t="s">
        <v>13955</v>
      </c>
      <c r="D22602" t="s">
        <v>13956</v>
      </c>
      <c r="E22602" t="s">
        <v>13885</v>
      </c>
      <c r="F22602" t="s">
        <v>13886</v>
      </c>
      <c r="G22602" t="s">
        <v>10734</v>
      </c>
      <c r="H22602" t="s">
        <v>10735</v>
      </c>
      <c r="I22602" s="2">
        <v>0</v>
      </c>
      <c r="J22602" s="2">
        <v>0</v>
      </c>
      <c r="K22602" s="2">
        <v>1</v>
      </c>
      <c r="L22602" t="s">
        <v>995</v>
      </c>
      <c r="M22602" t="s">
        <v>83</v>
      </c>
      <c r="N22602" t="s">
        <v>84</v>
      </c>
      <c r="O22602" t="s">
        <v>85</v>
      </c>
      <c r="P22602" t="s">
        <v>86</v>
      </c>
      <c r="Q22602">
        <v>30</v>
      </c>
      <c r="R22602">
        <v>30</v>
      </c>
      <c r="S22602">
        <v>31</v>
      </c>
      <c r="T22602">
        <v>32</v>
      </c>
      <c r="U22602">
        <v>32</v>
      </c>
      <c r="V22602">
        <v>33</v>
      </c>
      <c r="W22602">
        <v>34</v>
      </c>
      <c r="X22602">
        <v>34</v>
      </c>
      <c r="Y22602">
        <v>35</v>
      </c>
      <c r="Z22602">
        <v>35</v>
      </c>
      <c r="AA22602">
        <v>36</v>
      </c>
      <c r="AB22602">
        <v>37</v>
      </c>
      <c r="AC22602">
        <v>38</v>
      </c>
      <c r="AD22602">
        <v>38</v>
      </c>
      <c r="AE22602">
        <v>39</v>
      </c>
      <c r="AF22602">
        <v>40</v>
      </c>
      <c r="AG22602">
        <v>40</v>
      </c>
      <c r="AH22602">
        <v>41</v>
      </c>
      <c r="AI22602">
        <v>42</v>
      </c>
      <c r="AJ22602">
        <v>43</v>
      </c>
      <c r="AK22602">
        <v>43</v>
      </c>
      <c r="AL22602">
        <v>44</v>
      </c>
      <c r="AM22602">
        <v>44</v>
      </c>
      <c r="AN22602">
        <v>45</v>
      </c>
      <c r="AO22602">
        <v>45</v>
      </c>
      <c r="AP22602">
        <v>45</v>
      </c>
      <c r="AQ22602">
        <v>46</v>
      </c>
    </row>
    <row r="22603" spans="1:43">
      <c r="A22603" t="s">
        <v>14001</v>
      </c>
      <c r="B22603" t="s">
        <v>14002</v>
      </c>
      <c r="C22603" t="s">
        <v>13955</v>
      </c>
      <c r="D22603" t="s">
        <v>13956</v>
      </c>
      <c r="E22603" t="s">
        <v>13885</v>
      </c>
      <c r="F22603" t="s">
        <v>13886</v>
      </c>
      <c r="G22603" t="s">
        <v>10734</v>
      </c>
      <c r="H22603" t="s">
        <v>10735</v>
      </c>
      <c r="I22603" s="2">
        <v>0</v>
      </c>
      <c r="J22603" s="2">
        <v>0</v>
      </c>
      <c r="K22603" s="2">
        <v>1</v>
      </c>
      <c r="L22603" t="s">
        <v>995</v>
      </c>
      <c r="M22603" t="s">
        <v>87</v>
      </c>
      <c r="N22603" t="s">
        <v>88</v>
      </c>
      <c r="O22603" t="s">
        <v>85</v>
      </c>
      <c r="P22603" t="s">
        <v>86</v>
      </c>
      <c r="Q22603">
        <v>30</v>
      </c>
      <c r="R22603">
        <v>30</v>
      </c>
      <c r="S22603">
        <v>30</v>
      </c>
      <c r="T22603">
        <v>31</v>
      </c>
      <c r="U22603">
        <v>31</v>
      </c>
      <c r="V22603">
        <v>31</v>
      </c>
      <c r="W22603">
        <v>32</v>
      </c>
      <c r="X22603">
        <v>32</v>
      </c>
      <c r="Y22603">
        <v>32</v>
      </c>
      <c r="Z22603">
        <v>33</v>
      </c>
      <c r="AA22603">
        <v>33</v>
      </c>
      <c r="AB22603">
        <v>33</v>
      </c>
      <c r="AC22603">
        <v>34</v>
      </c>
      <c r="AD22603">
        <v>34</v>
      </c>
      <c r="AE22603">
        <v>34</v>
      </c>
      <c r="AF22603">
        <v>35</v>
      </c>
      <c r="AG22603">
        <v>35</v>
      </c>
      <c r="AH22603">
        <v>36</v>
      </c>
      <c r="AI22603">
        <v>36</v>
      </c>
      <c r="AJ22603">
        <v>36</v>
      </c>
      <c r="AK22603">
        <v>37</v>
      </c>
      <c r="AL22603">
        <v>37</v>
      </c>
      <c r="AM22603">
        <v>38</v>
      </c>
      <c r="AN22603">
        <v>38</v>
      </c>
      <c r="AO22603">
        <v>39</v>
      </c>
      <c r="AP22603">
        <v>39</v>
      </c>
      <c r="AQ22603">
        <v>39</v>
      </c>
    </row>
    <row r="22604" spans="1:43">
      <c r="A22604" t="s">
        <v>14001</v>
      </c>
      <c r="B22604" t="s">
        <v>14002</v>
      </c>
      <c r="C22604" t="s">
        <v>13955</v>
      </c>
      <c r="D22604" t="s">
        <v>13956</v>
      </c>
      <c r="E22604" t="s">
        <v>13885</v>
      </c>
      <c r="F22604" t="s">
        <v>13886</v>
      </c>
      <c r="G22604" t="s">
        <v>10734</v>
      </c>
      <c r="H22604" t="s">
        <v>10735</v>
      </c>
      <c r="I22604" s="2">
        <v>0</v>
      </c>
      <c r="J22604" s="2">
        <v>0</v>
      </c>
      <c r="K22604" s="2">
        <v>1</v>
      </c>
      <c r="L22604" t="s">
        <v>995</v>
      </c>
      <c r="M22604" t="s">
        <v>89</v>
      </c>
      <c r="N22604" t="s">
        <v>90</v>
      </c>
      <c r="O22604" t="s">
        <v>85</v>
      </c>
      <c r="P22604" t="s">
        <v>86</v>
      </c>
      <c r="Q22604">
        <v>30</v>
      </c>
      <c r="R22604">
        <v>31</v>
      </c>
      <c r="S22604">
        <v>32</v>
      </c>
      <c r="T22604">
        <v>33</v>
      </c>
      <c r="U22604">
        <v>34</v>
      </c>
      <c r="V22604">
        <v>34</v>
      </c>
      <c r="W22604">
        <v>35</v>
      </c>
      <c r="X22604">
        <v>36</v>
      </c>
      <c r="Y22604">
        <v>37</v>
      </c>
      <c r="Z22604">
        <v>38</v>
      </c>
      <c r="AA22604">
        <v>39</v>
      </c>
      <c r="AB22604">
        <v>39</v>
      </c>
      <c r="AC22604">
        <v>40</v>
      </c>
      <c r="AD22604">
        <v>41</v>
      </c>
      <c r="AE22604">
        <v>42</v>
      </c>
      <c r="AF22604">
        <v>42</v>
      </c>
      <c r="AG22604">
        <v>43</v>
      </c>
      <c r="AH22604">
        <v>43</v>
      </c>
      <c r="AI22604">
        <v>43</v>
      </c>
      <c r="AJ22604">
        <v>44</v>
      </c>
      <c r="AK22604">
        <v>44</v>
      </c>
      <c r="AL22604">
        <v>44</v>
      </c>
      <c r="AM22604">
        <v>45</v>
      </c>
      <c r="AN22604">
        <v>45</v>
      </c>
      <c r="AO22604">
        <v>45</v>
      </c>
      <c r="AP22604">
        <v>46</v>
      </c>
      <c r="AQ22604">
        <v>46</v>
      </c>
    </row>
    <row r="22605" spans="1:43">
      <c r="A22605" t="s">
        <v>14001</v>
      </c>
      <c r="B22605" t="s">
        <v>14002</v>
      </c>
      <c r="C22605" t="s">
        <v>13955</v>
      </c>
      <c r="D22605" t="s">
        <v>13956</v>
      </c>
      <c r="E22605" t="s">
        <v>13885</v>
      </c>
      <c r="F22605" t="s">
        <v>13886</v>
      </c>
      <c r="G22605" t="s">
        <v>10734</v>
      </c>
      <c r="H22605" t="s">
        <v>10735</v>
      </c>
      <c r="I22605" s="2">
        <v>0</v>
      </c>
      <c r="J22605" s="2">
        <v>0</v>
      </c>
      <c r="K22605" s="2">
        <v>1</v>
      </c>
      <c r="L22605" t="s">
        <v>995</v>
      </c>
      <c r="M22605" t="s">
        <v>83</v>
      </c>
      <c r="N22605" t="s">
        <v>91</v>
      </c>
      <c r="O22605" t="s">
        <v>85</v>
      </c>
      <c r="P22605" t="s">
        <v>86</v>
      </c>
      <c r="Q22605">
        <v>30</v>
      </c>
      <c r="R22605">
        <v>30</v>
      </c>
      <c r="S22605">
        <v>31</v>
      </c>
      <c r="T22605">
        <v>32</v>
      </c>
      <c r="U22605">
        <v>32</v>
      </c>
      <c r="V22605">
        <v>33</v>
      </c>
      <c r="W22605">
        <v>34</v>
      </c>
      <c r="X22605">
        <v>34</v>
      </c>
      <c r="Y22605">
        <v>35</v>
      </c>
      <c r="Z22605">
        <v>35</v>
      </c>
      <c r="AA22605">
        <v>36</v>
      </c>
      <c r="AB22605">
        <v>37</v>
      </c>
      <c r="AC22605">
        <v>38</v>
      </c>
      <c r="AD22605">
        <v>38</v>
      </c>
      <c r="AE22605">
        <v>39</v>
      </c>
      <c r="AF22605">
        <v>40</v>
      </c>
      <c r="AG22605">
        <v>40</v>
      </c>
      <c r="AH22605">
        <v>41</v>
      </c>
      <c r="AI22605">
        <v>42</v>
      </c>
      <c r="AJ22605">
        <v>43</v>
      </c>
      <c r="AK22605">
        <v>43</v>
      </c>
      <c r="AL22605">
        <v>44</v>
      </c>
      <c r="AM22605">
        <v>44</v>
      </c>
      <c r="AN22605">
        <v>45</v>
      </c>
      <c r="AO22605">
        <v>45</v>
      </c>
      <c r="AP22605">
        <v>45</v>
      </c>
      <c r="AQ22605">
        <v>46</v>
      </c>
    </row>
    <row r="22606" spans="1:43">
      <c r="A22606" t="s">
        <v>14003</v>
      </c>
      <c r="B22606" t="s">
        <v>14004</v>
      </c>
      <c r="C22606" t="s">
        <v>13955</v>
      </c>
      <c r="D22606" t="s">
        <v>13956</v>
      </c>
      <c r="E22606" t="s">
        <v>13885</v>
      </c>
      <c r="F22606" t="s">
        <v>13886</v>
      </c>
      <c r="G22606" t="s">
        <v>10734</v>
      </c>
      <c r="H22606" t="s">
        <v>10735</v>
      </c>
      <c r="I22606" s="2">
        <v>0</v>
      </c>
      <c r="J22606" s="2">
        <v>0</v>
      </c>
      <c r="K22606" s="2">
        <v>1</v>
      </c>
      <c r="L22606" t="s">
        <v>995</v>
      </c>
      <c r="M22606" t="s">
        <v>83</v>
      </c>
      <c r="N22606" t="s">
        <v>84</v>
      </c>
      <c r="O22606" t="s">
        <v>85</v>
      </c>
      <c r="P22606" t="s">
        <v>86</v>
      </c>
      <c r="Q22606">
        <v>14</v>
      </c>
      <c r="R22606">
        <v>14</v>
      </c>
      <c r="S22606">
        <v>14</v>
      </c>
      <c r="T22606">
        <v>15</v>
      </c>
      <c r="U22606">
        <v>15</v>
      </c>
      <c r="V22606">
        <v>15</v>
      </c>
      <c r="W22606">
        <v>15</v>
      </c>
      <c r="X22606">
        <v>16</v>
      </c>
      <c r="Y22606">
        <v>16</v>
      </c>
      <c r="Z22606">
        <v>16</v>
      </c>
      <c r="AA22606">
        <v>17</v>
      </c>
      <c r="AB22606">
        <v>17</v>
      </c>
      <c r="AC22606">
        <v>17</v>
      </c>
      <c r="AD22606">
        <v>17</v>
      </c>
      <c r="AE22606">
        <v>18</v>
      </c>
      <c r="AF22606">
        <v>18</v>
      </c>
      <c r="AG22606">
        <v>18</v>
      </c>
      <c r="AH22606">
        <v>19</v>
      </c>
      <c r="AI22606">
        <v>19</v>
      </c>
      <c r="AJ22606">
        <v>19</v>
      </c>
      <c r="AK22606">
        <v>20</v>
      </c>
      <c r="AL22606">
        <v>20</v>
      </c>
      <c r="AM22606">
        <v>20</v>
      </c>
      <c r="AN22606">
        <v>20</v>
      </c>
      <c r="AO22606">
        <v>20</v>
      </c>
      <c r="AP22606">
        <v>20</v>
      </c>
      <c r="AQ22606">
        <v>21</v>
      </c>
    </row>
    <row r="22607" spans="1:43">
      <c r="A22607" t="s">
        <v>14003</v>
      </c>
      <c r="B22607" t="s">
        <v>14004</v>
      </c>
      <c r="C22607" t="s">
        <v>13955</v>
      </c>
      <c r="D22607" t="s">
        <v>13956</v>
      </c>
      <c r="E22607" t="s">
        <v>13885</v>
      </c>
      <c r="F22607" t="s">
        <v>13886</v>
      </c>
      <c r="G22607" t="s">
        <v>10734</v>
      </c>
      <c r="H22607" t="s">
        <v>10735</v>
      </c>
      <c r="I22607" s="2">
        <v>0</v>
      </c>
      <c r="J22607" s="2">
        <v>0</v>
      </c>
      <c r="K22607" s="2">
        <v>1</v>
      </c>
      <c r="L22607" t="s">
        <v>995</v>
      </c>
      <c r="M22607" t="s">
        <v>87</v>
      </c>
      <c r="N22607" t="s">
        <v>88</v>
      </c>
      <c r="O22607" t="s">
        <v>85</v>
      </c>
      <c r="P22607" t="s">
        <v>86</v>
      </c>
      <c r="Q22607">
        <v>14</v>
      </c>
      <c r="R22607">
        <v>14</v>
      </c>
      <c r="S22607">
        <v>14</v>
      </c>
      <c r="T22607">
        <v>14</v>
      </c>
      <c r="U22607">
        <v>14</v>
      </c>
      <c r="V22607">
        <v>14</v>
      </c>
      <c r="W22607">
        <v>14</v>
      </c>
      <c r="X22607">
        <v>15</v>
      </c>
      <c r="Y22607">
        <v>15</v>
      </c>
      <c r="Z22607">
        <v>15</v>
      </c>
      <c r="AA22607">
        <v>15</v>
      </c>
      <c r="AB22607">
        <v>15</v>
      </c>
      <c r="AC22607">
        <v>15</v>
      </c>
      <c r="AD22607">
        <v>16</v>
      </c>
      <c r="AE22607">
        <v>16</v>
      </c>
      <c r="AF22607">
        <v>16</v>
      </c>
      <c r="AG22607">
        <v>16</v>
      </c>
      <c r="AH22607">
        <v>16</v>
      </c>
      <c r="AI22607">
        <v>16</v>
      </c>
      <c r="AJ22607">
        <v>17</v>
      </c>
      <c r="AK22607">
        <v>17</v>
      </c>
      <c r="AL22607">
        <v>17</v>
      </c>
      <c r="AM22607">
        <v>17</v>
      </c>
      <c r="AN22607">
        <v>17</v>
      </c>
      <c r="AO22607">
        <v>18</v>
      </c>
      <c r="AP22607">
        <v>18</v>
      </c>
      <c r="AQ22607">
        <v>18</v>
      </c>
    </row>
    <row r="22608" spans="1:43">
      <c r="A22608" t="s">
        <v>14003</v>
      </c>
      <c r="B22608" t="s">
        <v>14004</v>
      </c>
      <c r="C22608" t="s">
        <v>13955</v>
      </c>
      <c r="D22608" t="s">
        <v>13956</v>
      </c>
      <c r="E22608" t="s">
        <v>13885</v>
      </c>
      <c r="F22608" t="s">
        <v>13886</v>
      </c>
      <c r="G22608" t="s">
        <v>10734</v>
      </c>
      <c r="H22608" t="s">
        <v>10735</v>
      </c>
      <c r="I22608" s="2">
        <v>0</v>
      </c>
      <c r="J22608" s="2">
        <v>0</v>
      </c>
      <c r="K22608" s="2">
        <v>1</v>
      </c>
      <c r="L22608" t="s">
        <v>995</v>
      </c>
      <c r="M22608" t="s">
        <v>89</v>
      </c>
      <c r="N22608" t="s">
        <v>90</v>
      </c>
      <c r="O22608" t="s">
        <v>85</v>
      </c>
      <c r="P22608" t="s">
        <v>86</v>
      </c>
      <c r="Q22608">
        <v>14</v>
      </c>
      <c r="R22608">
        <v>14</v>
      </c>
      <c r="S22608">
        <v>15</v>
      </c>
      <c r="T22608">
        <v>15</v>
      </c>
      <c r="U22608">
        <v>15</v>
      </c>
      <c r="V22608">
        <v>16</v>
      </c>
      <c r="W22608">
        <v>16</v>
      </c>
      <c r="X22608">
        <v>17</v>
      </c>
      <c r="Y22608">
        <v>17</v>
      </c>
      <c r="Z22608">
        <v>17</v>
      </c>
      <c r="AA22608">
        <v>18</v>
      </c>
      <c r="AB22608">
        <v>18</v>
      </c>
      <c r="AC22608">
        <v>18</v>
      </c>
      <c r="AD22608">
        <v>19</v>
      </c>
      <c r="AE22608">
        <v>19</v>
      </c>
      <c r="AF22608">
        <v>19</v>
      </c>
      <c r="AG22608">
        <v>19</v>
      </c>
      <c r="AH22608">
        <v>19</v>
      </c>
      <c r="AI22608">
        <v>20</v>
      </c>
      <c r="AJ22608">
        <v>20</v>
      </c>
      <c r="AK22608">
        <v>20</v>
      </c>
      <c r="AL22608">
        <v>20</v>
      </c>
      <c r="AM22608">
        <v>20</v>
      </c>
      <c r="AN22608">
        <v>20</v>
      </c>
      <c r="AO22608">
        <v>20</v>
      </c>
      <c r="AP22608">
        <v>21</v>
      </c>
      <c r="AQ22608">
        <v>21</v>
      </c>
    </row>
    <row r="22609" spans="1:43">
      <c r="A22609" t="s">
        <v>14003</v>
      </c>
      <c r="B22609" t="s">
        <v>14004</v>
      </c>
      <c r="C22609" t="s">
        <v>13955</v>
      </c>
      <c r="D22609" t="s">
        <v>13956</v>
      </c>
      <c r="E22609" t="s">
        <v>13885</v>
      </c>
      <c r="F22609" t="s">
        <v>13886</v>
      </c>
      <c r="G22609" t="s">
        <v>10734</v>
      </c>
      <c r="H22609" t="s">
        <v>10735</v>
      </c>
      <c r="I22609" s="2">
        <v>0</v>
      </c>
      <c r="J22609" s="2">
        <v>0</v>
      </c>
      <c r="K22609" s="2">
        <v>1</v>
      </c>
      <c r="L22609" t="s">
        <v>995</v>
      </c>
      <c r="M22609" t="s">
        <v>83</v>
      </c>
      <c r="N22609" t="s">
        <v>91</v>
      </c>
      <c r="O22609" t="s">
        <v>85</v>
      </c>
      <c r="P22609" t="s">
        <v>86</v>
      </c>
      <c r="Q22609">
        <v>14</v>
      </c>
      <c r="R22609">
        <v>14</v>
      </c>
      <c r="S22609">
        <v>14</v>
      </c>
      <c r="T22609">
        <v>15</v>
      </c>
      <c r="U22609">
        <v>15</v>
      </c>
      <c r="V22609">
        <v>15</v>
      </c>
      <c r="W22609">
        <v>15</v>
      </c>
      <c r="X22609">
        <v>16</v>
      </c>
      <c r="Y22609">
        <v>16</v>
      </c>
      <c r="Z22609">
        <v>16</v>
      </c>
      <c r="AA22609">
        <v>17</v>
      </c>
      <c r="AB22609">
        <v>17</v>
      </c>
      <c r="AC22609">
        <v>17</v>
      </c>
      <c r="AD22609">
        <v>17</v>
      </c>
      <c r="AE22609">
        <v>18</v>
      </c>
      <c r="AF22609">
        <v>18</v>
      </c>
      <c r="AG22609">
        <v>18</v>
      </c>
      <c r="AH22609">
        <v>19</v>
      </c>
      <c r="AI22609">
        <v>19</v>
      </c>
      <c r="AJ22609">
        <v>19</v>
      </c>
      <c r="AK22609">
        <v>20</v>
      </c>
      <c r="AL22609">
        <v>20</v>
      </c>
      <c r="AM22609">
        <v>20</v>
      </c>
      <c r="AN22609">
        <v>20</v>
      </c>
      <c r="AO22609">
        <v>20</v>
      </c>
      <c r="AP22609">
        <v>20</v>
      </c>
      <c r="AQ22609">
        <v>21</v>
      </c>
    </row>
    <row r="22610" spans="1:43">
      <c r="A22610" t="s">
        <v>14005</v>
      </c>
      <c r="B22610" t="s">
        <v>14006</v>
      </c>
      <c r="C22610" t="s">
        <v>13945</v>
      </c>
      <c r="D22610" t="s">
        <v>13946</v>
      </c>
      <c r="E22610" t="s">
        <v>13885</v>
      </c>
      <c r="F22610" t="s">
        <v>13886</v>
      </c>
      <c r="G22610" t="s">
        <v>10734</v>
      </c>
      <c r="H22610" t="s">
        <v>10735</v>
      </c>
      <c r="I22610" s="2">
        <v>0</v>
      </c>
      <c r="J22610" s="2">
        <v>0</v>
      </c>
      <c r="K22610" s="2">
        <v>1</v>
      </c>
      <c r="L22610" t="s">
        <v>995</v>
      </c>
      <c r="M22610" t="s">
        <v>83</v>
      </c>
      <c r="N22610" t="s">
        <v>84</v>
      </c>
      <c r="O22610" t="s">
        <v>85</v>
      </c>
      <c r="P22610" t="s">
        <v>86</v>
      </c>
      <c r="Q22610">
        <v>24</v>
      </c>
      <c r="R22610">
        <v>25</v>
      </c>
      <c r="S22610">
        <v>25</v>
      </c>
      <c r="T22610">
        <v>26</v>
      </c>
      <c r="U22610">
        <v>26</v>
      </c>
      <c r="V22610">
        <v>27</v>
      </c>
      <c r="W22610">
        <v>27</v>
      </c>
      <c r="X22610">
        <v>28</v>
      </c>
      <c r="Y22610">
        <v>28</v>
      </c>
      <c r="Z22610">
        <v>29</v>
      </c>
      <c r="AA22610">
        <v>29</v>
      </c>
      <c r="AB22610">
        <v>30</v>
      </c>
      <c r="AC22610">
        <v>30</v>
      </c>
      <c r="AD22610">
        <v>31</v>
      </c>
      <c r="AE22610">
        <v>31</v>
      </c>
      <c r="AF22610">
        <v>32</v>
      </c>
      <c r="AG22610">
        <v>32</v>
      </c>
      <c r="AH22610">
        <v>33</v>
      </c>
      <c r="AI22610">
        <v>33</v>
      </c>
      <c r="AJ22610">
        <v>34</v>
      </c>
      <c r="AK22610">
        <v>34</v>
      </c>
      <c r="AL22610">
        <v>35</v>
      </c>
      <c r="AM22610">
        <v>35</v>
      </c>
      <c r="AN22610">
        <v>35</v>
      </c>
      <c r="AO22610">
        <v>36</v>
      </c>
      <c r="AP22610">
        <v>36</v>
      </c>
      <c r="AQ22610">
        <v>36</v>
      </c>
    </row>
    <row r="22611" spans="1:43">
      <c r="A22611" t="s">
        <v>14005</v>
      </c>
      <c r="B22611" t="s">
        <v>14006</v>
      </c>
      <c r="C22611" t="s">
        <v>13945</v>
      </c>
      <c r="D22611" t="s">
        <v>13946</v>
      </c>
      <c r="E22611" t="s">
        <v>13885</v>
      </c>
      <c r="F22611" t="s">
        <v>13886</v>
      </c>
      <c r="G22611" t="s">
        <v>10734</v>
      </c>
      <c r="H22611" t="s">
        <v>10735</v>
      </c>
      <c r="I22611" s="2">
        <v>0</v>
      </c>
      <c r="J22611" s="2">
        <v>0</v>
      </c>
      <c r="K22611" s="2">
        <v>1</v>
      </c>
      <c r="L22611" t="s">
        <v>995</v>
      </c>
      <c r="M22611" t="s">
        <v>87</v>
      </c>
      <c r="N22611" t="s">
        <v>88</v>
      </c>
      <c r="O22611" t="s">
        <v>85</v>
      </c>
      <c r="P22611" t="s">
        <v>86</v>
      </c>
      <c r="Q22611">
        <v>24</v>
      </c>
      <c r="R22611">
        <v>24</v>
      </c>
      <c r="S22611">
        <v>24</v>
      </c>
      <c r="T22611">
        <v>25</v>
      </c>
      <c r="U22611">
        <v>25</v>
      </c>
      <c r="V22611">
        <v>25</v>
      </c>
      <c r="W22611">
        <v>25</v>
      </c>
      <c r="X22611">
        <v>26</v>
      </c>
      <c r="Y22611">
        <v>26</v>
      </c>
      <c r="Z22611">
        <v>26</v>
      </c>
      <c r="AA22611">
        <v>26</v>
      </c>
      <c r="AB22611">
        <v>27</v>
      </c>
      <c r="AC22611">
        <v>27</v>
      </c>
      <c r="AD22611">
        <v>27</v>
      </c>
      <c r="AE22611">
        <v>28</v>
      </c>
      <c r="AF22611">
        <v>28</v>
      </c>
      <c r="AG22611">
        <v>28</v>
      </c>
      <c r="AH22611">
        <v>29</v>
      </c>
      <c r="AI22611">
        <v>29</v>
      </c>
      <c r="AJ22611">
        <v>29</v>
      </c>
      <c r="AK22611">
        <v>29</v>
      </c>
      <c r="AL22611">
        <v>30</v>
      </c>
      <c r="AM22611">
        <v>30</v>
      </c>
      <c r="AN22611">
        <v>30</v>
      </c>
      <c r="AO22611">
        <v>31</v>
      </c>
      <c r="AP22611">
        <v>31</v>
      </c>
      <c r="AQ22611">
        <v>31</v>
      </c>
    </row>
    <row r="22612" spans="1:43">
      <c r="A22612" t="s">
        <v>14005</v>
      </c>
      <c r="B22612" t="s">
        <v>14006</v>
      </c>
      <c r="C22612" t="s">
        <v>13945</v>
      </c>
      <c r="D22612" t="s">
        <v>13946</v>
      </c>
      <c r="E22612" t="s">
        <v>13885</v>
      </c>
      <c r="F22612" t="s">
        <v>13886</v>
      </c>
      <c r="G22612" t="s">
        <v>10734</v>
      </c>
      <c r="H22612" t="s">
        <v>10735</v>
      </c>
      <c r="I22612" s="2">
        <v>0</v>
      </c>
      <c r="J22612" s="2">
        <v>0</v>
      </c>
      <c r="K22612" s="2">
        <v>1</v>
      </c>
      <c r="L22612" t="s">
        <v>995</v>
      </c>
      <c r="M22612" t="s">
        <v>89</v>
      </c>
      <c r="N22612" t="s">
        <v>90</v>
      </c>
      <c r="O22612" t="s">
        <v>85</v>
      </c>
      <c r="P22612" t="s">
        <v>86</v>
      </c>
      <c r="Q22612">
        <v>24</v>
      </c>
      <c r="R22612">
        <v>25</v>
      </c>
      <c r="S22612">
        <v>26</v>
      </c>
      <c r="T22612">
        <v>26</v>
      </c>
      <c r="U22612">
        <v>27</v>
      </c>
      <c r="V22612">
        <v>28</v>
      </c>
      <c r="W22612">
        <v>28</v>
      </c>
      <c r="X22612">
        <v>29</v>
      </c>
      <c r="Y22612">
        <v>30</v>
      </c>
      <c r="Z22612">
        <v>30</v>
      </c>
      <c r="AA22612">
        <v>31</v>
      </c>
      <c r="AB22612">
        <v>32</v>
      </c>
      <c r="AC22612">
        <v>32</v>
      </c>
      <c r="AD22612">
        <v>33</v>
      </c>
      <c r="AE22612">
        <v>33</v>
      </c>
      <c r="AF22612">
        <v>34</v>
      </c>
      <c r="AG22612">
        <v>34</v>
      </c>
      <c r="AH22612">
        <v>34</v>
      </c>
      <c r="AI22612">
        <v>34</v>
      </c>
      <c r="AJ22612">
        <v>35</v>
      </c>
      <c r="AK22612">
        <v>35</v>
      </c>
      <c r="AL22612">
        <v>35</v>
      </c>
      <c r="AM22612">
        <v>35</v>
      </c>
      <c r="AN22612">
        <v>36</v>
      </c>
      <c r="AO22612">
        <v>36</v>
      </c>
      <c r="AP22612">
        <v>36</v>
      </c>
      <c r="AQ22612">
        <v>37</v>
      </c>
    </row>
    <row r="22613" spans="1:43">
      <c r="A22613" t="s">
        <v>14005</v>
      </c>
      <c r="B22613" t="s">
        <v>14006</v>
      </c>
      <c r="C22613" t="s">
        <v>13945</v>
      </c>
      <c r="D22613" t="s">
        <v>13946</v>
      </c>
      <c r="E22613" t="s">
        <v>13885</v>
      </c>
      <c r="F22613" t="s">
        <v>13886</v>
      </c>
      <c r="G22613" t="s">
        <v>10734</v>
      </c>
      <c r="H22613" t="s">
        <v>10735</v>
      </c>
      <c r="I22613" s="2">
        <v>0</v>
      </c>
      <c r="J22613" s="2">
        <v>0</v>
      </c>
      <c r="K22613" s="2">
        <v>1</v>
      </c>
      <c r="L22613" t="s">
        <v>995</v>
      </c>
      <c r="M22613" t="s">
        <v>83</v>
      </c>
      <c r="N22613" t="s">
        <v>91</v>
      </c>
      <c r="O22613" t="s">
        <v>85</v>
      </c>
      <c r="P22613" t="s">
        <v>86</v>
      </c>
      <c r="Q22613">
        <v>24</v>
      </c>
      <c r="R22613">
        <v>25</v>
      </c>
      <c r="S22613">
        <v>25</v>
      </c>
      <c r="T22613">
        <v>26</v>
      </c>
      <c r="U22613">
        <v>26</v>
      </c>
      <c r="V22613">
        <v>27</v>
      </c>
      <c r="W22613">
        <v>27</v>
      </c>
      <c r="X22613">
        <v>28</v>
      </c>
      <c r="Y22613">
        <v>28</v>
      </c>
      <c r="Z22613">
        <v>29</v>
      </c>
      <c r="AA22613">
        <v>29</v>
      </c>
      <c r="AB22613">
        <v>30</v>
      </c>
      <c r="AC22613">
        <v>30</v>
      </c>
      <c r="AD22613">
        <v>31</v>
      </c>
      <c r="AE22613">
        <v>31</v>
      </c>
      <c r="AF22613">
        <v>32</v>
      </c>
      <c r="AG22613">
        <v>32</v>
      </c>
      <c r="AH22613">
        <v>33</v>
      </c>
      <c r="AI22613">
        <v>33</v>
      </c>
      <c r="AJ22613">
        <v>34</v>
      </c>
      <c r="AK22613">
        <v>34</v>
      </c>
      <c r="AL22613">
        <v>35</v>
      </c>
      <c r="AM22613">
        <v>35</v>
      </c>
      <c r="AN22613">
        <v>35</v>
      </c>
      <c r="AO22613">
        <v>36</v>
      </c>
      <c r="AP22613">
        <v>36</v>
      </c>
      <c r="AQ22613">
        <v>36</v>
      </c>
    </row>
    <row r="22614" spans="1:43">
      <c r="A22614" t="s">
        <v>14007</v>
      </c>
      <c r="B22614" t="s">
        <v>14008</v>
      </c>
      <c r="C22614" t="s">
        <v>13987</v>
      </c>
      <c r="D22614" t="s">
        <v>13988</v>
      </c>
      <c r="E22614" t="s">
        <v>13885</v>
      </c>
      <c r="F22614" t="s">
        <v>13886</v>
      </c>
      <c r="G22614" t="s">
        <v>10734</v>
      </c>
      <c r="H22614" t="s">
        <v>10735</v>
      </c>
      <c r="I22614" s="2">
        <v>0</v>
      </c>
      <c r="J22614" s="2">
        <v>0</v>
      </c>
      <c r="K22614" s="2">
        <v>1</v>
      </c>
      <c r="L22614" t="s">
        <v>995</v>
      </c>
      <c r="M22614" t="s">
        <v>83</v>
      </c>
      <c r="N22614" t="s">
        <v>84</v>
      </c>
      <c r="O22614" t="s">
        <v>85</v>
      </c>
      <c r="P22614" t="s">
        <v>86</v>
      </c>
      <c r="Q22614">
        <v>13</v>
      </c>
      <c r="R22614">
        <v>13</v>
      </c>
      <c r="S22614">
        <v>13</v>
      </c>
      <c r="T22614">
        <v>14</v>
      </c>
      <c r="U22614">
        <v>14</v>
      </c>
      <c r="V22614">
        <v>14</v>
      </c>
      <c r="W22614">
        <v>14</v>
      </c>
      <c r="X22614">
        <v>15</v>
      </c>
      <c r="Y22614">
        <v>15</v>
      </c>
      <c r="Z22614">
        <v>15</v>
      </c>
      <c r="AA22614">
        <v>16</v>
      </c>
      <c r="AB22614">
        <v>16</v>
      </c>
      <c r="AC22614">
        <v>16</v>
      </c>
      <c r="AD22614">
        <v>16</v>
      </c>
      <c r="AE22614">
        <v>17</v>
      </c>
      <c r="AF22614">
        <v>17</v>
      </c>
      <c r="AG22614">
        <v>17</v>
      </c>
      <c r="AH22614">
        <v>18</v>
      </c>
      <c r="AI22614">
        <v>18</v>
      </c>
      <c r="AJ22614">
        <v>18</v>
      </c>
      <c r="AK22614">
        <v>18</v>
      </c>
      <c r="AL22614">
        <v>19</v>
      </c>
      <c r="AM22614">
        <v>19</v>
      </c>
      <c r="AN22614">
        <v>19</v>
      </c>
      <c r="AO22614">
        <v>19</v>
      </c>
      <c r="AP22614">
        <v>19</v>
      </c>
      <c r="AQ22614">
        <v>19</v>
      </c>
    </row>
    <row r="22615" spans="1:43">
      <c r="A22615" t="s">
        <v>14007</v>
      </c>
      <c r="B22615" t="s">
        <v>14008</v>
      </c>
      <c r="C22615" t="s">
        <v>13987</v>
      </c>
      <c r="D22615" t="s">
        <v>13988</v>
      </c>
      <c r="E22615" t="s">
        <v>13885</v>
      </c>
      <c r="F22615" t="s">
        <v>13886</v>
      </c>
      <c r="G22615" t="s">
        <v>10734</v>
      </c>
      <c r="H22615" t="s">
        <v>10735</v>
      </c>
      <c r="I22615" s="2">
        <v>0</v>
      </c>
      <c r="J22615" s="2">
        <v>0</v>
      </c>
      <c r="K22615" s="2">
        <v>1</v>
      </c>
      <c r="L22615" t="s">
        <v>995</v>
      </c>
      <c r="M22615" t="s">
        <v>87</v>
      </c>
      <c r="N22615" t="s">
        <v>88</v>
      </c>
      <c r="O22615" t="s">
        <v>85</v>
      </c>
      <c r="P22615" t="s">
        <v>86</v>
      </c>
      <c r="Q22615">
        <v>13</v>
      </c>
      <c r="R22615">
        <v>13</v>
      </c>
      <c r="S22615">
        <v>13</v>
      </c>
      <c r="T22615">
        <v>13</v>
      </c>
      <c r="U22615">
        <v>13</v>
      </c>
      <c r="V22615">
        <v>13</v>
      </c>
      <c r="W22615">
        <v>14</v>
      </c>
      <c r="X22615">
        <v>14</v>
      </c>
      <c r="Y22615">
        <v>14</v>
      </c>
      <c r="Z22615">
        <v>14</v>
      </c>
      <c r="AA22615">
        <v>14</v>
      </c>
      <c r="AB22615">
        <v>14</v>
      </c>
      <c r="AC22615">
        <v>14</v>
      </c>
      <c r="AD22615">
        <v>15</v>
      </c>
      <c r="AE22615">
        <v>15</v>
      </c>
      <c r="AF22615">
        <v>15</v>
      </c>
      <c r="AG22615">
        <v>15</v>
      </c>
      <c r="AH22615">
        <v>15</v>
      </c>
      <c r="AI22615">
        <v>15</v>
      </c>
      <c r="AJ22615">
        <v>16</v>
      </c>
      <c r="AK22615">
        <v>16</v>
      </c>
      <c r="AL22615">
        <v>16</v>
      </c>
      <c r="AM22615">
        <v>16</v>
      </c>
      <c r="AN22615">
        <v>16</v>
      </c>
      <c r="AO22615">
        <v>16</v>
      </c>
      <c r="AP22615">
        <v>17</v>
      </c>
      <c r="AQ22615">
        <v>17</v>
      </c>
    </row>
    <row r="22616" spans="1:43">
      <c r="A22616" t="s">
        <v>14007</v>
      </c>
      <c r="B22616" t="s">
        <v>14008</v>
      </c>
      <c r="C22616" t="s">
        <v>13987</v>
      </c>
      <c r="D22616" t="s">
        <v>13988</v>
      </c>
      <c r="E22616" t="s">
        <v>13885</v>
      </c>
      <c r="F22616" t="s">
        <v>13886</v>
      </c>
      <c r="G22616" t="s">
        <v>10734</v>
      </c>
      <c r="H22616" t="s">
        <v>10735</v>
      </c>
      <c r="I22616" s="2">
        <v>0</v>
      </c>
      <c r="J22616" s="2">
        <v>0</v>
      </c>
      <c r="K22616" s="2">
        <v>1</v>
      </c>
      <c r="L22616" t="s">
        <v>995</v>
      </c>
      <c r="M22616" t="s">
        <v>89</v>
      </c>
      <c r="N22616" t="s">
        <v>90</v>
      </c>
      <c r="O22616" t="s">
        <v>85</v>
      </c>
      <c r="P22616" t="s">
        <v>86</v>
      </c>
      <c r="Q22616">
        <v>13</v>
      </c>
      <c r="R22616">
        <v>13</v>
      </c>
      <c r="S22616">
        <v>14</v>
      </c>
      <c r="T22616">
        <v>14</v>
      </c>
      <c r="U22616">
        <v>14</v>
      </c>
      <c r="V22616">
        <v>15</v>
      </c>
      <c r="W22616">
        <v>15</v>
      </c>
      <c r="X22616">
        <v>16</v>
      </c>
      <c r="Y22616">
        <v>16</v>
      </c>
      <c r="Z22616">
        <v>16</v>
      </c>
      <c r="AA22616">
        <v>17</v>
      </c>
      <c r="AB22616">
        <v>17</v>
      </c>
      <c r="AC22616">
        <v>17</v>
      </c>
      <c r="AD22616">
        <v>18</v>
      </c>
      <c r="AE22616">
        <v>18</v>
      </c>
      <c r="AF22616">
        <v>18</v>
      </c>
      <c r="AG22616">
        <v>18</v>
      </c>
      <c r="AH22616">
        <v>18</v>
      </c>
      <c r="AI22616">
        <v>18</v>
      </c>
      <c r="AJ22616">
        <v>18</v>
      </c>
      <c r="AK22616">
        <v>19</v>
      </c>
      <c r="AL22616">
        <v>19</v>
      </c>
      <c r="AM22616">
        <v>19</v>
      </c>
      <c r="AN22616">
        <v>19</v>
      </c>
      <c r="AO22616">
        <v>19</v>
      </c>
      <c r="AP22616">
        <v>19</v>
      </c>
      <c r="AQ22616">
        <v>20</v>
      </c>
    </row>
    <row r="22617" spans="1:43">
      <c r="A22617" t="s">
        <v>14007</v>
      </c>
      <c r="B22617" t="s">
        <v>14008</v>
      </c>
      <c r="C22617" t="s">
        <v>13987</v>
      </c>
      <c r="D22617" t="s">
        <v>13988</v>
      </c>
      <c r="E22617" t="s">
        <v>13885</v>
      </c>
      <c r="F22617" t="s">
        <v>13886</v>
      </c>
      <c r="G22617" t="s">
        <v>10734</v>
      </c>
      <c r="H22617" t="s">
        <v>10735</v>
      </c>
      <c r="I22617" s="2">
        <v>0</v>
      </c>
      <c r="J22617" s="2">
        <v>0</v>
      </c>
      <c r="K22617" s="2">
        <v>1</v>
      </c>
      <c r="L22617" t="s">
        <v>995</v>
      </c>
      <c r="M22617" t="s">
        <v>83</v>
      </c>
      <c r="N22617" t="s">
        <v>91</v>
      </c>
      <c r="O22617" t="s">
        <v>85</v>
      </c>
      <c r="P22617" t="s">
        <v>86</v>
      </c>
      <c r="Q22617">
        <v>13</v>
      </c>
      <c r="R22617">
        <v>13</v>
      </c>
      <c r="S22617">
        <v>13</v>
      </c>
      <c r="T22617">
        <v>14</v>
      </c>
      <c r="U22617">
        <v>14</v>
      </c>
      <c r="V22617">
        <v>14</v>
      </c>
      <c r="W22617">
        <v>14</v>
      </c>
      <c r="X22617">
        <v>15</v>
      </c>
      <c r="Y22617">
        <v>15</v>
      </c>
      <c r="Z22617">
        <v>15</v>
      </c>
      <c r="AA22617">
        <v>16</v>
      </c>
      <c r="AB22617">
        <v>16</v>
      </c>
      <c r="AC22617">
        <v>16</v>
      </c>
      <c r="AD22617">
        <v>16</v>
      </c>
      <c r="AE22617">
        <v>17</v>
      </c>
      <c r="AF22617">
        <v>17</v>
      </c>
      <c r="AG22617">
        <v>17</v>
      </c>
      <c r="AH22617">
        <v>18</v>
      </c>
      <c r="AI22617">
        <v>18</v>
      </c>
      <c r="AJ22617">
        <v>18</v>
      </c>
      <c r="AK22617">
        <v>18</v>
      </c>
      <c r="AL22617">
        <v>19</v>
      </c>
      <c r="AM22617">
        <v>19</v>
      </c>
      <c r="AN22617">
        <v>19</v>
      </c>
      <c r="AO22617">
        <v>19</v>
      </c>
      <c r="AP22617">
        <v>19</v>
      </c>
      <c r="AQ22617">
        <v>19</v>
      </c>
    </row>
    <row r="22618" spans="1:43">
      <c r="A22618" t="s">
        <v>14009</v>
      </c>
      <c r="B22618" t="s">
        <v>14010</v>
      </c>
      <c r="C22618" t="s">
        <v>13987</v>
      </c>
      <c r="D22618" t="s">
        <v>13988</v>
      </c>
      <c r="E22618" t="s">
        <v>13885</v>
      </c>
      <c r="F22618" t="s">
        <v>13886</v>
      </c>
      <c r="G22618" t="s">
        <v>10734</v>
      </c>
      <c r="H22618" t="s">
        <v>10735</v>
      </c>
      <c r="I22618" s="2">
        <v>0</v>
      </c>
      <c r="J22618" s="2">
        <v>0</v>
      </c>
      <c r="K22618" s="2">
        <v>1</v>
      </c>
      <c r="L22618" t="s">
        <v>995</v>
      </c>
      <c r="M22618" t="s">
        <v>83</v>
      </c>
      <c r="N22618" t="s">
        <v>84</v>
      </c>
      <c r="O22618" t="s">
        <v>85</v>
      </c>
      <c r="P22618" t="s">
        <v>86</v>
      </c>
      <c r="Q22618">
        <v>26</v>
      </c>
      <c r="R22618">
        <v>26</v>
      </c>
      <c r="S22618">
        <v>27</v>
      </c>
      <c r="T22618">
        <v>27</v>
      </c>
      <c r="U22618">
        <v>28</v>
      </c>
      <c r="V22618">
        <v>28</v>
      </c>
      <c r="W22618">
        <v>29</v>
      </c>
      <c r="X22618">
        <v>29</v>
      </c>
      <c r="Y22618">
        <v>30</v>
      </c>
      <c r="Z22618">
        <v>30</v>
      </c>
      <c r="AA22618">
        <v>31</v>
      </c>
      <c r="AB22618">
        <v>31</v>
      </c>
      <c r="AC22618">
        <v>32</v>
      </c>
      <c r="AD22618">
        <v>32</v>
      </c>
      <c r="AE22618">
        <v>33</v>
      </c>
      <c r="AF22618">
        <v>34</v>
      </c>
      <c r="AG22618">
        <v>34</v>
      </c>
      <c r="AH22618">
        <v>35</v>
      </c>
      <c r="AI22618">
        <v>35</v>
      </c>
      <c r="AJ22618">
        <v>36</v>
      </c>
      <c r="AK22618">
        <v>36</v>
      </c>
      <c r="AL22618">
        <v>37</v>
      </c>
      <c r="AM22618">
        <v>37</v>
      </c>
      <c r="AN22618">
        <v>37</v>
      </c>
      <c r="AO22618">
        <v>38</v>
      </c>
      <c r="AP22618">
        <v>38</v>
      </c>
      <c r="AQ22618">
        <v>38</v>
      </c>
    </row>
    <row r="22619" spans="1:43">
      <c r="A22619" t="s">
        <v>14009</v>
      </c>
      <c r="B22619" t="s">
        <v>14010</v>
      </c>
      <c r="C22619" t="s">
        <v>13987</v>
      </c>
      <c r="D22619" t="s">
        <v>13988</v>
      </c>
      <c r="E22619" t="s">
        <v>13885</v>
      </c>
      <c r="F22619" t="s">
        <v>13886</v>
      </c>
      <c r="G22619" t="s">
        <v>10734</v>
      </c>
      <c r="H22619" t="s">
        <v>10735</v>
      </c>
      <c r="I22619" s="2">
        <v>0</v>
      </c>
      <c r="J22619" s="2">
        <v>0</v>
      </c>
      <c r="K22619" s="2">
        <v>1</v>
      </c>
      <c r="L22619" t="s">
        <v>995</v>
      </c>
      <c r="M22619" t="s">
        <v>87</v>
      </c>
      <c r="N22619" t="s">
        <v>88</v>
      </c>
      <c r="O22619" t="s">
        <v>85</v>
      </c>
      <c r="P22619" t="s">
        <v>86</v>
      </c>
      <c r="Q22619">
        <v>26</v>
      </c>
      <c r="R22619">
        <v>27</v>
      </c>
      <c r="S22619">
        <v>27</v>
      </c>
      <c r="T22619">
        <v>27</v>
      </c>
      <c r="U22619">
        <v>27</v>
      </c>
      <c r="V22619">
        <v>28</v>
      </c>
      <c r="W22619">
        <v>28</v>
      </c>
      <c r="X22619">
        <v>28</v>
      </c>
      <c r="Y22619">
        <v>28</v>
      </c>
      <c r="Z22619">
        <v>29</v>
      </c>
      <c r="AA22619">
        <v>29</v>
      </c>
      <c r="AB22619">
        <v>29</v>
      </c>
      <c r="AC22619">
        <v>30</v>
      </c>
      <c r="AD22619">
        <v>30</v>
      </c>
      <c r="AE22619">
        <v>30</v>
      </c>
      <c r="AF22619">
        <v>31</v>
      </c>
      <c r="AG22619">
        <v>31</v>
      </c>
      <c r="AH22619">
        <v>31</v>
      </c>
      <c r="AI22619">
        <v>32</v>
      </c>
      <c r="AJ22619">
        <v>32</v>
      </c>
      <c r="AK22619">
        <v>32</v>
      </c>
      <c r="AL22619">
        <v>33</v>
      </c>
      <c r="AM22619">
        <v>33</v>
      </c>
      <c r="AN22619">
        <v>33</v>
      </c>
      <c r="AO22619">
        <v>34</v>
      </c>
      <c r="AP22619">
        <v>34</v>
      </c>
      <c r="AQ22619">
        <v>34</v>
      </c>
    </row>
    <row r="22620" spans="1:43">
      <c r="A22620" t="s">
        <v>14009</v>
      </c>
      <c r="B22620" t="s">
        <v>14010</v>
      </c>
      <c r="C22620" t="s">
        <v>13987</v>
      </c>
      <c r="D22620" t="s">
        <v>13988</v>
      </c>
      <c r="E22620" t="s">
        <v>13885</v>
      </c>
      <c r="F22620" t="s">
        <v>13886</v>
      </c>
      <c r="G22620" t="s">
        <v>10734</v>
      </c>
      <c r="H22620" t="s">
        <v>10735</v>
      </c>
      <c r="I22620" s="2">
        <v>0</v>
      </c>
      <c r="J22620" s="2">
        <v>0</v>
      </c>
      <c r="K22620" s="2">
        <v>1</v>
      </c>
      <c r="L22620" t="s">
        <v>995</v>
      </c>
      <c r="M22620" t="s">
        <v>89</v>
      </c>
      <c r="N22620" t="s">
        <v>90</v>
      </c>
      <c r="O22620" t="s">
        <v>85</v>
      </c>
      <c r="P22620" t="s">
        <v>86</v>
      </c>
      <c r="Q22620">
        <v>26</v>
      </c>
      <c r="R22620">
        <v>26</v>
      </c>
      <c r="S22620">
        <v>27</v>
      </c>
      <c r="T22620">
        <v>28</v>
      </c>
      <c r="U22620">
        <v>29</v>
      </c>
      <c r="V22620">
        <v>29</v>
      </c>
      <c r="W22620">
        <v>30</v>
      </c>
      <c r="X22620">
        <v>31</v>
      </c>
      <c r="Y22620">
        <v>31</v>
      </c>
      <c r="Z22620">
        <v>32</v>
      </c>
      <c r="AA22620">
        <v>33</v>
      </c>
      <c r="AB22620">
        <v>33</v>
      </c>
      <c r="AC22620">
        <v>34</v>
      </c>
      <c r="AD22620">
        <v>35</v>
      </c>
      <c r="AE22620">
        <v>35</v>
      </c>
      <c r="AF22620">
        <v>36</v>
      </c>
      <c r="AG22620">
        <v>36</v>
      </c>
      <c r="AH22620">
        <v>36</v>
      </c>
      <c r="AI22620">
        <v>36</v>
      </c>
      <c r="AJ22620">
        <v>37</v>
      </c>
      <c r="AK22620">
        <v>37</v>
      </c>
      <c r="AL22620">
        <v>37</v>
      </c>
      <c r="AM22620">
        <v>37</v>
      </c>
      <c r="AN22620">
        <v>38</v>
      </c>
      <c r="AO22620">
        <v>38</v>
      </c>
      <c r="AP22620">
        <v>38</v>
      </c>
      <c r="AQ22620">
        <v>39</v>
      </c>
    </row>
    <row r="22621" spans="1:43">
      <c r="A22621" t="s">
        <v>14009</v>
      </c>
      <c r="B22621" t="s">
        <v>14010</v>
      </c>
      <c r="C22621" t="s">
        <v>13987</v>
      </c>
      <c r="D22621" t="s">
        <v>13988</v>
      </c>
      <c r="E22621" t="s">
        <v>13885</v>
      </c>
      <c r="F22621" t="s">
        <v>13886</v>
      </c>
      <c r="G22621" t="s">
        <v>10734</v>
      </c>
      <c r="H22621" t="s">
        <v>10735</v>
      </c>
      <c r="I22621" s="2">
        <v>0</v>
      </c>
      <c r="J22621" s="2">
        <v>0</v>
      </c>
      <c r="K22621" s="2">
        <v>1</v>
      </c>
      <c r="L22621" t="s">
        <v>995</v>
      </c>
      <c r="M22621" t="s">
        <v>83</v>
      </c>
      <c r="N22621" t="s">
        <v>91</v>
      </c>
      <c r="O22621" t="s">
        <v>85</v>
      </c>
      <c r="P22621" t="s">
        <v>86</v>
      </c>
      <c r="Q22621">
        <v>26</v>
      </c>
      <c r="R22621">
        <v>26</v>
      </c>
      <c r="S22621">
        <v>27</v>
      </c>
      <c r="T22621">
        <v>27</v>
      </c>
      <c r="U22621">
        <v>28</v>
      </c>
      <c r="V22621">
        <v>28</v>
      </c>
      <c r="W22621">
        <v>29</v>
      </c>
      <c r="X22621">
        <v>29</v>
      </c>
      <c r="Y22621">
        <v>30</v>
      </c>
      <c r="Z22621">
        <v>30</v>
      </c>
      <c r="AA22621">
        <v>31</v>
      </c>
      <c r="AB22621">
        <v>31</v>
      </c>
      <c r="AC22621">
        <v>32</v>
      </c>
      <c r="AD22621">
        <v>32</v>
      </c>
      <c r="AE22621">
        <v>33</v>
      </c>
      <c r="AF22621">
        <v>34</v>
      </c>
      <c r="AG22621">
        <v>34</v>
      </c>
      <c r="AH22621">
        <v>35</v>
      </c>
      <c r="AI22621">
        <v>35</v>
      </c>
      <c r="AJ22621">
        <v>36</v>
      </c>
      <c r="AK22621">
        <v>36</v>
      </c>
      <c r="AL22621">
        <v>37</v>
      </c>
      <c r="AM22621">
        <v>37</v>
      </c>
      <c r="AN22621">
        <v>37</v>
      </c>
      <c r="AO22621">
        <v>38</v>
      </c>
      <c r="AP22621">
        <v>38</v>
      </c>
      <c r="AQ22621">
        <v>38</v>
      </c>
    </row>
    <row r="22622" spans="1:43">
      <c r="A22622" t="s">
        <v>14011</v>
      </c>
      <c r="B22622" t="s">
        <v>14012</v>
      </c>
      <c r="C22622" t="s">
        <v>14013</v>
      </c>
      <c r="D22622" t="s">
        <v>14014</v>
      </c>
      <c r="E22622" t="s">
        <v>14015</v>
      </c>
      <c r="F22622" t="s">
        <v>14016</v>
      </c>
      <c r="G22622" t="s">
        <v>10734</v>
      </c>
      <c r="H22622" t="s">
        <v>10735</v>
      </c>
      <c r="I22622" s="2">
        <v>0</v>
      </c>
      <c r="J22622" s="2">
        <v>0</v>
      </c>
      <c r="K22622" s="2">
        <v>1</v>
      </c>
      <c r="L22622" t="s">
        <v>995</v>
      </c>
      <c r="M22622" t="s">
        <v>83</v>
      </c>
      <c r="N22622" t="s">
        <v>84</v>
      </c>
      <c r="O22622" t="s">
        <v>85</v>
      </c>
      <c r="P22622" t="s">
        <v>86</v>
      </c>
      <c r="Q22622">
        <v>62</v>
      </c>
      <c r="R22622">
        <v>63</v>
      </c>
      <c r="S22622">
        <v>64</v>
      </c>
      <c r="T22622">
        <v>65</v>
      </c>
      <c r="U22622">
        <v>66</v>
      </c>
      <c r="V22622">
        <v>67</v>
      </c>
      <c r="W22622">
        <v>68</v>
      </c>
      <c r="X22622">
        <v>69</v>
      </c>
      <c r="Y22622">
        <v>70</v>
      </c>
      <c r="Z22622">
        <v>71</v>
      </c>
      <c r="AA22622">
        <v>72</v>
      </c>
      <c r="AB22622">
        <v>73</v>
      </c>
      <c r="AC22622">
        <v>74</v>
      </c>
      <c r="AD22622">
        <v>74</v>
      </c>
      <c r="AE22622">
        <v>75</v>
      </c>
      <c r="AF22622">
        <v>76</v>
      </c>
      <c r="AG22622">
        <v>77</v>
      </c>
      <c r="AH22622">
        <v>78</v>
      </c>
      <c r="AI22622">
        <v>79</v>
      </c>
      <c r="AJ22622">
        <v>80</v>
      </c>
      <c r="AK22622">
        <v>80</v>
      </c>
      <c r="AL22622">
        <v>81</v>
      </c>
      <c r="AM22622">
        <v>81</v>
      </c>
      <c r="AN22622">
        <v>81</v>
      </c>
      <c r="AO22622">
        <v>81</v>
      </c>
      <c r="AP22622">
        <v>81</v>
      </c>
      <c r="AQ22622">
        <v>81</v>
      </c>
    </row>
    <row r="22623" spans="1:43">
      <c r="A22623" t="s">
        <v>14011</v>
      </c>
      <c r="B22623" t="s">
        <v>14012</v>
      </c>
      <c r="C22623" t="s">
        <v>14013</v>
      </c>
      <c r="D22623" t="s">
        <v>14014</v>
      </c>
      <c r="E22623" t="s">
        <v>14015</v>
      </c>
      <c r="F22623" t="s">
        <v>14016</v>
      </c>
      <c r="G22623" t="s">
        <v>10734</v>
      </c>
      <c r="H22623" t="s">
        <v>10735</v>
      </c>
      <c r="I22623" s="2">
        <v>0</v>
      </c>
      <c r="J22623" s="2">
        <v>0</v>
      </c>
      <c r="K22623" s="2">
        <v>1</v>
      </c>
      <c r="L22623" t="s">
        <v>995</v>
      </c>
      <c r="M22623" t="s">
        <v>87</v>
      </c>
      <c r="N22623" t="s">
        <v>88</v>
      </c>
      <c r="O22623" t="s">
        <v>85</v>
      </c>
      <c r="P22623" t="s">
        <v>86</v>
      </c>
      <c r="Q22623">
        <v>62</v>
      </c>
      <c r="R22623">
        <v>63</v>
      </c>
      <c r="S22623">
        <v>63</v>
      </c>
      <c r="T22623">
        <v>64</v>
      </c>
      <c r="U22623">
        <v>64</v>
      </c>
      <c r="V22623">
        <v>64</v>
      </c>
      <c r="W22623">
        <v>65</v>
      </c>
      <c r="X22623">
        <v>65</v>
      </c>
      <c r="Y22623">
        <v>66</v>
      </c>
      <c r="Z22623">
        <v>66</v>
      </c>
      <c r="AA22623">
        <v>66</v>
      </c>
      <c r="AB22623">
        <v>67</v>
      </c>
      <c r="AC22623">
        <v>67</v>
      </c>
      <c r="AD22623">
        <v>67</v>
      </c>
      <c r="AE22623">
        <v>68</v>
      </c>
      <c r="AF22623">
        <v>68</v>
      </c>
      <c r="AG22623">
        <v>68</v>
      </c>
      <c r="AH22623">
        <v>69</v>
      </c>
      <c r="AI22623">
        <v>69</v>
      </c>
      <c r="AJ22623">
        <v>69</v>
      </c>
      <c r="AK22623">
        <v>70</v>
      </c>
      <c r="AL22623">
        <v>70</v>
      </c>
      <c r="AM22623">
        <v>70</v>
      </c>
      <c r="AN22623">
        <v>71</v>
      </c>
      <c r="AO22623">
        <v>71</v>
      </c>
      <c r="AP22623">
        <v>71</v>
      </c>
      <c r="AQ22623">
        <v>72</v>
      </c>
    </row>
    <row r="22624" spans="1:43">
      <c r="A22624" t="s">
        <v>14011</v>
      </c>
      <c r="B22624" t="s">
        <v>14012</v>
      </c>
      <c r="C22624" t="s">
        <v>14013</v>
      </c>
      <c r="D22624" t="s">
        <v>14014</v>
      </c>
      <c r="E22624" t="s">
        <v>14015</v>
      </c>
      <c r="F22624" t="s">
        <v>14016</v>
      </c>
      <c r="G22624" t="s">
        <v>10734</v>
      </c>
      <c r="H22624" t="s">
        <v>10735</v>
      </c>
      <c r="I22624" s="2">
        <v>0</v>
      </c>
      <c r="J22624" s="2">
        <v>0</v>
      </c>
      <c r="K22624" s="2">
        <v>1</v>
      </c>
      <c r="L22624" t="s">
        <v>995</v>
      </c>
      <c r="M22624" t="s">
        <v>89</v>
      </c>
      <c r="N22624" t="s">
        <v>90</v>
      </c>
      <c r="O22624" t="s">
        <v>85</v>
      </c>
      <c r="P22624" t="s">
        <v>86</v>
      </c>
      <c r="Q22624">
        <v>62</v>
      </c>
      <c r="R22624">
        <v>63</v>
      </c>
      <c r="S22624">
        <v>65</v>
      </c>
      <c r="T22624">
        <v>66</v>
      </c>
      <c r="U22624">
        <v>68</v>
      </c>
      <c r="V22624">
        <v>69</v>
      </c>
      <c r="W22624">
        <v>70</v>
      </c>
      <c r="X22624">
        <v>72</v>
      </c>
      <c r="Y22624">
        <v>73</v>
      </c>
      <c r="Z22624">
        <v>74</v>
      </c>
      <c r="AA22624">
        <v>75</v>
      </c>
      <c r="AB22624">
        <v>76</v>
      </c>
      <c r="AC22624">
        <v>78</v>
      </c>
      <c r="AD22624">
        <v>79</v>
      </c>
      <c r="AE22624">
        <v>80</v>
      </c>
      <c r="AF22624">
        <v>80</v>
      </c>
      <c r="AG22624">
        <v>80</v>
      </c>
      <c r="AH22624">
        <v>80</v>
      </c>
      <c r="AI22624">
        <v>80</v>
      </c>
      <c r="AJ22624">
        <v>80</v>
      </c>
      <c r="AK22624">
        <v>80</v>
      </c>
      <c r="AL22624">
        <v>80</v>
      </c>
      <c r="AM22624">
        <v>80</v>
      </c>
      <c r="AN22624">
        <v>80</v>
      </c>
      <c r="AO22624">
        <v>81</v>
      </c>
      <c r="AP22624">
        <v>81</v>
      </c>
      <c r="AQ22624">
        <v>81</v>
      </c>
    </row>
    <row r="22625" spans="1:43">
      <c r="A22625" t="s">
        <v>14011</v>
      </c>
      <c r="B22625" t="s">
        <v>14012</v>
      </c>
      <c r="C22625" t="s">
        <v>14013</v>
      </c>
      <c r="D22625" t="s">
        <v>14014</v>
      </c>
      <c r="E22625" t="s">
        <v>14015</v>
      </c>
      <c r="F22625" t="s">
        <v>14016</v>
      </c>
      <c r="G22625" t="s">
        <v>10734</v>
      </c>
      <c r="H22625" t="s">
        <v>10735</v>
      </c>
      <c r="I22625" s="2">
        <v>0</v>
      </c>
      <c r="J22625" s="2">
        <v>0</v>
      </c>
      <c r="K22625" s="2">
        <v>1</v>
      </c>
      <c r="L22625" t="s">
        <v>995</v>
      </c>
      <c r="M22625" t="s">
        <v>83</v>
      </c>
      <c r="N22625" t="s">
        <v>91</v>
      </c>
      <c r="O22625" t="s">
        <v>85</v>
      </c>
      <c r="P22625" t="s">
        <v>86</v>
      </c>
      <c r="Q22625">
        <v>62</v>
      </c>
      <c r="R22625">
        <v>63</v>
      </c>
      <c r="S22625">
        <v>64</v>
      </c>
      <c r="T22625">
        <v>65</v>
      </c>
      <c r="U22625">
        <v>66</v>
      </c>
      <c r="V22625">
        <v>67</v>
      </c>
      <c r="W22625">
        <v>68</v>
      </c>
      <c r="X22625">
        <v>69</v>
      </c>
      <c r="Y22625">
        <v>70</v>
      </c>
      <c r="Z22625">
        <v>71</v>
      </c>
      <c r="AA22625">
        <v>72</v>
      </c>
      <c r="AB22625">
        <v>73</v>
      </c>
      <c r="AC22625">
        <v>74</v>
      </c>
      <c r="AD22625">
        <v>74</v>
      </c>
      <c r="AE22625">
        <v>75</v>
      </c>
      <c r="AF22625">
        <v>76</v>
      </c>
      <c r="AG22625">
        <v>77</v>
      </c>
      <c r="AH22625">
        <v>78</v>
      </c>
      <c r="AI22625">
        <v>79</v>
      </c>
      <c r="AJ22625">
        <v>80</v>
      </c>
      <c r="AK22625">
        <v>80</v>
      </c>
      <c r="AL22625">
        <v>81</v>
      </c>
      <c r="AM22625">
        <v>81</v>
      </c>
      <c r="AN22625">
        <v>81</v>
      </c>
      <c r="AO22625">
        <v>81</v>
      </c>
      <c r="AP22625">
        <v>81</v>
      </c>
      <c r="AQ22625">
        <v>81</v>
      </c>
    </row>
    <row r="22626" spans="1:43">
      <c r="A22626" t="s">
        <v>14017</v>
      </c>
      <c r="B22626" t="s">
        <v>14018</v>
      </c>
      <c r="C22626" t="s">
        <v>14019</v>
      </c>
      <c r="D22626" t="s">
        <v>14020</v>
      </c>
      <c r="E22626" t="s">
        <v>14015</v>
      </c>
      <c r="F22626" t="s">
        <v>14016</v>
      </c>
      <c r="G22626" t="s">
        <v>10734</v>
      </c>
      <c r="H22626" t="s">
        <v>10735</v>
      </c>
      <c r="I22626" s="2">
        <v>0</v>
      </c>
      <c r="J22626" s="2">
        <v>0</v>
      </c>
      <c r="K22626" s="2">
        <v>1</v>
      </c>
      <c r="L22626" t="s">
        <v>995</v>
      </c>
      <c r="M22626" t="s">
        <v>83</v>
      </c>
      <c r="N22626" t="s">
        <v>84</v>
      </c>
      <c r="O22626" t="s">
        <v>85</v>
      </c>
      <c r="P22626" t="s">
        <v>86</v>
      </c>
      <c r="Q22626">
        <v>49</v>
      </c>
      <c r="R22626">
        <v>50</v>
      </c>
      <c r="S22626">
        <v>51</v>
      </c>
      <c r="T22626">
        <v>52</v>
      </c>
      <c r="U22626">
        <v>52</v>
      </c>
      <c r="V22626">
        <v>53</v>
      </c>
      <c r="W22626">
        <v>54</v>
      </c>
      <c r="X22626">
        <v>55</v>
      </c>
      <c r="Y22626">
        <v>55</v>
      </c>
      <c r="Z22626">
        <v>56</v>
      </c>
      <c r="AA22626">
        <v>57</v>
      </c>
      <c r="AB22626">
        <v>58</v>
      </c>
      <c r="AC22626">
        <v>58</v>
      </c>
      <c r="AD22626">
        <v>59</v>
      </c>
      <c r="AE22626">
        <v>60</v>
      </c>
      <c r="AF22626">
        <v>61</v>
      </c>
      <c r="AG22626">
        <v>61</v>
      </c>
      <c r="AH22626">
        <v>62</v>
      </c>
      <c r="AI22626">
        <v>63</v>
      </c>
      <c r="AJ22626">
        <v>63</v>
      </c>
      <c r="AK22626">
        <v>64</v>
      </c>
      <c r="AL22626">
        <v>64</v>
      </c>
      <c r="AM22626">
        <v>64</v>
      </c>
      <c r="AN22626">
        <v>64</v>
      </c>
      <c r="AO22626">
        <v>64</v>
      </c>
      <c r="AP22626">
        <v>64</v>
      </c>
      <c r="AQ22626">
        <v>64</v>
      </c>
    </row>
    <row r="22627" spans="1:43">
      <c r="A22627" t="s">
        <v>14017</v>
      </c>
      <c r="B22627" t="s">
        <v>14018</v>
      </c>
      <c r="C22627" t="s">
        <v>14019</v>
      </c>
      <c r="D22627" t="s">
        <v>14020</v>
      </c>
      <c r="E22627" t="s">
        <v>14015</v>
      </c>
      <c r="F22627" t="s">
        <v>14016</v>
      </c>
      <c r="G22627" t="s">
        <v>10734</v>
      </c>
      <c r="H22627" t="s">
        <v>10735</v>
      </c>
      <c r="I22627" s="2">
        <v>0</v>
      </c>
      <c r="J22627" s="2">
        <v>0</v>
      </c>
      <c r="K22627" s="2">
        <v>1</v>
      </c>
      <c r="L22627" t="s">
        <v>995</v>
      </c>
      <c r="M22627" t="s">
        <v>87</v>
      </c>
      <c r="N22627" t="s">
        <v>88</v>
      </c>
      <c r="O22627" t="s">
        <v>85</v>
      </c>
      <c r="P22627" t="s">
        <v>86</v>
      </c>
      <c r="Q22627">
        <v>49</v>
      </c>
      <c r="R22627">
        <v>49</v>
      </c>
      <c r="S22627">
        <v>49</v>
      </c>
      <c r="T22627">
        <v>50</v>
      </c>
      <c r="U22627">
        <v>50</v>
      </c>
      <c r="V22627">
        <v>50</v>
      </c>
      <c r="W22627">
        <v>51</v>
      </c>
      <c r="X22627">
        <v>51</v>
      </c>
      <c r="Y22627">
        <v>51</v>
      </c>
      <c r="Z22627">
        <v>52</v>
      </c>
      <c r="AA22627">
        <v>52</v>
      </c>
      <c r="AB22627">
        <v>52</v>
      </c>
      <c r="AC22627">
        <v>52</v>
      </c>
      <c r="AD22627">
        <v>53</v>
      </c>
      <c r="AE22627">
        <v>53</v>
      </c>
      <c r="AF22627">
        <v>53</v>
      </c>
      <c r="AG22627">
        <v>54</v>
      </c>
      <c r="AH22627">
        <v>54</v>
      </c>
      <c r="AI22627">
        <v>54</v>
      </c>
      <c r="AJ22627">
        <v>54</v>
      </c>
      <c r="AK22627">
        <v>55</v>
      </c>
      <c r="AL22627">
        <v>55</v>
      </c>
      <c r="AM22627">
        <v>55</v>
      </c>
      <c r="AN22627">
        <v>55</v>
      </c>
      <c r="AO22627">
        <v>56</v>
      </c>
      <c r="AP22627">
        <v>56</v>
      </c>
      <c r="AQ22627">
        <v>56</v>
      </c>
    </row>
    <row r="22628" spans="1:43">
      <c r="A22628" t="s">
        <v>14017</v>
      </c>
      <c r="B22628" t="s">
        <v>14018</v>
      </c>
      <c r="C22628" t="s">
        <v>14019</v>
      </c>
      <c r="D22628" t="s">
        <v>14020</v>
      </c>
      <c r="E22628" t="s">
        <v>14015</v>
      </c>
      <c r="F22628" t="s">
        <v>14016</v>
      </c>
      <c r="G22628" t="s">
        <v>10734</v>
      </c>
      <c r="H22628" t="s">
        <v>10735</v>
      </c>
      <c r="I22628" s="2">
        <v>0</v>
      </c>
      <c r="J22628" s="2">
        <v>0</v>
      </c>
      <c r="K22628" s="2">
        <v>1</v>
      </c>
      <c r="L22628" t="s">
        <v>995</v>
      </c>
      <c r="M22628" t="s">
        <v>89</v>
      </c>
      <c r="N22628" t="s">
        <v>90</v>
      </c>
      <c r="O22628" t="s">
        <v>85</v>
      </c>
      <c r="P22628" t="s">
        <v>86</v>
      </c>
      <c r="Q22628">
        <v>49</v>
      </c>
      <c r="R22628">
        <v>50</v>
      </c>
      <c r="S22628">
        <v>51</v>
      </c>
      <c r="T22628">
        <v>52</v>
      </c>
      <c r="U22628">
        <v>53</v>
      </c>
      <c r="V22628">
        <v>55</v>
      </c>
      <c r="W22628">
        <v>56</v>
      </c>
      <c r="X22628">
        <v>57</v>
      </c>
      <c r="Y22628">
        <v>58</v>
      </c>
      <c r="Z22628">
        <v>59</v>
      </c>
      <c r="AA22628">
        <v>60</v>
      </c>
      <c r="AB22628">
        <v>61</v>
      </c>
      <c r="AC22628">
        <v>62</v>
      </c>
      <c r="AD22628">
        <v>63</v>
      </c>
      <c r="AE22628">
        <v>63</v>
      </c>
      <c r="AF22628">
        <v>63</v>
      </c>
      <c r="AG22628">
        <v>63</v>
      </c>
      <c r="AH22628">
        <v>63</v>
      </c>
      <c r="AI22628">
        <v>63</v>
      </c>
      <c r="AJ22628">
        <v>64</v>
      </c>
      <c r="AK22628">
        <v>64</v>
      </c>
      <c r="AL22628">
        <v>64</v>
      </c>
      <c r="AM22628">
        <v>64</v>
      </c>
      <c r="AN22628">
        <v>64</v>
      </c>
      <c r="AO22628">
        <v>64</v>
      </c>
      <c r="AP22628">
        <v>64</v>
      </c>
      <c r="AQ22628">
        <v>64</v>
      </c>
    </row>
    <row r="22629" spans="1:43">
      <c r="A22629" t="s">
        <v>14017</v>
      </c>
      <c r="B22629" t="s">
        <v>14018</v>
      </c>
      <c r="C22629" t="s">
        <v>14019</v>
      </c>
      <c r="D22629" t="s">
        <v>14020</v>
      </c>
      <c r="E22629" t="s">
        <v>14015</v>
      </c>
      <c r="F22629" t="s">
        <v>14016</v>
      </c>
      <c r="G22629" t="s">
        <v>10734</v>
      </c>
      <c r="H22629" t="s">
        <v>10735</v>
      </c>
      <c r="I22629" s="2">
        <v>0</v>
      </c>
      <c r="J22629" s="2">
        <v>0</v>
      </c>
      <c r="K22629" s="2">
        <v>1</v>
      </c>
      <c r="L22629" t="s">
        <v>995</v>
      </c>
      <c r="M22629" t="s">
        <v>83</v>
      </c>
      <c r="N22629" t="s">
        <v>91</v>
      </c>
      <c r="O22629" t="s">
        <v>85</v>
      </c>
      <c r="P22629" t="s">
        <v>86</v>
      </c>
      <c r="Q22629">
        <v>49</v>
      </c>
      <c r="R22629">
        <v>50</v>
      </c>
      <c r="S22629">
        <v>51</v>
      </c>
      <c r="T22629">
        <v>52</v>
      </c>
      <c r="U22629">
        <v>52</v>
      </c>
      <c r="V22629">
        <v>53</v>
      </c>
      <c r="W22629">
        <v>54</v>
      </c>
      <c r="X22629">
        <v>55</v>
      </c>
      <c r="Y22629">
        <v>55</v>
      </c>
      <c r="Z22629">
        <v>56</v>
      </c>
      <c r="AA22629">
        <v>57</v>
      </c>
      <c r="AB22629">
        <v>58</v>
      </c>
      <c r="AC22629">
        <v>58</v>
      </c>
      <c r="AD22629">
        <v>59</v>
      </c>
      <c r="AE22629">
        <v>60</v>
      </c>
      <c r="AF22629">
        <v>61</v>
      </c>
      <c r="AG22629">
        <v>61</v>
      </c>
      <c r="AH22629">
        <v>62</v>
      </c>
      <c r="AI22629">
        <v>63</v>
      </c>
      <c r="AJ22629">
        <v>63</v>
      </c>
      <c r="AK22629">
        <v>64</v>
      </c>
      <c r="AL22629">
        <v>64</v>
      </c>
      <c r="AM22629">
        <v>64</v>
      </c>
      <c r="AN22629">
        <v>64</v>
      </c>
      <c r="AO22629">
        <v>64</v>
      </c>
      <c r="AP22629">
        <v>64</v>
      </c>
      <c r="AQ22629">
        <v>64</v>
      </c>
    </row>
    <row r="22630" spans="1:43">
      <c r="A22630" t="s">
        <v>14021</v>
      </c>
      <c r="B22630" t="s">
        <v>14022</v>
      </c>
      <c r="C22630" t="s">
        <v>14013</v>
      </c>
      <c r="D22630" t="s">
        <v>14014</v>
      </c>
      <c r="E22630" t="s">
        <v>14015</v>
      </c>
      <c r="F22630" t="s">
        <v>14016</v>
      </c>
      <c r="G22630" t="s">
        <v>10734</v>
      </c>
      <c r="H22630" t="s">
        <v>10735</v>
      </c>
      <c r="I22630" s="2">
        <v>0</v>
      </c>
      <c r="J22630" s="2">
        <v>0</v>
      </c>
      <c r="K22630" s="2">
        <v>1</v>
      </c>
      <c r="L22630" t="s">
        <v>995</v>
      </c>
      <c r="M22630" t="s">
        <v>83</v>
      </c>
      <c r="N22630" t="s">
        <v>84</v>
      </c>
      <c r="O22630" t="s">
        <v>85</v>
      </c>
      <c r="P22630" t="s">
        <v>86</v>
      </c>
      <c r="Q22630">
        <v>18</v>
      </c>
      <c r="R22630">
        <v>19</v>
      </c>
      <c r="S22630">
        <v>19</v>
      </c>
      <c r="T22630">
        <v>19</v>
      </c>
      <c r="U22630">
        <v>20</v>
      </c>
      <c r="V22630">
        <v>20</v>
      </c>
      <c r="W22630">
        <v>20</v>
      </c>
      <c r="X22630">
        <v>20</v>
      </c>
      <c r="Y22630">
        <v>21</v>
      </c>
      <c r="Z22630">
        <v>21</v>
      </c>
      <c r="AA22630">
        <v>21</v>
      </c>
      <c r="AB22630">
        <v>22</v>
      </c>
      <c r="AC22630">
        <v>22</v>
      </c>
      <c r="AD22630">
        <v>22</v>
      </c>
      <c r="AE22630">
        <v>22</v>
      </c>
      <c r="AF22630">
        <v>23</v>
      </c>
      <c r="AG22630">
        <v>23</v>
      </c>
      <c r="AH22630">
        <v>23</v>
      </c>
      <c r="AI22630">
        <v>23</v>
      </c>
      <c r="AJ22630">
        <v>24</v>
      </c>
      <c r="AK22630">
        <v>24</v>
      </c>
      <c r="AL22630">
        <v>24</v>
      </c>
      <c r="AM22630">
        <v>24</v>
      </c>
      <c r="AN22630">
        <v>24</v>
      </c>
      <c r="AO22630">
        <v>24</v>
      </c>
      <c r="AP22630">
        <v>24</v>
      </c>
      <c r="AQ22630">
        <v>24</v>
      </c>
    </row>
    <row r="22631" spans="1:43">
      <c r="A22631" t="s">
        <v>14021</v>
      </c>
      <c r="B22631" t="s">
        <v>14022</v>
      </c>
      <c r="C22631" t="s">
        <v>14013</v>
      </c>
      <c r="D22631" t="s">
        <v>14014</v>
      </c>
      <c r="E22631" t="s">
        <v>14015</v>
      </c>
      <c r="F22631" t="s">
        <v>14016</v>
      </c>
      <c r="G22631" t="s">
        <v>10734</v>
      </c>
      <c r="H22631" t="s">
        <v>10735</v>
      </c>
      <c r="I22631" s="2">
        <v>0</v>
      </c>
      <c r="J22631" s="2">
        <v>0</v>
      </c>
      <c r="K22631" s="2">
        <v>1</v>
      </c>
      <c r="L22631" t="s">
        <v>995</v>
      </c>
      <c r="M22631" t="s">
        <v>87</v>
      </c>
      <c r="N22631" t="s">
        <v>88</v>
      </c>
      <c r="O22631" t="s">
        <v>85</v>
      </c>
      <c r="P22631" t="s">
        <v>86</v>
      </c>
      <c r="Q22631">
        <v>18</v>
      </c>
      <c r="R22631">
        <v>18</v>
      </c>
      <c r="S22631">
        <v>18</v>
      </c>
      <c r="T22631">
        <v>19</v>
      </c>
      <c r="U22631">
        <v>19</v>
      </c>
      <c r="V22631">
        <v>19</v>
      </c>
      <c r="W22631">
        <v>19</v>
      </c>
      <c r="X22631">
        <v>19</v>
      </c>
      <c r="Y22631">
        <v>19</v>
      </c>
      <c r="Z22631">
        <v>19</v>
      </c>
      <c r="AA22631">
        <v>19</v>
      </c>
      <c r="AB22631">
        <v>19</v>
      </c>
      <c r="AC22631">
        <v>20</v>
      </c>
      <c r="AD22631">
        <v>20</v>
      </c>
      <c r="AE22631">
        <v>20</v>
      </c>
      <c r="AF22631">
        <v>20</v>
      </c>
      <c r="AG22631">
        <v>20</v>
      </c>
      <c r="AH22631">
        <v>20</v>
      </c>
      <c r="AI22631">
        <v>20</v>
      </c>
      <c r="AJ22631">
        <v>20</v>
      </c>
      <c r="AK22631">
        <v>20</v>
      </c>
      <c r="AL22631">
        <v>20</v>
      </c>
      <c r="AM22631">
        <v>21</v>
      </c>
      <c r="AN22631">
        <v>21</v>
      </c>
      <c r="AO22631">
        <v>21</v>
      </c>
      <c r="AP22631">
        <v>21</v>
      </c>
      <c r="AQ22631">
        <v>21</v>
      </c>
    </row>
    <row r="22632" spans="1:43">
      <c r="A22632" t="s">
        <v>14021</v>
      </c>
      <c r="B22632" t="s">
        <v>14022</v>
      </c>
      <c r="C22632" t="s">
        <v>14013</v>
      </c>
      <c r="D22632" t="s">
        <v>14014</v>
      </c>
      <c r="E22632" t="s">
        <v>14015</v>
      </c>
      <c r="F22632" t="s">
        <v>14016</v>
      </c>
      <c r="G22632" t="s">
        <v>10734</v>
      </c>
      <c r="H22632" t="s">
        <v>10735</v>
      </c>
      <c r="I22632" s="2">
        <v>0</v>
      </c>
      <c r="J22632" s="2">
        <v>0</v>
      </c>
      <c r="K22632" s="2">
        <v>1</v>
      </c>
      <c r="L22632" t="s">
        <v>995</v>
      </c>
      <c r="M22632" t="s">
        <v>89</v>
      </c>
      <c r="N22632" t="s">
        <v>90</v>
      </c>
      <c r="O22632" t="s">
        <v>85</v>
      </c>
      <c r="P22632" t="s">
        <v>86</v>
      </c>
      <c r="Q22632">
        <v>18</v>
      </c>
      <c r="R22632">
        <v>18</v>
      </c>
      <c r="S22632">
        <v>19</v>
      </c>
      <c r="T22632">
        <v>19</v>
      </c>
      <c r="U22632">
        <v>19</v>
      </c>
      <c r="V22632">
        <v>20</v>
      </c>
      <c r="W22632">
        <v>20</v>
      </c>
      <c r="X22632">
        <v>21</v>
      </c>
      <c r="Y22632">
        <v>21</v>
      </c>
      <c r="Z22632">
        <v>21</v>
      </c>
      <c r="AA22632">
        <v>22</v>
      </c>
      <c r="AB22632">
        <v>22</v>
      </c>
      <c r="AC22632">
        <v>22</v>
      </c>
      <c r="AD22632">
        <v>23</v>
      </c>
      <c r="AE22632">
        <v>23</v>
      </c>
      <c r="AF22632">
        <v>23</v>
      </c>
      <c r="AG22632">
        <v>23</v>
      </c>
      <c r="AH22632">
        <v>23</v>
      </c>
      <c r="AI22632">
        <v>23</v>
      </c>
      <c r="AJ22632">
        <v>23</v>
      </c>
      <c r="AK22632">
        <v>23</v>
      </c>
      <c r="AL22632">
        <v>23</v>
      </c>
      <c r="AM22632">
        <v>23</v>
      </c>
      <c r="AN22632">
        <v>23</v>
      </c>
      <c r="AO22632">
        <v>23</v>
      </c>
      <c r="AP22632">
        <v>23</v>
      </c>
      <c r="AQ22632">
        <v>23</v>
      </c>
    </row>
    <row r="22633" spans="1:43">
      <c r="A22633" t="s">
        <v>14021</v>
      </c>
      <c r="B22633" t="s">
        <v>14022</v>
      </c>
      <c r="C22633" t="s">
        <v>14013</v>
      </c>
      <c r="D22633" t="s">
        <v>14014</v>
      </c>
      <c r="E22633" t="s">
        <v>14015</v>
      </c>
      <c r="F22633" t="s">
        <v>14016</v>
      </c>
      <c r="G22633" t="s">
        <v>10734</v>
      </c>
      <c r="H22633" t="s">
        <v>10735</v>
      </c>
      <c r="I22633" s="2">
        <v>0</v>
      </c>
      <c r="J22633" s="2">
        <v>0</v>
      </c>
      <c r="K22633" s="2">
        <v>1</v>
      </c>
      <c r="L22633" t="s">
        <v>995</v>
      </c>
      <c r="M22633" t="s">
        <v>83</v>
      </c>
      <c r="N22633" t="s">
        <v>91</v>
      </c>
      <c r="O22633" t="s">
        <v>85</v>
      </c>
      <c r="P22633" t="s">
        <v>86</v>
      </c>
      <c r="Q22633">
        <v>18</v>
      </c>
      <c r="R22633">
        <v>19</v>
      </c>
      <c r="S22633">
        <v>19</v>
      </c>
      <c r="T22633">
        <v>19</v>
      </c>
      <c r="U22633">
        <v>20</v>
      </c>
      <c r="V22633">
        <v>20</v>
      </c>
      <c r="W22633">
        <v>20</v>
      </c>
      <c r="X22633">
        <v>20</v>
      </c>
      <c r="Y22633">
        <v>21</v>
      </c>
      <c r="Z22633">
        <v>21</v>
      </c>
      <c r="AA22633">
        <v>21</v>
      </c>
      <c r="AB22633">
        <v>22</v>
      </c>
      <c r="AC22633">
        <v>22</v>
      </c>
      <c r="AD22633">
        <v>22</v>
      </c>
      <c r="AE22633">
        <v>22</v>
      </c>
      <c r="AF22633">
        <v>23</v>
      </c>
      <c r="AG22633">
        <v>23</v>
      </c>
      <c r="AH22633">
        <v>23</v>
      </c>
      <c r="AI22633">
        <v>23</v>
      </c>
      <c r="AJ22633">
        <v>24</v>
      </c>
      <c r="AK22633">
        <v>24</v>
      </c>
      <c r="AL22633">
        <v>24</v>
      </c>
      <c r="AM22633">
        <v>24</v>
      </c>
      <c r="AN22633">
        <v>24</v>
      </c>
      <c r="AO22633">
        <v>24</v>
      </c>
      <c r="AP22633">
        <v>24</v>
      </c>
      <c r="AQ22633">
        <v>24</v>
      </c>
    </row>
    <row r="22634" spans="1:43">
      <c r="A22634" t="s">
        <v>14023</v>
      </c>
      <c r="B22634" t="s">
        <v>14024</v>
      </c>
      <c r="C22634" t="s">
        <v>14013</v>
      </c>
      <c r="D22634" t="s">
        <v>14014</v>
      </c>
      <c r="E22634" t="s">
        <v>14015</v>
      </c>
      <c r="F22634" t="s">
        <v>14016</v>
      </c>
      <c r="G22634" t="s">
        <v>10734</v>
      </c>
      <c r="H22634" t="s">
        <v>10735</v>
      </c>
      <c r="I22634" s="2">
        <v>0</v>
      </c>
      <c r="J22634" s="2">
        <v>0</v>
      </c>
      <c r="K22634" s="2">
        <v>1</v>
      </c>
      <c r="L22634" t="s">
        <v>995</v>
      </c>
      <c r="M22634" t="s">
        <v>83</v>
      </c>
      <c r="N22634" t="s">
        <v>84</v>
      </c>
      <c r="O22634" t="s">
        <v>85</v>
      </c>
      <c r="P22634" t="s">
        <v>86</v>
      </c>
      <c r="Q22634">
        <v>49</v>
      </c>
      <c r="R22634">
        <v>50</v>
      </c>
      <c r="S22634">
        <v>50</v>
      </c>
      <c r="T22634">
        <v>51</v>
      </c>
      <c r="U22634">
        <v>52</v>
      </c>
      <c r="V22634">
        <v>53</v>
      </c>
      <c r="W22634">
        <v>53</v>
      </c>
      <c r="X22634">
        <v>54</v>
      </c>
      <c r="Y22634">
        <v>55</v>
      </c>
      <c r="Z22634">
        <v>56</v>
      </c>
      <c r="AA22634">
        <v>56</v>
      </c>
      <c r="AB22634">
        <v>57</v>
      </c>
      <c r="AC22634">
        <v>58</v>
      </c>
      <c r="AD22634">
        <v>58</v>
      </c>
      <c r="AE22634">
        <v>59</v>
      </c>
      <c r="AF22634">
        <v>60</v>
      </c>
      <c r="AG22634">
        <v>60</v>
      </c>
      <c r="AH22634">
        <v>61</v>
      </c>
      <c r="AI22634">
        <v>62</v>
      </c>
      <c r="AJ22634">
        <v>62</v>
      </c>
      <c r="AK22634">
        <v>63</v>
      </c>
      <c r="AL22634">
        <v>63</v>
      </c>
      <c r="AM22634">
        <v>63</v>
      </c>
      <c r="AN22634">
        <v>63</v>
      </c>
      <c r="AO22634">
        <v>63</v>
      </c>
      <c r="AP22634">
        <v>63</v>
      </c>
      <c r="AQ22634">
        <v>63</v>
      </c>
    </row>
    <row r="22635" spans="1:43">
      <c r="A22635" t="s">
        <v>14023</v>
      </c>
      <c r="B22635" t="s">
        <v>14024</v>
      </c>
      <c r="C22635" t="s">
        <v>14013</v>
      </c>
      <c r="D22635" t="s">
        <v>14014</v>
      </c>
      <c r="E22635" t="s">
        <v>14015</v>
      </c>
      <c r="F22635" t="s">
        <v>14016</v>
      </c>
      <c r="G22635" t="s">
        <v>10734</v>
      </c>
      <c r="H22635" t="s">
        <v>10735</v>
      </c>
      <c r="I22635" s="2">
        <v>0</v>
      </c>
      <c r="J22635" s="2">
        <v>0</v>
      </c>
      <c r="K22635" s="2">
        <v>1</v>
      </c>
      <c r="L22635" t="s">
        <v>995</v>
      </c>
      <c r="M22635" t="s">
        <v>87</v>
      </c>
      <c r="N22635" t="s">
        <v>88</v>
      </c>
      <c r="O22635" t="s">
        <v>85</v>
      </c>
      <c r="P22635" t="s">
        <v>86</v>
      </c>
      <c r="Q22635">
        <v>49</v>
      </c>
      <c r="R22635">
        <v>50</v>
      </c>
      <c r="S22635">
        <v>50</v>
      </c>
      <c r="T22635">
        <v>50</v>
      </c>
      <c r="U22635">
        <v>51</v>
      </c>
      <c r="V22635">
        <v>51</v>
      </c>
      <c r="W22635">
        <v>51</v>
      </c>
      <c r="X22635">
        <v>51</v>
      </c>
      <c r="Y22635">
        <v>52</v>
      </c>
      <c r="Z22635">
        <v>52</v>
      </c>
      <c r="AA22635">
        <v>52</v>
      </c>
      <c r="AB22635">
        <v>53</v>
      </c>
      <c r="AC22635">
        <v>53</v>
      </c>
      <c r="AD22635">
        <v>53</v>
      </c>
      <c r="AE22635">
        <v>53</v>
      </c>
      <c r="AF22635">
        <v>54</v>
      </c>
      <c r="AG22635">
        <v>54</v>
      </c>
      <c r="AH22635">
        <v>54</v>
      </c>
      <c r="AI22635">
        <v>54</v>
      </c>
      <c r="AJ22635">
        <v>55</v>
      </c>
      <c r="AK22635">
        <v>55</v>
      </c>
      <c r="AL22635">
        <v>55</v>
      </c>
      <c r="AM22635">
        <v>55</v>
      </c>
      <c r="AN22635">
        <v>55</v>
      </c>
      <c r="AO22635">
        <v>56</v>
      </c>
      <c r="AP22635">
        <v>56</v>
      </c>
      <c r="AQ22635">
        <v>56</v>
      </c>
    </row>
    <row r="22636" spans="1:43">
      <c r="A22636" t="s">
        <v>14023</v>
      </c>
      <c r="B22636" t="s">
        <v>14024</v>
      </c>
      <c r="C22636" t="s">
        <v>14013</v>
      </c>
      <c r="D22636" t="s">
        <v>14014</v>
      </c>
      <c r="E22636" t="s">
        <v>14015</v>
      </c>
      <c r="F22636" t="s">
        <v>14016</v>
      </c>
      <c r="G22636" t="s">
        <v>10734</v>
      </c>
      <c r="H22636" t="s">
        <v>10735</v>
      </c>
      <c r="I22636" s="2">
        <v>0</v>
      </c>
      <c r="J22636" s="2">
        <v>0</v>
      </c>
      <c r="K22636" s="2">
        <v>1</v>
      </c>
      <c r="L22636" t="s">
        <v>995</v>
      </c>
      <c r="M22636" t="s">
        <v>89</v>
      </c>
      <c r="N22636" t="s">
        <v>90</v>
      </c>
      <c r="O22636" t="s">
        <v>85</v>
      </c>
      <c r="P22636" t="s">
        <v>86</v>
      </c>
      <c r="Q22636">
        <v>49</v>
      </c>
      <c r="R22636">
        <v>50</v>
      </c>
      <c r="S22636">
        <v>52</v>
      </c>
      <c r="T22636">
        <v>53</v>
      </c>
      <c r="U22636">
        <v>54</v>
      </c>
      <c r="V22636">
        <v>55</v>
      </c>
      <c r="W22636">
        <v>56</v>
      </c>
      <c r="X22636">
        <v>57</v>
      </c>
      <c r="Y22636">
        <v>58</v>
      </c>
      <c r="Z22636">
        <v>59</v>
      </c>
      <c r="AA22636">
        <v>60</v>
      </c>
      <c r="AB22636">
        <v>61</v>
      </c>
      <c r="AC22636">
        <v>62</v>
      </c>
      <c r="AD22636">
        <v>63</v>
      </c>
      <c r="AE22636">
        <v>63</v>
      </c>
      <c r="AF22636">
        <v>63</v>
      </c>
      <c r="AG22636">
        <v>64</v>
      </c>
      <c r="AH22636">
        <v>64</v>
      </c>
      <c r="AI22636">
        <v>64</v>
      </c>
      <c r="AJ22636">
        <v>64</v>
      </c>
      <c r="AK22636">
        <v>64</v>
      </c>
      <c r="AL22636">
        <v>64</v>
      </c>
      <c r="AM22636">
        <v>64</v>
      </c>
      <c r="AN22636">
        <v>64</v>
      </c>
      <c r="AO22636">
        <v>64</v>
      </c>
      <c r="AP22636">
        <v>64</v>
      </c>
      <c r="AQ22636">
        <v>64</v>
      </c>
    </row>
    <row r="22637" spans="1:43">
      <c r="A22637" t="s">
        <v>14023</v>
      </c>
      <c r="B22637" t="s">
        <v>14024</v>
      </c>
      <c r="C22637" t="s">
        <v>14013</v>
      </c>
      <c r="D22637" t="s">
        <v>14014</v>
      </c>
      <c r="E22637" t="s">
        <v>14015</v>
      </c>
      <c r="F22637" t="s">
        <v>14016</v>
      </c>
      <c r="G22637" t="s">
        <v>10734</v>
      </c>
      <c r="H22637" t="s">
        <v>10735</v>
      </c>
      <c r="I22637" s="2">
        <v>0</v>
      </c>
      <c r="J22637" s="2">
        <v>0</v>
      </c>
      <c r="K22637" s="2">
        <v>1</v>
      </c>
      <c r="L22637" t="s">
        <v>995</v>
      </c>
      <c r="M22637" t="s">
        <v>83</v>
      </c>
      <c r="N22637" t="s">
        <v>91</v>
      </c>
      <c r="O22637" t="s">
        <v>85</v>
      </c>
      <c r="P22637" t="s">
        <v>86</v>
      </c>
      <c r="Q22637">
        <v>49</v>
      </c>
      <c r="R22637">
        <v>50</v>
      </c>
      <c r="S22637">
        <v>50</v>
      </c>
      <c r="T22637">
        <v>51</v>
      </c>
      <c r="U22637">
        <v>52</v>
      </c>
      <c r="V22637">
        <v>53</v>
      </c>
      <c r="W22637">
        <v>53</v>
      </c>
      <c r="X22637">
        <v>54</v>
      </c>
      <c r="Y22637">
        <v>55</v>
      </c>
      <c r="Z22637">
        <v>56</v>
      </c>
      <c r="AA22637">
        <v>56</v>
      </c>
      <c r="AB22637">
        <v>57</v>
      </c>
      <c r="AC22637">
        <v>58</v>
      </c>
      <c r="AD22637">
        <v>58</v>
      </c>
      <c r="AE22637">
        <v>59</v>
      </c>
      <c r="AF22637">
        <v>60</v>
      </c>
      <c r="AG22637">
        <v>60</v>
      </c>
      <c r="AH22637">
        <v>61</v>
      </c>
      <c r="AI22637">
        <v>62</v>
      </c>
      <c r="AJ22637">
        <v>62</v>
      </c>
      <c r="AK22637">
        <v>63</v>
      </c>
      <c r="AL22637">
        <v>63</v>
      </c>
      <c r="AM22637">
        <v>63</v>
      </c>
      <c r="AN22637">
        <v>63</v>
      </c>
      <c r="AO22637">
        <v>63</v>
      </c>
      <c r="AP22637">
        <v>63</v>
      </c>
      <c r="AQ22637">
        <v>63</v>
      </c>
    </row>
    <row r="22638" spans="1:43">
      <c r="A22638" t="s">
        <v>14025</v>
      </c>
      <c r="B22638" t="s">
        <v>14026</v>
      </c>
      <c r="C22638" t="s">
        <v>14019</v>
      </c>
      <c r="D22638" t="s">
        <v>14020</v>
      </c>
      <c r="E22638" t="s">
        <v>14015</v>
      </c>
      <c r="F22638" t="s">
        <v>14016</v>
      </c>
      <c r="G22638" t="s">
        <v>10734</v>
      </c>
      <c r="H22638" t="s">
        <v>10735</v>
      </c>
      <c r="I22638" s="2">
        <v>0</v>
      </c>
      <c r="J22638" s="2">
        <v>0</v>
      </c>
      <c r="K22638" s="2">
        <v>1</v>
      </c>
      <c r="L22638" t="s">
        <v>995</v>
      </c>
      <c r="M22638" t="s">
        <v>83</v>
      </c>
      <c r="N22638" t="s">
        <v>84</v>
      </c>
      <c r="O22638" t="s">
        <v>85</v>
      </c>
      <c r="P22638" t="s">
        <v>86</v>
      </c>
      <c r="Q22638">
        <v>97</v>
      </c>
      <c r="R22638">
        <v>98</v>
      </c>
      <c r="S22638">
        <v>100</v>
      </c>
      <c r="T22638">
        <v>101</v>
      </c>
      <c r="U22638">
        <v>103</v>
      </c>
      <c r="V22638">
        <v>104</v>
      </c>
      <c r="W22638">
        <v>106</v>
      </c>
      <c r="X22638">
        <v>107</v>
      </c>
      <c r="Y22638">
        <v>109</v>
      </c>
      <c r="Z22638">
        <v>111</v>
      </c>
      <c r="AA22638">
        <v>112</v>
      </c>
      <c r="AB22638">
        <v>114</v>
      </c>
      <c r="AC22638">
        <v>115</v>
      </c>
      <c r="AD22638">
        <v>116</v>
      </c>
      <c r="AE22638">
        <v>118</v>
      </c>
      <c r="AF22638">
        <v>119</v>
      </c>
      <c r="AG22638">
        <v>121</v>
      </c>
      <c r="AH22638">
        <v>122</v>
      </c>
      <c r="AI22638">
        <v>123</v>
      </c>
      <c r="AJ22638">
        <v>125</v>
      </c>
      <c r="AK22638">
        <v>126</v>
      </c>
      <c r="AL22638">
        <v>126</v>
      </c>
      <c r="AM22638">
        <v>127</v>
      </c>
      <c r="AN22638">
        <v>127</v>
      </c>
      <c r="AO22638">
        <v>127</v>
      </c>
      <c r="AP22638">
        <v>127</v>
      </c>
      <c r="AQ22638">
        <v>127</v>
      </c>
    </row>
    <row r="22639" spans="1:43">
      <c r="A22639" t="s">
        <v>14025</v>
      </c>
      <c r="B22639" t="s">
        <v>14026</v>
      </c>
      <c r="C22639" t="s">
        <v>14019</v>
      </c>
      <c r="D22639" t="s">
        <v>14020</v>
      </c>
      <c r="E22639" t="s">
        <v>14015</v>
      </c>
      <c r="F22639" t="s">
        <v>14016</v>
      </c>
      <c r="G22639" t="s">
        <v>10734</v>
      </c>
      <c r="H22639" t="s">
        <v>10735</v>
      </c>
      <c r="I22639" s="2">
        <v>0</v>
      </c>
      <c r="J22639" s="2">
        <v>0</v>
      </c>
      <c r="K22639" s="2">
        <v>1</v>
      </c>
      <c r="L22639" t="s">
        <v>995</v>
      </c>
      <c r="M22639" t="s">
        <v>87</v>
      </c>
      <c r="N22639" t="s">
        <v>88</v>
      </c>
      <c r="O22639" t="s">
        <v>85</v>
      </c>
      <c r="P22639" t="s">
        <v>86</v>
      </c>
      <c r="Q22639">
        <v>97</v>
      </c>
      <c r="R22639">
        <v>97</v>
      </c>
      <c r="S22639">
        <v>98</v>
      </c>
      <c r="T22639">
        <v>99</v>
      </c>
      <c r="U22639">
        <v>99</v>
      </c>
      <c r="V22639">
        <v>100</v>
      </c>
      <c r="W22639">
        <v>101</v>
      </c>
      <c r="X22639">
        <v>101</v>
      </c>
      <c r="Y22639">
        <v>102</v>
      </c>
      <c r="Z22639">
        <v>102</v>
      </c>
      <c r="AA22639">
        <v>103</v>
      </c>
      <c r="AB22639">
        <v>104</v>
      </c>
      <c r="AC22639">
        <v>104</v>
      </c>
      <c r="AD22639">
        <v>105</v>
      </c>
      <c r="AE22639">
        <v>105</v>
      </c>
      <c r="AF22639">
        <v>106</v>
      </c>
      <c r="AG22639">
        <v>106</v>
      </c>
      <c r="AH22639">
        <v>107</v>
      </c>
      <c r="AI22639">
        <v>107</v>
      </c>
      <c r="AJ22639">
        <v>108</v>
      </c>
      <c r="AK22639">
        <v>108</v>
      </c>
      <c r="AL22639">
        <v>109</v>
      </c>
      <c r="AM22639">
        <v>109</v>
      </c>
      <c r="AN22639">
        <v>110</v>
      </c>
      <c r="AO22639">
        <v>110</v>
      </c>
      <c r="AP22639">
        <v>111</v>
      </c>
      <c r="AQ22639">
        <v>111</v>
      </c>
    </row>
    <row r="22640" spans="1:43">
      <c r="A22640" t="s">
        <v>14025</v>
      </c>
      <c r="B22640" t="s">
        <v>14026</v>
      </c>
      <c r="C22640" t="s">
        <v>14019</v>
      </c>
      <c r="D22640" t="s">
        <v>14020</v>
      </c>
      <c r="E22640" t="s">
        <v>14015</v>
      </c>
      <c r="F22640" t="s">
        <v>14016</v>
      </c>
      <c r="G22640" t="s">
        <v>10734</v>
      </c>
      <c r="H22640" t="s">
        <v>10735</v>
      </c>
      <c r="I22640" s="2">
        <v>0</v>
      </c>
      <c r="J22640" s="2">
        <v>0</v>
      </c>
      <c r="K22640" s="2">
        <v>1</v>
      </c>
      <c r="L22640" t="s">
        <v>995</v>
      </c>
      <c r="M22640" t="s">
        <v>89</v>
      </c>
      <c r="N22640" t="s">
        <v>90</v>
      </c>
      <c r="O22640" t="s">
        <v>85</v>
      </c>
      <c r="P22640" t="s">
        <v>86</v>
      </c>
      <c r="Q22640">
        <v>97</v>
      </c>
      <c r="R22640">
        <v>99</v>
      </c>
      <c r="S22640">
        <v>101</v>
      </c>
      <c r="T22640">
        <v>104</v>
      </c>
      <c r="U22640">
        <v>106</v>
      </c>
      <c r="V22640">
        <v>108</v>
      </c>
      <c r="W22640">
        <v>110</v>
      </c>
      <c r="X22640">
        <v>112</v>
      </c>
      <c r="Y22640">
        <v>114</v>
      </c>
      <c r="Z22640">
        <v>116</v>
      </c>
      <c r="AA22640">
        <v>118</v>
      </c>
      <c r="AB22640">
        <v>120</v>
      </c>
      <c r="AC22640">
        <v>122</v>
      </c>
      <c r="AD22640">
        <v>124</v>
      </c>
      <c r="AE22640">
        <v>125</v>
      </c>
      <c r="AF22640">
        <v>125</v>
      </c>
      <c r="AG22640">
        <v>126</v>
      </c>
      <c r="AH22640">
        <v>126</v>
      </c>
      <c r="AI22640">
        <v>126</v>
      </c>
      <c r="AJ22640">
        <v>126</v>
      </c>
      <c r="AK22640">
        <v>127</v>
      </c>
      <c r="AL22640">
        <v>127</v>
      </c>
      <c r="AM22640">
        <v>127</v>
      </c>
      <c r="AN22640">
        <v>127</v>
      </c>
      <c r="AO22640">
        <v>127</v>
      </c>
      <c r="AP22640">
        <v>127</v>
      </c>
      <c r="AQ22640">
        <v>128</v>
      </c>
    </row>
    <row r="22641" spans="1:43">
      <c r="A22641" t="s">
        <v>14025</v>
      </c>
      <c r="B22641" t="s">
        <v>14026</v>
      </c>
      <c r="C22641" t="s">
        <v>14019</v>
      </c>
      <c r="D22641" t="s">
        <v>14020</v>
      </c>
      <c r="E22641" t="s">
        <v>14015</v>
      </c>
      <c r="F22641" t="s">
        <v>14016</v>
      </c>
      <c r="G22641" t="s">
        <v>10734</v>
      </c>
      <c r="H22641" t="s">
        <v>10735</v>
      </c>
      <c r="I22641" s="2">
        <v>0</v>
      </c>
      <c r="J22641" s="2">
        <v>0</v>
      </c>
      <c r="K22641" s="2">
        <v>1</v>
      </c>
      <c r="L22641" t="s">
        <v>995</v>
      </c>
      <c r="M22641" t="s">
        <v>83</v>
      </c>
      <c r="N22641" t="s">
        <v>91</v>
      </c>
      <c r="O22641" t="s">
        <v>85</v>
      </c>
      <c r="P22641" t="s">
        <v>86</v>
      </c>
      <c r="Q22641">
        <v>97</v>
      </c>
      <c r="R22641">
        <v>98</v>
      </c>
      <c r="S22641">
        <v>100</v>
      </c>
      <c r="T22641">
        <v>101</v>
      </c>
      <c r="U22641">
        <v>103</v>
      </c>
      <c r="V22641">
        <v>104</v>
      </c>
      <c r="W22641">
        <v>106</v>
      </c>
      <c r="X22641">
        <v>107</v>
      </c>
      <c r="Y22641">
        <v>109</v>
      </c>
      <c r="Z22641">
        <v>111</v>
      </c>
      <c r="AA22641">
        <v>112</v>
      </c>
      <c r="AB22641">
        <v>114</v>
      </c>
      <c r="AC22641">
        <v>115</v>
      </c>
      <c r="AD22641">
        <v>116</v>
      </c>
      <c r="AE22641">
        <v>118</v>
      </c>
      <c r="AF22641">
        <v>119</v>
      </c>
      <c r="AG22641">
        <v>121</v>
      </c>
      <c r="AH22641">
        <v>122</v>
      </c>
      <c r="AI22641">
        <v>123</v>
      </c>
      <c r="AJ22641">
        <v>125</v>
      </c>
      <c r="AK22641">
        <v>126</v>
      </c>
      <c r="AL22641">
        <v>126</v>
      </c>
      <c r="AM22641">
        <v>127</v>
      </c>
      <c r="AN22641">
        <v>127</v>
      </c>
      <c r="AO22641">
        <v>127</v>
      </c>
      <c r="AP22641">
        <v>127</v>
      </c>
      <c r="AQ22641">
        <v>127</v>
      </c>
    </row>
    <row r="22642" spans="1:43">
      <c r="A22642" t="s">
        <v>14027</v>
      </c>
      <c r="B22642" t="s">
        <v>14028</v>
      </c>
      <c r="C22642" t="s">
        <v>14029</v>
      </c>
      <c r="D22642" t="s">
        <v>14030</v>
      </c>
      <c r="E22642" t="s">
        <v>14015</v>
      </c>
      <c r="F22642" t="s">
        <v>14016</v>
      </c>
      <c r="G22642" t="s">
        <v>10734</v>
      </c>
      <c r="H22642" t="s">
        <v>10735</v>
      </c>
      <c r="I22642" s="2">
        <v>0</v>
      </c>
      <c r="J22642" s="2">
        <v>0</v>
      </c>
      <c r="K22642" s="2">
        <v>1</v>
      </c>
      <c r="L22642" t="s">
        <v>995</v>
      </c>
      <c r="M22642" t="s">
        <v>83</v>
      </c>
      <c r="N22642" t="s">
        <v>84</v>
      </c>
      <c r="O22642" t="s">
        <v>85</v>
      </c>
      <c r="P22642" t="s">
        <v>86</v>
      </c>
      <c r="Q22642">
        <v>26</v>
      </c>
      <c r="R22642">
        <v>26</v>
      </c>
      <c r="S22642">
        <v>26</v>
      </c>
      <c r="T22642">
        <v>27</v>
      </c>
      <c r="U22642">
        <v>27</v>
      </c>
      <c r="V22642">
        <v>28</v>
      </c>
      <c r="W22642">
        <v>28</v>
      </c>
      <c r="X22642">
        <v>29</v>
      </c>
      <c r="Y22642">
        <v>29</v>
      </c>
      <c r="Z22642">
        <v>29</v>
      </c>
      <c r="AA22642">
        <v>30</v>
      </c>
      <c r="AB22642">
        <v>30</v>
      </c>
      <c r="AC22642">
        <v>31</v>
      </c>
      <c r="AD22642">
        <v>31</v>
      </c>
      <c r="AE22642">
        <v>31</v>
      </c>
      <c r="AF22642">
        <v>32</v>
      </c>
      <c r="AG22642">
        <v>32</v>
      </c>
      <c r="AH22642">
        <v>32</v>
      </c>
      <c r="AI22642">
        <v>33</v>
      </c>
      <c r="AJ22642">
        <v>33</v>
      </c>
      <c r="AK22642">
        <v>33</v>
      </c>
      <c r="AL22642">
        <v>34</v>
      </c>
      <c r="AM22642">
        <v>34</v>
      </c>
      <c r="AN22642">
        <v>34</v>
      </c>
      <c r="AO22642">
        <v>34</v>
      </c>
      <c r="AP22642">
        <v>34</v>
      </c>
      <c r="AQ22642">
        <v>34</v>
      </c>
    </row>
    <row r="22643" spans="1:43">
      <c r="A22643" t="s">
        <v>14027</v>
      </c>
      <c r="B22643" t="s">
        <v>14028</v>
      </c>
      <c r="C22643" t="s">
        <v>14029</v>
      </c>
      <c r="D22643" t="s">
        <v>14030</v>
      </c>
      <c r="E22643" t="s">
        <v>14015</v>
      </c>
      <c r="F22643" t="s">
        <v>14016</v>
      </c>
      <c r="G22643" t="s">
        <v>10734</v>
      </c>
      <c r="H22643" t="s">
        <v>10735</v>
      </c>
      <c r="I22643" s="2">
        <v>0</v>
      </c>
      <c r="J22643" s="2">
        <v>0</v>
      </c>
      <c r="K22643" s="2">
        <v>1</v>
      </c>
      <c r="L22643" t="s">
        <v>995</v>
      </c>
      <c r="M22643" t="s">
        <v>87</v>
      </c>
      <c r="N22643" t="s">
        <v>88</v>
      </c>
      <c r="O22643" t="s">
        <v>85</v>
      </c>
      <c r="P22643" t="s">
        <v>86</v>
      </c>
      <c r="Q22643">
        <v>26</v>
      </c>
      <c r="R22643">
        <v>27</v>
      </c>
      <c r="S22643">
        <v>27</v>
      </c>
      <c r="T22643">
        <v>27</v>
      </c>
      <c r="U22643">
        <v>27</v>
      </c>
      <c r="V22643">
        <v>27</v>
      </c>
      <c r="W22643">
        <v>27</v>
      </c>
      <c r="X22643">
        <v>28</v>
      </c>
      <c r="Y22643">
        <v>28</v>
      </c>
      <c r="Z22643">
        <v>28</v>
      </c>
      <c r="AA22643">
        <v>28</v>
      </c>
      <c r="AB22643">
        <v>28</v>
      </c>
      <c r="AC22643">
        <v>28</v>
      </c>
      <c r="AD22643">
        <v>29</v>
      </c>
      <c r="AE22643">
        <v>29</v>
      </c>
      <c r="AF22643">
        <v>29</v>
      </c>
      <c r="AG22643">
        <v>29</v>
      </c>
      <c r="AH22643">
        <v>29</v>
      </c>
      <c r="AI22643">
        <v>29</v>
      </c>
      <c r="AJ22643">
        <v>29</v>
      </c>
      <c r="AK22643">
        <v>30</v>
      </c>
      <c r="AL22643">
        <v>30</v>
      </c>
      <c r="AM22643">
        <v>30</v>
      </c>
      <c r="AN22643">
        <v>30</v>
      </c>
      <c r="AO22643">
        <v>30</v>
      </c>
      <c r="AP22643">
        <v>30</v>
      </c>
      <c r="AQ22643">
        <v>30</v>
      </c>
    </row>
    <row r="22644" spans="1:43">
      <c r="A22644" t="s">
        <v>14027</v>
      </c>
      <c r="B22644" t="s">
        <v>14028</v>
      </c>
      <c r="C22644" t="s">
        <v>14029</v>
      </c>
      <c r="D22644" t="s">
        <v>14030</v>
      </c>
      <c r="E22644" t="s">
        <v>14015</v>
      </c>
      <c r="F22644" t="s">
        <v>14016</v>
      </c>
      <c r="G22644" t="s">
        <v>10734</v>
      </c>
      <c r="H22644" t="s">
        <v>10735</v>
      </c>
      <c r="I22644" s="2">
        <v>0</v>
      </c>
      <c r="J22644" s="2">
        <v>0</v>
      </c>
      <c r="K22644" s="2">
        <v>1</v>
      </c>
      <c r="L22644" t="s">
        <v>995</v>
      </c>
      <c r="M22644" t="s">
        <v>89</v>
      </c>
      <c r="N22644" t="s">
        <v>90</v>
      </c>
      <c r="O22644" t="s">
        <v>85</v>
      </c>
      <c r="P22644" t="s">
        <v>86</v>
      </c>
      <c r="Q22644">
        <v>26</v>
      </c>
      <c r="R22644">
        <v>27</v>
      </c>
      <c r="S22644">
        <v>27</v>
      </c>
      <c r="T22644">
        <v>28</v>
      </c>
      <c r="U22644">
        <v>28</v>
      </c>
      <c r="V22644">
        <v>29</v>
      </c>
      <c r="W22644">
        <v>30</v>
      </c>
      <c r="X22644">
        <v>30</v>
      </c>
      <c r="Y22644">
        <v>31</v>
      </c>
      <c r="Z22644">
        <v>31</v>
      </c>
      <c r="AA22644">
        <v>32</v>
      </c>
      <c r="AB22644">
        <v>32</v>
      </c>
      <c r="AC22644">
        <v>33</v>
      </c>
      <c r="AD22644">
        <v>33</v>
      </c>
      <c r="AE22644">
        <v>33</v>
      </c>
      <c r="AF22644">
        <v>34</v>
      </c>
      <c r="AG22644">
        <v>34</v>
      </c>
      <c r="AH22644">
        <v>34</v>
      </c>
      <c r="AI22644">
        <v>34</v>
      </c>
      <c r="AJ22644">
        <v>34</v>
      </c>
      <c r="AK22644">
        <v>34</v>
      </c>
      <c r="AL22644">
        <v>34</v>
      </c>
      <c r="AM22644">
        <v>34</v>
      </c>
      <c r="AN22644">
        <v>34</v>
      </c>
      <c r="AO22644">
        <v>34</v>
      </c>
      <c r="AP22644">
        <v>34</v>
      </c>
      <c r="AQ22644">
        <v>34</v>
      </c>
    </row>
    <row r="22645" spans="1:43">
      <c r="A22645" t="s">
        <v>14027</v>
      </c>
      <c r="B22645" t="s">
        <v>14028</v>
      </c>
      <c r="C22645" t="s">
        <v>14029</v>
      </c>
      <c r="D22645" t="s">
        <v>14030</v>
      </c>
      <c r="E22645" t="s">
        <v>14015</v>
      </c>
      <c r="F22645" t="s">
        <v>14016</v>
      </c>
      <c r="G22645" t="s">
        <v>10734</v>
      </c>
      <c r="H22645" t="s">
        <v>10735</v>
      </c>
      <c r="I22645" s="2">
        <v>0</v>
      </c>
      <c r="J22645" s="2">
        <v>0</v>
      </c>
      <c r="K22645" s="2">
        <v>1</v>
      </c>
      <c r="L22645" t="s">
        <v>995</v>
      </c>
      <c r="M22645" t="s">
        <v>83</v>
      </c>
      <c r="N22645" t="s">
        <v>91</v>
      </c>
      <c r="O22645" t="s">
        <v>85</v>
      </c>
      <c r="P22645" t="s">
        <v>86</v>
      </c>
      <c r="Q22645">
        <v>26</v>
      </c>
      <c r="R22645">
        <v>26</v>
      </c>
      <c r="S22645">
        <v>26</v>
      </c>
      <c r="T22645">
        <v>27</v>
      </c>
      <c r="U22645">
        <v>27</v>
      </c>
      <c r="V22645">
        <v>28</v>
      </c>
      <c r="W22645">
        <v>28</v>
      </c>
      <c r="X22645">
        <v>29</v>
      </c>
      <c r="Y22645">
        <v>29</v>
      </c>
      <c r="Z22645">
        <v>29</v>
      </c>
      <c r="AA22645">
        <v>30</v>
      </c>
      <c r="AB22645">
        <v>30</v>
      </c>
      <c r="AC22645">
        <v>31</v>
      </c>
      <c r="AD22645">
        <v>31</v>
      </c>
      <c r="AE22645">
        <v>31</v>
      </c>
      <c r="AF22645">
        <v>32</v>
      </c>
      <c r="AG22645">
        <v>32</v>
      </c>
      <c r="AH22645">
        <v>32</v>
      </c>
      <c r="AI22645">
        <v>33</v>
      </c>
      <c r="AJ22645">
        <v>33</v>
      </c>
      <c r="AK22645">
        <v>33</v>
      </c>
      <c r="AL22645">
        <v>34</v>
      </c>
      <c r="AM22645">
        <v>34</v>
      </c>
      <c r="AN22645">
        <v>34</v>
      </c>
      <c r="AO22645">
        <v>34</v>
      </c>
      <c r="AP22645">
        <v>34</v>
      </c>
      <c r="AQ22645">
        <v>34</v>
      </c>
    </row>
    <row r="22646" spans="1:43">
      <c r="A22646" t="s">
        <v>14031</v>
      </c>
      <c r="B22646" t="s">
        <v>14032</v>
      </c>
      <c r="C22646" t="s">
        <v>14029</v>
      </c>
      <c r="D22646" t="s">
        <v>14030</v>
      </c>
      <c r="E22646" t="s">
        <v>14015</v>
      </c>
      <c r="F22646" t="s">
        <v>14016</v>
      </c>
      <c r="G22646" t="s">
        <v>10734</v>
      </c>
      <c r="H22646" t="s">
        <v>10735</v>
      </c>
      <c r="I22646" s="2">
        <v>0</v>
      </c>
      <c r="J22646" s="2">
        <v>0</v>
      </c>
      <c r="K22646" s="2">
        <v>1</v>
      </c>
      <c r="L22646" t="s">
        <v>995</v>
      </c>
      <c r="M22646" t="s">
        <v>83</v>
      </c>
      <c r="N22646" t="s">
        <v>84</v>
      </c>
      <c r="O22646" t="s">
        <v>85</v>
      </c>
      <c r="P22646" t="s">
        <v>86</v>
      </c>
      <c r="Q22646">
        <v>3</v>
      </c>
      <c r="R22646">
        <v>3</v>
      </c>
      <c r="S22646">
        <v>3</v>
      </c>
      <c r="T22646">
        <v>3</v>
      </c>
      <c r="U22646">
        <v>3</v>
      </c>
      <c r="V22646">
        <v>3</v>
      </c>
      <c r="W22646">
        <v>3</v>
      </c>
      <c r="X22646">
        <v>4</v>
      </c>
      <c r="Y22646">
        <v>4</v>
      </c>
      <c r="Z22646">
        <v>4</v>
      </c>
      <c r="AA22646">
        <v>4</v>
      </c>
      <c r="AB22646">
        <v>4</v>
      </c>
      <c r="AC22646">
        <v>4</v>
      </c>
      <c r="AD22646">
        <v>4</v>
      </c>
      <c r="AE22646">
        <v>4</v>
      </c>
      <c r="AF22646">
        <v>4</v>
      </c>
      <c r="AG22646">
        <v>4</v>
      </c>
      <c r="AH22646">
        <v>4</v>
      </c>
      <c r="AI22646">
        <v>4</v>
      </c>
      <c r="AJ22646">
        <v>4</v>
      </c>
      <c r="AK22646">
        <v>4</v>
      </c>
      <c r="AL22646">
        <v>4</v>
      </c>
      <c r="AM22646">
        <v>4</v>
      </c>
      <c r="AN22646">
        <v>4</v>
      </c>
      <c r="AO22646">
        <v>4</v>
      </c>
      <c r="AP22646">
        <v>4</v>
      </c>
      <c r="AQ22646">
        <v>4</v>
      </c>
    </row>
    <row r="22647" spans="1:43">
      <c r="A22647" t="s">
        <v>14031</v>
      </c>
      <c r="B22647" t="s">
        <v>14032</v>
      </c>
      <c r="C22647" t="s">
        <v>14029</v>
      </c>
      <c r="D22647" t="s">
        <v>14030</v>
      </c>
      <c r="E22647" t="s">
        <v>14015</v>
      </c>
      <c r="F22647" t="s">
        <v>14016</v>
      </c>
      <c r="G22647" t="s">
        <v>10734</v>
      </c>
      <c r="H22647" t="s">
        <v>10735</v>
      </c>
      <c r="I22647" s="2">
        <v>0</v>
      </c>
      <c r="J22647" s="2">
        <v>0</v>
      </c>
      <c r="K22647" s="2">
        <v>1</v>
      </c>
      <c r="L22647" t="s">
        <v>995</v>
      </c>
      <c r="M22647" t="s">
        <v>87</v>
      </c>
      <c r="N22647" t="s">
        <v>88</v>
      </c>
      <c r="O22647" t="s">
        <v>85</v>
      </c>
      <c r="P22647" t="s">
        <v>86</v>
      </c>
      <c r="Q22647">
        <v>3</v>
      </c>
      <c r="R22647">
        <v>3</v>
      </c>
      <c r="S22647">
        <v>3</v>
      </c>
      <c r="T22647">
        <v>3</v>
      </c>
      <c r="U22647">
        <v>3</v>
      </c>
      <c r="V22647">
        <v>3</v>
      </c>
      <c r="W22647">
        <v>3</v>
      </c>
      <c r="X22647">
        <v>3</v>
      </c>
      <c r="Y22647">
        <v>3</v>
      </c>
      <c r="Z22647">
        <v>3</v>
      </c>
      <c r="AA22647">
        <v>3</v>
      </c>
      <c r="AB22647">
        <v>3</v>
      </c>
      <c r="AC22647">
        <v>3</v>
      </c>
      <c r="AD22647">
        <v>3</v>
      </c>
      <c r="AE22647">
        <v>3</v>
      </c>
      <c r="AF22647">
        <v>3</v>
      </c>
      <c r="AG22647">
        <v>3</v>
      </c>
      <c r="AH22647">
        <v>4</v>
      </c>
      <c r="AI22647">
        <v>4</v>
      </c>
      <c r="AJ22647">
        <v>4</v>
      </c>
      <c r="AK22647">
        <v>4</v>
      </c>
      <c r="AL22647">
        <v>4</v>
      </c>
      <c r="AM22647">
        <v>4</v>
      </c>
      <c r="AN22647">
        <v>4</v>
      </c>
      <c r="AO22647">
        <v>4</v>
      </c>
      <c r="AP22647">
        <v>4</v>
      </c>
      <c r="AQ22647">
        <v>4</v>
      </c>
    </row>
    <row r="22648" spans="1:43">
      <c r="A22648" t="s">
        <v>14031</v>
      </c>
      <c r="B22648" t="s">
        <v>14032</v>
      </c>
      <c r="C22648" t="s">
        <v>14029</v>
      </c>
      <c r="D22648" t="s">
        <v>14030</v>
      </c>
      <c r="E22648" t="s">
        <v>14015</v>
      </c>
      <c r="F22648" t="s">
        <v>14016</v>
      </c>
      <c r="G22648" t="s">
        <v>10734</v>
      </c>
      <c r="H22648" t="s">
        <v>10735</v>
      </c>
      <c r="I22648" s="2">
        <v>0</v>
      </c>
      <c r="J22648" s="2">
        <v>0</v>
      </c>
      <c r="K22648" s="2">
        <v>1</v>
      </c>
      <c r="L22648" t="s">
        <v>995</v>
      </c>
      <c r="M22648" t="s">
        <v>89</v>
      </c>
      <c r="N22648" t="s">
        <v>90</v>
      </c>
      <c r="O22648" t="s">
        <v>85</v>
      </c>
      <c r="P22648" t="s">
        <v>86</v>
      </c>
      <c r="Q22648">
        <v>3</v>
      </c>
      <c r="R22648">
        <v>3</v>
      </c>
      <c r="S22648">
        <v>3</v>
      </c>
      <c r="T22648">
        <v>3</v>
      </c>
      <c r="U22648">
        <v>4</v>
      </c>
      <c r="V22648">
        <v>4</v>
      </c>
      <c r="W22648">
        <v>4</v>
      </c>
      <c r="X22648">
        <v>4</v>
      </c>
      <c r="Y22648">
        <v>4</v>
      </c>
      <c r="Z22648">
        <v>4</v>
      </c>
      <c r="AA22648">
        <v>4</v>
      </c>
      <c r="AB22648">
        <v>4</v>
      </c>
      <c r="AC22648">
        <v>4</v>
      </c>
      <c r="AD22648">
        <v>4</v>
      </c>
      <c r="AE22648">
        <v>4</v>
      </c>
      <c r="AF22648">
        <v>4</v>
      </c>
      <c r="AG22648">
        <v>4</v>
      </c>
      <c r="AH22648">
        <v>4</v>
      </c>
      <c r="AI22648">
        <v>4</v>
      </c>
      <c r="AJ22648">
        <v>4</v>
      </c>
      <c r="AK22648">
        <v>4</v>
      </c>
      <c r="AL22648">
        <v>4</v>
      </c>
      <c r="AM22648">
        <v>4</v>
      </c>
      <c r="AN22648">
        <v>4</v>
      </c>
      <c r="AO22648">
        <v>4</v>
      </c>
      <c r="AP22648">
        <v>4</v>
      </c>
      <c r="AQ22648">
        <v>4</v>
      </c>
    </row>
    <row r="22649" spans="1:43">
      <c r="A22649" t="s">
        <v>14031</v>
      </c>
      <c r="B22649" t="s">
        <v>14032</v>
      </c>
      <c r="C22649" t="s">
        <v>14029</v>
      </c>
      <c r="D22649" t="s">
        <v>14030</v>
      </c>
      <c r="E22649" t="s">
        <v>14015</v>
      </c>
      <c r="F22649" t="s">
        <v>14016</v>
      </c>
      <c r="G22649" t="s">
        <v>10734</v>
      </c>
      <c r="H22649" t="s">
        <v>10735</v>
      </c>
      <c r="I22649" s="2">
        <v>0</v>
      </c>
      <c r="J22649" s="2">
        <v>0</v>
      </c>
      <c r="K22649" s="2">
        <v>1</v>
      </c>
      <c r="L22649" t="s">
        <v>995</v>
      </c>
      <c r="M22649" t="s">
        <v>83</v>
      </c>
      <c r="N22649" t="s">
        <v>91</v>
      </c>
      <c r="O22649" t="s">
        <v>85</v>
      </c>
      <c r="P22649" t="s">
        <v>86</v>
      </c>
      <c r="Q22649">
        <v>3</v>
      </c>
      <c r="R22649">
        <v>3</v>
      </c>
      <c r="S22649">
        <v>3</v>
      </c>
      <c r="T22649">
        <v>3</v>
      </c>
      <c r="U22649">
        <v>3</v>
      </c>
      <c r="V22649">
        <v>3</v>
      </c>
      <c r="W22649">
        <v>3</v>
      </c>
      <c r="X22649">
        <v>4</v>
      </c>
      <c r="Y22649">
        <v>4</v>
      </c>
      <c r="Z22649">
        <v>4</v>
      </c>
      <c r="AA22649">
        <v>4</v>
      </c>
      <c r="AB22649">
        <v>4</v>
      </c>
      <c r="AC22649">
        <v>4</v>
      </c>
      <c r="AD22649">
        <v>4</v>
      </c>
      <c r="AE22649">
        <v>4</v>
      </c>
      <c r="AF22649">
        <v>4</v>
      </c>
      <c r="AG22649">
        <v>4</v>
      </c>
      <c r="AH22649">
        <v>4</v>
      </c>
      <c r="AI22649">
        <v>4</v>
      </c>
      <c r="AJ22649">
        <v>4</v>
      </c>
      <c r="AK22649">
        <v>4</v>
      </c>
      <c r="AL22649">
        <v>4</v>
      </c>
      <c r="AM22649">
        <v>4</v>
      </c>
      <c r="AN22649">
        <v>4</v>
      </c>
      <c r="AO22649">
        <v>4</v>
      </c>
      <c r="AP22649">
        <v>4</v>
      </c>
      <c r="AQ22649">
        <v>4</v>
      </c>
    </row>
    <row r="22650" spans="1:43">
      <c r="A22650" t="s">
        <v>14033</v>
      </c>
      <c r="B22650" t="s">
        <v>14034</v>
      </c>
      <c r="C22650" t="s">
        <v>14029</v>
      </c>
      <c r="D22650" t="s">
        <v>14030</v>
      </c>
      <c r="E22650" t="s">
        <v>14015</v>
      </c>
      <c r="F22650" t="s">
        <v>14016</v>
      </c>
      <c r="G22650" t="s">
        <v>10734</v>
      </c>
      <c r="H22650" t="s">
        <v>10735</v>
      </c>
      <c r="I22650" s="2">
        <v>0</v>
      </c>
      <c r="J22650" s="2">
        <v>0</v>
      </c>
      <c r="K22650" s="2">
        <v>1</v>
      </c>
      <c r="L22650" t="s">
        <v>995</v>
      </c>
      <c r="M22650" t="s">
        <v>83</v>
      </c>
      <c r="N22650" t="s">
        <v>84</v>
      </c>
      <c r="O22650" t="s">
        <v>85</v>
      </c>
      <c r="P22650" t="s">
        <v>86</v>
      </c>
      <c r="Q22650">
        <v>13</v>
      </c>
      <c r="R22650">
        <v>14</v>
      </c>
      <c r="S22650">
        <v>14</v>
      </c>
      <c r="T22650">
        <v>14</v>
      </c>
      <c r="U22650">
        <v>14</v>
      </c>
      <c r="V22650">
        <v>14</v>
      </c>
      <c r="W22650">
        <v>15</v>
      </c>
      <c r="X22650">
        <v>15</v>
      </c>
      <c r="Y22650">
        <v>15</v>
      </c>
      <c r="Z22650">
        <v>15</v>
      </c>
      <c r="AA22650">
        <v>16</v>
      </c>
      <c r="AB22650">
        <v>16</v>
      </c>
      <c r="AC22650">
        <v>16</v>
      </c>
      <c r="AD22650">
        <v>16</v>
      </c>
      <c r="AE22650">
        <v>16</v>
      </c>
      <c r="AF22650">
        <v>16</v>
      </c>
      <c r="AG22650">
        <v>17</v>
      </c>
      <c r="AH22650">
        <v>17</v>
      </c>
      <c r="AI22650">
        <v>17</v>
      </c>
      <c r="AJ22650">
        <v>17</v>
      </c>
      <c r="AK22650">
        <v>17</v>
      </c>
      <c r="AL22650">
        <v>17</v>
      </c>
      <c r="AM22650">
        <v>17</v>
      </c>
      <c r="AN22650">
        <v>17</v>
      </c>
      <c r="AO22650">
        <v>17</v>
      </c>
      <c r="AP22650">
        <v>18</v>
      </c>
      <c r="AQ22650">
        <v>18</v>
      </c>
    </row>
    <row r="22651" spans="1:43">
      <c r="A22651" t="s">
        <v>14033</v>
      </c>
      <c r="B22651" t="s">
        <v>14034</v>
      </c>
      <c r="C22651" t="s">
        <v>14029</v>
      </c>
      <c r="D22651" t="s">
        <v>14030</v>
      </c>
      <c r="E22651" t="s">
        <v>14015</v>
      </c>
      <c r="F22651" t="s">
        <v>14016</v>
      </c>
      <c r="G22651" t="s">
        <v>10734</v>
      </c>
      <c r="H22651" t="s">
        <v>10735</v>
      </c>
      <c r="I22651" s="2">
        <v>0</v>
      </c>
      <c r="J22651" s="2">
        <v>0</v>
      </c>
      <c r="K22651" s="2">
        <v>1</v>
      </c>
      <c r="L22651" t="s">
        <v>995</v>
      </c>
      <c r="M22651" t="s">
        <v>87</v>
      </c>
      <c r="N22651" t="s">
        <v>88</v>
      </c>
      <c r="O22651" t="s">
        <v>85</v>
      </c>
      <c r="P22651" t="s">
        <v>86</v>
      </c>
      <c r="Q22651">
        <v>13</v>
      </c>
      <c r="R22651">
        <v>13</v>
      </c>
      <c r="S22651">
        <v>13</v>
      </c>
      <c r="T22651">
        <v>14</v>
      </c>
      <c r="U22651">
        <v>14</v>
      </c>
      <c r="V22651">
        <v>14</v>
      </c>
      <c r="W22651">
        <v>14</v>
      </c>
      <c r="X22651">
        <v>14</v>
      </c>
      <c r="Y22651">
        <v>14</v>
      </c>
      <c r="Z22651">
        <v>14</v>
      </c>
      <c r="AA22651">
        <v>14</v>
      </c>
      <c r="AB22651">
        <v>14</v>
      </c>
      <c r="AC22651">
        <v>14</v>
      </c>
      <c r="AD22651">
        <v>14</v>
      </c>
      <c r="AE22651">
        <v>14</v>
      </c>
      <c r="AF22651">
        <v>14</v>
      </c>
      <c r="AG22651">
        <v>15</v>
      </c>
      <c r="AH22651">
        <v>15</v>
      </c>
      <c r="AI22651">
        <v>15</v>
      </c>
      <c r="AJ22651">
        <v>15</v>
      </c>
      <c r="AK22651">
        <v>15</v>
      </c>
      <c r="AL22651">
        <v>15</v>
      </c>
      <c r="AM22651">
        <v>15</v>
      </c>
      <c r="AN22651">
        <v>15</v>
      </c>
      <c r="AO22651">
        <v>15</v>
      </c>
      <c r="AP22651">
        <v>15</v>
      </c>
      <c r="AQ22651">
        <v>15</v>
      </c>
    </row>
    <row r="22652" spans="1:43">
      <c r="A22652" t="s">
        <v>14033</v>
      </c>
      <c r="B22652" t="s">
        <v>14034</v>
      </c>
      <c r="C22652" t="s">
        <v>14029</v>
      </c>
      <c r="D22652" t="s">
        <v>14030</v>
      </c>
      <c r="E22652" t="s">
        <v>14015</v>
      </c>
      <c r="F22652" t="s">
        <v>14016</v>
      </c>
      <c r="G22652" t="s">
        <v>10734</v>
      </c>
      <c r="H22652" t="s">
        <v>10735</v>
      </c>
      <c r="I22652" s="2">
        <v>0</v>
      </c>
      <c r="J22652" s="2">
        <v>0</v>
      </c>
      <c r="K22652" s="2">
        <v>1</v>
      </c>
      <c r="L22652" t="s">
        <v>995</v>
      </c>
      <c r="M22652" t="s">
        <v>89</v>
      </c>
      <c r="N22652" t="s">
        <v>90</v>
      </c>
      <c r="O22652" t="s">
        <v>85</v>
      </c>
      <c r="P22652" t="s">
        <v>86</v>
      </c>
      <c r="Q22652">
        <v>13</v>
      </c>
      <c r="R22652">
        <v>13</v>
      </c>
      <c r="S22652">
        <v>13</v>
      </c>
      <c r="T22652">
        <v>14</v>
      </c>
      <c r="U22652">
        <v>14</v>
      </c>
      <c r="V22652">
        <v>14</v>
      </c>
      <c r="W22652">
        <v>14</v>
      </c>
      <c r="X22652">
        <v>15</v>
      </c>
      <c r="Y22652">
        <v>15</v>
      </c>
      <c r="Z22652">
        <v>15</v>
      </c>
      <c r="AA22652">
        <v>16</v>
      </c>
      <c r="AB22652">
        <v>16</v>
      </c>
      <c r="AC22652">
        <v>16</v>
      </c>
      <c r="AD22652">
        <v>16</v>
      </c>
      <c r="AE22652">
        <v>16</v>
      </c>
      <c r="AF22652">
        <v>16</v>
      </c>
      <c r="AG22652">
        <v>16</v>
      </c>
      <c r="AH22652">
        <v>17</v>
      </c>
      <c r="AI22652">
        <v>17</v>
      </c>
      <c r="AJ22652">
        <v>17</v>
      </c>
      <c r="AK22652">
        <v>17</v>
      </c>
      <c r="AL22652">
        <v>17</v>
      </c>
      <c r="AM22652">
        <v>17</v>
      </c>
      <c r="AN22652">
        <v>17</v>
      </c>
      <c r="AO22652">
        <v>17</v>
      </c>
      <c r="AP22652">
        <v>17</v>
      </c>
      <c r="AQ22652">
        <v>17</v>
      </c>
    </row>
    <row r="22653" spans="1:43">
      <c r="A22653" t="s">
        <v>14033</v>
      </c>
      <c r="B22653" t="s">
        <v>14034</v>
      </c>
      <c r="C22653" t="s">
        <v>14029</v>
      </c>
      <c r="D22653" t="s">
        <v>14030</v>
      </c>
      <c r="E22653" t="s">
        <v>14015</v>
      </c>
      <c r="F22653" t="s">
        <v>14016</v>
      </c>
      <c r="G22653" t="s">
        <v>10734</v>
      </c>
      <c r="H22653" t="s">
        <v>10735</v>
      </c>
      <c r="I22653" s="2">
        <v>0</v>
      </c>
      <c r="J22653" s="2">
        <v>0</v>
      </c>
      <c r="K22653" s="2">
        <v>1</v>
      </c>
      <c r="L22653" t="s">
        <v>995</v>
      </c>
      <c r="M22653" t="s">
        <v>83</v>
      </c>
      <c r="N22653" t="s">
        <v>91</v>
      </c>
      <c r="O22653" t="s">
        <v>85</v>
      </c>
      <c r="P22653" t="s">
        <v>86</v>
      </c>
      <c r="Q22653">
        <v>13</v>
      </c>
      <c r="R22653">
        <v>14</v>
      </c>
      <c r="S22653">
        <v>14</v>
      </c>
      <c r="T22653">
        <v>14</v>
      </c>
      <c r="U22653">
        <v>14</v>
      </c>
      <c r="V22653">
        <v>14</v>
      </c>
      <c r="W22653">
        <v>15</v>
      </c>
      <c r="X22653">
        <v>15</v>
      </c>
      <c r="Y22653">
        <v>15</v>
      </c>
      <c r="Z22653">
        <v>15</v>
      </c>
      <c r="AA22653">
        <v>16</v>
      </c>
      <c r="AB22653">
        <v>16</v>
      </c>
      <c r="AC22653">
        <v>16</v>
      </c>
      <c r="AD22653">
        <v>16</v>
      </c>
      <c r="AE22653">
        <v>16</v>
      </c>
      <c r="AF22653">
        <v>16</v>
      </c>
      <c r="AG22653">
        <v>17</v>
      </c>
      <c r="AH22653">
        <v>17</v>
      </c>
      <c r="AI22653">
        <v>17</v>
      </c>
      <c r="AJ22653">
        <v>17</v>
      </c>
      <c r="AK22653">
        <v>17</v>
      </c>
      <c r="AL22653">
        <v>17</v>
      </c>
      <c r="AM22653">
        <v>17</v>
      </c>
      <c r="AN22653">
        <v>17</v>
      </c>
      <c r="AO22653">
        <v>17</v>
      </c>
      <c r="AP22653">
        <v>18</v>
      </c>
      <c r="AQ22653">
        <v>18</v>
      </c>
    </row>
    <row r="22654" spans="1:43">
      <c r="A22654" t="s">
        <v>14035</v>
      </c>
      <c r="B22654" t="s">
        <v>14036</v>
      </c>
      <c r="C22654" t="s">
        <v>14029</v>
      </c>
      <c r="D22654" t="s">
        <v>14030</v>
      </c>
      <c r="E22654" t="s">
        <v>14015</v>
      </c>
      <c r="F22654" t="s">
        <v>14016</v>
      </c>
      <c r="G22654" t="s">
        <v>10734</v>
      </c>
      <c r="H22654" t="s">
        <v>10735</v>
      </c>
      <c r="I22654" s="2">
        <v>0</v>
      </c>
      <c r="J22654" s="2">
        <v>0</v>
      </c>
      <c r="K22654" s="2">
        <v>1</v>
      </c>
      <c r="L22654" t="s">
        <v>995</v>
      </c>
      <c r="M22654" t="s">
        <v>83</v>
      </c>
      <c r="N22654" t="s">
        <v>84</v>
      </c>
      <c r="O22654" t="s">
        <v>85</v>
      </c>
      <c r="P22654" t="s">
        <v>86</v>
      </c>
      <c r="Q22654">
        <v>28</v>
      </c>
      <c r="R22654">
        <v>28</v>
      </c>
      <c r="S22654">
        <v>29</v>
      </c>
      <c r="T22654">
        <v>29</v>
      </c>
      <c r="U22654">
        <v>30</v>
      </c>
      <c r="V22654">
        <v>30</v>
      </c>
      <c r="W22654">
        <v>31</v>
      </c>
      <c r="X22654">
        <v>31</v>
      </c>
      <c r="Y22654">
        <v>32</v>
      </c>
      <c r="Z22654">
        <v>32</v>
      </c>
      <c r="AA22654">
        <v>33</v>
      </c>
      <c r="AB22654">
        <v>33</v>
      </c>
      <c r="AC22654">
        <v>33</v>
      </c>
      <c r="AD22654">
        <v>34</v>
      </c>
      <c r="AE22654">
        <v>34</v>
      </c>
      <c r="AF22654">
        <v>35</v>
      </c>
      <c r="AG22654">
        <v>35</v>
      </c>
      <c r="AH22654">
        <v>35</v>
      </c>
      <c r="AI22654">
        <v>36</v>
      </c>
      <c r="AJ22654">
        <v>36</v>
      </c>
      <c r="AK22654">
        <v>37</v>
      </c>
      <c r="AL22654">
        <v>37</v>
      </c>
      <c r="AM22654">
        <v>37</v>
      </c>
      <c r="AN22654">
        <v>37</v>
      </c>
      <c r="AO22654">
        <v>37</v>
      </c>
      <c r="AP22654">
        <v>37</v>
      </c>
      <c r="AQ22654">
        <v>37</v>
      </c>
    </row>
    <row r="22655" spans="1:43">
      <c r="A22655" t="s">
        <v>14035</v>
      </c>
      <c r="B22655" t="s">
        <v>14036</v>
      </c>
      <c r="C22655" t="s">
        <v>14029</v>
      </c>
      <c r="D22655" t="s">
        <v>14030</v>
      </c>
      <c r="E22655" t="s">
        <v>14015</v>
      </c>
      <c r="F22655" t="s">
        <v>14016</v>
      </c>
      <c r="G22655" t="s">
        <v>10734</v>
      </c>
      <c r="H22655" t="s">
        <v>10735</v>
      </c>
      <c r="I22655" s="2">
        <v>0</v>
      </c>
      <c r="J22655" s="2">
        <v>0</v>
      </c>
      <c r="K22655" s="2">
        <v>1</v>
      </c>
      <c r="L22655" t="s">
        <v>995</v>
      </c>
      <c r="M22655" t="s">
        <v>87</v>
      </c>
      <c r="N22655" t="s">
        <v>88</v>
      </c>
      <c r="O22655" t="s">
        <v>85</v>
      </c>
      <c r="P22655" t="s">
        <v>86</v>
      </c>
      <c r="Q22655">
        <v>28</v>
      </c>
      <c r="R22655">
        <v>28</v>
      </c>
      <c r="S22655">
        <v>28</v>
      </c>
      <c r="T22655">
        <v>28</v>
      </c>
      <c r="U22655">
        <v>28</v>
      </c>
      <c r="V22655">
        <v>29</v>
      </c>
      <c r="W22655">
        <v>29</v>
      </c>
      <c r="X22655">
        <v>29</v>
      </c>
      <c r="Y22655">
        <v>29</v>
      </c>
      <c r="Z22655">
        <v>29</v>
      </c>
      <c r="AA22655">
        <v>30</v>
      </c>
      <c r="AB22655">
        <v>30</v>
      </c>
      <c r="AC22655">
        <v>30</v>
      </c>
      <c r="AD22655">
        <v>30</v>
      </c>
      <c r="AE22655">
        <v>30</v>
      </c>
      <c r="AF22655">
        <v>30</v>
      </c>
      <c r="AG22655">
        <v>31</v>
      </c>
      <c r="AH22655">
        <v>31</v>
      </c>
      <c r="AI22655">
        <v>31</v>
      </c>
      <c r="AJ22655">
        <v>31</v>
      </c>
      <c r="AK22655">
        <v>31</v>
      </c>
      <c r="AL22655">
        <v>31</v>
      </c>
      <c r="AM22655">
        <v>32</v>
      </c>
      <c r="AN22655">
        <v>32</v>
      </c>
      <c r="AO22655">
        <v>32</v>
      </c>
      <c r="AP22655">
        <v>32</v>
      </c>
      <c r="AQ22655">
        <v>32</v>
      </c>
    </row>
    <row r="22656" spans="1:43">
      <c r="A22656" t="s">
        <v>14035</v>
      </c>
      <c r="B22656" t="s">
        <v>14036</v>
      </c>
      <c r="C22656" t="s">
        <v>14029</v>
      </c>
      <c r="D22656" t="s">
        <v>14030</v>
      </c>
      <c r="E22656" t="s">
        <v>14015</v>
      </c>
      <c r="F22656" t="s">
        <v>14016</v>
      </c>
      <c r="G22656" t="s">
        <v>10734</v>
      </c>
      <c r="H22656" t="s">
        <v>10735</v>
      </c>
      <c r="I22656" s="2">
        <v>0</v>
      </c>
      <c r="J22656" s="2">
        <v>0</v>
      </c>
      <c r="K22656" s="2">
        <v>1</v>
      </c>
      <c r="L22656" t="s">
        <v>995</v>
      </c>
      <c r="M22656" t="s">
        <v>89</v>
      </c>
      <c r="N22656" t="s">
        <v>90</v>
      </c>
      <c r="O22656" t="s">
        <v>85</v>
      </c>
      <c r="P22656" t="s">
        <v>86</v>
      </c>
      <c r="Q22656">
        <v>28</v>
      </c>
      <c r="R22656">
        <v>29</v>
      </c>
      <c r="S22656">
        <v>30</v>
      </c>
      <c r="T22656">
        <v>30</v>
      </c>
      <c r="U22656">
        <v>31</v>
      </c>
      <c r="V22656">
        <v>32</v>
      </c>
      <c r="W22656">
        <v>32</v>
      </c>
      <c r="X22656">
        <v>33</v>
      </c>
      <c r="Y22656">
        <v>33</v>
      </c>
      <c r="Z22656">
        <v>34</v>
      </c>
      <c r="AA22656">
        <v>35</v>
      </c>
      <c r="AB22656">
        <v>35</v>
      </c>
      <c r="AC22656">
        <v>36</v>
      </c>
      <c r="AD22656">
        <v>36</v>
      </c>
      <c r="AE22656">
        <v>37</v>
      </c>
      <c r="AF22656">
        <v>37</v>
      </c>
      <c r="AG22656">
        <v>37</v>
      </c>
      <c r="AH22656">
        <v>37</v>
      </c>
      <c r="AI22656">
        <v>37</v>
      </c>
      <c r="AJ22656">
        <v>37</v>
      </c>
      <c r="AK22656">
        <v>37</v>
      </c>
      <c r="AL22656">
        <v>37</v>
      </c>
      <c r="AM22656">
        <v>37</v>
      </c>
      <c r="AN22656">
        <v>37</v>
      </c>
      <c r="AO22656">
        <v>37</v>
      </c>
      <c r="AP22656">
        <v>37</v>
      </c>
      <c r="AQ22656">
        <v>37</v>
      </c>
    </row>
    <row r="22657" spans="1:43">
      <c r="A22657" t="s">
        <v>14035</v>
      </c>
      <c r="B22657" t="s">
        <v>14036</v>
      </c>
      <c r="C22657" t="s">
        <v>14029</v>
      </c>
      <c r="D22657" t="s">
        <v>14030</v>
      </c>
      <c r="E22657" t="s">
        <v>14015</v>
      </c>
      <c r="F22657" t="s">
        <v>14016</v>
      </c>
      <c r="G22657" t="s">
        <v>10734</v>
      </c>
      <c r="H22657" t="s">
        <v>10735</v>
      </c>
      <c r="I22657" s="2">
        <v>0</v>
      </c>
      <c r="J22657" s="2">
        <v>0</v>
      </c>
      <c r="K22657" s="2">
        <v>1</v>
      </c>
      <c r="L22657" t="s">
        <v>995</v>
      </c>
      <c r="M22657" t="s">
        <v>83</v>
      </c>
      <c r="N22657" t="s">
        <v>91</v>
      </c>
      <c r="O22657" t="s">
        <v>85</v>
      </c>
      <c r="P22657" t="s">
        <v>86</v>
      </c>
      <c r="Q22657">
        <v>28</v>
      </c>
      <c r="R22657">
        <v>28</v>
      </c>
      <c r="S22657">
        <v>29</v>
      </c>
      <c r="T22657">
        <v>29</v>
      </c>
      <c r="U22657">
        <v>30</v>
      </c>
      <c r="V22657">
        <v>30</v>
      </c>
      <c r="W22657">
        <v>31</v>
      </c>
      <c r="X22657">
        <v>31</v>
      </c>
      <c r="Y22657">
        <v>32</v>
      </c>
      <c r="Z22657">
        <v>32</v>
      </c>
      <c r="AA22657">
        <v>33</v>
      </c>
      <c r="AB22657">
        <v>33</v>
      </c>
      <c r="AC22657">
        <v>33</v>
      </c>
      <c r="AD22657">
        <v>34</v>
      </c>
      <c r="AE22657">
        <v>34</v>
      </c>
      <c r="AF22657">
        <v>35</v>
      </c>
      <c r="AG22657">
        <v>35</v>
      </c>
      <c r="AH22657">
        <v>35</v>
      </c>
      <c r="AI22657">
        <v>36</v>
      </c>
      <c r="AJ22657">
        <v>36</v>
      </c>
      <c r="AK22657">
        <v>37</v>
      </c>
      <c r="AL22657">
        <v>37</v>
      </c>
      <c r="AM22657">
        <v>37</v>
      </c>
      <c r="AN22657">
        <v>37</v>
      </c>
      <c r="AO22657">
        <v>37</v>
      </c>
      <c r="AP22657">
        <v>37</v>
      </c>
      <c r="AQ22657">
        <v>37</v>
      </c>
    </row>
    <row r="22658" spans="1:43">
      <c r="A22658" t="s">
        <v>14037</v>
      </c>
      <c r="B22658" t="s">
        <v>14038</v>
      </c>
      <c r="C22658" t="s">
        <v>14029</v>
      </c>
      <c r="D22658" t="s">
        <v>14030</v>
      </c>
      <c r="E22658" t="s">
        <v>14015</v>
      </c>
      <c r="F22658" t="s">
        <v>14016</v>
      </c>
      <c r="G22658" t="s">
        <v>10734</v>
      </c>
      <c r="H22658" t="s">
        <v>10735</v>
      </c>
      <c r="I22658" s="2">
        <v>0</v>
      </c>
      <c r="J22658" s="2">
        <v>0</v>
      </c>
      <c r="K22658" s="2">
        <v>1</v>
      </c>
      <c r="L22658" t="s">
        <v>995</v>
      </c>
      <c r="M22658" t="s">
        <v>83</v>
      </c>
      <c r="N22658" t="s">
        <v>84</v>
      </c>
      <c r="O22658" t="s">
        <v>85</v>
      </c>
      <c r="P22658" t="s">
        <v>86</v>
      </c>
      <c r="Q22658">
        <v>35</v>
      </c>
      <c r="R22658">
        <v>35</v>
      </c>
      <c r="S22658">
        <v>36</v>
      </c>
      <c r="T22658">
        <v>36</v>
      </c>
      <c r="U22658">
        <v>37</v>
      </c>
      <c r="V22658">
        <v>37</v>
      </c>
      <c r="W22658">
        <v>38</v>
      </c>
      <c r="X22658">
        <v>38</v>
      </c>
      <c r="Y22658">
        <v>39</v>
      </c>
      <c r="Z22658">
        <v>40</v>
      </c>
      <c r="AA22658">
        <v>40</v>
      </c>
      <c r="AB22658">
        <v>41</v>
      </c>
      <c r="AC22658">
        <v>41</v>
      </c>
      <c r="AD22658">
        <v>42</v>
      </c>
      <c r="AE22658">
        <v>42</v>
      </c>
      <c r="AF22658">
        <v>43</v>
      </c>
      <c r="AG22658">
        <v>43</v>
      </c>
      <c r="AH22658">
        <v>44</v>
      </c>
      <c r="AI22658">
        <v>44</v>
      </c>
      <c r="AJ22658">
        <v>45</v>
      </c>
      <c r="AK22658">
        <v>45</v>
      </c>
      <c r="AL22658">
        <v>45</v>
      </c>
      <c r="AM22658">
        <v>45</v>
      </c>
      <c r="AN22658">
        <v>45</v>
      </c>
      <c r="AO22658">
        <v>45</v>
      </c>
      <c r="AP22658">
        <v>45</v>
      </c>
      <c r="AQ22658">
        <v>46</v>
      </c>
    </row>
    <row r="22659" spans="1:43">
      <c r="A22659" t="s">
        <v>14037</v>
      </c>
      <c r="B22659" t="s">
        <v>14038</v>
      </c>
      <c r="C22659" t="s">
        <v>14029</v>
      </c>
      <c r="D22659" t="s">
        <v>14030</v>
      </c>
      <c r="E22659" t="s">
        <v>14015</v>
      </c>
      <c r="F22659" t="s">
        <v>14016</v>
      </c>
      <c r="G22659" t="s">
        <v>10734</v>
      </c>
      <c r="H22659" t="s">
        <v>10735</v>
      </c>
      <c r="I22659" s="2">
        <v>0</v>
      </c>
      <c r="J22659" s="2">
        <v>0</v>
      </c>
      <c r="K22659" s="2">
        <v>1</v>
      </c>
      <c r="L22659" t="s">
        <v>995</v>
      </c>
      <c r="M22659" t="s">
        <v>87</v>
      </c>
      <c r="N22659" t="s">
        <v>88</v>
      </c>
      <c r="O22659" t="s">
        <v>85</v>
      </c>
      <c r="P22659" t="s">
        <v>86</v>
      </c>
      <c r="Q22659">
        <v>35</v>
      </c>
      <c r="R22659">
        <v>35</v>
      </c>
      <c r="S22659">
        <v>36</v>
      </c>
      <c r="T22659">
        <v>36</v>
      </c>
      <c r="U22659">
        <v>36</v>
      </c>
      <c r="V22659">
        <v>36</v>
      </c>
      <c r="W22659">
        <v>37</v>
      </c>
      <c r="X22659">
        <v>37</v>
      </c>
      <c r="Y22659">
        <v>37</v>
      </c>
      <c r="Z22659">
        <v>37</v>
      </c>
      <c r="AA22659">
        <v>38</v>
      </c>
      <c r="AB22659">
        <v>38</v>
      </c>
      <c r="AC22659">
        <v>38</v>
      </c>
      <c r="AD22659">
        <v>38</v>
      </c>
      <c r="AE22659">
        <v>38</v>
      </c>
      <c r="AF22659">
        <v>39</v>
      </c>
      <c r="AG22659">
        <v>39</v>
      </c>
      <c r="AH22659">
        <v>39</v>
      </c>
      <c r="AI22659">
        <v>39</v>
      </c>
      <c r="AJ22659">
        <v>39</v>
      </c>
      <c r="AK22659">
        <v>40</v>
      </c>
      <c r="AL22659">
        <v>40</v>
      </c>
      <c r="AM22659">
        <v>40</v>
      </c>
      <c r="AN22659">
        <v>40</v>
      </c>
      <c r="AO22659">
        <v>40</v>
      </c>
      <c r="AP22659">
        <v>40</v>
      </c>
      <c r="AQ22659">
        <v>41</v>
      </c>
    </row>
    <row r="22660" spans="1:43">
      <c r="A22660" t="s">
        <v>14037</v>
      </c>
      <c r="B22660" t="s">
        <v>14038</v>
      </c>
      <c r="C22660" t="s">
        <v>14029</v>
      </c>
      <c r="D22660" t="s">
        <v>14030</v>
      </c>
      <c r="E22660" t="s">
        <v>14015</v>
      </c>
      <c r="F22660" t="s">
        <v>14016</v>
      </c>
      <c r="G22660" t="s">
        <v>10734</v>
      </c>
      <c r="H22660" t="s">
        <v>10735</v>
      </c>
      <c r="I22660" s="2">
        <v>0</v>
      </c>
      <c r="J22660" s="2">
        <v>0</v>
      </c>
      <c r="K22660" s="2">
        <v>1</v>
      </c>
      <c r="L22660" t="s">
        <v>995</v>
      </c>
      <c r="M22660" t="s">
        <v>89</v>
      </c>
      <c r="N22660" t="s">
        <v>90</v>
      </c>
      <c r="O22660" t="s">
        <v>85</v>
      </c>
      <c r="P22660" t="s">
        <v>86</v>
      </c>
      <c r="Q22660">
        <v>35</v>
      </c>
      <c r="R22660">
        <v>36</v>
      </c>
      <c r="S22660">
        <v>37</v>
      </c>
      <c r="T22660">
        <v>37</v>
      </c>
      <c r="U22660">
        <v>38</v>
      </c>
      <c r="V22660">
        <v>39</v>
      </c>
      <c r="W22660">
        <v>40</v>
      </c>
      <c r="X22660">
        <v>41</v>
      </c>
      <c r="Y22660">
        <v>41</v>
      </c>
      <c r="Z22660">
        <v>42</v>
      </c>
      <c r="AA22660">
        <v>43</v>
      </c>
      <c r="AB22660">
        <v>43</v>
      </c>
      <c r="AC22660">
        <v>44</v>
      </c>
      <c r="AD22660">
        <v>45</v>
      </c>
      <c r="AE22660">
        <v>45</v>
      </c>
      <c r="AF22660">
        <v>45</v>
      </c>
      <c r="AG22660">
        <v>45</v>
      </c>
      <c r="AH22660">
        <v>45</v>
      </c>
      <c r="AI22660">
        <v>45</v>
      </c>
      <c r="AJ22660">
        <v>46</v>
      </c>
      <c r="AK22660">
        <v>46</v>
      </c>
      <c r="AL22660">
        <v>46</v>
      </c>
      <c r="AM22660">
        <v>46</v>
      </c>
      <c r="AN22660">
        <v>46</v>
      </c>
      <c r="AO22660">
        <v>46</v>
      </c>
      <c r="AP22660">
        <v>46</v>
      </c>
      <c r="AQ22660">
        <v>46</v>
      </c>
    </row>
    <row r="22661" spans="1:43">
      <c r="A22661" t="s">
        <v>14037</v>
      </c>
      <c r="B22661" t="s">
        <v>14038</v>
      </c>
      <c r="C22661" t="s">
        <v>14029</v>
      </c>
      <c r="D22661" t="s">
        <v>14030</v>
      </c>
      <c r="E22661" t="s">
        <v>14015</v>
      </c>
      <c r="F22661" t="s">
        <v>14016</v>
      </c>
      <c r="G22661" t="s">
        <v>10734</v>
      </c>
      <c r="H22661" t="s">
        <v>10735</v>
      </c>
      <c r="I22661" s="2">
        <v>0</v>
      </c>
      <c r="J22661" s="2">
        <v>0</v>
      </c>
      <c r="K22661" s="2">
        <v>1</v>
      </c>
      <c r="L22661" t="s">
        <v>995</v>
      </c>
      <c r="M22661" t="s">
        <v>83</v>
      </c>
      <c r="N22661" t="s">
        <v>91</v>
      </c>
      <c r="O22661" t="s">
        <v>85</v>
      </c>
      <c r="P22661" t="s">
        <v>86</v>
      </c>
      <c r="Q22661">
        <v>35</v>
      </c>
      <c r="R22661">
        <v>35</v>
      </c>
      <c r="S22661">
        <v>36</v>
      </c>
      <c r="T22661">
        <v>36</v>
      </c>
      <c r="U22661">
        <v>37</v>
      </c>
      <c r="V22661">
        <v>37</v>
      </c>
      <c r="W22661">
        <v>38</v>
      </c>
      <c r="X22661">
        <v>38</v>
      </c>
      <c r="Y22661">
        <v>39</v>
      </c>
      <c r="Z22661">
        <v>40</v>
      </c>
      <c r="AA22661">
        <v>40</v>
      </c>
      <c r="AB22661">
        <v>41</v>
      </c>
      <c r="AC22661">
        <v>41</v>
      </c>
      <c r="AD22661">
        <v>42</v>
      </c>
      <c r="AE22661">
        <v>42</v>
      </c>
      <c r="AF22661">
        <v>43</v>
      </c>
      <c r="AG22661">
        <v>43</v>
      </c>
      <c r="AH22661">
        <v>44</v>
      </c>
      <c r="AI22661">
        <v>44</v>
      </c>
      <c r="AJ22661">
        <v>45</v>
      </c>
      <c r="AK22661">
        <v>45</v>
      </c>
      <c r="AL22661">
        <v>45</v>
      </c>
      <c r="AM22661">
        <v>45</v>
      </c>
      <c r="AN22661">
        <v>45</v>
      </c>
      <c r="AO22661">
        <v>45</v>
      </c>
      <c r="AP22661">
        <v>45</v>
      </c>
      <c r="AQ22661">
        <v>46</v>
      </c>
    </row>
    <row r="22662" spans="1:43">
      <c r="A22662" t="s">
        <v>14039</v>
      </c>
      <c r="B22662" t="s">
        <v>14040</v>
      </c>
      <c r="C22662" t="s">
        <v>14019</v>
      </c>
      <c r="D22662" t="s">
        <v>14020</v>
      </c>
      <c r="E22662" t="s">
        <v>14015</v>
      </c>
      <c r="F22662" t="s">
        <v>14016</v>
      </c>
      <c r="G22662" t="s">
        <v>10734</v>
      </c>
      <c r="H22662" t="s">
        <v>10735</v>
      </c>
      <c r="I22662" s="2">
        <v>0</v>
      </c>
      <c r="J22662" s="2">
        <v>0</v>
      </c>
      <c r="K22662" s="2">
        <v>1</v>
      </c>
      <c r="L22662" t="s">
        <v>995</v>
      </c>
      <c r="M22662" t="s">
        <v>83</v>
      </c>
      <c r="N22662" t="s">
        <v>84</v>
      </c>
      <c r="O22662" t="s">
        <v>85</v>
      </c>
      <c r="P22662" t="s">
        <v>86</v>
      </c>
      <c r="Q22662">
        <v>81</v>
      </c>
      <c r="R22662">
        <v>82</v>
      </c>
      <c r="S22662">
        <v>83</v>
      </c>
      <c r="T22662">
        <v>84</v>
      </c>
      <c r="U22662">
        <v>86</v>
      </c>
      <c r="V22662">
        <v>87</v>
      </c>
      <c r="W22662">
        <v>88</v>
      </c>
      <c r="X22662">
        <v>89</v>
      </c>
      <c r="Y22662">
        <v>90</v>
      </c>
      <c r="Z22662">
        <v>92</v>
      </c>
      <c r="AA22662">
        <v>93</v>
      </c>
      <c r="AB22662">
        <v>94</v>
      </c>
      <c r="AC22662">
        <v>95</v>
      </c>
      <c r="AD22662">
        <v>96</v>
      </c>
      <c r="AE22662">
        <v>97</v>
      </c>
      <c r="AF22662">
        <v>98</v>
      </c>
      <c r="AG22662">
        <v>100</v>
      </c>
      <c r="AH22662">
        <v>101</v>
      </c>
      <c r="AI22662">
        <v>102</v>
      </c>
      <c r="AJ22662">
        <v>103</v>
      </c>
      <c r="AK22662">
        <v>104</v>
      </c>
      <c r="AL22662">
        <v>104</v>
      </c>
      <c r="AM22662">
        <v>104</v>
      </c>
      <c r="AN22662">
        <v>104</v>
      </c>
      <c r="AO22662">
        <v>104</v>
      </c>
      <c r="AP22662">
        <v>104</v>
      </c>
      <c r="AQ22662">
        <v>104</v>
      </c>
    </row>
    <row r="22663" spans="1:43">
      <c r="A22663" t="s">
        <v>14039</v>
      </c>
      <c r="B22663" t="s">
        <v>14040</v>
      </c>
      <c r="C22663" t="s">
        <v>14019</v>
      </c>
      <c r="D22663" t="s">
        <v>14020</v>
      </c>
      <c r="E22663" t="s">
        <v>14015</v>
      </c>
      <c r="F22663" t="s">
        <v>14016</v>
      </c>
      <c r="G22663" t="s">
        <v>10734</v>
      </c>
      <c r="H22663" t="s">
        <v>10735</v>
      </c>
      <c r="I22663" s="2">
        <v>0</v>
      </c>
      <c r="J22663" s="2">
        <v>0</v>
      </c>
      <c r="K22663" s="2">
        <v>1</v>
      </c>
      <c r="L22663" t="s">
        <v>995</v>
      </c>
      <c r="M22663" t="s">
        <v>87</v>
      </c>
      <c r="N22663" t="s">
        <v>88</v>
      </c>
      <c r="O22663" t="s">
        <v>85</v>
      </c>
      <c r="P22663" t="s">
        <v>86</v>
      </c>
      <c r="Q22663">
        <v>81</v>
      </c>
      <c r="R22663">
        <v>81</v>
      </c>
      <c r="S22663">
        <v>82</v>
      </c>
      <c r="T22663">
        <v>82</v>
      </c>
      <c r="U22663">
        <v>83</v>
      </c>
      <c r="V22663">
        <v>83</v>
      </c>
      <c r="W22663">
        <v>84</v>
      </c>
      <c r="X22663">
        <v>84</v>
      </c>
      <c r="Y22663">
        <v>85</v>
      </c>
      <c r="Z22663">
        <v>85</v>
      </c>
      <c r="AA22663">
        <v>85</v>
      </c>
      <c r="AB22663">
        <v>86</v>
      </c>
      <c r="AC22663">
        <v>86</v>
      </c>
      <c r="AD22663">
        <v>87</v>
      </c>
      <c r="AE22663">
        <v>87</v>
      </c>
      <c r="AF22663">
        <v>88</v>
      </c>
      <c r="AG22663">
        <v>88</v>
      </c>
      <c r="AH22663">
        <v>88</v>
      </c>
      <c r="AI22663">
        <v>89</v>
      </c>
      <c r="AJ22663">
        <v>89</v>
      </c>
      <c r="AK22663">
        <v>89</v>
      </c>
      <c r="AL22663">
        <v>90</v>
      </c>
      <c r="AM22663">
        <v>90</v>
      </c>
      <c r="AN22663">
        <v>90</v>
      </c>
      <c r="AO22663">
        <v>91</v>
      </c>
      <c r="AP22663">
        <v>91</v>
      </c>
      <c r="AQ22663">
        <v>91</v>
      </c>
    </row>
    <row r="22664" spans="1:43">
      <c r="A22664" t="s">
        <v>14039</v>
      </c>
      <c r="B22664" t="s">
        <v>14040</v>
      </c>
      <c r="C22664" t="s">
        <v>14019</v>
      </c>
      <c r="D22664" t="s">
        <v>14020</v>
      </c>
      <c r="E22664" t="s">
        <v>14015</v>
      </c>
      <c r="F22664" t="s">
        <v>14016</v>
      </c>
      <c r="G22664" t="s">
        <v>10734</v>
      </c>
      <c r="H22664" t="s">
        <v>10735</v>
      </c>
      <c r="I22664" s="2">
        <v>0</v>
      </c>
      <c r="J22664" s="2">
        <v>0</v>
      </c>
      <c r="K22664" s="2">
        <v>1</v>
      </c>
      <c r="L22664" t="s">
        <v>995</v>
      </c>
      <c r="M22664" t="s">
        <v>89</v>
      </c>
      <c r="N22664" t="s">
        <v>90</v>
      </c>
      <c r="O22664" t="s">
        <v>85</v>
      </c>
      <c r="P22664" t="s">
        <v>86</v>
      </c>
      <c r="Q22664">
        <v>81</v>
      </c>
      <c r="R22664">
        <v>83</v>
      </c>
      <c r="S22664">
        <v>85</v>
      </c>
      <c r="T22664">
        <v>87</v>
      </c>
      <c r="U22664">
        <v>89</v>
      </c>
      <c r="V22664">
        <v>91</v>
      </c>
      <c r="W22664">
        <v>93</v>
      </c>
      <c r="X22664">
        <v>94</v>
      </c>
      <c r="Y22664">
        <v>96</v>
      </c>
      <c r="Z22664">
        <v>97</v>
      </c>
      <c r="AA22664">
        <v>99</v>
      </c>
      <c r="AB22664">
        <v>100</v>
      </c>
      <c r="AC22664">
        <v>102</v>
      </c>
      <c r="AD22664">
        <v>104</v>
      </c>
      <c r="AE22664">
        <v>105</v>
      </c>
      <c r="AF22664">
        <v>105</v>
      </c>
      <c r="AG22664">
        <v>105</v>
      </c>
      <c r="AH22664">
        <v>105</v>
      </c>
      <c r="AI22664">
        <v>105</v>
      </c>
      <c r="AJ22664">
        <v>105</v>
      </c>
      <c r="AK22664">
        <v>105</v>
      </c>
      <c r="AL22664">
        <v>105</v>
      </c>
      <c r="AM22664">
        <v>105</v>
      </c>
      <c r="AN22664">
        <v>105</v>
      </c>
      <c r="AO22664">
        <v>105</v>
      </c>
      <c r="AP22664">
        <v>105</v>
      </c>
      <c r="AQ22664">
        <v>105</v>
      </c>
    </row>
    <row r="22665" spans="1:43">
      <c r="A22665" t="s">
        <v>14039</v>
      </c>
      <c r="B22665" t="s">
        <v>14040</v>
      </c>
      <c r="C22665" t="s">
        <v>14019</v>
      </c>
      <c r="D22665" t="s">
        <v>14020</v>
      </c>
      <c r="E22665" t="s">
        <v>14015</v>
      </c>
      <c r="F22665" t="s">
        <v>14016</v>
      </c>
      <c r="G22665" t="s">
        <v>10734</v>
      </c>
      <c r="H22665" t="s">
        <v>10735</v>
      </c>
      <c r="I22665" s="2">
        <v>0</v>
      </c>
      <c r="J22665" s="2">
        <v>0</v>
      </c>
      <c r="K22665" s="2">
        <v>1</v>
      </c>
      <c r="L22665" t="s">
        <v>995</v>
      </c>
      <c r="M22665" t="s">
        <v>83</v>
      </c>
      <c r="N22665" t="s">
        <v>91</v>
      </c>
      <c r="O22665" t="s">
        <v>85</v>
      </c>
      <c r="P22665" t="s">
        <v>86</v>
      </c>
      <c r="Q22665">
        <v>81</v>
      </c>
      <c r="R22665">
        <v>82</v>
      </c>
      <c r="S22665">
        <v>83</v>
      </c>
      <c r="T22665">
        <v>84</v>
      </c>
      <c r="U22665">
        <v>86</v>
      </c>
      <c r="V22665">
        <v>87</v>
      </c>
      <c r="W22665">
        <v>88</v>
      </c>
      <c r="X22665">
        <v>89</v>
      </c>
      <c r="Y22665">
        <v>90</v>
      </c>
      <c r="Z22665">
        <v>92</v>
      </c>
      <c r="AA22665">
        <v>93</v>
      </c>
      <c r="AB22665">
        <v>94</v>
      </c>
      <c r="AC22665">
        <v>95</v>
      </c>
      <c r="AD22665">
        <v>96</v>
      </c>
      <c r="AE22665">
        <v>97</v>
      </c>
      <c r="AF22665">
        <v>98</v>
      </c>
      <c r="AG22665">
        <v>100</v>
      </c>
      <c r="AH22665">
        <v>101</v>
      </c>
      <c r="AI22665">
        <v>102</v>
      </c>
      <c r="AJ22665">
        <v>103</v>
      </c>
      <c r="AK22665">
        <v>104</v>
      </c>
      <c r="AL22665">
        <v>104</v>
      </c>
      <c r="AM22665">
        <v>104</v>
      </c>
      <c r="AN22665">
        <v>104</v>
      </c>
      <c r="AO22665">
        <v>104</v>
      </c>
      <c r="AP22665">
        <v>104</v>
      </c>
      <c r="AQ22665">
        <v>104</v>
      </c>
    </row>
    <row r="22666" spans="1:43">
      <c r="A22666" t="s">
        <v>14041</v>
      </c>
      <c r="B22666" t="s">
        <v>14042</v>
      </c>
      <c r="C22666" t="s">
        <v>14043</v>
      </c>
      <c r="D22666" t="s">
        <v>14044</v>
      </c>
      <c r="E22666" t="s">
        <v>14015</v>
      </c>
      <c r="F22666" t="s">
        <v>14016</v>
      </c>
      <c r="G22666" t="s">
        <v>10734</v>
      </c>
      <c r="H22666" t="s">
        <v>10735</v>
      </c>
      <c r="I22666" s="2">
        <v>0</v>
      </c>
      <c r="J22666" s="2">
        <v>0</v>
      </c>
      <c r="K22666" s="2">
        <v>1</v>
      </c>
      <c r="L22666" t="s">
        <v>995</v>
      </c>
      <c r="M22666" t="s">
        <v>83</v>
      </c>
      <c r="N22666" t="s">
        <v>84</v>
      </c>
      <c r="O22666" t="s">
        <v>85</v>
      </c>
      <c r="P22666" t="s">
        <v>86</v>
      </c>
      <c r="Q22666">
        <v>63</v>
      </c>
      <c r="R22666">
        <v>64</v>
      </c>
      <c r="S22666">
        <v>65</v>
      </c>
      <c r="T22666">
        <v>66</v>
      </c>
      <c r="U22666">
        <v>67</v>
      </c>
      <c r="V22666">
        <v>68</v>
      </c>
      <c r="W22666">
        <v>69</v>
      </c>
      <c r="X22666">
        <v>70</v>
      </c>
      <c r="Y22666">
        <v>71</v>
      </c>
      <c r="Z22666">
        <v>73</v>
      </c>
      <c r="AA22666">
        <v>74</v>
      </c>
      <c r="AB22666">
        <v>75</v>
      </c>
      <c r="AC22666">
        <v>76</v>
      </c>
      <c r="AD22666">
        <v>77</v>
      </c>
      <c r="AE22666">
        <v>78</v>
      </c>
      <c r="AF22666">
        <v>79</v>
      </c>
      <c r="AG22666">
        <v>79</v>
      </c>
      <c r="AH22666">
        <v>80</v>
      </c>
      <c r="AI22666">
        <v>81</v>
      </c>
      <c r="AJ22666">
        <v>82</v>
      </c>
      <c r="AK22666">
        <v>83</v>
      </c>
      <c r="AL22666">
        <v>84</v>
      </c>
      <c r="AM22666">
        <v>84</v>
      </c>
      <c r="AN22666">
        <v>84</v>
      </c>
      <c r="AO22666">
        <v>85</v>
      </c>
      <c r="AP22666">
        <v>85</v>
      </c>
      <c r="AQ22666">
        <v>85</v>
      </c>
    </row>
    <row r="22667" spans="1:43">
      <c r="A22667" t="s">
        <v>14041</v>
      </c>
      <c r="B22667" t="s">
        <v>14042</v>
      </c>
      <c r="C22667" t="s">
        <v>14043</v>
      </c>
      <c r="D22667" t="s">
        <v>14044</v>
      </c>
      <c r="E22667" t="s">
        <v>14015</v>
      </c>
      <c r="F22667" t="s">
        <v>14016</v>
      </c>
      <c r="G22667" t="s">
        <v>10734</v>
      </c>
      <c r="H22667" t="s">
        <v>10735</v>
      </c>
      <c r="I22667" s="2">
        <v>0</v>
      </c>
      <c r="J22667" s="2">
        <v>0</v>
      </c>
      <c r="K22667" s="2">
        <v>1</v>
      </c>
      <c r="L22667" t="s">
        <v>995</v>
      </c>
      <c r="M22667" t="s">
        <v>87</v>
      </c>
      <c r="N22667" t="s">
        <v>88</v>
      </c>
      <c r="O22667" t="s">
        <v>85</v>
      </c>
      <c r="P22667" t="s">
        <v>86</v>
      </c>
      <c r="Q22667">
        <v>63</v>
      </c>
      <c r="R22667">
        <v>64</v>
      </c>
      <c r="S22667">
        <v>64</v>
      </c>
      <c r="T22667">
        <v>65</v>
      </c>
      <c r="U22667">
        <v>65</v>
      </c>
      <c r="V22667">
        <v>66</v>
      </c>
      <c r="W22667">
        <v>66</v>
      </c>
      <c r="X22667">
        <v>67</v>
      </c>
      <c r="Y22667">
        <v>67</v>
      </c>
      <c r="Z22667">
        <v>68</v>
      </c>
      <c r="AA22667">
        <v>68</v>
      </c>
      <c r="AB22667">
        <v>68</v>
      </c>
      <c r="AC22667">
        <v>69</v>
      </c>
      <c r="AD22667">
        <v>69</v>
      </c>
      <c r="AE22667">
        <v>70</v>
      </c>
      <c r="AF22667">
        <v>70</v>
      </c>
      <c r="AG22667">
        <v>71</v>
      </c>
      <c r="AH22667">
        <v>71</v>
      </c>
      <c r="AI22667">
        <v>71</v>
      </c>
      <c r="AJ22667">
        <v>72</v>
      </c>
      <c r="AK22667">
        <v>72</v>
      </c>
      <c r="AL22667">
        <v>73</v>
      </c>
      <c r="AM22667">
        <v>73</v>
      </c>
      <c r="AN22667">
        <v>73</v>
      </c>
      <c r="AO22667">
        <v>74</v>
      </c>
      <c r="AP22667">
        <v>74</v>
      </c>
      <c r="AQ22667">
        <v>74</v>
      </c>
    </row>
    <row r="22668" spans="1:43">
      <c r="A22668" t="s">
        <v>14041</v>
      </c>
      <c r="B22668" t="s">
        <v>14042</v>
      </c>
      <c r="C22668" t="s">
        <v>14043</v>
      </c>
      <c r="D22668" t="s">
        <v>14044</v>
      </c>
      <c r="E22668" t="s">
        <v>14015</v>
      </c>
      <c r="F22668" t="s">
        <v>14016</v>
      </c>
      <c r="G22668" t="s">
        <v>10734</v>
      </c>
      <c r="H22668" t="s">
        <v>10735</v>
      </c>
      <c r="I22668" s="2">
        <v>0</v>
      </c>
      <c r="J22668" s="2">
        <v>0</v>
      </c>
      <c r="K22668" s="2">
        <v>1</v>
      </c>
      <c r="L22668" t="s">
        <v>995</v>
      </c>
      <c r="M22668" t="s">
        <v>89</v>
      </c>
      <c r="N22668" t="s">
        <v>90</v>
      </c>
      <c r="O22668" t="s">
        <v>85</v>
      </c>
      <c r="P22668" t="s">
        <v>86</v>
      </c>
      <c r="Q22668">
        <v>63</v>
      </c>
      <c r="R22668">
        <v>64</v>
      </c>
      <c r="S22668">
        <v>66</v>
      </c>
      <c r="T22668">
        <v>67</v>
      </c>
      <c r="U22668">
        <v>69</v>
      </c>
      <c r="V22668">
        <v>70</v>
      </c>
      <c r="W22668">
        <v>72</v>
      </c>
      <c r="X22668">
        <v>73</v>
      </c>
      <c r="Y22668">
        <v>75</v>
      </c>
      <c r="Z22668">
        <v>76</v>
      </c>
      <c r="AA22668">
        <v>77</v>
      </c>
      <c r="AB22668">
        <v>79</v>
      </c>
      <c r="AC22668">
        <v>80</v>
      </c>
      <c r="AD22668">
        <v>81</v>
      </c>
      <c r="AE22668">
        <v>82</v>
      </c>
      <c r="AF22668">
        <v>82</v>
      </c>
      <c r="AG22668">
        <v>83</v>
      </c>
      <c r="AH22668">
        <v>83</v>
      </c>
      <c r="AI22668">
        <v>83</v>
      </c>
      <c r="AJ22668">
        <v>84</v>
      </c>
      <c r="AK22668">
        <v>84</v>
      </c>
      <c r="AL22668">
        <v>84</v>
      </c>
      <c r="AM22668">
        <v>84</v>
      </c>
      <c r="AN22668">
        <v>85</v>
      </c>
      <c r="AO22668">
        <v>85</v>
      </c>
      <c r="AP22668">
        <v>85</v>
      </c>
      <c r="AQ22668">
        <v>85</v>
      </c>
    </row>
    <row r="22669" spans="1:43">
      <c r="A22669" t="s">
        <v>14041</v>
      </c>
      <c r="B22669" t="s">
        <v>14042</v>
      </c>
      <c r="C22669" t="s">
        <v>14043</v>
      </c>
      <c r="D22669" t="s">
        <v>14044</v>
      </c>
      <c r="E22669" t="s">
        <v>14015</v>
      </c>
      <c r="F22669" t="s">
        <v>14016</v>
      </c>
      <c r="G22669" t="s">
        <v>10734</v>
      </c>
      <c r="H22669" t="s">
        <v>10735</v>
      </c>
      <c r="I22669" s="2">
        <v>0</v>
      </c>
      <c r="J22669" s="2">
        <v>0</v>
      </c>
      <c r="K22669" s="2">
        <v>1</v>
      </c>
      <c r="L22669" t="s">
        <v>995</v>
      </c>
      <c r="M22669" t="s">
        <v>83</v>
      </c>
      <c r="N22669" t="s">
        <v>91</v>
      </c>
      <c r="O22669" t="s">
        <v>85</v>
      </c>
      <c r="P22669" t="s">
        <v>86</v>
      </c>
      <c r="Q22669">
        <v>63</v>
      </c>
      <c r="R22669">
        <v>64</v>
      </c>
      <c r="S22669">
        <v>65</v>
      </c>
      <c r="T22669">
        <v>66</v>
      </c>
      <c r="U22669">
        <v>67</v>
      </c>
      <c r="V22669">
        <v>68</v>
      </c>
      <c r="W22669">
        <v>69</v>
      </c>
      <c r="X22669">
        <v>70</v>
      </c>
      <c r="Y22669">
        <v>71</v>
      </c>
      <c r="Z22669">
        <v>73</v>
      </c>
      <c r="AA22669">
        <v>74</v>
      </c>
      <c r="AB22669">
        <v>75</v>
      </c>
      <c r="AC22669">
        <v>76</v>
      </c>
      <c r="AD22669">
        <v>77</v>
      </c>
      <c r="AE22669">
        <v>78</v>
      </c>
      <c r="AF22669">
        <v>79</v>
      </c>
      <c r="AG22669">
        <v>79</v>
      </c>
      <c r="AH22669">
        <v>80</v>
      </c>
      <c r="AI22669">
        <v>81</v>
      </c>
      <c r="AJ22669">
        <v>82</v>
      </c>
      <c r="AK22669">
        <v>83</v>
      </c>
      <c r="AL22669">
        <v>84</v>
      </c>
      <c r="AM22669">
        <v>84</v>
      </c>
      <c r="AN22669">
        <v>84</v>
      </c>
      <c r="AO22669">
        <v>85</v>
      </c>
      <c r="AP22669">
        <v>85</v>
      </c>
      <c r="AQ22669">
        <v>85</v>
      </c>
    </row>
    <row r="22670" spans="1:43">
      <c r="A22670" t="s">
        <v>14045</v>
      </c>
      <c r="B22670" t="s">
        <v>14046</v>
      </c>
      <c r="C22670" t="s">
        <v>14043</v>
      </c>
      <c r="D22670" t="s">
        <v>14044</v>
      </c>
      <c r="E22670" t="s">
        <v>14015</v>
      </c>
      <c r="F22670" t="s">
        <v>14016</v>
      </c>
      <c r="G22670" t="s">
        <v>10734</v>
      </c>
      <c r="H22670" t="s">
        <v>10735</v>
      </c>
      <c r="I22670" s="2">
        <v>0</v>
      </c>
      <c r="J22670" s="2">
        <v>0</v>
      </c>
      <c r="K22670" s="2">
        <v>1</v>
      </c>
      <c r="L22670" t="s">
        <v>995</v>
      </c>
      <c r="M22670" t="s">
        <v>83</v>
      </c>
      <c r="N22670" t="s">
        <v>84</v>
      </c>
      <c r="O22670" t="s">
        <v>85</v>
      </c>
      <c r="P22670" t="s">
        <v>86</v>
      </c>
      <c r="Q22670">
        <v>24</v>
      </c>
      <c r="R22670">
        <v>25</v>
      </c>
      <c r="S22670">
        <v>25</v>
      </c>
      <c r="T22670">
        <v>26</v>
      </c>
      <c r="U22670">
        <v>26</v>
      </c>
      <c r="V22670">
        <v>26</v>
      </c>
      <c r="W22670">
        <v>27</v>
      </c>
      <c r="X22670">
        <v>27</v>
      </c>
      <c r="Y22670">
        <v>28</v>
      </c>
      <c r="Z22670">
        <v>28</v>
      </c>
      <c r="AA22670">
        <v>28</v>
      </c>
      <c r="AB22670">
        <v>29</v>
      </c>
      <c r="AC22670">
        <v>29</v>
      </c>
      <c r="AD22670">
        <v>30</v>
      </c>
      <c r="AE22670">
        <v>30</v>
      </c>
      <c r="AF22670">
        <v>30</v>
      </c>
      <c r="AG22670">
        <v>31</v>
      </c>
      <c r="AH22670">
        <v>31</v>
      </c>
      <c r="AI22670">
        <v>31</v>
      </c>
      <c r="AJ22670">
        <v>32</v>
      </c>
      <c r="AK22670">
        <v>32</v>
      </c>
      <c r="AL22670">
        <v>32</v>
      </c>
      <c r="AM22670">
        <v>33</v>
      </c>
      <c r="AN22670">
        <v>33</v>
      </c>
      <c r="AO22670">
        <v>33</v>
      </c>
      <c r="AP22670">
        <v>33</v>
      </c>
      <c r="AQ22670">
        <v>33</v>
      </c>
    </row>
    <row r="22671" spans="1:43">
      <c r="A22671" t="s">
        <v>14045</v>
      </c>
      <c r="B22671" t="s">
        <v>14046</v>
      </c>
      <c r="C22671" t="s">
        <v>14043</v>
      </c>
      <c r="D22671" t="s">
        <v>14044</v>
      </c>
      <c r="E22671" t="s">
        <v>14015</v>
      </c>
      <c r="F22671" t="s">
        <v>14016</v>
      </c>
      <c r="G22671" t="s">
        <v>10734</v>
      </c>
      <c r="H22671" t="s">
        <v>10735</v>
      </c>
      <c r="I22671" s="2">
        <v>0</v>
      </c>
      <c r="J22671" s="2">
        <v>0</v>
      </c>
      <c r="K22671" s="2">
        <v>1</v>
      </c>
      <c r="L22671" t="s">
        <v>995</v>
      </c>
      <c r="M22671" t="s">
        <v>87</v>
      </c>
      <c r="N22671" t="s">
        <v>88</v>
      </c>
      <c r="O22671" t="s">
        <v>85</v>
      </c>
      <c r="P22671" t="s">
        <v>86</v>
      </c>
      <c r="Q22671">
        <v>24</v>
      </c>
      <c r="R22671">
        <v>24</v>
      </c>
      <c r="S22671">
        <v>24</v>
      </c>
      <c r="T22671">
        <v>25</v>
      </c>
      <c r="U22671">
        <v>25</v>
      </c>
      <c r="V22671">
        <v>25</v>
      </c>
      <c r="W22671">
        <v>25</v>
      </c>
      <c r="X22671">
        <v>25</v>
      </c>
      <c r="Y22671">
        <v>26</v>
      </c>
      <c r="Z22671">
        <v>26</v>
      </c>
      <c r="AA22671">
        <v>26</v>
      </c>
      <c r="AB22671">
        <v>26</v>
      </c>
      <c r="AC22671">
        <v>26</v>
      </c>
      <c r="AD22671">
        <v>26</v>
      </c>
      <c r="AE22671">
        <v>27</v>
      </c>
      <c r="AF22671">
        <v>27</v>
      </c>
      <c r="AG22671">
        <v>27</v>
      </c>
      <c r="AH22671">
        <v>27</v>
      </c>
      <c r="AI22671">
        <v>27</v>
      </c>
      <c r="AJ22671">
        <v>27</v>
      </c>
      <c r="AK22671">
        <v>28</v>
      </c>
      <c r="AL22671">
        <v>28</v>
      </c>
      <c r="AM22671">
        <v>28</v>
      </c>
      <c r="AN22671">
        <v>28</v>
      </c>
      <c r="AO22671">
        <v>28</v>
      </c>
      <c r="AP22671">
        <v>28</v>
      </c>
      <c r="AQ22671">
        <v>28</v>
      </c>
    </row>
    <row r="22672" spans="1:43">
      <c r="A22672" t="s">
        <v>14045</v>
      </c>
      <c r="B22672" t="s">
        <v>14046</v>
      </c>
      <c r="C22672" t="s">
        <v>14043</v>
      </c>
      <c r="D22672" t="s">
        <v>14044</v>
      </c>
      <c r="E22672" t="s">
        <v>14015</v>
      </c>
      <c r="F22672" t="s">
        <v>14016</v>
      </c>
      <c r="G22672" t="s">
        <v>10734</v>
      </c>
      <c r="H22672" t="s">
        <v>10735</v>
      </c>
      <c r="I22672" s="2">
        <v>0</v>
      </c>
      <c r="J22672" s="2">
        <v>0</v>
      </c>
      <c r="K22672" s="2">
        <v>1</v>
      </c>
      <c r="L22672" t="s">
        <v>995</v>
      </c>
      <c r="M22672" t="s">
        <v>89</v>
      </c>
      <c r="N22672" t="s">
        <v>90</v>
      </c>
      <c r="O22672" t="s">
        <v>85</v>
      </c>
      <c r="P22672" t="s">
        <v>86</v>
      </c>
      <c r="Q22672">
        <v>24</v>
      </c>
      <c r="R22672">
        <v>24</v>
      </c>
      <c r="S22672">
        <v>25</v>
      </c>
      <c r="T22672">
        <v>25</v>
      </c>
      <c r="U22672">
        <v>26</v>
      </c>
      <c r="V22672">
        <v>27</v>
      </c>
      <c r="W22672">
        <v>27</v>
      </c>
      <c r="X22672">
        <v>28</v>
      </c>
      <c r="Y22672">
        <v>28</v>
      </c>
      <c r="Z22672">
        <v>29</v>
      </c>
      <c r="AA22672">
        <v>29</v>
      </c>
      <c r="AB22672">
        <v>30</v>
      </c>
      <c r="AC22672">
        <v>30</v>
      </c>
      <c r="AD22672">
        <v>31</v>
      </c>
      <c r="AE22672">
        <v>31</v>
      </c>
      <c r="AF22672">
        <v>31</v>
      </c>
      <c r="AG22672">
        <v>31</v>
      </c>
      <c r="AH22672">
        <v>32</v>
      </c>
      <c r="AI22672">
        <v>32</v>
      </c>
      <c r="AJ22672">
        <v>32</v>
      </c>
      <c r="AK22672">
        <v>32</v>
      </c>
      <c r="AL22672">
        <v>32</v>
      </c>
      <c r="AM22672">
        <v>32</v>
      </c>
      <c r="AN22672">
        <v>32</v>
      </c>
      <c r="AO22672">
        <v>32</v>
      </c>
      <c r="AP22672">
        <v>32</v>
      </c>
      <c r="AQ22672">
        <v>32</v>
      </c>
    </row>
    <row r="22673" spans="1:43">
      <c r="A22673" t="s">
        <v>14045</v>
      </c>
      <c r="B22673" t="s">
        <v>14046</v>
      </c>
      <c r="C22673" t="s">
        <v>14043</v>
      </c>
      <c r="D22673" t="s">
        <v>14044</v>
      </c>
      <c r="E22673" t="s">
        <v>14015</v>
      </c>
      <c r="F22673" t="s">
        <v>14016</v>
      </c>
      <c r="G22673" t="s">
        <v>10734</v>
      </c>
      <c r="H22673" t="s">
        <v>10735</v>
      </c>
      <c r="I22673" s="2">
        <v>0</v>
      </c>
      <c r="J22673" s="2">
        <v>0</v>
      </c>
      <c r="K22673" s="2">
        <v>1</v>
      </c>
      <c r="L22673" t="s">
        <v>995</v>
      </c>
      <c r="M22673" t="s">
        <v>83</v>
      </c>
      <c r="N22673" t="s">
        <v>91</v>
      </c>
      <c r="O22673" t="s">
        <v>85</v>
      </c>
      <c r="P22673" t="s">
        <v>86</v>
      </c>
      <c r="Q22673">
        <v>24</v>
      </c>
      <c r="R22673">
        <v>25</v>
      </c>
      <c r="S22673">
        <v>25</v>
      </c>
      <c r="T22673">
        <v>26</v>
      </c>
      <c r="U22673">
        <v>26</v>
      </c>
      <c r="V22673">
        <v>26</v>
      </c>
      <c r="W22673">
        <v>27</v>
      </c>
      <c r="X22673">
        <v>27</v>
      </c>
      <c r="Y22673">
        <v>28</v>
      </c>
      <c r="Z22673">
        <v>28</v>
      </c>
      <c r="AA22673">
        <v>28</v>
      </c>
      <c r="AB22673">
        <v>29</v>
      </c>
      <c r="AC22673">
        <v>29</v>
      </c>
      <c r="AD22673">
        <v>30</v>
      </c>
      <c r="AE22673">
        <v>30</v>
      </c>
      <c r="AF22673">
        <v>30</v>
      </c>
      <c r="AG22673">
        <v>31</v>
      </c>
      <c r="AH22673">
        <v>31</v>
      </c>
      <c r="AI22673">
        <v>31</v>
      </c>
      <c r="AJ22673">
        <v>32</v>
      </c>
      <c r="AK22673">
        <v>32</v>
      </c>
      <c r="AL22673">
        <v>32</v>
      </c>
      <c r="AM22673">
        <v>33</v>
      </c>
      <c r="AN22673">
        <v>33</v>
      </c>
      <c r="AO22673">
        <v>33</v>
      </c>
      <c r="AP22673">
        <v>33</v>
      </c>
      <c r="AQ22673">
        <v>33</v>
      </c>
    </row>
    <row r="22674" spans="1:43">
      <c r="A22674" t="s">
        <v>14047</v>
      </c>
      <c r="B22674" t="s">
        <v>14048</v>
      </c>
      <c r="C22674" t="s">
        <v>14043</v>
      </c>
      <c r="D22674" t="s">
        <v>14044</v>
      </c>
      <c r="E22674" t="s">
        <v>14015</v>
      </c>
      <c r="F22674" t="s">
        <v>14016</v>
      </c>
      <c r="G22674" t="s">
        <v>10734</v>
      </c>
      <c r="H22674" t="s">
        <v>10735</v>
      </c>
      <c r="I22674" s="2">
        <v>0</v>
      </c>
      <c r="J22674" s="2">
        <v>0</v>
      </c>
      <c r="K22674" s="2">
        <v>1</v>
      </c>
      <c r="L22674" t="s">
        <v>995</v>
      </c>
      <c r="M22674" t="s">
        <v>83</v>
      </c>
      <c r="N22674" t="s">
        <v>84</v>
      </c>
      <c r="O22674" t="s">
        <v>85</v>
      </c>
      <c r="P22674" t="s">
        <v>86</v>
      </c>
      <c r="Q22674">
        <v>138</v>
      </c>
      <c r="R22674">
        <v>140</v>
      </c>
      <c r="S22674">
        <v>143</v>
      </c>
      <c r="T22674">
        <v>145</v>
      </c>
      <c r="U22674">
        <v>147</v>
      </c>
      <c r="V22674">
        <v>150</v>
      </c>
      <c r="W22674">
        <v>152</v>
      </c>
      <c r="X22674">
        <v>154</v>
      </c>
      <c r="Y22674">
        <v>157</v>
      </c>
      <c r="Z22674">
        <v>159</v>
      </c>
      <c r="AA22674">
        <v>161</v>
      </c>
      <c r="AB22674">
        <v>163</v>
      </c>
      <c r="AC22674">
        <v>166</v>
      </c>
      <c r="AD22674">
        <v>168</v>
      </c>
      <c r="AE22674">
        <v>170</v>
      </c>
      <c r="AF22674">
        <v>172</v>
      </c>
      <c r="AG22674">
        <v>174</v>
      </c>
      <c r="AH22674">
        <v>176</v>
      </c>
      <c r="AI22674">
        <v>178</v>
      </c>
      <c r="AJ22674">
        <v>180</v>
      </c>
      <c r="AK22674">
        <v>182</v>
      </c>
      <c r="AL22674">
        <v>183</v>
      </c>
      <c r="AM22674">
        <v>184</v>
      </c>
      <c r="AN22674">
        <v>185</v>
      </c>
      <c r="AO22674">
        <v>185</v>
      </c>
      <c r="AP22674">
        <v>186</v>
      </c>
      <c r="AQ22674">
        <v>186</v>
      </c>
    </row>
    <row r="22675" spans="1:43">
      <c r="A22675" t="s">
        <v>14047</v>
      </c>
      <c r="B22675" t="s">
        <v>14048</v>
      </c>
      <c r="C22675" t="s">
        <v>14043</v>
      </c>
      <c r="D22675" t="s">
        <v>14044</v>
      </c>
      <c r="E22675" t="s">
        <v>14015</v>
      </c>
      <c r="F22675" t="s">
        <v>14016</v>
      </c>
      <c r="G22675" t="s">
        <v>10734</v>
      </c>
      <c r="H22675" t="s">
        <v>10735</v>
      </c>
      <c r="I22675" s="2">
        <v>0</v>
      </c>
      <c r="J22675" s="2">
        <v>0</v>
      </c>
      <c r="K22675" s="2">
        <v>1</v>
      </c>
      <c r="L22675" t="s">
        <v>995</v>
      </c>
      <c r="M22675" t="s">
        <v>87</v>
      </c>
      <c r="N22675" t="s">
        <v>88</v>
      </c>
      <c r="O22675" t="s">
        <v>85</v>
      </c>
      <c r="P22675" t="s">
        <v>86</v>
      </c>
      <c r="Q22675">
        <v>138</v>
      </c>
      <c r="R22675">
        <v>139</v>
      </c>
      <c r="S22675">
        <v>140</v>
      </c>
      <c r="T22675">
        <v>141</v>
      </c>
      <c r="U22675">
        <v>142</v>
      </c>
      <c r="V22675">
        <v>143</v>
      </c>
      <c r="W22675">
        <v>144</v>
      </c>
      <c r="X22675">
        <v>145</v>
      </c>
      <c r="Y22675">
        <v>146</v>
      </c>
      <c r="Z22675">
        <v>147</v>
      </c>
      <c r="AA22675">
        <v>148</v>
      </c>
      <c r="AB22675">
        <v>149</v>
      </c>
      <c r="AC22675">
        <v>150</v>
      </c>
      <c r="AD22675">
        <v>151</v>
      </c>
      <c r="AE22675">
        <v>152</v>
      </c>
      <c r="AF22675">
        <v>152</v>
      </c>
      <c r="AG22675">
        <v>153</v>
      </c>
      <c r="AH22675">
        <v>154</v>
      </c>
      <c r="AI22675">
        <v>155</v>
      </c>
      <c r="AJ22675">
        <v>156</v>
      </c>
      <c r="AK22675">
        <v>157</v>
      </c>
      <c r="AL22675">
        <v>158</v>
      </c>
      <c r="AM22675">
        <v>159</v>
      </c>
      <c r="AN22675">
        <v>159</v>
      </c>
      <c r="AO22675">
        <v>160</v>
      </c>
      <c r="AP22675">
        <v>161</v>
      </c>
      <c r="AQ22675">
        <v>162</v>
      </c>
    </row>
    <row r="22676" spans="1:43">
      <c r="A22676" t="s">
        <v>14047</v>
      </c>
      <c r="B22676" t="s">
        <v>14048</v>
      </c>
      <c r="C22676" t="s">
        <v>14043</v>
      </c>
      <c r="D22676" t="s">
        <v>14044</v>
      </c>
      <c r="E22676" t="s">
        <v>14015</v>
      </c>
      <c r="F22676" t="s">
        <v>14016</v>
      </c>
      <c r="G22676" t="s">
        <v>10734</v>
      </c>
      <c r="H22676" t="s">
        <v>10735</v>
      </c>
      <c r="I22676" s="2">
        <v>0</v>
      </c>
      <c r="J22676" s="2">
        <v>0</v>
      </c>
      <c r="K22676" s="2">
        <v>1</v>
      </c>
      <c r="L22676" t="s">
        <v>995</v>
      </c>
      <c r="M22676" t="s">
        <v>89</v>
      </c>
      <c r="N22676" t="s">
        <v>90</v>
      </c>
      <c r="O22676" t="s">
        <v>85</v>
      </c>
      <c r="P22676" t="s">
        <v>86</v>
      </c>
      <c r="Q22676">
        <v>138</v>
      </c>
      <c r="R22676">
        <v>142</v>
      </c>
      <c r="S22676">
        <v>145</v>
      </c>
      <c r="T22676">
        <v>149</v>
      </c>
      <c r="U22676">
        <v>152</v>
      </c>
      <c r="V22676">
        <v>155</v>
      </c>
      <c r="W22676">
        <v>159</v>
      </c>
      <c r="X22676">
        <v>162</v>
      </c>
      <c r="Y22676">
        <v>165</v>
      </c>
      <c r="Z22676">
        <v>168</v>
      </c>
      <c r="AA22676">
        <v>171</v>
      </c>
      <c r="AB22676">
        <v>173</v>
      </c>
      <c r="AC22676">
        <v>176</v>
      </c>
      <c r="AD22676">
        <v>179</v>
      </c>
      <c r="AE22676">
        <v>181</v>
      </c>
      <c r="AF22676">
        <v>182</v>
      </c>
      <c r="AG22676">
        <v>182</v>
      </c>
      <c r="AH22676">
        <v>183</v>
      </c>
      <c r="AI22676">
        <v>184</v>
      </c>
      <c r="AJ22676">
        <v>184</v>
      </c>
      <c r="AK22676">
        <v>185</v>
      </c>
      <c r="AL22676">
        <v>185</v>
      </c>
      <c r="AM22676">
        <v>186</v>
      </c>
      <c r="AN22676">
        <v>186</v>
      </c>
      <c r="AO22676">
        <v>187</v>
      </c>
      <c r="AP22676">
        <v>187</v>
      </c>
      <c r="AQ22676">
        <v>188</v>
      </c>
    </row>
    <row r="22677" spans="1:43">
      <c r="A22677" t="s">
        <v>14047</v>
      </c>
      <c r="B22677" t="s">
        <v>14048</v>
      </c>
      <c r="C22677" t="s">
        <v>14043</v>
      </c>
      <c r="D22677" t="s">
        <v>14044</v>
      </c>
      <c r="E22677" t="s">
        <v>14015</v>
      </c>
      <c r="F22677" t="s">
        <v>14016</v>
      </c>
      <c r="G22677" t="s">
        <v>10734</v>
      </c>
      <c r="H22677" t="s">
        <v>10735</v>
      </c>
      <c r="I22677" s="2">
        <v>0</v>
      </c>
      <c r="J22677" s="2">
        <v>0</v>
      </c>
      <c r="K22677" s="2">
        <v>1</v>
      </c>
      <c r="L22677" t="s">
        <v>995</v>
      </c>
      <c r="M22677" t="s">
        <v>83</v>
      </c>
      <c r="N22677" t="s">
        <v>91</v>
      </c>
      <c r="O22677" t="s">
        <v>85</v>
      </c>
      <c r="P22677" t="s">
        <v>86</v>
      </c>
      <c r="Q22677">
        <v>138</v>
      </c>
      <c r="R22677">
        <v>140</v>
      </c>
      <c r="S22677">
        <v>143</v>
      </c>
      <c r="T22677">
        <v>145</v>
      </c>
      <c r="U22677">
        <v>147</v>
      </c>
      <c r="V22677">
        <v>150</v>
      </c>
      <c r="W22677">
        <v>152</v>
      </c>
      <c r="X22677">
        <v>154</v>
      </c>
      <c r="Y22677">
        <v>157</v>
      </c>
      <c r="Z22677">
        <v>159</v>
      </c>
      <c r="AA22677">
        <v>161</v>
      </c>
      <c r="AB22677">
        <v>163</v>
      </c>
      <c r="AC22677">
        <v>166</v>
      </c>
      <c r="AD22677">
        <v>168</v>
      </c>
      <c r="AE22677">
        <v>170</v>
      </c>
      <c r="AF22677">
        <v>172</v>
      </c>
      <c r="AG22677">
        <v>174</v>
      </c>
      <c r="AH22677">
        <v>176</v>
      </c>
      <c r="AI22677">
        <v>178</v>
      </c>
      <c r="AJ22677">
        <v>180</v>
      </c>
      <c r="AK22677">
        <v>182</v>
      </c>
      <c r="AL22677">
        <v>183</v>
      </c>
      <c r="AM22677">
        <v>184</v>
      </c>
      <c r="AN22677">
        <v>185</v>
      </c>
      <c r="AO22677">
        <v>185</v>
      </c>
      <c r="AP22677">
        <v>186</v>
      </c>
      <c r="AQ22677">
        <v>186</v>
      </c>
    </row>
    <row r="22678" spans="1:43">
      <c r="A22678" t="s">
        <v>14049</v>
      </c>
      <c r="B22678" t="s">
        <v>14050</v>
      </c>
      <c r="C22678" t="s">
        <v>14043</v>
      </c>
      <c r="D22678" t="s">
        <v>14044</v>
      </c>
      <c r="E22678" t="s">
        <v>14015</v>
      </c>
      <c r="F22678" t="s">
        <v>14016</v>
      </c>
      <c r="G22678" t="s">
        <v>10734</v>
      </c>
      <c r="H22678" t="s">
        <v>10735</v>
      </c>
      <c r="I22678" s="2">
        <v>0</v>
      </c>
      <c r="J22678" s="2">
        <v>0</v>
      </c>
      <c r="K22678" s="2">
        <v>1</v>
      </c>
      <c r="L22678" t="s">
        <v>995</v>
      </c>
      <c r="M22678" t="s">
        <v>83</v>
      </c>
      <c r="N22678" t="s">
        <v>84</v>
      </c>
      <c r="O22678" t="s">
        <v>85</v>
      </c>
      <c r="P22678" t="s">
        <v>86</v>
      </c>
      <c r="Q22678">
        <v>29</v>
      </c>
      <c r="R22678">
        <v>29</v>
      </c>
      <c r="S22678">
        <v>30</v>
      </c>
      <c r="T22678">
        <v>30</v>
      </c>
      <c r="U22678">
        <v>30</v>
      </c>
      <c r="V22678">
        <v>31</v>
      </c>
      <c r="W22678">
        <v>31</v>
      </c>
      <c r="X22678">
        <v>32</v>
      </c>
      <c r="Y22678">
        <v>32</v>
      </c>
      <c r="Z22678">
        <v>33</v>
      </c>
      <c r="AA22678">
        <v>33</v>
      </c>
      <c r="AB22678">
        <v>34</v>
      </c>
      <c r="AC22678">
        <v>34</v>
      </c>
      <c r="AD22678">
        <v>35</v>
      </c>
      <c r="AE22678">
        <v>35</v>
      </c>
      <c r="AF22678">
        <v>35</v>
      </c>
      <c r="AG22678">
        <v>36</v>
      </c>
      <c r="AH22678">
        <v>36</v>
      </c>
      <c r="AI22678">
        <v>37</v>
      </c>
      <c r="AJ22678">
        <v>37</v>
      </c>
      <c r="AK22678">
        <v>37</v>
      </c>
      <c r="AL22678">
        <v>38</v>
      </c>
      <c r="AM22678">
        <v>38</v>
      </c>
      <c r="AN22678">
        <v>38</v>
      </c>
      <c r="AO22678">
        <v>38</v>
      </c>
      <c r="AP22678">
        <v>38</v>
      </c>
      <c r="AQ22678">
        <v>38</v>
      </c>
    </row>
    <row r="22679" spans="1:43">
      <c r="A22679" t="s">
        <v>14049</v>
      </c>
      <c r="B22679" t="s">
        <v>14050</v>
      </c>
      <c r="C22679" t="s">
        <v>14043</v>
      </c>
      <c r="D22679" t="s">
        <v>14044</v>
      </c>
      <c r="E22679" t="s">
        <v>14015</v>
      </c>
      <c r="F22679" t="s">
        <v>14016</v>
      </c>
      <c r="G22679" t="s">
        <v>10734</v>
      </c>
      <c r="H22679" t="s">
        <v>10735</v>
      </c>
      <c r="I22679" s="2">
        <v>0</v>
      </c>
      <c r="J22679" s="2">
        <v>0</v>
      </c>
      <c r="K22679" s="2">
        <v>1</v>
      </c>
      <c r="L22679" t="s">
        <v>995</v>
      </c>
      <c r="M22679" t="s">
        <v>87</v>
      </c>
      <c r="N22679" t="s">
        <v>88</v>
      </c>
      <c r="O22679" t="s">
        <v>85</v>
      </c>
      <c r="P22679" t="s">
        <v>86</v>
      </c>
      <c r="Q22679">
        <v>29</v>
      </c>
      <c r="R22679">
        <v>30</v>
      </c>
      <c r="S22679">
        <v>30</v>
      </c>
      <c r="T22679">
        <v>30</v>
      </c>
      <c r="U22679">
        <v>30</v>
      </c>
      <c r="V22679">
        <v>30</v>
      </c>
      <c r="W22679">
        <v>31</v>
      </c>
      <c r="X22679">
        <v>31</v>
      </c>
      <c r="Y22679">
        <v>31</v>
      </c>
      <c r="Z22679">
        <v>31</v>
      </c>
      <c r="AA22679">
        <v>31</v>
      </c>
      <c r="AB22679">
        <v>31</v>
      </c>
      <c r="AC22679">
        <v>32</v>
      </c>
      <c r="AD22679">
        <v>32</v>
      </c>
      <c r="AE22679">
        <v>32</v>
      </c>
      <c r="AF22679">
        <v>32</v>
      </c>
      <c r="AG22679">
        <v>32</v>
      </c>
      <c r="AH22679">
        <v>33</v>
      </c>
      <c r="AI22679">
        <v>33</v>
      </c>
      <c r="AJ22679">
        <v>33</v>
      </c>
      <c r="AK22679">
        <v>33</v>
      </c>
      <c r="AL22679">
        <v>33</v>
      </c>
      <c r="AM22679">
        <v>33</v>
      </c>
      <c r="AN22679">
        <v>34</v>
      </c>
      <c r="AO22679">
        <v>34</v>
      </c>
      <c r="AP22679">
        <v>34</v>
      </c>
      <c r="AQ22679">
        <v>34</v>
      </c>
    </row>
    <row r="22680" spans="1:43">
      <c r="A22680" t="s">
        <v>14049</v>
      </c>
      <c r="B22680" t="s">
        <v>14050</v>
      </c>
      <c r="C22680" t="s">
        <v>14043</v>
      </c>
      <c r="D22680" t="s">
        <v>14044</v>
      </c>
      <c r="E22680" t="s">
        <v>14015</v>
      </c>
      <c r="F22680" t="s">
        <v>14016</v>
      </c>
      <c r="G22680" t="s">
        <v>10734</v>
      </c>
      <c r="H22680" t="s">
        <v>10735</v>
      </c>
      <c r="I22680" s="2">
        <v>0</v>
      </c>
      <c r="J22680" s="2">
        <v>0</v>
      </c>
      <c r="K22680" s="2">
        <v>1</v>
      </c>
      <c r="L22680" t="s">
        <v>995</v>
      </c>
      <c r="M22680" t="s">
        <v>89</v>
      </c>
      <c r="N22680" t="s">
        <v>90</v>
      </c>
      <c r="O22680" t="s">
        <v>85</v>
      </c>
      <c r="P22680" t="s">
        <v>86</v>
      </c>
      <c r="Q22680">
        <v>29</v>
      </c>
      <c r="R22680">
        <v>30</v>
      </c>
      <c r="S22680">
        <v>30</v>
      </c>
      <c r="T22680">
        <v>31</v>
      </c>
      <c r="U22680">
        <v>32</v>
      </c>
      <c r="V22680">
        <v>32</v>
      </c>
      <c r="W22680">
        <v>33</v>
      </c>
      <c r="X22680">
        <v>34</v>
      </c>
      <c r="Y22680">
        <v>34</v>
      </c>
      <c r="Z22680">
        <v>35</v>
      </c>
      <c r="AA22680">
        <v>35</v>
      </c>
      <c r="AB22680">
        <v>36</v>
      </c>
      <c r="AC22680">
        <v>37</v>
      </c>
      <c r="AD22680">
        <v>37</v>
      </c>
      <c r="AE22680">
        <v>37</v>
      </c>
      <c r="AF22680">
        <v>38</v>
      </c>
      <c r="AG22680">
        <v>38</v>
      </c>
      <c r="AH22680">
        <v>38</v>
      </c>
      <c r="AI22680">
        <v>38</v>
      </c>
      <c r="AJ22680">
        <v>38</v>
      </c>
      <c r="AK22680">
        <v>38</v>
      </c>
      <c r="AL22680">
        <v>38</v>
      </c>
      <c r="AM22680">
        <v>38</v>
      </c>
      <c r="AN22680">
        <v>38</v>
      </c>
      <c r="AO22680">
        <v>38</v>
      </c>
      <c r="AP22680">
        <v>38</v>
      </c>
      <c r="AQ22680">
        <v>38</v>
      </c>
    </row>
    <row r="22681" spans="1:43">
      <c r="A22681" t="s">
        <v>14049</v>
      </c>
      <c r="B22681" t="s">
        <v>14050</v>
      </c>
      <c r="C22681" t="s">
        <v>14043</v>
      </c>
      <c r="D22681" t="s">
        <v>14044</v>
      </c>
      <c r="E22681" t="s">
        <v>14015</v>
      </c>
      <c r="F22681" t="s">
        <v>14016</v>
      </c>
      <c r="G22681" t="s">
        <v>10734</v>
      </c>
      <c r="H22681" t="s">
        <v>10735</v>
      </c>
      <c r="I22681" s="2">
        <v>0</v>
      </c>
      <c r="J22681" s="2">
        <v>0</v>
      </c>
      <c r="K22681" s="2">
        <v>1</v>
      </c>
      <c r="L22681" t="s">
        <v>995</v>
      </c>
      <c r="M22681" t="s">
        <v>83</v>
      </c>
      <c r="N22681" t="s">
        <v>91</v>
      </c>
      <c r="O22681" t="s">
        <v>85</v>
      </c>
      <c r="P22681" t="s">
        <v>86</v>
      </c>
      <c r="Q22681">
        <v>29</v>
      </c>
      <c r="R22681">
        <v>29</v>
      </c>
      <c r="S22681">
        <v>30</v>
      </c>
      <c r="T22681">
        <v>30</v>
      </c>
      <c r="U22681">
        <v>30</v>
      </c>
      <c r="V22681">
        <v>31</v>
      </c>
      <c r="W22681">
        <v>31</v>
      </c>
      <c r="X22681">
        <v>32</v>
      </c>
      <c r="Y22681">
        <v>32</v>
      </c>
      <c r="Z22681">
        <v>33</v>
      </c>
      <c r="AA22681">
        <v>33</v>
      </c>
      <c r="AB22681">
        <v>34</v>
      </c>
      <c r="AC22681">
        <v>34</v>
      </c>
      <c r="AD22681">
        <v>35</v>
      </c>
      <c r="AE22681">
        <v>35</v>
      </c>
      <c r="AF22681">
        <v>35</v>
      </c>
      <c r="AG22681">
        <v>36</v>
      </c>
      <c r="AH22681">
        <v>36</v>
      </c>
      <c r="AI22681">
        <v>37</v>
      </c>
      <c r="AJ22681">
        <v>37</v>
      </c>
      <c r="AK22681">
        <v>37</v>
      </c>
      <c r="AL22681">
        <v>38</v>
      </c>
      <c r="AM22681">
        <v>38</v>
      </c>
      <c r="AN22681">
        <v>38</v>
      </c>
      <c r="AO22681">
        <v>38</v>
      </c>
      <c r="AP22681">
        <v>38</v>
      </c>
      <c r="AQ22681">
        <v>38</v>
      </c>
    </row>
    <row r="22682" spans="1:43">
      <c r="A22682" t="s">
        <v>14051</v>
      </c>
      <c r="B22682" t="s">
        <v>14052</v>
      </c>
      <c r="C22682" t="s">
        <v>14043</v>
      </c>
      <c r="D22682" t="s">
        <v>14044</v>
      </c>
      <c r="E22682" t="s">
        <v>14015</v>
      </c>
      <c r="F22682" t="s">
        <v>14016</v>
      </c>
      <c r="G22682" t="s">
        <v>10734</v>
      </c>
      <c r="H22682" t="s">
        <v>10735</v>
      </c>
      <c r="I22682" s="2">
        <v>0</v>
      </c>
      <c r="J22682" s="2">
        <v>0</v>
      </c>
      <c r="K22682" s="2">
        <v>1</v>
      </c>
      <c r="L22682" t="s">
        <v>995</v>
      </c>
      <c r="M22682" t="s">
        <v>83</v>
      </c>
      <c r="N22682" t="s">
        <v>84</v>
      </c>
      <c r="O22682" t="s">
        <v>85</v>
      </c>
      <c r="P22682" t="s">
        <v>86</v>
      </c>
      <c r="Q22682">
        <v>10</v>
      </c>
      <c r="R22682">
        <v>10</v>
      </c>
      <c r="S22682">
        <v>11</v>
      </c>
      <c r="T22682">
        <v>11</v>
      </c>
      <c r="U22682">
        <v>11</v>
      </c>
      <c r="V22682">
        <v>11</v>
      </c>
      <c r="W22682">
        <v>11</v>
      </c>
      <c r="X22682">
        <v>11</v>
      </c>
      <c r="Y22682">
        <v>12</v>
      </c>
      <c r="Z22682">
        <v>12</v>
      </c>
      <c r="AA22682">
        <v>12</v>
      </c>
      <c r="AB22682">
        <v>12</v>
      </c>
      <c r="AC22682">
        <v>12</v>
      </c>
      <c r="AD22682">
        <v>12</v>
      </c>
      <c r="AE22682">
        <v>13</v>
      </c>
      <c r="AF22682">
        <v>13</v>
      </c>
      <c r="AG22682">
        <v>13</v>
      </c>
      <c r="AH22682">
        <v>13</v>
      </c>
      <c r="AI22682">
        <v>13</v>
      </c>
      <c r="AJ22682">
        <v>13</v>
      </c>
      <c r="AK22682">
        <v>14</v>
      </c>
      <c r="AL22682">
        <v>14</v>
      </c>
      <c r="AM22682">
        <v>14</v>
      </c>
      <c r="AN22682">
        <v>14</v>
      </c>
      <c r="AO22682">
        <v>14</v>
      </c>
      <c r="AP22682">
        <v>14</v>
      </c>
      <c r="AQ22682">
        <v>14</v>
      </c>
    </row>
    <row r="22683" spans="1:43">
      <c r="A22683" t="s">
        <v>14051</v>
      </c>
      <c r="B22683" t="s">
        <v>14052</v>
      </c>
      <c r="C22683" t="s">
        <v>14043</v>
      </c>
      <c r="D22683" t="s">
        <v>14044</v>
      </c>
      <c r="E22683" t="s">
        <v>14015</v>
      </c>
      <c r="F22683" t="s">
        <v>14016</v>
      </c>
      <c r="G22683" t="s">
        <v>10734</v>
      </c>
      <c r="H22683" t="s">
        <v>10735</v>
      </c>
      <c r="I22683" s="2">
        <v>0</v>
      </c>
      <c r="J22683" s="2">
        <v>0</v>
      </c>
      <c r="K22683" s="2">
        <v>1</v>
      </c>
      <c r="L22683" t="s">
        <v>995</v>
      </c>
      <c r="M22683" t="s">
        <v>87</v>
      </c>
      <c r="N22683" t="s">
        <v>88</v>
      </c>
      <c r="O22683" t="s">
        <v>85</v>
      </c>
      <c r="P22683" t="s">
        <v>86</v>
      </c>
      <c r="Q22683">
        <v>10</v>
      </c>
      <c r="R22683">
        <v>10</v>
      </c>
      <c r="S22683">
        <v>10</v>
      </c>
      <c r="T22683">
        <v>10</v>
      </c>
      <c r="U22683">
        <v>10</v>
      </c>
      <c r="V22683">
        <v>11</v>
      </c>
      <c r="W22683">
        <v>11</v>
      </c>
      <c r="X22683">
        <v>11</v>
      </c>
      <c r="Y22683">
        <v>11</v>
      </c>
      <c r="Z22683">
        <v>11</v>
      </c>
      <c r="AA22683">
        <v>11</v>
      </c>
      <c r="AB22683">
        <v>11</v>
      </c>
      <c r="AC22683">
        <v>11</v>
      </c>
      <c r="AD22683">
        <v>11</v>
      </c>
      <c r="AE22683">
        <v>11</v>
      </c>
      <c r="AF22683">
        <v>11</v>
      </c>
      <c r="AG22683">
        <v>11</v>
      </c>
      <c r="AH22683">
        <v>11</v>
      </c>
      <c r="AI22683">
        <v>11</v>
      </c>
      <c r="AJ22683">
        <v>12</v>
      </c>
      <c r="AK22683">
        <v>12</v>
      </c>
      <c r="AL22683">
        <v>12</v>
      </c>
      <c r="AM22683">
        <v>12</v>
      </c>
      <c r="AN22683">
        <v>12</v>
      </c>
      <c r="AO22683">
        <v>12</v>
      </c>
      <c r="AP22683">
        <v>12</v>
      </c>
      <c r="AQ22683">
        <v>12</v>
      </c>
    </row>
    <row r="22684" spans="1:43">
      <c r="A22684" t="s">
        <v>14051</v>
      </c>
      <c r="B22684" t="s">
        <v>14052</v>
      </c>
      <c r="C22684" t="s">
        <v>14043</v>
      </c>
      <c r="D22684" t="s">
        <v>14044</v>
      </c>
      <c r="E22684" t="s">
        <v>14015</v>
      </c>
      <c r="F22684" t="s">
        <v>14016</v>
      </c>
      <c r="G22684" t="s">
        <v>10734</v>
      </c>
      <c r="H22684" t="s">
        <v>10735</v>
      </c>
      <c r="I22684" s="2">
        <v>0</v>
      </c>
      <c r="J22684" s="2">
        <v>0</v>
      </c>
      <c r="K22684" s="2">
        <v>1</v>
      </c>
      <c r="L22684" t="s">
        <v>995</v>
      </c>
      <c r="M22684" t="s">
        <v>89</v>
      </c>
      <c r="N22684" t="s">
        <v>90</v>
      </c>
      <c r="O22684" t="s">
        <v>85</v>
      </c>
      <c r="P22684" t="s">
        <v>86</v>
      </c>
      <c r="Q22684">
        <v>10</v>
      </c>
      <c r="R22684">
        <v>11</v>
      </c>
      <c r="S22684">
        <v>11</v>
      </c>
      <c r="T22684">
        <v>11</v>
      </c>
      <c r="U22684">
        <v>11</v>
      </c>
      <c r="V22684">
        <v>12</v>
      </c>
      <c r="W22684">
        <v>12</v>
      </c>
      <c r="X22684">
        <v>12</v>
      </c>
      <c r="Y22684">
        <v>12</v>
      </c>
      <c r="Z22684">
        <v>13</v>
      </c>
      <c r="AA22684">
        <v>13</v>
      </c>
      <c r="AB22684">
        <v>13</v>
      </c>
      <c r="AC22684">
        <v>13</v>
      </c>
      <c r="AD22684">
        <v>13</v>
      </c>
      <c r="AE22684">
        <v>14</v>
      </c>
      <c r="AF22684">
        <v>14</v>
      </c>
      <c r="AG22684">
        <v>14</v>
      </c>
      <c r="AH22684">
        <v>14</v>
      </c>
      <c r="AI22684">
        <v>14</v>
      </c>
      <c r="AJ22684">
        <v>14</v>
      </c>
      <c r="AK22684">
        <v>14</v>
      </c>
      <c r="AL22684">
        <v>14</v>
      </c>
      <c r="AM22684">
        <v>14</v>
      </c>
      <c r="AN22684">
        <v>14</v>
      </c>
      <c r="AO22684">
        <v>14</v>
      </c>
      <c r="AP22684">
        <v>14</v>
      </c>
      <c r="AQ22684">
        <v>14</v>
      </c>
    </row>
    <row r="22685" spans="1:43">
      <c r="A22685" t="s">
        <v>14051</v>
      </c>
      <c r="B22685" t="s">
        <v>14052</v>
      </c>
      <c r="C22685" t="s">
        <v>14043</v>
      </c>
      <c r="D22685" t="s">
        <v>14044</v>
      </c>
      <c r="E22685" t="s">
        <v>14015</v>
      </c>
      <c r="F22685" t="s">
        <v>14016</v>
      </c>
      <c r="G22685" t="s">
        <v>10734</v>
      </c>
      <c r="H22685" t="s">
        <v>10735</v>
      </c>
      <c r="I22685" s="2">
        <v>0</v>
      </c>
      <c r="J22685" s="2">
        <v>0</v>
      </c>
      <c r="K22685" s="2">
        <v>1</v>
      </c>
      <c r="L22685" t="s">
        <v>995</v>
      </c>
      <c r="M22685" t="s">
        <v>83</v>
      </c>
      <c r="N22685" t="s">
        <v>91</v>
      </c>
      <c r="O22685" t="s">
        <v>85</v>
      </c>
      <c r="P22685" t="s">
        <v>86</v>
      </c>
      <c r="Q22685">
        <v>10</v>
      </c>
      <c r="R22685">
        <v>10</v>
      </c>
      <c r="S22685">
        <v>11</v>
      </c>
      <c r="T22685">
        <v>11</v>
      </c>
      <c r="U22685">
        <v>11</v>
      </c>
      <c r="V22685">
        <v>11</v>
      </c>
      <c r="W22685">
        <v>11</v>
      </c>
      <c r="X22685">
        <v>11</v>
      </c>
      <c r="Y22685">
        <v>12</v>
      </c>
      <c r="Z22685">
        <v>12</v>
      </c>
      <c r="AA22685">
        <v>12</v>
      </c>
      <c r="AB22685">
        <v>12</v>
      </c>
      <c r="AC22685">
        <v>12</v>
      </c>
      <c r="AD22685">
        <v>12</v>
      </c>
      <c r="AE22685">
        <v>13</v>
      </c>
      <c r="AF22685">
        <v>13</v>
      </c>
      <c r="AG22685">
        <v>13</v>
      </c>
      <c r="AH22685">
        <v>13</v>
      </c>
      <c r="AI22685">
        <v>13</v>
      </c>
      <c r="AJ22685">
        <v>13</v>
      </c>
      <c r="AK22685">
        <v>14</v>
      </c>
      <c r="AL22685">
        <v>14</v>
      </c>
      <c r="AM22685">
        <v>14</v>
      </c>
      <c r="AN22685">
        <v>14</v>
      </c>
      <c r="AO22685">
        <v>14</v>
      </c>
      <c r="AP22685">
        <v>14</v>
      </c>
      <c r="AQ22685">
        <v>14</v>
      </c>
    </row>
    <row r="22686" spans="1:43">
      <c r="A22686" t="s">
        <v>14053</v>
      </c>
      <c r="B22686" t="s">
        <v>14054</v>
      </c>
      <c r="C22686" t="s">
        <v>14043</v>
      </c>
      <c r="D22686" t="s">
        <v>14044</v>
      </c>
      <c r="E22686" t="s">
        <v>14015</v>
      </c>
      <c r="F22686" t="s">
        <v>14016</v>
      </c>
      <c r="G22686" t="s">
        <v>10734</v>
      </c>
      <c r="H22686" t="s">
        <v>10735</v>
      </c>
      <c r="I22686" s="2">
        <v>0</v>
      </c>
      <c r="J22686" s="2">
        <v>0</v>
      </c>
      <c r="K22686" s="2">
        <v>1</v>
      </c>
      <c r="L22686" t="s">
        <v>995</v>
      </c>
      <c r="M22686" t="s">
        <v>83</v>
      </c>
      <c r="N22686" t="s">
        <v>84</v>
      </c>
      <c r="O22686" t="s">
        <v>85</v>
      </c>
      <c r="P22686" t="s">
        <v>86</v>
      </c>
      <c r="Q22686">
        <v>150</v>
      </c>
      <c r="R22686">
        <v>153</v>
      </c>
      <c r="S22686">
        <v>155</v>
      </c>
      <c r="T22686">
        <v>158</v>
      </c>
      <c r="U22686">
        <v>160</v>
      </c>
      <c r="V22686">
        <v>163</v>
      </c>
      <c r="W22686">
        <v>165</v>
      </c>
      <c r="X22686">
        <v>168</v>
      </c>
      <c r="Y22686">
        <v>170</v>
      </c>
      <c r="Z22686">
        <v>173</v>
      </c>
      <c r="AA22686">
        <v>175</v>
      </c>
      <c r="AB22686">
        <v>178</v>
      </c>
      <c r="AC22686">
        <v>180</v>
      </c>
      <c r="AD22686">
        <v>182</v>
      </c>
      <c r="AE22686">
        <v>184</v>
      </c>
      <c r="AF22686">
        <v>187</v>
      </c>
      <c r="AG22686">
        <v>189</v>
      </c>
      <c r="AH22686">
        <v>191</v>
      </c>
      <c r="AI22686">
        <v>193</v>
      </c>
      <c r="AJ22686">
        <v>196</v>
      </c>
      <c r="AK22686">
        <v>198</v>
      </c>
      <c r="AL22686">
        <v>199</v>
      </c>
      <c r="AM22686">
        <v>199</v>
      </c>
      <c r="AN22686">
        <v>200</v>
      </c>
      <c r="AO22686">
        <v>200</v>
      </c>
      <c r="AP22686">
        <v>201</v>
      </c>
      <c r="AQ22686">
        <v>201</v>
      </c>
    </row>
    <row r="22687" spans="1:43">
      <c r="A22687" t="s">
        <v>14053</v>
      </c>
      <c r="B22687" t="s">
        <v>14054</v>
      </c>
      <c r="C22687" t="s">
        <v>14043</v>
      </c>
      <c r="D22687" t="s">
        <v>14044</v>
      </c>
      <c r="E22687" t="s">
        <v>14015</v>
      </c>
      <c r="F22687" t="s">
        <v>14016</v>
      </c>
      <c r="G22687" t="s">
        <v>10734</v>
      </c>
      <c r="H22687" t="s">
        <v>10735</v>
      </c>
      <c r="I22687" s="2">
        <v>0</v>
      </c>
      <c r="J22687" s="2">
        <v>0</v>
      </c>
      <c r="K22687" s="2">
        <v>1</v>
      </c>
      <c r="L22687" t="s">
        <v>995</v>
      </c>
      <c r="M22687" t="s">
        <v>87</v>
      </c>
      <c r="N22687" t="s">
        <v>88</v>
      </c>
      <c r="O22687" t="s">
        <v>85</v>
      </c>
      <c r="P22687" t="s">
        <v>86</v>
      </c>
      <c r="Q22687">
        <v>150</v>
      </c>
      <c r="R22687">
        <v>151</v>
      </c>
      <c r="S22687">
        <v>152</v>
      </c>
      <c r="T22687">
        <v>153</v>
      </c>
      <c r="U22687">
        <v>154</v>
      </c>
      <c r="V22687">
        <v>155</v>
      </c>
      <c r="W22687">
        <v>156</v>
      </c>
      <c r="X22687">
        <v>157</v>
      </c>
      <c r="Y22687">
        <v>159</v>
      </c>
      <c r="Z22687">
        <v>160</v>
      </c>
      <c r="AA22687">
        <v>161</v>
      </c>
      <c r="AB22687">
        <v>162</v>
      </c>
      <c r="AC22687">
        <v>163</v>
      </c>
      <c r="AD22687">
        <v>164</v>
      </c>
      <c r="AE22687">
        <v>165</v>
      </c>
      <c r="AF22687">
        <v>165</v>
      </c>
      <c r="AG22687">
        <v>166</v>
      </c>
      <c r="AH22687">
        <v>167</v>
      </c>
      <c r="AI22687">
        <v>168</v>
      </c>
      <c r="AJ22687">
        <v>169</v>
      </c>
      <c r="AK22687">
        <v>170</v>
      </c>
      <c r="AL22687">
        <v>171</v>
      </c>
      <c r="AM22687">
        <v>172</v>
      </c>
      <c r="AN22687">
        <v>173</v>
      </c>
      <c r="AO22687">
        <v>174</v>
      </c>
      <c r="AP22687">
        <v>174</v>
      </c>
      <c r="AQ22687">
        <v>175</v>
      </c>
    </row>
    <row r="22688" spans="1:43">
      <c r="A22688" t="s">
        <v>14053</v>
      </c>
      <c r="B22688" t="s">
        <v>14054</v>
      </c>
      <c r="C22688" t="s">
        <v>14043</v>
      </c>
      <c r="D22688" t="s">
        <v>14044</v>
      </c>
      <c r="E22688" t="s">
        <v>14015</v>
      </c>
      <c r="F22688" t="s">
        <v>14016</v>
      </c>
      <c r="G22688" t="s">
        <v>10734</v>
      </c>
      <c r="H22688" t="s">
        <v>10735</v>
      </c>
      <c r="I22688" s="2">
        <v>0</v>
      </c>
      <c r="J22688" s="2">
        <v>0</v>
      </c>
      <c r="K22688" s="2">
        <v>1</v>
      </c>
      <c r="L22688" t="s">
        <v>995</v>
      </c>
      <c r="M22688" t="s">
        <v>89</v>
      </c>
      <c r="N22688" t="s">
        <v>90</v>
      </c>
      <c r="O22688" t="s">
        <v>85</v>
      </c>
      <c r="P22688" t="s">
        <v>86</v>
      </c>
      <c r="Q22688">
        <v>150</v>
      </c>
      <c r="R22688">
        <v>154</v>
      </c>
      <c r="S22688">
        <v>157</v>
      </c>
      <c r="T22688">
        <v>161</v>
      </c>
      <c r="U22688">
        <v>165</v>
      </c>
      <c r="V22688">
        <v>168</v>
      </c>
      <c r="W22688">
        <v>172</v>
      </c>
      <c r="X22688">
        <v>175</v>
      </c>
      <c r="Y22688">
        <v>178</v>
      </c>
      <c r="Z22688">
        <v>181</v>
      </c>
      <c r="AA22688">
        <v>184</v>
      </c>
      <c r="AB22688">
        <v>187</v>
      </c>
      <c r="AC22688">
        <v>191</v>
      </c>
      <c r="AD22688">
        <v>193</v>
      </c>
      <c r="AE22688">
        <v>196</v>
      </c>
      <c r="AF22688">
        <v>196</v>
      </c>
      <c r="AG22688">
        <v>197</v>
      </c>
      <c r="AH22688">
        <v>197</v>
      </c>
      <c r="AI22688">
        <v>198</v>
      </c>
      <c r="AJ22688">
        <v>198</v>
      </c>
      <c r="AK22688">
        <v>199</v>
      </c>
      <c r="AL22688">
        <v>199</v>
      </c>
      <c r="AM22688">
        <v>200</v>
      </c>
      <c r="AN22688">
        <v>200</v>
      </c>
      <c r="AO22688">
        <v>201</v>
      </c>
      <c r="AP22688">
        <v>201</v>
      </c>
      <c r="AQ22688">
        <v>201</v>
      </c>
    </row>
    <row r="22689" spans="1:43">
      <c r="A22689" t="s">
        <v>14053</v>
      </c>
      <c r="B22689" t="s">
        <v>14054</v>
      </c>
      <c r="C22689" t="s">
        <v>14043</v>
      </c>
      <c r="D22689" t="s">
        <v>14044</v>
      </c>
      <c r="E22689" t="s">
        <v>14015</v>
      </c>
      <c r="F22689" t="s">
        <v>14016</v>
      </c>
      <c r="G22689" t="s">
        <v>10734</v>
      </c>
      <c r="H22689" t="s">
        <v>10735</v>
      </c>
      <c r="I22689" s="2">
        <v>0</v>
      </c>
      <c r="J22689" s="2">
        <v>0</v>
      </c>
      <c r="K22689" s="2">
        <v>1</v>
      </c>
      <c r="L22689" t="s">
        <v>995</v>
      </c>
      <c r="M22689" t="s">
        <v>83</v>
      </c>
      <c r="N22689" t="s">
        <v>91</v>
      </c>
      <c r="O22689" t="s">
        <v>85</v>
      </c>
      <c r="P22689" t="s">
        <v>86</v>
      </c>
      <c r="Q22689">
        <v>150</v>
      </c>
      <c r="R22689">
        <v>153</v>
      </c>
      <c r="S22689">
        <v>155</v>
      </c>
      <c r="T22689">
        <v>158</v>
      </c>
      <c r="U22689">
        <v>160</v>
      </c>
      <c r="V22689">
        <v>163</v>
      </c>
      <c r="W22689">
        <v>165</v>
      </c>
      <c r="X22689">
        <v>168</v>
      </c>
      <c r="Y22689">
        <v>170</v>
      </c>
      <c r="Z22689">
        <v>173</v>
      </c>
      <c r="AA22689">
        <v>175</v>
      </c>
      <c r="AB22689">
        <v>178</v>
      </c>
      <c r="AC22689">
        <v>180</v>
      </c>
      <c r="AD22689">
        <v>182</v>
      </c>
      <c r="AE22689">
        <v>184</v>
      </c>
      <c r="AF22689">
        <v>187</v>
      </c>
      <c r="AG22689">
        <v>189</v>
      </c>
      <c r="AH22689">
        <v>191</v>
      </c>
      <c r="AI22689">
        <v>193</v>
      </c>
      <c r="AJ22689">
        <v>196</v>
      </c>
      <c r="AK22689">
        <v>198</v>
      </c>
      <c r="AL22689">
        <v>199</v>
      </c>
      <c r="AM22689">
        <v>199</v>
      </c>
      <c r="AN22689">
        <v>200</v>
      </c>
      <c r="AO22689">
        <v>200</v>
      </c>
      <c r="AP22689">
        <v>201</v>
      </c>
      <c r="AQ22689">
        <v>201</v>
      </c>
    </row>
    <row r="22690" spans="1:43">
      <c r="A22690" t="s">
        <v>14055</v>
      </c>
      <c r="B22690" t="s">
        <v>14056</v>
      </c>
      <c r="C22690" t="s">
        <v>14057</v>
      </c>
      <c r="D22690" t="s">
        <v>14058</v>
      </c>
      <c r="E22690" t="s">
        <v>14015</v>
      </c>
      <c r="F22690" t="s">
        <v>14016</v>
      </c>
      <c r="G22690" t="s">
        <v>10734</v>
      </c>
      <c r="H22690" t="s">
        <v>10735</v>
      </c>
      <c r="I22690" s="2">
        <v>0</v>
      </c>
      <c r="J22690" s="2">
        <v>0</v>
      </c>
      <c r="K22690" s="2">
        <v>1</v>
      </c>
      <c r="L22690" t="s">
        <v>995</v>
      </c>
      <c r="M22690" t="s">
        <v>83</v>
      </c>
      <c r="N22690" t="s">
        <v>84</v>
      </c>
      <c r="O22690" t="s">
        <v>85</v>
      </c>
      <c r="P22690" t="s">
        <v>86</v>
      </c>
      <c r="Q22690">
        <v>36</v>
      </c>
      <c r="R22690">
        <v>36</v>
      </c>
      <c r="S22690">
        <v>37</v>
      </c>
      <c r="T22690">
        <v>37</v>
      </c>
      <c r="U22690">
        <v>38</v>
      </c>
      <c r="V22690">
        <v>39</v>
      </c>
      <c r="W22690">
        <v>39</v>
      </c>
      <c r="X22690">
        <v>40</v>
      </c>
      <c r="Y22690">
        <v>40</v>
      </c>
      <c r="Z22690">
        <v>41</v>
      </c>
      <c r="AA22690">
        <v>41</v>
      </c>
      <c r="AB22690">
        <v>42</v>
      </c>
      <c r="AC22690">
        <v>43</v>
      </c>
      <c r="AD22690">
        <v>43</v>
      </c>
      <c r="AE22690">
        <v>44</v>
      </c>
      <c r="AF22690">
        <v>44</v>
      </c>
      <c r="AG22690">
        <v>45</v>
      </c>
      <c r="AH22690">
        <v>45</v>
      </c>
      <c r="AI22690">
        <v>46</v>
      </c>
      <c r="AJ22690">
        <v>46</v>
      </c>
      <c r="AK22690">
        <v>47</v>
      </c>
      <c r="AL22690">
        <v>47</v>
      </c>
      <c r="AM22690">
        <v>47</v>
      </c>
      <c r="AN22690">
        <v>47</v>
      </c>
      <c r="AO22690">
        <v>47</v>
      </c>
      <c r="AP22690">
        <v>47</v>
      </c>
      <c r="AQ22690">
        <v>47</v>
      </c>
    </row>
    <row r="22691" spans="1:43">
      <c r="A22691" t="s">
        <v>14055</v>
      </c>
      <c r="B22691" t="s">
        <v>14056</v>
      </c>
      <c r="C22691" t="s">
        <v>14057</v>
      </c>
      <c r="D22691" t="s">
        <v>14058</v>
      </c>
      <c r="E22691" t="s">
        <v>14015</v>
      </c>
      <c r="F22691" t="s">
        <v>14016</v>
      </c>
      <c r="G22691" t="s">
        <v>10734</v>
      </c>
      <c r="H22691" t="s">
        <v>10735</v>
      </c>
      <c r="I22691" s="2">
        <v>0</v>
      </c>
      <c r="J22691" s="2">
        <v>0</v>
      </c>
      <c r="K22691" s="2">
        <v>1</v>
      </c>
      <c r="L22691" t="s">
        <v>995</v>
      </c>
      <c r="M22691" t="s">
        <v>87</v>
      </c>
      <c r="N22691" t="s">
        <v>88</v>
      </c>
      <c r="O22691" t="s">
        <v>85</v>
      </c>
      <c r="P22691" t="s">
        <v>86</v>
      </c>
      <c r="Q22691">
        <v>36</v>
      </c>
      <c r="R22691">
        <v>37</v>
      </c>
      <c r="S22691">
        <v>37</v>
      </c>
      <c r="T22691">
        <v>37</v>
      </c>
      <c r="U22691">
        <v>37</v>
      </c>
      <c r="V22691">
        <v>38</v>
      </c>
      <c r="W22691">
        <v>38</v>
      </c>
      <c r="X22691">
        <v>38</v>
      </c>
      <c r="Y22691">
        <v>38</v>
      </c>
      <c r="Z22691">
        <v>38</v>
      </c>
      <c r="AA22691">
        <v>39</v>
      </c>
      <c r="AB22691">
        <v>39</v>
      </c>
      <c r="AC22691">
        <v>39</v>
      </c>
      <c r="AD22691">
        <v>39</v>
      </c>
      <c r="AE22691">
        <v>40</v>
      </c>
      <c r="AF22691">
        <v>40</v>
      </c>
      <c r="AG22691">
        <v>40</v>
      </c>
      <c r="AH22691">
        <v>40</v>
      </c>
      <c r="AI22691">
        <v>40</v>
      </c>
      <c r="AJ22691">
        <v>41</v>
      </c>
      <c r="AK22691">
        <v>41</v>
      </c>
      <c r="AL22691">
        <v>41</v>
      </c>
      <c r="AM22691">
        <v>41</v>
      </c>
      <c r="AN22691">
        <v>41</v>
      </c>
      <c r="AO22691">
        <v>42</v>
      </c>
      <c r="AP22691">
        <v>42</v>
      </c>
      <c r="AQ22691">
        <v>42</v>
      </c>
    </row>
    <row r="22692" spans="1:43">
      <c r="A22692" t="s">
        <v>14055</v>
      </c>
      <c r="B22692" t="s">
        <v>14056</v>
      </c>
      <c r="C22692" t="s">
        <v>14057</v>
      </c>
      <c r="D22692" t="s">
        <v>14058</v>
      </c>
      <c r="E22692" t="s">
        <v>14015</v>
      </c>
      <c r="F22692" t="s">
        <v>14016</v>
      </c>
      <c r="G22692" t="s">
        <v>10734</v>
      </c>
      <c r="H22692" t="s">
        <v>10735</v>
      </c>
      <c r="I22692" s="2">
        <v>0</v>
      </c>
      <c r="J22692" s="2">
        <v>0</v>
      </c>
      <c r="K22692" s="2">
        <v>1</v>
      </c>
      <c r="L22692" t="s">
        <v>995</v>
      </c>
      <c r="M22692" t="s">
        <v>89</v>
      </c>
      <c r="N22692" t="s">
        <v>90</v>
      </c>
      <c r="O22692" t="s">
        <v>85</v>
      </c>
      <c r="P22692" t="s">
        <v>86</v>
      </c>
      <c r="Q22692">
        <v>36</v>
      </c>
      <c r="R22692">
        <v>37</v>
      </c>
      <c r="S22692">
        <v>38</v>
      </c>
      <c r="T22692">
        <v>39</v>
      </c>
      <c r="U22692">
        <v>40</v>
      </c>
      <c r="V22692">
        <v>40</v>
      </c>
      <c r="W22692">
        <v>41</v>
      </c>
      <c r="X22692">
        <v>42</v>
      </c>
      <c r="Y22692">
        <v>43</v>
      </c>
      <c r="Z22692">
        <v>43</v>
      </c>
      <c r="AA22692">
        <v>44</v>
      </c>
      <c r="AB22692">
        <v>45</v>
      </c>
      <c r="AC22692">
        <v>45</v>
      </c>
      <c r="AD22692">
        <v>46</v>
      </c>
      <c r="AE22692">
        <v>47</v>
      </c>
      <c r="AF22692">
        <v>47</v>
      </c>
      <c r="AG22692">
        <v>47</v>
      </c>
      <c r="AH22692">
        <v>47</v>
      </c>
      <c r="AI22692">
        <v>47</v>
      </c>
      <c r="AJ22692">
        <v>47</v>
      </c>
      <c r="AK22692">
        <v>47</v>
      </c>
      <c r="AL22692">
        <v>47</v>
      </c>
      <c r="AM22692">
        <v>47</v>
      </c>
      <c r="AN22692">
        <v>47</v>
      </c>
      <c r="AO22692">
        <v>47</v>
      </c>
      <c r="AP22692">
        <v>47</v>
      </c>
      <c r="AQ22692">
        <v>48</v>
      </c>
    </row>
    <row r="22693" spans="1:43">
      <c r="A22693" t="s">
        <v>14055</v>
      </c>
      <c r="B22693" t="s">
        <v>14056</v>
      </c>
      <c r="C22693" t="s">
        <v>14057</v>
      </c>
      <c r="D22693" t="s">
        <v>14058</v>
      </c>
      <c r="E22693" t="s">
        <v>14015</v>
      </c>
      <c r="F22693" t="s">
        <v>14016</v>
      </c>
      <c r="G22693" t="s">
        <v>10734</v>
      </c>
      <c r="H22693" t="s">
        <v>10735</v>
      </c>
      <c r="I22693" s="2">
        <v>0</v>
      </c>
      <c r="J22693" s="2">
        <v>0</v>
      </c>
      <c r="K22693" s="2">
        <v>1</v>
      </c>
      <c r="L22693" t="s">
        <v>995</v>
      </c>
      <c r="M22693" t="s">
        <v>83</v>
      </c>
      <c r="N22693" t="s">
        <v>91</v>
      </c>
      <c r="O22693" t="s">
        <v>85</v>
      </c>
      <c r="P22693" t="s">
        <v>86</v>
      </c>
      <c r="Q22693">
        <v>36</v>
      </c>
      <c r="R22693">
        <v>36</v>
      </c>
      <c r="S22693">
        <v>37</v>
      </c>
      <c r="T22693">
        <v>37</v>
      </c>
      <c r="U22693">
        <v>38</v>
      </c>
      <c r="V22693">
        <v>39</v>
      </c>
      <c r="W22693">
        <v>39</v>
      </c>
      <c r="X22693">
        <v>40</v>
      </c>
      <c r="Y22693">
        <v>40</v>
      </c>
      <c r="Z22693">
        <v>41</v>
      </c>
      <c r="AA22693">
        <v>41</v>
      </c>
      <c r="AB22693">
        <v>42</v>
      </c>
      <c r="AC22693">
        <v>43</v>
      </c>
      <c r="AD22693">
        <v>43</v>
      </c>
      <c r="AE22693">
        <v>44</v>
      </c>
      <c r="AF22693">
        <v>44</v>
      </c>
      <c r="AG22693">
        <v>45</v>
      </c>
      <c r="AH22693">
        <v>45</v>
      </c>
      <c r="AI22693">
        <v>46</v>
      </c>
      <c r="AJ22693">
        <v>46</v>
      </c>
      <c r="AK22693">
        <v>47</v>
      </c>
      <c r="AL22693">
        <v>47</v>
      </c>
      <c r="AM22693">
        <v>47</v>
      </c>
      <c r="AN22693">
        <v>47</v>
      </c>
      <c r="AO22693">
        <v>47</v>
      </c>
      <c r="AP22693">
        <v>47</v>
      </c>
      <c r="AQ22693">
        <v>47</v>
      </c>
    </row>
    <row r="22694" spans="1:43">
      <c r="A22694" t="s">
        <v>14059</v>
      </c>
      <c r="B22694" t="s">
        <v>14060</v>
      </c>
      <c r="C22694" t="s">
        <v>14057</v>
      </c>
      <c r="D22694" t="s">
        <v>14058</v>
      </c>
      <c r="E22694" t="s">
        <v>14015</v>
      </c>
      <c r="F22694" t="s">
        <v>14016</v>
      </c>
      <c r="G22694" t="s">
        <v>10734</v>
      </c>
      <c r="H22694" t="s">
        <v>10735</v>
      </c>
      <c r="I22694" s="2">
        <v>0</v>
      </c>
      <c r="J22694" s="2">
        <v>0</v>
      </c>
      <c r="K22694" s="2">
        <v>1</v>
      </c>
      <c r="L22694" t="s">
        <v>995</v>
      </c>
      <c r="M22694" t="s">
        <v>83</v>
      </c>
      <c r="N22694" t="s">
        <v>84</v>
      </c>
      <c r="O22694" t="s">
        <v>85</v>
      </c>
      <c r="P22694" t="s">
        <v>86</v>
      </c>
      <c r="Q22694">
        <v>48</v>
      </c>
      <c r="R22694">
        <v>49</v>
      </c>
      <c r="S22694">
        <v>49</v>
      </c>
      <c r="T22694">
        <v>50</v>
      </c>
      <c r="U22694">
        <v>51</v>
      </c>
      <c r="V22694">
        <v>52</v>
      </c>
      <c r="W22694">
        <v>52</v>
      </c>
      <c r="X22694">
        <v>53</v>
      </c>
      <c r="Y22694">
        <v>54</v>
      </c>
      <c r="Z22694">
        <v>55</v>
      </c>
      <c r="AA22694">
        <v>56</v>
      </c>
      <c r="AB22694">
        <v>56</v>
      </c>
      <c r="AC22694">
        <v>57</v>
      </c>
      <c r="AD22694">
        <v>58</v>
      </c>
      <c r="AE22694">
        <v>58</v>
      </c>
      <c r="AF22694">
        <v>59</v>
      </c>
      <c r="AG22694">
        <v>60</v>
      </c>
      <c r="AH22694">
        <v>60</v>
      </c>
      <c r="AI22694">
        <v>61</v>
      </c>
      <c r="AJ22694">
        <v>62</v>
      </c>
      <c r="AK22694">
        <v>62</v>
      </c>
      <c r="AL22694">
        <v>63</v>
      </c>
      <c r="AM22694">
        <v>63</v>
      </c>
      <c r="AN22694">
        <v>63</v>
      </c>
      <c r="AO22694">
        <v>63</v>
      </c>
      <c r="AP22694">
        <v>63</v>
      </c>
      <c r="AQ22694">
        <v>63</v>
      </c>
    </row>
    <row r="22695" spans="1:43">
      <c r="A22695" t="s">
        <v>14059</v>
      </c>
      <c r="B22695" t="s">
        <v>14060</v>
      </c>
      <c r="C22695" t="s">
        <v>14057</v>
      </c>
      <c r="D22695" t="s">
        <v>14058</v>
      </c>
      <c r="E22695" t="s">
        <v>14015</v>
      </c>
      <c r="F22695" t="s">
        <v>14016</v>
      </c>
      <c r="G22695" t="s">
        <v>10734</v>
      </c>
      <c r="H22695" t="s">
        <v>10735</v>
      </c>
      <c r="I22695" s="2">
        <v>0</v>
      </c>
      <c r="J22695" s="2">
        <v>0</v>
      </c>
      <c r="K22695" s="2">
        <v>1</v>
      </c>
      <c r="L22695" t="s">
        <v>995</v>
      </c>
      <c r="M22695" t="s">
        <v>87</v>
      </c>
      <c r="N22695" t="s">
        <v>88</v>
      </c>
      <c r="O22695" t="s">
        <v>85</v>
      </c>
      <c r="P22695" t="s">
        <v>86</v>
      </c>
      <c r="Q22695">
        <v>48</v>
      </c>
      <c r="R22695">
        <v>49</v>
      </c>
      <c r="S22695">
        <v>49</v>
      </c>
      <c r="T22695">
        <v>49</v>
      </c>
      <c r="U22695">
        <v>50</v>
      </c>
      <c r="V22695">
        <v>50</v>
      </c>
      <c r="W22695">
        <v>50</v>
      </c>
      <c r="X22695">
        <v>51</v>
      </c>
      <c r="Y22695">
        <v>51</v>
      </c>
      <c r="Z22695">
        <v>51</v>
      </c>
      <c r="AA22695">
        <v>52</v>
      </c>
      <c r="AB22695">
        <v>52</v>
      </c>
      <c r="AC22695">
        <v>52</v>
      </c>
      <c r="AD22695">
        <v>52</v>
      </c>
      <c r="AE22695">
        <v>53</v>
      </c>
      <c r="AF22695">
        <v>53</v>
      </c>
      <c r="AG22695">
        <v>53</v>
      </c>
      <c r="AH22695">
        <v>54</v>
      </c>
      <c r="AI22695">
        <v>54</v>
      </c>
      <c r="AJ22695">
        <v>54</v>
      </c>
      <c r="AK22695">
        <v>54</v>
      </c>
      <c r="AL22695">
        <v>55</v>
      </c>
      <c r="AM22695">
        <v>55</v>
      </c>
      <c r="AN22695">
        <v>55</v>
      </c>
      <c r="AO22695">
        <v>55</v>
      </c>
      <c r="AP22695">
        <v>56</v>
      </c>
      <c r="AQ22695">
        <v>56</v>
      </c>
    </row>
    <row r="22696" spans="1:43">
      <c r="A22696" t="s">
        <v>14059</v>
      </c>
      <c r="B22696" t="s">
        <v>14060</v>
      </c>
      <c r="C22696" t="s">
        <v>14057</v>
      </c>
      <c r="D22696" t="s">
        <v>14058</v>
      </c>
      <c r="E22696" t="s">
        <v>14015</v>
      </c>
      <c r="F22696" t="s">
        <v>14016</v>
      </c>
      <c r="G22696" t="s">
        <v>10734</v>
      </c>
      <c r="H22696" t="s">
        <v>10735</v>
      </c>
      <c r="I22696" s="2">
        <v>0</v>
      </c>
      <c r="J22696" s="2">
        <v>0</v>
      </c>
      <c r="K22696" s="2">
        <v>1</v>
      </c>
      <c r="L22696" t="s">
        <v>995</v>
      </c>
      <c r="M22696" t="s">
        <v>89</v>
      </c>
      <c r="N22696" t="s">
        <v>90</v>
      </c>
      <c r="O22696" t="s">
        <v>85</v>
      </c>
      <c r="P22696" t="s">
        <v>86</v>
      </c>
      <c r="Q22696">
        <v>48</v>
      </c>
      <c r="R22696">
        <v>49</v>
      </c>
      <c r="S22696">
        <v>51</v>
      </c>
      <c r="T22696">
        <v>52</v>
      </c>
      <c r="U22696">
        <v>53</v>
      </c>
      <c r="V22696">
        <v>54</v>
      </c>
      <c r="W22696">
        <v>55</v>
      </c>
      <c r="X22696">
        <v>56</v>
      </c>
      <c r="Y22696">
        <v>57</v>
      </c>
      <c r="Z22696">
        <v>58</v>
      </c>
      <c r="AA22696">
        <v>59</v>
      </c>
      <c r="AB22696">
        <v>60</v>
      </c>
      <c r="AC22696">
        <v>61</v>
      </c>
      <c r="AD22696">
        <v>62</v>
      </c>
      <c r="AE22696">
        <v>62</v>
      </c>
      <c r="AF22696">
        <v>63</v>
      </c>
      <c r="AG22696">
        <v>63</v>
      </c>
      <c r="AH22696">
        <v>63</v>
      </c>
      <c r="AI22696">
        <v>63</v>
      </c>
      <c r="AJ22696">
        <v>63</v>
      </c>
      <c r="AK22696">
        <v>63</v>
      </c>
      <c r="AL22696">
        <v>63</v>
      </c>
      <c r="AM22696">
        <v>63</v>
      </c>
      <c r="AN22696">
        <v>63</v>
      </c>
      <c r="AO22696">
        <v>63</v>
      </c>
      <c r="AP22696">
        <v>63</v>
      </c>
      <c r="AQ22696">
        <v>63</v>
      </c>
    </row>
    <row r="22697" spans="1:43">
      <c r="A22697" t="s">
        <v>14059</v>
      </c>
      <c r="B22697" t="s">
        <v>14060</v>
      </c>
      <c r="C22697" t="s">
        <v>14057</v>
      </c>
      <c r="D22697" t="s">
        <v>14058</v>
      </c>
      <c r="E22697" t="s">
        <v>14015</v>
      </c>
      <c r="F22697" t="s">
        <v>14016</v>
      </c>
      <c r="G22697" t="s">
        <v>10734</v>
      </c>
      <c r="H22697" t="s">
        <v>10735</v>
      </c>
      <c r="I22697" s="2">
        <v>0</v>
      </c>
      <c r="J22697" s="2">
        <v>0</v>
      </c>
      <c r="K22697" s="2">
        <v>1</v>
      </c>
      <c r="L22697" t="s">
        <v>995</v>
      </c>
      <c r="M22697" t="s">
        <v>83</v>
      </c>
      <c r="N22697" t="s">
        <v>91</v>
      </c>
      <c r="O22697" t="s">
        <v>85</v>
      </c>
      <c r="P22697" t="s">
        <v>86</v>
      </c>
      <c r="Q22697">
        <v>48</v>
      </c>
      <c r="R22697">
        <v>49</v>
      </c>
      <c r="S22697">
        <v>49</v>
      </c>
      <c r="T22697">
        <v>50</v>
      </c>
      <c r="U22697">
        <v>51</v>
      </c>
      <c r="V22697">
        <v>52</v>
      </c>
      <c r="W22697">
        <v>52</v>
      </c>
      <c r="X22697">
        <v>53</v>
      </c>
      <c r="Y22697">
        <v>54</v>
      </c>
      <c r="Z22697">
        <v>55</v>
      </c>
      <c r="AA22697">
        <v>56</v>
      </c>
      <c r="AB22697">
        <v>56</v>
      </c>
      <c r="AC22697">
        <v>57</v>
      </c>
      <c r="AD22697">
        <v>58</v>
      </c>
      <c r="AE22697">
        <v>58</v>
      </c>
      <c r="AF22697">
        <v>59</v>
      </c>
      <c r="AG22697">
        <v>60</v>
      </c>
      <c r="AH22697">
        <v>60</v>
      </c>
      <c r="AI22697">
        <v>61</v>
      </c>
      <c r="AJ22697">
        <v>62</v>
      </c>
      <c r="AK22697">
        <v>62</v>
      </c>
      <c r="AL22697">
        <v>63</v>
      </c>
      <c r="AM22697">
        <v>63</v>
      </c>
      <c r="AN22697">
        <v>63</v>
      </c>
      <c r="AO22697">
        <v>63</v>
      </c>
      <c r="AP22697">
        <v>63</v>
      </c>
      <c r="AQ22697">
        <v>63</v>
      </c>
    </row>
    <row r="22698" spans="1:43">
      <c r="A22698" t="s">
        <v>14061</v>
      </c>
      <c r="B22698" t="s">
        <v>14062</v>
      </c>
      <c r="C22698" t="s">
        <v>14057</v>
      </c>
      <c r="D22698" t="s">
        <v>14058</v>
      </c>
      <c r="E22698" t="s">
        <v>14015</v>
      </c>
      <c r="F22698" t="s">
        <v>14016</v>
      </c>
      <c r="G22698" t="s">
        <v>10734</v>
      </c>
      <c r="H22698" t="s">
        <v>10735</v>
      </c>
      <c r="I22698" s="2">
        <v>0</v>
      </c>
      <c r="J22698" s="2">
        <v>0</v>
      </c>
      <c r="K22698" s="2">
        <v>1</v>
      </c>
      <c r="L22698" t="s">
        <v>995</v>
      </c>
      <c r="M22698" t="s">
        <v>83</v>
      </c>
      <c r="N22698" t="s">
        <v>84</v>
      </c>
      <c r="O22698" t="s">
        <v>85</v>
      </c>
      <c r="P22698" t="s">
        <v>86</v>
      </c>
      <c r="Q22698">
        <v>17</v>
      </c>
      <c r="R22698">
        <v>18</v>
      </c>
      <c r="S22698">
        <v>18</v>
      </c>
      <c r="T22698">
        <v>18</v>
      </c>
      <c r="U22698">
        <v>19</v>
      </c>
      <c r="V22698">
        <v>19</v>
      </c>
      <c r="W22698">
        <v>19</v>
      </c>
      <c r="X22698">
        <v>19</v>
      </c>
      <c r="Y22698">
        <v>20</v>
      </c>
      <c r="Z22698">
        <v>20</v>
      </c>
      <c r="AA22698">
        <v>20</v>
      </c>
      <c r="AB22698">
        <v>20</v>
      </c>
      <c r="AC22698">
        <v>21</v>
      </c>
      <c r="AD22698">
        <v>21</v>
      </c>
      <c r="AE22698">
        <v>21</v>
      </c>
      <c r="AF22698">
        <v>21</v>
      </c>
      <c r="AG22698">
        <v>22</v>
      </c>
      <c r="AH22698">
        <v>22</v>
      </c>
      <c r="AI22698">
        <v>22</v>
      </c>
      <c r="AJ22698">
        <v>22</v>
      </c>
      <c r="AK22698">
        <v>23</v>
      </c>
      <c r="AL22698">
        <v>23</v>
      </c>
      <c r="AM22698">
        <v>23</v>
      </c>
      <c r="AN22698">
        <v>23</v>
      </c>
      <c r="AO22698">
        <v>23</v>
      </c>
      <c r="AP22698">
        <v>23</v>
      </c>
      <c r="AQ22698">
        <v>23</v>
      </c>
    </row>
    <row r="22699" spans="1:43">
      <c r="A22699" t="s">
        <v>14061</v>
      </c>
      <c r="B22699" t="s">
        <v>14062</v>
      </c>
      <c r="C22699" t="s">
        <v>14057</v>
      </c>
      <c r="D22699" t="s">
        <v>14058</v>
      </c>
      <c r="E22699" t="s">
        <v>14015</v>
      </c>
      <c r="F22699" t="s">
        <v>14016</v>
      </c>
      <c r="G22699" t="s">
        <v>10734</v>
      </c>
      <c r="H22699" t="s">
        <v>10735</v>
      </c>
      <c r="I22699" s="2">
        <v>0</v>
      </c>
      <c r="J22699" s="2">
        <v>0</v>
      </c>
      <c r="K22699" s="2">
        <v>1</v>
      </c>
      <c r="L22699" t="s">
        <v>995</v>
      </c>
      <c r="M22699" t="s">
        <v>87</v>
      </c>
      <c r="N22699" t="s">
        <v>88</v>
      </c>
      <c r="O22699" t="s">
        <v>85</v>
      </c>
      <c r="P22699" t="s">
        <v>86</v>
      </c>
      <c r="Q22699">
        <v>17</v>
      </c>
      <c r="R22699">
        <v>17</v>
      </c>
      <c r="S22699">
        <v>18</v>
      </c>
      <c r="T22699">
        <v>18</v>
      </c>
      <c r="U22699">
        <v>18</v>
      </c>
      <c r="V22699">
        <v>18</v>
      </c>
      <c r="W22699">
        <v>18</v>
      </c>
      <c r="X22699">
        <v>18</v>
      </c>
      <c r="Y22699">
        <v>18</v>
      </c>
      <c r="Z22699">
        <v>18</v>
      </c>
      <c r="AA22699">
        <v>18</v>
      </c>
      <c r="AB22699">
        <v>18</v>
      </c>
      <c r="AC22699">
        <v>19</v>
      </c>
      <c r="AD22699">
        <v>19</v>
      </c>
      <c r="AE22699">
        <v>19</v>
      </c>
      <c r="AF22699">
        <v>19</v>
      </c>
      <c r="AG22699">
        <v>19</v>
      </c>
      <c r="AH22699">
        <v>19</v>
      </c>
      <c r="AI22699">
        <v>19</v>
      </c>
      <c r="AJ22699">
        <v>19</v>
      </c>
      <c r="AK22699">
        <v>19</v>
      </c>
      <c r="AL22699">
        <v>19</v>
      </c>
      <c r="AM22699">
        <v>19</v>
      </c>
      <c r="AN22699">
        <v>20</v>
      </c>
      <c r="AO22699">
        <v>20</v>
      </c>
      <c r="AP22699">
        <v>20</v>
      </c>
      <c r="AQ22699">
        <v>20</v>
      </c>
    </row>
    <row r="22700" spans="1:43">
      <c r="A22700" t="s">
        <v>14061</v>
      </c>
      <c r="B22700" t="s">
        <v>14062</v>
      </c>
      <c r="C22700" t="s">
        <v>14057</v>
      </c>
      <c r="D22700" t="s">
        <v>14058</v>
      </c>
      <c r="E22700" t="s">
        <v>14015</v>
      </c>
      <c r="F22700" t="s">
        <v>14016</v>
      </c>
      <c r="G22700" t="s">
        <v>10734</v>
      </c>
      <c r="H22700" t="s">
        <v>10735</v>
      </c>
      <c r="I22700" s="2">
        <v>0</v>
      </c>
      <c r="J22700" s="2">
        <v>0</v>
      </c>
      <c r="K22700" s="2">
        <v>1</v>
      </c>
      <c r="L22700" t="s">
        <v>995</v>
      </c>
      <c r="M22700" t="s">
        <v>89</v>
      </c>
      <c r="N22700" t="s">
        <v>90</v>
      </c>
      <c r="O22700" t="s">
        <v>85</v>
      </c>
      <c r="P22700" t="s">
        <v>86</v>
      </c>
      <c r="Q22700">
        <v>17</v>
      </c>
      <c r="R22700">
        <v>17</v>
      </c>
      <c r="S22700">
        <v>17</v>
      </c>
      <c r="T22700">
        <v>18</v>
      </c>
      <c r="U22700">
        <v>18</v>
      </c>
      <c r="V22700">
        <v>19</v>
      </c>
      <c r="W22700">
        <v>19</v>
      </c>
      <c r="X22700">
        <v>19</v>
      </c>
      <c r="Y22700">
        <v>20</v>
      </c>
      <c r="Z22700">
        <v>20</v>
      </c>
      <c r="AA22700">
        <v>21</v>
      </c>
      <c r="AB22700">
        <v>21</v>
      </c>
      <c r="AC22700">
        <v>21</v>
      </c>
      <c r="AD22700">
        <v>22</v>
      </c>
      <c r="AE22700">
        <v>22</v>
      </c>
      <c r="AF22700">
        <v>22</v>
      </c>
      <c r="AG22700">
        <v>22</v>
      </c>
      <c r="AH22700">
        <v>22</v>
      </c>
      <c r="AI22700">
        <v>22</v>
      </c>
      <c r="AJ22700">
        <v>22</v>
      </c>
      <c r="AK22700">
        <v>22</v>
      </c>
      <c r="AL22700">
        <v>22</v>
      </c>
      <c r="AM22700">
        <v>22</v>
      </c>
      <c r="AN22700">
        <v>22</v>
      </c>
      <c r="AO22700">
        <v>22</v>
      </c>
      <c r="AP22700">
        <v>22</v>
      </c>
      <c r="AQ22700">
        <v>22</v>
      </c>
    </row>
    <row r="22701" spans="1:43">
      <c r="A22701" t="s">
        <v>14061</v>
      </c>
      <c r="B22701" t="s">
        <v>14062</v>
      </c>
      <c r="C22701" t="s">
        <v>14057</v>
      </c>
      <c r="D22701" t="s">
        <v>14058</v>
      </c>
      <c r="E22701" t="s">
        <v>14015</v>
      </c>
      <c r="F22701" t="s">
        <v>14016</v>
      </c>
      <c r="G22701" t="s">
        <v>10734</v>
      </c>
      <c r="H22701" t="s">
        <v>10735</v>
      </c>
      <c r="I22701" s="2">
        <v>0</v>
      </c>
      <c r="J22701" s="2">
        <v>0</v>
      </c>
      <c r="K22701" s="2">
        <v>1</v>
      </c>
      <c r="L22701" t="s">
        <v>995</v>
      </c>
      <c r="M22701" t="s">
        <v>83</v>
      </c>
      <c r="N22701" t="s">
        <v>91</v>
      </c>
      <c r="O22701" t="s">
        <v>85</v>
      </c>
      <c r="P22701" t="s">
        <v>86</v>
      </c>
      <c r="Q22701">
        <v>17</v>
      </c>
      <c r="R22701">
        <v>18</v>
      </c>
      <c r="S22701">
        <v>18</v>
      </c>
      <c r="T22701">
        <v>18</v>
      </c>
      <c r="U22701">
        <v>19</v>
      </c>
      <c r="V22701">
        <v>19</v>
      </c>
      <c r="W22701">
        <v>19</v>
      </c>
      <c r="X22701">
        <v>19</v>
      </c>
      <c r="Y22701">
        <v>20</v>
      </c>
      <c r="Z22701">
        <v>20</v>
      </c>
      <c r="AA22701">
        <v>20</v>
      </c>
      <c r="AB22701">
        <v>20</v>
      </c>
      <c r="AC22701">
        <v>21</v>
      </c>
      <c r="AD22701">
        <v>21</v>
      </c>
      <c r="AE22701">
        <v>21</v>
      </c>
      <c r="AF22701">
        <v>21</v>
      </c>
      <c r="AG22701">
        <v>22</v>
      </c>
      <c r="AH22701">
        <v>22</v>
      </c>
      <c r="AI22701">
        <v>22</v>
      </c>
      <c r="AJ22701">
        <v>22</v>
      </c>
      <c r="AK22701">
        <v>23</v>
      </c>
      <c r="AL22701">
        <v>23</v>
      </c>
      <c r="AM22701">
        <v>23</v>
      </c>
      <c r="AN22701">
        <v>23</v>
      </c>
      <c r="AO22701">
        <v>23</v>
      </c>
      <c r="AP22701">
        <v>23</v>
      </c>
      <c r="AQ22701">
        <v>23</v>
      </c>
    </row>
    <row r="22702" spans="1:43">
      <c r="A22702" t="s">
        <v>14063</v>
      </c>
      <c r="B22702" t="s">
        <v>14064</v>
      </c>
      <c r="C22702" t="s">
        <v>14057</v>
      </c>
      <c r="D22702" t="s">
        <v>14058</v>
      </c>
      <c r="E22702" t="s">
        <v>14015</v>
      </c>
      <c r="F22702" t="s">
        <v>14016</v>
      </c>
      <c r="G22702" t="s">
        <v>10734</v>
      </c>
      <c r="H22702" t="s">
        <v>10735</v>
      </c>
      <c r="I22702" s="2">
        <v>0</v>
      </c>
      <c r="J22702" s="2">
        <v>0</v>
      </c>
      <c r="K22702" s="2">
        <v>1</v>
      </c>
      <c r="L22702" t="s">
        <v>995</v>
      </c>
      <c r="M22702" t="s">
        <v>83</v>
      </c>
      <c r="N22702" t="s">
        <v>84</v>
      </c>
      <c r="O22702" t="s">
        <v>85</v>
      </c>
      <c r="P22702" t="s">
        <v>86</v>
      </c>
      <c r="Q22702">
        <v>10</v>
      </c>
      <c r="R22702">
        <v>10</v>
      </c>
      <c r="S22702">
        <v>10</v>
      </c>
      <c r="T22702">
        <v>10</v>
      </c>
      <c r="U22702">
        <v>10</v>
      </c>
      <c r="V22702">
        <v>10</v>
      </c>
      <c r="W22702">
        <v>11</v>
      </c>
      <c r="X22702">
        <v>11</v>
      </c>
      <c r="Y22702">
        <v>11</v>
      </c>
      <c r="Z22702">
        <v>11</v>
      </c>
      <c r="AA22702">
        <v>11</v>
      </c>
      <c r="AB22702">
        <v>11</v>
      </c>
      <c r="AC22702">
        <v>12</v>
      </c>
      <c r="AD22702">
        <v>12</v>
      </c>
      <c r="AE22702">
        <v>12</v>
      </c>
      <c r="AF22702">
        <v>12</v>
      </c>
      <c r="AG22702">
        <v>12</v>
      </c>
      <c r="AH22702">
        <v>12</v>
      </c>
      <c r="AI22702">
        <v>12</v>
      </c>
      <c r="AJ22702">
        <v>12</v>
      </c>
      <c r="AK22702">
        <v>13</v>
      </c>
      <c r="AL22702">
        <v>13</v>
      </c>
      <c r="AM22702">
        <v>13</v>
      </c>
      <c r="AN22702">
        <v>13</v>
      </c>
      <c r="AO22702">
        <v>13</v>
      </c>
      <c r="AP22702">
        <v>13</v>
      </c>
      <c r="AQ22702">
        <v>13</v>
      </c>
    </row>
    <row r="22703" spans="1:43">
      <c r="A22703" t="s">
        <v>14063</v>
      </c>
      <c r="B22703" t="s">
        <v>14064</v>
      </c>
      <c r="C22703" t="s">
        <v>14057</v>
      </c>
      <c r="D22703" t="s">
        <v>14058</v>
      </c>
      <c r="E22703" t="s">
        <v>14015</v>
      </c>
      <c r="F22703" t="s">
        <v>14016</v>
      </c>
      <c r="G22703" t="s">
        <v>10734</v>
      </c>
      <c r="H22703" t="s">
        <v>10735</v>
      </c>
      <c r="I22703" s="2">
        <v>0</v>
      </c>
      <c r="J22703" s="2">
        <v>0</v>
      </c>
      <c r="K22703" s="2">
        <v>1</v>
      </c>
      <c r="L22703" t="s">
        <v>995</v>
      </c>
      <c r="M22703" t="s">
        <v>87</v>
      </c>
      <c r="N22703" t="s">
        <v>88</v>
      </c>
      <c r="O22703" t="s">
        <v>85</v>
      </c>
      <c r="P22703" t="s">
        <v>86</v>
      </c>
      <c r="Q22703">
        <v>10</v>
      </c>
      <c r="R22703">
        <v>10</v>
      </c>
      <c r="S22703">
        <v>10</v>
      </c>
      <c r="T22703">
        <v>10</v>
      </c>
      <c r="U22703">
        <v>10</v>
      </c>
      <c r="V22703">
        <v>10</v>
      </c>
      <c r="W22703">
        <v>10</v>
      </c>
      <c r="X22703">
        <v>10</v>
      </c>
      <c r="Y22703">
        <v>10</v>
      </c>
      <c r="Z22703">
        <v>10</v>
      </c>
      <c r="AA22703">
        <v>10</v>
      </c>
      <c r="AB22703">
        <v>10</v>
      </c>
      <c r="AC22703">
        <v>10</v>
      </c>
      <c r="AD22703">
        <v>10</v>
      </c>
      <c r="AE22703">
        <v>10</v>
      </c>
      <c r="AF22703">
        <v>11</v>
      </c>
      <c r="AG22703">
        <v>11</v>
      </c>
      <c r="AH22703">
        <v>11</v>
      </c>
      <c r="AI22703">
        <v>11</v>
      </c>
      <c r="AJ22703">
        <v>11</v>
      </c>
      <c r="AK22703">
        <v>11</v>
      </c>
      <c r="AL22703">
        <v>11</v>
      </c>
      <c r="AM22703">
        <v>11</v>
      </c>
      <c r="AN22703">
        <v>11</v>
      </c>
      <c r="AO22703">
        <v>11</v>
      </c>
      <c r="AP22703">
        <v>11</v>
      </c>
      <c r="AQ22703">
        <v>11</v>
      </c>
    </row>
    <row r="22704" spans="1:43">
      <c r="A22704" t="s">
        <v>14063</v>
      </c>
      <c r="B22704" t="s">
        <v>14064</v>
      </c>
      <c r="C22704" t="s">
        <v>14057</v>
      </c>
      <c r="D22704" t="s">
        <v>14058</v>
      </c>
      <c r="E22704" t="s">
        <v>14015</v>
      </c>
      <c r="F22704" t="s">
        <v>14016</v>
      </c>
      <c r="G22704" t="s">
        <v>10734</v>
      </c>
      <c r="H22704" t="s">
        <v>10735</v>
      </c>
      <c r="I22704" s="2">
        <v>0</v>
      </c>
      <c r="J22704" s="2">
        <v>0</v>
      </c>
      <c r="K22704" s="2">
        <v>1</v>
      </c>
      <c r="L22704" t="s">
        <v>995</v>
      </c>
      <c r="M22704" t="s">
        <v>89</v>
      </c>
      <c r="N22704" t="s">
        <v>90</v>
      </c>
      <c r="O22704" t="s">
        <v>85</v>
      </c>
      <c r="P22704" t="s">
        <v>86</v>
      </c>
      <c r="Q22704">
        <v>10</v>
      </c>
      <c r="R22704">
        <v>10</v>
      </c>
      <c r="S22704">
        <v>10</v>
      </c>
      <c r="T22704">
        <v>10</v>
      </c>
      <c r="U22704">
        <v>11</v>
      </c>
      <c r="V22704">
        <v>11</v>
      </c>
      <c r="W22704">
        <v>11</v>
      </c>
      <c r="X22704">
        <v>11</v>
      </c>
      <c r="Y22704">
        <v>12</v>
      </c>
      <c r="Z22704">
        <v>12</v>
      </c>
      <c r="AA22704">
        <v>12</v>
      </c>
      <c r="AB22704">
        <v>12</v>
      </c>
      <c r="AC22704">
        <v>12</v>
      </c>
      <c r="AD22704">
        <v>12</v>
      </c>
      <c r="AE22704">
        <v>13</v>
      </c>
      <c r="AF22704">
        <v>13</v>
      </c>
      <c r="AG22704">
        <v>13</v>
      </c>
      <c r="AH22704">
        <v>13</v>
      </c>
      <c r="AI22704">
        <v>13</v>
      </c>
      <c r="AJ22704">
        <v>13</v>
      </c>
      <c r="AK22704">
        <v>13</v>
      </c>
      <c r="AL22704">
        <v>13</v>
      </c>
      <c r="AM22704">
        <v>13</v>
      </c>
      <c r="AN22704">
        <v>13</v>
      </c>
      <c r="AO22704">
        <v>13</v>
      </c>
      <c r="AP22704">
        <v>13</v>
      </c>
      <c r="AQ22704">
        <v>13</v>
      </c>
    </row>
    <row r="22705" spans="1:43">
      <c r="A22705" t="s">
        <v>14063</v>
      </c>
      <c r="B22705" t="s">
        <v>14064</v>
      </c>
      <c r="C22705" t="s">
        <v>14057</v>
      </c>
      <c r="D22705" t="s">
        <v>14058</v>
      </c>
      <c r="E22705" t="s">
        <v>14015</v>
      </c>
      <c r="F22705" t="s">
        <v>14016</v>
      </c>
      <c r="G22705" t="s">
        <v>10734</v>
      </c>
      <c r="H22705" t="s">
        <v>10735</v>
      </c>
      <c r="I22705" s="2">
        <v>0</v>
      </c>
      <c r="J22705" s="2">
        <v>0</v>
      </c>
      <c r="K22705" s="2">
        <v>1</v>
      </c>
      <c r="L22705" t="s">
        <v>995</v>
      </c>
      <c r="M22705" t="s">
        <v>83</v>
      </c>
      <c r="N22705" t="s">
        <v>91</v>
      </c>
      <c r="O22705" t="s">
        <v>85</v>
      </c>
      <c r="P22705" t="s">
        <v>86</v>
      </c>
      <c r="Q22705">
        <v>10</v>
      </c>
      <c r="R22705">
        <v>10</v>
      </c>
      <c r="S22705">
        <v>10</v>
      </c>
      <c r="T22705">
        <v>10</v>
      </c>
      <c r="U22705">
        <v>10</v>
      </c>
      <c r="V22705">
        <v>10</v>
      </c>
      <c r="W22705">
        <v>11</v>
      </c>
      <c r="X22705">
        <v>11</v>
      </c>
      <c r="Y22705">
        <v>11</v>
      </c>
      <c r="Z22705">
        <v>11</v>
      </c>
      <c r="AA22705">
        <v>11</v>
      </c>
      <c r="AB22705">
        <v>11</v>
      </c>
      <c r="AC22705">
        <v>12</v>
      </c>
      <c r="AD22705">
        <v>12</v>
      </c>
      <c r="AE22705">
        <v>12</v>
      </c>
      <c r="AF22705">
        <v>12</v>
      </c>
      <c r="AG22705">
        <v>12</v>
      </c>
      <c r="AH22705">
        <v>12</v>
      </c>
      <c r="AI22705">
        <v>12</v>
      </c>
      <c r="AJ22705">
        <v>12</v>
      </c>
      <c r="AK22705">
        <v>13</v>
      </c>
      <c r="AL22705">
        <v>13</v>
      </c>
      <c r="AM22705">
        <v>13</v>
      </c>
      <c r="AN22705">
        <v>13</v>
      </c>
      <c r="AO22705">
        <v>13</v>
      </c>
      <c r="AP22705">
        <v>13</v>
      </c>
      <c r="AQ22705">
        <v>13</v>
      </c>
    </row>
    <row r="22706" spans="1:43">
      <c r="A22706" t="s">
        <v>14065</v>
      </c>
      <c r="B22706" t="s">
        <v>14066</v>
      </c>
      <c r="C22706" t="s">
        <v>14057</v>
      </c>
      <c r="D22706" t="s">
        <v>14058</v>
      </c>
      <c r="E22706" t="s">
        <v>14015</v>
      </c>
      <c r="F22706" t="s">
        <v>14016</v>
      </c>
      <c r="G22706" t="s">
        <v>10734</v>
      </c>
      <c r="H22706" t="s">
        <v>10735</v>
      </c>
      <c r="I22706" s="2">
        <v>0</v>
      </c>
      <c r="J22706" s="2">
        <v>0</v>
      </c>
      <c r="K22706" s="2">
        <v>1</v>
      </c>
      <c r="L22706" t="s">
        <v>995</v>
      </c>
      <c r="M22706" t="s">
        <v>83</v>
      </c>
      <c r="N22706" t="s">
        <v>84</v>
      </c>
      <c r="O22706" t="s">
        <v>85</v>
      </c>
      <c r="P22706" t="s">
        <v>86</v>
      </c>
      <c r="Q22706">
        <v>19</v>
      </c>
      <c r="R22706">
        <v>20</v>
      </c>
      <c r="S22706">
        <v>20</v>
      </c>
      <c r="T22706">
        <v>20</v>
      </c>
      <c r="U22706">
        <v>21</v>
      </c>
      <c r="V22706">
        <v>21</v>
      </c>
      <c r="W22706">
        <v>21</v>
      </c>
      <c r="X22706">
        <v>22</v>
      </c>
      <c r="Y22706">
        <v>22</v>
      </c>
      <c r="Z22706">
        <v>22</v>
      </c>
      <c r="AA22706">
        <v>23</v>
      </c>
      <c r="AB22706">
        <v>23</v>
      </c>
      <c r="AC22706">
        <v>23</v>
      </c>
      <c r="AD22706">
        <v>23</v>
      </c>
      <c r="AE22706">
        <v>24</v>
      </c>
      <c r="AF22706">
        <v>24</v>
      </c>
      <c r="AG22706">
        <v>24</v>
      </c>
      <c r="AH22706">
        <v>25</v>
      </c>
      <c r="AI22706">
        <v>25</v>
      </c>
      <c r="AJ22706">
        <v>25</v>
      </c>
      <c r="AK22706">
        <v>25</v>
      </c>
      <c r="AL22706">
        <v>26</v>
      </c>
      <c r="AM22706">
        <v>26</v>
      </c>
      <c r="AN22706">
        <v>26</v>
      </c>
      <c r="AO22706">
        <v>26</v>
      </c>
      <c r="AP22706">
        <v>26</v>
      </c>
      <c r="AQ22706">
        <v>26</v>
      </c>
    </row>
    <row r="22707" spans="1:43">
      <c r="A22707" t="s">
        <v>14065</v>
      </c>
      <c r="B22707" t="s">
        <v>14066</v>
      </c>
      <c r="C22707" t="s">
        <v>14057</v>
      </c>
      <c r="D22707" t="s">
        <v>14058</v>
      </c>
      <c r="E22707" t="s">
        <v>14015</v>
      </c>
      <c r="F22707" t="s">
        <v>14016</v>
      </c>
      <c r="G22707" t="s">
        <v>10734</v>
      </c>
      <c r="H22707" t="s">
        <v>10735</v>
      </c>
      <c r="I22707" s="2">
        <v>0</v>
      </c>
      <c r="J22707" s="2">
        <v>0</v>
      </c>
      <c r="K22707" s="2">
        <v>1</v>
      </c>
      <c r="L22707" t="s">
        <v>995</v>
      </c>
      <c r="M22707" t="s">
        <v>87</v>
      </c>
      <c r="N22707" t="s">
        <v>88</v>
      </c>
      <c r="O22707" t="s">
        <v>85</v>
      </c>
      <c r="P22707" t="s">
        <v>86</v>
      </c>
      <c r="Q22707">
        <v>19</v>
      </c>
      <c r="R22707">
        <v>19</v>
      </c>
      <c r="S22707">
        <v>20</v>
      </c>
      <c r="T22707">
        <v>20</v>
      </c>
      <c r="U22707">
        <v>20</v>
      </c>
      <c r="V22707">
        <v>20</v>
      </c>
      <c r="W22707">
        <v>20</v>
      </c>
      <c r="X22707">
        <v>20</v>
      </c>
      <c r="Y22707">
        <v>20</v>
      </c>
      <c r="Z22707">
        <v>20</v>
      </c>
      <c r="AA22707">
        <v>21</v>
      </c>
      <c r="AB22707">
        <v>21</v>
      </c>
      <c r="AC22707">
        <v>21</v>
      </c>
      <c r="AD22707">
        <v>21</v>
      </c>
      <c r="AE22707">
        <v>21</v>
      </c>
      <c r="AF22707">
        <v>21</v>
      </c>
      <c r="AG22707">
        <v>21</v>
      </c>
      <c r="AH22707">
        <v>21</v>
      </c>
      <c r="AI22707">
        <v>22</v>
      </c>
      <c r="AJ22707">
        <v>22</v>
      </c>
      <c r="AK22707">
        <v>22</v>
      </c>
      <c r="AL22707">
        <v>22</v>
      </c>
      <c r="AM22707">
        <v>22</v>
      </c>
      <c r="AN22707">
        <v>22</v>
      </c>
      <c r="AO22707">
        <v>22</v>
      </c>
      <c r="AP22707">
        <v>22</v>
      </c>
      <c r="AQ22707">
        <v>22</v>
      </c>
    </row>
    <row r="22708" spans="1:43">
      <c r="A22708" t="s">
        <v>14065</v>
      </c>
      <c r="B22708" t="s">
        <v>14066</v>
      </c>
      <c r="C22708" t="s">
        <v>14057</v>
      </c>
      <c r="D22708" t="s">
        <v>14058</v>
      </c>
      <c r="E22708" t="s">
        <v>14015</v>
      </c>
      <c r="F22708" t="s">
        <v>14016</v>
      </c>
      <c r="G22708" t="s">
        <v>10734</v>
      </c>
      <c r="H22708" t="s">
        <v>10735</v>
      </c>
      <c r="I22708" s="2">
        <v>0</v>
      </c>
      <c r="J22708" s="2">
        <v>0</v>
      </c>
      <c r="K22708" s="2">
        <v>1</v>
      </c>
      <c r="L22708" t="s">
        <v>995</v>
      </c>
      <c r="M22708" t="s">
        <v>89</v>
      </c>
      <c r="N22708" t="s">
        <v>90</v>
      </c>
      <c r="O22708" t="s">
        <v>85</v>
      </c>
      <c r="P22708" t="s">
        <v>86</v>
      </c>
      <c r="Q22708">
        <v>19</v>
      </c>
      <c r="R22708">
        <v>19</v>
      </c>
      <c r="S22708">
        <v>20</v>
      </c>
      <c r="T22708">
        <v>20</v>
      </c>
      <c r="U22708">
        <v>21</v>
      </c>
      <c r="V22708">
        <v>21</v>
      </c>
      <c r="W22708">
        <v>21</v>
      </c>
      <c r="X22708">
        <v>22</v>
      </c>
      <c r="Y22708">
        <v>22</v>
      </c>
      <c r="Z22708">
        <v>23</v>
      </c>
      <c r="AA22708">
        <v>23</v>
      </c>
      <c r="AB22708">
        <v>23</v>
      </c>
      <c r="AC22708">
        <v>24</v>
      </c>
      <c r="AD22708">
        <v>24</v>
      </c>
      <c r="AE22708">
        <v>24</v>
      </c>
      <c r="AF22708">
        <v>24</v>
      </c>
      <c r="AG22708">
        <v>25</v>
      </c>
      <c r="AH22708">
        <v>25</v>
      </c>
      <c r="AI22708">
        <v>25</v>
      </c>
      <c r="AJ22708">
        <v>25</v>
      </c>
      <c r="AK22708">
        <v>25</v>
      </c>
      <c r="AL22708">
        <v>25</v>
      </c>
      <c r="AM22708">
        <v>25</v>
      </c>
      <c r="AN22708">
        <v>25</v>
      </c>
      <c r="AO22708">
        <v>25</v>
      </c>
      <c r="AP22708">
        <v>25</v>
      </c>
      <c r="AQ22708">
        <v>25</v>
      </c>
    </row>
    <row r="22709" spans="1:43">
      <c r="A22709" t="s">
        <v>14065</v>
      </c>
      <c r="B22709" t="s">
        <v>14066</v>
      </c>
      <c r="C22709" t="s">
        <v>14057</v>
      </c>
      <c r="D22709" t="s">
        <v>14058</v>
      </c>
      <c r="E22709" t="s">
        <v>14015</v>
      </c>
      <c r="F22709" t="s">
        <v>14016</v>
      </c>
      <c r="G22709" t="s">
        <v>10734</v>
      </c>
      <c r="H22709" t="s">
        <v>10735</v>
      </c>
      <c r="I22709" s="2">
        <v>0</v>
      </c>
      <c r="J22709" s="2">
        <v>0</v>
      </c>
      <c r="K22709" s="2">
        <v>1</v>
      </c>
      <c r="L22709" t="s">
        <v>995</v>
      </c>
      <c r="M22709" t="s">
        <v>83</v>
      </c>
      <c r="N22709" t="s">
        <v>91</v>
      </c>
      <c r="O22709" t="s">
        <v>85</v>
      </c>
      <c r="P22709" t="s">
        <v>86</v>
      </c>
      <c r="Q22709">
        <v>19</v>
      </c>
      <c r="R22709">
        <v>20</v>
      </c>
      <c r="S22709">
        <v>20</v>
      </c>
      <c r="T22709">
        <v>20</v>
      </c>
      <c r="U22709">
        <v>21</v>
      </c>
      <c r="V22709">
        <v>21</v>
      </c>
      <c r="W22709">
        <v>21</v>
      </c>
      <c r="X22709">
        <v>22</v>
      </c>
      <c r="Y22709">
        <v>22</v>
      </c>
      <c r="Z22709">
        <v>22</v>
      </c>
      <c r="AA22709">
        <v>23</v>
      </c>
      <c r="AB22709">
        <v>23</v>
      </c>
      <c r="AC22709">
        <v>23</v>
      </c>
      <c r="AD22709">
        <v>23</v>
      </c>
      <c r="AE22709">
        <v>24</v>
      </c>
      <c r="AF22709">
        <v>24</v>
      </c>
      <c r="AG22709">
        <v>24</v>
      </c>
      <c r="AH22709">
        <v>25</v>
      </c>
      <c r="AI22709">
        <v>25</v>
      </c>
      <c r="AJ22709">
        <v>25</v>
      </c>
      <c r="AK22709">
        <v>25</v>
      </c>
      <c r="AL22709">
        <v>26</v>
      </c>
      <c r="AM22709">
        <v>26</v>
      </c>
      <c r="AN22709">
        <v>26</v>
      </c>
      <c r="AO22709">
        <v>26</v>
      </c>
      <c r="AP22709">
        <v>26</v>
      </c>
      <c r="AQ22709">
        <v>26</v>
      </c>
    </row>
    <row r="22710" spans="1:43">
      <c r="A22710" t="s">
        <v>14067</v>
      </c>
      <c r="B22710" t="s">
        <v>14068</v>
      </c>
      <c r="C22710" t="s">
        <v>14069</v>
      </c>
      <c r="D22710" t="s">
        <v>14070</v>
      </c>
      <c r="E22710" t="s">
        <v>14015</v>
      </c>
      <c r="F22710" t="s">
        <v>14016</v>
      </c>
      <c r="G22710" t="s">
        <v>10734</v>
      </c>
      <c r="H22710" t="s">
        <v>10735</v>
      </c>
      <c r="I22710" s="2">
        <v>0</v>
      </c>
      <c r="J22710" s="2">
        <v>0</v>
      </c>
      <c r="K22710" s="2">
        <v>1</v>
      </c>
      <c r="L22710" t="s">
        <v>995</v>
      </c>
      <c r="M22710" t="s">
        <v>83</v>
      </c>
      <c r="N22710" t="s">
        <v>84</v>
      </c>
      <c r="O22710" t="s">
        <v>85</v>
      </c>
      <c r="P22710" t="s">
        <v>86</v>
      </c>
      <c r="Q22710">
        <v>27</v>
      </c>
      <c r="R22710">
        <v>27</v>
      </c>
      <c r="S22710">
        <v>28</v>
      </c>
      <c r="T22710">
        <v>28</v>
      </c>
      <c r="U22710">
        <v>29</v>
      </c>
      <c r="V22710">
        <v>29</v>
      </c>
      <c r="W22710">
        <v>29</v>
      </c>
      <c r="X22710">
        <v>30</v>
      </c>
      <c r="Y22710">
        <v>30</v>
      </c>
      <c r="Z22710">
        <v>31</v>
      </c>
      <c r="AA22710">
        <v>31</v>
      </c>
      <c r="AB22710">
        <v>32</v>
      </c>
      <c r="AC22710">
        <v>32</v>
      </c>
      <c r="AD22710">
        <v>32</v>
      </c>
      <c r="AE22710">
        <v>33</v>
      </c>
      <c r="AF22710">
        <v>33</v>
      </c>
      <c r="AG22710">
        <v>34</v>
      </c>
      <c r="AH22710">
        <v>34</v>
      </c>
      <c r="AI22710">
        <v>34</v>
      </c>
      <c r="AJ22710">
        <v>35</v>
      </c>
      <c r="AK22710">
        <v>35</v>
      </c>
      <c r="AL22710">
        <v>35</v>
      </c>
      <c r="AM22710">
        <v>35</v>
      </c>
      <c r="AN22710">
        <v>35</v>
      </c>
      <c r="AO22710">
        <v>35</v>
      </c>
      <c r="AP22710">
        <v>35</v>
      </c>
      <c r="AQ22710">
        <v>35</v>
      </c>
    </row>
    <row r="22711" spans="1:43">
      <c r="A22711" t="s">
        <v>14067</v>
      </c>
      <c r="B22711" t="s">
        <v>14068</v>
      </c>
      <c r="C22711" t="s">
        <v>14069</v>
      </c>
      <c r="D22711" t="s">
        <v>14070</v>
      </c>
      <c r="E22711" t="s">
        <v>14015</v>
      </c>
      <c r="F22711" t="s">
        <v>14016</v>
      </c>
      <c r="G22711" t="s">
        <v>10734</v>
      </c>
      <c r="H22711" t="s">
        <v>10735</v>
      </c>
      <c r="I22711" s="2">
        <v>0</v>
      </c>
      <c r="J22711" s="2">
        <v>0</v>
      </c>
      <c r="K22711" s="2">
        <v>1</v>
      </c>
      <c r="L22711" t="s">
        <v>995</v>
      </c>
      <c r="M22711" t="s">
        <v>87</v>
      </c>
      <c r="N22711" t="s">
        <v>88</v>
      </c>
      <c r="O22711" t="s">
        <v>85</v>
      </c>
      <c r="P22711" t="s">
        <v>86</v>
      </c>
      <c r="Q22711">
        <v>27</v>
      </c>
      <c r="R22711">
        <v>27</v>
      </c>
      <c r="S22711">
        <v>27</v>
      </c>
      <c r="T22711">
        <v>27</v>
      </c>
      <c r="U22711">
        <v>27</v>
      </c>
      <c r="V22711">
        <v>28</v>
      </c>
      <c r="W22711">
        <v>28</v>
      </c>
      <c r="X22711">
        <v>28</v>
      </c>
      <c r="Y22711">
        <v>28</v>
      </c>
      <c r="Z22711">
        <v>28</v>
      </c>
      <c r="AA22711">
        <v>28</v>
      </c>
      <c r="AB22711">
        <v>29</v>
      </c>
      <c r="AC22711">
        <v>29</v>
      </c>
      <c r="AD22711">
        <v>29</v>
      </c>
      <c r="AE22711">
        <v>29</v>
      </c>
      <c r="AF22711">
        <v>29</v>
      </c>
      <c r="AG22711">
        <v>29</v>
      </c>
      <c r="AH22711">
        <v>30</v>
      </c>
      <c r="AI22711">
        <v>30</v>
      </c>
      <c r="AJ22711">
        <v>30</v>
      </c>
      <c r="AK22711">
        <v>30</v>
      </c>
      <c r="AL22711">
        <v>30</v>
      </c>
      <c r="AM22711">
        <v>30</v>
      </c>
      <c r="AN22711">
        <v>30</v>
      </c>
      <c r="AO22711">
        <v>31</v>
      </c>
      <c r="AP22711">
        <v>31</v>
      </c>
      <c r="AQ22711">
        <v>31</v>
      </c>
    </row>
    <row r="22712" spans="1:43">
      <c r="A22712" t="s">
        <v>14067</v>
      </c>
      <c r="B22712" t="s">
        <v>14068</v>
      </c>
      <c r="C22712" t="s">
        <v>14069</v>
      </c>
      <c r="D22712" t="s">
        <v>14070</v>
      </c>
      <c r="E22712" t="s">
        <v>14015</v>
      </c>
      <c r="F22712" t="s">
        <v>14016</v>
      </c>
      <c r="G22712" t="s">
        <v>10734</v>
      </c>
      <c r="H22712" t="s">
        <v>10735</v>
      </c>
      <c r="I22712" s="2">
        <v>0</v>
      </c>
      <c r="J22712" s="2">
        <v>0</v>
      </c>
      <c r="K22712" s="2">
        <v>1</v>
      </c>
      <c r="L22712" t="s">
        <v>995</v>
      </c>
      <c r="M22712" t="s">
        <v>89</v>
      </c>
      <c r="N22712" t="s">
        <v>90</v>
      </c>
      <c r="O22712" t="s">
        <v>85</v>
      </c>
      <c r="P22712" t="s">
        <v>86</v>
      </c>
      <c r="Q22712">
        <v>27</v>
      </c>
      <c r="R22712">
        <v>28</v>
      </c>
      <c r="S22712">
        <v>28</v>
      </c>
      <c r="T22712">
        <v>29</v>
      </c>
      <c r="U22712">
        <v>30</v>
      </c>
      <c r="V22712">
        <v>30</v>
      </c>
      <c r="W22712">
        <v>31</v>
      </c>
      <c r="X22712">
        <v>32</v>
      </c>
      <c r="Y22712">
        <v>32</v>
      </c>
      <c r="Z22712">
        <v>33</v>
      </c>
      <c r="AA22712">
        <v>33</v>
      </c>
      <c r="AB22712">
        <v>34</v>
      </c>
      <c r="AC22712">
        <v>34</v>
      </c>
      <c r="AD22712">
        <v>35</v>
      </c>
      <c r="AE22712">
        <v>35</v>
      </c>
      <c r="AF22712">
        <v>35</v>
      </c>
      <c r="AG22712">
        <v>35</v>
      </c>
      <c r="AH22712">
        <v>35</v>
      </c>
      <c r="AI22712">
        <v>35</v>
      </c>
      <c r="AJ22712">
        <v>35</v>
      </c>
      <c r="AK22712">
        <v>36</v>
      </c>
      <c r="AL22712">
        <v>36</v>
      </c>
      <c r="AM22712">
        <v>36</v>
      </c>
      <c r="AN22712">
        <v>36</v>
      </c>
      <c r="AO22712">
        <v>36</v>
      </c>
      <c r="AP22712">
        <v>36</v>
      </c>
      <c r="AQ22712">
        <v>36</v>
      </c>
    </row>
    <row r="22713" spans="1:43">
      <c r="A22713" t="s">
        <v>14067</v>
      </c>
      <c r="B22713" t="s">
        <v>14068</v>
      </c>
      <c r="C22713" t="s">
        <v>14069</v>
      </c>
      <c r="D22713" t="s">
        <v>14070</v>
      </c>
      <c r="E22713" t="s">
        <v>14015</v>
      </c>
      <c r="F22713" t="s">
        <v>14016</v>
      </c>
      <c r="G22713" t="s">
        <v>10734</v>
      </c>
      <c r="H22713" t="s">
        <v>10735</v>
      </c>
      <c r="I22713" s="2">
        <v>0</v>
      </c>
      <c r="J22713" s="2">
        <v>0</v>
      </c>
      <c r="K22713" s="2">
        <v>1</v>
      </c>
      <c r="L22713" t="s">
        <v>995</v>
      </c>
      <c r="M22713" t="s">
        <v>83</v>
      </c>
      <c r="N22713" t="s">
        <v>91</v>
      </c>
      <c r="O22713" t="s">
        <v>85</v>
      </c>
      <c r="P22713" t="s">
        <v>86</v>
      </c>
      <c r="Q22713">
        <v>27</v>
      </c>
      <c r="R22713">
        <v>27</v>
      </c>
      <c r="S22713">
        <v>28</v>
      </c>
      <c r="T22713">
        <v>28</v>
      </c>
      <c r="U22713">
        <v>29</v>
      </c>
      <c r="V22713">
        <v>29</v>
      </c>
      <c r="W22713">
        <v>29</v>
      </c>
      <c r="X22713">
        <v>30</v>
      </c>
      <c r="Y22713">
        <v>30</v>
      </c>
      <c r="Z22713">
        <v>31</v>
      </c>
      <c r="AA22713">
        <v>31</v>
      </c>
      <c r="AB22713">
        <v>32</v>
      </c>
      <c r="AC22713">
        <v>32</v>
      </c>
      <c r="AD22713">
        <v>32</v>
      </c>
      <c r="AE22713">
        <v>33</v>
      </c>
      <c r="AF22713">
        <v>33</v>
      </c>
      <c r="AG22713">
        <v>34</v>
      </c>
      <c r="AH22713">
        <v>34</v>
      </c>
      <c r="AI22713">
        <v>34</v>
      </c>
      <c r="AJ22713">
        <v>35</v>
      </c>
      <c r="AK22713">
        <v>35</v>
      </c>
      <c r="AL22713">
        <v>35</v>
      </c>
      <c r="AM22713">
        <v>35</v>
      </c>
      <c r="AN22713">
        <v>35</v>
      </c>
      <c r="AO22713">
        <v>35</v>
      </c>
      <c r="AP22713">
        <v>35</v>
      </c>
      <c r="AQ22713">
        <v>35</v>
      </c>
    </row>
    <row r="22714" spans="1:43">
      <c r="A22714" t="s">
        <v>14071</v>
      </c>
      <c r="B22714" t="s">
        <v>14072</v>
      </c>
      <c r="C22714" t="s">
        <v>14073</v>
      </c>
      <c r="D22714" t="s">
        <v>14074</v>
      </c>
      <c r="E22714" t="s">
        <v>14015</v>
      </c>
      <c r="F22714" t="s">
        <v>14016</v>
      </c>
      <c r="G22714" t="s">
        <v>10734</v>
      </c>
      <c r="H22714" t="s">
        <v>10735</v>
      </c>
      <c r="I22714" s="2">
        <v>0</v>
      </c>
      <c r="J22714" s="2">
        <v>0</v>
      </c>
      <c r="K22714" s="2">
        <v>1</v>
      </c>
      <c r="L22714" t="s">
        <v>995</v>
      </c>
      <c r="M22714" t="s">
        <v>83</v>
      </c>
      <c r="N22714" t="s">
        <v>84</v>
      </c>
      <c r="O22714" t="s">
        <v>85</v>
      </c>
      <c r="P22714" t="s">
        <v>86</v>
      </c>
      <c r="Q22714">
        <v>65</v>
      </c>
      <c r="R22714">
        <v>66</v>
      </c>
      <c r="S22714">
        <v>67</v>
      </c>
      <c r="T22714">
        <v>69</v>
      </c>
      <c r="U22714">
        <v>70</v>
      </c>
      <c r="V22714">
        <v>71</v>
      </c>
      <c r="W22714">
        <v>72</v>
      </c>
      <c r="X22714">
        <v>73</v>
      </c>
      <c r="Y22714">
        <v>74</v>
      </c>
      <c r="Z22714">
        <v>75</v>
      </c>
      <c r="AA22714">
        <v>76</v>
      </c>
      <c r="AB22714">
        <v>77</v>
      </c>
      <c r="AC22714">
        <v>78</v>
      </c>
      <c r="AD22714">
        <v>79</v>
      </c>
      <c r="AE22714">
        <v>80</v>
      </c>
      <c r="AF22714">
        <v>81</v>
      </c>
      <c r="AG22714">
        <v>82</v>
      </c>
      <c r="AH22714">
        <v>82</v>
      </c>
      <c r="AI22714">
        <v>83</v>
      </c>
      <c r="AJ22714">
        <v>84</v>
      </c>
      <c r="AK22714">
        <v>85</v>
      </c>
      <c r="AL22714">
        <v>86</v>
      </c>
      <c r="AM22714">
        <v>86</v>
      </c>
      <c r="AN22714">
        <v>86</v>
      </c>
      <c r="AO22714">
        <v>86</v>
      </c>
      <c r="AP22714">
        <v>86</v>
      </c>
      <c r="AQ22714">
        <v>86</v>
      </c>
    </row>
    <row r="22715" spans="1:43">
      <c r="A22715" t="s">
        <v>14071</v>
      </c>
      <c r="B22715" t="s">
        <v>14072</v>
      </c>
      <c r="C22715" t="s">
        <v>14073</v>
      </c>
      <c r="D22715" t="s">
        <v>14074</v>
      </c>
      <c r="E22715" t="s">
        <v>14015</v>
      </c>
      <c r="F22715" t="s">
        <v>14016</v>
      </c>
      <c r="G22715" t="s">
        <v>10734</v>
      </c>
      <c r="H22715" t="s">
        <v>10735</v>
      </c>
      <c r="I22715" s="2">
        <v>0</v>
      </c>
      <c r="J22715" s="2">
        <v>0</v>
      </c>
      <c r="K22715" s="2">
        <v>1</v>
      </c>
      <c r="L22715" t="s">
        <v>995</v>
      </c>
      <c r="M22715" t="s">
        <v>87</v>
      </c>
      <c r="N22715" t="s">
        <v>88</v>
      </c>
      <c r="O22715" t="s">
        <v>85</v>
      </c>
      <c r="P22715" t="s">
        <v>86</v>
      </c>
      <c r="Q22715">
        <v>65</v>
      </c>
      <c r="R22715">
        <v>65</v>
      </c>
      <c r="S22715">
        <v>66</v>
      </c>
      <c r="T22715">
        <v>66</v>
      </c>
      <c r="U22715">
        <v>67</v>
      </c>
      <c r="V22715">
        <v>67</v>
      </c>
      <c r="W22715">
        <v>67</v>
      </c>
      <c r="X22715">
        <v>68</v>
      </c>
      <c r="Y22715">
        <v>68</v>
      </c>
      <c r="Z22715">
        <v>69</v>
      </c>
      <c r="AA22715">
        <v>69</v>
      </c>
      <c r="AB22715">
        <v>69</v>
      </c>
      <c r="AC22715">
        <v>70</v>
      </c>
      <c r="AD22715">
        <v>70</v>
      </c>
      <c r="AE22715">
        <v>71</v>
      </c>
      <c r="AF22715">
        <v>71</v>
      </c>
      <c r="AG22715">
        <v>71</v>
      </c>
      <c r="AH22715">
        <v>72</v>
      </c>
      <c r="AI22715">
        <v>72</v>
      </c>
      <c r="AJ22715">
        <v>72</v>
      </c>
      <c r="AK22715">
        <v>73</v>
      </c>
      <c r="AL22715">
        <v>73</v>
      </c>
      <c r="AM22715">
        <v>73</v>
      </c>
      <c r="AN22715">
        <v>74</v>
      </c>
      <c r="AO22715">
        <v>74</v>
      </c>
      <c r="AP22715">
        <v>74</v>
      </c>
      <c r="AQ22715">
        <v>75</v>
      </c>
    </row>
    <row r="22716" spans="1:43">
      <c r="A22716" t="s">
        <v>14071</v>
      </c>
      <c r="B22716" t="s">
        <v>14072</v>
      </c>
      <c r="C22716" t="s">
        <v>14073</v>
      </c>
      <c r="D22716" t="s">
        <v>14074</v>
      </c>
      <c r="E22716" t="s">
        <v>14015</v>
      </c>
      <c r="F22716" t="s">
        <v>14016</v>
      </c>
      <c r="G22716" t="s">
        <v>10734</v>
      </c>
      <c r="H22716" t="s">
        <v>10735</v>
      </c>
      <c r="I22716" s="2">
        <v>0</v>
      </c>
      <c r="J22716" s="2">
        <v>0</v>
      </c>
      <c r="K22716" s="2">
        <v>1</v>
      </c>
      <c r="L22716" t="s">
        <v>995</v>
      </c>
      <c r="M22716" t="s">
        <v>89</v>
      </c>
      <c r="N22716" t="s">
        <v>90</v>
      </c>
      <c r="O22716" t="s">
        <v>85</v>
      </c>
      <c r="P22716" t="s">
        <v>86</v>
      </c>
      <c r="Q22716">
        <v>65</v>
      </c>
      <c r="R22716">
        <v>67</v>
      </c>
      <c r="S22716">
        <v>68</v>
      </c>
      <c r="T22716">
        <v>70</v>
      </c>
      <c r="U22716">
        <v>71</v>
      </c>
      <c r="V22716">
        <v>73</v>
      </c>
      <c r="W22716">
        <v>74</v>
      </c>
      <c r="X22716">
        <v>76</v>
      </c>
      <c r="Y22716">
        <v>77</v>
      </c>
      <c r="Z22716">
        <v>78</v>
      </c>
      <c r="AA22716">
        <v>80</v>
      </c>
      <c r="AB22716">
        <v>81</v>
      </c>
      <c r="AC22716">
        <v>82</v>
      </c>
      <c r="AD22716">
        <v>84</v>
      </c>
      <c r="AE22716">
        <v>84</v>
      </c>
      <c r="AF22716">
        <v>85</v>
      </c>
      <c r="AG22716">
        <v>85</v>
      </c>
      <c r="AH22716">
        <v>85</v>
      </c>
      <c r="AI22716">
        <v>85</v>
      </c>
      <c r="AJ22716">
        <v>85</v>
      </c>
      <c r="AK22716">
        <v>85</v>
      </c>
      <c r="AL22716">
        <v>86</v>
      </c>
      <c r="AM22716">
        <v>86</v>
      </c>
      <c r="AN22716">
        <v>86</v>
      </c>
      <c r="AO22716">
        <v>86</v>
      </c>
      <c r="AP22716">
        <v>86</v>
      </c>
      <c r="AQ22716">
        <v>86</v>
      </c>
    </row>
    <row r="22717" spans="1:43">
      <c r="A22717" t="s">
        <v>14071</v>
      </c>
      <c r="B22717" t="s">
        <v>14072</v>
      </c>
      <c r="C22717" t="s">
        <v>14073</v>
      </c>
      <c r="D22717" t="s">
        <v>14074</v>
      </c>
      <c r="E22717" t="s">
        <v>14015</v>
      </c>
      <c r="F22717" t="s">
        <v>14016</v>
      </c>
      <c r="G22717" t="s">
        <v>10734</v>
      </c>
      <c r="H22717" t="s">
        <v>10735</v>
      </c>
      <c r="I22717" s="2">
        <v>0</v>
      </c>
      <c r="J22717" s="2">
        <v>0</v>
      </c>
      <c r="K22717" s="2">
        <v>1</v>
      </c>
      <c r="L22717" t="s">
        <v>995</v>
      </c>
      <c r="M22717" t="s">
        <v>83</v>
      </c>
      <c r="N22717" t="s">
        <v>91</v>
      </c>
      <c r="O22717" t="s">
        <v>85</v>
      </c>
      <c r="P22717" t="s">
        <v>86</v>
      </c>
      <c r="Q22717">
        <v>65</v>
      </c>
      <c r="R22717">
        <v>66</v>
      </c>
      <c r="S22717">
        <v>67</v>
      </c>
      <c r="T22717">
        <v>69</v>
      </c>
      <c r="U22717">
        <v>70</v>
      </c>
      <c r="V22717">
        <v>71</v>
      </c>
      <c r="W22717">
        <v>72</v>
      </c>
      <c r="X22717">
        <v>73</v>
      </c>
      <c r="Y22717">
        <v>74</v>
      </c>
      <c r="Z22717">
        <v>75</v>
      </c>
      <c r="AA22717">
        <v>76</v>
      </c>
      <c r="AB22717">
        <v>77</v>
      </c>
      <c r="AC22717">
        <v>78</v>
      </c>
      <c r="AD22717">
        <v>79</v>
      </c>
      <c r="AE22717">
        <v>80</v>
      </c>
      <c r="AF22717">
        <v>81</v>
      </c>
      <c r="AG22717">
        <v>82</v>
      </c>
      <c r="AH22717">
        <v>82</v>
      </c>
      <c r="AI22717">
        <v>83</v>
      </c>
      <c r="AJ22717">
        <v>84</v>
      </c>
      <c r="AK22717">
        <v>85</v>
      </c>
      <c r="AL22717">
        <v>86</v>
      </c>
      <c r="AM22717">
        <v>86</v>
      </c>
      <c r="AN22717">
        <v>86</v>
      </c>
      <c r="AO22717">
        <v>86</v>
      </c>
      <c r="AP22717">
        <v>86</v>
      </c>
      <c r="AQ22717">
        <v>86</v>
      </c>
    </row>
    <row r="22718" spans="1:43">
      <c r="A22718" t="s">
        <v>14075</v>
      </c>
      <c r="B22718" t="s">
        <v>14076</v>
      </c>
      <c r="C22718" t="s">
        <v>14073</v>
      </c>
      <c r="D22718" t="s">
        <v>14074</v>
      </c>
      <c r="E22718" t="s">
        <v>14015</v>
      </c>
      <c r="F22718" t="s">
        <v>14016</v>
      </c>
      <c r="G22718" t="s">
        <v>10734</v>
      </c>
      <c r="H22718" t="s">
        <v>10735</v>
      </c>
      <c r="I22718" s="2">
        <v>0</v>
      </c>
      <c r="J22718" s="2">
        <v>0</v>
      </c>
      <c r="K22718" s="2">
        <v>1</v>
      </c>
      <c r="L22718" t="s">
        <v>995</v>
      </c>
      <c r="M22718" t="s">
        <v>83</v>
      </c>
      <c r="N22718" t="s">
        <v>84</v>
      </c>
      <c r="O22718" t="s">
        <v>85</v>
      </c>
      <c r="P22718" t="s">
        <v>86</v>
      </c>
      <c r="Q22718">
        <v>6</v>
      </c>
      <c r="R22718">
        <v>6</v>
      </c>
      <c r="S22718">
        <v>6</v>
      </c>
      <c r="T22718">
        <v>6</v>
      </c>
      <c r="U22718">
        <v>6</v>
      </c>
      <c r="V22718">
        <v>6</v>
      </c>
      <c r="W22718">
        <v>6</v>
      </c>
      <c r="X22718">
        <v>7</v>
      </c>
      <c r="Y22718">
        <v>7</v>
      </c>
      <c r="Z22718">
        <v>7</v>
      </c>
      <c r="AA22718">
        <v>7</v>
      </c>
      <c r="AB22718">
        <v>7</v>
      </c>
      <c r="AC22718">
        <v>7</v>
      </c>
      <c r="AD22718">
        <v>7</v>
      </c>
      <c r="AE22718">
        <v>7</v>
      </c>
      <c r="AF22718">
        <v>7</v>
      </c>
      <c r="AG22718">
        <v>7</v>
      </c>
      <c r="AH22718">
        <v>7</v>
      </c>
      <c r="AI22718">
        <v>7</v>
      </c>
      <c r="AJ22718">
        <v>8</v>
      </c>
      <c r="AK22718">
        <v>8</v>
      </c>
      <c r="AL22718">
        <v>8</v>
      </c>
      <c r="AM22718">
        <v>8</v>
      </c>
      <c r="AN22718">
        <v>8</v>
      </c>
      <c r="AO22718">
        <v>8</v>
      </c>
      <c r="AP22718">
        <v>8</v>
      </c>
      <c r="AQ22718">
        <v>8</v>
      </c>
    </row>
    <row r="22719" spans="1:43">
      <c r="A22719" t="s">
        <v>14075</v>
      </c>
      <c r="B22719" t="s">
        <v>14076</v>
      </c>
      <c r="C22719" t="s">
        <v>14073</v>
      </c>
      <c r="D22719" t="s">
        <v>14074</v>
      </c>
      <c r="E22719" t="s">
        <v>14015</v>
      </c>
      <c r="F22719" t="s">
        <v>14016</v>
      </c>
      <c r="G22719" t="s">
        <v>10734</v>
      </c>
      <c r="H22719" t="s">
        <v>10735</v>
      </c>
      <c r="I22719" s="2">
        <v>0</v>
      </c>
      <c r="J22719" s="2">
        <v>0</v>
      </c>
      <c r="K22719" s="2">
        <v>1</v>
      </c>
      <c r="L22719" t="s">
        <v>995</v>
      </c>
      <c r="M22719" t="s">
        <v>87</v>
      </c>
      <c r="N22719" t="s">
        <v>88</v>
      </c>
      <c r="O22719" t="s">
        <v>85</v>
      </c>
      <c r="P22719" t="s">
        <v>86</v>
      </c>
      <c r="Q22719">
        <v>6</v>
      </c>
      <c r="R22719">
        <v>6</v>
      </c>
      <c r="S22719">
        <v>6</v>
      </c>
      <c r="T22719">
        <v>6</v>
      </c>
      <c r="U22719">
        <v>6</v>
      </c>
      <c r="V22719">
        <v>6</v>
      </c>
      <c r="W22719">
        <v>6</v>
      </c>
      <c r="X22719">
        <v>6</v>
      </c>
      <c r="Y22719">
        <v>6</v>
      </c>
      <c r="Z22719">
        <v>6</v>
      </c>
      <c r="AA22719">
        <v>6</v>
      </c>
      <c r="AB22719">
        <v>6</v>
      </c>
      <c r="AC22719">
        <v>6</v>
      </c>
      <c r="AD22719">
        <v>6</v>
      </c>
      <c r="AE22719">
        <v>6</v>
      </c>
      <c r="AF22719">
        <v>6</v>
      </c>
      <c r="AG22719">
        <v>6</v>
      </c>
      <c r="AH22719">
        <v>6</v>
      </c>
      <c r="AI22719">
        <v>6</v>
      </c>
      <c r="AJ22719">
        <v>6</v>
      </c>
      <c r="AK22719">
        <v>7</v>
      </c>
      <c r="AL22719">
        <v>7</v>
      </c>
      <c r="AM22719">
        <v>7</v>
      </c>
      <c r="AN22719">
        <v>7</v>
      </c>
      <c r="AO22719">
        <v>7</v>
      </c>
      <c r="AP22719">
        <v>7</v>
      </c>
      <c r="AQ22719">
        <v>7</v>
      </c>
    </row>
    <row r="22720" spans="1:43">
      <c r="A22720" t="s">
        <v>14075</v>
      </c>
      <c r="B22720" t="s">
        <v>14076</v>
      </c>
      <c r="C22720" t="s">
        <v>14073</v>
      </c>
      <c r="D22720" t="s">
        <v>14074</v>
      </c>
      <c r="E22720" t="s">
        <v>14015</v>
      </c>
      <c r="F22720" t="s">
        <v>14016</v>
      </c>
      <c r="G22720" t="s">
        <v>10734</v>
      </c>
      <c r="H22720" t="s">
        <v>10735</v>
      </c>
      <c r="I22720" s="2">
        <v>0</v>
      </c>
      <c r="J22720" s="2">
        <v>0</v>
      </c>
      <c r="K22720" s="2">
        <v>1</v>
      </c>
      <c r="L22720" t="s">
        <v>995</v>
      </c>
      <c r="M22720" t="s">
        <v>89</v>
      </c>
      <c r="N22720" t="s">
        <v>90</v>
      </c>
      <c r="O22720" t="s">
        <v>85</v>
      </c>
      <c r="P22720" t="s">
        <v>86</v>
      </c>
      <c r="Q22720">
        <v>6</v>
      </c>
      <c r="R22720">
        <v>6</v>
      </c>
      <c r="S22720">
        <v>6</v>
      </c>
      <c r="T22720">
        <v>6</v>
      </c>
      <c r="U22720">
        <v>7</v>
      </c>
      <c r="V22720">
        <v>7</v>
      </c>
      <c r="W22720">
        <v>7</v>
      </c>
      <c r="X22720">
        <v>7</v>
      </c>
      <c r="Y22720">
        <v>7</v>
      </c>
      <c r="Z22720">
        <v>7</v>
      </c>
      <c r="AA22720">
        <v>7</v>
      </c>
      <c r="AB22720">
        <v>7</v>
      </c>
      <c r="AC22720">
        <v>7</v>
      </c>
      <c r="AD22720">
        <v>8</v>
      </c>
      <c r="AE22720">
        <v>8</v>
      </c>
      <c r="AF22720">
        <v>8</v>
      </c>
      <c r="AG22720">
        <v>8</v>
      </c>
      <c r="AH22720">
        <v>8</v>
      </c>
      <c r="AI22720">
        <v>8</v>
      </c>
      <c r="AJ22720">
        <v>8</v>
      </c>
      <c r="AK22720">
        <v>8</v>
      </c>
      <c r="AL22720">
        <v>8</v>
      </c>
      <c r="AM22720">
        <v>8</v>
      </c>
      <c r="AN22720">
        <v>8</v>
      </c>
      <c r="AO22720">
        <v>8</v>
      </c>
      <c r="AP22720">
        <v>8</v>
      </c>
      <c r="AQ22720">
        <v>8</v>
      </c>
    </row>
    <row r="22721" spans="1:43">
      <c r="A22721" t="s">
        <v>14075</v>
      </c>
      <c r="B22721" t="s">
        <v>14076</v>
      </c>
      <c r="C22721" t="s">
        <v>14073</v>
      </c>
      <c r="D22721" t="s">
        <v>14074</v>
      </c>
      <c r="E22721" t="s">
        <v>14015</v>
      </c>
      <c r="F22721" t="s">
        <v>14016</v>
      </c>
      <c r="G22721" t="s">
        <v>10734</v>
      </c>
      <c r="H22721" t="s">
        <v>10735</v>
      </c>
      <c r="I22721" s="2">
        <v>0</v>
      </c>
      <c r="J22721" s="2">
        <v>0</v>
      </c>
      <c r="K22721" s="2">
        <v>1</v>
      </c>
      <c r="L22721" t="s">
        <v>995</v>
      </c>
      <c r="M22721" t="s">
        <v>83</v>
      </c>
      <c r="N22721" t="s">
        <v>91</v>
      </c>
      <c r="O22721" t="s">
        <v>85</v>
      </c>
      <c r="P22721" t="s">
        <v>86</v>
      </c>
      <c r="Q22721">
        <v>6</v>
      </c>
      <c r="R22721">
        <v>6</v>
      </c>
      <c r="S22721">
        <v>6</v>
      </c>
      <c r="T22721">
        <v>6</v>
      </c>
      <c r="U22721">
        <v>6</v>
      </c>
      <c r="V22721">
        <v>6</v>
      </c>
      <c r="W22721">
        <v>6</v>
      </c>
      <c r="X22721">
        <v>7</v>
      </c>
      <c r="Y22721">
        <v>7</v>
      </c>
      <c r="Z22721">
        <v>7</v>
      </c>
      <c r="AA22721">
        <v>7</v>
      </c>
      <c r="AB22721">
        <v>7</v>
      </c>
      <c r="AC22721">
        <v>7</v>
      </c>
      <c r="AD22721">
        <v>7</v>
      </c>
      <c r="AE22721">
        <v>7</v>
      </c>
      <c r="AF22721">
        <v>7</v>
      </c>
      <c r="AG22721">
        <v>7</v>
      </c>
      <c r="AH22721">
        <v>7</v>
      </c>
      <c r="AI22721">
        <v>7</v>
      </c>
      <c r="AJ22721">
        <v>8</v>
      </c>
      <c r="AK22721">
        <v>8</v>
      </c>
      <c r="AL22721">
        <v>8</v>
      </c>
      <c r="AM22721">
        <v>8</v>
      </c>
      <c r="AN22721">
        <v>8</v>
      </c>
      <c r="AO22721">
        <v>8</v>
      </c>
      <c r="AP22721">
        <v>8</v>
      </c>
      <c r="AQ22721">
        <v>8</v>
      </c>
    </row>
    <row r="22722" spans="1:43">
      <c r="A22722" t="s">
        <v>14077</v>
      </c>
      <c r="B22722" t="s">
        <v>14078</v>
      </c>
      <c r="C22722" t="s">
        <v>14073</v>
      </c>
      <c r="D22722" t="s">
        <v>14074</v>
      </c>
      <c r="E22722" t="s">
        <v>14015</v>
      </c>
      <c r="F22722" t="s">
        <v>14016</v>
      </c>
      <c r="G22722" t="s">
        <v>10734</v>
      </c>
      <c r="H22722" t="s">
        <v>10735</v>
      </c>
      <c r="I22722" s="2">
        <v>0</v>
      </c>
      <c r="J22722" s="2">
        <v>0</v>
      </c>
      <c r="K22722" s="2">
        <v>1</v>
      </c>
      <c r="L22722" t="s">
        <v>995</v>
      </c>
      <c r="M22722" t="s">
        <v>83</v>
      </c>
      <c r="N22722" t="s">
        <v>84</v>
      </c>
      <c r="O22722" t="s">
        <v>85</v>
      </c>
      <c r="P22722" t="s">
        <v>86</v>
      </c>
      <c r="Q22722">
        <v>65</v>
      </c>
      <c r="R22722">
        <v>66</v>
      </c>
      <c r="S22722">
        <v>67</v>
      </c>
      <c r="T22722">
        <v>68</v>
      </c>
      <c r="U22722">
        <v>69</v>
      </c>
      <c r="V22722">
        <v>70</v>
      </c>
      <c r="W22722">
        <v>71</v>
      </c>
      <c r="X22722">
        <v>72</v>
      </c>
      <c r="Y22722">
        <v>73</v>
      </c>
      <c r="Z22722">
        <v>74</v>
      </c>
      <c r="AA22722">
        <v>75</v>
      </c>
      <c r="AB22722">
        <v>76</v>
      </c>
      <c r="AC22722">
        <v>77</v>
      </c>
      <c r="AD22722">
        <v>78</v>
      </c>
      <c r="AE22722">
        <v>79</v>
      </c>
      <c r="AF22722">
        <v>80</v>
      </c>
      <c r="AG22722">
        <v>80</v>
      </c>
      <c r="AH22722">
        <v>81</v>
      </c>
      <c r="AI22722">
        <v>82</v>
      </c>
      <c r="AJ22722">
        <v>83</v>
      </c>
      <c r="AK22722">
        <v>84</v>
      </c>
      <c r="AL22722">
        <v>85</v>
      </c>
      <c r="AM22722">
        <v>85</v>
      </c>
      <c r="AN22722">
        <v>85</v>
      </c>
      <c r="AO22722">
        <v>85</v>
      </c>
      <c r="AP22722">
        <v>85</v>
      </c>
      <c r="AQ22722">
        <v>85</v>
      </c>
    </row>
    <row r="22723" spans="1:43">
      <c r="A22723" t="s">
        <v>14077</v>
      </c>
      <c r="B22723" t="s">
        <v>14078</v>
      </c>
      <c r="C22723" t="s">
        <v>14073</v>
      </c>
      <c r="D22723" t="s">
        <v>14074</v>
      </c>
      <c r="E22723" t="s">
        <v>14015</v>
      </c>
      <c r="F22723" t="s">
        <v>14016</v>
      </c>
      <c r="G22723" t="s">
        <v>10734</v>
      </c>
      <c r="H22723" t="s">
        <v>10735</v>
      </c>
      <c r="I22723" s="2">
        <v>0</v>
      </c>
      <c r="J22723" s="2">
        <v>0</v>
      </c>
      <c r="K22723" s="2">
        <v>1</v>
      </c>
      <c r="L22723" t="s">
        <v>995</v>
      </c>
      <c r="M22723" t="s">
        <v>87</v>
      </c>
      <c r="N22723" t="s">
        <v>88</v>
      </c>
      <c r="O22723" t="s">
        <v>85</v>
      </c>
      <c r="P22723" t="s">
        <v>86</v>
      </c>
      <c r="Q22723">
        <v>65</v>
      </c>
      <c r="R22723">
        <v>65</v>
      </c>
      <c r="S22723">
        <v>66</v>
      </c>
      <c r="T22723">
        <v>66</v>
      </c>
      <c r="U22723">
        <v>67</v>
      </c>
      <c r="V22723">
        <v>67</v>
      </c>
      <c r="W22723">
        <v>68</v>
      </c>
      <c r="X22723">
        <v>68</v>
      </c>
      <c r="Y22723">
        <v>68</v>
      </c>
      <c r="Z22723">
        <v>69</v>
      </c>
      <c r="AA22723">
        <v>69</v>
      </c>
      <c r="AB22723">
        <v>69</v>
      </c>
      <c r="AC22723">
        <v>70</v>
      </c>
      <c r="AD22723">
        <v>70</v>
      </c>
      <c r="AE22723">
        <v>71</v>
      </c>
      <c r="AF22723">
        <v>71</v>
      </c>
      <c r="AG22723">
        <v>71</v>
      </c>
      <c r="AH22723">
        <v>72</v>
      </c>
      <c r="AI22723">
        <v>72</v>
      </c>
      <c r="AJ22723">
        <v>72</v>
      </c>
      <c r="AK22723">
        <v>73</v>
      </c>
      <c r="AL22723">
        <v>73</v>
      </c>
      <c r="AM22723">
        <v>73</v>
      </c>
      <c r="AN22723">
        <v>74</v>
      </c>
      <c r="AO22723">
        <v>74</v>
      </c>
      <c r="AP22723">
        <v>74</v>
      </c>
      <c r="AQ22723">
        <v>74</v>
      </c>
    </row>
    <row r="22724" spans="1:43">
      <c r="A22724" t="s">
        <v>14077</v>
      </c>
      <c r="B22724" t="s">
        <v>14078</v>
      </c>
      <c r="C22724" t="s">
        <v>14073</v>
      </c>
      <c r="D22724" t="s">
        <v>14074</v>
      </c>
      <c r="E22724" t="s">
        <v>14015</v>
      </c>
      <c r="F22724" t="s">
        <v>14016</v>
      </c>
      <c r="G22724" t="s">
        <v>10734</v>
      </c>
      <c r="H22724" t="s">
        <v>10735</v>
      </c>
      <c r="I22724" s="2">
        <v>0</v>
      </c>
      <c r="J22724" s="2">
        <v>0</v>
      </c>
      <c r="K22724" s="2">
        <v>1</v>
      </c>
      <c r="L22724" t="s">
        <v>995</v>
      </c>
      <c r="M22724" t="s">
        <v>89</v>
      </c>
      <c r="N22724" t="s">
        <v>90</v>
      </c>
      <c r="O22724" t="s">
        <v>85</v>
      </c>
      <c r="P22724" t="s">
        <v>86</v>
      </c>
      <c r="Q22724">
        <v>65</v>
      </c>
      <c r="R22724">
        <v>67</v>
      </c>
      <c r="S22724">
        <v>68</v>
      </c>
      <c r="T22724">
        <v>70</v>
      </c>
      <c r="U22724">
        <v>71</v>
      </c>
      <c r="V22724">
        <v>73</v>
      </c>
      <c r="W22724">
        <v>74</v>
      </c>
      <c r="X22724">
        <v>76</v>
      </c>
      <c r="Y22724">
        <v>77</v>
      </c>
      <c r="Z22724">
        <v>78</v>
      </c>
      <c r="AA22724">
        <v>80</v>
      </c>
      <c r="AB22724">
        <v>81</v>
      </c>
      <c r="AC22724">
        <v>82</v>
      </c>
      <c r="AD22724">
        <v>84</v>
      </c>
      <c r="AE22724">
        <v>84</v>
      </c>
      <c r="AF22724">
        <v>85</v>
      </c>
      <c r="AG22724">
        <v>85</v>
      </c>
      <c r="AH22724">
        <v>85</v>
      </c>
      <c r="AI22724">
        <v>85</v>
      </c>
      <c r="AJ22724">
        <v>85</v>
      </c>
      <c r="AK22724">
        <v>86</v>
      </c>
      <c r="AL22724">
        <v>86</v>
      </c>
      <c r="AM22724">
        <v>86</v>
      </c>
      <c r="AN22724">
        <v>86</v>
      </c>
      <c r="AO22724">
        <v>86</v>
      </c>
      <c r="AP22724">
        <v>86</v>
      </c>
      <c r="AQ22724">
        <v>86</v>
      </c>
    </row>
    <row r="22725" spans="1:43">
      <c r="A22725" t="s">
        <v>14077</v>
      </c>
      <c r="B22725" t="s">
        <v>14078</v>
      </c>
      <c r="C22725" t="s">
        <v>14073</v>
      </c>
      <c r="D22725" t="s">
        <v>14074</v>
      </c>
      <c r="E22725" t="s">
        <v>14015</v>
      </c>
      <c r="F22725" t="s">
        <v>14016</v>
      </c>
      <c r="G22725" t="s">
        <v>10734</v>
      </c>
      <c r="H22725" t="s">
        <v>10735</v>
      </c>
      <c r="I22725" s="2">
        <v>0</v>
      </c>
      <c r="J22725" s="2">
        <v>0</v>
      </c>
      <c r="K22725" s="2">
        <v>1</v>
      </c>
      <c r="L22725" t="s">
        <v>995</v>
      </c>
      <c r="M22725" t="s">
        <v>83</v>
      </c>
      <c r="N22725" t="s">
        <v>91</v>
      </c>
      <c r="O22725" t="s">
        <v>85</v>
      </c>
      <c r="P22725" t="s">
        <v>86</v>
      </c>
      <c r="Q22725">
        <v>65</v>
      </c>
      <c r="R22725">
        <v>66</v>
      </c>
      <c r="S22725">
        <v>67</v>
      </c>
      <c r="T22725">
        <v>68</v>
      </c>
      <c r="U22725">
        <v>69</v>
      </c>
      <c r="V22725">
        <v>70</v>
      </c>
      <c r="W22725">
        <v>71</v>
      </c>
      <c r="X22725">
        <v>72</v>
      </c>
      <c r="Y22725">
        <v>73</v>
      </c>
      <c r="Z22725">
        <v>74</v>
      </c>
      <c r="AA22725">
        <v>75</v>
      </c>
      <c r="AB22725">
        <v>76</v>
      </c>
      <c r="AC22725">
        <v>77</v>
      </c>
      <c r="AD22725">
        <v>78</v>
      </c>
      <c r="AE22725">
        <v>79</v>
      </c>
      <c r="AF22725">
        <v>80</v>
      </c>
      <c r="AG22725">
        <v>80</v>
      </c>
      <c r="AH22725">
        <v>81</v>
      </c>
      <c r="AI22725">
        <v>82</v>
      </c>
      <c r="AJ22725">
        <v>83</v>
      </c>
      <c r="AK22725">
        <v>84</v>
      </c>
      <c r="AL22725">
        <v>85</v>
      </c>
      <c r="AM22725">
        <v>85</v>
      </c>
      <c r="AN22725">
        <v>85</v>
      </c>
      <c r="AO22725">
        <v>85</v>
      </c>
      <c r="AP22725">
        <v>85</v>
      </c>
      <c r="AQ22725">
        <v>85</v>
      </c>
    </row>
    <row r="22726" spans="1:43">
      <c r="A22726" t="s">
        <v>14079</v>
      </c>
      <c r="B22726" t="s">
        <v>14080</v>
      </c>
      <c r="C22726" t="s">
        <v>14073</v>
      </c>
      <c r="D22726" t="s">
        <v>14074</v>
      </c>
      <c r="E22726" t="s">
        <v>14015</v>
      </c>
      <c r="F22726" t="s">
        <v>14016</v>
      </c>
      <c r="G22726" t="s">
        <v>10734</v>
      </c>
      <c r="H22726" t="s">
        <v>10735</v>
      </c>
      <c r="I22726" s="2">
        <v>0</v>
      </c>
      <c r="J22726" s="2">
        <v>0</v>
      </c>
      <c r="K22726" s="2">
        <v>1</v>
      </c>
      <c r="L22726" t="s">
        <v>995</v>
      </c>
      <c r="M22726" t="s">
        <v>83</v>
      </c>
      <c r="N22726" t="s">
        <v>84</v>
      </c>
      <c r="O22726" t="s">
        <v>85</v>
      </c>
      <c r="P22726" t="s">
        <v>86</v>
      </c>
      <c r="Q22726">
        <v>36</v>
      </c>
      <c r="R22726">
        <v>36</v>
      </c>
      <c r="S22726">
        <v>37</v>
      </c>
      <c r="T22726">
        <v>37</v>
      </c>
      <c r="U22726">
        <v>38</v>
      </c>
      <c r="V22726">
        <v>38</v>
      </c>
      <c r="W22726">
        <v>39</v>
      </c>
      <c r="X22726">
        <v>40</v>
      </c>
      <c r="Y22726">
        <v>40</v>
      </c>
      <c r="Z22726">
        <v>41</v>
      </c>
      <c r="AA22726">
        <v>41</v>
      </c>
      <c r="AB22726">
        <v>42</v>
      </c>
      <c r="AC22726">
        <v>42</v>
      </c>
      <c r="AD22726">
        <v>43</v>
      </c>
      <c r="AE22726">
        <v>43</v>
      </c>
      <c r="AF22726">
        <v>44</v>
      </c>
      <c r="AG22726">
        <v>44</v>
      </c>
      <c r="AH22726">
        <v>45</v>
      </c>
      <c r="AI22726">
        <v>45</v>
      </c>
      <c r="AJ22726">
        <v>46</v>
      </c>
      <c r="AK22726">
        <v>46</v>
      </c>
      <c r="AL22726">
        <v>47</v>
      </c>
      <c r="AM22726">
        <v>47</v>
      </c>
      <c r="AN22726">
        <v>47</v>
      </c>
      <c r="AO22726">
        <v>47</v>
      </c>
      <c r="AP22726">
        <v>47</v>
      </c>
      <c r="AQ22726">
        <v>47</v>
      </c>
    </row>
    <row r="22727" spans="1:43">
      <c r="A22727" t="s">
        <v>14079</v>
      </c>
      <c r="B22727" t="s">
        <v>14080</v>
      </c>
      <c r="C22727" t="s">
        <v>14073</v>
      </c>
      <c r="D22727" t="s">
        <v>14074</v>
      </c>
      <c r="E22727" t="s">
        <v>14015</v>
      </c>
      <c r="F22727" t="s">
        <v>14016</v>
      </c>
      <c r="G22727" t="s">
        <v>10734</v>
      </c>
      <c r="H22727" t="s">
        <v>10735</v>
      </c>
      <c r="I22727" s="2">
        <v>0</v>
      </c>
      <c r="J22727" s="2">
        <v>0</v>
      </c>
      <c r="K22727" s="2">
        <v>1</v>
      </c>
      <c r="L22727" t="s">
        <v>995</v>
      </c>
      <c r="M22727" t="s">
        <v>87</v>
      </c>
      <c r="N22727" t="s">
        <v>88</v>
      </c>
      <c r="O22727" t="s">
        <v>85</v>
      </c>
      <c r="P22727" t="s">
        <v>86</v>
      </c>
      <c r="Q22727">
        <v>36</v>
      </c>
      <c r="R22727">
        <v>36</v>
      </c>
      <c r="S22727">
        <v>37</v>
      </c>
      <c r="T22727">
        <v>37</v>
      </c>
      <c r="U22727">
        <v>37</v>
      </c>
      <c r="V22727">
        <v>37</v>
      </c>
      <c r="W22727">
        <v>38</v>
      </c>
      <c r="X22727">
        <v>38</v>
      </c>
      <c r="Y22727">
        <v>38</v>
      </c>
      <c r="Z22727">
        <v>38</v>
      </c>
      <c r="AA22727">
        <v>39</v>
      </c>
      <c r="AB22727">
        <v>39</v>
      </c>
      <c r="AC22727">
        <v>39</v>
      </c>
      <c r="AD22727">
        <v>39</v>
      </c>
      <c r="AE22727">
        <v>39</v>
      </c>
      <c r="AF22727">
        <v>40</v>
      </c>
      <c r="AG22727">
        <v>40</v>
      </c>
      <c r="AH22727">
        <v>40</v>
      </c>
      <c r="AI22727">
        <v>40</v>
      </c>
      <c r="AJ22727">
        <v>40</v>
      </c>
      <c r="AK22727">
        <v>41</v>
      </c>
      <c r="AL22727">
        <v>41</v>
      </c>
      <c r="AM22727">
        <v>41</v>
      </c>
      <c r="AN22727">
        <v>41</v>
      </c>
      <c r="AO22727">
        <v>41</v>
      </c>
      <c r="AP22727">
        <v>42</v>
      </c>
      <c r="AQ22727">
        <v>42</v>
      </c>
    </row>
    <row r="22728" spans="1:43">
      <c r="A22728" t="s">
        <v>14079</v>
      </c>
      <c r="B22728" t="s">
        <v>14080</v>
      </c>
      <c r="C22728" t="s">
        <v>14073</v>
      </c>
      <c r="D22728" t="s">
        <v>14074</v>
      </c>
      <c r="E22728" t="s">
        <v>14015</v>
      </c>
      <c r="F22728" t="s">
        <v>14016</v>
      </c>
      <c r="G22728" t="s">
        <v>10734</v>
      </c>
      <c r="H22728" t="s">
        <v>10735</v>
      </c>
      <c r="I22728" s="2">
        <v>0</v>
      </c>
      <c r="J22728" s="2">
        <v>0</v>
      </c>
      <c r="K22728" s="2">
        <v>1</v>
      </c>
      <c r="L22728" t="s">
        <v>995</v>
      </c>
      <c r="M22728" t="s">
        <v>89</v>
      </c>
      <c r="N22728" t="s">
        <v>90</v>
      </c>
      <c r="O22728" t="s">
        <v>85</v>
      </c>
      <c r="P22728" t="s">
        <v>86</v>
      </c>
      <c r="Q22728">
        <v>36</v>
      </c>
      <c r="R22728">
        <v>37</v>
      </c>
      <c r="S22728">
        <v>38</v>
      </c>
      <c r="T22728">
        <v>39</v>
      </c>
      <c r="U22728">
        <v>39</v>
      </c>
      <c r="V22728">
        <v>40</v>
      </c>
      <c r="W22728">
        <v>41</v>
      </c>
      <c r="X22728">
        <v>42</v>
      </c>
      <c r="Y22728">
        <v>43</v>
      </c>
      <c r="Z22728">
        <v>43</v>
      </c>
      <c r="AA22728">
        <v>44</v>
      </c>
      <c r="AB22728">
        <v>45</v>
      </c>
      <c r="AC22728">
        <v>45</v>
      </c>
      <c r="AD22728">
        <v>46</v>
      </c>
      <c r="AE22728">
        <v>46</v>
      </c>
      <c r="AF22728">
        <v>47</v>
      </c>
      <c r="AG22728">
        <v>47</v>
      </c>
      <c r="AH22728">
        <v>47</v>
      </c>
      <c r="AI22728">
        <v>47</v>
      </c>
      <c r="AJ22728">
        <v>47</v>
      </c>
      <c r="AK22728">
        <v>47</v>
      </c>
      <c r="AL22728">
        <v>47</v>
      </c>
      <c r="AM22728">
        <v>47</v>
      </c>
      <c r="AN22728">
        <v>47</v>
      </c>
      <c r="AO22728">
        <v>47</v>
      </c>
      <c r="AP22728">
        <v>47</v>
      </c>
      <c r="AQ22728">
        <v>47</v>
      </c>
    </row>
    <row r="22729" spans="1:43">
      <c r="A22729" t="s">
        <v>14079</v>
      </c>
      <c r="B22729" t="s">
        <v>14080</v>
      </c>
      <c r="C22729" t="s">
        <v>14073</v>
      </c>
      <c r="D22729" t="s">
        <v>14074</v>
      </c>
      <c r="E22729" t="s">
        <v>14015</v>
      </c>
      <c r="F22729" t="s">
        <v>14016</v>
      </c>
      <c r="G22729" t="s">
        <v>10734</v>
      </c>
      <c r="H22729" t="s">
        <v>10735</v>
      </c>
      <c r="I22729" s="2">
        <v>0</v>
      </c>
      <c r="J22729" s="2">
        <v>0</v>
      </c>
      <c r="K22729" s="2">
        <v>1</v>
      </c>
      <c r="L22729" t="s">
        <v>995</v>
      </c>
      <c r="M22729" t="s">
        <v>83</v>
      </c>
      <c r="N22729" t="s">
        <v>91</v>
      </c>
      <c r="O22729" t="s">
        <v>85</v>
      </c>
      <c r="P22729" t="s">
        <v>86</v>
      </c>
      <c r="Q22729">
        <v>36</v>
      </c>
      <c r="R22729">
        <v>36</v>
      </c>
      <c r="S22729">
        <v>37</v>
      </c>
      <c r="T22729">
        <v>37</v>
      </c>
      <c r="U22729">
        <v>38</v>
      </c>
      <c r="V22729">
        <v>38</v>
      </c>
      <c r="W22729">
        <v>39</v>
      </c>
      <c r="X22729">
        <v>40</v>
      </c>
      <c r="Y22729">
        <v>40</v>
      </c>
      <c r="Z22729">
        <v>41</v>
      </c>
      <c r="AA22729">
        <v>41</v>
      </c>
      <c r="AB22729">
        <v>42</v>
      </c>
      <c r="AC22729">
        <v>42</v>
      </c>
      <c r="AD22729">
        <v>43</v>
      </c>
      <c r="AE22729">
        <v>43</v>
      </c>
      <c r="AF22729">
        <v>44</v>
      </c>
      <c r="AG22729">
        <v>44</v>
      </c>
      <c r="AH22729">
        <v>45</v>
      </c>
      <c r="AI22729">
        <v>45</v>
      </c>
      <c r="AJ22729">
        <v>46</v>
      </c>
      <c r="AK22729">
        <v>46</v>
      </c>
      <c r="AL22729">
        <v>47</v>
      </c>
      <c r="AM22729">
        <v>47</v>
      </c>
      <c r="AN22729">
        <v>47</v>
      </c>
      <c r="AO22729">
        <v>47</v>
      </c>
      <c r="AP22729">
        <v>47</v>
      </c>
      <c r="AQ22729">
        <v>47</v>
      </c>
    </row>
    <row r="22730" spans="1:43">
      <c r="A22730" t="s">
        <v>14081</v>
      </c>
      <c r="B22730" t="s">
        <v>14082</v>
      </c>
      <c r="C22730" t="s">
        <v>14069</v>
      </c>
      <c r="D22730" t="s">
        <v>14070</v>
      </c>
      <c r="E22730" t="s">
        <v>14015</v>
      </c>
      <c r="F22730" t="s">
        <v>14016</v>
      </c>
      <c r="G22730" t="s">
        <v>10734</v>
      </c>
      <c r="H22730" t="s">
        <v>10735</v>
      </c>
      <c r="I22730" s="2">
        <v>0</v>
      </c>
      <c r="J22730" s="2">
        <v>0</v>
      </c>
      <c r="K22730" s="2">
        <v>1</v>
      </c>
      <c r="L22730" t="s">
        <v>995</v>
      </c>
      <c r="M22730" t="s">
        <v>83</v>
      </c>
      <c r="N22730" t="s">
        <v>84</v>
      </c>
      <c r="O22730" t="s">
        <v>85</v>
      </c>
      <c r="P22730" t="s">
        <v>86</v>
      </c>
      <c r="Q22730">
        <v>63</v>
      </c>
      <c r="R22730">
        <v>64</v>
      </c>
      <c r="S22730">
        <v>65</v>
      </c>
      <c r="T22730">
        <v>66</v>
      </c>
      <c r="U22730">
        <v>67</v>
      </c>
      <c r="V22730">
        <v>68</v>
      </c>
      <c r="W22730">
        <v>69</v>
      </c>
      <c r="X22730">
        <v>71</v>
      </c>
      <c r="Y22730">
        <v>72</v>
      </c>
      <c r="Z22730">
        <v>73</v>
      </c>
      <c r="AA22730">
        <v>74</v>
      </c>
      <c r="AB22730">
        <v>74</v>
      </c>
      <c r="AC22730">
        <v>75</v>
      </c>
      <c r="AD22730">
        <v>76</v>
      </c>
      <c r="AE22730">
        <v>77</v>
      </c>
      <c r="AF22730">
        <v>78</v>
      </c>
      <c r="AG22730">
        <v>79</v>
      </c>
      <c r="AH22730">
        <v>80</v>
      </c>
      <c r="AI22730">
        <v>81</v>
      </c>
      <c r="AJ22730">
        <v>82</v>
      </c>
      <c r="AK22730">
        <v>83</v>
      </c>
      <c r="AL22730">
        <v>83</v>
      </c>
      <c r="AM22730">
        <v>83</v>
      </c>
      <c r="AN22730">
        <v>83</v>
      </c>
      <c r="AO22730">
        <v>83</v>
      </c>
      <c r="AP22730">
        <v>83</v>
      </c>
      <c r="AQ22730">
        <v>84</v>
      </c>
    </row>
    <row r="22731" spans="1:43">
      <c r="A22731" t="s">
        <v>14081</v>
      </c>
      <c r="B22731" t="s">
        <v>14082</v>
      </c>
      <c r="C22731" t="s">
        <v>14069</v>
      </c>
      <c r="D22731" t="s">
        <v>14070</v>
      </c>
      <c r="E22731" t="s">
        <v>14015</v>
      </c>
      <c r="F22731" t="s">
        <v>14016</v>
      </c>
      <c r="G22731" t="s">
        <v>10734</v>
      </c>
      <c r="H22731" t="s">
        <v>10735</v>
      </c>
      <c r="I22731" s="2">
        <v>0</v>
      </c>
      <c r="J22731" s="2">
        <v>0</v>
      </c>
      <c r="K22731" s="2">
        <v>1</v>
      </c>
      <c r="L22731" t="s">
        <v>995</v>
      </c>
      <c r="M22731" t="s">
        <v>87</v>
      </c>
      <c r="N22731" t="s">
        <v>88</v>
      </c>
      <c r="O22731" t="s">
        <v>85</v>
      </c>
      <c r="P22731" t="s">
        <v>86</v>
      </c>
      <c r="Q22731">
        <v>63</v>
      </c>
      <c r="R22731">
        <v>63</v>
      </c>
      <c r="S22731">
        <v>64</v>
      </c>
      <c r="T22731">
        <v>64</v>
      </c>
      <c r="U22731">
        <v>64</v>
      </c>
      <c r="V22731">
        <v>65</v>
      </c>
      <c r="W22731">
        <v>65</v>
      </c>
      <c r="X22731">
        <v>66</v>
      </c>
      <c r="Y22731">
        <v>66</v>
      </c>
      <c r="Z22731">
        <v>67</v>
      </c>
      <c r="AA22731">
        <v>67</v>
      </c>
      <c r="AB22731">
        <v>67</v>
      </c>
      <c r="AC22731">
        <v>68</v>
      </c>
      <c r="AD22731">
        <v>68</v>
      </c>
      <c r="AE22731">
        <v>68</v>
      </c>
      <c r="AF22731">
        <v>69</v>
      </c>
      <c r="AG22731">
        <v>69</v>
      </c>
      <c r="AH22731">
        <v>70</v>
      </c>
      <c r="AI22731">
        <v>70</v>
      </c>
      <c r="AJ22731">
        <v>70</v>
      </c>
      <c r="AK22731">
        <v>71</v>
      </c>
      <c r="AL22731">
        <v>71</v>
      </c>
      <c r="AM22731">
        <v>71</v>
      </c>
      <c r="AN22731">
        <v>72</v>
      </c>
      <c r="AO22731">
        <v>72</v>
      </c>
      <c r="AP22731">
        <v>72</v>
      </c>
      <c r="AQ22731">
        <v>73</v>
      </c>
    </row>
    <row r="22732" spans="1:43">
      <c r="A22732" t="s">
        <v>14081</v>
      </c>
      <c r="B22732" t="s">
        <v>14082</v>
      </c>
      <c r="C22732" t="s">
        <v>14069</v>
      </c>
      <c r="D22732" t="s">
        <v>14070</v>
      </c>
      <c r="E22732" t="s">
        <v>14015</v>
      </c>
      <c r="F22732" t="s">
        <v>14016</v>
      </c>
      <c r="G22732" t="s">
        <v>10734</v>
      </c>
      <c r="H22732" t="s">
        <v>10735</v>
      </c>
      <c r="I22732" s="2">
        <v>0</v>
      </c>
      <c r="J22732" s="2">
        <v>0</v>
      </c>
      <c r="K22732" s="2">
        <v>1</v>
      </c>
      <c r="L22732" t="s">
        <v>995</v>
      </c>
      <c r="M22732" t="s">
        <v>89</v>
      </c>
      <c r="N22732" t="s">
        <v>90</v>
      </c>
      <c r="O22732" t="s">
        <v>85</v>
      </c>
      <c r="P22732" t="s">
        <v>86</v>
      </c>
      <c r="Q22732">
        <v>63</v>
      </c>
      <c r="R22732">
        <v>65</v>
      </c>
      <c r="S22732">
        <v>66</v>
      </c>
      <c r="T22732">
        <v>68</v>
      </c>
      <c r="U22732">
        <v>69</v>
      </c>
      <c r="V22732">
        <v>71</v>
      </c>
      <c r="W22732">
        <v>72</v>
      </c>
      <c r="X22732">
        <v>73</v>
      </c>
      <c r="Y22732">
        <v>75</v>
      </c>
      <c r="Z22732">
        <v>76</v>
      </c>
      <c r="AA22732">
        <v>77</v>
      </c>
      <c r="AB22732">
        <v>78</v>
      </c>
      <c r="AC22732">
        <v>80</v>
      </c>
      <c r="AD22732">
        <v>81</v>
      </c>
      <c r="AE22732">
        <v>82</v>
      </c>
      <c r="AF22732">
        <v>82</v>
      </c>
      <c r="AG22732">
        <v>82</v>
      </c>
      <c r="AH22732">
        <v>82</v>
      </c>
      <c r="AI22732">
        <v>82</v>
      </c>
      <c r="AJ22732">
        <v>83</v>
      </c>
      <c r="AK22732">
        <v>83</v>
      </c>
      <c r="AL22732">
        <v>83</v>
      </c>
      <c r="AM22732">
        <v>83</v>
      </c>
      <c r="AN22732">
        <v>83</v>
      </c>
      <c r="AO22732">
        <v>83</v>
      </c>
      <c r="AP22732">
        <v>83</v>
      </c>
      <c r="AQ22732">
        <v>83</v>
      </c>
    </row>
    <row r="22733" spans="1:43">
      <c r="A22733" t="s">
        <v>14081</v>
      </c>
      <c r="B22733" t="s">
        <v>14082</v>
      </c>
      <c r="C22733" t="s">
        <v>14069</v>
      </c>
      <c r="D22733" t="s">
        <v>14070</v>
      </c>
      <c r="E22733" t="s">
        <v>14015</v>
      </c>
      <c r="F22733" t="s">
        <v>14016</v>
      </c>
      <c r="G22733" t="s">
        <v>10734</v>
      </c>
      <c r="H22733" t="s">
        <v>10735</v>
      </c>
      <c r="I22733" s="2">
        <v>0</v>
      </c>
      <c r="J22733" s="2">
        <v>0</v>
      </c>
      <c r="K22733" s="2">
        <v>1</v>
      </c>
      <c r="L22733" t="s">
        <v>995</v>
      </c>
      <c r="M22733" t="s">
        <v>83</v>
      </c>
      <c r="N22733" t="s">
        <v>91</v>
      </c>
      <c r="O22733" t="s">
        <v>85</v>
      </c>
      <c r="P22733" t="s">
        <v>86</v>
      </c>
      <c r="Q22733">
        <v>63</v>
      </c>
      <c r="R22733">
        <v>64</v>
      </c>
      <c r="S22733">
        <v>65</v>
      </c>
      <c r="T22733">
        <v>66</v>
      </c>
      <c r="U22733">
        <v>67</v>
      </c>
      <c r="V22733">
        <v>68</v>
      </c>
      <c r="W22733">
        <v>69</v>
      </c>
      <c r="X22733">
        <v>71</v>
      </c>
      <c r="Y22733">
        <v>72</v>
      </c>
      <c r="Z22733">
        <v>73</v>
      </c>
      <c r="AA22733">
        <v>74</v>
      </c>
      <c r="AB22733">
        <v>74</v>
      </c>
      <c r="AC22733">
        <v>75</v>
      </c>
      <c r="AD22733">
        <v>76</v>
      </c>
      <c r="AE22733">
        <v>77</v>
      </c>
      <c r="AF22733">
        <v>78</v>
      </c>
      <c r="AG22733">
        <v>79</v>
      </c>
      <c r="AH22733">
        <v>80</v>
      </c>
      <c r="AI22733">
        <v>81</v>
      </c>
      <c r="AJ22733">
        <v>82</v>
      </c>
      <c r="AK22733">
        <v>83</v>
      </c>
      <c r="AL22733">
        <v>83</v>
      </c>
      <c r="AM22733">
        <v>83</v>
      </c>
      <c r="AN22733">
        <v>83</v>
      </c>
      <c r="AO22733">
        <v>83</v>
      </c>
      <c r="AP22733">
        <v>83</v>
      </c>
      <c r="AQ22733">
        <v>84</v>
      </c>
    </row>
    <row r="22734" spans="1:43">
      <c r="A22734" t="s">
        <v>14083</v>
      </c>
      <c r="B22734" t="s">
        <v>14084</v>
      </c>
      <c r="C22734" t="s">
        <v>14069</v>
      </c>
      <c r="D22734" t="s">
        <v>14070</v>
      </c>
      <c r="E22734" t="s">
        <v>14015</v>
      </c>
      <c r="F22734" t="s">
        <v>14016</v>
      </c>
      <c r="G22734" t="s">
        <v>10734</v>
      </c>
      <c r="H22734" t="s">
        <v>10735</v>
      </c>
      <c r="I22734" s="2">
        <v>0</v>
      </c>
      <c r="J22734" s="2">
        <v>0</v>
      </c>
      <c r="K22734" s="2">
        <v>1</v>
      </c>
      <c r="L22734" t="s">
        <v>995</v>
      </c>
      <c r="M22734" t="s">
        <v>83</v>
      </c>
      <c r="N22734" t="s">
        <v>84</v>
      </c>
      <c r="O22734" t="s">
        <v>85</v>
      </c>
      <c r="P22734" t="s">
        <v>86</v>
      </c>
      <c r="Q22734">
        <v>5</v>
      </c>
      <c r="R22734">
        <v>5</v>
      </c>
      <c r="S22734">
        <v>5</v>
      </c>
      <c r="T22734">
        <v>5</v>
      </c>
      <c r="U22734">
        <v>5</v>
      </c>
      <c r="V22734">
        <v>5</v>
      </c>
      <c r="W22734">
        <v>5</v>
      </c>
      <c r="X22734">
        <v>5</v>
      </c>
      <c r="Y22734">
        <v>5</v>
      </c>
      <c r="Z22734">
        <v>5</v>
      </c>
      <c r="AA22734">
        <v>5</v>
      </c>
      <c r="AB22734">
        <v>5</v>
      </c>
      <c r="AC22734">
        <v>5</v>
      </c>
      <c r="AD22734">
        <v>5</v>
      </c>
      <c r="AE22734">
        <v>6</v>
      </c>
      <c r="AF22734">
        <v>6</v>
      </c>
      <c r="AG22734">
        <v>6</v>
      </c>
      <c r="AH22734">
        <v>6</v>
      </c>
      <c r="AI22734">
        <v>6</v>
      </c>
      <c r="AJ22734">
        <v>6</v>
      </c>
      <c r="AK22734">
        <v>6</v>
      </c>
      <c r="AL22734">
        <v>6</v>
      </c>
      <c r="AM22734">
        <v>6</v>
      </c>
      <c r="AN22734">
        <v>6</v>
      </c>
      <c r="AO22734">
        <v>6</v>
      </c>
      <c r="AP22734">
        <v>6</v>
      </c>
      <c r="AQ22734">
        <v>6</v>
      </c>
    </row>
    <row r="22735" spans="1:43">
      <c r="A22735" t="s">
        <v>14083</v>
      </c>
      <c r="B22735" t="s">
        <v>14084</v>
      </c>
      <c r="C22735" t="s">
        <v>14069</v>
      </c>
      <c r="D22735" t="s">
        <v>14070</v>
      </c>
      <c r="E22735" t="s">
        <v>14015</v>
      </c>
      <c r="F22735" t="s">
        <v>14016</v>
      </c>
      <c r="G22735" t="s">
        <v>10734</v>
      </c>
      <c r="H22735" t="s">
        <v>10735</v>
      </c>
      <c r="I22735" s="2">
        <v>0</v>
      </c>
      <c r="J22735" s="2">
        <v>0</v>
      </c>
      <c r="K22735" s="2">
        <v>1</v>
      </c>
      <c r="L22735" t="s">
        <v>995</v>
      </c>
      <c r="M22735" t="s">
        <v>87</v>
      </c>
      <c r="N22735" t="s">
        <v>88</v>
      </c>
      <c r="O22735" t="s">
        <v>85</v>
      </c>
      <c r="P22735" t="s">
        <v>86</v>
      </c>
      <c r="Q22735">
        <v>5</v>
      </c>
      <c r="R22735">
        <v>5</v>
      </c>
      <c r="S22735">
        <v>5</v>
      </c>
      <c r="T22735">
        <v>5</v>
      </c>
      <c r="U22735">
        <v>5</v>
      </c>
      <c r="V22735">
        <v>5</v>
      </c>
      <c r="W22735">
        <v>5</v>
      </c>
      <c r="X22735">
        <v>5</v>
      </c>
      <c r="Y22735">
        <v>5</v>
      </c>
      <c r="Z22735">
        <v>5</v>
      </c>
      <c r="AA22735">
        <v>5</v>
      </c>
      <c r="AB22735">
        <v>5</v>
      </c>
      <c r="AC22735">
        <v>5</v>
      </c>
      <c r="AD22735">
        <v>5</v>
      </c>
      <c r="AE22735">
        <v>5</v>
      </c>
      <c r="AF22735">
        <v>5</v>
      </c>
      <c r="AG22735">
        <v>5</v>
      </c>
      <c r="AH22735">
        <v>5</v>
      </c>
      <c r="AI22735">
        <v>5</v>
      </c>
      <c r="AJ22735">
        <v>5</v>
      </c>
      <c r="AK22735">
        <v>5</v>
      </c>
      <c r="AL22735">
        <v>5</v>
      </c>
      <c r="AM22735">
        <v>5</v>
      </c>
      <c r="AN22735">
        <v>5</v>
      </c>
      <c r="AO22735">
        <v>5</v>
      </c>
      <c r="AP22735">
        <v>5</v>
      </c>
      <c r="AQ22735">
        <v>5</v>
      </c>
    </row>
    <row r="22736" spans="1:43">
      <c r="A22736" t="s">
        <v>14083</v>
      </c>
      <c r="B22736" t="s">
        <v>14084</v>
      </c>
      <c r="C22736" t="s">
        <v>14069</v>
      </c>
      <c r="D22736" t="s">
        <v>14070</v>
      </c>
      <c r="E22736" t="s">
        <v>14015</v>
      </c>
      <c r="F22736" t="s">
        <v>14016</v>
      </c>
      <c r="G22736" t="s">
        <v>10734</v>
      </c>
      <c r="H22736" t="s">
        <v>10735</v>
      </c>
      <c r="I22736" s="2">
        <v>0</v>
      </c>
      <c r="J22736" s="2">
        <v>0</v>
      </c>
      <c r="K22736" s="2">
        <v>1</v>
      </c>
      <c r="L22736" t="s">
        <v>995</v>
      </c>
      <c r="M22736" t="s">
        <v>89</v>
      </c>
      <c r="N22736" t="s">
        <v>90</v>
      </c>
      <c r="O22736" t="s">
        <v>85</v>
      </c>
      <c r="P22736" t="s">
        <v>86</v>
      </c>
      <c r="Q22736">
        <v>5</v>
      </c>
      <c r="R22736">
        <v>5</v>
      </c>
      <c r="S22736">
        <v>5</v>
      </c>
      <c r="T22736">
        <v>5</v>
      </c>
      <c r="U22736">
        <v>5</v>
      </c>
      <c r="V22736">
        <v>5</v>
      </c>
      <c r="W22736">
        <v>5</v>
      </c>
      <c r="X22736">
        <v>5</v>
      </c>
      <c r="Y22736">
        <v>5</v>
      </c>
      <c r="Z22736">
        <v>6</v>
      </c>
      <c r="AA22736">
        <v>6</v>
      </c>
      <c r="AB22736">
        <v>6</v>
      </c>
      <c r="AC22736">
        <v>6</v>
      </c>
      <c r="AD22736">
        <v>6</v>
      </c>
      <c r="AE22736">
        <v>6</v>
      </c>
      <c r="AF22736">
        <v>6</v>
      </c>
      <c r="AG22736">
        <v>6</v>
      </c>
      <c r="AH22736">
        <v>6</v>
      </c>
      <c r="AI22736">
        <v>6</v>
      </c>
      <c r="AJ22736">
        <v>6</v>
      </c>
      <c r="AK22736">
        <v>6</v>
      </c>
      <c r="AL22736">
        <v>6</v>
      </c>
      <c r="AM22736">
        <v>6</v>
      </c>
      <c r="AN22736">
        <v>6</v>
      </c>
      <c r="AO22736">
        <v>6</v>
      </c>
      <c r="AP22736">
        <v>6</v>
      </c>
      <c r="AQ22736">
        <v>6</v>
      </c>
    </row>
    <row r="22737" spans="1:43">
      <c r="A22737" t="s">
        <v>14083</v>
      </c>
      <c r="B22737" t="s">
        <v>14084</v>
      </c>
      <c r="C22737" t="s">
        <v>14069</v>
      </c>
      <c r="D22737" t="s">
        <v>14070</v>
      </c>
      <c r="E22737" t="s">
        <v>14015</v>
      </c>
      <c r="F22737" t="s">
        <v>14016</v>
      </c>
      <c r="G22737" t="s">
        <v>10734</v>
      </c>
      <c r="H22737" t="s">
        <v>10735</v>
      </c>
      <c r="I22737" s="2">
        <v>0</v>
      </c>
      <c r="J22737" s="2">
        <v>0</v>
      </c>
      <c r="K22737" s="2">
        <v>1</v>
      </c>
      <c r="L22737" t="s">
        <v>995</v>
      </c>
      <c r="M22737" t="s">
        <v>83</v>
      </c>
      <c r="N22737" t="s">
        <v>91</v>
      </c>
      <c r="O22737" t="s">
        <v>85</v>
      </c>
      <c r="P22737" t="s">
        <v>86</v>
      </c>
      <c r="Q22737">
        <v>5</v>
      </c>
      <c r="R22737">
        <v>5</v>
      </c>
      <c r="S22737">
        <v>5</v>
      </c>
      <c r="T22737">
        <v>5</v>
      </c>
      <c r="U22737">
        <v>5</v>
      </c>
      <c r="V22737">
        <v>5</v>
      </c>
      <c r="W22737">
        <v>5</v>
      </c>
      <c r="X22737">
        <v>5</v>
      </c>
      <c r="Y22737">
        <v>5</v>
      </c>
      <c r="Z22737">
        <v>5</v>
      </c>
      <c r="AA22737">
        <v>5</v>
      </c>
      <c r="AB22737">
        <v>5</v>
      </c>
      <c r="AC22737">
        <v>5</v>
      </c>
      <c r="AD22737">
        <v>5</v>
      </c>
      <c r="AE22737">
        <v>6</v>
      </c>
      <c r="AF22737">
        <v>6</v>
      </c>
      <c r="AG22737">
        <v>6</v>
      </c>
      <c r="AH22737">
        <v>6</v>
      </c>
      <c r="AI22737">
        <v>6</v>
      </c>
      <c r="AJ22737">
        <v>6</v>
      </c>
      <c r="AK22737">
        <v>6</v>
      </c>
      <c r="AL22737">
        <v>6</v>
      </c>
      <c r="AM22737">
        <v>6</v>
      </c>
      <c r="AN22737">
        <v>6</v>
      </c>
      <c r="AO22737">
        <v>6</v>
      </c>
      <c r="AP22737">
        <v>6</v>
      </c>
      <c r="AQ22737">
        <v>6</v>
      </c>
    </row>
    <row r="22738" spans="1:43">
      <c r="A22738" t="s">
        <v>14085</v>
      </c>
      <c r="B22738" t="s">
        <v>14086</v>
      </c>
      <c r="C22738" t="s">
        <v>14069</v>
      </c>
      <c r="D22738" t="s">
        <v>14070</v>
      </c>
      <c r="E22738" t="s">
        <v>14015</v>
      </c>
      <c r="F22738" t="s">
        <v>14016</v>
      </c>
      <c r="G22738" t="s">
        <v>10734</v>
      </c>
      <c r="H22738" t="s">
        <v>10735</v>
      </c>
      <c r="I22738" s="2">
        <v>0</v>
      </c>
      <c r="J22738" s="2">
        <v>0</v>
      </c>
      <c r="K22738" s="2">
        <v>1</v>
      </c>
      <c r="L22738" t="s">
        <v>995</v>
      </c>
      <c r="M22738" t="s">
        <v>83</v>
      </c>
      <c r="N22738" t="s">
        <v>84</v>
      </c>
      <c r="O22738" t="s">
        <v>85</v>
      </c>
      <c r="P22738" t="s">
        <v>86</v>
      </c>
      <c r="Q22738">
        <v>14</v>
      </c>
      <c r="R22738">
        <v>14</v>
      </c>
      <c r="S22738">
        <v>14</v>
      </c>
      <c r="T22738">
        <v>14</v>
      </c>
      <c r="U22738">
        <v>15</v>
      </c>
      <c r="V22738">
        <v>15</v>
      </c>
      <c r="W22738">
        <v>15</v>
      </c>
      <c r="X22738">
        <v>15</v>
      </c>
      <c r="Y22738">
        <v>16</v>
      </c>
      <c r="Z22738">
        <v>16</v>
      </c>
      <c r="AA22738">
        <v>16</v>
      </c>
      <c r="AB22738">
        <v>16</v>
      </c>
      <c r="AC22738">
        <v>16</v>
      </c>
      <c r="AD22738">
        <v>17</v>
      </c>
      <c r="AE22738">
        <v>17</v>
      </c>
      <c r="AF22738">
        <v>17</v>
      </c>
      <c r="AG22738">
        <v>17</v>
      </c>
      <c r="AH22738">
        <v>17</v>
      </c>
      <c r="AI22738">
        <v>18</v>
      </c>
      <c r="AJ22738">
        <v>18</v>
      </c>
      <c r="AK22738">
        <v>18</v>
      </c>
      <c r="AL22738">
        <v>18</v>
      </c>
      <c r="AM22738">
        <v>18</v>
      </c>
      <c r="AN22738">
        <v>18</v>
      </c>
      <c r="AO22738">
        <v>18</v>
      </c>
      <c r="AP22738">
        <v>18</v>
      </c>
      <c r="AQ22738">
        <v>18</v>
      </c>
    </row>
    <row r="22739" spans="1:43">
      <c r="A22739" t="s">
        <v>14085</v>
      </c>
      <c r="B22739" t="s">
        <v>14086</v>
      </c>
      <c r="C22739" t="s">
        <v>14069</v>
      </c>
      <c r="D22739" t="s">
        <v>14070</v>
      </c>
      <c r="E22739" t="s">
        <v>14015</v>
      </c>
      <c r="F22739" t="s">
        <v>14016</v>
      </c>
      <c r="G22739" t="s">
        <v>10734</v>
      </c>
      <c r="H22739" t="s">
        <v>10735</v>
      </c>
      <c r="I22739" s="2">
        <v>0</v>
      </c>
      <c r="J22739" s="2">
        <v>0</v>
      </c>
      <c r="K22739" s="2">
        <v>1</v>
      </c>
      <c r="L22739" t="s">
        <v>995</v>
      </c>
      <c r="M22739" t="s">
        <v>87</v>
      </c>
      <c r="N22739" t="s">
        <v>88</v>
      </c>
      <c r="O22739" t="s">
        <v>85</v>
      </c>
      <c r="P22739" t="s">
        <v>86</v>
      </c>
      <c r="Q22739">
        <v>14</v>
      </c>
      <c r="R22739">
        <v>14</v>
      </c>
      <c r="S22739">
        <v>14</v>
      </c>
      <c r="T22739">
        <v>14</v>
      </c>
      <c r="U22739">
        <v>14</v>
      </c>
      <c r="V22739">
        <v>14</v>
      </c>
      <c r="W22739">
        <v>14</v>
      </c>
      <c r="X22739">
        <v>14</v>
      </c>
      <c r="Y22739">
        <v>14</v>
      </c>
      <c r="Z22739">
        <v>14</v>
      </c>
      <c r="AA22739">
        <v>15</v>
      </c>
      <c r="AB22739">
        <v>15</v>
      </c>
      <c r="AC22739">
        <v>15</v>
      </c>
      <c r="AD22739">
        <v>15</v>
      </c>
      <c r="AE22739">
        <v>15</v>
      </c>
      <c r="AF22739">
        <v>15</v>
      </c>
      <c r="AG22739">
        <v>15</v>
      </c>
      <c r="AH22739">
        <v>15</v>
      </c>
      <c r="AI22739">
        <v>15</v>
      </c>
      <c r="AJ22739">
        <v>15</v>
      </c>
      <c r="AK22739">
        <v>15</v>
      </c>
      <c r="AL22739">
        <v>15</v>
      </c>
      <c r="AM22739">
        <v>16</v>
      </c>
      <c r="AN22739">
        <v>16</v>
      </c>
      <c r="AO22739">
        <v>16</v>
      </c>
      <c r="AP22739">
        <v>16</v>
      </c>
      <c r="AQ22739">
        <v>16</v>
      </c>
    </row>
    <row r="22740" spans="1:43">
      <c r="A22740" t="s">
        <v>14085</v>
      </c>
      <c r="B22740" t="s">
        <v>14086</v>
      </c>
      <c r="C22740" t="s">
        <v>14069</v>
      </c>
      <c r="D22740" t="s">
        <v>14070</v>
      </c>
      <c r="E22740" t="s">
        <v>14015</v>
      </c>
      <c r="F22740" t="s">
        <v>14016</v>
      </c>
      <c r="G22740" t="s">
        <v>10734</v>
      </c>
      <c r="H22740" t="s">
        <v>10735</v>
      </c>
      <c r="I22740" s="2">
        <v>0</v>
      </c>
      <c r="J22740" s="2">
        <v>0</v>
      </c>
      <c r="K22740" s="2">
        <v>1</v>
      </c>
      <c r="L22740" t="s">
        <v>995</v>
      </c>
      <c r="M22740" t="s">
        <v>89</v>
      </c>
      <c r="N22740" t="s">
        <v>90</v>
      </c>
      <c r="O22740" t="s">
        <v>85</v>
      </c>
      <c r="P22740" t="s">
        <v>86</v>
      </c>
      <c r="Q22740">
        <v>14</v>
      </c>
      <c r="R22740">
        <v>14</v>
      </c>
      <c r="S22740">
        <v>15</v>
      </c>
      <c r="T22740">
        <v>15</v>
      </c>
      <c r="U22740">
        <v>15</v>
      </c>
      <c r="V22740">
        <v>16</v>
      </c>
      <c r="W22740">
        <v>16</v>
      </c>
      <c r="X22740">
        <v>16</v>
      </c>
      <c r="Y22740">
        <v>16</v>
      </c>
      <c r="Z22740">
        <v>17</v>
      </c>
      <c r="AA22740">
        <v>17</v>
      </c>
      <c r="AB22740">
        <v>17</v>
      </c>
      <c r="AC22740">
        <v>18</v>
      </c>
      <c r="AD22740">
        <v>18</v>
      </c>
      <c r="AE22740">
        <v>18</v>
      </c>
      <c r="AF22740">
        <v>18</v>
      </c>
      <c r="AG22740">
        <v>18</v>
      </c>
      <c r="AH22740">
        <v>18</v>
      </c>
      <c r="AI22740">
        <v>18</v>
      </c>
      <c r="AJ22740">
        <v>18</v>
      </c>
      <c r="AK22740">
        <v>18</v>
      </c>
      <c r="AL22740">
        <v>18</v>
      </c>
      <c r="AM22740">
        <v>18</v>
      </c>
      <c r="AN22740">
        <v>18</v>
      </c>
      <c r="AO22740">
        <v>18</v>
      </c>
      <c r="AP22740">
        <v>18</v>
      </c>
      <c r="AQ22740">
        <v>18</v>
      </c>
    </row>
    <row r="22741" spans="1:43">
      <c r="A22741" t="s">
        <v>14085</v>
      </c>
      <c r="B22741" t="s">
        <v>14086</v>
      </c>
      <c r="C22741" t="s">
        <v>14069</v>
      </c>
      <c r="D22741" t="s">
        <v>14070</v>
      </c>
      <c r="E22741" t="s">
        <v>14015</v>
      </c>
      <c r="F22741" t="s">
        <v>14016</v>
      </c>
      <c r="G22741" t="s">
        <v>10734</v>
      </c>
      <c r="H22741" t="s">
        <v>10735</v>
      </c>
      <c r="I22741" s="2">
        <v>0</v>
      </c>
      <c r="J22741" s="2">
        <v>0</v>
      </c>
      <c r="K22741" s="2">
        <v>1</v>
      </c>
      <c r="L22741" t="s">
        <v>995</v>
      </c>
      <c r="M22741" t="s">
        <v>83</v>
      </c>
      <c r="N22741" t="s">
        <v>91</v>
      </c>
      <c r="O22741" t="s">
        <v>85</v>
      </c>
      <c r="P22741" t="s">
        <v>86</v>
      </c>
      <c r="Q22741">
        <v>14</v>
      </c>
      <c r="R22741">
        <v>14</v>
      </c>
      <c r="S22741">
        <v>14</v>
      </c>
      <c r="T22741">
        <v>14</v>
      </c>
      <c r="U22741">
        <v>15</v>
      </c>
      <c r="V22741">
        <v>15</v>
      </c>
      <c r="W22741">
        <v>15</v>
      </c>
      <c r="X22741">
        <v>15</v>
      </c>
      <c r="Y22741">
        <v>16</v>
      </c>
      <c r="Z22741">
        <v>16</v>
      </c>
      <c r="AA22741">
        <v>16</v>
      </c>
      <c r="AB22741">
        <v>16</v>
      </c>
      <c r="AC22741">
        <v>16</v>
      </c>
      <c r="AD22741">
        <v>17</v>
      </c>
      <c r="AE22741">
        <v>17</v>
      </c>
      <c r="AF22741">
        <v>17</v>
      </c>
      <c r="AG22741">
        <v>17</v>
      </c>
      <c r="AH22741">
        <v>17</v>
      </c>
      <c r="AI22741">
        <v>18</v>
      </c>
      <c r="AJ22741">
        <v>18</v>
      </c>
      <c r="AK22741">
        <v>18</v>
      </c>
      <c r="AL22741">
        <v>18</v>
      </c>
      <c r="AM22741">
        <v>18</v>
      </c>
      <c r="AN22741">
        <v>18</v>
      </c>
      <c r="AO22741">
        <v>18</v>
      </c>
      <c r="AP22741">
        <v>18</v>
      </c>
      <c r="AQ22741">
        <v>18</v>
      </c>
    </row>
    <row r="22742" spans="1:43">
      <c r="A22742" t="s">
        <v>14087</v>
      </c>
      <c r="B22742" t="s">
        <v>14088</v>
      </c>
      <c r="C22742" t="s">
        <v>14013</v>
      </c>
      <c r="D22742" t="s">
        <v>14014</v>
      </c>
      <c r="E22742" t="s">
        <v>14015</v>
      </c>
      <c r="F22742" t="s">
        <v>14016</v>
      </c>
      <c r="G22742" t="s">
        <v>10734</v>
      </c>
      <c r="H22742" t="s">
        <v>10735</v>
      </c>
      <c r="I22742" s="2">
        <v>0</v>
      </c>
      <c r="J22742" s="2">
        <v>0</v>
      </c>
      <c r="K22742" s="2">
        <v>1</v>
      </c>
      <c r="L22742" t="s">
        <v>995</v>
      </c>
      <c r="M22742" t="s">
        <v>83</v>
      </c>
      <c r="N22742" t="s">
        <v>84</v>
      </c>
      <c r="O22742" t="s">
        <v>85</v>
      </c>
      <c r="P22742" t="s">
        <v>86</v>
      </c>
      <c r="Q22742">
        <v>17</v>
      </c>
      <c r="R22742">
        <v>17</v>
      </c>
      <c r="S22742">
        <v>17</v>
      </c>
      <c r="T22742">
        <v>17</v>
      </c>
      <c r="U22742">
        <v>18</v>
      </c>
      <c r="V22742">
        <v>18</v>
      </c>
      <c r="W22742">
        <v>18</v>
      </c>
      <c r="X22742">
        <v>18</v>
      </c>
      <c r="Y22742">
        <v>19</v>
      </c>
      <c r="Z22742">
        <v>19</v>
      </c>
      <c r="AA22742">
        <v>19</v>
      </c>
      <c r="AB22742">
        <v>19</v>
      </c>
      <c r="AC22742">
        <v>20</v>
      </c>
      <c r="AD22742">
        <v>20</v>
      </c>
      <c r="AE22742">
        <v>20</v>
      </c>
      <c r="AF22742">
        <v>20</v>
      </c>
      <c r="AG22742">
        <v>21</v>
      </c>
      <c r="AH22742">
        <v>21</v>
      </c>
      <c r="AI22742">
        <v>21</v>
      </c>
      <c r="AJ22742">
        <v>21</v>
      </c>
      <c r="AK22742">
        <v>21</v>
      </c>
      <c r="AL22742">
        <v>21</v>
      </c>
      <c r="AM22742">
        <v>21</v>
      </c>
      <c r="AN22742">
        <v>21</v>
      </c>
      <c r="AO22742">
        <v>22</v>
      </c>
      <c r="AP22742">
        <v>22</v>
      </c>
      <c r="AQ22742">
        <v>22</v>
      </c>
    </row>
    <row r="22743" spans="1:43">
      <c r="A22743" t="s">
        <v>14087</v>
      </c>
      <c r="B22743" t="s">
        <v>14088</v>
      </c>
      <c r="C22743" t="s">
        <v>14013</v>
      </c>
      <c r="D22743" t="s">
        <v>14014</v>
      </c>
      <c r="E22743" t="s">
        <v>14015</v>
      </c>
      <c r="F22743" t="s">
        <v>14016</v>
      </c>
      <c r="G22743" t="s">
        <v>10734</v>
      </c>
      <c r="H22743" t="s">
        <v>10735</v>
      </c>
      <c r="I22743" s="2">
        <v>0</v>
      </c>
      <c r="J22743" s="2">
        <v>0</v>
      </c>
      <c r="K22743" s="2">
        <v>1</v>
      </c>
      <c r="L22743" t="s">
        <v>995</v>
      </c>
      <c r="M22743" t="s">
        <v>87</v>
      </c>
      <c r="N22743" t="s">
        <v>88</v>
      </c>
      <c r="O22743" t="s">
        <v>85</v>
      </c>
      <c r="P22743" t="s">
        <v>86</v>
      </c>
      <c r="Q22743">
        <v>17</v>
      </c>
      <c r="R22743">
        <v>17</v>
      </c>
      <c r="S22743">
        <v>18</v>
      </c>
      <c r="T22743">
        <v>18</v>
      </c>
      <c r="U22743">
        <v>18</v>
      </c>
      <c r="V22743">
        <v>18</v>
      </c>
      <c r="W22743">
        <v>18</v>
      </c>
      <c r="X22743">
        <v>18</v>
      </c>
      <c r="Y22743">
        <v>18</v>
      </c>
      <c r="Z22743">
        <v>18</v>
      </c>
      <c r="AA22743">
        <v>18</v>
      </c>
      <c r="AB22743">
        <v>18</v>
      </c>
      <c r="AC22743">
        <v>19</v>
      </c>
      <c r="AD22743">
        <v>19</v>
      </c>
      <c r="AE22743">
        <v>19</v>
      </c>
      <c r="AF22743">
        <v>19</v>
      </c>
      <c r="AG22743">
        <v>19</v>
      </c>
      <c r="AH22743">
        <v>19</v>
      </c>
      <c r="AI22743">
        <v>19</v>
      </c>
      <c r="AJ22743">
        <v>19</v>
      </c>
      <c r="AK22743">
        <v>19</v>
      </c>
      <c r="AL22743">
        <v>19</v>
      </c>
      <c r="AM22743">
        <v>19</v>
      </c>
      <c r="AN22743">
        <v>19</v>
      </c>
      <c r="AO22743">
        <v>20</v>
      </c>
      <c r="AP22743">
        <v>20</v>
      </c>
      <c r="AQ22743">
        <v>20</v>
      </c>
    </row>
    <row r="22744" spans="1:43">
      <c r="A22744" t="s">
        <v>14087</v>
      </c>
      <c r="B22744" t="s">
        <v>14088</v>
      </c>
      <c r="C22744" t="s">
        <v>14013</v>
      </c>
      <c r="D22744" t="s">
        <v>14014</v>
      </c>
      <c r="E22744" t="s">
        <v>14015</v>
      </c>
      <c r="F22744" t="s">
        <v>14016</v>
      </c>
      <c r="G22744" t="s">
        <v>10734</v>
      </c>
      <c r="H22744" t="s">
        <v>10735</v>
      </c>
      <c r="I22744" s="2">
        <v>0</v>
      </c>
      <c r="J22744" s="2">
        <v>0</v>
      </c>
      <c r="K22744" s="2">
        <v>1</v>
      </c>
      <c r="L22744" t="s">
        <v>995</v>
      </c>
      <c r="M22744" t="s">
        <v>89</v>
      </c>
      <c r="N22744" t="s">
        <v>90</v>
      </c>
      <c r="O22744" t="s">
        <v>85</v>
      </c>
      <c r="P22744" t="s">
        <v>86</v>
      </c>
      <c r="Q22744">
        <v>17</v>
      </c>
      <c r="R22744">
        <v>17</v>
      </c>
      <c r="S22744">
        <v>17</v>
      </c>
      <c r="T22744">
        <v>18</v>
      </c>
      <c r="U22744">
        <v>18</v>
      </c>
      <c r="V22744">
        <v>19</v>
      </c>
      <c r="W22744">
        <v>19</v>
      </c>
      <c r="X22744">
        <v>19</v>
      </c>
      <c r="Y22744">
        <v>20</v>
      </c>
      <c r="Z22744">
        <v>20</v>
      </c>
      <c r="AA22744">
        <v>20</v>
      </c>
      <c r="AB22744">
        <v>21</v>
      </c>
      <c r="AC22744">
        <v>21</v>
      </c>
      <c r="AD22744">
        <v>21</v>
      </c>
      <c r="AE22744">
        <v>21</v>
      </c>
      <c r="AF22744">
        <v>22</v>
      </c>
      <c r="AG22744">
        <v>22</v>
      </c>
      <c r="AH22744">
        <v>22</v>
      </c>
      <c r="AI22744">
        <v>22</v>
      </c>
      <c r="AJ22744">
        <v>22</v>
      </c>
      <c r="AK22744">
        <v>22</v>
      </c>
      <c r="AL22744">
        <v>22</v>
      </c>
      <c r="AM22744">
        <v>22</v>
      </c>
      <c r="AN22744">
        <v>22</v>
      </c>
      <c r="AO22744">
        <v>22</v>
      </c>
      <c r="AP22744">
        <v>22</v>
      </c>
      <c r="AQ22744">
        <v>22</v>
      </c>
    </row>
    <row r="22745" spans="1:43">
      <c r="A22745" t="s">
        <v>14087</v>
      </c>
      <c r="B22745" t="s">
        <v>14088</v>
      </c>
      <c r="C22745" t="s">
        <v>14013</v>
      </c>
      <c r="D22745" t="s">
        <v>14014</v>
      </c>
      <c r="E22745" t="s">
        <v>14015</v>
      </c>
      <c r="F22745" t="s">
        <v>14016</v>
      </c>
      <c r="G22745" t="s">
        <v>10734</v>
      </c>
      <c r="H22745" t="s">
        <v>10735</v>
      </c>
      <c r="I22745" s="2">
        <v>0</v>
      </c>
      <c r="J22745" s="2">
        <v>0</v>
      </c>
      <c r="K22745" s="2">
        <v>1</v>
      </c>
      <c r="L22745" t="s">
        <v>995</v>
      </c>
      <c r="M22745" t="s">
        <v>83</v>
      </c>
      <c r="N22745" t="s">
        <v>91</v>
      </c>
      <c r="O22745" t="s">
        <v>85</v>
      </c>
      <c r="P22745" t="s">
        <v>86</v>
      </c>
      <c r="Q22745">
        <v>17</v>
      </c>
      <c r="R22745">
        <v>17</v>
      </c>
      <c r="S22745">
        <v>17</v>
      </c>
      <c r="T22745">
        <v>17</v>
      </c>
      <c r="U22745">
        <v>18</v>
      </c>
      <c r="V22745">
        <v>18</v>
      </c>
      <c r="W22745">
        <v>18</v>
      </c>
      <c r="X22745">
        <v>18</v>
      </c>
      <c r="Y22745">
        <v>19</v>
      </c>
      <c r="Z22745">
        <v>19</v>
      </c>
      <c r="AA22745">
        <v>19</v>
      </c>
      <c r="AB22745">
        <v>19</v>
      </c>
      <c r="AC22745">
        <v>20</v>
      </c>
      <c r="AD22745">
        <v>20</v>
      </c>
      <c r="AE22745">
        <v>20</v>
      </c>
      <c r="AF22745">
        <v>20</v>
      </c>
      <c r="AG22745">
        <v>21</v>
      </c>
      <c r="AH22745">
        <v>21</v>
      </c>
      <c r="AI22745">
        <v>21</v>
      </c>
      <c r="AJ22745">
        <v>21</v>
      </c>
      <c r="AK22745">
        <v>21</v>
      </c>
      <c r="AL22745">
        <v>21</v>
      </c>
      <c r="AM22745">
        <v>21</v>
      </c>
      <c r="AN22745">
        <v>21</v>
      </c>
      <c r="AO22745">
        <v>22</v>
      </c>
      <c r="AP22745">
        <v>22</v>
      </c>
      <c r="AQ22745">
        <v>22</v>
      </c>
    </row>
    <row r="22746" spans="1:43">
      <c r="A22746" t="s">
        <v>14089</v>
      </c>
      <c r="B22746" t="s">
        <v>14090</v>
      </c>
      <c r="C22746" t="s">
        <v>14013</v>
      </c>
      <c r="D22746" t="s">
        <v>14014</v>
      </c>
      <c r="E22746" t="s">
        <v>14015</v>
      </c>
      <c r="F22746" t="s">
        <v>14016</v>
      </c>
      <c r="G22746" t="s">
        <v>10734</v>
      </c>
      <c r="H22746" t="s">
        <v>10735</v>
      </c>
      <c r="I22746" s="2">
        <v>0</v>
      </c>
      <c r="J22746" s="2">
        <v>0</v>
      </c>
      <c r="K22746" s="2">
        <v>1</v>
      </c>
      <c r="L22746" t="s">
        <v>995</v>
      </c>
      <c r="M22746" t="s">
        <v>83</v>
      </c>
      <c r="N22746" t="s">
        <v>84</v>
      </c>
      <c r="O22746" t="s">
        <v>85</v>
      </c>
      <c r="P22746" t="s">
        <v>86</v>
      </c>
      <c r="Q22746">
        <v>25</v>
      </c>
      <c r="R22746">
        <v>25</v>
      </c>
      <c r="S22746">
        <v>26</v>
      </c>
      <c r="T22746">
        <v>26</v>
      </c>
      <c r="U22746">
        <v>27</v>
      </c>
      <c r="V22746">
        <v>27</v>
      </c>
      <c r="W22746">
        <v>27</v>
      </c>
      <c r="X22746">
        <v>28</v>
      </c>
      <c r="Y22746">
        <v>28</v>
      </c>
      <c r="Z22746">
        <v>29</v>
      </c>
      <c r="AA22746">
        <v>29</v>
      </c>
      <c r="AB22746">
        <v>29</v>
      </c>
      <c r="AC22746">
        <v>30</v>
      </c>
      <c r="AD22746">
        <v>30</v>
      </c>
      <c r="AE22746">
        <v>30</v>
      </c>
      <c r="AF22746">
        <v>31</v>
      </c>
      <c r="AG22746">
        <v>31</v>
      </c>
      <c r="AH22746">
        <v>31</v>
      </c>
      <c r="AI22746">
        <v>32</v>
      </c>
      <c r="AJ22746">
        <v>32</v>
      </c>
      <c r="AK22746">
        <v>32</v>
      </c>
      <c r="AL22746">
        <v>32</v>
      </c>
      <c r="AM22746">
        <v>33</v>
      </c>
      <c r="AN22746">
        <v>33</v>
      </c>
      <c r="AO22746">
        <v>33</v>
      </c>
      <c r="AP22746">
        <v>33</v>
      </c>
      <c r="AQ22746">
        <v>33</v>
      </c>
    </row>
    <row r="22747" spans="1:43">
      <c r="A22747" t="s">
        <v>14089</v>
      </c>
      <c r="B22747" t="s">
        <v>14090</v>
      </c>
      <c r="C22747" t="s">
        <v>14013</v>
      </c>
      <c r="D22747" t="s">
        <v>14014</v>
      </c>
      <c r="E22747" t="s">
        <v>14015</v>
      </c>
      <c r="F22747" t="s">
        <v>14016</v>
      </c>
      <c r="G22747" t="s">
        <v>10734</v>
      </c>
      <c r="H22747" t="s">
        <v>10735</v>
      </c>
      <c r="I22747" s="2">
        <v>0</v>
      </c>
      <c r="J22747" s="2">
        <v>0</v>
      </c>
      <c r="K22747" s="2">
        <v>1</v>
      </c>
      <c r="L22747" t="s">
        <v>995</v>
      </c>
      <c r="M22747" t="s">
        <v>87</v>
      </c>
      <c r="N22747" t="s">
        <v>88</v>
      </c>
      <c r="O22747" t="s">
        <v>85</v>
      </c>
      <c r="P22747" t="s">
        <v>86</v>
      </c>
      <c r="Q22747">
        <v>25</v>
      </c>
      <c r="R22747">
        <v>25</v>
      </c>
      <c r="S22747">
        <v>25</v>
      </c>
      <c r="T22747">
        <v>25</v>
      </c>
      <c r="U22747">
        <v>25</v>
      </c>
      <c r="V22747">
        <v>26</v>
      </c>
      <c r="W22747">
        <v>26</v>
      </c>
      <c r="X22747">
        <v>26</v>
      </c>
      <c r="Y22747">
        <v>26</v>
      </c>
      <c r="Z22747">
        <v>26</v>
      </c>
      <c r="AA22747">
        <v>26</v>
      </c>
      <c r="AB22747">
        <v>26</v>
      </c>
      <c r="AC22747">
        <v>27</v>
      </c>
      <c r="AD22747">
        <v>27</v>
      </c>
      <c r="AE22747">
        <v>27</v>
      </c>
      <c r="AF22747">
        <v>27</v>
      </c>
      <c r="AG22747">
        <v>27</v>
      </c>
      <c r="AH22747">
        <v>27</v>
      </c>
      <c r="AI22747">
        <v>27</v>
      </c>
      <c r="AJ22747">
        <v>28</v>
      </c>
      <c r="AK22747">
        <v>28</v>
      </c>
      <c r="AL22747">
        <v>28</v>
      </c>
      <c r="AM22747">
        <v>28</v>
      </c>
      <c r="AN22747">
        <v>28</v>
      </c>
      <c r="AO22747">
        <v>28</v>
      </c>
      <c r="AP22747">
        <v>28</v>
      </c>
      <c r="AQ22747">
        <v>28</v>
      </c>
    </row>
    <row r="22748" spans="1:43">
      <c r="A22748" t="s">
        <v>14089</v>
      </c>
      <c r="B22748" t="s">
        <v>14090</v>
      </c>
      <c r="C22748" t="s">
        <v>14013</v>
      </c>
      <c r="D22748" t="s">
        <v>14014</v>
      </c>
      <c r="E22748" t="s">
        <v>14015</v>
      </c>
      <c r="F22748" t="s">
        <v>14016</v>
      </c>
      <c r="G22748" t="s">
        <v>10734</v>
      </c>
      <c r="H22748" t="s">
        <v>10735</v>
      </c>
      <c r="I22748" s="2">
        <v>0</v>
      </c>
      <c r="J22748" s="2">
        <v>0</v>
      </c>
      <c r="K22748" s="2">
        <v>1</v>
      </c>
      <c r="L22748" t="s">
        <v>995</v>
      </c>
      <c r="M22748" t="s">
        <v>89</v>
      </c>
      <c r="N22748" t="s">
        <v>90</v>
      </c>
      <c r="O22748" t="s">
        <v>85</v>
      </c>
      <c r="P22748" t="s">
        <v>86</v>
      </c>
      <c r="Q22748">
        <v>25</v>
      </c>
      <c r="R22748">
        <v>26</v>
      </c>
      <c r="S22748">
        <v>26</v>
      </c>
      <c r="T22748">
        <v>27</v>
      </c>
      <c r="U22748">
        <v>28</v>
      </c>
      <c r="V22748">
        <v>28</v>
      </c>
      <c r="W22748">
        <v>29</v>
      </c>
      <c r="X22748">
        <v>29</v>
      </c>
      <c r="Y22748">
        <v>30</v>
      </c>
      <c r="Z22748">
        <v>30</v>
      </c>
      <c r="AA22748">
        <v>31</v>
      </c>
      <c r="AB22748">
        <v>31</v>
      </c>
      <c r="AC22748">
        <v>32</v>
      </c>
      <c r="AD22748">
        <v>32</v>
      </c>
      <c r="AE22748">
        <v>33</v>
      </c>
      <c r="AF22748">
        <v>33</v>
      </c>
      <c r="AG22748">
        <v>33</v>
      </c>
      <c r="AH22748">
        <v>33</v>
      </c>
      <c r="AI22748">
        <v>33</v>
      </c>
      <c r="AJ22748">
        <v>33</v>
      </c>
      <c r="AK22748">
        <v>33</v>
      </c>
      <c r="AL22748">
        <v>33</v>
      </c>
      <c r="AM22748">
        <v>33</v>
      </c>
      <c r="AN22748">
        <v>33</v>
      </c>
      <c r="AO22748">
        <v>33</v>
      </c>
      <c r="AP22748">
        <v>33</v>
      </c>
      <c r="AQ22748">
        <v>33</v>
      </c>
    </row>
    <row r="22749" spans="1:43">
      <c r="A22749" t="s">
        <v>14089</v>
      </c>
      <c r="B22749" t="s">
        <v>14090</v>
      </c>
      <c r="C22749" t="s">
        <v>14013</v>
      </c>
      <c r="D22749" t="s">
        <v>14014</v>
      </c>
      <c r="E22749" t="s">
        <v>14015</v>
      </c>
      <c r="F22749" t="s">
        <v>14016</v>
      </c>
      <c r="G22749" t="s">
        <v>10734</v>
      </c>
      <c r="H22749" t="s">
        <v>10735</v>
      </c>
      <c r="I22749" s="2">
        <v>0</v>
      </c>
      <c r="J22749" s="2">
        <v>0</v>
      </c>
      <c r="K22749" s="2">
        <v>1</v>
      </c>
      <c r="L22749" t="s">
        <v>995</v>
      </c>
      <c r="M22749" t="s">
        <v>83</v>
      </c>
      <c r="N22749" t="s">
        <v>91</v>
      </c>
      <c r="O22749" t="s">
        <v>85</v>
      </c>
      <c r="P22749" t="s">
        <v>86</v>
      </c>
      <c r="Q22749">
        <v>25</v>
      </c>
      <c r="R22749">
        <v>25</v>
      </c>
      <c r="S22749">
        <v>26</v>
      </c>
      <c r="T22749">
        <v>26</v>
      </c>
      <c r="U22749">
        <v>27</v>
      </c>
      <c r="V22749">
        <v>27</v>
      </c>
      <c r="W22749">
        <v>27</v>
      </c>
      <c r="X22749">
        <v>28</v>
      </c>
      <c r="Y22749">
        <v>28</v>
      </c>
      <c r="Z22749">
        <v>29</v>
      </c>
      <c r="AA22749">
        <v>29</v>
      </c>
      <c r="AB22749">
        <v>29</v>
      </c>
      <c r="AC22749">
        <v>30</v>
      </c>
      <c r="AD22749">
        <v>30</v>
      </c>
      <c r="AE22749">
        <v>30</v>
      </c>
      <c r="AF22749">
        <v>31</v>
      </c>
      <c r="AG22749">
        <v>31</v>
      </c>
      <c r="AH22749">
        <v>31</v>
      </c>
      <c r="AI22749">
        <v>32</v>
      </c>
      <c r="AJ22749">
        <v>32</v>
      </c>
      <c r="AK22749">
        <v>32</v>
      </c>
      <c r="AL22749">
        <v>32</v>
      </c>
      <c r="AM22749">
        <v>33</v>
      </c>
      <c r="AN22749">
        <v>33</v>
      </c>
      <c r="AO22749">
        <v>33</v>
      </c>
      <c r="AP22749">
        <v>33</v>
      </c>
      <c r="AQ22749">
        <v>33</v>
      </c>
    </row>
    <row r="22750" spans="1:43">
      <c r="A22750" t="s">
        <v>14091</v>
      </c>
      <c r="B22750" t="s">
        <v>14092</v>
      </c>
      <c r="C22750" t="s">
        <v>14093</v>
      </c>
      <c r="D22750" t="s">
        <v>14094</v>
      </c>
      <c r="E22750" t="s">
        <v>14015</v>
      </c>
      <c r="F22750" t="s">
        <v>14016</v>
      </c>
      <c r="G22750" t="s">
        <v>10734</v>
      </c>
      <c r="H22750" t="s">
        <v>10735</v>
      </c>
      <c r="I22750" s="2">
        <v>0</v>
      </c>
      <c r="J22750" s="2">
        <v>0</v>
      </c>
      <c r="K22750" s="2">
        <v>1</v>
      </c>
      <c r="L22750" t="s">
        <v>995</v>
      </c>
      <c r="M22750" t="s">
        <v>83</v>
      </c>
      <c r="N22750" t="s">
        <v>84</v>
      </c>
      <c r="O22750" t="s">
        <v>85</v>
      </c>
      <c r="P22750" t="s">
        <v>86</v>
      </c>
      <c r="Q22750">
        <v>54</v>
      </c>
      <c r="R22750">
        <v>54</v>
      </c>
      <c r="S22750">
        <v>55</v>
      </c>
      <c r="T22750">
        <v>56</v>
      </c>
      <c r="U22750">
        <v>57</v>
      </c>
      <c r="V22750">
        <v>58</v>
      </c>
      <c r="W22750">
        <v>59</v>
      </c>
      <c r="X22750">
        <v>60</v>
      </c>
      <c r="Y22750">
        <v>60</v>
      </c>
      <c r="Z22750">
        <v>61</v>
      </c>
      <c r="AA22750">
        <v>62</v>
      </c>
      <c r="AB22750">
        <v>63</v>
      </c>
      <c r="AC22750">
        <v>64</v>
      </c>
      <c r="AD22750">
        <v>65</v>
      </c>
      <c r="AE22750">
        <v>65</v>
      </c>
      <c r="AF22750">
        <v>66</v>
      </c>
      <c r="AG22750">
        <v>67</v>
      </c>
      <c r="AH22750">
        <v>68</v>
      </c>
      <c r="AI22750">
        <v>68</v>
      </c>
      <c r="AJ22750">
        <v>69</v>
      </c>
      <c r="AK22750">
        <v>70</v>
      </c>
      <c r="AL22750">
        <v>70</v>
      </c>
      <c r="AM22750">
        <v>70</v>
      </c>
      <c r="AN22750">
        <v>70</v>
      </c>
      <c r="AO22750">
        <v>70</v>
      </c>
      <c r="AP22750">
        <v>71</v>
      </c>
      <c r="AQ22750">
        <v>71</v>
      </c>
    </row>
    <row r="22751" spans="1:43">
      <c r="A22751" t="s">
        <v>14091</v>
      </c>
      <c r="B22751" t="s">
        <v>14092</v>
      </c>
      <c r="C22751" t="s">
        <v>14093</v>
      </c>
      <c r="D22751" t="s">
        <v>14094</v>
      </c>
      <c r="E22751" t="s">
        <v>14015</v>
      </c>
      <c r="F22751" t="s">
        <v>14016</v>
      </c>
      <c r="G22751" t="s">
        <v>10734</v>
      </c>
      <c r="H22751" t="s">
        <v>10735</v>
      </c>
      <c r="I22751" s="2">
        <v>0</v>
      </c>
      <c r="J22751" s="2">
        <v>0</v>
      </c>
      <c r="K22751" s="2">
        <v>1</v>
      </c>
      <c r="L22751" t="s">
        <v>995</v>
      </c>
      <c r="M22751" t="s">
        <v>87</v>
      </c>
      <c r="N22751" t="s">
        <v>88</v>
      </c>
      <c r="O22751" t="s">
        <v>85</v>
      </c>
      <c r="P22751" t="s">
        <v>86</v>
      </c>
      <c r="Q22751">
        <v>54</v>
      </c>
      <c r="R22751">
        <v>54</v>
      </c>
      <c r="S22751">
        <v>55</v>
      </c>
      <c r="T22751">
        <v>55</v>
      </c>
      <c r="U22751">
        <v>56</v>
      </c>
      <c r="V22751">
        <v>56</v>
      </c>
      <c r="W22751">
        <v>56</v>
      </c>
      <c r="X22751">
        <v>57</v>
      </c>
      <c r="Y22751">
        <v>57</v>
      </c>
      <c r="Z22751">
        <v>57</v>
      </c>
      <c r="AA22751">
        <v>58</v>
      </c>
      <c r="AB22751">
        <v>58</v>
      </c>
      <c r="AC22751">
        <v>58</v>
      </c>
      <c r="AD22751">
        <v>59</v>
      </c>
      <c r="AE22751">
        <v>59</v>
      </c>
      <c r="AF22751">
        <v>59</v>
      </c>
      <c r="AG22751">
        <v>60</v>
      </c>
      <c r="AH22751">
        <v>60</v>
      </c>
      <c r="AI22751">
        <v>60</v>
      </c>
      <c r="AJ22751">
        <v>60</v>
      </c>
      <c r="AK22751">
        <v>61</v>
      </c>
      <c r="AL22751">
        <v>61</v>
      </c>
      <c r="AM22751">
        <v>61</v>
      </c>
      <c r="AN22751">
        <v>62</v>
      </c>
      <c r="AO22751">
        <v>62</v>
      </c>
      <c r="AP22751">
        <v>62</v>
      </c>
      <c r="AQ22751">
        <v>62</v>
      </c>
    </row>
    <row r="22752" spans="1:43">
      <c r="A22752" t="s">
        <v>14091</v>
      </c>
      <c r="B22752" t="s">
        <v>14092</v>
      </c>
      <c r="C22752" t="s">
        <v>14093</v>
      </c>
      <c r="D22752" t="s">
        <v>14094</v>
      </c>
      <c r="E22752" t="s">
        <v>14015</v>
      </c>
      <c r="F22752" t="s">
        <v>14016</v>
      </c>
      <c r="G22752" t="s">
        <v>10734</v>
      </c>
      <c r="H22752" t="s">
        <v>10735</v>
      </c>
      <c r="I22752" s="2">
        <v>0</v>
      </c>
      <c r="J22752" s="2">
        <v>0</v>
      </c>
      <c r="K22752" s="2">
        <v>1</v>
      </c>
      <c r="L22752" t="s">
        <v>995</v>
      </c>
      <c r="M22752" t="s">
        <v>89</v>
      </c>
      <c r="N22752" t="s">
        <v>90</v>
      </c>
      <c r="O22752" t="s">
        <v>85</v>
      </c>
      <c r="P22752" t="s">
        <v>86</v>
      </c>
      <c r="Q22752">
        <v>54</v>
      </c>
      <c r="R22752">
        <v>55</v>
      </c>
      <c r="S22752">
        <v>57</v>
      </c>
      <c r="T22752">
        <v>58</v>
      </c>
      <c r="U22752">
        <v>59</v>
      </c>
      <c r="V22752">
        <v>61</v>
      </c>
      <c r="W22752">
        <v>62</v>
      </c>
      <c r="X22752">
        <v>63</v>
      </c>
      <c r="Y22752">
        <v>64</v>
      </c>
      <c r="Z22752">
        <v>65</v>
      </c>
      <c r="AA22752">
        <v>66</v>
      </c>
      <c r="AB22752">
        <v>67</v>
      </c>
      <c r="AC22752">
        <v>68</v>
      </c>
      <c r="AD22752">
        <v>69</v>
      </c>
      <c r="AE22752">
        <v>70</v>
      </c>
      <c r="AF22752">
        <v>70</v>
      </c>
      <c r="AG22752">
        <v>70</v>
      </c>
      <c r="AH22752">
        <v>70</v>
      </c>
      <c r="AI22752">
        <v>70</v>
      </c>
      <c r="AJ22752">
        <v>71</v>
      </c>
      <c r="AK22752">
        <v>71</v>
      </c>
      <c r="AL22752">
        <v>71</v>
      </c>
      <c r="AM22752">
        <v>71</v>
      </c>
      <c r="AN22752">
        <v>71</v>
      </c>
      <c r="AO22752">
        <v>71</v>
      </c>
      <c r="AP22752">
        <v>71</v>
      </c>
      <c r="AQ22752">
        <v>71</v>
      </c>
    </row>
    <row r="22753" spans="1:43">
      <c r="A22753" t="s">
        <v>14091</v>
      </c>
      <c r="B22753" t="s">
        <v>14092</v>
      </c>
      <c r="C22753" t="s">
        <v>14093</v>
      </c>
      <c r="D22753" t="s">
        <v>14094</v>
      </c>
      <c r="E22753" t="s">
        <v>14015</v>
      </c>
      <c r="F22753" t="s">
        <v>14016</v>
      </c>
      <c r="G22753" t="s">
        <v>10734</v>
      </c>
      <c r="H22753" t="s">
        <v>10735</v>
      </c>
      <c r="I22753" s="2">
        <v>0</v>
      </c>
      <c r="J22753" s="2">
        <v>0</v>
      </c>
      <c r="K22753" s="2">
        <v>1</v>
      </c>
      <c r="L22753" t="s">
        <v>995</v>
      </c>
      <c r="M22753" t="s">
        <v>83</v>
      </c>
      <c r="N22753" t="s">
        <v>91</v>
      </c>
      <c r="O22753" t="s">
        <v>85</v>
      </c>
      <c r="P22753" t="s">
        <v>86</v>
      </c>
      <c r="Q22753">
        <v>54</v>
      </c>
      <c r="R22753">
        <v>54</v>
      </c>
      <c r="S22753">
        <v>55</v>
      </c>
      <c r="T22753">
        <v>56</v>
      </c>
      <c r="U22753">
        <v>57</v>
      </c>
      <c r="V22753">
        <v>58</v>
      </c>
      <c r="W22753">
        <v>59</v>
      </c>
      <c r="X22753">
        <v>60</v>
      </c>
      <c r="Y22753">
        <v>60</v>
      </c>
      <c r="Z22753">
        <v>61</v>
      </c>
      <c r="AA22753">
        <v>62</v>
      </c>
      <c r="AB22753">
        <v>63</v>
      </c>
      <c r="AC22753">
        <v>64</v>
      </c>
      <c r="AD22753">
        <v>65</v>
      </c>
      <c r="AE22753">
        <v>65</v>
      </c>
      <c r="AF22753">
        <v>66</v>
      </c>
      <c r="AG22753">
        <v>67</v>
      </c>
      <c r="AH22753">
        <v>68</v>
      </c>
      <c r="AI22753">
        <v>68</v>
      </c>
      <c r="AJ22753">
        <v>69</v>
      </c>
      <c r="AK22753">
        <v>70</v>
      </c>
      <c r="AL22753">
        <v>70</v>
      </c>
      <c r="AM22753">
        <v>70</v>
      </c>
      <c r="AN22753">
        <v>70</v>
      </c>
      <c r="AO22753">
        <v>70</v>
      </c>
      <c r="AP22753">
        <v>71</v>
      </c>
      <c r="AQ22753">
        <v>71</v>
      </c>
    </row>
    <row r="22754" spans="1:43">
      <c r="A22754" t="s">
        <v>14095</v>
      </c>
      <c r="B22754" t="s">
        <v>14096</v>
      </c>
      <c r="C22754" t="s">
        <v>14093</v>
      </c>
      <c r="D22754" t="s">
        <v>14094</v>
      </c>
      <c r="E22754" t="s">
        <v>14015</v>
      </c>
      <c r="F22754" t="s">
        <v>14016</v>
      </c>
      <c r="G22754" t="s">
        <v>10734</v>
      </c>
      <c r="H22754" t="s">
        <v>10735</v>
      </c>
      <c r="I22754" s="2">
        <v>0</v>
      </c>
      <c r="J22754" s="2">
        <v>0</v>
      </c>
      <c r="K22754" s="2">
        <v>1</v>
      </c>
      <c r="L22754" t="s">
        <v>995</v>
      </c>
      <c r="M22754" t="s">
        <v>83</v>
      </c>
      <c r="N22754" t="s">
        <v>84</v>
      </c>
      <c r="O22754" t="s">
        <v>85</v>
      </c>
      <c r="P22754" t="s">
        <v>86</v>
      </c>
      <c r="Q22754">
        <v>15</v>
      </c>
      <c r="R22754">
        <v>15</v>
      </c>
      <c r="S22754">
        <v>16</v>
      </c>
      <c r="T22754">
        <v>16</v>
      </c>
      <c r="U22754">
        <v>16</v>
      </c>
      <c r="V22754">
        <v>16</v>
      </c>
      <c r="W22754">
        <v>17</v>
      </c>
      <c r="X22754">
        <v>17</v>
      </c>
      <c r="Y22754">
        <v>17</v>
      </c>
      <c r="Z22754">
        <v>17</v>
      </c>
      <c r="AA22754">
        <v>18</v>
      </c>
      <c r="AB22754">
        <v>18</v>
      </c>
      <c r="AC22754">
        <v>18</v>
      </c>
      <c r="AD22754">
        <v>18</v>
      </c>
      <c r="AE22754">
        <v>18</v>
      </c>
      <c r="AF22754">
        <v>19</v>
      </c>
      <c r="AG22754">
        <v>19</v>
      </c>
      <c r="AH22754">
        <v>19</v>
      </c>
      <c r="AI22754">
        <v>19</v>
      </c>
      <c r="AJ22754">
        <v>19</v>
      </c>
      <c r="AK22754">
        <v>20</v>
      </c>
      <c r="AL22754">
        <v>20</v>
      </c>
      <c r="AM22754">
        <v>20</v>
      </c>
      <c r="AN22754">
        <v>20</v>
      </c>
      <c r="AO22754">
        <v>20</v>
      </c>
      <c r="AP22754">
        <v>20</v>
      </c>
      <c r="AQ22754">
        <v>20</v>
      </c>
    </row>
    <row r="22755" spans="1:43">
      <c r="A22755" t="s">
        <v>14095</v>
      </c>
      <c r="B22755" t="s">
        <v>14096</v>
      </c>
      <c r="C22755" t="s">
        <v>14093</v>
      </c>
      <c r="D22755" t="s">
        <v>14094</v>
      </c>
      <c r="E22755" t="s">
        <v>14015</v>
      </c>
      <c r="F22755" t="s">
        <v>14016</v>
      </c>
      <c r="G22755" t="s">
        <v>10734</v>
      </c>
      <c r="H22755" t="s">
        <v>10735</v>
      </c>
      <c r="I22755" s="2">
        <v>0</v>
      </c>
      <c r="J22755" s="2">
        <v>0</v>
      </c>
      <c r="K22755" s="2">
        <v>1</v>
      </c>
      <c r="L22755" t="s">
        <v>995</v>
      </c>
      <c r="M22755" t="s">
        <v>87</v>
      </c>
      <c r="N22755" t="s">
        <v>88</v>
      </c>
      <c r="O22755" t="s">
        <v>85</v>
      </c>
      <c r="P22755" t="s">
        <v>86</v>
      </c>
      <c r="Q22755">
        <v>15</v>
      </c>
      <c r="R22755">
        <v>15</v>
      </c>
      <c r="S22755">
        <v>15</v>
      </c>
      <c r="T22755">
        <v>15</v>
      </c>
      <c r="U22755">
        <v>15</v>
      </c>
      <c r="V22755">
        <v>15</v>
      </c>
      <c r="W22755">
        <v>16</v>
      </c>
      <c r="X22755">
        <v>16</v>
      </c>
      <c r="Y22755">
        <v>16</v>
      </c>
      <c r="Z22755">
        <v>16</v>
      </c>
      <c r="AA22755">
        <v>16</v>
      </c>
      <c r="AB22755">
        <v>16</v>
      </c>
      <c r="AC22755">
        <v>16</v>
      </c>
      <c r="AD22755">
        <v>16</v>
      </c>
      <c r="AE22755">
        <v>16</v>
      </c>
      <c r="AF22755">
        <v>16</v>
      </c>
      <c r="AG22755">
        <v>17</v>
      </c>
      <c r="AH22755">
        <v>17</v>
      </c>
      <c r="AI22755">
        <v>17</v>
      </c>
      <c r="AJ22755">
        <v>17</v>
      </c>
      <c r="AK22755">
        <v>17</v>
      </c>
      <c r="AL22755">
        <v>17</v>
      </c>
      <c r="AM22755">
        <v>17</v>
      </c>
      <c r="AN22755">
        <v>17</v>
      </c>
      <c r="AO22755">
        <v>17</v>
      </c>
      <c r="AP22755">
        <v>17</v>
      </c>
      <c r="AQ22755">
        <v>17</v>
      </c>
    </row>
    <row r="22756" spans="1:43">
      <c r="A22756" t="s">
        <v>14095</v>
      </c>
      <c r="B22756" t="s">
        <v>14096</v>
      </c>
      <c r="C22756" t="s">
        <v>14093</v>
      </c>
      <c r="D22756" t="s">
        <v>14094</v>
      </c>
      <c r="E22756" t="s">
        <v>14015</v>
      </c>
      <c r="F22756" t="s">
        <v>14016</v>
      </c>
      <c r="G22756" t="s">
        <v>10734</v>
      </c>
      <c r="H22756" t="s">
        <v>10735</v>
      </c>
      <c r="I22756" s="2">
        <v>0</v>
      </c>
      <c r="J22756" s="2">
        <v>0</v>
      </c>
      <c r="K22756" s="2">
        <v>1</v>
      </c>
      <c r="L22756" t="s">
        <v>995</v>
      </c>
      <c r="M22756" t="s">
        <v>89</v>
      </c>
      <c r="N22756" t="s">
        <v>90</v>
      </c>
      <c r="O22756" t="s">
        <v>85</v>
      </c>
      <c r="P22756" t="s">
        <v>86</v>
      </c>
      <c r="Q22756">
        <v>15</v>
      </c>
      <c r="R22756">
        <v>16</v>
      </c>
      <c r="S22756">
        <v>16</v>
      </c>
      <c r="T22756">
        <v>16</v>
      </c>
      <c r="U22756">
        <v>17</v>
      </c>
      <c r="V22756">
        <v>17</v>
      </c>
      <c r="W22756">
        <v>17</v>
      </c>
      <c r="X22756">
        <v>18</v>
      </c>
      <c r="Y22756">
        <v>18</v>
      </c>
      <c r="Z22756">
        <v>18</v>
      </c>
      <c r="AA22756">
        <v>19</v>
      </c>
      <c r="AB22756">
        <v>19</v>
      </c>
      <c r="AC22756">
        <v>19</v>
      </c>
      <c r="AD22756">
        <v>19</v>
      </c>
      <c r="AE22756">
        <v>20</v>
      </c>
      <c r="AF22756">
        <v>20</v>
      </c>
      <c r="AG22756">
        <v>20</v>
      </c>
      <c r="AH22756">
        <v>20</v>
      </c>
      <c r="AI22756">
        <v>20</v>
      </c>
      <c r="AJ22756">
        <v>20</v>
      </c>
      <c r="AK22756">
        <v>20</v>
      </c>
      <c r="AL22756">
        <v>20</v>
      </c>
      <c r="AM22756">
        <v>20</v>
      </c>
      <c r="AN22756">
        <v>20</v>
      </c>
      <c r="AO22756">
        <v>20</v>
      </c>
      <c r="AP22756">
        <v>20</v>
      </c>
      <c r="AQ22756">
        <v>20</v>
      </c>
    </row>
    <row r="22757" spans="1:43">
      <c r="A22757" t="s">
        <v>14095</v>
      </c>
      <c r="B22757" t="s">
        <v>14096</v>
      </c>
      <c r="C22757" t="s">
        <v>14093</v>
      </c>
      <c r="D22757" t="s">
        <v>14094</v>
      </c>
      <c r="E22757" t="s">
        <v>14015</v>
      </c>
      <c r="F22757" t="s">
        <v>14016</v>
      </c>
      <c r="G22757" t="s">
        <v>10734</v>
      </c>
      <c r="H22757" t="s">
        <v>10735</v>
      </c>
      <c r="I22757" s="2">
        <v>0</v>
      </c>
      <c r="J22757" s="2">
        <v>0</v>
      </c>
      <c r="K22757" s="2">
        <v>1</v>
      </c>
      <c r="L22757" t="s">
        <v>995</v>
      </c>
      <c r="M22757" t="s">
        <v>83</v>
      </c>
      <c r="N22757" t="s">
        <v>91</v>
      </c>
      <c r="O22757" t="s">
        <v>85</v>
      </c>
      <c r="P22757" t="s">
        <v>86</v>
      </c>
      <c r="Q22757">
        <v>15</v>
      </c>
      <c r="R22757">
        <v>15</v>
      </c>
      <c r="S22757">
        <v>16</v>
      </c>
      <c r="T22757">
        <v>16</v>
      </c>
      <c r="U22757">
        <v>16</v>
      </c>
      <c r="V22757">
        <v>16</v>
      </c>
      <c r="W22757">
        <v>17</v>
      </c>
      <c r="X22757">
        <v>17</v>
      </c>
      <c r="Y22757">
        <v>17</v>
      </c>
      <c r="Z22757">
        <v>17</v>
      </c>
      <c r="AA22757">
        <v>18</v>
      </c>
      <c r="AB22757">
        <v>18</v>
      </c>
      <c r="AC22757">
        <v>18</v>
      </c>
      <c r="AD22757">
        <v>18</v>
      </c>
      <c r="AE22757">
        <v>18</v>
      </c>
      <c r="AF22757">
        <v>19</v>
      </c>
      <c r="AG22757">
        <v>19</v>
      </c>
      <c r="AH22757">
        <v>19</v>
      </c>
      <c r="AI22757">
        <v>19</v>
      </c>
      <c r="AJ22757">
        <v>19</v>
      </c>
      <c r="AK22757">
        <v>20</v>
      </c>
      <c r="AL22757">
        <v>20</v>
      </c>
      <c r="AM22757">
        <v>20</v>
      </c>
      <c r="AN22757">
        <v>20</v>
      </c>
      <c r="AO22757">
        <v>20</v>
      </c>
      <c r="AP22757">
        <v>20</v>
      </c>
      <c r="AQ22757">
        <v>20</v>
      </c>
    </row>
    <row r="22758" spans="1:43">
      <c r="A22758" t="s">
        <v>14097</v>
      </c>
      <c r="B22758" t="s">
        <v>14098</v>
      </c>
      <c r="C22758" t="s">
        <v>14093</v>
      </c>
      <c r="D22758" t="s">
        <v>14094</v>
      </c>
      <c r="E22758" t="s">
        <v>14015</v>
      </c>
      <c r="F22758" t="s">
        <v>14016</v>
      </c>
      <c r="G22758" t="s">
        <v>10734</v>
      </c>
      <c r="H22758" t="s">
        <v>10735</v>
      </c>
      <c r="I22758" s="2">
        <v>0</v>
      </c>
      <c r="J22758" s="2">
        <v>0</v>
      </c>
      <c r="K22758" s="2">
        <v>1</v>
      </c>
      <c r="L22758" t="s">
        <v>995</v>
      </c>
      <c r="M22758" t="s">
        <v>83</v>
      </c>
      <c r="N22758" t="s">
        <v>84</v>
      </c>
      <c r="O22758" t="s">
        <v>85</v>
      </c>
      <c r="P22758" t="s">
        <v>86</v>
      </c>
      <c r="Q22758">
        <v>40</v>
      </c>
      <c r="R22758">
        <v>40</v>
      </c>
      <c r="S22758">
        <v>41</v>
      </c>
      <c r="T22758">
        <v>41</v>
      </c>
      <c r="U22758">
        <v>42</v>
      </c>
      <c r="V22758">
        <v>43</v>
      </c>
      <c r="W22758">
        <v>43</v>
      </c>
      <c r="X22758">
        <v>44</v>
      </c>
      <c r="Y22758">
        <v>44</v>
      </c>
      <c r="Z22758">
        <v>45</v>
      </c>
      <c r="AA22758">
        <v>46</v>
      </c>
      <c r="AB22758">
        <v>46</v>
      </c>
      <c r="AC22758">
        <v>47</v>
      </c>
      <c r="AD22758">
        <v>47</v>
      </c>
      <c r="AE22758">
        <v>48</v>
      </c>
      <c r="AF22758">
        <v>48</v>
      </c>
      <c r="AG22758">
        <v>49</v>
      </c>
      <c r="AH22758">
        <v>49</v>
      </c>
      <c r="AI22758">
        <v>50</v>
      </c>
      <c r="AJ22758">
        <v>50</v>
      </c>
      <c r="AK22758">
        <v>51</v>
      </c>
      <c r="AL22758">
        <v>51</v>
      </c>
      <c r="AM22758">
        <v>51</v>
      </c>
      <c r="AN22758">
        <v>51</v>
      </c>
      <c r="AO22758">
        <v>51</v>
      </c>
      <c r="AP22758">
        <v>51</v>
      </c>
      <c r="AQ22758">
        <v>51</v>
      </c>
    </row>
    <row r="22759" spans="1:43">
      <c r="A22759" t="s">
        <v>14097</v>
      </c>
      <c r="B22759" t="s">
        <v>14098</v>
      </c>
      <c r="C22759" t="s">
        <v>14093</v>
      </c>
      <c r="D22759" t="s">
        <v>14094</v>
      </c>
      <c r="E22759" t="s">
        <v>14015</v>
      </c>
      <c r="F22759" t="s">
        <v>14016</v>
      </c>
      <c r="G22759" t="s">
        <v>10734</v>
      </c>
      <c r="H22759" t="s">
        <v>10735</v>
      </c>
      <c r="I22759" s="2">
        <v>0</v>
      </c>
      <c r="J22759" s="2">
        <v>0</v>
      </c>
      <c r="K22759" s="2">
        <v>1</v>
      </c>
      <c r="L22759" t="s">
        <v>995</v>
      </c>
      <c r="M22759" t="s">
        <v>87</v>
      </c>
      <c r="N22759" t="s">
        <v>88</v>
      </c>
      <c r="O22759" t="s">
        <v>85</v>
      </c>
      <c r="P22759" t="s">
        <v>86</v>
      </c>
      <c r="Q22759">
        <v>40</v>
      </c>
      <c r="R22759">
        <v>40</v>
      </c>
      <c r="S22759">
        <v>41</v>
      </c>
      <c r="T22759">
        <v>41</v>
      </c>
      <c r="U22759">
        <v>41</v>
      </c>
      <c r="V22759">
        <v>41</v>
      </c>
      <c r="W22759">
        <v>42</v>
      </c>
      <c r="X22759">
        <v>42</v>
      </c>
      <c r="Y22759">
        <v>42</v>
      </c>
      <c r="Z22759">
        <v>42</v>
      </c>
      <c r="AA22759">
        <v>42</v>
      </c>
      <c r="AB22759">
        <v>43</v>
      </c>
      <c r="AC22759">
        <v>43</v>
      </c>
      <c r="AD22759">
        <v>43</v>
      </c>
      <c r="AE22759">
        <v>43</v>
      </c>
      <c r="AF22759">
        <v>43</v>
      </c>
      <c r="AG22759">
        <v>44</v>
      </c>
      <c r="AH22759">
        <v>44</v>
      </c>
      <c r="AI22759">
        <v>44</v>
      </c>
      <c r="AJ22759">
        <v>44</v>
      </c>
      <c r="AK22759">
        <v>44</v>
      </c>
      <c r="AL22759">
        <v>45</v>
      </c>
      <c r="AM22759">
        <v>45</v>
      </c>
      <c r="AN22759">
        <v>45</v>
      </c>
      <c r="AO22759">
        <v>45</v>
      </c>
      <c r="AP22759">
        <v>45</v>
      </c>
      <c r="AQ22759">
        <v>45</v>
      </c>
    </row>
    <row r="22760" spans="1:43">
      <c r="A22760" t="s">
        <v>14097</v>
      </c>
      <c r="B22760" t="s">
        <v>14098</v>
      </c>
      <c r="C22760" t="s">
        <v>14093</v>
      </c>
      <c r="D22760" t="s">
        <v>14094</v>
      </c>
      <c r="E22760" t="s">
        <v>14015</v>
      </c>
      <c r="F22760" t="s">
        <v>14016</v>
      </c>
      <c r="G22760" t="s">
        <v>10734</v>
      </c>
      <c r="H22760" t="s">
        <v>10735</v>
      </c>
      <c r="I22760" s="2">
        <v>0</v>
      </c>
      <c r="J22760" s="2">
        <v>0</v>
      </c>
      <c r="K22760" s="2">
        <v>1</v>
      </c>
      <c r="L22760" t="s">
        <v>995</v>
      </c>
      <c r="M22760" t="s">
        <v>89</v>
      </c>
      <c r="N22760" t="s">
        <v>90</v>
      </c>
      <c r="O22760" t="s">
        <v>85</v>
      </c>
      <c r="P22760" t="s">
        <v>86</v>
      </c>
      <c r="Q22760">
        <v>40</v>
      </c>
      <c r="R22760">
        <v>41</v>
      </c>
      <c r="S22760">
        <v>42</v>
      </c>
      <c r="T22760">
        <v>43</v>
      </c>
      <c r="U22760">
        <v>44</v>
      </c>
      <c r="V22760">
        <v>45</v>
      </c>
      <c r="W22760">
        <v>45</v>
      </c>
      <c r="X22760">
        <v>46</v>
      </c>
      <c r="Y22760">
        <v>47</v>
      </c>
      <c r="Z22760">
        <v>48</v>
      </c>
      <c r="AA22760">
        <v>48</v>
      </c>
      <c r="AB22760">
        <v>49</v>
      </c>
      <c r="AC22760">
        <v>50</v>
      </c>
      <c r="AD22760">
        <v>51</v>
      </c>
      <c r="AE22760">
        <v>51</v>
      </c>
      <c r="AF22760">
        <v>51</v>
      </c>
      <c r="AG22760">
        <v>51</v>
      </c>
      <c r="AH22760">
        <v>51</v>
      </c>
      <c r="AI22760">
        <v>51</v>
      </c>
      <c r="AJ22760">
        <v>51</v>
      </c>
      <c r="AK22760">
        <v>51</v>
      </c>
      <c r="AL22760">
        <v>51</v>
      </c>
      <c r="AM22760">
        <v>51</v>
      </c>
      <c r="AN22760">
        <v>51</v>
      </c>
      <c r="AO22760">
        <v>51</v>
      </c>
      <c r="AP22760">
        <v>51</v>
      </c>
      <c r="AQ22760">
        <v>51</v>
      </c>
    </row>
    <row r="22761" spans="1:43">
      <c r="A22761" t="s">
        <v>14097</v>
      </c>
      <c r="B22761" t="s">
        <v>14098</v>
      </c>
      <c r="C22761" t="s">
        <v>14093</v>
      </c>
      <c r="D22761" t="s">
        <v>14094</v>
      </c>
      <c r="E22761" t="s">
        <v>14015</v>
      </c>
      <c r="F22761" t="s">
        <v>14016</v>
      </c>
      <c r="G22761" t="s">
        <v>10734</v>
      </c>
      <c r="H22761" t="s">
        <v>10735</v>
      </c>
      <c r="I22761" s="2">
        <v>0</v>
      </c>
      <c r="J22761" s="2">
        <v>0</v>
      </c>
      <c r="K22761" s="2">
        <v>1</v>
      </c>
      <c r="L22761" t="s">
        <v>995</v>
      </c>
      <c r="M22761" t="s">
        <v>83</v>
      </c>
      <c r="N22761" t="s">
        <v>91</v>
      </c>
      <c r="O22761" t="s">
        <v>85</v>
      </c>
      <c r="P22761" t="s">
        <v>86</v>
      </c>
      <c r="Q22761">
        <v>40</v>
      </c>
      <c r="R22761">
        <v>40</v>
      </c>
      <c r="S22761">
        <v>41</v>
      </c>
      <c r="T22761">
        <v>41</v>
      </c>
      <c r="U22761">
        <v>42</v>
      </c>
      <c r="V22761">
        <v>43</v>
      </c>
      <c r="W22761">
        <v>43</v>
      </c>
      <c r="X22761">
        <v>44</v>
      </c>
      <c r="Y22761">
        <v>44</v>
      </c>
      <c r="Z22761">
        <v>45</v>
      </c>
      <c r="AA22761">
        <v>46</v>
      </c>
      <c r="AB22761">
        <v>46</v>
      </c>
      <c r="AC22761">
        <v>47</v>
      </c>
      <c r="AD22761">
        <v>47</v>
      </c>
      <c r="AE22761">
        <v>48</v>
      </c>
      <c r="AF22761">
        <v>48</v>
      </c>
      <c r="AG22761">
        <v>49</v>
      </c>
      <c r="AH22761">
        <v>49</v>
      </c>
      <c r="AI22761">
        <v>50</v>
      </c>
      <c r="AJ22761">
        <v>50</v>
      </c>
      <c r="AK22761">
        <v>51</v>
      </c>
      <c r="AL22761">
        <v>51</v>
      </c>
      <c r="AM22761">
        <v>51</v>
      </c>
      <c r="AN22761">
        <v>51</v>
      </c>
      <c r="AO22761">
        <v>51</v>
      </c>
      <c r="AP22761">
        <v>51</v>
      </c>
      <c r="AQ22761">
        <v>51</v>
      </c>
    </row>
    <row r="22762" spans="1:43">
      <c r="A22762" t="s">
        <v>14099</v>
      </c>
      <c r="B22762" t="s">
        <v>14100</v>
      </c>
      <c r="C22762" t="s">
        <v>14093</v>
      </c>
      <c r="D22762" t="s">
        <v>14094</v>
      </c>
      <c r="E22762" t="s">
        <v>14015</v>
      </c>
      <c r="F22762" t="s">
        <v>14016</v>
      </c>
      <c r="G22762" t="s">
        <v>10734</v>
      </c>
      <c r="H22762" t="s">
        <v>10735</v>
      </c>
      <c r="I22762" s="2">
        <v>0</v>
      </c>
      <c r="J22762" s="2">
        <v>0</v>
      </c>
      <c r="K22762" s="2">
        <v>1</v>
      </c>
      <c r="L22762" t="s">
        <v>995</v>
      </c>
      <c r="M22762" t="s">
        <v>83</v>
      </c>
      <c r="N22762" t="s">
        <v>84</v>
      </c>
      <c r="O22762" t="s">
        <v>85</v>
      </c>
      <c r="P22762" t="s">
        <v>86</v>
      </c>
      <c r="Q22762">
        <v>67</v>
      </c>
      <c r="R22762">
        <v>68</v>
      </c>
      <c r="S22762">
        <v>69</v>
      </c>
      <c r="T22762">
        <v>70</v>
      </c>
      <c r="U22762">
        <v>71</v>
      </c>
      <c r="V22762">
        <v>72</v>
      </c>
      <c r="W22762">
        <v>73</v>
      </c>
      <c r="X22762">
        <v>74</v>
      </c>
      <c r="Y22762">
        <v>75</v>
      </c>
      <c r="Z22762">
        <v>77</v>
      </c>
      <c r="AA22762">
        <v>78</v>
      </c>
      <c r="AB22762">
        <v>79</v>
      </c>
      <c r="AC22762">
        <v>80</v>
      </c>
      <c r="AD22762">
        <v>81</v>
      </c>
      <c r="AE22762">
        <v>82</v>
      </c>
      <c r="AF22762">
        <v>83</v>
      </c>
      <c r="AG22762">
        <v>83</v>
      </c>
      <c r="AH22762">
        <v>84</v>
      </c>
      <c r="AI22762">
        <v>85</v>
      </c>
      <c r="AJ22762">
        <v>86</v>
      </c>
      <c r="AK22762">
        <v>87</v>
      </c>
      <c r="AL22762">
        <v>88</v>
      </c>
      <c r="AM22762">
        <v>88</v>
      </c>
      <c r="AN22762">
        <v>88</v>
      </c>
      <c r="AO22762">
        <v>88</v>
      </c>
      <c r="AP22762">
        <v>88</v>
      </c>
      <c r="AQ22762">
        <v>88</v>
      </c>
    </row>
    <row r="22763" spans="1:43">
      <c r="A22763" t="s">
        <v>14099</v>
      </c>
      <c r="B22763" t="s">
        <v>14100</v>
      </c>
      <c r="C22763" t="s">
        <v>14093</v>
      </c>
      <c r="D22763" t="s">
        <v>14094</v>
      </c>
      <c r="E22763" t="s">
        <v>14015</v>
      </c>
      <c r="F22763" t="s">
        <v>14016</v>
      </c>
      <c r="G22763" t="s">
        <v>10734</v>
      </c>
      <c r="H22763" t="s">
        <v>10735</v>
      </c>
      <c r="I22763" s="2">
        <v>0</v>
      </c>
      <c r="J22763" s="2">
        <v>0</v>
      </c>
      <c r="K22763" s="2">
        <v>1</v>
      </c>
      <c r="L22763" t="s">
        <v>995</v>
      </c>
      <c r="M22763" t="s">
        <v>87</v>
      </c>
      <c r="N22763" t="s">
        <v>88</v>
      </c>
      <c r="O22763" t="s">
        <v>85</v>
      </c>
      <c r="P22763" t="s">
        <v>86</v>
      </c>
      <c r="Q22763">
        <v>67</v>
      </c>
      <c r="R22763">
        <v>68</v>
      </c>
      <c r="S22763">
        <v>68</v>
      </c>
      <c r="T22763">
        <v>69</v>
      </c>
      <c r="U22763">
        <v>69</v>
      </c>
      <c r="V22763">
        <v>70</v>
      </c>
      <c r="W22763">
        <v>70</v>
      </c>
      <c r="X22763">
        <v>70</v>
      </c>
      <c r="Y22763">
        <v>71</v>
      </c>
      <c r="Z22763">
        <v>71</v>
      </c>
      <c r="AA22763">
        <v>72</v>
      </c>
      <c r="AB22763">
        <v>72</v>
      </c>
      <c r="AC22763">
        <v>72</v>
      </c>
      <c r="AD22763">
        <v>73</v>
      </c>
      <c r="AE22763">
        <v>73</v>
      </c>
      <c r="AF22763">
        <v>74</v>
      </c>
      <c r="AG22763">
        <v>74</v>
      </c>
      <c r="AH22763">
        <v>74</v>
      </c>
      <c r="AI22763">
        <v>75</v>
      </c>
      <c r="AJ22763">
        <v>75</v>
      </c>
      <c r="AK22763">
        <v>76</v>
      </c>
      <c r="AL22763">
        <v>76</v>
      </c>
      <c r="AM22763">
        <v>76</v>
      </c>
      <c r="AN22763">
        <v>77</v>
      </c>
      <c r="AO22763">
        <v>77</v>
      </c>
      <c r="AP22763">
        <v>77</v>
      </c>
      <c r="AQ22763">
        <v>78</v>
      </c>
    </row>
    <row r="22764" spans="1:43">
      <c r="A22764" t="s">
        <v>14099</v>
      </c>
      <c r="B22764" t="s">
        <v>14100</v>
      </c>
      <c r="C22764" t="s">
        <v>14093</v>
      </c>
      <c r="D22764" t="s">
        <v>14094</v>
      </c>
      <c r="E22764" t="s">
        <v>14015</v>
      </c>
      <c r="F22764" t="s">
        <v>14016</v>
      </c>
      <c r="G22764" t="s">
        <v>10734</v>
      </c>
      <c r="H22764" t="s">
        <v>10735</v>
      </c>
      <c r="I22764" s="2">
        <v>0</v>
      </c>
      <c r="J22764" s="2">
        <v>0</v>
      </c>
      <c r="K22764" s="2">
        <v>1</v>
      </c>
      <c r="L22764" t="s">
        <v>995</v>
      </c>
      <c r="M22764" t="s">
        <v>89</v>
      </c>
      <c r="N22764" t="s">
        <v>90</v>
      </c>
      <c r="O22764" t="s">
        <v>85</v>
      </c>
      <c r="P22764" t="s">
        <v>86</v>
      </c>
      <c r="Q22764">
        <v>67</v>
      </c>
      <c r="R22764">
        <v>69</v>
      </c>
      <c r="S22764">
        <v>71</v>
      </c>
      <c r="T22764">
        <v>72</v>
      </c>
      <c r="U22764">
        <v>74</v>
      </c>
      <c r="V22764">
        <v>76</v>
      </c>
      <c r="W22764">
        <v>77</v>
      </c>
      <c r="X22764">
        <v>79</v>
      </c>
      <c r="Y22764">
        <v>80</v>
      </c>
      <c r="Z22764">
        <v>81</v>
      </c>
      <c r="AA22764">
        <v>83</v>
      </c>
      <c r="AB22764">
        <v>84</v>
      </c>
      <c r="AC22764">
        <v>85</v>
      </c>
      <c r="AD22764">
        <v>87</v>
      </c>
      <c r="AE22764">
        <v>87</v>
      </c>
      <c r="AF22764">
        <v>88</v>
      </c>
      <c r="AG22764">
        <v>88</v>
      </c>
      <c r="AH22764">
        <v>88</v>
      </c>
      <c r="AI22764">
        <v>88</v>
      </c>
      <c r="AJ22764">
        <v>88</v>
      </c>
      <c r="AK22764">
        <v>89</v>
      </c>
      <c r="AL22764">
        <v>89</v>
      </c>
      <c r="AM22764">
        <v>89</v>
      </c>
      <c r="AN22764">
        <v>89</v>
      </c>
      <c r="AO22764">
        <v>89</v>
      </c>
      <c r="AP22764">
        <v>89</v>
      </c>
      <c r="AQ22764">
        <v>89</v>
      </c>
    </row>
    <row r="22765" spans="1:43">
      <c r="A22765" t="s">
        <v>14099</v>
      </c>
      <c r="B22765" t="s">
        <v>14100</v>
      </c>
      <c r="C22765" t="s">
        <v>14093</v>
      </c>
      <c r="D22765" t="s">
        <v>14094</v>
      </c>
      <c r="E22765" t="s">
        <v>14015</v>
      </c>
      <c r="F22765" t="s">
        <v>14016</v>
      </c>
      <c r="G22765" t="s">
        <v>10734</v>
      </c>
      <c r="H22765" t="s">
        <v>10735</v>
      </c>
      <c r="I22765" s="2">
        <v>0</v>
      </c>
      <c r="J22765" s="2">
        <v>0</v>
      </c>
      <c r="K22765" s="2">
        <v>1</v>
      </c>
      <c r="L22765" t="s">
        <v>995</v>
      </c>
      <c r="M22765" t="s">
        <v>83</v>
      </c>
      <c r="N22765" t="s">
        <v>91</v>
      </c>
      <c r="O22765" t="s">
        <v>85</v>
      </c>
      <c r="P22765" t="s">
        <v>86</v>
      </c>
      <c r="Q22765">
        <v>67</v>
      </c>
      <c r="R22765">
        <v>68</v>
      </c>
      <c r="S22765">
        <v>69</v>
      </c>
      <c r="T22765">
        <v>70</v>
      </c>
      <c r="U22765">
        <v>71</v>
      </c>
      <c r="V22765">
        <v>72</v>
      </c>
      <c r="W22765">
        <v>73</v>
      </c>
      <c r="X22765">
        <v>74</v>
      </c>
      <c r="Y22765">
        <v>75</v>
      </c>
      <c r="Z22765">
        <v>77</v>
      </c>
      <c r="AA22765">
        <v>78</v>
      </c>
      <c r="AB22765">
        <v>79</v>
      </c>
      <c r="AC22765">
        <v>80</v>
      </c>
      <c r="AD22765">
        <v>81</v>
      </c>
      <c r="AE22765">
        <v>82</v>
      </c>
      <c r="AF22765">
        <v>83</v>
      </c>
      <c r="AG22765">
        <v>83</v>
      </c>
      <c r="AH22765">
        <v>84</v>
      </c>
      <c r="AI22765">
        <v>85</v>
      </c>
      <c r="AJ22765">
        <v>86</v>
      </c>
      <c r="AK22765">
        <v>87</v>
      </c>
      <c r="AL22765">
        <v>88</v>
      </c>
      <c r="AM22765">
        <v>88</v>
      </c>
      <c r="AN22765">
        <v>88</v>
      </c>
      <c r="AO22765">
        <v>88</v>
      </c>
      <c r="AP22765">
        <v>88</v>
      </c>
      <c r="AQ22765">
        <v>88</v>
      </c>
    </row>
    <row r="22766" spans="1:43">
      <c r="A22766" t="s">
        <v>14101</v>
      </c>
      <c r="B22766" t="s">
        <v>14102</v>
      </c>
      <c r="C22766" t="s">
        <v>14103</v>
      </c>
      <c r="D22766" t="s">
        <v>14104</v>
      </c>
      <c r="E22766" t="s">
        <v>14015</v>
      </c>
      <c r="F22766" t="s">
        <v>14016</v>
      </c>
      <c r="G22766" t="s">
        <v>10734</v>
      </c>
      <c r="H22766" t="s">
        <v>10735</v>
      </c>
      <c r="I22766" s="2">
        <v>0</v>
      </c>
      <c r="J22766" s="2">
        <v>0</v>
      </c>
      <c r="K22766" s="2">
        <v>1</v>
      </c>
      <c r="L22766" t="s">
        <v>995</v>
      </c>
      <c r="M22766" t="s">
        <v>83</v>
      </c>
      <c r="N22766" t="s">
        <v>84</v>
      </c>
      <c r="O22766" t="s">
        <v>85</v>
      </c>
      <c r="P22766" t="s">
        <v>86</v>
      </c>
      <c r="Q22766">
        <v>48</v>
      </c>
      <c r="R22766">
        <v>49</v>
      </c>
      <c r="S22766">
        <v>50</v>
      </c>
      <c r="T22766">
        <v>51</v>
      </c>
      <c r="U22766">
        <v>52</v>
      </c>
      <c r="V22766">
        <v>52</v>
      </c>
      <c r="W22766">
        <v>53</v>
      </c>
      <c r="X22766">
        <v>54</v>
      </c>
      <c r="Y22766">
        <v>55</v>
      </c>
      <c r="Z22766">
        <v>56</v>
      </c>
      <c r="AA22766">
        <v>56</v>
      </c>
      <c r="AB22766">
        <v>57</v>
      </c>
      <c r="AC22766">
        <v>58</v>
      </c>
      <c r="AD22766">
        <v>58</v>
      </c>
      <c r="AE22766">
        <v>59</v>
      </c>
      <c r="AF22766">
        <v>60</v>
      </c>
      <c r="AG22766">
        <v>61</v>
      </c>
      <c r="AH22766">
        <v>61</v>
      </c>
      <c r="AI22766">
        <v>62</v>
      </c>
      <c r="AJ22766">
        <v>63</v>
      </c>
      <c r="AK22766">
        <v>63</v>
      </c>
      <c r="AL22766">
        <v>64</v>
      </c>
      <c r="AM22766">
        <v>64</v>
      </c>
      <c r="AN22766">
        <v>64</v>
      </c>
      <c r="AO22766">
        <v>64</v>
      </c>
      <c r="AP22766">
        <v>64</v>
      </c>
      <c r="AQ22766">
        <v>64</v>
      </c>
    </row>
    <row r="22767" spans="1:43">
      <c r="A22767" t="s">
        <v>14101</v>
      </c>
      <c r="B22767" t="s">
        <v>14102</v>
      </c>
      <c r="C22767" t="s">
        <v>14103</v>
      </c>
      <c r="D22767" t="s">
        <v>14104</v>
      </c>
      <c r="E22767" t="s">
        <v>14015</v>
      </c>
      <c r="F22767" t="s">
        <v>14016</v>
      </c>
      <c r="G22767" t="s">
        <v>10734</v>
      </c>
      <c r="H22767" t="s">
        <v>10735</v>
      </c>
      <c r="I22767" s="2">
        <v>0</v>
      </c>
      <c r="J22767" s="2">
        <v>0</v>
      </c>
      <c r="K22767" s="2">
        <v>1</v>
      </c>
      <c r="L22767" t="s">
        <v>995</v>
      </c>
      <c r="M22767" t="s">
        <v>87</v>
      </c>
      <c r="N22767" t="s">
        <v>88</v>
      </c>
      <c r="O22767" t="s">
        <v>85</v>
      </c>
      <c r="P22767" t="s">
        <v>86</v>
      </c>
      <c r="Q22767">
        <v>48</v>
      </c>
      <c r="R22767">
        <v>48</v>
      </c>
      <c r="S22767">
        <v>49</v>
      </c>
      <c r="T22767">
        <v>49</v>
      </c>
      <c r="U22767">
        <v>49</v>
      </c>
      <c r="V22767">
        <v>50</v>
      </c>
      <c r="W22767">
        <v>50</v>
      </c>
      <c r="X22767">
        <v>50</v>
      </c>
      <c r="Y22767">
        <v>51</v>
      </c>
      <c r="Z22767">
        <v>51</v>
      </c>
      <c r="AA22767">
        <v>51</v>
      </c>
      <c r="AB22767">
        <v>52</v>
      </c>
      <c r="AC22767">
        <v>52</v>
      </c>
      <c r="AD22767">
        <v>52</v>
      </c>
      <c r="AE22767">
        <v>52</v>
      </c>
      <c r="AF22767">
        <v>53</v>
      </c>
      <c r="AG22767">
        <v>53</v>
      </c>
      <c r="AH22767">
        <v>53</v>
      </c>
      <c r="AI22767">
        <v>54</v>
      </c>
      <c r="AJ22767">
        <v>54</v>
      </c>
      <c r="AK22767">
        <v>54</v>
      </c>
      <c r="AL22767">
        <v>54</v>
      </c>
      <c r="AM22767">
        <v>55</v>
      </c>
      <c r="AN22767">
        <v>55</v>
      </c>
      <c r="AO22767">
        <v>55</v>
      </c>
      <c r="AP22767">
        <v>56</v>
      </c>
      <c r="AQ22767">
        <v>56</v>
      </c>
    </row>
    <row r="22768" spans="1:43">
      <c r="A22768" t="s">
        <v>14101</v>
      </c>
      <c r="B22768" t="s">
        <v>14102</v>
      </c>
      <c r="C22768" t="s">
        <v>14103</v>
      </c>
      <c r="D22768" t="s">
        <v>14104</v>
      </c>
      <c r="E22768" t="s">
        <v>14015</v>
      </c>
      <c r="F22768" t="s">
        <v>14016</v>
      </c>
      <c r="G22768" t="s">
        <v>10734</v>
      </c>
      <c r="H22768" t="s">
        <v>10735</v>
      </c>
      <c r="I22768" s="2">
        <v>0</v>
      </c>
      <c r="J22768" s="2">
        <v>0</v>
      </c>
      <c r="K22768" s="2">
        <v>1</v>
      </c>
      <c r="L22768" t="s">
        <v>995</v>
      </c>
      <c r="M22768" t="s">
        <v>89</v>
      </c>
      <c r="N22768" t="s">
        <v>90</v>
      </c>
      <c r="O22768" t="s">
        <v>85</v>
      </c>
      <c r="P22768" t="s">
        <v>86</v>
      </c>
      <c r="Q22768">
        <v>48</v>
      </c>
      <c r="R22768">
        <v>49</v>
      </c>
      <c r="S22768">
        <v>50</v>
      </c>
      <c r="T22768">
        <v>51</v>
      </c>
      <c r="U22768">
        <v>53</v>
      </c>
      <c r="V22768">
        <v>54</v>
      </c>
      <c r="W22768">
        <v>55</v>
      </c>
      <c r="X22768">
        <v>56</v>
      </c>
      <c r="Y22768">
        <v>57</v>
      </c>
      <c r="Z22768">
        <v>58</v>
      </c>
      <c r="AA22768">
        <v>59</v>
      </c>
      <c r="AB22768">
        <v>60</v>
      </c>
      <c r="AC22768">
        <v>61</v>
      </c>
      <c r="AD22768">
        <v>62</v>
      </c>
      <c r="AE22768">
        <v>62</v>
      </c>
      <c r="AF22768">
        <v>63</v>
      </c>
      <c r="AG22768">
        <v>63</v>
      </c>
      <c r="AH22768">
        <v>63</v>
      </c>
      <c r="AI22768">
        <v>63</v>
      </c>
      <c r="AJ22768">
        <v>63</v>
      </c>
      <c r="AK22768">
        <v>63</v>
      </c>
      <c r="AL22768">
        <v>63</v>
      </c>
      <c r="AM22768">
        <v>63</v>
      </c>
      <c r="AN22768">
        <v>64</v>
      </c>
      <c r="AO22768">
        <v>64</v>
      </c>
      <c r="AP22768">
        <v>64</v>
      </c>
      <c r="AQ22768">
        <v>64</v>
      </c>
    </row>
    <row r="22769" spans="1:43">
      <c r="A22769" t="s">
        <v>14101</v>
      </c>
      <c r="B22769" t="s">
        <v>14102</v>
      </c>
      <c r="C22769" t="s">
        <v>14103</v>
      </c>
      <c r="D22769" t="s">
        <v>14104</v>
      </c>
      <c r="E22769" t="s">
        <v>14015</v>
      </c>
      <c r="F22769" t="s">
        <v>14016</v>
      </c>
      <c r="G22769" t="s">
        <v>10734</v>
      </c>
      <c r="H22769" t="s">
        <v>10735</v>
      </c>
      <c r="I22769" s="2">
        <v>0</v>
      </c>
      <c r="J22769" s="2">
        <v>0</v>
      </c>
      <c r="K22769" s="2">
        <v>1</v>
      </c>
      <c r="L22769" t="s">
        <v>995</v>
      </c>
      <c r="M22769" t="s">
        <v>83</v>
      </c>
      <c r="N22769" t="s">
        <v>91</v>
      </c>
      <c r="O22769" t="s">
        <v>85</v>
      </c>
      <c r="P22769" t="s">
        <v>86</v>
      </c>
      <c r="Q22769">
        <v>48</v>
      </c>
      <c r="R22769">
        <v>49</v>
      </c>
      <c r="S22769">
        <v>50</v>
      </c>
      <c r="T22769">
        <v>51</v>
      </c>
      <c r="U22769">
        <v>52</v>
      </c>
      <c r="V22769">
        <v>52</v>
      </c>
      <c r="W22769">
        <v>53</v>
      </c>
      <c r="X22769">
        <v>54</v>
      </c>
      <c r="Y22769">
        <v>55</v>
      </c>
      <c r="Z22769">
        <v>56</v>
      </c>
      <c r="AA22769">
        <v>56</v>
      </c>
      <c r="AB22769">
        <v>57</v>
      </c>
      <c r="AC22769">
        <v>58</v>
      </c>
      <c r="AD22769">
        <v>58</v>
      </c>
      <c r="AE22769">
        <v>59</v>
      </c>
      <c r="AF22769">
        <v>60</v>
      </c>
      <c r="AG22769">
        <v>61</v>
      </c>
      <c r="AH22769">
        <v>61</v>
      </c>
      <c r="AI22769">
        <v>62</v>
      </c>
      <c r="AJ22769">
        <v>63</v>
      </c>
      <c r="AK22769">
        <v>63</v>
      </c>
      <c r="AL22769">
        <v>64</v>
      </c>
      <c r="AM22769">
        <v>64</v>
      </c>
      <c r="AN22769">
        <v>64</v>
      </c>
      <c r="AO22769">
        <v>64</v>
      </c>
      <c r="AP22769">
        <v>64</v>
      </c>
      <c r="AQ22769">
        <v>64</v>
      </c>
    </row>
    <row r="22770" spans="1:43">
      <c r="A22770" t="s">
        <v>14105</v>
      </c>
      <c r="B22770" t="s">
        <v>14106</v>
      </c>
      <c r="C22770" t="s">
        <v>14103</v>
      </c>
      <c r="D22770" t="s">
        <v>14104</v>
      </c>
      <c r="E22770" t="s">
        <v>14015</v>
      </c>
      <c r="F22770" t="s">
        <v>14016</v>
      </c>
      <c r="G22770" t="s">
        <v>10734</v>
      </c>
      <c r="H22770" t="s">
        <v>10735</v>
      </c>
      <c r="I22770" s="2">
        <v>0</v>
      </c>
      <c r="J22770" s="2">
        <v>0</v>
      </c>
      <c r="K22770" s="2">
        <v>1</v>
      </c>
      <c r="L22770" t="s">
        <v>995</v>
      </c>
      <c r="M22770" t="s">
        <v>83</v>
      </c>
      <c r="N22770" t="s">
        <v>84</v>
      </c>
      <c r="O22770" t="s">
        <v>85</v>
      </c>
      <c r="P22770" t="s">
        <v>86</v>
      </c>
      <c r="Q22770">
        <v>20</v>
      </c>
      <c r="R22770">
        <v>20</v>
      </c>
      <c r="S22770">
        <v>21</v>
      </c>
      <c r="T22770">
        <v>21</v>
      </c>
      <c r="U22770">
        <v>21</v>
      </c>
      <c r="V22770">
        <v>22</v>
      </c>
      <c r="W22770">
        <v>22</v>
      </c>
      <c r="X22770">
        <v>22</v>
      </c>
      <c r="Y22770">
        <v>23</v>
      </c>
      <c r="Z22770">
        <v>23</v>
      </c>
      <c r="AA22770">
        <v>23</v>
      </c>
      <c r="AB22770">
        <v>24</v>
      </c>
      <c r="AC22770">
        <v>24</v>
      </c>
      <c r="AD22770">
        <v>24</v>
      </c>
      <c r="AE22770">
        <v>25</v>
      </c>
      <c r="AF22770">
        <v>25</v>
      </c>
      <c r="AG22770">
        <v>25</v>
      </c>
      <c r="AH22770">
        <v>25</v>
      </c>
      <c r="AI22770">
        <v>26</v>
      </c>
      <c r="AJ22770">
        <v>26</v>
      </c>
      <c r="AK22770">
        <v>26</v>
      </c>
      <c r="AL22770">
        <v>26</v>
      </c>
      <c r="AM22770">
        <v>26</v>
      </c>
      <c r="AN22770">
        <v>27</v>
      </c>
      <c r="AO22770">
        <v>27</v>
      </c>
      <c r="AP22770">
        <v>27</v>
      </c>
      <c r="AQ22770">
        <v>27</v>
      </c>
    </row>
    <row r="22771" spans="1:43">
      <c r="A22771" t="s">
        <v>14105</v>
      </c>
      <c r="B22771" t="s">
        <v>14106</v>
      </c>
      <c r="C22771" t="s">
        <v>14103</v>
      </c>
      <c r="D22771" t="s">
        <v>14104</v>
      </c>
      <c r="E22771" t="s">
        <v>14015</v>
      </c>
      <c r="F22771" t="s">
        <v>14016</v>
      </c>
      <c r="G22771" t="s">
        <v>10734</v>
      </c>
      <c r="H22771" t="s">
        <v>10735</v>
      </c>
      <c r="I22771" s="2">
        <v>0</v>
      </c>
      <c r="J22771" s="2">
        <v>0</v>
      </c>
      <c r="K22771" s="2">
        <v>1</v>
      </c>
      <c r="L22771" t="s">
        <v>995</v>
      </c>
      <c r="M22771" t="s">
        <v>87</v>
      </c>
      <c r="N22771" t="s">
        <v>88</v>
      </c>
      <c r="O22771" t="s">
        <v>85</v>
      </c>
      <c r="P22771" t="s">
        <v>86</v>
      </c>
      <c r="Q22771">
        <v>20</v>
      </c>
      <c r="R22771">
        <v>20</v>
      </c>
      <c r="S22771">
        <v>20</v>
      </c>
      <c r="T22771">
        <v>20</v>
      </c>
      <c r="U22771">
        <v>20</v>
      </c>
      <c r="V22771">
        <v>21</v>
      </c>
      <c r="W22771">
        <v>21</v>
      </c>
      <c r="X22771">
        <v>21</v>
      </c>
      <c r="Y22771">
        <v>21</v>
      </c>
      <c r="Z22771">
        <v>21</v>
      </c>
      <c r="AA22771">
        <v>21</v>
      </c>
      <c r="AB22771">
        <v>21</v>
      </c>
      <c r="AC22771">
        <v>22</v>
      </c>
      <c r="AD22771">
        <v>22</v>
      </c>
      <c r="AE22771">
        <v>22</v>
      </c>
      <c r="AF22771">
        <v>22</v>
      </c>
      <c r="AG22771">
        <v>22</v>
      </c>
      <c r="AH22771">
        <v>22</v>
      </c>
      <c r="AI22771">
        <v>22</v>
      </c>
      <c r="AJ22771">
        <v>22</v>
      </c>
      <c r="AK22771">
        <v>23</v>
      </c>
      <c r="AL22771">
        <v>23</v>
      </c>
      <c r="AM22771">
        <v>23</v>
      </c>
      <c r="AN22771">
        <v>23</v>
      </c>
      <c r="AO22771">
        <v>23</v>
      </c>
      <c r="AP22771">
        <v>23</v>
      </c>
      <c r="AQ22771">
        <v>23</v>
      </c>
    </row>
    <row r="22772" spans="1:43">
      <c r="A22772" t="s">
        <v>14105</v>
      </c>
      <c r="B22772" t="s">
        <v>14106</v>
      </c>
      <c r="C22772" t="s">
        <v>14103</v>
      </c>
      <c r="D22772" t="s">
        <v>14104</v>
      </c>
      <c r="E22772" t="s">
        <v>14015</v>
      </c>
      <c r="F22772" t="s">
        <v>14016</v>
      </c>
      <c r="G22772" t="s">
        <v>10734</v>
      </c>
      <c r="H22772" t="s">
        <v>10735</v>
      </c>
      <c r="I22772" s="2">
        <v>0</v>
      </c>
      <c r="J22772" s="2">
        <v>0</v>
      </c>
      <c r="K22772" s="2">
        <v>1</v>
      </c>
      <c r="L22772" t="s">
        <v>995</v>
      </c>
      <c r="M22772" t="s">
        <v>89</v>
      </c>
      <c r="N22772" t="s">
        <v>90</v>
      </c>
      <c r="O22772" t="s">
        <v>85</v>
      </c>
      <c r="P22772" t="s">
        <v>86</v>
      </c>
      <c r="Q22772">
        <v>20</v>
      </c>
      <c r="R22772">
        <v>21</v>
      </c>
      <c r="S22772">
        <v>21</v>
      </c>
      <c r="T22772">
        <v>22</v>
      </c>
      <c r="U22772">
        <v>22</v>
      </c>
      <c r="V22772">
        <v>23</v>
      </c>
      <c r="W22772">
        <v>23</v>
      </c>
      <c r="X22772">
        <v>24</v>
      </c>
      <c r="Y22772">
        <v>24</v>
      </c>
      <c r="Z22772">
        <v>24</v>
      </c>
      <c r="AA22772">
        <v>25</v>
      </c>
      <c r="AB22772">
        <v>25</v>
      </c>
      <c r="AC22772">
        <v>26</v>
      </c>
      <c r="AD22772">
        <v>26</v>
      </c>
      <c r="AE22772">
        <v>26</v>
      </c>
      <c r="AF22772">
        <v>26</v>
      </c>
      <c r="AG22772">
        <v>26</v>
      </c>
      <c r="AH22772">
        <v>27</v>
      </c>
      <c r="AI22772">
        <v>27</v>
      </c>
      <c r="AJ22772">
        <v>27</v>
      </c>
      <c r="AK22772">
        <v>27</v>
      </c>
      <c r="AL22772">
        <v>27</v>
      </c>
      <c r="AM22772">
        <v>27</v>
      </c>
      <c r="AN22772">
        <v>27</v>
      </c>
      <c r="AO22772">
        <v>27</v>
      </c>
      <c r="AP22772">
        <v>27</v>
      </c>
      <c r="AQ22772">
        <v>27</v>
      </c>
    </row>
    <row r="22773" spans="1:43">
      <c r="A22773" t="s">
        <v>14105</v>
      </c>
      <c r="B22773" t="s">
        <v>14106</v>
      </c>
      <c r="C22773" t="s">
        <v>14103</v>
      </c>
      <c r="D22773" t="s">
        <v>14104</v>
      </c>
      <c r="E22773" t="s">
        <v>14015</v>
      </c>
      <c r="F22773" t="s">
        <v>14016</v>
      </c>
      <c r="G22773" t="s">
        <v>10734</v>
      </c>
      <c r="H22773" t="s">
        <v>10735</v>
      </c>
      <c r="I22773" s="2">
        <v>0</v>
      </c>
      <c r="J22773" s="2">
        <v>0</v>
      </c>
      <c r="K22773" s="2">
        <v>1</v>
      </c>
      <c r="L22773" t="s">
        <v>995</v>
      </c>
      <c r="M22773" t="s">
        <v>83</v>
      </c>
      <c r="N22773" t="s">
        <v>91</v>
      </c>
      <c r="O22773" t="s">
        <v>85</v>
      </c>
      <c r="P22773" t="s">
        <v>86</v>
      </c>
      <c r="Q22773">
        <v>20</v>
      </c>
      <c r="R22773">
        <v>20</v>
      </c>
      <c r="S22773">
        <v>21</v>
      </c>
      <c r="T22773">
        <v>21</v>
      </c>
      <c r="U22773">
        <v>21</v>
      </c>
      <c r="V22773">
        <v>22</v>
      </c>
      <c r="W22773">
        <v>22</v>
      </c>
      <c r="X22773">
        <v>22</v>
      </c>
      <c r="Y22773">
        <v>23</v>
      </c>
      <c r="Z22773">
        <v>23</v>
      </c>
      <c r="AA22773">
        <v>23</v>
      </c>
      <c r="AB22773">
        <v>24</v>
      </c>
      <c r="AC22773">
        <v>24</v>
      </c>
      <c r="AD22773">
        <v>24</v>
      </c>
      <c r="AE22773">
        <v>25</v>
      </c>
      <c r="AF22773">
        <v>25</v>
      </c>
      <c r="AG22773">
        <v>25</v>
      </c>
      <c r="AH22773">
        <v>25</v>
      </c>
      <c r="AI22773">
        <v>26</v>
      </c>
      <c r="AJ22773">
        <v>26</v>
      </c>
      <c r="AK22773">
        <v>26</v>
      </c>
      <c r="AL22773">
        <v>26</v>
      </c>
      <c r="AM22773">
        <v>26</v>
      </c>
      <c r="AN22773">
        <v>27</v>
      </c>
      <c r="AO22773">
        <v>27</v>
      </c>
      <c r="AP22773">
        <v>27</v>
      </c>
      <c r="AQ22773">
        <v>27</v>
      </c>
    </row>
    <row r="22774" spans="1:43">
      <c r="A22774" t="s">
        <v>14107</v>
      </c>
      <c r="B22774" t="s">
        <v>14108</v>
      </c>
      <c r="C22774" t="s">
        <v>14103</v>
      </c>
      <c r="D22774" t="s">
        <v>14104</v>
      </c>
      <c r="E22774" t="s">
        <v>14015</v>
      </c>
      <c r="F22774" t="s">
        <v>14016</v>
      </c>
      <c r="G22774" t="s">
        <v>10734</v>
      </c>
      <c r="H22774" t="s">
        <v>10735</v>
      </c>
      <c r="I22774" s="2">
        <v>0</v>
      </c>
      <c r="J22774" s="2">
        <v>0</v>
      </c>
      <c r="K22774" s="2">
        <v>1</v>
      </c>
      <c r="L22774" t="s">
        <v>995</v>
      </c>
      <c r="M22774" t="s">
        <v>83</v>
      </c>
      <c r="N22774" t="s">
        <v>84</v>
      </c>
      <c r="O22774" t="s">
        <v>85</v>
      </c>
      <c r="P22774" t="s">
        <v>86</v>
      </c>
      <c r="Q22774">
        <v>21</v>
      </c>
      <c r="R22774">
        <v>21</v>
      </c>
      <c r="S22774">
        <v>22</v>
      </c>
      <c r="T22774">
        <v>22</v>
      </c>
      <c r="U22774">
        <v>22</v>
      </c>
      <c r="V22774">
        <v>23</v>
      </c>
      <c r="W22774">
        <v>23</v>
      </c>
      <c r="X22774">
        <v>23</v>
      </c>
      <c r="Y22774">
        <v>24</v>
      </c>
      <c r="Z22774">
        <v>24</v>
      </c>
      <c r="AA22774">
        <v>24</v>
      </c>
      <c r="AB22774">
        <v>25</v>
      </c>
      <c r="AC22774">
        <v>25</v>
      </c>
      <c r="AD22774">
        <v>25</v>
      </c>
      <c r="AE22774">
        <v>25</v>
      </c>
      <c r="AF22774">
        <v>26</v>
      </c>
      <c r="AG22774">
        <v>26</v>
      </c>
      <c r="AH22774">
        <v>26</v>
      </c>
      <c r="AI22774">
        <v>27</v>
      </c>
      <c r="AJ22774">
        <v>27</v>
      </c>
      <c r="AK22774">
        <v>27</v>
      </c>
      <c r="AL22774">
        <v>27</v>
      </c>
      <c r="AM22774">
        <v>27</v>
      </c>
      <c r="AN22774">
        <v>28</v>
      </c>
      <c r="AO22774">
        <v>28</v>
      </c>
      <c r="AP22774">
        <v>28</v>
      </c>
      <c r="AQ22774">
        <v>28</v>
      </c>
    </row>
    <row r="22775" spans="1:43">
      <c r="A22775" t="s">
        <v>14107</v>
      </c>
      <c r="B22775" t="s">
        <v>14108</v>
      </c>
      <c r="C22775" t="s">
        <v>14103</v>
      </c>
      <c r="D22775" t="s">
        <v>14104</v>
      </c>
      <c r="E22775" t="s">
        <v>14015</v>
      </c>
      <c r="F22775" t="s">
        <v>14016</v>
      </c>
      <c r="G22775" t="s">
        <v>10734</v>
      </c>
      <c r="H22775" t="s">
        <v>10735</v>
      </c>
      <c r="I22775" s="2">
        <v>0</v>
      </c>
      <c r="J22775" s="2">
        <v>0</v>
      </c>
      <c r="K22775" s="2">
        <v>1</v>
      </c>
      <c r="L22775" t="s">
        <v>995</v>
      </c>
      <c r="M22775" t="s">
        <v>87</v>
      </c>
      <c r="N22775" t="s">
        <v>88</v>
      </c>
      <c r="O22775" t="s">
        <v>85</v>
      </c>
      <c r="P22775" t="s">
        <v>86</v>
      </c>
      <c r="Q22775">
        <v>21</v>
      </c>
      <c r="R22775">
        <v>21</v>
      </c>
      <c r="S22775">
        <v>21</v>
      </c>
      <c r="T22775">
        <v>21</v>
      </c>
      <c r="U22775">
        <v>21</v>
      </c>
      <c r="V22775">
        <v>21</v>
      </c>
      <c r="W22775">
        <v>22</v>
      </c>
      <c r="X22775">
        <v>22</v>
      </c>
      <c r="Y22775">
        <v>22</v>
      </c>
      <c r="Z22775">
        <v>22</v>
      </c>
      <c r="AA22775">
        <v>22</v>
      </c>
      <c r="AB22775">
        <v>22</v>
      </c>
      <c r="AC22775">
        <v>22</v>
      </c>
      <c r="AD22775">
        <v>22</v>
      </c>
      <c r="AE22775">
        <v>23</v>
      </c>
      <c r="AF22775">
        <v>23</v>
      </c>
      <c r="AG22775">
        <v>23</v>
      </c>
      <c r="AH22775">
        <v>23</v>
      </c>
      <c r="AI22775">
        <v>23</v>
      </c>
      <c r="AJ22775">
        <v>23</v>
      </c>
      <c r="AK22775">
        <v>23</v>
      </c>
      <c r="AL22775">
        <v>23</v>
      </c>
      <c r="AM22775">
        <v>24</v>
      </c>
      <c r="AN22775">
        <v>24</v>
      </c>
      <c r="AO22775">
        <v>24</v>
      </c>
      <c r="AP22775">
        <v>24</v>
      </c>
      <c r="AQ22775">
        <v>24</v>
      </c>
    </row>
    <row r="22776" spans="1:43">
      <c r="A22776" t="s">
        <v>14107</v>
      </c>
      <c r="B22776" t="s">
        <v>14108</v>
      </c>
      <c r="C22776" t="s">
        <v>14103</v>
      </c>
      <c r="D22776" t="s">
        <v>14104</v>
      </c>
      <c r="E22776" t="s">
        <v>14015</v>
      </c>
      <c r="F22776" t="s">
        <v>14016</v>
      </c>
      <c r="G22776" t="s">
        <v>10734</v>
      </c>
      <c r="H22776" t="s">
        <v>10735</v>
      </c>
      <c r="I22776" s="2">
        <v>0</v>
      </c>
      <c r="J22776" s="2">
        <v>0</v>
      </c>
      <c r="K22776" s="2">
        <v>1</v>
      </c>
      <c r="L22776" t="s">
        <v>995</v>
      </c>
      <c r="M22776" t="s">
        <v>89</v>
      </c>
      <c r="N22776" t="s">
        <v>90</v>
      </c>
      <c r="O22776" t="s">
        <v>85</v>
      </c>
      <c r="P22776" t="s">
        <v>86</v>
      </c>
      <c r="Q22776">
        <v>21</v>
      </c>
      <c r="R22776">
        <v>22</v>
      </c>
      <c r="S22776">
        <v>22</v>
      </c>
      <c r="T22776">
        <v>23</v>
      </c>
      <c r="U22776">
        <v>23</v>
      </c>
      <c r="V22776">
        <v>24</v>
      </c>
      <c r="W22776">
        <v>24</v>
      </c>
      <c r="X22776">
        <v>25</v>
      </c>
      <c r="Y22776">
        <v>25</v>
      </c>
      <c r="Z22776">
        <v>25</v>
      </c>
      <c r="AA22776">
        <v>26</v>
      </c>
      <c r="AB22776">
        <v>26</v>
      </c>
      <c r="AC22776">
        <v>27</v>
      </c>
      <c r="AD22776">
        <v>27</v>
      </c>
      <c r="AE22776">
        <v>27</v>
      </c>
      <c r="AF22776">
        <v>27</v>
      </c>
      <c r="AG22776">
        <v>27</v>
      </c>
      <c r="AH22776">
        <v>27</v>
      </c>
      <c r="AI22776">
        <v>28</v>
      </c>
      <c r="AJ22776">
        <v>28</v>
      </c>
      <c r="AK22776">
        <v>28</v>
      </c>
      <c r="AL22776">
        <v>28</v>
      </c>
      <c r="AM22776">
        <v>28</v>
      </c>
      <c r="AN22776">
        <v>28</v>
      </c>
      <c r="AO22776">
        <v>28</v>
      </c>
      <c r="AP22776">
        <v>28</v>
      </c>
      <c r="AQ22776">
        <v>28</v>
      </c>
    </row>
    <row r="22777" spans="1:43">
      <c r="A22777" t="s">
        <v>14107</v>
      </c>
      <c r="B22777" t="s">
        <v>14108</v>
      </c>
      <c r="C22777" t="s">
        <v>14103</v>
      </c>
      <c r="D22777" t="s">
        <v>14104</v>
      </c>
      <c r="E22777" t="s">
        <v>14015</v>
      </c>
      <c r="F22777" t="s">
        <v>14016</v>
      </c>
      <c r="G22777" t="s">
        <v>10734</v>
      </c>
      <c r="H22777" t="s">
        <v>10735</v>
      </c>
      <c r="I22777" s="2">
        <v>0</v>
      </c>
      <c r="J22777" s="2">
        <v>0</v>
      </c>
      <c r="K22777" s="2">
        <v>1</v>
      </c>
      <c r="L22777" t="s">
        <v>995</v>
      </c>
      <c r="M22777" t="s">
        <v>83</v>
      </c>
      <c r="N22777" t="s">
        <v>91</v>
      </c>
      <c r="O22777" t="s">
        <v>85</v>
      </c>
      <c r="P22777" t="s">
        <v>86</v>
      </c>
      <c r="Q22777">
        <v>21</v>
      </c>
      <c r="R22777">
        <v>21</v>
      </c>
      <c r="S22777">
        <v>22</v>
      </c>
      <c r="T22777">
        <v>22</v>
      </c>
      <c r="U22777">
        <v>22</v>
      </c>
      <c r="V22777">
        <v>23</v>
      </c>
      <c r="W22777">
        <v>23</v>
      </c>
      <c r="X22777">
        <v>23</v>
      </c>
      <c r="Y22777">
        <v>24</v>
      </c>
      <c r="Z22777">
        <v>24</v>
      </c>
      <c r="AA22777">
        <v>24</v>
      </c>
      <c r="AB22777">
        <v>25</v>
      </c>
      <c r="AC22777">
        <v>25</v>
      </c>
      <c r="AD22777">
        <v>25</v>
      </c>
      <c r="AE22777">
        <v>25</v>
      </c>
      <c r="AF22777">
        <v>26</v>
      </c>
      <c r="AG22777">
        <v>26</v>
      </c>
      <c r="AH22777">
        <v>26</v>
      </c>
      <c r="AI22777">
        <v>27</v>
      </c>
      <c r="AJ22777">
        <v>27</v>
      </c>
      <c r="AK22777">
        <v>27</v>
      </c>
      <c r="AL22777">
        <v>27</v>
      </c>
      <c r="AM22777">
        <v>27</v>
      </c>
      <c r="AN22777">
        <v>28</v>
      </c>
      <c r="AO22777">
        <v>28</v>
      </c>
      <c r="AP22777">
        <v>28</v>
      </c>
      <c r="AQ22777">
        <v>28</v>
      </c>
    </row>
    <row r="22778" spans="1:43">
      <c r="A22778" t="s">
        <v>14109</v>
      </c>
      <c r="B22778" t="s">
        <v>14110</v>
      </c>
      <c r="C22778" t="s">
        <v>14111</v>
      </c>
      <c r="D22778" t="s">
        <v>14112</v>
      </c>
      <c r="E22778" t="s">
        <v>14015</v>
      </c>
      <c r="F22778" t="s">
        <v>14016</v>
      </c>
      <c r="G22778" t="s">
        <v>10734</v>
      </c>
      <c r="H22778" t="s">
        <v>10735</v>
      </c>
      <c r="I22778" s="2">
        <v>0</v>
      </c>
      <c r="J22778" s="2">
        <v>0</v>
      </c>
      <c r="K22778" s="2">
        <v>1</v>
      </c>
      <c r="L22778" t="s">
        <v>995</v>
      </c>
      <c r="M22778" t="s">
        <v>83</v>
      </c>
      <c r="N22778" t="s">
        <v>84</v>
      </c>
      <c r="O22778" t="s">
        <v>85</v>
      </c>
      <c r="P22778" t="s">
        <v>86</v>
      </c>
      <c r="Q22778">
        <v>13</v>
      </c>
      <c r="R22778">
        <v>13</v>
      </c>
      <c r="S22778">
        <v>14</v>
      </c>
      <c r="T22778">
        <v>14</v>
      </c>
      <c r="U22778">
        <v>14</v>
      </c>
      <c r="V22778">
        <v>14</v>
      </c>
      <c r="W22778">
        <v>15</v>
      </c>
      <c r="X22778">
        <v>15</v>
      </c>
      <c r="Y22778">
        <v>15</v>
      </c>
      <c r="Z22778">
        <v>15</v>
      </c>
      <c r="AA22778">
        <v>15</v>
      </c>
      <c r="AB22778">
        <v>16</v>
      </c>
      <c r="AC22778">
        <v>16</v>
      </c>
      <c r="AD22778">
        <v>16</v>
      </c>
      <c r="AE22778">
        <v>16</v>
      </c>
      <c r="AF22778">
        <v>16</v>
      </c>
      <c r="AG22778">
        <v>17</v>
      </c>
      <c r="AH22778">
        <v>17</v>
      </c>
      <c r="AI22778">
        <v>17</v>
      </c>
      <c r="AJ22778">
        <v>17</v>
      </c>
      <c r="AK22778">
        <v>17</v>
      </c>
      <c r="AL22778">
        <v>17</v>
      </c>
      <c r="AM22778">
        <v>17</v>
      </c>
      <c r="AN22778">
        <v>17</v>
      </c>
      <c r="AO22778">
        <v>18</v>
      </c>
      <c r="AP22778">
        <v>18</v>
      </c>
      <c r="AQ22778">
        <v>18</v>
      </c>
    </row>
    <row r="22779" spans="1:43">
      <c r="A22779" t="s">
        <v>14109</v>
      </c>
      <c r="B22779" t="s">
        <v>14110</v>
      </c>
      <c r="C22779" t="s">
        <v>14111</v>
      </c>
      <c r="D22779" t="s">
        <v>14112</v>
      </c>
      <c r="E22779" t="s">
        <v>14015</v>
      </c>
      <c r="F22779" t="s">
        <v>14016</v>
      </c>
      <c r="G22779" t="s">
        <v>10734</v>
      </c>
      <c r="H22779" t="s">
        <v>10735</v>
      </c>
      <c r="I22779" s="2">
        <v>0</v>
      </c>
      <c r="J22779" s="2">
        <v>0</v>
      </c>
      <c r="K22779" s="2">
        <v>1</v>
      </c>
      <c r="L22779" t="s">
        <v>995</v>
      </c>
      <c r="M22779" t="s">
        <v>87</v>
      </c>
      <c r="N22779" t="s">
        <v>88</v>
      </c>
      <c r="O22779" t="s">
        <v>85</v>
      </c>
      <c r="P22779" t="s">
        <v>86</v>
      </c>
      <c r="Q22779">
        <v>13</v>
      </c>
      <c r="R22779">
        <v>13</v>
      </c>
      <c r="S22779">
        <v>13</v>
      </c>
      <c r="T22779">
        <v>13</v>
      </c>
      <c r="U22779">
        <v>14</v>
      </c>
      <c r="V22779">
        <v>14</v>
      </c>
      <c r="W22779">
        <v>14</v>
      </c>
      <c r="X22779">
        <v>14</v>
      </c>
      <c r="Y22779">
        <v>14</v>
      </c>
      <c r="Z22779">
        <v>14</v>
      </c>
      <c r="AA22779">
        <v>14</v>
      </c>
      <c r="AB22779">
        <v>14</v>
      </c>
      <c r="AC22779">
        <v>14</v>
      </c>
      <c r="AD22779">
        <v>14</v>
      </c>
      <c r="AE22779">
        <v>14</v>
      </c>
      <c r="AF22779">
        <v>14</v>
      </c>
      <c r="AG22779">
        <v>15</v>
      </c>
      <c r="AH22779">
        <v>15</v>
      </c>
      <c r="AI22779">
        <v>15</v>
      </c>
      <c r="AJ22779">
        <v>15</v>
      </c>
      <c r="AK22779">
        <v>15</v>
      </c>
      <c r="AL22779">
        <v>15</v>
      </c>
      <c r="AM22779">
        <v>15</v>
      </c>
      <c r="AN22779">
        <v>15</v>
      </c>
      <c r="AO22779">
        <v>15</v>
      </c>
      <c r="AP22779">
        <v>15</v>
      </c>
      <c r="AQ22779">
        <v>15</v>
      </c>
    </row>
    <row r="22780" spans="1:43">
      <c r="A22780" t="s">
        <v>14109</v>
      </c>
      <c r="B22780" t="s">
        <v>14110</v>
      </c>
      <c r="C22780" t="s">
        <v>14111</v>
      </c>
      <c r="D22780" t="s">
        <v>14112</v>
      </c>
      <c r="E22780" t="s">
        <v>14015</v>
      </c>
      <c r="F22780" t="s">
        <v>14016</v>
      </c>
      <c r="G22780" t="s">
        <v>10734</v>
      </c>
      <c r="H22780" t="s">
        <v>10735</v>
      </c>
      <c r="I22780" s="2">
        <v>0</v>
      </c>
      <c r="J22780" s="2">
        <v>0</v>
      </c>
      <c r="K22780" s="2">
        <v>1</v>
      </c>
      <c r="L22780" t="s">
        <v>995</v>
      </c>
      <c r="M22780" t="s">
        <v>89</v>
      </c>
      <c r="N22780" t="s">
        <v>90</v>
      </c>
      <c r="O22780" t="s">
        <v>85</v>
      </c>
      <c r="P22780" t="s">
        <v>86</v>
      </c>
      <c r="Q22780">
        <v>13</v>
      </c>
      <c r="R22780">
        <v>14</v>
      </c>
      <c r="S22780">
        <v>14</v>
      </c>
      <c r="T22780">
        <v>14</v>
      </c>
      <c r="U22780">
        <v>15</v>
      </c>
      <c r="V22780">
        <v>15</v>
      </c>
      <c r="W22780">
        <v>15</v>
      </c>
      <c r="X22780">
        <v>16</v>
      </c>
      <c r="Y22780">
        <v>16</v>
      </c>
      <c r="Z22780">
        <v>16</v>
      </c>
      <c r="AA22780">
        <v>16</v>
      </c>
      <c r="AB22780">
        <v>17</v>
      </c>
      <c r="AC22780">
        <v>17</v>
      </c>
      <c r="AD22780">
        <v>17</v>
      </c>
      <c r="AE22780">
        <v>17</v>
      </c>
      <c r="AF22780">
        <v>17</v>
      </c>
      <c r="AG22780">
        <v>17</v>
      </c>
      <c r="AH22780">
        <v>17</v>
      </c>
      <c r="AI22780">
        <v>18</v>
      </c>
      <c r="AJ22780">
        <v>18</v>
      </c>
      <c r="AK22780">
        <v>18</v>
      </c>
      <c r="AL22780">
        <v>18</v>
      </c>
      <c r="AM22780">
        <v>18</v>
      </c>
      <c r="AN22780">
        <v>18</v>
      </c>
      <c r="AO22780">
        <v>18</v>
      </c>
      <c r="AP22780">
        <v>18</v>
      </c>
      <c r="AQ22780">
        <v>18</v>
      </c>
    </row>
    <row r="22781" spans="1:43">
      <c r="A22781" t="s">
        <v>14109</v>
      </c>
      <c r="B22781" t="s">
        <v>14110</v>
      </c>
      <c r="C22781" t="s">
        <v>14111</v>
      </c>
      <c r="D22781" t="s">
        <v>14112</v>
      </c>
      <c r="E22781" t="s">
        <v>14015</v>
      </c>
      <c r="F22781" t="s">
        <v>14016</v>
      </c>
      <c r="G22781" t="s">
        <v>10734</v>
      </c>
      <c r="H22781" t="s">
        <v>10735</v>
      </c>
      <c r="I22781" s="2">
        <v>0</v>
      </c>
      <c r="J22781" s="2">
        <v>0</v>
      </c>
      <c r="K22781" s="2">
        <v>1</v>
      </c>
      <c r="L22781" t="s">
        <v>995</v>
      </c>
      <c r="M22781" t="s">
        <v>83</v>
      </c>
      <c r="N22781" t="s">
        <v>91</v>
      </c>
      <c r="O22781" t="s">
        <v>85</v>
      </c>
      <c r="P22781" t="s">
        <v>86</v>
      </c>
      <c r="Q22781">
        <v>13</v>
      </c>
      <c r="R22781">
        <v>13</v>
      </c>
      <c r="S22781">
        <v>14</v>
      </c>
      <c r="T22781">
        <v>14</v>
      </c>
      <c r="U22781">
        <v>14</v>
      </c>
      <c r="V22781">
        <v>14</v>
      </c>
      <c r="W22781">
        <v>15</v>
      </c>
      <c r="X22781">
        <v>15</v>
      </c>
      <c r="Y22781">
        <v>15</v>
      </c>
      <c r="Z22781">
        <v>15</v>
      </c>
      <c r="AA22781">
        <v>15</v>
      </c>
      <c r="AB22781">
        <v>16</v>
      </c>
      <c r="AC22781">
        <v>16</v>
      </c>
      <c r="AD22781">
        <v>16</v>
      </c>
      <c r="AE22781">
        <v>16</v>
      </c>
      <c r="AF22781">
        <v>16</v>
      </c>
      <c r="AG22781">
        <v>17</v>
      </c>
      <c r="AH22781">
        <v>17</v>
      </c>
      <c r="AI22781">
        <v>17</v>
      </c>
      <c r="AJ22781">
        <v>17</v>
      </c>
      <c r="AK22781">
        <v>17</v>
      </c>
      <c r="AL22781">
        <v>17</v>
      </c>
      <c r="AM22781">
        <v>17</v>
      </c>
      <c r="AN22781">
        <v>17</v>
      </c>
      <c r="AO22781">
        <v>18</v>
      </c>
      <c r="AP22781">
        <v>18</v>
      </c>
      <c r="AQ22781">
        <v>18</v>
      </c>
    </row>
    <row r="22782" spans="1:43">
      <c r="A22782" t="s">
        <v>14113</v>
      </c>
      <c r="B22782" t="s">
        <v>14114</v>
      </c>
      <c r="C22782" t="s">
        <v>14103</v>
      </c>
      <c r="D22782" t="s">
        <v>14104</v>
      </c>
      <c r="E22782" t="s">
        <v>14015</v>
      </c>
      <c r="F22782" t="s">
        <v>14016</v>
      </c>
      <c r="G22782" t="s">
        <v>10734</v>
      </c>
      <c r="H22782" t="s">
        <v>10735</v>
      </c>
      <c r="I22782" s="2">
        <v>0</v>
      </c>
      <c r="J22782" s="2">
        <v>0</v>
      </c>
      <c r="K22782" s="2">
        <v>1</v>
      </c>
      <c r="L22782" t="s">
        <v>995</v>
      </c>
      <c r="M22782" t="s">
        <v>83</v>
      </c>
      <c r="N22782" t="s">
        <v>84</v>
      </c>
      <c r="O22782" t="s">
        <v>85</v>
      </c>
      <c r="P22782" t="s">
        <v>86</v>
      </c>
      <c r="Q22782">
        <v>11</v>
      </c>
      <c r="R22782">
        <v>11</v>
      </c>
      <c r="S22782">
        <v>12</v>
      </c>
      <c r="T22782">
        <v>12</v>
      </c>
      <c r="U22782">
        <v>12</v>
      </c>
      <c r="V22782">
        <v>12</v>
      </c>
      <c r="W22782">
        <v>12</v>
      </c>
      <c r="X22782">
        <v>13</v>
      </c>
      <c r="Y22782">
        <v>13</v>
      </c>
      <c r="Z22782">
        <v>13</v>
      </c>
      <c r="AA22782">
        <v>13</v>
      </c>
      <c r="AB22782">
        <v>13</v>
      </c>
      <c r="AC22782">
        <v>13</v>
      </c>
      <c r="AD22782">
        <v>14</v>
      </c>
      <c r="AE22782">
        <v>14</v>
      </c>
      <c r="AF22782">
        <v>14</v>
      </c>
      <c r="AG22782">
        <v>14</v>
      </c>
      <c r="AH22782">
        <v>14</v>
      </c>
      <c r="AI22782">
        <v>14</v>
      </c>
      <c r="AJ22782">
        <v>15</v>
      </c>
      <c r="AK22782">
        <v>15</v>
      </c>
      <c r="AL22782">
        <v>15</v>
      </c>
      <c r="AM22782">
        <v>15</v>
      </c>
      <c r="AN22782">
        <v>15</v>
      </c>
      <c r="AO22782">
        <v>15</v>
      </c>
      <c r="AP22782">
        <v>15</v>
      </c>
      <c r="AQ22782">
        <v>15</v>
      </c>
    </row>
    <row r="22783" spans="1:43">
      <c r="A22783" t="s">
        <v>14113</v>
      </c>
      <c r="B22783" t="s">
        <v>14114</v>
      </c>
      <c r="C22783" t="s">
        <v>14103</v>
      </c>
      <c r="D22783" t="s">
        <v>14104</v>
      </c>
      <c r="E22783" t="s">
        <v>14015</v>
      </c>
      <c r="F22783" t="s">
        <v>14016</v>
      </c>
      <c r="G22783" t="s">
        <v>10734</v>
      </c>
      <c r="H22783" t="s">
        <v>10735</v>
      </c>
      <c r="I22783" s="2">
        <v>0</v>
      </c>
      <c r="J22783" s="2">
        <v>0</v>
      </c>
      <c r="K22783" s="2">
        <v>1</v>
      </c>
      <c r="L22783" t="s">
        <v>995</v>
      </c>
      <c r="M22783" t="s">
        <v>87</v>
      </c>
      <c r="N22783" t="s">
        <v>88</v>
      </c>
      <c r="O22783" t="s">
        <v>85</v>
      </c>
      <c r="P22783" t="s">
        <v>86</v>
      </c>
      <c r="Q22783">
        <v>11</v>
      </c>
      <c r="R22783">
        <v>11</v>
      </c>
      <c r="S22783">
        <v>11</v>
      </c>
      <c r="T22783">
        <v>11</v>
      </c>
      <c r="U22783">
        <v>11</v>
      </c>
      <c r="V22783">
        <v>12</v>
      </c>
      <c r="W22783">
        <v>12</v>
      </c>
      <c r="X22783">
        <v>12</v>
      </c>
      <c r="Y22783">
        <v>12</v>
      </c>
      <c r="Z22783">
        <v>12</v>
      </c>
      <c r="AA22783">
        <v>12</v>
      </c>
      <c r="AB22783">
        <v>12</v>
      </c>
      <c r="AC22783">
        <v>12</v>
      </c>
      <c r="AD22783">
        <v>12</v>
      </c>
      <c r="AE22783">
        <v>12</v>
      </c>
      <c r="AF22783">
        <v>12</v>
      </c>
      <c r="AG22783">
        <v>12</v>
      </c>
      <c r="AH22783">
        <v>12</v>
      </c>
      <c r="AI22783">
        <v>12</v>
      </c>
      <c r="AJ22783">
        <v>13</v>
      </c>
      <c r="AK22783">
        <v>13</v>
      </c>
      <c r="AL22783">
        <v>13</v>
      </c>
      <c r="AM22783">
        <v>13</v>
      </c>
      <c r="AN22783">
        <v>13</v>
      </c>
      <c r="AO22783">
        <v>13</v>
      </c>
      <c r="AP22783">
        <v>13</v>
      </c>
      <c r="AQ22783">
        <v>13</v>
      </c>
    </row>
    <row r="22784" spans="1:43">
      <c r="A22784" t="s">
        <v>14113</v>
      </c>
      <c r="B22784" t="s">
        <v>14114</v>
      </c>
      <c r="C22784" t="s">
        <v>14103</v>
      </c>
      <c r="D22784" t="s">
        <v>14104</v>
      </c>
      <c r="E22784" t="s">
        <v>14015</v>
      </c>
      <c r="F22784" t="s">
        <v>14016</v>
      </c>
      <c r="G22784" t="s">
        <v>10734</v>
      </c>
      <c r="H22784" t="s">
        <v>10735</v>
      </c>
      <c r="I22784" s="2">
        <v>0</v>
      </c>
      <c r="J22784" s="2">
        <v>0</v>
      </c>
      <c r="K22784" s="2">
        <v>1</v>
      </c>
      <c r="L22784" t="s">
        <v>995</v>
      </c>
      <c r="M22784" t="s">
        <v>89</v>
      </c>
      <c r="N22784" t="s">
        <v>90</v>
      </c>
      <c r="O22784" t="s">
        <v>85</v>
      </c>
      <c r="P22784" t="s">
        <v>86</v>
      </c>
      <c r="Q22784">
        <v>11</v>
      </c>
      <c r="R22784">
        <v>12</v>
      </c>
      <c r="S22784">
        <v>12</v>
      </c>
      <c r="T22784">
        <v>12</v>
      </c>
      <c r="U22784">
        <v>12</v>
      </c>
      <c r="V22784">
        <v>13</v>
      </c>
      <c r="W22784">
        <v>13</v>
      </c>
      <c r="X22784">
        <v>13</v>
      </c>
      <c r="Y22784">
        <v>13</v>
      </c>
      <c r="Z22784">
        <v>14</v>
      </c>
      <c r="AA22784">
        <v>14</v>
      </c>
      <c r="AB22784">
        <v>14</v>
      </c>
      <c r="AC22784">
        <v>14</v>
      </c>
      <c r="AD22784">
        <v>15</v>
      </c>
      <c r="AE22784">
        <v>15</v>
      </c>
      <c r="AF22784">
        <v>15</v>
      </c>
      <c r="AG22784">
        <v>15</v>
      </c>
      <c r="AH22784">
        <v>15</v>
      </c>
      <c r="AI22784">
        <v>15</v>
      </c>
      <c r="AJ22784">
        <v>15</v>
      </c>
      <c r="AK22784">
        <v>15</v>
      </c>
      <c r="AL22784">
        <v>15</v>
      </c>
      <c r="AM22784">
        <v>15</v>
      </c>
      <c r="AN22784">
        <v>15</v>
      </c>
      <c r="AO22784">
        <v>15</v>
      </c>
      <c r="AP22784">
        <v>15</v>
      </c>
      <c r="AQ22784">
        <v>15</v>
      </c>
    </row>
    <row r="22785" spans="1:43">
      <c r="A22785" t="s">
        <v>14113</v>
      </c>
      <c r="B22785" t="s">
        <v>14114</v>
      </c>
      <c r="C22785" t="s">
        <v>14103</v>
      </c>
      <c r="D22785" t="s">
        <v>14104</v>
      </c>
      <c r="E22785" t="s">
        <v>14015</v>
      </c>
      <c r="F22785" t="s">
        <v>14016</v>
      </c>
      <c r="G22785" t="s">
        <v>10734</v>
      </c>
      <c r="H22785" t="s">
        <v>10735</v>
      </c>
      <c r="I22785" s="2">
        <v>0</v>
      </c>
      <c r="J22785" s="2">
        <v>0</v>
      </c>
      <c r="K22785" s="2">
        <v>1</v>
      </c>
      <c r="L22785" t="s">
        <v>995</v>
      </c>
      <c r="M22785" t="s">
        <v>83</v>
      </c>
      <c r="N22785" t="s">
        <v>91</v>
      </c>
      <c r="O22785" t="s">
        <v>85</v>
      </c>
      <c r="P22785" t="s">
        <v>86</v>
      </c>
      <c r="Q22785">
        <v>11</v>
      </c>
      <c r="R22785">
        <v>11</v>
      </c>
      <c r="S22785">
        <v>12</v>
      </c>
      <c r="T22785">
        <v>12</v>
      </c>
      <c r="U22785">
        <v>12</v>
      </c>
      <c r="V22785">
        <v>12</v>
      </c>
      <c r="W22785">
        <v>12</v>
      </c>
      <c r="X22785">
        <v>13</v>
      </c>
      <c r="Y22785">
        <v>13</v>
      </c>
      <c r="Z22785">
        <v>13</v>
      </c>
      <c r="AA22785">
        <v>13</v>
      </c>
      <c r="AB22785">
        <v>13</v>
      </c>
      <c r="AC22785">
        <v>13</v>
      </c>
      <c r="AD22785">
        <v>14</v>
      </c>
      <c r="AE22785">
        <v>14</v>
      </c>
      <c r="AF22785">
        <v>14</v>
      </c>
      <c r="AG22785">
        <v>14</v>
      </c>
      <c r="AH22785">
        <v>14</v>
      </c>
      <c r="AI22785">
        <v>14</v>
      </c>
      <c r="AJ22785">
        <v>15</v>
      </c>
      <c r="AK22785">
        <v>15</v>
      </c>
      <c r="AL22785">
        <v>15</v>
      </c>
      <c r="AM22785">
        <v>15</v>
      </c>
      <c r="AN22785">
        <v>15</v>
      </c>
      <c r="AO22785">
        <v>15</v>
      </c>
      <c r="AP22785">
        <v>15</v>
      </c>
      <c r="AQ22785">
        <v>15</v>
      </c>
    </row>
    <row r="22786" spans="1:43">
      <c r="A22786" t="s">
        <v>14115</v>
      </c>
      <c r="B22786" t="s">
        <v>14116</v>
      </c>
      <c r="C22786" t="s">
        <v>14111</v>
      </c>
      <c r="D22786" t="s">
        <v>14112</v>
      </c>
      <c r="E22786" t="s">
        <v>14015</v>
      </c>
      <c r="F22786" t="s">
        <v>14016</v>
      </c>
      <c r="G22786" t="s">
        <v>10734</v>
      </c>
      <c r="H22786" t="s">
        <v>10735</v>
      </c>
      <c r="I22786" s="2">
        <v>0</v>
      </c>
      <c r="J22786" s="2">
        <v>0</v>
      </c>
      <c r="K22786" s="2">
        <v>1</v>
      </c>
      <c r="L22786" t="s">
        <v>995</v>
      </c>
      <c r="M22786" t="s">
        <v>83</v>
      </c>
      <c r="N22786" t="s">
        <v>84</v>
      </c>
      <c r="O22786" t="s">
        <v>85</v>
      </c>
      <c r="P22786" t="s">
        <v>86</v>
      </c>
      <c r="Q22786">
        <v>19</v>
      </c>
      <c r="R22786">
        <v>19</v>
      </c>
      <c r="S22786">
        <v>20</v>
      </c>
      <c r="T22786">
        <v>20</v>
      </c>
      <c r="U22786">
        <v>20</v>
      </c>
      <c r="V22786">
        <v>20</v>
      </c>
      <c r="W22786">
        <v>21</v>
      </c>
      <c r="X22786">
        <v>21</v>
      </c>
      <c r="Y22786">
        <v>21</v>
      </c>
      <c r="Z22786">
        <v>22</v>
      </c>
      <c r="AA22786">
        <v>22</v>
      </c>
      <c r="AB22786">
        <v>22</v>
      </c>
      <c r="AC22786">
        <v>23</v>
      </c>
      <c r="AD22786">
        <v>23</v>
      </c>
      <c r="AE22786">
        <v>23</v>
      </c>
      <c r="AF22786">
        <v>23</v>
      </c>
      <c r="AG22786">
        <v>24</v>
      </c>
      <c r="AH22786">
        <v>24</v>
      </c>
      <c r="AI22786">
        <v>24</v>
      </c>
      <c r="AJ22786">
        <v>24</v>
      </c>
      <c r="AK22786">
        <v>25</v>
      </c>
      <c r="AL22786">
        <v>25</v>
      </c>
      <c r="AM22786">
        <v>25</v>
      </c>
      <c r="AN22786">
        <v>25</v>
      </c>
      <c r="AO22786">
        <v>25</v>
      </c>
      <c r="AP22786">
        <v>25</v>
      </c>
      <c r="AQ22786">
        <v>25</v>
      </c>
    </row>
    <row r="22787" spans="1:43">
      <c r="A22787" t="s">
        <v>14115</v>
      </c>
      <c r="B22787" t="s">
        <v>14116</v>
      </c>
      <c r="C22787" t="s">
        <v>14111</v>
      </c>
      <c r="D22787" t="s">
        <v>14112</v>
      </c>
      <c r="E22787" t="s">
        <v>14015</v>
      </c>
      <c r="F22787" t="s">
        <v>14016</v>
      </c>
      <c r="G22787" t="s">
        <v>10734</v>
      </c>
      <c r="H22787" t="s">
        <v>10735</v>
      </c>
      <c r="I22787" s="2">
        <v>0</v>
      </c>
      <c r="J22787" s="2">
        <v>0</v>
      </c>
      <c r="K22787" s="2">
        <v>1</v>
      </c>
      <c r="L22787" t="s">
        <v>995</v>
      </c>
      <c r="M22787" t="s">
        <v>87</v>
      </c>
      <c r="N22787" t="s">
        <v>88</v>
      </c>
      <c r="O22787" t="s">
        <v>85</v>
      </c>
      <c r="P22787" t="s">
        <v>86</v>
      </c>
      <c r="Q22787">
        <v>19</v>
      </c>
      <c r="R22787">
        <v>19</v>
      </c>
      <c r="S22787">
        <v>19</v>
      </c>
      <c r="T22787">
        <v>19</v>
      </c>
      <c r="U22787">
        <v>19</v>
      </c>
      <c r="V22787">
        <v>19</v>
      </c>
      <c r="W22787">
        <v>19</v>
      </c>
      <c r="X22787">
        <v>20</v>
      </c>
      <c r="Y22787">
        <v>20</v>
      </c>
      <c r="Z22787">
        <v>20</v>
      </c>
      <c r="AA22787">
        <v>20</v>
      </c>
      <c r="AB22787">
        <v>20</v>
      </c>
      <c r="AC22787">
        <v>20</v>
      </c>
      <c r="AD22787">
        <v>20</v>
      </c>
      <c r="AE22787">
        <v>20</v>
      </c>
      <c r="AF22787">
        <v>21</v>
      </c>
      <c r="AG22787">
        <v>21</v>
      </c>
      <c r="AH22787">
        <v>21</v>
      </c>
      <c r="AI22787">
        <v>21</v>
      </c>
      <c r="AJ22787">
        <v>21</v>
      </c>
      <c r="AK22787">
        <v>21</v>
      </c>
      <c r="AL22787">
        <v>21</v>
      </c>
      <c r="AM22787">
        <v>21</v>
      </c>
      <c r="AN22787">
        <v>21</v>
      </c>
      <c r="AO22787">
        <v>22</v>
      </c>
      <c r="AP22787">
        <v>22</v>
      </c>
      <c r="AQ22787">
        <v>22</v>
      </c>
    </row>
    <row r="22788" spans="1:43">
      <c r="A22788" t="s">
        <v>14115</v>
      </c>
      <c r="B22788" t="s">
        <v>14116</v>
      </c>
      <c r="C22788" t="s">
        <v>14111</v>
      </c>
      <c r="D22788" t="s">
        <v>14112</v>
      </c>
      <c r="E22788" t="s">
        <v>14015</v>
      </c>
      <c r="F22788" t="s">
        <v>14016</v>
      </c>
      <c r="G22788" t="s">
        <v>10734</v>
      </c>
      <c r="H22788" t="s">
        <v>10735</v>
      </c>
      <c r="I22788" s="2">
        <v>0</v>
      </c>
      <c r="J22788" s="2">
        <v>0</v>
      </c>
      <c r="K22788" s="2">
        <v>1</v>
      </c>
      <c r="L22788" t="s">
        <v>995</v>
      </c>
      <c r="M22788" t="s">
        <v>89</v>
      </c>
      <c r="N22788" t="s">
        <v>90</v>
      </c>
      <c r="O22788" t="s">
        <v>85</v>
      </c>
      <c r="P22788" t="s">
        <v>86</v>
      </c>
      <c r="Q22788">
        <v>19</v>
      </c>
      <c r="R22788">
        <v>20</v>
      </c>
      <c r="S22788">
        <v>20</v>
      </c>
      <c r="T22788">
        <v>20</v>
      </c>
      <c r="U22788">
        <v>21</v>
      </c>
      <c r="V22788">
        <v>21</v>
      </c>
      <c r="W22788">
        <v>22</v>
      </c>
      <c r="X22788">
        <v>22</v>
      </c>
      <c r="Y22788">
        <v>23</v>
      </c>
      <c r="Z22788">
        <v>23</v>
      </c>
      <c r="AA22788">
        <v>23</v>
      </c>
      <c r="AB22788">
        <v>24</v>
      </c>
      <c r="AC22788">
        <v>24</v>
      </c>
      <c r="AD22788">
        <v>24</v>
      </c>
      <c r="AE22788">
        <v>25</v>
      </c>
      <c r="AF22788">
        <v>25</v>
      </c>
      <c r="AG22788">
        <v>25</v>
      </c>
      <c r="AH22788">
        <v>25</v>
      </c>
      <c r="AI22788">
        <v>25</v>
      </c>
      <c r="AJ22788">
        <v>25</v>
      </c>
      <c r="AK22788">
        <v>25</v>
      </c>
      <c r="AL22788">
        <v>25</v>
      </c>
      <c r="AM22788">
        <v>25</v>
      </c>
      <c r="AN22788">
        <v>25</v>
      </c>
      <c r="AO22788">
        <v>25</v>
      </c>
      <c r="AP22788">
        <v>25</v>
      </c>
      <c r="AQ22788">
        <v>25</v>
      </c>
    </row>
    <row r="22789" spans="1:43">
      <c r="A22789" t="s">
        <v>14115</v>
      </c>
      <c r="B22789" t="s">
        <v>14116</v>
      </c>
      <c r="C22789" t="s">
        <v>14111</v>
      </c>
      <c r="D22789" t="s">
        <v>14112</v>
      </c>
      <c r="E22789" t="s">
        <v>14015</v>
      </c>
      <c r="F22789" t="s">
        <v>14016</v>
      </c>
      <c r="G22789" t="s">
        <v>10734</v>
      </c>
      <c r="H22789" t="s">
        <v>10735</v>
      </c>
      <c r="I22789" s="2">
        <v>0</v>
      </c>
      <c r="J22789" s="2">
        <v>0</v>
      </c>
      <c r="K22789" s="2">
        <v>1</v>
      </c>
      <c r="L22789" t="s">
        <v>995</v>
      </c>
      <c r="M22789" t="s">
        <v>83</v>
      </c>
      <c r="N22789" t="s">
        <v>91</v>
      </c>
      <c r="O22789" t="s">
        <v>85</v>
      </c>
      <c r="P22789" t="s">
        <v>86</v>
      </c>
      <c r="Q22789">
        <v>19</v>
      </c>
      <c r="R22789">
        <v>19</v>
      </c>
      <c r="S22789">
        <v>20</v>
      </c>
      <c r="T22789">
        <v>20</v>
      </c>
      <c r="U22789">
        <v>20</v>
      </c>
      <c r="V22789">
        <v>20</v>
      </c>
      <c r="W22789">
        <v>21</v>
      </c>
      <c r="X22789">
        <v>21</v>
      </c>
      <c r="Y22789">
        <v>21</v>
      </c>
      <c r="Z22789">
        <v>22</v>
      </c>
      <c r="AA22789">
        <v>22</v>
      </c>
      <c r="AB22789">
        <v>22</v>
      </c>
      <c r="AC22789">
        <v>23</v>
      </c>
      <c r="AD22789">
        <v>23</v>
      </c>
      <c r="AE22789">
        <v>23</v>
      </c>
      <c r="AF22789">
        <v>23</v>
      </c>
      <c r="AG22789">
        <v>24</v>
      </c>
      <c r="AH22789">
        <v>24</v>
      </c>
      <c r="AI22789">
        <v>24</v>
      </c>
      <c r="AJ22789">
        <v>24</v>
      </c>
      <c r="AK22789">
        <v>25</v>
      </c>
      <c r="AL22789">
        <v>25</v>
      </c>
      <c r="AM22789">
        <v>25</v>
      </c>
      <c r="AN22789">
        <v>25</v>
      </c>
      <c r="AO22789">
        <v>25</v>
      </c>
      <c r="AP22789">
        <v>25</v>
      </c>
      <c r="AQ22789">
        <v>25</v>
      </c>
    </row>
    <row r="22790" spans="1:43">
      <c r="A22790" t="s">
        <v>14117</v>
      </c>
      <c r="B22790" t="s">
        <v>14118</v>
      </c>
      <c r="C22790" t="s">
        <v>14111</v>
      </c>
      <c r="D22790" t="s">
        <v>14112</v>
      </c>
      <c r="E22790" t="s">
        <v>14015</v>
      </c>
      <c r="F22790" t="s">
        <v>14016</v>
      </c>
      <c r="G22790" t="s">
        <v>10734</v>
      </c>
      <c r="H22790" t="s">
        <v>10735</v>
      </c>
      <c r="I22790" s="2">
        <v>0</v>
      </c>
      <c r="J22790" s="2">
        <v>0</v>
      </c>
      <c r="K22790" s="2">
        <v>1</v>
      </c>
      <c r="L22790" t="s">
        <v>995</v>
      </c>
      <c r="M22790" t="s">
        <v>83</v>
      </c>
      <c r="N22790" t="s">
        <v>84</v>
      </c>
      <c r="O22790" t="s">
        <v>85</v>
      </c>
      <c r="P22790" t="s">
        <v>86</v>
      </c>
      <c r="Q22790">
        <v>62</v>
      </c>
      <c r="R22790">
        <v>63</v>
      </c>
      <c r="S22790">
        <v>64</v>
      </c>
      <c r="T22790">
        <v>65</v>
      </c>
      <c r="U22790">
        <v>66</v>
      </c>
      <c r="V22790">
        <v>67</v>
      </c>
      <c r="W22790">
        <v>68</v>
      </c>
      <c r="X22790">
        <v>69</v>
      </c>
      <c r="Y22790">
        <v>70</v>
      </c>
      <c r="Z22790">
        <v>71</v>
      </c>
      <c r="AA22790">
        <v>72</v>
      </c>
      <c r="AB22790">
        <v>73</v>
      </c>
      <c r="AC22790">
        <v>74</v>
      </c>
      <c r="AD22790">
        <v>75</v>
      </c>
      <c r="AE22790">
        <v>75</v>
      </c>
      <c r="AF22790">
        <v>76</v>
      </c>
      <c r="AG22790">
        <v>77</v>
      </c>
      <c r="AH22790">
        <v>78</v>
      </c>
      <c r="AI22790">
        <v>79</v>
      </c>
      <c r="AJ22790">
        <v>80</v>
      </c>
      <c r="AK22790">
        <v>81</v>
      </c>
      <c r="AL22790">
        <v>81</v>
      </c>
      <c r="AM22790">
        <v>81</v>
      </c>
      <c r="AN22790">
        <v>81</v>
      </c>
      <c r="AO22790">
        <v>81</v>
      </c>
      <c r="AP22790">
        <v>82</v>
      </c>
      <c r="AQ22790">
        <v>82</v>
      </c>
    </row>
    <row r="22791" spans="1:43">
      <c r="A22791" t="s">
        <v>14117</v>
      </c>
      <c r="B22791" t="s">
        <v>14118</v>
      </c>
      <c r="C22791" t="s">
        <v>14111</v>
      </c>
      <c r="D22791" t="s">
        <v>14112</v>
      </c>
      <c r="E22791" t="s">
        <v>14015</v>
      </c>
      <c r="F22791" t="s">
        <v>14016</v>
      </c>
      <c r="G22791" t="s">
        <v>10734</v>
      </c>
      <c r="H22791" t="s">
        <v>10735</v>
      </c>
      <c r="I22791" s="2">
        <v>0</v>
      </c>
      <c r="J22791" s="2">
        <v>0</v>
      </c>
      <c r="K22791" s="2">
        <v>1</v>
      </c>
      <c r="L22791" t="s">
        <v>995</v>
      </c>
      <c r="M22791" t="s">
        <v>87</v>
      </c>
      <c r="N22791" t="s">
        <v>88</v>
      </c>
      <c r="O22791" t="s">
        <v>85</v>
      </c>
      <c r="P22791" t="s">
        <v>86</v>
      </c>
      <c r="Q22791">
        <v>62</v>
      </c>
      <c r="R22791">
        <v>63</v>
      </c>
      <c r="S22791">
        <v>63</v>
      </c>
      <c r="T22791">
        <v>63</v>
      </c>
      <c r="U22791">
        <v>64</v>
      </c>
      <c r="V22791">
        <v>64</v>
      </c>
      <c r="W22791">
        <v>65</v>
      </c>
      <c r="X22791">
        <v>65</v>
      </c>
      <c r="Y22791">
        <v>65</v>
      </c>
      <c r="Z22791">
        <v>66</v>
      </c>
      <c r="AA22791">
        <v>66</v>
      </c>
      <c r="AB22791">
        <v>67</v>
      </c>
      <c r="AC22791">
        <v>67</v>
      </c>
      <c r="AD22791">
        <v>67</v>
      </c>
      <c r="AE22791">
        <v>68</v>
      </c>
      <c r="AF22791">
        <v>68</v>
      </c>
      <c r="AG22791">
        <v>69</v>
      </c>
      <c r="AH22791">
        <v>69</v>
      </c>
      <c r="AI22791">
        <v>69</v>
      </c>
      <c r="AJ22791">
        <v>70</v>
      </c>
      <c r="AK22791">
        <v>70</v>
      </c>
      <c r="AL22791">
        <v>70</v>
      </c>
      <c r="AM22791">
        <v>71</v>
      </c>
      <c r="AN22791">
        <v>71</v>
      </c>
      <c r="AO22791">
        <v>71</v>
      </c>
      <c r="AP22791">
        <v>72</v>
      </c>
      <c r="AQ22791">
        <v>72</v>
      </c>
    </row>
    <row r="22792" spans="1:43">
      <c r="A22792" t="s">
        <v>14117</v>
      </c>
      <c r="B22792" t="s">
        <v>14118</v>
      </c>
      <c r="C22792" t="s">
        <v>14111</v>
      </c>
      <c r="D22792" t="s">
        <v>14112</v>
      </c>
      <c r="E22792" t="s">
        <v>14015</v>
      </c>
      <c r="F22792" t="s">
        <v>14016</v>
      </c>
      <c r="G22792" t="s">
        <v>10734</v>
      </c>
      <c r="H22792" t="s">
        <v>10735</v>
      </c>
      <c r="I22792" s="2">
        <v>0</v>
      </c>
      <c r="J22792" s="2">
        <v>0</v>
      </c>
      <c r="K22792" s="2">
        <v>1</v>
      </c>
      <c r="L22792" t="s">
        <v>995</v>
      </c>
      <c r="M22792" t="s">
        <v>89</v>
      </c>
      <c r="N22792" t="s">
        <v>90</v>
      </c>
      <c r="O22792" t="s">
        <v>85</v>
      </c>
      <c r="P22792" t="s">
        <v>86</v>
      </c>
      <c r="Q22792">
        <v>62</v>
      </c>
      <c r="R22792">
        <v>64</v>
      </c>
      <c r="S22792">
        <v>65</v>
      </c>
      <c r="T22792">
        <v>67</v>
      </c>
      <c r="U22792">
        <v>68</v>
      </c>
      <c r="V22792">
        <v>70</v>
      </c>
      <c r="W22792">
        <v>71</v>
      </c>
      <c r="X22792">
        <v>73</v>
      </c>
      <c r="Y22792">
        <v>74</v>
      </c>
      <c r="Z22792">
        <v>75</v>
      </c>
      <c r="AA22792">
        <v>76</v>
      </c>
      <c r="AB22792">
        <v>77</v>
      </c>
      <c r="AC22792">
        <v>79</v>
      </c>
      <c r="AD22792">
        <v>80</v>
      </c>
      <c r="AE22792">
        <v>81</v>
      </c>
      <c r="AF22792">
        <v>81</v>
      </c>
      <c r="AG22792">
        <v>81</v>
      </c>
      <c r="AH22792">
        <v>81</v>
      </c>
      <c r="AI22792">
        <v>81</v>
      </c>
      <c r="AJ22792">
        <v>82</v>
      </c>
      <c r="AK22792">
        <v>82</v>
      </c>
      <c r="AL22792">
        <v>82</v>
      </c>
      <c r="AM22792">
        <v>82</v>
      </c>
      <c r="AN22792">
        <v>82</v>
      </c>
      <c r="AO22792">
        <v>82</v>
      </c>
      <c r="AP22792">
        <v>82</v>
      </c>
      <c r="AQ22792">
        <v>82</v>
      </c>
    </row>
    <row r="22793" spans="1:43">
      <c r="A22793" t="s">
        <v>14117</v>
      </c>
      <c r="B22793" t="s">
        <v>14118</v>
      </c>
      <c r="C22793" t="s">
        <v>14111</v>
      </c>
      <c r="D22793" t="s">
        <v>14112</v>
      </c>
      <c r="E22793" t="s">
        <v>14015</v>
      </c>
      <c r="F22793" t="s">
        <v>14016</v>
      </c>
      <c r="G22793" t="s">
        <v>10734</v>
      </c>
      <c r="H22793" t="s">
        <v>10735</v>
      </c>
      <c r="I22793" s="2">
        <v>0</v>
      </c>
      <c r="J22793" s="2">
        <v>0</v>
      </c>
      <c r="K22793" s="2">
        <v>1</v>
      </c>
      <c r="L22793" t="s">
        <v>995</v>
      </c>
      <c r="M22793" t="s">
        <v>83</v>
      </c>
      <c r="N22793" t="s">
        <v>91</v>
      </c>
      <c r="O22793" t="s">
        <v>85</v>
      </c>
      <c r="P22793" t="s">
        <v>86</v>
      </c>
      <c r="Q22793">
        <v>62</v>
      </c>
      <c r="R22793">
        <v>63</v>
      </c>
      <c r="S22793">
        <v>64</v>
      </c>
      <c r="T22793">
        <v>65</v>
      </c>
      <c r="U22793">
        <v>66</v>
      </c>
      <c r="V22793">
        <v>67</v>
      </c>
      <c r="W22793">
        <v>68</v>
      </c>
      <c r="X22793">
        <v>69</v>
      </c>
      <c r="Y22793">
        <v>70</v>
      </c>
      <c r="Z22793">
        <v>71</v>
      </c>
      <c r="AA22793">
        <v>72</v>
      </c>
      <c r="AB22793">
        <v>73</v>
      </c>
      <c r="AC22793">
        <v>74</v>
      </c>
      <c r="AD22793">
        <v>75</v>
      </c>
      <c r="AE22793">
        <v>75</v>
      </c>
      <c r="AF22793">
        <v>76</v>
      </c>
      <c r="AG22793">
        <v>77</v>
      </c>
      <c r="AH22793">
        <v>78</v>
      </c>
      <c r="AI22793">
        <v>79</v>
      </c>
      <c r="AJ22793">
        <v>80</v>
      </c>
      <c r="AK22793">
        <v>81</v>
      </c>
      <c r="AL22793">
        <v>81</v>
      </c>
      <c r="AM22793">
        <v>81</v>
      </c>
      <c r="AN22793">
        <v>81</v>
      </c>
      <c r="AO22793">
        <v>81</v>
      </c>
      <c r="AP22793">
        <v>82</v>
      </c>
      <c r="AQ22793">
        <v>82</v>
      </c>
    </row>
    <row r="22794" spans="1:43">
      <c r="A22794" t="s">
        <v>14119</v>
      </c>
      <c r="B22794" t="s">
        <v>14120</v>
      </c>
      <c r="C22794" t="s">
        <v>14111</v>
      </c>
      <c r="D22794" t="s">
        <v>14112</v>
      </c>
      <c r="E22794" t="s">
        <v>14015</v>
      </c>
      <c r="F22794" t="s">
        <v>14016</v>
      </c>
      <c r="G22794" t="s">
        <v>10734</v>
      </c>
      <c r="H22794" t="s">
        <v>10735</v>
      </c>
      <c r="I22794" s="2">
        <v>0</v>
      </c>
      <c r="J22794" s="2">
        <v>0</v>
      </c>
      <c r="K22794" s="2">
        <v>1</v>
      </c>
      <c r="L22794" t="s">
        <v>995</v>
      </c>
      <c r="M22794" t="s">
        <v>83</v>
      </c>
      <c r="N22794" t="s">
        <v>84</v>
      </c>
      <c r="O22794" t="s">
        <v>85</v>
      </c>
      <c r="P22794" t="s">
        <v>86</v>
      </c>
      <c r="Q22794">
        <v>21</v>
      </c>
      <c r="R22794">
        <v>21</v>
      </c>
      <c r="S22794">
        <v>21</v>
      </c>
      <c r="T22794">
        <v>22</v>
      </c>
      <c r="U22794">
        <v>22</v>
      </c>
      <c r="V22794">
        <v>22</v>
      </c>
      <c r="W22794">
        <v>23</v>
      </c>
      <c r="X22794">
        <v>23</v>
      </c>
      <c r="Y22794">
        <v>23</v>
      </c>
      <c r="Z22794">
        <v>24</v>
      </c>
      <c r="AA22794">
        <v>24</v>
      </c>
      <c r="AB22794">
        <v>24</v>
      </c>
      <c r="AC22794">
        <v>25</v>
      </c>
      <c r="AD22794">
        <v>25</v>
      </c>
      <c r="AE22794">
        <v>25</v>
      </c>
      <c r="AF22794">
        <v>25</v>
      </c>
      <c r="AG22794">
        <v>26</v>
      </c>
      <c r="AH22794">
        <v>26</v>
      </c>
      <c r="AI22794">
        <v>26</v>
      </c>
      <c r="AJ22794">
        <v>27</v>
      </c>
      <c r="AK22794">
        <v>27</v>
      </c>
      <c r="AL22794">
        <v>27</v>
      </c>
      <c r="AM22794">
        <v>27</v>
      </c>
      <c r="AN22794">
        <v>27</v>
      </c>
      <c r="AO22794">
        <v>27</v>
      </c>
      <c r="AP22794">
        <v>27</v>
      </c>
      <c r="AQ22794">
        <v>27</v>
      </c>
    </row>
    <row r="22795" spans="1:43">
      <c r="A22795" t="s">
        <v>14119</v>
      </c>
      <c r="B22795" t="s">
        <v>14120</v>
      </c>
      <c r="C22795" t="s">
        <v>14111</v>
      </c>
      <c r="D22795" t="s">
        <v>14112</v>
      </c>
      <c r="E22795" t="s">
        <v>14015</v>
      </c>
      <c r="F22795" t="s">
        <v>14016</v>
      </c>
      <c r="G22795" t="s">
        <v>10734</v>
      </c>
      <c r="H22795" t="s">
        <v>10735</v>
      </c>
      <c r="I22795" s="2">
        <v>0</v>
      </c>
      <c r="J22795" s="2">
        <v>0</v>
      </c>
      <c r="K22795" s="2">
        <v>1</v>
      </c>
      <c r="L22795" t="s">
        <v>995</v>
      </c>
      <c r="M22795" t="s">
        <v>87</v>
      </c>
      <c r="N22795" t="s">
        <v>88</v>
      </c>
      <c r="O22795" t="s">
        <v>85</v>
      </c>
      <c r="P22795" t="s">
        <v>86</v>
      </c>
      <c r="Q22795">
        <v>21</v>
      </c>
      <c r="R22795">
        <v>22</v>
      </c>
      <c r="S22795">
        <v>22</v>
      </c>
      <c r="T22795">
        <v>22</v>
      </c>
      <c r="U22795">
        <v>22</v>
      </c>
      <c r="V22795">
        <v>22</v>
      </c>
      <c r="W22795">
        <v>22</v>
      </c>
      <c r="X22795">
        <v>22</v>
      </c>
      <c r="Y22795">
        <v>22</v>
      </c>
      <c r="Z22795">
        <v>23</v>
      </c>
      <c r="AA22795">
        <v>23</v>
      </c>
      <c r="AB22795">
        <v>23</v>
      </c>
      <c r="AC22795">
        <v>23</v>
      </c>
      <c r="AD22795">
        <v>23</v>
      </c>
      <c r="AE22795">
        <v>23</v>
      </c>
      <c r="AF22795">
        <v>23</v>
      </c>
      <c r="AG22795">
        <v>23</v>
      </c>
      <c r="AH22795">
        <v>24</v>
      </c>
      <c r="AI22795">
        <v>24</v>
      </c>
      <c r="AJ22795">
        <v>24</v>
      </c>
      <c r="AK22795">
        <v>24</v>
      </c>
      <c r="AL22795">
        <v>24</v>
      </c>
      <c r="AM22795">
        <v>24</v>
      </c>
      <c r="AN22795">
        <v>24</v>
      </c>
      <c r="AO22795">
        <v>24</v>
      </c>
      <c r="AP22795">
        <v>25</v>
      </c>
      <c r="AQ22795">
        <v>25</v>
      </c>
    </row>
    <row r="22796" spans="1:43">
      <c r="A22796" t="s">
        <v>14119</v>
      </c>
      <c r="B22796" t="s">
        <v>14120</v>
      </c>
      <c r="C22796" t="s">
        <v>14111</v>
      </c>
      <c r="D22796" t="s">
        <v>14112</v>
      </c>
      <c r="E22796" t="s">
        <v>14015</v>
      </c>
      <c r="F22796" t="s">
        <v>14016</v>
      </c>
      <c r="G22796" t="s">
        <v>10734</v>
      </c>
      <c r="H22796" t="s">
        <v>10735</v>
      </c>
      <c r="I22796" s="2">
        <v>0</v>
      </c>
      <c r="J22796" s="2">
        <v>0</v>
      </c>
      <c r="K22796" s="2">
        <v>1</v>
      </c>
      <c r="L22796" t="s">
        <v>995</v>
      </c>
      <c r="M22796" t="s">
        <v>89</v>
      </c>
      <c r="N22796" t="s">
        <v>90</v>
      </c>
      <c r="O22796" t="s">
        <v>85</v>
      </c>
      <c r="P22796" t="s">
        <v>86</v>
      </c>
      <c r="Q22796">
        <v>21</v>
      </c>
      <c r="R22796">
        <v>21</v>
      </c>
      <c r="S22796">
        <v>22</v>
      </c>
      <c r="T22796">
        <v>22</v>
      </c>
      <c r="U22796">
        <v>23</v>
      </c>
      <c r="V22796">
        <v>23</v>
      </c>
      <c r="W22796">
        <v>24</v>
      </c>
      <c r="X22796">
        <v>24</v>
      </c>
      <c r="Y22796">
        <v>25</v>
      </c>
      <c r="Z22796">
        <v>25</v>
      </c>
      <c r="AA22796">
        <v>25</v>
      </c>
      <c r="AB22796">
        <v>26</v>
      </c>
      <c r="AC22796">
        <v>26</v>
      </c>
      <c r="AD22796">
        <v>27</v>
      </c>
      <c r="AE22796">
        <v>27</v>
      </c>
      <c r="AF22796">
        <v>27</v>
      </c>
      <c r="AG22796">
        <v>27</v>
      </c>
      <c r="AH22796">
        <v>27</v>
      </c>
      <c r="AI22796">
        <v>27</v>
      </c>
      <c r="AJ22796">
        <v>27</v>
      </c>
      <c r="AK22796">
        <v>27</v>
      </c>
      <c r="AL22796">
        <v>27</v>
      </c>
      <c r="AM22796">
        <v>27</v>
      </c>
      <c r="AN22796">
        <v>27</v>
      </c>
      <c r="AO22796">
        <v>27</v>
      </c>
      <c r="AP22796">
        <v>27</v>
      </c>
      <c r="AQ22796">
        <v>27</v>
      </c>
    </row>
    <row r="22797" spans="1:43">
      <c r="A22797" t="s">
        <v>14119</v>
      </c>
      <c r="B22797" t="s">
        <v>14120</v>
      </c>
      <c r="C22797" t="s">
        <v>14111</v>
      </c>
      <c r="D22797" t="s">
        <v>14112</v>
      </c>
      <c r="E22797" t="s">
        <v>14015</v>
      </c>
      <c r="F22797" t="s">
        <v>14016</v>
      </c>
      <c r="G22797" t="s">
        <v>10734</v>
      </c>
      <c r="H22797" t="s">
        <v>10735</v>
      </c>
      <c r="I22797" s="2">
        <v>0</v>
      </c>
      <c r="J22797" s="2">
        <v>0</v>
      </c>
      <c r="K22797" s="2">
        <v>1</v>
      </c>
      <c r="L22797" t="s">
        <v>995</v>
      </c>
      <c r="M22797" t="s">
        <v>83</v>
      </c>
      <c r="N22797" t="s">
        <v>91</v>
      </c>
      <c r="O22797" t="s">
        <v>85</v>
      </c>
      <c r="P22797" t="s">
        <v>86</v>
      </c>
      <c r="Q22797">
        <v>21</v>
      </c>
      <c r="R22797">
        <v>21</v>
      </c>
      <c r="S22797">
        <v>21</v>
      </c>
      <c r="T22797">
        <v>22</v>
      </c>
      <c r="U22797">
        <v>22</v>
      </c>
      <c r="V22797">
        <v>22</v>
      </c>
      <c r="W22797">
        <v>23</v>
      </c>
      <c r="X22797">
        <v>23</v>
      </c>
      <c r="Y22797">
        <v>23</v>
      </c>
      <c r="Z22797">
        <v>24</v>
      </c>
      <c r="AA22797">
        <v>24</v>
      </c>
      <c r="AB22797">
        <v>24</v>
      </c>
      <c r="AC22797">
        <v>25</v>
      </c>
      <c r="AD22797">
        <v>25</v>
      </c>
      <c r="AE22797">
        <v>25</v>
      </c>
      <c r="AF22797">
        <v>25</v>
      </c>
      <c r="AG22797">
        <v>26</v>
      </c>
      <c r="AH22797">
        <v>26</v>
      </c>
      <c r="AI22797">
        <v>26</v>
      </c>
      <c r="AJ22797">
        <v>27</v>
      </c>
      <c r="AK22797">
        <v>27</v>
      </c>
      <c r="AL22797">
        <v>27</v>
      </c>
      <c r="AM22797">
        <v>27</v>
      </c>
      <c r="AN22797">
        <v>27</v>
      </c>
      <c r="AO22797">
        <v>27</v>
      </c>
      <c r="AP22797">
        <v>27</v>
      </c>
      <c r="AQ22797">
        <v>27</v>
      </c>
    </row>
    <row r="22798" spans="1:43">
      <c r="A22798" t="s">
        <v>14121</v>
      </c>
      <c r="B22798" t="s">
        <v>14122</v>
      </c>
      <c r="C22798" t="s">
        <v>14111</v>
      </c>
      <c r="D22798" t="s">
        <v>14112</v>
      </c>
      <c r="E22798" t="s">
        <v>14015</v>
      </c>
      <c r="F22798" t="s">
        <v>14016</v>
      </c>
      <c r="G22798" t="s">
        <v>10734</v>
      </c>
      <c r="H22798" t="s">
        <v>10735</v>
      </c>
      <c r="I22798" s="2">
        <v>0</v>
      </c>
      <c r="J22798" s="2">
        <v>0</v>
      </c>
      <c r="K22798" s="2">
        <v>1</v>
      </c>
      <c r="L22798" t="s">
        <v>995</v>
      </c>
      <c r="M22798" t="s">
        <v>83</v>
      </c>
      <c r="N22798" t="s">
        <v>84</v>
      </c>
      <c r="O22798" t="s">
        <v>85</v>
      </c>
      <c r="P22798" t="s">
        <v>86</v>
      </c>
      <c r="Q22798">
        <v>37</v>
      </c>
      <c r="R22798">
        <v>37</v>
      </c>
      <c r="S22798">
        <v>38</v>
      </c>
      <c r="T22798">
        <v>39</v>
      </c>
      <c r="U22798">
        <v>39</v>
      </c>
      <c r="V22798">
        <v>40</v>
      </c>
      <c r="W22798">
        <v>41</v>
      </c>
      <c r="X22798">
        <v>41</v>
      </c>
      <c r="Y22798">
        <v>42</v>
      </c>
      <c r="Z22798">
        <v>42</v>
      </c>
      <c r="AA22798">
        <v>43</v>
      </c>
      <c r="AB22798">
        <v>43</v>
      </c>
      <c r="AC22798">
        <v>44</v>
      </c>
      <c r="AD22798">
        <v>45</v>
      </c>
      <c r="AE22798">
        <v>45</v>
      </c>
      <c r="AF22798">
        <v>46</v>
      </c>
      <c r="AG22798">
        <v>46</v>
      </c>
      <c r="AH22798">
        <v>47</v>
      </c>
      <c r="AI22798">
        <v>47</v>
      </c>
      <c r="AJ22798">
        <v>48</v>
      </c>
      <c r="AK22798">
        <v>48</v>
      </c>
      <c r="AL22798">
        <v>48</v>
      </c>
      <c r="AM22798">
        <v>48</v>
      </c>
      <c r="AN22798">
        <v>49</v>
      </c>
      <c r="AO22798">
        <v>49</v>
      </c>
      <c r="AP22798">
        <v>49</v>
      </c>
      <c r="AQ22798">
        <v>49</v>
      </c>
    </row>
    <row r="22799" spans="1:43">
      <c r="A22799" t="s">
        <v>14121</v>
      </c>
      <c r="B22799" t="s">
        <v>14122</v>
      </c>
      <c r="C22799" t="s">
        <v>14111</v>
      </c>
      <c r="D22799" t="s">
        <v>14112</v>
      </c>
      <c r="E22799" t="s">
        <v>14015</v>
      </c>
      <c r="F22799" t="s">
        <v>14016</v>
      </c>
      <c r="G22799" t="s">
        <v>10734</v>
      </c>
      <c r="H22799" t="s">
        <v>10735</v>
      </c>
      <c r="I22799" s="2">
        <v>0</v>
      </c>
      <c r="J22799" s="2">
        <v>0</v>
      </c>
      <c r="K22799" s="2">
        <v>1</v>
      </c>
      <c r="L22799" t="s">
        <v>995</v>
      </c>
      <c r="M22799" t="s">
        <v>87</v>
      </c>
      <c r="N22799" t="s">
        <v>88</v>
      </c>
      <c r="O22799" t="s">
        <v>85</v>
      </c>
      <c r="P22799" t="s">
        <v>86</v>
      </c>
      <c r="Q22799">
        <v>37</v>
      </c>
      <c r="R22799">
        <v>37</v>
      </c>
      <c r="S22799">
        <v>37</v>
      </c>
      <c r="T22799">
        <v>37</v>
      </c>
      <c r="U22799">
        <v>38</v>
      </c>
      <c r="V22799">
        <v>38</v>
      </c>
      <c r="W22799">
        <v>38</v>
      </c>
      <c r="X22799">
        <v>38</v>
      </c>
      <c r="Y22799">
        <v>39</v>
      </c>
      <c r="Z22799">
        <v>39</v>
      </c>
      <c r="AA22799">
        <v>39</v>
      </c>
      <c r="AB22799">
        <v>39</v>
      </c>
      <c r="AC22799">
        <v>39</v>
      </c>
      <c r="AD22799">
        <v>40</v>
      </c>
      <c r="AE22799">
        <v>40</v>
      </c>
      <c r="AF22799">
        <v>40</v>
      </c>
      <c r="AG22799">
        <v>40</v>
      </c>
      <c r="AH22799">
        <v>41</v>
      </c>
      <c r="AI22799">
        <v>41</v>
      </c>
      <c r="AJ22799">
        <v>41</v>
      </c>
      <c r="AK22799">
        <v>41</v>
      </c>
      <c r="AL22799">
        <v>41</v>
      </c>
      <c r="AM22799">
        <v>42</v>
      </c>
      <c r="AN22799">
        <v>42</v>
      </c>
      <c r="AO22799">
        <v>42</v>
      </c>
      <c r="AP22799">
        <v>42</v>
      </c>
      <c r="AQ22799">
        <v>42</v>
      </c>
    </row>
    <row r="22800" spans="1:43">
      <c r="A22800" t="s">
        <v>14121</v>
      </c>
      <c r="B22800" t="s">
        <v>14122</v>
      </c>
      <c r="C22800" t="s">
        <v>14111</v>
      </c>
      <c r="D22800" t="s">
        <v>14112</v>
      </c>
      <c r="E22800" t="s">
        <v>14015</v>
      </c>
      <c r="F22800" t="s">
        <v>14016</v>
      </c>
      <c r="G22800" t="s">
        <v>10734</v>
      </c>
      <c r="H22800" t="s">
        <v>10735</v>
      </c>
      <c r="I22800" s="2">
        <v>0</v>
      </c>
      <c r="J22800" s="2">
        <v>0</v>
      </c>
      <c r="K22800" s="2">
        <v>1</v>
      </c>
      <c r="L22800" t="s">
        <v>995</v>
      </c>
      <c r="M22800" t="s">
        <v>89</v>
      </c>
      <c r="N22800" t="s">
        <v>90</v>
      </c>
      <c r="O22800" t="s">
        <v>85</v>
      </c>
      <c r="P22800" t="s">
        <v>86</v>
      </c>
      <c r="Q22800">
        <v>37</v>
      </c>
      <c r="R22800">
        <v>38</v>
      </c>
      <c r="S22800">
        <v>39</v>
      </c>
      <c r="T22800">
        <v>40</v>
      </c>
      <c r="U22800">
        <v>41</v>
      </c>
      <c r="V22800">
        <v>42</v>
      </c>
      <c r="W22800">
        <v>43</v>
      </c>
      <c r="X22800">
        <v>43</v>
      </c>
      <c r="Y22800">
        <v>44</v>
      </c>
      <c r="Z22800">
        <v>45</v>
      </c>
      <c r="AA22800">
        <v>46</v>
      </c>
      <c r="AB22800">
        <v>46</v>
      </c>
      <c r="AC22800">
        <v>47</v>
      </c>
      <c r="AD22800">
        <v>48</v>
      </c>
      <c r="AE22800">
        <v>48</v>
      </c>
      <c r="AF22800">
        <v>48</v>
      </c>
      <c r="AG22800">
        <v>48</v>
      </c>
      <c r="AH22800">
        <v>49</v>
      </c>
      <c r="AI22800">
        <v>49</v>
      </c>
      <c r="AJ22800">
        <v>49</v>
      </c>
      <c r="AK22800">
        <v>49</v>
      </c>
      <c r="AL22800">
        <v>49</v>
      </c>
      <c r="AM22800">
        <v>49</v>
      </c>
      <c r="AN22800">
        <v>49</v>
      </c>
      <c r="AO22800">
        <v>49</v>
      </c>
      <c r="AP22800">
        <v>49</v>
      </c>
      <c r="AQ22800">
        <v>49</v>
      </c>
    </row>
    <row r="22801" spans="1:43">
      <c r="A22801" t="s">
        <v>14121</v>
      </c>
      <c r="B22801" t="s">
        <v>14122</v>
      </c>
      <c r="C22801" t="s">
        <v>14111</v>
      </c>
      <c r="D22801" t="s">
        <v>14112</v>
      </c>
      <c r="E22801" t="s">
        <v>14015</v>
      </c>
      <c r="F22801" t="s">
        <v>14016</v>
      </c>
      <c r="G22801" t="s">
        <v>10734</v>
      </c>
      <c r="H22801" t="s">
        <v>10735</v>
      </c>
      <c r="I22801" s="2">
        <v>0</v>
      </c>
      <c r="J22801" s="2">
        <v>0</v>
      </c>
      <c r="K22801" s="2">
        <v>1</v>
      </c>
      <c r="L22801" t="s">
        <v>995</v>
      </c>
      <c r="M22801" t="s">
        <v>83</v>
      </c>
      <c r="N22801" t="s">
        <v>91</v>
      </c>
      <c r="O22801" t="s">
        <v>85</v>
      </c>
      <c r="P22801" t="s">
        <v>86</v>
      </c>
      <c r="Q22801">
        <v>37</v>
      </c>
      <c r="R22801">
        <v>37</v>
      </c>
      <c r="S22801">
        <v>38</v>
      </c>
      <c r="T22801">
        <v>39</v>
      </c>
      <c r="U22801">
        <v>39</v>
      </c>
      <c r="V22801">
        <v>40</v>
      </c>
      <c r="W22801">
        <v>41</v>
      </c>
      <c r="X22801">
        <v>41</v>
      </c>
      <c r="Y22801">
        <v>42</v>
      </c>
      <c r="Z22801">
        <v>42</v>
      </c>
      <c r="AA22801">
        <v>43</v>
      </c>
      <c r="AB22801">
        <v>43</v>
      </c>
      <c r="AC22801">
        <v>44</v>
      </c>
      <c r="AD22801">
        <v>45</v>
      </c>
      <c r="AE22801">
        <v>45</v>
      </c>
      <c r="AF22801">
        <v>46</v>
      </c>
      <c r="AG22801">
        <v>46</v>
      </c>
      <c r="AH22801">
        <v>47</v>
      </c>
      <c r="AI22801">
        <v>47</v>
      </c>
      <c r="AJ22801">
        <v>48</v>
      </c>
      <c r="AK22801">
        <v>48</v>
      </c>
      <c r="AL22801">
        <v>48</v>
      </c>
      <c r="AM22801">
        <v>48</v>
      </c>
      <c r="AN22801">
        <v>49</v>
      </c>
      <c r="AO22801">
        <v>49</v>
      </c>
      <c r="AP22801">
        <v>49</v>
      </c>
      <c r="AQ22801">
        <v>49</v>
      </c>
    </row>
    <row r="22802" spans="1:43">
      <c r="A22802" t="s">
        <v>14123</v>
      </c>
      <c r="B22802" t="s">
        <v>14124</v>
      </c>
      <c r="C22802" t="s">
        <v>14019</v>
      </c>
      <c r="D22802" t="s">
        <v>14020</v>
      </c>
      <c r="E22802" t="s">
        <v>14015</v>
      </c>
      <c r="F22802" t="s">
        <v>14016</v>
      </c>
      <c r="G22802" t="s">
        <v>10734</v>
      </c>
      <c r="H22802" t="s">
        <v>10735</v>
      </c>
      <c r="I22802" s="2">
        <v>0</v>
      </c>
      <c r="J22802" s="2">
        <v>0</v>
      </c>
      <c r="K22802" s="2">
        <v>1</v>
      </c>
      <c r="L22802" t="s">
        <v>995</v>
      </c>
      <c r="M22802" t="s">
        <v>83</v>
      </c>
      <c r="N22802" t="s">
        <v>84</v>
      </c>
      <c r="O22802" t="s">
        <v>85</v>
      </c>
      <c r="P22802" t="s">
        <v>86</v>
      </c>
      <c r="Q22802">
        <v>14</v>
      </c>
      <c r="R22802">
        <v>14</v>
      </c>
      <c r="S22802">
        <v>14</v>
      </c>
      <c r="T22802">
        <v>14</v>
      </c>
      <c r="U22802">
        <v>15</v>
      </c>
      <c r="V22802">
        <v>15</v>
      </c>
      <c r="W22802">
        <v>15</v>
      </c>
      <c r="X22802">
        <v>15</v>
      </c>
      <c r="Y22802">
        <v>15</v>
      </c>
      <c r="Z22802">
        <v>16</v>
      </c>
      <c r="AA22802">
        <v>16</v>
      </c>
      <c r="AB22802">
        <v>16</v>
      </c>
      <c r="AC22802">
        <v>16</v>
      </c>
      <c r="AD22802">
        <v>16</v>
      </c>
      <c r="AE22802">
        <v>17</v>
      </c>
      <c r="AF22802">
        <v>17</v>
      </c>
      <c r="AG22802">
        <v>17</v>
      </c>
      <c r="AH22802">
        <v>17</v>
      </c>
      <c r="AI22802">
        <v>17</v>
      </c>
      <c r="AJ22802">
        <v>17</v>
      </c>
      <c r="AK22802">
        <v>18</v>
      </c>
      <c r="AL22802">
        <v>18</v>
      </c>
      <c r="AM22802">
        <v>18</v>
      </c>
      <c r="AN22802">
        <v>18</v>
      </c>
      <c r="AO22802">
        <v>18</v>
      </c>
      <c r="AP22802">
        <v>18</v>
      </c>
      <c r="AQ22802">
        <v>18</v>
      </c>
    </row>
    <row r="22803" spans="1:43">
      <c r="A22803" t="s">
        <v>14123</v>
      </c>
      <c r="B22803" t="s">
        <v>14124</v>
      </c>
      <c r="C22803" t="s">
        <v>14019</v>
      </c>
      <c r="D22803" t="s">
        <v>14020</v>
      </c>
      <c r="E22803" t="s">
        <v>14015</v>
      </c>
      <c r="F22803" t="s">
        <v>14016</v>
      </c>
      <c r="G22803" t="s">
        <v>10734</v>
      </c>
      <c r="H22803" t="s">
        <v>10735</v>
      </c>
      <c r="I22803" s="2">
        <v>0</v>
      </c>
      <c r="J22803" s="2">
        <v>0</v>
      </c>
      <c r="K22803" s="2">
        <v>1</v>
      </c>
      <c r="L22803" t="s">
        <v>995</v>
      </c>
      <c r="M22803" t="s">
        <v>87</v>
      </c>
      <c r="N22803" t="s">
        <v>88</v>
      </c>
      <c r="O22803" t="s">
        <v>85</v>
      </c>
      <c r="P22803" t="s">
        <v>86</v>
      </c>
      <c r="Q22803">
        <v>14</v>
      </c>
      <c r="R22803">
        <v>14</v>
      </c>
      <c r="S22803">
        <v>14</v>
      </c>
      <c r="T22803">
        <v>14</v>
      </c>
      <c r="U22803">
        <v>14</v>
      </c>
      <c r="V22803">
        <v>14</v>
      </c>
      <c r="W22803">
        <v>14</v>
      </c>
      <c r="X22803">
        <v>14</v>
      </c>
      <c r="Y22803">
        <v>14</v>
      </c>
      <c r="Z22803">
        <v>14</v>
      </c>
      <c r="AA22803">
        <v>14</v>
      </c>
      <c r="AB22803">
        <v>14</v>
      </c>
      <c r="AC22803">
        <v>15</v>
      </c>
      <c r="AD22803">
        <v>15</v>
      </c>
      <c r="AE22803">
        <v>15</v>
      </c>
      <c r="AF22803">
        <v>15</v>
      </c>
      <c r="AG22803">
        <v>15</v>
      </c>
      <c r="AH22803">
        <v>15</v>
      </c>
      <c r="AI22803">
        <v>15</v>
      </c>
      <c r="AJ22803">
        <v>15</v>
      </c>
      <c r="AK22803">
        <v>15</v>
      </c>
      <c r="AL22803">
        <v>15</v>
      </c>
      <c r="AM22803">
        <v>15</v>
      </c>
      <c r="AN22803">
        <v>15</v>
      </c>
      <c r="AO22803">
        <v>15</v>
      </c>
      <c r="AP22803">
        <v>15</v>
      </c>
      <c r="AQ22803">
        <v>15</v>
      </c>
    </row>
    <row r="22804" spans="1:43">
      <c r="A22804" t="s">
        <v>14123</v>
      </c>
      <c r="B22804" t="s">
        <v>14124</v>
      </c>
      <c r="C22804" t="s">
        <v>14019</v>
      </c>
      <c r="D22804" t="s">
        <v>14020</v>
      </c>
      <c r="E22804" t="s">
        <v>14015</v>
      </c>
      <c r="F22804" t="s">
        <v>14016</v>
      </c>
      <c r="G22804" t="s">
        <v>10734</v>
      </c>
      <c r="H22804" t="s">
        <v>10735</v>
      </c>
      <c r="I22804" s="2">
        <v>0</v>
      </c>
      <c r="J22804" s="2">
        <v>0</v>
      </c>
      <c r="K22804" s="2">
        <v>1</v>
      </c>
      <c r="L22804" t="s">
        <v>995</v>
      </c>
      <c r="M22804" t="s">
        <v>89</v>
      </c>
      <c r="N22804" t="s">
        <v>90</v>
      </c>
      <c r="O22804" t="s">
        <v>85</v>
      </c>
      <c r="P22804" t="s">
        <v>86</v>
      </c>
      <c r="Q22804">
        <v>14</v>
      </c>
      <c r="R22804">
        <v>14</v>
      </c>
      <c r="S22804">
        <v>15</v>
      </c>
      <c r="T22804">
        <v>15</v>
      </c>
      <c r="U22804">
        <v>15</v>
      </c>
      <c r="V22804">
        <v>15</v>
      </c>
      <c r="W22804">
        <v>16</v>
      </c>
      <c r="X22804">
        <v>16</v>
      </c>
      <c r="Y22804">
        <v>16</v>
      </c>
      <c r="Z22804">
        <v>17</v>
      </c>
      <c r="AA22804">
        <v>17</v>
      </c>
      <c r="AB22804">
        <v>17</v>
      </c>
      <c r="AC22804">
        <v>17</v>
      </c>
      <c r="AD22804">
        <v>18</v>
      </c>
      <c r="AE22804">
        <v>18</v>
      </c>
      <c r="AF22804">
        <v>18</v>
      </c>
      <c r="AG22804">
        <v>18</v>
      </c>
      <c r="AH22804">
        <v>18</v>
      </c>
      <c r="AI22804">
        <v>18</v>
      </c>
      <c r="AJ22804">
        <v>18</v>
      </c>
      <c r="AK22804">
        <v>18</v>
      </c>
      <c r="AL22804">
        <v>18</v>
      </c>
      <c r="AM22804">
        <v>18</v>
      </c>
      <c r="AN22804">
        <v>18</v>
      </c>
      <c r="AO22804">
        <v>18</v>
      </c>
      <c r="AP22804">
        <v>18</v>
      </c>
      <c r="AQ22804">
        <v>18</v>
      </c>
    </row>
    <row r="22805" spans="1:43">
      <c r="A22805" t="s">
        <v>14123</v>
      </c>
      <c r="B22805" t="s">
        <v>14124</v>
      </c>
      <c r="C22805" t="s">
        <v>14019</v>
      </c>
      <c r="D22805" t="s">
        <v>14020</v>
      </c>
      <c r="E22805" t="s">
        <v>14015</v>
      </c>
      <c r="F22805" t="s">
        <v>14016</v>
      </c>
      <c r="G22805" t="s">
        <v>10734</v>
      </c>
      <c r="H22805" t="s">
        <v>10735</v>
      </c>
      <c r="I22805" s="2">
        <v>0</v>
      </c>
      <c r="J22805" s="2">
        <v>0</v>
      </c>
      <c r="K22805" s="2">
        <v>1</v>
      </c>
      <c r="L22805" t="s">
        <v>995</v>
      </c>
      <c r="M22805" t="s">
        <v>83</v>
      </c>
      <c r="N22805" t="s">
        <v>91</v>
      </c>
      <c r="O22805" t="s">
        <v>85</v>
      </c>
      <c r="P22805" t="s">
        <v>86</v>
      </c>
      <c r="Q22805">
        <v>14</v>
      </c>
      <c r="R22805">
        <v>14</v>
      </c>
      <c r="S22805">
        <v>14</v>
      </c>
      <c r="T22805">
        <v>14</v>
      </c>
      <c r="U22805">
        <v>15</v>
      </c>
      <c r="V22805">
        <v>15</v>
      </c>
      <c r="W22805">
        <v>15</v>
      </c>
      <c r="X22805">
        <v>15</v>
      </c>
      <c r="Y22805">
        <v>15</v>
      </c>
      <c r="Z22805">
        <v>16</v>
      </c>
      <c r="AA22805">
        <v>16</v>
      </c>
      <c r="AB22805">
        <v>16</v>
      </c>
      <c r="AC22805">
        <v>16</v>
      </c>
      <c r="AD22805">
        <v>16</v>
      </c>
      <c r="AE22805">
        <v>17</v>
      </c>
      <c r="AF22805">
        <v>17</v>
      </c>
      <c r="AG22805">
        <v>17</v>
      </c>
      <c r="AH22805">
        <v>17</v>
      </c>
      <c r="AI22805">
        <v>17</v>
      </c>
      <c r="AJ22805">
        <v>17</v>
      </c>
      <c r="AK22805">
        <v>18</v>
      </c>
      <c r="AL22805">
        <v>18</v>
      </c>
      <c r="AM22805">
        <v>18</v>
      </c>
      <c r="AN22805">
        <v>18</v>
      </c>
      <c r="AO22805">
        <v>18</v>
      </c>
      <c r="AP22805">
        <v>18</v>
      </c>
      <c r="AQ22805">
        <v>18</v>
      </c>
    </row>
    <row r="22806" spans="1:43">
      <c r="A22806" t="s">
        <v>14125</v>
      </c>
      <c r="B22806" t="s">
        <v>14126</v>
      </c>
      <c r="C22806" t="s">
        <v>14019</v>
      </c>
      <c r="D22806" t="s">
        <v>14020</v>
      </c>
      <c r="E22806" t="s">
        <v>14015</v>
      </c>
      <c r="F22806" t="s">
        <v>14016</v>
      </c>
      <c r="G22806" t="s">
        <v>10734</v>
      </c>
      <c r="H22806" t="s">
        <v>10735</v>
      </c>
      <c r="I22806" s="2">
        <v>0</v>
      </c>
      <c r="J22806" s="2">
        <v>0</v>
      </c>
      <c r="K22806" s="2">
        <v>1</v>
      </c>
      <c r="L22806" t="s">
        <v>995</v>
      </c>
      <c r="M22806" t="s">
        <v>83</v>
      </c>
      <c r="N22806" t="s">
        <v>84</v>
      </c>
      <c r="O22806" t="s">
        <v>85</v>
      </c>
      <c r="P22806" t="s">
        <v>86</v>
      </c>
      <c r="Q22806">
        <v>35</v>
      </c>
      <c r="R22806">
        <v>35</v>
      </c>
      <c r="S22806">
        <v>36</v>
      </c>
      <c r="T22806">
        <v>36</v>
      </c>
      <c r="U22806">
        <v>37</v>
      </c>
      <c r="V22806">
        <v>37</v>
      </c>
      <c r="W22806">
        <v>38</v>
      </c>
      <c r="X22806">
        <v>38</v>
      </c>
      <c r="Y22806">
        <v>39</v>
      </c>
      <c r="Z22806">
        <v>39</v>
      </c>
      <c r="AA22806">
        <v>40</v>
      </c>
      <c r="AB22806">
        <v>40</v>
      </c>
      <c r="AC22806">
        <v>41</v>
      </c>
      <c r="AD22806">
        <v>41</v>
      </c>
      <c r="AE22806">
        <v>42</v>
      </c>
      <c r="AF22806">
        <v>42</v>
      </c>
      <c r="AG22806">
        <v>43</v>
      </c>
      <c r="AH22806">
        <v>43</v>
      </c>
      <c r="AI22806">
        <v>44</v>
      </c>
      <c r="AJ22806">
        <v>44</v>
      </c>
      <c r="AK22806">
        <v>45</v>
      </c>
      <c r="AL22806">
        <v>45</v>
      </c>
      <c r="AM22806">
        <v>45</v>
      </c>
      <c r="AN22806">
        <v>45</v>
      </c>
      <c r="AO22806">
        <v>45</v>
      </c>
      <c r="AP22806">
        <v>45</v>
      </c>
      <c r="AQ22806">
        <v>45</v>
      </c>
    </row>
    <row r="22807" spans="1:43">
      <c r="A22807" t="s">
        <v>14125</v>
      </c>
      <c r="B22807" t="s">
        <v>14126</v>
      </c>
      <c r="C22807" t="s">
        <v>14019</v>
      </c>
      <c r="D22807" t="s">
        <v>14020</v>
      </c>
      <c r="E22807" t="s">
        <v>14015</v>
      </c>
      <c r="F22807" t="s">
        <v>14016</v>
      </c>
      <c r="G22807" t="s">
        <v>10734</v>
      </c>
      <c r="H22807" t="s">
        <v>10735</v>
      </c>
      <c r="I22807" s="2">
        <v>0</v>
      </c>
      <c r="J22807" s="2">
        <v>0</v>
      </c>
      <c r="K22807" s="2">
        <v>1</v>
      </c>
      <c r="L22807" t="s">
        <v>995</v>
      </c>
      <c r="M22807" t="s">
        <v>87</v>
      </c>
      <c r="N22807" t="s">
        <v>88</v>
      </c>
      <c r="O22807" t="s">
        <v>85</v>
      </c>
      <c r="P22807" t="s">
        <v>86</v>
      </c>
      <c r="Q22807">
        <v>35</v>
      </c>
      <c r="R22807">
        <v>36</v>
      </c>
      <c r="S22807">
        <v>36</v>
      </c>
      <c r="T22807">
        <v>36</v>
      </c>
      <c r="U22807">
        <v>36</v>
      </c>
      <c r="V22807">
        <v>36</v>
      </c>
      <c r="W22807">
        <v>37</v>
      </c>
      <c r="X22807">
        <v>37</v>
      </c>
      <c r="Y22807">
        <v>37</v>
      </c>
      <c r="Z22807">
        <v>37</v>
      </c>
      <c r="AA22807">
        <v>37</v>
      </c>
      <c r="AB22807">
        <v>38</v>
      </c>
      <c r="AC22807">
        <v>38</v>
      </c>
      <c r="AD22807">
        <v>38</v>
      </c>
      <c r="AE22807">
        <v>38</v>
      </c>
      <c r="AF22807">
        <v>38</v>
      </c>
      <c r="AG22807">
        <v>38</v>
      </c>
      <c r="AH22807">
        <v>39</v>
      </c>
      <c r="AI22807">
        <v>39</v>
      </c>
      <c r="AJ22807">
        <v>39</v>
      </c>
      <c r="AK22807">
        <v>39</v>
      </c>
      <c r="AL22807">
        <v>39</v>
      </c>
      <c r="AM22807">
        <v>39</v>
      </c>
      <c r="AN22807">
        <v>39</v>
      </c>
      <c r="AO22807">
        <v>40</v>
      </c>
      <c r="AP22807">
        <v>40</v>
      </c>
      <c r="AQ22807">
        <v>40</v>
      </c>
    </row>
    <row r="22808" spans="1:43">
      <c r="A22808" t="s">
        <v>14125</v>
      </c>
      <c r="B22808" t="s">
        <v>14126</v>
      </c>
      <c r="C22808" t="s">
        <v>14019</v>
      </c>
      <c r="D22808" t="s">
        <v>14020</v>
      </c>
      <c r="E22808" t="s">
        <v>14015</v>
      </c>
      <c r="F22808" t="s">
        <v>14016</v>
      </c>
      <c r="G22808" t="s">
        <v>10734</v>
      </c>
      <c r="H22808" t="s">
        <v>10735</v>
      </c>
      <c r="I22808" s="2">
        <v>0</v>
      </c>
      <c r="J22808" s="2">
        <v>0</v>
      </c>
      <c r="K22808" s="2">
        <v>1</v>
      </c>
      <c r="L22808" t="s">
        <v>995</v>
      </c>
      <c r="M22808" t="s">
        <v>89</v>
      </c>
      <c r="N22808" t="s">
        <v>90</v>
      </c>
      <c r="O22808" t="s">
        <v>85</v>
      </c>
      <c r="P22808" t="s">
        <v>86</v>
      </c>
      <c r="Q22808">
        <v>35</v>
      </c>
      <c r="R22808">
        <v>36</v>
      </c>
      <c r="S22808">
        <v>37</v>
      </c>
      <c r="T22808">
        <v>37</v>
      </c>
      <c r="U22808">
        <v>38</v>
      </c>
      <c r="V22808">
        <v>39</v>
      </c>
      <c r="W22808">
        <v>40</v>
      </c>
      <c r="X22808">
        <v>41</v>
      </c>
      <c r="Y22808">
        <v>41</v>
      </c>
      <c r="Z22808">
        <v>42</v>
      </c>
      <c r="AA22808">
        <v>43</v>
      </c>
      <c r="AB22808">
        <v>43</v>
      </c>
      <c r="AC22808">
        <v>44</v>
      </c>
      <c r="AD22808">
        <v>45</v>
      </c>
      <c r="AE22808">
        <v>45</v>
      </c>
      <c r="AF22808">
        <v>45</v>
      </c>
      <c r="AG22808">
        <v>45</v>
      </c>
      <c r="AH22808">
        <v>45</v>
      </c>
      <c r="AI22808">
        <v>45</v>
      </c>
      <c r="AJ22808">
        <v>45</v>
      </c>
      <c r="AK22808">
        <v>45</v>
      </c>
      <c r="AL22808">
        <v>45</v>
      </c>
      <c r="AM22808">
        <v>45</v>
      </c>
      <c r="AN22808">
        <v>45</v>
      </c>
      <c r="AO22808">
        <v>45</v>
      </c>
      <c r="AP22808">
        <v>45</v>
      </c>
      <c r="AQ22808">
        <v>45</v>
      </c>
    </row>
    <row r="22809" spans="1:43">
      <c r="A22809" t="s">
        <v>14125</v>
      </c>
      <c r="B22809" t="s">
        <v>14126</v>
      </c>
      <c r="C22809" t="s">
        <v>14019</v>
      </c>
      <c r="D22809" t="s">
        <v>14020</v>
      </c>
      <c r="E22809" t="s">
        <v>14015</v>
      </c>
      <c r="F22809" t="s">
        <v>14016</v>
      </c>
      <c r="G22809" t="s">
        <v>10734</v>
      </c>
      <c r="H22809" t="s">
        <v>10735</v>
      </c>
      <c r="I22809" s="2">
        <v>0</v>
      </c>
      <c r="J22809" s="2">
        <v>0</v>
      </c>
      <c r="K22809" s="2">
        <v>1</v>
      </c>
      <c r="L22809" t="s">
        <v>995</v>
      </c>
      <c r="M22809" t="s">
        <v>83</v>
      </c>
      <c r="N22809" t="s">
        <v>91</v>
      </c>
      <c r="O22809" t="s">
        <v>85</v>
      </c>
      <c r="P22809" t="s">
        <v>86</v>
      </c>
      <c r="Q22809">
        <v>35</v>
      </c>
      <c r="R22809">
        <v>35</v>
      </c>
      <c r="S22809">
        <v>36</v>
      </c>
      <c r="T22809">
        <v>36</v>
      </c>
      <c r="U22809">
        <v>37</v>
      </c>
      <c r="V22809">
        <v>37</v>
      </c>
      <c r="W22809">
        <v>38</v>
      </c>
      <c r="X22809">
        <v>38</v>
      </c>
      <c r="Y22809">
        <v>39</v>
      </c>
      <c r="Z22809">
        <v>39</v>
      </c>
      <c r="AA22809">
        <v>40</v>
      </c>
      <c r="AB22809">
        <v>40</v>
      </c>
      <c r="AC22809">
        <v>41</v>
      </c>
      <c r="AD22809">
        <v>41</v>
      </c>
      <c r="AE22809">
        <v>42</v>
      </c>
      <c r="AF22809">
        <v>42</v>
      </c>
      <c r="AG22809">
        <v>43</v>
      </c>
      <c r="AH22809">
        <v>43</v>
      </c>
      <c r="AI22809">
        <v>44</v>
      </c>
      <c r="AJ22809">
        <v>44</v>
      </c>
      <c r="AK22809">
        <v>45</v>
      </c>
      <c r="AL22809">
        <v>45</v>
      </c>
      <c r="AM22809">
        <v>45</v>
      </c>
      <c r="AN22809">
        <v>45</v>
      </c>
      <c r="AO22809">
        <v>45</v>
      </c>
      <c r="AP22809">
        <v>45</v>
      </c>
      <c r="AQ22809">
        <v>45</v>
      </c>
    </row>
    <row r="22810" spans="1:43">
      <c r="A22810" t="s">
        <v>14127</v>
      </c>
      <c r="B22810" t="s">
        <v>14128</v>
      </c>
      <c r="C22810" t="s">
        <v>14129</v>
      </c>
      <c r="D22810" t="s">
        <v>14130</v>
      </c>
      <c r="E22810" t="s">
        <v>14015</v>
      </c>
      <c r="F22810" t="s">
        <v>14016</v>
      </c>
      <c r="G22810" t="s">
        <v>10734</v>
      </c>
      <c r="H22810" t="s">
        <v>10735</v>
      </c>
      <c r="I22810" s="2">
        <v>0</v>
      </c>
      <c r="J22810" s="2">
        <v>0</v>
      </c>
      <c r="K22810" s="2">
        <v>1</v>
      </c>
      <c r="L22810" t="s">
        <v>995</v>
      </c>
      <c r="M22810" t="s">
        <v>83</v>
      </c>
      <c r="N22810" t="s">
        <v>84</v>
      </c>
      <c r="O22810" t="s">
        <v>85</v>
      </c>
      <c r="P22810" t="s">
        <v>86</v>
      </c>
      <c r="Q22810">
        <v>12</v>
      </c>
      <c r="R22810">
        <v>12</v>
      </c>
      <c r="S22810">
        <v>13</v>
      </c>
      <c r="T22810">
        <v>13</v>
      </c>
      <c r="U22810">
        <v>13</v>
      </c>
      <c r="V22810">
        <v>13</v>
      </c>
      <c r="W22810">
        <v>14</v>
      </c>
      <c r="X22810">
        <v>14</v>
      </c>
      <c r="Y22810">
        <v>14</v>
      </c>
      <c r="Z22810">
        <v>14</v>
      </c>
      <c r="AA22810">
        <v>14</v>
      </c>
      <c r="AB22810">
        <v>15</v>
      </c>
      <c r="AC22810">
        <v>15</v>
      </c>
      <c r="AD22810">
        <v>15</v>
      </c>
      <c r="AE22810">
        <v>15</v>
      </c>
      <c r="AF22810">
        <v>15</v>
      </c>
      <c r="AG22810">
        <v>16</v>
      </c>
      <c r="AH22810">
        <v>16</v>
      </c>
      <c r="AI22810">
        <v>16</v>
      </c>
      <c r="AJ22810">
        <v>16</v>
      </c>
      <c r="AK22810">
        <v>16</v>
      </c>
      <c r="AL22810">
        <v>16</v>
      </c>
      <c r="AM22810">
        <v>16</v>
      </c>
      <c r="AN22810">
        <v>16</v>
      </c>
      <c r="AO22810">
        <v>17</v>
      </c>
      <c r="AP22810">
        <v>17</v>
      </c>
      <c r="AQ22810">
        <v>17</v>
      </c>
    </row>
    <row r="22811" spans="1:43">
      <c r="A22811" t="s">
        <v>14127</v>
      </c>
      <c r="B22811" t="s">
        <v>14128</v>
      </c>
      <c r="C22811" t="s">
        <v>14129</v>
      </c>
      <c r="D22811" t="s">
        <v>14130</v>
      </c>
      <c r="E22811" t="s">
        <v>14015</v>
      </c>
      <c r="F22811" t="s">
        <v>14016</v>
      </c>
      <c r="G22811" t="s">
        <v>10734</v>
      </c>
      <c r="H22811" t="s">
        <v>10735</v>
      </c>
      <c r="I22811" s="2">
        <v>0</v>
      </c>
      <c r="J22811" s="2">
        <v>0</v>
      </c>
      <c r="K22811" s="2">
        <v>1</v>
      </c>
      <c r="L22811" t="s">
        <v>995</v>
      </c>
      <c r="M22811" t="s">
        <v>87</v>
      </c>
      <c r="N22811" t="s">
        <v>88</v>
      </c>
      <c r="O22811" t="s">
        <v>85</v>
      </c>
      <c r="P22811" t="s">
        <v>86</v>
      </c>
      <c r="Q22811">
        <v>12</v>
      </c>
      <c r="R22811">
        <v>12</v>
      </c>
      <c r="S22811">
        <v>12</v>
      </c>
      <c r="T22811">
        <v>12</v>
      </c>
      <c r="U22811">
        <v>13</v>
      </c>
      <c r="V22811">
        <v>13</v>
      </c>
      <c r="W22811">
        <v>13</v>
      </c>
      <c r="X22811">
        <v>13</v>
      </c>
      <c r="Y22811">
        <v>13</v>
      </c>
      <c r="Z22811">
        <v>13</v>
      </c>
      <c r="AA22811">
        <v>13</v>
      </c>
      <c r="AB22811">
        <v>13</v>
      </c>
      <c r="AC22811">
        <v>13</v>
      </c>
      <c r="AD22811">
        <v>13</v>
      </c>
      <c r="AE22811">
        <v>14</v>
      </c>
      <c r="AF22811">
        <v>14</v>
      </c>
      <c r="AG22811">
        <v>14</v>
      </c>
      <c r="AH22811">
        <v>14</v>
      </c>
      <c r="AI22811">
        <v>14</v>
      </c>
      <c r="AJ22811">
        <v>14</v>
      </c>
      <c r="AK22811">
        <v>14</v>
      </c>
      <c r="AL22811">
        <v>14</v>
      </c>
      <c r="AM22811">
        <v>14</v>
      </c>
      <c r="AN22811">
        <v>14</v>
      </c>
      <c r="AO22811">
        <v>14</v>
      </c>
      <c r="AP22811">
        <v>15</v>
      </c>
      <c r="AQ22811">
        <v>15</v>
      </c>
    </row>
    <row r="22812" spans="1:43">
      <c r="A22812" t="s">
        <v>14127</v>
      </c>
      <c r="B22812" t="s">
        <v>14128</v>
      </c>
      <c r="C22812" t="s">
        <v>14129</v>
      </c>
      <c r="D22812" t="s">
        <v>14130</v>
      </c>
      <c r="E22812" t="s">
        <v>14015</v>
      </c>
      <c r="F22812" t="s">
        <v>14016</v>
      </c>
      <c r="G22812" t="s">
        <v>10734</v>
      </c>
      <c r="H22812" t="s">
        <v>10735</v>
      </c>
      <c r="I22812" s="2">
        <v>0</v>
      </c>
      <c r="J22812" s="2">
        <v>0</v>
      </c>
      <c r="K22812" s="2">
        <v>1</v>
      </c>
      <c r="L22812" t="s">
        <v>995</v>
      </c>
      <c r="M22812" t="s">
        <v>89</v>
      </c>
      <c r="N22812" t="s">
        <v>90</v>
      </c>
      <c r="O22812" t="s">
        <v>85</v>
      </c>
      <c r="P22812" t="s">
        <v>86</v>
      </c>
      <c r="Q22812">
        <v>12</v>
      </c>
      <c r="R22812">
        <v>13</v>
      </c>
      <c r="S22812">
        <v>13</v>
      </c>
      <c r="T22812">
        <v>13</v>
      </c>
      <c r="U22812">
        <v>14</v>
      </c>
      <c r="V22812">
        <v>14</v>
      </c>
      <c r="W22812">
        <v>14</v>
      </c>
      <c r="X22812">
        <v>15</v>
      </c>
      <c r="Y22812">
        <v>15</v>
      </c>
      <c r="Z22812">
        <v>15</v>
      </c>
      <c r="AA22812">
        <v>15</v>
      </c>
      <c r="AB22812">
        <v>16</v>
      </c>
      <c r="AC22812">
        <v>16</v>
      </c>
      <c r="AD22812">
        <v>16</v>
      </c>
      <c r="AE22812">
        <v>16</v>
      </c>
      <c r="AF22812">
        <v>16</v>
      </c>
      <c r="AG22812">
        <v>16</v>
      </c>
      <c r="AH22812">
        <v>16</v>
      </c>
      <c r="AI22812">
        <v>16</v>
      </c>
      <c r="AJ22812">
        <v>16</v>
      </c>
      <c r="AK22812">
        <v>16</v>
      </c>
      <c r="AL22812">
        <v>17</v>
      </c>
      <c r="AM22812">
        <v>17</v>
      </c>
      <c r="AN22812">
        <v>17</v>
      </c>
      <c r="AO22812">
        <v>17</v>
      </c>
      <c r="AP22812">
        <v>17</v>
      </c>
      <c r="AQ22812">
        <v>17</v>
      </c>
    </row>
    <row r="22813" spans="1:43">
      <c r="A22813" t="s">
        <v>14127</v>
      </c>
      <c r="B22813" t="s">
        <v>14128</v>
      </c>
      <c r="C22813" t="s">
        <v>14129</v>
      </c>
      <c r="D22813" t="s">
        <v>14130</v>
      </c>
      <c r="E22813" t="s">
        <v>14015</v>
      </c>
      <c r="F22813" t="s">
        <v>14016</v>
      </c>
      <c r="G22813" t="s">
        <v>10734</v>
      </c>
      <c r="H22813" t="s">
        <v>10735</v>
      </c>
      <c r="I22813" s="2">
        <v>0</v>
      </c>
      <c r="J22813" s="2">
        <v>0</v>
      </c>
      <c r="K22813" s="2">
        <v>1</v>
      </c>
      <c r="L22813" t="s">
        <v>995</v>
      </c>
      <c r="M22813" t="s">
        <v>83</v>
      </c>
      <c r="N22813" t="s">
        <v>91</v>
      </c>
      <c r="O22813" t="s">
        <v>85</v>
      </c>
      <c r="P22813" t="s">
        <v>86</v>
      </c>
      <c r="Q22813">
        <v>12</v>
      </c>
      <c r="R22813">
        <v>12</v>
      </c>
      <c r="S22813">
        <v>13</v>
      </c>
      <c r="T22813">
        <v>13</v>
      </c>
      <c r="U22813">
        <v>13</v>
      </c>
      <c r="V22813">
        <v>13</v>
      </c>
      <c r="W22813">
        <v>14</v>
      </c>
      <c r="X22813">
        <v>14</v>
      </c>
      <c r="Y22813">
        <v>14</v>
      </c>
      <c r="Z22813">
        <v>14</v>
      </c>
      <c r="AA22813">
        <v>14</v>
      </c>
      <c r="AB22813">
        <v>15</v>
      </c>
      <c r="AC22813">
        <v>15</v>
      </c>
      <c r="AD22813">
        <v>15</v>
      </c>
      <c r="AE22813">
        <v>15</v>
      </c>
      <c r="AF22813">
        <v>15</v>
      </c>
      <c r="AG22813">
        <v>16</v>
      </c>
      <c r="AH22813">
        <v>16</v>
      </c>
      <c r="AI22813">
        <v>16</v>
      </c>
      <c r="AJ22813">
        <v>16</v>
      </c>
      <c r="AK22813">
        <v>16</v>
      </c>
      <c r="AL22813">
        <v>16</v>
      </c>
      <c r="AM22813">
        <v>16</v>
      </c>
      <c r="AN22813">
        <v>16</v>
      </c>
      <c r="AO22813">
        <v>17</v>
      </c>
      <c r="AP22813">
        <v>17</v>
      </c>
      <c r="AQ22813">
        <v>17</v>
      </c>
    </row>
    <row r="22814" spans="1:43">
      <c r="A22814" t="s">
        <v>14131</v>
      </c>
      <c r="B22814" t="s">
        <v>14132</v>
      </c>
      <c r="C22814" t="s">
        <v>14133</v>
      </c>
      <c r="D22814" t="s">
        <v>14134</v>
      </c>
      <c r="E22814" t="s">
        <v>14015</v>
      </c>
      <c r="F22814" t="s">
        <v>14016</v>
      </c>
      <c r="G22814" t="s">
        <v>10734</v>
      </c>
      <c r="H22814" t="s">
        <v>10735</v>
      </c>
      <c r="I22814" s="2">
        <v>0</v>
      </c>
      <c r="J22814" s="2">
        <v>0</v>
      </c>
      <c r="K22814" s="2">
        <v>1</v>
      </c>
      <c r="L22814" t="s">
        <v>995</v>
      </c>
      <c r="M22814" t="s">
        <v>83</v>
      </c>
      <c r="N22814" t="s">
        <v>84</v>
      </c>
      <c r="O22814" t="s">
        <v>85</v>
      </c>
      <c r="P22814" t="s">
        <v>86</v>
      </c>
      <c r="Q22814">
        <v>76</v>
      </c>
      <c r="R22814">
        <v>77</v>
      </c>
      <c r="S22814">
        <v>79</v>
      </c>
      <c r="T22814">
        <v>80</v>
      </c>
      <c r="U22814">
        <v>81</v>
      </c>
      <c r="V22814">
        <v>83</v>
      </c>
      <c r="W22814">
        <v>84</v>
      </c>
      <c r="X22814">
        <v>86</v>
      </c>
      <c r="Y22814">
        <v>87</v>
      </c>
      <c r="Z22814">
        <v>88</v>
      </c>
      <c r="AA22814">
        <v>90</v>
      </c>
      <c r="AB22814">
        <v>91</v>
      </c>
      <c r="AC22814">
        <v>92</v>
      </c>
      <c r="AD22814">
        <v>93</v>
      </c>
      <c r="AE22814">
        <v>94</v>
      </c>
      <c r="AF22814">
        <v>96</v>
      </c>
      <c r="AG22814">
        <v>97</v>
      </c>
      <c r="AH22814">
        <v>98</v>
      </c>
      <c r="AI22814">
        <v>99</v>
      </c>
      <c r="AJ22814">
        <v>100</v>
      </c>
      <c r="AK22814">
        <v>101</v>
      </c>
      <c r="AL22814">
        <v>102</v>
      </c>
      <c r="AM22814">
        <v>102</v>
      </c>
      <c r="AN22814">
        <v>103</v>
      </c>
      <c r="AO22814">
        <v>103</v>
      </c>
      <c r="AP22814">
        <v>103</v>
      </c>
      <c r="AQ22814">
        <v>104</v>
      </c>
    </row>
    <row r="22815" spans="1:43">
      <c r="A22815" t="s">
        <v>14131</v>
      </c>
      <c r="B22815" t="s">
        <v>14132</v>
      </c>
      <c r="C22815" t="s">
        <v>14133</v>
      </c>
      <c r="D22815" t="s">
        <v>14134</v>
      </c>
      <c r="E22815" t="s">
        <v>14015</v>
      </c>
      <c r="F22815" t="s">
        <v>14016</v>
      </c>
      <c r="G22815" t="s">
        <v>10734</v>
      </c>
      <c r="H22815" t="s">
        <v>10735</v>
      </c>
      <c r="I22815" s="2">
        <v>0</v>
      </c>
      <c r="J22815" s="2">
        <v>0</v>
      </c>
      <c r="K22815" s="2">
        <v>1</v>
      </c>
      <c r="L22815" t="s">
        <v>995</v>
      </c>
      <c r="M22815" t="s">
        <v>87</v>
      </c>
      <c r="N22815" t="s">
        <v>88</v>
      </c>
      <c r="O22815" t="s">
        <v>85</v>
      </c>
      <c r="P22815" t="s">
        <v>86</v>
      </c>
      <c r="Q22815">
        <v>76</v>
      </c>
      <c r="R22815">
        <v>77</v>
      </c>
      <c r="S22815">
        <v>78</v>
      </c>
      <c r="T22815">
        <v>78</v>
      </c>
      <c r="U22815">
        <v>79</v>
      </c>
      <c r="V22815">
        <v>80</v>
      </c>
      <c r="W22815">
        <v>80</v>
      </c>
      <c r="X22815">
        <v>81</v>
      </c>
      <c r="Y22815">
        <v>81</v>
      </c>
      <c r="Z22815">
        <v>82</v>
      </c>
      <c r="AA22815">
        <v>83</v>
      </c>
      <c r="AB22815">
        <v>83</v>
      </c>
      <c r="AC22815">
        <v>84</v>
      </c>
      <c r="AD22815">
        <v>84</v>
      </c>
      <c r="AE22815">
        <v>85</v>
      </c>
      <c r="AF22815">
        <v>86</v>
      </c>
      <c r="AG22815">
        <v>86</v>
      </c>
      <c r="AH22815">
        <v>87</v>
      </c>
      <c r="AI22815">
        <v>87</v>
      </c>
      <c r="AJ22815">
        <v>88</v>
      </c>
      <c r="AK22815">
        <v>89</v>
      </c>
      <c r="AL22815">
        <v>89</v>
      </c>
      <c r="AM22815">
        <v>90</v>
      </c>
      <c r="AN22815">
        <v>90</v>
      </c>
      <c r="AO22815">
        <v>91</v>
      </c>
      <c r="AP22815">
        <v>91</v>
      </c>
      <c r="AQ22815">
        <v>92</v>
      </c>
    </row>
    <row r="22816" spans="1:43">
      <c r="A22816" t="s">
        <v>14131</v>
      </c>
      <c r="B22816" t="s">
        <v>14132</v>
      </c>
      <c r="C22816" t="s">
        <v>14133</v>
      </c>
      <c r="D22816" t="s">
        <v>14134</v>
      </c>
      <c r="E22816" t="s">
        <v>14015</v>
      </c>
      <c r="F22816" t="s">
        <v>14016</v>
      </c>
      <c r="G22816" t="s">
        <v>10734</v>
      </c>
      <c r="H22816" t="s">
        <v>10735</v>
      </c>
      <c r="I22816" s="2">
        <v>0</v>
      </c>
      <c r="J22816" s="2">
        <v>0</v>
      </c>
      <c r="K22816" s="2">
        <v>1</v>
      </c>
      <c r="L22816" t="s">
        <v>995</v>
      </c>
      <c r="M22816" t="s">
        <v>89</v>
      </c>
      <c r="N22816" t="s">
        <v>90</v>
      </c>
      <c r="O22816" t="s">
        <v>85</v>
      </c>
      <c r="P22816" t="s">
        <v>86</v>
      </c>
      <c r="Q22816">
        <v>76</v>
      </c>
      <c r="R22816">
        <v>78</v>
      </c>
      <c r="S22816">
        <v>80</v>
      </c>
      <c r="T22816">
        <v>82</v>
      </c>
      <c r="U22816">
        <v>84</v>
      </c>
      <c r="V22816">
        <v>86</v>
      </c>
      <c r="W22816">
        <v>88</v>
      </c>
      <c r="X22816">
        <v>89</v>
      </c>
      <c r="Y22816">
        <v>91</v>
      </c>
      <c r="Z22816">
        <v>92</v>
      </c>
      <c r="AA22816">
        <v>94</v>
      </c>
      <c r="AB22816">
        <v>95</v>
      </c>
      <c r="AC22816">
        <v>97</v>
      </c>
      <c r="AD22816">
        <v>98</v>
      </c>
      <c r="AE22816">
        <v>100</v>
      </c>
      <c r="AF22816">
        <v>100</v>
      </c>
      <c r="AG22816">
        <v>100</v>
      </c>
      <c r="AH22816">
        <v>101</v>
      </c>
      <c r="AI22816">
        <v>101</v>
      </c>
      <c r="AJ22816">
        <v>102</v>
      </c>
      <c r="AK22816">
        <v>102</v>
      </c>
      <c r="AL22816">
        <v>102</v>
      </c>
      <c r="AM22816">
        <v>103</v>
      </c>
      <c r="AN22816">
        <v>103</v>
      </c>
      <c r="AO22816">
        <v>103</v>
      </c>
      <c r="AP22816">
        <v>104</v>
      </c>
      <c r="AQ22816">
        <v>104</v>
      </c>
    </row>
    <row r="22817" spans="1:43">
      <c r="A22817" t="s">
        <v>14131</v>
      </c>
      <c r="B22817" t="s">
        <v>14132</v>
      </c>
      <c r="C22817" t="s">
        <v>14133</v>
      </c>
      <c r="D22817" t="s">
        <v>14134</v>
      </c>
      <c r="E22817" t="s">
        <v>14015</v>
      </c>
      <c r="F22817" t="s">
        <v>14016</v>
      </c>
      <c r="G22817" t="s">
        <v>10734</v>
      </c>
      <c r="H22817" t="s">
        <v>10735</v>
      </c>
      <c r="I22817" s="2">
        <v>0</v>
      </c>
      <c r="J22817" s="2">
        <v>0</v>
      </c>
      <c r="K22817" s="2">
        <v>1</v>
      </c>
      <c r="L22817" t="s">
        <v>995</v>
      </c>
      <c r="M22817" t="s">
        <v>83</v>
      </c>
      <c r="N22817" t="s">
        <v>91</v>
      </c>
      <c r="O22817" t="s">
        <v>85</v>
      </c>
      <c r="P22817" t="s">
        <v>86</v>
      </c>
      <c r="Q22817">
        <v>76</v>
      </c>
      <c r="R22817">
        <v>77</v>
      </c>
      <c r="S22817">
        <v>79</v>
      </c>
      <c r="T22817">
        <v>80</v>
      </c>
      <c r="U22817">
        <v>81</v>
      </c>
      <c r="V22817">
        <v>83</v>
      </c>
      <c r="W22817">
        <v>84</v>
      </c>
      <c r="X22817">
        <v>86</v>
      </c>
      <c r="Y22817">
        <v>87</v>
      </c>
      <c r="Z22817">
        <v>88</v>
      </c>
      <c r="AA22817">
        <v>90</v>
      </c>
      <c r="AB22817">
        <v>91</v>
      </c>
      <c r="AC22817">
        <v>92</v>
      </c>
      <c r="AD22817">
        <v>93</v>
      </c>
      <c r="AE22817">
        <v>94</v>
      </c>
      <c r="AF22817">
        <v>96</v>
      </c>
      <c r="AG22817">
        <v>97</v>
      </c>
      <c r="AH22817">
        <v>98</v>
      </c>
      <c r="AI22817">
        <v>99</v>
      </c>
      <c r="AJ22817">
        <v>100</v>
      </c>
      <c r="AK22817">
        <v>101</v>
      </c>
      <c r="AL22817">
        <v>102</v>
      </c>
      <c r="AM22817">
        <v>102</v>
      </c>
      <c r="AN22817">
        <v>103</v>
      </c>
      <c r="AO22817">
        <v>103</v>
      </c>
      <c r="AP22817">
        <v>103</v>
      </c>
      <c r="AQ22817">
        <v>104</v>
      </c>
    </row>
    <row r="22818" spans="1:43">
      <c r="A22818" t="s">
        <v>14135</v>
      </c>
      <c r="B22818" t="s">
        <v>14136</v>
      </c>
      <c r="C22818" t="s">
        <v>14133</v>
      </c>
      <c r="D22818" t="s">
        <v>14134</v>
      </c>
      <c r="E22818" t="s">
        <v>14015</v>
      </c>
      <c r="F22818" t="s">
        <v>14016</v>
      </c>
      <c r="G22818" t="s">
        <v>10734</v>
      </c>
      <c r="H22818" t="s">
        <v>10735</v>
      </c>
      <c r="I22818" s="2">
        <v>0</v>
      </c>
      <c r="J22818" s="2">
        <v>0</v>
      </c>
      <c r="K22818" s="2">
        <v>1</v>
      </c>
      <c r="L22818" t="s">
        <v>995</v>
      </c>
      <c r="M22818" t="s">
        <v>83</v>
      </c>
      <c r="N22818" t="s">
        <v>84</v>
      </c>
      <c r="O22818" t="s">
        <v>85</v>
      </c>
      <c r="P22818" t="s">
        <v>86</v>
      </c>
      <c r="Q22818">
        <v>84</v>
      </c>
      <c r="R22818">
        <v>86</v>
      </c>
      <c r="S22818">
        <v>88</v>
      </c>
      <c r="T22818">
        <v>89</v>
      </c>
      <c r="U22818">
        <v>91</v>
      </c>
      <c r="V22818">
        <v>92</v>
      </c>
      <c r="W22818">
        <v>94</v>
      </c>
      <c r="X22818">
        <v>95</v>
      </c>
      <c r="Y22818">
        <v>97</v>
      </c>
      <c r="Z22818">
        <v>98</v>
      </c>
      <c r="AA22818">
        <v>100</v>
      </c>
      <c r="AB22818">
        <v>101</v>
      </c>
      <c r="AC22818">
        <v>103</v>
      </c>
      <c r="AD22818">
        <v>104</v>
      </c>
      <c r="AE22818">
        <v>105</v>
      </c>
      <c r="AF22818">
        <v>107</v>
      </c>
      <c r="AG22818">
        <v>108</v>
      </c>
      <c r="AH22818">
        <v>110</v>
      </c>
      <c r="AI22818">
        <v>111</v>
      </c>
      <c r="AJ22818">
        <v>112</v>
      </c>
      <c r="AK22818">
        <v>114</v>
      </c>
      <c r="AL22818">
        <v>114</v>
      </c>
      <c r="AM22818">
        <v>115</v>
      </c>
      <c r="AN22818">
        <v>115</v>
      </c>
      <c r="AO22818">
        <v>116</v>
      </c>
      <c r="AP22818">
        <v>116</v>
      </c>
      <c r="AQ22818">
        <v>117</v>
      </c>
    </row>
    <row r="22819" spans="1:43">
      <c r="A22819" t="s">
        <v>14135</v>
      </c>
      <c r="B22819" t="s">
        <v>14136</v>
      </c>
      <c r="C22819" t="s">
        <v>14133</v>
      </c>
      <c r="D22819" t="s">
        <v>14134</v>
      </c>
      <c r="E22819" t="s">
        <v>14015</v>
      </c>
      <c r="F22819" t="s">
        <v>14016</v>
      </c>
      <c r="G22819" t="s">
        <v>10734</v>
      </c>
      <c r="H22819" t="s">
        <v>10735</v>
      </c>
      <c r="I22819" s="2">
        <v>0</v>
      </c>
      <c r="J22819" s="2">
        <v>0</v>
      </c>
      <c r="K22819" s="2">
        <v>1</v>
      </c>
      <c r="L22819" t="s">
        <v>995</v>
      </c>
      <c r="M22819" t="s">
        <v>87</v>
      </c>
      <c r="N22819" t="s">
        <v>88</v>
      </c>
      <c r="O22819" t="s">
        <v>85</v>
      </c>
      <c r="P22819" t="s">
        <v>86</v>
      </c>
      <c r="Q22819">
        <v>84</v>
      </c>
      <c r="R22819">
        <v>84</v>
      </c>
      <c r="S22819">
        <v>85</v>
      </c>
      <c r="T22819">
        <v>86</v>
      </c>
      <c r="U22819">
        <v>87</v>
      </c>
      <c r="V22819">
        <v>87</v>
      </c>
      <c r="W22819">
        <v>88</v>
      </c>
      <c r="X22819">
        <v>89</v>
      </c>
      <c r="Y22819">
        <v>90</v>
      </c>
      <c r="Z22819">
        <v>90</v>
      </c>
      <c r="AA22819">
        <v>91</v>
      </c>
      <c r="AB22819">
        <v>92</v>
      </c>
      <c r="AC22819">
        <v>92</v>
      </c>
      <c r="AD22819">
        <v>93</v>
      </c>
      <c r="AE22819">
        <v>94</v>
      </c>
      <c r="AF22819">
        <v>94</v>
      </c>
      <c r="AG22819">
        <v>95</v>
      </c>
      <c r="AH22819">
        <v>96</v>
      </c>
      <c r="AI22819">
        <v>96</v>
      </c>
      <c r="AJ22819">
        <v>97</v>
      </c>
      <c r="AK22819">
        <v>98</v>
      </c>
      <c r="AL22819">
        <v>98</v>
      </c>
      <c r="AM22819">
        <v>99</v>
      </c>
      <c r="AN22819">
        <v>100</v>
      </c>
      <c r="AO22819">
        <v>100</v>
      </c>
      <c r="AP22819">
        <v>101</v>
      </c>
      <c r="AQ22819">
        <v>102</v>
      </c>
    </row>
    <row r="22820" spans="1:43">
      <c r="A22820" t="s">
        <v>14135</v>
      </c>
      <c r="B22820" t="s">
        <v>14136</v>
      </c>
      <c r="C22820" t="s">
        <v>14133</v>
      </c>
      <c r="D22820" t="s">
        <v>14134</v>
      </c>
      <c r="E22820" t="s">
        <v>14015</v>
      </c>
      <c r="F22820" t="s">
        <v>14016</v>
      </c>
      <c r="G22820" t="s">
        <v>10734</v>
      </c>
      <c r="H22820" t="s">
        <v>10735</v>
      </c>
      <c r="I22820" s="2">
        <v>0</v>
      </c>
      <c r="J22820" s="2">
        <v>0</v>
      </c>
      <c r="K22820" s="2">
        <v>1</v>
      </c>
      <c r="L22820" t="s">
        <v>995</v>
      </c>
      <c r="M22820" t="s">
        <v>89</v>
      </c>
      <c r="N22820" t="s">
        <v>90</v>
      </c>
      <c r="O22820" t="s">
        <v>85</v>
      </c>
      <c r="P22820" t="s">
        <v>86</v>
      </c>
      <c r="Q22820">
        <v>84</v>
      </c>
      <c r="R22820">
        <v>87</v>
      </c>
      <c r="S22820">
        <v>89</v>
      </c>
      <c r="T22820">
        <v>91</v>
      </c>
      <c r="U22820">
        <v>93</v>
      </c>
      <c r="V22820">
        <v>95</v>
      </c>
      <c r="W22820">
        <v>98</v>
      </c>
      <c r="X22820">
        <v>100</v>
      </c>
      <c r="Y22820">
        <v>101</v>
      </c>
      <c r="Z22820">
        <v>103</v>
      </c>
      <c r="AA22820">
        <v>105</v>
      </c>
      <c r="AB22820">
        <v>107</v>
      </c>
      <c r="AC22820">
        <v>108</v>
      </c>
      <c r="AD22820">
        <v>110</v>
      </c>
      <c r="AE22820">
        <v>111</v>
      </c>
      <c r="AF22820">
        <v>112</v>
      </c>
      <c r="AG22820">
        <v>113</v>
      </c>
      <c r="AH22820">
        <v>113</v>
      </c>
      <c r="AI22820">
        <v>114</v>
      </c>
      <c r="AJ22820">
        <v>114</v>
      </c>
      <c r="AK22820">
        <v>115</v>
      </c>
      <c r="AL22820">
        <v>115</v>
      </c>
      <c r="AM22820">
        <v>116</v>
      </c>
      <c r="AN22820">
        <v>116</v>
      </c>
      <c r="AO22820">
        <v>117</v>
      </c>
      <c r="AP22820">
        <v>117</v>
      </c>
      <c r="AQ22820">
        <v>118</v>
      </c>
    </row>
    <row r="22821" spans="1:43">
      <c r="A22821" t="s">
        <v>14135</v>
      </c>
      <c r="B22821" t="s">
        <v>14136</v>
      </c>
      <c r="C22821" t="s">
        <v>14133</v>
      </c>
      <c r="D22821" t="s">
        <v>14134</v>
      </c>
      <c r="E22821" t="s">
        <v>14015</v>
      </c>
      <c r="F22821" t="s">
        <v>14016</v>
      </c>
      <c r="G22821" t="s">
        <v>10734</v>
      </c>
      <c r="H22821" t="s">
        <v>10735</v>
      </c>
      <c r="I22821" s="2">
        <v>0</v>
      </c>
      <c r="J22821" s="2">
        <v>0</v>
      </c>
      <c r="K22821" s="2">
        <v>1</v>
      </c>
      <c r="L22821" t="s">
        <v>995</v>
      </c>
      <c r="M22821" t="s">
        <v>83</v>
      </c>
      <c r="N22821" t="s">
        <v>91</v>
      </c>
      <c r="O22821" t="s">
        <v>85</v>
      </c>
      <c r="P22821" t="s">
        <v>86</v>
      </c>
      <c r="Q22821">
        <v>84</v>
      </c>
      <c r="R22821">
        <v>86</v>
      </c>
      <c r="S22821">
        <v>88</v>
      </c>
      <c r="T22821">
        <v>89</v>
      </c>
      <c r="U22821">
        <v>91</v>
      </c>
      <c r="V22821">
        <v>92</v>
      </c>
      <c r="W22821">
        <v>94</v>
      </c>
      <c r="X22821">
        <v>95</v>
      </c>
      <c r="Y22821">
        <v>97</v>
      </c>
      <c r="Z22821">
        <v>98</v>
      </c>
      <c r="AA22821">
        <v>100</v>
      </c>
      <c r="AB22821">
        <v>101</v>
      </c>
      <c r="AC22821">
        <v>103</v>
      </c>
      <c r="AD22821">
        <v>104</v>
      </c>
      <c r="AE22821">
        <v>105</v>
      </c>
      <c r="AF22821">
        <v>107</v>
      </c>
      <c r="AG22821">
        <v>108</v>
      </c>
      <c r="AH22821">
        <v>110</v>
      </c>
      <c r="AI22821">
        <v>111</v>
      </c>
      <c r="AJ22821">
        <v>112</v>
      </c>
      <c r="AK22821">
        <v>114</v>
      </c>
      <c r="AL22821">
        <v>114</v>
      </c>
      <c r="AM22821">
        <v>115</v>
      </c>
      <c r="AN22821">
        <v>115</v>
      </c>
      <c r="AO22821">
        <v>116</v>
      </c>
      <c r="AP22821">
        <v>116</v>
      </c>
      <c r="AQ22821">
        <v>117</v>
      </c>
    </row>
    <row r="22822" spans="1:43">
      <c r="A22822" t="s">
        <v>14137</v>
      </c>
      <c r="B22822" t="s">
        <v>14138</v>
      </c>
      <c r="C22822" t="s">
        <v>14139</v>
      </c>
      <c r="D22822" t="s">
        <v>14140</v>
      </c>
      <c r="E22822" t="s">
        <v>14015</v>
      </c>
      <c r="F22822" t="s">
        <v>14016</v>
      </c>
      <c r="G22822" t="s">
        <v>10734</v>
      </c>
      <c r="H22822" t="s">
        <v>10735</v>
      </c>
      <c r="I22822" s="2">
        <v>0</v>
      </c>
      <c r="J22822" s="2">
        <v>0</v>
      </c>
      <c r="K22822" s="2">
        <v>1</v>
      </c>
      <c r="L22822" t="s">
        <v>995</v>
      </c>
      <c r="M22822" t="s">
        <v>83</v>
      </c>
      <c r="N22822" t="s">
        <v>84</v>
      </c>
      <c r="O22822" t="s">
        <v>85</v>
      </c>
      <c r="P22822" t="s">
        <v>86</v>
      </c>
      <c r="Q22822">
        <v>18</v>
      </c>
      <c r="R22822">
        <v>18</v>
      </c>
      <c r="S22822">
        <v>19</v>
      </c>
      <c r="T22822">
        <v>19</v>
      </c>
      <c r="U22822">
        <v>19</v>
      </c>
      <c r="V22822">
        <v>20</v>
      </c>
      <c r="W22822">
        <v>20</v>
      </c>
      <c r="X22822">
        <v>20</v>
      </c>
      <c r="Y22822">
        <v>20</v>
      </c>
      <c r="Z22822">
        <v>21</v>
      </c>
      <c r="AA22822">
        <v>21</v>
      </c>
      <c r="AB22822">
        <v>21</v>
      </c>
      <c r="AC22822">
        <v>22</v>
      </c>
      <c r="AD22822">
        <v>22</v>
      </c>
      <c r="AE22822">
        <v>22</v>
      </c>
      <c r="AF22822">
        <v>22</v>
      </c>
      <c r="AG22822">
        <v>23</v>
      </c>
      <c r="AH22822">
        <v>23</v>
      </c>
      <c r="AI22822">
        <v>23</v>
      </c>
      <c r="AJ22822">
        <v>23</v>
      </c>
      <c r="AK22822">
        <v>24</v>
      </c>
      <c r="AL22822">
        <v>24</v>
      </c>
      <c r="AM22822">
        <v>24</v>
      </c>
      <c r="AN22822">
        <v>24</v>
      </c>
      <c r="AO22822">
        <v>24</v>
      </c>
      <c r="AP22822">
        <v>24</v>
      </c>
      <c r="AQ22822">
        <v>24</v>
      </c>
    </row>
    <row r="22823" spans="1:43">
      <c r="A22823" t="s">
        <v>14137</v>
      </c>
      <c r="B22823" t="s">
        <v>14138</v>
      </c>
      <c r="C22823" t="s">
        <v>14139</v>
      </c>
      <c r="D22823" t="s">
        <v>14140</v>
      </c>
      <c r="E22823" t="s">
        <v>14015</v>
      </c>
      <c r="F22823" t="s">
        <v>14016</v>
      </c>
      <c r="G22823" t="s">
        <v>10734</v>
      </c>
      <c r="H22823" t="s">
        <v>10735</v>
      </c>
      <c r="I22823" s="2">
        <v>0</v>
      </c>
      <c r="J22823" s="2">
        <v>0</v>
      </c>
      <c r="K22823" s="2">
        <v>1</v>
      </c>
      <c r="L22823" t="s">
        <v>995</v>
      </c>
      <c r="M22823" t="s">
        <v>87</v>
      </c>
      <c r="N22823" t="s">
        <v>88</v>
      </c>
      <c r="O22823" t="s">
        <v>85</v>
      </c>
      <c r="P22823" t="s">
        <v>86</v>
      </c>
      <c r="Q22823">
        <v>18</v>
      </c>
      <c r="R22823">
        <v>18</v>
      </c>
      <c r="S22823">
        <v>18</v>
      </c>
      <c r="T22823">
        <v>18</v>
      </c>
      <c r="U22823">
        <v>18</v>
      </c>
      <c r="V22823">
        <v>19</v>
      </c>
      <c r="W22823">
        <v>19</v>
      </c>
      <c r="X22823">
        <v>19</v>
      </c>
      <c r="Y22823">
        <v>19</v>
      </c>
      <c r="Z22823">
        <v>19</v>
      </c>
      <c r="AA22823">
        <v>19</v>
      </c>
      <c r="AB22823">
        <v>19</v>
      </c>
      <c r="AC22823">
        <v>19</v>
      </c>
      <c r="AD22823">
        <v>19</v>
      </c>
      <c r="AE22823">
        <v>20</v>
      </c>
      <c r="AF22823">
        <v>20</v>
      </c>
      <c r="AG22823">
        <v>20</v>
      </c>
      <c r="AH22823">
        <v>20</v>
      </c>
      <c r="AI22823">
        <v>20</v>
      </c>
      <c r="AJ22823">
        <v>20</v>
      </c>
      <c r="AK22823">
        <v>20</v>
      </c>
      <c r="AL22823">
        <v>20</v>
      </c>
      <c r="AM22823">
        <v>20</v>
      </c>
      <c r="AN22823">
        <v>20</v>
      </c>
      <c r="AO22823">
        <v>21</v>
      </c>
      <c r="AP22823">
        <v>21</v>
      </c>
      <c r="AQ22823">
        <v>21</v>
      </c>
    </row>
    <row r="22824" spans="1:43">
      <c r="A22824" t="s">
        <v>14137</v>
      </c>
      <c r="B22824" t="s">
        <v>14138</v>
      </c>
      <c r="C22824" t="s">
        <v>14139</v>
      </c>
      <c r="D22824" t="s">
        <v>14140</v>
      </c>
      <c r="E22824" t="s">
        <v>14015</v>
      </c>
      <c r="F22824" t="s">
        <v>14016</v>
      </c>
      <c r="G22824" t="s">
        <v>10734</v>
      </c>
      <c r="H22824" t="s">
        <v>10735</v>
      </c>
      <c r="I22824" s="2">
        <v>0</v>
      </c>
      <c r="J22824" s="2">
        <v>0</v>
      </c>
      <c r="K22824" s="2">
        <v>1</v>
      </c>
      <c r="L22824" t="s">
        <v>995</v>
      </c>
      <c r="M22824" t="s">
        <v>89</v>
      </c>
      <c r="N22824" t="s">
        <v>90</v>
      </c>
      <c r="O22824" t="s">
        <v>85</v>
      </c>
      <c r="P22824" t="s">
        <v>86</v>
      </c>
      <c r="Q22824">
        <v>18</v>
      </c>
      <c r="R22824">
        <v>19</v>
      </c>
      <c r="S22824">
        <v>19</v>
      </c>
      <c r="T22824">
        <v>20</v>
      </c>
      <c r="U22824">
        <v>20</v>
      </c>
      <c r="V22824">
        <v>20</v>
      </c>
      <c r="W22824">
        <v>21</v>
      </c>
      <c r="X22824">
        <v>21</v>
      </c>
      <c r="Y22824">
        <v>22</v>
      </c>
      <c r="Z22824">
        <v>22</v>
      </c>
      <c r="AA22824">
        <v>22</v>
      </c>
      <c r="AB22824">
        <v>23</v>
      </c>
      <c r="AC22824">
        <v>23</v>
      </c>
      <c r="AD22824">
        <v>23</v>
      </c>
      <c r="AE22824">
        <v>24</v>
      </c>
      <c r="AF22824">
        <v>24</v>
      </c>
      <c r="AG22824">
        <v>24</v>
      </c>
      <c r="AH22824">
        <v>24</v>
      </c>
      <c r="AI22824">
        <v>24</v>
      </c>
      <c r="AJ22824">
        <v>24</v>
      </c>
      <c r="AK22824">
        <v>24</v>
      </c>
      <c r="AL22824">
        <v>24</v>
      </c>
      <c r="AM22824">
        <v>24</v>
      </c>
      <c r="AN22824">
        <v>24</v>
      </c>
      <c r="AO22824">
        <v>24</v>
      </c>
      <c r="AP22824">
        <v>24</v>
      </c>
      <c r="AQ22824">
        <v>24</v>
      </c>
    </row>
    <row r="22825" spans="1:43">
      <c r="A22825" t="s">
        <v>14137</v>
      </c>
      <c r="B22825" t="s">
        <v>14138</v>
      </c>
      <c r="C22825" t="s">
        <v>14139</v>
      </c>
      <c r="D22825" t="s">
        <v>14140</v>
      </c>
      <c r="E22825" t="s">
        <v>14015</v>
      </c>
      <c r="F22825" t="s">
        <v>14016</v>
      </c>
      <c r="G22825" t="s">
        <v>10734</v>
      </c>
      <c r="H22825" t="s">
        <v>10735</v>
      </c>
      <c r="I22825" s="2">
        <v>0</v>
      </c>
      <c r="J22825" s="2">
        <v>0</v>
      </c>
      <c r="K22825" s="2">
        <v>1</v>
      </c>
      <c r="L22825" t="s">
        <v>995</v>
      </c>
      <c r="M22825" t="s">
        <v>83</v>
      </c>
      <c r="N22825" t="s">
        <v>91</v>
      </c>
      <c r="O22825" t="s">
        <v>85</v>
      </c>
      <c r="P22825" t="s">
        <v>86</v>
      </c>
      <c r="Q22825">
        <v>18</v>
      </c>
      <c r="R22825">
        <v>18</v>
      </c>
      <c r="S22825">
        <v>19</v>
      </c>
      <c r="T22825">
        <v>19</v>
      </c>
      <c r="U22825">
        <v>19</v>
      </c>
      <c r="V22825">
        <v>20</v>
      </c>
      <c r="W22825">
        <v>20</v>
      </c>
      <c r="X22825">
        <v>20</v>
      </c>
      <c r="Y22825">
        <v>20</v>
      </c>
      <c r="Z22825">
        <v>21</v>
      </c>
      <c r="AA22825">
        <v>21</v>
      </c>
      <c r="AB22825">
        <v>21</v>
      </c>
      <c r="AC22825">
        <v>22</v>
      </c>
      <c r="AD22825">
        <v>22</v>
      </c>
      <c r="AE22825">
        <v>22</v>
      </c>
      <c r="AF22825">
        <v>22</v>
      </c>
      <c r="AG22825">
        <v>23</v>
      </c>
      <c r="AH22825">
        <v>23</v>
      </c>
      <c r="AI22825">
        <v>23</v>
      </c>
      <c r="AJ22825">
        <v>23</v>
      </c>
      <c r="AK22825">
        <v>24</v>
      </c>
      <c r="AL22825">
        <v>24</v>
      </c>
      <c r="AM22825">
        <v>24</v>
      </c>
      <c r="AN22825">
        <v>24</v>
      </c>
      <c r="AO22825">
        <v>24</v>
      </c>
      <c r="AP22825">
        <v>24</v>
      </c>
      <c r="AQ22825">
        <v>24</v>
      </c>
    </row>
    <row r="22826" spans="1:43">
      <c r="A22826" t="s">
        <v>14141</v>
      </c>
      <c r="B22826" t="s">
        <v>14142</v>
      </c>
      <c r="C22826" t="s">
        <v>14139</v>
      </c>
      <c r="D22826" t="s">
        <v>14140</v>
      </c>
      <c r="E22826" t="s">
        <v>14015</v>
      </c>
      <c r="F22826" t="s">
        <v>14016</v>
      </c>
      <c r="G22826" t="s">
        <v>10734</v>
      </c>
      <c r="H22826" t="s">
        <v>10735</v>
      </c>
      <c r="I22826" s="2">
        <v>0</v>
      </c>
      <c r="J22826" s="2">
        <v>0</v>
      </c>
      <c r="K22826" s="2">
        <v>1</v>
      </c>
      <c r="L22826" t="s">
        <v>995</v>
      </c>
      <c r="M22826" t="s">
        <v>83</v>
      </c>
      <c r="N22826" t="s">
        <v>84</v>
      </c>
      <c r="O22826" t="s">
        <v>85</v>
      </c>
      <c r="P22826" t="s">
        <v>86</v>
      </c>
      <c r="Q22826">
        <v>27</v>
      </c>
      <c r="R22826">
        <v>27</v>
      </c>
      <c r="S22826">
        <v>28</v>
      </c>
      <c r="T22826">
        <v>28</v>
      </c>
      <c r="U22826">
        <v>29</v>
      </c>
      <c r="V22826">
        <v>29</v>
      </c>
      <c r="W22826">
        <v>30</v>
      </c>
      <c r="X22826">
        <v>30</v>
      </c>
      <c r="Y22826">
        <v>30</v>
      </c>
      <c r="Z22826">
        <v>31</v>
      </c>
      <c r="AA22826">
        <v>31</v>
      </c>
      <c r="AB22826">
        <v>32</v>
      </c>
      <c r="AC22826">
        <v>32</v>
      </c>
      <c r="AD22826">
        <v>32</v>
      </c>
      <c r="AE22826">
        <v>33</v>
      </c>
      <c r="AF22826">
        <v>33</v>
      </c>
      <c r="AG22826">
        <v>34</v>
      </c>
      <c r="AH22826">
        <v>34</v>
      </c>
      <c r="AI22826">
        <v>34</v>
      </c>
      <c r="AJ22826">
        <v>35</v>
      </c>
      <c r="AK22826">
        <v>35</v>
      </c>
      <c r="AL22826">
        <v>35</v>
      </c>
      <c r="AM22826">
        <v>35</v>
      </c>
      <c r="AN22826">
        <v>35</v>
      </c>
      <c r="AO22826">
        <v>35</v>
      </c>
      <c r="AP22826">
        <v>35</v>
      </c>
      <c r="AQ22826">
        <v>35</v>
      </c>
    </row>
    <row r="22827" spans="1:43">
      <c r="A22827" t="s">
        <v>14141</v>
      </c>
      <c r="B22827" t="s">
        <v>14142</v>
      </c>
      <c r="C22827" t="s">
        <v>14139</v>
      </c>
      <c r="D22827" t="s">
        <v>14140</v>
      </c>
      <c r="E22827" t="s">
        <v>14015</v>
      </c>
      <c r="F22827" t="s">
        <v>14016</v>
      </c>
      <c r="G22827" t="s">
        <v>10734</v>
      </c>
      <c r="H22827" t="s">
        <v>10735</v>
      </c>
      <c r="I22827" s="2">
        <v>0</v>
      </c>
      <c r="J22827" s="2">
        <v>0</v>
      </c>
      <c r="K22827" s="2">
        <v>1</v>
      </c>
      <c r="L22827" t="s">
        <v>995</v>
      </c>
      <c r="M22827" t="s">
        <v>87</v>
      </c>
      <c r="N22827" t="s">
        <v>88</v>
      </c>
      <c r="O22827" t="s">
        <v>85</v>
      </c>
      <c r="P22827" t="s">
        <v>86</v>
      </c>
      <c r="Q22827">
        <v>27</v>
      </c>
      <c r="R22827">
        <v>27</v>
      </c>
      <c r="S22827">
        <v>27</v>
      </c>
      <c r="T22827">
        <v>27</v>
      </c>
      <c r="U22827">
        <v>27</v>
      </c>
      <c r="V22827">
        <v>28</v>
      </c>
      <c r="W22827">
        <v>28</v>
      </c>
      <c r="X22827">
        <v>28</v>
      </c>
      <c r="Y22827">
        <v>28</v>
      </c>
      <c r="Z22827">
        <v>28</v>
      </c>
      <c r="AA22827">
        <v>28</v>
      </c>
      <c r="AB22827">
        <v>29</v>
      </c>
      <c r="AC22827">
        <v>29</v>
      </c>
      <c r="AD22827">
        <v>29</v>
      </c>
      <c r="AE22827">
        <v>29</v>
      </c>
      <c r="AF22827">
        <v>29</v>
      </c>
      <c r="AG22827">
        <v>29</v>
      </c>
      <c r="AH22827">
        <v>29</v>
      </c>
      <c r="AI22827">
        <v>30</v>
      </c>
      <c r="AJ22827">
        <v>30</v>
      </c>
      <c r="AK22827">
        <v>30</v>
      </c>
      <c r="AL22827">
        <v>30</v>
      </c>
      <c r="AM22827">
        <v>30</v>
      </c>
      <c r="AN22827">
        <v>30</v>
      </c>
      <c r="AO22827">
        <v>30</v>
      </c>
      <c r="AP22827">
        <v>31</v>
      </c>
      <c r="AQ22827">
        <v>31</v>
      </c>
    </row>
    <row r="22828" spans="1:43">
      <c r="A22828" t="s">
        <v>14141</v>
      </c>
      <c r="B22828" t="s">
        <v>14142</v>
      </c>
      <c r="C22828" t="s">
        <v>14139</v>
      </c>
      <c r="D22828" t="s">
        <v>14140</v>
      </c>
      <c r="E22828" t="s">
        <v>14015</v>
      </c>
      <c r="F22828" t="s">
        <v>14016</v>
      </c>
      <c r="G22828" t="s">
        <v>10734</v>
      </c>
      <c r="H22828" t="s">
        <v>10735</v>
      </c>
      <c r="I22828" s="2">
        <v>0</v>
      </c>
      <c r="J22828" s="2">
        <v>0</v>
      </c>
      <c r="K22828" s="2">
        <v>1</v>
      </c>
      <c r="L22828" t="s">
        <v>995</v>
      </c>
      <c r="M22828" t="s">
        <v>89</v>
      </c>
      <c r="N22828" t="s">
        <v>90</v>
      </c>
      <c r="O22828" t="s">
        <v>85</v>
      </c>
      <c r="P22828" t="s">
        <v>86</v>
      </c>
      <c r="Q22828">
        <v>27</v>
      </c>
      <c r="R22828">
        <v>28</v>
      </c>
      <c r="S22828">
        <v>29</v>
      </c>
      <c r="T22828">
        <v>29</v>
      </c>
      <c r="U22828">
        <v>30</v>
      </c>
      <c r="V22828">
        <v>30</v>
      </c>
      <c r="W22828">
        <v>31</v>
      </c>
      <c r="X22828">
        <v>32</v>
      </c>
      <c r="Y22828">
        <v>32</v>
      </c>
      <c r="Z22828">
        <v>33</v>
      </c>
      <c r="AA22828">
        <v>33</v>
      </c>
      <c r="AB22828">
        <v>34</v>
      </c>
      <c r="AC22828">
        <v>34</v>
      </c>
      <c r="AD22828">
        <v>35</v>
      </c>
      <c r="AE22828">
        <v>35</v>
      </c>
      <c r="AF22828">
        <v>35</v>
      </c>
      <c r="AG22828">
        <v>35</v>
      </c>
      <c r="AH22828">
        <v>35</v>
      </c>
      <c r="AI22828">
        <v>35</v>
      </c>
      <c r="AJ22828">
        <v>35</v>
      </c>
      <c r="AK22828">
        <v>36</v>
      </c>
      <c r="AL22828">
        <v>36</v>
      </c>
      <c r="AM22828">
        <v>36</v>
      </c>
      <c r="AN22828">
        <v>36</v>
      </c>
      <c r="AO22828">
        <v>36</v>
      </c>
      <c r="AP22828">
        <v>36</v>
      </c>
      <c r="AQ22828">
        <v>36</v>
      </c>
    </row>
    <row r="22829" spans="1:43">
      <c r="A22829" t="s">
        <v>14141</v>
      </c>
      <c r="B22829" t="s">
        <v>14142</v>
      </c>
      <c r="C22829" t="s">
        <v>14139</v>
      </c>
      <c r="D22829" t="s">
        <v>14140</v>
      </c>
      <c r="E22829" t="s">
        <v>14015</v>
      </c>
      <c r="F22829" t="s">
        <v>14016</v>
      </c>
      <c r="G22829" t="s">
        <v>10734</v>
      </c>
      <c r="H22829" t="s">
        <v>10735</v>
      </c>
      <c r="I22829" s="2">
        <v>0</v>
      </c>
      <c r="J22829" s="2">
        <v>0</v>
      </c>
      <c r="K22829" s="2">
        <v>1</v>
      </c>
      <c r="L22829" t="s">
        <v>995</v>
      </c>
      <c r="M22829" t="s">
        <v>83</v>
      </c>
      <c r="N22829" t="s">
        <v>91</v>
      </c>
      <c r="O22829" t="s">
        <v>85</v>
      </c>
      <c r="P22829" t="s">
        <v>86</v>
      </c>
      <c r="Q22829">
        <v>27</v>
      </c>
      <c r="R22829">
        <v>27</v>
      </c>
      <c r="S22829">
        <v>28</v>
      </c>
      <c r="T22829">
        <v>28</v>
      </c>
      <c r="U22829">
        <v>29</v>
      </c>
      <c r="V22829">
        <v>29</v>
      </c>
      <c r="W22829">
        <v>30</v>
      </c>
      <c r="X22829">
        <v>30</v>
      </c>
      <c r="Y22829">
        <v>30</v>
      </c>
      <c r="Z22829">
        <v>31</v>
      </c>
      <c r="AA22829">
        <v>31</v>
      </c>
      <c r="AB22829">
        <v>32</v>
      </c>
      <c r="AC22829">
        <v>32</v>
      </c>
      <c r="AD22829">
        <v>32</v>
      </c>
      <c r="AE22829">
        <v>33</v>
      </c>
      <c r="AF22829">
        <v>33</v>
      </c>
      <c r="AG22829">
        <v>34</v>
      </c>
      <c r="AH22829">
        <v>34</v>
      </c>
      <c r="AI22829">
        <v>34</v>
      </c>
      <c r="AJ22829">
        <v>35</v>
      </c>
      <c r="AK22829">
        <v>35</v>
      </c>
      <c r="AL22829">
        <v>35</v>
      </c>
      <c r="AM22829">
        <v>35</v>
      </c>
      <c r="AN22829">
        <v>35</v>
      </c>
      <c r="AO22829">
        <v>35</v>
      </c>
      <c r="AP22829">
        <v>35</v>
      </c>
      <c r="AQ22829">
        <v>35</v>
      </c>
    </row>
    <row r="22830" spans="1:43">
      <c r="A22830" t="s">
        <v>14143</v>
      </c>
      <c r="B22830" t="s">
        <v>14144</v>
      </c>
      <c r="C22830" t="s">
        <v>14139</v>
      </c>
      <c r="D22830" t="s">
        <v>14140</v>
      </c>
      <c r="E22830" t="s">
        <v>14015</v>
      </c>
      <c r="F22830" t="s">
        <v>14016</v>
      </c>
      <c r="G22830" t="s">
        <v>10734</v>
      </c>
      <c r="H22830" t="s">
        <v>10735</v>
      </c>
      <c r="I22830" s="2">
        <v>0</v>
      </c>
      <c r="J22830" s="2">
        <v>0</v>
      </c>
      <c r="K22830" s="2">
        <v>1</v>
      </c>
      <c r="L22830" t="s">
        <v>995</v>
      </c>
      <c r="M22830" t="s">
        <v>83</v>
      </c>
      <c r="N22830" t="s">
        <v>84</v>
      </c>
      <c r="O22830" t="s">
        <v>85</v>
      </c>
      <c r="P22830" t="s">
        <v>86</v>
      </c>
      <c r="Q22830">
        <v>11</v>
      </c>
      <c r="R22830">
        <v>11</v>
      </c>
      <c r="S22830">
        <v>11</v>
      </c>
      <c r="T22830">
        <v>11</v>
      </c>
      <c r="U22830">
        <v>12</v>
      </c>
      <c r="V22830">
        <v>12</v>
      </c>
      <c r="W22830">
        <v>12</v>
      </c>
      <c r="X22830">
        <v>12</v>
      </c>
      <c r="Y22830">
        <v>12</v>
      </c>
      <c r="Z22830">
        <v>12</v>
      </c>
      <c r="AA22830">
        <v>13</v>
      </c>
      <c r="AB22830">
        <v>13</v>
      </c>
      <c r="AC22830">
        <v>13</v>
      </c>
      <c r="AD22830">
        <v>13</v>
      </c>
      <c r="AE22830">
        <v>13</v>
      </c>
      <c r="AF22830">
        <v>13</v>
      </c>
      <c r="AG22830">
        <v>14</v>
      </c>
      <c r="AH22830">
        <v>14</v>
      </c>
      <c r="AI22830">
        <v>14</v>
      </c>
      <c r="AJ22830">
        <v>14</v>
      </c>
      <c r="AK22830">
        <v>14</v>
      </c>
      <c r="AL22830">
        <v>14</v>
      </c>
      <c r="AM22830">
        <v>14</v>
      </c>
      <c r="AN22830">
        <v>14</v>
      </c>
      <c r="AO22830">
        <v>14</v>
      </c>
      <c r="AP22830">
        <v>14</v>
      </c>
      <c r="AQ22830">
        <v>14</v>
      </c>
    </row>
    <row r="22831" spans="1:43">
      <c r="A22831" t="s">
        <v>14143</v>
      </c>
      <c r="B22831" t="s">
        <v>14144</v>
      </c>
      <c r="C22831" t="s">
        <v>14139</v>
      </c>
      <c r="D22831" t="s">
        <v>14140</v>
      </c>
      <c r="E22831" t="s">
        <v>14015</v>
      </c>
      <c r="F22831" t="s">
        <v>14016</v>
      </c>
      <c r="G22831" t="s">
        <v>10734</v>
      </c>
      <c r="H22831" t="s">
        <v>10735</v>
      </c>
      <c r="I22831" s="2">
        <v>0</v>
      </c>
      <c r="J22831" s="2">
        <v>0</v>
      </c>
      <c r="K22831" s="2">
        <v>1</v>
      </c>
      <c r="L22831" t="s">
        <v>995</v>
      </c>
      <c r="M22831" t="s">
        <v>87</v>
      </c>
      <c r="N22831" t="s">
        <v>88</v>
      </c>
      <c r="O22831" t="s">
        <v>85</v>
      </c>
      <c r="P22831" t="s">
        <v>86</v>
      </c>
      <c r="Q22831">
        <v>11</v>
      </c>
      <c r="R22831">
        <v>11</v>
      </c>
      <c r="S22831">
        <v>11</v>
      </c>
      <c r="T22831">
        <v>11</v>
      </c>
      <c r="U22831">
        <v>11</v>
      </c>
      <c r="V22831">
        <v>11</v>
      </c>
      <c r="W22831">
        <v>11</v>
      </c>
      <c r="X22831">
        <v>11</v>
      </c>
      <c r="Y22831">
        <v>11</v>
      </c>
      <c r="Z22831">
        <v>11</v>
      </c>
      <c r="AA22831">
        <v>11</v>
      </c>
      <c r="AB22831">
        <v>12</v>
      </c>
      <c r="AC22831">
        <v>12</v>
      </c>
      <c r="AD22831">
        <v>12</v>
      </c>
      <c r="AE22831">
        <v>12</v>
      </c>
      <c r="AF22831">
        <v>12</v>
      </c>
      <c r="AG22831">
        <v>12</v>
      </c>
      <c r="AH22831">
        <v>12</v>
      </c>
      <c r="AI22831">
        <v>12</v>
      </c>
      <c r="AJ22831">
        <v>12</v>
      </c>
      <c r="AK22831">
        <v>12</v>
      </c>
      <c r="AL22831">
        <v>12</v>
      </c>
      <c r="AM22831">
        <v>12</v>
      </c>
      <c r="AN22831">
        <v>12</v>
      </c>
      <c r="AO22831">
        <v>12</v>
      </c>
      <c r="AP22831">
        <v>12</v>
      </c>
      <c r="AQ22831">
        <v>12</v>
      </c>
    </row>
    <row r="22832" spans="1:43">
      <c r="A22832" t="s">
        <v>14143</v>
      </c>
      <c r="B22832" t="s">
        <v>14144</v>
      </c>
      <c r="C22832" t="s">
        <v>14139</v>
      </c>
      <c r="D22832" t="s">
        <v>14140</v>
      </c>
      <c r="E22832" t="s">
        <v>14015</v>
      </c>
      <c r="F22832" t="s">
        <v>14016</v>
      </c>
      <c r="G22832" t="s">
        <v>10734</v>
      </c>
      <c r="H22832" t="s">
        <v>10735</v>
      </c>
      <c r="I22832" s="2">
        <v>0</v>
      </c>
      <c r="J22832" s="2">
        <v>0</v>
      </c>
      <c r="K22832" s="2">
        <v>1</v>
      </c>
      <c r="L22832" t="s">
        <v>995</v>
      </c>
      <c r="M22832" t="s">
        <v>89</v>
      </c>
      <c r="N22832" t="s">
        <v>90</v>
      </c>
      <c r="O22832" t="s">
        <v>85</v>
      </c>
      <c r="P22832" t="s">
        <v>86</v>
      </c>
      <c r="Q22832">
        <v>11</v>
      </c>
      <c r="R22832">
        <v>11</v>
      </c>
      <c r="S22832">
        <v>11</v>
      </c>
      <c r="T22832">
        <v>12</v>
      </c>
      <c r="U22832">
        <v>12</v>
      </c>
      <c r="V22832">
        <v>12</v>
      </c>
      <c r="W22832">
        <v>12</v>
      </c>
      <c r="X22832">
        <v>13</v>
      </c>
      <c r="Y22832">
        <v>13</v>
      </c>
      <c r="Z22832">
        <v>13</v>
      </c>
      <c r="AA22832">
        <v>13</v>
      </c>
      <c r="AB22832">
        <v>14</v>
      </c>
      <c r="AC22832">
        <v>14</v>
      </c>
      <c r="AD22832">
        <v>14</v>
      </c>
      <c r="AE22832">
        <v>14</v>
      </c>
      <c r="AF22832">
        <v>14</v>
      </c>
      <c r="AG22832">
        <v>14</v>
      </c>
      <c r="AH22832">
        <v>14</v>
      </c>
      <c r="AI22832">
        <v>14</v>
      </c>
      <c r="AJ22832">
        <v>14</v>
      </c>
      <c r="AK22832">
        <v>14</v>
      </c>
      <c r="AL22832">
        <v>14</v>
      </c>
      <c r="AM22832">
        <v>14</v>
      </c>
      <c r="AN22832">
        <v>14</v>
      </c>
      <c r="AO22832">
        <v>14</v>
      </c>
      <c r="AP22832">
        <v>14</v>
      </c>
      <c r="AQ22832">
        <v>14</v>
      </c>
    </row>
    <row r="22833" spans="1:43">
      <c r="A22833" t="s">
        <v>14143</v>
      </c>
      <c r="B22833" t="s">
        <v>14144</v>
      </c>
      <c r="C22833" t="s">
        <v>14139</v>
      </c>
      <c r="D22833" t="s">
        <v>14140</v>
      </c>
      <c r="E22833" t="s">
        <v>14015</v>
      </c>
      <c r="F22833" t="s">
        <v>14016</v>
      </c>
      <c r="G22833" t="s">
        <v>10734</v>
      </c>
      <c r="H22833" t="s">
        <v>10735</v>
      </c>
      <c r="I22833" s="2">
        <v>0</v>
      </c>
      <c r="J22833" s="2">
        <v>0</v>
      </c>
      <c r="K22833" s="2">
        <v>1</v>
      </c>
      <c r="L22833" t="s">
        <v>995</v>
      </c>
      <c r="M22833" t="s">
        <v>83</v>
      </c>
      <c r="N22833" t="s">
        <v>91</v>
      </c>
      <c r="O22833" t="s">
        <v>85</v>
      </c>
      <c r="P22833" t="s">
        <v>86</v>
      </c>
      <c r="Q22833">
        <v>11</v>
      </c>
      <c r="R22833">
        <v>11</v>
      </c>
      <c r="S22833">
        <v>11</v>
      </c>
      <c r="T22833">
        <v>11</v>
      </c>
      <c r="U22833">
        <v>12</v>
      </c>
      <c r="V22833">
        <v>12</v>
      </c>
      <c r="W22833">
        <v>12</v>
      </c>
      <c r="X22833">
        <v>12</v>
      </c>
      <c r="Y22833">
        <v>12</v>
      </c>
      <c r="Z22833">
        <v>12</v>
      </c>
      <c r="AA22833">
        <v>13</v>
      </c>
      <c r="AB22833">
        <v>13</v>
      </c>
      <c r="AC22833">
        <v>13</v>
      </c>
      <c r="AD22833">
        <v>13</v>
      </c>
      <c r="AE22833">
        <v>13</v>
      </c>
      <c r="AF22833">
        <v>13</v>
      </c>
      <c r="AG22833">
        <v>14</v>
      </c>
      <c r="AH22833">
        <v>14</v>
      </c>
      <c r="AI22833">
        <v>14</v>
      </c>
      <c r="AJ22833">
        <v>14</v>
      </c>
      <c r="AK22833">
        <v>14</v>
      </c>
      <c r="AL22833">
        <v>14</v>
      </c>
      <c r="AM22833">
        <v>14</v>
      </c>
      <c r="AN22833">
        <v>14</v>
      </c>
      <c r="AO22833">
        <v>14</v>
      </c>
      <c r="AP22833">
        <v>14</v>
      </c>
      <c r="AQ22833">
        <v>14</v>
      </c>
    </row>
    <row r="22834" spans="1:43">
      <c r="A22834" t="s">
        <v>14145</v>
      </c>
      <c r="B22834" t="s">
        <v>14146</v>
      </c>
      <c r="C22834" t="s">
        <v>14129</v>
      </c>
      <c r="D22834" t="s">
        <v>14130</v>
      </c>
      <c r="E22834" t="s">
        <v>14015</v>
      </c>
      <c r="F22834" t="s">
        <v>14016</v>
      </c>
      <c r="G22834" t="s">
        <v>10734</v>
      </c>
      <c r="H22834" t="s">
        <v>10735</v>
      </c>
      <c r="I22834" s="2">
        <v>0</v>
      </c>
      <c r="J22834" s="2">
        <v>0</v>
      </c>
      <c r="K22834" s="2">
        <v>1</v>
      </c>
      <c r="L22834" t="s">
        <v>995</v>
      </c>
      <c r="M22834" t="s">
        <v>83</v>
      </c>
      <c r="N22834" t="s">
        <v>84</v>
      </c>
      <c r="O22834" t="s">
        <v>85</v>
      </c>
      <c r="P22834" t="s">
        <v>86</v>
      </c>
      <c r="Q22834">
        <v>11</v>
      </c>
      <c r="R22834">
        <v>11</v>
      </c>
      <c r="S22834">
        <v>11</v>
      </c>
      <c r="T22834">
        <v>11</v>
      </c>
      <c r="U22834">
        <v>12</v>
      </c>
      <c r="V22834">
        <v>12</v>
      </c>
      <c r="W22834">
        <v>12</v>
      </c>
      <c r="X22834">
        <v>12</v>
      </c>
      <c r="Y22834">
        <v>12</v>
      </c>
      <c r="Z22834">
        <v>12</v>
      </c>
      <c r="AA22834">
        <v>13</v>
      </c>
      <c r="AB22834">
        <v>13</v>
      </c>
      <c r="AC22834">
        <v>13</v>
      </c>
      <c r="AD22834">
        <v>13</v>
      </c>
      <c r="AE22834">
        <v>13</v>
      </c>
      <c r="AF22834">
        <v>13</v>
      </c>
      <c r="AG22834">
        <v>14</v>
      </c>
      <c r="AH22834">
        <v>14</v>
      </c>
      <c r="AI22834">
        <v>14</v>
      </c>
      <c r="AJ22834">
        <v>14</v>
      </c>
      <c r="AK22834">
        <v>14</v>
      </c>
      <c r="AL22834">
        <v>14</v>
      </c>
      <c r="AM22834">
        <v>14</v>
      </c>
      <c r="AN22834">
        <v>14</v>
      </c>
      <c r="AO22834">
        <v>14</v>
      </c>
      <c r="AP22834">
        <v>14</v>
      </c>
      <c r="AQ22834">
        <v>14</v>
      </c>
    </row>
    <row r="22835" spans="1:43">
      <c r="A22835" t="s">
        <v>14145</v>
      </c>
      <c r="B22835" t="s">
        <v>14146</v>
      </c>
      <c r="C22835" t="s">
        <v>14129</v>
      </c>
      <c r="D22835" t="s">
        <v>14130</v>
      </c>
      <c r="E22835" t="s">
        <v>14015</v>
      </c>
      <c r="F22835" t="s">
        <v>14016</v>
      </c>
      <c r="G22835" t="s">
        <v>10734</v>
      </c>
      <c r="H22835" t="s">
        <v>10735</v>
      </c>
      <c r="I22835" s="2">
        <v>0</v>
      </c>
      <c r="J22835" s="2">
        <v>0</v>
      </c>
      <c r="K22835" s="2">
        <v>1</v>
      </c>
      <c r="L22835" t="s">
        <v>995</v>
      </c>
      <c r="M22835" t="s">
        <v>87</v>
      </c>
      <c r="N22835" t="s">
        <v>88</v>
      </c>
      <c r="O22835" t="s">
        <v>85</v>
      </c>
      <c r="P22835" t="s">
        <v>86</v>
      </c>
      <c r="Q22835">
        <v>11</v>
      </c>
      <c r="R22835">
        <v>11</v>
      </c>
      <c r="S22835">
        <v>11</v>
      </c>
      <c r="T22835">
        <v>11</v>
      </c>
      <c r="U22835">
        <v>11</v>
      </c>
      <c r="V22835">
        <v>11</v>
      </c>
      <c r="W22835">
        <v>11</v>
      </c>
      <c r="X22835">
        <v>11</v>
      </c>
      <c r="Y22835">
        <v>11</v>
      </c>
      <c r="Z22835">
        <v>11</v>
      </c>
      <c r="AA22835">
        <v>11</v>
      </c>
      <c r="AB22835">
        <v>11</v>
      </c>
      <c r="AC22835">
        <v>12</v>
      </c>
      <c r="AD22835">
        <v>12</v>
      </c>
      <c r="AE22835">
        <v>12</v>
      </c>
      <c r="AF22835">
        <v>12</v>
      </c>
      <c r="AG22835">
        <v>12</v>
      </c>
      <c r="AH22835">
        <v>12</v>
      </c>
      <c r="AI22835">
        <v>12</v>
      </c>
      <c r="AJ22835">
        <v>12</v>
      </c>
      <c r="AK22835">
        <v>12</v>
      </c>
      <c r="AL22835">
        <v>12</v>
      </c>
      <c r="AM22835">
        <v>12</v>
      </c>
      <c r="AN22835">
        <v>12</v>
      </c>
      <c r="AO22835">
        <v>12</v>
      </c>
      <c r="AP22835">
        <v>12</v>
      </c>
      <c r="AQ22835">
        <v>12</v>
      </c>
    </row>
    <row r="22836" spans="1:43">
      <c r="A22836" t="s">
        <v>14145</v>
      </c>
      <c r="B22836" t="s">
        <v>14146</v>
      </c>
      <c r="C22836" t="s">
        <v>14129</v>
      </c>
      <c r="D22836" t="s">
        <v>14130</v>
      </c>
      <c r="E22836" t="s">
        <v>14015</v>
      </c>
      <c r="F22836" t="s">
        <v>14016</v>
      </c>
      <c r="G22836" t="s">
        <v>10734</v>
      </c>
      <c r="H22836" t="s">
        <v>10735</v>
      </c>
      <c r="I22836" s="2">
        <v>0</v>
      </c>
      <c r="J22836" s="2">
        <v>0</v>
      </c>
      <c r="K22836" s="2">
        <v>1</v>
      </c>
      <c r="L22836" t="s">
        <v>995</v>
      </c>
      <c r="M22836" t="s">
        <v>89</v>
      </c>
      <c r="N22836" t="s">
        <v>90</v>
      </c>
      <c r="O22836" t="s">
        <v>85</v>
      </c>
      <c r="P22836" t="s">
        <v>86</v>
      </c>
      <c r="Q22836">
        <v>11</v>
      </c>
      <c r="R22836">
        <v>11</v>
      </c>
      <c r="S22836">
        <v>11</v>
      </c>
      <c r="T22836">
        <v>12</v>
      </c>
      <c r="U22836">
        <v>12</v>
      </c>
      <c r="V22836">
        <v>12</v>
      </c>
      <c r="W22836">
        <v>12</v>
      </c>
      <c r="X22836">
        <v>13</v>
      </c>
      <c r="Y22836">
        <v>13</v>
      </c>
      <c r="Z22836">
        <v>13</v>
      </c>
      <c r="AA22836">
        <v>13</v>
      </c>
      <c r="AB22836">
        <v>14</v>
      </c>
      <c r="AC22836">
        <v>14</v>
      </c>
      <c r="AD22836">
        <v>14</v>
      </c>
      <c r="AE22836">
        <v>14</v>
      </c>
      <c r="AF22836">
        <v>14</v>
      </c>
      <c r="AG22836">
        <v>14</v>
      </c>
      <c r="AH22836">
        <v>14</v>
      </c>
      <c r="AI22836">
        <v>14</v>
      </c>
      <c r="AJ22836">
        <v>14</v>
      </c>
      <c r="AK22836">
        <v>14</v>
      </c>
      <c r="AL22836">
        <v>14</v>
      </c>
      <c r="AM22836">
        <v>14</v>
      </c>
      <c r="AN22836">
        <v>14</v>
      </c>
      <c r="AO22836">
        <v>14</v>
      </c>
      <c r="AP22836">
        <v>14</v>
      </c>
      <c r="AQ22836">
        <v>14</v>
      </c>
    </row>
    <row r="22837" spans="1:43">
      <c r="A22837" t="s">
        <v>14145</v>
      </c>
      <c r="B22837" t="s">
        <v>14146</v>
      </c>
      <c r="C22837" t="s">
        <v>14129</v>
      </c>
      <c r="D22837" t="s">
        <v>14130</v>
      </c>
      <c r="E22837" t="s">
        <v>14015</v>
      </c>
      <c r="F22837" t="s">
        <v>14016</v>
      </c>
      <c r="G22837" t="s">
        <v>10734</v>
      </c>
      <c r="H22837" t="s">
        <v>10735</v>
      </c>
      <c r="I22837" s="2">
        <v>0</v>
      </c>
      <c r="J22837" s="2">
        <v>0</v>
      </c>
      <c r="K22837" s="2">
        <v>1</v>
      </c>
      <c r="L22837" t="s">
        <v>995</v>
      </c>
      <c r="M22837" t="s">
        <v>83</v>
      </c>
      <c r="N22837" t="s">
        <v>91</v>
      </c>
      <c r="O22837" t="s">
        <v>85</v>
      </c>
      <c r="P22837" t="s">
        <v>86</v>
      </c>
      <c r="Q22837">
        <v>11</v>
      </c>
      <c r="R22837">
        <v>11</v>
      </c>
      <c r="S22837">
        <v>11</v>
      </c>
      <c r="T22837">
        <v>11</v>
      </c>
      <c r="U22837">
        <v>12</v>
      </c>
      <c r="V22837">
        <v>12</v>
      </c>
      <c r="W22837">
        <v>12</v>
      </c>
      <c r="X22837">
        <v>12</v>
      </c>
      <c r="Y22837">
        <v>12</v>
      </c>
      <c r="Z22837">
        <v>12</v>
      </c>
      <c r="AA22837">
        <v>13</v>
      </c>
      <c r="AB22837">
        <v>13</v>
      </c>
      <c r="AC22837">
        <v>13</v>
      </c>
      <c r="AD22837">
        <v>13</v>
      </c>
      <c r="AE22837">
        <v>13</v>
      </c>
      <c r="AF22837">
        <v>13</v>
      </c>
      <c r="AG22837">
        <v>14</v>
      </c>
      <c r="AH22837">
        <v>14</v>
      </c>
      <c r="AI22837">
        <v>14</v>
      </c>
      <c r="AJ22837">
        <v>14</v>
      </c>
      <c r="AK22837">
        <v>14</v>
      </c>
      <c r="AL22837">
        <v>14</v>
      </c>
      <c r="AM22837">
        <v>14</v>
      </c>
      <c r="AN22837">
        <v>14</v>
      </c>
      <c r="AO22837">
        <v>14</v>
      </c>
      <c r="AP22837">
        <v>14</v>
      </c>
      <c r="AQ22837">
        <v>14</v>
      </c>
    </row>
    <row r="22838" spans="1:43">
      <c r="A22838" t="s">
        <v>14147</v>
      </c>
      <c r="B22838" t="s">
        <v>14148</v>
      </c>
      <c r="C22838" t="s">
        <v>14139</v>
      </c>
      <c r="D22838" t="s">
        <v>14140</v>
      </c>
      <c r="E22838" t="s">
        <v>14015</v>
      </c>
      <c r="F22838" t="s">
        <v>14016</v>
      </c>
      <c r="G22838" t="s">
        <v>10734</v>
      </c>
      <c r="H22838" t="s">
        <v>10735</v>
      </c>
      <c r="I22838" s="2">
        <v>0</v>
      </c>
      <c r="J22838" s="2">
        <v>0</v>
      </c>
      <c r="K22838" s="2">
        <v>1</v>
      </c>
      <c r="L22838" t="s">
        <v>995</v>
      </c>
      <c r="M22838" t="s">
        <v>83</v>
      </c>
      <c r="N22838" t="s">
        <v>84</v>
      </c>
      <c r="O22838" t="s">
        <v>85</v>
      </c>
      <c r="P22838" t="s">
        <v>86</v>
      </c>
      <c r="Q22838">
        <v>25</v>
      </c>
      <c r="R22838">
        <v>26</v>
      </c>
      <c r="S22838">
        <v>26</v>
      </c>
      <c r="T22838">
        <v>26</v>
      </c>
      <c r="U22838">
        <v>27</v>
      </c>
      <c r="V22838">
        <v>27</v>
      </c>
      <c r="W22838">
        <v>28</v>
      </c>
      <c r="X22838">
        <v>28</v>
      </c>
      <c r="Y22838">
        <v>28</v>
      </c>
      <c r="Z22838">
        <v>29</v>
      </c>
      <c r="AA22838">
        <v>29</v>
      </c>
      <c r="AB22838">
        <v>30</v>
      </c>
      <c r="AC22838">
        <v>30</v>
      </c>
      <c r="AD22838">
        <v>30</v>
      </c>
      <c r="AE22838">
        <v>31</v>
      </c>
      <c r="AF22838">
        <v>31</v>
      </c>
      <c r="AG22838">
        <v>31</v>
      </c>
      <c r="AH22838">
        <v>32</v>
      </c>
      <c r="AI22838">
        <v>32</v>
      </c>
      <c r="AJ22838">
        <v>32</v>
      </c>
      <c r="AK22838">
        <v>33</v>
      </c>
      <c r="AL22838">
        <v>33</v>
      </c>
      <c r="AM22838">
        <v>33</v>
      </c>
      <c r="AN22838">
        <v>33</v>
      </c>
      <c r="AO22838">
        <v>33</v>
      </c>
      <c r="AP22838">
        <v>33</v>
      </c>
      <c r="AQ22838">
        <v>33</v>
      </c>
    </row>
    <row r="22839" spans="1:43">
      <c r="A22839" t="s">
        <v>14147</v>
      </c>
      <c r="B22839" t="s">
        <v>14148</v>
      </c>
      <c r="C22839" t="s">
        <v>14139</v>
      </c>
      <c r="D22839" t="s">
        <v>14140</v>
      </c>
      <c r="E22839" t="s">
        <v>14015</v>
      </c>
      <c r="F22839" t="s">
        <v>14016</v>
      </c>
      <c r="G22839" t="s">
        <v>10734</v>
      </c>
      <c r="H22839" t="s">
        <v>10735</v>
      </c>
      <c r="I22839" s="2">
        <v>0</v>
      </c>
      <c r="J22839" s="2">
        <v>0</v>
      </c>
      <c r="K22839" s="2">
        <v>1</v>
      </c>
      <c r="L22839" t="s">
        <v>995</v>
      </c>
      <c r="M22839" t="s">
        <v>87</v>
      </c>
      <c r="N22839" t="s">
        <v>88</v>
      </c>
      <c r="O22839" t="s">
        <v>85</v>
      </c>
      <c r="P22839" t="s">
        <v>86</v>
      </c>
      <c r="Q22839">
        <v>25</v>
      </c>
      <c r="R22839">
        <v>25</v>
      </c>
      <c r="S22839">
        <v>25</v>
      </c>
      <c r="T22839">
        <v>25</v>
      </c>
      <c r="U22839">
        <v>26</v>
      </c>
      <c r="V22839">
        <v>26</v>
      </c>
      <c r="W22839">
        <v>26</v>
      </c>
      <c r="X22839">
        <v>26</v>
      </c>
      <c r="Y22839">
        <v>26</v>
      </c>
      <c r="Z22839">
        <v>26</v>
      </c>
      <c r="AA22839">
        <v>27</v>
      </c>
      <c r="AB22839">
        <v>27</v>
      </c>
      <c r="AC22839">
        <v>27</v>
      </c>
      <c r="AD22839">
        <v>27</v>
      </c>
      <c r="AE22839">
        <v>27</v>
      </c>
      <c r="AF22839">
        <v>27</v>
      </c>
      <c r="AG22839">
        <v>27</v>
      </c>
      <c r="AH22839">
        <v>28</v>
      </c>
      <c r="AI22839">
        <v>28</v>
      </c>
      <c r="AJ22839">
        <v>28</v>
      </c>
      <c r="AK22839">
        <v>28</v>
      </c>
      <c r="AL22839">
        <v>28</v>
      </c>
      <c r="AM22839">
        <v>28</v>
      </c>
      <c r="AN22839">
        <v>28</v>
      </c>
      <c r="AO22839">
        <v>28</v>
      </c>
      <c r="AP22839">
        <v>29</v>
      </c>
      <c r="AQ22839">
        <v>29</v>
      </c>
    </row>
    <row r="22840" spans="1:43">
      <c r="A22840" t="s">
        <v>14147</v>
      </c>
      <c r="B22840" t="s">
        <v>14148</v>
      </c>
      <c r="C22840" t="s">
        <v>14139</v>
      </c>
      <c r="D22840" t="s">
        <v>14140</v>
      </c>
      <c r="E22840" t="s">
        <v>14015</v>
      </c>
      <c r="F22840" t="s">
        <v>14016</v>
      </c>
      <c r="G22840" t="s">
        <v>10734</v>
      </c>
      <c r="H22840" t="s">
        <v>10735</v>
      </c>
      <c r="I22840" s="2">
        <v>0</v>
      </c>
      <c r="J22840" s="2">
        <v>0</v>
      </c>
      <c r="K22840" s="2">
        <v>1</v>
      </c>
      <c r="L22840" t="s">
        <v>995</v>
      </c>
      <c r="M22840" t="s">
        <v>89</v>
      </c>
      <c r="N22840" t="s">
        <v>90</v>
      </c>
      <c r="O22840" t="s">
        <v>85</v>
      </c>
      <c r="P22840" t="s">
        <v>86</v>
      </c>
      <c r="Q22840">
        <v>25</v>
      </c>
      <c r="R22840">
        <v>26</v>
      </c>
      <c r="S22840">
        <v>27</v>
      </c>
      <c r="T22840">
        <v>27</v>
      </c>
      <c r="U22840">
        <v>28</v>
      </c>
      <c r="V22840">
        <v>28</v>
      </c>
      <c r="W22840">
        <v>29</v>
      </c>
      <c r="X22840">
        <v>30</v>
      </c>
      <c r="Y22840">
        <v>30</v>
      </c>
      <c r="Z22840">
        <v>31</v>
      </c>
      <c r="AA22840">
        <v>31</v>
      </c>
      <c r="AB22840">
        <v>32</v>
      </c>
      <c r="AC22840">
        <v>32</v>
      </c>
      <c r="AD22840">
        <v>33</v>
      </c>
      <c r="AE22840">
        <v>33</v>
      </c>
      <c r="AF22840">
        <v>33</v>
      </c>
      <c r="AG22840">
        <v>33</v>
      </c>
      <c r="AH22840">
        <v>33</v>
      </c>
      <c r="AI22840">
        <v>33</v>
      </c>
      <c r="AJ22840">
        <v>33</v>
      </c>
      <c r="AK22840">
        <v>33</v>
      </c>
      <c r="AL22840">
        <v>33</v>
      </c>
      <c r="AM22840">
        <v>33</v>
      </c>
      <c r="AN22840">
        <v>33</v>
      </c>
      <c r="AO22840">
        <v>33</v>
      </c>
      <c r="AP22840">
        <v>33</v>
      </c>
      <c r="AQ22840">
        <v>33</v>
      </c>
    </row>
    <row r="22841" spans="1:43">
      <c r="A22841" t="s">
        <v>14147</v>
      </c>
      <c r="B22841" t="s">
        <v>14148</v>
      </c>
      <c r="C22841" t="s">
        <v>14139</v>
      </c>
      <c r="D22841" t="s">
        <v>14140</v>
      </c>
      <c r="E22841" t="s">
        <v>14015</v>
      </c>
      <c r="F22841" t="s">
        <v>14016</v>
      </c>
      <c r="G22841" t="s">
        <v>10734</v>
      </c>
      <c r="H22841" t="s">
        <v>10735</v>
      </c>
      <c r="I22841" s="2">
        <v>0</v>
      </c>
      <c r="J22841" s="2">
        <v>0</v>
      </c>
      <c r="K22841" s="2">
        <v>1</v>
      </c>
      <c r="L22841" t="s">
        <v>995</v>
      </c>
      <c r="M22841" t="s">
        <v>83</v>
      </c>
      <c r="N22841" t="s">
        <v>91</v>
      </c>
      <c r="O22841" t="s">
        <v>85</v>
      </c>
      <c r="P22841" t="s">
        <v>86</v>
      </c>
      <c r="Q22841">
        <v>25</v>
      </c>
      <c r="R22841">
        <v>26</v>
      </c>
      <c r="S22841">
        <v>26</v>
      </c>
      <c r="T22841">
        <v>26</v>
      </c>
      <c r="U22841">
        <v>27</v>
      </c>
      <c r="V22841">
        <v>27</v>
      </c>
      <c r="W22841">
        <v>28</v>
      </c>
      <c r="X22841">
        <v>28</v>
      </c>
      <c r="Y22841">
        <v>28</v>
      </c>
      <c r="Z22841">
        <v>29</v>
      </c>
      <c r="AA22841">
        <v>29</v>
      </c>
      <c r="AB22841">
        <v>30</v>
      </c>
      <c r="AC22841">
        <v>30</v>
      </c>
      <c r="AD22841">
        <v>30</v>
      </c>
      <c r="AE22841">
        <v>31</v>
      </c>
      <c r="AF22841">
        <v>31</v>
      </c>
      <c r="AG22841">
        <v>31</v>
      </c>
      <c r="AH22841">
        <v>32</v>
      </c>
      <c r="AI22841">
        <v>32</v>
      </c>
      <c r="AJ22841">
        <v>32</v>
      </c>
      <c r="AK22841">
        <v>33</v>
      </c>
      <c r="AL22841">
        <v>33</v>
      </c>
      <c r="AM22841">
        <v>33</v>
      </c>
      <c r="AN22841">
        <v>33</v>
      </c>
      <c r="AO22841">
        <v>33</v>
      </c>
      <c r="AP22841">
        <v>33</v>
      </c>
      <c r="AQ22841">
        <v>33</v>
      </c>
    </row>
    <row r="22842" spans="1:43">
      <c r="A22842" t="s">
        <v>14149</v>
      </c>
      <c r="B22842" t="s">
        <v>14150</v>
      </c>
      <c r="C22842" t="s">
        <v>14129</v>
      </c>
      <c r="D22842" t="s">
        <v>14130</v>
      </c>
      <c r="E22842" t="s">
        <v>14015</v>
      </c>
      <c r="F22842" t="s">
        <v>14016</v>
      </c>
      <c r="G22842" t="s">
        <v>10734</v>
      </c>
      <c r="H22842" t="s">
        <v>10735</v>
      </c>
      <c r="I22842" s="2">
        <v>0</v>
      </c>
      <c r="J22842" s="2">
        <v>0</v>
      </c>
      <c r="K22842" s="2">
        <v>1</v>
      </c>
      <c r="L22842" t="s">
        <v>995</v>
      </c>
      <c r="M22842" t="s">
        <v>83</v>
      </c>
      <c r="N22842" t="s">
        <v>84</v>
      </c>
      <c r="O22842" t="s">
        <v>85</v>
      </c>
      <c r="P22842" t="s">
        <v>86</v>
      </c>
      <c r="Q22842">
        <v>18</v>
      </c>
      <c r="R22842">
        <v>18</v>
      </c>
      <c r="S22842">
        <v>19</v>
      </c>
      <c r="T22842">
        <v>19</v>
      </c>
      <c r="U22842">
        <v>19</v>
      </c>
      <c r="V22842">
        <v>20</v>
      </c>
      <c r="W22842">
        <v>20</v>
      </c>
      <c r="X22842">
        <v>20</v>
      </c>
      <c r="Y22842">
        <v>21</v>
      </c>
      <c r="Z22842">
        <v>21</v>
      </c>
      <c r="AA22842">
        <v>21</v>
      </c>
      <c r="AB22842">
        <v>21</v>
      </c>
      <c r="AC22842">
        <v>22</v>
      </c>
      <c r="AD22842">
        <v>22</v>
      </c>
      <c r="AE22842">
        <v>22</v>
      </c>
      <c r="AF22842">
        <v>22</v>
      </c>
      <c r="AG22842">
        <v>23</v>
      </c>
      <c r="AH22842">
        <v>23</v>
      </c>
      <c r="AI22842">
        <v>23</v>
      </c>
      <c r="AJ22842">
        <v>23</v>
      </c>
      <c r="AK22842">
        <v>24</v>
      </c>
      <c r="AL22842">
        <v>24</v>
      </c>
      <c r="AM22842">
        <v>24</v>
      </c>
      <c r="AN22842">
        <v>24</v>
      </c>
      <c r="AO22842">
        <v>24</v>
      </c>
      <c r="AP22842">
        <v>24</v>
      </c>
      <c r="AQ22842">
        <v>24</v>
      </c>
    </row>
    <row r="22843" spans="1:43">
      <c r="A22843" t="s">
        <v>14149</v>
      </c>
      <c r="B22843" t="s">
        <v>14150</v>
      </c>
      <c r="C22843" t="s">
        <v>14129</v>
      </c>
      <c r="D22843" t="s">
        <v>14130</v>
      </c>
      <c r="E22843" t="s">
        <v>14015</v>
      </c>
      <c r="F22843" t="s">
        <v>14016</v>
      </c>
      <c r="G22843" t="s">
        <v>10734</v>
      </c>
      <c r="H22843" t="s">
        <v>10735</v>
      </c>
      <c r="I22843" s="2">
        <v>0</v>
      </c>
      <c r="J22843" s="2">
        <v>0</v>
      </c>
      <c r="K22843" s="2">
        <v>1</v>
      </c>
      <c r="L22843" t="s">
        <v>995</v>
      </c>
      <c r="M22843" t="s">
        <v>87</v>
      </c>
      <c r="N22843" t="s">
        <v>88</v>
      </c>
      <c r="O22843" t="s">
        <v>85</v>
      </c>
      <c r="P22843" t="s">
        <v>86</v>
      </c>
      <c r="Q22843">
        <v>18</v>
      </c>
      <c r="R22843">
        <v>18</v>
      </c>
      <c r="S22843">
        <v>18</v>
      </c>
      <c r="T22843">
        <v>18</v>
      </c>
      <c r="U22843">
        <v>19</v>
      </c>
      <c r="V22843">
        <v>19</v>
      </c>
      <c r="W22843">
        <v>19</v>
      </c>
      <c r="X22843">
        <v>19</v>
      </c>
      <c r="Y22843">
        <v>19</v>
      </c>
      <c r="Z22843">
        <v>19</v>
      </c>
      <c r="AA22843">
        <v>19</v>
      </c>
      <c r="AB22843">
        <v>19</v>
      </c>
      <c r="AC22843">
        <v>19</v>
      </c>
      <c r="AD22843">
        <v>20</v>
      </c>
      <c r="AE22843">
        <v>20</v>
      </c>
      <c r="AF22843">
        <v>20</v>
      </c>
      <c r="AG22843">
        <v>20</v>
      </c>
      <c r="AH22843">
        <v>20</v>
      </c>
      <c r="AI22843">
        <v>20</v>
      </c>
      <c r="AJ22843">
        <v>20</v>
      </c>
      <c r="AK22843">
        <v>20</v>
      </c>
      <c r="AL22843">
        <v>20</v>
      </c>
      <c r="AM22843">
        <v>21</v>
      </c>
      <c r="AN22843">
        <v>21</v>
      </c>
      <c r="AO22843">
        <v>21</v>
      </c>
      <c r="AP22843">
        <v>21</v>
      </c>
      <c r="AQ22843">
        <v>21</v>
      </c>
    </row>
    <row r="22844" spans="1:43">
      <c r="A22844" t="s">
        <v>14149</v>
      </c>
      <c r="B22844" t="s">
        <v>14150</v>
      </c>
      <c r="C22844" t="s">
        <v>14129</v>
      </c>
      <c r="D22844" t="s">
        <v>14130</v>
      </c>
      <c r="E22844" t="s">
        <v>14015</v>
      </c>
      <c r="F22844" t="s">
        <v>14016</v>
      </c>
      <c r="G22844" t="s">
        <v>10734</v>
      </c>
      <c r="H22844" t="s">
        <v>10735</v>
      </c>
      <c r="I22844" s="2">
        <v>0</v>
      </c>
      <c r="J22844" s="2">
        <v>0</v>
      </c>
      <c r="K22844" s="2">
        <v>1</v>
      </c>
      <c r="L22844" t="s">
        <v>995</v>
      </c>
      <c r="M22844" t="s">
        <v>89</v>
      </c>
      <c r="N22844" t="s">
        <v>90</v>
      </c>
      <c r="O22844" t="s">
        <v>85</v>
      </c>
      <c r="P22844" t="s">
        <v>86</v>
      </c>
      <c r="Q22844">
        <v>18</v>
      </c>
      <c r="R22844">
        <v>19</v>
      </c>
      <c r="S22844">
        <v>19</v>
      </c>
      <c r="T22844">
        <v>20</v>
      </c>
      <c r="U22844">
        <v>20</v>
      </c>
      <c r="V22844">
        <v>21</v>
      </c>
      <c r="W22844">
        <v>21</v>
      </c>
      <c r="X22844">
        <v>21</v>
      </c>
      <c r="Y22844">
        <v>22</v>
      </c>
      <c r="Z22844">
        <v>22</v>
      </c>
      <c r="AA22844">
        <v>22</v>
      </c>
      <c r="AB22844">
        <v>23</v>
      </c>
      <c r="AC22844">
        <v>23</v>
      </c>
      <c r="AD22844">
        <v>24</v>
      </c>
      <c r="AE22844">
        <v>24</v>
      </c>
      <c r="AF22844">
        <v>24</v>
      </c>
      <c r="AG22844">
        <v>24</v>
      </c>
      <c r="AH22844">
        <v>24</v>
      </c>
      <c r="AI22844">
        <v>24</v>
      </c>
      <c r="AJ22844">
        <v>24</v>
      </c>
      <c r="AK22844">
        <v>24</v>
      </c>
      <c r="AL22844">
        <v>24</v>
      </c>
      <c r="AM22844">
        <v>24</v>
      </c>
      <c r="AN22844">
        <v>24</v>
      </c>
      <c r="AO22844">
        <v>24</v>
      </c>
      <c r="AP22844">
        <v>24</v>
      </c>
      <c r="AQ22844">
        <v>24</v>
      </c>
    </row>
    <row r="22845" spans="1:43">
      <c r="A22845" t="s">
        <v>14149</v>
      </c>
      <c r="B22845" t="s">
        <v>14150</v>
      </c>
      <c r="C22845" t="s">
        <v>14129</v>
      </c>
      <c r="D22845" t="s">
        <v>14130</v>
      </c>
      <c r="E22845" t="s">
        <v>14015</v>
      </c>
      <c r="F22845" t="s">
        <v>14016</v>
      </c>
      <c r="G22845" t="s">
        <v>10734</v>
      </c>
      <c r="H22845" t="s">
        <v>10735</v>
      </c>
      <c r="I22845" s="2">
        <v>0</v>
      </c>
      <c r="J22845" s="2">
        <v>0</v>
      </c>
      <c r="K22845" s="2">
        <v>1</v>
      </c>
      <c r="L22845" t="s">
        <v>995</v>
      </c>
      <c r="M22845" t="s">
        <v>83</v>
      </c>
      <c r="N22845" t="s">
        <v>91</v>
      </c>
      <c r="O22845" t="s">
        <v>85</v>
      </c>
      <c r="P22845" t="s">
        <v>86</v>
      </c>
      <c r="Q22845">
        <v>18</v>
      </c>
      <c r="R22845">
        <v>18</v>
      </c>
      <c r="S22845">
        <v>19</v>
      </c>
      <c r="T22845">
        <v>19</v>
      </c>
      <c r="U22845">
        <v>19</v>
      </c>
      <c r="V22845">
        <v>20</v>
      </c>
      <c r="W22845">
        <v>20</v>
      </c>
      <c r="X22845">
        <v>20</v>
      </c>
      <c r="Y22845">
        <v>21</v>
      </c>
      <c r="Z22845">
        <v>21</v>
      </c>
      <c r="AA22845">
        <v>21</v>
      </c>
      <c r="AB22845">
        <v>21</v>
      </c>
      <c r="AC22845">
        <v>22</v>
      </c>
      <c r="AD22845">
        <v>22</v>
      </c>
      <c r="AE22845">
        <v>22</v>
      </c>
      <c r="AF22845">
        <v>22</v>
      </c>
      <c r="AG22845">
        <v>23</v>
      </c>
      <c r="AH22845">
        <v>23</v>
      </c>
      <c r="AI22845">
        <v>23</v>
      </c>
      <c r="AJ22845">
        <v>23</v>
      </c>
      <c r="AK22845">
        <v>24</v>
      </c>
      <c r="AL22845">
        <v>24</v>
      </c>
      <c r="AM22845">
        <v>24</v>
      </c>
      <c r="AN22845">
        <v>24</v>
      </c>
      <c r="AO22845">
        <v>24</v>
      </c>
      <c r="AP22845">
        <v>24</v>
      </c>
      <c r="AQ22845">
        <v>24</v>
      </c>
    </row>
    <row r="22846" spans="1:43">
      <c r="A22846" t="s">
        <v>14151</v>
      </c>
      <c r="B22846" t="s">
        <v>14152</v>
      </c>
      <c r="C22846" t="s">
        <v>14139</v>
      </c>
      <c r="D22846" t="s">
        <v>14140</v>
      </c>
      <c r="E22846" t="s">
        <v>14015</v>
      </c>
      <c r="F22846" t="s">
        <v>14016</v>
      </c>
      <c r="G22846" t="s">
        <v>10734</v>
      </c>
      <c r="H22846" t="s">
        <v>10735</v>
      </c>
      <c r="I22846" s="2">
        <v>0</v>
      </c>
      <c r="J22846" s="2">
        <v>0</v>
      </c>
      <c r="K22846" s="2">
        <v>1</v>
      </c>
      <c r="L22846" t="s">
        <v>995</v>
      </c>
      <c r="M22846" t="s">
        <v>83</v>
      </c>
      <c r="N22846" t="s">
        <v>84</v>
      </c>
      <c r="O22846" t="s">
        <v>85</v>
      </c>
      <c r="P22846" t="s">
        <v>86</v>
      </c>
      <c r="Q22846">
        <v>15</v>
      </c>
      <c r="R22846">
        <v>15</v>
      </c>
      <c r="S22846">
        <v>15</v>
      </c>
      <c r="T22846">
        <v>15</v>
      </c>
      <c r="U22846">
        <v>16</v>
      </c>
      <c r="V22846">
        <v>16</v>
      </c>
      <c r="W22846">
        <v>16</v>
      </c>
      <c r="X22846">
        <v>16</v>
      </c>
      <c r="Y22846">
        <v>16</v>
      </c>
      <c r="Z22846">
        <v>17</v>
      </c>
      <c r="AA22846">
        <v>17</v>
      </c>
      <c r="AB22846">
        <v>17</v>
      </c>
      <c r="AC22846">
        <v>17</v>
      </c>
      <c r="AD22846">
        <v>18</v>
      </c>
      <c r="AE22846">
        <v>18</v>
      </c>
      <c r="AF22846">
        <v>18</v>
      </c>
      <c r="AG22846">
        <v>18</v>
      </c>
      <c r="AH22846">
        <v>18</v>
      </c>
      <c r="AI22846">
        <v>19</v>
      </c>
      <c r="AJ22846">
        <v>19</v>
      </c>
      <c r="AK22846">
        <v>19</v>
      </c>
      <c r="AL22846">
        <v>19</v>
      </c>
      <c r="AM22846">
        <v>19</v>
      </c>
      <c r="AN22846">
        <v>19</v>
      </c>
      <c r="AO22846">
        <v>19</v>
      </c>
      <c r="AP22846">
        <v>19</v>
      </c>
      <c r="AQ22846">
        <v>19</v>
      </c>
    </row>
    <row r="22847" spans="1:43">
      <c r="A22847" t="s">
        <v>14151</v>
      </c>
      <c r="B22847" t="s">
        <v>14152</v>
      </c>
      <c r="C22847" t="s">
        <v>14139</v>
      </c>
      <c r="D22847" t="s">
        <v>14140</v>
      </c>
      <c r="E22847" t="s">
        <v>14015</v>
      </c>
      <c r="F22847" t="s">
        <v>14016</v>
      </c>
      <c r="G22847" t="s">
        <v>10734</v>
      </c>
      <c r="H22847" t="s">
        <v>10735</v>
      </c>
      <c r="I22847" s="2">
        <v>0</v>
      </c>
      <c r="J22847" s="2">
        <v>0</v>
      </c>
      <c r="K22847" s="2">
        <v>1</v>
      </c>
      <c r="L22847" t="s">
        <v>995</v>
      </c>
      <c r="M22847" t="s">
        <v>87</v>
      </c>
      <c r="N22847" t="s">
        <v>88</v>
      </c>
      <c r="O22847" t="s">
        <v>85</v>
      </c>
      <c r="P22847" t="s">
        <v>86</v>
      </c>
      <c r="Q22847">
        <v>15</v>
      </c>
      <c r="R22847">
        <v>16</v>
      </c>
      <c r="S22847">
        <v>16</v>
      </c>
      <c r="T22847">
        <v>16</v>
      </c>
      <c r="U22847">
        <v>16</v>
      </c>
      <c r="V22847">
        <v>16</v>
      </c>
      <c r="W22847">
        <v>16</v>
      </c>
      <c r="X22847">
        <v>16</v>
      </c>
      <c r="Y22847">
        <v>16</v>
      </c>
      <c r="Z22847">
        <v>16</v>
      </c>
      <c r="AA22847">
        <v>16</v>
      </c>
      <c r="AB22847">
        <v>17</v>
      </c>
      <c r="AC22847">
        <v>17</v>
      </c>
      <c r="AD22847">
        <v>17</v>
      </c>
      <c r="AE22847">
        <v>17</v>
      </c>
      <c r="AF22847">
        <v>17</v>
      </c>
      <c r="AG22847">
        <v>17</v>
      </c>
      <c r="AH22847">
        <v>17</v>
      </c>
      <c r="AI22847">
        <v>17</v>
      </c>
      <c r="AJ22847">
        <v>17</v>
      </c>
      <c r="AK22847">
        <v>17</v>
      </c>
      <c r="AL22847">
        <v>17</v>
      </c>
      <c r="AM22847">
        <v>17</v>
      </c>
      <c r="AN22847">
        <v>18</v>
      </c>
      <c r="AO22847">
        <v>18</v>
      </c>
      <c r="AP22847">
        <v>18</v>
      </c>
      <c r="AQ22847">
        <v>18</v>
      </c>
    </row>
    <row r="22848" spans="1:43">
      <c r="A22848" t="s">
        <v>14151</v>
      </c>
      <c r="B22848" t="s">
        <v>14152</v>
      </c>
      <c r="C22848" t="s">
        <v>14139</v>
      </c>
      <c r="D22848" t="s">
        <v>14140</v>
      </c>
      <c r="E22848" t="s">
        <v>14015</v>
      </c>
      <c r="F22848" t="s">
        <v>14016</v>
      </c>
      <c r="G22848" t="s">
        <v>10734</v>
      </c>
      <c r="H22848" t="s">
        <v>10735</v>
      </c>
      <c r="I22848" s="2">
        <v>0</v>
      </c>
      <c r="J22848" s="2">
        <v>0</v>
      </c>
      <c r="K22848" s="2">
        <v>1</v>
      </c>
      <c r="L22848" t="s">
        <v>995</v>
      </c>
      <c r="M22848" t="s">
        <v>89</v>
      </c>
      <c r="N22848" t="s">
        <v>90</v>
      </c>
      <c r="O22848" t="s">
        <v>85</v>
      </c>
      <c r="P22848" t="s">
        <v>86</v>
      </c>
      <c r="Q22848">
        <v>15</v>
      </c>
      <c r="R22848">
        <v>15</v>
      </c>
      <c r="S22848">
        <v>15</v>
      </c>
      <c r="T22848">
        <v>16</v>
      </c>
      <c r="U22848">
        <v>16</v>
      </c>
      <c r="V22848">
        <v>16</v>
      </c>
      <c r="W22848">
        <v>17</v>
      </c>
      <c r="X22848">
        <v>17</v>
      </c>
      <c r="Y22848">
        <v>17</v>
      </c>
      <c r="Z22848">
        <v>18</v>
      </c>
      <c r="AA22848">
        <v>18</v>
      </c>
      <c r="AB22848">
        <v>18</v>
      </c>
      <c r="AC22848">
        <v>19</v>
      </c>
      <c r="AD22848">
        <v>19</v>
      </c>
      <c r="AE22848">
        <v>19</v>
      </c>
      <c r="AF22848">
        <v>19</v>
      </c>
      <c r="AG22848">
        <v>19</v>
      </c>
      <c r="AH22848">
        <v>19</v>
      </c>
      <c r="AI22848">
        <v>19</v>
      </c>
      <c r="AJ22848">
        <v>19</v>
      </c>
      <c r="AK22848">
        <v>19</v>
      </c>
      <c r="AL22848">
        <v>19</v>
      </c>
      <c r="AM22848">
        <v>19</v>
      </c>
      <c r="AN22848">
        <v>19</v>
      </c>
      <c r="AO22848">
        <v>19</v>
      </c>
      <c r="AP22848">
        <v>19</v>
      </c>
      <c r="AQ22848">
        <v>19</v>
      </c>
    </row>
    <row r="22849" spans="1:43">
      <c r="A22849" t="s">
        <v>14151</v>
      </c>
      <c r="B22849" t="s">
        <v>14152</v>
      </c>
      <c r="C22849" t="s">
        <v>14139</v>
      </c>
      <c r="D22849" t="s">
        <v>14140</v>
      </c>
      <c r="E22849" t="s">
        <v>14015</v>
      </c>
      <c r="F22849" t="s">
        <v>14016</v>
      </c>
      <c r="G22849" t="s">
        <v>10734</v>
      </c>
      <c r="H22849" t="s">
        <v>10735</v>
      </c>
      <c r="I22849" s="2">
        <v>0</v>
      </c>
      <c r="J22849" s="2">
        <v>0</v>
      </c>
      <c r="K22849" s="2">
        <v>1</v>
      </c>
      <c r="L22849" t="s">
        <v>995</v>
      </c>
      <c r="M22849" t="s">
        <v>83</v>
      </c>
      <c r="N22849" t="s">
        <v>91</v>
      </c>
      <c r="O22849" t="s">
        <v>85</v>
      </c>
      <c r="P22849" t="s">
        <v>86</v>
      </c>
      <c r="Q22849">
        <v>15</v>
      </c>
      <c r="R22849">
        <v>15</v>
      </c>
      <c r="S22849">
        <v>15</v>
      </c>
      <c r="T22849">
        <v>15</v>
      </c>
      <c r="U22849">
        <v>16</v>
      </c>
      <c r="V22849">
        <v>16</v>
      </c>
      <c r="W22849">
        <v>16</v>
      </c>
      <c r="X22849">
        <v>16</v>
      </c>
      <c r="Y22849">
        <v>16</v>
      </c>
      <c r="Z22849">
        <v>17</v>
      </c>
      <c r="AA22849">
        <v>17</v>
      </c>
      <c r="AB22849">
        <v>17</v>
      </c>
      <c r="AC22849">
        <v>17</v>
      </c>
      <c r="AD22849">
        <v>18</v>
      </c>
      <c r="AE22849">
        <v>18</v>
      </c>
      <c r="AF22849">
        <v>18</v>
      </c>
      <c r="AG22849">
        <v>18</v>
      </c>
      <c r="AH22849">
        <v>18</v>
      </c>
      <c r="AI22849">
        <v>19</v>
      </c>
      <c r="AJ22849">
        <v>19</v>
      </c>
      <c r="AK22849">
        <v>19</v>
      </c>
      <c r="AL22849">
        <v>19</v>
      </c>
      <c r="AM22849">
        <v>19</v>
      </c>
      <c r="AN22849">
        <v>19</v>
      </c>
      <c r="AO22849">
        <v>19</v>
      </c>
      <c r="AP22849">
        <v>19</v>
      </c>
      <c r="AQ22849">
        <v>19</v>
      </c>
    </row>
    <row r="22850" spans="1:43">
      <c r="A22850" t="s">
        <v>14153</v>
      </c>
      <c r="B22850" t="s">
        <v>14154</v>
      </c>
      <c r="C22850" t="s">
        <v>14133</v>
      </c>
      <c r="D22850" t="s">
        <v>14134</v>
      </c>
      <c r="E22850" t="s">
        <v>14015</v>
      </c>
      <c r="F22850" t="s">
        <v>14016</v>
      </c>
      <c r="G22850" t="s">
        <v>10734</v>
      </c>
      <c r="H22850" t="s">
        <v>10735</v>
      </c>
      <c r="I22850" s="2">
        <v>0</v>
      </c>
      <c r="J22850" s="2">
        <v>0</v>
      </c>
      <c r="K22850" s="2">
        <v>0.85</v>
      </c>
      <c r="L22850" t="s">
        <v>995</v>
      </c>
      <c r="M22850" t="s">
        <v>83</v>
      </c>
      <c r="N22850" t="s">
        <v>84</v>
      </c>
      <c r="O22850" t="s">
        <v>85</v>
      </c>
      <c r="P22850" t="s">
        <v>86</v>
      </c>
      <c r="Q22850">
        <v>59</v>
      </c>
      <c r="R22850">
        <v>60</v>
      </c>
      <c r="S22850">
        <v>62</v>
      </c>
      <c r="T22850">
        <v>63</v>
      </c>
      <c r="U22850">
        <v>64</v>
      </c>
      <c r="V22850">
        <v>65</v>
      </c>
      <c r="W22850">
        <v>66</v>
      </c>
      <c r="X22850">
        <v>67</v>
      </c>
      <c r="Y22850">
        <v>68</v>
      </c>
      <c r="Z22850">
        <v>69</v>
      </c>
      <c r="AA22850">
        <v>70</v>
      </c>
      <c r="AB22850">
        <v>71</v>
      </c>
      <c r="AC22850">
        <v>72</v>
      </c>
      <c r="AD22850">
        <v>73</v>
      </c>
      <c r="AE22850">
        <v>74</v>
      </c>
      <c r="AF22850">
        <v>75</v>
      </c>
      <c r="AG22850">
        <v>76</v>
      </c>
      <c r="AH22850">
        <v>77</v>
      </c>
      <c r="AI22850">
        <v>78</v>
      </c>
      <c r="AJ22850">
        <v>79</v>
      </c>
      <c r="AK22850">
        <v>80</v>
      </c>
      <c r="AL22850">
        <v>80</v>
      </c>
      <c r="AM22850">
        <v>81</v>
      </c>
      <c r="AN22850">
        <v>81</v>
      </c>
      <c r="AO22850">
        <v>81</v>
      </c>
      <c r="AP22850">
        <v>82</v>
      </c>
      <c r="AQ22850">
        <v>82</v>
      </c>
    </row>
    <row r="22851" spans="1:43">
      <c r="A22851" t="s">
        <v>14153</v>
      </c>
      <c r="B22851" t="s">
        <v>14154</v>
      </c>
      <c r="C22851" t="s">
        <v>14133</v>
      </c>
      <c r="D22851" t="s">
        <v>14134</v>
      </c>
      <c r="E22851" t="s">
        <v>14015</v>
      </c>
      <c r="F22851" t="s">
        <v>14016</v>
      </c>
      <c r="G22851" t="s">
        <v>10734</v>
      </c>
      <c r="H22851" t="s">
        <v>10735</v>
      </c>
      <c r="I22851" s="2">
        <v>0</v>
      </c>
      <c r="J22851" s="2">
        <v>0</v>
      </c>
      <c r="K22851" s="2">
        <v>0.85</v>
      </c>
      <c r="L22851" t="s">
        <v>995</v>
      </c>
      <c r="M22851" t="s">
        <v>87</v>
      </c>
      <c r="N22851" t="s">
        <v>88</v>
      </c>
      <c r="O22851" t="s">
        <v>85</v>
      </c>
      <c r="P22851" t="s">
        <v>86</v>
      </c>
      <c r="Q22851">
        <v>59</v>
      </c>
      <c r="R22851">
        <v>59</v>
      </c>
      <c r="S22851">
        <v>60</v>
      </c>
      <c r="T22851">
        <v>60</v>
      </c>
      <c r="U22851">
        <v>61</v>
      </c>
      <c r="V22851">
        <v>61</v>
      </c>
      <c r="W22851">
        <v>62</v>
      </c>
      <c r="X22851">
        <v>62</v>
      </c>
      <c r="Y22851">
        <v>63</v>
      </c>
      <c r="Z22851">
        <v>63</v>
      </c>
      <c r="AA22851">
        <v>64</v>
      </c>
      <c r="AB22851">
        <v>64</v>
      </c>
      <c r="AC22851">
        <v>65</v>
      </c>
      <c r="AD22851">
        <v>65</v>
      </c>
      <c r="AE22851">
        <v>66</v>
      </c>
      <c r="AF22851">
        <v>66</v>
      </c>
      <c r="AG22851">
        <v>67</v>
      </c>
      <c r="AH22851">
        <v>67</v>
      </c>
      <c r="AI22851">
        <v>68</v>
      </c>
      <c r="AJ22851">
        <v>68</v>
      </c>
      <c r="AK22851">
        <v>69</v>
      </c>
      <c r="AL22851">
        <v>69</v>
      </c>
      <c r="AM22851">
        <v>70</v>
      </c>
      <c r="AN22851">
        <v>70</v>
      </c>
      <c r="AO22851">
        <v>71</v>
      </c>
      <c r="AP22851">
        <v>71</v>
      </c>
      <c r="AQ22851">
        <v>71</v>
      </c>
    </row>
    <row r="22852" spans="1:43">
      <c r="A22852" t="s">
        <v>14153</v>
      </c>
      <c r="B22852" t="s">
        <v>14154</v>
      </c>
      <c r="C22852" t="s">
        <v>14133</v>
      </c>
      <c r="D22852" t="s">
        <v>14134</v>
      </c>
      <c r="E22852" t="s">
        <v>14015</v>
      </c>
      <c r="F22852" t="s">
        <v>14016</v>
      </c>
      <c r="G22852" t="s">
        <v>10734</v>
      </c>
      <c r="H22852" t="s">
        <v>10735</v>
      </c>
      <c r="I22852" s="2">
        <v>0</v>
      </c>
      <c r="J22852" s="2">
        <v>0</v>
      </c>
      <c r="K22852" s="2">
        <v>0.85</v>
      </c>
      <c r="L22852" t="s">
        <v>995</v>
      </c>
      <c r="M22852" t="s">
        <v>89</v>
      </c>
      <c r="N22852" t="s">
        <v>90</v>
      </c>
      <c r="O22852" t="s">
        <v>85</v>
      </c>
      <c r="P22852" t="s">
        <v>86</v>
      </c>
      <c r="Q22852">
        <v>59</v>
      </c>
      <c r="R22852">
        <v>61</v>
      </c>
      <c r="S22852">
        <v>62</v>
      </c>
      <c r="T22852">
        <v>64</v>
      </c>
      <c r="U22852">
        <v>65</v>
      </c>
      <c r="V22852">
        <v>67</v>
      </c>
      <c r="W22852">
        <v>68</v>
      </c>
      <c r="X22852">
        <v>70</v>
      </c>
      <c r="Y22852">
        <v>71</v>
      </c>
      <c r="Z22852">
        <v>72</v>
      </c>
      <c r="AA22852">
        <v>73</v>
      </c>
      <c r="AB22852">
        <v>75</v>
      </c>
      <c r="AC22852">
        <v>76</v>
      </c>
      <c r="AD22852">
        <v>77</v>
      </c>
      <c r="AE22852">
        <v>78</v>
      </c>
      <c r="AF22852">
        <v>78</v>
      </c>
      <c r="AG22852">
        <v>79</v>
      </c>
      <c r="AH22852">
        <v>79</v>
      </c>
      <c r="AI22852">
        <v>80</v>
      </c>
      <c r="AJ22852">
        <v>80</v>
      </c>
      <c r="AK22852">
        <v>80</v>
      </c>
      <c r="AL22852">
        <v>81</v>
      </c>
      <c r="AM22852">
        <v>81</v>
      </c>
      <c r="AN22852">
        <v>81</v>
      </c>
      <c r="AO22852">
        <v>82</v>
      </c>
      <c r="AP22852">
        <v>82</v>
      </c>
      <c r="AQ22852">
        <v>82</v>
      </c>
    </row>
    <row r="22853" spans="1:43">
      <c r="A22853" t="s">
        <v>14153</v>
      </c>
      <c r="B22853" t="s">
        <v>14154</v>
      </c>
      <c r="C22853" t="s">
        <v>14133</v>
      </c>
      <c r="D22853" t="s">
        <v>14134</v>
      </c>
      <c r="E22853" t="s">
        <v>14015</v>
      </c>
      <c r="F22853" t="s">
        <v>14016</v>
      </c>
      <c r="G22853" t="s">
        <v>10734</v>
      </c>
      <c r="H22853" t="s">
        <v>10735</v>
      </c>
      <c r="I22853" s="2">
        <v>0</v>
      </c>
      <c r="J22853" s="2">
        <v>0</v>
      </c>
      <c r="K22853" s="2">
        <v>0.85</v>
      </c>
      <c r="L22853" t="s">
        <v>995</v>
      </c>
      <c r="M22853" t="s">
        <v>83</v>
      </c>
      <c r="N22853" t="s">
        <v>91</v>
      </c>
      <c r="O22853" t="s">
        <v>85</v>
      </c>
      <c r="P22853" t="s">
        <v>86</v>
      </c>
      <c r="Q22853">
        <v>59</v>
      </c>
      <c r="R22853">
        <v>60</v>
      </c>
      <c r="S22853">
        <v>62</v>
      </c>
      <c r="T22853">
        <v>63</v>
      </c>
      <c r="U22853">
        <v>64</v>
      </c>
      <c r="V22853">
        <v>65</v>
      </c>
      <c r="W22853">
        <v>66</v>
      </c>
      <c r="X22853">
        <v>67</v>
      </c>
      <c r="Y22853">
        <v>68</v>
      </c>
      <c r="Z22853">
        <v>69</v>
      </c>
      <c r="AA22853">
        <v>70</v>
      </c>
      <c r="AB22853">
        <v>71</v>
      </c>
      <c r="AC22853">
        <v>72</v>
      </c>
      <c r="AD22853">
        <v>73</v>
      </c>
      <c r="AE22853">
        <v>74</v>
      </c>
      <c r="AF22853">
        <v>75</v>
      </c>
      <c r="AG22853">
        <v>76</v>
      </c>
      <c r="AH22853">
        <v>77</v>
      </c>
      <c r="AI22853">
        <v>78</v>
      </c>
      <c r="AJ22853">
        <v>79</v>
      </c>
      <c r="AK22853">
        <v>80</v>
      </c>
      <c r="AL22853">
        <v>80</v>
      </c>
      <c r="AM22853">
        <v>81</v>
      </c>
      <c r="AN22853">
        <v>81</v>
      </c>
      <c r="AO22853">
        <v>81</v>
      </c>
      <c r="AP22853">
        <v>82</v>
      </c>
      <c r="AQ22853">
        <v>82</v>
      </c>
    </row>
    <row r="22854" spans="1:43">
      <c r="A22854" t="s">
        <v>14155</v>
      </c>
      <c r="B22854" t="s">
        <v>14156</v>
      </c>
      <c r="C22854" t="s">
        <v>14133</v>
      </c>
      <c r="D22854" t="s">
        <v>14134</v>
      </c>
      <c r="E22854" t="s">
        <v>14015</v>
      </c>
      <c r="F22854" t="s">
        <v>14016</v>
      </c>
      <c r="G22854" t="s">
        <v>10734</v>
      </c>
      <c r="H22854" t="s">
        <v>10735</v>
      </c>
      <c r="I22854" s="2">
        <v>0</v>
      </c>
      <c r="J22854" s="2">
        <v>0</v>
      </c>
      <c r="K22854" s="2">
        <v>1</v>
      </c>
      <c r="L22854" t="s">
        <v>995</v>
      </c>
      <c r="M22854" t="s">
        <v>83</v>
      </c>
      <c r="N22854" t="s">
        <v>84</v>
      </c>
      <c r="O22854" t="s">
        <v>85</v>
      </c>
      <c r="P22854" t="s">
        <v>86</v>
      </c>
      <c r="Q22854">
        <v>25</v>
      </c>
      <c r="R22854">
        <v>26</v>
      </c>
      <c r="S22854">
        <v>26</v>
      </c>
      <c r="T22854">
        <v>27</v>
      </c>
      <c r="U22854">
        <v>27</v>
      </c>
      <c r="V22854">
        <v>28</v>
      </c>
      <c r="W22854">
        <v>28</v>
      </c>
      <c r="X22854">
        <v>28</v>
      </c>
      <c r="Y22854">
        <v>29</v>
      </c>
      <c r="Z22854">
        <v>29</v>
      </c>
      <c r="AA22854">
        <v>30</v>
      </c>
      <c r="AB22854">
        <v>30</v>
      </c>
      <c r="AC22854">
        <v>31</v>
      </c>
      <c r="AD22854">
        <v>31</v>
      </c>
      <c r="AE22854">
        <v>31</v>
      </c>
      <c r="AF22854">
        <v>32</v>
      </c>
      <c r="AG22854">
        <v>32</v>
      </c>
      <c r="AH22854">
        <v>32</v>
      </c>
      <c r="AI22854">
        <v>33</v>
      </c>
      <c r="AJ22854">
        <v>33</v>
      </c>
      <c r="AK22854">
        <v>33</v>
      </c>
      <c r="AL22854">
        <v>34</v>
      </c>
      <c r="AM22854">
        <v>34</v>
      </c>
      <c r="AN22854">
        <v>34</v>
      </c>
      <c r="AO22854">
        <v>34</v>
      </c>
      <c r="AP22854">
        <v>34</v>
      </c>
      <c r="AQ22854">
        <v>34</v>
      </c>
    </row>
    <row r="22855" spans="1:43">
      <c r="A22855" t="s">
        <v>14155</v>
      </c>
      <c r="B22855" t="s">
        <v>14156</v>
      </c>
      <c r="C22855" t="s">
        <v>14133</v>
      </c>
      <c r="D22855" t="s">
        <v>14134</v>
      </c>
      <c r="E22855" t="s">
        <v>14015</v>
      </c>
      <c r="F22855" t="s">
        <v>14016</v>
      </c>
      <c r="G22855" t="s">
        <v>10734</v>
      </c>
      <c r="H22855" t="s">
        <v>10735</v>
      </c>
      <c r="I22855" s="2">
        <v>0</v>
      </c>
      <c r="J22855" s="2">
        <v>0</v>
      </c>
      <c r="K22855" s="2">
        <v>1</v>
      </c>
      <c r="L22855" t="s">
        <v>995</v>
      </c>
      <c r="M22855" t="s">
        <v>87</v>
      </c>
      <c r="N22855" t="s">
        <v>88</v>
      </c>
      <c r="O22855" t="s">
        <v>85</v>
      </c>
      <c r="P22855" t="s">
        <v>86</v>
      </c>
      <c r="Q22855">
        <v>25</v>
      </c>
      <c r="R22855">
        <v>25</v>
      </c>
      <c r="S22855">
        <v>26</v>
      </c>
      <c r="T22855">
        <v>26</v>
      </c>
      <c r="U22855">
        <v>26</v>
      </c>
      <c r="V22855">
        <v>26</v>
      </c>
      <c r="W22855">
        <v>26</v>
      </c>
      <c r="X22855">
        <v>27</v>
      </c>
      <c r="Y22855">
        <v>27</v>
      </c>
      <c r="Z22855">
        <v>27</v>
      </c>
      <c r="AA22855">
        <v>27</v>
      </c>
      <c r="AB22855">
        <v>27</v>
      </c>
      <c r="AC22855">
        <v>27</v>
      </c>
      <c r="AD22855">
        <v>28</v>
      </c>
      <c r="AE22855">
        <v>28</v>
      </c>
      <c r="AF22855">
        <v>28</v>
      </c>
      <c r="AG22855">
        <v>28</v>
      </c>
      <c r="AH22855">
        <v>28</v>
      </c>
      <c r="AI22855">
        <v>28</v>
      </c>
      <c r="AJ22855">
        <v>29</v>
      </c>
      <c r="AK22855">
        <v>29</v>
      </c>
      <c r="AL22855">
        <v>29</v>
      </c>
      <c r="AM22855">
        <v>29</v>
      </c>
      <c r="AN22855">
        <v>29</v>
      </c>
      <c r="AO22855">
        <v>29</v>
      </c>
      <c r="AP22855">
        <v>29</v>
      </c>
      <c r="AQ22855">
        <v>30</v>
      </c>
    </row>
    <row r="22856" spans="1:43">
      <c r="A22856" t="s">
        <v>14155</v>
      </c>
      <c r="B22856" t="s">
        <v>14156</v>
      </c>
      <c r="C22856" t="s">
        <v>14133</v>
      </c>
      <c r="D22856" t="s">
        <v>14134</v>
      </c>
      <c r="E22856" t="s">
        <v>14015</v>
      </c>
      <c r="F22856" t="s">
        <v>14016</v>
      </c>
      <c r="G22856" t="s">
        <v>10734</v>
      </c>
      <c r="H22856" t="s">
        <v>10735</v>
      </c>
      <c r="I22856" s="2">
        <v>0</v>
      </c>
      <c r="J22856" s="2">
        <v>0</v>
      </c>
      <c r="K22856" s="2">
        <v>1</v>
      </c>
      <c r="L22856" t="s">
        <v>995</v>
      </c>
      <c r="M22856" t="s">
        <v>89</v>
      </c>
      <c r="N22856" t="s">
        <v>90</v>
      </c>
      <c r="O22856" t="s">
        <v>85</v>
      </c>
      <c r="P22856" t="s">
        <v>86</v>
      </c>
      <c r="Q22856">
        <v>25</v>
      </c>
      <c r="R22856">
        <v>25</v>
      </c>
      <c r="S22856">
        <v>26</v>
      </c>
      <c r="T22856">
        <v>27</v>
      </c>
      <c r="U22856">
        <v>27</v>
      </c>
      <c r="V22856">
        <v>28</v>
      </c>
      <c r="W22856">
        <v>28</v>
      </c>
      <c r="X22856">
        <v>29</v>
      </c>
      <c r="Y22856">
        <v>30</v>
      </c>
      <c r="Z22856">
        <v>30</v>
      </c>
      <c r="AA22856">
        <v>31</v>
      </c>
      <c r="AB22856">
        <v>31</v>
      </c>
      <c r="AC22856">
        <v>32</v>
      </c>
      <c r="AD22856">
        <v>32</v>
      </c>
      <c r="AE22856">
        <v>32</v>
      </c>
      <c r="AF22856">
        <v>33</v>
      </c>
      <c r="AG22856">
        <v>33</v>
      </c>
      <c r="AH22856">
        <v>33</v>
      </c>
      <c r="AI22856">
        <v>33</v>
      </c>
      <c r="AJ22856">
        <v>33</v>
      </c>
      <c r="AK22856">
        <v>33</v>
      </c>
      <c r="AL22856">
        <v>33</v>
      </c>
      <c r="AM22856">
        <v>33</v>
      </c>
      <c r="AN22856">
        <v>33</v>
      </c>
      <c r="AO22856">
        <v>33</v>
      </c>
      <c r="AP22856">
        <v>33</v>
      </c>
      <c r="AQ22856">
        <v>33</v>
      </c>
    </row>
    <row r="22857" spans="1:43">
      <c r="A22857" t="s">
        <v>14155</v>
      </c>
      <c r="B22857" t="s">
        <v>14156</v>
      </c>
      <c r="C22857" t="s">
        <v>14133</v>
      </c>
      <c r="D22857" t="s">
        <v>14134</v>
      </c>
      <c r="E22857" t="s">
        <v>14015</v>
      </c>
      <c r="F22857" t="s">
        <v>14016</v>
      </c>
      <c r="G22857" t="s">
        <v>10734</v>
      </c>
      <c r="H22857" t="s">
        <v>10735</v>
      </c>
      <c r="I22857" s="2">
        <v>0</v>
      </c>
      <c r="J22857" s="2">
        <v>0</v>
      </c>
      <c r="K22857" s="2">
        <v>1</v>
      </c>
      <c r="L22857" t="s">
        <v>995</v>
      </c>
      <c r="M22857" t="s">
        <v>83</v>
      </c>
      <c r="N22857" t="s">
        <v>91</v>
      </c>
      <c r="O22857" t="s">
        <v>85</v>
      </c>
      <c r="P22857" t="s">
        <v>86</v>
      </c>
      <c r="Q22857">
        <v>25</v>
      </c>
      <c r="R22857">
        <v>26</v>
      </c>
      <c r="S22857">
        <v>26</v>
      </c>
      <c r="T22857">
        <v>27</v>
      </c>
      <c r="U22857">
        <v>27</v>
      </c>
      <c r="V22857">
        <v>28</v>
      </c>
      <c r="W22857">
        <v>28</v>
      </c>
      <c r="X22857">
        <v>28</v>
      </c>
      <c r="Y22857">
        <v>29</v>
      </c>
      <c r="Z22857">
        <v>29</v>
      </c>
      <c r="AA22857">
        <v>30</v>
      </c>
      <c r="AB22857">
        <v>30</v>
      </c>
      <c r="AC22857">
        <v>31</v>
      </c>
      <c r="AD22857">
        <v>31</v>
      </c>
      <c r="AE22857">
        <v>31</v>
      </c>
      <c r="AF22857">
        <v>32</v>
      </c>
      <c r="AG22857">
        <v>32</v>
      </c>
      <c r="AH22857">
        <v>32</v>
      </c>
      <c r="AI22857">
        <v>33</v>
      </c>
      <c r="AJ22857">
        <v>33</v>
      </c>
      <c r="AK22857">
        <v>33</v>
      </c>
      <c r="AL22857">
        <v>34</v>
      </c>
      <c r="AM22857">
        <v>34</v>
      </c>
      <c r="AN22857">
        <v>34</v>
      </c>
      <c r="AO22857">
        <v>34</v>
      </c>
      <c r="AP22857">
        <v>34</v>
      </c>
      <c r="AQ22857">
        <v>34</v>
      </c>
    </row>
    <row r="22858" spans="1:43">
      <c r="A22858" t="s">
        <v>14157</v>
      </c>
      <c r="B22858" t="s">
        <v>14158</v>
      </c>
      <c r="C22858" t="s">
        <v>14129</v>
      </c>
      <c r="D22858" t="s">
        <v>14130</v>
      </c>
      <c r="E22858" t="s">
        <v>14015</v>
      </c>
      <c r="F22858" t="s">
        <v>14016</v>
      </c>
      <c r="G22858" t="s">
        <v>10734</v>
      </c>
      <c r="H22858" t="s">
        <v>10735</v>
      </c>
      <c r="I22858" s="2">
        <v>0</v>
      </c>
      <c r="J22858" s="2">
        <v>0</v>
      </c>
      <c r="K22858" s="2">
        <v>1</v>
      </c>
      <c r="L22858" t="s">
        <v>995</v>
      </c>
      <c r="M22858" t="s">
        <v>83</v>
      </c>
      <c r="N22858" t="s">
        <v>84</v>
      </c>
      <c r="O22858" t="s">
        <v>85</v>
      </c>
      <c r="P22858" t="s">
        <v>86</v>
      </c>
      <c r="Q22858">
        <v>22</v>
      </c>
      <c r="R22858">
        <v>23</v>
      </c>
      <c r="S22858">
        <v>23</v>
      </c>
      <c r="T22858">
        <v>24</v>
      </c>
      <c r="U22858">
        <v>24</v>
      </c>
      <c r="V22858">
        <v>24</v>
      </c>
      <c r="W22858">
        <v>25</v>
      </c>
      <c r="X22858">
        <v>25</v>
      </c>
      <c r="Y22858">
        <v>26</v>
      </c>
      <c r="Z22858">
        <v>26</v>
      </c>
      <c r="AA22858">
        <v>26</v>
      </c>
      <c r="AB22858">
        <v>27</v>
      </c>
      <c r="AC22858">
        <v>27</v>
      </c>
      <c r="AD22858">
        <v>27</v>
      </c>
      <c r="AE22858">
        <v>28</v>
      </c>
      <c r="AF22858">
        <v>28</v>
      </c>
      <c r="AG22858">
        <v>28</v>
      </c>
      <c r="AH22858">
        <v>29</v>
      </c>
      <c r="AI22858">
        <v>29</v>
      </c>
      <c r="AJ22858">
        <v>29</v>
      </c>
      <c r="AK22858">
        <v>30</v>
      </c>
      <c r="AL22858">
        <v>30</v>
      </c>
      <c r="AM22858">
        <v>30</v>
      </c>
      <c r="AN22858">
        <v>30</v>
      </c>
      <c r="AO22858">
        <v>30</v>
      </c>
      <c r="AP22858">
        <v>30</v>
      </c>
      <c r="AQ22858">
        <v>30</v>
      </c>
    </row>
    <row r="22859" spans="1:43">
      <c r="A22859" t="s">
        <v>14157</v>
      </c>
      <c r="B22859" t="s">
        <v>14158</v>
      </c>
      <c r="C22859" t="s">
        <v>14129</v>
      </c>
      <c r="D22859" t="s">
        <v>14130</v>
      </c>
      <c r="E22859" t="s">
        <v>14015</v>
      </c>
      <c r="F22859" t="s">
        <v>14016</v>
      </c>
      <c r="G22859" t="s">
        <v>10734</v>
      </c>
      <c r="H22859" t="s">
        <v>10735</v>
      </c>
      <c r="I22859" s="2">
        <v>0</v>
      </c>
      <c r="J22859" s="2">
        <v>0</v>
      </c>
      <c r="K22859" s="2">
        <v>1</v>
      </c>
      <c r="L22859" t="s">
        <v>995</v>
      </c>
      <c r="M22859" t="s">
        <v>87</v>
      </c>
      <c r="N22859" t="s">
        <v>88</v>
      </c>
      <c r="O22859" t="s">
        <v>85</v>
      </c>
      <c r="P22859" t="s">
        <v>86</v>
      </c>
      <c r="Q22859">
        <v>22</v>
      </c>
      <c r="R22859">
        <v>22</v>
      </c>
      <c r="S22859">
        <v>23</v>
      </c>
      <c r="T22859">
        <v>23</v>
      </c>
      <c r="U22859">
        <v>23</v>
      </c>
      <c r="V22859">
        <v>23</v>
      </c>
      <c r="W22859">
        <v>23</v>
      </c>
      <c r="X22859">
        <v>23</v>
      </c>
      <c r="Y22859">
        <v>24</v>
      </c>
      <c r="Z22859">
        <v>24</v>
      </c>
      <c r="AA22859">
        <v>24</v>
      </c>
      <c r="AB22859">
        <v>24</v>
      </c>
      <c r="AC22859">
        <v>24</v>
      </c>
      <c r="AD22859">
        <v>24</v>
      </c>
      <c r="AE22859">
        <v>25</v>
      </c>
      <c r="AF22859">
        <v>25</v>
      </c>
      <c r="AG22859">
        <v>25</v>
      </c>
      <c r="AH22859">
        <v>25</v>
      </c>
      <c r="AI22859">
        <v>25</v>
      </c>
      <c r="AJ22859">
        <v>26</v>
      </c>
      <c r="AK22859">
        <v>26</v>
      </c>
      <c r="AL22859">
        <v>26</v>
      </c>
      <c r="AM22859">
        <v>26</v>
      </c>
      <c r="AN22859">
        <v>26</v>
      </c>
      <c r="AO22859">
        <v>26</v>
      </c>
      <c r="AP22859">
        <v>27</v>
      </c>
      <c r="AQ22859">
        <v>27</v>
      </c>
    </row>
    <row r="22860" spans="1:43">
      <c r="A22860" t="s">
        <v>14157</v>
      </c>
      <c r="B22860" t="s">
        <v>14158</v>
      </c>
      <c r="C22860" t="s">
        <v>14129</v>
      </c>
      <c r="D22860" t="s">
        <v>14130</v>
      </c>
      <c r="E22860" t="s">
        <v>14015</v>
      </c>
      <c r="F22860" t="s">
        <v>14016</v>
      </c>
      <c r="G22860" t="s">
        <v>10734</v>
      </c>
      <c r="H22860" t="s">
        <v>10735</v>
      </c>
      <c r="I22860" s="2">
        <v>0</v>
      </c>
      <c r="J22860" s="2">
        <v>0</v>
      </c>
      <c r="K22860" s="2">
        <v>1</v>
      </c>
      <c r="L22860" t="s">
        <v>995</v>
      </c>
      <c r="M22860" t="s">
        <v>89</v>
      </c>
      <c r="N22860" t="s">
        <v>90</v>
      </c>
      <c r="O22860" t="s">
        <v>85</v>
      </c>
      <c r="P22860" t="s">
        <v>86</v>
      </c>
      <c r="Q22860">
        <v>22</v>
      </c>
      <c r="R22860">
        <v>22</v>
      </c>
      <c r="S22860">
        <v>23</v>
      </c>
      <c r="T22860">
        <v>23</v>
      </c>
      <c r="U22860">
        <v>24</v>
      </c>
      <c r="V22860">
        <v>24</v>
      </c>
      <c r="W22860">
        <v>25</v>
      </c>
      <c r="X22860">
        <v>26</v>
      </c>
      <c r="Y22860">
        <v>26</v>
      </c>
      <c r="Z22860">
        <v>26</v>
      </c>
      <c r="AA22860">
        <v>27</v>
      </c>
      <c r="AB22860">
        <v>27</v>
      </c>
      <c r="AC22860">
        <v>28</v>
      </c>
      <c r="AD22860">
        <v>28</v>
      </c>
      <c r="AE22860">
        <v>28</v>
      </c>
      <c r="AF22860">
        <v>29</v>
      </c>
      <c r="AG22860">
        <v>29</v>
      </c>
      <c r="AH22860">
        <v>29</v>
      </c>
      <c r="AI22860">
        <v>29</v>
      </c>
      <c r="AJ22860">
        <v>29</v>
      </c>
      <c r="AK22860">
        <v>29</v>
      </c>
      <c r="AL22860">
        <v>29</v>
      </c>
      <c r="AM22860">
        <v>29</v>
      </c>
      <c r="AN22860">
        <v>29</v>
      </c>
      <c r="AO22860">
        <v>29</v>
      </c>
      <c r="AP22860">
        <v>29</v>
      </c>
      <c r="AQ22860">
        <v>30</v>
      </c>
    </row>
    <row r="22861" spans="1:43">
      <c r="A22861" t="s">
        <v>14157</v>
      </c>
      <c r="B22861" t="s">
        <v>14158</v>
      </c>
      <c r="C22861" t="s">
        <v>14129</v>
      </c>
      <c r="D22861" t="s">
        <v>14130</v>
      </c>
      <c r="E22861" t="s">
        <v>14015</v>
      </c>
      <c r="F22861" t="s">
        <v>14016</v>
      </c>
      <c r="G22861" t="s">
        <v>10734</v>
      </c>
      <c r="H22861" t="s">
        <v>10735</v>
      </c>
      <c r="I22861" s="2">
        <v>0</v>
      </c>
      <c r="J22861" s="2">
        <v>0</v>
      </c>
      <c r="K22861" s="2">
        <v>1</v>
      </c>
      <c r="L22861" t="s">
        <v>995</v>
      </c>
      <c r="M22861" t="s">
        <v>83</v>
      </c>
      <c r="N22861" t="s">
        <v>91</v>
      </c>
      <c r="O22861" t="s">
        <v>85</v>
      </c>
      <c r="P22861" t="s">
        <v>86</v>
      </c>
      <c r="Q22861">
        <v>22</v>
      </c>
      <c r="R22861">
        <v>23</v>
      </c>
      <c r="S22861">
        <v>23</v>
      </c>
      <c r="T22861">
        <v>24</v>
      </c>
      <c r="U22861">
        <v>24</v>
      </c>
      <c r="V22861">
        <v>24</v>
      </c>
      <c r="W22861">
        <v>25</v>
      </c>
      <c r="X22861">
        <v>25</v>
      </c>
      <c r="Y22861">
        <v>26</v>
      </c>
      <c r="Z22861">
        <v>26</v>
      </c>
      <c r="AA22861">
        <v>26</v>
      </c>
      <c r="AB22861">
        <v>27</v>
      </c>
      <c r="AC22861">
        <v>27</v>
      </c>
      <c r="AD22861">
        <v>27</v>
      </c>
      <c r="AE22861">
        <v>28</v>
      </c>
      <c r="AF22861">
        <v>28</v>
      </c>
      <c r="AG22861">
        <v>28</v>
      </c>
      <c r="AH22861">
        <v>29</v>
      </c>
      <c r="AI22861">
        <v>29</v>
      </c>
      <c r="AJ22861">
        <v>29</v>
      </c>
      <c r="AK22861">
        <v>30</v>
      </c>
      <c r="AL22861">
        <v>30</v>
      </c>
      <c r="AM22861">
        <v>30</v>
      </c>
      <c r="AN22861">
        <v>30</v>
      </c>
      <c r="AO22861">
        <v>30</v>
      </c>
      <c r="AP22861">
        <v>30</v>
      </c>
      <c r="AQ22861">
        <v>30</v>
      </c>
    </row>
    <row r="22862" spans="1:43">
      <c r="A22862" t="s">
        <v>14159</v>
      </c>
      <c r="B22862" t="s">
        <v>14160</v>
      </c>
      <c r="C22862" t="s">
        <v>14129</v>
      </c>
      <c r="D22862" t="s">
        <v>14130</v>
      </c>
      <c r="E22862" t="s">
        <v>14015</v>
      </c>
      <c r="F22862" t="s">
        <v>14016</v>
      </c>
      <c r="G22862" t="s">
        <v>10734</v>
      </c>
      <c r="H22862" t="s">
        <v>10735</v>
      </c>
      <c r="I22862" s="2">
        <v>0</v>
      </c>
      <c r="J22862" s="2">
        <v>0</v>
      </c>
      <c r="K22862" s="2">
        <v>1</v>
      </c>
      <c r="L22862" t="s">
        <v>995</v>
      </c>
      <c r="M22862" t="s">
        <v>83</v>
      </c>
      <c r="N22862" t="s">
        <v>84</v>
      </c>
      <c r="O22862" t="s">
        <v>85</v>
      </c>
      <c r="P22862" t="s">
        <v>86</v>
      </c>
      <c r="Q22862">
        <v>25</v>
      </c>
      <c r="R22862">
        <v>25</v>
      </c>
      <c r="S22862">
        <v>26</v>
      </c>
      <c r="T22862">
        <v>26</v>
      </c>
      <c r="U22862">
        <v>27</v>
      </c>
      <c r="V22862">
        <v>27</v>
      </c>
      <c r="W22862">
        <v>27</v>
      </c>
      <c r="X22862">
        <v>28</v>
      </c>
      <c r="Y22862">
        <v>28</v>
      </c>
      <c r="Z22862">
        <v>29</v>
      </c>
      <c r="AA22862">
        <v>29</v>
      </c>
      <c r="AB22862">
        <v>30</v>
      </c>
      <c r="AC22862">
        <v>30</v>
      </c>
      <c r="AD22862">
        <v>30</v>
      </c>
      <c r="AE22862">
        <v>31</v>
      </c>
      <c r="AF22862">
        <v>31</v>
      </c>
      <c r="AG22862">
        <v>31</v>
      </c>
      <c r="AH22862">
        <v>32</v>
      </c>
      <c r="AI22862">
        <v>32</v>
      </c>
      <c r="AJ22862">
        <v>33</v>
      </c>
      <c r="AK22862">
        <v>33</v>
      </c>
      <c r="AL22862">
        <v>33</v>
      </c>
      <c r="AM22862">
        <v>33</v>
      </c>
      <c r="AN22862">
        <v>33</v>
      </c>
      <c r="AO22862">
        <v>33</v>
      </c>
      <c r="AP22862">
        <v>34</v>
      </c>
      <c r="AQ22862">
        <v>34</v>
      </c>
    </row>
    <row r="22863" spans="1:43">
      <c r="A22863" t="s">
        <v>14159</v>
      </c>
      <c r="B22863" t="s">
        <v>14160</v>
      </c>
      <c r="C22863" t="s">
        <v>14129</v>
      </c>
      <c r="D22863" t="s">
        <v>14130</v>
      </c>
      <c r="E22863" t="s">
        <v>14015</v>
      </c>
      <c r="F22863" t="s">
        <v>14016</v>
      </c>
      <c r="G22863" t="s">
        <v>10734</v>
      </c>
      <c r="H22863" t="s">
        <v>10735</v>
      </c>
      <c r="I22863" s="2">
        <v>0</v>
      </c>
      <c r="J22863" s="2">
        <v>0</v>
      </c>
      <c r="K22863" s="2">
        <v>1</v>
      </c>
      <c r="L22863" t="s">
        <v>995</v>
      </c>
      <c r="M22863" t="s">
        <v>87</v>
      </c>
      <c r="N22863" t="s">
        <v>88</v>
      </c>
      <c r="O22863" t="s">
        <v>85</v>
      </c>
      <c r="P22863" t="s">
        <v>86</v>
      </c>
      <c r="Q22863">
        <v>25</v>
      </c>
      <c r="R22863">
        <v>25</v>
      </c>
      <c r="S22863">
        <v>25</v>
      </c>
      <c r="T22863">
        <v>25</v>
      </c>
      <c r="U22863">
        <v>25</v>
      </c>
      <c r="V22863">
        <v>26</v>
      </c>
      <c r="W22863">
        <v>26</v>
      </c>
      <c r="X22863">
        <v>26</v>
      </c>
      <c r="Y22863">
        <v>26</v>
      </c>
      <c r="Z22863">
        <v>26</v>
      </c>
      <c r="AA22863">
        <v>27</v>
      </c>
      <c r="AB22863">
        <v>27</v>
      </c>
      <c r="AC22863">
        <v>27</v>
      </c>
      <c r="AD22863">
        <v>27</v>
      </c>
      <c r="AE22863">
        <v>27</v>
      </c>
      <c r="AF22863">
        <v>28</v>
      </c>
      <c r="AG22863">
        <v>28</v>
      </c>
      <c r="AH22863">
        <v>28</v>
      </c>
      <c r="AI22863">
        <v>28</v>
      </c>
      <c r="AJ22863">
        <v>28</v>
      </c>
      <c r="AK22863">
        <v>28</v>
      </c>
      <c r="AL22863">
        <v>29</v>
      </c>
      <c r="AM22863">
        <v>29</v>
      </c>
      <c r="AN22863">
        <v>29</v>
      </c>
      <c r="AO22863">
        <v>29</v>
      </c>
      <c r="AP22863">
        <v>29</v>
      </c>
      <c r="AQ22863">
        <v>30</v>
      </c>
    </row>
    <row r="22864" spans="1:43">
      <c r="A22864" t="s">
        <v>14159</v>
      </c>
      <c r="B22864" t="s">
        <v>14160</v>
      </c>
      <c r="C22864" t="s">
        <v>14129</v>
      </c>
      <c r="D22864" t="s">
        <v>14130</v>
      </c>
      <c r="E22864" t="s">
        <v>14015</v>
      </c>
      <c r="F22864" t="s">
        <v>14016</v>
      </c>
      <c r="G22864" t="s">
        <v>10734</v>
      </c>
      <c r="H22864" t="s">
        <v>10735</v>
      </c>
      <c r="I22864" s="2">
        <v>0</v>
      </c>
      <c r="J22864" s="2">
        <v>0</v>
      </c>
      <c r="K22864" s="2">
        <v>1</v>
      </c>
      <c r="L22864" t="s">
        <v>995</v>
      </c>
      <c r="M22864" t="s">
        <v>89</v>
      </c>
      <c r="N22864" t="s">
        <v>90</v>
      </c>
      <c r="O22864" t="s">
        <v>85</v>
      </c>
      <c r="P22864" t="s">
        <v>86</v>
      </c>
      <c r="Q22864">
        <v>25</v>
      </c>
      <c r="R22864">
        <v>26</v>
      </c>
      <c r="S22864">
        <v>26</v>
      </c>
      <c r="T22864">
        <v>27</v>
      </c>
      <c r="U22864">
        <v>28</v>
      </c>
      <c r="V22864">
        <v>28</v>
      </c>
      <c r="W22864">
        <v>29</v>
      </c>
      <c r="X22864">
        <v>29</v>
      </c>
      <c r="Y22864">
        <v>30</v>
      </c>
      <c r="Z22864">
        <v>30</v>
      </c>
      <c r="AA22864">
        <v>31</v>
      </c>
      <c r="AB22864">
        <v>31</v>
      </c>
      <c r="AC22864">
        <v>32</v>
      </c>
      <c r="AD22864">
        <v>32</v>
      </c>
      <c r="AE22864">
        <v>33</v>
      </c>
      <c r="AF22864">
        <v>33</v>
      </c>
      <c r="AG22864">
        <v>33</v>
      </c>
      <c r="AH22864">
        <v>33</v>
      </c>
      <c r="AI22864">
        <v>33</v>
      </c>
      <c r="AJ22864">
        <v>33</v>
      </c>
      <c r="AK22864">
        <v>33</v>
      </c>
      <c r="AL22864">
        <v>33</v>
      </c>
      <c r="AM22864">
        <v>34</v>
      </c>
      <c r="AN22864">
        <v>34</v>
      </c>
      <c r="AO22864">
        <v>34</v>
      </c>
      <c r="AP22864">
        <v>34</v>
      </c>
      <c r="AQ22864">
        <v>34</v>
      </c>
    </row>
    <row r="22865" spans="1:43">
      <c r="A22865" t="s">
        <v>14159</v>
      </c>
      <c r="B22865" t="s">
        <v>14160</v>
      </c>
      <c r="C22865" t="s">
        <v>14129</v>
      </c>
      <c r="D22865" t="s">
        <v>14130</v>
      </c>
      <c r="E22865" t="s">
        <v>14015</v>
      </c>
      <c r="F22865" t="s">
        <v>14016</v>
      </c>
      <c r="G22865" t="s">
        <v>10734</v>
      </c>
      <c r="H22865" t="s">
        <v>10735</v>
      </c>
      <c r="I22865" s="2">
        <v>0</v>
      </c>
      <c r="J22865" s="2">
        <v>0</v>
      </c>
      <c r="K22865" s="2">
        <v>1</v>
      </c>
      <c r="L22865" t="s">
        <v>995</v>
      </c>
      <c r="M22865" t="s">
        <v>83</v>
      </c>
      <c r="N22865" t="s">
        <v>91</v>
      </c>
      <c r="O22865" t="s">
        <v>85</v>
      </c>
      <c r="P22865" t="s">
        <v>86</v>
      </c>
      <c r="Q22865">
        <v>25</v>
      </c>
      <c r="R22865">
        <v>25</v>
      </c>
      <c r="S22865">
        <v>26</v>
      </c>
      <c r="T22865">
        <v>26</v>
      </c>
      <c r="U22865">
        <v>27</v>
      </c>
      <c r="V22865">
        <v>27</v>
      </c>
      <c r="W22865">
        <v>27</v>
      </c>
      <c r="X22865">
        <v>28</v>
      </c>
      <c r="Y22865">
        <v>28</v>
      </c>
      <c r="Z22865">
        <v>29</v>
      </c>
      <c r="AA22865">
        <v>29</v>
      </c>
      <c r="AB22865">
        <v>30</v>
      </c>
      <c r="AC22865">
        <v>30</v>
      </c>
      <c r="AD22865">
        <v>30</v>
      </c>
      <c r="AE22865">
        <v>31</v>
      </c>
      <c r="AF22865">
        <v>31</v>
      </c>
      <c r="AG22865">
        <v>31</v>
      </c>
      <c r="AH22865">
        <v>32</v>
      </c>
      <c r="AI22865">
        <v>32</v>
      </c>
      <c r="AJ22865">
        <v>33</v>
      </c>
      <c r="AK22865">
        <v>33</v>
      </c>
      <c r="AL22865">
        <v>33</v>
      </c>
      <c r="AM22865">
        <v>33</v>
      </c>
      <c r="AN22865">
        <v>33</v>
      </c>
      <c r="AO22865">
        <v>33</v>
      </c>
      <c r="AP22865">
        <v>34</v>
      </c>
      <c r="AQ22865">
        <v>34</v>
      </c>
    </row>
    <row r="22866" spans="1:43">
      <c r="A22866" t="s">
        <v>14161</v>
      </c>
      <c r="B22866" t="s">
        <v>14162</v>
      </c>
      <c r="C22866" t="s">
        <v>14129</v>
      </c>
      <c r="D22866" t="s">
        <v>14130</v>
      </c>
      <c r="E22866" t="s">
        <v>14015</v>
      </c>
      <c r="F22866" t="s">
        <v>14016</v>
      </c>
      <c r="G22866" t="s">
        <v>10734</v>
      </c>
      <c r="H22866" t="s">
        <v>10735</v>
      </c>
      <c r="I22866" s="2">
        <v>0</v>
      </c>
      <c r="J22866" s="2">
        <v>0</v>
      </c>
      <c r="K22866" s="2">
        <v>1</v>
      </c>
      <c r="L22866" t="s">
        <v>995</v>
      </c>
      <c r="M22866" t="s">
        <v>83</v>
      </c>
      <c r="N22866" t="s">
        <v>84</v>
      </c>
      <c r="O22866" t="s">
        <v>85</v>
      </c>
      <c r="P22866" t="s">
        <v>86</v>
      </c>
      <c r="Q22866">
        <v>14</v>
      </c>
      <c r="R22866">
        <v>14</v>
      </c>
      <c r="S22866">
        <v>15</v>
      </c>
      <c r="T22866">
        <v>15</v>
      </c>
      <c r="U22866">
        <v>15</v>
      </c>
      <c r="V22866">
        <v>15</v>
      </c>
      <c r="W22866">
        <v>16</v>
      </c>
      <c r="X22866">
        <v>16</v>
      </c>
      <c r="Y22866">
        <v>16</v>
      </c>
      <c r="Z22866">
        <v>16</v>
      </c>
      <c r="AA22866">
        <v>17</v>
      </c>
      <c r="AB22866">
        <v>17</v>
      </c>
      <c r="AC22866">
        <v>17</v>
      </c>
      <c r="AD22866">
        <v>17</v>
      </c>
      <c r="AE22866">
        <v>17</v>
      </c>
      <c r="AF22866">
        <v>18</v>
      </c>
      <c r="AG22866">
        <v>18</v>
      </c>
      <c r="AH22866">
        <v>18</v>
      </c>
      <c r="AI22866">
        <v>18</v>
      </c>
      <c r="AJ22866">
        <v>19</v>
      </c>
      <c r="AK22866">
        <v>19</v>
      </c>
      <c r="AL22866">
        <v>19</v>
      </c>
      <c r="AM22866">
        <v>19</v>
      </c>
      <c r="AN22866">
        <v>19</v>
      </c>
      <c r="AO22866">
        <v>19</v>
      </c>
      <c r="AP22866">
        <v>19</v>
      </c>
      <c r="AQ22866">
        <v>19</v>
      </c>
    </row>
    <row r="22867" spans="1:43">
      <c r="A22867" t="s">
        <v>14161</v>
      </c>
      <c r="B22867" t="s">
        <v>14162</v>
      </c>
      <c r="C22867" t="s">
        <v>14129</v>
      </c>
      <c r="D22867" t="s">
        <v>14130</v>
      </c>
      <c r="E22867" t="s">
        <v>14015</v>
      </c>
      <c r="F22867" t="s">
        <v>14016</v>
      </c>
      <c r="G22867" t="s">
        <v>10734</v>
      </c>
      <c r="H22867" t="s">
        <v>10735</v>
      </c>
      <c r="I22867" s="2">
        <v>0</v>
      </c>
      <c r="J22867" s="2">
        <v>0</v>
      </c>
      <c r="K22867" s="2">
        <v>1</v>
      </c>
      <c r="L22867" t="s">
        <v>995</v>
      </c>
      <c r="M22867" t="s">
        <v>87</v>
      </c>
      <c r="N22867" t="s">
        <v>88</v>
      </c>
      <c r="O22867" t="s">
        <v>85</v>
      </c>
      <c r="P22867" t="s">
        <v>86</v>
      </c>
      <c r="Q22867">
        <v>14</v>
      </c>
      <c r="R22867">
        <v>14</v>
      </c>
      <c r="S22867">
        <v>14</v>
      </c>
      <c r="T22867">
        <v>14</v>
      </c>
      <c r="U22867">
        <v>14</v>
      </c>
      <c r="V22867">
        <v>15</v>
      </c>
      <c r="W22867">
        <v>15</v>
      </c>
      <c r="X22867">
        <v>15</v>
      </c>
      <c r="Y22867">
        <v>15</v>
      </c>
      <c r="Z22867">
        <v>15</v>
      </c>
      <c r="AA22867">
        <v>15</v>
      </c>
      <c r="AB22867">
        <v>15</v>
      </c>
      <c r="AC22867">
        <v>15</v>
      </c>
      <c r="AD22867">
        <v>15</v>
      </c>
      <c r="AE22867">
        <v>16</v>
      </c>
      <c r="AF22867">
        <v>16</v>
      </c>
      <c r="AG22867">
        <v>16</v>
      </c>
      <c r="AH22867">
        <v>16</v>
      </c>
      <c r="AI22867">
        <v>16</v>
      </c>
      <c r="AJ22867">
        <v>16</v>
      </c>
      <c r="AK22867">
        <v>16</v>
      </c>
      <c r="AL22867">
        <v>16</v>
      </c>
      <c r="AM22867">
        <v>16</v>
      </c>
      <c r="AN22867">
        <v>16</v>
      </c>
      <c r="AO22867">
        <v>17</v>
      </c>
      <c r="AP22867">
        <v>17</v>
      </c>
      <c r="AQ22867">
        <v>17</v>
      </c>
    </row>
    <row r="22868" spans="1:43">
      <c r="A22868" t="s">
        <v>14161</v>
      </c>
      <c r="B22868" t="s">
        <v>14162</v>
      </c>
      <c r="C22868" t="s">
        <v>14129</v>
      </c>
      <c r="D22868" t="s">
        <v>14130</v>
      </c>
      <c r="E22868" t="s">
        <v>14015</v>
      </c>
      <c r="F22868" t="s">
        <v>14016</v>
      </c>
      <c r="G22868" t="s">
        <v>10734</v>
      </c>
      <c r="H22868" t="s">
        <v>10735</v>
      </c>
      <c r="I22868" s="2">
        <v>0</v>
      </c>
      <c r="J22868" s="2">
        <v>0</v>
      </c>
      <c r="K22868" s="2">
        <v>1</v>
      </c>
      <c r="L22868" t="s">
        <v>995</v>
      </c>
      <c r="M22868" t="s">
        <v>89</v>
      </c>
      <c r="N22868" t="s">
        <v>90</v>
      </c>
      <c r="O22868" t="s">
        <v>85</v>
      </c>
      <c r="P22868" t="s">
        <v>86</v>
      </c>
      <c r="Q22868">
        <v>14</v>
      </c>
      <c r="R22868">
        <v>15</v>
      </c>
      <c r="S22868">
        <v>15</v>
      </c>
      <c r="T22868">
        <v>15</v>
      </c>
      <c r="U22868">
        <v>16</v>
      </c>
      <c r="V22868">
        <v>16</v>
      </c>
      <c r="W22868">
        <v>16</v>
      </c>
      <c r="X22868">
        <v>17</v>
      </c>
      <c r="Y22868">
        <v>17</v>
      </c>
      <c r="Z22868">
        <v>17</v>
      </c>
      <c r="AA22868">
        <v>18</v>
      </c>
      <c r="AB22868">
        <v>18</v>
      </c>
      <c r="AC22868">
        <v>18</v>
      </c>
      <c r="AD22868">
        <v>18</v>
      </c>
      <c r="AE22868">
        <v>19</v>
      </c>
      <c r="AF22868">
        <v>19</v>
      </c>
      <c r="AG22868">
        <v>19</v>
      </c>
      <c r="AH22868">
        <v>19</v>
      </c>
      <c r="AI22868">
        <v>19</v>
      </c>
      <c r="AJ22868">
        <v>19</v>
      </c>
      <c r="AK22868">
        <v>19</v>
      </c>
      <c r="AL22868">
        <v>19</v>
      </c>
      <c r="AM22868">
        <v>19</v>
      </c>
      <c r="AN22868">
        <v>19</v>
      </c>
      <c r="AO22868">
        <v>19</v>
      </c>
      <c r="AP22868">
        <v>19</v>
      </c>
      <c r="AQ22868">
        <v>19</v>
      </c>
    </row>
    <row r="22869" spans="1:43">
      <c r="A22869" t="s">
        <v>14161</v>
      </c>
      <c r="B22869" t="s">
        <v>14162</v>
      </c>
      <c r="C22869" t="s">
        <v>14129</v>
      </c>
      <c r="D22869" t="s">
        <v>14130</v>
      </c>
      <c r="E22869" t="s">
        <v>14015</v>
      </c>
      <c r="F22869" t="s">
        <v>14016</v>
      </c>
      <c r="G22869" t="s">
        <v>10734</v>
      </c>
      <c r="H22869" t="s">
        <v>10735</v>
      </c>
      <c r="I22869" s="2">
        <v>0</v>
      </c>
      <c r="J22869" s="2">
        <v>0</v>
      </c>
      <c r="K22869" s="2">
        <v>1</v>
      </c>
      <c r="L22869" t="s">
        <v>995</v>
      </c>
      <c r="M22869" t="s">
        <v>83</v>
      </c>
      <c r="N22869" t="s">
        <v>91</v>
      </c>
      <c r="O22869" t="s">
        <v>85</v>
      </c>
      <c r="P22869" t="s">
        <v>86</v>
      </c>
      <c r="Q22869">
        <v>14</v>
      </c>
      <c r="R22869">
        <v>14</v>
      </c>
      <c r="S22869">
        <v>15</v>
      </c>
      <c r="T22869">
        <v>15</v>
      </c>
      <c r="U22869">
        <v>15</v>
      </c>
      <c r="V22869">
        <v>15</v>
      </c>
      <c r="W22869">
        <v>16</v>
      </c>
      <c r="X22869">
        <v>16</v>
      </c>
      <c r="Y22869">
        <v>16</v>
      </c>
      <c r="Z22869">
        <v>16</v>
      </c>
      <c r="AA22869">
        <v>17</v>
      </c>
      <c r="AB22869">
        <v>17</v>
      </c>
      <c r="AC22869">
        <v>17</v>
      </c>
      <c r="AD22869">
        <v>17</v>
      </c>
      <c r="AE22869">
        <v>17</v>
      </c>
      <c r="AF22869">
        <v>18</v>
      </c>
      <c r="AG22869">
        <v>18</v>
      </c>
      <c r="AH22869">
        <v>18</v>
      </c>
      <c r="AI22869">
        <v>18</v>
      </c>
      <c r="AJ22869">
        <v>19</v>
      </c>
      <c r="AK22869">
        <v>19</v>
      </c>
      <c r="AL22869">
        <v>19</v>
      </c>
      <c r="AM22869">
        <v>19</v>
      </c>
      <c r="AN22869">
        <v>19</v>
      </c>
      <c r="AO22869">
        <v>19</v>
      </c>
      <c r="AP22869">
        <v>19</v>
      </c>
      <c r="AQ22869">
        <v>19</v>
      </c>
    </row>
    <row r="22870" spans="1:43">
      <c r="A22870" t="s">
        <v>14163</v>
      </c>
      <c r="B22870" t="s">
        <v>14164</v>
      </c>
      <c r="C22870" t="s">
        <v>14165</v>
      </c>
      <c r="D22870" t="s">
        <v>14166</v>
      </c>
      <c r="E22870" t="s">
        <v>14167</v>
      </c>
      <c r="F22870" t="s">
        <v>14168</v>
      </c>
      <c r="G22870" t="s">
        <v>10734</v>
      </c>
      <c r="H22870" t="s">
        <v>10735</v>
      </c>
      <c r="I22870" s="2">
        <v>0</v>
      </c>
      <c r="J22870" s="2">
        <v>0</v>
      </c>
      <c r="K22870" s="2">
        <v>1</v>
      </c>
      <c r="L22870" t="s">
        <v>995</v>
      </c>
      <c r="M22870" t="s">
        <v>83</v>
      </c>
      <c r="N22870" t="s">
        <v>84</v>
      </c>
      <c r="O22870" t="s">
        <v>85</v>
      </c>
      <c r="P22870" t="s">
        <v>86</v>
      </c>
      <c r="Q22870">
        <v>150</v>
      </c>
      <c r="R22870">
        <v>154</v>
      </c>
      <c r="S22870">
        <v>158</v>
      </c>
      <c r="T22870">
        <v>163</v>
      </c>
      <c r="U22870">
        <v>167</v>
      </c>
      <c r="V22870">
        <v>172</v>
      </c>
      <c r="W22870">
        <v>177</v>
      </c>
      <c r="X22870">
        <v>182</v>
      </c>
      <c r="Y22870">
        <v>186</v>
      </c>
      <c r="Z22870">
        <v>192</v>
      </c>
      <c r="AA22870">
        <v>197</v>
      </c>
      <c r="AB22870">
        <v>202</v>
      </c>
      <c r="AC22870">
        <v>207</v>
      </c>
      <c r="AD22870">
        <v>213</v>
      </c>
      <c r="AE22870">
        <v>218</v>
      </c>
      <c r="AF22870">
        <v>224</v>
      </c>
      <c r="AG22870">
        <v>230</v>
      </c>
      <c r="AH22870">
        <v>236</v>
      </c>
      <c r="AI22870">
        <v>242</v>
      </c>
      <c r="AJ22870">
        <v>248</v>
      </c>
      <c r="AK22870">
        <v>254</v>
      </c>
      <c r="AL22870">
        <v>259</v>
      </c>
      <c r="AM22870">
        <v>263</v>
      </c>
      <c r="AN22870">
        <v>267</v>
      </c>
      <c r="AO22870">
        <v>271</v>
      </c>
      <c r="AP22870">
        <v>276</v>
      </c>
      <c r="AQ22870">
        <v>280</v>
      </c>
    </row>
    <row r="22871" spans="1:43">
      <c r="A22871" t="s">
        <v>14163</v>
      </c>
      <c r="B22871" t="s">
        <v>14164</v>
      </c>
      <c r="C22871" t="s">
        <v>14165</v>
      </c>
      <c r="D22871" t="s">
        <v>14166</v>
      </c>
      <c r="E22871" t="s">
        <v>14167</v>
      </c>
      <c r="F22871" t="s">
        <v>14168</v>
      </c>
      <c r="G22871" t="s">
        <v>10734</v>
      </c>
      <c r="H22871" t="s">
        <v>10735</v>
      </c>
      <c r="I22871" s="2">
        <v>0</v>
      </c>
      <c r="J22871" s="2">
        <v>0</v>
      </c>
      <c r="K22871" s="2">
        <v>1</v>
      </c>
      <c r="L22871" t="s">
        <v>995</v>
      </c>
      <c r="M22871" t="s">
        <v>87</v>
      </c>
      <c r="N22871" t="s">
        <v>88</v>
      </c>
      <c r="O22871" t="s">
        <v>85</v>
      </c>
      <c r="P22871" t="s">
        <v>86</v>
      </c>
      <c r="Q22871">
        <v>150</v>
      </c>
      <c r="R22871">
        <v>153</v>
      </c>
      <c r="S22871">
        <v>156</v>
      </c>
      <c r="T22871">
        <v>159</v>
      </c>
      <c r="U22871">
        <v>162</v>
      </c>
      <c r="V22871">
        <v>165</v>
      </c>
      <c r="W22871">
        <v>168</v>
      </c>
      <c r="X22871">
        <v>171</v>
      </c>
      <c r="Y22871">
        <v>174</v>
      </c>
      <c r="Z22871">
        <v>178</v>
      </c>
      <c r="AA22871">
        <v>181</v>
      </c>
      <c r="AB22871">
        <v>185</v>
      </c>
      <c r="AC22871">
        <v>188</v>
      </c>
      <c r="AD22871">
        <v>192</v>
      </c>
      <c r="AE22871">
        <v>195</v>
      </c>
      <c r="AF22871">
        <v>199</v>
      </c>
      <c r="AG22871">
        <v>203</v>
      </c>
      <c r="AH22871">
        <v>207</v>
      </c>
      <c r="AI22871">
        <v>210</v>
      </c>
      <c r="AJ22871">
        <v>214</v>
      </c>
      <c r="AK22871">
        <v>219</v>
      </c>
      <c r="AL22871">
        <v>223</v>
      </c>
      <c r="AM22871">
        <v>227</v>
      </c>
      <c r="AN22871">
        <v>231</v>
      </c>
      <c r="AO22871">
        <v>236</v>
      </c>
      <c r="AP22871">
        <v>240</v>
      </c>
      <c r="AQ22871">
        <v>245</v>
      </c>
    </row>
    <row r="22872" spans="1:43">
      <c r="A22872" t="s">
        <v>14163</v>
      </c>
      <c r="B22872" t="s">
        <v>14164</v>
      </c>
      <c r="C22872" t="s">
        <v>14165</v>
      </c>
      <c r="D22872" t="s">
        <v>14166</v>
      </c>
      <c r="E22872" t="s">
        <v>14167</v>
      </c>
      <c r="F22872" t="s">
        <v>14168</v>
      </c>
      <c r="G22872" t="s">
        <v>10734</v>
      </c>
      <c r="H22872" t="s">
        <v>10735</v>
      </c>
      <c r="I22872" s="2">
        <v>0</v>
      </c>
      <c r="J22872" s="2">
        <v>0</v>
      </c>
      <c r="K22872" s="2">
        <v>1</v>
      </c>
      <c r="L22872" t="s">
        <v>995</v>
      </c>
      <c r="M22872" t="s">
        <v>89</v>
      </c>
      <c r="N22872" t="s">
        <v>90</v>
      </c>
      <c r="O22872" t="s">
        <v>85</v>
      </c>
      <c r="P22872" t="s">
        <v>86</v>
      </c>
      <c r="Q22872">
        <v>150</v>
      </c>
      <c r="R22872">
        <v>156</v>
      </c>
      <c r="S22872">
        <v>161</v>
      </c>
      <c r="T22872">
        <v>167</v>
      </c>
      <c r="U22872">
        <v>173</v>
      </c>
      <c r="V22872">
        <v>179</v>
      </c>
      <c r="W22872">
        <v>185</v>
      </c>
      <c r="X22872">
        <v>191</v>
      </c>
      <c r="Y22872">
        <v>197</v>
      </c>
      <c r="Z22872">
        <v>203</v>
      </c>
      <c r="AA22872">
        <v>209</v>
      </c>
      <c r="AB22872">
        <v>215</v>
      </c>
      <c r="AC22872">
        <v>221</v>
      </c>
      <c r="AD22872">
        <v>228</v>
      </c>
      <c r="AE22872">
        <v>233</v>
      </c>
      <c r="AF22872">
        <v>237</v>
      </c>
      <c r="AG22872">
        <v>241</v>
      </c>
      <c r="AH22872">
        <v>245</v>
      </c>
      <c r="AI22872">
        <v>248</v>
      </c>
      <c r="AJ22872">
        <v>252</v>
      </c>
      <c r="AK22872">
        <v>256</v>
      </c>
      <c r="AL22872">
        <v>260</v>
      </c>
      <c r="AM22872">
        <v>265</v>
      </c>
      <c r="AN22872">
        <v>269</v>
      </c>
      <c r="AO22872">
        <v>273</v>
      </c>
      <c r="AP22872">
        <v>277</v>
      </c>
      <c r="AQ22872">
        <v>282</v>
      </c>
    </row>
    <row r="22873" spans="1:43">
      <c r="A22873" t="s">
        <v>14163</v>
      </c>
      <c r="B22873" t="s">
        <v>14164</v>
      </c>
      <c r="C22873" t="s">
        <v>14165</v>
      </c>
      <c r="D22873" t="s">
        <v>14166</v>
      </c>
      <c r="E22873" t="s">
        <v>14167</v>
      </c>
      <c r="F22873" t="s">
        <v>14168</v>
      </c>
      <c r="G22873" t="s">
        <v>10734</v>
      </c>
      <c r="H22873" t="s">
        <v>10735</v>
      </c>
      <c r="I22873" s="2">
        <v>0</v>
      </c>
      <c r="J22873" s="2">
        <v>0</v>
      </c>
      <c r="K22873" s="2">
        <v>1</v>
      </c>
      <c r="L22873" t="s">
        <v>995</v>
      </c>
      <c r="M22873" t="s">
        <v>83</v>
      </c>
      <c r="N22873" t="s">
        <v>91</v>
      </c>
      <c r="O22873" t="s">
        <v>85</v>
      </c>
      <c r="P22873" t="s">
        <v>86</v>
      </c>
      <c r="Q22873">
        <v>150</v>
      </c>
      <c r="R22873">
        <v>154</v>
      </c>
      <c r="S22873">
        <v>158</v>
      </c>
      <c r="T22873">
        <v>163</v>
      </c>
      <c r="U22873">
        <v>167</v>
      </c>
      <c r="V22873">
        <v>172</v>
      </c>
      <c r="W22873">
        <v>177</v>
      </c>
      <c r="X22873">
        <v>182</v>
      </c>
      <c r="Y22873">
        <v>186</v>
      </c>
      <c r="Z22873">
        <v>192</v>
      </c>
      <c r="AA22873">
        <v>197</v>
      </c>
      <c r="AB22873">
        <v>202</v>
      </c>
      <c r="AC22873">
        <v>207</v>
      </c>
      <c r="AD22873">
        <v>213</v>
      </c>
      <c r="AE22873">
        <v>218</v>
      </c>
      <c r="AF22873">
        <v>224</v>
      </c>
      <c r="AG22873">
        <v>230</v>
      </c>
      <c r="AH22873">
        <v>236</v>
      </c>
      <c r="AI22873">
        <v>242</v>
      </c>
      <c r="AJ22873">
        <v>248</v>
      </c>
      <c r="AK22873">
        <v>254</v>
      </c>
      <c r="AL22873">
        <v>259</v>
      </c>
      <c r="AM22873">
        <v>263</v>
      </c>
      <c r="AN22873">
        <v>267</v>
      </c>
      <c r="AO22873">
        <v>271</v>
      </c>
      <c r="AP22873">
        <v>276</v>
      </c>
      <c r="AQ22873">
        <v>280</v>
      </c>
    </row>
    <row r="22874" spans="1:43">
      <c r="A22874" t="s">
        <v>14169</v>
      </c>
      <c r="B22874" t="s">
        <v>14170</v>
      </c>
      <c r="C22874" t="s">
        <v>14165</v>
      </c>
      <c r="D22874" t="s">
        <v>14166</v>
      </c>
      <c r="E22874" t="s">
        <v>14167</v>
      </c>
      <c r="F22874" t="s">
        <v>14168</v>
      </c>
      <c r="G22874" t="s">
        <v>10734</v>
      </c>
      <c r="H22874" t="s">
        <v>10735</v>
      </c>
      <c r="I22874" s="2">
        <v>0</v>
      </c>
      <c r="J22874" s="2">
        <v>0</v>
      </c>
      <c r="K22874" s="2">
        <v>1</v>
      </c>
      <c r="L22874" t="s">
        <v>995</v>
      </c>
      <c r="M22874" t="s">
        <v>83</v>
      </c>
      <c r="N22874" t="s">
        <v>84</v>
      </c>
      <c r="O22874" t="s">
        <v>85</v>
      </c>
      <c r="P22874" t="s">
        <v>86</v>
      </c>
      <c r="Q22874">
        <v>7</v>
      </c>
      <c r="R22874">
        <v>7</v>
      </c>
      <c r="S22874">
        <v>7</v>
      </c>
      <c r="T22874">
        <v>7</v>
      </c>
      <c r="U22874">
        <v>8</v>
      </c>
      <c r="V22874">
        <v>8</v>
      </c>
      <c r="W22874">
        <v>8</v>
      </c>
      <c r="X22874">
        <v>8</v>
      </c>
      <c r="Y22874">
        <v>8</v>
      </c>
      <c r="Z22874">
        <v>9</v>
      </c>
      <c r="AA22874">
        <v>9</v>
      </c>
      <c r="AB22874">
        <v>9</v>
      </c>
      <c r="AC22874">
        <v>9</v>
      </c>
      <c r="AD22874">
        <v>10</v>
      </c>
      <c r="AE22874">
        <v>10</v>
      </c>
      <c r="AF22874">
        <v>10</v>
      </c>
      <c r="AG22874">
        <v>10</v>
      </c>
      <c r="AH22874">
        <v>11</v>
      </c>
      <c r="AI22874">
        <v>11</v>
      </c>
      <c r="AJ22874">
        <v>11</v>
      </c>
      <c r="AK22874">
        <v>11</v>
      </c>
      <c r="AL22874">
        <v>12</v>
      </c>
      <c r="AM22874">
        <v>12</v>
      </c>
      <c r="AN22874">
        <v>12</v>
      </c>
      <c r="AO22874">
        <v>12</v>
      </c>
      <c r="AP22874">
        <v>12</v>
      </c>
      <c r="AQ22874">
        <v>13</v>
      </c>
    </row>
    <row r="22875" spans="1:43">
      <c r="A22875" t="s">
        <v>14169</v>
      </c>
      <c r="B22875" t="s">
        <v>14170</v>
      </c>
      <c r="C22875" t="s">
        <v>14165</v>
      </c>
      <c r="D22875" t="s">
        <v>14166</v>
      </c>
      <c r="E22875" t="s">
        <v>14167</v>
      </c>
      <c r="F22875" t="s">
        <v>14168</v>
      </c>
      <c r="G22875" t="s">
        <v>10734</v>
      </c>
      <c r="H22875" t="s">
        <v>10735</v>
      </c>
      <c r="I22875" s="2">
        <v>0</v>
      </c>
      <c r="J22875" s="2">
        <v>0</v>
      </c>
      <c r="K22875" s="2">
        <v>1</v>
      </c>
      <c r="L22875" t="s">
        <v>995</v>
      </c>
      <c r="M22875" t="s">
        <v>87</v>
      </c>
      <c r="N22875" t="s">
        <v>88</v>
      </c>
      <c r="O22875" t="s">
        <v>85</v>
      </c>
      <c r="P22875" t="s">
        <v>86</v>
      </c>
      <c r="Q22875">
        <v>7</v>
      </c>
      <c r="R22875">
        <v>7</v>
      </c>
      <c r="S22875">
        <v>7</v>
      </c>
      <c r="T22875">
        <v>7</v>
      </c>
      <c r="U22875">
        <v>7</v>
      </c>
      <c r="V22875">
        <v>7</v>
      </c>
      <c r="W22875">
        <v>7</v>
      </c>
      <c r="X22875">
        <v>8</v>
      </c>
      <c r="Y22875">
        <v>8</v>
      </c>
      <c r="Z22875">
        <v>8</v>
      </c>
      <c r="AA22875">
        <v>8</v>
      </c>
      <c r="AB22875">
        <v>8</v>
      </c>
      <c r="AC22875">
        <v>8</v>
      </c>
      <c r="AD22875">
        <v>9</v>
      </c>
      <c r="AE22875">
        <v>9</v>
      </c>
      <c r="AF22875">
        <v>9</v>
      </c>
      <c r="AG22875">
        <v>9</v>
      </c>
      <c r="AH22875">
        <v>9</v>
      </c>
      <c r="AI22875">
        <v>9</v>
      </c>
      <c r="AJ22875">
        <v>10</v>
      </c>
      <c r="AK22875">
        <v>10</v>
      </c>
      <c r="AL22875">
        <v>10</v>
      </c>
      <c r="AM22875">
        <v>10</v>
      </c>
      <c r="AN22875">
        <v>10</v>
      </c>
      <c r="AO22875">
        <v>10</v>
      </c>
      <c r="AP22875">
        <v>11</v>
      </c>
      <c r="AQ22875">
        <v>11</v>
      </c>
    </row>
    <row r="22876" spans="1:43">
      <c r="A22876" t="s">
        <v>14169</v>
      </c>
      <c r="B22876" t="s">
        <v>14170</v>
      </c>
      <c r="C22876" t="s">
        <v>14165</v>
      </c>
      <c r="D22876" t="s">
        <v>14166</v>
      </c>
      <c r="E22876" t="s">
        <v>14167</v>
      </c>
      <c r="F22876" t="s">
        <v>14168</v>
      </c>
      <c r="G22876" t="s">
        <v>10734</v>
      </c>
      <c r="H22876" t="s">
        <v>10735</v>
      </c>
      <c r="I22876" s="2">
        <v>0</v>
      </c>
      <c r="J22876" s="2">
        <v>0</v>
      </c>
      <c r="K22876" s="2">
        <v>1</v>
      </c>
      <c r="L22876" t="s">
        <v>995</v>
      </c>
      <c r="M22876" t="s">
        <v>89</v>
      </c>
      <c r="N22876" t="s">
        <v>90</v>
      </c>
      <c r="O22876" t="s">
        <v>85</v>
      </c>
      <c r="P22876" t="s">
        <v>86</v>
      </c>
      <c r="Q22876">
        <v>7</v>
      </c>
      <c r="R22876">
        <v>7</v>
      </c>
      <c r="S22876">
        <v>7</v>
      </c>
      <c r="T22876">
        <v>8</v>
      </c>
      <c r="U22876">
        <v>8</v>
      </c>
      <c r="V22876">
        <v>8</v>
      </c>
      <c r="W22876">
        <v>8</v>
      </c>
      <c r="X22876">
        <v>9</v>
      </c>
      <c r="Y22876">
        <v>9</v>
      </c>
      <c r="Z22876">
        <v>9</v>
      </c>
      <c r="AA22876">
        <v>9</v>
      </c>
      <c r="AB22876">
        <v>10</v>
      </c>
      <c r="AC22876">
        <v>10</v>
      </c>
      <c r="AD22876">
        <v>10</v>
      </c>
      <c r="AE22876">
        <v>11</v>
      </c>
      <c r="AF22876">
        <v>11</v>
      </c>
      <c r="AG22876">
        <v>11</v>
      </c>
      <c r="AH22876">
        <v>11</v>
      </c>
      <c r="AI22876">
        <v>11</v>
      </c>
      <c r="AJ22876">
        <v>11</v>
      </c>
      <c r="AK22876">
        <v>12</v>
      </c>
      <c r="AL22876">
        <v>12</v>
      </c>
      <c r="AM22876">
        <v>12</v>
      </c>
      <c r="AN22876">
        <v>12</v>
      </c>
      <c r="AO22876">
        <v>12</v>
      </c>
      <c r="AP22876">
        <v>12</v>
      </c>
      <c r="AQ22876">
        <v>13</v>
      </c>
    </row>
    <row r="22877" spans="1:43">
      <c r="A22877" t="s">
        <v>14169</v>
      </c>
      <c r="B22877" t="s">
        <v>14170</v>
      </c>
      <c r="C22877" t="s">
        <v>14165</v>
      </c>
      <c r="D22877" t="s">
        <v>14166</v>
      </c>
      <c r="E22877" t="s">
        <v>14167</v>
      </c>
      <c r="F22877" t="s">
        <v>14168</v>
      </c>
      <c r="G22877" t="s">
        <v>10734</v>
      </c>
      <c r="H22877" t="s">
        <v>10735</v>
      </c>
      <c r="I22877" s="2">
        <v>0</v>
      </c>
      <c r="J22877" s="2">
        <v>0</v>
      </c>
      <c r="K22877" s="2">
        <v>1</v>
      </c>
      <c r="L22877" t="s">
        <v>995</v>
      </c>
      <c r="M22877" t="s">
        <v>83</v>
      </c>
      <c r="N22877" t="s">
        <v>91</v>
      </c>
      <c r="O22877" t="s">
        <v>85</v>
      </c>
      <c r="P22877" t="s">
        <v>86</v>
      </c>
      <c r="Q22877">
        <v>7</v>
      </c>
      <c r="R22877">
        <v>7</v>
      </c>
      <c r="S22877">
        <v>7</v>
      </c>
      <c r="T22877">
        <v>7</v>
      </c>
      <c r="U22877">
        <v>8</v>
      </c>
      <c r="V22877">
        <v>8</v>
      </c>
      <c r="W22877">
        <v>8</v>
      </c>
      <c r="X22877">
        <v>8</v>
      </c>
      <c r="Y22877">
        <v>8</v>
      </c>
      <c r="Z22877">
        <v>9</v>
      </c>
      <c r="AA22877">
        <v>9</v>
      </c>
      <c r="AB22877">
        <v>9</v>
      </c>
      <c r="AC22877">
        <v>9</v>
      </c>
      <c r="AD22877">
        <v>10</v>
      </c>
      <c r="AE22877">
        <v>10</v>
      </c>
      <c r="AF22877">
        <v>10</v>
      </c>
      <c r="AG22877">
        <v>10</v>
      </c>
      <c r="AH22877">
        <v>11</v>
      </c>
      <c r="AI22877">
        <v>11</v>
      </c>
      <c r="AJ22877">
        <v>11</v>
      </c>
      <c r="AK22877">
        <v>11</v>
      </c>
      <c r="AL22877">
        <v>12</v>
      </c>
      <c r="AM22877">
        <v>12</v>
      </c>
      <c r="AN22877">
        <v>12</v>
      </c>
      <c r="AO22877">
        <v>12</v>
      </c>
      <c r="AP22877">
        <v>12</v>
      </c>
      <c r="AQ22877">
        <v>13</v>
      </c>
    </row>
    <row r="22878" spans="1:43">
      <c r="A22878" t="s">
        <v>14171</v>
      </c>
      <c r="B22878" t="s">
        <v>14172</v>
      </c>
      <c r="C22878" t="s">
        <v>14165</v>
      </c>
      <c r="D22878" t="s">
        <v>14166</v>
      </c>
      <c r="E22878" t="s">
        <v>14167</v>
      </c>
      <c r="F22878" t="s">
        <v>14168</v>
      </c>
      <c r="G22878" t="s">
        <v>10734</v>
      </c>
      <c r="H22878" t="s">
        <v>10735</v>
      </c>
      <c r="I22878" s="2">
        <v>0</v>
      </c>
      <c r="J22878" s="2">
        <v>0</v>
      </c>
      <c r="K22878" s="2">
        <v>1</v>
      </c>
      <c r="L22878" t="s">
        <v>995</v>
      </c>
      <c r="M22878" t="s">
        <v>83</v>
      </c>
      <c r="N22878" t="s">
        <v>84</v>
      </c>
      <c r="O22878" t="s">
        <v>85</v>
      </c>
      <c r="P22878" t="s">
        <v>86</v>
      </c>
      <c r="Q22878">
        <v>23</v>
      </c>
      <c r="R22878">
        <v>24</v>
      </c>
      <c r="S22878">
        <v>24</v>
      </c>
      <c r="T22878">
        <v>25</v>
      </c>
      <c r="U22878">
        <v>26</v>
      </c>
      <c r="V22878">
        <v>26</v>
      </c>
      <c r="W22878">
        <v>27</v>
      </c>
      <c r="X22878">
        <v>28</v>
      </c>
      <c r="Y22878">
        <v>29</v>
      </c>
      <c r="Z22878">
        <v>29</v>
      </c>
      <c r="AA22878">
        <v>30</v>
      </c>
      <c r="AB22878">
        <v>31</v>
      </c>
      <c r="AC22878">
        <v>32</v>
      </c>
      <c r="AD22878">
        <v>33</v>
      </c>
      <c r="AE22878">
        <v>33</v>
      </c>
      <c r="AF22878">
        <v>34</v>
      </c>
      <c r="AG22878">
        <v>35</v>
      </c>
      <c r="AH22878">
        <v>36</v>
      </c>
      <c r="AI22878">
        <v>37</v>
      </c>
      <c r="AJ22878">
        <v>38</v>
      </c>
      <c r="AK22878">
        <v>39</v>
      </c>
      <c r="AL22878">
        <v>40</v>
      </c>
      <c r="AM22878">
        <v>40</v>
      </c>
      <c r="AN22878">
        <v>41</v>
      </c>
      <c r="AO22878">
        <v>42</v>
      </c>
      <c r="AP22878">
        <v>42</v>
      </c>
      <c r="AQ22878">
        <v>43</v>
      </c>
    </row>
    <row r="22879" spans="1:43">
      <c r="A22879" t="s">
        <v>14171</v>
      </c>
      <c r="B22879" t="s">
        <v>14172</v>
      </c>
      <c r="C22879" t="s">
        <v>14165</v>
      </c>
      <c r="D22879" t="s">
        <v>14166</v>
      </c>
      <c r="E22879" t="s">
        <v>14167</v>
      </c>
      <c r="F22879" t="s">
        <v>14168</v>
      </c>
      <c r="G22879" t="s">
        <v>10734</v>
      </c>
      <c r="H22879" t="s">
        <v>10735</v>
      </c>
      <c r="I22879" s="2">
        <v>0</v>
      </c>
      <c r="J22879" s="2">
        <v>0</v>
      </c>
      <c r="K22879" s="2">
        <v>1</v>
      </c>
      <c r="L22879" t="s">
        <v>995</v>
      </c>
      <c r="M22879" t="s">
        <v>87</v>
      </c>
      <c r="N22879" t="s">
        <v>88</v>
      </c>
      <c r="O22879" t="s">
        <v>85</v>
      </c>
      <c r="P22879" t="s">
        <v>86</v>
      </c>
      <c r="Q22879">
        <v>23</v>
      </c>
      <c r="R22879">
        <v>23</v>
      </c>
      <c r="S22879">
        <v>24</v>
      </c>
      <c r="T22879">
        <v>24</v>
      </c>
      <c r="U22879">
        <v>25</v>
      </c>
      <c r="V22879">
        <v>25</v>
      </c>
      <c r="W22879">
        <v>25</v>
      </c>
      <c r="X22879">
        <v>26</v>
      </c>
      <c r="Y22879">
        <v>26</v>
      </c>
      <c r="Z22879">
        <v>27</v>
      </c>
      <c r="AA22879">
        <v>27</v>
      </c>
      <c r="AB22879">
        <v>28</v>
      </c>
      <c r="AC22879">
        <v>29</v>
      </c>
      <c r="AD22879">
        <v>29</v>
      </c>
      <c r="AE22879">
        <v>30</v>
      </c>
      <c r="AF22879">
        <v>30</v>
      </c>
      <c r="AG22879">
        <v>31</v>
      </c>
      <c r="AH22879">
        <v>31</v>
      </c>
      <c r="AI22879">
        <v>32</v>
      </c>
      <c r="AJ22879">
        <v>33</v>
      </c>
      <c r="AK22879">
        <v>33</v>
      </c>
      <c r="AL22879">
        <v>34</v>
      </c>
      <c r="AM22879">
        <v>34</v>
      </c>
      <c r="AN22879">
        <v>35</v>
      </c>
      <c r="AO22879">
        <v>36</v>
      </c>
      <c r="AP22879">
        <v>36</v>
      </c>
      <c r="AQ22879">
        <v>37</v>
      </c>
    </row>
    <row r="22880" spans="1:43">
      <c r="A22880" t="s">
        <v>14171</v>
      </c>
      <c r="B22880" t="s">
        <v>14172</v>
      </c>
      <c r="C22880" t="s">
        <v>14165</v>
      </c>
      <c r="D22880" t="s">
        <v>14166</v>
      </c>
      <c r="E22880" t="s">
        <v>14167</v>
      </c>
      <c r="F22880" t="s">
        <v>14168</v>
      </c>
      <c r="G22880" t="s">
        <v>10734</v>
      </c>
      <c r="H22880" t="s">
        <v>10735</v>
      </c>
      <c r="I22880" s="2">
        <v>0</v>
      </c>
      <c r="J22880" s="2">
        <v>0</v>
      </c>
      <c r="K22880" s="2">
        <v>1</v>
      </c>
      <c r="L22880" t="s">
        <v>995</v>
      </c>
      <c r="M22880" t="s">
        <v>89</v>
      </c>
      <c r="N22880" t="s">
        <v>90</v>
      </c>
      <c r="O22880" t="s">
        <v>85</v>
      </c>
      <c r="P22880" t="s">
        <v>86</v>
      </c>
      <c r="Q22880">
        <v>23</v>
      </c>
      <c r="R22880">
        <v>24</v>
      </c>
      <c r="S22880">
        <v>25</v>
      </c>
      <c r="T22880">
        <v>26</v>
      </c>
      <c r="U22880">
        <v>27</v>
      </c>
      <c r="V22880">
        <v>28</v>
      </c>
      <c r="W22880">
        <v>28</v>
      </c>
      <c r="X22880">
        <v>29</v>
      </c>
      <c r="Y22880">
        <v>30</v>
      </c>
      <c r="Z22880">
        <v>31</v>
      </c>
      <c r="AA22880">
        <v>32</v>
      </c>
      <c r="AB22880">
        <v>33</v>
      </c>
      <c r="AC22880">
        <v>34</v>
      </c>
      <c r="AD22880">
        <v>35</v>
      </c>
      <c r="AE22880">
        <v>36</v>
      </c>
      <c r="AF22880">
        <v>36</v>
      </c>
      <c r="AG22880">
        <v>37</v>
      </c>
      <c r="AH22880">
        <v>38</v>
      </c>
      <c r="AI22880">
        <v>38</v>
      </c>
      <c r="AJ22880">
        <v>39</v>
      </c>
      <c r="AK22880">
        <v>39</v>
      </c>
      <c r="AL22880">
        <v>40</v>
      </c>
      <c r="AM22880">
        <v>41</v>
      </c>
      <c r="AN22880">
        <v>41</v>
      </c>
      <c r="AO22880">
        <v>42</v>
      </c>
      <c r="AP22880">
        <v>43</v>
      </c>
      <c r="AQ22880">
        <v>43</v>
      </c>
    </row>
    <row r="22881" spans="1:43">
      <c r="A22881" t="s">
        <v>14171</v>
      </c>
      <c r="B22881" t="s">
        <v>14172</v>
      </c>
      <c r="C22881" t="s">
        <v>14165</v>
      </c>
      <c r="D22881" t="s">
        <v>14166</v>
      </c>
      <c r="E22881" t="s">
        <v>14167</v>
      </c>
      <c r="F22881" t="s">
        <v>14168</v>
      </c>
      <c r="G22881" t="s">
        <v>10734</v>
      </c>
      <c r="H22881" t="s">
        <v>10735</v>
      </c>
      <c r="I22881" s="2">
        <v>0</v>
      </c>
      <c r="J22881" s="2">
        <v>0</v>
      </c>
      <c r="K22881" s="2">
        <v>1</v>
      </c>
      <c r="L22881" t="s">
        <v>995</v>
      </c>
      <c r="M22881" t="s">
        <v>83</v>
      </c>
      <c r="N22881" t="s">
        <v>91</v>
      </c>
      <c r="O22881" t="s">
        <v>85</v>
      </c>
      <c r="P22881" t="s">
        <v>86</v>
      </c>
      <c r="Q22881">
        <v>23</v>
      </c>
      <c r="R22881">
        <v>24</v>
      </c>
      <c r="S22881">
        <v>24</v>
      </c>
      <c r="T22881">
        <v>25</v>
      </c>
      <c r="U22881">
        <v>26</v>
      </c>
      <c r="V22881">
        <v>26</v>
      </c>
      <c r="W22881">
        <v>27</v>
      </c>
      <c r="X22881">
        <v>28</v>
      </c>
      <c r="Y22881">
        <v>29</v>
      </c>
      <c r="Z22881">
        <v>29</v>
      </c>
      <c r="AA22881">
        <v>30</v>
      </c>
      <c r="AB22881">
        <v>31</v>
      </c>
      <c r="AC22881">
        <v>32</v>
      </c>
      <c r="AD22881">
        <v>33</v>
      </c>
      <c r="AE22881">
        <v>33</v>
      </c>
      <c r="AF22881">
        <v>34</v>
      </c>
      <c r="AG22881">
        <v>35</v>
      </c>
      <c r="AH22881">
        <v>36</v>
      </c>
      <c r="AI22881">
        <v>37</v>
      </c>
      <c r="AJ22881">
        <v>38</v>
      </c>
      <c r="AK22881">
        <v>39</v>
      </c>
      <c r="AL22881">
        <v>40</v>
      </c>
      <c r="AM22881">
        <v>40</v>
      </c>
      <c r="AN22881">
        <v>41</v>
      </c>
      <c r="AO22881">
        <v>42</v>
      </c>
      <c r="AP22881">
        <v>42</v>
      </c>
      <c r="AQ22881">
        <v>43</v>
      </c>
    </row>
    <row r="22882" spans="1:43">
      <c r="A22882" t="s">
        <v>14173</v>
      </c>
      <c r="B22882" t="s">
        <v>14174</v>
      </c>
      <c r="C22882" t="s">
        <v>14175</v>
      </c>
      <c r="D22882" t="s">
        <v>14176</v>
      </c>
      <c r="E22882" t="s">
        <v>14167</v>
      </c>
      <c r="F22882" t="s">
        <v>14168</v>
      </c>
      <c r="G22882" t="s">
        <v>10734</v>
      </c>
      <c r="H22882" t="s">
        <v>10735</v>
      </c>
      <c r="I22882" s="2">
        <v>0</v>
      </c>
      <c r="J22882" s="2">
        <v>0</v>
      </c>
      <c r="K22882" s="2">
        <v>1</v>
      </c>
      <c r="L22882" t="s">
        <v>995</v>
      </c>
      <c r="M22882" t="s">
        <v>83</v>
      </c>
      <c r="N22882" t="s">
        <v>84</v>
      </c>
      <c r="O22882" t="s">
        <v>85</v>
      </c>
      <c r="P22882" t="s">
        <v>86</v>
      </c>
      <c r="Q22882">
        <v>46</v>
      </c>
      <c r="R22882">
        <v>47</v>
      </c>
      <c r="S22882">
        <v>48</v>
      </c>
      <c r="T22882">
        <v>50</v>
      </c>
      <c r="U22882">
        <v>51</v>
      </c>
      <c r="V22882">
        <v>52</v>
      </c>
      <c r="W22882">
        <v>54</v>
      </c>
      <c r="X22882">
        <v>55</v>
      </c>
      <c r="Y22882">
        <v>57</v>
      </c>
      <c r="Z22882">
        <v>59</v>
      </c>
      <c r="AA22882">
        <v>60</v>
      </c>
      <c r="AB22882">
        <v>62</v>
      </c>
      <c r="AC22882">
        <v>63</v>
      </c>
      <c r="AD22882">
        <v>65</v>
      </c>
      <c r="AE22882">
        <v>67</v>
      </c>
      <c r="AF22882">
        <v>68</v>
      </c>
      <c r="AG22882">
        <v>70</v>
      </c>
      <c r="AH22882">
        <v>72</v>
      </c>
      <c r="AI22882">
        <v>74</v>
      </c>
      <c r="AJ22882">
        <v>76</v>
      </c>
      <c r="AK22882">
        <v>78</v>
      </c>
      <c r="AL22882">
        <v>79</v>
      </c>
      <c r="AM22882">
        <v>80</v>
      </c>
      <c r="AN22882">
        <v>82</v>
      </c>
      <c r="AO22882">
        <v>83</v>
      </c>
      <c r="AP22882">
        <v>84</v>
      </c>
      <c r="AQ22882">
        <v>86</v>
      </c>
    </row>
    <row r="22883" spans="1:43">
      <c r="A22883" t="s">
        <v>14173</v>
      </c>
      <c r="B22883" t="s">
        <v>14174</v>
      </c>
      <c r="C22883" t="s">
        <v>14175</v>
      </c>
      <c r="D22883" t="s">
        <v>14176</v>
      </c>
      <c r="E22883" t="s">
        <v>14167</v>
      </c>
      <c r="F22883" t="s">
        <v>14168</v>
      </c>
      <c r="G22883" t="s">
        <v>10734</v>
      </c>
      <c r="H22883" t="s">
        <v>10735</v>
      </c>
      <c r="I22883" s="2">
        <v>0</v>
      </c>
      <c r="J22883" s="2">
        <v>0</v>
      </c>
      <c r="K22883" s="2">
        <v>1</v>
      </c>
      <c r="L22883" t="s">
        <v>995</v>
      </c>
      <c r="M22883" t="s">
        <v>87</v>
      </c>
      <c r="N22883" t="s">
        <v>88</v>
      </c>
      <c r="O22883" t="s">
        <v>85</v>
      </c>
      <c r="P22883" t="s">
        <v>86</v>
      </c>
      <c r="Q22883">
        <v>46</v>
      </c>
      <c r="R22883">
        <v>47</v>
      </c>
      <c r="S22883">
        <v>48</v>
      </c>
      <c r="T22883">
        <v>49</v>
      </c>
      <c r="U22883">
        <v>50</v>
      </c>
      <c r="V22883">
        <v>51</v>
      </c>
      <c r="W22883">
        <v>52</v>
      </c>
      <c r="X22883">
        <v>53</v>
      </c>
      <c r="Y22883">
        <v>54</v>
      </c>
      <c r="Z22883">
        <v>55</v>
      </c>
      <c r="AA22883">
        <v>56</v>
      </c>
      <c r="AB22883">
        <v>57</v>
      </c>
      <c r="AC22883">
        <v>58</v>
      </c>
      <c r="AD22883">
        <v>59</v>
      </c>
      <c r="AE22883">
        <v>60</v>
      </c>
      <c r="AF22883">
        <v>61</v>
      </c>
      <c r="AG22883">
        <v>62</v>
      </c>
      <c r="AH22883">
        <v>64</v>
      </c>
      <c r="AI22883">
        <v>65</v>
      </c>
      <c r="AJ22883">
        <v>66</v>
      </c>
      <c r="AK22883">
        <v>67</v>
      </c>
      <c r="AL22883">
        <v>69</v>
      </c>
      <c r="AM22883">
        <v>70</v>
      </c>
      <c r="AN22883">
        <v>71</v>
      </c>
      <c r="AO22883">
        <v>73</v>
      </c>
      <c r="AP22883">
        <v>74</v>
      </c>
      <c r="AQ22883">
        <v>75</v>
      </c>
    </row>
    <row r="22884" spans="1:43">
      <c r="A22884" t="s">
        <v>14173</v>
      </c>
      <c r="B22884" t="s">
        <v>14174</v>
      </c>
      <c r="C22884" t="s">
        <v>14175</v>
      </c>
      <c r="D22884" t="s">
        <v>14176</v>
      </c>
      <c r="E22884" t="s">
        <v>14167</v>
      </c>
      <c r="F22884" t="s">
        <v>14168</v>
      </c>
      <c r="G22884" t="s">
        <v>10734</v>
      </c>
      <c r="H22884" t="s">
        <v>10735</v>
      </c>
      <c r="I22884" s="2">
        <v>0</v>
      </c>
      <c r="J22884" s="2">
        <v>0</v>
      </c>
      <c r="K22884" s="2">
        <v>1</v>
      </c>
      <c r="L22884" t="s">
        <v>995</v>
      </c>
      <c r="M22884" t="s">
        <v>89</v>
      </c>
      <c r="N22884" t="s">
        <v>90</v>
      </c>
      <c r="O22884" t="s">
        <v>85</v>
      </c>
      <c r="P22884" t="s">
        <v>86</v>
      </c>
      <c r="Q22884">
        <v>46</v>
      </c>
      <c r="R22884">
        <v>48</v>
      </c>
      <c r="S22884">
        <v>50</v>
      </c>
      <c r="T22884">
        <v>51</v>
      </c>
      <c r="U22884">
        <v>53</v>
      </c>
      <c r="V22884">
        <v>55</v>
      </c>
      <c r="W22884">
        <v>57</v>
      </c>
      <c r="X22884">
        <v>59</v>
      </c>
      <c r="Y22884">
        <v>60</v>
      </c>
      <c r="Z22884">
        <v>62</v>
      </c>
      <c r="AA22884">
        <v>64</v>
      </c>
      <c r="AB22884">
        <v>66</v>
      </c>
      <c r="AC22884">
        <v>68</v>
      </c>
      <c r="AD22884">
        <v>70</v>
      </c>
      <c r="AE22884">
        <v>71</v>
      </c>
      <c r="AF22884">
        <v>73</v>
      </c>
      <c r="AG22884">
        <v>74</v>
      </c>
      <c r="AH22884">
        <v>75</v>
      </c>
      <c r="AI22884">
        <v>76</v>
      </c>
      <c r="AJ22884">
        <v>77</v>
      </c>
      <c r="AK22884">
        <v>79</v>
      </c>
      <c r="AL22884">
        <v>80</v>
      </c>
      <c r="AM22884">
        <v>81</v>
      </c>
      <c r="AN22884">
        <v>82</v>
      </c>
      <c r="AO22884">
        <v>84</v>
      </c>
      <c r="AP22884">
        <v>85</v>
      </c>
      <c r="AQ22884">
        <v>86</v>
      </c>
    </row>
    <row r="22885" spans="1:43">
      <c r="A22885" t="s">
        <v>14173</v>
      </c>
      <c r="B22885" t="s">
        <v>14174</v>
      </c>
      <c r="C22885" t="s">
        <v>14175</v>
      </c>
      <c r="D22885" t="s">
        <v>14176</v>
      </c>
      <c r="E22885" t="s">
        <v>14167</v>
      </c>
      <c r="F22885" t="s">
        <v>14168</v>
      </c>
      <c r="G22885" t="s">
        <v>10734</v>
      </c>
      <c r="H22885" t="s">
        <v>10735</v>
      </c>
      <c r="I22885" s="2">
        <v>0</v>
      </c>
      <c r="J22885" s="2">
        <v>0</v>
      </c>
      <c r="K22885" s="2">
        <v>1</v>
      </c>
      <c r="L22885" t="s">
        <v>995</v>
      </c>
      <c r="M22885" t="s">
        <v>83</v>
      </c>
      <c r="N22885" t="s">
        <v>91</v>
      </c>
      <c r="O22885" t="s">
        <v>85</v>
      </c>
      <c r="P22885" t="s">
        <v>86</v>
      </c>
      <c r="Q22885">
        <v>46</v>
      </c>
      <c r="R22885">
        <v>47</v>
      </c>
      <c r="S22885">
        <v>48</v>
      </c>
      <c r="T22885">
        <v>50</v>
      </c>
      <c r="U22885">
        <v>51</v>
      </c>
      <c r="V22885">
        <v>52</v>
      </c>
      <c r="W22885">
        <v>54</v>
      </c>
      <c r="X22885">
        <v>55</v>
      </c>
      <c r="Y22885">
        <v>57</v>
      </c>
      <c r="Z22885">
        <v>59</v>
      </c>
      <c r="AA22885">
        <v>60</v>
      </c>
      <c r="AB22885">
        <v>62</v>
      </c>
      <c r="AC22885">
        <v>63</v>
      </c>
      <c r="AD22885">
        <v>65</v>
      </c>
      <c r="AE22885">
        <v>67</v>
      </c>
      <c r="AF22885">
        <v>68</v>
      </c>
      <c r="AG22885">
        <v>70</v>
      </c>
      <c r="AH22885">
        <v>72</v>
      </c>
      <c r="AI22885">
        <v>74</v>
      </c>
      <c r="AJ22885">
        <v>76</v>
      </c>
      <c r="AK22885">
        <v>78</v>
      </c>
      <c r="AL22885">
        <v>79</v>
      </c>
      <c r="AM22885">
        <v>80</v>
      </c>
      <c r="AN22885">
        <v>82</v>
      </c>
      <c r="AO22885">
        <v>83</v>
      </c>
      <c r="AP22885">
        <v>84</v>
      </c>
      <c r="AQ22885">
        <v>86</v>
      </c>
    </row>
    <row r="22886" spans="1:43">
      <c r="A22886" t="s">
        <v>14177</v>
      </c>
      <c r="B22886" t="s">
        <v>14178</v>
      </c>
      <c r="C22886" t="s">
        <v>14175</v>
      </c>
      <c r="D22886" t="s">
        <v>14176</v>
      </c>
      <c r="E22886" t="s">
        <v>14167</v>
      </c>
      <c r="F22886" t="s">
        <v>14168</v>
      </c>
      <c r="G22886" t="s">
        <v>10734</v>
      </c>
      <c r="H22886" t="s">
        <v>10735</v>
      </c>
      <c r="I22886" s="2">
        <v>0</v>
      </c>
      <c r="J22886" s="2">
        <v>0</v>
      </c>
      <c r="K22886" s="2">
        <v>1</v>
      </c>
      <c r="L22886" t="s">
        <v>995</v>
      </c>
      <c r="M22886" t="s">
        <v>83</v>
      </c>
      <c r="N22886" t="s">
        <v>84</v>
      </c>
      <c r="O22886" t="s">
        <v>85</v>
      </c>
      <c r="P22886" t="s">
        <v>86</v>
      </c>
      <c r="Q22886">
        <v>30</v>
      </c>
      <c r="R22886">
        <v>30</v>
      </c>
      <c r="S22886">
        <v>31</v>
      </c>
      <c r="T22886">
        <v>32</v>
      </c>
      <c r="U22886">
        <v>33</v>
      </c>
      <c r="V22886">
        <v>34</v>
      </c>
      <c r="W22886">
        <v>35</v>
      </c>
      <c r="X22886">
        <v>36</v>
      </c>
      <c r="Y22886">
        <v>37</v>
      </c>
      <c r="Z22886">
        <v>38</v>
      </c>
      <c r="AA22886">
        <v>39</v>
      </c>
      <c r="AB22886">
        <v>40</v>
      </c>
      <c r="AC22886">
        <v>41</v>
      </c>
      <c r="AD22886">
        <v>42</v>
      </c>
      <c r="AE22886">
        <v>43</v>
      </c>
      <c r="AF22886">
        <v>44</v>
      </c>
      <c r="AG22886">
        <v>46</v>
      </c>
      <c r="AH22886">
        <v>47</v>
      </c>
      <c r="AI22886">
        <v>48</v>
      </c>
      <c r="AJ22886">
        <v>49</v>
      </c>
      <c r="AK22886">
        <v>50</v>
      </c>
      <c r="AL22886">
        <v>51</v>
      </c>
      <c r="AM22886">
        <v>52</v>
      </c>
      <c r="AN22886">
        <v>53</v>
      </c>
      <c r="AO22886">
        <v>54</v>
      </c>
      <c r="AP22886">
        <v>55</v>
      </c>
      <c r="AQ22886">
        <v>56</v>
      </c>
    </row>
    <row r="22887" spans="1:43">
      <c r="A22887" t="s">
        <v>14177</v>
      </c>
      <c r="B22887" t="s">
        <v>14178</v>
      </c>
      <c r="C22887" t="s">
        <v>14175</v>
      </c>
      <c r="D22887" t="s">
        <v>14176</v>
      </c>
      <c r="E22887" t="s">
        <v>14167</v>
      </c>
      <c r="F22887" t="s">
        <v>14168</v>
      </c>
      <c r="G22887" t="s">
        <v>10734</v>
      </c>
      <c r="H22887" t="s">
        <v>10735</v>
      </c>
      <c r="I22887" s="2">
        <v>0</v>
      </c>
      <c r="J22887" s="2">
        <v>0</v>
      </c>
      <c r="K22887" s="2">
        <v>1</v>
      </c>
      <c r="L22887" t="s">
        <v>995</v>
      </c>
      <c r="M22887" t="s">
        <v>87</v>
      </c>
      <c r="N22887" t="s">
        <v>88</v>
      </c>
      <c r="O22887" t="s">
        <v>85</v>
      </c>
      <c r="P22887" t="s">
        <v>86</v>
      </c>
      <c r="Q22887">
        <v>30</v>
      </c>
      <c r="R22887">
        <v>31</v>
      </c>
      <c r="S22887">
        <v>31</v>
      </c>
      <c r="T22887">
        <v>32</v>
      </c>
      <c r="U22887">
        <v>33</v>
      </c>
      <c r="V22887">
        <v>33</v>
      </c>
      <c r="W22887">
        <v>34</v>
      </c>
      <c r="X22887">
        <v>35</v>
      </c>
      <c r="Y22887">
        <v>35</v>
      </c>
      <c r="Z22887">
        <v>36</v>
      </c>
      <c r="AA22887">
        <v>37</v>
      </c>
      <c r="AB22887">
        <v>37</v>
      </c>
      <c r="AC22887">
        <v>38</v>
      </c>
      <c r="AD22887">
        <v>39</v>
      </c>
      <c r="AE22887">
        <v>39</v>
      </c>
      <c r="AF22887">
        <v>40</v>
      </c>
      <c r="AG22887">
        <v>41</v>
      </c>
      <c r="AH22887">
        <v>42</v>
      </c>
      <c r="AI22887">
        <v>42</v>
      </c>
      <c r="AJ22887">
        <v>43</v>
      </c>
      <c r="AK22887">
        <v>44</v>
      </c>
      <c r="AL22887">
        <v>45</v>
      </c>
      <c r="AM22887">
        <v>46</v>
      </c>
      <c r="AN22887">
        <v>47</v>
      </c>
      <c r="AO22887">
        <v>48</v>
      </c>
      <c r="AP22887">
        <v>48</v>
      </c>
      <c r="AQ22887">
        <v>49</v>
      </c>
    </row>
    <row r="22888" spans="1:43">
      <c r="A22888" t="s">
        <v>14177</v>
      </c>
      <c r="B22888" t="s">
        <v>14178</v>
      </c>
      <c r="C22888" t="s">
        <v>14175</v>
      </c>
      <c r="D22888" t="s">
        <v>14176</v>
      </c>
      <c r="E22888" t="s">
        <v>14167</v>
      </c>
      <c r="F22888" t="s">
        <v>14168</v>
      </c>
      <c r="G22888" t="s">
        <v>10734</v>
      </c>
      <c r="H22888" t="s">
        <v>10735</v>
      </c>
      <c r="I22888" s="2">
        <v>0</v>
      </c>
      <c r="J22888" s="2">
        <v>0</v>
      </c>
      <c r="K22888" s="2">
        <v>1</v>
      </c>
      <c r="L22888" t="s">
        <v>995</v>
      </c>
      <c r="M22888" t="s">
        <v>89</v>
      </c>
      <c r="N22888" t="s">
        <v>90</v>
      </c>
      <c r="O22888" t="s">
        <v>85</v>
      </c>
      <c r="P22888" t="s">
        <v>86</v>
      </c>
      <c r="Q22888">
        <v>30</v>
      </c>
      <c r="R22888">
        <v>31</v>
      </c>
      <c r="S22888">
        <v>32</v>
      </c>
      <c r="T22888">
        <v>33</v>
      </c>
      <c r="U22888">
        <v>34</v>
      </c>
      <c r="V22888">
        <v>36</v>
      </c>
      <c r="W22888">
        <v>37</v>
      </c>
      <c r="X22888">
        <v>38</v>
      </c>
      <c r="Y22888">
        <v>39</v>
      </c>
      <c r="Z22888">
        <v>40</v>
      </c>
      <c r="AA22888">
        <v>42</v>
      </c>
      <c r="AB22888">
        <v>43</v>
      </c>
      <c r="AC22888">
        <v>44</v>
      </c>
      <c r="AD22888">
        <v>45</v>
      </c>
      <c r="AE22888">
        <v>46</v>
      </c>
      <c r="AF22888">
        <v>47</v>
      </c>
      <c r="AG22888">
        <v>48</v>
      </c>
      <c r="AH22888">
        <v>49</v>
      </c>
      <c r="AI22888">
        <v>49</v>
      </c>
      <c r="AJ22888">
        <v>50</v>
      </c>
      <c r="AK22888">
        <v>51</v>
      </c>
      <c r="AL22888">
        <v>52</v>
      </c>
      <c r="AM22888">
        <v>53</v>
      </c>
      <c r="AN22888">
        <v>53</v>
      </c>
      <c r="AO22888">
        <v>54</v>
      </c>
      <c r="AP22888">
        <v>55</v>
      </c>
      <c r="AQ22888">
        <v>56</v>
      </c>
    </row>
    <row r="22889" spans="1:43">
      <c r="A22889" t="s">
        <v>14177</v>
      </c>
      <c r="B22889" t="s">
        <v>14178</v>
      </c>
      <c r="C22889" t="s">
        <v>14175</v>
      </c>
      <c r="D22889" t="s">
        <v>14176</v>
      </c>
      <c r="E22889" t="s">
        <v>14167</v>
      </c>
      <c r="F22889" t="s">
        <v>14168</v>
      </c>
      <c r="G22889" t="s">
        <v>10734</v>
      </c>
      <c r="H22889" t="s">
        <v>10735</v>
      </c>
      <c r="I22889" s="2">
        <v>0</v>
      </c>
      <c r="J22889" s="2">
        <v>0</v>
      </c>
      <c r="K22889" s="2">
        <v>1</v>
      </c>
      <c r="L22889" t="s">
        <v>995</v>
      </c>
      <c r="M22889" t="s">
        <v>83</v>
      </c>
      <c r="N22889" t="s">
        <v>91</v>
      </c>
      <c r="O22889" t="s">
        <v>85</v>
      </c>
      <c r="P22889" t="s">
        <v>86</v>
      </c>
      <c r="Q22889">
        <v>30</v>
      </c>
      <c r="R22889">
        <v>30</v>
      </c>
      <c r="S22889">
        <v>31</v>
      </c>
      <c r="T22889">
        <v>32</v>
      </c>
      <c r="U22889">
        <v>33</v>
      </c>
      <c r="V22889">
        <v>34</v>
      </c>
      <c r="W22889">
        <v>35</v>
      </c>
      <c r="X22889">
        <v>36</v>
      </c>
      <c r="Y22889">
        <v>37</v>
      </c>
      <c r="Z22889">
        <v>38</v>
      </c>
      <c r="AA22889">
        <v>39</v>
      </c>
      <c r="AB22889">
        <v>40</v>
      </c>
      <c r="AC22889">
        <v>41</v>
      </c>
      <c r="AD22889">
        <v>42</v>
      </c>
      <c r="AE22889">
        <v>43</v>
      </c>
      <c r="AF22889">
        <v>44</v>
      </c>
      <c r="AG22889">
        <v>46</v>
      </c>
      <c r="AH22889">
        <v>47</v>
      </c>
      <c r="AI22889">
        <v>48</v>
      </c>
      <c r="AJ22889">
        <v>49</v>
      </c>
      <c r="AK22889">
        <v>50</v>
      </c>
      <c r="AL22889">
        <v>51</v>
      </c>
      <c r="AM22889">
        <v>52</v>
      </c>
      <c r="AN22889">
        <v>53</v>
      </c>
      <c r="AO22889">
        <v>54</v>
      </c>
      <c r="AP22889">
        <v>55</v>
      </c>
      <c r="AQ22889">
        <v>56</v>
      </c>
    </row>
    <row r="22890" spans="1:43">
      <c r="A22890" t="s">
        <v>14179</v>
      </c>
      <c r="B22890" t="s">
        <v>14180</v>
      </c>
      <c r="C22890" t="s">
        <v>14175</v>
      </c>
      <c r="D22890" t="s">
        <v>14176</v>
      </c>
      <c r="E22890" t="s">
        <v>14167</v>
      </c>
      <c r="F22890" t="s">
        <v>14168</v>
      </c>
      <c r="G22890" t="s">
        <v>10734</v>
      </c>
      <c r="H22890" t="s">
        <v>10735</v>
      </c>
      <c r="I22890" s="2">
        <v>0</v>
      </c>
      <c r="J22890" s="2">
        <v>0</v>
      </c>
      <c r="K22890" s="2">
        <v>1</v>
      </c>
      <c r="L22890" t="s">
        <v>995</v>
      </c>
      <c r="M22890" t="s">
        <v>83</v>
      </c>
      <c r="N22890" t="s">
        <v>84</v>
      </c>
      <c r="O22890" t="s">
        <v>85</v>
      </c>
      <c r="P22890" t="s">
        <v>86</v>
      </c>
      <c r="Q22890">
        <v>24</v>
      </c>
      <c r="R22890">
        <v>25</v>
      </c>
      <c r="S22890">
        <v>26</v>
      </c>
      <c r="T22890">
        <v>27</v>
      </c>
      <c r="U22890">
        <v>27</v>
      </c>
      <c r="V22890">
        <v>28</v>
      </c>
      <c r="W22890">
        <v>29</v>
      </c>
      <c r="X22890">
        <v>30</v>
      </c>
      <c r="Y22890">
        <v>30</v>
      </c>
      <c r="Z22890">
        <v>31</v>
      </c>
      <c r="AA22890">
        <v>32</v>
      </c>
      <c r="AB22890">
        <v>33</v>
      </c>
      <c r="AC22890">
        <v>34</v>
      </c>
      <c r="AD22890">
        <v>35</v>
      </c>
      <c r="AE22890">
        <v>36</v>
      </c>
      <c r="AF22890">
        <v>37</v>
      </c>
      <c r="AG22890">
        <v>38</v>
      </c>
      <c r="AH22890">
        <v>39</v>
      </c>
      <c r="AI22890">
        <v>39</v>
      </c>
      <c r="AJ22890">
        <v>41</v>
      </c>
      <c r="AK22890">
        <v>42</v>
      </c>
      <c r="AL22890">
        <v>42</v>
      </c>
      <c r="AM22890">
        <v>43</v>
      </c>
      <c r="AN22890">
        <v>44</v>
      </c>
      <c r="AO22890">
        <v>44</v>
      </c>
      <c r="AP22890">
        <v>45</v>
      </c>
      <c r="AQ22890">
        <v>46</v>
      </c>
    </row>
    <row r="22891" spans="1:43">
      <c r="A22891" t="s">
        <v>14179</v>
      </c>
      <c r="B22891" t="s">
        <v>14180</v>
      </c>
      <c r="C22891" t="s">
        <v>14175</v>
      </c>
      <c r="D22891" t="s">
        <v>14176</v>
      </c>
      <c r="E22891" t="s">
        <v>14167</v>
      </c>
      <c r="F22891" t="s">
        <v>14168</v>
      </c>
      <c r="G22891" t="s">
        <v>10734</v>
      </c>
      <c r="H22891" t="s">
        <v>10735</v>
      </c>
      <c r="I22891" s="2">
        <v>0</v>
      </c>
      <c r="J22891" s="2">
        <v>0</v>
      </c>
      <c r="K22891" s="2">
        <v>1</v>
      </c>
      <c r="L22891" t="s">
        <v>995</v>
      </c>
      <c r="M22891" t="s">
        <v>87</v>
      </c>
      <c r="N22891" t="s">
        <v>88</v>
      </c>
      <c r="O22891" t="s">
        <v>85</v>
      </c>
      <c r="P22891" t="s">
        <v>86</v>
      </c>
      <c r="Q22891">
        <v>24</v>
      </c>
      <c r="R22891">
        <v>25</v>
      </c>
      <c r="S22891">
        <v>25</v>
      </c>
      <c r="T22891">
        <v>26</v>
      </c>
      <c r="U22891">
        <v>26</v>
      </c>
      <c r="V22891">
        <v>27</v>
      </c>
      <c r="W22891">
        <v>27</v>
      </c>
      <c r="X22891">
        <v>28</v>
      </c>
      <c r="Y22891">
        <v>28</v>
      </c>
      <c r="Z22891">
        <v>29</v>
      </c>
      <c r="AA22891">
        <v>29</v>
      </c>
      <c r="AB22891">
        <v>30</v>
      </c>
      <c r="AC22891">
        <v>30</v>
      </c>
      <c r="AD22891">
        <v>31</v>
      </c>
      <c r="AE22891">
        <v>32</v>
      </c>
      <c r="AF22891">
        <v>32</v>
      </c>
      <c r="AG22891">
        <v>33</v>
      </c>
      <c r="AH22891">
        <v>33</v>
      </c>
      <c r="AI22891">
        <v>34</v>
      </c>
      <c r="AJ22891">
        <v>35</v>
      </c>
      <c r="AK22891">
        <v>35</v>
      </c>
      <c r="AL22891">
        <v>36</v>
      </c>
      <c r="AM22891">
        <v>37</v>
      </c>
      <c r="AN22891">
        <v>38</v>
      </c>
      <c r="AO22891">
        <v>38</v>
      </c>
      <c r="AP22891">
        <v>39</v>
      </c>
      <c r="AQ22891">
        <v>40</v>
      </c>
    </row>
    <row r="22892" spans="1:43">
      <c r="A22892" t="s">
        <v>14179</v>
      </c>
      <c r="B22892" t="s">
        <v>14180</v>
      </c>
      <c r="C22892" t="s">
        <v>14175</v>
      </c>
      <c r="D22892" t="s">
        <v>14176</v>
      </c>
      <c r="E22892" t="s">
        <v>14167</v>
      </c>
      <c r="F22892" t="s">
        <v>14168</v>
      </c>
      <c r="G22892" t="s">
        <v>10734</v>
      </c>
      <c r="H22892" t="s">
        <v>10735</v>
      </c>
      <c r="I22892" s="2">
        <v>0</v>
      </c>
      <c r="J22892" s="2">
        <v>0</v>
      </c>
      <c r="K22892" s="2">
        <v>1</v>
      </c>
      <c r="L22892" t="s">
        <v>995</v>
      </c>
      <c r="M22892" t="s">
        <v>89</v>
      </c>
      <c r="N22892" t="s">
        <v>90</v>
      </c>
      <c r="O22892" t="s">
        <v>85</v>
      </c>
      <c r="P22892" t="s">
        <v>86</v>
      </c>
      <c r="Q22892">
        <v>24</v>
      </c>
      <c r="R22892">
        <v>25</v>
      </c>
      <c r="S22892">
        <v>25</v>
      </c>
      <c r="T22892">
        <v>26</v>
      </c>
      <c r="U22892">
        <v>27</v>
      </c>
      <c r="V22892">
        <v>28</v>
      </c>
      <c r="W22892">
        <v>29</v>
      </c>
      <c r="X22892">
        <v>30</v>
      </c>
      <c r="Y22892">
        <v>31</v>
      </c>
      <c r="Z22892">
        <v>32</v>
      </c>
      <c r="AA22892">
        <v>33</v>
      </c>
      <c r="AB22892">
        <v>34</v>
      </c>
      <c r="AC22892">
        <v>35</v>
      </c>
      <c r="AD22892">
        <v>36</v>
      </c>
      <c r="AE22892">
        <v>37</v>
      </c>
      <c r="AF22892">
        <v>38</v>
      </c>
      <c r="AG22892">
        <v>38</v>
      </c>
      <c r="AH22892">
        <v>39</v>
      </c>
      <c r="AI22892">
        <v>40</v>
      </c>
      <c r="AJ22892">
        <v>40</v>
      </c>
      <c r="AK22892">
        <v>41</v>
      </c>
      <c r="AL22892">
        <v>42</v>
      </c>
      <c r="AM22892">
        <v>42</v>
      </c>
      <c r="AN22892">
        <v>43</v>
      </c>
      <c r="AO22892">
        <v>44</v>
      </c>
      <c r="AP22892">
        <v>44</v>
      </c>
      <c r="AQ22892">
        <v>45</v>
      </c>
    </row>
    <row r="22893" spans="1:43">
      <c r="A22893" t="s">
        <v>14179</v>
      </c>
      <c r="B22893" t="s">
        <v>14180</v>
      </c>
      <c r="C22893" t="s">
        <v>14175</v>
      </c>
      <c r="D22893" t="s">
        <v>14176</v>
      </c>
      <c r="E22893" t="s">
        <v>14167</v>
      </c>
      <c r="F22893" t="s">
        <v>14168</v>
      </c>
      <c r="G22893" t="s">
        <v>10734</v>
      </c>
      <c r="H22893" t="s">
        <v>10735</v>
      </c>
      <c r="I22893" s="2">
        <v>0</v>
      </c>
      <c r="J22893" s="2">
        <v>0</v>
      </c>
      <c r="K22893" s="2">
        <v>1</v>
      </c>
      <c r="L22893" t="s">
        <v>995</v>
      </c>
      <c r="M22893" t="s">
        <v>83</v>
      </c>
      <c r="N22893" t="s">
        <v>91</v>
      </c>
      <c r="O22893" t="s">
        <v>85</v>
      </c>
      <c r="P22893" t="s">
        <v>86</v>
      </c>
      <c r="Q22893">
        <v>24</v>
      </c>
      <c r="R22893">
        <v>25</v>
      </c>
      <c r="S22893">
        <v>26</v>
      </c>
      <c r="T22893">
        <v>27</v>
      </c>
      <c r="U22893">
        <v>27</v>
      </c>
      <c r="V22893">
        <v>28</v>
      </c>
      <c r="W22893">
        <v>29</v>
      </c>
      <c r="X22893">
        <v>30</v>
      </c>
      <c r="Y22893">
        <v>30</v>
      </c>
      <c r="Z22893">
        <v>31</v>
      </c>
      <c r="AA22893">
        <v>32</v>
      </c>
      <c r="AB22893">
        <v>33</v>
      </c>
      <c r="AC22893">
        <v>34</v>
      </c>
      <c r="AD22893">
        <v>35</v>
      </c>
      <c r="AE22893">
        <v>36</v>
      </c>
      <c r="AF22893">
        <v>37</v>
      </c>
      <c r="AG22893">
        <v>38</v>
      </c>
      <c r="AH22893">
        <v>39</v>
      </c>
      <c r="AI22893">
        <v>39</v>
      </c>
      <c r="AJ22893">
        <v>41</v>
      </c>
      <c r="AK22893">
        <v>42</v>
      </c>
      <c r="AL22893">
        <v>42</v>
      </c>
      <c r="AM22893">
        <v>43</v>
      </c>
      <c r="AN22893">
        <v>44</v>
      </c>
      <c r="AO22893">
        <v>44</v>
      </c>
      <c r="AP22893">
        <v>45</v>
      </c>
      <c r="AQ22893">
        <v>46</v>
      </c>
    </row>
    <row r="22894" spans="1:43">
      <c r="A22894" t="s">
        <v>14181</v>
      </c>
      <c r="B22894" t="s">
        <v>14182</v>
      </c>
      <c r="C22894" t="s">
        <v>14183</v>
      </c>
      <c r="D22894" t="s">
        <v>14184</v>
      </c>
      <c r="E22894" t="s">
        <v>14167</v>
      </c>
      <c r="F22894" t="s">
        <v>14168</v>
      </c>
      <c r="G22894" t="s">
        <v>10734</v>
      </c>
      <c r="H22894" t="s">
        <v>10735</v>
      </c>
      <c r="I22894" s="2">
        <v>0</v>
      </c>
      <c r="J22894" s="2">
        <v>0</v>
      </c>
      <c r="K22894" s="2">
        <v>1</v>
      </c>
      <c r="L22894" t="s">
        <v>995</v>
      </c>
      <c r="M22894" t="s">
        <v>83</v>
      </c>
      <c r="N22894" t="s">
        <v>84</v>
      </c>
      <c r="O22894" t="s">
        <v>85</v>
      </c>
      <c r="P22894" t="s">
        <v>86</v>
      </c>
      <c r="Q22894">
        <v>65</v>
      </c>
      <c r="R22894">
        <v>67</v>
      </c>
      <c r="S22894">
        <v>69</v>
      </c>
      <c r="T22894">
        <v>70</v>
      </c>
      <c r="U22894">
        <v>72</v>
      </c>
      <c r="V22894">
        <v>74</v>
      </c>
      <c r="W22894">
        <v>77</v>
      </c>
      <c r="X22894">
        <v>79</v>
      </c>
      <c r="Y22894">
        <v>81</v>
      </c>
      <c r="Z22894">
        <v>83</v>
      </c>
      <c r="AA22894">
        <v>85</v>
      </c>
      <c r="AB22894">
        <v>88</v>
      </c>
      <c r="AC22894">
        <v>90</v>
      </c>
      <c r="AD22894">
        <v>92</v>
      </c>
      <c r="AE22894">
        <v>95</v>
      </c>
      <c r="AF22894">
        <v>97</v>
      </c>
      <c r="AG22894">
        <v>100</v>
      </c>
      <c r="AH22894">
        <v>102</v>
      </c>
      <c r="AI22894">
        <v>105</v>
      </c>
      <c r="AJ22894">
        <v>107</v>
      </c>
      <c r="AK22894">
        <v>110</v>
      </c>
      <c r="AL22894">
        <v>112</v>
      </c>
      <c r="AM22894">
        <v>114</v>
      </c>
      <c r="AN22894">
        <v>116</v>
      </c>
      <c r="AO22894">
        <v>118</v>
      </c>
      <c r="AP22894">
        <v>120</v>
      </c>
      <c r="AQ22894">
        <v>122</v>
      </c>
    </row>
    <row r="22895" spans="1:43">
      <c r="A22895" t="s">
        <v>14181</v>
      </c>
      <c r="B22895" t="s">
        <v>14182</v>
      </c>
      <c r="C22895" t="s">
        <v>14183</v>
      </c>
      <c r="D22895" t="s">
        <v>14184</v>
      </c>
      <c r="E22895" t="s">
        <v>14167</v>
      </c>
      <c r="F22895" t="s">
        <v>14168</v>
      </c>
      <c r="G22895" t="s">
        <v>10734</v>
      </c>
      <c r="H22895" t="s">
        <v>10735</v>
      </c>
      <c r="I22895" s="2">
        <v>0</v>
      </c>
      <c r="J22895" s="2">
        <v>0</v>
      </c>
      <c r="K22895" s="2">
        <v>1</v>
      </c>
      <c r="L22895" t="s">
        <v>995</v>
      </c>
      <c r="M22895" t="s">
        <v>87</v>
      </c>
      <c r="N22895" t="s">
        <v>88</v>
      </c>
      <c r="O22895" t="s">
        <v>85</v>
      </c>
      <c r="P22895" t="s">
        <v>86</v>
      </c>
      <c r="Q22895">
        <v>65</v>
      </c>
      <c r="R22895">
        <v>66</v>
      </c>
      <c r="S22895">
        <v>68</v>
      </c>
      <c r="T22895">
        <v>69</v>
      </c>
      <c r="U22895">
        <v>70</v>
      </c>
      <c r="V22895">
        <v>72</v>
      </c>
      <c r="W22895">
        <v>73</v>
      </c>
      <c r="X22895">
        <v>74</v>
      </c>
      <c r="Y22895">
        <v>76</v>
      </c>
      <c r="Z22895">
        <v>77</v>
      </c>
      <c r="AA22895">
        <v>79</v>
      </c>
      <c r="AB22895">
        <v>80</v>
      </c>
      <c r="AC22895">
        <v>82</v>
      </c>
      <c r="AD22895">
        <v>83</v>
      </c>
      <c r="AE22895">
        <v>85</v>
      </c>
      <c r="AF22895">
        <v>87</v>
      </c>
      <c r="AG22895">
        <v>88</v>
      </c>
      <c r="AH22895">
        <v>90</v>
      </c>
      <c r="AI22895">
        <v>92</v>
      </c>
      <c r="AJ22895">
        <v>93</v>
      </c>
      <c r="AK22895">
        <v>95</v>
      </c>
      <c r="AL22895">
        <v>97</v>
      </c>
      <c r="AM22895">
        <v>99</v>
      </c>
      <c r="AN22895">
        <v>101</v>
      </c>
      <c r="AO22895">
        <v>103</v>
      </c>
      <c r="AP22895">
        <v>105</v>
      </c>
      <c r="AQ22895">
        <v>107</v>
      </c>
    </row>
    <row r="22896" spans="1:43">
      <c r="A22896" t="s">
        <v>14181</v>
      </c>
      <c r="B22896" t="s">
        <v>14182</v>
      </c>
      <c r="C22896" t="s">
        <v>14183</v>
      </c>
      <c r="D22896" t="s">
        <v>14184</v>
      </c>
      <c r="E22896" t="s">
        <v>14167</v>
      </c>
      <c r="F22896" t="s">
        <v>14168</v>
      </c>
      <c r="G22896" t="s">
        <v>10734</v>
      </c>
      <c r="H22896" t="s">
        <v>10735</v>
      </c>
      <c r="I22896" s="2">
        <v>0</v>
      </c>
      <c r="J22896" s="2">
        <v>0</v>
      </c>
      <c r="K22896" s="2">
        <v>1</v>
      </c>
      <c r="L22896" t="s">
        <v>995</v>
      </c>
      <c r="M22896" t="s">
        <v>89</v>
      </c>
      <c r="N22896" t="s">
        <v>90</v>
      </c>
      <c r="O22896" t="s">
        <v>85</v>
      </c>
      <c r="P22896" t="s">
        <v>86</v>
      </c>
      <c r="Q22896">
        <v>65</v>
      </c>
      <c r="R22896">
        <v>68</v>
      </c>
      <c r="S22896">
        <v>70</v>
      </c>
      <c r="T22896">
        <v>73</v>
      </c>
      <c r="U22896">
        <v>75</v>
      </c>
      <c r="V22896">
        <v>78</v>
      </c>
      <c r="W22896">
        <v>81</v>
      </c>
      <c r="X22896">
        <v>83</v>
      </c>
      <c r="Y22896">
        <v>86</v>
      </c>
      <c r="Z22896">
        <v>88</v>
      </c>
      <c r="AA22896">
        <v>91</v>
      </c>
      <c r="AB22896">
        <v>93</v>
      </c>
      <c r="AC22896">
        <v>96</v>
      </c>
      <c r="AD22896">
        <v>99</v>
      </c>
      <c r="AE22896">
        <v>101</v>
      </c>
      <c r="AF22896">
        <v>103</v>
      </c>
      <c r="AG22896">
        <v>105</v>
      </c>
      <c r="AH22896">
        <v>106</v>
      </c>
      <c r="AI22896">
        <v>108</v>
      </c>
      <c r="AJ22896">
        <v>110</v>
      </c>
      <c r="AK22896">
        <v>111</v>
      </c>
      <c r="AL22896">
        <v>113</v>
      </c>
      <c r="AM22896">
        <v>115</v>
      </c>
      <c r="AN22896">
        <v>117</v>
      </c>
      <c r="AO22896">
        <v>119</v>
      </c>
      <c r="AP22896">
        <v>121</v>
      </c>
      <c r="AQ22896">
        <v>122</v>
      </c>
    </row>
    <row r="22897" spans="1:43">
      <c r="A22897" t="s">
        <v>14181</v>
      </c>
      <c r="B22897" t="s">
        <v>14182</v>
      </c>
      <c r="C22897" t="s">
        <v>14183</v>
      </c>
      <c r="D22897" t="s">
        <v>14184</v>
      </c>
      <c r="E22897" t="s">
        <v>14167</v>
      </c>
      <c r="F22897" t="s">
        <v>14168</v>
      </c>
      <c r="G22897" t="s">
        <v>10734</v>
      </c>
      <c r="H22897" t="s">
        <v>10735</v>
      </c>
      <c r="I22897" s="2">
        <v>0</v>
      </c>
      <c r="J22897" s="2">
        <v>0</v>
      </c>
      <c r="K22897" s="2">
        <v>1</v>
      </c>
      <c r="L22897" t="s">
        <v>995</v>
      </c>
      <c r="M22897" t="s">
        <v>83</v>
      </c>
      <c r="N22897" t="s">
        <v>91</v>
      </c>
      <c r="O22897" t="s">
        <v>85</v>
      </c>
      <c r="P22897" t="s">
        <v>86</v>
      </c>
      <c r="Q22897">
        <v>65</v>
      </c>
      <c r="R22897">
        <v>67</v>
      </c>
      <c r="S22897">
        <v>69</v>
      </c>
      <c r="T22897">
        <v>70</v>
      </c>
      <c r="U22897">
        <v>72</v>
      </c>
      <c r="V22897">
        <v>74</v>
      </c>
      <c r="W22897">
        <v>77</v>
      </c>
      <c r="X22897">
        <v>79</v>
      </c>
      <c r="Y22897">
        <v>81</v>
      </c>
      <c r="Z22897">
        <v>83</v>
      </c>
      <c r="AA22897">
        <v>85</v>
      </c>
      <c r="AB22897">
        <v>88</v>
      </c>
      <c r="AC22897">
        <v>90</v>
      </c>
      <c r="AD22897">
        <v>92</v>
      </c>
      <c r="AE22897">
        <v>95</v>
      </c>
      <c r="AF22897">
        <v>97</v>
      </c>
      <c r="AG22897">
        <v>100</v>
      </c>
      <c r="AH22897">
        <v>102</v>
      </c>
      <c r="AI22897">
        <v>105</v>
      </c>
      <c r="AJ22897">
        <v>107</v>
      </c>
      <c r="AK22897">
        <v>110</v>
      </c>
      <c r="AL22897">
        <v>112</v>
      </c>
      <c r="AM22897">
        <v>114</v>
      </c>
      <c r="AN22897">
        <v>116</v>
      </c>
      <c r="AO22897">
        <v>118</v>
      </c>
      <c r="AP22897">
        <v>120</v>
      </c>
      <c r="AQ22897">
        <v>122</v>
      </c>
    </row>
    <row r="22898" spans="1:43">
      <c r="A22898" t="s">
        <v>14185</v>
      </c>
      <c r="B22898" t="s">
        <v>14186</v>
      </c>
      <c r="C22898" t="s">
        <v>14183</v>
      </c>
      <c r="D22898" t="s">
        <v>14184</v>
      </c>
      <c r="E22898" t="s">
        <v>14167</v>
      </c>
      <c r="F22898" t="s">
        <v>14168</v>
      </c>
      <c r="G22898" t="s">
        <v>10734</v>
      </c>
      <c r="H22898" t="s">
        <v>10735</v>
      </c>
      <c r="I22898" s="2">
        <v>0</v>
      </c>
      <c r="J22898" s="2">
        <v>0</v>
      </c>
      <c r="K22898" s="2">
        <v>1</v>
      </c>
      <c r="L22898" t="s">
        <v>995</v>
      </c>
      <c r="M22898" t="s">
        <v>83</v>
      </c>
      <c r="N22898" t="s">
        <v>84</v>
      </c>
      <c r="O22898" t="s">
        <v>85</v>
      </c>
      <c r="P22898" t="s">
        <v>86</v>
      </c>
      <c r="Q22898">
        <v>147</v>
      </c>
      <c r="R22898">
        <v>151</v>
      </c>
      <c r="S22898">
        <v>155</v>
      </c>
      <c r="T22898">
        <v>160</v>
      </c>
      <c r="U22898">
        <v>164</v>
      </c>
      <c r="V22898">
        <v>169</v>
      </c>
      <c r="W22898">
        <v>173</v>
      </c>
      <c r="X22898">
        <v>178</v>
      </c>
      <c r="Y22898">
        <v>183</v>
      </c>
      <c r="Z22898">
        <v>188</v>
      </c>
      <c r="AA22898">
        <v>193</v>
      </c>
      <c r="AB22898">
        <v>198</v>
      </c>
      <c r="AC22898">
        <v>204</v>
      </c>
      <c r="AD22898">
        <v>209</v>
      </c>
      <c r="AE22898">
        <v>214</v>
      </c>
      <c r="AF22898">
        <v>220</v>
      </c>
      <c r="AG22898">
        <v>225</v>
      </c>
      <c r="AH22898">
        <v>231</v>
      </c>
      <c r="AI22898">
        <v>237</v>
      </c>
      <c r="AJ22898">
        <v>243</v>
      </c>
      <c r="AK22898">
        <v>249</v>
      </c>
      <c r="AL22898">
        <v>253</v>
      </c>
      <c r="AM22898">
        <v>258</v>
      </c>
      <c r="AN22898">
        <v>262</v>
      </c>
      <c r="AO22898">
        <v>266</v>
      </c>
      <c r="AP22898">
        <v>270</v>
      </c>
      <c r="AQ22898">
        <v>275</v>
      </c>
    </row>
    <row r="22899" spans="1:43">
      <c r="A22899" t="s">
        <v>14185</v>
      </c>
      <c r="B22899" t="s">
        <v>14186</v>
      </c>
      <c r="C22899" t="s">
        <v>14183</v>
      </c>
      <c r="D22899" t="s">
        <v>14184</v>
      </c>
      <c r="E22899" t="s">
        <v>14167</v>
      </c>
      <c r="F22899" t="s">
        <v>14168</v>
      </c>
      <c r="G22899" t="s">
        <v>10734</v>
      </c>
      <c r="H22899" t="s">
        <v>10735</v>
      </c>
      <c r="I22899" s="2">
        <v>0</v>
      </c>
      <c r="J22899" s="2">
        <v>0</v>
      </c>
      <c r="K22899" s="2">
        <v>1</v>
      </c>
      <c r="L22899" t="s">
        <v>995</v>
      </c>
      <c r="M22899" t="s">
        <v>87</v>
      </c>
      <c r="N22899" t="s">
        <v>88</v>
      </c>
      <c r="O22899" t="s">
        <v>85</v>
      </c>
      <c r="P22899" t="s">
        <v>86</v>
      </c>
      <c r="Q22899">
        <v>147</v>
      </c>
      <c r="R22899">
        <v>150</v>
      </c>
      <c r="S22899">
        <v>153</v>
      </c>
      <c r="T22899">
        <v>156</v>
      </c>
      <c r="U22899">
        <v>159</v>
      </c>
      <c r="V22899">
        <v>162</v>
      </c>
      <c r="W22899">
        <v>165</v>
      </c>
      <c r="X22899">
        <v>168</v>
      </c>
      <c r="Y22899">
        <v>171</v>
      </c>
      <c r="Z22899">
        <v>175</v>
      </c>
      <c r="AA22899">
        <v>178</v>
      </c>
      <c r="AB22899">
        <v>181</v>
      </c>
      <c r="AC22899">
        <v>185</v>
      </c>
      <c r="AD22899">
        <v>188</v>
      </c>
      <c r="AE22899">
        <v>192</v>
      </c>
      <c r="AF22899">
        <v>196</v>
      </c>
      <c r="AG22899">
        <v>199</v>
      </c>
      <c r="AH22899">
        <v>203</v>
      </c>
      <c r="AI22899">
        <v>207</v>
      </c>
      <c r="AJ22899">
        <v>211</v>
      </c>
      <c r="AK22899">
        <v>215</v>
      </c>
      <c r="AL22899">
        <v>219</v>
      </c>
      <c r="AM22899">
        <v>223</v>
      </c>
      <c r="AN22899">
        <v>228</v>
      </c>
      <c r="AO22899">
        <v>232</v>
      </c>
      <c r="AP22899">
        <v>237</v>
      </c>
      <c r="AQ22899">
        <v>241</v>
      </c>
    </row>
    <row r="22900" spans="1:43">
      <c r="A22900" t="s">
        <v>14185</v>
      </c>
      <c r="B22900" t="s">
        <v>14186</v>
      </c>
      <c r="C22900" t="s">
        <v>14183</v>
      </c>
      <c r="D22900" t="s">
        <v>14184</v>
      </c>
      <c r="E22900" t="s">
        <v>14167</v>
      </c>
      <c r="F22900" t="s">
        <v>14168</v>
      </c>
      <c r="G22900" t="s">
        <v>10734</v>
      </c>
      <c r="H22900" t="s">
        <v>10735</v>
      </c>
      <c r="I22900" s="2">
        <v>0</v>
      </c>
      <c r="J22900" s="2">
        <v>0</v>
      </c>
      <c r="K22900" s="2">
        <v>1</v>
      </c>
      <c r="L22900" t="s">
        <v>995</v>
      </c>
      <c r="M22900" t="s">
        <v>89</v>
      </c>
      <c r="N22900" t="s">
        <v>90</v>
      </c>
      <c r="O22900" t="s">
        <v>85</v>
      </c>
      <c r="P22900" t="s">
        <v>86</v>
      </c>
      <c r="Q22900">
        <v>147</v>
      </c>
      <c r="R22900">
        <v>153</v>
      </c>
      <c r="S22900">
        <v>158</v>
      </c>
      <c r="T22900">
        <v>164</v>
      </c>
      <c r="U22900">
        <v>170</v>
      </c>
      <c r="V22900">
        <v>176</v>
      </c>
      <c r="W22900">
        <v>181</v>
      </c>
      <c r="X22900">
        <v>187</v>
      </c>
      <c r="Y22900">
        <v>193</v>
      </c>
      <c r="Z22900">
        <v>199</v>
      </c>
      <c r="AA22900">
        <v>204</v>
      </c>
      <c r="AB22900">
        <v>210</v>
      </c>
      <c r="AC22900">
        <v>216</v>
      </c>
      <c r="AD22900">
        <v>223</v>
      </c>
      <c r="AE22900">
        <v>228</v>
      </c>
      <c r="AF22900">
        <v>232</v>
      </c>
      <c r="AG22900">
        <v>236</v>
      </c>
      <c r="AH22900">
        <v>239</v>
      </c>
      <c r="AI22900">
        <v>243</v>
      </c>
      <c r="AJ22900">
        <v>247</v>
      </c>
      <c r="AK22900">
        <v>251</v>
      </c>
      <c r="AL22900">
        <v>255</v>
      </c>
      <c r="AM22900">
        <v>260</v>
      </c>
      <c r="AN22900">
        <v>264</v>
      </c>
      <c r="AO22900">
        <v>268</v>
      </c>
      <c r="AP22900">
        <v>272</v>
      </c>
      <c r="AQ22900">
        <v>277</v>
      </c>
    </row>
    <row r="22901" spans="1:43">
      <c r="A22901" t="s">
        <v>14185</v>
      </c>
      <c r="B22901" t="s">
        <v>14186</v>
      </c>
      <c r="C22901" t="s">
        <v>14183</v>
      </c>
      <c r="D22901" t="s">
        <v>14184</v>
      </c>
      <c r="E22901" t="s">
        <v>14167</v>
      </c>
      <c r="F22901" t="s">
        <v>14168</v>
      </c>
      <c r="G22901" t="s">
        <v>10734</v>
      </c>
      <c r="H22901" t="s">
        <v>10735</v>
      </c>
      <c r="I22901" s="2">
        <v>0</v>
      </c>
      <c r="J22901" s="2">
        <v>0</v>
      </c>
      <c r="K22901" s="2">
        <v>1</v>
      </c>
      <c r="L22901" t="s">
        <v>995</v>
      </c>
      <c r="M22901" t="s">
        <v>83</v>
      </c>
      <c r="N22901" t="s">
        <v>91</v>
      </c>
      <c r="O22901" t="s">
        <v>85</v>
      </c>
      <c r="P22901" t="s">
        <v>86</v>
      </c>
      <c r="Q22901">
        <v>147</v>
      </c>
      <c r="R22901">
        <v>151</v>
      </c>
      <c r="S22901">
        <v>155</v>
      </c>
      <c r="T22901">
        <v>160</v>
      </c>
      <c r="U22901">
        <v>164</v>
      </c>
      <c r="V22901">
        <v>169</v>
      </c>
      <c r="W22901">
        <v>173</v>
      </c>
      <c r="X22901">
        <v>178</v>
      </c>
      <c r="Y22901">
        <v>183</v>
      </c>
      <c r="Z22901">
        <v>188</v>
      </c>
      <c r="AA22901">
        <v>193</v>
      </c>
      <c r="AB22901">
        <v>198</v>
      </c>
      <c r="AC22901">
        <v>204</v>
      </c>
      <c r="AD22901">
        <v>209</v>
      </c>
      <c r="AE22901">
        <v>214</v>
      </c>
      <c r="AF22901">
        <v>220</v>
      </c>
      <c r="AG22901">
        <v>225</v>
      </c>
      <c r="AH22901">
        <v>231</v>
      </c>
      <c r="AI22901">
        <v>237</v>
      </c>
      <c r="AJ22901">
        <v>243</v>
      </c>
      <c r="AK22901">
        <v>249</v>
      </c>
      <c r="AL22901">
        <v>253</v>
      </c>
      <c r="AM22901">
        <v>258</v>
      </c>
      <c r="AN22901">
        <v>262</v>
      </c>
      <c r="AO22901">
        <v>266</v>
      </c>
      <c r="AP22901">
        <v>270</v>
      </c>
      <c r="AQ22901">
        <v>275</v>
      </c>
    </row>
    <row r="22902" spans="1:43">
      <c r="A22902" t="s">
        <v>14187</v>
      </c>
      <c r="B22902" t="s">
        <v>14188</v>
      </c>
      <c r="C22902" t="s">
        <v>14183</v>
      </c>
      <c r="D22902" t="s">
        <v>14184</v>
      </c>
      <c r="E22902" t="s">
        <v>14167</v>
      </c>
      <c r="F22902" t="s">
        <v>14168</v>
      </c>
      <c r="G22902" t="s">
        <v>10734</v>
      </c>
      <c r="H22902" t="s">
        <v>10735</v>
      </c>
      <c r="I22902" s="2">
        <v>0</v>
      </c>
      <c r="J22902" s="2">
        <v>0</v>
      </c>
      <c r="K22902" s="2">
        <v>1</v>
      </c>
      <c r="L22902" t="s">
        <v>995</v>
      </c>
      <c r="M22902" t="s">
        <v>83</v>
      </c>
      <c r="N22902" t="s">
        <v>84</v>
      </c>
      <c r="O22902" t="s">
        <v>85</v>
      </c>
      <c r="P22902" t="s">
        <v>86</v>
      </c>
      <c r="Q22902">
        <v>142</v>
      </c>
      <c r="R22902">
        <v>146</v>
      </c>
      <c r="S22902">
        <v>150</v>
      </c>
      <c r="T22902">
        <v>155</v>
      </c>
      <c r="U22902">
        <v>159</v>
      </c>
      <c r="V22902">
        <v>163</v>
      </c>
      <c r="W22902">
        <v>168</v>
      </c>
      <c r="X22902">
        <v>173</v>
      </c>
      <c r="Y22902">
        <v>177</v>
      </c>
      <c r="Z22902">
        <v>182</v>
      </c>
      <c r="AA22902">
        <v>187</v>
      </c>
      <c r="AB22902">
        <v>192</v>
      </c>
      <c r="AC22902">
        <v>197</v>
      </c>
      <c r="AD22902">
        <v>202</v>
      </c>
      <c r="AE22902">
        <v>207</v>
      </c>
      <c r="AF22902">
        <v>213</v>
      </c>
      <c r="AG22902">
        <v>218</v>
      </c>
      <c r="AH22902">
        <v>223</v>
      </c>
      <c r="AI22902">
        <v>229</v>
      </c>
      <c r="AJ22902">
        <v>235</v>
      </c>
      <c r="AK22902">
        <v>241</v>
      </c>
      <c r="AL22902">
        <v>245</v>
      </c>
      <c r="AM22902">
        <v>249</v>
      </c>
      <c r="AN22902">
        <v>253</v>
      </c>
      <c r="AO22902">
        <v>257</v>
      </c>
      <c r="AP22902">
        <v>262</v>
      </c>
      <c r="AQ22902">
        <v>266</v>
      </c>
    </row>
    <row r="22903" spans="1:43">
      <c r="A22903" t="s">
        <v>14187</v>
      </c>
      <c r="B22903" t="s">
        <v>14188</v>
      </c>
      <c r="C22903" t="s">
        <v>14183</v>
      </c>
      <c r="D22903" t="s">
        <v>14184</v>
      </c>
      <c r="E22903" t="s">
        <v>14167</v>
      </c>
      <c r="F22903" t="s">
        <v>14168</v>
      </c>
      <c r="G22903" t="s">
        <v>10734</v>
      </c>
      <c r="H22903" t="s">
        <v>10735</v>
      </c>
      <c r="I22903" s="2">
        <v>0</v>
      </c>
      <c r="J22903" s="2">
        <v>0</v>
      </c>
      <c r="K22903" s="2">
        <v>1</v>
      </c>
      <c r="L22903" t="s">
        <v>995</v>
      </c>
      <c r="M22903" t="s">
        <v>87</v>
      </c>
      <c r="N22903" t="s">
        <v>88</v>
      </c>
      <c r="O22903" t="s">
        <v>85</v>
      </c>
      <c r="P22903" t="s">
        <v>86</v>
      </c>
      <c r="Q22903">
        <v>142</v>
      </c>
      <c r="R22903">
        <v>144</v>
      </c>
      <c r="S22903">
        <v>147</v>
      </c>
      <c r="T22903">
        <v>150</v>
      </c>
      <c r="U22903">
        <v>153</v>
      </c>
      <c r="V22903">
        <v>156</v>
      </c>
      <c r="W22903">
        <v>159</v>
      </c>
      <c r="X22903">
        <v>162</v>
      </c>
      <c r="Y22903">
        <v>165</v>
      </c>
      <c r="Z22903">
        <v>168</v>
      </c>
      <c r="AA22903">
        <v>171</v>
      </c>
      <c r="AB22903">
        <v>175</v>
      </c>
      <c r="AC22903">
        <v>178</v>
      </c>
      <c r="AD22903">
        <v>181</v>
      </c>
      <c r="AE22903">
        <v>185</v>
      </c>
      <c r="AF22903">
        <v>188</v>
      </c>
      <c r="AG22903">
        <v>192</v>
      </c>
      <c r="AH22903">
        <v>196</v>
      </c>
      <c r="AI22903">
        <v>200</v>
      </c>
      <c r="AJ22903">
        <v>203</v>
      </c>
      <c r="AK22903">
        <v>207</v>
      </c>
      <c r="AL22903">
        <v>211</v>
      </c>
      <c r="AM22903">
        <v>215</v>
      </c>
      <c r="AN22903">
        <v>220</v>
      </c>
      <c r="AO22903">
        <v>224</v>
      </c>
      <c r="AP22903">
        <v>228</v>
      </c>
      <c r="AQ22903">
        <v>232</v>
      </c>
    </row>
    <row r="22904" spans="1:43">
      <c r="A22904" t="s">
        <v>14187</v>
      </c>
      <c r="B22904" t="s">
        <v>14188</v>
      </c>
      <c r="C22904" t="s">
        <v>14183</v>
      </c>
      <c r="D22904" t="s">
        <v>14184</v>
      </c>
      <c r="E22904" t="s">
        <v>14167</v>
      </c>
      <c r="F22904" t="s">
        <v>14168</v>
      </c>
      <c r="G22904" t="s">
        <v>10734</v>
      </c>
      <c r="H22904" t="s">
        <v>10735</v>
      </c>
      <c r="I22904" s="2">
        <v>0</v>
      </c>
      <c r="J22904" s="2">
        <v>0</v>
      </c>
      <c r="K22904" s="2">
        <v>1</v>
      </c>
      <c r="L22904" t="s">
        <v>995</v>
      </c>
      <c r="M22904" t="s">
        <v>89</v>
      </c>
      <c r="N22904" t="s">
        <v>90</v>
      </c>
      <c r="O22904" t="s">
        <v>85</v>
      </c>
      <c r="P22904" t="s">
        <v>86</v>
      </c>
      <c r="Q22904">
        <v>142</v>
      </c>
      <c r="R22904">
        <v>148</v>
      </c>
      <c r="S22904">
        <v>153</v>
      </c>
      <c r="T22904">
        <v>159</v>
      </c>
      <c r="U22904">
        <v>164</v>
      </c>
      <c r="V22904">
        <v>170</v>
      </c>
      <c r="W22904">
        <v>176</v>
      </c>
      <c r="X22904">
        <v>181</v>
      </c>
      <c r="Y22904">
        <v>187</v>
      </c>
      <c r="Z22904">
        <v>192</v>
      </c>
      <c r="AA22904">
        <v>198</v>
      </c>
      <c r="AB22904">
        <v>203</v>
      </c>
      <c r="AC22904">
        <v>209</v>
      </c>
      <c r="AD22904">
        <v>215</v>
      </c>
      <c r="AE22904">
        <v>220</v>
      </c>
      <c r="AF22904">
        <v>224</v>
      </c>
      <c r="AG22904">
        <v>228</v>
      </c>
      <c r="AH22904">
        <v>232</v>
      </c>
      <c r="AI22904">
        <v>235</v>
      </c>
      <c r="AJ22904">
        <v>239</v>
      </c>
      <c r="AK22904">
        <v>243</v>
      </c>
      <c r="AL22904">
        <v>247</v>
      </c>
      <c r="AM22904">
        <v>251</v>
      </c>
      <c r="AN22904">
        <v>255</v>
      </c>
      <c r="AO22904">
        <v>259</v>
      </c>
      <c r="AP22904">
        <v>264</v>
      </c>
      <c r="AQ22904">
        <v>268</v>
      </c>
    </row>
    <row r="22905" spans="1:43">
      <c r="A22905" t="s">
        <v>14187</v>
      </c>
      <c r="B22905" t="s">
        <v>14188</v>
      </c>
      <c r="C22905" t="s">
        <v>14183</v>
      </c>
      <c r="D22905" t="s">
        <v>14184</v>
      </c>
      <c r="E22905" t="s">
        <v>14167</v>
      </c>
      <c r="F22905" t="s">
        <v>14168</v>
      </c>
      <c r="G22905" t="s">
        <v>10734</v>
      </c>
      <c r="H22905" t="s">
        <v>10735</v>
      </c>
      <c r="I22905" s="2">
        <v>0</v>
      </c>
      <c r="J22905" s="2">
        <v>0</v>
      </c>
      <c r="K22905" s="2">
        <v>1</v>
      </c>
      <c r="L22905" t="s">
        <v>995</v>
      </c>
      <c r="M22905" t="s">
        <v>83</v>
      </c>
      <c r="N22905" t="s">
        <v>91</v>
      </c>
      <c r="O22905" t="s">
        <v>85</v>
      </c>
      <c r="P22905" t="s">
        <v>86</v>
      </c>
      <c r="Q22905">
        <v>142</v>
      </c>
      <c r="R22905">
        <v>146</v>
      </c>
      <c r="S22905">
        <v>150</v>
      </c>
      <c r="T22905">
        <v>155</v>
      </c>
      <c r="U22905">
        <v>159</v>
      </c>
      <c r="V22905">
        <v>163</v>
      </c>
      <c r="W22905">
        <v>168</v>
      </c>
      <c r="X22905">
        <v>173</v>
      </c>
      <c r="Y22905">
        <v>177</v>
      </c>
      <c r="Z22905">
        <v>182</v>
      </c>
      <c r="AA22905">
        <v>187</v>
      </c>
      <c r="AB22905">
        <v>192</v>
      </c>
      <c r="AC22905">
        <v>197</v>
      </c>
      <c r="AD22905">
        <v>202</v>
      </c>
      <c r="AE22905">
        <v>207</v>
      </c>
      <c r="AF22905">
        <v>213</v>
      </c>
      <c r="AG22905">
        <v>218</v>
      </c>
      <c r="AH22905">
        <v>223</v>
      </c>
      <c r="AI22905">
        <v>229</v>
      </c>
      <c r="AJ22905">
        <v>235</v>
      </c>
      <c r="AK22905">
        <v>241</v>
      </c>
      <c r="AL22905">
        <v>245</v>
      </c>
      <c r="AM22905">
        <v>249</v>
      </c>
      <c r="AN22905">
        <v>253</v>
      </c>
      <c r="AO22905">
        <v>257</v>
      </c>
      <c r="AP22905">
        <v>262</v>
      </c>
      <c r="AQ22905">
        <v>266</v>
      </c>
    </row>
    <row r="22906" spans="1:43">
      <c r="A22906" t="s">
        <v>14189</v>
      </c>
      <c r="B22906" t="s">
        <v>14190</v>
      </c>
      <c r="C22906" t="s">
        <v>14191</v>
      </c>
      <c r="D22906" t="s">
        <v>14192</v>
      </c>
      <c r="E22906" t="s">
        <v>14167</v>
      </c>
      <c r="F22906" t="s">
        <v>14168</v>
      </c>
      <c r="G22906" t="s">
        <v>10734</v>
      </c>
      <c r="H22906" t="s">
        <v>10735</v>
      </c>
      <c r="I22906" s="2">
        <v>0</v>
      </c>
      <c r="J22906" s="2">
        <v>0</v>
      </c>
      <c r="K22906" s="2">
        <v>1</v>
      </c>
      <c r="L22906" t="s">
        <v>995</v>
      </c>
      <c r="M22906" t="s">
        <v>83</v>
      </c>
      <c r="N22906" t="s">
        <v>84</v>
      </c>
      <c r="O22906" t="s">
        <v>85</v>
      </c>
      <c r="P22906" t="s">
        <v>86</v>
      </c>
      <c r="Q22906">
        <v>33</v>
      </c>
      <c r="R22906">
        <v>34</v>
      </c>
      <c r="S22906">
        <v>34</v>
      </c>
      <c r="T22906">
        <v>35</v>
      </c>
      <c r="U22906">
        <v>36</v>
      </c>
      <c r="V22906">
        <v>37</v>
      </c>
      <c r="W22906">
        <v>39</v>
      </c>
      <c r="X22906">
        <v>40</v>
      </c>
      <c r="Y22906">
        <v>41</v>
      </c>
      <c r="Z22906">
        <v>42</v>
      </c>
      <c r="AA22906">
        <v>43</v>
      </c>
      <c r="AB22906">
        <v>44</v>
      </c>
      <c r="AC22906">
        <v>45</v>
      </c>
      <c r="AD22906">
        <v>46</v>
      </c>
      <c r="AE22906">
        <v>48</v>
      </c>
      <c r="AF22906">
        <v>49</v>
      </c>
      <c r="AG22906">
        <v>50</v>
      </c>
      <c r="AH22906">
        <v>51</v>
      </c>
      <c r="AI22906">
        <v>53</v>
      </c>
      <c r="AJ22906">
        <v>54</v>
      </c>
      <c r="AK22906">
        <v>55</v>
      </c>
      <c r="AL22906">
        <v>56</v>
      </c>
      <c r="AM22906">
        <v>57</v>
      </c>
      <c r="AN22906">
        <v>58</v>
      </c>
      <c r="AO22906">
        <v>59</v>
      </c>
      <c r="AP22906">
        <v>60</v>
      </c>
      <c r="AQ22906">
        <v>61</v>
      </c>
    </row>
    <row r="22907" spans="1:43">
      <c r="A22907" t="s">
        <v>14189</v>
      </c>
      <c r="B22907" t="s">
        <v>14190</v>
      </c>
      <c r="C22907" t="s">
        <v>14191</v>
      </c>
      <c r="D22907" t="s">
        <v>14192</v>
      </c>
      <c r="E22907" t="s">
        <v>14167</v>
      </c>
      <c r="F22907" t="s">
        <v>14168</v>
      </c>
      <c r="G22907" t="s">
        <v>10734</v>
      </c>
      <c r="H22907" t="s">
        <v>10735</v>
      </c>
      <c r="I22907" s="2">
        <v>0</v>
      </c>
      <c r="J22907" s="2">
        <v>0</v>
      </c>
      <c r="K22907" s="2">
        <v>1</v>
      </c>
      <c r="L22907" t="s">
        <v>995</v>
      </c>
      <c r="M22907" t="s">
        <v>87</v>
      </c>
      <c r="N22907" t="s">
        <v>88</v>
      </c>
      <c r="O22907" t="s">
        <v>85</v>
      </c>
      <c r="P22907" t="s">
        <v>86</v>
      </c>
      <c r="Q22907">
        <v>33</v>
      </c>
      <c r="R22907">
        <v>34</v>
      </c>
      <c r="S22907">
        <v>35</v>
      </c>
      <c r="T22907">
        <v>35</v>
      </c>
      <c r="U22907">
        <v>36</v>
      </c>
      <c r="V22907">
        <v>37</v>
      </c>
      <c r="W22907">
        <v>37</v>
      </c>
      <c r="X22907">
        <v>38</v>
      </c>
      <c r="Y22907">
        <v>39</v>
      </c>
      <c r="Z22907">
        <v>39</v>
      </c>
      <c r="AA22907">
        <v>40</v>
      </c>
      <c r="AB22907">
        <v>41</v>
      </c>
      <c r="AC22907">
        <v>42</v>
      </c>
      <c r="AD22907">
        <v>42</v>
      </c>
      <c r="AE22907">
        <v>43</v>
      </c>
      <c r="AF22907">
        <v>44</v>
      </c>
      <c r="AG22907">
        <v>45</v>
      </c>
      <c r="AH22907">
        <v>46</v>
      </c>
      <c r="AI22907">
        <v>47</v>
      </c>
      <c r="AJ22907">
        <v>47</v>
      </c>
      <c r="AK22907">
        <v>48</v>
      </c>
      <c r="AL22907">
        <v>49</v>
      </c>
      <c r="AM22907">
        <v>50</v>
      </c>
      <c r="AN22907">
        <v>51</v>
      </c>
      <c r="AO22907">
        <v>52</v>
      </c>
      <c r="AP22907">
        <v>53</v>
      </c>
      <c r="AQ22907">
        <v>54</v>
      </c>
    </row>
    <row r="22908" spans="1:43">
      <c r="A22908" t="s">
        <v>14189</v>
      </c>
      <c r="B22908" t="s">
        <v>14190</v>
      </c>
      <c r="C22908" t="s">
        <v>14191</v>
      </c>
      <c r="D22908" t="s">
        <v>14192</v>
      </c>
      <c r="E22908" t="s">
        <v>14167</v>
      </c>
      <c r="F22908" t="s">
        <v>14168</v>
      </c>
      <c r="G22908" t="s">
        <v>10734</v>
      </c>
      <c r="H22908" t="s">
        <v>10735</v>
      </c>
      <c r="I22908" s="2">
        <v>0</v>
      </c>
      <c r="J22908" s="2">
        <v>0</v>
      </c>
      <c r="K22908" s="2">
        <v>1</v>
      </c>
      <c r="L22908" t="s">
        <v>995</v>
      </c>
      <c r="M22908" t="s">
        <v>89</v>
      </c>
      <c r="N22908" t="s">
        <v>90</v>
      </c>
      <c r="O22908" t="s">
        <v>85</v>
      </c>
      <c r="P22908" t="s">
        <v>86</v>
      </c>
      <c r="Q22908">
        <v>33</v>
      </c>
      <c r="R22908">
        <v>34</v>
      </c>
      <c r="S22908">
        <v>35</v>
      </c>
      <c r="T22908">
        <v>37</v>
      </c>
      <c r="U22908">
        <v>38</v>
      </c>
      <c r="V22908">
        <v>39</v>
      </c>
      <c r="W22908">
        <v>41</v>
      </c>
      <c r="X22908">
        <v>42</v>
      </c>
      <c r="Y22908">
        <v>43</v>
      </c>
      <c r="Z22908">
        <v>44</v>
      </c>
      <c r="AA22908">
        <v>46</v>
      </c>
      <c r="AB22908">
        <v>47</v>
      </c>
      <c r="AC22908">
        <v>48</v>
      </c>
      <c r="AD22908">
        <v>50</v>
      </c>
      <c r="AE22908">
        <v>51</v>
      </c>
      <c r="AF22908">
        <v>52</v>
      </c>
      <c r="AG22908">
        <v>53</v>
      </c>
      <c r="AH22908">
        <v>53</v>
      </c>
      <c r="AI22908">
        <v>54</v>
      </c>
      <c r="AJ22908">
        <v>55</v>
      </c>
      <c r="AK22908">
        <v>56</v>
      </c>
      <c r="AL22908">
        <v>57</v>
      </c>
      <c r="AM22908">
        <v>58</v>
      </c>
      <c r="AN22908">
        <v>59</v>
      </c>
      <c r="AO22908">
        <v>60</v>
      </c>
      <c r="AP22908">
        <v>61</v>
      </c>
      <c r="AQ22908">
        <v>62</v>
      </c>
    </row>
    <row r="22909" spans="1:43">
      <c r="A22909" t="s">
        <v>14189</v>
      </c>
      <c r="B22909" t="s">
        <v>14190</v>
      </c>
      <c r="C22909" t="s">
        <v>14191</v>
      </c>
      <c r="D22909" t="s">
        <v>14192</v>
      </c>
      <c r="E22909" t="s">
        <v>14167</v>
      </c>
      <c r="F22909" t="s">
        <v>14168</v>
      </c>
      <c r="G22909" t="s">
        <v>10734</v>
      </c>
      <c r="H22909" t="s">
        <v>10735</v>
      </c>
      <c r="I22909" s="2">
        <v>0</v>
      </c>
      <c r="J22909" s="2">
        <v>0</v>
      </c>
      <c r="K22909" s="2">
        <v>1</v>
      </c>
      <c r="L22909" t="s">
        <v>995</v>
      </c>
      <c r="M22909" t="s">
        <v>83</v>
      </c>
      <c r="N22909" t="s">
        <v>91</v>
      </c>
      <c r="O22909" t="s">
        <v>85</v>
      </c>
      <c r="P22909" t="s">
        <v>86</v>
      </c>
      <c r="Q22909">
        <v>33</v>
      </c>
      <c r="R22909">
        <v>34</v>
      </c>
      <c r="S22909">
        <v>34</v>
      </c>
      <c r="T22909">
        <v>35</v>
      </c>
      <c r="U22909">
        <v>36</v>
      </c>
      <c r="V22909">
        <v>37</v>
      </c>
      <c r="W22909">
        <v>39</v>
      </c>
      <c r="X22909">
        <v>40</v>
      </c>
      <c r="Y22909">
        <v>41</v>
      </c>
      <c r="Z22909">
        <v>42</v>
      </c>
      <c r="AA22909">
        <v>43</v>
      </c>
      <c r="AB22909">
        <v>44</v>
      </c>
      <c r="AC22909">
        <v>45</v>
      </c>
      <c r="AD22909">
        <v>46</v>
      </c>
      <c r="AE22909">
        <v>48</v>
      </c>
      <c r="AF22909">
        <v>49</v>
      </c>
      <c r="AG22909">
        <v>50</v>
      </c>
      <c r="AH22909">
        <v>51</v>
      </c>
      <c r="AI22909">
        <v>53</v>
      </c>
      <c r="AJ22909">
        <v>54</v>
      </c>
      <c r="AK22909">
        <v>55</v>
      </c>
      <c r="AL22909">
        <v>56</v>
      </c>
      <c r="AM22909">
        <v>57</v>
      </c>
      <c r="AN22909">
        <v>58</v>
      </c>
      <c r="AO22909">
        <v>59</v>
      </c>
      <c r="AP22909">
        <v>60</v>
      </c>
      <c r="AQ22909">
        <v>61</v>
      </c>
    </row>
    <row r="22910" spans="1:43">
      <c r="A22910" t="s">
        <v>14193</v>
      </c>
      <c r="B22910" t="s">
        <v>14194</v>
      </c>
      <c r="C22910" t="s">
        <v>14195</v>
      </c>
      <c r="D22910" t="s">
        <v>14196</v>
      </c>
      <c r="E22910" t="s">
        <v>14167</v>
      </c>
      <c r="F22910" t="s">
        <v>14168</v>
      </c>
      <c r="G22910" t="s">
        <v>10734</v>
      </c>
      <c r="H22910" t="s">
        <v>10735</v>
      </c>
      <c r="I22910" s="2">
        <v>0</v>
      </c>
      <c r="J22910" s="2">
        <v>0</v>
      </c>
      <c r="K22910" s="2">
        <v>1</v>
      </c>
      <c r="L22910" t="s">
        <v>995</v>
      </c>
      <c r="M22910" t="s">
        <v>83</v>
      </c>
      <c r="N22910" t="s">
        <v>84</v>
      </c>
      <c r="O22910" t="s">
        <v>85</v>
      </c>
      <c r="P22910" t="s">
        <v>86</v>
      </c>
      <c r="Q22910">
        <v>55</v>
      </c>
      <c r="R22910">
        <v>56</v>
      </c>
      <c r="S22910">
        <v>58</v>
      </c>
      <c r="T22910">
        <v>59</v>
      </c>
      <c r="U22910">
        <v>61</v>
      </c>
      <c r="V22910">
        <v>63</v>
      </c>
      <c r="W22910">
        <v>64</v>
      </c>
      <c r="X22910">
        <v>66</v>
      </c>
      <c r="Y22910">
        <v>68</v>
      </c>
      <c r="Z22910">
        <v>70</v>
      </c>
      <c r="AA22910">
        <v>72</v>
      </c>
      <c r="AB22910">
        <v>74</v>
      </c>
      <c r="AC22910">
        <v>76</v>
      </c>
      <c r="AD22910">
        <v>78</v>
      </c>
      <c r="AE22910">
        <v>80</v>
      </c>
      <c r="AF22910">
        <v>82</v>
      </c>
      <c r="AG22910">
        <v>84</v>
      </c>
      <c r="AH22910">
        <v>86</v>
      </c>
      <c r="AI22910">
        <v>88</v>
      </c>
      <c r="AJ22910">
        <v>90</v>
      </c>
      <c r="AK22910">
        <v>93</v>
      </c>
      <c r="AL22910">
        <v>94</v>
      </c>
      <c r="AM22910">
        <v>96</v>
      </c>
      <c r="AN22910">
        <v>98</v>
      </c>
      <c r="AO22910">
        <v>99</v>
      </c>
      <c r="AP22910">
        <v>101</v>
      </c>
      <c r="AQ22910">
        <v>102</v>
      </c>
    </row>
    <row r="22911" spans="1:43">
      <c r="A22911" t="s">
        <v>14193</v>
      </c>
      <c r="B22911" t="s">
        <v>14194</v>
      </c>
      <c r="C22911" t="s">
        <v>14195</v>
      </c>
      <c r="D22911" t="s">
        <v>14196</v>
      </c>
      <c r="E22911" t="s">
        <v>14167</v>
      </c>
      <c r="F22911" t="s">
        <v>14168</v>
      </c>
      <c r="G22911" t="s">
        <v>10734</v>
      </c>
      <c r="H22911" t="s">
        <v>10735</v>
      </c>
      <c r="I22911" s="2">
        <v>0</v>
      </c>
      <c r="J22911" s="2">
        <v>0</v>
      </c>
      <c r="K22911" s="2">
        <v>1</v>
      </c>
      <c r="L22911" t="s">
        <v>995</v>
      </c>
      <c r="M22911" t="s">
        <v>87</v>
      </c>
      <c r="N22911" t="s">
        <v>88</v>
      </c>
      <c r="O22911" t="s">
        <v>85</v>
      </c>
      <c r="P22911" t="s">
        <v>86</v>
      </c>
      <c r="Q22911">
        <v>55</v>
      </c>
      <c r="R22911">
        <v>56</v>
      </c>
      <c r="S22911">
        <v>57</v>
      </c>
      <c r="T22911">
        <v>58</v>
      </c>
      <c r="U22911">
        <v>59</v>
      </c>
      <c r="V22911">
        <v>60</v>
      </c>
      <c r="W22911">
        <v>62</v>
      </c>
      <c r="X22911">
        <v>63</v>
      </c>
      <c r="Y22911">
        <v>64</v>
      </c>
      <c r="Z22911">
        <v>65</v>
      </c>
      <c r="AA22911">
        <v>66</v>
      </c>
      <c r="AB22911">
        <v>68</v>
      </c>
      <c r="AC22911">
        <v>69</v>
      </c>
      <c r="AD22911">
        <v>70</v>
      </c>
      <c r="AE22911">
        <v>72</v>
      </c>
      <c r="AF22911">
        <v>73</v>
      </c>
      <c r="AG22911">
        <v>74</v>
      </c>
      <c r="AH22911">
        <v>76</v>
      </c>
      <c r="AI22911">
        <v>77</v>
      </c>
      <c r="AJ22911">
        <v>79</v>
      </c>
      <c r="AK22911">
        <v>80</v>
      </c>
      <c r="AL22911">
        <v>82</v>
      </c>
      <c r="AM22911">
        <v>83</v>
      </c>
      <c r="AN22911">
        <v>85</v>
      </c>
      <c r="AO22911">
        <v>87</v>
      </c>
      <c r="AP22911">
        <v>88</v>
      </c>
      <c r="AQ22911">
        <v>90</v>
      </c>
    </row>
    <row r="22912" spans="1:43">
      <c r="A22912" t="s">
        <v>14193</v>
      </c>
      <c r="B22912" t="s">
        <v>14194</v>
      </c>
      <c r="C22912" t="s">
        <v>14195</v>
      </c>
      <c r="D22912" t="s">
        <v>14196</v>
      </c>
      <c r="E22912" t="s">
        <v>14167</v>
      </c>
      <c r="F22912" t="s">
        <v>14168</v>
      </c>
      <c r="G22912" t="s">
        <v>10734</v>
      </c>
      <c r="H22912" t="s">
        <v>10735</v>
      </c>
      <c r="I22912" s="2">
        <v>0</v>
      </c>
      <c r="J22912" s="2">
        <v>0</v>
      </c>
      <c r="K22912" s="2">
        <v>1</v>
      </c>
      <c r="L22912" t="s">
        <v>995</v>
      </c>
      <c r="M22912" t="s">
        <v>89</v>
      </c>
      <c r="N22912" t="s">
        <v>90</v>
      </c>
      <c r="O22912" t="s">
        <v>85</v>
      </c>
      <c r="P22912" t="s">
        <v>86</v>
      </c>
      <c r="Q22912">
        <v>55</v>
      </c>
      <c r="R22912">
        <v>57</v>
      </c>
      <c r="S22912">
        <v>59</v>
      </c>
      <c r="T22912">
        <v>61</v>
      </c>
      <c r="U22912">
        <v>63</v>
      </c>
      <c r="V22912">
        <v>66</v>
      </c>
      <c r="W22912">
        <v>68</v>
      </c>
      <c r="X22912">
        <v>70</v>
      </c>
      <c r="Y22912">
        <v>72</v>
      </c>
      <c r="Z22912">
        <v>74</v>
      </c>
      <c r="AA22912">
        <v>76</v>
      </c>
      <c r="AB22912">
        <v>79</v>
      </c>
      <c r="AC22912">
        <v>81</v>
      </c>
      <c r="AD22912">
        <v>83</v>
      </c>
      <c r="AE22912">
        <v>85</v>
      </c>
      <c r="AF22912">
        <v>87</v>
      </c>
      <c r="AG22912">
        <v>88</v>
      </c>
      <c r="AH22912">
        <v>89</v>
      </c>
      <c r="AI22912">
        <v>91</v>
      </c>
      <c r="AJ22912">
        <v>92</v>
      </c>
      <c r="AK22912">
        <v>94</v>
      </c>
      <c r="AL22912">
        <v>95</v>
      </c>
      <c r="AM22912">
        <v>97</v>
      </c>
      <c r="AN22912">
        <v>98</v>
      </c>
      <c r="AO22912">
        <v>100</v>
      </c>
      <c r="AP22912">
        <v>101</v>
      </c>
      <c r="AQ22912">
        <v>103</v>
      </c>
    </row>
    <row r="22913" spans="1:43">
      <c r="A22913" t="s">
        <v>14193</v>
      </c>
      <c r="B22913" t="s">
        <v>14194</v>
      </c>
      <c r="C22913" t="s">
        <v>14195</v>
      </c>
      <c r="D22913" t="s">
        <v>14196</v>
      </c>
      <c r="E22913" t="s">
        <v>14167</v>
      </c>
      <c r="F22913" t="s">
        <v>14168</v>
      </c>
      <c r="G22913" t="s">
        <v>10734</v>
      </c>
      <c r="H22913" t="s">
        <v>10735</v>
      </c>
      <c r="I22913" s="2">
        <v>0</v>
      </c>
      <c r="J22913" s="2">
        <v>0</v>
      </c>
      <c r="K22913" s="2">
        <v>1</v>
      </c>
      <c r="L22913" t="s">
        <v>995</v>
      </c>
      <c r="M22913" t="s">
        <v>83</v>
      </c>
      <c r="N22913" t="s">
        <v>91</v>
      </c>
      <c r="O22913" t="s">
        <v>85</v>
      </c>
      <c r="P22913" t="s">
        <v>86</v>
      </c>
      <c r="Q22913">
        <v>55</v>
      </c>
      <c r="R22913">
        <v>56</v>
      </c>
      <c r="S22913">
        <v>58</v>
      </c>
      <c r="T22913">
        <v>59</v>
      </c>
      <c r="U22913">
        <v>61</v>
      </c>
      <c r="V22913">
        <v>63</v>
      </c>
      <c r="W22913">
        <v>64</v>
      </c>
      <c r="X22913">
        <v>66</v>
      </c>
      <c r="Y22913">
        <v>68</v>
      </c>
      <c r="Z22913">
        <v>70</v>
      </c>
      <c r="AA22913">
        <v>72</v>
      </c>
      <c r="AB22913">
        <v>74</v>
      </c>
      <c r="AC22913">
        <v>76</v>
      </c>
      <c r="AD22913">
        <v>78</v>
      </c>
      <c r="AE22913">
        <v>80</v>
      </c>
      <c r="AF22913">
        <v>82</v>
      </c>
      <c r="AG22913">
        <v>84</v>
      </c>
      <c r="AH22913">
        <v>86</v>
      </c>
      <c r="AI22913">
        <v>88</v>
      </c>
      <c r="AJ22913">
        <v>90</v>
      </c>
      <c r="AK22913">
        <v>93</v>
      </c>
      <c r="AL22913">
        <v>94</v>
      </c>
      <c r="AM22913">
        <v>96</v>
      </c>
      <c r="AN22913">
        <v>98</v>
      </c>
      <c r="AO22913">
        <v>99</v>
      </c>
      <c r="AP22913">
        <v>101</v>
      </c>
      <c r="AQ22913">
        <v>102</v>
      </c>
    </row>
    <row r="22914" spans="1:43">
      <c r="A22914" t="s">
        <v>14197</v>
      </c>
      <c r="B22914" t="s">
        <v>14198</v>
      </c>
      <c r="C22914" t="s">
        <v>14191</v>
      </c>
      <c r="D22914" t="s">
        <v>14192</v>
      </c>
      <c r="E22914" t="s">
        <v>14167</v>
      </c>
      <c r="F22914" t="s">
        <v>14168</v>
      </c>
      <c r="G22914" t="s">
        <v>10734</v>
      </c>
      <c r="H22914" t="s">
        <v>10735</v>
      </c>
      <c r="I22914" s="2">
        <v>0</v>
      </c>
      <c r="J22914" s="2">
        <v>0</v>
      </c>
      <c r="K22914" s="2">
        <v>0.83</v>
      </c>
      <c r="L22914" t="s">
        <v>995</v>
      </c>
      <c r="M22914" t="s">
        <v>83</v>
      </c>
      <c r="N22914" t="s">
        <v>84</v>
      </c>
      <c r="O22914" t="s">
        <v>85</v>
      </c>
      <c r="P22914" t="s">
        <v>86</v>
      </c>
      <c r="Q22914">
        <v>9</v>
      </c>
      <c r="R22914">
        <v>9</v>
      </c>
      <c r="S22914">
        <v>10</v>
      </c>
      <c r="T22914">
        <v>10</v>
      </c>
      <c r="U22914">
        <v>10</v>
      </c>
      <c r="V22914">
        <v>11</v>
      </c>
      <c r="W22914">
        <v>11</v>
      </c>
      <c r="X22914">
        <v>11</v>
      </c>
      <c r="Y22914">
        <v>11</v>
      </c>
      <c r="Z22914">
        <v>12</v>
      </c>
      <c r="AA22914">
        <v>12</v>
      </c>
      <c r="AB22914">
        <v>12</v>
      </c>
      <c r="AC22914">
        <v>13</v>
      </c>
      <c r="AD22914">
        <v>13</v>
      </c>
      <c r="AE22914">
        <v>13</v>
      </c>
      <c r="AF22914">
        <v>14</v>
      </c>
      <c r="AG22914">
        <v>14</v>
      </c>
      <c r="AH22914">
        <v>14</v>
      </c>
      <c r="AI22914">
        <v>15</v>
      </c>
      <c r="AJ22914">
        <v>15</v>
      </c>
      <c r="AK22914">
        <v>16</v>
      </c>
      <c r="AL22914">
        <v>16</v>
      </c>
      <c r="AM22914">
        <v>16</v>
      </c>
      <c r="AN22914">
        <v>16</v>
      </c>
      <c r="AO22914">
        <v>17</v>
      </c>
      <c r="AP22914">
        <v>17</v>
      </c>
      <c r="AQ22914">
        <v>17</v>
      </c>
    </row>
    <row r="22915" spans="1:43">
      <c r="A22915" t="s">
        <v>14197</v>
      </c>
      <c r="B22915" t="s">
        <v>14198</v>
      </c>
      <c r="C22915" t="s">
        <v>14191</v>
      </c>
      <c r="D22915" t="s">
        <v>14192</v>
      </c>
      <c r="E22915" t="s">
        <v>14167</v>
      </c>
      <c r="F22915" t="s">
        <v>14168</v>
      </c>
      <c r="G22915" t="s">
        <v>10734</v>
      </c>
      <c r="H22915" t="s">
        <v>10735</v>
      </c>
      <c r="I22915" s="2">
        <v>0</v>
      </c>
      <c r="J22915" s="2">
        <v>0</v>
      </c>
      <c r="K22915" s="2">
        <v>0.83</v>
      </c>
      <c r="L22915" t="s">
        <v>995</v>
      </c>
      <c r="M22915" t="s">
        <v>87</v>
      </c>
      <c r="N22915" t="s">
        <v>88</v>
      </c>
      <c r="O22915" t="s">
        <v>85</v>
      </c>
      <c r="P22915" t="s">
        <v>86</v>
      </c>
      <c r="Q22915">
        <v>9</v>
      </c>
      <c r="R22915">
        <v>9</v>
      </c>
      <c r="S22915">
        <v>9</v>
      </c>
      <c r="T22915">
        <v>10</v>
      </c>
      <c r="U22915">
        <v>10</v>
      </c>
      <c r="V22915">
        <v>10</v>
      </c>
      <c r="W22915">
        <v>10</v>
      </c>
      <c r="X22915">
        <v>10</v>
      </c>
      <c r="Y22915">
        <v>11</v>
      </c>
      <c r="Z22915">
        <v>11</v>
      </c>
      <c r="AA22915">
        <v>11</v>
      </c>
      <c r="AB22915">
        <v>11</v>
      </c>
      <c r="AC22915">
        <v>11</v>
      </c>
      <c r="AD22915">
        <v>12</v>
      </c>
      <c r="AE22915">
        <v>12</v>
      </c>
      <c r="AF22915">
        <v>12</v>
      </c>
      <c r="AG22915">
        <v>12</v>
      </c>
      <c r="AH22915">
        <v>13</v>
      </c>
      <c r="AI22915">
        <v>13</v>
      </c>
      <c r="AJ22915">
        <v>13</v>
      </c>
      <c r="AK22915">
        <v>13</v>
      </c>
      <c r="AL22915">
        <v>14</v>
      </c>
      <c r="AM22915">
        <v>14</v>
      </c>
      <c r="AN22915">
        <v>14</v>
      </c>
      <c r="AO22915">
        <v>14</v>
      </c>
      <c r="AP22915">
        <v>15</v>
      </c>
      <c r="AQ22915">
        <v>15</v>
      </c>
    </row>
    <row r="22916" spans="1:43">
      <c r="A22916" t="s">
        <v>14197</v>
      </c>
      <c r="B22916" t="s">
        <v>14198</v>
      </c>
      <c r="C22916" t="s">
        <v>14191</v>
      </c>
      <c r="D22916" t="s">
        <v>14192</v>
      </c>
      <c r="E22916" t="s">
        <v>14167</v>
      </c>
      <c r="F22916" t="s">
        <v>14168</v>
      </c>
      <c r="G22916" t="s">
        <v>10734</v>
      </c>
      <c r="H22916" t="s">
        <v>10735</v>
      </c>
      <c r="I22916" s="2">
        <v>0</v>
      </c>
      <c r="J22916" s="2">
        <v>0</v>
      </c>
      <c r="K22916" s="2">
        <v>0.83</v>
      </c>
      <c r="L22916" t="s">
        <v>995</v>
      </c>
      <c r="M22916" t="s">
        <v>89</v>
      </c>
      <c r="N22916" t="s">
        <v>90</v>
      </c>
      <c r="O22916" t="s">
        <v>85</v>
      </c>
      <c r="P22916" t="s">
        <v>86</v>
      </c>
      <c r="Q22916">
        <v>9</v>
      </c>
      <c r="R22916">
        <v>10</v>
      </c>
      <c r="S22916">
        <v>10</v>
      </c>
      <c r="T22916">
        <v>10</v>
      </c>
      <c r="U22916">
        <v>11</v>
      </c>
      <c r="V22916">
        <v>11</v>
      </c>
      <c r="W22916">
        <v>11</v>
      </c>
      <c r="X22916">
        <v>12</v>
      </c>
      <c r="Y22916">
        <v>12</v>
      </c>
      <c r="Z22916">
        <v>12</v>
      </c>
      <c r="AA22916">
        <v>13</v>
      </c>
      <c r="AB22916">
        <v>13</v>
      </c>
      <c r="AC22916">
        <v>14</v>
      </c>
      <c r="AD22916">
        <v>14</v>
      </c>
      <c r="AE22916">
        <v>14</v>
      </c>
      <c r="AF22916">
        <v>15</v>
      </c>
      <c r="AG22916">
        <v>15</v>
      </c>
      <c r="AH22916">
        <v>15</v>
      </c>
      <c r="AI22916">
        <v>15</v>
      </c>
      <c r="AJ22916">
        <v>15</v>
      </c>
      <c r="AK22916">
        <v>16</v>
      </c>
      <c r="AL22916">
        <v>16</v>
      </c>
      <c r="AM22916">
        <v>16</v>
      </c>
      <c r="AN22916">
        <v>16</v>
      </c>
      <c r="AO22916">
        <v>17</v>
      </c>
      <c r="AP22916">
        <v>17</v>
      </c>
      <c r="AQ22916">
        <v>17</v>
      </c>
    </row>
    <row r="22917" spans="1:43">
      <c r="A22917" t="s">
        <v>14197</v>
      </c>
      <c r="B22917" t="s">
        <v>14198</v>
      </c>
      <c r="C22917" t="s">
        <v>14191</v>
      </c>
      <c r="D22917" t="s">
        <v>14192</v>
      </c>
      <c r="E22917" t="s">
        <v>14167</v>
      </c>
      <c r="F22917" t="s">
        <v>14168</v>
      </c>
      <c r="G22917" t="s">
        <v>10734</v>
      </c>
      <c r="H22917" t="s">
        <v>10735</v>
      </c>
      <c r="I22917" s="2">
        <v>0</v>
      </c>
      <c r="J22917" s="2">
        <v>0</v>
      </c>
      <c r="K22917" s="2">
        <v>0.83</v>
      </c>
      <c r="L22917" t="s">
        <v>995</v>
      </c>
      <c r="M22917" t="s">
        <v>83</v>
      </c>
      <c r="N22917" t="s">
        <v>91</v>
      </c>
      <c r="O22917" t="s">
        <v>85</v>
      </c>
      <c r="P22917" t="s">
        <v>86</v>
      </c>
      <c r="Q22917">
        <v>9</v>
      </c>
      <c r="R22917">
        <v>9</v>
      </c>
      <c r="S22917">
        <v>10</v>
      </c>
      <c r="T22917">
        <v>10</v>
      </c>
      <c r="U22917">
        <v>10</v>
      </c>
      <c r="V22917">
        <v>11</v>
      </c>
      <c r="W22917">
        <v>11</v>
      </c>
      <c r="X22917">
        <v>11</v>
      </c>
      <c r="Y22917">
        <v>11</v>
      </c>
      <c r="Z22917">
        <v>12</v>
      </c>
      <c r="AA22917">
        <v>12</v>
      </c>
      <c r="AB22917">
        <v>12</v>
      </c>
      <c r="AC22917">
        <v>13</v>
      </c>
      <c r="AD22917">
        <v>13</v>
      </c>
      <c r="AE22917">
        <v>13</v>
      </c>
      <c r="AF22917">
        <v>14</v>
      </c>
      <c r="AG22917">
        <v>14</v>
      </c>
      <c r="AH22917">
        <v>14</v>
      </c>
      <c r="AI22917">
        <v>15</v>
      </c>
      <c r="AJ22917">
        <v>15</v>
      </c>
      <c r="AK22917">
        <v>16</v>
      </c>
      <c r="AL22917">
        <v>16</v>
      </c>
      <c r="AM22917">
        <v>16</v>
      </c>
      <c r="AN22917">
        <v>16</v>
      </c>
      <c r="AO22917">
        <v>17</v>
      </c>
      <c r="AP22917">
        <v>17</v>
      </c>
      <c r="AQ22917">
        <v>17</v>
      </c>
    </row>
    <row r="22918" spans="1:43">
      <c r="A22918" t="s">
        <v>14199</v>
      </c>
      <c r="B22918" t="s">
        <v>14200</v>
      </c>
      <c r="C22918" t="s">
        <v>14165</v>
      </c>
      <c r="D22918" t="s">
        <v>14166</v>
      </c>
      <c r="E22918" t="s">
        <v>14167</v>
      </c>
      <c r="F22918" t="s">
        <v>14168</v>
      </c>
      <c r="G22918" t="s">
        <v>10734</v>
      </c>
      <c r="H22918" t="s">
        <v>10735</v>
      </c>
      <c r="I22918" s="2">
        <v>0</v>
      </c>
      <c r="J22918" s="2">
        <v>0</v>
      </c>
      <c r="K22918" s="2">
        <v>1</v>
      </c>
      <c r="L22918" t="s">
        <v>995</v>
      </c>
      <c r="M22918" t="s">
        <v>83</v>
      </c>
      <c r="N22918" t="s">
        <v>84</v>
      </c>
      <c r="O22918" t="s">
        <v>85</v>
      </c>
      <c r="P22918" t="s">
        <v>86</v>
      </c>
      <c r="Q22918">
        <v>33</v>
      </c>
      <c r="R22918">
        <v>34</v>
      </c>
      <c r="S22918">
        <v>35</v>
      </c>
      <c r="T22918">
        <v>36</v>
      </c>
      <c r="U22918">
        <v>37</v>
      </c>
      <c r="V22918">
        <v>38</v>
      </c>
      <c r="W22918">
        <v>39</v>
      </c>
      <c r="X22918">
        <v>40</v>
      </c>
      <c r="Y22918">
        <v>41</v>
      </c>
      <c r="Z22918">
        <v>43</v>
      </c>
      <c r="AA22918">
        <v>44</v>
      </c>
      <c r="AB22918">
        <v>45</v>
      </c>
      <c r="AC22918">
        <v>46</v>
      </c>
      <c r="AD22918">
        <v>47</v>
      </c>
      <c r="AE22918">
        <v>48</v>
      </c>
      <c r="AF22918">
        <v>50</v>
      </c>
      <c r="AG22918">
        <v>51</v>
      </c>
      <c r="AH22918">
        <v>52</v>
      </c>
      <c r="AI22918">
        <v>54</v>
      </c>
      <c r="AJ22918">
        <v>55</v>
      </c>
      <c r="AK22918">
        <v>56</v>
      </c>
      <c r="AL22918">
        <v>57</v>
      </c>
      <c r="AM22918">
        <v>58</v>
      </c>
      <c r="AN22918">
        <v>59</v>
      </c>
      <c r="AO22918">
        <v>60</v>
      </c>
      <c r="AP22918">
        <v>61</v>
      </c>
      <c r="AQ22918">
        <v>62</v>
      </c>
    </row>
    <row r="22919" spans="1:43">
      <c r="A22919" t="s">
        <v>14199</v>
      </c>
      <c r="B22919" t="s">
        <v>14200</v>
      </c>
      <c r="C22919" t="s">
        <v>14165</v>
      </c>
      <c r="D22919" t="s">
        <v>14166</v>
      </c>
      <c r="E22919" t="s">
        <v>14167</v>
      </c>
      <c r="F22919" t="s">
        <v>14168</v>
      </c>
      <c r="G22919" t="s">
        <v>10734</v>
      </c>
      <c r="H22919" t="s">
        <v>10735</v>
      </c>
      <c r="I22919" s="2">
        <v>0</v>
      </c>
      <c r="J22919" s="2">
        <v>0</v>
      </c>
      <c r="K22919" s="2">
        <v>1</v>
      </c>
      <c r="L22919" t="s">
        <v>995</v>
      </c>
      <c r="M22919" t="s">
        <v>87</v>
      </c>
      <c r="N22919" t="s">
        <v>88</v>
      </c>
      <c r="O22919" t="s">
        <v>85</v>
      </c>
      <c r="P22919" t="s">
        <v>86</v>
      </c>
      <c r="Q22919">
        <v>33</v>
      </c>
      <c r="R22919">
        <v>34</v>
      </c>
      <c r="S22919">
        <v>34</v>
      </c>
      <c r="T22919">
        <v>35</v>
      </c>
      <c r="U22919">
        <v>36</v>
      </c>
      <c r="V22919">
        <v>36</v>
      </c>
      <c r="W22919">
        <v>37</v>
      </c>
      <c r="X22919">
        <v>38</v>
      </c>
      <c r="Y22919">
        <v>38</v>
      </c>
      <c r="Z22919">
        <v>39</v>
      </c>
      <c r="AA22919">
        <v>40</v>
      </c>
      <c r="AB22919">
        <v>40</v>
      </c>
      <c r="AC22919">
        <v>41</v>
      </c>
      <c r="AD22919">
        <v>42</v>
      </c>
      <c r="AE22919">
        <v>43</v>
      </c>
      <c r="AF22919">
        <v>44</v>
      </c>
      <c r="AG22919">
        <v>44</v>
      </c>
      <c r="AH22919">
        <v>45</v>
      </c>
      <c r="AI22919">
        <v>46</v>
      </c>
      <c r="AJ22919">
        <v>47</v>
      </c>
      <c r="AK22919">
        <v>48</v>
      </c>
      <c r="AL22919">
        <v>49</v>
      </c>
      <c r="AM22919">
        <v>50</v>
      </c>
      <c r="AN22919">
        <v>51</v>
      </c>
      <c r="AO22919">
        <v>52</v>
      </c>
      <c r="AP22919">
        <v>53</v>
      </c>
      <c r="AQ22919">
        <v>54</v>
      </c>
    </row>
    <row r="22920" spans="1:43">
      <c r="A22920" t="s">
        <v>14199</v>
      </c>
      <c r="B22920" t="s">
        <v>14200</v>
      </c>
      <c r="C22920" t="s">
        <v>14165</v>
      </c>
      <c r="D22920" t="s">
        <v>14166</v>
      </c>
      <c r="E22920" t="s">
        <v>14167</v>
      </c>
      <c r="F22920" t="s">
        <v>14168</v>
      </c>
      <c r="G22920" t="s">
        <v>10734</v>
      </c>
      <c r="H22920" t="s">
        <v>10735</v>
      </c>
      <c r="I22920" s="2">
        <v>0</v>
      </c>
      <c r="J22920" s="2">
        <v>0</v>
      </c>
      <c r="K22920" s="2">
        <v>1</v>
      </c>
      <c r="L22920" t="s">
        <v>995</v>
      </c>
      <c r="M22920" t="s">
        <v>89</v>
      </c>
      <c r="N22920" t="s">
        <v>90</v>
      </c>
      <c r="O22920" t="s">
        <v>85</v>
      </c>
      <c r="P22920" t="s">
        <v>86</v>
      </c>
      <c r="Q22920">
        <v>33</v>
      </c>
      <c r="R22920">
        <v>34</v>
      </c>
      <c r="S22920">
        <v>35</v>
      </c>
      <c r="T22920">
        <v>36</v>
      </c>
      <c r="U22920">
        <v>38</v>
      </c>
      <c r="V22920">
        <v>39</v>
      </c>
      <c r="W22920">
        <v>40</v>
      </c>
      <c r="X22920">
        <v>42</v>
      </c>
      <c r="Y22920">
        <v>43</v>
      </c>
      <c r="Z22920">
        <v>44</v>
      </c>
      <c r="AA22920">
        <v>46</v>
      </c>
      <c r="AB22920">
        <v>47</v>
      </c>
      <c r="AC22920">
        <v>48</v>
      </c>
      <c r="AD22920">
        <v>50</v>
      </c>
      <c r="AE22920">
        <v>51</v>
      </c>
      <c r="AF22920">
        <v>52</v>
      </c>
      <c r="AG22920">
        <v>53</v>
      </c>
      <c r="AH22920">
        <v>53</v>
      </c>
      <c r="AI22920">
        <v>54</v>
      </c>
      <c r="AJ22920">
        <v>55</v>
      </c>
      <c r="AK22920">
        <v>56</v>
      </c>
      <c r="AL22920">
        <v>57</v>
      </c>
      <c r="AM22920">
        <v>58</v>
      </c>
      <c r="AN22920">
        <v>59</v>
      </c>
      <c r="AO22920">
        <v>60</v>
      </c>
      <c r="AP22920">
        <v>60</v>
      </c>
      <c r="AQ22920">
        <v>61</v>
      </c>
    </row>
    <row r="22921" spans="1:43">
      <c r="A22921" t="s">
        <v>14199</v>
      </c>
      <c r="B22921" t="s">
        <v>14200</v>
      </c>
      <c r="C22921" t="s">
        <v>14165</v>
      </c>
      <c r="D22921" t="s">
        <v>14166</v>
      </c>
      <c r="E22921" t="s">
        <v>14167</v>
      </c>
      <c r="F22921" t="s">
        <v>14168</v>
      </c>
      <c r="G22921" t="s">
        <v>10734</v>
      </c>
      <c r="H22921" t="s">
        <v>10735</v>
      </c>
      <c r="I22921" s="2">
        <v>0</v>
      </c>
      <c r="J22921" s="2">
        <v>0</v>
      </c>
      <c r="K22921" s="2">
        <v>1</v>
      </c>
      <c r="L22921" t="s">
        <v>995</v>
      </c>
      <c r="M22921" t="s">
        <v>83</v>
      </c>
      <c r="N22921" t="s">
        <v>91</v>
      </c>
      <c r="O22921" t="s">
        <v>85</v>
      </c>
      <c r="P22921" t="s">
        <v>86</v>
      </c>
      <c r="Q22921">
        <v>33</v>
      </c>
      <c r="R22921">
        <v>34</v>
      </c>
      <c r="S22921">
        <v>35</v>
      </c>
      <c r="T22921">
        <v>36</v>
      </c>
      <c r="U22921">
        <v>37</v>
      </c>
      <c r="V22921">
        <v>38</v>
      </c>
      <c r="W22921">
        <v>39</v>
      </c>
      <c r="X22921">
        <v>40</v>
      </c>
      <c r="Y22921">
        <v>41</v>
      </c>
      <c r="Z22921">
        <v>43</v>
      </c>
      <c r="AA22921">
        <v>44</v>
      </c>
      <c r="AB22921">
        <v>45</v>
      </c>
      <c r="AC22921">
        <v>46</v>
      </c>
      <c r="AD22921">
        <v>47</v>
      </c>
      <c r="AE22921">
        <v>48</v>
      </c>
      <c r="AF22921">
        <v>50</v>
      </c>
      <c r="AG22921">
        <v>51</v>
      </c>
      <c r="AH22921">
        <v>52</v>
      </c>
      <c r="AI22921">
        <v>54</v>
      </c>
      <c r="AJ22921">
        <v>55</v>
      </c>
      <c r="AK22921">
        <v>56</v>
      </c>
      <c r="AL22921">
        <v>57</v>
      </c>
      <c r="AM22921">
        <v>58</v>
      </c>
      <c r="AN22921">
        <v>59</v>
      </c>
      <c r="AO22921">
        <v>60</v>
      </c>
      <c r="AP22921">
        <v>61</v>
      </c>
      <c r="AQ22921">
        <v>62</v>
      </c>
    </row>
    <row r="22922" spans="1:43">
      <c r="A22922" t="s">
        <v>14201</v>
      </c>
      <c r="B22922" t="s">
        <v>14202</v>
      </c>
      <c r="C22922" t="s">
        <v>14165</v>
      </c>
      <c r="D22922" t="s">
        <v>14166</v>
      </c>
      <c r="E22922" t="s">
        <v>14167</v>
      </c>
      <c r="F22922" t="s">
        <v>14168</v>
      </c>
      <c r="G22922" t="s">
        <v>10734</v>
      </c>
      <c r="H22922" t="s">
        <v>10735</v>
      </c>
      <c r="I22922" s="2">
        <v>0</v>
      </c>
      <c r="J22922" s="2">
        <v>0</v>
      </c>
      <c r="K22922" s="2">
        <v>1</v>
      </c>
      <c r="L22922" t="s">
        <v>995</v>
      </c>
      <c r="M22922" t="s">
        <v>83</v>
      </c>
      <c r="N22922" t="s">
        <v>84</v>
      </c>
      <c r="O22922" t="s">
        <v>85</v>
      </c>
      <c r="P22922" t="s">
        <v>86</v>
      </c>
      <c r="Q22922">
        <v>30</v>
      </c>
      <c r="R22922">
        <v>31</v>
      </c>
      <c r="S22922">
        <v>32</v>
      </c>
      <c r="T22922">
        <v>33</v>
      </c>
      <c r="U22922">
        <v>33</v>
      </c>
      <c r="V22922">
        <v>34</v>
      </c>
      <c r="W22922">
        <v>35</v>
      </c>
      <c r="X22922">
        <v>36</v>
      </c>
      <c r="Y22922">
        <v>37</v>
      </c>
      <c r="Z22922">
        <v>38</v>
      </c>
      <c r="AA22922">
        <v>39</v>
      </c>
      <c r="AB22922">
        <v>40</v>
      </c>
      <c r="AC22922">
        <v>41</v>
      </c>
      <c r="AD22922">
        <v>43</v>
      </c>
      <c r="AE22922">
        <v>44</v>
      </c>
      <c r="AF22922">
        <v>45</v>
      </c>
      <c r="AG22922">
        <v>46</v>
      </c>
      <c r="AH22922">
        <v>47</v>
      </c>
      <c r="AI22922">
        <v>48</v>
      </c>
      <c r="AJ22922">
        <v>50</v>
      </c>
      <c r="AK22922">
        <v>51</v>
      </c>
      <c r="AL22922">
        <v>52</v>
      </c>
      <c r="AM22922">
        <v>53</v>
      </c>
      <c r="AN22922">
        <v>53</v>
      </c>
      <c r="AO22922">
        <v>54</v>
      </c>
      <c r="AP22922">
        <v>55</v>
      </c>
      <c r="AQ22922">
        <v>56</v>
      </c>
    </row>
    <row r="22923" spans="1:43">
      <c r="A22923" t="s">
        <v>14201</v>
      </c>
      <c r="B22923" t="s">
        <v>14202</v>
      </c>
      <c r="C22923" t="s">
        <v>14165</v>
      </c>
      <c r="D22923" t="s">
        <v>14166</v>
      </c>
      <c r="E22923" t="s">
        <v>14167</v>
      </c>
      <c r="F22923" t="s">
        <v>14168</v>
      </c>
      <c r="G22923" t="s">
        <v>10734</v>
      </c>
      <c r="H22923" t="s">
        <v>10735</v>
      </c>
      <c r="I22923" s="2">
        <v>0</v>
      </c>
      <c r="J22923" s="2">
        <v>0</v>
      </c>
      <c r="K22923" s="2">
        <v>1</v>
      </c>
      <c r="L22923" t="s">
        <v>995</v>
      </c>
      <c r="M22923" t="s">
        <v>87</v>
      </c>
      <c r="N22923" t="s">
        <v>88</v>
      </c>
      <c r="O22923" t="s">
        <v>85</v>
      </c>
      <c r="P22923" t="s">
        <v>86</v>
      </c>
      <c r="Q22923">
        <v>30</v>
      </c>
      <c r="R22923">
        <v>30</v>
      </c>
      <c r="S22923">
        <v>31</v>
      </c>
      <c r="T22923">
        <v>31</v>
      </c>
      <c r="U22923">
        <v>32</v>
      </c>
      <c r="V22923">
        <v>33</v>
      </c>
      <c r="W22923">
        <v>33</v>
      </c>
      <c r="X22923">
        <v>34</v>
      </c>
      <c r="Y22923">
        <v>34</v>
      </c>
      <c r="Z22923">
        <v>35</v>
      </c>
      <c r="AA22923">
        <v>36</v>
      </c>
      <c r="AB22923">
        <v>36</v>
      </c>
      <c r="AC22923">
        <v>37</v>
      </c>
      <c r="AD22923">
        <v>38</v>
      </c>
      <c r="AE22923">
        <v>39</v>
      </c>
      <c r="AF22923">
        <v>39</v>
      </c>
      <c r="AG22923">
        <v>40</v>
      </c>
      <c r="AH22923">
        <v>41</v>
      </c>
      <c r="AI22923">
        <v>42</v>
      </c>
      <c r="AJ22923">
        <v>42</v>
      </c>
      <c r="AK22923">
        <v>43</v>
      </c>
      <c r="AL22923">
        <v>44</v>
      </c>
      <c r="AM22923">
        <v>45</v>
      </c>
      <c r="AN22923">
        <v>46</v>
      </c>
      <c r="AO22923">
        <v>47</v>
      </c>
      <c r="AP22923">
        <v>48</v>
      </c>
      <c r="AQ22923">
        <v>48</v>
      </c>
    </row>
    <row r="22924" spans="1:43">
      <c r="A22924" t="s">
        <v>14201</v>
      </c>
      <c r="B22924" t="s">
        <v>14202</v>
      </c>
      <c r="C22924" t="s">
        <v>14165</v>
      </c>
      <c r="D22924" t="s">
        <v>14166</v>
      </c>
      <c r="E22924" t="s">
        <v>14167</v>
      </c>
      <c r="F22924" t="s">
        <v>14168</v>
      </c>
      <c r="G22924" t="s">
        <v>10734</v>
      </c>
      <c r="H22924" t="s">
        <v>10735</v>
      </c>
      <c r="I22924" s="2">
        <v>0</v>
      </c>
      <c r="J22924" s="2">
        <v>0</v>
      </c>
      <c r="K22924" s="2">
        <v>1</v>
      </c>
      <c r="L22924" t="s">
        <v>995</v>
      </c>
      <c r="M22924" t="s">
        <v>89</v>
      </c>
      <c r="N22924" t="s">
        <v>90</v>
      </c>
      <c r="O22924" t="s">
        <v>85</v>
      </c>
      <c r="P22924" t="s">
        <v>86</v>
      </c>
      <c r="Q22924">
        <v>30</v>
      </c>
      <c r="R22924">
        <v>31</v>
      </c>
      <c r="S22924">
        <v>32</v>
      </c>
      <c r="T22924">
        <v>34</v>
      </c>
      <c r="U22924">
        <v>35</v>
      </c>
      <c r="V22924">
        <v>36</v>
      </c>
      <c r="W22924">
        <v>37</v>
      </c>
      <c r="X22924">
        <v>38</v>
      </c>
      <c r="Y22924">
        <v>39</v>
      </c>
      <c r="Z22924">
        <v>41</v>
      </c>
      <c r="AA22924">
        <v>42</v>
      </c>
      <c r="AB22924">
        <v>43</v>
      </c>
      <c r="AC22924">
        <v>44</v>
      </c>
      <c r="AD22924">
        <v>46</v>
      </c>
      <c r="AE22924">
        <v>47</v>
      </c>
      <c r="AF22924">
        <v>48</v>
      </c>
      <c r="AG22924">
        <v>48</v>
      </c>
      <c r="AH22924">
        <v>49</v>
      </c>
      <c r="AI22924">
        <v>50</v>
      </c>
      <c r="AJ22924">
        <v>51</v>
      </c>
      <c r="AK22924">
        <v>51</v>
      </c>
      <c r="AL22924">
        <v>52</v>
      </c>
      <c r="AM22924">
        <v>53</v>
      </c>
      <c r="AN22924">
        <v>54</v>
      </c>
      <c r="AO22924">
        <v>55</v>
      </c>
      <c r="AP22924">
        <v>56</v>
      </c>
      <c r="AQ22924">
        <v>56</v>
      </c>
    </row>
    <row r="22925" spans="1:43">
      <c r="A22925" t="s">
        <v>14201</v>
      </c>
      <c r="B22925" t="s">
        <v>14202</v>
      </c>
      <c r="C22925" t="s">
        <v>14165</v>
      </c>
      <c r="D22925" t="s">
        <v>14166</v>
      </c>
      <c r="E22925" t="s">
        <v>14167</v>
      </c>
      <c r="F22925" t="s">
        <v>14168</v>
      </c>
      <c r="G22925" t="s">
        <v>10734</v>
      </c>
      <c r="H22925" t="s">
        <v>10735</v>
      </c>
      <c r="I22925" s="2">
        <v>0</v>
      </c>
      <c r="J22925" s="2">
        <v>0</v>
      </c>
      <c r="K22925" s="2">
        <v>1</v>
      </c>
      <c r="L22925" t="s">
        <v>995</v>
      </c>
      <c r="M22925" t="s">
        <v>83</v>
      </c>
      <c r="N22925" t="s">
        <v>91</v>
      </c>
      <c r="O22925" t="s">
        <v>85</v>
      </c>
      <c r="P22925" t="s">
        <v>86</v>
      </c>
      <c r="Q22925">
        <v>30</v>
      </c>
      <c r="R22925">
        <v>31</v>
      </c>
      <c r="S22925">
        <v>32</v>
      </c>
      <c r="T22925">
        <v>33</v>
      </c>
      <c r="U22925">
        <v>33</v>
      </c>
      <c r="V22925">
        <v>34</v>
      </c>
      <c r="W22925">
        <v>35</v>
      </c>
      <c r="X22925">
        <v>36</v>
      </c>
      <c r="Y22925">
        <v>37</v>
      </c>
      <c r="Z22925">
        <v>38</v>
      </c>
      <c r="AA22925">
        <v>39</v>
      </c>
      <c r="AB22925">
        <v>40</v>
      </c>
      <c r="AC22925">
        <v>41</v>
      </c>
      <c r="AD22925">
        <v>43</v>
      </c>
      <c r="AE22925">
        <v>44</v>
      </c>
      <c r="AF22925">
        <v>45</v>
      </c>
      <c r="AG22925">
        <v>46</v>
      </c>
      <c r="AH22925">
        <v>47</v>
      </c>
      <c r="AI22925">
        <v>48</v>
      </c>
      <c r="AJ22925">
        <v>50</v>
      </c>
      <c r="AK22925">
        <v>51</v>
      </c>
      <c r="AL22925">
        <v>52</v>
      </c>
      <c r="AM22925">
        <v>53</v>
      </c>
      <c r="AN22925">
        <v>53</v>
      </c>
      <c r="AO22925">
        <v>54</v>
      </c>
      <c r="AP22925">
        <v>55</v>
      </c>
      <c r="AQ22925">
        <v>56</v>
      </c>
    </row>
    <row r="22926" spans="1:43">
      <c r="A22926" t="s">
        <v>14203</v>
      </c>
      <c r="B22926" t="s">
        <v>14204</v>
      </c>
      <c r="C22926" t="s">
        <v>14205</v>
      </c>
      <c r="D22926" t="s">
        <v>14206</v>
      </c>
      <c r="E22926" t="s">
        <v>14167</v>
      </c>
      <c r="F22926" t="s">
        <v>14168</v>
      </c>
      <c r="G22926" t="s">
        <v>10734</v>
      </c>
      <c r="H22926" t="s">
        <v>10735</v>
      </c>
      <c r="I22926" s="2">
        <v>0</v>
      </c>
      <c r="J22926" s="2">
        <v>0</v>
      </c>
      <c r="K22926" s="2">
        <v>1</v>
      </c>
      <c r="L22926" t="s">
        <v>995</v>
      </c>
      <c r="M22926" t="s">
        <v>83</v>
      </c>
      <c r="N22926" t="s">
        <v>84</v>
      </c>
      <c r="O22926" t="s">
        <v>85</v>
      </c>
      <c r="P22926" t="s">
        <v>86</v>
      </c>
      <c r="Q22926">
        <v>35</v>
      </c>
      <c r="R22926">
        <v>36</v>
      </c>
      <c r="S22926">
        <v>37</v>
      </c>
      <c r="T22926">
        <v>38</v>
      </c>
      <c r="U22926">
        <v>39</v>
      </c>
      <c r="V22926">
        <v>40</v>
      </c>
      <c r="W22926">
        <v>42</v>
      </c>
      <c r="X22926">
        <v>43</v>
      </c>
      <c r="Y22926">
        <v>44</v>
      </c>
      <c r="Z22926">
        <v>45</v>
      </c>
      <c r="AA22926">
        <v>46</v>
      </c>
      <c r="AB22926">
        <v>48</v>
      </c>
      <c r="AC22926">
        <v>49</v>
      </c>
      <c r="AD22926">
        <v>50</v>
      </c>
      <c r="AE22926">
        <v>51</v>
      </c>
      <c r="AF22926">
        <v>53</v>
      </c>
      <c r="AG22926">
        <v>54</v>
      </c>
      <c r="AH22926">
        <v>56</v>
      </c>
      <c r="AI22926">
        <v>57</v>
      </c>
      <c r="AJ22926">
        <v>58</v>
      </c>
      <c r="AK22926">
        <v>60</v>
      </c>
      <c r="AL22926">
        <v>61</v>
      </c>
      <c r="AM22926">
        <v>62</v>
      </c>
      <c r="AN22926">
        <v>63</v>
      </c>
      <c r="AO22926">
        <v>64</v>
      </c>
      <c r="AP22926">
        <v>65</v>
      </c>
      <c r="AQ22926">
        <v>66</v>
      </c>
    </row>
    <row r="22927" spans="1:43">
      <c r="A22927" t="s">
        <v>14203</v>
      </c>
      <c r="B22927" t="s">
        <v>14204</v>
      </c>
      <c r="C22927" t="s">
        <v>14205</v>
      </c>
      <c r="D22927" t="s">
        <v>14206</v>
      </c>
      <c r="E22927" t="s">
        <v>14167</v>
      </c>
      <c r="F22927" t="s">
        <v>14168</v>
      </c>
      <c r="G22927" t="s">
        <v>10734</v>
      </c>
      <c r="H22927" t="s">
        <v>10735</v>
      </c>
      <c r="I22927" s="2">
        <v>0</v>
      </c>
      <c r="J22927" s="2">
        <v>0</v>
      </c>
      <c r="K22927" s="2">
        <v>1</v>
      </c>
      <c r="L22927" t="s">
        <v>995</v>
      </c>
      <c r="M22927" t="s">
        <v>87</v>
      </c>
      <c r="N22927" t="s">
        <v>88</v>
      </c>
      <c r="O22927" t="s">
        <v>85</v>
      </c>
      <c r="P22927" t="s">
        <v>86</v>
      </c>
      <c r="Q22927">
        <v>35</v>
      </c>
      <c r="R22927">
        <v>36</v>
      </c>
      <c r="S22927">
        <v>36</v>
      </c>
      <c r="T22927">
        <v>37</v>
      </c>
      <c r="U22927">
        <v>38</v>
      </c>
      <c r="V22927">
        <v>38</v>
      </c>
      <c r="W22927">
        <v>39</v>
      </c>
      <c r="X22927">
        <v>40</v>
      </c>
      <c r="Y22927">
        <v>41</v>
      </c>
      <c r="Z22927">
        <v>41</v>
      </c>
      <c r="AA22927">
        <v>42</v>
      </c>
      <c r="AB22927">
        <v>43</v>
      </c>
      <c r="AC22927">
        <v>44</v>
      </c>
      <c r="AD22927">
        <v>45</v>
      </c>
      <c r="AE22927">
        <v>46</v>
      </c>
      <c r="AF22927">
        <v>46</v>
      </c>
      <c r="AG22927">
        <v>47</v>
      </c>
      <c r="AH22927">
        <v>48</v>
      </c>
      <c r="AI22927">
        <v>49</v>
      </c>
      <c r="AJ22927">
        <v>50</v>
      </c>
      <c r="AK22927">
        <v>51</v>
      </c>
      <c r="AL22927">
        <v>52</v>
      </c>
      <c r="AM22927">
        <v>53</v>
      </c>
      <c r="AN22927">
        <v>54</v>
      </c>
      <c r="AO22927">
        <v>55</v>
      </c>
      <c r="AP22927">
        <v>56</v>
      </c>
      <c r="AQ22927">
        <v>57</v>
      </c>
    </row>
    <row r="22928" spans="1:43">
      <c r="A22928" t="s">
        <v>14203</v>
      </c>
      <c r="B22928" t="s">
        <v>14204</v>
      </c>
      <c r="C22928" t="s">
        <v>14205</v>
      </c>
      <c r="D22928" t="s">
        <v>14206</v>
      </c>
      <c r="E22928" t="s">
        <v>14167</v>
      </c>
      <c r="F22928" t="s">
        <v>14168</v>
      </c>
      <c r="G22928" t="s">
        <v>10734</v>
      </c>
      <c r="H22928" t="s">
        <v>10735</v>
      </c>
      <c r="I22928" s="2">
        <v>0</v>
      </c>
      <c r="J22928" s="2">
        <v>0</v>
      </c>
      <c r="K22928" s="2">
        <v>1</v>
      </c>
      <c r="L22928" t="s">
        <v>995</v>
      </c>
      <c r="M22928" t="s">
        <v>89</v>
      </c>
      <c r="N22928" t="s">
        <v>90</v>
      </c>
      <c r="O22928" t="s">
        <v>85</v>
      </c>
      <c r="P22928" t="s">
        <v>86</v>
      </c>
      <c r="Q22928">
        <v>35</v>
      </c>
      <c r="R22928">
        <v>36</v>
      </c>
      <c r="S22928">
        <v>37</v>
      </c>
      <c r="T22928">
        <v>39</v>
      </c>
      <c r="U22928">
        <v>40</v>
      </c>
      <c r="V22928">
        <v>41</v>
      </c>
      <c r="W22928">
        <v>43</v>
      </c>
      <c r="X22928">
        <v>44</v>
      </c>
      <c r="Y22928">
        <v>46</v>
      </c>
      <c r="Z22928">
        <v>47</v>
      </c>
      <c r="AA22928">
        <v>48</v>
      </c>
      <c r="AB22928">
        <v>50</v>
      </c>
      <c r="AC22928">
        <v>51</v>
      </c>
      <c r="AD22928">
        <v>53</v>
      </c>
      <c r="AE22928">
        <v>54</v>
      </c>
      <c r="AF22928">
        <v>55</v>
      </c>
      <c r="AG22928">
        <v>56</v>
      </c>
      <c r="AH22928">
        <v>57</v>
      </c>
      <c r="AI22928">
        <v>58</v>
      </c>
      <c r="AJ22928">
        <v>59</v>
      </c>
      <c r="AK22928">
        <v>60</v>
      </c>
      <c r="AL22928">
        <v>61</v>
      </c>
      <c r="AM22928">
        <v>62</v>
      </c>
      <c r="AN22928">
        <v>63</v>
      </c>
      <c r="AO22928">
        <v>64</v>
      </c>
      <c r="AP22928">
        <v>65</v>
      </c>
      <c r="AQ22928">
        <v>66</v>
      </c>
    </row>
    <row r="22929" spans="1:43">
      <c r="A22929" t="s">
        <v>14203</v>
      </c>
      <c r="B22929" t="s">
        <v>14204</v>
      </c>
      <c r="C22929" t="s">
        <v>14205</v>
      </c>
      <c r="D22929" t="s">
        <v>14206</v>
      </c>
      <c r="E22929" t="s">
        <v>14167</v>
      </c>
      <c r="F22929" t="s">
        <v>14168</v>
      </c>
      <c r="G22929" t="s">
        <v>10734</v>
      </c>
      <c r="H22929" t="s">
        <v>10735</v>
      </c>
      <c r="I22929" s="2">
        <v>0</v>
      </c>
      <c r="J22929" s="2">
        <v>0</v>
      </c>
      <c r="K22929" s="2">
        <v>1</v>
      </c>
      <c r="L22929" t="s">
        <v>995</v>
      </c>
      <c r="M22929" t="s">
        <v>83</v>
      </c>
      <c r="N22929" t="s">
        <v>91</v>
      </c>
      <c r="O22929" t="s">
        <v>85</v>
      </c>
      <c r="P22929" t="s">
        <v>86</v>
      </c>
      <c r="Q22929">
        <v>35</v>
      </c>
      <c r="R22929">
        <v>36</v>
      </c>
      <c r="S22929">
        <v>37</v>
      </c>
      <c r="T22929">
        <v>38</v>
      </c>
      <c r="U22929">
        <v>39</v>
      </c>
      <c r="V22929">
        <v>40</v>
      </c>
      <c r="W22929">
        <v>42</v>
      </c>
      <c r="X22929">
        <v>43</v>
      </c>
      <c r="Y22929">
        <v>44</v>
      </c>
      <c r="Z22929">
        <v>45</v>
      </c>
      <c r="AA22929">
        <v>46</v>
      </c>
      <c r="AB22929">
        <v>48</v>
      </c>
      <c r="AC22929">
        <v>49</v>
      </c>
      <c r="AD22929">
        <v>50</v>
      </c>
      <c r="AE22929">
        <v>51</v>
      </c>
      <c r="AF22929">
        <v>53</v>
      </c>
      <c r="AG22929">
        <v>54</v>
      </c>
      <c r="AH22929">
        <v>56</v>
      </c>
      <c r="AI22929">
        <v>57</v>
      </c>
      <c r="AJ22929">
        <v>58</v>
      </c>
      <c r="AK22929">
        <v>60</v>
      </c>
      <c r="AL22929">
        <v>61</v>
      </c>
      <c r="AM22929">
        <v>62</v>
      </c>
      <c r="AN22929">
        <v>63</v>
      </c>
      <c r="AO22929">
        <v>64</v>
      </c>
      <c r="AP22929">
        <v>65</v>
      </c>
      <c r="AQ22929">
        <v>66</v>
      </c>
    </row>
    <row r="22930" spans="1:43">
      <c r="A22930" t="s">
        <v>14207</v>
      </c>
      <c r="B22930" t="s">
        <v>14208</v>
      </c>
      <c r="C22930" t="s">
        <v>14205</v>
      </c>
      <c r="D22930" t="s">
        <v>14206</v>
      </c>
      <c r="E22930" t="s">
        <v>14167</v>
      </c>
      <c r="F22930" t="s">
        <v>14168</v>
      </c>
      <c r="G22930" t="s">
        <v>10734</v>
      </c>
      <c r="H22930" t="s">
        <v>10735</v>
      </c>
      <c r="I22930" s="2">
        <v>0</v>
      </c>
      <c r="J22930" s="2">
        <v>0</v>
      </c>
      <c r="K22930" s="2">
        <v>1</v>
      </c>
      <c r="L22930" t="s">
        <v>995</v>
      </c>
      <c r="M22930" t="s">
        <v>83</v>
      </c>
      <c r="N22930" t="s">
        <v>84</v>
      </c>
      <c r="O22930" t="s">
        <v>85</v>
      </c>
      <c r="P22930" t="s">
        <v>86</v>
      </c>
      <c r="Q22930">
        <v>45</v>
      </c>
      <c r="R22930">
        <v>47</v>
      </c>
      <c r="S22930">
        <v>48</v>
      </c>
      <c r="T22930">
        <v>49</v>
      </c>
      <c r="U22930">
        <v>51</v>
      </c>
      <c r="V22930">
        <v>52</v>
      </c>
      <c r="W22930">
        <v>54</v>
      </c>
      <c r="X22930">
        <v>55</v>
      </c>
      <c r="Y22930">
        <v>57</v>
      </c>
      <c r="Z22930">
        <v>58</v>
      </c>
      <c r="AA22930">
        <v>60</v>
      </c>
      <c r="AB22930">
        <v>61</v>
      </c>
      <c r="AC22930">
        <v>63</v>
      </c>
      <c r="AD22930">
        <v>65</v>
      </c>
      <c r="AE22930">
        <v>66</v>
      </c>
      <c r="AF22930">
        <v>68</v>
      </c>
      <c r="AG22930">
        <v>70</v>
      </c>
      <c r="AH22930">
        <v>72</v>
      </c>
      <c r="AI22930">
        <v>74</v>
      </c>
      <c r="AJ22930">
        <v>75</v>
      </c>
      <c r="AK22930">
        <v>77</v>
      </c>
      <c r="AL22930">
        <v>79</v>
      </c>
      <c r="AM22930">
        <v>80</v>
      </c>
      <c r="AN22930">
        <v>81</v>
      </c>
      <c r="AO22930">
        <v>83</v>
      </c>
      <c r="AP22930">
        <v>84</v>
      </c>
      <c r="AQ22930">
        <v>85</v>
      </c>
    </row>
    <row r="22931" spans="1:43">
      <c r="A22931" t="s">
        <v>14207</v>
      </c>
      <c r="B22931" t="s">
        <v>14208</v>
      </c>
      <c r="C22931" t="s">
        <v>14205</v>
      </c>
      <c r="D22931" t="s">
        <v>14206</v>
      </c>
      <c r="E22931" t="s">
        <v>14167</v>
      </c>
      <c r="F22931" t="s">
        <v>14168</v>
      </c>
      <c r="G22931" t="s">
        <v>10734</v>
      </c>
      <c r="H22931" t="s">
        <v>10735</v>
      </c>
      <c r="I22931" s="2">
        <v>0</v>
      </c>
      <c r="J22931" s="2">
        <v>0</v>
      </c>
      <c r="K22931" s="2">
        <v>1</v>
      </c>
      <c r="L22931" t="s">
        <v>995</v>
      </c>
      <c r="M22931" t="s">
        <v>87</v>
      </c>
      <c r="N22931" t="s">
        <v>88</v>
      </c>
      <c r="O22931" t="s">
        <v>85</v>
      </c>
      <c r="P22931" t="s">
        <v>86</v>
      </c>
      <c r="Q22931">
        <v>45</v>
      </c>
      <c r="R22931">
        <v>46</v>
      </c>
      <c r="S22931">
        <v>47</v>
      </c>
      <c r="T22931">
        <v>48</v>
      </c>
      <c r="U22931">
        <v>49</v>
      </c>
      <c r="V22931">
        <v>49</v>
      </c>
      <c r="W22931">
        <v>50</v>
      </c>
      <c r="X22931">
        <v>51</v>
      </c>
      <c r="Y22931">
        <v>52</v>
      </c>
      <c r="Z22931">
        <v>53</v>
      </c>
      <c r="AA22931">
        <v>54</v>
      </c>
      <c r="AB22931">
        <v>55</v>
      </c>
      <c r="AC22931">
        <v>57</v>
      </c>
      <c r="AD22931">
        <v>58</v>
      </c>
      <c r="AE22931">
        <v>59</v>
      </c>
      <c r="AF22931">
        <v>60</v>
      </c>
      <c r="AG22931">
        <v>61</v>
      </c>
      <c r="AH22931">
        <v>62</v>
      </c>
      <c r="AI22931">
        <v>63</v>
      </c>
      <c r="AJ22931">
        <v>65</v>
      </c>
      <c r="AK22931">
        <v>66</v>
      </c>
      <c r="AL22931">
        <v>67</v>
      </c>
      <c r="AM22931">
        <v>68</v>
      </c>
      <c r="AN22931">
        <v>70</v>
      </c>
      <c r="AO22931">
        <v>71</v>
      </c>
      <c r="AP22931">
        <v>73</v>
      </c>
      <c r="AQ22931">
        <v>74</v>
      </c>
    </row>
    <row r="22932" spans="1:43">
      <c r="A22932" t="s">
        <v>14207</v>
      </c>
      <c r="B22932" t="s">
        <v>14208</v>
      </c>
      <c r="C22932" t="s">
        <v>14205</v>
      </c>
      <c r="D22932" t="s">
        <v>14206</v>
      </c>
      <c r="E22932" t="s">
        <v>14167</v>
      </c>
      <c r="F22932" t="s">
        <v>14168</v>
      </c>
      <c r="G22932" t="s">
        <v>10734</v>
      </c>
      <c r="H22932" t="s">
        <v>10735</v>
      </c>
      <c r="I22932" s="2">
        <v>0</v>
      </c>
      <c r="J22932" s="2">
        <v>0</v>
      </c>
      <c r="K22932" s="2">
        <v>1</v>
      </c>
      <c r="L22932" t="s">
        <v>995</v>
      </c>
      <c r="M22932" t="s">
        <v>89</v>
      </c>
      <c r="N22932" t="s">
        <v>90</v>
      </c>
      <c r="O22932" t="s">
        <v>85</v>
      </c>
      <c r="P22932" t="s">
        <v>86</v>
      </c>
      <c r="Q22932">
        <v>45</v>
      </c>
      <c r="R22932">
        <v>47</v>
      </c>
      <c r="S22932">
        <v>48</v>
      </c>
      <c r="T22932">
        <v>50</v>
      </c>
      <c r="U22932">
        <v>52</v>
      </c>
      <c r="V22932">
        <v>54</v>
      </c>
      <c r="W22932">
        <v>55</v>
      </c>
      <c r="X22932">
        <v>57</v>
      </c>
      <c r="Y22932">
        <v>59</v>
      </c>
      <c r="Z22932">
        <v>61</v>
      </c>
      <c r="AA22932">
        <v>63</v>
      </c>
      <c r="AB22932">
        <v>65</v>
      </c>
      <c r="AC22932">
        <v>67</v>
      </c>
      <c r="AD22932">
        <v>69</v>
      </c>
      <c r="AE22932">
        <v>70</v>
      </c>
      <c r="AF22932">
        <v>71</v>
      </c>
      <c r="AG22932">
        <v>73</v>
      </c>
      <c r="AH22932">
        <v>74</v>
      </c>
      <c r="AI22932">
        <v>75</v>
      </c>
      <c r="AJ22932">
        <v>76</v>
      </c>
      <c r="AK22932">
        <v>77</v>
      </c>
      <c r="AL22932">
        <v>79</v>
      </c>
      <c r="AM22932">
        <v>80</v>
      </c>
      <c r="AN22932">
        <v>81</v>
      </c>
      <c r="AO22932">
        <v>82</v>
      </c>
      <c r="AP22932">
        <v>84</v>
      </c>
      <c r="AQ22932">
        <v>85</v>
      </c>
    </row>
    <row r="22933" spans="1:43">
      <c r="A22933" t="s">
        <v>14207</v>
      </c>
      <c r="B22933" t="s">
        <v>14208</v>
      </c>
      <c r="C22933" t="s">
        <v>14205</v>
      </c>
      <c r="D22933" t="s">
        <v>14206</v>
      </c>
      <c r="E22933" t="s">
        <v>14167</v>
      </c>
      <c r="F22933" t="s">
        <v>14168</v>
      </c>
      <c r="G22933" t="s">
        <v>10734</v>
      </c>
      <c r="H22933" t="s">
        <v>10735</v>
      </c>
      <c r="I22933" s="2">
        <v>0</v>
      </c>
      <c r="J22933" s="2">
        <v>0</v>
      </c>
      <c r="K22933" s="2">
        <v>1</v>
      </c>
      <c r="L22933" t="s">
        <v>995</v>
      </c>
      <c r="M22933" t="s">
        <v>83</v>
      </c>
      <c r="N22933" t="s">
        <v>91</v>
      </c>
      <c r="O22933" t="s">
        <v>85</v>
      </c>
      <c r="P22933" t="s">
        <v>86</v>
      </c>
      <c r="Q22933">
        <v>45</v>
      </c>
      <c r="R22933">
        <v>47</v>
      </c>
      <c r="S22933">
        <v>48</v>
      </c>
      <c r="T22933">
        <v>49</v>
      </c>
      <c r="U22933">
        <v>51</v>
      </c>
      <c r="V22933">
        <v>52</v>
      </c>
      <c r="W22933">
        <v>54</v>
      </c>
      <c r="X22933">
        <v>55</v>
      </c>
      <c r="Y22933">
        <v>57</v>
      </c>
      <c r="Z22933">
        <v>58</v>
      </c>
      <c r="AA22933">
        <v>60</v>
      </c>
      <c r="AB22933">
        <v>61</v>
      </c>
      <c r="AC22933">
        <v>63</v>
      </c>
      <c r="AD22933">
        <v>65</v>
      </c>
      <c r="AE22933">
        <v>66</v>
      </c>
      <c r="AF22933">
        <v>68</v>
      </c>
      <c r="AG22933">
        <v>70</v>
      </c>
      <c r="AH22933">
        <v>72</v>
      </c>
      <c r="AI22933">
        <v>74</v>
      </c>
      <c r="AJ22933">
        <v>75</v>
      </c>
      <c r="AK22933">
        <v>77</v>
      </c>
      <c r="AL22933">
        <v>79</v>
      </c>
      <c r="AM22933">
        <v>80</v>
      </c>
      <c r="AN22933">
        <v>81</v>
      </c>
      <c r="AO22933">
        <v>83</v>
      </c>
      <c r="AP22933">
        <v>84</v>
      </c>
      <c r="AQ22933">
        <v>85</v>
      </c>
    </row>
    <row r="22934" spans="1:43">
      <c r="A22934" t="s">
        <v>14209</v>
      </c>
      <c r="B22934" t="s">
        <v>14210</v>
      </c>
      <c r="C22934" t="s">
        <v>14205</v>
      </c>
      <c r="D22934" t="s">
        <v>14206</v>
      </c>
      <c r="E22934" t="s">
        <v>14167</v>
      </c>
      <c r="F22934" t="s">
        <v>14168</v>
      </c>
      <c r="G22934" t="s">
        <v>10734</v>
      </c>
      <c r="H22934" t="s">
        <v>10735</v>
      </c>
      <c r="I22934" s="2">
        <v>0</v>
      </c>
      <c r="J22934" s="2">
        <v>0</v>
      </c>
      <c r="K22934" s="2">
        <v>1</v>
      </c>
      <c r="L22934" t="s">
        <v>995</v>
      </c>
      <c r="M22934" t="s">
        <v>83</v>
      </c>
      <c r="N22934" t="s">
        <v>84</v>
      </c>
      <c r="O22934" t="s">
        <v>85</v>
      </c>
      <c r="P22934" t="s">
        <v>86</v>
      </c>
      <c r="Q22934">
        <v>44</v>
      </c>
      <c r="R22934">
        <v>46</v>
      </c>
      <c r="S22934">
        <v>47</v>
      </c>
      <c r="T22934">
        <v>48</v>
      </c>
      <c r="U22934">
        <v>49</v>
      </c>
      <c r="V22934">
        <v>51</v>
      </c>
      <c r="W22934">
        <v>52</v>
      </c>
      <c r="X22934">
        <v>54</v>
      </c>
      <c r="Y22934">
        <v>55</v>
      </c>
      <c r="Z22934">
        <v>56</v>
      </c>
      <c r="AA22934">
        <v>58</v>
      </c>
      <c r="AB22934">
        <v>59</v>
      </c>
      <c r="AC22934">
        <v>61</v>
      </c>
      <c r="AD22934">
        <v>62</v>
      </c>
      <c r="AE22934">
        <v>64</v>
      </c>
      <c r="AF22934">
        <v>66</v>
      </c>
      <c r="AG22934">
        <v>67</v>
      </c>
      <c r="AH22934">
        <v>69</v>
      </c>
      <c r="AI22934">
        <v>71</v>
      </c>
      <c r="AJ22934">
        <v>72</v>
      </c>
      <c r="AK22934">
        <v>74</v>
      </c>
      <c r="AL22934">
        <v>76</v>
      </c>
      <c r="AM22934">
        <v>77</v>
      </c>
      <c r="AN22934">
        <v>78</v>
      </c>
      <c r="AO22934">
        <v>79</v>
      </c>
      <c r="AP22934">
        <v>80</v>
      </c>
      <c r="AQ22934">
        <v>82</v>
      </c>
    </row>
    <row r="22935" spans="1:43">
      <c r="A22935" t="s">
        <v>14209</v>
      </c>
      <c r="B22935" t="s">
        <v>14210</v>
      </c>
      <c r="C22935" t="s">
        <v>14205</v>
      </c>
      <c r="D22935" t="s">
        <v>14206</v>
      </c>
      <c r="E22935" t="s">
        <v>14167</v>
      </c>
      <c r="F22935" t="s">
        <v>14168</v>
      </c>
      <c r="G22935" t="s">
        <v>10734</v>
      </c>
      <c r="H22935" t="s">
        <v>10735</v>
      </c>
      <c r="I22935" s="2">
        <v>0</v>
      </c>
      <c r="J22935" s="2">
        <v>0</v>
      </c>
      <c r="K22935" s="2">
        <v>1</v>
      </c>
      <c r="L22935" t="s">
        <v>995</v>
      </c>
      <c r="M22935" t="s">
        <v>87</v>
      </c>
      <c r="N22935" t="s">
        <v>88</v>
      </c>
      <c r="O22935" t="s">
        <v>85</v>
      </c>
      <c r="P22935" t="s">
        <v>86</v>
      </c>
      <c r="Q22935">
        <v>44</v>
      </c>
      <c r="R22935">
        <v>45</v>
      </c>
      <c r="S22935">
        <v>46</v>
      </c>
      <c r="T22935">
        <v>46</v>
      </c>
      <c r="U22935">
        <v>47</v>
      </c>
      <c r="V22935">
        <v>48</v>
      </c>
      <c r="W22935">
        <v>49</v>
      </c>
      <c r="X22935">
        <v>50</v>
      </c>
      <c r="Y22935">
        <v>51</v>
      </c>
      <c r="Z22935">
        <v>52</v>
      </c>
      <c r="AA22935">
        <v>53</v>
      </c>
      <c r="AB22935">
        <v>54</v>
      </c>
      <c r="AC22935">
        <v>55</v>
      </c>
      <c r="AD22935">
        <v>56</v>
      </c>
      <c r="AE22935">
        <v>57</v>
      </c>
      <c r="AF22935">
        <v>58</v>
      </c>
      <c r="AG22935">
        <v>59</v>
      </c>
      <c r="AH22935">
        <v>60</v>
      </c>
      <c r="AI22935">
        <v>61</v>
      </c>
      <c r="AJ22935">
        <v>62</v>
      </c>
      <c r="AK22935">
        <v>63</v>
      </c>
      <c r="AL22935">
        <v>64</v>
      </c>
      <c r="AM22935">
        <v>66</v>
      </c>
      <c r="AN22935">
        <v>67</v>
      </c>
      <c r="AO22935">
        <v>68</v>
      </c>
      <c r="AP22935">
        <v>69</v>
      </c>
      <c r="AQ22935">
        <v>70</v>
      </c>
    </row>
    <row r="22936" spans="1:43">
      <c r="A22936" t="s">
        <v>14209</v>
      </c>
      <c r="B22936" t="s">
        <v>14210</v>
      </c>
      <c r="C22936" t="s">
        <v>14205</v>
      </c>
      <c r="D22936" t="s">
        <v>14206</v>
      </c>
      <c r="E22936" t="s">
        <v>14167</v>
      </c>
      <c r="F22936" t="s">
        <v>14168</v>
      </c>
      <c r="G22936" t="s">
        <v>10734</v>
      </c>
      <c r="H22936" t="s">
        <v>10735</v>
      </c>
      <c r="I22936" s="2">
        <v>0</v>
      </c>
      <c r="J22936" s="2">
        <v>0</v>
      </c>
      <c r="K22936" s="2">
        <v>1</v>
      </c>
      <c r="L22936" t="s">
        <v>995</v>
      </c>
      <c r="M22936" t="s">
        <v>89</v>
      </c>
      <c r="N22936" t="s">
        <v>90</v>
      </c>
      <c r="O22936" t="s">
        <v>85</v>
      </c>
      <c r="P22936" t="s">
        <v>86</v>
      </c>
      <c r="Q22936">
        <v>44</v>
      </c>
      <c r="R22936">
        <v>45</v>
      </c>
      <c r="S22936">
        <v>47</v>
      </c>
      <c r="T22936">
        <v>49</v>
      </c>
      <c r="U22936">
        <v>50</v>
      </c>
      <c r="V22936">
        <v>52</v>
      </c>
      <c r="W22936">
        <v>54</v>
      </c>
      <c r="X22936">
        <v>55</v>
      </c>
      <c r="Y22936">
        <v>57</v>
      </c>
      <c r="Z22936">
        <v>59</v>
      </c>
      <c r="AA22936">
        <v>61</v>
      </c>
      <c r="AB22936">
        <v>62</v>
      </c>
      <c r="AC22936">
        <v>64</v>
      </c>
      <c r="AD22936">
        <v>66</v>
      </c>
      <c r="AE22936">
        <v>68</v>
      </c>
      <c r="AF22936">
        <v>69</v>
      </c>
      <c r="AG22936">
        <v>70</v>
      </c>
      <c r="AH22936">
        <v>71</v>
      </c>
      <c r="AI22936">
        <v>72</v>
      </c>
      <c r="AJ22936">
        <v>73</v>
      </c>
      <c r="AK22936">
        <v>74</v>
      </c>
      <c r="AL22936">
        <v>75</v>
      </c>
      <c r="AM22936">
        <v>77</v>
      </c>
      <c r="AN22936">
        <v>78</v>
      </c>
      <c r="AO22936">
        <v>79</v>
      </c>
      <c r="AP22936">
        <v>80</v>
      </c>
      <c r="AQ22936">
        <v>81</v>
      </c>
    </row>
    <row r="22937" spans="1:43">
      <c r="A22937" t="s">
        <v>14209</v>
      </c>
      <c r="B22937" t="s">
        <v>14210</v>
      </c>
      <c r="C22937" t="s">
        <v>14205</v>
      </c>
      <c r="D22937" t="s">
        <v>14206</v>
      </c>
      <c r="E22937" t="s">
        <v>14167</v>
      </c>
      <c r="F22937" t="s">
        <v>14168</v>
      </c>
      <c r="G22937" t="s">
        <v>10734</v>
      </c>
      <c r="H22937" t="s">
        <v>10735</v>
      </c>
      <c r="I22937" s="2">
        <v>0</v>
      </c>
      <c r="J22937" s="2">
        <v>0</v>
      </c>
      <c r="K22937" s="2">
        <v>1</v>
      </c>
      <c r="L22937" t="s">
        <v>995</v>
      </c>
      <c r="M22937" t="s">
        <v>83</v>
      </c>
      <c r="N22937" t="s">
        <v>91</v>
      </c>
      <c r="O22937" t="s">
        <v>85</v>
      </c>
      <c r="P22937" t="s">
        <v>86</v>
      </c>
      <c r="Q22937">
        <v>44</v>
      </c>
      <c r="R22937">
        <v>46</v>
      </c>
      <c r="S22937">
        <v>47</v>
      </c>
      <c r="T22937">
        <v>48</v>
      </c>
      <c r="U22937">
        <v>49</v>
      </c>
      <c r="V22937">
        <v>51</v>
      </c>
      <c r="W22937">
        <v>52</v>
      </c>
      <c r="X22937">
        <v>54</v>
      </c>
      <c r="Y22937">
        <v>55</v>
      </c>
      <c r="Z22937">
        <v>56</v>
      </c>
      <c r="AA22937">
        <v>58</v>
      </c>
      <c r="AB22937">
        <v>59</v>
      </c>
      <c r="AC22937">
        <v>61</v>
      </c>
      <c r="AD22937">
        <v>62</v>
      </c>
      <c r="AE22937">
        <v>64</v>
      </c>
      <c r="AF22937">
        <v>66</v>
      </c>
      <c r="AG22937">
        <v>67</v>
      </c>
      <c r="AH22937">
        <v>69</v>
      </c>
      <c r="AI22937">
        <v>71</v>
      </c>
      <c r="AJ22937">
        <v>72</v>
      </c>
      <c r="AK22937">
        <v>74</v>
      </c>
      <c r="AL22937">
        <v>76</v>
      </c>
      <c r="AM22937">
        <v>77</v>
      </c>
      <c r="AN22937">
        <v>78</v>
      </c>
      <c r="AO22937">
        <v>79</v>
      </c>
      <c r="AP22937">
        <v>80</v>
      </c>
      <c r="AQ22937">
        <v>82</v>
      </c>
    </row>
    <row r="22938" spans="1:43">
      <c r="A22938" t="s">
        <v>14211</v>
      </c>
      <c r="B22938" t="s">
        <v>14212</v>
      </c>
      <c r="C22938" t="s">
        <v>14213</v>
      </c>
      <c r="D22938" t="s">
        <v>14214</v>
      </c>
      <c r="E22938" t="s">
        <v>14167</v>
      </c>
      <c r="F22938" t="s">
        <v>14168</v>
      </c>
      <c r="G22938" t="s">
        <v>10734</v>
      </c>
      <c r="H22938" t="s">
        <v>10735</v>
      </c>
      <c r="I22938" s="2">
        <v>0</v>
      </c>
      <c r="J22938" s="2">
        <v>0</v>
      </c>
      <c r="K22938" s="2">
        <v>1</v>
      </c>
      <c r="L22938" t="s">
        <v>995</v>
      </c>
      <c r="M22938" t="s">
        <v>83</v>
      </c>
      <c r="N22938" t="s">
        <v>84</v>
      </c>
      <c r="O22938" t="s">
        <v>85</v>
      </c>
      <c r="P22938" t="s">
        <v>86</v>
      </c>
      <c r="Q22938">
        <v>32</v>
      </c>
      <c r="R22938">
        <v>33</v>
      </c>
      <c r="S22938">
        <v>34</v>
      </c>
      <c r="T22938">
        <v>35</v>
      </c>
      <c r="U22938">
        <v>36</v>
      </c>
      <c r="V22938">
        <v>37</v>
      </c>
      <c r="W22938">
        <v>38</v>
      </c>
      <c r="X22938">
        <v>39</v>
      </c>
      <c r="Y22938">
        <v>40</v>
      </c>
      <c r="Z22938">
        <v>41</v>
      </c>
      <c r="AA22938">
        <v>42</v>
      </c>
      <c r="AB22938">
        <v>43</v>
      </c>
      <c r="AC22938">
        <v>44</v>
      </c>
      <c r="AD22938">
        <v>45</v>
      </c>
      <c r="AE22938">
        <v>47</v>
      </c>
      <c r="AF22938">
        <v>48</v>
      </c>
      <c r="AG22938">
        <v>49</v>
      </c>
      <c r="AH22938">
        <v>50</v>
      </c>
      <c r="AI22938">
        <v>52</v>
      </c>
      <c r="AJ22938">
        <v>53</v>
      </c>
      <c r="AK22938">
        <v>54</v>
      </c>
      <c r="AL22938">
        <v>55</v>
      </c>
      <c r="AM22938">
        <v>56</v>
      </c>
      <c r="AN22938">
        <v>57</v>
      </c>
      <c r="AO22938">
        <v>58</v>
      </c>
      <c r="AP22938">
        <v>59</v>
      </c>
      <c r="AQ22938">
        <v>60</v>
      </c>
    </row>
    <row r="22939" spans="1:43">
      <c r="A22939" t="s">
        <v>14211</v>
      </c>
      <c r="B22939" t="s">
        <v>14212</v>
      </c>
      <c r="C22939" t="s">
        <v>14213</v>
      </c>
      <c r="D22939" t="s">
        <v>14214</v>
      </c>
      <c r="E22939" t="s">
        <v>14167</v>
      </c>
      <c r="F22939" t="s">
        <v>14168</v>
      </c>
      <c r="G22939" t="s">
        <v>10734</v>
      </c>
      <c r="H22939" t="s">
        <v>10735</v>
      </c>
      <c r="I22939" s="2">
        <v>0</v>
      </c>
      <c r="J22939" s="2">
        <v>0</v>
      </c>
      <c r="K22939" s="2">
        <v>1</v>
      </c>
      <c r="L22939" t="s">
        <v>995</v>
      </c>
      <c r="M22939" t="s">
        <v>87</v>
      </c>
      <c r="N22939" t="s">
        <v>88</v>
      </c>
      <c r="O22939" t="s">
        <v>85</v>
      </c>
      <c r="P22939" t="s">
        <v>86</v>
      </c>
      <c r="Q22939">
        <v>32</v>
      </c>
      <c r="R22939">
        <v>32</v>
      </c>
      <c r="S22939">
        <v>33</v>
      </c>
      <c r="T22939">
        <v>33</v>
      </c>
      <c r="U22939">
        <v>34</v>
      </c>
      <c r="V22939">
        <v>35</v>
      </c>
      <c r="W22939">
        <v>35</v>
      </c>
      <c r="X22939">
        <v>36</v>
      </c>
      <c r="Y22939">
        <v>37</v>
      </c>
      <c r="Z22939">
        <v>38</v>
      </c>
      <c r="AA22939">
        <v>38</v>
      </c>
      <c r="AB22939">
        <v>39</v>
      </c>
      <c r="AC22939">
        <v>40</v>
      </c>
      <c r="AD22939">
        <v>40</v>
      </c>
      <c r="AE22939">
        <v>41</v>
      </c>
      <c r="AF22939">
        <v>42</v>
      </c>
      <c r="AG22939">
        <v>43</v>
      </c>
      <c r="AH22939">
        <v>44</v>
      </c>
      <c r="AI22939">
        <v>45</v>
      </c>
      <c r="AJ22939">
        <v>45</v>
      </c>
      <c r="AK22939">
        <v>46</v>
      </c>
      <c r="AL22939">
        <v>47</v>
      </c>
      <c r="AM22939">
        <v>48</v>
      </c>
      <c r="AN22939">
        <v>49</v>
      </c>
      <c r="AO22939">
        <v>50</v>
      </c>
      <c r="AP22939">
        <v>51</v>
      </c>
      <c r="AQ22939">
        <v>52</v>
      </c>
    </row>
    <row r="22940" spans="1:43">
      <c r="A22940" t="s">
        <v>14211</v>
      </c>
      <c r="B22940" t="s">
        <v>14212</v>
      </c>
      <c r="C22940" t="s">
        <v>14213</v>
      </c>
      <c r="D22940" t="s">
        <v>14214</v>
      </c>
      <c r="E22940" t="s">
        <v>14167</v>
      </c>
      <c r="F22940" t="s">
        <v>14168</v>
      </c>
      <c r="G22940" t="s">
        <v>10734</v>
      </c>
      <c r="H22940" t="s">
        <v>10735</v>
      </c>
      <c r="I22940" s="2">
        <v>0</v>
      </c>
      <c r="J22940" s="2">
        <v>0</v>
      </c>
      <c r="K22940" s="2">
        <v>1</v>
      </c>
      <c r="L22940" t="s">
        <v>995</v>
      </c>
      <c r="M22940" t="s">
        <v>89</v>
      </c>
      <c r="N22940" t="s">
        <v>90</v>
      </c>
      <c r="O22940" t="s">
        <v>85</v>
      </c>
      <c r="P22940" t="s">
        <v>86</v>
      </c>
      <c r="Q22940">
        <v>32</v>
      </c>
      <c r="R22940">
        <v>33</v>
      </c>
      <c r="S22940">
        <v>35</v>
      </c>
      <c r="T22940">
        <v>36</v>
      </c>
      <c r="U22940">
        <v>37</v>
      </c>
      <c r="V22940">
        <v>38</v>
      </c>
      <c r="W22940">
        <v>40</v>
      </c>
      <c r="X22940">
        <v>41</v>
      </c>
      <c r="Y22940">
        <v>42</v>
      </c>
      <c r="Z22940">
        <v>43</v>
      </c>
      <c r="AA22940">
        <v>45</v>
      </c>
      <c r="AB22940">
        <v>46</v>
      </c>
      <c r="AC22940">
        <v>47</v>
      </c>
      <c r="AD22940">
        <v>49</v>
      </c>
      <c r="AE22940">
        <v>50</v>
      </c>
      <c r="AF22940">
        <v>51</v>
      </c>
      <c r="AG22940">
        <v>52</v>
      </c>
      <c r="AH22940">
        <v>53</v>
      </c>
      <c r="AI22940">
        <v>53</v>
      </c>
      <c r="AJ22940">
        <v>54</v>
      </c>
      <c r="AK22940">
        <v>55</v>
      </c>
      <c r="AL22940">
        <v>56</v>
      </c>
      <c r="AM22940">
        <v>57</v>
      </c>
      <c r="AN22940">
        <v>58</v>
      </c>
      <c r="AO22940">
        <v>59</v>
      </c>
      <c r="AP22940">
        <v>60</v>
      </c>
      <c r="AQ22940">
        <v>61</v>
      </c>
    </row>
    <row r="22941" spans="1:43">
      <c r="A22941" t="s">
        <v>14211</v>
      </c>
      <c r="B22941" t="s">
        <v>14212</v>
      </c>
      <c r="C22941" t="s">
        <v>14213</v>
      </c>
      <c r="D22941" t="s">
        <v>14214</v>
      </c>
      <c r="E22941" t="s">
        <v>14167</v>
      </c>
      <c r="F22941" t="s">
        <v>14168</v>
      </c>
      <c r="G22941" t="s">
        <v>10734</v>
      </c>
      <c r="H22941" t="s">
        <v>10735</v>
      </c>
      <c r="I22941" s="2">
        <v>0</v>
      </c>
      <c r="J22941" s="2">
        <v>0</v>
      </c>
      <c r="K22941" s="2">
        <v>1</v>
      </c>
      <c r="L22941" t="s">
        <v>995</v>
      </c>
      <c r="M22941" t="s">
        <v>83</v>
      </c>
      <c r="N22941" t="s">
        <v>91</v>
      </c>
      <c r="O22941" t="s">
        <v>85</v>
      </c>
      <c r="P22941" t="s">
        <v>86</v>
      </c>
      <c r="Q22941">
        <v>32</v>
      </c>
      <c r="R22941">
        <v>33</v>
      </c>
      <c r="S22941">
        <v>34</v>
      </c>
      <c r="T22941">
        <v>35</v>
      </c>
      <c r="U22941">
        <v>36</v>
      </c>
      <c r="V22941">
        <v>37</v>
      </c>
      <c r="W22941">
        <v>38</v>
      </c>
      <c r="X22941">
        <v>39</v>
      </c>
      <c r="Y22941">
        <v>40</v>
      </c>
      <c r="Z22941">
        <v>41</v>
      </c>
      <c r="AA22941">
        <v>42</v>
      </c>
      <c r="AB22941">
        <v>43</v>
      </c>
      <c r="AC22941">
        <v>44</v>
      </c>
      <c r="AD22941">
        <v>45</v>
      </c>
      <c r="AE22941">
        <v>47</v>
      </c>
      <c r="AF22941">
        <v>48</v>
      </c>
      <c r="AG22941">
        <v>49</v>
      </c>
      <c r="AH22941">
        <v>50</v>
      </c>
      <c r="AI22941">
        <v>52</v>
      </c>
      <c r="AJ22941">
        <v>53</v>
      </c>
      <c r="AK22941">
        <v>54</v>
      </c>
      <c r="AL22941">
        <v>55</v>
      </c>
      <c r="AM22941">
        <v>56</v>
      </c>
      <c r="AN22941">
        <v>57</v>
      </c>
      <c r="AO22941">
        <v>58</v>
      </c>
      <c r="AP22941">
        <v>59</v>
      </c>
      <c r="AQ22941">
        <v>60</v>
      </c>
    </row>
    <row r="22942" spans="1:43">
      <c r="A22942" t="s">
        <v>14215</v>
      </c>
      <c r="B22942" t="s">
        <v>14216</v>
      </c>
      <c r="C22942" t="s">
        <v>14213</v>
      </c>
      <c r="D22942" t="s">
        <v>14214</v>
      </c>
      <c r="E22942" t="s">
        <v>14167</v>
      </c>
      <c r="F22942" t="s">
        <v>14168</v>
      </c>
      <c r="G22942" t="s">
        <v>10734</v>
      </c>
      <c r="H22942" t="s">
        <v>10735</v>
      </c>
      <c r="I22942" s="2">
        <v>0</v>
      </c>
      <c r="J22942" s="2">
        <v>0</v>
      </c>
      <c r="K22942" s="2">
        <v>1</v>
      </c>
      <c r="L22942" t="s">
        <v>995</v>
      </c>
      <c r="M22942" t="s">
        <v>83</v>
      </c>
      <c r="N22942" t="s">
        <v>84</v>
      </c>
      <c r="O22942" t="s">
        <v>85</v>
      </c>
      <c r="P22942" t="s">
        <v>86</v>
      </c>
      <c r="Q22942">
        <v>65</v>
      </c>
      <c r="R22942">
        <v>67</v>
      </c>
      <c r="S22942">
        <v>69</v>
      </c>
      <c r="T22942">
        <v>71</v>
      </c>
      <c r="U22942">
        <v>73</v>
      </c>
      <c r="V22942">
        <v>75</v>
      </c>
      <c r="W22942">
        <v>77</v>
      </c>
      <c r="X22942">
        <v>79</v>
      </c>
      <c r="Y22942">
        <v>81</v>
      </c>
      <c r="Z22942">
        <v>83</v>
      </c>
      <c r="AA22942">
        <v>86</v>
      </c>
      <c r="AB22942">
        <v>88</v>
      </c>
      <c r="AC22942">
        <v>90</v>
      </c>
      <c r="AD22942">
        <v>93</v>
      </c>
      <c r="AE22942">
        <v>95</v>
      </c>
      <c r="AF22942">
        <v>98</v>
      </c>
      <c r="AG22942">
        <v>100</v>
      </c>
      <c r="AH22942">
        <v>103</v>
      </c>
      <c r="AI22942">
        <v>105</v>
      </c>
      <c r="AJ22942">
        <v>108</v>
      </c>
      <c r="AK22942">
        <v>111</v>
      </c>
      <c r="AL22942">
        <v>113</v>
      </c>
      <c r="AM22942">
        <v>115</v>
      </c>
      <c r="AN22942">
        <v>117</v>
      </c>
      <c r="AO22942">
        <v>118</v>
      </c>
      <c r="AP22942">
        <v>120</v>
      </c>
      <c r="AQ22942">
        <v>122</v>
      </c>
    </row>
    <row r="22943" spans="1:43">
      <c r="A22943" t="s">
        <v>14215</v>
      </c>
      <c r="B22943" t="s">
        <v>14216</v>
      </c>
      <c r="C22943" t="s">
        <v>14213</v>
      </c>
      <c r="D22943" t="s">
        <v>14214</v>
      </c>
      <c r="E22943" t="s">
        <v>14167</v>
      </c>
      <c r="F22943" t="s">
        <v>14168</v>
      </c>
      <c r="G22943" t="s">
        <v>10734</v>
      </c>
      <c r="H22943" t="s">
        <v>10735</v>
      </c>
      <c r="I22943" s="2">
        <v>0</v>
      </c>
      <c r="J22943" s="2">
        <v>0</v>
      </c>
      <c r="K22943" s="2">
        <v>1</v>
      </c>
      <c r="L22943" t="s">
        <v>995</v>
      </c>
      <c r="M22943" t="s">
        <v>87</v>
      </c>
      <c r="N22943" t="s">
        <v>88</v>
      </c>
      <c r="O22943" t="s">
        <v>85</v>
      </c>
      <c r="P22943" t="s">
        <v>86</v>
      </c>
      <c r="Q22943">
        <v>65</v>
      </c>
      <c r="R22943">
        <v>66</v>
      </c>
      <c r="S22943">
        <v>67</v>
      </c>
      <c r="T22943">
        <v>68</v>
      </c>
      <c r="U22943">
        <v>70</v>
      </c>
      <c r="V22943">
        <v>71</v>
      </c>
      <c r="W22943">
        <v>72</v>
      </c>
      <c r="X22943">
        <v>74</v>
      </c>
      <c r="Y22943">
        <v>75</v>
      </c>
      <c r="Z22943">
        <v>77</v>
      </c>
      <c r="AA22943">
        <v>78</v>
      </c>
      <c r="AB22943">
        <v>80</v>
      </c>
      <c r="AC22943">
        <v>81</v>
      </c>
      <c r="AD22943">
        <v>83</v>
      </c>
      <c r="AE22943">
        <v>84</v>
      </c>
      <c r="AF22943">
        <v>86</v>
      </c>
      <c r="AG22943">
        <v>87</v>
      </c>
      <c r="AH22943">
        <v>89</v>
      </c>
      <c r="AI22943">
        <v>91</v>
      </c>
      <c r="AJ22943">
        <v>93</v>
      </c>
      <c r="AK22943">
        <v>94</v>
      </c>
      <c r="AL22943">
        <v>96</v>
      </c>
      <c r="AM22943">
        <v>98</v>
      </c>
      <c r="AN22943">
        <v>100</v>
      </c>
      <c r="AO22943">
        <v>102</v>
      </c>
      <c r="AP22943">
        <v>104</v>
      </c>
      <c r="AQ22943">
        <v>106</v>
      </c>
    </row>
    <row r="22944" spans="1:43">
      <c r="A22944" t="s">
        <v>14215</v>
      </c>
      <c r="B22944" t="s">
        <v>14216</v>
      </c>
      <c r="C22944" t="s">
        <v>14213</v>
      </c>
      <c r="D22944" t="s">
        <v>14214</v>
      </c>
      <c r="E22944" t="s">
        <v>14167</v>
      </c>
      <c r="F22944" t="s">
        <v>14168</v>
      </c>
      <c r="G22944" t="s">
        <v>10734</v>
      </c>
      <c r="H22944" t="s">
        <v>10735</v>
      </c>
      <c r="I22944" s="2">
        <v>0</v>
      </c>
      <c r="J22944" s="2">
        <v>0</v>
      </c>
      <c r="K22944" s="2">
        <v>1</v>
      </c>
      <c r="L22944" t="s">
        <v>995</v>
      </c>
      <c r="M22944" t="s">
        <v>89</v>
      </c>
      <c r="N22944" t="s">
        <v>90</v>
      </c>
      <c r="O22944" t="s">
        <v>85</v>
      </c>
      <c r="P22944" t="s">
        <v>86</v>
      </c>
      <c r="Q22944">
        <v>65</v>
      </c>
      <c r="R22944">
        <v>67</v>
      </c>
      <c r="S22944">
        <v>70</v>
      </c>
      <c r="T22944">
        <v>72</v>
      </c>
      <c r="U22944">
        <v>75</v>
      </c>
      <c r="V22944">
        <v>77</v>
      </c>
      <c r="W22944">
        <v>80</v>
      </c>
      <c r="X22944">
        <v>83</v>
      </c>
      <c r="Y22944">
        <v>85</v>
      </c>
      <c r="Z22944">
        <v>88</v>
      </c>
      <c r="AA22944">
        <v>90</v>
      </c>
      <c r="AB22944">
        <v>93</v>
      </c>
      <c r="AC22944">
        <v>96</v>
      </c>
      <c r="AD22944">
        <v>99</v>
      </c>
      <c r="AE22944">
        <v>101</v>
      </c>
      <c r="AF22944">
        <v>103</v>
      </c>
      <c r="AG22944">
        <v>104</v>
      </c>
      <c r="AH22944">
        <v>106</v>
      </c>
      <c r="AI22944">
        <v>108</v>
      </c>
      <c r="AJ22944">
        <v>110</v>
      </c>
      <c r="AK22944">
        <v>112</v>
      </c>
      <c r="AL22944">
        <v>113</v>
      </c>
      <c r="AM22944">
        <v>115</v>
      </c>
      <c r="AN22944">
        <v>117</v>
      </c>
      <c r="AO22944">
        <v>119</v>
      </c>
      <c r="AP22944">
        <v>121</v>
      </c>
      <c r="AQ22944">
        <v>123</v>
      </c>
    </row>
    <row r="22945" spans="1:43">
      <c r="A22945" t="s">
        <v>14215</v>
      </c>
      <c r="B22945" t="s">
        <v>14216</v>
      </c>
      <c r="C22945" t="s">
        <v>14213</v>
      </c>
      <c r="D22945" t="s">
        <v>14214</v>
      </c>
      <c r="E22945" t="s">
        <v>14167</v>
      </c>
      <c r="F22945" t="s">
        <v>14168</v>
      </c>
      <c r="G22945" t="s">
        <v>10734</v>
      </c>
      <c r="H22945" t="s">
        <v>10735</v>
      </c>
      <c r="I22945" s="2">
        <v>0</v>
      </c>
      <c r="J22945" s="2">
        <v>0</v>
      </c>
      <c r="K22945" s="2">
        <v>1</v>
      </c>
      <c r="L22945" t="s">
        <v>995</v>
      </c>
      <c r="M22945" t="s">
        <v>83</v>
      </c>
      <c r="N22945" t="s">
        <v>91</v>
      </c>
      <c r="O22945" t="s">
        <v>85</v>
      </c>
      <c r="P22945" t="s">
        <v>86</v>
      </c>
      <c r="Q22945">
        <v>65</v>
      </c>
      <c r="R22945">
        <v>67</v>
      </c>
      <c r="S22945">
        <v>69</v>
      </c>
      <c r="T22945">
        <v>71</v>
      </c>
      <c r="U22945">
        <v>73</v>
      </c>
      <c r="V22945">
        <v>75</v>
      </c>
      <c r="W22945">
        <v>77</v>
      </c>
      <c r="X22945">
        <v>79</v>
      </c>
      <c r="Y22945">
        <v>81</v>
      </c>
      <c r="Z22945">
        <v>83</v>
      </c>
      <c r="AA22945">
        <v>86</v>
      </c>
      <c r="AB22945">
        <v>88</v>
      </c>
      <c r="AC22945">
        <v>90</v>
      </c>
      <c r="AD22945">
        <v>93</v>
      </c>
      <c r="AE22945">
        <v>95</v>
      </c>
      <c r="AF22945">
        <v>98</v>
      </c>
      <c r="AG22945">
        <v>100</v>
      </c>
      <c r="AH22945">
        <v>103</v>
      </c>
      <c r="AI22945">
        <v>105</v>
      </c>
      <c r="AJ22945">
        <v>108</v>
      </c>
      <c r="AK22945">
        <v>111</v>
      </c>
      <c r="AL22945">
        <v>113</v>
      </c>
      <c r="AM22945">
        <v>115</v>
      </c>
      <c r="AN22945">
        <v>117</v>
      </c>
      <c r="AO22945">
        <v>118</v>
      </c>
      <c r="AP22945">
        <v>120</v>
      </c>
      <c r="AQ22945">
        <v>122</v>
      </c>
    </row>
    <row r="22946" spans="1:43">
      <c r="A22946" t="s">
        <v>14217</v>
      </c>
      <c r="B22946" t="s">
        <v>14218</v>
      </c>
      <c r="C22946" t="s">
        <v>14219</v>
      </c>
      <c r="D22946" t="s">
        <v>14220</v>
      </c>
      <c r="E22946" t="s">
        <v>14167</v>
      </c>
      <c r="F22946" t="s">
        <v>14168</v>
      </c>
      <c r="G22946" t="s">
        <v>10734</v>
      </c>
      <c r="H22946" t="s">
        <v>10735</v>
      </c>
      <c r="I22946" s="2">
        <v>0</v>
      </c>
      <c r="J22946" s="2">
        <v>0</v>
      </c>
      <c r="K22946" s="2">
        <v>1</v>
      </c>
      <c r="L22946" t="s">
        <v>995</v>
      </c>
      <c r="M22946" t="s">
        <v>83</v>
      </c>
      <c r="N22946" t="s">
        <v>84</v>
      </c>
      <c r="O22946" t="s">
        <v>85</v>
      </c>
      <c r="P22946" t="s">
        <v>86</v>
      </c>
      <c r="Q22946">
        <v>55</v>
      </c>
      <c r="R22946">
        <v>57</v>
      </c>
      <c r="S22946">
        <v>58</v>
      </c>
      <c r="T22946">
        <v>60</v>
      </c>
      <c r="U22946">
        <v>62</v>
      </c>
      <c r="V22946">
        <v>63</v>
      </c>
      <c r="W22946">
        <v>65</v>
      </c>
      <c r="X22946">
        <v>67</v>
      </c>
      <c r="Y22946">
        <v>69</v>
      </c>
      <c r="Z22946">
        <v>71</v>
      </c>
      <c r="AA22946">
        <v>72</v>
      </c>
      <c r="AB22946">
        <v>74</v>
      </c>
      <c r="AC22946">
        <v>76</v>
      </c>
      <c r="AD22946">
        <v>78</v>
      </c>
      <c r="AE22946">
        <v>80</v>
      </c>
      <c r="AF22946">
        <v>82</v>
      </c>
      <c r="AG22946">
        <v>85</v>
      </c>
      <c r="AH22946">
        <v>87</v>
      </c>
      <c r="AI22946">
        <v>89</v>
      </c>
      <c r="AJ22946">
        <v>91</v>
      </c>
      <c r="AK22946">
        <v>94</v>
      </c>
      <c r="AL22946">
        <v>95</v>
      </c>
      <c r="AM22946">
        <v>97</v>
      </c>
      <c r="AN22946">
        <v>99</v>
      </c>
      <c r="AO22946">
        <v>100</v>
      </c>
      <c r="AP22946">
        <v>102</v>
      </c>
      <c r="AQ22946">
        <v>104</v>
      </c>
    </row>
    <row r="22947" spans="1:43">
      <c r="A22947" t="s">
        <v>14217</v>
      </c>
      <c r="B22947" t="s">
        <v>14218</v>
      </c>
      <c r="C22947" t="s">
        <v>14219</v>
      </c>
      <c r="D22947" t="s">
        <v>14220</v>
      </c>
      <c r="E22947" t="s">
        <v>14167</v>
      </c>
      <c r="F22947" t="s">
        <v>14168</v>
      </c>
      <c r="G22947" t="s">
        <v>10734</v>
      </c>
      <c r="H22947" t="s">
        <v>10735</v>
      </c>
      <c r="I22947" s="2">
        <v>0</v>
      </c>
      <c r="J22947" s="2">
        <v>0</v>
      </c>
      <c r="K22947" s="2">
        <v>1</v>
      </c>
      <c r="L22947" t="s">
        <v>995</v>
      </c>
      <c r="M22947" t="s">
        <v>87</v>
      </c>
      <c r="N22947" t="s">
        <v>88</v>
      </c>
      <c r="O22947" t="s">
        <v>85</v>
      </c>
      <c r="P22947" t="s">
        <v>86</v>
      </c>
      <c r="Q22947">
        <v>55</v>
      </c>
      <c r="R22947">
        <v>56</v>
      </c>
      <c r="S22947">
        <v>57</v>
      </c>
      <c r="T22947">
        <v>58</v>
      </c>
      <c r="U22947">
        <v>59</v>
      </c>
      <c r="V22947">
        <v>60</v>
      </c>
      <c r="W22947">
        <v>61</v>
      </c>
      <c r="X22947">
        <v>62</v>
      </c>
      <c r="Y22947">
        <v>64</v>
      </c>
      <c r="Z22947">
        <v>65</v>
      </c>
      <c r="AA22947">
        <v>66</v>
      </c>
      <c r="AB22947">
        <v>67</v>
      </c>
      <c r="AC22947">
        <v>69</v>
      </c>
      <c r="AD22947">
        <v>70</v>
      </c>
      <c r="AE22947">
        <v>71</v>
      </c>
      <c r="AF22947">
        <v>73</v>
      </c>
      <c r="AG22947">
        <v>74</v>
      </c>
      <c r="AH22947">
        <v>75</v>
      </c>
      <c r="AI22947">
        <v>77</v>
      </c>
      <c r="AJ22947">
        <v>78</v>
      </c>
      <c r="AK22947">
        <v>80</v>
      </c>
      <c r="AL22947">
        <v>81</v>
      </c>
      <c r="AM22947">
        <v>83</v>
      </c>
      <c r="AN22947">
        <v>84</v>
      </c>
      <c r="AO22947">
        <v>86</v>
      </c>
      <c r="AP22947">
        <v>88</v>
      </c>
      <c r="AQ22947">
        <v>89</v>
      </c>
    </row>
    <row r="22948" spans="1:43">
      <c r="A22948" t="s">
        <v>14217</v>
      </c>
      <c r="B22948" t="s">
        <v>14218</v>
      </c>
      <c r="C22948" t="s">
        <v>14219</v>
      </c>
      <c r="D22948" t="s">
        <v>14220</v>
      </c>
      <c r="E22948" t="s">
        <v>14167</v>
      </c>
      <c r="F22948" t="s">
        <v>14168</v>
      </c>
      <c r="G22948" t="s">
        <v>10734</v>
      </c>
      <c r="H22948" t="s">
        <v>10735</v>
      </c>
      <c r="I22948" s="2">
        <v>0</v>
      </c>
      <c r="J22948" s="2">
        <v>0</v>
      </c>
      <c r="K22948" s="2">
        <v>1</v>
      </c>
      <c r="L22948" t="s">
        <v>995</v>
      </c>
      <c r="M22948" t="s">
        <v>89</v>
      </c>
      <c r="N22948" t="s">
        <v>90</v>
      </c>
      <c r="O22948" t="s">
        <v>85</v>
      </c>
      <c r="P22948" t="s">
        <v>86</v>
      </c>
      <c r="Q22948">
        <v>55</v>
      </c>
      <c r="R22948">
        <v>57</v>
      </c>
      <c r="S22948">
        <v>59</v>
      </c>
      <c r="T22948">
        <v>61</v>
      </c>
      <c r="U22948">
        <v>63</v>
      </c>
      <c r="V22948">
        <v>65</v>
      </c>
      <c r="W22948">
        <v>67</v>
      </c>
      <c r="X22948">
        <v>70</v>
      </c>
      <c r="Y22948">
        <v>72</v>
      </c>
      <c r="Z22948">
        <v>74</v>
      </c>
      <c r="AA22948">
        <v>76</v>
      </c>
      <c r="AB22948">
        <v>78</v>
      </c>
      <c r="AC22948">
        <v>81</v>
      </c>
      <c r="AD22948">
        <v>83</v>
      </c>
      <c r="AE22948">
        <v>85</v>
      </c>
      <c r="AF22948">
        <v>87</v>
      </c>
      <c r="AG22948">
        <v>88</v>
      </c>
      <c r="AH22948">
        <v>90</v>
      </c>
      <c r="AI22948">
        <v>91</v>
      </c>
      <c r="AJ22948">
        <v>93</v>
      </c>
      <c r="AK22948">
        <v>94</v>
      </c>
      <c r="AL22948">
        <v>96</v>
      </c>
      <c r="AM22948">
        <v>97</v>
      </c>
      <c r="AN22948">
        <v>99</v>
      </c>
      <c r="AO22948">
        <v>101</v>
      </c>
      <c r="AP22948">
        <v>102</v>
      </c>
      <c r="AQ22948">
        <v>104</v>
      </c>
    </row>
    <row r="22949" spans="1:43">
      <c r="A22949" t="s">
        <v>14217</v>
      </c>
      <c r="B22949" t="s">
        <v>14218</v>
      </c>
      <c r="C22949" t="s">
        <v>14219</v>
      </c>
      <c r="D22949" t="s">
        <v>14220</v>
      </c>
      <c r="E22949" t="s">
        <v>14167</v>
      </c>
      <c r="F22949" t="s">
        <v>14168</v>
      </c>
      <c r="G22949" t="s">
        <v>10734</v>
      </c>
      <c r="H22949" t="s">
        <v>10735</v>
      </c>
      <c r="I22949" s="2">
        <v>0</v>
      </c>
      <c r="J22949" s="2">
        <v>0</v>
      </c>
      <c r="K22949" s="2">
        <v>1</v>
      </c>
      <c r="L22949" t="s">
        <v>995</v>
      </c>
      <c r="M22949" t="s">
        <v>83</v>
      </c>
      <c r="N22949" t="s">
        <v>91</v>
      </c>
      <c r="O22949" t="s">
        <v>85</v>
      </c>
      <c r="P22949" t="s">
        <v>86</v>
      </c>
      <c r="Q22949">
        <v>55</v>
      </c>
      <c r="R22949">
        <v>57</v>
      </c>
      <c r="S22949">
        <v>58</v>
      </c>
      <c r="T22949">
        <v>60</v>
      </c>
      <c r="U22949">
        <v>62</v>
      </c>
      <c r="V22949">
        <v>63</v>
      </c>
      <c r="W22949">
        <v>65</v>
      </c>
      <c r="X22949">
        <v>67</v>
      </c>
      <c r="Y22949">
        <v>69</v>
      </c>
      <c r="Z22949">
        <v>71</v>
      </c>
      <c r="AA22949">
        <v>72</v>
      </c>
      <c r="AB22949">
        <v>74</v>
      </c>
      <c r="AC22949">
        <v>76</v>
      </c>
      <c r="AD22949">
        <v>78</v>
      </c>
      <c r="AE22949">
        <v>80</v>
      </c>
      <c r="AF22949">
        <v>82</v>
      </c>
      <c r="AG22949">
        <v>85</v>
      </c>
      <c r="AH22949">
        <v>87</v>
      </c>
      <c r="AI22949">
        <v>89</v>
      </c>
      <c r="AJ22949">
        <v>91</v>
      </c>
      <c r="AK22949">
        <v>94</v>
      </c>
      <c r="AL22949">
        <v>95</v>
      </c>
      <c r="AM22949">
        <v>97</v>
      </c>
      <c r="AN22949">
        <v>99</v>
      </c>
      <c r="AO22949">
        <v>100</v>
      </c>
      <c r="AP22949">
        <v>102</v>
      </c>
      <c r="AQ22949">
        <v>104</v>
      </c>
    </row>
    <row r="22950" spans="1:43">
      <c r="A22950" t="s">
        <v>14221</v>
      </c>
      <c r="B22950" t="s">
        <v>14222</v>
      </c>
      <c r="C22950" t="s">
        <v>14205</v>
      </c>
      <c r="D22950" t="s">
        <v>14206</v>
      </c>
      <c r="E22950" t="s">
        <v>14167</v>
      </c>
      <c r="F22950" t="s">
        <v>14168</v>
      </c>
      <c r="G22950" t="s">
        <v>10734</v>
      </c>
      <c r="H22950" t="s">
        <v>10735</v>
      </c>
      <c r="I22950" s="2">
        <v>0</v>
      </c>
      <c r="J22950" s="2">
        <v>0</v>
      </c>
      <c r="K22950" s="2">
        <v>1</v>
      </c>
      <c r="L22950" t="s">
        <v>995</v>
      </c>
      <c r="M22950" t="s">
        <v>83</v>
      </c>
      <c r="N22950" t="s">
        <v>84</v>
      </c>
      <c r="O22950" t="s">
        <v>85</v>
      </c>
      <c r="P22950" t="s">
        <v>86</v>
      </c>
      <c r="Q22950">
        <v>43</v>
      </c>
      <c r="R22950">
        <v>45</v>
      </c>
      <c r="S22950">
        <v>46</v>
      </c>
      <c r="T22950">
        <v>47</v>
      </c>
      <c r="U22950">
        <v>48</v>
      </c>
      <c r="V22950">
        <v>50</v>
      </c>
      <c r="W22950">
        <v>51</v>
      </c>
      <c r="X22950">
        <v>53</v>
      </c>
      <c r="Y22950">
        <v>54</v>
      </c>
      <c r="Z22950">
        <v>55</v>
      </c>
      <c r="AA22950">
        <v>57</v>
      </c>
      <c r="AB22950">
        <v>59</v>
      </c>
      <c r="AC22950">
        <v>60</v>
      </c>
      <c r="AD22950">
        <v>62</v>
      </c>
      <c r="AE22950">
        <v>63</v>
      </c>
      <c r="AF22950">
        <v>65</v>
      </c>
      <c r="AG22950">
        <v>67</v>
      </c>
      <c r="AH22950">
        <v>68</v>
      </c>
      <c r="AI22950">
        <v>70</v>
      </c>
      <c r="AJ22950">
        <v>72</v>
      </c>
      <c r="AK22950">
        <v>74</v>
      </c>
      <c r="AL22950">
        <v>75</v>
      </c>
      <c r="AM22950">
        <v>76</v>
      </c>
      <c r="AN22950">
        <v>77</v>
      </c>
      <c r="AO22950">
        <v>79</v>
      </c>
      <c r="AP22950">
        <v>80</v>
      </c>
      <c r="AQ22950">
        <v>81</v>
      </c>
    </row>
    <row r="22951" spans="1:43">
      <c r="A22951" t="s">
        <v>14221</v>
      </c>
      <c r="B22951" t="s">
        <v>14222</v>
      </c>
      <c r="C22951" t="s">
        <v>14205</v>
      </c>
      <c r="D22951" t="s">
        <v>14206</v>
      </c>
      <c r="E22951" t="s">
        <v>14167</v>
      </c>
      <c r="F22951" t="s">
        <v>14168</v>
      </c>
      <c r="G22951" t="s">
        <v>10734</v>
      </c>
      <c r="H22951" t="s">
        <v>10735</v>
      </c>
      <c r="I22951" s="2">
        <v>0</v>
      </c>
      <c r="J22951" s="2">
        <v>0</v>
      </c>
      <c r="K22951" s="2">
        <v>1</v>
      </c>
      <c r="L22951" t="s">
        <v>995</v>
      </c>
      <c r="M22951" t="s">
        <v>87</v>
      </c>
      <c r="N22951" t="s">
        <v>88</v>
      </c>
      <c r="O22951" t="s">
        <v>85</v>
      </c>
      <c r="P22951" t="s">
        <v>86</v>
      </c>
      <c r="Q22951">
        <v>43</v>
      </c>
      <c r="R22951">
        <v>44</v>
      </c>
      <c r="S22951">
        <v>45</v>
      </c>
      <c r="T22951">
        <v>45</v>
      </c>
      <c r="U22951">
        <v>46</v>
      </c>
      <c r="V22951">
        <v>47</v>
      </c>
      <c r="W22951">
        <v>48</v>
      </c>
      <c r="X22951">
        <v>49</v>
      </c>
      <c r="Y22951">
        <v>50</v>
      </c>
      <c r="Z22951">
        <v>51</v>
      </c>
      <c r="AA22951">
        <v>52</v>
      </c>
      <c r="AB22951">
        <v>53</v>
      </c>
      <c r="AC22951">
        <v>54</v>
      </c>
      <c r="AD22951">
        <v>55</v>
      </c>
      <c r="AE22951">
        <v>56</v>
      </c>
      <c r="AF22951">
        <v>57</v>
      </c>
      <c r="AG22951">
        <v>58</v>
      </c>
      <c r="AH22951">
        <v>59</v>
      </c>
      <c r="AI22951">
        <v>60</v>
      </c>
      <c r="AJ22951">
        <v>62</v>
      </c>
      <c r="AK22951">
        <v>63</v>
      </c>
      <c r="AL22951">
        <v>64</v>
      </c>
      <c r="AM22951">
        <v>65</v>
      </c>
      <c r="AN22951">
        <v>67</v>
      </c>
      <c r="AO22951">
        <v>68</v>
      </c>
      <c r="AP22951">
        <v>69</v>
      </c>
      <c r="AQ22951">
        <v>70</v>
      </c>
    </row>
    <row r="22952" spans="1:43">
      <c r="A22952" t="s">
        <v>14221</v>
      </c>
      <c r="B22952" t="s">
        <v>14222</v>
      </c>
      <c r="C22952" t="s">
        <v>14205</v>
      </c>
      <c r="D22952" t="s">
        <v>14206</v>
      </c>
      <c r="E22952" t="s">
        <v>14167</v>
      </c>
      <c r="F22952" t="s">
        <v>14168</v>
      </c>
      <c r="G22952" t="s">
        <v>10734</v>
      </c>
      <c r="H22952" t="s">
        <v>10735</v>
      </c>
      <c r="I22952" s="2">
        <v>0</v>
      </c>
      <c r="J22952" s="2">
        <v>0</v>
      </c>
      <c r="K22952" s="2">
        <v>1</v>
      </c>
      <c r="L22952" t="s">
        <v>995</v>
      </c>
      <c r="M22952" t="s">
        <v>89</v>
      </c>
      <c r="N22952" t="s">
        <v>90</v>
      </c>
      <c r="O22952" t="s">
        <v>85</v>
      </c>
      <c r="P22952" t="s">
        <v>86</v>
      </c>
      <c r="Q22952">
        <v>43</v>
      </c>
      <c r="R22952">
        <v>44</v>
      </c>
      <c r="S22952">
        <v>46</v>
      </c>
      <c r="T22952">
        <v>48</v>
      </c>
      <c r="U22952">
        <v>49</v>
      </c>
      <c r="V22952">
        <v>51</v>
      </c>
      <c r="W22952">
        <v>53</v>
      </c>
      <c r="X22952">
        <v>54</v>
      </c>
      <c r="Y22952">
        <v>56</v>
      </c>
      <c r="Z22952">
        <v>58</v>
      </c>
      <c r="AA22952">
        <v>60</v>
      </c>
      <c r="AB22952">
        <v>61</v>
      </c>
      <c r="AC22952">
        <v>63</v>
      </c>
      <c r="AD22952">
        <v>65</v>
      </c>
      <c r="AE22952">
        <v>67</v>
      </c>
      <c r="AF22952">
        <v>68</v>
      </c>
      <c r="AG22952">
        <v>69</v>
      </c>
      <c r="AH22952">
        <v>70</v>
      </c>
      <c r="AI22952">
        <v>71</v>
      </c>
      <c r="AJ22952">
        <v>72</v>
      </c>
      <c r="AK22952">
        <v>74</v>
      </c>
      <c r="AL22952">
        <v>75</v>
      </c>
      <c r="AM22952">
        <v>76</v>
      </c>
      <c r="AN22952">
        <v>77</v>
      </c>
      <c r="AO22952">
        <v>79</v>
      </c>
      <c r="AP22952">
        <v>80</v>
      </c>
      <c r="AQ22952">
        <v>81</v>
      </c>
    </row>
    <row r="22953" spans="1:43">
      <c r="A22953" t="s">
        <v>14221</v>
      </c>
      <c r="B22953" t="s">
        <v>14222</v>
      </c>
      <c r="C22953" t="s">
        <v>14205</v>
      </c>
      <c r="D22953" t="s">
        <v>14206</v>
      </c>
      <c r="E22953" t="s">
        <v>14167</v>
      </c>
      <c r="F22953" t="s">
        <v>14168</v>
      </c>
      <c r="G22953" t="s">
        <v>10734</v>
      </c>
      <c r="H22953" t="s">
        <v>10735</v>
      </c>
      <c r="I22953" s="2">
        <v>0</v>
      </c>
      <c r="J22953" s="2">
        <v>0</v>
      </c>
      <c r="K22953" s="2">
        <v>1</v>
      </c>
      <c r="L22953" t="s">
        <v>995</v>
      </c>
      <c r="M22953" t="s">
        <v>83</v>
      </c>
      <c r="N22953" t="s">
        <v>91</v>
      </c>
      <c r="O22953" t="s">
        <v>85</v>
      </c>
      <c r="P22953" t="s">
        <v>86</v>
      </c>
      <c r="Q22953">
        <v>43</v>
      </c>
      <c r="R22953">
        <v>45</v>
      </c>
      <c r="S22953">
        <v>46</v>
      </c>
      <c r="T22953">
        <v>47</v>
      </c>
      <c r="U22953">
        <v>48</v>
      </c>
      <c r="V22953">
        <v>50</v>
      </c>
      <c r="W22953">
        <v>51</v>
      </c>
      <c r="X22953">
        <v>53</v>
      </c>
      <c r="Y22953">
        <v>54</v>
      </c>
      <c r="Z22953">
        <v>55</v>
      </c>
      <c r="AA22953">
        <v>57</v>
      </c>
      <c r="AB22953">
        <v>59</v>
      </c>
      <c r="AC22953">
        <v>60</v>
      </c>
      <c r="AD22953">
        <v>62</v>
      </c>
      <c r="AE22953">
        <v>63</v>
      </c>
      <c r="AF22953">
        <v>65</v>
      </c>
      <c r="AG22953">
        <v>67</v>
      </c>
      <c r="AH22953">
        <v>68</v>
      </c>
      <c r="AI22953">
        <v>70</v>
      </c>
      <c r="AJ22953">
        <v>72</v>
      </c>
      <c r="AK22953">
        <v>74</v>
      </c>
      <c r="AL22953">
        <v>75</v>
      </c>
      <c r="AM22953">
        <v>76</v>
      </c>
      <c r="AN22953">
        <v>77</v>
      </c>
      <c r="AO22953">
        <v>79</v>
      </c>
      <c r="AP22953">
        <v>80</v>
      </c>
      <c r="AQ22953">
        <v>81</v>
      </c>
    </row>
    <row r="22954" spans="1:43">
      <c r="A22954" t="s">
        <v>14223</v>
      </c>
      <c r="B22954" t="s">
        <v>14224</v>
      </c>
      <c r="C22954" t="s">
        <v>14205</v>
      </c>
      <c r="D22954" t="s">
        <v>14206</v>
      </c>
      <c r="E22954" t="s">
        <v>14167</v>
      </c>
      <c r="F22954" t="s">
        <v>14168</v>
      </c>
      <c r="G22954" t="s">
        <v>10734</v>
      </c>
      <c r="H22954" t="s">
        <v>10735</v>
      </c>
      <c r="I22954" s="2">
        <v>0</v>
      </c>
      <c r="J22954" s="2">
        <v>0</v>
      </c>
      <c r="K22954" s="2">
        <v>1</v>
      </c>
      <c r="L22954" t="s">
        <v>995</v>
      </c>
      <c r="M22954" t="s">
        <v>83</v>
      </c>
      <c r="N22954" t="s">
        <v>84</v>
      </c>
      <c r="O22954" t="s">
        <v>85</v>
      </c>
      <c r="P22954" t="s">
        <v>86</v>
      </c>
      <c r="Q22954">
        <v>28</v>
      </c>
      <c r="R22954">
        <v>29</v>
      </c>
      <c r="S22954">
        <v>30</v>
      </c>
      <c r="T22954">
        <v>31</v>
      </c>
      <c r="U22954">
        <v>32</v>
      </c>
      <c r="V22954">
        <v>33</v>
      </c>
      <c r="W22954">
        <v>34</v>
      </c>
      <c r="X22954">
        <v>34</v>
      </c>
      <c r="Y22954">
        <v>35</v>
      </c>
      <c r="Z22954">
        <v>36</v>
      </c>
      <c r="AA22954">
        <v>37</v>
      </c>
      <c r="AB22954">
        <v>38</v>
      </c>
      <c r="AC22954">
        <v>39</v>
      </c>
      <c r="AD22954">
        <v>40</v>
      </c>
      <c r="AE22954">
        <v>41</v>
      </c>
      <c r="AF22954">
        <v>43</v>
      </c>
      <c r="AG22954">
        <v>44</v>
      </c>
      <c r="AH22954">
        <v>45</v>
      </c>
      <c r="AI22954">
        <v>46</v>
      </c>
      <c r="AJ22954">
        <v>47</v>
      </c>
      <c r="AK22954">
        <v>48</v>
      </c>
      <c r="AL22954">
        <v>49</v>
      </c>
      <c r="AM22954">
        <v>50</v>
      </c>
      <c r="AN22954">
        <v>51</v>
      </c>
      <c r="AO22954">
        <v>52</v>
      </c>
      <c r="AP22954">
        <v>52</v>
      </c>
      <c r="AQ22954">
        <v>53</v>
      </c>
    </row>
    <row r="22955" spans="1:43">
      <c r="A22955" t="s">
        <v>14223</v>
      </c>
      <c r="B22955" t="s">
        <v>14224</v>
      </c>
      <c r="C22955" t="s">
        <v>14205</v>
      </c>
      <c r="D22955" t="s">
        <v>14206</v>
      </c>
      <c r="E22955" t="s">
        <v>14167</v>
      </c>
      <c r="F22955" t="s">
        <v>14168</v>
      </c>
      <c r="G22955" t="s">
        <v>10734</v>
      </c>
      <c r="H22955" t="s">
        <v>10735</v>
      </c>
      <c r="I22955" s="2">
        <v>0</v>
      </c>
      <c r="J22955" s="2">
        <v>0</v>
      </c>
      <c r="K22955" s="2">
        <v>1</v>
      </c>
      <c r="L22955" t="s">
        <v>995</v>
      </c>
      <c r="M22955" t="s">
        <v>87</v>
      </c>
      <c r="N22955" t="s">
        <v>88</v>
      </c>
      <c r="O22955" t="s">
        <v>85</v>
      </c>
      <c r="P22955" t="s">
        <v>86</v>
      </c>
      <c r="Q22955">
        <v>28</v>
      </c>
      <c r="R22955">
        <v>29</v>
      </c>
      <c r="S22955">
        <v>29</v>
      </c>
      <c r="T22955">
        <v>30</v>
      </c>
      <c r="U22955">
        <v>30</v>
      </c>
      <c r="V22955">
        <v>31</v>
      </c>
      <c r="W22955">
        <v>32</v>
      </c>
      <c r="X22955">
        <v>32</v>
      </c>
      <c r="Y22955">
        <v>33</v>
      </c>
      <c r="Z22955">
        <v>33</v>
      </c>
      <c r="AA22955">
        <v>34</v>
      </c>
      <c r="AB22955">
        <v>35</v>
      </c>
      <c r="AC22955">
        <v>35</v>
      </c>
      <c r="AD22955">
        <v>36</v>
      </c>
      <c r="AE22955">
        <v>37</v>
      </c>
      <c r="AF22955">
        <v>37</v>
      </c>
      <c r="AG22955">
        <v>38</v>
      </c>
      <c r="AH22955">
        <v>39</v>
      </c>
      <c r="AI22955">
        <v>40</v>
      </c>
      <c r="AJ22955">
        <v>40</v>
      </c>
      <c r="AK22955">
        <v>41</v>
      </c>
      <c r="AL22955">
        <v>42</v>
      </c>
      <c r="AM22955">
        <v>43</v>
      </c>
      <c r="AN22955">
        <v>44</v>
      </c>
      <c r="AO22955">
        <v>44</v>
      </c>
      <c r="AP22955">
        <v>45</v>
      </c>
      <c r="AQ22955">
        <v>46</v>
      </c>
    </row>
    <row r="22956" spans="1:43">
      <c r="A22956" t="s">
        <v>14223</v>
      </c>
      <c r="B22956" t="s">
        <v>14224</v>
      </c>
      <c r="C22956" t="s">
        <v>14205</v>
      </c>
      <c r="D22956" t="s">
        <v>14206</v>
      </c>
      <c r="E22956" t="s">
        <v>14167</v>
      </c>
      <c r="F22956" t="s">
        <v>14168</v>
      </c>
      <c r="G22956" t="s">
        <v>10734</v>
      </c>
      <c r="H22956" t="s">
        <v>10735</v>
      </c>
      <c r="I22956" s="2">
        <v>0</v>
      </c>
      <c r="J22956" s="2">
        <v>0</v>
      </c>
      <c r="K22956" s="2">
        <v>1</v>
      </c>
      <c r="L22956" t="s">
        <v>995</v>
      </c>
      <c r="M22956" t="s">
        <v>89</v>
      </c>
      <c r="N22956" t="s">
        <v>90</v>
      </c>
      <c r="O22956" t="s">
        <v>85</v>
      </c>
      <c r="P22956" t="s">
        <v>86</v>
      </c>
      <c r="Q22956">
        <v>28</v>
      </c>
      <c r="R22956">
        <v>29</v>
      </c>
      <c r="S22956">
        <v>30</v>
      </c>
      <c r="T22956">
        <v>31</v>
      </c>
      <c r="U22956">
        <v>32</v>
      </c>
      <c r="V22956">
        <v>33</v>
      </c>
      <c r="W22956">
        <v>34</v>
      </c>
      <c r="X22956">
        <v>35</v>
      </c>
      <c r="Y22956">
        <v>37</v>
      </c>
      <c r="Z22956">
        <v>38</v>
      </c>
      <c r="AA22956">
        <v>39</v>
      </c>
      <c r="AB22956">
        <v>40</v>
      </c>
      <c r="AC22956">
        <v>41</v>
      </c>
      <c r="AD22956">
        <v>42</v>
      </c>
      <c r="AE22956">
        <v>43</v>
      </c>
      <c r="AF22956">
        <v>44</v>
      </c>
      <c r="AG22956">
        <v>45</v>
      </c>
      <c r="AH22956">
        <v>46</v>
      </c>
      <c r="AI22956">
        <v>46</v>
      </c>
      <c r="AJ22956">
        <v>47</v>
      </c>
      <c r="AK22956">
        <v>48</v>
      </c>
      <c r="AL22956">
        <v>49</v>
      </c>
      <c r="AM22956">
        <v>50</v>
      </c>
      <c r="AN22956">
        <v>50</v>
      </c>
      <c r="AO22956">
        <v>51</v>
      </c>
      <c r="AP22956">
        <v>52</v>
      </c>
      <c r="AQ22956">
        <v>53</v>
      </c>
    </row>
    <row r="22957" spans="1:43">
      <c r="A22957" t="s">
        <v>14223</v>
      </c>
      <c r="B22957" t="s">
        <v>14224</v>
      </c>
      <c r="C22957" t="s">
        <v>14205</v>
      </c>
      <c r="D22957" t="s">
        <v>14206</v>
      </c>
      <c r="E22957" t="s">
        <v>14167</v>
      </c>
      <c r="F22957" t="s">
        <v>14168</v>
      </c>
      <c r="G22957" t="s">
        <v>10734</v>
      </c>
      <c r="H22957" t="s">
        <v>10735</v>
      </c>
      <c r="I22957" s="2">
        <v>0</v>
      </c>
      <c r="J22957" s="2">
        <v>0</v>
      </c>
      <c r="K22957" s="2">
        <v>1</v>
      </c>
      <c r="L22957" t="s">
        <v>995</v>
      </c>
      <c r="M22957" t="s">
        <v>83</v>
      </c>
      <c r="N22957" t="s">
        <v>91</v>
      </c>
      <c r="O22957" t="s">
        <v>85</v>
      </c>
      <c r="P22957" t="s">
        <v>86</v>
      </c>
      <c r="Q22957">
        <v>28</v>
      </c>
      <c r="R22957">
        <v>29</v>
      </c>
      <c r="S22957">
        <v>30</v>
      </c>
      <c r="T22957">
        <v>31</v>
      </c>
      <c r="U22957">
        <v>32</v>
      </c>
      <c r="V22957">
        <v>33</v>
      </c>
      <c r="W22957">
        <v>34</v>
      </c>
      <c r="X22957">
        <v>34</v>
      </c>
      <c r="Y22957">
        <v>35</v>
      </c>
      <c r="Z22957">
        <v>36</v>
      </c>
      <c r="AA22957">
        <v>37</v>
      </c>
      <c r="AB22957">
        <v>38</v>
      </c>
      <c r="AC22957">
        <v>39</v>
      </c>
      <c r="AD22957">
        <v>40</v>
      </c>
      <c r="AE22957">
        <v>41</v>
      </c>
      <c r="AF22957">
        <v>43</v>
      </c>
      <c r="AG22957">
        <v>44</v>
      </c>
      <c r="AH22957">
        <v>45</v>
      </c>
      <c r="AI22957">
        <v>46</v>
      </c>
      <c r="AJ22957">
        <v>47</v>
      </c>
      <c r="AK22957">
        <v>48</v>
      </c>
      <c r="AL22957">
        <v>49</v>
      </c>
      <c r="AM22957">
        <v>50</v>
      </c>
      <c r="AN22957">
        <v>51</v>
      </c>
      <c r="AO22957">
        <v>52</v>
      </c>
      <c r="AP22957">
        <v>52</v>
      </c>
      <c r="AQ22957">
        <v>53</v>
      </c>
    </row>
    <row r="22958" spans="1:43">
      <c r="A22958" t="s">
        <v>14225</v>
      </c>
      <c r="B22958" t="s">
        <v>14226</v>
      </c>
      <c r="C22958" t="s">
        <v>14195</v>
      </c>
      <c r="D22958" t="s">
        <v>14196</v>
      </c>
      <c r="E22958" t="s">
        <v>14167</v>
      </c>
      <c r="F22958" t="s">
        <v>14168</v>
      </c>
      <c r="G22958" t="s">
        <v>10734</v>
      </c>
      <c r="H22958" t="s">
        <v>10735</v>
      </c>
      <c r="I22958" s="2">
        <v>0</v>
      </c>
      <c r="J22958" s="2">
        <v>0</v>
      </c>
      <c r="K22958" s="2">
        <v>1</v>
      </c>
      <c r="L22958" t="s">
        <v>995</v>
      </c>
      <c r="M22958" t="s">
        <v>83</v>
      </c>
      <c r="N22958" t="s">
        <v>84</v>
      </c>
      <c r="O22958" t="s">
        <v>85</v>
      </c>
      <c r="P22958" t="s">
        <v>86</v>
      </c>
      <c r="Q22958">
        <v>47</v>
      </c>
      <c r="R22958">
        <v>48</v>
      </c>
      <c r="S22958">
        <v>49</v>
      </c>
      <c r="T22958">
        <v>51</v>
      </c>
      <c r="U22958">
        <v>52</v>
      </c>
      <c r="V22958">
        <v>54</v>
      </c>
      <c r="W22958">
        <v>55</v>
      </c>
      <c r="X22958">
        <v>57</v>
      </c>
      <c r="Y22958">
        <v>58</v>
      </c>
      <c r="Z22958">
        <v>60</v>
      </c>
      <c r="AA22958">
        <v>62</v>
      </c>
      <c r="AB22958">
        <v>63</v>
      </c>
      <c r="AC22958">
        <v>65</v>
      </c>
      <c r="AD22958">
        <v>67</v>
      </c>
      <c r="AE22958">
        <v>68</v>
      </c>
      <c r="AF22958">
        <v>70</v>
      </c>
      <c r="AG22958">
        <v>72</v>
      </c>
      <c r="AH22958">
        <v>74</v>
      </c>
      <c r="AI22958">
        <v>76</v>
      </c>
      <c r="AJ22958">
        <v>78</v>
      </c>
      <c r="AK22958">
        <v>80</v>
      </c>
      <c r="AL22958">
        <v>81</v>
      </c>
      <c r="AM22958">
        <v>82</v>
      </c>
      <c r="AN22958">
        <v>84</v>
      </c>
      <c r="AO22958">
        <v>85</v>
      </c>
      <c r="AP22958">
        <v>86</v>
      </c>
      <c r="AQ22958">
        <v>88</v>
      </c>
    </row>
    <row r="22959" spans="1:43">
      <c r="A22959" t="s">
        <v>14225</v>
      </c>
      <c r="B22959" t="s">
        <v>14226</v>
      </c>
      <c r="C22959" t="s">
        <v>14195</v>
      </c>
      <c r="D22959" t="s">
        <v>14196</v>
      </c>
      <c r="E22959" t="s">
        <v>14167</v>
      </c>
      <c r="F22959" t="s">
        <v>14168</v>
      </c>
      <c r="G22959" t="s">
        <v>10734</v>
      </c>
      <c r="H22959" t="s">
        <v>10735</v>
      </c>
      <c r="I22959" s="2">
        <v>0</v>
      </c>
      <c r="J22959" s="2">
        <v>0</v>
      </c>
      <c r="K22959" s="2">
        <v>1</v>
      </c>
      <c r="L22959" t="s">
        <v>995</v>
      </c>
      <c r="M22959" t="s">
        <v>87</v>
      </c>
      <c r="N22959" t="s">
        <v>88</v>
      </c>
      <c r="O22959" t="s">
        <v>85</v>
      </c>
      <c r="P22959" t="s">
        <v>86</v>
      </c>
      <c r="Q22959">
        <v>47</v>
      </c>
      <c r="R22959">
        <v>48</v>
      </c>
      <c r="S22959">
        <v>49</v>
      </c>
      <c r="T22959">
        <v>50</v>
      </c>
      <c r="U22959">
        <v>51</v>
      </c>
      <c r="V22959">
        <v>52</v>
      </c>
      <c r="W22959">
        <v>53</v>
      </c>
      <c r="X22959">
        <v>54</v>
      </c>
      <c r="Y22959">
        <v>55</v>
      </c>
      <c r="Z22959">
        <v>56</v>
      </c>
      <c r="AA22959">
        <v>57</v>
      </c>
      <c r="AB22959">
        <v>58</v>
      </c>
      <c r="AC22959">
        <v>59</v>
      </c>
      <c r="AD22959">
        <v>60</v>
      </c>
      <c r="AE22959">
        <v>62</v>
      </c>
      <c r="AF22959">
        <v>63</v>
      </c>
      <c r="AG22959">
        <v>64</v>
      </c>
      <c r="AH22959">
        <v>65</v>
      </c>
      <c r="AI22959">
        <v>66</v>
      </c>
      <c r="AJ22959">
        <v>68</v>
      </c>
      <c r="AK22959">
        <v>69</v>
      </c>
      <c r="AL22959">
        <v>70</v>
      </c>
      <c r="AM22959">
        <v>72</v>
      </c>
      <c r="AN22959">
        <v>73</v>
      </c>
      <c r="AO22959">
        <v>74</v>
      </c>
      <c r="AP22959">
        <v>76</v>
      </c>
      <c r="AQ22959">
        <v>77</v>
      </c>
    </row>
    <row r="22960" spans="1:43">
      <c r="A22960" t="s">
        <v>14225</v>
      </c>
      <c r="B22960" t="s">
        <v>14226</v>
      </c>
      <c r="C22960" t="s">
        <v>14195</v>
      </c>
      <c r="D22960" t="s">
        <v>14196</v>
      </c>
      <c r="E22960" t="s">
        <v>14167</v>
      </c>
      <c r="F22960" t="s">
        <v>14168</v>
      </c>
      <c r="G22960" t="s">
        <v>10734</v>
      </c>
      <c r="H22960" t="s">
        <v>10735</v>
      </c>
      <c r="I22960" s="2">
        <v>0</v>
      </c>
      <c r="J22960" s="2">
        <v>0</v>
      </c>
      <c r="K22960" s="2">
        <v>1</v>
      </c>
      <c r="L22960" t="s">
        <v>995</v>
      </c>
      <c r="M22960" t="s">
        <v>89</v>
      </c>
      <c r="N22960" t="s">
        <v>90</v>
      </c>
      <c r="O22960" t="s">
        <v>85</v>
      </c>
      <c r="P22960" t="s">
        <v>86</v>
      </c>
      <c r="Q22960">
        <v>47</v>
      </c>
      <c r="R22960">
        <v>49</v>
      </c>
      <c r="S22960">
        <v>51</v>
      </c>
      <c r="T22960">
        <v>53</v>
      </c>
      <c r="U22960">
        <v>54</v>
      </c>
      <c r="V22960">
        <v>56</v>
      </c>
      <c r="W22960">
        <v>58</v>
      </c>
      <c r="X22960">
        <v>60</v>
      </c>
      <c r="Y22960">
        <v>62</v>
      </c>
      <c r="Z22960">
        <v>64</v>
      </c>
      <c r="AA22960">
        <v>66</v>
      </c>
      <c r="AB22960">
        <v>67</v>
      </c>
      <c r="AC22960">
        <v>69</v>
      </c>
      <c r="AD22960">
        <v>71</v>
      </c>
      <c r="AE22960">
        <v>73</v>
      </c>
      <c r="AF22960">
        <v>74</v>
      </c>
      <c r="AG22960">
        <v>76</v>
      </c>
      <c r="AH22960">
        <v>77</v>
      </c>
      <c r="AI22960">
        <v>78</v>
      </c>
      <c r="AJ22960">
        <v>79</v>
      </c>
      <c r="AK22960">
        <v>80</v>
      </c>
      <c r="AL22960">
        <v>82</v>
      </c>
      <c r="AM22960">
        <v>83</v>
      </c>
      <c r="AN22960">
        <v>84</v>
      </c>
      <c r="AO22960">
        <v>86</v>
      </c>
      <c r="AP22960">
        <v>87</v>
      </c>
      <c r="AQ22960">
        <v>88</v>
      </c>
    </row>
    <row r="22961" spans="1:43">
      <c r="A22961" t="s">
        <v>14225</v>
      </c>
      <c r="B22961" t="s">
        <v>14226</v>
      </c>
      <c r="C22961" t="s">
        <v>14195</v>
      </c>
      <c r="D22961" t="s">
        <v>14196</v>
      </c>
      <c r="E22961" t="s">
        <v>14167</v>
      </c>
      <c r="F22961" t="s">
        <v>14168</v>
      </c>
      <c r="G22961" t="s">
        <v>10734</v>
      </c>
      <c r="H22961" t="s">
        <v>10735</v>
      </c>
      <c r="I22961" s="2">
        <v>0</v>
      </c>
      <c r="J22961" s="2">
        <v>0</v>
      </c>
      <c r="K22961" s="2">
        <v>1</v>
      </c>
      <c r="L22961" t="s">
        <v>995</v>
      </c>
      <c r="M22961" t="s">
        <v>83</v>
      </c>
      <c r="N22961" t="s">
        <v>91</v>
      </c>
      <c r="O22961" t="s">
        <v>85</v>
      </c>
      <c r="P22961" t="s">
        <v>86</v>
      </c>
      <c r="Q22961">
        <v>47</v>
      </c>
      <c r="R22961">
        <v>48</v>
      </c>
      <c r="S22961">
        <v>49</v>
      </c>
      <c r="T22961">
        <v>51</v>
      </c>
      <c r="U22961">
        <v>52</v>
      </c>
      <c r="V22961">
        <v>54</v>
      </c>
      <c r="W22961">
        <v>55</v>
      </c>
      <c r="X22961">
        <v>57</v>
      </c>
      <c r="Y22961">
        <v>58</v>
      </c>
      <c r="Z22961">
        <v>60</v>
      </c>
      <c r="AA22961">
        <v>62</v>
      </c>
      <c r="AB22961">
        <v>63</v>
      </c>
      <c r="AC22961">
        <v>65</v>
      </c>
      <c r="AD22961">
        <v>67</v>
      </c>
      <c r="AE22961">
        <v>68</v>
      </c>
      <c r="AF22961">
        <v>70</v>
      </c>
      <c r="AG22961">
        <v>72</v>
      </c>
      <c r="AH22961">
        <v>74</v>
      </c>
      <c r="AI22961">
        <v>76</v>
      </c>
      <c r="AJ22961">
        <v>78</v>
      </c>
      <c r="AK22961">
        <v>80</v>
      </c>
      <c r="AL22961">
        <v>81</v>
      </c>
      <c r="AM22961">
        <v>82</v>
      </c>
      <c r="AN22961">
        <v>84</v>
      </c>
      <c r="AO22961">
        <v>85</v>
      </c>
      <c r="AP22961">
        <v>86</v>
      </c>
      <c r="AQ22961">
        <v>88</v>
      </c>
    </row>
    <row r="22962" spans="1:43">
      <c r="A22962" t="s">
        <v>14227</v>
      </c>
      <c r="B22962" t="s">
        <v>14228</v>
      </c>
      <c r="C22962" t="s">
        <v>14195</v>
      </c>
      <c r="D22962" t="s">
        <v>14196</v>
      </c>
      <c r="E22962" t="s">
        <v>14167</v>
      </c>
      <c r="F22962" t="s">
        <v>14168</v>
      </c>
      <c r="G22962" t="s">
        <v>10734</v>
      </c>
      <c r="H22962" t="s">
        <v>10735</v>
      </c>
      <c r="I22962" s="2">
        <v>0</v>
      </c>
      <c r="J22962" s="2">
        <v>0</v>
      </c>
      <c r="K22962" s="2">
        <v>1</v>
      </c>
      <c r="L22962" t="s">
        <v>995</v>
      </c>
      <c r="M22962" t="s">
        <v>83</v>
      </c>
      <c r="N22962" t="s">
        <v>84</v>
      </c>
      <c r="O22962" t="s">
        <v>85</v>
      </c>
      <c r="P22962" t="s">
        <v>86</v>
      </c>
      <c r="Q22962">
        <v>14</v>
      </c>
      <c r="R22962">
        <v>15</v>
      </c>
      <c r="S22962">
        <v>15</v>
      </c>
      <c r="T22962">
        <v>16</v>
      </c>
      <c r="U22962">
        <v>16</v>
      </c>
      <c r="V22962">
        <v>17</v>
      </c>
      <c r="W22962">
        <v>17</v>
      </c>
      <c r="X22962">
        <v>18</v>
      </c>
      <c r="Y22962">
        <v>18</v>
      </c>
      <c r="Z22962">
        <v>19</v>
      </c>
      <c r="AA22962">
        <v>19</v>
      </c>
      <c r="AB22962">
        <v>20</v>
      </c>
      <c r="AC22962">
        <v>20</v>
      </c>
      <c r="AD22962">
        <v>21</v>
      </c>
      <c r="AE22962">
        <v>21</v>
      </c>
      <c r="AF22962">
        <v>22</v>
      </c>
      <c r="AG22962">
        <v>22</v>
      </c>
      <c r="AH22962">
        <v>23</v>
      </c>
      <c r="AI22962">
        <v>23</v>
      </c>
      <c r="AJ22962">
        <v>24</v>
      </c>
      <c r="AK22962">
        <v>25</v>
      </c>
      <c r="AL22962">
        <v>25</v>
      </c>
      <c r="AM22962">
        <v>26</v>
      </c>
      <c r="AN22962">
        <v>26</v>
      </c>
      <c r="AO22962">
        <v>26</v>
      </c>
      <c r="AP22962">
        <v>27</v>
      </c>
      <c r="AQ22962">
        <v>27</v>
      </c>
    </row>
    <row r="22963" spans="1:43">
      <c r="A22963" t="s">
        <v>14227</v>
      </c>
      <c r="B22963" t="s">
        <v>14228</v>
      </c>
      <c r="C22963" t="s">
        <v>14195</v>
      </c>
      <c r="D22963" t="s">
        <v>14196</v>
      </c>
      <c r="E22963" t="s">
        <v>14167</v>
      </c>
      <c r="F22963" t="s">
        <v>14168</v>
      </c>
      <c r="G22963" t="s">
        <v>10734</v>
      </c>
      <c r="H22963" t="s">
        <v>10735</v>
      </c>
      <c r="I22963" s="2">
        <v>0</v>
      </c>
      <c r="J22963" s="2">
        <v>0</v>
      </c>
      <c r="K22963" s="2">
        <v>1</v>
      </c>
      <c r="L22963" t="s">
        <v>995</v>
      </c>
      <c r="M22963" t="s">
        <v>87</v>
      </c>
      <c r="N22963" t="s">
        <v>88</v>
      </c>
      <c r="O22963" t="s">
        <v>85</v>
      </c>
      <c r="P22963" t="s">
        <v>86</v>
      </c>
      <c r="Q22963">
        <v>14</v>
      </c>
      <c r="R22963">
        <v>15</v>
      </c>
      <c r="S22963">
        <v>15</v>
      </c>
      <c r="T22963">
        <v>15</v>
      </c>
      <c r="U22963">
        <v>15</v>
      </c>
      <c r="V22963">
        <v>16</v>
      </c>
      <c r="W22963">
        <v>16</v>
      </c>
      <c r="X22963">
        <v>16</v>
      </c>
      <c r="Y22963">
        <v>17</v>
      </c>
      <c r="Z22963">
        <v>17</v>
      </c>
      <c r="AA22963">
        <v>17</v>
      </c>
      <c r="AB22963">
        <v>18</v>
      </c>
      <c r="AC22963">
        <v>18</v>
      </c>
      <c r="AD22963">
        <v>18</v>
      </c>
      <c r="AE22963">
        <v>19</v>
      </c>
      <c r="AF22963">
        <v>19</v>
      </c>
      <c r="AG22963">
        <v>20</v>
      </c>
      <c r="AH22963">
        <v>20</v>
      </c>
      <c r="AI22963">
        <v>20</v>
      </c>
      <c r="AJ22963">
        <v>21</v>
      </c>
      <c r="AK22963">
        <v>21</v>
      </c>
      <c r="AL22963">
        <v>21</v>
      </c>
      <c r="AM22963">
        <v>22</v>
      </c>
      <c r="AN22963">
        <v>22</v>
      </c>
      <c r="AO22963">
        <v>23</v>
      </c>
      <c r="AP22963">
        <v>23</v>
      </c>
      <c r="AQ22963">
        <v>24</v>
      </c>
    </row>
    <row r="22964" spans="1:43">
      <c r="A22964" t="s">
        <v>14227</v>
      </c>
      <c r="B22964" t="s">
        <v>14228</v>
      </c>
      <c r="C22964" t="s">
        <v>14195</v>
      </c>
      <c r="D22964" t="s">
        <v>14196</v>
      </c>
      <c r="E22964" t="s">
        <v>14167</v>
      </c>
      <c r="F22964" t="s">
        <v>14168</v>
      </c>
      <c r="G22964" t="s">
        <v>10734</v>
      </c>
      <c r="H22964" t="s">
        <v>10735</v>
      </c>
      <c r="I22964" s="2">
        <v>0</v>
      </c>
      <c r="J22964" s="2">
        <v>0</v>
      </c>
      <c r="K22964" s="2">
        <v>1</v>
      </c>
      <c r="L22964" t="s">
        <v>995</v>
      </c>
      <c r="M22964" t="s">
        <v>89</v>
      </c>
      <c r="N22964" t="s">
        <v>90</v>
      </c>
      <c r="O22964" t="s">
        <v>85</v>
      </c>
      <c r="P22964" t="s">
        <v>86</v>
      </c>
      <c r="Q22964">
        <v>14</v>
      </c>
      <c r="R22964">
        <v>14</v>
      </c>
      <c r="S22964">
        <v>15</v>
      </c>
      <c r="T22964">
        <v>15</v>
      </c>
      <c r="U22964">
        <v>16</v>
      </c>
      <c r="V22964">
        <v>16</v>
      </c>
      <c r="W22964">
        <v>17</v>
      </c>
      <c r="X22964">
        <v>18</v>
      </c>
      <c r="Y22964">
        <v>18</v>
      </c>
      <c r="Z22964">
        <v>19</v>
      </c>
      <c r="AA22964">
        <v>19</v>
      </c>
      <c r="AB22964">
        <v>20</v>
      </c>
      <c r="AC22964">
        <v>21</v>
      </c>
      <c r="AD22964">
        <v>21</v>
      </c>
      <c r="AE22964">
        <v>22</v>
      </c>
      <c r="AF22964">
        <v>22</v>
      </c>
      <c r="AG22964">
        <v>22</v>
      </c>
      <c r="AH22964">
        <v>23</v>
      </c>
      <c r="AI22964">
        <v>23</v>
      </c>
      <c r="AJ22964">
        <v>24</v>
      </c>
      <c r="AK22964">
        <v>24</v>
      </c>
      <c r="AL22964">
        <v>24</v>
      </c>
      <c r="AM22964">
        <v>25</v>
      </c>
      <c r="AN22964">
        <v>25</v>
      </c>
      <c r="AO22964">
        <v>26</v>
      </c>
      <c r="AP22964">
        <v>26</v>
      </c>
      <c r="AQ22964">
        <v>26</v>
      </c>
    </row>
    <row r="22965" spans="1:43">
      <c r="A22965" t="s">
        <v>14227</v>
      </c>
      <c r="B22965" t="s">
        <v>14228</v>
      </c>
      <c r="C22965" t="s">
        <v>14195</v>
      </c>
      <c r="D22965" t="s">
        <v>14196</v>
      </c>
      <c r="E22965" t="s">
        <v>14167</v>
      </c>
      <c r="F22965" t="s">
        <v>14168</v>
      </c>
      <c r="G22965" t="s">
        <v>10734</v>
      </c>
      <c r="H22965" t="s">
        <v>10735</v>
      </c>
      <c r="I22965" s="2">
        <v>0</v>
      </c>
      <c r="J22965" s="2">
        <v>0</v>
      </c>
      <c r="K22965" s="2">
        <v>1</v>
      </c>
      <c r="L22965" t="s">
        <v>995</v>
      </c>
      <c r="M22965" t="s">
        <v>83</v>
      </c>
      <c r="N22965" t="s">
        <v>91</v>
      </c>
      <c r="O22965" t="s">
        <v>85</v>
      </c>
      <c r="P22965" t="s">
        <v>86</v>
      </c>
      <c r="Q22965">
        <v>14</v>
      </c>
      <c r="R22965">
        <v>15</v>
      </c>
      <c r="S22965">
        <v>15</v>
      </c>
      <c r="T22965">
        <v>16</v>
      </c>
      <c r="U22965">
        <v>16</v>
      </c>
      <c r="V22965">
        <v>17</v>
      </c>
      <c r="W22965">
        <v>17</v>
      </c>
      <c r="X22965">
        <v>18</v>
      </c>
      <c r="Y22965">
        <v>18</v>
      </c>
      <c r="Z22965">
        <v>19</v>
      </c>
      <c r="AA22965">
        <v>19</v>
      </c>
      <c r="AB22965">
        <v>20</v>
      </c>
      <c r="AC22965">
        <v>20</v>
      </c>
      <c r="AD22965">
        <v>21</v>
      </c>
      <c r="AE22965">
        <v>21</v>
      </c>
      <c r="AF22965">
        <v>22</v>
      </c>
      <c r="AG22965">
        <v>22</v>
      </c>
      <c r="AH22965">
        <v>23</v>
      </c>
      <c r="AI22965">
        <v>23</v>
      </c>
      <c r="AJ22965">
        <v>24</v>
      </c>
      <c r="AK22965">
        <v>25</v>
      </c>
      <c r="AL22965">
        <v>25</v>
      </c>
      <c r="AM22965">
        <v>26</v>
      </c>
      <c r="AN22965">
        <v>26</v>
      </c>
      <c r="AO22965">
        <v>26</v>
      </c>
      <c r="AP22965">
        <v>27</v>
      </c>
      <c r="AQ22965">
        <v>27</v>
      </c>
    </row>
    <row r="22966" spans="1:43">
      <c r="A22966" t="s">
        <v>14229</v>
      </c>
      <c r="B22966" t="s">
        <v>14230</v>
      </c>
      <c r="C22966" t="s">
        <v>14195</v>
      </c>
      <c r="D22966" t="s">
        <v>14196</v>
      </c>
      <c r="E22966" t="s">
        <v>14167</v>
      </c>
      <c r="F22966" t="s">
        <v>14168</v>
      </c>
      <c r="G22966" t="s">
        <v>10734</v>
      </c>
      <c r="H22966" t="s">
        <v>10735</v>
      </c>
      <c r="I22966" s="2">
        <v>0</v>
      </c>
      <c r="J22966" s="2">
        <v>0</v>
      </c>
      <c r="K22966" s="2">
        <v>1</v>
      </c>
      <c r="L22966" t="s">
        <v>995</v>
      </c>
      <c r="M22966" t="s">
        <v>83</v>
      </c>
      <c r="N22966" t="s">
        <v>84</v>
      </c>
      <c r="O22966" t="s">
        <v>85</v>
      </c>
      <c r="P22966" t="s">
        <v>86</v>
      </c>
      <c r="Q22966">
        <v>29</v>
      </c>
      <c r="R22966">
        <v>30</v>
      </c>
      <c r="S22966">
        <v>31</v>
      </c>
      <c r="T22966">
        <v>32</v>
      </c>
      <c r="U22966">
        <v>33</v>
      </c>
      <c r="V22966">
        <v>33</v>
      </c>
      <c r="W22966">
        <v>34</v>
      </c>
      <c r="X22966">
        <v>35</v>
      </c>
      <c r="Y22966">
        <v>36</v>
      </c>
      <c r="Z22966">
        <v>37</v>
      </c>
      <c r="AA22966">
        <v>38</v>
      </c>
      <c r="AB22966">
        <v>39</v>
      </c>
      <c r="AC22966">
        <v>40</v>
      </c>
      <c r="AD22966">
        <v>41</v>
      </c>
      <c r="AE22966">
        <v>42</v>
      </c>
      <c r="AF22966">
        <v>44</v>
      </c>
      <c r="AG22966">
        <v>45</v>
      </c>
      <c r="AH22966">
        <v>46</v>
      </c>
      <c r="AI22966">
        <v>47</v>
      </c>
      <c r="AJ22966">
        <v>48</v>
      </c>
      <c r="AK22966">
        <v>49</v>
      </c>
      <c r="AL22966">
        <v>50</v>
      </c>
      <c r="AM22966">
        <v>51</v>
      </c>
      <c r="AN22966">
        <v>52</v>
      </c>
      <c r="AO22966">
        <v>53</v>
      </c>
      <c r="AP22966">
        <v>54</v>
      </c>
      <c r="AQ22966">
        <v>54</v>
      </c>
    </row>
    <row r="22967" spans="1:43">
      <c r="A22967" t="s">
        <v>14229</v>
      </c>
      <c r="B22967" t="s">
        <v>14230</v>
      </c>
      <c r="C22967" t="s">
        <v>14195</v>
      </c>
      <c r="D22967" t="s">
        <v>14196</v>
      </c>
      <c r="E22967" t="s">
        <v>14167</v>
      </c>
      <c r="F22967" t="s">
        <v>14168</v>
      </c>
      <c r="G22967" t="s">
        <v>10734</v>
      </c>
      <c r="H22967" t="s">
        <v>10735</v>
      </c>
      <c r="I22967" s="2">
        <v>0</v>
      </c>
      <c r="J22967" s="2">
        <v>0</v>
      </c>
      <c r="K22967" s="2">
        <v>1</v>
      </c>
      <c r="L22967" t="s">
        <v>995</v>
      </c>
      <c r="M22967" t="s">
        <v>87</v>
      </c>
      <c r="N22967" t="s">
        <v>88</v>
      </c>
      <c r="O22967" t="s">
        <v>85</v>
      </c>
      <c r="P22967" t="s">
        <v>86</v>
      </c>
      <c r="Q22967">
        <v>29</v>
      </c>
      <c r="R22967">
        <v>29</v>
      </c>
      <c r="S22967">
        <v>30</v>
      </c>
      <c r="T22967">
        <v>30</v>
      </c>
      <c r="U22967">
        <v>31</v>
      </c>
      <c r="V22967">
        <v>32</v>
      </c>
      <c r="W22967">
        <v>32</v>
      </c>
      <c r="X22967">
        <v>33</v>
      </c>
      <c r="Y22967">
        <v>34</v>
      </c>
      <c r="Z22967">
        <v>34</v>
      </c>
      <c r="AA22967">
        <v>35</v>
      </c>
      <c r="AB22967">
        <v>36</v>
      </c>
      <c r="AC22967">
        <v>36</v>
      </c>
      <c r="AD22967">
        <v>37</v>
      </c>
      <c r="AE22967">
        <v>38</v>
      </c>
      <c r="AF22967">
        <v>38</v>
      </c>
      <c r="AG22967">
        <v>39</v>
      </c>
      <c r="AH22967">
        <v>40</v>
      </c>
      <c r="AI22967">
        <v>41</v>
      </c>
      <c r="AJ22967">
        <v>41</v>
      </c>
      <c r="AK22967">
        <v>42</v>
      </c>
      <c r="AL22967">
        <v>43</v>
      </c>
      <c r="AM22967">
        <v>44</v>
      </c>
      <c r="AN22967">
        <v>45</v>
      </c>
      <c r="AO22967">
        <v>46</v>
      </c>
      <c r="AP22967">
        <v>46</v>
      </c>
      <c r="AQ22967">
        <v>47</v>
      </c>
    </row>
    <row r="22968" spans="1:43">
      <c r="A22968" t="s">
        <v>14229</v>
      </c>
      <c r="B22968" t="s">
        <v>14230</v>
      </c>
      <c r="C22968" t="s">
        <v>14195</v>
      </c>
      <c r="D22968" t="s">
        <v>14196</v>
      </c>
      <c r="E22968" t="s">
        <v>14167</v>
      </c>
      <c r="F22968" t="s">
        <v>14168</v>
      </c>
      <c r="G22968" t="s">
        <v>10734</v>
      </c>
      <c r="H22968" t="s">
        <v>10735</v>
      </c>
      <c r="I22968" s="2">
        <v>0</v>
      </c>
      <c r="J22968" s="2">
        <v>0</v>
      </c>
      <c r="K22968" s="2">
        <v>1</v>
      </c>
      <c r="L22968" t="s">
        <v>995</v>
      </c>
      <c r="M22968" t="s">
        <v>89</v>
      </c>
      <c r="N22968" t="s">
        <v>90</v>
      </c>
      <c r="O22968" t="s">
        <v>85</v>
      </c>
      <c r="P22968" t="s">
        <v>86</v>
      </c>
      <c r="Q22968">
        <v>29</v>
      </c>
      <c r="R22968">
        <v>30</v>
      </c>
      <c r="S22968">
        <v>32</v>
      </c>
      <c r="T22968">
        <v>33</v>
      </c>
      <c r="U22968">
        <v>34</v>
      </c>
      <c r="V22968">
        <v>35</v>
      </c>
      <c r="W22968">
        <v>36</v>
      </c>
      <c r="X22968">
        <v>37</v>
      </c>
      <c r="Y22968">
        <v>38</v>
      </c>
      <c r="Z22968">
        <v>40</v>
      </c>
      <c r="AA22968">
        <v>41</v>
      </c>
      <c r="AB22968">
        <v>42</v>
      </c>
      <c r="AC22968">
        <v>43</v>
      </c>
      <c r="AD22968">
        <v>44</v>
      </c>
      <c r="AE22968">
        <v>45</v>
      </c>
      <c r="AF22968">
        <v>46</v>
      </c>
      <c r="AG22968">
        <v>47</v>
      </c>
      <c r="AH22968">
        <v>48</v>
      </c>
      <c r="AI22968">
        <v>48</v>
      </c>
      <c r="AJ22968">
        <v>49</v>
      </c>
      <c r="AK22968">
        <v>50</v>
      </c>
      <c r="AL22968">
        <v>51</v>
      </c>
      <c r="AM22968">
        <v>52</v>
      </c>
      <c r="AN22968">
        <v>52</v>
      </c>
      <c r="AO22968">
        <v>53</v>
      </c>
      <c r="AP22968">
        <v>54</v>
      </c>
      <c r="AQ22968">
        <v>55</v>
      </c>
    </row>
    <row r="22969" spans="1:43">
      <c r="A22969" t="s">
        <v>14229</v>
      </c>
      <c r="B22969" t="s">
        <v>14230</v>
      </c>
      <c r="C22969" t="s">
        <v>14195</v>
      </c>
      <c r="D22969" t="s">
        <v>14196</v>
      </c>
      <c r="E22969" t="s">
        <v>14167</v>
      </c>
      <c r="F22969" t="s">
        <v>14168</v>
      </c>
      <c r="G22969" t="s">
        <v>10734</v>
      </c>
      <c r="H22969" t="s">
        <v>10735</v>
      </c>
      <c r="I22969" s="2">
        <v>0</v>
      </c>
      <c r="J22969" s="2">
        <v>0</v>
      </c>
      <c r="K22969" s="2">
        <v>1</v>
      </c>
      <c r="L22969" t="s">
        <v>995</v>
      </c>
      <c r="M22969" t="s">
        <v>83</v>
      </c>
      <c r="N22969" t="s">
        <v>91</v>
      </c>
      <c r="O22969" t="s">
        <v>85</v>
      </c>
      <c r="P22969" t="s">
        <v>86</v>
      </c>
      <c r="Q22969">
        <v>29</v>
      </c>
      <c r="R22969">
        <v>30</v>
      </c>
      <c r="S22969">
        <v>31</v>
      </c>
      <c r="T22969">
        <v>32</v>
      </c>
      <c r="U22969">
        <v>33</v>
      </c>
      <c r="V22969">
        <v>33</v>
      </c>
      <c r="W22969">
        <v>34</v>
      </c>
      <c r="X22969">
        <v>35</v>
      </c>
      <c r="Y22969">
        <v>36</v>
      </c>
      <c r="Z22969">
        <v>37</v>
      </c>
      <c r="AA22969">
        <v>38</v>
      </c>
      <c r="AB22969">
        <v>39</v>
      </c>
      <c r="AC22969">
        <v>40</v>
      </c>
      <c r="AD22969">
        <v>41</v>
      </c>
      <c r="AE22969">
        <v>42</v>
      </c>
      <c r="AF22969">
        <v>44</v>
      </c>
      <c r="AG22969">
        <v>45</v>
      </c>
      <c r="AH22969">
        <v>46</v>
      </c>
      <c r="AI22969">
        <v>47</v>
      </c>
      <c r="AJ22969">
        <v>48</v>
      </c>
      <c r="AK22969">
        <v>49</v>
      </c>
      <c r="AL22969">
        <v>50</v>
      </c>
      <c r="AM22969">
        <v>51</v>
      </c>
      <c r="AN22969">
        <v>52</v>
      </c>
      <c r="AO22969">
        <v>53</v>
      </c>
      <c r="AP22969">
        <v>54</v>
      </c>
      <c r="AQ22969">
        <v>54</v>
      </c>
    </row>
    <row r="22970" spans="1:43">
      <c r="A22970" t="s">
        <v>14231</v>
      </c>
      <c r="B22970" t="s">
        <v>14232</v>
      </c>
      <c r="C22970" t="s">
        <v>14175</v>
      </c>
      <c r="D22970" t="s">
        <v>14176</v>
      </c>
      <c r="E22970" t="s">
        <v>14167</v>
      </c>
      <c r="F22970" t="s">
        <v>14168</v>
      </c>
      <c r="G22970" t="s">
        <v>10734</v>
      </c>
      <c r="H22970" t="s">
        <v>10735</v>
      </c>
      <c r="I22970" s="2">
        <v>0</v>
      </c>
      <c r="J22970" s="2">
        <v>0</v>
      </c>
      <c r="K22970" s="2">
        <v>1</v>
      </c>
      <c r="L22970" t="s">
        <v>995</v>
      </c>
      <c r="M22970" t="s">
        <v>83</v>
      </c>
      <c r="N22970" t="s">
        <v>84</v>
      </c>
      <c r="O22970" t="s">
        <v>85</v>
      </c>
      <c r="P22970" t="s">
        <v>86</v>
      </c>
      <c r="Q22970">
        <v>39</v>
      </c>
      <c r="R22970">
        <v>40</v>
      </c>
      <c r="S22970">
        <v>41</v>
      </c>
      <c r="T22970">
        <v>42</v>
      </c>
      <c r="U22970">
        <v>43</v>
      </c>
      <c r="V22970">
        <v>44</v>
      </c>
      <c r="W22970">
        <v>46</v>
      </c>
      <c r="X22970">
        <v>47</v>
      </c>
      <c r="Y22970">
        <v>48</v>
      </c>
      <c r="Z22970">
        <v>49</v>
      </c>
      <c r="AA22970">
        <v>51</v>
      </c>
      <c r="AB22970">
        <v>52</v>
      </c>
      <c r="AC22970">
        <v>54</v>
      </c>
      <c r="AD22970">
        <v>55</v>
      </c>
      <c r="AE22970">
        <v>56</v>
      </c>
      <c r="AF22970">
        <v>58</v>
      </c>
      <c r="AG22970">
        <v>59</v>
      </c>
      <c r="AH22970">
        <v>61</v>
      </c>
      <c r="AI22970">
        <v>62</v>
      </c>
      <c r="AJ22970">
        <v>64</v>
      </c>
      <c r="AK22970">
        <v>66</v>
      </c>
      <c r="AL22970">
        <v>67</v>
      </c>
      <c r="AM22970">
        <v>68</v>
      </c>
      <c r="AN22970">
        <v>69</v>
      </c>
      <c r="AO22970">
        <v>70</v>
      </c>
      <c r="AP22970">
        <v>71</v>
      </c>
      <c r="AQ22970">
        <v>72</v>
      </c>
    </row>
    <row r="22971" spans="1:43">
      <c r="A22971" t="s">
        <v>14231</v>
      </c>
      <c r="B22971" t="s">
        <v>14232</v>
      </c>
      <c r="C22971" t="s">
        <v>14175</v>
      </c>
      <c r="D22971" t="s">
        <v>14176</v>
      </c>
      <c r="E22971" t="s">
        <v>14167</v>
      </c>
      <c r="F22971" t="s">
        <v>14168</v>
      </c>
      <c r="G22971" t="s">
        <v>10734</v>
      </c>
      <c r="H22971" t="s">
        <v>10735</v>
      </c>
      <c r="I22971" s="2">
        <v>0</v>
      </c>
      <c r="J22971" s="2">
        <v>0</v>
      </c>
      <c r="K22971" s="2">
        <v>1</v>
      </c>
      <c r="L22971" t="s">
        <v>995</v>
      </c>
      <c r="M22971" t="s">
        <v>87</v>
      </c>
      <c r="N22971" t="s">
        <v>88</v>
      </c>
      <c r="O22971" t="s">
        <v>85</v>
      </c>
      <c r="P22971" t="s">
        <v>86</v>
      </c>
      <c r="Q22971">
        <v>39</v>
      </c>
      <c r="R22971">
        <v>40</v>
      </c>
      <c r="S22971">
        <v>41</v>
      </c>
      <c r="T22971">
        <v>41</v>
      </c>
      <c r="U22971">
        <v>42</v>
      </c>
      <c r="V22971">
        <v>43</v>
      </c>
      <c r="W22971">
        <v>44</v>
      </c>
      <c r="X22971">
        <v>45</v>
      </c>
      <c r="Y22971">
        <v>46</v>
      </c>
      <c r="Z22971">
        <v>46</v>
      </c>
      <c r="AA22971">
        <v>47</v>
      </c>
      <c r="AB22971">
        <v>48</v>
      </c>
      <c r="AC22971">
        <v>49</v>
      </c>
      <c r="AD22971">
        <v>50</v>
      </c>
      <c r="AE22971">
        <v>51</v>
      </c>
      <c r="AF22971">
        <v>52</v>
      </c>
      <c r="AG22971">
        <v>53</v>
      </c>
      <c r="AH22971">
        <v>54</v>
      </c>
      <c r="AI22971">
        <v>55</v>
      </c>
      <c r="AJ22971">
        <v>56</v>
      </c>
      <c r="AK22971">
        <v>57</v>
      </c>
      <c r="AL22971">
        <v>58</v>
      </c>
      <c r="AM22971">
        <v>59</v>
      </c>
      <c r="AN22971">
        <v>60</v>
      </c>
      <c r="AO22971">
        <v>62</v>
      </c>
      <c r="AP22971">
        <v>63</v>
      </c>
      <c r="AQ22971">
        <v>64</v>
      </c>
    </row>
    <row r="22972" spans="1:43">
      <c r="A22972" t="s">
        <v>14231</v>
      </c>
      <c r="B22972" t="s">
        <v>14232</v>
      </c>
      <c r="C22972" t="s">
        <v>14175</v>
      </c>
      <c r="D22972" t="s">
        <v>14176</v>
      </c>
      <c r="E22972" t="s">
        <v>14167</v>
      </c>
      <c r="F22972" t="s">
        <v>14168</v>
      </c>
      <c r="G22972" t="s">
        <v>10734</v>
      </c>
      <c r="H22972" t="s">
        <v>10735</v>
      </c>
      <c r="I22972" s="2">
        <v>0</v>
      </c>
      <c r="J22972" s="2">
        <v>0</v>
      </c>
      <c r="K22972" s="2">
        <v>1</v>
      </c>
      <c r="L22972" t="s">
        <v>995</v>
      </c>
      <c r="M22972" t="s">
        <v>89</v>
      </c>
      <c r="N22972" t="s">
        <v>90</v>
      </c>
      <c r="O22972" t="s">
        <v>85</v>
      </c>
      <c r="P22972" t="s">
        <v>86</v>
      </c>
      <c r="Q22972">
        <v>39</v>
      </c>
      <c r="R22972">
        <v>40</v>
      </c>
      <c r="S22972">
        <v>42</v>
      </c>
      <c r="T22972">
        <v>43</v>
      </c>
      <c r="U22972">
        <v>45</v>
      </c>
      <c r="V22972">
        <v>46</v>
      </c>
      <c r="W22972">
        <v>48</v>
      </c>
      <c r="X22972">
        <v>49</v>
      </c>
      <c r="Y22972">
        <v>51</v>
      </c>
      <c r="Z22972">
        <v>53</v>
      </c>
      <c r="AA22972">
        <v>54</v>
      </c>
      <c r="AB22972">
        <v>56</v>
      </c>
      <c r="AC22972">
        <v>57</v>
      </c>
      <c r="AD22972">
        <v>59</v>
      </c>
      <c r="AE22972">
        <v>60</v>
      </c>
      <c r="AF22972">
        <v>61</v>
      </c>
      <c r="AG22972">
        <v>62</v>
      </c>
      <c r="AH22972">
        <v>63</v>
      </c>
      <c r="AI22972">
        <v>64</v>
      </c>
      <c r="AJ22972">
        <v>65</v>
      </c>
      <c r="AK22972">
        <v>66</v>
      </c>
      <c r="AL22972">
        <v>68</v>
      </c>
      <c r="AM22972">
        <v>69</v>
      </c>
      <c r="AN22972">
        <v>70</v>
      </c>
      <c r="AO22972">
        <v>71</v>
      </c>
      <c r="AP22972">
        <v>72</v>
      </c>
      <c r="AQ22972">
        <v>73</v>
      </c>
    </row>
    <row r="22973" spans="1:43">
      <c r="A22973" t="s">
        <v>14231</v>
      </c>
      <c r="B22973" t="s">
        <v>14232</v>
      </c>
      <c r="C22973" t="s">
        <v>14175</v>
      </c>
      <c r="D22973" t="s">
        <v>14176</v>
      </c>
      <c r="E22973" t="s">
        <v>14167</v>
      </c>
      <c r="F22973" t="s">
        <v>14168</v>
      </c>
      <c r="G22973" t="s">
        <v>10734</v>
      </c>
      <c r="H22973" t="s">
        <v>10735</v>
      </c>
      <c r="I22973" s="2">
        <v>0</v>
      </c>
      <c r="J22973" s="2">
        <v>0</v>
      </c>
      <c r="K22973" s="2">
        <v>1</v>
      </c>
      <c r="L22973" t="s">
        <v>995</v>
      </c>
      <c r="M22973" t="s">
        <v>83</v>
      </c>
      <c r="N22973" t="s">
        <v>91</v>
      </c>
      <c r="O22973" t="s">
        <v>85</v>
      </c>
      <c r="P22973" t="s">
        <v>86</v>
      </c>
      <c r="Q22973">
        <v>39</v>
      </c>
      <c r="R22973">
        <v>40</v>
      </c>
      <c r="S22973">
        <v>41</v>
      </c>
      <c r="T22973">
        <v>42</v>
      </c>
      <c r="U22973">
        <v>43</v>
      </c>
      <c r="V22973">
        <v>44</v>
      </c>
      <c r="W22973">
        <v>46</v>
      </c>
      <c r="X22973">
        <v>47</v>
      </c>
      <c r="Y22973">
        <v>48</v>
      </c>
      <c r="Z22973">
        <v>49</v>
      </c>
      <c r="AA22973">
        <v>51</v>
      </c>
      <c r="AB22973">
        <v>52</v>
      </c>
      <c r="AC22973">
        <v>54</v>
      </c>
      <c r="AD22973">
        <v>55</v>
      </c>
      <c r="AE22973">
        <v>56</v>
      </c>
      <c r="AF22973">
        <v>58</v>
      </c>
      <c r="AG22973">
        <v>59</v>
      </c>
      <c r="AH22973">
        <v>61</v>
      </c>
      <c r="AI22973">
        <v>62</v>
      </c>
      <c r="AJ22973">
        <v>64</v>
      </c>
      <c r="AK22973">
        <v>66</v>
      </c>
      <c r="AL22973">
        <v>67</v>
      </c>
      <c r="AM22973">
        <v>68</v>
      </c>
      <c r="AN22973">
        <v>69</v>
      </c>
      <c r="AO22973">
        <v>70</v>
      </c>
      <c r="AP22973">
        <v>71</v>
      </c>
      <c r="AQ22973">
        <v>72</v>
      </c>
    </row>
    <row r="22974" spans="1:43">
      <c r="A22974" t="s">
        <v>14233</v>
      </c>
      <c r="B22974" t="s">
        <v>14234</v>
      </c>
      <c r="C22974" t="s">
        <v>14175</v>
      </c>
      <c r="D22974" t="s">
        <v>14176</v>
      </c>
      <c r="E22974" t="s">
        <v>14167</v>
      </c>
      <c r="F22974" t="s">
        <v>14168</v>
      </c>
      <c r="G22974" t="s">
        <v>10734</v>
      </c>
      <c r="H22974" t="s">
        <v>10735</v>
      </c>
      <c r="I22974" s="2">
        <v>0</v>
      </c>
      <c r="J22974" s="2">
        <v>0</v>
      </c>
      <c r="K22974" s="2">
        <v>1</v>
      </c>
      <c r="L22974" t="s">
        <v>995</v>
      </c>
      <c r="M22974" t="s">
        <v>83</v>
      </c>
      <c r="N22974" t="s">
        <v>84</v>
      </c>
      <c r="O22974" t="s">
        <v>85</v>
      </c>
      <c r="P22974" t="s">
        <v>86</v>
      </c>
      <c r="Q22974">
        <v>36</v>
      </c>
      <c r="R22974">
        <v>37</v>
      </c>
      <c r="S22974">
        <v>38</v>
      </c>
      <c r="T22974">
        <v>39</v>
      </c>
      <c r="U22974">
        <v>40</v>
      </c>
      <c r="V22974">
        <v>42</v>
      </c>
      <c r="W22974">
        <v>43</v>
      </c>
      <c r="X22974">
        <v>44</v>
      </c>
      <c r="Y22974">
        <v>45</v>
      </c>
      <c r="Z22974">
        <v>46</v>
      </c>
      <c r="AA22974">
        <v>48</v>
      </c>
      <c r="AB22974">
        <v>49</v>
      </c>
      <c r="AC22974">
        <v>50</v>
      </c>
      <c r="AD22974">
        <v>52</v>
      </c>
      <c r="AE22974">
        <v>53</v>
      </c>
      <c r="AF22974">
        <v>54</v>
      </c>
      <c r="AG22974">
        <v>56</v>
      </c>
      <c r="AH22974">
        <v>57</v>
      </c>
      <c r="AI22974">
        <v>59</v>
      </c>
      <c r="AJ22974">
        <v>60</v>
      </c>
      <c r="AK22974">
        <v>62</v>
      </c>
      <c r="AL22974">
        <v>63</v>
      </c>
      <c r="AM22974">
        <v>64</v>
      </c>
      <c r="AN22974">
        <v>65</v>
      </c>
      <c r="AO22974">
        <v>66</v>
      </c>
      <c r="AP22974">
        <v>67</v>
      </c>
      <c r="AQ22974">
        <v>68</v>
      </c>
    </row>
    <row r="22975" spans="1:43">
      <c r="A22975" t="s">
        <v>14233</v>
      </c>
      <c r="B22975" t="s">
        <v>14234</v>
      </c>
      <c r="C22975" t="s">
        <v>14175</v>
      </c>
      <c r="D22975" t="s">
        <v>14176</v>
      </c>
      <c r="E22975" t="s">
        <v>14167</v>
      </c>
      <c r="F22975" t="s">
        <v>14168</v>
      </c>
      <c r="G22975" t="s">
        <v>10734</v>
      </c>
      <c r="H22975" t="s">
        <v>10735</v>
      </c>
      <c r="I22975" s="2">
        <v>0</v>
      </c>
      <c r="J22975" s="2">
        <v>0</v>
      </c>
      <c r="K22975" s="2">
        <v>1</v>
      </c>
      <c r="L22975" t="s">
        <v>995</v>
      </c>
      <c r="M22975" t="s">
        <v>87</v>
      </c>
      <c r="N22975" t="s">
        <v>88</v>
      </c>
      <c r="O22975" t="s">
        <v>85</v>
      </c>
      <c r="P22975" t="s">
        <v>86</v>
      </c>
      <c r="Q22975">
        <v>36</v>
      </c>
      <c r="R22975">
        <v>37</v>
      </c>
      <c r="S22975">
        <v>37</v>
      </c>
      <c r="T22975">
        <v>38</v>
      </c>
      <c r="U22975">
        <v>39</v>
      </c>
      <c r="V22975">
        <v>39</v>
      </c>
      <c r="W22975">
        <v>40</v>
      </c>
      <c r="X22975">
        <v>41</v>
      </c>
      <c r="Y22975">
        <v>42</v>
      </c>
      <c r="Z22975">
        <v>43</v>
      </c>
      <c r="AA22975">
        <v>43</v>
      </c>
      <c r="AB22975">
        <v>44</v>
      </c>
      <c r="AC22975">
        <v>45</v>
      </c>
      <c r="AD22975">
        <v>46</v>
      </c>
      <c r="AE22975">
        <v>47</v>
      </c>
      <c r="AF22975">
        <v>48</v>
      </c>
      <c r="AG22975">
        <v>49</v>
      </c>
      <c r="AH22975">
        <v>50</v>
      </c>
      <c r="AI22975">
        <v>51</v>
      </c>
      <c r="AJ22975">
        <v>52</v>
      </c>
      <c r="AK22975">
        <v>53</v>
      </c>
      <c r="AL22975">
        <v>54</v>
      </c>
      <c r="AM22975">
        <v>55</v>
      </c>
      <c r="AN22975">
        <v>56</v>
      </c>
      <c r="AO22975">
        <v>57</v>
      </c>
      <c r="AP22975">
        <v>58</v>
      </c>
      <c r="AQ22975">
        <v>59</v>
      </c>
    </row>
    <row r="22976" spans="1:43">
      <c r="A22976" t="s">
        <v>14233</v>
      </c>
      <c r="B22976" t="s">
        <v>14234</v>
      </c>
      <c r="C22976" t="s">
        <v>14175</v>
      </c>
      <c r="D22976" t="s">
        <v>14176</v>
      </c>
      <c r="E22976" t="s">
        <v>14167</v>
      </c>
      <c r="F22976" t="s">
        <v>14168</v>
      </c>
      <c r="G22976" t="s">
        <v>10734</v>
      </c>
      <c r="H22976" t="s">
        <v>10735</v>
      </c>
      <c r="I22976" s="2">
        <v>0</v>
      </c>
      <c r="J22976" s="2">
        <v>0</v>
      </c>
      <c r="K22976" s="2">
        <v>1</v>
      </c>
      <c r="L22976" t="s">
        <v>995</v>
      </c>
      <c r="M22976" t="s">
        <v>89</v>
      </c>
      <c r="N22976" t="s">
        <v>90</v>
      </c>
      <c r="O22976" t="s">
        <v>85</v>
      </c>
      <c r="P22976" t="s">
        <v>86</v>
      </c>
      <c r="Q22976">
        <v>36</v>
      </c>
      <c r="R22976">
        <v>37</v>
      </c>
      <c r="S22976">
        <v>38</v>
      </c>
      <c r="T22976">
        <v>40</v>
      </c>
      <c r="U22976">
        <v>41</v>
      </c>
      <c r="V22976">
        <v>43</v>
      </c>
      <c r="W22976">
        <v>44</v>
      </c>
      <c r="X22976">
        <v>45</v>
      </c>
      <c r="Y22976">
        <v>47</v>
      </c>
      <c r="Z22976">
        <v>48</v>
      </c>
      <c r="AA22976">
        <v>50</v>
      </c>
      <c r="AB22976">
        <v>51</v>
      </c>
      <c r="AC22976">
        <v>53</v>
      </c>
      <c r="AD22976">
        <v>54</v>
      </c>
      <c r="AE22976">
        <v>56</v>
      </c>
      <c r="AF22976">
        <v>57</v>
      </c>
      <c r="AG22976">
        <v>58</v>
      </c>
      <c r="AH22976">
        <v>58</v>
      </c>
      <c r="AI22976">
        <v>59</v>
      </c>
      <c r="AJ22976">
        <v>60</v>
      </c>
      <c r="AK22976">
        <v>61</v>
      </c>
      <c r="AL22976">
        <v>62</v>
      </c>
      <c r="AM22976">
        <v>63</v>
      </c>
      <c r="AN22976">
        <v>64</v>
      </c>
      <c r="AO22976">
        <v>65</v>
      </c>
      <c r="AP22976">
        <v>66</v>
      </c>
      <c r="AQ22976">
        <v>68</v>
      </c>
    </row>
    <row r="22977" spans="1:43">
      <c r="A22977" t="s">
        <v>14233</v>
      </c>
      <c r="B22977" t="s">
        <v>14234</v>
      </c>
      <c r="C22977" t="s">
        <v>14175</v>
      </c>
      <c r="D22977" t="s">
        <v>14176</v>
      </c>
      <c r="E22977" t="s">
        <v>14167</v>
      </c>
      <c r="F22977" t="s">
        <v>14168</v>
      </c>
      <c r="G22977" t="s">
        <v>10734</v>
      </c>
      <c r="H22977" t="s">
        <v>10735</v>
      </c>
      <c r="I22977" s="2">
        <v>0</v>
      </c>
      <c r="J22977" s="2">
        <v>0</v>
      </c>
      <c r="K22977" s="2">
        <v>1</v>
      </c>
      <c r="L22977" t="s">
        <v>995</v>
      </c>
      <c r="M22977" t="s">
        <v>83</v>
      </c>
      <c r="N22977" t="s">
        <v>91</v>
      </c>
      <c r="O22977" t="s">
        <v>85</v>
      </c>
      <c r="P22977" t="s">
        <v>86</v>
      </c>
      <c r="Q22977">
        <v>36</v>
      </c>
      <c r="R22977">
        <v>37</v>
      </c>
      <c r="S22977">
        <v>38</v>
      </c>
      <c r="T22977">
        <v>39</v>
      </c>
      <c r="U22977">
        <v>40</v>
      </c>
      <c r="V22977">
        <v>42</v>
      </c>
      <c r="W22977">
        <v>43</v>
      </c>
      <c r="X22977">
        <v>44</v>
      </c>
      <c r="Y22977">
        <v>45</v>
      </c>
      <c r="Z22977">
        <v>46</v>
      </c>
      <c r="AA22977">
        <v>48</v>
      </c>
      <c r="AB22977">
        <v>49</v>
      </c>
      <c r="AC22977">
        <v>50</v>
      </c>
      <c r="AD22977">
        <v>52</v>
      </c>
      <c r="AE22977">
        <v>53</v>
      </c>
      <c r="AF22977">
        <v>54</v>
      </c>
      <c r="AG22977">
        <v>56</v>
      </c>
      <c r="AH22977">
        <v>57</v>
      </c>
      <c r="AI22977">
        <v>59</v>
      </c>
      <c r="AJ22977">
        <v>60</v>
      </c>
      <c r="AK22977">
        <v>62</v>
      </c>
      <c r="AL22977">
        <v>63</v>
      </c>
      <c r="AM22977">
        <v>64</v>
      </c>
      <c r="AN22977">
        <v>65</v>
      </c>
      <c r="AO22977">
        <v>66</v>
      </c>
      <c r="AP22977">
        <v>67</v>
      </c>
      <c r="AQ22977">
        <v>68</v>
      </c>
    </row>
    <row r="22978" spans="1:43">
      <c r="A22978" t="s">
        <v>14235</v>
      </c>
      <c r="B22978" t="s">
        <v>14236</v>
      </c>
      <c r="C22978" t="s">
        <v>14237</v>
      </c>
      <c r="D22978" t="s">
        <v>14238</v>
      </c>
      <c r="E22978" t="s">
        <v>14167</v>
      </c>
      <c r="F22978" t="s">
        <v>14168</v>
      </c>
      <c r="G22978" t="s">
        <v>10734</v>
      </c>
      <c r="H22978" t="s">
        <v>10735</v>
      </c>
      <c r="I22978" s="2">
        <v>0</v>
      </c>
      <c r="J22978" s="2">
        <v>0</v>
      </c>
      <c r="K22978" s="2">
        <v>1</v>
      </c>
      <c r="L22978" t="s">
        <v>995</v>
      </c>
      <c r="M22978" t="s">
        <v>83</v>
      </c>
      <c r="N22978" t="s">
        <v>84</v>
      </c>
      <c r="O22978" t="s">
        <v>85</v>
      </c>
      <c r="P22978" t="s">
        <v>86</v>
      </c>
      <c r="Q22978">
        <v>21</v>
      </c>
      <c r="R22978">
        <v>22</v>
      </c>
      <c r="S22978">
        <v>22</v>
      </c>
      <c r="T22978">
        <v>23</v>
      </c>
      <c r="U22978">
        <v>24</v>
      </c>
      <c r="V22978">
        <v>24</v>
      </c>
      <c r="W22978">
        <v>25</v>
      </c>
      <c r="X22978">
        <v>26</v>
      </c>
      <c r="Y22978">
        <v>27</v>
      </c>
      <c r="Z22978">
        <v>27</v>
      </c>
      <c r="AA22978">
        <v>28</v>
      </c>
      <c r="AB22978">
        <v>29</v>
      </c>
      <c r="AC22978">
        <v>29</v>
      </c>
      <c r="AD22978">
        <v>30</v>
      </c>
      <c r="AE22978">
        <v>31</v>
      </c>
      <c r="AF22978">
        <v>32</v>
      </c>
      <c r="AG22978">
        <v>33</v>
      </c>
      <c r="AH22978">
        <v>33</v>
      </c>
      <c r="AI22978">
        <v>34</v>
      </c>
      <c r="AJ22978">
        <v>35</v>
      </c>
      <c r="AK22978">
        <v>36</v>
      </c>
      <c r="AL22978">
        <v>37</v>
      </c>
      <c r="AM22978">
        <v>37</v>
      </c>
      <c r="AN22978">
        <v>38</v>
      </c>
      <c r="AO22978">
        <v>38</v>
      </c>
      <c r="AP22978">
        <v>39</v>
      </c>
      <c r="AQ22978">
        <v>40</v>
      </c>
    </row>
    <row r="22979" spans="1:43">
      <c r="A22979" t="s">
        <v>14235</v>
      </c>
      <c r="B22979" t="s">
        <v>14236</v>
      </c>
      <c r="C22979" t="s">
        <v>14237</v>
      </c>
      <c r="D22979" t="s">
        <v>14238</v>
      </c>
      <c r="E22979" t="s">
        <v>14167</v>
      </c>
      <c r="F22979" t="s">
        <v>14168</v>
      </c>
      <c r="G22979" t="s">
        <v>10734</v>
      </c>
      <c r="H22979" t="s">
        <v>10735</v>
      </c>
      <c r="I22979" s="2">
        <v>0</v>
      </c>
      <c r="J22979" s="2">
        <v>0</v>
      </c>
      <c r="K22979" s="2">
        <v>1</v>
      </c>
      <c r="L22979" t="s">
        <v>995</v>
      </c>
      <c r="M22979" t="s">
        <v>87</v>
      </c>
      <c r="N22979" t="s">
        <v>88</v>
      </c>
      <c r="O22979" t="s">
        <v>85</v>
      </c>
      <c r="P22979" t="s">
        <v>86</v>
      </c>
      <c r="Q22979">
        <v>21</v>
      </c>
      <c r="R22979">
        <v>21</v>
      </c>
      <c r="S22979">
        <v>22</v>
      </c>
      <c r="T22979">
        <v>22</v>
      </c>
      <c r="U22979">
        <v>23</v>
      </c>
      <c r="V22979">
        <v>23</v>
      </c>
      <c r="W22979">
        <v>24</v>
      </c>
      <c r="X22979">
        <v>24</v>
      </c>
      <c r="Y22979">
        <v>25</v>
      </c>
      <c r="Z22979">
        <v>25</v>
      </c>
      <c r="AA22979">
        <v>26</v>
      </c>
      <c r="AB22979">
        <v>26</v>
      </c>
      <c r="AC22979">
        <v>27</v>
      </c>
      <c r="AD22979">
        <v>27</v>
      </c>
      <c r="AE22979">
        <v>28</v>
      </c>
      <c r="AF22979">
        <v>28</v>
      </c>
      <c r="AG22979">
        <v>29</v>
      </c>
      <c r="AH22979">
        <v>29</v>
      </c>
      <c r="AI22979">
        <v>30</v>
      </c>
      <c r="AJ22979">
        <v>30</v>
      </c>
      <c r="AK22979">
        <v>31</v>
      </c>
      <c r="AL22979">
        <v>32</v>
      </c>
      <c r="AM22979">
        <v>32</v>
      </c>
      <c r="AN22979">
        <v>33</v>
      </c>
      <c r="AO22979">
        <v>33</v>
      </c>
      <c r="AP22979">
        <v>34</v>
      </c>
      <c r="AQ22979">
        <v>35</v>
      </c>
    </row>
    <row r="22980" spans="1:43">
      <c r="A22980" t="s">
        <v>14235</v>
      </c>
      <c r="B22980" t="s">
        <v>14236</v>
      </c>
      <c r="C22980" t="s">
        <v>14237</v>
      </c>
      <c r="D22980" t="s">
        <v>14238</v>
      </c>
      <c r="E22980" t="s">
        <v>14167</v>
      </c>
      <c r="F22980" t="s">
        <v>14168</v>
      </c>
      <c r="G22980" t="s">
        <v>10734</v>
      </c>
      <c r="H22980" t="s">
        <v>10735</v>
      </c>
      <c r="I22980" s="2">
        <v>0</v>
      </c>
      <c r="J22980" s="2">
        <v>0</v>
      </c>
      <c r="K22980" s="2">
        <v>1</v>
      </c>
      <c r="L22980" t="s">
        <v>995</v>
      </c>
      <c r="M22980" t="s">
        <v>89</v>
      </c>
      <c r="N22980" t="s">
        <v>90</v>
      </c>
      <c r="O22980" t="s">
        <v>85</v>
      </c>
      <c r="P22980" t="s">
        <v>86</v>
      </c>
      <c r="Q22980">
        <v>21</v>
      </c>
      <c r="R22980">
        <v>22</v>
      </c>
      <c r="S22980">
        <v>23</v>
      </c>
      <c r="T22980">
        <v>24</v>
      </c>
      <c r="U22980">
        <v>25</v>
      </c>
      <c r="V22980">
        <v>26</v>
      </c>
      <c r="W22980">
        <v>26</v>
      </c>
      <c r="X22980">
        <v>27</v>
      </c>
      <c r="Y22980">
        <v>28</v>
      </c>
      <c r="Z22980">
        <v>29</v>
      </c>
      <c r="AA22980">
        <v>30</v>
      </c>
      <c r="AB22980">
        <v>30</v>
      </c>
      <c r="AC22980">
        <v>31</v>
      </c>
      <c r="AD22980">
        <v>32</v>
      </c>
      <c r="AE22980">
        <v>33</v>
      </c>
      <c r="AF22980">
        <v>33</v>
      </c>
      <c r="AG22980">
        <v>34</v>
      </c>
      <c r="AH22980">
        <v>35</v>
      </c>
      <c r="AI22980">
        <v>35</v>
      </c>
      <c r="AJ22980">
        <v>36</v>
      </c>
      <c r="AK22980">
        <v>36</v>
      </c>
      <c r="AL22980">
        <v>37</v>
      </c>
      <c r="AM22980">
        <v>38</v>
      </c>
      <c r="AN22980">
        <v>38</v>
      </c>
      <c r="AO22980">
        <v>39</v>
      </c>
      <c r="AP22980">
        <v>39</v>
      </c>
      <c r="AQ22980">
        <v>40</v>
      </c>
    </row>
    <row r="22981" spans="1:43">
      <c r="A22981" t="s">
        <v>14235</v>
      </c>
      <c r="B22981" t="s">
        <v>14236</v>
      </c>
      <c r="C22981" t="s">
        <v>14237</v>
      </c>
      <c r="D22981" t="s">
        <v>14238</v>
      </c>
      <c r="E22981" t="s">
        <v>14167</v>
      </c>
      <c r="F22981" t="s">
        <v>14168</v>
      </c>
      <c r="G22981" t="s">
        <v>10734</v>
      </c>
      <c r="H22981" t="s">
        <v>10735</v>
      </c>
      <c r="I22981" s="2">
        <v>0</v>
      </c>
      <c r="J22981" s="2">
        <v>0</v>
      </c>
      <c r="K22981" s="2">
        <v>1</v>
      </c>
      <c r="L22981" t="s">
        <v>995</v>
      </c>
      <c r="M22981" t="s">
        <v>83</v>
      </c>
      <c r="N22981" t="s">
        <v>91</v>
      </c>
      <c r="O22981" t="s">
        <v>85</v>
      </c>
      <c r="P22981" t="s">
        <v>86</v>
      </c>
      <c r="Q22981">
        <v>21</v>
      </c>
      <c r="R22981">
        <v>22</v>
      </c>
      <c r="S22981">
        <v>22</v>
      </c>
      <c r="T22981">
        <v>23</v>
      </c>
      <c r="U22981">
        <v>24</v>
      </c>
      <c r="V22981">
        <v>24</v>
      </c>
      <c r="W22981">
        <v>25</v>
      </c>
      <c r="X22981">
        <v>26</v>
      </c>
      <c r="Y22981">
        <v>27</v>
      </c>
      <c r="Z22981">
        <v>27</v>
      </c>
      <c r="AA22981">
        <v>28</v>
      </c>
      <c r="AB22981">
        <v>29</v>
      </c>
      <c r="AC22981">
        <v>29</v>
      </c>
      <c r="AD22981">
        <v>30</v>
      </c>
      <c r="AE22981">
        <v>31</v>
      </c>
      <c r="AF22981">
        <v>32</v>
      </c>
      <c r="AG22981">
        <v>33</v>
      </c>
      <c r="AH22981">
        <v>33</v>
      </c>
      <c r="AI22981">
        <v>34</v>
      </c>
      <c r="AJ22981">
        <v>35</v>
      </c>
      <c r="AK22981">
        <v>36</v>
      </c>
      <c r="AL22981">
        <v>37</v>
      </c>
      <c r="AM22981">
        <v>37</v>
      </c>
      <c r="AN22981">
        <v>38</v>
      </c>
      <c r="AO22981">
        <v>38</v>
      </c>
      <c r="AP22981">
        <v>39</v>
      </c>
      <c r="AQ22981">
        <v>40</v>
      </c>
    </row>
    <row r="22982" spans="1:43">
      <c r="A22982" t="s">
        <v>14239</v>
      </c>
      <c r="B22982" t="s">
        <v>14240</v>
      </c>
      <c r="C22982" t="s">
        <v>14241</v>
      </c>
      <c r="D22982" t="s">
        <v>14242</v>
      </c>
      <c r="E22982" t="s">
        <v>14167</v>
      </c>
      <c r="F22982" t="s">
        <v>14168</v>
      </c>
      <c r="G22982" t="s">
        <v>10734</v>
      </c>
      <c r="H22982" t="s">
        <v>10735</v>
      </c>
      <c r="I22982" s="2">
        <v>0</v>
      </c>
      <c r="J22982" s="2">
        <v>0</v>
      </c>
      <c r="K22982" s="2">
        <v>1</v>
      </c>
      <c r="L22982" t="s">
        <v>995</v>
      </c>
      <c r="M22982" t="s">
        <v>83</v>
      </c>
      <c r="N22982" t="s">
        <v>84</v>
      </c>
      <c r="O22982" t="s">
        <v>85</v>
      </c>
      <c r="P22982" t="s">
        <v>86</v>
      </c>
      <c r="Q22982">
        <v>16</v>
      </c>
      <c r="R22982">
        <v>17</v>
      </c>
      <c r="S22982">
        <v>17</v>
      </c>
      <c r="T22982">
        <v>17</v>
      </c>
      <c r="U22982">
        <v>17</v>
      </c>
      <c r="V22982">
        <v>18</v>
      </c>
      <c r="W22982">
        <v>18</v>
      </c>
      <c r="X22982">
        <v>18</v>
      </c>
      <c r="Y22982">
        <v>19</v>
      </c>
      <c r="Z22982">
        <v>19</v>
      </c>
      <c r="AA22982">
        <v>19</v>
      </c>
      <c r="AB22982">
        <v>20</v>
      </c>
      <c r="AC22982">
        <v>20</v>
      </c>
      <c r="AD22982">
        <v>20</v>
      </c>
      <c r="AE22982">
        <v>20</v>
      </c>
      <c r="AF22982">
        <v>21</v>
      </c>
      <c r="AG22982">
        <v>21</v>
      </c>
      <c r="AH22982">
        <v>21</v>
      </c>
      <c r="AI22982">
        <v>22</v>
      </c>
      <c r="AJ22982">
        <v>22</v>
      </c>
      <c r="AK22982">
        <v>22</v>
      </c>
      <c r="AL22982">
        <v>22</v>
      </c>
      <c r="AM22982">
        <v>23</v>
      </c>
      <c r="AN22982">
        <v>23</v>
      </c>
      <c r="AO22982">
        <v>23</v>
      </c>
      <c r="AP22982">
        <v>23</v>
      </c>
      <c r="AQ22982">
        <v>23</v>
      </c>
    </row>
    <row r="22983" spans="1:43">
      <c r="A22983" t="s">
        <v>14239</v>
      </c>
      <c r="B22983" t="s">
        <v>14240</v>
      </c>
      <c r="C22983" t="s">
        <v>14241</v>
      </c>
      <c r="D22983" t="s">
        <v>14242</v>
      </c>
      <c r="E22983" t="s">
        <v>14167</v>
      </c>
      <c r="F22983" t="s">
        <v>14168</v>
      </c>
      <c r="G22983" t="s">
        <v>10734</v>
      </c>
      <c r="H22983" t="s">
        <v>10735</v>
      </c>
      <c r="I22983" s="2">
        <v>0</v>
      </c>
      <c r="J22983" s="2">
        <v>0</v>
      </c>
      <c r="K22983" s="2">
        <v>1</v>
      </c>
      <c r="L22983" t="s">
        <v>995</v>
      </c>
      <c r="M22983" t="s">
        <v>87</v>
      </c>
      <c r="N22983" t="s">
        <v>88</v>
      </c>
      <c r="O22983" t="s">
        <v>85</v>
      </c>
      <c r="P22983" t="s">
        <v>86</v>
      </c>
      <c r="Q22983">
        <v>16</v>
      </c>
      <c r="R22983">
        <v>16</v>
      </c>
      <c r="S22983">
        <v>16</v>
      </c>
      <c r="T22983">
        <v>17</v>
      </c>
      <c r="U22983">
        <v>17</v>
      </c>
      <c r="V22983">
        <v>17</v>
      </c>
      <c r="W22983">
        <v>17</v>
      </c>
      <c r="X22983">
        <v>17</v>
      </c>
      <c r="Y22983">
        <v>17</v>
      </c>
      <c r="Z22983">
        <v>17</v>
      </c>
      <c r="AA22983">
        <v>18</v>
      </c>
      <c r="AB22983">
        <v>18</v>
      </c>
      <c r="AC22983">
        <v>18</v>
      </c>
      <c r="AD22983">
        <v>18</v>
      </c>
      <c r="AE22983">
        <v>18</v>
      </c>
      <c r="AF22983">
        <v>18</v>
      </c>
      <c r="AG22983">
        <v>19</v>
      </c>
      <c r="AH22983">
        <v>19</v>
      </c>
      <c r="AI22983">
        <v>19</v>
      </c>
      <c r="AJ22983">
        <v>19</v>
      </c>
      <c r="AK22983">
        <v>19</v>
      </c>
      <c r="AL22983">
        <v>19</v>
      </c>
      <c r="AM22983">
        <v>20</v>
      </c>
      <c r="AN22983">
        <v>20</v>
      </c>
      <c r="AO22983">
        <v>20</v>
      </c>
      <c r="AP22983">
        <v>20</v>
      </c>
      <c r="AQ22983">
        <v>20</v>
      </c>
    </row>
    <row r="22984" spans="1:43">
      <c r="A22984" t="s">
        <v>14239</v>
      </c>
      <c r="B22984" t="s">
        <v>14240</v>
      </c>
      <c r="C22984" t="s">
        <v>14241</v>
      </c>
      <c r="D22984" t="s">
        <v>14242</v>
      </c>
      <c r="E22984" t="s">
        <v>14167</v>
      </c>
      <c r="F22984" t="s">
        <v>14168</v>
      </c>
      <c r="G22984" t="s">
        <v>10734</v>
      </c>
      <c r="H22984" t="s">
        <v>10735</v>
      </c>
      <c r="I22984" s="2">
        <v>0</v>
      </c>
      <c r="J22984" s="2">
        <v>0</v>
      </c>
      <c r="K22984" s="2">
        <v>1</v>
      </c>
      <c r="L22984" t="s">
        <v>995</v>
      </c>
      <c r="M22984" t="s">
        <v>89</v>
      </c>
      <c r="N22984" t="s">
        <v>90</v>
      </c>
      <c r="O22984" t="s">
        <v>85</v>
      </c>
      <c r="P22984" t="s">
        <v>86</v>
      </c>
      <c r="Q22984">
        <v>16</v>
      </c>
      <c r="R22984">
        <v>17</v>
      </c>
      <c r="S22984">
        <v>17</v>
      </c>
      <c r="T22984">
        <v>18</v>
      </c>
      <c r="U22984">
        <v>18</v>
      </c>
      <c r="V22984">
        <v>19</v>
      </c>
      <c r="W22984">
        <v>19</v>
      </c>
      <c r="X22984">
        <v>19</v>
      </c>
      <c r="Y22984">
        <v>20</v>
      </c>
      <c r="Z22984">
        <v>20</v>
      </c>
      <c r="AA22984">
        <v>20</v>
      </c>
      <c r="AB22984">
        <v>21</v>
      </c>
      <c r="AC22984">
        <v>21</v>
      </c>
      <c r="AD22984">
        <v>21</v>
      </c>
      <c r="AE22984">
        <v>22</v>
      </c>
      <c r="AF22984">
        <v>22</v>
      </c>
      <c r="AG22984">
        <v>22</v>
      </c>
      <c r="AH22984">
        <v>22</v>
      </c>
      <c r="AI22984">
        <v>22</v>
      </c>
      <c r="AJ22984">
        <v>22</v>
      </c>
      <c r="AK22984">
        <v>23</v>
      </c>
      <c r="AL22984">
        <v>23</v>
      </c>
      <c r="AM22984">
        <v>23</v>
      </c>
      <c r="AN22984">
        <v>23</v>
      </c>
      <c r="AO22984">
        <v>23</v>
      </c>
      <c r="AP22984">
        <v>23</v>
      </c>
      <c r="AQ22984">
        <v>23</v>
      </c>
    </row>
    <row r="22985" spans="1:43">
      <c r="A22985" t="s">
        <v>14239</v>
      </c>
      <c r="B22985" t="s">
        <v>14240</v>
      </c>
      <c r="C22985" t="s">
        <v>14241</v>
      </c>
      <c r="D22985" t="s">
        <v>14242</v>
      </c>
      <c r="E22985" t="s">
        <v>14167</v>
      </c>
      <c r="F22985" t="s">
        <v>14168</v>
      </c>
      <c r="G22985" t="s">
        <v>10734</v>
      </c>
      <c r="H22985" t="s">
        <v>10735</v>
      </c>
      <c r="I22985" s="2">
        <v>0</v>
      </c>
      <c r="J22985" s="2">
        <v>0</v>
      </c>
      <c r="K22985" s="2">
        <v>1</v>
      </c>
      <c r="L22985" t="s">
        <v>995</v>
      </c>
      <c r="M22985" t="s">
        <v>83</v>
      </c>
      <c r="N22985" t="s">
        <v>91</v>
      </c>
      <c r="O22985" t="s">
        <v>85</v>
      </c>
      <c r="P22985" t="s">
        <v>86</v>
      </c>
      <c r="Q22985">
        <v>16</v>
      </c>
      <c r="R22985">
        <v>17</v>
      </c>
      <c r="S22985">
        <v>17</v>
      </c>
      <c r="T22985">
        <v>17</v>
      </c>
      <c r="U22985">
        <v>17</v>
      </c>
      <c r="V22985">
        <v>18</v>
      </c>
      <c r="W22985">
        <v>18</v>
      </c>
      <c r="X22985">
        <v>18</v>
      </c>
      <c r="Y22985">
        <v>19</v>
      </c>
      <c r="Z22985">
        <v>19</v>
      </c>
      <c r="AA22985">
        <v>19</v>
      </c>
      <c r="AB22985">
        <v>20</v>
      </c>
      <c r="AC22985">
        <v>20</v>
      </c>
      <c r="AD22985">
        <v>20</v>
      </c>
      <c r="AE22985">
        <v>20</v>
      </c>
      <c r="AF22985">
        <v>21</v>
      </c>
      <c r="AG22985">
        <v>21</v>
      </c>
      <c r="AH22985">
        <v>21</v>
      </c>
      <c r="AI22985">
        <v>22</v>
      </c>
      <c r="AJ22985">
        <v>22</v>
      </c>
      <c r="AK22985">
        <v>22</v>
      </c>
      <c r="AL22985">
        <v>22</v>
      </c>
      <c r="AM22985">
        <v>23</v>
      </c>
      <c r="AN22985">
        <v>23</v>
      </c>
      <c r="AO22985">
        <v>23</v>
      </c>
      <c r="AP22985">
        <v>23</v>
      </c>
      <c r="AQ22985">
        <v>23</v>
      </c>
    </row>
    <row r="22986" spans="1:43">
      <c r="A22986" t="s">
        <v>14243</v>
      </c>
      <c r="B22986" t="s">
        <v>14244</v>
      </c>
      <c r="C22986" t="s">
        <v>14237</v>
      </c>
      <c r="D22986" t="s">
        <v>14238</v>
      </c>
      <c r="E22986" t="s">
        <v>14167</v>
      </c>
      <c r="F22986" t="s">
        <v>14168</v>
      </c>
      <c r="G22986" t="s">
        <v>10734</v>
      </c>
      <c r="H22986" t="s">
        <v>10735</v>
      </c>
      <c r="I22986" s="2">
        <v>0</v>
      </c>
      <c r="J22986" s="2">
        <v>0</v>
      </c>
      <c r="K22986" s="2">
        <v>1</v>
      </c>
      <c r="L22986" t="s">
        <v>995</v>
      </c>
      <c r="M22986" t="s">
        <v>83</v>
      </c>
      <c r="N22986" t="s">
        <v>84</v>
      </c>
      <c r="O22986" t="s">
        <v>85</v>
      </c>
      <c r="P22986" t="s">
        <v>86</v>
      </c>
      <c r="Q22986">
        <v>7</v>
      </c>
      <c r="R22986">
        <v>8</v>
      </c>
      <c r="S22986">
        <v>8</v>
      </c>
      <c r="T22986">
        <v>8</v>
      </c>
      <c r="U22986">
        <v>8</v>
      </c>
      <c r="V22986">
        <v>9</v>
      </c>
      <c r="W22986">
        <v>9</v>
      </c>
      <c r="X22986">
        <v>9</v>
      </c>
      <c r="Y22986">
        <v>9</v>
      </c>
      <c r="Z22986">
        <v>10</v>
      </c>
      <c r="AA22986">
        <v>10</v>
      </c>
      <c r="AB22986">
        <v>10</v>
      </c>
      <c r="AC22986">
        <v>10</v>
      </c>
      <c r="AD22986">
        <v>11</v>
      </c>
      <c r="AE22986">
        <v>11</v>
      </c>
      <c r="AF22986">
        <v>11</v>
      </c>
      <c r="AG22986">
        <v>11</v>
      </c>
      <c r="AH22986">
        <v>12</v>
      </c>
      <c r="AI22986">
        <v>12</v>
      </c>
      <c r="AJ22986">
        <v>12</v>
      </c>
      <c r="AK22986">
        <v>13</v>
      </c>
      <c r="AL22986">
        <v>13</v>
      </c>
      <c r="AM22986">
        <v>13</v>
      </c>
      <c r="AN22986">
        <v>13</v>
      </c>
      <c r="AO22986">
        <v>13</v>
      </c>
      <c r="AP22986">
        <v>14</v>
      </c>
      <c r="AQ22986">
        <v>14</v>
      </c>
    </row>
    <row r="22987" spans="1:43">
      <c r="A22987" t="s">
        <v>14243</v>
      </c>
      <c r="B22987" t="s">
        <v>14244</v>
      </c>
      <c r="C22987" t="s">
        <v>14237</v>
      </c>
      <c r="D22987" t="s">
        <v>14238</v>
      </c>
      <c r="E22987" t="s">
        <v>14167</v>
      </c>
      <c r="F22987" t="s">
        <v>14168</v>
      </c>
      <c r="G22987" t="s">
        <v>10734</v>
      </c>
      <c r="H22987" t="s">
        <v>10735</v>
      </c>
      <c r="I22987" s="2">
        <v>0</v>
      </c>
      <c r="J22987" s="2">
        <v>0</v>
      </c>
      <c r="K22987" s="2">
        <v>1</v>
      </c>
      <c r="L22987" t="s">
        <v>995</v>
      </c>
      <c r="M22987" t="s">
        <v>87</v>
      </c>
      <c r="N22987" t="s">
        <v>88</v>
      </c>
      <c r="O22987" t="s">
        <v>85</v>
      </c>
      <c r="P22987" t="s">
        <v>86</v>
      </c>
      <c r="Q22987">
        <v>7</v>
      </c>
      <c r="R22987">
        <v>7</v>
      </c>
      <c r="S22987">
        <v>8</v>
      </c>
      <c r="T22987">
        <v>8</v>
      </c>
      <c r="U22987">
        <v>8</v>
      </c>
      <c r="V22987">
        <v>8</v>
      </c>
      <c r="W22987">
        <v>8</v>
      </c>
      <c r="X22987">
        <v>8</v>
      </c>
      <c r="Y22987">
        <v>9</v>
      </c>
      <c r="Z22987">
        <v>9</v>
      </c>
      <c r="AA22987">
        <v>9</v>
      </c>
      <c r="AB22987">
        <v>9</v>
      </c>
      <c r="AC22987">
        <v>9</v>
      </c>
      <c r="AD22987">
        <v>9</v>
      </c>
      <c r="AE22987">
        <v>10</v>
      </c>
      <c r="AF22987">
        <v>10</v>
      </c>
      <c r="AG22987">
        <v>10</v>
      </c>
      <c r="AH22987">
        <v>10</v>
      </c>
      <c r="AI22987">
        <v>10</v>
      </c>
      <c r="AJ22987">
        <v>11</v>
      </c>
      <c r="AK22987">
        <v>11</v>
      </c>
      <c r="AL22987">
        <v>11</v>
      </c>
      <c r="AM22987">
        <v>11</v>
      </c>
      <c r="AN22987">
        <v>11</v>
      </c>
      <c r="AO22987">
        <v>12</v>
      </c>
      <c r="AP22987">
        <v>12</v>
      </c>
      <c r="AQ22987">
        <v>12</v>
      </c>
    </row>
    <row r="22988" spans="1:43">
      <c r="A22988" t="s">
        <v>14243</v>
      </c>
      <c r="B22988" t="s">
        <v>14244</v>
      </c>
      <c r="C22988" t="s">
        <v>14237</v>
      </c>
      <c r="D22988" t="s">
        <v>14238</v>
      </c>
      <c r="E22988" t="s">
        <v>14167</v>
      </c>
      <c r="F22988" t="s">
        <v>14168</v>
      </c>
      <c r="G22988" t="s">
        <v>10734</v>
      </c>
      <c r="H22988" t="s">
        <v>10735</v>
      </c>
      <c r="I22988" s="2">
        <v>0</v>
      </c>
      <c r="J22988" s="2">
        <v>0</v>
      </c>
      <c r="K22988" s="2">
        <v>1</v>
      </c>
      <c r="L22988" t="s">
        <v>995</v>
      </c>
      <c r="M22988" t="s">
        <v>89</v>
      </c>
      <c r="N22988" t="s">
        <v>90</v>
      </c>
      <c r="O22988" t="s">
        <v>85</v>
      </c>
      <c r="P22988" t="s">
        <v>86</v>
      </c>
      <c r="Q22988">
        <v>7</v>
      </c>
      <c r="R22988">
        <v>8</v>
      </c>
      <c r="S22988">
        <v>8</v>
      </c>
      <c r="T22988">
        <v>8</v>
      </c>
      <c r="U22988">
        <v>9</v>
      </c>
      <c r="V22988">
        <v>9</v>
      </c>
      <c r="W22988">
        <v>9</v>
      </c>
      <c r="X22988">
        <v>9</v>
      </c>
      <c r="Y22988">
        <v>10</v>
      </c>
      <c r="Z22988">
        <v>10</v>
      </c>
      <c r="AA22988">
        <v>10</v>
      </c>
      <c r="AB22988">
        <v>11</v>
      </c>
      <c r="AC22988">
        <v>11</v>
      </c>
      <c r="AD22988">
        <v>11</v>
      </c>
      <c r="AE22988">
        <v>11</v>
      </c>
      <c r="AF22988">
        <v>12</v>
      </c>
      <c r="AG22988">
        <v>12</v>
      </c>
      <c r="AH22988">
        <v>12</v>
      </c>
      <c r="AI22988">
        <v>12</v>
      </c>
      <c r="AJ22988">
        <v>12</v>
      </c>
      <c r="AK22988">
        <v>13</v>
      </c>
      <c r="AL22988">
        <v>13</v>
      </c>
      <c r="AM22988">
        <v>13</v>
      </c>
      <c r="AN22988">
        <v>13</v>
      </c>
      <c r="AO22988">
        <v>14</v>
      </c>
      <c r="AP22988">
        <v>14</v>
      </c>
      <c r="AQ22988">
        <v>14</v>
      </c>
    </row>
    <row r="22989" spans="1:43">
      <c r="A22989" t="s">
        <v>14243</v>
      </c>
      <c r="B22989" t="s">
        <v>14244</v>
      </c>
      <c r="C22989" t="s">
        <v>14237</v>
      </c>
      <c r="D22989" t="s">
        <v>14238</v>
      </c>
      <c r="E22989" t="s">
        <v>14167</v>
      </c>
      <c r="F22989" t="s">
        <v>14168</v>
      </c>
      <c r="G22989" t="s">
        <v>10734</v>
      </c>
      <c r="H22989" t="s">
        <v>10735</v>
      </c>
      <c r="I22989" s="2">
        <v>0</v>
      </c>
      <c r="J22989" s="2">
        <v>0</v>
      </c>
      <c r="K22989" s="2">
        <v>1</v>
      </c>
      <c r="L22989" t="s">
        <v>995</v>
      </c>
      <c r="M22989" t="s">
        <v>83</v>
      </c>
      <c r="N22989" t="s">
        <v>91</v>
      </c>
      <c r="O22989" t="s">
        <v>85</v>
      </c>
      <c r="P22989" t="s">
        <v>86</v>
      </c>
      <c r="Q22989">
        <v>7</v>
      </c>
      <c r="R22989">
        <v>8</v>
      </c>
      <c r="S22989">
        <v>8</v>
      </c>
      <c r="T22989">
        <v>8</v>
      </c>
      <c r="U22989">
        <v>8</v>
      </c>
      <c r="V22989">
        <v>9</v>
      </c>
      <c r="W22989">
        <v>9</v>
      </c>
      <c r="X22989">
        <v>9</v>
      </c>
      <c r="Y22989">
        <v>9</v>
      </c>
      <c r="Z22989">
        <v>10</v>
      </c>
      <c r="AA22989">
        <v>10</v>
      </c>
      <c r="AB22989">
        <v>10</v>
      </c>
      <c r="AC22989">
        <v>10</v>
      </c>
      <c r="AD22989">
        <v>11</v>
      </c>
      <c r="AE22989">
        <v>11</v>
      </c>
      <c r="AF22989">
        <v>11</v>
      </c>
      <c r="AG22989">
        <v>11</v>
      </c>
      <c r="AH22989">
        <v>12</v>
      </c>
      <c r="AI22989">
        <v>12</v>
      </c>
      <c r="AJ22989">
        <v>12</v>
      </c>
      <c r="AK22989">
        <v>13</v>
      </c>
      <c r="AL22989">
        <v>13</v>
      </c>
      <c r="AM22989">
        <v>13</v>
      </c>
      <c r="AN22989">
        <v>13</v>
      </c>
      <c r="AO22989">
        <v>13</v>
      </c>
      <c r="AP22989">
        <v>14</v>
      </c>
      <c r="AQ22989">
        <v>14</v>
      </c>
    </row>
    <row r="22990" spans="1:43">
      <c r="A22990" t="s">
        <v>14245</v>
      </c>
      <c r="B22990" t="s">
        <v>14246</v>
      </c>
      <c r="C22990" t="s">
        <v>14219</v>
      </c>
      <c r="D22990" t="s">
        <v>14220</v>
      </c>
      <c r="E22990" t="s">
        <v>14167</v>
      </c>
      <c r="F22990" t="s">
        <v>14168</v>
      </c>
      <c r="G22990" t="s">
        <v>10734</v>
      </c>
      <c r="H22990" t="s">
        <v>10735</v>
      </c>
      <c r="I22990" s="2">
        <v>0</v>
      </c>
      <c r="J22990" s="2">
        <v>0</v>
      </c>
      <c r="K22990" s="2">
        <v>1</v>
      </c>
      <c r="L22990" t="s">
        <v>995</v>
      </c>
      <c r="M22990" t="s">
        <v>83</v>
      </c>
      <c r="N22990" t="s">
        <v>84</v>
      </c>
      <c r="O22990" t="s">
        <v>85</v>
      </c>
      <c r="P22990" t="s">
        <v>86</v>
      </c>
      <c r="Q22990">
        <v>30</v>
      </c>
      <c r="R22990">
        <v>31</v>
      </c>
      <c r="S22990">
        <v>31</v>
      </c>
      <c r="T22990">
        <v>32</v>
      </c>
      <c r="U22990">
        <v>32</v>
      </c>
      <c r="V22990">
        <v>33</v>
      </c>
      <c r="W22990">
        <v>33</v>
      </c>
      <c r="X22990">
        <v>34</v>
      </c>
      <c r="Y22990">
        <v>34</v>
      </c>
      <c r="Z22990">
        <v>35</v>
      </c>
      <c r="AA22990">
        <v>35</v>
      </c>
      <c r="AB22990">
        <v>36</v>
      </c>
      <c r="AC22990">
        <v>36</v>
      </c>
      <c r="AD22990">
        <v>36</v>
      </c>
      <c r="AE22990">
        <v>37</v>
      </c>
      <c r="AF22990">
        <v>37</v>
      </c>
      <c r="AG22990">
        <v>38</v>
      </c>
      <c r="AH22990">
        <v>38</v>
      </c>
      <c r="AI22990">
        <v>39</v>
      </c>
      <c r="AJ22990">
        <v>39</v>
      </c>
      <c r="AK22990">
        <v>40</v>
      </c>
      <c r="AL22990">
        <v>40</v>
      </c>
      <c r="AM22990">
        <v>40</v>
      </c>
      <c r="AN22990">
        <v>40</v>
      </c>
      <c r="AO22990">
        <v>40</v>
      </c>
      <c r="AP22990">
        <v>40</v>
      </c>
      <c r="AQ22990">
        <v>40</v>
      </c>
    </row>
    <row r="22991" spans="1:43">
      <c r="A22991" t="s">
        <v>14245</v>
      </c>
      <c r="B22991" t="s">
        <v>14246</v>
      </c>
      <c r="C22991" t="s">
        <v>14219</v>
      </c>
      <c r="D22991" t="s">
        <v>14220</v>
      </c>
      <c r="E22991" t="s">
        <v>14167</v>
      </c>
      <c r="F22991" t="s">
        <v>14168</v>
      </c>
      <c r="G22991" t="s">
        <v>10734</v>
      </c>
      <c r="H22991" t="s">
        <v>10735</v>
      </c>
      <c r="I22991" s="2">
        <v>0</v>
      </c>
      <c r="J22991" s="2">
        <v>0</v>
      </c>
      <c r="K22991" s="2">
        <v>1</v>
      </c>
      <c r="L22991" t="s">
        <v>995</v>
      </c>
      <c r="M22991" t="s">
        <v>87</v>
      </c>
      <c r="N22991" t="s">
        <v>88</v>
      </c>
      <c r="O22991" t="s">
        <v>85</v>
      </c>
      <c r="P22991" t="s">
        <v>86</v>
      </c>
      <c r="Q22991">
        <v>30</v>
      </c>
      <c r="R22991">
        <v>30</v>
      </c>
      <c r="S22991">
        <v>30</v>
      </c>
      <c r="T22991">
        <v>31</v>
      </c>
      <c r="U22991">
        <v>31</v>
      </c>
      <c r="V22991">
        <v>31</v>
      </c>
      <c r="W22991">
        <v>31</v>
      </c>
      <c r="X22991">
        <v>31</v>
      </c>
      <c r="Y22991">
        <v>32</v>
      </c>
      <c r="Z22991">
        <v>32</v>
      </c>
      <c r="AA22991">
        <v>32</v>
      </c>
      <c r="AB22991">
        <v>32</v>
      </c>
      <c r="AC22991">
        <v>32</v>
      </c>
      <c r="AD22991">
        <v>33</v>
      </c>
      <c r="AE22991">
        <v>33</v>
      </c>
      <c r="AF22991">
        <v>33</v>
      </c>
      <c r="AG22991">
        <v>33</v>
      </c>
      <c r="AH22991">
        <v>33</v>
      </c>
      <c r="AI22991">
        <v>34</v>
      </c>
      <c r="AJ22991">
        <v>34</v>
      </c>
      <c r="AK22991">
        <v>34</v>
      </c>
      <c r="AL22991">
        <v>34</v>
      </c>
      <c r="AM22991">
        <v>34</v>
      </c>
      <c r="AN22991">
        <v>35</v>
      </c>
      <c r="AO22991">
        <v>35</v>
      </c>
      <c r="AP22991">
        <v>35</v>
      </c>
      <c r="AQ22991">
        <v>35</v>
      </c>
    </row>
    <row r="22992" spans="1:43">
      <c r="A22992" t="s">
        <v>14245</v>
      </c>
      <c r="B22992" t="s">
        <v>14246</v>
      </c>
      <c r="C22992" t="s">
        <v>14219</v>
      </c>
      <c r="D22992" t="s">
        <v>14220</v>
      </c>
      <c r="E22992" t="s">
        <v>14167</v>
      </c>
      <c r="F22992" t="s">
        <v>14168</v>
      </c>
      <c r="G22992" t="s">
        <v>10734</v>
      </c>
      <c r="H22992" t="s">
        <v>10735</v>
      </c>
      <c r="I22992" s="2">
        <v>0</v>
      </c>
      <c r="J22992" s="2">
        <v>0</v>
      </c>
      <c r="K22992" s="2">
        <v>1</v>
      </c>
      <c r="L22992" t="s">
        <v>995</v>
      </c>
      <c r="M22992" t="s">
        <v>89</v>
      </c>
      <c r="N22992" t="s">
        <v>90</v>
      </c>
      <c r="O22992" t="s">
        <v>85</v>
      </c>
      <c r="P22992" t="s">
        <v>86</v>
      </c>
      <c r="Q22992">
        <v>30</v>
      </c>
      <c r="R22992">
        <v>30</v>
      </c>
      <c r="S22992">
        <v>31</v>
      </c>
      <c r="T22992">
        <v>32</v>
      </c>
      <c r="U22992">
        <v>33</v>
      </c>
      <c r="V22992">
        <v>33</v>
      </c>
      <c r="W22992">
        <v>34</v>
      </c>
      <c r="X22992">
        <v>35</v>
      </c>
      <c r="Y22992">
        <v>35</v>
      </c>
      <c r="Z22992">
        <v>36</v>
      </c>
      <c r="AA22992">
        <v>36</v>
      </c>
      <c r="AB22992">
        <v>37</v>
      </c>
      <c r="AC22992">
        <v>37</v>
      </c>
      <c r="AD22992">
        <v>38</v>
      </c>
      <c r="AE22992">
        <v>38</v>
      </c>
      <c r="AF22992">
        <v>39</v>
      </c>
      <c r="AG22992">
        <v>39</v>
      </c>
      <c r="AH22992">
        <v>39</v>
      </c>
      <c r="AI22992">
        <v>39</v>
      </c>
      <c r="AJ22992">
        <v>39</v>
      </c>
      <c r="AK22992">
        <v>39</v>
      </c>
      <c r="AL22992">
        <v>39</v>
      </c>
      <c r="AM22992">
        <v>39</v>
      </c>
      <c r="AN22992">
        <v>40</v>
      </c>
      <c r="AO22992">
        <v>40</v>
      </c>
      <c r="AP22992">
        <v>40</v>
      </c>
      <c r="AQ22992">
        <v>40</v>
      </c>
    </row>
    <row r="22993" spans="1:43">
      <c r="A22993" t="s">
        <v>14245</v>
      </c>
      <c r="B22993" t="s">
        <v>14246</v>
      </c>
      <c r="C22993" t="s">
        <v>14219</v>
      </c>
      <c r="D22993" t="s">
        <v>14220</v>
      </c>
      <c r="E22993" t="s">
        <v>14167</v>
      </c>
      <c r="F22993" t="s">
        <v>14168</v>
      </c>
      <c r="G22993" t="s">
        <v>10734</v>
      </c>
      <c r="H22993" t="s">
        <v>10735</v>
      </c>
      <c r="I22993" s="2">
        <v>0</v>
      </c>
      <c r="J22993" s="2">
        <v>0</v>
      </c>
      <c r="K22993" s="2">
        <v>1</v>
      </c>
      <c r="L22993" t="s">
        <v>995</v>
      </c>
      <c r="M22993" t="s">
        <v>83</v>
      </c>
      <c r="N22993" t="s">
        <v>91</v>
      </c>
      <c r="O22993" t="s">
        <v>85</v>
      </c>
      <c r="P22993" t="s">
        <v>86</v>
      </c>
      <c r="Q22993">
        <v>30</v>
      </c>
      <c r="R22993">
        <v>31</v>
      </c>
      <c r="S22993">
        <v>31</v>
      </c>
      <c r="T22993">
        <v>32</v>
      </c>
      <c r="U22993">
        <v>32</v>
      </c>
      <c r="V22993">
        <v>33</v>
      </c>
      <c r="W22993">
        <v>33</v>
      </c>
      <c r="X22993">
        <v>34</v>
      </c>
      <c r="Y22993">
        <v>34</v>
      </c>
      <c r="Z22993">
        <v>35</v>
      </c>
      <c r="AA22993">
        <v>35</v>
      </c>
      <c r="AB22993">
        <v>36</v>
      </c>
      <c r="AC22993">
        <v>36</v>
      </c>
      <c r="AD22993">
        <v>36</v>
      </c>
      <c r="AE22993">
        <v>37</v>
      </c>
      <c r="AF22993">
        <v>37</v>
      </c>
      <c r="AG22993">
        <v>38</v>
      </c>
      <c r="AH22993">
        <v>38</v>
      </c>
      <c r="AI22993">
        <v>39</v>
      </c>
      <c r="AJ22993">
        <v>39</v>
      </c>
      <c r="AK22993">
        <v>40</v>
      </c>
      <c r="AL22993">
        <v>40</v>
      </c>
      <c r="AM22993">
        <v>40</v>
      </c>
      <c r="AN22993">
        <v>40</v>
      </c>
      <c r="AO22993">
        <v>40</v>
      </c>
      <c r="AP22993">
        <v>40</v>
      </c>
      <c r="AQ22993">
        <v>40</v>
      </c>
    </row>
    <row r="22994" spans="1:43">
      <c r="A22994" t="s">
        <v>14247</v>
      </c>
      <c r="B22994" t="s">
        <v>14248</v>
      </c>
      <c r="C22994" t="s">
        <v>14219</v>
      </c>
      <c r="D22994" t="s">
        <v>14220</v>
      </c>
      <c r="E22994" t="s">
        <v>14167</v>
      </c>
      <c r="F22994" t="s">
        <v>14168</v>
      </c>
      <c r="G22994" t="s">
        <v>10734</v>
      </c>
      <c r="H22994" t="s">
        <v>10735</v>
      </c>
      <c r="I22994" s="2">
        <v>0</v>
      </c>
      <c r="J22994" s="2">
        <v>0</v>
      </c>
      <c r="K22994" s="2">
        <v>1</v>
      </c>
      <c r="L22994" t="s">
        <v>995</v>
      </c>
      <c r="M22994" t="s">
        <v>83</v>
      </c>
      <c r="N22994" t="s">
        <v>84</v>
      </c>
      <c r="O22994" t="s">
        <v>85</v>
      </c>
      <c r="P22994" t="s">
        <v>86</v>
      </c>
      <c r="Q22994">
        <v>48</v>
      </c>
      <c r="R22994">
        <v>50</v>
      </c>
      <c r="S22994">
        <v>51</v>
      </c>
      <c r="T22994">
        <v>52</v>
      </c>
      <c r="U22994">
        <v>54</v>
      </c>
      <c r="V22994">
        <v>55</v>
      </c>
      <c r="W22994">
        <v>57</v>
      </c>
      <c r="X22994">
        <v>59</v>
      </c>
      <c r="Y22994">
        <v>60</v>
      </c>
      <c r="Z22994">
        <v>62</v>
      </c>
      <c r="AA22994">
        <v>64</v>
      </c>
      <c r="AB22994">
        <v>65</v>
      </c>
      <c r="AC22994">
        <v>67</v>
      </c>
      <c r="AD22994">
        <v>69</v>
      </c>
      <c r="AE22994">
        <v>71</v>
      </c>
      <c r="AF22994">
        <v>72</v>
      </c>
      <c r="AG22994">
        <v>74</v>
      </c>
      <c r="AH22994">
        <v>76</v>
      </c>
      <c r="AI22994">
        <v>78</v>
      </c>
      <c r="AJ22994">
        <v>80</v>
      </c>
      <c r="AK22994">
        <v>82</v>
      </c>
      <c r="AL22994">
        <v>84</v>
      </c>
      <c r="AM22994">
        <v>85</v>
      </c>
      <c r="AN22994">
        <v>86</v>
      </c>
      <c r="AO22994">
        <v>88</v>
      </c>
      <c r="AP22994">
        <v>89</v>
      </c>
      <c r="AQ22994">
        <v>91</v>
      </c>
    </row>
    <row r="22995" spans="1:43">
      <c r="A22995" t="s">
        <v>14247</v>
      </c>
      <c r="B22995" t="s">
        <v>14248</v>
      </c>
      <c r="C22995" t="s">
        <v>14219</v>
      </c>
      <c r="D22995" t="s">
        <v>14220</v>
      </c>
      <c r="E22995" t="s">
        <v>14167</v>
      </c>
      <c r="F22995" t="s">
        <v>14168</v>
      </c>
      <c r="G22995" t="s">
        <v>10734</v>
      </c>
      <c r="H22995" t="s">
        <v>10735</v>
      </c>
      <c r="I22995" s="2">
        <v>0</v>
      </c>
      <c r="J22995" s="2">
        <v>0</v>
      </c>
      <c r="K22995" s="2">
        <v>1</v>
      </c>
      <c r="L22995" t="s">
        <v>995</v>
      </c>
      <c r="M22995" t="s">
        <v>87</v>
      </c>
      <c r="N22995" t="s">
        <v>88</v>
      </c>
      <c r="O22995" t="s">
        <v>85</v>
      </c>
      <c r="P22995" t="s">
        <v>86</v>
      </c>
      <c r="Q22995">
        <v>48</v>
      </c>
      <c r="R22995">
        <v>49</v>
      </c>
      <c r="S22995">
        <v>50</v>
      </c>
      <c r="T22995">
        <v>51</v>
      </c>
      <c r="U22995">
        <v>52</v>
      </c>
      <c r="V22995">
        <v>53</v>
      </c>
      <c r="W22995">
        <v>54</v>
      </c>
      <c r="X22995">
        <v>55</v>
      </c>
      <c r="Y22995">
        <v>56</v>
      </c>
      <c r="Z22995">
        <v>57</v>
      </c>
      <c r="AA22995">
        <v>58</v>
      </c>
      <c r="AB22995">
        <v>59</v>
      </c>
      <c r="AC22995">
        <v>60</v>
      </c>
      <c r="AD22995">
        <v>61</v>
      </c>
      <c r="AE22995">
        <v>62</v>
      </c>
      <c r="AF22995">
        <v>64</v>
      </c>
      <c r="AG22995">
        <v>65</v>
      </c>
      <c r="AH22995">
        <v>66</v>
      </c>
      <c r="AI22995">
        <v>67</v>
      </c>
      <c r="AJ22995">
        <v>69</v>
      </c>
      <c r="AK22995">
        <v>70</v>
      </c>
      <c r="AL22995">
        <v>72</v>
      </c>
      <c r="AM22995">
        <v>73</v>
      </c>
      <c r="AN22995">
        <v>74</v>
      </c>
      <c r="AO22995">
        <v>76</v>
      </c>
      <c r="AP22995">
        <v>77</v>
      </c>
      <c r="AQ22995">
        <v>79</v>
      </c>
    </row>
    <row r="22996" spans="1:43">
      <c r="A22996" t="s">
        <v>14247</v>
      </c>
      <c r="B22996" t="s">
        <v>14248</v>
      </c>
      <c r="C22996" t="s">
        <v>14219</v>
      </c>
      <c r="D22996" t="s">
        <v>14220</v>
      </c>
      <c r="E22996" t="s">
        <v>14167</v>
      </c>
      <c r="F22996" t="s">
        <v>14168</v>
      </c>
      <c r="G22996" t="s">
        <v>10734</v>
      </c>
      <c r="H22996" t="s">
        <v>10735</v>
      </c>
      <c r="I22996" s="2">
        <v>0</v>
      </c>
      <c r="J22996" s="2">
        <v>0</v>
      </c>
      <c r="K22996" s="2">
        <v>1</v>
      </c>
      <c r="L22996" t="s">
        <v>995</v>
      </c>
      <c r="M22996" t="s">
        <v>89</v>
      </c>
      <c r="N22996" t="s">
        <v>90</v>
      </c>
      <c r="O22996" t="s">
        <v>85</v>
      </c>
      <c r="P22996" t="s">
        <v>86</v>
      </c>
      <c r="Q22996">
        <v>48</v>
      </c>
      <c r="R22996">
        <v>49</v>
      </c>
      <c r="S22996">
        <v>51</v>
      </c>
      <c r="T22996">
        <v>53</v>
      </c>
      <c r="U22996">
        <v>55</v>
      </c>
      <c r="V22996">
        <v>57</v>
      </c>
      <c r="W22996">
        <v>59</v>
      </c>
      <c r="X22996">
        <v>61</v>
      </c>
      <c r="Y22996">
        <v>63</v>
      </c>
      <c r="Z22996">
        <v>65</v>
      </c>
      <c r="AA22996">
        <v>67</v>
      </c>
      <c r="AB22996">
        <v>69</v>
      </c>
      <c r="AC22996">
        <v>71</v>
      </c>
      <c r="AD22996">
        <v>73</v>
      </c>
      <c r="AE22996">
        <v>75</v>
      </c>
      <c r="AF22996">
        <v>76</v>
      </c>
      <c r="AG22996">
        <v>77</v>
      </c>
      <c r="AH22996">
        <v>78</v>
      </c>
      <c r="AI22996">
        <v>79</v>
      </c>
      <c r="AJ22996">
        <v>81</v>
      </c>
      <c r="AK22996">
        <v>82</v>
      </c>
      <c r="AL22996">
        <v>83</v>
      </c>
      <c r="AM22996">
        <v>85</v>
      </c>
      <c r="AN22996">
        <v>86</v>
      </c>
      <c r="AO22996">
        <v>87</v>
      </c>
      <c r="AP22996">
        <v>89</v>
      </c>
      <c r="AQ22996">
        <v>90</v>
      </c>
    </row>
    <row r="22997" spans="1:43">
      <c r="A22997" t="s">
        <v>14247</v>
      </c>
      <c r="B22997" t="s">
        <v>14248</v>
      </c>
      <c r="C22997" t="s">
        <v>14219</v>
      </c>
      <c r="D22997" t="s">
        <v>14220</v>
      </c>
      <c r="E22997" t="s">
        <v>14167</v>
      </c>
      <c r="F22997" t="s">
        <v>14168</v>
      </c>
      <c r="G22997" t="s">
        <v>10734</v>
      </c>
      <c r="H22997" t="s">
        <v>10735</v>
      </c>
      <c r="I22997" s="2">
        <v>0</v>
      </c>
      <c r="J22997" s="2">
        <v>0</v>
      </c>
      <c r="K22997" s="2">
        <v>1</v>
      </c>
      <c r="L22997" t="s">
        <v>995</v>
      </c>
      <c r="M22997" t="s">
        <v>83</v>
      </c>
      <c r="N22997" t="s">
        <v>91</v>
      </c>
      <c r="O22997" t="s">
        <v>85</v>
      </c>
      <c r="P22997" t="s">
        <v>86</v>
      </c>
      <c r="Q22997">
        <v>48</v>
      </c>
      <c r="R22997">
        <v>50</v>
      </c>
      <c r="S22997">
        <v>51</v>
      </c>
      <c r="T22997">
        <v>52</v>
      </c>
      <c r="U22997">
        <v>54</v>
      </c>
      <c r="V22997">
        <v>55</v>
      </c>
      <c r="W22997">
        <v>57</v>
      </c>
      <c r="X22997">
        <v>59</v>
      </c>
      <c r="Y22997">
        <v>60</v>
      </c>
      <c r="Z22997">
        <v>62</v>
      </c>
      <c r="AA22997">
        <v>64</v>
      </c>
      <c r="AB22997">
        <v>65</v>
      </c>
      <c r="AC22997">
        <v>67</v>
      </c>
      <c r="AD22997">
        <v>69</v>
      </c>
      <c r="AE22997">
        <v>71</v>
      </c>
      <c r="AF22997">
        <v>72</v>
      </c>
      <c r="AG22997">
        <v>74</v>
      </c>
      <c r="AH22997">
        <v>76</v>
      </c>
      <c r="AI22997">
        <v>78</v>
      </c>
      <c r="AJ22997">
        <v>80</v>
      </c>
      <c r="AK22997">
        <v>82</v>
      </c>
      <c r="AL22997">
        <v>84</v>
      </c>
      <c r="AM22997">
        <v>85</v>
      </c>
      <c r="AN22997">
        <v>86</v>
      </c>
      <c r="AO22997">
        <v>88</v>
      </c>
      <c r="AP22997">
        <v>89</v>
      </c>
      <c r="AQ22997">
        <v>91</v>
      </c>
    </row>
    <row r="22998" spans="1:43">
      <c r="A22998" t="s">
        <v>14249</v>
      </c>
      <c r="B22998" t="s">
        <v>14250</v>
      </c>
      <c r="C22998" t="s">
        <v>14219</v>
      </c>
      <c r="D22998" t="s">
        <v>14220</v>
      </c>
      <c r="E22998" t="s">
        <v>14167</v>
      </c>
      <c r="F22998" t="s">
        <v>14168</v>
      </c>
      <c r="G22998" t="s">
        <v>10734</v>
      </c>
      <c r="H22998" t="s">
        <v>10735</v>
      </c>
      <c r="I22998" s="2">
        <v>0</v>
      </c>
      <c r="J22998" s="2">
        <v>0</v>
      </c>
      <c r="K22998" s="2">
        <v>1</v>
      </c>
      <c r="L22998" t="s">
        <v>995</v>
      </c>
      <c r="M22998" t="s">
        <v>83</v>
      </c>
      <c r="N22998" t="s">
        <v>84</v>
      </c>
      <c r="O22998" t="s">
        <v>85</v>
      </c>
      <c r="P22998" t="s">
        <v>86</v>
      </c>
      <c r="Q22998">
        <v>48</v>
      </c>
      <c r="R22998">
        <v>49</v>
      </c>
      <c r="S22998">
        <v>51</v>
      </c>
      <c r="T22998">
        <v>52</v>
      </c>
      <c r="U22998">
        <v>54</v>
      </c>
      <c r="V22998">
        <v>55</v>
      </c>
      <c r="W22998">
        <v>57</v>
      </c>
      <c r="X22998">
        <v>58</v>
      </c>
      <c r="Y22998">
        <v>60</v>
      </c>
      <c r="Z22998">
        <v>62</v>
      </c>
      <c r="AA22998">
        <v>63</v>
      </c>
      <c r="AB22998">
        <v>65</v>
      </c>
      <c r="AC22998">
        <v>67</v>
      </c>
      <c r="AD22998">
        <v>68</v>
      </c>
      <c r="AE22998">
        <v>70</v>
      </c>
      <c r="AF22998">
        <v>72</v>
      </c>
      <c r="AG22998">
        <v>74</v>
      </c>
      <c r="AH22998">
        <v>76</v>
      </c>
      <c r="AI22998">
        <v>78</v>
      </c>
      <c r="AJ22998">
        <v>80</v>
      </c>
      <c r="AK22998">
        <v>82</v>
      </c>
      <c r="AL22998">
        <v>83</v>
      </c>
      <c r="AM22998">
        <v>85</v>
      </c>
      <c r="AN22998">
        <v>86</v>
      </c>
      <c r="AO22998">
        <v>87</v>
      </c>
      <c r="AP22998">
        <v>89</v>
      </c>
      <c r="AQ22998">
        <v>90</v>
      </c>
    </row>
    <row r="22999" spans="1:43">
      <c r="A22999" t="s">
        <v>14249</v>
      </c>
      <c r="B22999" t="s">
        <v>14250</v>
      </c>
      <c r="C22999" t="s">
        <v>14219</v>
      </c>
      <c r="D22999" t="s">
        <v>14220</v>
      </c>
      <c r="E22999" t="s">
        <v>14167</v>
      </c>
      <c r="F22999" t="s">
        <v>14168</v>
      </c>
      <c r="G22999" t="s">
        <v>10734</v>
      </c>
      <c r="H22999" t="s">
        <v>10735</v>
      </c>
      <c r="I22999" s="2">
        <v>0</v>
      </c>
      <c r="J22999" s="2">
        <v>0</v>
      </c>
      <c r="K22999" s="2">
        <v>1</v>
      </c>
      <c r="L22999" t="s">
        <v>995</v>
      </c>
      <c r="M22999" t="s">
        <v>87</v>
      </c>
      <c r="N22999" t="s">
        <v>88</v>
      </c>
      <c r="O22999" t="s">
        <v>85</v>
      </c>
      <c r="P22999" t="s">
        <v>86</v>
      </c>
      <c r="Q22999">
        <v>48</v>
      </c>
      <c r="R22999">
        <v>49</v>
      </c>
      <c r="S22999">
        <v>49</v>
      </c>
      <c r="T22999">
        <v>50</v>
      </c>
      <c r="U22999">
        <v>51</v>
      </c>
      <c r="V22999">
        <v>52</v>
      </c>
      <c r="W22999">
        <v>53</v>
      </c>
      <c r="X22999">
        <v>54</v>
      </c>
      <c r="Y22999">
        <v>55</v>
      </c>
      <c r="Z22999">
        <v>57</v>
      </c>
      <c r="AA22999">
        <v>58</v>
      </c>
      <c r="AB22999">
        <v>59</v>
      </c>
      <c r="AC22999">
        <v>60</v>
      </c>
      <c r="AD22999">
        <v>61</v>
      </c>
      <c r="AE22999">
        <v>62</v>
      </c>
      <c r="AF22999">
        <v>63</v>
      </c>
      <c r="AG22999">
        <v>65</v>
      </c>
      <c r="AH22999">
        <v>66</v>
      </c>
      <c r="AI22999">
        <v>67</v>
      </c>
      <c r="AJ22999">
        <v>69</v>
      </c>
      <c r="AK22999">
        <v>70</v>
      </c>
      <c r="AL22999">
        <v>71</v>
      </c>
      <c r="AM22999">
        <v>73</v>
      </c>
      <c r="AN22999">
        <v>74</v>
      </c>
      <c r="AO22999">
        <v>75</v>
      </c>
      <c r="AP22999">
        <v>77</v>
      </c>
      <c r="AQ22999">
        <v>78</v>
      </c>
    </row>
    <row r="23000" spans="1:43">
      <c r="A23000" t="s">
        <v>14249</v>
      </c>
      <c r="B23000" t="s">
        <v>14250</v>
      </c>
      <c r="C23000" t="s">
        <v>14219</v>
      </c>
      <c r="D23000" t="s">
        <v>14220</v>
      </c>
      <c r="E23000" t="s">
        <v>14167</v>
      </c>
      <c r="F23000" t="s">
        <v>14168</v>
      </c>
      <c r="G23000" t="s">
        <v>10734</v>
      </c>
      <c r="H23000" t="s">
        <v>10735</v>
      </c>
      <c r="I23000" s="2">
        <v>0</v>
      </c>
      <c r="J23000" s="2">
        <v>0</v>
      </c>
      <c r="K23000" s="2">
        <v>1</v>
      </c>
      <c r="L23000" t="s">
        <v>995</v>
      </c>
      <c r="M23000" t="s">
        <v>89</v>
      </c>
      <c r="N23000" t="s">
        <v>90</v>
      </c>
      <c r="O23000" t="s">
        <v>85</v>
      </c>
      <c r="P23000" t="s">
        <v>86</v>
      </c>
      <c r="Q23000">
        <v>48</v>
      </c>
      <c r="R23000">
        <v>49</v>
      </c>
      <c r="S23000">
        <v>51</v>
      </c>
      <c r="T23000">
        <v>53</v>
      </c>
      <c r="U23000">
        <v>55</v>
      </c>
      <c r="V23000">
        <v>57</v>
      </c>
      <c r="W23000">
        <v>59</v>
      </c>
      <c r="X23000">
        <v>61</v>
      </c>
      <c r="Y23000">
        <v>63</v>
      </c>
      <c r="Z23000">
        <v>64</v>
      </c>
      <c r="AA23000">
        <v>66</v>
      </c>
      <c r="AB23000">
        <v>68</v>
      </c>
      <c r="AC23000">
        <v>70</v>
      </c>
      <c r="AD23000">
        <v>73</v>
      </c>
      <c r="AE23000">
        <v>74</v>
      </c>
      <c r="AF23000">
        <v>75</v>
      </c>
      <c r="AG23000">
        <v>77</v>
      </c>
      <c r="AH23000">
        <v>78</v>
      </c>
      <c r="AI23000">
        <v>79</v>
      </c>
      <c r="AJ23000">
        <v>81</v>
      </c>
      <c r="AK23000">
        <v>82</v>
      </c>
      <c r="AL23000">
        <v>83</v>
      </c>
      <c r="AM23000">
        <v>85</v>
      </c>
      <c r="AN23000">
        <v>86</v>
      </c>
      <c r="AO23000">
        <v>87</v>
      </c>
      <c r="AP23000">
        <v>89</v>
      </c>
      <c r="AQ23000">
        <v>90</v>
      </c>
    </row>
    <row r="23001" spans="1:43">
      <c r="A23001" t="s">
        <v>14249</v>
      </c>
      <c r="B23001" t="s">
        <v>14250</v>
      </c>
      <c r="C23001" t="s">
        <v>14219</v>
      </c>
      <c r="D23001" t="s">
        <v>14220</v>
      </c>
      <c r="E23001" t="s">
        <v>14167</v>
      </c>
      <c r="F23001" t="s">
        <v>14168</v>
      </c>
      <c r="G23001" t="s">
        <v>10734</v>
      </c>
      <c r="H23001" t="s">
        <v>10735</v>
      </c>
      <c r="I23001" s="2">
        <v>0</v>
      </c>
      <c r="J23001" s="2">
        <v>0</v>
      </c>
      <c r="K23001" s="2">
        <v>1</v>
      </c>
      <c r="L23001" t="s">
        <v>995</v>
      </c>
      <c r="M23001" t="s">
        <v>83</v>
      </c>
      <c r="N23001" t="s">
        <v>91</v>
      </c>
      <c r="O23001" t="s">
        <v>85</v>
      </c>
      <c r="P23001" t="s">
        <v>86</v>
      </c>
      <c r="Q23001">
        <v>48</v>
      </c>
      <c r="R23001">
        <v>49</v>
      </c>
      <c r="S23001">
        <v>51</v>
      </c>
      <c r="T23001">
        <v>52</v>
      </c>
      <c r="U23001">
        <v>54</v>
      </c>
      <c r="V23001">
        <v>55</v>
      </c>
      <c r="W23001">
        <v>57</v>
      </c>
      <c r="X23001">
        <v>58</v>
      </c>
      <c r="Y23001">
        <v>60</v>
      </c>
      <c r="Z23001">
        <v>62</v>
      </c>
      <c r="AA23001">
        <v>63</v>
      </c>
      <c r="AB23001">
        <v>65</v>
      </c>
      <c r="AC23001">
        <v>67</v>
      </c>
      <c r="AD23001">
        <v>68</v>
      </c>
      <c r="AE23001">
        <v>70</v>
      </c>
      <c r="AF23001">
        <v>72</v>
      </c>
      <c r="AG23001">
        <v>74</v>
      </c>
      <c r="AH23001">
        <v>76</v>
      </c>
      <c r="AI23001">
        <v>78</v>
      </c>
      <c r="AJ23001">
        <v>80</v>
      </c>
      <c r="AK23001">
        <v>82</v>
      </c>
      <c r="AL23001">
        <v>83</v>
      </c>
      <c r="AM23001">
        <v>85</v>
      </c>
      <c r="AN23001">
        <v>86</v>
      </c>
      <c r="AO23001">
        <v>87</v>
      </c>
      <c r="AP23001">
        <v>89</v>
      </c>
      <c r="AQ23001">
        <v>90</v>
      </c>
    </row>
    <row r="23002" spans="1:43">
      <c r="A23002" t="s">
        <v>14251</v>
      </c>
      <c r="B23002" t="s">
        <v>14252</v>
      </c>
      <c r="C23002" t="s">
        <v>14213</v>
      </c>
      <c r="D23002" t="s">
        <v>14214</v>
      </c>
      <c r="E23002" t="s">
        <v>14167</v>
      </c>
      <c r="F23002" t="s">
        <v>14168</v>
      </c>
      <c r="G23002" t="s">
        <v>10734</v>
      </c>
      <c r="H23002" t="s">
        <v>10735</v>
      </c>
      <c r="I23002" s="2">
        <v>0</v>
      </c>
      <c r="J23002" s="2">
        <v>0</v>
      </c>
      <c r="K23002" s="2">
        <v>1</v>
      </c>
      <c r="L23002" t="s">
        <v>995</v>
      </c>
      <c r="M23002" t="s">
        <v>83</v>
      </c>
      <c r="N23002" t="s">
        <v>84</v>
      </c>
      <c r="O23002" t="s">
        <v>85</v>
      </c>
      <c r="P23002" t="s">
        <v>86</v>
      </c>
      <c r="Q23002">
        <v>139</v>
      </c>
      <c r="R23002">
        <v>143</v>
      </c>
      <c r="S23002">
        <v>147</v>
      </c>
      <c r="T23002">
        <v>152</v>
      </c>
      <c r="U23002">
        <v>156</v>
      </c>
      <c r="V23002">
        <v>160</v>
      </c>
      <c r="W23002">
        <v>165</v>
      </c>
      <c r="X23002">
        <v>169</v>
      </c>
      <c r="Y23002">
        <v>174</v>
      </c>
      <c r="Z23002">
        <v>178</v>
      </c>
      <c r="AA23002">
        <v>183</v>
      </c>
      <c r="AB23002">
        <v>188</v>
      </c>
      <c r="AC23002">
        <v>193</v>
      </c>
      <c r="AD23002">
        <v>198</v>
      </c>
      <c r="AE23002">
        <v>203</v>
      </c>
      <c r="AF23002">
        <v>209</v>
      </c>
      <c r="AG23002">
        <v>214</v>
      </c>
      <c r="AH23002">
        <v>219</v>
      </c>
      <c r="AI23002">
        <v>225</v>
      </c>
      <c r="AJ23002">
        <v>231</v>
      </c>
      <c r="AK23002">
        <v>237</v>
      </c>
      <c r="AL23002">
        <v>241</v>
      </c>
      <c r="AM23002">
        <v>245</v>
      </c>
      <c r="AN23002">
        <v>249</v>
      </c>
      <c r="AO23002">
        <v>254</v>
      </c>
      <c r="AP23002">
        <v>258</v>
      </c>
      <c r="AQ23002">
        <v>262</v>
      </c>
    </row>
    <row r="23003" spans="1:43">
      <c r="A23003" t="s">
        <v>14251</v>
      </c>
      <c r="B23003" t="s">
        <v>14252</v>
      </c>
      <c r="C23003" t="s">
        <v>14213</v>
      </c>
      <c r="D23003" t="s">
        <v>14214</v>
      </c>
      <c r="E23003" t="s">
        <v>14167</v>
      </c>
      <c r="F23003" t="s">
        <v>14168</v>
      </c>
      <c r="G23003" t="s">
        <v>10734</v>
      </c>
      <c r="H23003" t="s">
        <v>10735</v>
      </c>
      <c r="I23003" s="2">
        <v>0</v>
      </c>
      <c r="J23003" s="2">
        <v>0</v>
      </c>
      <c r="K23003" s="2">
        <v>1</v>
      </c>
      <c r="L23003" t="s">
        <v>995</v>
      </c>
      <c r="M23003" t="s">
        <v>87</v>
      </c>
      <c r="N23003" t="s">
        <v>88</v>
      </c>
      <c r="O23003" t="s">
        <v>85</v>
      </c>
      <c r="P23003" t="s">
        <v>86</v>
      </c>
      <c r="Q23003">
        <v>139</v>
      </c>
      <c r="R23003">
        <v>142</v>
      </c>
      <c r="S23003">
        <v>144</v>
      </c>
      <c r="T23003">
        <v>147</v>
      </c>
      <c r="U23003">
        <v>150</v>
      </c>
      <c r="V23003">
        <v>153</v>
      </c>
      <c r="W23003">
        <v>156</v>
      </c>
      <c r="X23003">
        <v>159</v>
      </c>
      <c r="Y23003">
        <v>162</v>
      </c>
      <c r="Z23003">
        <v>165</v>
      </c>
      <c r="AA23003">
        <v>168</v>
      </c>
      <c r="AB23003">
        <v>171</v>
      </c>
      <c r="AC23003">
        <v>174</v>
      </c>
      <c r="AD23003">
        <v>178</v>
      </c>
      <c r="AE23003">
        <v>181</v>
      </c>
      <c r="AF23003">
        <v>184</v>
      </c>
      <c r="AG23003">
        <v>188</v>
      </c>
      <c r="AH23003">
        <v>192</v>
      </c>
      <c r="AI23003">
        <v>195</v>
      </c>
      <c r="AJ23003">
        <v>199</v>
      </c>
      <c r="AK23003">
        <v>203</v>
      </c>
      <c r="AL23003">
        <v>207</v>
      </c>
      <c r="AM23003">
        <v>210</v>
      </c>
      <c r="AN23003">
        <v>214</v>
      </c>
      <c r="AO23003">
        <v>219</v>
      </c>
      <c r="AP23003">
        <v>223</v>
      </c>
      <c r="AQ23003">
        <v>227</v>
      </c>
    </row>
    <row r="23004" spans="1:43">
      <c r="A23004" t="s">
        <v>14251</v>
      </c>
      <c r="B23004" t="s">
        <v>14252</v>
      </c>
      <c r="C23004" t="s">
        <v>14213</v>
      </c>
      <c r="D23004" t="s">
        <v>14214</v>
      </c>
      <c r="E23004" t="s">
        <v>14167</v>
      </c>
      <c r="F23004" t="s">
        <v>14168</v>
      </c>
      <c r="G23004" t="s">
        <v>10734</v>
      </c>
      <c r="H23004" t="s">
        <v>10735</v>
      </c>
      <c r="I23004" s="2">
        <v>0</v>
      </c>
      <c r="J23004" s="2">
        <v>0</v>
      </c>
      <c r="K23004" s="2">
        <v>1</v>
      </c>
      <c r="L23004" t="s">
        <v>995</v>
      </c>
      <c r="M23004" t="s">
        <v>89</v>
      </c>
      <c r="N23004" t="s">
        <v>90</v>
      </c>
      <c r="O23004" t="s">
        <v>85</v>
      </c>
      <c r="P23004" t="s">
        <v>86</v>
      </c>
      <c r="Q23004">
        <v>139</v>
      </c>
      <c r="R23004">
        <v>144</v>
      </c>
      <c r="S23004">
        <v>149</v>
      </c>
      <c r="T23004">
        <v>155</v>
      </c>
      <c r="U23004">
        <v>160</v>
      </c>
      <c r="V23004">
        <v>166</v>
      </c>
      <c r="W23004">
        <v>171</v>
      </c>
      <c r="X23004">
        <v>177</v>
      </c>
      <c r="Y23004">
        <v>182</v>
      </c>
      <c r="Z23004">
        <v>188</v>
      </c>
      <c r="AA23004">
        <v>193</v>
      </c>
      <c r="AB23004">
        <v>199</v>
      </c>
      <c r="AC23004">
        <v>205</v>
      </c>
      <c r="AD23004">
        <v>211</v>
      </c>
      <c r="AE23004">
        <v>216</v>
      </c>
      <c r="AF23004">
        <v>220</v>
      </c>
      <c r="AG23004">
        <v>224</v>
      </c>
      <c r="AH23004">
        <v>227</v>
      </c>
      <c r="AI23004">
        <v>231</v>
      </c>
      <c r="AJ23004">
        <v>235</v>
      </c>
      <c r="AK23004">
        <v>239</v>
      </c>
      <c r="AL23004">
        <v>243</v>
      </c>
      <c r="AM23004">
        <v>247</v>
      </c>
      <c r="AN23004">
        <v>251</v>
      </c>
      <c r="AO23004">
        <v>255</v>
      </c>
      <c r="AP23004">
        <v>259</v>
      </c>
      <c r="AQ23004">
        <v>263</v>
      </c>
    </row>
    <row r="23005" spans="1:43">
      <c r="A23005" t="s">
        <v>14251</v>
      </c>
      <c r="B23005" t="s">
        <v>14252</v>
      </c>
      <c r="C23005" t="s">
        <v>14213</v>
      </c>
      <c r="D23005" t="s">
        <v>14214</v>
      </c>
      <c r="E23005" t="s">
        <v>14167</v>
      </c>
      <c r="F23005" t="s">
        <v>14168</v>
      </c>
      <c r="G23005" t="s">
        <v>10734</v>
      </c>
      <c r="H23005" t="s">
        <v>10735</v>
      </c>
      <c r="I23005" s="2">
        <v>0</v>
      </c>
      <c r="J23005" s="2">
        <v>0</v>
      </c>
      <c r="K23005" s="2">
        <v>1</v>
      </c>
      <c r="L23005" t="s">
        <v>995</v>
      </c>
      <c r="M23005" t="s">
        <v>83</v>
      </c>
      <c r="N23005" t="s">
        <v>91</v>
      </c>
      <c r="O23005" t="s">
        <v>85</v>
      </c>
      <c r="P23005" t="s">
        <v>86</v>
      </c>
      <c r="Q23005">
        <v>139</v>
      </c>
      <c r="R23005">
        <v>143</v>
      </c>
      <c r="S23005">
        <v>147</v>
      </c>
      <c r="T23005">
        <v>152</v>
      </c>
      <c r="U23005">
        <v>156</v>
      </c>
      <c r="V23005">
        <v>160</v>
      </c>
      <c r="W23005">
        <v>165</v>
      </c>
      <c r="X23005">
        <v>169</v>
      </c>
      <c r="Y23005">
        <v>174</v>
      </c>
      <c r="Z23005">
        <v>178</v>
      </c>
      <c r="AA23005">
        <v>183</v>
      </c>
      <c r="AB23005">
        <v>188</v>
      </c>
      <c r="AC23005">
        <v>193</v>
      </c>
      <c r="AD23005">
        <v>198</v>
      </c>
      <c r="AE23005">
        <v>203</v>
      </c>
      <c r="AF23005">
        <v>209</v>
      </c>
      <c r="AG23005">
        <v>214</v>
      </c>
      <c r="AH23005">
        <v>219</v>
      </c>
      <c r="AI23005">
        <v>225</v>
      </c>
      <c r="AJ23005">
        <v>231</v>
      </c>
      <c r="AK23005">
        <v>237</v>
      </c>
      <c r="AL23005">
        <v>241</v>
      </c>
      <c r="AM23005">
        <v>245</v>
      </c>
      <c r="AN23005">
        <v>249</v>
      </c>
      <c r="AO23005">
        <v>254</v>
      </c>
      <c r="AP23005">
        <v>258</v>
      </c>
      <c r="AQ23005">
        <v>262</v>
      </c>
    </row>
    <row r="23006" spans="1:43">
      <c r="A23006" t="s">
        <v>14253</v>
      </c>
      <c r="B23006" t="s">
        <v>14254</v>
      </c>
      <c r="C23006" t="s">
        <v>14213</v>
      </c>
      <c r="D23006" t="s">
        <v>14214</v>
      </c>
      <c r="E23006" t="s">
        <v>14167</v>
      </c>
      <c r="F23006" t="s">
        <v>14168</v>
      </c>
      <c r="G23006" t="s">
        <v>10734</v>
      </c>
      <c r="H23006" t="s">
        <v>10735</v>
      </c>
      <c r="I23006" s="2">
        <v>0</v>
      </c>
      <c r="J23006" s="2">
        <v>0</v>
      </c>
      <c r="K23006" s="2">
        <v>1</v>
      </c>
      <c r="L23006" t="s">
        <v>995</v>
      </c>
      <c r="M23006" t="s">
        <v>83</v>
      </c>
      <c r="N23006" t="s">
        <v>84</v>
      </c>
      <c r="O23006" t="s">
        <v>85</v>
      </c>
      <c r="P23006" t="s">
        <v>86</v>
      </c>
      <c r="Q23006">
        <v>53</v>
      </c>
      <c r="R23006">
        <v>54</v>
      </c>
      <c r="S23006">
        <v>56</v>
      </c>
      <c r="T23006">
        <v>57</v>
      </c>
      <c r="U23006">
        <v>59</v>
      </c>
      <c r="V23006">
        <v>60</v>
      </c>
      <c r="W23006">
        <v>62</v>
      </c>
      <c r="X23006">
        <v>64</v>
      </c>
      <c r="Y23006">
        <v>66</v>
      </c>
      <c r="Z23006">
        <v>67</v>
      </c>
      <c r="AA23006">
        <v>69</v>
      </c>
      <c r="AB23006">
        <v>71</v>
      </c>
      <c r="AC23006">
        <v>73</v>
      </c>
      <c r="AD23006">
        <v>75</v>
      </c>
      <c r="AE23006">
        <v>77</v>
      </c>
      <c r="AF23006">
        <v>79</v>
      </c>
      <c r="AG23006">
        <v>81</v>
      </c>
      <c r="AH23006">
        <v>83</v>
      </c>
      <c r="AI23006">
        <v>85</v>
      </c>
      <c r="AJ23006">
        <v>87</v>
      </c>
      <c r="AK23006">
        <v>89</v>
      </c>
      <c r="AL23006">
        <v>91</v>
      </c>
      <c r="AM23006">
        <v>93</v>
      </c>
      <c r="AN23006">
        <v>94</v>
      </c>
      <c r="AO23006">
        <v>96</v>
      </c>
      <c r="AP23006">
        <v>97</v>
      </c>
      <c r="AQ23006">
        <v>99</v>
      </c>
    </row>
    <row r="23007" spans="1:43">
      <c r="A23007" t="s">
        <v>14253</v>
      </c>
      <c r="B23007" t="s">
        <v>14254</v>
      </c>
      <c r="C23007" t="s">
        <v>14213</v>
      </c>
      <c r="D23007" t="s">
        <v>14214</v>
      </c>
      <c r="E23007" t="s">
        <v>14167</v>
      </c>
      <c r="F23007" t="s">
        <v>14168</v>
      </c>
      <c r="G23007" t="s">
        <v>10734</v>
      </c>
      <c r="H23007" t="s">
        <v>10735</v>
      </c>
      <c r="I23007" s="2">
        <v>0</v>
      </c>
      <c r="J23007" s="2">
        <v>0</v>
      </c>
      <c r="K23007" s="2">
        <v>1</v>
      </c>
      <c r="L23007" t="s">
        <v>995</v>
      </c>
      <c r="M23007" t="s">
        <v>87</v>
      </c>
      <c r="N23007" t="s">
        <v>88</v>
      </c>
      <c r="O23007" t="s">
        <v>85</v>
      </c>
      <c r="P23007" t="s">
        <v>86</v>
      </c>
      <c r="Q23007">
        <v>53</v>
      </c>
      <c r="R23007">
        <v>54</v>
      </c>
      <c r="S23007">
        <v>55</v>
      </c>
      <c r="T23007">
        <v>56</v>
      </c>
      <c r="U23007">
        <v>57</v>
      </c>
      <c r="V23007">
        <v>58</v>
      </c>
      <c r="W23007">
        <v>59</v>
      </c>
      <c r="X23007">
        <v>61</v>
      </c>
      <c r="Y23007">
        <v>62</v>
      </c>
      <c r="Z23007">
        <v>63</v>
      </c>
      <c r="AA23007">
        <v>64</v>
      </c>
      <c r="AB23007">
        <v>65</v>
      </c>
      <c r="AC23007">
        <v>66</v>
      </c>
      <c r="AD23007">
        <v>68</v>
      </c>
      <c r="AE23007">
        <v>69</v>
      </c>
      <c r="AF23007">
        <v>70</v>
      </c>
      <c r="AG23007">
        <v>72</v>
      </c>
      <c r="AH23007">
        <v>73</v>
      </c>
      <c r="AI23007">
        <v>74</v>
      </c>
      <c r="AJ23007">
        <v>76</v>
      </c>
      <c r="AK23007">
        <v>77</v>
      </c>
      <c r="AL23007">
        <v>79</v>
      </c>
      <c r="AM23007">
        <v>80</v>
      </c>
      <c r="AN23007">
        <v>82</v>
      </c>
      <c r="AO23007">
        <v>83</v>
      </c>
      <c r="AP23007">
        <v>85</v>
      </c>
      <c r="AQ23007">
        <v>86</v>
      </c>
    </row>
    <row r="23008" spans="1:43">
      <c r="A23008" t="s">
        <v>14253</v>
      </c>
      <c r="B23008" t="s">
        <v>14254</v>
      </c>
      <c r="C23008" t="s">
        <v>14213</v>
      </c>
      <c r="D23008" t="s">
        <v>14214</v>
      </c>
      <c r="E23008" t="s">
        <v>14167</v>
      </c>
      <c r="F23008" t="s">
        <v>14168</v>
      </c>
      <c r="G23008" t="s">
        <v>10734</v>
      </c>
      <c r="H23008" t="s">
        <v>10735</v>
      </c>
      <c r="I23008" s="2">
        <v>0</v>
      </c>
      <c r="J23008" s="2">
        <v>0</v>
      </c>
      <c r="K23008" s="2">
        <v>1</v>
      </c>
      <c r="L23008" t="s">
        <v>995</v>
      </c>
      <c r="M23008" t="s">
        <v>89</v>
      </c>
      <c r="N23008" t="s">
        <v>90</v>
      </c>
      <c r="O23008" t="s">
        <v>85</v>
      </c>
      <c r="P23008" t="s">
        <v>86</v>
      </c>
      <c r="Q23008">
        <v>53</v>
      </c>
      <c r="R23008">
        <v>55</v>
      </c>
      <c r="S23008">
        <v>57</v>
      </c>
      <c r="T23008">
        <v>59</v>
      </c>
      <c r="U23008">
        <v>61</v>
      </c>
      <c r="V23008">
        <v>63</v>
      </c>
      <c r="W23008">
        <v>65</v>
      </c>
      <c r="X23008">
        <v>67</v>
      </c>
      <c r="Y23008">
        <v>70</v>
      </c>
      <c r="Z23008">
        <v>72</v>
      </c>
      <c r="AA23008">
        <v>74</v>
      </c>
      <c r="AB23008">
        <v>76</v>
      </c>
      <c r="AC23008">
        <v>78</v>
      </c>
      <c r="AD23008">
        <v>80</v>
      </c>
      <c r="AE23008">
        <v>82</v>
      </c>
      <c r="AF23008">
        <v>84</v>
      </c>
      <c r="AG23008">
        <v>85</v>
      </c>
      <c r="AH23008">
        <v>87</v>
      </c>
      <c r="AI23008">
        <v>88</v>
      </c>
      <c r="AJ23008">
        <v>89</v>
      </c>
      <c r="AK23008">
        <v>91</v>
      </c>
      <c r="AL23008">
        <v>92</v>
      </c>
      <c r="AM23008">
        <v>94</v>
      </c>
      <c r="AN23008">
        <v>95</v>
      </c>
      <c r="AO23008">
        <v>97</v>
      </c>
      <c r="AP23008">
        <v>99</v>
      </c>
      <c r="AQ23008">
        <v>100</v>
      </c>
    </row>
    <row r="23009" spans="1:43">
      <c r="A23009" t="s">
        <v>14253</v>
      </c>
      <c r="B23009" t="s">
        <v>14254</v>
      </c>
      <c r="C23009" t="s">
        <v>14213</v>
      </c>
      <c r="D23009" t="s">
        <v>14214</v>
      </c>
      <c r="E23009" t="s">
        <v>14167</v>
      </c>
      <c r="F23009" t="s">
        <v>14168</v>
      </c>
      <c r="G23009" t="s">
        <v>10734</v>
      </c>
      <c r="H23009" t="s">
        <v>10735</v>
      </c>
      <c r="I23009" s="2">
        <v>0</v>
      </c>
      <c r="J23009" s="2">
        <v>0</v>
      </c>
      <c r="K23009" s="2">
        <v>1</v>
      </c>
      <c r="L23009" t="s">
        <v>995</v>
      </c>
      <c r="M23009" t="s">
        <v>83</v>
      </c>
      <c r="N23009" t="s">
        <v>91</v>
      </c>
      <c r="O23009" t="s">
        <v>85</v>
      </c>
      <c r="P23009" t="s">
        <v>86</v>
      </c>
      <c r="Q23009">
        <v>53</v>
      </c>
      <c r="R23009">
        <v>54</v>
      </c>
      <c r="S23009">
        <v>56</v>
      </c>
      <c r="T23009">
        <v>57</v>
      </c>
      <c r="U23009">
        <v>59</v>
      </c>
      <c r="V23009">
        <v>60</v>
      </c>
      <c r="W23009">
        <v>62</v>
      </c>
      <c r="X23009">
        <v>64</v>
      </c>
      <c r="Y23009">
        <v>66</v>
      </c>
      <c r="Z23009">
        <v>67</v>
      </c>
      <c r="AA23009">
        <v>69</v>
      </c>
      <c r="AB23009">
        <v>71</v>
      </c>
      <c r="AC23009">
        <v>73</v>
      </c>
      <c r="AD23009">
        <v>75</v>
      </c>
      <c r="AE23009">
        <v>77</v>
      </c>
      <c r="AF23009">
        <v>79</v>
      </c>
      <c r="AG23009">
        <v>81</v>
      </c>
      <c r="AH23009">
        <v>83</v>
      </c>
      <c r="AI23009">
        <v>85</v>
      </c>
      <c r="AJ23009">
        <v>87</v>
      </c>
      <c r="AK23009">
        <v>89</v>
      </c>
      <c r="AL23009">
        <v>91</v>
      </c>
      <c r="AM23009">
        <v>93</v>
      </c>
      <c r="AN23009">
        <v>94</v>
      </c>
      <c r="AO23009">
        <v>96</v>
      </c>
      <c r="AP23009">
        <v>97</v>
      </c>
      <c r="AQ23009">
        <v>99</v>
      </c>
    </row>
    <row r="23010" spans="1:43">
      <c r="A23010" t="s">
        <v>14255</v>
      </c>
      <c r="B23010" t="s">
        <v>14256</v>
      </c>
      <c r="C23010" t="s">
        <v>14213</v>
      </c>
      <c r="D23010" t="s">
        <v>14214</v>
      </c>
      <c r="E23010" t="s">
        <v>14167</v>
      </c>
      <c r="F23010" t="s">
        <v>14168</v>
      </c>
      <c r="G23010" t="s">
        <v>10734</v>
      </c>
      <c r="H23010" t="s">
        <v>10735</v>
      </c>
      <c r="I23010" s="2">
        <v>0</v>
      </c>
      <c r="J23010" s="2">
        <v>0</v>
      </c>
      <c r="K23010" s="2">
        <v>1</v>
      </c>
      <c r="L23010" t="s">
        <v>995</v>
      </c>
      <c r="M23010" t="s">
        <v>83</v>
      </c>
      <c r="N23010" t="s">
        <v>84</v>
      </c>
      <c r="O23010" t="s">
        <v>85</v>
      </c>
      <c r="P23010" t="s">
        <v>86</v>
      </c>
      <c r="Q23010">
        <v>8</v>
      </c>
      <c r="R23010">
        <v>8</v>
      </c>
      <c r="S23010">
        <v>8</v>
      </c>
      <c r="T23010">
        <v>9</v>
      </c>
      <c r="U23010">
        <v>9</v>
      </c>
      <c r="V23010">
        <v>9</v>
      </c>
      <c r="W23010">
        <v>9</v>
      </c>
      <c r="X23010">
        <v>10</v>
      </c>
      <c r="Y23010">
        <v>10</v>
      </c>
      <c r="Z23010">
        <v>10</v>
      </c>
      <c r="AA23010">
        <v>10</v>
      </c>
      <c r="AB23010">
        <v>11</v>
      </c>
      <c r="AC23010">
        <v>11</v>
      </c>
      <c r="AD23010">
        <v>11</v>
      </c>
      <c r="AE23010">
        <v>12</v>
      </c>
      <c r="AF23010">
        <v>12</v>
      </c>
      <c r="AG23010">
        <v>12</v>
      </c>
      <c r="AH23010">
        <v>13</v>
      </c>
      <c r="AI23010">
        <v>13</v>
      </c>
      <c r="AJ23010">
        <v>13</v>
      </c>
      <c r="AK23010">
        <v>14</v>
      </c>
      <c r="AL23010">
        <v>14</v>
      </c>
      <c r="AM23010">
        <v>14</v>
      </c>
      <c r="AN23010">
        <v>14</v>
      </c>
      <c r="AO23010">
        <v>14</v>
      </c>
      <c r="AP23010">
        <v>15</v>
      </c>
      <c r="AQ23010">
        <v>15</v>
      </c>
    </row>
    <row r="23011" spans="1:43">
      <c r="A23011" t="s">
        <v>14255</v>
      </c>
      <c r="B23011" t="s">
        <v>14256</v>
      </c>
      <c r="C23011" t="s">
        <v>14213</v>
      </c>
      <c r="D23011" t="s">
        <v>14214</v>
      </c>
      <c r="E23011" t="s">
        <v>14167</v>
      </c>
      <c r="F23011" t="s">
        <v>14168</v>
      </c>
      <c r="G23011" t="s">
        <v>10734</v>
      </c>
      <c r="H23011" t="s">
        <v>10735</v>
      </c>
      <c r="I23011" s="2">
        <v>0</v>
      </c>
      <c r="J23011" s="2">
        <v>0</v>
      </c>
      <c r="K23011" s="2">
        <v>1</v>
      </c>
      <c r="L23011" t="s">
        <v>995</v>
      </c>
      <c r="M23011" t="s">
        <v>87</v>
      </c>
      <c r="N23011" t="s">
        <v>88</v>
      </c>
      <c r="O23011" t="s">
        <v>85</v>
      </c>
      <c r="P23011" t="s">
        <v>86</v>
      </c>
      <c r="Q23011">
        <v>8</v>
      </c>
      <c r="R23011">
        <v>8</v>
      </c>
      <c r="S23011">
        <v>8</v>
      </c>
      <c r="T23011">
        <v>8</v>
      </c>
      <c r="U23011">
        <v>9</v>
      </c>
      <c r="V23011">
        <v>9</v>
      </c>
      <c r="W23011">
        <v>9</v>
      </c>
      <c r="X23011">
        <v>9</v>
      </c>
      <c r="Y23011">
        <v>9</v>
      </c>
      <c r="Z23011">
        <v>9</v>
      </c>
      <c r="AA23011">
        <v>10</v>
      </c>
      <c r="AB23011">
        <v>10</v>
      </c>
      <c r="AC23011">
        <v>10</v>
      </c>
      <c r="AD23011">
        <v>10</v>
      </c>
      <c r="AE23011">
        <v>10</v>
      </c>
      <c r="AF23011">
        <v>10</v>
      </c>
      <c r="AG23011">
        <v>11</v>
      </c>
      <c r="AH23011">
        <v>11</v>
      </c>
      <c r="AI23011">
        <v>11</v>
      </c>
      <c r="AJ23011">
        <v>11</v>
      </c>
      <c r="AK23011">
        <v>12</v>
      </c>
      <c r="AL23011">
        <v>12</v>
      </c>
      <c r="AM23011">
        <v>12</v>
      </c>
      <c r="AN23011">
        <v>12</v>
      </c>
      <c r="AO23011">
        <v>12</v>
      </c>
      <c r="AP23011">
        <v>13</v>
      </c>
      <c r="AQ23011">
        <v>13</v>
      </c>
    </row>
    <row r="23012" spans="1:43">
      <c r="A23012" t="s">
        <v>14255</v>
      </c>
      <c r="B23012" t="s">
        <v>14256</v>
      </c>
      <c r="C23012" t="s">
        <v>14213</v>
      </c>
      <c r="D23012" t="s">
        <v>14214</v>
      </c>
      <c r="E23012" t="s">
        <v>14167</v>
      </c>
      <c r="F23012" t="s">
        <v>14168</v>
      </c>
      <c r="G23012" t="s">
        <v>10734</v>
      </c>
      <c r="H23012" t="s">
        <v>10735</v>
      </c>
      <c r="I23012" s="2">
        <v>0</v>
      </c>
      <c r="J23012" s="2">
        <v>0</v>
      </c>
      <c r="K23012" s="2">
        <v>1</v>
      </c>
      <c r="L23012" t="s">
        <v>995</v>
      </c>
      <c r="M23012" t="s">
        <v>89</v>
      </c>
      <c r="N23012" t="s">
        <v>90</v>
      </c>
      <c r="O23012" t="s">
        <v>85</v>
      </c>
      <c r="P23012" t="s">
        <v>86</v>
      </c>
      <c r="Q23012">
        <v>8</v>
      </c>
      <c r="R23012">
        <v>8</v>
      </c>
      <c r="S23012">
        <v>9</v>
      </c>
      <c r="T23012">
        <v>9</v>
      </c>
      <c r="U23012">
        <v>9</v>
      </c>
      <c r="V23012">
        <v>10</v>
      </c>
      <c r="W23012">
        <v>10</v>
      </c>
      <c r="X23012">
        <v>10</v>
      </c>
      <c r="Y23012">
        <v>11</v>
      </c>
      <c r="Z23012">
        <v>11</v>
      </c>
      <c r="AA23012">
        <v>11</v>
      </c>
      <c r="AB23012">
        <v>11</v>
      </c>
      <c r="AC23012">
        <v>12</v>
      </c>
      <c r="AD23012">
        <v>12</v>
      </c>
      <c r="AE23012">
        <v>12</v>
      </c>
      <c r="AF23012">
        <v>13</v>
      </c>
      <c r="AG23012">
        <v>13</v>
      </c>
      <c r="AH23012">
        <v>13</v>
      </c>
      <c r="AI23012">
        <v>13</v>
      </c>
      <c r="AJ23012">
        <v>14</v>
      </c>
      <c r="AK23012">
        <v>14</v>
      </c>
      <c r="AL23012">
        <v>14</v>
      </c>
      <c r="AM23012">
        <v>14</v>
      </c>
      <c r="AN23012">
        <v>14</v>
      </c>
      <c r="AO23012">
        <v>15</v>
      </c>
      <c r="AP23012">
        <v>15</v>
      </c>
      <c r="AQ23012">
        <v>15</v>
      </c>
    </row>
    <row r="23013" spans="1:43">
      <c r="A23013" t="s">
        <v>14255</v>
      </c>
      <c r="B23013" t="s">
        <v>14256</v>
      </c>
      <c r="C23013" t="s">
        <v>14213</v>
      </c>
      <c r="D23013" t="s">
        <v>14214</v>
      </c>
      <c r="E23013" t="s">
        <v>14167</v>
      </c>
      <c r="F23013" t="s">
        <v>14168</v>
      </c>
      <c r="G23013" t="s">
        <v>10734</v>
      </c>
      <c r="H23013" t="s">
        <v>10735</v>
      </c>
      <c r="I23013" s="2">
        <v>0</v>
      </c>
      <c r="J23013" s="2">
        <v>0</v>
      </c>
      <c r="K23013" s="2">
        <v>1</v>
      </c>
      <c r="L23013" t="s">
        <v>995</v>
      </c>
      <c r="M23013" t="s">
        <v>83</v>
      </c>
      <c r="N23013" t="s">
        <v>91</v>
      </c>
      <c r="O23013" t="s">
        <v>85</v>
      </c>
      <c r="P23013" t="s">
        <v>86</v>
      </c>
      <c r="Q23013">
        <v>8</v>
      </c>
      <c r="R23013">
        <v>8</v>
      </c>
      <c r="S23013">
        <v>8</v>
      </c>
      <c r="T23013">
        <v>9</v>
      </c>
      <c r="U23013">
        <v>9</v>
      </c>
      <c r="V23013">
        <v>9</v>
      </c>
      <c r="W23013">
        <v>9</v>
      </c>
      <c r="X23013">
        <v>10</v>
      </c>
      <c r="Y23013">
        <v>10</v>
      </c>
      <c r="Z23013">
        <v>10</v>
      </c>
      <c r="AA23013">
        <v>10</v>
      </c>
      <c r="AB23013">
        <v>11</v>
      </c>
      <c r="AC23013">
        <v>11</v>
      </c>
      <c r="AD23013">
        <v>11</v>
      </c>
      <c r="AE23013">
        <v>12</v>
      </c>
      <c r="AF23013">
        <v>12</v>
      </c>
      <c r="AG23013">
        <v>12</v>
      </c>
      <c r="AH23013">
        <v>13</v>
      </c>
      <c r="AI23013">
        <v>13</v>
      </c>
      <c r="AJ23013">
        <v>13</v>
      </c>
      <c r="AK23013">
        <v>14</v>
      </c>
      <c r="AL23013">
        <v>14</v>
      </c>
      <c r="AM23013">
        <v>14</v>
      </c>
      <c r="AN23013">
        <v>14</v>
      </c>
      <c r="AO23013">
        <v>14</v>
      </c>
      <c r="AP23013">
        <v>15</v>
      </c>
      <c r="AQ23013">
        <v>15</v>
      </c>
    </row>
    <row r="23014" spans="1:43">
      <c r="A23014" t="s">
        <v>14257</v>
      </c>
      <c r="B23014" t="s">
        <v>14258</v>
      </c>
      <c r="C23014" t="s">
        <v>14241</v>
      </c>
      <c r="D23014" t="s">
        <v>14242</v>
      </c>
      <c r="E23014" t="s">
        <v>14167</v>
      </c>
      <c r="F23014" t="s">
        <v>14168</v>
      </c>
      <c r="G23014" t="s">
        <v>10734</v>
      </c>
      <c r="H23014" t="s">
        <v>10735</v>
      </c>
      <c r="I23014" s="2">
        <v>0</v>
      </c>
      <c r="J23014" s="2">
        <v>0</v>
      </c>
      <c r="K23014" s="2">
        <v>1</v>
      </c>
      <c r="L23014" t="s">
        <v>995</v>
      </c>
      <c r="M23014" t="s">
        <v>83</v>
      </c>
      <c r="N23014" t="s">
        <v>84</v>
      </c>
      <c r="O23014" t="s">
        <v>85</v>
      </c>
      <c r="P23014" t="s">
        <v>86</v>
      </c>
      <c r="Q23014">
        <v>34</v>
      </c>
      <c r="R23014">
        <v>35</v>
      </c>
      <c r="S23014">
        <v>36</v>
      </c>
      <c r="T23014">
        <v>37</v>
      </c>
      <c r="U23014">
        <v>38</v>
      </c>
      <c r="V23014">
        <v>39</v>
      </c>
      <c r="W23014">
        <v>40</v>
      </c>
      <c r="X23014">
        <v>41</v>
      </c>
      <c r="Y23014">
        <v>42</v>
      </c>
      <c r="Z23014">
        <v>43</v>
      </c>
      <c r="AA23014">
        <v>45</v>
      </c>
      <c r="AB23014">
        <v>46</v>
      </c>
      <c r="AC23014">
        <v>47</v>
      </c>
      <c r="AD23014">
        <v>48</v>
      </c>
      <c r="AE23014">
        <v>49</v>
      </c>
      <c r="AF23014">
        <v>51</v>
      </c>
      <c r="AG23014">
        <v>52</v>
      </c>
      <c r="AH23014">
        <v>53</v>
      </c>
      <c r="AI23014">
        <v>54</v>
      </c>
      <c r="AJ23014">
        <v>56</v>
      </c>
      <c r="AK23014">
        <v>57</v>
      </c>
      <c r="AL23014">
        <v>58</v>
      </c>
      <c r="AM23014">
        <v>59</v>
      </c>
      <c r="AN23014">
        <v>60</v>
      </c>
      <c r="AO23014">
        <v>61</v>
      </c>
      <c r="AP23014">
        <v>62</v>
      </c>
      <c r="AQ23014">
        <v>63</v>
      </c>
    </row>
    <row r="23015" spans="1:43">
      <c r="A23015" t="s">
        <v>14257</v>
      </c>
      <c r="B23015" t="s">
        <v>14258</v>
      </c>
      <c r="C23015" t="s">
        <v>14241</v>
      </c>
      <c r="D23015" t="s">
        <v>14242</v>
      </c>
      <c r="E23015" t="s">
        <v>14167</v>
      </c>
      <c r="F23015" t="s">
        <v>14168</v>
      </c>
      <c r="G23015" t="s">
        <v>10734</v>
      </c>
      <c r="H23015" t="s">
        <v>10735</v>
      </c>
      <c r="I23015" s="2">
        <v>0</v>
      </c>
      <c r="J23015" s="2">
        <v>0</v>
      </c>
      <c r="K23015" s="2">
        <v>1</v>
      </c>
      <c r="L23015" t="s">
        <v>995</v>
      </c>
      <c r="M23015" t="s">
        <v>87</v>
      </c>
      <c r="N23015" t="s">
        <v>88</v>
      </c>
      <c r="O23015" t="s">
        <v>85</v>
      </c>
      <c r="P23015" t="s">
        <v>86</v>
      </c>
      <c r="Q23015">
        <v>34</v>
      </c>
      <c r="R23015">
        <v>35</v>
      </c>
      <c r="S23015">
        <v>36</v>
      </c>
      <c r="T23015">
        <v>36</v>
      </c>
      <c r="U23015">
        <v>37</v>
      </c>
      <c r="V23015">
        <v>38</v>
      </c>
      <c r="W23015">
        <v>39</v>
      </c>
      <c r="X23015">
        <v>39</v>
      </c>
      <c r="Y23015">
        <v>40</v>
      </c>
      <c r="Z23015">
        <v>41</v>
      </c>
      <c r="AA23015">
        <v>42</v>
      </c>
      <c r="AB23015">
        <v>42</v>
      </c>
      <c r="AC23015">
        <v>43</v>
      </c>
      <c r="AD23015">
        <v>44</v>
      </c>
      <c r="AE23015">
        <v>45</v>
      </c>
      <c r="AF23015">
        <v>46</v>
      </c>
      <c r="AG23015">
        <v>47</v>
      </c>
      <c r="AH23015">
        <v>47</v>
      </c>
      <c r="AI23015">
        <v>48</v>
      </c>
      <c r="AJ23015">
        <v>49</v>
      </c>
      <c r="AK23015">
        <v>50</v>
      </c>
      <c r="AL23015">
        <v>51</v>
      </c>
      <c r="AM23015">
        <v>52</v>
      </c>
      <c r="AN23015">
        <v>53</v>
      </c>
      <c r="AO23015">
        <v>54</v>
      </c>
      <c r="AP23015">
        <v>55</v>
      </c>
      <c r="AQ23015">
        <v>56</v>
      </c>
    </row>
    <row r="23016" spans="1:43">
      <c r="A23016" t="s">
        <v>14257</v>
      </c>
      <c r="B23016" t="s">
        <v>14258</v>
      </c>
      <c r="C23016" t="s">
        <v>14241</v>
      </c>
      <c r="D23016" t="s">
        <v>14242</v>
      </c>
      <c r="E23016" t="s">
        <v>14167</v>
      </c>
      <c r="F23016" t="s">
        <v>14168</v>
      </c>
      <c r="G23016" t="s">
        <v>10734</v>
      </c>
      <c r="H23016" t="s">
        <v>10735</v>
      </c>
      <c r="I23016" s="2">
        <v>0</v>
      </c>
      <c r="J23016" s="2">
        <v>0</v>
      </c>
      <c r="K23016" s="2">
        <v>1</v>
      </c>
      <c r="L23016" t="s">
        <v>995</v>
      </c>
      <c r="M23016" t="s">
        <v>89</v>
      </c>
      <c r="N23016" t="s">
        <v>90</v>
      </c>
      <c r="O23016" t="s">
        <v>85</v>
      </c>
      <c r="P23016" t="s">
        <v>86</v>
      </c>
      <c r="Q23016">
        <v>34</v>
      </c>
      <c r="R23016">
        <v>35</v>
      </c>
      <c r="S23016">
        <v>37</v>
      </c>
      <c r="T23016">
        <v>38</v>
      </c>
      <c r="U23016">
        <v>39</v>
      </c>
      <c r="V23016">
        <v>41</v>
      </c>
      <c r="W23016">
        <v>42</v>
      </c>
      <c r="X23016">
        <v>43</v>
      </c>
      <c r="Y23016">
        <v>45</v>
      </c>
      <c r="Z23016">
        <v>46</v>
      </c>
      <c r="AA23016">
        <v>47</v>
      </c>
      <c r="AB23016">
        <v>49</v>
      </c>
      <c r="AC23016">
        <v>50</v>
      </c>
      <c r="AD23016">
        <v>51</v>
      </c>
      <c r="AE23016">
        <v>53</v>
      </c>
      <c r="AF23016">
        <v>53</v>
      </c>
      <c r="AG23016">
        <v>54</v>
      </c>
      <c r="AH23016">
        <v>55</v>
      </c>
      <c r="AI23016">
        <v>56</v>
      </c>
      <c r="AJ23016">
        <v>57</v>
      </c>
      <c r="AK23016">
        <v>58</v>
      </c>
      <c r="AL23016">
        <v>59</v>
      </c>
      <c r="AM23016">
        <v>60</v>
      </c>
      <c r="AN23016">
        <v>61</v>
      </c>
      <c r="AO23016">
        <v>62</v>
      </c>
      <c r="AP23016">
        <v>63</v>
      </c>
      <c r="AQ23016">
        <v>64</v>
      </c>
    </row>
    <row r="23017" spans="1:43">
      <c r="A23017" t="s">
        <v>14257</v>
      </c>
      <c r="B23017" t="s">
        <v>14258</v>
      </c>
      <c r="C23017" t="s">
        <v>14241</v>
      </c>
      <c r="D23017" t="s">
        <v>14242</v>
      </c>
      <c r="E23017" t="s">
        <v>14167</v>
      </c>
      <c r="F23017" t="s">
        <v>14168</v>
      </c>
      <c r="G23017" t="s">
        <v>10734</v>
      </c>
      <c r="H23017" t="s">
        <v>10735</v>
      </c>
      <c r="I23017" s="2">
        <v>0</v>
      </c>
      <c r="J23017" s="2">
        <v>0</v>
      </c>
      <c r="K23017" s="2">
        <v>1</v>
      </c>
      <c r="L23017" t="s">
        <v>995</v>
      </c>
      <c r="M23017" t="s">
        <v>83</v>
      </c>
      <c r="N23017" t="s">
        <v>91</v>
      </c>
      <c r="O23017" t="s">
        <v>85</v>
      </c>
      <c r="P23017" t="s">
        <v>86</v>
      </c>
      <c r="Q23017">
        <v>34</v>
      </c>
      <c r="R23017">
        <v>35</v>
      </c>
      <c r="S23017">
        <v>36</v>
      </c>
      <c r="T23017">
        <v>37</v>
      </c>
      <c r="U23017">
        <v>38</v>
      </c>
      <c r="V23017">
        <v>39</v>
      </c>
      <c r="W23017">
        <v>40</v>
      </c>
      <c r="X23017">
        <v>41</v>
      </c>
      <c r="Y23017">
        <v>42</v>
      </c>
      <c r="Z23017">
        <v>43</v>
      </c>
      <c r="AA23017">
        <v>45</v>
      </c>
      <c r="AB23017">
        <v>46</v>
      </c>
      <c r="AC23017">
        <v>47</v>
      </c>
      <c r="AD23017">
        <v>48</v>
      </c>
      <c r="AE23017">
        <v>49</v>
      </c>
      <c r="AF23017">
        <v>51</v>
      </c>
      <c r="AG23017">
        <v>52</v>
      </c>
      <c r="AH23017">
        <v>53</v>
      </c>
      <c r="AI23017">
        <v>54</v>
      </c>
      <c r="AJ23017">
        <v>56</v>
      </c>
      <c r="AK23017">
        <v>57</v>
      </c>
      <c r="AL23017">
        <v>58</v>
      </c>
      <c r="AM23017">
        <v>59</v>
      </c>
      <c r="AN23017">
        <v>60</v>
      </c>
      <c r="AO23017">
        <v>61</v>
      </c>
      <c r="AP23017">
        <v>62</v>
      </c>
      <c r="AQ23017">
        <v>63</v>
      </c>
    </row>
    <row r="23018" spans="1:43">
      <c r="A23018" t="s">
        <v>14259</v>
      </c>
      <c r="B23018" t="s">
        <v>14260</v>
      </c>
      <c r="C23018" t="s">
        <v>14183</v>
      </c>
      <c r="D23018" t="s">
        <v>14184</v>
      </c>
      <c r="E23018" t="s">
        <v>14167</v>
      </c>
      <c r="F23018" t="s">
        <v>14168</v>
      </c>
      <c r="G23018" t="s">
        <v>10734</v>
      </c>
      <c r="H23018" t="s">
        <v>10735</v>
      </c>
      <c r="I23018" s="2">
        <v>0</v>
      </c>
      <c r="J23018" s="2">
        <v>0</v>
      </c>
      <c r="K23018" s="2">
        <v>1</v>
      </c>
      <c r="L23018" t="s">
        <v>995</v>
      </c>
      <c r="M23018" t="s">
        <v>83</v>
      </c>
      <c r="N23018" t="s">
        <v>84</v>
      </c>
      <c r="O23018" t="s">
        <v>85</v>
      </c>
      <c r="P23018" t="s">
        <v>86</v>
      </c>
      <c r="Q23018">
        <v>43</v>
      </c>
      <c r="R23018">
        <v>44</v>
      </c>
      <c r="S23018">
        <v>45</v>
      </c>
      <c r="T23018">
        <v>47</v>
      </c>
      <c r="U23018">
        <v>48</v>
      </c>
      <c r="V23018">
        <v>49</v>
      </c>
      <c r="W23018">
        <v>51</v>
      </c>
      <c r="X23018">
        <v>52</v>
      </c>
      <c r="Y23018">
        <v>53</v>
      </c>
      <c r="Z23018">
        <v>55</v>
      </c>
      <c r="AA23018">
        <v>56</v>
      </c>
      <c r="AB23018">
        <v>58</v>
      </c>
      <c r="AC23018">
        <v>59</v>
      </c>
      <c r="AD23018">
        <v>61</v>
      </c>
      <c r="AE23018">
        <v>62</v>
      </c>
      <c r="AF23018">
        <v>64</v>
      </c>
      <c r="AG23018">
        <v>66</v>
      </c>
      <c r="AH23018">
        <v>67</v>
      </c>
      <c r="AI23018">
        <v>69</v>
      </c>
      <c r="AJ23018">
        <v>71</v>
      </c>
      <c r="AK23018">
        <v>72</v>
      </c>
      <c r="AL23018">
        <v>74</v>
      </c>
      <c r="AM23018">
        <v>75</v>
      </c>
      <c r="AN23018">
        <v>76</v>
      </c>
      <c r="AO23018">
        <v>78</v>
      </c>
      <c r="AP23018">
        <v>79</v>
      </c>
      <c r="AQ23018">
        <v>80</v>
      </c>
    </row>
    <row r="23019" spans="1:43">
      <c r="A23019" t="s">
        <v>14259</v>
      </c>
      <c r="B23019" t="s">
        <v>14260</v>
      </c>
      <c r="C23019" t="s">
        <v>14183</v>
      </c>
      <c r="D23019" t="s">
        <v>14184</v>
      </c>
      <c r="E23019" t="s">
        <v>14167</v>
      </c>
      <c r="F23019" t="s">
        <v>14168</v>
      </c>
      <c r="G23019" t="s">
        <v>10734</v>
      </c>
      <c r="H23019" t="s">
        <v>10735</v>
      </c>
      <c r="I23019" s="2">
        <v>0</v>
      </c>
      <c r="J23019" s="2">
        <v>0</v>
      </c>
      <c r="K23019" s="2">
        <v>1</v>
      </c>
      <c r="L23019" t="s">
        <v>995</v>
      </c>
      <c r="M23019" t="s">
        <v>87</v>
      </c>
      <c r="N23019" t="s">
        <v>88</v>
      </c>
      <c r="O23019" t="s">
        <v>85</v>
      </c>
      <c r="P23019" t="s">
        <v>86</v>
      </c>
      <c r="Q23019">
        <v>43</v>
      </c>
      <c r="R23019">
        <v>44</v>
      </c>
      <c r="S23019">
        <v>45</v>
      </c>
      <c r="T23019">
        <v>46</v>
      </c>
      <c r="U23019">
        <v>47</v>
      </c>
      <c r="V23019">
        <v>48</v>
      </c>
      <c r="W23019">
        <v>49</v>
      </c>
      <c r="X23019">
        <v>50</v>
      </c>
      <c r="Y23019">
        <v>50</v>
      </c>
      <c r="Z23019">
        <v>51</v>
      </c>
      <c r="AA23019">
        <v>52</v>
      </c>
      <c r="AB23019">
        <v>53</v>
      </c>
      <c r="AC23019">
        <v>54</v>
      </c>
      <c r="AD23019">
        <v>55</v>
      </c>
      <c r="AE23019">
        <v>56</v>
      </c>
      <c r="AF23019">
        <v>58</v>
      </c>
      <c r="AG23019">
        <v>59</v>
      </c>
      <c r="AH23019">
        <v>60</v>
      </c>
      <c r="AI23019">
        <v>61</v>
      </c>
      <c r="AJ23019">
        <v>62</v>
      </c>
      <c r="AK23019">
        <v>63</v>
      </c>
      <c r="AL23019">
        <v>64</v>
      </c>
      <c r="AM23019">
        <v>66</v>
      </c>
      <c r="AN23019">
        <v>67</v>
      </c>
      <c r="AO23019">
        <v>68</v>
      </c>
      <c r="AP23019">
        <v>69</v>
      </c>
      <c r="AQ23019">
        <v>71</v>
      </c>
    </row>
    <row r="23020" spans="1:43">
      <c r="A23020" t="s">
        <v>14259</v>
      </c>
      <c r="B23020" t="s">
        <v>14260</v>
      </c>
      <c r="C23020" t="s">
        <v>14183</v>
      </c>
      <c r="D23020" t="s">
        <v>14184</v>
      </c>
      <c r="E23020" t="s">
        <v>14167</v>
      </c>
      <c r="F23020" t="s">
        <v>14168</v>
      </c>
      <c r="G23020" t="s">
        <v>10734</v>
      </c>
      <c r="H23020" t="s">
        <v>10735</v>
      </c>
      <c r="I23020" s="2">
        <v>0</v>
      </c>
      <c r="J23020" s="2">
        <v>0</v>
      </c>
      <c r="K23020" s="2">
        <v>1</v>
      </c>
      <c r="L23020" t="s">
        <v>995</v>
      </c>
      <c r="M23020" t="s">
        <v>89</v>
      </c>
      <c r="N23020" t="s">
        <v>90</v>
      </c>
      <c r="O23020" t="s">
        <v>85</v>
      </c>
      <c r="P23020" t="s">
        <v>86</v>
      </c>
      <c r="Q23020">
        <v>43</v>
      </c>
      <c r="R23020">
        <v>45</v>
      </c>
      <c r="S23020">
        <v>46</v>
      </c>
      <c r="T23020">
        <v>48</v>
      </c>
      <c r="U23020">
        <v>50</v>
      </c>
      <c r="V23020">
        <v>52</v>
      </c>
      <c r="W23020">
        <v>53</v>
      </c>
      <c r="X23020">
        <v>55</v>
      </c>
      <c r="Y23020">
        <v>57</v>
      </c>
      <c r="Z23020">
        <v>58</v>
      </c>
      <c r="AA23020">
        <v>60</v>
      </c>
      <c r="AB23020">
        <v>62</v>
      </c>
      <c r="AC23020">
        <v>63</v>
      </c>
      <c r="AD23020">
        <v>65</v>
      </c>
      <c r="AE23020">
        <v>67</v>
      </c>
      <c r="AF23020">
        <v>68</v>
      </c>
      <c r="AG23020">
        <v>69</v>
      </c>
      <c r="AH23020">
        <v>70</v>
      </c>
      <c r="AI23020">
        <v>71</v>
      </c>
      <c r="AJ23020">
        <v>72</v>
      </c>
      <c r="AK23020">
        <v>74</v>
      </c>
      <c r="AL23020">
        <v>75</v>
      </c>
      <c r="AM23020">
        <v>76</v>
      </c>
      <c r="AN23020">
        <v>77</v>
      </c>
      <c r="AO23020">
        <v>78</v>
      </c>
      <c r="AP23020">
        <v>80</v>
      </c>
      <c r="AQ23020">
        <v>81</v>
      </c>
    </row>
    <row r="23021" spans="1:43">
      <c r="A23021" t="s">
        <v>14259</v>
      </c>
      <c r="B23021" t="s">
        <v>14260</v>
      </c>
      <c r="C23021" t="s">
        <v>14183</v>
      </c>
      <c r="D23021" t="s">
        <v>14184</v>
      </c>
      <c r="E23021" t="s">
        <v>14167</v>
      </c>
      <c r="F23021" t="s">
        <v>14168</v>
      </c>
      <c r="G23021" t="s">
        <v>10734</v>
      </c>
      <c r="H23021" t="s">
        <v>10735</v>
      </c>
      <c r="I23021" s="2">
        <v>0</v>
      </c>
      <c r="J23021" s="2">
        <v>0</v>
      </c>
      <c r="K23021" s="2">
        <v>1</v>
      </c>
      <c r="L23021" t="s">
        <v>995</v>
      </c>
      <c r="M23021" t="s">
        <v>83</v>
      </c>
      <c r="N23021" t="s">
        <v>91</v>
      </c>
      <c r="O23021" t="s">
        <v>85</v>
      </c>
      <c r="P23021" t="s">
        <v>86</v>
      </c>
      <c r="Q23021">
        <v>43</v>
      </c>
      <c r="R23021">
        <v>44</v>
      </c>
      <c r="S23021">
        <v>45</v>
      </c>
      <c r="T23021">
        <v>47</v>
      </c>
      <c r="U23021">
        <v>48</v>
      </c>
      <c r="V23021">
        <v>49</v>
      </c>
      <c r="W23021">
        <v>51</v>
      </c>
      <c r="X23021">
        <v>52</v>
      </c>
      <c r="Y23021">
        <v>53</v>
      </c>
      <c r="Z23021">
        <v>55</v>
      </c>
      <c r="AA23021">
        <v>56</v>
      </c>
      <c r="AB23021">
        <v>58</v>
      </c>
      <c r="AC23021">
        <v>59</v>
      </c>
      <c r="AD23021">
        <v>61</v>
      </c>
      <c r="AE23021">
        <v>62</v>
      </c>
      <c r="AF23021">
        <v>64</v>
      </c>
      <c r="AG23021">
        <v>66</v>
      </c>
      <c r="AH23021">
        <v>67</v>
      </c>
      <c r="AI23021">
        <v>69</v>
      </c>
      <c r="AJ23021">
        <v>71</v>
      </c>
      <c r="AK23021">
        <v>72</v>
      </c>
      <c r="AL23021">
        <v>74</v>
      </c>
      <c r="AM23021">
        <v>75</v>
      </c>
      <c r="AN23021">
        <v>76</v>
      </c>
      <c r="AO23021">
        <v>78</v>
      </c>
      <c r="AP23021">
        <v>79</v>
      </c>
      <c r="AQ23021">
        <v>80</v>
      </c>
    </row>
    <row r="23022" spans="1:43">
      <c r="A23022" t="s">
        <v>14261</v>
      </c>
      <c r="B23022" t="s">
        <v>14262</v>
      </c>
      <c r="C23022" t="s">
        <v>14183</v>
      </c>
      <c r="D23022" t="s">
        <v>14184</v>
      </c>
      <c r="E23022" t="s">
        <v>14167</v>
      </c>
      <c r="F23022" t="s">
        <v>14168</v>
      </c>
      <c r="G23022" t="s">
        <v>10734</v>
      </c>
      <c r="H23022" t="s">
        <v>10735</v>
      </c>
      <c r="I23022" s="2">
        <v>0</v>
      </c>
      <c r="J23022" s="2">
        <v>0</v>
      </c>
      <c r="K23022" s="2">
        <v>1</v>
      </c>
      <c r="L23022" t="s">
        <v>995</v>
      </c>
      <c r="M23022" t="s">
        <v>83</v>
      </c>
      <c r="N23022" t="s">
        <v>84</v>
      </c>
      <c r="O23022" t="s">
        <v>85</v>
      </c>
      <c r="P23022" t="s">
        <v>86</v>
      </c>
      <c r="Q23022">
        <v>67</v>
      </c>
      <c r="R23022">
        <v>69</v>
      </c>
      <c r="S23022">
        <v>71</v>
      </c>
      <c r="T23022">
        <v>73</v>
      </c>
      <c r="U23022">
        <v>75</v>
      </c>
      <c r="V23022">
        <v>77</v>
      </c>
      <c r="W23022">
        <v>79</v>
      </c>
      <c r="X23022">
        <v>81</v>
      </c>
      <c r="Y23022">
        <v>83</v>
      </c>
      <c r="Z23022">
        <v>86</v>
      </c>
      <c r="AA23022">
        <v>88</v>
      </c>
      <c r="AB23022">
        <v>90</v>
      </c>
      <c r="AC23022">
        <v>93</v>
      </c>
      <c r="AD23022">
        <v>95</v>
      </c>
      <c r="AE23022">
        <v>97</v>
      </c>
      <c r="AF23022">
        <v>100</v>
      </c>
      <c r="AG23022">
        <v>102</v>
      </c>
      <c r="AH23022">
        <v>105</v>
      </c>
      <c r="AI23022">
        <v>107</v>
      </c>
      <c r="AJ23022">
        <v>110</v>
      </c>
      <c r="AK23022">
        <v>113</v>
      </c>
      <c r="AL23022">
        <v>115</v>
      </c>
      <c r="AM23022">
        <v>117</v>
      </c>
      <c r="AN23022">
        <v>119</v>
      </c>
      <c r="AO23022">
        <v>121</v>
      </c>
      <c r="AP23022">
        <v>123</v>
      </c>
      <c r="AQ23022">
        <v>125</v>
      </c>
    </row>
    <row r="23023" spans="1:43">
      <c r="A23023" t="s">
        <v>14261</v>
      </c>
      <c r="B23023" t="s">
        <v>14262</v>
      </c>
      <c r="C23023" t="s">
        <v>14183</v>
      </c>
      <c r="D23023" t="s">
        <v>14184</v>
      </c>
      <c r="E23023" t="s">
        <v>14167</v>
      </c>
      <c r="F23023" t="s">
        <v>14168</v>
      </c>
      <c r="G23023" t="s">
        <v>10734</v>
      </c>
      <c r="H23023" t="s">
        <v>10735</v>
      </c>
      <c r="I23023" s="2">
        <v>0</v>
      </c>
      <c r="J23023" s="2">
        <v>0</v>
      </c>
      <c r="K23023" s="2">
        <v>1</v>
      </c>
      <c r="L23023" t="s">
        <v>995</v>
      </c>
      <c r="M23023" t="s">
        <v>87</v>
      </c>
      <c r="N23023" t="s">
        <v>88</v>
      </c>
      <c r="O23023" t="s">
        <v>85</v>
      </c>
      <c r="P23023" t="s">
        <v>86</v>
      </c>
      <c r="Q23023">
        <v>67</v>
      </c>
      <c r="R23023">
        <v>68</v>
      </c>
      <c r="S23023">
        <v>70</v>
      </c>
      <c r="T23023">
        <v>71</v>
      </c>
      <c r="U23023">
        <v>72</v>
      </c>
      <c r="V23023">
        <v>74</v>
      </c>
      <c r="W23023">
        <v>75</v>
      </c>
      <c r="X23023">
        <v>77</v>
      </c>
      <c r="Y23023">
        <v>78</v>
      </c>
      <c r="Z23023">
        <v>79</v>
      </c>
      <c r="AA23023">
        <v>81</v>
      </c>
      <c r="AB23023">
        <v>83</v>
      </c>
      <c r="AC23023">
        <v>84</v>
      </c>
      <c r="AD23023">
        <v>86</v>
      </c>
      <c r="AE23023">
        <v>87</v>
      </c>
      <c r="AF23023">
        <v>89</v>
      </c>
      <c r="AG23023">
        <v>91</v>
      </c>
      <c r="AH23023">
        <v>92</v>
      </c>
      <c r="AI23023">
        <v>94</v>
      </c>
      <c r="AJ23023">
        <v>96</v>
      </c>
      <c r="AK23023">
        <v>98</v>
      </c>
      <c r="AL23023">
        <v>100</v>
      </c>
      <c r="AM23023">
        <v>102</v>
      </c>
      <c r="AN23023">
        <v>104</v>
      </c>
      <c r="AO23023">
        <v>106</v>
      </c>
      <c r="AP23023">
        <v>108</v>
      </c>
      <c r="AQ23023">
        <v>110</v>
      </c>
    </row>
    <row r="23024" spans="1:43">
      <c r="A23024" t="s">
        <v>14261</v>
      </c>
      <c r="B23024" t="s">
        <v>14262</v>
      </c>
      <c r="C23024" t="s">
        <v>14183</v>
      </c>
      <c r="D23024" t="s">
        <v>14184</v>
      </c>
      <c r="E23024" t="s">
        <v>14167</v>
      </c>
      <c r="F23024" t="s">
        <v>14168</v>
      </c>
      <c r="G23024" t="s">
        <v>10734</v>
      </c>
      <c r="H23024" t="s">
        <v>10735</v>
      </c>
      <c r="I23024" s="2">
        <v>0</v>
      </c>
      <c r="J23024" s="2">
        <v>0</v>
      </c>
      <c r="K23024" s="2">
        <v>1</v>
      </c>
      <c r="L23024" t="s">
        <v>995</v>
      </c>
      <c r="M23024" t="s">
        <v>89</v>
      </c>
      <c r="N23024" t="s">
        <v>90</v>
      </c>
      <c r="O23024" t="s">
        <v>85</v>
      </c>
      <c r="P23024" t="s">
        <v>86</v>
      </c>
      <c r="Q23024">
        <v>67</v>
      </c>
      <c r="R23024">
        <v>70</v>
      </c>
      <c r="S23024">
        <v>72</v>
      </c>
      <c r="T23024">
        <v>75</v>
      </c>
      <c r="U23024">
        <v>78</v>
      </c>
      <c r="V23024">
        <v>80</v>
      </c>
      <c r="W23024">
        <v>83</v>
      </c>
      <c r="X23024">
        <v>86</v>
      </c>
      <c r="Y23024">
        <v>88</v>
      </c>
      <c r="Z23024">
        <v>91</v>
      </c>
      <c r="AA23024">
        <v>93</v>
      </c>
      <c r="AB23024">
        <v>96</v>
      </c>
      <c r="AC23024">
        <v>99</v>
      </c>
      <c r="AD23024">
        <v>102</v>
      </c>
      <c r="AE23024">
        <v>104</v>
      </c>
      <c r="AF23024">
        <v>106</v>
      </c>
      <c r="AG23024">
        <v>107</v>
      </c>
      <c r="AH23024">
        <v>109</v>
      </c>
      <c r="AI23024">
        <v>111</v>
      </c>
      <c r="AJ23024">
        <v>113</v>
      </c>
      <c r="AK23024">
        <v>115</v>
      </c>
      <c r="AL23024">
        <v>117</v>
      </c>
      <c r="AM23024">
        <v>118</v>
      </c>
      <c r="AN23024">
        <v>120</v>
      </c>
      <c r="AO23024">
        <v>122</v>
      </c>
      <c r="AP23024">
        <v>124</v>
      </c>
      <c r="AQ23024">
        <v>126</v>
      </c>
    </row>
    <row r="23025" spans="1:43">
      <c r="A23025" t="s">
        <v>14261</v>
      </c>
      <c r="B23025" t="s">
        <v>14262</v>
      </c>
      <c r="C23025" t="s">
        <v>14183</v>
      </c>
      <c r="D23025" t="s">
        <v>14184</v>
      </c>
      <c r="E23025" t="s">
        <v>14167</v>
      </c>
      <c r="F23025" t="s">
        <v>14168</v>
      </c>
      <c r="G23025" t="s">
        <v>10734</v>
      </c>
      <c r="H23025" t="s">
        <v>10735</v>
      </c>
      <c r="I23025" s="2">
        <v>0</v>
      </c>
      <c r="J23025" s="2">
        <v>0</v>
      </c>
      <c r="K23025" s="2">
        <v>1</v>
      </c>
      <c r="L23025" t="s">
        <v>995</v>
      </c>
      <c r="M23025" t="s">
        <v>83</v>
      </c>
      <c r="N23025" t="s">
        <v>91</v>
      </c>
      <c r="O23025" t="s">
        <v>85</v>
      </c>
      <c r="P23025" t="s">
        <v>86</v>
      </c>
      <c r="Q23025">
        <v>67</v>
      </c>
      <c r="R23025">
        <v>69</v>
      </c>
      <c r="S23025">
        <v>71</v>
      </c>
      <c r="T23025">
        <v>73</v>
      </c>
      <c r="U23025">
        <v>75</v>
      </c>
      <c r="V23025">
        <v>77</v>
      </c>
      <c r="W23025">
        <v>79</v>
      </c>
      <c r="X23025">
        <v>81</v>
      </c>
      <c r="Y23025">
        <v>83</v>
      </c>
      <c r="Z23025">
        <v>86</v>
      </c>
      <c r="AA23025">
        <v>88</v>
      </c>
      <c r="AB23025">
        <v>90</v>
      </c>
      <c r="AC23025">
        <v>93</v>
      </c>
      <c r="AD23025">
        <v>95</v>
      </c>
      <c r="AE23025">
        <v>97</v>
      </c>
      <c r="AF23025">
        <v>100</v>
      </c>
      <c r="AG23025">
        <v>102</v>
      </c>
      <c r="AH23025">
        <v>105</v>
      </c>
      <c r="AI23025">
        <v>107</v>
      </c>
      <c r="AJ23025">
        <v>110</v>
      </c>
      <c r="AK23025">
        <v>113</v>
      </c>
      <c r="AL23025">
        <v>115</v>
      </c>
      <c r="AM23025">
        <v>117</v>
      </c>
      <c r="AN23025">
        <v>119</v>
      </c>
      <c r="AO23025">
        <v>121</v>
      </c>
      <c r="AP23025">
        <v>123</v>
      </c>
      <c r="AQ23025">
        <v>125</v>
      </c>
    </row>
    <row r="23026" spans="1:43">
      <c r="A23026" t="s">
        <v>14263</v>
      </c>
      <c r="B23026" t="s">
        <v>14264</v>
      </c>
      <c r="C23026" t="s">
        <v>14191</v>
      </c>
      <c r="D23026" t="s">
        <v>14192</v>
      </c>
      <c r="E23026" t="s">
        <v>14167</v>
      </c>
      <c r="F23026" t="s">
        <v>14168</v>
      </c>
      <c r="G23026" t="s">
        <v>10734</v>
      </c>
      <c r="H23026" t="s">
        <v>10735</v>
      </c>
      <c r="I23026" s="2">
        <v>0</v>
      </c>
      <c r="J23026" s="2">
        <v>0</v>
      </c>
      <c r="K23026" s="2">
        <v>1</v>
      </c>
      <c r="L23026" t="s">
        <v>995</v>
      </c>
      <c r="M23026" t="s">
        <v>83</v>
      </c>
      <c r="N23026" t="s">
        <v>84</v>
      </c>
      <c r="O23026" t="s">
        <v>85</v>
      </c>
      <c r="P23026" t="s">
        <v>86</v>
      </c>
      <c r="Q23026">
        <v>15</v>
      </c>
      <c r="R23026">
        <v>15</v>
      </c>
      <c r="S23026">
        <v>16</v>
      </c>
      <c r="T23026">
        <v>16</v>
      </c>
      <c r="U23026">
        <v>17</v>
      </c>
      <c r="V23026">
        <v>17</v>
      </c>
      <c r="W23026">
        <v>18</v>
      </c>
      <c r="X23026">
        <v>18</v>
      </c>
      <c r="Y23026">
        <v>18</v>
      </c>
      <c r="Z23026">
        <v>19</v>
      </c>
      <c r="AA23026">
        <v>20</v>
      </c>
      <c r="AB23026">
        <v>20</v>
      </c>
      <c r="AC23026">
        <v>21</v>
      </c>
      <c r="AD23026">
        <v>21</v>
      </c>
      <c r="AE23026">
        <v>22</v>
      </c>
      <c r="AF23026">
        <v>22</v>
      </c>
      <c r="AG23026">
        <v>23</v>
      </c>
      <c r="AH23026">
        <v>23</v>
      </c>
      <c r="AI23026">
        <v>24</v>
      </c>
      <c r="AJ23026">
        <v>25</v>
      </c>
      <c r="AK23026">
        <v>25</v>
      </c>
      <c r="AL23026">
        <v>26</v>
      </c>
      <c r="AM23026">
        <v>26</v>
      </c>
      <c r="AN23026">
        <v>26</v>
      </c>
      <c r="AO23026">
        <v>27</v>
      </c>
      <c r="AP23026">
        <v>27</v>
      </c>
      <c r="AQ23026">
        <v>28</v>
      </c>
    </row>
    <row r="23027" spans="1:43">
      <c r="A23027" t="s">
        <v>14263</v>
      </c>
      <c r="B23027" t="s">
        <v>14264</v>
      </c>
      <c r="C23027" t="s">
        <v>14191</v>
      </c>
      <c r="D23027" t="s">
        <v>14192</v>
      </c>
      <c r="E23027" t="s">
        <v>14167</v>
      </c>
      <c r="F23027" t="s">
        <v>14168</v>
      </c>
      <c r="G23027" t="s">
        <v>10734</v>
      </c>
      <c r="H23027" t="s">
        <v>10735</v>
      </c>
      <c r="I23027" s="2">
        <v>0</v>
      </c>
      <c r="J23027" s="2">
        <v>0</v>
      </c>
      <c r="K23027" s="2">
        <v>1</v>
      </c>
      <c r="L23027" t="s">
        <v>995</v>
      </c>
      <c r="M23027" t="s">
        <v>87</v>
      </c>
      <c r="N23027" t="s">
        <v>88</v>
      </c>
      <c r="O23027" t="s">
        <v>85</v>
      </c>
      <c r="P23027" t="s">
        <v>86</v>
      </c>
      <c r="Q23027">
        <v>15</v>
      </c>
      <c r="R23027">
        <v>15</v>
      </c>
      <c r="S23027">
        <v>15</v>
      </c>
      <c r="T23027">
        <v>16</v>
      </c>
      <c r="U23027">
        <v>16</v>
      </c>
      <c r="V23027">
        <v>16</v>
      </c>
      <c r="W23027">
        <v>16</v>
      </c>
      <c r="X23027">
        <v>17</v>
      </c>
      <c r="Y23027">
        <v>17</v>
      </c>
      <c r="Z23027">
        <v>17</v>
      </c>
      <c r="AA23027">
        <v>18</v>
      </c>
      <c r="AB23027">
        <v>18</v>
      </c>
      <c r="AC23027">
        <v>18</v>
      </c>
      <c r="AD23027">
        <v>19</v>
      </c>
      <c r="AE23027">
        <v>19</v>
      </c>
      <c r="AF23027">
        <v>20</v>
      </c>
      <c r="AG23027">
        <v>20</v>
      </c>
      <c r="AH23027">
        <v>20</v>
      </c>
      <c r="AI23027">
        <v>21</v>
      </c>
      <c r="AJ23027">
        <v>21</v>
      </c>
      <c r="AK23027">
        <v>22</v>
      </c>
      <c r="AL23027">
        <v>22</v>
      </c>
      <c r="AM23027">
        <v>22</v>
      </c>
      <c r="AN23027">
        <v>23</v>
      </c>
      <c r="AO23027">
        <v>23</v>
      </c>
      <c r="AP23027">
        <v>24</v>
      </c>
      <c r="AQ23027">
        <v>24</v>
      </c>
    </row>
    <row r="23028" spans="1:43">
      <c r="A23028" t="s">
        <v>14263</v>
      </c>
      <c r="B23028" t="s">
        <v>14264</v>
      </c>
      <c r="C23028" t="s">
        <v>14191</v>
      </c>
      <c r="D23028" t="s">
        <v>14192</v>
      </c>
      <c r="E23028" t="s">
        <v>14167</v>
      </c>
      <c r="F23028" t="s">
        <v>14168</v>
      </c>
      <c r="G23028" t="s">
        <v>10734</v>
      </c>
      <c r="H23028" t="s">
        <v>10735</v>
      </c>
      <c r="I23028" s="2">
        <v>0</v>
      </c>
      <c r="J23028" s="2">
        <v>0</v>
      </c>
      <c r="K23028" s="2">
        <v>1</v>
      </c>
      <c r="L23028" t="s">
        <v>995</v>
      </c>
      <c r="M23028" t="s">
        <v>89</v>
      </c>
      <c r="N23028" t="s">
        <v>90</v>
      </c>
      <c r="O23028" t="s">
        <v>85</v>
      </c>
      <c r="P23028" t="s">
        <v>86</v>
      </c>
      <c r="Q23028">
        <v>15</v>
      </c>
      <c r="R23028">
        <v>16</v>
      </c>
      <c r="S23028">
        <v>16</v>
      </c>
      <c r="T23028">
        <v>17</v>
      </c>
      <c r="U23028">
        <v>17</v>
      </c>
      <c r="V23028">
        <v>18</v>
      </c>
      <c r="W23028">
        <v>18</v>
      </c>
      <c r="X23028">
        <v>19</v>
      </c>
      <c r="Y23028">
        <v>20</v>
      </c>
      <c r="Z23028">
        <v>20</v>
      </c>
      <c r="AA23028">
        <v>21</v>
      </c>
      <c r="AB23028">
        <v>21</v>
      </c>
      <c r="AC23028">
        <v>22</v>
      </c>
      <c r="AD23028">
        <v>23</v>
      </c>
      <c r="AE23028">
        <v>23</v>
      </c>
      <c r="AF23028">
        <v>24</v>
      </c>
      <c r="AG23028">
        <v>24</v>
      </c>
      <c r="AH23028">
        <v>24</v>
      </c>
      <c r="AI23028">
        <v>25</v>
      </c>
      <c r="AJ23028">
        <v>25</v>
      </c>
      <c r="AK23028">
        <v>25</v>
      </c>
      <c r="AL23028">
        <v>26</v>
      </c>
      <c r="AM23028">
        <v>26</v>
      </c>
      <c r="AN23028">
        <v>27</v>
      </c>
      <c r="AO23028">
        <v>27</v>
      </c>
      <c r="AP23028">
        <v>28</v>
      </c>
      <c r="AQ23028">
        <v>28</v>
      </c>
    </row>
    <row r="23029" spans="1:43">
      <c r="A23029" t="s">
        <v>14263</v>
      </c>
      <c r="B23029" t="s">
        <v>14264</v>
      </c>
      <c r="C23029" t="s">
        <v>14191</v>
      </c>
      <c r="D23029" t="s">
        <v>14192</v>
      </c>
      <c r="E23029" t="s">
        <v>14167</v>
      </c>
      <c r="F23029" t="s">
        <v>14168</v>
      </c>
      <c r="G23029" t="s">
        <v>10734</v>
      </c>
      <c r="H23029" t="s">
        <v>10735</v>
      </c>
      <c r="I23029" s="2">
        <v>0</v>
      </c>
      <c r="J23029" s="2">
        <v>0</v>
      </c>
      <c r="K23029" s="2">
        <v>1</v>
      </c>
      <c r="L23029" t="s">
        <v>995</v>
      </c>
      <c r="M23029" t="s">
        <v>83</v>
      </c>
      <c r="N23029" t="s">
        <v>91</v>
      </c>
      <c r="O23029" t="s">
        <v>85</v>
      </c>
      <c r="P23029" t="s">
        <v>86</v>
      </c>
      <c r="Q23029">
        <v>15</v>
      </c>
      <c r="R23029">
        <v>15</v>
      </c>
      <c r="S23029">
        <v>16</v>
      </c>
      <c r="T23029">
        <v>16</v>
      </c>
      <c r="U23029">
        <v>17</v>
      </c>
      <c r="V23029">
        <v>17</v>
      </c>
      <c r="W23029">
        <v>18</v>
      </c>
      <c r="X23029">
        <v>18</v>
      </c>
      <c r="Y23029">
        <v>18</v>
      </c>
      <c r="Z23029">
        <v>19</v>
      </c>
      <c r="AA23029">
        <v>20</v>
      </c>
      <c r="AB23029">
        <v>20</v>
      </c>
      <c r="AC23029">
        <v>21</v>
      </c>
      <c r="AD23029">
        <v>21</v>
      </c>
      <c r="AE23029">
        <v>22</v>
      </c>
      <c r="AF23029">
        <v>22</v>
      </c>
      <c r="AG23029">
        <v>23</v>
      </c>
      <c r="AH23029">
        <v>23</v>
      </c>
      <c r="AI23029">
        <v>24</v>
      </c>
      <c r="AJ23029">
        <v>25</v>
      </c>
      <c r="AK23029">
        <v>25</v>
      </c>
      <c r="AL23029">
        <v>26</v>
      </c>
      <c r="AM23029">
        <v>26</v>
      </c>
      <c r="AN23029">
        <v>26</v>
      </c>
      <c r="AO23029">
        <v>27</v>
      </c>
      <c r="AP23029">
        <v>27</v>
      </c>
      <c r="AQ23029">
        <v>28</v>
      </c>
    </row>
    <row r="23030" spans="1:43">
      <c r="A23030" t="s">
        <v>14265</v>
      </c>
      <c r="B23030" t="s">
        <v>14266</v>
      </c>
      <c r="C23030" t="s">
        <v>14191</v>
      </c>
      <c r="D23030" t="s">
        <v>14192</v>
      </c>
      <c r="E23030" t="s">
        <v>14167</v>
      </c>
      <c r="F23030" t="s">
        <v>14168</v>
      </c>
      <c r="G23030" t="s">
        <v>10734</v>
      </c>
      <c r="H23030" t="s">
        <v>10735</v>
      </c>
      <c r="I23030" s="2">
        <v>0</v>
      </c>
      <c r="J23030" s="2">
        <v>0</v>
      </c>
      <c r="K23030" s="2">
        <v>1</v>
      </c>
      <c r="L23030" t="s">
        <v>995</v>
      </c>
      <c r="M23030" t="s">
        <v>83</v>
      </c>
      <c r="N23030" t="s">
        <v>84</v>
      </c>
      <c r="O23030" t="s">
        <v>85</v>
      </c>
      <c r="P23030" t="s">
        <v>86</v>
      </c>
      <c r="Q23030">
        <v>40</v>
      </c>
      <c r="R23030">
        <v>42</v>
      </c>
      <c r="S23030">
        <v>43</v>
      </c>
      <c r="T23030">
        <v>44</v>
      </c>
      <c r="U23030">
        <v>45</v>
      </c>
      <c r="V23030">
        <v>46</v>
      </c>
      <c r="W23030">
        <v>48</v>
      </c>
      <c r="X23030">
        <v>49</v>
      </c>
      <c r="Y23030">
        <v>50</v>
      </c>
      <c r="Z23030">
        <v>52</v>
      </c>
      <c r="AA23030">
        <v>53</v>
      </c>
      <c r="AB23030">
        <v>55</v>
      </c>
      <c r="AC23030">
        <v>56</v>
      </c>
      <c r="AD23030">
        <v>58</v>
      </c>
      <c r="AE23030">
        <v>59</v>
      </c>
      <c r="AF23030">
        <v>61</v>
      </c>
      <c r="AG23030">
        <v>62</v>
      </c>
      <c r="AH23030">
        <v>64</v>
      </c>
      <c r="AI23030">
        <v>65</v>
      </c>
      <c r="AJ23030">
        <v>67</v>
      </c>
      <c r="AK23030">
        <v>69</v>
      </c>
      <c r="AL23030">
        <v>70</v>
      </c>
      <c r="AM23030">
        <v>71</v>
      </c>
      <c r="AN23030">
        <v>72</v>
      </c>
      <c r="AO23030">
        <v>73</v>
      </c>
      <c r="AP23030">
        <v>75</v>
      </c>
      <c r="AQ23030">
        <v>76</v>
      </c>
    </row>
    <row r="23031" spans="1:43">
      <c r="A23031" t="s">
        <v>14265</v>
      </c>
      <c r="B23031" t="s">
        <v>14266</v>
      </c>
      <c r="C23031" t="s">
        <v>14191</v>
      </c>
      <c r="D23031" t="s">
        <v>14192</v>
      </c>
      <c r="E23031" t="s">
        <v>14167</v>
      </c>
      <c r="F23031" t="s">
        <v>14168</v>
      </c>
      <c r="G23031" t="s">
        <v>10734</v>
      </c>
      <c r="H23031" t="s">
        <v>10735</v>
      </c>
      <c r="I23031" s="2">
        <v>0</v>
      </c>
      <c r="J23031" s="2">
        <v>0</v>
      </c>
      <c r="K23031" s="2">
        <v>1</v>
      </c>
      <c r="L23031" t="s">
        <v>995</v>
      </c>
      <c r="M23031" t="s">
        <v>87</v>
      </c>
      <c r="N23031" t="s">
        <v>88</v>
      </c>
      <c r="O23031" t="s">
        <v>85</v>
      </c>
      <c r="P23031" t="s">
        <v>86</v>
      </c>
      <c r="Q23031">
        <v>40</v>
      </c>
      <c r="R23031">
        <v>41</v>
      </c>
      <c r="S23031">
        <v>42</v>
      </c>
      <c r="T23031">
        <v>42</v>
      </c>
      <c r="U23031">
        <v>43</v>
      </c>
      <c r="V23031">
        <v>44</v>
      </c>
      <c r="W23031">
        <v>45</v>
      </c>
      <c r="X23031">
        <v>46</v>
      </c>
      <c r="Y23031">
        <v>47</v>
      </c>
      <c r="Z23031">
        <v>48</v>
      </c>
      <c r="AA23031">
        <v>48</v>
      </c>
      <c r="AB23031">
        <v>49</v>
      </c>
      <c r="AC23031">
        <v>50</v>
      </c>
      <c r="AD23031">
        <v>51</v>
      </c>
      <c r="AE23031">
        <v>52</v>
      </c>
      <c r="AF23031">
        <v>53</v>
      </c>
      <c r="AG23031">
        <v>54</v>
      </c>
      <c r="AH23031">
        <v>55</v>
      </c>
      <c r="AI23031">
        <v>56</v>
      </c>
      <c r="AJ23031">
        <v>58</v>
      </c>
      <c r="AK23031">
        <v>59</v>
      </c>
      <c r="AL23031">
        <v>60</v>
      </c>
      <c r="AM23031">
        <v>61</v>
      </c>
      <c r="AN23031">
        <v>62</v>
      </c>
      <c r="AO23031">
        <v>63</v>
      </c>
      <c r="AP23031">
        <v>65</v>
      </c>
      <c r="AQ23031">
        <v>66</v>
      </c>
    </row>
    <row r="23032" spans="1:43">
      <c r="A23032" t="s">
        <v>14265</v>
      </c>
      <c r="B23032" t="s">
        <v>14266</v>
      </c>
      <c r="C23032" t="s">
        <v>14191</v>
      </c>
      <c r="D23032" t="s">
        <v>14192</v>
      </c>
      <c r="E23032" t="s">
        <v>14167</v>
      </c>
      <c r="F23032" t="s">
        <v>14168</v>
      </c>
      <c r="G23032" t="s">
        <v>10734</v>
      </c>
      <c r="H23032" t="s">
        <v>10735</v>
      </c>
      <c r="I23032" s="2">
        <v>0</v>
      </c>
      <c r="J23032" s="2">
        <v>0</v>
      </c>
      <c r="K23032" s="2">
        <v>1</v>
      </c>
      <c r="L23032" t="s">
        <v>995</v>
      </c>
      <c r="M23032" t="s">
        <v>89</v>
      </c>
      <c r="N23032" t="s">
        <v>90</v>
      </c>
      <c r="O23032" t="s">
        <v>85</v>
      </c>
      <c r="P23032" t="s">
        <v>86</v>
      </c>
      <c r="Q23032">
        <v>40</v>
      </c>
      <c r="R23032">
        <v>41</v>
      </c>
      <c r="S23032">
        <v>43</v>
      </c>
      <c r="T23032">
        <v>44</v>
      </c>
      <c r="U23032">
        <v>46</v>
      </c>
      <c r="V23032">
        <v>48</v>
      </c>
      <c r="W23032">
        <v>49</v>
      </c>
      <c r="X23032">
        <v>51</v>
      </c>
      <c r="Y23032">
        <v>52</v>
      </c>
      <c r="Z23032">
        <v>54</v>
      </c>
      <c r="AA23032">
        <v>56</v>
      </c>
      <c r="AB23032">
        <v>57</v>
      </c>
      <c r="AC23032">
        <v>59</v>
      </c>
      <c r="AD23032">
        <v>61</v>
      </c>
      <c r="AE23032">
        <v>62</v>
      </c>
      <c r="AF23032">
        <v>63</v>
      </c>
      <c r="AG23032">
        <v>64</v>
      </c>
      <c r="AH23032">
        <v>65</v>
      </c>
      <c r="AI23032">
        <v>66</v>
      </c>
      <c r="AJ23032">
        <v>67</v>
      </c>
      <c r="AK23032">
        <v>68</v>
      </c>
      <c r="AL23032">
        <v>70</v>
      </c>
      <c r="AM23032">
        <v>71</v>
      </c>
      <c r="AN23032">
        <v>72</v>
      </c>
      <c r="AO23032">
        <v>73</v>
      </c>
      <c r="AP23032">
        <v>74</v>
      </c>
      <c r="AQ23032">
        <v>75</v>
      </c>
    </row>
    <row r="23033" spans="1:43">
      <c r="A23033" t="s">
        <v>14265</v>
      </c>
      <c r="B23033" t="s">
        <v>14266</v>
      </c>
      <c r="C23033" t="s">
        <v>14191</v>
      </c>
      <c r="D23033" t="s">
        <v>14192</v>
      </c>
      <c r="E23033" t="s">
        <v>14167</v>
      </c>
      <c r="F23033" t="s">
        <v>14168</v>
      </c>
      <c r="G23033" t="s">
        <v>10734</v>
      </c>
      <c r="H23033" t="s">
        <v>10735</v>
      </c>
      <c r="I23033" s="2">
        <v>0</v>
      </c>
      <c r="J23033" s="2">
        <v>0</v>
      </c>
      <c r="K23033" s="2">
        <v>1</v>
      </c>
      <c r="L23033" t="s">
        <v>995</v>
      </c>
      <c r="M23033" t="s">
        <v>83</v>
      </c>
      <c r="N23033" t="s">
        <v>91</v>
      </c>
      <c r="O23033" t="s">
        <v>85</v>
      </c>
      <c r="P23033" t="s">
        <v>86</v>
      </c>
      <c r="Q23033">
        <v>40</v>
      </c>
      <c r="R23033">
        <v>42</v>
      </c>
      <c r="S23033">
        <v>43</v>
      </c>
      <c r="T23033">
        <v>44</v>
      </c>
      <c r="U23033">
        <v>45</v>
      </c>
      <c r="V23033">
        <v>46</v>
      </c>
      <c r="W23033">
        <v>48</v>
      </c>
      <c r="X23033">
        <v>49</v>
      </c>
      <c r="Y23033">
        <v>50</v>
      </c>
      <c r="Z23033">
        <v>52</v>
      </c>
      <c r="AA23033">
        <v>53</v>
      </c>
      <c r="AB23033">
        <v>55</v>
      </c>
      <c r="AC23033">
        <v>56</v>
      </c>
      <c r="AD23033">
        <v>58</v>
      </c>
      <c r="AE23033">
        <v>59</v>
      </c>
      <c r="AF23033">
        <v>61</v>
      </c>
      <c r="AG23033">
        <v>62</v>
      </c>
      <c r="AH23033">
        <v>64</v>
      </c>
      <c r="AI23033">
        <v>65</v>
      </c>
      <c r="AJ23033">
        <v>67</v>
      </c>
      <c r="AK23033">
        <v>69</v>
      </c>
      <c r="AL23033">
        <v>70</v>
      </c>
      <c r="AM23033">
        <v>71</v>
      </c>
      <c r="AN23033">
        <v>72</v>
      </c>
      <c r="AO23033">
        <v>73</v>
      </c>
      <c r="AP23033">
        <v>75</v>
      </c>
      <c r="AQ23033">
        <v>76</v>
      </c>
    </row>
    <row r="23034" spans="1:43">
      <c r="A23034" t="s">
        <v>14267</v>
      </c>
      <c r="B23034" t="s">
        <v>14268</v>
      </c>
      <c r="C23034" t="s">
        <v>14191</v>
      </c>
      <c r="D23034" t="s">
        <v>14192</v>
      </c>
      <c r="E23034" t="s">
        <v>14167</v>
      </c>
      <c r="F23034" t="s">
        <v>14168</v>
      </c>
      <c r="G23034" t="s">
        <v>10734</v>
      </c>
      <c r="H23034" t="s">
        <v>10735</v>
      </c>
      <c r="I23034" s="2">
        <v>0</v>
      </c>
      <c r="J23034" s="2">
        <v>0</v>
      </c>
      <c r="K23034" s="2">
        <v>0.96</v>
      </c>
      <c r="L23034" t="s">
        <v>995</v>
      </c>
      <c r="M23034" t="s">
        <v>83</v>
      </c>
      <c r="N23034" t="s">
        <v>84</v>
      </c>
      <c r="O23034" t="s">
        <v>85</v>
      </c>
      <c r="P23034" t="s">
        <v>86</v>
      </c>
      <c r="Q23034">
        <v>27</v>
      </c>
      <c r="R23034">
        <v>28</v>
      </c>
      <c r="S23034">
        <v>28</v>
      </c>
      <c r="T23034">
        <v>29</v>
      </c>
      <c r="U23034">
        <v>29</v>
      </c>
      <c r="V23034">
        <v>30</v>
      </c>
      <c r="W23034">
        <v>30</v>
      </c>
      <c r="X23034">
        <v>30</v>
      </c>
      <c r="Y23034">
        <v>31</v>
      </c>
      <c r="Z23034">
        <v>31</v>
      </c>
      <c r="AA23034">
        <v>32</v>
      </c>
      <c r="AB23034">
        <v>32</v>
      </c>
      <c r="AC23034">
        <v>32</v>
      </c>
      <c r="AD23034">
        <v>33</v>
      </c>
      <c r="AE23034">
        <v>33</v>
      </c>
      <c r="AF23034">
        <v>34</v>
      </c>
      <c r="AG23034">
        <v>34</v>
      </c>
      <c r="AH23034">
        <v>35</v>
      </c>
      <c r="AI23034">
        <v>35</v>
      </c>
      <c r="AJ23034">
        <v>35</v>
      </c>
      <c r="AK23034">
        <v>36</v>
      </c>
      <c r="AL23034">
        <v>36</v>
      </c>
      <c r="AM23034">
        <v>36</v>
      </c>
      <c r="AN23034">
        <v>36</v>
      </c>
      <c r="AO23034">
        <v>36</v>
      </c>
      <c r="AP23034">
        <v>36</v>
      </c>
      <c r="AQ23034">
        <v>37</v>
      </c>
    </row>
    <row r="23035" spans="1:43">
      <c r="A23035" t="s">
        <v>14267</v>
      </c>
      <c r="B23035" t="s">
        <v>14268</v>
      </c>
      <c r="C23035" t="s">
        <v>14191</v>
      </c>
      <c r="D23035" t="s">
        <v>14192</v>
      </c>
      <c r="E23035" t="s">
        <v>14167</v>
      </c>
      <c r="F23035" t="s">
        <v>14168</v>
      </c>
      <c r="G23035" t="s">
        <v>10734</v>
      </c>
      <c r="H23035" t="s">
        <v>10735</v>
      </c>
      <c r="I23035" s="2">
        <v>0</v>
      </c>
      <c r="J23035" s="2">
        <v>0</v>
      </c>
      <c r="K23035" s="2">
        <v>0.96</v>
      </c>
      <c r="L23035" t="s">
        <v>995</v>
      </c>
      <c r="M23035" t="s">
        <v>87</v>
      </c>
      <c r="N23035" t="s">
        <v>88</v>
      </c>
      <c r="O23035" t="s">
        <v>85</v>
      </c>
      <c r="P23035" t="s">
        <v>86</v>
      </c>
      <c r="Q23035">
        <v>27</v>
      </c>
      <c r="R23035">
        <v>27</v>
      </c>
      <c r="S23035">
        <v>27</v>
      </c>
      <c r="T23035">
        <v>28</v>
      </c>
      <c r="U23035">
        <v>28</v>
      </c>
      <c r="V23035">
        <v>28</v>
      </c>
      <c r="W23035">
        <v>28</v>
      </c>
      <c r="X23035">
        <v>28</v>
      </c>
      <c r="Y23035">
        <v>28</v>
      </c>
      <c r="Z23035">
        <v>29</v>
      </c>
      <c r="AA23035">
        <v>29</v>
      </c>
      <c r="AB23035">
        <v>29</v>
      </c>
      <c r="AC23035">
        <v>29</v>
      </c>
      <c r="AD23035">
        <v>29</v>
      </c>
      <c r="AE23035">
        <v>30</v>
      </c>
      <c r="AF23035">
        <v>30</v>
      </c>
      <c r="AG23035">
        <v>30</v>
      </c>
      <c r="AH23035">
        <v>30</v>
      </c>
      <c r="AI23035">
        <v>30</v>
      </c>
      <c r="AJ23035">
        <v>30</v>
      </c>
      <c r="AK23035">
        <v>31</v>
      </c>
      <c r="AL23035">
        <v>31</v>
      </c>
      <c r="AM23035">
        <v>31</v>
      </c>
      <c r="AN23035">
        <v>31</v>
      </c>
      <c r="AO23035">
        <v>31</v>
      </c>
      <c r="AP23035">
        <v>32</v>
      </c>
      <c r="AQ23035">
        <v>32</v>
      </c>
    </row>
    <row r="23036" spans="1:43">
      <c r="A23036" t="s">
        <v>14267</v>
      </c>
      <c r="B23036" t="s">
        <v>14268</v>
      </c>
      <c r="C23036" t="s">
        <v>14191</v>
      </c>
      <c r="D23036" t="s">
        <v>14192</v>
      </c>
      <c r="E23036" t="s">
        <v>14167</v>
      </c>
      <c r="F23036" t="s">
        <v>14168</v>
      </c>
      <c r="G23036" t="s">
        <v>10734</v>
      </c>
      <c r="H23036" t="s">
        <v>10735</v>
      </c>
      <c r="I23036" s="2">
        <v>0</v>
      </c>
      <c r="J23036" s="2">
        <v>0</v>
      </c>
      <c r="K23036" s="2">
        <v>0.96</v>
      </c>
      <c r="L23036" t="s">
        <v>995</v>
      </c>
      <c r="M23036" t="s">
        <v>89</v>
      </c>
      <c r="N23036" t="s">
        <v>90</v>
      </c>
      <c r="O23036" t="s">
        <v>85</v>
      </c>
      <c r="P23036" t="s">
        <v>86</v>
      </c>
      <c r="Q23036">
        <v>27</v>
      </c>
      <c r="R23036">
        <v>27</v>
      </c>
      <c r="S23036">
        <v>28</v>
      </c>
      <c r="T23036">
        <v>29</v>
      </c>
      <c r="U23036">
        <v>29</v>
      </c>
      <c r="V23036">
        <v>30</v>
      </c>
      <c r="W23036">
        <v>30</v>
      </c>
      <c r="X23036">
        <v>31</v>
      </c>
      <c r="Y23036">
        <v>32</v>
      </c>
      <c r="Z23036">
        <v>32</v>
      </c>
      <c r="AA23036">
        <v>33</v>
      </c>
      <c r="AB23036">
        <v>33</v>
      </c>
      <c r="AC23036">
        <v>34</v>
      </c>
      <c r="AD23036">
        <v>34</v>
      </c>
      <c r="AE23036">
        <v>35</v>
      </c>
      <c r="AF23036">
        <v>35</v>
      </c>
      <c r="AG23036">
        <v>35</v>
      </c>
      <c r="AH23036">
        <v>35</v>
      </c>
      <c r="AI23036">
        <v>35</v>
      </c>
      <c r="AJ23036">
        <v>35</v>
      </c>
      <c r="AK23036">
        <v>35</v>
      </c>
      <c r="AL23036">
        <v>35</v>
      </c>
      <c r="AM23036">
        <v>36</v>
      </c>
      <c r="AN23036">
        <v>36</v>
      </c>
      <c r="AO23036">
        <v>36</v>
      </c>
      <c r="AP23036">
        <v>36</v>
      </c>
      <c r="AQ23036">
        <v>36</v>
      </c>
    </row>
    <row r="23037" spans="1:43">
      <c r="A23037" t="s">
        <v>14267</v>
      </c>
      <c r="B23037" t="s">
        <v>14268</v>
      </c>
      <c r="C23037" t="s">
        <v>14191</v>
      </c>
      <c r="D23037" t="s">
        <v>14192</v>
      </c>
      <c r="E23037" t="s">
        <v>14167</v>
      </c>
      <c r="F23037" t="s">
        <v>14168</v>
      </c>
      <c r="G23037" t="s">
        <v>10734</v>
      </c>
      <c r="H23037" t="s">
        <v>10735</v>
      </c>
      <c r="I23037" s="2">
        <v>0</v>
      </c>
      <c r="J23037" s="2">
        <v>0</v>
      </c>
      <c r="K23037" s="2">
        <v>0.96</v>
      </c>
      <c r="L23037" t="s">
        <v>995</v>
      </c>
      <c r="M23037" t="s">
        <v>83</v>
      </c>
      <c r="N23037" t="s">
        <v>91</v>
      </c>
      <c r="O23037" t="s">
        <v>85</v>
      </c>
      <c r="P23037" t="s">
        <v>86</v>
      </c>
      <c r="Q23037">
        <v>27</v>
      </c>
      <c r="R23037">
        <v>28</v>
      </c>
      <c r="S23037">
        <v>28</v>
      </c>
      <c r="T23037">
        <v>29</v>
      </c>
      <c r="U23037">
        <v>29</v>
      </c>
      <c r="V23037">
        <v>30</v>
      </c>
      <c r="W23037">
        <v>30</v>
      </c>
      <c r="X23037">
        <v>30</v>
      </c>
      <c r="Y23037">
        <v>31</v>
      </c>
      <c r="Z23037">
        <v>31</v>
      </c>
      <c r="AA23037">
        <v>32</v>
      </c>
      <c r="AB23037">
        <v>32</v>
      </c>
      <c r="AC23037">
        <v>32</v>
      </c>
      <c r="AD23037">
        <v>33</v>
      </c>
      <c r="AE23037">
        <v>33</v>
      </c>
      <c r="AF23037">
        <v>34</v>
      </c>
      <c r="AG23037">
        <v>34</v>
      </c>
      <c r="AH23037">
        <v>35</v>
      </c>
      <c r="AI23037">
        <v>35</v>
      </c>
      <c r="AJ23037">
        <v>35</v>
      </c>
      <c r="AK23037">
        <v>36</v>
      </c>
      <c r="AL23037">
        <v>36</v>
      </c>
      <c r="AM23037">
        <v>36</v>
      </c>
      <c r="AN23037">
        <v>36</v>
      </c>
      <c r="AO23037">
        <v>36</v>
      </c>
      <c r="AP23037">
        <v>36</v>
      </c>
      <c r="AQ23037">
        <v>37</v>
      </c>
    </row>
    <row r="23038" spans="1:43">
      <c r="A23038" t="s">
        <v>14269</v>
      </c>
      <c r="B23038" t="s">
        <v>14270</v>
      </c>
      <c r="C23038" t="s">
        <v>14241</v>
      </c>
      <c r="D23038" t="s">
        <v>14242</v>
      </c>
      <c r="E23038" t="s">
        <v>14167</v>
      </c>
      <c r="F23038" t="s">
        <v>14168</v>
      </c>
      <c r="G23038" t="s">
        <v>10734</v>
      </c>
      <c r="H23038" t="s">
        <v>10735</v>
      </c>
      <c r="I23038" s="2">
        <v>0</v>
      </c>
      <c r="J23038" s="2">
        <v>0</v>
      </c>
      <c r="K23038" s="2">
        <v>1</v>
      </c>
      <c r="L23038" t="s">
        <v>995</v>
      </c>
      <c r="M23038" t="s">
        <v>83</v>
      </c>
      <c r="N23038" t="s">
        <v>84</v>
      </c>
      <c r="O23038" t="s">
        <v>85</v>
      </c>
      <c r="P23038" t="s">
        <v>86</v>
      </c>
      <c r="Q23038">
        <v>14</v>
      </c>
      <c r="R23038">
        <v>15</v>
      </c>
      <c r="S23038">
        <v>15</v>
      </c>
      <c r="T23038">
        <v>16</v>
      </c>
      <c r="U23038">
        <v>16</v>
      </c>
      <c r="V23038">
        <v>17</v>
      </c>
      <c r="W23038">
        <v>17</v>
      </c>
      <c r="X23038">
        <v>17</v>
      </c>
      <c r="Y23038">
        <v>18</v>
      </c>
      <c r="Z23038">
        <v>18</v>
      </c>
      <c r="AA23038">
        <v>19</v>
      </c>
      <c r="AB23038">
        <v>19</v>
      </c>
      <c r="AC23038">
        <v>20</v>
      </c>
      <c r="AD23038">
        <v>20</v>
      </c>
      <c r="AE23038">
        <v>21</v>
      </c>
      <c r="AF23038">
        <v>22</v>
      </c>
      <c r="AG23038">
        <v>22</v>
      </c>
      <c r="AH23038">
        <v>23</v>
      </c>
      <c r="AI23038">
        <v>23</v>
      </c>
      <c r="AJ23038">
        <v>24</v>
      </c>
      <c r="AK23038">
        <v>24</v>
      </c>
      <c r="AL23038">
        <v>25</v>
      </c>
      <c r="AM23038">
        <v>25</v>
      </c>
      <c r="AN23038">
        <v>26</v>
      </c>
      <c r="AO23038">
        <v>26</v>
      </c>
      <c r="AP23038">
        <v>26</v>
      </c>
      <c r="AQ23038">
        <v>27</v>
      </c>
    </row>
    <row r="23039" spans="1:43">
      <c r="A23039" t="s">
        <v>14269</v>
      </c>
      <c r="B23039" t="s">
        <v>14270</v>
      </c>
      <c r="C23039" t="s">
        <v>14241</v>
      </c>
      <c r="D23039" t="s">
        <v>14242</v>
      </c>
      <c r="E23039" t="s">
        <v>14167</v>
      </c>
      <c r="F23039" t="s">
        <v>14168</v>
      </c>
      <c r="G23039" t="s">
        <v>10734</v>
      </c>
      <c r="H23039" t="s">
        <v>10735</v>
      </c>
      <c r="I23039" s="2">
        <v>0</v>
      </c>
      <c r="J23039" s="2">
        <v>0</v>
      </c>
      <c r="K23039" s="2">
        <v>1</v>
      </c>
      <c r="L23039" t="s">
        <v>995</v>
      </c>
      <c r="M23039" t="s">
        <v>87</v>
      </c>
      <c r="N23039" t="s">
        <v>88</v>
      </c>
      <c r="O23039" t="s">
        <v>85</v>
      </c>
      <c r="P23039" t="s">
        <v>86</v>
      </c>
      <c r="Q23039">
        <v>14</v>
      </c>
      <c r="R23039">
        <v>15</v>
      </c>
      <c r="S23039">
        <v>15</v>
      </c>
      <c r="T23039">
        <v>15</v>
      </c>
      <c r="U23039">
        <v>15</v>
      </c>
      <c r="V23039">
        <v>16</v>
      </c>
      <c r="W23039">
        <v>16</v>
      </c>
      <c r="X23039">
        <v>16</v>
      </c>
      <c r="Y23039">
        <v>17</v>
      </c>
      <c r="Z23039">
        <v>17</v>
      </c>
      <c r="AA23039">
        <v>17</v>
      </c>
      <c r="AB23039">
        <v>18</v>
      </c>
      <c r="AC23039">
        <v>18</v>
      </c>
      <c r="AD23039">
        <v>18</v>
      </c>
      <c r="AE23039">
        <v>19</v>
      </c>
      <c r="AF23039">
        <v>19</v>
      </c>
      <c r="AG23039">
        <v>19</v>
      </c>
      <c r="AH23039">
        <v>20</v>
      </c>
      <c r="AI23039">
        <v>20</v>
      </c>
      <c r="AJ23039">
        <v>21</v>
      </c>
      <c r="AK23039">
        <v>21</v>
      </c>
      <c r="AL23039">
        <v>21</v>
      </c>
      <c r="AM23039">
        <v>22</v>
      </c>
      <c r="AN23039">
        <v>22</v>
      </c>
      <c r="AO23039">
        <v>23</v>
      </c>
      <c r="AP23039">
        <v>23</v>
      </c>
      <c r="AQ23039">
        <v>24</v>
      </c>
    </row>
    <row r="23040" spans="1:43">
      <c r="A23040" t="s">
        <v>14269</v>
      </c>
      <c r="B23040" t="s">
        <v>14270</v>
      </c>
      <c r="C23040" t="s">
        <v>14241</v>
      </c>
      <c r="D23040" t="s">
        <v>14242</v>
      </c>
      <c r="E23040" t="s">
        <v>14167</v>
      </c>
      <c r="F23040" t="s">
        <v>14168</v>
      </c>
      <c r="G23040" t="s">
        <v>10734</v>
      </c>
      <c r="H23040" t="s">
        <v>10735</v>
      </c>
      <c r="I23040" s="2">
        <v>0</v>
      </c>
      <c r="J23040" s="2">
        <v>0</v>
      </c>
      <c r="K23040" s="2">
        <v>1</v>
      </c>
      <c r="L23040" t="s">
        <v>995</v>
      </c>
      <c r="M23040" t="s">
        <v>89</v>
      </c>
      <c r="N23040" t="s">
        <v>90</v>
      </c>
      <c r="O23040" t="s">
        <v>85</v>
      </c>
      <c r="P23040" t="s">
        <v>86</v>
      </c>
      <c r="Q23040">
        <v>14</v>
      </c>
      <c r="R23040">
        <v>14</v>
      </c>
      <c r="S23040">
        <v>15</v>
      </c>
      <c r="T23040">
        <v>15</v>
      </c>
      <c r="U23040">
        <v>16</v>
      </c>
      <c r="V23040">
        <v>16</v>
      </c>
      <c r="W23040">
        <v>17</v>
      </c>
      <c r="X23040">
        <v>17</v>
      </c>
      <c r="Y23040">
        <v>18</v>
      </c>
      <c r="Z23040">
        <v>19</v>
      </c>
      <c r="AA23040">
        <v>19</v>
      </c>
      <c r="AB23040">
        <v>20</v>
      </c>
      <c r="AC23040">
        <v>20</v>
      </c>
      <c r="AD23040">
        <v>21</v>
      </c>
      <c r="AE23040">
        <v>21</v>
      </c>
      <c r="AF23040">
        <v>22</v>
      </c>
      <c r="AG23040">
        <v>22</v>
      </c>
      <c r="AH23040">
        <v>22</v>
      </c>
      <c r="AI23040">
        <v>23</v>
      </c>
      <c r="AJ23040">
        <v>23</v>
      </c>
      <c r="AK23040">
        <v>24</v>
      </c>
      <c r="AL23040">
        <v>24</v>
      </c>
      <c r="AM23040">
        <v>24</v>
      </c>
      <c r="AN23040">
        <v>25</v>
      </c>
      <c r="AO23040">
        <v>25</v>
      </c>
      <c r="AP23040">
        <v>26</v>
      </c>
      <c r="AQ23040">
        <v>26</v>
      </c>
    </row>
    <row r="23041" spans="1:43">
      <c r="A23041" t="s">
        <v>14269</v>
      </c>
      <c r="B23041" t="s">
        <v>14270</v>
      </c>
      <c r="C23041" t="s">
        <v>14241</v>
      </c>
      <c r="D23041" t="s">
        <v>14242</v>
      </c>
      <c r="E23041" t="s">
        <v>14167</v>
      </c>
      <c r="F23041" t="s">
        <v>14168</v>
      </c>
      <c r="G23041" t="s">
        <v>10734</v>
      </c>
      <c r="H23041" t="s">
        <v>10735</v>
      </c>
      <c r="I23041" s="2">
        <v>0</v>
      </c>
      <c r="J23041" s="2">
        <v>0</v>
      </c>
      <c r="K23041" s="2">
        <v>1</v>
      </c>
      <c r="L23041" t="s">
        <v>995</v>
      </c>
      <c r="M23041" t="s">
        <v>83</v>
      </c>
      <c r="N23041" t="s">
        <v>91</v>
      </c>
      <c r="O23041" t="s">
        <v>85</v>
      </c>
      <c r="P23041" t="s">
        <v>86</v>
      </c>
      <c r="Q23041">
        <v>14</v>
      </c>
      <c r="R23041">
        <v>15</v>
      </c>
      <c r="S23041">
        <v>15</v>
      </c>
      <c r="T23041">
        <v>16</v>
      </c>
      <c r="U23041">
        <v>16</v>
      </c>
      <c r="V23041">
        <v>17</v>
      </c>
      <c r="W23041">
        <v>17</v>
      </c>
      <c r="X23041">
        <v>17</v>
      </c>
      <c r="Y23041">
        <v>18</v>
      </c>
      <c r="Z23041">
        <v>18</v>
      </c>
      <c r="AA23041">
        <v>19</v>
      </c>
      <c r="AB23041">
        <v>19</v>
      </c>
      <c r="AC23041">
        <v>20</v>
      </c>
      <c r="AD23041">
        <v>20</v>
      </c>
      <c r="AE23041">
        <v>21</v>
      </c>
      <c r="AF23041">
        <v>22</v>
      </c>
      <c r="AG23041">
        <v>22</v>
      </c>
      <c r="AH23041">
        <v>23</v>
      </c>
      <c r="AI23041">
        <v>23</v>
      </c>
      <c r="AJ23041">
        <v>24</v>
      </c>
      <c r="AK23041">
        <v>24</v>
      </c>
      <c r="AL23041">
        <v>25</v>
      </c>
      <c r="AM23041">
        <v>25</v>
      </c>
      <c r="AN23041">
        <v>26</v>
      </c>
      <c r="AO23041">
        <v>26</v>
      </c>
      <c r="AP23041">
        <v>26</v>
      </c>
      <c r="AQ23041">
        <v>27</v>
      </c>
    </row>
    <row r="23042" spans="1:43">
      <c r="A23042" t="s">
        <v>14271</v>
      </c>
      <c r="B23042" t="s">
        <v>14272</v>
      </c>
      <c r="C23042" t="s">
        <v>14241</v>
      </c>
      <c r="D23042" t="s">
        <v>14242</v>
      </c>
      <c r="E23042" t="s">
        <v>14167</v>
      </c>
      <c r="F23042" t="s">
        <v>14168</v>
      </c>
      <c r="G23042" t="s">
        <v>10734</v>
      </c>
      <c r="H23042" t="s">
        <v>10735</v>
      </c>
      <c r="I23042" s="2">
        <v>0</v>
      </c>
      <c r="J23042" s="2">
        <v>0</v>
      </c>
      <c r="K23042" s="2">
        <v>1</v>
      </c>
      <c r="L23042" t="s">
        <v>995</v>
      </c>
      <c r="M23042" t="s">
        <v>83</v>
      </c>
      <c r="N23042" t="s">
        <v>84</v>
      </c>
      <c r="O23042" t="s">
        <v>85</v>
      </c>
      <c r="P23042" t="s">
        <v>86</v>
      </c>
      <c r="Q23042">
        <v>11</v>
      </c>
      <c r="R23042">
        <v>11</v>
      </c>
      <c r="S23042">
        <v>12</v>
      </c>
      <c r="T23042">
        <v>12</v>
      </c>
      <c r="U23042">
        <v>12</v>
      </c>
      <c r="V23042">
        <v>13</v>
      </c>
      <c r="W23042">
        <v>13</v>
      </c>
      <c r="X23042">
        <v>14</v>
      </c>
      <c r="Y23042">
        <v>14</v>
      </c>
      <c r="Z23042">
        <v>14</v>
      </c>
      <c r="AA23042">
        <v>15</v>
      </c>
      <c r="AB23042">
        <v>15</v>
      </c>
      <c r="AC23042">
        <v>15</v>
      </c>
      <c r="AD23042">
        <v>16</v>
      </c>
      <c r="AE23042">
        <v>16</v>
      </c>
      <c r="AF23042">
        <v>17</v>
      </c>
      <c r="AG23042">
        <v>17</v>
      </c>
      <c r="AH23042">
        <v>17</v>
      </c>
      <c r="AI23042">
        <v>18</v>
      </c>
      <c r="AJ23042">
        <v>18</v>
      </c>
      <c r="AK23042">
        <v>19</v>
      </c>
      <c r="AL23042">
        <v>19</v>
      </c>
      <c r="AM23042">
        <v>19</v>
      </c>
      <c r="AN23042">
        <v>20</v>
      </c>
      <c r="AO23042">
        <v>20</v>
      </c>
      <c r="AP23042">
        <v>20</v>
      </c>
      <c r="AQ23042">
        <v>21</v>
      </c>
    </row>
    <row r="23043" spans="1:43">
      <c r="A23043" t="s">
        <v>14271</v>
      </c>
      <c r="B23043" t="s">
        <v>14272</v>
      </c>
      <c r="C23043" t="s">
        <v>14241</v>
      </c>
      <c r="D23043" t="s">
        <v>14242</v>
      </c>
      <c r="E23043" t="s">
        <v>14167</v>
      </c>
      <c r="F23043" t="s">
        <v>14168</v>
      </c>
      <c r="G23043" t="s">
        <v>10734</v>
      </c>
      <c r="H23043" t="s">
        <v>10735</v>
      </c>
      <c r="I23043" s="2">
        <v>0</v>
      </c>
      <c r="J23043" s="2">
        <v>0</v>
      </c>
      <c r="K23043" s="2">
        <v>1</v>
      </c>
      <c r="L23043" t="s">
        <v>995</v>
      </c>
      <c r="M23043" t="s">
        <v>87</v>
      </c>
      <c r="N23043" t="s">
        <v>88</v>
      </c>
      <c r="O23043" t="s">
        <v>85</v>
      </c>
      <c r="P23043" t="s">
        <v>86</v>
      </c>
      <c r="Q23043">
        <v>11</v>
      </c>
      <c r="R23043">
        <v>11</v>
      </c>
      <c r="S23043">
        <v>11</v>
      </c>
      <c r="T23043">
        <v>12</v>
      </c>
      <c r="U23043">
        <v>12</v>
      </c>
      <c r="V23043">
        <v>12</v>
      </c>
      <c r="W23043">
        <v>12</v>
      </c>
      <c r="X23043">
        <v>13</v>
      </c>
      <c r="Y23043">
        <v>13</v>
      </c>
      <c r="Z23043">
        <v>13</v>
      </c>
      <c r="AA23043">
        <v>13</v>
      </c>
      <c r="AB23043">
        <v>14</v>
      </c>
      <c r="AC23043">
        <v>14</v>
      </c>
      <c r="AD23043">
        <v>14</v>
      </c>
      <c r="AE23043">
        <v>14</v>
      </c>
      <c r="AF23043">
        <v>15</v>
      </c>
      <c r="AG23043">
        <v>15</v>
      </c>
      <c r="AH23043">
        <v>15</v>
      </c>
      <c r="AI23043">
        <v>16</v>
      </c>
      <c r="AJ23043">
        <v>16</v>
      </c>
      <c r="AK23043">
        <v>16</v>
      </c>
      <c r="AL23043">
        <v>17</v>
      </c>
      <c r="AM23043">
        <v>17</v>
      </c>
      <c r="AN23043">
        <v>17</v>
      </c>
      <c r="AO23043">
        <v>18</v>
      </c>
      <c r="AP23043">
        <v>18</v>
      </c>
      <c r="AQ23043">
        <v>18</v>
      </c>
    </row>
    <row r="23044" spans="1:43">
      <c r="A23044" t="s">
        <v>14271</v>
      </c>
      <c r="B23044" t="s">
        <v>14272</v>
      </c>
      <c r="C23044" t="s">
        <v>14241</v>
      </c>
      <c r="D23044" t="s">
        <v>14242</v>
      </c>
      <c r="E23044" t="s">
        <v>14167</v>
      </c>
      <c r="F23044" t="s">
        <v>14168</v>
      </c>
      <c r="G23044" t="s">
        <v>10734</v>
      </c>
      <c r="H23044" t="s">
        <v>10735</v>
      </c>
      <c r="I23044" s="2">
        <v>0</v>
      </c>
      <c r="J23044" s="2">
        <v>0</v>
      </c>
      <c r="K23044" s="2">
        <v>1</v>
      </c>
      <c r="L23044" t="s">
        <v>995</v>
      </c>
      <c r="M23044" t="s">
        <v>89</v>
      </c>
      <c r="N23044" t="s">
        <v>90</v>
      </c>
      <c r="O23044" t="s">
        <v>85</v>
      </c>
      <c r="P23044" t="s">
        <v>86</v>
      </c>
      <c r="Q23044">
        <v>11</v>
      </c>
      <c r="R23044">
        <v>12</v>
      </c>
      <c r="S23044">
        <v>12</v>
      </c>
      <c r="T23044">
        <v>12</v>
      </c>
      <c r="U23044">
        <v>13</v>
      </c>
      <c r="V23044">
        <v>13</v>
      </c>
      <c r="W23044">
        <v>14</v>
      </c>
      <c r="X23044">
        <v>14</v>
      </c>
      <c r="Y23044">
        <v>15</v>
      </c>
      <c r="Z23044">
        <v>15</v>
      </c>
      <c r="AA23044">
        <v>16</v>
      </c>
      <c r="AB23044">
        <v>16</v>
      </c>
      <c r="AC23044">
        <v>16</v>
      </c>
      <c r="AD23044">
        <v>17</v>
      </c>
      <c r="AE23044">
        <v>17</v>
      </c>
      <c r="AF23044">
        <v>18</v>
      </c>
      <c r="AG23044">
        <v>18</v>
      </c>
      <c r="AH23044">
        <v>18</v>
      </c>
      <c r="AI23044">
        <v>18</v>
      </c>
      <c r="AJ23044">
        <v>19</v>
      </c>
      <c r="AK23044">
        <v>19</v>
      </c>
      <c r="AL23044">
        <v>19</v>
      </c>
      <c r="AM23044">
        <v>20</v>
      </c>
      <c r="AN23044">
        <v>20</v>
      </c>
      <c r="AO23044">
        <v>20</v>
      </c>
      <c r="AP23044">
        <v>21</v>
      </c>
      <c r="AQ23044">
        <v>21</v>
      </c>
    </row>
    <row r="23045" spans="1:43">
      <c r="A23045" t="s">
        <v>14271</v>
      </c>
      <c r="B23045" t="s">
        <v>14272</v>
      </c>
      <c r="C23045" t="s">
        <v>14241</v>
      </c>
      <c r="D23045" t="s">
        <v>14242</v>
      </c>
      <c r="E23045" t="s">
        <v>14167</v>
      </c>
      <c r="F23045" t="s">
        <v>14168</v>
      </c>
      <c r="G23045" t="s">
        <v>10734</v>
      </c>
      <c r="H23045" t="s">
        <v>10735</v>
      </c>
      <c r="I23045" s="2">
        <v>0</v>
      </c>
      <c r="J23045" s="2">
        <v>0</v>
      </c>
      <c r="K23045" s="2">
        <v>1</v>
      </c>
      <c r="L23045" t="s">
        <v>995</v>
      </c>
      <c r="M23045" t="s">
        <v>83</v>
      </c>
      <c r="N23045" t="s">
        <v>91</v>
      </c>
      <c r="O23045" t="s">
        <v>85</v>
      </c>
      <c r="P23045" t="s">
        <v>86</v>
      </c>
      <c r="Q23045">
        <v>11</v>
      </c>
      <c r="R23045">
        <v>11</v>
      </c>
      <c r="S23045">
        <v>12</v>
      </c>
      <c r="T23045">
        <v>12</v>
      </c>
      <c r="U23045">
        <v>12</v>
      </c>
      <c r="V23045">
        <v>13</v>
      </c>
      <c r="W23045">
        <v>13</v>
      </c>
      <c r="X23045">
        <v>14</v>
      </c>
      <c r="Y23045">
        <v>14</v>
      </c>
      <c r="Z23045">
        <v>14</v>
      </c>
      <c r="AA23045">
        <v>15</v>
      </c>
      <c r="AB23045">
        <v>15</v>
      </c>
      <c r="AC23045">
        <v>15</v>
      </c>
      <c r="AD23045">
        <v>16</v>
      </c>
      <c r="AE23045">
        <v>16</v>
      </c>
      <c r="AF23045">
        <v>17</v>
      </c>
      <c r="AG23045">
        <v>17</v>
      </c>
      <c r="AH23045">
        <v>17</v>
      </c>
      <c r="AI23045">
        <v>18</v>
      </c>
      <c r="AJ23045">
        <v>18</v>
      </c>
      <c r="AK23045">
        <v>19</v>
      </c>
      <c r="AL23045">
        <v>19</v>
      </c>
      <c r="AM23045">
        <v>19</v>
      </c>
      <c r="AN23045">
        <v>20</v>
      </c>
      <c r="AO23045">
        <v>20</v>
      </c>
      <c r="AP23045">
        <v>20</v>
      </c>
      <c r="AQ23045">
        <v>21</v>
      </c>
    </row>
    <row r="23046" spans="1:43">
      <c r="A23046" t="s">
        <v>14273</v>
      </c>
      <c r="B23046" t="s">
        <v>14274</v>
      </c>
      <c r="C23046" t="s">
        <v>14241</v>
      </c>
      <c r="D23046" t="s">
        <v>14242</v>
      </c>
      <c r="E23046" t="s">
        <v>14167</v>
      </c>
      <c r="F23046" t="s">
        <v>14168</v>
      </c>
      <c r="G23046" t="s">
        <v>10734</v>
      </c>
      <c r="H23046" t="s">
        <v>10735</v>
      </c>
      <c r="I23046" s="2">
        <v>0</v>
      </c>
      <c r="J23046" s="2">
        <v>0</v>
      </c>
      <c r="K23046" s="2">
        <v>1</v>
      </c>
      <c r="L23046" t="s">
        <v>995</v>
      </c>
      <c r="M23046" t="s">
        <v>83</v>
      </c>
      <c r="N23046" t="s">
        <v>84</v>
      </c>
      <c r="O23046" t="s">
        <v>85</v>
      </c>
      <c r="P23046" t="s">
        <v>86</v>
      </c>
      <c r="Q23046">
        <v>10</v>
      </c>
      <c r="R23046">
        <v>11</v>
      </c>
      <c r="S23046">
        <v>11</v>
      </c>
      <c r="T23046">
        <v>11</v>
      </c>
      <c r="U23046">
        <v>12</v>
      </c>
      <c r="V23046">
        <v>12</v>
      </c>
      <c r="W23046">
        <v>12</v>
      </c>
      <c r="X23046">
        <v>13</v>
      </c>
      <c r="Y23046">
        <v>13</v>
      </c>
      <c r="Z23046">
        <v>13</v>
      </c>
      <c r="AA23046">
        <v>14</v>
      </c>
      <c r="AB23046">
        <v>14</v>
      </c>
      <c r="AC23046">
        <v>14</v>
      </c>
      <c r="AD23046">
        <v>15</v>
      </c>
      <c r="AE23046">
        <v>15</v>
      </c>
      <c r="AF23046">
        <v>16</v>
      </c>
      <c r="AG23046">
        <v>16</v>
      </c>
      <c r="AH23046">
        <v>16</v>
      </c>
      <c r="AI23046">
        <v>17</v>
      </c>
      <c r="AJ23046">
        <v>17</v>
      </c>
      <c r="AK23046">
        <v>18</v>
      </c>
      <c r="AL23046">
        <v>18</v>
      </c>
      <c r="AM23046">
        <v>18</v>
      </c>
      <c r="AN23046">
        <v>19</v>
      </c>
      <c r="AO23046">
        <v>19</v>
      </c>
      <c r="AP23046">
        <v>19</v>
      </c>
      <c r="AQ23046">
        <v>19</v>
      </c>
    </row>
    <row r="23047" spans="1:43">
      <c r="A23047" t="s">
        <v>14273</v>
      </c>
      <c r="B23047" t="s">
        <v>14274</v>
      </c>
      <c r="C23047" t="s">
        <v>14241</v>
      </c>
      <c r="D23047" t="s">
        <v>14242</v>
      </c>
      <c r="E23047" t="s">
        <v>14167</v>
      </c>
      <c r="F23047" t="s">
        <v>14168</v>
      </c>
      <c r="G23047" t="s">
        <v>10734</v>
      </c>
      <c r="H23047" t="s">
        <v>10735</v>
      </c>
      <c r="I23047" s="2">
        <v>0</v>
      </c>
      <c r="J23047" s="2">
        <v>0</v>
      </c>
      <c r="K23047" s="2">
        <v>1</v>
      </c>
      <c r="L23047" t="s">
        <v>995</v>
      </c>
      <c r="M23047" t="s">
        <v>87</v>
      </c>
      <c r="N23047" t="s">
        <v>88</v>
      </c>
      <c r="O23047" t="s">
        <v>85</v>
      </c>
      <c r="P23047" t="s">
        <v>86</v>
      </c>
      <c r="Q23047">
        <v>10</v>
      </c>
      <c r="R23047">
        <v>11</v>
      </c>
      <c r="S23047">
        <v>11</v>
      </c>
      <c r="T23047">
        <v>11</v>
      </c>
      <c r="U23047">
        <v>11</v>
      </c>
      <c r="V23047">
        <v>11</v>
      </c>
      <c r="W23047">
        <v>12</v>
      </c>
      <c r="X23047">
        <v>12</v>
      </c>
      <c r="Y23047">
        <v>12</v>
      </c>
      <c r="Z23047">
        <v>12</v>
      </c>
      <c r="AA23047">
        <v>13</v>
      </c>
      <c r="AB23047">
        <v>13</v>
      </c>
      <c r="AC23047">
        <v>13</v>
      </c>
      <c r="AD23047">
        <v>13</v>
      </c>
      <c r="AE23047">
        <v>14</v>
      </c>
      <c r="AF23047">
        <v>14</v>
      </c>
      <c r="AG23047">
        <v>14</v>
      </c>
      <c r="AH23047">
        <v>14</v>
      </c>
      <c r="AI23047">
        <v>15</v>
      </c>
      <c r="AJ23047">
        <v>15</v>
      </c>
      <c r="AK23047">
        <v>15</v>
      </c>
      <c r="AL23047">
        <v>15</v>
      </c>
      <c r="AM23047">
        <v>16</v>
      </c>
      <c r="AN23047">
        <v>16</v>
      </c>
      <c r="AO23047">
        <v>16</v>
      </c>
      <c r="AP23047">
        <v>17</v>
      </c>
      <c r="AQ23047">
        <v>17</v>
      </c>
    </row>
    <row r="23048" spans="1:43">
      <c r="A23048" t="s">
        <v>14273</v>
      </c>
      <c r="B23048" t="s">
        <v>14274</v>
      </c>
      <c r="C23048" t="s">
        <v>14241</v>
      </c>
      <c r="D23048" t="s">
        <v>14242</v>
      </c>
      <c r="E23048" t="s">
        <v>14167</v>
      </c>
      <c r="F23048" t="s">
        <v>14168</v>
      </c>
      <c r="G23048" t="s">
        <v>10734</v>
      </c>
      <c r="H23048" t="s">
        <v>10735</v>
      </c>
      <c r="I23048" s="2">
        <v>0</v>
      </c>
      <c r="J23048" s="2">
        <v>0</v>
      </c>
      <c r="K23048" s="2">
        <v>1</v>
      </c>
      <c r="L23048" t="s">
        <v>995</v>
      </c>
      <c r="M23048" t="s">
        <v>89</v>
      </c>
      <c r="N23048" t="s">
        <v>90</v>
      </c>
      <c r="O23048" t="s">
        <v>85</v>
      </c>
      <c r="P23048" t="s">
        <v>86</v>
      </c>
      <c r="Q23048">
        <v>10</v>
      </c>
      <c r="R23048">
        <v>10</v>
      </c>
      <c r="S23048">
        <v>10</v>
      </c>
      <c r="T23048">
        <v>11</v>
      </c>
      <c r="U23048">
        <v>11</v>
      </c>
      <c r="V23048">
        <v>12</v>
      </c>
      <c r="W23048">
        <v>12</v>
      </c>
      <c r="X23048">
        <v>12</v>
      </c>
      <c r="Y23048">
        <v>13</v>
      </c>
      <c r="Z23048">
        <v>13</v>
      </c>
      <c r="AA23048">
        <v>14</v>
      </c>
      <c r="AB23048">
        <v>14</v>
      </c>
      <c r="AC23048">
        <v>14</v>
      </c>
      <c r="AD23048">
        <v>15</v>
      </c>
      <c r="AE23048">
        <v>15</v>
      </c>
      <c r="AF23048">
        <v>15</v>
      </c>
      <c r="AG23048">
        <v>16</v>
      </c>
      <c r="AH23048">
        <v>16</v>
      </c>
      <c r="AI23048">
        <v>16</v>
      </c>
      <c r="AJ23048">
        <v>17</v>
      </c>
      <c r="AK23048">
        <v>17</v>
      </c>
      <c r="AL23048">
        <v>17</v>
      </c>
      <c r="AM23048">
        <v>17</v>
      </c>
      <c r="AN23048">
        <v>18</v>
      </c>
      <c r="AO23048">
        <v>18</v>
      </c>
      <c r="AP23048">
        <v>18</v>
      </c>
      <c r="AQ23048">
        <v>19</v>
      </c>
    </row>
    <row r="23049" spans="1:43">
      <c r="A23049" t="s">
        <v>14273</v>
      </c>
      <c r="B23049" t="s">
        <v>14274</v>
      </c>
      <c r="C23049" t="s">
        <v>14241</v>
      </c>
      <c r="D23049" t="s">
        <v>14242</v>
      </c>
      <c r="E23049" t="s">
        <v>14167</v>
      </c>
      <c r="F23049" t="s">
        <v>14168</v>
      </c>
      <c r="G23049" t="s">
        <v>10734</v>
      </c>
      <c r="H23049" t="s">
        <v>10735</v>
      </c>
      <c r="I23049" s="2">
        <v>0</v>
      </c>
      <c r="J23049" s="2">
        <v>0</v>
      </c>
      <c r="K23049" s="2">
        <v>1</v>
      </c>
      <c r="L23049" t="s">
        <v>995</v>
      </c>
      <c r="M23049" t="s">
        <v>83</v>
      </c>
      <c r="N23049" t="s">
        <v>91</v>
      </c>
      <c r="O23049" t="s">
        <v>85</v>
      </c>
      <c r="P23049" t="s">
        <v>86</v>
      </c>
      <c r="Q23049">
        <v>10</v>
      </c>
      <c r="R23049">
        <v>11</v>
      </c>
      <c r="S23049">
        <v>11</v>
      </c>
      <c r="T23049">
        <v>11</v>
      </c>
      <c r="U23049">
        <v>12</v>
      </c>
      <c r="V23049">
        <v>12</v>
      </c>
      <c r="W23049">
        <v>12</v>
      </c>
      <c r="X23049">
        <v>13</v>
      </c>
      <c r="Y23049">
        <v>13</v>
      </c>
      <c r="Z23049">
        <v>13</v>
      </c>
      <c r="AA23049">
        <v>14</v>
      </c>
      <c r="AB23049">
        <v>14</v>
      </c>
      <c r="AC23049">
        <v>14</v>
      </c>
      <c r="AD23049">
        <v>15</v>
      </c>
      <c r="AE23049">
        <v>15</v>
      </c>
      <c r="AF23049">
        <v>16</v>
      </c>
      <c r="AG23049">
        <v>16</v>
      </c>
      <c r="AH23049">
        <v>16</v>
      </c>
      <c r="AI23049">
        <v>17</v>
      </c>
      <c r="AJ23049">
        <v>17</v>
      </c>
      <c r="AK23049">
        <v>18</v>
      </c>
      <c r="AL23049">
        <v>18</v>
      </c>
      <c r="AM23049">
        <v>18</v>
      </c>
      <c r="AN23049">
        <v>19</v>
      </c>
      <c r="AO23049">
        <v>19</v>
      </c>
      <c r="AP23049">
        <v>19</v>
      </c>
      <c r="AQ23049">
        <v>19</v>
      </c>
    </row>
    <row r="23050" spans="1:43">
      <c r="A23050" t="s">
        <v>14275</v>
      </c>
      <c r="B23050" t="s">
        <v>14276</v>
      </c>
      <c r="C23050" t="s">
        <v>14191</v>
      </c>
      <c r="D23050" t="s">
        <v>14192</v>
      </c>
      <c r="E23050" t="s">
        <v>14167</v>
      </c>
      <c r="F23050" t="s">
        <v>14168</v>
      </c>
      <c r="G23050" t="s">
        <v>10734</v>
      </c>
      <c r="H23050" t="s">
        <v>10735</v>
      </c>
      <c r="I23050" s="2">
        <v>0</v>
      </c>
      <c r="J23050" s="2">
        <v>0</v>
      </c>
      <c r="K23050" s="2">
        <v>1</v>
      </c>
      <c r="L23050" t="s">
        <v>995</v>
      </c>
      <c r="M23050" t="s">
        <v>83</v>
      </c>
      <c r="N23050" t="s">
        <v>84</v>
      </c>
      <c r="O23050" t="s">
        <v>85</v>
      </c>
      <c r="P23050" t="s">
        <v>86</v>
      </c>
      <c r="Q23050">
        <v>14</v>
      </c>
      <c r="R23050">
        <v>14</v>
      </c>
      <c r="S23050">
        <v>15</v>
      </c>
      <c r="T23050">
        <v>15</v>
      </c>
      <c r="U23050">
        <v>15</v>
      </c>
      <c r="V23050">
        <v>16</v>
      </c>
      <c r="W23050">
        <v>16</v>
      </c>
      <c r="X23050">
        <v>17</v>
      </c>
      <c r="Y23050">
        <v>17</v>
      </c>
      <c r="Z23050">
        <v>18</v>
      </c>
      <c r="AA23050">
        <v>18</v>
      </c>
      <c r="AB23050">
        <v>19</v>
      </c>
      <c r="AC23050">
        <v>19</v>
      </c>
      <c r="AD23050">
        <v>20</v>
      </c>
      <c r="AE23050">
        <v>20</v>
      </c>
      <c r="AF23050">
        <v>21</v>
      </c>
      <c r="AG23050">
        <v>21</v>
      </c>
      <c r="AH23050">
        <v>22</v>
      </c>
      <c r="AI23050">
        <v>22</v>
      </c>
      <c r="AJ23050">
        <v>23</v>
      </c>
      <c r="AK23050">
        <v>23</v>
      </c>
      <c r="AL23050">
        <v>24</v>
      </c>
      <c r="AM23050">
        <v>24</v>
      </c>
      <c r="AN23050">
        <v>25</v>
      </c>
      <c r="AO23050">
        <v>25</v>
      </c>
      <c r="AP23050">
        <v>25</v>
      </c>
      <c r="AQ23050">
        <v>26</v>
      </c>
    </row>
    <row r="23051" spans="1:43">
      <c r="A23051" t="s">
        <v>14275</v>
      </c>
      <c r="B23051" t="s">
        <v>14276</v>
      </c>
      <c r="C23051" t="s">
        <v>14191</v>
      </c>
      <c r="D23051" t="s">
        <v>14192</v>
      </c>
      <c r="E23051" t="s">
        <v>14167</v>
      </c>
      <c r="F23051" t="s">
        <v>14168</v>
      </c>
      <c r="G23051" t="s">
        <v>10734</v>
      </c>
      <c r="H23051" t="s">
        <v>10735</v>
      </c>
      <c r="I23051" s="2">
        <v>0</v>
      </c>
      <c r="J23051" s="2">
        <v>0</v>
      </c>
      <c r="K23051" s="2">
        <v>1</v>
      </c>
      <c r="L23051" t="s">
        <v>995</v>
      </c>
      <c r="M23051" t="s">
        <v>87</v>
      </c>
      <c r="N23051" t="s">
        <v>88</v>
      </c>
      <c r="O23051" t="s">
        <v>85</v>
      </c>
      <c r="P23051" t="s">
        <v>86</v>
      </c>
      <c r="Q23051">
        <v>14</v>
      </c>
      <c r="R23051">
        <v>14</v>
      </c>
      <c r="S23051">
        <v>14</v>
      </c>
      <c r="T23051">
        <v>14</v>
      </c>
      <c r="U23051">
        <v>15</v>
      </c>
      <c r="V23051">
        <v>15</v>
      </c>
      <c r="W23051">
        <v>15</v>
      </c>
      <c r="X23051">
        <v>16</v>
      </c>
      <c r="Y23051">
        <v>16</v>
      </c>
      <c r="Z23051">
        <v>16</v>
      </c>
      <c r="AA23051">
        <v>17</v>
      </c>
      <c r="AB23051">
        <v>17</v>
      </c>
      <c r="AC23051">
        <v>17</v>
      </c>
      <c r="AD23051">
        <v>18</v>
      </c>
      <c r="AE23051">
        <v>18</v>
      </c>
      <c r="AF23051">
        <v>18</v>
      </c>
      <c r="AG23051">
        <v>19</v>
      </c>
      <c r="AH23051">
        <v>19</v>
      </c>
      <c r="AI23051">
        <v>19</v>
      </c>
      <c r="AJ23051">
        <v>20</v>
      </c>
      <c r="AK23051">
        <v>20</v>
      </c>
      <c r="AL23051">
        <v>20</v>
      </c>
      <c r="AM23051">
        <v>21</v>
      </c>
      <c r="AN23051">
        <v>21</v>
      </c>
      <c r="AO23051">
        <v>22</v>
      </c>
      <c r="AP23051">
        <v>22</v>
      </c>
      <c r="AQ23051">
        <v>22</v>
      </c>
    </row>
    <row r="23052" spans="1:43">
      <c r="A23052" t="s">
        <v>14275</v>
      </c>
      <c r="B23052" t="s">
        <v>14276</v>
      </c>
      <c r="C23052" t="s">
        <v>14191</v>
      </c>
      <c r="D23052" t="s">
        <v>14192</v>
      </c>
      <c r="E23052" t="s">
        <v>14167</v>
      </c>
      <c r="F23052" t="s">
        <v>14168</v>
      </c>
      <c r="G23052" t="s">
        <v>10734</v>
      </c>
      <c r="H23052" t="s">
        <v>10735</v>
      </c>
      <c r="I23052" s="2">
        <v>0</v>
      </c>
      <c r="J23052" s="2">
        <v>0</v>
      </c>
      <c r="K23052" s="2">
        <v>1</v>
      </c>
      <c r="L23052" t="s">
        <v>995</v>
      </c>
      <c r="M23052" t="s">
        <v>89</v>
      </c>
      <c r="N23052" t="s">
        <v>90</v>
      </c>
      <c r="O23052" t="s">
        <v>85</v>
      </c>
      <c r="P23052" t="s">
        <v>86</v>
      </c>
      <c r="Q23052">
        <v>14</v>
      </c>
      <c r="R23052">
        <v>14</v>
      </c>
      <c r="S23052">
        <v>15</v>
      </c>
      <c r="T23052">
        <v>16</v>
      </c>
      <c r="U23052">
        <v>16</v>
      </c>
      <c r="V23052">
        <v>17</v>
      </c>
      <c r="W23052">
        <v>17</v>
      </c>
      <c r="X23052">
        <v>18</v>
      </c>
      <c r="Y23052">
        <v>18</v>
      </c>
      <c r="Z23052">
        <v>19</v>
      </c>
      <c r="AA23052">
        <v>19</v>
      </c>
      <c r="AB23052">
        <v>20</v>
      </c>
      <c r="AC23052">
        <v>20</v>
      </c>
      <c r="AD23052">
        <v>21</v>
      </c>
      <c r="AE23052">
        <v>22</v>
      </c>
      <c r="AF23052">
        <v>22</v>
      </c>
      <c r="AG23052">
        <v>22</v>
      </c>
      <c r="AH23052">
        <v>23</v>
      </c>
      <c r="AI23052">
        <v>23</v>
      </c>
      <c r="AJ23052">
        <v>23</v>
      </c>
      <c r="AK23052">
        <v>24</v>
      </c>
      <c r="AL23052">
        <v>24</v>
      </c>
      <c r="AM23052">
        <v>25</v>
      </c>
      <c r="AN23052">
        <v>25</v>
      </c>
      <c r="AO23052">
        <v>25</v>
      </c>
      <c r="AP23052">
        <v>26</v>
      </c>
      <c r="AQ23052">
        <v>26</v>
      </c>
    </row>
    <row r="23053" spans="1:43">
      <c r="A23053" t="s">
        <v>14275</v>
      </c>
      <c r="B23053" t="s">
        <v>14276</v>
      </c>
      <c r="C23053" t="s">
        <v>14191</v>
      </c>
      <c r="D23053" t="s">
        <v>14192</v>
      </c>
      <c r="E23053" t="s">
        <v>14167</v>
      </c>
      <c r="F23053" t="s">
        <v>14168</v>
      </c>
      <c r="G23053" t="s">
        <v>10734</v>
      </c>
      <c r="H23053" t="s">
        <v>10735</v>
      </c>
      <c r="I23053" s="2">
        <v>0</v>
      </c>
      <c r="J23053" s="2">
        <v>0</v>
      </c>
      <c r="K23053" s="2">
        <v>1</v>
      </c>
      <c r="L23053" t="s">
        <v>995</v>
      </c>
      <c r="M23053" t="s">
        <v>83</v>
      </c>
      <c r="N23053" t="s">
        <v>91</v>
      </c>
      <c r="O23053" t="s">
        <v>85</v>
      </c>
      <c r="P23053" t="s">
        <v>86</v>
      </c>
      <c r="Q23053">
        <v>14</v>
      </c>
      <c r="R23053">
        <v>14</v>
      </c>
      <c r="S23053">
        <v>15</v>
      </c>
      <c r="T23053">
        <v>15</v>
      </c>
      <c r="U23053">
        <v>15</v>
      </c>
      <c r="V23053">
        <v>16</v>
      </c>
      <c r="W23053">
        <v>16</v>
      </c>
      <c r="X23053">
        <v>17</v>
      </c>
      <c r="Y23053">
        <v>17</v>
      </c>
      <c r="Z23053">
        <v>18</v>
      </c>
      <c r="AA23053">
        <v>18</v>
      </c>
      <c r="AB23053">
        <v>19</v>
      </c>
      <c r="AC23053">
        <v>19</v>
      </c>
      <c r="AD23053">
        <v>20</v>
      </c>
      <c r="AE23053">
        <v>20</v>
      </c>
      <c r="AF23053">
        <v>21</v>
      </c>
      <c r="AG23053">
        <v>21</v>
      </c>
      <c r="AH23053">
        <v>22</v>
      </c>
      <c r="AI23053">
        <v>22</v>
      </c>
      <c r="AJ23053">
        <v>23</v>
      </c>
      <c r="AK23053">
        <v>23</v>
      </c>
      <c r="AL23053">
        <v>24</v>
      </c>
      <c r="AM23053">
        <v>24</v>
      </c>
      <c r="AN23053">
        <v>25</v>
      </c>
      <c r="AO23053">
        <v>25</v>
      </c>
      <c r="AP23053">
        <v>25</v>
      </c>
      <c r="AQ23053">
        <v>26</v>
      </c>
    </row>
    <row r="23054" spans="1:43">
      <c r="A23054" t="s">
        <v>14277</v>
      </c>
      <c r="B23054" t="s">
        <v>14278</v>
      </c>
      <c r="C23054" t="s">
        <v>14195</v>
      </c>
      <c r="D23054" t="s">
        <v>14196</v>
      </c>
      <c r="E23054" t="s">
        <v>14167</v>
      </c>
      <c r="F23054" t="s">
        <v>14168</v>
      </c>
      <c r="G23054" t="s">
        <v>10734</v>
      </c>
      <c r="H23054" t="s">
        <v>10735</v>
      </c>
      <c r="I23054" s="2">
        <v>0</v>
      </c>
      <c r="J23054" s="2">
        <v>0</v>
      </c>
      <c r="K23054" s="2">
        <v>1</v>
      </c>
      <c r="L23054" t="s">
        <v>995</v>
      </c>
      <c r="M23054" t="s">
        <v>83</v>
      </c>
      <c r="N23054" t="s">
        <v>84</v>
      </c>
      <c r="O23054" t="s">
        <v>85</v>
      </c>
      <c r="P23054" t="s">
        <v>86</v>
      </c>
      <c r="Q23054">
        <v>16</v>
      </c>
      <c r="R23054">
        <v>16</v>
      </c>
      <c r="S23054">
        <v>17</v>
      </c>
      <c r="T23054">
        <v>17</v>
      </c>
      <c r="U23054">
        <v>18</v>
      </c>
      <c r="V23054">
        <v>18</v>
      </c>
      <c r="W23054">
        <v>19</v>
      </c>
      <c r="X23054">
        <v>19</v>
      </c>
      <c r="Y23054">
        <v>20</v>
      </c>
      <c r="Z23054">
        <v>20</v>
      </c>
      <c r="AA23054">
        <v>21</v>
      </c>
      <c r="AB23054">
        <v>22</v>
      </c>
      <c r="AC23054">
        <v>22</v>
      </c>
      <c r="AD23054">
        <v>23</v>
      </c>
      <c r="AE23054">
        <v>23</v>
      </c>
      <c r="AF23054">
        <v>24</v>
      </c>
      <c r="AG23054">
        <v>24</v>
      </c>
      <c r="AH23054">
        <v>25</v>
      </c>
      <c r="AI23054">
        <v>26</v>
      </c>
      <c r="AJ23054">
        <v>26</v>
      </c>
      <c r="AK23054">
        <v>27</v>
      </c>
      <c r="AL23054">
        <v>28</v>
      </c>
      <c r="AM23054">
        <v>28</v>
      </c>
      <c r="AN23054">
        <v>28</v>
      </c>
      <c r="AO23054">
        <v>29</v>
      </c>
      <c r="AP23054">
        <v>29</v>
      </c>
      <c r="AQ23054">
        <v>30</v>
      </c>
    </row>
    <row r="23055" spans="1:43">
      <c r="A23055" t="s">
        <v>14277</v>
      </c>
      <c r="B23055" t="s">
        <v>14278</v>
      </c>
      <c r="C23055" t="s">
        <v>14195</v>
      </c>
      <c r="D23055" t="s">
        <v>14196</v>
      </c>
      <c r="E23055" t="s">
        <v>14167</v>
      </c>
      <c r="F23055" t="s">
        <v>14168</v>
      </c>
      <c r="G23055" t="s">
        <v>10734</v>
      </c>
      <c r="H23055" t="s">
        <v>10735</v>
      </c>
      <c r="I23055" s="2">
        <v>0</v>
      </c>
      <c r="J23055" s="2">
        <v>0</v>
      </c>
      <c r="K23055" s="2">
        <v>1</v>
      </c>
      <c r="L23055" t="s">
        <v>995</v>
      </c>
      <c r="M23055" t="s">
        <v>87</v>
      </c>
      <c r="N23055" t="s">
        <v>88</v>
      </c>
      <c r="O23055" t="s">
        <v>85</v>
      </c>
      <c r="P23055" t="s">
        <v>86</v>
      </c>
      <c r="Q23055">
        <v>16</v>
      </c>
      <c r="R23055">
        <v>16</v>
      </c>
      <c r="S23055">
        <v>16</v>
      </c>
      <c r="T23055">
        <v>17</v>
      </c>
      <c r="U23055">
        <v>17</v>
      </c>
      <c r="V23055">
        <v>17</v>
      </c>
      <c r="W23055">
        <v>18</v>
      </c>
      <c r="X23055">
        <v>18</v>
      </c>
      <c r="Y23055">
        <v>18</v>
      </c>
      <c r="Z23055">
        <v>19</v>
      </c>
      <c r="AA23055">
        <v>19</v>
      </c>
      <c r="AB23055">
        <v>19</v>
      </c>
      <c r="AC23055">
        <v>20</v>
      </c>
      <c r="AD23055">
        <v>20</v>
      </c>
      <c r="AE23055">
        <v>21</v>
      </c>
      <c r="AF23055">
        <v>21</v>
      </c>
      <c r="AG23055">
        <v>21</v>
      </c>
      <c r="AH23055">
        <v>22</v>
      </c>
      <c r="AI23055">
        <v>22</v>
      </c>
      <c r="AJ23055">
        <v>23</v>
      </c>
      <c r="AK23055">
        <v>23</v>
      </c>
      <c r="AL23055">
        <v>24</v>
      </c>
      <c r="AM23055">
        <v>24</v>
      </c>
      <c r="AN23055">
        <v>24</v>
      </c>
      <c r="AO23055">
        <v>25</v>
      </c>
      <c r="AP23055">
        <v>25</v>
      </c>
      <c r="AQ23055">
        <v>26</v>
      </c>
    </row>
    <row r="23056" spans="1:43">
      <c r="A23056" t="s">
        <v>14277</v>
      </c>
      <c r="B23056" t="s">
        <v>14278</v>
      </c>
      <c r="C23056" t="s">
        <v>14195</v>
      </c>
      <c r="D23056" t="s">
        <v>14196</v>
      </c>
      <c r="E23056" t="s">
        <v>14167</v>
      </c>
      <c r="F23056" t="s">
        <v>14168</v>
      </c>
      <c r="G23056" t="s">
        <v>10734</v>
      </c>
      <c r="H23056" t="s">
        <v>10735</v>
      </c>
      <c r="I23056" s="2">
        <v>0</v>
      </c>
      <c r="J23056" s="2">
        <v>0</v>
      </c>
      <c r="K23056" s="2">
        <v>1</v>
      </c>
      <c r="L23056" t="s">
        <v>995</v>
      </c>
      <c r="M23056" t="s">
        <v>89</v>
      </c>
      <c r="N23056" t="s">
        <v>90</v>
      </c>
      <c r="O23056" t="s">
        <v>85</v>
      </c>
      <c r="P23056" t="s">
        <v>86</v>
      </c>
      <c r="Q23056">
        <v>16</v>
      </c>
      <c r="R23056">
        <v>17</v>
      </c>
      <c r="S23056">
        <v>17</v>
      </c>
      <c r="T23056">
        <v>18</v>
      </c>
      <c r="U23056">
        <v>18</v>
      </c>
      <c r="V23056">
        <v>19</v>
      </c>
      <c r="W23056">
        <v>20</v>
      </c>
      <c r="X23056">
        <v>20</v>
      </c>
      <c r="Y23056">
        <v>21</v>
      </c>
      <c r="Z23056">
        <v>22</v>
      </c>
      <c r="AA23056">
        <v>22</v>
      </c>
      <c r="AB23056">
        <v>23</v>
      </c>
      <c r="AC23056">
        <v>24</v>
      </c>
      <c r="AD23056">
        <v>24</v>
      </c>
      <c r="AE23056">
        <v>25</v>
      </c>
      <c r="AF23056">
        <v>25</v>
      </c>
      <c r="AG23056">
        <v>26</v>
      </c>
      <c r="AH23056">
        <v>26</v>
      </c>
      <c r="AI23056">
        <v>27</v>
      </c>
      <c r="AJ23056">
        <v>27</v>
      </c>
      <c r="AK23056">
        <v>27</v>
      </c>
      <c r="AL23056">
        <v>28</v>
      </c>
      <c r="AM23056">
        <v>28</v>
      </c>
      <c r="AN23056">
        <v>29</v>
      </c>
      <c r="AO23056">
        <v>29</v>
      </c>
      <c r="AP23056">
        <v>30</v>
      </c>
      <c r="AQ23056">
        <v>30</v>
      </c>
    </row>
    <row r="23057" spans="1:43">
      <c r="A23057" t="s">
        <v>14277</v>
      </c>
      <c r="B23057" t="s">
        <v>14278</v>
      </c>
      <c r="C23057" t="s">
        <v>14195</v>
      </c>
      <c r="D23057" t="s">
        <v>14196</v>
      </c>
      <c r="E23057" t="s">
        <v>14167</v>
      </c>
      <c r="F23057" t="s">
        <v>14168</v>
      </c>
      <c r="G23057" t="s">
        <v>10734</v>
      </c>
      <c r="H23057" t="s">
        <v>10735</v>
      </c>
      <c r="I23057" s="2">
        <v>0</v>
      </c>
      <c r="J23057" s="2">
        <v>0</v>
      </c>
      <c r="K23057" s="2">
        <v>1</v>
      </c>
      <c r="L23057" t="s">
        <v>995</v>
      </c>
      <c r="M23057" t="s">
        <v>83</v>
      </c>
      <c r="N23057" t="s">
        <v>91</v>
      </c>
      <c r="O23057" t="s">
        <v>85</v>
      </c>
      <c r="P23057" t="s">
        <v>86</v>
      </c>
      <c r="Q23057">
        <v>16</v>
      </c>
      <c r="R23057">
        <v>16</v>
      </c>
      <c r="S23057">
        <v>17</v>
      </c>
      <c r="T23057">
        <v>17</v>
      </c>
      <c r="U23057">
        <v>18</v>
      </c>
      <c r="V23057">
        <v>18</v>
      </c>
      <c r="W23057">
        <v>19</v>
      </c>
      <c r="X23057">
        <v>19</v>
      </c>
      <c r="Y23057">
        <v>20</v>
      </c>
      <c r="Z23057">
        <v>20</v>
      </c>
      <c r="AA23057">
        <v>21</v>
      </c>
      <c r="AB23057">
        <v>22</v>
      </c>
      <c r="AC23057">
        <v>22</v>
      </c>
      <c r="AD23057">
        <v>23</v>
      </c>
      <c r="AE23057">
        <v>23</v>
      </c>
      <c r="AF23057">
        <v>24</v>
      </c>
      <c r="AG23057">
        <v>24</v>
      </c>
      <c r="AH23057">
        <v>25</v>
      </c>
      <c r="AI23057">
        <v>26</v>
      </c>
      <c r="AJ23057">
        <v>26</v>
      </c>
      <c r="AK23057">
        <v>27</v>
      </c>
      <c r="AL23057">
        <v>28</v>
      </c>
      <c r="AM23057">
        <v>28</v>
      </c>
      <c r="AN23057">
        <v>28</v>
      </c>
      <c r="AO23057">
        <v>29</v>
      </c>
      <c r="AP23057">
        <v>29</v>
      </c>
      <c r="AQ23057">
        <v>30</v>
      </c>
    </row>
    <row r="23058" spans="1:43">
      <c r="A23058" t="s">
        <v>14279</v>
      </c>
      <c r="B23058" t="s">
        <v>14280</v>
      </c>
      <c r="C23058" t="s">
        <v>14237</v>
      </c>
      <c r="D23058" t="s">
        <v>14238</v>
      </c>
      <c r="E23058" t="s">
        <v>14167</v>
      </c>
      <c r="F23058" t="s">
        <v>14168</v>
      </c>
      <c r="G23058" t="s">
        <v>10734</v>
      </c>
      <c r="H23058" t="s">
        <v>10735</v>
      </c>
      <c r="I23058" s="2">
        <v>0</v>
      </c>
      <c r="J23058" s="2">
        <v>0</v>
      </c>
      <c r="K23058" s="2">
        <v>1</v>
      </c>
      <c r="L23058" t="s">
        <v>995</v>
      </c>
      <c r="M23058" t="s">
        <v>83</v>
      </c>
      <c r="N23058" t="s">
        <v>84</v>
      </c>
      <c r="O23058" t="s">
        <v>85</v>
      </c>
      <c r="P23058" t="s">
        <v>86</v>
      </c>
      <c r="Q23058">
        <v>14</v>
      </c>
      <c r="R23058">
        <v>15</v>
      </c>
      <c r="S23058">
        <v>15</v>
      </c>
      <c r="T23058">
        <v>16</v>
      </c>
      <c r="U23058">
        <v>16</v>
      </c>
      <c r="V23058">
        <v>17</v>
      </c>
      <c r="W23058">
        <v>17</v>
      </c>
      <c r="X23058">
        <v>18</v>
      </c>
      <c r="Y23058">
        <v>18</v>
      </c>
      <c r="Z23058">
        <v>19</v>
      </c>
      <c r="AA23058">
        <v>19</v>
      </c>
      <c r="AB23058">
        <v>20</v>
      </c>
      <c r="AC23058">
        <v>20</v>
      </c>
      <c r="AD23058">
        <v>21</v>
      </c>
      <c r="AE23058">
        <v>21</v>
      </c>
      <c r="AF23058">
        <v>22</v>
      </c>
      <c r="AG23058">
        <v>22</v>
      </c>
      <c r="AH23058">
        <v>23</v>
      </c>
      <c r="AI23058">
        <v>23</v>
      </c>
      <c r="AJ23058">
        <v>24</v>
      </c>
      <c r="AK23058">
        <v>24</v>
      </c>
      <c r="AL23058">
        <v>25</v>
      </c>
      <c r="AM23058">
        <v>25</v>
      </c>
      <c r="AN23058">
        <v>26</v>
      </c>
      <c r="AO23058">
        <v>26</v>
      </c>
      <c r="AP23058">
        <v>26</v>
      </c>
      <c r="AQ23058">
        <v>27</v>
      </c>
    </row>
    <row r="23059" spans="1:43">
      <c r="A23059" t="s">
        <v>14279</v>
      </c>
      <c r="B23059" t="s">
        <v>14280</v>
      </c>
      <c r="C23059" t="s">
        <v>14237</v>
      </c>
      <c r="D23059" t="s">
        <v>14238</v>
      </c>
      <c r="E23059" t="s">
        <v>14167</v>
      </c>
      <c r="F23059" t="s">
        <v>14168</v>
      </c>
      <c r="G23059" t="s">
        <v>10734</v>
      </c>
      <c r="H23059" t="s">
        <v>10735</v>
      </c>
      <c r="I23059" s="2">
        <v>0</v>
      </c>
      <c r="J23059" s="2">
        <v>0</v>
      </c>
      <c r="K23059" s="2">
        <v>1</v>
      </c>
      <c r="L23059" t="s">
        <v>995</v>
      </c>
      <c r="M23059" t="s">
        <v>87</v>
      </c>
      <c r="N23059" t="s">
        <v>88</v>
      </c>
      <c r="O23059" t="s">
        <v>85</v>
      </c>
      <c r="P23059" t="s">
        <v>86</v>
      </c>
      <c r="Q23059">
        <v>14</v>
      </c>
      <c r="R23059">
        <v>15</v>
      </c>
      <c r="S23059">
        <v>15</v>
      </c>
      <c r="T23059">
        <v>15</v>
      </c>
      <c r="U23059">
        <v>15</v>
      </c>
      <c r="V23059">
        <v>16</v>
      </c>
      <c r="W23059">
        <v>16</v>
      </c>
      <c r="X23059">
        <v>16</v>
      </c>
      <c r="Y23059">
        <v>17</v>
      </c>
      <c r="Z23059">
        <v>17</v>
      </c>
      <c r="AA23059">
        <v>17</v>
      </c>
      <c r="AB23059">
        <v>18</v>
      </c>
      <c r="AC23059">
        <v>18</v>
      </c>
      <c r="AD23059">
        <v>18</v>
      </c>
      <c r="AE23059">
        <v>19</v>
      </c>
      <c r="AF23059">
        <v>19</v>
      </c>
      <c r="AG23059">
        <v>19</v>
      </c>
      <c r="AH23059">
        <v>20</v>
      </c>
      <c r="AI23059">
        <v>20</v>
      </c>
      <c r="AJ23059">
        <v>21</v>
      </c>
      <c r="AK23059">
        <v>21</v>
      </c>
      <c r="AL23059">
        <v>21</v>
      </c>
      <c r="AM23059">
        <v>22</v>
      </c>
      <c r="AN23059">
        <v>22</v>
      </c>
      <c r="AO23059">
        <v>23</v>
      </c>
      <c r="AP23059">
        <v>23</v>
      </c>
      <c r="AQ23059">
        <v>24</v>
      </c>
    </row>
    <row r="23060" spans="1:43">
      <c r="A23060" t="s">
        <v>14279</v>
      </c>
      <c r="B23060" t="s">
        <v>14280</v>
      </c>
      <c r="C23060" t="s">
        <v>14237</v>
      </c>
      <c r="D23060" t="s">
        <v>14238</v>
      </c>
      <c r="E23060" t="s">
        <v>14167</v>
      </c>
      <c r="F23060" t="s">
        <v>14168</v>
      </c>
      <c r="G23060" t="s">
        <v>10734</v>
      </c>
      <c r="H23060" t="s">
        <v>10735</v>
      </c>
      <c r="I23060" s="2">
        <v>0</v>
      </c>
      <c r="J23060" s="2">
        <v>0</v>
      </c>
      <c r="K23060" s="2">
        <v>1</v>
      </c>
      <c r="L23060" t="s">
        <v>995</v>
      </c>
      <c r="M23060" t="s">
        <v>89</v>
      </c>
      <c r="N23060" t="s">
        <v>90</v>
      </c>
      <c r="O23060" t="s">
        <v>85</v>
      </c>
      <c r="P23060" t="s">
        <v>86</v>
      </c>
      <c r="Q23060">
        <v>14</v>
      </c>
      <c r="R23060">
        <v>14</v>
      </c>
      <c r="S23060">
        <v>15</v>
      </c>
      <c r="T23060">
        <v>15</v>
      </c>
      <c r="U23060">
        <v>16</v>
      </c>
      <c r="V23060">
        <v>16</v>
      </c>
      <c r="W23060">
        <v>17</v>
      </c>
      <c r="X23060">
        <v>17</v>
      </c>
      <c r="Y23060">
        <v>18</v>
      </c>
      <c r="Z23060">
        <v>19</v>
      </c>
      <c r="AA23060">
        <v>19</v>
      </c>
      <c r="AB23060">
        <v>20</v>
      </c>
      <c r="AC23060">
        <v>20</v>
      </c>
      <c r="AD23060">
        <v>21</v>
      </c>
      <c r="AE23060">
        <v>21</v>
      </c>
      <c r="AF23060">
        <v>22</v>
      </c>
      <c r="AG23060">
        <v>22</v>
      </c>
      <c r="AH23060">
        <v>23</v>
      </c>
      <c r="AI23060">
        <v>23</v>
      </c>
      <c r="AJ23060">
        <v>23</v>
      </c>
      <c r="AK23060">
        <v>24</v>
      </c>
      <c r="AL23060">
        <v>24</v>
      </c>
      <c r="AM23060">
        <v>24</v>
      </c>
      <c r="AN23060">
        <v>25</v>
      </c>
      <c r="AO23060">
        <v>25</v>
      </c>
      <c r="AP23060">
        <v>26</v>
      </c>
      <c r="AQ23060">
        <v>26</v>
      </c>
    </row>
    <row r="23061" spans="1:43">
      <c r="A23061" t="s">
        <v>14279</v>
      </c>
      <c r="B23061" t="s">
        <v>14280</v>
      </c>
      <c r="C23061" t="s">
        <v>14237</v>
      </c>
      <c r="D23061" t="s">
        <v>14238</v>
      </c>
      <c r="E23061" t="s">
        <v>14167</v>
      </c>
      <c r="F23061" t="s">
        <v>14168</v>
      </c>
      <c r="G23061" t="s">
        <v>10734</v>
      </c>
      <c r="H23061" t="s">
        <v>10735</v>
      </c>
      <c r="I23061" s="2">
        <v>0</v>
      </c>
      <c r="J23061" s="2">
        <v>0</v>
      </c>
      <c r="K23061" s="2">
        <v>1</v>
      </c>
      <c r="L23061" t="s">
        <v>995</v>
      </c>
      <c r="M23061" t="s">
        <v>83</v>
      </c>
      <c r="N23061" t="s">
        <v>91</v>
      </c>
      <c r="O23061" t="s">
        <v>85</v>
      </c>
      <c r="P23061" t="s">
        <v>86</v>
      </c>
      <c r="Q23061">
        <v>14</v>
      </c>
      <c r="R23061">
        <v>15</v>
      </c>
      <c r="S23061">
        <v>15</v>
      </c>
      <c r="T23061">
        <v>16</v>
      </c>
      <c r="U23061">
        <v>16</v>
      </c>
      <c r="V23061">
        <v>17</v>
      </c>
      <c r="W23061">
        <v>17</v>
      </c>
      <c r="X23061">
        <v>18</v>
      </c>
      <c r="Y23061">
        <v>18</v>
      </c>
      <c r="Z23061">
        <v>19</v>
      </c>
      <c r="AA23061">
        <v>19</v>
      </c>
      <c r="AB23061">
        <v>20</v>
      </c>
      <c r="AC23061">
        <v>20</v>
      </c>
      <c r="AD23061">
        <v>21</v>
      </c>
      <c r="AE23061">
        <v>21</v>
      </c>
      <c r="AF23061">
        <v>22</v>
      </c>
      <c r="AG23061">
        <v>22</v>
      </c>
      <c r="AH23061">
        <v>23</v>
      </c>
      <c r="AI23061">
        <v>23</v>
      </c>
      <c r="AJ23061">
        <v>24</v>
      </c>
      <c r="AK23061">
        <v>24</v>
      </c>
      <c r="AL23061">
        <v>25</v>
      </c>
      <c r="AM23061">
        <v>25</v>
      </c>
      <c r="AN23061">
        <v>26</v>
      </c>
      <c r="AO23061">
        <v>26</v>
      </c>
      <c r="AP23061">
        <v>26</v>
      </c>
      <c r="AQ23061">
        <v>27</v>
      </c>
    </row>
    <row r="23062" spans="1:43">
      <c r="A23062" t="s">
        <v>14281</v>
      </c>
      <c r="B23062" t="s">
        <v>14282</v>
      </c>
      <c r="C23062" t="s">
        <v>14283</v>
      </c>
      <c r="D23062" t="s">
        <v>14284</v>
      </c>
      <c r="E23062" t="s">
        <v>14167</v>
      </c>
      <c r="F23062" t="s">
        <v>14168</v>
      </c>
      <c r="G23062" t="s">
        <v>10734</v>
      </c>
      <c r="H23062" t="s">
        <v>10735</v>
      </c>
      <c r="I23062" s="2">
        <v>0</v>
      </c>
      <c r="J23062" s="2">
        <v>0</v>
      </c>
      <c r="K23062" s="2">
        <v>1</v>
      </c>
      <c r="L23062" t="s">
        <v>995</v>
      </c>
      <c r="M23062" t="s">
        <v>83</v>
      </c>
      <c r="N23062" t="s">
        <v>84</v>
      </c>
      <c r="O23062" t="s">
        <v>85</v>
      </c>
      <c r="P23062" t="s">
        <v>86</v>
      </c>
      <c r="Q23062">
        <v>10</v>
      </c>
      <c r="R23062">
        <v>10</v>
      </c>
      <c r="S23062">
        <v>10</v>
      </c>
      <c r="T23062">
        <v>11</v>
      </c>
      <c r="U23062">
        <v>11</v>
      </c>
      <c r="V23062">
        <v>11</v>
      </c>
      <c r="W23062">
        <v>11</v>
      </c>
      <c r="X23062">
        <v>12</v>
      </c>
      <c r="Y23062">
        <v>12</v>
      </c>
      <c r="Z23062">
        <v>12</v>
      </c>
      <c r="AA23062">
        <v>13</v>
      </c>
      <c r="AB23062">
        <v>13</v>
      </c>
      <c r="AC23062">
        <v>13</v>
      </c>
      <c r="AD23062">
        <v>14</v>
      </c>
      <c r="AE23062">
        <v>14</v>
      </c>
      <c r="AF23062">
        <v>15</v>
      </c>
      <c r="AG23062">
        <v>15</v>
      </c>
      <c r="AH23062">
        <v>15</v>
      </c>
      <c r="AI23062">
        <v>16</v>
      </c>
      <c r="AJ23062">
        <v>16</v>
      </c>
      <c r="AK23062">
        <v>16</v>
      </c>
      <c r="AL23062">
        <v>17</v>
      </c>
      <c r="AM23062">
        <v>17</v>
      </c>
      <c r="AN23062">
        <v>17</v>
      </c>
      <c r="AO23062">
        <v>18</v>
      </c>
      <c r="AP23062">
        <v>18</v>
      </c>
      <c r="AQ23062">
        <v>18</v>
      </c>
    </row>
    <row r="23063" spans="1:43">
      <c r="A23063" t="s">
        <v>14281</v>
      </c>
      <c r="B23063" t="s">
        <v>14282</v>
      </c>
      <c r="C23063" t="s">
        <v>14283</v>
      </c>
      <c r="D23063" t="s">
        <v>14284</v>
      </c>
      <c r="E23063" t="s">
        <v>14167</v>
      </c>
      <c r="F23063" t="s">
        <v>14168</v>
      </c>
      <c r="G23063" t="s">
        <v>10734</v>
      </c>
      <c r="H23063" t="s">
        <v>10735</v>
      </c>
      <c r="I23063" s="2">
        <v>0</v>
      </c>
      <c r="J23063" s="2">
        <v>0</v>
      </c>
      <c r="K23063" s="2">
        <v>1</v>
      </c>
      <c r="L23063" t="s">
        <v>995</v>
      </c>
      <c r="M23063" t="s">
        <v>87</v>
      </c>
      <c r="N23063" t="s">
        <v>88</v>
      </c>
      <c r="O23063" t="s">
        <v>85</v>
      </c>
      <c r="P23063" t="s">
        <v>86</v>
      </c>
      <c r="Q23063">
        <v>10</v>
      </c>
      <c r="R23063">
        <v>10</v>
      </c>
      <c r="S23063">
        <v>10</v>
      </c>
      <c r="T23063">
        <v>10</v>
      </c>
      <c r="U23063">
        <v>10</v>
      </c>
      <c r="V23063">
        <v>11</v>
      </c>
      <c r="W23063">
        <v>11</v>
      </c>
      <c r="X23063">
        <v>11</v>
      </c>
      <c r="Y23063">
        <v>11</v>
      </c>
      <c r="Z23063">
        <v>11</v>
      </c>
      <c r="AA23063">
        <v>12</v>
      </c>
      <c r="AB23063">
        <v>12</v>
      </c>
      <c r="AC23063">
        <v>12</v>
      </c>
      <c r="AD23063">
        <v>12</v>
      </c>
      <c r="AE23063">
        <v>13</v>
      </c>
      <c r="AF23063">
        <v>13</v>
      </c>
      <c r="AG23063">
        <v>13</v>
      </c>
      <c r="AH23063">
        <v>13</v>
      </c>
      <c r="AI23063">
        <v>14</v>
      </c>
      <c r="AJ23063">
        <v>14</v>
      </c>
      <c r="AK23063">
        <v>14</v>
      </c>
      <c r="AL23063">
        <v>14</v>
      </c>
      <c r="AM23063">
        <v>15</v>
      </c>
      <c r="AN23063">
        <v>15</v>
      </c>
      <c r="AO23063">
        <v>15</v>
      </c>
      <c r="AP23063">
        <v>15</v>
      </c>
      <c r="AQ23063">
        <v>16</v>
      </c>
    </row>
    <row r="23064" spans="1:43">
      <c r="A23064" t="s">
        <v>14281</v>
      </c>
      <c r="B23064" t="s">
        <v>14282</v>
      </c>
      <c r="C23064" t="s">
        <v>14283</v>
      </c>
      <c r="D23064" t="s">
        <v>14284</v>
      </c>
      <c r="E23064" t="s">
        <v>14167</v>
      </c>
      <c r="F23064" t="s">
        <v>14168</v>
      </c>
      <c r="G23064" t="s">
        <v>10734</v>
      </c>
      <c r="H23064" t="s">
        <v>10735</v>
      </c>
      <c r="I23064" s="2">
        <v>0</v>
      </c>
      <c r="J23064" s="2">
        <v>0</v>
      </c>
      <c r="K23064" s="2">
        <v>1</v>
      </c>
      <c r="L23064" t="s">
        <v>995</v>
      </c>
      <c r="M23064" t="s">
        <v>89</v>
      </c>
      <c r="N23064" t="s">
        <v>90</v>
      </c>
      <c r="O23064" t="s">
        <v>85</v>
      </c>
      <c r="P23064" t="s">
        <v>86</v>
      </c>
      <c r="Q23064">
        <v>10</v>
      </c>
      <c r="R23064">
        <v>10</v>
      </c>
      <c r="S23064">
        <v>11</v>
      </c>
      <c r="T23064">
        <v>11</v>
      </c>
      <c r="U23064">
        <v>11</v>
      </c>
      <c r="V23064">
        <v>12</v>
      </c>
      <c r="W23064">
        <v>12</v>
      </c>
      <c r="X23064">
        <v>12</v>
      </c>
      <c r="Y23064">
        <v>13</v>
      </c>
      <c r="Z23064">
        <v>13</v>
      </c>
      <c r="AA23064">
        <v>14</v>
      </c>
      <c r="AB23064">
        <v>14</v>
      </c>
      <c r="AC23064">
        <v>14</v>
      </c>
      <c r="AD23064">
        <v>15</v>
      </c>
      <c r="AE23064">
        <v>15</v>
      </c>
      <c r="AF23064">
        <v>15</v>
      </c>
      <c r="AG23064">
        <v>16</v>
      </c>
      <c r="AH23064">
        <v>16</v>
      </c>
      <c r="AI23064">
        <v>16</v>
      </c>
      <c r="AJ23064">
        <v>16</v>
      </c>
      <c r="AK23064">
        <v>17</v>
      </c>
      <c r="AL23064">
        <v>17</v>
      </c>
      <c r="AM23064">
        <v>17</v>
      </c>
      <c r="AN23064">
        <v>18</v>
      </c>
      <c r="AO23064">
        <v>18</v>
      </c>
      <c r="AP23064">
        <v>18</v>
      </c>
      <c r="AQ23064">
        <v>18</v>
      </c>
    </row>
    <row r="23065" spans="1:43">
      <c r="A23065" t="s">
        <v>14281</v>
      </c>
      <c r="B23065" t="s">
        <v>14282</v>
      </c>
      <c r="C23065" t="s">
        <v>14283</v>
      </c>
      <c r="D23065" t="s">
        <v>14284</v>
      </c>
      <c r="E23065" t="s">
        <v>14167</v>
      </c>
      <c r="F23065" t="s">
        <v>14168</v>
      </c>
      <c r="G23065" t="s">
        <v>10734</v>
      </c>
      <c r="H23065" t="s">
        <v>10735</v>
      </c>
      <c r="I23065" s="2">
        <v>0</v>
      </c>
      <c r="J23065" s="2">
        <v>0</v>
      </c>
      <c r="K23065" s="2">
        <v>1</v>
      </c>
      <c r="L23065" t="s">
        <v>995</v>
      </c>
      <c r="M23065" t="s">
        <v>83</v>
      </c>
      <c r="N23065" t="s">
        <v>91</v>
      </c>
      <c r="O23065" t="s">
        <v>85</v>
      </c>
      <c r="P23065" t="s">
        <v>86</v>
      </c>
      <c r="Q23065">
        <v>10</v>
      </c>
      <c r="R23065">
        <v>10</v>
      </c>
      <c r="S23065">
        <v>10</v>
      </c>
      <c r="T23065">
        <v>11</v>
      </c>
      <c r="U23065">
        <v>11</v>
      </c>
      <c r="V23065">
        <v>11</v>
      </c>
      <c r="W23065">
        <v>11</v>
      </c>
      <c r="X23065">
        <v>12</v>
      </c>
      <c r="Y23065">
        <v>12</v>
      </c>
      <c r="Z23065">
        <v>12</v>
      </c>
      <c r="AA23065">
        <v>13</v>
      </c>
      <c r="AB23065">
        <v>13</v>
      </c>
      <c r="AC23065">
        <v>13</v>
      </c>
      <c r="AD23065">
        <v>14</v>
      </c>
      <c r="AE23065">
        <v>14</v>
      </c>
      <c r="AF23065">
        <v>15</v>
      </c>
      <c r="AG23065">
        <v>15</v>
      </c>
      <c r="AH23065">
        <v>15</v>
      </c>
      <c r="AI23065">
        <v>16</v>
      </c>
      <c r="AJ23065">
        <v>16</v>
      </c>
      <c r="AK23065">
        <v>16</v>
      </c>
      <c r="AL23065">
        <v>17</v>
      </c>
      <c r="AM23065">
        <v>17</v>
      </c>
      <c r="AN23065">
        <v>17</v>
      </c>
      <c r="AO23065">
        <v>18</v>
      </c>
      <c r="AP23065">
        <v>18</v>
      </c>
      <c r="AQ23065">
        <v>18</v>
      </c>
    </row>
    <row r="23066" spans="1:43">
      <c r="A23066" t="s">
        <v>14285</v>
      </c>
      <c r="B23066" t="s">
        <v>14286</v>
      </c>
      <c r="C23066" t="s">
        <v>14283</v>
      </c>
      <c r="D23066" t="s">
        <v>14284</v>
      </c>
      <c r="E23066" t="s">
        <v>14167</v>
      </c>
      <c r="F23066" t="s">
        <v>14168</v>
      </c>
      <c r="G23066" t="s">
        <v>10734</v>
      </c>
      <c r="H23066" t="s">
        <v>10735</v>
      </c>
      <c r="I23066" s="2">
        <v>0</v>
      </c>
      <c r="J23066" s="2">
        <v>0</v>
      </c>
      <c r="K23066" s="2">
        <v>1</v>
      </c>
      <c r="L23066" t="s">
        <v>995</v>
      </c>
      <c r="M23066" t="s">
        <v>83</v>
      </c>
      <c r="N23066" t="s">
        <v>84</v>
      </c>
      <c r="O23066" t="s">
        <v>85</v>
      </c>
      <c r="P23066" t="s">
        <v>86</v>
      </c>
      <c r="Q23066">
        <v>54</v>
      </c>
      <c r="R23066">
        <v>56</v>
      </c>
      <c r="S23066">
        <v>57</v>
      </c>
      <c r="T23066">
        <v>59</v>
      </c>
      <c r="U23066">
        <v>61</v>
      </c>
      <c r="V23066">
        <v>62</v>
      </c>
      <c r="W23066">
        <v>64</v>
      </c>
      <c r="X23066">
        <v>66</v>
      </c>
      <c r="Y23066">
        <v>68</v>
      </c>
      <c r="Z23066">
        <v>69</v>
      </c>
      <c r="AA23066">
        <v>71</v>
      </c>
      <c r="AB23066">
        <v>73</v>
      </c>
      <c r="AC23066">
        <v>75</v>
      </c>
      <c r="AD23066">
        <v>77</v>
      </c>
      <c r="AE23066">
        <v>79</v>
      </c>
      <c r="AF23066">
        <v>81</v>
      </c>
      <c r="AG23066">
        <v>83</v>
      </c>
      <c r="AH23066">
        <v>85</v>
      </c>
      <c r="AI23066">
        <v>88</v>
      </c>
      <c r="AJ23066">
        <v>90</v>
      </c>
      <c r="AK23066">
        <v>92</v>
      </c>
      <c r="AL23066">
        <v>94</v>
      </c>
      <c r="AM23066">
        <v>95</v>
      </c>
      <c r="AN23066">
        <v>97</v>
      </c>
      <c r="AO23066">
        <v>99</v>
      </c>
      <c r="AP23066">
        <v>100</v>
      </c>
      <c r="AQ23066">
        <v>102</v>
      </c>
    </row>
    <row r="23067" spans="1:43">
      <c r="A23067" t="s">
        <v>14285</v>
      </c>
      <c r="B23067" t="s">
        <v>14286</v>
      </c>
      <c r="C23067" t="s">
        <v>14283</v>
      </c>
      <c r="D23067" t="s">
        <v>14284</v>
      </c>
      <c r="E23067" t="s">
        <v>14167</v>
      </c>
      <c r="F23067" t="s">
        <v>14168</v>
      </c>
      <c r="G23067" t="s">
        <v>10734</v>
      </c>
      <c r="H23067" t="s">
        <v>10735</v>
      </c>
      <c r="I23067" s="2">
        <v>0</v>
      </c>
      <c r="J23067" s="2">
        <v>0</v>
      </c>
      <c r="K23067" s="2">
        <v>1</v>
      </c>
      <c r="L23067" t="s">
        <v>995</v>
      </c>
      <c r="M23067" t="s">
        <v>87</v>
      </c>
      <c r="N23067" t="s">
        <v>88</v>
      </c>
      <c r="O23067" t="s">
        <v>85</v>
      </c>
      <c r="P23067" t="s">
        <v>86</v>
      </c>
      <c r="Q23067">
        <v>54</v>
      </c>
      <c r="R23067">
        <v>55</v>
      </c>
      <c r="S23067">
        <v>56</v>
      </c>
      <c r="T23067">
        <v>57</v>
      </c>
      <c r="U23067">
        <v>58</v>
      </c>
      <c r="V23067">
        <v>59</v>
      </c>
      <c r="W23067">
        <v>60</v>
      </c>
      <c r="X23067">
        <v>61</v>
      </c>
      <c r="Y23067">
        <v>63</v>
      </c>
      <c r="Z23067">
        <v>64</v>
      </c>
      <c r="AA23067">
        <v>65</v>
      </c>
      <c r="AB23067">
        <v>66</v>
      </c>
      <c r="AC23067">
        <v>67</v>
      </c>
      <c r="AD23067">
        <v>69</v>
      </c>
      <c r="AE23067">
        <v>70</v>
      </c>
      <c r="AF23067">
        <v>71</v>
      </c>
      <c r="AG23067">
        <v>73</v>
      </c>
      <c r="AH23067">
        <v>74</v>
      </c>
      <c r="AI23067">
        <v>76</v>
      </c>
      <c r="AJ23067">
        <v>77</v>
      </c>
      <c r="AK23067">
        <v>79</v>
      </c>
      <c r="AL23067">
        <v>80</v>
      </c>
      <c r="AM23067">
        <v>82</v>
      </c>
      <c r="AN23067">
        <v>83</v>
      </c>
      <c r="AO23067">
        <v>85</v>
      </c>
      <c r="AP23067">
        <v>87</v>
      </c>
      <c r="AQ23067">
        <v>88</v>
      </c>
    </row>
    <row r="23068" spans="1:43">
      <c r="A23068" t="s">
        <v>14285</v>
      </c>
      <c r="B23068" t="s">
        <v>14286</v>
      </c>
      <c r="C23068" t="s">
        <v>14283</v>
      </c>
      <c r="D23068" t="s">
        <v>14284</v>
      </c>
      <c r="E23068" t="s">
        <v>14167</v>
      </c>
      <c r="F23068" t="s">
        <v>14168</v>
      </c>
      <c r="G23068" t="s">
        <v>10734</v>
      </c>
      <c r="H23068" t="s">
        <v>10735</v>
      </c>
      <c r="I23068" s="2">
        <v>0</v>
      </c>
      <c r="J23068" s="2">
        <v>0</v>
      </c>
      <c r="K23068" s="2">
        <v>1</v>
      </c>
      <c r="L23068" t="s">
        <v>995</v>
      </c>
      <c r="M23068" t="s">
        <v>89</v>
      </c>
      <c r="N23068" t="s">
        <v>90</v>
      </c>
      <c r="O23068" t="s">
        <v>85</v>
      </c>
      <c r="P23068" t="s">
        <v>86</v>
      </c>
      <c r="Q23068">
        <v>54</v>
      </c>
      <c r="R23068">
        <v>56</v>
      </c>
      <c r="S23068">
        <v>58</v>
      </c>
      <c r="T23068">
        <v>60</v>
      </c>
      <c r="U23068">
        <v>62</v>
      </c>
      <c r="V23068">
        <v>64</v>
      </c>
      <c r="W23068">
        <v>66</v>
      </c>
      <c r="X23068">
        <v>68</v>
      </c>
      <c r="Y23068">
        <v>71</v>
      </c>
      <c r="Z23068">
        <v>73</v>
      </c>
      <c r="AA23068">
        <v>75</v>
      </c>
      <c r="AB23068">
        <v>77</v>
      </c>
      <c r="AC23068">
        <v>80</v>
      </c>
      <c r="AD23068">
        <v>82</v>
      </c>
      <c r="AE23068">
        <v>84</v>
      </c>
      <c r="AF23068">
        <v>85</v>
      </c>
      <c r="AG23068">
        <v>87</v>
      </c>
      <c r="AH23068">
        <v>88</v>
      </c>
      <c r="AI23068">
        <v>90</v>
      </c>
      <c r="AJ23068">
        <v>91</v>
      </c>
      <c r="AK23068">
        <v>92</v>
      </c>
      <c r="AL23068">
        <v>94</v>
      </c>
      <c r="AM23068">
        <v>96</v>
      </c>
      <c r="AN23068">
        <v>97</v>
      </c>
      <c r="AO23068">
        <v>99</v>
      </c>
      <c r="AP23068">
        <v>100</v>
      </c>
      <c r="AQ23068">
        <v>102</v>
      </c>
    </row>
    <row r="23069" spans="1:43">
      <c r="A23069" t="s">
        <v>14285</v>
      </c>
      <c r="B23069" t="s">
        <v>14286</v>
      </c>
      <c r="C23069" t="s">
        <v>14283</v>
      </c>
      <c r="D23069" t="s">
        <v>14284</v>
      </c>
      <c r="E23069" t="s">
        <v>14167</v>
      </c>
      <c r="F23069" t="s">
        <v>14168</v>
      </c>
      <c r="G23069" t="s">
        <v>10734</v>
      </c>
      <c r="H23069" t="s">
        <v>10735</v>
      </c>
      <c r="I23069" s="2">
        <v>0</v>
      </c>
      <c r="J23069" s="2">
        <v>0</v>
      </c>
      <c r="K23069" s="2">
        <v>1</v>
      </c>
      <c r="L23069" t="s">
        <v>995</v>
      </c>
      <c r="M23069" t="s">
        <v>83</v>
      </c>
      <c r="N23069" t="s">
        <v>91</v>
      </c>
      <c r="O23069" t="s">
        <v>85</v>
      </c>
      <c r="P23069" t="s">
        <v>86</v>
      </c>
      <c r="Q23069">
        <v>54</v>
      </c>
      <c r="R23069">
        <v>56</v>
      </c>
      <c r="S23069">
        <v>57</v>
      </c>
      <c r="T23069">
        <v>59</v>
      </c>
      <c r="U23069">
        <v>61</v>
      </c>
      <c r="V23069">
        <v>62</v>
      </c>
      <c r="W23069">
        <v>64</v>
      </c>
      <c r="X23069">
        <v>66</v>
      </c>
      <c r="Y23069">
        <v>68</v>
      </c>
      <c r="Z23069">
        <v>69</v>
      </c>
      <c r="AA23069">
        <v>71</v>
      </c>
      <c r="AB23069">
        <v>73</v>
      </c>
      <c r="AC23069">
        <v>75</v>
      </c>
      <c r="AD23069">
        <v>77</v>
      </c>
      <c r="AE23069">
        <v>79</v>
      </c>
      <c r="AF23069">
        <v>81</v>
      </c>
      <c r="AG23069">
        <v>83</v>
      </c>
      <c r="AH23069">
        <v>85</v>
      </c>
      <c r="AI23069">
        <v>88</v>
      </c>
      <c r="AJ23069">
        <v>90</v>
      </c>
      <c r="AK23069">
        <v>92</v>
      </c>
      <c r="AL23069">
        <v>94</v>
      </c>
      <c r="AM23069">
        <v>95</v>
      </c>
      <c r="AN23069">
        <v>97</v>
      </c>
      <c r="AO23069">
        <v>99</v>
      </c>
      <c r="AP23069">
        <v>100</v>
      </c>
      <c r="AQ23069">
        <v>102</v>
      </c>
    </row>
    <row r="23070" spans="1:43">
      <c r="A23070" t="s">
        <v>14287</v>
      </c>
      <c r="B23070" t="s">
        <v>14288</v>
      </c>
      <c r="C23070" t="s">
        <v>14283</v>
      </c>
      <c r="D23070" t="s">
        <v>14284</v>
      </c>
      <c r="E23070" t="s">
        <v>14167</v>
      </c>
      <c r="F23070" t="s">
        <v>14168</v>
      </c>
      <c r="G23070" t="s">
        <v>10734</v>
      </c>
      <c r="H23070" t="s">
        <v>10735</v>
      </c>
      <c r="I23070" s="2">
        <v>0</v>
      </c>
      <c r="J23070" s="2">
        <v>0</v>
      </c>
      <c r="K23070" s="2">
        <v>1</v>
      </c>
      <c r="L23070" t="s">
        <v>995</v>
      </c>
      <c r="M23070" t="s">
        <v>83</v>
      </c>
      <c r="N23070" t="s">
        <v>84</v>
      </c>
      <c r="O23070" t="s">
        <v>85</v>
      </c>
      <c r="P23070" t="s">
        <v>86</v>
      </c>
      <c r="Q23070">
        <v>28</v>
      </c>
      <c r="R23070">
        <v>29</v>
      </c>
      <c r="S23070">
        <v>29</v>
      </c>
      <c r="T23070">
        <v>30</v>
      </c>
      <c r="U23070">
        <v>31</v>
      </c>
      <c r="V23070">
        <v>32</v>
      </c>
      <c r="W23070">
        <v>33</v>
      </c>
      <c r="X23070">
        <v>34</v>
      </c>
      <c r="Y23070">
        <v>35</v>
      </c>
      <c r="Z23070">
        <v>36</v>
      </c>
      <c r="AA23070">
        <v>37</v>
      </c>
      <c r="AB23070">
        <v>38</v>
      </c>
      <c r="AC23070">
        <v>39</v>
      </c>
      <c r="AD23070">
        <v>40</v>
      </c>
      <c r="AE23070">
        <v>41</v>
      </c>
      <c r="AF23070">
        <v>42</v>
      </c>
      <c r="AG23070">
        <v>43</v>
      </c>
      <c r="AH23070">
        <v>44</v>
      </c>
      <c r="AI23070">
        <v>45</v>
      </c>
      <c r="AJ23070">
        <v>46</v>
      </c>
      <c r="AK23070">
        <v>47</v>
      </c>
      <c r="AL23070">
        <v>48</v>
      </c>
      <c r="AM23070">
        <v>49</v>
      </c>
      <c r="AN23070">
        <v>50</v>
      </c>
      <c r="AO23070">
        <v>51</v>
      </c>
      <c r="AP23070">
        <v>51</v>
      </c>
      <c r="AQ23070">
        <v>52</v>
      </c>
    </row>
    <row r="23071" spans="1:43">
      <c r="A23071" t="s">
        <v>14287</v>
      </c>
      <c r="B23071" t="s">
        <v>14288</v>
      </c>
      <c r="C23071" t="s">
        <v>14283</v>
      </c>
      <c r="D23071" t="s">
        <v>14284</v>
      </c>
      <c r="E23071" t="s">
        <v>14167</v>
      </c>
      <c r="F23071" t="s">
        <v>14168</v>
      </c>
      <c r="G23071" t="s">
        <v>10734</v>
      </c>
      <c r="H23071" t="s">
        <v>10735</v>
      </c>
      <c r="I23071" s="2">
        <v>0</v>
      </c>
      <c r="J23071" s="2">
        <v>0</v>
      </c>
      <c r="K23071" s="2">
        <v>1</v>
      </c>
      <c r="L23071" t="s">
        <v>995</v>
      </c>
      <c r="M23071" t="s">
        <v>87</v>
      </c>
      <c r="N23071" t="s">
        <v>88</v>
      </c>
      <c r="O23071" t="s">
        <v>85</v>
      </c>
      <c r="P23071" t="s">
        <v>86</v>
      </c>
      <c r="Q23071">
        <v>28</v>
      </c>
      <c r="R23071">
        <v>28</v>
      </c>
      <c r="S23071">
        <v>29</v>
      </c>
      <c r="T23071">
        <v>29</v>
      </c>
      <c r="U23071">
        <v>30</v>
      </c>
      <c r="V23071">
        <v>30</v>
      </c>
      <c r="W23071">
        <v>31</v>
      </c>
      <c r="X23071">
        <v>31</v>
      </c>
      <c r="Y23071">
        <v>32</v>
      </c>
      <c r="Z23071">
        <v>33</v>
      </c>
      <c r="AA23071">
        <v>33</v>
      </c>
      <c r="AB23071">
        <v>34</v>
      </c>
      <c r="AC23071">
        <v>35</v>
      </c>
      <c r="AD23071">
        <v>35</v>
      </c>
      <c r="AE23071">
        <v>36</v>
      </c>
      <c r="AF23071">
        <v>37</v>
      </c>
      <c r="AG23071">
        <v>37</v>
      </c>
      <c r="AH23071">
        <v>38</v>
      </c>
      <c r="AI23071">
        <v>39</v>
      </c>
      <c r="AJ23071">
        <v>40</v>
      </c>
      <c r="AK23071">
        <v>40</v>
      </c>
      <c r="AL23071">
        <v>41</v>
      </c>
      <c r="AM23071">
        <v>42</v>
      </c>
      <c r="AN23071">
        <v>43</v>
      </c>
      <c r="AO23071">
        <v>44</v>
      </c>
      <c r="AP23071">
        <v>44</v>
      </c>
      <c r="AQ23071">
        <v>45</v>
      </c>
    </row>
    <row r="23072" spans="1:43">
      <c r="A23072" t="s">
        <v>14287</v>
      </c>
      <c r="B23072" t="s">
        <v>14288</v>
      </c>
      <c r="C23072" t="s">
        <v>14283</v>
      </c>
      <c r="D23072" t="s">
        <v>14284</v>
      </c>
      <c r="E23072" t="s">
        <v>14167</v>
      </c>
      <c r="F23072" t="s">
        <v>14168</v>
      </c>
      <c r="G23072" t="s">
        <v>10734</v>
      </c>
      <c r="H23072" t="s">
        <v>10735</v>
      </c>
      <c r="I23072" s="2">
        <v>0</v>
      </c>
      <c r="J23072" s="2">
        <v>0</v>
      </c>
      <c r="K23072" s="2">
        <v>1</v>
      </c>
      <c r="L23072" t="s">
        <v>995</v>
      </c>
      <c r="M23072" t="s">
        <v>89</v>
      </c>
      <c r="N23072" t="s">
        <v>90</v>
      </c>
      <c r="O23072" t="s">
        <v>85</v>
      </c>
      <c r="P23072" t="s">
        <v>86</v>
      </c>
      <c r="Q23072">
        <v>28</v>
      </c>
      <c r="R23072">
        <v>29</v>
      </c>
      <c r="S23072">
        <v>30</v>
      </c>
      <c r="T23072">
        <v>31</v>
      </c>
      <c r="U23072">
        <v>32</v>
      </c>
      <c r="V23072">
        <v>33</v>
      </c>
      <c r="W23072">
        <v>35</v>
      </c>
      <c r="X23072">
        <v>36</v>
      </c>
      <c r="Y23072">
        <v>37</v>
      </c>
      <c r="Z23072">
        <v>38</v>
      </c>
      <c r="AA23072">
        <v>39</v>
      </c>
      <c r="AB23072">
        <v>40</v>
      </c>
      <c r="AC23072">
        <v>41</v>
      </c>
      <c r="AD23072">
        <v>43</v>
      </c>
      <c r="AE23072">
        <v>44</v>
      </c>
      <c r="AF23072">
        <v>44</v>
      </c>
      <c r="AG23072">
        <v>45</v>
      </c>
      <c r="AH23072">
        <v>46</v>
      </c>
      <c r="AI23072">
        <v>46</v>
      </c>
      <c r="AJ23072">
        <v>47</v>
      </c>
      <c r="AK23072">
        <v>48</v>
      </c>
      <c r="AL23072">
        <v>49</v>
      </c>
      <c r="AM23072">
        <v>49</v>
      </c>
      <c r="AN23072">
        <v>50</v>
      </c>
      <c r="AO23072">
        <v>51</v>
      </c>
      <c r="AP23072">
        <v>52</v>
      </c>
      <c r="AQ23072">
        <v>53</v>
      </c>
    </row>
    <row r="23073" spans="1:43">
      <c r="A23073" t="s">
        <v>14287</v>
      </c>
      <c r="B23073" t="s">
        <v>14288</v>
      </c>
      <c r="C23073" t="s">
        <v>14283</v>
      </c>
      <c r="D23073" t="s">
        <v>14284</v>
      </c>
      <c r="E23073" t="s">
        <v>14167</v>
      </c>
      <c r="F23073" t="s">
        <v>14168</v>
      </c>
      <c r="G23073" t="s">
        <v>10734</v>
      </c>
      <c r="H23073" t="s">
        <v>10735</v>
      </c>
      <c r="I23073" s="2">
        <v>0</v>
      </c>
      <c r="J23073" s="2">
        <v>0</v>
      </c>
      <c r="K23073" s="2">
        <v>1</v>
      </c>
      <c r="L23073" t="s">
        <v>995</v>
      </c>
      <c r="M23073" t="s">
        <v>83</v>
      </c>
      <c r="N23073" t="s">
        <v>91</v>
      </c>
      <c r="O23073" t="s">
        <v>85</v>
      </c>
      <c r="P23073" t="s">
        <v>86</v>
      </c>
      <c r="Q23073">
        <v>28</v>
      </c>
      <c r="R23073">
        <v>29</v>
      </c>
      <c r="S23073">
        <v>29</v>
      </c>
      <c r="T23073">
        <v>30</v>
      </c>
      <c r="U23073">
        <v>31</v>
      </c>
      <c r="V23073">
        <v>32</v>
      </c>
      <c r="W23073">
        <v>33</v>
      </c>
      <c r="X23073">
        <v>34</v>
      </c>
      <c r="Y23073">
        <v>35</v>
      </c>
      <c r="Z23073">
        <v>36</v>
      </c>
      <c r="AA23073">
        <v>37</v>
      </c>
      <c r="AB23073">
        <v>38</v>
      </c>
      <c r="AC23073">
        <v>39</v>
      </c>
      <c r="AD23073">
        <v>40</v>
      </c>
      <c r="AE23073">
        <v>41</v>
      </c>
      <c r="AF23073">
        <v>42</v>
      </c>
      <c r="AG23073">
        <v>43</v>
      </c>
      <c r="AH23073">
        <v>44</v>
      </c>
      <c r="AI23073">
        <v>45</v>
      </c>
      <c r="AJ23073">
        <v>46</v>
      </c>
      <c r="AK23073">
        <v>47</v>
      </c>
      <c r="AL23073">
        <v>48</v>
      </c>
      <c r="AM23073">
        <v>49</v>
      </c>
      <c r="AN23073">
        <v>50</v>
      </c>
      <c r="AO23073">
        <v>51</v>
      </c>
      <c r="AP23073">
        <v>51</v>
      </c>
      <c r="AQ23073">
        <v>52</v>
      </c>
    </row>
    <row r="23074" spans="1:43">
      <c r="A23074" t="s">
        <v>14289</v>
      </c>
      <c r="B23074" t="s">
        <v>14290</v>
      </c>
      <c r="C23074" t="s">
        <v>14237</v>
      </c>
      <c r="D23074" t="s">
        <v>14238</v>
      </c>
      <c r="E23074" t="s">
        <v>14167</v>
      </c>
      <c r="F23074" t="s">
        <v>14168</v>
      </c>
      <c r="G23074" t="s">
        <v>10734</v>
      </c>
      <c r="H23074" t="s">
        <v>10735</v>
      </c>
      <c r="I23074" s="2">
        <v>0</v>
      </c>
      <c r="J23074" s="2">
        <v>0</v>
      </c>
      <c r="K23074" s="2">
        <v>1</v>
      </c>
      <c r="L23074" t="s">
        <v>995</v>
      </c>
      <c r="M23074" t="s">
        <v>83</v>
      </c>
      <c r="N23074" t="s">
        <v>84</v>
      </c>
      <c r="O23074" t="s">
        <v>85</v>
      </c>
      <c r="P23074" t="s">
        <v>86</v>
      </c>
      <c r="Q23074">
        <v>51</v>
      </c>
      <c r="R23074">
        <v>52</v>
      </c>
      <c r="S23074">
        <v>54</v>
      </c>
      <c r="T23074">
        <v>55</v>
      </c>
      <c r="U23074">
        <v>57</v>
      </c>
      <c r="V23074">
        <v>59</v>
      </c>
      <c r="W23074">
        <v>60</v>
      </c>
      <c r="X23074">
        <v>62</v>
      </c>
      <c r="Y23074">
        <v>64</v>
      </c>
      <c r="Z23074">
        <v>65</v>
      </c>
      <c r="AA23074">
        <v>67</v>
      </c>
      <c r="AB23074">
        <v>69</v>
      </c>
      <c r="AC23074">
        <v>71</v>
      </c>
      <c r="AD23074">
        <v>73</v>
      </c>
      <c r="AE23074">
        <v>74</v>
      </c>
      <c r="AF23074">
        <v>76</v>
      </c>
      <c r="AG23074">
        <v>78</v>
      </c>
      <c r="AH23074">
        <v>80</v>
      </c>
      <c r="AI23074">
        <v>82</v>
      </c>
      <c r="AJ23074">
        <v>84</v>
      </c>
      <c r="AK23074">
        <v>87</v>
      </c>
      <c r="AL23074">
        <v>88</v>
      </c>
      <c r="AM23074">
        <v>90</v>
      </c>
      <c r="AN23074">
        <v>91</v>
      </c>
      <c r="AO23074">
        <v>93</v>
      </c>
      <c r="AP23074">
        <v>94</v>
      </c>
      <c r="AQ23074">
        <v>96</v>
      </c>
    </row>
    <row r="23075" spans="1:43">
      <c r="A23075" t="s">
        <v>14289</v>
      </c>
      <c r="B23075" t="s">
        <v>14290</v>
      </c>
      <c r="C23075" t="s">
        <v>14237</v>
      </c>
      <c r="D23075" t="s">
        <v>14238</v>
      </c>
      <c r="E23075" t="s">
        <v>14167</v>
      </c>
      <c r="F23075" t="s">
        <v>14168</v>
      </c>
      <c r="G23075" t="s">
        <v>10734</v>
      </c>
      <c r="H23075" t="s">
        <v>10735</v>
      </c>
      <c r="I23075" s="2">
        <v>0</v>
      </c>
      <c r="J23075" s="2">
        <v>0</v>
      </c>
      <c r="K23075" s="2">
        <v>1</v>
      </c>
      <c r="L23075" t="s">
        <v>995</v>
      </c>
      <c r="M23075" t="s">
        <v>87</v>
      </c>
      <c r="N23075" t="s">
        <v>88</v>
      </c>
      <c r="O23075" t="s">
        <v>85</v>
      </c>
      <c r="P23075" t="s">
        <v>86</v>
      </c>
      <c r="Q23075">
        <v>51</v>
      </c>
      <c r="R23075">
        <v>52</v>
      </c>
      <c r="S23075">
        <v>53</v>
      </c>
      <c r="T23075">
        <v>54</v>
      </c>
      <c r="U23075">
        <v>55</v>
      </c>
      <c r="V23075">
        <v>57</v>
      </c>
      <c r="W23075">
        <v>58</v>
      </c>
      <c r="X23075">
        <v>59</v>
      </c>
      <c r="Y23075">
        <v>60</v>
      </c>
      <c r="Z23075">
        <v>61</v>
      </c>
      <c r="AA23075">
        <v>62</v>
      </c>
      <c r="AB23075">
        <v>63</v>
      </c>
      <c r="AC23075">
        <v>64</v>
      </c>
      <c r="AD23075">
        <v>66</v>
      </c>
      <c r="AE23075">
        <v>67</v>
      </c>
      <c r="AF23075">
        <v>68</v>
      </c>
      <c r="AG23075">
        <v>70</v>
      </c>
      <c r="AH23075">
        <v>71</v>
      </c>
      <c r="AI23075">
        <v>72</v>
      </c>
      <c r="AJ23075">
        <v>74</v>
      </c>
      <c r="AK23075">
        <v>75</v>
      </c>
      <c r="AL23075">
        <v>76</v>
      </c>
      <c r="AM23075">
        <v>78</v>
      </c>
      <c r="AN23075">
        <v>79</v>
      </c>
      <c r="AO23075">
        <v>81</v>
      </c>
      <c r="AP23075">
        <v>82</v>
      </c>
      <c r="AQ23075">
        <v>84</v>
      </c>
    </row>
    <row r="23076" spans="1:43">
      <c r="A23076" t="s">
        <v>14289</v>
      </c>
      <c r="B23076" t="s">
        <v>14290</v>
      </c>
      <c r="C23076" t="s">
        <v>14237</v>
      </c>
      <c r="D23076" t="s">
        <v>14238</v>
      </c>
      <c r="E23076" t="s">
        <v>14167</v>
      </c>
      <c r="F23076" t="s">
        <v>14168</v>
      </c>
      <c r="G23076" t="s">
        <v>10734</v>
      </c>
      <c r="H23076" t="s">
        <v>10735</v>
      </c>
      <c r="I23076" s="2">
        <v>0</v>
      </c>
      <c r="J23076" s="2">
        <v>0</v>
      </c>
      <c r="K23076" s="2">
        <v>1</v>
      </c>
      <c r="L23076" t="s">
        <v>995</v>
      </c>
      <c r="M23076" t="s">
        <v>89</v>
      </c>
      <c r="N23076" t="s">
        <v>90</v>
      </c>
      <c r="O23076" t="s">
        <v>85</v>
      </c>
      <c r="P23076" t="s">
        <v>86</v>
      </c>
      <c r="Q23076">
        <v>51</v>
      </c>
      <c r="R23076">
        <v>53</v>
      </c>
      <c r="S23076">
        <v>55</v>
      </c>
      <c r="T23076">
        <v>57</v>
      </c>
      <c r="U23076">
        <v>59</v>
      </c>
      <c r="V23076">
        <v>61</v>
      </c>
      <c r="W23076">
        <v>63</v>
      </c>
      <c r="X23076">
        <v>65</v>
      </c>
      <c r="Y23076">
        <v>67</v>
      </c>
      <c r="Z23076">
        <v>69</v>
      </c>
      <c r="AA23076">
        <v>71</v>
      </c>
      <c r="AB23076">
        <v>73</v>
      </c>
      <c r="AC23076">
        <v>76</v>
      </c>
      <c r="AD23076">
        <v>78</v>
      </c>
      <c r="AE23076">
        <v>80</v>
      </c>
      <c r="AF23076">
        <v>81</v>
      </c>
      <c r="AG23076">
        <v>82</v>
      </c>
      <c r="AH23076">
        <v>84</v>
      </c>
      <c r="AI23076">
        <v>85</v>
      </c>
      <c r="AJ23076">
        <v>86</v>
      </c>
      <c r="AK23076">
        <v>88</v>
      </c>
      <c r="AL23076">
        <v>89</v>
      </c>
      <c r="AM23076">
        <v>91</v>
      </c>
      <c r="AN23076">
        <v>92</v>
      </c>
      <c r="AO23076">
        <v>94</v>
      </c>
      <c r="AP23076">
        <v>95</v>
      </c>
      <c r="AQ23076">
        <v>97</v>
      </c>
    </row>
    <row r="23077" spans="1:43">
      <c r="A23077" t="s">
        <v>14289</v>
      </c>
      <c r="B23077" t="s">
        <v>14290</v>
      </c>
      <c r="C23077" t="s">
        <v>14237</v>
      </c>
      <c r="D23077" t="s">
        <v>14238</v>
      </c>
      <c r="E23077" t="s">
        <v>14167</v>
      </c>
      <c r="F23077" t="s">
        <v>14168</v>
      </c>
      <c r="G23077" t="s">
        <v>10734</v>
      </c>
      <c r="H23077" t="s">
        <v>10735</v>
      </c>
      <c r="I23077" s="2">
        <v>0</v>
      </c>
      <c r="J23077" s="2">
        <v>0</v>
      </c>
      <c r="K23077" s="2">
        <v>1</v>
      </c>
      <c r="L23077" t="s">
        <v>995</v>
      </c>
      <c r="M23077" t="s">
        <v>83</v>
      </c>
      <c r="N23077" t="s">
        <v>91</v>
      </c>
      <c r="O23077" t="s">
        <v>85</v>
      </c>
      <c r="P23077" t="s">
        <v>86</v>
      </c>
      <c r="Q23077">
        <v>51</v>
      </c>
      <c r="R23077">
        <v>52</v>
      </c>
      <c r="S23077">
        <v>54</v>
      </c>
      <c r="T23077">
        <v>55</v>
      </c>
      <c r="U23077">
        <v>57</v>
      </c>
      <c r="V23077">
        <v>59</v>
      </c>
      <c r="W23077">
        <v>60</v>
      </c>
      <c r="X23077">
        <v>62</v>
      </c>
      <c r="Y23077">
        <v>64</v>
      </c>
      <c r="Z23077">
        <v>65</v>
      </c>
      <c r="AA23077">
        <v>67</v>
      </c>
      <c r="AB23077">
        <v>69</v>
      </c>
      <c r="AC23077">
        <v>71</v>
      </c>
      <c r="AD23077">
        <v>73</v>
      </c>
      <c r="AE23077">
        <v>74</v>
      </c>
      <c r="AF23077">
        <v>76</v>
      </c>
      <c r="AG23077">
        <v>78</v>
      </c>
      <c r="AH23077">
        <v>80</v>
      </c>
      <c r="AI23077">
        <v>82</v>
      </c>
      <c r="AJ23077">
        <v>84</v>
      </c>
      <c r="AK23077">
        <v>87</v>
      </c>
      <c r="AL23077">
        <v>88</v>
      </c>
      <c r="AM23077">
        <v>90</v>
      </c>
      <c r="AN23077">
        <v>91</v>
      </c>
      <c r="AO23077">
        <v>93</v>
      </c>
      <c r="AP23077">
        <v>94</v>
      </c>
      <c r="AQ23077">
        <v>96</v>
      </c>
    </row>
    <row r="23078" spans="1:43">
      <c r="A23078" t="s">
        <v>14291</v>
      </c>
      <c r="B23078" t="s">
        <v>14292</v>
      </c>
      <c r="C23078" t="s">
        <v>14237</v>
      </c>
      <c r="D23078" t="s">
        <v>14238</v>
      </c>
      <c r="E23078" t="s">
        <v>14167</v>
      </c>
      <c r="F23078" t="s">
        <v>14168</v>
      </c>
      <c r="G23078" t="s">
        <v>10734</v>
      </c>
      <c r="H23078" t="s">
        <v>10735</v>
      </c>
      <c r="I23078" s="2">
        <v>0</v>
      </c>
      <c r="J23078" s="2">
        <v>0</v>
      </c>
      <c r="K23078" s="2">
        <v>1</v>
      </c>
      <c r="L23078" t="s">
        <v>995</v>
      </c>
      <c r="M23078" t="s">
        <v>83</v>
      </c>
      <c r="N23078" t="s">
        <v>84</v>
      </c>
      <c r="O23078" t="s">
        <v>85</v>
      </c>
      <c r="P23078" t="s">
        <v>86</v>
      </c>
      <c r="Q23078">
        <v>8</v>
      </c>
      <c r="R23078">
        <v>8</v>
      </c>
      <c r="S23078">
        <v>8</v>
      </c>
      <c r="T23078">
        <v>8</v>
      </c>
      <c r="U23078">
        <v>8</v>
      </c>
      <c r="V23078">
        <v>9</v>
      </c>
      <c r="W23078">
        <v>9</v>
      </c>
      <c r="X23078">
        <v>9</v>
      </c>
      <c r="Y23078">
        <v>9</v>
      </c>
      <c r="Z23078">
        <v>10</v>
      </c>
      <c r="AA23078">
        <v>10</v>
      </c>
      <c r="AB23078">
        <v>10</v>
      </c>
      <c r="AC23078">
        <v>10</v>
      </c>
      <c r="AD23078">
        <v>11</v>
      </c>
      <c r="AE23078">
        <v>11</v>
      </c>
      <c r="AF23078">
        <v>11</v>
      </c>
      <c r="AG23078">
        <v>12</v>
      </c>
      <c r="AH23078">
        <v>12</v>
      </c>
      <c r="AI23078">
        <v>12</v>
      </c>
      <c r="AJ23078">
        <v>12</v>
      </c>
      <c r="AK23078">
        <v>13</v>
      </c>
      <c r="AL23078">
        <v>13</v>
      </c>
      <c r="AM23078">
        <v>13</v>
      </c>
      <c r="AN23078">
        <v>13</v>
      </c>
      <c r="AO23078">
        <v>14</v>
      </c>
      <c r="AP23078">
        <v>14</v>
      </c>
      <c r="AQ23078">
        <v>14</v>
      </c>
    </row>
    <row r="23079" spans="1:43">
      <c r="A23079" t="s">
        <v>14291</v>
      </c>
      <c r="B23079" t="s">
        <v>14292</v>
      </c>
      <c r="C23079" t="s">
        <v>14237</v>
      </c>
      <c r="D23079" t="s">
        <v>14238</v>
      </c>
      <c r="E23079" t="s">
        <v>14167</v>
      </c>
      <c r="F23079" t="s">
        <v>14168</v>
      </c>
      <c r="G23079" t="s">
        <v>10734</v>
      </c>
      <c r="H23079" t="s">
        <v>10735</v>
      </c>
      <c r="I23079" s="2">
        <v>0</v>
      </c>
      <c r="J23079" s="2">
        <v>0</v>
      </c>
      <c r="K23079" s="2">
        <v>1</v>
      </c>
      <c r="L23079" t="s">
        <v>995</v>
      </c>
      <c r="M23079" t="s">
        <v>87</v>
      </c>
      <c r="N23079" t="s">
        <v>88</v>
      </c>
      <c r="O23079" t="s">
        <v>85</v>
      </c>
      <c r="P23079" t="s">
        <v>86</v>
      </c>
      <c r="Q23079">
        <v>8</v>
      </c>
      <c r="R23079">
        <v>9</v>
      </c>
      <c r="S23079">
        <v>9</v>
      </c>
      <c r="T23079">
        <v>9</v>
      </c>
      <c r="U23079">
        <v>9</v>
      </c>
      <c r="V23079">
        <v>9</v>
      </c>
      <c r="W23079">
        <v>9</v>
      </c>
      <c r="X23079">
        <v>9</v>
      </c>
      <c r="Y23079">
        <v>10</v>
      </c>
      <c r="Z23079">
        <v>10</v>
      </c>
      <c r="AA23079">
        <v>10</v>
      </c>
      <c r="AB23079">
        <v>10</v>
      </c>
      <c r="AC23079">
        <v>10</v>
      </c>
      <c r="AD23079">
        <v>11</v>
      </c>
      <c r="AE23079">
        <v>11</v>
      </c>
      <c r="AF23079">
        <v>11</v>
      </c>
      <c r="AG23079">
        <v>11</v>
      </c>
      <c r="AH23079">
        <v>11</v>
      </c>
      <c r="AI23079">
        <v>11</v>
      </c>
      <c r="AJ23079">
        <v>12</v>
      </c>
      <c r="AK23079">
        <v>12</v>
      </c>
      <c r="AL23079">
        <v>12</v>
      </c>
      <c r="AM23079">
        <v>12</v>
      </c>
      <c r="AN23079">
        <v>13</v>
      </c>
      <c r="AO23079">
        <v>13</v>
      </c>
      <c r="AP23079">
        <v>13</v>
      </c>
      <c r="AQ23079">
        <v>13</v>
      </c>
    </row>
    <row r="23080" spans="1:43">
      <c r="A23080" t="s">
        <v>14291</v>
      </c>
      <c r="B23080" t="s">
        <v>14292</v>
      </c>
      <c r="C23080" t="s">
        <v>14237</v>
      </c>
      <c r="D23080" t="s">
        <v>14238</v>
      </c>
      <c r="E23080" t="s">
        <v>14167</v>
      </c>
      <c r="F23080" t="s">
        <v>14168</v>
      </c>
      <c r="G23080" t="s">
        <v>10734</v>
      </c>
      <c r="H23080" t="s">
        <v>10735</v>
      </c>
      <c r="I23080" s="2">
        <v>0</v>
      </c>
      <c r="J23080" s="2">
        <v>0</v>
      </c>
      <c r="K23080" s="2">
        <v>1</v>
      </c>
      <c r="L23080" t="s">
        <v>995</v>
      </c>
      <c r="M23080" t="s">
        <v>89</v>
      </c>
      <c r="N23080" t="s">
        <v>90</v>
      </c>
      <c r="O23080" t="s">
        <v>85</v>
      </c>
      <c r="P23080" t="s">
        <v>86</v>
      </c>
      <c r="Q23080">
        <v>8</v>
      </c>
      <c r="R23080">
        <v>8</v>
      </c>
      <c r="S23080">
        <v>8</v>
      </c>
      <c r="T23080">
        <v>8</v>
      </c>
      <c r="U23080">
        <v>9</v>
      </c>
      <c r="V23080">
        <v>9</v>
      </c>
      <c r="W23080">
        <v>9</v>
      </c>
      <c r="X23080">
        <v>10</v>
      </c>
      <c r="Y23080">
        <v>10</v>
      </c>
      <c r="Z23080">
        <v>10</v>
      </c>
      <c r="AA23080">
        <v>11</v>
      </c>
      <c r="AB23080">
        <v>11</v>
      </c>
      <c r="AC23080">
        <v>11</v>
      </c>
      <c r="AD23080">
        <v>11</v>
      </c>
      <c r="AE23080">
        <v>12</v>
      </c>
      <c r="AF23080">
        <v>12</v>
      </c>
      <c r="AG23080">
        <v>12</v>
      </c>
      <c r="AH23080">
        <v>12</v>
      </c>
      <c r="AI23080">
        <v>13</v>
      </c>
      <c r="AJ23080">
        <v>13</v>
      </c>
      <c r="AK23080">
        <v>13</v>
      </c>
      <c r="AL23080">
        <v>13</v>
      </c>
      <c r="AM23080">
        <v>13</v>
      </c>
      <c r="AN23080">
        <v>14</v>
      </c>
      <c r="AO23080">
        <v>14</v>
      </c>
      <c r="AP23080">
        <v>14</v>
      </c>
      <c r="AQ23080">
        <v>14</v>
      </c>
    </row>
    <row r="23081" spans="1:43">
      <c r="A23081" t="s">
        <v>14291</v>
      </c>
      <c r="B23081" t="s">
        <v>14292</v>
      </c>
      <c r="C23081" t="s">
        <v>14237</v>
      </c>
      <c r="D23081" t="s">
        <v>14238</v>
      </c>
      <c r="E23081" t="s">
        <v>14167</v>
      </c>
      <c r="F23081" t="s">
        <v>14168</v>
      </c>
      <c r="G23081" t="s">
        <v>10734</v>
      </c>
      <c r="H23081" t="s">
        <v>10735</v>
      </c>
      <c r="I23081" s="2">
        <v>0</v>
      </c>
      <c r="J23081" s="2">
        <v>0</v>
      </c>
      <c r="K23081" s="2">
        <v>1</v>
      </c>
      <c r="L23081" t="s">
        <v>995</v>
      </c>
      <c r="M23081" t="s">
        <v>83</v>
      </c>
      <c r="N23081" t="s">
        <v>91</v>
      </c>
      <c r="O23081" t="s">
        <v>85</v>
      </c>
      <c r="P23081" t="s">
        <v>86</v>
      </c>
      <c r="Q23081">
        <v>8</v>
      </c>
      <c r="R23081">
        <v>8</v>
      </c>
      <c r="S23081">
        <v>8</v>
      </c>
      <c r="T23081">
        <v>8</v>
      </c>
      <c r="U23081">
        <v>8</v>
      </c>
      <c r="V23081">
        <v>9</v>
      </c>
      <c r="W23081">
        <v>9</v>
      </c>
      <c r="X23081">
        <v>9</v>
      </c>
      <c r="Y23081">
        <v>9</v>
      </c>
      <c r="Z23081">
        <v>10</v>
      </c>
      <c r="AA23081">
        <v>10</v>
      </c>
      <c r="AB23081">
        <v>10</v>
      </c>
      <c r="AC23081">
        <v>10</v>
      </c>
      <c r="AD23081">
        <v>11</v>
      </c>
      <c r="AE23081">
        <v>11</v>
      </c>
      <c r="AF23081">
        <v>11</v>
      </c>
      <c r="AG23081">
        <v>12</v>
      </c>
      <c r="AH23081">
        <v>12</v>
      </c>
      <c r="AI23081">
        <v>12</v>
      </c>
      <c r="AJ23081">
        <v>12</v>
      </c>
      <c r="AK23081">
        <v>13</v>
      </c>
      <c r="AL23081">
        <v>13</v>
      </c>
      <c r="AM23081">
        <v>13</v>
      </c>
      <c r="AN23081">
        <v>13</v>
      </c>
      <c r="AO23081">
        <v>14</v>
      </c>
      <c r="AP23081">
        <v>14</v>
      </c>
      <c r="AQ23081">
        <v>14</v>
      </c>
    </row>
    <row r="23082" spans="1:43">
      <c r="A23082" t="s">
        <v>14293</v>
      </c>
      <c r="B23082" t="s">
        <v>14294</v>
      </c>
      <c r="C23082" t="s">
        <v>14237</v>
      </c>
      <c r="D23082" t="s">
        <v>14238</v>
      </c>
      <c r="E23082" t="s">
        <v>14167</v>
      </c>
      <c r="F23082" t="s">
        <v>14168</v>
      </c>
      <c r="G23082" t="s">
        <v>10734</v>
      </c>
      <c r="H23082" t="s">
        <v>10735</v>
      </c>
      <c r="I23082" s="2">
        <v>0</v>
      </c>
      <c r="J23082" s="2">
        <v>0</v>
      </c>
      <c r="K23082" s="2">
        <v>1</v>
      </c>
      <c r="L23082" t="s">
        <v>995</v>
      </c>
      <c r="M23082" t="s">
        <v>83</v>
      </c>
      <c r="N23082" t="s">
        <v>84</v>
      </c>
      <c r="O23082" t="s">
        <v>85</v>
      </c>
      <c r="P23082" t="s">
        <v>86</v>
      </c>
      <c r="Q23082">
        <v>22</v>
      </c>
      <c r="R23082">
        <v>23</v>
      </c>
      <c r="S23082">
        <v>23</v>
      </c>
      <c r="T23082">
        <v>24</v>
      </c>
      <c r="U23082">
        <v>25</v>
      </c>
      <c r="V23082">
        <v>26</v>
      </c>
      <c r="W23082">
        <v>26</v>
      </c>
      <c r="X23082">
        <v>27</v>
      </c>
      <c r="Y23082">
        <v>28</v>
      </c>
      <c r="Z23082">
        <v>28</v>
      </c>
      <c r="AA23082">
        <v>29</v>
      </c>
      <c r="AB23082">
        <v>30</v>
      </c>
      <c r="AC23082">
        <v>31</v>
      </c>
      <c r="AD23082">
        <v>32</v>
      </c>
      <c r="AE23082">
        <v>32</v>
      </c>
      <c r="AF23082">
        <v>33</v>
      </c>
      <c r="AG23082">
        <v>34</v>
      </c>
      <c r="AH23082">
        <v>35</v>
      </c>
      <c r="AI23082">
        <v>36</v>
      </c>
      <c r="AJ23082">
        <v>37</v>
      </c>
      <c r="AK23082">
        <v>38</v>
      </c>
      <c r="AL23082">
        <v>38</v>
      </c>
      <c r="AM23082">
        <v>39</v>
      </c>
      <c r="AN23082">
        <v>40</v>
      </c>
      <c r="AO23082">
        <v>40</v>
      </c>
      <c r="AP23082">
        <v>41</v>
      </c>
      <c r="AQ23082">
        <v>42</v>
      </c>
    </row>
    <row r="23083" spans="1:43">
      <c r="A23083" t="s">
        <v>14293</v>
      </c>
      <c r="B23083" t="s">
        <v>14294</v>
      </c>
      <c r="C23083" t="s">
        <v>14237</v>
      </c>
      <c r="D23083" t="s">
        <v>14238</v>
      </c>
      <c r="E23083" t="s">
        <v>14167</v>
      </c>
      <c r="F23083" t="s">
        <v>14168</v>
      </c>
      <c r="G23083" t="s">
        <v>10734</v>
      </c>
      <c r="H23083" t="s">
        <v>10735</v>
      </c>
      <c r="I23083" s="2">
        <v>0</v>
      </c>
      <c r="J23083" s="2">
        <v>0</v>
      </c>
      <c r="K23083" s="2">
        <v>1</v>
      </c>
      <c r="L23083" t="s">
        <v>995</v>
      </c>
      <c r="M23083" t="s">
        <v>87</v>
      </c>
      <c r="N23083" t="s">
        <v>88</v>
      </c>
      <c r="O23083" t="s">
        <v>85</v>
      </c>
      <c r="P23083" t="s">
        <v>86</v>
      </c>
      <c r="Q23083">
        <v>22</v>
      </c>
      <c r="R23083">
        <v>22</v>
      </c>
      <c r="S23083">
        <v>23</v>
      </c>
      <c r="T23083">
        <v>23</v>
      </c>
      <c r="U23083">
        <v>24</v>
      </c>
      <c r="V23083">
        <v>24</v>
      </c>
      <c r="W23083">
        <v>25</v>
      </c>
      <c r="X23083">
        <v>25</v>
      </c>
      <c r="Y23083">
        <v>26</v>
      </c>
      <c r="Z23083">
        <v>26</v>
      </c>
      <c r="AA23083">
        <v>27</v>
      </c>
      <c r="AB23083">
        <v>27</v>
      </c>
      <c r="AC23083">
        <v>28</v>
      </c>
      <c r="AD23083">
        <v>28</v>
      </c>
      <c r="AE23083">
        <v>29</v>
      </c>
      <c r="AF23083">
        <v>29</v>
      </c>
      <c r="AG23083">
        <v>30</v>
      </c>
      <c r="AH23083">
        <v>30</v>
      </c>
      <c r="AI23083">
        <v>31</v>
      </c>
      <c r="AJ23083">
        <v>32</v>
      </c>
      <c r="AK23083">
        <v>32</v>
      </c>
      <c r="AL23083">
        <v>33</v>
      </c>
      <c r="AM23083">
        <v>33</v>
      </c>
      <c r="AN23083">
        <v>34</v>
      </c>
      <c r="AO23083">
        <v>35</v>
      </c>
      <c r="AP23083">
        <v>35</v>
      </c>
      <c r="AQ23083">
        <v>36</v>
      </c>
    </row>
    <row r="23084" spans="1:43">
      <c r="A23084" t="s">
        <v>14293</v>
      </c>
      <c r="B23084" t="s">
        <v>14294</v>
      </c>
      <c r="C23084" t="s">
        <v>14237</v>
      </c>
      <c r="D23084" t="s">
        <v>14238</v>
      </c>
      <c r="E23084" t="s">
        <v>14167</v>
      </c>
      <c r="F23084" t="s">
        <v>14168</v>
      </c>
      <c r="G23084" t="s">
        <v>10734</v>
      </c>
      <c r="H23084" t="s">
        <v>10735</v>
      </c>
      <c r="I23084" s="2">
        <v>0</v>
      </c>
      <c r="J23084" s="2">
        <v>0</v>
      </c>
      <c r="K23084" s="2">
        <v>1</v>
      </c>
      <c r="L23084" t="s">
        <v>995</v>
      </c>
      <c r="M23084" t="s">
        <v>89</v>
      </c>
      <c r="N23084" t="s">
        <v>90</v>
      </c>
      <c r="O23084" t="s">
        <v>85</v>
      </c>
      <c r="P23084" t="s">
        <v>86</v>
      </c>
      <c r="Q23084">
        <v>22</v>
      </c>
      <c r="R23084">
        <v>23</v>
      </c>
      <c r="S23084">
        <v>24</v>
      </c>
      <c r="T23084">
        <v>25</v>
      </c>
      <c r="U23084">
        <v>26</v>
      </c>
      <c r="V23084">
        <v>27</v>
      </c>
      <c r="W23084">
        <v>28</v>
      </c>
      <c r="X23084">
        <v>28</v>
      </c>
      <c r="Y23084">
        <v>29</v>
      </c>
      <c r="Z23084">
        <v>30</v>
      </c>
      <c r="AA23084">
        <v>31</v>
      </c>
      <c r="AB23084">
        <v>32</v>
      </c>
      <c r="AC23084">
        <v>33</v>
      </c>
      <c r="AD23084">
        <v>34</v>
      </c>
      <c r="AE23084">
        <v>35</v>
      </c>
      <c r="AF23084">
        <v>35</v>
      </c>
      <c r="AG23084">
        <v>36</v>
      </c>
      <c r="AH23084">
        <v>36</v>
      </c>
      <c r="AI23084">
        <v>37</v>
      </c>
      <c r="AJ23084">
        <v>38</v>
      </c>
      <c r="AK23084">
        <v>38</v>
      </c>
      <c r="AL23084">
        <v>39</v>
      </c>
      <c r="AM23084">
        <v>39</v>
      </c>
      <c r="AN23084">
        <v>40</v>
      </c>
      <c r="AO23084">
        <v>41</v>
      </c>
      <c r="AP23084">
        <v>41</v>
      </c>
      <c r="AQ23084">
        <v>42</v>
      </c>
    </row>
    <row r="23085" spans="1:43">
      <c r="A23085" t="s">
        <v>14293</v>
      </c>
      <c r="B23085" t="s">
        <v>14294</v>
      </c>
      <c r="C23085" t="s">
        <v>14237</v>
      </c>
      <c r="D23085" t="s">
        <v>14238</v>
      </c>
      <c r="E23085" t="s">
        <v>14167</v>
      </c>
      <c r="F23085" t="s">
        <v>14168</v>
      </c>
      <c r="G23085" t="s">
        <v>10734</v>
      </c>
      <c r="H23085" t="s">
        <v>10735</v>
      </c>
      <c r="I23085" s="2">
        <v>0</v>
      </c>
      <c r="J23085" s="2">
        <v>0</v>
      </c>
      <c r="K23085" s="2">
        <v>1</v>
      </c>
      <c r="L23085" t="s">
        <v>995</v>
      </c>
      <c r="M23085" t="s">
        <v>83</v>
      </c>
      <c r="N23085" t="s">
        <v>91</v>
      </c>
      <c r="O23085" t="s">
        <v>85</v>
      </c>
      <c r="P23085" t="s">
        <v>86</v>
      </c>
      <c r="Q23085">
        <v>22</v>
      </c>
      <c r="R23085">
        <v>23</v>
      </c>
      <c r="S23085">
        <v>23</v>
      </c>
      <c r="T23085">
        <v>24</v>
      </c>
      <c r="U23085">
        <v>25</v>
      </c>
      <c r="V23085">
        <v>26</v>
      </c>
      <c r="W23085">
        <v>26</v>
      </c>
      <c r="X23085">
        <v>27</v>
      </c>
      <c r="Y23085">
        <v>28</v>
      </c>
      <c r="Z23085">
        <v>28</v>
      </c>
      <c r="AA23085">
        <v>29</v>
      </c>
      <c r="AB23085">
        <v>30</v>
      </c>
      <c r="AC23085">
        <v>31</v>
      </c>
      <c r="AD23085">
        <v>32</v>
      </c>
      <c r="AE23085">
        <v>32</v>
      </c>
      <c r="AF23085">
        <v>33</v>
      </c>
      <c r="AG23085">
        <v>34</v>
      </c>
      <c r="AH23085">
        <v>35</v>
      </c>
      <c r="AI23085">
        <v>36</v>
      </c>
      <c r="AJ23085">
        <v>37</v>
      </c>
      <c r="AK23085">
        <v>38</v>
      </c>
      <c r="AL23085">
        <v>38</v>
      </c>
      <c r="AM23085">
        <v>39</v>
      </c>
      <c r="AN23085">
        <v>40</v>
      </c>
      <c r="AO23085">
        <v>40</v>
      </c>
      <c r="AP23085">
        <v>41</v>
      </c>
      <c r="AQ23085">
        <v>42</v>
      </c>
    </row>
    <row r="23086" spans="1:43">
      <c r="A23086" t="s">
        <v>14295</v>
      </c>
      <c r="B23086" t="s">
        <v>14296</v>
      </c>
      <c r="C23086" t="s">
        <v>14191</v>
      </c>
      <c r="D23086" t="s">
        <v>14192</v>
      </c>
      <c r="E23086" t="s">
        <v>14167</v>
      </c>
      <c r="F23086" t="s">
        <v>14168</v>
      </c>
      <c r="G23086" t="s">
        <v>10734</v>
      </c>
      <c r="H23086" t="s">
        <v>10735</v>
      </c>
      <c r="I23086" s="2">
        <v>0</v>
      </c>
      <c r="J23086" s="2">
        <v>0</v>
      </c>
      <c r="K23086" s="2">
        <v>1</v>
      </c>
      <c r="L23086" t="s">
        <v>995</v>
      </c>
      <c r="M23086" t="s">
        <v>83</v>
      </c>
      <c r="N23086" t="s">
        <v>84</v>
      </c>
      <c r="O23086" t="s">
        <v>85</v>
      </c>
      <c r="P23086" t="s">
        <v>86</v>
      </c>
      <c r="Q23086">
        <v>7</v>
      </c>
      <c r="R23086">
        <v>7</v>
      </c>
      <c r="S23086">
        <v>7</v>
      </c>
      <c r="T23086">
        <v>8</v>
      </c>
      <c r="U23086">
        <v>8</v>
      </c>
      <c r="V23086">
        <v>8</v>
      </c>
      <c r="W23086">
        <v>8</v>
      </c>
      <c r="X23086">
        <v>9</v>
      </c>
      <c r="Y23086">
        <v>9</v>
      </c>
      <c r="Z23086">
        <v>9</v>
      </c>
      <c r="AA23086">
        <v>9</v>
      </c>
      <c r="AB23086">
        <v>9</v>
      </c>
      <c r="AC23086">
        <v>10</v>
      </c>
      <c r="AD23086">
        <v>10</v>
      </c>
      <c r="AE23086">
        <v>10</v>
      </c>
      <c r="AF23086">
        <v>11</v>
      </c>
      <c r="AG23086">
        <v>11</v>
      </c>
      <c r="AH23086">
        <v>11</v>
      </c>
      <c r="AI23086">
        <v>11</v>
      </c>
      <c r="AJ23086">
        <v>12</v>
      </c>
      <c r="AK23086">
        <v>12</v>
      </c>
      <c r="AL23086">
        <v>12</v>
      </c>
      <c r="AM23086">
        <v>12</v>
      </c>
      <c r="AN23086">
        <v>13</v>
      </c>
      <c r="AO23086">
        <v>13</v>
      </c>
      <c r="AP23086">
        <v>13</v>
      </c>
      <c r="AQ23086">
        <v>13</v>
      </c>
    </row>
    <row r="23087" spans="1:43">
      <c r="A23087" t="s">
        <v>14295</v>
      </c>
      <c r="B23087" t="s">
        <v>14296</v>
      </c>
      <c r="C23087" t="s">
        <v>14191</v>
      </c>
      <c r="D23087" t="s">
        <v>14192</v>
      </c>
      <c r="E23087" t="s">
        <v>14167</v>
      </c>
      <c r="F23087" t="s">
        <v>14168</v>
      </c>
      <c r="G23087" t="s">
        <v>10734</v>
      </c>
      <c r="H23087" t="s">
        <v>10735</v>
      </c>
      <c r="I23087" s="2">
        <v>0</v>
      </c>
      <c r="J23087" s="2">
        <v>0</v>
      </c>
      <c r="K23087" s="2">
        <v>1</v>
      </c>
      <c r="L23087" t="s">
        <v>995</v>
      </c>
      <c r="M23087" t="s">
        <v>87</v>
      </c>
      <c r="N23087" t="s">
        <v>88</v>
      </c>
      <c r="O23087" t="s">
        <v>85</v>
      </c>
      <c r="P23087" t="s">
        <v>86</v>
      </c>
      <c r="Q23087">
        <v>7</v>
      </c>
      <c r="R23087">
        <v>7</v>
      </c>
      <c r="S23087">
        <v>7</v>
      </c>
      <c r="T23087">
        <v>7</v>
      </c>
      <c r="U23087">
        <v>8</v>
      </c>
      <c r="V23087">
        <v>8</v>
      </c>
      <c r="W23087">
        <v>8</v>
      </c>
      <c r="X23087">
        <v>8</v>
      </c>
      <c r="Y23087">
        <v>8</v>
      </c>
      <c r="Z23087">
        <v>8</v>
      </c>
      <c r="AA23087">
        <v>8</v>
      </c>
      <c r="AB23087">
        <v>9</v>
      </c>
      <c r="AC23087">
        <v>9</v>
      </c>
      <c r="AD23087">
        <v>9</v>
      </c>
      <c r="AE23087">
        <v>9</v>
      </c>
      <c r="AF23087">
        <v>9</v>
      </c>
      <c r="AG23087">
        <v>9</v>
      </c>
      <c r="AH23087">
        <v>10</v>
      </c>
      <c r="AI23087">
        <v>10</v>
      </c>
      <c r="AJ23087">
        <v>10</v>
      </c>
      <c r="AK23087">
        <v>10</v>
      </c>
      <c r="AL23087">
        <v>10</v>
      </c>
      <c r="AM23087">
        <v>11</v>
      </c>
      <c r="AN23087">
        <v>11</v>
      </c>
      <c r="AO23087">
        <v>11</v>
      </c>
      <c r="AP23087">
        <v>11</v>
      </c>
      <c r="AQ23087">
        <v>11</v>
      </c>
    </row>
    <row r="23088" spans="1:43">
      <c r="A23088" t="s">
        <v>14295</v>
      </c>
      <c r="B23088" t="s">
        <v>14296</v>
      </c>
      <c r="C23088" t="s">
        <v>14191</v>
      </c>
      <c r="D23088" t="s">
        <v>14192</v>
      </c>
      <c r="E23088" t="s">
        <v>14167</v>
      </c>
      <c r="F23088" t="s">
        <v>14168</v>
      </c>
      <c r="G23088" t="s">
        <v>10734</v>
      </c>
      <c r="H23088" t="s">
        <v>10735</v>
      </c>
      <c r="I23088" s="2">
        <v>0</v>
      </c>
      <c r="J23088" s="2">
        <v>0</v>
      </c>
      <c r="K23088" s="2">
        <v>1</v>
      </c>
      <c r="L23088" t="s">
        <v>995</v>
      </c>
      <c r="M23088" t="s">
        <v>89</v>
      </c>
      <c r="N23088" t="s">
        <v>90</v>
      </c>
      <c r="O23088" t="s">
        <v>85</v>
      </c>
      <c r="P23088" t="s">
        <v>86</v>
      </c>
      <c r="Q23088">
        <v>7</v>
      </c>
      <c r="R23088">
        <v>7</v>
      </c>
      <c r="S23088">
        <v>8</v>
      </c>
      <c r="T23088">
        <v>8</v>
      </c>
      <c r="U23088">
        <v>8</v>
      </c>
      <c r="V23088">
        <v>8</v>
      </c>
      <c r="W23088">
        <v>9</v>
      </c>
      <c r="X23088">
        <v>9</v>
      </c>
      <c r="Y23088">
        <v>9</v>
      </c>
      <c r="Z23088">
        <v>10</v>
      </c>
      <c r="AA23088">
        <v>10</v>
      </c>
      <c r="AB23088">
        <v>10</v>
      </c>
      <c r="AC23088">
        <v>10</v>
      </c>
      <c r="AD23088">
        <v>11</v>
      </c>
      <c r="AE23088">
        <v>11</v>
      </c>
      <c r="AF23088">
        <v>11</v>
      </c>
      <c r="AG23088">
        <v>11</v>
      </c>
      <c r="AH23088">
        <v>12</v>
      </c>
      <c r="AI23088">
        <v>12</v>
      </c>
      <c r="AJ23088">
        <v>12</v>
      </c>
      <c r="AK23088">
        <v>12</v>
      </c>
      <c r="AL23088">
        <v>12</v>
      </c>
      <c r="AM23088">
        <v>12</v>
      </c>
      <c r="AN23088">
        <v>13</v>
      </c>
      <c r="AO23088">
        <v>13</v>
      </c>
      <c r="AP23088">
        <v>13</v>
      </c>
      <c r="AQ23088">
        <v>13</v>
      </c>
    </row>
    <row r="23089" spans="1:43">
      <c r="A23089" t="s">
        <v>14295</v>
      </c>
      <c r="B23089" t="s">
        <v>14296</v>
      </c>
      <c r="C23089" t="s">
        <v>14191</v>
      </c>
      <c r="D23089" t="s">
        <v>14192</v>
      </c>
      <c r="E23089" t="s">
        <v>14167</v>
      </c>
      <c r="F23089" t="s">
        <v>14168</v>
      </c>
      <c r="G23089" t="s">
        <v>10734</v>
      </c>
      <c r="H23089" t="s">
        <v>10735</v>
      </c>
      <c r="I23089" s="2">
        <v>0</v>
      </c>
      <c r="J23089" s="2">
        <v>0</v>
      </c>
      <c r="K23089" s="2">
        <v>1</v>
      </c>
      <c r="L23089" t="s">
        <v>995</v>
      </c>
      <c r="M23089" t="s">
        <v>83</v>
      </c>
      <c r="N23089" t="s">
        <v>91</v>
      </c>
      <c r="O23089" t="s">
        <v>85</v>
      </c>
      <c r="P23089" t="s">
        <v>86</v>
      </c>
      <c r="Q23089">
        <v>7</v>
      </c>
      <c r="R23089">
        <v>7</v>
      </c>
      <c r="S23089">
        <v>7</v>
      </c>
      <c r="T23089">
        <v>8</v>
      </c>
      <c r="U23089">
        <v>8</v>
      </c>
      <c r="V23089">
        <v>8</v>
      </c>
      <c r="W23089">
        <v>8</v>
      </c>
      <c r="X23089">
        <v>9</v>
      </c>
      <c r="Y23089">
        <v>9</v>
      </c>
      <c r="Z23089">
        <v>9</v>
      </c>
      <c r="AA23089">
        <v>9</v>
      </c>
      <c r="AB23089">
        <v>9</v>
      </c>
      <c r="AC23089">
        <v>10</v>
      </c>
      <c r="AD23089">
        <v>10</v>
      </c>
      <c r="AE23089">
        <v>10</v>
      </c>
      <c r="AF23089">
        <v>11</v>
      </c>
      <c r="AG23089">
        <v>11</v>
      </c>
      <c r="AH23089">
        <v>11</v>
      </c>
      <c r="AI23089">
        <v>11</v>
      </c>
      <c r="AJ23089">
        <v>12</v>
      </c>
      <c r="AK23089">
        <v>12</v>
      </c>
      <c r="AL23089">
        <v>12</v>
      </c>
      <c r="AM23089">
        <v>12</v>
      </c>
      <c r="AN23089">
        <v>13</v>
      </c>
      <c r="AO23089">
        <v>13</v>
      </c>
      <c r="AP23089">
        <v>13</v>
      </c>
      <c r="AQ23089">
        <v>13</v>
      </c>
    </row>
    <row r="23090" spans="1:43">
      <c r="A23090" t="s">
        <v>14297</v>
      </c>
      <c r="B23090" t="s">
        <v>14298</v>
      </c>
      <c r="C23090" t="s">
        <v>14283</v>
      </c>
      <c r="D23090" t="s">
        <v>14284</v>
      </c>
      <c r="E23090" t="s">
        <v>14167</v>
      </c>
      <c r="F23090" t="s">
        <v>14168</v>
      </c>
      <c r="G23090" t="s">
        <v>10734</v>
      </c>
      <c r="H23090" t="s">
        <v>10735</v>
      </c>
      <c r="I23090" s="2">
        <v>0</v>
      </c>
      <c r="J23090" s="2">
        <v>0</v>
      </c>
      <c r="K23090" s="2">
        <v>1</v>
      </c>
      <c r="L23090" t="s">
        <v>995</v>
      </c>
      <c r="M23090" t="s">
        <v>83</v>
      </c>
      <c r="N23090" t="s">
        <v>84</v>
      </c>
      <c r="O23090" t="s">
        <v>85</v>
      </c>
      <c r="P23090" t="s">
        <v>86</v>
      </c>
      <c r="Q23090">
        <v>22</v>
      </c>
      <c r="R23090">
        <v>23</v>
      </c>
      <c r="S23090">
        <v>24</v>
      </c>
      <c r="T23090">
        <v>24</v>
      </c>
      <c r="U23090">
        <v>25</v>
      </c>
      <c r="V23090">
        <v>26</v>
      </c>
      <c r="W23090">
        <v>26</v>
      </c>
      <c r="X23090">
        <v>27</v>
      </c>
      <c r="Y23090">
        <v>28</v>
      </c>
      <c r="Z23090">
        <v>29</v>
      </c>
      <c r="AA23090">
        <v>29</v>
      </c>
      <c r="AB23090">
        <v>30</v>
      </c>
      <c r="AC23090">
        <v>31</v>
      </c>
      <c r="AD23090">
        <v>32</v>
      </c>
      <c r="AE23090">
        <v>33</v>
      </c>
      <c r="AF23090">
        <v>34</v>
      </c>
      <c r="AG23090">
        <v>34</v>
      </c>
      <c r="AH23090">
        <v>35</v>
      </c>
      <c r="AI23090">
        <v>36</v>
      </c>
      <c r="AJ23090">
        <v>37</v>
      </c>
      <c r="AK23090">
        <v>38</v>
      </c>
      <c r="AL23090">
        <v>39</v>
      </c>
      <c r="AM23090">
        <v>39</v>
      </c>
      <c r="AN23090">
        <v>40</v>
      </c>
      <c r="AO23090">
        <v>41</v>
      </c>
      <c r="AP23090">
        <v>41</v>
      </c>
      <c r="AQ23090">
        <v>42</v>
      </c>
    </row>
    <row r="23091" spans="1:43">
      <c r="A23091" t="s">
        <v>14297</v>
      </c>
      <c r="B23091" t="s">
        <v>14298</v>
      </c>
      <c r="C23091" t="s">
        <v>14283</v>
      </c>
      <c r="D23091" t="s">
        <v>14284</v>
      </c>
      <c r="E23091" t="s">
        <v>14167</v>
      </c>
      <c r="F23091" t="s">
        <v>14168</v>
      </c>
      <c r="G23091" t="s">
        <v>10734</v>
      </c>
      <c r="H23091" t="s">
        <v>10735</v>
      </c>
      <c r="I23091" s="2">
        <v>0</v>
      </c>
      <c r="J23091" s="2">
        <v>0</v>
      </c>
      <c r="K23091" s="2">
        <v>1</v>
      </c>
      <c r="L23091" t="s">
        <v>995</v>
      </c>
      <c r="M23091" t="s">
        <v>87</v>
      </c>
      <c r="N23091" t="s">
        <v>88</v>
      </c>
      <c r="O23091" t="s">
        <v>85</v>
      </c>
      <c r="P23091" t="s">
        <v>86</v>
      </c>
      <c r="Q23091">
        <v>22</v>
      </c>
      <c r="R23091">
        <v>23</v>
      </c>
      <c r="S23091">
        <v>23</v>
      </c>
      <c r="T23091">
        <v>23</v>
      </c>
      <c r="U23091">
        <v>24</v>
      </c>
      <c r="V23091">
        <v>24</v>
      </c>
      <c r="W23091">
        <v>25</v>
      </c>
      <c r="X23091">
        <v>25</v>
      </c>
      <c r="Y23091">
        <v>26</v>
      </c>
      <c r="Z23091">
        <v>26</v>
      </c>
      <c r="AA23091">
        <v>27</v>
      </c>
      <c r="AB23091">
        <v>27</v>
      </c>
      <c r="AC23091">
        <v>28</v>
      </c>
      <c r="AD23091">
        <v>28</v>
      </c>
      <c r="AE23091">
        <v>29</v>
      </c>
      <c r="AF23091">
        <v>30</v>
      </c>
      <c r="AG23091">
        <v>30</v>
      </c>
      <c r="AH23091">
        <v>31</v>
      </c>
      <c r="AI23091">
        <v>31</v>
      </c>
      <c r="AJ23091">
        <v>32</v>
      </c>
      <c r="AK23091">
        <v>33</v>
      </c>
      <c r="AL23091">
        <v>33</v>
      </c>
      <c r="AM23091">
        <v>34</v>
      </c>
      <c r="AN23091">
        <v>34</v>
      </c>
      <c r="AO23091">
        <v>35</v>
      </c>
      <c r="AP23091">
        <v>36</v>
      </c>
      <c r="AQ23091">
        <v>36</v>
      </c>
    </row>
    <row r="23092" spans="1:43">
      <c r="A23092" t="s">
        <v>14297</v>
      </c>
      <c r="B23092" t="s">
        <v>14298</v>
      </c>
      <c r="C23092" t="s">
        <v>14283</v>
      </c>
      <c r="D23092" t="s">
        <v>14284</v>
      </c>
      <c r="E23092" t="s">
        <v>14167</v>
      </c>
      <c r="F23092" t="s">
        <v>14168</v>
      </c>
      <c r="G23092" t="s">
        <v>10734</v>
      </c>
      <c r="H23092" t="s">
        <v>10735</v>
      </c>
      <c r="I23092" s="2">
        <v>0</v>
      </c>
      <c r="J23092" s="2">
        <v>0</v>
      </c>
      <c r="K23092" s="2">
        <v>1</v>
      </c>
      <c r="L23092" t="s">
        <v>995</v>
      </c>
      <c r="M23092" t="s">
        <v>89</v>
      </c>
      <c r="N23092" t="s">
        <v>90</v>
      </c>
      <c r="O23092" t="s">
        <v>85</v>
      </c>
      <c r="P23092" t="s">
        <v>86</v>
      </c>
      <c r="Q23092">
        <v>22</v>
      </c>
      <c r="R23092">
        <v>22</v>
      </c>
      <c r="S23092">
        <v>23</v>
      </c>
      <c r="T23092">
        <v>24</v>
      </c>
      <c r="U23092">
        <v>25</v>
      </c>
      <c r="V23092">
        <v>26</v>
      </c>
      <c r="W23092">
        <v>27</v>
      </c>
      <c r="X23092">
        <v>28</v>
      </c>
      <c r="Y23092">
        <v>29</v>
      </c>
      <c r="Z23092">
        <v>29</v>
      </c>
      <c r="AA23092">
        <v>30</v>
      </c>
      <c r="AB23092">
        <v>31</v>
      </c>
      <c r="AC23092">
        <v>32</v>
      </c>
      <c r="AD23092">
        <v>33</v>
      </c>
      <c r="AE23092">
        <v>34</v>
      </c>
      <c r="AF23092">
        <v>35</v>
      </c>
      <c r="AG23092">
        <v>35</v>
      </c>
      <c r="AH23092">
        <v>36</v>
      </c>
      <c r="AI23092">
        <v>36</v>
      </c>
      <c r="AJ23092">
        <v>37</v>
      </c>
      <c r="AK23092">
        <v>38</v>
      </c>
      <c r="AL23092">
        <v>38</v>
      </c>
      <c r="AM23092">
        <v>39</v>
      </c>
      <c r="AN23092">
        <v>39</v>
      </c>
      <c r="AO23092">
        <v>40</v>
      </c>
      <c r="AP23092">
        <v>41</v>
      </c>
      <c r="AQ23092">
        <v>41</v>
      </c>
    </row>
    <row r="23093" spans="1:43">
      <c r="A23093" t="s">
        <v>14297</v>
      </c>
      <c r="B23093" t="s">
        <v>14298</v>
      </c>
      <c r="C23093" t="s">
        <v>14283</v>
      </c>
      <c r="D23093" t="s">
        <v>14284</v>
      </c>
      <c r="E23093" t="s">
        <v>14167</v>
      </c>
      <c r="F23093" t="s">
        <v>14168</v>
      </c>
      <c r="G23093" t="s">
        <v>10734</v>
      </c>
      <c r="H23093" t="s">
        <v>10735</v>
      </c>
      <c r="I23093" s="2">
        <v>0</v>
      </c>
      <c r="J23093" s="2">
        <v>0</v>
      </c>
      <c r="K23093" s="2">
        <v>1</v>
      </c>
      <c r="L23093" t="s">
        <v>995</v>
      </c>
      <c r="M23093" t="s">
        <v>83</v>
      </c>
      <c r="N23093" t="s">
        <v>91</v>
      </c>
      <c r="O23093" t="s">
        <v>85</v>
      </c>
      <c r="P23093" t="s">
        <v>86</v>
      </c>
      <c r="Q23093">
        <v>22</v>
      </c>
      <c r="R23093">
        <v>23</v>
      </c>
      <c r="S23093">
        <v>24</v>
      </c>
      <c r="T23093">
        <v>24</v>
      </c>
      <c r="U23093">
        <v>25</v>
      </c>
      <c r="V23093">
        <v>26</v>
      </c>
      <c r="W23093">
        <v>26</v>
      </c>
      <c r="X23093">
        <v>27</v>
      </c>
      <c r="Y23093">
        <v>28</v>
      </c>
      <c r="Z23093">
        <v>29</v>
      </c>
      <c r="AA23093">
        <v>29</v>
      </c>
      <c r="AB23093">
        <v>30</v>
      </c>
      <c r="AC23093">
        <v>31</v>
      </c>
      <c r="AD23093">
        <v>32</v>
      </c>
      <c r="AE23093">
        <v>33</v>
      </c>
      <c r="AF23093">
        <v>34</v>
      </c>
      <c r="AG23093">
        <v>34</v>
      </c>
      <c r="AH23093">
        <v>35</v>
      </c>
      <c r="AI23093">
        <v>36</v>
      </c>
      <c r="AJ23093">
        <v>37</v>
      </c>
      <c r="AK23093">
        <v>38</v>
      </c>
      <c r="AL23093">
        <v>39</v>
      </c>
      <c r="AM23093">
        <v>39</v>
      </c>
      <c r="AN23093">
        <v>40</v>
      </c>
      <c r="AO23093">
        <v>41</v>
      </c>
      <c r="AP23093">
        <v>41</v>
      </c>
      <c r="AQ23093">
        <v>42</v>
      </c>
    </row>
    <row r="23094" spans="1:43">
      <c r="A23094" t="s">
        <v>14299</v>
      </c>
      <c r="B23094" t="s">
        <v>14300</v>
      </c>
      <c r="C23094" t="s">
        <v>14283</v>
      </c>
      <c r="D23094" t="s">
        <v>14284</v>
      </c>
      <c r="E23094" t="s">
        <v>14167</v>
      </c>
      <c r="F23094" t="s">
        <v>14168</v>
      </c>
      <c r="G23094" t="s">
        <v>10734</v>
      </c>
      <c r="H23094" t="s">
        <v>10735</v>
      </c>
      <c r="I23094" s="2">
        <v>0</v>
      </c>
      <c r="J23094" s="2">
        <v>0</v>
      </c>
      <c r="K23094" s="2">
        <v>1</v>
      </c>
      <c r="L23094" t="s">
        <v>995</v>
      </c>
      <c r="M23094" t="s">
        <v>83</v>
      </c>
      <c r="N23094" t="s">
        <v>84</v>
      </c>
      <c r="O23094" t="s">
        <v>85</v>
      </c>
      <c r="P23094" t="s">
        <v>86</v>
      </c>
      <c r="Q23094">
        <v>43</v>
      </c>
      <c r="R23094">
        <v>44</v>
      </c>
      <c r="S23094">
        <v>46</v>
      </c>
      <c r="T23094">
        <v>47</v>
      </c>
      <c r="U23094">
        <v>48</v>
      </c>
      <c r="V23094">
        <v>50</v>
      </c>
      <c r="W23094">
        <v>51</v>
      </c>
      <c r="X23094">
        <v>52</v>
      </c>
      <c r="Y23094">
        <v>54</v>
      </c>
      <c r="Z23094">
        <v>55</v>
      </c>
      <c r="AA23094">
        <v>57</v>
      </c>
      <c r="AB23094">
        <v>58</v>
      </c>
      <c r="AC23094">
        <v>60</v>
      </c>
      <c r="AD23094">
        <v>61</v>
      </c>
      <c r="AE23094">
        <v>63</v>
      </c>
      <c r="AF23094">
        <v>65</v>
      </c>
      <c r="AG23094">
        <v>66</v>
      </c>
      <c r="AH23094">
        <v>68</v>
      </c>
      <c r="AI23094">
        <v>70</v>
      </c>
      <c r="AJ23094">
        <v>72</v>
      </c>
      <c r="AK23094">
        <v>73</v>
      </c>
      <c r="AL23094">
        <v>75</v>
      </c>
      <c r="AM23094">
        <v>76</v>
      </c>
      <c r="AN23094">
        <v>77</v>
      </c>
      <c r="AO23094">
        <v>78</v>
      </c>
      <c r="AP23094">
        <v>80</v>
      </c>
      <c r="AQ23094">
        <v>81</v>
      </c>
    </row>
    <row r="23095" spans="1:43">
      <c r="A23095" t="s">
        <v>14299</v>
      </c>
      <c r="B23095" t="s">
        <v>14300</v>
      </c>
      <c r="C23095" t="s">
        <v>14283</v>
      </c>
      <c r="D23095" t="s">
        <v>14284</v>
      </c>
      <c r="E23095" t="s">
        <v>14167</v>
      </c>
      <c r="F23095" t="s">
        <v>14168</v>
      </c>
      <c r="G23095" t="s">
        <v>10734</v>
      </c>
      <c r="H23095" t="s">
        <v>10735</v>
      </c>
      <c r="I23095" s="2">
        <v>0</v>
      </c>
      <c r="J23095" s="2">
        <v>0</v>
      </c>
      <c r="K23095" s="2">
        <v>1</v>
      </c>
      <c r="L23095" t="s">
        <v>995</v>
      </c>
      <c r="M23095" t="s">
        <v>87</v>
      </c>
      <c r="N23095" t="s">
        <v>88</v>
      </c>
      <c r="O23095" t="s">
        <v>85</v>
      </c>
      <c r="P23095" t="s">
        <v>86</v>
      </c>
      <c r="Q23095">
        <v>43</v>
      </c>
      <c r="R23095">
        <v>44</v>
      </c>
      <c r="S23095">
        <v>44</v>
      </c>
      <c r="T23095">
        <v>45</v>
      </c>
      <c r="U23095">
        <v>46</v>
      </c>
      <c r="V23095">
        <v>47</v>
      </c>
      <c r="W23095">
        <v>48</v>
      </c>
      <c r="X23095">
        <v>49</v>
      </c>
      <c r="Y23095">
        <v>50</v>
      </c>
      <c r="Z23095">
        <v>51</v>
      </c>
      <c r="AA23095">
        <v>52</v>
      </c>
      <c r="AB23095">
        <v>53</v>
      </c>
      <c r="AC23095">
        <v>54</v>
      </c>
      <c r="AD23095">
        <v>55</v>
      </c>
      <c r="AE23095">
        <v>56</v>
      </c>
      <c r="AF23095">
        <v>57</v>
      </c>
      <c r="AG23095">
        <v>58</v>
      </c>
      <c r="AH23095">
        <v>59</v>
      </c>
      <c r="AI23095">
        <v>60</v>
      </c>
      <c r="AJ23095">
        <v>62</v>
      </c>
      <c r="AK23095">
        <v>63</v>
      </c>
      <c r="AL23095">
        <v>64</v>
      </c>
      <c r="AM23095">
        <v>65</v>
      </c>
      <c r="AN23095">
        <v>66</v>
      </c>
      <c r="AO23095">
        <v>68</v>
      </c>
      <c r="AP23095">
        <v>69</v>
      </c>
      <c r="AQ23095">
        <v>70</v>
      </c>
    </row>
    <row r="23096" spans="1:43">
      <c r="A23096" t="s">
        <v>14299</v>
      </c>
      <c r="B23096" t="s">
        <v>14300</v>
      </c>
      <c r="C23096" t="s">
        <v>14283</v>
      </c>
      <c r="D23096" t="s">
        <v>14284</v>
      </c>
      <c r="E23096" t="s">
        <v>14167</v>
      </c>
      <c r="F23096" t="s">
        <v>14168</v>
      </c>
      <c r="G23096" t="s">
        <v>10734</v>
      </c>
      <c r="H23096" t="s">
        <v>10735</v>
      </c>
      <c r="I23096" s="2">
        <v>0</v>
      </c>
      <c r="J23096" s="2">
        <v>0</v>
      </c>
      <c r="K23096" s="2">
        <v>1</v>
      </c>
      <c r="L23096" t="s">
        <v>995</v>
      </c>
      <c r="M23096" t="s">
        <v>89</v>
      </c>
      <c r="N23096" t="s">
        <v>90</v>
      </c>
      <c r="O23096" t="s">
        <v>85</v>
      </c>
      <c r="P23096" t="s">
        <v>86</v>
      </c>
      <c r="Q23096">
        <v>43</v>
      </c>
      <c r="R23096">
        <v>44</v>
      </c>
      <c r="S23096">
        <v>46</v>
      </c>
      <c r="T23096">
        <v>48</v>
      </c>
      <c r="U23096">
        <v>49</v>
      </c>
      <c r="V23096">
        <v>51</v>
      </c>
      <c r="W23096">
        <v>53</v>
      </c>
      <c r="X23096">
        <v>54</v>
      </c>
      <c r="Y23096">
        <v>56</v>
      </c>
      <c r="Z23096">
        <v>58</v>
      </c>
      <c r="AA23096">
        <v>60</v>
      </c>
      <c r="AB23096">
        <v>61</v>
      </c>
      <c r="AC23096">
        <v>63</v>
      </c>
      <c r="AD23096">
        <v>65</v>
      </c>
      <c r="AE23096">
        <v>67</v>
      </c>
      <c r="AF23096">
        <v>68</v>
      </c>
      <c r="AG23096">
        <v>69</v>
      </c>
      <c r="AH23096">
        <v>70</v>
      </c>
      <c r="AI23096">
        <v>71</v>
      </c>
      <c r="AJ23096">
        <v>72</v>
      </c>
      <c r="AK23096">
        <v>73</v>
      </c>
      <c r="AL23096">
        <v>75</v>
      </c>
      <c r="AM23096">
        <v>76</v>
      </c>
      <c r="AN23096">
        <v>77</v>
      </c>
      <c r="AO23096">
        <v>78</v>
      </c>
      <c r="AP23096">
        <v>79</v>
      </c>
      <c r="AQ23096">
        <v>81</v>
      </c>
    </row>
    <row r="23097" spans="1:43">
      <c r="A23097" t="s">
        <v>14299</v>
      </c>
      <c r="B23097" t="s">
        <v>14300</v>
      </c>
      <c r="C23097" t="s">
        <v>14283</v>
      </c>
      <c r="D23097" t="s">
        <v>14284</v>
      </c>
      <c r="E23097" t="s">
        <v>14167</v>
      </c>
      <c r="F23097" t="s">
        <v>14168</v>
      </c>
      <c r="G23097" t="s">
        <v>10734</v>
      </c>
      <c r="H23097" t="s">
        <v>10735</v>
      </c>
      <c r="I23097" s="2">
        <v>0</v>
      </c>
      <c r="J23097" s="2">
        <v>0</v>
      </c>
      <c r="K23097" s="2">
        <v>1</v>
      </c>
      <c r="L23097" t="s">
        <v>995</v>
      </c>
      <c r="M23097" t="s">
        <v>83</v>
      </c>
      <c r="N23097" t="s">
        <v>91</v>
      </c>
      <c r="O23097" t="s">
        <v>85</v>
      </c>
      <c r="P23097" t="s">
        <v>86</v>
      </c>
      <c r="Q23097">
        <v>43</v>
      </c>
      <c r="R23097">
        <v>44</v>
      </c>
      <c r="S23097">
        <v>46</v>
      </c>
      <c r="T23097">
        <v>47</v>
      </c>
      <c r="U23097">
        <v>48</v>
      </c>
      <c r="V23097">
        <v>50</v>
      </c>
      <c r="W23097">
        <v>51</v>
      </c>
      <c r="X23097">
        <v>52</v>
      </c>
      <c r="Y23097">
        <v>54</v>
      </c>
      <c r="Z23097">
        <v>55</v>
      </c>
      <c r="AA23097">
        <v>57</v>
      </c>
      <c r="AB23097">
        <v>58</v>
      </c>
      <c r="AC23097">
        <v>60</v>
      </c>
      <c r="AD23097">
        <v>61</v>
      </c>
      <c r="AE23097">
        <v>63</v>
      </c>
      <c r="AF23097">
        <v>65</v>
      </c>
      <c r="AG23097">
        <v>66</v>
      </c>
      <c r="AH23097">
        <v>68</v>
      </c>
      <c r="AI23097">
        <v>70</v>
      </c>
      <c r="AJ23097">
        <v>72</v>
      </c>
      <c r="AK23097">
        <v>73</v>
      </c>
      <c r="AL23097">
        <v>75</v>
      </c>
      <c r="AM23097">
        <v>76</v>
      </c>
      <c r="AN23097">
        <v>77</v>
      </c>
      <c r="AO23097">
        <v>78</v>
      </c>
      <c r="AP23097">
        <v>80</v>
      </c>
      <c r="AQ23097">
        <v>81</v>
      </c>
    </row>
    <row r="23098" spans="1:43">
      <c r="A23098" t="s">
        <v>14301</v>
      </c>
      <c r="B23098" t="s">
        <v>14302</v>
      </c>
      <c r="C23098" t="s">
        <v>14283</v>
      </c>
      <c r="D23098" t="s">
        <v>14284</v>
      </c>
      <c r="E23098" t="s">
        <v>14167</v>
      </c>
      <c r="F23098" t="s">
        <v>14168</v>
      </c>
      <c r="G23098" t="s">
        <v>10734</v>
      </c>
      <c r="H23098" t="s">
        <v>10735</v>
      </c>
      <c r="I23098" s="2">
        <v>0</v>
      </c>
      <c r="J23098" s="2">
        <v>0</v>
      </c>
      <c r="K23098" s="2">
        <v>1</v>
      </c>
      <c r="L23098" t="s">
        <v>995</v>
      </c>
      <c r="M23098" t="s">
        <v>83</v>
      </c>
      <c r="N23098" t="s">
        <v>84</v>
      </c>
      <c r="O23098" t="s">
        <v>85</v>
      </c>
      <c r="P23098" t="s">
        <v>86</v>
      </c>
      <c r="Q23098">
        <v>40</v>
      </c>
      <c r="R23098">
        <v>42</v>
      </c>
      <c r="S23098">
        <v>43</v>
      </c>
      <c r="T23098">
        <v>44</v>
      </c>
      <c r="U23098">
        <v>45</v>
      </c>
      <c r="V23098">
        <v>46</v>
      </c>
      <c r="W23098">
        <v>48</v>
      </c>
      <c r="X23098">
        <v>49</v>
      </c>
      <c r="Y23098">
        <v>50</v>
      </c>
      <c r="Z23098">
        <v>52</v>
      </c>
      <c r="AA23098">
        <v>53</v>
      </c>
      <c r="AB23098">
        <v>55</v>
      </c>
      <c r="AC23098">
        <v>56</v>
      </c>
      <c r="AD23098">
        <v>58</v>
      </c>
      <c r="AE23098">
        <v>59</v>
      </c>
      <c r="AF23098">
        <v>61</v>
      </c>
      <c r="AG23098">
        <v>62</v>
      </c>
      <c r="AH23098">
        <v>64</v>
      </c>
      <c r="AI23098">
        <v>65</v>
      </c>
      <c r="AJ23098">
        <v>67</v>
      </c>
      <c r="AK23098">
        <v>69</v>
      </c>
      <c r="AL23098">
        <v>70</v>
      </c>
      <c r="AM23098">
        <v>71</v>
      </c>
      <c r="AN23098">
        <v>72</v>
      </c>
      <c r="AO23098">
        <v>73</v>
      </c>
      <c r="AP23098">
        <v>75</v>
      </c>
      <c r="AQ23098">
        <v>76</v>
      </c>
    </row>
    <row r="23099" spans="1:43">
      <c r="A23099" t="s">
        <v>14301</v>
      </c>
      <c r="B23099" t="s">
        <v>14302</v>
      </c>
      <c r="C23099" t="s">
        <v>14283</v>
      </c>
      <c r="D23099" t="s">
        <v>14284</v>
      </c>
      <c r="E23099" t="s">
        <v>14167</v>
      </c>
      <c r="F23099" t="s">
        <v>14168</v>
      </c>
      <c r="G23099" t="s">
        <v>10734</v>
      </c>
      <c r="H23099" t="s">
        <v>10735</v>
      </c>
      <c r="I23099" s="2">
        <v>0</v>
      </c>
      <c r="J23099" s="2">
        <v>0</v>
      </c>
      <c r="K23099" s="2">
        <v>1</v>
      </c>
      <c r="L23099" t="s">
        <v>995</v>
      </c>
      <c r="M23099" t="s">
        <v>87</v>
      </c>
      <c r="N23099" t="s">
        <v>88</v>
      </c>
      <c r="O23099" t="s">
        <v>85</v>
      </c>
      <c r="P23099" t="s">
        <v>86</v>
      </c>
      <c r="Q23099">
        <v>40</v>
      </c>
      <c r="R23099">
        <v>41</v>
      </c>
      <c r="S23099">
        <v>42</v>
      </c>
      <c r="T23099">
        <v>42</v>
      </c>
      <c r="U23099">
        <v>43</v>
      </c>
      <c r="V23099">
        <v>44</v>
      </c>
      <c r="W23099">
        <v>45</v>
      </c>
      <c r="X23099">
        <v>46</v>
      </c>
      <c r="Y23099">
        <v>47</v>
      </c>
      <c r="Z23099">
        <v>48</v>
      </c>
      <c r="AA23099">
        <v>48</v>
      </c>
      <c r="AB23099">
        <v>49</v>
      </c>
      <c r="AC23099">
        <v>50</v>
      </c>
      <c r="AD23099">
        <v>51</v>
      </c>
      <c r="AE23099">
        <v>52</v>
      </c>
      <c r="AF23099">
        <v>53</v>
      </c>
      <c r="AG23099">
        <v>54</v>
      </c>
      <c r="AH23099">
        <v>55</v>
      </c>
      <c r="AI23099">
        <v>56</v>
      </c>
      <c r="AJ23099">
        <v>58</v>
      </c>
      <c r="AK23099">
        <v>59</v>
      </c>
      <c r="AL23099">
        <v>60</v>
      </c>
      <c r="AM23099">
        <v>61</v>
      </c>
      <c r="AN23099">
        <v>62</v>
      </c>
      <c r="AO23099">
        <v>63</v>
      </c>
      <c r="AP23099">
        <v>64</v>
      </c>
      <c r="AQ23099">
        <v>66</v>
      </c>
    </row>
    <row r="23100" spans="1:43">
      <c r="A23100" t="s">
        <v>14301</v>
      </c>
      <c r="B23100" t="s">
        <v>14302</v>
      </c>
      <c r="C23100" t="s">
        <v>14283</v>
      </c>
      <c r="D23100" t="s">
        <v>14284</v>
      </c>
      <c r="E23100" t="s">
        <v>14167</v>
      </c>
      <c r="F23100" t="s">
        <v>14168</v>
      </c>
      <c r="G23100" t="s">
        <v>10734</v>
      </c>
      <c r="H23100" t="s">
        <v>10735</v>
      </c>
      <c r="I23100" s="2">
        <v>0</v>
      </c>
      <c r="J23100" s="2">
        <v>0</v>
      </c>
      <c r="K23100" s="2">
        <v>1</v>
      </c>
      <c r="L23100" t="s">
        <v>995</v>
      </c>
      <c r="M23100" t="s">
        <v>89</v>
      </c>
      <c r="N23100" t="s">
        <v>90</v>
      </c>
      <c r="O23100" t="s">
        <v>85</v>
      </c>
      <c r="P23100" t="s">
        <v>86</v>
      </c>
      <c r="Q23100">
        <v>40</v>
      </c>
      <c r="R23100">
        <v>41</v>
      </c>
      <c r="S23100">
        <v>43</v>
      </c>
      <c r="T23100">
        <v>44</v>
      </c>
      <c r="U23100">
        <v>46</v>
      </c>
      <c r="V23100">
        <v>48</v>
      </c>
      <c r="W23100">
        <v>49</v>
      </c>
      <c r="X23100">
        <v>51</v>
      </c>
      <c r="Y23100">
        <v>52</v>
      </c>
      <c r="Z23100">
        <v>54</v>
      </c>
      <c r="AA23100">
        <v>56</v>
      </c>
      <c r="AB23100">
        <v>57</v>
      </c>
      <c r="AC23100">
        <v>59</v>
      </c>
      <c r="AD23100">
        <v>61</v>
      </c>
      <c r="AE23100">
        <v>62</v>
      </c>
      <c r="AF23100">
        <v>63</v>
      </c>
      <c r="AG23100">
        <v>64</v>
      </c>
      <c r="AH23100">
        <v>65</v>
      </c>
      <c r="AI23100">
        <v>66</v>
      </c>
      <c r="AJ23100">
        <v>67</v>
      </c>
      <c r="AK23100">
        <v>69</v>
      </c>
      <c r="AL23100">
        <v>70</v>
      </c>
      <c r="AM23100">
        <v>71</v>
      </c>
      <c r="AN23100">
        <v>72</v>
      </c>
      <c r="AO23100">
        <v>73</v>
      </c>
      <c r="AP23100">
        <v>74</v>
      </c>
      <c r="AQ23100">
        <v>75</v>
      </c>
    </row>
    <row r="23101" spans="1:43">
      <c r="A23101" t="s">
        <v>14301</v>
      </c>
      <c r="B23101" t="s">
        <v>14302</v>
      </c>
      <c r="C23101" t="s">
        <v>14283</v>
      </c>
      <c r="D23101" t="s">
        <v>14284</v>
      </c>
      <c r="E23101" t="s">
        <v>14167</v>
      </c>
      <c r="F23101" t="s">
        <v>14168</v>
      </c>
      <c r="G23101" t="s">
        <v>10734</v>
      </c>
      <c r="H23101" t="s">
        <v>10735</v>
      </c>
      <c r="I23101" s="2">
        <v>0</v>
      </c>
      <c r="J23101" s="2">
        <v>0</v>
      </c>
      <c r="K23101" s="2">
        <v>1</v>
      </c>
      <c r="L23101" t="s">
        <v>995</v>
      </c>
      <c r="M23101" t="s">
        <v>83</v>
      </c>
      <c r="N23101" t="s">
        <v>91</v>
      </c>
      <c r="O23101" t="s">
        <v>85</v>
      </c>
      <c r="P23101" t="s">
        <v>86</v>
      </c>
      <c r="Q23101">
        <v>40</v>
      </c>
      <c r="R23101">
        <v>42</v>
      </c>
      <c r="S23101">
        <v>43</v>
      </c>
      <c r="T23101">
        <v>44</v>
      </c>
      <c r="U23101">
        <v>45</v>
      </c>
      <c r="V23101">
        <v>46</v>
      </c>
      <c r="W23101">
        <v>48</v>
      </c>
      <c r="X23101">
        <v>49</v>
      </c>
      <c r="Y23101">
        <v>50</v>
      </c>
      <c r="Z23101">
        <v>52</v>
      </c>
      <c r="AA23101">
        <v>53</v>
      </c>
      <c r="AB23101">
        <v>55</v>
      </c>
      <c r="AC23101">
        <v>56</v>
      </c>
      <c r="AD23101">
        <v>58</v>
      </c>
      <c r="AE23101">
        <v>59</v>
      </c>
      <c r="AF23101">
        <v>61</v>
      </c>
      <c r="AG23101">
        <v>62</v>
      </c>
      <c r="AH23101">
        <v>64</v>
      </c>
      <c r="AI23101">
        <v>65</v>
      </c>
      <c r="AJ23101">
        <v>67</v>
      </c>
      <c r="AK23101">
        <v>69</v>
      </c>
      <c r="AL23101">
        <v>70</v>
      </c>
      <c r="AM23101">
        <v>71</v>
      </c>
      <c r="AN23101">
        <v>72</v>
      </c>
      <c r="AO23101">
        <v>73</v>
      </c>
      <c r="AP23101">
        <v>75</v>
      </c>
      <c r="AQ23101">
        <v>76</v>
      </c>
    </row>
    <row r="23102" spans="1:43">
      <c r="A23102" t="s">
        <v>14303</v>
      </c>
      <c r="B23102" t="s">
        <v>14304</v>
      </c>
      <c r="C23102" t="s">
        <v>14305</v>
      </c>
      <c r="D23102" t="s">
        <v>14306</v>
      </c>
      <c r="E23102" t="s">
        <v>14307</v>
      </c>
      <c r="F23102" t="s">
        <v>14308</v>
      </c>
      <c r="G23102" t="s">
        <v>10734</v>
      </c>
      <c r="H23102" t="s">
        <v>10735</v>
      </c>
      <c r="I23102" s="2">
        <v>0</v>
      </c>
      <c r="J23102" s="2">
        <v>0</v>
      </c>
      <c r="K23102" s="2">
        <v>1</v>
      </c>
      <c r="L23102" t="s">
        <v>995</v>
      </c>
      <c r="M23102" t="s">
        <v>83</v>
      </c>
      <c r="N23102" t="s">
        <v>84</v>
      </c>
      <c r="O23102" t="s">
        <v>85</v>
      </c>
      <c r="P23102" t="s">
        <v>86</v>
      </c>
      <c r="Q23102">
        <v>28</v>
      </c>
      <c r="R23102">
        <v>29</v>
      </c>
      <c r="S23102">
        <v>30</v>
      </c>
      <c r="T23102">
        <v>31</v>
      </c>
      <c r="U23102">
        <v>31</v>
      </c>
      <c r="V23102">
        <v>32</v>
      </c>
      <c r="W23102">
        <v>33</v>
      </c>
      <c r="X23102">
        <v>34</v>
      </c>
      <c r="Y23102">
        <v>35</v>
      </c>
      <c r="Z23102">
        <v>36</v>
      </c>
      <c r="AA23102">
        <v>37</v>
      </c>
      <c r="AB23102">
        <v>38</v>
      </c>
      <c r="AC23102">
        <v>39</v>
      </c>
      <c r="AD23102">
        <v>40</v>
      </c>
      <c r="AE23102">
        <v>41</v>
      </c>
      <c r="AF23102">
        <v>42</v>
      </c>
      <c r="AG23102">
        <v>44</v>
      </c>
      <c r="AH23102">
        <v>45</v>
      </c>
      <c r="AI23102">
        <v>46</v>
      </c>
      <c r="AJ23102">
        <v>47</v>
      </c>
      <c r="AK23102">
        <v>48</v>
      </c>
      <c r="AL23102">
        <v>49</v>
      </c>
      <c r="AM23102">
        <v>50</v>
      </c>
      <c r="AN23102">
        <v>51</v>
      </c>
      <c r="AO23102">
        <v>52</v>
      </c>
      <c r="AP23102">
        <v>53</v>
      </c>
      <c r="AQ23102">
        <v>54</v>
      </c>
    </row>
    <row r="23103" spans="1:43">
      <c r="A23103" t="s">
        <v>14303</v>
      </c>
      <c r="B23103" t="s">
        <v>14304</v>
      </c>
      <c r="C23103" t="s">
        <v>14305</v>
      </c>
      <c r="D23103" t="s">
        <v>14306</v>
      </c>
      <c r="E23103" t="s">
        <v>14307</v>
      </c>
      <c r="F23103" t="s">
        <v>14308</v>
      </c>
      <c r="G23103" t="s">
        <v>10734</v>
      </c>
      <c r="H23103" t="s">
        <v>10735</v>
      </c>
      <c r="I23103" s="2">
        <v>0</v>
      </c>
      <c r="J23103" s="2">
        <v>0</v>
      </c>
      <c r="K23103" s="2">
        <v>1</v>
      </c>
      <c r="L23103" t="s">
        <v>995</v>
      </c>
      <c r="M23103" t="s">
        <v>87</v>
      </c>
      <c r="N23103" t="s">
        <v>88</v>
      </c>
      <c r="O23103" t="s">
        <v>85</v>
      </c>
      <c r="P23103" t="s">
        <v>86</v>
      </c>
      <c r="Q23103">
        <v>28</v>
      </c>
      <c r="R23103">
        <v>28</v>
      </c>
      <c r="S23103">
        <v>29</v>
      </c>
      <c r="T23103">
        <v>29</v>
      </c>
      <c r="U23103">
        <v>30</v>
      </c>
      <c r="V23103">
        <v>31</v>
      </c>
      <c r="W23103">
        <v>31</v>
      </c>
      <c r="X23103">
        <v>32</v>
      </c>
      <c r="Y23103">
        <v>33</v>
      </c>
      <c r="Z23103">
        <v>33</v>
      </c>
      <c r="AA23103">
        <v>34</v>
      </c>
      <c r="AB23103">
        <v>35</v>
      </c>
      <c r="AC23103">
        <v>35</v>
      </c>
      <c r="AD23103">
        <v>36</v>
      </c>
      <c r="AE23103">
        <v>37</v>
      </c>
      <c r="AF23103">
        <v>37</v>
      </c>
      <c r="AG23103">
        <v>38</v>
      </c>
      <c r="AH23103">
        <v>39</v>
      </c>
      <c r="AI23103">
        <v>40</v>
      </c>
      <c r="AJ23103">
        <v>41</v>
      </c>
      <c r="AK23103">
        <v>41</v>
      </c>
      <c r="AL23103">
        <v>42</v>
      </c>
      <c r="AM23103">
        <v>43</v>
      </c>
      <c r="AN23103">
        <v>44</v>
      </c>
      <c r="AO23103">
        <v>45</v>
      </c>
      <c r="AP23103">
        <v>46</v>
      </c>
      <c r="AQ23103">
        <v>46</v>
      </c>
    </row>
    <row r="23104" spans="1:43">
      <c r="A23104" t="s">
        <v>14303</v>
      </c>
      <c r="B23104" t="s">
        <v>14304</v>
      </c>
      <c r="C23104" t="s">
        <v>14305</v>
      </c>
      <c r="D23104" t="s">
        <v>14306</v>
      </c>
      <c r="E23104" t="s">
        <v>14307</v>
      </c>
      <c r="F23104" t="s">
        <v>14308</v>
      </c>
      <c r="G23104" t="s">
        <v>10734</v>
      </c>
      <c r="H23104" t="s">
        <v>10735</v>
      </c>
      <c r="I23104" s="2">
        <v>0</v>
      </c>
      <c r="J23104" s="2">
        <v>0</v>
      </c>
      <c r="K23104" s="2">
        <v>1</v>
      </c>
      <c r="L23104" t="s">
        <v>995</v>
      </c>
      <c r="M23104" t="s">
        <v>89</v>
      </c>
      <c r="N23104" t="s">
        <v>90</v>
      </c>
      <c r="O23104" t="s">
        <v>85</v>
      </c>
      <c r="P23104" t="s">
        <v>86</v>
      </c>
      <c r="Q23104">
        <v>28</v>
      </c>
      <c r="R23104">
        <v>29</v>
      </c>
      <c r="S23104">
        <v>30</v>
      </c>
      <c r="T23104">
        <v>32</v>
      </c>
      <c r="U23104">
        <v>33</v>
      </c>
      <c r="V23104">
        <v>34</v>
      </c>
      <c r="W23104">
        <v>35</v>
      </c>
      <c r="X23104">
        <v>36</v>
      </c>
      <c r="Y23104">
        <v>37</v>
      </c>
      <c r="Z23104">
        <v>38</v>
      </c>
      <c r="AA23104">
        <v>40</v>
      </c>
      <c r="AB23104">
        <v>41</v>
      </c>
      <c r="AC23104">
        <v>42</v>
      </c>
      <c r="AD23104">
        <v>43</v>
      </c>
      <c r="AE23104">
        <v>44</v>
      </c>
      <c r="AF23104">
        <v>45</v>
      </c>
      <c r="AG23104">
        <v>46</v>
      </c>
      <c r="AH23104">
        <v>47</v>
      </c>
      <c r="AI23104">
        <v>47</v>
      </c>
      <c r="AJ23104">
        <v>48</v>
      </c>
      <c r="AK23104">
        <v>49</v>
      </c>
      <c r="AL23104">
        <v>50</v>
      </c>
      <c r="AM23104">
        <v>51</v>
      </c>
      <c r="AN23104">
        <v>52</v>
      </c>
      <c r="AO23104">
        <v>52</v>
      </c>
      <c r="AP23104">
        <v>53</v>
      </c>
      <c r="AQ23104">
        <v>54</v>
      </c>
    </row>
    <row r="23105" spans="1:43">
      <c r="A23105" t="s">
        <v>14303</v>
      </c>
      <c r="B23105" t="s">
        <v>14304</v>
      </c>
      <c r="C23105" t="s">
        <v>14305</v>
      </c>
      <c r="D23105" t="s">
        <v>14306</v>
      </c>
      <c r="E23105" t="s">
        <v>14307</v>
      </c>
      <c r="F23105" t="s">
        <v>14308</v>
      </c>
      <c r="G23105" t="s">
        <v>10734</v>
      </c>
      <c r="H23105" t="s">
        <v>10735</v>
      </c>
      <c r="I23105" s="2">
        <v>0</v>
      </c>
      <c r="J23105" s="2">
        <v>0</v>
      </c>
      <c r="K23105" s="2">
        <v>1</v>
      </c>
      <c r="L23105" t="s">
        <v>995</v>
      </c>
      <c r="M23105" t="s">
        <v>83</v>
      </c>
      <c r="N23105" t="s">
        <v>91</v>
      </c>
      <c r="O23105" t="s">
        <v>85</v>
      </c>
      <c r="P23105" t="s">
        <v>86</v>
      </c>
      <c r="Q23105">
        <v>28</v>
      </c>
      <c r="R23105">
        <v>29</v>
      </c>
      <c r="S23105">
        <v>30</v>
      </c>
      <c r="T23105">
        <v>31</v>
      </c>
      <c r="U23105">
        <v>31</v>
      </c>
      <c r="V23105">
        <v>32</v>
      </c>
      <c r="W23105">
        <v>33</v>
      </c>
      <c r="X23105">
        <v>34</v>
      </c>
      <c r="Y23105">
        <v>35</v>
      </c>
      <c r="Z23105">
        <v>36</v>
      </c>
      <c r="AA23105">
        <v>37</v>
      </c>
      <c r="AB23105">
        <v>38</v>
      </c>
      <c r="AC23105">
        <v>39</v>
      </c>
      <c r="AD23105">
        <v>40</v>
      </c>
      <c r="AE23105">
        <v>41</v>
      </c>
      <c r="AF23105">
        <v>42</v>
      </c>
      <c r="AG23105">
        <v>44</v>
      </c>
      <c r="AH23105">
        <v>45</v>
      </c>
      <c r="AI23105">
        <v>46</v>
      </c>
      <c r="AJ23105">
        <v>47</v>
      </c>
      <c r="AK23105">
        <v>48</v>
      </c>
      <c r="AL23105">
        <v>49</v>
      </c>
      <c r="AM23105">
        <v>50</v>
      </c>
      <c r="AN23105">
        <v>51</v>
      </c>
      <c r="AO23105">
        <v>52</v>
      </c>
      <c r="AP23105">
        <v>53</v>
      </c>
      <c r="AQ23105">
        <v>54</v>
      </c>
    </row>
    <row r="23106" spans="1:43">
      <c r="A23106" t="s">
        <v>14309</v>
      </c>
      <c r="B23106" t="s">
        <v>14310</v>
      </c>
      <c r="C23106" t="s">
        <v>14305</v>
      </c>
      <c r="D23106" t="s">
        <v>14306</v>
      </c>
      <c r="E23106" t="s">
        <v>14307</v>
      </c>
      <c r="F23106" t="s">
        <v>14308</v>
      </c>
      <c r="G23106" t="s">
        <v>10734</v>
      </c>
      <c r="H23106" t="s">
        <v>10735</v>
      </c>
      <c r="I23106" s="2">
        <v>0</v>
      </c>
      <c r="J23106" s="2">
        <v>0</v>
      </c>
      <c r="K23106" s="2">
        <v>1</v>
      </c>
      <c r="L23106" t="s">
        <v>995</v>
      </c>
      <c r="M23106" t="s">
        <v>83</v>
      </c>
      <c r="N23106" t="s">
        <v>84</v>
      </c>
      <c r="O23106" t="s">
        <v>85</v>
      </c>
      <c r="P23106" t="s">
        <v>86</v>
      </c>
      <c r="Q23106">
        <v>50</v>
      </c>
      <c r="R23106">
        <v>52</v>
      </c>
      <c r="S23106">
        <v>53</v>
      </c>
      <c r="T23106">
        <v>55</v>
      </c>
      <c r="U23106">
        <v>57</v>
      </c>
      <c r="V23106">
        <v>58</v>
      </c>
      <c r="W23106">
        <v>60</v>
      </c>
      <c r="X23106">
        <v>62</v>
      </c>
      <c r="Y23106">
        <v>64</v>
      </c>
      <c r="Z23106">
        <v>65</v>
      </c>
      <c r="AA23106">
        <v>67</v>
      </c>
      <c r="AB23106">
        <v>69</v>
      </c>
      <c r="AC23106">
        <v>71</v>
      </c>
      <c r="AD23106">
        <v>73</v>
      </c>
      <c r="AE23106">
        <v>75</v>
      </c>
      <c r="AF23106">
        <v>77</v>
      </c>
      <c r="AG23106">
        <v>79</v>
      </c>
      <c r="AH23106">
        <v>81</v>
      </c>
      <c r="AI23106">
        <v>83</v>
      </c>
      <c r="AJ23106">
        <v>85</v>
      </c>
      <c r="AK23106">
        <v>87</v>
      </c>
      <c r="AL23106">
        <v>89</v>
      </c>
      <c r="AM23106">
        <v>91</v>
      </c>
      <c r="AN23106">
        <v>92</v>
      </c>
      <c r="AO23106">
        <v>94</v>
      </c>
      <c r="AP23106">
        <v>95</v>
      </c>
      <c r="AQ23106">
        <v>97</v>
      </c>
    </row>
    <row r="23107" spans="1:43">
      <c r="A23107" t="s">
        <v>14309</v>
      </c>
      <c r="B23107" t="s">
        <v>14310</v>
      </c>
      <c r="C23107" t="s">
        <v>14305</v>
      </c>
      <c r="D23107" t="s">
        <v>14306</v>
      </c>
      <c r="E23107" t="s">
        <v>14307</v>
      </c>
      <c r="F23107" t="s">
        <v>14308</v>
      </c>
      <c r="G23107" t="s">
        <v>10734</v>
      </c>
      <c r="H23107" t="s">
        <v>10735</v>
      </c>
      <c r="I23107" s="2">
        <v>0</v>
      </c>
      <c r="J23107" s="2">
        <v>0</v>
      </c>
      <c r="K23107" s="2">
        <v>1</v>
      </c>
      <c r="L23107" t="s">
        <v>995</v>
      </c>
      <c r="M23107" t="s">
        <v>87</v>
      </c>
      <c r="N23107" t="s">
        <v>88</v>
      </c>
      <c r="O23107" t="s">
        <v>85</v>
      </c>
      <c r="P23107" t="s">
        <v>86</v>
      </c>
      <c r="Q23107">
        <v>50</v>
      </c>
      <c r="R23107">
        <v>51</v>
      </c>
      <c r="S23107">
        <v>52</v>
      </c>
      <c r="T23107">
        <v>53</v>
      </c>
      <c r="U23107">
        <v>54</v>
      </c>
      <c r="V23107">
        <v>55</v>
      </c>
      <c r="W23107">
        <v>56</v>
      </c>
      <c r="X23107">
        <v>58</v>
      </c>
      <c r="Y23107">
        <v>59</v>
      </c>
      <c r="Z23107">
        <v>60</v>
      </c>
      <c r="AA23107">
        <v>61</v>
      </c>
      <c r="AB23107">
        <v>62</v>
      </c>
      <c r="AC23107">
        <v>64</v>
      </c>
      <c r="AD23107">
        <v>65</v>
      </c>
      <c r="AE23107">
        <v>66</v>
      </c>
      <c r="AF23107">
        <v>68</v>
      </c>
      <c r="AG23107">
        <v>69</v>
      </c>
      <c r="AH23107">
        <v>70</v>
      </c>
      <c r="AI23107">
        <v>72</v>
      </c>
      <c r="AJ23107">
        <v>73</v>
      </c>
      <c r="AK23107">
        <v>75</v>
      </c>
      <c r="AL23107">
        <v>76</v>
      </c>
      <c r="AM23107">
        <v>78</v>
      </c>
      <c r="AN23107">
        <v>79</v>
      </c>
      <c r="AO23107">
        <v>81</v>
      </c>
      <c r="AP23107">
        <v>83</v>
      </c>
      <c r="AQ23107">
        <v>84</v>
      </c>
    </row>
    <row r="23108" spans="1:43">
      <c r="A23108" t="s">
        <v>14309</v>
      </c>
      <c r="B23108" t="s">
        <v>14310</v>
      </c>
      <c r="C23108" t="s">
        <v>14305</v>
      </c>
      <c r="D23108" t="s">
        <v>14306</v>
      </c>
      <c r="E23108" t="s">
        <v>14307</v>
      </c>
      <c r="F23108" t="s">
        <v>14308</v>
      </c>
      <c r="G23108" t="s">
        <v>10734</v>
      </c>
      <c r="H23108" t="s">
        <v>10735</v>
      </c>
      <c r="I23108" s="2">
        <v>0</v>
      </c>
      <c r="J23108" s="2">
        <v>0</v>
      </c>
      <c r="K23108" s="2">
        <v>1</v>
      </c>
      <c r="L23108" t="s">
        <v>995</v>
      </c>
      <c r="M23108" t="s">
        <v>89</v>
      </c>
      <c r="N23108" t="s">
        <v>90</v>
      </c>
      <c r="O23108" t="s">
        <v>85</v>
      </c>
      <c r="P23108" t="s">
        <v>86</v>
      </c>
      <c r="Q23108">
        <v>50</v>
      </c>
      <c r="R23108">
        <v>52</v>
      </c>
      <c r="S23108">
        <v>54</v>
      </c>
      <c r="T23108">
        <v>56</v>
      </c>
      <c r="U23108">
        <v>58</v>
      </c>
      <c r="V23108">
        <v>60</v>
      </c>
      <c r="W23108">
        <v>62</v>
      </c>
      <c r="X23108">
        <v>64</v>
      </c>
      <c r="Y23108">
        <v>66</v>
      </c>
      <c r="Z23108">
        <v>68</v>
      </c>
      <c r="AA23108">
        <v>70</v>
      </c>
      <c r="AB23108">
        <v>72</v>
      </c>
      <c r="AC23108">
        <v>75</v>
      </c>
      <c r="AD23108">
        <v>77</v>
      </c>
      <c r="AE23108">
        <v>79</v>
      </c>
      <c r="AF23108">
        <v>80</v>
      </c>
      <c r="AG23108">
        <v>82</v>
      </c>
      <c r="AH23108">
        <v>83</v>
      </c>
      <c r="AI23108">
        <v>85</v>
      </c>
      <c r="AJ23108">
        <v>86</v>
      </c>
      <c r="AK23108">
        <v>88</v>
      </c>
      <c r="AL23108">
        <v>89</v>
      </c>
      <c r="AM23108">
        <v>91</v>
      </c>
      <c r="AN23108">
        <v>92</v>
      </c>
      <c r="AO23108">
        <v>94</v>
      </c>
      <c r="AP23108">
        <v>95</v>
      </c>
      <c r="AQ23108">
        <v>97</v>
      </c>
    </row>
    <row r="23109" spans="1:43">
      <c r="A23109" t="s">
        <v>14309</v>
      </c>
      <c r="B23109" t="s">
        <v>14310</v>
      </c>
      <c r="C23109" t="s">
        <v>14305</v>
      </c>
      <c r="D23109" t="s">
        <v>14306</v>
      </c>
      <c r="E23109" t="s">
        <v>14307</v>
      </c>
      <c r="F23109" t="s">
        <v>14308</v>
      </c>
      <c r="G23109" t="s">
        <v>10734</v>
      </c>
      <c r="H23109" t="s">
        <v>10735</v>
      </c>
      <c r="I23109" s="2">
        <v>0</v>
      </c>
      <c r="J23109" s="2">
        <v>0</v>
      </c>
      <c r="K23109" s="2">
        <v>1</v>
      </c>
      <c r="L23109" t="s">
        <v>995</v>
      </c>
      <c r="M23109" t="s">
        <v>83</v>
      </c>
      <c r="N23109" t="s">
        <v>91</v>
      </c>
      <c r="O23109" t="s">
        <v>85</v>
      </c>
      <c r="P23109" t="s">
        <v>86</v>
      </c>
      <c r="Q23109">
        <v>50</v>
      </c>
      <c r="R23109">
        <v>52</v>
      </c>
      <c r="S23109">
        <v>53</v>
      </c>
      <c r="T23109">
        <v>55</v>
      </c>
      <c r="U23109">
        <v>57</v>
      </c>
      <c r="V23109">
        <v>58</v>
      </c>
      <c r="W23109">
        <v>60</v>
      </c>
      <c r="X23109">
        <v>62</v>
      </c>
      <c r="Y23109">
        <v>64</v>
      </c>
      <c r="Z23109">
        <v>65</v>
      </c>
      <c r="AA23109">
        <v>67</v>
      </c>
      <c r="AB23109">
        <v>69</v>
      </c>
      <c r="AC23109">
        <v>71</v>
      </c>
      <c r="AD23109">
        <v>73</v>
      </c>
      <c r="AE23109">
        <v>75</v>
      </c>
      <c r="AF23109">
        <v>77</v>
      </c>
      <c r="AG23109">
        <v>79</v>
      </c>
      <c r="AH23109">
        <v>81</v>
      </c>
      <c r="AI23109">
        <v>83</v>
      </c>
      <c r="AJ23109">
        <v>85</v>
      </c>
      <c r="AK23109">
        <v>87</v>
      </c>
      <c r="AL23109">
        <v>89</v>
      </c>
      <c r="AM23109">
        <v>91</v>
      </c>
      <c r="AN23109">
        <v>92</v>
      </c>
      <c r="AO23109">
        <v>94</v>
      </c>
      <c r="AP23109">
        <v>95</v>
      </c>
      <c r="AQ23109">
        <v>97</v>
      </c>
    </row>
    <row r="23110" spans="1:43">
      <c r="A23110" t="s">
        <v>14311</v>
      </c>
      <c r="B23110" t="s">
        <v>14312</v>
      </c>
      <c r="C23110" t="s">
        <v>14313</v>
      </c>
      <c r="D23110" t="s">
        <v>14314</v>
      </c>
      <c r="E23110" t="s">
        <v>14307</v>
      </c>
      <c r="F23110" t="s">
        <v>14308</v>
      </c>
      <c r="G23110" t="s">
        <v>10734</v>
      </c>
      <c r="H23110" t="s">
        <v>10735</v>
      </c>
      <c r="I23110" s="2">
        <v>0</v>
      </c>
      <c r="J23110" s="2">
        <v>0</v>
      </c>
      <c r="K23110" s="2">
        <v>1</v>
      </c>
      <c r="L23110" t="s">
        <v>995</v>
      </c>
      <c r="M23110" t="s">
        <v>83</v>
      </c>
      <c r="N23110" t="s">
        <v>84</v>
      </c>
      <c r="O23110" t="s">
        <v>85</v>
      </c>
      <c r="P23110" t="s">
        <v>86</v>
      </c>
      <c r="Q23110">
        <v>45</v>
      </c>
      <c r="R23110">
        <v>46</v>
      </c>
      <c r="S23110">
        <v>48</v>
      </c>
      <c r="T23110">
        <v>49</v>
      </c>
      <c r="U23110">
        <v>51</v>
      </c>
      <c r="V23110">
        <v>52</v>
      </c>
      <c r="W23110">
        <v>53</v>
      </c>
      <c r="X23110">
        <v>55</v>
      </c>
      <c r="Y23110">
        <v>56</v>
      </c>
      <c r="Z23110">
        <v>58</v>
      </c>
      <c r="AA23110">
        <v>59</v>
      </c>
      <c r="AB23110">
        <v>61</v>
      </c>
      <c r="AC23110">
        <v>63</v>
      </c>
      <c r="AD23110">
        <v>64</v>
      </c>
      <c r="AE23110">
        <v>66</v>
      </c>
      <c r="AF23110">
        <v>68</v>
      </c>
      <c r="AG23110">
        <v>69</v>
      </c>
      <c r="AH23110">
        <v>71</v>
      </c>
      <c r="AI23110">
        <v>73</v>
      </c>
      <c r="AJ23110">
        <v>75</v>
      </c>
      <c r="AK23110">
        <v>77</v>
      </c>
      <c r="AL23110">
        <v>78</v>
      </c>
      <c r="AM23110">
        <v>79</v>
      </c>
      <c r="AN23110">
        <v>81</v>
      </c>
      <c r="AO23110">
        <v>82</v>
      </c>
      <c r="AP23110">
        <v>83</v>
      </c>
      <c r="AQ23110">
        <v>84</v>
      </c>
    </row>
    <row r="23111" spans="1:43">
      <c r="A23111" t="s">
        <v>14311</v>
      </c>
      <c r="B23111" t="s">
        <v>14312</v>
      </c>
      <c r="C23111" t="s">
        <v>14313</v>
      </c>
      <c r="D23111" t="s">
        <v>14314</v>
      </c>
      <c r="E23111" t="s">
        <v>14307</v>
      </c>
      <c r="F23111" t="s">
        <v>14308</v>
      </c>
      <c r="G23111" t="s">
        <v>10734</v>
      </c>
      <c r="H23111" t="s">
        <v>10735</v>
      </c>
      <c r="I23111" s="2">
        <v>0</v>
      </c>
      <c r="J23111" s="2">
        <v>0</v>
      </c>
      <c r="K23111" s="2">
        <v>1</v>
      </c>
      <c r="L23111" t="s">
        <v>995</v>
      </c>
      <c r="M23111" t="s">
        <v>87</v>
      </c>
      <c r="N23111" t="s">
        <v>88</v>
      </c>
      <c r="O23111" t="s">
        <v>85</v>
      </c>
      <c r="P23111" t="s">
        <v>86</v>
      </c>
      <c r="Q23111">
        <v>45</v>
      </c>
      <c r="R23111">
        <v>46</v>
      </c>
      <c r="S23111">
        <v>46</v>
      </c>
      <c r="T23111">
        <v>47</v>
      </c>
      <c r="U23111">
        <v>48</v>
      </c>
      <c r="V23111">
        <v>49</v>
      </c>
      <c r="W23111">
        <v>50</v>
      </c>
      <c r="X23111">
        <v>51</v>
      </c>
      <c r="Y23111">
        <v>52</v>
      </c>
      <c r="Z23111">
        <v>53</v>
      </c>
      <c r="AA23111">
        <v>54</v>
      </c>
      <c r="AB23111">
        <v>55</v>
      </c>
      <c r="AC23111">
        <v>56</v>
      </c>
      <c r="AD23111">
        <v>57</v>
      </c>
      <c r="AE23111">
        <v>58</v>
      </c>
      <c r="AF23111">
        <v>59</v>
      </c>
      <c r="AG23111">
        <v>61</v>
      </c>
      <c r="AH23111">
        <v>62</v>
      </c>
      <c r="AI23111">
        <v>63</v>
      </c>
      <c r="AJ23111">
        <v>64</v>
      </c>
      <c r="AK23111">
        <v>65</v>
      </c>
      <c r="AL23111">
        <v>67</v>
      </c>
      <c r="AM23111">
        <v>68</v>
      </c>
      <c r="AN23111">
        <v>69</v>
      </c>
      <c r="AO23111">
        <v>70</v>
      </c>
      <c r="AP23111">
        <v>72</v>
      </c>
      <c r="AQ23111">
        <v>73</v>
      </c>
    </row>
    <row r="23112" spans="1:43">
      <c r="A23112" t="s">
        <v>14311</v>
      </c>
      <c r="B23112" t="s">
        <v>14312</v>
      </c>
      <c r="C23112" t="s">
        <v>14313</v>
      </c>
      <c r="D23112" t="s">
        <v>14314</v>
      </c>
      <c r="E23112" t="s">
        <v>14307</v>
      </c>
      <c r="F23112" t="s">
        <v>14308</v>
      </c>
      <c r="G23112" t="s">
        <v>10734</v>
      </c>
      <c r="H23112" t="s">
        <v>10735</v>
      </c>
      <c r="I23112" s="2">
        <v>0</v>
      </c>
      <c r="J23112" s="2">
        <v>0</v>
      </c>
      <c r="K23112" s="2">
        <v>1</v>
      </c>
      <c r="L23112" t="s">
        <v>995</v>
      </c>
      <c r="M23112" t="s">
        <v>89</v>
      </c>
      <c r="N23112" t="s">
        <v>90</v>
      </c>
      <c r="O23112" t="s">
        <v>85</v>
      </c>
      <c r="P23112" t="s">
        <v>86</v>
      </c>
      <c r="Q23112">
        <v>45</v>
      </c>
      <c r="R23112">
        <v>46</v>
      </c>
      <c r="S23112">
        <v>48</v>
      </c>
      <c r="T23112">
        <v>50</v>
      </c>
      <c r="U23112">
        <v>52</v>
      </c>
      <c r="V23112">
        <v>53</v>
      </c>
      <c r="W23112">
        <v>55</v>
      </c>
      <c r="X23112">
        <v>57</v>
      </c>
      <c r="Y23112">
        <v>59</v>
      </c>
      <c r="Z23112">
        <v>60</v>
      </c>
      <c r="AA23112">
        <v>62</v>
      </c>
      <c r="AB23112">
        <v>64</v>
      </c>
      <c r="AC23112">
        <v>66</v>
      </c>
      <c r="AD23112">
        <v>68</v>
      </c>
      <c r="AE23112">
        <v>70</v>
      </c>
      <c r="AF23112">
        <v>71</v>
      </c>
      <c r="AG23112">
        <v>72</v>
      </c>
      <c r="AH23112">
        <v>73</v>
      </c>
      <c r="AI23112">
        <v>74</v>
      </c>
      <c r="AJ23112">
        <v>75</v>
      </c>
      <c r="AK23112">
        <v>77</v>
      </c>
      <c r="AL23112">
        <v>78</v>
      </c>
      <c r="AM23112">
        <v>79</v>
      </c>
      <c r="AN23112">
        <v>80</v>
      </c>
      <c r="AO23112">
        <v>81</v>
      </c>
      <c r="AP23112">
        <v>83</v>
      </c>
      <c r="AQ23112">
        <v>84</v>
      </c>
    </row>
    <row r="23113" spans="1:43">
      <c r="A23113" t="s">
        <v>14311</v>
      </c>
      <c r="B23113" t="s">
        <v>14312</v>
      </c>
      <c r="C23113" t="s">
        <v>14313</v>
      </c>
      <c r="D23113" t="s">
        <v>14314</v>
      </c>
      <c r="E23113" t="s">
        <v>14307</v>
      </c>
      <c r="F23113" t="s">
        <v>14308</v>
      </c>
      <c r="G23113" t="s">
        <v>10734</v>
      </c>
      <c r="H23113" t="s">
        <v>10735</v>
      </c>
      <c r="I23113" s="2">
        <v>0</v>
      </c>
      <c r="J23113" s="2">
        <v>0</v>
      </c>
      <c r="K23113" s="2">
        <v>1</v>
      </c>
      <c r="L23113" t="s">
        <v>995</v>
      </c>
      <c r="M23113" t="s">
        <v>83</v>
      </c>
      <c r="N23113" t="s">
        <v>91</v>
      </c>
      <c r="O23113" t="s">
        <v>85</v>
      </c>
      <c r="P23113" t="s">
        <v>86</v>
      </c>
      <c r="Q23113">
        <v>45</v>
      </c>
      <c r="R23113">
        <v>46</v>
      </c>
      <c r="S23113">
        <v>48</v>
      </c>
      <c r="T23113">
        <v>49</v>
      </c>
      <c r="U23113">
        <v>51</v>
      </c>
      <c r="V23113">
        <v>52</v>
      </c>
      <c r="W23113">
        <v>53</v>
      </c>
      <c r="X23113">
        <v>55</v>
      </c>
      <c r="Y23113">
        <v>56</v>
      </c>
      <c r="Z23113">
        <v>58</v>
      </c>
      <c r="AA23113">
        <v>59</v>
      </c>
      <c r="AB23113">
        <v>61</v>
      </c>
      <c r="AC23113">
        <v>63</v>
      </c>
      <c r="AD23113">
        <v>64</v>
      </c>
      <c r="AE23113">
        <v>66</v>
      </c>
      <c r="AF23113">
        <v>68</v>
      </c>
      <c r="AG23113">
        <v>69</v>
      </c>
      <c r="AH23113">
        <v>71</v>
      </c>
      <c r="AI23113">
        <v>73</v>
      </c>
      <c r="AJ23113">
        <v>75</v>
      </c>
      <c r="AK23113">
        <v>77</v>
      </c>
      <c r="AL23113">
        <v>78</v>
      </c>
      <c r="AM23113">
        <v>79</v>
      </c>
      <c r="AN23113">
        <v>81</v>
      </c>
      <c r="AO23113">
        <v>82</v>
      </c>
      <c r="AP23113">
        <v>83</v>
      </c>
      <c r="AQ23113">
        <v>84</v>
      </c>
    </row>
    <row r="23114" spans="1:43">
      <c r="A23114" t="s">
        <v>14315</v>
      </c>
      <c r="B23114" t="s">
        <v>14316</v>
      </c>
      <c r="C23114" t="s">
        <v>14313</v>
      </c>
      <c r="D23114" t="s">
        <v>14314</v>
      </c>
      <c r="E23114" t="s">
        <v>14307</v>
      </c>
      <c r="F23114" t="s">
        <v>14308</v>
      </c>
      <c r="G23114" t="s">
        <v>10734</v>
      </c>
      <c r="H23114" t="s">
        <v>10735</v>
      </c>
      <c r="I23114" s="2">
        <v>0</v>
      </c>
      <c r="J23114" s="2">
        <v>0</v>
      </c>
      <c r="K23114" s="2">
        <v>1</v>
      </c>
      <c r="L23114" t="s">
        <v>995</v>
      </c>
      <c r="M23114" t="s">
        <v>83</v>
      </c>
      <c r="N23114" t="s">
        <v>84</v>
      </c>
      <c r="O23114" t="s">
        <v>85</v>
      </c>
      <c r="P23114" t="s">
        <v>86</v>
      </c>
      <c r="Q23114">
        <v>53</v>
      </c>
      <c r="R23114">
        <v>54</v>
      </c>
      <c r="S23114">
        <v>56</v>
      </c>
      <c r="T23114">
        <v>58</v>
      </c>
      <c r="U23114">
        <v>59</v>
      </c>
      <c r="V23114">
        <v>61</v>
      </c>
      <c r="W23114">
        <v>63</v>
      </c>
      <c r="X23114">
        <v>64</v>
      </c>
      <c r="Y23114">
        <v>66</v>
      </c>
      <c r="Z23114">
        <v>68</v>
      </c>
      <c r="AA23114">
        <v>70</v>
      </c>
      <c r="AB23114">
        <v>72</v>
      </c>
      <c r="AC23114">
        <v>74</v>
      </c>
      <c r="AD23114">
        <v>76</v>
      </c>
      <c r="AE23114">
        <v>78</v>
      </c>
      <c r="AF23114">
        <v>80</v>
      </c>
      <c r="AG23114">
        <v>82</v>
      </c>
      <c r="AH23114">
        <v>84</v>
      </c>
      <c r="AI23114">
        <v>87</v>
      </c>
      <c r="AJ23114">
        <v>89</v>
      </c>
      <c r="AK23114">
        <v>91</v>
      </c>
      <c r="AL23114">
        <v>93</v>
      </c>
      <c r="AM23114">
        <v>95</v>
      </c>
      <c r="AN23114">
        <v>96</v>
      </c>
      <c r="AO23114">
        <v>98</v>
      </c>
      <c r="AP23114">
        <v>99</v>
      </c>
      <c r="AQ23114">
        <v>101</v>
      </c>
    </row>
    <row r="23115" spans="1:43">
      <c r="A23115" t="s">
        <v>14315</v>
      </c>
      <c r="B23115" t="s">
        <v>14316</v>
      </c>
      <c r="C23115" t="s">
        <v>14313</v>
      </c>
      <c r="D23115" t="s">
        <v>14314</v>
      </c>
      <c r="E23115" t="s">
        <v>14307</v>
      </c>
      <c r="F23115" t="s">
        <v>14308</v>
      </c>
      <c r="G23115" t="s">
        <v>10734</v>
      </c>
      <c r="H23115" t="s">
        <v>10735</v>
      </c>
      <c r="I23115" s="2">
        <v>0</v>
      </c>
      <c r="J23115" s="2">
        <v>0</v>
      </c>
      <c r="K23115" s="2">
        <v>1</v>
      </c>
      <c r="L23115" t="s">
        <v>995</v>
      </c>
      <c r="M23115" t="s">
        <v>87</v>
      </c>
      <c r="N23115" t="s">
        <v>88</v>
      </c>
      <c r="O23115" t="s">
        <v>85</v>
      </c>
      <c r="P23115" t="s">
        <v>86</v>
      </c>
      <c r="Q23115">
        <v>53</v>
      </c>
      <c r="R23115">
        <v>54</v>
      </c>
      <c r="S23115">
        <v>55</v>
      </c>
      <c r="T23115">
        <v>57</v>
      </c>
      <c r="U23115">
        <v>58</v>
      </c>
      <c r="V23115">
        <v>59</v>
      </c>
      <c r="W23115">
        <v>60</v>
      </c>
      <c r="X23115">
        <v>61</v>
      </c>
      <c r="Y23115">
        <v>62</v>
      </c>
      <c r="Z23115">
        <v>64</v>
      </c>
      <c r="AA23115">
        <v>65</v>
      </c>
      <c r="AB23115">
        <v>66</v>
      </c>
      <c r="AC23115">
        <v>67</v>
      </c>
      <c r="AD23115">
        <v>69</v>
      </c>
      <c r="AE23115">
        <v>70</v>
      </c>
      <c r="AF23115">
        <v>71</v>
      </c>
      <c r="AG23115">
        <v>73</v>
      </c>
      <c r="AH23115">
        <v>74</v>
      </c>
      <c r="AI23115">
        <v>76</v>
      </c>
      <c r="AJ23115">
        <v>77</v>
      </c>
      <c r="AK23115">
        <v>79</v>
      </c>
      <c r="AL23115">
        <v>80</v>
      </c>
      <c r="AM23115">
        <v>82</v>
      </c>
      <c r="AN23115">
        <v>84</v>
      </c>
      <c r="AO23115">
        <v>85</v>
      </c>
      <c r="AP23115">
        <v>87</v>
      </c>
      <c r="AQ23115">
        <v>89</v>
      </c>
    </row>
    <row r="23116" spans="1:43">
      <c r="A23116" t="s">
        <v>14315</v>
      </c>
      <c r="B23116" t="s">
        <v>14316</v>
      </c>
      <c r="C23116" t="s">
        <v>14313</v>
      </c>
      <c r="D23116" t="s">
        <v>14314</v>
      </c>
      <c r="E23116" t="s">
        <v>14307</v>
      </c>
      <c r="F23116" t="s">
        <v>14308</v>
      </c>
      <c r="G23116" t="s">
        <v>10734</v>
      </c>
      <c r="H23116" t="s">
        <v>10735</v>
      </c>
      <c r="I23116" s="2">
        <v>0</v>
      </c>
      <c r="J23116" s="2">
        <v>0</v>
      </c>
      <c r="K23116" s="2">
        <v>1</v>
      </c>
      <c r="L23116" t="s">
        <v>995</v>
      </c>
      <c r="M23116" t="s">
        <v>89</v>
      </c>
      <c r="N23116" t="s">
        <v>90</v>
      </c>
      <c r="O23116" t="s">
        <v>85</v>
      </c>
      <c r="P23116" t="s">
        <v>86</v>
      </c>
      <c r="Q23116">
        <v>53</v>
      </c>
      <c r="R23116">
        <v>55</v>
      </c>
      <c r="S23116">
        <v>57</v>
      </c>
      <c r="T23116">
        <v>59</v>
      </c>
      <c r="U23116">
        <v>62</v>
      </c>
      <c r="V23116">
        <v>64</v>
      </c>
      <c r="W23116">
        <v>66</v>
      </c>
      <c r="X23116">
        <v>68</v>
      </c>
      <c r="Y23116">
        <v>70</v>
      </c>
      <c r="Z23116">
        <v>72</v>
      </c>
      <c r="AA23116">
        <v>75</v>
      </c>
      <c r="AB23116">
        <v>77</v>
      </c>
      <c r="AC23116">
        <v>79</v>
      </c>
      <c r="AD23116">
        <v>82</v>
      </c>
      <c r="AE23116">
        <v>84</v>
      </c>
      <c r="AF23116">
        <v>85</v>
      </c>
      <c r="AG23116">
        <v>86</v>
      </c>
      <c r="AH23116">
        <v>88</v>
      </c>
      <c r="AI23116">
        <v>89</v>
      </c>
      <c r="AJ23116">
        <v>91</v>
      </c>
      <c r="AK23116">
        <v>92</v>
      </c>
      <c r="AL23116">
        <v>94</v>
      </c>
      <c r="AM23116">
        <v>95</v>
      </c>
      <c r="AN23116">
        <v>97</v>
      </c>
      <c r="AO23116">
        <v>98</v>
      </c>
      <c r="AP23116">
        <v>100</v>
      </c>
      <c r="AQ23116">
        <v>101</v>
      </c>
    </row>
    <row r="23117" spans="1:43">
      <c r="A23117" t="s">
        <v>14315</v>
      </c>
      <c r="B23117" t="s">
        <v>14316</v>
      </c>
      <c r="C23117" t="s">
        <v>14313</v>
      </c>
      <c r="D23117" t="s">
        <v>14314</v>
      </c>
      <c r="E23117" t="s">
        <v>14307</v>
      </c>
      <c r="F23117" t="s">
        <v>14308</v>
      </c>
      <c r="G23117" t="s">
        <v>10734</v>
      </c>
      <c r="H23117" t="s">
        <v>10735</v>
      </c>
      <c r="I23117" s="2">
        <v>0</v>
      </c>
      <c r="J23117" s="2">
        <v>0</v>
      </c>
      <c r="K23117" s="2">
        <v>1</v>
      </c>
      <c r="L23117" t="s">
        <v>995</v>
      </c>
      <c r="M23117" t="s">
        <v>83</v>
      </c>
      <c r="N23117" t="s">
        <v>91</v>
      </c>
      <c r="O23117" t="s">
        <v>85</v>
      </c>
      <c r="P23117" t="s">
        <v>86</v>
      </c>
      <c r="Q23117">
        <v>53</v>
      </c>
      <c r="R23117">
        <v>54</v>
      </c>
      <c r="S23117">
        <v>56</v>
      </c>
      <c r="T23117">
        <v>58</v>
      </c>
      <c r="U23117">
        <v>59</v>
      </c>
      <c r="V23117">
        <v>61</v>
      </c>
      <c r="W23117">
        <v>63</v>
      </c>
      <c r="X23117">
        <v>64</v>
      </c>
      <c r="Y23117">
        <v>66</v>
      </c>
      <c r="Z23117">
        <v>68</v>
      </c>
      <c r="AA23117">
        <v>70</v>
      </c>
      <c r="AB23117">
        <v>72</v>
      </c>
      <c r="AC23117">
        <v>74</v>
      </c>
      <c r="AD23117">
        <v>76</v>
      </c>
      <c r="AE23117">
        <v>78</v>
      </c>
      <c r="AF23117">
        <v>80</v>
      </c>
      <c r="AG23117">
        <v>82</v>
      </c>
      <c r="AH23117">
        <v>84</v>
      </c>
      <c r="AI23117">
        <v>87</v>
      </c>
      <c r="AJ23117">
        <v>89</v>
      </c>
      <c r="AK23117">
        <v>91</v>
      </c>
      <c r="AL23117">
        <v>93</v>
      </c>
      <c r="AM23117">
        <v>95</v>
      </c>
      <c r="AN23117">
        <v>96</v>
      </c>
      <c r="AO23117">
        <v>98</v>
      </c>
      <c r="AP23117">
        <v>99</v>
      </c>
      <c r="AQ23117">
        <v>101</v>
      </c>
    </row>
    <row r="23118" spans="1:43">
      <c r="A23118" t="s">
        <v>14317</v>
      </c>
      <c r="B23118" t="s">
        <v>14318</v>
      </c>
      <c r="C23118" t="s">
        <v>14319</v>
      </c>
      <c r="D23118" t="s">
        <v>14320</v>
      </c>
      <c r="E23118" t="s">
        <v>14307</v>
      </c>
      <c r="F23118" t="s">
        <v>14308</v>
      </c>
      <c r="G23118" t="s">
        <v>10734</v>
      </c>
      <c r="H23118" t="s">
        <v>10735</v>
      </c>
      <c r="I23118" s="2">
        <v>0</v>
      </c>
      <c r="J23118" s="2">
        <v>0</v>
      </c>
      <c r="K23118" s="2">
        <v>1</v>
      </c>
      <c r="L23118" t="s">
        <v>995</v>
      </c>
      <c r="M23118" t="s">
        <v>83</v>
      </c>
      <c r="N23118" t="s">
        <v>84</v>
      </c>
      <c r="O23118" t="s">
        <v>85</v>
      </c>
      <c r="P23118" t="s">
        <v>86</v>
      </c>
      <c r="Q23118">
        <v>35</v>
      </c>
      <c r="R23118">
        <v>36</v>
      </c>
      <c r="S23118">
        <v>37</v>
      </c>
      <c r="T23118">
        <v>38</v>
      </c>
      <c r="U23118">
        <v>39</v>
      </c>
      <c r="V23118">
        <v>40</v>
      </c>
      <c r="W23118">
        <v>41</v>
      </c>
      <c r="X23118">
        <v>43</v>
      </c>
      <c r="Y23118">
        <v>44</v>
      </c>
      <c r="Z23118">
        <v>45</v>
      </c>
      <c r="AA23118">
        <v>46</v>
      </c>
      <c r="AB23118">
        <v>48</v>
      </c>
      <c r="AC23118">
        <v>49</v>
      </c>
      <c r="AD23118">
        <v>50</v>
      </c>
      <c r="AE23118">
        <v>52</v>
      </c>
      <c r="AF23118">
        <v>53</v>
      </c>
      <c r="AG23118">
        <v>55</v>
      </c>
      <c r="AH23118">
        <v>56</v>
      </c>
      <c r="AI23118">
        <v>57</v>
      </c>
      <c r="AJ23118">
        <v>59</v>
      </c>
      <c r="AK23118">
        <v>61</v>
      </c>
      <c r="AL23118">
        <v>62</v>
      </c>
      <c r="AM23118">
        <v>63</v>
      </c>
      <c r="AN23118">
        <v>64</v>
      </c>
      <c r="AO23118">
        <v>65</v>
      </c>
      <c r="AP23118">
        <v>66</v>
      </c>
      <c r="AQ23118">
        <v>67</v>
      </c>
    </row>
    <row r="23119" spans="1:43">
      <c r="A23119" t="s">
        <v>14317</v>
      </c>
      <c r="B23119" t="s">
        <v>14318</v>
      </c>
      <c r="C23119" t="s">
        <v>14319</v>
      </c>
      <c r="D23119" t="s">
        <v>14320</v>
      </c>
      <c r="E23119" t="s">
        <v>14307</v>
      </c>
      <c r="F23119" t="s">
        <v>14308</v>
      </c>
      <c r="G23119" t="s">
        <v>10734</v>
      </c>
      <c r="H23119" t="s">
        <v>10735</v>
      </c>
      <c r="I23119" s="2">
        <v>0</v>
      </c>
      <c r="J23119" s="2">
        <v>0</v>
      </c>
      <c r="K23119" s="2">
        <v>1</v>
      </c>
      <c r="L23119" t="s">
        <v>995</v>
      </c>
      <c r="M23119" t="s">
        <v>87</v>
      </c>
      <c r="N23119" t="s">
        <v>88</v>
      </c>
      <c r="O23119" t="s">
        <v>85</v>
      </c>
      <c r="P23119" t="s">
        <v>86</v>
      </c>
      <c r="Q23119">
        <v>35</v>
      </c>
      <c r="R23119">
        <v>35</v>
      </c>
      <c r="S23119">
        <v>36</v>
      </c>
      <c r="T23119">
        <v>37</v>
      </c>
      <c r="U23119">
        <v>37</v>
      </c>
      <c r="V23119">
        <v>38</v>
      </c>
      <c r="W23119">
        <v>39</v>
      </c>
      <c r="X23119">
        <v>40</v>
      </c>
      <c r="Y23119">
        <v>41</v>
      </c>
      <c r="Z23119">
        <v>41</v>
      </c>
      <c r="AA23119">
        <v>42</v>
      </c>
      <c r="AB23119">
        <v>43</v>
      </c>
      <c r="AC23119">
        <v>44</v>
      </c>
      <c r="AD23119">
        <v>45</v>
      </c>
      <c r="AE23119">
        <v>46</v>
      </c>
      <c r="AF23119">
        <v>47</v>
      </c>
      <c r="AG23119">
        <v>48</v>
      </c>
      <c r="AH23119">
        <v>49</v>
      </c>
      <c r="AI23119">
        <v>49</v>
      </c>
      <c r="AJ23119">
        <v>50</v>
      </c>
      <c r="AK23119">
        <v>51</v>
      </c>
      <c r="AL23119">
        <v>52</v>
      </c>
      <c r="AM23119">
        <v>54</v>
      </c>
      <c r="AN23119">
        <v>55</v>
      </c>
      <c r="AO23119">
        <v>56</v>
      </c>
      <c r="AP23119">
        <v>57</v>
      </c>
      <c r="AQ23119">
        <v>58</v>
      </c>
    </row>
    <row r="23120" spans="1:43">
      <c r="A23120" t="s">
        <v>14317</v>
      </c>
      <c r="B23120" t="s">
        <v>14318</v>
      </c>
      <c r="C23120" t="s">
        <v>14319</v>
      </c>
      <c r="D23120" t="s">
        <v>14320</v>
      </c>
      <c r="E23120" t="s">
        <v>14307</v>
      </c>
      <c r="F23120" t="s">
        <v>14308</v>
      </c>
      <c r="G23120" t="s">
        <v>10734</v>
      </c>
      <c r="H23120" t="s">
        <v>10735</v>
      </c>
      <c r="I23120" s="2">
        <v>0</v>
      </c>
      <c r="J23120" s="2">
        <v>0</v>
      </c>
      <c r="K23120" s="2">
        <v>1</v>
      </c>
      <c r="L23120" t="s">
        <v>995</v>
      </c>
      <c r="M23120" t="s">
        <v>89</v>
      </c>
      <c r="N23120" t="s">
        <v>90</v>
      </c>
      <c r="O23120" t="s">
        <v>85</v>
      </c>
      <c r="P23120" t="s">
        <v>86</v>
      </c>
      <c r="Q23120">
        <v>35</v>
      </c>
      <c r="R23120">
        <v>37</v>
      </c>
      <c r="S23120">
        <v>38</v>
      </c>
      <c r="T23120">
        <v>39</v>
      </c>
      <c r="U23120">
        <v>41</v>
      </c>
      <c r="V23120">
        <v>42</v>
      </c>
      <c r="W23120">
        <v>44</v>
      </c>
      <c r="X23120">
        <v>45</v>
      </c>
      <c r="Y23120">
        <v>47</v>
      </c>
      <c r="Z23120">
        <v>48</v>
      </c>
      <c r="AA23120">
        <v>49</v>
      </c>
      <c r="AB23120">
        <v>51</v>
      </c>
      <c r="AC23120">
        <v>53</v>
      </c>
      <c r="AD23120">
        <v>54</v>
      </c>
      <c r="AE23120">
        <v>56</v>
      </c>
      <c r="AF23120">
        <v>56</v>
      </c>
      <c r="AG23120">
        <v>57</v>
      </c>
      <c r="AH23120">
        <v>58</v>
      </c>
      <c r="AI23120">
        <v>59</v>
      </c>
      <c r="AJ23120">
        <v>60</v>
      </c>
      <c r="AK23120">
        <v>61</v>
      </c>
      <c r="AL23120">
        <v>62</v>
      </c>
      <c r="AM23120">
        <v>63</v>
      </c>
      <c r="AN23120">
        <v>64</v>
      </c>
      <c r="AO23120">
        <v>65</v>
      </c>
      <c r="AP23120">
        <v>66</v>
      </c>
      <c r="AQ23120">
        <v>67</v>
      </c>
    </row>
    <row r="23121" spans="1:43">
      <c r="A23121" t="s">
        <v>14317</v>
      </c>
      <c r="B23121" t="s">
        <v>14318</v>
      </c>
      <c r="C23121" t="s">
        <v>14319</v>
      </c>
      <c r="D23121" t="s">
        <v>14320</v>
      </c>
      <c r="E23121" t="s">
        <v>14307</v>
      </c>
      <c r="F23121" t="s">
        <v>14308</v>
      </c>
      <c r="G23121" t="s">
        <v>10734</v>
      </c>
      <c r="H23121" t="s">
        <v>10735</v>
      </c>
      <c r="I23121" s="2">
        <v>0</v>
      </c>
      <c r="J23121" s="2">
        <v>0</v>
      </c>
      <c r="K23121" s="2">
        <v>1</v>
      </c>
      <c r="L23121" t="s">
        <v>995</v>
      </c>
      <c r="M23121" t="s">
        <v>83</v>
      </c>
      <c r="N23121" t="s">
        <v>91</v>
      </c>
      <c r="O23121" t="s">
        <v>85</v>
      </c>
      <c r="P23121" t="s">
        <v>86</v>
      </c>
      <c r="Q23121">
        <v>35</v>
      </c>
      <c r="R23121">
        <v>36</v>
      </c>
      <c r="S23121">
        <v>37</v>
      </c>
      <c r="T23121">
        <v>38</v>
      </c>
      <c r="U23121">
        <v>39</v>
      </c>
      <c r="V23121">
        <v>40</v>
      </c>
      <c r="W23121">
        <v>41</v>
      </c>
      <c r="X23121">
        <v>43</v>
      </c>
      <c r="Y23121">
        <v>44</v>
      </c>
      <c r="Z23121">
        <v>45</v>
      </c>
      <c r="AA23121">
        <v>46</v>
      </c>
      <c r="AB23121">
        <v>48</v>
      </c>
      <c r="AC23121">
        <v>49</v>
      </c>
      <c r="AD23121">
        <v>50</v>
      </c>
      <c r="AE23121">
        <v>52</v>
      </c>
      <c r="AF23121">
        <v>53</v>
      </c>
      <c r="AG23121">
        <v>55</v>
      </c>
      <c r="AH23121">
        <v>56</v>
      </c>
      <c r="AI23121">
        <v>57</v>
      </c>
      <c r="AJ23121">
        <v>59</v>
      </c>
      <c r="AK23121">
        <v>61</v>
      </c>
      <c r="AL23121">
        <v>62</v>
      </c>
      <c r="AM23121">
        <v>63</v>
      </c>
      <c r="AN23121">
        <v>64</v>
      </c>
      <c r="AO23121">
        <v>65</v>
      </c>
      <c r="AP23121">
        <v>66</v>
      </c>
      <c r="AQ23121">
        <v>67</v>
      </c>
    </row>
    <row r="23122" spans="1:43">
      <c r="A23122" t="s">
        <v>14321</v>
      </c>
      <c r="B23122" t="s">
        <v>14322</v>
      </c>
      <c r="C23122" t="s">
        <v>14319</v>
      </c>
      <c r="D23122" t="s">
        <v>14320</v>
      </c>
      <c r="E23122" t="s">
        <v>14307</v>
      </c>
      <c r="F23122" t="s">
        <v>14308</v>
      </c>
      <c r="G23122" t="s">
        <v>10734</v>
      </c>
      <c r="H23122" t="s">
        <v>10735</v>
      </c>
      <c r="I23122" s="2">
        <v>0</v>
      </c>
      <c r="J23122" s="2">
        <v>0</v>
      </c>
      <c r="K23122" s="2">
        <v>1</v>
      </c>
      <c r="L23122" t="s">
        <v>995</v>
      </c>
      <c r="M23122" t="s">
        <v>83</v>
      </c>
      <c r="N23122" t="s">
        <v>84</v>
      </c>
      <c r="O23122" t="s">
        <v>85</v>
      </c>
      <c r="P23122" t="s">
        <v>86</v>
      </c>
      <c r="Q23122">
        <v>78</v>
      </c>
      <c r="R23122">
        <v>80</v>
      </c>
      <c r="S23122">
        <v>83</v>
      </c>
      <c r="T23122">
        <v>85</v>
      </c>
      <c r="U23122">
        <v>87</v>
      </c>
      <c r="V23122">
        <v>90</v>
      </c>
      <c r="W23122">
        <v>92</v>
      </c>
      <c r="X23122">
        <v>95</v>
      </c>
      <c r="Y23122">
        <v>97</v>
      </c>
      <c r="Z23122">
        <v>100</v>
      </c>
      <c r="AA23122">
        <v>102</v>
      </c>
      <c r="AB23122">
        <v>105</v>
      </c>
      <c r="AC23122">
        <v>108</v>
      </c>
      <c r="AD23122">
        <v>111</v>
      </c>
      <c r="AE23122">
        <v>114</v>
      </c>
      <c r="AF23122">
        <v>116</v>
      </c>
      <c r="AG23122">
        <v>119</v>
      </c>
      <c r="AH23122">
        <v>122</v>
      </c>
      <c r="AI23122">
        <v>126</v>
      </c>
      <c r="AJ23122">
        <v>129</v>
      </c>
      <c r="AK23122">
        <v>132</v>
      </c>
      <c r="AL23122">
        <v>135</v>
      </c>
      <c r="AM23122">
        <v>137</v>
      </c>
      <c r="AN23122">
        <v>139</v>
      </c>
      <c r="AO23122">
        <v>141</v>
      </c>
      <c r="AP23122">
        <v>143</v>
      </c>
      <c r="AQ23122">
        <v>145</v>
      </c>
    </row>
    <row r="23123" spans="1:43">
      <c r="A23123" t="s">
        <v>14321</v>
      </c>
      <c r="B23123" t="s">
        <v>14322</v>
      </c>
      <c r="C23123" t="s">
        <v>14319</v>
      </c>
      <c r="D23123" t="s">
        <v>14320</v>
      </c>
      <c r="E23123" t="s">
        <v>14307</v>
      </c>
      <c r="F23123" t="s">
        <v>14308</v>
      </c>
      <c r="G23123" t="s">
        <v>10734</v>
      </c>
      <c r="H23123" t="s">
        <v>10735</v>
      </c>
      <c r="I23123" s="2">
        <v>0</v>
      </c>
      <c r="J23123" s="2">
        <v>0</v>
      </c>
      <c r="K23123" s="2">
        <v>1</v>
      </c>
      <c r="L23123" t="s">
        <v>995</v>
      </c>
      <c r="M23123" t="s">
        <v>87</v>
      </c>
      <c r="N23123" t="s">
        <v>88</v>
      </c>
      <c r="O23123" t="s">
        <v>85</v>
      </c>
      <c r="P23123" t="s">
        <v>86</v>
      </c>
      <c r="Q23123">
        <v>78</v>
      </c>
      <c r="R23123">
        <v>80</v>
      </c>
      <c r="S23123">
        <v>81</v>
      </c>
      <c r="T23123">
        <v>83</v>
      </c>
      <c r="U23123">
        <v>84</v>
      </c>
      <c r="V23123">
        <v>86</v>
      </c>
      <c r="W23123">
        <v>88</v>
      </c>
      <c r="X23123">
        <v>89</v>
      </c>
      <c r="Y23123">
        <v>91</v>
      </c>
      <c r="Z23123">
        <v>93</v>
      </c>
      <c r="AA23123">
        <v>94</v>
      </c>
      <c r="AB23123">
        <v>96</v>
      </c>
      <c r="AC23123">
        <v>98</v>
      </c>
      <c r="AD23123">
        <v>100</v>
      </c>
      <c r="AE23123">
        <v>102</v>
      </c>
      <c r="AF23123">
        <v>103</v>
      </c>
      <c r="AG23123">
        <v>105</v>
      </c>
      <c r="AH23123">
        <v>107</v>
      </c>
      <c r="AI23123">
        <v>109</v>
      </c>
      <c r="AJ23123">
        <v>111</v>
      </c>
      <c r="AK23123">
        <v>113</v>
      </c>
      <c r="AL23123">
        <v>116</v>
      </c>
      <c r="AM23123">
        <v>118</v>
      </c>
      <c r="AN23123">
        <v>120</v>
      </c>
      <c r="AO23123">
        <v>122</v>
      </c>
      <c r="AP23123">
        <v>124</v>
      </c>
      <c r="AQ23123">
        <v>127</v>
      </c>
    </row>
    <row r="23124" spans="1:43">
      <c r="A23124" t="s">
        <v>14321</v>
      </c>
      <c r="B23124" t="s">
        <v>14322</v>
      </c>
      <c r="C23124" t="s">
        <v>14319</v>
      </c>
      <c r="D23124" t="s">
        <v>14320</v>
      </c>
      <c r="E23124" t="s">
        <v>14307</v>
      </c>
      <c r="F23124" t="s">
        <v>14308</v>
      </c>
      <c r="G23124" t="s">
        <v>10734</v>
      </c>
      <c r="H23124" t="s">
        <v>10735</v>
      </c>
      <c r="I23124" s="2">
        <v>0</v>
      </c>
      <c r="J23124" s="2">
        <v>0</v>
      </c>
      <c r="K23124" s="2">
        <v>1</v>
      </c>
      <c r="L23124" t="s">
        <v>995</v>
      </c>
      <c r="M23124" t="s">
        <v>89</v>
      </c>
      <c r="N23124" t="s">
        <v>90</v>
      </c>
      <c r="O23124" t="s">
        <v>85</v>
      </c>
      <c r="P23124" t="s">
        <v>86</v>
      </c>
      <c r="Q23124">
        <v>78</v>
      </c>
      <c r="R23124">
        <v>81</v>
      </c>
      <c r="S23124">
        <v>84</v>
      </c>
      <c r="T23124">
        <v>87</v>
      </c>
      <c r="U23124">
        <v>90</v>
      </c>
      <c r="V23124">
        <v>93</v>
      </c>
      <c r="W23124">
        <v>96</v>
      </c>
      <c r="X23124">
        <v>99</v>
      </c>
      <c r="Y23124">
        <v>102</v>
      </c>
      <c r="Z23124">
        <v>105</v>
      </c>
      <c r="AA23124">
        <v>108</v>
      </c>
      <c r="AB23124">
        <v>111</v>
      </c>
      <c r="AC23124">
        <v>115</v>
      </c>
      <c r="AD23124">
        <v>118</v>
      </c>
      <c r="AE23124">
        <v>121</v>
      </c>
      <c r="AF23124">
        <v>123</v>
      </c>
      <c r="AG23124">
        <v>125</v>
      </c>
      <c r="AH23124">
        <v>127</v>
      </c>
      <c r="AI23124">
        <v>129</v>
      </c>
      <c r="AJ23124">
        <v>131</v>
      </c>
      <c r="AK23124">
        <v>133</v>
      </c>
      <c r="AL23124">
        <v>135</v>
      </c>
      <c r="AM23124">
        <v>137</v>
      </c>
      <c r="AN23124">
        <v>139</v>
      </c>
      <c r="AO23124">
        <v>141</v>
      </c>
      <c r="AP23124">
        <v>144</v>
      </c>
      <c r="AQ23124">
        <v>146</v>
      </c>
    </row>
    <row r="23125" spans="1:43">
      <c r="A23125" t="s">
        <v>14321</v>
      </c>
      <c r="B23125" t="s">
        <v>14322</v>
      </c>
      <c r="C23125" t="s">
        <v>14319</v>
      </c>
      <c r="D23125" t="s">
        <v>14320</v>
      </c>
      <c r="E23125" t="s">
        <v>14307</v>
      </c>
      <c r="F23125" t="s">
        <v>14308</v>
      </c>
      <c r="G23125" t="s">
        <v>10734</v>
      </c>
      <c r="H23125" t="s">
        <v>10735</v>
      </c>
      <c r="I23125" s="2">
        <v>0</v>
      </c>
      <c r="J23125" s="2">
        <v>0</v>
      </c>
      <c r="K23125" s="2">
        <v>1</v>
      </c>
      <c r="L23125" t="s">
        <v>995</v>
      </c>
      <c r="M23125" t="s">
        <v>83</v>
      </c>
      <c r="N23125" t="s">
        <v>91</v>
      </c>
      <c r="O23125" t="s">
        <v>85</v>
      </c>
      <c r="P23125" t="s">
        <v>86</v>
      </c>
      <c r="Q23125">
        <v>78</v>
      </c>
      <c r="R23125">
        <v>80</v>
      </c>
      <c r="S23125">
        <v>83</v>
      </c>
      <c r="T23125">
        <v>85</v>
      </c>
      <c r="U23125">
        <v>87</v>
      </c>
      <c r="V23125">
        <v>90</v>
      </c>
      <c r="W23125">
        <v>92</v>
      </c>
      <c r="X23125">
        <v>95</v>
      </c>
      <c r="Y23125">
        <v>97</v>
      </c>
      <c r="Z23125">
        <v>100</v>
      </c>
      <c r="AA23125">
        <v>102</v>
      </c>
      <c r="AB23125">
        <v>105</v>
      </c>
      <c r="AC23125">
        <v>108</v>
      </c>
      <c r="AD23125">
        <v>111</v>
      </c>
      <c r="AE23125">
        <v>114</v>
      </c>
      <c r="AF23125">
        <v>116</v>
      </c>
      <c r="AG23125">
        <v>119</v>
      </c>
      <c r="AH23125">
        <v>122</v>
      </c>
      <c r="AI23125">
        <v>126</v>
      </c>
      <c r="AJ23125">
        <v>129</v>
      </c>
      <c r="AK23125">
        <v>132</v>
      </c>
      <c r="AL23125">
        <v>135</v>
      </c>
      <c r="AM23125">
        <v>137</v>
      </c>
      <c r="AN23125">
        <v>139</v>
      </c>
      <c r="AO23125">
        <v>141</v>
      </c>
      <c r="AP23125">
        <v>143</v>
      </c>
      <c r="AQ23125">
        <v>145</v>
      </c>
    </row>
    <row r="23126" spans="1:43">
      <c r="A23126" t="s">
        <v>14323</v>
      </c>
      <c r="B23126" t="s">
        <v>14324</v>
      </c>
      <c r="C23126" t="s">
        <v>14319</v>
      </c>
      <c r="D23126" t="s">
        <v>14320</v>
      </c>
      <c r="E23126" t="s">
        <v>14307</v>
      </c>
      <c r="F23126" t="s">
        <v>14308</v>
      </c>
      <c r="G23126" t="s">
        <v>10734</v>
      </c>
      <c r="H23126" t="s">
        <v>10735</v>
      </c>
      <c r="I23126" s="2">
        <v>0</v>
      </c>
      <c r="J23126" s="2">
        <v>0</v>
      </c>
      <c r="K23126" s="2">
        <v>1</v>
      </c>
      <c r="L23126" t="s">
        <v>995</v>
      </c>
      <c r="M23126" t="s">
        <v>83</v>
      </c>
      <c r="N23126" t="s">
        <v>84</v>
      </c>
      <c r="O23126" t="s">
        <v>85</v>
      </c>
      <c r="P23126" t="s">
        <v>86</v>
      </c>
      <c r="Q23126">
        <v>42</v>
      </c>
      <c r="R23126">
        <v>43</v>
      </c>
      <c r="S23126">
        <v>45</v>
      </c>
      <c r="T23126">
        <v>46</v>
      </c>
      <c r="U23126">
        <v>47</v>
      </c>
      <c r="V23126">
        <v>49</v>
      </c>
      <c r="W23126">
        <v>50</v>
      </c>
      <c r="X23126">
        <v>51</v>
      </c>
      <c r="Y23126">
        <v>53</v>
      </c>
      <c r="Z23126">
        <v>54</v>
      </c>
      <c r="AA23126">
        <v>56</v>
      </c>
      <c r="AB23126">
        <v>57</v>
      </c>
      <c r="AC23126">
        <v>59</v>
      </c>
      <c r="AD23126">
        <v>61</v>
      </c>
      <c r="AE23126">
        <v>62</v>
      </c>
      <c r="AF23126">
        <v>64</v>
      </c>
      <c r="AG23126">
        <v>66</v>
      </c>
      <c r="AH23126">
        <v>67</v>
      </c>
      <c r="AI23126">
        <v>69</v>
      </c>
      <c r="AJ23126">
        <v>71</v>
      </c>
      <c r="AK23126">
        <v>73</v>
      </c>
      <c r="AL23126">
        <v>74</v>
      </c>
      <c r="AM23126">
        <v>75</v>
      </c>
      <c r="AN23126">
        <v>77</v>
      </c>
      <c r="AO23126">
        <v>78</v>
      </c>
      <c r="AP23126">
        <v>79</v>
      </c>
      <c r="AQ23126">
        <v>81</v>
      </c>
    </row>
    <row r="23127" spans="1:43">
      <c r="A23127" t="s">
        <v>14323</v>
      </c>
      <c r="B23127" t="s">
        <v>14324</v>
      </c>
      <c r="C23127" t="s">
        <v>14319</v>
      </c>
      <c r="D23127" t="s">
        <v>14320</v>
      </c>
      <c r="E23127" t="s">
        <v>14307</v>
      </c>
      <c r="F23127" t="s">
        <v>14308</v>
      </c>
      <c r="G23127" t="s">
        <v>10734</v>
      </c>
      <c r="H23127" t="s">
        <v>10735</v>
      </c>
      <c r="I23127" s="2">
        <v>0</v>
      </c>
      <c r="J23127" s="2">
        <v>0</v>
      </c>
      <c r="K23127" s="2">
        <v>1</v>
      </c>
      <c r="L23127" t="s">
        <v>995</v>
      </c>
      <c r="M23127" t="s">
        <v>87</v>
      </c>
      <c r="N23127" t="s">
        <v>88</v>
      </c>
      <c r="O23127" t="s">
        <v>85</v>
      </c>
      <c r="P23127" t="s">
        <v>86</v>
      </c>
      <c r="Q23127">
        <v>42</v>
      </c>
      <c r="R23127">
        <v>42</v>
      </c>
      <c r="S23127">
        <v>43</v>
      </c>
      <c r="T23127">
        <v>44</v>
      </c>
      <c r="U23127">
        <v>45</v>
      </c>
      <c r="V23127">
        <v>46</v>
      </c>
      <c r="W23127">
        <v>47</v>
      </c>
      <c r="X23127">
        <v>48</v>
      </c>
      <c r="Y23127">
        <v>49</v>
      </c>
      <c r="Z23127">
        <v>50</v>
      </c>
      <c r="AA23127">
        <v>51</v>
      </c>
      <c r="AB23127">
        <v>52</v>
      </c>
      <c r="AC23127">
        <v>53</v>
      </c>
      <c r="AD23127">
        <v>54</v>
      </c>
      <c r="AE23127">
        <v>55</v>
      </c>
      <c r="AF23127">
        <v>56</v>
      </c>
      <c r="AG23127">
        <v>57</v>
      </c>
      <c r="AH23127">
        <v>59</v>
      </c>
      <c r="AI23127">
        <v>60</v>
      </c>
      <c r="AJ23127">
        <v>61</v>
      </c>
      <c r="AK23127">
        <v>62</v>
      </c>
      <c r="AL23127">
        <v>63</v>
      </c>
      <c r="AM23127">
        <v>65</v>
      </c>
      <c r="AN23127">
        <v>66</v>
      </c>
      <c r="AO23127">
        <v>67</v>
      </c>
      <c r="AP23127">
        <v>69</v>
      </c>
      <c r="AQ23127">
        <v>70</v>
      </c>
    </row>
    <row r="23128" spans="1:43">
      <c r="A23128" t="s">
        <v>14323</v>
      </c>
      <c r="B23128" t="s">
        <v>14324</v>
      </c>
      <c r="C23128" t="s">
        <v>14319</v>
      </c>
      <c r="D23128" t="s">
        <v>14320</v>
      </c>
      <c r="E23128" t="s">
        <v>14307</v>
      </c>
      <c r="F23128" t="s">
        <v>14308</v>
      </c>
      <c r="G23128" t="s">
        <v>10734</v>
      </c>
      <c r="H23128" t="s">
        <v>10735</v>
      </c>
      <c r="I23128" s="2">
        <v>0</v>
      </c>
      <c r="J23128" s="2">
        <v>0</v>
      </c>
      <c r="K23128" s="2">
        <v>1</v>
      </c>
      <c r="L23128" t="s">
        <v>995</v>
      </c>
      <c r="M23128" t="s">
        <v>89</v>
      </c>
      <c r="N23128" t="s">
        <v>90</v>
      </c>
      <c r="O23128" t="s">
        <v>85</v>
      </c>
      <c r="P23128" t="s">
        <v>86</v>
      </c>
      <c r="Q23128">
        <v>42</v>
      </c>
      <c r="R23128">
        <v>44</v>
      </c>
      <c r="S23128">
        <v>46</v>
      </c>
      <c r="T23128">
        <v>47</v>
      </c>
      <c r="U23128">
        <v>49</v>
      </c>
      <c r="V23128">
        <v>51</v>
      </c>
      <c r="W23128">
        <v>53</v>
      </c>
      <c r="X23128">
        <v>54</v>
      </c>
      <c r="Y23128">
        <v>56</v>
      </c>
      <c r="Z23128">
        <v>58</v>
      </c>
      <c r="AA23128">
        <v>59</v>
      </c>
      <c r="AB23128">
        <v>61</v>
      </c>
      <c r="AC23128">
        <v>63</v>
      </c>
      <c r="AD23128">
        <v>65</v>
      </c>
      <c r="AE23128">
        <v>67</v>
      </c>
      <c r="AF23128">
        <v>68</v>
      </c>
      <c r="AG23128">
        <v>69</v>
      </c>
      <c r="AH23128">
        <v>70</v>
      </c>
      <c r="AI23128">
        <v>71</v>
      </c>
      <c r="AJ23128">
        <v>73</v>
      </c>
      <c r="AK23128">
        <v>74</v>
      </c>
      <c r="AL23128">
        <v>75</v>
      </c>
      <c r="AM23128">
        <v>76</v>
      </c>
      <c r="AN23128">
        <v>77</v>
      </c>
      <c r="AO23128">
        <v>79</v>
      </c>
      <c r="AP23128">
        <v>80</v>
      </c>
      <c r="AQ23128">
        <v>81</v>
      </c>
    </row>
    <row r="23129" spans="1:43">
      <c r="A23129" t="s">
        <v>14323</v>
      </c>
      <c r="B23129" t="s">
        <v>14324</v>
      </c>
      <c r="C23129" t="s">
        <v>14319</v>
      </c>
      <c r="D23129" t="s">
        <v>14320</v>
      </c>
      <c r="E23129" t="s">
        <v>14307</v>
      </c>
      <c r="F23129" t="s">
        <v>14308</v>
      </c>
      <c r="G23129" t="s">
        <v>10734</v>
      </c>
      <c r="H23129" t="s">
        <v>10735</v>
      </c>
      <c r="I23129" s="2">
        <v>0</v>
      </c>
      <c r="J23129" s="2">
        <v>0</v>
      </c>
      <c r="K23129" s="2">
        <v>1</v>
      </c>
      <c r="L23129" t="s">
        <v>995</v>
      </c>
      <c r="M23129" t="s">
        <v>83</v>
      </c>
      <c r="N23129" t="s">
        <v>91</v>
      </c>
      <c r="O23129" t="s">
        <v>85</v>
      </c>
      <c r="P23129" t="s">
        <v>86</v>
      </c>
      <c r="Q23129">
        <v>42</v>
      </c>
      <c r="R23129">
        <v>43</v>
      </c>
      <c r="S23129">
        <v>45</v>
      </c>
      <c r="T23129">
        <v>46</v>
      </c>
      <c r="U23129">
        <v>47</v>
      </c>
      <c r="V23129">
        <v>49</v>
      </c>
      <c r="W23129">
        <v>50</v>
      </c>
      <c r="X23129">
        <v>51</v>
      </c>
      <c r="Y23129">
        <v>53</v>
      </c>
      <c r="Z23129">
        <v>54</v>
      </c>
      <c r="AA23129">
        <v>56</v>
      </c>
      <c r="AB23129">
        <v>57</v>
      </c>
      <c r="AC23129">
        <v>59</v>
      </c>
      <c r="AD23129">
        <v>61</v>
      </c>
      <c r="AE23129">
        <v>62</v>
      </c>
      <c r="AF23129">
        <v>64</v>
      </c>
      <c r="AG23129">
        <v>66</v>
      </c>
      <c r="AH23129">
        <v>67</v>
      </c>
      <c r="AI23129">
        <v>69</v>
      </c>
      <c r="AJ23129">
        <v>71</v>
      </c>
      <c r="AK23129">
        <v>73</v>
      </c>
      <c r="AL23129">
        <v>74</v>
      </c>
      <c r="AM23129">
        <v>75</v>
      </c>
      <c r="AN23129">
        <v>77</v>
      </c>
      <c r="AO23129">
        <v>78</v>
      </c>
      <c r="AP23129">
        <v>79</v>
      </c>
      <c r="AQ23129">
        <v>81</v>
      </c>
    </row>
    <row r="23130" spans="1:43">
      <c r="A23130" t="s">
        <v>14325</v>
      </c>
      <c r="B23130" t="s">
        <v>14326</v>
      </c>
      <c r="C23130" t="s">
        <v>14327</v>
      </c>
      <c r="D23130" t="s">
        <v>14328</v>
      </c>
      <c r="E23130" t="s">
        <v>14307</v>
      </c>
      <c r="F23130" t="s">
        <v>14308</v>
      </c>
      <c r="G23130" t="s">
        <v>10734</v>
      </c>
      <c r="H23130" t="s">
        <v>10735</v>
      </c>
      <c r="I23130" s="2">
        <v>0</v>
      </c>
      <c r="J23130" s="2">
        <v>0</v>
      </c>
      <c r="K23130" s="2">
        <v>1</v>
      </c>
      <c r="L23130" t="s">
        <v>995</v>
      </c>
      <c r="M23130" t="s">
        <v>83</v>
      </c>
      <c r="N23130" t="s">
        <v>84</v>
      </c>
      <c r="O23130" t="s">
        <v>85</v>
      </c>
      <c r="P23130" t="s">
        <v>86</v>
      </c>
      <c r="Q23130">
        <v>25</v>
      </c>
      <c r="R23130">
        <v>26</v>
      </c>
      <c r="S23130">
        <v>27</v>
      </c>
      <c r="T23130">
        <v>28</v>
      </c>
      <c r="U23130">
        <v>29</v>
      </c>
      <c r="V23130">
        <v>29</v>
      </c>
      <c r="W23130">
        <v>30</v>
      </c>
      <c r="X23130">
        <v>31</v>
      </c>
      <c r="Y23130">
        <v>32</v>
      </c>
      <c r="Z23130">
        <v>33</v>
      </c>
      <c r="AA23130">
        <v>34</v>
      </c>
      <c r="AB23130">
        <v>35</v>
      </c>
      <c r="AC23130">
        <v>36</v>
      </c>
      <c r="AD23130">
        <v>37</v>
      </c>
      <c r="AE23130">
        <v>38</v>
      </c>
      <c r="AF23130">
        <v>39</v>
      </c>
      <c r="AG23130">
        <v>40</v>
      </c>
      <c r="AH23130">
        <v>41</v>
      </c>
      <c r="AI23130">
        <v>42</v>
      </c>
      <c r="AJ23130">
        <v>43</v>
      </c>
      <c r="AK23130">
        <v>44</v>
      </c>
      <c r="AL23130">
        <v>45</v>
      </c>
      <c r="AM23130">
        <v>45</v>
      </c>
      <c r="AN23130">
        <v>46</v>
      </c>
      <c r="AO23130">
        <v>47</v>
      </c>
      <c r="AP23130">
        <v>48</v>
      </c>
      <c r="AQ23130">
        <v>49</v>
      </c>
    </row>
    <row r="23131" spans="1:43">
      <c r="A23131" t="s">
        <v>14325</v>
      </c>
      <c r="B23131" t="s">
        <v>14326</v>
      </c>
      <c r="C23131" t="s">
        <v>14327</v>
      </c>
      <c r="D23131" t="s">
        <v>14328</v>
      </c>
      <c r="E23131" t="s">
        <v>14307</v>
      </c>
      <c r="F23131" t="s">
        <v>14308</v>
      </c>
      <c r="G23131" t="s">
        <v>10734</v>
      </c>
      <c r="H23131" t="s">
        <v>10735</v>
      </c>
      <c r="I23131" s="2">
        <v>0</v>
      </c>
      <c r="J23131" s="2">
        <v>0</v>
      </c>
      <c r="K23131" s="2">
        <v>1</v>
      </c>
      <c r="L23131" t="s">
        <v>995</v>
      </c>
      <c r="M23131" t="s">
        <v>87</v>
      </c>
      <c r="N23131" t="s">
        <v>88</v>
      </c>
      <c r="O23131" t="s">
        <v>85</v>
      </c>
      <c r="P23131" t="s">
        <v>86</v>
      </c>
      <c r="Q23131">
        <v>25</v>
      </c>
      <c r="R23131">
        <v>26</v>
      </c>
      <c r="S23131">
        <v>26</v>
      </c>
      <c r="T23131">
        <v>27</v>
      </c>
      <c r="U23131">
        <v>27</v>
      </c>
      <c r="V23131">
        <v>28</v>
      </c>
      <c r="W23131">
        <v>28</v>
      </c>
      <c r="X23131">
        <v>29</v>
      </c>
      <c r="Y23131">
        <v>30</v>
      </c>
      <c r="Z23131">
        <v>30</v>
      </c>
      <c r="AA23131">
        <v>31</v>
      </c>
      <c r="AB23131">
        <v>31</v>
      </c>
      <c r="AC23131">
        <v>32</v>
      </c>
      <c r="AD23131">
        <v>33</v>
      </c>
      <c r="AE23131">
        <v>33</v>
      </c>
      <c r="AF23131">
        <v>34</v>
      </c>
      <c r="AG23131">
        <v>35</v>
      </c>
      <c r="AH23131">
        <v>35</v>
      </c>
      <c r="AI23131">
        <v>36</v>
      </c>
      <c r="AJ23131">
        <v>37</v>
      </c>
      <c r="AK23131">
        <v>38</v>
      </c>
      <c r="AL23131">
        <v>38</v>
      </c>
      <c r="AM23131">
        <v>39</v>
      </c>
      <c r="AN23131">
        <v>40</v>
      </c>
      <c r="AO23131">
        <v>41</v>
      </c>
      <c r="AP23131">
        <v>41</v>
      </c>
      <c r="AQ23131">
        <v>42</v>
      </c>
    </row>
    <row r="23132" spans="1:43">
      <c r="A23132" t="s">
        <v>14325</v>
      </c>
      <c r="B23132" t="s">
        <v>14326</v>
      </c>
      <c r="C23132" t="s">
        <v>14327</v>
      </c>
      <c r="D23132" t="s">
        <v>14328</v>
      </c>
      <c r="E23132" t="s">
        <v>14307</v>
      </c>
      <c r="F23132" t="s">
        <v>14308</v>
      </c>
      <c r="G23132" t="s">
        <v>10734</v>
      </c>
      <c r="H23132" t="s">
        <v>10735</v>
      </c>
      <c r="I23132" s="2">
        <v>0</v>
      </c>
      <c r="J23132" s="2">
        <v>0</v>
      </c>
      <c r="K23132" s="2">
        <v>1</v>
      </c>
      <c r="L23132" t="s">
        <v>995</v>
      </c>
      <c r="M23132" t="s">
        <v>89</v>
      </c>
      <c r="N23132" t="s">
        <v>90</v>
      </c>
      <c r="O23132" t="s">
        <v>85</v>
      </c>
      <c r="P23132" t="s">
        <v>86</v>
      </c>
      <c r="Q23132">
        <v>25</v>
      </c>
      <c r="R23132">
        <v>26</v>
      </c>
      <c r="S23132">
        <v>27</v>
      </c>
      <c r="T23132">
        <v>28</v>
      </c>
      <c r="U23132">
        <v>29</v>
      </c>
      <c r="V23132">
        <v>30</v>
      </c>
      <c r="W23132">
        <v>31</v>
      </c>
      <c r="X23132">
        <v>32</v>
      </c>
      <c r="Y23132">
        <v>33</v>
      </c>
      <c r="Z23132">
        <v>34</v>
      </c>
      <c r="AA23132">
        <v>35</v>
      </c>
      <c r="AB23132">
        <v>36</v>
      </c>
      <c r="AC23132">
        <v>37</v>
      </c>
      <c r="AD23132">
        <v>38</v>
      </c>
      <c r="AE23132">
        <v>39</v>
      </c>
      <c r="AF23132">
        <v>40</v>
      </c>
      <c r="AG23132">
        <v>41</v>
      </c>
      <c r="AH23132">
        <v>41</v>
      </c>
      <c r="AI23132">
        <v>42</v>
      </c>
      <c r="AJ23132">
        <v>43</v>
      </c>
      <c r="AK23132">
        <v>43</v>
      </c>
      <c r="AL23132">
        <v>44</v>
      </c>
      <c r="AM23132">
        <v>45</v>
      </c>
      <c r="AN23132">
        <v>46</v>
      </c>
      <c r="AO23132">
        <v>46</v>
      </c>
      <c r="AP23132">
        <v>47</v>
      </c>
      <c r="AQ23132">
        <v>48</v>
      </c>
    </row>
    <row r="23133" spans="1:43">
      <c r="A23133" t="s">
        <v>14325</v>
      </c>
      <c r="B23133" t="s">
        <v>14326</v>
      </c>
      <c r="C23133" t="s">
        <v>14327</v>
      </c>
      <c r="D23133" t="s">
        <v>14328</v>
      </c>
      <c r="E23133" t="s">
        <v>14307</v>
      </c>
      <c r="F23133" t="s">
        <v>14308</v>
      </c>
      <c r="G23133" t="s">
        <v>10734</v>
      </c>
      <c r="H23133" t="s">
        <v>10735</v>
      </c>
      <c r="I23133" s="2">
        <v>0</v>
      </c>
      <c r="J23133" s="2">
        <v>0</v>
      </c>
      <c r="K23133" s="2">
        <v>1</v>
      </c>
      <c r="L23133" t="s">
        <v>995</v>
      </c>
      <c r="M23133" t="s">
        <v>83</v>
      </c>
      <c r="N23133" t="s">
        <v>91</v>
      </c>
      <c r="O23133" t="s">
        <v>85</v>
      </c>
      <c r="P23133" t="s">
        <v>86</v>
      </c>
      <c r="Q23133">
        <v>25</v>
      </c>
      <c r="R23133">
        <v>26</v>
      </c>
      <c r="S23133">
        <v>27</v>
      </c>
      <c r="T23133">
        <v>28</v>
      </c>
      <c r="U23133">
        <v>29</v>
      </c>
      <c r="V23133">
        <v>29</v>
      </c>
      <c r="W23133">
        <v>30</v>
      </c>
      <c r="X23133">
        <v>31</v>
      </c>
      <c r="Y23133">
        <v>32</v>
      </c>
      <c r="Z23133">
        <v>33</v>
      </c>
      <c r="AA23133">
        <v>34</v>
      </c>
      <c r="AB23133">
        <v>35</v>
      </c>
      <c r="AC23133">
        <v>36</v>
      </c>
      <c r="AD23133">
        <v>37</v>
      </c>
      <c r="AE23133">
        <v>38</v>
      </c>
      <c r="AF23133">
        <v>39</v>
      </c>
      <c r="AG23133">
        <v>40</v>
      </c>
      <c r="AH23133">
        <v>41</v>
      </c>
      <c r="AI23133">
        <v>42</v>
      </c>
      <c r="AJ23133">
        <v>43</v>
      </c>
      <c r="AK23133">
        <v>44</v>
      </c>
      <c r="AL23133">
        <v>45</v>
      </c>
      <c r="AM23133">
        <v>45</v>
      </c>
      <c r="AN23133">
        <v>46</v>
      </c>
      <c r="AO23133">
        <v>47</v>
      </c>
      <c r="AP23133">
        <v>48</v>
      </c>
      <c r="AQ23133">
        <v>49</v>
      </c>
    </row>
    <row r="23134" spans="1:43">
      <c r="A23134" t="s">
        <v>14329</v>
      </c>
      <c r="B23134" t="s">
        <v>14330</v>
      </c>
      <c r="C23134" t="s">
        <v>14331</v>
      </c>
      <c r="D23134" t="s">
        <v>14332</v>
      </c>
      <c r="E23134" t="s">
        <v>14307</v>
      </c>
      <c r="F23134" t="s">
        <v>14308</v>
      </c>
      <c r="G23134" t="s">
        <v>10734</v>
      </c>
      <c r="H23134" t="s">
        <v>10735</v>
      </c>
      <c r="I23134" s="2">
        <v>0</v>
      </c>
      <c r="J23134" s="2">
        <v>0</v>
      </c>
      <c r="K23134" s="2">
        <v>1</v>
      </c>
      <c r="L23134" t="s">
        <v>995</v>
      </c>
      <c r="M23134" t="s">
        <v>83</v>
      </c>
      <c r="N23134" t="s">
        <v>84</v>
      </c>
      <c r="O23134" t="s">
        <v>85</v>
      </c>
      <c r="P23134" t="s">
        <v>86</v>
      </c>
      <c r="Q23134">
        <v>21</v>
      </c>
      <c r="R23134">
        <v>22</v>
      </c>
      <c r="S23134">
        <v>22</v>
      </c>
      <c r="T23134">
        <v>23</v>
      </c>
      <c r="U23134">
        <v>24</v>
      </c>
      <c r="V23134">
        <v>24</v>
      </c>
      <c r="W23134">
        <v>25</v>
      </c>
      <c r="X23134">
        <v>26</v>
      </c>
      <c r="Y23134">
        <v>26</v>
      </c>
      <c r="Z23134">
        <v>27</v>
      </c>
      <c r="AA23134">
        <v>28</v>
      </c>
      <c r="AB23134">
        <v>29</v>
      </c>
      <c r="AC23134">
        <v>30</v>
      </c>
      <c r="AD23134">
        <v>30</v>
      </c>
      <c r="AE23134">
        <v>31</v>
      </c>
      <c r="AF23134">
        <v>32</v>
      </c>
      <c r="AG23134">
        <v>33</v>
      </c>
      <c r="AH23134">
        <v>34</v>
      </c>
      <c r="AI23134">
        <v>35</v>
      </c>
      <c r="AJ23134">
        <v>35</v>
      </c>
      <c r="AK23134">
        <v>36</v>
      </c>
      <c r="AL23134">
        <v>37</v>
      </c>
      <c r="AM23134">
        <v>38</v>
      </c>
      <c r="AN23134">
        <v>38</v>
      </c>
      <c r="AO23134">
        <v>39</v>
      </c>
      <c r="AP23134">
        <v>40</v>
      </c>
      <c r="AQ23134">
        <v>40</v>
      </c>
    </row>
    <row r="23135" spans="1:43">
      <c r="A23135" t="s">
        <v>14329</v>
      </c>
      <c r="B23135" t="s">
        <v>14330</v>
      </c>
      <c r="C23135" t="s">
        <v>14331</v>
      </c>
      <c r="D23135" t="s">
        <v>14332</v>
      </c>
      <c r="E23135" t="s">
        <v>14307</v>
      </c>
      <c r="F23135" t="s">
        <v>14308</v>
      </c>
      <c r="G23135" t="s">
        <v>10734</v>
      </c>
      <c r="H23135" t="s">
        <v>10735</v>
      </c>
      <c r="I23135" s="2">
        <v>0</v>
      </c>
      <c r="J23135" s="2">
        <v>0</v>
      </c>
      <c r="K23135" s="2">
        <v>1</v>
      </c>
      <c r="L23135" t="s">
        <v>995</v>
      </c>
      <c r="M23135" t="s">
        <v>87</v>
      </c>
      <c r="N23135" t="s">
        <v>88</v>
      </c>
      <c r="O23135" t="s">
        <v>85</v>
      </c>
      <c r="P23135" t="s">
        <v>86</v>
      </c>
      <c r="Q23135">
        <v>21</v>
      </c>
      <c r="R23135">
        <v>21</v>
      </c>
      <c r="S23135">
        <v>22</v>
      </c>
      <c r="T23135">
        <v>22</v>
      </c>
      <c r="U23135">
        <v>23</v>
      </c>
      <c r="V23135">
        <v>23</v>
      </c>
      <c r="W23135">
        <v>24</v>
      </c>
      <c r="X23135">
        <v>24</v>
      </c>
      <c r="Y23135">
        <v>24</v>
      </c>
      <c r="Z23135">
        <v>25</v>
      </c>
      <c r="AA23135">
        <v>25</v>
      </c>
      <c r="AB23135">
        <v>26</v>
      </c>
      <c r="AC23135">
        <v>27</v>
      </c>
      <c r="AD23135">
        <v>27</v>
      </c>
      <c r="AE23135">
        <v>28</v>
      </c>
      <c r="AF23135">
        <v>28</v>
      </c>
      <c r="AG23135">
        <v>29</v>
      </c>
      <c r="AH23135">
        <v>29</v>
      </c>
      <c r="AI23135">
        <v>30</v>
      </c>
      <c r="AJ23135">
        <v>31</v>
      </c>
      <c r="AK23135">
        <v>31</v>
      </c>
      <c r="AL23135">
        <v>32</v>
      </c>
      <c r="AM23135">
        <v>32</v>
      </c>
      <c r="AN23135">
        <v>33</v>
      </c>
      <c r="AO23135">
        <v>34</v>
      </c>
      <c r="AP23135">
        <v>34</v>
      </c>
      <c r="AQ23135">
        <v>35</v>
      </c>
    </row>
    <row r="23136" spans="1:43">
      <c r="A23136" t="s">
        <v>14329</v>
      </c>
      <c r="B23136" t="s">
        <v>14330</v>
      </c>
      <c r="C23136" t="s">
        <v>14331</v>
      </c>
      <c r="D23136" t="s">
        <v>14332</v>
      </c>
      <c r="E23136" t="s">
        <v>14307</v>
      </c>
      <c r="F23136" t="s">
        <v>14308</v>
      </c>
      <c r="G23136" t="s">
        <v>10734</v>
      </c>
      <c r="H23136" t="s">
        <v>10735</v>
      </c>
      <c r="I23136" s="2">
        <v>0</v>
      </c>
      <c r="J23136" s="2">
        <v>0</v>
      </c>
      <c r="K23136" s="2">
        <v>1</v>
      </c>
      <c r="L23136" t="s">
        <v>995</v>
      </c>
      <c r="M23136" t="s">
        <v>89</v>
      </c>
      <c r="N23136" t="s">
        <v>90</v>
      </c>
      <c r="O23136" t="s">
        <v>85</v>
      </c>
      <c r="P23136" t="s">
        <v>86</v>
      </c>
      <c r="Q23136">
        <v>21</v>
      </c>
      <c r="R23136">
        <v>22</v>
      </c>
      <c r="S23136">
        <v>23</v>
      </c>
      <c r="T23136">
        <v>24</v>
      </c>
      <c r="U23136">
        <v>25</v>
      </c>
      <c r="V23136">
        <v>25</v>
      </c>
      <c r="W23136">
        <v>26</v>
      </c>
      <c r="X23136">
        <v>27</v>
      </c>
      <c r="Y23136">
        <v>28</v>
      </c>
      <c r="Z23136">
        <v>29</v>
      </c>
      <c r="AA23136">
        <v>30</v>
      </c>
      <c r="AB23136">
        <v>31</v>
      </c>
      <c r="AC23136">
        <v>32</v>
      </c>
      <c r="AD23136">
        <v>33</v>
      </c>
      <c r="AE23136">
        <v>33</v>
      </c>
      <c r="AF23136">
        <v>34</v>
      </c>
      <c r="AG23136">
        <v>34</v>
      </c>
      <c r="AH23136">
        <v>35</v>
      </c>
      <c r="AI23136">
        <v>36</v>
      </c>
      <c r="AJ23136">
        <v>36</v>
      </c>
      <c r="AK23136">
        <v>37</v>
      </c>
      <c r="AL23136">
        <v>37</v>
      </c>
      <c r="AM23136">
        <v>38</v>
      </c>
      <c r="AN23136">
        <v>39</v>
      </c>
      <c r="AO23136">
        <v>39</v>
      </c>
      <c r="AP23136">
        <v>40</v>
      </c>
      <c r="AQ23136">
        <v>41</v>
      </c>
    </row>
    <row r="23137" spans="1:43">
      <c r="A23137" t="s">
        <v>14329</v>
      </c>
      <c r="B23137" t="s">
        <v>14330</v>
      </c>
      <c r="C23137" t="s">
        <v>14331</v>
      </c>
      <c r="D23137" t="s">
        <v>14332</v>
      </c>
      <c r="E23137" t="s">
        <v>14307</v>
      </c>
      <c r="F23137" t="s">
        <v>14308</v>
      </c>
      <c r="G23137" t="s">
        <v>10734</v>
      </c>
      <c r="H23137" t="s">
        <v>10735</v>
      </c>
      <c r="I23137" s="2">
        <v>0</v>
      </c>
      <c r="J23137" s="2">
        <v>0</v>
      </c>
      <c r="K23137" s="2">
        <v>1</v>
      </c>
      <c r="L23137" t="s">
        <v>995</v>
      </c>
      <c r="M23137" t="s">
        <v>83</v>
      </c>
      <c r="N23137" t="s">
        <v>91</v>
      </c>
      <c r="O23137" t="s">
        <v>85</v>
      </c>
      <c r="P23137" t="s">
        <v>86</v>
      </c>
      <c r="Q23137">
        <v>21</v>
      </c>
      <c r="R23137">
        <v>22</v>
      </c>
      <c r="S23137">
        <v>22</v>
      </c>
      <c r="T23137">
        <v>23</v>
      </c>
      <c r="U23137">
        <v>24</v>
      </c>
      <c r="V23137">
        <v>24</v>
      </c>
      <c r="W23137">
        <v>25</v>
      </c>
      <c r="X23137">
        <v>26</v>
      </c>
      <c r="Y23137">
        <v>26</v>
      </c>
      <c r="Z23137">
        <v>27</v>
      </c>
      <c r="AA23137">
        <v>28</v>
      </c>
      <c r="AB23137">
        <v>29</v>
      </c>
      <c r="AC23137">
        <v>30</v>
      </c>
      <c r="AD23137">
        <v>30</v>
      </c>
      <c r="AE23137">
        <v>31</v>
      </c>
      <c r="AF23137">
        <v>32</v>
      </c>
      <c r="AG23137">
        <v>33</v>
      </c>
      <c r="AH23137">
        <v>34</v>
      </c>
      <c r="AI23137">
        <v>35</v>
      </c>
      <c r="AJ23137">
        <v>35</v>
      </c>
      <c r="AK23137">
        <v>36</v>
      </c>
      <c r="AL23137">
        <v>37</v>
      </c>
      <c r="AM23137">
        <v>38</v>
      </c>
      <c r="AN23137">
        <v>38</v>
      </c>
      <c r="AO23137">
        <v>39</v>
      </c>
      <c r="AP23137">
        <v>40</v>
      </c>
      <c r="AQ23137">
        <v>40</v>
      </c>
    </row>
    <row r="23138" spans="1:43">
      <c r="A23138" t="s">
        <v>14333</v>
      </c>
      <c r="B23138" t="s">
        <v>14334</v>
      </c>
      <c r="C23138" t="s">
        <v>14335</v>
      </c>
      <c r="D23138" t="s">
        <v>14336</v>
      </c>
      <c r="E23138" t="s">
        <v>14307</v>
      </c>
      <c r="F23138" t="s">
        <v>14308</v>
      </c>
      <c r="G23138" t="s">
        <v>10734</v>
      </c>
      <c r="H23138" t="s">
        <v>10735</v>
      </c>
      <c r="I23138" s="2">
        <v>0</v>
      </c>
      <c r="J23138" s="2">
        <v>0</v>
      </c>
      <c r="K23138" s="2">
        <v>1</v>
      </c>
      <c r="L23138" t="s">
        <v>995</v>
      </c>
      <c r="M23138" t="s">
        <v>83</v>
      </c>
      <c r="N23138" t="s">
        <v>84</v>
      </c>
      <c r="O23138" t="s">
        <v>85</v>
      </c>
      <c r="P23138" t="s">
        <v>86</v>
      </c>
      <c r="Q23138">
        <v>32</v>
      </c>
      <c r="R23138">
        <v>33</v>
      </c>
      <c r="S23138">
        <v>34</v>
      </c>
      <c r="T23138">
        <v>35</v>
      </c>
      <c r="U23138">
        <v>36</v>
      </c>
      <c r="V23138">
        <v>37</v>
      </c>
      <c r="W23138">
        <v>38</v>
      </c>
      <c r="X23138">
        <v>39</v>
      </c>
      <c r="Y23138">
        <v>40</v>
      </c>
      <c r="Z23138">
        <v>41</v>
      </c>
      <c r="AA23138">
        <v>42</v>
      </c>
      <c r="AB23138">
        <v>43</v>
      </c>
      <c r="AC23138">
        <v>45</v>
      </c>
      <c r="AD23138">
        <v>46</v>
      </c>
      <c r="AE23138">
        <v>47</v>
      </c>
      <c r="AF23138">
        <v>48</v>
      </c>
      <c r="AG23138">
        <v>50</v>
      </c>
      <c r="AH23138">
        <v>51</v>
      </c>
      <c r="AI23138">
        <v>52</v>
      </c>
      <c r="AJ23138">
        <v>54</v>
      </c>
      <c r="AK23138">
        <v>55</v>
      </c>
      <c r="AL23138">
        <v>56</v>
      </c>
      <c r="AM23138">
        <v>57</v>
      </c>
      <c r="AN23138">
        <v>58</v>
      </c>
      <c r="AO23138">
        <v>59</v>
      </c>
      <c r="AP23138">
        <v>60</v>
      </c>
      <c r="AQ23138">
        <v>61</v>
      </c>
    </row>
    <row r="23139" spans="1:43">
      <c r="A23139" t="s">
        <v>14333</v>
      </c>
      <c r="B23139" t="s">
        <v>14334</v>
      </c>
      <c r="C23139" t="s">
        <v>14335</v>
      </c>
      <c r="D23139" t="s">
        <v>14336</v>
      </c>
      <c r="E23139" t="s">
        <v>14307</v>
      </c>
      <c r="F23139" t="s">
        <v>14308</v>
      </c>
      <c r="G23139" t="s">
        <v>10734</v>
      </c>
      <c r="H23139" t="s">
        <v>10735</v>
      </c>
      <c r="I23139" s="2">
        <v>0</v>
      </c>
      <c r="J23139" s="2">
        <v>0</v>
      </c>
      <c r="K23139" s="2">
        <v>1</v>
      </c>
      <c r="L23139" t="s">
        <v>995</v>
      </c>
      <c r="M23139" t="s">
        <v>87</v>
      </c>
      <c r="N23139" t="s">
        <v>88</v>
      </c>
      <c r="O23139" t="s">
        <v>85</v>
      </c>
      <c r="P23139" t="s">
        <v>86</v>
      </c>
      <c r="Q23139">
        <v>32</v>
      </c>
      <c r="R23139">
        <v>33</v>
      </c>
      <c r="S23139">
        <v>34</v>
      </c>
      <c r="T23139">
        <v>34</v>
      </c>
      <c r="U23139">
        <v>35</v>
      </c>
      <c r="V23139">
        <v>36</v>
      </c>
      <c r="W23139">
        <v>36</v>
      </c>
      <c r="X23139">
        <v>37</v>
      </c>
      <c r="Y23139">
        <v>38</v>
      </c>
      <c r="Z23139">
        <v>39</v>
      </c>
      <c r="AA23139">
        <v>39</v>
      </c>
      <c r="AB23139">
        <v>40</v>
      </c>
      <c r="AC23139">
        <v>41</v>
      </c>
      <c r="AD23139">
        <v>42</v>
      </c>
      <c r="AE23139">
        <v>43</v>
      </c>
      <c r="AF23139">
        <v>43</v>
      </c>
      <c r="AG23139">
        <v>44</v>
      </c>
      <c r="AH23139">
        <v>45</v>
      </c>
      <c r="AI23139">
        <v>46</v>
      </c>
      <c r="AJ23139">
        <v>47</v>
      </c>
      <c r="AK23139">
        <v>48</v>
      </c>
      <c r="AL23139">
        <v>49</v>
      </c>
      <c r="AM23139">
        <v>50</v>
      </c>
      <c r="AN23139">
        <v>51</v>
      </c>
      <c r="AO23139">
        <v>52</v>
      </c>
      <c r="AP23139">
        <v>53</v>
      </c>
      <c r="AQ23139">
        <v>54</v>
      </c>
    </row>
    <row r="23140" spans="1:43">
      <c r="A23140" t="s">
        <v>14333</v>
      </c>
      <c r="B23140" t="s">
        <v>14334</v>
      </c>
      <c r="C23140" t="s">
        <v>14335</v>
      </c>
      <c r="D23140" t="s">
        <v>14336</v>
      </c>
      <c r="E23140" t="s">
        <v>14307</v>
      </c>
      <c r="F23140" t="s">
        <v>14308</v>
      </c>
      <c r="G23140" t="s">
        <v>10734</v>
      </c>
      <c r="H23140" t="s">
        <v>10735</v>
      </c>
      <c r="I23140" s="2">
        <v>0</v>
      </c>
      <c r="J23140" s="2">
        <v>0</v>
      </c>
      <c r="K23140" s="2">
        <v>1</v>
      </c>
      <c r="L23140" t="s">
        <v>995</v>
      </c>
      <c r="M23140" t="s">
        <v>89</v>
      </c>
      <c r="N23140" t="s">
        <v>90</v>
      </c>
      <c r="O23140" t="s">
        <v>85</v>
      </c>
      <c r="P23140" t="s">
        <v>86</v>
      </c>
      <c r="Q23140">
        <v>32</v>
      </c>
      <c r="R23140">
        <v>33</v>
      </c>
      <c r="S23140">
        <v>35</v>
      </c>
      <c r="T23140">
        <v>36</v>
      </c>
      <c r="U23140">
        <v>37</v>
      </c>
      <c r="V23140">
        <v>38</v>
      </c>
      <c r="W23140">
        <v>40</v>
      </c>
      <c r="X23140">
        <v>41</v>
      </c>
      <c r="Y23140">
        <v>42</v>
      </c>
      <c r="Z23140">
        <v>44</v>
      </c>
      <c r="AA23140">
        <v>45</v>
      </c>
      <c r="AB23140">
        <v>46</v>
      </c>
      <c r="AC23140">
        <v>48</v>
      </c>
      <c r="AD23140">
        <v>49</v>
      </c>
      <c r="AE23140">
        <v>50</v>
      </c>
      <c r="AF23140">
        <v>51</v>
      </c>
      <c r="AG23140">
        <v>52</v>
      </c>
      <c r="AH23140">
        <v>53</v>
      </c>
      <c r="AI23140">
        <v>54</v>
      </c>
      <c r="AJ23140">
        <v>55</v>
      </c>
      <c r="AK23140">
        <v>56</v>
      </c>
      <c r="AL23140">
        <v>57</v>
      </c>
      <c r="AM23140">
        <v>57</v>
      </c>
      <c r="AN23140">
        <v>58</v>
      </c>
      <c r="AO23140">
        <v>59</v>
      </c>
      <c r="AP23140">
        <v>60</v>
      </c>
      <c r="AQ23140">
        <v>61</v>
      </c>
    </row>
    <row r="23141" spans="1:43">
      <c r="A23141" t="s">
        <v>14333</v>
      </c>
      <c r="B23141" t="s">
        <v>14334</v>
      </c>
      <c r="C23141" t="s">
        <v>14335</v>
      </c>
      <c r="D23141" t="s">
        <v>14336</v>
      </c>
      <c r="E23141" t="s">
        <v>14307</v>
      </c>
      <c r="F23141" t="s">
        <v>14308</v>
      </c>
      <c r="G23141" t="s">
        <v>10734</v>
      </c>
      <c r="H23141" t="s">
        <v>10735</v>
      </c>
      <c r="I23141" s="2">
        <v>0</v>
      </c>
      <c r="J23141" s="2">
        <v>0</v>
      </c>
      <c r="K23141" s="2">
        <v>1</v>
      </c>
      <c r="L23141" t="s">
        <v>995</v>
      </c>
      <c r="M23141" t="s">
        <v>83</v>
      </c>
      <c r="N23141" t="s">
        <v>91</v>
      </c>
      <c r="O23141" t="s">
        <v>85</v>
      </c>
      <c r="P23141" t="s">
        <v>86</v>
      </c>
      <c r="Q23141">
        <v>32</v>
      </c>
      <c r="R23141">
        <v>33</v>
      </c>
      <c r="S23141">
        <v>34</v>
      </c>
      <c r="T23141">
        <v>35</v>
      </c>
      <c r="U23141">
        <v>36</v>
      </c>
      <c r="V23141">
        <v>37</v>
      </c>
      <c r="W23141">
        <v>38</v>
      </c>
      <c r="X23141">
        <v>39</v>
      </c>
      <c r="Y23141">
        <v>40</v>
      </c>
      <c r="Z23141">
        <v>41</v>
      </c>
      <c r="AA23141">
        <v>42</v>
      </c>
      <c r="AB23141">
        <v>43</v>
      </c>
      <c r="AC23141">
        <v>45</v>
      </c>
      <c r="AD23141">
        <v>46</v>
      </c>
      <c r="AE23141">
        <v>47</v>
      </c>
      <c r="AF23141">
        <v>48</v>
      </c>
      <c r="AG23141">
        <v>50</v>
      </c>
      <c r="AH23141">
        <v>51</v>
      </c>
      <c r="AI23141">
        <v>52</v>
      </c>
      <c r="AJ23141">
        <v>54</v>
      </c>
      <c r="AK23141">
        <v>55</v>
      </c>
      <c r="AL23141">
        <v>56</v>
      </c>
      <c r="AM23141">
        <v>57</v>
      </c>
      <c r="AN23141">
        <v>58</v>
      </c>
      <c r="AO23141">
        <v>59</v>
      </c>
      <c r="AP23141">
        <v>60</v>
      </c>
      <c r="AQ23141">
        <v>61</v>
      </c>
    </row>
    <row r="23142" spans="1:43">
      <c r="A23142" t="s">
        <v>14337</v>
      </c>
      <c r="B23142" t="s">
        <v>14338</v>
      </c>
      <c r="C23142" t="s">
        <v>14335</v>
      </c>
      <c r="D23142" t="s">
        <v>14336</v>
      </c>
      <c r="E23142" t="s">
        <v>14307</v>
      </c>
      <c r="F23142" t="s">
        <v>14308</v>
      </c>
      <c r="G23142" t="s">
        <v>10734</v>
      </c>
      <c r="H23142" t="s">
        <v>10735</v>
      </c>
      <c r="I23142" s="2">
        <v>0</v>
      </c>
      <c r="J23142" s="2">
        <v>0</v>
      </c>
      <c r="K23142" s="2">
        <v>1</v>
      </c>
      <c r="L23142" t="s">
        <v>995</v>
      </c>
      <c r="M23142" t="s">
        <v>83</v>
      </c>
      <c r="N23142" t="s">
        <v>84</v>
      </c>
      <c r="O23142" t="s">
        <v>85</v>
      </c>
      <c r="P23142" t="s">
        <v>86</v>
      </c>
      <c r="Q23142">
        <v>18</v>
      </c>
      <c r="R23142">
        <v>19</v>
      </c>
      <c r="S23142">
        <v>19</v>
      </c>
      <c r="T23142">
        <v>20</v>
      </c>
      <c r="U23142">
        <v>21</v>
      </c>
      <c r="V23142">
        <v>21</v>
      </c>
      <c r="W23142">
        <v>22</v>
      </c>
      <c r="X23142">
        <v>22</v>
      </c>
      <c r="Y23142">
        <v>23</v>
      </c>
      <c r="Z23142">
        <v>24</v>
      </c>
      <c r="AA23142">
        <v>24</v>
      </c>
      <c r="AB23142">
        <v>25</v>
      </c>
      <c r="AC23142">
        <v>26</v>
      </c>
      <c r="AD23142">
        <v>26</v>
      </c>
      <c r="AE23142">
        <v>27</v>
      </c>
      <c r="AF23142">
        <v>28</v>
      </c>
      <c r="AG23142">
        <v>29</v>
      </c>
      <c r="AH23142">
        <v>29</v>
      </c>
      <c r="AI23142">
        <v>30</v>
      </c>
      <c r="AJ23142">
        <v>31</v>
      </c>
      <c r="AK23142">
        <v>32</v>
      </c>
      <c r="AL23142">
        <v>32</v>
      </c>
      <c r="AM23142">
        <v>33</v>
      </c>
      <c r="AN23142">
        <v>33</v>
      </c>
      <c r="AO23142">
        <v>34</v>
      </c>
      <c r="AP23142">
        <v>35</v>
      </c>
      <c r="AQ23142">
        <v>35</v>
      </c>
    </row>
    <row r="23143" spans="1:43">
      <c r="A23143" t="s">
        <v>14337</v>
      </c>
      <c r="B23143" t="s">
        <v>14338</v>
      </c>
      <c r="C23143" t="s">
        <v>14335</v>
      </c>
      <c r="D23143" t="s">
        <v>14336</v>
      </c>
      <c r="E23143" t="s">
        <v>14307</v>
      </c>
      <c r="F23143" t="s">
        <v>14308</v>
      </c>
      <c r="G23143" t="s">
        <v>10734</v>
      </c>
      <c r="H23143" t="s">
        <v>10735</v>
      </c>
      <c r="I23143" s="2">
        <v>0</v>
      </c>
      <c r="J23143" s="2">
        <v>0</v>
      </c>
      <c r="K23143" s="2">
        <v>1</v>
      </c>
      <c r="L23143" t="s">
        <v>995</v>
      </c>
      <c r="M23143" t="s">
        <v>87</v>
      </c>
      <c r="N23143" t="s">
        <v>88</v>
      </c>
      <c r="O23143" t="s">
        <v>85</v>
      </c>
      <c r="P23143" t="s">
        <v>86</v>
      </c>
      <c r="Q23143">
        <v>18</v>
      </c>
      <c r="R23143">
        <v>19</v>
      </c>
      <c r="S23143">
        <v>19</v>
      </c>
      <c r="T23143">
        <v>19</v>
      </c>
      <c r="U23143">
        <v>20</v>
      </c>
      <c r="V23143">
        <v>20</v>
      </c>
      <c r="W23143">
        <v>20</v>
      </c>
      <c r="X23143">
        <v>21</v>
      </c>
      <c r="Y23143">
        <v>21</v>
      </c>
      <c r="Z23143">
        <v>22</v>
      </c>
      <c r="AA23143">
        <v>22</v>
      </c>
      <c r="AB23143">
        <v>23</v>
      </c>
      <c r="AC23143">
        <v>23</v>
      </c>
      <c r="AD23143">
        <v>24</v>
      </c>
      <c r="AE23143">
        <v>24</v>
      </c>
      <c r="AF23143">
        <v>24</v>
      </c>
      <c r="AG23143">
        <v>25</v>
      </c>
      <c r="AH23143">
        <v>25</v>
      </c>
      <c r="AI23143">
        <v>26</v>
      </c>
      <c r="AJ23143">
        <v>26</v>
      </c>
      <c r="AK23143">
        <v>27</v>
      </c>
      <c r="AL23143">
        <v>28</v>
      </c>
      <c r="AM23143">
        <v>28</v>
      </c>
      <c r="AN23143">
        <v>29</v>
      </c>
      <c r="AO23143">
        <v>29</v>
      </c>
      <c r="AP23143">
        <v>30</v>
      </c>
      <c r="AQ23143">
        <v>30</v>
      </c>
    </row>
    <row r="23144" spans="1:43">
      <c r="A23144" t="s">
        <v>14337</v>
      </c>
      <c r="B23144" t="s">
        <v>14338</v>
      </c>
      <c r="C23144" t="s">
        <v>14335</v>
      </c>
      <c r="D23144" t="s">
        <v>14336</v>
      </c>
      <c r="E23144" t="s">
        <v>14307</v>
      </c>
      <c r="F23144" t="s">
        <v>14308</v>
      </c>
      <c r="G23144" t="s">
        <v>10734</v>
      </c>
      <c r="H23144" t="s">
        <v>10735</v>
      </c>
      <c r="I23144" s="2">
        <v>0</v>
      </c>
      <c r="J23144" s="2">
        <v>0</v>
      </c>
      <c r="K23144" s="2">
        <v>1</v>
      </c>
      <c r="L23144" t="s">
        <v>995</v>
      </c>
      <c r="M23144" t="s">
        <v>89</v>
      </c>
      <c r="N23144" t="s">
        <v>90</v>
      </c>
      <c r="O23144" t="s">
        <v>85</v>
      </c>
      <c r="P23144" t="s">
        <v>86</v>
      </c>
      <c r="Q23144">
        <v>18</v>
      </c>
      <c r="R23144">
        <v>19</v>
      </c>
      <c r="S23144">
        <v>20</v>
      </c>
      <c r="T23144">
        <v>21</v>
      </c>
      <c r="U23144">
        <v>21</v>
      </c>
      <c r="V23144">
        <v>22</v>
      </c>
      <c r="W23144">
        <v>23</v>
      </c>
      <c r="X23144">
        <v>24</v>
      </c>
      <c r="Y23144">
        <v>24</v>
      </c>
      <c r="Z23144">
        <v>25</v>
      </c>
      <c r="AA23144">
        <v>26</v>
      </c>
      <c r="AB23144">
        <v>27</v>
      </c>
      <c r="AC23144">
        <v>28</v>
      </c>
      <c r="AD23144">
        <v>28</v>
      </c>
      <c r="AE23144">
        <v>29</v>
      </c>
      <c r="AF23144">
        <v>30</v>
      </c>
      <c r="AG23144">
        <v>30</v>
      </c>
      <c r="AH23144">
        <v>31</v>
      </c>
      <c r="AI23144">
        <v>31</v>
      </c>
      <c r="AJ23144">
        <v>32</v>
      </c>
      <c r="AK23144">
        <v>32</v>
      </c>
      <c r="AL23144">
        <v>33</v>
      </c>
      <c r="AM23144">
        <v>33</v>
      </c>
      <c r="AN23144">
        <v>34</v>
      </c>
      <c r="AO23144">
        <v>34</v>
      </c>
      <c r="AP23144">
        <v>35</v>
      </c>
      <c r="AQ23144">
        <v>35</v>
      </c>
    </row>
    <row r="23145" spans="1:43">
      <c r="A23145" t="s">
        <v>14337</v>
      </c>
      <c r="B23145" t="s">
        <v>14338</v>
      </c>
      <c r="C23145" t="s">
        <v>14335</v>
      </c>
      <c r="D23145" t="s">
        <v>14336</v>
      </c>
      <c r="E23145" t="s">
        <v>14307</v>
      </c>
      <c r="F23145" t="s">
        <v>14308</v>
      </c>
      <c r="G23145" t="s">
        <v>10734</v>
      </c>
      <c r="H23145" t="s">
        <v>10735</v>
      </c>
      <c r="I23145" s="2">
        <v>0</v>
      </c>
      <c r="J23145" s="2">
        <v>0</v>
      </c>
      <c r="K23145" s="2">
        <v>1</v>
      </c>
      <c r="L23145" t="s">
        <v>995</v>
      </c>
      <c r="M23145" t="s">
        <v>83</v>
      </c>
      <c r="N23145" t="s">
        <v>91</v>
      </c>
      <c r="O23145" t="s">
        <v>85</v>
      </c>
      <c r="P23145" t="s">
        <v>86</v>
      </c>
      <c r="Q23145">
        <v>18</v>
      </c>
      <c r="R23145">
        <v>19</v>
      </c>
      <c r="S23145">
        <v>19</v>
      </c>
      <c r="T23145">
        <v>20</v>
      </c>
      <c r="U23145">
        <v>21</v>
      </c>
      <c r="V23145">
        <v>21</v>
      </c>
      <c r="W23145">
        <v>22</v>
      </c>
      <c r="X23145">
        <v>22</v>
      </c>
      <c r="Y23145">
        <v>23</v>
      </c>
      <c r="Z23145">
        <v>24</v>
      </c>
      <c r="AA23145">
        <v>24</v>
      </c>
      <c r="AB23145">
        <v>25</v>
      </c>
      <c r="AC23145">
        <v>26</v>
      </c>
      <c r="AD23145">
        <v>26</v>
      </c>
      <c r="AE23145">
        <v>27</v>
      </c>
      <c r="AF23145">
        <v>28</v>
      </c>
      <c r="AG23145">
        <v>29</v>
      </c>
      <c r="AH23145">
        <v>29</v>
      </c>
      <c r="AI23145">
        <v>30</v>
      </c>
      <c r="AJ23145">
        <v>31</v>
      </c>
      <c r="AK23145">
        <v>32</v>
      </c>
      <c r="AL23145">
        <v>32</v>
      </c>
      <c r="AM23145">
        <v>33</v>
      </c>
      <c r="AN23145">
        <v>33</v>
      </c>
      <c r="AO23145">
        <v>34</v>
      </c>
      <c r="AP23145">
        <v>35</v>
      </c>
      <c r="AQ23145">
        <v>35</v>
      </c>
    </row>
    <row r="23146" spans="1:43">
      <c r="A23146" t="s">
        <v>14339</v>
      </c>
      <c r="B23146" t="s">
        <v>14340</v>
      </c>
      <c r="C23146" t="s">
        <v>14335</v>
      </c>
      <c r="D23146" t="s">
        <v>14336</v>
      </c>
      <c r="E23146" t="s">
        <v>14307</v>
      </c>
      <c r="F23146" t="s">
        <v>14308</v>
      </c>
      <c r="G23146" t="s">
        <v>10734</v>
      </c>
      <c r="H23146" t="s">
        <v>10735</v>
      </c>
      <c r="I23146" s="2">
        <v>0</v>
      </c>
      <c r="J23146" s="2">
        <v>0</v>
      </c>
      <c r="K23146" s="2">
        <v>1</v>
      </c>
      <c r="L23146" t="s">
        <v>995</v>
      </c>
      <c r="M23146" t="s">
        <v>83</v>
      </c>
      <c r="N23146" t="s">
        <v>84</v>
      </c>
      <c r="O23146" t="s">
        <v>85</v>
      </c>
      <c r="P23146" t="s">
        <v>86</v>
      </c>
      <c r="Q23146">
        <v>14</v>
      </c>
      <c r="R23146">
        <v>15</v>
      </c>
      <c r="S23146">
        <v>15</v>
      </c>
      <c r="T23146">
        <v>15</v>
      </c>
      <c r="U23146">
        <v>16</v>
      </c>
      <c r="V23146">
        <v>16</v>
      </c>
      <c r="W23146">
        <v>17</v>
      </c>
      <c r="X23146">
        <v>17</v>
      </c>
      <c r="Y23146">
        <v>18</v>
      </c>
      <c r="Z23146">
        <v>18</v>
      </c>
      <c r="AA23146">
        <v>19</v>
      </c>
      <c r="AB23146">
        <v>19</v>
      </c>
      <c r="AC23146">
        <v>20</v>
      </c>
      <c r="AD23146">
        <v>20</v>
      </c>
      <c r="AE23146">
        <v>21</v>
      </c>
      <c r="AF23146">
        <v>21</v>
      </c>
      <c r="AG23146">
        <v>22</v>
      </c>
      <c r="AH23146">
        <v>23</v>
      </c>
      <c r="AI23146">
        <v>23</v>
      </c>
      <c r="AJ23146">
        <v>24</v>
      </c>
      <c r="AK23146">
        <v>24</v>
      </c>
      <c r="AL23146">
        <v>25</v>
      </c>
      <c r="AM23146">
        <v>25</v>
      </c>
      <c r="AN23146">
        <v>26</v>
      </c>
      <c r="AO23146">
        <v>26</v>
      </c>
      <c r="AP23146">
        <v>27</v>
      </c>
      <c r="AQ23146">
        <v>27</v>
      </c>
    </row>
    <row r="23147" spans="1:43">
      <c r="A23147" t="s">
        <v>14339</v>
      </c>
      <c r="B23147" t="s">
        <v>14340</v>
      </c>
      <c r="C23147" t="s">
        <v>14335</v>
      </c>
      <c r="D23147" t="s">
        <v>14336</v>
      </c>
      <c r="E23147" t="s">
        <v>14307</v>
      </c>
      <c r="F23147" t="s">
        <v>14308</v>
      </c>
      <c r="G23147" t="s">
        <v>10734</v>
      </c>
      <c r="H23147" t="s">
        <v>10735</v>
      </c>
      <c r="I23147" s="2">
        <v>0</v>
      </c>
      <c r="J23147" s="2">
        <v>0</v>
      </c>
      <c r="K23147" s="2">
        <v>1</v>
      </c>
      <c r="L23147" t="s">
        <v>995</v>
      </c>
      <c r="M23147" t="s">
        <v>87</v>
      </c>
      <c r="N23147" t="s">
        <v>88</v>
      </c>
      <c r="O23147" t="s">
        <v>85</v>
      </c>
      <c r="P23147" t="s">
        <v>86</v>
      </c>
      <c r="Q23147">
        <v>14</v>
      </c>
      <c r="R23147">
        <v>14</v>
      </c>
      <c r="S23147">
        <v>15</v>
      </c>
      <c r="T23147">
        <v>15</v>
      </c>
      <c r="U23147">
        <v>15</v>
      </c>
      <c r="V23147">
        <v>15</v>
      </c>
      <c r="W23147">
        <v>16</v>
      </c>
      <c r="X23147">
        <v>16</v>
      </c>
      <c r="Y23147">
        <v>16</v>
      </c>
      <c r="Z23147">
        <v>17</v>
      </c>
      <c r="AA23147">
        <v>17</v>
      </c>
      <c r="AB23147">
        <v>17</v>
      </c>
      <c r="AC23147">
        <v>18</v>
      </c>
      <c r="AD23147">
        <v>18</v>
      </c>
      <c r="AE23147">
        <v>19</v>
      </c>
      <c r="AF23147">
        <v>19</v>
      </c>
      <c r="AG23147">
        <v>19</v>
      </c>
      <c r="AH23147">
        <v>20</v>
      </c>
      <c r="AI23147">
        <v>20</v>
      </c>
      <c r="AJ23147">
        <v>20</v>
      </c>
      <c r="AK23147">
        <v>21</v>
      </c>
      <c r="AL23147">
        <v>21</v>
      </c>
      <c r="AM23147">
        <v>22</v>
      </c>
      <c r="AN23147">
        <v>22</v>
      </c>
      <c r="AO23147">
        <v>23</v>
      </c>
      <c r="AP23147">
        <v>23</v>
      </c>
      <c r="AQ23147">
        <v>23</v>
      </c>
    </row>
    <row r="23148" spans="1:43">
      <c r="A23148" t="s">
        <v>14339</v>
      </c>
      <c r="B23148" t="s">
        <v>14340</v>
      </c>
      <c r="C23148" t="s">
        <v>14335</v>
      </c>
      <c r="D23148" t="s">
        <v>14336</v>
      </c>
      <c r="E23148" t="s">
        <v>14307</v>
      </c>
      <c r="F23148" t="s">
        <v>14308</v>
      </c>
      <c r="G23148" t="s">
        <v>10734</v>
      </c>
      <c r="H23148" t="s">
        <v>10735</v>
      </c>
      <c r="I23148" s="2">
        <v>0</v>
      </c>
      <c r="J23148" s="2">
        <v>0</v>
      </c>
      <c r="K23148" s="2">
        <v>1</v>
      </c>
      <c r="L23148" t="s">
        <v>995</v>
      </c>
      <c r="M23148" t="s">
        <v>89</v>
      </c>
      <c r="N23148" t="s">
        <v>90</v>
      </c>
      <c r="O23148" t="s">
        <v>85</v>
      </c>
      <c r="P23148" t="s">
        <v>86</v>
      </c>
      <c r="Q23148">
        <v>14</v>
      </c>
      <c r="R23148">
        <v>15</v>
      </c>
      <c r="S23148">
        <v>15</v>
      </c>
      <c r="T23148">
        <v>16</v>
      </c>
      <c r="U23148">
        <v>17</v>
      </c>
      <c r="V23148">
        <v>17</v>
      </c>
      <c r="W23148">
        <v>18</v>
      </c>
      <c r="X23148">
        <v>18</v>
      </c>
      <c r="Y23148">
        <v>19</v>
      </c>
      <c r="Z23148">
        <v>19</v>
      </c>
      <c r="AA23148">
        <v>20</v>
      </c>
      <c r="AB23148">
        <v>21</v>
      </c>
      <c r="AC23148">
        <v>21</v>
      </c>
      <c r="AD23148">
        <v>22</v>
      </c>
      <c r="AE23148">
        <v>22</v>
      </c>
      <c r="AF23148">
        <v>23</v>
      </c>
      <c r="AG23148">
        <v>23</v>
      </c>
      <c r="AH23148">
        <v>24</v>
      </c>
      <c r="AI23148">
        <v>24</v>
      </c>
      <c r="AJ23148">
        <v>24</v>
      </c>
      <c r="AK23148">
        <v>25</v>
      </c>
      <c r="AL23148">
        <v>25</v>
      </c>
      <c r="AM23148">
        <v>26</v>
      </c>
      <c r="AN23148">
        <v>26</v>
      </c>
      <c r="AO23148">
        <v>26</v>
      </c>
      <c r="AP23148">
        <v>27</v>
      </c>
      <c r="AQ23148">
        <v>27</v>
      </c>
    </row>
    <row r="23149" spans="1:43">
      <c r="A23149" t="s">
        <v>14339</v>
      </c>
      <c r="B23149" t="s">
        <v>14340</v>
      </c>
      <c r="C23149" t="s">
        <v>14335</v>
      </c>
      <c r="D23149" t="s">
        <v>14336</v>
      </c>
      <c r="E23149" t="s">
        <v>14307</v>
      </c>
      <c r="F23149" t="s">
        <v>14308</v>
      </c>
      <c r="G23149" t="s">
        <v>10734</v>
      </c>
      <c r="H23149" t="s">
        <v>10735</v>
      </c>
      <c r="I23149" s="2">
        <v>0</v>
      </c>
      <c r="J23149" s="2">
        <v>0</v>
      </c>
      <c r="K23149" s="2">
        <v>1</v>
      </c>
      <c r="L23149" t="s">
        <v>995</v>
      </c>
      <c r="M23149" t="s">
        <v>83</v>
      </c>
      <c r="N23149" t="s">
        <v>91</v>
      </c>
      <c r="O23149" t="s">
        <v>85</v>
      </c>
      <c r="P23149" t="s">
        <v>86</v>
      </c>
      <c r="Q23149">
        <v>14</v>
      </c>
      <c r="R23149">
        <v>15</v>
      </c>
      <c r="S23149">
        <v>15</v>
      </c>
      <c r="T23149">
        <v>15</v>
      </c>
      <c r="U23149">
        <v>16</v>
      </c>
      <c r="V23149">
        <v>16</v>
      </c>
      <c r="W23149">
        <v>17</v>
      </c>
      <c r="X23149">
        <v>17</v>
      </c>
      <c r="Y23149">
        <v>18</v>
      </c>
      <c r="Z23149">
        <v>18</v>
      </c>
      <c r="AA23149">
        <v>19</v>
      </c>
      <c r="AB23149">
        <v>19</v>
      </c>
      <c r="AC23149">
        <v>20</v>
      </c>
      <c r="AD23149">
        <v>20</v>
      </c>
      <c r="AE23149">
        <v>21</v>
      </c>
      <c r="AF23149">
        <v>21</v>
      </c>
      <c r="AG23149">
        <v>22</v>
      </c>
      <c r="AH23149">
        <v>23</v>
      </c>
      <c r="AI23149">
        <v>23</v>
      </c>
      <c r="AJ23149">
        <v>24</v>
      </c>
      <c r="AK23149">
        <v>24</v>
      </c>
      <c r="AL23149">
        <v>25</v>
      </c>
      <c r="AM23149">
        <v>25</v>
      </c>
      <c r="AN23149">
        <v>26</v>
      </c>
      <c r="AO23149">
        <v>26</v>
      </c>
      <c r="AP23149">
        <v>27</v>
      </c>
      <c r="AQ23149">
        <v>27</v>
      </c>
    </row>
    <row r="23150" spans="1:43">
      <c r="A23150" t="s">
        <v>14341</v>
      </c>
      <c r="B23150" t="s">
        <v>14342</v>
      </c>
      <c r="C23150" t="s">
        <v>14335</v>
      </c>
      <c r="D23150" t="s">
        <v>14336</v>
      </c>
      <c r="E23150" t="s">
        <v>14307</v>
      </c>
      <c r="F23150" t="s">
        <v>14308</v>
      </c>
      <c r="G23150" t="s">
        <v>10734</v>
      </c>
      <c r="H23150" t="s">
        <v>10735</v>
      </c>
      <c r="I23150" s="2">
        <v>0</v>
      </c>
      <c r="J23150" s="2">
        <v>0</v>
      </c>
      <c r="K23150" s="2">
        <v>1</v>
      </c>
      <c r="L23150" t="s">
        <v>995</v>
      </c>
      <c r="M23150" t="s">
        <v>83</v>
      </c>
      <c r="N23150" t="s">
        <v>84</v>
      </c>
      <c r="O23150" t="s">
        <v>85</v>
      </c>
      <c r="P23150" t="s">
        <v>86</v>
      </c>
      <c r="Q23150">
        <v>45</v>
      </c>
      <c r="R23150">
        <v>46</v>
      </c>
      <c r="S23150">
        <v>48</v>
      </c>
      <c r="T23150">
        <v>49</v>
      </c>
      <c r="U23150">
        <v>50</v>
      </c>
      <c r="V23150">
        <v>52</v>
      </c>
      <c r="W23150">
        <v>53</v>
      </c>
      <c r="X23150">
        <v>55</v>
      </c>
      <c r="Y23150">
        <v>57</v>
      </c>
      <c r="Z23150">
        <v>58</v>
      </c>
      <c r="AA23150">
        <v>60</v>
      </c>
      <c r="AB23150">
        <v>61</v>
      </c>
      <c r="AC23150">
        <v>63</v>
      </c>
      <c r="AD23150">
        <v>65</v>
      </c>
      <c r="AE23150">
        <v>67</v>
      </c>
      <c r="AF23150">
        <v>68</v>
      </c>
      <c r="AG23150">
        <v>70</v>
      </c>
      <c r="AH23150">
        <v>72</v>
      </c>
      <c r="AI23150">
        <v>74</v>
      </c>
      <c r="AJ23150">
        <v>76</v>
      </c>
      <c r="AK23150">
        <v>78</v>
      </c>
      <c r="AL23150">
        <v>79</v>
      </c>
      <c r="AM23150">
        <v>81</v>
      </c>
      <c r="AN23150">
        <v>82</v>
      </c>
      <c r="AO23150">
        <v>83</v>
      </c>
      <c r="AP23150">
        <v>85</v>
      </c>
      <c r="AQ23150">
        <v>86</v>
      </c>
    </row>
    <row r="23151" spans="1:43">
      <c r="A23151" t="s">
        <v>14341</v>
      </c>
      <c r="B23151" t="s">
        <v>14342</v>
      </c>
      <c r="C23151" t="s">
        <v>14335</v>
      </c>
      <c r="D23151" t="s">
        <v>14336</v>
      </c>
      <c r="E23151" t="s">
        <v>14307</v>
      </c>
      <c r="F23151" t="s">
        <v>14308</v>
      </c>
      <c r="G23151" t="s">
        <v>10734</v>
      </c>
      <c r="H23151" t="s">
        <v>10735</v>
      </c>
      <c r="I23151" s="2">
        <v>0</v>
      </c>
      <c r="J23151" s="2">
        <v>0</v>
      </c>
      <c r="K23151" s="2">
        <v>1</v>
      </c>
      <c r="L23151" t="s">
        <v>995</v>
      </c>
      <c r="M23151" t="s">
        <v>87</v>
      </c>
      <c r="N23151" t="s">
        <v>88</v>
      </c>
      <c r="O23151" t="s">
        <v>85</v>
      </c>
      <c r="P23151" t="s">
        <v>86</v>
      </c>
      <c r="Q23151">
        <v>45</v>
      </c>
      <c r="R23151">
        <v>46</v>
      </c>
      <c r="S23151">
        <v>47</v>
      </c>
      <c r="T23151">
        <v>48</v>
      </c>
      <c r="U23151">
        <v>49</v>
      </c>
      <c r="V23151">
        <v>50</v>
      </c>
      <c r="W23151">
        <v>51</v>
      </c>
      <c r="X23151">
        <v>52</v>
      </c>
      <c r="Y23151">
        <v>53</v>
      </c>
      <c r="Z23151">
        <v>54</v>
      </c>
      <c r="AA23151">
        <v>55</v>
      </c>
      <c r="AB23151">
        <v>56</v>
      </c>
      <c r="AC23151">
        <v>58</v>
      </c>
      <c r="AD23151">
        <v>59</v>
      </c>
      <c r="AE23151">
        <v>60</v>
      </c>
      <c r="AF23151">
        <v>61</v>
      </c>
      <c r="AG23151">
        <v>62</v>
      </c>
      <c r="AH23151">
        <v>63</v>
      </c>
      <c r="AI23151">
        <v>65</v>
      </c>
      <c r="AJ23151">
        <v>66</v>
      </c>
      <c r="AK23151">
        <v>67</v>
      </c>
      <c r="AL23151">
        <v>69</v>
      </c>
      <c r="AM23151">
        <v>70</v>
      </c>
      <c r="AN23151">
        <v>71</v>
      </c>
      <c r="AO23151">
        <v>73</v>
      </c>
      <c r="AP23151">
        <v>74</v>
      </c>
      <c r="AQ23151">
        <v>76</v>
      </c>
    </row>
    <row r="23152" spans="1:43">
      <c r="A23152" t="s">
        <v>14341</v>
      </c>
      <c r="B23152" t="s">
        <v>14342</v>
      </c>
      <c r="C23152" t="s">
        <v>14335</v>
      </c>
      <c r="D23152" t="s">
        <v>14336</v>
      </c>
      <c r="E23152" t="s">
        <v>14307</v>
      </c>
      <c r="F23152" t="s">
        <v>14308</v>
      </c>
      <c r="G23152" t="s">
        <v>10734</v>
      </c>
      <c r="H23152" t="s">
        <v>10735</v>
      </c>
      <c r="I23152" s="2">
        <v>0</v>
      </c>
      <c r="J23152" s="2">
        <v>0</v>
      </c>
      <c r="K23152" s="2">
        <v>1</v>
      </c>
      <c r="L23152" t="s">
        <v>995</v>
      </c>
      <c r="M23152" t="s">
        <v>89</v>
      </c>
      <c r="N23152" t="s">
        <v>90</v>
      </c>
      <c r="O23152" t="s">
        <v>85</v>
      </c>
      <c r="P23152" t="s">
        <v>86</v>
      </c>
      <c r="Q23152">
        <v>45</v>
      </c>
      <c r="R23152">
        <v>47</v>
      </c>
      <c r="S23152">
        <v>49</v>
      </c>
      <c r="T23152">
        <v>51</v>
      </c>
      <c r="U23152">
        <v>53</v>
      </c>
      <c r="V23152">
        <v>54</v>
      </c>
      <c r="W23152">
        <v>56</v>
      </c>
      <c r="X23152">
        <v>58</v>
      </c>
      <c r="Y23152">
        <v>60</v>
      </c>
      <c r="Z23152">
        <v>62</v>
      </c>
      <c r="AA23152">
        <v>64</v>
      </c>
      <c r="AB23152">
        <v>66</v>
      </c>
      <c r="AC23152">
        <v>68</v>
      </c>
      <c r="AD23152">
        <v>70</v>
      </c>
      <c r="AE23152">
        <v>71</v>
      </c>
      <c r="AF23152">
        <v>73</v>
      </c>
      <c r="AG23152">
        <v>74</v>
      </c>
      <c r="AH23152">
        <v>75</v>
      </c>
      <c r="AI23152">
        <v>76</v>
      </c>
      <c r="AJ23152">
        <v>77</v>
      </c>
      <c r="AK23152">
        <v>79</v>
      </c>
      <c r="AL23152">
        <v>80</v>
      </c>
      <c r="AM23152">
        <v>81</v>
      </c>
      <c r="AN23152">
        <v>83</v>
      </c>
      <c r="AO23152">
        <v>84</v>
      </c>
      <c r="AP23152">
        <v>85</v>
      </c>
      <c r="AQ23152">
        <v>87</v>
      </c>
    </row>
    <row r="23153" spans="1:43">
      <c r="A23153" t="s">
        <v>14341</v>
      </c>
      <c r="B23153" t="s">
        <v>14342</v>
      </c>
      <c r="C23153" t="s">
        <v>14335</v>
      </c>
      <c r="D23153" t="s">
        <v>14336</v>
      </c>
      <c r="E23153" t="s">
        <v>14307</v>
      </c>
      <c r="F23153" t="s">
        <v>14308</v>
      </c>
      <c r="G23153" t="s">
        <v>10734</v>
      </c>
      <c r="H23153" t="s">
        <v>10735</v>
      </c>
      <c r="I23153" s="2">
        <v>0</v>
      </c>
      <c r="J23153" s="2">
        <v>0</v>
      </c>
      <c r="K23153" s="2">
        <v>1</v>
      </c>
      <c r="L23153" t="s">
        <v>995</v>
      </c>
      <c r="M23153" t="s">
        <v>83</v>
      </c>
      <c r="N23153" t="s">
        <v>91</v>
      </c>
      <c r="O23153" t="s">
        <v>85</v>
      </c>
      <c r="P23153" t="s">
        <v>86</v>
      </c>
      <c r="Q23153">
        <v>45</v>
      </c>
      <c r="R23153">
        <v>46</v>
      </c>
      <c r="S23153">
        <v>48</v>
      </c>
      <c r="T23153">
        <v>49</v>
      </c>
      <c r="U23153">
        <v>50</v>
      </c>
      <c r="V23153">
        <v>52</v>
      </c>
      <c r="W23153">
        <v>53</v>
      </c>
      <c r="X23153">
        <v>55</v>
      </c>
      <c r="Y23153">
        <v>57</v>
      </c>
      <c r="Z23153">
        <v>58</v>
      </c>
      <c r="AA23153">
        <v>60</v>
      </c>
      <c r="AB23153">
        <v>61</v>
      </c>
      <c r="AC23153">
        <v>63</v>
      </c>
      <c r="AD23153">
        <v>65</v>
      </c>
      <c r="AE23153">
        <v>67</v>
      </c>
      <c r="AF23153">
        <v>68</v>
      </c>
      <c r="AG23153">
        <v>70</v>
      </c>
      <c r="AH23153">
        <v>72</v>
      </c>
      <c r="AI23153">
        <v>74</v>
      </c>
      <c r="AJ23153">
        <v>76</v>
      </c>
      <c r="AK23153">
        <v>78</v>
      </c>
      <c r="AL23153">
        <v>79</v>
      </c>
      <c r="AM23153">
        <v>81</v>
      </c>
      <c r="AN23153">
        <v>82</v>
      </c>
      <c r="AO23153">
        <v>83</v>
      </c>
      <c r="AP23153">
        <v>85</v>
      </c>
      <c r="AQ23153">
        <v>86</v>
      </c>
    </row>
    <row r="23154" spans="1:43">
      <c r="A23154" t="s">
        <v>14343</v>
      </c>
      <c r="B23154" t="s">
        <v>14344</v>
      </c>
      <c r="C23154" t="s">
        <v>14335</v>
      </c>
      <c r="D23154" t="s">
        <v>14336</v>
      </c>
      <c r="E23154" t="s">
        <v>14307</v>
      </c>
      <c r="F23154" t="s">
        <v>14308</v>
      </c>
      <c r="G23154" t="s">
        <v>10734</v>
      </c>
      <c r="H23154" t="s">
        <v>10735</v>
      </c>
      <c r="I23154" s="2">
        <v>0</v>
      </c>
      <c r="J23154" s="2">
        <v>0</v>
      </c>
      <c r="K23154" s="2">
        <v>1</v>
      </c>
      <c r="L23154" t="s">
        <v>995</v>
      </c>
      <c r="M23154" t="s">
        <v>83</v>
      </c>
      <c r="N23154" t="s">
        <v>84</v>
      </c>
      <c r="O23154" t="s">
        <v>85</v>
      </c>
      <c r="P23154" t="s">
        <v>86</v>
      </c>
      <c r="Q23154">
        <v>43</v>
      </c>
      <c r="R23154">
        <v>44</v>
      </c>
      <c r="S23154">
        <v>45</v>
      </c>
      <c r="T23154">
        <v>47</v>
      </c>
      <c r="U23154">
        <v>48</v>
      </c>
      <c r="V23154">
        <v>50</v>
      </c>
      <c r="W23154">
        <v>51</v>
      </c>
      <c r="X23154">
        <v>52</v>
      </c>
      <c r="Y23154">
        <v>54</v>
      </c>
      <c r="Z23154">
        <v>55</v>
      </c>
      <c r="AA23154">
        <v>57</v>
      </c>
      <c r="AB23154">
        <v>59</v>
      </c>
      <c r="AC23154">
        <v>60</v>
      </c>
      <c r="AD23154">
        <v>62</v>
      </c>
      <c r="AE23154">
        <v>63</v>
      </c>
      <c r="AF23154">
        <v>65</v>
      </c>
      <c r="AG23154">
        <v>67</v>
      </c>
      <c r="AH23154">
        <v>69</v>
      </c>
      <c r="AI23154">
        <v>71</v>
      </c>
      <c r="AJ23154">
        <v>72</v>
      </c>
      <c r="AK23154">
        <v>74</v>
      </c>
      <c r="AL23154">
        <v>76</v>
      </c>
      <c r="AM23154">
        <v>77</v>
      </c>
      <c r="AN23154">
        <v>78</v>
      </c>
      <c r="AO23154">
        <v>79</v>
      </c>
      <c r="AP23154">
        <v>81</v>
      </c>
      <c r="AQ23154">
        <v>82</v>
      </c>
    </row>
    <row r="23155" spans="1:43">
      <c r="A23155" t="s">
        <v>14343</v>
      </c>
      <c r="B23155" t="s">
        <v>14344</v>
      </c>
      <c r="C23155" t="s">
        <v>14335</v>
      </c>
      <c r="D23155" t="s">
        <v>14336</v>
      </c>
      <c r="E23155" t="s">
        <v>14307</v>
      </c>
      <c r="F23155" t="s">
        <v>14308</v>
      </c>
      <c r="G23155" t="s">
        <v>10734</v>
      </c>
      <c r="H23155" t="s">
        <v>10735</v>
      </c>
      <c r="I23155" s="2">
        <v>0</v>
      </c>
      <c r="J23155" s="2">
        <v>0</v>
      </c>
      <c r="K23155" s="2">
        <v>1</v>
      </c>
      <c r="L23155" t="s">
        <v>995</v>
      </c>
      <c r="M23155" t="s">
        <v>87</v>
      </c>
      <c r="N23155" t="s">
        <v>88</v>
      </c>
      <c r="O23155" t="s">
        <v>85</v>
      </c>
      <c r="P23155" t="s">
        <v>86</v>
      </c>
      <c r="Q23155">
        <v>43</v>
      </c>
      <c r="R23155">
        <v>44</v>
      </c>
      <c r="S23155">
        <v>45</v>
      </c>
      <c r="T23155">
        <v>46</v>
      </c>
      <c r="U23155">
        <v>47</v>
      </c>
      <c r="V23155">
        <v>48</v>
      </c>
      <c r="W23155">
        <v>49</v>
      </c>
      <c r="X23155">
        <v>50</v>
      </c>
      <c r="Y23155">
        <v>51</v>
      </c>
      <c r="Z23155">
        <v>52</v>
      </c>
      <c r="AA23155">
        <v>53</v>
      </c>
      <c r="AB23155">
        <v>54</v>
      </c>
      <c r="AC23155">
        <v>55</v>
      </c>
      <c r="AD23155">
        <v>56</v>
      </c>
      <c r="AE23155">
        <v>57</v>
      </c>
      <c r="AF23155">
        <v>58</v>
      </c>
      <c r="AG23155">
        <v>59</v>
      </c>
      <c r="AH23155">
        <v>61</v>
      </c>
      <c r="AI23155">
        <v>62</v>
      </c>
      <c r="AJ23155">
        <v>63</v>
      </c>
      <c r="AK23155">
        <v>64</v>
      </c>
      <c r="AL23155">
        <v>65</v>
      </c>
      <c r="AM23155">
        <v>67</v>
      </c>
      <c r="AN23155">
        <v>68</v>
      </c>
      <c r="AO23155">
        <v>69</v>
      </c>
      <c r="AP23155">
        <v>71</v>
      </c>
      <c r="AQ23155">
        <v>72</v>
      </c>
    </row>
    <row r="23156" spans="1:43">
      <c r="A23156" t="s">
        <v>14343</v>
      </c>
      <c r="B23156" t="s">
        <v>14344</v>
      </c>
      <c r="C23156" t="s">
        <v>14335</v>
      </c>
      <c r="D23156" t="s">
        <v>14336</v>
      </c>
      <c r="E23156" t="s">
        <v>14307</v>
      </c>
      <c r="F23156" t="s">
        <v>14308</v>
      </c>
      <c r="G23156" t="s">
        <v>10734</v>
      </c>
      <c r="H23156" t="s">
        <v>10735</v>
      </c>
      <c r="I23156" s="2">
        <v>0</v>
      </c>
      <c r="J23156" s="2">
        <v>0</v>
      </c>
      <c r="K23156" s="2">
        <v>1</v>
      </c>
      <c r="L23156" t="s">
        <v>995</v>
      </c>
      <c r="M23156" t="s">
        <v>89</v>
      </c>
      <c r="N23156" t="s">
        <v>90</v>
      </c>
      <c r="O23156" t="s">
        <v>85</v>
      </c>
      <c r="P23156" t="s">
        <v>86</v>
      </c>
      <c r="Q23156">
        <v>43</v>
      </c>
      <c r="R23156">
        <v>45</v>
      </c>
      <c r="S23156">
        <v>47</v>
      </c>
      <c r="T23156">
        <v>48</v>
      </c>
      <c r="U23156">
        <v>50</v>
      </c>
      <c r="V23156">
        <v>52</v>
      </c>
      <c r="W23156">
        <v>54</v>
      </c>
      <c r="X23156">
        <v>55</v>
      </c>
      <c r="Y23156">
        <v>57</v>
      </c>
      <c r="Z23156">
        <v>59</v>
      </c>
      <c r="AA23156">
        <v>61</v>
      </c>
      <c r="AB23156">
        <v>63</v>
      </c>
      <c r="AC23156">
        <v>65</v>
      </c>
      <c r="AD23156">
        <v>66</v>
      </c>
      <c r="AE23156">
        <v>68</v>
      </c>
      <c r="AF23156">
        <v>69</v>
      </c>
      <c r="AG23156">
        <v>70</v>
      </c>
      <c r="AH23156">
        <v>72</v>
      </c>
      <c r="AI23156">
        <v>73</v>
      </c>
      <c r="AJ23156">
        <v>74</v>
      </c>
      <c r="AK23156">
        <v>75</v>
      </c>
      <c r="AL23156">
        <v>76</v>
      </c>
      <c r="AM23156">
        <v>78</v>
      </c>
      <c r="AN23156">
        <v>79</v>
      </c>
      <c r="AO23156">
        <v>80</v>
      </c>
      <c r="AP23156">
        <v>81</v>
      </c>
      <c r="AQ23156">
        <v>83</v>
      </c>
    </row>
    <row r="23157" spans="1:43">
      <c r="A23157" t="s">
        <v>14343</v>
      </c>
      <c r="B23157" t="s">
        <v>14344</v>
      </c>
      <c r="C23157" t="s">
        <v>14335</v>
      </c>
      <c r="D23157" t="s">
        <v>14336</v>
      </c>
      <c r="E23157" t="s">
        <v>14307</v>
      </c>
      <c r="F23157" t="s">
        <v>14308</v>
      </c>
      <c r="G23157" t="s">
        <v>10734</v>
      </c>
      <c r="H23157" t="s">
        <v>10735</v>
      </c>
      <c r="I23157" s="2">
        <v>0</v>
      </c>
      <c r="J23157" s="2">
        <v>0</v>
      </c>
      <c r="K23157" s="2">
        <v>1</v>
      </c>
      <c r="L23157" t="s">
        <v>995</v>
      </c>
      <c r="M23157" t="s">
        <v>83</v>
      </c>
      <c r="N23157" t="s">
        <v>91</v>
      </c>
      <c r="O23157" t="s">
        <v>85</v>
      </c>
      <c r="P23157" t="s">
        <v>86</v>
      </c>
      <c r="Q23157">
        <v>43</v>
      </c>
      <c r="R23157">
        <v>44</v>
      </c>
      <c r="S23157">
        <v>45</v>
      </c>
      <c r="T23157">
        <v>47</v>
      </c>
      <c r="U23157">
        <v>48</v>
      </c>
      <c r="V23157">
        <v>50</v>
      </c>
      <c r="W23157">
        <v>51</v>
      </c>
      <c r="X23157">
        <v>52</v>
      </c>
      <c r="Y23157">
        <v>54</v>
      </c>
      <c r="Z23157">
        <v>55</v>
      </c>
      <c r="AA23157">
        <v>57</v>
      </c>
      <c r="AB23157">
        <v>59</v>
      </c>
      <c r="AC23157">
        <v>60</v>
      </c>
      <c r="AD23157">
        <v>62</v>
      </c>
      <c r="AE23157">
        <v>63</v>
      </c>
      <c r="AF23157">
        <v>65</v>
      </c>
      <c r="AG23157">
        <v>67</v>
      </c>
      <c r="AH23157">
        <v>69</v>
      </c>
      <c r="AI23157">
        <v>71</v>
      </c>
      <c r="AJ23157">
        <v>72</v>
      </c>
      <c r="AK23157">
        <v>74</v>
      </c>
      <c r="AL23157">
        <v>76</v>
      </c>
      <c r="AM23157">
        <v>77</v>
      </c>
      <c r="AN23157">
        <v>78</v>
      </c>
      <c r="AO23157">
        <v>79</v>
      </c>
      <c r="AP23157">
        <v>81</v>
      </c>
      <c r="AQ23157">
        <v>82</v>
      </c>
    </row>
    <row r="23158" spans="1:43">
      <c r="A23158" t="s">
        <v>14345</v>
      </c>
      <c r="B23158" t="s">
        <v>14346</v>
      </c>
      <c r="C23158" t="s">
        <v>14347</v>
      </c>
      <c r="D23158" t="s">
        <v>14348</v>
      </c>
      <c r="E23158" t="s">
        <v>14307</v>
      </c>
      <c r="F23158" t="s">
        <v>14308</v>
      </c>
      <c r="G23158" t="s">
        <v>10734</v>
      </c>
      <c r="H23158" t="s">
        <v>10735</v>
      </c>
      <c r="I23158" s="2">
        <v>0</v>
      </c>
      <c r="J23158" s="2">
        <v>0</v>
      </c>
      <c r="K23158" s="2">
        <v>1</v>
      </c>
      <c r="L23158" t="s">
        <v>995</v>
      </c>
      <c r="M23158" t="s">
        <v>83</v>
      </c>
      <c r="N23158" t="s">
        <v>84</v>
      </c>
      <c r="O23158" t="s">
        <v>85</v>
      </c>
      <c r="P23158" t="s">
        <v>86</v>
      </c>
      <c r="Q23158">
        <v>33</v>
      </c>
      <c r="R23158">
        <v>34</v>
      </c>
      <c r="S23158">
        <v>35</v>
      </c>
      <c r="T23158">
        <v>36</v>
      </c>
      <c r="U23158">
        <v>37</v>
      </c>
      <c r="V23158">
        <v>38</v>
      </c>
      <c r="W23158">
        <v>39</v>
      </c>
      <c r="X23158">
        <v>40</v>
      </c>
      <c r="Y23158">
        <v>41</v>
      </c>
      <c r="Z23158">
        <v>43</v>
      </c>
      <c r="AA23158">
        <v>44</v>
      </c>
      <c r="AB23158">
        <v>45</v>
      </c>
      <c r="AC23158">
        <v>46</v>
      </c>
      <c r="AD23158">
        <v>47</v>
      </c>
      <c r="AE23158">
        <v>49</v>
      </c>
      <c r="AF23158">
        <v>50</v>
      </c>
      <c r="AG23158">
        <v>51</v>
      </c>
      <c r="AH23158">
        <v>53</v>
      </c>
      <c r="AI23158">
        <v>54</v>
      </c>
      <c r="AJ23158">
        <v>56</v>
      </c>
      <c r="AK23158">
        <v>57</v>
      </c>
      <c r="AL23158">
        <v>58</v>
      </c>
      <c r="AM23158">
        <v>59</v>
      </c>
      <c r="AN23158">
        <v>60</v>
      </c>
      <c r="AO23158">
        <v>61</v>
      </c>
      <c r="AP23158">
        <v>62</v>
      </c>
      <c r="AQ23158">
        <v>63</v>
      </c>
    </row>
    <row r="23159" spans="1:43">
      <c r="A23159" t="s">
        <v>14345</v>
      </c>
      <c r="B23159" t="s">
        <v>14346</v>
      </c>
      <c r="C23159" t="s">
        <v>14347</v>
      </c>
      <c r="D23159" t="s">
        <v>14348</v>
      </c>
      <c r="E23159" t="s">
        <v>14307</v>
      </c>
      <c r="F23159" t="s">
        <v>14308</v>
      </c>
      <c r="G23159" t="s">
        <v>10734</v>
      </c>
      <c r="H23159" t="s">
        <v>10735</v>
      </c>
      <c r="I23159" s="2">
        <v>0</v>
      </c>
      <c r="J23159" s="2">
        <v>0</v>
      </c>
      <c r="K23159" s="2">
        <v>1</v>
      </c>
      <c r="L23159" t="s">
        <v>995</v>
      </c>
      <c r="M23159" t="s">
        <v>87</v>
      </c>
      <c r="N23159" t="s">
        <v>88</v>
      </c>
      <c r="O23159" t="s">
        <v>85</v>
      </c>
      <c r="P23159" t="s">
        <v>86</v>
      </c>
      <c r="Q23159">
        <v>33</v>
      </c>
      <c r="R23159">
        <v>33</v>
      </c>
      <c r="S23159">
        <v>34</v>
      </c>
      <c r="T23159">
        <v>35</v>
      </c>
      <c r="U23159">
        <v>35</v>
      </c>
      <c r="V23159">
        <v>36</v>
      </c>
      <c r="W23159">
        <v>37</v>
      </c>
      <c r="X23159">
        <v>38</v>
      </c>
      <c r="Y23159">
        <v>38</v>
      </c>
      <c r="Z23159">
        <v>39</v>
      </c>
      <c r="AA23159">
        <v>40</v>
      </c>
      <c r="AB23159">
        <v>41</v>
      </c>
      <c r="AC23159">
        <v>42</v>
      </c>
      <c r="AD23159">
        <v>42</v>
      </c>
      <c r="AE23159">
        <v>43</v>
      </c>
      <c r="AF23159">
        <v>44</v>
      </c>
      <c r="AG23159">
        <v>45</v>
      </c>
      <c r="AH23159">
        <v>46</v>
      </c>
      <c r="AI23159">
        <v>47</v>
      </c>
      <c r="AJ23159">
        <v>48</v>
      </c>
      <c r="AK23159">
        <v>49</v>
      </c>
      <c r="AL23159">
        <v>50</v>
      </c>
      <c r="AM23159">
        <v>51</v>
      </c>
      <c r="AN23159">
        <v>52</v>
      </c>
      <c r="AO23159">
        <v>53</v>
      </c>
      <c r="AP23159">
        <v>54</v>
      </c>
      <c r="AQ23159">
        <v>55</v>
      </c>
    </row>
    <row r="23160" spans="1:43">
      <c r="A23160" t="s">
        <v>14345</v>
      </c>
      <c r="B23160" t="s">
        <v>14346</v>
      </c>
      <c r="C23160" t="s">
        <v>14347</v>
      </c>
      <c r="D23160" t="s">
        <v>14348</v>
      </c>
      <c r="E23160" t="s">
        <v>14307</v>
      </c>
      <c r="F23160" t="s">
        <v>14308</v>
      </c>
      <c r="G23160" t="s">
        <v>10734</v>
      </c>
      <c r="H23160" t="s">
        <v>10735</v>
      </c>
      <c r="I23160" s="2">
        <v>0</v>
      </c>
      <c r="J23160" s="2">
        <v>0</v>
      </c>
      <c r="K23160" s="2">
        <v>1</v>
      </c>
      <c r="L23160" t="s">
        <v>995</v>
      </c>
      <c r="M23160" t="s">
        <v>89</v>
      </c>
      <c r="N23160" t="s">
        <v>90</v>
      </c>
      <c r="O23160" t="s">
        <v>85</v>
      </c>
      <c r="P23160" t="s">
        <v>86</v>
      </c>
      <c r="Q23160">
        <v>33</v>
      </c>
      <c r="R23160">
        <v>35</v>
      </c>
      <c r="S23160">
        <v>36</v>
      </c>
      <c r="T23160">
        <v>37</v>
      </c>
      <c r="U23160">
        <v>39</v>
      </c>
      <c r="V23160">
        <v>40</v>
      </c>
      <c r="W23160">
        <v>41</v>
      </c>
      <c r="X23160">
        <v>43</v>
      </c>
      <c r="Y23160">
        <v>44</v>
      </c>
      <c r="Z23160">
        <v>45</v>
      </c>
      <c r="AA23160">
        <v>47</v>
      </c>
      <c r="AB23160">
        <v>48</v>
      </c>
      <c r="AC23160">
        <v>50</v>
      </c>
      <c r="AD23160">
        <v>51</v>
      </c>
      <c r="AE23160">
        <v>52</v>
      </c>
      <c r="AF23160">
        <v>53</v>
      </c>
      <c r="AG23160">
        <v>54</v>
      </c>
      <c r="AH23160">
        <v>55</v>
      </c>
      <c r="AI23160">
        <v>56</v>
      </c>
      <c r="AJ23160">
        <v>57</v>
      </c>
      <c r="AK23160">
        <v>58</v>
      </c>
      <c r="AL23160">
        <v>59</v>
      </c>
      <c r="AM23160">
        <v>60</v>
      </c>
      <c r="AN23160">
        <v>60</v>
      </c>
      <c r="AO23160">
        <v>61</v>
      </c>
      <c r="AP23160">
        <v>62</v>
      </c>
      <c r="AQ23160">
        <v>63</v>
      </c>
    </row>
    <row r="23161" spans="1:43">
      <c r="A23161" t="s">
        <v>14345</v>
      </c>
      <c r="B23161" t="s">
        <v>14346</v>
      </c>
      <c r="C23161" t="s">
        <v>14347</v>
      </c>
      <c r="D23161" t="s">
        <v>14348</v>
      </c>
      <c r="E23161" t="s">
        <v>14307</v>
      </c>
      <c r="F23161" t="s">
        <v>14308</v>
      </c>
      <c r="G23161" t="s">
        <v>10734</v>
      </c>
      <c r="H23161" t="s">
        <v>10735</v>
      </c>
      <c r="I23161" s="2">
        <v>0</v>
      </c>
      <c r="J23161" s="2">
        <v>0</v>
      </c>
      <c r="K23161" s="2">
        <v>1</v>
      </c>
      <c r="L23161" t="s">
        <v>995</v>
      </c>
      <c r="M23161" t="s">
        <v>83</v>
      </c>
      <c r="N23161" t="s">
        <v>91</v>
      </c>
      <c r="O23161" t="s">
        <v>85</v>
      </c>
      <c r="P23161" t="s">
        <v>86</v>
      </c>
      <c r="Q23161">
        <v>33</v>
      </c>
      <c r="R23161">
        <v>34</v>
      </c>
      <c r="S23161">
        <v>35</v>
      </c>
      <c r="T23161">
        <v>36</v>
      </c>
      <c r="U23161">
        <v>37</v>
      </c>
      <c r="V23161">
        <v>38</v>
      </c>
      <c r="W23161">
        <v>39</v>
      </c>
      <c r="X23161">
        <v>40</v>
      </c>
      <c r="Y23161">
        <v>41</v>
      </c>
      <c r="Z23161">
        <v>43</v>
      </c>
      <c r="AA23161">
        <v>44</v>
      </c>
      <c r="AB23161">
        <v>45</v>
      </c>
      <c r="AC23161">
        <v>46</v>
      </c>
      <c r="AD23161">
        <v>47</v>
      </c>
      <c r="AE23161">
        <v>49</v>
      </c>
      <c r="AF23161">
        <v>50</v>
      </c>
      <c r="AG23161">
        <v>51</v>
      </c>
      <c r="AH23161">
        <v>53</v>
      </c>
      <c r="AI23161">
        <v>54</v>
      </c>
      <c r="AJ23161">
        <v>56</v>
      </c>
      <c r="AK23161">
        <v>57</v>
      </c>
      <c r="AL23161">
        <v>58</v>
      </c>
      <c r="AM23161">
        <v>59</v>
      </c>
      <c r="AN23161">
        <v>60</v>
      </c>
      <c r="AO23161">
        <v>61</v>
      </c>
      <c r="AP23161">
        <v>62</v>
      </c>
      <c r="AQ23161">
        <v>63</v>
      </c>
    </row>
    <row r="23162" spans="1:43">
      <c r="A23162" t="s">
        <v>14349</v>
      </c>
      <c r="B23162" t="s">
        <v>14350</v>
      </c>
      <c r="C23162" t="s">
        <v>14347</v>
      </c>
      <c r="D23162" t="s">
        <v>14348</v>
      </c>
      <c r="E23162" t="s">
        <v>14307</v>
      </c>
      <c r="F23162" t="s">
        <v>14308</v>
      </c>
      <c r="G23162" t="s">
        <v>10734</v>
      </c>
      <c r="H23162" t="s">
        <v>10735</v>
      </c>
      <c r="I23162" s="2">
        <v>0</v>
      </c>
      <c r="J23162" s="2">
        <v>0</v>
      </c>
      <c r="K23162" s="2">
        <v>1</v>
      </c>
      <c r="L23162" t="s">
        <v>995</v>
      </c>
      <c r="M23162" t="s">
        <v>83</v>
      </c>
      <c r="N23162" t="s">
        <v>84</v>
      </c>
      <c r="O23162" t="s">
        <v>85</v>
      </c>
      <c r="P23162" t="s">
        <v>86</v>
      </c>
      <c r="Q23162">
        <v>44</v>
      </c>
      <c r="R23162">
        <v>45</v>
      </c>
      <c r="S23162">
        <v>46</v>
      </c>
      <c r="T23162">
        <v>48</v>
      </c>
      <c r="U23162">
        <v>49</v>
      </c>
      <c r="V23162">
        <v>50</v>
      </c>
      <c r="W23162">
        <v>52</v>
      </c>
      <c r="X23162">
        <v>53</v>
      </c>
      <c r="Y23162">
        <v>55</v>
      </c>
      <c r="Z23162">
        <v>56</v>
      </c>
      <c r="AA23162">
        <v>58</v>
      </c>
      <c r="AB23162">
        <v>60</v>
      </c>
      <c r="AC23162">
        <v>61</v>
      </c>
      <c r="AD23162">
        <v>63</v>
      </c>
      <c r="AE23162">
        <v>65</v>
      </c>
      <c r="AF23162">
        <v>66</v>
      </c>
      <c r="AG23162">
        <v>68</v>
      </c>
      <c r="AH23162">
        <v>70</v>
      </c>
      <c r="AI23162">
        <v>72</v>
      </c>
      <c r="AJ23162">
        <v>74</v>
      </c>
      <c r="AK23162">
        <v>76</v>
      </c>
      <c r="AL23162">
        <v>77</v>
      </c>
      <c r="AM23162">
        <v>78</v>
      </c>
      <c r="AN23162">
        <v>80</v>
      </c>
      <c r="AO23162">
        <v>81</v>
      </c>
      <c r="AP23162">
        <v>82</v>
      </c>
      <c r="AQ23162">
        <v>83</v>
      </c>
    </row>
    <row r="23163" spans="1:43">
      <c r="A23163" t="s">
        <v>14349</v>
      </c>
      <c r="B23163" t="s">
        <v>14350</v>
      </c>
      <c r="C23163" t="s">
        <v>14347</v>
      </c>
      <c r="D23163" t="s">
        <v>14348</v>
      </c>
      <c r="E23163" t="s">
        <v>14307</v>
      </c>
      <c r="F23163" t="s">
        <v>14308</v>
      </c>
      <c r="G23163" t="s">
        <v>10734</v>
      </c>
      <c r="H23163" t="s">
        <v>10735</v>
      </c>
      <c r="I23163" s="2">
        <v>0</v>
      </c>
      <c r="J23163" s="2">
        <v>0</v>
      </c>
      <c r="K23163" s="2">
        <v>1</v>
      </c>
      <c r="L23163" t="s">
        <v>995</v>
      </c>
      <c r="M23163" t="s">
        <v>87</v>
      </c>
      <c r="N23163" t="s">
        <v>88</v>
      </c>
      <c r="O23163" t="s">
        <v>85</v>
      </c>
      <c r="P23163" t="s">
        <v>86</v>
      </c>
      <c r="Q23163">
        <v>44</v>
      </c>
      <c r="R23163">
        <v>45</v>
      </c>
      <c r="S23163">
        <v>46</v>
      </c>
      <c r="T23163">
        <v>47</v>
      </c>
      <c r="U23163">
        <v>48</v>
      </c>
      <c r="V23163">
        <v>49</v>
      </c>
      <c r="W23163">
        <v>50</v>
      </c>
      <c r="X23163">
        <v>51</v>
      </c>
      <c r="Y23163">
        <v>52</v>
      </c>
      <c r="Z23163">
        <v>53</v>
      </c>
      <c r="AA23163">
        <v>54</v>
      </c>
      <c r="AB23163">
        <v>55</v>
      </c>
      <c r="AC23163">
        <v>56</v>
      </c>
      <c r="AD23163">
        <v>57</v>
      </c>
      <c r="AE23163">
        <v>58</v>
      </c>
      <c r="AF23163">
        <v>59</v>
      </c>
      <c r="AG23163">
        <v>61</v>
      </c>
      <c r="AH23163">
        <v>62</v>
      </c>
      <c r="AI23163">
        <v>63</v>
      </c>
      <c r="AJ23163">
        <v>64</v>
      </c>
      <c r="AK23163">
        <v>65</v>
      </c>
      <c r="AL23163">
        <v>67</v>
      </c>
      <c r="AM23163">
        <v>68</v>
      </c>
      <c r="AN23163">
        <v>69</v>
      </c>
      <c r="AO23163">
        <v>71</v>
      </c>
      <c r="AP23163">
        <v>72</v>
      </c>
      <c r="AQ23163">
        <v>73</v>
      </c>
    </row>
    <row r="23164" spans="1:43">
      <c r="A23164" t="s">
        <v>14349</v>
      </c>
      <c r="B23164" t="s">
        <v>14350</v>
      </c>
      <c r="C23164" t="s">
        <v>14347</v>
      </c>
      <c r="D23164" t="s">
        <v>14348</v>
      </c>
      <c r="E23164" t="s">
        <v>14307</v>
      </c>
      <c r="F23164" t="s">
        <v>14308</v>
      </c>
      <c r="G23164" t="s">
        <v>10734</v>
      </c>
      <c r="H23164" t="s">
        <v>10735</v>
      </c>
      <c r="I23164" s="2">
        <v>0</v>
      </c>
      <c r="J23164" s="2">
        <v>0</v>
      </c>
      <c r="K23164" s="2">
        <v>1</v>
      </c>
      <c r="L23164" t="s">
        <v>995</v>
      </c>
      <c r="M23164" t="s">
        <v>89</v>
      </c>
      <c r="N23164" t="s">
        <v>90</v>
      </c>
      <c r="O23164" t="s">
        <v>85</v>
      </c>
      <c r="P23164" t="s">
        <v>86</v>
      </c>
      <c r="Q23164">
        <v>44</v>
      </c>
      <c r="R23164">
        <v>46</v>
      </c>
      <c r="S23164">
        <v>47</v>
      </c>
      <c r="T23164">
        <v>49</v>
      </c>
      <c r="U23164">
        <v>51</v>
      </c>
      <c r="V23164">
        <v>53</v>
      </c>
      <c r="W23164">
        <v>55</v>
      </c>
      <c r="X23164">
        <v>56</v>
      </c>
      <c r="Y23164">
        <v>58</v>
      </c>
      <c r="Z23164">
        <v>60</v>
      </c>
      <c r="AA23164">
        <v>62</v>
      </c>
      <c r="AB23164">
        <v>64</v>
      </c>
      <c r="AC23164">
        <v>66</v>
      </c>
      <c r="AD23164">
        <v>68</v>
      </c>
      <c r="AE23164">
        <v>69</v>
      </c>
      <c r="AF23164">
        <v>70</v>
      </c>
      <c r="AG23164">
        <v>72</v>
      </c>
      <c r="AH23164">
        <v>73</v>
      </c>
      <c r="AI23164">
        <v>74</v>
      </c>
      <c r="AJ23164">
        <v>75</v>
      </c>
      <c r="AK23164">
        <v>76</v>
      </c>
      <c r="AL23164">
        <v>78</v>
      </c>
      <c r="AM23164">
        <v>79</v>
      </c>
      <c r="AN23164">
        <v>80</v>
      </c>
      <c r="AO23164">
        <v>81</v>
      </c>
      <c r="AP23164">
        <v>83</v>
      </c>
      <c r="AQ23164">
        <v>84</v>
      </c>
    </row>
    <row r="23165" spans="1:43">
      <c r="A23165" t="s">
        <v>14349</v>
      </c>
      <c r="B23165" t="s">
        <v>14350</v>
      </c>
      <c r="C23165" t="s">
        <v>14347</v>
      </c>
      <c r="D23165" t="s">
        <v>14348</v>
      </c>
      <c r="E23165" t="s">
        <v>14307</v>
      </c>
      <c r="F23165" t="s">
        <v>14308</v>
      </c>
      <c r="G23165" t="s">
        <v>10734</v>
      </c>
      <c r="H23165" t="s">
        <v>10735</v>
      </c>
      <c r="I23165" s="2">
        <v>0</v>
      </c>
      <c r="J23165" s="2">
        <v>0</v>
      </c>
      <c r="K23165" s="2">
        <v>1</v>
      </c>
      <c r="L23165" t="s">
        <v>995</v>
      </c>
      <c r="M23165" t="s">
        <v>83</v>
      </c>
      <c r="N23165" t="s">
        <v>91</v>
      </c>
      <c r="O23165" t="s">
        <v>85</v>
      </c>
      <c r="P23165" t="s">
        <v>86</v>
      </c>
      <c r="Q23165">
        <v>44</v>
      </c>
      <c r="R23165">
        <v>45</v>
      </c>
      <c r="S23165">
        <v>46</v>
      </c>
      <c r="T23165">
        <v>48</v>
      </c>
      <c r="U23165">
        <v>49</v>
      </c>
      <c r="V23165">
        <v>50</v>
      </c>
      <c r="W23165">
        <v>52</v>
      </c>
      <c r="X23165">
        <v>53</v>
      </c>
      <c r="Y23165">
        <v>55</v>
      </c>
      <c r="Z23165">
        <v>56</v>
      </c>
      <c r="AA23165">
        <v>58</v>
      </c>
      <c r="AB23165">
        <v>60</v>
      </c>
      <c r="AC23165">
        <v>61</v>
      </c>
      <c r="AD23165">
        <v>63</v>
      </c>
      <c r="AE23165">
        <v>65</v>
      </c>
      <c r="AF23165">
        <v>66</v>
      </c>
      <c r="AG23165">
        <v>68</v>
      </c>
      <c r="AH23165">
        <v>70</v>
      </c>
      <c r="AI23165">
        <v>72</v>
      </c>
      <c r="AJ23165">
        <v>74</v>
      </c>
      <c r="AK23165">
        <v>76</v>
      </c>
      <c r="AL23165">
        <v>77</v>
      </c>
      <c r="AM23165">
        <v>78</v>
      </c>
      <c r="AN23165">
        <v>80</v>
      </c>
      <c r="AO23165">
        <v>81</v>
      </c>
      <c r="AP23165">
        <v>82</v>
      </c>
      <c r="AQ23165">
        <v>83</v>
      </c>
    </row>
    <row r="23166" spans="1:43">
      <c r="A23166" t="s">
        <v>14351</v>
      </c>
      <c r="B23166" t="s">
        <v>14352</v>
      </c>
      <c r="C23166" t="s">
        <v>14347</v>
      </c>
      <c r="D23166" t="s">
        <v>14348</v>
      </c>
      <c r="E23166" t="s">
        <v>14307</v>
      </c>
      <c r="F23166" t="s">
        <v>14308</v>
      </c>
      <c r="G23166" t="s">
        <v>10734</v>
      </c>
      <c r="H23166" t="s">
        <v>10735</v>
      </c>
      <c r="I23166" s="2">
        <v>0</v>
      </c>
      <c r="J23166" s="2">
        <v>0</v>
      </c>
      <c r="K23166" s="2">
        <v>1</v>
      </c>
      <c r="L23166" t="s">
        <v>995</v>
      </c>
      <c r="M23166" t="s">
        <v>83</v>
      </c>
      <c r="N23166" t="s">
        <v>84</v>
      </c>
      <c r="O23166" t="s">
        <v>85</v>
      </c>
      <c r="P23166" t="s">
        <v>86</v>
      </c>
      <c r="Q23166">
        <v>31</v>
      </c>
      <c r="R23166">
        <v>32</v>
      </c>
      <c r="S23166">
        <v>33</v>
      </c>
      <c r="T23166">
        <v>34</v>
      </c>
      <c r="U23166">
        <v>35</v>
      </c>
      <c r="V23166">
        <v>36</v>
      </c>
      <c r="W23166">
        <v>37</v>
      </c>
      <c r="X23166">
        <v>38</v>
      </c>
      <c r="Y23166">
        <v>39</v>
      </c>
      <c r="Z23166">
        <v>40</v>
      </c>
      <c r="AA23166">
        <v>41</v>
      </c>
      <c r="AB23166">
        <v>42</v>
      </c>
      <c r="AC23166">
        <v>43</v>
      </c>
      <c r="AD23166">
        <v>44</v>
      </c>
      <c r="AE23166">
        <v>46</v>
      </c>
      <c r="AF23166">
        <v>47</v>
      </c>
      <c r="AG23166">
        <v>48</v>
      </c>
      <c r="AH23166">
        <v>49</v>
      </c>
      <c r="AI23166">
        <v>51</v>
      </c>
      <c r="AJ23166">
        <v>52</v>
      </c>
      <c r="AK23166">
        <v>53</v>
      </c>
      <c r="AL23166">
        <v>54</v>
      </c>
      <c r="AM23166">
        <v>55</v>
      </c>
      <c r="AN23166">
        <v>56</v>
      </c>
      <c r="AO23166">
        <v>57</v>
      </c>
      <c r="AP23166">
        <v>58</v>
      </c>
      <c r="AQ23166">
        <v>59</v>
      </c>
    </row>
    <row r="23167" spans="1:43">
      <c r="A23167" t="s">
        <v>14351</v>
      </c>
      <c r="B23167" t="s">
        <v>14352</v>
      </c>
      <c r="C23167" t="s">
        <v>14347</v>
      </c>
      <c r="D23167" t="s">
        <v>14348</v>
      </c>
      <c r="E23167" t="s">
        <v>14307</v>
      </c>
      <c r="F23167" t="s">
        <v>14308</v>
      </c>
      <c r="G23167" t="s">
        <v>10734</v>
      </c>
      <c r="H23167" t="s">
        <v>10735</v>
      </c>
      <c r="I23167" s="2">
        <v>0</v>
      </c>
      <c r="J23167" s="2">
        <v>0</v>
      </c>
      <c r="K23167" s="2">
        <v>1</v>
      </c>
      <c r="L23167" t="s">
        <v>995</v>
      </c>
      <c r="M23167" t="s">
        <v>87</v>
      </c>
      <c r="N23167" t="s">
        <v>88</v>
      </c>
      <c r="O23167" t="s">
        <v>85</v>
      </c>
      <c r="P23167" t="s">
        <v>86</v>
      </c>
      <c r="Q23167">
        <v>31</v>
      </c>
      <c r="R23167">
        <v>31</v>
      </c>
      <c r="S23167">
        <v>32</v>
      </c>
      <c r="T23167">
        <v>32</v>
      </c>
      <c r="U23167">
        <v>33</v>
      </c>
      <c r="V23167">
        <v>34</v>
      </c>
      <c r="W23167">
        <v>34</v>
      </c>
      <c r="X23167">
        <v>35</v>
      </c>
      <c r="Y23167">
        <v>36</v>
      </c>
      <c r="Z23167">
        <v>37</v>
      </c>
      <c r="AA23167">
        <v>37</v>
      </c>
      <c r="AB23167">
        <v>38</v>
      </c>
      <c r="AC23167">
        <v>39</v>
      </c>
      <c r="AD23167">
        <v>40</v>
      </c>
      <c r="AE23167">
        <v>40</v>
      </c>
      <c r="AF23167">
        <v>41</v>
      </c>
      <c r="AG23167">
        <v>42</v>
      </c>
      <c r="AH23167">
        <v>43</v>
      </c>
      <c r="AI23167">
        <v>44</v>
      </c>
      <c r="AJ23167">
        <v>45</v>
      </c>
      <c r="AK23167">
        <v>45</v>
      </c>
      <c r="AL23167">
        <v>46</v>
      </c>
      <c r="AM23167">
        <v>47</v>
      </c>
      <c r="AN23167">
        <v>48</v>
      </c>
      <c r="AO23167">
        <v>49</v>
      </c>
      <c r="AP23167">
        <v>50</v>
      </c>
      <c r="AQ23167">
        <v>51</v>
      </c>
    </row>
    <row r="23168" spans="1:43">
      <c r="A23168" t="s">
        <v>14351</v>
      </c>
      <c r="B23168" t="s">
        <v>14352</v>
      </c>
      <c r="C23168" t="s">
        <v>14347</v>
      </c>
      <c r="D23168" t="s">
        <v>14348</v>
      </c>
      <c r="E23168" t="s">
        <v>14307</v>
      </c>
      <c r="F23168" t="s">
        <v>14308</v>
      </c>
      <c r="G23168" t="s">
        <v>10734</v>
      </c>
      <c r="H23168" t="s">
        <v>10735</v>
      </c>
      <c r="I23168" s="2">
        <v>0</v>
      </c>
      <c r="J23168" s="2">
        <v>0</v>
      </c>
      <c r="K23168" s="2">
        <v>1</v>
      </c>
      <c r="L23168" t="s">
        <v>995</v>
      </c>
      <c r="M23168" t="s">
        <v>89</v>
      </c>
      <c r="N23168" t="s">
        <v>90</v>
      </c>
      <c r="O23168" t="s">
        <v>85</v>
      </c>
      <c r="P23168" t="s">
        <v>86</v>
      </c>
      <c r="Q23168">
        <v>31</v>
      </c>
      <c r="R23168">
        <v>32</v>
      </c>
      <c r="S23168">
        <v>34</v>
      </c>
      <c r="T23168">
        <v>35</v>
      </c>
      <c r="U23168">
        <v>36</v>
      </c>
      <c r="V23168">
        <v>37</v>
      </c>
      <c r="W23168">
        <v>39</v>
      </c>
      <c r="X23168">
        <v>40</v>
      </c>
      <c r="Y23168">
        <v>41</v>
      </c>
      <c r="Z23168">
        <v>42</v>
      </c>
      <c r="AA23168">
        <v>44</v>
      </c>
      <c r="AB23168">
        <v>45</v>
      </c>
      <c r="AC23168">
        <v>46</v>
      </c>
      <c r="AD23168">
        <v>48</v>
      </c>
      <c r="AE23168">
        <v>49</v>
      </c>
      <c r="AF23168">
        <v>50</v>
      </c>
      <c r="AG23168">
        <v>51</v>
      </c>
      <c r="AH23168">
        <v>51</v>
      </c>
      <c r="AI23168">
        <v>52</v>
      </c>
      <c r="AJ23168">
        <v>53</v>
      </c>
      <c r="AK23168">
        <v>54</v>
      </c>
      <c r="AL23168">
        <v>55</v>
      </c>
      <c r="AM23168">
        <v>56</v>
      </c>
      <c r="AN23168">
        <v>57</v>
      </c>
      <c r="AO23168">
        <v>58</v>
      </c>
      <c r="AP23168">
        <v>58</v>
      </c>
      <c r="AQ23168">
        <v>59</v>
      </c>
    </row>
    <row r="23169" spans="1:43">
      <c r="A23169" t="s">
        <v>14351</v>
      </c>
      <c r="B23169" t="s">
        <v>14352</v>
      </c>
      <c r="C23169" t="s">
        <v>14347</v>
      </c>
      <c r="D23169" t="s">
        <v>14348</v>
      </c>
      <c r="E23169" t="s">
        <v>14307</v>
      </c>
      <c r="F23169" t="s">
        <v>14308</v>
      </c>
      <c r="G23169" t="s">
        <v>10734</v>
      </c>
      <c r="H23169" t="s">
        <v>10735</v>
      </c>
      <c r="I23169" s="2">
        <v>0</v>
      </c>
      <c r="J23169" s="2">
        <v>0</v>
      </c>
      <c r="K23169" s="2">
        <v>1</v>
      </c>
      <c r="L23169" t="s">
        <v>995</v>
      </c>
      <c r="M23169" t="s">
        <v>83</v>
      </c>
      <c r="N23169" t="s">
        <v>91</v>
      </c>
      <c r="O23169" t="s">
        <v>85</v>
      </c>
      <c r="P23169" t="s">
        <v>86</v>
      </c>
      <c r="Q23169">
        <v>31</v>
      </c>
      <c r="R23169">
        <v>32</v>
      </c>
      <c r="S23169">
        <v>33</v>
      </c>
      <c r="T23169">
        <v>34</v>
      </c>
      <c r="U23169">
        <v>35</v>
      </c>
      <c r="V23169">
        <v>36</v>
      </c>
      <c r="W23169">
        <v>37</v>
      </c>
      <c r="X23169">
        <v>38</v>
      </c>
      <c r="Y23169">
        <v>39</v>
      </c>
      <c r="Z23169">
        <v>40</v>
      </c>
      <c r="AA23169">
        <v>41</v>
      </c>
      <c r="AB23169">
        <v>42</v>
      </c>
      <c r="AC23169">
        <v>43</v>
      </c>
      <c r="AD23169">
        <v>44</v>
      </c>
      <c r="AE23169">
        <v>46</v>
      </c>
      <c r="AF23169">
        <v>47</v>
      </c>
      <c r="AG23169">
        <v>48</v>
      </c>
      <c r="AH23169">
        <v>49</v>
      </c>
      <c r="AI23169">
        <v>51</v>
      </c>
      <c r="AJ23169">
        <v>52</v>
      </c>
      <c r="AK23169">
        <v>53</v>
      </c>
      <c r="AL23169">
        <v>54</v>
      </c>
      <c r="AM23169">
        <v>55</v>
      </c>
      <c r="AN23169">
        <v>56</v>
      </c>
      <c r="AO23169">
        <v>57</v>
      </c>
      <c r="AP23169">
        <v>58</v>
      </c>
      <c r="AQ23169">
        <v>59</v>
      </c>
    </row>
    <row r="23170" spans="1:43">
      <c r="A23170" t="s">
        <v>14353</v>
      </c>
      <c r="B23170" t="s">
        <v>14354</v>
      </c>
      <c r="C23170" t="s">
        <v>14355</v>
      </c>
      <c r="D23170" t="s">
        <v>14356</v>
      </c>
      <c r="E23170" t="s">
        <v>14307</v>
      </c>
      <c r="F23170" t="s">
        <v>14308</v>
      </c>
      <c r="G23170" t="s">
        <v>10734</v>
      </c>
      <c r="H23170" t="s">
        <v>10735</v>
      </c>
      <c r="I23170" s="2">
        <v>0</v>
      </c>
      <c r="J23170" s="2">
        <v>0</v>
      </c>
      <c r="K23170" s="2">
        <v>1</v>
      </c>
      <c r="L23170" t="s">
        <v>995</v>
      </c>
      <c r="M23170" t="s">
        <v>83</v>
      </c>
      <c r="N23170" t="s">
        <v>84</v>
      </c>
      <c r="O23170" t="s">
        <v>85</v>
      </c>
      <c r="P23170" t="s">
        <v>86</v>
      </c>
      <c r="Q23170">
        <v>27</v>
      </c>
      <c r="R23170">
        <v>28</v>
      </c>
      <c r="S23170">
        <v>28</v>
      </c>
      <c r="T23170">
        <v>29</v>
      </c>
      <c r="U23170">
        <v>30</v>
      </c>
      <c r="V23170">
        <v>31</v>
      </c>
      <c r="W23170">
        <v>32</v>
      </c>
      <c r="X23170">
        <v>33</v>
      </c>
      <c r="Y23170">
        <v>33</v>
      </c>
      <c r="Z23170">
        <v>34</v>
      </c>
      <c r="AA23170">
        <v>35</v>
      </c>
      <c r="AB23170">
        <v>36</v>
      </c>
      <c r="AC23170">
        <v>37</v>
      </c>
      <c r="AD23170">
        <v>38</v>
      </c>
      <c r="AE23170">
        <v>39</v>
      </c>
      <c r="AF23170">
        <v>40</v>
      </c>
      <c r="AG23170">
        <v>41</v>
      </c>
      <c r="AH23170">
        <v>42</v>
      </c>
      <c r="AI23170">
        <v>43</v>
      </c>
      <c r="AJ23170">
        <v>44</v>
      </c>
      <c r="AK23170">
        <v>45</v>
      </c>
      <c r="AL23170">
        <v>46</v>
      </c>
      <c r="AM23170">
        <v>47</v>
      </c>
      <c r="AN23170">
        <v>47</v>
      </c>
      <c r="AO23170">
        <v>48</v>
      </c>
      <c r="AP23170">
        <v>49</v>
      </c>
      <c r="AQ23170">
        <v>49</v>
      </c>
    </row>
    <row r="23171" spans="1:43">
      <c r="A23171" t="s">
        <v>14353</v>
      </c>
      <c r="B23171" t="s">
        <v>14354</v>
      </c>
      <c r="C23171" t="s">
        <v>14355</v>
      </c>
      <c r="D23171" t="s">
        <v>14356</v>
      </c>
      <c r="E23171" t="s">
        <v>14307</v>
      </c>
      <c r="F23171" t="s">
        <v>14308</v>
      </c>
      <c r="G23171" t="s">
        <v>10734</v>
      </c>
      <c r="H23171" t="s">
        <v>10735</v>
      </c>
      <c r="I23171" s="2">
        <v>0</v>
      </c>
      <c r="J23171" s="2">
        <v>0</v>
      </c>
      <c r="K23171" s="2">
        <v>1</v>
      </c>
      <c r="L23171" t="s">
        <v>995</v>
      </c>
      <c r="M23171" t="s">
        <v>87</v>
      </c>
      <c r="N23171" t="s">
        <v>88</v>
      </c>
      <c r="O23171" t="s">
        <v>85</v>
      </c>
      <c r="P23171" t="s">
        <v>86</v>
      </c>
      <c r="Q23171">
        <v>27</v>
      </c>
      <c r="R23171">
        <v>27</v>
      </c>
      <c r="S23171">
        <v>28</v>
      </c>
      <c r="T23171">
        <v>28</v>
      </c>
      <c r="U23171">
        <v>29</v>
      </c>
      <c r="V23171">
        <v>29</v>
      </c>
      <c r="W23171">
        <v>30</v>
      </c>
      <c r="X23171">
        <v>30</v>
      </c>
      <c r="Y23171">
        <v>31</v>
      </c>
      <c r="Z23171">
        <v>31</v>
      </c>
      <c r="AA23171">
        <v>32</v>
      </c>
      <c r="AB23171">
        <v>33</v>
      </c>
      <c r="AC23171">
        <v>33</v>
      </c>
      <c r="AD23171">
        <v>34</v>
      </c>
      <c r="AE23171">
        <v>34</v>
      </c>
      <c r="AF23171">
        <v>35</v>
      </c>
      <c r="AG23171">
        <v>36</v>
      </c>
      <c r="AH23171">
        <v>36</v>
      </c>
      <c r="AI23171">
        <v>37</v>
      </c>
      <c r="AJ23171">
        <v>38</v>
      </c>
      <c r="AK23171">
        <v>38</v>
      </c>
      <c r="AL23171">
        <v>39</v>
      </c>
      <c r="AM23171">
        <v>40</v>
      </c>
      <c r="AN23171">
        <v>41</v>
      </c>
      <c r="AO23171">
        <v>41</v>
      </c>
      <c r="AP23171">
        <v>42</v>
      </c>
      <c r="AQ23171">
        <v>43</v>
      </c>
    </row>
    <row r="23172" spans="1:43">
      <c r="A23172" t="s">
        <v>14353</v>
      </c>
      <c r="B23172" t="s">
        <v>14354</v>
      </c>
      <c r="C23172" t="s">
        <v>14355</v>
      </c>
      <c r="D23172" t="s">
        <v>14356</v>
      </c>
      <c r="E23172" t="s">
        <v>14307</v>
      </c>
      <c r="F23172" t="s">
        <v>14308</v>
      </c>
      <c r="G23172" t="s">
        <v>10734</v>
      </c>
      <c r="H23172" t="s">
        <v>10735</v>
      </c>
      <c r="I23172" s="2">
        <v>0</v>
      </c>
      <c r="J23172" s="2">
        <v>0</v>
      </c>
      <c r="K23172" s="2">
        <v>1</v>
      </c>
      <c r="L23172" t="s">
        <v>995</v>
      </c>
      <c r="M23172" t="s">
        <v>89</v>
      </c>
      <c r="N23172" t="s">
        <v>90</v>
      </c>
      <c r="O23172" t="s">
        <v>85</v>
      </c>
      <c r="P23172" t="s">
        <v>86</v>
      </c>
      <c r="Q23172">
        <v>27</v>
      </c>
      <c r="R23172">
        <v>28</v>
      </c>
      <c r="S23172">
        <v>29</v>
      </c>
      <c r="T23172">
        <v>30</v>
      </c>
      <c r="U23172">
        <v>31</v>
      </c>
      <c r="V23172">
        <v>32</v>
      </c>
      <c r="W23172">
        <v>33</v>
      </c>
      <c r="X23172">
        <v>34</v>
      </c>
      <c r="Y23172">
        <v>35</v>
      </c>
      <c r="Z23172">
        <v>36</v>
      </c>
      <c r="AA23172">
        <v>37</v>
      </c>
      <c r="AB23172">
        <v>38</v>
      </c>
      <c r="AC23172">
        <v>40</v>
      </c>
      <c r="AD23172">
        <v>41</v>
      </c>
      <c r="AE23172">
        <v>42</v>
      </c>
      <c r="AF23172">
        <v>42</v>
      </c>
      <c r="AG23172">
        <v>43</v>
      </c>
      <c r="AH23172">
        <v>44</v>
      </c>
      <c r="AI23172">
        <v>44</v>
      </c>
      <c r="AJ23172">
        <v>45</v>
      </c>
      <c r="AK23172">
        <v>46</v>
      </c>
      <c r="AL23172">
        <v>46</v>
      </c>
      <c r="AM23172">
        <v>47</v>
      </c>
      <c r="AN23172">
        <v>48</v>
      </c>
      <c r="AO23172">
        <v>48</v>
      </c>
      <c r="AP23172">
        <v>49</v>
      </c>
      <c r="AQ23172">
        <v>50</v>
      </c>
    </row>
    <row r="23173" spans="1:43">
      <c r="A23173" t="s">
        <v>14353</v>
      </c>
      <c r="B23173" t="s">
        <v>14354</v>
      </c>
      <c r="C23173" t="s">
        <v>14355</v>
      </c>
      <c r="D23173" t="s">
        <v>14356</v>
      </c>
      <c r="E23173" t="s">
        <v>14307</v>
      </c>
      <c r="F23173" t="s">
        <v>14308</v>
      </c>
      <c r="G23173" t="s">
        <v>10734</v>
      </c>
      <c r="H23173" t="s">
        <v>10735</v>
      </c>
      <c r="I23173" s="2">
        <v>0</v>
      </c>
      <c r="J23173" s="2">
        <v>0</v>
      </c>
      <c r="K23173" s="2">
        <v>1</v>
      </c>
      <c r="L23173" t="s">
        <v>995</v>
      </c>
      <c r="M23173" t="s">
        <v>83</v>
      </c>
      <c r="N23173" t="s">
        <v>91</v>
      </c>
      <c r="O23173" t="s">
        <v>85</v>
      </c>
      <c r="P23173" t="s">
        <v>86</v>
      </c>
      <c r="Q23173">
        <v>27</v>
      </c>
      <c r="R23173">
        <v>28</v>
      </c>
      <c r="S23173">
        <v>28</v>
      </c>
      <c r="T23173">
        <v>29</v>
      </c>
      <c r="U23173">
        <v>30</v>
      </c>
      <c r="V23173">
        <v>31</v>
      </c>
      <c r="W23173">
        <v>32</v>
      </c>
      <c r="X23173">
        <v>33</v>
      </c>
      <c r="Y23173">
        <v>33</v>
      </c>
      <c r="Z23173">
        <v>34</v>
      </c>
      <c r="AA23173">
        <v>35</v>
      </c>
      <c r="AB23173">
        <v>36</v>
      </c>
      <c r="AC23173">
        <v>37</v>
      </c>
      <c r="AD23173">
        <v>38</v>
      </c>
      <c r="AE23173">
        <v>39</v>
      </c>
      <c r="AF23173">
        <v>40</v>
      </c>
      <c r="AG23173">
        <v>41</v>
      </c>
      <c r="AH23173">
        <v>42</v>
      </c>
      <c r="AI23173">
        <v>43</v>
      </c>
      <c r="AJ23173">
        <v>44</v>
      </c>
      <c r="AK23173">
        <v>45</v>
      </c>
      <c r="AL23173">
        <v>46</v>
      </c>
      <c r="AM23173">
        <v>47</v>
      </c>
      <c r="AN23173">
        <v>47</v>
      </c>
      <c r="AO23173">
        <v>48</v>
      </c>
      <c r="AP23173">
        <v>49</v>
      </c>
      <c r="AQ23173">
        <v>49</v>
      </c>
    </row>
    <row r="23174" spans="1:43">
      <c r="A23174" t="s">
        <v>14357</v>
      </c>
      <c r="B23174" t="s">
        <v>14358</v>
      </c>
      <c r="C23174" t="s">
        <v>14355</v>
      </c>
      <c r="D23174" t="s">
        <v>14356</v>
      </c>
      <c r="E23174" t="s">
        <v>14307</v>
      </c>
      <c r="F23174" t="s">
        <v>14308</v>
      </c>
      <c r="G23174" t="s">
        <v>10734</v>
      </c>
      <c r="H23174" t="s">
        <v>10735</v>
      </c>
      <c r="I23174" s="2">
        <v>0</v>
      </c>
      <c r="J23174" s="2">
        <v>0</v>
      </c>
      <c r="K23174" s="2">
        <v>1</v>
      </c>
      <c r="L23174" t="s">
        <v>995</v>
      </c>
      <c r="M23174" t="s">
        <v>83</v>
      </c>
      <c r="N23174" t="s">
        <v>84</v>
      </c>
      <c r="O23174" t="s">
        <v>85</v>
      </c>
      <c r="P23174" t="s">
        <v>86</v>
      </c>
      <c r="Q23174">
        <v>81</v>
      </c>
      <c r="R23174">
        <v>84</v>
      </c>
      <c r="S23174">
        <v>86</v>
      </c>
      <c r="T23174">
        <v>89</v>
      </c>
      <c r="U23174">
        <v>91</v>
      </c>
      <c r="V23174">
        <v>94</v>
      </c>
      <c r="W23174">
        <v>97</v>
      </c>
      <c r="X23174">
        <v>99</v>
      </c>
      <c r="Y23174">
        <v>102</v>
      </c>
      <c r="Z23174">
        <v>105</v>
      </c>
      <c r="AA23174">
        <v>108</v>
      </c>
      <c r="AB23174">
        <v>111</v>
      </c>
      <c r="AC23174">
        <v>114</v>
      </c>
      <c r="AD23174">
        <v>117</v>
      </c>
      <c r="AE23174">
        <v>120</v>
      </c>
      <c r="AF23174">
        <v>123</v>
      </c>
      <c r="AG23174">
        <v>126</v>
      </c>
      <c r="AH23174">
        <v>130</v>
      </c>
      <c r="AI23174">
        <v>133</v>
      </c>
      <c r="AJ23174">
        <v>136</v>
      </c>
      <c r="AK23174">
        <v>140</v>
      </c>
      <c r="AL23174">
        <v>143</v>
      </c>
      <c r="AM23174">
        <v>145</v>
      </c>
      <c r="AN23174">
        <v>147</v>
      </c>
      <c r="AO23174">
        <v>150</v>
      </c>
      <c r="AP23174">
        <v>152</v>
      </c>
      <c r="AQ23174">
        <v>155</v>
      </c>
    </row>
    <row r="23175" spans="1:43">
      <c r="A23175" t="s">
        <v>14357</v>
      </c>
      <c r="B23175" t="s">
        <v>14358</v>
      </c>
      <c r="C23175" t="s">
        <v>14355</v>
      </c>
      <c r="D23175" t="s">
        <v>14356</v>
      </c>
      <c r="E23175" t="s">
        <v>14307</v>
      </c>
      <c r="F23175" t="s">
        <v>14308</v>
      </c>
      <c r="G23175" t="s">
        <v>10734</v>
      </c>
      <c r="H23175" t="s">
        <v>10735</v>
      </c>
      <c r="I23175" s="2">
        <v>0</v>
      </c>
      <c r="J23175" s="2">
        <v>0</v>
      </c>
      <c r="K23175" s="2">
        <v>1</v>
      </c>
      <c r="L23175" t="s">
        <v>995</v>
      </c>
      <c r="M23175" t="s">
        <v>87</v>
      </c>
      <c r="N23175" t="s">
        <v>88</v>
      </c>
      <c r="O23175" t="s">
        <v>85</v>
      </c>
      <c r="P23175" t="s">
        <v>86</v>
      </c>
      <c r="Q23175">
        <v>81</v>
      </c>
      <c r="R23175">
        <v>83</v>
      </c>
      <c r="S23175">
        <v>85</v>
      </c>
      <c r="T23175">
        <v>86</v>
      </c>
      <c r="U23175">
        <v>88</v>
      </c>
      <c r="V23175">
        <v>90</v>
      </c>
      <c r="W23175">
        <v>92</v>
      </c>
      <c r="X23175">
        <v>94</v>
      </c>
      <c r="Y23175">
        <v>95</v>
      </c>
      <c r="Z23175">
        <v>97</v>
      </c>
      <c r="AA23175">
        <v>99</v>
      </c>
      <c r="AB23175">
        <v>101</v>
      </c>
      <c r="AC23175">
        <v>103</v>
      </c>
      <c r="AD23175">
        <v>105</v>
      </c>
      <c r="AE23175">
        <v>107</v>
      </c>
      <c r="AF23175">
        <v>110</v>
      </c>
      <c r="AG23175">
        <v>112</v>
      </c>
      <c r="AH23175">
        <v>114</v>
      </c>
      <c r="AI23175">
        <v>116</v>
      </c>
      <c r="AJ23175">
        <v>119</v>
      </c>
      <c r="AK23175">
        <v>121</v>
      </c>
      <c r="AL23175">
        <v>123</v>
      </c>
      <c r="AM23175">
        <v>126</v>
      </c>
      <c r="AN23175">
        <v>128</v>
      </c>
      <c r="AO23175">
        <v>131</v>
      </c>
      <c r="AP23175">
        <v>133</v>
      </c>
      <c r="AQ23175">
        <v>136</v>
      </c>
    </row>
    <row r="23176" spans="1:43">
      <c r="A23176" t="s">
        <v>14357</v>
      </c>
      <c r="B23176" t="s">
        <v>14358</v>
      </c>
      <c r="C23176" t="s">
        <v>14355</v>
      </c>
      <c r="D23176" t="s">
        <v>14356</v>
      </c>
      <c r="E23176" t="s">
        <v>14307</v>
      </c>
      <c r="F23176" t="s">
        <v>14308</v>
      </c>
      <c r="G23176" t="s">
        <v>10734</v>
      </c>
      <c r="H23176" t="s">
        <v>10735</v>
      </c>
      <c r="I23176" s="2">
        <v>0</v>
      </c>
      <c r="J23176" s="2">
        <v>0</v>
      </c>
      <c r="K23176" s="2">
        <v>1</v>
      </c>
      <c r="L23176" t="s">
        <v>995</v>
      </c>
      <c r="M23176" t="s">
        <v>89</v>
      </c>
      <c r="N23176" t="s">
        <v>90</v>
      </c>
      <c r="O23176" t="s">
        <v>85</v>
      </c>
      <c r="P23176" t="s">
        <v>86</v>
      </c>
      <c r="Q23176">
        <v>81</v>
      </c>
      <c r="R23176">
        <v>84</v>
      </c>
      <c r="S23176">
        <v>87</v>
      </c>
      <c r="T23176">
        <v>91</v>
      </c>
      <c r="U23176">
        <v>94</v>
      </c>
      <c r="V23176">
        <v>97</v>
      </c>
      <c r="W23176">
        <v>101</v>
      </c>
      <c r="X23176">
        <v>104</v>
      </c>
      <c r="Y23176">
        <v>107</v>
      </c>
      <c r="Z23176">
        <v>110</v>
      </c>
      <c r="AA23176">
        <v>114</v>
      </c>
      <c r="AB23176">
        <v>117</v>
      </c>
      <c r="AC23176">
        <v>121</v>
      </c>
      <c r="AD23176">
        <v>124</v>
      </c>
      <c r="AE23176">
        <v>127</v>
      </c>
      <c r="AF23176">
        <v>129</v>
      </c>
      <c r="AG23176">
        <v>132</v>
      </c>
      <c r="AH23176">
        <v>134</v>
      </c>
      <c r="AI23176">
        <v>136</v>
      </c>
      <c r="AJ23176">
        <v>138</v>
      </c>
      <c r="AK23176">
        <v>141</v>
      </c>
      <c r="AL23176">
        <v>143</v>
      </c>
      <c r="AM23176">
        <v>145</v>
      </c>
      <c r="AN23176">
        <v>148</v>
      </c>
      <c r="AO23176">
        <v>150</v>
      </c>
      <c r="AP23176">
        <v>152</v>
      </c>
      <c r="AQ23176">
        <v>155</v>
      </c>
    </row>
    <row r="23177" spans="1:43">
      <c r="A23177" t="s">
        <v>14357</v>
      </c>
      <c r="B23177" t="s">
        <v>14358</v>
      </c>
      <c r="C23177" t="s">
        <v>14355</v>
      </c>
      <c r="D23177" t="s">
        <v>14356</v>
      </c>
      <c r="E23177" t="s">
        <v>14307</v>
      </c>
      <c r="F23177" t="s">
        <v>14308</v>
      </c>
      <c r="G23177" t="s">
        <v>10734</v>
      </c>
      <c r="H23177" t="s">
        <v>10735</v>
      </c>
      <c r="I23177" s="2">
        <v>0</v>
      </c>
      <c r="J23177" s="2">
        <v>0</v>
      </c>
      <c r="K23177" s="2">
        <v>1</v>
      </c>
      <c r="L23177" t="s">
        <v>995</v>
      </c>
      <c r="M23177" t="s">
        <v>83</v>
      </c>
      <c r="N23177" t="s">
        <v>91</v>
      </c>
      <c r="O23177" t="s">
        <v>85</v>
      </c>
      <c r="P23177" t="s">
        <v>86</v>
      </c>
      <c r="Q23177">
        <v>81</v>
      </c>
      <c r="R23177">
        <v>84</v>
      </c>
      <c r="S23177">
        <v>86</v>
      </c>
      <c r="T23177">
        <v>89</v>
      </c>
      <c r="U23177">
        <v>91</v>
      </c>
      <c r="V23177">
        <v>94</v>
      </c>
      <c r="W23177">
        <v>97</v>
      </c>
      <c r="X23177">
        <v>99</v>
      </c>
      <c r="Y23177">
        <v>102</v>
      </c>
      <c r="Z23177">
        <v>105</v>
      </c>
      <c r="AA23177">
        <v>108</v>
      </c>
      <c r="AB23177">
        <v>111</v>
      </c>
      <c r="AC23177">
        <v>114</v>
      </c>
      <c r="AD23177">
        <v>117</v>
      </c>
      <c r="AE23177">
        <v>120</v>
      </c>
      <c r="AF23177">
        <v>123</v>
      </c>
      <c r="AG23177">
        <v>126</v>
      </c>
      <c r="AH23177">
        <v>130</v>
      </c>
      <c r="AI23177">
        <v>133</v>
      </c>
      <c r="AJ23177">
        <v>136</v>
      </c>
      <c r="AK23177">
        <v>140</v>
      </c>
      <c r="AL23177">
        <v>143</v>
      </c>
      <c r="AM23177">
        <v>145</v>
      </c>
      <c r="AN23177">
        <v>147</v>
      </c>
      <c r="AO23177">
        <v>150</v>
      </c>
      <c r="AP23177">
        <v>152</v>
      </c>
      <c r="AQ23177">
        <v>155</v>
      </c>
    </row>
    <row r="23178" spans="1:43">
      <c r="A23178" t="s">
        <v>14359</v>
      </c>
      <c r="B23178" t="s">
        <v>14360</v>
      </c>
      <c r="C23178" t="s">
        <v>14355</v>
      </c>
      <c r="D23178" t="s">
        <v>14356</v>
      </c>
      <c r="E23178" t="s">
        <v>14307</v>
      </c>
      <c r="F23178" t="s">
        <v>14308</v>
      </c>
      <c r="G23178" t="s">
        <v>10734</v>
      </c>
      <c r="H23178" t="s">
        <v>10735</v>
      </c>
      <c r="I23178" s="2">
        <v>0</v>
      </c>
      <c r="J23178" s="2">
        <v>0</v>
      </c>
      <c r="K23178" s="2">
        <v>1</v>
      </c>
      <c r="L23178" t="s">
        <v>995</v>
      </c>
      <c r="M23178" t="s">
        <v>83</v>
      </c>
      <c r="N23178" t="s">
        <v>84</v>
      </c>
      <c r="O23178" t="s">
        <v>85</v>
      </c>
      <c r="P23178" t="s">
        <v>86</v>
      </c>
      <c r="Q23178">
        <v>26</v>
      </c>
      <c r="R23178">
        <v>27</v>
      </c>
      <c r="S23178">
        <v>27</v>
      </c>
      <c r="T23178">
        <v>28</v>
      </c>
      <c r="U23178">
        <v>29</v>
      </c>
      <c r="V23178">
        <v>30</v>
      </c>
      <c r="W23178">
        <v>31</v>
      </c>
      <c r="X23178">
        <v>32</v>
      </c>
      <c r="Y23178">
        <v>33</v>
      </c>
      <c r="Z23178">
        <v>33</v>
      </c>
      <c r="AA23178">
        <v>34</v>
      </c>
      <c r="AB23178">
        <v>35</v>
      </c>
      <c r="AC23178">
        <v>36</v>
      </c>
      <c r="AD23178">
        <v>37</v>
      </c>
      <c r="AE23178">
        <v>38</v>
      </c>
      <c r="AF23178">
        <v>39</v>
      </c>
      <c r="AG23178">
        <v>40</v>
      </c>
      <c r="AH23178">
        <v>41</v>
      </c>
      <c r="AI23178">
        <v>42</v>
      </c>
      <c r="AJ23178">
        <v>43</v>
      </c>
      <c r="AK23178">
        <v>45</v>
      </c>
      <c r="AL23178">
        <v>45</v>
      </c>
      <c r="AM23178">
        <v>46</v>
      </c>
      <c r="AN23178">
        <v>47</v>
      </c>
      <c r="AO23178">
        <v>48</v>
      </c>
      <c r="AP23178">
        <v>48</v>
      </c>
      <c r="AQ23178">
        <v>49</v>
      </c>
    </row>
    <row r="23179" spans="1:43">
      <c r="A23179" t="s">
        <v>14359</v>
      </c>
      <c r="B23179" t="s">
        <v>14360</v>
      </c>
      <c r="C23179" t="s">
        <v>14355</v>
      </c>
      <c r="D23179" t="s">
        <v>14356</v>
      </c>
      <c r="E23179" t="s">
        <v>14307</v>
      </c>
      <c r="F23179" t="s">
        <v>14308</v>
      </c>
      <c r="G23179" t="s">
        <v>10734</v>
      </c>
      <c r="H23179" t="s">
        <v>10735</v>
      </c>
      <c r="I23179" s="2">
        <v>0</v>
      </c>
      <c r="J23179" s="2">
        <v>0</v>
      </c>
      <c r="K23179" s="2">
        <v>1</v>
      </c>
      <c r="L23179" t="s">
        <v>995</v>
      </c>
      <c r="M23179" t="s">
        <v>87</v>
      </c>
      <c r="N23179" t="s">
        <v>88</v>
      </c>
      <c r="O23179" t="s">
        <v>85</v>
      </c>
      <c r="P23179" t="s">
        <v>86</v>
      </c>
      <c r="Q23179">
        <v>26</v>
      </c>
      <c r="R23179">
        <v>26</v>
      </c>
      <c r="S23179">
        <v>27</v>
      </c>
      <c r="T23179">
        <v>27</v>
      </c>
      <c r="U23179">
        <v>28</v>
      </c>
      <c r="V23179">
        <v>28</v>
      </c>
      <c r="W23179">
        <v>29</v>
      </c>
      <c r="X23179">
        <v>29</v>
      </c>
      <c r="Y23179">
        <v>30</v>
      </c>
      <c r="Z23179">
        <v>31</v>
      </c>
      <c r="AA23179">
        <v>31</v>
      </c>
      <c r="AB23179">
        <v>32</v>
      </c>
      <c r="AC23179">
        <v>33</v>
      </c>
      <c r="AD23179">
        <v>33</v>
      </c>
      <c r="AE23179">
        <v>34</v>
      </c>
      <c r="AF23179">
        <v>35</v>
      </c>
      <c r="AG23179">
        <v>35</v>
      </c>
      <c r="AH23179">
        <v>36</v>
      </c>
      <c r="AI23179">
        <v>37</v>
      </c>
      <c r="AJ23179">
        <v>37</v>
      </c>
      <c r="AK23179">
        <v>38</v>
      </c>
      <c r="AL23179">
        <v>39</v>
      </c>
      <c r="AM23179">
        <v>40</v>
      </c>
      <c r="AN23179">
        <v>41</v>
      </c>
      <c r="AO23179">
        <v>41</v>
      </c>
      <c r="AP23179">
        <v>42</v>
      </c>
      <c r="AQ23179">
        <v>43</v>
      </c>
    </row>
    <row r="23180" spans="1:43">
      <c r="A23180" t="s">
        <v>14359</v>
      </c>
      <c r="B23180" t="s">
        <v>14360</v>
      </c>
      <c r="C23180" t="s">
        <v>14355</v>
      </c>
      <c r="D23180" t="s">
        <v>14356</v>
      </c>
      <c r="E23180" t="s">
        <v>14307</v>
      </c>
      <c r="F23180" t="s">
        <v>14308</v>
      </c>
      <c r="G23180" t="s">
        <v>10734</v>
      </c>
      <c r="H23180" t="s">
        <v>10735</v>
      </c>
      <c r="I23180" s="2">
        <v>0</v>
      </c>
      <c r="J23180" s="2">
        <v>0</v>
      </c>
      <c r="K23180" s="2">
        <v>1</v>
      </c>
      <c r="L23180" t="s">
        <v>995</v>
      </c>
      <c r="M23180" t="s">
        <v>89</v>
      </c>
      <c r="N23180" t="s">
        <v>90</v>
      </c>
      <c r="O23180" t="s">
        <v>85</v>
      </c>
      <c r="P23180" t="s">
        <v>86</v>
      </c>
      <c r="Q23180">
        <v>26</v>
      </c>
      <c r="R23180">
        <v>27</v>
      </c>
      <c r="S23180">
        <v>28</v>
      </c>
      <c r="T23180">
        <v>29</v>
      </c>
      <c r="U23180">
        <v>30</v>
      </c>
      <c r="V23180">
        <v>31</v>
      </c>
      <c r="W23180">
        <v>32</v>
      </c>
      <c r="X23180">
        <v>33</v>
      </c>
      <c r="Y23180">
        <v>34</v>
      </c>
      <c r="Z23180">
        <v>35</v>
      </c>
      <c r="AA23180">
        <v>37</v>
      </c>
      <c r="AB23180">
        <v>38</v>
      </c>
      <c r="AC23180">
        <v>39</v>
      </c>
      <c r="AD23180">
        <v>40</v>
      </c>
      <c r="AE23180">
        <v>41</v>
      </c>
      <c r="AF23180">
        <v>42</v>
      </c>
      <c r="AG23180">
        <v>42</v>
      </c>
      <c r="AH23180">
        <v>43</v>
      </c>
      <c r="AI23180">
        <v>44</v>
      </c>
      <c r="AJ23180">
        <v>44</v>
      </c>
      <c r="AK23180">
        <v>45</v>
      </c>
      <c r="AL23180">
        <v>46</v>
      </c>
      <c r="AM23180">
        <v>47</v>
      </c>
      <c r="AN23180">
        <v>47</v>
      </c>
      <c r="AO23180">
        <v>48</v>
      </c>
      <c r="AP23180">
        <v>49</v>
      </c>
      <c r="AQ23180">
        <v>50</v>
      </c>
    </row>
    <row r="23181" spans="1:43">
      <c r="A23181" t="s">
        <v>14359</v>
      </c>
      <c r="B23181" t="s">
        <v>14360</v>
      </c>
      <c r="C23181" t="s">
        <v>14355</v>
      </c>
      <c r="D23181" t="s">
        <v>14356</v>
      </c>
      <c r="E23181" t="s">
        <v>14307</v>
      </c>
      <c r="F23181" t="s">
        <v>14308</v>
      </c>
      <c r="G23181" t="s">
        <v>10734</v>
      </c>
      <c r="H23181" t="s">
        <v>10735</v>
      </c>
      <c r="I23181" s="2">
        <v>0</v>
      </c>
      <c r="J23181" s="2">
        <v>0</v>
      </c>
      <c r="K23181" s="2">
        <v>1</v>
      </c>
      <c r="L23181" t="s">
        <v>995</v>
      </c>
      <c r="M23181" t="s">
        <v>83</v>
      </c>
      <c r="N23181" t="s">
        <v>91</v>
      </c>
      <c r="O23181" t="s">
        <v>85</v>
      </c>
      <c r="P23181" t="s">
        <v>86</v>
      </c>
      <c r="Q23181">
        <v>26</v>
      </c>
      <c r="R23181">
        <v>27</v>
      </c>
      <c r="S23181">
        <v>27</v>
      </c>
      <c r="T23181">
        <v>28</v>
      </c>
      <c r="U23181">
        <v>29</v>
      </c>
      <c r="V23181">
        <v>30</v>
      </c>
      <c r="W23181">
        <v>31</v>
      </c>
      <c r="X23181">
        <v>32</v>
      </c>
      <c r="Y23181">
        <v>33</v>
      </c>
      <c r="Z23181">
        <v>33</v>
      </c>
      <c r="AA23181">
        <v>34</v>
      </c>
      <c r="AB23181">
        <v>35</v>
      </c>
      <c r="AC23181">
        <v>36</v>
      </c>
      <c r="AD23181">
        <v>37</v>
      </c>
      <c r="AE23181">
        <v>38</v>
      </c>
      <c r="AF23181">
        <v>39</v>
      </c>
      <c r="AG23181">
        <v>40</v>
      </c>
      <c r="AH23181">
        <v>41</v>
      </c>
      <c r="AI23181">
        <v>42</v>
      </c>
      <c r="AJ23181">
        <v>43</v>
      </c>
      <c r="AK23181">
        <v>45</v>
      </c>
      <c r="AL23181">
        <v>45</v>
      </c>
      <c r="AM23181">
        <v>46</v>
      </c>
      <c r="AN23181">
        <v>47</v>
      </c>
      <c r="AO23181">
        <v>48</v>
      </c>
      <c r="AP23181">
        <v>48</v>
      </c>
      <c r="AQ23181">
        <v>49</v>
      </c>
    </row>
    <row r="23182" spans="1:43">
      <c r="A23182" t="s">
        <v>14361</v>
      </c>
      <c r="B23182" t="s">
        <v>14362</v>
      </c>
      <c r="C23182" t="s">
        <v>14355</v>
      </c>
      <c r="D23182" t="s">
        <v>14356</v>
      </c>
      <c r="E23182" t="s">
        <v>14307</v>
      </c>
      <c r="F23182" t="s">
        <v>14308</v>
      </c>
      <c r="G23182" t="s">
        <v>10734</v>
      </c>
      <c r="H23182" t="s">
        <v>10735</v>
      </c>
      <c r="I23182" s="2">
        <v>0</v>
      </c>
      <c r="J23182" s="2">
        <v>0</v>
      </c>
      <c r="K23182" s="2">
        <v>1</v>
      </c>
      <c r="L23182" t="s">
        <v>995</v>
      </c>
      <c r="M23182" t="s">
        <v>83</v>
      </c>
      <c r="N23182" t="s">
        <v>84</v>
      </c>
      <c r="O23182" t="s">
        <v>85</v>
      </c>
      <c r="P23182" t="s">
        <v>86</v>
      </c>
      <c r="Q23182">
        <v>29</v>
      </c>
      <c r="R23182">
        <v>30</v>
      </c>
      <c r="S23182">
        <v>31</v>
      </c>
      <c r="T23182">
        <v>32</v>
      </c>
      <c r="U23182">
        <v>33</v>
      </c>
      <c r="V23182">
        <v>34</v>
      </c>
      <c r="W23182">
        <v>35</v>
      </c>
      <c r="X23182">
        <v>36</v>
      </c>
      <c r="Y23182">
        <v>37</v>
      </c>
      <c r="Z23182">
        <v>38</v>
      </c>
      <c r="AA23182">
        <v>39</v>
      </c>
      <c r="AB23182">
        <v>40</v>
      </c>
      <c r="AC23182">
        <v>41</v>
      </c>
      <c r="AD23182">
        <v>42</v>
      </c>
      <c r="AE23182">
        <v>43</v>
      </c>
      <c r="AF23182">
        <v>44</v>
      </c>
      <c r="AG23182">
        <v>46</v>
      </c>
      <c r="AH23182">
        <v>47</v>
      </c>
      <c r="AI23182">
        <v>48</v>
      </c>
      <c r="AJ23182">
        <v>49</v>
      </c>
      <c r="AK23182">
        <v>51</v>
      </c>
      <c r="AL23182">
        <v>52</v>
      </c>
      <c r="AM23182">
        <v>52</v>
      </c>
      <c r="AN23182">
        <v>53</v>
      </c>
      <c r="AO23182">
        <v>54</v>
      </c>
      <c r="AP23182">
        <v>55</v>
      </c>
      <c r="AQ23182">
        <v>56</v>
      </c>
    </row>
    <row r="23183" spans="1:43">
      <c r="A23183" t="s">
        <v>14361</v>
      </c>
      <c r="B23183" t="s">
        <v>14362</v>
      </c>
      <c r="C23183" t="s">
        <v>14355</v>
      </c>
      <c r="D23183" t="s">
        <v>14356</v>
      </c>
      <c r="E23183" t="s">
        <v>14307</v>
      </c>
      <c r="F23183" t="s">
        <v>14308</v>
      </c>
      <c r="G23183" t="s">
        <v>10734</v>
      </c>
      <c r="H23183" t="s">
        <v>10735</v>
      </c>
      <c r="I23183" s="2">
        <v>0</v>
      </c>
      <c r="J23183" s="2">
        <v>0</v>
      </c>
      <c r="K23183" s="2">
        <v>1</v>
      </c>
      <c r="L23183" t="s">
        <v>995</v>
      </c>
      <c r="M23183" t="s">
        <v>87</v>
      </c>
      <c r="N23183" t="s">
        <v>88</v>
      </c>
      <c r="O23183" t="s">
        <v>85</v>
      </c>
      <c r="P23183" t="s">
        <v>86</v>
      </c>
      <c r="Q23183">
        <v>29</v>
      </c>
      <c r="R23183">
        <v>30</v>
      </c>
      <c r="S23183">
        <v>30</v>
      </c>
      <c r="T23183">
        <v>31</v>
      </c>
      <c r="U23183">
        <v>31</v>
      </c>
      <c r="V23183">
        <v>32</v>
      </c>
      <c r="W23183">
        <v>33</v>
      </c>
      <c r="X23183">
        <v>33</v>
      </c>
      <c r="Y23183">
        <v>34</v>
      </c>
      <c r="Z23183">
        <v>35</v>
      </c>
      <c r="AA23183">
        <v>35</v>
      </c>
      <c r="AB23183">
        <v>36</v>
      </c>
      <c r="AC23183">
        <v>37</v>
      </c>
      <c r="AD23183">
        <v>38</v>
      </c>
      <c r="AE23183">
        <v>38</v>
      </c>
      <c r="AF23183">
        <v>39</v>
      </c>
      <c r="AG23183">
        <v>40</v>
      </c>
      <c r="AH23183">
        <v>41</v>
      </c>
      <c r="AI23183">
        <v>42</v>
      </c>
      <c r="AJ23183">
        <v>42</v>
      </c>
      <c r="AK23183">
        <v>43</v>
      </c>
      <c r="AL23183">
        <v>44</v>
      </c>
      <c r="AM23183">
        <v>45</v>
      </c>
      <c r="AN23183">
        <v>46</v>
      </c>
      <c r="AO23183">
        <v>47</v>
      </c>
      <c r="AP23183">
        <v>48</v>
      </c>
      <c r="AQ23183">
        <v>49</v>
      </c>
    </row>
    <row r="23184" spans="1:43">
      <c r="A23184" t="s">
        <v>14361</v>
      </c>
      <c r="B23184" t="s">
        <v>14362</v>
      </c>
      <c r="C23184" t="s">
        <v>14355</v>
      </c>
      <c r="D23184" t="s">
        <v>14356</v>
      </c>
      <c r="E23184" t="s">
        <v>14307</v>
      </c>
      <c r="F23184" t="s">
        <v>14308</v>
      </c>
      <c r="G23184" t="s">
        <v>10734</v>
      </c>
      <c r="H23184" t="s">
        <v>10735</v>
      </c>
      <c r="I23184" s="2">
        <v>0</v>
      </c>
      <c r="J23184" s="2">
        <v>0</v>
      </c>
      <c r="K23184" s="2">
        <v>1</v>
      </c>
      <c r="L23184" t="s">
        <v>995</v>
      </c>
      <c r="M23184" t="s">
        <v>89</v>
      </c>
      <c r="N23184" t="s">
        <v>90</v>
      </c>
      <c r="O23184" t="s">
        <v>85</v>
      </c>
      <c r="P23184" t="s">
        <v>86</v>
      </c>
      <c r="Q23184">
        <v>29</v>
      </c>
      <c r="R23184">
        <v>30</v>
      </c>
      <c r="S23184">
        <v>31</v>
      </c>
      <c r="T23184">
        <v>32</v>
      </c>
      <c r="U23184">
        <v>33</v>
      </c>
      <c r="V23184">
        <v>34</v>
      </c>
      <c r="W23184">
        <v>36</v>
      </c>
      <c r="X23184">
        <v>37</v>
      </c>
      <c r="Y23184">
        <v>38</v>
      </c>
      <c r="Z23184">
        <v>39</v>
      </c>
      <c r="AA23184">
        <v>40</v>
      </c>
      <c r="AB23184">
        <v>42</v>
      </c>
      <c r="AC23184">
        <v>43</v>
      </c>
      <c r="AD23184">
        <v>44</v>
      </c>
      <c r="AE23184">
        <v>45</v>
      </c>
      <c r="AF23184">
        <v>46</v>
      </c>
      <c r="AG23184">
        <v>47</v>
      </c>
      <c r="AH23184">
        <v>48</v>
      </c>
      <c r="AI23184">
        <v>49</v>
      </c>
      <c r="AJ23184">
        <v>49</v>
      </c>
      <c r="AK23184">
        <v>50</v>
      </c>
      <c r="AL23184">
        <v>51</v>
      </c>
      <c r="AM23184">
        <v>52</v>
      </c>
      <c r="AN23184">
        <v>53</v>
      </c>
      <c r="AO23184">
        <v>54</v>
      </c>
      <c r="AP23184">
        <v>54</v>
      </c>
      <c r="AQ23184">
        <v>55</v>
      </c>
    </row>
    <row r="23185" spans="1:43">
      <c r="A23185" t="s">
        <v>14361</v>
      </c>
      <c r="B23185" t="s">
        <v>14362</v>
      </c>
      <c r="C23185" t="s">
        <v>14355</v>
      </c>
      <c r="D23185" t="s">
        <v>14356</v>
      </c>
      <c r="E23185" t="s">
        <v>14307</v>
      </c>
      <c r="F23185" t="s">
        <v>14308</v>
      </c>
      <c r="G23185" t="s">
        <v>10734</v>
      </c>
      <c r="H23185" t="s">
        <v>10735</v>
      </c>
      <c r="I23185" s="2">
        <v>0</v>
      </c>
      <c r="J23185" s="2">
        <v>0</v>
      </c>
      <c r="K23185" s="2">
        <v>1</v>
      </c>
      <c r="L23185" t="s">
        <v>995</v>
      </c>
      <c r="M23185" t="s">
        <v>83</v>
      </c>
      <c r="N23185" t="s">
        <v>91</v>
      </c>
      <c r="O23185" t="s">
        <v>85</v>
      </c>
      <c r="P23185" t="s">
        <v>86</v>
      </c>
      <c r="Q23185">
        <v>29</v>
      </c>
      <c r="R23185">
        <v>30</v>
      </c>
      <c r="S23185">
        <v>31</v>
      </c>
      <c r="T23185">
        <v>32</v>
      </c>
      <c r="U23185">
        <v>33</v>
      </c>
      <c r="V23185">
        <v>34</v>
      </c>
      <c r="W23185">
        <v>35</v>
      </c>
      <c r="X23185">
        <v>36</v>
      </c>
      <c r="Y23185">
        <v>37</v>
      </c>
      <c r="Z23185">
        <v>38</v>
      </c>
      <c r="AA23185">
        <v>39</v>
      </c>
      <c r="AB23185">
        <v>40</v>
      </c>
      <c r="AC23185">
        <v>41</v>
      </c>
      <c r="AD23185">
        <v>42</v>
      </c>
      <c r="AE23185">
        <v>43</v>
      </c>
      <c r="AF23185">
        <v>44</v>
      </c>
      <c r="AG23185">
        <v>46</v>
      </c>
      <c r="AH23185">
        <v>47</v>
      </c>
      <c r="AI23185">
        <v>48</v>
      </c>
      <c r="AJ23185">
        <v>49</v>
      </c>
      <c r="AK23185">
        <v>51</v>
      </c>
      <c r="AL23185">
        <v>52</v>
      </c>
      <c r="AM23185">
        <v>52</v>
      </c>
      <c r="AN23185">
        <v>53</v>
      </c>
      <c r="AO23185">
        <v>54</v>
      </c>
      <c r="AP23185">
        <v>55</v>
      </c>
      <c r="AQ23185">
        <v>56</v>
      </c>
    </row>
    <row r="23186" spans="1:43">
      <c r="A23186" t="s">
        <v>14363</v>
      </c>
      <c r="B23186" t="s">
        <v>14364</v>
      </c>
      <c r="C23186" t="s">
        <v>14365</v>
      </c>
      <c r="D23186" t="s">
        <v>14366</v>
      </c>
      <c r="E23186" t="s">
        <v>14307</v>
      </c>
      <c r="F23186" t="s">
        <v>14308</v>
      </c>
      <c r="G23186" t="s">
        <v>10734</v>
      </c>
      <c r="H23186" t="s">
        <v>10735</v>
      </c>
      <c r="I23186" s="2">
        <v>0</v>
      </c>
      <c r="J23186" s="2">
        <v>0</v>
      </c>
      <c r="K23186" s="2">
        <v>1</v>
      </c>
      <c r="L23186" t="s">
        <v>995</v>
      </c>
      <c r="M23186" t="s">
        <v>83</v>
      </c>
      <c r="N23186" t="s">
        <v>84</v>
      </c>
      <c r="O23186" t="s">
        <v>85</v>
      </c>
      <c r="P23186" t="s">
        <v>86</v>
      </c>
      <c r="Q23186">
        <v>40</v>
      </c>
      <c r="R23186">
        <v>41</v>
      </c>
      <c r="S23186">
        <v>42</v>
      </c>
      <c r="T23186">
        <v>44</v>
      </c>
      <c r="U23186">
        <v>45</v>
      </c>
      <c r="V23186">
        <v>46</v>
      </c>
      <c r="W23186">
        <v>47</v>
      </c>
      <c r="X23186">
        <v>49</v>
      </c>
      <c r="Y23186">
        <v>50</v>
      </c>
      <c r="Z23186">
        <v>51</v>
      </c>
      <c r="AA23186">
        <v>53</v>
      </c>
      <c r="AB23186">
        <v>54</v>
      </c>
      <c r="AC23186">
        <v>56</v>
      </c>
      <c r="AD23186">
        <v>57</v>
      </c>
      <c r="AE23186">
        <v>59</v>
      </c>
      <c r="AF23186">
        <v>60</v>
      </c>
      <c r="AG23186">
        <v>62</v>
      </c>
      <c r="AH23186">
        <v>63</v>
      </c>
      <c r="AI23186">
        <v>65</v>
      </c>
      <c r="AJ23186">
        <v>67</v>
      </c>
      <c r="AK23186">
        <v>68</v>
      </c>
      <c r="AL23186">
        <v>70</v>
      </c>
      <c r="AM23186">
        <v>71</v>
      </c>
      <c r="AN23186">
        <v>72</v>
      </c>
      <c r="AO23186">
        <v>73</v>
      </c>
      <c r="AP23186">
        <v>74</v>
      </c>
      <c r="AQ23186">
        <v>75</v>
      </c>
    </row>
    <row r="23187" spans="1:43">
      <c r="A23187" t="s">
        <v>14363</v>
      </c>
      <c r="B23187" t="s">
        <v>14364</v>
      </c>
      <c r="C23187" t="s">
        <v>14365</v>
      </c>
      <c r="D23187" t="s">
        <v>14366</v>
      </c>
      <c r="E23187" t="s">
        <v>14307</v>
      </c>
      <c r="F23187" t="s">
        <v>14308</v>
      </c>
      <c r="G23187" t="s">
        <v>10734</v>
      </c>
      <c r="H23187" t="s">
        <v>10735</v>
      </c>
      <c r="I23187" s="2">
        <v>0</v>
      </c>
      <c r="J23187" s="2">
        <v>0</v>
      </c>
      <c r="K23187" s="2">
        <v>1</v>
      </c>
      <c r="L23187" t="s">
        <v>995</v>
      </c>
      <c r="M23187" t="s">
        <v>87</v>
      </c>
      <c r="N23187" t="s">
        <v>88</v>
      </c>
      <c r="O23187" t="s">
        <v>85</v>
      </c>
      <c r="P23187" t="s">
        <v>86</v>
      </c>
      <c r="Q23187">
        <v>40</v>
      </c>
      <c r="R23187">
        <v>41</v>
      </c>
      <c r="S23187">
        <v>41</v>
      </c>
      <c r="T23187">
        <v>42</v>
      </c>
      <c r="U23187">
        <v>43</v>
      </c>
      <c r="V23187">
        <v>44</v>
      </c>
      <c r="W23187">
        <v>45</v>
      </c>
      <c r="X23187">
        <v>45</v>
      </c>
      <c r="Y23187">
        <v>46</v>
      </c>
      <c r="Z23187">
        <v>47</v>
      </c>
      <c r="AA23187">
        <v>48</v>
      </c>
      <c r="AB23187">
        <v>49</v>
      </c>
      <c r="AC23187">
        <v>50</v>
      </c>
      <c r="AD23187">
        <v>51</v>
      </c>
      <c r="AE23187">
        <v>52</v>
      </c>
      <c r="AF23187">
        <v>53</v>
      </c>
      <c r="AG23187">
        <v>54</v>
      </c>
      <c r="AH23187">
        <v>55</v>
      </c>
      <c r="AI23187">
        <v>56</v>
      </c>
      <c r="AJ23187">
        <v>57</v>
      </c>
      <c r="AK23187">
        <v>58</v>
      </c>
      <c r="AL23187">
        <v>59</v>
      </c>
      <c r="AM23187">
        <v>60</v>
      </c>
      <c r="AN23187">
        <v>62</v>
      </c>
      <c r="AO23187">
        <v>63</v>
      </c>
      <c r="AP23187">
        <v>64</v>
      </c>
      <c r="AQ23187">
        <v>65</v>
      </c>
    </row>
    <row r="23188" spans="1:43">
      <c r="A23188" t="s">
        <v>14363</v>
      </c>
      <c r="B23188" t="s">
        <v>14364</v>
      </c>
      <c r="C23188" t="s">
        <v>14365</v>
      </c>
      <c r="D23188" t="s">
        <v>14366</v>
      </c>
      <c r="E23188" t="s">
        <v>14307</v>
      </c>
      <c r="F23188" t="s">
        <v>14308</v>
      </c>
      <c r="G23188" t="s">
        <v>10734</v>
      </c>
      <c r="H23188" t="s">
        <v>10735</v>
      </c>
      <c r="I23188" s="2">
        <v>0</v>
      </c>
      <c r="J23188" s="2">
        <v>0</v>
      </c>
      <c r="K23188" s="2">
        <v>1</v>
      </c>
      <c r="L23188" t="s">
        <v>995</v>
      </c>
      <c r="M23188" t="s">
        <v>89</v>
      </c>
      <c r="N23188" t="s">
        <v>90</v>
      </c>
      <c r="O23188" t="s">
        <v>85</v>
      </c>
      <c r="P23188" t="s">
        <v>86</v>
      </c>
      <c r="Q23188">
        <v>40</v>
      </c>
      <c r="R23188">
        <v>42</v>
      </c>
      <c r="S23188">
        <v>44</v>
      </c>
      <c r="T23188">
        <v>45</v>
      </c>
      <c r="U23188">
        <v>47</v>
      </c>
      <c r="V23188">
        <v>48</v>
      </c>
      <c r="W23188">
        <v>50</v>
      </c>
      <c r="X23188">
        <v>52</v>
      </c>
      <c r="Y23188">
        <v>53</v>
      </c>
      <c r="Z23188">
        <v>55</v>
      </c>
      <c r="AA23188">
        <v>56</v>
      </c>
      <c r="AB23188">
        <v>58</v>
      </c>
      <c r="AC23188">
        <v>60</v>
      </c>
      <c r="AD23188">
        <v>62</v>
      </c>
      <c r="AE23188">
        <v>63</v>
      </c>
      <c r="AF23188">
        <v>64</v>
      </c>
      <c r="AG23188">
        <v>65</v>
      </c>
      <c r="AH23188">
        <v>66</v>
      </c>
      <c r="AI23188">
        <v>67</v>
      </c>
      <c r="AJ23188">
        <v>68</v>
      </c>
      <c r="AK23188">
        <v>69</v>
      </c>
      <c r="AL23188">
        <v>70</v>
      </c>
      <c r="AM23188">
        <v>71</v>
      </c>
      <c r="AN23188">
        <v>73</v>
      </c>
      <c r="AO23188">
        <v>74</v>
      </c>
      <c r="AP23188">
        <v>75</v>
      </c>
      <c r="AQ23188">
        <v>76</v>
      </c>
    </row>
    <row r="23189" spans="1:43">
      <c r="A23189" t="s">
        <v>14363</v>
      </c>
      <c r="B23189" t="s">
        <v>14364</v>
      </c>
      <c r="C23189" t="s">
        <v>14365</v>
      </c>
      <c r="D23189" t="s">
        <v>14366</v>
      </c>
      <c r="E23189" t="s">
        <v>14307</v>
      </c>
      <c r="F23189" t="s">
        <v>14308</v>
      </c>
      <c r="G23189" t="s">
        <v>10734</v>
      </c>
      <c r="H23189" t="s">
        <v>10735</v>
      </c>
      <c r="I23189" s="2">
        <v>0</v>
      </c>
      <c r="J23189" s="2">
        <v>0</v>
      </c>
      <c r="K23189" s="2">
        <v>1</v>
      </c>
      <c r="L23189" t="s">
        <v>995</v>
      </c>
      <c r="M23189" t="s">
        <v>83</v>
      </c>
      <c r="N23189" t="s">
        <v>91</v>
      </c>
      <c r="O23189" t="s">
        <v>85</v>
      </c>
      <c r="P23189" t="s">
        <v>86</v>
      </c>
      <c r="Q23189">
        <v>40</v>
      </c>
      <c r="R23189">
        <v>41</v>
      </c>
      <c r="S23189">
        <v>42</v>
      </c>
      <c r="T23189">
        <v>44</v>
      </c>
      <c r="U23189">
        <v>45</v>
      </c>
      <c r="V23189">
        <v>46</v>
      </c>
      <c r="W23189">
        <v>47</v>
      </c>
      <c r="X23189">
        <v>49</v>
      </c>
      <c r="Y23189">
        <v>50</v>
      </c>
      <c r="Z23189">
        <v>51</v>
      </c>
      <c r="AA23189">
        <v>53</v>
      </c>
      <c r="AB23189">
        <v>54</v>
      </c>
      <c r="AC23189">
        <v>56</v>
      </c>
      <c r="AD23189">
        <v>57</v>
      </c>
      <c r="AE23189">
        <v>59</v>
      </c>
      <c r="AF23189">
        <v>60</v>
      </c>
      <c r="AG23189">
        <v>62</v>
      </c>
      <c r="AH23189">
        <v>63</v>
      </c>
      <c r="AI23189">
        <v>65</v>
      </c>
      <c r="AJ23189">
        <v>67</v>
      </c>
      <c r="AK23189">
        <v>68</v>
      </c>
      <c r="AL23189">
        <v>70</v>
      </c>
      <c r="AM23189">
        <v>71</v>
      </c>
      <c r="AN23189">
        <v>72</v>
      </c>
      <c r="AO23189">
        <v>73</v>
      </c>
      <c r="AP23189">
        <v>74</v>
      </c>
      <c r="AQ23189">
        <v>75</v>
      </c>
    </row>
    <row r="23190" spans="1:43">
      <c r="A23190" t="s">
        <v>14367</v>
      </c>
      <c r="B23190" t="s">
        <v>14368</v>
      </c>
      <c r="C23190" t="s">
        <v>14365</v>
      </c>
      <c r="D23190" t="s">
        <v>14366</v>
      </c>
      <c r="E23190" t="s">
        <v>14307</v>
      </c>
      <c r="F23190" t="s">
        <v>14308</v>
      </c>
      <c r="G23190" t="s">
        <v>10734</v>
      </c>
      <c r="H23190" t="s">
        <v>10735</v>
      </c>
      <c r="I23190" s="2">
        <v>0</v>
      </c>
      <c r="J23190" s="2">
        <v>0</v>
      </c>
      <c r="K23190" s="2">
        <v>1</v>
      </c>
      <c r="L23190" t="s">
        <v>995</v>
      </c>
      <c r="M23190" t="s">
        <v>83</v>
      </c>
      <c r="N23190" t="s">
        <v>84</v>
      </c>
      <c r="O23190" t="s">
        <v>85</v>
      </c>
      <c r="P23190" t="s">
        <v>86</v>
      </c>
      <c r="Q23190">
        <v>52</v>
      </c>
      <c r="R23190">
        <v>53</v>
      </c>
      <c r="S23190">
        <v>55</v>
      </c>
      <c r="T23190">
        <v>56</v>
      </c>
      <c r="U23190">
        <v>58</v>
      </c>
      <c r="V23190">
        <v>60</v>
      </c>
      <c r="W23190">
        <v>61</v>
      </c>
      <c r="X23190">
        <v>63</v>
      </c>
      <c r="Y23190">
        <v>65</v>
      </c>
      <c r="Z23190">
        <v>66</v>
      </c>
      <c r="AA23190">
        <v>68</v>
      </c>
      <c r="AB23190">
        <v>70</v>
      </c>
      <c r="AC23190">
        <v>72</v>
      </c>
      <c r="AD23190">
        <v>74</v>
      </c>
      <c r="AE23190">
        <v>76</v>
      </c>
      <c r="AF23190">
        <v>78</v>
      </c>
      <c r="AG23190">
        <v>80</v>
      </c>
      <c r="AH23190">
        <v>82</v>
      </c>
      <c r="AI23190">
        <v>84</v>
      </c>
      <c r="AJ23190">
        <v>86</v>
      </c>
      <c r="AK23190">
        <v>88</v>
      </c>
      <c r="AL23190">
        <v>90</v>
      </c>
      <c r="AM23190">
        <v>92</v>
      </c>
      <c r="AN23190">
        <v>93</v>
      </c>
      <c r="AO23190">
        <v>94</v>
      </c>
      <c r="AP23190">
        <v>96</v>
      </c>
      <c r="AQ23190">
        <v>97</v>
      </c>
    </row>
    <row r="23191" spans="1:43">
      <c r="A23191" t="s">
        <v>14367</v>
      </c>
      <c r="B23191" t="s">
        <v>14368</v>
      </c>
      <c r="C23191" t="s">
        <v>14365</v>
      </c>
      <c r="D23191" t="s">
        <v>14366</v>
      </c>
      <c r="E23191" t="s">
        <v>14307</v>
      </c>
      <c r="F23191" t="s">
        <v>14308</v>
      </c>
      <c r="G23191" t="s">
        <v>10734</v>
      </c>
      <c r="H23191" t="s">
        <v>10735</v>
      </c>
      <c r="I23191" s="2">
        <v>0</v>
      </c>
      <c r="J23191" s="2">
        <v>0</v>
      </c>
      <c r="K23191" s="2">
        <v>1</v>
      </c>
      <c r="L23191" t="s">
        <v>995</v>
      </c>
      <c r="M23191" t="s">
        <v>87</v>
      </c>
      <c r="N23191" t="s">
        <v>88</v>
      </c>
      <c r="O23191" t="s">
        <v>85</v>
      </c>
      <c r="P23191" t="s">
        <v>86</v>
      </c>
      <c r="Q23191">
        <v>52</v>
      </c>
      <c r="R23191">
        <v>53</v>
      </c>
      <c r="S23191">
        <v>54</v>
      </c>
      <c r="T23191">
        <v>55</v>
      </c>
      <c r="U23191">
        <v>56</v>
      </c>
      <c r="V23191">
        <v>57</v>
      </c>
      <c r="W23191">
        <v>59</v>
      </c>
      <c r="X23191">
        <v>60</v>
      </c>
      <c r="Y23191">
        <v>61</v>
      </c>
      <c r="Z23191">
        <v>62</v>
      </c>
      <c r="AA23191">
        <v>63</v>
      </c>
      <c r="AB23191">
        <v>64</v>
      </c>
      <c r="AC23191">
        <v>66</v>
      </c>
      <c r="AD23191">
        <v>67</v>
      </c>
      <c r="AE23191">
        <v>68</v>
      </c>
      <c r="AF23191">
        <v>69</v>
      </c>
      <c r="AG23191">
        <v>71</v>
      </c>
      <c r="AH23191">
        <v>72</v>
      </c>
      <c r="AI23191">
        <v>73</v>
      </c>
      <c r="AJ23191">
        <v>75</v>
      </c>
      <c r="AK23191">
        <v>76</v>
      </c>
      <c r="AL23191">
        <v>78</v>
      </c>
      <c r="AM23191">
        <v>79</v>
      </c>
      <c r="AN23191">
        <v>81</v>
      </c>
      <c r="AO23191">
        <v>82</v>
      </c>
      <c r="AP23191">
        <v>84</v>
      </c>
      <c r="AQ23191">
        <v>85</v>
      </c>
    </row>
    <row r="23192" spans="1:43">
      <c r="A23192" t="s">
        <v>14367</v>
      </c>
      <c r="B23192" t="s">
        <v>14368</v>
      </c>
      <c r="C23192" t="s">
        <v>14365</v>
      </c>
      <c r="D23192" t="s">
        <v>14366</v>
      </c>
      <c r="E23192" t="s">
        <v>14307</v>
      </c>
      <c r="F23192" t="s">
        <v>14308</v>
      </c>
      <c r="G23192" t="s">
        <v>10734</v>
      </c>
      <c r="H23192" t="s">
        <v>10735</v>
      </c>
      <c r="I23192" s="2">
        <v>0</v>
      </c>
      <c r="J23192" s="2">
        <v>0</v>
      </c>
      <c r="K23192" s="2">
        <v>1</v>
      </c>
      <c r="L23192" t="s">
        <v>995</v>
      </c>
      <c r="M23192" t="s">
        <v>89</v>
      </c>
      <c r="N23192" t="s">
        <v>90</v>
      </c>
      <c r="O23192" t="s">
        <v>85</v>
      </c>
      <c r="P23192" t="s">
        <v>86</v>
      </c>
      <c r="Q23192">
        <v>52</v>
      </c>
      <c r="R23192">
        <v>54</v>
      </c>
      <c r="S23192">
        <v>56</v>
      </c>
      <c r="T23192">
        <v>58</v>
      </c>
      <c r="U23192">
        <v>60</v>
      </c>
      <c r="V23192">
        <v>62</v>
      </c>
      <c r="W23192">
        <v>64</v>
      </c>
      <c r="X23192">
        <v>66</v>
      </c>
      <c r="Y23192">
        <v>69</v>
      </c>
      <c r="Z23192">
        <v>71</v>
      </c>
      <c r="AA23192">
        <v>73</v>
      </c>
      <c r="AB23192">
        <v>75</v>
      </c>
      <c r="AC23192">
        <v>77</v>
      </c>
      <c r="AD23192">
        <v>80</v>
      </c>
      <c r="AE23192">
        <v>81</v>
      </c>
      <c r="AF23192">
        <v>83</v>
      </c>
      <c r="AG23192">
        <v>84</v>
      </c>
      <c r="AH23192">
        <v>85</v>
      </c>
      <c r="AI23192">
        <v>87</v>
      </c>
      <c r="AJ23192">
        <v>88</v>
      </c>
      <c r="AK23192">
        <v>89</v>
      </c>
      <c r="AL23192">
        <v>91</v>
      </c>
      <c r="AM23192">
        <v>92</v>
      </c>
      <c r="AN23192">
        <v>94</v>
      </c>
      <c r="AO23192">
        <v>95</v>
      </c>
      <c r="AP23192">
        <v>97</v>
      </c>
      <c r="AQ23192">
        <v>98</v>
      </c>
    </row>
    <row r="23193" spans="1:43">
      <c r="A23193" t="s">
        <v>14367</v>
      </c>
      <c r="B23193" t="s">
        <v>14368</v>
      </c>
      <c r="C23193" t="s">
        <v>14365</v>
      </c>
      <c r="D23193" t="s">
        <v>14366</v>
      </c>
      <c r="E23193" t="s">
        <v>14307</v>
      </c>
      <c r="F23193" t="s">
        <v>14308</v>
      </c>
      <c r="G23193" t="s">
        <v>10734</v>
      </c>
      <c r="H23193" t="s">
        <v>10735</v>
      </c>
      <c r="I23193" s="2">
        <v>0</v>
      </c>
      <c r="J23193" s="2">
        <v>0</v>
      </c>
      <c r="K23193" s="2">
        <v>1</v>
      </c>
      <c r="L23193" t="s">
        <v>995</v>
      </c>
      <c r="M23193" t="s">
        <v>83</v>
      </c>
      <c r="N23193" t="s">
        <v>91</v>
      </c>
      <c r="O23193" t="s">
        <v>85</v>
      </c>
      <c r="P23193" t="s">
        <v>86</v>
      </c>
      <c r="Q23193">
        <v>52</v>
      </c>
      <c r="R23193">
        <v>53</v>
      </c>
      <c r="S23193">
        <v>55</v>
      </c>
      <c r="T23193">
        <v>56</v>
      </c>
      <c r="U23193">
        <v>58</v>
      </c>
      <c r="V23193">
        <v>60</v>
      </c>
      <c r="W23193">
        <v>61</v>
      </c>
      <c r="X23193">
        <v>63</v>
      </c>
      <c r="Y23193">
        <v>65</v>
      </c>
      <c r="Z23193">
        <v>66</v>
      </c>
      <c r="AA23193">
        <v>68</v>
      </c>
      <c r="AB23193">
        <v>70</v>
      </c>
      <c r="AC23193">
        <v>72</v>
      </c>
      <c r="AD23193">
        <v>74</v>
      </c>
      <c r="AE23193">
        <v>76</v>
      </c>
      <c r="AF23193">
        <v>78</v>
      </c>
      <c r="AG23193">
        <v>80</v>
      </c>
      <c r="AH23193">
        <v>82</v>
      </c>
      <c r="AI23193">
        <v>84</v>
      </c>
      <c r="AJ23193">
        <v>86</v>
      </c>
      <c r="AK23193">
        <v>88</v>
      </c>
      <c r="AL23193">
        <v>90</v>
      </c>
      <c r="AM23193">
        <v>92</v>
      </c>
      <c r="AN23193">
        <v>93</v>
      </c>
      <c r="AO23193">
        <v>94</v>
      </c>
      <c r="AP23193">
        <v>96</v>
      </c>
      <c r="AQ23193">
        <v>97</v>
      </c>
    </row>
    <row r="23194" spans="1:43">
      <c r="A23194" t="s">
        <v>14369</v>
      </c>
      <c r="B23194" t="s">
        <v>14370</v>
      </c>
      <c r="C23194" t="s">
        <v>14319</v>
      </c>
      <c r="D23194" t="s">
        <v>14320</v>
      </c>
      <c r="E23194" t="s">
        <v>14307</v>
      </c>
      <c r="F23194" t="s">
        <v>14308</v>
      </c>
      <c r="G23194" t="s">
        <v>10734</v>
      </c>
      <c r="H23194" t="s">
        <v>10735</v>
      </c>
      <c r="I23194" s="2">
        <v>0</v>
      </c>
      <c r="J23194" s="2">
        <v>0</v>
      </c>
      <c r="K23194" s="2">
        <v>1</v>
      </c>
      <c r="L23194" t="s">
        <v>995</v>
      </c>
      <c r="M23194" t="s">
        <v>83</v>
      </c>
      <c r="N23194" t="s">
        <v>84</v>
      </c>
      <c r="O23194" t="s">
        <v>85</v>
      </c>
      <c r="P23194" t="s">
        <v>86</v>
      </c>
      <c r="Q23194">
        <v>31</v>
      </c>
      <c r="R23194">
        <v>32</v>
      </c>
      <c r="S23194">
        <v>33</v>
      </c>
      <c r="T23194">
        <v>34</v>
      </c>
      <c r="U23194">
        <v>35</v>
      </c>
      <c r="V23194">
        <v>36</v>
      </c>
      <c r="W23194">
        <v>37</v>
      </c>
      <c r="X23194">
        <v>38</v>
      </c>
      <c r="Y23194">
        <v>39</v>
      </c>
      <c r="Z23194">
        <v>40</v>
      </c>
      <c r="AA23194">
        <v>42</v>
      </c>
      <c r="AB23194">
        <v>43</v>
      </c>
      <c r="AC23194">
        <v>44</v>
      </c>
      <c r="AD23194">
        <v>45</v>
      </c>
      <c r="AE23194">
        <v>46</v>
      </c>
      <c r="AF23194">
        <v>47</v>
      </c>
      <c r="AG23194">
        <v>49</v>
      </c>
      <c r="AH23194">
        <v>50</v>
      </c>
      <c r="AI23194">
        <v>51</v>
      </c>
      <c r="AJ23194">
        <v>53</v>
      </c>
      <c r="AK23194">
        <v>54</v>
      </c>
      <c r="AL23194">
        <v>55</v>
      </c>
      <c r="AM23194">
        <v>56</v>
      </c>
      <c r="AN23194">
        <v>57</v>
      </c>
      <c r="AO23194">
        <v>58</v>
      </c>
      <c r="AP23194">
        <v>59</v>
      </c>
      <c r="AQ23194">
        <v>59</v>
      </c>
    </row>
    <row r="23195" spans="1:43">
      <c r="A23195" t="s">
        <v>14369</v>
      </c>
      <c r="B23195" t="s">
        <v>14370</v>
      </c>
      <c r="C23195" t="s">
        <v>14319</v>
      </c>
      <c r="D23195" t="s">
        <v>14320</v>
      </c>
      <c r="E23195" t="s">
        <v>14307</v>
      </c>
      <c r="F23195" t="s">
        <v>14308</v>
      </c>
      <c r="G23195" t="s">
        <v>10734</v>
      </c>
      <c r="H23195" t="s">
        <v>10735</v>
      </c>
      <c r="I23195" s="2">
        <v>0</v>
      </c>
      <c r="J23195" s="2">
        <v>0</v>
      </c>
      <c r="K23195" s="2">
        <v>1</v>
      </c>
      <c r="L23195" t="s">
        <v>995</v>
      </c>
      <c r="M23195" t="s">
        <v>87</v>
      </c>
      <c r="N23195" t="s">
        <v>88</v>
      </c>
      <c r="O23195" t="s">
        <v>85</v>
      </c>
      <c r="P23195" t="s">
        <v>86</v>
      </c>
      <c r="Q23195">
        <v>31</v>
      </c>
      <c r="R23195">
        <v>32</v>
      </c>
      <c r="S23195">
        <v>32</v>
      </c>
      <c r="T23195">
        <v>33</v>
      </c>
      <c r="U23195">
        <v>34</v>
      </c>
      <c r="V23195">
        <v>34</v>
      </c>
      <c r="W23195">
        <v>35</v>
      </c>
      <c r="X23195">
        <v>36</v>
      </c>
      <c r="Y23195">
        <v>36</v>
      </c>
      <c r="Z23195">
        <v>37</v>
      </c>
      <c r="AA23195">
        <v>38</v>
      </c>
      <c r="AB23195">
        <v>39</v>
      </c>
      <c r="AC23195">
        <v>39</v>
      </c>
      <c r="AD23195">
        <v>40</v>
      </c>
      <c r="AE23195">
        <v>41</v>
      </c>
      <c r="AF23195">
        <v>42</v>
      </c>
      <c r="AG23195">
        <v>43</v>
      </c>
      <c r="AH23195">
        <v>43</v>
      </c>
      <c r="AI23195">
        <v>44</v>
      </c>
      <c r="AJ23195">
        <v>45</v>
      </c>
      <c r="AK23195">
        <v>46</v>
      </c>
      <c r="AL23195">
        <v>47</v>
      </c>
      <c r="AM23195">
        <v>48</v>
      </c>
      <c r="AN23195">
        <v>49</v>
      </c>
      <c r="AO23195">
        <v>50</v>
      </c>
      <c r="AP23195">
        <v>51</v>
      </c>
      <c r="AQ23195">
        <v>52</v>
      </c>
    </row>
    <row r="23196" spans="1:43">
      <c r="A23196" t="s">
        <v>14369</v>
      </c>
      <c r="B23196" t="s">
        <v>14370</v>
      </c>
      <c r="C23196" t="s">
        <v>14319</v>
      </c>
      <c r="D23196" t="s">
        <v>14320</v>
      </c>
      <c r="E23196" t="s">
        <v>14307</v>
      </c>
      <c r="F23196" t="s">
        <v>14308</v>
      </c>
      <c r="G23196" t="s">
        <v>10734</v>
      </c>
      <c r="H23196" t="s">
        <v>10735</v>
      </c>
      <c r="I23196" s="2">
        <v>0</v>
      </c>
      <c r="J23196" s="2">
        <v>0</v>
      </c>
      <c r="K23196" s="2">
        <v>1</v>
      </c>
      <c r="L23196" t="s">
        <v>995</v>
      </c>
      <c r="M23196" t="s">
        <v>89</v>
      </c>
      <c r="N23196" t="s">
        <v>90</v>
      </c>
      <c r="O23196" t="s">
        <v>85</v>
      </c>
      <c r="P23196" t="s">
        <v>86</v>
      </c>
      <c r="Q23196">
        <v>31</v>
      </c>
      <c r="R23196">
        <v>32</v>
      </c>
      <c r="S23196">
        <v>33</v>
      </c>
      <c r="T23196">
        <v>34</v>
      </c>
      <c r="U23196">
        <v>36</v>
      </c>
      <c r="V23196">
        <v>37</v>
      </c>
      <c r="W23196">
        <v>38</v>
      </c>
      <c r="X23196">
        <v>39</v>
      </c>
      <c r="Y23196">
        <v>41</v>
      </c>
      <c r="Z23196">
        <v>42</v>
      </c>
      <c r="AA23196">
        <v>43</v>
      </c>
      <c r="AB23196">
        <v>44</v>
      </c>
      <c r="AC23196">
        <v>46</v>
      </c>
      <c r="AD23196">
        <v>47</v>
      </c>
      <c r="AE23196">
        <v>48</v>
      </c>
      <c r="AF23196">
        <v>49</v>
      </c>
      <c r="AG23196">
        <v>50</v>
      </c>
      <c r="AH23196">
        <v>51</v>
      </c>
      <c r="AI23196">
        <v>52</v>
      </c>
      <c r="AJ23196">
        <v>53</v>
      </c>
      <c r="AK23196">
        <v>53</v>
      </c>
      <c r="AL23196">
        <v>54</v>
      </c>
      <c r="AM23196">
        <v>55</v>
      </c>
      <c r="AN23196">
        <v>56</v>
      </c>
      <c r="AO23196">
        <v>57</v>
      </c>
      <c r="AP23196">
        <v>58</v>
      </c>
      <c r="AQ23196">
        <v>59</v>
      </c>
    </row>
    <row r="23197" spans="1:43">
      <c r="A23197" t="s">
        <v>14369</v>
      </c>
      <c r="B23197" t="s">
        <v>14370</v>
      </c>
      <c r="C23197" t="s">
        <v>14319</v>
      </c>
      <c r="D23197" t="s">
        <v>14320</v>
      </c>
      <c r="E23197" t="s">
        <v>14307</v>
      </c>
      <c r="F23197" t="s">
        <v>14308</v>
      </c>
      <c r="G23197" t="s">
        <v>10734</v>
      </c>
      <c r="H23197" t="s">
        <v>10735</v>
      </c>
      <c r="I23197" s="2">
        <v>0</v>
      </c>
      <c r="J23197" s="2">
        <v>0</v>
      </c>
      <c r="K23197" s="2">
        <v>1</v>
      </c>
      <c r="L23197" t="s">
        <v>995</v>
      </c>
      <c r="M23197" t="s">
        <v>83</v>
      </c>
      <c r="N23197" t="s">
        <v>91</v>
      </c>
      <c r="O23197" t="s">
        <v>85</v>
      </c>
      <c r="P23197" t="s">
        <v>86</v>
      </c>
      <c r="Q23197">
        <v>31</v>
      </c>
      <c r="R23197">
        <v>32</v>
      </c>
      <c r="S23197">
        <v>33</v>
      </c>
      <c r="T23197">
        <v>34</v>
      </c>
      <c r="U23197">
        <v>35</v>
      </c>
      <c r="V23197">
        <v>36</v>
      </c>
      <c r="W23197">
        <v>37</v>
      </c>
      <c r="X23197">
        <v>38</v>
      </c>
      <c r="Y23197">
        <v>39</v>
      </c>
      <c r="Z23197">
        <v>40</v>
      </c>
      <c r="AA23197">
        <v>42</v>
      </c>
      <c r="AB23197">
        <v>43</v>
      </c>
      <c r="AC23197">
        <v>44</v>
      </c>
      <c r="AD23197">
        <v>45</v>
      </c>
      <c r="AE23197">
        <v>46</v>
      </c>
      <c r="AF23197">
        <v>47</v>
      </c>
      <c r="AG23197">
        <v>49</v>
      </c>
      <c r="AH23197">
        <v>50</v>
      </c>
      <c r="AI23197">
        <v>51</v>
      </c>
      <c r="AJ23197">
        <v>53</v>
      </c>
      <c r="AK23197">
        <v>54</v>
      </c>
      <c r="AL23197">
        <v>55</v>
      </c>
      <c r="AM23197">
        <v>56</v>
      </c>
      <c r="AN23197">
        <v>57</v>
      </c>
      <c r="AO23197">
        <v>58</v>
      </c>
      <c r="AP23197">
        <v>59</v>
      </c>
      <c r="AQ23197">
        <v>59</v>
      </c>
    </row>
    <row r="23198" spans="1:43">
      <c r="A23198" t="s">
        <v>14371</v>
      </c>
      <c r="B23198" t="s">
        <v>14372</v>
      </c>
      <c r="C23198" t="s">
        <v>14305</v>
      </c>
      <c r="D23198" t="s">
        <v>14306</v>
      </c>
      <c r="E23198" t="s">
        <v>14307</v>
      </c>
      <c r="F23198" t="s">
        <v>14308</v>
      </c>
      <c r="G23198" t="s">
        <v>10734</v>
      </c>
      <c r="H23198" t="s">
        <v>10735</v>
      </c>
      <c r="I23198" s="2">
        <v>0</v>
      </c>
      <c r="J23198" s="2">
        <v>0</v>
      </c>
      <c r="K23198" s="2">
        <v>0.99</v>
      </c>
      <c r="L23198" t="s">
        <v>995</v>
      </c>
      <c r="M23198" t="s">
        <v>83</v>
      </c>
      <c r="N23198" t="s">
        <v>84</v>
      </c>
      <c r="O23198" t="s">
        <v>85</v>
      </c>
      <c r="P23198" t="s">
        <v>86</v>
      </c>
      <c r="Q23198">
        <v>67</v>
      </c>
      <c r="R23198">
        <v>69</v>
      </c>
      <c r="S23198">
        <v>71</v>
      </c>
      <c r="T23198">
        <v>74</v>
      </c>
      <c r="U23198">
        <v>76</v>
      </c>
      <c r="V23198">
        <v>78</v>
      </c>
      <c r="W23198">
        <v>80</v>
      </c>
      <c r="X23198">
        <v>83</v>
      </c>
      <c r="Y23198">
        <v>85</v>
      </c>
      <c r="Z23198">
        <v>87</v>
      </c>
      <c r="AA23198">
        <v>90</v>
      </c>
      <c r="AB23198">
        <v>92</v>
      </c>
      <c r="AC23198">
        <v>95</v>
      </c>
      <c r="AD23198">
        <v>97</v>
      </c>
      <c r="AE23198">
        <v>100</v>
      </c>
      <c r="AF23198">
        <v>102</v>
      </c>
      <c r="AG23198">
        <v>105</v>
      </c>
      <c r="AH23198">
        <v>108</v>
      </c>
      <c r="AI23198">
        <v>111</v>
      </c>
      <c r="AJ23198">
        <v>113</v>
      </c>
      <c r="AK23198">
        <v>116</v>
      </c>
      <c r="AL23198">
        <v>119</v>
      </c>
      <c r="AM23198">
        <v>121</v>
      </c>
      <c r="AN23198">
        <v>123</v>
      </c>
      <c r="AO23198">
        <v>125</v>
      </c>
      <c r="AP23198">
        <v>127</v>
      </c>
      <c r="AQ23198">
        <v>129</v>
      </c>
    </row>
    <row r="23199" spans="1:43">
      <c r="A23199" t="s">
        <v>14371</v>
      </c>
      <c r="B23199" t="s">
        <v>14372</v>
      </c>
      <c r="C23199" t="s">
        <v>14305</v>
      </c>
      <c r="D23199" t="s">
        <v>14306</v>
      </c>
      <c r="E23199" t="s">
        <v>14307</v>
      </c>
      <c r="F23199" t="s">
        <v>14308</v>
      </c>
      <c r="G23199" t="s">
        <v>10734</v>
      </c>
      <c r="H23199" t="s">
        <v>10735</v>
      </c>
      <c r="I23199" s="2">
        <v>0</v>
      </c>
      <c r="J23199" s="2">
        <v>0</v>
      </c>
      <c r="K23199" s="2">
        <v>0.99</v>
      </c>
      <c r="L23199" t="s">
        <v>995</v>
      </c>
      <c r="M23199" t="s">
        <v>87</v>
      </c>
      <c r="N23199" t="s">
        <v>88</v>
      </c>
      <c r="O23199" t="s">
        <v>85</v>
      </c>
      <c r="P23199" t="s">
        <v>86</v>
      </c>
      <c r="Q23199">
        <v>67</v>
      </c>
      <c r="R23199">
        <v>68</v>
      </c>
      <c r="S23199">
        <v>70</v>
      </c>
      <c r="T23199">
        <v>71</v>
      </c>
      <c r="U23199">
        <v>72</v>
      </c>
      <c r="V23199">
        <v>74</v>
      </c>
      <c r="W23199">
        <v>75</v>
      </c>
      <c r="X23199">
        <v>77</v>
      </c>
      <c r="Y23199">
        <v>78</v>
      </c>
      <c r="Z23199">
        <v>80</v>
      </c>
      <c r="AA23199">
        <v>82</v>
      </c>
      <c r="AB23199">
        <v>83</v>
      </c>
      <c r="AC23199">
        <v>85</v>
      </c>
      <c r="AD23199">
        <v>87</v>
      </c>
      <c r="AE23199">
        <v>89</v>
      </c>
      <c r="AF23199">
        <v>90</v>
      </c>
      <c r="AG23199">
        <v>92</v>
      </c>
      <c r="AH23199">
        <v>94</v>
      </c>
      <c r="AI23199">
        <v>96</v>
      </c>
      <c r="AJ23199">
        <v>98</v>
      </c>
      <c r="AK23199">
        <v>100</v>
      </c>
      <c r="AL23199">
        <v>102</v>
      </c>
      <c r="AM23199">
        <v>104</v>
      </c>
      <c r="AN23199">
        <v>106</v>
      </c>
      <c r="AO23199">
        <v>108</v>
      </c>
      <c r="AP23199">
        <v>110</v>
      </c>
      <c r="AQ23199">
        <v>112</v>
      </c>
    </row>
    <row r="23200" spans="1:43">
      <c r="A23200" t="s">
        <v>14371</v>
      </c>
      <c r="B23200" t="s">
        <v>14372</v>
      </c>
      <c r="C23200" t="s">
        <v>14305</v>
      </c>
      <c r="D23200" t="s">
        <v>14306</v>
      </c>
      <c r="E23200" t="s">
        <v>14307</v>
      </c>
      <c r="F23200" t="s">
        <v>14308</v>
      </c>
      <c r="G23200" t="s">
        <v>10734</v>
      </c>
      <c r="H23200" t="s">
        <v>10735</v>
      </c>
      <c r="I23200" s="2">
        <v>0</v>
      </c>
      <c r="J23200" s="2">
        <v>0</v>
      </c>
      <c r="K23200" s="2">
        <v>0.99</v>
      </c>
      <c r="L23200" t="s">
        <v>995</v>
      </c>
      <c r="M23200" t="s">
        <v>89</v>
      </c>
      <c r="N23200" t="s">
        <v>90</v>
      </c>
      <c r="O23200" t="s">
        <v>85</v>
      </c>
      <c r="P23200" t="s">
        <v>86</v>
      </c>
      <c r="Q23200">
        <v>67</v>
      </c>
      <c r="R23200">
        <v>70</v>
      </c>
      <c r="S23200">
        <v>72</v>
      </c>
      <c r="T23200">
        <v>75</v>
      </c>
      <c r="U23200">
        <v>78</v>
      </c>
      <c r="V23200">
        <v>81</v>
      </c>
      <c r="W23200">
        <v>83</v>
      </c>
      <c r="X23200">
        <v>86</v>
      </c>
      <c r="Y23200">
        <v>89</v>
      </c>
      <c r="Z23200">
        <v>92</v>
      </c>
      <c r="AA23200">
        <v>94</v>
      </c>
      <c r="AB23200">
        <v>97</v>
      </c>
      <c r="AC23200">
        <v>100</v>
      </c>
      <c r="AD23200">
        <v>103</v>
      </c>
      <c r="AE23200">
        <v>106</v>
      </c>
      <c r="AF23200">
        <v>107</v>
      </c>
      <c r="AG23200">
        <v>109</v>
      </c>
      <c r="AH23200">
        <v>111</v>
      </c>
      <c r="AI23200">
        <v>113</v>
      </c>
      <c r="AJ23200">
        <v>115</v>
      </c>
      <c r="AK23200">
        <v>117</v>
      </c>
      <c r="AL23200">
        <v>119</v>
      </c>
      <c r="AM23200">
        <v>121</v>
      </c>
      <c r="AN23200">
        <v>123</v>
      </c>
      <c r="AO23200">
        <v>125</v>
      </c>
      <c r="AP23200">
        <v>127</v>
      </c>
      <c r="AQ23200">
        <v>129</v>
      </c>
    </row>
    <row r="23201" spans="1:43">
      <c r="A23201" t="s">
        <v>14371</v>
      </c>
      <c r="B23201" t="s">
        <v>14372</v>
      </c>
      <c r="C23201" t="s">
        <v>14305</v>
      </c>
      <c r="D23201" t="s">
        <v>14306</v>
      </c>
      <c r="E23201" t="s">
        <v>14307</v>
      </c>
      <c r="F23201" t="s">
        <v>14308</v>
      </c>
      <c r="G23201" t="s">
        <v>10734</v>
      </c>
      <c r="H23201" t="s">
        <v>10735</v>
      </c>
      <c r="I23201" s="2">
        <v>0</v>
      </c>
      <c r="J23201" s="2">
        <v>0</v>
      </c>
      <c r="K23201" s="2">
        <v>0.99</v>
      </c>
      <c r="L23201" t="s">
        <v>995</v>
      </c>
      <c r="M23201" t="s">
        <v>83</v>
      </c>
      <c r="N23201" t="s">
        <v>91</v>
      </c>
      <c r="O23201" t="s">
        <v>85</v>
      </c>
      <c r="P23201" t="s">
        <v>86</v>
      </c>
      <c r="Q23201">
        <v>67</v>
      </c>
      <c r="R23201">
        <v>69</v>
      </c>
      <c r="S23201">
        <v>71</v>
      </c>
      <c r="T23201">
        <v>74</v>
      </c>
      <c r="U23201">
        <v>76</v>
      </c>
      <c r="V23201">
        <v>78</v>
      </c>
      <c r="W23201">
        <v>80</v>
      </c>
      <c r="X23201">
        <v>83</v>
      </c>
      <c r="Y23201">
        <v>85</v>
      </c>
      <c r="Z23201">
        <v>87</v>
      </c>
      <c r="AA23201">
        <v>90</v>
      </c>
      <c r="AB23201">
        <v>92</v>
      </c>
      <c r="AC23201">
        <v>95</v>
      </c>
      <c r="AD23201">
        <v>97</v>
      </c>
      <c r="AE23201">
        <v>100</v>
      </c>
      <c r="AF23201">
        <v>102</v>
      </c>
      <c r="AG23201">
        <v>105</v>
      </c>
      <c r="AH23201">
        <v>108</v>
      </c>
      <c r="AI23201">
        <v>111</v>
      </c>
      <c r="AJ23201">
        <v>113</v>
      </c>
      <c r="AK23201">
        <v>116</v>
      </c>
      <c r="AL23201">
        <v>119</v>
      </c>
      <c r="AM23201">
        <v>121</v>
      </c>
      <c r="AN23201">
        <v>123</v>
      </c>
      <c r="AO23201">
        <v>125</v>
      </c>
      <c r="AP23201">
        <v>127</v>
      </c>
      <c r="AQ23201">
        <v>129</v>
      </c>
    </row>
    <row r="23202" spans="1:43">
      <c r="A23202" t="s">
        <v>14373</v>
      </c>
      <c r="B23202" t="s">
        <v>14374</v>
      </c>
      <c r="C23202" t="s">
        <v>14375</v>
      </c>
      <c r="D23202" t="s">
        <v>14376</v>
      </c>
      <c r="E23202" t="s">
        <v>14307</v>
      </c>
      <c r="F23202" t="s">
        <v>14308</v>
      </c>
      <c r="G23202" t="s">
        <v>10734</v>
      </c>
      <c r="H23202" t="s">
        <v>10735</v>
      </c>
      <c r="I23202" s="2">
        <v>0</v>
      </c>
      <c r="J23202" s="2">
        <v>0</v>
      </c>
      <c r="K23202" s="2">
        <v>1</v>
      </c>
      <c r="L23202" t="s">
        <v>995</v>
      </c>
      <c r="M23202" t="s">
        <v>83</v>
      </c>
      <c r="N23202" t="s">
        <v>84</v>
      </c>
      <c r="O23202" t="s">
        <v>85</v>
      </c>
      <c r="P23202" t="s">
        <v>86</v>
      </c>
      <c r="Q23202">
        <v>68</v>
      </c>
      <c r="R23202">
        <v>70</v>
      </c>
      <c r="S23202">
        <v>72</v>
      </c>
      <c r="T23202">
        <v>74</v>
      </c>
      <c r="U23202">
        <v>77</v>
      </c>
      <c r="V23202">
        <v>79</v>
      </c>
      <c r="W23202">
        <v>81</v>
      </c>
      <c r="X23202">
        <v>83</v>
      </c>
      <c r="Y23202">
        <v>86</v>
      </c>
      <c r="Z23202">
        <v>88</v>
      </c>
      <c r="AA23202">
        <v>91</v>
      </c>
      <c r="AB23202">
        <v>93</v>
      </c>
      <c r="AC23202">
        <v>96</v>
      </c>
      <c r="AD23202">
        <v>98</v>
      </c>
      <c r="AE23202">
        <v>101</v>
      </c>
      <c r="AF23202">
        <v>104</v>
      </c>
      <c r="AG23202">
        <v>106</v>
      </c>
      <c r="AH23202">
        <v>109</v>
      </c>
      <c r="AI23202">
        <v>112</v>
      </c>
      <c r="AJ23202">
        <v>115</v>
      </c>
      <c r="AK23202">
        <v>118</v>
      </c>
      <c r="AL23202">
        <v>120</v>
      </c>
      <c r="AM23202">
        <v>122</v>
      </c>
      <c r="AN23202">
        <v>124</v>
      </c>
      <c r="AO23202">
        <v>126</v>
      </c>
      <c r="AP23202">
        <v>128</v>
      </c>
      <c r="AQ23202">
        <v>130</v>
      </c>
    </row>
    <row r="23203" spans="1:43">
      <c r="A23203" t="s">
        <v>14373</v>
      </c>
      <c r="B23203" t="s">
        <v>14374</v>
      </c>
      <c r="C23203" t="s">
        <v>14375</v>
      </c>
      <c r="D23203" t="s">
        <v>14376</v>
      </c>
      <c r="E23203" t="s">
        <v>14307</v>
      </c>
      <c r="F23203" t="s">
        <v>14308</v>
      </c>
      <c r="G23203" t="s">
        <v>10734</v>
      </c>
      <c r="H23203" t="s">
        <v>10735</v>
      </c>
      <c r="I23203" s="2">
        <v>0</v>
      </c>
      <c r="J23203" s="2">
        <v>0</v>
      </c>
      <c r="K23203" s="2">
        <v>1</v>
      </c>
      <c r="L23203" t="s">
        <v>995</v>
      </c>
      <c r="M23203" t="s">
        <v>87</v>
      </c>
      <c r="N23203" t="s">
        <v>88</v>
      </c>
      <c r="O23203" t="s">
        <v>85</v>
      </c>
      <c r="P23203" t="s">
        <v>86</v>
      </c>
      <c r="Q23203">
        <v>68</v>
      </c>
      <c r="R23203">
        <v>70</v>
      </c>
      <c r="S23203">
        <v>71</v>
      </c>
      <c r="T23203">
        <v>73</v>
      </c>
      <c r="U23203">
        <v>74</v>
      </c>
      <c r="V23203">
        <v>76</v>
      </c>
      <c r="W23203">
        <v>77</v>
      </c>
      <c r="X23203">
        <v>79</v>
      </c>
      <c r="Y23203">
        <v>80</v>
      </c>
      <c r="Z23203">
        <v>82</v>
      </c>
      <c r="AA23203">
        <v>84</v>
      </c>
      <c r="AB23203">
        <v>85</v>
      </c>
      <c r="AC23203">
        <v>87</v>
      </c>
      <c r="AD23203">
        <v>89</v>
      </c>
      <c r="AE23203">
        <v>91</v>
      </c>
      <c r="AF23203">
        <v>92</v>
      </c>
      <c r="AG23203">
        <v>94</v>
      </c>
      <c r="AH23203">
        <v>96</v>
      </c>
      <c r="AI23203">
        <v>98</v>
      </c>
      <c r="AJ23203">
        <v>100</v>
      </c>
      <c r="AK23203">
        <v>102</v>
      </c>
      <c r="AL23203">
        <v>104</v>
      </c>
      <c r="AM23203">
        <v>106</v>
      </c>
      <c r="AN23203">
        <v>108</v>
      </c>
      <c r="AO23203">
        <v>110</v>
      </c>
      <c r="AP23203">
        <v>112</v>
      </c>
      <c r="AQ23203">
        <v>115</v>
      </c>
    </row>
    <row r="23204" spans="1:43">
      <c r="A23204" t="s">
        <v>14373</v>
      </c>
      <c r="B23204" t="s">
        <v>14374</v>
      </c>
      <c r="C23204" t="s">
        <v>14375</v>
      </c>
      <c r="D23204" t="s">
        <v>14376</v>
      </c>
      <c r="E23204" t="s">
        <v>14307</v>
      </c>
      <c r="F23204" t="s">
        <v>14308</v>
      </c>
      <c r="G23204" t="s">
        <v>10734</v>
      </c>
      <c r="H23204" t="s">
        <v>10735</v>
      </c>
      <c r="I23204" s="2">
        <v>0</v>
      </c>
      <c r="J23204" s="2">
        <v>0</v>
      </c>
      <c r="K23204" s="2">
        <v>1</v>
      </c>
      <c r="L23204" t="s">
        <v>995</v>
      </c>
      <c r="M23204" t="s">
        <v>89</v>
      </c>
      <c r="N23204" t="s">
        <v>90</v>
      </c>
      <c r="O23204" t="s">
        <v>85</v>
      </c>
      <c r="P23204" t="s">
        <v>86</v>
      </c>
      <c r="Q23204">
        <v>68</v>
      </c>
      <c r="R23204">
        <v>70</v>
      </c>
      <c r="S23204">
        <v>73</v>
      </c>
      <c r="T23204">
        <v>76</v>
      </c>
      <c r="U23204">
        <v>79</v>
      </c>
      <c r="V23204">
        <v>81</v>
      </c>
      <c r="W23204">
        <v>84</v>
      </c>
      <c r="X23204">
        <v>87</v>
      </c>
      <c r="Y23204">
        <v>90</v>
      </c>
      <c r="Z23204">
        <v>93</v>
      </c>
      <c r="AA23204">
        <v>95</v>
      </c>
      <c r="AB23204">
        <v>98</v>
      </c>
      <c r="AC23204">
        <v>101</v>
      </c>
      <c r="AD23204">
        <v>104</v>
      </c>
      <c r="AE23204">
        <v>107</v>
      </c>
      <c r="AF23204">
        <v>109</v>
      </c>
      <c r="AG23204">
        <v>111</v>
      </c>
      <c r="AH23204">
        <v>113</v>
      </c>
      <c r="AI23204">
        <v>114</v>
      </c>
      <c r="AJ23204">
        <v>116</v>
      </c>
      <c r="AK23204">
        <v>118</v>
      </c>
      <c r="AL23204">
        <v>120</v>
      </c>
      <c r="AM23204">
        <v>122</v>
      </c>
      <c r="AN23204">
        <v>124</v>
      </c>
      <c r="AO23204">
        <v>126</v>
      </c>
      <c r="AP23204">
        <v>128</v>
      </c>
      <c r="AQ23204">
        <v>130</v>
      </c>
    </row>
    <row r="23205" spans="1:43">
      <c r="A23205" t="s">
        <v>14373</v>
      </c>
      <c r="B23205" t="s">
        <v>14374</v>
      </c>
      <c r="C23205" t="s">
        <v>14375</v>
      </c>
      <c r="D23205" t="s">
        <v>14376</v>
      </c>
      <c r="E23205" t="s">
        <v>14307</v>
      </c>
      <c r="F23205" t="s">
        <v>14308</v>
      </c>
      <c r="G23205" t="s">
        <v>10734</v>
      </c>
      <c r="H23205" t="s">
        <v>10735</v>
      </c>
      <c r="I23205" s="2">
        <v>0</v>
      </c>
      <c r="J23205" s="2">
        <v>0</v>
      </c>
      <c r="K23205" s="2">
        <v>1</v>
      </c>
      <c r="L23205" t="s">
        <v>995</v>
      </c>
      <c r="M23205" t="s">
        <v>83</v>
      </c>
      <c r="N23205" t="s">
        <v>91</v>
      </c>
      <c r="O23205" t="s">
        <v>85</v>
      </c>
      <c r="P23205" t="s">
        <v>86</v>
      </c>
      <c r="Q23205">
        <v>68</v>
      </c>
      <c r="R23205">
        <v>70</v>
      </c>
      <c r="S23205">
        <v>72</v>
      </c>
      <c r="T23205">
        <v>74</v>
      </c>
      <c r="U23205">
        <v>77</v>
      </c>
      <c r="V23205">
        <v>79</v>
      </c>
      <c r="W23205">
        <v>81</v>
      </c>
      <c r="X23205">
        <v>83</v>
      </c>
      <c r="Y23205">
        <v>86</v>
      </c>
      <c r="Z23205">
        <v>88</v>
      </c>
      <c r="AA23205">
        <v>91</v>
      </c>
      <c r="AB23205">
        <v>93</v>
      </c>
      <c r="AC23205">
        <v>96</v>
      </c>
      <c r="AD23205">
        <v>98</v>
      </c>
      <c r="AE23205">
        <v>101</v>
      </c>
      <c r="AF23205">
        <v>104</v>
      </c>
      <c r="AG23205">
        <v>106</v>
      </c>
      <c r="AH23205">
        <v>109</v>
      </c>
      <c r="AI23205">
        <v>112</v>
      </c>
      <c r="AJ23205">
        <v>115</v>
      </c>
      <c r="AK23205">
        <v>118</v>
      </c>
      <c r="AL23205">
        <v>120</v>
      </c>
      <c r="AM23205">
        <v>122</v>
      </c>
      <c r="AN23205">
        <v>124</v>
      </c>
      <c r="AO23205">
        <v>126</v>
      </c>
      <c r="AP23205">
        <v>128</v>
      </c>
      <c r="AQ23205">
        <v>130</v>
      </c>
    </row>
    <row r="23206" spans="1:43">
      <c r="A23206" t="s">
        <v>14377</v>
      </c>
      <c r="B23206" t="s">
        <v>14378</v>
      </c>
      <c r="C23206" t="s">
        <v>14375</v>
      </c>
      <c r="D23206" t="s">
        <v>14376</v>
      </c>
      <c r="E23206" t="s">
        <v>14307</v>
      </c>
      <c r="F23206" t="s">
        <v>14308</v>
      </c>
      <c r="G23206" t="s">
        <v>10734</v>
      </c>
      <c r="H23206" t="s">
        <v>10735</v>
      </c>
      <c r="I23206" s="2">
        <v>0</v>
      </c>
      <c r="J23206" s="2">
        <v>0</v>
      </c>
      <c r="K23206" s="2">
        <v>1</v>
      </c>
      <c r="L23206" t="s">
        <v>995</v>
      </c>
      <c r="M23206" t="s">
        <v>83</v>
      </c>
      <c r="N23206" t="s">
        <v>84</v>
      </c>
      <c r="O23206" t="s">
        <v>85</v>
      </c>
      <c r="P23206" t="s">
        <v>86</v>
      </c>
      <c r="Q23206">
        <v>33</v>
      </c>
      <c r="R23206">
        <v>34</v>
      </c>
      <c r="S23206">
        <v>35</v>
      </c>
      <c r="T23206">
        <v>36</v>
      </c>
      <c r="U23206">
        <v>37</v>
      </c>
      <c r="V23206">
        <v>38</v>
      </c>
      <c r="W23206">
        <v>39</v>
      </c>
      <c r="X23206">
        <v>40</v>
      </c>
      <c r="Y23206">
        <v>41</v>
      </c>
      <c r="Z23206">
        <v>42</v>
      </c>
      <c r="AA23206">
        <v>43</v>
      </c>
      <c r="AB23206">
        <v>44</v>
      </c>
      <c r="AC23206">
        <v>46</v>
      </c>
      <c r="AD23206">
        <v>47</v>
      </c>
      <c r="AE23206">
        <v>48</v>
      </c>
      <c r="AF23206">
        <v>49</v>
      </c>
      <c r="AG23206">
        <v>50</v>
      </c>
      <c r="AH23206">
        <v>52</v>
      </c>
      <c r="AI23206">
        <v>53</v>
      </c>
      <c r="AJ23206">
        <v>54</v>
      </c>
      <c r="AK23206">
        <v>55</v>
      </c>
      <c r="AL23206">
        <v>56</v>
      </c>
      <c r="AM23206">
        <v>57</v>
      </c>
      <c r="AN23206">
        <v>58</v>
      </c>
      <c r="AO23206">
        <v>59</v>
      </c>
      <c r="AP23206">
        <v>60</v>
      </c>
      <c r="AQ23206">
        <v>61</v>
      </c>
    </row>
    <row r="23207" spans="1:43">
      <c r="A23207" t="s">
        <v>14377</v>
      </c>
      <c r="B23207" t="s">
        <v>14378</v>
      </c>
      <c r="C23207" t="s">
        <v>14375</v>
      </c>
      <c r="D23207" t="s">
        <v>14376</v>
      </c>
      <c r="E23207" t="s">
        <v>14307</v>
      </c>
      <c r="F23207" t="s">
        <v>14308</v>
      </c>
      <c r="G23207" t="s">
        <v>10734</v>
      </c>
      <c r="H23207" t="s">
        <v>10735</v>
      </c>
      <c r="I23207" s="2">
        <v>0</v>
      </c>
      <c r="J23207" s="2">
        <v>0</v>
      </c>
      <c r="K23207" s="2">
        <v>1</v>
      </c>
      <c r="L23207" t="s">
        <v>995</v>
      </c>
      <c r="M23207" t="s">
        <v>87</v>
      </c>
      <c r="N23207" t="s">
        <v>88</v>
      </c>
      <c r="O23207" t="s">
        <v>85</v>
      </c>
      <c r="P23207" t="s">
        <v>86</v>
      </c>
      <c r="Q23207">
        <v>33</v>
      </c>
      <c r="R23207">
        <v>33</v>
      </c>
      <c r="S23207">
        <v>34</v>
      </c>
      <c r="T23207">
        <v>35</v>
      </c>
      <c r="U23207">
        <v>35</v>
      </c>
      <c r="V23207">
        <v>36</v>
      </c>
      <c r="W23207">
        <v>37</v>
      </c>
      <c r="X23207">
        <v>37</v>
      </c>
      <c r="Y23207">
        <v>38</v>
      </c>
      <c r="Z23207">
        <v>39</v>
      </c>
      <c r="AA23207">
        <v>39</v>
      </c>
      <c r="AB23207">
        <v>40</v>
      </c>
      <c r="AC23207">
        <v>41</v>
      </c>
      <c r="AD23207">
        <v>42</v>
      </c>
      <c r="AE23207">
        <v>42</v>
      </c>
      <c r="AF23207">
        <v>43</v>
      </c>
      <c r="AG23207">
        <v>44</v>
      </c>
      <c r="AH23207">
        <v>45</v>
      </c>
      <c r="AI23207">
        <v>46</v>
      </c>
      <c r="AJ23207">
        <v>47</v>
      </c>
      <c r="AK23207">
        <v>47</v>
      </c>
      <c r="AL23207">
        <v>48</v>
      </c>
      <c r="AM23207">
        <v>49</v>
      </c>
      <c r="AN23207">
        <v>50</v>
      </c>
      <c r="AO23207">
        <v>51</v>
      </c>
      <c r="AP23207">
        <v>52</v>
      </c>
      <c r="AQ23207">
        <v>53</v>
      </c>
    </row>
    <row r="23208" spans="1:43">
      <c r="A23208" t="s">
        <v>14377</v>
      </c>
      <c r="B23208" t="s">
        <v>14378</v>
      </c>
      <c r="C23208" t="s">
        <v>14375</v>
      </c>
      <c r="D23208" t="s">
        <v>14376</v>
      </c>
      <c r="E23208" t="s">
        <v>14307</v>
      </c>
      <c r="F23208" t="s">
        <v>14308</v>
      </c>
      <c r="G23208" t="s">
        <v>10734</v>
      </c>
      <c r="H23208" t="s">
        <v>10735</v>
      </c>
      <c r="I23208" s="2">
        <v>0</v>
      </c>
      <c r="J23208" s="2">
        <v>0</v>
      </c>
      <c r="K23208" s="2">
        <v>1</v>
      </c>
      <c r="L23208" t="s">
        <v>995</v>
      </c>
      <c r="M23208" t="s">
        <v>89</v>
      </c>
      <c r="N23208" t="s">
        <v>90</v>
      </c>
      <c r="O23208" t="s">
        <v>85</v>
      </c>
      <c r="P23208" t="s">
        <v>86</v>
      </c>
      <c r="Q23208">
        <v>33</v>
      </c>
      <c r="R23208">
        <v>35</v>
      </c>
      <c r="S23208">
        <v>36</v>
      </c>
      <c r="T23208">
        <v>37</v>
      </c>
      <c r="U23208">
        <v>38</v>
      </c>
      <c r="V23208">
        <v>40</v>
      </c>
      <c r="W23208">
        <v>41</v>
      </c>
      <c r="X23208">
        <v>42</v>
      </c>
      <c r="Y23208">
        <v>44</v>
      </c>
      <c r="Z23208">
        <v>45</v>
      </c>
      <c r="AA23208">
        <v>46</v>
      </c>
      <c r="AB23208">
        <v>47</v>
      </c>
      <c r="AC23208">
        <v>49</v>
      </c>
      <c r="AD23208">
        <v>50</v>
      </c>
      <c r="AE23208">
        <v>51</v>
      </c>
      <c r="AF23208">
        <v>52</v>
      </c>
      <c r="AG23208">
        <v>53</v>
      </c>
      <c r="AH23208">
        <v>54</v>
      </c>
      <c r="AI23208">
        <v>54</v>
      </c>
      <c r="AJ23208">
        <v>55</v>
      </c>
      <c r="AK23208">
        <v>56</v>
      </c>
      <c r="AL23208">
        <v>57</v>
      </c>
      <c r="AM23208">
        <v>58</v>
      </c>
      <c r="AN23208">
        <v>59</v>
      </c>
      <c r="AO23208">
        <v>59</v>
      </c>
      <c r="AP23208">
        <v>60</v>
      </c>
      <c r="AQ23208">
        <v>61</v>
      </c>
    </row>
    <row r="23209" spans="1:43">
      <c r="A23209" t="s">
        <v>14377</v>
      </c>
      <c r="B23209" t="s">
        <v>14378</v>
      </c>
      <c r="C23209" t="s">
        <v>14375</v>
      </c>
      <c r="D23209" t="s">
        <v>14376</v>
      </c>
      <c r="E23209" t="s">
        <v>14307</v>
      </c>
      <c r="F23209" t="s">
        <v>14308</v>
      </c>
      <c r="G23209" t="s">
        <v>10734</v>
      </c>
      <c r="H23209" t="s">
        <v>10735</v>
      </c>
      <c r="I23209" s="2">
        <v>0</v>
      </c>
      <c r="J23209" s="2">
        <v>0</v>
      </c>
      <c r="K23209" s="2">
        <v>1</v>
      </c>
      <c r="L23209" t="s">
        <v>995</v>
      </c>
      <c r="M23209" t="s">
        <v>83</v>
      </c>
      <c r="N23209" t="s">
        <v>91</v>
      </c>
      <c r="O23209" t="s">
        <v>85</v>
      </c>
      <c r="P23209" t="s">
        <v>86</v>
      </c>
      <c r="Q23209">
        <v>33</v>
      </c>
      <c r="R23209">
        <v>34</v>
      </c>
      <c r="S23209">
        <v>35</v>
      </c>
      <c r="T23209">
        <v>36</v>
      </c>
      <c r="U23209">
        <v>37</v>
      </c>
      <c r="V23209">
        <v>38</v>
      </c>
      <c r="W23209">
        <v>39</v>
      </c>
      <c r="X23209">
        <v>40</v>
      </c>
      <c r="Y23209">
        <v>41</v>
      </c>
      <c r="Z23209">
        <v>42</v>
      </c>
      <c r="AA23209">
        <v>43</v>
      </c>
      <c r="AB23209">
        <v>44</v>
      </c>
      <c r="AC23209">
        <v>46</v>
      </c>
      <c r="AD23209">
        <v>47</v>
      </c>
      <c r="AE23209">
        <v>48</v>
      </c>
      <c r="AF23209">
        <v>49</v>
      </c>
      <c r="AG23209">
        <v>50</v>
      </c>
      <c r="AH23209">
        <v>52</v>
      </c>
      <c r="AI23209">
        <v>53</v>
      </c>
      <c r="AJ23209">
        <v>54</v>
      </c>
      <c r="AK23209">
        <v>55</v>
      </c>
      <c r="AL23209">
        <v>56</v>
      </c>
      <c r="AM23209">
        <v>57</v>
      </c>
      <c r="AN23209">
        <v>58</v>
      </c>
      <c r="AO23209">
        <v>59</v>
      </c>
      <c r="AP23209">
        <v>60</v>
      </c>
      <c r="AQ23209">
        <v>61</v>
      </c>
    </row>
    <row r="23210" spans="1:43">
      <c r="A23210" t="s">
        <v>14379</v>
      </c>
      <c r="B23210" t="s">
        <v>14380</v>
      </c>
      <c r="C23210" t="s">
        <v>14375</v>
      </c>
      <c r="D23210" t="s">
        <v>14376</v>
      </c>
      <c r="E23210" t="s">
        <v>14307</v>
      </c>
      <c r="F23210" t="s">
        <v>14308</v>
      </c>
      <c r="G23210" t="s">
        <v>10734</v>
      </c>
      <c r="H23210" t="s">
        <v>10735</v>
      </c>
      <c r="I23210" s="2">
        <v>0</v>
      </c>
      <c r="J23210" s="2">
        <v>0</v>
      </c>
      <c r="K23210" s="2">
        <v>1</v>
      </c>
      <c r="L23210" t="s">
        <v>995</v>
      </c>
      <c r="M23210" t="s">
        <v>83</v>
      </c>
      <c r="N23210" t="s">
        <v>84</v>
      </c>
      <c r="O23210" t="s">
        <v>85</v>
      </c>
      <c r="P23210" t="s">
        <v>86</v>
      </c>
      <c r="Q23210">
        <v>46</v>
      </c>
      <c r="R23210">
        <v>47</v>
      </c>
      <c r="S23210">
        <v>47</v>
      </c>
      <c r="T23210">
        <v>48</v>
      </c>
      <c r="U23210">
        <v>49</v>
      </c>
      <c r="V23210">
        <v>49</v>
      </c>
      <c r="W23210">
        <v>50</v>
      </c>
      <c r="X23210">
        <v>51</v>
      </c>
      <c r="Y23210">
        <v>52</v>
      </c>
      <c r="Z23210">
        <v>52</v>
      </c>
      <c r="AA23210">
        <v>53</v>
      </c>
      <c r="AB23210">
        <v>54</v>
      </c>
      <c r="AC23210">
        <v>54</v>
      </c>
      <c r="AD23210">
        <v>55</v>
      </c>
      <c r="AE23210">
        <v>56</v>
      </c>
      <c r="AF23210">
        <v>57</v>
      </c>
      <c r="AG23210">
        <v>57</v>
      </c>
      <c r="AH23210">
        <v>58</v>
      </c>
      <c r="AI23210">
        <v>59</v>
      </c>
      <c r="AJ23210">
        <v>59</v>
      </c>
      <c r="AK23210">
        <v>60</v>
      </c>
      <c r="AL23210">
        <v>61</v>
      </c>
      <c r="AM23210">
        <v>61</v>
      </c>
      <c r="AN23210">
        <v>61</v>
      </c>
      <c r="AO23210">
        <v>61</v>
      </c>
      <c r="AP23210">
        <v>61</v>
      </c>
      <c r="AQ23210">
        <v>62</v>
      </c>
    </row>
    <row r="23211" spans="1:43">
      <c r="A23211" t="s">
        <v>14379</v>
      </c>
      <c r="B23211" t="s">
        <v>14380</v>
      </c>
      <c r="C23211" t="s">
        <v>14375</v>
      </c>
      <c r="D23211" t="s">
        <v>14376</v>
      </c>
      <c r="E23211" t="s">
        <v>14307</v>
      </c>
      <c r="F23211" t="s">
        <v>14308</v>
      </c>
      <c r="G23211" t="s">
        <v>10734</v>
      </c>
      <c r="H23211" t="s">
        <v>10735</v>
      </c>
      <c r="I23211" s="2">
        <v>0</v>
      </c>
      <c r="J23211" s="2">
        <v>0</v>
      </c>
      <c r="K23211" s="2">
        <v>1</v>
      </c>
      <c r="L23211" t="s">
        <v>995</v>
      </c>
      <c r="M23211" t="s">
        <v>87</v>
      </c>
      <c r="N23211" t="s">
        <v>88</v>
      </c>
      <c r="O23211" t="s">
        <v>85</v>
      </c>
      <c r="P23211" t="s">
        <v>86</v>
      </c>
      <c r="Q23211">
        <v>46</v>
      </c>
      <c r="R23211">
        <v>47</v>
      </c>
      <c r="S23211">
        <v>47</v>
      </c>
      <c r="T23211">
        <v>47</v>
      </c>
      <c r="U23211">
        <v>48</v>
      </c>
      <c r="V23211">
        <v>48</v>
      </c>
      <c r="W23211">
        <v>48</v>
      </c>
      <c r="X23211">
        <v>48</v>
      </c>
      <c r="Y23211">
        <v>49</v>
      </c>
      <c r="Z23211">
        <v>49</v>
      </c>
      <c r="AA23211">
        <v>49</v>
      </c>
      <c r="AB23211">
        <v>50</v>
      </c>
      <c r="AC23211">
        <v>50</v>
      </c>
      <c r="AD23211">
        <v>50</v>
      </c>
      <c r="AE23211">
        <v>51</v>
      </c>
      <c r="AF23211">
        <v>51</v>
      </c>
      <c r="AG23211">
        <v>51</v>
      </c>
      <c r="AH23211">
        <v>52</v>
      </c>
      <c r="AI23211">
        <v>52</v>
      </c>
      <c r="AJ23211">
        <v>52</v>
      </c>
      <c r="AK23211">
        <v>53</v>
      </c>
      <c r="AL23211">
        <v>53</v>
      </c>
      <c r="AM23211">
        <v>53</v>
      </c>
      <c r="AN23211">
        <v>54</v>
      </c>
      <c r="AO23211">
        <v>54</v>
      </c>
      <c r="AP23211">
        <v>54</v>
      </c>
      <c r="AQ23211">
        <v>55</v>
      </c>
    </row>
    <row r="23212" spans="1:43">
      <c r="A23212" t="s">
        <v>14379</v>
      </c>
      <c r="B23212" t="s">
        <v>14380</v>
      </c>
      <c r="C23212" t="s">
        <v>14375</v>
      </c>
      <c r="D23212" t="s">
        <v>14376</v>
      </c>
      <c r="E23212" t="s">
        <v>14307</v>
      </c>
      <c r="F23212" t="s">
        <v>14308</v>
      </c>
      <c r="G23212" t="s">
        <v>10734</v>
      </c>
      <c r="H23212" t="s">
        <v>10735</v>
      </c>
      <c r="I23212" s="2">
        <v>0</v>
      </c>
      <c r="J23212" s="2">
        <v>0</v>
      </c>
      <c r="K23212" s="2">
        <v>1</v>
      </c>
      <c r="L23212" t="s">
        <v>995</v>
      </c>
      <c r="M23212" t="s">
        <v>89</v>
      </c>
      <c r="N23212" t="s">
        <v>90</v>
      </c>
      <c r="O23212" t="s">
        <v>85</v>
      </c>
      <c r="P23212" t="s">
        <v>86</v>
      </c>
      <c r="Q23212">
        <v>46</v>
      </c>
      <c r="R23212">
        <v>47</v>
      </c>
      <c r="S23212">
        <v>48</v>
      </c>
      <c r="T23212">
        <v>50</v>
      </c>
      <c r="U23212">
        <v>51</v>
      </c>
      <c r="V23212">
        <v>52</v>
      </c>
      <c r="W23212">
        <v>53</v>
      </c>
      <c r="X23212">
        <v>54</v>
      </c>
      <c r="Y23212">
        <v>55</v>
      </c>
      <c r="Z23212">
        <v>56</v>
      </c>
      <c r="AA23212">
        <v>56</v>
      </c>
      <c r="AB23212">
        <v>57</v>
      </c>
      <c r="AC23212">
        <v>58</v>
      </c>
      <c r="AD23212">
        <v>59</v>
      </c>
      <c r="AE23212">
        <v>60</v>
      </c>
      <c r="AF23212">
        <v>60</v>
      </c>
      <c r="AG23212">
        <v>60</v>
      </c>
      <c r="AH23212">
        <v>60</v>
      </c>
      <c r="AI23212">
        <v>61</v>
      </c>
      <c r="AJ23212">
        <v>61</v>
      </c>
      <c r="AK23212">
        <v>61</v>
      </c>
      <c r="AL23212">
        <v>61</v>
      </c>
      <c r="AM23212">
        <v>61</v>
      </c>
      <c r="AN23212">
        <v>62</v>
      </c>
      <c r="AO23212">
        <v>62</v>
      </c>
      <c r="AP23212">
        <v>62</v>
      </c>
      <c r="AQ23212">
        <v>62</v>
      </c>
    </row>
    <row r="23213" spans="1:43">
      <c r="A23213" t="s">
        <v>14379</v>
      </c>
      <c r="B23213" t="s">
        <v>14380</v>
      </c>
      <c r="C23213" t="s">
        <v>14375</v>
      </c>
      <c r="D23213" t="s">
        <v>14376</v>
      </c>
      <c r="E23213" t="s">
        <v>14307</v>
      </c>
      <c r="F23213" t="s">
        <v>14308</v>
      </c>
      <c r="G23213" t="s">
        <v>10734</v>
      </c>
      <c r="H23213" t="s">
        <v>10735</v>
      </c>
      <c r="I23213" s="2">
        <v>0</v>
      </c>
      <c r="J23213" s="2">
        <v>0</v>
      </c>
      <c r="K23213" s="2">
        <v>1</v>
      </c>
      <c r="L23213" t="s">
        <v>995</v>
      </c>
      <c r="M23213" t="s">
        <v>83</v>
      </c>
      <c r="N23213" t="s">
        <v>91</v>
      </c>
      <c r="O23213" t="s">
        <v>85</v>
      </c>
      <c r="P23213" t="s">
        <v>86</v>
      </c>
      <c r="Q23213">
        <v>46</v>
      </c>
      <c r="R23213">
        <v>47</v>
      </c>
      <c r="S23213">
        <v>47</v>
      </c>
      <c r="T23213">
        <v>48</v>
      </c>
      <c r="U23213">
        <v>49</v>
      </c>
      <c r="V23213">
        <v>49</v>
      </c>
      <c r="W23213">
        <v>50</v>
      </c>
      <c r="X23213">
        <v>51</v>
      </c>
      <c r="Y23213">
        <v>52</v>
      </c>
      <c r="Z23213">
        <v>52</v>
      </c>
      <c r="AA23213">
        <v>53</v>
      </c>
      <c r="AB23213">
        <v>54</v>
      </c>
      <c r="AC23213">
        <v>54</v>
      </c>
      <c r="AD23213">
        <v>55</v>
      </c>
      <c r="AE23213">
        <v>56</v>
      </c>
      <c r="AF23213">
        <v>57</v>
      </c>
      <c r="AG23213">
        <v>57</v>
      </c>
      <c r="AH23213">
        <v>58</v>
      </c>
      <c r="AI23213">
        <v>59</v>
      </c>
      <c r="AJ23213">
        <v>59</v>
      </c>
      <c r="AK23213">
        <v>60</v>
      </c>
      <c r="AL23213">
        <v>61</v>
      </c>
      <c r="AM23213">
        <v>61</v>
      </c>
      <c r="AN23213">
        <v>61</v>
      </c>
      <c r="AO23213">
        <v>61</v>
      </c>
      <c r="AP23213">
        <v>61</v>
      </c>
      <c r="AQ23213">
        <v>62</v>
      </c>
    </row>
    <row r="23214" spans="1:43">
      <c r="A23214" t="s">
        <v>14381</v>
      </c>
      <c r="B23214" t="s">
        <v>14382</v>
      </c>
      <c r="C23214" t="s">
        <v>14313</v>
      </c>
      <c r="D23214" t="s">
        <v>14314</v>
      </c>
      <c r="E23214" t="s">
        <v>14307</v>
      </c>
      <c r="F23214" t="s">
        <v>14308</v>
      </c>
      <c r="G23214" t="s">
        <v>10734</v>
      </c>
      <c r="H23214" t="s">
        <v>10735</v>
      </c>
      <c r="I23214" s="2">
        <v>0</v>
      </c>
      <c r="J23214" s="2">
        <v>0</v>
      </c>
      <c r="K23214" s="2">
        <v>1</v>
      </c>
      <c r="L23214" t="s">
        <v>995</v>
      </c>
      <c r="M23214" t="s">
        <v>83</v>
      </c>
      <c r="N23214" t="s">
        <v>84</v>
      </c>
      <c r="O23214" t="s">
        <v>85</v>
      </c>
      <c r="P23214" t="s">
        <v>86</v>
      </c>
      <c r="Q23214">
        <v>75</v>
      </c>
      <c r="R23214">
        <v>77</v>
      </c>
      <c r="S23214">
        <v>79</v>
      </c>
      <c r="T23214">
        <v>82</v>
      </c>
      <c r="U23214">
        <v>84</v>
      </c>
      <c r="V23214">
        <v>86</v>
      </c>
      <c r="W23214">
        <v>89</v>
      </c>
      <c r="X23214">
        <v>91</v>
      </c>
      <c r="Y23214">
        <v>94</v>
      </c>
      <c r="Z23214">
        <v>97</v>
      </c>
      <c r="AA23214">
        <v>99</v>
      </c>
      <c r="AB23214">
        <v>102</v>
      </c>
      <c r="AC23214">
        <v>105</v>
      </c>
      <c r="AD23214">
        <v>108</v>
      </c>
      <c r="AE23214">
        <v>111</v>
      </c>
      <c r="AF23214">
        <v>114</v>
      </c>
      <c r="AG23214">
        <v>117</v>
      </c>
      <c r="AH23214">
        <v>120</v>
      </c>
      <c r="AI23214">
        <v>123</v>
      </c>
      <c r="AJ23214">
        <v>126</v>
      </c>
      <c r="AK23214">
        <v>129</v>
      </c>
      <c r="AL23214">
        <v>132</v>
      </c>
      <c r="AM23214">
        <v>134</v>
      </c>
      <c r="AN23214">
        <v>136</v>
      </c>
      <c r="AO23214">
        <v>138</v>
      </c>
      <c r="AP23214">
        <v>141</v>
      </c>
      <c r="AQ23214">
        <v>143</v>
      </c>
    </row>
    <row r="23215" spans="1:43">
      <c r="A23215" t="s">
        <v>14381</v>
      </c>
      <c r="B23215" t="s">
        <v>14382</v>
      </c>
      <c r="C23215" t="s">
        <v>14313</v>
      </c>
      <c r="D23215" t="s">
        <v>14314</v>
      </c>
      <c r="E23215" t="s">
        <v>14307</v>
      </c>
      <c r="F23215" t="s">
        <v>14308</v>
      </c>
      <c r="G23215" t="s">
        <v>10734</v>
      </c>
      <c r="H23215" t="s">
        <v>10735</v>
      </c>
      <c r="I23215" s="2">
        <v>0</v>
      </c>
      <c r="J23215" s="2">
        <v>0</v>
      </c>
      <c r="K23215" s="2">
        <v>1</v>
      </c>
      <c r="L23215" t="s">
        <v>995</v>
      </c>
      <c r="M23215" t="s">
        <v>87</v>
      </c>
      <c r="N23215" t="s">
        <v>88</v>
      </c>
      <c r="O23215" t="s">
        <v>85</v>
      </c>
      <c r="P23215" t="s">
        <v>86</v>
      </c>
      <c r="Q23215">
        <v>75</v>
      </c>
      <c r="R23215">
        <v>76</v>
      </c>
      <c r="S23215">
        <v>78</v>
      </c>
      <c r="T23215">
        <v>80</v>
      </c>
      <c r="U23215">
        <v>81</v>
      </c>
      <c r="V23215">
        <v>83</v>
      </c>
      <c r="W23215">
        <v>85</v>
      </c>
      <c r="X23215">
        <v>86</v>
      </c>
      <c r="Y23215">
        <v>88</v>
      </c>
      <c r="Z23215">
        <v>90</v>
      </c>
      <c r="AA23215">
        <v>91</v>
      </c>
      <c r="AB23215">
        <v>93</v>
      </c>
      <c r="AC23215">
        <v>95</v>
      </c>
      <c r="AD23215">
        <v>97</v>
      </c>
      <c r="AE23215">
        <v>99</v>
      </c>
      <c r="AF23215">
        <v>101</v>
      </c>
      <c r="AG23215">
        <v>103</v>
      </c>
      <c r="AH23215">
        <v>105</v>
      </c>
      <c r="AI23215">
        <v>107</v>
      </c>
      <c r="AJ23215">
        <v>109</v>
      </c>
      <c r="AK23215">
        <v>111</v>
      </c>
      <c r="AL23215">
        <v>114</v>
      </c>
      <c r="AM23215">
        <v>116</v>
      </c>
      <c r="AN23215">
        <v>118</v>
      </c>
      <c r="AO23215">
        <v>120</v>
      </c>
      <c r="AP23215">
        <v>123</v>
      </c>
      <c r="AQ23215">
        <v>125</v>
      </c>
    </row>
    <row r="23216" spans="1:43">
      <c r="A23216" t="s">
        <v>14381</v>
      </c>
      <c r="B23216" t="s">
        <v>14382</v>
      </c>
      <c r="C23216" t="s">
        <v>14313</v>
      </c>
      <c r="D23216" t="s">
        <v>14314</v>
      </c>
      <c r="E23216" t="s">
        <v>14307</v>
      </c>
      <c r="F23216" t="s">
        <v>14308</v>
      </c>
      <c r="G23216" t="s">
        <v>10734</v>
      </c>
      <c r="H23216" t="s">
        <v>10735</v>
      </c>
      <c r="I23216" s="2">
        <v>0</v>
      </c>
      <c r="J23216" s="2">
        <v>0</v>
      </c>
      <c r="K23216" s="2">
        <v>1</v>
      </c>
      <c r="L23216" t="s">
        <v>995</v>
      </c>
      <c r="M23216" t="s">
        <v>89</v>
      </c>
      <c r="N23216" t="s">
        <v>90</v>
      </c>
      <c r="O23216" t="s">
        <v>85</v>
      </c>
      <c r="P23216" t="s">
        <v>86</v>
      </c>
      <c r="Q23216">
        <v>75</v>
      </c>
      <c r="R23216">
        <v>78</v>
      </c>
      <c r="S23216">
        <v>81</v>
      </c>
      <c r="T23216">
        <v>84</v>
      </c>
      <c r="U23216">
        <v>87</v>
      </c>
      <c r="V23216">
        <v>90</v>
      </c>
      <c r="W23216">
        <v>93</v>
      </c>
      <c r="X23216">
        <v>96</v>
      </c>
      <c r="Y23216">
        <v>100</v>
      </c>
      <c r="Z23216">
        <v>103</v>
      </c>
      <c r="AA23216">
        <v>106</v>
      </c>
      <c r="AB23216">
        <v>109</v>
      </c>
      <c r="AC23216">
        <v>112</v>
      </c>
      <c r="AD23216">
        <v>116</v>
      </c>
      <c r="AE23216">
        <v>118</v>
      </c>
      <c r="AF23216">
        <v>120</v>
      </c>
      <c r="AG23216">
        <v>122</v>
      </c>
      <c r="AH23216">
        <v>124</v>
      </c>
      <c r="AI23216">
        <v>126</v>
      </c>
      <c r="AJ23216">
        <v>129</v>
      </c>
      <c r="AK23216">
        <v>131</v>
      </c>
      <c r="AL23216">
        <v>133</v>
      </c>
      <c r="AM23216">
        <v>135</v>
      </c>
      <c r="AN23216">
        <v>137</v>
      </c>
      <c r="AO23216">
        <v>139</v>
      </c>
      <c r="AP23216">
        <v>142</v>
      </c>
      <c r="AQ23216">
        <v>144</v>
      </c>
    </row>
    <row r="23217" spans="1:43">
      <c r="A23217" t="s">
        <v>14381</v>
      </c>
      <c r="B23217" t="s">
        <v>14382</v>
      </c>
      <c r="C23217" t="s">
        <v>14313</v>
      </c>
      <c r="D23217" t="s">
        <v>14314</v>
      </c>
      <c r="E23217" t="s">
        <v>14307</v>
      </c>
      <c r="F23217" t="s">
        <v>14308</v>
      </c>
      <c r="G23217" t="s">
        <v>10734</v>
      </c>
      <c r="H23217" t="s">
        <v>10735</v>
      </c>
      <c r="I23217" s="2">
        <v>0</v>
      </c>
      <c r="J23217" s="2">
        <v>0</v>
      </c>
      <c r="K23217" s="2">
        <v>1</v>
      </c>
      <c r="L23217" t="s">
        <v>995</v>
      </c>
      <c r="M23217" t="s">
        <v>83</v>
      </c>
      <c r="N23217" t="s">
        <v>91</v>
      </c>
      <c r="O23217" t="s">
        <v>85</v>
      </c>
      <c r="P23217" t="s">
        <v>86</v>
      </c>
      <c r="Q23217">
        <v>75</v>
      </c>
      <c r="R23217">
        <v>77</v>
      </c>
      <c r="S23217">
        <v>79</v>
      </c>
      <c r="T23217">
        <v>82</v>
      </c>
      <c r="U23217">
        <v>84</v>
      </c>
      <c r="V23217">
        <v>86</v>
      </c>
      <c r="W23217">
        <v>89</v>
      </c>
      <c r="X23217">
        <v>91</v>
      </c>
      <c r="Y23217">
        <v>94</v>
      </c>
      <c r="Z23217">
        <v>97</v>
      </c>
      <c r="AA23217">
        <v>99</v>
      </c>
      <c r="AB23217">
        <v>102</v>
      </c>
      <c r="AC23217">
        <v>105</v>
      </c>
      <c r="AD23217">
        <v>108</v>
      </c>
      <c r="AE23217">
        <v>111</v>
      </c>
      <c r="AF23217">
        <v>114</v>
      </c>
      <c r="AG23217">
        <v>117</v>
      </c>
      <c r="AH23217">
        <v>120</v>
      </c>
      <c r="AI23217">
        <v>123</v>
      </c>
      <c r="AJ23217">
        <v>126</v>
      </c>
      <c r="AK23217">
        <v>129</v>
      </c>
      <c r="AL23217">
        <v>132</v>
      </c>
      <c r="AM23217">
        <v>134</v>
      </c>
      <c r="AN23217">
        <v>136</v>
      </c>
      <c r="AO23217">
        <v>138</v>
      </c>
      <c r="AP23217">
        <v>141</v>
      </c>
      <c r="AQ23217">
        <v>143</v>
      </c>
    </row>
    <row r="23218" spans="1:43">
      <c r="A23218" t="s">
        <v>14383</v>
      </c>
      <c r="B23218" t="s">
        <v>14384</v>
      </c>
      <c r="C23218" t="s">
        <v>14385</v>
      </c>
      <c r="D23218" t="s">
        <v>14386</v>
      </c>
      <c r="E23218" t="s">
        <v>14307</v>
      </c>
      <c r="F23218" t="s">
        <v>14308</v>
      </c>
      <c r="G23218" t="s">
        <v>10734</v>
      </c>
      <c r="H23218" t="s">
        <v>10735</v>
      </c>
      <c r="I23218" s="2">
        <v>0</v>
      </c>
      <c r="J23218" s="2">
        <v>0</v>
      </c>
      <c r="K23218" s="2">
        <v>1</v>
      </c>
      <c r="L23218" t="s">
        <v>995</v>
      </c>
      <c r="M23218" t="s">
        <v>83</v>
      </c>
      <c r="N23218" t="s">
        <v>84</v>
      </c>
      <c r="O23218" t="s">
        <v>85</v>
      </c>
      <c r="P23218" t="s">
        <v>86</v>
      </c>
      <c r="Q23218">
        <v>77</v>
      </c>
      <c r="R23218">
        <v>79</v>
      </c>
      <c r="S23218">
        <v>81</v>
      </c>
      <c r="T23218">
        <v>84</v>
      </c>
      <c r="U23218">
        <v>86</v>
      </c>
      <c r="V23218">
        <v>89</v>
      </c>
      <c r="W23218">
        <v>91</v>
      </c>
      <c r="X23218">
        <v>94</v>
      </c>
      <c r="Y23218">
        <v>96</v>
      </c>
      <c r="Z23218">
        <v>99</v>
      </c>
      <c r="AA23218">
        <v>102</v>
      </c>
      <c r="AB23218">
        <v>105</v>
      </c>
      <c r="AC23218">
        <v>108</v>
      </c>
      <c r="AD23218">
        <v>111</v>
      </c>
      <c r="AE23218">
        <v>114</v>
      </c>
      <c r="AF23218">
        <v>117</v>
      </c>
      <c r="AG23218">
        <v>120</v>
      </c>
      <c r="AH23218">
        <v>123</v>
      </c>
      <c r="AI23218">
        <v>126</v>
      </c>
      <c r="AJ23218">
        <v>129</v>
      </c>
      <c r="AK23218">
        <v>133</v>
      </c>
      <c r="AL23218">
        <v>135</v>
      </c>
      <c r="AM23218">
        <v>138</v>
      </c>
      <c r="AN23218">
        <v>140</v>
      </c>
      <c r="AO23218">
        <v>142</v>
      </c>
      <c r="AP23218">
        <v>144</v>
      </c>
      <c r="AQ23218">
        <v>147</v>
      </c>
    </row>
    <row r="23219" spans="1:43">
      <c r="A23219" t="s">
        <v>14383</v>
      </c>
      <c r="B23219" t="s">
        <v>14384</v>
      </c>
      <c r="C23219" t="s">
        <v>14385</v>
      </c>
      <c r="D23219" t="s">
        <v>14386</v>
      </c>
      <c r="E23219" t="s">
        <v>14307</v>
      </c>
      <c r="F23219" t="s">
        <v>14308</v>
      </c>
      <c r="G23219" t="s">
        <v>10734</v>
      </c>
      <c r="H23219" t="s">
        <v>10735</v>
      </c>
      <c r="I23219" s="2">
        <v>0</v>
      </c>
      <c r="J23219" s="2">
        <v>0</v>
      </c>
      <c r="K23219" s="2">
        <v>1</v>
      </c>
      <c r="L23219" t="s">
        <v>995</v>
      </c>
      <c r="M23219" t="s">
        <v>87</v>
      </c>
      <c r="N23219" t="s">
        <v>88</v>
      </c>
      <c r="O23219" t="s">
        <v>85</v>
      </c>
      <c r="P23219" t="s">
        <v>86</v>
      </c>
      <c r="Q23219">
        <v>77</v>
      </c>
      <c r="R23219">
        <v>79</v>
      </c>
      <c r="S23219">
        <v>80</v>
      </c>
      <c r="T23219">
        <v>82</v>
      </c>
      <c r="U23219">
        <v>83</v>
      </c>
      <c r="V23219">
        <v>85</v>
      </c>
      <c r="W23219">
        <v>87</v>
      </c>
      <c r="X23219">
        <v>88</v>
      </c>
      <c r="Y23219">
        <v>90</v>
      </c>
      <c r="Z23219">
        <v>92</v>
      </c>
      <c r="AA23219">
        <v>94</v>
      </c>
      <c r="AB23219">
        <v>96</v>
      </c>
      <c r="AC23219">
        <v>97</v>
      </c>
      <c r="AD23219">
        <v>99</v>
      </c>
      <c r="AE23219">
        <v>101</v>
      </c>
      <c r="AF23219">
        <v>103</v>
      </c>
      <c r="AG23219">
        <v>105</v>
      </c>
      <c r="AH23219">
        <v>108</v>
      </c>
      <c r="AI23219">
        <v>110</v>
      </c>
      <c r="AJ23219">
        <v>112</v>
      </c>
      <c r="AK23219">
        <v>114</v>
      </c>
      <c r="AL23219">
        <v>116</v>
      </c>
      <c r="AM23219">
        <v>119</v>
      </c>
      <c r="AN23219">
        <v>121</v>
      </c>
      <c r="AO23219">
        <v>123</v>
      </c>
      <c r="AP23219">
        <v>126</v>
      </c>
      <c r="AQ23219">
        <v>128</v>
      </c>
    </row>
    <row r="23220" spans="1:43">
      <c r="A23220" t="s">
        <v>14383</v>
      </c>
      <c r="B23220" t="s">
        <v>14384</v>
      </c>
      <c r="C23220" t="s">
        <v>14385</v>
      </c>
      <c r="D23220" t="s">
        <v>14386</v>
      </c>
      <c r="E23220" t="s">
        <v>14307</v>
      </c>
      <c r="F23220" t="s">
        <v>14308</v>
      </c>
      <c r="G23220" t="s">
        <v>10734</v>
      </c>
      <c r="H23220" t="s">
        <v>10735</v>
      </c>
      <c r="I23220" s="2">
        <v>0</v>
      </c>
      <c r="J23220" s="2">
        <v>0</v>
      </c>
      <c r="K23220" s="2">
        <v>1</v>
      </c>
      <c r="L23220" t="s">
        <v>995</v>
      </c>
      <c r="M23220" t="s">
        <v>89</v>
      </c>
      <c r="N23220" t="s">
        <v>90</v>
      </c>
      <c r="O23220" t="s">
        <v>85</v>
      </c>
      <c r="P23220" t="s">
        <v>86</v>
      </c>
      <c r="Q23220">
        <v>77</v>
      </c>
      <c r="R23220">
        <v>80</v>
      </c>
      <c r="S23220">
        <v>83</v>
      </c>
      <c r="T23220">
        <v>86</v>
      </c>
      <c r="U23220">
        <v>90</v>
      </c>
      <c r="V23220">
        <v>93</v>
      </c>
      <c r="W23220">
        <v>96</v>
      </c>
      <c r="X23220">
        <v>99</v>
      </c>
      <c r="Y23220">
        <v>102</v>
      </c>
      <c r="Z23220">
        <v>105</v>
      </c>
      <c r="AA23220">
        <v>109</v>
      </c>
      <c r="AB23220">
        <v>112</v>
      </c>
      <c r="AC23220">
        <v>115</v>
      </c>
      <c r="AD23220">
        <v>119</v>
      </c>
      <c r="AE23220">
        <v>122</v>
      </c>
      <c r="AF23220">
        <v>124</v>
      </c>
      <c r="AG23220">
        <v>126</v>
      </c>
      <c r="AH23220">
        <v>128</v>
      </c>
      <c r="AI23220">
        <v>130</v>
      </c>
      <c r="AJ23220">
        <v>132</v>
      </c>
      <c r="AK23220">
        <v>134</v>
      </c>
      <c r="AL23220">
        <v>136</v>
      </c>
      <c r="AM23220">
        <v>139</v>
      </c>
      <c r="AN23220">
        <v>141</v>
      </c>
      <c r="AO23220">
        <v>143</v>
      </c>
      <c r="AP23220">
        <v>145</v>
      </c>
      <c r="AQ23220">
        <v>148</v>
      </c>
    </row>
    <row r="23221" spans="1:43">
      <c r="A23221" t="s">
        <v>14383</v>
      </c>
      <c r="B23221" t="s">
        <v>14384</v>
      </c>
      <c r="C23221" t="s">
        <v>14385</v>
      </c>
      <c r="D23221" t="s">
        <v>14386</v>
      </c>
      <c r="E23221" t="s">
        <v>14307</v>
      </c>
      <c r="F23221" t="s">
        <v>14308</v>
      </c>
      <c r="G23221" t="s">
        <v>10734</v>
      </c>
      <c r="H23221" t="s">
        <v>10735</v>
      </c>
      <c r="I23221" s="2">
        <v>0</v>
      </c>
      <c r="J23221" s="2">
        <v>0</v>
      </c>
      <c r="K23221" s="2">
        <v>1</v>
      </c>
      <c r="L23221" t="s">
        <v>995</v>
      </c>
      <c r="M23221" t="s">
        <v>83</v>
      </c>
      <c r="N23221" t="s">
        <v>91</v>
      </c>
      <c r="O23221" t="s">
        <v>85</v>
      </c>
      <c r="P23221" t="s">
        <v>86</v>
      </c>
      <c r="Q23221">
        <v>77</v>
      </c>
      <c r="R23221">
        <v>79</v>
      </c>
      <c r="S23221">
        <v>81</v>
      </c>
      <c r="T23221">
        <v>84</v>
      </c>
      <c r="U23221">
        <v>86</v>
      </c>
      <c r="V23221">
        <v>89</v>
      </c>
      <c r="W23221">
        <v>91</v>
      </c>
      <c r="X23221">
        <v>94</v>
      </c>
      <c r="Y23221">
        <v>96</v>
      </c>
      <c r="Z23221">
        <v>99</v>
      </c>
      <c r="AA23221">
        <v>102</v>
      </c>
      <c r="AB23221">
        <v>105</v>
      </c>
      <c r="AC23221">
        <v>108</v>
      </c>
      <c r="AD23221">
        <v>111</v>
      </c>
      <c r="AE23221">
        <v>114</v>
      </c>
      <c r="AF23221">
        <v>117</v>
      </c>
      <c r="AG23221">
        <v>120</v>
      </c>
      <c r="AH23221">
        <v>123</v>
      </c>
      <c r="AI23221">
        <v>126</v>
      </c>
      <c r="AJ23221">
        <v>129</v>
      </c>
      <c r="AK23221">
        <v>133</v>
      </c>
      <c r="AL23221">
        <v>135</v>
      </c>
      <c r="AM23221">
        <v>138</v>
      </c>
      <c r="AN23221">
        <v>140</v>
      </c>
      <c r="AO23221">
        <v>142</v>
      </c>
      <c r="AP23221">
        <v>144</v>
      </c>
      <c r="AQ23221">
        <v>147</v>
      </c>
    </row>
    <row r="23222" spans="1:43">
      <c r="A23222" t="s">
        <v>14387</v>
      </c>
      <c r="B23222" t="s">
        <v>14388</v>
      </c>
      <c r="C23222" t="s">
        <v>14385</v>
      </c>
      <c r="D23222" t="s">
        <v>14386</v>
      </c>
      <c r="E23222" t="s">
        <v>14307</v>
      </c>
      <c r="F23222" t="s">
        <v>14308</v>
      </c>
      <c r="G23222" t="s">
        <v>10734</v>
      </c>
      <c r="H23222" t="s">
        <v>10735</v>
      </c>
      <c r="I23222" s="2">
        <v>0</v>
      </c>
      <c r="J23222" s="2">
        <v>0</v>
      </c>
      <c r="K23222" s="2">
        <v>1</v>
      </c>
      <c r="L23222" t="s">
        <v>995</v>
      </c>
      <c r="M23222" t="s">
        <v>83</v>
      </c>
      <c r="N23222" t="s">
        <v>84</v>
      </c>
      <c r="O23222" t="s">
        <v>85</v>
      </c>
      <c r="P23222" t="s">
        <v>86</v>
      </c>
      <c r="Q23222">
        <v>47</v>
      </c>
      <c r="R23222">
        <v>48</v>
      </c>
      <c r="S23222">
        <v>50</v>
      </c>
      <c r="T23222">
        <v>51</v>
      </c>
      <c r="U23222">
        <v>53</v>
      </c>
      <c r="V23222">
        <v>54</v>
      </c>
      <c r="W23222">
        <v>56</v>
      </c>
      <c r="X23222">
        <v>57</v>
      </c>
      <c r="Y23222">
        <v>59</v>
      </c>
      <c r="Z23222">
        <v>60</v>
      </c>
      <c r="AA23222">
        <v>62</v>
      </c>
      <c r="AB23222">
        <v>64</v>
      </c>
      <c r="AC23222">
        <v>66</v>
      </c>
      <c r="AD23222">
        <v>67</v>
      </c>
      <c r="AE23222">
        <v>69</v>
      </c>
      <c r="AF23222">
        <v>71</v>
      </c>
      <c r="AG23222">
        <v>73</v>
      </c>
      <c r="AH23222">
        <v>75</v>
      </c>
      <c r="AI23222">
        <v>77</v>
      </c>
      <c r="AJ23222">
        <v>79</v>
      </c>
      <c r="AK23222">
        <v>81</v>
      </c>
      <c r="AL23222">
        <v>83</v>
      </c>
      <c r="AM23222">
        <v>84</v>
      </c>
      <c r="AN23222">
        <v>85</v>
      </c>
      <c r="AO23222">
        <v>87</v>
      </c>
      <c r="AP23222">
        <v>88</v>
      </c>
      <c r="AQ23222">
        <v>90</v>
      </c>
    </row>
    <row r="23223" spans="1:43">
      <c r="A23223" t="s">
        <v>14387</v>
      </c>
      <c r="B23223" t="s">
        <v>14388</v>
      </c>
      <c r="C23223" t="s">
        <v>14385</v>
      </c>
      <c r="D23223" t="s">
        <v>14386</v>
      </c>
      <c r="E23223" t="s">
        <v>14307</v>
      </c>
      <c r="F23223" t="s">
        <v>14308</v>
      </c>
      <c r="G23223" t="s">
        <v>10734</v>
      </c>
      <c r="H23223" t="s">
        <v>10735</v>
      </c>
      <c r="I23223" s="2">
        <v>0</v>
      </c>
      <c r="J23223" s="2">
        <v>0</v>
      </c>
      <c r="K23223" s="2">
        <v>1</v>
      </c>
      <c r="L23223" t="s">
        <v>995</v>
      </c>
      <c r="M23223" t="s">
        <v>87</v>
      </c>
      <c r="N23223" t="s">
        <v>88</v>
      </c>
      <c r="O23223" t="s">
        <v>85</v>
      </c>
      <c r="P23223" t="s">
        <v>86</v>
      </c>
      <c r="Q23223">
        <v>47</v>
      </c>
      <c r="R23223">
        <v>48</v>
      </c>
      <c r="S23223">
        <v>49</v>
      </c>
      <c r="T23223">
        <v>50</v>
      </c>
      <c r="U23223">
        <v>51</v>
      </c>
      <c r="V23223">
        <v>52</v>
      </c>
      <c r="W23223">
        <v>53</v>
      </c>
      <c r="X23223">
        <v>54</v>
      </c>
      <c r="Y23223">
        <v>55</v>
      </c>
      <c r="Z23223">
        <v>56</v>
      </c>
      <c r="AA23223">
        <v>58</v>
      </c>
      <c r="AB23223">
        <v>59</v>
      </c>
      <c r="AC23223">
        <v>60</v>
      </c>
      <c r="AD23223">
        <v>61</v>
      </c>
      <c r="AE23223">
        <v>62</v>
      </c>
      <c r="AF23223">
        <v>64</v>
      </c>
      <c r="AG23223">
        <v>65</v>
      </c>
      <c r="AH23223">
        <v>66</v>
      </c>
      <c r="AI23223">
        <v>67</v>
      </c>
      <c r="AJ23223">
        <v>69</v>
      </c>
      <c r="AK23223">
        <v>70</v>
      </c>
      <c r="AL23223">
        <v>71</v>
      </c>
      <c r="AM23223">
        <v>73</v>
      </c>
      <c r="AN23223">
        <v>74</v>
      </c>
      <c r="AO23223">
        <v>76</v>
      </c>
      <c r="AP23223">
        <v>77</v>
      </c>
      <c r="AQ23223">
        <v>79</v>
      </c>
    </row>
    <row r="23224" spans="1:43">
      <c r="A23224" t="s">
        <v>14387</v>
      </c>
      <c r="B23224" t="s">
        <v>14388</v>
      </c>
      <c r="C23224" t="s">
        <v>14385</v>
      </c>
      <c r="D23224" t="s">
        <v>14386</v>
      </c>
      <c r="E23224" t="s">
        <v>14307</v>
      </c>
      <c r="F23224" t="s">
        <v>14308</v>
      </c>
      <c r="G23224" t="s">
        <v>10734</v>
      </c>
      <c r="H23224" t="s">
        <v>10735</v>
      </c>
      <c r="I23224" s="2">
        <v>0</v>
      </c>
      <c r="J23224" s="2">
        <v>0</v>
      </c>
      <c r="K23224" s="2">
        <v>1</v>
      </c>
      <c r="L23224" t="s">
        <v>995</v>
      </c>
      <c r="M23224" t="s">
        <v>89</v>
      </c>
      <c r="N23224" t="s">
        <v>90</v>
      </c>
      <c r="O23224" t="s">
        <v>85</v>
      </c>
      <c r="P23224" t="s">
        <v>86</v>
      </c>
      <c r="Q23224">
        <v>47</v>
      </c>
      <c r="R23224">
        <v>49</v>
      </c>
      <c r="S23224">
        <v>51</v>
      </c>
      <c r="T23224">
        <v>53</v>
      </c>
      <c r="U23224">
        <v>55</v>
      </c>
      <c r="V23224">
        <v>57</v>
      </c>
      <c r="W23224">
        <v>59</v>
      </c>
      <c r="X23224">
        <v>60</v>
      </c>
      <c r="Y23224">
        <v>62</v>
      </c>
      <c r="Z23224">
        <v>64</v>
      </c>
      <c r="AA23224">
        <v>66</v>
      </c>
      <c r="AB23224">
        <v>68</v>
      </c>
      <c r="AC23224">
        <v>70</v>
      </c>
      <c r="AD23224">
        <v>73</v>
      </c>
      <c r="AE23224">
        <v>74</v>
      </c>
      <c r="AF23224">
        <v>76</v>
      </c>
      <c r="AG23224">
        <v>77</v>
      </c>
      <c r="AH23224">
        <v>78</v>
      </c>
      <c r="AI23224">
        <v>79</v>
      </c>
      <c r="AJ23224">
        <v>81</v>
      </c>
      <c r="AK23224">
        <v>82</v>
      </c>
      <c r="AL23224">
        <v>83</v>
      </c>
      <c r="AM23224">
        <v>85</v>
      </c>
      <c r="AN23224">
        <v>86</v>
      </c>
      <c r="AO23224">
        <v>87</v>
      </c>
      <c r="AP23224">
        <v>89</v>
      </c>
      <c r="AQ23224">
        <v>90</v>
      </c>
    </row>
    <row r="23225" spans="1:43">
      <c r="A23225" t="s">
        <v>14387</v>
      </c>
      <c r="B23225" t="s">
        <v>14388</v>
      </c>
      <c r="C23225" t="s">
        <v>14385</v>
      </c>
      <c r="D23225" t="s">
        <v>14386</v>
      </c>
      <c r="E23225" t="s">
        <v>14307</v>
      </c>
      <c r="F23225" t="s">
        <v>14308</v>
      </c>
      <c r="G23225" t="s">
        <v>10734</v>
      </c>
      <c r="H23225" t="s">
        <v>10735</v>
      </c>
      <c r="I23225" s="2">
        <v>0</v>
      </c>
      <c r="J23225" s="2">
        <v>0</v>
      </c>
      <c r="K23225" s="2">
        <v>1</v>
      </c>
      <c r="L23225" t="s">
        <v>995</v>
      </c>
      <c r="M23225" t="s">
        <v>83</v>
      </c>
      <c r="N23225" t="s">
        <v>91</v>
      </c>
      <c r="O23225" t="s">
        <v>85</v>
      </c>
      <c r="P23225" t="s">
        <v>86</v>
      </c>
      <c r="Q23225">
        <v>47</v>
      </c>
      <c r="R23225">
        <v>48</v>
      </c>
      <c r="S23225">
        <v>50</v>
      </c>
      <c r="T23225">
        <v>51</v>
      </c>
      <c r="U23225">
        <v>53</v>
      </c>
      <c r="V23225">
        <v>54</v>
      </c>
      <c r="W23225">
        <v>56</v>
      </c>
      <c r="X23225">
        <v>57</v>
      </c>
      <c r="Y23225">
        <v>59</v>
      </c>
      <c r="Z23225">
        <v>60</v>
      </c>
      <c r="AA23225">
        <v>62</v>
      </c>
      <c r="AB23225">
        <v>64</v>
      </c>
      <c r="AC23225">
        <v>66</v>
      </c>
      <c r="AD23225">
        <v>67</v>
      </c>
      <c r="AE23225">
        <v>69</v>
      </c>
      <c r="AF23225">
        <v>71</v>
      </c>
      <c r="AG23225">
        <v>73</v>
      </c>
      <c r="AH23225">
        <v>75</v>
      </c>
      <c r="AI23225">
        <v>77</v>
      </c>
      <c r="AJ23225">
        <v>79</v>
      </c>
      <c r="AK23225">
        <v>81</v>
      </c>
      <c r="AL23225">
        <v>83</v>
      </c>
      <c r="AM23225">
        <v>84</v>
      </c>
      <c r="AN23225">
        <v>85</v>
      </c>
      <c r="AO23225">
        <v>87</v>
      </c>
      <c r="AP23225">
        <v>88</v>
      </c>
      <c r="AQ23225">
        <v>90</v>
      </c>
    </row>
    <row r="23226" spans="1:43">
      <c r="A23226" t="s">
        <v>14389</v>
      </c>
      <c r="B23226" t="s">
        <v>14390</v>
      </c>
      <c r="C23226" t="s">
        <v>14385</v>
      </c>
      <c r="D23226" t="s">
        <v>14386</v>
      </c>
      <c r="E23226" t="s">
        <v>14307</v>
      </c>
      <c r="F23226" t="s">
        <v>14308</v>
      </c>
      <c r="G23226" t="s">
        <v>10734</v>
      </c>
      <c r="H23226" t="s">
        <v>10735</v>
      </c>
      <c r="I23226" s="2">
        <v>0</v>
      </c>
      <c r="J23226" s="2">
        <v>0</v>
      </c>
      <c r="K23226" s="2">
        <v>1</v>
      </c>
      <c r="L23226" t="s">
        <v>995</v>
      </c>
      <c r="M23226" t="s">
        <v>83</v>
      </c>
      <c r="N23226" t="s">
        <v>84</v>
      </c>
      <c r="O23226" t="s">
        <v>85</v>
      </c>
      <c r="P23226" t="s">
        <v>86</v>
      </c>
      <c r="Q23226">
        <v>43</v>
      </c>
      <c r="R23226">
        <v>45</v>
      </c>
      <c r="S23226">
        <v>46</v>
      </c>
      <c r="T23226">
        <v>47</v>
      </c>
      <c r="U23226">
        <v>49</v>
      </c>
      <c r="V23226">
        <v>50</v>
      </c>
      <c r="W23226">
        <v>51</v>
      </c>
      <c r="X23226">
        <v>53</v>
      </c>
      <c r="Y23226">
        <v>54</v>
      </c>
      <c r="Z23226">
        <v>56</v>
      </c>
      <c r="AA23226">
        <v>58</v>
      </c>
      <c r="AB23226">
        <v>59</v>
      </c>
      <c r="AC23226">
        <v>61</v>
      </c>
      <c r="AD23226">
        <v>62</v>
      </c>
      <c r="AE23226">
        <v>64</v>
      </c>
      <c r="AF23226">
        <v>66</v>
      </c>
      <c r="AG23226">
        <v>67</v>
      </c>
      <c r="AH23226">
        <v>69</v>
      </c>
      <c r="AI23226">
        <v>71</v>
      </c>
      <c r="AJ23226">
        <v>73</v>
      </c>
      <c r="AK23226">
        <v>75</v>
      </c>
      <c r="AL23226">
        <v>76</v>
      </c>
      <c r="AM23226">
        <v>78</v>
      </c>
      <c r="AN23226">
        <v>79</v>
      </c>
      <c r="AO23226">
        <v>80</v>
      </c>
      <c r="AP23226">
        <v>81</v>
      </c>
      <c r="AQ23226">
        <v>83</v>
      </c>
    </row>
    <row r="23227" spans="1:43">
      <c r="A23227" t="s">
        <v>14389</v>
      </c>
      <c r="B23227" t="s">
        <v>14390</v>
      </c>
      <c r="C23227" t="s">
        <v>14385</v>
      </c>
      <c r="D23227" t="s">
        <v>14386</v>
      </c>
      <c r="E23227" t="s">
        <v>14307</v>
      </c>
      <c r="F23227" t="s">
        <v>14308</v>
      </c>
      <c r="G23227" t="s">
        <v>10734</v>
      </c>
      <c r="H23227" t="s">
        <v>10735</v>
      </c>
      <c r="I23227" s="2">
        <v>0</v>
      </c>
      <c r="J23227" s="2">
        <v>0</v>
      </c>
      <c r="K23227" s="2">
        <v>1</v>
      </c>
      <c r="L23227" t="s">
        <v>995</v>
      </c>
      <c r="M23227" t="s">
        <v>87</v>
      </c>
      <c r="N23227" t="s">
        <v>88</v>
      </c>
      <c r="O23227" t="s">
        <v>85</v>
      </c>
      <c r="P23227" t="s">
        <v>86</v>
      </c>
      <c r="Q23227">
        <v>43</v>
      </c>
      <c r="R23227">
        <v>44</v>
      </c>
      <c r="S23227">
        <v>45</v>
      </c>
      <c r="T23227">
        <v>46</v>
      </c>
      <c r="U23227">
        <v>46</v>
      </c>
      <c r="V23227">
        <v>47</v>
      </c>
      <c r="W23227">
        <v>48</v>
      </c>
      <c r="X23227">
        <v>49</v>
      </c>
      <c r="Y23227">
        <v>50</v>
      </c>
      <c r="Z23227">
        <v>51</v>
      </c>
      <c r="AA23227">
        <v>52</v>
      </c>
      <c r="AB23227">
        <v>53</v>
      </c>
      <c r="AC23227">
        <v>54</v>
      </c>
      <c r="AD23227">
        <v>56</v>
      </c>
      <c r="AE23227">
        <v>57</v>
      </c>
      <c r="AF23227">
        <v>58</v>
      </c>
      <c r="AG23227">
        <v>59</v>
      </c>
      <c r="AH23227">
        <v>60</v>
      </c>
      <c r="AI23227">
        <v>61</v>
      </c>
      <c r="AJ23227">
        <v>63</v>
      </c>
      <c r="AK23227">
        <v>64</v>
      </c>
      <c r="AL23227">
        <v>65</v>
      </c>
      <c r="AM23227">
        <v>66</v>
      </c>
      <c r="AN23227">
        <v>68</v>
      </c>
      <c r="AO23227">
        <v>69</v>
      </c>
      <c r="AP23227">
        <v>70</v>
      </c>
      <c r="AQ23227">
        <v>72</v>
      </c>
    </row>
    <row r="23228" spans="1:43">
      <c r="A23228" t="s">
        <v>14389</v>
      </c>
      <c r="B23228" t="s">
        <v>14390</v>
      </c>
      <c r="C23228" t="s">
        <v>14385</v>
      </c>
      <c r="D23228" t="s">
        <v>14386</v>
      </c>
      <c r="E23228" t="s">
        <v>14307</v>
      </c>
      <c r="F23228" t="s">
        <v>14308</v>
      </c>
      <c r="G23228" t="s">
        <v>10734</v>
      </c>
      <c r="H23228" t="s">
        <v>10735</v>
      </c>
      <c r="I23228" s="2">
        <v>0</v>
      </c>
      <c r="J23228" s="2">
        <v>0</v>
      </c>
      <c r="K23228" s="2">
        <v>1</v>
      </c>
      <c r="L23228" t="s">
        <v>995</v>
      </c>
      <c r="M23228" t="s">
        <v>89</v>
      </c>
      <c r="N23228" t="s">
        <v>90</v>
      </c>
      <c r="O23228" t="s">
        <v>85</v>
      </c>
      <c r="P23228" t="s">
        <v>86</v>
      </c>
      <c r="Q23228">
        <v>43</v>
      </c>
      <c r="R23228">
        <v>44</v>
      </c>
      <c r="S23228">
        <v>46</v>
      </c>
      <c r="T23228">
        <v>48</v>
      </c>
      <c r="U23228">
        <v>50</v>
      </c>
      <c r="V23228">
        <v>51</v>
      </c>
      <c r="W23228">
        <v>53</v>
      </c>
      <c r="X23228">
        <v>55</v>
      </c>
      <c r="Y23228">
        <v>57</v>
      </c>
      <c r="Z23228">
        <v>58</v>
      </c>
      <c r="AA23228">
        <v>60</v>
      </c>
      <c r="AB23228">
        <v>62</v>
      </c>
      <c r="AC23228">
        <v>64</v>
      </c>
      <c r="AD23228">
        <v>66</v>
      </c>
      <c r="AE23228">
        <v>68</v>
      </c>
      <c r="AF23228">
        <v>69</v>
      </c>
      <c r="AG23228">
        <v>70</v>
      </c>
      <c r="AH23228">
        <v>71</v>
      </c>
      <c r="AI23228">
        <v>72</v>
      </c>
      <c r="AJ23228">
        <v>73</v>
      </c>
      <c r="AK23228">
        <v>75</v>
      </c>
      <c r="AL23228">
        <v>76</v>
      </c>
      <c r="AM23228">
        <v>77</v>
      </c>
      <c r="AN23228">
        <v>78</v>
      </c>
      <c r="AO23228">
        <v>80</v>
      </c>
      <c r="AP23228">
        <v>81</v>
      </c>
      <c r="AQ23228">
        <v>82</v>
      </c>
    </row>
    <row r="23229" spans="1:43">
      <c r="A23229" t="s">
        <v>14389</v>
      </c>
      <c r="B23229" t="s">
        <v>14390</v>
      </c>
      <c r="C23229" t="s">
        <v>14385</v>
      </c>
      <c r="D23229" t="s">
        <v>14386</v>
      </c>
      <c r="E23229" t="s">
        <v>14307</v>
      </c>
      <c r="F23229" t="s">
        <v>14308</v>
      </c>
      <c r="G23229" t="s">
        <v>10734</v>
      </c>
      <c r="H23229" t="s">
        <v>10735</v>
      </c>
      <c r="I23229" s="2">
        <v>0</v>
      </c>
      <c r="J23229" s="2">
        <v>0</v>
      </c>
      <c r="K23229" s="2">
        <v>1</v>
      </c>
      <c r="L23229" t="s">
        <v>995</v>
      </c>
      <c r="M23229" t="s">
        <v>83</v>
      </c>
      <c r="N23229" t="s">
        <v>91</v>
      </c>
      <c r="O23229" t="s">
        <v>85</v>
      </c>
      <c r="P23229" t="s">
        <v>86</v>
      </c>
      <c r="Q23229">
        <v>43</v>
      </c>
      <c r="R23229">
        <v>45</v>
      </c>
      <c r="S23229">
        <v>46</v>
      </c>
      <c r="T23229">
        <v>47</v>
      </c>
      <c r="U23229">
        <v>49</v>
      </c>
      <c r="V23229">
        <v>50</v>
      </c>
      <c r="W23229">
        <v>51</v>
      </c>
      <c r="X23229">
        <v>53</v>
      </c>
      <c r="Y23229">
        <v>54</v>
      </c>
      <c r="Z23229">
        <v>56</v>
      </c>
      <c r="AA23229">
        <v>58</v>
      </c>
      <c r="AB23229">
        <v>59</v>
      </c>
      <c r="AC23229">
        <v>61</v>
      </c>
      <c r="AD23229">
        <v>62</v>
      </c>
      <c r="AE23229">
        <v>64</v>
      </c>
      <c r="AF23229">
        <v>66</v>
      </c>
      <c r="AG23229">
        <v>67</v>
      </c>
      <c r="AH23229">
        <v>69</v>
      </c>
      <c r="AI23229">
        <v>71</v>
      </c>
      <c r="AJ23229">
        <v>73</v>
      </c>
      <c r="AK23229">
        <v>75</v>
      </c>
      <c r="AL23229">
        <v>76</v>
      </c>
      <c r="AM23229">
        <v>78</v>
      </c>
      <c r="AN23229">
        <v>79</v>
      </c>
      <c r="AO23229">
        <v>80</v>
      </c>
      <c r="AP23229">
        <v>81</v>
      </c>
      <c r="AQ23229">
        <v>83</v>
      </c>
    </row>
    <row r="23230" spans="1:43">
      <c r="A23230" t="s">
        <v>14391</v>
      </c>
      <c r="B23230" t="s">
        <v>14392</v>
      </c>
      <c r="C23230" t="s">
        <v>14393</v>
      </c>
      <c r="D23230" t="s">
        <v>14394</v>
      </c>
      <c r="E23230" t="s">
        <v>14307</v>
      </c>
      <c r="F23230" t="s">
        <v>14308</v>
      </c>
      <c r="G23230" t="s">
        <v>10734</v>
      </c>
      <c r="H23230" t="s">
        <v>10735</v>
      </c>
      <c r="I23230" s="2">
        <v>0</v>
      </c>
      <c r="J23230" s="2">
        <v>0</v>
      </c>
      <c r="K23230" s="2">
        <v>1</v>
      </c>
      <c r="L23230" t="s">
        <v>995</v>
      </c>
      <c r="M23230" t="s">
        <v>83</v>
      </c>
      <c r="N23230" t="s">
        <v>84</v>
      </c>
      <c r="O23230" t="s">
        <v>85</v>
      </c>
      <c r="P23230" t="s">
        <v>86</v>
      </c>
      <c r="Q23230">
        <v>19</v>
      </c>
      <c r="R23230">
        <v>20</v>
      </c>
      <c r="S23230">
        <v>20</v>
      </c>
      <c r="T23230">
        <v>21</v>
      </c>
      <c r="U23230">
        <v>22</v>
      </c>
      <c r="V23230">
        <v>22</v>
      </c>
      <c r="W23230">
        <v>23</v>
      </c>
      <c r="X23230">
        <v>24</v>
      </c>
      <c r="Y23230">
        <v>24</v>
      </c>
      <c r="Z23230">
        <v>25</v>
      </c>
      <c r="AA23230">
        <v>26</v>
      </c>
      <c r="AB23230">
        <v>26</v>
      </c>
      <c r="AC23230">
        <v>27</v>
      </c>
      <c r="AD23230">
        <v>28</v>
      </c>
      <c r="AE23230">
        <v>29</v>
      </c>
      <c r="AF23230">
        <v>29</v>
      </c>
      <c r="AG23230">
        <v>30</v>
      </c>
      <c r="AH23230">
        <v>31</v>
      </c>
      <c r="AI23230">
        <v>32</v>
      </c>
      <c r="AJ23230">
        <v>33</v>
      </c>
      <c r="AK23230">
        <v>33</v>
      </c>
      <c r="AL23230">
        <v>34</v>
      </c>
      <c r="AM23230">
        <v>35</v>
      </c>
      <c r="AN23230">
        <v>35</v>
      </c>
      <c r="AO23230">
        <v>36</v>
      </c>
      <c r="AP23230">
        <v>36</v>
      </c>
      <c r="AQ23230">
        <v>37</v>
      </c>
    </row>
    <row r="23231" spans="1:43">
      <c r="A23231" t="s">
        <v>14391</v>
      </c>
      <c r="B23231" t="s">
        <v>14392</v>
      </c>
      <c r="C23231" t="s">
        <v>14393</v>
      </c>
      <c r="D23231" t="s">
        <v>14394</v>
      </c>
      <c r="E23231" t="s">
        <v>14307</v>
      </c>
      <c r="F23231" t="s">
        <v>14308</v>
      </c>
      <c r="G23231" t="s">
        <v>10734</v>
      </c>
      <c r="H23231" t="s">
        <v>10735</v>
      </c>
      <c r="I23231" s="2">
        <v>0</v>
      </c>
      <c r="J23231" s="2">
        <v>0</v>
      </c>
      <c r="K23231" s="2">
        <v>1</v>
      </c>
      <c r="L23231" t="s">
        <v>995</v>
      </c>
      <c r="M23231" t="s">
        <v>87</v>
      </c>
      <c r="N23231" t="s">
        <v>88</v>
      </c>
      <c r="O23231" t="s">
        <v>85</v>
      </c>
      <c r="P23231" t="s">
        <v>86</v>
      </c>
      <c r="Q23231">
        <v>19</v>
      </c>
      <c r="R23231">
        <v>19</v>
      </c>
      <c r="S23231">
        <v>20</v>
      </c>
      <c r="T23231">
        <v>20</v>
      </c>
      <c r="U23231">
        <v>21</v>
      </c>
      <c r="V23231">
        <v>21</v>
      </c>
      <c r="W23231">
        <v>22</v>
      </c>
      <c r="X23231">
        <v>22</v>
      </c>
      <c r="Y23231">
        <v>22</v>
      </c>
      <c r="Z23231">
        <v>23</v>
      </c>
      <c r="AA23231">
        <v>23</v>
      </c>
      <c r="AB23231">
        <v>24</v>
      </c>
      <c r="AC23231">
        <v>24</v>
      </c>
      <c r="AD23231">
        <v>25</v>
      </c>
      <c r="AE23231">
        <v>25</v>
      </c>
      <c r="AF23231">
        <v>26</v>
      </c>
      <c r="AG23231">
        <v>26</v>
      </c>
      <c r="AH23231">
        <v>27</v>
      </c>
      <c r="AI23231">
        <v>27</v>
      </c>
      <c r="AJ23231">
        <v>28</v>
      </c>
      <c r="AK23231">
        <v>29</v>
      </c>
      <c r="AL23231">
        <v>29</v>
      </c>
      <c r="AM23231">
        <v>30</v>
      </c>
      <c r="AN23231">
        <v>30</v>
      </c>
      <c r="AO23231">
        <v>31</v>
      </c>
      <c r="AP23231">
        <v>31</v>
      </c>
      <c r="AQ23231">
        <v>32</v>
      </c>
    </row>
    <row r="23232" spans="1:43">
      <c r="A23232" t="s">
        <v>14391</v>
      </c>
      <c r="B23232" t="s">
        <v>14392</v>
      </c>
      <c r="C23232" t="s">
        <v>14393</v>
      </c>
      <c r="D23232" t="s">
        <v>14394</v>
      </c>
      <c r="E23232" t="s">
        <v>14307</v>
      </c>
      <c r="F23232" t="s">
        <v>14308</v>
      </c>
      <c r="G23232" t="s">
        <v>10734</v>
      </c>
      <c r="H23232" t="s">
        <v>10735</v>
      </c>
      <c r="I23232" s="2">
        <v>0</v>
      </c>
      <c r="J23232" s="2">
        <v>0</v>
      </c>
      <c r="K23232" s="2">
        <v>1</v>
      </c>
      <c r="L23232" t="s">
        <v>995</v>
      </c>
      <c r="M23232" t="s">
        <v>89</v>
      </c>
      <c r="N23232" t="s">
        <v>90</v>
      </c>
      <c r="O23232" t="s">
        <v>85</v>
      </c>
      <c r="P23232" t="s">
        <v>86</v>
      </c>
      <c r="Q23232">
        <v>19</v>
      </c>
      <c r="R23232">
        <v>20</v>
      </c>
      <c r="S23232">
        <v>21</v>
      </c>
      <c r="T23232">
        <v>22</v>
      </c>
      <c r="U23232">
        <v>22</v>
      </c>
      <c r="V23232">
        <v>23</v>
      </c>
      <c r="W23232">
        <v>24</v>
      </c>
      <c r="X23232">
        <v>25</v>
      </c>
      <c r="Y23232">
        <v>26</v>
      </c>
      <c r="Z23232">
        <v>26</v>
      </c>
      <c r="AA23232">
        <v>27</v>
      </c>
      <c r="AB23232">
        <v>28</v>
      </c>
      <c r="AC23232">
        <v>29</v>
      </c>
      <c r="AD23232">
        <v>30</v>
      </c>
      <c r="AE23232">
        <v>31</v>
      </c>
      <c r="AF23232">
        <v>31</v>
      </c>
      <c r="AG23232">
        <v>32</v>
      </c>
      <c r="AH23232">
        <v>32</v>
      </c>
      <c r="AI23232">
        <v>33</v>
      </c>
      <c r="AJ23232">
        <v>33</v>
      </c>
      <c r="AK23232">
        <v>34</v>
      </c>
      <c r="AL23232">
        <v>34</v>
      </c>
      <c r="AM23232">
        <v>35</v>
      </c>
      <c r="AN23232">
        <v>36</v>
      </c>
      <c r="AO23232">
        <v>36</v>
      </c>
      <c r="AP23232">
        <v>37</v>
      </c>
      <c r="AQ23232">
        <v>38</v>
      </c>
    </row>
    <row r="23233" spans="1:43">
      <c r="A23233" t="s">
        <v>14391</v>
      </c>
      <c r="B23233" t="s">
        <v>14392</v>
      </c>
      <c r="C23233" t="s">
        <v>14393</v>
      </c>
      <c r="D23233" t="s">
        <v>14394</v>
      </c>
      <c r="E23233" t="s">
        <v>14307</v>
      </c>
      <c r="F23233" t="s">
        <v>14308</v>
      </c>
      <c r="G23233" t="s">
        <v>10734</v>
      </c>
      <c r="H23233" t="s">
        <v>10735</v>
      </c>
      <c r="I23233" s="2">
        <v>0</v>
      </c>
      <c r="J23233" s="2">
        <v>0</v>
      </c>
      <c r="K23233" s="2">
        <v>1</v>
      </c>
      <c r="L23233" t="s">
        <v>995</v>
      </c>
      <c r="M23233" t="s">
        <v>83</v>
      </c>
      <c r="N23233" t="s">
        <v>91</v>
      </c>
      <c r="O23233" t="s">
        <v>85</v>
      </c>
      <c r="P23233" t="s">
        <v>86</v>
      </c>
      <c r="Q23233">
        <v>19</v>
      </c>
      <c r="R23233">
        <v>20</v>
      </c>
      <c r="S23233">
        <v>20</v>
      </c>
      <c r="T23233">
        <v>21</v>
      </c>
      <c r="U23233">
        <v>22</v>
      </c>
      <c r="V23233">
        <v>22</v>
      </c>
      <c r="W23233">
        <v>23</v>
      </c>
      <c r="X23233">
        <v>24</v>
      </c>
      <c r="Y23233">
        <v>24</v>
      </c>
      <c r="Z23233">
        <v>25</v>
      </c>
      <c r="AA23233">
        <v>26</v>
      </c>
      <c r="AB23233">
        <v>26</v>
      </c>
      <c r="AC23233">
        <v>27</v>
      </c>
      <c r="AD23233">
        <v>28</v>
      </c>
      <c r="AE23233">
        <v>29</v>
      </c>
      <c r="AF23233">
        <v>29</v>
      </c>
      <c r="AG23233">
        <v>30</v>
      </c>
      <c r="AH23233">
        <v>31</v>
      </c>
      <c r="AI23233">
        <v>32</v>
      </c>
      <c r="AJ23233">
        <v>33</v>
      </c>
      <c r="AK23233">
        <v>33</v>
      </c>
      <c r="AL23233">
        <v>34</v>
      </c>
      <c r="AM23233">
        <v>35</v>
      </c>
      <c r="AN23233">
        <v>35</v>
      </c>
      <c r="AO23233">
        <v>36</v>
      </c>
      <c r="AP23233">
        <v>36</v>
      </c>
      <c r="AQ23233">
        <v>37</v>
      </c>
    </row>
    <row r="23234" spans="1:43">
      <c r="A23234" t="s">
        <v>14395</v>
      </c>
      <c r="B23234" t="s">
        <v>14396</v>
      </c>
      <c r="C23234" t="s">
        <v>14393</v>
      </c>
      <c r="D23234" t="s">
        <v>14394</v>
      </c>
      <c r="E23234" t="s">
        <v>14307</v>
      </c>
      <c r="F23234" t="s">
        <v>14308</v>
      </c>
      <c r="G23234" t="s">
        <v>10734</v>
      </c>
      <c r="H23234" t="s">
        <v>10735</v>
      </c>
      <c r="I23234" s="2">
        <v>0</v>
      </c>
      <c r="J23234" s="2">
        <v>0</v>
      </c>
      <c r="K23234" s="2">
        <v>1</v>
      </c>
      <c r="L23234" t="s">
        <v>995</v>
      </c>
      <c r="M23234" t="s">
        <v>83</v>
      </c>
      <c r="N23234" t="s">
        <v>84</v>
      </c>
      <c r="O23234" t="s">
        <v>85</v>
      </c>
      <c r="P23234" t="s">
        <v>86</v>
      </c>
      <c r="Q23234">
        <v>8</v>
      </c>
      <c r="R23234">
        <v>8</v>
      </c>
      <c r="S23234">
        <v>8</v>
      </c>
      <c r="T23234">
        <v>8</v>
      </c>
      <c r="U23234">
        <v>9</v>
      </c>
      <c r="V23234">
        <v>9</v>
      </c>
      <c r="W23234">
        <v>9</v>
      </c>
      <c r="X23234">
        <v>9</v>
      </c>
      <c r="Y23234">
        <v>10</v>
      </c>
      <c r="Z23234">
        <v>10</v>
      </c>
      <c r="AA23234">
        <v>10</v>
      </c>
      <c r="AB23234">
        <v>10</v>
      </c>
      <c r="AC23234">
        <v>11</v>
      </c>
      <c r="AD23234">
        <v>11</v>
      </c>
      <c r="AE23234">
        <v>11</v>
      </c>
      <c r="AF23234">
        <v>12</v>
      </c>
      <c r="AG23234">
        <v>12</v>
      </c>
      <c r="AH23234">
        <v>12</v>
      </c>
      <c r="AI23234">
        <v>13</v>
      </c>
      <c r="AJ23234">
        <v>13</v>
      </c>
      <c r="AK23234">
        <v>13</v>
      </c>
      <c r="AL23234">
        <v>14</v>
      </c>
      <c r="AM23234">
        <v>14</v>
      </c>
      <c r="AN23234">
        <v>14</v>
      </c>
      <c r="AO23234">
        <v>14</v>
      </c>
      <c r="AP23234">
        <v>15</v>
      </c>
      <c r="AQ23234">
        <v>15</v>
      </c>
    </row>
    <row r="23235" spans="1:43">
      <c r="A23235" t="s">
        <v>14395</v>
      </c>
      <c r="B23235" t="s">
        <v>14396</v>
      </c>
      <c r="C23235" t="s">
        <v>14393</v>
      </c>
      <c r="D23235" t="s">
        <v>14394</v>
      </c>
      <c r="E23235" t="s">
        <v>14307</v>
      </c>
      <c r="F23235" t="s">
        <v>14308</v>
      </c>
      <c r="G23235" t="s">
        <v>10734</v>
      </c>
      <c r="H23235" t="s">
        <v>10735</v>
      </c>
      <c r="I23235" s="2">
        <v>0</v>
      </c>
      <c r="J23235" s="2">
        <v>0</v>
      </c>
      <c r="K23235" s="2">
        <v>1</v>
      </c>
      <c r="L23235" t="s">
        <v>995</v>
      </c>
      <c r="M23235" t="s">
        <v>87</v>
      </c>
      <c r="N23235" t="s">
        <v>88</v>
      </c>
      <c r="O23235" t="s">
        <v>85</v>
      </c>
      <c r="P23235" t="s">
        <v>86</v>
      </c>
      <c r="Q23235">
        <v>8</v>
      </c>
      <c r="R23235">
        <v>8</v>
      </c>
      <c r="S23235">
        <v>8</v>
      </c>
      <c r="T23235">
        <v>8</v>
      </c>
      <c r="U23235">
        <v>8</v>
      </c>
      <c r="V23235">
        <v>8</v>
      </c>
      <c r="W23235">
        <v>9</v>
      </c>
      <c r="X23235">
        <v>9</v>
      </c>
      <c r="Y23235">
        <v>9</v>
      </c>
      <c r="Z23235">
        <v>9</v>
      </c>
      <c r="AA23235">
        <v>9</v>
      </c>
      <c r="AB23235">
        <v>9</v>
      </c>
      <c r="AC23235">
        <v>10</v>
      </c>
      <c r="AD23235">
        <v>10</v>
      </c>
      <c r="AE23235">
        <v>10</v>
      </c>
      <c r="AF23235">
        <v>10</v>
      </c>
      <c r="AG23235">
        <v>10</v>
      </c>
      <c r="AH23235">
        <v>11</v>
      </c>
      <c r="AI23235">
        <v>11</v>
      </c>
      <c r="AJ23235">
        <v>11</v>
      </c>
      <c r="AK23235">
        <v>11</v>
      </c>
      <c r="AL23235">
        <v>12</v>
      </c>
      <c r="AM23235">
        <v>12</v>
      </c>
      <c r="AN23235">
        <v>12</v>
      </c>
      <c r="AO23235">
        <v>12</v>
      </c>
      <c r="AP23235">
        <v>13</v>
      </c>
      <c r="AQ23235">
        <v>13</v>
      </c>
    </row>
    <row r="23236" spans="1:43">
      <c r="A23236" t="s">
        <v>14395</v>
      </c>
      <c r="B23236" t="s">
        <v>14396</v>
      </c>
      <c r="C23236" t="s">
        <v>14393</v>
      </c>
      <c r="D23236" t="s">
        <v>14394</v>
      </c>
      <c r="E23236" t="s">
        <v>14307</v>
      </c>
      <c r="F23236" t="s">
        <v>14308</v>
      </c>
      <c r="G23236" t="s">
        <v>10734</v>
      </c>
      <c r="H23236" t="s">
        <v>10735</v>
      </c>
      <c r="I23236" s="2">
        <v>0</v>
      </c>
      <c r="J23236" s="2">
        <v>0</v>
      </c>
      <c r="K23236" s="2">
        <v>1</v>
      </c>
      <c r="L23236" t="s">
        <v>995</v>
      </c>
      <c r="M23236" t="s">
        <v>89</v>
      </c>
      <c r="N23236" t="s">
        <v>90</v>
      </c>
      <c r="O23236" t="s">
        <v>85</v>
      </c>
      <c r="P23236" t="s">
        <v>86</v>
      </c>
      <c r="Q23236">
        <v>8</v>
      </c>
      <c r="R23236">
        <v>8</v>
      </c>
      <c r="S23236">
        <v>8</v>
      </c>
      <c r="T23236">
        <v>9</v>
      </c>
      <c r="U23236">
        <v>9</v>
      </c>
      <c r="V23236">
        <v>9</v>
      </c>
      <c r="W23236">
        <v>10</v>
      </c>
      <c r="X23236">
        <v>10</v>
      </c>
      <c r="Y23236">
        <v>10</v>
      </c>
      <c r="Z23236">
        <v>11</v>
      </c>
      <c r="AA23236">
        <v>11</v>
      </c>
      <c r="AB23236">
        <v>11</v>
      </c>
      <c r="AC23236">
        <v>12</v>
      </c>
      <c r="AD23236">
        <v>12</v>
      </c>
      <c r="AE23236">
        <v>12</v>
      </c>
      <c r="AF23236">
        <v>12</v>
      </c>
      <c r="AG23236">
        <v>13</v>
      </c>
      <c r="AH23236">
        <v>13</v>
      </c>
      <c r="AI23236">
        <v>13</v>
      </c>
      <c r="AJ23236">
        <v>13</v>
      </c>
      <c r="AK23236">
        <v>14</v>
      </c>
      <c r="AL23236">
        <v>14</v>
      </c>
      <c r="AM23236">
        <v>14</v>
      </c>
      <c r="AN23236">
        <v>14</v>
      </c>
      <c r="AO23236">
        <v>14</v>
      </c>
      <c r="AP23236">
        <v>15</v>
      </c>
      <c r="AQ23236">
        <v>15</v>
      </c>
    </row>
    <row r="23237" spans="1:43">
      <c r="A23237" t="s">
        <v>14395</v>
      </c>
      <c r="B23237" t="s">
        <v>14396</v>
      </c>
      <c r="C23237" t="s">
        <v>14393</v>
      </c>
      <c r="D23237" t="s">
        <v>14394</v>
      </c>
      <c r="E23237" t="s">
        <v>14307</v>
      </c>
      <c r="F23237" t="s">
        <v>14308</v>
      </c>
      <c r="G23237" t="s">
        <v>10734</v>
      </c>
      <c r="H23237" t="s">
        <v>10735</v>
      </c>
      <c r="I23237" s="2">
        <v>0</v>
      </c>
      <c r="J23237" s="2">
        <v>0</v>
      </c>
      <c r="K23237" s="2">
        <v>1</v>
      </c>
      <c r="L23237" t="s">
        <v>995</v>
      </c>
      <c r="M23237" t="s">
        <v>83</v>
      </c>
      <c r="N23237" t="s">
        <v>91</v>
      </c>
      <c r="O23237" t="s">
        <v>85</v>
      </c>
      <c r="P23237" t="s">
        <v>86</v>
      </c>
      <c r="Q23237">
        <v>8</v>
      </c>
      <c r="R23237">
        <v>8</v>
      </c>
      <c r="S23237">
        <v>8</v>
      </c>
      <c r="T23237">
        <v>8</v>
      </c>
      <c r="U23237">
        <v>9</v>
      </c>
      <c r="V23237">
        <v>9</v>
      </c>
      <c r="W23237">
        <v>9</v>
      </c>
      <c r="X23237">
        <v>9</v>
      </c>
      <c r="Y23237">
        <v>10</v>
      </c>
      <c r="Z23237">
        <v>10</v>
      </c>
      <c r="AA23237">
        <v>10</v>
      </c>
      <c r="AB23237">
        <v>10</v>
      </c>
      <c r="AC23237">
        <v>11</v>
      </c>
      <c r="AD23237">
        <v>11</v>
      </c>
      <c r="AE23237">
        <v>11</v>
      </c>
      <c r="AF23237">
        <v>12</v>
      </c>
      <c r="AG23237">
        <v>12</v>
      </c>
      <c r="AH23237">
        <v>12</v>
      </c>
      <c r="AI23237">
        <v>13</v>
      </c>
      <c r="AJ23237">
        <v>13</v>
      </c>
      <c r="AK23237">
        <v>13</v>
      </c>
      <c r="AL23237">
        <v>14</v>
      </c>
      <c r="AM23237">
        <v>14</v>
      </c>
      <c r="AN23237">
        <v>14</v>
      </c>
      <c r="AO23237">
        <v>14</v>
      </c>
      <c r="AP23237">
        <v>15</v>
      </c>
      <c r="AQ23237">
        <v>15</v>
      </c>
    </row>
    <row r="23238" spans="1:43">
      <c r="A23238" t="s">
        <v>14397</v>
      </c>
      <c r="B23238" t="s">
        <v>14398</v>
      </c>
      <c r="C23238" t="s">
        <v>14393</v>
      </c>
      <c r="D23238" t="s">
        <v>14394</v>
      </c>
      <c r="E23238" t="s">
        <v>14307</v>
      </c>
      <c r="F23238" t="s">
        <v>14308</v>
      </c>
      <c r="G23238" t="s">
        <v>10734</v>
      </c>
      <c r="H23238" t="s">
        <v>10735</v>
      </c>
      <c r="I23238" s="2">
        <v>0</v>
      </c>
      <c r="J23238" s="2">
        <v>0</v>
      </c>
      <c r="K23238" s="2">
        <v>1</v>
      </c>
      <c r="L23238" t="s">
        <v>995</v>
      </c>
      <c r="M23238" t="s">
        <v>83</v>
      </c>
      <c r="N23238" t="s">
        <v>84</v>
      </c>
      <c r="O23238" t="s">
        <v>85</v>
      </c>
      <c r="P23238" t="s">
        <v>86</v>
      </c>
      <c r="Q23238">
        <v>24</v>
      </c>
      <c r="R23238">
        <v>25</v>
      </c>
      <c r="S23238">
        <v>25</v>
      </c>
      <c r="T23238">
        <v>26</v>
      </c>
      <c r="U23238">
        <v>27</v>
      </c>
      <c r="V23238">
        <v>28</v>
      </c>
      <c r="W23238">
        <v>28</v>
      </c>
      <c r="X23238">
        <v>29</v>
      </c>
      <c r="Y23238">
        <v>30</v>
      </c>
      <c r="Z23238">
        <v>31</v>
      </c>
      <c r="AA23238">
        <v>32</v>
      </c>
      <c r="AB23238">
        <v>33</v>
      </c>
      <c r="AC23238">
        <v>34</v>
      </c>
      <c r="AD23238">
        <v>35</v>
      </c>
      <c r="AE23238">
        <v>35</v>
      </c>
      <c r="AF23238">
        <v>36</v>
      </c>
      <c r="AG23238">
        <v>37</v>
      </c>
      <c r="AH23238">
        <v>38</v>
      </c>
      <c r="AI23238">
        <v>39</v>
      </c>
      <c r="AJ23238">
        <v>40</v>
      </c>
      <c r="AK23238">
        <v>41</v>
      </c>
      <c r="AL23238">
        <v>42</v>
      </c>
      <c r="AM23238">
        <v>43</v>
      </c>
      <c r="AN23238">
        <v>44</v>
      </c>
      <c r="AO23238">
        <v>45</v>
      </c>
      <c r="AP23238">
        <v>45</v>
      </c>
      <c r="AQ23238">
        <v>46</v>
      </c>
    </row>
    <row r="23239" spans="1:43">
      <c r="A23239" t="s">
        <v>14397</v>
      </c>
      <c r="B23239" t="s">
        <v>14398</v>
      </c>
      <c r="C23239" t="s">
        <v>14393</v>
      </c>
      <c r="D23239" t="s">
        <v>14394</v>
      </c>
      <c r="E23239" t="s">
        <v>14307</v>
      </c>
      <c r="F23239" t="s">
        <v>14308</v>
      </c>
      <c r="G23239" t="s">
        <v>10734</v>
      </c>
      <c r="H23239" t="s">
        <v>10735</v>
      </c>
      <c r="I23239" s="2">
        <v>0</v>
      </c>
      <c r="J23239" s="2">
        <v>0</v>
      </c>
      <c r="K23239" s="2">
        <v>1</v>
      </c>
      <c r="L23239" t="s">
        <v>995</v>
      </c>
      <c r="M23239" t="s">
        <v>87</v>
      </c>
      <c r="N23239" t="s">
        <v>88</v>
      </c>
      <c r="O23239" t="s">
        <v>85</v>
      </c>
      <c r="P23239" t="s">
        <v>86</v>
      </c>
      <c r="Q23239">
        <v>24</v>
      </c>
      <c r="R23239">
        <v>24</v>
      </c>
      <c r="S23239">
        <v>25</v>
      </c>
      <c r="T23239">
        <v>25</v>
      </c>
      <c r="U23239">
        <v>26</v>
      </c>
      <c r="V23239">
        <v>26</v>
      </c>
      <c r="W23239">
        <v>27</v>
      </c>
      <c r="X23239">
        <v>27</v>
      </c>
      <c r="Y23239">
        <v>28</v>
      </c>
      <c r="Z23239">
        <v>28</v>
      </c>
      <c r="AA23239">
        <v>29</v>
      </c>
      <c r="AB23239">
        <v>30</v>
      </c>
      <c r="AC23239">
        <v>30</v>
      </c>
      <c r="AD23239">
        <v>31</v>
      </c>
      <c r="AE23239">
        <v>31</v>
      </c>
      <c r="AF23239">
        <v>32</v>
      </c>
      <c r="AG23239">
        <v>33</v>
      </c>
      <c r="AH23239">
        <v>33</v>
      </c>
      <c r="AI23239">
        <v>34</v>
      </c>
      <c r="AJ23239">
        <v>35</v>
      </c>
      <c r="AK23239">
        <v>35</v>
      </c>
      <c r="AL23239">
        <v>36</v>
      </c>
      <c r="AM23239">
        <v>37</v>
      </c>
      <c r="AN23239">
        <v>38</v>
      </c>
      <c r="AO23239">
        <v>38</v>
      </c>
      <c r="AP23239">
        <v>39</v>
      </c>
      <c r="AQ23239">
        <v>40</v>
      </c>
    </row>
    <row r="23240" spans="1:43">
      <c r="A23240" t="s">
        <v>14397</v>
      </c>
      <c r="B23240" t="s">
        <v>14398</v>
      </c>
      <c r="C23240" t="s">
        <v>14393</v>
      </c>
      <c r="D23240" t="s">
        <v>14394</v>
      </c>
      <c r="E23240" t="s">
        <v>14307</v>
      </c>
      <c r="F23240" t="s">
        <v>14308</v>
      </c>
      <c r="G23240" t="s">
        <v>10734</v>
      </c>
      <c r="H23240" t="s">
        <v>10735</v>
      </c>
      <c r="I23240" s="2">
        <v>0</v>
      </c>
      <c r="J23240" s="2">
        <v>0</v>
      </c>
      <c r="K23240" s="2">
        <v>1</v>
      </c>
      <c r="L23240" t="s">
        <v>995</v>
      </c>
      <c r="M23240" t="s">
        <v>89</v>
      </c>
      <c r="N23240" t="s">
        <v>90</v>
      </c>
      <c r="O23240" t="s">
        <v>85</v>
      </c>
      <c r="P23240" t="s">
        <v>86</v>
      </c>
      <c r="Q23240">
        <v>24</v>
      </c>
      <c r="R23240">
        <v>25</v>
      </c>
      <c r="S23240">
        <v>26</v>
      </c>
      <c r="T23240">
        <v>27</v>
      </c>
      <c r="U23240">
        <v>28</v>
      </c>
      <c r="V23240">
        <v>29</v>
      </c>
      <c r="W23240">
        <v>30</v>
      </c>
      <c r="X23240">
        <v>31</v>
      </c>
      <c r="Y23240">
        <v>32</v>
      </c>
      <c r="Z23240">
        <v>33</v>
      </c>
      <c r="AA23240">
        <v>34</v>
      </c>
      <c r="AB23240">
        <v>35</v>
      </c>
      <c r="AC23240">
        <v>36</v>
      </c>
      <c r="AD23240">
        <v>37</v>
      </c>
      <c r="AE23240">
        <v>38</v>
      </c>
      <c r="AF23240">
        <v>39</v>
      </c>
      <c r="AG23240">
        <v>39</v>
      </c>
      <c r="AH23240">
        <v>40</v>
      </c>
      <c r="AI23240">
        <v>41</v>
      </c>
      <c r="AJ23240">
        <v>41</v>
      </c>
      <c r="AK23240">
        <v>42</v>
      </c>
      <c r="AL23240">
        <v>43</v>
      </c>
      <c r="AM23240">
        <v>44</v>
      </c>
      <c r="AN23240">
        <v>44</v>
      </c>
      <c r="AO23240">
        <v>45</v>
      </c>
      <c r="AP23240">
        <v>46</v>
      </c>
      <c r="AQ23240">
        <v>47</v>
      </c>
    </row>
    <row r="23241" spans="1:43">
      <c r="A23241" t="s">
        <v>14397</v>
      </c>
      <c r="B23241" t="s">
        <v>14398</v>
      </c>
      <c r="C23241" t="s">
        <v>14393</v>
      </c>
      <c r="D23241" t="s">
        <v>14394</v>
      </c>
      <c r="E23241" t="s">
        <v>14307</v>
      </c>
      <c r="F23241" t="s">
        <v>14308</v>
      </c>
      <c r="G23241" t="s">
        <v>10734</v>
      </c>
      <c r="H23241" t="s">
        <v>10735</v>
      </c>
      <c r="I23241" s="2">
        <v>0</v>
      </c>
      <c r="J23241" s="2">
        <v>0</v>
      </c>
      <c r="K23241" s="2">
        <v>1</v>
      </c>
      <c r="L23241" t="s">
        <v>995</v>
      </c>
      <c r="M23241" t="s">
        <v>83</v>
      </c>
      <c r="N23241" t="s">
        <v>91</v>
      </c>
      <c r="O23241" t="s">
        <v>85</v>
      </c>
      <c r="P23241" t="s">
        <v>86</v>
      </c>
      <c r="Q23241">
        <v>24</v>
      </c>
      <c r="R23241">
        <v>25</v>
      </c>
      <c r="S23241">
        <v>25</v>
      </c>
      <c r="T23241">
        <v>26</v>
      </c>
      <c r="U23241">
        <v>27</v>
      </c>
      <c r="V23241">
        <v>28</v>
      </c>
      <c r="W23241">
        <v>28</v>
      </c>
      <c r="X23241">
        <v>29</v>
      </c>
      <c r="Y23241">
        <v>30</v>
      </c>
      <c r="Z23241">
        <v>31</v>
      </c>
      <c r="AA23241">
        <v>32</v>
      </c>
      <c r="AB23241">
        <v>33</v>
      </c>
      <c r="AC23241">
        <v>34</v>
      </c>
      <c r="AD23241">
        <v>35</v>
      </c>
      <c r="AE23241">
        <v>35</v>
      </c>
      <c r="AF23241">
        <v>36</v>
      </c>
      <c r="AG23241">
        <v>37</v>
      </c>
      <c r="AH23241">
        <v>38</v>
      </c>
      <c r="AI23241">
        <v>39</v>
      </c>
      <c r="AJ23241">
        <v>40</v>
      </c>
      <c r="AK23241">
        <v>41</v>
      </c>
      <c r="AL23241">
        <v>42</v>
      </c>
      <c r="AM23241">
        <v>43</v>
      </c>
      <c r="AN23241">
        <v>44</v>
      </c>
      <c r="AO23241">
        <v>45</v>
      </c>
      <c r="AP23241">
        <v>45</v>
      </c>
      <c r="AQ23241">
        <v>46</v>
      </c>
    </row>
    <row r="23242" spans="1:43">
      <c r="A23242" t="s">
        <v>14399</v>
      </c>
      <c r="B23242" t="s">
        <v>14400</v>
      </c>
      <c r="C23242" t="s">
        <v>14393</v>
      </c>
      <c r="D23242" t="s">
        <v>14394</v>
      </c>
      <c r="E23242" t="s">
        <v>14307</v>
      </c>
      <c r="F23242" t="s">
        <v>14308</v>
      </c>
      <c r="G23242" t="s">
        <v>10734</v>
      </c>
      <c r="H23242" t="s">
        <v>10735</v>
      </c>
      <c r="I23242" s="2">
        <v>0</v>
      </c>
      <c r="J23242" s="2">
        <v>0</v>
      </c>
      <c r="K23242" s="2">
        <v>1</v>
      </c>
      <c r="L23242" t="s">
        <v>995</v>
      </c>
      <c r="M23242" t="s">
        <v>83</v>
      </c>
      <c r="N23242" t="s">
        <v>84</v>
      </c>
      <c r="O23242" t="s">
        <v>85</v>
      </c>
      <c r="P23242" t="s">
        <v>86</v>
      </c>
      <c r="Q23242">
        <v>91</v>
      </c>
      <c r="R23242">
        <v>94</v>
      </c>
      <c r="S23242">
        <v>97</v>
      </c>
      <c r="T23242">
        <v>100</v>
      </c>
      <c r="U23242">
        <v>103</v>
      </c>
      <c r="V23242">
        <v>106</v>
      </c>
      <c r="W23242">
        <v>109</v>
      </c>
      <c r="X23242">
        <v>112</v>
      </c>
      <c r="Y23242">
        <v>115</v>
      </c>
      <c r="Z23242">
        <v>118</v>
      </c>
      <c r="AA23242">
        <v>122</v>
      </c>
      <c r="AB23242">
        <v>125</v>
      </c>
      <c r="AC23242">
        <v>128</v>
      </c>
      <c r="AD23242">
        <v>132</v>
      </c>
      <c r="AE23242">
        <v>135</v>
      </c>
      <c r="AF23242">
        <v>139</v>
      </c>
      <c r="AG23242">
        <v>142</v>
      </c>
      <c r="AH23242">
        <v>146</v>
      </c>
      <c r="AI23242">
        <v>150</v>
      </c>
      <c r="AJ23242">
        <v>154</v>
      </c>
      <c r="AK23242">
        <v>158</v>
      </c>
      <c r="AL23242">
        <v>161</v>
      </c>
      <c r="AM23242">
        <v>164</v>
      </c>
      <c r="AN23242">
        <v>166</v>
      </c>
      <c r="AO23242">
        <v>169</v>
      </c>
      <c r="AP23242">
        <v>172</v>
      </c>
      <c r="AQ23242">
        <v>175</v>
      </c>
    </row>
    <row r="23243" spans="1:43">
      <c r="A23243" t="s">
        <v>14399</v>
      </c>
      <c r="B23243" t="s">
        <v>14400</v>
      </c>
      <c r="C23243" t="s">
        <v>14393</v>
      </c>
      <c r="D23243" t="s">
        <v>14394</v>
      </c>
      <c r="E23243" t="s">
        <v>14307</v>
      </c>
      <c r="F23243" t="s">
        <v>14308</v>
      </c>
      <c r="G23243" t="s">
        <v>10734</v>
      </c>
      <c r="H23243" t="s">
        <v>10735</v>
      </c>
      <c r="I23243" s="2">
        <v>0</v>
      </c>
      <c r="J23243" s="2">
        <v>0</v>
      </c>
      <c r="K23243" s="2">
        <v>1</v>
      </c>
      <c r="L23243" t="s">
        <v>995</v>
      </c>
      <c r="M23243" t="s">
        <v>87</v>
      </c>
      <c r="N23243" t="s">
        <v>88</v>
      </c>
      <c r="O23243" t="s">
        <v>85</v>
      </c>
      <c r="P23243" t="s">
        <v>86</v>
      </c>
      <c r="Q23243">
        <v>91</v>
      </c>
      <c r="R23243">
        <v>93</v>
      </c>
      <c r="S23243">
        <v>95</v>
      </c>
      <c r="T23243">
        <v>97</v>
      </c>
      <c r="U23243">
        <v>99</v>
      </c>
      <c r="V23243">
        <v>101</v>
      </c>
      <c r="W23243">
        <v>103</v>
      </c>
      <c r="X23243">
        <v>105</v>
      </c>
      <c r="Y23243">
        <v>107</v>
      </c>
      <c r="Z23243">
        <v>109</v>
      </c>
      <c r="AA23243">
        <v>112</v>
      </c>
      <c r="AB23243">
        <v>114</v>
      </c>
      <c r="AC23243">
        <v>116</v>
      </c>
      <c r="AD23243">
        <v>119</v>
      </c>
      <c r="AE23243">
        <v>121</v>
      </c>
      <c r="AF23243">
        <v>123</v>
      </c>
      <c r="AG23243">
        <v>126</v>
      </c>
      <c r="AH23243">
        <v>128</v>
      </c>
      <c r="AI23243">
        <v>131</v>
      </c>
      <c r="AJ23243">
        <v>134</v>
      </c>
      <c r="AK23243">
        <v>136</v>
      </c>
      <c r="AL23243">
        <v>139</v>
      </c>
      <c r="AM23243">
        <v>142</v>
      </c>
      <c r="AN23243">
        <v>145</v>
      </c>
      <c r="AO23243">
        <v>148</v>
      </c>
      <c r="AP23243">
        <v>150</v>
      </c>
      <c r="AQ23243">
        <v>153</v>
      </c>
    </row>
    <row r="23244" spans="1:43">
      <c r="A23244" t="s">
        <v>14399</v>
      </c>
      <c r="B23244" t="s">
        <v>14400</v>
      </c>
      <c r="C23244" t="s">
        <v>14393</v>
      </c>
      <c r="D23244" t="s">
        <v>14394</v>
      </c>
      <c r="E23244" t="s">
        <v>14307</v>
      </c>
      <c r="F23244" t="s">
        <v>14308</v>
      </c>
      <c r="G23244" t="s">
        <v>10734</v>
      </c>
      <c r="H23244" t="s">
        <v>10735</v>
      </c>
      <c r="I23244" s="2">
        <v>0</v>
      </c>
      <c r="J23244" s="2">
        <v>0</v>
      </c>
      <c r="K23244" s="2">
        <v>1</v>
      </c>
      <c r="L23244" t="s">
        <v>995</v>
      </c>
      <c r="M23244" t="s">
        <v>89</v>
      </c>
      <c r="N23244" t="s">
        <v>90</v>
      </c>
      <c r="O23244" t="s">
        <v>85</v>
      </c>
      <c r="P23244" t="s">
        <v>86</v>
      </c>
      <c r="Q23244">
        <v>91</v>
      </c>
      <c r="R23244">
        <v>95</v>
      </c>
      <c r="S23244">
        <v>98</v>
      </c>
      <c r="T23244">
        <v>102</v>
      </c>
      <c r="U23244">
        <v>106</v>
      </c>
      <c r="V23244">
        <v>109</v>
      </c>
      <c r="W23244">
        <v>113</v>
      </c>
      <c r="X23244">
        <v>117</v>
      </c>
      <c r="Y23244">
        <v>121</v>
      </c>
      <c r="Z23244">
        <v>124</v>
      </c>
      <c r="AA23244">
        <v>128</v>
      </c>
      <c r="AB23244">
        <v>132</v>
      </c>
      <c r="AC23244">
        <v>136</v>
      </c>
      <c r="AD23244">
        <v>140</v>
      </c>
      <c r="AE23244">
        <v>143</v>
      </c>
      <c r="AF23244">
        <v>146</v>
      </c>
      <c r="AG23244">
        <v>149</v>
      </c>
      <c r="AH23244">
        <v>151</v>
      </c>
      <c r="AI23244">
        <v>154</v>
      </c>
      <c r="AJ23244">
        <v>156</v>
      </c>
      <c r="AK23244">
        <v>159</v>
      </c>
      <c r="AL23244">
        <v>162</v>
      </c>
      <c r="AM23244">
        <v>165</v>
      </c>
      <c r="AN23244">
        <v>167</v>
      </c>
      <c r="AO23244">
        <v>170</v>
      </c>
      <c r="AP23244">
        <v>173</v>
      </c>
      <c r="AQ23244">
        <v>176</v>
      </c>
    </row>
    <row r="23245" spans="1:43">
      <c r="A23245" t="s">
        <v>14399</v>
      </c>
      <c r="B23245" t="s">
        <v>14400</v>
      </c>
      <c r="C23245" t="s">
        <v>14393</v>
      </c>
      <c r="D23245" t="s">
        <v>14394</v>
      </c>
      <c r="E23245" t="s">
        <v>14307</v>
      </c>
      <c r="F23245" t="s">
        <v>14308</v>
      </c>
      <c r="G23245" t="s">
        <v>10734</v>
      </c>
      <c r="H23245" t="s">
        <v>10735</v>
      </c>
      <c r="I23245" s="2">
        <v>0</v>
      </c>
      <c r="J23245" s="2">
        <v>0</v>
      </c>
      <c r="K23245" s="2">
        <v>1</v>
      </c>
      <c r="L23245" t="s">
        <v>995</v>
      </c>
      <c r="M23245" t="s">
        <v>83</v>
      </c>
      <c r="N23245" t="s">
        <v>91</v>
      </c>
      <c r="O23245" t="s">
        <v>85</v>
      </c>
      <c r="P23245" t="s">
        <v>86</v>
      </c>
      <c r="Q23245">
        <v>91</v>
      </c>
      <c r="R23245">
        <v>94</v>
      </c>
      <c r="S23245">
        <v>97</v>
      </c>
      <c r="T23245">
        <v>100</v>
      </c>
      <c r="U23245">
        <v>103</v>
      </c>
      <c r="V23245">
        <v>106</v>
      </c>
      <c r="W23245">
        <v>109</v>
      </c>
      <c r="X23245">
        <v>112</v>
      </c>
      <c r="Y23245">
        <v>115</v>
      </c>
      <c r="Z23245">
        <v>118</v>
      </c>
      <c r="AA23245">
        <v>122</v>
      </c>
      <c r="AB23245">
        <v>125</v>
      </c>
      <c r="AC23245">
        <v>128</v>
      </c>
      <c r="AD23245">
        <v>132</v>
      </c>
      <c r="AE23245">
        <v>135</v>
      </c>
      <c r="AF23245">
        <v>139</v>
      </c>
      <c r="AG23245">
        <v>142</v>
      </c>
      <c r="AH23245">
        <v>146</v>
      </c>
      <c r="AI23245">
        <v>150</v>
      </c>
      <c r="AJ23245">
        <v>154</v>
      </c>
      <c r="AK23245">
        <v>158</v>
      </c>
      <c r="AL23245">
        <v>161</v>
      </c>
      <c r="AM23245">
        <v>164</v>
      </c>
      <c r="AN23245">
        <v>166</v>
      </c>
      <c r="AO23245">
        <v>169</v>
      </c>
      <c r="AP23245">
        <v>172</v>
      </c>
      <c r="AQ23245">
        <v>175</v>
      </c>
    </row>
    <row r="23246" spans="1:43">
      <c r="A23246" t="s">
        <v>14401</v>
      </c>
      <c r="B23246" t="s">
        <v>14402</v>
      </c>
      <c r="C23246" t="s">
        <v>14403</v>
      </c>
      <c r="D23246" t="s">
        <v>14404</v>
      </c>
      <c r="E23246" t="s">
        <v>14307</v>
      </c>
      <c r="F23246" t="s">
        <v>14308</v>
      </c>
      <c r="G23246" t="s">
        <v>10734</v>
      </c>
      <c r="H23246" t="s">
        <v>10735</v>
      </c>
      <c r="I23246" s="2">
        <v>0</v>
      </c>
      <c r="J23246" s="2">
        <v>0</v>
      </c>
      <c r="K23246" s="2">
        <v>1</v>
      </c>
      <c r="L23246" t="s">
        <v>995</v>
      </c>
      <c r="M23246" t="s">
        <v>83</v>
      </c>
      <c r="N23246" t="s">
        <v>84</v>
      </c>
      <c r="O23246" t="s">
        <v>85</v>
      </c>
      <c r="P23246" t="s">
        <v>86</v>
      </c>
      <c r="Q23246">
        <v>21</v>
      </c>
      <c r="R23246">
        <v>21</v>
      </c>
      <c r="S23246">
        <v>22</v>
      </c>
      <c r="T23246">
        <v>23</v>
      </c>
      <c r="U23246">
        <v>23</v>
      </c>
      <c r="V23246">
        <v>24</v>
      </c>
      <c r="W23246">
        <v>25</v>
      </c>
      <c r="X23246">
        <v>26</v>
      </c>
      <c r="Y23246">
        <v>26</v>
      </c>
      <c r="Z23246">
        <v>27</v>
      </c>
      <c r="AA23246">
        <v>28</v>
      </c>
      <c r="AB23246">
        <v>29</v>
      </c>
      <c r="AC23246">
        <v>29</v>
      </c>
      <c r="AD23246">
        <v>30</v>
      </c>
      <c r="AE23246">
        <v>31</v>
      </c>
      <c r="AF23246">
        <v>32</v>
      </c>
      <c r="AG23246">
        <v>32</v>
      </c>
      <c r="AH23246">
        <v>33</v>
      </c>
      <c r="AI23246">
        <v>34</v>
      </c>
      <c r="AJ23246">
        <v>35</v>
      </c>
      <c r="AK23246">
        <v>36</v>
      </c>
      <c r="AL23246">
        <v>36</v>
      </c>
      <c r="AM23246">
        <v>37</v>
      </c>
      <c r="AN23246">
        <v>38</v>
      </c>
      <c r="AO23246">
        <v>38</v>
      </c>
      <c r="AP23246">
        <v>39</v>
      </c>
      <c r="AQ23246">
        <v>40</v>
      </c>
    </row>
    <row r="23247" spans="1:43">
      <c r="A23247" t="s">
        <v>14401</v>
      </c>
      <c r="B23247" t="s">
        <v>14402</v>
      </c>
      <c r="C23247" t="s">
        <v>14403</v>
      </c>
      <c r="D23247" t="s">
        <v>14404</v>
      </c>
      <c r="E23247" t="s">
        <v>14307</v>
      </c>
      <c r="F23247" t="s">
        <v>14308</v>
      </c>
      <c r="G23247" t="s">
        <v>10734</v>
      </c>
      <c r="H23247" t="s">
        <v>10735</v>
      </c>
      <c r="I23247" s="2">
        <v>0</v>
      </c>
      <c r="J23247" s="2">
        <v>0</v>
      </c>
      <c r="K23247" s="2">
        <v>1</v>
      </c>
      <c r="L23247" t="s">
        <v>995</v>
      </c>
      <c r="M23247" t="s">
        <v>87</v>
      </c>
      <c r="N23247" t="s">
        <v>88</v>
      </c>
      <c r="O23247" t="s">
        <v>85</v>
      </c>
      <c r="P23247" t="s">
        <v>86</v>
      </c>
      <c r="Q23247">
        <v>21</v>
      </c>
      <c r="R23247">
        <v>21</v>
      </c>
      <c r="S23247">
        <v>21</v>
      </c>
      <c r="T23247">
        <v>22</v>
      </c>
      <c r="U23247">
        <v>22</v>
      </c>
      <c r="V23247">
        <v>23</v>
      </c>
      <c r="W23247">
        <v>23</v>
      </c>
      <c r="X23247">
        <v>24</v>
      </c>
      <c r="Y23247">
        <v>24</v>
      </c>
      <c r="Z23247">
        <v>25</v>
      </c>
      <c r="AA23247">
        <v>25</v>
      </c>
      <c r="AB23247">
        <v>26</v>
      </c>
      <c r="AC23247">
        <v>26</v>
      </c>
      <c r="AD23247">
        <v>27</v>
      </c>
      <c r="AE23247">
        <v>27</v>
      </c>
      <c r="AF23247">
        <v>28</v>
      </c>
      <c r="AG23247">
        <v>29</v>
      </c>
      <c r="AH23247">
        <v>29</v>
      </c>
      <c r="AI23247">
        <v>30</v>
      </c>
      <c r="AJ23247">
        <v>30</v>
      </c>
      <c r="AK23247">
        <v>31</v>
      </c>
      <c r="AL23247">
        <v>32</v>
      </c>
      <c r="AM23247">
        <v>32</v>
      </c>
      <c r="AN23247">
        <v>33</v>
      </c>
      <c r="AO23247">
        <v>34</v>
      </c>
      <c r="AP23247">
        <v>34</v>
      </c>
      <c r="AQ23247">
        <v>35</v>
      </c>
    </row>
    <row r="23248" spans="1:43">
      <c r="A23248" t="s">
        <v>14401</v>
      </c>
      <c r="B23248" t="s">
        <v>14402</v>
      </c>
      <c r="C23248" t="s">
        <v>14403</v>
      </c>
      <c r="D23248" t="s">
        <v>14404</v>
      </c>
      <c r="E23248" t="s">
        <v>14307</v>
      </c>
      <c r="F23248" t="s">
        <v>14308</v>
      </c>
      <c r="G23248" t="s">
        <v>10734</v>
      </c>
      <c r="H23248" t="s">
        <v>10735</v>
      </c>
      <c r="I23248" s="2">
        <v>0</v>
      </c>
      <c r="J23248" s="2">
        <v>0</v>
      </c>
      <c r="K23248" s="2">
        <v>1</v>
      </c>
      <c r="L23248" t="s">
        <v>995</v>
      </c>
      <c r="M23248" t="s">
        <v>89</v>
      </c>
      <c r="N23248" t="s">
        <v>90</v>
      </c>
      <c r="O23248" t="s">
        <v>85</v>
      </c>
      <c r="P23248" t="s">
        <v>86</v>
      </c>
      <c r="Q23248">
        <v>21</v>
      </c>
      <c r="R23248">
        <v>22</v>
      </c>
      <c r="S23248">
        <v>23</v>
      </c>
      <c r="T23248">
        <v>23</v>
      </c>
      <c r="U23248">
        <v>24</v>
      </c>
      <c r="V23248">
        <v>25</v>
      </c>
      <c r="W23248">
        <v>26</v>
      </c>
      <c r="X23248">
        <v>27</v>
      </c>
      <c r="Y23248">
        <v>28</v>
      </c>
      <c r="Z23248">
        <v>28</v>
      </c>
      <c r="AA23248">
        <v>29</v>
      </c>
      <c r="AB23248">
        <v>30</v>
      </c>
      <c r="AC23248">
        <v>31</v>
      </c>
      <c r="AD23248">
        <v>32</v>
      </c>
      <c r="AE23248">
        <v>33</v>
      </c>
      <c r="AF23248">
        <v>33</v>
      </c>
      <c r="AG23248">
        <v>34</v>
      </c>
      <c r="AH23248">
        <v>34</v>
      </c>
      <c r="AI23248">
        <v>35</v>
      </c>
      <c r="AJ23248">
        <v>36</v>
      </c>
      <c r="AK23248">
        <v>36</v>
      </c>
      <c r="AL23248">
        <v>37</v>
      </c>
      <c r="AM23248">
        <v>37</v>
      </c>
      <c r="AN23248">
        <v>38</v>
      </c>
      <c r="AO23248">
        <v>39</v>
      </c>
      <c r="AP23248">
        <v>39</v>
      </c>
      <c r="AQ23248">
        <v>40</v>
      </c>
    </row>
    <row r="23249" spans="1:43">
      <c r="A23249" t="s">
        <v>14401</v>
      </c>
      <c r="B23249" t="s">
        <v>14402</v>
      </c>
      <c r="C23249" t="s">
        <v>14403</v>
      </c>
      <c r="D23249" t="s">
        <v>14404</v>
      </c>
      <c r="E23249" t="s">
        <v>14307</v>
      </c>
      <c r="F23249" t="s">
        <v>14308</v>
      </c>
      <c r="G23249" t="s">
        <v>10734</v>
      </c>
      <c r="H23249" t="s">
        <v>10735</v>
      </c>
      <c r="I23249" s="2">
        <v>0</v>
      </c>
      <c r="J23249" s="2">
        <v>0</v>
      </c>
      <c r="K23249" s="2">
        <v>1</v>
      </c>
      <c r="L23249" t="s">
        <v>995</v>
      </c>
      <c r="M23249" t="s">
        <v>83</v>
      </c>
      <c r="N23249" t="s">
        <v>91</v>
      </c>
      <c r="O23249" t="s">
        <v>85</v>
      </c>
      <c r="P23249" t="s">
        <v>86</v>
      </c>
      <c r="Q23249">
        <v>21</v>
      </c>
      <c r="R23249">
        <v>21</v>
      </c>
      <c r="S23249">
        <v>22</v>
      </c>
      <c r="T23249">
        <v>23</v>
      </c>
      <c r="U23249">
        <v>23</v>
      </c>
      <c r="V23249">
        <v>24</v>
      </c>
      <c r="W23249">
        <v>25</v>
      </c>
      <c r="X23249">
        <v>26</v>
      </c>
      <c r="Y23249">
        <v>26</v>
      </c>
      <c r="Z23249">
        <v>27</v>
      </c>
      <c r="AA23249">
        <v>28</v>
      </c>
      <c r="AB23249">
        <v>29</v>
      </c>
      <c r="AC23249">
        <v>29</v>
      </c>
      <c r="AD23249">
        <v>30</v>
      </c>
      <c r="AE23249">
        <v>31</v>
      </c>
      <c r="AF23249">
        <v>32</v>
      </c>
      <c r="AG23249">
        <v>32</v>
      </c>
      <c r="AH23249">
        <v>33</v>
      </c>
      <c r="AI23249">
        <v>34</v>
      </c>
      <c r="AJ23249">
        <v>35</v>
      </c>
      <c r="AK23249">
        <v>36</v>
      </c>
      <c r="AL23249">
        <v>36</v>
      </c>
      <c r="AM23249">
        <v>37</v>
      </c>
      <c r="AN23249">
        <v>38</v>
      </c>
      <c r="AO23249">
        <v>38</v>
      </c>
      <c r="AP23249">
        <v>39</v>
      </c>
      <c r="AQ23249">
        <v>40</v>
      </c>
    </row>
    <row r="23250" spans="1:43">
      <c r="A23250" t="s">
        <v>14405</v>
      </c>
      <c r="B23250" t="s">
        <v>14406</v>
      </c>
      <c r="C23250" t="s">
        <v>14403</v>
      </c>
      <c r="D23250" t="s">
        <v>14404</v>
      </c>
      <c r="E23250" t="s">
        <v>14307</v>
      </c>
      <c r="F23250" t="s">
        <v>14308</v>
      </c>
      <c r="G23250" t="s">
        <v>10734</v>
      </c>
      <c r="H23250" t="s">
        <v>10735</v>
      </c>
      <c r="I23250" s="2">
        <v>0</v>
      </c>
      <c r="J23250" s="2">
        <v>0</v>
      </c>
      <c r="K23250" s="2">
        <v>1</v>
      </c>
      <c r="L23250" t="s">
        <v>995</v>
      </c>
      <c r="M23250" t="s">
        <v>83</v>
      </c>
      <c r="N23250" t="s">
        <v>84</v>
      </c>
      <c r="O23250" t="s">
        <v>85</v>
      </c>
      <c r="P23250" t="s">
        <v>86</v>
      </c>
      <c r="Q23250">
        <v>9</v>
      </c>
      <c r="R23250">
        <v>9</v>
      </c>
      <c r="S23250">
        <v>9</v>
      </c>
      <c r="T23250">
        <v>9</v>
      </c>
      <c r="U23250">
        <v>10</v>
      </c>
      <c r="V23250">
        <v>10</v>
      </c>
      <c r="W23250">
        <v>10</v>
      </c>
      <c r="X23250">
        <v>11</v>
      </c>
      <c r="Y23250">
        <v>11</v>
      </c>
      <c r="Z23250">
        <v>11</v>
      </c>
      <c r="AA23250">
        <v>11</v>
      </c>
      <c r="AB23250">
        <v>12</v>
      </c>
      <c r="AC23250">
        <v>12</v>
      </c>
      <c r="AD23250">
        <v>12</v>
      </c>
      <c r="AE23250">
        <v>13</v>
      </c>
      <c r="AF23250">
        <v>13</v>
      </c>
      <c r="AG23250">
        <v>13</v>
      </c>
      <c r="AH23250">
        <v>14</v>
      </c>
      <c r="AI23250">
        <v>14</v>
      </c>
      <c r="AJ23250">
        <v>14</v>
      </c>
      <c r="AK23250">
        <v>15</v>
      </c>
      <c r="AL23250">
        <v>15</v>
      </c>
      <c r="AM23250">
        <v>15</v>
      </c>
      <c r="AN23250">
        <v>16</v>
      </c>
      <c r="AO23250">
        <v>16</v>
      </c>
      <c r="AP23250">
        <v>16</v>
      </c>
      <c r="AQ23250">
        <v>16</v>
      </c>
    </row>
    <row r="23251" spans="1:43">
      <c r="A23251" t="s">
        <v>14405</v>
      </c>
      <c r="B23251" t="s">
        <v>14406</v>
      </c>
      <c r="C23251" t="s">
        <v>14403</v>
      </c>
      <c r="D23251" t="s">
        <v>14404</v>
      </c>
      <c r="E23251" t="s">
        <v>14307</v>
      </c>
      <c r="F23251" t="s">
        <v>14308</v>
      </c>
      <c r="G23251" t="s">
        <v>10734</v>
      </c>
      <c r="H23251" t="s">
        <v>10735</v>
      </c>
      <c r="I23251" s="2">
        <v>0</v>
      </c>
      <c r="J23251" s="2">
        <v>0</v>
      </c>
      <c r="K23251" s="2">
        <v>1</v>
      </c>
      <c r="L23251" t="s">
        <v>995</v>
      </c>
      <c r="M23251" t="s">
        <v>87</v>
      </c>
      <c r="N23251" t="s">
        <v>88</v>
      </c>
      <c r="O23251" t="s">
        <v>85</v>
      </c>
      <c r="P23251" t="s">
        <v>86</v>
      </c>
      <c r="Q23251">
        <v>9</v>
      </c>
      <c r="R23251">
        <v>9</v>
      </c>
      <c r="S23251">
        <v>9</v>
      </c>
      <c r="T23251">
        <v>9</v>
      </c>
      <c r="U23251">
        <v>9</v>
      </c>
      <c r="V23251">
        <v>9</v>
      </c>
      <c r="W23251">
        <v>10</v>
      </c>
      <c r="X23251">
        <v>10</v>
      </c>
      <c r="Y23251">
        <v>10</v>
      </c>
      <c r="Z23251">
        <v>10</v>
      </c>
      <c r="AA23251">
        <v>10</v>
      </c>
      <c r="AB23251">
        <v>11</v>
      </c>
      <c r="AC23251">
        <v>11</v>
      </c>
      <c r="AD23251">
        <v>11</v>
      </c>
      <c r="AE23251">
        <v>11</v>
      </c>
      <c r="AF23251">
        <v>12</v>
      </c>
      <c r="AG23251">
        <v>12</v>
      </c>
      <c r="AH23251">
        <v>12</v>
      </c>
      <c r="AI23251">
        <v>12</v>
      </c>
      <c r="AJ23251">
        <v>13</v>
      </c>
      <c r="AK23251">
        <v>13</v>
      </c>
      <c r="AL23251">
        <v>13</v>
      </c>
      <c r="AM23251">
        <v>13</v>
      </c>
      <c r="AN23251">
        <v>14</v>
      </c>
      <c r="AO23251">
        <v>14</v>
      </c>
      <c r="AP23251">
        <v>14</v>
      </c>
      <c r="AQ23251">
        <v>14</v>
      </c>
    </row>
    <row r="23252" spans="1:43">
      <c r="A23252" t="s">
        <v>14405</v>
      </c>
      <c r="B23252" t="s">
        <v>14406</v>
      </c>
      <c r="C23252" t="s">
        <v>14403</v>
      </c>
      <c r="D23252" t="s">
        <v>14404</v>
      </c>
      <c r="E23252" t="s">
        <v>14307</v>
      </c>
      <c r="F23252" t="s">
        <v>14308</v>
      </c>
      <c r="G23252" t="s">
        <v>10734</v>
      </c>
      <c r="H23252" t="s">
        <v>10735</v>
      </c>
      <c r="I23252" s="2">
        <v>0</v>
      </c>
      <c r="J23252" s="2">
        <v>0</v>
      </c>
      <c r="K23252" s="2">
        <v>1</v>
      </c>
      <c r="L23252" t="s">
        <v>995</v>
      </c>
      <c r="M23252" t="s">
        <v>89</v>
      </c>
      <c r="N23252" t="s">
        <v>90</v>
      </c>
      <c r="O23252" t="s">
        <v>85</v>
      </c>
      <c r="P23252" t="s">
        <v>86</v>
      </c>
      <c r="Q23252">
        <v>9</v>
      </c>
      <c r="R23252">
        <v>9</v>
      </c>
      <c r="S23252">
        <v>9</v>
      </c>
      <c r="T23252">
        <v>10</v>
      </c>
      <c r="U23252">
        <v>10</v>
      </c>
      <c r="V23252">
        <v>10</v>
      </c>
      <c r="W23252">
        <v>11</v>
      </c>
      <c r="X23252">
        <v>11</v>
      </c>
      <c r="Y23252">
        <v>11</v>
      </c>
      <c r="Z23252">
        <v>12</v>
      </c>
      <c r="AA23252">
        <v>12</v>
      </c>
      <c r="AB23252">
        <v>12</v>
      </c>
      <c r="AC23252">
        <v>13</v>
      </c>
      <c r="AD23252">
        <v>13</v>
      </c>
      <c r="AE23252">
        <v>13</v>
      </c>
      <c r="AF23252">
        <v>14</v>
      </c>
      <c r="AG23252">
        <v>14</v>
      </c>
      <c r="AH23252">
        <v>14</v>
      </c>
      <c r="AI23252">
        <v>14</v>
      </c>
      <c r="AJ23252">
        <v>15</v>
      </c>
      <c r="AK23252">
        <v>15</v>
      </c>
      <c r="AL23252">
        <v>15</v>
      </c>
      <c r="AM23252">
        <v>15</v>
      </c>
      <c r="AN23252">
        <v>16</v>
      </c>
      <c r="AO23252">
        <v>16</v>
      </c>
      <c r="AP23252">
        <v>16</v>
      </c>
      <c r="AQ23252">
        <v>16</v>
      </c>
    </row>
    <row r="23253" spans="1:43">
      <c r="A23253" t="s">
        <v>14405</v>
      </c>
      <c r="B23253" t="s">
        <v>14406</v>
      </c>
      <c r="C23253" t="s">
        <v>14403</v>
      </c>
      <c r="D23253" t="s">
        <v>14404</v>
      </c>
      <c r="E23253" t="s">
        <v>14307</v>
      </c>
      <c r="F23253" t="s">
        <v>14308</v>
      </c>
      <c r="G23253" t="s">
        <v>10734</v>
      </c>
      <c r="H23253" t="s">
        <v>10735</v>
      </c>
      <c r="I23253" s="2">
        <v>0</v>
      </c>
      <c r="J23253" s="2">
        <v>0</v>
      </c>
      <c r="K23253" s="2">
        <v>1</v>
      </c>
      <c r="L23253" t="s">
        <v>995</v>
      </c>
      <c r="M23253" t="s">
        <v>83</v>
      </c>
      <c r="N23253" t="s">
        <v>91</v>
      </c>
      <c r="O23253" t="s">
        <v>85</v>
      </c>
      <c r="P23253" t="s">
        <v>86</v>
      </c>
      <c r="Q23253">
        <v>9</v>
      </c>
      <c r="R23253">
        <v>9</v>
      </c>
      <c r="S23253">
        <v>9</v>
      </c>
      <c r="T23253">
        <v>9</v>
      </c>
      <c r="U23253">
        <v>10</v>
      </c>
      <c r="V23253">
        <v>10</v>
      </c>
      <c r="W23253">
        <v>10</v>
      </c>
      <c r="X23253">
        <v>11</v>
      </c>
      <c r="Y23253">
        <v>11</v>
      </c>
      <c r="Z23253">
        <v>11</v>
      </c>
      <c r="AA23253">
        <v>11</v>
      </c>
      <c r="AB23253">
        <v>12</v>
      </c>
      <c r="AC23253">
        <v>12</v>
      </c>
      <c r="AD23253">
        <v>12</v>
      </c>
      <c r="AE23253">
        <v>13</v>
      </c>
      <c r="AF23253">
        <v>13</v>
      </c>
      <c r="AG23253">
        <v>13</v>
      </c>
      <c r="AH23253">
        <v>14</v>
      </c>
      <c r="AI23253">
        <v>14</v>
      </c>
      <c r="AJ23253">
        <v>14</v>
      </c>
      <c r="AK23253">
        <v>15</v>
      </c>
      <c r="AL23253">
        <v>15</v>
      </c>
      <c r="AM23253">
        <v>15</v>
      </c>
      <c r="AN23253">
        <v>16</v>
      </c>
      <c r="AO23253">
        <v>16</v>
      </c>
      <c r="AP23253">
        <v>16</v>
      </c>
      <c r="AQ23253">
        <v>16</v>
      </c>
    </row>
    <row r="23254" spans="1:43">
      <c r="A23254" t="s">
        <v>14407</v>
      </c>
      <c r="B23254" t="s">
        <v>14408</v>
      </c>
      <c r="C23254" t="s">
        <v>14409</v>
      </c>
      <c r="D23254" t="s">
        <v>14410</v>
      </c>
      <c r="E23254" t="s">
        <v>14307</v>
      </c>
      <c r="F23254" t="s">
        <v>14308</v>
      </c>
      <c r="G23254" t="s">
        <v>10734</v>
      </c>
      <c r="H23254" t="s">
        <v>10735</v>
      </c>
      <c r="I23254" s="2">
        <v>0</v>
      </c>
      <c r="J23254" s="2">
        <v>0</v>
      </c>
      <c r="K23254" s="2">
        <v>1</v>
      </c>
      <c r="L23254" t="s">
        <v>995</v>
      </c>
      <c r="M23254" t="s">
        <v>83</v>
      </c>
      <c r="N23254" t="s">
        <v>84</v>
      </c>
      <c r="O23254" t="s">
        <v>85</v>
      </c>
      <c r="P23254" t="s">
        <v>86</v>
      </c>
      <c r="Q23254">
        <v>14</v>
      </c>
      <c r="R23254">
        <v>14</v>
      </c>
      <c r="S23254">
        <v>15</v>
      </c>
      <c r="T23254">
        <v>15</v>
      </c>
      <c r="U23254">
        <v>16</v>
      </c>
      <c r="V23254">
        <v>16</v>
      </c>
      <c r="W23254">
        <v>16</v>
      </c>
      <c r="X23254">
        <v>17</v>
      </c>
      <c r="Y23254">
        <v>17</v>
      </c>
      <c r="Z23254">
        <v>18</v>
      </c>
      <c r="AA23254">
        <v>18</v>
      </c>
      <c r="AB23254">
        <v>19</v>
      </c>
      <c r="AC23254">
        <v>19</v>
      </c>
      <c r="AD23254">
        <v>20</v>
      </c>
      <c r="AE23254">
        <v>20</v>
      </c>
      <c r="AF23254">
        <v>21</v>
      </c>
      <c r="AG23254">
        <v>22</v>
      </c>
      <c r="AH23254">
        <v>22</v>
      </c>
      <c r="AI23254">
        <v>23</v>
      </c>
      <c r="AJ23254">
        <v>23</v>
      </c>
      <c r="AK23254">
        <v>24</v>
      </c>
      <c r="AL23254">
        <v>24</v>
      </c>
      <c r="AM23254">
        <v>25</v>
      </c>
      <c r="AN23254">
        <v>25</v>
      </c>
      <c r="AO23254">
        <v>26</v>
      </c>
      <c r="AP23254">
        <v>26</v>
      </c>
      <c r="AQ23254">
        <v>26</v>
      </c>
    </row>
    <row r="23255" spans="1:43">
      <c r="A23255" t="s">
        <v>14407</v>
      </c>
      <c r="B23255" t="s">
        <v>14408</v>
      </c>
      <c r="C23255" t="s">
        <v>14409</v>
      </c>
      <c r="D23255" t="s">
        <v>14410</v>
      </c>
      <c r="E23255" t="s">
        <v>14307</v>
      </c>
      <c r="F23255" t="s">
        <v>14308</v>
      </c>
      <c r="G23255" t="s">
        <v>10734</v>
      </c>
      <c r="H23255" t="s">
        <v>10735</v>
      </c>
      <c r="I23255" s="2">
        <v>0</v>
      </c>
      <c r="J23255" s="2">
        <v>0</v>
      </c>
      <c r="K23255" s="2">
        <v>1</v>
      </c>
      <c r="L23255" t="s">
        <v>995</v>
      </c>
      <c r="M23255" t="s">
        <v>87</v>
      </c>
      <c r="N23255" t="s">
        <v>88</v>
      </c>
      <c r="O23255" t="s">
        <v>85</v>
      </c>
      <c r="P23255" t="s">
        <v>86</v>
      </c>
      <c r="Q23255">
        <v>14</v>
      </c>
      <c r="R23255">
        <v>14</v>
      </c>
      <c r="S23255">
        <v>14</v>
      </c>
      <c r="T23255">
        <v>15</v>
      </c>
      <c r="U23255">
        <v>15</v>
      </c>
      <c r="V23255">
        <v>15</v>
      </c>
      <c r="W23255">
        <v>15</v>
      </c>
      <c r="X23255">
        <v>16</v>
      </c>
      <c r="Y23255">
        <v>16</v>
      </c>
      <c r="Z23255">
        <v>16</v>
      </c>
      <c r="AA23255">
        <v>17</v>
      </c>
      <c r="AB23255">
        <v>17</v>
      </c>
      <c r="AC23255">
        <v>17</v>
      </c>
      <c r="AD23255">
        <v>18</v>
      </c>
      <c r="AE23255">
        <v>18</v>
      </c>
      <c r="AF23255">
        <v>18</v>
      </c>
      <c r="AG23255">
        <v>19</v>
      </c>
      <c r="AH23255">
        <v>19</v>
      </c>
      <c r="AI23255">
        <v>20</v>
      </c>
      <c r="AJ23255">
        <v>20</v>
      </c>
      <c r="AK23255">
        <v>20</v>
      </c>
      <c r="AL23255">
        <v>21</v>
      </c>
      <c r="AM23255">
        <v>21</v>
      </c>
      <c r="AN23255">
        <v>22</v>
      </c>
      <c r="AO23255">
        <v>22</v>
      </c>
      <c r="AP23255">
        <v>22</v>
      </c>
      <c r="AQ23255">
        <v>23</v>
      </c>
    </row>
    <row r="23256" spans="1:43">
      <c r="A23256" t="s">
        <v>14407</v>
      </c>
      <c r="B23256" t="s">
        <v>14408</v>
      </c>
      <c r="C23256" t="s">
        <v>14409</v>
      </c>
      <c r="D23256" t="s">
        <v>14410</v>
      </c>
      <c r="E23256" t="s">
        <v>14307</v>
      </c>
      <c r="F23256" t="s">
        <v>14308</v>
      </c>
      <c r="G23256" t="s">
        <v>10734</v>
      </c>
      <c r="H23256" t="s">
        <v>10735</v>
      </c>
      <c r="I23256" s="2">
        <v>0</v>
      </c>
      <c r="J23256" s="2">
        <v>0</v>
      </c>
      <c r="K23256" s="2">
        <v>1</v>
      </c>
      <c r="L23256" t="s">
        <v>995</v>
      </c>
      <c r="M23256" t="s">
        <v>89</v>
      </c>
      <c r="N23256" t="s">
        <v>90</v>
      </c>
      <c r="O23256" t="s">
        <v>85</v>
      </c>
      <c r="P23256" t="s">
        <v>86</v>
      </c>
      <c r="Q23256">
        <v>14</v>
      </c>
      <c r="R23256">
        <v>14</v>
      </c>
      <c r="S23256">
        <v>15</v>
      </c>
      <c r="T23256">
        <v>16</v>
      </c>
      <c r="U23256">
        <v>16</v>
      </c>
      <c r="V23256">
        <v>17</v>
      </c>
      <c r="W23256">
        <v>17</v>
      </c>
      <c r="X23256">
        <v>18</v>
      </c>
      <c r="Y23256">
        <v>18</v>
      </c>
      <c r="Z23256">
        <v>19</v>
      </c>
      <c r="AA23256">
        <v>20</v>
      </c>
      <c r="AB23256">
        <v>20</v>
      </c>
      <c r="AC23256">
        <v>21</v>
      </c>
      <c r="AD23256">
        <v>21</v>
      </c>
      <c r="AE23256">
        <v>22</v>
      </c>
      <c r="AF23256">
        <v>22</v>
      </c>
      <c r="AG23256">
        <v>23</v>
      </c>
      <c r="AH23256">
        <v>23</v>
      </c>
      <c r="AI23256">
        <v>23</v>
      </c>
      <c r="AJ23256">
        <v>24</v>
      </c>
      <c r="AK23256">
        <v>24</v>
      </c>
      <c r="AL23256">
        <v>25</v>
      </c>
      <c r="AM23256">
        <v>25</v>
      </c>
      <c r="AN23256">
        <v>25</v>
      </c>
      <c r="AO23256">
        <v>26</v>
      </c>
      <c r="AP23256">
        <v>26</v>
      </c>
      <c r="AQ23256">
        <v>27</v>
      </c>
    </row>
    <row r="23257" spans="1:43">
      <c r="A23257" t="s">
        <v>14407</v>
      </c>
      <c r="B23257" t="s">
        <v>14408</v>
      </c>
      <c r="C23257" t="s">
        <v>14409</v>
      </c>
      <c r="D23257" t="s">
        <v>14410</v>
      </c>
      <c r="E23257" t="s">
        <v>14307</v>
      </c>
      <c r="F23257" t="s">
        <v>14308</v>
      </c>
      <c r="G23257" t="s">
        <v>10734</v>
      </c>
      <c r="H23257" t="s">
        <v>10735</v>
      </c>
      <c r="I23257" s="2">
        <v>0</v>
      </c>
      <c r="J23257" s="2">
        <v>0</v>
      </c>
      <c r="K23257" s="2">
        <v>1</v>
      </c>
      <c r="L23257" t="s">
        <v>995</v>
      </c>
      <c r="M23257" t="s">
        <v>83</v>
      </c>
      <c r="N23257" t="s">
        <v>91</v>
      </c>
      <c r="O23257" t="s">
        <v>85</v>
      </c>
      <c r="P23257" t="s">
        <v>86</v>
      </c>
      <c r="Q23257">
        <v>14</v>
      </c>
      <c r="R23257">
        <v>14</v>
      </c>
      <c r="S23257">
        <v>15</v>
      </c>
      <c r="T23257">
        <v>15</v>
      </c>
      <c r="U23257">
        <v>16</v>
      </c>
      <c r="V23257">
        <v>16</v>
      </c>
      <c r="W23257">
        <v>16</v>
      </c>
      <c r="X23257">
        <v>17</v>
      </c>
      <c r="Y23257">
        <v>17</v>
      </c>
      <c r="Z23257">
        <v>18</v>
      </c>
      <c r="AA23257">
        <v>18</v>
      </c>
      <c r="AB23257">
        <v>19</v>
      </c>
      <c r="AC23257">
        <v>19</v>
      </c>
      <c r="AD23257">
        <v>20</v>
      </c>
      <c r="AE23257">
        <v>20</v>
      </c>
      <c r="AF23257">
        <v>21</v>
      </c>
      <c r="AG23257">
        <v>22</v>
      </c>
      <c r="AH23257">
        <v>22</v>
      </c>
      <c r="AI23257">
        <v>23</v>
      </c>
      <c r="AJ23257">
        <v>23</v>
      </c>
      <c r="AK23257">
        <v>24</v>
      </c>
      <c r="AL23257">
        <v>24</v>
      </c>
      <c r="AM23257">
        <v>25</v>
      </c>
      <c r="AN23257">
        <v>25</v>
      </c>
      <c r="AO23257">
        <v>26</v>
      </c>
      <c r="AP23257">
        <v>26</v>
      </c>
      <c r="AQ23257">
        <v>26</v>
      </c>
    </row>
    <row r="23258" spans="1:43">
      <c r="A23258" t="s">
        <v>14411</v>
      </c>
      <c r="B23258" t="s">
        <v>14412</v>
      </c>
      <c r="C23258" t="s">
        <v>14409</v>
      </c>
      <c r="D23258" t="s">
        <v>14410</v>
      </c>
      <c r="E23258" t="s">
        <v>14307</v>
      </c>
      <c r="F23258" t="s">
        <v>14308</v>
      </c>
      <c r="G23258" t="s">
        <v>10734</v>
      </c>
      <c r="H23258" t="s">
        <v>10735</v>
      </c>
      <c r="I23258" s="2">
        <v>0</v>
      </c>
      <c r="J23258" s="2">
        <v>0</v>
      </c>
      <c r="K23258" s="2">
        <v>1</v>
      </c>
      <c r="L23258" t="s">
        <v>995</v>
      </c>
      <c r="M23258" t="s">
        <v>83</v>
      </c>
      <c r="N23258" t="s">
        <v>84</v>
      </c>
      <c r="O23258" t="s">
        <v>85</v>
      </c>
      <c r="P23258" t="s">
        <v>86</v>
      </c>
      <c r="Q23258">
        <v>13</v>
      </c>
      <c r="R23258">
        <v>14</v>
      </c>
      <c r="S23258">
        <v>14</v>
      </c>
      <c r="T23258">
        <v>15</v>
      </c>
      <c r="U23258">
        <v>15</v>
      </c>
      <c r="V23258">
        <v>15</v>
      </c>
      <c r="W23258">
        <v>16</v>
      </c>
      <c r="X23258">
        <v>16</v>
      </c>
      <c r="Y23258">
        <v>17</v>
      </c>
      <c r="Z23258">
        <v>17</v>
      </c>
      <c r="AA23258">
        <v>18</v>
      </c>
      <c r="AB23258">
        <v>18</v>
      </c>
      <c r="AC23258">
        <v>19</v>
      </c>
      <c r="AD23258">
        <v>19</v>
      </c>
      <c r="AE23258">
        <v>20</v>
      </c>
      <c r="AF23258">
        <v>20</v>
      </c>
      <c r="AG23258">
        <v>21</v>
      </c>
      <c r="AH23258">
        <v>21</v>
      </c>
      <c r="AI23258">
        <v>22</v>
      </c>
      <c r="AJ23258">
        <v>22</v>
      </c>
      <c r="AK23258">
        <v>23</v>
      </c>
      <c r="AL23258">
        <v>23</v>
      </c>
      <c r="AM23258">
        <v>24</v>
      </c>
      <c r="AN23258">
        <v>24</v>
      </c>
      <c r="AO23258">
        <v>25</v>
      </c>
      <c r="AP23258">
        <v>25</v>
      </c>
      <c r="AQ23258">
        <v>25</v>
      </c>
    </row>
    <row r="23259" spans="1:43">
      <c r="A23259" t="s">
        <v>14411</v>
      </c>
      <c r="B23259" t="s">
        <v>14412</v>
      </c>
      <c r="C23259" t="s">
        <v>14409</v>
      </c>
      <c r="D23259" t="s">
        <v>14410</v>
      </c>
      <c r="E23259" t="s">
        <v>14307</v>
      </c>
      <c r="F23259" t="s">
        <v>14308</v>
      </c>
      <c r="G23259" t="s">
        <v>10734</v>
      </c>
      <c r="H23259" t="s">
        <v>10735</v>
      </c>
      <c r="I23259" s="2">
        <v>0</v>
      </c>
      <c r="J23259" s="2">
        <v>0</v>
      </c>
      <c r="K23259" s="2">
        <v>1</v>
      </c>
      <c r="L23259" t="s">
        <v>995</v>
      </c>
      <c r="M23259" t="s">
        <v>87</v>
      </c>
      <c r="N23259" t="s">
        <v>88</v>
      </c>
      <c r="O23259" t="s">
        <v>85</v>
      </c>
      <c r="P23259" t="s">
        <v>86</v>
      </c>
      <c r="Q23259">
        <v>13</v>
      </c>
      <c r="R23259">
        <v>13</v>
      </c>
      <c r="S23259">
        <v>14</v>
      </c>
      <c r="T23259">
        <v>14</v>
      </c>
      <c r="U23259">
        <v>14</v>
      </c>
      <c r="V23259">
        <v>15</v>
      </c>
      <c r="W23259">
        <v>15</v>
      </c>
      <c r="X23259">
        <v>15</v>
      </c>
      <c r="Y23259">
        <v>15</v>
      </c>
      <c r="Z23259">
        <v>16</v>
      </c>
      <c r="AA23259">
        <v>16</v>
      </c>
      <c r="AB23259">
        <v>16</v>
      </c>
      <c r="AC23259">
        <v>17</v>
      </c>
      <c r="AD23259">
        <v>17</v>
      </c>
      <c r="AE23259">
        <v>17</v>
      </c>
      <c r="AF23259">
        <v>18</v>
      </c>
      <c r="AG23259">
        <v>18</v>
      </c>
      <c r="AH23259">
        <v>18</v>
      </c>
      <c r="AI23259">
        <v>19</v>
      </c>
      <c r="AJ23259">
        <v>19</v>
      </c>
      <c r="AK23259">
        <v>20</v>
      </c>
      <c r="AL23259">
        <v>20</v>
      </c>
      <c r="AM23259">
        <v>20</v>
      </c>
      <c r="AN23259">
        <v>21</v>
      </c>
      <c r="AO23259">
        <v>21</v>
      </c>
      <c r="AP23259">
        <v>22</v>
      </c>
      <c r="AQ23259">
        <v>22</v>
      </c>
    </row>
    <row r="23260" spans="1:43">
      <c r="A23260" t="s">
        <v>14411</v>
      </c>
      <c r="B23260" t="s">
        <v>14412</v>
      </c>
      <c r="C23260" t="s">
        <v>14409</v>
      </c>
      <c r="D23260" t="s">
        <v>14410</v>
      </c>
      <c r="E23260" t="s">
        <v>14307</v>
      </c>
      <c r="F23260" t="s">
        <v>14308</v>
      </c>
      <c r="G23260" t="s">
        <v>10734</v>
      </c>
      <c r="H23260" t="s">
        <v>10735</v>
      </c>
      <c r="I23260" s="2">
        <v>0</v>
      </c>
      <c r="J23260" s="2">
        <v>0</v>
      </c>
      <c r="K23260" s="2">
        <v>1</v>
      </c>
      <c r="L23260" t="s">
        <v>995</v>
      </c>
      <c r="M23260" t="s">
        <v>89</v>
      </c>
      <c r="N23260" t="s">
        <v>90</v>
      </c>
      <c r="O23260" t="s">
        <v>85</v>
      </c>
      <c r="P23260" t="s">
        <v>86</v>
      </c>
      <c r="Q23260">
        <v>13</v>
      </c>
      <c r="R23260">
        <v>14</v>
      </c>
      <c r="S23260">
        <v>14</v>
      </c>
      <c r="T23260">
        <v>15</v>
      </c>
      <c r="U23260">
        <v>16</v>
      </c>
      <c r="V23260">
        <v>16</v>
      </c>
      <c r="W23260">
        <v>17</v>
      </c>
      <c r="X23260">
        <v>17</v>
      </c>
      <c r="Y23260">
        <v>18</v>
      </c>
      <c r="Z23260">
        <v>18</v>
      </c>
      <c r="AA23260">
        <v>19</v>
      </c>
      <c r="AB23260">
        <v>19</v>
      </c>
      <c r="AC23260">
        <v>20</v>
      </c>
      <c r="AD23260">
        <v>21</v>
      </c>
      <c r="AE23260">
        <v>21</v>
      </c>
      <c r="AF23260">
        <v>21</v>
      </c>
      <c r="AG23260">
        <v>22</v>
      </c>
      <c r="AH23260">
        <v>22</v>
      </c>
      <c r="AI23260">
        <v>23</v>
      </c>
      <c r="AJ23260">
        <v>23</v>
      </c>
      <c r="AK23260">
        <v>23</v>
      </c>
      <c r="AL23260">
        <v>24</v>
      </c>
      <c r="AM23260">
        <v>24</v>
      </c>
      <c r="AN23260">
        <v>25</v>
      </c>
      <c r="AO23260">
        <v>25</v>
      </c>
      <c r="AP23260">
        <v>25</v>
      </c>
      <c r="AQ23260">
        <v>26</v>
      </c>
    </row>
    <row r="23261" spans="1:43">
      <c r="A23261" t="s">
        <v>14411</v>
      </c>
      <c r="B23261" t="s">
        <v>14412</v>
      </c>
      <c r="C23261" t="s">
        <v>14409</v>
      </c>
      <c r="D23261" t="s">
        <v>14410</v>
      </c>
      <c r="E23261" t="s">
        <v>14307</v>
      </c>
      <c r="F23261" t="s">
        <v>14308</v>
      </c>
      <c r="G23261" t="s">
        <v>10734</v>
      </c>
      <c r="H23261" t="s">
        <v>10735</v>
      </c>
      <c r="I23261" s="2">
        <v>0</v>
      </c>
      <c r="J23261" s="2">
        <v>0</v>
      </c>
      <c r="K23261" s="2">
        <v>1</v>
      </c>
      <c r="L23261" t="s">
        <v>995</v>
      </c>
      <c r="M23261" t="s">
        <v>83</v>
      </c>
      <c r="N23261" t="s">
        <v>91</v>
      </c>
      <c r="O23261" t="s">
        <v>85</v>
      </c>
      <c r="P23261" t="s">
        <v>86</v>
      </c>
      <c r="Q23261">
        <v>13</v>
      </c>
      <c r="R23261">
        <v>14</v>
      </c>
      <c r="S23261">
        <v>14</v>
      </c>
      <c r="T23261">
        <v>15</v>
      </c>
      <c r="U23261">
        <v>15</v>
      </c>
      <c r="V23261">
        <v>15</v>
      </c>
      <c r="W23261">
        <v>16</v>
      </c>
      <c r="X23261">
        <v>16</v>
      </c>
      <c r="Y23261">
        <v>17</v>
      </c>
      <c r="Z23261">
        <v>17</v>
      </c>
      <c r="AA23261">
        <v>18</v>
      </c>
      <c r="AB23261">
        <v>18</v>
      </c>
      <c r="AC23261">
        <v>19</v>
      </c>
      <c r="AD23261">
        <v>19</v>
      </c>
      <c r="AE23261">
        <v>20</v>
      </c>
      <c r="AF23261">
        <v>20</v>
      </c>
      <c r="AG23261">
        <v>21</v>
      </c>
      <c r="AH23261">
        <v>21</v>
      </c>
      <c r="AI23261">
        <v>22</v>
      </c>
      <c r="AJ23261">
        <v>22</v>
      </c>
      <c r="AK23261">
        <v>23</v>
      </c>
      <c r="AL23261">
        <v>23</v>
      </c>
      <c r="AM23261">
        <v>24</v>
      </c>
      <c r="AN23261">
        <v>24</v>
      </c>
      <c r="AO23261">
        <v>25</v>
      </c>
      <c r="AP23261">
        <v>25</v>
      </c>
      <c r="AQ23261">
        <v>25</v>
      </c>
    </row>
    <row r="23262" spans="1:43">
      <c r="A23262" t="s">
        <v>14413</v>
      </c>
      <c r="B23262" t="s">
        <v>14414</v>
      </c>
      <c r="C23262" t="s">
        <v>14409</v>
      </c>
      <c r="D23262" t="s">
        <v>14410</v>
      </c>
      <c r="E23262" t="s">
        <v>14307</v>
      </c>
      <c r="F23262" t="s">
        <v>14308</v>
      </c>
      <c r="G23262" t="s">
        <v>10734</v>
      </c>
      <c r="H23262" t="s">
        <v>10735</v>
      </c>
      <c r="I23262" s="2">
        <v>0</v>
      </c>
      <c r="J23262" s="2">
        <v>0</v>
      </c>
      <c r="K23262" s="2">
        <v>1</v>
      </c>
      <c r="L23262" t="s">
        <v>995</v>
      </c>
      <c r="M23262" t="s">
        <v>83</v>
      </c>
      <c r="N23262" t="s">
        <v>84</v>
      </c>
      <c r="O23262" t="s">
        <v>85</v>
      </c>
      <c r="P23262" t="s">
        <v>86</v>
      </c>
      <c r="Q23262">
        <v>26</v>
      </c>
      <c r="R23262">
        <v>27</v>
      </c>
      <c r="S23262">
        <v>28</v>
      </c>
      <c r="T23262">
        <v>29</v>
      </c>
      <c r="U23262">
        <v>29</v>
      </c>
      <c r="V23262">
        <v>30</v>
      </c>
      <c r="W23262">
        <v>31</v>
      </c>
      <c r="X23262">
        <v>32</v>
      </c>
      <c r="Y23262">
        <v>33</v>
      </c>
      <c r="Z23262">
        <v>34</v>
      </c>
      <c r="AA23262">
        <v>35</v>
      </c>
      <c r="AB23262">
        <v>36</v>
      </c>
      <c r="AC23262">
        <v>37</v>
      </c>
      <c r="AD23262">
        <v>38</v>
      </c>
      <c r="AE23262">
        <v>39</v>
      </c>
      <c r="AF23262">
        <v>40</v>
      </c>
      <c r="AG23262">
        <v>41</v>
      </c>
      <c r="AH23262">
        <v>42</v>
      </c>
      <c r="AI23262">
        <v>43</v>
      </c>
      <c r="AJ23262">
        <v>44</v>
      </c>
      <c r="AK23262">
        <v>45</v>
      </c>
      <c r="AL23262">
        <v>46</v>
      </c>
      <c r="AM23262">
        <v>47</v>
      </c>
      <c r="AN23262">
        <v>48</v>
      </c>
      <c r="AO23262">
        <v>49</v>
      </c>
      <c r="AP23262">
        <v>49</v>
      </c>
      <c r="AQ23262">
        <v>50</v>
      </c>
    </row>
    <row r="23263" spans="1:43">
      <c r="A23263" t="s">
        <v>14413</v>
      </c>
      <c r="B23263" t="s">
        <v>14414</v>
      </c>
      <c r="C23263" t="s">
        <v>14409</v>
      </c>
      <c r="D23263" t="s">
        <v>14410</v>
      </c>
      <c r="E23263" t="s">
        <v>14307</v>
      </c>
      <c r="F23263" t="s">
        <v>14308</v>
      </c>
      <c r="G23263" t="s">
        <v>10734</v>
      </c>
      <c r="H23263" t="s">
        <v>10735</v>
      </c>
      <c r="I23263" s="2">
        <v>0</v>
      </c>
      <c r="J23263" s="2">
        <v>0</v>
      </c>
      <c r="K23263" s="2">
        <v>1</v>
      </c>
      <c r="L23263" t="s">
        <v>995</v>
      </c>
      <c r="M23263" t="s">
        <v>87</v>
      </c>
      <c r="N23263" t="s">
        <v>88</v>
      </c>
      <c r="O23263" t="s">
        <v>85</v>
      </c>
      <c r="P23263" t="s">
        <v>86</v>
      </c>
      <c r="Q23263">
        <v>26</v>
      </c>
      <c r="R23263">
        <v>26</v>
      </c>
      <c r="S23263">
        <v>27</v>
      </c>
      <c r="T23263">
        <v>28</v>
      </c>
      <c r="U23263">
        <v>28</v>
      </c>
      <c r="V23263">
        <v>29</v>
      </c>
      <c r="W23263">
        <v>29</v>
      </c>
      <c r="X23263">
        <v>30</v>
      </c>
      <c r="Y23263">
        <v>30</v>
      </c>
      <c r="Z23263">
        <v>31</v>
      </c>
      <c r="AA23263">
        <v>32</v>
      </c>
      <c r="AB23263">
        <v>32</v>
      </c>
      <c r="AC23263">
        <v>33</v>
      </c>
      <c r="AD23263">
        <v>34</v>
      </c>
      <c r="AE23263">
        <v>34</v>
      </c>
      <c r="AF23263">
        <v>35</v>
      </c>
      <c r="AG23263">
        <v>36</v>
      </c>
      <c r="AH23263">
        <v>36</v>
      </c>
      <c r="AI23263">
        <v>37</v>
      </c>
      <c r="AJ23263">
        <v>38</v>
      </c>
      <c r="AK23263">
        <v>39</v>
      </c>
      <c r="AL23263">
        <v>39</v>
      </c>
      <c r="AM23263">
        <v>40</v>
      </c>
      <c r="AN23263">
        <v>41</v>
      </c>
      <c r="AO23263">
        <v>42</v>
      </c>
      <c r="AP23263">
        <v>43</v>
      </c>
      <c r="AQ23263">
        <v>43</v>
      </c>
    </row>
    <row r="23264" spans="1:43">
      <c r="A23264" t="s">
        <v>14413</v>
      </c>
      <c r="B23264" t="s">
        <v>14414</v>
      </c>
      <c r="C23264" t="s">
        <v>14409</v>
      </c>
      <c r="D23264" t="s">
        <v>14410</v>
      </c>
      <c r="E23264" t="s">
        <v>14307</v>
      </c>
      <c r="F23264" t="s">
        <v>14308</v>
      </c>
      <c r="G23264" t="s">
        <v>10734</v>
      </c>
      <c r="H23264" t="s">
        <v>10735</v>
      </c>
      <c r="I23264" s="2">
        <v>0</v>
      </c>
      <c r="J23264" s="2">
        <v>0</v>
      </c>
      <c r="K23264" s="2">
        <v>1</v>
      </c>
      <c r="L23264" t="s">
        <v>995</v>
      </c>
      <c r="M23264" t="s">
        <v>89</v>
      </c>
      <c r="N23264" t="s">
        <v>90</v>
      </c>
      <c r="O23264" t="s">
        <v>85</v>
      </c>
      <c r="P23264" t="s">
        <v>86</v>
      </c>
      <c r="Q23264">
        <v>26</v>
      </c>
      <c r="R23264">
        <v>27</v>
      </c>
      <c r="S23264">
        <v>28</v>
      </c>
      <c r="T23264">
        <v>30</v>
      </c>
      <c r="U23264">
        <v>31</v>
      </c>
      <c r="V23264">
        <v>32</v>
      </c>
      <c r="W23264">
        <v>33</v>
      </c>
      <c r="X23264">
        <v>34</v>
      </c>
      <c r="Y23264">
        <v>35</v>
      </c>
      <c r="Z23264">
        <v>36</v>
      </c>
      <c r="AA23264">
        <v>37</v>
      </c>
      <c r="AB23264">
        <v>38</v>
      </c>
      <c r="AC23264">
        <v>39</v>
      </c>
      <c r="AD23264">
        <v>41</v>
      </c>
      <c r="AE23264">
        <v>42</v>
      </c>
      <c r="AF23264">
        <v>42</v>
      </c>
      <c r="AG23264">
        <v>43</v>
      </c>
      <c r="AH23264">
        <v>44</v>
      </c>
      <c r="AI23264">
        <v>44</v>
      </c>
      <c r="AJ23264">
        <v>45</v>
      </c>
      <c r="AK23264">
        <v>46</v>
      </c>
      <c r="AL23264">
        <v>47</v>
      </c>
      <c r="AM23264">
        <v>47</v>
      </c>
      <c r="AN23264">
        <v>48</v>
      </c>
      <c r="AO23264">
        <v>49</v>
      </c>
      <c r="AP23264">
        <v>50</v>
      </c>
      <c r="AQ23264">
        <v>51</v>
      </c>
    </row>
    <row r="23265" spans="1:43">
      <c r="A23265" t="s">
        <v>14413</v>
      </c>
      <c r="B23265" t="s">
        <v>14414</v>
      </c>
      <c r="C23265" t="s">
        <v>14409</v>
      </c>
      <c r="D23265" t="s">
        <v>14410</v>
      </c>
      <c r="E23265" t="s">
        <v>14307</v>
      </c>
      <c r="F23265" t="s">
        <v>14308</v>
      </c>
      <c r="G23265" t="s">
        <v>10734</v>
      </c>
      <c r="H23265" t="s">
        <v>10735</v>
      </c>
      <c r="I23265" s="2">
        <v>0</v>
      </c>
      <c r="J23265" s="2">
        <v>0</v>
      </c>
      <c r="K23265" s="2">
        <v>1</v>
      </c>
      <c r="L23265" t="s">
        <v>995</v>
      </c>
      <c r="M23265" t="s">
        <v>83</v>
      </c>
      <c r="N23265" t="s">
        <v>91</v>
      </c>
      <c r="O23265" t="s">
        <v>85</v>
      </c>
      <c r="P23265" t="s">
        <v>86</v>
      </c>
      <c r="Q23265">
        <v>26</v>
      </c>
      <c r="R23265">
        <v>27</v>
      </c>
      <c r="S23265">
        <v>28</v>
      </c>
      <c r="T23265">
        <v>29</v>
      </c>
      <c r="U23265">
        <v>29</v>
      </c>
      <c r="V23265">
        <v>30</v>
      </c>
      <c r="W23265">
        <v>31</v>
      </c>
      <c r="X23265">
        <v>32</v>
      </c>
      <c r="Y23265">
        <v>33</v>
      </c>
      <c r="Z23265">
        <v>34</v>
      </c>
      <c r="AA23265">
        <v>35</v>
      </c>
      <c r="AB23265">
        <v>36</v>
      </c>
      <c r="AC23265">
        <v>37</v>
      </c>
      <c r="AD23265">
        <v>38</v>
      </c>
      <c r="AE23265">
        <v>39</v>
      </c>
      <c r="AF23265">
        <v>40</v>
      </c>
      <c r="AG23265">
        <v>41</v>
      </c>
      <c r="AH23265">
        <v>42</v>
      </c>
      <c r="AI23265">
        <v>43</v>
      </c>
      <c r="AJ23265">
        <v>44</v>
      </c>
      <c r="AK23265">
        <v>45</v>
      </c>
      <c r="AL23265">
        <v>46</v>
      </c>
      <c r="AM23265">
        <v>47</v>
      </c>
      <c r="AN23265">
        <v>48</v>
      </c>
      <c r="AO23265">
        <v>49</v>
      </c>
      <c r="AP23265">
        <v>49</v>
      </c>
      <c r="AQ23265">
        <v>50</v>
      </c>
    </row>
    <row r="23266" spans="1:43">
      <c r="A23266" t="s">
        <v>14415</v>
      </c>
      <c r="B23266" t="s">
        <v>14416</v>
      </c>
      <c r="C23266" t="s">
        <v>14409</v>
      </c>
      <c r="D23266" t="s">
        <v>14410</v>
      </c>
      <c r="E23266" t="s">
        <v>14307</v>
      </c>
      <c r="F23266" t="s">
        <v>14308</v>
      </c>
      <c r="G23266" t="s">
        <v>10734</v>
      </c>
      <c r="H23266" t="s">
        <v>10735</v>
      </c>
      <c r="I23266" s="2">
        <v>0</v>
      </c>
      <c r="J23266" s="2">
        <v>0</v>
      </c>
      <c r="K23266" s="2">
        <v>1</v>
      </c>
      <c r="L23266" t="s">
        <v>995</v>
      </c>
      <c r="M23266" t="s">
        <v>83</v>
      </c>
      <c r="N23266" t="s">
        <v>84</v>
      </c>
      <c r="O23266" t="s">
        <v>85</v>
      </c>
      <c r="P23266" t="s">
        <v>86</v>
      </c>
      <c r="Q23266">
        <v>72</v>
      </c>
      <c r="R23266">
        <v>74</v>
      </c>
      <c r="S23266">
        <v>77</v>
      </c>
      <c r="T23266">
        <v>79</v>
      </c>
      <c r="U23266">
        <v>81</v>
      </c>
      <c r="V23266">
        <v>83</v>
      </c>
      <c r="W23266">
        <v>86</v>
      </c>
      <c r="X23266">
        <v>88</v>
      </c>
      <c r="Y23266">
        <v>91</v>
      </c>
      <c r="Z23266">
        <v>93</v>
      </c>
      <c r="AA23266">
        <v>96</v>
      </c>
      <c r="AB23266">
        <v>99</v>
      </c>
      <c r="AC23266">
        <v>101</v>
      </c>
      <c r="AD23266">
        <v>104</v>
      </c>
      <c r="AE23266">
        <v>107</v>
      </c>
      <c r="AF23266">
        <v>110</v>
      </c>
      <c r="AG23266">
        <v>113</v>
      </c>
      <c r="AH23266">
        <v>116</v>
      </c>
      <c r="AI23266">
        <v>119</v>
      </c>
      <c r="AJ23266">
        <v>122</v>
      </c>
      <c r="AK23266">
        <v>125</v>
      </c>
      <c r="AL23266">
        <v>127</v>
      </c>
      <c r="AM23266">
        <v>130</v>
      </c>
      <c r="AN23266">
        <v>132</v>
      </c>
      <c r="AO23266">
        <v>134</v>
      </c>
      <c r="AP23266">
        <v>136</v>
      </c>
      <c r="AQ23266">
        <v>139</v>
      </c>
    </row>
    <row r="23267" spans="1:43">
      <c r="A23267" t="s">
        <v>14415</v>
      </c>
      <c r="B23267" t="s">
        <v>14416</v>
      </c>
      <c r="C23267" t="s">
        <v>14409</v>
      </c>
      <c r="D23267" t="s">
        <v>14410</v>
      </c>
      <c r="E23267" t="s">
        <v>14307</v>
      </c>
      <c r="F23267" t="s">
        <v>14308</v>
      </c>
      <c r="G23267" t="s">
        <v>10734</v>
      </c>
      <c r="H23267" t="s">
        <v>10735</v>
      </c>
      <c r="I23267" s="2">
        <v>0</v>
      </c>
      <c r="J23267" s="2">
        <v>0</v>
      </c>
      <c r="K23267" s="2">
        <v>1</v>
      </c>
      <c r="L23267" t="s">
        <v>995</v>
      </c>
      <c r="M23267" t="s">
        <v>87</v>
      </c>
      <c r="N23267" t="s">
        <v>88</v>
      </c>
      <c r="O23267" t="s">
        <v>85</v>
      </c>
      <c r="P23267" t="s">
        <v>86</v>
      </c>
      <c r="Q23267">
        <v>72</v>
      </c>
      <c r="R23267">
        <v>74</v>
      </c>
      <c r="S23267">
        <v>75</v>
      </c>
      <c r="T23267">
        <v>77</v>
      </c>
      <c r="U23267">
        <v>79</v>
      </c>
      <c r="V23267">
        <v>80</v>
      </c>
      <c r="W23267">
        <v>82</v>
      </c>
      <c r="X23267">
        <v>83</v>
      </c>
      <c r="Y23267">
        <v>85</v>
      </c>
      <c r="Z23267">
        <v>87</v>
      </c>
      <c r="AA23267">
        <v>88</v>
      </c>
      <c r="AB23267">
        <v>90</v>
      </c>
      <c r="AC23267">
        <v>92</v>
      </c>
      <c r="AD23267">
        <v>94</v>
      </c>
      <c r="AE23267">
        <v>96</v>
      </c>
      <c r="AF23267">
        <v>98</v>
      </c>
      <c r="AG23267">
        <v>100</v>
      </c>
      <c r="AH23267">
        <v>102</v>
      </c>
      <c r="AI23267">
        <v>104</v>
      </c>
      <c r="AJ23267">
        <v>106</v>
      </c>
      <c r="AK23267">
        <v>108</v>
      </c>
      <c r="AL23267">
        <v>110</v>
      </c>
      <c r="AM23267">
        <v>112</v>
      </c>
      <c r="AN23267">
        <v>114</v>
      </c>
      <c r="AO23267">
        <v>116</v>
      </c>
      <c r="AP23267">
        <v>119</v>
      </c>
      <c r="AQ23267">
        <v>121</v>
      </c>
    </row>
    <row r="23268" spans="1:43">
      <c r="A23268" t="s">
        <v>14415</v>
      </c>
      <c r="B23268" t="s">
        <v>14416</v>
      </c>
      <c r="C23268" t="s">
        <v>14409</v>
      </c>
      <c r="D23268" t="s">
        <v>14410</v>
      </c>
      <c r="E23268" t="s">
        <v>14307</v>
      </c>
      <c r="F23268" t="s">
        <v>14308</v>
      </c>
      <c r="G23268" t="s">
        <v>10734</v>
      </c>
      <c r="H23268" t="s">
        <v>10735</v>
      </c>
      <c r="I23268" s="2">
        <v>0</v>
      </c>
      <c r="J23268" s="2">
        <v>0</v>
      </c>
      <c r="K23268" s="2">
        <v>1</v>
      </c>
      <c r="L23268" t="s">
        <v>995</v>
      </c>
      <c r="M23268" t="s">
        <v>89</v>
      </c>
      <c r="N23268" t="s">
        <v>90</v>
      </c>
      <c r="O23268" t="s">
        <v>85</v>
      </c>
      <c r="P23268" t="s">
        <v>86</v>
      </c>
      <c r="Q23268">
        <v>72</v>
      </c>
      <c r="R23268">
        <v>75</v>
      </c>
      <c r="S23268">
        <v>78</v>
      </c>
      <c r="T23268">
        <v>80</v>
      </c>
      <c r="U23268">
        <v>83</v>
      </c>
      <c r="V23268">
        <v>86</v>
      </c>
      <c r="W23268">
        <v>89</v>
      </c>
      <c r="X23268">
        <v>92</v>
      </c>
      <c r="Y23268">
        <v>95</v>
      </c>
      <c r="Z23268">
        <v>98</v>
      </c>
      <c r="AA23268">
        <v>101</v>
      </c>
      <c r="AB23268">
        <v>104</v>
      </c>
      <c r="AC23268">
        <v>108</v>
      </c>
      <c r="AD23268">
        <v>111</v>
      </c>
      <c r="AE23268">
        <v>114</v>
      </c>
      <c r="AF23268">
        <v>116</v>
      </c>
      <c r="AG23268">
        <v>118</v>
      </c>
      <c r="AH23268">
        <v>120</v>
      </c>
      <c r="AI23268">
        <v>122</v>
      </c>
      <c r="AJ23268">
        <v>124</v>
      </c>
      <c r="AK23268">
        <v>126</v>
      </c>
      <c r="AL23268">
        <v>128</v>
      </c>
      <c r="AM23268">
        <v>130</v>
      </c>
      <c r="AN23268">
        <v>132</v>
      </c>
      <c r="AO23268">
        <v>134</v>
      </c>
      <c r="AP23268">
        <v>137</v>
      </c>
      <c r="AQ23268">
        <v>139</v>
      </c>
    </row>
    <row r="23269" spans="1:43">
      <c r="A23269" t="s">
        <v>14415</v>
      </c>
      <c r="B23269" t="s">
        <v>14416</v>
      </c>
      <c r="C23269" t="s">
        <v>14409</v>
      </c>
      <c r="D23269" t="s">
        <v>14410</v>
      </c>
      <c r="E23269" t="s">
        <v>14307</v>
      </c>
      <c r="F23269" t="s">
        <v>14308</v>
      </c>
      <c r="G23269" t="s">
        <v>10734</v>
      </c>
      <c r="H23269" t="s">
        <v>10735</v>
      </c>
      <c r="I23269" s="2">
        <v>0</v>
      </c>
      <c r="J23269" s="2">
        <v>0</v>
      </c>
      <c r="K23269" s="2">
        <v>1</v>
      </c>
      <c r="L23269" t="s">
        <v>995</v>
      </c>
      <c r="M23269" t="s">
        <v>83</v>
      </c>
      <c r="N23269" t="s">
        <v>91</v>
      </c>
      <c r="O23269" t="s">
        <v>85</v>
      </c>
      <c r="P23269" t="s">
        <v>86</v>
      </c>
      <c r="Q23269">
        <v>72</v>
      </c>
      <c r="R23269">
        <v>74</v>
      </c>
      <c r="S23269">
        <v>77</v>
      </c>
      <c r="T23269">
        <v>79</v>
      </c>
      <c r="U23269">
        <v>81</v>
      </c>
      <c r="V23269">
        <v>83</v>
      </c>
      <c r="W23269">
        <v>86</v>
      </c>
      <c r="X23269">
        <v>88</v>
      </c>
      <c r="Y23269">
        <v>91</v>
      </c>
      <c r="Z23269">
        <v>93</v>
      </c>
      <c r="AA23269">
        <v>96</v>
      </c>
      <c r="AB23269">
        <v>99</v>
      </c>
      <c r="AC23269">
        <v>101</v>
      </c>
      <c r="AD23269">
        <v>104</v>
      </c>
      <c r="AE23269">
        <v>107</v>
      </c>
      <c r="AF23269">
        <v>110</v>
      </c>
      <c r="AG23269">
        <v>113</v>
      </c>
      <c r="AH23269">
        <v>116</v>
      </c>
      <c r="AI23269">
        <v>119</v>
      </c>
      <c r="AJ23269">
        <v>122</v>
      </c>
      <c r="AK23269">
        <v>125</v>
      </c>
      <c r="AL23269">
        <v>127</v>
      </c>
      <c r="AM23269">
        <v>130</v>
      </c>
      <c r="AN23269">
        <v>132</v>
      </c>
      <c r="AO23269">
        <v>134</v>
      </c>
      <c r="AP23269">
        <v>136</v>
      </c>
      <c r="AQ23269">
        <v>139</v>
      </c>
    </row>
    <row r="23270" spans="1:43">
      <c r="A23270" t="s">
        <v>14417</v>
      </c>
      <c r="B23270" t="s">
        <v>14418</v>
      </c>
      <c r="C23270" t="s">
        <v>14403</v>
      </c>
      <c r="D23270" t="s">
        <v>14404</v>
      </c>
      <c r="E23270" t="s">
        <v>14307</v>
      </c>
      <c r="F23270" t="s">
        <v>14308</v>
      </c>
      <c r="G23270" t="s">
        <v>10734</v>
      </c>
      <c r="H23270" t="s">
        <v>10735</v>
      </c>
      <c r="I23270" s="2">
        <v>0</v>
      </c>
      <c r="J23270" s="2">
        <v>0</v>
      </c>
      <c r="K23270" s="2">
        <v>1</v>
      </c>
      <c r="L23270" t="s">
        <v>995</v>
      </c>
      <c r="M23270" t="s">
        <v>83</v>
      </c>
      <c r="N23270" t="s">
        <v>84</v>
      </c>
      <c r="O23270" t="s">
        <v>85</v>
      </c>
      <c r="P23270" t="s">
        <v>86</v>
      </c>
      <c r="Q23270">
        <v>45</v>
      </c>
      <c r="R23270">
        <v>47</v>
      </c>
      <c r="S23270">
        <v>48</v>
      </c>
      <c r="T23270">
        <v>49</v>
      </c>
      <c r="U23270">
        <v>51</v>
      </c>
      <c r="V23270">
        <v>52</v>
      </c>
      <c r="W23270">
        <v>53</v>
      </c>
      <c r="X23270">
        <v>55</v>
      </c>
      <c r="Y23270">
        <v>56</v>
      </c>
      <c r="Z23270">
        <v>58</v>
      </c>
      <c r="AA23270">
        <v>59</v>
      </c>
      <c r="AB23270">
        <v>61</v>
      </c>
      <c r="AC23270">
        <v>62</v>
      </c>
      <c r="AD23270">
        <v>64</v>
      </c>
      <c r="AE23270">
        <v>65</v>
      </c>
      <c r="AF23270">
        <v>67</v>
      </c>
      <c r="AG23270">
        <v>68</v>
      </c>
      <c r="AH23270">
        <v>70</v>
      </c>
      <c r="AI23270">
        <v>72</v>
      </c>
      <c r="AJ23270">
        <v>73</v>
      </c>
      <c r="AK23270">
        <v>75</v>
      </c>
      <c r="AL23270">
        <v>76</v>
      </c>
      <c r="AM23270">
        <v>78</v>
      </c>
      <c r="AN23270">
        <v>79</v>
      </c>
      <c r="AO23270">
        <v>80</v>
      </c>
      <c r="AP23270">
        <v>81</v>
      </c>
      <c r="AQ23270">
        <v>82</v>
      </c>
    </row>
    <row r="23271" spans="1:43">
      <c r="A23271" t="s">
        <v>14417</v>
      </c>
      <c r="B23271" t="s">
        <v>14418</v>
      </c>
      <c r="C23271" t="s">
        <v>14403</v>
      </c>
      <c r="D23271" t="s">
        <v>14404</v>
      </c>
      <c r="E23271" t="s">
        <v>14307</v>
      </c>
      <c r="F23271" t="s">
        <v>14308</v>
      </c>
      <c r="G23271" t="s">
        <v>10734</v>
      </c>
      <c r="H23271" t="s">
        <v>10735</v>
      </c>
      <c r="I23271" s="2">
        <v>0</v>
      </c>
      <c r="J23271" s="2">
        <v>0</v>
      </c>
      <c r="K23271" s="2">
        <v>1</v>
      </c>
      <c r="L23271" t="s">
        <v>995</v>
      </c>
      <c r="M23271" t="s">
        <v>87</v>
      </c>
      <c r="N23271" t="s">
        <v>88</v>
      </c>
      <c r="O23271" t="s">
        <v>85</v>
      </c>
      <c r="P23271" t="s">
        <v>86</v>
      </c>
      <c r="Q23271">
        <v>45</v>
      </c>
      <c r="R23271">
        <v>46</v>
      </c>
      <c r="S23271">
        <v>47</v>
      </c>
      <c r="T23271">
        <v>48</v>
      </c>
      <c r="U23271">
        <v>48</v>
      </c>
      <c r="V23271">
        <v>49</v>
      </c>
      <c r="W23271">
        <v>50</v>
      </c>
      <c r="X23271">
        <v>51</v>
      </c>
      <c r="Y23271">
        <v>52</v>
      </c>
      <c r="Z23271">
        <v>53</v>
      </c>
      <c r="AA23271">
        <v>54</v>
      </c>
      <c r="AB23271">
        <v>55</v>
      </c>
      <c r="AC23271">
        <v>56</v>
      </c>
      <c r="AD23271">
        <v>57</v>
      </c>
      <c r="AE23271">
        <v>58</v>
      </c>
      <c r="AF23271">
        <v>59</v>
      </c>
      <c r="AG23271">
        <v>60</v>
      </c>
      <c r="AH23271">
        <v>61</v>
      </c>
      <c r="AI23271">
        <v>62</v>
      </c>
      <c r="AJ23271">
        <v>63</v>
      </c>
      <c r="AK23271">
        <v>64</v>
      </c>
      <c r="AL23271">
        <v>66</v>
      </c>
      <c r="AM23271">
        <v>67</v>
      </c>
      <c r="AN23271">
        <v>68</v>
      </c>
      <c r="AO23271">
        <v>69</v>
      </c>
      <c r="AP23271">
        <v>70</v>
      </c>
      <c r="AQ23271">
        <v>72</v>
      </c>
    </row>
    <row r="23272" spans="1:43">
      <c r="A23272" t="s">
        <v>14417</v>
      </c>
      <c r="B23272" t="s">
        <v>14418</v>
      </c>
      <c r="C23272" t="s">
        <v>14403</v>
      </c>
      <c r="D23272" t="s">
        <v>14404</v>
      </c>
      <c r="E23272" t="s">
        <v>14307</v>
      </c>
      <c r="F23272" t="s">
        <v>14308</v>
      </c>
      <c r="G23272" t="s">
        <v>10734</v>
      </c>
      <c r="H23272" t="s">
        <v>10735</v>
      </c>
      <c r="I23272" s="2">
        <v>0</v>
      </c>
      <c r="J23272" s="2">
        <v>0</v>
      </c>
      <c r="K23272" s="2">
        <v>1</v>
      </c>
      <c r="L23272" t="s">
        <v>995</v>
      </c>
      <c r="M23272" t="s">
        <v>89</v>
      </c>
      <c r="N23272" t="s">
        <v>90</v>
      </c>
      <c r="O23272" t="s">
        <v>85</v>
      </c>
      <c r="P23272" t="s">
        <v>86</v>
      </c>
      <c r="Q23272">
        <v>45</v>
      </c>
      <c r="R23272">
        <v>47</v>
      </c>
      <c r="S23272">
        <v>48</v>
      </c>
      <c r="T23272">
        <v>50</v>
      </c>
      <c r="U23272">
        <v>52</v>
      </c>
      <c r="V23272">
        <v>53</v>
      </c>
      <c r="W23272">
        <v>55</v>
      </c>
      <c r="X23272">
        <v>57</v>
      </c>
      <c r="Y23272">
        <v>58</v>
      </c>
      <c r="Z23272">
        <v>60</v>
      </c>
      <c r="AA23272">
        <v>62</v>
      </c>
      <c r="AB23272">
        <v>63</v>
      </c>
      <c r="AC23272">
        <v>65</v>
      </c>
      <c r="AD23272">
        <v>67</v>
      </c>
      <c r="AE23272">
        <v>69</v>
      </c>
      <c r="AF23272">
        <v>70</v>
      </c>
      <c r="AG23272">
        <v>71</v>
      </c>
      <c r="AH23272">
        <v>72</v>
      </c>
      <c r="AI23272">
        <v>73</v>
      </c>
      <c r="AJ23272">
        <v>74</v>
      </c>
      <c r="AK23272">
        <v>75</v>
      </c>
      <c r="AL23272">
        <v>76</v>
      </c>
      <c r="AM23272">
        <v>77</v>
      </c>
      <c r="AN23272">
        <v>79</v>
      </c>
      <c r="AO23272">
        <v>80</v>
      </c>
      <c r="AP23272">
        <v>81</v>
      </c>
      <c r="AQ23272">
        <v>82</v>
      </c>
    </row>
    <row r="23273" spans="1:43">
      <c r="A23273" t="s">
        <v>14417</v>
      </c>
      <c r="B23273" t="s">
        <v>14418</v>
      </c>
      <c r="C23273" t="s">
        <v>14403</v>
      </c>
      <c r="D23273" t="s">
        <v>14404</v>
      </c>
      <c r="E23273" t="s">
        <v>14307</v>
      </c>
      <c r="F23273" t="s">
        <v>14308</v>
      </c>
      <c r="G23273" t="s">
        <v>10734</v>
      </c>
      <c r="H23273" t="s">
        <v>10735</v>
      </c>
      <c r="I23273" s="2">
        <v>0</v>
      </c>
      <c r="J23273" s="2">
        <v>0</v>
      </c>
      <c r="K23273" s="2">
        <v>1</v>
      </c>
      <c r="L23273" t="s">
        <v>995</v>
      </c>
      <c r="M23273" t="s">
        <v>83</v>
      </c>
      <c r="N23273" t="s">
        <v>91</v>
      </c>
      <c r="O23273" t="s">
        <v>85</v>
      </c>
      <c r="P23273" t="s">
        <v>86</v>
      </c>
      <c r="Q23273">
        <v>45</v>
      </c>
      <c r="R23273">
        <v>47</v>
      </c>
      <c r="S23273">
        <v>48</v>
      </c>
      <c r="T23273">
        <v>49</v>
      </c>
      <c r="U23273">
        <v>51</v>
      </c>
      <c r="V23273">
        <v>52</v>
      </c>
      <c r="W23273">
        <v>53</v>
      </c>
      <c r="X23273">
        <v>55</v>
      </c>
      <c r="Y23273">
        <v>56</v>
      </c>
      <c r="Z23273">
        <v>58</v>
      </c>
      <c r="AA23273">
        <v>59</v>
      </c>
      <c r="AB23273">
        <v>61</v>
      </c>
      <c r="AC23273">
        <v>62</v>
      </c>
      <c r="AD23273">
        <v>64</v>
      </c>
      <c r="AE23273">
        <v>65</v>
      </c>
      <c r="AF23273">
        <v>67</v>
      </c>
      <c r="AG23273">
        <v>68</v>
      </c>
      <c r="AH23273">
        <v>70</v>
      </c>
      <c r="AI23273">
        <v>72</v>
      </c>
      <c r="AJ23273">
        <v>73</v>
      </c>
      <c r="AK23273">
        <v>75</v>
      </c>
      <c r="AL23273">
        <v>76</v>
      </c>
      <c r="AM23273">
        <v>78</v>
      </c>
      <c r="AN23273">
        <v>79</v>
      </c>
      <c r="AO23273">
        <v>80</v>
      </c>
      <c r="AP23273">
        <v>81</v>
      </c>
      <c r="AQ23273">
        <v>82</v>
      </c>
    </row>
    <row r="23274" spans="1:43">
      <c r="A23274" t="s">
        <v>14419</v>
      </c>
      <c r="B23274" t="s">
        <v>14420</v>
      </c>
      <c r="C23274" t="s">
        <v>14403</v>
      </c>
      <c r="D23274" t="s">
        <v>14404</v>
      </c>
      <c r="E23274" t="s">
        <v>14307</v>
      </c>
      <c r="F23274" t="s">
        <v>14308</v>
      </c>
      <c r="G23274" t="s">
        <v>10734</v>
      </c>
      <c r="H23274" t="s">
        <v>10735</v>
      </c>
      <c r="I23274" s="2">
        <v>0</v>
      </c>
      <c r="J23274" s="2">
        <v>0</v>
      </c>
      <c r="K23274" s="2">
        <v>1</v>
      </c>
      <c r="L23274" t="s">
        <v>995</v>
      </c>
      <c r="M23274" t="s">
        <v>83</v>
      </c>
      <c r="N23274" t="s">
        <v>84</v>
      </c>
      <c r="O23274" t="s">
        <v>85</v>
      </c>
      <c r="P23274" t="s">
        <v>86</v>
      </c>
      <c r="Q23274">
        <v>34</v>
      </c>
      <c r="R23274">
        <v>35</v>
      </c>
      <c r="S23274">
        <v>36</v>
      </c>
      <c r="T23274">
        <v>38</v>
      </c>
      <c r="U23274">
        <v>39</v>
      </c>
      <c r="V23274">
        <v>40</v>
      </c>
      <c r="W23274">
        <v>41</v>
      </c>
      <c r="X23274">
        <v>42</v>
      </c>
      <c r="Y23274">
        <v>43</v>
      </c>
      <c r="Z23274">
        <v>45</v>
      </c>
      <c r="AA23274">
        <v>46</v>
      </c>
      <c r="AB23274">
        <v>47</v>
      </c>
      <c r="AC23274">
        <v>48</v>
      </c>
      <c r="AD23274">
        <v>50</v>
      </c>
      <c r="AE23274">
        <v>51</v>
      </c>
      <c r="AF23274">
        <v>52</v>
      </c>
      <c r="AG23274">
        <v>53</v>
      </c>
      <c r="AH23274">
        <v>55</v>
      </c>
      <c r="AI23274">
        <v>56</v>
      </c>
      <c r="AJ23274">
        <v>57</v>
      </c>
      <c r="AK23274">
        <v>59</v>
      </c>
      <c r="AL23274">
        <v>60</v>
      </c>
      <c r="AM23274">
        <v>61</v>
      </c>
      <c r="AN23274">
        <v>62</v>
      </c>
      <c r="AO23274">
        <v>63</v>
      </c>
      <c r="AP23274">
        <v>64</v>
      </c>
      <c r="AQ23274">
        <v>65</v>
      </c>
    </row>
    <row r="23275" spans="1:43">
      <c r="A23275" t="s">
        <v>14419</v>
      </c>
      <c r="B23275" t="s">
        <v>14420</v>
      </c>
      <c r="C23275" t="s">
        <v>14403</v>
      </c>
      <c r="D23275" t="s">
        <v>14404</v>
      </c>
      <c r="E23275" t="s">
        <v>14307</v>
      </c>
      <c r="F23275" t="s">
        <v>14308</v>
      </c>
      <c r="G23275" t="s">
        <v>10734</v>
      </c>
      <c r="H23275" t="s">
        <v>10735</v>
      </c>
      <c r="I23275" s="2">
        <v>0</v>
      </c>
      <c r="J23275" s="2">
        <v>0</v>
      </c>
      <c r="K23275" s="2">
        <v>1</v>
      </c>
      <c r="L23275" t="s">
        <v>995</v>
      </c>
      <c r="M23275" t="s">
        <v>87</v>
      </c>
      <c r="N23275" t="s">
        <v>88</v>
      </c>
      <c r="O23275" t="s">
        <v>85</v>
      </c>
      <c r="P23275" t="s">
        <v>86</v>
      </c>
      <c r="Q23275">
        <v>34</v>
      </c>
      <c r="R23275">
        <v>35</v>
      </c>
      <c r="S23275">
        <v>35</v>
      </c>
      <c r="T23275">
        <v>36</v>
      </c>
      <c r="U23275">
        <v>37</v>
      </c>
      <c r="V23275">
        <v>38</v>
      </c>
      <c r="W23275">
        <v>38</v>
      </c>
      <c r="X23275">
        <v>39</v>
      </c>
      <c r="Y23275">
        <v>40</v>
      </c>
      <c r="Z23275">
        <v>41</v>
      </c>
      <c r="AA23275">
        <v>42</v>
      </c>
      <c r="AB23275">
        <v>43</v>
      </c>
      <c r="AC23275">
        <v>43</v>
      </c>
      <c r="AD23275">
        <v>44</v>
      </c>
      <c r="AE23275">
        <v>45</v>
      </c>
      <c r="AF23275">
        <v>46</v>
      </c>
      <c r="AG23275">
        <v>47</v>
      </c>
      <c r="AH23275">
        <v>48</v>
      </c>
      <c r="AI23275">
        <v>49</v>
      </c>
      <c r="AJ23275">
        <v>50</v>
      </c>
      <c r="AK23275">
        <v>51</v>
      </c>
      <c r="AL23275">
        <v>52</v>
      </c>
      <c r="AM23275">
        <v>53</v>
      </c>
      <c r="AN23275">
        <v>54</v>
      </c>
      <c r="AO23275">
        <v>55</v>
      </c>
      <c r="AP23275">
        <v>57</v>
      </c>
      <c r="AQ23275">
        <v>58</v>
      </c>
    </row>
    <row r="23276" spans="1:43">
      <c r="A23276" t="s">
        <v>14419</v>
      </c>
      <c r="B23276" t="s">
        <v>14420</v>
      </c>
      <c r="C23276" t="s">
        <v>14403</v>
      </c>
      <c r="D23276" t="s">
        <v>14404</v>
      </c>
      <c r="E23276" t="s">
        <v>14307</v>
      </c>
      <c r="F23276" t="s">
        <v>14308</v>
      </c>
      <c r="G23276" t="s">
        <v>10734</v>
      </c>
      <c r="H23276" t="s">
        <v>10735</v>
      </c>
      <c r="I23276" s="2">
        <v>0</v>
      </c>
      <c r="J23276" s="2">
        <v>0</v>
      </c>
      <c r="K23276" s="2">
        <v>1</v>
      </c>
      <c r="L23276" t="s">
        <v>995</v>
      </c>
      <c r="M23276" t="s">
        <v>89</v>
      </c>
      <c r="N23276" t="s">
        <v>90</v>
      </c>
      <c r="O23276" t="s">
        <v>85</v>
      </c>
      <c r="P23276" t="s">
        <v>86</v>
      </c>
      <c r="Q23276">
        <v>34</v>
      </c>
      <c r="R23276">
        <v>35</v>
      </c>
      <c r="S23276">
        <v>36</v>
      </c>
      <c r="T23276">
        <v>38</v>
      </c>
      <c r="U23276">
        <v>39</v>
      </c>
      <c r="V23276">
        <v>41</v>
      </c>
      <c r="W23276">
        <v>42</v>
      </c>
      <c r="X23276">
        <v>43</v>
      </c>
      <c r="Y23276">
        <v>45</v>
      </c>
      <c r="Z23276">
        <v>46</v>
      </c>
      <c r="AA23276">
        <v>47</v>
      </c>
      <c r="AB23276">
        <v>49</v>
      </c>
      <c r="AC23276">
        <v>50</v>
      </c>
      <c r="AD23276">
        <v>52</v>
      </c>
      <c r="AE23276">
        <v>53</v>
      </c>
      <c r="AF23276">
        <v>54</v>
      </c>
      <c r="AG23276">
        <v>55</v>
      </c>
      <c r="AH23276">
        <v>56</v>
      </c>
      <c r="AI23276">
        <v>57</v>
      </c>
      <c r="AJ23276">
        <v>58</v>
      </c>
      <c r="AK23276">
        <v>59</v>
      </c>
      <c r="AL23276">
        <v>60</v>
      </c>
      <c r="AM23276">
        <v>61</v>
      </c>
      <c r="AN23276">
        <v>62</v>
      </c>
      <c r="AO23276">
        <v>63</v>
      </c>
      <c r="AP23276">
        <v>64</v>
      </c>
      <c r="AQ23276">
        <v>65</v>
      </c>
    </row>
    <row r="23277" spans="1:43">
      <c r="A23277" t="s">
        <v>14419</v>
      </c>
      <c r="B23277" t="s">
        <v>14420</v>
      </c>
      <c r="C23277" t="s">
        <v>14403</v>
      </c>
      <c r="D23277" t="s">
        <v>14404</v>
      </c>
      <c r="E23277" t="s">
        <v>14307</v>
      </c>
      <c r="F23277" t="s">
        <v>14308</v>
      </c>
      <c r="G23277" t="s">
        <v>10734</v>
      </c>
      <c r="H23277" t="s">
        <v>10735</v>
      </c>
      <c r="I23277" s="2">
        <v>0</v>
      </c>
      <c r="J23277" s="2">
        <v>0</v>
      </c>
      <c r="K23277" s="2">
        <v>1</v>
      </c>
      <c r="L23277" t="s">
        <v>995</v>
      </c>
      <c r="M23277" t="s">
        <v>83</v>
      </c>
      <c r="N23277" t="s">
        <v>91</v>
      </c>
      <c r="O23277" t="s">
        <v>85</v>
      </c>
      <c r="P23277" t="s">
        <v>86</v>
      </c>
      <c r="Q23277">
        <v>34</v>
      </c>
      <c r="R23277">
        <v>35</v>
      </c>
      <c r="S23277">
        <v>36</v>
      </c>
      <c r="T23277">
        <v>38</v>
      </c>
      <c r="U23277">
        <v>39</v>
      </c>
      <c r="V23277">
        <v>40</v>
      </c>
      <c r="W23277">
        <v>41</v>
      </c>
      <c r="X23277">
        <v>42</v>
      </c>
      <c r="Y23277">
        <v>43</v>
      </c>
      <c r="Z23277">
        <v>45</v>
      </c>
      <c r="AA23277">
        <v>46</v>
      </c>
      <c r="AB23277">
        <v>47</v>
      </c>
      <c r="AC23277">
        <v>48</v>
      </c>
      <c r="AD23277">
        <v>50</v>
      </c>
      <c r="AE23277">
        <v>51</v>
      </c>
      <c r="AF23277">
        <v>52</v>
      </c>
      <c r="AG23277">
        <v>53</v>
      </c>
      <c r="AH23277">
        <v>55</v>
      </c>
      <c r="AI23277">
        <v>56</v>
      </c>
      <c r="AJ23277">
        <v>57</v>
      </c>
      <c r="AK23277">
        <v>59</v>
      </c>
      <c r="AL23277">
        <v>60</v>
      </c>
      <c r="AM23277">
        <v>61</v>
      </c>
      <c r="AN23277">
        <v>62</v>
      </c>
      <c r="AO23277">
        <v>63</v>
      </c>
      <c r="AP23277">
        <v>64</v>
      </c>
      <c r="AQ23277">
        <v>65</v>
      </c>
    </row>
    <row r="23278" spans="1:43">
      <c r="A23278" t="s">
        <v>14421</v>
      </c>
      <c r="B23278" t="s">
        <v>14422</v>
      </c>
      <c r="C23278" t="s">
        <v>14375</v>
      </c>
      <c r="D23278" t="s">
        <v>14376</v>
      </c>
      <c r="E23278" t="s">
        <v>14307</v>
      </c>
      <c r="F23278" t="s">
        <v>14308</v>
      </c>
      <c r="G23278" t="s">
        <v>10734</v>
      </c>
      <c r="H23278" t="s">
        <v>10735</v>
      </c>
      <c r="I23278" s="2">
        <v>0</v>
      </c>
      <c r="J23278" s="2">
        <v>0</v>
      </c>
      <c r="K23278" s="2">
        <v>1</v>
      </c>
      <c r="L23278" t="s">
        <v>995</v>
      </c>
      <c r="M23278" t="s">
        <v>83</v>
      </c>
      <c r="N23278" t="s">
        <v>84</v>
      </c>
      <c r="O23278" t="s">
        <v>85</v>
      </c>
      <c r="P23278" t="s">
        <v>86</v>
      </c>
      <c r="Q23278">
        <v>31</v>
      </c>
      <c r="R23278">
        <v>32</v>
      </c>
      <c r="S23278">
        <v>33</v>
      </c>
      <c r="T23278">
        <v>34</v>
      </c>
      <c r="U23278">
        <v>35</v>
      </c>
      <c r="V23278">
        <v>36</v>
      </c>
      <c r="W23278">
        <v>37</v>
      </c>
      <c r="X23278">
        <v>38</v>
      </c>
      <c r="Y23278">
        <v>39</v>
      </c>
      <c r="Z23278">
        <v>40</v>
      </c>
      <c r="AA23278">
        <v>41</v>
      </c>
      <c r="AB23278">
        <v>42</v>
      </c>
      <c r="AC23278">
        <v>43</v>
      </c>
      <c r="AD23278">
        <v>44</v>
      </c>
      <c r="AE23278">
        <v>45</v>
      </c>
      <c r="AF23278">
        <v>47</v>
      </c>
      <c r="AG23278">
        <v>48</v>
      </c>
      <c r="AH23278">
        <v>49</v>
      </c>
      <c r="AI23278">
        <v>51</v>
      </c>
      <c r="AJ23278">
        <v>52</v>
      </c>
      <c r="AK23278">
        <v>53</v>
      </c>
      <c r="AL23278">
        <v>54</v>
      </c>
      <c r="AM23278">
        <v>55</v>
      </c>
      <c r="AN23278">
        <v>56</v>
      </c>
      <c r="AO23278">
        <v>57</v>
      </c>
      <c r="AP23278">
        <v>58</v>
      </c>
      <c r="AQ23278">
        <v>59</v>
      </c>
    </row>
    <row r="23279" spans="1:43">
      <c r="A23279" t="s">
        <v>14421</v>
      </c>
      <c r="B23279" t="s">
        <v>14422</v>
      </c>
      <c r="C23279" t="s">
        <v>14375</v>
      </c>
      <c r="D23279" t="s">
        <v>14376</v>
      </c>
      <c r="E23279" t="s">
        <v>14307</v>
      </c>
      <c r="F23279" t="s">
        <v>14308</v>
      </c>
      <c r="G23279" t="s">
        <v>10734</v>
      </c>
      <c r="H23279" t="s">
        <v>10735</v>
      </c>
      <c r="I23279" s="2">
        <v>0</v>
      </c>
      <c r="J23279" s="2">
        <v>0</v>
      </c>
      <c r="K23279" s="2">
        <v>1</v>
      </c>
      <c r="L23279" t="s">
        <v>995</v>
      </c>
      <c r="M23279" t="s">
        <v>87</v>
      </c>
      <c r="N23279" t="s">
        <v>88</v>
      </c>
      <c r="O23279" t="s">
        <v>85</v>
      </c>
      <c r="P23279" t="s">
        <v>86</v>
      </c>
      <c r="Q23279">
        <v>31</v>
      </c>
      <c r="R23279">
        <v>32</v>
      </c>
      <c r="S23279">
        <v>33</v>
      </c>
      <c r="T23279">
        <v>33</v>
      </c>
      <c r="U23279">
        <v>34</v>
      </c>
      <c r="V23279">
        <v>35</v>
      </c>
      <c r="W23279">
        <v>35</v>
      </c>
      <c r="X23279">
        <v>36</v>
      </c>
      <c r="Y23279">
        <v>37</v>
      </c>
      <c r="Z23279">
        <v>37</v>
      </c>
      <c r="AA23279">
        <v>38</v>
      </c>
      <c r="AB23279">
        <v>39</v>
      </c>
      <c r="AC23279">
        <v>40</v>
      </c>
      <c r="AD23279">
        <v>40</v>
      </c>
      <c r="AE23279">
        <v>41</v>
      </c>
      <c r="AF23279">
        <v>42</v>
      </c>
      <c r="AG23279">
        <v>43</v>
      </c>
      <c r="AH23279">
        <v>44</v>
      </c>
      <c r="AI23279">
        <v>45</v>
      </c>
      <c r="AJ23279">
        <v>45</v>
      </c>
      <c r="AK23279">
        <v>46</v>
      </c>
      <c r="AL23279">
        <v>47</v>
      </c>
      <c r="AM23279">
        <v>48</v>
      </c>
      <c r="AN23279">
        <v>49</v>
      </c>
      <c r="AO23279">
        <v>50</v>
      </c>
      <c r="AP23279">
        <v>51</v>
      </c>
      <c r="AQ23279">
        <v>52</v>
      </c>
    </row>
    <row r="23280" spans="1:43">
      <c r="A23280" t="s">
        <v>14421</v>
      </c>
      <c r="B23280" t="s">
        <v>14422</v>
      </c>
      <c r="C23280" t="s">
        <v>14375</v>
      </c>
      <c r="D23280" t="s">
        <v>14376</v>
      </c>
      <c r="E23280" t="s">
        <v>14307</v>
      </c>
      <c r="F23280" t="s">
        <v>14308</v>
      </c>
      <c r="G23280" t="s">
        <v>10734</v>
      </c>
      <c r="H23280" t="s">
        <v>10735</v>
      </c>
      <c r="I23280" s="2">
        <v>0</v>
      </c>
      <c r="J23280" s="2">
        <v>0</v>
      </c>
      <c r="K23280" s="2">
        <v>1</v>
      </c>
      <c r="L23280" t="s">
        <v>995</v>
      </c>
      <c r="M23280" t="s">
        <v>89</v>
      </c>
      <c r="N23280" t="s">
        <v>90</v>
      </c>
      <c r="O23280" t="s">
        <v>85</v>
      </c>
      <c r="P23280" t="s">
        <v>86</v>
      </c>
      <c r="Q23280">
        <v>31</v>
      </c>
      <c r="R23280">
        <v>32</v>
      </c>
      <c r="S23280">
        <v>33</v>
      </c>
      <c r="T23280">
        <v>35</v>
      </c>
      <c r="U23280">
        <v>36</v>
      </c>
      <c r="V23280">
        <v>37</v>
      </c>
      <c r="W23280">
        <v>38</v>
      </c>
      <c r="X23280">
        <v>40</v>
      </c>
      <c r="Y23280">
        <v>41</v>
      </c>
      <c r="Z23280">
        <v>42</v>
      </c>
      <c r="AA23280">
        <v>44</v>
      </c>
      <c r="AB23280">
        <v>45</v>
      </c>
      <c r="AC23280">
        <v>46</v>
      </c>
      <c r="AD23280">
        <v>48</v>
      </c>
      <c r="AE23280">
        <v>49</v>
      </c>
      <c r="AF23280">
        <v>50</v>
      </c>
      <c r="AG23280">
        <v>51</v>
      </c>
      <c r="AH23280">
        <v>51</v>
      </c>
      <c r="AI23280">
        <v>52</v>
      </c>
      <c r="AJ23280">
        <v>53</v>
      </c>
      <c r="AK23280">
        <v>54</v>
      </c>
      <c r="AL23280">
        <v>55</v>
      </c>
      <c r="AM23280">
        <v>56</v>
      </c>
      <c r="AN23280">
        <v>57</v>
      </c>
      <c r="AO23280">
        <v>57</v>
      </c>
      <c r="AP23280">
        <v>58</v>
      </c>
      <c r="AQ23280">
        <v>59</v>
      </c>
    </row>
    <row r="23281" spans="1:43">
      <c r="A23281" t="s">
        <v>14421</v>
      </c>
      <c r="B23281" t="s">
        <v>14422</v>
      </c>
      <c r="C23281" t="s">
        <v>14375</v>
      </c>
      <c r="D23281" t="s">
        <v>14376</v>
      </c>
      <c r="E23281" t="s">
        <v>14307</v>
      </c>
      <c r="F23281" t="s">
        <v>14308</v>
      </c>
      <c r="G23281" t="s">
        <v>10734</v>
      </c>
      <c r="H23281" t="s">
        <v>10735</v>
      </c>
      <c r="I23281" s="2">
        <v>0</v>
      </c>
      <c r="J23281" s="2">
        <v>0</v>
      </c>
      <c r="K23281" s="2">
        <v>1</v>
      </c>
      <c r="L23281" t="s">
        <v>995</v>
      </c>
      <c r="M23281" t="s">
        <v>83</v>
      </c>
      <c r="N23281" t="s">
        <v>91</v>
      </c>
      <c r="O23281" t="s">
        <v>85</v>
      </c>
      <c r="P23281" t="s">
        <v>86</v>
      </c>
      <c r="Q23281">
        <v>31</v>
      </c>
      <c r="R23281">
        <v>32</v>
      </c>
      <c r="S23281">
        <v>33</v>
      </c>
      <c r="T23281">
        <v>34</v>
      </c>
      <c r="U23281">
        <v>35</v>
      </c>
      <c r="V23281">
        <v>36</v>
      </c>
      <c r="W23281">
        <v>37</v>
      </c>
      <c r="X23281">
        <v>38</v>
      </c>
      <c r="Y23281">
        <v>39</v>
      </c>
      <c r="Z23281">
        <v>40</v>
      </c>
      <c r="AA23281">
        <v>41</v>
      </c>
      <c r="AB23281">
        <v>42</v>
      </c>
      <c r="AC23281">
        <v>43</v>
      </c>
      <c r="AD23281">
        <v>44</v>
      </c>
      <c r="AE23281">
        <v>45</v>
      </c>
      <c r="AF23281">
        <v>47</v>
      </c>
      <c r="AG23281">
        <v>48</v>
      </c>
      <c r="AH23281">
        <v>49</v>
      </c>
      <c r="AI23281">
        <v>51</v>
      </c>
      <c r="AJ23281">
        <v>52</v>
      </c>
      <c r="AK23281">
        <v>53</v>
      </c>
      <c r="AL23281">
        <v>54</v>
      </c>
      <c r="AM23281">
        <v>55</v>
      </c>
      <c r="AN23281">
        <v>56</v>
      </c>
      <c r="AO23281">
        <v>57</v>
      </c>
      <c r="AP23281">
        <v>58</v>
      </c>
      <c r="AQ23281">
        <v>59</v>
      </c>
    </row>
    <row r="23282" spans="1:43">
      <c r="A23282" t="s">
        <v>14423</v>
      </c>
      <c r="B23282" t="s">
        <v>14424</v>
      </c>
      <c r="C23282" t="s">
        <v>14365</v>
      </c>
      <c r="D23282" t="s">
        <v>14366</v>
      </c>
      <c r="E23282" t="s">
        <v>14307</v>
      </c>
      <c r="F23282" t="s">
        <v>14308</v>
      </c>
      <c r="G23282" t="s">
        <v>10734</v>
      </c>
      <c r="H23282" t="s">
        <v>10735</v>
      </c>
      <c r="I23282" s="2">
        <v>0</v>
      </c>
      <c r="J23282" s="2">
        <v>0</v>
      </c>
      <c r="K23282" s="2">
        <v>1</v>
      </c>
      <c r="L23282" t="s">
        <v>995</v>
      </c>
      <c r="M23282" t="s">
        <v>83</v>
      </c>
      <c r="N23282" t="s">
        <v>84</v>
      </c>
      <c r="O23282" t="s">
        <v>85</v>
      </c>
      <c r="P23282" t="s">
        <v>86</v>
      </c>
      <c r="Q23282">
        <v>25</v>
      </c>
      <c r="R23282">
        <v>26</v>
      </c>
      <c r="S23282">
        <v>26</v>
      </c>
      <c r="T23282">
        <v>27</v>
      </c>
      <c r="U23282">
        <v>28</v>
      </c>
      <c r="V23282">
        <v>29</v>
      </c>
      <c r="W23282">
        <v>29</v>
      </c>
      <c r="X23282">
        <v>30</v>
      </c>
      <c r="Y23282">
        <v>31</v>
      </c>
      <c r="Z23282">
        <v>32</v>
      </c>
      <c r="AA23282">
        <v>33</v>
      </c>
      <c r="AB23282">
        <v>34</v>
      </c>
      <c r="AC23282">
        <v>35</v>
      </c>
      <c r="AD23282">
        <v>35</v>
      </c>
      <c r="AE23282">
        <v>36</v>
      </c>
      <c r="AF23282">
        <v>37</v>
      </c>
      <c r="AG23282">
        <v>38</v>
      </c>
      <c r="AH23282">
        <v>39</v>
      </c>
      <c r="AI23282">
        <v>40</v>
      </c>
      <c r="AJ23282">
        <v>41</v>
      </c>
      <c r="AK23282">
        <v>42</v>
      </c>
      <c r="AL23282">
        <v>43</v>
      </c>
      <c r="AM23282">
        <v>44</v>
      </c>
      <c r="AN23282">
        <v>45</v>
      </c>
      <c r="AO23282">
        <v>45</v>
      </c>
      <c r="AP23282">
        <v>46</v>
      </c>
      <c r="AQ23282">
        <v>47</v>
      </c>
    </row>
    <row r="23283" spans="1:43">
      <c r="A23283" t="s">
        <v>14423</v>
      </c>
      <c r="B23283" t="s">
        <v>14424</v>
      </c>
      <c r="C23283" t="s">
        <v>14365</v>
      </c>
      <c r="D23283" t="s">
        <v>14366</v>
      </c>
      <c r="E23283" t="s">
        <v>14307</v>
      </c>
      <c r="F23283" t="s">
        <v>14308</v>
      </c>
      <c r="G23283" t="s">
        <v>10734</v>
      </c>
      <c r="H23283" t="s">
        <v>10735</v>
      </c>
      <c r="I23283" s="2">
        <v>0</v>
      </c>
      <c r="J23283" s="2">
        <v>0</v>
      </c>
      <c r="K23283" s="2">
        <v>1</v>
      </c>
      <c r="L23283" t="s">
        <v>995</v>
      </c>
      <c r="M23283" t="s">
        <v>87</v>
      </c>
      <c r="N23283" t="s">
        <v>88</v>
      </c>
      <c r="O23283" t="s">
        <v>85</v>
      </c>
      <c r="P23283" t="s">
        <v>86</v>
      </c>
      <c r="Q23283">
        <v>25</v>
      </c>
      <c r="R23283">
        <v>25</v>
      </c>
      <c r="S23283">
        <v>26</v>
      </c>
      <c r="T23283">
        <v>26</v>
      </c>
      <c r="U23283">
        <v>27</v>
      </c>
      <c r="V23283">
        <v>27</v>
      </c>
      <c r="W23283">
        <v>28</v>
      </c>
      <c r="X23283">
        <v>28</v>
      </c>
      <c r="Y23283">
        <v>29</v>
      </c>
      <c r="Z23283">
        <v>29</v>
      </c>
      <c r="AA23283">
        <v>30</v>
      </c>
      <c r="AB23283">
        <v>30</v>
      </c>
      <c r="AC23283">
        <v>31</v>
      </c>
      <c r="AD23283">
        <v>32</v>
      </c>
      <c r="AE23283">
        <v>32</v>
      </c>
      <c r="AF23283">
        <v>33</v>
      </c>
      <c r="AG23283">
        <v>33</v>
      </c>
      <c r="AH23283">
        <v>34</v>
      </c>
      <c r="AI23283">
        <v>35</v>
      </c>
      <c r="AJ23283">
        <v>35</v>
      </c>
      <c r="AK23283">
        <v>36</v>
      </c>
      <c r="AL23283">
        <v>37</v>
      </c>
      <c r="AM23283">
        <v>37</v>
      </c>
      <c r="AN23283">
        <v>38</v>
      </c>
      <c r="AO23283">
        <v>39</v>
      </c>
      <c r="AP23283">
        <v>40</v>
      </c>
      <c r="AQ23283">
        <v>40</v>
      </c>
    </row>
    <row r="23284" spans="1:43">
      <c r="A23284" t="s">
        <v>14423</v>
      </c>
      <c r="B23284" t="s">
        <v>14424</v>
      </c>
      <c r="C23284" t="s">
        <v>14365</v>
      </c>
      <c r="D23284" t="s">
        <v>14366</v>
      </c>
      <c r="E23284" t="s">
        <v>14307</v>
      </c>
      <c r="F23284" t="s">
        <v>14308</v>
      </c>
      <c r="G23284" t="s">
        <v>10734</v>
      </c>
      <c r="H23284" t="s">
        <v>10735</v>
      </c>
      <c r="I23284" s="2">
        <v>0</v>
      </c>
      <c r="J23284" s="2">
        <v>0</v>
      </c>
      <c r="K23284" s="2">
        <v>1</v>
      </c>
      <c r="L23284" t="s">
        <v>995</v>
      </c>
      <c r="M23284" t="s">
        <v>89</v>
      </c>
      <c r="N23284" t="s">
        <v>90</v>
      </c>
      <c r="O23284" t="s">
        <v>85</v>
      </c>
      <c r="P23284" t="s">
        <v>86</v>
      </c>
      <c r="Q23284">
        <v>25</v>
      </c>
      <c r="R23284">
        <v>26</v>
      </c>
      <c r="S23284">
        <v>27</v>
      </c>
      <c r="T23284">
        <v>28</v>
      </c>
      <c r="U23284">
        <v>29</v>
      </c>
      <c r="V23284">
        <v>30</v>
      </c>
      <c r="W23284">
        <v>31</v>
      </c>
      <c r="X23284">
        <v>32</v>
      </c>
      <c r="Y23284">
        <v>33</v>
      </c>
      <c r="Z23284">
        <v>34</v>
      </c>
      <c r="AA23284">
        <v>35</v>
      </c>
      <c r="AB23284">
        <v>36</v>
      </c>
      <c r="AC23284">
        <v>37</v>
      </c>
      <c r="AD23284">
        <v>38</v>
      </c>
      <c r="AE23284">
        <v>39</v>
      </c>
      <c r="AF23284">
        <v>40</v>
      </c>
      <c r="AG23284">
        <v>40</v>
      </c>
      <c r="AH23284">
        <v>41</v>
      </c>
      <c r="AI23284">
        <v>42</v>
      </c>
      <c r="AJ23284">
        <v>42</v>
      </c>
      <c r="AK23284">
        <v>43</v>
      </c>
      <c r="AL23284">
        <v>44</v>
      </c>
      <c r="AM23284">
        <v>44</v>
      </c>
      <c r="AN23284">
        <v>45</v>
      </c>
      <c r="AO23284">
        <v>46</v>
      </c>
      <c r="AP23284">
        <v>46</v>
      </c>
      <c r="AQ23284">
        <v>47</v>
      </c>
    </row>
    <row r="23285" spans="1:43">
      <c r="A23285" t="s">
        <v>14423</v>
      </c>
      <c r="B23285" t="s">
        <v>14424</v>
      </c>
      <c r="C23285" t="s">
        <v>14365</v>
      </c>
      <c r="D23285" t="s">
        <v>14366</v>
      </c>
      <c r="E23285" t="s">
        <v>14307</v>
      </c>
      <c r="F23285" t="s">
        <v>14308</v>
      </c>
      <c r="G23285" t="s">
        <v>10734</v>
      </c>
      <c r="H23285" t="s">
        <v>10735</v>
      </c>
      <c r="I23285" s="2">
        <v>0</v>
      </c>
      <c r="J23285" s="2">
        <v>0</v>
      </c>
      <c r="K23285" s="2">
        <v>1</v>
      </c>
      <c r="L23285" t="s">
        <v>995</v>
      </c>
      <c r="M23285" t="s">
        <v>83</v>
      </c>
      <c r="N23285" t="s">
        <v>91</v>
      </c>
      <c r="O23285" t="s">
        <v>85</v>
      </c>
      <c r="P23285" t="s">
        <v>86</v>
      </c>
      <c r="Q23285">
        <v>25</v>
      </c>
      <c r="R23285">
        <v>26</v>
      </c>
      <c r="S23285">
        <v>26</v>
      </c>
      <c r="T23285">
        <v>27</v>
      </c>
      <c r="U23285">
        <v>28</v>
      </c>
      <c r="V23285">
        <v>29</v>
      </c>
      <c r="W23285">
        <v>29</v>
      </c>
      <c r="X23285">
        <v>30</v>
      </c>
      <c r="Y23285">
        <v>31</v>
      </c>
      <c r="Z23285">
        <v>32</v>
      </c>
      <c r="AA23285">
        <v>33</v>
      </c>
      <c r="AB23285">
        <v>34</v>
      </c>
      <c r="AC23285">
        <v>35</v>
      </c>
      <c r="AD23285">
        <v>35</v>
      </c>
      <c r="AE23285">
        <v>36</v>
      </c>
      <c r="AF23285">
        <v>37</v>
      </c>
      <c r="AG23285">
        <v>38</v>
      </c>
      <c r="AH23285">
        <v>39</v>
      </c>
      <c r="AI23285">
        <v>40</v>
      </c>
      <c r="AJ23285">
        <v>41</v>
      </c>
      <c r="AK23285">
        <v>42</v>
      </c>
      <c r="AL23285">
        <v>43</v>
      </c>
      <c r="AM23285">
        <v>44</v>
      </c>
      <c r="AN23285">
        <v>45</v>
      </c>
      <c r="AO23285">
        <v>45</v>
      </c>
      <c r="AP23285">
        <v>46</v>
      </c>
      <c r="AQ23285">
        <v>47</v>
      </c>
    </row>
    <row r="23286" spans="1:43">
      <c r="A23286" t="s">
        <v>14425</v>
      </c>
      <c r="B23286" t="s">
        <v>14426</v>
      </c>
      <c r="C23286" t="s">
        <v>14427</v>
      </c>
      <c r="D23286" t="s">
        <v>14428</v>
      </c>
      <c r="E23286" t="s">
        <v>14307</v>
      </c>
      <c r="F23286" t="s">
        <v>14308</v>
      </c>
      <c r="G23286" t="s">
        <v>10734</v>
      </c>
      <c r="H23286" t="s">
        <v>10735</v>
      </c>
      <c r="I23286" s="2">
        <v>0</v>
      </c>
      <c r="J23286" s="2">
        <v>0</v>
      </c>
      <c r="K23286" s="2">
        <v>1</v>
      </c>
      <c r="L23286" t="s">
        <v>995</v>
      </c>
      <c r="M23286" t="s">
        <v>83</v>
      </c>
      <c r="N23286" t="s">
        <v>84</v>
      </c>
      <c r="O23286" t="s">
        <v>85</v>
      </c>
      <c r="P23286" t="s">
        <v>86</v>
      </c>
      <c r="Q23286">
        <v>40</v>
      </c>
      <c r="R23286">
        <v>41</v>
      </c>
      <c r="S23286">
        <v>42</v>
      </c>
      <c r="T23286">
        <v>43</v>
      </c>
      <c r="U23286">
        <v>44</v>
      </c>
      <c r="V23286">
        <v>45</v>
      </c>
      <c r="W23286">
        <v>47</v>
      </c>
      <c r="X23286">
        <v>48</v>
      </c>
      <c r="Y23286">
        <v>49</v>
      </c>
      <c r="Z23286">
        <v>50</v>
      </c>
      <c r="AA23286">
        <v>52</v>
      </c>
      <c r="AB23286">
        <v>53</v>
      </c>
      <c r="AC23286">
        <v>54</v>
      </c>
      <c r="AD23286">
        <v>56</v>
      </c>
      <c r="AE23286">
        <v>57</v>
      </c>
      <c r="AF23286">
        <v>59</v>
      </c>
      <c r="AG23286">
        <v>60</v>
      </c>
      <c r="AH23286">
        <v>62</v>
      </c>
      <c r="AI23286">
        <v>63</v>
      </c>
      <c r="AJ23286">
        <v>65</v>
      </c>
      <c r="AK23286">
        <v>66</v>
      </c>
      <c r="AL23286">
        <v>68</v>
      </c>
      <c r="AM23286">
        <v>69</v>
      </c>
      <c r="AN23286">
        <v>70</v>
      </c>
      <c r="AO23286">
        <v>71</v>
      </c>
      <c r="AP23286">
        <v>72</v>
      </c>
      <c r="AQ23286">
        <v>73</v>
      </c>
    </row>
    <row r="23287" spans="1:43">
      <c r="A23287" t="s">
        <v>14425</v>
      </c>
      <c r="B23287" t="s">
        <v>14426</v>
      </c>
      <c r="C23287" t="s">
        <v>14427</v>
      </c>
      <c r="D23287" t="s">
        <v>14428</v>
      </c>
      <c r="E23287" t="s">
        <v>14307</v>
      </c>
      <c r="F23287" t="s">
        <v>14308</v>
      </c>
      <c r="G23287" t="s">
        <v>10734</v>
      </c>
      <c r="H23287" t="s">
        <v>10735</v>
      </c>
      <c r="I23287" s="2">
        <v>0</v>
      </c>
      <c r="J23287" s="2">
        <v>0</v>
      </c>
      <c r="K23287" s="2">
        <v>1</v>
      </c>
      <c r="L23287" t="s">
        <v>995</v>
      </c>
      <c r="M23287" t="s">
        <v>87</v>
      </c>
      <c r="N23287" t="s">
        <v>88</v>
      </c>
      <c r="O23287" t="s">
        <v>85</v>
      </c>
      <c r="P23287" t="s">
        <v>86</v>
      </c>
      <c r="Q23287">
        <v>40</v>
      </c>
      <c r="R23287">
        <v>41</v>
      </c>
      <c r="S23287">
        <v>42</v>
      </c>
      <c r="T23287">
        <v>42</v>
      </c>
      <c r="U23287">
        <v>43</v>
      </c>
      <c r="V23287">
        <v>44</v>
      </c>
      <c r="W23287">
        <v>45</v>
      </c>
      <c r="X23287">
        <v>46</v>
      </c>
      <c r="Y23287">
        <v>46</v>
      </c>
      <c r="Z23287">
        <v>47</v>
      </c>
      <c r="AA23287">
        <v>48</v>
      </c>
      <c r="AB23287">
        <v>49</v>
      </c>
      <c r="AC23287">
        <v>50</v>
      </c>
      <c r="AD23287">
        <v>51</v>
      </c>
      <c r="AE23287">
        <v>52</v>
      </c>
      <c r="AF23287">
        <v>53</v>
      </c>
      <c r="AG23287">
        <v>54</v>
      </c>
      <c r="AH23287">
        <v>55</v>
      </c>
      <c r="AI23287">
        <v>56</v>
      </c>
      <c r="AJ23287">
        <v>57</v>
      </c>
      <c r="AK23287">
        <v>58</v>
      </c>
      <c r="AL23287">
        <v>59</v>
      </c>
      <c r="AM23287">
        <v>60</v>
      </c>
      <c r="AN23287">
        <v>61</v>
      </c>
      <c r="AO23287">
        <v>62</v>
      </c>
      <c r="AP23287">
        <v>63</v>
      </c>
      <c r="AQ23287">
        <v>64</v>
      </c>
    </row>
    <row r="23288" spans="1:43">
      <c r="A23288" t="s">
        <v>14425</v>
      </c>
      <c r="B23288" t="s">
        <v>14426</v>
      </c>
      <c r="C23288" t="s">
        <v>14427</v>
      </c>
      <c r="D23288" t="s">
        <v>14428</v>
      </c>
      <c r="E23288" t="s">
        <v>14307</v>
      </c>
      <c r="F23288" t="s">
        <v>14308</v>
      </c>
      <c r="G23288" t="s">
        <v>10734</v>
      </c>
      <c r="H23288" t="s">
        <v>10735</v>
      </c>
      <c r="I23288" s="2">
        <v>0</v>
      </c>
      <c r="J23288" s="2">
        <v>0</v>
      </c>
      <c r="K23288" s="2">
        <v>1</v>
      </c>
      <c r="L23288" t="s">
        <v>995</v>
      </c>
      <c r="M23288" t="s">
        <v>89</v>
      </c>
      <c r="N23288" t="s">
        <v>90</v>
      </c>
      <c r="O23288" t="s">
        <v>85</v>
      </c>
      <c r="P23288" t="s">
        <v>86</v>
      </c>
      <c r="Q23288">
        <v>40</v>
      </c>
      <c r="R23288">
        <v>41</v>
      </c>
      <c r="S23288">
        <v>43</v>
      </c>
      <c r="T23288">
        <v>44</v>
      </c>
      <c r="U23288">
        <v>46</v>
      </c>
      <c r="V23288">
        <v>47</v>
      </c>
      <c r="W23288">
        <v>49</v>
      </c>
      <c r="X23288">
        <v>51</v>
      </c>
      <c r="Y23288">
        <v>52</v>
      </c>
      <c r="Z23288">
        <v>54</v>
      </c>
      <c r="AA23288">
        <v>55</v>
      </c>
      <c r="AB23288">
        <v>57</v>
      </c>
      <c r="AC23288">
        <v>58</v>
      </c>
      <c r="AD23288">
        <v>60</v>
      </c>
      <c r="AE23288">
        <v>61</v>
      </c>
      <c r="AF23288">
        <v>62</v>
      </c>
      <c r="AG23288">
        <v>63</v>
      </c>
      <c r="AH23288">
        <v>64</v>
      </c>
      <c r="AI23288">
        <v>65</v>
      </c>
      <c r="AJ23288">
        <v>66</v>
      </c>
      <c r="AK23288">
        <v>67</v>
      </c>
      <c r="AL23288">
        <v>68</v>
      </c>
      <c r="AM23288">
        <v>69</v>
      </c>
      <c r="AN23288">
        <v>70</v>
      </c>
      <c r="AO23288">
        <v>71</v>
      </c>
      <c r="AP23288">
        <v>72</v>
      </c>
      <c r="AQ23288">
        <v>73</v>
      </c>
    </row>
    <row r="23289" spans="1:43">
      <c r="A23289" t="s">
        <v>14425</v>
      </c>
      <c r="B23289" t="s">
        <v>14426</v>
      </c>
      <c r="C23289" t="s">
        <v>14427</v>
      </c>
      <c r="D23289" t="s">
        <v>14428</v>
      </c>
      <c r="E23289" t="s">
        <v>14307</v>
      </c>
      <c r="F23289" t="s">
        <v>14308</v>
      </c>
      <c r="G23289" t="s">
        <v>10734</v>
      </c>
      <c r="H23289" t="s">
        <v>10735</v>
      </c>
      <c r="I23289" s="2">
        <v>0</v>
      </c>
      <c r="J23289" s="2">
        <v>0</v>
      </c>
      <c r="K23289" s="2">
        <v>1</v>
      </c>
      <c r="L23289" t="s">
        <v>995</v>
      </c>
      <c r="M23289" t="s">
        <v>83</v>
      </c>
      <c r="N23289" t="s">
        <v>91</v>
      </c>
      <c r="O23289" t="s">
        <v>85</v>
      </c>
      <c r="P23289" t="s">
        <v>86</v>
      </c>
      <c r="Q23289">
        <v>40</v>
      </c>
      <c r="R23289">
        <v>41</v>
      </c>
      <c r="S23289">
        <v>42</v>
      </c>
      <c r="T23289">
        <v>43</v>
      </c>
      <c r="U23289">
        <v>44</v>
      </c>
      <c r="V23289">
        <v>45</v>
      </c>
      <c r="W23289">
        <v>47</v>
      </c>
      <c r="X23289">
        <v>48</v>
      </c>
      <c r="Y23289">
        <v>49</v>
      </c>
      <c r="Z23289">
        <v>50</v>
      </c>
      <c r="AA23289">
        <v>52</v>
      </c>
      <c r="AB23289">
        <v>53</v>
      </c>
      <c r="AC23289">
        <v>54</v>
      </c>
      <c r="AD23289">
        <v>56</v>
      </c>
      <c r="AE23289">
        <v>57</v>
      </c>
      <c r="AF23289">
        <v>59</v>
      </c>
      <c r="AG23289">
        <v>60</v>
      </c>
      <c r="AH23289">
        <v>62</v>
      </c>
      <c r="AI23289">
        <v>63</v>
      </c>
      <c r="AJ23289">
        <v>65</v>
      </c>
      <c r="AK23289">
        <v>66</v>
      </c>
      <c r="AL23289">
        <v>68</v>
      </c>
      <c r="AM23289">
        <v>69</v>
      </c>
      <c r="AN23289">
        <v>70</v>
      </c>
      <c r="AO23289">
        <v>71</v>
      </c>
      <c r="AP23289">
        <v>72</v>
      </c>
      <c r="AQ23289">
        <v>73</v>
      </c>
    </row>
    <row r="23290" spans="1:43">
      <c r="A23290" t="s">
        <v>14429</v>
      </c>
      <c r="B23290" t="s">
        <v>14430</v>
      </c>
      <c r="C23290" t="s">
        <v>14327</v>
      </c>
      <c r="D23290" t="s">
        <v>14328</v>
      </c>
      <c r="E23290" t="s">
        <v>14307</v>
      </c>
      <c r="F23290" t="s">
        <v>14308</v>
      </c>
      <c r="G23290" t="s">
        <v>10734</v>
      </c>
      <c r="H23290" t="s">
        <v>10735</v>
      </c>
      <c r="I23290" s="2">
        <v>0</v>
      </c>
      <c r="J23290" s="2">
        <v>0</v>
      </c>
      <c r="K23290" s="2">
        <v>1</v>
      </c>
      <c r="L23290" t="s">
        <v>995</v>
      </c>
      <c r="M23290" t="s">
        <v>83</v>
      </c>
      <c r="N23290" t="s">
        <v>84</v>
      </c>
      <c r="O23290" t="s">
        <v>85</v>
      </c>
      <c r="P23290" t="s">
        <v>86</v>
      </c>
      <c r="Q23290">
        <v>24</v>
      </c>
      <c r="R23290">
        <v>25</v>
      </c>
      <c r="S23290">
        <v>26</v>
      </c>
      <c r="T23290">
        <v>26</v>
      </c>
      <c r="U23290">
        <v>27</v>
      </c>
      <c r="V23290">
        <v>28</v>
      </c>
      <c r="W23290">
        <v>29</v>
      </c>
      <c r="X23290">
        <v>30</v>
      </c>
      <c r="Y23290">
        <v>30</v>
      </c>
      <c r="Z23290">
        <v>31</v>
      </c>
      <c r="AA23290">
        <v>32</v>
      </c>
      <c r="AB23290">
        <v>33</v>
      </c>
      <c r="AC23290">
        <v>34</v>
      </c>
      <c r="AD23290">
        <v>35</v>
      </c>
      <c r="AE23290">
        <v>36</v>
      </c>
      <c r="AF23290">
        <v>37</v>
      </c>
      <c r="AG23290">
        <v>38</v>
      </c>
      <c r="AH23290">
        <v>39</v>
      </c>
      <c r="AI23290">
        <v>40</v>
      </c>
      <c r="AJ23290">
        <v>41</v>
      </c>
      <c r="AK23290">
        <v>42</v>
      </c>
      <c r="AL23290">
        <v>43</v>
      </c>
      <c r="AM23290">
        <v>43</v>
      </c>
      <c r="AN23290">
        <v>44</v>
      </c>
      <c r="AO23290">
        <v>45</v>
      </c>
      <c r="AP23290">
        <v>46</v>
      </c>
      <c r="AQ23290">
        <v>46</v>
      </c>
    </row>
    <row r="23291" spans="1:43">
      <c r="A23291" t="s">
        <v>14429</v>
      </c>
      <c r="B23291" t="s">
        <v>14430</v>
      </c>
      <c r="C23291" t="s">
        <v>14327</v>
      </c>
      <c r="D23291" t="s">
        <v>14328</v>
      </c>
      <c r="E23291" t="s">
        <v>14307</v>
      </c>
      <c r="F23291" t="s">
        <v>14308</v>
      </c>
      <c r="G23291" t="s">
        <v>10734</v>
      </c>
      <c r="H23291" t="s">
        <v>10735</v>
      </c>
      <c r="I23291" s="2">
        <v>0</v>
      </c>
      <c r="J23291" s="2">
        <v>0</v>
      </c>
      <c r="K23291" s="2">
        <v>1</v>
      </c>
      <c r="L23291" t="s">
        <v>995</v>
      </c>
      <c r="M23291" t="s">
        <v>87</v>
      </c>
      <c r="N23291" t="s">
        <v>88</v>
      </c>
      <c r="O23291" t="s">
        <v>85</v>
      </c>
      <c r="P23291" t="s">
        <v>86</v>
      </c>
      <c r="Q23291">
        <v>24</v>
      </c>
      <c r="R23291">
        <v>24</v>
      </c>
      <c r="S23291">
        <v>25</v>
      </c>
      <c r="T23291">
        <v>25</v>
      </c>
      <c r="U23291">
        <v>26</v>
      </c>
      <c r="V23291">
        <v>26</v>
      </c>
      <c r="W23291">
        <v>27</v>
      </c>
      <c r="X23291">
        <v>28</v>
      </c>
      <c r="Y23291">
        <v>28</v>
      </c>
      <c r="Z23291">
        <v>29</v>
      </c>
      <c r="AA23291">
        <v>29</v>
      </c>
      <c r="AB23291">
        <v>30</v>
      </c>
      <c r="AC23291">
        <v>30</v>
      </c>
      <c r="AD23291">
        <v>31</v>
      </c>
      <c r="AE23291">
        <v>32</v>
      </c>
      <c r="AF23291">
        <v>32</v>
      </c>
      <c r="AG23291">
        <v>33</v>
      </c>
      <c r="AH23291">
        <v>34</v>
      </c>
      <c r="AI23291">
        <v>34</v>
      </c>
      <c r="AJ23291">
        <v>35</v>
      </c>
      <c r="AK23291">
        <v>36</v>
      </c>
      <c r="AL23291">
        <v>36</v>
      </c>
      <c r="AM23291">
        <v>37</v>
      </c>
      <c r="AN23291">
        <v>38</v>
      </c>
      <c r="AO23291">
        <v>39</v>
      </c>
      <c r="AP23291">
        <v>39</v>
      </c>
      <c r="AQ23291">
        <v>40</v>
      </c>
    </row>
    <row r="23292" spans="1:43">
      <c r="A23292" t="s">
        <v>14429</v>
      </c>
      <c r="B23292" t="s">
        <v>14430</v>
      </c>
      <c r="C23292" t="s">
        <v>14327</v>
      </c>
      <c r="D23292" t="s">
        <v>14328</v>
      </c>
      <c r="E23292" t="s">
        <v>14307</v>
      </c>
      <c r="F23292" t="s">
        <v>14308</v>
      </c>
      <c r="G23292" t="s">
        <v>10734</v>
      </c>
      <c r="H23292" t="s">
        <v>10735</v>
      </c>
      <c r="I23292" s="2">
        <v>0</v>
      </c>
      <c r="J23292" s="2">
        <v>0</v>
      </c>
      <c r="K23292" s="2">
        <v>1</v>
      </c>
      <c r="L23292" t="s">
        <v>995</v>
      </c>
      <c r="M23292" t="s">
        <v>89</v>
      </c>
      <c r="N23292" t="s">
        <v>90</v>
      </c>
      <c r="O23292" t="s">
        <v>85</v>
      </c>
      <c r="P23292" t="s">
        <v>86</v>
      </c>
      <c r="Q23292">
        <v>24</v>
      </c>
      <c r="R23292">
        <v>25</v>
      </c>
      <c r="S23292">
        <v>26</v>
      </c>
      <c r="T23292">
        <v>27</v>
      </c>
      <c r="U23292">
        <v>28</v>
      </c>
      <c r="V23292">
        <v>29</v>
      </c>
      <c r="W23292">
        <v>30</v>
      </c>
      <c r="X23292">
        <v>31</v>
      </c>
      <c r="Y23292">
        <v>32</v>
      </c>
      <c r="Z23292">
        <v>33</v>
      </c>
      <c r="AA23292">
        <v>34</v>
      </c>
      <c r="AB23292">
        <v>35</v>
      </c>
      <c r="AC23292">
        <v>36</v>
      </c>
      <c r="AD23292">
        <v>37</v>
      </c>
      <c r="AE23292">
        <v>38</v>
      </c>
      <c r="AF23292">
        <v>39</v>
      </c>
      <c r="AG23292">
        <v>40</v>
      </c>
      <c r="AH23292">
        <v>40</v>
      </c>
      <c r="AI23292">
        <v>41</v>
      </c>
      <c r="AJ23292">
        <v>42</v>
      </c>
      <c r="AK23292">
        <v>42</v>
      </c>
      <c r="AL23292">
        <v>43</v>
      </c>
      <c r="AM23292">
        <v>44</v>
      </c>
      <c r="AN23292">
        <v>44</v>
      </c>
      <c r="AO23292">
        <v>45</v>
      </c>
      <c r="AP23292">
        <v>46</v>
      </c>
      <c r="AQ23292">
        <v>47</v>
      </c>
    </row>
    <row r="23293" spans="1:43">
      <c r="A23293" t="s">
        <v>14429</v>
      </c>
      <c r="B23293" t="s">
        <v>14430</v>
      </c>
      <c r="C23293" t="s">
        <v>14327</v>
      </c>
      <c r="D23293" t="s">
        <v>14328</v>
      </c>
      <c r="E23293" t="s">
        <v>14307</v>
      </c>
      <c r="F23293" t="s">
        <v>14308</v>
      </c>
      <c r="G23293" t="s">
        <v>10734</v>
      </c>
      <c r="H23293" t="s">
        <v>10735</v>
      </c>
      <c r="I23293" s="2">
        <v>0</v>
      </c>
      <c r="J23293" s="2">
        <v>0</v>
      </c>
      <c r="K23293" s="2">
        <v>1</v>
      </c>
      <c r="L23293" t="s">
        <v>995</v>
      </c>
      <c r="M23293" t="s">
        <v>83</v>
      </c>
      <c r="N23293" t="s">
        <v>91</v>
      </c>
      <c r="O23293" t="s">
        <v>85</v>
      </c>
      <c r="P23293" t="s">
        <v>86</v>
      </c>
      <c r="Q23293">
        <v>24</v>
      </c>
      <c r="R23293">
        <v>25</v>
      </c>
      <c r="S23293">
        <v>26</v>
      </c>
      <c r="T23293">
        <v>26</v>
      </c>
      <c r="U23293">
        <v>27</v>
      </c>
      <c r="V23293">
        <v>28</v>
      </c>
      <c r="W23293">
        <v>29</v>
      </c>
      <c r="X23293">
        <v>30</v>
      </c>
      <c r="Y23293">
        <v>30</v>
      </c>
      <c r="Z23293">
        <v>31</v>
      </c>
      <c r="AA23293">
        <v>32</v>
      </c>
      <c r="AB23293">
        <v>33</v>
      </c>
      <c r="AC23293">
        <v>34</v>
      </c>
      <c r="AD23293">
        <v>35</v>
      </c>
      <c r="AE23293">
        <v>36</v>
      </c>
      <c r="AF23293">
        <v>37</v>
      </c>
      <c r="AG23293">
        <v>38</v>
      </c>
      <c r="AH23293">
        <v>39</v>
      </c>
      <c r="AI23293">
        <v>40</v>
      </c>
      <c r="AJ23293">
        <v>41</v>
      </c>
      <c r="AK23293">
        <v>42</v>
      </c>
      <c r="AL23293">
        <v>43</v>
      </c>
      <c r="AM23293">
        <v>43</v>
      </c>
      <c r="AN23293">
        <v>44</v>
      </c>
      <c r="AO23293">
        <v>45</v>
      </c>
      <c r="AP23293">
        <v>46</v>
      </c>
      <c r="AQ23293">
        <v>46</v>
      </c>
    </row>
    <row r="23294" spans="1:43">
      <c r="A23294" t="s">
        <v>14431</v>
      </c>
      <c r="B23294" t="s">
        <v>14432</v>
      </c>
      <c r="C23294" t="s">
        <v>14327</v>
      </c>
      <c r="D23294" t="s">
        <v>14328</v>
      </c>
      <c r="E23294" t="s">
        <v>14307</v>
      </c>
      <c r="F23294" t="s">
        <v>14308</v>
      </c>
      <c r="G23294" t="s">
        <v>10734</v>
      </c>
      <c r="H23294" t="s">
        <v>10735</v>
      </c>
      <c r="I23294" s="2">
        <v>0</v>
      </c>
      <c r="J23294" s="2">
        <v>0</v>
      </c>
      <c r="K23294" s="2">
        <v>1</v>
      </c>
      <c r="L23294" t="s">
        <v>995</v>
      </c>
      <c r="M23294" t="s">
        <v>83</v>
      </c>
      <c r="N23294" t="s">
        <v>84</v>
      </c>
      <c r="O23294" t="s">
        <v>85</v>
      </c>
      <c r="P23294" t="s">
        <v>86</v>
      </c>
      <c r="Q23294">
        <v>32</v>
      </c>
      <c r="R23294">
        <v>33</v>
      </c>
      <c r="S23294">
        <v>34</v>
      </c>
      <c r="T23294">
        <v>35</v>
      </c>
      <c r="U23294">
        <v>36</v>
      </c>
      <c r="V23294">
        <v>37</v>
      </c>
      <c r="W23294">
        <v>38</v>
      </c>
      <c r="X23294">
        <v>39</v>
      </c>
      <c r="Y23294">
        <v>40</v>
      </c>
      <c r="Z23294">
        <v>41</v>
      </c>
      <c r="AA23294">
        <v>42</v>
      </c>
      <c r="AB23294">
        <v>43</v>
      </c>
      <c r="AC23294">
        <v>45</v>
      </c>
      <c r="AD23294">
        <v>46</v>
      </c>
      <c r="AE23294">
        <v>47</v>
      </c>
      <c r="AF23294">
        <v>48</v>
      </c>
      <c r="AG23294">
        <v>50</v>
      </c>
      <c r="AH23294">
        <v>51</v>
      </c>
      <c r="AI23294">
        <v>52</v>
      </c>
      <c r="AJ23294">
        <v>54</v>
      </c>
      <c r="AK23294">
        <v>55</v>
      </c>
      <c r="AL23294">
        <v>56</v>
      </c>
      <c r="AM23294">
        <v>57</v>
      </c>
      <c r="AN23294">
        <v>58</v>
      </c>
      <c r="AO23294">
        <v>59</v>
      </c>
      <c r="AP23294">
        <v>60</v>
      </c>
      <c r="AQ23294">
        <v>61</v>
      </c>
    </row>
    <row r="23295" spans="1:43">
      <c r="A23295" t="s">
        <v>14431</v>
      </c>
      <c r="B23295" t="s">
        <v>14432</v>
      </c>
      <c r="C23295" t="s">
        <v>14327</v>
      </c>
      <c r="D23295" t="s">
        <v>14328</v>
      </c>
      <c r="E23295" t="s">
        <v>14307</v>
      </c>
      <c r="F23295" t="s">
        <v>14308</v>
      </c>
      <c r="G23295" t="s">
        <v>10734</v>
      </c>
      <c r="H23295" t="s">
        <v>10735</v>
      </c>
      <c r="I23295" s="2">
        <v>0</v>
      </c>
      <c r="J23295" s="2">
        <v>0</v>
      </c>
      <c r="K23295" s="2">
        <v>1</v>
      </c>
      <c r="L23295" t="s">
        <v>995</v>
      </c>
      <c r="M23295" t="s">
        <v>87</v>
      </c>
      <c r="N23295" t="s">
        <v>88</v>
      </c>
      <c r="O23295" t="s">
        <v>85</v>
      </c>
      <c r="P23295" t="s">
        <v>86</v>
      </c>
      <c r="Q23295">
        <v>32</v>
      </c>
      <c r="R23295">
        <v>33</v>
      </c>
      <c r="S23295">
        <v>34</v>
      </c>
      <c r="T23295">
        <v>34</v>
      </c>
      <c r="U23295">
        <v>35</v>
      </c>
      <c r="V23295">
        <v>36</v>
      </c>
      <c r="W23295">
        <v>36</v>
      </c>
      <c r="X23295">
        <v>37</v>
      </c>
      <c r="Y23295">
        <v>38</v>
      </c>
      <c r="Z23295">
        <v>39</v>
      </c>
      <c r="AA23295">
        <v>39</v>
      </c>
      <c r="AB23295">
        <v>40</v>
      </c>
      <c r="AC23295">
        <v>41</v>
      </c>
      <c r="AD23295">
        <v>42</v>
      </c>
      <c r="AE23295">
        <v>43</v>
      </c>
      <c r="AF23295">
        <v>43</v>
      </c>
      <c r="AG23295">
        <v>44</v>
      </c>
      <c r="AH23295">
        <v>45</v>
      </c>
      <c r="AI23295">
        <v>46</v>
      </c>
      <c r="AJ23295">
        <v>47</v>
      </c>
      <c r="AK23295">
        <v>48</v>
      </c>
      <c r="AL23295">
        <v>49</v>
      </c>
      <c r="AM23295">
        <v>50</v>
      </c>
      <c r="AN23295">
        <v>51</v>
      </c>
      <c r="AO23295">
        <v>52</v>
      </c>
      <c r="AP23295">
        <v>53</v>
      </c>
      <c r="AQ23295">
        <v>54</v>
      </c>
    </row>
    <row r="23296" spans="1:43">
      <c r="A23296" t="s">
        <v>14431</v>
      </c>
      <c r="B23296" t="s">
        <v>14432</v>
      </c>
      <c r="C23296" t="s">
        <v>14327</v>
      </c>
      <c r="D23296" t="s">
        <v>14328</v>
      </c>
      <c r="E23296" t="s">
        <v>14307</v>
      </c>
      <c r="F23296" t="s">
        <v>14308</v>
      </c>
      <c r="G23296" t="s">
        <v>10734</v>
      </c>
      <c r="H23296" t="s">
        <v>10735</v>
      </c>
      <c r="I23296" s="2">
        <v>0</v>
      </c>
      <c r="J23296" s="2">
        <v>0</v>
      </c>
      <c r="K23296" s="2">
        <v>1</v>
      </c>
      <c r="L23296" t="s">
        <v>995</v>
      </c>
      <c r="M23296" t="s">
        <v>89</v>
      </c>
      <c r="N23296" t="s">
        <v>90</v>
      </c>
      <c r="O23296" t="s">
        <v>85</v>
      </c>
      <c r="P23296" t="s">
        <v>86</v>
      </c>
      <c r="Q23296">
        <v>32</v>
      </c>
      <c r="R23296">
        <v>33</v>
      </c>
      <c r="S23296">
        <v>35</v>
      </c>
      <c r="T23296">
        <v>36</v>
      </c>
      <c r="U23296">
        <v>37</v>
      </c>
      <c r="V23296">
        <v>38</v>
      </c>
      <c r="W23296">
        <v>40</v>
      </c>
      <c r="X23296">
        <v>41</v>
      </c>
      <c r="Y23296">
        <v>42</v>
      </c>
      <c r="Z23296">
        <v>44</v>
      </c>
      <c r="AA23296">
        <v>45</v>
      </c>
      <c r="AB23296">
        <v>46</v>
      </c>
      <c r="AC23296">
        <v>48</v>
      </c>
      <c r="AD23296">
        <v>49</v>
      </c>
      <c r="AE23296">
        <v>50</v>
      </c>
      <c r="AF23296">
        <v>51</v>
      </c>
      <c r="AG23296">
        <v>52</v>
      </c>
      <c r="AH23296">
        <v>53</v>
      </c>
      <c r="AI23296">
        <v>54</v>
      </c>
      <c r="AJ23296">
        <v>55</v>
      </c>
      <c r="AK23296">
        <v>56</v>
      </c>
      <c r="AL23296">
        <v>57</v>
      </c>
      <c r="AM23296">
        <v>58</v>
      </c>
      <c r="AN23296">
        <v>59</v>
      </c>
      <c r="AO23296">
        <v>59</v>
      </c>
      <c r="AP23296">
        <v>60</v>
      </c>
      <c r="AQ23296">
        <v>61</v>
      </c>
    </row>
    <row r="23297" spans="1:43">
      <c r="A23297" t="s">
        <v>14431</v>
      </c>
      <c r="B23297" t="s">
        <v>14432</v>
      </c>
      <c r="C23297" t="s">
        <v>14327</v>
      </c>
      <c r="D23297" t="s">
        <v>14328</v>
      </c>
      <c r="E23297" t="s">
        <v>14307</v>
      </c>
      <c r="F23297" t="s">
        <v>14308</v>
      </c>
      <c r="G23297" t="s">
        <v>10734</v>
      </c>
      <c r="H23297" t="s">
        <v>10735</v>
      </c>
      <c r="I23297" s="2">
        <v>0</v>
      </c>
      <c r="J23297" s="2">
        <v>0</v>
      </c>
      <c r="K23297" s="2">
        <v>1</v>
      </c>
      <c r="L23297" t="s">
        <v>995</v>
      </c>
      <c r="M23297" t="s">
        <v>83</v>
      </c>
      <c r="N23297" t="s">
        <v>91</v>
      </c>
      <c r="O23297" t="s">
        <v>85</v>
      </c>
      <c r="P23297" t="s">
        <v>86</v>
      </c>
      <c r="Q23297">
        <v>32</v>
      </c>
      <c r="R23297">
        <v>33</v>
      </c>
      <c r="S23297">
        <v>34</v>
      </c>
      <c r="T23297">
        <v>35</v>
      </c>
      <c r="U23297">
        <v>36</v>
      </c>
      <c r="V23297">
        <v>37</v>
      </c>
      <c r="W23297">
        <v>38</v>
      </c>
      <c r="X23297">
        <v>39</v>
      </c>
      <c r="Y23297">
        <v>40</v>
      </c>
      <c r="Z23297">
        <v>41</v>
      </c>
      <c r="AA23297">
        <v>42</v>
      </c>
      <c r="AB23297">
        <v>43</v>
      </c>
      <c r="AC23297">
        <v>45</v>
      </c>
      <c r="AD23297">
        <v>46</v>
      </c>
      <c r="AE23297">
        <v>47</v>
      </c>
      <c r="AF23297">
        <v>48</v>
      </c>
      <c r="AG23297">
        <v>50</v>
      </c>
      <c r="AH23297">
        <v>51</v>
      </c>
      <c r="AI23297">
        <v>52</v>
      </c>
      <c r="AJ23297">
        <v>54</v>
      </c>
      <c r="AK23297">
        <v>55</v>
      </c>
      <c r="AL23297">
        <v>56</v>
      </c>
      <c r="AM23297">
        <v>57</v>
      </c>
      <c r="AN23297">
        <v>58</v>
      </c>
      <c r="AO23297">
        <v>59</v>
      </c>
      <c r="AP23297">
        <v>60</v>
      </c>
      <c r="AQ23297">
        <v>61</v>
      </c>
    </row>
    <row r="23298" spans="1:43">
      <c r="A23298" t="s">
        <v>14433</v>
      </c>
      <c r="B23298" t="s">
        <v>14434</v>
      </c>
      <c r="C23298" t="s">
        <v>14331</v>
      </c>
      <c r="D23298" t="s">
        <v>14332</v>
      </c>
      <c r="E23298" t="s">
        <v>14307</v>
      </c>
      <c r="F23298" t="s">
        <v>14308</v>
      </c>
      <c r="G23298" t="s">
        <v>10734</v>
      </c>
      <c r="H23298" t="s">
        <v>10735</v>
      </c>
      <c r="I23298" s="2">
        <v>0</v>
      </c>
      <c r="J23298" s="2">
        <v>0</v>
      </c>
      <c r="K23298" s="2">
        <v>1</v>
      </c>
      <c r="L23298" t="s">
        <v>995</v>
      </c>
      <c r="M23298" t="s">
        <v>83</v>
      </c>
      <c r="N23298" t="s">
        <v>84</v>
      </c>
      <c r="O23298" t="s">
        <v>85</v>
      </c>
      <c r="P23298" t="s">
        <v>86</v>
      </c>
      <c r="Q23298">
        <v>81</v>
      </c>
      <c r="R23298">
        <v>84</v>
      </c>
      <c r="S23298">
        <v>86</v>
      </c>
      <c r="T23298">
        <v>89</v>
      </c>
      <c r="U23298">
        <v>92</v>
      </c>
      <c r="V23298">
        <v>94</v>
      </c>
      <c r="W23298">
        <v>97</v>
      </c>
      <c r="X23298">
        <v>100</v>
      </c>
      <c r="Y23298">
        <v>102</v>
      </c>
      <c r="Z23298">
        <v>105</v>
      </c>
      <c r="AA23298">
        <v>108</v>
      </c>
      <c r="AB23298">
        <v>111</v>
      </c>
      <c r="AC23298">
        <v>114</v>
      </c>
      <c r="AD23298">
        <v>117</v>
      </c>
      <c r="AE23298">
        <v>121</v>
      </c>
      <c r="AF23298">
        <v>124</v>
      </c>
      <c r="AG23298">
        <v>127</v>
      </c>
      <c r="AH23298">
        <v>131</v>
      </c>
      <c r="AI23298">
        <v>134</v>
      </c>
      <c r="AJ23298">
        <v>137</v>
      </c>
      <c r="AK23298">
        <v>141</v>
      </c>
      <c r="AL23298">
        <v>144</v>
      </c>
      <c r="AM23298">
        <v>146</v>
      </c>
      <c r="AN23298">
        <v>149</v>
      </c>
      <c r="AO23298">
        <v>151</v>
      </c>
      <c r="AP23298">
        <v>154</v>
      </c>
      <c r="AQ23298">
        <v>156</v>
      </c>
    </row>
    <row r="23299" spans="1:43">
      <c r="A23299" t="s">
        <v>14433</v>
      </c>
      <c r="B23299" t="s">
        <v>14434</v>
      </c>
      <c r="C23299" t="s">
        <v>14331</v>
      </c>
      <c r="D23299" t="s">
        <v>14332</v>
      </c>
      <c r="E23299" t="s">
        <v>14307</v>
      </c>
      <c r="F23299" t="s">
        <v>14308</v>
      </c>
      <c r="G23299" t="s">
        <v>10734</v>
      </c>
      <c r="H23299" t="s">
        <v>10735</v>
      </c>
      <c r="I23299" s="2">
        <v>0</v>
      </c>
      <c r="J23299" s="2">
        <v>0</v>
      </c>
      <c r="K23299" s="2">
        <v>1</v>
      </c>
      <c r="L23299" t="s">
        <v>995</v>
      </c>
      <c r="M23299" t="s">
        <v>87</v>
      </c>
      <c r="N23299" t="s">
        <v>88</v>
      </c>
      <c r="O23299" t="s">
        <v>85</v>
      </c>
      <c r="P23299" t="s">
        <v>86</v>
      </c>
      <c r="Q23299">
        <v>81</v>
      </c>
      <c r="R23299">
        <v>82</v>
      </c>
      <c r="S23299">
        <v>84</v>
      </c>
      <c r="T23299">
        <v>86</v>
      </c>
      <c r="U23299">
        <v>87</v>
      </c>
      <c r="V23299">
        <v>89</v>
      </c>
      <c r="W23299">
        <v>91</v>
      </c>
      <c r="X23299">
        <v>93</v>
      </c>
      <c r="Y23299">
        <v>95</v>
      </c>
      <c r="Z23299">
        <v>97</v>
      </c>
      <c r="AA23299">
        <v>99</v>
      </c>
      <c r="AB23299">
        <v>101</v>
      </c>
      <c r="AC23299">
        <v>103</v>
      </c>
      <c r="AD23299">
        <v>105</v>
      </c>
      <c r="AE23299">
        <v>107</v>
      </c>
      <c r="AF23299">
        <v>109</v>
      </c>
      <c r="AG23299">
        <v>111</v>
      </c>
      <c r="AH23299">
        <v>113</v>
      </c>
      <c r="AI23299">
        <v>116</v>
      </c>
      <c r="AJ23299">
        <v>118</v>
      </c>
      <c r="AK23299">
        <v>120</v>
      </c>
      <c r="AL23299">
        <v>123</v>
      </c>
      <c r="AM23299">
        <v>125</v>
      </c>
      <c r="AN23299">
        <v>128</v>
      </c>
      <c r="AO23299">
        <v>130</v>
      </c>
      <c r="AP23299">
        <v>133</v>
      </c>
      <c r="AQ23299">
        <v>135</v>
      </c>
    </row>
    <row r="23300" spans="1:43">
      <c r="A23300" t="s">
        <v>14433</v>
      </c>
      <c r="B23300" t="s">
        <v>14434</v>
      </c>
      <c r="C23300" t="s">
        <v>14331</v>
      </c>
      <c r="D23300" t="s">
        <v>14332</v>
      </c>
      <c r="E23300" t="s">
        <v>14307</v>
      </c>
      <c r="F23300" t="s">
        <v>14308</v>
      </c>
      <c r="G23300" t="s">
        <v>10734</v>
      </c>
      <c r="H23300" t="s">
        <v>10735</v>
      </c>
      <c r="I23300" s="2">
        <v>0</v>
      </c>
      <c r="J23300" s="2">
        <v>0</v>
      </c>
      <c r="K23300" s="2">
        <v>1</v>
      </c>
      <c r="L23300" t="s">
        <v>995</v>
      </c>
      <c r="M23300" t="s">
        <v>89</v>
      </c>
      <c r="N23300" t="s">
        <v>90</v>
      </c>
      <c r="O23300" t="s">
        <v>85</v>
      </c>
      <c r="P23300" t="s">
        <v>86</v>
      </c>
      <c r="Q23300">
        <v>81</v>
      </c>
      <c r="R23300">
        <v>84</v>
      </c>
      <c r="S23300">
        <v>88</v>
      </c>
      <c r="T23300">
        <v>91</v>
      </c>
      <c r="U23300">
        <v>94</v>
      </c>
      <c r="V23300">
        <v>97</v>
      </c>
      <c r="W23300">
        <v>101</v>
      </c>
      <c r="X23300">
        <v>104</v>
      </c>
      <c r="Y23300">
        <v>108</v>
      </c>
      <c r="Z23300">
        <v>111</v>
      </c>
      <c r="AA23300">
        <v>114</v>
      </c>
      <c r="AB23300">
        <v>118</v>
      </c>
      <c r="AC23300">
        <v>121</v>
      </c>
      <c r="AD23300">
        <v>125</v>
      </c>
      <c r="AE23300">
        <v>128</v>
      </c>
      <c r="AF23300">
        <v>130</v>
      </c>
      <c r="AG23300">
        <v>133</v>
      </c>
      <c r="AH23300">
        <v>135</v>
      </c>
      <c r="AI23300">
        <v>137</v>
      </c>
      <c r="AJ23300">
        <v>140</v>
      </c>
      <c r="AK23300">
        <v>142</v>
      </c>
      <c r="AL23300">
        <v>144</v>
      </c>
      <c r="AM23300">
        <v>147</v>
      </c>
      <c r="AN23300">
        <v>149</v>
      </c>
      <c r="AO23300">
        <v>152</v>
      </c>
      <c r="AP23300">
        <v>154</v>
      </c>
      <c r="AQ23300">
        <v>157</v>
      </c>
    </row>
    <row r="23301" spans="1:43">
      <c r="A23301" t="s">
        <v>14433</v>
      </c>
      <c r="B23301" t="s">
        <v>14434</v>
      </c>
      <c r="C23301" t="s">
        <v>14331</v>
      </c>
      <c r="D23301" t="s">
        <v>14332</v>
      </c>
      <c r="E23301" t="s">
        <v>14307</v>
      </c>
      <c r="F23301" t="s">
        <v>14308</v>
      </c>
      <c r="G23301" t="s">
        <v>10734</v>
      </c>
      <c r="H23301" t="s">
        <v>10735</v>
      </c>
      <c r="I23301" s="2">
        <v>0</v>
      </c>
      <c r="J23301" s="2">
        <v>0</v>
      </c>
      <c r="K23301" s="2">
        <v>1</v>
      </c>
      <c r="L23301" t="s">
        <v>995</v>
      </c>
      <c r="M23301" t="s">
        <v>83</v>
      </c>
      <c r="N23301" t="s">
        <v>91</v>
      </c>
      <c r="O23301" t="s">
        <v>85</v>
      </c>
      <c r="P23301" t="s">
        <v>86</v>
      </c>
      <c r="Q23301">
        <v>81</v>
      </c>
      <c r="R23301">
        <v>84</v>
      </c>
      <c r="S23301">
        <v>86</v>
      </c>
      <c r="T23301">
        <v>89</v>
      </c>
      <c r="U23301">
        <v>92</v>
      </c>
      <c r="V23301">
        <v>94</v>
      </c>
      <c r="W23301">
        <v>97</v>
      </c>
      <c r="X23301">
        <v>100</v>
      </c>
      <c r="Y23301">
        <v>102</v>
      </c>
      <c r="Z23301">
        <v>105</v>
      </c>
      <c r="AA23301">
        <v>108</v>
      </c>
      <c r="AB23301">
        <v>111</v>
      </c>
      <c r="AC23301">
        <v>114</v>
      </c>
      <c r="AD23301">
        <v>117</v>
      </c>
      <c r="AE23301">
        <v>121</v>
      </c>
      <c r="AF23301">
        <v>124</v>
      </c>
      <c r="AG23301">
        <v>127</v>
      </c>
      <c r="AH23301">
        <v>131</v>
      </c>
      <c r="AI23301">
        <v>134</v>
      </c>
      <c r="AJ23301">
        <v>137</v>
      </c>
      <c r="AK23301">
        <v>141</v>
      </c>
      <c r="AL23301">
        <v>144</v>
      </c>
      <c r="AM23301">
        <v>146</v>
      </c>
      <c r="AN23301">
        <v>149</v>
      </c>
      <c r="AO23301">
        <v>151</v>
      </c>
      <c r="AP23301">
        <v>154</v>
      </c>
      <c r="AQ23301">
        <v>156</v>
      </c>
    </row>
    <row r="23302" spans="1:43">
      <c r="A23302" t="s">
        <v>14435</v>
      </c>
      <c r="B23302" t="s">
        <v>14436</v>
      </c>
      <c r="C23302" t="s">
        <v>14331</v>
      </c>
      <c r="D23302" t="s">
        <v>14332</v>
      </c>
      <c r="E23302" t="s">
        <v>14307</v>
      </c>
      <c r="F23302" t="s">
        <v>14308</v>
      </c>
      <c r="G23302" t="s">
        <v>10734</v>
      </c>
      <c r="H23302" t="s">
        <v>10735</v>
      </c>
      <c r="I23302" s="2">
        <v>0</v>
      </c>
      <c r="J23302" s="2">
        <v>0</v>
      </c>
      <c r="K23302" s="2">
        <v>1</v>
      </c>
      <c r="L23302" t="s">
        <v>995</v>
      </c>
      <c r="M23302" t="s">
        <v>83</v>
      </c>
      <c r="N23302" t="s">
        <v>84</v>
      </c>
      <c r="O23302" t="s">
        <v>85</v>
      </c>
      <c r="P23302" t="s">
        <v>86</v>
      </c>
      <c r="Q23302">
        <v>7</v>
      </c>
      <c r="R23302">
        <v>7</v>
      </c>
      <c r="S23302">
        <v>7</v>
      </c>
      <c r="T23302">
        <v>8</v>
      </c>
      <c r="U23302">
        <v>8</v>
      </c>
      <c r="V23302">
        <v>8</v>
      </c>
      <c r="W23302">
        <v>8</v>
      </c>
      <c r="X23302">
        <v>9</v>
      </c>
      <c r="Y23302">
        <v>9</v>
      </c>
      <c r="Z23302">
        <v>9</v>
      </c>
      <c r="AA23302">
        <v>9</v>
      </c>
      <c r="AB23302">
        <v>10</v>
      </c>
      <c r="AC23302">
        <v>10</v>
      </c>
      <c r="AD23302">
        <v>10</v>
      </c>
      <c r="AE23302">
        <v>10</v>
      </c>
      <c r="AF23302">
        <v>11</v>
      </c>
      <c r="AG23302">
        <v>11</v>
      </c>
      <c r="AH23302">
        <v>11</v>
      </c>
      <c r="AI23302">
        <v>11</v>
      </c>
      <c r="AJ23302">
        <v>12</v>
      </c>
      <c r="AK23302">
        <v>12</v>
      </c>
      <c r="AL23302">
        <v>12</v>
      </c>
      <c r="AM23302">
        <v>13</v>
      </c>
      <c r="AN23302">
        <v>13</v>
      </c>
      <c r="AO23302">
        <v>13</v>
      </c>
      <c r="AP23302">
        <v>13</v>
      </c>
      <c r="AQ23302">
        <v>13</v>
      </c>
    </row>
    <row r="23303" spans="1:43">
      <c r="A23303" t="s">
        <v>14435</v>
      </c>
      <c r="B23303" t="s">
        <v>14436</v>
      </c>
      <c r="C23303" t="s">
        <v>14331</v>
      </c>
      <c r="D23303" t="s">
        <v>14332</v>
      </c>
      <c r="E23303" t="s">
        <v>14307</v>
      </c>
      <c r="F23303" t="s">
        <v>14308</v>
      </c>
      <c r="G23303" t="s">
        <v>10734</v>
      </c>
      <c r="H23303" t="s">
        <v>10735</v>
      </c>
      <c r="I23303" s="2">
        <v>0</v>
      </c>
      <c r="J23303" s="2">
        <v>0</v>
      </c>
      <c r="K23303" s="2">
        <v>1</v>
      </c>
      <c r="L23303" t="s">
        <v>995</v>
      </c>
      <c r="M23303" t="s">
        <v>87</v>
      </c>
      <c r="N23303" t="s">
        <v>88</v>
      </c>
      <c r="O23303" t="s">
        <v>85</v>
      </c>
      <c r="P23303" t="s">
        <v>86</v>
      </c>
      <c r="Q23303">
        <v>7</v>
      </c>
      <c r="R23303">
        <v>7</v>
      </c>
      <c r="S23303">
        <v>7</v>
      </c>
      <c r="T23303">
        <v>7</v>
      </c>
      <c r="U23303">
        <v>7</v>
      </c>
      <c r="V23303">
        <v>8</v>
      </c>
      <c r="W23303">
        <v>8</v>
      </c>
      <c r="X23303">
        <v>8</v>
      </c>
      <c r="Y23303">
        <v>8</v>
      </c>
      <c r="Z23303">
        <v>8</v>
      </c>
      <c r="AA23303">
        <v>8</v>
      </c>
      <c r="AB23303">
        <v>9</v>
      </c>
      <c r="AC23303">
        <v>9</v>
      </c>
      <c r="AD23303">
        <v>9</v>
      </c>
      <c r="AE23303">
        <v>9</v>
      </c>
      <c r="AF23303">
        <v>9</v>
      </c>
      <c r="AG23303">
        <v>10</v>
      </c>
      <c r="AH23303">
        <v>10</v>
      </c>
      <c r="AI23303">
        <v>10</v>
      </c>
      <c r="AJ23303">
        <v>10</v>
      </c>
      <c r="AK23303">
        <v>10</v>
      </c>
      <c r="AL23303">
        <v>10</v>
      </c>
      <c r="AM23303">
        <v>11</v>
      </c>
      <c r="AN23303">
        <v>11</v>
      </c>
      <c r="AO23303">
        <v>11</v>
      </c>
      <c r="AP23303">
        <v>11</v>
      </c>
      <c r="AQ23303">
        <v>12</v>
      </c>
    </row>
    <row r="23304" spans="1:43">
      <c r="A23304" t="s">
        <v>14435</v>
      </c>
      <c r="B23304" t="s">
        <v>14436</v>
      </c>
      <c r="C23304" t="s">
        <v>14331</v>
      </c>
      <c r="D23304" t="s">
        <v>14332</v>
      </c>
      <c r="E23304" t="s">
        <v>14307</v>
      </c>
      <c r="F23304" t="s">
        <v>14308</v>
      </c>
      <c r="G23304" t="s">
        <v>10734</v>
      </c>
      <c r="H23304" t="s">
        <v>10735</v>
      </c>
      <c r="I23304" s="2">
        <v>0</v>
      </c>
      <c r="J23304" s="2">
        <v>0</v>
      </c>
      <c r="K23304" s="2">
        <v>1</v>
      </c>
      <c r="L23304" t="s">
        <v>995</v>
      </c>
      <c r="M23304" t="s">
        <v>89</v>
      </c>
      <c r="N23304" t="s">
        <v>90</v>
      </c>
      <c r="O23304" t="s">
        <v>85</v>
      </c>
      <c r="P23304" t="s">
        <v>86</v>
      </c>
      <c r="Q23304">
        <v>7</v>
      </c>
      <c r="R23304">
        <v>7</v>
      </c>
      <c r="S23304">
        <v>8</v>
      </c>
      <c r="T23304">
        <v>8</v>
      </c>
      <c r="U23304">
        <v>8</v>
      </c>
      <c r="V23304">
        <v>8</v>
      </c>
      <c r="W23304">
        <v>9</v>
      </c>
      <c r="X23304">
        <v>9</v>
      </c>
      <c r="Y23304">
        <v>9</v>
      </c>
      <c r="Z23304">
        <v>10</v>
      </c>
      <c r="AA23304">
        <v>10</v>
      </c>
      <c r="AB23304">
        <v>10</v>
      </c>
      <c r="AC23304">
        <v>10</v>
      </c>
      <c r="AD23304">
        <v>11</v>
      </c>
      <c r="AE23304">
        <v>11</v>
      </c>
      <c r="AF23304">
        <v>11</v>
      </c>
      <c r="AG23304">
        <v>11</v>
      </c>
      <c r="AH23304">
        <v>12</v>
      </c>
      <c r="AI23304">
        <v>12</v>
      </c>
      <c r="AJ23304">
        <v>12</v>
      </c>
      <c r="AK23304">
        <v>12</v>
      </c>
      <c r="AL23304">
        <v>12</v>
      </c>
      <c r="AM23304">
        <v>13</v>
      </c>
      <c r="AN23304">
        <v>13</v>
      </c>
      <c r="AO23304">
        <v>13</v>
      </c>
      <c r="AP23304">
        <v>13</v>
      </c>
      <c r="AQ23304">
        <v>13</v>
      </c>
    </row>
    <row r="23305" spans="1:43">
      <c r="A23305" t="s">
        <v>14435</v>
      </c>
      <c r="B23305" t="s">
        <v>14436</v>
      </c>
      <c r="C23305" t="s">
        <v>14331</v>
      </c>
      <c r="D23305" t="s">
        <v>14332</v>
      </c>
      <c r="E23305" t="s">
        <v>14307</v>
      </c>
      <c r="F23305" t="s">
        <v>14308</v>
      </c>
      <c r="G23305" t="s">
        <v>10734</v>
      </c>
      <c r="H23305" t="s">
        <v>10735</v>
      </c>
      <c r="I23305" s="2">
        <v>0</v>
      </c>
      <c r="J23305" s="2">
        <v>0</v>
      </c>
      <c r="K23305" s="2">
        <v>1</v>
      </c>
      <c r="L23305" t="s">
        <v>995</v>
      </c>
      <c r="M23305" t="s">
        <v>83</v>
      </c>
      <c r="N23305" t="s">
        <v>91</v>
      </c>
      <c r="O23305" t="s">
        <v>85</v>
      </c>
      <c r="P23305" t="s">
        <v>86</v>
      </c>
      <c r="Q23305">
        <v>7</v>
      </c>
      <c r="R23305">
        <v>7</v>
      </c>
      <c r="S23305">
        <v>7</v>
      </c>
      <c r="T23305">
        <v>8</v>
      </c>
      <c r="U23305">
        <v>8</v>
      </c>
      <c r="V23305">
        <v>8</v>
      </c>
      <c r="W23305">
        <v>8</v>
      </c>
      <c r="X23305">
        <v>9</v>
      </c>
      <c r="Y23305">
        <v>9</v>
      </c>
      <c r="Z23305">
        <v>9</v>
      </c>
      <c r="AA23305">
        <v>9</v>
      </c>
      <c r="AB23305">
        <v>10</v>
      </c>
      <c r="AC23305">
        <v>10</v>
      </c>
      <c r="AD23305">
        <v>10</v>
      </c>
      <c r="AE23305">
        <v>10</v>
      </c>
      <c r="AF23305">
        <v>11</v>
      </c>
      <c r="AG23305">
        <v>11</v>
      </c>
      <c r="AH23305">
        <v>11</v>
      </c>
      <c r="AI23305">
        <v>11</v>
      </c>
      <c r="AJ23305">
        <v>12</v>
      </c>
      <c r="AK23305">
        <v>12</v>
      </c>
      <c r="AL23305">
        <v>12</v>
      </c>
      <c r="AM23305">
        <v>13</v>
      </c>
      <c r="AN23305">
        <v>13</v>
      </c>
      <c r="AO23305">
        <v>13</v>
      </c>
      <c r="AP23305">
        <v>13</v>
      </c>
      <c r="AQ23305">
        <v>13</v>
      </c>
    </row>
    <row r="23306" spans="1:43">
      <c r="A23306" t="s">
        <v>14437</v>
      </c>
      <c r="B23306" t="s">
        <v>14438</v>
      </c>
      <c r="C23306" t="s">
        <v>14331</v>
      </c>
      <c r="D23306" t="s">
        <v>14332</v>
      </c>
      <c r="E23306" t="s">
        <v>14307</v>
      </c>
      <c r="F23306" t="s">
        <v>14308</v>
      </c>
      <c r="G23306" t="s">
        <v>10734</v>
      </c>
      <c r="H23306" t="s">
        <v>10735</v>
      </c>
      <c r="I23306" s="2">
        <v>0</v>
      </c>
      <c r="J23306" s="2">
        <v>0</v>
      </c>
      <c r="K23306" s="2">
        <v>1</v>
      </c>
      <c r="L23306" t="s">
        <v>995</v>
      </c>
      <c r="M23306" t="s">
        <v>83</v>
      </c>
      <c r="N23306" t="s">
        <v>84</v>
      </c>
      <c r="O23306" t="s">
        <v>85</v>
      </c>
      <c r="P23306" t="s">
        <v>86</v>
      </c>
      <c r="Q23306">
        <v>41</v>
      </c>
      <c r="R23306">
        <v>43</v>
      </c>
      <c r="S23306">
        <v>44</v>
      </c>
      <c r="T23306">
        <v>45</v>
      </c>
      <c r="U23306">
        <v>46</v>
      </c>
      <c r="V23306">
        <v>48</v>
      </c>
      <c r="W23306">
        <v>49</v>
      </c>
      <c r="X23306">
        <v>51</v>
      </c>
      <c r="Y23306">
        <v>52</v>
      </c>
      <c r="Z23306">
        <v>53</v>
      </c>
      <c r="AA23306">
        <v>55</v>
      </c>
      <c r="AB23306">
        <v>56</v>
      </c>
      <c r="AC23306">
        <v>58</v>
      </c>
      <c r="AD23306">
        <v>60</v>
      </c>
      <c r="AE23306">
        <v>61</v>
      </c>
      <c r="AF23306">
        <v>63</v>
      </c>
      <c r="AG23306">
        <v>64</v>
      </c>
      <c r="AH23306">
        <v>66</v>
      </c>
      <c r="AI23306">
        <v>68</v>
      </c>
      <c r="AJ23306">
        <v>70</v>
      </c>
      <c r="AK23306">
        <v>71</v>
      </c>
      <c r="AL23306">
        <v>73</v>
      </c>
      <c r="AM23306">
        <v>74</v>
      </c>
      <c r="AN23306">
        <v>75</v>
      </c>
      <c r="AO23306">
        <v>77</v>
      </c>
      <c r="AP23306">
        <v>78</v>
      </c>
      <c r="AQ23306">
        <v>79</v>
      </c>
    </row>
    <row r="23307" spans="1:43">
      <c r="A23307" t="s">
        <v>14437</v>
      </c>
      <c r="B23307" t="s">
        <v>14438</v>
      </c>
      <c r="C23307" t="s">
        <v>14331</v>
      </c>
      <c r="D23307" t="s">
        <v>14332</v>
      </c>
      <c r="E23307" t="s">
        <v>14307</v>
      </c>
      <c r="F23307" t="s">
        <v>14308</v>
      </c>
      <c r="G23307" t="s">
        <v>10734</v>
      </c>
      <c r="H23307" t="s">
        <v>10735</v>
      </c>
      <c r="I23307" s="2">
        <v>0</v>
      </c>
      <c r="J23307" s="2">
        <v>0</v>
      </c>
      <c r="K23307" s="2">
        <v>1</v>
      </c>
      <c r="L23307" t="s">
        <v>995</v>
      </c>
      <c r="M23307" t="s">
        <v>87</v>
      </c>
      <c r="N23307" t="s">
        <v>88</v>
      </c>
      <c r="O23307" t="s">
        <v>85</v>
      </c>
      <c r="P23307" t="s">
        <v>86</v>
      </c>
      <c r="Q23307">
        <v>41</v>
      </c>
      <c r="R23307">
        <v>42</v>
      </c>
      <c r="S23307">
        <v>43</v>
      </c>
      <c r="T23307">
        <v>43</v>
      </c>
      <c r="U23307">
        <v>44</v>
      </c>
      <c r="V23307">
        <v>45</v>
      </c>
      <c r="W23307">
        <v>46</v>
      </c>
      <c r="X23307">
        <v>47</v>
      </c>
      <c r="Y23307">
        <v>48</v>
      </c>
      <c r="Z23307">
        <v>49</v>
      </c>
      <c r="AA23307">
        <v>50</v>
      </c>
      <c r="AB23307">
        <v>51</v>
      </c>
      <c r="AC23307">
        <v>52</v>
      </c>
      <c r="AD23307">
        <v>53</v>
      </c>
      <c r="AE23307">
        <v>54</v>
      </c>
      <c r="AF23307">
        <v>55</v>
      </c>
      <c r="AG23307">
        <v>56</v>
      </c>
      <c r="AH23307">
        <v>58</v>
      </c>
      <c r="AI23307">
        <v>59</v>
      </c>
      <c r="AJ23307">
        <v>60</v>
      </c>
      <c r="AK23307">
        <v>61</v>
      </c>
      <c r="AL23307">
        <v>62</v>
      </c>
      <c r="AM23307">
        <v>64</v>
      </c>
      <c r="AN23307">
        <v>65</v>
      </c>
      <c r="AO23307">
        <v>66</v>
      </c>
      <c r="AP23307">
        <v>67</v>
      </c>
      <c r="AQ23307">
        <v>69</v>
      </c>
    </row>
    <row r="23308" spans="1:43">
      <c r="A23308" t="s">
        <v>14437</v>
      </c>
      <c r="B23308" t="s">
        <v>14438</v>
      </c>
      <c r="C23308" t="s">
        <v>14331</v>
      </c>
      <c r="D23308" t="s">
        <v>14332</v>
      </c>
      <c r="E23308" t="s">
        <v>14307</v>
      </c>
      <c r="F23308" t="s">
        <v>14308</v>
      </c>
      <c r="G23308" t="s">
        <v>10734</v>
      </c>
      <c r="H23308" t="s">
        <v>10735</v>
      </c>
      <c r="I23308" s="2">
        <v>0</v>
      </c>
      <c r="J23308" s="2">
        <v>0</v>
      </c>
      <c r="K23308" s="2">
        <v>1</v>
      </c>
      <c r="L23308" t="s">
        <v>995</v>
      </c>
      <c r="M23308" t="s">
        <v>89</v>
      </c>
      <c r="N23308" t="s">
        <v>90</v>
      </c>
      <c r="O23308" t="s">
        <v>85</v>
      </c>
      <c r="P23308" t="s">
        <v>86</v>
      </c>
      <c r="Q23308">
        <v>41</v>
      </c>
      <c r="R23308">
        <v>42</v>
      </c>
      <c r="S23308">
        <v>44</v>
      </c>
      <c r="T23308">
        <v>46</v>
      </c>
      <c r="U23308">
        <v>47</v>
      </c>
      <c r="V23308">
        <v>49</v>
      </c>
      <c r="W23308">
        <v>51</v>
      </c>
      <c r="X23308">
        <v>52</v>
      </c>
      <c r="Y23308">
        <v>54</v>
      </c>
      <c r="Z23308">
        <v>56</v>
      </c>
      <c r="AA23308">
        <v>57</v>
      </c>
      <c r="AB23308">
        <v>59</v>
      </c>
      <c r="AC23308">
        <v>61</v>
      </c>
      <c r="AD23308">
        <v>63</v>
      </c>
      <c r="AE23308">
        <v>65</v>
      </c>
      <c r="AF23308">
        <v>66</v>
      </c>
      <c r="AG23308">
        <v>67</v>
      </c>
      <c r="AH23308">
        <v>68</v>
      </c>
      <c r="AI23308">
        <v>69</v>
      </c>
      <c r="AJ23308">
        <v>70</v>
      </c>
      <c r="AK23308">
        <v>71</v>
      </c>
      <c r="AL23308">
        <v>73</v>
      </c>
      <c r="AM23308">
        <v>74</v>
      </c>
      <c r="AN23308">
        <v>75</v>
      </c>
      <c r="AO23308">
        <v>76</v>
      </c>
      <c r="AP23308">
        <v>78</v>
      </c>
      <c r="AQ23308">
        <v>79</v>
      </c>
    </row>
    <row r="23309" spans="1:43">
      <c r="A23309" t="s">
        <v>14437</v>
      </c>
      <c r="B23309" t="s">
        <v>14438</v>
      </c>
      <c r="C23309" t="s">
        <v>14331</v>
      </c>
      <c r="D23309" t="s">
        <v>14332</v>
      </c>
      <c r="E23309" t="s">
        <v>14307</v>
      </c>
      <c r="F23309" t="s">
        <v>14308</v>
      </c>
      <c r="G23309" t="s">
        <v>10734</v>
      </c>
      <c r="H23309" t="s">
        <v>10735</v>
      </c>
      <c r="I23309" s="2">
        <v>0</v>
      </c>
      <c r="J23309" s="2">
        <v>0</v>
      </c>
      <c r="K23309" s="2">
        <v>1</v>
      </c>
      <c r="L23309" t="s">
        <v>995</v>
      </c>
      <c r="M23309" t="s">
        <v>83</v>
      </c>
      <c r="N23309" t="s">
        <v>91</v>
      </c>
      <c r="O23309" t="s">
        <v>85</v>
      </c>
      <c r="P23309" t="s">
        <v>86</v>
      </c>
      <c r="Q23309">
        <v>41</v>
      </c>
      <c r="R23309">
        <v>43</v>
      </c>
      <c r="S23309">
        <v>44</v>
      </c>
      <c r="T23309">
        <v>45</v>
      </c>
      <c r="U23309">
        <v>46</v>
      </c>
      <c r="V23309">
        <v>48</v>
      </c>
      <c r="W23309">
        <v>49</v>
      </c>
      <c r="X23309">
        <v>51</v>
      </c>
      <c r="Y23309">
        <v>52</v>
      </c>
      <c r="Z23309">
        <v>53</v>
      </c>
      <c r="AA23309">
        <v>55</v>
      </c>
      <c r="AB23309">
        <v>56</v>
      </c>
      <c r="AC23309">
        <v>58</v>
      </c>
      <c r="AD23309">
        <v>60</v>
      </c>
      <c r="AE23309">
        <v>61</v>
      </c>
      <c r="AF23309">
        <v>63</v>
      </c>
      <c r="AG23309">
        <v>64</v>
      </c>
      <c r="AH23309">
        <v>66</v>
      </c>
      <c r="AI23309">
        <v>68</v>
      </c>
      <c r="AJ23309">
        <v>70</v>
      </c>
      <c r="AK23309">
        <v>71</v>
      </c>
      <c r="AL23309">
        <v>73</v>
      </c>
      <c r="AM23309">
        <v>74</v>
      </c>
      <c r="AN23309">
        <v>75</v>
      </c>
      <c r="AO23309">
        <v>77</v>
      </c>
      <c r="AP23309">
        <v>78</v>
      </c>
      <c r="AQ23309">
        <v>79</v>
      </c>
    </row>
    <row r="23310" spans="1:43">
      <c r="A23310" t="s">
        <v>14439</v>
      </c>
      <c r="B23310" t="s">
        <v>14440</v>
      </c>
      <c r="C23310" t="s">
        <v>14331</v>
      </c>
      <c r="D23310" t="s">
        <v>14332</v>
      </c>
      <c r="E23310" t="s">
        <v>14307</v>
      </c>
      <c r="F23310" t="s">
        <v>14308</v>
      </c>
      <c r="G23310" t="s">
        <v>10734</v>
      </c>
      <c r="H23310" t="s">
        <v>10735</v>
      </c>
      <c r="I23310" s="2">
        <v>0</v>
      </c>
      <c r="J23310" s="2">
        <v>0</v>
      </c>
      <c r="K23310" s="2">
        <v>1</v>
      </c>
      <c r="L23310" t="s">
        <v>995</v>
      </c>
      <c r="M23310" t="s">
        <v>83</v>
      </c>
      <c r="N23310" t="s">
        <v>84</v>
      </c>
      <c r="O23310" t="s">
        <v>85</v>
      </c>
      <c r="P23310" t="s">
        <v>86</v>
      </c>
      <c r="Q23310">
        <v>28</v>
      </c>
      <c r="R23310">
        <v>29</v>
      </c>
      <c r="S23310">
        <v>30</v>
      </c>
      <c r="T23310">
        <v>31</v>
      </c>
      <c r="U23310">
        <v>32</v>
      </c>
      <c r="V23310">
        <v>33</v>
      </c>
      <c r="W23310">
        <v>34</v>
      </c>
      <c r="X23310">
        <v>35</v>
      </c>
      <c r="Y23310">
        <v>36</v>
      </c>
      <c r="Z23310">
        <v>37</v>
      </c>
      <c r="AA23310">
        <v>38</v>
      </c>
      <c r="AB23310">
        <v>39</v>
      </c>
      <c r="AC23310">
        <v>40</v>
      </c>
      <c r="AD23310">
        <v>41</v>
      </c>
      <c r="AE23310">
        <v>42</v>
      </c>
      <c r="AF23310">
        <v>43</v>
      </c>
      <c r="AG23310">
        <v>44</v>
      </c>
      <c r="AH23310">
        <v>46</v>
      </c>
      <c r="AI23310">
        <v>47</v>
      </c>
      <c r="AJ23310">
        <v>48</v>
      </c>
      <c r="AK23310">
        <v>49</v>
      </c>
      <c r="AL23310">
        <v>50</v>
      </c>
      <c r="AM23310">
        <v>51</v>
      </c>
      <c r="AN23310">
        <v>52</v>
      </c>
      <c r="AO23310">
        <v>53</v>
      </c>
      <c r="AP23310">
        <v>54</v>
      </c>
      <c r="AQ23310">
        <v>55</v>
      </c>
    </row>
    <row r="23311" spans="1:43">
      <c r="A23311" t="s">
        <v>14439</v>
      </c>
      <c r="B23311" t="s">
        <v>14440</v>
      </c>
      <c r="C23311" t="s">
        <v>14331</v>
      </c>
      <c r="D23311" t="s">
        <v>14332</v>
      </c>
      <c r="E23311" t="s">
        <v>14307</v>
      </c>
      <c r="F23311" t="s">
        <v>14308</v>
      </c>
      <c r="G23311" t="s">
        <v>10734</v>
      </c>
      <c r="H23311" t="s">
        <v>10735</v>
      </c>
      <c r="I23311" s="2">
        <v>0</v>
      </c>
      <c r="J23311" s="2">
        <v>0</v>
      </c>
      <c r="K23311" s="2">
        <v>1</v>
      </c>
      <c r="L23311" t="s">
        <v>995</v>
      </c>
      <c r="M23311" t="s">
        <v>87</v>
      </c>
      <c r="N23311" t="s">
        <v>88</v>
      </c>
      <c r="O23311" t="s">
        <v>85</v>
      </c>
      <c r="P23311" t="s">
        <v>86</v>
      </c>
      <c r="Q23311">
        <v>28</v>
      </c>
      <c r="R23311">
        <v>29</v>
      </c>
      <c r="S23311">
        <v>29</v>
      </c>
      <c r="T23311">
        <v>30</v>
      </c>
      <c r="U23311">
        <v>31</v>
      </c>
      <c r="V23311">
        <v>31</v>
      </c>
      <c r="W23311">
        <v>32</v>
      </c>
      <c r="X23311">
        <v>32</v>
      </c>
      <c r="Y23311">
        <v>33</v>
      </c>
      <c r="Z23311">
        <v>34</v>
      </c>
      <c r="AA23311">
        <v>34</v>
      </c>
      <c r="AB23311">
        <v>35</v>
      </c>
      <c r="AC23311">
        <v>36</v>
      </c>
      <c r="AD23311">
        <v>37</v>
      </c>
      <c r="AE23311">
        <v>37</v>
      </c>
      <c r="AF23311">
        <v>38</v>
      </c>
      <c r="AG23311">
        <v>39</v>
      </c>
      <c r="AH23311">
        <v>40</v>
      </c>
      <c r="AI23311">
        <v>40</v>
      </c>
      <c r="AJ23311">
        <v>41</v>
      </c>
      <c r="AK23311">
        <v>42</v>
      </c>
      <c r="AL23311">
        <v>43</v>
      </c>
      <c r="AM23311">
        <v>44</v>
      </c>
      <c r="AN23311">
        <v>45</v>
      </c>
      <c r="AO23311">
        <v>45</v>
      </c>
      <c r="AP23311">
        <v>46</v>
      </c>
      <c r="AQ23311">
        <v>47</v>
      </c>
    </row>
    <row r="23312" spans="1:43">
      <c r="A23312" t="s">
        <v>14439</v>
      </c>
      <c r="B23312" t="s">
        <v>14440</v>
      </c>
      <c r="C23312" t="s">
        <v>14331</v>
      </c>
      <c r="D23312" t="s">
        <v>14332</v>
      </c>
      <c r="E23312" t="s">
        <v>14307</v>
      </c>
      <c r="F23312" t="s">
        <v>14308</v>
      </c>
      <c r="G23312" t="s">
        <v>10734</v>
      </c>
      <c r="H23312" t="s">
        <v>10735</v>
      </c>
      <c r="I23312" s="2">
        <v>0</v>
      </c>
      <c r="J23312" s="2">
        <v>0</v>
      </c>
      <c r="K23312" s="2">
        <v>1</v>
      </c>
      <c r="L23312" t="s">
        <v>995</v>
      </c>
      <c r="M23312" t="s">
        <v>89</v>
      </c>
      <c r="N23312" t="s">
        <v>90</v>
      </c>
      <c r="O23312" t="s">
        <v>85</v>
      </c>
      <c r="P23312" t="s">
        <v>86</v>
      </c>
      <c r="Q23312">
        <v>28</v>
      </c>
      <c r="R23312">
        <v>29</v>
      </c>
      <c r="S23312">
        <v>30</v>
      </c>
      <c r="T23312">
        <v>31</v>
      </c>
      <c r="U23312">
        <v>32</v>
      </c>
      <c r="V23312">
        <v>33</v>
      </c>
      <c r="W23312">
        <v>35</v>
      </c>
      <c r="X23312">
        <v>36</v>
      </c>
      <c r="Y23312">
        <v>37</v>
      </c>
      <c r="Z23312">
        <v>38</v>
      </c>
      <c r="AA23312">
        <v>39</v>
      </c>
      <c r="AB23312">
        <v>40</v>
      </c>
      <c r="AC23312">
        <v>42</v>
      </c>
      <c r="AD23312">
        <v>43</v>
      </c>
      <c r="AE23312">
        <v>44</v>
      </c>
      <c r="AF23312">
        <v>45</v>
      </c>
      <c r="AG23312">
        <v>46</v>
      </c>
      <c r="AH23312">
        <v>46</v>
      </c>
      <c r="AI23312">
        <v>47</v>
      </c>
      <c r="AJ23312">
        <v>48</v>
      </c>
      <c r="AK23312">
        <v>49</v>
      </c>
      <c r="AL23312">
        <v>50</v>
      </c>
      <c r="AM23312">
        <v>51</v>
      </c>
      <c r="AN23312">
        <v>51</v>
      </c>
      <c r="AO23312">
        <v>52</v>
      </c>
      <c r="AP23312">
        <v>53</v>
      </c>
      <c r="AQ23312">
        <v>54</v>
      </c>
    </row>
    <row r="23313" spans="1:43">
      <c r="A23313" t="s">
        <v>14439</v>
      </c>
      <c r="B23313" t="s">
        <v>14440</v>
      </c>
      <c r="C23313" t="s">
        <v>14331</v>
      </c>
      <c r="D23313" t="s">
        <v>14332</v>
      </c>
      <c r="E23313" t="s">
        <v>14307</v>
      </c>
      <c r="F23313" t="s">
        <v>14308</v>
      </c>
      <c r="G23313" t="s">
        <v>10734</v>
      </c>
      <c r="H23313" t="s">
        <v>10735</v>
      </c>
      <c r="I23313" s="2">
        <v>0</v>
      </c>
      <c r="J23313" s="2">
        <v>0</v>
      </c>
      <c r="K23313" s="2">
        <v>1</v>
      </c>
      <c r="L23313" t="s">
        <v>995</v>
      </c>
      <c r="M23313" t="s">
        <v>83</v>
      </c>
      <c r="N23313" t="s">
        <v>91</v>
      </c>
      <c r="O23313" t="s">
        <v>85</v>
      </c>
      <c r="P23313" t="s">
        <v>86</v>
      </c>
      <c r="Q23313">
        <v>28</v>
      </c>
      <c r="R23313">
        <v>29</v>
      </c>
      <c r="S23313">
        <v>30</v>
      </c>
      <c r="T23313">
        <v>31</v>
      </c>
      <c r="U23313">
        <v>32</v>
      </c>
      <c r="V23313">
        <v>33</v>
      </c>
      <c r="W23313">
        <v>34</v>
      </c>
      <c r="X23313">
        <v>35</v>
      </c>
      <c r="Y23313">
        <v>36</v>
      </c>
      <c r="Z23313">
        <v>37</v>
      </c>
      <c r="AA23313">
        <v>38</v>
      </c>
      <c r="AB23313">
        <v>39</v>
      </c>
      <c r="AC23313">
        <v>40</v>
      </c>
      <c r="AD23313">
        <v>41</v>
      </c>
      <c r="AE23313">
        <v>42</v>
      </c>
      <c r="AF23313">
        <v>43</v>
      </c>
      <c r="AG23313">
        <v>44</v>
      </c>
      <c r="AH23313">
        <v>46</v>
      </c>
      <c r="AI23313">
        <v>47</v>
      </c>
      <c r="AJ23313">
        <v>48</v>
      </c>
      <c r="AK23313">
        <v>49</v>
      </c>
      <c r="AL23313">
        <v>50</v>
      </c>
      <c r="AM23313">
        <v>51</v>
      </c>
      <c r="AN23313">
        <v>52</v>
      </c>
      <c r="AO23313">
        <v>53</v>
      </c>
      <c r="AP23313">
        <v>54</v>
      </c>
      <c r="AQ23313">
        <v>55</v>
      </c>
    </row>
    <row r="23314" spans="1:43">
      <c r="A23314" t="s">
        <v>14441</v>
      </c>
      <c r="B23314" t="s">
        <v>14442</v>
      </c>
      <c r="C23314" t="s">
        <v>14305</v>
      </c>
      <c r="D23314" t="s">
        <v>14306</v>
      </c>
      <c r="E23314" t="s">
        <v>14307</v>
      </c>
      <c r="F23314" t="s">
        <v>14308</v>
      </c>
      <c r="G23314" t="s">
        <v>10734</v>
      </c>
      <c r="H23314" t="s">
        <v>10735</v>
      </c>
      <c r="I23314" s="2">
        <v>0</v>
      </c>
      <c r="J23314" s="2">
        <v>0</v>
      </c>
      <c r="K23314" s="2">
        <v>1</v>
      </c>
      <c r="L23314" t="s">
        <v>995</v>
      </c>
      <c r="M23314" t="s">
        <v>83</v>
      </c>
      <c r="N23314" t="s">
        <v>84</v>
      </c>
      <c r="O23314" t="s">
        <v>85</v>
      </c>
      <c r="P23314" t="s">
        <v>86</v>
      </c>
      <c r="Q23314">
        <v>6</v>
      </c>
      <c r="R23314">
        <v>7</v>
      </c>
      <c r="S23314">
        <v>7</v>
      </c>
      <c r="T23314">
        <v>7</v>
      </c>
      <c r="U23314">
        <v>7</v>
      </c>
      <c r="V23314">
        <v>7</v>
      </c>
      <c r="W23314">
        <v>8</v>
      </c>
      <c r="X23314">
        <v>8</v>
      </c>
      <c r="Y23314">
        <v>8</v>
      </c>
      <c r="Z23314">
        <v>8</v>
      </c>
      <c r="AA23314">
        <v>9</v>
      </c>
      <c r="AB23314">
        <v>9</v>
      </c>
      <c r="AC23314">
        <v>9</v>
      </c>
      <c r="AD23314">
        <v>9</v>
      </c>
      <c r="AE23314">
        <v>9</v>
      </c>
      <c r="AF23314">
        <v>10</v>
      </c>
      <c r="AG23314">
        <v>10</v>
      </c>
      <c r="AH23314">
        <v>10</v>
      </c>
      <c r="AI23314">
        <v>11</v>
      </c>
      <c r="AJ23314">
        <v>11</v>
      </c>
      <c r="AK23314">
        <v>11</v>
      </c>
      <c r="AL23314">
        <v>11</v>
      </c>
      <c r="AM23314">
        <v>12</v>
      </c>
      <c r="AN23314">
        <v>12</v>
      </c>
      <c r="AO23314">
        <v>12</v>
      </c>
      <c r="AP23314">
        <v>12</v>
      </c>
      <c r="AQ23314">
        <v>12</v>
      </c>
    </row>
    <row r="23315" spans="1:43">
      <c r="A23315" t="s">
        <v>14441</v>
      </c>
      <c r="B23315" t="s">
        <v>14442</v>
      </c>
      <c r="C23315" t="s">
        <v>14305</v>
      </c>
      <c r="D23315" t="s">
        <v>14306</v>
      </c>
      <c r="E23315" t="s">
        <v>14307</v>
      </c>
      <c r="F23315" t="s">
        <v>14308</v>
      </c>
      <c r="G23315" t="s">
        <v>10734</v>
      </c>
      <c r="H23315" t="s">
        <v>10735</v>
      </c>
      <c r="I23315" s="2">
        <v>0</v>
      </c>
      <c r="J23315" s="2">
        <v>0</v>
      </c>
      <c r="K23315" s="2">
        <v>1</v>
      </c>
      <c r="L23315" t="s">
        <v>995</v>
      </c>
      <c r="M23315" t="s">
        <v>87</v>
      </c>
      <c r="N23315" t="s">
        <v>88</v>
      </c>
      <c r="O23315" t="s">
        <v>85</v>
      </c>
      <c r="P23315" t="s">
        <v>86</v>
      </c>
      <c r="Q23315">
        <v>6</v>
      </c>
      <c r="R23315">
        <v>6</v>
      </c>
      <c r="S23315">
        <v>7</v>
      </c>
      <c r="T23315">
        <v>7</v>
      </c>
      <c r="U23315">
        <v>7</v>
      </c>
      <c r="V23315">
        <v>7</v>
      </c>
      <c r="W23315">
        <v>7</v>
      </c>
      <c r="X23315">
        <v>7</v>
      </c>
      <c r="Y23315">
        <v>7</v>
      </c>
      <c r="Z23315">
        <v>8</v>
      </c>
      <c r="AA23315">
        <v>8</v>
      </c>
      <c r="AB23315">
        <v>8</v>
      </c>
      <c r="AC23315">
        <v>8</v>
      </c>
      <c r="AD23315">
        <v>8</v>
      </c>
      <c r="AE23315">
        <v>8</v>
      </c>
      <c r="AF23315">
        <v>9</v>
      </c>
      <c r="AG23315">
        <v>9</v>
      </c>
      <c r="AH23315">
        <v>9</v>
      </c>
      <c r="AI23315">
        <v>9</v>
      </c>
      <c r="AJ23315">
        <v>9</v>
      </c>
      <c r="AK23315">
        <v>9</v>
      </c>
      <c r="AL23315">
        <v>10</v>
      </c>
      <c r="AM23315">
        <v>10</v>
      </c>
      <c r="AN23315">
        <v>10</v>
      </c>
      <c r="AO23315">
        <v>10</v>
      </c>
      <c r="AP23315">
        <v>10</v>
      </c>
      <c r="AQ23315">
        <v>11</v>
      </c>
    </row>
    <row r="23316" spans="1:43">
      <c r="A23316" t="s">
        <v>14441</v>
      </c>
      <c r="B23316" t="s">
        <v>14442</v>
      </c>
      <c r="C23316" t="s">
        <v>14305</v>
      </c>
      <c r="D23316" t="s">
        <v>14306</v>
      </c>
      <c r="E23316" t="s">
        <v>14307</v>
      </c>
      <c r="F23316" t="s">
        <v>14308</v>
      </c>
      <c r="G23316" t="s">
        <v>10734</v>
      </c>
      <c r="H23316" t="s">
        <v>10735</v>
      </c>
      <c r="I23316" s="2">
        <v>0</v>
      </c>
      <c r="J23316" s="2">
        <v>0</v>
      </c>
      <c r="K23316" s="2">
        <v>1</v>
      </c>
      <c r="L23316" t="s">
        <v>995</v>
      </c>
      <c r="M23316" t="s">
        <v>89</v>
      </c>
      <c r="N23316" t="s">
        <v>90</v>
      </c>
      <c r="O23316" t="s">
        <v>85</v>
      </c>
      <c r="P23316" t="s">
        <v>86</v>
      </c>
      <c r="Q23316">
        <v>6</v>
      </c>
      <c r="R23316">
        <v>7</v>
      </c>
      <c r="S23316">
        <v>7</v>
      </c>
      <c r="T23316">
        <v>7</v>
      </c>
      <c r="U23316">
        <v>7</v>
      </c>
      <c r="V23316">
        <v>8</v>
      </c>
      <c r="W23316">
        <v>8</v>
      </c>
      <c r="X23316">
        <v>8</v>
      </c>
      <c r="Y23316">
        <v>9</v>
      </c>
      <c r="Z23316">
        <v>9</v>
      </c>
      <c r="AA23316">
        <v>9</v>
      </c>
      <c r="AB23316">
        <v>9</v>
      </c>
      <c r="AC23316">
        <v>10</v>
      </c>
      <c r="AD23316">
        <v>10</v>
      </c>
      <c r="AE23316">
        <v>10</v>
      </c>
      <c r="AF23316">
        <v>10</v>
      </c>
      <c r="AG23316">
        <v>11</v>
      </c>
      <c r="AH23316">
        <v>11</v>
      </c>
      <c r="AI23316">
        <v>11</v>
      </c>
      <c r="AJ23316">
        <v>11</v>
      </c>
      <c r="AK23316">
        <v>11</v>
      </c>
      <c r="AL23316">
        <v>11</v>
      </c>
      <c r="AM23316">
        <v>12</v>
      </c>
      <c r="AN23316">
        <v>12</v>
      </c>
      <c r="AO23316">
        <v>12</v>
      </c>
      <c r="AP23316">
        <v>12</v>
      </c>
      <c r="AQ23316">
        <v>12</v>
      </c>
    </row>
    <row r="23317" spans="1:43">
      <c r="A23317" t="s">
        <v>14441</v>
      </c>
      <c r="B23317" t="s">
        <v>14442</v>
      </c>
      <c r="C23317" t="s">
        <v>14305</v>
      </c>
      <c r="D23317" t="s">
        <v>14306</v>
      </c>
      <c r="E23317" t="s">
        <v>14307</v>
      </c>
      <c r="F23317" t="s">
        <v>14308</v>
      </c>
      <c r="G23317" t="s">
        <v>10734</v>
      </c>
      <c r="H23317" t="s">
        <v>10735</v>
      </c>
      <c r="I23317" s="2">
        <v>0</v>
      </c>
      <c r="J23317" s="2">
        <v>0</v>
      </c>
      <c r="K23317" s="2">
        <v>1</v>
      </c>
      <c r="L23317" t="s">
        <v>995</v>
      </c>
      <c r="M23317" t="s">
        <v>83</v>
      </c>
      <c r="N23317" t="s">
        <v>91</v>
      </c>
      <c r="O23317" t="s">
        <v>85</v>
      </c>
      <c r="P23317" t="s">
        <v>86</v>
      </c>
      <c r="Q23317">
        <v>6</v>
      </c>
      <c r="R23317">
        <v>7</v>
      </c>
      <c r="S23317">
        <v>7</v>
      </c>
      <c r="T23317">
        <v>7</v>
      </c>
      <c r="U23317">
        <v>7</v>
      </c>
      <c r="V23317">
        <v>7</v>
      </c>
      <c r="W23317">
        <v>8</v>
      </c>
      <c r="X23317">
        <v>8</v>
      </c>
      <c r="Y23317">
        <v>8</v>
      </c>
      <c r="Z23317">
        <v>8</v>
      </c>
      <c r="AA23317">
        <v>9</v>
      </c>
      <c r="AB23317">
        <v>9</v>
      </c>
      <c r="AC23317">
        <v>9</v>
      </c>
      <c r="AD23317">
        <v>9</v>
      </c>
      <c r="AE23317">
        <v>9</v>
      </c>
      <c r="AF23317">
        <v>10</v>
      </c>
      <c r="AG23317">
        <v>10</v>
      </c>
      <c r="AH23317">
        <v>10</v>
      </c>
      <c r="AI23317">
        <v>11</v>
      </c>
      <c r="AJ23317">
        <v>11</v>
      </c>
      <c r="AK23317">
        <v>11</v>
      </c>
      <c r="AL23317">
        <v>11</v>
      </c>
      <c r="AM23317">
        <v>12</v>
      </c>
      <c r="AN23317">
        <v>12</v>
      </c>
      <c r="AO23317">
        <v>12</v>
      </c>
      <c r="AP23317">
        <v>12</v>
      </c>
      <c r="AQ23317">
        <v>12</v>
      </c>
    </row>
    <row r="23318" spans="1:43">
      <c r="A23318" t="s">
        <v>14443</v>
      </c>
      <c r="B23318" t="s">
        <v>14444</v>
      </c>
      <c r="C23318" t="s">
        <v>14427</v>
      </c>
      <c r="D23318" t="s">
        <v>14428</v>
      </c>
      <c r="E23318" t="s">
        <v>14307</v>
      </c>
      <c r="F23318" t="s">
        <v>14308</v>
      </c>
      <c r="G23318" t="s">
        <v>10734</v>
      </c>
      <c r="H23318" t="s">
        <v>10735</v>
      </c>
      <c r="I23318" s="2">
        <v>0</v>
      </c>
      <c r="J23318" s="2">
        <v>0</v>
      </c>
      <c r="K23318" s="2">
        <v>1</v>
      </c>
      <c r="L23318" t="s">
        <v>995</v>
      </c>
      <c r="M23318" t="s">
        <v>83</v>
      </c>
      <c r="N23318" t="s">
        <v>84</v>
      </c>
      <c r="O23318" t="s">
        <v>85</v>
      </c>
      <c r="P23318" t="s">
        <v>86</v>
      </c>
      <c r="Q23318">
        <v>31</v>
      </c>
      <c r="R23318">
        <v>32</v>
      </c>
      <c r="S23318">
        <v>32</v>
      </c>
      <c r="T23318">
        <v>33</v>
      </c>
      <c r="U23318">
        <v>34</v>
      </c>
      <c r="V23318">
        <v>35</v>
      </c>
      <c r="W23318">
        <v>36</v>
      </c>
      <c r="X23318">
        <v>38</v>
      </c>
      <c r="Y23318">
        <v>39</v>
      </c>
      <c r="Z23318">
        <v>40</v>
      </c>
      <c r="AA23318">
        <v>41</v>
      </c>
      <c r="AB23318">
        <v>42</v>
      </c>
      <c r="AC23318">
        <v>43</v>
      </c>
      <c r="AD23318">
        <v>44</v>
      </c>
      <c r="AE23318">
        <v>45</v>
      </c>
      <c r="AF23318">
        <v>47</v>
      </c>
      <c r="AG23318">
        <v>48</v>
      </c>
      <c r="AH23318">
        <v>49</v>
      </c>
      <c r="AI23318">
        <v>50</v>
      </c>
      <c r="AJ23318">
        <v>52</v>
      </c>
      <c r="AK23318">
        <v>53</v>
      </c>
      <c r="AL23318">
        <v>54</v>
      </c>
      <c r="AM23318">
        <v>55</v>
      </c>
      <c r="AN23318">
        <v>56</v>
      </c>
      <c r="AO23318">
        <v>57</v>
      </c>
      <c r="AP23318">
        <v>58</v>
      </c>
      <c r="AQ23318">
        <v>59</v>
      </c>
    </row>
    <row r="23319" spans="1:43">
      <c r="A23319" t="s">
        <v>14443</v>
      </c>
      <c r="B23319" t="s">
        <v>14444</v>
      </c>
      <c r="C23319" t="s">
        <v>14427</v>
      </c>
      <c r="D23319" t="s">
        <v>14428</v>
      </c>
      <c r="E23319" t="s">
        <v>14307</v>
      </c>
      <c r="F23319" t="s">
        <v>14308</v>
      </c>
      <c r="G23319" t="s">
        <v>10734</v>
      </c>
      <c r="H23319" t="s">
        <v>10735</v>
      </c>
      <c r="I23319" s="2">
        <v>0</v>
      </c>
      <c r="J23319" s="2">
        <v>0</v>
      </c>
      <c r="K23319" s="2">
        <v>1</v>
      </c>
      <c r="L23319" t="s">
        <v>995</v>
      </c>
      <c r="M23319" t="s">
        <v>87</v>
      </c>
      <c r="N23319" t="s">
        <v>88</v>
      </c>
      <c r="O23319" t="s">
        <v>85</v>
      </c>
      <c r="P23319" t="s">
        <v>86</v>
      </c>
      <c r="Q23319">
        <v>31</v>
      </c>
      <c r="R23319">
        <v>32</v>
      </c>
      <c r="S23319">
        <v>33</v>
      </c>
      <c r="T23319">
        <v>33</v>
      </c>
      <c r="U23319">
        <v>34</v>
      </c>
      <c r="V23319">
        <v>35</v>
      </c>
      <c r="W23319">
        <v>35</v>
      </c>
      <c r="X23319">
        <v>36</v>
      </c>
      <c r="Y23319">
        <v>37</v>
      </c>
      <c r="Z23319">
        <v>37</v>
      </c>
      <c r="AA23319">
        <v>38</v>
      </c>
      <c r="AB23319">
        <v>39</v>
      </c>
      <c r="AC23319">
        <v>40</v>
      </c>
      <c r="AD23319">
        <v>40</v>
      </c>
      <c r="AE23319">
        <v>41</v>
      </c>
      <c r="AF23319">
        <v>42</v>
      </c>
      <c r="AG23319">
        <v>43</v>
      </c>
      <c r="AH23319">
        <v>44</v>
      </c>
      <c r="AI23319">
        <v>45</v>
      </c>
      <c r="AJ23319">
        <v>46</v>
      </c>
      <c r="AK23319">
        <v>46</v>
      </c>
      <c r="AL23319">
        <v>47</v>
      </c>
      <c r="AM23319">
        <v>48</v>
      </c>
      <c r="AN23319">
        <v>49</v>
      </c>
      <c r="AO23319">
        <v>50</v>
      </c>
      <c r="AP23319">
        <v>51</v>
      </c>
      <c r="AQ23319">
        <v>52</v>
      </c>
    </row>
    <row r="23320" spans="1:43">
      <c r="A23320" t="s">
        <v>14443</v>
      </c>
      <c r="B23320" t="s">
        <v>14444</v>
      </c>
      <c r="C23320" t="s">
        <v>14427</v>
      </c>
      <c r="D23320" t="s">
        <v>14428</v>
      </c>
      <c r="E23320" t="s">
        <v>14307</v>
      </c>
      <c r="F23320" t="s">
        <v>14308</v>
      </c>
      <c r="G23320" t="s">
        <v>10734</v>
      </c>
      <c r="H23320" t="s">
        <v>10735</v>
      </c>
      <c r="I23320" s="2">
        <v>0</v>
      </c>
      <c r="J23320" s="2">
        <v>0</v>
      </c>
      <c r="K23320" s="2">
        <v>1</v>
      </c>
      <c r="L23320" t="s">
        <v>995</v>
      </c>
      <c r="M23320" t="s">
        <v>89</v>
      </c>
      <c r="N23320" t="s">
        <v>90</v>
      </c>
      <c r="O23320" t="s">
        <v>85</v>
      </c>
      <c r="P23320" t="s">
        <v>86</v>
      </c>
      <c r="Q23320">
        <v>31</v>
      </c>
      <c r="R23320">
        <v>32</v>
      </c>
      <c r="S23320">
        <v>33</v>
      </c>
      <c r="T23320">
        <v>35</v>
      </c>
      <c r="U23320">
        <v>36</v>
      </c>
      <c r="V23320">
        <v>37</v>
      </c>
      <c r="W23320">
        <v>38</v>
      </c>
      <c r="X23320">
        <v>40</v>
      </c>
      <c r="Y23320">
        <v>41</v>
      </c>
      <c r="Z23320">
        <v>42</v>
      </c>
      <c r="AA23320">
        <v>43</v>
      </c>
      <c r="AB23320">
        <v>45</v>
      </c>
      <c r="AC23320">
        <v>46</v>
      </c>
      <c r="AD23320">
        <v>47</v>
      </c>
      <c r="AE23320">
        <v>49</v>
      </c>
      <c r="AF23320">
        <v>49</v>
      </c>
      <c r="AG23320">
        <v>50</v>
      </c>
      <c r="AH23320">
        <v>51</v>
      </c>
      <c r="AI23320">
        <v>52</v>
      </c>
      <c r="AJ23320">
        <v>53</v>
      </c>
      <c r="AK23320">
        <v>54</v>
      </c>
      <c r="AL23320">
        <v>55</v>
      </c>
      <c r="AM23320">
        <v>56</v>
      </c>
      <c r="AN23320">
        <v>57</v>
      </c>
      <c r="AO23320">
        <v>58</v>
      </c>
      <c r="AP23320">
        <v>59</v>
      </c>
      <c r="AQ23320">
        <v>60</v>
      </c>
    </row>
    <row r="23321" spans="1:43">
      <c r="A23321" t="s">
        <v>14443</v>
      </c>
      <c r="B23321" t="s">
        <v>14444</v>
      </c>
      <c r="C23321" t="s">
        <v>14427</v>
      </c>
      <c r="D23321" t="s">
        <v>14428</v>
      </c>
      <c r="E23321" t="s">
        <v>14307</v>
      </c>
      <c r="F23321" t="s">
        <v>14308</v>
      </c>
      <c r="G23321" t="s">
        <v>10734</v>
      </c>
      <c r="H23321" t="s">
        <v>10735</v>
      </c>
      <c r="I23321" s="2">
        <v>0</v>
      </c>
      <c r="J23321" s="2">
        <v>0</v>
      </c>
      <c r="K23321" s="2">
        <v>1</v>
      </c>
      <c r="L23321" t="s">
        <v>995</v>
      </c>
      <c r="M23321" t="s">
        <v>83</v>
      </c>
      <c r="N23321" t="s">
        <v>91</v>
      </c>
      <c r="O23321" t="s">
        <v>85</v>
      </c>
      <c r="P23321" t="s">
        <v>86</v>
      </c>
      <c r="Q23321">
        <v>31</v>
      </c>
      <c r="R23321">
        <v>32</v>
      </c>
      <c r="S23321">
        <v>32</v>
      </c>
      <c r="T23321">
        <v>33</v>
      </c>
      <c r="U23321">
        <v>34</v>
      </c>
      <c r="V23321">
        <v>35</v>
      </c>
      <c r="W23321">
        <v>36</v>
      </c>
      <c r="X23321">
        <v>38</v>
      </c>
      <c r="Y23321">
        <v>39</v>
      </c>
      <c r="Z23321">
        <v>40</v>
      </c>
      <c r="AA23321">
        <v>41</v>
      </c>
      <c r="AB23321">
        <v>42</v>
      </c>
      <c r="AC23321">
        <v>43</v>
      </c>
      <c r="AD23321">
        <v>44</v>
      </c>
      <c r="AE23321">
        <v>45</v>
      </c>
      <c r="AF23321">
        <v>47</v>
      </c>
      <c r="AG23321">
        <v>48</v>
      </c>
      <c r="AH23321">
        <v>49</v>
      </c>
      <c r="AI23321">
        <v>50</v>
      </c>
      <c r="AJ23321">
        <v>52</v>
      </c>
      <c r="AK23321">
        <v>53</v>
      </c>
      <c r="AL23321">
        <v>54</v>
      </c>
      <c r="AM23321">
        <v>55</v>
      </c>
      <c r="AN23321">
        <v>56</v>
      </c>
      <c r="AO23321">
        <v>57</v>
      </c>
      <c r="AP23321">
        <v>58</v>
      </c>
      <c r="AQ23321">
        <v>59</v>
      </c>
    </row>
    <row r="23322" spans="1:43">
      <c r="A23322" t="s">
        <v>14445</v>
      </c>
      <c r="B23322" t="s">
        <v>14446</v>
      </c>
      <c r="C23322" t="s">
        <v>14427</v>
      </c>
      <c r="D23322" t="s">
        <v>14428</v>
      </c>
      <c r="E23322" t="s">
        <v>14307</v>
      </c>
      <c r="F23322" t="s">
        <v>14308</v>
      </c>
      <c r="G23322" t="s">
        <v>10734</v>
      </c>
      <c r="H23322" t="s">
        <v>10735</v>
      </c>
      <c r="I23322" s="2">
        <v>0</v>
      </c>
      <c r="J23322" s="2">
        <v>0</v>
      </c>
      <c r="K23322" s="2">
        <v>1</v>
      </c>
      <c r="L23322" t="s">
        <v>995</v>
      </c>
      <c r="M23322" t="s">
        <v>83</v>
      </c>
      <c r="N23322" t="s">
        <v>84</v>
      </c>
      <c r="O23322" t="s">
        <v>85</v>
      </c>
      <c r="P23322" t="s">
        <v>86</v>
      </c>
      <c r="Q23322">
        <v>35</v>
      </c>
      <c r="R23322">
        <v>36</v>
      </c>
      <c r="S23322">
        <v>37</v>
      </c>
      <c r="T23322">
        <v>38</v>
      </c>
      <c r="U23322">
        <v>39</v>
      </c>
      <c r="V23322">
        <v>40</v>
      </c>
      <c r="W23322">
        <v>41</v>
      </c>
      <c r="X23322">
        <v>42</v>
      </c>
      <c r="Y23322">
        <v>44</v>
      </c>
      <c r="Z23322">
        <v>45</v>
      </c>
      <c r="AA23322">
        <v>46</v>
      </c>
      <c r="AB23322">
        <v>47</v>
      </c>
      <c r="AC23322">
        <v>49</v>
      </c>
      <c r="AD23322">
        <v>50</v>
      </c>
      <c r="AE23322">
        <v>51</v>
      </c>
      <c r="AF23322">
        <v>53</v>
      </c>
      <c r="AG23322">
        <v>54</v>
      </c>
      <c r="AH23322">
        <v>55</v>
      </c>
      <c r="AI23322">
        <v>57</v>
      </c>
      <c r="AJ23322">
        <v>58</v>
      </c>
      <c r="AK23322">
        <v>60</v>
      </c>
      <c r="AL23322">
        <v>61</v>
      </c>
      <c r="AM23322">
        <v>62</v>
      </c>
      <c r="AN23322">
        <v>63</v>
      </c>
      <c r="AO23322">
        <v>64</v>
      </c>
      <c r="AP23322">
        <v>65</v>
      </c>
      <c r="AQ23322">
        <v>66</v>
      </c>
    </row>
    <row r="23323" spans="1:43">
      <c r="A23323" t="s">
        <v>14445</v>
      </c>
      <c r="B23323" t="s">
        <v>14446</v>
      </c>
      <c r="C23323" t="s">
        <v>14427</v>
      </c>
      <c r="D23323" t="s">
        <v>14428</v>
      </c>
      <c r="E23323" t="s">
        <v>14307</v>
      </c>
      <c r="F23323" t="s">
        <v>14308</v>
      </c>
      <c r="G23323" t="s">
        <v>10734</v>
      </c>
      <c r="H23323" t="s">
        <v>10735</v>
      </c>
      <c r="I23323" s="2">
        <v>0</v>
      </c>
      <c r="J23323" s="2">
        <v>0</v>
      </c>
      <c r="K23323" s="2">
        <v>1</v>
      </c>
      <c r="L23323" t="s">
        <v>995</v>
      </c>
      <c r="M23323" t="s">
        <v>87</v>
      </c>
      <c r="N23323" t="s">
        <v>88</v>
      </c>
      <c r="O23323" t="s">
        <v>85</v>
      </c>
      <c r="P23323" t="s">
        <v>86</v>
      </c>
      <c r="Q23323">
        <v>35</v>
      </c>
      <c r="R23323">
        <v>36</v>
      </c>
      <c r="S23323">
        <v>37</v>
      </c>
      <c r="T23323">
        <v>37</v>
      </c>
      <c r="U23323">
        <v>38</v>
      </c>
      <c r="V23323">
        <v>39</v>
      </c>
      <c r="W23323">
        <v>40</v>
      </c>
      <c r="X23323">
        <v>40</v>
      </c>
      <c r="Y23323">
        <v>41</v>
      </c>
      <c r="Z23323">
        <v>42</v>
      </c>
      <c r="AA23323">
        <v>43</v>
      </c>
      <c r="AB23323">
        <v>44</v>
      </c>
      <c r="AC23323">
        <v>45</v>
      </c>
      <c r="AD23323">
        <v>46</v>
      </c>
      <c r="AE23323">
        <v>46</v>
      </c>
      <c r="AF23323">
        <v>47</v>
      </c>
      <c r="AG23323">
        <v>48</v>
      </c>
      <c r="AH23323">
        <v>49</v>
      </c>
      <c r="AI23323">
        <v>50</v>
      </c>
      <c r="AJ23323">
        <v>51</v>
      </c>
      <c r="AK23323">
        <v>52</v>
      </c>
      <c r="AL23323">
        <v>53</v>
      </c>
      <c r="AM23323">
        <v>54</v>
      </c>
      <c r="AN23323">
        <v>55</v>
      </c>
      <c r="AO23323">
        <v>56</v>
      </c>
      <c r="AP23323">
        <v>58</v>
      </c>
      <c r="AQ23323">
        <v>59</v>
      </c>
    </row>
    <row r="23324" spans="1:43">
      <c r="A23324" t="s">
        <v>14445</v>
      </c>
      <c r="B23324" t="s">
        <v>14446</v>
      </c>
      <c r="C23324" t="s">
        <v>14427</v>
      </c>
      <c r="D23324" t="s">
        <v>14428</v>
      </c>
      <c r="E23324" t="s">
        <v>14307</v>
      </c>
      <c r="F23324" t="s">
        <v>14308</v>
      </c>
      <c r="G23324" t="s">
        <v>10734</v>
      </c>
      <c r="H23324" t="s">
        <v>10735</v>
      </c>
      <c r="I23324" s="2">
        <v>0</v>
      </c>
      <c r="J23324" s="2">
        <v>0</v>
      </c>
      <c r="K23324" s="2">
        <v>1</v>
      </c>
      <c r="L23324" t="s">
        <v>995</v>
      </c>
      <c r="M23324" t="s">
        <v>89</v>
      </c>
      <c r="N23324" t="s">
        <v>90</v>
      </c>
      <c r="O23324" t="s">
        <v>85</v>
      </c>
      <c r="P23324" t="s">
        <v>86</v>
      </c>
      <c r="Q23324">
        <v>35</v>
      </c>
      <c r="R23324">
        <v>36</v>
      </c>
      <c r="S23324">
        <v>38</v>
      </c>
      <c r="T23324">
        <v>39</v>
      </c>
      <c r="U23324">
        <v>40</v>
      </c>
      <c r="V23324">
        <v>42</v>
      </c>
      <c r="W23324">
        <v>43</v>
      </c>
      <c r="X23324">
        <v>45</v>
      </c>
      <c r="Y23324">
        <v>46</v>
      </c>
      <c r="Z23324">
        <v>47</v>
      </c>
      <c r="AA23324">
        <v>49</v>
      </c>
      <c r="AB23324">
        <v>50</v>
      </c>
      <c r="AC23324">
        <v>52</v>
      </c>
      <c r="AD23324">
        <v>53</v>
      </c>
      <c r="AE23324">
        <v>55</v>
      </c>
      <c r="AF23324">
        <v>56</v>
      </c>
      <c r="AG23324">
        <v>57</v>
      </c>
      <c r="AH23324">
        <v>58</v>
      </c>
      <c r="AI23324">
        <v>59</v>
      </c>
      <c r="AJ23324">
        <v>60</v>
      </c>
      <c r="AK23324">
        <v>61</v>
      </c>
      <c r="AL23324">
        <v>62</v>
      </c>
      <c r="AM23324">
        <v>63</v>
      </c>
      <c r="AN23324">
        <v>64</v>
      </c>
      <c r="AO23324">
        <v>65</v>
      </c>
      <c r="AP23324">
        <v>66</v>
      </c>
      <c r="AQ23324">
        <v>67</v>
      </c>
    </row>
    <row r="23325" spans="1:43">
      <c r="A23325" t="s">
        <v>14445</v>
      </c>
      <c r="B23325" t="s">
        <v>14446</v>
      </c>
      <c r="C23325" t="s">
        <v>14427</v>
      </c>
      <c r="D23325" t="s">
        <v>14428</v>
      </c>
      <c r="E23325" t="s">
        <v>14307</v>
      </c>
      <c r="F23325" t="s">
        <v>14308</v>
      </c>
      <c r="G23325" t="s">
        <v>10734</v>
      </c>
      <c r="H23325" t="s">
        <v>10735</v>
      </c>
      <c r="I23325" s="2">
        <v>0</v>
      </c>
      <c r="J23325" s="2">
        <v>0</v>
      </c>
      <c r="K23325" s="2">
        <v>1</v>
      </c>
      <c r="L23325" t="s">
        <v>995</v>
      </c>
      <c r="M23325" t="s">
        <v>83</v>
      </c>
      <c r="N23325" t="s">
        <v>91</v>
      </c>
      <c r="O23325" t="s">
        <v>85</v>
      </c>
      <c r="P23325" t="s">
        <v>86</v>
      </c>
      <c r="Q23325">
        <v>35</v>
      </c>
      <c r="R23325">
        <v>36</v>
      </c>
      <c r="S23325">
        <v>37</v>
      </c>
      <c r="T23325">
        <v>38</v>
      </c>
      <c r="U23325">
        <v>39</v>
      </c>
      <c r="V23325">
        <v>40</v>
      </c>
      <c r="W23325">
        <v>41</v>
      </c>
      <c r="X23325">
        <v>42</v>
      </c>
      <c r="Y23325">
        <v>44</v>
      </c>
      <c r="Z23325">
        <v>45</v>
      </c>
      <c r="AA23325">
        <v>46</v>
      </c>
      <c r="AB23325">
        <v>47</v>
      </c>
      <c r="AC23325">
        <v>49</v>
      </c>
      <c r="AD23325">
        <v>50</v>
      </c>
      <c r="AE23325">
        <v>51</v>
      </c>
      <c r="AF23325">
        <v>53</v>
      </c>
      <c r="AG23325">
        <v>54</v>
      </c>
      <c r="AH23325">
        <v>55</v>
      </c>
      <c r="AI23325">
        <v>57</v>
      </c>
      <c r="AJ23325">
        <v>58</v>
      </c>
      <c r="AK23325">
        <v>60</v>
      </c>
      <c r="AL23325">
        <v>61</v>
      </c>
      <c r="AM23325">
        <v>62</v>
      </c>
      <c r="AN23325">
        <v>63</v>
      </c>
      <c r="AO23325">
        <v>64</v>
      </c>
      <c r="AP23325">
        <v>65</v>
      </c>
      <c r="AQ23325">
        <v>66</v>
      </c>
    </row>
    <row r="23326" spans="1:43">
      <c r="A23326" t="s">
        <v>14447</v>
      </c>
      <c r="B23326" t="s">
        <v>14448</v>
      </c>
      <c r="C23326" t="s">
        <v>14327</v>
      </c>
      <c r="D23326" t="s">
        <v>14328</v>
      </c>
      <c r="E23326" t="s">
        <v>14307</v>
      </c>
      <c r="F23326" t="s">
        <v>14308</v>
      </c>
      <c r="G23326" t="s">
        <v>10734</v>
      </c>
      <c r="H23326" t="s">
        <v>10735</v>
      </c>
      <c r="I23326" s="2">
        <v>0</v>
      </c>
      <c r="J23326" s="2">
        <v>0</v>
      </c>
      <c r="K23326" s="2">
        <v>1</v>
      </c>
      <c r="L23326" t="s">
        <v>995</v>
      </c>
      <c r="M23326" t="s">
        <v>83</v>
      </c>
      <c r="N23326" t="s">
        <v>84</v>
      </c>
      <c r="O23326" t="s">
        <v>85</v>
      </c>
      <c r="P23326" t="s">
        <v>86</v>
      </c>
      <c r="Q23326">
        <v>32</v>
      </c>
      <c r="R23326">
        <v>33</v>
      </c>
      <c r="S23326">
        <v>34</v>
      </c>
      <c r="T23326">
        <v>35</v>
      </c>
      <c r="U23326">
        <v>37</v>
      </c>
      <c r="V23326">
        <v>38</v>
      </c>
      <c r="W23326">
        <v>39</v>
      </c>
      <c r="X23326">
        <v>40</v>
      </c>
      <c r="Y23326">
        <v>41</v>
      </c>
      <c r="Z23326">
        <v>42</v>
      </c>
      <c r="AA23326">
        <v>43</v>
      </c>
      <c r="AB23326">
        <v>44</v>
      </c>
      <c r="AC23326">
        <v>46</v>
      </c>
      <c r="AD23326">
        <v>47</v>
      </c>
      <c r="AE23326">
        <v>48</v>
      </c>
      <c r="AF23326">
        <v>49</v>
      </c>
      <c r="AG23326">
        <v>51</v>
      </c>
      <c r="AH23326">
        <v>52</v>
      </c>
      <c r="AI23326">
        <v>53</v>
      </c>
      <c r="AJ23326">
        <v>55</v>
      </c>
      <c r="AK23326">
        <v>56</v>
      </c>
      <c r="AL23326">
        <v>57</v>
      </c>
      <c r="AM23326">
        <v>58</v>
      </c>
      <c r="AN23326">
        <v>59</v>
      </c>
      <c r="AO23326">
        <v>60</v>
      </c>
      <c r="AP23326">
        <v>61</v>
      </c>
      <c r="AQ23326">
        <v>62</v>
      </c>
    </row>
    <row r="23327" spans="1:43">
      <c r="A23327" t="s">
        <v>14447</v>
      </c>
      <c r="B23327" t="s">
        <v>14448</v>
      </c>
      <c r="C23327" t="s">
        <v>14327</v>
      </c>
      <c r="D23327" t="s">
        <v>14328</v>
      </c>
      <c r="E23327" t="s">
        <v>14307</v>
      </c>
      <c r="F23327" t="s">
        <v>14308</v>
      </c>
      <c r="G23327" t="s">
        <v>10734</v>
      </c>
      <c r="H23327" t="s">
        <v>10735</v>
      </c>
      <c r="I23327" s="2">
        <v>0</v>
      </c>
      <c r="J23327" s="2">
        <v>0</v>
      </c>
      <c r="K23327" s="2">
        <v>1</v>
      </c>
      <c r="L23327" t="s">
        <v>995</v>
      </c>
      <c r="M23327" t="s">
        <v>87</v>
      </c>
      <c r="N23327" t="s">
        <v>88</v>
      </c>
      <c r="O23327" t="s">
        <v>85</v>
      </c>
      <c r="P23327" t="s">
        <v>86</v>
      </c>
      <c r="Q23327">
        <v>32</v>
      </c>
      <c r="R23327">
        <v>33</v>
      </c>
      <c r="S23327">
        <v>34</v>
      </c>
      <c r="T23327">
        <v>34</v>
      </c>
      <c r="U23327">
        <v>35</v>
      </c>
      <c r="V23327">
        <v>36</v>
      </c>
      <c r="W23327">
        <v>36</v>
      </c>
      <c r="X23327">
        <v>37</v>
      </c>
      <c r="Y23327">
        <v>38</v>
      </c>
      <c r="Z23327">
        <v>39</v>
      </c>
      <c r="AA23327">
        <v>39</v>
      </c>
      <c r="AB23327">
        <v>40</v>
      </c>
      <c r="AC23327">
        <v>41</v>
      </c>
      <c r="AD23327">
        <v>42</v>
      </c>
      <c r="AE23327">
        <v>43</v>
      </c>
      <c r="AF23327">
        <v>43</v>
      </c>
      <c r="AG23327">
        <v>44</v>
      </c>
      <c r="AH23327">
        <v>45</v>
      </c>
      <c r="AI23327">
        <v>46</v>
      </c>
      <c r="AJ23327">
        <v>47</v>
      </c>
      <c r="AK23327">
        <v>48</v>
      </c>
      <c r="AL23327">
        <v>49</v>
      </c>
      <c r="AM23327">
        <v>50</v>
      </c>
      <c r="AN23327">
        <v>51</v>
      </c>
      <c r="AO23327">
        <v>52</v>
      </c>
      <c r="AP23327">
        <v>53</v>
      </c>
      <c r="AQ23327">
        <v>54</v>
      </c>
    </row>
    <row r="23328" spans="1:43">
      <c r="A23328" t="s">
        <v>14447</v>
      </c>
      <c r="B23328" t="s">
        <v>14448</v>
      </c>
      <c r="C23328" t="s">
        <v>14327</v>
      </c>
      <c r="D23328" t="s">
        <v>14328</v>
      </c>
      <c r="E23328" t="s">
        <v>14307</v>
      </c>
      <c r="F23328" t="s">
        <v>14308</v>
      </c>
      <c r="G23328" t="s">
        <v>10734</v>
      </c>
      <c r="H23328" t="s">
        <v>10735</v>
      </c>
      <c r="I23328" s="2">
        <v>0</v>
      </c>
      <c r="J23328" s="2">
        <v>0</v>
      </c>
      <c r="K23328" s="2">
        <v>1</v>
      </c>
      <c r="L23328" t="s">
        <v>995</v>
      </c>
      <c r="M23328" t="s">
        <v>89</v>
      </c>
      <c r="N23328" t="s">
        <v>90</v>
      </c>
      <c r="O23328" t="s">
        <v>85</v>
      </c>
      <c r="P23328" t="s">
        <v>86</v>
      </c>
      <c r="Q23328">
        <v>32</v>
      </c>
      <c r="R23328">
        <v>33</v>
      </c>
      <c r="S23328">
        <v>34</v>
      </c>
      <c r="T23328">
        <v>36</v>
      </c>
      <c r="U23328">
        <v>37</v>
      </c>
      <c r="V23328">
        <v>38</v>
      </c>
      <c r="W23328">
        <v>40</v>
      </c>
      <c r="X23328">
        <v>41</v>
      </c>
      <c r="Y23328">
        <v>42</v>
      </c>
      <c r="Z23328">
        <v>44</v>
      </c>
      <c r="AA23328">
        <v>45</v>
      </c>
      <c r="AB23328">
        <v>46</v>
      </c>
      <c r="AC23328">
        <v>48</v>
      </c>
      <c r="AD23328">
        <v>49</v>
      </c>
      <c r="AE23328">
        <v>50</v>
      </c>
      <c r="AF23328">
        <v>51</v>
      </c>
      <c r="AG23328">
        <v>52</v>
      </c>
      <c r="AH23328">
        <v>53</v>
      </c>
      <c r="AI23328">
        <v>54</v>
      </c>
      <c r="AJ23328">
        <v>55</v>
      </c>
      <c r="AK23328">
        <v>56</v>
      </c>
      <c r="AL23328">
        <v>57</v>
      </c>
      <c r="AM23328">
        <v>58</v>
      </c>
      <c r="AN23328">
        <v>59</v>
      </c>
      <c r="AO23328">
        <v>60</v>
      </c>
      <c r="AP23328">
        <v>61</v>
      </c>
      <c r="AQ23328">
        <v>62</v>
      </c>
    </row>
    <row r="23329" spans="1:43">
      <c r="A23329" t="s">
        <v>14447</v>
      </c>
      <c r="B23329" t="s">
        <v>14448</v>
      </c>
      <c r="C23329" t="s">
        <v>14327</v>
      </c>
      <c r="D23329" t="s">
        <v>14328</v>
      </c>
      <c r="E23329" t="s">
        <v>14307</v>
      </c>
      <c r="F23329" t="s">
        <v>14308</v>
      </c>
      <c r="G23329" t="s">
        <v>10734</v>
      </c>
      <c r="H23329" t="s">
        <v>10735</v>
      </c>
      <c r="I23329" s="2">
        <v>0</v>
      </c>
      <c r="J23329" s="2">
        <v>0</v>
      </c>
      <c r="K23329" s="2">
        <v>1</v>
      </c>
      <c r="L23329" t="s">
        <v>995</v>
      </c>
      <c r="M23329" t="s">
        <v>83</v>
      </c>
      <c r="N23329" t="s">
        <v>91</v>
      </c>
      <c r="O23329" t="s">
        <v>85</v>
      </c>
      <c r="P23329" t="s">
        <v>86</v>
      </c>
      <c r="Q23329">
        <v>32</v>
      </c>
      <c r="R23329">
        <v>33</v>
      </c>
      <c r="S23329">
        <v>34</v>
      </c>
      <c r="T23329">
        <v>35</v>
      </c>
      <c r="U23329">
        <v>37</v>
      </c>
      <c r="V23329">
        <v>38</v>
      </c>
      <c r="W23329">
        <v>39</v>
      </c>
      <c r="X23329">
        <v>40</v>
      </c>
      <c r="Y23329">
        <v>41</v>
      </c>
      <c r="Z23329">
        <v>42</v>
      </c>
      <c r="AA23329">
        <v>43</v>
      </c>
      <c r="AB23329">
        <v>44</v>
      </c>
      <c r="AC23329">
        <v>46</v>
      </c>
      <c r="AD23329">
        <v>47</v>
      </c>
      <c r="AE23329">
        <v>48</v>
      </c>
      <c r="AF23329">
        <v>49</v>
      </c>
      <c r="AG23329">
        <v>51</v>
      </c>
      <c r="AH23329">
        <v>52</v>
      </c>
      <c r="AI23329">
        <v>53</v>
      </c>
      <c r="AJ23329">
        <v>55</v>
      </c>
      <c r="AK23329">
        <v>56</v>
      </c>
      <c r="AL23329">
        <v>57</v>
      </c>
      <c r="AM23329">
        <v>58</v>
      </c>
      <c r="AN23329">
        <v>59</v>
      </c>
      <c r="AO23329">
        <v>60</v>
      </c>
      <c r="AP23329">
        <v>61</v>
      </c>
      <c r="AQ23329">
        <v>62</v>
      </c>
    </row>
    <row r="23330" spans="1:43">
      <c r="A23330" t="s">
        <v>14449</v>
      </c>
      <c r="B23330" t="s">
        <v>14450</v>
      </c>
      <c r="C23330" t="s">
        <v>14327</v>
      </c>
      <c r="D23330" t="s">
        <v>14328</v>
      </c>
      <c r="E23330" t="s">
        <v>14307</v>
      </c>
      <c r="F23330" t="s">
        <v>14308</v>
      </c>
      <c r="G23330" t="s">
        <v>10734</v>
      </c>
      <c r="H23330" t="s">
        <v>10735</v>
      </c>
      <c r="I23330" s="2">
        <v>0</v>
      </c>
      <c r="J23330" s="2">
        <v>0</v>
      </c>
      <c r="K23330" s="2">
        <v>1</v>
      </c>
      <c r="L23330" t="s">
        <v>995</v>
      </c>
      <c r="M23330" t="s">
        <v>83</v>
      </c>
      <c r="N23330" t="s">
        <v>84</v>
      </c>
      <c r="O23330" t="s">
        <v>85</v>
      </c>
      <c r="P23330" t="s">
        <v>86</v>
      </c>
      <c r="Q23330">
        <v>37</v>
      </c>
      <c r="R23330">
        <v>38</v>
      </c>
      <c r="S23330">
        <v>40</v>
      </c>
      <c r="T23330">
        <v>41</v>
      </c>
      <c r="U23330">
        <v>42</v>
      </c>
      <c r="V23330">
        <v>43</v>
      </c>
      <c r="W23330">
        <v>44</v>
      </c>
      <c r="X23330">
        <v>46</v>
      </c>
      <c r="Y23330">
        <v>47</v>
      </c>
      <c r="Z23330">
        <v>48</v>
      </c>
      <c r="AA23330">
        <v>50</v>
      </c>
      <c r="AB23330">
        <v>51</v>
      </c>
      <c r="AC23330">
        <v>52</v>
      </c>
      <c r="AD23330">
        <v>54</v>
      </c>
      <c r="AE23330">
        <v>55</v>
      </c>
      <c r="AF23330">
        <v>57</v>
      </c>
      <c r="AG23330">
        <v>58</v>
      </c>
      <c r="AH23330">
        <v>60</v>
      </c>
      <c r="AI23330">
        <v>61</v>
      </c>
      <c r="AJ23330">
        <v>63</v>
      </c>
      <c r="AK23330">
        <v>65</v>
      </c>
      <c r="AL23330">
        <v>66</v>
      </c>
      <c r="AM23330">
        <v>67</v>
      </c>
      <c r="AN23330">
        <v>68</v>
      </c>
      <c r="AO23330">
        <v>69</v>
      </c>
      <c r="AP23330">
        <v>70</v>
      </c>
      <c r="AQ23330">
        <v>72</v>
      </c>
    </row>
    <row r="23331" spans="1:43">
      <c r="A23331" t="s">
        <v>14449</v>
      </c>
      <c r="B23331" t="s">
        <v>14450</v>
      </c>
      <c r="C23331" t="s">
        <v>14327</v>
      </c>
      <c r="D23331" t="s">
        <v>14328</v>
      </c>
      <c r="E23331" t="s">
        <v>14307</v>
      </c>
      <c r="F23331" t="s">
        <v>14308</v>
      </c>
      <c r="G23331" t="s">
        <v>10734</v>
      </c>
      <c r="H23331" t="s">
        <v>10735</v>
      </c>
      <c r="I23331" s="2">
        <v>0</v>
      </c>
      <c r="J23331" s="2">
        <v>0</v>
      </c>
      <c r="K23331" s="2">
        <v>1</v>
      </c>
      <c r="L23331" t="s">
        <v>995</v>
      </c>
      <c r="M23331" t="s">
        <v>87</v>
      </c>
      <c r="N23331" t="s">
        <v>88</v>
      </c>
      <c r="O23331" t="s">
        <v>85</v>
      </c>
      <c r="P23331" t="s">
        <v>86</v>
      </c>
      <c r="Q23331">
        <v>37</v>
      </c>
      <c r="R23331">
        <v>38</v>
      </c>
      <c r="S23331">
        <v>39</v>
      </c>
      <c r="T23331">
        <v>39</v>
      </c>
      <c r="U23331">
        <v>40</v>
      </c>
      <c r="V23331">
        <v>41</v>
      </c>
      <c r="W23331">
        <v>42</v>
      </c>
      <c r="X23331">
        <v>43</v>
      </c>
      <c r="Y23331">
        <v>43</v>
      </c>
      <c r="Z23331">
        <v>44</v>
      </c>
      <c r="AA23331">
        <v>45</v>
      </c>
      <c r="AB23331">
        <v>46</v>
      </c>
      <c r="AC23331">
        <v>47</v>
      </c>
      <c r="AD23331">
        <v>48</v>
      </c>
      <c r="AE23331">
        <v>49</v>
      </c>
      <c r="AF23331">
        <v>50</v>
      </c>
      <c r="AG23331">
        <v>51</v>
      </c>
      <c r="AH23331">
        <v>52</v>
      </c>
      <c r="AI23331">
        <v>53</v>
      </c>
      <c r="AJ23331">
        <v>54</v>
      </c>
      <c r="AK23331">
        <v>55</v>
      </c>
      <c r="AL23331">
        <v>56</v>
      </c>
      <c r="AM23331">
        <v>57</v>
      </c>
      <c r="AN23331">
        <v>59</v>
      </c>
      <c r="AO23331">
        <v>60</v>
      </c>
      <c r="AP23331">
        <v>61</v>
      </c>
      <c r="AQ23331">
        <v>62</v>
      </c>
    </row>
    <row r="23332" spans="1:43">
      <c r="A23332" t="s">
        <v>14449</v>
      </c>
      <c r="B23332" t="s">
        <v>14450</v>
      </c>
      <c r="C23332" t="s">
        <v>14327</v>
      </c>
      <c r="D23332" t="s">
        <v>14328</v>
      </c>
      <c r="E23332" t="s">
        <v>14307</v>
      </c>
      <c r="F23332" t="s">
        <v>14308</v>
      </c>
      <c r="G23332" t="s">
        <v>10734</v>
      </c>
      <c r="H23332" t="s">
        <v>10735</v>
      </c>
      <c r="I23332" s="2">
        <v>0</v>
      </c>
      <c r="J23332" s="2">
        <v>0</v>
      </c>
      <c r="K23332" s="2">
        <v>1</v>
      </c>
      <c r="L23332" t="s">
        <v>995</v>
      </c>
      <c r="M23332" t="s">
        <v>89</v>
      </c>
      <c r="N23332" t="s">
        <v>90</v>
      </c>
      <c r="O23332" t="s">
        <v>85</v>
      </c>
      <c r="P23332" t="s">
        <v>86</v>
      </c>
      <c r="Q23332">
        <v>37</v>
      </c>
      <c r="R23332">
        <v>38</v>
      </c>
      <c r="S23332">
        <v>40</v>
      </c>
      <c r="T23332">
        <v>41</v>
      </c>
      <c r="U23332">
        <v>43</v>
      </c>
      <c r="V23332">
        <v>44</v>
      </c>
      <c r="W23332">
        <v>46</v>
      </c>
      <c r="X23332">
        <v>47</v>
      </c>
      <c r="Y23332">
        <v>49</v>
      </c>
      <c r="Z23332">
        <v>50</v>
      </c>
      <c r="AA23332">
        <v>52</v>
      </c>
      <c r="AB23332">
        <v>54</v>
      </c>
      <c r="AC23332">
        <v>55</v>
      </c>
      <c r="AD23332">
        <v>57</v>
      </c>
      <c r="AE23332">
        <v>58</v>
      </c>
      <c r="AF23332">
        <v>59</v>
      </c>
      <c r="AG23332">
        <v>60</v>
      </c>
      <c r="AH23332">
        <v>61</v>
      </c>
      <c r="AI23332">
        <v>62</v>
      </c>
      <c r="AJ23332">
        <v>63</v>
      </c>
      <c r="AK23332">
        <v>65</v>
      </c>
      <c r="AL23332">
        <v>66</v>
      </c>
      <c r="AM23332">
        <v>67</v>
      </c>
      <c r="AN23332">
        <v>68</v>
      </c>
      <c r="AO23332">
        <v>69</v>
      </c>
      <c r="AP23332">
        <v>70</v>
      </c>
      <c r="AQ23332">
        <v>71</v>
      </c>
    </row>
    <row r="23333" spans="1:43">
      <c r="A23333" t="s">
        <v>14449</v>
      </c>
      <c r="B23333" t="s">
        <v>14450</v>
      </c>
      <c r="C23333" t="s">
        <v>14327</v>
      </c>
      <c r="D23333" t="s">
        <v>14328</v>
      </c>
      <c r="E23333" t="s">
        <v>14307</v>
      </c>
      <c r="F23333" t="s">
        <v>14308</v>
      </c>
      <c r="G23333" t="s">
        <v>10734</v>
      </c>
      <c r="H23333" t="s">
        <v>10735</v>
      </c>
      <c r="I23333" s="2">
        <v>0</v>
      </c>
      <c r="J23333" s="2">
        <v>0</v>
      </c>
      <c r="K23333" s="2">
        <v>1</v>
      </c>
      <c r="L23333" t="s">
        <v>995</v>
      </c>
      <c r="M23333" t="s">
        <v>83</v>
      </c>
      <c r="N23333" t="s">
        <v>91</v>
      </c>
      <c r="O23333" t="s">
        <v>85</v>
      </c>
      <c r="P23333" t="s">
        <v>86</v>
      </c>
      <c r="Q23333">
        <v>37</v>
      </c>
      <c r="R23333">
        <v>38</v>
      </c>
      <c r="S23333">
        <v>40</v>
      </c>
      <c r="T23333">
        <v>41</v>
      </c>
      <c r="U23333">
        <v>42</v>
      </c>
      <c r="V23333">
        <v>43</v>
      </c>
      <c r="W23333">
        <v>44</v>
      </c>
      <c r="X23333">
        <v>46</v>
      </c>
      <c r="Y23333">
        <v>47</v>
      </c>
      <c r="Z23333">
        <v>48</v>
      </c>
      <c r="AA23333">
        <v>50</v>
      </c>
      <c r="AB23333">
        <v>51</v>
      </c>
      <c r="AC23333">
        <v>52</v>
      </c>
      <c r="AD23333">
        <v>54</v>
      </c>
      <c r="AE23333">
        <v>55</v>
      </c>
      <c r="AF23333">
        <v>57</v>
      </c>
      <c r="AG23333">
        <v>58</v>
      </c>
      <c r="AH23333">
        <v>60</v>
      </c>
      <c r="AI23333">
        <v>61</v>
      </c>
      <c r="AJ23333">
        <v>63</v>
      </c>
      <c r="AK23333">
        <v>65</v>
      </c>
      <c r="AL23333">
        <v>66</v>
      </c>
      <c r="AM23333">
        <v>67</v>
      </c>
      <c r="AN23333">
        <v>68</v>
      </c>
      <c r="AO23333">
        <v>69</v>
      </c>
      <c r="AP23333">
        <v>70</v>
      </c>
      <c r="AQ23333">
        <v>72</v>
      </c>
    </row>
    <row r="23334" spans="1:43">
      <c r="A23334" t="s">
        <v>14451</v>
      </c>
      <c r="B23334" t="s">
        <v>14452</v>
      </c>
      <c r="C23334" t="s">
        <v>14453</v>
      </c>
      <c r="D23334" t="s">
        <v>14454</v>
      </c>
      <c r="E23334" t="s">
        <v>14307</v>
      </c>
      <c r="F23334" t="s">
        <v>14308</v>
      </c>
      <c r="G23334" t="s">
        <v>10734</v>
      </c>
      <c r="H23334" t="s">
        <v>10735</v>
      </c>
      <c r="I23334" s="2">
        <v>0</v>
      </c>
      <c r="J23334" s="2">
        <v>0</v>
      </c>
      <c r="K23334" s="2">
        <v>1</v>
      </c>
      <c r="L23334" t="s">
        <v>995</v>
      </c>
      <c r="M23334" t="s">
        <v>83</v>
      </c>
      <c r="N23334" t="s">
        <v>84</v>
      </c>
      <c r="O23334" t="s">
        <v>85</v>
      </c>
      <c r="P23334" t="s">
        <v>86</v>
      </c>
      <c r="Q23334">
        <v>34</v>
      </c>
      <c r="R23334">
        <v>35</v>
      </c>
      <c r="S23334">
        <v>36</v>
      </c>
      <c r="T23334">
        <v>37</v>
      </c>
      <c r="U23334">
        <v>38</v>
      </c>
      <c r="V23334">
        <v>39</v>
      </c>
      <c r="W23334">
        <v>41</v>
      </c>
      <c r="X23334">
        <v>42</v>
      </c>
      <c r="Y23334">
        <v>43</v>
      </c>
      <c r="Z23334">
        <v>44</v>
      </c>
      <c r="AA23334">
        <v>45</v>
      </c>
      <c r="AB23334">
        <v>47</v>
      </c>
      <c r="AC23334">
        <v>48</v>
      </c>
      <c r="AD23334">
        <v>49</v>
      </c>
      <c r="AE23334">
        <v>51</v>
      </c>
      <c r="AF23334">
        <v>52</v>
      </c>
      <c r="AG23334">
        <v>53</v>
      </c>
      <c r="AH23334">
        <v>55</v>
      </c>
      <c r="AI23334">
        <v>56</v>
      </c>
      <c r="AJ23334">
        <v>58</v>
      </c>
      <c r="AK23334">
        <v>59</v>
      </c>
      <c r="AL23334">
        <v>60</v>
      </c>
      <c r="AM23334">
        <v>61</v>
      </c>
      <c r="AN23334">
        <v>62</v>
      </c>
      <c r="AO23334">
        <v>63</v>
      </c>
      <c r="AP23334">
        <v>64</v>
      </c>
      <c r="AQ23334">
        <v>65</v>
      </c>
    </row>
    <row r="23335" spans="1:43">
      <c r="A23335" t="s">
        <v>14451</v>
      </c>
      <c r="B23335" t="s">
        <v>14452</v>
      </c>
      <c r="C23335" t="s">
        <v>14453</v>
      </c>
      <c r="D23335" t="s">
        <v>14454</v>
      </c>
      <c r="E23335" t="s">
        <v>14307</v>
      </c>
      <c r="F23335" t="s">
        <v>14308</v>
      </c>
      <c r="G23335" t="s">
        <v>10734</v>
      </c>
      <c r="H23335" t="s">
        <v>10735</v>
      </c>
      <c r="I23335" s="2">
        <v>0</v>
      </c>
      <c r="J23335" s="2">
        <v>0</v>
      </c>
      <c r="K23335" s="2">
        <v>1</v>
      </c>
      <c r="L23335" t="s">
        <v>995</v>
      </c>
      <c r="M23335" t="s">
        <v>87</v>
      </c>
      <c r="N23335" t="s">
        <v>88</v>
      </c>
      <c r="O23335" t="s">
        <v>85</v>
      </c>
      <c r="P23335" t="s">
        <v>86</v>
      </c>
      <c r="Q23335">
        <v>34</v>
      </c>
      <c r="R23335">
        <v>34</v>
      </c>
      <c r="S23335">
        <v>35</v>
      </c>
      <c r="T23335">
        <v>36</v>
      </c>
      <c r="U23335">
        <v>37</v>
      </c>
      <c r="V23335">
        <v>37</v>
      </c>
      <c r="W23335">
        <v>38</v>
      </c>
      <c r="X23335">
        <v>39</v>
      </c>
      <c r="Y23335">
        <v>40</v>
      </c>
      <c r="Z23335">
        <v>41</v>
      </c>
      <c r="AA23335">
        <v>41</v>
      </c>
      <c r="AB23335">
        <v>42</v>
      </c>
      <c r="AC23335">
        <v>43</v>
      </c>
      <c r="AD23335">
        <v>44</v>
      </c>
      <c r="AE23335">
        <v>45</v>
      </c>
      <c r="AF23335">
        <v>46</v>
      </c>
      <c r="AG23335">
        <v>47</v>
      </c>
      <c r="AH23335">
        <v>48</v>
      </c>
      <c r="AI23335">
        <v>49</v>
      </c>
      <c r="AJ23335">
        <v>50</v>
      </c>
      <c r="AK23335">
        <v>51</v>
      </c>
      <c r="AL23335">
        <v>52</v>
      </c>
      <c r="AM23335">
        <v>53</v>
      </c>
      <c r="AN23335">
        <v>54</v>
      </c>
      <c r="AO23335">
        <v>55</v>
      </c>
      <c r="AP23335">
        <v>56</v>
      </c>
      <c r="AQ23335">
        <v>57</v>
      </c>
    </row>
    <row r="23336" spans="1:43">
      <c r="A23336" t="s">
        <v>14451</v>
      </c>
      <c r="B23336" t="s">
        <v>14452</v>
      </c>
      <c r="C23336" t="s">
        <v>14453</v>
      </c>
      <c r="D23336" t="s">
        <v>14454</v>
      </c>
      <c r="E23336" t="s">
        <v>14307</v>
      </c>
      <c r="F23336" t="s">
        <v>14308</v>
      </c>
      <c r="G23336" t="s">
        <v>10734</v>
      </c>
      <c r="H23336" t="s">
        <v>10735</v>
      </c>
      <c r="I23336" s="2">
        <v>0</v>
      </c>
      <c r="J23336" s="2">
        <v>0</v>
      </c>
      <c r="K23336" s="2">
        <v>1</v>
      </c>
      <c r="L23336" t="s">
        <v>995</v>
      </c>
      <c r="M23336" t="s">
        <v>89</v>
      </c>
      <c r="N23336" t="s">
        <v>90</v>
      </c>
      <c r="O23336" t="s">
        <v>85</v>
      </c>
      <c r="P23336" t="s">
        <v>86</v>
      </c>
      <c r="Q23336">
        <v>34</v>
      </c>
      <c r="R23336">
        <v>36</v>
      </c>
      <c r="S23336">
        <v>37</v>
      </c>
      <c r="T23336">
        <v>38</v>
      </c>
      <c r="U23336">
        <v>40</v>
      </c>
      <c r="V23336">
        <v>41</v>
      </c>
      <c r="W23336">
        <v>43</v>
      </c>
      <c r="X23336">
        <v>44</v>
      </c>
      <c r="Y23336">
        <v>45</v>
      </c>
      <c r="Z23336">
        <v>47</v>
      </c>
      <c r="AA23336">
        <v>48</v>
      </c>
      <c r="AB23336">
        <v>50</v>
      </c>
      <c r="AC23336">
        <v>51</v>
      </c>
      <c r="AD23336">
        <v>53</v>
      </c>
      <c r="AE23336">
        <v>54</v>
      </c>
      <c r="AF23336">
        <v>55</v>
      </c>
      <c r="AG23336">
        <v>56</v>
      </c>
      <c r="AH23336">
        <v>57</v>
      </c>
      <c r="AI23336">
        <v>58</v>
      </c>
      <c r="AJ23336">
        <v>59</v>
      </c>
      <c r="AK23336">
        <v>60</v>
      </c>
      <c r="AL23336">
        <v>61</v>
      </c>
      <c r="AM23336">
        <v>62</v>
      </c>
      <c r="AN23336">
        <v>63</v>
      </c>
      <c r="AO23336">
        <v>64</v>
      </c>
      <c r="AP23336">
        <v>65</v>
      </c>
      <c r="AQ23336">
        <v>66</v>
      </c>
    </row>
    <row r="23337" spans="1:43">
      <c r="A23337" t="s">
        <v>14451</v>
      </c>
      <c r="B23337" t="s">
        <v>14452</v>
      </c>
      <c r="C23337" t="s">
        <v>14453</v>
      </c>
      <c r="D23337" t="s">
        <v>14454</v>
      </c>
      <c r="E23337" t="s">
        <v>14307</v>
      </c>
      <c r="F23337" t="s">
        <v>14308</v>
      </c>
      <c r="G23337" t="s">
        <v>10734</v>
      </c>
      <c r="H23337" t="s">
        <v>10735</v>
      </c>
      <c r="I23337" s="2">
        <v>0</v>
      </c>
      <c r="J23337" s="2">
        <v>0</v>
      </c>
      <c r="K23337" s="2">
        <v>1</v>
      </c>
      <c r="L23337" t="s">
        <v>995</v>
      </c>
      <c r="M23337" t="s">
        <v>83</v>
      </c>
      <c r="N23337" t="s">
        <v>91</v>
      </c>
      <c r="O23337" t="s">
        <v>85</v>
      </c>
      <c r="P23337" t="s">
        <v>86</v>
      </c>
      <c r="Q23337">
        <v>34</v>
      </c>
      <c r="R23337">
        <v>35</v>
      </c>
      <c r="S23337">
        <v>36</v>
      </c>
      <c r="T23337">
        <v>37</v>
      </c>
      <c r="U23337">
        <v>38</v>
      </c>
      <c r="V23337">
        <v>39</v>
      </c>
      <c r="W23337">
        <v>41</v>
      </c>
      <c r="X23337">
        <v>42</v>
      </c>
      <c r="Y23337">
        <v>43</v>
      </c>
      <c r="Z23337">
        <v>44</v>
      </c>
      <c r="AA23337">
        <v>45</v>
      </c>
      <c r="AB23337">
        <v>47</v>
      </c>
      <c r="AC23337">
        <v>48</v>
      </c>
      <c r="AD23337">
        <v>49</v>
      </c>
      <c r="AE23337">
        <v>51</v>
      </c>
      <c r="AF23337">
        <v>52</v>
      </c>
      <c r="AG23337">
        <v>53</v>
      </c>
      <c r="AH23337">
        <v>55</v>
      </c>
      <c r="AI23337">
        <v>56</v>
      </c>
      <c r="AJ23337">
        <v>58</v>
      </c>
      <c r="AK23337">
        <v>59</v>
      </c>
      <c r="AL23337">
        <v>60</v>
      </c>
      <c r="AM23337">
        <v>61</v>
      </c>
      <c r="AN23337">
        <v>62</v>
      </c>
      <c r="AO23337">
        <v>63</v>
      </c>
      <c r="AP23337">
        <v>64</v>
      </c>
      <c r="AQ23337">
        <v>65</v>
      </c>
    </row>
    <row r="23338" spans="1:43">
      <c r="A23338" t="s">
        <v>14455</v>
      </c>
      <c r="B23338" t="s">
        <v>14456</v>
      </c>
      <c r="C23338" t="s">
        <v>14453</v>
      </c>
      <c r="D23338" t="s">
        <v>14454</v>
      </c>
      <c r="E23338" t="s">
        <v>14307</v>
      </c>
      <c r="F23338" t="s">
        <v>14308</v>
      </c>
      <c r="G23338" t="s">
        <v>10734</v>
      </c>
      <c r="H23338" t="s">
        <v>10735</v>
      </c>
      <c r="I23338" s="2">
        <v>0</v>
      </c>
      <c r="J23338" s="2">
        <v>0</v>
      </c>
      <c r="K23338" s="2">
        <v>1</v>
      </c>
      <c r="L23338" t="s">
        <v>995</v>
      </c>
      <c r="M23338" t="s">
        <v>83</v>
      </c>
      <c r="N23338" t="s">
        <v>84</v>
      </c>
      <c r="O23338" t="s">
        <v>85</v>
      </c>
      <c r="P23338" t="s">
        <v>86</v>
      </c>
      <c r="Q23338">
        <v>35</v>
      </c>
      <c r="R23338">
        <v>36</v>
      </c>
      <c r="S23338">
        <v>37</v>
      </c>
      <c r="T23338">
        <v>38</v>
      </c>
      <c r="U23338">
        <v>39</v>
      </c>
      <c r="V23338">
        <v>40</v>
      </c>
      <c r="W23338">
        <v>41</v>
      </c>
      <c r="X23338">
        <v>42</v>
      </c>
      <c r="Y23338">
        <v>43</v>
      </c>
      <c r="Z23338">
        <v>45</v>
      </c>
      <c r="AA23338">
        <v>46</v>
      </c>
      <c r="AB23338">
        <v>47</v>
      </c>
      <c r="AC23338">
        <v>49</v>
      </c>
      <c r="AD23338">
        <v>50</v>
      </c>
      <c r="AE23338">
        <v>51</v>
      </c>
      <c r="AF23338">
        <v>53</v>
      </c>
      <c r="AG23338">
        <v>54</v>
      </c>
      <c r="AH23338">
        <v>55</v>
      </c>
      <c r="AI23338">
        <v>57</v>
      </c>
      <c r="AJ23338">
        <v>58</v>
      </c>
      <c r="AK23338">
        <v>60</v>
      </c>
      <c r="AL23338">
        <v>61</v>
      </c>
      <c r="AM23338">
        <v>62</v>
      </c>
      <c r="AN23338">
        <v>63</v>
      </c>
      <c r="AO23338">
        <v>64</v>
      </c>
      <c r="AP23338">
        <v>65</v>
      </c>
      <c r="AQ23338">
        <v>66</v>
      </c>
    </row>
    <row r="23339" spans="1:43">
      <c r="A23339" t="s">
        <v>14455</v>
      </c>
      <c r="B23339" t="s">
        <v>14456</v>
      </c>
      <c r="C23339" t="s">
        <v>14453</v>
      </c>
      <c r="D23339" t="s">
        <v>14454</v>
      </c>
      <c r="E23339" t="s">
        <v>14307</v>
      </c>
      <c r="F23339" t="s">
        <v>14308</v>
      </c>
      <c r="G23339" t="s">
        <v>10734</v>
      </c>
      <c r="H23339" t="s">
        <v>10735</v>
      </c>
      <c r="I23339" s="2">
        <v>0</v>
      </c>
      <c r="J23339" s="2">
        <v>0</v>
      </c>
      <c r="K23339" s="2">
        <v>1</v>
      </c>
      <c r="L23339" t="s">
        <v>995</v>
      </c>
      <c r="M23339" t="s">
        <v>87</v>
      </c>
      <c r="N23339" t="s">
        <v>88</v>
      </c>
      <c r="O23339" t="s">
        <v>85</v>
      </c>
      <c r="P23339" t="s">
        <v>86</v>
      </c>
      <c r="Q23339">
        <v>35</v>
      </c>
      <c r="R23339">
        <v>36</v>
      </c>
      <c r="S23339">
        <v>37</v>
      </c>
      <c r="T23339">
        <v>37</v>
      </c>
      <c r="U23339">
        <v>38</v>
      </c>
      <c r="V23339">
        <v>39</v>
      </c>
      <c r="W23339">
        <v>40</v>
      </c>
      <c r="X23339">
        <v>40</v>
      </c>
      <c r="Y23339">
        <v>41</v>
      </c>
      <c r="Z23339">
        <v>42</v>
      </c>
      <c r="AA23339">
        <v>43</v>
      </c>
      <c r="AB23339">
        <v>44</v>
      </c>
      <c r="AC23339">
        <v>45</v>
      </c>
      <c r="AD23339">
        <v>45</v>
      </c>
      <c r="AE23339">
        <v>46</v>
      </c>
      <c r="AF23339">
        <v>47</v>
      </c>
      <c r="AG23339">
        <v>48</v>
      </c>
      <c r="AH23339">
        <v>49</v>
      </c>
      <c r="AI23339">
        <v>50</v>
      </c>
      <c r="AJ23339">
        <v>51</v>
      </c>
      <c r="AK23339">
        <v>52</v>
      </c>
      <c r="AL23339">
        <v>53</v>
      </c>
      <c r="AM23339">
        <v>54</v>
      </c>
      <c r="AN23339">
        <v>55</v>
      </c>
      <c r="AO23339">
        <v>56</v>
      </c>
      <c r="AP23339">
        <v>57</v>
      </c>
      <c r="AQ23339">
        <v>59</v>
      </c>
    </row>
    <row r="23340" spans="1:43">
      <c r="A23340" t="s">
        <v>14455</v>
      </c>
      <c r="B23340" t="s">
        <v>14456</v>
      </c>
      <c r="C23340" t="s">
        <v>14453</v>
      </c>
      <c r="D23340" t="s">
        <v>14454</v>
      </c>
      <c r="E23340" t="s">
        <v>14307</v>
      </c>
      <c r="F23340" t="s">
        <v>14308</v>
      </c>
      <c r="G23340" t="s">
        <v>10734</v>
      </c>
      <c r="H23340" t="s">
        <v>10735</v>
      </c>
      <c r="I23340" s="2">
        <v>0</v>
      </c>
      <c r="J23340" s="2">
        <v>0</v>
      </c>
      <c r="K23340" s="2">
        <v>1</v>
      </c>
      <c r="L23340" t="s">
        <v>995</v>
      </c>
      <c r="M23340" t="s">
        <v>89</v>
      </c>
      <c r="N23340" t="s">
        <v>90</v>
      </c>
      <c r="O23340" t="s">
        <v>85</v>
      </c>
      <c r="P23340" t="s">
        <v>86</v>
      </c>
      <c r="Q23340">
        <v>35</v>
      </c>
      <c r="R23340">
        <v>36</v>
      </c>
      <c r="S23340">
        <v>38</v>
      </c>
      <c r="T23340">
        <v>39</v>
      </c>
      <c r="U23340">
        <v>40</v>
      </c>
      <c r="V23340">
        <v>42</v>
      </c>
      <c r="W23340">
        <v>43</v>
      </c>
      <c r="X23340">
        <v>45</v>
      </c>
      <c r="Y23340">
        <v>46</v>
      </c>
      <c r="Z23340">
        <v>47</v>
      </c>
      <c r="AA23340">
        <v>49</v>
      </c>
      <c r="AB23340">
        <v>50</v>
      </c>
      <c r="AC23340">
        <v>52</v>
      </c>
      <c r="AD23340">
        <v>53</v>
      </c>
      <c r="AE23340">
        <v>55</v>
      </c>
      <c r="AF23340">
        <v>56</v>
      </c>
      <c r="AG23340">
        <v>57</v>
      </c>
      <c r="AH23340">
        <v>58</v>
      </c>
      <c r="AI23340">
        <v>59</v>
      </c>
      <c r="AJ23340">
        <v>60</v>
      </c>
      <c r="AK23340">
        <v>61</v>
      </c>
      <c r="AL23340">
        <v>62</v>
      </c>
      <c r="AM23340">
        <v>63</v>
      </c>
      <c r="AN23340">
        <v>64</v>
      </c>
      <c r="AO23340">
        <v>65</v>
      </c>
      <c r="AP23340">
        <v>66</v>
      </c>
      <c r="AQ23340">
        <v>67</v>
      </c>
    </row>
    <row r="23341" spans="1:43">
      <c r="A23341" t="s">
        <v>14455</v>
      </c>
      <c r="B23341" t="s">
        <v>14456</v>
      </c>
      <c r="C23341" t="s">
        <v>14453</v>
      </c>
      <c r="D23341" t="s">
        <v>14454</v>
      </c>
      <c r="E23341" t="s">
        <v>14307</v>
      </c>
      <c r="F23341" t="s">
        <v>14308</v>
      </c>
      <c r="G23341" t="s">
        <v>10734</v>
      </c>
      <c r="H23341" t="s">
        <v>10735</v>
      </c>
      <c r="I23341" s="2">
        <v>0</v>
      </c>
      <c r="J23341" s="2">
        <v>0</v>
      </c>
      <c r="K23341" s="2">
        <v>1</v>
      </c>
      <c r="L23341" t="s">
        <v>995</v>
      </c>
      <c r="M23341" t="s">
        <v>83</v>
      </c>
      <c r="N23341" t="s">
        <v>91</v>
      </c>
      <c r="O23341" t="s">
        <v>85</v>
      </c>
      <c r="P23341" t="s">
        <v>86</v>
      </c>
      <c r="Q23341">
        <v>35</v>
      </c>
      <c r="R23341">
        <v>36</v>
      </c>
      <c r="S23341">
        <v>37</v>
      </c>
      <c r="T23341">
        <v>38</v>
      </c>
      <c r="U23341">
        <v>39</v>
      </c>
      <c r="V23341">
        <v>40</v>
      </c>
      <c r="W23341">
        <v>41</v>
      </c>
      <c r="X23341">
        <v>42</v>
      </c>
      <c r="Y23341">
        <v>43</v>
      </c>
      <c r="Z23341">
        <v>45</v>
      </c>
      <c r="AA23341">
        <v>46</v>
      </c>
      <c r="AB23341">
        <v>47</v>
      </c>
      <c r="AC23341">
        <v>49</v>
      </c>
      <c r="AD23341">
        <v>50</v>
      </c>
      <c r="AE23341">
        <v>51</v>
      </c>
      <c r="AF23341">
        <v>53</v>
      </c>
      <c r="AG23341">
        <v>54</v>
      </c>
      <c r="AH23341">
        <v>55</v>
      </c>
      <c r="AI23341">
        <v>57</v>
      </c>
      <c r="AJ23341">
        <v>58</v>
      </c>
      <c r="AK23341">
        <v>60</v>
      </c>
      <c r="AL23341">
        <v>61</v>
      </c>
      <c r="AM23341">
        <v>62</v>
      </c>
      <c r="AN23341">
        <v>63</v>
      </c>
      <c r="AO23341">
        <v>64</v>
      </c>
      <c r="AP23341">
        <v>65</v>
      </c>
      <c r="AQ23341">
        <v>66</v>
      </c>
    </row>
    <row r="23342" spans="1:43">
      <c r="A23342" t="s">
        <v>14457</v>
      </c>
      <c r="B23342" t="s">
        <v>14458</v>
      </c>
      <c r="C23342" t="s">
        <v>14427</v>
      </c>
      <c r="D23342" t="s">
        <v>14428</v>
      </c>
      <c r="E23342" t="s">
        <v>14307</v>
      </c>
      <c r="F23342" t="s">
        <v>14308</v>
      </c>
      <c r="G23342" t="s">
        <v>10734</v>
      </c>
      <c r="H23342" t="s">
        <v>10735</v>
      </c>
      <c r="I23342" s="2">
        <v>0</v>
      </c>
      <c r="J23342" s="2">
        <v>0</v>
      </c>
      <c r="K23342" s="2">
        <v>1</v>
      </c>
      <c r="L23342" t="s">
        <v>995</v>
      </c>
      <c r="M23342" t="s">
        <v>83</v>
      </c>
      <c r="N23342" t="s">
        <v>84</v>
      </c>
      <c r="O23342" t="s">
        <v>85</v>
      </c>
      <c r="P23342" t="s">
        <v>86</v>
      </c>
      <c r="Q23342">
        <v>25</v>
      </c>
      <c r="R23342">
        <v>26</v>
      </c>
      <c r="S23342">
        <v>26</v>
      </c>
      <c r="T23342">
        <v>27</v>
      </c>
      <c r="U23342">
        <v>28</v>
      </c>
      <c r="V23342">
        <v>29</v>
      </c>
      <c r="W23342">
        <v>30</v>
      </c>
      <c r="X23342">
        <v>30</v>
      </c>
      <c r="Y23342">
        <v>31</v>
      </c>
      <c r="Z23342">
        <v>32</v>
      </c>
      <c r="AA23342">
        <v>33</v>
      </c>
      <c r="AB23342">
        <v>34</v>
      </c>
      <c r="AC23342">
        <v>35</v>
      </c>
      <c r="AD23342">
        <v>36</v>
      </c>
      <c r="AE23342">
        <v>37</v>
      </c>
      <c r="AF23342">
        <v>38</v>
      </c>
      <c r="AG23342">
        <v>39</v>
      </c>
      <c r="AH23342">
        <v>40</v>
      </c>
      <c r="AI23342">
        <v>41</v>
      </c>
      <c r="AJ23342">
        <v>42</v>
      </c>
      <c r="AK23342">
        <v>43</v>
      </c>
      <c r="AL23342">
        <v>44</v>
      </c>
      <c r="AM23342">
        <v>45</v>
      </c>
      <c r="AN23342">
        <v>45</v>
      </c>
      <c r="AO23342">
        <v>46</v>
      </c>
      <c r="AP23342">
        <v>47</v>
      </c>
      <c r="AQ23342">
        <v>48</v>
      </c>
    </row>
    <row r="23343" spans="1:43">
      <c r="A23343" t="s">
        <v>14457</v>
      </c>
      <c r="B23343" t="s">
        <v>14458</v>
      </c>
      <c r="C23343" t="s">
        <v>14427</v>
      </c>
      <c r="D23343" t="s">
        <v>14428</v>
      </c>
      <c r="E23343" t="s">
        <v>14307</v>
      </c>
      <c r="F23343" t="s">
        <v>14308</v>
      </c>
      <c r="G23343" t="s">
        <v>10734</v>
      </c>
      <c r="H23343" t="s">
        <v>10735</v>
      </c>
      <c r="I23343" s="2">
        <v>0</v>
      </c>
      <c r="J23343" s="2">
        <v>0</v>
      </c>
      <c r="K23343" s="2">
        <v>1</v>
      </c>
      <c r="L23343" t="s">
        <v>995</v>
      </c>
      <c r="M23343" t="s">
        <v>87</v>
      </c>
      <c r="N23343" t="s">
        <v>88</v>
      </c>
      <c r="O23343" t="s">
        <v>85</v>
      </c>
      <c r="P23343" t="s">
        <v>86</v>
      </c>
      <c r="Q23343">
        <v>25</v>
      </c>
      <c r="R23343">
        <v>25</v>
      </c>
      <c r="S23343">
        <v>26</v>
      </c>
      <c r="T23343">
        <v>26</v>
      </c>
      <c r="U23343">
        <v>27</v>
      </c>
      <c r="V23343">
        <v>27</v>
      </c>
      <c r="W23343">
        <v>28</v>
      </c>
      <c r="X23343">
        <v>28</v>
      </c>
      <c r="Y23343">
        <v>29</v>
      </c>
      <c r="Z23343">
        <v>30</v>
      </c>
      <c r="AA23343">
        <v>30</v>
      </c>
      <c r="AB23343">
        <v>31</v>
      </c>
      <c r="AC23343">
        <v>31</v>
      </c>
      <c r="AD23343">
        <v>32</v>
      </c>
      <c r="AE23343">
        <v>33</v>
      </c>
      <c r="AF23343">
        <v>33</v>
      </c>
      <c r="AG23343">
        <v>34</v>
      </c>
      <c r="AH23343">
        <v>35</v>
      </c>
      <c r="AI23343">
        <v>35</v>
      </c>
      <c r="AJ23343">
        <v>36</v>
      </c>
      <c r="AK23343">
        <v>37</v>
      </c>
      <c r="AL23343">
        <v>37</v>
      </c>
      <c r="AM23343">
        <v>38</v>
      </c>
      <c r="AN23343">
        <v>39</v>
      </c>
      <c r="AO23343">
        <v>40</v>
      </c>
      <c r="AP23343">
        <v>41</v>
      </c>
      <c r="AQ23343">
        <v>41</v>
      </c>
    </row>
    <row r="23344" spans="1:43">
      <c r="A23344" t="s">
        <v>14457</v>
      </c>
      <c r="B23344" t="s">
        <v>14458</v>
      </c>
      <c r="C23344" t="s">
        <v>14427</v>
      </c>
      <c r="D23344" t="s">
        <v>14428</v>
      </c>
      <c r="E23344" t="s">
        <v>14307</v>
      </c>
      <c r="F23344" t="s">
        <v>14308</v>
      </c>
      <c r="G23344" t="s">
        <v>10734</v>
      </c>
      <c r="H23344" t="s">
        <v>10735</v>
      </c>
      <c r="I23344" s="2">
        <v>0</v>
      </c>
      <c r="J23344" s="2">
        <v>0</v>
      </c>
      <c r="K23344" s="2">
        <v>1</v>
      </c>
      <c r="L23344" t="s">
        <v>995</v>
      </c>
      <c r="M23344" t="s">
        <v>89</v>
      </c>
      <c r="N23344" t="s">
        <v>90</v>
      </c>
      <c r="O23344" t="s">
        <v>85</v>
      </c>
      <c r="P23344" t="s">
        <v>86</v>
      </c>
      <c r="Q23344">
        <v>25</v>
      </c>
      <c r="R23344">
        <v>26</v>
      </c>
      <c r="S23344">
        <v>27</v>
      </c>
      <c r="T23344">
        <v>28</v>
      </c>
      <c r="U23344">
        <v>29</v>
      </c>
      <c r="V23344">
        <v>30</v>
      </c>
      <c r="W23344">
        <v>31</v>
      </c>
      <c r="X23344">
        <v>32</v>
      </c>
      <c r="Y23344">
        <v>33</v>
      </c>
      <c r="Z23344">
        <v>34</v>
      </c>
      <c r="AA23344">
        <v>35</v>
      </c>
      <c r="AB23344">
        <v>36</v>
      </c>
      <c r="AC23344">
        <v>37</v>
      </c>
      <c r="AD23344">
        <v>39</v>
      </c>
      <c r="AE23344">
        <v>39</v>
      </c>
      <c r="AF23344">
        <v>40</v>
      </c>
      <c r="AG23344">
        <v>41</v>
      </c>
      <c r="AH23344">
        <v>42</v>
      </c>
      <c r="AI23344">
        <v>42</v>
      </c>
      <c r="AJ23344">
        <v>43</v>
      </c>
      <c r="AK23344">
        <v>44</v>
      </c>
      <c r="AL23344">
        <v>44</v>
      </c>
      <c r="AM23344">
        <v>45</v>
      </c>
      <c r="AN23344">
        <v>46</v>
      </c>
      <c r="AO23344">
        <v>47</v>
      </c>
      <c r="AP23344">
        <v>47</v>
      </c>
      <c r="AQ23344">
        <v>48</v>
      </c>
    </row>
    <row r="23345" spans="1:43">
      <c r="A23345" t="s">
        <v>14457</v>
      </c>
      <c r="B23345" t="s">
        <v>14458</v>
      </c>
      <c r="C23345" t="s">
        <v>14427</v>
      </c>
      <c r="D23345" t="s">
        <v>14428</v>
      </c>
      <c r="E23345" t="s">
        <v>14307</v>
      </c>
      <c r="F23345" t="s">
        <v>14308</v>
      </c>
      <c r="G23345" t="s">
        <v>10734</v>
      </c>
      <c r="H23345" t="s">
        <v>10735</v>
      </c>
      <c r="I23345" s="2">
        <v>0</v>
      </c>
      <c r="J23345" s="2">
        <v>0</v>
      </c>
      <c r="K23345" s="2">
        <v>1</v>
      </c>
      <c r="L23345" t="s">
        <v>995</v>
      </c>
      <c r="M23345" t="s">
        <v>83</v>
      </c>
      <c r="N23345" t="s">
        <v>91</v>
      </c>
      <c r="O23345" t="s">
        <v>85</v>
      </c>
      <c r="P23345" t="s">
        <v>86</v>
      </c>
      <c r="Q23345">
        <v>25</v>
      </c>
      <c r="R23345">
        <v>26</v>
      </c>
      <c r="S23345">
        <v>26</v>
      </c>
      <c r="T23345">
        <v>27</v>
      </c>
      <c r="U23345">
        <v>28</v>
      </c>
      <c r="V23345">
        <v>29</v>
      </c>
      <c r="W23345">
        <v>30</v>
      </c>
      <c r="X23345">
        <v>30</v>
      </c>
      <c r="Y23345">
        <v>31</v>
      </c>
      <c r="Z23345">
        <v>32</v>
      </c>
      <c r="AA23345">
        <v>33</v>
      </c>
      <c r="AB23345">
        <v>34</v>
      </c>
      <c r="AC23345">
        <v>35</v>
      </c>
      <c r="AD23345">
        <v>36</v>
      </c>
      <c r="AE23345">
        <v>37</v>
      </c>
      <c r="AF23345">
        <v>38</v>
      </c>
      <c r="AG23345">
        <v>39</v>
      </c>
      <c r="AH23345">
        <v>40</v>
      </c>
      <c r="AI23345">
        <v>41</v>
      </c>
      <c r="AJ23345">
        <v>42</v>
      </c>
      <c r="AK23345">
        <v>43</v>
      </c>
      <c r="AL23345">
        <v>44</v>
      </c>
      <c r="AM23345">
        <v>45</v>
      </c>
      <c r="AN23345">
        <v>45</v>
      </c>
      <c r="AO23345">
        <v>46</v>
      </c>
      <c r="AP23345">
        <v>47</v>
      </c>
      <c r="AQ23345">
        <v>48</v>
      </c>
    </row>
    <row r="23346" spans="1:43">
      <c r="A23346" t="s">
        <v>14459</v>
      </c>
      <c r="B23346" t="s">
        <v>14460</v>
      </c>
      <c r="C23346" t="s">
        <v>14427</v>
      </c>
      <c r="D23346" t="s">
        <v>14428</v>
      </c>
      <c r="E23346" t="s">
        <v>14307</v>
      </c>
      <c r="F23346" t="s">
        <v>14308</v>
      </c>
      <c r="G23346" t="s">
        <v>10734</v>
      </c>
      <c r="H23346" t="s">
        <v>10735</v>
      </c>
      <c r="I23346" s="2">
        <v>0</v>
      </c>
      <c r="J23346" s="2">
        <v>0</v>
      </c>
      <c r="K23346" s="2">
        <v>1</v>
      </c>
      <c r="L23346" t="s">
        <v>995</v>
      </c>
      <c r="M23346" t="s">
        <v>83</v>
      </c>
      <c r="N23346" t="s">
        <v>84</v>
      </c>
      <c r="O23346" t="s">
        <v>85</v>
      </c>
      <c r="P23346" t="s">
        <v>86</v>
      </c>
      <c r="Q23346">
        <v>35</v>
      </c>
      <c r="R23346">
        <v>36</v>
      </c>
      <c r="S23346">
        <v>37</v>
      </c>
      <c r="T23346">
        <v>38</v>
      </c>
      <c r="U23346">
        <v>39</v>
      </c>
      <c r="V23346">
        <v>40</v>
      </c>
      <c r="W23346">
        <v>41</v>
      </c>
      <c r="X23346">
        <v>42</v>
      </c>
      <c r="Y23346">
        <v>44</v>
      </c>
      <c r="Z23346">
        <v>45</v>
      </c>
      <c r="AA23346">
        <v>46</v>
      </c>
      <c r="AB23346">
        <v>47</v>
      </c>
      <c r="AC23346">
        <v>49</v>
      </c>
      <c r="AD23346">
        <v>50</v>
      </c>
      <c r="AE23346">
        <v>51</v>
      </c>
      <c r="AF23346">
        <v>53</v>
      </c>
      <c r="AG23346">
        <v>54</v>
      </c>
      <c r="AH23346">
        <v>55</v>
      </c>
      <c r="AI23346">
        <v>57</v>
      </c>
      <c r="AJ23346">
        <v>58</v>
      </c>
      <c r="AK23346">
        <v>60</v>
      </c>
      <c r="AL23346">
        <v>61</v>
      </c>
      <c r="AM23346">
        <v>62</v>
      </c>
      <c r="AN23346">
        <v>63</v>
      </c>
      <c r="AO23346">
        <v>64</v>
      </c>
      <c r="AP23346">
        <v>65</v>
      </c>
      <c r="AQ23346">
        <v>66</v>
      </c>
    </row>
    <row r="23347" spans="1:43">
      <c r="A23347" t="s">
        <v>14459</v>
      </c>
      <c r="B23347" t="s">
        <v>14460</v>
      </c>
      <c r="C23347" t="s">
        <v>14427</v>
      </c>
      <c r="D23347" t="s">
        <v>14428</v>
      </c>
      <c r="E23347" t="s">
        <v>14307</v>
      </c>
      <c r="F23347" t="s">
        <v>14308</v>
      </c>
      <c r="G23347" t="s">
        <v>10734</v>
      </c>
      <c r="H23347" t="s">
        <v>10735</v>
      </c>
      <c r="I23347" s="2">
        <v>0</v>
      </c>
      <c r="J23347" s="2">
        <v>0</v>
      </c>
      <c r="K23347" s="2">
        <v>1</v>
      </c>
      <c r="L23347" t="s">
        <v>995</v>
      </c>
      <c r="M23347" t="s">
        <v>87</v>
      </c>
      <c r="N23347" t="s">
        <v>88</v>
      </c>
      <c r="O23347" t="s">
        <v>85</v>
      </c>
      <c r="P23347" t="s">
        <v>86</v>
      </c>
      <c r="Q23347">
        <v>35</v>
      </c>
      <c r="R23347">
        <v>36</v>
      </c>
      <c r="S23347">
        <v>37</v>
      </c>
      <c r="T23347">
        <v>37</v>
      </c>
      <c r="U23347">
        <v>38</v>
      </c>
      <c r="V23347">
        <v>39</v>
      </c>
      <c r="W23347">
        <v>40</v>
      </c>
      <c r="X23347">
        <v>40</v>
      </c>
      <c r="Y23347">
        <v>41</v>
      </c>
      <c r="Z23347">
        <v>42</v>
      </c>
      <c r="AA23347">
        <v>43</v>
      </c>
      <c r="AB23347">
        <v>44</v>
      </c>
      <c r="AC23347">
        <v>45</v>
      </c>
      <c r="AD23347">
        <v>45</v>
      </c>
      <c r="AE23347">
        <v>46</v>
      </c>
      <c r="AF23347">
        <v>47</v>
      </c>
      <c r="AG23347">
        <v>48</v>
      </c>
      <c r="AH23347">
        <v>49</v>
      </c>
      <c r="AI23347">
        <v>50</v>
      </c>
      <c r="AJ23347">
        <v>51</v>
      </c>
      <c r="AK23347">
        <v>52</v>
      </c>
      <c r="AL23347">
        <v>53</v>
      </c>
      <c r="AM23347">
        <v>54</v>
      </c>
      <c r="AN23347">
        <v>55</v>
      </c>
      <c r="AO23347">
        <v>56</v>
      </c>
      <c r="AP23347">
        <v>57</v>
      </c>
      <c r="AQ23347">
        <v>59</v>
      </c>
    </row>
    <row r="23348" spans="1:43">
      <c r="A23348" t="s">
        <v>14459</v>
      </c>
      <c r="B23348" t="s">
        <v>14460</v>
      </c>
      <c r="C23348" t="s">
        <v>14427</v>
      </c>
      <c r="D23348" t="s">
        <v>14428</v>
      </c>
      <c r="E23348" t="s">
        <v>14307</v>
      </c>
      <c r="F23348" t="s">
        <v>14308</v>
      </c>
      <c r="G23348" t="s">
        <v>10734</v>
      </c>
      <c r="H23348" t="s">
        <v>10735</v>
      </c>
      <c r="I23348" s="2">
        <v>0</v>
      </c>
      <c r="J23348" s="2">
        <v>0</v>
      </c>
      <c r="K23348" s="2">
        <v>1</v>
      </c>
      <c r="L23348" t="s">
        <v>995</v>
      </c>
      <c r="M23348" t="s">
        <v>89</v>
      </c>
      <c r="N23348" t="s">
        <v>90</v>
      </c>
      <c r="O23348" t="s">
        <v>85</v>
      </c>
      <c r="P23348" t="s">
        <v>86</v>
      </c>
      <c r="Q23348">
        <v>35</v>
      </c>
      <c r="R23348">
        <v>36</v>
      </c>
      <c r="S23348">
        <v>38</v>
      </c>
      <c r="T23348">
        <v>39</v>
      </c>
      <c r="U23348">
        <v>40</v>
      </c>
      <c r="V23348">
        <v>42</v>
      </c>
      <c r="W23348">
        <v>43</v>
      </c>
      <c r="X23348">
        <v>45</v>
      </c>
      <c r="Y23348">
        <v>46</v>
      </c>
      <c r="Z23348">
        <v>48</v>
      </c>
      <c r="AA23348">
        <v>49</v>
      </c>
      <c r="AB23348">
        <v>50</v>
      </c>
      <c r="AC23348">
        <v>52</v>
      </c>
      <c r="AD23348">
        <v>54</v>
      </c>
      <c r="AE23348">
        <v>55</v>
      </c>
      <c r="AF23348">
        <v>56</v>
      </c>
      <c r="AG23348">
        <v>57</v>
      </c>
      <c r="AH23348">
        <v>58</v>
      </c>
      <c r="AI23348">
        <v>59</v>
      </c>
      <c r="AJ23348">
        <v>60</v>
      </c>
      <c r="AK23348">
        <v>61</v>
      </c>
      <c r="AL23348">
        <v>62</v>
      </c>
      <c r="AM23348">
        <v>63</v>
      </c>
      <c r="AN23348">
        <v>64</v>
      </c>
      <c r="AO23348">
        <v>65</v>
      </c>
      <c r="AP23348">
        <v>66</v>
      </c>
      <c r="AQ23348">
        <v>67</v>
      </c>
    </row>
    <row r="23349" spans="1:43">
      <c r="A23349" t="s">
        <v>14459</v>
      </c>
      <c r="B23349" t="s">
        <v>14460</v>
      </c>
      <c r="C23349" t="s">
        <v>14427</v>
      </c>
      <c r="D23349" t="s">
        <v>14428</v>
      </c>
      <c r="E23349" t="s">
        <v>14307</v>
      </c>
      <c r="F23349" t="s">
        <v>14308</v>
      </c>
      <c r="G23349" t="s">
        <v>10734</v>
      </c>
      <c r="H23349" t="s">
        <v>10735</v>
      </c>
      <c r="I23349" s="2">
        <v>0</v>
      </c>
      <c r="J23349" s="2">
        <v>0</v>
      </c>
      <c r="K23349" s="2">
        <v>1</v>
      </c>
      <c r="L23349" t="s">
        <v>995</v>
      </c>
      <c r="M23349" t="s">
        <v>83</v>
      </c>
      <c r="N23349" t="s">
        <v>91</v>
      </c>
      <c r="O23349" t="s">
        <v>85</v>
      </c>
      <c r="P23349" t="s">
        <v>86</v>
      </c>
      <c r="Q23349">
        <v>35</v>
      </c>
      <c r="R23349">
        <v>36</v>
      </c>
      <c r="S23349">
        <v>37</v>
      </c>
      <c r="T23349">
        <v>38</v>
      </c>
      <c r="U23349">
        <v>39</v>
      </c>
      <c r="V23349">
        <v>40</v>
      </c>
      <c r="W23349">
        <v>41</v>
      </c>
      <c r="X23349">
        <v>42</v>
      </c>
      <c r="Y23349">
        <v>44</v>
      </c>
      <c r="Z23349">
        <v>45</v>
      </c>
      <c r="AA23349">
        <v>46</v>
      </c>
      <c r="AB23349">
        <v>47</v>
      </c>
      <c r="AC23349">
        <v>49</v>
      </c>
      <c r="AD23349">
        <v>50</v>
      </c>
      <c r="AE23349">
        <v>51</v>
      </c>
      <c r="AF23349">
        <v>53</v>
      </c>
      <c r="AG23349">
        <v>54</v>
      </c>
      <c r="AH23349">
        <v>55</v>
      </c>
      <c r="AI23349">
        <v>57</v>
      </c>
      <c r="AJ23349">
        <v>58</v>
      </c>
      <c r="AK23349">
        <v>60</v>
      </c>
      <c r="AL23349">
        <v>61</v>
      </c>
      <c r="AM23349">
        <v>62</v>
      </c>
      <c r="AN23349">
        <v>63</v>
      </c>
      <c r="AO23349">
        <v>64</v>
      </c>
      <c r="AP23349">
        <v>65</v>
      </c>
      <c r="AQ23349">
        <v>66</v>
      </c>
    </row>
    <row r="23350" spans="1:43">
      <c r="A23350" t="s">
        <v>14461</v>
      </c>
      <c r="B23350" t="s">
        <v>14462</v>
      </c>
      <c r="C23350" t="s">
        <v>14463</v>
      </c>
      <c r="D23350" t="s">
        <v>14464</v>
      </c>
      <c r="E23350" t="s">
        <v>14307</v>
      </c>
      <c r="F23350" t="s">
        <v>14308</v>
      </c>
      <c r="G23350" t="s">
        <v>10734</v>
      </c>
      <c r="H23350" t="s">
        <v>10735</v>
      </c>
      <c r="I23350" s="2">
        <v>0</v>
      </c>
      <c r="J23350" s="2">
        <v>0</v>
      </c>
      <c r="K23350" s="2">
        <v>0.82</v>
      </c>
      <c r="L23350" t="s">
        <v>995</v>
      </c>
      <c r="M23350" t="s">
        <v>83</v>
      </c>
      <c r="N23350" t="s">
        <v>84</v>
      </c>
      <c r="O23350" t="s">
        <v>85</v>
      </c>
      <c r="P23350" t="s">
        <v>86</v>
      </c>
      <c r="Q23350">
        <v>67</v>
      </c>
      <c r="R23350">
        <v>69</v>
      </c>
      <c r="S23350">
        <v>71</v>
      </c>
      <c r="T23350">
        <v>73</v>
      </c>
      <c r="U23350">
        <v>76</v>
      </c>
      <c r="V23350">
        <v>78</v>
      </c>
      <c r="W23350">
        <v>80</v>
      </c>
      <c r="X23350">
        <v>82</v>
      </c>
      <c r="Y23350">
        <v>85</v>
      </c>
      <c r="Z23350">
        <v>87</v>
      </c>
      <c r="AA23350">
        <v>90</v>
      </c>
      <c r="AB23350">
        <v>92</v>
      </c>
      <c r="AC23350">
        <v>94</v>
      </c>
      <c r="AD23350">
        <v>97</v>
      </c>
      <c r="AE23350">
        <v>100</v>
      </c>
      <c r="AF23350">
        <v>102</v>
      </c>
      <c r="AG23350">
        <v>105</v>
      </c>
      <c r="AH23350">
        <v>108</v>
      </c>
      <c r="AI23350">
        <v>111</v>
      </c>
      <c r="AJ23350">
        <v>113</v>
      </c>
      <c r="AK23350">
        <v>116</v>
      </c>
      <c r="AL23350">
        <v>119</v>
      </c>
      <c r="AM23350">
        <v>121</v>
      </c>
      <c r="AN23350">
        <v>123</v>
      </c>
      <c r="AO23350">
        <v>125</v>
      </c>
      <c r="AP23350">
        <v>127</v>
      </c>
      <c r="AQ23350">
        <v>129</v>
      </c>
    </row>
    <row r="23351" spans="1:43">
      <c r="A23351" t="s">
        <v>14461</v>
      </c>
      <c r="B23351" t="s">
        <v>14462</v>
      </c>
      <c r="C23351" t="s">
        <v>14463</v>
      </c>
      <c r="D23351" t="s">
        <v>14464</v>
      </c>
      <c r="E23351" t="s">
        <v>14307</v>
      </c>
      <c r="F23351" t="s">
        <v>14308</v>
      </c>
      <c r="G23351" t="s">
        <v>10734</v>
      </c>
      <c r="H23351" t="s">
        <v>10735</v>
      </c>
      <c r="I23351" s="2">
        <v>0</v>
      </c>
      <c r="J23351" s="2">
        <v>0</v>
      </c>
      <c r="K23351" s="2">
        <v>0.82</v>
      </c>
      <c r="L23351" t="s">
        <v>995</v>
      </c>
      <c r="M23351" t="s">
        <v>87</v>
      </c>
      <c r="N23351" t="s">
        <v>88</v>
      </c>
      <c r="O23351" t="s">
        <v>85</v>
      </c>
      <c r="P23351" t="s">
        <v>86</v>
      </c>
      <c r="Q23351">
        <v>67</v>
      </c>
      <c r="R23351">
        <v>68</v>
      </c>
      <c r="S23351">
        <v>69</v>
      </c>
      <c r="T23351">
        <v>71</v>
      </c>
      <c r="U23351">
        <v>72</v>
      </c>
      <c r="V23351">
        <v>74</v>
      </c>
      <c r="W23351">
        <v>75</v>
      </c>
      <c r="X23351">
        <v>77</v>
      </c>
      <c r="Y23351">
        <v>78</v>
      </c>
      <c r="Z23351">
        <v>80</v>
      </c>
      <c r="AA23351">
        <v>81</v>
      </c>
      <c r="AB23351">
        <v>83</v>
      </c>
      <c r="AC23351">
        <v>85</v>
      </c>
      <c r="AD23351">
        <v>86</v>
      </c>
      <c r="AE23351">
        <v>88</v>
      </c>
      <c r="AF23351">
        <v>90</v>
      </c>
      <c r="AG23351">
        <v>92</v>
      </c>
      <c r="AH23351">
        <v>94</v>
      </c>
      <c r="AI23351">
        <v>96</v>
      </c>
      <c r="AJ23351">
        <v>98</v>
      </c>
      <c r="AK23351">
        <v>99</v>
      </c>
      <c r="AL23351">
        <v>101</v>
      </c>
      <c r="AM23351">
        <v>103</v>
      </c>
      <c r="AN23351">
        <v>106</v>
      </c>
      <c r="AO23351">
        <v>108</v>
      </c>
      <c r="AP23351">
        <v>110</v>
      </c>
      <c r="AQ23351">
        <v>112</v>
      </c>
    </row>
    <row r="23352" spans="1:43">
      <c r="A23352" t="s">
        <v>14461</v>
      </c>
      <c r="B23352" t="s">
        <v>14462</v>
      </c>
      <c r="C23352" t="s">
        <v>14463</v>
      </c>
      <c r="D23352" t="s">
        <v>14464</v>
      </c>
      <c r="E23352" t="s">
        <v>14307</v>
      </c>
      <c r="F23352" t="s">
        <v>14308</v>
      </c>
      <c r="G23352" t="s">
        <v>10734</v>
      </c>
      <c r="H23352" t="s">
        <v>10735</v>
      </c>
      <c r="I23352" s="2">
        <v>0</v>
      </c>
      <c r="J23352" s="2">
        <v>0</v>
      </c>
      <c r="K23352" s="2">
        <v>0.82</v>
      </c>
      <c r="L23352" t="s">
        <v>995</v>
      </c>
      <c r="M23352" t="s">
        <v>89</v>
      </c>
      <c r="N23352" t="s">
        <v>90</v>
      </c>
      <c r="O23352" t="s">
        <v>85</v>
      </c>
      <c r="P23352" t="s">
        <v>86</v>
      </c>
      <c r="Q23352">
        <v>67</v>
      </c>
      <c r="R23352">
        <v>69</v>
      </c>
      <c r="S23352">
        <v>72</v>
      </c>
      <c r="T23352">
        <v>75</v>
      </c>
      <c r="U23352">
        <v>78</v>
      </c>
      <c r="V23352">
        <v>80</v>
      </c>
      <c r="W23352">
        <v>83</v>
      </c>
      <c r="X23352">
        <v>86</v>
      </c>
      <c r="Y23352">
        <v>89</v>
      </c>
      <c r="Z23352">
        <v>91</v>
      </c>
      <c r="AA23352">
        <v>94</v>
      </c>
      <c r="AB23352">
        <v>97</v>
      </c>
      <c r="AC23352">
        <v>100</v>
      </c>
      <c r="AD23352">
        <v>103</v>
      </c>
      <c r="AE23352">
        <v>106</v>
      </c>
      <c r="AF23352">
        <v>108</v>
      </c>
      <c r="AG23352">
        <v>109</v>
      </c>
      <c r="AH23352">
        <v>111</v>
      </c>
      <c r="AI23352">
        <v>113</v>
      </c>
      <c r="AJ23352">
        <v>115</v>
      </c>
      <c r="AK23352">
        <v>117</v>
      </c>
      <c r="AL23352">
        <v>119</v>
      </c>
      <c r="AM23352">
        <v>121</v>
      </c>
      <c r="AN23352">
        <v>123</v>
      </c>
      <c r="AO23352">
        <v>125</v>
      </c>
      <c r="AP23352">
        <v>127</v>
      </c>
      <c r="AQ23352">
        <v>129</v>
      </c>
    </row>
    <row r="23353" spans="1:43">
      <c r="A23353" t="s">
        <v>14461</v>
      </c>
      <c r="B23353" t="s">
        <v>14462</v>
      </c>
      <c r="C23353" t="s">
        <v>14463</v>
      </c>
      <c r="D23353" t="s">
        <v>14464</v>
      </c>
      <c r="E23353" t="s">
        <v>14307</v>
      </c>
      <c r="F23353" t="s">
        <v>14308</v>
      </c>
      <c r="G23353" t="s">
        <v>10734</v>
      </c>
      <c r="H23353" t="s">
        <v>10735</v>
      </c>
      <c r="I23353" s="2">
        <v>0</v>
      </c>
      <c r="J23353" s="2">
        <v>0</v>
      </c>
      <c r="K23353" s="2">
        <v>0.82</v>
      </c>
      <c r="L23353" t="s">
        <v>995</v>
      </c>
      <c r="M23353" t="s">
        <v>83</v>
      </c>
      <c r="N23353" t="s">
        <v>91</v>
      </c>
      <c r="O23353" t="s">
        <v>85</v>
      </c>
      <c r="P23353" t="s">
        <v>86</v>
      </c>
      <c r="Q23353">
        <v>67</v>
      </c>
      <c r="R23353">
        <v>69</v>
      </c>
      <c r="S23353">
        <v>71</v>
      </c>
      <c r="T23353">
        <v>73</v>
      </c>
      <c r="U23353">
        <v>76</v>
      </c>
      <c r="V23353">
        <v>78</v>
      </c>
      <c r="W23353">
        <v>80</v>
      </c>
      <c r="X23353">
        <v>82</v>
      </c>
      <c r="Y23353">
        <v>85</v>
      </c>
      <c r="Z23353">
        <v>87</v>
      </c>
      <c r="AA23353">
        <v>90</v>
      </c>
      <c r="AB23353">
        <v>92</v>
      </c>
      <c r="AC23353">
        <v>94</v>
      </c>
      <c r="AD23353">
        <v>97</v>
      </c>
      <c r="AE23353">
        <v>100</v>
      </c>
      <c r="AF23353">
        <v>102</v>
      </c>
      <c r="AG23353">
        <v>105</v>
      </c>
      <c r="AH23353">
        <v>108</v>
      </c>
      <c r="AI23353">
        <v>111</v>
      </c>
      <c r="AJ23353">
        <v>113</v>
      </c>
      <c r="AK23353">
        <v>116</v>
      </c>
      <c r="AL23353">
        <v>119</v>
      </c>
      <c r="AM23353">
        <v>121</v>
      </c>
      <c r="AN23353">
        <v>123</v>
      </c>
      <c r="AO23353">
        <v>125</v>
      </c>
      <c r="AP23353">
        <v>127</v>
      </c>
      <c r="AQ23353">
        <v>129</v>
      </c>
    </row>
    <row r="23354" spans="1:43">
      <c r="A23354" t="s">
        <v>14465</v>
      </c>
      <c r="B23354" t="s">
        <v>14466</v>
      </c>
      <c r="C23354" t="s">
        <v>14463</v>
      </c>
      <c r="D23354" t="s">
        <v>14464</v>
      </c>
      <c r="E23354" t="s">
        <v>14307</v>
      </c>
      <c r="F23354" t="s">
        <v>14308</v>
      </c>
      <c r="G23354" t="s">
        <v>10734</v>
      </c>
      <c r="H23354" t="s">
        <v>10735</v>
      </c>
      <c r="I23354" s="2">
        <v>0</v>
      </c>
      <c r="J23354" s="2">
        <v>0</v>
      </c>
      <c r="K23354" s="2">
        <v>1</v>
      </c>
      <c r="L23354" t="s">
        <v>995</v>
      </c>
      <c r="M23354" t="s">
        <v>83</v>
      </c>
      <c r="N23354" t="s">
        <v>84</v>
      </c>
      <c r="O23354" t="s">
        <v>85</v>
      </c>
      <c r="P23354" t="s">
        <v>86</v>
      </c>
      <c r="Q23354">
        <v>8</v>
      </c>
      <c r="R23354">
        <v>8</v>
      </c>
      <c r="S23354">
        <v>8</v>
      </c>
      <c r="T23354">
        <v>8</v>
      </c>
      <c r="U23354">
        <v>9</v>
      </c>
      <c r="V23354">
        <v>9</v>
      </c>
      <c r="W23354">
        <v>9</v>
      </c>
      <c r="X23354">
        <v>9</v>
      </c>
      <c r="Y23354">
        <v>10</v>
      </c>
      <c r="Z23354">
        <v>10</v>
      </c>
      <c r="AA23354">
        <v>10</v>
      </c>
      <c r="AB23354">
        <v>10</v>
      </c>
      <c r="AC23354">
        <v>11</v>
      </c>
      <c r="AD23354">
        <v>11</v>
      </c>
      <c r="AE23354">
        <v>11</v>
      </c>
      <c r="AF23354">
        <v>12</v>
      </c>
      <c r="AG23354">
        <v>12</v>
      </c>
      <c r="AH23354">
        <v>12</v>
      </c>
      <c r="AI23354">
        <v>13</v>
      </c>
      <c r="AJ23354">
        <v>13</v>
      </c>
      <c r="AK23354">
        <v>13</v>
      </c>
      <c r="AL23354">
        <v>14</v>
      </c>
      <c r="AM23354">
        <v>14</v>
      </c>
      <c r="AN23354">
        <v>14</v>
      </c>
      <c r="AO23354">
        <v>14</v>
      </c>
      <c r="AP23354">
        <v>14</v>
      </c>
      <c r="AQ23354">
        <v>15</v>
      </c>
    </row>
    <row r="23355" spans="1:43">
      <c r="A23355" t="s">
        <v>14465</v>
      </c>
      <c r="B23355" t="s">
        <v>14466</v>
      </c>
      <c r="C23355" t="s">
        <v>14463</v>
      </c>
      <c r="D23355" t="s">
        <v>14464</v>
      </c>
      <c r="E23355" t="s">
        <v>14307</v>
      </c>
      <c r="F23355" t="s">
        <v>14308</v>
      </c>
      <c r="G23355" t="s">
        <v>10734</v>
      </c>
      <c r="H23355" t="s">
        <v>10735</v>
      </c>
      <c r="I23355" s="2">
        <v>0</v>
      </c>
      <c r="J23355" s="2">
        <v>0</v>
      </c>
      <c r="K23355" s="2">
        <v>1</v>
      </c>
      <c r="L23355" t="s">
        <v>995</v>
      </c>
      <c r="M23355" t="s">
        <v>87</v>
      </c>
      <c r="N23355" t="s">
        <v>88</v>
      </c>
      <c r="O23355" t="s">
        <v>85</v>
      </c>
      <c r="P23355" t="s">
        <v>86</v>
      </c>
      <c r="Q23355">
        <v>8</v>
      </c>
      <c r="R23355">
        <v>8</v>
      </c>
      <c r="S23355">
        <v>8</v>
      </c>
      <c r="T23355">
        <v>8</v>
      </c>
      <c r="U23355">
        <v>8</v>
      </c>
      <c r="V23355">
        <v>8</v>
      </c>
      <c r="W23355">
        <v>9</v>
      </c>
      <c r="X23355">
        <v>9</v>
      </c>
      <c r="Y23355">
        <v>9</v>
      </c>
      <c r="Z23355">
        <v>9</v>
      </c>
      <c r="AA23355">
        <v>9</v>
      </c>
      <c r="AB23355">
        <v>9</v>
      </c>
      <c r="AC23355">
        <v>10</v>
      </c>
      <c r="AD23355">
        <v>10</v>
      </c>
      <c r="AE23355">
        <v>10</v>
      </c>
      <c r="AF23355">
        <v>10</v>
      </c>
      <c r="AG23355">
        <v>10</v>
      </c>
      <c r="AH23355">
        <v>11</v>
      </c>
      <c r="AI23355">
        <v>11</v>
      </c>
      <c r="AJ23355">
        <v>11</v>
      </c>
      <c r="AK23355">
        <v>11</v>
      </c>
      <c r="AL23355">
        <v>12</v>
      </c>
      <c r="AM23355">
        <v>12</v>
      </c>
      <c r="AN23355">
        <v>12</v>
      </c>
      <c r="AO23355">
        <v>12</v>
      </c>
      <c r="AP23355">
        <v>12</v>
      </c>
      <c r="AQ23355">
        <v>13</v>
      </c>
    </row>
    <row r="23356" spans="1:43">
      <c r="A23356" t="s">
        <v>14465</v>
      </c>
      <c r="B23356" t="s">
        <v>14466</v>
      </c>
      <c r="C23356" t="s">
        <v>14463</v>
      </c>
      <c r="D23356" t="s">
        <v>14464</v>
      </c>
      <c r="E23356" t="s">
        <v>14307</v>
      </c>
      <c r="F23356" t="s">
        <v>14308</v>
      </c>
      <c r="G23356" t="s">
        <v>10734</v>
      </c>
      <c r="H23356" t="s">
        <v>10735</v>
      </c>
      <c r="I23356" s="2">
        <v>0</v>
      </c>
      <c r="J23356" s="2">
        <v>0</v>
      </c>
      <c r="K23356" s="2">
        <v>1</v>
      </c>
      <c r="L23356" t="s">
        <v>995</v>
      </c>
      <c r="M23356" t="s">
        <v>89</v>
      </c>
      <c r="N23356" t="s">
        <v>90</v>
      </c>
      <c r="O23356" t="s">
        <v>85</v>
      </c>
      <c r="P23356" t="s">
        <v>86</v>
      </c>
      <c r="Q23356">
        <v>8</v>
      </c>
      <c r="R23356">
        <v>8</v>
      </c>
      <c r="S23356">
        <v>8</v>
      </c>
      <c r="T23356">
        <v>9</v>
      </c>
      <c r="U23356">
        <v>9</v>
      </c>
      <c r="V23356">
        <v>9</v>
      </c>
      <c r="W23356">
        <v>10</v>
      </c>
      <c r="X23356">
        <v>10</v>
      </c>
      <c r="Y23356">
        <v>10</v>
      </c>
      <c r="Z23356">
        <v>11</v>
      </c>
      <c r="AA23356">
        <v>11</v>
      </c>
      <c r="AB23356">
        <v>11</v>
      </c>
      <c r="AC23356">
        <v>12</v>
      </c>
      <c r="AD23356">
        <v>12</v>
      </c>
      <c r="AE23356">
        <v>12</v>
      </c>
      <c r="AF23356">
        <v>12</v>
      </c>
      <c r="AG23356">
        <v>13</v>
      </c>
      <c r="AH23356">
        <v>13</v>
      </c>
      <c r="AI23356">
        <v>13</v>
      </c>
      <c r="AJ23356">
        <v>13</v>
      </c>
      <c r="AK23356">
        <v>13</v>
      </c>
      <c r="AL23356">
        <v>14</v>
      </c>
      <c r="AM23356">
        <v>14</v>
      </c>
      <c r="AN23356">
        <v>14</v>
      </c>
      <c r="AO23356">
        <v>14</v>
      </c>
      <c r="AP23356">
        <v>15</v>
      </c>
      <c r="AQ23356">
        <v>15</v>
      </c>
    </row>
    <row r="23357" spans="1:43">
      <c r="A23357" t="s">
        <v>14465</v>
      </c>
      <c r="B23357" t="s">
        <v>14466</v>
      </c>
      <c r="C23357" t="s">
        <v>14463</v>
      </c>
      <c r="D23357" t="s">
        <v>14464</v>
      </c>
      <c r="E23357" t="s">
        <v>14307</v>
      </c>
      <c r="F23357" t="s">
        <v>14308</v>
      </c>
      <c r="G23357" t="s">
        <v>10734</v>
      </c>
      <c r="H23357" t="s">
        <v>10735</v>
      </c>
      <c r="I23357" s="2">
        <v>0</v>
      </c>
      <c r="J23357" s="2">
        <v>0</v>
      </c>
      <c r="K23357" s="2">
        <v>1</v>
      </c>
      <c r="L23357" t="s">
        <v>995</v>
      </c>
      <c r="M23357" t="s">
        <v>83</v>
      </c>
      <c r="N23357" t="s">
        <v>91</v>
      </c>
      <c r="O23357" t="s">
        <v>85</v>
      </c>
      <c r="P23357" t="s">
        <v>86</v>
      </c>
      <c r="Q23357">
        <v>8</v>
      </c>
      <c r="R23357">
        <v>8</v>
      </c>
      <c r="S23357">
        <v>8</v>
      </c>
      <c r="T23357">
        <v>8</v>
      </c>
      <c r="U23357">
        <v>9</v>
      </c>
      <c r="V23357">
        <v>9</v>
      </c>
      <c r="W23357">
        <v>9</v>
      </c>
      <c r="X23357">
        <v>9</v>
      </c>
      <c r="Y23357">
        <v>10</v>
      </c>
      <c r="Z23357">
        <v>10</v>
      </c>
      <c r="AA23357">
        <v>10</v>
      </c>
      <c r="AB23357">
        <v>10</v>
      </c>
      <c r="AC23357">
        <v>11</v>
      </c>
      <c r="AD23357">
        <v>11</v>
      </c>
      <c r="AE23357">
        <v>11</v>
      </c>
      <c r="AF23357">
        <v>12</v>
      </c>
      <c r="AG23357">
        <v>12</v>
      </c>
      <c r="AH23357">
        <v>12</v>
      </c>
      <c r="AI23357">
        <v>13</v>
      </c>
      <c r="AJ23357">
        <v>13</v>
      </c>
      <c r="AK23357">
        <v>13</v>
      </c>
      <c r="AL23357">
        <v>14</v>
      </c>
      <c r="AM23357">
        <v>14</v>
      </c>
      <c r="AN23357">
        <v>14</v>
      </c>
      <c r="AO23357">
        <v>14</v>
      </c>
      <c r="AP23357">
        <v>14</v>
      </c>
      <c r="AQ23357">
        <v>15</v>
      </c>
    </row>
    <row r="23358" spans="1:43">
      <c r="A23358" t="s">
        <v>14467</v>
      </c>
      <c r="B23358" t="s">
        <v>14468</v>
      </c>
      <c r="C23358" t="s">
        <v>14463</v>
      </c>
      <c r="D23358" t="s">
        <v>14464</v>
      </c>
      <c r="E23358" t="s">
        <v>14307</v>
      </c>
      <c r="F23358" t="s">
        <v>14308</v>
      </c>
      <c r="G23358" t="s">
        <v>10734</v>
      </c>
      <c r="H23358" t="s">
        <v>10735</v>
      </c>
      <c r="I23358" s="2">
        <v>0</v>
      </c>
      <c r="J23358" s="2">
        <v>0</v>
      </c>
      <c r="K23358" s="2">
        <v>1</v>
      </c>
      <c r="L23358" t="s">
        <v>995</v>
      </c>
      <c r="M23358" t="s">
        <v>83</v>
      </c>
      <c r="N23358" t="s">
        <v>84</v>
      </c>
      <c r="O23358" t="s">
        <v>85</v>
      </c>
      <c r="P23358" t="s">
        <v>86</v>
      </c>
      <c r="Q23358">
        <v>48</v>
      </c>
      <c r="R23358">
        <v>50</v>
      </c>
      <c r="S23358">
        <v>51</v>
      </c>
      <c r="T23358">
        <v>53</v>
      </c>
      <c r="U23358">
        <v>54</v>
      </c>
      <c r="V23358">
        <v>56</v>
      </c>
      <c r="W23358">
        <v>57</v>
      </c>
      <c r="X23358">
        <v>59</v>
      </c>
      <c r="Y23358">
        <v>61</v>
      </c>
      <c r="Z23358">
        <v>62</v>
      </c>
      <c r="AA23358">
        <v>64</v>
      </c>
      <c r="AB23358">
        <v>66</v>
      </c>
      <c r="AC23358">
        <v>68</v>
      </c>
      <c r="AD23358">
        <v>69</v>
      </c>
      <c r="AE23358">
        <v>71</v>
      </c>
      <c r="AF23358">
        <v>73</v>
      </c>
      <c r="AG23358">
        <v>75</v>
      </c>
      <c r="AH23358">
        <v>77</v>
      </c>
      <c r="AI23358">
        <v>79</v>
      </c>
      <c r="AJ23358">
        <v>81</v>
      </c>
      <c r="AK23358">
        <v>83</v>
      </c>
      <c r="AL23358">
        <v>85</v>
      </c>
      <c r="AM23358">
        <v>86</v>
      </c>
      <c r="AN23358">
        <v>88</v>
      </c>
      <c r="AO23358">
        <v>89</v>
      </c>
      <c r="AP23358">
        <v>91</v>
      </c>
      <c r="AQ23358">
        <v>92</v>
      </c>
    </row>
    <row r="23359" spans="1:43">
      <c r="A23359" t="s">
        <v>14467</v>
      </c>
      <c r="B23359" t="s">
        <v>14468</v>
      </c>
      <c r="C23359" t="s">
        <v>14463</v>
      </c>
      <c r="D23359" t="s">
        <v>14464</v>
      </c>
      <c r="E23359" t="s">
        <v>14307</v>
      </c>
      <c r="F23359" t="s">
        <v>14308</v>
      </c>
      <c r="G23359" t="s">
        <v>10734</v>
      </c>
      <c r="H23359" t="s">
        <v>10735</v>
      </c>
      <c r="I23359" s="2">
        <v>0</v>
      </c>
      <c r="J23359" s="2">
        <v>0</v>
      </c>
      <c r="K23359" s="2">
        <v>1</v>
      </c>
      <c r="L23359" t="s">
        <v>995</v>
      </c>
      <c r="M23359" t="s">
        <v>87</v>
      </c>
      <c r="N23359" t="s">
        <v>88</v>
      </c>
      <c r="O23359" t="s">
        <v>85</v>
      </c>
      <c r="P23359" t="s">
        <v>86</v>
      </c>
      <c r="Q23359">
        <v>48</v>
      </c>
      <c r="R23359">
        <v>49</v>
      </c>
      <c r="S23359">
        <v>50</v>
      </c>
      <c r="T23359">
        <v>51</v>
      </c>
      <c r="U23359">
        <v>52</v>
      </c>
      <c r="V23359">
        <v>53</v>
      </c>
      <c r="W23359">
        <v>54</v>
      </c>
      <c r="X23359">
        <v>55</v>
      </c>
      <c r="Y23359">
        <v>56</v>
      </c>
      <c r="Z23359">
        <v>57</v>
      </c>
      <c r="AA23359">
        <v>58</v>
      </c>
      <c r="AB23359">
        <v>59</v>
      </c>
      <c r="AC23359">
        <v>61</v>
      </c>
      <c r="AD23359">
        <v>62</v>
      </c>
      <c r="AE23359">
        <v>63</v>
      </c>
      <c r="AF23359">
        <v>64</v>
      </c>
      <c r="AG23359">
        <v>66</v>
      </c>
      <c r="AH23359">
        <v>67</v>
      </c>
      <c r="AI23359">
        <v>68</v>
      </c>
      <c r="AJ23359">
        <v>70</v>
      </c>
      <c r="AK23359">
        <v>71</v>
      </c>
      <c r="AL23359">
        <v>73</v>
      </c>
      <c r="AM23359">
        <v>74</v>
      </c>
      <c r="AN23359">
        <v>76</v>
      </c>
      <c r="AO23359">
        <v>77</v>
      </c>
      <c r="AP23359">
        <v>79</v>
      </c>
      <c r="AQ23359">
        <v>80</v>
      </c>
    </row>
    <row r="23360" spans="1:43">
      <c r="A23360" t="s">
        <v>14467</v>
      </c>
      <c r="B23360" t="s">
        <v>14468</v>
      </c>
      <c r="C23360" t="s">
        <v>14463</v>
      </c>
      <c r="D23360" t="s">
        <v>14464</v>
      </c>
      <c r="E23360" t="s">
        <v>14307</v>
      </c>
      <c r="F23360" t="s">
        <v>14308</v>
      </c>
      <c r="G23360" t="s">
        <v>10734</v>
      </c>
      <c r="H23360" t="s">
        <v>10735</v>
      </c>
      <c r="I23360" s="2">
        <v>0</v>
      </c>
      <c r="J23360" s="2">
        <v>0</v>
      </c>
      <c r="K23360" s="2">
        <v>1</v>
      </c>
      <c r="L23360" t="s">
        <v>995</v>
      </c>
      <c r="M23360" t="s">
        <v>89</v>
      </c>
      <c r="N23360" t="s">
        <v>90</v>
      </c>
      <c r="O23360" t="s">
        <v>85</v>
      </c>
      <c r="P23360" t="s">
        <v>86</v>
      </c>
      <c r="Q23360">
        <v>48</v>
      </c>
      <c r="R23360">
        <v>49</v>
      </c>
      <c r="S23360">
        <v>51</v>
      </c>
      <c r="T23360">
        <v>53</v>
      </c>
      <c r="U23360">
        <v>55</v>
      </c>
      <c r="V23360">
        <v>57</v>
      </c>
      <c r="W23360">
        <v>59</v>
      </c>
      <c r="X23360">
        <v>61</v>
      </c>
      <c r="Y23360">
        <v>63</v>
      </c>
      <c r="Z23360">
        <v>65</v>
      </c>
      <c r="AA23360">
        <v>67</v>
      </c>
      <c r="AB23360">
        <v>69</v>
      </c>
      <c r="AC23360">
        <v>71</v>
      </c>
      <c r="AD23360">
        <v>73</v>
      </c>
      <c r="AE23360">
        <v>75</v>
      </c>
      <c r="AF23360">
        <v>77</v>
      </c>
      <c r="AG23360">
        <v>78</v>
      </c>
      <c r="AH23360">
        <v>79</v>
      </c>
      <c r="AI23360">
        <v>81</v>
      </c>
      <c r="AJ23360">
        <v>82</v>
      </c>
      <c r="AK23360">
        <v>84</v>
      </c>
      <c r="AL23360">
        <v>85</v>
      </c>
      <c r="AM23360">
        <v>86</v>
      </c>
      <c r="AN23360">
        <v>88</v>
      </c>
      <c r="AO23360">
        <v>89</v>
      </c>
      <c r="AP23360">
        <v>91</v>
      </c>
      <c r="AQ23360">
        <v>92</v>
      </c>
    </row>
    <row r="23361" spans="1:43">
      <c r="A23361" t="s">
        <v>14467</v>
      </c>
      <c r="B23361" t="s">
        <v>14468</v>
      </c>
      <c r="C23361" t="s">
        <v>14463</v>
      </c>
      <c r="D23361" t="s">
        <v>14464</v>
      </c>
      <c r="E23361" t="s">
        <v>14307</v>
      </c>
      <c r="F23361" t="s">
        <v>14308</v>
      </c>
      <c r="G23361" t="s">
        <v>10734</v>
      </c>
      <c r="H23361" t="s">
        <v>10735</v>
      </c>
      <c r="I23361" s="2">
        <v>0</v>
      </c>
      <c r="J23361" s="2">
        <v>0</v>
      </c>
      <c r="K23361" s="2">
        <v>1</v>
      </c>
      <c r="L23361" t="s">
        <v>995</v>
      </c>
      <c r="M23361" t="s">
        <v>83</v>
      </c>
      <c r="N23361" t="s">
        <v>91</v>
      </c>
      <c r="O23361" t="s">
        <v>85</v>
      </c>
      <c r="P23361" t="s">
        <v>86</v>
      </c>
      <c r="Q23361">
        <v>48</v>
      </c>
      <c r="R23361">
        <v>50</v>
      </c>
      <c r="S23361">
        <v>51</v>
      </c>
      <c r="T23361">
        <v>53</v>
      </c>
      <c r="U23361">
        <v>54</v>
      </c>
      <c r="V23361">
        <v>56</v>
      </c>
      <c r="W23361">
        <v>57</v>
      </c>
      <c r="X23361">
        <v>59</v>
      </c>
      <c r="Y23361">
        <v>61</v>
      </c>
      <c r="Z23361">
        <v>62</v>
      </c>
      <c r="AA23361">
        <v>64</v>
      </c>
      <c r="AB23361">
        <v>66</v>
      </c>
      <c r="AC23361">
        <v>68</v>
      </c>
      <c r="AD23361">
        <v>69</v>
      </c>
      <c r="AE23361">
        <v>71</v>
      </c>
      <c r="AF23361">
        <v>73</v>
      </c>
      <c r="AG23361">
        <v>75</v>
      </c>
      <c r="AH23361">
        <v>77</v>
      </c>
      <c r="AI23361">
        <v>79</v>
      </c>
      <c r="AJ23361">
        <v>81</v>
      </c>
      <c r="AK23361">
        <v>83</v>
      </c>
      <c r="AL23361">
        <v>85</v>
      </c>
      <c r="AM23361">
        <v>86</v>
      </c>
      <c r="AN23361">
        <v>88</v>
      </c>
      <c r="AO23361">
        <v>89</v>
      </c>
      <c r="AP23361">
        <v>91</v>
      </c>
      <c r="AQ23361">
        <v>92</v>
      </c>
    </row>
    <row r="23362" spans="1:43">
      <c r="A23362" t="s">
        <v>14469</v>
      </c>
      <c r="B23362" t="s">
        <v>14470</v>
      </c>
      <c r="C23362" t="s">
        <v>14463</v>
      </c>
      <c r="D23362" t="s">
        <v>14464</v>
      </c>
      <c r="E23362" t="s">
        <v>14307</v>
      </c>
      <c r="F23362" t="s">
        <v>14308</v>
      </c>
      <c r="G23362" t="s">
        <v>10734</v>
      </c>
      <c r="H23362" t="s">
        <v>10735</v>
      </c>
      <c r="I23362" s="2">
        <v>0</v>
      </c>
      <c r="J23362" s="2">
        <v>0</v>
      </c>
      <c r="K23362" s="2">
        <v>1</v>
      </c>
      <c r="L23362" t="s">
        <v>995</v>
      </c>
      <c r="M23362" t="s">
        <v>83</v>
      </c>
      <c r="N23362" t="s">
        <v>84</v>
      </c>
      <c r="O23362" t="s">
        <v>85</v>
      </c>
      <c r="P23362" t="s">
        <v>86</v>
      </c>
      <c r="Q23362">
        <v>17</v>
      </c>
      <c r="R23362">
        <v>18</v>
      </c>
      <c r="S23362">
        <v>18</v>
      </c>
      <c r="T23362">
        <v>19</v>
      </c>
      <c r="U23362">
        <v>19</v>
      </c>
      <c r="V23362">
        <v>20</v>
      </c>
      <c r="W23362">
        <v>20</v>
      </c>
      <c r="X23362">
        <v>21</v>
      </c>
      <c r="Y23362">
        <v>22</v>
      </c>
      <c r="Z23362">
        <v>22</v>
      </c>
      <c r="AA23362">
        <v>23</v>
      </c>
      <c r="AB23362">
        <v>23</v>
      </c>
      <c r="AC23362">
        <v>24</v>
      </c>
      <c r="AD23362">
        <v>25</v>
      </c>
      <c r="AE23362">
        <v>25</v>
      </c>
      <c r="AF23362">
        <v>26</v>
      </c>
      <c r="AG23362">
        <v>27</v>
      </c>
      <c r="AH23362">
        <v>27</v>
      </c>
      <c r="AI23362">
        <v>28</v>
      </c>
      <c r="AJ23362">
        <v>29</v>
      </c>
      <c r="AK23362">
        <v>30</v>
      </c>
      <c r="AL23362">
        <v>30</v>
      </c>
      <c r="AM23362">
        <v>31</v>
      </c>
      <c r="AN23362">
        <v>31</v>
      </c>
      <c r="AO23362">
        <v>32</v>
      </c>
      <c r="AP23362">
        <v>32</v>
      </c>
      <c r="AQ23362">
        <v>33</v>
      </c>
    </row>
    <row r="23363" spans="1:43">
      <c r="A23363" t="s">
        <v>14469</v>
      </c>
      <c r="B23363" t="s">
        <v>14470</v>
      </c>
      <c r="C23363" t="s">
        <v>14463</v>
      </c>
      <c r="D23363" t="s">
        <v>14464</v>
      </c>
      <c r="E23363" t="s">
        <v>14307</v>
      </c>
      <c r="F23363" t="s">
        <v>14308</v>
      </c>
      <c r="G23363" t="s">
        <v>10734</v>
      </c>
      <c r="H23363" t="s">
        <v>10735</v>
      </c>
      <c r="I23363" s="2">
        <v>0</v>
      </c>
      <c r="J23363" s="2">
        <v>0</v>
      </c>
      <c r="K23363" s="2">
        <v>1</v>
      </c>
      <c r="L23363" t="s">
        <v>995</v>
      </c>
      <c r="M23363" t="s">
        <v>87</v>
      </c>
      <c r="N23363" t="s">
        <v>88</v>
      </c>
      <c r="O23363" t="s">
        <v>85</v>
      </c>
      <c r="P23363" t="s">
        <v>86</v>
      </c>
      <c r="Q23363">
        <v>17</v>
      </c>
      <c r="R23363">
        <v>17</v>
      </c>
      <c r="S23363">
        <v>18</v>
      </c>
      <c r="T23363">
        <v>18</v>
      </c>
      <c r="U23363">
        <v>18</v>
      </c>
      <c r="V23363">
        <v>19</v>
      </c>
      <c r="W23363">
        <v>19</v>
      </c>
      <c r="X23363">
        <v>20</v>
      </c>
      <c r="Y23363">
        <v>20</v>
      </c>
      <c r="Z23363">
        <v>20</v>
      </c>
      <c r="AA23363">
        <v>21</v>
      </c>
      <c r="AB23363">
        <v>21</v>
      </c>
      <c r="AC23363">
        <v>22</v>
      </c>
      <c r="AD23363">
        <v>22</v>
      </c>
      <c r="AE23363">
        <v>23</v>
      </c>
      <c r="AF23363">
        <v>23</v>
      </c>
      <c r="AG23363">
        <v>23</v>
      </c>
      <c r="AH23363">
        <v>24</v>
      </c>
      <c r="AI23363">
        <v>24</v>
      </c>
      <c r="AJ23363">
        <v>25</v>
      </c>
      <c r="AK23363">
        <v>25</v>
      </c>
      <c r="AL23363">
        <v>26</v>
      </c>
      <c r="AM23363">
        <v>26</v>
      </c>
      <c r="AN23363">
        <v>27</v>
      </c>
      <c r="AO23363">
        <v>27</v>
      </c>
      <c r="AP23363">
        <v>28</v>
      </c>
      <c r="AQ23363">
        <v>29</v>
      </c>
    </row>
    <row r="23364" spans="1:43">
      <c r="A23364" t="s">
        <v>14469</v>
      </c>
      <c r="B23364" t="s">
        <v>14470</v>
      </c>
      <c r="C23364" t="s">
        <v>14463</v>
      </c>
      <c r="D23364" t="s">
        <v>14464</v>
      </c>
      <c r="E23364" t="s">
        <v>14307</v>
      </c>
      <c r="F23364" t="s">
        <v>14308</v>
      </c>
      <c r="G23364" t="s">
        <v>10734</v>
      </c>
      <c r="H23364" t="s">
        <v>10735</v>
      </c>
      <c r="I23364" s="2">
        <v>0</v>
      </c>
      <c r="J23364" s="2">
        <v>0</v>
      </c>
      <c r="K23364" s="2">
        <v>1</v>
      </c>
      <c r="L23364" t="s">
        <v>995</v>
      </c>
      <c r="M23364" t="s">
        <v>89</v>
      </c>
      <c r="N23364" t="s">
        <v>90</v>
      </c>
      <c r="O23364" t="s">
        <v>85</v>
      </c>
      <c r="P23364" t="s">
        <v>86</v>
      </c>
      <c r="Q23364">
        <v>17</v>
      </c>
      <c r="R23364">
        <v>18</v>
      </c>
      <c r="S23364">
        <v>19</v>
      </c>
      <c r="T23364">
        <v>19</v>
      </c>
      <c r="U23364">
        <v>20</v>
      </c>
      <c r="V23364">
        <v>21</v>
      </c>
      <c r="W23364">
        <v>21</v>
      </c>
      <c r="X23364">
        <v>22</v>
      </c>
      <c r="Y23364">
        <v>23</v>
      </c>
      <c r="Z23364">
        <v>24</v>
      </c>
      <c r="AA23364">
        <v>24</v>
      </c>
      <c r="AB23364">
        <v>25</v>
      </c>
      <c r="AC23364">
        <v>26</v>
      </c>
      <c r="AD23364">
        <v>27</v>
      </c>
      <c r="AE23364">
        <v>27</v>
      </c>
      <c r="AF23364">
        <v>28</v>
      </c>
      <c r="AG23364">
        <v>28</v>
      </c>
      <c r="AH23364">
        <v>29</v>
      </c>
      <c r="AI23364">
        <v>29</v>
      </c>
      <c r="AJ23364">
        <v>30</v>
      </c>
      <c r="AK23364">
        <v>30</v>
      </c>
      <c r="AL23364">
        <v>31</v>
      </c>
      <c r="AM23364">
        <v>31</v>
      </c>
      <c r="AN23364">
        <v>32</v>
      </c>
      <c r="AO23364">
        <v>32</v>
      </c>
      <c r="AP23364">
        <v>33</v>
      </c>
      <c r="AQ23364">
        <v>33</v>
      </c>
    </row>
    <row r="23365" spans="1:43">
      <c r="A23365" t="s">
        <v>14469</v>
      </c>
      <c r="B23365" t="s">
        <v>14470</v>
      </c>
      <c r="C23365" t="s">
        <v>14463</v>
      </c>
      <c r="D23365" t="s">
        <v>14464</v>
      </c>
      <c r="E23365" t="s">
        <v>14307</v>
      </c>
      <c r="F23365" t="s">
        <v>14308</v>
      </c>
      <c r="G23365" t="s">
        <v>10734</v>
      </c>
      <c r="H23365" t="s">
        <v>10735</v>
      </c>
      <c r="I23365" s="2">
        <v>0</v>
      </c>
      <c r="J23365" s="2">
        <v>0</v>
      </c>
      <c r="K23365" s="2">
        <v>1</v>
      </c>
      <c r="L23365" t="s">
        <v>995</v>
      </c>
      <c r="M23365" t="s">
        <v>83</v>
      </c>
      <c r="N23365" t="s">
        <v>91</v>
      </c>
      <c r="O23365" t="s">
        <v>85</v>
      </c>
      <c r="P23365" t="s">
        <v>86</v>
      </c>
      <c r="Q23365">
        <v>17</v>
      </c>
      <c r="R23365">
        <v>18</v>
      </c>
      <c r="S23365">
        <v>18</v>
      </c>
      <c r="T23365">
        <v>19</v>
      </c>
      <c r="U23365">
        <v>19</v>
      </c>
      <c r="V23365">
        <v>20</v>
      </c>
      <c r="W23365">
        <v>20</v>
      </c>
      <c r="X23365">
        <v>21</v>
      </c>
      <c r="Y23365">
        <v>22</v>
      </c>
      <c r="Z23365">
        <v>22</v>
      </c>
      <c r="AA23365">
        <v>23</v>
      </c>
      <c r="AB23365">
        <v>23</v>
      </c>
      <c r="AC23365">
        <v>24</v>
      </c>
      <c r="AD23365">
        <v>25</v>
      </c>
      <c r="AE23365">
        <v>25</v>
      </c>
      <c r="AF23365">
        <v>26</v>
      </c>
      <c r="AG23365">
        <v>27</v>
      </c>
      <c r="AH23365">
        <v>27</v>
      </c>
      <c r="AI23365">
        <v>28</v>
      </c>
      <c r="AJ23365">
        <v>29</v>
      </c>
      <c r="AK23365">
        <v>30</v>
      </c>
      <c r="AL23365">
        <v>30</v>
      </c>
      <c r="AM23365">
        <v>31</v>
      </c>
      <c r="AN23365">
        <v>31</v>
      </c>
      <c r="AO23365">
        <v>32</v>
      </c>
      <c r="AP23365">
        <v>32</v>
      </c>
      <c r="AQ23365">
        <v>33</v>
      </c>
    </row>
    <row r="23366" spans="1:43">
      <c r="A23366" t="s">
        <v>14471</v>
      </c>
      <c r="B23366" t="s">
        <v>14472</v>
      </c>
      <c r="C23366" t="s">
        <v>14463</v>
      </c>
      <c r="D23366" t="s">
        <v>14464</v>
      </c>
      <c r="E23366" t="s">
        <v>14307</v>
      </c>
      <c r="F23366" t="s">
        <v>14308</v>
      </c>
      <c r="G23366" t="s">
        <v>10734</v>
      </c>
      <c r="H23366" t="s">
        <v>10735</v>
      </c>
      <c r="I23366" s="2">
        <v>0</v>
      </c>
      <c r="J23366" s="2">
        <v>0</v>
      </c>
      <c r="K23366" s="2">
        <v>1</v>
      </c>
      <c r="L23366" t="s">
        <v>995</v>
      </c>
      <c r="M23366" t="s">
        <v>83</v>
      </c>
      <c r="N23366" t="s">
        <v>84</v>
      </c>
      <c r="O23366" t="s">
        <v>85</v>
      </c>
      <c r="P23366" t="s">
        <v>86</v>
      </c>
      <c r="Q23366">
        <v>14</v>
      </c>
      <c r="R23366">
        <v>14</v>
      </c>
      <c r="S23366">
        <v>14</v>
      </c>
      <c r="T23366">
        <v>15</v>
      </c>
      <c r="U23366">
        <v>15</v>
      </c>
      <c r="V23366">
        <v>16</v>
      </c>
      <c r="W23366">
        <v>16</v>
      </c>
      <c r="X23366">
        <v>17</v>
      </c>
      <c r="Y23366">
        <v>17</v>
      </c>
      <c r="Z23366">
        <v>18</v>
      </c>
      <c r="AA23366">
        <v>18</v>
      </c>
      <c r="AB23366">
        <v>19</v>
      </c>
      <c r="AC23366">
        <v>19</v>
      </c>
      <c r="AD23366">
        <v>20</v>
      </c>
      <c r="AE23366">
        <v>20</v>
      </c>
      <c r="AF23366">
        <v>21</v>
      </c>
      <c r="AG23366">
        <v>21</v>
      </c>
      <c r="AH23366">
        <v>22</v>
      </c>
      <c r="AI23366">
        <v>22</v>
      </c>
      <c r="AJ23366">
        <v>23</v>
      </c>
      <c r="AK23366">
        <v>23</v>
      </c>
      <c r="AL23366">
        <v>24</v>
      </c>
      <c r="AM23366">
        <v>24</v>
      </c>
      <c r="AN23366">
        <v>25</v>
      </c>
      <c r="AO23366">
        <v>25</v>
      </c>
      <c r="AP23366">
        <v>26</v>
      </c>
      <c r="AQ23366">
        <v>26</v>
      </c>
    </row>
    <row r="23367" spans="1:43">
      <c r="A23367" t="s">
        <v>14471</v>
      </c>
      <c r="B23367" t="s">
        <v>14472</v>
      </c>
      <c r="C23367" t="s">
        <v>14463</v>
      </c>
      <c r="D23367" t="s">
        <v>14464</v>
      </c>
      <c r="E23367" t="s">
        <v>14307</v>
      </c>
      <c r="F23367" t="s">
        <v>14308</v>
      </c>
      <c r="G23367" t="s">
        <v>10734</v>
      </c>
      <c r="H23367" t="s">
        <v>10735</v>
      </c>
      <c r="I23367" s="2">
        <v>0</v>
      </c>
      <c r="J23367" s="2">
        <v>0</v>
      </c>
      <c r="K23367" s="2">
        <v>1</v>
      </c>
      <c r="L23367" t="s">
        <v>995</v>
      </c>
      <c r="M23367" t="s">
        <v>87</v>
      </c>
      <c r="N23367" t="s">
        <v>88</v>
      </c>
      <c r="O23367" t="s">
        <v>85</v>
      </c>
      <c r="P23367" t="s">
        <v>86</v>
      </c>
      <c r="Q23367">
        <v>14</v>
      </c>
      <c r="R23367">
        <v>15</v>
      </c>
      <c r="S23367">
        <v>15</v>
      </c>
      <c r="T23367">
        <v>15</v>
      </c>
      <c r="U23367">
        <v>16</v>
      </c>
      <c r="V23367">
        <v>16</v>
      </c>
      <c r="W23367">
        <v>16</v>
      </c>
      <c r="X23367">
        <v>16</v>
      </c>
      <c r="Y23367">
        <v>17</v>
      </c>
      <c r="Z23367">
        <v>17</v>
      </c>
      <c r="AA23367">
        <v>17</v>
      </c>
      <c r="AB23367">
        <v>18</v>
      </c>
      <c r="AC23367">
        <v>18</v>
      </c>
      <c r="AD23367">
        <v>18</v>
      </c>
      <c r="AE23367">
        <v>19</v>
      </c>
      <c r="AF23367">
        <v>19</v>
      </c>
      <c r="AG23367">
        <v>19</v>
      </c>
      <c r="AH23367">
        <v>20</v>
      </c>
      <c r="AI23367">
        <v>20</v>
      </c>
      <c r="AJ23367">
        <v>21</v>
      </c>
      <c r="AK23367">
        <v>21</v>
      </c>
      <c r="AL23367">
        <v>21</v>
      </c>
      <c r="AM23367">
        <v>22</v>
      </c>
      <c r="AN23367">
        <v>22</v>
      </c>
      <c r="AO23367">
        <v>23</v>
      </c>
      <c r="AP23367">
        <v>23</v>
      </c>
      <c r="AQ23367">
        <v>24</v>
      </c>
    </row>
    <row r="23368" spans="1:43">
      <c r="A23368" t="s">
        <v>14471</v>
      </c>
      <c r="B23368" t="s">
        <v>14472</v>
      </c>
      <c r="C23368" t="s">
        <v>14463</v>
      </c>
      <c r="D23368" t="s">
        <v>14464</v>
      </c>
      <c r="E23368" t="s">
        <v>14307</v>
      </c>
      <c r="F23368" t="s">
        <v>14308</v>
      </c>
      <c r="G23368" t="s">
        <v>10734</v>
      </c>
      <c r="H23368" t="s">
        <v>10735</v>
      </c>
      <c r="I23368" s="2">
        <v>0</v>
      </c>
      <c r="J23368" s="2">
        <v>0</v>
      </c>
      <c r="K23368" s="2">
        <v>1</v>
      </c>
      <c r="L23368" t="s">
        <v>995</v>
      </c>
      <c r="M23368" t="s">
        <v>89</v>
      </c>
      <c r="N23368" t="s">
        <v>90</v>
      </c>
      <c r="O23368" t="s">
        <v>85</v>
      </c>
      <c r="P23368" t="s">
        <v>86</v>
      </c>
      <c r="Q23368">
        <v>14</v>
      </c>
      <c r="R23368">
        <v>14</v>
      </c>
      <c r="S23368">
        <v>15</v>
      </c>
      <c r="T23368">
        <v>15</v>
      </c>
      <c r="U23368">
        <v>16</v>
      </c>
      <c r="V23368">
        <v>16</v>
      </c>
      <c r="W23368">
        <v>17</v>
      </c>
      <c r="X23368">
        <v>17</v>
      </c>
      <c r="Y23368">
        <v>18</v>
      </c>
      <c r="Z23368">
        <v>19</v>
      </c>
      <c r="AA23368">
        <v>19</v>
      </c>
      <c r="AB23368">
        <v>20</v>
      </c>
      <c r="AC23368">
        <v>20</v>
      </c>
      <c r="AD23368">
        <v>21</v>
      </c>
      <c r="AE23368">
        <v>21</v>
      </c>
      <c r="AF23368">
        <v>22</v>
      </c>
      <c r="AG23368">
        <v>22</v>
      </c>
      <c r="AH23368">
        <v>23</v>
      </c>
      <c r="AI23368">
        <v>23</v>
      </c>
      <c r="AJ23368">
        <v>23</v>
      </c>
      <c r="AK23368">
        <v>24</v>
      </c>
      <c r="AL23368">
        <v>24</v>
      </c>
      <c r="AM23368">
        <v>25</v>
      </c>
      <c r="AN23368">
        <v>25</v>
      </c>
      <c r="AO23368">
        <v>25</v>
      </c>
      <c r="AP23368">
        <v>26</v>
      </c>
      <c r="AQ23368">
        <v>26</v>
      </c>
    </row>
    <row r="23369" spans="1:43">
      <c r="A23369" t="s">
        <v>14471</v>
      </c>
      <c r="B23369" t="s">
        <v>14472</v>
      </c>
      <c r="C23369" t="s">
        <v>14463</v>
      </c>
      <c r="D23369" t="s">
        <v>14464</v>
      </c>
      <c r="E23369" t="s">
        <v>14307</v>
      </c>
      <c r="F23369" t="s">
        <v>14308</v>
      </c>
      <c r="G23369" t="s">
        <v>10734</v>
      </c>
      <c r="H23369" t="s">
        <v>10735</v>
      </c>
      <c r="I23369" s="2">
        <v>0</v>
      </c>
      <c r="J23369" s="2">
        <v>0</v>
      </c>
      <c r="K23369" s="2">
        <v>1</v>
      </c>
      <c r="L23369" t="s">
        <v>995</v>
      </c>
      <c r="M23369" t="s">
        <v>83</v>
      </c>
      <c r="N23369" t="s">
        <v>91</v>
      </c>
      <c r="O23369" t="s">
        <v>85</v>
      </c>
      <c r="P23369" t="s">
        <v>86</v>
      </c>
      <c r="Q23369">
        <v>14</v>
      </c>
      <c r="R23369">
        <v>14</v>
      </c>
      <c r="S23369">
        <v>14</v>
      </c>
      <c r="T23369">
        <v>15</v>
      </c>
      <c r="U23369">
        <v>15</v>
      </c>
      <c r="V23369">
        <v>16</v>
      </c>
      <c r="W23369">
        <v>16</v>
      </c>
      <c r="X23369">
        <v>17</v>
      </c>
      <c r="Y23369">
        <v>17</v>
      </c>
      <c r="Z23369">
        <v>18</v>
      </c>
      <c r="AA23369">
        <v>18</v>
      </c>
      <c r="AB23369">
        <v>19</v>
      </c>
      <c r="AC23369">
        <v>19</v>
      </c>
      <c r="AD23369">
        <v>20</v>
      </c>
      <c r="AE23369">
        <v>20</v>
      </c>
      <c r="AF23369">
        <v>21</v>
      </c>
      <c r="AG23369">
        <v>21</v>
      </c>
      <c r="AH23369">
        <v>22</v>
      </c>
      <c r="AI23369">
        <v>22</v>
      </c>
      <c r="AJ23369">
        <v>23</v>
      </c>
      <c r="AK23369">
        <v>23</v>
      </c>
      <c r="AL23369">
        <v>24</v>
      </c>
      <c r="AM23369">
        <v>24</v>
      </c>
      <c r="AN23369">
        <v>25</v>
      </c>
      <c r="AO23369">
        <v>25</v>
      </c>
      <c r="AP23369">
        <v>26</v>
      </c>
      <c r="AQ23369">
        <v>26</v>
      </c>
    </row>
    <row r="23370" spans="1:43">
      <c r="A23370" t="s">
        <v>14473</v>
      </c>
      <c r="B23370" t="s">
        <v>14474</v>
      </c>
      <c r="C23370" t="s">
        <v>14463</v>
      </c>
      <c r="D23370" t="s">
        <v>14464</v>
      </c>
      <c r="E23370" t="s">
        <v>14307</v>
      </c>
      <c r="F23370" t="s">
        <v>14308</v>
      </c>
      <c r="G23370" t="s">
        <v>10734</v>
      </c>
      <c r="H23370" t="s">
        <v>10735</v>
      </c>
      <c r="I23370" s="2">
        <v>0</v>
      </c>
      <c r="J23370" s="2">
        <v>0</v>
      </c>
      <c r="K23370" s="2">
        <v>1</v>
      </c>
      <c r="L23370" t="s">
        <v>995</v>
      </c>
      <c r="M23370" t="s">
        <v>83</v>
      </c>
      <c r="N23370" t="s">
        <v>84</v>
      </c>
      <c r="O23370" t="s">
        <v>85</v>
      </c>
      <c r="P23370" t="s">
        <v>86</v>
      </c>
      <c r="Q23370">
        <v>37</v>
      </c>
      <c r="R23370">
        <v>38</v>
      </c>
      <c r="S23370">
        <v>39</v>
      </c>
      <c r="T23370">
        <v>40</v>
      </c>
      <c r="U23370">
        <v>41</v>
      </c>
      <c r="V23370">
        <v>42</v>
      </c>
      <c r="W23370">
        <v>44</v>
      </c>
      <c r="X23370">
        <v>45</v>
      </c>
      <c r="Y23370">
        <v>46</v>
      </c>
      <c r="Z23370">
        <v>47</v>
      </c>
      <c r="AA23370">
        <v>49</v>
      </c>
      <c r="AB23370">
        <v>50</v>
      </c>
      <c r="AC23370">
        <v>52</v>
      </c>
      <c r="AD23370">
        <v>53</v>
      </c>
      <c r="AE23370">
        <v>54</v>
      </c>
      <c r="AF23370">
        <v>56</v>
      </c>
      <c r="AG23370">
        <v>57</v>
      </c>
      <c r="AH23370">
        <v>59</v>
      </c>
      <c r="AI23370">
        <v>60</v>
      </c>
      <c r="AJ23370">
        <v>62</v>
      </c>
      <c r="AK23370">
        <v>64</v>
      </c>
      <c r="AL23370">
        <v>65</v>
      </c>
      <c r="AM23370">
        <v>66</v>
      </c>
      <c r="AN23370">
        <v>67</v>
      </c>
      <c r="AO23370">
        <v>68</v>
      </c>
      <c r="AP23370">
        <v>69</v>
      </c>
      <c r="AQ23370">
        <v>71</v>
      </c>
    </row>
    <row r="23371" spans="1:43">
      <c r="A23371" t="s">
        <v>14473</v>
      </c>
      <c r="B23371" t="s">
        <v>14474</v>
      </c>
      <c r="C23371" t="s">
        <v>14463</v>
      </c>
      <c r="D23371" t="s">
        <v>14464</v>
      </c>
      <c r="E23371" t="s">
        <v>14307</v>
      </c>
      <c r="F23371" t="s">
        <v>14308</v>
      </c>
      <c r="G23371" t="s">
        <v>10734</v>
      </c>
      <c r="H23371" t="s">
        <v>10735</v>
      </c>
      <c r="I23371" s="2">
        <v>0</v>
      </c>
      <c r="J23371" s="2">
        <v>0</v>
      </c>
      <c r="K23371" s="2">
        <v>1</v>
      </c>
      <c r="L23371" t="s">
        <v>995</v>
      </c>
      <c r="M23371" t="s">
        <v>87</v>
      </c>
      <c r="N23371" t="s">
        <v>88</v>
      </c>
      <c r="O23371" t="s">
        <v>85</v>
      </c>
      <c r="P23371" t="s">
        <v>86</v>
      </c>
      <c r="Q23371">
        <v>37</v>
      </c>
      <c r="R23371">
        <v>38</v>
      </c>
      <c r="S23371">
        <v>39</v>
      </c>
      <c r="T23371">
        <v>40</v>
      </c>
      <c r="U23371">
        <v>40</v>
      </c>
      <c r="V23371">
        <v>41</v>
      </c>
      <c r="W23371">
        <v>42</v>
      </c>
      <c r="X23371">
        <v>43</v>
      </c>
      <c r="Y23371">
        <v>44</v>
      </c>
      <c r="Z23371">
        <v>45</v>
      </c>
      <c r="AA23371">
        <v>45</v>
      </c>
      <c r="AB23371">
        <v>46</v>
      </c>
      <c r="AC23371">
        <v>47</v>
      </c>
      <c r="AD23371">
        <v>48</v>
      </c>
      <c r="AE23371">
        <v>49</v>
      </c>
      <c r="AF23371">
        <v>50</v>
      </c>
      <c r="AG23371">
        <v>51</v>
      </c>
      <c r="AH23371">
        <v>52</v>
      </c>
      <c r="AI23371">
        <v>53</v>
      </c>
      <c r="AJ23371">
        <v>54</v>
      </c>
      <c r="AK23371">
        <v>55</v>
      </c>
      <c r="AL23371">
        <v>56</v>
      </c>
      <c r="AM23371">
        <v>57</v>
      </c>
      <c r="AN23371">
        <v>58</v>
      </c>
      <c r="AO23371">
        <v>60</v>
      </c>
      <c r="AP23371">
        <v>61</v>
      </c>
      <c r="AQ23371">
        <v>62</v>
      </c>
    </row>
    <row r="23372" spans="1:43">
      <c r="A23372" t="s">
        <v>14473</v>
      </c>
      <c r="B23372" t="s">
        <v>14474</v>
      </c>
      <c r="C23372" t="s">
        <v>14463</v>
      </c>
      <c r="D23372" t="s">
        <v>14464</v>
      </c>
      <c r="E23372" t="s">
        <v>14307</v>
      </c>
      <c r="F23372" t="s">
        <v>14308</v>
      </c>
      <c r="G23372" t="s">
        <v>10734</v>
      </c>
      <c r="H23372" t="s">
        <v>10735</v>
      </c>
      <c r="I23372" s="2">
        <v>0</v>
      </c>
      <c r="J23372" s="2">
        <v>0</v>
      </c>
      <c r="K23372" s="2">
        <v>1</v>
      </c>
      <c r="L23372" t="s">
        <v>995</v>
      </c>
      <c r="M23372" t="s">
        <v>89</v>
      </c>
      <c r="N23372" t="s">
        <v>90</v>
      </c>
      <c r="O23372" t="s">
        <v>85</v>
      </c>
      <c r="P23372" t="s">
        <v>86</v>
      </c>
      <c r="Q23372">
        <v>37</v>
      </c>
      <c r="R23372">
        <v>38</v>
      </c>
      <c r="S23372">
        <v>40</v>
      </c>
      <c r="T23372">
        <v>41</v>
      </c>
      <c r="U23372">
        <v>43</v>
      </c>
      <c r="V23372">
        <v>44</v>
      </c>
      <c r="W23372">
        <v>46</v>
      </c>
      <c r="X23372">
        <v>47</v>
      </c>
      <c r="Y23372">
        <v>49</v>
      </c>
      <c r="Z23372">
        <v>50</v>
      </c>
      <c r="AA23372">
        <v>52</v>
      </c>
      <c r="AB23372">
        <v>54</v>
      </c>
      <c r="AC23372">
        <v>55</v>
      </c>
      <c r="AD23372">
        <v>57</v>
      </c>
      <c r="AE23372">
        <v>58</v>
      </c>
      <c r="AF23372">
        <v>59</v>
      </c>
      <c r="AG23372">
        <v>60</v>
      </c>
      <c r="AH23372">
        <v>61</v>
      </c>
      <c r="AI23372">
        <v>63</v>
      </c>
      <c r="AJ23372">
        <v>64</v>
      </c>
      <c r="AK23372">
        <v>65</v>
      </c>
      <c r="AL23372">
        <v>66</v>
      </c>
      <c r="AM23372">
        <v>67</v>
      </c>
      <c r="AN23372">
        <v>68</v>
      </c>
      <c r="AO23372">
        <v>69</v>
      </c>
      <c r="AP23372">
        <v>70</v>
      </c>
      <c r="AQ23372">
        <v>71</v>
      </c>
    </row>
    <row r="23373" spans="1:43">
      <c r="A23373" t="s">
        <v>14473</v>
      </c>
      <c r="B23373" t="s">
        <v>14474</v>
      </c>
      <c r="C23373" t="s">
        <v>14463</v>
      </c>
      <c r="D23373" t="s">
        <v>14464</v>
      </c>
      <c r="E23373" t="s">
        <v>14307</v>
      </c>
      <c r="F23373" t="s">
        <v>14308</v>
      </c>
      <c r="G23373" t="s">
        <v>10734</v>
      </c>
      <c r="H23373" t="s">
        <v>10735</v>
      </c>
      <c r="I23373" s="2">
        <v>0</v>
      </c>
      <c r="J23373" s="2">
        <v>0</v>
      </c>
      <c r="K23373" s="2">
        <v>1</v>
      </c>
      <c r="L23373" t="s">
        <v>995</v>
      </c>
      <c r="M23373" t="s">
        <v>83</v>
      </c>
      <c r="N23373" t="s">
        <v>91</v>
      </c>
      <c r="O23373" t="s">
        <v>85</v>
      </c>
      <c r="P23373" t="s">
        <v>86</v>
      </c>
      <c r="Q23373">
        <v>37</v>
      </c>
      <c r="R23373">
        <v>38</v>
      </c>
      <c r="S23373">
        <v>39</v>
      </c>
      <c r="T23373">
        <v>40</v>
      </c>
      <c r="U23373">
        <v>41</v>
      </c>
      <c r="V23373">
        <v>42</v>
      </c>
      <c r="W23373">
        <v>44</v>
      </c>
      <c r="X23373">
        <v>45</v>
      </c>
      <c r="Y23373">
        <v>46</v>
      </c>
      <c r="Z23373">
        <v>47</v>
      </c>
      <c r="AA23373">
        <v>49</v>
      </c>
      <c r="AB23373">
        <v>50</v>
      </c>
      <c r="AC23373">
        <v>52</v>
      </c>
      <c r="AD23373">
        <v>53</v>
      </c>
      <c r="AE23373">
        <v>54</v>
      </c>
      <c r="AF23373">
        <v>56</v>
      </c>
      <c r="AG23373">
        <v>57</v>
      </c>
      <c r="AH23373">
        <v>59</v>
      </c>
      <c r="AI23373">
        <v>60</v>
      </c>
      <c r="AJ23373">
        <v>62</v>
      </c>
      <c r="AK23373">
        <v>64</v>
      </c>
      <c r="AL23373">
        <v>65</v>
      </c>
      <c r="AM23373">
        <v>66</v>
      </c>
      <c r="AN23373">
        <v>67</v>
      </c>
      <c r="AO23373">
        <v>68</v>
      </c>
      <c r="AP23373">
        <v>69</v>
      </c>
      <c r="AQ23373">
        <v>71</v>
      </c>
    </row>
    <row r="23374" spans="1:43">
      <c r="A23374" t="s">
        <v>14475</v>
      </c>
      <c r="B23374" t="s">
        <v>14476</v>
      </c>
      <c r="C23374" t="s">
        <v>14477</v>
      </c>
      <c r="D23374" t="s">
        <v>14478</v>
      </c>
      <c r="E23374" t="s">
        <v>14307</v>
      </c>
      <c r="F23374" t="s">
        <v>14308</v>
      </c>
      <c r="G23374" t="s">
        <v>10734</v>
      </c>
      <c r="H23374" t="s">
        <v>10735</v>
      </c>
      <c r="I23374" s="2">
        <v>0</v>
      </c>
      <c r="J23374" s="2">
        <v>0</v>
      </c>
      <c r="K23374" s="2">
        <v>1</v>
      </c>
      <c r="L23374" t="s">
        <v>995</v>
      </c>
      <c r="M23374" t="s">
        <v>83</v>
      </c>
      <c r="N23374" t="s">
        <v>84</v>
      </c>
      <c r="O23374" t="s">
        <v>85</v>
      </c>
      <c r="P23374" t="s">
        <v>86</v>
      </c>
      <c r="Q23374">
        <v>59</v>
      </c>
      <c r="R23374">
        <v>61</v>
      </c>
      <c r="S23374">
        <v>63</v>
      </c>
      <c r="T23374">
        <v>65</v>
      </c>
      <c r="U23374">
        <v>67</v>
      </c>
      <c r="V23374">
        <v>68</v>
      </c>
      <c r="W23374">
        <v>70</v>
      </c>
      <c r="X23374">
        <v>72</v>
      </c>
      <c r="Y23374">
        <v>75</v>
      </c>
      <c r="Z23374">
        <v>77</v>
      </c>
      <c r="AA23374">
        <v>79</v>
      </c>
      <c r="AB23374">
        <v>81</v>
      </c>
      <c r="AC23374">
        <v>83</v>
      </c>
      <c r="AD23374">
        <v>85</v>
      </c>
      <c r="AE23374">
        <v>88</v>
      </c>
      <c r="AF23374">
        <v>90</v>
      </c>
      <c r="AG23374">
        <v>92</v>
      </c>
      <c r="AH23374">
        <v>95</v>
      </c>
      <c r="AI23374">
        <v>97</v>
      </c>
      <c r="AJ23374">
        <v>100</v>
      </c>
      <c r="AK23374">
        <v>102</v>
      </c>
      <c r="AL23374">
        <v>105</v>
      </c>
      <c r="AM23374">
        <v>106</v>
      </c>
      <c r="AN23374">
        <v>108</v>
      </c>
      <c r="AO23374">
        <v>110</v>
      </c>
      <c r="AP23374">
        <v>112</v>
      </c>
      <c r="AQ23374">
        <v>114</v>
      </c>
    </row>
    <row r="23375" spans="1:43">
      <c r="A23375" t="s">
        <v>14475</v>
      </c>
      <c r="B23375" t="s">
        <v>14476</v>
      </c>
      <c r="C23375" t="s">
        <v>14477</v>
      </c>
      <c r="D23375" t="s">
        <v>14478</v>
      </c>
      <c r="E23375" t="s">
        <v>14307</v>
      </c>
      <c r="F23375" t="s">
        <v>14308</v>
      </c>
      <c r="G23375" t="s">
        <v>10734</v>
      </c>
      <c r="H23375" t="s">
        <v>10735</v>
      </c>
      <c r="I23375" s="2">
        <v>0</v>
      </c>
      <c r="J23375" s="2">
        <v>0</v>
      </c>
      <c r="K23375" s="2">
        <v>1</v>
      </c>
      <c r="L23375" t="s">
        <v>995</v>
      </c>
      <c r="M23375" t="s">
        <v>87</v>
      </c>
      <c r="N23375" t="s">
        <v>88</v>
      </c>
      <c r="O23375" t="s">
        <v>85</v>
      </c>
      <c r="P23375" t="s">
        <v>86</v>
      </c>
      <c r="Q23375">
        <v>59</v>
      </c>
      <c r="R23375">
        <v>60</v>
      </c>
      <c r="S23375">
        <v>61</v>
      </c>
      <c r="T23375">
        <v>62</v>
      </c>
      <c r="U23375">
        <v>64</v>
      </c>
      <c r="V23375">
        <v>65</v>
      </c>
      <c r="W23375">
        <v>66</v>
      </c>
      <c r="X23375">
        <v>68</v>
      </c>
      <c r="Y23375">
        <v>69</v>
      </c>
      <c r="Z23375">
        <v>70</v>
      </c>
      <c r="AA23375">
        <v>72</v>
      </c>
      <c r="AB23375">
        <v>73</v>
      </c>
      <c r="AC23375">
        <v>75</v>
      </c>
      <c r="AD23375">
        <v>76</v>
      </c>
      <c r="AE23375">
        <v>78</v>
      </c>
      <c r="AF23375">
        <v>79</v>
      </c>
      <c r="AG23375">
        <v>81</v>
      </c>
      <c r="AH23375">
        <v>83</v>
      </c>
      <c r="AI23375">
        <v>84</v>
      </c>
      <c r="AJ23375">
        <v>86</v>
      </c>
      <c r="AK23375">
        <v>88</v>
      </c>
      <c r="AL23375">
        <v>89</v>
      </c>
      <c r="AM23375">
        <v>91</v>
      </c>
      <c r="AN23375">
        <v>93</v>
      </c>
      <c r="AO23375">
        <v>95</v>
      </c>
      <c r="AP23375">
        <v>97</v>
      </c>
      <c r="AQ23375">
        <v>99</v>
      </c>
    </row>
    <row r="23376" spans="1:43">
      <c r="A23376" t="s">
        <v>14475</v>
      </c>
      <c r="B23376" t="s">
        <v>14476</v>
      </c>
      <c r="C23376" t="s">
        <v>14477</v>
      </c>
      <c r="D23376" t="s">
        <v>14478</v>
      </c>
      <c r="E23376" t="s">
        <v>14307</v>
      </c>
      <c r="F23376" t="s">
        <v>14308</v>
      </c>
      <c r="G23376" t="s">
        <v>10734</v>
      </c>
      <c r="H23376" t="s">
        <v>10735</v>
      </c>
      <c r="I23376" s="2">
        <v>0</v>
      </c>
      <c r="J23376" s="2">
        <v>0</v>
      </c>
      <c r="K23376" s="2">
        <v>1</v>
      </c>
      <c r="L23376" t="s">
        <v>995</v>
      </c>
      <c r="M23376" t="s">
        <v>89</v>
      </c>
      <c r="N23376" t="s">
        <v>90</v>
      </c>
      <c r="O23376" t="s">
        <v>85</v>
      </c>
      <c r="P23376" t="s">
        <v>86</v>
      </c>
      <c r="Q23376">
        <v>59</v>
      </c>
      <c r="R23376">
        <v>61</v>
      </c>
      <c r="S23376">
        <v>63</v>
      </c>
      <c r="T23376">
        <v>66</v>
      </c>
      <c r="U23376">
        <v>68</v>
      </c>
      <c r="V23376">
        <v>71</v>
      </c>
      <c r="W23376">
        <v>73</v>
      </c>
      <c r="X23376">
        <v>76</v>
      </c>
      <c r="Y23376">
        <v>78</v>
      </c>
      <c r="Z23376">
        <v>80</v>
      </c>
      <c r="AA23376">
        <v>83</v>
      </c>
      <c r="AB23376">
        <v>85</v>
      </c>
      <c r="AC23376">
        <v>88</v>
      </c>
      <c r="AD23376">
        <v>91</v>
      </c>
      <c r="AE23376">
        <v>93</v>
      </c>
      <c r="AF23376">
        <v>94</v>
      </c>
      <c r="AG23376">
        <v>96</v>
      </c>
      <c r="AH23376">
        <v>98</v>
      </c>
      <c r="AI23376">
        <v>100</v>
      </c>
      <c r="AJ23376">
        <v>101</v>
      </c>
      <c r="AK23376">
        <v>103</v>
      </c>
      <c r="AL23376">
        <v>105</v>
      </c>
      <c r="AM23376">
        <v>107</v>
      </c>
      <c r="AN23376">
        <v>108</v>
      </c>
      <c r="AO23376">
        <v>110</v>
      </c>
      <c r="AP23376">
        <v>112</v>
      </c>
      <c r="AQ23376">
        <v>114</v>
      </c>
    </row>
    <row r="23377" spans="1:43">
      <c r="A23377" t="s">
        <v>14475</v>
      </c>
      <c r="B23377" t="s">
        <v>14476</v>
      </c>
      <c r="C23377" t="s">
        <v>14477</v>
      </c>
      <c r="D23377" t="s">
        <v>14478</v>
      </c>
      <c r="E23377" t="s">
        <v>14307</v>
      </c>
      <c r="F23377" t="s">
        <v>14308</v>
      </c>
      <c r="G23377" t="s">
        <v>10734</v>
      </c>
      <c r="H23377" t="s">
        <v>10735</v>
      </c>
      <c r="I23377" s="2">
        <v>0</v>
      </c>
      <c r="J23377" s="2">
        <v>0</v>
      </c>
      <c r="K23377" s="2">
        <v>1</v>
      </c>
      <c r="L23377" t="s">
        <v>995</v>
      </c>
      <c r="M23377" t="s">
        <v>83</v>
      </c>
      <c r="N23377" t="s">
        <v>91</v>
      </c>
      <c r="O23377" t="s">
        <v>85</v>
      </c>
      <c r="P23377" t="s">
        <v>86</v>
      </c>
      <c r="Q23377">
        <v>59</v>
      </c>
      <c r="R23377">
        <v>61</v>
      </c>
      <c r="S23377">
        <v>63</v>
      </c>
      <c r="T23377">
        <v>65</v>
      </c>
      <c r="U23377">
        <v>67</v>
      </c>
      <c r="V23377">
        <v>68</v>
      </c>
      <c r="W23377">
        <v>70</v>
      </c>
      <c r="X23377">
        <v>72</v>
      </c>
      <c r="Y23377">
        <v>75</v>
      </c>
      <c r="Z23377">
        <v>77</v>
      </c>
      <c r="AA23377">
        <v>79</v>
      </c>
      <c r="AB23377">
        <v>81</v>
      </c>
      <c r="AC23377">
        <v>83</v>
      </c>
      <c r="AD23377">
        <v>85</v>
      </c>
      <c r="AE23377">
        <v>88</v>
      </c>
      <c r="AF23377">
        <v>90</v>
      </c>
      <c r="AG23377">
        <v>92</v>
      </c>
      <c r="AH23377">
        <v>95</v>
      </c>
      <c r="AI23377">
        <v>97</v>
      </c>
      <c r="AJ23377">
        <v>100</v>
      </c>
      <c r="AK23377">
        <v>102</v>
      </c>
      <c r="AL23377">
        <v>105</v>
      </c>
      <c r="AM23377">
        <v>106</v>
      </c>
      <c r="AN23377">
        <v>108</v>
      </c>
      <c r="AO23377">
        <v>110</v>
      </c>
      <c r="AP23377">
        <v>112</v>
      </c>
      <c r="AQ23377">
        <v>114</v>
      </c>
    </row>
    <row r="23378" spans="1:43">
      <c r="A23378" t="s">
        <v>14479</v>
      </c>
      <c r="B23378" t="s">
        <v>14480</v>
      </c>
      <c r="C23378" t="s">
        <v>14477</v>
      </c>
      <c r="D23378" t="s">
        <v>14478</v>
      </c>
      <c r="E23378" t="s">
        <v>14307</v>
      </c>
      <c r="F23378" t="s">
        <v>14308</v>
      </c>
      <c r="G23378" t="s">
        <v>10734</v>
      </c>
      <c r="H23378" t="s">
        <v>10735</v>
      </c>
      <c r="I23378" s="2">
        <v>0</v>
      </c>
      <c r="J23378" s="2">
        <v>0</v>
      </c>
      <c r="K23378" s="2">
        <v>1</v>
      </c>
      <c r="L23378" t="s">
        <v>995</v>
      </c>
      <c r="M23378" t="s">
        <v>83</v>
      </c>
      <c r="N23378" t="s">
        <v>84</v>
      </c>
      <c r="O23378" t="s">
        <v>85</v>
      </c>
      <c r="P23378" t="s">
        <v>86</v>
      </c>
      <c r="Q23378">
        <v>21</v>
      </c>
      <c r="R23378">
        <v>22</v>
      </c>
      <c r="S23378">
        <v>22</v>
      </c>
      <c r="T23378">
        <v>23</v>
      </c>
      <c r="U23378">
        <v>24</v>
      </c>
      <c r="V23378">
        <v>24</v>
      </c>
      <c r="W23378">
        <v>25</v>
      </c>
      <c r="X23378">
        <v>26</v>
      </c>
      <c r="Y23378">
        <v>26</v>
      </c>
      <c r="Z23378">
        <v>27</v>
      </c>
      <c r="AA23378">
        <v>28</v>
      </c>
      <c r="AB23378">
        <v>29</v>
      </c>
      <c r="AC23378">
        <v>29</v>
      </c>
      <c r="AD23378">
        <v>30</v>
      </c>
      <c r="AE23378">
        <v>31</v>
      </c>
      <c r="AF23378">
        <v>32</v>
      </c>
      <c r="AG23378">
        <v>33</v>
      </c>
      <c r="AH23378">
        <v>34</v>
      </c>
      <c r="AI23378">
        <v>34</v>
      </c>
      <c r="AJ23378">
        <v>35</v>
      </c>
      <c r="AK23378">
        <v>36</v>
      </c>
      <c r="AL23378">
        <v>37</v>
      </c>
      <c r="AM23378">
        <v>38</v>
      </c>
      <c r="AN23378">
        <v>38</v>
      </c>
      <c r="AO23378">
        <v>39</v>
      </c>
      <c r="AP23378">
        <v>40</v>
      </c>
      <c r="AQ23378">
        <v>40</v>
      </c>
    </row>
    <row r="23379" spans="1:43">
      <c r="A23379" t="s">
        <v>14479</v>
      </c>
      <c r="B23379" t="s">
        <v>14480</v>
      </c>
      <c r="C23379" t="s">
        <v>14477</v>
      </c>
      <c r="D23379" t="s">
        <v>14478</v>
      </c>
      <c r="E23379" t="s">
        <v>14307</v>
      </c>
      <c r="F23379" t="s">
        <v>14308</v>
      </c>
      <c r="G23379" t="s">
        <v>10734</v>
      </c>
      <c r="H23379" t="s">
        <v>10735</v>
      </c>
      <c r="I23379" s="2">
        <v>0</v>
      </c>
      <c r="J23379" s="2">
        <v>0</v>
      </c>
      <c r="K23379" s="2">
        <v>1</v>
      </c>
      <c r="L23379" t="s">
        <v>995</v>
      </c>
      <c r="M23379" t="s">
        <v>87</v>
      </c>
      <c r="N23379" t="s">
        <v>88</v>
      </c>
      <c r="O23379" t="s">
        <v>85</v>
      </c>
      <c r="P23379" t="s">
        <v>86</v>
      </c>
      <c r="Q23379">
        <v>21</v>
      </c>
      <c r="R23379">
        <v>21</v>
      </c>
      <c r="S23379">
        <v>22</v>
      </c>
      <c r="T23379">
        <v>22</v>
      </c>
      <c r="U23379">
        <v>22</v>
      </c>
      <c r="V23379">
        <v>23</v>
      </c>
      <c r="W23379">
        <v>23</v>
      </c>
      <c r="X23379">
        <v>24</v>
      </c>
      <c r="Y23379">
        <v>24</v>
      </c>
      <c r="Z23379">
        <v>25</v>
      </c>
      <c r="AA23379">
        <v>25</v>
      </c>
      <c r="AB23379">
        <v>26</v>
      </c>
      <c r="AC23379">
        <v>26</v>
      </c>
      <c r="AD23379">
        <v>27</v>
      </c>
      <c r="AE23379">
        <v>27</v>
      </c>
      <c r="AF23379">
        <v>28</v>
      </c>
      <c r="AG23379">
        <v>29</v>
      </c>
      <c r="AH23379">
        <v>29</v>
      </c>
      <c r="AI23379">
        <v>30</v>
      </c>
      <c r="AJ23379">
        <v>30</v>
      </c>
      <c r="AK23379">
        <v>31</v>
      </c>
      <c r="AL23379">
        <v>32</v>
      </c>
      <c r="AM23379">
        <v>32</v>
      </c>
      <c r="AN23379">
        <v>33</v>
      </c>
      <c r="AO23379">
        <v>34</v>
      </c>
      <c r="AP23379">
        <v>34</v>
      </c>
      <c r="AQ23379">
        <v>35</v>
      </c>
    </row>
    <row r="23380" spans="1:43">
      <c r="A23380" t="s">
        <v>14479</v>
      </c>
      <c r="B23380" t="s">
        <v>14480</v>
      </c>
      <c r="C23380" t="s">
        <v>14477</v>
      </c>
      <c r="D23380" t="s">
        <v>14478</v>
      </c>
      <c r="E23380" t="s">
        <v>14307</v>
      </c>
      <c r="F23380" t="s">
        <v>14308</v>
      </c>
      <c r="G23380" t="s">
        <v>10734</v>
      </c>
      <c r="H23380" t="s">
        <v>10735</v>
      </c>
      <c r="I23380" s="2">
        <v>0</v>
      </c>
      <c r="J23380" s="2">
        <v>0</v>
      </c>
      <c r="K23380" s="2">
        <v>1</v>
      </c>
      <c r="L23380" t="s">
        <v>995</v>
      </c>
      <c r="M23380" t="s">
        <v>89</v>
      </c>
      <c r="N23380" t="s">
        <v>90</v>
      </c>
      <c r="O23380" t="s">
        <v>85</v>
      </c>
      <c r="P23380" t="s">
        <v>86</v>
      </c>
      <c r="Q23380">
        <v>21</v>
      </c>
      <c r="R23380">
        <v>22</v>
      </c>
      <c r="S23380">
        <v>23</v>
      </c>
      <c r="T23380">
        <v>24</v>
      </c>
      <c r="U23380">
        <v>24</v>
      </c>
      <c r="V23380">
        <v>25</v>
      </c>
      <c r="W23380">
        <v>26</v>
      </c>
      <c r="X23380">
        <v>27</v>
      </c>
      <c r="Y23380">
        <v>28</v>
      </c>
      <c r="Z23380">
        <v>29</v>
      </c>
      <c r="AA23380">
        <v>30</v>
      </c>
      <c r="AB23380">
        <v>31</v>
      </c>
      <c r="AC23380">
        <v>31</v>
      </c>
      <c r="AD23380">
        <v>32</v>
      </c>
      <c r="AE23380">
        <v>33</v>
      </c>
      <c r="AF23380">
        <v>34</v>
      </c>
      <c r="AG23380">
        <v>34</v>
      </c>
      <c r="AH23380">
        <v>35</v>
      </c>
      <c r="AI23380">
        <v>36</v>
      </c>
      <c r="AJ23380">
        <v>36</v>
      </c>
      <c r="AK23380">
        <v>37</v>
      </c>
      <c r="AL23380">
        <v>37</v>
      </c>
      <c r="AM23380">
        <v>38</v>
      </c>
      <c r="AN23380">
        <v>39</v>
      </c>
      <c r="AO23380">
        <v>39</v>
      </c>
      <c r="AP23380">
        <v>40</v>
      </c>
      <c r="AQ23380">
        <v>41</v>
      </c>
    </row>
    <row r="23381" spans="1:43">
      <c r="A23381" t="s">
        <v>14479</v>
      </c>
      <c r="B23381" t="s">
        <v>14480</v>
      </c>
      <c r="C23381" t="s">
        <v>14477</v>
      </c>
      <c r="D23381" t="s">
        <v>14478</v>
      </c>
      <c r="E23381" t="s">
        <v>14307</v>
      </c>
      <c r="F23381" t="s">
        <v>14308</v>
      </c>
      <c r="G23381" t="s">
        <v>10734</v>
      </c>
      <c r="H23381" t="s">
        <v>10735</v>
      </c>
      <c r="I23381" s="2">
        <v>0</v>
      </c>
      <c r="J23381" s="2">
        <v>0</v>
      </c>
      <c r="K23381" s="2">
        <v>1</v>
      </c>
      <c r="L23381" t="s">
        <v>995</v>
      </c>
      <c r="M23381" t="s">
        <v>83</v>
      </c>
      <c r="N23381" t="s">
        <v>91</v>
      </c>
      <c r="O23381" t="s">
        <v>85</v>
      </c>
      <c r="P23381" t="s">
        <v>86</v>
      </c>
      <c r="Q23381">
        <v>21</v>
      </c>
      <c r="R23381">
        <v>22</v>
      </c>
      <c r="S23381">
        <v>22</v>
      </c>
      <c r="T23381">
        <v>23</v>
      </c>
      <c r="U23381">
        <v>24</v>
      </c>
      <c r="V23381">
        <v>24</v>
      </c>
      <c r="W23381">
        <v>25</v>
      </c>
      <c r="X23381">
        <v>26</v>
      </c>
      <c r="Y23381">
        <v>26</v>
      </c>
      <c r="Z23381">
        <v>27</v>
      </c>
      <c r="AA23381">
        <v>28</v>
      </c>
      <c r="AB23381">
        <v>29</v>
      </c>
      <c r="AC23381">
        <v>29</v>
      </c>
      <c r="AD23381">
        <v>30</v>
      </c>
      <c r="AE23381">
        <v>31</v>
      </c>
      <c r="AF23381">
        <v>32</v>
      </c>
      <c r="AG23381">
        <v>33</v>
      </c>
      <c r="AH23381">
        <v>34</v>
      </c>
      <c r="AI23381">
        <v>34</v>
      </c>
      <c r="AJ23381">
        <v>35</v>
      </c>
      <c r="AK23381">
        <v>36</v>
      </c>
      <c r="AL23381">
        <v>37</v>
      </c>
      <c r="AM23381">
        <v>38</v>
      </c>
      <c r="AN23381">
        <v>38</v>
      </c>
      <c r="AO23381">
        <v>39</v>
      </c>
      <c r="AP23381">
        <v>40</v>
      </c>
      <c r="AQ23381">
        <v>40</v>
      </c>
    </row>
    <row r="23382" spans="1:43">
      <c r="A23382" t="s">
        <v>14481</v>
      </c>
      <c r="B23382" t="s">
        <v>14482</v>
      </c>
      <c r="C23382" t="s">
        <v>14477</v>
      </c>
      <c r="D23382" t="s">
        <v>14478</v>
      </c>
      <c r="E23382" t="s">
        <v>14307</v>
      </c>
      <c r="F23382" t="s">
        <v>14308</v>
      </c>
      <c r="G23382" t="s">
        <v>10734</v>
      </c>
      <c r="H23382" t="s">
        <v>10735</v>
      </c>
      <c r="I23382" s="2">
        <v>0</v>
      </c>
      <c r="J23382" s="2">
        <v>0</v>
      </c>
      <c r="K23382" s="2">
        <v>1</v>
      </c>
      <c r="L23382" t="s">
        <v>995</v>
      </c>
      <c r="M23382" t="s">
        <v>83</v>
      </c>
      <c r="N23382" t="s">
        <v>84</v>
      </c>
      <c r="O23382" t="s">
        <v>85</v>
      </c>
      <c r="P23382" t="s">
        <v>86</v>
      </c>
      <c r="Q23382">
        <v>12</v>
      </c>
      <c r="R23382">
        <v>12</v>
      </c>
      <c r="S23382">
        <v>13</v>
      </c>
      <c r="T23382">
        <v>13</v>
      </c>
      <c r="U23382">
        <v>14</v>
      </c>
      <c r="V23382">
        <v>14</v>
      </c>
      <c r="W23382">
        <v>14</v>
      </c>
      <c r="X23382">
        <v>15</v>
      </c>
      <c r="Y23382">
        <v>15</v>
      </c>
      <c r="Z23382">
        <v>16</v>
      </c>
      <c r="AA23382">
        <v>16</v>
      </c>
      <c r="AB23382">
        <v>16</v>
      </c>
      <c r="AC23382">
        <v>17</v>
      </c>
      <c r="AD23382">
        <v>17</v>
      </c>
      <c r="AE23382">
        <v>18</v>
      </c>
      <c r="AF23382">
        <v>18</v>
      </c>
      <c r="AG23382">
        <v>19</v>
      </c>
      <c r="AH23382">
        <v>19</v>
      </c>
      <c r="AI23382">
        <v>20</v>
      </c>
      <c r="AJ23382">
        <v>20</v>
      </c>
      <c r="AK23382">
        <v>21</v>
      </c>
      <c r="AL23382">
        <v>21</v>
      </c>
      <c r="AM23382">
        <v>22</v>
      </c>
      <c r="AN23382">
        <v>22</v>
      </c>
      <c r="AO23382">
        <v>22</v>
      </c>
      <c r="AP23382">
        <v>23</v>
      </c>
      <c r="AQ23382">
        <v>23</v>
      </c>
    </row>
    <row r="23383" spans="1:43">
      <c r="A23383" t="s">
        <v>14481</v>
      </c>
      <c r="B23383" t="s">
        <v>14482</v>
      </c>
      <c r="C23383" t="s">
        <v>14477</v>
      </c>
      <c r="D23383" t="s">
        <v>14478</v>
      </c>
      <c r="E23383" t="s">
        <v>14307</v>
      </c>
      <c r="F23383" t="s">
        <v>14308</v>
      </c>
      <c r="G23383" t="s">
        <v>10734</v>
      </c>
      <c r="H23383" t="s">
        <v>10735</v>
      </c>
      <c r="I23383" s="2">
        <v>0</v>
      </c>
      <c r="J23383" s="2">
        <v>0</v>
      </c>
      <c r="K23383" s="2">
        <v>1</v>
      </c>
      <c r="L23383" t="s">
        <v>995</v>
      </c>
      <c r="M23383" t="s">
        <v>87</v>
      </c>
      <c r="N23383" t="s">
        <v>88</v>
      </c>
      <c r="O23383" t="s">
        <v>85</v>
      </c>
      <c r="P23383" t="s">
        <v>86</v>
      </c>
      <c r="Q23383">
        <v>12</v>
      </c>
      <c r="R23383">
        <v>12</v>
      </c>
      <c r="S23383">
        <v>12</v>
      </c>
      <c r="T23383">
        <v>13</v>
      </c>
      <c r="U23383">
        <v>13</v>
      </c>
      <c r="V23383">
        <v>13</v>
      </c>
      <c r="W23383">
        <v>13</v>
      </c>
      <c r="X23383">
        <v>14</v>
      </c>
      <c r="Y23383">
        <v>14</v>
      </c>
      <c r="Z23383">
        <v>14</v>
      </c>
      <c r="AA23383">
        <v>15</v>
      </c>
      <c r="AB23383">
        <v>15</v>
      </c>
      <c r="AC23383">
        <v>15</v>
      </c>
      <c r="AD23383">
        <v>16</v>
      </c>
      <c r="AE23383">
        <v>16</v>
      </c>
      <c r="AF23383">
        <v>16</v>
      </c>
      <c r="AG23383">
        <v>16</v>
      </c>
      <c r="AH23383">
        <v>17</v>
      </c>
      <c r="AI23383">
        <v>17</v>
      </c>
      <c r="AJ23383">
        <v>17</v>
      </c>
      <c r="AK23383">
        <v>18</v>
      </c>
      <c r="AL23383">
        <v>18</v>
      </c>
      <c r="AM23383">
        <v>19</v>
      </c>
      <c r="AN23383">
        <v>19</v>
      </c>
      <c r="AO23383">
        <v>19</v>
      </c>
      <c r="AP23383">
        <v>20</v>
      </c>
      <c r="AQ23383">
        <v>20</v>
      </c>
    </row>
    <row r="23384" spans="1:43">
      <c r="A23384" t="s">
        <v>14481</v>
      </c>
      <c r="B23384" t="s">
        <v>14482</v>
      </c>
      <c r="C23384" t="s">
        <v>14477</v>
      </c>
      <c r="D23384" t="s">
        <v>14478</v>
      </c>
      <c r="E23384" t="s">
        <v>14307</v>
      </c>
      <c r="F23384" t="s">
        <v>14308</v>
      </c>
      <c r="G23384" t="s">
        <v>10734</v>
      </c>
      <c r="H23384" t="s">
        <v>10735</v>
      </c>
      <c r="I23384" s="2">
        <v>0</v>
      </c>
      <c r="J23384" s="2">
        <v>0</v>
      </c>
      <c r="K23384" s="2">
        <v>1</v>
      </c>
      <c r="L23384" t="s">
        <v>995</v>
      </c>
      <c r="M23384" t="s">
        <v>89</v>
      </c>
      <c r="N23384" t="s">
        <v>90</v>
      </c>
      <c r="O23384" t="s">
        <v>85</v>
      </c>
      <c r="P23384" t="s">
        <v>86</v>
      </c>
      <c r="Q23384">
        <v>12</v>
      </c>
      <c r="R23384">
        <v>13</v>
      </c>
      <c r="S23384">
        <v>13</v>
      </c>
      <c r="T23384">
        <v>14</v>
      </c>
      <c r="U23384">
        <v>14</v>
      </c>
      <c r="V23384">
        <v>15</v>
      </c>
      <c r="W23384">
        <v>15</v>
      </c>
      <c r="X23384">
        <v>16</v>
      </c>
      <c r="Y23384">
        <v>16</v>
      </c>
      <c r="Z23384">
        <v>17</v>
      </c>
      <c r="AA23384">
        <v>17</v>
      </c>
      <c r="AB23384">
        <v>18</v>
      </c>
      <c r="AC23384">
        <v>18</v>
      </c>
      <c r="AD23384">
        <v>19</v>
      </c>
      <c r="AE23384">
        <v>19</v>
      </c>
      <c r="AF23384">
        <v>19</v>
      </c>
      <c r="AG23384">
        <v>20</v>
      </c>
      <c r="AH23384">
        <v>20</v>
      </c>
      <c r="AI23384">
        <v>20</v>
      </c>
      <c r="AJ23384">
        <v>21</v>
      </c>
      <c r="AK23384">
        <v>21</v>
      </c>
      <c r="AL23384">
        <v>22</v>
      </c>
      <c r="AM23384">
        <v>22</v>
      </c>
      <c r="AN23384">
        <v>22</v>
      </c>
      <c r="AO23384">
        <v>23</v>
      </c>
      <c r="AP23384">
        <v>23</v>
      </c>
      <c r="AQ23384">
        <v>23</v>
      </c>
    </row>
    <row r="23385" spans="1:43">
      <c r="A23385" t="s">
        <v>14481</v>
      </c>
      <c r="B23385" t="s">
        <v>14482</v>
      </c>
      <c r="C23385" t="s">
        <v>14477</v>
      </c>
      <c r="D23385" t="s">
        <v>14478</v>
      </c>
      <c r="E23385" t="s">
        <v>14307</v>
      </c>
      <c r="F23385" t="s">
        <v>14308</v>
      </c>
      <c r="G23385" t="s">
        <v>10734</v>
      </c>
      <c r="H23385" t="s">
        <v>10735</v>
      </c>
      <c r="I23385" s="2">
        <v>0</v>
      </c>
      <c r="J23385" s="2">
        <v>0</v>
      </c>
      <c r="K23385" s="2">
        <v>1</v>
      </c>
      <c r="L23385" t="s">
        <v>995</v>
      </c>
      <c r="M23385" t="s">
        <v>83</v>
      </c>
      <c r="N23385" t="s">
        <v>91</v>
      </c>
      <c r="O23385" t="s">
        <v>85</v>
      </c>
      <c r="P23385" t="s">
        <v>86</v>
      </c>
      <c r="Q23385">
        <v>12</v>
      </c>
      <c r="R23385">
        <v>12</v>
      </c>
      <c r="S23385">
        <v>13</v>
      </c>
      <c r="T23385">
        <v>13</v>
      </c>
      <c r="U23385">
        <v>14</v>
      </c>
      <c r="V23385">
        <v>14</v>
      </c>
      <c r="W23385">
        <v>14</v>
      </c>
      <c r="X23385">
        <v>15</v>
      </c>
      <c r="Y23385">
        <v>15</v>
      </c>
      <c r="Z23385">
        <v>16</v>
      </c>
      <c r="AA23385">
        <v>16</v>
      </c>
      <c r="AB23385">
        <v>16</v>
      </c>
      <c r="AC23385">
        <v>17</v>
      </c>
      <c r="AD23385">
        <v>17</v>
      </c>
      <c r="AE23385">
        <v>18</v>
      </c>
      <c r="AF23385">
        <v>18</v>
      </c>
      <c r="AG23385">
        <v>19</v>
      </c>
      <c r="AH23385">
        <v>19</v>
      </c>
      <c r="AI23385">
        <v>20</v>
      </c>
      <c r="AJ23385">
        <v>20</v>
      </c>
      <c r="AK23385">
        <v>21</v>
      </c>
      <c r="AL23385">
        <v>21</v>
      </c>
      <c r="AM23385">
        <v>22</v>
      </c>
      <c r="AN23385">
        <v>22</v>
      </c>
      <c r="AO23385">
        <v>22</v>
      </c>
      <c r="AP23385">
        <v>23</v>
      </c>
      <c r="AQ23385">
        <v>23</v>
      </c>
    </row>
    <row r="23386" spans="1:43">
      <c r="A23386" t="s">
        <v>14483</v>
      </c>
      <c r="B23386" t="s">
        <v>14484</v>
      </c>
      <c r="C23386" t="s">
        <v>14477</v>
      </c>
      <c r="D23386" t="s">
        <v>14478</v>
      </c>
      <c r="E23386" t="s">
        <v>14307</v>
      </c>
      <c r="F23386" t="s">
        <v>14308</v>
      </c>
      <c r="G23386" t="s">
        <v>10734</v>
      </c>
      <c r="H23386" t="s">
        <v>10735</v>
      </c>
      <c r="I23386" s="2">
        <v>0</v>
      </c>
      <c r="J23386" s="2">
        <v>0</v>
      </c>
      <c r="K23386" s="2">
        <v>1</v>
      </c>
      <c r="L23386" t="s">
        <v>995</v>
      </c>
      <c r="M23386" t="s">
        <v>83</v>
      </c>
      <c r="N23386" t="s">
        <v>84</v>
      </c>
      <c r="O23386" t="s">
        <v>85</v>
      </c>
      <c r="P23386" t="s">
        <v>86</v>
      </c>
      <c r="Q23386">
        <v>2</v>
      </c>
      <c r="R23386">
        <v>3</v>
      </c>
      <c r="S23386">
        <v>3</v>
      </c>
      <c r="T23386">
        <v>3</v>
      </c>
      <c r="U23386">
        <v>3</v>
      </c>
      <c r="V23386">
        <v>3</v>
      </c>
      <c r="W23386">
        <v>3</v>
      </c>
      <c r="X23386">
        <v>3</v>
      </c>
      <c r="Y23386">
        <v>3</v>
      </c>
      <c r="Z23386">
        <v>3</v>
      </c>
      <c r="AA23386">
        <v>3</v>
      </c>
      <c r="AB23386">
        <v>3</v>
      </c>
      <c r="AC23386">
        <v>3</v>
      </c>
      <c r="AD23386">
        <v>4</v>
      </c>
      <c r="AE23386">
        <v>4</v>
      </c>
      <c r="AF23386">
        <v>4</v>
      </c>
      <c r="AG23386">
        <v>4</v>
      </c>
      <c r="AH23386">
        <v>4</v>
      </c>
      <c r="AI23386">
        <v>4</v>
      </c>
      <c r="AJ23386">
        <v>4</v>
      </c>
      <c r="AK23386">
        <v>4</v>
      </c>
      <c r="AL23386">
        <v>4</v>
      </c>
      <c r="AM23386">
        <v>4</v>
      </c>
      <c r="AN23386">
        <v>5</v>
      </c>
      <c r="AO23386">
        <v>5</v>
      </c>
      <c r="AP23386">
        <v>5</v>
      </c>
      <c r="AQ23386">
        <v>5</v>
      </c>
    </row>
    <row r="23387" spans="1:43">
      <c r="A23387" t="s">
        <v>14483</v>
      </c>
      <c r="B23387" t="s">
        <v>14484</v>
      </c>
      <c r="C23387" t="s">
        <v>14477</v>
      </c>
      <c r="D23387" t="s">
        <v>14478</v>
      </c>
      <c r="E23387" t="s">
        <v>14307</v>
      </c>
      <c r="F23387" t="s">
        <v>14308</v>
      </c>
      <c r="G23387" t="s">
        <v>10734</v>
      </c>
      <c r="H23387" t="s">
        <v>10735</v>
      </c>
      <c r="I23387" s="2">
        <v>0</v>
      </c>
      <c r="J23387" s="2">
        <v>0</v>
      </c>
      <c r="K23387" s="2">
        <v>1</v>
      </c>
      <c r="L23387" t="s">
        <v>995</v>
      </c>
      <c r="M23387" t="s">
        <v>87</v>
      </c>
      <c r="N23387" t="s">
        <v>88</v>
      </c>
      <c r="O23387" t="s">
        <v>85</v>
      </c>
      <c r="P23387" t="s">
        <v>86</v>
      </c>
      <c r="Q23387">
        <v>2</v>
      </c>
      <c r="R23387">
        <v>2</v>
      </c>
      <c r="S23387">
        <v>3</v>
      </c>
      <c r="T23387">
        <v>3</v>
      </c>
      <c r="U23387">
        <v>3</v>
      </c>
      <c r="V23387">
        <v>3</v>
      </c>
      <c r="W23387">
        <v>3</v>
      </c>
      <c r="X23387">
        <v>3</v>
      </c>
      <c r="Y23387">
        <v>3</v>
      </c>
      <c r="Z23387">
        <v>3</v>
      </c>
      <c r="AA23387">
        <v>3</v>
      </c>
      <c r="AB23387">
        <v>3</v>
      </c>
      <c r="AC23387">
        <v>3</v>
      </c>
      <c r="AD23387">
        <v>3</v>
      </c>
      <c r="AE23387">
        <v>3</v>
      </c>
      <c r="AF23387">
        <v>3</v>
      </c>
      <c r="AG23387">
        <v>3</v>
      </c>
      <c r="AH23387">
        <v>3</v>
      </c>
      <c r="AI23387">
        <v>4</v>
      </c>
      <c r="AJ23387">
        <v>4</v>
      </c>
      <c r="AK23387">
        <v>4</v>
      </c>
      <c r="AL23387">
        <v>4</v>
      </c>
      <c r="AM23387">
        <v>4</v>
      </c>
      <c r="AN23387">
        <v>4</v>
      </c>
      <c r="AO23387">
        <v>4</v>
      </c>
      <c r="AP23387">
        <v>4</v>
      </c>
      <c r="AQ23387">
        <v>4</v>
      </c>
    </row>
    <row r="23388" spans="1:43">
      <c r="A23388" t="s">
        <v>14483</v>
      </c>
      <c r="B23388" t="s">
        <v>14484</v>
      </c>
      <c r="C23388" t="s">
        <v>14477</v>
      </c>
      <c r="D23388" t="s">
        <v>14478</v>
      </c>
      <c r="E23388" t="s">
        <v>14307</v>
      </c>
      <c r="F23388" t="s">
        <v>14308</v>
      </c>
      <c r="G23388" t="s">
        <v>10734</v>
      </c>
      <c r="H23388" t="s">
        <v>10735</v>
      </c>
      <c r="I23388" s="2">
        <v>0</v>
      </c>
      <c r="J23388" s="2">
        <v>0</v>
      </c>
      <c r="K23388" s="2">
        <v>1</v>
      </c>
      <c r="L23388" t="s">
        <v>995</v>
      </c>
      <c r="M23388" t="s">
        <v>89</v>
      </c>
      <c r="N23388" t="s">
        <v>90</v>
      </c>
      <c r="O23388" t="s">
        <v>85</v>
      </c>
      <c r="P23388" t="s">
        <v>86</v>
      </c>
      <c r="Q23388">
        <v>2</v>
      </c>
      <c r="R23388">
        <v>3</v>
      </c>
      <c r="S23388">
        <v>3</v>
      </c>
      <c r="T23388">
        <v>3</v>
      </c>
      <c r="U23388">
        <v>3</v>
      </c>
      <c r="V23388">
        <v>3</v>
      </c>
      <c r="W23388">
        <v>3</v>
      </c>
      <c r="X23388">
        <v>3</v>
      </c>
      <c r="Y23388">
        <v>3</v>
      </c>
      <c r="Z23388">
        <v>3</v>
      </c>
      <c r="AA23388">
        <v>3</v>
      </c>
      <c r="AB23388">
        <v>4</v>
      </c>
      <c r="AC23388">
        <v>4</v>
      </c>
      <c r="AD23388">
        <v>4</v>
      </c>
      <c r="AE23388">
        <v>4</v>
      </c>
      <c r="AF23388">
        <v>4</v>
      </c>
      <c r="AG23388">
        <v>4</v>
      </c>
      <c r="AH23388">
        <v>4</v>
      </c>
      <c r="AI23388">
        <v>4</v>
      </c>
      <c r="AJ23388">
        <v>4</v>
      </c>
      <c r="AK23388">
        <v>4</v>
      </c>
      <c r="AL23388">
        <v>4</v>
      </c>
      <c r="AM23388">
        <v>4</v>
      </c>
      <c r="AN23388">
        <v>5</v>
      </c>
      <c r="AO23388">
        <v>5</v>
      </c>
      <c r="AP23388">
        <v>5</v>
      </c>
      <c r="AQ23388">
        <v>5</v>
      </c>
    </row>
    <row r="23389" spans="1:43">
      <c r="A23389" t="s">
        <v>14483</v>
      </c>
      <c r="B23389" t="s">
        <v>14484</v>
      </c>
      <c r="C23389" t="s">
        <v>14477</v>
      </c>
      <c r="D23389" t="s">
        <v>14478</v>
      </c>
      <c r="E23389" t="s">
        <v>14307</v>
      </c>
      <c r="F23389" t="s">
        <v>14308</v>
      </c>
      <c r="G23389" t="s">
        <v>10734</v>
      </c>
      <c r="H23389" t="s">
        <v>10735</v>
      </c>
      <c r="I23389" s="2">
        <v>0</v>
      </c>
      <c r="J23389" s="2">
        <v>0</v>
      </c>
      <c r="K23389" s="2">
        <v>1</v>
      </c>
      <c r="L23389" t="s">
        <v>995</v>
      </c>
      <c r="M23389" t="s">
        <v>83</v>
      </c>
      <c r="N23389" t="s">
        <v>91</v>
      </c>
      <c r="O23389" t="s">
        <v>85</v>
      </c>
      <c r="P23389" t="s">
        <v>86</v>
      </c>
      <c r="Q23389">
        <v>2</v>
      </c>
      <c r="R23389">
        <v>3</v>
      </c>
      <c r="S23389">
        <v>3</v>
      </c>
      <c r="T23389">
        <v>3</v>
      </c>
      <c r="U23389">
        <v>3</v>
      </c>
      <c r="V23389">
        <v>3</v>
      </c>
      <c r="W23389">
        <v>3</v>
      </c>
      <c r="X23389">
        <v>3</v>
      </c>
      <c r="Y23389">
        <v>3</v>
      </c>
      <c r="Z23389">
        <v>3</v>
      </c>
      <c r="AA23389">
        <v>3</v>
      </c>
      <c r="AB23389">
        <v>3</v>
      </c>
      <c r="AC23389">
        <v>3</v>
      </c>
      <c r="AD23389">
        <v>4</v>
      </c>
      <c r="AE23389">
        <v>4</v>
      </c>
      <c r="AF23389">
        <v>4</v>
      </c>
      <c r="AG23389">
        <v>4</v>
      </c>
      <c r="AH23389">
        <v>4</v>
      </c>
      <c r="AI23389">
        <v>4</v>
      </c>
      <c r="AJ23389">
        <v>4</v>
      </c>
      <c r="AK23389">
        <v>4</v>
      </c>
      <c r="AL23389">
        <v>4</v>
      </c>
      <c r="AM23389">
        <v>4</v>
      </c>
      <c r="AN23389">
        <v>5</v>
      </c>
      <c r="AO23389">
        <v>5</v>
      </c>
      <c r="AP23389">
        <v>5</v>
      </c>
      <c r="AQ23389">
        <v>5</v>
      </c>
    </row>
    <row r="23390" spans="1:43">
      <c r="A23390" t="s">
        <v>14485</v>
      </c>
      <c r="B23390" t="s">
        <v>14486</v>
      </c>
      <c r="C23390" t="s">
        <v>14313</v>
      </c>
      <c r="D23390" t="s">
        <v>14314</v>
      </c>
      <c r="E23390" t="s">
        <v>14307</v>
      </c>
      <c r="F23390" t="s">
        <v>14308</v>
      </c>
      <c r="G23390" t="s">
        <v>10734</v>
      </c>
      <c r="H23390" t="s">
        <v>10735</v>
      </c>
      <c r="I23390" s="2">
        <v>0</v>
      </c>
      <c r="J23390" s="2">
        <v>0</v>
      </c>
      <c r="K23390" s="2">
        <v>1</v>
      </c>
      <c r="L23390" t="s">
        <v>995</v>
      </c>
      <c r="M23390" t="s">
        <v>83</v>
      </c>
      <c r="N23390" t="s">
        <v>84</v>
      </c>
      <c r="O23390" t="s">
        <v>85</v>
      </c>
      <c r="P23390" t="s">
        <v>86</v>
      </c>
      <c r="Q23390">
        <v>50</v>
      </c>
      <c r="R23390">
        <v>52</v>
      </c>
      <c r="S23390">
        <v>53</v>
      </c>
      <c r="T23390">
        <v>55</v>
      </c>
      <c r="U23390">
        <v>56</v>
      </c>
      <c r="V23390">
        <v>58</v>
      </c>
      <c r="W23390">
        <v>60</v>
      </c>
      <c r="X23390">
        <v>61</v>
      </c>
      <c r="Y23390">
        <v>63</v>
      </c>
      <c r="Z23390">
        <v>65</v>
      </c>
      <c r="AA23390">
        <v>67</v>
      </c>
      <c r="AB23390">
        <v>69</v>
      </c>
      <c r="AC23390">
        <v>70</v>
      </c>
      <c r="AD23390">
        <v>72</v>
      </c>
      <c r="AE23390">
        <v>74</v>
      </c>
      <c r="AF23390">
        <v>76</v>
      </c>
      <c r="AG23390">
        <v>78</v>
      </c>
      <c r="AH23390">
        <v>81</v>
      </c>
      <c r="AI23390">
        <v>83</v>
      </c>
      <c r="AJ23390">
        <v>85</v>
      </c>
      <c r="AK23390">
        <v>87</v>
      </c>
      <c r="AL23390">
        <v>89</v>
      </c>
      <c r="AM23390">
        <v>90</v>
      </c>
      <c r="AN23390">
        <v>92</v>
      </c>
      <c r="AO23390">
        <v>93</v>
      </c>
      <c r="AP23390">
        <v>95</v>
      </c>
      <c r="AQ23390">
        <v>96</v>
      </c>
    </row>
    <row r="23391" spans="1:43">
      <c r="A23391" t="s">
        <v>14485</v>
      </c>
      <c r="B23391" t="s">
        <v>14486</v>
      </c>
      <c r="C23391" t="s">
        <v>14313</v>
      </c>
      <c r="D23391" t="s">
        <v>14314</v>
      </c>
      <c r="E23391" t="s">
        <v>14307</v>
      </c>
      <c r="F23391" t="s">
        <v>14308</v>
      </c>
      <c r="G23391" t="s">
        <v>10734</v>
      </c>
      <c r="H23391" t="s">
        <v>10735</v>
      </c>
      <c r="I23391" s="2">
        <v>0</v>
      </c>
      <c r="J23391" s="2">
        <v>0</v>
      </c>
      <c r="K23391" s="2">
        <v>1</v>
      </c>
      <c r="L23391" t="s">
        <v>995</v>
      </c>
      <c r="M23391" t="s">
        <v>87</v>
      </c>
      <c r="N23391" t="s">
        <v>88</v>
      </c>
      <c r="O23391" t="s">
        <v>85</v>
      </c>
      <c r="P23391" t="s">
        <v>86</v>
      </c>
      <c r="Q23391">
        <v>50</v>
      </c>
      <c r="R23391">
        <v>51</v>
      </c>
      <c r="S23391">
        <v>52</v>
      </c>
      <c r="T23391">
        <v>53</v>
      </c>
      <c r="U23391">
        <v>54</v>
      </c>
      <c r="V23391">
        <v>55</v>
      </c>
      <c r="W23391">
        <v>56</v>
      </c>
      <c r="X23391">
        <v>57</v>
      </c>
      <c r="Y23391">
        <v>58</v>
      </c>
      <c r="Z23391">
        <v>60</v>
      </c>
      <c r="AA23391">
        <v>61</v>
      </c>
      <c r="AB23391">
        <v>62</v>
      </c>
      <c r="AC23391">
        <v>63</v>
      </c>
      <c r="AD23391">
        <v>64</v>
      </c>
      <c r="AE23391">
        <v>66</v>
      </c>
      <c r="AF23391">
        <v>67</v>
      </c>
      <c r="AG23391">
        <v>68</v>
      </c>
      <c r="AH23391">
        <v>70</v>
      </c>
      <c r="AI23391">
        <v>71</v>
      </c>
      <c r="AJ23391">
        <v>73</v>
      </c>
      <c r="AK23391">
        <v>74</v>
      </c>
      <c r="AL23391">
        <v>76</v>
      </c>
      <c r="AM23391">
        <v>77</v>
      </c>
      <c r="AN23391">
        <v>79</v>
      </c>
      <c r="AO23391">
        <v>80</v>
      </c>
      <c r="AP23391">
        <v>82</v>
      </c>
      <c r="AQ23391">
        <v>83</v>
      </c>
    </row>
    <row r="23392" spans="1:43">
      <c r="A23392" t="s">
        <v>14485</v>
      </c>
      <c r="B23392" t="s">
        <v>14486</v>
      </c>
      <c r="C23392" t="s">
        <v>14313</v>
      </c>
      <c r="D23392" t="s">
        <v>14314</v>
      </c>
      <c r="E23392" t="s">
        <v>14307</v>
      </c>
      <c r="F23392" t="s">
        <v>14308</v>
      </c>
      <c r="G23392" t="s">
        <v>10734</v>
      </c>
      <c r="H23392" t="s">
        <v>10735</v>
      </c>
      <c r="I23392" s="2">
        <v>0</v>
      </c>
      <c r="J23392" s="2">
        <v>0</v>
      </c>
      <c r="K23392" s="2">
        <v>1</v>
      </c>
      <c r="L23392" t="s">
        <v>995</v>
      </c>
      <c r="M23392" t="s">
        <v>89</v>
      </c>
      <c r="N23392" t="s">
        <v>90</v>
      </c>
      <c r="O23392" t="s">
        <v>85</v>
      </c>
      <c r="P23392" t="s">
        <v>86</v>
      </c>
      <c r="Q23392">
        <v>50</v>
      </c>
      <c r="R23392">
        <v>52</v>
      </c>
      <c r="S23392">
        <v>54</v>
      </c>
      <c r="T23392">
        <v>56</v>
      </c>
      <c r="U23392">
        <v>58</v>
      </c>
      <c r="V23392">
        <v>60</v>
      </c>
      <c r="W23392">
        <v>62</v>
      </c>
      <c r="X23392">
        <v>64</v>
      </c>
      <c r="Y23392">
        <v>66</v>
      </c>
      <c r="Z23392">
        <v>68</v>
      </c>
      <c r="AA23392">
        <v>70</v>
      </c>
      <c r="AB23392">
        <v>72</v>
      </c>
      <c r="AC23392">
        <v>75</v>
      </c>
      <c r="AD23392">
        <v>77</v>
      </c>
      <c r="AE23392">
        <v>79</v>
      </c>
      <c r="AF23392">
        <v>80</v>
      </c>
      <c r="AG23392">
        <v>82</v>
      </c>
      <c r="AH23392">
        <v>83</v>
      </c>
      <c r="AI23392">
        <v>84</v>
      </c>
      <c r="AJ23392">
        <v>86</v>
      </c>
      <c r="AK23392">
        <v>87</v>
      </c>
      <c r="AL23392">
        <v>89</v>
      </c>
      <c r="AM23392">
        <v>90</v>
      </c>
      <c r="AN23392">
        <v>91</v>
      </c>
      <c r="AO23392">
        <v>93</v>
      </c>
      <c r="AP23392">
        <v>94</v>
      </c>
      <c r="AQ23392">
        <v>96</v>
      </c>
    </row>
    <row r="23393" spans="1:43">
      <c r="A23393" t="s">
        <v>14485</v>
      </c>
      <c r="B23393" t="s">
        <v>14486</v>
      </c>
      <c r="C23393" t="s">
        <v>14313</v>
      </c>
      <c r="D23393" t="s">
        <v>14314</v>
      </c>
      <c r="E23393" t="s">
        <v>14307</v>
      </c>
      <c r="F23393" t="s">
        <v>14308</v>
      </c>
      <c r="G23393" t="s">
        <v>10734</v>
      </c>
      <c r="H23393" t="s">
        <v>10735</v>
      </c>
      <c r="I23393" s="2">
        <v>0</v>
      </c>
      <c r="J23393" s="2">
        <v>0</v>
      </c>
      <c r="K23393" s="2">
        <v>1</v>
      </c>
      <c r="L23393" t="s">
        <v>995</v>
      </c>
      <c r="M23393" t="s">
        <v>83</v>
      </c>
      <c r="N23393" t="s">
        <v>91</v>
      </c>
      <c r="O23393" t="s">
        <v>85</v>
      </c>
      <c r="P23393" t="s">
        <v>86</v>
      </c>
      <c r="Q23393">
        <v>50</v>
      </c>
      <c r="R23393">
        <v>52</v>
      </c>
      <c r="S23393">
        <v>53</v>
      </c>
      <c r="T23393">
        <v>55</v>
      </c>
      <c r="U23393">
        <v>56</v>
      </c>
      <c r="V23393">
        <v>58</v>
      </c>
      <c r="W23393">
        <v>60</v>
      </c>
      <c r="X23393">
        <v>61</v>
      </c>
      <c r="Y23393">
        <v>63</v>
      </c>
      <c r="Z23393">
        <v>65</v>
      </c>
      <c r="AA23393">
        <v>67</v>
      </c>
      <c r="AB23393">
        <v>69</v>
      </c>
      <c r="AC23393">
        <v>70</v>
      </c>
      <c r="AD23393">
        <v>72</v>
      </c>
      <c r="AE23393">
        <v>74</v>
      </c>
      <c r="AF23393">
        <v>76</v>
      </c>
      <c r="AG23393">
        <v>78</v>
      </c>
      <c r="AH23393">
        <v>81</v>
      </c>
      <c r="AI23393">
        <v>83</v>
      </c>
      <c r="AJ23393">
        <v>85</v>
      </c>
      <c r="AK23393">
        <v>87</v>
      </c>
      <c r="AL23393">
        <v>89</v>
      </c>
      <c r="AM23393">
        <v>90</v>
      </c>
      <c r="AN23393">
        <v>92</v>
      </c>
      <c r="AO23393">
        <v>93</v>
      </c>
      <c r="AP23393">
        <v>95</v>
      </c>
      <c r="AQ23393">
        <v>96</v>
      </c>
    </row>
    <row r="23394" spans="1:43">
      <c r="A23394" t="s">
        <v>14487</v>
      </c>
      <c r="B23394" t="s">
        <v>14488</v>
      </c>
      <c r="C23394" t="s">
        <v>14385</v>
      </c>
      <c r="D23394" t="s">
        <v>14386</v>
      </c>
      <c r="E23394" t="s">
        <v>14307</v>
      </c>
      <c r="F23394" t="s">
        <v>14308</v>
      </c>
      <c r="G23394" t="s">
        <v>10734</v>
      </c>
      <c r="H23394" t="s">
        <v>10735</v>
      </c>
      <c r="I23394" s="2">
        <v>0</v>
      </c>
      <c r="J23394" s="2">
        <v>0</v>
      </c>
      <c r="K23394" s="2">
        <v>1</v>
      </c>
      <c r="L23394" t="s">
        <v>995</v>
      </c>
      <c r="M23394" t="s">
        <v>83</v>
      </c>
      <c r="N23394" t="s">
        <v>84</v>
      </c>
      <c r="O23394" t="s">
        <v>85</v>
      </c>
      <c r="P23394" t="s">
        <v>86</v>
      </c>
      <c r="Q23394">
        <v>7</v>
      </c>
      <c r="R23394">
        <v>7</v>
      </c>
      <c r="S23394">
        <v>7</v>
      </c>
      <c r="T23394">
        <v>7</v>
      </c>
      <c r="U23394">
        <v>7</v>
      </c>
      <c r="V23394">
        <v>8</v>
      </c>
      <c r="W23394">
        <v>8</v>
      </c>
      <c r="X23394">
        <v>8</v>
      </c>
      <c r="Y23394">
        <v>8</v>
      </c>
      <c r="Z23394">
        <v>9</v>
      </c>
      <c r="AA23394">
        <v>9</v>
      </c>
      <c r="AB23394">
        <v>9</v>
      </c>
      <c r="AC23394">
        <v>9</v>
      </c>
      <c r="AD23394">
        <v>10</v>
      </c>
      <c r="AE23394">
        <v>10</v>
      </c>
      <c r="AF23394">
        <v>10</v>
      </c>
      <c r="AG23394">
        <v>10</v>
      </c>
      <c r="AH23394">
        <v>11</v>
      </c>
      <c r="AI23394">
        <v>11</v>
      </c>
      <c r="AJ23394">
        <v>11</v>
      </c>
      <c r="AK23394">
        <v>11</v>
      </c>
      <c r="AL23394">
        <v>12</v>
      </c>
      <c r="AM23394">
        <v>12</v>
      </c>
      <c r="AN23394">
        <v>12</v>
      </c>
      <c r="AO23394">
        <v>12</v>
      </c>
      <c r="AP23394">
        <v>12</v>
      </c>
      <c r="AQ23394">
        <v>13</v>
      </c>
    </row>
    <row r="23395" spans="1:43">
      <c r="A23395" t="s">
        <v>14487</v>
      </c>
      <c r="B23395" t="s">
        <v>14488</v>
      </c>
      <c r="C23395" t="s">
        <v>14385</v>
      </c>
      <c r="D23395" t="s">
        <v>14386</v>
      </c>
      <c r="E23395" t="s">
        <v>14307</v>
      </c>
      <c r="F23395" t="s">
        <v>14308</v>
      </c>
      <c r="G23395" t="s">
        <v>10734</v>
      </c>
      <c r="H23395" t="s">
        <v>10735</v>
      </c>
      <c r="I23395" s="2">
        <v>0</v>
      </c>
      <c r="J23395" s="2">
        <v>0</v>
      </c>
      <c r="K23395" s="2">
        <v>1</v>
      </c>
      <c r="L23395" t="s">
        <v>995</v>
      </c>
      <c r="M23395" t="s">
        <v>87</v>
      </c>
      <c r="N23395" t="s">
        <v>88</v>
      </c>
      <c r="O23395" t="s">
        <v>85</v>
      </c>
      <c r="P23395" t="s">
        <v>86</v>
      </c>
      <c r="Q23395">
        <v>7</v>
      </c>
      <c r="R23395">
        <v>7</v>
      </c>
      <c r="S23395">
        <v>7</v>
      </c>
      <c r="T23395">
        <v>7</v>
      </c>
      <c r="U23395">
        <v>7</v>
      </c>
      <c r="V23395">
        <v>7</v>
      </c>
      <c r="W23395">
        <v>7</v>
      </c>
      <c r="X23395">
        <v>8</v>
      </c>
      <c r="Y23395">
        <v>8</v>
      </c>
      <c r="Z23395">
        <v>8</v>
      </c>
      <c r="AA23395">
        <v>8</v>
      </c>
      <c r="AB23395">
        <v>8</v>
      </c>
      <c r="AC23395">
        <v>8</v>
      </c>
      <c r="AD23395">
        <v>8</v>
      </c>
      <c r="AE23395">
        <v>9</v>
      </c>
      <c r="AF23395">
        <v>9</v>
      </c>
      <c r="AG23395">
        <v>9</v>
      </c>
      <c r="AH23395">
        <v>9</v>
      </c>
      <c r="AI23395">
        <v>9</v>
      </c>
      <c r="AJ23395">
        <v>10</v>
      </c>
      <c r="AK23395">
        <v>10</v>
      </c>
      <c r="AL23395">
        <v>10</v>
      </c>
      <c r="AM23395">
        <v>10</v>
      </c>
      <c r="AN23395">
        <v>10</v>
      </c>
      <c r="AO23395">
        <v>11</v>
      </c>
      <c r="AP23395">
        <v>11</v>
      </c>
      <c r="AQ23395">
        <v>11</v>
      </c>
    </row>
    <row r="23396" spans="1:43">
      <c r="A23396" t="s">
        <v>14487</v>
      </c>
      <c r="B23396" t="s">
        <v>14488</v>
      </c>
      <c r="C23396" t="s">
        <v>14385</v>
      </c>
      <c r="D23396" t="s">
        <v>14386</v>
      </c>
      <c r="E23396" t="s">
        <v>14307</v>
      </c>
      <c r="F23396" t="s">
        <v>14308</v>
      </c>
      <c r="G23396" t="s">
        <v>10734</v>
      </c>
      <c r="H23396" t="s">
        <v>10735</v>
      </c>
      <c r="I23396" s="2">
        <v>0</v>
      </c>
      <c r="J23396" s="2">
        <v>0</v>
      </c>
      <c r="K23396" s="2">
        <v>1</v>
      </c>
      <c r="L23396" t="s">
        <v>995</v>
      </c>
      <c r="M23396" t="s">
        <v>89</v>
      </c>
      <c r="N23396" t="s">
        <v>90</v>
      </c>
      <c r="O23396" t="s">
        <v>85</v>
      </c>
      <c r="P23396" t="s">
        <v>86</v>
      </c>
      <c r="Q23396">
        <v>7</v>
      </c>
      <c r="R23396">
        <v>7</v>
      </c>
      <c r="S23396">
        <v>7</v>
      </c>
      <c r="T23396">
        <v>7</v>
      </c>
      <c r="U23396">
        <v>8</v>
      </c>
      <c r="V23396">
        <v>8</v>
      </c>
      <c r="W23396">
        <v>8</v>
      </c>
      <c r="X23396">
        <v>9</v>
      </c>
      <c r="Y23396">
        <v>9</v>
      </c>
      <c r="Z23396">
        <v>9</v>
      </c>
      <c r="AA23396">
        <v>9</v>
      </c>
      <c r="AB23396">
        <v>10</v>
      </c>
      <c r="AC23396">
        <v>10</v>
      </c>
      <c r="AD23396">
        <v>10</v>
      </c>
      <c r="AE23396">
        <v>10</v>
      </c>
      <c r="AF23396">
        <v>11</v>
      </c>
      <c r="AG23396">
        <v>11</v>
      </c>
      <c r="AH23396">
        <v>11</v>
      </c>
      <c r="AI23396">
        <v>11</v>
      </c>
      <c r="AJ23396">
        <v>11</v>
      </c>
      <c r="AK23396">
        <v>12</v>
      </c>
      <c r="AL23396">
        <v>12</v>
      </c>
      <c r="AM23396">
        <v>12</v>
      </c>
      <c r="AN23396">
        <v>12</v>
      </c>
      <c r="AO23396">
        <v>12</v>
      </c>
      <c r="AP23396">
        <v>13</v>
      </c>
      <c r="AQ23396">
        <v>13</v>
      </c>
    </row>
    <row r="23397" spans="1:43">
      <c r="A23397" t="s">
        <v>14487</v>
      </c>
      <c r="B23397" t="s">
        <v>14488</v>
      </c>
      <c r="C23397" t="s">
        <v>14385</v>
      </c>
      <c r="D23397" t="s">
        <v>14386</v>
      </c>
      <c r="E23397" t="s">
        <v>14307</v>
      </c>
      <c r="F23397" t="s">
        <v>14308</v>
      </c>
      <c r="G23397" t="s">
        <v>10734</v>
      </c>
      <c r="H23397" t="s">
        <v>10735</v>
      </c>
      <c r="I23397" s="2">
        <v>0</v>
      </c>
      <c r="J23397" s="2">
        <v>0</v>
      </c>
      <c r="K23397" s="2">
        <v>1</v>
      </c>
      <c r="L23397" t="s">
        <v>995</v>
      </c>
      <c r="M23397" t="s">
        <v>83</v>
      </c>
      <c r="N23397" t="s">
        <v>91</v>
      </c>
      <c r="O23397" t="s">
        <v>85</v>
      </c>
      <c r="P23397" t="s">
        <v>86</v>
      </c>
      <c r="Q23397">
        <v>7</v>
      </c>
      <c r="R23397">
        <v>7</v>
      </c>
      <c r="S23397">
        <v>7</v>
      </c>
      <c r="T23397">
        <v>7</v>
      </c>
      <c r="U23397">
        <v>7</v>
      </c>
      <c r="V23397">
        <v>8</v>
      </c>
      <c r="W23397">
        <v>8</v>
      </c>
      <c r="X23397">
        <v>8</v>
      </c>
      <c r="Y23397">
        <v>8</v>
      </c>
      <c r="Z23397">
        <v>9</v>
      </c>
      <c r="AA23397">
        <v>9</v>
      </c>
      <c r="AB23397">
        <v>9</v>
      </c>
      <c r="AC23397">
        <v>9</v>
      </c>
      <c r="AD23397">
        <v>10</v>
      </c>
      <c r="AE23397">
        <v>10</v>
      </c>
      <c r="AF23397">
        <v>10</v>
      </c>
      <c r="AG23397">
        <v>10</v>
      </c>
      <c r="AH23397">
        <v>11</v>
      </c>
      <c r="AI23397">
        <v>11</v>
      </c>
      <c r="AJ23397">
        <v>11</v>
      </c>
      <c r="AK23397">
        <v>11</v>
      </c>
      <c r="AL23397">
        <v>12</v>
      </c>
      <c r="AM23397">
        <v>12</v>
      </c>
      <c r="AN23397">
        <v>12</v>
      </c>
      <c r="AO23397">
        <v>12</v>
      </c>
      <c r="AP23397">
        <v>12</v>
      </c>
      <c r="AQ23397">
        <v>13</v>
      </c>
    </row>
    <row r="23398" spans="1:43">
      <c r="A23398" t="s">
        <v>14489</v>
      </c>
      <c r="B23398" t="s">
        <v>14490</v>
      </c>
      <c r="C23398" t="s">
        <v>14491</v>
      </c>
      <c r="D23398" t="s">
        <v>14492</v>
      </c>
      <c r="E23398" t="s">
        <v>14307</v>
      </c>
      <c r="F23398" t="s">
        <v>14308</v>
      </c>
      <c r="G23398" t="s">
        <v>10734</v>
      </c>
      <c r="H23398" t="s">
        <v>10735</v>
      </c>
      <c r="I23398" s="2">
        <v>0</v>
      </c>
      <c r="J23398" s="2">
        <v>0</v>
      </c>
      <c r="K23398" s="2">
        <v>1</v>
      </c>
      <c r="L23398" t="s">
        <v>995</v>
      </c>
      <c r="M23398" t="s">
        <v>83</v>
      </c>
      <c r="N23398" t="s">
        <v>84</v>
      </c>
      <c r="O23398" t="s">
        <v>85</v>
      </c>
      <c r="P23398" t="s">
        <v>86</v>
      </c>
      <c r="Q23398">
        <v>77</v>
      </c>
      <c r="R23398">
        <v>79</v>
      </c>
      <c r="S23398">
        <v>82</v>
      </c>
      <c r="T23398">
        <v>84</v>
      </c>
      <c r="U23398">
        <v>87</v>
      </c>
      <c r="V23398">
        <v>89</v>
      </c>
      <c r="W23398">
        <v>92</v>
      </c>
      <c r="X23398">
        <v>94</v>
      </c>
      <c r="Y23398">
        <v>97</v>
      </c>
      <c r="Z23398">
        <v>100</v>
      </c>
      <c r="AA23398">
        <v>103</v>
      </c>
      <c r="AB23398">
        <v>105</v>
      </c>
      <c r="AC23398">
        <v>108</v>
      </c>
      <c r="AD23398">
        <v>111</v>
      </c>
      <c r="AE23398">
        <v>114</v>
      </c>
      <c r="AF23398">
        <v>117</v>
      </c>
      <c r="AG23398">
        <v>120</v>
      </c>
      <c r="AH23398">
        <v>124</v>
      </c>
      <c r="AI23398">
        <v>127</v>
      </c>
      <c r="AJ23398">
        <v>130</v>
      </c>
      <c r="AK23398">
        <v>133</v>
      </c>
      <c r="AL23398">
        <v>136</v>
      </c>
      <c r="AM23398">
        <v>138</v>
      </c>
      <c r="AN23398">
        <v>141</v>
      </c>
      <c r="AO23398">
        <v>143</v>
      </c>
      <c r="AP23398">
        <v>146</v>
      </c>
      <c r="AQ23398">
        <v>148</v>
      </c>
    </row>
    <row r="23399" spans="1:43">
      <c r="A23399" t="s">
        <v>14489</v>
      </c>
      <c r="B23399" t="s">
        <v>14490</v>
      </c>
      <c r="C23399" t="s">
        <v>14491</v>
      </c>
      <c r="D23399" t="s">
        <v>14492</v>
      </c>
      <c r="E23399" t="s">
        <v>14307</v>
      </c>
      <c r="F23399" t="s">
        <v>14308</v>
      </c>
      <c r="G23399" t="s">
        <v>10734</v>
      </c>
      <c r="H23399" t="s">
        <v>10735</v>
      </c>
      <c r="I23399" s="2">
        <v>0</v>
      </c>
      <c r="J23399" s="2">
        <v>0</v>
      </c>
      <c r="K23399" s="2">
        <v>1</v>
      </c>
      <c r="L23399" t="s">
        <v>995</v>
      </c>
      <c r="M23399" t="s">
        <v>87</v>
      </c>
      <c r="N23399" t="s">
        <v>88</v>
      </c>
      <c r="O23399" t="s">
        <v>85</v>
      </c>
      <c r="P23399" t="s">
        <v>86</v>
      </c>
      <c r="Q23399">
        <v>77</v>
      </c>
      <c r="R23399">
        <v>79</v>
      </c>
      <c r="S23399">
        <v>80</v>
      </c>
      <c r="T23399">
        <v>82</v>
      </c>
      <c r="U23399">
        <v>84</v>
      </c>
      <c r="V23399">
        <v>85</v>
      </c>
      <c r="W23399">
        <v>87</v>
      </c>
      <c r="X23399">
        <v>89</v>
      </c>
      <c r="Y23399">
        <v>91</v>
      </c>
      <c r="Z23399">
        <v>93</v>
      </c>
      <c r="AA23399">
        <v>94</v>
      </c>
      <c r="AB23399">
        <v>96</v>
      </c>
      <c r="AC23399">
        <v>98</v>
      </c>
      <c r="AD23399">
        <v>100</v>
      </c>
      <c r="AE23399">
        <v>102</v>
      </c>
      <c r="AF23399">
        <v>104</v>
      </c>
      <c r="AG23399">
        <v>106</v>
      </c>
      <c r="AH23399">
        <v>108</v>
      </c>
      <c r="AI23399">
        <v>111</v>
      </c>
      <c r="AJ23399">
        <v>113</v>
      </c>
      <c r="AK23399">
        <v>115</v>
      </c>
      <c r="AL23399">
        <v>117</v>
      </c>
      <c r="AM23399">
        <v>120</v>
      </c>
      <c r="AN23399">
        <v>122</v>
      </c>
      <c r="AO23399">
        <v>125</v>
      </c>
      <c r="AP23399">
        <v>127</v>
      </c>
      <c r="AQ23399">
        <v>129</v>
      </c>
    </row>
    <row r="23400" spans="1:43">
      <c r="A23400" t="s">
        <v>14489</v>
      </c>
      <c r="B23400" t="s">
        <v>14490</v>
      </c>
      <c r="C23400" t="s">
        <v>14491</v>
      </c>
      <c r="D23400" t="s">
        <v>14492</v>
      </c>
      <c r="E23400" t="s">
        <v>14307</v>
      </c>
      <c r="F23400" t="s">
        <v>14308</v>
      </c>
      <c r="G23400" t="s">
        <v>10734</v>
      </c>
      <c r="H23400" t="s">
        <v>10735</v>
      </c>
      <c r="I23400" s="2">
        <v>0</v>
      </c>
      <c r="J23400" s="2">
        <v>0</v>
      </c>
      <c r="K23400" s="2">
        <v>1</v>
      </c>
      <c r="L23400" t="s">
        <v>995</v>
      </c>
      <c r="M23400" t="s">
        <v>89</v>
      </c>
      <c r="N23400" t="s">
        <v>90</v>
      </c>
      <c r="O23400" t="s">
        <v>85</v>
      </c>
      <c r="P23400" t="s">
        <v>86</v>
      </c>
      <c r="Q23400">
        <v>77</v>
      </c>
      <c r="R23400">
        <v>80</v>
      </c>
      <c r="S23400">
        <v>83</v>
      </c>
      <c r="T23400">
        <v>86</v>
      </c>
      <c r="U23400">
        <v>89</v>
      </c>
      <c r="V23400">
        <v>92</v>
      </c>
      <c r="W23400">
        <v>95</v>
      </c>
      <c r="X23400">
        <v>99</v>
      </c>
      <c r="Y23400">
        <v>102</v>
      </c>
      <c r="Z23400">
        <v>105</v>
      </c>
      <c r="AA23400">
        <v>108</v>
      </c>
      <c r="AB23400">
        <v>111</v>
      </c>
      <c r="AC23400">
        <v>115</v>
      </c>
      <c r="AD23400">
        <v>118</v>
      </c>
      <c r="AE23400">
        <v>121</v>
      </c>
      <c r="AF23400">
        <v>123</v>
      </c>
      <c r="AG23400">
        <v>126</v>
      </c>
      <c r="AH23400">
        <v>128</v>
      </c>
      <c r="AI23400">
        <v>130</v>
      </c>
      <c r="AJ23400">
        <v>132</v>
      </c>
      <c r="AK23400">
        <v>135</v>
      </c>
      <c r="AL23400">
        <v>137</v>
      </c>
      <c r="AM23400">
        <v>139</v>
      </c>
      <c r="AN23400">
        <v>142</v>
      </c>
      <c r="AO23400">
        <v>144</v>
      </c>
      <c r="AP23400">
        <v>146</v>
      </c>
      <c r="AQ23400">
        <v>149</v>
      </c>
    </row>
    <row r="23401" spans="1:43">
      <c r="A23401" t="s">
        <v>14489</v>
      </c>
      <c r="B23401" t="s">
        <v>14490</v>
      </c>
      <c r="C23401" t="s">
        <v>14491</v>
      </c>
      <c r="D23401" t="s">
        <v>14492</v>
      </c>
      <c r="E23401" t="s">
        <v>14307</v>
      </c>
      <c r="F23401" t="s">
        <v>14308</v>
      </c>
      <c r="G23401" t="s">
        <v>10734</v>
      </c>
      <c r="H23401" t="s">
        <v>10735</v>
      </c>
      <c r="I23401" s="2">
        <v>0</v>
      </c>
      <c r="J23401" s="2">
        <v>0</v>
      </c>
      <c r="K23401" s="2">
        <v>1</v>
      </c>
      <c r="L23401" t="s">
        <v>995</v>
      </c>
      <c r="M23401" t="s">
        <v>83</v>
      </c>
      <c r="N23401" t="s">
        <v>91</v>
      </c>
      <c r="O23401" t="s">
        <v>85</v>
      </c>
      <c r="P23401" t="s">
        <v>86</v>
      </c>
      <c r="Q23401">
        <v>77</v>
      </c>
      <c r="R23401">
        <v>79</v>
      </c>
      <c r="S23401">
        <v>82</v>
      </c>
      <c r="T23401">
        <v>84</v>
      </c>
      <c r="U23401">
        <v>87</v>
      </c>
      <c r="V23401">
        <v>89</v>
      </c>
      <c r="W23401">
        <v>92</v>
      </c>
      <c r="X23401">
        <v>94</v>
      </c>
      <c r="Y23401">
        <v>97</v>
      </c>
      <c r="Z23401">
        <v>100</v>
      </c>
      <c r="AA23401">
        <v>103</v>
      </c>
      <c r="AB23401">
        <v>105</v>
      </c>
      <c r="AC23401">
        <v>108</v>
      </c>
      <c r="AD23401">
        <v>111</v>
      </c>
      <c r="AE23401">
        <v>114</v>
      </c>
      <c r="AF23401">
        <v>117</v>
      </c>
      <c r="AG23401">
        <v>120</v>
      </c>
      <c r="AH23401">
        <v>124</v>
      </c>
      <c r="AI23401">
        <v>127</v>
      </c>
      <c r="AJ23401">
        <v>130</v>
      </c>
      <c r="AK23401">
        <v>133</v>
      </c>
      <c r="AL23401">
        <v>136</v>
      </c>
      <c r="AM23401">
        <v>138</v>
      </c>
      <c r="AN23401">
        <v>141</v>
      </c>
      <c r="AO23401">
        <v>143</v>
      </c>
      <c r="AP23401">
        <v>146</v>
      </c>
      <c r="AQ23401">
        <v>148</v>
      </c>
    </row>
    <row r="23402" spans="1:43">
      <c r="A23402" t="s">
        <v>14493</v>
      </c>
      <c r="B23402" t="s">
        <v>14494</v>
      </c>
      <c r="C23402" t="s">
        <v>14491</v>
      </c>
      <c r="D23402" t="s">
        <v>14492</v>
      </c>
      <c r="E23402" t="s">
        <v>14307</v>
      </c>
      <c r="F23402" t="s">
        <v>14308</v>
      </c>
      <c r="G23402" t="s">
        <v>10734</v>
      </c>
      <c r="H23402" t="s">
        <v>10735</v>
      </c>
      <c r="I23402" s="2">
        <v>0</v>
      </c>
      <c r="J23402" s="2">
        <v>0</v>
      </c>
      <c r="K23402" s="2">
        <v>1</v>
      </c>
      <c r="L23402" t="s">
        <v>995</v>
      </c>
      <c r="M23402" t="s">
        <v>83</v>
      </c>
      <c r="N23402" t="s">
        <v>84</v>
      </c>
      <c r="O23402" t="s">
        <v>85</v>
      </c>
      <c r="P23402" t="s">
        <v>86</v>
      </c>
      <c r="Q23402">
        <v>123</v>
      </c>
      <c r="R23402">
        <v>127</v>
      </c>
      <c r="S23402">
        <v>130</v>
      </c>
      <c r="T23402">
        <v>134</v>
      </c>
      <c r="U23402">
        <v>138</v>
      </c>
      <c r="V23402">
        <v>142</v>
      </c>
      <c r="W23402">
        <v>146</v>
      </c>
      <c r="X23402">
        <v>151</v>
      </c>
      <c r="Y23402">
        <v>155</v>
      </c>
      <c r="Z23402">
        <v>159</v>
      </c>
      <c r="AA23402">
        <v>164</v>
      </c>
      <c r="AB23402">
        <v>168</v>
      </c>
      <c r="AC23402">
        <v>173</v>
      </c>
      <c r="AD23402">
        <v>178</v>
      </c>
      <c r="AE23402">
        <v>182</v>
      </c>
      <c r="AF23402">
        <v>187</v>
      </c>
      <c r="AG23402">
        <v>192</v>
      </c>
      <c r="AH23402">
        <v>197</v>
      </c>
      <c r="AI23402">
        <v>202</v>
      </c>
      <c r="AJ23402">
        <v>208</v>
      </c>
      <c r="AK23402">
        <v>213</v>
      </c>
      <c r="AL23402">
        <v>217</v>
      </c>
      <c r="AM23402">
        <v>221</v>
      </c>
      <c r="AN23402">
        <v>225</v>
      </c>
      <c r="AO23402">
        <v>229</v>
      </c>
      <c r="AP23402">
        <v>233</v>
      </c>
      <c r="AQ23402">
        <v>237</v>
      </c>
    </row>
    <row r="23403" spans="1:43">
      <c r="A23403" t="s">
        <v>14493</v>
      </c>
      <c r="B23403" t="s">
        <v>14494</v>
      </c>
      <c r="C23403" t="s">
        <v>14491</v>
      </c>
      <c r="D23403" t="s">
        <v>14492</v>
      </c>
      <c r="E23403" t="s">
        <v>14307</v>
      </c>
      <c r="F23403" t="s">
        <v>14308</v>
      </c>
      <c r="G23403" t="s">
        <v>10734</v>
      </c>
      <c r="H23403" t="s">
        <v>10735</v>
      </c>
      <c r="I23403" s="2">
        <v>0</v>
      </c>
      <c r="J23403" s="2">
        <v>0</v>
      </c>
      <c r="K23403" s="2">
        <v>1</v>
      </c>
      <c r="L23403" t="s">
        <v>995</v>
      </c>
      <c r="M23403" t="s">
        <v>87</v>
      </c>
      <c r="N23403" t="s">
        <v>88</v>
      </c>
      <c r="O23403" t="s">
        <v>85</v>
      </c>
      <c r="P23403" t="s">
        <v>86</v>
      </c>
      <c r="Q23403">
        <v>123</v>
      </c>
      <c r="R23403">
        <v>125</v>
      </c>
      <c r="S23403">
        <v>128</v>
      </c>
      <c r="T23403">
        <v>131</v>
      </c>
      <c r="U23403">
        <v>133</v>
      </c>
      <c r="V23403">
        <v>136</v>
      </c>
      <c r="W23403">
        <v>139</v>
      </c>
      <c r="X23403">
        <v>141</v>
      </c>
      <c r="Y23403">
        <v>144</v>
      </c>
      <c r="Z23403">
        <v>147</v>
      </c>
      <c r="AA23403">
        <v>150</v>
      </c>
      <c r="AB23403">
        <v>153</v>
      </c>
      <c r="AC23403">
        <v>156</v>
      </c>
      <c r="AD23403">
        <v>159</v>
      </c>
      <c r="AE23403">
        <v>163</v>
      </c>
      <c r="AF23403">
        <v>166</v>
      </c>
      <c r="AG23403">
        <v>169</v>
      </c>
      <c r="AH23403">
        <v>173</v>
      </c>
      <c r="AI23403">
        <v>176</v>
      </c>
      <c r="AJ23403">
        <v>180</v>
      </c>
      <c r="AK23403">
        <v>183</v>
      </c>
      <c r="AL23403">
        <v>187</v>
      </c>
      <c r="AM23403">
        <v>191</v>
      </c>
      <c r="AN23403">
        <v>194</v>
      </c>
      <c r="AO23403">
        <v>198</v>
      </c>
      <c r="AP23403">
        <v>202</v>
      </c>
      <c r="AQ23403">
        <v>206</v>
      </c>
    </row>
    <row r="23404" spans="1:43">
      <c r="A23404" t="s">
        <v>14493</v>
      </c>
      <c r="B23404" t="s">
        <v>14494</v>
      </c>
      <c r="C23404" t="s">
        <v>14491</v>
      </c>
      <c r="D23404" t="s">
        <v>14492</v>
      </c>
      <c r="E23404" t="s">
        <v>14307</v>
      </c>
      <c r="F23404" t="s">
        <v>14308</v>
      </c>
      <c r="G23404" t="s">
        <v>10734</v>
      </c>
      <c r="H23404" t="s">
        <v>10735</v>
      </c>
      <c r="I23404" s="2">
        <v>0</v>
      </c>
      <c r="J23404" s="2">
        <v>0</v>
      </c>
      <c r="K23404" s="2">
        <v>1</v>
      </c>
      <c r="L23404" t="s">
        <v>995</v>
      </c>
      <c r="M23404" t="s">
        <v>89</v>
      </c>
      <c r="N23404" t="s">
        <v>90</v>
      </c>
      <c r="O23404" t="s">
        <v>85</v>
      </c>
      <c r="P23404" t="s">
        <v>86</v>
      </c>
      <c r="Q23404">
        <v>123</v>
      </c>
      <c r="R23404">
        <v>128</v>
      </c>
      <c r="S23404">
        <v>133</v>
      </c>
      <c r="T23404">
        <v>138</v>
      </c>
      <c r="U23404">
        <v>143</v>
      </c>
      <c r="V23404">
        <v>148</v>
      </c>
      <c r="W23404">
        <v>153</v>
      </c>
      <c r="X23404">
        <v>158</v>
      </c>
      <c r="Y23404">
        <v>163</v>
      </c>
      <c r="Z23404">
        <v>168</v>
      </c>
      <c r="AA23404">
        <v>173</v>
      </c>
      <c r="AB23404">
        <v>178</v>
      </c>
      <c r="AC23404">
        <v>184</v>
      </c>
      <c r="AD23404">
        <v>189</v>
      </c>
      <c r="AE23404">
        <v>194</v>
      </c>
      <c r="AF23404">
        <v>198</v>
      </c>
      <c r="AG23404">
        <v>201</v>
      </c>
      <c r="AH23404">
        <v>205</v>
      </c>
      <c r="AI23404">
        <v>208</v>
      </c>
      <c r="AJ23404">
        <v>212</v>
      </c>
      <c r="AK23404">
        <v>216</v>
      </c>
      <c r="AL23404">
        <v>219</v>
      </c>
      <c r="AM23404">
        <v>223</v>
      </c>
      <c r="AN23404">
        <v>227</v>
      </c>
      <c r="AO23404">
        <v>231</v>
      </c>
      <c r="AP23404">
        <v>234</v>
      </c>
      <c r="AQ23404">
        <v>238</v>
      </c>
    </row>
    <row r="23405" spans="1:43">
      <c r="A23405" t="s">
        <v>14493</v>
      </c>
      <c r="B23405" t="s">
        <v>14494</v>
      </c>
      <c r="C23405" t="s">
        <v>14491</v>
      </c>
      <c r="D23405" t="s">
        <v>14492</v>
      </c>
      <c r="E23405" t="s">
        <v>14307</v>
      </c>
      <c r="F23405" t="s">
        <v>14308</v>
      </c>
      <c r="G23405" t="s">
        <v>10734</v>
      </c>
      <c r="H23405" t="s">
        <v>10735</v>
      </c>
      <c r="I23405" s="2">
        <v>0</v>
      </c>
      <c r="J23405" s="2">
        <v>0</v>
      </c>
      <c r="K23405" s="2">
        <v>1</v>
      </c>
      <c r="L23405" t="s">
        <v>995</v>
      </c>
      <c r="M23405" t="s">
        <v>83</v>
      </c>
      <c r="N23405" t="s">
        <v>91</v>
      </c>
      <c r="O23405" t="s">
        <v>85</v>
      </c>
      <c r="P23405" t="s">
        <v>86</v>
      </c>
      <c r="Q23405">
        <v>123</v>
      </c>
      <c r="R23405">
        <v>127</v>
      </c>
      <c r="S23405">
        <v>130</v>
      </c>
      <c r="T23405">
        <v>134</v>
      </c>
      <c r="U23405">
        <v>138</v>
      </c>
      <c r="V23405">
        <v>142</v>
      </c>
      <c r="W23405">
        <v>146</v>
      </c>
      <c r="X23405">
        <v>151</v>
      </c>
      <c r="Y23405">
        <v>155</v>
      </c>
      <c r="Z23405">
        <v>159</v>
      </c>
      <c r="AA23405">
        <v>164</v>
      </c>
      <c r="AB23405">
        <v>168</v>
      </c>
      <c r="AC23405">
        <v>173</v>
      </c>
      <c r="AD23405">
        <v>178</v>
      </c>
      <c r="AE23405">
        <v>182</v>
      </c>
      <c r="AF23405">
        <v>187</v>
      </c>
      <c r="AG23405">
        <v>192</v>
      </c>
      <c r="AH23405">
        <v>197</v>
      </c>
      <c r="AI23405">
        <v>202</v>
      </c>
      <c r="AJ23405">
        <v>208</v>
      </c>
      <c r="AK23405">
        <v>213</v>
      </c>
      <c r="AL23405">
        <v>217</v>
      </c>
      <c r="AM23405">
        <v>221</v>
      </c>
      <c r="AN23405">
        <v>225</v>
      </c>
      <c r="AO23405">
        <v>229</v>
      </c>
      <c r="AP23405">
        <v>233</v>
      </c>
      <c r="AQ23405">
        <v>237</v>
      </c>
    </row>
    <row r="23406" spans="1:43">
      <c r="A23406" t="s">
        <v>14495</v>
      </c>
      <c r="B23406" t="s">
        <v>14496</v>
      </c>
      <c r="C23406" t="s">
        <v>14497</v>
      </c>
      <c r="D23406" t="s">
        <v>14498</v>
      </c>
      <c r="E23406" t="s">
        <v>14307</v>
      </c>
      <c r="F23406" t="s">
        <v>14308</v>
      </c>
      <c r="G23406" t="s">
        <v>10734</v>
      </c>
      <c r="H23406" t="s">
        <v>10735</v>
      </c>
      <c r="I23406" s="2">
        <v>0</v>
      </c>
      <c r="J23406" s="2">
        <v>0</v>
      </c>
      <c r="K23406" s="2">
        <v>1</v>
      </c>
      <c r="L23406" t="s">
        <v>995</v>
      </c>
      <c r="M23406" t="s">
        <v>83</v>
      </c>
      <c r="N23406" t="s">
        <v>84</v>
      </c>
      <c r="O23406" t="s">
        <v>85</v>
      </c>
      <c r="P23406" t="s">
        <v>86</v>
      </c>
      <c r="Q23406">
        <v>14</v>
      </c>
      <c r="R23406">
        <v>14</v>
      </c>
      <c r="S23406">
        <v>14</v>
      </c>
      <c r="T23406">
        <v>15</v>
      </c>
      <c r="U23406">
        <v>15</v>
      </c>
      <c r="V23406">
        <v>16</v>
      </c>
      <c r="W23406">
        <v>16</v>
      </c>
      <c r="X23406">
        <v>17</v>
      </c>
      <c r="Y23406">
        <v>17</v>
      </c>
      <c r="Z23406">
        <v>18</v>
      </c>
      <c r="AA23406">
        <v>18</v>
      </c>
      <c r="AB23406">
        <v>19</v>
      </c>
      <c r="AC23406">
        <v>19</v>
      </c>
      <c r="AD23406">
        <v>20</v>
      </c>
      <c r="AE23406">
        <v>20</v>
      </c>
      <c r="AF23406">
        <v>21</v>
      </c>
      <c r="AG23406">
        <v>21</v>
      </c>
      <c r="AH23406">
        <v>22</v>
      </c>
      <c r="AI23406">
        <v>22</v>
      </c>
      <c r="AJ23406">
        <v>23</v>
      </c>
      <c r="AK23406">
        <v>23</v>
      </c>
      <c r="AL23406">
        <v>24</v>
      </c>
      <c r="AM23406">
        <v>24</v>
      </c>
      <c r="AN23406">
        <v>25</v>
      </c>
      <c r="AO23406">
        <v>25</v>
      </c>
      <c r="AP23406">
        <v>25</v>
      </c>
      <c r="AQ23406">
        <v>26</v>
      </c>
    </row>
    <row r="23407" spans="1:43">
      <c r="A23407" t="s">
        <v>14495</v>
      </c>
      <c r="B23407" t="s">
        <v>14496</v>
      </c>
      <c r="C23407" t="s">
        <v>14497</v>
      </c>
      <c r="D23407" t="s">
        <v>14498</v>
      </c>
      <c r="E23407" t="s">
        <v>14307</v>
      </c>
      <c r="F23407" t="s">
        <v>14308</v>
      </c>
      <c r="G23407" t="s">
        <v>10734</v>
      </c>
      <c r="H23407" t="s">
        <v>10735</v>
      </c>
      <c r="I23407" s="2">
        <v>0</v>
      </c>
      <c r="J23407" s="2">
        <v>0</v>
      </c>
      <c r="K23407" s="2">
        <v>1</v>
      </c>
      <c r="L23407" t="s">
        <v>995</v>
      </c>
      <c r="M23407" t="s">
        <v>87</v>
      </c>
      <c r="N23407" t="s">
        <v>88</v>
      </c>
      <c r="O23407" t="s">
        <v>85</v>
      </c>
      <c r="P23407" t="s">
        <v>86</v>
      </c>
      <c r="Q23407">
        <v>14</v>
      </c>
      <c r="R23407">
        <v>15</v>
      </c>
      <c r="S23407">
        <v>15</v>
      </c>
      <c r="T23407">
        <v>15</v>
      </c>
      <c r="U23407">
        <v>16</v>
      </c>
      <c r="V23407">
        <v>16</v>
      </c>
      <c r="W23407">
        <v>16</v>
      </c>
      <c r="X23407">
        <v>16</v>
      </c>
      <c r="Y23407">
        <v>17</v>
      </c>
      <c r="Z23407">
        <v>17</v>
      </c>
      <c r="AA23407">
        <v>17</v>
      </c>
      <c r="AB23407">
        <v>18</v>
      </c>
      <c r="AC23407">
        <v>18</v>
      </c>
      <c r="AD23407">
        <v>18</v>
      </c>
      <c r="AE23407">
        <v>19</v>
      </c>
      <c r="AF23407">
        <v>19</v>
      </c>
      <c r="AG23407">
        <v>20</v>
      </c>
      <c r="AH23407">
        <v>20</v>
      </c>
      <c r="AI23407">
        <v>20</v>
      </c>
      <c r="AJ23407">
        <v>21</v>
      </c>
      <c r="AK23407">
        <v>21</v>
      </c>
      <c r="AL23407">
        <v>21</v>
      </c>
      <c r="AM23407">
        <v>22</v>
      </c>
      <c r="AN23407">
        <v>22</v>
      </c>
      <c r="AO23407">
        <v>23</v>
      </c>
      <c r="AP23407">
        <v>23</v>
      </c>
      <c r="AQ23407">
        <v>24</v>
      </c>
    </row>
    <row r="23408" spans="1:43">
      <c r="A23408" t="s">
        <v>14495</v>
      </c>
      <c r="B23408" t="s">
        <v>14496</v>
      </c>
      <c r="C23408" t="s">
        <v>14497</v>
      </c>
      <c r="D23408" t="s">
        <v>14498</v>
      </c>
      <c r="E23408" t="s">
        <v>14307</v>
      </c>
      <c r="F23408" t="s">
        <v>14308</v>
      </c>
      <c r="G23408" t="s">
        <v>10734</v>
      </c>
      <c r="H23408" t="s">
        <v>10735</v>
      </c>
      <c r="I23408" s="2">
        <v>0</v>
      </c>
      <c r="J23408" s="2">
        <v>0</v>
      </c>
      <c r="K23408" s="2">
        <v>1</v>
      </c>
      <c r="L23408" t="s">
        <v>995</v>
      </c>
      <c r="M23408" t="s">
        <v>89</v>
      </c>
      <c r="N23408" t="s">
        <v>90</v>
      </c>
      <c r="O23408" t="s">
        <v>85</v>
      </c>
      <c r="P23408" t="s">
        <v>86</v>
      </c>
      <c r="Q23408">
        <v>14</v>
      </c>
      <c r="R23408">
        <v>14</v>
      </c>
      <c r="S23408">
        <v>15</v>
      </c>
      <c r="T23408">
        <v>15</v>
      </c>
      <c r="U23408">
        <v>16</v>
      </c>
      <c r="V23408">
        <v>16</v>
      </c>
      <c r="W23408">
        <v>17</v>
      </c>
      <c r="X23408">
        <v>18</v>
      </c>
      <c r="Y23408">
        <v>18</v>
      </c>
      <c r="Z23408">
        <v>19</v>
      </c>
      <c r="AA23408">
        <v>19</v>
      </c>
      <c r="AB23408">
        <v>20</v>
      </c>
      <c r="AC23408">
        <v>20</v>
      </c>
      <c r="AD23408">
        <v>21</v>
      </c>
      <c r="AE23408">
        <v>21</v>
      </c>
      <c r="AF23408">
        <v>22</v>
      </c>
      <c r="AG23408">
        <v>22</v>
      </c>
      <c r="AH23408">
        <v>23</v>
      </c>
      <c r="AI23408">
        <v>23</v>
      </c>
      <c r="AJ23408">
        <v>23</v>
      </c>
      <c r="AK23408">
        <v>24</v>
      </c>
      <c r="AL23408">
        <v>24</v>
      </c>
      <c r="AM23408">
        <v>24</v>
      </c>
      <c r="AN23408">
        <v>25</v>
      </c>
      <c r="AO23408">
        <v>25</v>
      </c>
      <c r="AP23408">
        <v>26</v>
      </c>
      <c r="AQ23408">
        <v>26</v>
      </c>
    </row>
    <row r="23409" spans="1:43">
      <c r="A23409" t="s">
        <v>14495</v>
      </c>
      <c r="B23409" t="s">
        <v>14496</v>
      </c>
      <c r="C23409" t="s">
        <v>14497</v>
      </c>
      <c r="D23409" t="s">
        <v>14498</v>
      </c>
      <c r="E23409" t="s">
        <v>14307</v>
      </c>
      <c r="F23409" t="s">
        <v>14308</v>
      </c>
      <c r="G23409" t="s">
        <v>10734</v>
      </c>
      <c r="H23409" t="s">
        <v>10735</v>
      </c>
      <c r="I23409" s="2">
        <v>0</v>
      </c>
      <c r="J23409" s="2">
        <v>0</v>
      </c>
      <c r="K23409" s="2">
        <v>1</v>
      </c>
      <c r="L23409" t="s">
        <v>995</v>
      </c>
      <c r="M23409" t="s">
        <v>83</v>
      </c>
      <c r="N23409" t="s">
        <v>91</v>
      </c>
      <c r="O23409" t="s">
        <v>85</v>
      </c>
      <c r="P23409" t="s">
        <v>86</v>
      </c>
      <c r="Q23409">
        <v>14</v>
      </c>
      <c r="R23409">
        <v>14</v>
      </c>
      <c r="S23409">
        <v>14</v>
      </c>
      <c r="T23409">
        <v>15</v>
      </c>
      <c r="U23409">
        <v>15</v>
      </c>
      <c r="V23409">
        <v>16</v>
      </c>
      <c r="W23409">
        <v>16</v>
      </c>
      <c r="X23409">
        <v>17</v>
      </c>
      <c r="Y23409">
        <v>17</v>
      </c>
      <c r="Z23409">
        <v>18</v>
      </c>
      <c r="AA23409">
        <v>18</v>
      </c>
      <c r="AB23409">
        <v>19</v>
      </c>
      <c r="AC23409">
        <v>19</v>
      </c>
      <c r="AD23409">
        <v>20</v>
      </c>
      <c r="AE23409">
        <v>20</v>
      </c>
      <c r="AF23409">
        <v>21</v>
      </c>
      <c r="AG23409">
        <v>21</v>
      </c>
      <c r="AH23409">
        <v>22</v>
      </c>
      <c r="AI23409">
        <v>22</v>
      </c>
      <c r="AJ23409">
        <v>23</v>
      </c>
      <c r="AK23409">
        <v>23</v>
      </c>
      <c r="AL23409">
        <v>24</v>
      </c>
      <c r="AM23409">
        <v>24</v>
      </c>
      <c r="AN23409">
        <v>25</v>
      </c>
      <c r="AO23409">
        <v>25</v>
      </c>
      <c r="AP23409">
        <v>25</v>
      </c>
      <c r="AQ23409">
        <v>26</v>
      </c>
    </row>
    <row r="23410" spans="1:43">
      <c r="A23410" t="s">
        <v>14499</v>
      </c>
      <c r="B23410" t="s">
        <v>14500</v>
      </c>
      <c r="C23410" t="s">
        <v>14497</v>
      </c>
      <c r="D23410" t="s">
        <v>14498</v>
      </c>
      <c r="E23410" t="s">
        <v>14307</v>
      </c>
      <c r="F23410" t="s">
        <v>14308</v>
      </c>
      <c r="G23410" t="s">
        <v>10734</v>
      </c>
      <c r="H23410" t="s">
        <v>10735</v>
      </c>
      <c r="I23410" s="2">
        <v>0</v>
      </c>
      <c r="J23410" s="2">
        <v>0</v>
      </c>
      <c r="K23410" s="2">
        <v>1</v>
      </c>
      <c r="L23410" t="s">
        <v>995</v>
      </c>
      <c r="M23410" t="s">
        <v>83</v>
      </c>
      <c r="N23410" t="s">
        <v>84</v>
      </c>
      <c r="O23410" t="s">
        <v>85</v>
      </c>
      <c r="P23410" t="s">
        <v>86</v>
      </c>
      <c r="Q23410">
        <v>42</v>
      </c>
      <c r="R23410">
        <v>43</v>
      </c>
      <c r="S23410">
        <v>44</v>
      </c>
      <c r="T23410">
        <v>46</v>
      </c>
      <c r="U23410">
        <v>47</v>
      </c>
      <c r="V23410">
        <v>48</v>
      </c>
      <c r="W23410">
        <v>50</v>
      </c>
      <c r="X23410">
        <v>51</v>
      </c>
      <c r="Y23410">
        <v>53</v>
      </c>
      <c r="Z23410">
        <v>54</v>
      </c>
      <c r="AA23410">
        <v>56</v>
      </c>
      <c r="AB23410">
        <v>57</v>
      </c>
      <c r="AC23410">
        <v>59</v>
      </c>
      <c r="AD23410">
        <v>60</v>
      </c>
      <c r="AE23410">
        <v>62</v>
      </c>
      <c r="AF23410">
        <v>64</v>
      </c>
      <c r="AG23410">
        <v>65</v>
      </c>
      <c r="AH23410">
        <v>67</v>
      </c>
      <c r="AI23410">
        <v>69</v>
      </c>
      <c r="AJ23410">
        <v>70</v>
      </c>
      <c r="AK23410">
        <v>72</v>
      </c>
      <c r="AL23410">
        <v>74</v>
      </c>
      <c r="AM23410">
        <v>75</v>
      </c>
      <c r="AN23410">
        <v>76</v>
      </c>
      <c r="AO23410">
        <v>77</v>
      </c>
      <c r="AP23410">
        <v>79</v>
      </c>
      <c r="AQ23410">
        <v>80</v>
      </c>
    </row>
    <row r="23411" spans="1:43">
      <c r="A23411" t="s">
        <v>14499</v>
      </c>
      <c r="B23411" t="s">
        <v>14500</v>
      </c>
      <c r="C23411" t="s">
        <v>14497</v>
      </c>
      <c r="D23411" t="s">
        <v>14498</v>
      </c>
      <c r="E23411" t="s">
        <v>14307</v>
      </c>
      <c r="F23411" t="s">
        <v>14308</v>
      </c>
      <c r="G23411" t="s">
        <v>10734</v>
      </c>
      <c r="H23411" t="s">
        <v>10735</v>
      </c>
      <c r="I23411" s="2">
        <v>0</v>
      </c>
      <c r="J23411" s="2">
        <v>0</v>
      </c>
      <c r="K23411" s="2">
        <v>1</v>
      </c>
      <c r="L23411" t="s">
        <v>995</v>
      </c>
      <c r="M23411" t="s">
        <v>87</v>
      </c>
      <c r="N23411" t="s">
        <v>88</v>
      </c>
      <c r="O23411" t="s">
        <v>85</v>
      </c>
      <c r="P23411" t="s">
        <v>86</v>
      </c>
      <c r="Q23411">
        <v>42</v>
      </c>
      <c r="R23411">
        <v>43</v>
      </c>
      <c r="S23411">
        <v>44</v>
      </c>
      <c r="T23411">
        <v>45</v>
      </c>
      <c r="U23411">
        <v>46</v>
      </c>
      <c r="V23411">
        <v>47</v>
      </c>
      <c r="W23411">
        <v>48</v>
      </c>
      <c r="X23411">
        <v>49</v>
      </c>
      <c r="Y23411">
        <v>50</v>
      </c>
      <c r="Z23411">
        <v>51</v>
      </c>
      <c r="AA23411">
        <v>52</v>
      </c>
      <c r="AB23411">
        <v>53</v>
      </c>
      <c r="AC23411">
        <v>54</v>
      </c>
      <c r="AD23411">
        <v>55</v>
      </c>
      <c r="AE23411">
        <v>56</v>
      </c>
      <c r="AF23411">
        <v>57</v>
      </c>
      <c r="AG23411">
        <v>58</v>
      </c>
      <c r="AH23411">
        <v>59</v>
      </c>
      <c r="AI23411">
        <v>60</v>
      </c>
      <c r="AJ23411">
        <v>62</v>
      </c>
      <c r="AK23411">
        <v>63</v>
      </c>
      <c r="AL23411">
        <v>64</v>
      </c>
      <c r="AM23411">
        <v>65</v>
      </c>
      <c r="AN23411">
        <v>67</v>
      </c>
      <c r="AO23411">
        <v>68</v>
      </c>
      <c r="AP23411">
        <v>69</v>
      </c>
      <c r="AQ23411">
        <v>71</v>
      </c>
    </row>
    <row r="23412" spans="1:43">
      <c r="A23412" t="s">
        <v>14499</v>
      </c>
      <c r="B23412" t="s">
        <v>14500</v>
      </c>
      <c r="C23412" t="s">
        <v>14497</v>
      </c>
      <c r="D23412" t="s">
        <v>14498</v>
      </c>
      <c r="E23412" t="s">
        <v>14307</v>
      </c>
      <c r="F23412" t="s">
        <v>14308</v>
      </c>
      <c r="G23412" t="s">
        <v>10734</v>
      </c>
      <c r="H23412" t="s">
        <v>10735</v>
      </c>
      <c r="I23412" s="2">
        <v>0</v>
      </c>
      <c r="J23412" s="2">
        <v>0</v>
      </c>
      <c r="K23412" s="2">
        <v>1</v>
      </c>
      <c r="L23412" t="s">
        <v>995</v>
      </c>
      <c r="M23412" t="s">
        <v>89</v>
      </c>
      <c r="N23412" t="s">
        <v>90</v>
      </c>
      <c r="O23412" t="s">
        <v>85</v>
      </c>
      <c r="P23412" t="s">
        <v>86</v>
      </c>
      <c r="Q23412">
        <v>42</v>
      </c>
      <c r="R23412">
        <v>44</v>
      </c>
      <c r="S23412">
        <v>45</v>
      </c>
      <c r="T23412">
        <v>47</v>
      </c>
      <c r="U23412">
        <v>49</v>
      </c>
      <c r="V23412">
        <v>51</v>
      </c>
      <c r="W23412">
        <v>52</v>
      </c>
      <c r="X23412">
        <v>54</v>
      </c>
      <c r="Y23412">
        <v>56</v>
      </c>
      <c r="Z23412">
        <v>57</v>
      </c>
      <c r="AA23412">
        <v>59</v>
      </c>
      <c r="AB23412">
        <v>61</v>
      </c>
      <c r="AC23412">
        <v>63</v>
      </c>
      <c r="AD23412">
        <v>65</v>
      </c>
      <c r="AE23412">
        <v>66</v>
      </c>
      <c r="AF23412">
        <v>67</v>
      </c>
      <c r="AG23412">
        <v>68</v>
      </c>
      <c r="AH23412">
        <v>70</v>
      </c>
      <c r="AI23412">
        <v>71</v>
      </c>
      <c r="AJ23412">
        <v>72</v>
      </c>
      <c r="AK23412">
        <v>73</v>
      </c>
      <c r="AL23412">
        <v>74</v>
      </c>
      <c r="AM23412">
        <v>75</v>
      </c>
      <c r="AN23412">
        <v>77</v>
      </c>
      <c r="AO23412">
        <v>78</v>
      </c>
      <c r="AP23412">
        <v>79</v>
      </c>
      <c r="AQ23412">
        <v>80</v>
      </c>
    </row>
    <row r="23413" spans="1:43">
      <c r="A23413" t="s">
        <v>14499</v>
      </c>
      <c r="B23413" t="s">
        <v>14500</v>
      </c>
      <c r="C23413" t="s">
        <v>14497</v>
      </c>
      <c r="D23413" t="s">
        <v>14498</v>
      </c>
      <c r="E23413" t="s">
        <v>14307</v>
      </c>
      <c r="F23413" t="s">
        <v>14308</v>
      </c>
      <c r="G23413" t="s">
        <v>10734</v>
      </c>
      <c r="H23413" t="s">
        <v>10735</v>
      </c>
      <c r="I23413" s="2">
        <v>0</v>
      </c>
      <c r="J23413" s="2">
        <v>0</v>
      </c>
      <c r="K23413" s="2">
        <v>1</v>
      </c>
      <c r="L23413" t="s">
        <v>995</v>
      </c>
      <c r="M23413" t="s">
        <v>83</v>
      </c>
      <c r="N23413" t="s">
        <v>91</v>
      </c>
      <c r="O23413" t="s">
        <v>85</v>
      </c>
      <c r="P23413" t="s">
        <v>86</v>
      </c>
      <c r="Q23413">
        <v>42</v>
      </c>
      <c r="R23413">
        <v>43</v>
      </c>
      <c r="S23413">
        <v>44</v>
      </c>
      <c r="T23413">
        <v>46</v>
      </c>
      <c r="U23413">
        <v>47</v>
      </c>
      <c r="V23413">
        <v>48</v>
      </c>
      <c r="W23413">
        <v>50</v>
      </c>
      <c r="X23413">
        <v>51</v>
      </c>
      <c r="Y23413">
        <v>53</v>
      </c>
      <c r="Z23413">
        <v>54</v>
      </c>
      <c r="AA23413">
        <v>56</v>
      </c>
      <c r="AB23413">
        <v>57</v>
      </c>
      <c r="AC23413">
        <v>59</v>
      </c>
      <c r="AD23413">
        <v>60</v>
      </c>
      <c r="AE23413">
        <v>62</v>
      </c>
      <c r="AF23413">
        <v>64</v>
      </c>
      <c r="AG23413">
        <v>65</v>
      </c>
      <c r="AH23413">
        <v>67</v>
      </c>
      <c r="AI23413">
        <v>69</v>
      </c>
      <c r="AJ23413">
        <v>70</v>
      </c>
      <c r="AK23413">
        <v>72</v>
      </c>
      <c r="AL23413">
        <v>74</v>
      </c>
      <c r="AM23413">
        <v>75</v>
      </c>
      <c r="AN23413">
        <v>76</v>
      </c>
      <c r="AO23413">
        <v>77</v>
      </c>
      <c r="AP23413">
        <v>79</v>
      </c>
      <c r="AQ23413">
        <v>80</v>
      </c>
    </row>
    <row r="23414" spans="1:43">
      <c r="A23414" t="s">
        <v>14501</v>
      </c>
      <c r="B23414" t="s">
        <v>14502</v>
      </c>
      <c r="C23414" t="s">
        <v>14491</v>
      </c>
      <c r="D23414" t="s">
        <v>14492</v>
      </c>
      <c r="E23414" t="s">
        <v>14307</v>
      </c>
      <c r="F23414" t="s">
        <v>14308</v>
      </c>
      <c r="G23414" t="s">
        <v>10734</v>
      </c>
      <c r="H23414" t="s">
        <v>10735</v>
      </c>
      <c r="I23414" s="2">
        <v>0</v>
      </c>
      <c r="J23414" s="2">
        <v>0</v>
      </c>
      <c r="K23414" s="2">
        <v>1</v>
      </c>
      <c r="L23414" t="s">
        <v>995</v>
      </c>
      <c r="M23414" t="s">
        <v>83</v>
      </c>
      <c r="N23414" t="s">
        <v>84</v>
      </c>
      <c r="O23414" t="s">
        <v>85</v>
      </c>
      <c r="P23414" t="s">
        <v>86</v>
      </c>
      <c r="Q23414">
        <v>15</v>
      </c>
      <c r="R23414">
        <v>15</v>
      </c>
      <c r="S23414">
        <v>16</v>
      </c>
      <c r="T23414">
        <v>16</v>
      </c>
      <c r="U23414">
        <v>17</v>
      </c>
      <c r="V23414">
        <v>17</v>
      </c>
      <c r="W23414">
        <v>18</v>
      </c>
      <c r="X23414">
        <v>18</v>
      </c>
      <c r="Y23414">
        <v>19</v>
      </c>
      <c r="Z23414">
        <v>19</v>
      </c>
      <c r="AA23414">
        <v>20</v>
      </c>
      <c r="AB23414">
        <v>20</v>
      </c>
      <c r="AC23414">
        <v>21</v>
      </c>
      <c r="AD23414">
        <v>22</v>
      </c>
      <c r="AE23414">
        <v>22</v>
      </c>
      <c r="AF23414">
        <v>23</v>
      </c>
      <c r="AG23414">
        <v>23</v>
      </c>
      <c r="AH23414">
        <v>24</v>
      </c>
      <c r="AI23414">
        <v>25</v>
      </c>
      <c r="AJ23414">
        <v>25</v>
      </c>
      <c r="AK23414">
        <v>26</v>
      </c>
      <c r="AL23414">
        <v>26</v>
      </c>
      <c r="AM23414">
        <v>27</v>
      </c>
      <c r="AN23414">
        <v>27</v>
      </c>
      <c r="AO23414">
        <v>28</v>
      </c>
      <c r="AP23414">
        <v>28</v>
      </c>
      <c r="AQ23414">
        <v>29</v>
      </c>
    </row>
    <row r="23415" spans="1:43">
      <c r="A23415" t="s">
        <v>14501</v>
      </c>
      <c r="B23415" t="s">
        <v>14502</v>
      </c>
      <c r="C23415" t="s">
        <v>14491</v>
      </c>
      <c r="D23415" t="s">
        <v>14492</v>
      </c>
      <c r="E23415" t="s">
        <v>14307</v>
      </c>
      <c r="F23415" t="s">
        <v>14308</v>
      </c>
      <c r="G23415" t="s">
        <v>10734</v>
      </c>
      <c r="H23415" t="s">
        <v>10735</v>
      </c>
      <c r="I23415" s="2">
        <v>0</v>
      </c>
      <c r="J23415" s="2">
        <v>0</v>
      </c>
      <c r="K23415" s="2">
        <v>1</v>
      </c>
      <c r="L23415" t="s">
        <v>995</v>
      </c>
      <c r="M23415" t="s">
        <v>87</v>
      </c>
      <c r="N23415" t="s">
        <v>88</v>
      </c>
      <c r="O23415" t="s">
        <v>85</v>
      </c>
      <c r="P23415" t="s">
        <v>86</v>
      </c>
      <c r="Q23415">
        <v>15</v>
      </c>
      <c r="R23415">
        <v>15</v>
      </c>
      <c r="S23415">
        <v>15</v>
      </c>
      <c r="T23415">
        <v>16</v>
      </c>
      <c r="U23415">
        <v>16</v>
      </c>
      <c r="V23415">
        <v>16</v>
      </c>
      <c r="W23415">
        <v>17</v>
      </c>
      <c r="X23415">
        <v>17</v>
      </c>
      <c r="Y23415">
        <v>17</v>
      </c>
      <c r="Z23415">
        <v>18</v>
      </c>
      <c r="AA23415">
        <v>18</v>
      </c>
      <c r="AB23415">
        <v>18</v>
      </c>
      <c r="AC23415">
        <v>19</v>
      </c>
      <c r="AD23415">
        <v>19</v>
      </c>
      <c r="AE23415">
        <v>20</v>
      </c>
      <c r="AF23415">
        <v>20</v>
      </c>
      <c r="AG23415">
        <v>20</v>
      </c>
      <c r="AH23415">
        <v>21</v>
      </c>
      <c r="AI23415">
        <v>21</v>
      </c>
      <c r="AJ23415">
        <v>22</v>
      </c>
      <c r="AK23415">
        <v>22</v>
      </c>
      <c r="AL23415">
        <v>23</v>
      </c>
      <c r="AM23415">
        <v>23</v>
      </c>
      <c r="AN23415">
        <v>23</v>
      </c>
      <c r="AO23415">
        <v>24</v>
      </c>
      <c r="AP23415">
        <v>24</v>
      </c>
      <c r="AQ23415">
        <v>25</v>
      </c>
    </row>
    <row r="23416" spans="1:43">
      <c r="A23416" t="s">
        <v>14501</v>
      </c>
      <c r="B23416" t="s">
        <v>14502</v>
      </c>
      <c r="C23416" t="s">
        <v>14491</v>
      </c>
      <c r="D23416" t="s">
        <v>14492</v>
      </c>
      <c r="E23416" t="s">
        <v>14307</v>
      </c>
      <c r="F23416" t="s">
        <v>14308</v>
      </c>
      <c r="G23416" t="s">
        <v>10734</v>
      </c>
      <c r="H23416" t="s">
        <v>10735</v>
      </c>
      <c r="I23416" s="2">
        <v>0</v>
      </c>
      <c r="J23416" s="2">
        <v>0</v>
      </c>
      <c r="K23416" s="2">
        <v>1</v>
      </c>
      <c r="L23416" t="s">
        <v>995</v>
      </c>
      <c r="M23416" t="s">
        <v>89</v>
      </c>
      <c r="N23416" t="s">
        <v>90</v>
      </c>
      <c r="O23416" t="s">
        <v>85</v>
      </c>
      <c r="P23416" t="s">
        <v>86</v>
      </c>
      <c r="Q23416">
        <v>15</v>
      </c>
      <c r="R23416">
        <v>16</v>
      </c>
      <c r="S23416">
        <v>16</v>
      </c>
      <c r="T23416">
        <v>17</v>
      </c>
      <c r="U23416">
        <v>17</v>
      </c>
      <c r="V23416">
        <v>18</v>
      </c>
      <c r="W23416">
        <v>19</v>
      </c>
      <c r="X23416">
        <v>19</v>
      </c>
      <c r="Y23416">
        <v>20</v>
      </c>
      <c r="Z23416">
        <v>20</v>
      </c>
      <c r="AA23416">
        <v>21</v>
      </c>
      <c r="AB23416">
        <v>22</v>
      </c>
      <c r="AC23416">
        <v>22</v>
      </c>
      <c r="AD23416">
        <v>23</v>
      </c>
      <c r="AE23416">
        <v>24</v>
      </c>
      <c r="AF23416">
        <v>24</v>
      </c>
      <c r="AG23416">
        <v>24</v>
      </c>
      <c r="AH23416">
        <v>25</v>
      </c>
      <c r="AI23416">
        <v>25</v>
      </c>
      <c r="AJ23416">
        <v>26</v>
      </c>
      <c r="AK23416">
        <v>26</v>
      </c>
      <c r="AL23416">
        <v>27</v>
      </c>
      <c r="AM23416">
        <v>27</v>
      </c>
      <c r="AN23416">
        <v>28</v>
      </c>
      <c r="AO23416">
        <v>28</v>
      </c>
      <c r="AP23416">
        <v>29</v>
      </c>
      <c r="AQ23416">
        <v>29</v>
      </c>
    </row>
    <row r="23417" spans="1:43">
      <c r="A23417" t="s">
        <v>14501</v>
      </c>
      <c r="B23417" t="s">
        <v>14502</v>
      </c>
      <c r="C23417" t="s">
        <v>14491</v>
      </c>
      <c r="D23417" t="s">
        <v>14492</v>
      </c>
      <c r="E23417" t="s">
        <v>14307</v>
      </c>
      <c r="F23417" t="s">
        <v>14308</v>
      </c>
      <c r="G23417" t="s">
        <v>10734</v>
      </c>
      <c r="H23417" t="s">
        <v>10735</v>
      </c>
      <c r="I23417" s="2">
        <v>0</v>
      </c>
      <c r="J23417" s="2">
        <v>0</v>
      </c>
      <c r="K23417" s="2">
        <v>1</v>
      </c>
      <c r="L23417" t="s">
        <v>995</v>
      </c>
      <c r="M23417" t="s">
        <v>83</v>
      </c>
      <c r="N23417" t="s">
        <v>91</v>
      </c>
      <c r="O23417" t="s">
        <v>85</v>
      </c>
      <c r="P23417" t="s">
        <v>86</v>
      </c>
      <c r="Q23417">
        <v>15</v>
      </c>
      <c r="R23417">
        <v>15</v>
      </c>
      <c r="S23417">
        <v>16</v>
      </c>
      <c r="T23417">
        <v>16</v>
      </c>
      <c r="U23417">
        <v>17</v>
      </c>
      <c r="V23417">
        <v>17</v>
      </c>
      <c r="W23417">
        <v>18</v>
      </c>
      <c r="X23417">
        <v>18</v>
      </c>
      <c r="Y23417">
        <v>19</v>
      </c>
      <c r="Z23417">
        <v>19</v>
      </c>
      <c r="AA23417">
        <v>20</v>
      </c>
      <c r="AB23417">
        <v>20</v>
      </c>
      <c r="AC23417">
        <v>21</v>
      </c>
      <c r="AD23417">
        <v>22</v>
      </c>
      <c r="AE23417">
        <v>22</v>
      </c>
      <c r="AF23417">
        <v>23</v>
      </c>
      <c r="AG23417">
        <v>23</v>
      </c>
      <c r="AH23417">
        <v>24</v>
      </c>
      <c r="AI23417">
        <v>25</v>
      </c>
      <c r="AJ23417">
        <v>25</v>
      </c>
      <c r="AK23417">
        <v>26</v>
      </c>
      <c r="AL23417">
        <v>26</v>
      </c>
      <c r="AM23417">
        <v>27</v>
      </c>
      <c r="AN23417">
        <v>27</v>
      </c>
      <c r="AO23417">
        <v>28</v>
      </c>
      <c r="AP23417">
        <v>28</v>
      </c>
      <c r="AQ23417">
        <v>29</v>
      </c>
    </row>
    <row r="23418" spans="1:43">
      <c r="A23418" t="s">
        <v>14503</v>
      </c>
      <c r="B23418" t="s">
        <v>14504</v>
      </c>
      <c r="C23418" t="s">
        <v>14491</v>
      </c>
      <c r="D23418" t="s">
        <v>14492</v>
      </c>
      <c r="E23418" t="s">
        <v>14307</v>
      </c>
      <c r="F23418" t="s">
        <v>14308</v>
      </c>
      <c r="G23418" t="s">
        <v>10734</v>
      </c>
      <c r="H23418" t="s">
        <v>10735</v>
      </c>
      <c r="I23418" s="2">
        <v>0</v>
      </c>
      <c r="J23418" s="2">
        <v>0</v>
      </c>
      <c r="K23418" s="2">
        <v>1</v>
      </c>
      <c r="L23418" t="s">
        <v>995</v>
      </c>
      <c r="M23418" t="s">
        <v>83</v>
      </c>
      <c r="N23418" t="s">
        <v>84</v>
      </c>
      <c r="O23418" t="s">
        <v>85</v>
      </c>
      <c r="P23418" t="s">
        <v>86</v>
      </c>
      <c r="Q23418">
        <v>18</v>
      </c>
      <c r="R23418">
        <v>18</v>
      </c>
      <c r="S23418">
        <v>19</v>
      </c>
      <c r="T23418">
        <v>19</v>
      </c>
      <c r="U23418">
        <v>20</v>
      </c>
      <c r="V23418">
        <v>20</v>
      </c>
      <c r="W23418">
        <v>21</v>
      </c>
      <c r="X23418">
        <v>22</v>
      </c>
      <c r="Y23418">
        <v>22</v>
      </c>
      <c r="Z23418">
        <v>23</v>
      </c>
      <c r="AA23418">
        <v>24</v>
      </c>
      <c r="AB23418">
        <v>24</v>
      </c>
      <c r="AC23418">
        <v>25</v>
      </c>
      <c r="AD23418">
        <v>26</v>
      </c>
      <c r="AE23418">
        <v>26</v>
      </c>
      <c r="AF23418">
        <v>27</v>
      </c>
      <c r="AG23418">
        <v>28</v>
      </c>
      <c r="AH23418">
        <v>28</v>
      </c>
      <c r="AI23418">
        <v>29</v>
      </c>
      <c r="AJ23418">
        <v>30</v>
      </c>
      <c r="AK23418">
        <v>31</v>
      </c>
      <c r="AL23418">
        <v>31</v>
      </c>
      <c r="AM23418">
        <v>32</v>
      </c>
      <c r="AN23418">
        <v>32</v>
      </c>
      <c r="AO23418">
        <v>33</v>
      </c>
      <c r="AP23418">
        <v>34</v>
      </c>
      <c r="AQ23418">
        <v>34</v>
      </c>
    </row>
    <row r="23419" spans="1:43">
      <c r="A23419" t="s">
        <v>14503</v>
      </c>
      <c r="B23419" t="s">
        <v>14504</v>
      </c>
      <c r="C23419" t="s">
        <v>14491</v>
      </c>
      <c r="D23419" t="s">
        <v>14492</v>
      </c>
      <c r="E23419" t="s">
        <v>14307</v>
      </c>
      <c r="F23419" t="s">
        <v>14308</v>
      </c>
      <c r="G23419" t="s">
        <v>10734</v>
      </c>
      <c r="H23419" t="s">
        <v>10735</v>
      </c>
      <c r="I23419" s="2">
        <v>0</v>
      </c>
      <c r="J23419" s="2">
        <v>0</v>
      </c>
      <c r="K23419" s="2">
        <v>1</v>
      </c>
      <c r="L23419" t="s">
        <v>995</v>
      </c>
      <c r="M23419" t="s">
        <v>87</v>
      </c>
      <c r="N23419" t="s">
        <v>88</v>
      </c>
      <c r="O23419" t="s">
        <v>85</v>
      </c>
      <c r="P23419" t="s">
        <v>86</v>
      </c>
      <c r="Q23419">
        <v>18</v>
      </c>
      <c r="R23419">
        <v>18</v>
      </c>
      <c r="S23419">
        <v>18</v>
      </c>
      <c r="T23419">
        <v>19</v>
      </c>
      <c r="U23419">
        <v>19</v>
      </c>
      <c r="V23419">
        <v>19</v>
      </c>
      <c r="W23419">
        <v>20</v>
      </c>
      <c r="X23419">
        <v>20</v>
      </c>
      <c r="Y23419">
        <v>21</v>
      </c>
      <c r="Z23419">
        <v>21</v>
      </c>
      <c r="AA23419">
        <v>21</v>
      </c>
      <c r="AB23419">
        <v>22</v>
      </c>
      <c r="AC23419">
        <v>22</v>
      </c>
      <c r="AD23419">
        <v>23</v>
      </c>
      <c r="AE23419">
        <v>23</v>
      </c>
      <c r="AF23419">
        <v>24</v>
      </c>
      <c r="AG23419">
        <v>24</v>
      </c>
      <c r="AH23419">
        <v>25</v>
      </c>
      <c r="AI23419">
        <v>25</v>
      </c>
      <c r="AJ23419">
        <v>26</v>
      </c>
      <c r="AK23419">
        <v>26</v>
      </c>
      <c r="AL23419">
        <v>27</v>
      </c>
      <c r="AM23419">
        <v>27</v>
      </c>
      <c r="AN23419">
        <v>28</v>
      </c>
      <c r="AO23419">
        <v>28</v>
      </c>
      <c r="AP23419">
        <v>29</v>
      </c>
      <c r="AQ23419">
        <v>30</v>
      </c>
    </row>
    <row r="23420" spans="1:43">
      <c r="A23420" t="s">
        <v>14503</v>
      </c>
      <c r="B23420" t="s">
        <v>14504</v>
      </c>
      <c r="C23420" t="s">
        <v>14491</v>
      </c>
      <c r="D23420" t="s">
        <v>14492</v>
      </c>
      <c r="E23420" t="s">
        <v>14307</v>
      </c>
      <c r="F23420" t="s">
        <v>14308</v>
      </c>
      <c r="G23420" t="s">
        <v>10734</v>
      </c>
      <c r="H23420" t="s">
        <v>10735</v>
      </c>
      <c r="I23420" s="2">
        <v>0</v>
      </c>
      <c r="J23420" s="2">
        <v>0</v>
      </c>
      <c r="K23420" s="2">
        <v>1</v>
      </c>
      <c r="L23420" t="s">
        <v>995</v>
      </c>
      <c r="M23420" t="s">
        <v>89</v>
      </c>
      <c r="N23420" t="s">
        <v>90</v>
      </c>
      <c r="O23420" t="s">
        <v>85</v>
      </c>
      <c r="P23420" t="s">
        <v>86</v>
      </c>
      <c r="Q23420">
        <v>18</v>
      </c>
      <c r="R23420">
        <v>19</v>
      </c>
      <c r="S23420">
        <v>19</v>
      </c>
      <c r="T23420">
        <v>20</v>
      </c>
      <c r="U23420">
        <v>21</v>
      </c>
      <c r="V23420">
        <v>21</v>
      </c>
      <c r="W23420">
        <v>22</v>
      </c>
      <c r="X23420">
        <v>23</v>
      </c>
      <c r="Y23420">
        <v>24</v>
      </c>
      <c r="Z23420">
        <v>24</v>
      </c>
      <c r="AA23420">
        <v>25</v>
      </c>
      <c r="AB23420">
        <v>26</v>
      </c>
      <c r="AC23420">
        <v>27</v>
      </c>
      <c r="AD23420">
        <v>27</v>
      </c>
      <c r="AE23420">
        <v>28</v>
      </c>
      <c r="AF23420">
        <v>29</v>
      </c>
      <c r="AG23420">
        <v>29</v>
      </c>
      <c r="AH23420">
        <v>30</v>
      </c>
      <c r="AI23420">
        <v>30</v>
      </c>
      <c r="AJ23420">
        <v>31</v>
      </c>
      <c r="AK23420">
        <v>31</v>
      </c>
      <c r="AL23420">
        <v>32</v>
      </c>
      <c r="AM23420">
        <v>32</v>
      </c>
      <c r="AN23420">
        <v>33</v>
      </c>
      <c r="AO23420">
        <v>33</v>
      </c>
      <c r="AP23420">
        <v>34</v>
      </c>
      <c r="AQ23420">
        <v>34</v>
      </c>
    </row>
    <row r="23421" spans="1:43">
      <c r="A23421" t="s">
        <v>14503</v>
      </c>
      <c r="B23421" t="s">
        <v>14504</v>
      </c>
      <c r="C23421" t="s">
        <v>14491</v>
      </c>
      <c r="D23421" t="s">
        <v>14492</v>
      </c>
      <c r="E23421" t="s">
        <v>14307</v>
      </c>
      <c r="F23421" t="s">
        <v>14308</v>
      </c>
      <c r="G23421" t="s">
        <v>10734</v>
      </c>
      <c r="H23421" t="s">
        <v>10735</v>
      </c>
      <c r="I23421" s="2">
        <v>0</v>
      </c>
      <c r="J23421" s="2">
        <v>0</v>
      </c>
      <c r="K23421" s="2">
        <v>1</v>
      </c>
      <c r="L23421" t="s">
        <v>995</v>
      </c>
      <c r="M23421" t="s">
        <v>83</v>
      </c>
      <c r="N23421" t="s">
        <v>91</v>
      </c>
      <c r="O23421" t="s">
        <v>85</v>
      </c>
      <c r="P23421" t="s">
        <v>86</v>
      </c>
      <c r="Q23421">
        <v>18</v>
      </c>
      <c r="R23421">
        <v>18</v>
      </c>
      <c r="S23421">
        <v>19</v>
      </c>
      <c r="T23421">
        <v>19</v>
      </c>
      <c r="U23421">
        <v>20</v>
      </c>
      <c r="V23421">
        <v>20</v>
      </c>
      <c r="W23421">
        <v>21</v>
      </c>
      <c r="X23421">
        <v>22</v>
      </c>
      <c r="Y23421">
        <v>22</v>
      </c>
      <c r="Z23421">
        <v>23</v>
      </c>
      <c r="AA23421">
        <v>24</v>
      </c>
      <c r="AB23421">
        <v>24</v>
      </c>
      <c r="AC23421">
        <v>25</v>
      </c>
      <c r="AD23421">
        <v>26</v>
      </c>
      <c r="AE23421">
        <v>26</v>
      </c>
      <c r="AF23421">
        <v>27</v>
      </c>
      <c r="AG23421">
        <v>28</v>
      </c>
      <c r="AH23421">
        <v>28</v>
      </c>
      <c r="AI23421">
        <v>29</v>
      </c>
      <c r="AJ23421">
        <v>30</v>
      </c>
      <c r="AK23421">
        <v>31</v>
      </c>
      <c r="AL23421">
        <v>31</v>
      </c>
      <c r="AM23421">
        <v>32</v>
      </c>
      <c r="AN23421">
        <v>32</v>
      </c>
      <c r="AO23421">
        <v>33</v>
      </c>
      <c r="AP23421">
        <v>34</v>
      </c>
      <c r="AQ23421">
        <v>34</v>
      </c>
    </row>
    <row r="23422" spans="1:43">
      <c r="A23422" t="s">
        <v>14505</v>
      </c>
      <c r="B23422" t="s">
        <v>14506</v>
      </c>
      <c r="C23422" t="s">
        <v>14491</v>
      </c>
      <c r="D23422" t="s">
        <v>14492</v>
      </c>
      <c r="E23422" t="s">
        <v>14307</v>
      </c>
      <c r="F23422" t="s">
        <v>14308</v>
      </c>
      <c r="G23422" t="s">
        <v>10734</v>
      </c>
      <c r="H23422" t="s">
        <v>10735</v>
      </c>
      <c r="I23422" s="2">
        <v>0</v>
      </c>
      <c r="J23422" s="2">
        <v>0</v>
      </c>
      <c r="K23422" s="2">
        <v>1</v>
      </c>
      <c r="L23422" t="s">
        <v>995</v>
      </c>
      <c r="M23422" t="s">
        <v>83</v>
      </c>
      <c r="N23422" t="s">
        <v>84</v>
      </c>
      <c r="O23422" t="s">
        <v>85</v>
      </c>
      <c r="P23422" t="s">
        <v>86</v>
      </c>
      <c r="Q23422">
        <v>8</v>
      </c>
      <c r="R23422">
        <v>9</v>
      </c>
      <c r="S23422">
        <v>9</v>
      </c>
      <c r="T23422">
        <v>9</v>
      </c>
      <c r="U23422">
        <v>9</v>
      </c>
      <c r="V23422">
        <v>10</v>
      </c>
      <c r="W23422">
        <v>10</v>
      </c>
      <c r="X23422">
        <v>10</v>
      </c>
      <c r="Y23422">
        <v>10</v>
      </c>
      <c r="Z23422">
        <v>11</v>
      </c>
      <c r="AA23422">
        <v>11</v>
      </c>
      <c r="AB23422">
        <v>11</v>
      </c>
      <c r="AC23422">
        <v>12</v>
      </c>
      <c r="AD23422">
        <v>12</v>
      </c>
      <c r="AE23422">
        <v>12</v>
      </c>
      <c r="AF23422">
        <v>13</v>
      </c>
      <c r="AG23422">
        <v>13</v>
      </c>
      <c r="AH23422">
        <v>13</v>
      </c>
      <c r="AI23422">
        <v>14</v>
      </c>
      <c r="AJ23422">
        <v>14</v>
      </c>
      <c r="AK23422">
        <v>14</v>
      </c>
      <c r="AL23422">
        <v>15</v>
      </c>
      <c r="AM23422">
        <v>15</v>
      </c>
      <c r="AN23422">
        <v>15</v>
      </c>
      <c r="AO23422">
        <v>15</v>
      </c>
      <c r="AP23422">
        <v>16</v>
      </c>
      <c r="AQ23422">
        <v>16</v>
      </c>
    </row>
    <row r="23423" spans="1:43">
      <c r="A23423" t="s">
        <v>14505</v>
      </c>
      <c r="B23423" t="s">
        <v>14506</v>
      </c>
      <c r="C23423" t="s">
        <v>14491</v>
      </c>
      <c r="D23423" t="s">
        <v>14492</v>
      </c>
      <c r="E23423" t="s">
        <v>14307</v>
      </c>
      <c r="F23423" t="s">
        <v>14308</v>
      </c>
      <c r="G23423" t="s">
        <v>10734</v>
      </c>
      <c r="H23423" t="s">
        <v>10735</v>
      </c>
      <c r="I23423" s="2">
        <v>0</v>
      </c>
      <c r="J23423" s="2">
        <v>0</v>
      </c>
      <c r="K23423" s="2">
        <v>1</v>
      </c>
      <c r="L23423" t="s">
        <v>995</v>
      </c>
      <c r="M23423" t="s">
        <v>87</v>
      </c>
      <c r="N23423" t="s">
        <v>88</v>
      </c>
      <c r="O23423" t="s">
        <v>85</v>
      </c>
      <c r="P23423" t="s">
        <v>86</v>
      </c>
      <c r="Q23423">
        <v>8</v>
      </c>
      <c r="R23423">
        <v>8</v>
      </c>
      <c r="S23423">
        <v>9</v>
      </c>
      <c r="T23423">
        <v>9</v>
      </c>
      <c r="U23423">
        <v>9</v>
      </c>
      <c r="V23423">
        <v>9</v>
      </c>
      <c r="W23423">
        <v>9</v>
      </c>
      <c r="X23423">
        <v>10</v>
      </c>
      <c r="Y23423">
        <v>10</v>
      </c>
      <c r="Z23423">
        <v>10</v>
      </c>
      <c r="AA23423">
        <v>10</v>
      </c>
      <c r="AB23423">
        <v>10</v>
      </c>
      <c r="AC23423">
        <v>11</v>
      </c>
      <c r="AD23423">
        <v>11</v>
      </c>
      <c r="AE23423">
        <v>11</v>
      </c>
      <c r="AF23423">
        <v>11</v>
      </c>
      <c r="AG23423">
        <v>11</v>
      </c>
      <c r="AH23423">
        <v>12</v>
      </c>
      <c r="AI23423">
        <v>12</v>
      </c>
      <c r="AJ23423">
        <v>12</v>
      </c>
      <c r="AK23423">
        <v>12</v>
      </c>
      <c r="AL23423">
        <v>13</v>
      </c>
      <c r="AM23423">
        <v>13</v>
      </c>
      <c r="AN23423">
        <v>13</v>
      </c>
      <c r="AO23423">
        <v>13</v>
      </c>
      <c r="AP23423">
        <v>14</v>
      </c>
      <c r="AQ23423">
        <v>14</v>
      </c>
    </row>
    <row r="23424" spans="1:43">
      <c r="A23424" t="s">
        <v>14505</v>
      </c>
      <c r="B23424" t="s">
        <v>14506</v>
      </c>
      <c r="C23424" t="s">
        <v>14491</v>
      </c>
      <c r="D23424" t="s">
        <v>14492</v>
      </c>
      <c r="E23424" t="s">
        <v>14307</v>
      </c>
      <c r="F23424" t="s">
        <v>14308</v>
      </c>
      <c r="G23424" t="s">
        <v>10734</v>
      </c>
      <c r="H23424" t="s">
        <v>10735</v>
      </c>
      <c r="I23424" s="2">
        <v>0</v>
      </c>
      <c r="J23424" s="2">
        <v>0</v>
      </c>
      <c r="K23424" s="2">
        <v>1</v>
      </c>
      <c r="L23424" t="s">
        <v>995</v>
      </c>
      <c r="M23424" t="s">
        <v>89</v>
      </c>
      <c r="N23424" t="s">
        <v>90</v>
      </c>
      <c r="O23424" t="s">
        <v>85</v>
      </c>
      <c r="P23424" t="s">
        <v>86</v>
      </c>
      <c r="Q23424">
        <v>8</v>
      </c>
      <c r="R23424">
        <v>9</v>
      </c>
      <c r="S23424">
        <v>9</v>
      </c>
      <c r="T23424">
        <v>9</v>
      </c>
      <c r="U23424">
        <v>10</v>
      </c>
      <c r="V23424">
        <v>10</v>
      </c>
      <c r="W23424">
        <v>10</v>
      </c>
      <c r="X23424">
        <v>11</v>
      </c>
      <c r="Y23424">
        <v>11</v>
      </c>
      <c r="Z23424">
        <v>11</v>
      </c>
      <c r="AA23424">
        <v>12</v>
      </c>
      <c r="AB23424">
        <v>12</v>
      </c>
      <c r="AC23424">
        <v>13</v>
      </c>
      <c r="AD23424">
        <v>13</v>
      </c>
      <c r="AE23424">
        <v>13</v>
      </c>
      <c r="AF23424">
        <v>13</v>
      </c>
      <c r="AG23424">
        <v>14</v>
      </c>
      <c r="AH23424">
        <v>14</v>
      </c>
      <c r="AI23424">
        <v>14</v>
      </c>
      <c r="AJ23424">
        <v>14</v>
      </c>
      <c r="AK23424">
        <v>15</v>
      </c>
      <c r="AL23424">
        <v>15</v>
      </c>
      <c r="AM23424">
        <v>15</v>
      </c>
      <c r="AN23424">
        <v>15</v>
      </c>
      <c r="AO23424">
        <v>16</v>
      </c>
      <c r="AP23424">
        <v>16</v>
      </c>
      <c r="AQ23424">
        <v>16</v>
      </c>
    </row>
    <row r="23425" spans="1:43">
      <c r="A23425" t="s">
        <v>14505</v>
      </c>
      <c r="B23425" t="s">
        <v>14506</v>
      </c>
      <c r="C23425" t="s">
        <v>14491</v>
      </c>
      <c r="D23425" t="s">
        <v>14492</v>
      </c>
      <c r="E23425" t="s">
        <v>14307</v>
      </c>
      <c r="F23425" t="s">
        <v>14308</v>
      </c>
      <c r="G23425" t="s">
        <v>10734</v>
      </c>
      <c r="H23425" t="s">
        <v>10735</v>
      </c>
      <c r="I23425" s="2">
        <v>0</v>
      </c>
      <c r="J23425" s="2">
        <v>0</v>
      </c>
      <c r="K23425" s="2">
        <v>1</v>
      </c>
      <c r="L23425" t="s">
        <v>995</v>
      </c>
      <c r="M23425" t="s">
        <v>83</v>
      </c>
      <c r="N23425" t="s">
        <v>91</v>
      </c>
      <c r="O23425" t="s">
        <v>85</v>
      </c>
      <c r="P23425" t="s">
        <v>86</v>
      </c>
      <c r="Q23425">
        <v>8</v>
      </c>
      <c r="R23425">
        <v>9</v>
      </c>
      <c r="S23425">
        <v>9</v>
      </c>
      <c r="T23425">
        <v>9</v>
      </c>
      <c r="U23425">
        <v>9</v>
      </c>
      <c r="V23425">
        <v>10</v>
      </c>
      <c r="W23425">
        <v>10</v>
      </c>
      <c r="X23425">
        <v>10</v>
      </c>
      <c r="Y23425">
        <v>10</v>
      </c>
      <c r="Z23425">
        <v>11</v>
      </c>
      <c r="AA23425">
        <v>11</v>
      </c>
      <c r="AB23425">
        <v>11</v>
      </c>
      <c r="AC23425">
        <v>12</v>
      </c>
      <c r="AD23425">
        <v>12</v>
      </c>
      <c r="AE23425">
        <v>12</v>
      </c>
      <c r="AF23425">
        <v>13</v>
      </c>
      <c r="AG23425">
        <v>13</v>
      </c>
      <c r="AH23425">
        <v>13</v>
      </c>
      <c r="AI23425">
        <v>14</v>
      </c>
      <c r="AJ23425">
        <v>14</v>
      </c>
      <c r="AK23425">
        <v>14</v>
      </c>
      <c r="AL23425">
        <v>15</v>
      </c>
      <c r="AM23425">
        <v>15</v>
      </c>
      <c r="AN23425">
        <v>15</v>
      </c>
      <c r="AO23425">
        <v>15</v>
      </c>
      <c r="AP23425">
        <v>16</v>
      </c>
      <c r="AQ23425">
        <v>16</v>
      </c>
    </row>
    <row r="23426" spans="1:43">
      <c r="A23426" t="s">
        <v>14507</v>
      </c>
      <c r="B23426" t="s">
        <v>14508</v>
      </c>
      <c r="C23426" t="s">
        <v>14491</v>
      </c>
      <c r="D23426" t="s">
        <v>14492</v>
      </c>
      <c r="E23426" t="s">
        <v>14307</v>
      </c>
      <c r="F23426" t="s">
        <v>14308</v>
      </c>
      <c r="G23426" t="s">
        <v>10734</v>
      </c>
      <c r="H23426" t="s">
        <v>10735</v>
      </c>
      <c r="I23426" s="2">
        <v>0</v>
      </c>
      <c r="J23426" s="2">
        <v>0</v>
      </c>
      <c r="K23426" s="2">
        <v>1</v>
      </c>
      <c r="L23426" t="s">
        <v>995</v>
      </c>
      <c r="M23426" t="s">
        <v>83</v>
      </c>
      <c r="N23426" t="s">
        <v>84</v>
      </c>
      <c r="O23426" t="s">
        <v>85</v>
      </c>
      <c r="P23426" t="s">
        <v>86</v>
      </c>
      <c r="Q23426">
        <v>8</v>
      </c>
      <c r="R23426">
        <v>8</v>
      </c>
      <c r="S23426">
        <v>8</v>
      </c>
      <c r="T23426">
        <v>8</v>
      </c>
      <c r="U23426">
        <v>9</v>
      </c>
      <c r="V23426">
        <v>9</v>
      </c>
      <c r="W23426">
        <v>9</v>
      </c>
      <c r="X23426">
        <v>9</v>
      </c>
      <c r="Y23426">
        <v>10</v>
      </c>
      <c r="Z23426">
        <v>10</v>
      </c>
      <c r="AA23426">
        <v>10</v>
      </c>
      <c r="AB23426">
        <v>10</v>
      </c>
      <c r="AC23426">
        <v>11</v>
      </c>
      <c r="AD23426">
        <v>11</v>
      </c>
      <c r="AE23426">
        <v>11</v>
      </c>
      <c r="AF23426">
        <v>12</v>
      </c>
      <c r="AG23426">
        <v>12</v>
      </c>
      <c r="AH23426">
        <v>12</v>
      </c>
      <c r="AI23426">
        <v>13</v>
      </c>
      <c r="AJ23426">
        <v>13</v>
      </c>
      <c r="AK23426">
        <v>13</v>
      </c>
      <c r="AL23426">
        <v>14</v>
      </c>
      <c r="AM23426">
        <v>14</v>
      </c>
      <c r="AN23426">
        <v>14</v>
      </c>
      <c r="AO23426">
        <v>14</v>
      </c>
      <c r="AP23426">
        <v>14</v>
      </c>
      <c r="AQ23426">
        <v>15</v>
      </c>
    </row>
    <row r="23427" spans="1:43">
      <c r="A23427" t="s">
        <v>14507</v>
      </c>
      <c r="B23427" t="s">
        <v>14508</v>
      </c>
      <c r="C23427" t="s">
        <v>14491</v>
      </c>
      <c r="D23427" t="s">
        <v>14492</v>
      </c>
      <c r="E23427" t="s">
        <v>14307</v>
      </c>
      <c r="F23427" t="s">
        <v>14308</v>
      </c>
      <c r="G23427" t="s">
        <v>10734</v>
      </c>
      <c r="H23427" t="s">
        <v>10735</v>
      </c>
      <c r="I23427" s="2">
        <v>0</v>
      </c>
      <c r="J23427" s="2">
        <v>0</v>
      </c>
      <c r="K23427" s="2">
        <v>1</v>
      </c>
      <c r="L23427" t="s">
        <v>995</v>
      </c>
      <c r="M23427" t="s">
        <v>87</v>
      </c>
      <c r="N23427" t="s">
        <v>88</v>
      </c>
      <c r="O23427" t="s">
        <v>85</v>
      </c>
      <c r="P23427" t="s">
        <v>86</v>
      </c>
      <c r="Q23427">
        <v>8</v>
      </c>
      <c r="R23427">
        <v>8</v>
      </c>
      <c r="S23427">
        <v>8</v>
      </c>
      <c r="T23427">
        <v>8</v>
      </c>
      <c r="U23427">
        <v>8</v>
      </c>
      <c r="V23427">
        <v>8</v>
      </c>
      <c r="W23427">
        <v>9</v>
      </c>
      <c r="X23427">
        <v>9</v>
      </c>
      <c r="Y23427">
        <v>9</v>
      </c>
      <c r="Z23427">
        <v>9</v>
      </c>
      <c r="AA23427">
        <v>9</v>
      </c>
      <c r="AB23427">
        <v>9</v>
      </c>
      <c r="AC23427">
        <v>10</v>
      </c>
      <c r="AD23427">
        <v>10</v>
      </c>
      <c r="AE23427">
        <v>10</v>
      </c>
      <c r="AF23427">
        <v>10</v>
      </c>
      <c r="AG23427">
        <v>10</v>
      </c>
      <c r="AH23427">
        <v>11</v>
      </c>
      <c r="AI23427">
        <v>11</v>
      </c>
      <c r="AJ23427">
        <v>11</v>
      </c>
      <c r="AK23427">
        <v>11</v>
      </c>
      <c r="AL23427">
        <v>12</v>
      </c>
      <c r="AM23427">
        <v>12</v>
      </c>
      <c r="AN23427">
        <v>12</v>
      </c>
      <c r="AO23427">
        <v>12</v>
      </c>
      <c r="AP23427">
        <v>13</v>
      </c>
      <c r="AQ23427">
        <v>13</v>
      </c>
    </row>
    <row r="23428" spans="1:43">
      <c r="A23428" t="s">
        <v>14507</v>
      </c>
      <c r="B23428" t="s">
        <v>14508</v>
      </c>
      <c r="C23428" t="s">
        <v>14491</v>
      </c>
      <c r="D23428" t="s">
        <v>14492</v>
      </c>
      <c r="E23428" t="s">
        <v>14307</v>
      </c>
      <c r="F23428" t="s">
        <v>14308</v>
      </c>
      <c r="G23428" t="s">
        <v>10734</v>
      </c>
      <c r="H23428" t="s">
        <v>10735</v>
      </c>
      <c r="I23428" s="2">
        <v>0</v>
      </c>
      <c r="J23428" s="2">
        <v>0</v>
      </c>
      <c r="K23428" s="2">
        <v>1</v>
      </c>
      <c r="L23428" t="s">
        <v>995</v>
      </c>
      <c r="M23428" t="s">
        <v>89</v>
      </c>
      <c r="N23428" t="s">
        <v>90</v>
      </c>
      <c r="O23428" t="s">
        <v>85</v>
      </c>
      <c r="P23428" t="s">
        <v>86</v>
      </c>
      <c r="Q23428">
        <v>8</v>
      </c>
      <c r="R23428">
        <v>8</v>
      </c>
      <c r="S23428">
        <v>8</v>
      </c>
      <c r="T23428">
        <v>9</v>
      </c>
      <c r="U23428">
        <v>9</v>
      </c>
      <c r="V23428">
        <v>9</v>
      </c>
      <c r="W23428">
        <v>10</v>
      </c>
      <c r="X23428">
        <v>10</v>
      </c>
      <c r="Y23428">
        <v>10</v>
      </c>
      <c r="Z23428">
        <v>11</v>
      </c>
      <c r="AA23428">
        <v>11</v>
      </c>
      <c r="AB23428">
        <v>11</v>
      </c>
      <c r="AC23428">
        <v>12</v>
      </c>
      <c r="AD23428">
        <v>12</v>
      </c>
      <c r="AE23428">
        <v>12</v>
      </c>
      <c r="AF23428">
        <v>12</v>
      </c>
      <c r="AG23428">
        <v>13</v>
      </c>
      <c r="AH23428">
        <v>13</v>
      </c>
      <c r="AI23428">
        <v>13</v>
      </c>
      <c r="AJ23428">
        <v>13</v>
      </c>
      <c r="AK23428">
        <v>13</v>
      </c>
      <c r="AL23428">
        <v>14</v>
      </c>
      <c r="AM23428">
        <v>14</v>
      </c>
      <c r="AN23428">
        <v>14</v>
      </c>
      <c r="AO23428">
        <v>14</v>
      </c>
      <c r="AP23428">
        <v>15</v>
      </c>
      <c r="AQ23428">
        <v>15</v>
      </c>
    </row>
    <row r="23429" spans="1:43">
      <c r="A23429" t="s">
        <v>14507</v>
      </c>
      <c r="B23429" t="s">
        <v>14508</v>
      </c>
      <c r="C23429" t="s">
        <v>14491</v>
      </c>
      <c r="D23429" t="s">
        <v>14492</v>
      </c>
      <c r="E23429" t="s">
        <v>14307</v>
      </c>
      <c r="F23429" t="s">
        <v>14308</v>
      </c>
      <c r="G23429" t="s">
        <v>10734</v>
      </c>
      <c r="H23429" t="s">
        <v>10735</v>
      </c>
      <c r="I23429" s="2">
        <v>0</v>
      </c>
      <c r="J23429" s="2">
        <v>0</v>
      </c>
      <c r="K23429" s="2">
        <v>1</v>
      </c>
      <c r="L23429" t="s">
        <v>995</v>
      </c>
      <c r="M23429" t="s">
        <v>83</v>
      </c>
      <c r="N23429" t="s">
        <v>91</v>
      </c>
      <c r="O23429" t="s">
        <v>85</v>
      </c>
      <c r="P23429" t="s">
        <v>86</v>
      </c>
      <c r="Q23429">
        <v>8</v>
      </c>
      <c r="R23429">
        <v>8</v>
      </c>
      <c r="S23429">
        <v>8</v>
      </c>
      <c r="T23429">
        <v>8</v>
      </c>
      <c r="U23429">
        <v>9</v>
      </c>
      <c r="V23429">
        <v>9</v>
      </c>
      <c r="W23429">
        <v>9</v>
      </c>
      <c r="X23429">
        <v>9</v>
      </c>
      <c r="Y23429">
        <v>10</v>
      </c>
      <c r="Z23429">
        <v>10</v>
      </c>
      <c r="AA23429">
        <v>10</v>
      </c>
      <c r="AB23429">
        <v>10</v>
      </c>
      <c r="AC23429">
        <v>11</v>
      </c>
      <c r="AD23429">
        <v>11</v>
      </c>
      <c r="AE23429">
        <v>11</v>
      </c>
      <c r="AF23429">
        <v>12</v>
      </c>
      <c r="AG23429">
        <v>12</v>
      </c>
      <c r="AH23429">
        <v>12</v>
      </c>
      <c r="AI23429">
        <v>13</v>
      </c>
      <c r="AJ23429">
        <v>13</v>
      </c>
      <c r="AK23429">
        <v>13</v>
      </c>
      <c r="AL23429">
        <v>14</v>
      </c>
      <c r="AM23429">
        <v>14</v>
      </c>
      <c r="AN23429">
        <v>14</v>
      </c>
      <c r="AO23429">
        <v>14</v>
      </c>
      <c r="AP23429">
        <v>14</v>
      </c>
      <c r="AQ23429">
        <v>15</v>
      </c>
    </row>
    <row r="23430" spans="1:43">
      <c r="A23430" t="s">
        <v>14509</v>
      </c>
      <c r="B23430" t="s">
        <v>14510</v>
      </c>
      <c r="C23430" t="s">
        <v>14497</v>
      </c>
      <c r="D23430" t="s">
        <v>14498</v>
      </c>
      <c r="E23430" t="s">
        <v>14307</v>
      </c>
      <c r="F23430" t="s">
        <v>14308</v>
      </c>
      <c r="G23430" t="s">
        <v>10734</v>
      </c>
      <c r="H23430" t="s">
        <v>10735</v>
      </c>
      <c r="I23430" s="2">
        <v>0</v>
      </c>
      <c r="J23430" s="2">
        <v>0</v>
      </c>
      <c r="K23430" s="2">
        <v>1</v>
      </c>
      <c r="L23430" t="s">
        <v>995</v>
      </c>
      <c r="M23430" t="s">
        <v>83</v>
      </c>
      <c r="N23430" t="s">
        <v>84</v>
      </c>
      <c r="O23430" t="s">
        <v>85</v>
      </c>
      <c r="P23430" t="s">
        <v>86</v>
      </c>
      <c r="Q23430">
        <v>20</v>
      </c>
      <c r="R23430">
        <v>20</v>
      </c>
      <c r="S23430">
        <v>21</v>
      </c>
      <c r="T23430">
        <v>21</v>
      </c>
      <c r="U23430">
        <v>22</v>
      </c>
      <c r="V23430">
        <v>23</v>
      </c>
      <c r="W23430">
        <v>23</v>
      </c>
      <c r="X23430">
        <v>24</v>
      </c>
      <c r="Y23430">
        <v>25</v>
      </c>
      <c r="Z23430">
        <v>25</v>
      </c>
      <c r="AA23430">
        <v>26</v>
      </c>
      <c r="AB23430">
        <v>27</v>
      </c>
      <c r="AC23430">
        <v>27</v>
      </c>
      <c r="AD23430">
        <v>28</v>
      </c>
      <c r="AE23430">
        <v>29</v>
      </c>
      <c r="AF23430">
        <v>30</v>
      </c>
      <c r="AG23430">
        <v>30</v>
      </c>
      <c r="AH23430">
        <v>31</v>
      </c>
      <c r="AI23430">
        <v>32</v>
      </c>
      <c r="AJ23430">
        <v>33</v>
      </c>
      <c r="AK23430">
        <v>34</v>
      </c>
      <c r="AL23430">
        <v>34</v>
      </c>
      <c r="AM23430">
        <v>35</v>
      </c>
      <c r="AN23430">
        <v>36</v>
      </c>
      <c r="AO23430">
        <v>36</v>
      </c>
      <c r="AP23430">
        <v>37</v>
      </c>
      <c r="AQ23430">
        <v>37</v>
      </c>
    </row>
    <row r="23431" spans="1:43">
      <c r="A23431" t="s">
        <v>14509</v>
      </c>
      <c r="B23431" t="s">
        <v>14510</v>
      </c>
      <c r="C23431" t="s">
        <v>14497</v>
      </c>
      <c r="D23431" t="s">
        <v>14498</v>
      </c>
      <c r="E23431" t="s">
        <v>14307</v>
      </c>
      <c r="F23431" t="s">
        <v>14308</v>
      </c>
      <c r="G23431" t="s">
        <v>10734</v>
      </c>
      <c r="H23431" t="s">
        <v>10735</v>
      </c>
      <c r="I23431" s="2">
        <v>0</v>
      </c>
      <c r="J23431" s="2">
        <v>0</v>
      </c>
      <c r="K23431" s="2">
        <v>1</v>
      </c>
      <c r="L23431" t="s">
        <v>995</v>
      </c>
      <c r="M23431" t="s">
        <v>87</v>
      </c>
      <c r="N23431" t="s">
        <v>88</v>
      </c>
      <c r="O23431" t="s">
        <v>85</v>
      </c>
      <c r="P23431" t="s">
        <v>86</v>
      </c>
      <c r="Q23431">
        <v>20</v>
      </c>
      <c r="R23431">
        <v>21</v>
      </c>
      <c r="S23431">
        <v>21</v>
      </c>
      <c r="T23431">
        <v>22</v>
      </c>
      <c r="U23431">
        <v>22</v>
      </c>
      <c r="V23431">
        <v>22</v>
      </c>
      <c r="W23431">
        <v>23</v>
      </c>
      <c r="X23431">
        <v>23</v>
      </c>
      <c r="Y23431">
        <v>24</v>
      </c>
      <c r="Z23431">
        <v>24</v>
      </c>
      <c r="AA23431">
        <v>25</v>
      </c>
      <c r="AB23431">
        <v>25</v>
      </c>
      <c r="AC23431">
        <v>26</v>
      </c>
      <c r="AD23431">
        <v>26</v>
      </c>
      <c r="AE23431">
        <v>27</v>
      </c>
      <c r="AF23431">
        <v>27</v>
      </c>
      <c r="AG23431">
        <v>28</v>
      </c>
      <c r="AH23431">
        <v>28</v>
      </c>
      <c r="AI23431">
        <v>29</v>
      </c>
      <c r="AJ23431">
        <v>29</v>
      </c>
      <c r="AK23431">
        <v>30</v>
      </c>
      <c r="AL23431">
        <v>30</v>
      </c>
      <c r="AM23431">
        <v>31</v>
      </c>
      <c r="AN23431">
        <v>32</v>
      </c>
      <c r="AO23431">
        <v>32</v>
      </c>
      <c r="AP23431">
        <v>33</v>
      </c>
      <c r="AQ23431">
        <v>33</v>
      </c>
    </row>
    <row r="23432" spans="1:43">
      <c r="A23432" t="s">
        <v>14509</v>
      </c>
      <c r="B23432" t="s">
        <v>14510</v>
      </c>
      <c r="C23432" t="s">
        <v>14497</v>
      </c>
      <c r="D23432" t="s">
        <v>14498</v>
      </c>
      <c r="E23432" t="s">
        <v>14307</v>
      </c>
      <c r="F23432" t="s">
        <v>14308</v>
      </c>
      <c r="G23432" t="s">
        <v>10734</v>
      </c>
      <c r="H23432" t="s">
        <v>10735</v>
      </c>
      <c r="I23432" s="2">
        <v>0</v>
      </c>
      <c r="J23432" s="2">
        <v>0</v>
      </c>
      <c r="K23432" s="2">
        <v>1</v>
      </c>
      <c r="L23432" t="s">
        <v>995</v>
      </c>
      <c r="M23432" t="s">
        <v>89</v>
      </c>
      <c r="N23432" t="s">
        <v>90</v>
      </c>
      <c r="O23432" t="s">
        <v>85</v>
      </c>
      <c r="P23432" t="s">
        <v>86</v>
      </c>
      <c r="Q23432">
        <v>20</v>
      </c>
      <c r="R23432">
        <v>20</v>
      </c>
      <c r="S23432">
        <v>21</v>
      </c>
      <c r="T23432">
        <v>22</v>
      </c>
      <c r="U23432">
        <v>23</v>
      </c>
      <c r="V23432">
        <v>24</v>
      </c>
      <c r="W23432">
        <v>24</v>
      </c>
      <c r="X23432">
        <v>25</v>
      </c>
      <c r="Y23432">
        <v>26</v>
      </c>
      <c r="Z23432">
        <v>27</v>
      </c>
      <c r="AA23432">
        <v>28</v>
      </c>
      <c r="AB23432">
        <v>28</v>
      </c>
      <c r="AC23432">
        <v>29</v>
      </c>
      <c r="AD23432">
        <v>30</v>
      </c>
      <c r="AE23432">
        <v>31</v>
      </c>
      <c r="AF23432">
        <v>31</v>
      </c>
      <c r="AG23432">
        <v>32</v>
      </c>
      <c r="AH23432">
        <v>32</v>
      </c>
      <c r="AI23432">
        <v>33</v>
      </c>
      <c r="AJ23432">
        <v>34</v>
      </c>
      <c r="AK23432">
        <v>34</v>
      </c>
      <c r="AL23432">
        <v>35</v>
      </c>
      <c r="AM23432">
        <v>35</v>
      </c>
      <c r="AN23432">
        <v>36</v>
      </c>
      <c r="AO23432">
        <v>36</v>
      </c>
      <c r="AP23432">
        <v>37</v>
      </c>
      <c r="AQ23432">
        <v>37</v>
      </c>
    </row>
    <row r="23433" spans="1:43">
      <c r="A23433" t="s">
        <v>14509</v>
      </c>
      <c r="B23433" t="s">
        <v>14510</v>
      </c>
      <c r="C23433" t="s">
        <v>14497</v>
      </c>
      <c r="D23433" t="s">
        <v>14498</v>
      </c>
      <c r="E23433" t="s">
        <v>14307</v>
      </c>
      <c r="F23433" t="s">
        <v>14308</v>
      </c>
      <c r="G23433" t="s">
        <v>10734</v>
      </c>
      <c r="H23433" t="s">
        <v>10735</v>
      </c>
      <c r="I23433" s="2">
        <v>0</v>
      </c>
      <c r="J23433" s="2">
        <v>0</v>
      </c>
      <c r="K23433" s="2">
        <v>1</v>
      </c>
      <c r="L23433" t="s">
        <v>995</v>
      </c>
      <c r="M23433" t="s">
        <v>83</v>
      </c>
      <c r="N23433" t="s">
        <v>91</v>
      </c>
      <c r="O23433" t="s">
        <v>85</v>
      </c>
      <c r="P23433" t="s">
        <v>86</v>
      </c>
      <c r="Q23433">
        <v>20</v>
      </c>
      <c r="R23433">
        <v>20</v>
      </c>
      <c r="S23433">
        <v>21</v>
      </c>
      <c r="T23433">
        <v>21</v>
      </c>
      <c r="U23433">
        <v>22</v>
      </c>
      <c r="V23433">
        <v>23</v>
      </c>
      <c r="W23433">
        <v>23</v>
      </c>
      <c r="X23433">
        <v>24</v>
      </c>
      <c r="Y23433">
        <v>25</v>
      </c>
      <c r="Z23433">
        <v>25</v>
      </c>
      <c r="AA23433">
        <v>26</v>
      </c>
      <c r="AB23433">
        <v>27</v>
      </c>
      <c r="AC23433">
        <v>27</v>
      </c>
      <c r="AD23433">
        <v>28</v>
      </c>
      <c r="AE23433">
        <v>29</v>
      </c>
      <c r="AF23433">
        <v>30</v>
      </c>
      <c r="AG23433">
        <v>30</v>
      </c>
      <c r="AH23433">
        <v>31</v>
      </c>
      <c r="AI23433">
        <v>32</v>
      </c>
      <c r="AJ23433">
        <v>33</v>
      </c>
      <c r="AK23433">
        <v>34</v>
      </c>
      <c r="AL23433">
        <v>34</v>
      </c>
      <c r="AM23433">
        <v>35</v>
      </c>
      <c r="AN23433">
        <v>36</v>
      </c>
      <c r="AO23433">
        <v>36</v>
      </c>
      <c r="AP23433">
        <v>37</v>
      </c>
      <c r="AQ23433">
        <v>37</v>
      </c>
    </row>
    <row r="23434" spans="1:43">
      <c r="A23434" t="s">
        <v>14511</v>
      </c>
      <c r="B23434" t="s">
        <v>14512</v>
      </c>
      <c r="C23434" t="s">
        <v>14497</v>
      </c>
      <c r="D23434" t="s">
        <v>14498</v>
      </c>
      <c r="E23434" t="s">
        <v>14307</v>
      </c>
      <c r="F23434" t="s">
        <v>14308</v>
      </c>
      <c r="G23434" t="s">
        <v>10734</v>
      </c>
      <c r="H23434" t="s">
        <v>10735</v>
      </c>
      <c r="I23434" s="2">
        <v>0</v>
      </c>
      <c r="J23434" s="2">
        <v>0</v>
      </c>
      <c r="K23434" s="2">
        <v>1</v>
      </c>
      <c r="L23434" t="s">
        <v>995</v>
      </c>
      <c r="M23434" t="s">
        <v>83</v>
      </c>
      <c r="N23434" t="s">
        <v>84</v>
      </c>
      <c r="O23434" t="s">
        <v>85</v>
      </c>
      <c r="P23434" t="s">
        <v>86</v>
      </c>
      <c r="Q23434">
        <v>9</v>
      </c>
      <c r="R23434">
        <v>10</v>
      </c>
      <c r="S23434">
        <v>10</v>
      </c>
      <c r="T23434">
        <v>10</v>
      </c>
      <c r="U23434">
        <v>11</v>
      </c>
      <c r="V23434">
        <v>11</v>
      </c>
      <c r="W23434">
        <v>11</v>
      </c>
      <c r="X23434">
        <v>12</v>
      </c>
      <c r="Y23434">
        <v>12</v>
      </c>
      <c r="Z23434">
        <v>12</v>
      </c>
      <c r="AA23434">
        <v>13</v>
      </c>
      <c r="AB23434">
        <v>13</v>
      </c>
      <c r="AC23434">
        <v>13</v>
      </c>
      <c r="AD23434">
        <v>14</v>
      </c>
      <c r="AE23434">
        <v>14</v>
      </c>
      <c r="AF23434">
        <v>14</v>
      </c>
      <c r="AG23434">
        <v>15</v>
      </c>
      <c r="AH23434">
        <v>15</v>
      </c>
      <c r="AI23434">
        <v>16</v>
      </c>
      <c r="AJ23434">
        <v>16</v>
      </c>
      <c r="AK23434">
        <v>16</v>
      </c>
      <c r="AL23434">
        <v>17</v>
      </c>
      <c r="AM23434">
        <v>17</v>
      </c>
      <c r="AN23434">
        <v>17</v>
      </c>
      <c r="AO23434">
        <v>17</v>
      </c>
      <c r="AP23434">
        <v>18</v>
      </c>
      <c r="AQ23434">
        <v>18</v>
      </c>
    </row>
    <row r="23435" spans="1:43">
      <c r="A23435" t="s">
        <v>14511</v>
      </c>
      <c r="B23435" t="s">
        <v>14512</v>
      </c>
      <c r="C23435" t="s">
        <v>14497</v>
      </c>
      <c r="D23435" t="s">
        <v>14498</v>
      </c>
      <c r="E23435" t="s">
        <v>14307</v>
      </c>
      <c r="F23435" t="s">
        <v>14308</v>
      </c>
      <c r="G23435" t="s">
        <v>10734</v>
      </c>
      <c r="H23435" t="s">
        <v>10735</v>
      </c>
      <c r="I23435" s="2">
        <v>0</v>
      </c>
      <c r="J23435" s="2">
        <v>0</v>
      </c>
      <c r="K23435" s="2">
        <v>1</v>
      </c>
      <c r="L23435" t="s">
        <v>995</v>
      </c>
      <c r="M23435" t="s">
        <v>87</v>
      </c>
      <c r="N23435" t="s">
        <v>88</v>
      </c>
      <c r="O23435" t="s">
        <v>85</v>
      </c>
      <c r="P23435" t="s">
        <v>86</v>
      </c>
      <c r="Q23435">
        <v>9</v>
      </c>
      <c r="R23435">
        <v>10</v>
      </c>
      <c r="S23435">
        <v>10</v>
      </c>
      <c r="T23435">
        <v>10</v>
      </c>
      <c r="U23435">
        <v>10</v>
      </c>
      <c r="V23435">
        <v>10</v>
      </c>
      <c r="W23435">
        <v>11</v>
      </c>
      <c r="X23435">
        <v>11</v>
      </c>
      <c r="Y23435">
        <v>11</v>
      </c>
      <c r="Z23435">
        <v>11</v>
      </c>
      <c r="AA23435">
        <v>11</v>
      </c>
      <c r="AB23435">
        <v>12</v>
      </c>
      <c r="AC23435">
        <v>12</v>
      </c>
      <c r="AD23435">
        <v>12</v>
      </c>
      <c r="AE23435">
        <v>12</v>
      </c>
      <c r="AF23435">
        <v>13</v>
      </c>
      <c r="AG23435">
        <v>13</v>
      </c>
      <c r="AH23435">
        <v>13</v>
      </c>
      <c r="AI23435">
        <v>13</v>
      </c>
      <c r="AJ23435">
        <v>14</v>
      </c>
      <c r="AK23435">
        <v>14</v>
      </c>
      <c r="AL23435">
        <v>14</v>
      </c>
      <c r="AM23435">
        <v>15</v>
      </c>
      <c r="AN23435">
        <v>15</v>
      </c>
      <c r="AO23435">
        <v>15</v>
      </c>
      <c r="AP23435">
        <v>15</v>
      </c>
      <c r="AQ23435">
        <v>16</v>
      </c>
    </row>
    <row r="23436" spans="1:43">
      <c r="A23436" t="s">
        <v>14511</v>
      </c>
      <c r="B23436" t="s">
        <v>14512</v>
      </c>
      <c r="C23436" t="s">
        <v>14497</v>
      </c>
      <c r="D23436" t="s">
        <v>14498</v>
      </c>
      <c r="E23436" t="s">
        <v>14307</v>
      </c>
      <c r="F23436" t="s">
        <v>14308</v>
      </c>
      <c r="G23436" t="s">
        <v>10734</v>
      </c>
      <c r="H23436" t="s">
        <v>10735</v>
      </c>
      <c r="I23436" s="2">
        <v>0</v>
      </c>
      <c r="J23436" s="2">
        <v>0</v>
      </c>
      <c r="K23436" s="2">
        <v>1</v>
      </c>
      <c r="L23436" t="s">
        <v>995</v>
      </c>
      <c r="M23436" t="s">
        <v>89</v>
      </c>
      <c r="N23436" t="s">
        <v>90</v>
      </c>
      <c r="O23436" t="s">
        <v>85</v>
      </c>
      <c r="P23436" t="s">
        <v>86</v>
      </c>
      <c r="Q23436">
        <v>9</v>
      </c>
      <c r="R23436">
        <v>9</v>
      </c>
      <c r="S23436">
        <v>9</v>
      </c>
      <c r="T23436">
        <v>10</v>
      </c>
      <c r="U23436">
        <v>10</v>
      </c>
      <c r="V23436">
        <v>10</v>
      </c>
      <c r="W23436">
        <v>11</v>
      </c>
      <c r="X23436">
        <v>11</v>
      </c>
      <c r="Y23436">
        <v>12</v>
      </c>
      <c r="Z23436">
        <v>12</v>
      </c>
      <c r="AA23436">
        <v>12</v>
      </c>
      <c r="AB23436">
        <v>13</v>
      </c>
      <c r="AC23436">
        <v>13</v>
      </c>
      <c r="AD23436">
        <v>14</v>
      </c>
      <c r="AE23436">
        <v>14</v>
      </c>
      <c r="AF23436">
        <v>14</v>
      </c>
      <c r="AG23436">
        <v>14</v>
      </c>
      <c r="AH23436">
        <v>15</v>
      </c>
      <c r="AI23436">
        <v>15</v>
      </c>
      <c r="AJ23436">
        <v>15</v>
      </c>
      <c r="AK23436">
        <v>16</v>
      </c>
      <c r="AL23436">
        <v>16</v>
      </c>
      <c r="AM23436">
        <v>16</v>
      </c>
      <c r="AN23436">
        <v>16</v>
      </c>
      <c r="AO23436">
        <v>17</v>
      </c>
      <c r="AP23436">
        <v>17</v>
      </c>
      <c r="AQ23436">
        <v>17</v>
      </c>
    </row>
    <row r="23437" spans="1:43">
      <c r="A23437" t="s">
        <v>14511</v>
      </c>
      <c r="B23437" t="s">
        <v>14512</v>
      </c>
      <c r="C23437" t="s">
        <v>14497</v>
      </c>
      <c r="D23437" t="s">
        <v>14498</v>
      </c>
      <c r="E23437" t="s">
        <v>14307</v>
      </c>
      <c r="F23437" t="s">
        <v>14308</v>
      </c>
      <c r="G23437" t="s">
        <v>10734</v>
      </c>
      <c r="H23437" t="s">
        <v>10735</v>
      </c>
      <c r="I23437" s="2">
        <v>0</v>
      </c>
      <c r="J23437" s="2">
        <v>0</v>
      </c>
      <c r="K23437" s="2">
        <v>1</v>
      </c>
      <c r="L23437" t="s">
        <v>995</v>
      </c>
      <c r="M23437" t="s">
        <v>83</v>
      </c>
      <c r="N23437" t="s">
        <v>91</v>
      </c>
      <c r="O23437" t="s">
        <v>85</v>
      </c>
      <c r="P23437" t="s">
        <v>86</v>
      </c>
      <c r="Q23437">
        <v>9</v>
      </c>
      <c r="R23437">
        <v>10</v>
      </c>
      <c r="S23437">
        <v>10</v>
      </c>
      <c r="T23437">
        <v>10</v>
      </c>
      <c r="U23437">
        <v>11</v>
      </c>
      <c r="V23437">
        <v>11</v>
      </c>
      <c r="W23437">
        <v>11</v>
      </c>
      <c r="X23437">
        <v>12</v>
      </c>
      <c r="Y23437">
        <v>12</v>
      </c>
      <c r="Z23437">
        <v>12</v>
      </c>
      <c r="AA23437">
        <v>13</v>
      </c>
      <c r="AB23437">
        <v>13</v>
      </c>
      <c r="AC23437">
        <v>13</v>
      </c>
      <c r="AD23437">
        <v>14</v>
      </c>
      <c r="AE23437">
        <v>14</v>
      </c>
      <c r="AF23437">
        <v>14</v>
      </c>
      <c r="AG23437">
        <v>15</v>
      </c>
      <c r="AH23437">
        <v>15</v>
      </c>
      <c r="AI23437">
        <v>16</v>
      </c>
      <c r="AJ23437">
        <v>16</v>
      </c>
      <c r="AK23437">
        <v>16</v>
      </c>
      <c r="AL23437">
        <v>17</v>
      </c>
      <c r="AM23437">
        <v>17</v>
      </c>
      <c r="AN23437">
        <v>17</v>
      </c>
      <c r="AO23437">
        <v>17</v>
      </c>
      <c r="AP23437">
        <v>18</v>
      </c>
      <c r="AQ23437">
        <v>18</v>
      </c>
    </row>
    <row r="23438" spans="1:43">
      <c r="A23438" t="s">
        <v>14513</v>
      </c>
      <c r="B23438" t="s">
        <v>14514</v>
      </c>
      <c r="C23438" t="s">
        <v>14453</v>
      </c>
      <c r="D23438" t="s">
        <v>14454</v>
      </c>
      <c r="E23438" t="s">
        <v>14307</v>
      </c>
      <c r="F23438" t="s">
        <v>14308</v>
      </c>
      <c r="G23438" t="s">
        <v>10734</v>
      </c>
      <c r="H23438" t="s">
        <v>10735</v>
      </c>
      <c r="I23438" s="2">
        <v>0</v>
      </c>
      <c r="J23438" s="2">
        <v>0</v>
      </c>
      <c r="K23438" s="2">
        <v>1</v>
      </c>
      <c r="L23438" t="s">
        <v>995</v>
      </c>
      <c r="M23438" t="s">
        <v>83</v>
      </c>
      <c r="N23438" t="s">
        <v>84</v>
      </c>
      <c r="O23438" t="s">
        <v>85</v>
      </c>
      <c r="P23438" t="s">
        <v>86</v>
      </c>
      <c r="Q23438">
        <v>38</v>
      </c>
      <c r="R23438">
        <v>39</v>
      </c>
      <c r="S23438">
        <v>40</v>
      </c>
      <c r="T23438">
        <v>41</v>
      </c>
      <c r="U23438">
        <v>43</v>
      </c>
      <c r="V23438">
        <v>44</v>
      </c>
      <c r="W23438">
        <v>45</v>
      </c>
      <c r="X23438">
        <v>46</v>
      </c>
      <c r="Y23438">
        <v>48</v>
      </c>
      <c r="Z23438">
        <v>49</v>
      </c>
      <c r="AA23438">
        <v>50</v>
      </c>
      <c r="AB23438">
        <v>52</v>
      </c>
      <c r="AC23438">
        <v>53</v>
      </c>
      <c r="AD23438">
        <v>55</v>
      </c>
      <c r="AE23438">
        <v>56</v>
      </c>
      <c r="AF23438">
        <v>58</v>
      </c>
      <c r="AG23438">
        <v>59</v>
      </c>
      <c r="AH23438">
        <v>61</v>
      </c>
      <c r="AI23438">
        <v>62</v>
      </c>
      <c r="AJ23438">
        <v>64</v>
      </c>
      <c r="AK23438">
        <v>66</v>
      </c>
      <c r="AL23438">
        <v>67</v>
      </c>
      <c r="AM23438">
        <v>68</v>
      </c>
      <c r="AN23438">
        <v>69</v>
      </c>
      <c r="AO23438">
        <v>70</v>
      </c>
      <c r="AP23438">
        <v>71</v>
      </c>
      <c r="AQ23438">
        <v>73</v>
      </c>
    </row>
    <row r="23439" spans="1:43">
      <c r="A23439" t="s">
        <v>14513</v>
      </c>
      <c r="B23439" t="s">
        <v>14514</v>
      </c>
      <c r="C23439" t="s">
        <v>14453</v>
      </c>
      <c r="D23439" t="s">
        <v>14454</v>
      </c>
      <c r="E23439" t="s">
        <v>14307</v>
      </c>
      <c r="F23439" t="s">
        <v>14308</v>
      </c>
      <c r="G23439" t="s">
        <v>10734</v>
      </c>
      <c r="H23439" t="s">
        <v>10735</v>
      </c>
      <c r="I23439" s="2">
        <v>0</v>
      </c>
      <c r="J23439" s="2">
        <v>0</v>
      </c>
      <c r="K23439" s="2">
        <v>1</v>
      </c>
      <c r="L23439" t="s">
        <v>995</v>
      </c>
      <c r="M23439" t="s">
        <v>87</v>
      </c>
      <c r="N23439" t="s">
        <v>88</v>
      </c>
      <c r="O23439" t="s">
        <v>85</v>
      </c>
      <c r="P23439" t="s">
        <v>86</v>
      </c>
      <c r="Q23439">
        <v>38</v>
      </c>
      <c r="R23439">
        <v>38</v>
      </c>
      <c r="S23439">
        <v>39</v>
      </c>
      <c r="T23439">
        <v>40</v>
      </c>
      <c r="U23439">
        <v>41</v>
      </c>
      <c r="V23439">
        <v>42</v>
      </c>
      <c r="W23439">
        <v>42</v>
      </c>
      <c r="X23439">
        <v>43</v>
      </c>
      <c r="Y23439">
        <v>44</v>
      </c>
      <c r="Z23439">
        <v>45</v>
      </c>
      <c r="AA23439">
        <v>46</v>
      </c>
      <c r="AB23439">
        <v>47</v>
      </c>
      <c r="AC23439">
        <v>48</v>
      </c>
      <c r="AD23439">
        <v>49</v>
      </c>
      <c r="AE23439">
        <v>50</v>
      </c>
      <c r="AF23439">
        <v>51</v>
      </c>
      <c r="AG23439">
        <v>52</v>
      </c>
      <c r="AH23439">
        <v>53</v>
      </c>
      <c r="AI23439">
        <v>54</v>
      </c>
      <c r="AJ23439">
        <v>55</v>
      </c>
      <c r="AK23439">
        <v>56</v>
      </c>
      <c r="AL23439">
        <v>57</v>
      </c>
      <c r="AM23439">
        <v>58</v>
      </c>
      <c r="AN23439">
        <v>59</v>
      </c>
      <c r="AO23439">
        <v>61</v>
      </c>
      <c r="AP23439">
        <v>62</v>
      </c>
      <c r="AQ23439">
        <v>63</v>
      </c>
    </row>
    <row r="23440" spans="1:43">
      <c r="A23440" t="s">
        <v>14513</v>
      </c>
      <c r="B23440" t="s">
        <v>14514</v>
      </c>
      <c r="C23440" t="s">
        <v>14453</v>
      </c>
      <c r="D23440" t="s">
        <v>14454</v>
      </c>
      <c r="E23440" t="s">
        <v>14307</v>
      </c>
      <c r="F23440" t="s">
        <v>14308</v>
      </c>
      <c r="G23440" t="s">
        <v>10734</v>
      </c>
      <c r="H23440" t="s">
        <v>10735</v>
      </c>
      <c r="I23440" s="2">
        <v>0</v>
      </c>
      <c r="J23440" s="2">
        <v>0</v>
      </c>
      <c r="K23440" s="2">
        <v>1</v>
      </c>
      <c r="L23440" t="s">
        <v>995</v>
      </c>
      <c r="M23440" t="s">
        <v>89</v>
      </c>
      <c r="N23440" t="s">
        <v>90</v>
      </c>
      <c r="O23440" t="s">
        <v>85</v>
      </c>
      <c r="P23440" t="s">
        <v>86</v>
      </c>
      <c r="Q23440">
        <v>38</v>
      </c>
      <c r="R23440">
        <v>40</v>
      </c>
      <c r="S23440">
        <v>41</v>
      </c>
      <c r="T23440">
        <v>43</v>
      </c>
      <c r="U23440">
        <v>44</v>
      </c>
      <c r="V23440">
        <v>46</v>
      </c>
      <c r="W23440">
        <v>47</v>
      </c>
      <c r="X23440">
        <v>49</v>
      </c>
      <c r="Y23440">
        <v>51</v>
      </c>
      <c r="Z23440">
        <v>52</v>
      </c>
      <c r="AA23440">
        <v>54</v>
      </c>
      <c r="AB23440">
        <v>55</v>
      </c>
      <c r="AC23440">
        <v>57</v>
      </c>
      <c r="AD23440">
        <v>59</v>
      </c>
      <c r="AE23440">
        <v>60</v>
      </c>
      <c r="AF23440">
        <v>61</v>
      </c>
      <c r="AG23440">
        <v>62</v>
      </c>
      <c r="AH23440">
        <v>63</v>
      </c>
      <c r="AI23440">
        <v>64</v>
      </c>
      <c r="AJ23440">
        <v>65</v>
      </c>
      <c r="AK23440">
        <v>66</v>
      </c>
      <c r="AL23440">
        <v>67</v>
      </c>
      <c r="AM23440">
        <v>69</v>
      </c>
      <c r="AN23440">
        <v>70</v>
      </c>
      <c r="AO23440">
        <v>71</v>
      </c>
      <c r="AP23440">
        <v>72</v>
      </c>
      <c r="AQ23440">
        <v>73</v>
      </c>
    </row>
    <row r="23441" spans="1:43">
      <c r="A23441" t="s">
        <v>14513</v>
      </c>
      <c r="B23441" t="s">
        <v>14514</v>
      </c>
      <c r="C23441" t="s">
        <v>14453</v>
      </c>
      <c r="D23441" t="s">
        <v>14454</v>
      </c>
      <c r="E23441" t="s">
        <v>14307</v>
      </c>
      <c r="F23441" t="s">
        <v>14308</v>
      </c>
      <c r="G23441" t="s">
        <v>10734</v>
      </c>
      <c r="H23441" t="s">
        <v>10735</v>
      </c>
      <c r="I23441" s="2">
        <v>0</v>
      </c>
      <c r="J23441" s="2">
        <v>0</v>
      </c>
      <c r="K23441" s="2">
        <v>1</v>
      </c>
      <c r="L23441" t="s">
        <v>995</v>
      </c>
      <c r="M23441" t="s">
        <v>83</v>
      </c>
      <c r="N23441" t="s">
        <v>91</v>
      </c>
      <c r="O23441" t="s">
        <v>85</v>
      </c>
      <c r="P23441" t="s">
        <v>86</v>
      </c>
      <c r="Q23441">
        <v>38</v>
      </c>
      <c r="R23441">
        <v>39</v>
      </c>
      <c r="S23441">
        <v>40</v>
      </c>
      <c r="T23441">
        <v>41</v>
      </c>
      <c r="U23441">
        <v>43</v>
      </c>
      <c r="V23441">
        <v>44</v>
      </c>
      <c r="W23441">
        <v>45</v>
      </c>
      <c r="X23441">
        <v>46</v>
      </c>
      <c r="Y23441">
        <v>48</v>
      </c>
      <c r="Z23441">
        <v>49</v>
      </c>
      <c r="AA23441">
        <v>50</v>
      </c>
      <c r="AB23441">
        <v>52</v>
      </c>
      <c r="AC23441">
        <v>53</v>
      </c>
      <c r="AD23441">
        <v>55</v>
      </c>
      <c r="AE23441">
        <v>56</v>
      </c>
      <c r="AF23441">
        <v>58</v>
      </c>
      <c r="AG23441">
        <v>59</v>
      </c>
      <c r="AH23441">
        <v>61</v>
      </c>
      <c r="AI23441">
        <v>62</v>
      </c>
      <c r="AJ23441">
        <v>64</v>
      </c>
      <c r="AK23441">
        <v>66</v>
      </c>
      <c r="AL23441">
        <v>67</v>
      </c>
      <c r="AM23441">
        <v>68</v>
      </c>
      <c r="AN23441">
        <v>69</v>
      </c>
      <c r="AO23441">
        <v>70</v>
      </c>
      <c r="AP23441">
        <v>71</v>
      </c>
      <c r="AQ23441">
        <v>73</v>
      </c>
    </row>
    <row r="23442" spans="1:43">
      <c r="A23442" t="s">
        <v>14515</v>
      </c>
      <c r="B23442" t="s">
        <v>14516</v>
      </c>
      <c r="C23442" t="s">
        <v>14453</v>
      </c>
      <c r="D23442" t="s">
        <v>14454</v>
      </c>
      <c r="E23442" t="s">
        <v>14307</v>
      </c>
      <c r="F23442" t="s">
        <v>14308</v>
      </c>
      <c r="G23442" t="s">
        <v>10734</v>
      </c>
      <c r="H23442" t="s">
        <v>10735</v>
      </c>
      <c r="I23442" s="2">
        <v>0</v>
      </c>
      <c r="J23442" s="2">
        <v>0</v>
      </c>
      <c r="K23442" s="2">
        <v>1</v>
      </c>
      <c r="L23442" t="s">
        <v>995</v>
      </c>
      <c r="M23442" t="s">
        <v>83</v>
      </c>
      <c r="N23442" t="s">
        <v>84</v>
      </c>
      <c r="O23442" t="s">
        <v>85</v>
      </c>
      <c r="P23442" t="s">
        <v>86</v>
      </c>
      <c r="Q23442">
        <v>55</v>
      </c>
      <c r="R23442">
        <v>56</v>
      </c>
      <c r="S23442">
        <v>58</v>
      </c>
      <c r="T23442">
        <v>60</v>
      </c>
      <c r="U23442">
        <v>61</v>
      </c>
      <c r="V23442">
        <v>63</v>
      </c>
      <c r="W23442">
        <v>65</v>
      </c>
      <c r="X23442">
        <v>67</v>
      </c>
      <c r="Y23442">
        <v>69</v>
      </c>
      <c r="Z23442">
        <v>71</v>
      </c>
      <c r="AA23442">
        <v>73</v>
      </c>
      <c r="AB23442">
        <v>75</v>
      </c>
      <c r="AC23442">
        <v>77</v>
      </c>
      <c r="AD23442">
        <v>79</v>
      </c>
      <c r="AE23442">
        <v>81</v>
      </c>
      <c r="AF23442">
        <v>83</v>
      </c>
      <c r="AG23442">
        <v>85</v>
      </c>
      <c r="AH23442">
        <v>87</v>
      </c>
      <c r="AI23442">
        <v>90</v>
      </c>
      <c r="AJ23442">
        <v>92</v>
      </c>
      <c r="AK23442">
        <v>94</v>
      </c>
      <c r="AL23442">
        <v>96</v>
      </c>
      <c r="AM23442">
        <v>98</v>
      </c>
      <c r="AN23442">
        <v>100</v>
      </c>
      <c r="AO23442">
        <v>101</v>
      </c>
      <c r="AP23442">
        <v>103</v>
      </c>
      <c r="AQ23442">
        <v>104</v>
      </c>
    </row>
    <row r="23443" spans="1:43">
      <c r="A23443" t="s">
        <v>14515</v>
      </c>
      <c r="B23443" t="s">
        <v>14516</v>
      </c>
      <c r="C23443" t="s">
        <v>14453</v>
      </c>
      <c r="D23443" t="s">
        <v>14454</v>
      </c>
      <c r="E23443" t="s">
        <v>14307</v>
      </c>
      <c r="F23443" t="s">
        <v>14308</v>
      </c>
      <c r="G23443" t="s">
        <v>10734</v>
      </c>
      <c r="H23443" t="s">
        <v>10735</v>
      </c>
      <c r="I23443" s="2">
        <v>0</v>
      </c>
      <c r="J23443" s="2">
        <v>0</v>
      </c>
      <c r="K23443" s="2">
        <v>1</v>
      </c>
      <c r="L23443" t="s">
        <v>995</v>
      </c>
      <c r="M23443" t="s">
        <v>87</v>
      </c>
      <c r="N23443" t="s">
        <v>88</v>
      </c>
      <c r="O23443" t="s">
        <v>85</v>
      </c>
      <c r="P23443" t="s">
        <v>86</v>
      </c>
      <c r="Q23443">
        <v>55</v>
      </c>
      <c r="R23443">
        <v>56</v>
      </c>
      <c r="S23443">
        <v>57</v>
      </c>
      <c r="T23443">
        <v>58</v>
      </c>
      <c r="U23443">
        <v>60</v>
      </c>
      <c r="V23443">
        <v>61</v>
      </c>
      <c r="W23443">
        <v>62</v>
      </c>
      <c r="X23443">
        <v>63</v>
      </c>
      <c r="Y23443">
        <v>64</v>
      </c>
      <c r="Z23443">
        <v>66</v>
      </c>
      <c r="AA23443">
        <v>67</v>
      </c>
      <c r="AB23443">
        <v>68</v>
      </c>
      <c r="AC23443">
        <v>70</v>
      </c>
      <c r="AD23443">
        <v>71</v>
      </c>
      <c r="AE23443">
        <v>73</v>
      </c>
      <c r="AF23443">
        <v>74</v>
      </c>
      <c r="AG23443">
        <v>75</v>
      </c>
      <c r="AH23443">
        <v>77</v>
      </c>
      <c r="AI23443">
        <v>79</v>
      </c>
      <c r="AJ23443">
        <v>80</v>
      </c>
      <c r="AK23443">
        <v>82</v>
      </c>
      <c r="AL23443">
        <v>83</v>
      </c>
      <c r="AM23443">
        <v>85</v>
      </c>
      <c r="AN23443">
        <v>87</v>
      </c>
      <c r="AO23443">
        <v>88</v>
      </c>
      <c r="AP23443">
        <v>90</v>
      </c>
      <c r="AQ23443">
        <v>92</v>
      </c>
    </row>
    <row r="23444" spans="1:43">
      <c r="A23444" t="s">
        <v>14515</v>
      </c>
      <c r="B23444" t="s">
        <v>14516</v>
      </c>
      <c r="C23444" t="s">
        <v>14453</v>
      </c>
      <c r="D23444" t="s">
        <v>14454</v>
      </c>
      <c r="E23444" t="s">
        <v>14307</v>
      </c>
      <c r="F23444" t="s">
        <v>14308</v>
      </c>
      <c r="G23444" t="s">
        <v>10734</v>
      </c>
      <c r="H23444" t="s">
        <v>10735</v>
      </c>
      <c r="I23444" s="2">
        <v>0</v>
      </c>
      <c r="J23444" s="2">
        <v>0</v>
      </c>
      <c r="K23444" s="2">
        <v>1</v>
      </c>
      <c r="L23444" t="s">
        <v>995</v>
      </c>
      <c r="M23444" t="s">
        <v>89</v>
      </c>
      <c r="N23444" t="s">
        <v>90</v>
      </c>
      <c r="O23444" t="s">
        <v>85</v>
      </c>
      <c r="P23444" t="s">
        <v>86</v>
      </c>
      <c r="Q23444">
        <v>55</v>
      </c>
      <c r="R23444">
        <v>57</v>
      </c>
      <c r="S23444">
        <v>59</v>
      </c>
      <c r="T23444">
        <v>62</v>
      </c>
      <c r="U23444">
        <v>64</v>
      </c>
      <c r="V23444">
        <v>66</v>
      </c>
      <c r="W23444">
        <v>68</v>
      </c>
      <c r="X23444">
        <v>70</v>
      </c>
      <c r="Y23444">
        <v>73</v>
      </c>
      <c r="Z23444">
        <v>75</v>
      </c>
      <c r="AA23444">
        <v>77</v>
      </c>
      <c r="AB23444">
        <v>80</v>
      </c>
      <c r="AC23444">
        <v>82</v>
      </c>
      <c r="AD23444">
        <v>85</v>
      </c>
      <c r="AE23444">
        <v>87</v>
      </c>
      <c r="AF23444">
        <v>88</v>
      </c>
      <c r="AG23444">
        <v>90</v>
      </c>
      <c r="AH23444">
        <v>91</v>
      </c>
      <c r="AI23444">
        <v>93</v>
      </c>
      <c r="AJ23444">
        <v>94</v>
      </c>
      <c r="AK23444">
        <v>96</v>
      </c>
      <c r="AL23444">
        <v>97</v>
      </c>
      <c r="AM23444">
        <v>99</v>
      </c>
      <c r="AN23444">
        <v>100</v>
      </c>
      <c r="AO23444">
        <v>102</v>
      </c>
      <c r="AP23444">
        <v>104</v>
      </c>
      <c r="AQ23444">
        <v>105</v>
      </c>
    </row>
    <row r="23445" spans="1:43">
      <c r="A23445" t="s">
        <v>14515</v>
      </c>
      <c r="B23445" t="s">
        <v>14516</v>
      </c>
      <c r="C23445" t="s">
        <v>14453</v>
      </c>
      <c r="D23445" t="s">
        <v>14454</v>
      </c>
      <c r="E23445" t="s">
        <v>14307</v>
      </c>
      <c r="F23445" t="s">
        <v>14308</v>
      </c>
      <c r="G23445" t="s">
        <v>10734</v>
      </c>
      <c r="H23445" t="s">
        <v>10735</v>
      </c>
      <c r="I23445" s="2">
        <v>0</v>
      </c>
      <c r="J23445" s="2">
        <v>0</v>
      </c>
      <c r="K23445" s="2">
        <v>1</v>
      </c>
      <c r="L23445" t="s">
        <v>995</v>
      </c>
      <c r="M23445" t="s">
        <v>83</v>
      </c>
      <c r="N23445" t="s">
        <v>91</v>
      </c>
      <c r="O23445" t="s">
        <v>85</v>
      </c>
      <c r="P23445" t="s">
        <v>86</v>
      </c>
      <c r="Q23445">
        <v>55</v>
      </c>
      <c r="R23445">
        <v>56</v>
      </c>
      <c r="S23445">
        <v>58</v>
      </c>
      <c r="T23445">
        <v>60</v>
      </c>
      <c r="U23445">
        <v>61</v>
      </c>
      <c r="V23445">
        <v>63</v>
      </c>
      <c r="W23445">
        <v>65</v>
      </c>
      <c r="X23445">
        <v>67</v>
      </c>
      <c r="Y23445">
        <v>69</v>
      </c>
      <c r="Z23445">
        <v>71</v>
      </c>
      <c r="AA23445">
        <v>73</v>
      </c>
      <c r="AB23445">
        <v>75</v>
      </c>
      <c r="AC23445">
        <v>77</v>
      </c>
      <c r="AD23445">
        <v>79</v>
      </c>
      <c r="AE23445">
        <v>81</v>
      </c>
      <c r="AF23445">
        <v>83</v>
      </c>
      <c r="AG23445">
        <v>85</v>
      </c>
      <c r="AH23445">
        <v>87</v>
      </c>
      <c r="AI23445">
        <v>90</v>
      </c>
      <c r="AJ23445">
        <v>92</v>
      </c>
      <c r="AK23445">
        <v>94</v>
      </c>
      <c r="AL23445">
        <v>96</v>
      </c>
      <c r="AM23445">
        <v>98</v>
      </c>
      <c r="AN23445">
        <v>100</v>
      </c>
      <c r="AO23445">
        <v>101</v>
      </c>
      <c r="AP23445">
        <v>103</v>
      </c>
      <c r="AQ23445">
        <v>104</v>
      </c>
    </row>
    <row r="23446" spans="1:43">
      <c r="A23446" t="s">
        <v>14517</v>
      </c>
      <c r="B23446" t="s">
        <v>14518</v>
      </c>
      <c r="C23446" t="s">
        <v>14453</v>
      </c>
      <c r="D23446" t="s">
        <v>14454</v>
      </c>
      <c r="E23446" t="s">
        <v>14307</v>
      </c>
      <c r="F23446" t="s">
        <v>14308</v>
      </c>
      <c r="G23446" t="s">
        <v>10734</v>
      </c>
      <c r="H23446" t="s">
        <v>10735</v>
      </c>
      <c r="I23446" s="2">
        <v>0</v>
      </c>
      <c r="J23446" s="2">
        <v>0</v>
      </c>
      <c r="K23446" s="2">
        <v>1</v>
      </c>
      <c r="L23446" t="s">
        <v>995</v>
      </c>
      <c r="M23446" t="s">
        <v>83</v>
      </c>
      <c r="N23446" t="s">
        <v>84</v>
      </c>
      <c r="O23446" t="s">
        <v>85</v>
      </c>
      <c r="P23446" t="s">
        <v>86</v>
      </c>
      <c r="Q23446">
        <v>43</v>
      </c>
      <c r="R23446">
        <v>45</v>
      </c>
      <c r="S23446">
        <v>46</v>
      </c>
      <c r="T23446">
        <v>47</v>
      </c>
      <c r="U23446">
        <v>49</v>
      </c>
      <c r="V23446">
        <v>50</v>
      </c>
      <c r="W23446">
        <v>51</v>
      </c>
      <c r="X23446">
        <v>53</v>
      </c>
      <c r="Y23446">
        <v>54</v>
      </c>
      <c r="Z23446">
        <v>56</v>
      </c>
      <c r="AA23446">
        <v>58</v>
      </c>
      <c r="AB23446">
        <v>59</v>
      </c>
      <c r="AC23446">
        <v>61</v>
      </c>
      <c r="AD23446">
        <v>62</v>
      </c>
      <c r="AE23446">
        <v>64</v>
      </c>
      <c r="AF23446">
        <v>66</v>
      </c>
      <c r="AG23446">
        <v>67</v>
      </c>
      <c r="AH23446">
        <v>69</v>
      </c>
      <c r="AI23446">
        <v>71</v>
      </c>
      <c r="AJ23446">
        <v>73</v>
      </c>
      <c r="AK23446">
        <v>75</v>
      </c>
      <c r="AL23446">
        <v>76</v>
      </c>
      <c r="AM23446">
        <v>77</v>
      </c>
      <c r="AN23446">
        <v>79</v>
      </c>
      <c r="AO23446">
        <v>80</v>
      </c>
      <c r="AP23446">
        <v>81</v>
      </c>
      <c r="AQ23446">
        <v>83</v>
      </c>
    </row>
    <row r="23447" spans="1:43">
      <c r="A23447" t="s">
        <v>14517</v>
      </c>
      <c r="B23447" t="s">
        <v>14518</v>
      </c>
      <c r="C23447" t="s">
        <v>14453</v>
      </c>
      <c r="D23447" t="s">
        <v>14454</v>
      </c>
      <c r="E23447" t="s">
        <v>14307</v>
      </c>
      <c r="F23447" t="s">
        <v>14308</v>
      </c>
      <c r="G23447" t="s">
        <v>10734</v>
      </c>
      <c r="H23447" t="s">
        <v>10735</v>
      </c>
      <c r="I23447" s="2">
        <v>0</v>
      </c>
      <c r="J23447" s="2">
        <v>0</v>
      </c>
      <c r="K23447" s="2">
        <v>1</v>
      </c>
      <c r="L23447" t="s">
        <v>995</v>
      </c>
      <c r="M23447" t="s">
        <v>87</v>
      </c>
      <c r="N23447" t="s">
        <v>88</v>
      </c>
      <c r="O23447" t="s">
        <v>85</v>
      </c>
      <c r="P23447" t="s">
        <v>86</v>
      </c>
      <c r="Q23447">
        <v>43</v>
      </c>
      <c r="R23447">
        <v>44</v>
      </c>
      <c r="S23447">
        <v>45</v>
      </c>
      <c r="T23447">
        <v>46</v>
      </c>
      <c r="U23447">
        <v>46</v>
      </c>
      <c r="V23447">
        <v>47</v>
      </c>
      <c r="W23447">
        <v>48</v>
      </c>
      <c r="X23447">
        <v>49</v>
      </c>
      <c r="Y23447">
        <v>50</v>
      </c>
      <c r="Z23447">
        <v>51</v>
      </c>
      <c r="AA23447">
        <v>52</v>
      </c>
      <c r="AB23447">
        <v>53</v>
      </c>
      <c r="AC23447">
        <v>54</v>
      </c>
      <c r="AD23447">
        <v>56</v>
      </c>
      <c r="AE23447">
        <v>57</v>
      </c>
      <c r="AF23447">
        <v>58</v>
      </c>
      <c r="AG23447">
        <v>59</v>
      </c>
      <c r="AH23447">
        <v>60</v>
      </c>
      <c r="AI23447">
        <v>61</v>
      </c>
      <c r="AJ23447">
        <v>63</v>
      </c>
      <c r="AK23447">
        <v>64</v>
      </c>
      <c r="AL23447">
        <v>65</v>
      </c>
      <c r="AM23447">
        <v>66</v>
      </c>
      <c r="AN23447">
        <v>68</v>
      </c>
      <c r="AO23447">
        <v>69</v>
      </c>
      <c r="AP23447">
        <v>70</v>
      </c>
      <c r="AQ23447">
        <v>72</v>
      </c>
    </row>
    <row r="23448" spans="1:43">
      <c r="A23448" t="s">
        <v>14517</v>
      </c>
      <c r="B23448" t="s">
        <v>14518</v>
      </c>
      <c r="C23448" t="s">
        <v>14453</v>
      </c>
      <c r="D23448" t="s">
        <v>14454</v>
      </c>
      <c r="E23448" t="s">
        <v>14307</v>
      </c>
      <c r="F23448" t="s">
        <v>14308</v>
      </c>
      <c r="G23448" t="s">
        <v>10734</v>
      </c>
      <c r="H23448" t="s">
        <v>10735</v>
      </c>
      <c r="I23448" s="2">
        <v>0</v>
      </c>
      <c r="J23448" s="2">
        <v>0</v>
      </c>
      <c r="K23448" s="2">
        <v>1</v>
      </c>
      <c r="L23448" t="s">
        <v>995</v>
      </c>
      <c r="M23448" t="s">
        <v>89</v>
      </c>
      <c r="N23448" t="s">
        <v>90</v>
      </c>
      <c r="O23448" t="s">
        <v>85</v>
      </c>
      <c r="P23448" t="s">
        <v>86</v>
      </c>
      <c r="Q23448">
        <v>43</v>
      </c>
      <c r="R23448">
        <v>44</v>
      </c>
      <c r="S23448">
        <v>46</v>
      </c>
      <c r="T23448">
        <v>48</v>
      </c>
      <c r="U23448">
        <v>50</v>
      </c>
      <c r="V23448">
        <v>51</v>
      </c>
      <c r="W23448">
        <v>53</v>
      </c>
      <c r="X23448">
        <v>55</v>
      </c>
      <c r="Y23448">
        <v>57</v>
      </c>
      <c r="Z23448">
        <v>58</v>
      </c>
      <c r="AA23448">
        <v>60</v>
      </c>
      <c r="AB23448">
        <v>62</v>
      </c>
      <c r="AC23448">
        <v>64</v>
      </c>
      <c r="AD23448">
        <v>66</v>
      </c>
      <c r="AE23448">
        <v>68</v>
      </c>
      <c r="AF23448">
        <v>69</v>
      </c>
      <c r="AG23448">
        <v>70</v>
      </c>
      <c r="AH23448">
        <v>71</v>
      </c>
      <c r="AI23448">
        <v>72</v>
      </c>
      <c r="AJ23448">
        <v>73</v>
      </c>
      <c r="AK23448">
        <v>75</v>
      </c>
      <c r="AL23448">
        <v>76</v>
      </c>
      <c r="AM23448">
        <v>77</v>
      </c>
      <c r="AN23448">
        <v>78</v>
      </c>
      <c r="AO23448">
        <v>80</v>
      </c>
      <c r="AP23448">
        <v>81</v>
      </c>
      <c r="AQ23448">
        <v>82</v>
      </c>
    </row>
    <row r="23449" spans="1:43">
      <c r="A23449" t="s">
        <v>14517</v>
      </c>
      <c r="B23449" t="s">
        <v>14518</v>
      </c>
      <c r="C23449" t="s">
        <v>14453</v>
      </c>
      <c r="D23449" t="s">
        <v>14454</v>
      </c>
      <c r="E23449" t="s">
        <v>14307</v>
      </c>
      <c r="F23449" t="s">
        <v>14308</v>
      </c>
      <c r="G23449" t="s">
        <v>10734</v>
      </c>
      <c r="H23449" t="s">
        <v>10735</v>
      </c>
      <c r="I23449" s="2">
        <v>0</v>
      </c>
      <c r="J23449" s="2">
        <v>0</v>
      </c>
      <c r="K23449" s="2">
        <v>1</v>
      </c>
      <c r="L23449" t="s">
        <v>995</v>
      </c>
      <c r="M23449" t="s">
        <v>83</v>
      </c>
      <c r="N23449" t="s">
        <v>91</v>
      </c>
      <c r="O23449" t="s">
        <v>85</v>
      </c>
      <c r="P23449" t="s">
        <v>86</v>
      </c>
      <c r="Q23449">
        <v>43</v>
      </c>
      <c r="R23449">
        <v>45</v>
      </c>
      <c r="S23449">
        <v>46</v>
      </c>
      <c r="T23449">
        <v>47</v>
      </c>
      <c r="U23449">
        <v>49</v>
      </c>
      <c r="V23449">
        <v>50</v>
      </c>
      <c r="W23449">
        <v>51</v>
      </c>
      <c r="X23449">
        <v>53</v>
      </c>
      <c r="Y23449">
        <v>54</v>
      </c>
      <c r="Z23449">
        <v>56</v>
      </c>
      <c r="AA23449">
        <v>58</v>
      </c>
      <c r="AB23449">
        <v>59</v>
      </c>
      <c r="AC23449">
        <v>61</v>
      </c>
      <c r="AD23449">
        <v>62</v>
      </c>
      <c r="AE23449">
        <v>64</v>
      </c>
      <c r="AF23449">
        <v>66</v>
      </c>
      <c r="AG23449">
        <v>67</v>
      </c>
      <c r="AH23449">
        <v>69</v>
      </c>
      <c r="AI23449">
        <v>71</v>
      </c>
      <c r="AJ23449">
        <v>73</v>
      </c>
      <c r="AK23449">
        <v>75</v>
      </c>
      <c r="AL23449">
        <v>76</v>
      </c>
      <c r="AM23449">
        <v>77</v>
      </c>
      <c r="AN23449">
        <v>79</v>
      </c>
      <c r="AO23449">
        <v>80</v>
      </c>
      <c r="AP23449">
        <v>81</v>
      </c>
      <c r="AQ23449">
        <v>83</v>
      </c>
    </row>
    <row r="23450" spans="1:43">
      <c r="A23450" t="s">
        <v>14519</v>
      </c>
      <c r="B23450" t="s">
        <v>14520</v>
      </c>
      <c r="C23450" t="s">
        <v>14521</v>
      </c>
      <c r="D23450" t="s">
        <v>14522</v>
      </c>
      <c r="E23450" t="s">
        <v>14307</v>
      </c>
      <c r="F23450" t="s">
        <v>14308</v>
      </c>
      <c r="G23450" t="s">
        <v>10734</v>
      </c>
      <c r="H23450" t="s">
        <v>10735</v>
      </c>
      <c r="I23450" s="2">
        <v>0</v>
      </c>
      <c r="J23450" s="2">
        <v>0</v>
      </c>
      <c r="K23450" s="2">
        <v>1</v>
      </c>
      <c r="L23450" t="s">
        <v>995</v>
      </c>
      <c r="M23450" t="s">
        <v>83</v>
      </c>
      <c r="N23450" t="s">
        <v>84</v>
      </c>
      <c r="O23450" t="s">
        <v>85</v>
      </c>
      <c r="P23450" t="s">
        <v>86</v>
      </c>
      <c r="Q23450">
        <v>37</v>
      </c>
      <c r="R23450">
        <v>38</v>
      </c>
      <c r="S23450">
        <v>39</v>
      </c>
      <c r="T23450">
        <v>40</v>
      </c>
      <c r="U23450">
        <v>41</v>
      </c>
      <c r="V23450">
        <v>42</v>
      </c>
      <c r="W23450">
        <v>44</v>
      </c>
      <c r="X23450">
        <v>45</v>
      </c>
      <c r="Y23450">
        <v>46</v>
      </c>
      <c r="Z23450">
        <v>47</v>
      </c>
      <c r="AA23450">
        <v>49</v>
      </c>
      <c r="AB23450">
        <v>50</v>
      </c>
      <c r="AC23450">
        <v>51</v>
      </c>
      <c r="AD23450">
        <v>53</v>
      </c>
      <c r="AE23450">
        <v>54</v>
      </c>
      <c r="AF23450">
        <v>56</v>
      </c>
      <c r="AG23450">
        <v>57</v>
      </c>
      <c r="AH23450">
        <v>59</v>
      </c>
      <c r="AI23450">
        <v>60</v>
      </c>
      <c r="AJ23450">
        <v>62</v>
      </c>
      <c r="AK23450">
        <v>63</v>
      </c>
      <c r="AL23450">
        <v>65</v>
      </c>
      <c r="AM23450">
        <v>66</v>
      </c>
      <c r="AN23450">
        <v>67</v>
      </c>
      <c r="AO23450">
        <v>68</v>
      </c>
      <c r="AP23450">
        <v>69</v>
      </c>
      <c r="AQ23450">
        <v>70</v>
      </c>
    </row>
    <row r="23451" spans="1:43">
      <c r="A23451" t="s">
        <v>14519</v>
      </c>
      <c r="B23451" t="s">
        <v>14520</v>
      </c>
      <c r="C23451" t="s">
        <v>14521</v>
      </c>
      <c r="D23451" t="s">
        <v>14522</v>
      </c>
      <c r="E23451" t="s">
        <v>14307</v>
      </c>
      <c r="F23451" t="s">
        <v>14308</v>
      </c>
      <c r="G23451" t="s">
        <v>10734</v>
      </c>
      <c r="H23451" t="s">
        <v>10735</v>
      </c>
      <c r="I23451" s="2">
        <v>0</v>
      </c>
      <c r="J23451" s="2">
        <v>0</v>
      </c>
      <c r="K23451" s="2">
        <v>1</v>
      </c>
      <c r="L23451" t="s">
        <v>995</v>
      </c>
      <c r="M23451" t="s">
        <v>87</v>
      </c>
      <c r="N23451" t="s">
        <v>88</v>
      </c>
      <c r="O23451" t="s">
        <v>85</v>
      </c>
      <c r="P23451" t="s">
        <v>86</v>
      </c>
      <c r="Q23451">
        <v>37</v>
      </c>
      <c r="R23451">
        <v>38</v>
      </c>
      <c r="S23451">
        <v>39</v>
      </c>
      <c r="T23451">
        <v>40</v>
      </c>
      <c r="U23451">
        <v>40</v>
      </c>
      <c r="V23451">
        <v>41</v>
      </c>
      <c r="W23451">
        <v>42</v>
      </c>
      <c r="X23451">
        <v>43</v>
      </c>
      <c r="Y23451">
        <v>44</v>
      </c>
      <c r="Z23451">
        <v>44</v>
      </c>
      <c r="AA23451">
        <v>45</v>
      </c>
      <c r="AB23451">
        <v>46</v>
      </c>
      <c r="AC23451">
        <v>47</v>
      </c>
      <c r="AD23451">
        <v>48</v>
      </c>
      <c r="AE23451">
        <v>49</v>
      </c>
      <c r="AF23451">
        <v>50</v>
      </c>
      <c r="AG23451">
        <v>51</v>
      </c>
      <c r="AH23451">
        <v>52</v>
      </c>
      <c r="AI23451">
        <v>53</v>
      </c>
      <c r="AJ23451">
        <v>54</v>
      </c>
      <c r="AK23451">
        <v>55</v>
      </c>
      <c r="AL23451">
        <v>56</v>
      </c>
      <c r="AM23451">
        <v>57</v>
      </c>
      <c r="AN23451">
        <v>58</v>
      </c>
      <c r="AO23451">
        <v>59</v>
      </c>
      <c r="AP23451">
        <v>61</v>
      </c>
      <c r="AQ23451">
        <v>62</v>
      </c>
    </row>
    <row r="23452" spans="1:43">
      <c r="A23452" t="s">
        <v>14519</v>
      </c>
      <c r="B23452" t="s">
        <v>14520</v>
      </c>
      <c r="C23452" t="s">
        <v>14521</v>
      </c>
      <c r="D23452" t="s">
        <v>14522</v>
      </c>
      <c r="E23452" t="s">
        <v>14307</v>
      </c>
      <c r="F23452" t="s">
        <v>14308</v>
      </c>
      <c r="G23452" t="s">
        <v>10734</v>
      </c>
      <c r="H23452" t="s">
        <v>10735</v>
      </c>
      <c r="I23452" s="2">
        <v>0</v>
      </c>
      <c r="J23452" s="2">
        <v>0</v>
      </c>
      <c r="K23452" s="2">
        <v>1</v>
      </c>
      <c r="L23452" t="s">
        <v>995</v>
      </c>
      <c r="M23452" t="s">
        <v>89</v>
      </c>
      <c r="N23452" t="s">
        <v>90</v>
      </c>
      <c r="O23452" t="s">
        <v>85</v>
      </c>
      <c r="P23452" t="s">
        <v>86</v>
      </c>
      <c r="Q23452">
        <v>37</v>
      </c>
      <c r="R23452">
        <v>38</v>
      </c>
      <c r="S23452">
        <v>40</v>
      </c>
      <c r="T23452">
        <v>41</v>
      </c>
      <c r="U23452">
        <v>43</v>
      </c>
      <c r="V23452">
        <v>44</v>
      </c>
      <c r="W23452">
        <v>46</v>
      </c>
      <c r="X23452">
        <v>47</v>
      </c>
      <c r="Y23452">
        <v>49</v>
      </c>
      <c r="Z23452">
        <v>50</v>
      </c>
      <c r="AA23452">
        <v>52</v>
      </c>
      <c r="AB23452">
        <v>53</v>
      </c>
      <c r="AC23452">
        <v>55</v>
      </c>
      <c r="AD23452">
        <v>57</v>
      </c>
      <c r="AE23452">
        <v>58</v>
      </c>
      <c r="AF23452">
        <v>59</v>
      </c>
      <c r="AG23452">
        <v>60</v>
      </c>
      <c r="AH23452">
        <v>61</v>
      </c>
      <c r="AI23452">
        <v>62</v>
      </c>
      <c r="AJ23452">
        <v>63</v>
      </c>
      <c r="AK23452">
        <v>64</v>
      </c>
      <c r="AL23452">
        <v>65</v>
      </c>
      <c r="AM23452">
        <v>66</v>
      </c>
      <c r="AN23452">
        <v>67</v>
      </c>
      <c r="AO23452">
        <v>68</v>
      </c>
      <c r="AP23452">
        <v>69</v>
      </c>
      <c r="AQ23452">
        <v>71</v>
      </c>
    </row>
    <row r="23453" spans="1:43">
      <c r="A23453" t="s">
        <v>14519</v>
      </c>
      <c r="B23453" t="s">
        <v>14520</v>
      </c>
      <c r="C23453" t="s">
        <v>14521</v>
      </c>
      <c r="D23453" t="s">
        <v>14522</v>
      </c>
      <c r="E23453" t="s">
        <v>14307</v>
      </c>
      <c r="F23453" t="s">
        <v>14308</v>
      </c>
      <c r="G23453" t="s">
        <v>10734</v>
      </c>
      <c r="H23453" t="s">
        <v>10735</v>
      </c>
      <c r="I23453" s="2">
        <v>0</v>
      </c>
      <c r="J23453" s="2">
        <v>0</v>
      </c>
      <c r="K23453" s="2">
        <v>1</v>
      </c>
      <c r="L23453" t="s">
        <v>995</v>
      </c>
      <c r="M23453" t="s">
        <v>83</v>
      </c>
      <c r="N23453" t="s">
        <v>91</v>
      </c>
      <c r="O23453" t="s">
        <v>85</v>
      </c>
      <c r="P23453" t="s">
        <v>86</v>
      </c>
      <c r="Q23453">
        <v>37</v>
      </c>
      <c r="R23453">
        <v>38</v>
      </c>
      <c r="S23453">
        <v>39</v>
      </c>
      <c r="T23453">
        <v>40</v>
      </c>
      <c r="U23453">
        <v>41</v>
      </c>
      <c r="V23453">
        <v>42</v>
      </c>
      <c r="W23453">
        <v>44</v>
      </c>
      <c r="X23453">
        <v>45</v>
      </c>
      <c r="Y23453">
        <v>46</v>
      </c>
      <c r="Z23453">
        <v>47</v>
      </c>
      <c r="AA23453">
        <v>49</v>
      </c>
      <c r="AB23453">
        <v>50</v>
      </c>
      <c r="AC23453">
        <v>51</v>
      </c>
      <c r="AD23453">
        <v>53</v>
      </c>
      <c r="AE23453">
        <v>54</v>
      </c>
      <c r="AF23453">
        <v>56</v>
      </c>
      <c r="AG23453">
        <v>57</v>
      </c>
      <c r="AH23453">
        <v>59</v>
      </c>
      <c r="AI23453">
        <v>60</v>
      </c>
      <c r="AJ23453">
        <v>62</v>
      </c>
      <c r="AK23453">
        <v>63</v>
      </c>
      <c r="AL23453">
        <v>65</v>
      </c>
      <c r="AM23453">
        <v>66</v>
      </c>
      <c r="AN23453">
        <v>67</v>
      </c>
      <c r="AO23453">
        <v>68</v>
      </c>
      <c r="AP23453">
        <v>69</v>
      </c>
      <c r="AQ23453">
        <v>70</v>
      </c>
    </row>
    <row r="23454" spans="1:43">
      <c r="A23454" t="s">
        <v>14523</v>
      </c>
      <c r="B23454" t="s">
        <v>14524</v>
      </c>
      <c r="C23454" t="s">
        <v>14521</v>
      </c>
      <c r="D23454" t="s">
        <v>14522</v>
      </c>
      <c r="E23454" t="s">
        <v>14307</v>
      </c>
      <c r="F23454" t="s">
        <v>14308</v>
      </c>
      <c r="G23454" t="s">
        <v>10734</v>
      </c>
      <c r="H23454" t="s">
        <v>10735</v>
      </c>
      <c r="I23454" s="2">
        <v>0</v>
      </c>
      <c r="J23454" s="2">
        <v>0</v>
      </c>
      <c r="K23454" s="2">
        <v>1</v>
      </c>
      <c r="L23454" t="s">
        <v>995</v>
      </c>
      <c r="M23454" t="s">
        <v>83</v>
      </c>
      <c r="N23454" t="s">
        <v>84</v>
      </c>
      <c r="O23454" t="s">
        <v>85</v>
      </c>
      <c r="P23454" t="s">
        <v>86</v>
      </c>
      <c r="Q23454">
        <v>11</v>
      </c>
      <c r="R23454">
        <v>11</v>
      </c>
      <c r="S23454">
        <v>12</v>
      </c>
      <c r="T23454">
        <v>12</v>
      </c>
      <c r="U23454">
        <v>12</v>
      </c>
      <c r="V23454">
        <v>13</v>
      </c>
      <c r="W23454">
        <v>13</v>
      </c>
      <c r="X23454">
        <v>13</v>
      </c>
      <c r="Y23454">
        <v>14</v>
      </c>
      <c r="Z23454">
        <v>14</v>
      </c>
      <c r="AA23454">
        <v>15</v>
      </c>
      <c r="AB23454">
        <v>15</v>
      </c>
      <c r="AC23454">
        <v>15</v>
      </c>
      <c r="AD23454">
        <v>16</v>
      </c>
      <c r="AE23454">
        <v>16</v>
      </c>
      <c r="AF23454">
        <v>17</v>
      </c>
      <c r="AG23454">
        <v>17</v>
      </c>
      <c r="AH23454">
        <v>17</v>
      </c>
      <c r="AI23454">
        <v>18</v>
      </c>
      <c r="AJ23454">
        <v>18</v>
      </c>
      <c r="AK23454">
        <v>19</v>
      </c>
      <c r="AL23454">
        <v>19</v>
      </c>
      <c r="AM23454">
        <v>20</v>
      </c>
      <c r="AN23454">
        <v>20</v>
      </c>
      <c r="AO23454">
        <v>20</v>
      </c>
      <c r="AP23454">
        <v>21</v>
      </c>
      <c r="AQ23454">
        <v>21</v>
      </c>
    </row>
    <row r="23455" spans="1:43">
      <c r="A23455" t="s">
        <v>14523</v>
      </c>
      <c r="B23455" t="s">
        <v>14524</v>
      </c>
      <c r="C23455" t="s">
        <v>14521</v>
      </c>
      <c r="D23455" t="s">
        <v>14522</v>
      </c>
      <c r="E23455" t="s">
        <v>14307</v>
      </c>
      <c r="F23455" t="s">
        <v>14308</v>
      </c>
      <c r="G23455" t="s">
        <v>10734</v>
      </c>
      <c r="H23455" t="s">
        <v>10735</v>
      </c>
      <c r="I23455" s="2">
        <v>0</v>
      </c>
      <c r="J23455" s="2">
        <v>0</v>
      </c>
      <c r="K23455" s="2">
        <v>1</v>
      </c>
      <c r="L23455" t="s">
        <v>995</v>
      </c>
      <c r="M23455" t="s">
        <v>87</v>
      </c>
      <c r="N23455" t="s">
        <v>88</v>
      </c>
      <c r="O23455" t="s">
        <v>85</v>
      </c>
      <c r="P23455" t="s">
        <v>86</v>
      </c>
      <c r="Q23455">
        <v>11</v>
      </c>
      <c r="R23455">
        <v>11</v>
      </c>
      <c r="S23455">
        <v>11</v>
      </c>
      <c r="T23455">
        <v>11</v>
      </c>
      <c r="U23455">
        <v>12</v>
      </c>
      <c r="V23455">
        <v>12</v>
      </c>
      <c r="W23455">
        <v>12</v>
      </c>
      <c r="X23455">
        <v>12</v>
      </c>
      <c r="Y23455">
        <v>13</v>
      </c>
      <c r="Z23455">
        <v>13</v>
      </c>
      <c r="AA23455">
        <v>13</v>
      </c>
      <c r="AB23455">
        <v>13</v>
      </c>
      <c r="AC23455">
        <v>14</v>
      </c>
      <c r="AD23455">
        <v>14</v>
      </c>
      <c r="AE23455">
        <v>14</v>
      </c>
      <c r="AF23455">
        <v>15</v>
      </c>
      <c r="AG23455">
        <v>15</v>
      </c>
      <c r="AH23455">
        <v>15</v>
      </c>
      <c r="AI23455">
        <v>15</v>
      </c>
      <c r="AJ23455">
        <v>16</v>
      </c>
      <c r="AK23455">
        <v>16</v>
      </c>
      <c r="AL23455">
        <v>16</v>
      </c>
      <c r="AM23455">
        <v>17</v>
      </c>
      <c r="AN23455">
        <v>17</v>
      </c>
      <c r="AO23455">
        <v>17</v>
      </c>
      <c r="AP23455">
        <v>18</v>
      </c>
      <c r="AQ23455">
        <v>18</v>
      </c>
    </row>
    <row r="23456" spans="1:43">
      <c r="A23456" t="s">
        <v>14523</v>
      </c>
      <c r="B23456" t="s">
        <v>14524</v>
      </c>
      <c r="C23456" t="s">
        <v>14521</v>
      </c>
      <c r="D23456" t="s">
        <v>14522</v>
      </c>
      <c r="E23456" t="s">
        <v>14307</v>
      </c>
      <c r="F23456" t="s">
        <v>14308</v>
      </c>
      <c r="G23456" t="s">
        <v>10734</v>
      </c>
      <c r="H23456" t="s">
        <v>10735</v>
      </c>
      <c r="I23456" s="2">
        <v>0</v>
      </c>
      <c r="J23456" s="2">
        <v>0</v>
      </c>
      <c r="K23456" s="2">
        <v>1</v>
      </c>
      <c r="L23456" t="s">
        <v>995</v>
      </c>
      <c r="M23456" t="s">
        <v>89</v>
      </c>
      <c r="N23456" t="s">
        <v>90</v>
      </c>
      <c r="O23456" t="s">
        <v>85</v>
      </c>
      <c r="P23456" t="s">
        <v>86</v>
      </c>
      <c r="Q23456">
        <v>11</v>
      </c>
      <c r="R23456">
        <v>11</v>
      </c>
      <c r="S23456">
        <v>12</v>
      </c>
      <c r="T23456">
        <v>12</v>
      </c>
      <c r="U23456">
        <v>13</v>
      </c>
      <c r="V23456">
        <v>13</v>
      </c>
      <c r="W23456">
        <v>14</v>
      </c>
      <c r="X23456">
        <v>14</v>
      </c>
      <c r="Y23456">
        <v>15</v>
      </c>
      <c r="Z23456">
        <v>15</v>
      </c>
      <c r="AA23456">
        <v>15</v>
      </c>
      <c r="AB23456">
        <v>16</v>
      </c>
      <c r="AC23456">
        <v>16</v>
      </c>
      <c r="AD23456">
        <v>17</v>
      </c>
      <c r="AE23456">
        <v>17</v>
      </c>
      <c r="AF23456">
        <v>18</v>
      </c>
      <c r="AG23456">
        <v>18</v>
      </c>
      <c r="AH23456">
        <v>18</v>
      </c>
      <c r="AI23456">
        <v>19</v>
      </c>
      <c r="AJ23456">
        <v>19</v>
      </c>
      <c r="AK23456">
        <v>19</v>
      </c>
      <c r="AL23456">
        <v>19</v>
      </c>
      <c r="AM23456">
        <v>20</v>
      </c>
      <c r="AN23456">
        <v>20</v>
      </c>
      <c r="AO23456">
        <v>20</v>
      </c>
      <c r="AP23456">
        <v>21</v>
      </c>
      <c r="AQ23456">
        <v>21</v>
      </c>
    </row>
    <row r="23457" spans="1:43">
      <c r="A23457" t="s">
        <v>14523</v>
      </c>
      <c r="B23457" t="s">
        <v>14524</v>
      </c>
      <c r="C23457" t="s">
        <v>14521</v>
      </c>
      <c r="D23457" t="s">
        <v>14522</v>
      </c>
      <c r="E23457" t="s">
        <v>14307</v>
      </c>
      <c r="F23457" t="s">
        <v>14308</v>
      </c>
      <c r="G23457" t="s">
        <v>10734</v>
      </c>
      <c r="H23457" t="s">
        <v>10735</v>
      </c>
      <c r="I23457" s="2">
        <v>0</v>
      </c>
      <c r="J23457" s="2">
        <v>0</v>
      </c>
      <c r="K23457" s="2">
        <v>1</v>
      </c>
      <c r="L23457" t="s">
        <v>995</v>
      </c>
      <c r="M23457" t="s">
        <v>83</v>
      </c>
      <c r="N23457" t="s">
        <v>91</v>
      </c>
      <c r="O23457" t="s">
        <v>85</v>
      </c>
      <c r="P23457" t="s">
        <v>86</v>
      </c>
      <c r="Q23457">
        <v>11</v>
      </c>
      <c r="R23457">
        <v>11</v>
      </c>
      <c r="S23457">
        <v>12</v>
      </c>
      <c r="T23457">
        <v>12</v>
      </c>
      <c r="U23457">
        <v>12</v>
      </c>
      <c r="V23457">
        <v>13</v>
      </c>
      <c r="W23457">
        <v>13</v>
      </c>
      <c r="X23457">
        <v>13</v>
      </c>
      <c r="Y23457">
        <v>14</v>
      </c>
      <c r="Z23457">
        <v>14</v>
      </c>
      <c r="AA23457">
        <v>15</v>
      </c>
      <c r="AB23457">
        <v>15</v>
      </c>
      <c r="AC23457">
        <v>15</v>
      </c>
      <c r="AD23457">
        <v>16</v>
      </c>
      <c r="AE23457">
        <v>16</v>
      </c>
      <c r="AF23457">
        <v>17</v>
      </c>
      <c r="AG23457">
        <v>17</v>
      </c>
      <c r="AH23457">
        <v>17</v>
      </c>
      <c r="AI23457">
        <v>18</v>
      </c>
      <c r="AJ23457">
        <v>18</v>
      </c>
      <c r="AK23457">
        <v>19</v>
      </c>
      <c r="AL23457">
        <v>19</v>
      </c>
      <c r="AM23457">
        <v>20</v>
      </c>
      <c r="AN23457">
        <v>20</v>
      </c>
      <c r="AO23457">
        <v>20</v>
      </c>
      <c r="AP23457">
        <v>21</v>
      </c>
      <c r="AQ23457">
        <v>21</v>
      </c>
    </row>
    <row r="23458" spans="1:43">
      <c r="A23458" t="s">
        <v>14525</v>
      </c>
      <c r="B23458" t="s">
        <v>14526</v>
      </c>
      <c r="C23458" t="s">
        <v>14521</v>
      </c>
      <c r="D23458" t="s">
        <v>14522</v>
      </c>
      <c r="E23458" t="s">
        <v>14307</v>
      </c>
      <c r="F23458" t="s">
        <v>14308</v>
      </c>
      <c r="G23458" t="s">
        <v>10734</v>
      </c>
      <c r="H23458" t="s">
        <v>10735</v>
      </c>
      <c r="I23458" s="2">
        <v>0</v>
      </c>
      <c r="J23458" s="2">
        <v>0</v>
      </c>
      <c r="K23458" s="2">
        <v>1</v>
      </c>
      <c r="L23458" t="s">
        <v>995</v>
      </c>
      <c r="M23458" t="s">
        <v>83</v>
      </c>
      <c r="N23458" t="s">
        <v>84</v>
      </c>
      <c r="O23458" t="s">
        <v>85</v>
      </c>
      <c r="P23458" t="s">
        <v>86</v>
      </c>
      <c r="Q23458">
        <v>14</v>
      </c>
      <c r="R23458">
        <v>15</v>
      </c>
      <c r="S23458">
        <v>15</v>
      </c>
      <c r="T23458">
        <v>16</v>
      </c>
      <c r="U23458">
        <v>16</v>
      </c>
      <c r="V23458">
        <v>17</v>
      </c>
      <c r="W23458">
        <v>17</v>
      </c>
      <c r="X23458">
        <v>18</v>
      </c>
      <c r="Y23458">
        <v>18</v>
      </c>
      <c r="Z23458">
        <v>19</v>
      </c>
      <c r="AA23458">
        <v>19</v>
      </c>
      <c r="AB23458">
        <v>20</v>
      </c>
      <c r="AC23458">
        <v>20</v>
      </c>
      <c r="AD23458">
        <v>21</v>
      </c>
      <c r="AE23458">
        <v>21</v>
      </c>
      <c r="AF23458">
        <v>22</v>
      </c>
      <c r="AG23458">
        <v>23</v>
      </c>
      <c r="AH23458">
        <v>23</v>
      </c>
      <c r="AI23458">
        <v>24</v>
      </c>
      <c r="AJ23458">
        <v>24</v>
      </c>
      <c r="AK23458">
        <v>25</v>
      </c>
      <c r="AL23458">
        <v>26</v>
      </c>
      <c r="AM23458">
        <v>26</v>
      </c>
      <c r="AN23458">
        <v>26</v>
      </c>
      <c r="AO23458">
        <v>27</v>
      </c>
      <c r="AP23458">
        <v>27</v>
      </c>
      <c r="AQ23458">
        <v>28</v>
      </c>
    </row>
    <row r="23459" spans="1:43">
      <c r="A23459" t="s">
        <v>14525</v>
      </c>
      <c r="B23459" t="s">
        <v>14526</v>
      </c>
      <c r="C23459" t="s">
        <v>14521</v>
      </c>
      <c r="D23459" t="s">
        <v>14522</v>
      </c>
      <c r="E23459" t="s">
        <v>14307</v>
      </c>
      <c r="F23459" t="s">
        <v>14308</v>
      </c>
      <c r="G23459" t="s">
        <v>10734</v>
      </c>
      <c r="H23459" t="s">
        <v>10735</v>
      </c>
      <c r="I23459" s="2">
        <v>0</v>
      </c>
      <c r="J23459" s="2">
        <v>0</v>
      </c>
      <c r="K23459" s="2">
        <v>1</v>
      </c>
      <c r="L23459" t="s">
        <v>995</v>
      </c>
      <c r="M23459" t="s">
        <v>87</v>
      </c>
      <c r="N23459" t="s">
        <v>88</v>
      </c>
      <c r="O23459" t="s">
        <v>85</v>
      </c>
      <c r="P23459" t="s">
        <v>86</v>
      </c>
      <c r="Q23459">
        <v>14</v>
      </c>
      <c r="R23459">
        <v>15</v>
      </c>
      <c r="S23459">
        <v>15</v>
      </c>
      <c r="T23459">
        <v>15</v>
      </c>
      <c r="U23459">
        <v>16</v>
      </c>
      <c r="V23459">
        <v>16</v>
      </c>
      <c r="W23459">
        <v>16</v>
      </c>
      <c r="X23459">
        <v>17</v>
      </c>
      <c r="Y23459">
        <v>17</v>
      </c>
      <c r="Z23459">
        <v>17</v>
      </c>
      <c r="AA23459">
        <v>18</v>
      </c>
      <c r="AB23459">
        <v>18</v>
      </c>
      <c r="AC23459">
        <v>18</v>
      </c>
      <c r="AD23459">
        <v>19</v>
      </c>
      <c r="AE23459">
        <v>19</v>
      </c>
      <c r="AF23459">
        <v>19</v>
      </c>
      <c r="AG23459">
        <v>20</v>
      </c>
      <c r="AH23459">
        <v>20</v>
      </c>
      <c r="AI23459">
        <v>21</v>
      </c>
      <c r="AJ23459">
        <v>21</v>
      </c>
      <c r="AK23459">
        <v>21</v>
      </c>
      <c r="AL23459">
        <v>22</v>
      </c>
      <c r="AM23459">
        <v>22</v>
      </c>
      <c r="AN23459">
        <v>23</v>
      </c>
      <c r="AO23459">
        <v>23</v>
      </c>
      <c r="AP23459">
        <v>24</v>
      </c>
      <c r="AQ23459">
        <v>24</v>
      </c>
    </row>
    <row r="23460" spans="1:43">
      <c r="A23460" t="s">
        <v>14525</v>
      </c>
      <c r="B23460" t="s">
        <v>14526</v>
      </c>
      <c r="C23460" t="s">
        <v>14521</v>
      </c>
      <c r="D23460" t="s">
        <v>14522</v>
      </c>
      <c r="E23460" t="s">
        <v>14307</v>
      </c>
      <c r="F23460" t="s">
        <v>14308</v>
      </c>
      <c r="G23460" t="s">
        <v>10734</v>
      </c>
      <c r="H23460" t="s">
        <v>10735</v>
      </c>
      <c r="I23460" s="2">
        <v>0</v>
      </c>
      <c r="J23460" s="2">
        <v>0</v>
      </c>
      <c r="K23460" s="2">
        <v>1</v>
      </c>
      <c r="L23460" t="s">
        <v>995</v>
      </c>
      <c r="M23460" t="s">
        <v>89</v>
      </c>
      <c r="N23460" t="s">
        <v>90</v>
      </c>
      <c r="O23460" t="s">
        <v>85</v>
      </c>
      <c r="P23460" t="s">
        <v>86</v>
      </c>
      <c r="Q23460">
        <v>14</v>
      </c>
      <c r="R23460">
        <v>14</v>
      </c>
      <c r="S23460">
        <v>15</v>
      </c>
      <c r="T23460">
        <v>15</v>
      </c>
      <c r="U23460">
        <v>16</v>
      </c>
      <c r="V23460">
        <v>17</v>
      </c>
      <c r="W23460">
        <v>17</v>
      </c>
      <c r="X23460">
        <v>18</v>
      </c>
      <c r="Y23460">
        <v>18</v>
      </c>
      <c r="Z23460">
        <v>19</v>
      </c>
      <c r="AA23460">
        <v>19</v>
      </c>
      <c r="AB23460">
        <v>20</v>
      </c>
      <c r="AC23460">
        <v>21</v>
      </c>
      <c r="AD23460">
        <v>21</v>
      </c>
      <c r="AE23460">
        <v>22</v>
      </c>
      <c r="AF23460">
        <v>22</v>
      </c>
      <c r="AG23460">
        <v>23</v>
      </c>
      <c r="AH23460">
        <v>23</v>
      </c>
      <c r="AI23460">
        <v>24</v>
      </c>
      <c r="AJ23460">
        <v>24</v>
      </c>
      <c r="AK23460">
        <v>24</v>
      </c>
      <c r="AL23460">
        <v>25</v>
      </c>
      <c r="AM23460">
        <v>25</v>
      </c>
      <c r="AN23460">
        <v>26</v>
      </c>
      <c r="AO23460">
        <v>26</v>
      </c>
      <c r="AP23460">
        <v>27</v>
      </c>
      <c r="AQ23460">
        <v>27</v>
      </c>
    </row>
    <row r="23461" spans="1:43">
      <c r="A23461" t="s">
        <v>14525</v>
      </c>
      <c r="B23461" t="s">
        <v>14526</v>
      </c>
      <c r="C23461" t="s">
        <v>14521</v>
      </c>
      <c r="D23461" t="s">
        <v>14522</v>
      </c>
      <c r="E23461" t="s">
        <v>14307</v>
      </c>
      <c r="F23461" t="s">
        <v>14308</v>
      </c>
      <c r="G23461" t="s">
        <v>10734</v>
      </c>
      <c r="H23461" t="s">
        <v>10735</v>
      </c>
      <c r="I23461" s="2">
        <v>0</v>
      </c>
      <c r="J23461" s="2">
        <v>0</v>
      </c>
      <c r="K23461" s="2">
        <v>1</v>
      </c>
      <c r="L23461" t="s">
        <v>995</v>
      </c>
      <c r="M23461" t="s">
        <v>83</v>
      </c>
      <c r="N23461" t="s">
        <v>91</v>
      </c>
      <c r="O23461" t="s">
        <v>85</v>
      </c>
      <c r="P23461" t="s">
        <v>86</v>
      </c>
      <c r="Q23461">
        <v>14</v>
      </c>
      <c r="R23461">
        <v>15</v>
      </c>
      <c r="S23461">
        <v>15</v>
      </c>
      <c r="T23461">
        <v>16</v>
      </c>
      <c r="U23461">
        <v>16</v>
      </c>
      <c r="V23461">
        <v>17</v>
      </c>
      <c r="W23461">
        <v>17</v>
      </c>
      <c r="X23461">
        <v>18</v>
      </c>
      <c r="Y23461">
        <v>18</v>
      </c>
      <c r="Z23461">
        <v>19</v>
      </c>
      <c r="AA23461">
        <v>19</v>
      </c>
      <c r="AB23461">
        <v>20</v>
      </c>
      <c r="AC23461">
        <v>20</v>
      </c>
      <c r="AD23461">
        <v>21</v>
      </c>
      <c r="AE23461">
        <v>21</v>
      </c>
      <c r="AF23461">
        <v>22</v>
      </c>
      <c r="AG23461">
        <v>23</v>
      </c>
      <c r="AH23461">
        <v>23</v>
      </c>
      <c r="AI23461">
        <v>24</v>
      </c>
      <c r="AJ23461">
        <v>24</v>
      </c>
      <c r="AK23461">
        <v>25</v>
      </c>
      <c r="AL23461">
        <v>26</v>
      </c>
      <c r="AM23461">
        <v>26</v>
      </c>
      <c r="AN23461">
        <v>26</v>
      </c>
      <c r="AO23461">
        <v>27</v>
      </c>
      <c r="AP23461">
        <v>27</v>
      </c>
      <c r="AQ23461">
        <v>28</v>
      </c>
    </row>
    <row r="23462" spans="1:43">
      <c r="A23462" t="s">
        <v>14527</v>
      </c>
      <c r="B23462" t="s">
        <v>14528</v>
      </c>
      <c r="C23462" t="s">
        <v>14521</v>
      </c>
      <c r="D23462" t="s">
        <v>14522</v>
      </c>
      <c r="E23462" t="s">
        <v>14307</v>
      </c>
      <c r="F23462" t="s">
        <v>14308</v>
      </c>
      <c r="G23462" t="s">
        <v>10734</v>
      </c>
      <c r="H23462" t="s">
        <v>10735</v>
      </c>
      <c r="I23462" s="2">
        <v>0</v>
      </c>
      <c r="J23462" s="2">
        <v>0</v>
      </c>
      <c r="K23462" s="2">
        <v>1</v>
      </c>
      <c r="L23462" t="s">
        <v>995</v>
      </c>
      <c r="M23462" t="s">
        <v>83</v>
      </c>
      <c r="N23462" t="s">
        <v>84</v>
      </c>
      <c r="O23462" t="s">
        <v>85</v>
      </c>
      <c r="P23462" t="s">
        <v>86</v>
      </c>
      <c r="Q23462">
        <v>15</v>
      </c>
      <c r="R23462">
        <v>15</v>
      </c>
      <c r="S23462">
        <v>16</v>
      </c>
      <c r="T23462">
        <v>16</v>
      </c>
      <c r="U23462">
        <v>17</v>
      </c>
      <c r="V23462">
        <v>17</v>
      </c>
      <c r="W23462">
        <v>18</v>
      </c>
      <c r="X23462">
        <v>18</v>
      </c>
      <c r="Y23462">
        <v>19</v>
      </c>
      <c r="Z23462">
        <v>19</v>
      </c>
      <c r="AA23462">
        <v>20</v>
      </c>
      <c r="AB23462">
        <v>20</v>
      </c>
      <c r="AC23462">
        <v>21</v>
      </c>
      <c r="AD23462">
        <v>21</v>
      </c>
      <c r="AE23462">
        <v>22</v>
      </c>
      <c r="AF23462">
        <v>23</v>
      </c>
      <c r="AG23462">
        <v>23</v>
      </c>
      <c r="AH23462">
        <v>24</v>
      </c>
      <c r="AI23462">
        <v>25</v>
      </c>
      <c r="AJ23462">
        <v>25</v>
      </c>
      <c r="AK23462">
        <v>26</v>
      </c>
      <c r="AL23462">
        <v>26</v>
      </c>
      <c r="AM23462">
        <v>27</v>
      </c>
      <c r="AN23462">
        <v>27</v>
      </c>
      <c r="AO23462">
        <v>28</v>
      </c>
      <c r="AP23462">
        <v>28</v>
      </c>
      <c r="AQ23462">
        <v>29</v>
      </c>
    </row>
    <row r="23463" spans="1:43">
      <c r="A23463" t="s">
        <v>14527</v>
      </c>
      <c r="B23463" t="s">
        <v>14528</v>
      </c>
      <c r="C23463" t="s">
        <v>14521</v>
      </c>
      <c r="D23463" t="s">
        <v>14522</v>
      </c>
      <c r="E23463" t="s">
        <v>14307</v>
      </c>
      <c r="F23463" t="s">
        <v>14308</v>
      </c>
      <c r="G23463" t="s">
        <v>10734</v>
      </c>
      <c r="H23463" t="s">
        <v>10735</v>
      </c>
      <c r="I23463" s="2">
        <v>0</v>
      </c>
      <c r="J23463" s="2">
        <v>0</v>
      </c>
      <c r="K23463" s="2">
        <v>1</v>
      </c>
      <c r="L23463" t="s">
        <v>995</v>
      </c>
      <c r="M23463" t="s">
        <v>87</v>
      </c>
      <c r="N23463" t="s">
        <v>88</v>
      </c>
      <c r="O23463" t="s">
        <v>85</v>
      </c>
      <c r="P23463" t="s">
        <v>86</v>
      </c>
      <c r="Q23463">
        <v>15</v>
      </c>
      <c r="R23463">
        <v>15</v>
      </c>
      <c r="S23463">
        <v>15</v>
      </c>
      <c r="T23463">
        <v>16</v>
      </c>
      <c r="U23463">
        <v>16</v>
      </c>
      <c r="V23463">
        <v>16</v>
      </c>
      <c r="W23463">
        <v>17</v>
      </c>
      <c r="X23463">
        <v>17</v>
      </c>
      <c r="Y23463">
        <v>17</v>
      </c>
      <c r="Z23463">
        <v>18</v>
      </c>
      <c r="AA23463">
        <v>18</v>
      </c>
      <c r="AB23463">
        <v>18</v>
      </c>
      <c r="AC23463">
        <v>19</v>
      </c>
      <c r="AD23463">
        <v>19</v>
      </c>
      <c r="AE23463">
        <v>20</v>
      </c>
      <c r="AF23463">
        <v>20</v>
      </c>
      <c r="AG23463">
        <v>20</v>
      </c>
      <c r="AH23463">
        <v>21</v>
      </c>
      <c r="AI23463">
        <v>21</v>
      </c>
      <c r="AJ23463">
        <v>22</v>
      </c>
      <c r="AK23463">
        <v>22</v>
      </c>
      <c r="AL23463">
        <v>22</v>
      </c>
      <c r="AM23463">
        <v>23</v>
      </c>
      <c r="AN23463">
        <v>23</v>
      </c>
      <c r="AO23463">
        <v>24</v>
      </c>
      <c r="AP23463">
        <v>24</v>
      </c>
      <c r="AQ23463">
        <v>25</v>
      </c>
    </row>
    <row r="23464" spans="1:43">
      <c r="A23464" t="s">
        <v>14527</v>
      </c>
      <c r="B23464" t="s">
        <v>14528</v>
      </c>
      <c r="C23464" t="s">
        <v>14521</v>
      </c>
      <c r="D23464" t="s">
        <v>14522</v>
      </c>
      <c r="E23464" t="s">
        <v>14307</v>
      </c>
      <c r="F23464" t="s">
        <v>14308</v>
      </c>
      <c r="G23464" t="s">
        <v>10734</v>
      </c>
      <c r="H23464" t="s">
        <v>10735</v>
      </c>
      <c r="I23464" s="2">
        <v>0</v>
      </c>
      <c r="J23464" s="2">
        <v>0</v>
      </c>
      <c r="K23464" s="2">
        <v>1</v>
      </c>
      <c r="L23464" t="s">
        <v>995</v>
      </c>
      <c r="M23464" t="s">
        <v>89</v>
      </c>
      <c r="N23464" t="s">
        <v>90</v>
      </c>
      <c r="O23464" t="s">
        <v>85</v>
      </c>
      <c r="P23464" t="s">
        <v>86</v>
      </c>
      <c r="Q23464">
        <v>15</v>
      </c>
      <c r="R23464">
        <v>16</v>
      </c>
      <c r="S23464">
        <v>16</v>
      </c>
      <c r="T23464">
        <v>17</v>
      </c>
      <c r="U23464">
        <v>17</v>
      </c>
      <c r="V23464">
        <v>18</v>
      </c>
      <c r="W23464">
        <v>19</v>
      </c>
      <c r="X23464">
        <v>19</v>
      </c>
      <c r="Y23464">
        <v>20</v>
      </c>
      <c r="Z23464">
        <v>20</v>
      </c>
      <c r="AA23464">
        <v>21</v>
      </c>
      <c r="AB23464">
        <v>22</v>
      </c>
      <c r="AC23464">
        <v>22</v>
      </c>
      <c r="AD23464">
        <v>23</v>
      </c>
      <c r="AE23464">
        <v>24</v>
      </c>
      <c r="AF23464">
        <v>24</v>
      </c>
      <c r="AG23464">
        <v>24</v>
      </c>
      <c r="AH23464">
        <v>25</v>
      </c>
      <c r="AI23464">
        <v>25</v>
      </c>
      <c r="AJ23464">
        <v>26</v>
      </c>
      <c r="AK23464">
        <v>26</v>
      </c>
      <c r="AL23464">
        <v>27</v>
      </c>
      <c r="AM23464">
        <v>27</v>
      </c>
      <c r="AN23464">
        <v>27</v>
      </c>
      <c r="AO23464">
        <v>28</v>
      </c>
      <c r="AP23464">
        <v>28</v>
      </c>
      <c r="AQ23464">
        <v>29</v>
      </c>
    </row>
    <row r="23465" spans="1:43">
      <c r="A23465" t="s">
        <v>14527</v>
      </c>
      <c r="B23465" t="s">
        <v>14528</v>
      </c>
      <c r="C23465" t="s">
        <v>14521</v>
      </c>
      <c r="D23465" t="s">
        <v>14522</v>
      </c>
      <c r="E23465" t="s">
        <v>14307</v>
      </c>
      <c r="F23465" t="s">
        <v>14308</v>
      </c>
      <c r="G23465" t="s">
        <v>10734</v>
      </c>
      <c r="H23465" t="s">
        <v>10735</v>
      </c>
      <c r="I23465" s="2">
        <v>0</v>
      </c>
      <c r="J23465" s="2">
        <v>0</v>
      </c>
      <c r="K23465" s="2">
        <v>1</v>
      </c>
      <c r="L23465" t="s">
        <v>995</v>
      </c>
      <c r="M23465" t="s">
        <v>83</v>
      </c>
      <c r="N23465" t="s">
        <v>91</v>
      </c>
      <c r="O23465" t="s">
        <v>85</v>
      </c>
      <c r="P23465" t="s">
        <v>86</v>
      </c>
      <c r="Q23465">
        <v>15</v>
      </c>
      <c r="R23465">
        <v>15</v>
      </c>
      <c r="S23465">
        <v>16</v>
      </c>
      <c r="T23465">
        <v>16</v>
      </c>
      <c r="U23465">
        <v>17</v>
      </c>
      <c r="V23465">
        <v>17</v>
      </c>
      <c r="W23465">
        <v>18</v>
      </c>
      <c r="X23465">
        <v>18</v>
      </c>
      <c r="Y23465">
        <v>19</v>
      </c>
      <c r="Z23465">
        <v>19</v>
      </c>
      <c r="AA23465">
        <v>20</v>
      </c>
      <c r="AB23465">
        <v>20</v>
      </c>
      <c r="AC23465">
        <v>21</v>
      </c>
      <c r="AD23465">
        <v>21</v>
      </c>
      <c r="AE23465">
        <v>22</v>
      </c>
      <c r="AF23465">
        <v>23</v>
      </c>
      <c r="AG23465">
        <v>23</v>
      </c>
      <c r="AH23465">
        <v>24</v>
      </c>
      <c r="AI23465">
        <v>25</v>
      </c>
      <c r="AJ23465">
        <v>25</v>
      </c>
      <c r="AK23465">
        <v>26</v>
      </c>
      <c r="AL23465">
        <v>26</v>
      </c>
      <c r="AM23465">
        <v>27</v>
      </c>
      <c r="AN23465">
        <v>27</v>
      </c>
      <c r="AO23465">
        <v>28</v>
      </c>
      <c r="AP23465">
        <v>28</v>
      </c>
      <c r="AQ23465">
        <v>29</v>
      </c>
    </row>
    <row r="23466" spans="1:43">
      <c r="A23466" t="s">
        <v>14529</v>
      </c>
      <c r="B23466" t="s">
        <v>14530</v>
      </c>
      <c r="C23466" t="s">
        <v>14521</v>
      </c>
      <c r="D23466" t="s">
        <v>14522</v>
      </c>
      <c r="E23466" t="s">
        <v>14307</v>
      </c>
      <c r="F23466" t="s">
        <v>14308</v>
      </c>
      <c r="G23466" t="s">
        <v>10734</v>
      </c>
      <c r="H23466" t="s">
        <v>10735</v>
      </c>
      <c r="I23466" s="2">
        <v>0</v>
      </c>
      <c r="J23466" s="2">
        <v>0</v>
      </c>
      <c r="K23466" s="2">
        <v>1</v>
      </c>
      <c r="L23466" t="s">
        <v>995</v>
      </c>
      <c r="M23466" t="s">
        <v>83</v>
      </c>
      <c r="N23466" t="s">
        <v>84</v>
      </c>
      <c r="O23466" t="s">
        <v>85</v>
      </c>
      <c r="P23466" t="s">
        <v>86</v>
      </c>
      <c r="Q23466">
        <v>13</v>
      </c>
      <c r="R23466">
        <v>13</v>
      </c>
      <c r="S23466">
        <v>13</v>
      </c>
      <c r="T23466">
        <v>14</v>
      </c>
      <c r="U23466">
        <v>14</v>
      </c>
      <c r="V23466">
        <v>15</v>
      </c>
      <c r="W23466">
        <v>15</v>
      </c>
      <c r="X23466">
        <v>15</v>
      </c>
      <c r="Y23466">
        <v>16</v>
      </c>
      <c r="Z23466">
        <v>16</v>
      </c>
      <c r="AA23466">
        <v>17</v>
      </c>
      <c r="AB23466">
        <v>17</v>
      </c>
      <c r="AC23466">
        <v>18</v>
      </c>
      <c r="AD23466">
        <v>18</v>
      </c>
      <c r="AE23466">
        <v>19</v>
      </c>
      <c r="AF23466">
        <v>19</v>
      </c>
      <c r="AG23466">
        <v>20</v>
      </c>
      <c r="AH23466">
        <v>20</v>
      </c>
      <c r="AI23466">
        <v>21</v>
      </c>
      <c r="AJ23466">
        <v>21</v>
      </c>
      <c r="AK23466">
        <v>22</v>
      </c>
      <c r="AL23466">
        <v>22</v>
      </c>
      <c r="AM23466">
        <v>23</v>
      </c>
      <c r="AN23466">
        <v>23</v>
      </c>
      <c r="AO23466">
        <v>23</v>
      </c>
      <c r="AP23466">
        <v>24</v>
      </c>
      <c r="AQ23466">
        <v>24</v>
      </c>
    </row>
    <row r="23467" spans="1:43">
      <c r="A23467" t="s">
        <v>14529</v>
      </c>
      <c r="B23467" t="s">
        <v>14530</v>
      </c>
      <c r="C23467" t="s">
        <v>14521</v>
      </c>
      <c r="D23467" t="s">
        <v>14522</v>
      </c>
      <c r="E23467" t="s">
        <v>14307</v>
      </c>
      <c r="F23467" t="s">
        <v>14308</v>
      </c>
      <c r="G23467" t="s">
        <v>10734</v>
      </c>
      <c r="H23467" t="s">
        <v>10735</v>
      </c>
      <c r="I23467" s="2">
        <v>0</v>
      </c>
      <c r="J23467" s="2">
        <v>0</v>
      </c>
      <c r="K23467" s="2">
        <v>1</v>
      </c>
      <c r="L23467" t="s">
        <v>995</v>
      </c>
      <c r="M23467" t="s">
        <v>87</v>
      </c>
      <c r="N23467" t="s">
        <v>88</v>
      </c>
      <c r="O23467" t="s">
        <v>85</v>
      </c>
      <c r="P23467" t="s">
        <v>86</v>
      </c>
      <c r="Q23467">
        <v>13</v>
      </c>
      <c r="R23467">
        <v>14</v>
      </c>
      <c r="S23467">
        <v>14</v>
      </c>
      <c r="T23467">
        <v>14</v>
      </c>
      <c r="U23467">
        <v>15</v>
      </c>
      <c r="V23467">
        <v>15</v>
      </c>
      <c r="W23467">
        <v>15</v>
      </c>
      <c r="X23467">
        <v>15</v>
      </c>
      <c r="Y23467">
        <v>16</v>
      </c>
      <c r="Z23467">
        <v>16</v>
      </c>
      <c r="AA23467">
        <v>16</v>
      </c>
      <c r="AB23467">
        <v>17</v>
      </c>
      <c r="AC23467">
        <v>17</v>
      </c>
      <c r="AD23467">
        <v>17</v>
      </c>
      <c r="AE23467">
        <v>18</v>
      </c>
      <c r="AF23467">
        <v>18</v>
      </c>
      <c r="AG23467">
        <v>18</v>
      </c>
      <c r="AH23467">
        <v>19</v>
      </c>
      <c r="AI23467">
        <v>19</v>
      </c>
      <c r="AJ23467">
        <v>19</v>
      </c>
      <c r="AK23467">
        <v>20</v>
      </c>
      <c r="AL23467">
        <v>20</v>
      </c>
      <c r="AM23467">
        <v>20</v>
      </c>
      <c r="AN23467">
        <v>21</v>
      </c>
      <c r="AO23467">
        <v>21</v>
      </c>
      <c r="AP23467">
        <v>22</v>
      </c>
      <c r="AQ23467">
        <v>22</v>
      </c>
    </row>
    <row r="23468" spans="1:43">
      <c r="A23468" t="s">
        <v>14529</v>
      </c>
      <c r="B23468" t="s">
        <v>14530</v>
      </c>
      <c r="C23468" t="s">
        <v>14521</v>
      </c>
      <c r="D23468" t="s">
        <v>14522</v>
      </c>
      <c r="E23468" t="s">
        <v>14307</v>
      </c>
      <c r="F23468" t="s">
        <v>14308</v>
      </c>
      <c r="G23468" t="s">
        <v>10734</v>
      </c>
      <c r="H23468" t="s">
        <v>10735</v>
      </c>
      <c r="I23468" s="2">
        <v>0</v>
      </c>
      <c r="J23468" s="2">
        <v>0</v>
      </c>
      <c r="K23468" s="2">
        <v>1</v>
      </c>
      <c r="L23468" t="s">
        <v>995</v>
      </c>
      <c r="M23468" t="s">
        <v>89</v>
      </c>
      <c r="N23468" t="s">
        <v>90</v>
      </c>
      <c r="O23468" t="s">
        <v>85</v>
      </c>
      <c r="P23468" t="s">
        <v>86</v>
      </c>
      <c r="Q23468">
        <v>13</v>
      </c>
      <c r="R23468">
        <v>13</v>
      </c>
      <c r="S23468">
        <v>14</v>
      </c>
      <c r="T23468">
        <v>14</v>
      </c>
      <c r="U23468">
        <v>15</v>
      </c>
      <c r="V23468">
        <v>15</v>
      </c>
      <c r="W23468">
        <v>16</v>
      </c>
      <c r="X23468">
        <v>16</v>
      </c>
      <c r="Y23468">
        <v>17</v>
      </c>
      <c r="Z23468">
        <v>17</v>
      </c>
      <c r="AA23468">
        <v>18</v>
      </c>
      <c r="AB23468">
        <v>18</v>
      </c>
      <c r="AC23468">
        <v>19</v>
      </c>
      <c r="AD23468">
        <v>19</v>
      </c>
      <c r="AE23468">
        <v>20</v>
      </c>
      <c r="AF23468">
        <v>20</v>
      </c>
      <c r="AG23468">
        <v>21</v>
      </c>
      <c r="AH23468">
        <v>21</v>
      </c>
      <c r="AI23468">
        <v>21</v>
      </c>
      <c r="AJ23468">
        <v>22</v>
      </c>
      <c r="AK23468">
        <v>22</v>
      </c>
      <c r="AL23468">
        <v>22</v>
      </c>
      <c r="AM23468">
        <v>23</v>
      </c>
      <c r="AN23468">
        <v>23</v>
      </c>
      <c r="AO23468">
        <v>24</v>
      </c>
      <c r="AP23468">
        <v>24</v>
      </c>
      <c r="AQ23468">
        <v>24</v>
      </c>
    </row>
    <row r="23469" spans="1:43">
      <c r="A23469" t="s">
        <v>14529</v>
      </c>
      <c r="B23469" t="s">
        <v>14530</v>
      </c>
      <c r="C23469" t="s">
        <v>14521</v>
      </c>
      <c r="D23469" t="s">
        <v>14522</v>
      </c>
      <c r="E23469" t="s">
        <v>14307</v>
      </c>
      <c r="F23469" t="s">
        <v>14308</v>
      </c>
      <c r="G23469" t="s">
        <v>10734</v>
      </c>
      <c r="H23469" t="s">
        <v>10735</v>
      </c>
      <c r="I23469" s="2">
        <v>0</v>
      </c>
      <c r="J23469" s="2">
        <v>0</v>
      </c>
      <c r="K23469" s="2">
        <v>1</v>
      </c>
      <c r="L23469" t="s">
        <v>995</v>
      </c>
      <c r="M23469" t="s">
        <v>83</v>
      </c>
      <c r="N23469" t="s">
        <v>91</v>
      </c>
      <c r="O23469" t="s">
        <v>85</v>
      </c>
      <c r="P23469" t="s">
        <v>86</v>
      </c>
      <c r="Q23469">
        <v>13</v>
      </c>
      <c r="R23469">
        <v>13</v>
      </c>
      <c r="S23469">
        <v>13</v>
      </c>
      <c r="T23469">
        <v>14</v>
      </c>
      <c r="U23469">
        <v>14</v>
      </c>
      <c r="V23469">
        <v>15</v>
      </c>
      <c r="W23469">
        <v>15</v>
      </c>
      <c r="X23469">
        <v>15</v>
      </c>
      <c r="Y23469">
        <v>16</v>
      </c>
      <c r="Z23469">
        <v>16</v>
      </c>
      <c r="AA23469">
        <v>17</v>
      </c>
      <c r="AB23469">
        <v>17</v>
      </c>
      <c r="AC23469">
        <v>18</v>
      </c>
      <c r="AD23469">
        <v>18</v>
      </c>
      <c r="AE23469">
        <v>19</v>
      </c>
      <c r="AF23469">
        <v>19</v>
      </c>
      <c r="AG23469">
        <v>20</v>
      </c>
      <c r="AH23469">
        <v>20</v>
      </c>
      <c r="AI23469">
        <v>21</v>
      </c>
      <c r="AJ23469">
        <v>21</v>
      </c>
      <c r="AK23469">
        <v>22</v>
      </c>
      <c r="AL23469">
        <v>22</v>
      </c>
      <c r="AM23469">
        <v>23</v>
      </c>
      <c r="AN23469">
        <v>23</v>
      </c>
      <c r="AO23469">
        <v>23</v>
      </c>
      <c r="AP23469">
        <v>24</v>
      </c>
      <c r="AQ23469">
        <v>24</v>
      </c>
    </row>
    <row r="23470" spans="1:43">
      <c r="A23470" t="s">
        <v>14531</v>
      </c>
      <c r="B23470" t="s">
        <v>14532</v>
      </c>
      <c r="C23470" t="s">
        <v>14533</v>
      </c>
      <c r="D23470" t="s">
        <v>14534</v>
      </c>
      <c r="E23470" t="s">
        <v>14535</v>
      </c>
      <c r="F23470" t="s">
        <v>14536</v>
      </c>
      <c r="G23470" t="s">
        <v>10734</v>
      </c>
      <c r="H23470" t="s">
        <v>10735</v>
      </c>
      <c r="I23470" s="2">
        <v>1</v>
      </c>
      <c r="J23470" s="2">
        <v>0</v>
      </c>
      <c r="K23470" s="2">
        <v>0</v>
      </c>
      <c r="L23470" t="s">
        <v>120</v>
      </c>
      <c r="M23470" t="s">
        <v>83</v>
      </c>
      <c r="N23470" t="s">
        <v>84</v>
      </c>
      <c r="O23470" t="s">
        <v>85</v>
      </c>
      <c r="P23470" t="s">
        <v>86</v>
      </c>
      <c r="Q23470">
        <v>9</v>
      </c>
      <c r="R23470">
        <v>9</v>
      </c>
      <c r="S23470">
        <v>9</v>
      </c>
      <c r="T23470">
        <v>9</v>
      </c>
      <c r="U23470">
        <v>9</v>
      </c>
      <c r="V23470">
        <v>9</v>
      </c>
      <c r="W23470">
        <v>9</v>
      </c>
      <c r="X23470">
        <v>9</v>
      </c>
      <c r="Y23470">
        <v>9</v>
      </c>
      <c r="Z23470">
        <v>9</v>
      </c>
      <c r="AA23470">
        <v>9</v>
      </c>
      <c r="AB23470">
        <v>9</v>
      </c>
      <c r="AC23470">
        <v>9</v>
      </c>
      <c r="AD23470">
        <v>9</v>
      </c>
      <c r="AE23470">
        <v>9</v>
      </c>
      <c r="AF23470">
        <v>9</v>
      </c>
      <c r="AG23470">
        <v>9</v>
      </c>
      <c r="AH23470">
        <v>9</v>
      </c>
      <c r="AI23470">
        <v>9</v>
      </c>
      <c r="AJ23470">
        <v>9</v>
      </c>
      <c r="AK23470">
        <v>9</v>
      </c>
      <c r="AL23470">
        <v>9</v>
      </c>
      <c r="AM23470">
        <v>9</v>
      </c>
      <c r="AN23470">
        <v>9</v>
      </c>
      <c r="AO23470">
        <v>9</v>
      </c>
      <c r="AP23470">
        <v>9</v>
      </c>
      <c r="AQ23470">
        <v>9</v>
      </c>
    </row>
    <row r="23471" spans="1:43">
      <c r="A23471" t="s">
        <v>14531</v>
      </c>
      <c r="B23471" t="s">
        <v>14532</v>
      </c>
      <c r="C23471" t="s">
        <v>14533</v>
      </c>
      <c r="D23471" t="s">
        <v>14534</v>
      </c>
      <c r="E23471" t="s">
        <v>14535</v>
      </c>
      <c r="F23471" t="s">
        <v>14536</v>
      </c>
      <c r="G23471" t="s">
        <v>10734</v>
      </c>
      <c r="H23471" t="s">
        <v>10735</v>
      </c>
      <c r="I23471" s="2">
        <v>1</v>
      </c>
      <c r="J23471" s="2">
        <v>0</v>
      </c>
      <c r="K23471" s="2">
        <v>0</v>
      </c>
      <c r="L23471" t="s">
        <v>120</v>
      </c>
      <c r="M23471" t="s">
        <v>87</v>
      </c>
      <c r="N23471" t="s">
        <v>88</v>
      </c>
      <c r="O23471" t="s">
        <v>85</v>
      </c>
      <c r="P23471" t="s">
        <v>86</v>
      </c>
      <c r="Q23471">
        <v>9</v>
      </c>
      <c r="R23471">
        <v>9</v>
      </c>
      <c r="S23471">
        <v>9</v>
      </c>
      <c r="T23471">
        <v>9</v>
      </c>
      <c r="U23471">
        <v>9</v>
      </c>
      <c r="V23471">
        <v>9</v>
      </c>
      <c r="W23471">
        <v>9</v>
      </c>
      <c r="X23471">
        <v>9</v>
      </c>
      <c r="Y23471">
        <v>9</v>
      </c>
      <c r="Z23471">
        <v>9</v>
      </c>
      <c r="AA23471">
        <v>9</v>
      </c>
      <c r="AB23471">
        <v>8</v>
      </c>
      <c r="AC23471">
        <v>8</v>
      </c>
      <c r="AD23471">
        <v>8</v>
      </c>
      <c r="AE23471">
        <v>8</v>
      </c>
      <c r="AF23471">
        <v>8</v>
      </c>
      <c r="AG23471">
        <v>8</v>
      </c>
      <c r="AH23471">
        <v>8</v>
      </c>
      <c r="AI23471">
        <v>8</v>
      </c>
      <c r="AJ23471">
        <v>8</v>
      </c>
      <c r="AK23471">
        <v>8</v>
      </c>
      <c r="AL23471">
        <v>8</v>
      </c>
      <c r="AM23471">
        <v>8</v>
      </c>
      <c r="AN23471">
        <v>8</v>
      </c>
      <c r="AO23471">
        <v>8</v>
      </c>
      <c r="AP23471">
        <v>8</v>
      </c>
      <c r="AQ23471">
        <v>8</v>
      </c>
    </row>
    <row r="23472" spans="1:43">
      <c r="A23472" t="s">
        <v>14531</v>
      </c>
      <c r="B23472" t="s">
        <v>14532</v>
      </c>
      <c r="C23472" t="s">
        <v>14533</v>
      </c>
      <c r="D23472" t="s">
        <v>14534</v>
      </c>
      <c r="E23472" t="s">
        <v>14535</v>
      </c>
      <c r="F23472" t="s">
        <v>14536</v>
      </c>
      <c r="G23472" t="s">
        <v>10734</v>
      </c>
      <c r="H23472" t="s">
        <v>10735</v>
      </c>
      <c r="I23472" s="2">
        <v>1</v>
      </c>
      <c r="J23472" s="2">
        <v>0</v>
      </c>
      <c r="K23472" s="2">
        <v>0</v>
      </c>
      <c r="L23472" t="s">
        <v>120</v>
      </c>
      <c r="M23472" t="s">
        <v>89</v>
      </c>
      <c r="N23472" t="s">
        <v>90</v>
      </c>
      <c r="O23472" t="s">
        <v>85</v>
      </c>
      <c r="P23472" t="s">
        <v>86</v>
      </c>
      <c r="Q23472">
        <v>9</v>
      </c>
      <c r="R23472">
        <v>9</v>
      </c>
      <c r="S23472">
        <v>9</v>
      </c>
      <c r="T23472">
        <v>10</v>
      </c>
      <c r="U23472">
        <v>10</v>
      </c>
      <c r="V23472">
        <v>10</v>
      </c>
      <c r="W23472">
        <v>10</v>
      </c>
      <c r="X23472">
        <v>10</v>
      </c>
      <c r="Y23472">
        <v>10</v>
      </c>
      <c r="Z23472">
        <v>10</v>
      </c>
      <c r="AA23472">
        <v>10</v>
      </c>
      <c r="AB23472">
        <v>10</v>
      </c>
      <c r="AC23472">
        <v>10</v>
      </c>
      <c r="AD23472">
        <v>10</v>
      </c>
      <c r="AE23472">
        <v>10</v>
      </c>
      <c r="AF23472">
        <v>10</v>
      </c>
      <c r="AG23472">
        <v>10</v>
      </c>
      <c r="AH23472">
        <v>10</v>
      </c>
      <c r="AI23472">
        <v>10</v>
      </c>
      <c r="AJ23472">
        <v>10</v>
      </c>
      <c r="AK23472">
        <v>10</v>
      </c>
      <c r="AL23472">
        <v>9</v>
      </c>
      <c r="AM23472">
        <v>9</v>
      </c>
      <c r="AN23472">
        <v>9</v>
      </c>
      <c r="AO23472">
        <v>9</v>
      </c>
      <c r="AP23472">
        <v>9</v>
      </c>
      <c r="AQ23472">
        <v>9</v>
      </c>
    </row>
    <row r="23473" spans="1:43">
      <c r="A23473" t="s">
        <v>14531</v>
      </c>
      <c r="B23473" t="s">
        <v>14532</v>
      </c>
      <c r="C23473" t="s">
        <v>14533</v>
      </c>
      <c r="D23473" t="s">
        <v>14534</v>
      </c>
      <c r="E23473" t="s">
        <v>14535</v>
      </c>
      <c r="F23473" t="s">
        <v>14536</v>
      </c>
      <c r="G23473" t="s">
        <v>10734</v>
      </c>
      <c r="H23473" t="s">
        <v>10735</v>
      </c>
      <c r="I23473" s="2">
        <v>1</v>
      </c>
      <c r="J23473" s="2">
        <v>0</v>
      </c>
      <c r="K23473" s="2">
        <v>0</v>
      </c>
      <c r="L23473" t="s">
        <v>120</v>
      </c>
      <c r="M23473" t="s">
        <v>83</v>
      </c>
      <c r="N23473" t="s">
        <v>91</v>
      </c>
      <c r="O23473" t="s">
        <v>85</v>
      </c>
      <c r="P23473" t="s">
        <v>86</v>
      </c>
      <c r="Q23473">
        <v>9</v>
      </c>
      <c r="R23473">
        <v>9</v>
      </c>
      <c r="S23473">
        <v>9</v>
      </c>
      <c r="T23473">
        <v>9</v>
      </c>
      <c r="U23473">
        <v>9</v>
      </c>
      <c r="V23473">
        <v>9</v>
      </c>
      <c r="W23473">
        <v>9</v>
      </c>
      <c r="X23473">
        <v>9</v>
      </c>
      <c r="Y23473">
        <v>9</v>
      </c>
      <c r="Z23473">
        <v>9</v>
      </c>
      <c r="AA23473">
        <v>9</v>
      </c>
      <c r="AB23473">
        <v>9</v>
      </c>
      <c r="AC23473">
        <v>9</v>
      </c>
      <c r="AD23473">
        <v>9</v>
      </c>
      <c r="AE23473">
        <v>9</v>
      </c>
      <c r="AF23473">
        <v>9</v>
      </c>
      <c r="AG23473">
        <v>9</v>
      </c>
      <c r="AH23473">
        <v>9</v>
      </c>
      <c r="AI23473">
        <v>9</v>
      </c>
      <c r="AJ23473">
        <v>9</v>
      </c>
      <c r="AK23473">
        <v>9</v>
      </c>
      <c r="AL23473">
        <v>9</v>
      </c>
      <c r="AM23473">
        <v>9</v>
      </c>
      <c r="AN23473">
        <v>9</v>
      </c>
      <c r="AO23473">
        <v>9</v>
      </c>
      <c r="AP23473">
        <v>9</v>
      </c>
      <c r="AQ23473">
        <v>9</v>
      </c>
    </row>
    <row r="23474" spans="1:43">
      <c r="A23474" t="s">
        <v>14537</v>
      </c>
      <c r="B23474" t="s">
        <v>14538</v>
      </c>
      <c r="C23474" t="s">
        <v>14533</v>
      </c>
      <c r="D23474" t="s">
        <v>14534</v>
      </c>
      <c r="E23474" t="s">
        <v>14535</v>
      </c>
      <c r="F23474" t="s">
        <v>14536</v>
      </c>
      <c r="G23474" t="s">
        <v>10734</v>
      </c>
      <c r="H23474" t="s">
        <v>10735</v>
      </c>
      <c r="I23474" s="2">
        <v>1</v>
      </c>
      <c r="J23474" s="2">
        <v>0</v>
      </c>
      <c r="K23474" s="2">
        <v>0</v>
      </c>
      <c r="L23474" t="s">
        <v>120</v>
      </c>
      <c r="M23474" t="s">
        <v>83</v>
      </c>
      <c r="N23474" t="s">
        <v>84</v>
      </c>
      <c r="O23474" t="s">
        <v>85</v>
      </c>
      <c r="P23474" t="s">
        <v>86</v>
      </c>
      <c r="Q23474">
        <v>6</v>
      </c>
      <c r="R23474">
        <v>6</v>
      </c>
      <c r="S23474">
        <v>6</v>
      </c>
      <c r="T23474">
        <v>6</v>
      </c>
      <c r="U23474">
        <v>6</v>
      </c>
      <c r="V23474">
        <v>6</v>
      </c>
      <c r="W23474">
        <v>6</v>
      </c>
      <c r="X23474">
        <v>6</v>
      </c>
      <c r="Y23474">
        <v>6</v>
      </c>
      <c r="Z23474">
        <v>6</v>
      </c>
      <c r="AA23474">
        <v>6</v>
      </c>
      <c r="AB23474">
        <v>6</v>
      </c>
      <c r="AC23474">
        <v>6</v>
      </c>
      <c r="AD23474">
        <v>6</v>
      </c>
      <c r="AE23474">
        <v>6</v>
      </c>
      <c r="AF23474">
        <v>6</v>
      </c>
      <c r="AG23474">
        <v>6</v>
      </c>
      <c r="AH23474">
        <v>6</v>
      </c>
      <c r="AI23474">
        <v>6</v>
      </c>
      <c r="AJ23474">
        <v>6</v>
      </c>
      <c r="AK23474">
        <v>6</v>
      </c>
      <c r="AL23474">
        <v>6</v>
      </c>
      <c r="AM23474">
        <v>6</v>
      </c>
      <c r="AN23474">
        <v>6</v>
      </c>
      <c r="AO23474">
        <v>6</v>
      </c>
      <c r="AP23474">
        <v>6</v>
      </c>
      <c r="AQ23474">
        <v>6</v>
      </c>
    </row>
    <row r="23475" spans="1:43">
      <c r="A23475" t="s">
        <v>14537</v>
      </c>
      <c r="B23475" t="s">
        <v>14538</v>
      </c>
      <c r="C23475" t="s">
        <v>14533</v>
      </c>
      <c r="D23475" t="s">
        <v>14534</v>
      </c>
      <c r="E23475" t="s">
        <v>14535</v>
      </c>
      <c r="F23475" t="s">
        <v>14536</v>
      </c>
      <c r="G23475" t="s">
        <v>10734</v>
      </c>
      <c r="H23475" t="s">
        <v>10735</v>
      </c>
      <c r="I23475" s="2">
        <v>1</v>
      </c>
      <c r="J23475" s="2">
        <v>0</v>
      </c>
      <c r="K23475" s="2">
        <v>0</v>
      </c>
      <c r="L23475" t="s">
        <v>120</v>
      </c>
      <c r="M23475" t="s">
        <v>87</v>
      </c>
      <c r="N23475" t="s">
        <v>88</v>
      </c>
      <c r="O23475" t="s">
        <v>85</v>
      </c>
      <c r="P23475" t="s">
        <v>86</v>
      </c>
      <c r="Q23475">
        <v>6</v>
      </c>
      <c r="R23475">
        <v>6</v>
      </c>
      <c r="S23475">
        <v>6</v>
      </c>
      <c r="T23475">
        <v>6</v>
      </c>
      <c r="U23475">
        <v>5</v>
      </c>
      <c r="V23475">
        <v>5</v>
      </c>
      <c r="W23475">
        <v>5</v>
      </c>
      <c r="X23475">
        <v>5</v>
      </c>
      <c r="Y23475">
        <v>5</v>
      </c>
      <c r="Z23475">
        <v>5</v>
      </c>
      <c r="AA23475">
        <v>5</v>
      </c>
      <c r="AB23475">
        <v>5</v>
      </c>
      <c r="AC23475">
        <v>5</v>
      </c>
      <c r="AD23475">
        <v>5</v>
      </c>
      <c r="AE23475">
        <v>5</v>
      </c>
      <c r="AF23475">
        <v>5</v>
      </c>
      <c r="AG23475">
        <v>5</v>
      </c>
      <c r="AH23475">
        <v>5</v>
      </c>
      <c r="AI23475">
        <v>5</v>
      </c>
      <c r="AJ23475">
        <v>5</v>
      </c>
      <c r="AK23475">
        <v>5</v>
      </c>
      <c r="AL23475">
        <v>5</v>
      </c>
      <c r="AM23475">
        <v>5</v>
      </c>
      <c r="AN23475">
        <v>5</v>
      </c>
      <c r="AO23475">
        <v>5</v>
      </c>
      <c r="AP23475">
        <v>5</v>
      </c>
      <c r="AQ23475">
        <v>5</v>
      </c>
    </row>
    <row r="23476" spans="1:43">
      <c r="A23476" t="s">
        <v>14537</v>
      </c>
      <c r="B23476" t="s">
        <v>14538</v>
      </c>
      <c r="C23476" t="s">
        <v>14533</v>
      </c>
      <c r="D23476" t="s">
        <v>14534</v>
      </c>
      <c r="E23476" t="s">
        <v>14535</v>
      </c>
      <c r="F23476" t="s">
        <v>14536</v>
      </c>
      <c r="G23476" t="s">
        <v>10734</v>
      </c>
      <c r="H23476" t="s">
        <v>10735</v>
      </c>
      <c r="I23476" s="2">
        <v>1</v>
      </c>
      <c r="J23476" s="2">
        <v>0</v>
      </c>
      <c r="K23476" s="2">
        <v>0</v>
      </c>
      <c r="L23476" t="s">
        <v>120</v>
      </c>
      <c r="M23476" t="s">
        <v>89</v>
      </c>
      <c r="N23476" t="s">
        <v>90</v>
      </c>
      <c r="O23476" t="s">
        <v>85</v>
      </c>
      <c r="P23476" t="s">
        <v>86</v>
      </c>
      <c r="Q23476">
        <v>6</v>
      </c>
      <c r="R23476">
        <v>6</v>
      </c>
      <c r="S23476">
        <v>6</v>
      </c>
      <c r="T23476">
        <v>6</v>
      </c>
      <c r="U23476">
        <v>6</v>
      </c>
      <c r="V23476">
        <v>6</v>
      </c>
      <c r="W23476">
        <v>6</v>
      </c>
      <c r="X23476">
        <v>6</v>
      </c>
      <c r="Y23476">
        <v>6</v>
      </c>
      <c r="Z23476">
        <v>6</v>
      </c>
      <c r="AA23476">
        <v>6</v>
      </c>
      <c r="AB23476">
        <v>6</v>
      </c>
      <c r="AC23476">
        <v>6</v>
      </c>
      <c r="AD23476">
        <v>6</v>
      </c>
      <c r="AE23476">
        <v>6</v>
      </c>
      <c r="AF23476">
        <v>6</v>
      </c>
      <c r="AG23476">
        <v>6</v>
      </c>
      <c r="AH23476">
        <v>6</v>
      </c>
      <c r="AI23476">
        <v>6</v>
      </c>
      <c r="AJ23476">
        <v>6</v>
      </c>
      <c r="AK23476">
        <v>6</v>
      </c>
      <c r="AL23476">
        <v>6</v>
      </c>
      <c r="AM23476">
        <v>6</v>
      </c>
      <c r="AN23476">
        <v>6</v>
      </c>
      <c r="AO23476">
        <v>6</v>
      </c>
      <c r="AP23476">
        <v>6</v>
      </c>
      <c r="AQ23476">
        <v>6</v>
      </c>
    </row>
    <row r="23477" spans="1:43">
      <c r="A23477" t="s">
        <v>14537</v>
      </c>
      <c r="B23477" t="s">
        <v>14538</v>
      </c>
      <c r="C23477" t="s">
        <v>14533</v>
      </c>
      <c r="D23477" t="s">
        <v>14534</v>
      </c>
      <c r="E23477" t="s">
        <v>14535</v>
      </c>
      <c r="F23477" t="s">
        <v>14536</v>
      </c>
      <c r="G23477" t="s">
        <v>10734</v>
      </c>
      <c r="H23477" t="s">
        <v>10735</v>
      </c>
      <c r="I23477" s="2">
        <v>1</v>
      </c>
      <c r="J23477" s="2">
        <v>0</v>
      </c>
      <c r="K23477" s="2">
        <v>0</v>
      </c>
      <c r="L23477" t="s">
        <v>120</v>
      </c>
      <c r="M23477" t="s">
        <v>83</v>
      </c>
      <c r="N23477" t="s">
        <v>91</v>
      </c>
      <c r="O23477" t="s">
        <v>85</v>
      </c>
      <c r="P23477" t="s">
        <v>86</v>
      </c>
      <c r="Q23477">
        <v>6</v>
      </c>
      <c r="R23477">
        <v>6</v>
      </c>
      <c r="S23477">
        <v>6</v>
      </c>
      <c r="T23477">
        <v>6</v>
      </c>
      <c r="U23477">
        <v>6</v>
      </c>
      <c r="V23477">
        <v>6</v>
      </c>
      <c r="W23477">
        <v>6</v>
      </c>
      <c r="X23477">
        <v>6</v>
      </c>
      <c r="Y23477">
        <v>6</v>
      </c>
      <c r="Z23477">
        <v>6</v>
      </c>
      <c r="AA23477">
        <v>6</v>
      </c>
      <c r="AB23477">
        <v>6</v>
      </c>
      <c r="AC23477">
        <v>6</v>
      </c>
      <c r="AD23477">
        <v>6</v>
      </c>
      <c r="AE23477">
        <v>6</v>
      </c>
      <c r="AF23477">
        <v>6</v>
      </c>
      <c r="AG23477">
        <v>6</v>
      </c>
      <c r="AH23477">
        <v>6</v>
      </c>
      <c r="AI23477">
        <v>6</v>
      </c>
      <c r="AJ23477">
        <v>6</v>
      </c>
      <c r="AK23477">
        <v>6</v>
      </c>
      <c r="AL23477">
        <v>6</v>
      </c>
      <c r="AM23477">
        <v>6</v>
      </c>
      <c r="AN23477">
        <v>6</v>
      </c>
      <c r="AO23477">
        <v>6</v>
      </c>
      <c r="AP23477">
        <v>6</v>
      </c>
      <c r="AQ23477">
        <v>6</v>
      </c>
    </row>
    <row r="23478" spans="1:43">
      <c r="A23478" t="s">
        <v>14539</v>
      </c>
      <c r="B23478" t="s">
        <v>14540</v>
      </c>
      <c r="C23478" t="s">
        <v>14541</v>
      </c>
      <c r="D23478" t="s">
        <v>14542</v>
      </c>
      <c r="E23478" t="s">
        <v>14535</v>
      </c>
      <c r="F23478" t="s">
        <v>14536</v>
      </c>
      <c r="G23478" t="s">
        <v>10734</v>
      </c>
      <c r="H23478" t="s">
        <v>10735</v>
      </c>
      <c r="I23478" s="2">
        <v>1</v>
      </c>
      <c r="J23478" s="2">
        <v>0</v>
      </c>
      <c r="K23478" s="2">
        <v>0</v>
      </c>
      <c r="L23478" t="s">
        <v>120</v>
      </c>
      <c r="M23478" t="s">
        <v>83</v>
      </c>
      <c r="N23478" t="s">
        <v>84</v>
      </c>
      <c r="O23478" t="s">
        <v>85</v>
      </c>
      <c r="P23478" t="s">
        <v>86</v>
      </c>
      <c r="Q23478">
        <v>14</v>
      </c>
      <c r="R23478">
        <v>14</v>
      </c>
      <c r="S23478">
        <v>14</v>
      </c>
      <c r="T23478">
        <v>14</v>
      </c>
      <c r="U23478">
        <v>14</v>
      </c>
      <c r="V23478">
        <v>14</v>
      </c>
      <c r="W23478">
        <v>14</v>
      </c>
      <c r="X23478">
        <v>14</v>
      </c>
      <c r="Y23478">
        <v>14</v>
      </c>
      <c r="Z23478">
        <v>14</v>
      </c>
      <c r="AA23478">
        <v>14</v>
      </c>
      <c r="AB23478">
        <v>14</v>
      </c>
      <c r="AC23478">
        <v>14</v>
      </c>
      <c r="AD23478">
        <v>14</v>
      </c>
      <c r="AE23478">
        <v>14</v>
      </c>
      <c r="AF23478">
        <v>14</v>
      </c>
      <c r="AG23478">
        <v>14</v>
      </c>
      <c r="AH23478">
        <v>14</v>
      </c>
      <c r="AI23478">
        <v>14</v>
      </c>
      <c r="AJ23478">
        <v>14</v>
      </c>
      <c r="AK23478">
        <v>14</v>
      </c>
      <c r="AL23478">
        <v>14</v>
      </c>
      <c r="AM23478">
        <v>14</v>
      </c>
      <c r="AN23478">
        <v>14</v>
      </c>
      <c r="AO23478">
        <v>14</v>
      </c>
      <c r="AP23478">
        <v>13</v>
      </c>
      <c r="AQ23478">
        <v>13</v>
      </c>
    </row>
    <row r="23479" spans="1:43">
      <c r="A23479" t="s">
        <v>14539</v>
      </c>
      <c r="B23479" t="s">
        <v>14540</v>
      </c>
      <c r="C23479" t="s">
        <v>14541</v>
      </c>
      <c r="D23479" t="s">
        <v>14542</v>
      </c>
      <c r="E23479" t="s">
        <v>14535</v>
      </c>
      <c r="F23479" t="s">
        <v>14536</v>
      </c>
      <c r="G23479" t="s">
        <v>10734</v>
      </c>
      <c r="H23479" t="s">
        <v>10735</v>
      </c>
      <c r="I23479" s="2">
        <v>1</v>
      </c>
      <c r="J23479" s="2">
        <v>0</v>
      </c>
      <c r="K23479" s="2">
        <v>0</v>
      </c>
      <c r="L23479" t="s">
        <v>120</v>
      </c>
      <c r="M23479" t="s">
        <v>87</v>
      </c>
      <c r="N23479" t="s">
        <v>88</v>
      </c>
      <c r="O23479" t="s">
        <v>85</v>
      </c>
      <c r="P23479" t="s">
        <v>86</v>
      </c>
      <c r="Q23479">
        <v>14</v>
      </c>
      <c r="R23479">
        <v>13</v>
      </c>
      <c r="S23479">
        <v>13</v>
      </c>
      <c r="T23479">
        <v>13</v>
      </c>
      <c r="U23479">
        <v>13</v>
      </c>
      <c r="V23479">
        <v>13</v>
      </c>
      <c r="W23479">
        <v>13</v>
      </c>
      <c r="X23479">
        <v>13</v>
      </c>
      <c r="Y23479">
        <v>13</v>
      </c>
      <c r="Z23479">
        <v>13</v>
      </c>
      <c r="AA23479">
        <v>13</v>
      </c>
      <c r="AB23479">
        <v>13</v>
      </c>
      <c r="AC23479">
        <v>13</v>
      </c>
      <c r="AD23479">
        <v>12</v>
      </c>
      <c r="AE23479">
        <v>12</v>
      </c>
      <c r="AF23479">
        <v>12</v>
      </c>
      <c r="AG23479">
        <v>12</v>
      </c>
      <c r="AH23479">
        <v>12</v>
      </c>
      <c r="AI23479">
        <v>12</v>
      </c>
      <c r="AJ23479">
        <v>12</v>
      </c>
      <c r="AK23479">
        <v>12</v>
      </c>
      <c r="AL23479">
        <v>12</v>
      </c>
      <c r="AM23479">
        <v>12</v>
      </c>
      <c r="AN23479">
        <v>12</v>
      </c>
      <c r="AO23479">
        <v>12</v>
      </c>
      <c r="AP23479">
        <v>12</v>
      </c>
      <c r="AQ23479">
        <v>12</v>
      </c>
    </row>
    <row r="23480" spans="1:43">
      <c r="A23480" t="s">
        <v>14539</v>
      </c>
      <c r="B23480" t="s">
        <v>14540</v>
      </c>
      <c r="C23480" t="s">
        <v>14541</v>
      </c>
      <c r="D23480" t="s">
        <v>14542</v>
      </c>
      <c r="E23480" t="s">
        <v>14535</v>
      </c>
      <c r="F23480" t="s">
        <v>14536</v>
      </c>
      <c r="G23480" t="s">
        <v>10734</v>
      </c>
      <c r="H23480" t="s">
        <v>10735</v>
      </c>
      <c r="I23480" s="2">
        <v>1</v>
      </c>
      <c r="J23480" s="2">
        <v>0</v>
      </c>
      <c r="K23480" s="2">
        <v>0</v>
      </c>
      <c r="L23480" t="s">
        <v>120</v>
      </c>
      <c r="M23480" t="s">
        <v>89</v>
      </c>
      <c r="N23480" t="s">
        <v>90</v>
      </c>
      <c r="O23480" t="s">
        <v>85</v>
      </c>
      <c r="P23480" t="s">
        <v>86</v>
      </c>
      <c r="Q23480">
        <v>14</v>
      </c>
      <c r="R23480">
        <v>14</v>
      </c>
      <c r="S23480">
        <v>14</v>
      </c>
      <c r="T23480">
        <v>14</v>
      </c>
      <c r="U23480">
        <v>14</v>
      </c>
      <c r="V23480">
        <v>14</v>
      </c>
      <c r="W23480">
        <v>14</v>
      </c>
      <c r="X23480">
        <v>15</v>
      </c>
      <c r="Y23480">
        <v>15</v>
      </c>
      <c r="Z23480">
        <v>15</v>
      </c>
      <c r="AA23480">
        <v>15</v>
      </c>
      <c r="AB23480">
        <v>15</v>
      </c>
      <c r="AC23480">
        <v>15</v>
      </c>
      <c r="AD23480">
        <v>15</v>
      </c>
      <c r="AE23480">
        <v>15</v>
      </c>
      <c r="AF23480">
        <v>15</v>
      </c>
      <c r="AG23480">
        <v>15</v>
      </c>
      <c r="AH23480">
        <v>15</v>
      </c>
      <c r="AI23480">
        <v>14</v>
      </c>
      <c r="AJ23480">
        <v>14</v>
      </c>
      <c r="AK23480">
        <v>14</v>
      </c>
      <c r="AL23480">
        <v>14</v>
      </c>
      <c r="AM23480">
        <v>14</v>
      </c>
      <c r="AN23480">
        <v>14</v>
      </c>
      <c r="AO23480">
        <v>14</v>
      </c>
      <c r="AP23480">
        <v>14</v>
      </c>
      <c r="AQ23480">
        <v>13</v>
      </c>
    </row>
    <row r="23481" spans="1:43">
      <c r="A23481" t="s">
        <v>14539</v>
      </c>
      <c r="B23481" t="s">
        <v>14540</v>
      </c>
      <c r="C23481" t="s">
        <v>14541</v>
      </c>
      <c r="D23481" t="s">
        <v>14542</v>
      </c>
      <c r="E23481" t="s">
        <v>14535</v>
      </c>
      <c r="F23481" t="s">
        <v>14536</v>
      </c>
      <c r="G23481" t="s">
        <v>10734</v>
      </c>
      <c r="H23481" t="s">
        <v>10735</v>
      </c>
      <c r="I23481" s="2">
        <v>1</v>
      </c>
      <c r="J23481" s="2">
        <v>0</v>
      </c>
      <c r="K23481" s="2">
        <v>0</v>
      </c>
      <c r="L23481" t="s">
        <v>120</v>
      </c>
      <c r="M23481" t="s">
        <v>83</v>
      </c>
      <c r="N23481" t="s">
        <v>91</v>
      </c>
      <c r="O23481" t="s">
        <v>85</v>
      </c>
      <c r="P23481" t="s">
        <v>86</v>
      </c>
      <c r="Q23481">
        <v>14</v>
      </c>
      <c r="R23481">
        <v>14</v>
      </c>
      <c r="S23481">
        <v>14</v>
      </c>
      <c r="T23481">
        <v>14</v>
      </c>
      <c r="U23481">
        <v>14</v>
      </c>
      <c r="V23481">
        <v>14</v>
      </c>
      <c r="W23481">
        <v>14</v>
      </c>
      <c r="X23481">
        <v>14</v>
      </c>
      <c r="Y23481">
        <v>14</v>
      </c>
      <c r="Z23481">
        <v>14</v>
      </c>
      <c r="AA23481">
        <v>14</v>
      </c>
      <c r="AB23481">
        <v>14</v>
      </c>
      <c r="AC23481">
        <v>14</v>
      </c>
      <c r="AD23481">
        <v>14</v>
      </c>
      <c r="AE23481">
        <v>14</v>
      </c>
      <c r="AF23481">
        <v>14</v>
      </c>
      <c r="AG23481">
        <v>14</v>
      </c>
      <c r="AH23481">
        <v>14</v>
      </c>
      <c r="AI23481">
        <v>14</v>
      </c>
      <c r="AJ23481">
        <v>14</v>
      </c>
      <c r="AK23481">
        <v>14</v>
      </c>
      <c r="AL23481">
        <v>14</v>
      </c>
      <c r="AM23481">
        <v>14</v>
      </c>
      <c r="AN23481">
        <v>14</v>
      </c>
      <c r="AO23481">
        <v>14</v>
      </c>
      <c r="AP23481">
        <v>13</v>
      </c>
      <c r="AQ23481">
        <v>13</v>
      </c>
    </row>
    <row r="23482" spans="1:43">
      <c r="A23482" t="s">
        <v>14543</v>
      </c>
      <c r="B23482" t="s">
        <v>14544</v>
      </c>
      <c r="C23482" t="s">
        <v>14541</v>
      </c>
      <c r="D23482" t="s">
        <v>14542</v>
      </c>
      <c r="E23482" t="s">
        <v>14535</v>
      </c>
      <c r="F23482" t="s">
        <v>14536</v>
      </c>
      <c r="G23482" t="s">
        <v>10734</v>
      </c>
      <c r="H23482" t="s">
        <v>10735</v>
      </c>
      <c r="I23482" s="2">
        <v>1</v>
      </c>
      <c r="J23482" s="2">
        <v>0</v>
      </c>
      <c r="K23482" s="2">
        <v>0</v>
      </c>
      <c r="L23482" t="s">
        <v>120</v>
      </c>
      <c r="M23482" t="s">
        <v>83</v>
      </c>
      <c r="N23482" t="s">
        <v>84</v>
      </c>
      <c r="O23482" t="s">
        <v>85</v>
      </c>
      <c r="P23482" t="s">
        <v>86</v>
      </c>
      <c r="Q23482">
        <v>68</v>
      </c>
      <c r="R23482">
        <v>69</v>
      </c>
      <c r="S23482">
        <v>69</v>
      </c>
      <c r="T23482">
        <v>69</v>
      </c>
      <c r="U23482">
        <v>69</v>
      </c>
      <c r="V23482">
        <v>70</v>
      </c>
      <c r="W23482">
        <v>70</v>
      </c>
      <c r="X23482">
        <v>70</v>
      </c>
      <c r="Y23482">
        <v>70</v>
      </c>
      <c r="Z23482">
        <v>70</v>
      </c>
      <c r="AA23482">
        <v>71</v>
      </c>
      <c r="AB23482">
        <v>71</v>
      </c>
      <c r="AC23482">
        <v>71</v>
      </c>
      <c r="AD23482">
        <v>71</v>
      </c>
      <c r="AE23482">
        <v>71</v>
      </c>
      <c r="AF23482">
        <v>71</v>
      </c>
      <c r="AG23482">
        <v>71</v>
      </c>
      <c r="AH23482">
        <v>72</v>
      </c>
      <c r="AI23482">
        <v>72</v>
      </c>
      <c r="AJ23482">
        <v>72</v>
      </c>
      <c r="AK23482">
        <v>72</v>
      </c>
      <c r="AL23482">
        <v>72</v>
      </c>
      <c r="AM23482">
        <v>71</v>
      </c>
      <c r="AN23482">
        <v>71</v>
      </c>
      <c r="AO23482">
        <v>70</v>
      </c>
      <c r="AP23482">
        <v>70</v>
      </c>
      <c r="AQ23482">
        <v>69</v>
      </c>
    </row>
    <row r="23483" spans="1:43">
      <c r="A23483" t="s">
        <v>14543</v>
      </c>
      <c r="B23483" t="s">
        <v>14544</v>
      </c>
      <c r="C23483" t="s">
        <v>14541</v>
      </c>
      <c r="D23483" t="s">
        <v>14542</v>
      </c>
      <c r="E23483" t="s">
        <v>14535</v>
      </c>
      <c r="F23483" t="s">
        <v>14536</v>
      </c>
      <c r="G23483" t="s">
        <v>10734</v>
      </c>
      <c r="H23483" t="s">
        <v>10735</v>
      </c>
      <c r="I23483" s="2">
        <v>1</v>
      </c>
      <c r="J23483" s="2">
        <v>0</v>
      </c>
      <c r="K23483" s="2">
        <v>0</v>
      </c>
      <c r="L23483" t="s">
        <v>120</v>
      </c>
      <c r="M23483" t="s">
        <v>87</v>
      </c>
      <c r="N23483" t="s">
        <v>88</v>
      </c>
      <c r="O23483" t="s">
        <v>85</v>
      </c>
      <c r="P23483" t="s">
        <v>86</v>
      </c>
      <c r="Q23483">
        <v>68</v>
      </c>
      <c r="R23483">
        <v>67</v>
      </c>
      <c r="S23483">
        <v>67</v>
      </c>
      <c r="T23483">
        <v>67</v>
      </c>
      <c r="U23483">
        <v>66</v>
      </c>
      <c r="V23483">
        <v>66</v>
      </c>
      <c r="W23483">
        <v>66</v>
      </c>
      <c r="X23483">
        <v>65</v>
      </c>
      <c r="Y23483">
        <v>65</v>
      </c>
      <c r="Z23483">
        <v>65</v>
      </c>
      <c r="AA23483">
        <v>64</v>
      </c>
      <c r="AB23483">
        <v>64</v>
      </c>
      <c r="AC23483">
        <v>64</v>
      </c>
      <c r="AD23483">
        <v>63</v>
      </c>
      <c r="AE23483">
        <v>63</v>
      </c>
      <c r="AF23483">
        <v>63</v>
      </c>
      <c r="AG23483">
        <v>63</v>
      </c>
      <c r="AH23483">
        <v>62</v>
      </c>
      <c r="AI23483">
        <v>62</v>
      </c>
      <c r="AJ23483">
        <v>62</v>
      </c>
      <c r="AK23483">
        <v>62</v>
      </c>
      <c r="AL23483">
        <v>61</v>
      </c>
      <c r="AM23483">
        <v>61</v>
      </c>
      <c r="AN23483">
        <v>61</v>
      </c>
      <c r="AO23483">
        <v>61</v>
      </c>
      <c r="AP23483">
        <v>60</v>
      </c>
      <c r="AQ23483">
        <v>60</v>
      </c>
    </row>
    <row r="23484" spans="1:43">
      <c r="A23484" t="s">
        <v>14543</v>
      </c>
      <c r="B23484" t="s">
        <v>14544</v>
      </c>
      <c r="C23484" t="s">
        <v>14541</v>
      </c>
      <c r="D23484" t="s">
        <v>14542</v>
      </c>
      <c r="E23484" t="s">
        <v>14535</v>
      </c>
      <c r="F23484" t="s">
        <v>14536</v>
      </c>
      <c r="G23484" t="s">
        <v>10734</v>
      </c>
      <c r="H23484" t="s">
        <v>10735</v>
      </c>
      <c r="I23484" s="2">
        <v>1</v>
      </c>
      <c r="J23484" s="2">
        <v>0</v>
      </c>
      <c r="K23484" s="2">
        <v>0</v>
      </c>
      <c r="L23484" t="s">
        <v>120</v>
      </c>
      <c r="M23484" t="s">
        <v>89</v>
      </c>
      <c r="N23484" t="s">
        <v>90</v>
      </c>
      <c r="O23484" t="s">
        <v>85</v>
      </c>
      <c r="P23484" t="s">
        <v>86</v>
      </c>
      <c r="Q23484">
        <v>68</v>
      </c>
      <c r="R23484">
        <v>69</v>
      </c>
      <c r="S23484">
        <v>70</v>
      </c>
      <c r="T23484">
        <v>70</v>
      </c>
      <c r="U23484">
        <v>71</v>
      </c>
      <c r="V23484">
        <v>72</v>
      </c>
      <c r="W23484">
        <v>72</v>
      </c>
      <c r="X23484">
        <v>73</v>
      </c>
      <c r="Y23484">
        <v>73</v>
      </c>
      <c r="Z23484">
        <v>74</v>
      </c>
      <c r="AA23484">
        <v>74</v>
      </c>
      <c r="AB23484">
        <v>74</v>
      </c>
      <c r="AC23484">
        <v>75</v>
      </c>
      <c r="AD23484">
        <v>75</v>
      </c>
      <c r="AE23484">
        <v>75</v>
      </c>
      <c r="AF23484">
        <v>75</v>
      </c>
      <c r="AG23484">
        <v>74</v>
      </c>
      <c r="AH23484">
        <v>74</v>
      </c>
      <c r="AI23484">
        <v>73</v>
      </c>
      <c r="AJ23484">
        <v>73</v>
      </c>
      <c r="AK23484">
        <v>72</v>
      </c>
      <c r="AL23484">
        <v>72</v>
      </c>
      <c r="AM23484">
        <v>71</v>
      </c>
      <c r="AN23484">
        <v>71</v>
      </c>
      <c r="AO23484">
        <v>70</v>
      </c>
      <c r="AP23484">
        <v>70</v>
      </c>
      <c r="AQ23484">
        <v>69</v>
      </c>
    </row>
    <row r="23485" spans="1:43">
      <c r="A23485" t="s">
        <v>14543</v>
      </c>
      <c r="B23485" t="s">
        <v>14544</v>
      </c>
      <c r="C23485" t="s">
        <v>14541</v>
      </c>
      <c r="D23485" t="s">
        <v>14542</v>
      </c>
      <c r="E23485" t="s">
        <v>14535</v>
      </c>
      <c r="F23485" t="s">
        <v>14536</v>
      </c>
      <c r="G23485" t="s">
        <v>10734</v>
      </c>
      <c r="H23485" t="s">
        <v>10735</v>
      </c>
      <c r="I23485" s="2">
        <v>1</v>
      </c>
      <c r="J23485" s="2">
        <v>0</v>
      </c>
      <c r="K23485" s="2">
        <v>0</v>
      </c>
      <c r="L23485" t="s">
        <v>120</v>
      </c>
      <c r="M23485" t="s">
        <v>83</v>
      </c>
      <c r="N23485" t="s">
        <v>91</v>
      </c>
      <c r="O23485" t="s">
        <v>85</v>
      </c>
      <c r="P23485" t="s">
        <v>86</v>
      </c>
      <c r="Q23485">
        <v>68</v>
      </c>
      <c r="R23485">
        <v>69</v>
      </c>
      <c r="S23485">
        <v>69</v>
      </c>
      <c r="T23485">
        <v>69</v>
      </c>
      <c r="U23485">
        <v>69</v>
      </c>
      <c r="V23485">
        <v>70</v>
      </c>
      <c r="W23485">
        <v>70</v>
      </c>
      <c r="X23485">
        <v>70</v>
      </c>
      <c r="Y23485">
        <v>70</v>
      </c>
      <c r="Z23485">
        <v>70</v>
      </c>
      <c r="AA23485">
        <v>71</v>
      </c>
      <c r="AB23485">
        <v>71</v>
      </c>
      <c r="AC23485">
        <v>71</v>
      </c>
      <c r="AD23485">
        <v>71</v>
      </c>
      <c r="AE23485">
        <v>71</v>
      </c>
      <c r="AF23485">
        <v>71</v>
      </c>
      <c r="AG23485">
        <v>71</v>
      </c>
      <c r="AH23485">
        <v>72</v>
      </c>
      <c r="AI23485">
        <v>72</v>
      </c>
      <c r="AJ23485">
        <v>72</v>
      </c>
      <c r="AK23485">
        <v>72</v>
      </c>
      <c r="AL23485">
        <v>72</v>
      </c>
      <c r="AM23485">
        <v>71</v>
      </c>
      <c r="AN23485">
        <v>71</v>
      </c>
      <c r="AO23485">
        <v>70</v>
      </c>
      <c r="AP23485">
        <v>70</v>
      </c>
      <c r="AQ23485">
        <v>69</v>
      </c>
    </row>
    <row r="23486" spans="1:43">
      <c r="A23486" t="s">
        <v>14545</v>
      </c>
      <c r="B23486" t="s">
        <v>14546</v>
      </c>
      <c r="C23486" t="s">
        <v>14541</v>
      </c>
      <c r="D23486" t="s">
        <v>14542</v>
      </c>
      <c r="E23486" t="s">
        <v>14535</v>
      </c>
      <c r="F23486" t="s">
        <v>14536</v>
      </c>
      <c r="G23486" t="s">
        <v>10734</v>
      </c>
      <c r="H23486" t="s">
        <v>10735</v>
      </c>
      <c r="I23486" s="2">
        <v>1</v>
      </c>
      <c r="J23486" s="2">
        <v>0</v>
      </c>
      <c r="K23486" s="2">
        <v>0</v>
      </c>
      <c r="L23486" t="s">
        <v>120</v>
      </c>
      <c r="M23486" t="s">
        <v>83</v>
      </c>
      <c r="N23486" t="s">
        <v>84</v>
      </c>
      <c r="O23486" t="s">
        <v>85</v>
      </c>
      <c r="P23486" t="s">
        <v>86</v>
      </c>
      <c r="Q23486">
        <v>12</v>
      </c>
      <c r="R23486">
        <v>12</v>
      </c>
      <c r="S23486">
        <v>12</v>
      </c>
      <c r="T23486">
        <v>12</v>
      </c>
      <c r="U23486">
        <v>12</v>
      </c>
      <c r="V23486">
        <v>12</v>
      </c>
      <c r="W23486">
        <v>12</v>
      </c>
      <c r="X23486">
        <v>12</v>
      </c>
      <c r="Y23486">
        <v>12</v>
      </c>
      <c r="Z23486">
        <v>12</v>
      </c>
      <c r="AA23486">
        <v>12</v>
      </c>
      <c r="AB23486">
        <v>12</v>
      </c>
      <c r="AC23486">
        <v>12</v>
      </c>
      <c r="AD23486">
        <v>12</v>
      </c>
      <c r="AE23486">
        <v>12</v>
      </c>
      <c r="AF23486">
        <v>12</v>
      </c>
      <c r="AG23486">
        <v>12</v>
      </c>
      <c r="AH23486">
        <v>12</v>
      </c>
      <c r="AI23486">
        <v>12</v>
      </c>
      <c r="AJ23486">
        <v>12</v>
      </c>
      <c r="AK23486">
        <v>12</v>
      </c>
      <c r="AL23486">
        <v>12</v>
      </c>
      <c r="AM23486">
        <v>12</v>
      </c>
      <c r="AN23486">
        <v>12</v>
      </c>
      <c r="AO23486">
        <v>12</v>
      </c>
      <c r="AP23486">
        <v>12</v>
      </c>
      <c r="AQ23486">
        <v>12</v>
      </c>
    </row>
    <row r="23487" spans="1:43">
      <c r="A23487" t="s">
        <v>14545</v>
      </c>
      <c r="B23487" t="s">
        <v>14546</v>
      </c>
      <c r="C23487" t="s">
        <v>14541</v>
      </c>
      <c r="D23487" t="s">
        <v>14542</v>
      </c>
      <c r="E23487" t="s">
        <v>14535</v>
      </c>
      <c r="F23487" t="s">
        <v>14536</v>
      </c>
      <c r="G23487" t="s">
        <v>10734</v>
      </c>
      <c r="H23487" t="s">
        <v>10735</v>
      </c>
      <c r="I23487" s="2">
        <v>1</v>
      </c>
      <c r="J23487" s="2">
        <v>0</v>
      </c>
      <c r="K23487" s="2">
        <v>0</v>
      </c>
      <c r="L23487" t="s">
        <v>120</v>
      </c>
      <c r="M23487" t="s">
        <v>87</v>
      </c>
      <c r="N23487" t="s">
        <v>88</v>
      </c>
      <c r="O23487" t="s">
        <v>85</v>
      </c>
      <c r="P23487" t="s">
        <v>86</v>
      </c>
      <c r="Q23487">
        <v>12</v>
      </c>
      <c r="R23487">
        <v>11</v>
      </c>
      <c r="S23487">
        <v>11</v>
      </c>
      <c r="T23487">
        <v>11</v>
      </c>
      <c r="U23487">
        <v>11</v>
      </c>
      <c r="V23487">
        <v>11</v>
      </c>
      <c r="W23487">
        <v>11</v>
      </c>
      <c r="X23487">
        <v>11</v>
      </c>
      <c r="Y23487">
        <v>11</v>
      </c>
      <c r="Z23487">
        <v>11</v>
      </c>
      <c r="AA23487">
        <v>11</v>
      </c>
      <c r="AB23487">
        <v>11</v>
      </c>
      <c r="AC23487">
        <v>11</v>
      </c>
      <c r="AD23487">
        <v>11</v>
      </c>
      <c r="AE23487">
        <v>11</v>
      </c>
      <c r="AF23487">
        <v>11</v>
      </c>
      <c r="AG23487">
        <v>11</v>
      </c>
      <c r="AH23487">
        <v>11</v>
      </c>
      <c r="AI23487">
        <v>11</v>
      </c>
      <c r="AJ23487">
        <v>11</v>
      </c>
      <c r="AK23487">
        <v>10</v>
      </c>
      <c r="AL23487">
        <v>10</v>
      </c>
      <c r="AM23487">
        <v>10</v>
      </c>
      <c r="AN23487">
        <v>10</v>
      </c>
      <c r="AO23487">
        <v>10</v>
      </c>
      <c r="AP23487">
        <v>10</v>
      </c>
      <c r="AQ23487">
        <v>10</v>
      </c>
    </row>
    <row r="23488" spans="1:43">
      <c r="A23488" t="s">
        <v>14545</v>
      </c>
      <c r="B23488" t="s">
        <v>14546</v>
      </c>
      <c r="C23488" t="s">
        <v>14541</v>
      </c>
      <c r="D23488" t="s">
        <v>14542</v>
      </c>
      <c r="E23488" t="s">
        <v>14535</v>
      </c>
      <c r="F23488" t="s">
        <v>14536</v>
      </c>
      <c r="G23488" t="s">
        <v>10734</v>
      </c>
      <c r="H23488" t="s">
        <v>10735</v>
      </c>
      <c r="I23488" s="2">
        <v>1</v>
      </c>
      <c r="J23488" s="2">
        <v>0</v>
      </c>
      <c r="K23488" s="2">
        <v>0</v>
      </c>
      <c r="L23488" t="s">
        <v>120</v>
      </c>
      <c r="M23488" t="s">
        <v>89</v>
      </c>
      <c r="N23488" t="s">
        <v>90</v>
      </c>
      <c r="O23488" t="s">
        <v>85</v>
      </c>
      <c r="P23488" t="s">
        <v>86</v>
      </c>
      <c r="Q23488">
        <v>12</v>
      </c>
      <c r="R23488">
        <v>12</v>
      </c>
      <c r="S23488">
        <v>12</v>
      </c>
      <c r="T23488">
        <v>12</v>
      </c>
      <c r="U23488">
        <v>12</v>
      </c>
      <c r="V23488">
        <v>12</v>
      </c>
      <c r="W23488">
        <v>12</v>
      </c>
      <c r="X23488">
        <v>13</v>
      </c>
      <c r="Y23488">
        <v>13</v>
      </c>
      <c r="Z23488">
        <v>13</v>
      </c>
      <c r="AA23488">
        <v>13</v>
      </c>
      <c r="AB23488">
        <v>13</v>
      </c>
      <c r="AC23488">
        <v>13</v>
      </c>
      <c r="AD23488">
        <v>13</v>
      </c>
      <c r="AE23488">
        <v>13</v>
      </c>
      <c r="AF23488">
        <v>13</v>
      </c>
      <c r="AG23488">
        <v>13</v>
      </c>
      <c r="AH23488">
        <v>13</v>
      </c>
      <c r="AI23488">
        <v>13</v>
      </c>
      <c r="AJ23488">
        <v>13</v>
      </c>
      <c r="AK23488">
        <v>12</v>
      </c>
      <c r="AL23488">
        <v>12</v>
      </c>
      <c r="AM23488">
        <v>12</v>
      </c>
      <c r="AN23488">
        <v>12</v>
      </c>
      <c r="AO23488">
        <v>12</v>
      </c>
      <c r="AP23488">
        <v>12</v>
      </c>
      <c r="AQ23488">
        <v>12</v>
      </c>
    </row>
    <row r="23489" spans="1:43">
      <c r="A23489" t="s">
        <v>14545</v>
      </c>
      <c r="B23489" t="s">
        <v>14546</v>
      </c>
      <c r="C23489" t="s">
        <v>14541</v>
      </c>
      <c r="D23489" t="s">
        <v>14542</v>
      </c>
      <c r="E23489" t="s">
        <v>14535</v>
      </c>
      <c r="F23489" t="s">
        <v>14536</v>
      </c>
      <c r="G23489" t="s">
        <v>10734</v>
      </c>
      <c r="H23489" t="s">
        <v>10735</v>
      </c>
      <c r="I23489" s="2">
        <v>1</v>
      </c>
      <c r="J23489" s="2">
        <v>0</v>
      </c>
      <c r="K23489" s="2">
        <v>0</v>
      </c>
      <c r="L23489" t="s">
        <v>120</v>
      </c>
      <c r="M23489" t="s">
        <v>83</v>
      </c>
      <c r="N23489" t="s">
        <v>91</v>
      </c>
      <c r="O23489" t="s">
        <v>85</v>
      </c>
      <c r="P23489" t="s">
        <v>86</v>
      </c>
      <c r="Q23489">
        <v>12</v>
      </c>
      <c r="R23489">
        <v>12</v>
      </c>
      <c r="S23489">
        <v>12</v>
      </c>
      <c r="T23489">
        <v>12</v>
      </c>
      <c r="U23489">
        <v>12</v>
      </c>
      <c r="V23489">
        <v>12</v>
      </c>
      <c r="W23489">
        <v>12</v>
      </c>
      <c r="X23489">
        <v>12</v>
      </c>
      <c r="Y23489">
        <v>12</v>
      </c>
      <c r="Z23489">
        <v>12</v>
      </c>
      <c r="AA23489">
        <v>12</v>
      </c>
      <c r="AB23489">
        <v>12</v>
      </c>
      <c r="AC23489">
        <v>12</v>
      </c>
      <c r="AD23489">
        <v>12</v>
      </c>
      <c r="AE23489">
        <v>12</v>
      </c>
      <c r="AF23489">
        <v>12</v>
      </c>
      <c r="AG23489">
        <v>12</v>
      </c>
      <c r="AH23489">
        <v>12</v>
      </c>
      <c r="AI23489">
        <v>12</v>
      </c>
      <c r="AJ23489">
        <v>12</v>
      </c>
      <c r="AK23489">
        <v>12</v>
      </c>
      <c r="AL23489">
        <v>12</v>
      </c>
      <c r="AM23489">
        <v>12</v>
      </c>
      <c r="AN23489">
        <v>12</v>
      </c>
      <c r="AO23489">
        <v>12</v>
      </c>
      <c r="AP23489">
        <v>12</v>
      </c>
      <c r="AQ23489">
        <v>12</v>
      </c>
    </row>
    <row r="23490" spans="1:43">
      <c r="A23490" t="s">
        <v>14547</v>
      </c>
      <c r="B23490" t="s">
        <v>14548</v>
      </c>
      <c r="C23490" t="s">
        <v>14533</v>
      </c>
      <c r="D23490" t="s">
        <v>14534</v>
      </c>
      <c r="E23490" t="s">
        <v>14535</v>
      </c>
      <c r="F23490" t="s">
        <v>14536</v>
      </c>
      <c r="G23490" t="s">
        <v>10734</v>
      </c>
      <c r="H23490" t="s">
        <v>10735</v>
      </c>
      <c r="I23490" s="2">
        <v>1</v>
      </c>
      <c r="J23490" s="2">
        <v>0</v>
      </c>
      <c r="K23490" s="2">
        <v>0</v>
      </c>
      <c r="L23490" t="s">
        <v>120</v>
      </c>
      <c r="M23490" t="s">
        <v>83</v>
      </c>
      <c r="N23490" t="s">
        <v>84</v>
      </c>
      <c r="O23490" t="s">
        <v>85</v>
      </c>
      <c r="P23490" t="s">
        <v>86</v>
      </c>
      <c r="Q23490">
        <v>8</v>
      </c>
      <c r="R23490">
        <v>8</v>
      </c>
      <c r="S23490">
        <v>8</v>
      </c>
      <c r="T23490">
        <v>8</v>
      </c>
      <c r="U23490">
        <v>8</v>
      </c>
      <c r="V23490">
        <v>8</v>
      </c>
      <c r="W23490">
        <v>8</v>
      </c>
      <c r="X23490">
        <v>8</v>
      </c>
      <c r="Y23490">
        <v>8</v>
      </c>
      <c r="Z23490">
        <v>8</v>
      </c>
      <c r="AA23490">
        <v>9</v>
      </c>
      <c r="AB23490">
        <v>9</v>
      </c>
      <c r="AC23490">
        <v>9</v>
      </c>
      <c r="AD23490">
        <v>9</v>
      </c>
      <c r="AE23490">
        <v>9</v>
      </c>
      <c r="AF23490">
        <v>9</v>
      </c>
      <c r="AG23490">
        <v>9</v>
      </c>
      <c r="AH23490">
        <v>9</v>
      </c>
      <c r="AI23490">
        <v>9</v>
      </c>
      <c r="AJ23490">
        <v>9</v>
      </c>
      <c r="AK23490">
        <v>9</v>
      </c>
      <c r="AL23490">
        <v>9</v>
      </c>
      <c r="AM23490">
        <v>8</v>
      </c>
      <c r="AN23490">
        <v>8</v>
      </c>
      <c r="AO23490">
        <v>8</v>
      </c>
      <c r="AP23490">
        <v>8</v>
      </c>
      <c r="AQ23490">
        <v>8</v>
      </c>
    </row>
    <row r="23491" spans="1:43">
      <c r="A23491" t="s">
        <v>14547</v>
      </c>
      <c r="B23491" t="s">
        <v>14548</v>
      </c>
      <c r="C23491" t="s">
        <v>14533</v>
      </c>
      <c r="D23491" t="s">
        <v>14534</v>
      </c>
      <c r="E23491" t="s">
        <v>14535</v>
      </c>
      <c r="F23491" t="s">
        <v>14536</v>
      </c>
      <c r="G23491" t="s">
        <v>10734</v>
      </c>
      <c r="H23491" t="s">
        <v>10735</v>
      </c>
      <c r="I23491" s="2">
        <v>1</v>
      </c>
      <c r="J23491" s="2">
        <v>0</v>
      </c>
      <c r="K23491" s="2">
        <v>0</v>
      </c>
      <c r="L23491" t="s">
        <v>120</v>
      </c>
      <c r="M23491" t="s">
        <v>87</v>
      </c>
      <c r="N23491" t="s">
        <v>88</v>
      </c>
      <c r="O23491" t="s">
        <v>85</v>
      </c>
      <c r="P23491" t="s">
        <v>86</v>
      </c>
      <c r="Q23491">
        <v>8</v>
      </c>
      <c r="R23491">
        <v>8</v>
      </c>
      <c r="S23491">
        <v>8</v>
      </c>
      <c r="T23491">
        <v>8</v>
      </c>
      <c r="U23491">
        <v>8</v>
      </c>
      <c r="V23491">
        <v>8</v>
      </c>
      <c r="W23491">
        <v>8</v>
      </c>
      <c r="X23491">
        <v>8</v>
      </c>
      <c r="Y23491">
        <v>8</v>
      </c>
      <c r="Z23491">
        <v>8</v>
      </c>
      <c r="AA23491">
        <v>8</v>
      </c>
      <c r="AB23491">
        <v>8</v>
      </c>
      <c r="AC23491">
        <v>8</v>
      </c>
      <c r="AD23491">
        <v>8</v>
      </c>
      <c r="AE23491">
        <v>8</v>
      </c>
      <c r="AF23491">
        <v>8</v>
      </c>
      <c r="AG23491">
        <v>8</v>
      </c>
      <c r="AH23491">
        <v>7</v>
      </c>
      <c r="AI23491">
        <v>7</v>
      </c>
      <c r="AJ23491">
        <v>7</v>
      </c>
      <c r="AK23491">
        <v>7</v>
      </c>
      <c r="AL23491">
        <v>7</v>
      </c>
      <c r="AM23491">
        <v>7</v>
      </c>
      <c r="AN23491">
        <v>7</v>
      </c>
      <c r="AO23491">
        <v>7</v>
      </c>
      <c r="AP23491">
        <v>7</v>
      </c>
      <c r="AQ23491">
        <v>7</v>
      </c>
    </row>
    <row r="23492" spans="1:43">
      <c r="A23492" t="s">
        <v>14547</v>
      </c>
      <c r="B23492" t="s">
        <v>14548</v>
      </c>
      <c r="C23492" t="s">
        <v>14533</v>
      </c>
      <c r="D23492" t="s">
        <v>14534</v>
      </c>
      <c r="E23492" t="s">
        <v>14535</v>
      </c>
      <c r="F23492" t="s">
        <v>14536</v>
      </c>
      <c r="G23492" t="s">
        <v>10734</v>
      </c>
      <c r="H23492" t="s">
        <v>10735</v>
      </c>
      <c r="I23492" s="2">
        <v>1</v>
      </c>
      <c r="J23492" s="2">
        <v>0</v>
      </c>
      <c r="K23492" s="2">
        <v>0</v>
      </c>
      <c r="L23492" t="s">
        <v>120</v>
      </c>
      <c r="M23492" t="s">
        <v>89</v>
      </c>
      <c r="N23492" t="s">
        <v>90</v>
      </c>
      <c r="O23492" t="s">
        <v>85</v>
      </c>
      <c r="P23492" t="s">
        <v>86</v>
      </c>
      <c r="Q23492">
        <v>8</v>
      </c>
      <c r="R23492">
        <v>8</v>
      </c>
      <c r="S23492">
        <v>9</v>
      </c>
      <c r="T23492">
        <v>9</v>
      </c>
      <c r="U23492">
        <v>9</v>
      </c>
      <c r="V23492">
        <v>9</v>
      </c>
      <c r="W23492">
        <v>9</v>
      </c>
      <c r="X23492">
        <v>9</v>
      </c>
      <c r="Y23492">
        <v>9</v>
      </c>
      <c r="Z23492">
        <v>9</v>
      </c>
      <c r="AA23492">
        <v>9</v>
      </c>
      <c r="AB23492">
        <v>9</v>
      </c>
      <c r="AC23492">
        <v>9</v>
      </c>
      <c r="AD23492">
        <v>9</v>
      </c>
      <c r="AE23492">
        <v>9</v>
      </c>
      <c r="AF23492">
        <v>9</v>
      </c>
      <c r="AG23492">
        <v>9</v>
      </c>
      <c r="AH23492">
        <v>9</v>
      </c>
      <c r="AI23492">
        <v>9</v>
      </c>
      <c r="AJ23492">
        <v>9</v>
      </c>
      <c r="AK23492">
        <v>9</v>
      </c>
      <c r="AL23492">
        <v>9</v>
      </c>
      <c r="AM23492">
        <v>9</v>
      </c>
      <c r="AN23492">
        <v>9</v>
      </c>
      <c r="AO23492">
        <v>8</v>
      </c>
      <c r="AP23492">
        <v>8</v>
      </c>
      <c r="AQ23492">
        <v>8</v>
      </c>
    </row>
    <row r="23493" spans="1:43">
      <c r="A23493" t="s">
        <v>14547</v>
      </c>
      <c r="B23493" t="s">
        <v>14548</v>
      </c>
      <c r="C23493" t="s">
        <v>14533</v>
      </c>
      <c r="D23493" t="s">
        <v>14534</v>
      </c>
      <c r="E23493" t="s">
        <v>14535</v>
      </c>
      <c r="F23493" t="s">
        <v>14536</v>
      </c>
      <c r="G23493" t="s">
        <v>10734</v>
      </c>
      <c r="H23493" t="s">
        <v>10735</v>
      </c>
      <c r="I23493" s="2">
        <v>1</v>
      </c>
      <c r="J23493" s="2">
        <v>0</v>
      </c>
      <c r="K23493" s="2">
        <v>0</v>
      </c>
      <c r="L23493" t="s">
        <v>120</v>
      </c>
      <c r="M23493" t="s">
        <v>83</v>
      </c>
      <c r="N23493" t="s">
        <v>91</v>
      </c>
      <c r="O23493" t="s">
        <v>85</v>
      </c>
      <c r="P23493" t="s">
        <v>86</v>
      </c>
      <c r="Q23493">
        <v>8</v>
      </c>
      <c r="R23493">
        <v>8</v>
      </c>
      <c r="S23493">
        <v>8</v>
      </c>
      <c r="T23493">
        <v>8</v>
      </c>
      <c r="U23493">
        <v>8</v>
      </c>
      <c r="V23493">
        <v>8</v>
      </c>
      <c r="W23493">
        <v>8</v>
      </c>
      <c r="X23493">
        <v>8</v>
      </c>
      <c r="Y23493">
        <v>8</v>
      </c>
      <c r="Z23493">
        <v>8</v>
      </c>
      <c r="AA23493">
        <v>9</v>
      </c>
      <c r="AB23493">
        <v>9</v>
      </c>
      <c r="AC23493">
        <v>9</v>
      </c>
      <c r="AD23493">
        <v>9</v>
      </c>
      <c r="AE23493">
        <v>9</v>
      </c>
      <c r="AF23493">
        <v>9</v>
      </c>
      <c r="AG23493">
        <v>9</v>
      </c>
      <c r="AH23493">
        <v>9</v>
      </c>
      <c r="AI23493">
        <v>9</v>
      </c>
      <c r="AJ23493">
        <v>9</v>
      </c>
      <c r="AK23493">
        <v>9</v>
      </c>
      <c r="AL23493">
        <v>9</v>
      </c>
      <c r="AM23493">
        <v>8</v>
      </c>
      <c r="AN23493">
        <v>8</v>
      </c>
      <c r="AO23493">
        <v>8</v>
      </c>
      <c r="AP23493">
        <v>8</v>
      </c>
      <c r="AQ23493">
        <v>8</v>
      </c>
    </row>
    <row r="23494" spans="1:43">
      <c r="A23494" t="s">
        <v>14549</v>
      </c>
      <c r="B23494" t="s">
        <v>14550</v>
      </c>
      <c r="C23494" t="s">
        <v>14541</v>
      </c>
      <c r="D23494" t="s">
        <v>14542</v>
      </c>
      <c r="E23494" t="s">
        <v>14535</v>
      </c>
      <c r="F23494" t="s">
        <v>14536</v>
      </c>
      <c r="G23494" t="s">
        <v>10734</v>
      </c>
      <c r="H23494" t="s">
        <v>10735</v>
      </c>
      <c r="I23494" s="2">
        <v>1</v>
      </c>
      <c r="J23494" s="2">
        <v>0</v>
      </c>
      <c r="K23494" s="2">
        <v>0</v>
      </c>
      <c r="L23494" t="s">
        <v>120</v>
      </c>
      <c r="M23494" t="s">
        <v>83</v>
      </c>
      <c r="N23494" t="s">
        <v>84</v>
      </c>
      <c r="O23494" t="s">
        <v>85</v>
      </c>
      <c r="P23494" t="s">
        <v>86</v>
      </c>
      <c r="Q23494">
        <v>14</v>
      </c>
      <c r="R23494">
        <v>14</v>
      </c>
      <c r="S23494">
        <v>14</v>
      </c>
      <c r="T23494">
        <v>14</v>
      </c>
      <c r="U23494">
        <v>14</v>
      </c>
      <c r="V23494">
        <v>14</v>
      </c>
      <c r="W23494">
        <v>14</v>
      </c>
      <c r="X23494">
        <v>14</v>
      </c>
      <c r="Y23494">
        <v>14</v>
      </c>
      <c r="Z23494">
        <v>14</v>
      </c>
      <c r="AA23494">
        <v>14</v>
      </c>
      <c r="AB23494">
        <v>14</v>
      </c>
      <c r="AC23494">
        <v>14</v>
      </c>
      <c r="AD23494">
        <v>15</v>
      </c>
      <c r="AE23494">
        <v>15</v>
      </c>
      <c r="AF23494">
        <v>15</v>
      </c>
      <c r="AG23494">
        <v>15</v>
      </c>
      <c r="AH23494">
        <v>15</v>
      </c>
      <c r="AI23494">
        <v>15</v>
      </c>
      <c r="AJ23494">
        <v>15</v>
      </c>
      <c r="AK23494">
        <v>15</v>
      </c>
      <c r="AL23494">
        <v>15</v>
      </c>
      <c r="AM23494">
        <v>15</v>
      </c>
      <c r="AN23494">
        <v>14</v>
      </c>
      <c r="AO23494">
        <v>14</v>
      </c>
      <c r="AP23494">
        <v>14</v>
      </c>
      <c r="AQ23494">
        <v>14</v>
      </c>
    </row>
    <row r="23495" spans="1:43">
      <c r="A23495" t="s">
        <v>14549</v>
      </c>
      <c r="B23495" t="s">
        <v>14550</v>
      </c>
      <c r="C23495" t="s">
        <v>14541</v>
      </c>
      <c r="D23495" t="s">
        <v>14542</v>
      </c>
      <c r="E23495" t="s">
        <v>14535</v>
      </c>
      <c r="F23495" t="s">
        <v>14536</v>
      </c>
      <c r="G23495" t="s">
        <v>10734</v>
      </c>
      <c r="H23495" t="s">
        <v>10735</v>
      </c>
      <c r="I23495" s="2">
        <v>1</v>
      </c>
      <c r="J23495" s="2">
        <v>0</v>
      </c>
      <c r="K23495" s="2">
        <v>0</v>
      </c>
      <c r="L23495" t="s">
        <v>120</v>
      </c>
      <c r="M23495" t="s">
        <v>87</v>
      </c>
      <c r="N23495" t="s">
        <v>88</v>
      </c>
      <c r="O23495" t="s">
        <v>85</v>
      </c>
      <c r="P23495" t="s">
        <v>86</v>
      </c>
      <c r="Q23495">
        <v>14</v>
      </c>
      <c r="R23495">
        <v>14</v>
      </c>
      <c r="S23495">
        <v>14</v>
      </c>
      <c r="T23495">
        <v>14</v>
      </c>
      <c r="U23495">
        <v>14</v>
      </c>
      <c r="V23495">
        <v>13</v>
      </c>
      <c r="W23495">
        <v>13</v>
      </c>
      <c r="X23495">
        <v>13</v>
      </c>
      <c r="Y23495">
        <v>13</v>
      </c>
      <c r="Z23495">
        <v>13</v>
      </c>
      <c r="AA23495">
        <v>13</v>
      </c>
      <c r="AB23495">
        <v>13</v>
      </c>
      <c r="AC23495">
        <v>13</v>
      </c>
      <c r="AD23495">
        <v>13</v>
      </c>
      <c r="AE23495">
        <v>13</v>
      </c>
      <c r="AF23495">
        <v>13</v>
      </c>
      <c r="AG23495">
        <v>13</v>
      </c>
      <c r="AH23495">
        <v>13</v>
      </c>
      <c r="AI23495">
        <v>13</v>
      </c>
      <c r="AJ23495">
        <v>13</v>
      </c>
      <c r="AK23495">
        <v>13</v>
      </c>
      <c r="AL23495">
        <v>13</v>
      </c>
      <c r="AM23495">
        <v>12</v>
      </c>
      <c r="AN23495">
        <v>12</v>
      </c>
      <c r="AO23495">
        <v>12</v>
      </c>
      <c r="AP23495">
        <v>12</v>
      </c>
      <c r="AQ23495">
        <v>12</v>
      </c>
    </row>
    <row r="23496" spans="1:43">
      <c r="A23496" t="s">
        <v>14549</v>
      </c>
      <c r="B23496" t="s">
        <v>14550</v>
      </c>
      <c r="C23496" t="s">
        <v>14541</v>
      </c>
      <c r="D23496" t="s">
        <v>14542</v>
      </c>
      <c r="E23496" t="s">
        <v>14535</v>
      </c>
      <c r="F23496" t="s">
        <v>14536</v>
      </c>
      <c r="G23496" t="s">
        <v>10734</v>
      </c>
      <c r="H23496" t="s">
        <v>10735</v>
      </c>
      <c r="I23496" s="2">
        <v>1</v>
      </c>
      <c r="J23496" s="2">
        <v>0</v>
      </c>
      <c r="K23496" s="2">
        <v>0</v>
      </c>
      <c r="L23496" t="s">
        <v>120</v>
      </c>
      <c r="M23496" t="s">
        <v>89</v>
      </c>
      <c r="N23496" t="s">
        <v>90</v>
      </c>
      <c r="O23496" t="s">
        <v>85</v>
      </c>
      <c r="P23496" t="s">
        <v>86</v>
      </c>
      <c r="Q23496">
        <v>14</v>
      </c>
      <c r="R23496">
        <v>14</v>
      </c>
      <c r="S23496">
        <v>14</v>
      </c>
      <c r="T23496">
        <v>15</v>
      </c>
      <c r="U23496">
        <v>15</v>
      </c>
      <c r="V23496">
        <v>15</v>
      </c>
      <c r="W23496">
        <v>15</v>
      </c>
      <c r="X23496">
        <v>15</v>
      </c>
      <c r="Y23496">
        <v>15</v>
      </c>
      <c r="Z23496">
        <v>15</v>
      </c>
      <c r="AA23496">
        <v>15</v>
      </c>
      <c r="AB23496">
        <v>15</v>
      </c>
      <c r="AC23496">
        <v>16</v>
      </c>
      <c r="AD23496">
        <v>16</v>
      </c>
      <c r="AE23496">
        <v>16</v>
      </c>
      <c r="AF23496">
        <v>15</v>
      </c>
      <c r="AG23496">
        <v>15</v>
      </c>
      <c r="AH23496">
        <v>15</v>
      </c>
      <c r="AI23496">
        <v>15</v>
      </c>
      <c r="AJ23496">
        <v>15</v>
      </c>
      <c r="AK23496">
        <v>15</v>
      </c>
      <c r="AL23496">
        <v>15</v>
      </c>
      <c r="AM23496">
        <v>15</v>
      </c>
      <c r="AN23496">
        <v>15</v>
      </c>
      <c r="AO23496">
        <v>15</v>
      </c>
      <c r="AP23496">
        <v>14</v>
      </c>
      <c r="AQ23496">
        <v>14</v>
      </c>
    </row>
    <row r="23497" spans="1:43">
      <c r="A23497" t="s">
        <v>14549</v>
      </c>
      <c r="B23497" t="s">
        <v>14550</v>
      </c>
      <c r="C23497" t="s">
        <v>14541</v>
      </c>
      <c r="D23497" t="s">
        <v>14542</v>
      </c>
      <c r="E23497" t="s">
        <v>14535</v>
      </c>
      <c r="F23497" t="s">
        <v>14536</v>
      </c>
      <c r="G23497" t="s">
        <v>10734</v>
      </c>
      <c r="H23497" t="s">
        <v>10735</v>
      </c>
      <c r="I23497" s="2">
        <v>1</v>
      </c>
      <c r="J23497" s="2">
        <v>0</v>
      </c>
      <c r="K23497" s="2">
        <v>0</v>
      </c>
      <c r="L23497" t="s">
        <v>120</v>
      </c>
      <c r="M23497" t="s">
        <v>83</v>
      </c>
      <c r="N23497" t="s">
        <v>91</v>
      </c>
      <c r="O23497" t="s">
        <v>85</v>
      </c>
      <c r="P23497" t="s">
        <v>86</v>
      </c>
      <c r="Q23497">
        <v>14</v>
      </c>
      <c r="R23497">
        <v>14</v>
      </c>
      <c r="S23497">
        <v>14</v>
      </c>
      <c r="T23497">
        <v>14</v>
      </c>
      <c r="U23497">
        <v>14</v>
      </c>
      <c r="V23497">
        <v>14</v>
      </c>
      <c r="W23497">
        <v>14</v>
      </c>
      <c r="X23497">
        <v>14</v>
      </c>
      <c r="Y23497">
        <v>14</v>
      </c>
      <c r="Z23497">
        <v>14</v>
      </c>
      <c r="AA23497">
        <v>14</v>
      </c>
      <c r="AB23497">
        <v>14</v>
      </c>
      <c r="AC23497">
        <v>14</v>
      </c>
      <c r="AD23497">
        <v>15</v>
      </c>
      <c r="AE23497">
        <v>15</v>
      </c>
      <c r="AF23497">
        <v>15</v>
      </c>
      <c r="AG23497">
        <v>15</v>
      </c>
      <c r="AH23497">
        <v>15</v>
      </c>
      <c r="AI23497">
        <v>15</v>
      </c>
      <c r="AJ23497">
        <v>15</v>
      </c>
      <c r="AK23497">
        <v>15</v>
      </c>
      <c r="AL23497">
        <v>15</v>
      </c>
      <c r="AM23497">
        <v>15</v>
      </c>
      <c r="AN23497">
        <v>14</v>
      </c>
      <c r="AO23497">
        <v>14</v>
      </c>
      <c r="AP23497">
        <v>14</v>
      </c>
      <c r="AQ23497">
        <v>14</v>
      </c>
    </row>
    <row r="23498" spans="1:43">
      <c r="A23498" t="s">
        <v>14551</v>
      </c>
      <c r="B23498" t="s">
        <v>14552</v>
      </c>
      <c r="C23498" t="s">
        <v>14553</v>
      </c>
      <c r="D23498" t="s">
        <v>14554</v>
      </c>
      <c r="E23498" t="s">
        <v>14535</v>
      </c>
      <c r="F23498" t="s">
        <v>14536</v>
      </c>
      <c r="G23498" t="s">
        <v>10734</v>
      </c>
      <c r="H23498" t="s">
        <v>10735</v>
      </c>
      <c r="I23498" s="2">
        <v>1</v>
      </c>
      <c r="J23498" s="2">
        <v>0</v>
      </c>
      <c r="K23498" s="2">
        <v>0</v>
      </c>
      <c r="L23498" t="s">
        <v>120</v>
      </c>
      <c r="M23498" t="s">
        <v>83</v>
      </c>
      <c r="N23498" t="s">
        <v>84</v>
      </c>
      <c r="O23498" t="s">
        <v>85</v>
      </c>
      <c r="P23498" t="s">
        <v>86</v>
      </c>
      <c r="Q23498">
        <v>72</v>
      </c>
      <c r="R23498">
        <v>72</v>
      </c>
      <c r="S23498">
        <v>72</v>
      </c>
      <c r="T23498">
        <v>73</v>
      </c>
      <c r="U23498">
        <v>73</v>
      </c>
      <c r="V23498">
        <v>73</v>
      </c>
      <c r="W23498">
        <v>74</v>
      </c>
      <c r="X23498">
        <v>74</v>
      </c>
      <c r="Y23498">
        <v>74</v>
      </c>
      <c r="Z23498">
        <v>74</v>
      </c>
      <c r="AA23498">
        <v>74</v>
      </c>
      <c r="AB23498">
        <v>74</v>
      </c>
      <c r="AC23498">
        <v>75</v>
      </c>
      <c r="AD23498">
        <v>75</v>
      </c>
      <c r="AE23498">
        <v>75</v>
      </c>
      <c r="AF23498">
        <v>75</v>
      </c>
      <c r="AG23498">
        <v>75</v>
      </c>
      <c r="AH23498">
        <v>75</v>
      </c>
      <c r="AI23498">
        <v>75</v>
      </c>
      <c r="AJ23498">
        <v>76</v>
      </c>
      <c r="AK23498">
        <v>76</v>
      </c>
      <c r="AL23498">
        <v>75</v>
      </c>
      <c r="AM23498">
        <v>75</v>
      </c>
      <c r="AN23498">
        <v>74</v>
      </c>
      <c r="AO23498">
        <v>74</v>
      </c>
      <c r="AP23498">
        <v>74</v>
      </c>
      <c r="AQ23498">
        <v>73</v>
      </c>
    </row>
    <row r="23499" spans="1:43">
      <c r="A23499" t="s">
        <v>14551</v>
      </c>
      <c r="B23499" t="s">
        <v>14552</v>
      </c>
      <c r="C23499" t="s">
        <v>14553</v>
      </c>
      <c r="D23499" t="s">
        <v>14554</v>
      </c>
      <c r="E23499" t="s">
        <v>14535</v>
      </c>
      <c r="F23499" t="s">
        <v>14536</v>
      </c>
      <c r="G23499" t="s">
        <v>10734</v>
      </c>
      <c r="H23499" t="s">
        <v>10735</v>
      </c>
      <c r="I23499" s="2">
        <v>1</v>
      </c>
      <c r="J23499" s="2">
        <v>0</v>
      </c>
      <c r="K23499" s="2">
        <v>0</v>
      </c>
      <c r="L23499" t="s">
        <v>120</v>
      </c>
      <c r="M23499" t="s">
        <v>87</v>
      </c>
      <c r="N23499" t="s">
        <v>88</v>
      </c>
      <c r="O23499" t="s">
        <v>85</v>
      </c>
      <c r="P23499" t="s">
        <v>86</v>
      </c>
      <c r="Q23499">
        <v>72</v>
      </c>
      <c r="R23499">
        <v>72</v>
      </c>
      <c r="S23499">
        <v>71</v>
      </c>
      <c r="T23499">
        <v>71</v>
      </c>
      <c r="U23499">
        <v>71</v>
      </c>
      <c r="V23499">
        <v>70</v>
      </c>
      <c r="W23499">
        <v>70</v>
      </c>
      <c r="X23499">
        <v>70</v>
      </c>
      <c r="Y23499">
        <v>69</v>
      </c>
      <c r="Z23499">
        <v>69</v>
      </c>
      <c r="AA23499">
        <v>69</v>
      </c>
      <c r="AB23499">
        <v>68</v>
      </c>
      <c r="AC23499">
        <v>68</v>
      </c>
      <c r="AD23499">
        <v>68</v>
      </c>
      <c r="AE23499">
        <v>68</v>
      </c>
      <c r="AF23499">
        <v>67</v>
      </c>
      <c r="AG23499">
        <v>67</v>
      </c>
      <c r="AH23499">
        <v>67</v>
      </c>
      <c r="AI23499">
        <v>66</v>
      </c>
      <c r="AJ23499">
        <v>66</v>
      </c>
      <c r="AK23499">
        <v>66</v>
      </c>
      <c r="AL23499">
        <v>66</v>
      </c>
      <c r="AM23499">
        <v>65</v>
      </c>
      <c r="AN23499">
        <v>65</v>
      </c>
      <c r="AO23499">
        <v>65</v>
      </c>
      <c r="AP23499">
        <v>65</v>
      </c>
      <c r="AQ23499">
        <v>64</v>
      </c>
    </row>
    <row r="23500" spans="1:43">
      <c r="A23500" t="s">
        <v>14551</v>
      </c>
      <c r="B23500" t="s">
        <v>14552</v>
      </c>
      <c r="C23500" t="s">
        <v>14553</v>
      </c>
      <c r="D23500" t="s">
        <v>14554</v>
      </c>
      <c r="E23500" t="s">
        <v>14535</v>
      </c>
      <c r="F23500" t="s">
        <v>14536</v>
      </c>
      <c r="G23500" t="s">
        <v>10734</v>
      </c>
      <c r="H23500" t="s">
        <v>10735</v>
      </c>
      <c r="I23500" s="2">
        <v>1</v>
      </c>
      <c r="J23500" s="2">
        <v>0</v>
      </c>
      <c r="K23500" s="2">
        <v>0</v>
      </c>
      <c r="L23500" t="s">
        <v>120</v>
      </c>
      <c r="M23500" t="s">
        <v>89</v>
      </c>
      <c r="N23500" t="s">
        <v>90</v>
      </c>
      <c r="O23500" t="s">
        <v>85</v>
      </c>
      <c r="P23500" t="s">
        <v>86</v>
      </c>
      <c r="Q23500">
        <v>72</v>
      </c>
      <c r="R23500">
        <v>72</v>
      </c>
      <c r="S23500">
        <v>73</v>
      </c>
      <c r="T23500">
        <v>74</v>
      </c>
      <c r="U23500">
        <v>75</v>
      </c>
      <c r="V23500">
        <v>75</v>
      </c>
      <c r="W23500">
        <v>76</v>
      </c>
      <c r="X23500">
        <v>77</v>
      </c>
      <c r="Y23500">
        <v>77</v>
      </c>
      <c r="Z23500">
        <v>78</v>
      </c>
      <c r="AA23500">
        <v>78</v>
      </c>
      <c r="AB23500">
        <v>78</v>
      </c>
      <c r="AC23500">
        <v>79</v>
      </c>
      <c r="AD23500">
        <v>79</v>
      </c>
      <c r="AE23500">
        <v>79</v>
      </c>
      <c r="AF23500">
        <v>79</v>
      </c>
      <c r="AG23500">
        <v>78</v>
      </c>
      <c r="AH23500">
        <v>78</v>
      </c>
      <c r="AI23500">
        <v>77</v>
      </c>
      <c r="AJ23500">
        <v>76</v>
      </c>
      <c r="AK23500">
        <v>76</v>
      </c>
      <c r="AL23500">
        <v>75</v>
      </c>
      <c r="AM23500">
        <v>75</v>
      </c>
      <c r="AN23500">
        <v>75</v>
      </c>
      <c r="AO23500">
        <v>74</v>
      </c>
      <c r="AP23500">
        <v>74</v>
      </c>
      <c r="AQ23500">
        <v>73</v>
      </c>
    </row>
    <row r="23501" spans="1:43">
      <c r="A23501" t="s">
        <v>14551</v>
      </c>
      <c r="B23501" t="s">
        <v>14552</v>
      </c>
      <c r="C23501" t="s">
        <v>14553</v>
      </c>
      <c r="D23501" t="s">
        <v>14554</v>
      </c>
      <c r="E23501" t="s">
        <v>14535</v>
      </c>
      <c r="F23501" t="s">
        <v>14536</v>
      </c>
      <c r="G23501" t="s">
        <v>10734</v>
      </c>
      <c r="H23501" t="s">
        <v>10735</v>
      </c>
      <c r="I23501" s="2">
        <v>1</v>
      </c>
      <c r="J23501" s="2">
        <v>0</v>
      </c>
      <c r="K23501" s="2">
        <v>0</v>
      </c>
      <c r="L23501" t="s">
        <v>120</v>
      </c>
      <c r="M23501" t="s">
        <v>83</v>
      </c>
      <c r="N23501" t="s">
        <v>91</v>
      </c>
      <c r="O23501" t="s">
        <v>85</v>
      </c>
      <c r="P23501" t="s">
        <v>86</v>
      </c>
      <c r="Q23501">
        <v>72</v>
      </c>
      <c r="R23501">
        <v>72</v>
      </c>
      <c r="S23501">
        <v>72</v>
      </c>
      <c r="T23501">
        <v>73</v>
      </c>
      <c r="U23501">
        <v>73</v>
      </c>
      <c r="V23501">
        <v>73</v>
      </c>
      <c r="W23501">
        <v>74</v>
      </c>
      <c r="X23501">
        <v>74</v>
      </c>
      <c r="Y23501">
        <v>74</v>
      </c>
      <c r="Z23501">
        <v>74</v>
      </c>
      <c r="AA23501">
        <v>74</v>
      </c>
      <c r="AB23501">
        <v>74</v>
      </c>
      <c r="AC23501">
        <v>75</v>
      </c>
      <c r="AD23501">
        <v>75</v>
      </c>
      <c r="AE23501">
        <v>75</v>
      </c>
      <c r="AF23501">
        <v>75</v>
      </c>
      <c r="AG23501">
        <v>75</v>
      </c>
      <c r="AH23501">
        <v>75</v>
      </c>
      <c r="AI23501">
        <v>75</v>
      </c>
      <c r="AJ23501">
        <v>76</v>
      </c>
      <c r="AK23501">
        <v>76</v>
      </c>
      <c r="AL23501">
        <v>75</v>
      </c>
      <c r="AM23501">
        <v>75</v>
      </c>
      <c r="AN23501">
        <v>74</v>
      </c>
      <c r="AO23501">
        <v>74</v>
      </c>
      <c r="AP23501">
        <v>74</v>
      </c>
      <c r="AQ23501">
        <v>73</v>
      </c>
    </row>
    <row r="23502" spans="1:43">
      <c r="A23502" t="s">
        <v>14555</v>
      </c>
      <c r="B23502" t="s">
        <v>14556</v>
      </c>
      <c r="C23502" t="s">
        <v>14557</v>
      </c>
      <c r="D23502" t="s">
        <v>14558</v>
      </c>
      <c r="E23502" t="s">
        <v>14535</v>
      </c>
      <c r="F23502" t="s">
        <v>14536</v>
      </c>
      <c r="G23502" t="s">
        <v>10734</v>
      </c>
      <c r="H23502" t="s">
        <v>10735</v>
      </c>
      <c r="I23502" s="2">
        <v>1</v>
      </c>
      <c r="J23502" s="2">
        <v>0</v>
      </c>
      <c r="K23502" s="2">
        <v>0</v>
      </c>
      <c r="L23502" t="s">
        <v>120</v>
      </c>
      <c r="M23502" t="s">
        <v>83</v>
      </c>
      <c r="N23502" t="s">
        <v>84</v>
      </c>
      <c r="O23502" t="s">
        <v>85</v>
      </c>
      <c r="P23502" t="s">
        <v>86</v>
      </c>
      <c r="Q23502">
        <v>14</v>
      </c>
      <c r="R23502">
        <v>14</v>
      </c>
      <c r="S23502">
        <v>14</v>
      </c>
      <c r="T23502">
        <v>14</v>
      </c>
      <c r="U23502">
        <v>14</v>
      </c>
      <c r="V23502">
        <v>14</v>
      </c>
      <c r="W23502">
        <v>14</v>
      </c>
      <c r="X23502">
        <v>14</v>
      </c>
      <c r="Y23502">
        <v>14</v>
      </c>
      <c r="Z23502">
        <v>14</v>
      </c>
      <c r="AA23502">
        <v>14</v>
      </c>
      <c r="AB23502">
        <v>14</v>
      </c>
      <c r="AC23502">
        <v>14</v>
      </c>
      <c r="AD23502">
        <v>14</v>
      </c>
      <c r="AE23502">
        <v>14</v>
      </c>
      <c r="AF23502">
        <v>14</v>
      </c>
      <c r="AG23502">
        <v>14</v>
      </c>
      <c r="AH23502">
        <v>14</v>
      </c>
      <c r="AI23502">
        <v>14</v>
      </c>
      <c r="AJ23502">
        <v>14</v>
      </c>
      <c r="AK23502">
        <v>14</v>
      </c>
      <c r="AL23502">
        <v>14</v>
      </c>
      <c r="AM23502">
        <v>14</v>
      </c>
      <c r="AN23502">
        <v>14</v>
      </c>
      <c r="AO23502">
        <v>14</v>
      </c>
      <c r="AP23502">
        <v>14</v>
      </c>
      <c r="AQ23502">
        <v>14</v>
      </c>
    </row>
    <row r="23503" spans="1:43">
      <c r="A23503" t="s">
        <v>14555</v>
      </c>
      <c r="B23503" t="s">
        <v>14556</v>
      </c>
      <c r="C23503" t="s">
        <v>14557</v>
      </c>
      <c r="D23503" t="s">
        <v>14558</v>
      </c>
      <c r="E23503" t="s">
        <v>14535</v>
      </c>
      <c r="F23503" t="s">
        <v>14536</v>
      </c>
      <c r="G23503" t="s">
        <v>10734</v>
      </c>
      <c r="H23503" t="s">
        <v>10735</v>
      </c>
      <c r="I23503" s="2">
        <v>1</v>
      </c>
      <c r="J23503" s="2">
        <v>0</v>
      </c>
      <c r="K23503" s="2">
        <v>0</v>
      </c>
      <c r="L23503" t="s">
        <v>120</v>
      </c>
      <c r="M23503" t="s">
        <v>87</v>
      </c>
      <c r="N23503" t="s">
        <v>88</v>
      </c>
      <c r="O23503" t="s">
        <v>85</v>
      </c>
      <c r="P23503" t="s">
        <v>86</v>
      </c>
      <c r="Q23503">
        <v>14</v>
      </c>
      <c r="R23503">
        <v>13</v>
      </c>
      <c r="S23503">
        <v>13</v>
      </c>
      <c r="T23503">
        <v>13</v>
      </c>
      <c r="U23503">
        <v>13</v>
      </c>
      <c r="V23503">
        <v>13</v>
      </c>
      <c r="W23503">
        <v>13</v>
      </c>
      <c r="X23503">
        <v>13</v>
      </c>
      <c r="Y23503">
        <v>13</v>
      </c>
      <c r="Z23503">
        <v>13</v>
      </c>
      <c r="AA23503">
        <v>13</v>
      </c>
      <c r="AB23503">
        <v>13</v>
      </c>
      <c r="AC23503">
        <v>13</v>
      </c>
      <c r="AD23503">
        <v>13</v>
      </c>
      <c r="AE23503">
        <v>13</v>
      </c>
      <c r="AF23503">
        <v>13</v>
      </c>
      <c r="AG23503">
        <v>12</v>
      </c>
      <c r="AH23503">
        <v>12</v>
      </c>
      <c r="AI23503">
        <v>12</v>
      </c>
      <c r="AJ23503">
        <v>12</v>
      </c>
      <c r="AK23503">
        <v>12</v>
      </c>
      <c r="AL23503">
        <v>12</v>
      </c>
      <c r="AM23503">
        <v>12</v>
      </c>
      <c r="AN23503">
        <v>12</v>
      </c>
      <c r="AO23503">
        <v>12</v>
      </c>
      <c r="AP23503">
        <v>12</v>
      </c>
      <c r="AQ23503">
        <v>12</v>
      </c>
    </row>
    <row r="23504" spans="1:43">
      <c r="A23504" t="s">
        <v>14555</v>
      </c>
      <c r="B23504" t="s">
        <v>14556</v>
      </c>
      <c r="C23504" t="s">
        <v>14557</v>
      </c>
      <c r="D23504" t="s">
        <v>14558</v>
      </c>
      <c r="E23504" t="s">
        <v>14535</v>
      </c>
      <c r="F23504" t="s">
        <v>14536</v>
      </c>
      <c r="G23504" t="s">
        <v>10734</v>
      </c>
      <c r="H23504" t="s">
        <v>10735</v>
      </c>
      <c r="I23504" s="2">
        <v>1</v>
      </c>
      <c r="J23504" s="2">
        <v>0</v>
      </c>
      <c r="K23504" s="2">
        <v>0</v>
      </c>
      <c r="L23504" t="s">
        <v>120</v>
      </c>
      <c r="M23504" t="s">
        <v>89</v>
      </c>
      <c r="N23504" t="s">
        <v>90</v>
      </c>
      <c r="O23504" t="s">
        <v>85</v>
      </c>
      <c r="P23504" t="s">
        <v>86</v>
      </c>
      <c r="Q23504">
        <v>14</v>
      </c>
      <c r="R23504">
        <v>14</v>
      </c>
      <c r="S23504">
        <v>14</v>
      </c>
      <c r="T23504">
        <v>14</v>
      </c>
      <c r="U23504">
        <v>14</v>
      </c>
      <c r="V23504">
        <v>15</v>
      </c>
      <c r="W23504">
        <v>15</v>
      </c>
      <c r="X23504">
        <v>15</v>
      </c>
      <c r="Y23504">
        <v>15</v>
      </c>
      <c r="Z23504">
        <v>15</v>
      </c>
      <c r="AA23504">
        <v>15</v>
      </c>
      <c r="AB23504">
        <v>15</v>
      </c>
      <c r="AC23504">
        <v>15</v>
      </c>
      <c r="AD23504">
        <v>15</v>
      </c>
      <c r="AE23504">
        <v>15</v>
      </c>
      <c r="AF23504">
        <v>15</v>
      </c>
      <c r="AG23504">
        <v>15</v>
      </c>
      <c r="AH23504">
        <v>15</v>
      </c>
      <c r="AI23504">
        <v>15</v>
      </c>
      <c r="AJ23504">
        <v>14</v>
      </c>
      <c r="AK23504">
        <v>14</v>
      </c>
      <c r="AL23504">
        <v>14</v>
      </c>
      <c r="AM23504">
        <v>14</v>
      </c>
      <c r="AN23504">
        <v>14</v>
      </c>
      <c r="AO23504">
        <v>14</v>
      </c>
      <c r="AP23504">
        <v>14</v>
      </c>
      <c r="AQ23504">
        <v>14</v>
      </c>
    </row>
    <row r="23505" spans="1:43">
      <c r="A23505" t="s">
        <v>14555</v>
      </c>
      <c r="B23505" t="s">
        <v>14556</v>
      </c>
      <c r="C23505" t="s">
        <v>14557</v>
      </c>
      <c r="D23505" t="s">
        <v>14558</v>
      </c>
      <c r="E23505" t="s">
        <v>14535</v>
      </c>
      <c r="F23505" t="s">
        <v>14536</v>
      </c>
      <c r="G23505" t="s">
        <v>10734</v>
      </c>
      <c r="H23505" t="s">
        <v>10735</v>
      </c>
      <c r="I23505" s="2">
        <v>1</v>
      </c>
      <c r="J23505" s="2">
        <v>0</v>
      </c>
      <c r="K23505" s="2">
        <v>0</v>
      </c>
      <c r="L23505" t="s">
        <v>120</v>
      </c>
      <c r="M23505" t="s">
        <v>83</v>
      </c>
      <c r="N23505" t="s">
        <v>91</v>
      </c>
      <c r="O23505" t="s">
        <v>85</v>
      </c>
      <c r="P23505" t="s">
        <v>86</v>
      </c>
      <c r="Q23505">
        <v>14</v>
      </c>
      <c r="R23505">
        <v>14</v>
      </c>
      <c r="S23505">
        <v>14</v>
      </c>
      <c r="T23505">
        <v>14</v>
      </c>
      <c r="U23505">
        <v>14</v>
      </c>
      <c r="V23505">
        <v>14</v>
      </c>
      <c r="W23505">
        <v>14</v>
      </c>
      <c r="X23505">
        <v>14</v>
      </c>
      <c r="Y23505">
        <v>14</v>
      </c>
      <c r="Z23505">
        <v>14</v>
      </c>
      <c r="AA23505">
        <v>14</v>
      </c>
      <c r="AB23505">
        <v>14</v>
      </c>
      <c r="AC23505">
        <v>14</v>
      </c>
      <c r="AD23505">
        <v>14</v>
      </c>
      <c r="AE23505">
        <v>14</v>
      </c>
      <c r="AF23505">
        <v>14</v>
      </c>
      <c r="AG23505">
        <v>14</v>
      </c>
      <c r="AH23505">
        <v>14</v>
      </c>
      <c r="AI23505">
        <v>14</v>
      </c>
      <c r="AJ23505">
        <v>14</v>
      </c>
      <c r="AK23505">
        <v>14</v>
      </c>
      <c r="AL23505">
        <v>14</v>
      </c>
      <c r="AM23505">
        <v>14</v>
      </c>
      <c r="AN23505">
        <v>14</v>
      </c>
      <c r="AO23505">
        <v>14</v>
      </c>
      <c r="AP23505">
        <v>14</v>
      </c>
      <c r="AQ23505">
        <v>14</v>
      </c>
    </row>
    <row r="23506" spans="1:43">
      <c r="A23506" t="s">
        <v>14559</v>
      </c>
      <c r="B23506" t="s">
        <v>14560</v>
      </c>
      <c r="C23506" t="s">
        <v>14557</v>
      </c>
      <c r="D23506" t="s">
        <v>14558</v>
      </c>
      <c r="E23506" t="s">
        <v>14535</v>
      </c>
      <c r="F23506" t="s">
        <v>14536</v>
      </c>
      <c r="G23506" t="s">
        <v>10734</v>
      </c>
      <c r="H23506" t="s">
        <v>10735</v>
      </c>
      <c r="I23506" s="2">
        <v>1</v>
      </c>
      <c r="J23506" s="2">
        <v>0</v>
      </c>
      <c r="K23506" s="2">
        <v>0</v>
      </c>
      <c r="L23506" t="s">
        <v>120</v>
      </c>
      <c r="M23506" t="s">
        <v>83</v>
      </c>
      <c r="N23506" t="s">
        <v>84</v>
      </c>
      <c r="O23506" t="s">
        <v>85</v>
      </c>
      <c r="P23506" t="s">
        <v>86</v>
      </c>
      <c r="Q23506">
        <v>31</v>
      </c>
      <c r="R23506">
        <v>31</v>
      </c>
      <c r="S23506">
        <v>31</v>
      </c>
      <c r="T23506">
        <v>31</v>
      </c>
      <c r="U23506">
        <v>31</v>
      </c>
      <c r="V23506">
        <v>31</v>
      </c>
      <c r="W23506">
        <v>31</v>
      </c>
      <c r="X23506">
        <v>31</v>
      </c>
      <c r="Y23506">
        <v>31</v>
      </c>
      <c r="Z23506">
        <v>31</v>
      </c>
      <c r="AA23506">
        <v>31</v>
      </c>
      <c r="AB23506">
        <v>31</v>
      </c>
      <c r="AC23506">
        <v>32</v>
      </c>
      <c r="AD23506">
        <v>32</v>
      </c>
      <c r="AE23506">
        <v>32</v>
      </c>
      <c r="AF23506">
        <v>32</v>
      </c>
      <c r="AG23506">
        <v>32</v>
      </c>
      <c r="AH23506">
        <v>32</v>
      </c>
      <c r="AI23506">
        <v>32</v>
      </c>
      <c r="AJ23506">
        <v>32</v>
      </c>
      <c r="AK23506">
        <v>32</v>
      </c>
      <c r="AL23506">
        <v>32</v>
      </c>
      <c r="AM23506">
        <v>31</v>
      </c>
      <c r="AN23506">
        <v>31</v>
      </c>
      <c r="AO23506">
        <v>31</v>
      </c>
      <c r="AP23506">
        <v>31</v>
      </c>
      <c r="AQ23506">
        <v>30</v>
      </c>
    </row>
    <row r="23507" spans="1:43">
      <c r="A23507" t="s">
        <v>14559</v>
      </c>
      <c r="B23507" t="s">
        <v>14560</v>
      </c>
      <c r="C23507" t="s">
        <v>14557</v>
      </c>
      <c r="D23507" t="s">
        <v>14558</v>
      </c>
      <c r="E23507" t="s">
        <v>14535</v>
      </c>
      <c r="F23507" t="s">
        <v>14536</v>
      </c>
      <c r="G23507" t="s">
        <v>10734</v>
      </c>
      <c r="H23507" t="s">
        <v>10735</v>
      </c>
      <c r="I23507" s="2">
        <v>1</v>
      </c>
      <c r="J23507" s="2">
        <v>0</v>
      </c>
      <c r="K23507" s="2">
        <v>0</v>
      </c>
      <c r="L23507" t="s">
        <v>120</v>
      </c>
      <c r="M23507" t="s">
        <v>87</v>
      </c>
      <c r="N23507" t="s">
        <v>88</v>
      </c>
      <c r="O23507" t="s">
        <v>85</v>
      </c>
      <c r="P23507" t="s">
        <v>86</v>
      </c>
      <c r="Q23507">
        <v>31</v>
      </c>
      <c r="R23507">
        <v>31</v>
      </c>
      <c r="S23507">
        <v>31</v>
      </c>
      <c r="T23507">
        <v>31</v>
      </c>
      <c r="U23507">
        <v>31</v>
      </c>
      <c r="V23507">
        <v>30</v>
      </c>
      <c r="W23507">
        <v>30</v>
      </c>
      <c r="X23507">
        <v>30</v>
      </c>
      <c r="Y23507">
        <v>30</v>
      </c>
      <c r="Z23507">
        <v>30</v>
      </c>
      <c r="AA23507">
        <v>30</v>
      </c>
      <c r="AB23507">
        <v>30</v>
      </c>
      <c r="AC23507">
        <v>29</v>
      </c>
      <c r="AD23507">
        <v>29</v>
      </c>
      <c r="AE23507">
        <v>29</v>
      </c>
      <c r="AF23507">
        <v>29</v>
      </c>
      <c r="AG23507">
        <v>29</v>
      </c>
      <c r="AH23507">
        <v>29</v>
      </c>
      <c r="AI23507">
        <v>29</v>
      </c>
      <c r="AJ23507">
        <v>29</v>
      </c>
      <c r="AK23507">
        <v>28</v>
      </c>
      <c r="AL23507">
        <v>28</v>
      </c>
      <c r="AM23507">
        <v>28</v>
      </c>
      <c r="AN23507">
        <v>28</v>
      </c>
      <c r="AO23507">
        <v>28</v>
      </c>
      <c r="AP23507">
        <v>28</v>
      </c>
      <c r="AQ23507">
        <v>28</v>
      </c>
    </row>
    <row r="23508" spans="1:43">
      <c r="A23508" t="s">
        <v>14559</v>
      </c>
      <c r="B23508" t="s">
        <v>14560</v>
      </c>
      <c r="C23508" t="s">
        <v>14557</v>
      </c>
      <c r="D23508" t="s">
        <v>14558</v>
      </c>
      <c r="E23508" t="s">
        <v>14535</v>
      </c>
      <c r="F23508" t="s">
        <v>14536</v>
      </c>
      <c r="G23508" t="s">
        <v>10734</v>
      </c>
      <c r="H23508" t="s">
        <v>10735</v>
      </c>
      <c r="I23508" s="2">
        <v>1</v>
      </c>
      <c r="J23508" s="2">
        <v>0</v>
      </c>
      <c r="K23508" s="2">
        <v>0</v>
      </c>
      <c r="L23508" t="s">
        <v>120</v>
      </c>
      <c r="M23508" t="s">
        <v>89</v>
      </c>
      <c r="N23508" t="s">
        <v>90</v>
      </c>
      <c r="O23508" t="s">
        <v>85</v>
      </c>
      <c r="P23508" t="s">
        <v>86</v>
      </c>
      <c r="Q23508">
        <v>31</v>
      </c>
      <c r="R23508">
        <v>31</v>
      </c>
      <c r="S23508">
        <v>32</v>
      </c>
      <c r="T23508">
        <v>32</v>
      </c>
      <c r="U23508">
        <v>32</v>
      </c>
      <c r="V23508">
        <v>32</v>
      </c>
      <c r="W23508">
        <v>33</v>
      </c>
      <c r="X23508">
        <v>33</v>
      </c>
      <c r="Y23508">
        <v>33</v>
      </c>
      <c r="Z23508">
        <v>33</v>
      </c>
      <c r="AA23508">
        <v>33</v>
      </c>
      <c r="AB23508">
        <v>33</v>
      </c>
      <c r="AC23508">
        <v>34</v>
      </c>
      <c r="AD23508">
        <v>34</v>
      </c>
      <c r="AE23508">
        <v>34</v>
      </c>
      <c r="AF23508">
        <v>33</v>
      </c>
      <c r="AG23508">
        <v>33</v>
      </c>
      <c r="AH23508">
        <v>33</v>
      </c>
      <c r="AI23508">
        <v>33</v>
      </c>
      <c r="AJ23508">
        <v>32</v>
      </c>
      <c r="AK23508">
        <v>32</v>
      </c>
      <c r="AL23508">
        <v>32</v>
      </c>
      <c r="AM23508">
        <v>32</v>
      </c>
      <c r="AN23508">
        <v>31</v>
      </c>
      <c r="AO23508">
        <v>31</v>
      </c>
      <c r="AP23508">
        <v>31</v>
      </c>
      <c r="AQ23508">
        <v>31</v>
      </c>
    </row>
    <row r="23509" spans="1:43">
      <c r="A23509" t="s">
        <v>14559</v>
      </c>
      <c r="B23509" t="s">
        <v>14560</v>
      </c>
      <c r="C23509" t="s">
        <v>14557</v>
      </c>
      <c r="D23509" t="s">
        <v>14558</v>
      </c>
      <c r="E23509" t="s">
        <v>14535</v>
      </c>
      <c r="F23509" t="s">
        <v>14536</v>
      </c>
      <c r="G23509" t="s">
        <v>10734</v>
      </c>
      <c r="H23509" t="s">
        <v>10735</v>
      </c>
      <c r="I23509" s="2">
        <v>1</v>
      </c>
      <c r="J23509" s="2">
        <v>0</v>
      </c>
      <c r="K23509" s="2">
        <v>0</v>
      </c>
      <c r="L23509" t="s">
        <v>120</v>
      </c>
      <c r="M23509" t="s">
        <v>83</v>
      </c>
      <c r="N23509" t="s">
        <v>91</v>
      </c>
      <c r="O23509" t="s">
        <v>85</v>
      </c>
      <c r="P23509" t="s">
        <v>86</v>
      </c>
      <c r="Q23509">
        <v>31</v>
      </c>
      <c r="R23509">
        <v>31</v>
      </c>
      <c r="S23509">
        <v>31</v>
      </c>
      <c r="T23509">
        <v>31</v>
      </c>
      <c r="U23509">
        <v>31</v>
      </c>
      <c r="V23509">
        <v>31</v>
      </c>
      <c r="W23509">
        <v>31</v>
      </c>
      <c r="X23509">
        <v>31</v>
      </c>
      <c r="Y23509">
        <v>31</v>
      </c>
      <c r="Z23509">
        <v>31</v>
      </c>
      <c r="AA23509">
        <v>31</v>
      </c>
      <c r="AB23509">
        <v>31</v>
      </c>
      <c r="AC23509">
        <v>32</v>
      </c>
      <c r="AD23509">
        <v>32</v>
      </c>
      <c r="AE23509">
        <v>32</v>
      </c>
      <c r="AF23509">
        <v>32</v>
      </c>
      <c r="AG23509">
        <v>32</v>
      </c>
      <c r="AH23509">
        <v>32</v>
      </c>
      <c r="AI23509">
        <v>32</v>
      </c>
      <c r="AJ23509">
        <v>32</v>
      </c>
      <c r="AK23509">
        <v>32</v>
      </c>
      <c r="AL23509">
        <v>32</v>
      </c>
      <c r="AM23509">
        <v>31</v>
      </c>
      <c r="AN23509">
        <v>31</v>
      </c>
      <c r="AO23509">
        <v>31</v>
      </c>
      <c r="AP23509">
        <v>31</v>
      </c>
      <c r="AQ23509">
        <v>30</v>
      </c>
    </row>
    <row r="23510" spans="1:43">
      <c r="A23510" t="s">
        <v>14561</v>
      </c>
      <c r="B23510" t="s">
        <v>14562</v>
      </c>
      <c r="C23510" t="s">
        <v>14541</v>
      </c>
      <c r="D23510" t="s">
        <v>14542</v>
      </c>
      <c r="E23510" t="s">
        <v>14535</v>
      </c>
      <c r="F23510" t="s">
        <v>14536</v>
      </c>
      <c r="G23510" t="s">
        <v>10734</v>
      </c>
      <c r="H23510" t="s">
        <v>10735</v>
      </c>
      <c r="I23510" s="2">
        <v>1</v>
      </c>
      <c r="J23510" s="2">
        <v>0</v>
      </c>
      <c r="K23510" s="2">
        <v>0</v>
      </c>
      <c r="L23510" t="s">
        <v>120</v>
      </c>
      <c r="M23510" t="s">
        <v>83</v>
      </c>
      <c r="N23510" t="s">
        <v>84</v>
      </c>
      <c r="O23510" t="s">
        <v>85</v>
      </c>
      <c r="P23510" t="s">
        <v>86</v>
      </c>
      <c r="Q23510">
        <v>54</v>
      </c>
      <c r="R23510">
        <v>54</v>
      </c>
      <c r="S23510">
        <v>54</v>
      </c>
      <c r="T23510">
        <v>54</v>
      </c>
      <c r="U23510">
        <v>55</v>
      </c>
      <c r="V23510">
        <v>55</v>
      </c>
      <c r="W23510">
        <v>55</v>
      </c>
      <c r="X23510">
        <v>55</v>
      </c>
      <c r="Y23510">
        <v>55</v>
      </c>
      <c r="Z23510">
        <v>55</v>
      </c>
      <c r="AA23510">
        <v>55</v>
      </c>
      <c r="AB23510">
        <v>55</v>
      </c>
      <c r="AC23510">
        <v>55</v>
      </c>
      <c r="AD23510">
        <v>55</v>
      </c>
      <c r="AE23510">
        <v>56</v>
      </c>
      <c r="AF23510">
        <v>56</v>
      </c>
      <c r="AG23510">
        <v>56</v>
      </c>
      <c r="AH23510">
        <v>56</v>
      </c>
      <c r="AI23510">
        <v>56</v>
      </c>
      <c r="AJ23510">
        <v>56</v>
      </c>
      <c r="AK23510">
        <v>56</v>
      </c>
      <c r="AL23510">
        <v>56</v>
      </c>
      <c r="AM23510">
        <v>55</v>
      </c>
      <c r="AN23510">
        <v>55</v>
      </c>
      <c r="AO23510">
        <v>54</v>
      </c>
      <c r="AP23510">
        <v>54</v>
      </c>
      <c r="AQ23510">
        <v>54</v>
      </c>
    </row>
    <row r="23511" spans="1:43">
      <c r="A23511" t="s">
        <v>14561</v>
      </c>
      <c r="B23511" t="s">
        <v>14562</v>
      </c>
      <c r="C23511" t="s">
        <v>14541</v>
      </c>
      <c r="D23511" t="s">
        <v>14542</v>
      </c>
      <c r="E23511" t="s">
        <v>14535</v>
      </c>
      <c r="F23511" t="s">
        <v>14536</v>
      </c>
      <c r="G23511" t="s">
        <v>10734</v>
      </c>
      <c r="H23511" t="s">
        <v>10735</v>
      </c>
      <c r="I23511" s="2">
        <v>1</v>
      </c>
      <c r="J23511" s="2">
        <v>0</v>
      </c>
      <c r="K23511" s="2">
        <v>0</v>
      </c>
      <c r="L23511" t="s">
        <v>120</v>
      </c>
      <c r="M23511" t="s">
        <v>87</v>
      </c>
      <c r="N23511" t="s">
        <v>88</v>
      </c>
      <c r="O23511" t="s">
        <v>85</v>
      </c>
      <c r="P23511" t="s">
        <v>86</v>
      </c>
      <c r="Q23511">
        <v>54</v>
      </c>
      <c r="R23511">
        <v>54</v>
      </c>
      <c r="S23511">
        <v>54</v>
      </c>
      <c r="T23511">
        <v>53</v>
      </c>
      <c r="U23511">
        <v>53</v>
      </c>
      <c r="V23511">
        <v>53</v>
      </c>
      <c r="W23511">
        <v>53</v>
      </c>
      <c r="X23511">
        <v>52</v>
      </c>
      <c r="Y23511">
        <v>52</v>
      </c>
      <c r="Z23511">
        <v>52</v>
      </c>
      <c r="AA23511">
        <v>52</v>
      </c>
      <c r="AB23511">
        <v>51</v>
      </c>
      <c r="AC23511">
        <v>51</v>
      </c>
      <c r="AD23511">
        <v>51</v>
      </c>
      <c r="AE23511">
        <v>51</v>
      </c>
      <c r="AF23511">
        <v>50</v>
      </c>
      <c r="AG23511">
        <v>50</v>
      </c>
      <c r="AH23511">
        <v>50</v>
      </c>
      <c r="AI23511">
        <v>50</v>
      </c>
      <c r="AJ23511">
        <v>49</v>
      </c>
      <c r="AK23511">
        <v>49</v>
      </c>
      <c r="AL23511">
        <v>49</v>
      </c>
      <c r="AM23511">
        <v>49</v>
      </c>
      <c r="AN23511">
        <v>49</v>
      </c>
      <c r="AO23511">
        <v>48</v>
      </c>
      <c r="AP23511">
        <v>48</v>
      </c>
      <c r="AQ23511">
        <v>48</v>
      </c>
    </row>
    <row r="23512" spans="1:43">
      <c r="A23512" t="s">
        <v>14561</v>
      </c>
      <c r="B23512" t="s">
        <v>14562</v>
      </c>
      <c r="C23512" t="s">
        <v>14541</v>
      </c>
      <c r="D23512" t="s">
        <v>14542</v>
      </c>
      <c r="E23512" t="s">
        <v>14535</v>
      </c>
      <c r="F23512" t="s">
        <v>14536</v>
      </c>
      <c r="G23512" t="s">
        <v>10734</v>
      </c>
      <c r="H23512" t="s">
        <v>10735</v>
      </c>
      <c r="I23512" s="2">
        <v>1</v>
      </c>
      <c r="J23512" s="2">
        <v>0</v>
      </c>
      <c r="K23512" s="2">
        <v>0</v>
      </c>
      <c r="L23512" t="s">
        <v>120</v>
      </c>
      <c r="M23512" t="s">
        <v>89</v>
      </c>
      <c r="N23512" t="s">
        <v>90</v>
      </c>
      <c r="O23512" t="s">
        <v>85</v>
      </c>
      <c r="P23512" t="s">
        <v>86</v>
      </c>
      <c r="Q23512">
        <v>54</v>
      </c>
      <c r="R23512">
        <v>55</v>
      </c>
      <c r="S23512">
        <v>56</v>
      </c>
      <c r="T23512">
        <v>56</v>
      </c>
      <c r="U23512">
        <v>57</v>
      </c>
      <c r="V23512">
        <v>57</v>
      </c>
      <c r="W23512">
        <v>57</v>
      </c>
      <c r="X23512">
        <v>58</v>
      </c>
      <c r="Y23512">
        <v>58</v>
      </c>
      <c r="Z23512">
        <v>58</v>
      </c>
      <c r="AA23512">
        <v>59</v>
      </c>
      <c r="AB23512">
        <v>59</v>
      </c>
      <c r="AC23512">
        <v>59</v>
      </c>
      <c r="AD23512">
        <v>59</v>
      </c>
      <c r="AE23512">
        <v>59</v>
      </c>
      <c r="AF23512">
        <v>59</v>
      </c>
      <c r="AG23512">
        <v>58</v>
      </c>
      <c r="AH23512">
        <v>58</v>
      </c>
      <c r="AI23512">
        <v>57</v>
      </c>
      <c r="AJ23512">
        <v>57</v>
      </c>
      <c r="AK23512">
        <v>56</v>
      </c>
      <c r="AL23512">
        <v>56</v>
      </c>
      <c r="AM23512">
        <v>56</v>
      </c>
      <c r="AN23512">
        <v>55</v>
      </c>
      <c r="AO23512">
        <v>55</v>
      </c>
      <c r="AP23512">
        <v>54</v>
      </c>
      <c r="AQ23512">
        <v>54</v>
      </c>
    </row>
    <row r="23513" spans="1:43">
      <c r="A23513" t="s">
        <v>14561</v>
      </c>
      <c r="B23513" t="s">
        <v>14562</v>
      </c>
      <c r="C23513" t="s">
        <v>14541</v>
      </c>
      <c r="D23513" t="s">
        <v>14542</v>
      </c>
      <c r="E23513" t="s">
        <v>14535</v>
      </c>
      <c r="F23513" t="s">
        <v>14536</v>
      </c>
      <c r="G23513" t="s">
        <v>10734</v>
      </c>
      <c r="H23513" t="s">
        <v>10735</v>
      </c>
      <c r="I23513" s="2">
        <v>1</v>
      </c>
      <c r="J23513" s="2">
        <v>0</v>
      </c>
      <c r="K23513" s="2">
        <v>0</v>
      </c>
      <c r="L23513" t="s">
        <v>120</v>
      </c>
      <c r="M23513" t="s">
        <v>83</v>
      </c>
      <c r="N23513" t="s">
        <v>91</v>
      </c>
      <c r="O23513" t="s">
        <v>85</v>
      </c>
      <c r="P23513" t="s">
        <v>86</v>
      </c>
      <c r="Q23513">
        <v>54</v>
      </c>
      <c r="R23513">
        <v>54</v>
      </c>
      <c r="S23513">
        <v>54</v>
      </c>
      <c r="T23513">
        <v>54</v>
      </c>
      <c r="U23513">
        <v>55</v>
      </c>
      <c r="V23513">
        <v>55</v>
      </c>
      <c r="W23513">
        <v>55</v>
      </c>
      <c r="X23513">
        <v>55</v>
      </c>
      <c r="Y23513">
        <v>55</v>
      </c>
      <c r="Z23513">
        <v>55</v>
      </c>
      <c r="AA23513">
        <v>55</v>
      </c>
      <c r="AB23513">
        <v>55</v>
      </c>
      <c r="AC23513">
        <v>55</v>
      </c>
      <c r="AD23513">
        <v>55</v>
      </c>
      <c r="AE23513">
        <v>56</v>
      </c>
      <c r="AF23513">
        <v>56</v>
      </c>
      <c r="AG23513">
        <v>56</v>
      </c>
      <c r="AH23513">
        <v>56</v>
      </c>
      <c r="AI23513">
        <v>56</v>
      </c>
      <c r="AJ23513">
        <v>56</v>
      </c>
      <c r="AK23513">
        <v>56</v>
      </c>
      <c r="AL23513">
        <v>56</v>
      </c>
      <c r="AM23513">
        <v>55</v>
      </c>
      <c r="AN23513">
        <v>55</v>
      </c>
      <c r="AO23513">
        <v>54</v>
      </c>
      <c r="AP23513">
        <v>54</v>
      </c>
      <c r="AQ23513">
        <v>54</v>
      </c>
    </row>
    <row r="23514" spans="1:43">
      <c r="A23514" t="s">
        <v>14563</v>
      </c>
      <c r="B23514" t="s">
        <v>14564</v>
      </c>
      <c r="C23514" t="s">
        <v>14557</v>
      </c>
      <c r="D23514" t="s">
        <v>14558</v>
      </c>
      <c r="E23514" t="s">
        <v>14535</v>
      </c>
      <c r="F23514" t="s">
        <v>14536</v>
      </c>
      <c r="G23514" t="s">
        <v>10734</v>
      </c>
      <c r="H23514" t="s">
        <v>10735</v>
      </c>
      <c r="I23514" s="2">
        <v>1</v>
      </c>
      <c r="J23514" s="2">
        <v>0</v>
      </c>
      <c r="K23514" s="2">
        <v>0</v>
      </c>
      <c r="L23514" t="s">
        <v>120</v>
      </c>
      <c r="M23514" t="s">
        <v>83</v>
      </c>
      <c r="N23514" t="s">
        <v>84</v>
      </c>
      <c r="O23514" t="s">
        <v>85</v>
      </c>
      <c r="P23514" t="s">
        <v>86</v>
      </c>
      <c r="Q23514">
        <v>21</v>
      </c>
      <c r="R23514">
        <v>21</v>
      </c>
      <c r="S23514">
        <v>21</v>
      </c>
      <c r="T23514">
        <v>21</v>
      </c>
      <c r="U23514">
        <v>21</v>
      </c>
      <c r="V23514">
        <v>21</v>
      </c>
      <c r="W23514">
        <v>21</v>
      </c>
      <c r="X23514">
        <v>21</v>
      </c>
      <c r="Y23514">
        <v>22</v>
      </c>
      <c r="Z23514">
        <v>22</v>
      </c>
      <c r="AA23514">
        <v>22</v>
      </c>
      <c r="AB23514">
        <v>22</v>
      </c>
      <c r="AC23514">
        <v>22</v>
      </c>
      <c r="AD23514">
        <v>22</v>
      </c>
      <c r="AE23514">
        <v>22</v>
      </c>
      <c r="AF23514">
        <v>22</v>
      </c>
      <c r="AG23514">
        <v>22</v>
      </c>
      <c r="AH23514">
        <v>22</v>
      </c>
      <c r="AI23514">
        <v>22</v>
      </c>
      <c r="AJ23514">
        <v>22</v>
      </c>
      <c r="AK23514">
        <v>22</v>
      </c>
      <c r="AL23514">
        <v>22</v>
      </c>
      <c r="AM23514">
        <v>22</v>
      </c>
      <c r="AN23514">
        <v>21</v>
      </c>
      <c r="AO23514">
        <v>21</v>
      </c>
      <c r="AP23514">
        <v>21</v>
      </c>
      <c r="AQ23514">
        <v>21</v>
      </c>
    </row>
    <row r="23515" spans="1:43">
      <c r="A23515" t="s">
        <v>14563</v>
      </c>
      <c r="B23515" t="s">
        <v>14564</v>
      </c>
      <c r="C23515" t="s">
        <v>14557</v>
      </c>
      <c r="D23515" t="s">
        <v>14558</v>
      </c>
      <c r="E23515" t="s">
        <v>14535</v>
      </c>
      <c r="F23515" t="s">
        <v>14536</v>
      </c>
      <c r="G23515" t="s">
        <v>10734</v>
      </c>
      <c r="H23515" t="s">
        <v>10735</v>
      </c>
      <c r="I23515" s="2">
        <v>1</v>
      </c>
      <c r="J23515" s="2">
        <v>0</v>
      </c>
      <c r="K23515" s="2">
        <v>0</v>
      </c>
      <c r="L23515" t="s">
        <v>120</v>
      </c>
      <c r="M23515" t="s">
        <v>87</v>
      </c>
      <c r="N23515" t="s">
        <v>88</v>
      </c>
      <c r="O23515" t="s">
        <v>85</v>
      </c>
      <c r="P23515" t="s">
        <v>86</v>
      </c>
      <c r="Q23515">
        <v>21</v>
      </c>
      <c r="R23515">
        <v>21</v>
      </c>
      <c r="S23515">
        <v>21</v>
      </c>
      <c r="T23515">
        <v>20</v>
      </c>
      <c r="U23515">
        <v>20</v>
      </c>
      <c r="V23515">
        <v>20</v>
      </c>
      <c r="W23515">
        <v>20</v>
      </c>
      <c r="X23515">
        <v>20</v>
      </c>
      <c r="Y23515">
        <v>20</v>
      </c>
      <c r="Z23515">
        <v>20</v>
      </c>
      <c r="AA23515">
        <v>20</v>
      </c>
      <c r="AB23515">
        <v>20</v>
      </c>
      <c r="AC23515">
        <v>20</v>
      </c>
      <c r="AD23515">
        <v>19</v>
      </c>
      <c r="AE23515">
        <v>19</v>
      </c>
      <c r="AF23515">
        <v>19</v>
      </c>
      <c r="AG23515">
        <v>19</v>
      </c>
      <c r="AH23515">
        <v>19</v>
      </c>
      <c r="AI23515">
        <v>19</v>
      </c>
      <c r="AJ23515">
        <v>19</v>
      </c>
      <c r="AK23515">
        <v>19</v>
      </c>
      <c r="AL23515">
        <v>19</v>
      </c>
      <c r="AM23515">
        <v>19</v>
      </c>
      <c r="AN23515">
        <v>19</v>
      </c>
      <c r="AO23515">
        <v>19</v>
      </c>
      <c r="AP23515">
        <v>18</v>
      </c>
      <c r="AQ23515">
        <v>18</v>
      </c>
    </row>
    <row r="23516" spans="1:43">
      <c r="A23516" t="s">
        <v>14563</v>
      </c>
      <c r="B23516" t="s">
        <v>14564</v>
      </c>
      <c r="C23516" t="s">
        <v>14557</v>
      </c>
      <c r="D23516" t="s">
        <v>14558</v>
      </c>
      <c r="E23516" t="s">
        <v>14535</v>
      </c>
      <c r="F23516" t="s">
        <v>14536</v>
      </c>
      <c r="G23516" t="s">
        <v>10734</v>
      </c>
      <c r="H23516" t="s">
        <v>10735</v>
      </c>
      <c r="I23516" s="2">
        <v>1</v>
      </c>
      <c r="J23516" s="2">
        <v>0</v>
      </c>
      <c r="K23516" s="2">
        <v>0</v>
      </c>
      <c r="L23516" t="s">
        <v>120</v>
      </c>
      <c r="M23516" t="s">
        <v>89</v>
      </c>
      <c r="N23516" t="s">
        <v>90</v>
      </c>
      <c r="O23516" t="s">
        <v>85</v>
      </c>
      <c r="P23516" t="s">
        <v>86</v>
      </c>
      <c r="Q23516">
        <v>21</v>
      </c>
      <c r="R23516">
        <v>21</v>
      </c>
      <c r="S23516">
        <v>22</v>
      </c>
      <c r="T23516">
        <v>22</v>
      </c>
      <c r="U23516">
        <v>22</v>
      </c>
      <c r="V23516">
        <v>22</v>
      </c>
      <c r="W23516">
        <v>22</v>
      </c>
      <c r="X23516">
        <v>23</v>
      </c>
      <c r="Y23516">
        <v>23</v>
      </c>
      <c r="Z23516">
        <v>23</v>
      </c>
      <c r="AA23516">
        <v>23</v>
      </c>
      <c r="AB23516">
        <v>23</v>
      </c>
      <c r="AC23516">
        <v>23</v>
      </c>
      <c r="AD23516">
        <v>23</v>
      </c>
      <c r="AE23516">
        <v>23</v>
      </c>
      <c r="AF23516">
        <v>23</v>
      </c>
      <c r="AG23516">
        <v>23</v>
      </c>
      <c r="AH23516">
        <v>23</v>
      </c>
      <c r="AI23516">
        <v>22</v>
      </c>
      <c r="AJ23516">
        <v>22</v>
      </c>
      <c r="AK23516">
        <v>22</v>
      </c>
      <c r="AL23516">
        <v>22</v>
      </c>
      <c r="AM23516">
        <v>22</v>
      </c>
      <c r="AN23516">
        <v>22</v>
      </c>
      <c r="AO23516">
        <v>21</v>
      </c>
      <c r="AP23516">
        <v>21</v>
      </c>
      <c r="AQ23516">
        <v>21</v>
      </c>
    </row>
    <row r="23517" spans="1:43">
      <c r="A23517" t="s">
        <v>14563</v>
      </c>
      <c r="B23517" t="s">
        <v>14564</v>
      </c>
      <c r="C23517" t="s">
        <v>14557</v>
      </c>
      <c r="D23517" t="s">
        <v>14558</v>
      </c>
      <c r="E23517" t="s">
        <v>14535</v>
      </c>
      <c r="F23517" t="s">
        <v>14536</v>
      </c>
      <c r="G23517" t="s">
        <v>10734</v>
      </c>
      <c r="H23517" t="s">
        <v>10735</v>
      </c>
      <c r="I23517" s="2">
        <v>1</v>
      </c>
      <c r="J23517" s="2">
        <v>0</v>
      </c>
      <c r="K23517" s="2">
        <v>0</v>
      </c>
      <c r="L23517" t="s">
        <v>120</v>
      </c>
      <c r="M23517" t="s">
        <v>83</v>
      </c>
      <c r="N23517" t="s">
        <v>91</v>
      </c>
      <c r="O23517" t="s">
        <v>85</v>
      </c>
      <c r="P23517" t="s">
        <v>86</v>
      </c>
      <c r="Q23517">
        <v>21</v>
      </c>
      <c r="R23517">
        <v>21</v>
      </c>
      <c r="S23517">
        <v>21</v>
      </c>
      <c r="T23517">
        <v>21</v>
      </c>
      <c r="U23517">
        <v>21</v>
      </c>
      <c r="V23517">
        <v>21</v>
      </c>
      <c r="W23517">
        <v>21</v>
      </c>
      <c r="X23517">
        <v>21</v>
      </c>
      <c r="Y23517">
        <v>22</v>
      </c>
      <c r="Z23517">
        <v>22</v>
      </c>
      <c r="AA23517">
        <v>22</v>
      </c>
      <c r="AB23517">
        <v>22</v>
      </c>
      <c r="AC23517">
        <v>22</v>
      </c>
      <c r="AD23517">
        <v>22</v>
      </c>
      <c r="AE23517">
        <v>22</v>
      </c>
      <c r="AF23517">
        <v>22</v>
      </c>
      <c r="AG23517">
        <v>22</v>
      </c>
      <c r="AH23517">
        <v>22</v>
      </c>
      <c r="AI23517">
        <v>22</v>
      </c>
      <c r="AJ23517">
        <v>22</v>
      </c>
      <c r="AK23517">
        <v>22</v>
      </c>
      <c r="AL23517">
        <v>22</v>
      </c>
      <c r="AM23517">
        <v>22</v>
      </c>
      <c r="AN23517">
        <v>21</v>
      </c>
      <c r="AO23517">
        <v>21</v>
      </c>
      <c r="AP23517">
        <v>21</v>
      </c>
      <c r="AQ23517">
        <v>21</v>
      </c>
    </row>
    <row r="23518" spans="1:43">
      <c r="A23518" t="s">
        <v>14565</v>
      </c>
      <c r="B23518" t="s">
        <v>14566</v>
      </c>
      <c r="C23518" t="s">
        <v>14557</v>
      </c>
      <c r="D23518" t="s">
        <v>14558</v>
      </c>
      <c r="E23518" t="s">
        <v>14535</v>
      </c>
      <c r="F23518" t="s">
        <v>14536</v>
      </c>
      <c r="G23518" t="s">
        <v>10734</v>
      </c>
      <c r="H23518" t="s">
        <v>10735</v>
      </c>
      <c r="I23518" s="2">
        <v>1</v>
      </c>
      <c r="J23518" s="2">
        <v>0</v>
      </c>
      <c r="K23518" s="2">
        <v>0</v>
      </c>
      <c r="L23518" t="s">
        <v>120</v>
      </c>
      <c r="M23518" t="s">
        <v>83</v>
      </c>
      <c r="N23518" t="s">
        <v>84</v>
      </c>
      <c r="O23518" t="s">
        <v>85</v>
      </c>
      <c r="P23518" t="s">
        <v>86</v>
      </c>
      <c r="Q23518">
        <v>10</v>
      </c>
      <c r="R23518">
        <v>10</v>
      </c>
      <c r="S23518">
        <v>10</v>
      </c>
      <c r="T23518">
        <v>10</v>
      </c>
      <c r="U23518">
        <v>10</v>
      </c>
      <c r="V23518">
        <v>10</v>
      </c>
      <c r="W23518">
        <v>10</v>
      </c>
      <c r="X23518">
        <v>10</v>
      </c>
      <c r="Y23518">
        <v>10</v>
      </c>
      <c r="Z23518">
        <v>10</v>
      </c>
      <c r="AA23518">
        <v>10</v>
      </c>
      <c r="AB23518">
        <v>10</v>
      </c>
      <c r="AC23518">
        <v>10</v>
      </c>
      <c r="AD23518">
        <v>10</v>
      </c>
      <c r="AE23518">
        <v>10</v>
      </c>
      <c r="AF23518">
        <v>10</v>
      </c>
      <c r="AG23518">
        <v>10</v>
      </c>
      <c r="AH23518">
        <v>10</v>
      </c>
      <c r="AI23518">
        <v>10</v>
      </c>
      <c r="AJ23518">
        <v>10</v>
      </c>
      <c r="AK23518">
        <v>10</v>
      </c>
      <c r="AL23518">
        <v>10</v>
      </c>
      <c r="AM23518">
        <v>10</v>
      </c>
      <c r="AN23518">
        <v>10</v>
      </c>
      <c r="AO23518">
        <v>10</v>
      </c>
      <c r="AP23518">
        <v>10</v>
      </c>
      <c r="AQ23518">
        <v>10</v>
      </c>
    </row>
    <row r="23519" spans="1:43">
      <c r="A23519" t="s">
        <v>14565</v>
      </c>
      <c r="B23519" t="s">
        <v>14566</v>
      </c>
      <c r="C23519" t="s">
        <v>14557</v>
      </c>
      <c r="D23519" t="s">
        <v>14558</v>
      </c>
      <c r="E23519" t="s">
        <v>14535</v>
      </c>
      <c r="F23519" t="s">
        <v>14536</v>
      </c>
      <c r="G23519" t="s">
        <v>10734</v>
      </c>
      <c r="H23519" t="s">
        <v>10735</v>
      </c>
      <c r="I23519" s="2">
        <v>1</v>
      </c>
      <c r="J23519" s="2">
        <v>0</v>
      </c>
      <c r="K23519" s="2">
        <v>0</v>
      </c>
      <c r="L23519" t="s">
        <v>120</v>
      </c>
      <c r="M23519" t="s">
        <v>87</v>
      </c>
      <c r="N23519" t="s">
        <v>88</v>
      </c>
      <c r="O23519" t="s">
        <v>85</v>
      </c>
      <c r="P23519" t="s">
        <v>86</v>
      </c>
      <c r="Q23519">
        <v>10</v>
      </c>
      <c r="R23519">
        <v>10</v>
      </c>
      <c r="S23519">
        <v>10</v>
      </c>
      <c r="T23519">
        <v>10</v>
      </c>
      <c r="U23519">
        <v>10</v>
      </c>
      <c r="V23519">
        <v>10</v>
      </c>
      <c r="W23519">
        <v>10</v>
      </c>
      <c r="X23519">
        <v>9</v>
      </c>
      <c r="Y23519">
        <v>9</v>
      </c>
      <c r="Z23519">
        <v>9</v>
      </c>
      <c r="AA23519">
        <v>9</v>
      </c>
      <c r="AB23519">
        <v>9</v>
      </c>
      <c r="AC23519">
        <v>9</v>
      </c>
      <c r="AD23519">
        <v>9</v>
      </c>
      <c r="AE23519">
        <v>9</v>
      </c>
      <c r="AF23519">
        <v>9</v>
      </c>
      <c r="AG23519">
        <v>9</v>
      </c>
      <c r="AH23519">
        <v>9</v>
      </c>
      <c r="AI23519">
        <v>9</v>
      </c>
      <c r="AJ23519">
        <v>9</v>
      </c>
      <c r="AK23519">
        <v>9</v>
      </c>
      <c r="AL23519">
        <v>9</v>
      </c>
      <c r="AM23519">
        <v>9</v>
      </c>
      <c r="AN23519">
        <v>9</v>
      </c>
      <c r="AO23519">
        <v>9</v>
      </c>
      <c r="AP23519">
        <v>9</v>
      </c>
      <c r="AQ23519">
        <v>9</v>
      </c>
    </row>
    <row r="23520" spans="1:43">
      <c r="A23520" t="s">
        <v>14565</v>
      </c>
      <c r="B23520" t="s">
        <v>14566</v>
      </c>
      <c r="C23520" t="s">
        <v>14557</v>
      </c>
      <c r="D23520" t="s">
        <v>14558</v>
      </c>
      <c r="E23520" t="s">
        <v>14535</v>
      </c>
      <c r="F23520" t="s">
        <v>14536</v>
      </c>
      <c r="G23520" t="s">
        <v>10734</v>
      </c>
      <c r="H23520" t="s">
        <v>10735</v>
      </c>
      <c r="I23520" s="2">
        <v>1</v>
      </c>
      <c r="J23520" s="2">
        <v>0</v>
      </c>
      <c r="K23520" s="2">
        <v>0</v>
      </c>
      <c r="L23520" t="s">
        <v>120</v>
      </c>
      <c r="M23520" t="s">
        <v>89</v>
      </c>
      <c r="N23520" t="s">
        <v>90</v>
      </c>
      <c r="O23520" t="s">
        <v>85</v>
      </c>
      <c r="P23520" t="s">
        <v>86</v>
      </c>
      <c r="Q23520">
        <v>10</v>
      </c>
      <c r="R23520">
        <v>10</v>
      </c>
      <c r="S23520">
        <v>10</v>
      </c>
      <c r="T23520">
        <v>10</v>
      </c>
      <c r="U23520">
        <v>10</v>
      </c>
      <c r="V23520">
        <v>11</v>
      </c>
      <c r="W23520">
        <v>11</v>
      </c>
      <c r="X23520">
        <v>11</v>
      </c>
      <c r="Y23520">
        <v>11</v>
      </c>
      <c r="Z23520">
        <v>11</v>
      </c>
      <c r="AA23520">
        <v>11</v>
      </c>
      <c r="AB23520">
        <v>11</v>
      </c>
      <c r="AC23520">
        <v>11</v>
      </c>
      <c r="AD23520">
        <v>11</v>
      </c>
      <c r="AE23520">
        <v>11</v>
      </c>
      <c r="AF23520">
        <v>11</v>
      </c>
      <c r="AG23520">
        <v>11</v>
      </c>
      <c r="AH23520">
        <v>11</v>
      </c>
      <c r="AI23520">
        <v>11</v>
      </c>
      <c r="AJ23520">
        <v>10</v>
      </c>
      <c r="AK23520">
        <v>10</v>
      </c>
      <c r="AL23520">
        <v>10</v>
      </c>
      <c r="AM23520">
        <v>10</v>
      </c>
      <c r="AN23520">
        <v>10</v>
      </c>
      <c r="AO23520">
        <v>10</v>
      </c>
      <c r="AP23520">
        <v>10</v>
      </c>
      <c r="AQ23520">
        <v>10</v>
      </c>
    </row>
    <row r="23521" spans="1:43">
      <c r="A23521" t="s">
        <v>14565</v>
      </c>
      <c r="B23521" t="s">
        <v>14566</v>
      </c>
      <c r="C23521" t="s">
        <v>14557</v>
      </c>
      <c r="D23521" t="s">
        <v>14558</v>
      </c>
      <c r="E23521" t="s">
        <v>14535</v>
      </c>
      <c r="F23521" t="s">
        <v>14536</v>
      </c>
      <c r="G23521" t="s">
        <v>10734</v>
      </c>
      <c r="H23521" t="s">
        <v>10735</v>
      </c>
      <c r="I23521" s="2">
        <v>1</v>
      </c>
      <c r="J23521" s="2">
        <v>0</v>
      </c>
      <c r="K23521" s="2">
        <v>0</v>
      </c>
      <c r="L23521" t="s">
        <v>120</v>
      </c>
      <c r="M23521" t="s">
        <v>83</v>
      </c>
      <c r="N23521" t="s">
        <v>91</v>
      </c>
      <c r="O23521" t="s">
        <v>85</v>
      </c>
      <c r="P23521" t="s">
        <v>86</v>
      </c>
      <c r="Q23521">
        <v>10</v>
      </c>
      <c r="R23521">
        <v>10</v>
      </c>
      <c r="S23521">
        <v>10</v>
      </c>
      <c r="T23521">
        <v>10</v>
      </c>
      <c r="U23521">
        <v>10</v>
      </c>
      <c r="V23521">
        <v>10</v>
      </c>
      <c r="W23521">
        <v>10</v>
      </c>
      <c r="X23521">
        <v>10</v>
      </c>
      <c r="Y23521">
        <v>10</v>
      </c>
      <c r="Z23521">
        <v>10</v>
      </c>
      <c r="AA23521">
        <v>10</v>
      </c>
      <c r="AB23521">
        <v>10</v>
      </c>
      <c r="AC23521">
        <v>10</v>
      </c>
      <c r="AD23521">
        <v>10</v>
      </c>
      <c r="AE23521">
        <v>10</v>
      </c>
      <c r="AF23521">
        <v>10</v>
      </c>
      <c r="AG23521">
        <v>10</v>
      </c>
      <c r="AH23521">
        <v>10</v>
      </c>
      <c r="AI23521">
        <v>10</v>
      </c>
      <c r="AJ23521">
        <v>10</v>
      </c>
      <c r="AK23521">
        <v>10</v>
      </c>
      <c r="AL23521">
        <v>10</v>
      </c>
      <c r="AM23521">
        <v>10</v>
      </c>
      <c r="AN23521">
        <v>10</v>
      </c>
      <c r="AO23521">
        <v>10</v>
      </c>
      <c r="AP23521">
        <v>10</v>
      </c>
      <c r="AQ23521">
        <v>10</v>
      </c>
    </row>
    <row r="23522" spans="1:43">
      <c r="A23522" t="s">
        <v>14567</v>
      </c>
      <c r="B23522" t="s">
        <v>14568</v>
      </c>
      <c r="C23522" t="s">
        <v>14533</v>
      </c>
      <c r="D23522" t="s">
        <v>14534</v>
      </c>
      <c r="E23522" t="s">
        <v>14535</v>
      </c>
      <c r="F23522" t="s">
        <v>14536</v>
      </c>
      <c r="G23522" t="s">
        <v>10734</v>
      </c>
      <c r="H23522" t="s">
        <v>10735</v>
      </c>
      <c r="I23522" s="2">
        <v>1</v>
      </c>
      <c r="J23522" s="2">
        <v>0</v>
      </c>
      <c r="K23522" s="2">
        <v>0</v>
      </c>
      <c r="L23522" t="s">
        <v>120</v>
      </c>
      <c r="M23522" t="s">
        <v>83</v>
      </c>
      <c r="N23522" t="s">
        <v>84</v>
      </c>
      <c r="O23522" t="s">
        <v>85</v>
      </c>
      <c r="P23522" t="s">
        <v>86</v>
      </c>
      <c r="Q23522">
        <v>8</v>
      </c>
      <c r="R23522">
        <v>8</v>
      </c>
      <c r="S23522">
        <v>8</v>
      </c>
      <c r="T23522">
        <v>8</v>
      </c>
      <c r="U23522">
        <v>8</v>
      </c>
      <c r="V23522">
        <v>8</v>
      </c>
      <c r="W23522">
        <v>8</v>
      </c>
      <c r="X23522">
        <v>8</v>
      </c>
      <c r="Y23522">
        <v>8</v>
      </c>
      <c r="Z23522">
        <v>8</v>
      </c>
      <c r="AA23522">
        <v>8</v>
      </c>
      <c r="AB23522">
        <v>8</v>
      </c>
      <c r="AC23522">
        <v>8</v>
      </c>
      <c r="AD23522">
        <v>8</v>
      </c>
      <c r="AE23522">
        <v>8</v>
      </c>
      <c r="AF23522">
        <v>8</v>
      </c>
      <c r="AG23522">
        <v>8</v>
      </c>
      <c r="AH23522">
        <v>8</v>
      </c>
      <c r="AI23522">
        <v>8</v>
      </c>
      <c r="AJ23522">
        <v>8</v>
      </c>
      <c r="AK23522">
        <v>8</v>
      </c>
      <c r="AL23522">
        <v>8</v>
      </c>
      <c r="AM23522">
        <v>8</v>
      </c>
      <c r="AN23522">
        <v>8</v>
      </c>
      <c r="AO23522">
        <v>8</v>
      </c>
      <c r="AP23522">
        <v>8</v>
      </c>
      <c r="AQ23522">
        <v>8</v>
      </c>
    </row>
    <row r="23523" spans="1:43">
      <c r="A23523" t="s">
        <v>14567</v>
      </c>
      <c r="B23523" t="s">
        <v>14568</v>
      </c>
      <c r="C23523" t="s">
        <v>14533</v>
      </c>
      <c r="D23523" t="s">
        <v>14534</v>
      </c>
      <c r="E23523" t="s">
        <v>14535</v>
      </c>
      <c r="F23523" t="s">
        <v>14536</v>
      </c>
      <c r="G23523" t="s">
        <v>10734</v>
      </c>
      <c r="H23523" t="s">
        <v>10735</v>
      </c>
      <c r="I23523" s="2">
        <v>1</v>
      </c>
      <c r="J23523" s="2">
        <v>0</v>
      </c>
      <c r="K23523" s="2">
        <v>0</v>
      </c>
      <c r="L23523" t="s">
        <v>120</v>
      </c>
      <c r="M23523" t="s">
        <v>87</v>
      </c>
      <c r="N23523" t="s">
        <v>88</v>
      </c>
      <c r="O23523" t="s">
        <v>85</v>
      </c>
      <c r="P23523" t="s">
        <v>86</v>
      </c>
      <c r="Q23523">
        <v>8</v>
      </c>
      <c r="R23523">
        <v>8</v>
      </c>
      <c r="S23523">
        <v>8</v>
      </c>
      <c r="T23523">
        <v>8</v>
      </c>
      <c r="U23523">
        <v>8</v>
      </c>
      <c r="V23523">
        <v>8</v>
      </c>
      <c r="W23523">
        <v>8</v>
      </c>
      <c r="X23523">
        <v>8</v>
      </c>
      <c r="Y23523">
        <v>8</v>
      </c>
      <c r="Z23523">
        <v>8</v>
      </c>
      <c r="AA23523">
        <v>7</v>
      </c>
      <c r="AB23523">
        <v>7</v>
      </c>
      <c r="AC23523">
        <v>7</v>
      </c>
      <c r="AD23523">
        <v>7</v>
      </c>
      <c r="AE23523">
        <v>7</v>
      </c>
      <c r="AF23523">
        <v>7</v>
      </c>
      <c r="AG23523">
        <v>7</v>
      </c>
      <c r="AH23523">
        <v>7</v>
      </c>
      <c r="AI23523">
        <v>7</v>
      </c>
      <c r="AJ23523">
        <v>7</v>
      </c>
      <c r="AK23523">
        <v>7</v>
      </c>
      <c r="AL23523">
        <v>7</v>
      </c>
      <c r="AM23523">
        <v>7</v>
      </c>
      <c r="AN23523">
        <v>7</v>
      </c>
      <c r="AO23523">
        <v>7</v>
      </c>
      <c r="AP23523">
        <v>7</v>
      </c>
      <c r="AQ23523">
        <v>7</v>
      </c>
    </row>
    <row r="23524" spans="1:43">
      <c r="A23524" t="s">
        <v>14567</v>
      </c>
      <c r="B23524" t="s">
        <v>14568</v>
      </c>
      <c r="C23524" t="s">
        <v>14533</v>
      </c>
      <c r="D23524" t="s">
        <v>14534</v>
      </c>
      <c r="E23524" t="s">
        <v>14535</v>
      </c>
      <c r="F23524" t="s">
        <v>14536</v>
      </c>
      <c r="G23524" t="s">
        <v>10734</v>
      </c>
      <c r="H23524" t="s">
        <v>10735</v>
      </c>
      <c r="I23524" s="2">
        <v>1</v>
      </c>
      <c r="J23524" s="2">
        <v>0</v>
      </c>
      <c r="K23524" s="2">
        <v>0</v>
      </c>
      <c r="L23524" t="s">
        <v>120</v>
      </c>
      <c r="M23524" t="s">
        <v>89</v>
      </c>
      <c r="N23524" t="s">
        <v>90</v>
      </c>
      <c r="O23524" t="s">
        <v>85</v>
      </c>
      <c r="P23524" t="s">
        <v>86</v>
      </c>
      <c r="Q23524">
        <v>8</v>
      </c>
      <c r="R23524">
        <v>8</v>
      </c>
      <c r="S23524">
        <v>8</v>
      </c>
      <c r="T23524">
        <v>8</v>
      </c>
      <c r="U23524">
        <v>8</v>
      </c>
      <c r="V23524">
        <v>8</v>
      </c>
      <c r="W23524">
        <v>9</v>
      </c>
      <c r="X23524">
        <v>9</v>
      </c>
      <c r="Y23524">
        <v>9</v>
      </c>
      <c r="Z23524">
        <v>9</v>
      </c>
      <c r="AA23524">
        <v>9</v>
      </c>
      <c r="AB23524">
        <v>9</v>
      </c>
      <c r="AC23524">
        <v>9</v>
      </c>
      <c r="AD23524">
        <v>9</v>
      </c>
      <c r="AE23524">
        <v>9</v>
      </c>
      <c r="AF23524">
        <v>9</v>
      </c>
      <c r="AG23524">
        <v>9</v>
      </c>
      <c r="AH23524">
        <v>9</v>
      </c>
      <c r="AI23524">
        <v>9</v>
      </c>
      <c r="AJ23524">
        <v>8</v>
      </c>
      <c r="AK23524">
        <v>8</v>
      </c>
      <c r="AL23524">
        <v>8</v>
      </c>
      <c r="AM23524">
        <v>8</v>
      </c>
      <c r="AN23524">
        <v>8</v>
      </c>
      <c r="AO23524">
        <v>8</v>
      </c>
      <c r="AP23524">
        <v>8</v>
      </c>
      <c r="AQ23524">
        <v>8</v>
      </c>
    </row>
    <row r="23525" spans="1:43">
      <c r="A23525" t="s">
        <v>14567</v>
      </c>
      <c r="B23525" t="s">
        <v>14568</v>
      </c>
      <c r="C23525" t="s">
        <v>14533</v>
      </c>
      <c r="D23525" t="s">
        <v>14534</v>
      </c>
      <c r="E23525" t="s">
        <v>14535</v>
      </c>
      <c r="F23525" t="s">
        <v>14536</v>
      </c>
      <c r="G23525" t="s">
        <v>10734</v>
      </c>
      <c r="H23525" t="s">
        <v>10735</v>
      </c>
      <c r="I23525" s="2">
        <v>1</v>
      </c>
      <c r="J23525" s="2">
        <v>0</v>
      </c>
      <c r="K23525" s="2">
        <v>0</v>
      </c>
      <c r="L23525" t="s">
        <v>120</v>
      </c>
      <c r="M23525" t="s">
        <v>83</v>
      </c>
      <c r="N23525" t="s">
        <v>91</v>
      </c>
      <c r="O23525" t="s">
        <v>85</v>
      </c>
      <c r="P23525" t="s">
        <v>86</v>
      </c>
      <c r="Q23525">
        <v>8</v>
      </c>
      <c r="R23525">
        <v>8</v>
      </c>
      <c r="S23525">
        <v>8</v>
      </c>
      <c r="T23525">
        <v>8</v>
      </c>
      <c r="U23525">
        <v>8</v>
      </c>
      <c r="V23525">
        <v>8</v>
      </c>
      <c r="W23525">
        <v>8</v>
      </c>
      <c r="X23525">
        <v>8</v>
      </c>
      <c r="Y23525">
        <v>8</v>
      </c>
      <c r="Z23525">
        <v>8</v>
      </c>
      <c r="AA23525">
        <v>8</v>
      </c>
      <c r="AB23525">
        <v>8</v>
      </c>
      <c r="AC23525">
        <v>8</v>
      </c>
      <c r="AD23525">
        <v>8</v>
      </c>
      <c r="AE23525">
        <v>8</v>
      </c>
      <c r="AF23525">
        <v>8</v>
      </c>
      <c r="AG23525">
        <v>8</v>
      </c>
      <c r="AH23525">
        <v>8</v>
      </c>
      <c r="AI23525">
        <v>8</v>
      </c>
      <c r="AJ23525">
        <v>8</v>
      </c>
      <c r="AK23525">
        <v>8</v>
      </c>
      <c r="AL23525">
        <v>8</v>
      </c>
      <c r="AM23525">
        <v>8</v>
      </c>
      <c r="AN23525">
        <v>8</v>
      </c>
      <c r="AO23525">
        <v>8</v>
      </c>
      <c r="AP23525">
        <v>8</v>
      </c>
      <c r="AQ23525">
        <v>8</v>
      </c>
    </row>
    <row r="23526" spans="1:43">
      <c r="A23526" t="s">
        <v>14569</v>
      </c>
      <c r="B23526" t="s">
        <v>14570</v>
      </c>
      <c r="C23526" t="s">
        <v>14533</v>
      </c>
      <c r="D23526" t="s">
        <v>14534</v>
      </c>
      <c r="E23526" t="s">
        <v>14535</v>
      </c>
      <c r="F23526" t="s">
        <v>14536</v>
      </c>
      <c r="G23526" t="s">
        <v>10734</v>
      </c>
      <c r="H23526" t="s">
        <v>10735</v>
      </c>
      <c r="I23526" s="2">
        <v>1</v>
      </c>
      <c r="J23526" s="2">
        <v>0</v>
      </c>
      <c r="K23526" s="2">
        <v>0</v>
      </c>
      <c r="L23526" t="s">
        <v>120</v>
      </c>
      <c r="M23526" t="s">
        <v>83</v>
      </c>
      <c r="N23526" t="s">
        <v>84</v>
      </c>
      <c r="O23526" t="s">
        <v>85</v>
      </c>
      <c r="P23526" t="s">
        <v>86</v>
      </c>
      <c r="Q23526">
        <v>5</v>
      </c>
      <c r="R23526">
        <v>5</v>
      </c>
      <c r="S23526">
        <v>5</v>
      </c>
      <c r="T23526">
        <v>5</v>
      </c>
      <c r="U23526">
        <v>5</v>
      </c>
      <c r="V23526">
        <v>5</v>
      </c>
      <c r="W23526">
        <v>6</v>
      </c>
      <c r="X23526">
        <v>6</v>
      </c>
      <c r="Y23526">
        <v>6</v>
      </c>
      <c r="Z23526">
        <v>6</v>
      </c>
      <c r="AA23526">
        <v>6</v>
      </c>
      <c r="AB23526">
        <v>6</v>
      </c>
      <c r="AC23526">
        <v>6</v>
      </c>
      <c r="AD23526">
        <v>6</v>
      </c>
      <c r="AE23526">
        <v>6</v>
      </c>
      <c r="AF23526">
        <v>6</v>
      </c>
      <c r="AG23526">
        <v>6</v>
      </c>
      <c r="AH23526">
        <v>6</v>
      </c>
      <c r="AI23526">
        <v>6</v>
      </c>
      <c r="AJ23526">
        <v>6</v>
      </c>
      <c r="AK23526">
        <v>6</v>
      </c>
      <c r="AL23526">
        <v>6</v>
      </c>
      <c r="AM23526">
        <v>6</v>
      </c>
      <c r="AN23526">
        <v>5</v>
      </c>
      <c r="AO23526">
        <v>5</v>
      </c>
      <c r="AP23526">
        <v>5</v>
      </c>
      <c r="AQ23526">
        <v>5</v>
      </c>
    </row>
    <row r="23527" spans="1:43">
      <c r="A23527" t="s">
        <v>14569</v>
      </c>
      <c r="B23527" t="s">
        <v>14570</v>
      </c>
      <c r="C23527" t="s">
        <v>14533</v>
      </c>
      <c r="D23527" t="s">
        <v>14534</v>
      </c>
      <c r="E23527" t="s">
        <v>14535</v>
      </c>
      <c r="F23527" t="s">
        <v>14536</v>
      </c>
      <c r="G23527" t="s">
        <v>10734</v>
      </c>
      <c r="H23527" t="s">
        <v>10735</v>
      </c>
      <c r="I23527" s="2">
        <v>1</v>
      </c>
      <c r="J23527" s="2">
        <v>0</v>
      </c>
      <c r="K23527" s="2">
        <v>0</v>
      </c>
      <c r="L23527" t="s">
        <v>120</v>
      </c>
      <c r="M23527" t="s">
        <v>87</v>
      </c>
      <c r="N23527" t="s">
        <v>88</v>
      </c>
      <c r="O23527" t="s">
        <v>85</v>
      </c>
      <c r="P23527" t="s">
        <v>86</v>
      </c>
      <c r="Q23527">
        <v>5</v>
      </c>
      <c r="R23527">
        <v>5</v>
      </c>
      <c r="S23527">
        <v>5</v>
      </c>
      <c r="T23527">
        <v>5</v>
      </c>
      <c r="U23527">
        <v>5</v>
      </c>
      <c r="V23527">
        <v>5</v>
      </c>
      <c r="W23527">
        <v>5</v>
      </c>
      <c r="X23527">
        <v>5</v>
      </c>
      <c r="Y23527">
        <v>5</v>
      </c>
      <c r="Z23527">
        <v>5</v>
      </c>
      <c r="AA23527">
        <v>5</v>
      </c>
      <c r="AB23527">
        <v>5</v>
      </c>
      <c r="AC23527">
        <v>5</v>
      </c>
      <c r="AD23527">
        <v>5</v>
      </c>
      <c r="AE23527">
        <v>5</v>
      </c>
      <c r="AF23527">
        <v>5</v>
      </c>
      <c r="AG23527">
        <v>5</v>
      </c>
      <c r="AH23527">
        <v>5</v>
      </c>
      <c r="AI23527">
        <v>5</v>
      </c>
      <c r="AJ23527">
        <v>5</v>
      </c>
      <c r="AK23527">
        <v>5</v>
      </c>
      <c r="AL23527">
        <v>5</v>
      </c>
      <c r="AM23527">
        <v>5</v>
      </c>
      <c r="AN23527">
        <v>5</v>
      </c>
      <c r="AO23527">
        <v>5</v>
      </c>
      <c r="AP23527">
        <v>5</v>
      </c>
      <c r="AQ23527">
        <v>5</v>
      </c>
    </row>
    <row r="23528" spans="1:43">
      <c r="A23528" t="s">
        <v>14569</v>
      </c>
      <c r="B23528" t="s">
        <v>14570</v>
      </c>
      <c r="C23528" t="s">
        <v>14533</v>
      </c>
      <c r="D23528" t="s">
        <v>14534</v>
      </c>
      <c r="E23528" t="s">
        <v>14535</v>
      </c>
      <c r="F23528" t="s">
        <v>14536</v>
      </c>
      <c r="G23528" t="s">
        <v>10734</v>
      </c>
      <c r="H23528" t="s">
        <v>10735</v>
      </c>
      <c r="I23528" s="2">
        <v>1</v>
      </c>
      <c r="J23528" s="2">
        <v>0</v>
      </c>
      <c r="K23528" s="2">
        <v>0</v>
      </c>
      <c r="L23528" t="s">
        <v>120</v>
      </c>
      <c r="M23528" t="s">
        <v>89</v>
      </c>
      <c r="N23528" t="s">
        <v>90</v>
      </c>
      <c r="O23528" t="s">
        <v>85</v>
      </c>
      <c r="P23528" t="s">
        <v>86</v>
      </c>
      <c r="Q23528">
        <v>5</v>
      </c>
      <c r="R23528">
        <v>6</v>
      </c>
      <c r="S23528">
        <v>6</v>
      </c>
      <c r="T23528">
        <v>6</v>
      </c>
      <c r="U23528">
        <v>6</v>
      </c>
      <c r="V23528">
        <v>6</v>
      </c>
      <c r="W23528">
        <v>6</v>
      </c>
      <c r="X23528">
        <v>6</v>
      </c>
      <c r="Y23528">
        <v>6</v>
      </c>
      <c r="Z23528">
        <v>6</v>
      </c>
      <c r="AA23528">
        <v>6</v>
      </c>
      <c r="AB23528">
        <v>6</v>
      </c>
      <c r="AC23528">
        <v>6</v>
      </c>
      <c r="AD23528">
        <v>6</v>
      </c>
      <c r="AE23528">
        <v>6</v>
      </c>
      <c r="AF23528">
        <v>6</v>
      </c>
      <c r="AG23528">
        <v>6</v>
      </c>
      <c r="AH23528">
        <v>6</v>
      </c>
      <c r="AI23528">
        <v>6</v>
      </c>
      <c r="AJ23528">
        <v>6</v>
      </c>
      <c r="AK23528">
        <v>6</v>
      </c>
      <c r="AL23528">
        <v>6</v>
      </c>
      <c r="AM23528">
        <v>6</v>
      </c>
      <c r="AN23528">
        <v>6</v>
      </c>
      <c r="AO23528">
        <v>6</v>
      </c>
      <c r="AP23528">
        <v>5</v>
      </c>
      <c r="AQ23528">
        <v>5</v>
      </c>
    </row>
    <row r="23529" spans="1:43">
      <c r="A23529" t="s">
        <v>14569</v>
      </c>
      <c r="B23529" t="s">
        <v>14570</v>
      </c>
      <c r="C23529" t="s">
        <v>14533</v>
      </c>
      <c r="D23529" t="s">
        <v>14534</v>
      </c>
      <c r="E23529" t="s">
        <v>14535</v>
      </c>
      <c r="F23529" t="s">
        <v>14536</v>
      </c>
      <c r="G23529" t="s">
        <v>10734</v>
      </c>
      <c r="H23529" t="s">
        <v>10735</v>
      </c>
      <c r="I23529" s="2">
        <v>1</v>
      </c>
      <c r="J23529" s="2">
        <v>0</v>
      </c>
      <c r="K23529" s="2">
        <v>0</v>
      </c>
      <c r="L23529" t="s">
        <v>120</v>
      </c>
      <c r="M23529" t="s">
        <v>83</v>
      </c>
      <c r="N23529" t="s">
        <v>91</v>
      </c>
      <c r="O23529" t="s">
        <v>85</v>
      </c>
      <c r="P23529" t="s">
        <v>86</v>
      </c>
      <c r="Q23529">
        <v>5</v>
      </c>
      <c r="R23529">
        <v>5</v>
      </c>
      <c r="S23529">
        <v>5</v>
      </c>
      <c r="T23529">
        <v>5</v>
      </c>
      <c r="U23529">
        <v>5</v>
      </c>
      <c r="V23529">
        <v>5</v>
      </c>
      <c r="W23529">
        <v>6</v>
      </c>
      <c r="X23529">
        <v>6</v>
      </c>
      <c r="Y23529">
        <v>6</v>
      </c>
      <c r="Z23529">
        <v>6</v>
      </c>
      <c r="AA23529">
        <v>6</v>
      </c>
      <c r="AB23529">
        <v>6</v>
      </c>
      <c r="AC23529">
        <v>6</v>
      </c>
      <c r="AD23529">
        <v>6</v>
      </c>
      <c r="AE23529">
        <v>6</v>
      </c>
      <c r="AF23529">
        <v>6</v>
      </c>
      <c r="AG23529">
        <v>6</v>
      </c>
      <c r="AH23529">
        <v>6</v>
      </c>
      <c r="AI23529">
        <v>6</v>
      </c>
      <c r="AJ23529">
        <v>6</v>
      </c>
      <c r="AK23529">
        <v>6</v>
      </c>
      <c r="AL23529">
        <v>6</v>
      </c>
      <c r="AM23529">
        <v>6</v>
      </c>
      <c r="AN23529">
        <v>5</v>
      </c>
      <c r="AO23529">
        <v>5</v>
      </c>
      <c r="AP23529">
        <v>5</v>
      </c>
      <c r="AQ23529">
        <v>5</v>
      </c>
    </row>
    <row r="23530" spans="1:43">
      <c r="A23530" t="s">
        <v>14571</v>
      </c>
      <c r="B23530" t="s">
        <v>14572</v>
      </c>
      <c r="C23530" t="s">
        <v>14557</v>
      </c>
      <c r="D23530" t="s">
        <v>14558</v>
      </c>
      <c r="E23530" t="s">
        <v>14535</v>
      </c>
      <c r="F23530" t="s">
        <v>14536</v>
      </c>
      <c r="G23530" t="s">
        <v>10734</v>
      </c>
      <c r="H23530" t="s">
        <v>10735</v>
      </c>
      <c r="I23530" s="2">
        <v>1</v>
      </c>
      <c r="J23530" s="2">
        <v>0</v>
      </c>
      <c r="K23530" s="2">
        <v>0</v>
      </c>
      <c r="L23530" t="s">
        <v>120</v>
      </c>
      <c r="M23530" t="s">
        <v>83</v>
      </c>
      <c r="N23530" t="s">
        <v>84</v>
      </c>
      <c r="O23530" t="s">
        <v>85</v>
      </c>
      <c r="P23530" t="s">
        <v>86</v>
      </c>
      <c r="Q23530">
        <v>4</v>
      </c>
      <c r="R23530">
        <v>4</v>
      </c>
      <c r="S23530">
        <v>4</v>
      </c>
      <c r="T23530">
        <v>4</v>
      </c>
      <c r="U23530">
        <v>4</v>
      </c>
      <c r="V23530">
        <v>4</v>
      </c>
      <c r="W23530">
        <v>4</v>
      </c>
      <c r="X23530">
        <v>4</v>
      </c>
      <c r="Y23530">
        <v>4</v>
      </c>
      <c r="Z23530">
        <v>4</v>
      </c>
      <c r="AA23530">
        <v>4</v>
      </c>
      <c r="AB23530">
        <v>4</v>
      </c>
      <c r="AC23530">
        <v>4</v>
      </c>
      <c r="AD23530">
        <v>4</v>
      </c>
      <c r="AE23530">
        <v>4</v>
      </c>
      <c r="AF23530">
        <v>4</v>
      </c>
      <c r="AG23530">
        <v>4</v>
      </c>
      <c r="AH23530">
        <v>4</v>
      </c>
      <c r="AI23530">
        <v>4</v>
      </c>
      <c r="AJ23530">
        <v>4</v>
      </c>
      <c r="AK23530">
        <v>4</v>
      </c>
      <c r="AL23530">
        <v>4</v>
      </c>
      <c r="AM23530">
        <v>4</v>
      </c>
      <c r="AN23530">
        <v>4</v>
      </c>
      <c r="AO23530">
        <v>4</v>
      </c>
      <c r="AP23530">
        <v>4</v>
      </c>
      <c r="AQ23530">
        <v>4</v>
      </c>
    </row>
    <row r="23531" spans="1:43">
      <c r="A23531" t="s">
        <v>14571</v>
      </c>
      <c r="B23531" t="s">
        <v>14572</v>
      </c>
      <c r="C23531" t="s">
        <v>14557</v>
      </c>
      <c r="D23531" t="s">
        <v>14558</v>
      </c>
      <c r="E23531" t="s">
        <v>14535</v>
      </c>
      <c r="F23531" t="s">
        <v>14536</v>
      </c>
      <c r="G23531" t="s">
        <v>10734</v>
      </c>
      <c r="H23531" t="s">
        <v>10735</v>
      </c>
      <c r="I23531" s="2">
        <v>1</v>
      </c>
      <c r="J23531" s="2">
        <v>0</v>
      </c>
      <c r="K23531" s="2">
        <v>0</v>
      </c>
      <c r="L23531" t="s">
        <v>120</v>
      </c>
      <c r="M23531" t="s">
        <v>87</v>
      </c>
      <c r="N23531" t="s">
        <v>88</v>
      </c>
      <c r="O23531" t="s">
        <v>85</v>
      </c>
      <c r="P23531" t="s">
        <v>86</v>
      </c>
      <c r="Q23531">
        <v>4</v>
      </c>
      <c r="R23531">
        <v>4</v>
      </c>
      <c r="S23531">
        <v>4</v>
      </c>
      <c r="T23531">
        <v>4</v>
      </c>
      <c r="U23531">
        <v>4</v>
      </c>
      <c r="V23531">
        <v>4</v>
      </c>
      <c r="W23531">
        <v>4</v>
      </c>
      <c r="X23531">
        <v>4</v>
      </c>
      <c r="Y23531">
        <v>4</v>
      </c>
      <c r="Z23531">
        <v>4</v>
      </c>
      <c r="AA23531">
        <v>4</v>
      </c>
      <c r="AB23531">
        <v>4</v>
      </c>
      <c r="AC23531">
        <v>4</v>
      </c>
      <c r="AD23531">
        <v>4</v>
      </c>
      <c r="AE23531">
        <v>4</v>
      </c>
      <c r="AF23531">
        <v>3</v>
      </c>
      <c r="AG23531">
        <v>3</v>
      </c>
      <c r="AH23531">
        <v>3</v>
      </c>
      <c r="AI23531">
        <v>3</v>
      </c>
      <c r="AJ23531">
        <v>3</v>
      </c>
      <c r="AK23531">
        <v>3</v>
      </c>
      <c r="AL23531">
        <v>3</v>
      </c>
      <c r="AM23531">
        <v>3</v>
      </c>
      <c r="AN23531">
        <v>3</v>
      </c>
      <c r="AO23531">
        <v>3</v>
      </c>
      <c r="AP23531">
        <v>3</v>
      </c>
      <c r="AQ23531">
        <v>3</v>
      </c>
    </row>
    <row r="23532" spans="1:43">
      <c r="A23532" t="s">
        <v>14571</v>
      </c>
      <c r="B23532" t="s">
        <v>14572</v>
      </c>
      <c r="C23532" t="s">
        <v>14557</v>
      </c>
      <c r="D23532" t="s">
        <v>14558</v>
      </c>
      <c r="E23532" t="s">
        <v>14535</v>
      </c>
      <c r="F23532" t="s">
        <v>14536</v>
      </c>
      <c r="G23532" t="s">
        <v>10734</v>
      </c>
      <c r="H23532" t="s">
        <v>10735</v>
      </c>
      <c r="I23532" s="2">
        <v>1</v>
      </c>
      <c r="J23532" s="2">
        <v>0</v>
      </c>
      <c r="K23532" s="2">
        <v>0</v>
      </c>
      <c r="L23532" t="s">
        <v>120</v>
      </c>
      <c r="M23532" t="s">
        <v>89</v>
      </c>
      <c r="N23532" t="s">
        <v>90</v>
      </c>
      <c r="O23532" t="s">
        <v>85</v>
      </c>
      <c r="P23532" t="s">
        <v>86</v>
      </c>
      <c r="Q23532">
        <v>4</v>
      </c>
      <c r="R23532">
        <v>4</v>
      </c>
      <c r="S23532">
        <v>4</v>
      </c>
      <c r="T23532">
        <v>4</v>
      </c>
      <c r="U23532">
        <v>4</v>
      </c>
      <c r="V23532">
        <v>4</v>
      </c>
      <c r="W23532">
        <v>4</v>
      </c>
      <c r="X23532">
        <v>4</v>
      </c>
      <c r="Y23532">
        <v>4</v>
      </c>
      <c r="Z23532">
        <v>4</v>
      </c>
      <c r="AA23532">
        <v>4</v>
      </c>
      <c r="AB23532">
        <v>4</v>
      </c>
      <c r="AC23532">
        <v>4</v>
      </c>
      <c r="AD23532">
        <v>4</v>
      </c>
      <c r="AE23532">
        <v>4</v>
      </c>
      <c r="AF23532">
        <v>4</v>
      </c>
      <c r="AG23532">
        <v>4</v>
      </c>
      <c r="AH23532">
        <v>4</v>
      </c>
      <c r="AI23532">
        <v>4</v>
      </c>
      <c r="AJ23532">
        <v>4</v>
      </c>
      <c r="AK23532">
        <v>4</v>
      </c>
      <c r="AL23532">
        <v>4</v>
      </c>
      <c r="AM23532">
        <v>4</v>
      </c>
      <c r="AN23532">
        <v>4</v>
      </c>
      <c r="AO23532">
        <v>4</v>
      </c>
      <c r="AP23532">
        <v>4</v>
      </c>
      <c r="AQ23532">
        <v>4</v>
      </c>
    </row>
    <row r="23533" spans="1:43">
      <c r="A23533" t="s">
        <v>14571</v>
      </c>
      <c r="B23533" t="s">
        <v>14572</v>
      </c>
      <c r="C23533" t="s">
        <v>14557</v>
      </c>
      <c r="D23533" t="s">
        <v>14558</v>
      </c>
      <c r="E23533" t="s">
        <v>14535</v>
      </c>
      <c r="F23533" t="s">
        <v>14536</v>
      </c>
      <c r="G23533" t="s">
        <v>10734</v>
      </c>
      <c r="H23533" t="s">
        <v>10735</v>
      </c>
      <c r="I23533" s="2">
        <v>1</v>
      </c>
      <c r="J23533" s="2">
        <v>0</v>
      </c>
      <c r="K23533" s="2">
        <v>0</v>
      </c>
      <c r="L23533" t="s">
        <v>120</v>
      </c>
      <c r="M23533" t="s">
        <v>83</v>
      </c>
      <c r="N23533" t="s">
        <v>91</v>
      </c>
      <c r="O23533" t="s">
        <v>85</v>
      </c>
      <c r="P23533" t="s">
        <v>86</v>
      </c>
      <c r="Q23533">
        <v>4</v>
      </c>
      <c r="R23533">
        <v>4</v>
      </c>
      <c r="S23533">
        <v>4</v>
      </c>
      <c r="T23533">
        <v>4</v>
      </c>
      <c r="U23533">
        <v>4</v>
      </c>
      <c r="V23533">
        <v>4</v>
      </c>
      <c r="W23533">
        <v>4</v>
      </c>
      <c r="X23533">
        <v>4</v>
      </c>
      <c r="Y23533">
        <v>4</v>
      </c>
      <c r="Z23533">
        <v>4</v>
      </c>
      <c r="AA23533">
        <v>4</v>
      </c>
      <c r="AB23533">
        <v>4</v>
      </c>
      <c r="AC23533">
        <v>4</v>
      </c>
      <c r="AD23533">
        <v>4</v>
      </c>
      <c r="AE23533">
        <v>4</v>
      </c>
      <c r="AF23533">
        <v>4</v>
      </c>
      <c r="AG23533">
        <v>4</v>
      </c>
      <c r="AH23533">
        <v>4</v>
      </c>
      <c r="AI23533">
        <v>4</v>
      </c>
      <c r="AJ23533">
        <v>4</v>
      </c>
      <c r="AK23533">
        <v>4</v>
      </c>
      <c r="AL23533">
        <v>4</v>
      </c>
      <c r="AM23533">
        <v>4</v>
      </c>
      <c r="AN23533">
        <v>4</v>
      </c>
      <c r="AO23533">
        <v>4</v>
      </c>
      <c r="AP23533">
        <v>4</v>
      </c>
      <c r="AQ23533">
        <v>4</v>
      </c>
    </row>
    <row r="23534" spans="1:43">
      <c r="A23534" t="s">
        <v>14573</v>
      </c>
      <c r="B23534" t="s">
        <v>14574</v>
      </c>
      <c r="C23534" t="s">
        <v>14553</v>
      </c>
      <c r="D23534" t="s">
        <v>14554</v>
      </c>
      <c r="E23534" t="s">
        <v>14535</v>
      </c>
      <c r="F23534" t="s">
        <v>14536</v>
      </c>
      <c r="G23534" t="s">
        <v>10734</v>
      </c>
      <c r="H23534" t="s">
        <v>10735</v>
      </c>
      <c r="I23534" s="2">
        <v>1</v>
      </c>
      <c r="J23534" s="2">
        <v>0</v>
      </c>
      <c r="K23534" s="2">
        <v>0</v>
      </c>
      <c r="L23534" t="s">
        <v>120</v>
      </c>
      <c r="M23534" t="s">
        <v>83</v>
      </c>
      <c r="N23534" t="s">
        <v>84</v>
      </c>
      <c r="O23534" t="s">
        <v>85</v>
      </c>
      <c r="P23534" t="s">
        <v>86</v>
      </c>
      <c r="Q23534">
        <v>28</v>
      </c>
      <c r="R23534">
        <v>28</v>
      </c>
      <c r="S23534">
        <v>28</v>
      </c>
      <c r="T23534">
        <v>28</v>
      </c>
      <c r="U23534">
        <v>28</v>
      </c>
      <c r="V23534">
        <v>28</v>
      </c>
      <c r="W23534">
        <v>28</v>
      </c>
      <c r="X23534">
        <v>28</v>
      </c>
      <c r="Y23534">
        <v>29</v>
      </c>
      <c r="Z23534">
        <v>29</v>
      </c>
      <c r="AA23534">
        <v>29</v>
      </c>
      <c r="AB23534">
        <v>29</v>
      </c>
      <c r="AC23534">
        <v>29</v>
      </c>
      <c r="AD23534">
        <v>29</v>
      </c>
      <c r="AE23534">
        <v>29</v>
      </c>
      <c r="AF23534">
        <v>29</v>
      </c>
      <c r="AG23534">
        <v>29</v>
      </c>
      <c r="AH23534">
        <v>29</v>
      </c>
      <c r="AI23534">
        <v>29</v>
      </c>
      <c r="AJ23534">
        <v>29</v>
      </c>
      <c r="AK23534">
        <v>29</v>
      </c>
      <c r="AL23534">
        <v>29</v>
      </c>
      <c r="AM23534">
        <v>29</v>
      </c>
      <c r="AN23534">
        <v>29</v>
      </c>
      <c r="AO23534">
        <v>29</v>
      </c>
      <c r="AP23534">
        <v>28</v>
      </c>
      <c r="AQ23534">
        <v>28</v>
      </c>
    </row>
    <row r="23535" spans="1:43">
      <c r="A23535" t="s">
        <v>14573</v>
      </c>
      <c r="B23535" t="s">
        <v>14574</v>
      </c>
      <c r="C23535" t="s">
        <v>14553</v>
      </c>
      <c r="D23535" t="s">
        <v>14554</v>
      </c>
      <c r="E23535" t="s">
        <v>14535</v>
      </c>
      <c r="F23535" t="s">
        <v>14536</v>
      </c>
      <c r="G23535" t="s">
        <v>10734</v>
      </c>
      <c r="H23535" t="s">
        <v>10735</v>
      </c>
      <c r="I23535" s="2">
        <v>1</v>
      </c>
      <c r="J23535" s="2">
        <v>0</v>
      </c>
      <c r="K23535" s="2">
        <v>0</v>
      </c>
      <c r="L23535" t="s">
        <v>120</v>
      </c>
      <c r="M23535" t="s">
        <v>87</v>
      </c>
      <c r="N23535" t="s">
        <v>88</v>
      </c>
      <c r="O23535" t="s">
        <v>85</v>
      </c>
      <c r="P23535" t="s">
        <v>86</v>
      </c>
      <c r="Q23535">
        <v>28</v>
      </c>
      <c r="R23535">
        <v>28</v>
      </c>
      <c r="S23535">
        <v>28</v>
      </c>
      <c r="T23535">
        <v>28</v>
      </c>
      <c r="U23535">
        <v>28</v>
      </c>
      <c r="V23535">
        <v>28</v>
      </c>
      <c r="W23535">
        <v>28</v>
      </c>
      <c r="X23535">
        <v>28</v>
      </c>
      <c r="Y23535">
        <v>27</v>
      </c>
      <c r="Z23535">
        <v>27</v>
      </c>
      <c r="AA23535">
        <v>27</v>
      </c>
      <c r="AB23535">
        <v>27</v>
      </c>
      <c r="AC23535">
        <v>27</v>
      </c>
      <c r="AD23535">
        <v>27</v>
      </c>
      <c r="AE23535">
        <v>27</v>
      </c>
      <c r="AF23535">
        <v>27</v>
      </c>
      <c r="AG23535">
        <v>26</v>
      </c>
      <c r="AH23535">
        <v>26</v>
      </c>
      <c r="AI23535">
        <v>26</v>
      </c>
      <c r="AJ23535">
        <v>26</v>
      </c>
      <c r="AK23535">
        <v>26</v>
      </c>
      <c r="AL23535">
        <v>26</v>
      </c>
      <c r="AM23535">
        <v>26</v>
      </c>
      <c r="AN23535">
        <v>26</v>
      </c>
      <c r="AO23535">
        <v>26</v>
      </c>
      <c r="AP23535">
        <v>26</v>
      </c>
      <c r="AQ23535">
        <v>25</v>
      </c>
    </row>
    <row r="23536" spans="1:43">
      <c r="A23536" t="s">
        <v>14573</v>
      </c>
      <c r="B23536" t="s">
        <v>14574</v>
      </c>
      <c r="C23536" t="s">
        <v>14553</v>
      </c>
      <c r="D23536" t="s">
        <v>14554</v>
      </c>
      <c r="E23536" t="s">
        <v>14535</v>
      </c>
      <c r="F23536" t="s">
        <v>14536</v>
      </c>
      <c r="G23536" t="s">
        <v>10734</v>
      </c>
      <c r="H23536" t="s">
        <v>10735</v>
      </c>
      <c r="I23536" s="2">
        <v>1</v>
      </c>
      <c r="J23536" s="2">
        <v>0</v>
      </c>
      <c r="K23536" s="2">
        <v>0</v>
      </c>
      <c r="L23536" t="s">
        <v>120</v>
      </c>
      <c r="M23536" t="s">
        <v>89</v>
      </c>
      <c r="N23536" t="s">
        <v>90</v>
      </c>
      <c r="O23536" t="s">
        <v>85</v>
      </c>
      <c r="P23536" t="s">
        <v>86</v>
      </c>
      <c r="Q23536">
        <v>28</v>
      </c>
      <c r="R23536">
        <v>28</v>
      </c>
      <c r="S23536">
        <v>29</v>
      </c>
      <c r="T23536">
        <v>29</v>
      </c>
      <c r="U23536">
        <v>29</v>
      </c>
      <c r="V23536">
        <v>30</v>
      </c>
      <c r="W23536">
        <v>30</v>
      </c>
      <c r="X23536">
        <v>30</v>
      </c>
      <c r="Y23536">
        <v>30</v>
      </c>
      <c r="Z23536">
        <v>30</v>
      </c>
      <c r="AA23536">
        <v>30</v>
      </c>
      <c r="AB23536">
        <v>31</v>
      </c>
      <c r="AC23536">
        <v>31</v>
      </c>
      <c r="AD23536">
        <v>31</v>
      </c>
      <c r="AE23536">
        <v>31</v>
      </c>
      <c r="AF23536">
        <v>31</v>
      </c>
      <c r="AG23536">
        <v>31</v>
      </c>
      <c r="AH23536">
        <v>30</v>
      </c>
      <c r="AI23536">
        <v>30</v>
      </c>
      <c r="AJ23536">
        <v>30</v>
      </c>
      <c r="AK23536">
        <v>30</v>
      </c>
      <c r="AL23536">
        <v>30</v>
      </c>
      <c r="AM23536">
        <v>29</v>
      </c>
      <c r="AN23536">
        <v>29</v>
      </c>
      <c r="AO23536">
        <v>29</v>
      </c>
      <c r="AP23536">
        <v>29</v>
      </c>
      <c r="AQ23536">
        <v>29</v>
      </c>
    </row>
    <row r="23537" spans="1:43">
      <c r="A23537" t="s">
        <v>14573</v>
      </c>
      <c r="B23537" t="s">
        <v>14574</v>
      </c>
      <c r="C23537" t="s">
        <v>14553</v>
      </c>
      <c r="D23537" t="s">
        <v>14554</v>
      </c>
      <c r="E23537" t="s">
        <v>14535</v>
      </c>
      <c r="F23537" t="s">
        <v>14536</v>
      </c>
      <c r="G23537" t="s">
        <v>10734</v>
      </c>
      <c r="H23537" t="s">
        <v>10735</v>
      </c>
      <c r="I23537" s="2">
        <v>1</v>
      </c>
      <c r="J23537" s="2">
        <v>0</v>
      </c>
      <c r="K23537" s="2">
        <v>0</v>
      </c>
      <c r="L23537" t="s">
        <v>120</v>
      </c>
      <c r="M23537" t="s">
        <v>83</v>
      </c>
      <c r="N23537" t="s">
        <v>91</v>
      </c>
      <c r="O23537" t="s">
        <v>85</v>
      </c>
      <c r="P23537" t="s">
        <v>86</v>
      </c>
      <c r="Q23537">
        <v>28</v>
      </c>
      <c r="R23537">
        <v>28</v>
      </c>
      <c r="S23537">
        <v>28</v>
      </c>
      <c r="T23537">
        <v>28</v>
      </c>
      <c r="U23537">
        <v>28</v>
      </c>
      <c r="V23537">
        <v>28</v>
      </c>
      <c r="W23537">
        <v>28</v>
      </c>
      <c r="X23537">
        <v>28</v>
      </c>
      <c r="Y23537">
        <v>29</v>
      </c>
      <c r="Z23537">
        <v>29</v>
      </c>
      <c r="AA23537">
        <v>29</v>
      </c>
      <c r="AB23537">
        <v>29</v>
      </c>
      <c r="AC23537">
        <v>29</v>
      </c>
      <c r="AD23537">
        <v>29</v>
      </c>
      <c r="AE23537">
        <v>29</v>
      </c>
      <c r="AF23537">
        <v>29</v>
      </c>
      <c r="AG23537">
        <v>29</v>
      </c>
      <c r="AH23537">
        <v>29</v>
      </c>
      <c r="AI23537">
        <v>29</v>
      </c>
      <c r="AJ23537">
        <v>29</v>
      </c>
      <c r="AK23537">
        <v>29</v>
      </c>
      <c r="AL23537">
        <v>29</v>
      </c>
      <c r="AM23537">
        <v>29</v>
      </c>
      <c r="AN23537">
        <v>29</v>
      </c>
      <c r="AO23537">
        <v>29</v>
      </c>
      <c r="AP23537">
        <v>28</v>
      </c>
      <c r="AQ23537">
        <v>28</v>
      </c>
    </row>
    <row r="23538" spans="1:43">
      <c r="A23538" t="s">
        <v>14575</v>
      </c>
      <c r="B23538" t="s">
        <v>14576</v>
      </c>
      <c r="C23538" t="s">
        <v>14577</v>
      </c>
      <c r="D23538" t="s">
        <v>14578</v>
      </c>
      <c r="E23538" t="s">
        <v>14535</v>
      </c>
      <c r="F23538" t="s">
        <v>14536</v>
      </c>
      <c r="G23538" t="s">
        <v>10734</v>
      </c>
      <c r="H23538" t="s">
        <v>10735</v>
      </c>
      <c r="I23538" s="2">
        <v>1</v>
      </c>
      <c r="J23538" s="2">
        <v>0</v>
      </c>
      <c r="K23538" s="2">
        <v>0</v>
      </c>
      <c r="L23538" t="s">
        <v>120</v>
      </c>
      <c r="M23538" t="s">
        <v>83</v>
      </c>
      <c r="N23538" t="s">
        <v>84</v>
      </c>
      <c r="O23538" t="s">
        <v>85</v>
      </c>
      <c r="P23538" t="s">
        <v>86</v>
      </c>
      <c r="Q23538">
        <v>20</v>
      </c>
      <c r="R23538">
        <v>20</v>
      </c>
      <c r="S23538">
        <v>20</v>
      </c>
      <c r="T23538">
        <v>20</v>
      </c>
      <c r="U23538">
        <v>20</v>
      </c>
      <c r="V23538">
        <v>20</v>
      </c>
      <c r="W23538">
        <v>20</v>
      </c>
      <c r="X23538">
        <v>20</v>
      </c>
      <c r="Y23538">
        <v>20</v>
      </c>
      <c r="Z23538">
        <v>20</v>
      </c>
      <c r="AA23538">
        <v>20</v>
      </c>
      <c r="AB23538">
        <v>20</v>
      </c>
      <c r="AC23538">
        <v>20</v>
      </c>
      <c r="AD23538">
        <v>20</v>
      </c>
      <c r="AE23538">
        <v>21</v>
      </c>
      <c r="AF23538">
        <v>21</v>
      </c>
      <c r="AG23538">
        <v>21</v>
      </c>
      <c r="AH23538">
        <v>21</v>
      </c>
      <c r="AI23538">
        <v>21</v>
      </c>
      <c r="AJ23538">
        <v>21</v>
      </c>
      <c r="AK23538">
        <v>21</v>
      </c>
      <c r="AL23538">
        <v>21</v>
      </c>
      <c r="AM23538">
        <v>21</v>
      </c>
      <c r="AN23538">
        <v>20</v>
      </c>
      <c r="AO23538">
        <v>20</v>
      </c>
      <c r="AP23538">
        <v>20</v>
      </c>
      <c r="AQ23538">
        <v>20</v>
      </c>
    </row>
    <row r="23539" spans="1:43">
      <c r="A23539" t="s">
        <v>14575</v>
      </c>
      <c r="B23539" t="s">
        <v>14576</v>
      </c>
      <c r="C23539" t="s">
        <v>14577</v>
      </c>
      <c r="D23539" t="s">
        <v>14578</v>
      </c>
      <c r="E23539" t="s">
        <v>14535</v>
      </c>
      <c r="F23539" t="s">
        <v>14536</v>
      </c>
      <c r="G23539" t="s">
        <v>10734</v>
      </c>
      <c r="H23539" t="s">
        <v>10735</v>
      </c>
      <c r="I23539" s="2">
        <v>1</v>
      </c>
      <c r="J23539" s="2">
        <v>0</v>
      </c>
      <c r="K23539" s="2">
        <v>0</v>
      </c>
      <c r="L23539" t="s">
        <v>120</v>
      </c>
      <c r="M23539" t="s">
        <v>87</v>
      </c>
      <c r="N23539" t="s">
        <v>88</v>
      </c>
      <c r="O23539" t="s">
        <v>85</v>
      </c>
      <c r="P23539" t="s">
        <v>86</v>
      </c>
      <c r="Q23539">
        <v>20</v>
      </c>
      <c r="R23539">
        <v>19</v>
      </c>
      <c r="S23539">
        <v>19</v>
      </c>
      <c r="T23539">
        <v>19</v>
      </c>
      <c r="U23539">
        <v>19</v>
      </c>
      <c r="V23539">
        <v>19</v>
      </c>
      <c r="W23539">
        <v>19</v>
      </c>
      <c r="X23539">
        <v>19</v>
      </c>
      <c r="Y23539">
        <v>19</v>
      </c>
      <c r="Z23539">
        <v>19</v>
      </c>
      <c r="AA23539">
        <v>19</v>
      </c>
      <c r="AB23539">
        <v>18</v>
      </c>
      <c r="AC23539">
        <v>18</v>
      </c>
      <c r="AD23539">
        <v>18</v>
      </c>
      <c r="AE23539">
        <v>18</v>
      </c>
      <c r="AF23539">
        <v>18</v>
      </c>
      <c r="AG23539">
        <v>18</v>
      </c>
      <c r="AH23539">
        <v>18</v>
      </c>
      <c r="AI23539">
        <v>18</v>
      </c>
      <c r="AJ23539">
        <v>18</v>
      </c>
      <c r="AK23539">
        <v>18</v>
      </c>
      <c r="AL23539">
        <v>18</v>
      </c>
      <c r="AM23539">
        <v>18</v>
      </c>
      <c r="AN23539">
        <v>18</v>
      </c>
      <c r="AO23539">
        <v>18</v>
      </c>
      <c r="AP23539">
        <v>17</v>
      </c>
      <c r="AQ23539">
        <v>17</v>
      </c>
    </row>
    <row r="23540" spans="1:43">
      <c r="A23540" t="s">
        <v>14575</v>
      </c>
      <c r="B23540" t="s">
        <v>14576</v>
      </c>
      <c r="C23540" t="s">
        <v>14577</v>
      </c>
      <c r="D23540" t="s">
        <v>14578</v>
      </c>
      <c r="E23540" t="s">
        <v>14535</v>
      </c>
      <c r="F23540" t="s">
        <v>14536</v>
      </c>
      <c r="G23540" t="s">
        <v>10734</v>
      </c>
      <c r="H23540" t="s">
        <v>10735</v>
      </c>
      <c r="I23540" s="2">
        <v>1</v>
      </c>
      <c r="J23540" s="2">
        <v>0</v>
      </c>
      <c r="K23540" s="2">
        <v>0</v>
      </c>
      <c r="L23540" t="s">
        <v>120</v>
      </c>
      <c r="M23540" t="s">
        <v>89</v>
      </c>
      <c r="N23540" t="s">
        <v>90</v>
      </c>
      <c r="O23540" t="s">
        <v>85</v>
      </c>
      <c r="P23540" t="s">
        <v>86</v>
      </c>
      <c r="Q23540">
        <v>20</v>
      </c>
      <c r="R23540">
        <v>20</v>
      </c>
      <c r="S23540">
        <v>20</v>
      </c>
      <c r="T23540">
        <v>21</v>
      </c>
      <c r="U23540">
        <v>21</v>
      </c>
      <c r="V23540">
        <v>21</v>
      </c>
      <c r="W23540">
        <v>21</v>
      </c>
      <c r="X23540">
        <v>21</v>
      </c>
      <c r="Y23540">
        <v>21</v>
      </c>
      <c r="Z23540">
        <v>22</v>
      </c>
      <c r="AA23540">
        <v>22</v>
      </c>
      <c r="AB23540">
        <v>22</v>
      </c>
      <c r="AC23540">
        <v>22</v>
      </c>
      <c r="AD23540">
        <v>22</v>
      </c>
      <c r="AE23540">
        <v>22</v>
      </c>
      <c r="AF23540">
        <v>22</v>
      </c>
      <c r="AG23540">
        <v>22</v>
      </c>
      <c r="AH23540">
        <v>22</v>
      </c>
      <c r="AI23540">
        <v>21</v>
      </c>
      <c r="AJ23540">
        <v>21</v>
      </c>
      <c r="AK23540">
        <v>21</v>
      </c>
      <c r="AL23540">
        <v>21</v>
      </c>
      <c r="AM23540">
        <v>21</v>
      </c>
      <c r="AN23540">
        <v>21</v>
      </c>
      <c r="AO23540">
        <v>21</v>
      </c>
      <c r="AP23540">
        <v>20</v>
      </c>
      <c r="AQ23540">
        <v>20</v>
      </c>
    </row>
    <row r="23541" spans="1:43">
      <c r="A23541" t="s">
        <v>14575</v>
      </c>
      <c r="B23541" t="s">
        <v>14576</v>
      </c>
      <c r="C23541" t="s">
        <v>14577</v>
      </c>
      <c r="D23541" t="s">
        <v>14578</v>
      </c>
      <c r="E23541" t="s">
        <v>14535</v>
      </c>
      <c r="F23541" t="s">
        <v>14536</v>
      </c>
      <c r="G23541" t="s">
        <v>10734</v>
      </c>
      <c r="H23541" t="s">
        <v>10735</v>
      </c>
      <c r="I23541" s="2">
        <v>1</v>
      </c>
      <c r="J23541" s="2">
        <v>0</v>
      </c>
      <c r="K23541" s="2">
        <v>0</v>
      </c>
      <c r="L23541" t="s">
        <v>120</v>
      </c>
      <c r="M23541" t="s">
        <v>83</v>
      </c>
      <c r="N23541" t="s">
        <v>91</v>
      </c>
      <c r="O23541" t="s">
        <v>85</v>
      </c>
      <c r="P23541" t="s">
        <v>86</v>
      </c>
      <c r="Q23541">
        <v>20</v>
      </c>
      <c r="R23541">
        <v>20</v>
      </c>
      <c r="S23541">
        <v>20</v>
      </c>
      <c r="T23541">
        <v>20</v>
      </c>
      <c r="U23541">
        <v>20</v>
      </c>
      <c r="V23541">
        <v>20</v>
      </c>
      <c r="W23541">
        <v>20</v>
      </c>
      <c r="X23541">
        <v>20</v>
      </c>
      <c r="Y23541">
        <v>20</v>
      </c>
      <c r="Z23541">
        <v>20</v>
      </c>
      <c r="AA23541">
        <v>20</v>
      </c>
      <c r="AB23541">
        <v>20</v>
      </c>
      <c r="AC23541">
        <v>20</v>
      </c>
      <c r="AD23541">
        <v>20</v>
      </c>
      <c r="AE23541">
        <v>21</v>
      </c>
      <c r="AF23541">
        <v>21</v>
      </c>
      <c r="AG23541">
        <v>21</v>
      </c>
      <c r="AH23541">
        <v>21</v>
      </c>
      <c r="AI23541">
        <v>21</v>
      </c>
      <c r="AJ23541">
        <v>21</v>
      </c>
      <c r="AK23541">
        <v>21</v>
      </c>
      <c r="AL23541">
        <v>21</v>
      </c>
      <c r="AM23541">
        <v>21</v>
      </c>
      <c r="AN23541">
        <v>20</v>
      </c>
      <c r="AO23541">
        <v>20</v>
      </c>
      <c r="AP23541">
        <v>20</v>
      </c>
      <c r="AQ23541">
        <v>20</v>
      </c>
    </row>
    <row r="23542" spans="1:43">
      <c r="A23542" t="s">
        <v>14579</v>
      </c>
      <c r="B23542" t="s">
        <v>14580</v>
      </c>
      <c r="C23542" t="s">
        <v>14553</v>
      </c>
      <c r="D23542" t="s">
        <v>14554</v>
      </c>
      <c r="E23542" t="s">
        <v>14535</v>
      </c>
      <c r="F23542" t="s">
        <v>14536</v>
      </c>
      <c r="G23542" t="s">
        <v>10734</v>
      </c>
      <c r="H23542" t="s">
        <v>10735</v>
      </c>
      <c r="I23542" s="2">
        <v>1</v>
      </c>
      <c r="J23542" s="2">
        <v>0</v>
      </c>
      <c r="K23542" s="2">
        <v>0</v>
      </c>
      <c r="L23542" t="s">
        <v>120</v>
      </c>
      <c r="M23542" t="s">
        <v>83</v>
      </c>
      <c r="N23542" t="s">
        <v>84</v>
      </c>
      <c r="O23542" t="s">
        <v>85</v>
      </c>
      <c r="P23542" t="s">
        <v>86</v>
      </c>
      <c r="Q23542">
        <v>30</v>
      </c>
      <c r="R23542">
        <v>30</v>
      </c>
      <c r="S23542">
        <v>31</v>
      </c>
      <c r="T23542">
        <v>31</v>
      </c>
      <c r="U23542">
        <v>31</v>
      </c>
      <c r="V23542">
        <v>31</v>
      </c>
      <c r="W23542">
        <v>31</v>
      </c>
      <c r="X23542">
        <v>31</v>
      </c>
      <c r="Y23542">
        <v>31</v>
      </c>
      <c r="Z23542">
        <v>31</v>
      </c>
      <c r="AA23542">
        <v>31</v>
      </c>
      <c r="AB23542">
        <v>31</v>
      </c>
      <c r="AC23542">
        <v>31</v>
      </c>
      <c r="AD23542">
        <v>31</v>
      </c>
      <c r="AE23542">
        <v>32</v>
      </c>
      <c r="AF23542">
        <v>32</v>
      </c>
      <c r="AG23542">
        <v>32</v>
      </c>
      <c r="AH23542">
        <v>32</v>
      </c>
      <c r="AI23542">
        <v>32</v>
      </c>
      <c r="AJ23542">
        <v>32</v>
      </c>
      <c r="AK23542">
        <v>32</v>
      </c>
      <c r="AL23542">
        <v>32</v>
      </c>
      <c r="AM23542">
        <v>32</v>
      </c>
      <c r="AN23542">
        <v>31</v>
      </c>
      <c r="AO23542">
        <v>31</v>
      </c>
      <c r="AP23542">
        <v>31</v>
      </c>
      <c r="AQ23542">
        <v>31</v>
      </c>
    </row>
    <row r="23543" spans="1:43">
      <c r="A23543" t="s">
        <v>14579</v>
      </c>
      <c r="B23543" t="s">
        <v>14580</v>
      </c>
      <c r="C23543" t="s">
        <v>14553</v>
      </c>
      <c r="D23543" t="s">
        <v>14554</v>
      </c>
      <c r="E23543" t="s">
        <v>14535</v>
      </c>
      <c r="F23543" t="s">
        <v>14536</v>
      </c>
      <c r="G23543" t="s">
        <v>10734</v>
      </c>
      <c r="H23543" t="s">
        <v>10735</v>
      </c>
      <c r="I23543" s="2">
        <v>1</v>
      </c>
      <c r="J23543" s="2">
        <v>0</v>
      </c>
      <c r="K23543" s="2">
        <v>0</v>
      </c>
      <c r="L23543" t="s">
        <v>120</v>
      </c>
      <c r="M23543" t="s">
        <v>87</v>
      </c>
      <c r="N23543" t="s">
        <v>88</v>
      </c>
      <c r="O23543" t="s">
        <v>85</v>
      </c>
      <c r="P23543" t="s">
        <v>86</v>
      </c>
      <c r="Q23543">
        <v>30</v>
      </c>
      <c r="R23543">
        <v>30</v>
      </c>
      <c r="S23543">
        <v>30</v>
      </c>
      <c r="T23543">
        <v>30</v>
      </c>
      <c r="U23543">
        <v>29</v>
      </c>
      <c r="V23543">
        <v>29</v>
      </c>
      <c r="W23543">
        <v>29</v>
      </c>
      <c r="X23543">
        <v>29</v>
      </c>
      <c r="Y23543">
        <v>29</v>
      </c>
      <c r="Z23543">
        <v>29</v>
      </c>
      <c r="AA23543">
        <v>29</v>
      </c>
      <c r="AB23543">
        <v>28</v>
      </c>
      <c r="AC23543">
        <v>28</v>
      </c>
      <c r="AD23543">
        <v>28</v>
      </c>
      <c r="AE23543">
        <v>28</v>
      </c>
      <c r="AF23543">
        <v>28</v>
      </c>
      <c r="AG23543">
        <v>28</v>
      </c>
      <c r="AH23543">
        <v>28</v>
      </c>
      <c r="AI23543">
        <v>28</v>
      </c>
      <c r="AJ23543">
        <v>27</v>
      </c>
      <c r="AK23543">
        <v>27</v>
      </c>
      <c r="AL23543">
        <v>27</v>
      </c>
      <c r="AM23543">
        <v>27</v>
      </c>
      <c r="AN23543">
        <v>27</v>
      </c>
      <c r="AO23543">
        <v>27</v>
      </c>
      <c r="AP23543">
        <v>27</v>
      </c>
      <c r="AQ23543">
        <v>27</v>
      </c>
    </row>
    <row r="23544" spans="1:43">
      <c r="A23544" t="s">
        <v>14579</v>
      </c>
      <c r="B23544" t="s">
        <v>14580</v>
      </c>
      <c r="C23544" t="s">
        <v>14553</v>
      </c>
      <c r="D23544" t="s">
        <v>14554</v>
      </c>
      <c r="E23544" t="s">
        <v>14535</v>
      </c>
      <c r="F23544" t="s">
        <v>14536</v>
      </c>
      <c r="G23544" t="s">
        <v>10734</v>
      </c>
      <c r="H23544" t="s">
        <v>10735</v>
      </c>
      <c r="I23544" s="2">
        <v>1</v>
      </c>
      <c r="J23544" s="2">
        <v>0</v>
      </c>
      <c r="K23544" s="2">
        <v>0</v>
      </c>
      <c r="L23544" t="s">
        <v>120</v>
      </c>
      <c r="M23544" t="s">
        <v>89</v>
      </c>
      <c r="N23544" t="s">
        <v>90</v>
      </c>
      <c r="O23544" t="s">
        <v>85</v>
      </c>
      <c r="P23544" t="s">
        <v>86</v>
      </c>
      <c r="Q23544">
        <v>30</v>
      </c>
      <c r="R23544">
        <v>30</v>
      </c>
      <c r="S23544">
        <v>30</v>
      </c>
      <c r="T23544">
        <v>31</v>
      </c>
      <c r="U23544">
        <v>31</v>
      </c>
      <c r="V23544">
        <v>31</v>
      </c>
      <c r="W23544">
        <v>31</v>
      </c>
      <c r="X23544">
        <v>32</v>
      </c>
      <c r="Y23544">
        <v>32</v>
      </c>
      <c r="Z23544">
        <v>32</v>
      </c>
      <c r="AA23544">
        <v>32</v>
      </c>
      <c r="AB23544">
        <v>32</v>
      </c>
      <c r="AC23544">
        <v>33</v>
      </c>
      <c r="AD23544">
        <v>33</v>
      </c>
      <c r="AE23544">
        <v>33</v>
      </c>
      <c r="AF23544">
        <v>32</v>
      </c>
      <c r="AG23544">
        <v>32</v>
      </c>
      <c r="AH23544">
        <v>32</v>
      </c>
      <c r="AI23544">
        <v>32</v>
      </c>
      <c r="AJ23544">
        <v>32</v>
      </c>
      <c r="AK23544">
        <v>31</v>
      </c>
      <c r="AL23544">
        <v>31</v>
      </c>
      <c r="AM23544">
        <v>31</v>
      </c>
      <c r="AN23544">
        <v>31</v>
      </c>
      <c r="AO23544">
        <v>31</v>
      </c>
      <c r="AP23544">
        <v>30</v>
      </c>
      <c r="AQ23544">
        <v>30</v>
      </c>
    </row>
    <row r="23545" spans="1:43">
      <c r="A23545" t="s">
        <v>14579</v>
      </c>
      <c r="B23545" t="s">
        <v>14580</v>
      </c>
      <c r="C23545" t="s">
        <v>14553</v>
      </c>
      <c r="D23545" t="s">
        <v>14554</v>
      </c>
      <c r="E23545" t="s">
        <v>14535</v>
      </c>
      <c r="F23545" t="s">
        <v>14536</v>
      </c>
      <c r="G23545" t="s">
        <v>10734</v>
      </c>
      <c r="H23545" t="s">
        <v>10735</v>
      </c>
      <c r="I23545" s="2">
        <v>1</v>
      </c>
      <c r="J23545" s="2">
        <v>0</v>
      </c>
      <c r="K23545" s="2">
        <v>0</v>
      </c>
      <c r="L23545" t="s">
        <v>120</v>
      </c>
      <c r="M23545" t="s">
        <v>83</v>
      </c>
      <c r="N23545" t="s">
        <v>91</v>
      </c>
      <c r="O23545" t="s">
        <v>85</v>
      </c>
      <c r="P23545" t="s">
        <v>86</v>
      </c>
      <c r="Q23545">
        <v>30</v>
      </c>
      <c r="R23545">
        <v>30</v>
      </c>
      <c r="S23545">
        <v>31</v>
      </c>
      <c r="T23545">
        <v>31</v>
      </c>
      <c r="U23545">
        <v>31</v>
      </c>
      <c r="V23545">
        <v>31</v>
      </c>
      <c r="W23545">
        <v>31</v>
      </c>
      <c r="X23545">
        <v>31</v>
      </c>
      <c r="Y23545">
        <v>31</v>
      </c>
      <c r="Z23545">
        <v>31</v>
      </c>
      <c r="AA23545">
        <v>31</v>
      </c>
      <c r="AB23545">
        <v>31</v>
      </c>
      <c r="AC23545">
        <v>31</v>
      </c>
      <c r="AD23545">
        <v>31</v>
      </c>
      <c r="AE23545">
        <v>32</v>
      </c>
      <c r="AF23545">
        <v>32</v>
      </c>
      <c r="AG23545">
        <v>32</v>
      </c>
      <c r="AH23545">
        <v>32</v>
      </c>
      <c r="AI23545">
        <v>32</v>
      </c>
      <c r="AJ23545">
        <v>32</v>
      </c>
      <c r="AK23545">
        <v>32</v>
      </c>
      <c r="AL23545">
        <v>32</v>
      </c>
      <c r="AM23545">
        <v>32</v>
      </c>
      <c r="AN23545">
        <v>31</v>
      </c>
      <c r="AO23545">
        <v>31</v>
      </c>
      <c r="AP23545">
        <v>31</v>
      </c>
      <c r="AQ23545">
        <v>31</v>
      </c>
    </row>
    <row r="23546" spans="1:43">
      <c r="A23546" t="s">
        <v>14581</v>
      </c>
      <c r="B23546" t="s">
        <v>14582</v>
      </c>
      <c r="C23546" t="s">
        <v>14553</v>
      </c>
      <c r="D23546" t="s">
        <v>14554</v>
      </c>
      <c r="E23546" t="s">
        <v>14535</v>
      </c>
      <c r="F23546" t="s">
        <v>14536</v>
      </c>
      <c r="G23546" t="s">
        <v>10734</v>
      </c>
      <c r="H23546" t="s">
        <v>10735</v>
      </c>
      <c r="I23546" s="2">
        <v>1</v>
      </c>
      <c r="J23546" s="2">
        <v>0</v>
      </c>
      <c r="K23546" s="2">
        <v>0</v>
      </c>
      <c r="L23546" t="s">
        <v>120</v>
      </c>
      <c r="M23546" t="s">
        <v>83</v>
      </c>
      <c r="N23546" t="s">
        <v>84</v>
      </c>
      <c r="O23546" t="s">
        <v>85</v>
      </c>
      <c r="P23546" t="s">
        <v>86</v>
      </c>
      <c r="Q23546">
        <v>9</v>
      </c>
      <c r="R23546">
        <v>9</v>
      </c>
      <c r="S23546">
        <v>9</v>
      </c>
      <c r="T23546">
        <v>9</v>
      </c>
      <c r="U23546">
        <v>9</v>
      </c>
      <c r="V23546">
        <v>9</v>
      </c>
      <c r="W23546">
        <v>9</v>
      </c>
      <c r="X23546">
        <v>9</v>
      </c>
      <c r="Y23546">
        <v>9</v>
      </c>
      <c r="Z23546">
        <v>9</v>
      </c>
      <c r="AA23546">
        <v>9</v>
      </c>
      <c r="AB23546">
        <v>9</v>
      </c>
      <c r="AC23546">
        <v>9</v>
      </c>
      <c r="AD23546">
        <v>9</v>
      </c>
      <c r="AE23546">
        <v>10</v>
      </c>
      <c r="AF23546">
        <v>10</v>
      </c>
      <c r="AG23546">
        <v>10</v>
      </c>
      <c r="AH23546">
        <v>10</v>
      </c>
      <c r="AI23546">
        <v>10</v>
      </c>
      <c r="AJ23546">
        <v>10</v>
      </c>
      <c r="AK23546">
        <v>10</v>
      </c>
      <c r="AL23546">
        <v>10</v>
      </c>
      <c r="AM23546">
        <v>10</v>
      </c>
      <c r="AN23546">
        <v>9</v>
      </c>
      <c r="AO23546">
        <v>9</v>
      </c>
      <c r="AP23546">
        <v>9</v>
      </c>
      <c r="AQ23546">
        <v>9</v>
      </c>
    </row>
    <row r="23547" spans="1:43">
      <c r="A23547" t="s">
        <v>14581</v>
      </c>
      <c r="B23547" t="s">
        <v>14582</v>
      </c>
      <c r="C23547" t="s">
        <v>14553</v>
      </c>
      <c r="D23547" t="s">
        <v>14554</v>
      </c>
      <c r="E23547" t="s">
        <v>14535</v>
      </c>
      <c r="F23547" t="s">
        <v>14536</v>
      </c>
      <c r="G23547" t="s">
        <v>10734</v>
      </c>
      <c r="H23547" t="s">
        <v>10735</v>
      </c>
      <c r="I23547" s="2">
        <v>1</v>
      </c>
      <c r="J23547" s="2">
        <v>0</v>
      </c>
      <c r="K23547" s="2">
        <v>0</v>
      </c>
      <c r="L23547" t="s">
        <v>120</v>
      </c>
      <c r="M23547" t="s">
        <v>87</v>
      </c>
      <c r="N23547" t="s">
        <v>88</v>
      </c>
      <c r="O23547" t="s">
        <v>85</v>
      </c>
      <c r="P23547" t="s">
        <v>86</v>
      </c>
      <c r="Q23547">
        <v>9</v>
      </c>
      <c r="R23547">
        <v>9</v>
      </c>
      <c r="S23547">
        <v>9</v>
      </c>
      <c r="T23547">
        <v>9</v>
      </c>
      <c r="U23547">
        <v>9</v>
      </c>
      <c r="V23547">
        <v>9</v>
      </c>
      <c r="W23547">
        <v>9</v>
      </c>
      <c r="X23547">
        <v>9</v>
      </c>
      <c r="Y23547">
        <v>9</v>
      </c>
      <c r="Z23547">
        <v>9</v>
      </c>
      <c r="AA23547">
        <v>9</v>
      </c>
      <c r="AB23547">
        <v>9</v>
      </c>
      <c r="AC23547">
        <v>9</v>
      </c>
      <c r="AD23547">
        <v>8</v>
      </c>
      <c r="AE23547">
        <v>8</v>
      </c>
      <c r="AF23547">
        <v>8</v>
      </c>
      <c r="AG23547">
        <v>8</v>
      </c>
      <c r="AH23547">
        <v>8</v>
      </c>
      <c r="AI23547">
        <v>8</v>
      </c>
      <c r="AJ23547">
        <v>8</v>
      </c>
      <c r="AK23547">
        <v>8</v>
      </c>
      <c r="AL23547">
        <v>8</v>
      </c>
      <c r="AM23547">
        <v>8</v>
      </c>
      <c r="AN23547">
        <v>8</v>
      </c>
      <c r="AO23547">
        <v>8</v>
      </c>
      <c r="AP23547">
        <v>8</v>
      </c>
      <c r="AQ23547">
        <v>8</v>
      </c>
    </row>
    <row r="23548" spans="1:43">
      <c r="A23548" t="s">
        <v>14581</v>
      </c>
      <c r="B23548" t="s">
        <v>14582</v>
      </c>
      <c r="C23548" t="s">
        <v>14553</v>
      </c>
      <c r="D23548" t="s">
        <v>14554</v>
      </c>
      <c r="E23548" t="s">
        <v>14535</v>
      </c>
      <c r="F23548" t="s">
        <v>14536</v>
      </c>
      <c r="G23548" t="s">
        <v>10734</v>
      </c>
      <c r="H23548" t="s">
        <v>10735</v>
      </c>
      <c r="I23548" s="2">
        <v>1</v>
      </c>
      <c r="J23548" s="2">
        <v>0</v>
      </c>
      <c r="K23548" s="2">
        <v>0</v>
      </c>
      <c r="L23548" t="s">
        <v>120</v>
      </c>
      <c r="M23548" t="s">
        <v>89</v>
      </c>
      <c r="N23548" t="s">
        <v>90</v>
      </c>
      <c r="O23548" t="s">
        <v>85</v>
      </c>
      <c r="P23548" t="s">
        <v>86</v>
      </c>
      <c r="Q23548">
        <v>9</v>
      </c>
      <c r="R23548">
        <v>9</v>
      </c>
      <c r="S23548">
        <v>9</v>
      </c>
      <c r="T23548">
        <v>10</v>
      </c>
      <c r="U23548">
        <v>10</v>
      </c>
      <c r="V23548">
        <v>10</v>
      </c>
      <c r="W23548">
        <v>10</v>
      </c>
      <c r="X23548">
        <v>10</v>
      </c>
      <c r="Y23548">
        <v>10</v>
      </c>
      <c r="Z23548">
        <v>10</v>
      </c>
      <c r="AA23548">
        <v>10</v>
      </c>
      <c r="AB23548">
        <v>10</v>
      </c>
      <c r="AC23548">
        <v>10</v>
      </c>
      <c r="AD23548">
        <v>10</v>
      </c>
      <c r="AE23548">
        <v>10</v>
      </c>
      <c r="AF23548">
        <v>10</v>
      </c>
      <c r="AG23548">
        <v>10</v>
      </c>
      <c r="AH23548">
        <v>10</v>
      </c>
      <c r="AI23548">
        <v>10</v>
      </c>
      <c r="AJ23548">
        <v>10</v>
      </c>
      <c r="AK23548">
        <v>10</v>
      </c>
      <c r="AL23548">
        <v>10</v>
      </c>
      <c r="AM23548">
        <v>10</v>
      </c>
      <c r="AN23548">
        <v>10</v>
      </c>
      <c r="AO23548">
        <v>10</v>
      </c>
      <c r="AP23548">
        <v>9</v>
      </c>
      <c r="AQ23548">
        <v>9</v>
      </c>
    </row>
    <row r="23549" spans="1:43">
      <c r="A23549" t="s">
        <v>14581</v>
      </c>
      <c r="B23549" t="s">
        <v>14582</v>
      </c>
      <c r="C23549" t="s">
        <v>14553</v>
      </c>
      <c r="D23549" t="s">
        <v>14554</v>
      </c>
      <c r="E23549" t="s">
        <v>14535</v>
      </c>
      <c r="F23549" t="s">
        <v>14536</v>
      </c>
      <c r="G23549" t="s">
        <v>10734</v>
      </c>
      <c r="H23549" t="s">
        <v>10735</v>
      </c>
      <c r="I23549" s="2">
        <v>1</v>
      </c>
      <c r="J23549" s="2">
        <v>0</v>
      </c>
      <c r="K23549" s="2">
        <v>0</v>
      </c>
      <c r="L23549" t="s">
        <v>120</v>
      </c>
      <c r="M23549" t="s">
        <v>83</v>
      </c>
      <c r="N23549" t="s">
        <v>91</v>
      </c>
      <c r="O23549" t="s">
        <v>85</v>
      </c>
      <c r="P23549" t="s">
        <v>86</v>
      </c>
      <c r="Q23549">
        <v>9</v>
      </c>
      <c r="R23549">
        <v>9</v>
      </c>
      <c r="S23549">
        <v>9</v>
      </c>
      <c r="T23549">
        <v>9</v>
      </c>
      <c r="U23549">
        <v>9</v>
      </c>
      <c r="V23549">
        <v>9</v>
      </c>
      <c r="W23549">
        <v>9</v>
      </c>
      <c r="X23549">
        <v>9</v>
      </c>
      <c r="Y23549">
        <v>9</v>
      </c>
      <c r="Z23549">
        <v>9</v>
      </c>
      <c r="AA23549">
        <v>9</v>
      </c>
      <c r="AB23549">
        <v>9</v>
      </c>
      <c r="AC23549">
        <v>9</v>
      </c>
      <c r="AD23549">
        <v>9</v>
      </c>
      <c r="AE23549">
        <v>10</v>
      </c>
      <c r="AF23549">
        <v>10</v>
      </c>
      <c r="AG23549">
        <v>10</v>
      </c>
      <c r="AH23549">
        <v>10</v>
      </c>
      <c r="AI23549">
        <v>10</v>
      </c>
      <c r="AJ23549">
        <v>10</v>
      </c>
      <c r="AK23549">
        <v>10</v>
      </c>
      <c r="AL23549">
        <v>10</v>
      </c>
      <c r="AM23549">
        <v>10</v>
      </c>
      <c r="AN23549">
        <v>9</v>
      </c>
      <c r="AO23549">
        <v>9</v>
      </c>
      <c r="AP23549">
        <v>9</v>
      </c>
      <c r="AQ23549">
        <v>9</v>
      </c>
    </row>
    <row r="23550" spans="1:43">
      <c r="A23550" t="s">
        <v>14583</v>
      </c>
      <c r="B23550" t="s">
        <v>14584</v>
      </c>
      <c r="C23550" t="s">
        <v>14577</v>
      </c>
      <c r="D23550" t="s">
        <v>14578</v>
      </c>
      <c r="E23550" t="s">
        <v>14535</v>
      </c>
      <c r="F23550" t="s">
        <v>14536</v>
      </c>
      <c r="G23550" t="s">
        <v>10734</v>
      </c>
      <c r="H23550" t="s">
        <v>10735</v>
      </c>
      <c r="I23550" s="2">
        <v>1</v>
      </c>
      <c r="J23550" s="2">
        <v>0</v>
      </c>
      <c r="K23550" s="2">
        <v>0</v>
      </c>
      <c r="L23550" t="s">
        <v>120</v>
      </c>
      <c r="M23550" t="s">
        <v>83</v>
      </c>
      <c r="N23550" t="s">
        <v>84</v>
      </c>
      <c r="O23550" t="s">
        <v>85</v>
      </c>
      <c r="P23550" t="s">
        <v>86</v>
      </c>
      <c r="Q23550">
        <v>12</v>
      </c>
      <c r="R23550">
        <v>12</v>
      </c>
      <c r="S23550">
        <v>12</v>
      </c>
      <c r="T23550">
        <v>12</v>
      </c>
      <c r="U23550">
        <v>12</v>
      </c>
      <c r="V23550">
        <v>12</v>
      </c>
      <c r="W23550">
        <v>12</v>
      </c>
      <c r="X23550">
        <v>12</v>
      </c>
      <c r="Y23550">
        <v>12</v>
      </c>
      <c r="Z23550">
        <v>12</v>
      </c>
      <c r="AA23550">
        <v>12</v>
      </c>
      <c r="AB23550">
        <v>12</v>
      </c>
      <c r="AC23550">
        <v>12</v>
      </c>
      <c r="AD23550">
        <v>12</v>
      </c>
      <c r="AE23550">
        <v>12</v>
      </c>
      <c r="AF23550">
        <v>12</v>
      </c>
      <c r="AG23550">
        <v>12</v>
      </c>
      <c r="AH23550">
        <v>12</v>
      </c>
      <c r="AI23550">
        <v>12</v>
      </c>
      <c r="AJ23550">
        <v>12</v>
      </c>
      <c r="AK23550">
        <v>12</v>
      </c>
      <c r="AL23550">
        <v>12</v>
      </c>
      <c r="AM23550">
        <v>12</v>
      </c>
      <c r="AN23550">
        <v>12</v>
      </c>
      <c r="AO23550">
        <v>12</v>
      </c>
      <c r="AP23550">
        <v>12</v>
      </c>
      <c r="AQ23550">
        <v>12</v>
      </c>
    </row>
    <row r="23551" spans="1:43">
      <c r="A23551" t="s">
        <v>14583</v>
      </c>
      <c r="B23551" t="s">
        <v>14584</v>
      </c>
      <c r="C23551" t="s">
        <v>14577</v>
      </c>
      <c r="D23551" t="s">
        <v>14578</v>
      </c>
      <c r="E23551" t="s">
        <v>14535</v>
      </c>
      <c r="F23551" t="s">
        <v>14536</v>
      </c>
      <c r="G23551" t="s">
        <v>10734</v>
      </c>
      <c r="H23551" t="s">
        <v>10735</v>
      </c>
      <c r="I23551" s="2">
        <v>1</v>
      </c>
      <c r="J23551" s="2">
        <v>0</v>
      </c>
      <c r="K23551" s="2">
        <v>0</v>
      </c>
      <c r="L23551" t="s">
        <v>120</v>
      </c>
      <c r="M23551" t="s">
        <v>87</v>
      </c>
      <c r="N23551" t="s">
        <v>88</v>
      </c>
      <c r="O23551" t="s">
        <v>85</v>
      </c>
      <c r="P23551" t="s">
        <v>86</v>
      </c>
      <c r="Q23551">
        <v>12</v>
      </c>
      <c r="R23551">
        <v>12</v>
      </c>
      <c r="S23551">
        <v>12</v>
      </c>
      <c r="T23551">
        <v>11</v>
      </c>
      <c r="U23551">
        <v>11</v>
      </c>
      <c r="V23551">
        <v>11</v>
      </c>
      <c r="W23551">
        <v>11</v>
      </c>
      <c r="X23551">
        <v>11</v>
      </c>
      <c r="Y23551">
        <v>11</v>
      </c>
      <c r="Z23551">
        <v>11</v>
      </c>
      <c r="AA23551">
        <v>11</v>
      </c>
      <c r="AB23551">
        <v>11</v>
      </c>
      <c r="AC23551">
        <v>11</v>
      </c>
      <c r="AD23551">
        <v>11</v>
      </c>
      <c r="AE23551">
        <v>11</v>
      </c>
      <c r="AF23551">
        <v>11</v>
      </c>
      <c r="AG23551">
        <v>11</v>
      </c>
      <c r="AH23551">
        <v>11</v>
      </c>
      <c r="AI23551">
        <v>11</v>
      </c>
      <c r="AJ23551">
        <v>11</v>
      </c>
      <c r="AK23551">
        <v>11</v>
      </c>
      <c r="AL23551">
        <v>11</v>
      </c>
      <c r="AM23551">
        <v>11</v>
      </c>
      <c r="AN23551">
        <v>10</v>
      </c>
      <c r="AO23551">
        <v>10</v>
      </c>
      <c r="AP23551">
        <v>10</v>
      </c>
      <c r="AQ23551">
        <v>10</v>
      </c>
    </row>
    <row r="23552" spans="1:43">
      <c r="A23552" t="s">
        <v>14583</v>
      </c>
      <c r="B23552" t="s">
        <v>14584</v>
      </c>
      <c r="C23552" t="s">
        <v>14577</v>
      </c>
      <c r="D23552" t="s">
        <v>14578</v>
      </c>
      <c r="E23552" t="s">
        <v>14535</v>
      </c>
      <c r="F23552" t="s">
        <v>14536</v>
      </c>
      <c r="G23552" t="s">
        <v>10734</v>
      </c>
      <c r="H23552" t="s">
        <v>10735</v>
      </c>
      <c r="I23552" s="2">
        <v>1</v>
      </c>
      <c r="J23552" s="2">
        <v>0</v>
      </c>
      <c r="K23552" s="2">
        <v>0</v>
      </c>
      <c r="L23552" t="s">
        <v>120</v>
      </c>
      <c r="M23552" t="s">
        <v>89</v>
      </c>
      <c r="N23552" t="s">
        <v>90</v>
      </c>
      <c r="O23552" t="s">
        <v>85</v>
      </c>
      <c r="P23552" t="s">
        <v>86</v>
      </c>
      <c r="Q23552">
        <v>12</v>
      </c>
      <c r="R23552">
        <v>12</v>
      </c>
      <c r="S23552">
        <v>12</v>
      </c>
      <c r="T23552">
        <v>12</v>
      </c>
      <c r="U23552">
        <v>12</v>
      </c>
      <c r="V23552">
        <v>13</v>
      </c>
      <c r="W23552">
        <v>13</v>
      </c>
      <c r="X23552">
        <v>13</v>
      </c>
      <c r="Y23552">
        <v>13</v>
      </c>
      <c r="Z23552">
        <v>13</v>
      </c>
      <c r="AA23552">
        <v>13</v>
      </c>
      <c r="AB23552">
        <v>13</v>
      </c>
      <c r="AC23552">
        <v>13</v>
      </c>
      <c r="AD23552">
        <v>13</v>
      </c>
      <c r="AE23552">
        <v>13</v>
      </c>
      <c r="AF23552">
        <v>13</v>
      </c>
      <c r="AG23552">
        <v>13</v>
      </c>
      <c r="AH23552">
        <v>13</v>
      </c>
      <c r="AI23552">
        <v>13</v>
      </c>
      <c r="AJ23552">
        <v>13</v>
      </c>
      <c r="AK23552">
        <v>13</v>
      </c>
      <c r="AL23552">
        <v>13</v>
      </c>
      <c r="AM23552">
        <v>12</v>
      </c>
      <c r="AN23552">
        <v>12</v>
      </c>
      <c r="AO23552">
        <v>12</v>
      </c>
      <c r="AP23552">
        <v>12</v>
      </c>
      <c r="AQ23552">
        <v>12</v>
      </c>
    </row>
    <row r="23553" spans="1:43">
      <c r="A23553" t="s">
        <v>14583</v>
      </c>
      <c r="B23553" t="s">
        <v>14584</v>
      </c>
      <c r="C23553" t="s">
        <v>14577</v>
      </c>
      <c r="D23553" t="s">
        <v>14578</v>
      </c>
      <c r="E23553" t="s">
        <v>14535</v>
      </c>
      <c r="F23553" t="s">
        <v>14536</v>
      </c>
      <c r="G23553" t="s">
        <v>10734</v>
      </c>
      <c r="H23553" t="s">
        <v>10735</v>
      </c>
      <c r="I23553" s="2">
        <v>1</v>
      </c>
      <c r="J23553" s="2">
        <v>0</v>
      </c>
      <c r="K23553" s="2">
        <v>0</v>
      </c>
      <c r="L23553" t="s">
        <v>120</v>
      </c>
      <c r="M23553" t="s">
        <v>83</v>
      </c>
      <c r="N23553" t="s">
        <v>91</v>
      </c>
      <c r="O23553" t="s">
        <v>85</v>
      </c>
      <c r="P23553" t="s">
        <v>86</v>
      </c>
      <c r="Q23553">
        <v>12</v>
      </c>
      <c r="R23553">
        <v>12</v>
      </c>
      <c r="S23553">
        <v>12</v>
      </c>
      <c r="T23553">
        <v>12</v>
      </c>
      <c r="U23553">
        <v>12</v>
      </c>
      <c r="V23553">
        <v>12</v>
      </c>
      <c r="W23553">
        <v>12</v>
      </c>
      <c r="X23553">
        <v>12</v>
      </c>
      <c r="Y23553">
        <v>12</v>
      </c>
      <c r="Z23553">
        <v>12</v>
      </c>
      <c r="AA23553">
        <v>12</v>
      </c>
      <c r="AB23553">
        <v>12</v>
      </c>
      <c r="AC23553">
        <v>12</v>
      </c>
      <c r="AD23553">
        <v>12</v>
      </c>
      <c r="AE23553">
        <v>12</v>
      </c>
      <c r="AF23553">
        <v>12</v>
      </c>
      <c r="AG23553">
        <v>12</v>
      </c>
      <c r="AH23553">
        <v>12</v>
      </c>
      <c r="AI23553">
        <v>12</v>
      </c>
      <c r="AJ23553">
        <v>12</v>
      </c>
      <c r="AK23553">
        <v>12</v>
      </c>
      <c r="AL23553">
        <v>12</v>
      </c>
      <c r="AM23553">
        <v>12</v>
      </c>
      <c r="AN23553">
        <v>12</v>
      </c>
      <c r="AO23553">
        <v>12</v>
      </c>
      <c r="AP23553">
        <v>12</v>
      </c>
      <c r="AQ23553">
        <v>12</v>
      </c>
    </row>
    <row r="23554" spans="1:43">
      <c r="A23554" t="s">
        <v>14585</v>
      </c>
      <c r="B23554" t="s">
        <v>14586</v>
      </c>
      <c r="C23554" t="s">
        <v>14553</v>
      </c>
      <c r="D23554" t="s">
        <v>14554</v>
      </c>
      <c r="E23554" t="s">
        <v>14535</v>
      </c>
      <c r="F23554" t="s">
        <v>14536</v>
      </c>
      <c r="G23554" t="s">
        <v>10734</v>
      </c>
      <c r="H23554" t="s">
        <v>10735</v>
      </c>
      <c r="I23554" s="2">
        <v>1</v>
      </c>
      <c r="J23554" s="2">
        <v>0</v>
      </c>
      <c r="K23554" s="2">
        <v>0</v>
      </c>
      <c r="L23554" t="s">
        <v>120</v>
      </c>
      <c r="M23554" t="s">
        <v>83</v>
      </c>
      <c r="N23554" t="s">
        <v>84</v>
      </c>
      <c r="O23554" t="s">
        <v>85</v>
      </c>
      <c r="P23554" t="s">
        <v>86</v>
      </c>
      <c r="Q23554">
        <v>19</v>
      </c>
      <c r="R23554">
        <v>19</v>
      </c>
      <c r="S23554">
        <v>19</v>
      </c>
      <c r="T23554">
        <v>19</v>
      </c>
      <c r="U23554">
        <v>19</v>
      </c>
      <c r="V23554">
        <v>20</v>
      </c>
      <c r="W23554">
        <v>20</v>
      </c>
      <c r="X23554">
        <v>20</v>
      </c>
      <c r="Y23554">
        <v>20</v>
      </c>
      <c r="Z23554">
        <v>20</v>
      </c>
      <c r="AA23554">
        <v>20</v>
      </c>
      <c r="AB23554">
        <v>20</v>
      </c>
      <c r="AC23554">
        <v>20</v>
      </c>
      <c r="AD23554">
        <v>20</v>
      </c>
      <c r="AE23554">
        <v>20</v>
      </c>
      <c r="AF23554">
        <v>20</v>
      </c>
      <c r="AG23554">
        <v>20</v>
      </c>
      <c r="AH23554">
        <v>20</v>
      </c>
      <c r="AI23554">
        <v>20</v>
      </c>
      <c r="AJ23554">
        <v>20</v>
      </c>
      <c r="AK23554">
        <v>20</v>
      </c>
      <c r="AL23554">
        <v>20</v>
      </c>
      <c r="AM23554">
        <v>20</v>
      </c>
      <c r="AN23554">
        <v>20</v>
      </c>
      <c r="AO23554">
        <v>20</v>
      </c>
      <c r="AP23554">
        <v>20</v>
      </c>
      <c r="AQ23554">
        <v>19</v>
      </c>
    </row>
    <row r="23555" spans="1:43">
      <c r="A23555" t="s">
        <v>14585</v>
      </c>
      <c r="B23555" t="s">
        <v>14586</v>
      </c>
      <c r="C23555" t="s">
        <v>14553</v>
      </c>
      <c r="D23555" t="s">
        <v>14554</v>
      </c>
      <c r="E23555" t="s">
        <v>14535</v>
      </c>
      <c r="F23555" t="s">
        <v>14536</v>
      </c>
      <c r="G23555" t="s">
        <v>10734</v>
      </c>
      <c r="H23555" t="s">
        <v>10735</v>
      </c>
      <c r="I23555" s="2">
        <v>1</v>
      </c>
      <c r="J23555" s="2">
        <v>0</v>
      </c>
      <c r="K23555" s="2">
        <v>0</v>
      </c>
      <c r="L23555" t="s">
        <v>120</v>
      </c>
      <c r="M23555" t="s">
        <v>87</v>
      </c>
      <c r="N23555" t="s">
        <v>88</v>
      </c>
      <c r="O23555" t="s">
        <v>85</v>
      </c>
      <c r="P23555" t="s">
        <v>86</v>
      </c>
      <c r="Q23555">
        <v>19</v>
      </c>
      <c r="R23555">
        <v>19</v>
      </c>
      <c r="S23555">
        <v>19</v>
      </c>
      <c r="T23555">
        <v>19</v>
      </c>
      <c r="U23555">
        <v>19</v>
      </c>
      <c r="V23555">
        <v>18</v>
      </c>
      <c r="W23555">
        <v>18</v>
      </c>
      <c r="X23555">
        <v>18</v>
      </c>
      <c r="Y23555">
        <v>18</v>
      </c>
      <c r="Z23555">
        <v>18</v>
      </c>
      <c r="AA23555">
        <v>18</v>
      </c>
      <c r="AB23555">
        <v>18</v>
      </c>
      <c r="AC23555">
        <v>18</v>
      </c>
      <c r="AD23555">
        <v>18</v>
      </c>
      <c r="AE23555">
        <v>18</v>
      </c>
      <c r="AF23555">
        <v>18</v>
      </c>
      <c r="AG23555">
        <v>18</v>
      </c>
      <c r="AH23555">
        <v>17</v>
      </c>
      <c r="AI23555">
        <v>17</v>
      </c>
      <c r="AJ23555">
        <v>17</v>
      </c>
      <c r="AK23555">
        <v>17</v>
      </c>
      <c r="AL23555">
        <v>17</v>
      </c>
      <c r="AM23555">
        <v>17</v>
      </c>
      <c r="AN23555">
        <v>17</v>
      </c>
      <c r="AO23555">
        <v>17</v>
      </c>
      <c r="AP23555">
        <v>17</v>
      </c>
      <c r="AQ23555">
        <v>17</v>
      </c>
    </row>
    <row r="23556" spans="1:43">
      <c r="A23556" t="s">
        <v>14585</v>
      </c>
      <c r="B23556" t="s">
        <v>14586</v>
      </c>
      <c r="C23556" t="s">
        <v>14553</v>
      </c>
      <c r="D23556" t="s">
        <v>14554</v>
      </c>
      <c r="E23556" t="s">
        <v>14535</v>
      </c>
      <c r="F23556" t="s">
        <v>14536</v>
      </c>
      <c r="G23556" t="s">
        <v>10734</v>
      </c>
      <c r="H23556" t="s">
        <v>10735</v>
      </c>
      <c r="I23556" s="2">
        <v>1</v>
      </c>
      <c r="J23556" s="2">
        <v>0</v>
      </c>
      <c r="K23556" s="2">
        <v>0</v>
      </c>
      <c r="L23556" t="s">
        <v>120</v>
      </c>
      <c r="M23556" t="s">
        <v>89</v>
      </c>
      <c r="N23556" t="s">
        <v>90</v>
      </c>
      <c r="O23556" t="s">
        <v>85</v>
      </c>
      <c r="P23556" t="s">
        <v>86</v>
      </c>
      <c r="Q23556">
        <v>19</v>
      </c>
      <c r="R23556">
        <v>20</v>
      </c>
      <c r="S23556">
        <v>20</v>
      </c>
      <c r="T23556">
        <v>20</v>
      </c>
      <c r="U23556">
        <v>20</v>
      </c>
      <c r="V23556">
        <v>20</v>
      </c>
      <c r="W23556">
        <v>21</v>
      </c>
      <c r="X23556">
        <v>21</v>
      </c>
      <c r="Y23556">
        <v>21</v>
      </c>
      <c r="Z23556">
        <v>21</v>
      </c>
      <c r="AA23556">
        <v>21</v>
      </c>
      <c r="AB23556">
        <v>21</v>
      </c>
      <c r="AC23556">
        <v>21</v>
      </c>
      <c r="AD23556">
        <v>21</v>
      </c>
      <c r="AE23556">
        <v>21</v>
      </c>
      <c r="AF23556">
        <v>21</v>
      </c>
      <c r="AG23556">
        <v>21</v>
      </c>
      <c r="AH23556">
        <v>21</v>
      </c>
      <c r="AI23556">
        <v>21</v>
      </c>
      <c r="AJ23556">
        <v>21</v>
      </c>
      <c r="AK23556">
        <v>20</v>
      </c>
      <c r="AL23556">
        <v>20</v>
      </c>
      <c r="AM23556">
        <v>20</v>
      </c>
      <c r="AN23556">
        <v>20</v>
      </c>
      <c r="AO23556">
        <v>20</v>
      </c>
      <c r="AP23556">
        <v>20</v>
      </c>
      <c r="AQ23556">
        <v>20</v>
      </c>
    </row>
    <row r="23557" spans="1:43">
      <c r="A23557" t="s">
        <v>14585</v>
      </c>
      <c r="B23557" t="s">
        <v>14586</v>
      </c>
      <c r="C23557" t="s">
        <v>14553</v>
      </c>
      <c r="D23557" t="s">
        <v>14554</v>
      </c>
      <c r="E23557" t="s">
        <v>14535</v>
      </c>
      <c r="F23557" t="s">
        <v>14536</v>
      </c>
      <c r="G23557" t="s">
        <v>10734</v>
      </c>
      <c r="H23557" t="s">
        <v>10735</v>
      </c>
      <c r="I23557" s="2">
        <v>1</v>
      </c>
      <c r="J23557" s="2">
        <v>0</v>
      </c>
      <c r="K23557" s="2">
        <v>0</v>
      </c>
      <c r="L23557" t="s">
        <v>120</v>
      </c>
      <c r="M23557" t="s">
        <v>83</v>
      </c>
      <c r="N23557" t="s">
        <v>91</v>
      </c>
      <c r="O23557" t="s">
        <v>85</v>
      </c>
      <c r="P23557" t="s">
        <v>86</v>
      </c>
      <c r="Q23557">
        <v>19</v>
      </c>
      <c r="R23557">
        <v>19</v>
      </c>
      <c r="S23557">
        <v>19</v>
      </c>
      <c r="T23557">
        <v>19</v>
      </c>
      <c r="U23557">
        <v>19</v>
      </c>
      <c r="V23557">
        <v>20</v>
      </c>
      <c r="W23557">
        <v>20</v>
      </c>
      <c r="X23557">
        <v>20</v>
      </c>
      <c r="Y23557">
        <v>20</v>
      </c>
      <c r="Z23557">
        <v>20</v>
      </c>
      <c r="AA23557">
        <v>20</v>
      </c>
      <c r="AB23557">
        <v>20</v>
      </c>
      <c r="AC23557">
        <v>20</v>
      </c>
      <c r="AD23557">
        <v>20</v>
      </c>
      <c r="AE23557">
        <v>20</v>
      </c>
      <c r="AF23557">
        <v>20</v>
      </c>
      <c r="AG23557">
        <v>20</v>
      </c>
      <c r="AH23557">
        <v>20</v>
      </c>
      <c r="AI23557">
        <v>20</v>
      </c>
      <c r="AJ23557">
        <v>20</v>
      </c>
      <c r="AK23557">
        <v>20</v>
      </c>
      <c r="AL23557">
        <v>20</v>
      </c>
      <c r="AM23557">
        <v>20</v>
      </c>
      <c r="AN23557">
        <v>20</v>
      </c>
      <c r="AO23557">
        <v>20</v>
      </c>
      <c r="AP23557">
        <v>20</v>
      </c>
      <c r="AQ23557">
        <v>19</v>
      </c>
    </row>
    <row r="23558" spans="1:43">
      <c r="A23558" t="s">
        <v>14587</v>
      </c>
      <c r="B23558" t="s">
        <v>14588</v>
      </c>
      <c r="C23558" t="s">
        <v>14577</v>
      </c>
      <c r="D23558" t="s">
        <v>14578</v>
      </c>
      <c r="E23558" t="s">
        <v>14535</v>
      </c>
      <c r="F23558" t="s">
        <v>14536</v>
      </c>
      <c r="G23558" t="s">
        <v>10734</v>
      </c>
      <c r="H23558" t="s">
        <v>10735</v>
      </c>
      <c r="I23558" s="2">
        <v>1</v>
      </c>
      <c r="J23558" s="2">
        <v>0</v>
      </c>
      <c r="K23558" s="2">
        <v>0</v>
      </c>
      <c r="L23558" t="s">
        <v>120</v>
      </c>
      <c r="M23558" t="s">
        <v>83</v>
      </c>
      <c r="N23558" t="s">
        <v>84</v>
      </c>
      <c r="O23558" t="s">
        <v>85</v>
      </c>
      <c r="P23558" t="s">
        <v>86</v>
      </c>
      <c r="Q23558">
        <v>6</v>
      </c>
      <c r="R23558">
        <v>6</v>
      </c>
      <c r="S23558">
        <v>6</v>
      </c>
      <c r="T23558">
        <v>6</v>
      </c>
      <c r="U23558">
        <v>7</v>
      </c>
      <c r="V23558">
        <v>7</v>
      </c>
      <c r="W23558">
        <v>7</v>
      </c>
      <c r="X23558">
        <v>7</v>
      </c>
      <c r="Y23558">
        <v>7</v>
      </c>
      <c r="Z23558">
        <v>7</v>
      </c>
      <c r="AA23558">
        <v>7</v>
      </c>
      <c r="AB23558">
        <v>7</v>
      </c>
      <c r="AC23558">
        <v>7</v>
      </c>
      <c r="AD23558">
        <v>7</v>
      </c>
      <c r="AE23558">
        <v>7</v>
      </c>
      <c r="AF23558">
        <v>7</v>
      </c>
      <c r="AG23558">
        <v>7</v>
      </c>
      <c r="AH23558">
        <v>7</v>
      </c>
      <c r="AI23558">
        <v>7</v>
      </c>
      <c r="AJ23558">
        <v>7</v>
      </c>
      <c r="AK23558">
        <v>7</v>
      </c>
      <c r="AL23558">
        <v>7</v>
      </c>
      <c r="AM23558">
        <v>7</v>
      </c>
      <c r="AN23558">
        <v>7</v>
      </c>
      <c r="AO23558">
        <v>7</v>
      </c>
      <c r="AP23558">
        <v>7</v>
      </c>
      <c r="AQ23558">
        <v>7</v>
      </c>
    </row>
    <row r="23559" spans="1:43">
      <c r="A23559" t="s">
        <v>14587</v>
      </c>
      <c r="B23559" t="s">
        <v>14588</v>
      </c>
      <c r="C23559" t="s">
        <v>14577</v>
      </c>
      <c r="D23559" t="s">
        <v>14578</v>
      </c>
      <c r="E23559" t="s">
        <v>14535</v>
      </c>
      <c r="F23559" t="s">
        <v>14536</v>
      </c>
      <c r="G23559" t="s">
        <v>10734</v>
      </c>
      <c r="H23559" t="s">
        <v>10735</v>
      </c>
      <c r="I23559" s="2">
        <v>1</v>
      </c>
      <c r="J23559" s="2">
        <v>0</v>
      </c>
      <c r="K23559" s="2">
        <v>0</v>
      </c>
      <c r="L23559" t="s">
        <v>120</v>
      </c>
      <c r="M23559" t="s">
        <v>87</v>
      </c>
      <c r="N23559" t="s">
        <v>88</v>
      </c>
      <c r="O23559" t="s">
        <v>85</v>
      </c>
      <c r="P23559" t="s">
        <v>86</v>
      </c>
      <c r="Q23559">
        <v>6</v>
      </c>
      <c r="R23559">
        <v>6</v>
      </c>
      <c r="S23559">
        <v>6</v>
      </c>
      <c r="T23559">
        <v>6</v>
      </c>
      <c r="U23559">
        <v>6</v>
      </c>
      <c r="V23559">
        <v>6</v>
      </c>
      <c r="W23559">
        <v>6</v>
      </c>
      <c r="X23559">
        <v>6</v>
      </c>
      <c r="Y23559">
        <v>6</v>
      </c>
      <c r="Z23559">
        <v>6</v>
      </c>
      <c r="AA23559">
        <v>6</v>
      </c>
      <c r="AB23559">
        <v>6</v>
      </c>
      <c r="AC23559">
        <v>6</v>
      </c>
      <c r="AD23559">
        <v>6</v>
      </c>
      <c r="AE23559">
        <v>6</v>
      </c>
      <c r="AF23559">
        <v>6</v>
      </c>
      <c r="AG23559">
        <v>6</v>
      </c>
      <c r="AH23559">
        <v>6</v>
      </c>
      <c r="AI23559">
        <v>6</v>
      </c>
      <c r="AJ23559">
        <v>6</v>
      </c>
      <c r="AK23559">
        <v>6</v>
      </c>
      <c r="AL23559">
        <v>6</v>
      </c>
      <c r="AM23559">
        <v>6</v>
      </c>
      <c r="AN23559">
        <v>6</v>
      </c>
      <c r="AO23559">
        <v>6</v>
      </c>
      <c r="AP23559">
        <v>6</v>
      </c>
      <c r="AQ23559">
        <v>6</v>
      </c>
    </row>
    <row r="23560" spans="1:43">
      <c r="A23560" t="s">
        <v>14587</v>
      </c>
      <c r="B23560" t="s">
        <v>14588</v>
      </c>
      <c r="C23560" t="s">
        <v>14577</v>
      </c>
      <c r="D23560" t="s">
        <v>14578</v>
      </c>
      <c r="E23560" t="s">
        <v>14535</v>
      </c>
      <c r="F23560" t="s">
        <v>14536</v>
      </c>
      <c r="G23560" t="s">
        <v>10734</v>
      </c>
      <c r="H23560" t="s">
        <v>10735</v>
      </c>
      <c r="I23560" s="2">
        <v>1</v>
      </c>
      <c r="J23560" s="2">
        <v>0</v>
      </c>
      <c r="K23560" s="2">
        <v>0</v>
      </c>
      <c r="L23560" t="s">
        <v>120</v>
      </c>
      <c r="M23560" t="s">
        <v>89</v>
      </c>
      <c r="N23560" t="s">
        <v>90</v>
      </c>
      <c r="O23560" t="s">
        <v>85</v>
      </c>
      <c r="P23560" t="s">
        <v>86</v>
      </c>
      <c r="Q23560">
        <v>6</v>
      </c>
      <c r="R23560">
        <v>7</v>
      </c>
      <c r="S23560">
        <v>7</v>
      </c>
      <c r="T23560">
        <v>7</v>
      </c>
      <c r="U23560">
        <v>7</v>
      </c>
      <c r="V23560">
        <v>7</v>
      </c>
      <c r="W23560">
        <v>7</v>
      </c>
      <c r="X23560">
        <v>7</v>
      </c>
      <c r="Y23560">
        <v>7</v>
      </c>
      <c r="Z23560">
        <v>7</v>
      </c>
      <c r="AA23560">
        <v>7</v>
      </c>
      <c r="AB23560">
        <v>7</v>
      </c>
      <c r="AC23560">
        <v>7</v>
      </c>
      <c r="AD23560">
        <v>7</v>
      </c>
      <c r="AE23560">
        <v>7</v>
      </c>
      <c r="AF23560">
        <v>7</v>
      </c>
      <c r="AG23560">
        <v>7</v>
      </c>
      <c r="AH23560">
        <v>7</v>
      </c>
      <c r="AI23560">
        <v>7</v>
      </c>
      <c r="AJ23560">
        <v>7</v>
      </c>
      <c r="AK23560">
        <v>7</v>
      </c>
      <c r="AL23560">
        <v>7</v>
      </c>
      <c r="AM23560">
        <v>7</v>
      </c>
      <c r="AN23560">
        <v>7</v>
      </c>
      <c r="AO23560">
        <v>7</v>
      </c>
      <c r="AP23560">
        <v>7</v>
      </c>
      <c r="AQ23560">
        <v>7</v>
      </c>
    </row>
    <row r="23561" spans="1:43">
      <c r="A23561" t="s">
        <v>14587</v>
      </c>
      <c r="B23561" t="s">
        <v>14588</v>
      </c>
      <c r="C23561" t="s">
        <v>14577</v>
      </c>
      <c r="D23561" t="s">
        <v>14578</v>
      </c>
      <c r="E23561" t="s">
        <v>14535</v>
      </c>
      <c r="F23561" t="s">
        <v>14536</v>
      </c>
      <c r="G23561" t="s">
        <v>10734</v>
      </c>
      <c r="H23561" t="s">
        <v>10735</v>
      </c>
      <c r="I23561" s="2">
        <v>1</v>
      </c>
      <c r="J23561" s="2">
        <v>0</v>
      </c>
      <c r="K23561" s="2">
        <v>0</v>
      </c>
      <c r="L23561" t="s">
        <v>120</v>
      </c>
      <c r="M23561" t="s">
        <v>83</v>
      </c>
      <c r="N23561" t="s">
        <v>91</v>
      </c>
      <c r="O23561" t="s">
        <v>85</v>
      </c>
      <c r="P23561" t="s">
        <v>86</v>
      </c>
      <c r="Q23561">
        <v>6</v>
      </c>
      <c r="R23561">
        <v>6</v>
      </c>
      <c r="S23561">
        <v>6</v>
      </c>
      <c r="T23561">
        <v>6</v>
      </c>
      <c r="U23561">
        <v>7</v>
      </c>
      <c r="V23561">
        <v>7</v>
      </c>
      <c r="W23561">
        <v>7</v>
      </c>
      <c r="X23561">
        <v>7</v>
      </c>
      <c r="Y23561">
        <v>7</v>
      </c>
      <c r="Z23561">
        <v>7</v>
      </c>
      <c r="AA23561">
        <v>7</v>
      </c>
      <c r="AB23561">
        <v>7</v>
      </c>
      <c r="AC23561">
        <v>7</v>
      </c>
      <c r="AD23561">
        <v>7</v>
      </c>
      <c r="AE23561">
        <v>7</v>
      </c>
      <c r="AF23561">
        <v>7</v>
      </c>
      <c r="AG23561">
        <v>7</v>
      </c>
      <c r="AH23561">
        <v>7</v>
      </c>
      <c r="AI23561">
        <v>7</v>
      </c>
      <c r="AJ23561">
        <v>7</v>
      </c>
      <c r="AK23561">
        <v>7</v>
      </c>
      <c r="AL23561">
        <v>7</v>
      </c>
      <c r="AM23561">
        <v>7</v>
      </c>
      <c r="AN23561">
        <v>7</v>
      </c>
      <c r="AO23561">
        <v>7</v>
      </c>
      <c r="AP23561">
        <v>7</v>
      </c>
      <c r="AQ23561">
        <v>7</v>
      </c>
    </row>
    <row r="23562" spans="1:43">
      <c r="A23562" t="s">
        <v>14589</v>
      </c>
      <c r="B23562" t="s">
        <v>14590</v>
      </c>
      <c r="C23562" t="s">
        <v>14577</v>
      </c>
      <c r="D23562" t="s">
        <v>14578</v>
      </c>
      <c r="E23562" t="s">
        <v>14535</v>
      </c>
      <c r="F23562" t="s">
        <v>14536</v>
      </c>
      <c r="G23562" t="s">
        <v>10734</v>
      </c>
      <c r="H23562" t="s">
        <v>10735</v>
      </c>
      <c r="I23562" s="2">
        <v>1</v>
      </c>
      <c r="J23562" s="2">
        <v>0</v>
      </c>
      <c r="K23562" s="2">
        <v>0</v>
      </c>
      <c r="L23562" t="s">
        <v>120</v>
      </c>
      <c r="M23562" t="s">
        <v>83</v>
      </c>
      <c r="N23562" t="s">
        <v>84</v>
      </c>
      <c r="O23562" t="s">
        <v>85</v>
      </c>
      <c r="P23562" t="s">
        <v>86</v>
      </c>
      <c r="Q23562">
        <v>55</v>
      </c>
      <c r="R23562">
        <v>56</v>
      </c>
      <c r="S23562">
        <v>56</v>
      </c>
      <c r="T23562">
        <v>56</v>
      </c>
      <c r="U23562">
        <v>56</v>
      </c>
      <c r="V23562">
        <v>56</v>
      </c>
      <c r="W23562">
        <v>57</v>
      </c>
      <c r="X23562">
        <v>57</v>
      </c>
      <c r="Y23562">
        <v>57</v>
      </c>
      <c r="Z23562">
        <v>57</v>
      </c>
      <c r="AA23562">
        <v>57</v>
      </c>
      <c r="AB23562">
        <v>57</v>
      </c>
      <c r="AC23562">
        <v>57</v>
      </c>
      <c r="AD23562">
        <v>57</v>
      </c>
      <c r="AE23562">
        <v>57</v>
      </c>
      <c r="AF23562">
        <v>58</v>
      </c>
      <c r="AG23562">
        <v>58</v>
      </c>
      <c r="AH23562">
        <v>58</v>
      </c>
      <c r="AI23562">
        <v>58</v>
      </c>
      <c r="AJ23562">
        <v>58</v>
      </c>
      <c r="AK23562">
        <v>58</v>
      </c>
      <c r="AL23562">
        <v>58</v>
      </c>
      <c r="AM23562">
        <v>57</v>
      </c>
      <c r="AN23562">
        <v>57</v>
      </c>
      <c r="AO23562">
        <v>57</v>
      </c>
      <c r="AP23562">
        <v>56</v>
      </c>
      <c r="AQ23562">
        <v>56</v>
      </c>
    </row>
    <row r="23563" spans="1:43">
      <c r="A23563" t="s">
        <v>14589</v>
      </c>
      <c r="B23563" t="s">
        <v>14590</v>
      </c>
      <c r="C23563" t="s">
        <v>14577</v>
      </c>
      <c r="D23563" t="s">
        <v>14578</v>
      </c>
      <c r="E23563" t="s">
        <v>14535</v>
      </c>
      <c r="F23563" t="s">
        <v>14536</v>
      </c>
      <c r="G23563" t="s">
        <v>10734</v>
      </c>
      <c r="H23563" t="s">
        <v>10735</v>
      </c>
      <c r="I23563" s="2">
        <v>1</v>
      </c>
      <c r="J23563" s="2">
        <v>0</v>
      </c>
      <c r="K23563" s="2">
        <v>0</v>
      </c>
      <c r="L23563" t="s">
        <v>120</v>
      </c>
      <c r="M23563" t="s">
        <v>87</v>
      </c>
      <c r="N23563" t="s">
        <v>88</v>
      </c>
      <c r="O23563" t="s">
        <v>85</v>
      </c>
      <c r="P23563" t="s">
        <v>86</v>
      </c>
      <c r="Q23563">
        <v>55</v>
      </c>
      <c r="R23563">
        <v>55</v>
      </c>
      <c r="S23563">
        <v>54</v>
      </c>
      <c r="T23563">
        <v>54</v>
      </c>
      <c r="U23563">
        <v>54</v>
      </c>
      <c r="V23563">
        <v>53</v>
      </c>
      <c r="W23563">
        <v>53</v>
      </c>
      <c r="X23563">
        <v>53</v>
      </c>
      <c r="Y23563">
        <v>53</v>
      </c>
      <c r="Z23563">
        <v>52</v>
      </c>
      <c r="AA23563">
        <v>52</v>
      </c>
      <c r="AB23563">
        <v>52</v>
      </c>
      <c r="AC23563">
        <v>52</v>
      </c>
      <c r="AD23563">
        <v>51</v>
      </c>
      <c r="AE23563">
        <v>51</v>
      </c>
      <c r="AF23563">
        <v>51</v>
      </c>
      <c r="AG23563">
        <v>51</v>
      </c>
      <c r="AH23563">
        <v>50</v>
      </c>
      <c r="AI23563">
        <v>50</v>
      </c>
      <c r="AJ23563">
        <v>50</v>
      </c>
      <c r="AK23563">
        <v>50</v>
      </c>
      <c r="AL23563">
        <v>50</v>
      </c>
      <c r="AM23563">
        <v>49</v>
      </c>
      <c r="AN23563">
        <v>49</v>
      </c>
      <c r="AO23563">
        <v>49</v>
      </c>
      <c r="AP23563">
        <v>49</v>
      </c>
      <c r="AQ23563">
        <v>49</v>
      </c>
    </row>
    <row r="23564" spans="1:43">
      <c r="A23564" t="s">
        <v>14589</v>
      </c>
      <c r="B23564" t="s">
        <v>14590</v>
      </c>
      <c r="C23564" t="s">
        <v>14577</v>
      </c>
      <c r="D23564" t="s">
        <v>14578</v>
      </c>
      <c r="E23564" t="s">
        <v>14535</v>
      </c>
      <c r="F23564" t="s">
        <v>14536</v>
      </c>
      <c r="G23564" t="s">
        <v>10734</v>
      </c>
      <c r="H23564" t="s">
        <v>10735</v>
      </c>
      <c r="I23564" s="2">
        <v>1</v>
      </c>
      <c r="J23564" s="2">
        <v>0</v>
      </c>
      <c r="K23564" s="2">
        <v>0</v>
      </c>
      <c r="L23564" t="s">
        <v>120</v>
      </c>
      <c r="M23564" t="s">
        <v>89</v>
      </c>
      <c r="N23564" t="s">
        <v>90</v>
      </c>
      <c r="O23564" t="s">
        <v>85</v>
      </c>
      <c r="P23564" t="s">
        <v>86</v>
      </c>
      <c r="Q23564">
        <v>55</v>
      </c>
      <c r="R23564">
        <v>56</v>
      </c>
      <c r="S23564">
        <v>56</v>
      </c>
      <c r="T23564">
        <v>57</v>
      </c>
      <c r="U23564">
        <v>57</v>
      </c>
      <c r="V23564">
        <v>58</v>
      </c>
      <c r="W23564">
        <v>58</v>
      </c>
      <c r="X23564">
        <v>59</v>
      </c>
      <c r="Y23564">
        <v>59</v>
      </c>
      <c r="Z23564">
        <v>59</v>
      </c>
      <c r="AA23564">
        <v>60</v>
      </c>
      <c r="AB23564">
        <v>60</v>
      </c>
      <c r="AC23564">
        <v>60</v>
      </c>
      <c r="AD23564">
        <v>61</v>
      </c>
      <c r="AE23564">
        <v>61</v>
      </c>
      <c r="AF23564">
        <v>60</v>
      </c>
      <c r="AG23564">
        <v>60</v>
      </c>
      <c r="AH23564">
        <v>59</v>
      </c>
      <c r="AI23564">
        <v>59</v>
      </c>
      <c r="AJ23564">
        <v>58</v>
      </c>
      <c r="AK23564">
        <v>58</v>
      </c>
      <c r="AL23564">
        <v>58</v>
      </c>
      <c r="AM23564">
        <v>57</v>
      </c>
      <c r="AN23564">
        <v>57</v>
      </c>
      <c r="AO23564">
        <v>56</v>
      </c>
      <c r="AP23564">
        <v>56</v>
      </c>
      <c r="AQ23564">
        <v>56</v>
      </c>
    </row>
    <row r="23565" spans="1:43">
      <c r="A23565" t="s">
        <v>14589</v>
      </c>
      <c r="B23565" t="s">
        <v>14590</v>
      </c>
      <c r="C23565" t="s">
        <v>14577</v>
      </c>
      <c r="D23565" t="s">
        <v>14578</v>
      </c>
      <c r="E23565" t="s">
        <v>14535</v>
      </c>
      <c r="F23565" t="s">
        <v>14536</v>
      </c>
      <c r="G23565" t="s">
        <v>10734</v>
      </c>
      <c r="H23565" t="s">
        <v>10735</v>
      </c>
      <c r="I23565" s="2">
        <v>1</v>
      </c>
      <c r="J23565" s="2">
        <v>0</v>
      </c>
      <c r="K23565" s="2">
        <v>0</v>
      </c>
      <c r="L23565" t="s">
        <v>120</v>
      </c>
      <c r="M23565" t="s">
        <v>83</v>
      </c>
      <c r="N23565" t="s">
        <v>91</v>
      </c>
      <c r="O23565" t="s">
        <v>85</v>
      </c>
      <c r="P23565" t="s">
        <v>86</v>
      </c>
      <c r="Q23565">
        <v>55</v>
      </c>
      <c r="R23565">
        <v>56</v>
      </c>
      <c r="S23565">
        <v>56</v>
      </c>
      <c r="T23565">
        <v>56</v>
      </c>
      <c r="U23565">
        <v>56</v>
      </c>
      <c r="V23565">
        <v>56</v>
      </c>
      <c r="W23565">
        <v>57</v>
      </c>
      <c r="X23565">
        <v>57</v>
      </c>
      <c r="Y23565">
        <v>57</v>
      </c>
      <c r="Z23565">
        <v>57</v>
      </c>
      <c r="AA23565">
        <v>57</v>
      </c>
      <c r="AB23565">
        <v>57</v>
      </c>
      <c r="AC23565">
        <v>57</v>
      </c>
      <c r="AD23565">
        <v>57</v>
      </c>
      <c r="AE23565">
        <v>57</v>
      </c>
      <c r="AF23565">
        <v>58</v>
      </c>
      <c r="AG23565">
        <v>58</v>
      </c>
      <c r="AH23565">
        <v>58</v>
      </c>
      <c r="AI23565">
        <v>58</v>
      </c>
      <c r="AJ23565">
        <v>58</v>
      </c>
      <c r="AK23565">
        <v>58</v>
      </c>
      <c r="AL23565">
        <v>58</v>
      </c>
      <c r="AM23565">
        <v>57</v>
      </c>
      <c r="AN23565">
        <v>57</v>
      </c>
      <c r="AO23565">
        <v>57</v>
      </c>
      <c r="AP23565">
        <v>56</v>
      </c>
      <c r="AQ23565">
        <v>56</v>
      </c>
    </row>
    <row r="23566" spans="1:43">
      <c r="A23566" t="s">
        <v>14591</v>
      </c>
      <c r="B23566" t="s">
        <v>14592</v>
      </c>
      <c r="C23566" t="s">
        <v>14593</v>
      </c>
      <c r="D23566" t="s">
        <v>14594</v>
      </c>
      <c r="E23566" t="s">
        <v>14535</v>
      </c>
      <c r="F23566" t="s">
        <v>14536</v>
      </c>
      <c r="G23566" t="s">
        <v>10734</v>
      </c>
      <c r="H23566" t="s">
        <v>10735</v>
      </c>
      <c r="I23566" s="2">
        <v>1</v>
      </c>
      <c r="J23566" s="2">
        <v>0</v>
      </c>
      <c r="K23566" s="2">
        <v>0</v>
      </c>
      <c r="L23566" t="s">
        <v>120</v>
      </c>
      <c r="M23566" t="s">
        <v>83</v>
      </c>
      <c r="N23566" t="s">
        <v>84</v>
      </c>
      <c r="O23566" t="s">
        <v>85</v>
      </c>
      <c r="P23566" t="s">
        <v>86</v>
      </c>
      <c r="Q23566">
        <v>14</v>
      </c>
      <c r="R23566">
        <v>14</v>
      </c>
      <c r="S23566">
        <v>14</v>
      </c>
      <c r="T23566">
        <v>14</v>
      </c>
      <c r="U23566">
        <v>14</v>
      </c>
      <c r="V23566">
        <v>14</v>
      </c>
      <c r="W23566">
        <v>14</v>
      </c>
      <c r="X23566">
        <v>14</v>
      </c>
      <c r="Y23566">
        <v>14</v>
      </c>
      <c r="Z23566">
        <v>14</v>
      </c>
      <c r="AA23566">
        <v>14</v>
      </c>
      <c r="AB23566">
        <v>14</v>
      </c>
      <c r="AC23566">
        <v>14</v>
      </c>
      <c r="AD23566">
        <v>14</v>
      </c>
      <c r="AE23566">
        <v>15</v>
      </c>
      <c r="AF23566">
        <v>15</v>
      </c>
      <c r="AG23566">
        <v>15</v>
      </c>
      <c r="AH23566">
        <v>15</v>
      </c>
      <c r="AI23566">
        <v>15</v>
      </c>
      <c r="AJ23566">
        <v>15</v>
      </c>
      <c r="AK23566">
        <v>15</v>
      </c>
      <c r="AL23566">
        <v>15</v>
      </c>
      <c r="AM23566">
        <v>14</v>
      </c>
      <c r="AN23566">
        <v>14</v>
      </c>
      <c r="AO23566">
        <v>14</v>
      </c>
      <c r="AP23566">
        <v>14</v>
      </c>
      <c r="AQ23566">
        <v>14</v>
      </c>
    </row>
    <row r="23567" spans="1:43">
      <c r="A23567" t="s">
        <v>14591</v>
      </c>
      <c r="B23567" t="s">
        <v>14592</v>
      </c>
      <c r="C23567" t="s">
        <v>14593</v>
      </c>
      <c r="D23567" t="s">
        <v>14594</v>
      </c>
      <c r="E23567" t="s">
        <v>14535</v>
      </c>
      <c r="F23567" t="s">
        <v>14536</v>
      </c>
      <c r="G23567" t="s">
        <v>10734</v>
      </c>
      <c r="H23567" t="s">
        <v>10735</v>
      </c>
      <c r="I23567" s="2">
        <v>1</v>
      </c>
      <c r="J23567" s="2">
        <v>0</v>
      </c>
      <c r="K23567" s="2">
        <v>0</v>
      </c>
      <c r="L23567" t="s">
        <v>120</v>
      </c>
      <c r="M23567" t="s">
        <v>87</v>
      </c>
      <c r="N23567" t="s">
        <v>88</v>
      </c>
      <c r="O23567" t="s">
        <v>85</v>
      </c>
      <c r="P23567" t="s">
        <v>86</v>
      </c>
      <c r="Q23567">
        <v>14</v>
      </c>
      <c r="R23567">
        <v>14</v>
      </c>
      <c r="S23567">
        <v>14</v>
      </c>
      <c r="T23567">
        <v>14</v>
      </c>
      <c r="U23567">
        <v>14</v>
      </c>
      <c r="V23567">
        <v>14</v>
      </c>
      <c r="W23567">
        <v>13</v>
      </c>
      <c r="X23567">
        <v>13</v>
      </c>
      <c r="Y23567">
        <v>13</v>
      </c>
      <c r="Z23567">
        <v>13</v>
      </c>
      <c r="AA23567">
        <v>13</v>
      </c>
      <c r="AB23567">
        <v>13</v>
      </c>
      <c r="AC23567">
        <v>13</v>
      </c>
      <c r="AD23567">
        <v>13</v>
      </c>
      <c r="AE23567">
        <v>13</v>
      </c>
      <c r="AF23567">
        <v>13</v>
      </c>
      <c r="AG23567">
        <v>13</v>
      </c>
      <c r="AH23567">
        <v>13</v>
      </c>
      <c r="AI23567">
        <v>13</v>
      </c>
      <c r="AJ23567">
        <v>13</v>
      </c>
      <c r="AK23567">
        <v>13</v>
      </c>
      <c r="AL23567">
        <v>13</v>
      </c>
      <c r="AM23567">
        <v>12</v>
      </c>
      <c r="AN23567">
        <v>12</v>
      </c>
      <c r="AO23567">
        <v>12</v>
      </c>
      <c r="AP23567">
        <v>12</v>
      </c>
      <c r="AQ23567">
        <v>12</v>
      </c>
    </row>
    <row r="23568" spans="1:43">
      <c r="A23568" t="s">
        <v>14591</v>
      </c>
      <c r="B23568" t="s">
        <v>14592</v>
      </c>
      <c r="C23568" t="s">
        <v>14593</v>
      </c>
      <c r="D23568" t="s">
        <v>14594</v>
      </c>
      <c r="E23568" t="s">
        <v>14535</v>
      </c>
      <c r="F23568" t="s">
        <v>14536</v>
      </c>
      <c r="G23568" t="s">
        <v>10734</v>
      </c>
      <c r="H23568" t="s">
        <v>10735</v>
      </c>
      <c r="I23568" s="2">
        <v>1</v>
      </c>
      <c r="J23568" s="2">
        <v>0</v>
      </c>
      <c r="K23568" s="2">
        <v>0</v>
      </c>
      <c r="L23568" t="s">
        <v>120</v>
      </c>
      <c r="M23568" t="s">
        <v>89</v>
      </c>
      <c r="N23568" t="s">
        <v>90</v>
      </c>
      <c r="O23568" t="s">
        <v>85</v>
      </c>
      <c r="P23568" t="s">
        <v>86</v>
      </c>
      <c r="Q23568">
        <v>14</v>
      </c>
      <c r="R23568">
        <v>14</v>
      </c>
      <c r="S23568">
        <v>15</v>
      </c>
      <c r="T23568">
        <v>15</v>
      </c>
      <c r="U23568">
        <v>15</v>
      </c>
      <c r="V23568">
        <v>15</v>
      </c>
      <c r="W23568">
        <v>15</v>
      </c>
      <c r="X23568">
        <v>15</v>
      </c>
      <c r="Y23568">
        <v>15</v>
      </c>
      <c r="Z23568">
        <v>15</v>
      </c>
      <c r="AA23568">
        <v>15</v>
      </c>
      <c r="AB23568">
        <v>15</v>
      </c>
      <c r="AC23568">
        <v>15</v>
      </c>
      <c r="AD23568">
        <v>16</v>
      </c>
      <c r="AE23568">
        <v>16</v>
      </c>
      <c r="AF23568">
        <v>15</v>
      </c>
      <c r="AG23568">
        <v>15</v>
      </c>
      <c r="AH23568">
        <v>15</v>
      </c>
      <c r="AI23568">
        <v>15</v>
      </c>
      <c r="AJ23568">
        <v>15</v>
      </c>
      <c r="AK23568">
        <v>15</v>
      </c>
      <c r="AL23568">
        <v>15</v>
      </c>
      <c r="AM23568">
        <v>15</v>
      </c>
      <c r="AN23568">
        <v>14</v>
      </c>
      <c r="AO23568">
        <v>14</v>
      </c>
      <c r="AP23568">
        <v>14</v>
      </c>
      <c r="AQ23568">
        <v>14</v>
      </c>
    </row>
    <row r="23569" spans="1:43">
      <c r="A23569" t="s">
        <v>14591</v>
      </c>
      <c r="B23569" t="s">
        <v>14592</v>
      </c>
      <c r="C23569" t="s">
        <v>14593</v>
      </c>
      <c r="D23569" t="s">
        <v>14594</v>
      </c>
      <c r="E23569" t="s">
        <v>14535</v>
      </c>
      <c r="F23569" t="s">
        <v>14536</v>
      </c>
      <c r="G23569" t="s">
        <v>10734</v>
      </c>
      <c r="H23569" t="s">
        <v>10735</v>
      </c>
      <c r="I23569" s="2">
        <v>1</v>
      </c>
      <c r="J23569" s="2">
        <v>0</v>
      </c>
      <c r="K23569" s="2">
        <v>0</v>
      </c>
      <c r="L23569" t="s">
        <v>120</v>
      </c>
      <c r="M23569" t="s">
        <v>83</v>
      </c>
      <c r="N23569" t="s">
        <v>91</v>
      </c>
      <c r="O23569" t="s">
        <v>85</v>
      </c>
      <c r="P23569" t="s">
        <v>86</v>
      </c>
      <c r="Q23569">
        <v>14</v>
      </c>
      <c r="R23569">
        <v>14</v>
      </c>
      <c r="S23569">
        <v>14</v>
      </c>
      <c r="T23569">
        <v>14</v>
      </c>
      <c r="U23569">
        <v>14</v>
      </c>
      <c r="V23569">
        <v>14</v>
      </c>
      <c r="W23569">
        <v>14</v>
      </c>
      <c r="X23569">
        <v>14</v>
      </c>
      <c r="Y23569">
        <v>14</v>
      </c>
      <c r="Z23569">
        <v>14</v>
      </c>
      <c r="AA23569">
        <v>14</v>
      </c>
      <c r="AB23569">
        <v>14</v>
      </c>
      <c r="AC23569">
        <v>14</v>
      </c>
      <c r="AD23569">
        <v>14</v>
      </c>
      <c r="AE23569">
        <v>15</v>
      </c>
      <c r="AF23569">
        <v>15</v>
      </c>
      <c r="AG23569">
        <v>15</v>
      </c>
      <c r="AH23569">
        <v>15</v>
      </c>
      <c r="AI23569">
        <v>15</v>
      </c>
      <c r="AJ23569">
        <v>15</v>
      </c>
      <c r="AK23569">
        <v>15</v>
      </c>
      <c r="AL23569">
        <v>15</v>
      </c>
      <c r="AM23569">
        <v>14</v>
      </c>
      <c r="AN23569">
        <v>14</v>
      </c>
      <c r="AO23569">
        <v>14</v>
      </c>
      <c r="AP23569">
        <v>14</v>
      </c>
      <c r="AQ23569">
        <v>14</v>
      </c>
    </row>
    <row r="23570" spans="1:43">
      <c r="A23570" t="s">
        <v>14595</v>
      </c>
      <c r="B23570" t="s">
        <v>14596</v>
      </c>
      <c r="C23570" t="s">
        <v>14593</v>
      </c>
      <c r="D23570" t="s">
        <v>14594</v>
      </c>
      <c r="E23570" t="s">
        <v>14535</v>
      </c>
      <c r="F23570" t="s">
        <v>14536</v>
      </c>
      <c r="G23570" t="s">
        <v>10734</v>
      </c>
      <c r="H23570" t="s">
        <v>10735</v>
      </c>
      <c r="I23570" s="2">
        <v>1</v>
      </c>
      <c r="J23570" s="2">
        <v>0</v>
      </c>
      <c r="K23570" s="2">
        <v>0</v>
      </c>
      <c r="L23570" t="s">
        <v>120</v>
      </c>
      <c r="M23570" t="s">
        <v>83</v>
      </c>
      <c r="N23570" t="s">
        <v>84</v>
      </c>
      <c r="O23570" t="s">
        <v>85</v>
      </c>
      <c r="P23570" t="s">
        <v>86</v>
      </c>
      <c r="Q23570">
        <v>34</v>
      </c>
      <c r="R23570">
        <v>34</v>
      </c>
      <c r="S23570">
        <v>34</v>
      </c>
      <c r="T23570">
        <v>34</v>
      </c>
      <c r="U23570">
        <v>34</v>
      </c>
      <c r="V23570">
        <v>34</v>
      </c>
      <c r="W23570">
        <v>34</v>
      </c>
      <c r="X23570">
        <v>35</v>
      </c>
      <c r="Y23570">
        <v>35</v>
      </c>
      <c r="Z23570">
        <v>35</v>
      </c>
      <c r="AA23570">
        <v>35</v>
      </c>
      <c r="AB23570">
        <v>35</v>
      </c>
      <c r="AC23570">
        <v>35</v>
      </c>
      <c r="AD23570">
        <v>35</v>
      </c>
      <c r="AE23570">
        <v>35</v>
      </c>
      <c r="AF23570">
        <v>35</v>
      </c>
      <c r="AG23570">
        <v>35</v>
      </c>
      <c r="AH23570">
        <v>35</v>
      </c>
      <c r="AI23570">
        <v>35</v>
      </c>
      <c r="AJ23570">
        <v>35</v>
      </c>
      <c r="AK23570">
        <v>35</v>
      </c>
      <c r="AL23570">
        <v>35</v>
      </c>
      <c r="AM23570">
        <v>35</v>
      </c>
      <c r="AN23570">
        <v>34</v>
      </c>
      <c r="AO23570">
        <v>34</v>
      </c>
      <c r="AP23570">
        <v>34</v>
      </c>
      <c r="AQ23570">
        <v>34</v>
      </c>
    </row>
    <row r="23571" spans="1:43">
      <c r="A23571" t="s">
        <v>14595</v>
      </c>
      <c r="B23571" t="s">
        <v>14596</v>
      </c>
      <c r="C23571" t="s">
        <v>14593</v>
      </c>
      <c r="D23571" t="s">
        <v>14594</v>
      </c>
      <c r="E23571" t="s">
        <v>14535</v>
      </c>
      <c r="F23571" t="s">
        <v>14536</v>
      </c>
      <c r="G23571" t="s">
        <v>10734</v>
      </c>
      <c r="H23571" t="s">
        <v>10735</v>
      </c>
      <c r="I23571" s="2">
        <v>1</v>
      </c>
      <c r="J23571" s="2">
        <v>0</v>
      </c>
      <c r="K23571" s="2">
        <v>0</v>
      </c>
      <c r="L23571" t="s">
        <v>120</v>
      </c>
      <c r="M23571" t="s">
        <v>87</v>
      </c>
      <c r="N23571" t="s">
        <v>88</v>
      </c>
      <c r="O23571" t="s">
        <v>85</v>
      </c>
      <c r="P23571" t="s">
        <v>86</v>
      </c>
      <c r="Q23571">
        <v>34</v>
      </c>
      <c r="R23571">
        <v>34</v>
      </c>
      <c r="S23571">
        <v>34</v>
      </c>
      <c r="T23571">
        <v>34</v>
      </c>
      <c r="U23571">
        <v>34</v>
      </c>
      <c r="V23571">
        <v>34</v>
      </c>
      <c r="W23571">
        <v>33</v>
      </c>
      <c r="X23571">
        <v>33</v>
      </c>
      <c r="Y23571">
        <v>33</v>
      </c>
      <c r="Z23571">
        <v>33</v>
      </c>
      <c r="AA23571">
        <v>33</v>
      </c>
      <c r="AB23571">
        <v>33</v>
      </c>
      <c r="AC23571">
        <v>32</v>
      </c>
      <c r="AD23571">
        <v>32</v>
      </c>
      <c r="AE23571">
        <v>32</v>
      </c>
      <c r="AF23571">
        <v>32</v>
      </c>
      <c r="AG23571">
        <v>32</v>
      </c>
      <c r="AH23571">
        <v>32</v>
      </c>
      <c r="AI23571">
        <v>32</v>
      </c>
      <c r="AJ23571">
        <v>31</v>
      </c>
      <c r="AK23571">
        <v>31</v>
      </c>
      <c r="AL23571">
        <v>31</v>
      </c>
      <c r="AM23571">
        <v>31</v>
      </c>
      <c r="AN23571">
        <v>31</v>
      </c>
      <c r="AO23571">
        <v>31</v>
      </c>
      <c r="AP23571">
        <v>31</v>
      </c>
      <c r="AQ23571">
        <v>31</v>
      </c>
    </row>
    <row r="23572" spans="1:43">
      <c r="A23572" t="s">
        <v>14595</v>
      </c>
      <c r="B23572" t="s">
        <v>14596</v>
      </c>
      <c r="C23572" t="s">
        <v>14593</v>
      </c>
      <c r="D23572" t="s">
        <v>14594</v>
      </c>
      <c r="E23572" t="s">
        <v>14535</v>
      </c>
      <c r="F23572" t="s">
        <v>14536</v>
      </c>
      <c r="G23572" t="s">
        <v>10734</v>
      </c>
      <c r="H23572" t="s">
        <v>10735</v>
      </c>
      <c r="I23572" s="2">
        <v>1</v>
      </c>
      <c r="J23572" s="2">
        <v>0</v>
      </c>
      <c r="K23572" s="2">
        <v>0</v>
      </c>
      <c r="L23572" t="s">
        <v>120</v>
      </c>
      <c r="M23572" t="s">
        <v>89</v>
      </c>
      <c r="N23572" t="s">
        <v>90</v>
      </c>
      <c r="O23572" t="s">
        <v>85</v>
      </c>
      <c r="P23572" t="s">
        <v>86</v>
      </c>
      <c r="Q23572">
        <v>34</v>
      </c>
      <c r="R23572">
        <v>34</v>
      </c>
      <c r="S23572">
        <v>35</v>
      </c>
      <c r="T23572">
        <v>35</v>
      </c>
      <c r="U23572">
        <v>36</v>
      </c>
      <c r="V23572">
        <v>36</v>
      </c>
      <c r="W23572">
        <v>36</v>
      </c>
      <c r="X23572">
        <v>36</v>
      </c>
      <c r="Y23572">
        <v>36</v>
      </c>
      <c r="Z23572">
        <v>37</v>
      </c>
      <c r="AA23572">
        <v>37</v>
      </c>
      <c r="AB23572">
        <v>37</v>
      </c>
      <c r="AC23572">
        <v>37</v>
      </c>
      <c r="AD23572">
        <v>37</v>
      </c>
      <c r="AE23572">
        <v>37</v>
      </c>
      <c r="AF23572">
        <v>37</v>
      </c>
      <c r="AG23572">
        <v>37</v>
      </c>
      <c r="AH23572">
        <v>36</v>
      </c>
      <c r="AI23572">
        <v>36</v>
      </c>
      <c r="AJ23572">
        <v>36</v>
      </c>
      <c r="AK23572">
        <v>36</v>
      </c>
      <c r="AL23572">
        <v>35</v>
      </c>
      <c r="AM23572">
        <v>35</v>
      </c>
      <c r="AN23572">
        <v>35</v>
      </c>
      <c r="AO23572">
        <v>35</v>
      </c>
      <c r="AP23572">
        <v>34</v>
      </c>
      <c r="AQ23572">
        <v>34</v>
      </c>
    </row>
    <row r="23573" spans="1:43">
      <c r="A23573" t="s">
        <v>14595</v>
      </c>
      <c r="B23573" t="s">
        <v>14596</v>
      </c>
      <c r="C23573" t="s">
        <v>14593</v>
      </c>
      <c r="D23573" t="s">
        <v>14594</v>
      </c>
      <c r="E23573" t="s">
        <v>14535</v>
      </c>
      <c r="F23573" t="s">
        <v>14536</v>
      </c>
      <c r="G23573" t="s">
        <v>10734</v>
      </c>
      <c r="H23573" t="s">
        <v>10735</v>
      </c>
      <c r="I23573" s="2">
        <v>1</v>
      </c>
      <c r="J23573" s="2">
        <v>0</v>
      </c>
      <c r="K23573" s="2">
        <v>0</v>
      </c>
      <c r="L23573" t="s">
        <v>120</v>
      </c>
      <c r="M23573" t="s">
        <v>83</v>
      </c>
      <c r="N23573" t="s">
        <v>91</v>
      </c>
      <c r="O23573" t="s">
        <v>85</v>
      </c>
      <c r="P23573" t="s">
        <v>86</v>
      </c>
      <c r="Q23573">
        <v>34</v>
      </c>
      <c r="R23573">
        <v>34</v>
      </c>
      <c r="S23573">
        <v>34</v>
      </c>
      <c r="T23573">
        <v>34</v>
      </c>
      <c r="U23573">
        <v>34</v>
      </c>
      <c r="V23573">
        <v>34</v>
      </c>
      <c r="W23573">
        <v>34</v>
      </c>
      <c r="X23573">
        <v>35</v>
      </c>
      <c r="Y23573">
        <v>35</v>
      </c>
      <c r="Z23573">
        <v>35</v>
      </c>
      <c r="AA23573">
        <v>35</v>
      </c>
      <c r="AB23573">
        <v>35</v>
      </c>
      <c r="AC23573">
        <v>35</v>
      </c>
      <c r="AD23573">
        <v>35</v>
      </c>
      <c r="AE23573">
        <v>35</v>
      </c>
      <c r="AF23573">
        <v>35</v>
      </c>
      <c r="AG23573">
        <v>35</v>
      </c>
      <c r="AH23573">
        <v>35</v>
      </c>
      <c r="AI23573">
        <v>35</v>
      </c>
      <c r="AJ23573">
        <v>35</v>
      </c>
      <c r="AK23573">
        <v>35</v>
      </c>
      <c r="AL23573">
        <v>35</v>
      </c>
      <c r="AM23573">
        <v>35</v>
      </c>
      <c r="AN23573">
        <v>34</v>
      </c>
      <c r="AO23573">
        <v>34</v>
      </c>
      <c r="AP23573">
        <v>34</v>
      </c>
      <c r="AQ23573">
        <v>34</v>
      </c>
    </row>
    <row r="23574" spans="1:43">
      <c r="A23574" t="s">
        <v>14597</v>
      </c>
      <c r="B23574" t="s">
        <v>14598</v>
      </c>
      <c r="C23574" t="s">
        <v>14593</v>
      </c>
      <c r="D23574" t="s">
        <v>14594</v>
      </c>
      <c r="E23574" t="s">
        <v>14535</v>
      </c>
      <c r="F23574" t="s">
        <v>14536</v>
      </c>
      <c r="G23574" t="s">
        <v>10734</v>
      </c>
      <c r="H23574" t="s">
        <v>10735</v>
      </c>
      <c r="I23574" s="2">
        <v>1</v>
      </c>
      <c r="J23574" s="2">
        <v>0</v>
      </c>
      <c r="K23574" s="2">
        <v>0</v>
      </c>
      <c r="L23574" t="s">
        <v>120</v>
      </c>
      <c r="M23574" t="s">
        <v>83</v>
      </c>
      <c r="N23574" t="s">
        <v>84</v>
      </c>
      <c r="O23574" t="s">
        <v>85</v>
      </c>
      <c r="P23574" t="s">
        <v>86</v>
      </c>
      <c r="Q23574">
        <v>17</v>
      </c>
      <c r="R23574">
        <v>17</v>
      </c>
      <c r="S23574">
        <v>17</v>
      </c>
      <c r="T23574">
        <v>17</v>
      </c>
      <c r="U23574">
        <v>17</v>
      </c>
      <c r="V23574">
        <v>17</v>
      </c>
      <c r="W23574">
        <v>17</v>
      </c>
      <c r="X23574">
        <v>17</v>
      </c>
      <c r="Y23574">
        <v>17</v>
      </c>
      <c r="Z23574">
        <v>17</v>
      </c>
      <c r="AA23574">
        <v>18</v>
      </c>
      <c r="AB23574">
        <v>18</v>
      </c>
      <c r="AC23574">
        <v>18</v>
      </c>
      <c r="AD23574">
        <v>18</v>
      </c>
      <c r="AE23574">
        <v>18</v>
      </c>
      <c r="AF23574">
        <v>18</v>
      </c>
      <c r="AG23574">
        <v>18</v>
      </c>
      <c r="AH23574">
        <v>18</v>
      </c>
      <c r="AI23574">
        <v>18</v>
      </c>
      <c r="AJ23574">
        <v>18</v>
      </c>
      <c r="AK23574">
        <v>18</v>
      </c>
      <c r="AL23574">
        <v>18</v>
      </c>
      <c r="AM23574">
        <v>18</v>
      </c>
      <c r="AN23574">
        <v>17</v>
      </c>
      <c r="AO23574">
        <v>17</v>
      </c>
      <c r="AP23574">
        <v>17</v>
      </c>
      <c r="AQ23574">
        <v>17</v>
      </c>
    </row>
    <row r="23575" spans="1:43">
      <c r="A23575" t="s">
        <v>14597</v>
      </c>
      <c r="B23575" t="s">
        <v>14598</v>
      </c>
      <c r="C23575" t="s">
        <v>14593</v>
      </c>
      <c r="D23575" t="s">
        <v>14594</v>
      </c>
      <c r="E23575" t="s">
        <v>14535</v>
      </c>
      <c r="F23575" t="s">
        <v>14536</v>
      </c>
      <c r="G23575" t="s">
        <v>10734</v>
      </c>
      <c r="H23575" t="s">
        <v>10735</v>
      </c>
      <c r="I23575" s="2">
        <v>1</v>
      </c>
      <c r="J23575" s="2">
        <v>0</v>
      </c>
      <c r="K23575" s="2">
        <v>0</v>
      </c>
      <c r="L23575" t="s">
        <v>120</v>
      </c>
      <c r="M23575" t="s">
        <v>87</v>
      </c>
      <c r="N23575" t="s">
        <v>88</v>
      </c>
      <c r="O23575" t="s">
        <v>85</v>
      </c>
      <c r="P23575" t="s">
        <v>86</v>
      </c>
      <c r="Q23575">
        <v>17</v>
      </c>
      <c r="R23575">
        <v>17</v>
      </c>
      <c r="S23575">
        <v>17</v>
      </c>
      <c r="T23575">
        <v>17</v>
      </c>
      <c r="U23575">
        <v>17</v>
      </c>
      <c r="V23575">
        <v>16</v>
      </c>
      <c r="W23575">
        <v>16</v>
      </c>
      <c r="X23575">
        <v>16</v>
      </c>
      <c r="Y23575">
        <v>16</v>
      </c>
      <c r="Z23575">
        <v>16</v>
      </c>
      <c r="AA23575">
        <v>16</v>
      </c>
      <c r="AB23575">
        <v>16</v>
      </c>
      <c r="AC23575">
        <v>16</v>
      </c>
      <c r="AD23575">
        <v>16</v>
      </c>
      <c r="AE23575">
        <v>16</v>
      </c>
      <c r="AF23575">
        <v>16</v>
      </c>
      <c r="AG23575">
        <v>16</v>
      </c>
      <c r="AH23575">
        <v>15</v>
      </c>
      <c r="AI23575">
        <v>15</v>
      </c>
      <c r="AJ23575">
        <v>15</v>
      </c>
      <c r="AK23575">
        <v>15</v>
      </c>
      <c r="AL23575">
        <v>15</v>
      </c>
      <c r="AM23575">
        <v>15</v>
      </c>
      <c r="AN23575">
        <v>15</v>
      </c>
      <c r="AO23575">
        <v>15</v>
      </c>
      <c r="AP23575">
        <v>15</v>
      </c>
      <c r="AQ23575">
        <v>15</v>
      </c>
    </row>
    <row r="23576" spans="1:43">
      <c r="A23576" t="s">
        <v>14597</v>
      </c>
      <c r="B23576" t="s">
        <v>14598</v>
      </c>
      <c r="C23576" t="s">
        <v>14593</v>
      </c>
      <c r="D23576" t="s">
        <v>14594</v>
      </c>
      <c r="E23576" t="s">
        <v>14535</v>
      </c>
      <c r="F23576" t="s">
        <v>14536</v>
      </c>
      <c r="G23576" t="s">
        <v>10734</v>
      </c>
      <c r="H23576" t="s">
        <v>10735</v>
      </c>
      <c r="I23576" s="2">
        <v>1</v>
      </c>
      <c r="J23576" s="2">
        <v>0</v>
      </c>
      <c r="K23576" s="2">
        <v>0</v>
      </c>
      <c r="L23576" t="s">
        <v>120</v>
      </c>
      <c r="M23576" t="s">
        <v>89</v>
      </c>
      <c r="N23576" t="s">
        <v>90</v>
      </c>
      <c r="O23576" t="s">
        <v>85</v>
      </c>
      <c r="P23576" t="s">
        <v>86</v>
      </c>
      <c r="Q23576">
        <v>17</v>
      </c>
      <c r="R23576">
        <v>17</v>
      </c>
      <c r="S23576">
        <v>18</v>
      </c>
      <c r="T23576">
        <v>18</v>
      </c>
      <c r="U23576">
        <v>18</v>
      </c>
      <c r="V23576">
        <v>18</v>
      </c>
      <c r="W23576">
        <v>18</v>
      </c>
      <c r="X23576">
        <v>18</v>
      </c>
      <c r="Y23576">
        <v>18</v>
      </c>
      <c r="Z23576">
        <v>19</v>
      </c>
      <c r="AA23576">
        <v>19</v>
      </c>
      <c r="AB23576">
        <v>19</v>
      </c>
      <c r="AC23576">
        <v>19</v>
      </c>
      <c r="AD23576">
        <v>19</v>
      </c>
      <c r="AE23576">
        <v>19</v>
      </c>
      <c r="AF23576">
        <v>19</v>
      </c>
      <c r="AG23576">
        <v>19</v>
      </c>
      <c r="AH23576">
        <v>18</v>
      </c>
      <c r="AI23576">
        <v>18</v>
      </c>
      <c r="AJ23576">
        <v>18</v>
      </c>
      <c r="AK23576">
        <v>18</v>
      </c>
      <c r="AL23576">
        <v>18</v>
      </c>
      <c r="AM23576">
        <v>18</v>
      </c>
      <c r="AN23576">
        <v>18</v>
      </c>
      <c r="AO23576">
        <v>17</v>
      </c>
      <c r="AP23576">
        <v>17</v>
      </c>
      <c r="AQ23576">
        <v>17</v>
      </c>
    </row>
    <row r="23577" spans="1:43">
      <c r="A23577" t="s">
        <v>14597</v>
      </c>
      <c r="B23577" t="s">
        <v>14598</v>
      </c>
      <c r="C23577" t="s">
        <v>14593</v>
      </c>
      <c r="D23577" t="s">
        <v>14594</v>
      </c>
      <c r="E23577" t="s">
        <v>14535</v>
      </c>
      <c r="F23577" t="s">
        <v>14536</v>
      </c>
      <c r="G23577" t="s">
        <v>10734</v>
      </c>
      <c r="H23577" t="s">
        <v>10735</v>
      </c>
      <c r="I23577" s="2">
        <v>1</v>
      </c>
      <c r="J23577" s="2">
        <v>0</v>
      </c>
      <c r="K23577" s="2">
        <v>0</v>
      </c>
      <c r="L23577" t="s">
        <v>120</v>
      </c>
      <c r="M23577" t="s">
        <v>83</v>
      </c>
      <c r="N23577" t="s">
        <v>91</v>
      </c>
      <c r="O23577" t="s">
        <v>85</v>
      </c>
      <c r="P23577" t="s">
        <v>86</v>
      </c>
      <c r="Q23577">
        <v>17</v>
      </c>
      <c r="R23577">
        <v>17</v>
      </c>
      <c r="S23577">
        <v>17</v>
      </c>
      <c r="T23577">
        <v>17</v>
      </c>
      <c r="U23577">
        <v>17</v>
      </c>
      <c r="V23577">
        <v>17</v>
      </c>
      <c r="W23577">
        <v>17</v>
      </c>
      <c r="X23577">
        <v>17</v>
      </c>
      <c r="Y23577">
        <v>17</v>
      </c>
      <c r="Z23577">
        <v>17</v>
      </c>
      <c r="AA23577">
        <v>18</v>
      </c>
      <c r="AB23577">
        <v>18</v>
      </c>
      <c r="AC23577">
        <v>18</v>
      </c>
      <c r="AD23577">
        <v>18</v>
      </c>
      <c r="AE23577">
        <v>18</v>
      </c>
      <c r="AF23577">
        <v>18</v>
      </c>
      <c r="AG23577">
        <v>18</v>
      </c>
      <c r="AH23577">
        <v>18</v>
      </c>
      <c r="AI23577">
        <v>18</v>
      </c>
      <c r="AJ23577">
        <v>18</v>
      </c>
      <c r="AK23577">
        <v>18</v>
      </c>
      <c r="AL23577">
        <v>18</v>
      </c>
      <c r="AM23577">
        <v>18</v>
      </c>
      <c r="AN23577">
        <v>17</v>
      </c>
      <c r="AO23577">
        <v>17</v>
      </c>
      <c r="AP23577">
        <v>17</v>
      </c>
      <c r="AQ23577">
        <v>17</v>
      </c>
    </row>
    <row r="23578" spans="1:43">
      <c r="A23578" t="s">
        <v>14599</v>
      </c>
      <c r="B23578" t="s">
        <v>14600</v>
      </c>
      <c r="C23578" t="s">
        <v>14601</v>
      </c>
      <c r="D23578" t="s">
        <v>14602</v>
      </c>
      <c r="E23578" t="s">
        <v>14535</v>
      </c>
      <c r="F23578" t="s">
        <v>14536</v>
      </c>
      <c r="G23578" t="s">
        <v>10734</v>
      </c>
      <c r="H23578" t="s">
        <v>10735</v>
      </c>
      <c r="I23578" s="2">
        <v>1</v>
      </c>
      <c r="J23578" s="2">
        <v>0</v>
      </c>
      <c r="K23578" s="2">
        <v>0</v>
      </c>
      <c r="L23578" t="s">
        <v>120</v>
      </c>
      <c r="M23578" t="s">
        <v>83</v>
      </c>
      <c r="N23578" t="s">
        <v>84</v>
      </c>
      <c r="O23578" t="s">
        <v>85</v>
      </c>
      <c r="P23578" t="s">
        <v>86</v>
      </c>
      <c r="Q23578">
        <v>18</v>
      </c>
      <c r="R23578">
        <v>18</v>
      </c>
      <c r="S23578">
        <v>19</v>
      </c>
      <c r="T23578">
        <v>19</v>
      </c>
      <c r="U23578">
        <v>19</v>
      </c>
      <c r="V23578">
        <v>19</v>
      </c>
      <c r="W23578">
        <v>19</v>
      </c>
      <c r="X23578">
        <v>19</v>
      </c>
      <c r="Y23578">
        <v>19</v>
      </c>
      <c r="Z23578">
        <v>19</v>
      </c>
      <c r="AA23578">
        <v>19</v>
      </c>
      <c r="AB23578">
        <v>19</v>
      </c>
      <c r="AC23578">
        <v>19</v>
      </c>
      <c r="AD23578">
        <v>19</v>
      </c>
      <c r="AE23578">
        <v>19</v>
      </c>
      <c r="AF23578">
        <v>19</v>
      </c>
      <c r="AG23578">
        <v>19</v>
      </c>
      <c r="AH23578">
        <v>19</v>
      </c>
      <c r="AI23578">
        <v>19</v>
      </c>
      <c r="AJ23578">
        <v>19</v>
      </c>
      <c r="AK23578">
        <v>19</v>
      </c>
      <c r="AL23578">
        <v>19</v>
      </c>
      <c r="AM23578">
        <v>19</v>
      </c>
      <c r="AN23578">
        <v>19</v>
      </c>
      <c r="AO23578">
        <v>19</v>
      </c>
      <c r="AP23578">
        <v>19</v>
      </c>
      <c r="AQ23578">
        <v>19</v>
      </c>
    </row>
    <row r="23579" spans="1:43">
      <c r="A23579" t="s">
        <v>14599</v>
      </c>
      <c r="B23579" t="s">
        <v>14600</v>
      </c>
      <c r="C23579" t="s">
        <v>14601</v>
      </c>
      <c r="D23579" t="s">
        <v>14602</v>
      </c>
      <c r="E23579" t="s">
        <v>14535</v>
      </c>
      <c r="F23579" t="s">
        <v>14536</v>
      </c>
      <c r="G23579" t="s">
        <v>10734</v>
      </c>
      <c r="H23579" t="s">
        <v>10735</v>
      </c>
      <c r="I23579" s="2">
        <v>1</v>
      </c>
      <c r="J23579" s="2">
        <v>0</v>
      </c>
      <c r="K23579" s="2">
        <v>0</v>
      </c>
      <c r="L23579" t="s">
        <v>120</v>
      </c>
      <c r="M23579" t="s">
        <v>87</v>
      </c>
      <c r="N23579" t="s">
        <v>88</v>
      </c>
      <c r="O23579" t="s">
        <v>85</v>
      </c>
      <c r="P23579" t="s">
        <v>86</v>
      </c>
      <c r="Q23579">
        <v>18</v>
      </c>
      <c r="R23579">
        <v>18</v>
      </c>
      <c r="S23579">
        <v>18</v>
      </c>
      <c r="T23579">
        <v>18</v>
      </c>
      <c r="U23579">
        <v>18</v>
      </c>
      <c r="V23579">
        <v>18</v>
      </c>
      <c r="W23579">
        <v>18</v>
      </c>
      <c r="X23579">
        <v>18</v>
      </c>
      <c r="Y23579">
        <v>17</v>
      </c>
      <c r="Z23579">
        <v>17</v>
      </c>
      <c r="AA23579">
        <v>17</v>
      </c>
      <c r="AB23579">
        <v>17</v>
      </c>
      <c r="AC23579">
        <v>17</v>
      </c>
      <c r="AD23579">
        <v>17</v>
      </c>
      <c r="AE23579">
        <v>17</v>
      </c>
      <c r="AF23579">
        <v>17</v>
      </c>
      <c r="AG23579">
        <v>17</v>
      </c>
      <c r="AH23579">
        <v>17</v>
      </c>
      <c r="AI23579">
        <v>17</v>
      </c>
      <c r="AJ23579">
        <v>17</v>
      </c>
      <c r="AK23579">
        <v>17</v>
      </c>
      <c r="AL23579">
        <v>16</v>
      </c>
      <c r="AM23579">
        <v>16</v>
      </c>
      <c r="AN23579">
        <v>16</v>
      </c>
      <c r="AO23579">
        <v>16</v>
      </c>
      <c r="AP23579">
        <v>16</v>
      </c>
      <c r="AQ23579">
        <v>16</v>
      </c>
    </row>
    <row r="23580" spans="1:43">
      <c r="A23580" t="s">
        <v>14599</v>
      </c>
      <c r="B23580" t="s">
        <v>14600</v>
      </c>
      <c r="C23580" t="s">
        <v>14601</v>
      </c>
      <c r="D23580" t="s">
        <v>14602</v>
      </c>
      <c r="E23580" t="s">
        <v>14535</v>
      </c>
      <c r="F23580" t="s">
        <v>14536</v>
      </c>
      <c r="G23580" t="s">
        <v>10734</v>
      </c>
      <c r="H23580" t="s">
        <v>10735</v>
      </c>
      <c r="I23580" s="2">
        <v>1</v>
      </c>
      <c r="J23580" s="2">
        <v>0</v>
      </c>
      <c r="K23580" s="2">
        <v>0</v>
      </c>
      <c r="L23580" t="s">
        <v>120</v>
      </c>
      <c r="M23580" t="s">
        <v>89</v>
      </c>
      <c r="N23580" t="s">
        <v>90</v>
      </c>
      <c r="O23580" t="s">
        <v>85</v>
      </c>
      <c r="P23580" t="s">
        <v>86</v>
      </c>
      <c r="Q23580">
        <v>18</v>
      </c>
      <c r="R23580">
        <v>18</v>
      </c>
      <c r="S23580">
        <v>18</v>
      </c>
      <c r="T23580">
        <v>18</v>
      </c>
      <c r="U23580">
        <v>18</v>
      </c>
      <c r="V23580">
        <v>19</v>
      </c>
      <c r="W23580">
        <v>19</v>
      </c>
      <c r="X23580">
        <v>19</v>
      </c>
      <c r="Y23580">
        <v>19</v>
      </c>
      <c r="Z23580">
        <v>19</v>
      </c>
      <c r="AA23580">
        <v>19</v>
      </c>
      <c r="AB23580">
        <v>19</v>
      </c>
      <c r="AC23580">
        <v>19</v>
      </c>
      <c r="AD23580">
        <v>19</v>
      </c>
      <c r="AE23580">
        <v>19</v>
      </c>
      <c r="AF23580">
        <v>19</v>
      </c>
      <c r="AG23580">
        <v>19</v>
      </c>
      <c r="AH23580">
        <v>19</v>
      </c>
      <c r="AI23580">
        <v>19</v>
      </c>
      <c r="AJ23580">
        <v>19</v>
      </c>
      <c r="AK23580">
        <v>19</v>
      </c>
      <c r="AL23580">
        <v>18</v>
      </c>
      <c r="AM23580">
        <v>18</v>
      </c>
      <c r="AN23580">
        <v>18</v>
      </c>
      <c r="AO23580">
        <v>18</v>
      </c>
      <c r="AP23580">
        <v>18</v>
      </c>
      <c r="AQ23580">
        <v>18</v>
      </c>
    </row>
    <row r="23581" spans="1:43">
      <c r="A23581" t="s">
        <v>14599</v>
      </c>
      <c r="B23581" t="s">
        <v>14600</v>
      </c>
      <c r="C23581" t="s">
        <v>14601</v>
      </c>
      <c r="D23581" t="s">
        <v>14602</v>
      </c>
      <c r="E23581" t="s">
        <v>14535</v>
      </c>
      <c r="F23581" t="s">
        <v>14536</v>
      </c>
      <c r="G23581" t="s">
        <v>10734</v>
      </c>
      <c r="H23581" t="s">
        <v>10735</v>
      </c>
      <c r="I23581" s="2">
        <v>1</v>
      </c>
      <c r="J23581" s="2">
        <v>0</v>
      </c>
      <c r="K23581" s="2">
        <v>0</v>
      </c>
      <c r="L23581" t="s">
        <v>120</v>
      </c>
      <c r="M23581" t="s">
        <v>83</v>
      </c>
      <c r="N23581" t="s">
        <v>91</v>
      </c>
      <c r="O23581" t="s">
        <v>85</v>
      </c>
      <c r="P23581" t="s">
        <v>86</v>
      </c>
      <c r="Q23581">
        <v>18</v>
      </c>
      <c r="R23581">
        <v>18</v>
      </c>
      <c r="S23581">
        <v>19</v>
      </c>
      <c r="T23581">
        <v>19</v>
      </c>
      <c r="U23581">
        <v>19</v>
      </c>
      <c r="V23581">
        <v>19</v>
      </c>
      <c r="W23581">
        <v>19</v>
      </c>
      <c r="X23581">
        <v>19</v>
      </c>
      <c r="Y23581">
        <v>19</v>
      </c>
      <c r="Z23581">
        <v>19</v>
      </c>
      <c r="AA23581">
        <v>19</v>
      </c>
      <c r="AB23581">
        <v>19</v>
      </c>
      <c r="AC23581">
        <v>19</v>
      </c>
      <c r="AD23581">
        <v>19</v>
      </c>
      <c r="AE23581">
        <v>19</v>
      </c>
      <c r="AF23581">
        <v>19</v>
      </c>
      <c r="AG23581">
        <v>19</v>
      </c>
      <c r="AH23581">
        <v>19</v>
      </c>
      <c r="AI23581">
        <v>19</v>
      </c>
      <c r="AJ23581">
        <v>19</v>
      </c>
      <c r="AK23581">
        <v>19</v>
      </c>
      <c r="AL23581">
        <v>19</v>
      </c>
      <c r="AM23581">
        <v>19</v>
      </c>
      <c r="AN23581">
        <v>19</v>
      </c>
      <c r="AO23581">
        <v>19</v>
      </c>
      <c r="AP23581">
        <v>19</v>
      </c>
      <c r="AQ23581">
        <v>19</v>
      </c>
    </row>
    <row r="23582" spans="1:43">
      <c r="A23582" t="s">
        <v>14603</v>
      </c>
      <c r="B23582" t="s">
        <v>14604</v>
      </c>
      <c r="C23582" t="s">
        <v>14605</v>
      </c>
      <c r="D23582" t="s">
        <v>14606</v>
      </c>
      <c r="E23582" t="s">
        <v>14535</v>
      </c>
      <c r="F23582" t="s">
        <v>14536</v>
      </c>
      <c r="G23582" t="s">
        <v>10734</v>
      </c>
      <c r="H23582" t="s">
        <v>10735</v>
      </c>
      <c r="I23582" s="2">
        <v>1</v>
      </c>
      <c r="J23582" s="2">
        <v>0</v>
      </c>
      <c r="K23582" s="2">
        <v>0</v>
      </c>
      <c r="L23582" t="s">
        <v>120</v>
      </c>
      <c r="M23582" t="s">
        <v>83</v>
      </c>
      <c r="N23582" t="s">
        <v>84</v>
      </c>
      <c r="O23582" t="s">
        <v>85</v>
      </c>
      <c r="P23582" t="s">
        <v>86</v>
      </c>
      <c r="Q23582">
        <v>6</v>
      </c>
      <c r="R23582">
        <v>6</v>
      </c>
      <c r="S23582">
        <v>6</v>
      </c>
      <c r="T23582">
        <v>6</v>
      </c>
      <c r="U23582">
        <v>6</v>
      </c>
      <c r="V23582">
        <v>6</v>
      </c>
      <c r="W23582">
        <v>6</v>
      </c>
      <c r="X23582">
        <v>6</v>
      </c>
      <c r="Y23582">
        <v>6</v>
      </c>
      <c r="Z23582">
        <v>6</v>
      </c>
      <c r="AA23582">
        <v>6</v>
      </c>
      <c r="AB23582">
        <v>6</v>
      </c>
      <c r="AC23582">
        <v>6</v>
      </c>
      <c r="AD23582">
        <v>6</v>
      </c>
      <c r="AE23582">
        <v>6</v>
      </c>
      <c r="AF23582">
        <v>6</v>
      </c>
      <c r="AG23582">
        <v>6</v>
      </c>
      <c r="AH23582">
        <v>6</v>
      </c>
      <c r="AI23582">
        <v>6</v>
      </c>
      <c r="AJ23582">
        <v>6</v>
      </c>
      <c r="AK23582">
        <v>7</v>
      </c>
      <c r="AL23582">
        <v>6</v>
      </c>
      <c r="AM23582">
        <v>6</v>
      </c>
      <c r="AN23582">
        <v>6</v>
      </c>
      <c r="AO23582">
        <v>6</v>
      </c>
      <c r="AP23582">
        <v>6</v>
      </c>
      <c r="AQ23582">
        <v>6</v>
      </c>
    </row>
    <row r="23583" spans="1:43">
      <c r="A23583" t="s">
        <v>14603</v>
      </c>
      <c r="B23583" t="s">
        <v>14604</v>
      </c>
      <c r="C23583" t="s">
        <v>14605</v>
      </c>
      <c r="D23583" t="s">
        <v>14606</v>
      </c>
      <c r="E23583" t="s">
        <v>14535</v>
      </c>
      <c r="F23583" t="s">
        <v>14536</v>
      </c>
      <c r="G23583" t="s">
        <v>10734</v>
      </c>
      <c r="H23583" t="s">
        <v>10735</v>
      </c>
      <c r="I23583" s="2">
        <v>1</v>
      </c>
      <c r="J23583" s="2">
        <v>0</v>
      </c>
      <c r="K23583" s="2">
        <v>0</v>
      </c>
      <c r="L23583" t="s">
        <v>120</v>
      </c>
      <c r="M23583" t="s">
        <v>87</v>
      </c>
      <c r="N23583" t="s">
        <v>88</v>
      </c>
      <c r="O23583" t="s">
        <v>85</v>
      </c>
      <c r="P23583" t="s">
        <v>86</v>
      </c>
      <c r="Q23583">
        <v>6</v>
      </c>
      <c r="R23583">
        <v>6</v>
      </c>
      <c r="S23583">
        <v>6</v>
      </c>
      <c r="T23583">
        <v>6</v>
      </c>
      <c r="U23583">
        <v>6</v>
      </c>
      <c r="V23583">
        <v>6</v>
      </c>
      <c r="W23583">
        <v>6</v>
      </c>
      <c r="X23583">
        <v>6</v>
      </c>
      <c r="Y23583">
        <v>6</v>
      </c>
      <c r="Z23583">
        <v>6</v>
      </c>
      <c r="AA23583">
        <v>6</v>
      </c>
      <c r="AB23583">
        <v>6</v>
      </c>
      <c r="AC23583">
        <v>6</v>
      </c>
      <c r="AD23583">
        <v>6</v>
      </c>
      <c r="AE23583">
        <v>6</v>
      </c>
      <c r="AF23583">
        <v>6</v>
      </c>
      <c r="AG23583">
        <v>6</v>
      </c>
      <c r="AH23583">
        <v>6</v>
      </c>
      <c r="AI23583">
        <v>6</v>
      </c>
      <c r="AJ23583">
        <v>6</v>
      </c>
      <c r="AK23583">
        <v>6</v>
      </c>
      <c r="AL23583">
        <v>6</v>
      </c>
      <c r="AM23583">
        <v>6</v>
      </c>
      <c r="AN23583">
        <v>6</v>
      </c>
      <c r="AO23583">
        <v>6</v>
      </c>
      <c r="AP23583">
        <v>6</v>
      </c>
      <c r="AQ23583">
        <v>6</v>
      </c>
    </row>
    <row r="23584" spans="1:43">
      <c r="A23584" t="s">
        <v>14603</v>
      </c>
      <c r="B23584" t="s">
        <v>14604</v>
      </c>
      <c r="C23584" t="s">
        <v>14605</v>
      </c>
      <c r="D23584" t="s">
        <v>14606</v>
      </c>
      <c r="E23584" t="s">
        <v>14535</v>
      </c>
      <c r="F23584" t="s">
        <v>14536</v>
      </c>
      <c r="G23584" t="s">
        <v>10734</v>
      </c>
      <c r="H23584" t="s">
        <v>10735</v>
      </c>
      <c r="I23584" s="2">
        <v>1</v>
      </c>
      <c r="J23584" s="2">
        <v>0</v>
      </c>
      <c r="K23584" s="2">
        <v>0</v>
      </c>
      <c r="L23584" t="s">
        <v>120</v>
      </c>
      <c r="M23584" t="s">
        <v>89</v>
      </c>
      <c r="N23584" t="s">
        <v>90</v>
      </c>
      <c r="O23584" t="s">
        <v>85</v>
      </c>
      <c r="P23584" t="s">
        <v>86</v>
      </c>
      <c r="Q23584">
        <v>6</v>
      </c>
      <c r="R23584">
        <v>6</v>
      </c>
      <c r="S23584">
        <v>6</v>
      </c>
      <c r="T23584">
        <v>6</v>
      </c>
      <c r="U23584">
        <v>7</v>
      </c>
      <c r="V23584">
        <v>7</v>
      </c>
      <c r="W23584">
        <v>7</v>
      </c>
      <c r="X23584">
        <v>7</v>
      </c>
      <c r="Y23584">
        <v>7</v>
      </c>
      <c r="Z23584">
        <v>7</v>
      </c>
      <c r="AA23584">
        <v>7</v>
      </c>
      <c r="AB23584">
        <v>7</v>
      </c>
      <c r="AC23584">
        <v>7</v>
      </c>
      <c r="AD23584">
        <v>7</v>
      </c>
      <c r="AE23584">
        <v>7</v>
      </c>
      <c r="AF23584">
        <v>7</v>
      </c>
      <c r="AG23584">
        <v>7</v>
      </c>
      <c r="AH23584">
        <v>7</v>
      </c>
      <c r="AI23584">
        <v>7</v>
      </c>
      <c r="AJ23584">
        <v>7</v>
      </c>
      <c r="AK23584">
        <v>7</v>
      </c>
      <c r="AL23584">
        <v>7</v>
      </c>
      <c r="AM23584">
        <v>7</v>
      </c>
      <c r="AN23584">
        <v>6</v>
      </c>
      <c r="AO23584">
        <v>6</v>
      </c>
      <c r="AP23584">
        <v>6</v>
      </c>
      <c r="AQ23584">
        <v>6</v>
      </c>
    </row>
    <row r="23585" spans="1:43">
      <c r="A23585" t="s">
        <v>14603</v>
      </c>
      <c r="B23585" t="s">
        <v>14604</v>
      </c>
      <c r="C23585" t="s">
        <v>14605</v>
      </c>
      <c r="D23585" t="s">
        <v>14606</v>
      </c>
      <c r="E23585" t="s">
        <v>14535</v>
      </c>
      <c r="F23585" t="s">
        <v>14536</v>
      </c>
      <c r="G23585" t="s">
        <v>10734</v>
      </c>
      <c r="H23585" t="s">
        <v>10735</v>
      </c>
      <c r="I23585" s="2">
        <v>1</v>
      </c>
      <c r="J23585" s="2">
        <v>0</v>
      </c>
      <c r="K23585" s="2">
        <v>0</v>
      </c>
      <c r="L23585" t="s">
        <v>120</v>
      </c>
      <c r="M23585" t="s">
        <v>83</v>
      </c>
      <c r="N23585" t="s">
        <v>91</v>
      </c>
      <c r="O23585" t="s">
        <v>85</v>
      </c>
      <c r="P23585" t="s">
        <v>86</v>
      </c>
      <c r="Q23585">
        <v>6</v>
      </c>
      <c r="R23585">
        <v>6</v>
      </c>
      <c r="S23585">
        <v>6</v>
      </c>
      <c r="T23585">
        <v>6</v>
      </c>
      <c r="U23585">
        <v>6</v>
      </c>
      <c r="V23585">
        <v>6</v>
      </c>
      <c r="W23585">
        <v>6</v>
      </c>
      <c r="X23585">
        <v>6</v>
      </c>
      <c r="Y23585">
        <v>6</v>
      </c>
      <c r="Z23585">
        <v>6</v>
      </c>
      <c r="AA23585">
        <v>6</v>
      </c>
      <c r="AB23585">
        <v>6</v>
      </c>
      <c r="AC23585">
        <v>6</v>
      </c>
      <c r="AD23585">
        <v>6</v>
      </c>
      <c r="AE23585">
        <v>6</v>
      </c>
      <c r="AF23585">
        <v>6</v>
      </c>
      <c r="AG23585">
        <v>6</v>
      </c>
      <c r="AH23585">
        <v>6</v>
      </c>
      <c r="AI23585">
        <v>6</v>
      </c>
      <c r="AJ23585">
        <v>6</v>
      </c>
      <c r="AK23585">
        <v>7</v>
      </c>
      <c r="AL23585">
        <v>6</v>
      </c>
      <c r="AM23585">
        <v>6</v>
      </c>
      <c r="AN23585">
        <v>6</v>
      </c>
      <c r="AO23585">
        <v>6</v>
      </c>
      <c r="AP23585">
        <v>6</v>
      </c>
      <c r="AQ23585">
        <v>6</v>
      </c>
    </row>
    <row r="23586" spans="1:43">
      <c r="A23586" t="s">
        <v>14607</v>
      </c>
      <c r="B23586" t="s">
        <v>14608</v>
      </c>
      <c r="C23586" t="s">
        <v>14609</v>
      </c>
      <c r="D23586" t="s">
        <v>14610</v>
      </c>
      <c r="E23586" t="s">
        <v>14535</v>
      </c>
      <c r="F23586" t="s">
        <v>14536</v>
      </c>
      <c r="G23586" t="s">
        <v>10734</v>
      </c>
      <c r="H23586" t="s">
        <v>10735</v>
      </c>
      <c r="I23586" s="2">
        <v>1</v>
      </c>
      <c r="J23586" s="2">
        <v>0</v>
      </c>
      <c r="K23586" s="2">
        <v>0</v>
      </c>
      <c r="L23586" t="s">
        <v>120</v>
      </c>
      <c r="M23586" t="s">
        <v>83</v>
      </c>
      <c r="N23586" t="s">
        <v>84</v>
      </c>
      <c r="O23586" t="s">
        <v>85</v>
      </c>
      <c r="P23586" t="s">
        <v>86</v>
      </c>
      <c r="Q23586">
        <v>12</v>
      </c>
      <c r="R23586">
        <v>12</v>
      </c>
      <c r="S23586">
        <v>12</v>
      </c>
      <c r="T23586">
        <v>12</v>
      </c>
      <c r="U23586">
        <v>12</v>
      </c>
      <c r="V23586">
        <v>12</v>
      </c>
      <c r="W23586">
        <v>12</v>
      </c>
      <c r="X23586">
        <v>12</v>
      </c>
      <c r="Y23586">
        <v>12</v>
      </c>
      <c r="Z23586">
        <v>12</v>
      </c>
      <c r="AA23586">
        <v>12</v>
      </c>
      <c r="AB23586">
        <v>12</v>
      </c>
      <c r="AC23586">
        <v>12</v>
      </c>
      <c r="AD23586">
        <v>13</v>
      </c>
      <c r="AE23586">
        <v>13</v>
      </c>
      <c r="AF23586">
        <v>13</v>
      </c>
      <c r="AG23586">
        <v>13</v>
      </c>
      <c r="AH23586">
        <v>13</v>
      </c>
      <c r="AI23586">
        <v>13</v>
      </c>
      <c r="AJ23586">
        <v>13</v>
      </c>
      <c r="AK23586">
        <v>13</v>
      </c>
      <c r="AL23586">
        <v>13</v>
      </c>
      <c r="AM23586">
        <v>13</v>
      </c>
      <c r="AN23586">
        <v>12</v>
      </c>
      <c r="AO23586">
        <v>12</v>
      </c>
      <c r="AP23586">
        <v>12</v>
      </c>
      <c r="AQ23586">
        <v>12</v>
      </c>
    </row>
    <row r="23587" spans="1:43">
      <c r="A23587" t="s">
        <v>14607</v>
      </c>
      <c r="B23587" t="s">
        <v>14608</v>
      </c>
      <c r="C23587" t="s">
        <v>14609</v>
      </c>
      <c r="D23587" t="s">
        <v>14610</v>
      </c>
      <c r="E23587" t="s">
        <v>14535</v>
      </c>
      <c r="F23587" t="s">
        <v>14536</v>
      </c>
      <c r="G23587" t="s">
        <v>10734</v>
      </c>
      <c r="H23587" t="s">
        <v>10735</v>
      </c>
      <c r="I23587" s="2">
        <v>1</v>
      </c>
      <c r="J23587" s="2">
        <v>0</v>
      </c>
      <c r="K23587" s="2">
        <v>0</v>
      </c>
      <c r="L23587" t="s">
        <v>120</v>
      </c>
      <c r="M23587" t="s">
        <v>87</v>
      </c>
      <c r="N23587" t="s">
        <v>88</v>
      </c>
      <c r="O23587" t="s">
        <v>85</v>
      </c>
      <c r="P23587" t="s">
        <v>86</v>
      </c>
      <c r="Q23587">
        <v>12</v>
      </c>
      <c r="R23587">
        <v>12</v>
      </c>
      <c r="S23587">
        <v>12</v>
      </c>
      <c r="T23587">
        <v>12</v>
      </c>
      <c r="U23587">
        <v>12</v>
      </c>
      <c r="V23587">
        <v>12</v>
      </c>
      <c r="W23587">
        <v>12</v>
      </c>
      <c r="X23587">
        <v>12</v>
      </c>
      <c r="Y23587">
        <v>11</v>
      </c>
      <c r="Z23587">
        <v>11</v>
      </c>
      <c r="AA23587">
        <v>11</v>
      </c>
      <c r="AB23587">
        <v>11</v>
      </c>
      <c r="AC23587">
        <v>11</v>
      </c>
      <c r="AD23587">
        <v>11</v>
      </c>
      <c r="AE23587">
        <v>11</v>
      </c>
      <c r="AF23587">
        <v>11</v>
      </c>
      <c r="AG23587">
        <v>11</v>
      </c>
      <c r="AH23587">
        <v>11</v>
      </c>
      <c r="AI23587">
        <v>11</v>
      </c>
      <c r="AJ23587">
        <v>11</v>
      </c>
      <c r="AK23587">
        <v>11</v>
      </c>
      <c r="AL23587">
        <v>11</v>
      </c>
      <c r="AM23587">
        <v>11</v>
      </c>
      <c r="AN23587">
        <v>11</v>
      </c>
      <c r="AO23587">
        <v>11</v>
      </c>
      <c r="AP23587">
        <v>11</v>
      </c>
      <c r="AQ23587">
        <v>11</v>
      </c>
    </row>
    <row r="23588" spans="1:43">
      <c r="A23588" t="s">
        <v>14607</v>
      </c>
      <c r="B23588" t="s">
        <v>14608</v>
      </c>
      <c r="C23588" t="s">
        <v>14609</v>
      </c>
      <c r="D23588" t="s">
        <v>14610</v>
      </c>
      <c r="E23588" t="s">
        <v>14535</v>
      </c>
      <c r="F23588" t="s">
        <v>14536</v>
      </c>
      <c r="G23588" t="s">
        <v>10734</v>
      </c>
      <c r="H23588" t="s">
        <v>10735</v>
      </c>
      <c r="I23588" s="2">
        <v>1</v>
      </c>
      <c r="J23588" s="2">
        <v>0</v>
      </c>
      <c r="K23588" s="2">
        <v>0</v>
      </c>
      <c r="L23588" t="s">
        <v>120</v>
      </c>
      <c r="M23588" t="s">
        <v>89</v>
      </c>
      <c r="N23588" t="s">
        <v>90</v>
      </c>
      <c r="O23588" t="s">
        <v>85</v>
      </c>
      <c r="P23588" t="s">
        <v>86</v>
      </c>
      <c r="Q23588">
        <v>12</v>
      </c>
      <c r="R23588">
        <v>12</v>
      </c>
      <c r="S23588">
        <v>12</v>
      </c>
      <c r="T23588">
        <v>13</v>
      </c>
      <c r="U23588">
        <v>13</v>
      </c>
      <c r="V23588">
        <v>13</v>
      </c>
      <c r="W23588">
        <v>13</v>
      </c>
      <c r="X23588">
        <v>13</v>
      </c>
      <c r="Y23588">
        <v>13</v>
      </c>
      <c r="Z23588">
        <v>13</v>
      </c>
      <c r="AA23588">
        <v>13</v>
      </c>
      <c r="AB23588">
        <v>13</v>
      </c>
      <c r="AC23588">
        <v>13</v>
      </c>
      <c r="AD23588">
        <v>13</v>
      </c>
      <c r="AE23588">
        <v>13</v>
      </c>
      <c r="AF23588">
        <v>13</v>
      </c>
      <c r="AG23588">
        <v>13</v>
      </c>
      <c r="AH23588">
        <v>13</v>
      </c>
      <c r="AI23588">
        <v>13</v>
      </c>
      <c r="AJ23588">
        <v>13</v>
      </c>
      <c r="AK23588">
        <v>13</v>
      </c>
      <c r="AL23588">
        <v>13</v>
      </c>
      <c r="AM23588">
        <v>13</v>
      </c>
      <c r="AN23588">
        <v>13</v>
      </c>
      <c r="AO23588">
        <v>12</v>
      </c>
      <c r="AP23588">
        <v>12</v>
      </c>
      <c r="AQ23588">
        <v>12</v>
      </c>
    </row>
    <row r="23589" spans="1:43">
      <c r="A23589" t="s">
        <v>14607</v>
      </c>
      <c r="B23589" t="s">
        <v>14608</v>
      </c>
      <c r="C23589" t="s">
        <v>14609</v>
      </c>
      <c r="D23589" t="s">
        <v>14610</v>
      </c>
      <c r="E23589" t="s">
        <v>14535</v>
      </c>
      <c r="F23589" t="s">
        <v>14536</v>
      </c>
      <c r="G23589" t="s">
        <v>10734</v>
      </c>
      <c r="H23589" t="s">
        <v>10735</v>
      </c>
      <c r="I23589" s="2">
        <v>1</v>
      </c>
      <c r="J23589" s="2">
        <v>0</v>
      </c>
      <c r="K23589" s="2">
        <v>0</v>
      </c>
      <c r="L23589" t="s">
        <v>120</v>
      </c>
      <c r="M23589" t="s">
        <v>83</v>
      </c>
      <c r="N23589" t="s">
        <v>91</v>
      </c>
      <c r="O23589" t="s">
        <v>85</v>
      </c>
      <c r="P23589" t="s">
        <v>86</v>
      </c>
      <c r="Q23589">
        <v>12</v>
      </c>
      <c r="R23589">
        <v>12</v>
      </c>
      <c r="S23589">
        <v>12</v>
      </c>
      <c r="T23589">
        <v>12</v>
      </c>
      <c r="U23589">
        <v>12</v>
      </c>
      <c r="V23589">
        <v>12</v>
      </c>
      <c r="W23589">
        <v>12</v>
      </c>
      <c r="X23589">
        <v>12</v>
      </c>
      <c r="Y23589">
        <v>12</v>
      </c>
      <c r="Z23589">
        <v>12</v>
      </c>
      <c r="AA23589">
        <v>12</v>
      </c>
      <c r="AB23589">
        <v>12</v>
      </c>
      <c r="AC23589">
        <v>12</v>
      </c>
      <c r="AD23589">
        <v>13</v>
      </c>
      <c r="AE23589">
        <v>13</v>
      </c>
      <c r="AF23589">
        <v>13</v>
      </c>
      <c r="AG23589">
        <v>13</v>
      </c>
      <c r="AH23589">
        <v>13</v>
      </c>
      <c r="AI23589">
        <v>13</v>
      </c>
      <c r="AJ23589">
        <v>13</v>
      </c>
      <c r="AK23589">
        <v>13</v>
      </c>
      <c r="AL23589">
        <v>13</v>
      </c>
      <c r="AM23589">
        <v>13</v>
      </c>
      <c r="AN23589">
        <v>12</v>
      </c>
      <c r="AO23589">
        <v>12</v>
      </c>
      <c r="AP23589">
        <v>12</v>
      </c>
      <c r="AQ23589">
        <v>12</v>
      </c>
    </row>
    <row r="23590" spans="1:43">
      <c r="A23590" t="s">
        <v>14611</v>
      </c>
      <c r="B23590" t="s">
        <v>14612</v>
      </c>
      <c r="C23590" t="s">
        <v>14605</v>
      </c>
      <c r="D23590" t="s">
        <v>14606</v>
      </c>
      <c r="E23590" t="s">
        <v>14535</v>
      </c>
      <c r="F23590" t="s">
        <v>14536</v>
      </c>
      <c r="G23590" t="s">
        <v>10734</v>
      </c>
      <c r="H23590" t="s">
        <v>10735</v>
      </c>
      <c r="I23590" s="2">
        <v>1</v>
      </c>
      <c r="J23590" s="2">
        <v>0</v>
      </c>
      <c r="K23590" s="2">
        <v>0</v>
      </c>
      <c r="L23590" t="s">
        <v>120</v>
      </c>
      <c r="M23590" t="s">
        <v>83</v>
      </c>
      <c r="N23590" t="s">
        <v>84</v>
      </c>
      <c r="O23590" t="s">
        <v>85</v>
      </c>
      <c r="P23590" t="s">
        <v>86</v>
      </c>
      <c r="Q23590">
        <v>92</v>
      </c>
      <c r="R23590">
        <v>93</v>
      </c>
      <c r="S23590">
        <v>93</v>
      </c>
      <c r="T23590">
        <v>93</v>
      </c>
      <c r="U23590">
        <v>94</v>
      </c>
      <c r="V23590">
        <v>94</v>
      </c>
      <c r="W23590">
        <v>94</v>
      </c>
      <c r="X23590">
        <v>94</v>
      </c>
      <c r="Y23590">
        <v>95</v>
      </c>
      <c r="Z23590">
        <v>95</v>
      </c>
      <c r="AA23590">
        <v>95</v>
      </c>
      <c r="AB23590">
        <v>95</v>
      </c>
      <c r="AC23590">
        <v>96</v>
      </c>
      <c r="AD23590">
        <v>96</v>
      </c>
      <c r="AE23590">
        <v>96</v>
      </c>
      <c r="AF23590">
        <v>96</v>
      </c>
      <c r="AG23590">
        <v>96</v>
      </c>
      <c r="AH23590">
        <v>97</v>
      </c>
      <c r="AI23590">
        <v>97</v>
      </c>
      <c r="AJ23590">
        <v>97</v>
      </c>
      <c r="AK23590">
        <v>97</v>
      </c>
      <c r="AL23590">
        <v>97</v>
      </c>
      <c r="AM23590">
        <v>96</v>
      </c>
      <c r="AN23590">
        <v>96</v>
      </c>
      <c r="AO23590">
        <v>95</v>
      </c>
      <c r="AP23590">
        <v>94</v>
      </c>
      <c r="AQ23590">
        <v>94</v>
      </c>
    </row>
    <row r="23591" spans="1:43">
      <c r="A23591" t="s">
        <v>14611</v>
      </c>
      <c r="B23591" t="s">
        <v>14612</v>
      </c>
      <c r="C23591" t="s">
        <v>14605</v>
      </c>
      <c r="D23591" t="s">
        <v>14606</v>
      </c>
      <c r="E23591" t="s">
        <v>14535</v>
      </c>
      <c r="F23591" t="s">
        <v>14536</v>
      </c>
      <c r="G23591" t="s">
        <v>10734</v>
      </c>
      <c r="H23591" t="s">
        <v>10735</v>
      </c>
      <c r="I23591" s="2">
        <v>1</v>
      </c>
      <c r="J23591" s="2">
        <v>0</v>
      </c>
      <c r="K23591" s="2">
        <v>0</v>
      </c>
      <c r="L23591" t="s">
        <v>120</v>
      </c>
      <c r="M23591" t="s">
        <v>87</v>
      </c>
      <c r="N23591" t="s">
        <v>88</v>
      </c>
      <c r="O23591" t="s">
        <v>85</v>
      </c>
      <c r="P23591" t="s">
        <v>86</v>
      </c>
      <c r="Q23591">
        <v>92</v>
      </c>
      <c r="R23591">
        <v>91</v>
      </c>
      <c r="S23591">
        <v>91</v>
      </c>
      <c r="T23591">
        <v>90</v>
      </c>
      <c r="U23591">
        <v>90</v>
      </c>
      <c r="V23591">
        <v>89</v>
      </c>
      <c r="W23591">
        <v>89</v>
      </c>
      <c r="X23591">
        <v>88</v>
      </c>
      <c r="Y23591">
        <v>88</v>
      </c>
      <c r="Z23591">
        <v>87</v>
      </c>
      <c r="AA23591">
        <v>87</v>
      </c>
      <c r="AB23591">
        <v>86</v>
      </c>
      <c r="AC23591">
        <v>86</v>
      </c>
      <c r="AD23591">
        <v>85</v>
      </c>
      <c r="AE23591">
        <v>85</v>
      </c>
      <c r="AF23591">
        <v>85</v>
      </c>
      <c r="AG23591">
        <v>84</v>
      </c>
      <c r="AH23591">
        <v>84</v>
      </c>
      <c r="AI23591">
        <v>83</v>
      </c>
      <c r="AJ23591">
        <v>83</v>
      </c>
      <c r="AK23591">
        <v>83</v>
      </c>
      <c r="AL23591">
        <v>82</v>
      </c>
      <c r="AM23591">
        <v>82</v>
      </c>
      <c r="AN23591">
        <v>82</v>
      </c>
      <c r="AO23591">
        <v>81</v>
      </c>
      <c r="AP23591">
        <v>81</v>
      </c>
      <c r="AQ23591">
        <v>81</v>
      </c>
    </row>
    <row r="23592" spans="1:43">
      <c r="A23592" t="s">
        <v>14611</v>
      </c>
      <c r="B23592" t="s">
        <v>14612</v>
      </c>
      <c r="C23592" t="s">
        <v>14605</v>
      </c>
      <c r="D23592" t="s">
        <v>14606</v>
      </c>
      <c r="E23592" t="s">
        <v>14535</v>
      </c>
      <c r="F23592" t="s">
        <v>14536</v>
      </c>
      <c r="G23592" t="s">
        <v>10734</v>
      </c>
      <c r="H23592" t="s">
        <v>10735</v>
      </c>
      <c r="I23592" s="2">
        <v>1</v>
      </c>
      <c r="J23592" s="2">
        <v>0</v>
      </c>
      <c r="K23592" s="2">
        <v>0</v>
      </c>
      <c r="L23592" t="s">
        <v>120</v>
      </c>
      <c r="M23592" t="s">
        <v>89</v>
      </c>
      <c r="N23592" t="s">
        <v>90</v>
      </c>
      <c r="O23592" t="s">
        <v>85</v>
      </c>
      <c r="P23592" t="s">
        <v>86</v>
      </c>
      <c r="Q23592">
        <v>92</v>
      </c>
      <c r="R23592">
        <v>93</v>
      </c>
      <c r="S23592">
        <v>94</v>
      </c>
      <c r="T23592">
        <v>95</v>
      </c>
      <c r="U23592">
        <v>96</v>
      </c>
      <c r="V23592">
        <v>97</v>
      </c>
      <c r="W23592">
        <v>98</v>
      </c>
      <c r="X23592">
        <v>99</v>
      </c>
      <c r="Y23592">
        <v>99</v>
      </c>
      <c r="Z23592">
        <v>100</v>
      </c>
      <c r="AA23592">
        <v>100</v>
      </c>
      <c r="AB23592">
        <v>101</v>
      </c>
      <c r="AC23592">
        <v>102</v>
      </c>
      <c r="AD23592">
        <v>102</v>
      </c>
      <c r="AE23592">
        <v>102</v>
      </c>
      <c r="AF23592">
        <v>101</v>
      </c>
      <c r="AG23592">
        <v>101</v>
      </c>
      <c r="AH23592">
        <v>100</v>
      </c>
      <c r="AI23592">
        <v>99</v>
      </c>
      <c r="AJ23592">
        <v>99</v>
      </c>
      <c r="AK23592">
        <v>98</v>
      </c>
      <c r="AL23592">
        <v>97</v>
      </c>
      <c r="AM23592">
        <v>97</v>
      </c>
      <c r="AN23592">
        <v>96</v>
      </c>
      <c r="AO23592">
        <v>96</v>
      </c>
      <c r="AP23592">
        <v>95</v>
      </c>
      <c r="AQ23592">
        <v>94</v>
      </c>
    </row>
    <row r="23593" spans="1:43">
      <c r="A23593" t="s">
        <v>14611</v>
      </c>
      <c r="B23593" t="s">
        <v>14612</v>
      </c>
      <c r="C23593" t="s">
        <v>14605</v>
      </c>
      <c r="D23593" t="s">
        <v>14606</v>
      </c>
      <c r="E23593" t="s">
        <v>14535</v>
      </c>
      <c r="F23593" t="s">
        <v>14536</v>
      </c>
      <c r="G23593" t="s">
        <v>10734</v>
      </c>
      <c r="H23593" t="s">
        <v>10735</v>
      </c>
      <c r="I23593" s="2">
        <v>1</v>
      </c>
      <c r="J23593" s="2">
        <v>0</v>
      </c>
      <c r="K23593" s="2">
        <v>0</v>
      </c>
      <c r="L23593" t="s">
        <v>120</v>
      </c>
      <c r="M23593" t="s">
        <v>83</v>
      </c>
      <c r="N23593" t="s">
        <v>91</v>
      </c>
      <c r="O23593" t="s">
        <v>85</v>
      </c>
      <c r="P23593" t="s">
        <v>86</v>
      </c>
      <c r="Q23593">
        <v>92</v>
      </c>
      <c r="R23593">
        <v>93</v>
      </c>
      <c r="S23593">
        <v>93</v>
      </c>
      <c r="T23593">
        <v>93</v>
      </c>
      <c r="U23593">
        <v>94</v>
      </c>
      <c r="V23593">
        <v>94</v>
      </c>
      <c r="W23593">
        <v>94</v>
      </c>
      <c r="X23593">
        <v>94</v>
      </c>
      <c r="Y23593">
        <v>95</v>
      </c>
      <c r="Z23593">
        <v>95</v>
      </c>
      <c r="AA23593">
        <v>95</v>
      </c>
      <c r="AB23593">
        <v>95</v>
      </c>
      <c r="AC23593">
        <v>96</v>
      </c>
      <c r="AD23593">
        <v>96</v>
      </c>
      <c r="AE23593">
        <v>96</v>
      </c>
      <c r="AF23593">
        <v>96</v>
      </c>
      <c r="AG23593">
        <v>96</v>
      </c>
      <c r="AH23593">
        <v>97</v>
      </c>
      <c r="AI23593">
        <v>97</v>
      </c>
      <c r="AJ23593">
        <v>97</v>
      </c>
      <c r="AK23593">
        <v>97</v>
      </c>
      <c r="AL23593">
        <v>97</v>
      </c>
      <c r="AM23593">
        <v>96</v>
      </c>
      <c r="AN23593">
        <v>96</v>
      </c>
      <c r="AO23593">
        <v>95</v>
      </c>
      <c r="AP23593">
        <v>94</v>
      </c>
      <c r="AQ23593">
        <v>94</v>
      </c>
    </row>
    <row r="23594" spans="1:43">
      <c r="A23594" t="s">
        <v>14613</v>
      </c>
      <c r="B23594" t="s">
        <v>14614</v>
      </c>
      <c r="C23594" t="s">
        <v>14609</v>
      </c>
      <c r="D23594" t="s">
        <v>14610</v>
      </c>
      <c r="E23594" t="s">
        <v>14535</v>
      </c>
      <c r="F23594" t="s">
        <v>14536</v>
      </c>
      <c r="G23594" t="s">
        <v>10734</v>
      </c>
      <c r="H23594" t="s">
        <v>10735</v>
      </c>
      <c r="I23594" s="2">
        <v>1</v>
      </c>
      <c r="J23594" s="2">
        <v>0</v>
      </c>
      <c r="K23594" s="2">
        <v>0</v>
      </c>
      <c r="L23594" t="s">
        <v>120</v>
      </c>
      <c r="M23594" t="s">
        <v>83</v>
      </c>
      <c r="N23594" t="s">
        <v>84</v>
      </c>
      <c r="O23594" t="s">
        <v>85</v>
      </c>
      <c r="P23594" t="s">
        <v>86</v>
      </c>
      <c r="Q23594">
        <v>79</v>
      </c>
      <c r="R23594">
        <v>80</v>
      </c>
      <c r="S23594">
        <v>80</v>
      </c>
      <c r="T23594">
        <v>80</v>
      </c>
      <c r="U23594">
        <v>80</v>
      </c>
      <c r="V23594">
        <v>81</v>
      </c>
      <c r="W23594">
        <v>81</v>
      </c>
      <c r="X23594">
        <v>81</v>
      </c>
      <c r="Y23594">
        <v>81</v>
      </c>
      <c r="Z23594">
        <v>82</v>
      </c>
      <c r="AA23594">
        <v>82</v>
      </c>
      <c r="AB23594">
        <v>82</v>
      </c>
      <c r="AC23594">
        <v>82</v>
      </c>
      <c r="AD23594">
        <v>82</v>
      </c>
      <c r="AE23594">
        <v>82</v>
      </c>
      <c r="AF23594">
        <v>83</v>
      </c>
      <c r="AG23594">
        <v>83</v>
      </c>
      <c r="AH23594">
        <v>83</v>
      </c>
      <c r="AI23594">
        <v>83</v>
      </c>
      <c r="AJ23594">
        <v>83</v>
      </c>
      <c r="AK23594">
        <v>83</v>
      </c>
      <c r="AL23594">
        <v>83</v>
      </c>
      <c r="AM23594">
        <v>83</v>
      </c>
      <c r="AN23594">
        <v>82</v>
      </c>
      <c r="AO23594">
        <v>82</v>
      </c>
      <c r="AP23594">
        <v>81</v>
      </c>
      <c r="AQ23594">
        <v>81</v>
      </c>
    </row>
    <row r="23595" spans="1:43">
      <c r="A23595" t="s">
        <v>14613</v>
      </c>
      <c r="B23595" t="s">
        <v>14614</v>
      </c>
      <c r="C23595" t="s">
        <v>14609</v>
      </c>
      <c r="D23595" t="s">
        <v>14610</v>
      </c>
      <c r="E23595" t="s">
        <v>14535</v>
      </c>
      <c r="F23595" t="s">
        <v>14536</v>
      </c>
      <c r="G23595" t="s">
        <v>10734</v>
      </c>
      <c r="H23595" t="s">
        <v>10735</v>
      </c>
      <c r="I23595" s="2">
        <v>1</v>
      </c>
      <c r="J23595" s="2">
        <v>0</v>
      </c>
      <c r="K23595" s="2">
        <v>0</v>
      </c>
      <c r="L23595" t="s">
        <v>120</v>
      </c>
      <c r="M23595" t="s">
        <v>87</v>
      </c>
      <c r="N23595" t="s">
        <v>88</v>
      </c>
      <c r="O23595" t="s">
        <v>85</v>
      </c>
      <c r="P23595" t="s">
        <v>86</v>
      </c>
      <c r="Q23595">
        <v>79</v>
      </c>
      <c r="R23595">
        <v>78</v>
      </c>
      <c r="S23595">
        <v>78</v>
      </c>
      <c r="T23595">
        <v>77</v>
      </c>
      <c r="U23595">
        <v>77</v>
      </c>
      <c r="V23595">
        <v>76</v>
      </c>
      <c r="W23595">
        <v>76</v>
      </c>
      <c r="X23595">
        <v>76</v>
      </c>
      <c r="Y23595">
        <v>75</v>
      </c>
      <c r="Z23595">
        <v>75</v>
      </c>
      <c r="AA23595">
        <v>75</v>
      </c>
      <c r="AB23595">
        <v>74</v>
      </c>
      <c r="AC23595">
        <v>74</v>
      </c>
      <c r="AD23595">
        <v>73</v>
      </c>
      <c r="AE23595">
        <v>73</v>
      </c>
      <c r="AF23595">
        <v>73</v>
      </c>
      <c r="AG23595">
        <v>72</v>
      </c>
      <c r="AH23595">
        <v>72</v>
      </c>
      <c r="AI23595">
        <v>72</v>
      </c>
      <c r="AJ23595">
        <v>72</v>
      </c>
      <c r="AK23595">
        <v>71</v>
      </c>
      <c r="AL23595">
        <v>71</v>
      </c>
      <c r="AM23595">
        <v>71</v>
      </c>
      <c r="AN23595">
        <v>70</v>
      </c>
      <c r="AO23595">
        <v>70</v>
      </c>
      <c r="AP23595">
        <v>70</v>
      </c>
      <c r="AQ23595">
        <v>69</v>
      </c>
    </row>
    <row r="23596" spans="1:43">
      <c r="A23596" t="s">
        <v>14613</v>
      </c>
      <c r="B23596" t="s">
        <v>14614</v>
      </c>
      <c r="C23596" t="s">
        <v>14609</v>
      </c>
      <c r="D23596" t="s">
        <v>14610</v>
      </c>
      <c r="E23596" t="s">
        <v>14535</v>
      </c>
      <c r="F23596" t="s">
        <v>14536</v>
      </c>
      <c r="G23596" t="s">
        <v>10734</v>
      </c>
      <c r="H23596" t="s">
        <v>10735</v>
      </c>
      <c r="I23596" s="2">
        <v>1</v>
      </c>
      <c r="J23596" s="2">
        <v>0</v>
      </c>
      <c r="K23596" s="2">
        <v>0</v>
      </c>
      <c r="L23596" t="s">
        <v>120</v>
      </c>
      <c r="M23596" t="s">
        <v>89</v>
      </c>
      <c r="N23596" t="s">
        <v>90</v>
      </c>
      <c r="O23596" t="s">
        <v>85</v>
      </c>
      <c r="P23596" t="s">
        <v>86</v>
      </c>
      <c r="Q23596">
        <v>79</v>
      </c>
      <c r="R23596">
        <v>80</v>
      </c>
      <c r="S23596">
        <v>81</v>
      </c>
      <c r="T23596">
        <v>82</v>
      </c>
      <c r="U23596">
        <v>83</v>
      </c>
      <c r="V23596">
        <v>83</v>
      </c>
      <c r="W23596">
        <v>84</v>
      </c>
      <c r="X23596">
        <v>85</v>
      </c>
      <c r="Y23596">
        <v>85</v>
      </c>
      <c r="Z23596">
        <v>86</v>
      </c>
      <c r="AA23596">
        <v>86</v>
      </c>
      <c r="AB23596">
        <v>87</v>
      </c>
      <c r="AC23596">
        <v>87</v>
      </c>
      <c r="AD23596">
        <v>88</v>
      </c>
      <c r="AE23596">
        <v>88</v>
      </c>
      <c r="AF23596">
        <v>87</v>
      </c>
      <c r="AG23596">
        <v>86</v>
      </c>
      <c r="AH23596">
        <v>86</v>
      </c>
      <c r="AI23596">
        <v>85</v>
      </c>
      <c r="AJ23596">
        <v>85</v>
      </c>
      <c r="AK23596">
        <v>84</v>
      </c>
      <c r="AL23596">
        <v>84</v>
      </c>
      <c r="AM23596">
        <v>83</v>
      </c>
      <c r="AN23596">
        <v>82</v>
      </c>
      <c r="AO23596">
        <v>82</v>
      </c>
      <c r="AP23596">
        <v>81</v>
      </c>
      <c r="AQ23596">
        <v>81</v>
      </c>
    </row>
    <row r="23597" spans="1:43">
      <c r="A23597" t="s">
        <v>14613</v>
      </c>
      <c r="B23597" t="s">
        <v>14614</v>
      </c>
      <c r="C23597" t="s">
        <v>14609</v>
      </c>
      <c r="D23597" t="s">
        <v>14610</v>
      </c>
      <c r="E23597" t="s">
        <v>14535</v>
      </c>
      <c r="F23597" t="s">
        <v>14536</v>
      </c>
      <c r="G23597" t="s">
        <v>10734</v>
      </c>
      <c r="H23597" t="s">
        <v>10735</v>
      </c>
      <c r="I23597" s="2">
        <v>1</v>
      </c>
      <c r="J23597" s="2">
        <v>0</v>
      </c>
      <c r="K23597" s="2">
        <v>0</v>
      </c>
      <c r="L23597" t="s">
        <v>120</v>
      </c>
      <c r="M23597" t="s">
        <v>83</v>
      </c>
      <c r="N23597" t="s">
        <v>91</v>
      </c>
      <c r="O23597" t="s">
        <v>85</v>
      </c>
      <c r="P23597" t="s">
        <v>86</v>
      </c>
      <c r="Q23597">
        <v>79</v>
      </c>
      <c r="R23597">
        <v>80</v>
      </c>
      <c r="S23597">
        <v>80</v>
      </c>
      <c r="T23597">
        <v>80</v>
      </c>
      <c r="U23597">
        <v>80</v>
      </c>
      <c r="V23597">
        <v>81</v>
      </c>
      <c r="W23597">
        <v>81</v>
      </c>
      <c r="X23597">
        <v>81</v>
      </c>
      <c r="Y23597">
        <v>81</v>
      </c>
      <c r="Z23597">
        <v>82</v>
      </c>
      <c r="AA23597">
        <v>82</v>
      </c>
      <c r="AB23597">
        <v>82</v>
      </c>
      <c r="AC23597">
        <v>82</v>
      </c>
      <c r="AD23597">
        <v>82</v>
      </c>
      <c r="AE23597">
        <v>82</v>
      </c>
      <c r="AF23597">
        <v>83</v>
      </c>
      <c r="AG23597">
        <v>83</v>
      </c>
      <c r="AH23597">
        <v>83</v>
      </c>
      <c r="AI23597">
        <v>83</v>
      </c>
      <c r="AJ23597">
        <v>83</v>
      </c>
      <c r="AK23597">
        <v>83</v>
      </c>
      <c r="AL23597">
        <v>83</v>
      </c>
      <c r="AM23597">
        <v>83</v>
      </c>
      <c r="AN23597">
        <v>82</v>
      </c>
      <c r="AO23597">
        <v>82</v>
      </c>
      <c r="AP23597">
        <v>81</v>
      </c>
      <c r="AQ23597">
        <v>81</v>
      </c>
    </row>
    <row r="23598" spans="1:43">
      <c r="A23598" t="s">
        <v>14615</v>
      </c>
      <c r="B23598" t="s">
        <v>14616</v>
      </c>
      <c r="C23598" t="s">
        <v>14605</v>
      </c>
      <c r="D23598" t="s">
        <v>14606</v>
      </c>
      <c r="E23598" t="s">
        <v>14535</v>
      </c>
      <c r="F23598" t="s">
        <v>14536</v>
      </c>
      <c r="G23598" t="s">
        <v>10734</v>
      </c>
      <c r="H23598" t="s">
        <v>10735</v>
      </c>
      <c r="I23598" s="2">
        <v>1</v>
      </c>
      <c r="J23598" s="2">
        <v>0</v>
      </c>
      <c r="K23598" s="2">
        <v>0</v>
      </c>
      <c r="L23598" t="s">
        <v>120</v>
      </c>
      <c r="M23598" t="s">
        <v>83</v>
      </c>
      <c r="N23598" t="s">
        <v>84</v>
      </c>
      <c r="O23598" t="s">
        <v>85</v>
      </c>
      <c r="P23598" t="s">
        <v>86</v>
      </c>
      <c r="Q23598">
        <v>83</v>
      </c>
      <c r="R23598">
        <v>84</v>
      </c>
      <c r="S23598">
        <v>84</v>
      </c>
      <c r="T23598">
        <v>84</v>
      </c>
      <c r="U23598">
        <v>84</v>
      </c>
      <c r="V23598">
        <v>85</v>
      </c>
      <c r="W23598">
        <v>85</v>
      </c>
      <c r="X23598">
        <v>85</v>
      </c>
      <c r="Y23598">
        <v>85</v>
      </c>
      <c r="Z23598">
        <v>85</v>
      </c>
      <c r="AA23598">
        <v>86</v>
      </c>
      <c r="AB23598">
        <v>86</v>
      </c>
      <c r="AC23598">
        <v>86</v>
      </c>
      <c r="AD23598">
        <v>86</v>
      </c>
      <c r="AE23598">
        <v>86</v>
      </c>
      <c r="AF23598">
        <v>87</v>
      </c>
      <c r="AG23598">
        <v>87</v>
      </c>
      <c r="AH23598">
        <v>87</v>
      </c>
      <c r="AI23598">
        <v>87</v>
      </c>
      <c r="AJ23598">
        <v>87</v>
      </c>
      <c r="AK23598">
        <v>87</v>
      </c>
      <c r="AL23598">
        <v>87</v>
      </c>
      <c r="AM23598">
        <v>87</v>
      </c>
      <c r="AN23598">
        <v>86</v>
      </c>
      <c r="AO23598">
        <v>86</v>
      </c>
      <c r="AP23598">
        <v>85</v>
      </c>
      <c r="AQ23598">
        <v>85</v>
      </c>
    </row>
    <row r="23599" spans="1:43">
      <c r="A23599" t="s">
        <v>14615</v>
      </c>
      <c r="B23599" t="s">
        <v>14616</v>
      </c>
      <c r="C23599" t="s">
        <v>14605</v>
      </c>
      <c r="D23599" t="s">
        <v>14606</v>
      </c>
      <c r="E23599" t="s">
        <v>14535</v>
      </c>
      <c r="F23599" t="s">
        <v>14536</v>
      </c>
      <c r="G23599" t="s">
        <v>10734</v>
      </c>
      <c r="H23599" t="s">
        <v>10735</v>
      </c>
      <c r="I23599" s="2">
        <v>1</v>
      </c>
      <c r="J23599" s="2">
        <v>0</v>
      </c>
      <c r="K23599" s="2">
        <v>0</v>
      </c>
      <c r="L23599" t="s">
        <v>120</v>
      </c>
      <c r="M23599" t="s">
        <v>87</v>
      </c>
      <c r="N23599" t="s">
        <v>88</v>
      </c>
      <c r="O23599" t="s">
        <v>85</v>
      </c>
      <c r="P23599" t="s">
        <v>86</v>
      </c>
      <c r="Q23599">
        <v>83</v>
      </c>
      <c r="R23599">
        <v>83</v>
      </c>
      <c r="S23599">
        <v>82</v>
      </c>
      <c r="T23599">
        <v>82</v>
      </c>
      <c r="U23599">
        <v>82</v>
      </c>
      <c r="V23599">
        <v>81</v>
      </c>
      <c r="W23599">
        <v>81</v>
      </c>
      <c r="X23599">
        <v>80</v>
      </c>
      <c r="Y23599">
        <v>80</v>
      </c>
      <c r="Z23599">
        <v>79</v>
      </c>
      <c r="AA23599">
        <v>79</v>
      </c>
      <c r="AB23599">
        <v>79</v>
      </c>
      <c r="AC23599">
        <v>78</v>
      </c>
      <c r="AD23599">
        <v>78</v>
      </c>
      <c r="AE23599">
        <v>78</v>
      </c>
      <c r="AF23599">
        <v>77</v>
      </c>
      <c r="AG23599">
        <v>77</v>
      </c>
      <c r="AH23599">
        <v>76</v>
      </c>
      <c r="AI23599">
        <v>76</v>
      </c>
      <c r="AJ23599">
        <v>76</v>
      </c>
      <c r="AK23599">
        <v>75</v>
      </c>
      <c r="AL23599">
        <v>75</v>
      </c>
      <c r="AM23599">
        <v>75</v>
      </c>
      <c r="AN23599">
        <v>75</v>
      </c>
      <c r="AO23599">
        <v>74</v>
      </c>
      <c r="AP23599">
        <v>74</v>
      </c>
      <c r="AQ23599">
        <v>74</v>
      </c>
    </row>
    <row r="23600" spans="1:43">
      <c r="A23600" t="s">
        <v>14615</v>
      </c>
      <c r="B23600" t="s">
        <v>14616</v>
      </c>
      <c r="C23600" t="s">
        <v>14605</v>
      </c>
      <c r="D23600" t="s">
        <v>14606</v>
      </c>
      <c r="E23600" t="s">
        <v>14535</v>
      </c>
      <c r="F23600" t="s">
        <v>14536</v>
      </c>
      <c r="G23600" t="s">
        <v>10734</v>
      </c>
      <c r="H23600" t="s">
        <v>10735</v>
      </c>
      <c r="I23600" s="2">
        <v>1</v>
      </c>
      <c r="J23600" s="2">
        <v>0</v>
      </c>
      <c r="K23600" s="2">
        <v>0</v>
      </c>
      <c r="L23600" t="s">
        <v>120</v>
      </c>
      <c r="M23600" t="s">
        <v>89</v>
      </c>
      <c r="N23600" t="s">
        <v>90</v>
      </c>
      <c r="O23600" t="s">
        <v>85</v>
      </c>
      <c r="P23600" t="s">
        <v>86</v>
      </c>
      <c r="Q23600">
        <v>83</v>
      </c>
      <c r="R23600">
        <v>84</v>
      </c>
      <c r="S23600">
        <v>85</v>
      </c>
      <c r="T23600">
        <v>86</v>
      </c>
      <c r="U23600">
        <v>87</v>
      </c>
      <c r="V23600">
        <v>87</v>
      </c>
      <c r="W23600">
        <v>88</v>
      </c>
      <c r="X23600">
        <v>89</v>
      </c>
      <c r="Y23600">
        <v>89</v>
      </c>
      <c r="Z23600">
        <v>90</v>
      </c>
      <c r="AA23600">
        <v>90</v>
      </c>
      <c r="AB23600">
        <v>91</v>
      </c>
      <c r="AC23600">
        <v>91</v>
      </c>
      <c r="AD23600">
        <v>92</v>
      </c>
      <c r="AE23600">
        <v>92</v>
      </c>
      <c r="AF23600">
        <v>91</v>
      </c>
      <c r="AG23600">
        <v>91</v>
      </c>
      <c r="AH23600">
        <v>90</v>
      </c>
      <c r="AI23600">
        <v>89</v>
      </c>
      <c r="AJ23600">
        <v>89</v>
      </c>
      <c r="AK23600">
        <v>88</v>
      </c>
      <c r="AL23600">
        <v>88</v>
      </c>
      <c r="AM23600">
        <v>87</v>
      </c>
      <c r="AN23600">
        <v>87</v>
      </c>
      <c r="AO23600">
        <v>86</v>
      </c>
      <c r="AP23600">
        <v>85</v>
      </c>
      <c r="AQ23600">
        <v>85</v>
      </c>
    </row>
    <row r="23601" spans="1:43">
      <c r="A23601" t="s">
        <v>14615</v>
      </c>
      <c r="B23601" t="s">
        <v>14616</v>
      </c>
      <c r="C23601" t="s">
        <v>14605</v>
      </c>
      <c r="D23601" t="s">
        <v>14606</v>
      </c>
      <c r="E23601" t="s">
        <v>14535</v>
      </c>
      <c r="F23601" t="s">
        <v>14536</v>
      </c>
      <c r="G23601" t="s">
        <v>10734</v>
      </c>
      <c r="H23601" t="s">
        <v>10735</v>
      </c>
      <c r="I23601" s="2">
        <v>1</v>
      </c>
      <c r="J23601" s="2">
        <v>0</v>
      </c>
      <c r="K23601" s="2">
        <v>0</v>
      </c>
      <c r="L23601" t="s">
        <v>120</v>
      </c>
      <c r="M23601" t="s">
        <v>83</v>
      </c>
      <c r="N23601" t="s">
        <v>91</v>
      </c>
      <c r="O23601" t="s">
        <v>85</v>
      </c>
      <c r="P23601" t="s">
        <v>86</v>
      </c>
      <c r="Q23601">
        <v>83</v>
      </c>
      <c r="R23601">
        <v>84</v>
      </c>
      <c r="S23601">
        <v>84</v>
      </c>
      <c r="T23601">
        <v>84</v>
      </c>
      <c r="U23601">
        <v>84</v>
      </c>
      <c r="V23601">
        <v>85</v>
      </c>
      <c r="W23601">
        <v>85</v>
      </c>
      <c r="X23601">
        <v>85</v>
      </c>
      <c r="Y23601">
        <v>85</v>
      </c>
      <c r="Z23601">
        <v>85</v>
      </c>
      <c r="AA23601">
        <v>86</v>
      </c>
      <c r="AB23601">
        <v>86</v>
      </c>
      <c r="AC23601">
        <v>86</v>
      </c>
      <c r="AD23601">
        <v>86</v>
      </c>
      <c r="AE23601">
        <v>86</v>
      </c>
      <c r="AF23601">
        <v>87</v>
      </c>
      <c r="AG23601">
        <v>87</v>
      </c>
      <c r="AH23601">
        <v>87</v>
      </c>
      <c r="AI23601">
        <v>87</v>
      </c>
      <c r="AJ23601">
        <v>87</v>
      </c>
      <c r="AK23601">
        <v>87</v>
      </c>
      <c r="AL23601">
        <v>87</v>
      </c>
      <c r="AM23601">
        <v>87</v>
      </c>
      <c r="AN23601">
        <v>86</v>
      </c>
      <c r="AO23601">
        <v>86</v>
      </c>
      <c r="AP23601">
        <v>85</v>
      </c>
      <c r="AQ23601">
        <v>85</v>
      </c>
    </row>
    <row r="23602" spans="1:43">
      <c r="A23602" t="s">
        <v>14617</v>
      </c>
      <c r="B23602" t="s">
        <v>14618</v>
      </c>
      <c r="C23602" t="s">
        <v>14605</v>
      </c>
      <c r="D23602" t="s">
        <v>14606</v>
      </c>
      <c r="E23602" t="s">
        <v>14535</v>
      </c>
      <c r="F23602" t="s">
        <v>14536</v>
      </c>
      <c r="G23602" t="s">
        <v>10734</v>
      </c>
      <c r="H23602" t="s">
        <v>10735</v>
      </c>
      <c r="I23602" s="2">
        <v>1</v>
      </c>
      <c r="J23602" s="2">
        <v>0</v>
      </c>
      <c r="K23602" s="2">
        <v>0</v>
      </c>
      <c r="L23602" t="s">
        <v>120</v>
      </c>
      <c r="M23602" t="s">
        <v>83</v>
      </c>
      <c r="N23602" t="s">
        <v>84</v>
      </c>
      <c r="O23602" t="s">
        <v>85</v>
      </c>
      <c r="P23602" t="s">
        <v>86</v>
      </c>
      <c r="Q23602">
        <v>11</v>
      </c>
      <c r="R23602">
        <v>11</v>
      </c>
      <c r="S23602">
        <v>11</v>
      </c>
      <c r="T23602">
        <v>11</v>
      </c>
      <c r="U23602">
        <v>11</v>
      </c>
      <c r="V23602">
        <v>11</v>
      </c>
      <c r="W23602">
        <v>11</v>
      </c>
      <c r="X23602">
        <v>11</v>
      </c>
      <c r="Y23602">
        <v>11</v>
      </c>
      <c r="Z23602">
        <v>11</v>
      </c>
      <c r="AA23602">
        <v>12</v>
      </c>
      <c r="AB23602">
        <v>12</v>
      </c>
      <c r="AC23602">
        <v>12</v>
      </c>
      <c r="AD23602">
        <v>12</v>
      </c>
      <c r="AE23602">
        <v>12</v>
      </c>
      <c r="AF23602">
        <v>12</v>
      </c>
      <c r="AG23602">
        <v>12</v>
      </c>
      <c r="AH23602">
        <v>12</v>
      </c>
      <c r="AI23602">
        <v>12</v>
      </c>
      <c r="AJ23602">
        <v>12</v>
      </c>
      <c r="AK23602">
        <v>12</v>
      </c>
      <c r="AL23602">
        <v>12</v>
      </c>
      <c r="AM23602">
        <v>12</v>
      </c>
      <c r="AN23602">
        <v>12</v>
      </c>
      <c r="AO23602">
        <v>11</v>
      </c>
      <c r="AP23602">
        <v>11</v>
      </c>
      <c r="AQ23602">
        <v>11</v>
      </c>
    </row>
    <row r="23603" spans="1:43">
      <c r="A23603" t="s">
        <v>14617</v>
      </c>
      <c r="B23603" t="s">
        <v>14618</v>
      </c>
      <c r="C23603" t="s">
        <v>14605</v>
      </c>
      <c r="D23603" t="s">
        <v>14606</v>
      </c>
      <c r="E23603" t="s">
        <v>14535</v>
      </c>
      <c r="F23603" t="s">
        <v>14536</v>
      </c>
      <c r="G23603" t="s">
        <v>10734</v>
      </c>
      <c r="H23603" t="s">
        <v>10735</v>
      </c>
      <c r="I23603" s="2">
        <v>1</v>
      </c>
      <c r="J23603" s="2">
        <v>0</v>
      </c>
      <c r="K23603" s="2">
        <v>0</v>
      </c>
      <c r="L23603" t="s">
        <v>120</v>
      </c>
      <c r="M23603" t="s">
        <v>87</v>
      </c>
      <c r="N23603" t="s">
        <v>88</v>
      </c>
      <c r="O23603" t="s">
        <v>85</v>
      </c>
      <c r="P23603" t="s">
        <v>86</v>
      </c>
      <c r="Q23603">
        <v>11</v>
      </c>
      <c r="R23603">
        <v>11</v>
      </c>
      <c r="S23603">
        <v>11</v>
      </c>
      <c r="T23603">
        <v>11</v>
      </c>
      <c r="U23603">
        <v>11</v>
      </c>
      <c r="V23603">
        <v>11</v>
      </c>
      <c r="W23603">
        <v>11</v>
      </c>
      <c r="X23603">
        <v>11</v>
      </c>
      <c r="Y23603">
        <v>11</v>
      </c>
      <c r="Z23603">
        <v>11</v>
      </c>
      <c r="AA23603">
        <v>11</v>
      </c>
      <c r="AB23603">
        <v>10</v>
      </c>
      <c r="AC23603">
        <v>10</v>
      </c>
      <c r="AD23603">
        <v>10</v>
      </c>
      <c r="AE23603">
        <v>10</v>
      </c>
      <c r="AF23603">
        <v>10</v>
      </c>
      <c r="AG23603">
        <v>10</v>
      </c>
      <c r="AH23603">
        <v>10</v>
      </c>
      <c r="AI23603">
        <v>10</v>
      </c>
      <c r="AJ23603">
        <v>10</v>
      </c>
      <c r="AK23603">
        <v>10</v>
      </c>
      <c r="AL23603">
        <v>10</v>
      </c>
      <c r="AM23603">
        <v>10</v>
      </c>
      <c r="AN23603">
        <v>10</v>
      </c>
      <c r="AO23603">
        <v>10</v>
      </c>
      <c r="AP23603">
        <v>10</v>
      </c>
      <c r="AQ23603">
        <v>10</v>
      </c>
    </row>
    <row r="23604" spans="1:43">
      <c r="A23604" t="s">
        <v>14617</v>
      </c>
      <c r="B23604" t="s">
        <v>14618</v>
      </c>
      <c r="C23604" t="s">
        <v>14605</v>
      </c>
      <c r="D23604" t="s">
        <v>14606</v>
      </c>
      <c r="E23604" t="s">
        <v>14535</v>
      </c>
      <c r="F23604" t="s">
        <v>14536</v>
      </c>
      <c r="G23604" t="s">
        <v>10734</v>
      </c>
      <c r="H23604" t="s">
        <v>10735</v>
      </c>
      <c r="I23604" s="2">
        <v>1</v>
      </c>
      <c r="J23604" s="2">
        <v>0</v>
      </c>
      <c r="K23604" s="2">
        <v>0</v>
      </c>
      <c r="L23604" t="s">
        <v>120</v>
      </c>
      <c r="M23604" t="s">
        <v>89</v>
      </c>
      <c r="N23604" t="s">
        <v>90</v>
      </c>
      <c r="O23604" t="s">
        <v>85</v>
      </c>
      <c r="P23604" t="s">
        <v>86</v>
      </c>
      <c r="Q23604">
        <v>11</v>
      </c>
      <c r="R23604">
        <v>11</v>
      </c>
      <c r="S23604">
        <v>12</v>
      </c>
      <c r="T23604">
        <v>12</v>
      </c>
      <c r="U23604">
        <v>12</v>
      </c>
      <c r="V23604">
        <v>12</v>
      </c>
      <c r="W23604">
        <v>12</v>
      </c>
      <c r="X23604">
        <v>12</v>
      </c>
      <c r="Y23604">
        <v>12</v>
      </c>
      <c r="Z23604">
        <v>12</v>
      </c>
      <c r="AA23604">
        <v>12</v>
      </c>
      <c r="AB23604">
        <v>12</v>
      </c>
      <c r="AC23604">
        <v>12</v>
      </c>
      <c r="AD23604">
        <v>12</v>
      </c>
      <c r="AE23604">
        <v>12</v>
      </c>
      <c r="AF23604">
        <v>12</v>
      </c>
      <c r="AG23604">
        <v>12</v>
      </c>
      <c r="AH23604">
        <v>12</v>
      </c>
      <c r="AI23604">
        <v>12</v>
      </c>
      <c r="AJ23604">
        <v>12</v>
      </c>
      <c r="AK23604">
        <v>12</v>
      </c>
      <c r="AL23604">
        <v>12</v>
      </c>
      <c r="AM23604">
        <v>12</v>
      </c>
      <c r="AN23604">
        <v>12</v>
      </c>
      <c r="AO23604">
        <v>12</v>
      </c>
      <c r="AP23604">
        <v>12</v>
      </c>
      <c r="AQ23604">
        <v>11</v>
      </c>
    </row>
    <row r="23605" spans="1:43">
      <c r="A23605" t="s">
        <v>14617</v>
      </c>
      <c r="B23605" t="s">
        <v>14618</v>
      </c>
      <c r="C23605" t="s">
        <v>14605</v>
      </c>
      <c r="D23605" t="s">
        <v>14606</v>
      </c>
      <c r="E23605" t="s">
        <v>14535</v>
      </c>
      <c r="F23605" t="s">
        <v>14536</v>
      </c>
      <c r="G23605" t="s">
        <v>10734</v>
      </c>
      <c r="H23605" t="s">
        <v>10735</v>
      </c>
      <c r="I23605" s="2">
        <v>1</v>
      </c>
      <c r="J23605" s="2">
        <v>0</v>
      </c>
      <c r="K23605" s="2">
        <v>0</v>
      </c>
      <c r="L23605" t="s">
        <v>120</v>
      </c>
      <c r="M23605" t="s">
        <v>83</v>
      </c>
      <c r="N23605" t="s">
        <v>91</v>
      </c>
      <c r="O23605" t="s">
        <v>85</v>
      </c>
      <c r="P23605" t="s">
        <v>86</v>
      </c>
      <c r="Q23605">
        <v>11</v>
      </c>
      <c r="R23605">
        <v>11</v>
      </c>
      <c r="S23605">
        <v>11</v>
      </c>
      <c r="T23605">
        <v>11</v>
      </c>
      <c r="U23605">
        <v>11</v>
      </c>
      <c r="V23605">
        <v>11</v>
      </c>
      <c r="W23605">
        <v>11</v>
      </c>
      <c r="X23605">
        <v>11</v>
      </c>
      <c r="Y23605">
        <v>11</v>
      </c>
      <c r="Z23605">
        <v>11</v>
      </c>
      <c r="AA23605">
        <v>12</v>
      </c>
      <c r="AB23605">
        <v>12</v>
      </c>
      <c r="AC23605">
        <v>12</v>
      </c>
      <c r="AD23605">
        <v>12</v>
      </c>
      <c r="AE23605">
        <v>12</v>
      </c>
      <c r="AF23605">
        <v>12</v>
      </c>
      <c r="AG23605">
        <v>12</v>
      </c>
      <c r="AH23605">
        <v>12</v>
      </c>
      <c r="AI23605">
        <v>12</v>
      </c>
      <c r="AJ23605">
        <v>12</v>
      </c>
      <c r="AK23605">
        <v>12</v>
      </c>
      <c r="AL23605">
        <v>12</v>
      </c>
      <c r="AM23605">
        <v>12</v>
      </c>
      <c r="AN23605">
        <v>12</v>
      </c>
      <c r="AO23605">
        <v>11</v>
      </c>
      <c r="AP23605">
        <v>11</v>
      </c>
      <c r="AQ23605">
        <v>11</v>
      </c>
    </row>
    <row r="23606" spans="1:43">
      <c r="A23606" t="s">
        <v>14619</v>
      </c>
      <c r="B23606" t="s">
        <v>14620</v>
      </c>
      <c r="C23606" t="s">
        <v>14621</v>
      </c>
      <c r="D23606" t="s">
        <v>14622</v>
      </c>
      <c r="E23606" t="s">
        <v>14535</v>
      </c>
      <c r="F23606" t="s">
        <v>14536</v>
      </c>
      <c r="G23606" t="s">
        <v>10734</v>
      </c>
      <c r="H23606" t="s">
        <v>10735</v>
      </c>
      <c r="I23606" s="2">
        <v>1</v>
      </c>
      <c r="J23606" s="2">
        <v>0</v>
      </c>
      <c r="K23606" s="2">
        <v>0</v>
      </c>
      <c r="L23606" t="s">
        <v>120</v>
      </c>
      <c r="M23606" t="s">
        <v>83</v>
      </c>
      <c r="N23606" t="s">
        <v>84</v>
      </c>
      <c r="O23606" t="s">
        <v>85</v>
      </c>
      <c r="P23606" t="s">
        <v>86</v>
      </c>
      <c r="Q23606">
        <v>18</v>
      </c>
      <c r="R23606">
        <v>18</v>
      </c>
      <c r="S23606">
        <v>18</v>
      </c>
      <c r="T23606">
        <v>19</v>
      </c>
      <c r="U23606">
        <v>19</v>
      </c>
      <c r="V23606">
        <v>19</v>
      </c>
      <c r="W23606">
        <v>19</v>
      </c>
      <c r="X23606">
        <v>19</v>
      </c>
      <c r="Y23606">
        <v>19</v>
      </c>
      <c r="Z23606">
        <v>19</v>
      </c>
      <c r="AA23606">
        <v>19</v>
      </c>
      <c r="AB23606">
        <v>19</v>
      </c>
      <c r="AC23606">
        <v>19</v>
      </c>
      <c r="AD23606">
        <v>19</v>
      </c>
      <c r="AE23606">
        <v>19</v>
      </c>
      <c r="AF23606">
        <v>19</v>
      </c>
      <c r="AG23606">
        <v>19</v>
      </c>
      <c r="AH23606">
        <v>19</v>
      </c>
      <c r="AI23606">
        <v>19</v>
      </c>
      <c r="AJ23606">
        <v>19</v>
      </c>
      <c r="AK23606">
        <v>19</v>
      </c>
      <c r="AL23606">
        <v>19</v>
      </c>
      <c r="AM23606">
        <v>19</v>
      </c>
      <c r="AN23606">
        <v>19</v>
      </c>
      <c r="AO23606">
        <v>19</v>
      </c>
      <c r="AP23606">
        <v>19</v>
      </c>
      <c r="AQ23606">
        <v>19</v>
      </c>
    </row>
    <row r="23607" spans="1:43">
      <c r="A23607" t="s">
        <v>14619</v>
      </c>
      <c r="B23607" t="s">
        <v>14620</v>
      </c>
      <c r="C23607" t="s">
        <v>14621</v>
      </c>
      <c r="D23607" t="s">
        <v>14622</v>
      </c>
      <c r="E23607" t="s">
        <v>14535</v>
      </c>
      <c r="F23607" t="s">
        <v>14536</v>
      </c>
      <c r="G23607" t="s">
        <v>10734</v>
      </c>
      <c r="H23607" t="s">
        <v>10735</v>
      </c>
      <c r="I23607" s="2">
        <v>1</v>
      </c>
      <c r="J23607" s="2">
        <v>0</v>
      </c>
      <c r="K23607" s="2">
        <v>0</v>
      </c>
      <c r="L23607" t="s">
        <v>120</v>
      </c>
      <c r="M23607" t="s">
        <v>87</v>
      </c>
      <c r="N23607" t="s">
        <v>88</v>
      </c>
      <c r="O23607" t="s">
        <v>85</v>
      </c>
      <c r="P23607" t="s">
        <v>86</v>
      </c>
      <c r="Q23607">
        <v>18</v>
      </c>
      <c r="R23607">
        <v>18</v>
      </c>
      <c r="S23607">
        <v>18</v>
      </c>
      <c r="T23607">
        <v>18</v>
      </c>
      <c r="U23607">
        <v>18</v>
      </c>
      <c r="V23607">
        <v>18</v>
      </c>
      <c r="W23607">
        <v>18</v>
      </c>
      <c r="X23607">
        <v>17</v>
      </c>
      <c r="Y23607">
        <v>17</v>
      </c>
      <c r="Z23607">
        <v>17</v>
      </c>
      <c r="AA23607">
        <v>17</v>
      </c>
      <c r="AB23607">
        <v>17</v>
      </c>
      <c r="AC23607">
        <v>17</v>
      </c>
      <c r="AD23607">
        <v>17</v>
      </c>
      <c r="AE23607">
        <v>17</v>
      </c>
      <c r="AF23607">
        <v>17</v>
      </c>
      <c r="AG23607">
        <v>17</v>
      </c>
      <c r="AH23607">
        <v>17</v>
      </c>
      <c r="AI23607">
        <v>17</v>
      </c>
      <c r="AJ23607">
        <v>16</v>
      </c>
      <c r="AK23607">
        <v>16</v>
      </c>
      <c r="AL23607">
        <v>16</v>
      </c>
      <c r="AM23607">
        <v>16</v>
      </c>
      <c r="AN23607">
        <v>16</v>
      </c>
      <c r="AO23607">
        <v>16</v>
      </c>
      <c r="AP23607">
        <v>16</v>
      </c>
      <c r="AQ23607">
        <v>16</v>
      </c>
    </row>
    <row r="23608" spans="1:43">
      <c r="A23608" t="s">
        <v>14619</v>
      </c>
      <c r="B23608" t="s">
        <v>14620</v>
      </c>
      <c r="C23608" t="s">
        <v>14621</v>
      </c>
      <c r="D23608" t="s">
        <v>14622</v>
      </c>
      <c r="E23608" t="s">
        <v>14535</v>
      </c>
      <c r="F23608" t="s">
        <v>14536</v>
      </c>
      <c r="G23608" t="s">
        <v>10734</v>
      </c>
      <c r="H23608" t="s">
        <v>10735</v>
      </c>
      <c r="I23608" s="2">
        <v>1</v>
      </c>
      <c r="J23608" s="2">
        <v>0</v>
      </c>
      <c r="K23608" s="2">
        <v>0</v>
      </c>
      <c r="L23608" t="s">
        <v>120</v>
      </c>
      <c r="M23608" t="s">
        <v>89</v>
      </c>
      <c r="N23608" t="s">
        <v>90</v>
      </c>
      <c r="O23608" t="s">
        <v>85</v>
      </c>
      <c r="P23608" t="s">
        <v>86</v>
      </c>
      <c r="Q23608">
        <v>18</v>
      </c>
      <c r="R23608">
        <v>18</v>
      </c>
      <c r="S23608">
        <v>18</v>
      </c>
      <c r="T23608">
        <v>18</v>
      </c>
      <c r="U23608">
        <v>18</v>
      </c>
      <c r="V23608">
        <v>18</v>
      </c>
      <c r="W23608">
        <v>19</v>
      </c>
      <c r="X23608">
        <v>19</v>
      </c>
      <c r="Y23608">
        <v>19</v>
      </c>
      <c r="Z23608">
        <v>19</v>
      </c>
      <c r="AA23608">
        <v>19</v>
      </c>
      <c r="AB23608">
        <v>19</v>
      </c>
      <c r="AC23608">
        <v>19</v>
      </c>
      <c r="AD23608">
        <v>19</v>
      </c>
      <c r="AE23608">
        <v>19</v>
      </c>
      <c r="AF23608">
        <v>19</v>
      </c>
      <c r="AG23608">
        <v>19</v>
      </c>
      <c r="AH23608">
        <v>19</v>
      </c>
      <c r="AI23608">
        <v>19</v>
      </c>
      <c r="AJ23608">
        <v>19</v>
      </c>
      <c r="AK23608">
        <v>19</v>
      </c>
      <c r="AL23608">
        <v>19</v>
      </c>
      <c r="AM23608">
        <v>18</v>
      </c>
      <c r="AN23608">
        <v>18</v>
      </c>
      <c r="AO23608">
        <v>18</v>
      </c>
      <c r="AP23608">
        <v>18</v>
      </c>
      <c r="AQ23608">
        <v>18</v>
      </c>
    </row>
    <row r="23609" spans="1:43">
      <c r="A23609" t="s">
        <v>14619</v>
      </c>
      <c r="B23609" t="s">
        <v>14620</v>
      </c>
      <c r="C23609" t="s">
        <v>14621</v>
      </c>
      <c r="D23609" t="s">
        <v>14622</v>
      </c>
      <c r="E23609" t="s">
        <v>14535</v>
      </c>
      <c r="F23609" t="s">
        <v>14536</v>
      </c>
      <c r="G23609" t="s">
        <v>10734</v>
      </c>
      <c r="H23609" t="s">
        <v>10735</v>
      </c>
      <c r="I23609" s="2">
        <v>1</v>
      </c>
      <c r="J23609" s="2">
        <v>0</v>
      </c>
      <c r="K23609" s="2">
        <v>0</v>
      </c>
      <c r="L23609" t="s">
        <v>120</v>
      </c>
      <c r="M23609" t="s">
        <v>83</v>
      </c>
      <c r="N23609" t="s">
        <v>91</v>
      </c>
      <c r="O23609" t="s">
        <v>85</v>
      </c>
      <c r="P23609" t="s">
        <v>86</v>
      </c>
      <c r="Q23609">
        <v>18</v>
      </c>
      <c r="R23609">
        <v>18</v>
      </c>
      <c r="S23609">
        <v>18</v>
      </c>
      <c r="T23609">
        <v>19</v>
      </c>
      <c r="U23609">
        <v>19</v>
      </c>
      <c r="V23609">
        <v>19</v>
      </c>
      <c r="W23609">
        <v>19</v>
      </c>
      <c r="X23609">
        <v>19</v>
      </c>
      <c r="Y23609">
        <v>19</v>
      </c>
      <c r="Z23609">
        <v>19</v>
      </c>
      <c r="AA23609">
        <v>19</v>
      </c>
      <c r="AB23609">
        <v>19</v>
      </c>
      <c r="AC23609">
        <v>19</v>
      </c>
      <c r="AD23609">
        <v>19</v>
      </c>
      <c r="AE23609">
        <v>19</v>
      </c>
      <c r="AF23609">
        <v>19</v>
      </c>
      <c r="AG23609">
        <v>19</v>
      </c>
      <c r="AH23609">
        <v>19</v>
      </c>
      <c r="AI23609">
        <v>19</v>
      </c>
      <c r="AJ23609">
        <v>19</v>
      </c>
      <c r="AK23609">
        <v>19</v>
      </c>
      <c r="AL23609">
        <v>19</v>
      </c>
      <c r="AM23609">
        <v>19</v>
      </c>
      <c r="AN23609">
        <v>19</v>
      </c>
      <c r="AO23609">
        <v>19</v>
      </c>
      <c r="AP23609">
        <v>19</v>
      </c>
      <c r="AQ23609">
        <v>19</v>
      </c>
    </row>
    <row r="23610" spans="1:43">
      <c r="A23610" t="s">
        <v>14623</v>
      </c>
      <c r="B23610" t="s">
        <v>14624</v>
      </c>
      <c r="C23610" t="s">
        <v>14605</v>
      </c>
      <c r="D23610" t="s">
        <v>14606</v>
      </c>
      <c r="E23610" t="s">
        <v>14535</v>
      </c>
      <c r="F23610" t="s">
        <v>14536</v>
      </c>
      <c r="G23610" t="s">
        <v>10734</v>
      </c>
      <c r="H23610" t="s">
        <v>10735</v>
      </c>
      <c r="I23610" s="2">
        <v>1</v>
      </c>
      <c r="J23610" s="2">
        <v>0</v>
      </c>
      <c r="K23610" s="2">
        <v>0</v>
      </c>
      <c r="L23610" t="s">
        <v>120</v>
      </c>
      <c r="M23610" t="s">
        <v>83</v>
      </c>
      <c r="N23610" t="s">
        <v>84</v>
      </c>
      <c r="O23610" t="s">
        <v>85</v>
      </c>
      <c r="P23610" t="s">
        <v>86</v>
      </c>
      <c r="Q23610">
        <v>25</v>
      </c>
      <c r="R23610">
        <v>25</v>
      </c>
      <c r="S23610">
        <v>25</v>
      </c>
      <c r="T23610">
        <v>25</v>
      </c>
      <c r="U23610">
        <v>25</v>
      </c>
      <c r="V23610">
        <v>25</v>
      </c>
      <c r="W23610">
        <v>25</v>
      </c>
      <c r="X23610">
        <v>25</v>
      </c>
      <c r="Y23610">
        <v>26</v>
      </c>
      <c r="Z23610">
        <v>26</v>
      </c>
      <c r="AA23610">
        <v>26</v>
      </c>
      <c r="AB23610">
        <v>26</v>
      </c>
      <c r="AC23610">
        <v>26</v>
      </c>
      <c r="AD23610">
        <v>26</v>
      </c>
      <c r="AE23610">
        <v>26</v>
      </c>
      <c r="AF23610">
        <v>26</v>
      </c>
      <c r="AG23610">
        <v>26</v>
      </c>
      <c r="AH23610">
        <v>26</v>
      </c>
      <c r="AI23610">
        <v>26</v>
      </c>
      <c r="AJ23610">
        <v>26</v>
      </c>
      <c r="AK23610">
        <v>26</v>
      </c>
      <c r="AL23610">
        <v>26</v>
      </c>
      <c r="AM23610">
        <v>26</v>
      </c>
      <c r="AN23610">
        <v>26</v>
      </c>
      <c r="AO23610">
        <v>25</v>
      </c>
      <c r="AP23610">
        <v>25</v>
      </c>
      <c r="AQ23610">
        <v>25</v>
      </c>
    </row>
    <row r="23611" spans="1:43">
      <c r="A23611" t="s">
        <v>14623</v>
      </c>
      <c r="B23611" t="s">
        <v>14624</v>
      </c>
      <c r="C23611" t="s">
        <v>14605</v>
      </c>
      <c r="D23611" t="s">
        <v>14606</v>
      </c>
      <c r="E23611" t="s">
        <v>14535</v>
      </c>
      <c r="F23611" t="s">
        <v>14536</v>
      </c>
      <c r="G23611" t="s">
        <v>10734</v>
      </c>
      <c r="H23611" t="s">
        <v>10735</v>
      </c>
      <c r="I23611" s="2">
        <v>1</v>
      </c>
      <c r="J23611" s="2">
        <v>0</v>
      </c>
      <c r="K23611" s="2">
        <v>0</v>
      </c>
      <c r="L23611" t="s">
        <v>120</v>
      </c>
      <c r="M23611" t="s">
        <v>87</v>
      </c>
      <c r="N23611" t="s">
        <v>88</v>
      </c>
      <c r="O23611" t="s">
        <v>85</v>
      </c>
      <c r="P23611" t="s">
        <v>86</v>
      </c>
      <c r="Q23611">
        <v>25</v>
      </c>
      <c r="R23611">
        <v>24</v>
      </c>
      <c r="S23611">
        <v>24</v>
      </c>
      <c r="T23611">
        <v>24</v>
      </c>
      <c r="U23611">
        <v>24</v>
      </c>
      <c r="V23611">
        <v>24</v>
      </c>
      <c r="W23611">
        <v>24</v>
      </c>
      <c r="X23611">
        <v>24</v>
      </c>
      <c r="Y23611">
        <v>24</v>
      </c>
      <c r="Z23611">
        <v>24</v>
      </c>
      <c r="AA23611">
        <v>23</v>
      </c>
      <c r="AB23611">
        <v>23</v>
      </c>
      <c r="AC23611">
        <v>23</v>
      </c>
      <c r="AD23611">
        <v>23</v>
      </c>
      <c r="AE23611">
        <v>23</v>
      </c>
      <c r="AF23611">
        <v>23</v>
      </c>
      <c r="AG23611">
        <v>23</v>
      </c>
      <c r="AH23611">
        <v>23</v>
      </c>
      <c r="AI23611">
        <v>23</v>
      </c>
      <c r="AJ23611">
        <v>23</v>
      </c>
      <c r="AK23611">
        <v>23</v>
      </c>
      <c r="AL23611">
        <v>22</v>
      </c>
      <c r="AM23611">
        <v>22</v>
      </c>
      <c r="AN23611">
        <v>22</v>
      </c>
      <c r="AO23611">
        <v>22</v>
      </c>
      <c r="AP23611">
        <v>22</v>
      </c>
      <c r="AQ23611">
        <v>22</v>
      </c>
    </row>
    <row r="23612" spans="1:43">
      <c r="A23612" t="s">
        <v>14623</v>
      </c>
      <c r="B23612" t="s">
        <v>14624</v>
      </c>
      <c r="C23612" t="s">
        <v>14605</v>
      </c>
      <c r="D23612" t="s">
        <v>14606</v>
      </c>
      <c r="E23612" t="s">
        <v>14535</v>
      </c>
      <c r="F23612" t="s">
        <v>14536</v>
      </c>
      <c r="G23612" t="s">
        <v>10734</v>
      </c>
      <c r="H23612" t="s">
        <v>10735</v>
      </c>
      <c r="I23612" s="2">
        <v>1</v>
      </c>
      <c r="J23612" s="2">
        <v>0</v>
      </c>
      <c r="K23612" s="2">
        <v>0</v>
      </c>
      <c r="L23612" t="s">
        <v>120</v>
      </c>
      <c r="M23612" t="s">
        <v>89</v>
      </c>
      <c r="N23612" t="s">
        <v>90</v>
      </c>
      <c r="O23612" t="s">
        <v>85</v>
      </c>
      <c r="P23612" t="s">
        <v>86</v>
      </c>
      <c r="Q23612">
        <v>25</v>
      </c>
      <c r="R23612">
        <v>25</v>
      </c>
      <c r="S23612">
        <v>26</v>
      </c>
      <c r="T23612">
        <v>26</v>
      </c>
      <c r="U23612">
        <v>26</v>
      </c>
      <c r="V23612">
        <v>26</v>
      </c>
      <c r="W23612">
        <v>27</v>
      </c>
      <c r="X23612">
        <v>27</v>
      </c>
      <c r="Y23612">
        <v>27</v>
      </c>
      <c r="Z23612">
        <v>27</v>
      </c>
      <c r="AA23612">
        <v>27</v>
      </c>
      <c r="AB23612">
        <v>27</v>
      </c>
      <c r="AC23612">
        <v>27</v>
      </c>
      <c r="AD23612">
        <v>28</v>
      </c>
      <c r="AE23612">
        <v>28</v>
      </c>
      <c r="AF23612">
        <v>27</v>
      </c>
      <c r="AG23612">
        <v>27</v>
      </c>
      <c r="AH23612">
        <v>27</v>
      </c>
      <c r="AI23612">
        <v>27</v>
      </c>
      <c r="AJ23612">
        <v>27</v>
      </c>
      <c r="AK23612">
        <v>26</v>
      </c>
      <c r="AL23612">
        <v>26</v>
      </c>
      <c r="AM23612">
        <v>26</v>
      </c>
      <c r="AN23612">
        <v>26</v>
      </c>
      <c r="AO23612">
        <v>26</v>
      </c>
      <c r="AP23612">
        <v>26</v>
      </c>
      <c r="AQ23612">
        <v>25</v>
      </c>
    </row>
    <row r="23613" spans="1:43">
      <c r="A23613" t="s">
        <v>14623</v>
      </c>
      <c r="B23613" t="s">
        <v>14624</v>
      </c>
      <c r="C23613" t="s">
        <v>14605</v>
      </c>
      <c r="D23613" t="s">
        <v>14606</v>
      </c>
      <c r="E23613" t="s">
        <v>14535</v>
      </c>
      <c r="F23613" t="s">
        <v>14536</v>
      </c>
      <c r="G23613" t="s">
        <v>10734</v>
      </c>
      <c r="H23613" t="s">
        <v>10735</v>
      </c>
      <c r="I23613" s="2">
        <v>1</v>
      </c>
      <c r="J23613" s="2">
        <v>0</v>
      </c>
      <c r="K23613" s="2">
        <v>0</v>
      </c>
      <c r="L23613" t="s">
        <v>120</v>
      </c>
      <c r="M23613" t="s">
        <v>83</v>
      </c>
      <c r="N23613" t="s">
        <v>91</v>
      </c>
      <c r="O23613" t="s">
        <v>85</v>
      </c>
      <c r="P23613" t="s">
        <v>86</v>
      </c>
      <c r="Q23613">
        <v>25</v>
      </c>
      <c r="R23613">
        <v>25</v>
      </c>
      <c r="S23613">
        <v>25</v>
      </c>
      <c r="T23613">
        <v>25</v>
      </c>
      <c r="U23613">
        <v>25</v>
      </c>
      <c r="V23613">
        <v>25</v>
      </c>
      <c r="W23613">
        <v>25</v>
      </c>
      <c r="X23613">
        <v>25</v>
      </c>
      <c r="Y23613">
        <v>26</v>
      </c>
      <c r="Z23613">
        <v>26</v>
      </c>
      <c r="AA23613">
        <v>26</v>
      </c>
      <c r="AB23613">
        <v>26</v>
      </c>
      <c r="AC23613">
        <v>26</v>
      </c>
      <c r="AD23613">
        <v>26</v>
      </c>
      <c r="AE23613">
        <v>26</v>
      </c>
      <c r="AF23613">
        <v>26</v>
      </c>
      <c r="AG23613">
        <v>26</v>
      </c>
      <c r="AH23613">
        <v>26</v>
      </c>
      <c r="AI23613">
        <v>26</v>
      </c>
      <c r="AJ23613">
        <v>26</v>
      </c>
      <c r="AK23613">
        <v>26</v>
      </c>
      <c r="AL23613">
        <v>26</v>
      </c>
      <c r="AM23613">
        <v>26</v>
      </c>
      <c r="AN23613">
        <v>26</v>
      </c>
      <c r="AO23613">
        <v>25</v>
      </c>
      <c r="AP23613">
        <v>25</v>
      </c>
      <c r="AQ23613">
        <v>25</v>
      </c>
    </row>
    <row r="23614" spans="1:43">
      <c r="A23614" t="s">
        <v>14625</v>
      </c>
      <c r="B23614" t="s">
        <v>14626</v>
      </c>
      <c r="C23614" t="s">
        <v>14627</v>
      </c>
      <c r="D23614" t="s">
        <v>14628</v>
      </c>
      <c r="E23614" t="s">
        <v>14535</v>
      </c>
      <c r="F23614" t="s">
        <v>14536</v>
      </c>
      <c r="G23614" t="s">
        <v>10734</v>
      </c>
      <c r="H23614" t="s">
        <v>10735</v>
      </c>
      <c r="I23614" s="2">
        <v>1</v>
      </c>
      <c r="J23614" s="2">
        <v>0</v>
      </c>
      <c r="K23614" s="2">
        <v>0</v>
      </c>
      <c r="L23614" t="s">
        <v>120</v>
      </c>
      <c r="M23614" t="s">
        <v>83</v>
      </c>
      <c r="N23614" t="s">
        <v>84</v>
      </c>
      <c r="O23614" t="s">
        <v>85</v>
      </c>
      <c r="P23614" t="s">
        <v>86</v>
      </c>
      <c r="Q23614">
        <v>24</v>
      </c>
      <c r="R23614">
        <v>24</v>
      </c>
      <c r="S23614">
        <v>24</v>
      </c>
      <c r="T23614">
        <v>24</v>
      </c>
      <c r="U23614">
        <v>24</v>
      </c>
      <c r="V23614">
        <v>24</v>
      </c>
      <c r="W23614">
        <v>24</v>
      </c>
      <c r="X23614">
        <v>24</v>
      </c>
      <c r="Y23614">
        <v>24</v>
      </c>
      <c r="Z23614">
        <v>24</v>
      </c>
      <c r="AA23614">
        <v>24</v>
      </c>
      <c r="AB23614">
        <v>24</v>
      </c>
      <c r="AC23614">
        <v>25</v>
      </c>
      <c r="AD23614">
        <v>25</v>
      </c>
      <c r="AE23614">
        <v>25</v>
      </c>
      <c r="AF23614">
        <v>25</v>
      </c>
      <c r="AG23614">
        <v>25</v>
      </c>
      <c r="AH23614">
        <v>25</v>
      </c>
      <c r="AI23614">
        <v>25</v>
      </c>
      <c r="AJ23614">
        <v>25</v>
      </c>
      <c r="AK23614">
        <v>25</v>
      </c>
      <c r="AL23614">
        <v>25</v>
      </c>
      <c r="AM23614">
        <v>24</v>
      </c>
      <c r="AN23614">
        <v>24</v>
      </c>
      <c r="AO23614">
        <v>24</v>
      </c>
      <c r="AP23614">
        <v>24</v>
      </c>
      <c r="AQ23614">
        <v>24</v>
      </c>
    </row>
    <row r="23615" spans="1:43">
      <c r="A23615" t="s">
        <v>14625</v>
      </c>
      <c r="B23615" t="s">
        <v>14626</v>
      </c>
      <c r="C23615" t="s">
        <v>14627</v>
      </c>
      <c r="D23615" t="s">
        <v>14628</v>
      </c>
      <c r="E23615" t="s">
        <v>14535</v>
      </c>
      <c r="F23615" t="s">
        <v>14536</v>
      </c>
      <c r="G23615" t="s">
        <v>10734</v>
      </c>
      <c r="H23615" t="s">
        <v>10735</v>
      </c>
      <c r="I23615" s="2">
        <v>1</v>
      </c>
      <c r="J23615" s="2">
        <v>0</v>
      </c>
      <c r="K23615" s="2">
        <v>0</v>
      </c>
      <c r="L23615" t="s">
        <v>120</v>
      </c>
      <c r="M23615" t="s">
        <v>87</v>
      </c>
      <c r="N23615" t="s">
        <v>88</v>
      </c>
      <c r="O23615" t="s">
        <v>85</v>
      </c>
      <c r="P23615" t="s">
        <v>86</v>
      </c>
      <c r="Q23615">
        <v>24</v>
      </c>
      <c r="R23615">
        <v>23</v>
      </c>
      <c r="S23615">
        <v>23</v>
      </c>
      <c r="T23615">
        <v>23</v>
      </c>
      <c r="U23615">
        <v>23</v>
      </c>
      <c r="V23615">
        <v>23</v>
      </c>
      <c r="W23615">
        <v>23</v>
      </c>
      <c r="X23615">
        <v>23</v>
      </c>
      <c r="Y23615">
        <v>23</v>
      </c>
      <c r="Z23615">
        <v>22</v>
      </c>
      <c r="AA23615">
        <v>22</v>
      </c>
      <c r="AB23615">
        <v>22</v>
      </c>
      <c r="AC23615">
        <v>22</v>
      </c>
      <c r="AD23615">
        <v>22</v>
      </c>
      <c r="AE23615">
        <v>22</v>
      </c>
      <c r="AF23615">
        <v>22</v>
      </c>
      <c r="AG23615">
        <v>22</v>
      </c>
      <c r="AH23615">
        <v>22</v>
      </c>
      <c r="AI23615">
        <v>21</v>
      </c>
      <c r="AJ23615">
        <v>21</v>
      </c>
      <c r="AK23615">
        <v>21</v>
      </c>
      <c r="AL23615">
        <v>21</v>
      </c>
      <c r="AM23615">
        <v>21</v>
      </c>
      <c r="AN23615">
        <v>21</v>
      </c>
      <c r="AO23615">
        <v>21</v>
      </c>
      <c r="AP23615">
        <v>21</v>
      </c>
      <c r="AQ23615">
        <v>21</v>
      </c>
    </row>
    <row r="23616" spans="1:43">
      <c r="A23616" t="s">
        <v>14625</v>
      </c>
      <c r="B23616" t="s">
        <v>14626</v>
      </c>
      <c r="C23616" t="s">
        <v>14627</v>
      </c>
      <c r="D23616" t="s">
        <v>14628</v>
      </c>
      <c r="E23616" t="s">
        <v>14535</v>
      </c>
      <c r="F23616" t="s">
        <v>14536</v>
      </c>
      <c r="G23616" t="s">
        <v>10734</v>
      </c>
      <c r="H23616" t="s">
        <v>10735</v>
      </c>
      <c r="I23616" s="2">
        <v>1</v>
      </c>
      <c r="J23616" s="2">
        <v>0</v>
      </c>
      <c r="K23616" s="2">
        <v>0</v>
      </c>
      <c r="L23616" t="s">
        <v>120</v>
      </c>
      <c r="M23616" t="s">
        <v>89</v>
      </c>
      <c r="N23616" t="s">
        <v>90</v>
      </c>
      <c r="O23616" t="s">
        <v>85</v>
      </c>
      <c r="P23616" t="s">
        <v>86</v>
      </c>
      <c r="Q23616">
        <v>24</v>
      </c>
      <c r="R23616">
        <v>24</v>
      </c>
      <c r="S23616">
        <v>25</v>
      </c>
      <c r="T23616">
        <v>25</v>
      </c>
      <c r="U23616">
        <v>25</v>
      </c>
      <c r="V23616">
        <v>25</v>
      </c>
      <c r="W23616">
        <v>25</v>
      </c>
      <c r="X23616">
        <v>26</v>
      </c>
      <c r="Y23616">
        <v>26</v>
      </c>
      <c r="Z23616">
        <v>26</v>
      </c>
      <c r="AA23616">
        <v>26</v>
      </c>
      <c r="AB23616">
        <v>26</v>
      </c>
      <c r="AC23616">
        <v>26</v>
      </c>
      <c r="AD23616">
        <v>26</v>
      </c>
      <c r="AE23616">
        <v>26</v>
      </c>
      <c r="AF23616">
        <v>26</v>
      </c>
      <c r="AG23616">
        <v>26</v>
      </c>
      <c r="AH23616">
        <v>26</v>
      </c>
      <c r="AI23616">
        <v>25</v>
      </c>
      <c r="AJ23616">
        <v>25</v>
      </c>
      <c r="AK23616">
        <v>25</v>
      </c>
      <c r="AL23616">
        <v>25</v>
      </c>
      <c r="AM23616">
        <v>25</v>
      </c>
      <c r="AN23616">
        <v>25</v>
      </c>
      <c r="AO23616">
        <v>24</v>
      </c>
      <c r="AP23616">
        <v>24</v>
      </c>
      <c r="AQ23616">
        <v>24</v>
      </c>
    </row>
    <row r="23617" spans="1:43">
      <c r="A23617" t="s">
        <v>14625</v>
      </c>
      <c r="B23617" t="s">
        <v>14626</v>
      </c>
      <c r="C23617" t="s">
        <v>14627</v>
      </c>
      <c r="D23617" t="s">
        <v>14628</v>
      </c>
      <c r="E23617" t="s">
        <v>14535</v>
      </c>
      <c r="F23617" t="s">
        <v>14536</v>
      </c>
      <c r="G23617" t="s">
        <v>10734</v>
      </c>
      <c r="H23617" t="s">
        <v>10735</v>
      </c>
      <c r="I23617" s="2">
        <v>1</v>
      </c>
      <c r="J23617" s="2">
        <v>0</v>
      </c>
      <c r="K23617" s="2">
        <v>0</v>
      </c>
      <c r="L23617" t="s">
        <v>120</v>
      </c>
      <c r="M23617" t="s">
        <v>83</v>
      </c>
      <c r="N23617" t="s">
        <v>91</v>
      </c>
      <c r="O23617" t="s">
        <v>85</v>
      </c>
      <c r="P23617" t="s">
        <v>86</v>
      </c>
      <c r="Q23617">
        <v>24</v>
      </c>
      <c r="R23617">
        <v>24</v>
      </c>
      <c r="S23617">
        <v>24</v>
      </c>
      <c r="T23617">
        <v>24</v>
      </c>
      <c r="U23617">
        <v>24</v>
      </c>
      <c r="V23617">
        <v>24</v>
      </c>
      <c r="W23617">
        <v>24</v>
      </c>
      <c r="X23617">
        <v>24</v>
      </c>
      <c r="Y23617">
        <v>24</v>
      </c>
      <c r="Z23617">
        <v>24</v>
      </c>
      <c r="AA23617">
        <v>24</v>
      </c>
      <c r="AB23617">
        <v>24</v>
      </c>
      <c r="AC23617">
        <v>25</v>
      </c>
      <c r="AD23617">
        <v>25</v>
      </c>
      <c r="AE23617">
        <v>25</v>
      </c>
      <c r="AF23617">
        <v>25</v>
      </c>
      <c r="AG23617">
        <v>25</v>
      </c>
      <c r="AH23617">
        <v>25</v>
      </c>
      <c r="AI23617">
        <v>25</v>
      </c>
      <c r="AJ23617">
        <v>25</v>
      </c>
      <c r="AK23617">
        <v>25</v>
      </c>
      <c r="AL23617">
        <v>25</v>
      </c>
      <c r="AM23617">
        <v>24</v>
      </c>
      <c r="AN23617">
        <v>24</v>
      </c>
      <c r="AO23617">
        <v>24</v>
      </c>
      <c r="AP23617">
        <v>24</v>
      </c>
      <c r="AQ23617">
        <v>24</v>
      </c>
    </row>
    <row r="23618" spans="1:43">
      <c r="A23618" t="s">
        <v>14629</v>
      </c>
      <c r="B23618" t="s">
        <v>14630</v>
      </c>
      <c r="C23618" t="s">
        <v>14593</v>
      </c>
      <c r="D23618" t="s">
        <v>14594</v>
      </c>
      <c r="E23618" t="s">
        <v>14535</v>
      </c>
      <c r="F23618" t="s">
        <v>14536</v>
      </c>
      <c r="G23618" t="s">
        <v>10734</v>
      </c>
      <c r="H23618" t="s">
        <v>10735</v>
      </c>
      <c r="I23618" s="2">
        <v>1</v>
      </c>
      <c r="J23618" s="2">
        <v>0</v>
      </c>
      <c r="K23618" s="2">
        <v>0</v>
      </c>
      <c r="L23618" t="s">
        <v>120</v>
      </c>
      <c r="M23618" t="s">
        <v>83</v>
      </c>
      <c r="N23618" t="s">
        <v>84</v>
      </c>
      <c r="O23618" t="s">
        <v>85</v>
      </c>
      <c r="P23618" t="s">
        <v>86</v>
      </c>
      <c r="Q23618">
        <v>49</v>
      </c>
      <c r="R23618">
        <v>49</v>
      </c>
      <c r="S23618">
        <v>49</v>
      </c>
      <c r="T23618">
        <v>49</v>
      </c>
      <c r="U23618">
        <v>49</v>
      </c>
      <c r="V23618">
        <v>50</v>
      </c>
      <c r="W23618">
        <v>50</v>
      </c>
      <c r="X23618">
        <v>50</v>
      </c>
      <c r="Y23618">
        <v>50</v>
      </c>
      <c r="Z23618">
        <v>50</v>
      </c>
      <c r="AA23618">
        <v>50</v>
      </c>
      <c r="AB23618">
        <v>50</v>
      </c>
      <c r="AC23618">
        <v>50</v>
      </c>
      <c r="AD23618">
        <v>50</v>
      </c>
      <c r="AE23618">
        <v>50</v>
      </c>
      <c r="AF23618">
        <v>50</v>
      </c>
      <c r="AG23618">
        <v>50</v>
      </c>
      <c r="AH23618">
        <v>51</v>
      </c>
      <c r="AI23618">
        <v>51</v>
      </c>
      <c r="AJ23618">
        <v>51</v>
      </c>
      <c r="AK23618">
        <v>51</v>
      </c>
      <c r="AL23618">
        <v>50</v>
      </c>
      <c r="AM23618">
        <v>50</v>
      </c>
      <c r="AN23618">
        <v>50</v>
      </c>
      <c r="AO23618">
        <v>49</v>
      </c>
      <c r="AP23618">
        <v>49</v>
      </c>
      <c r="AQ23618">
        <v>49</v>
      </c>
    </row>
    <row r="23619" spans="1:43">
      <c r="A23619" t="s">
        <v>14629</v>
      </c>
      <c r="B23619" t="s">
        <v>14630</v>
      </c>
      <c r="C23619" t="s">
        <v>14593</v>
      </c>
      <c r="D23619" t="s">
        <v>14594</v>
      </c>
      <c r="E23619" t="s">
        <v>14535</v>
      </c>
      <c r="F23619" t="s">
        <v>14536</v>
      </c>
      <c r="G23619" t="s">
        <v>10734</v>
      </c>
      <c r="H23619" t="s">
        <v>10735</v>
      </c>
      <c r="I23619" s="2">
        <v>1</v>
      </c>
      <c r="J23619" s="2">
        <v>0</v>
      </c>
      <c r="K23619" s="2">
        <v>0</v>
      </c>
      <c r="L23619" t="s">
        <v>120</v>
      </c>
      <c r="M23619" t="s">
        <v>87</v>
      </c>
      <c r="N23619" t="s">
        <v>88</v>
      </c>
      <c r="O23619" t="s">
        <v>85</v>
      </c>
      <c r="P23619" t="s">
        <v>86</v>
      </c>
      <c r="Q23619">
        <v>49</v>
      </c>
      <c r="R23619">
        <v>49</v>
      </c>
      <c r="S23619">
        <v>49</v>
      </c>
      <c r="T23619">
        <v>48</v>
      </c>
      <c r="U23619">
        <v>48</v>
      </c>
      <c r="V23619">
        <v>48</v>
      </c>
      <c r="W23619">
        <v>48</v>
      </c>
      <c r="X23619">
        <v>47</v>
      </c>
      <c r="Y23619">
        <v>47</v>
      </c>
      <c r="Z23619">
        <v>47</v>
      </c>
      <c r="AA23619">
        <v>47</v>
      </c>
      <c r="AB23619">
        <v>46</v>
      </c>
      <c r="AC23619">
        <v>46</v>
      </c>
      <c r="AD23619">
        <v>46</v>
      </c>
      <c r="AE23619">
        <v>46</v>
      </c>
      <c r="AF23619">
        <v>46</v>
      </c>
      <c r="AG23619">
        <v>45</v>
      </c>
      <c r="AH23619">
        <v>45</v>
      </c>
      <c r="AI23619">
        <v>45</v>
      </c>
      <c r="AJ23619">
        <v>45</v>
      </c>
      <c r="AK23619">
        <v>45</v>
      </c>
      <c r="AL23619">
        <v>44</v>
      </c>
      <c r="AM23619">
        <v>44</v>
      </c>
      <c r="AN23619">
        <v>44</v>
      </c>
      <c r="AO23619">
        <v>44</v>
      </c>
      <c r="AP23619">
        <v>44</v>
      </c>
      <c r="AQ23619">
        <v>44</v>
      </c>
    </row>
    <row r="23620" spans="1:43">
      <c r="A23620" t="s">
        <v>14629</v>
      </c>
      <c r="B23620" t="s">
        <v>14630</v>
      </c>
      <c r="C23620" t="s">
        <v>14593</v>
      </c>
      <c r="D23620" t="s">
        <v>14594</v>
      </c>
      <c r="E23620" t="s">
        <v>14535</v>
      </c>
      <c r="F23620" t="s">
        <v>14536</v>
      </c>
      <c r="G23620" t="s">
        <v>10734</v>
      </c>
      <c r="H23620" t="s">
        <v>10735</v>
      </c>
      <c r="I23620" s="2">
        <v>1</v>
      </c>
      <c r="J23620" s="2">
        <v>0</v>
      </c>
      <c r="K23620" s="2">
        <v>0</v>
      </c>
      <c r="L23620" t="s">
        <v>120</v>
      </c>
      <c r="M23620" t="s">
        <v>89</v>
      </c>
      <c r="N23620" t="s">
        <v>90</v>
      </c>
      <c r="O23620" t="s">
        <v>85</v>
      </c>
      <c r="P23620" t="s">
        <v>86</v>
      </c>
      <c r="Q23620">
        <v>49</v>
      </c>
      <c r="R23620">
        <v>50</v>
      </c>
      <c r="S23620">
        <v>50</v>
      </c>
      <c r="T23620">
        <v>51</v>
      </c>
      <c r="U23620">
        <v>51</v>
      </c>
      <c r="V23620">
        <v>52</v>
      </c>
      <c r="W23620">
        <v>52</v>
      </c>
      <c r="X23620">
        <v>52</v>
      </c>
      <c r="Y23620">
        <v>53</v>
      </c>
      <c r="Z23620">
        <v>53</v>
      </c>
      <c r="AA23620">
        <v>53</v>
      </c>
      <c r="AB23620">
        <v>53</v>
      </c>
      <c r="AC23620">
        <v>54</v>
      </c>
      <c r="AD23620">
        <v>54</v>
      </c>
      <c r="AE23620">
        <v>54</v>
      </c>
      <c r="AF23620">
        <v>53</v>
      </c>
      <c r="AG23620">
        <v>53</v>
      </c>
      <c r="AH23620">
        <v>53</v>
      </c>
      <c r="AI23620">
        <v>52</v>
      </c>
      <c r="AJ23620">
        <v>52</v>
      </c>
      <c r="AK23620">
        <v>51</v>
      </c>
      <c r="AL23620">
        <v>51</v>
      </c>
      <c r="AM23620">
        <v>51</v>
      </c>
      <c r="AN23620">
        <v>50</v>
      </c>
      <c r="AO23620">
        <v>50</v>
      </c>
      <c r="AP23620">
        <v>49</v>
      </c>
      <c r="AQ23620">
        <v>49</v>
      </c>
    </row>
    <row r="23621" spans="1:43">
      <c r="A23621" t="s">
        <v>14629</v>
      </c>
      <c r="B23621" t="s">
        <v>14630</v>
      </c>
      <c r="C23621" t="s">
        <v>14593</v>
      </c>
      <c r="D23621" t="s">
        <v>14594</v>
      </c>
      <c r="E23621" t="s">
        <v>14535</v>
      </c>
      <c r="F23621" t="s">
        <v>14536</v>
      </c>
      <c r="G23621" t="s">
        <v>10734</v>
      </c>
      <c r="H23621" t="s">
        <v>10735</v>
      </c>
      <c r="I23621" s="2">
        <v>1</v>
      </c>
      <c r="J23621" s="2">
        <v>0</v>
      </c>
      <c r="K23621" s="2">
        <v>0</v>
      </c>
      <c r="L23621" t="s">
        <v>120</v>
      </c>
      <c r="M23621" t="s">
        <v>83</v>
      </c>
      <c r="N23621" t="s">
        <v>91</v>
      </c>
      <c r="O23621" t="s">
        <v>85</v>
      </c>
      <c r="P23621" t="s">
        <v>86</v>
      </c>
      <c r="Q23621">
        <v>49</v>
      </c>
      <c r="R23621">
        <v>49</v>
      </c>
      <c r="S23621">
        <v>49</v>
      </c>
      <c r="T23621">
        <v>49</v>
      </c>
      <c r="U23621">
        <v>49</v>
      </c>
      <c r="V23621">
        <v>50</v>
      </c>
      <c r="W23621">
        <v>50</v>
      </c>
      <c r="X23621">
        <v>50</v>
      </c>
      <c r="Y23621">
        <v>50</v>
      </c>
      <c r="Z23621">
        <v>50</v>
      </c>
      <c r="AA23621">
        <v>50</v>
      </c>
      <c r="AB23621">
        <v>50</v>
      </c>
      <c r="AC23621">
        <v>50</v>
      </c>
      <c r="AD23621">
        <v>50</v>
      </c>
      <c r="AE23621">
        <v>50</v>
      </c>
      <c r="AF23621">
        <v>50</v>
      </c>
      <c r="AG23621">
        <v>50</v>
      </c>
      <c r="AH23621">
        <v>51</v>
      </c>
      <c r="AI23621">
        <v>51</v>
      </c>
      <c r="AJ23621">
        <v>51</v>
      </c>
      <c r="AK23621">
        <v>51</v>
      </c>
      <c r="AL23621">
        <v>50</v>
      </c>
      <c r="AM23621">
        <v>50</v>
      </c>
      <c r="AN23621">
        <v>50</v>
      </c>
      <c r="AO23621">
        <v>49</v>
      </c>
      <c r="AP23621">
        <v>49</v>
      </c>
      <c r="AQ23621">
        <v>49</v>
      </c>
    </row>
    <row r="23622" spans="1:43">
      <c r="A23622" t="s">
        <v>14631</v>
      </c>
      <c r="B23622" t="s">
        <v>14632</v>
      </c>
      <c r="C23622" t="s">
        <v>14627</v>
      </c>
      <c r="D23622" t="s">
        <v>14628</v>
      </c>
      <c r="E23622" t="s">
        <v>14535</v>
      </c>
      <c r="F23622" t="s">
        <v>14536</v>
      </c>
      <c r="G23622" t="s">
        <v>10734</v>
      </c>
      <c r="H23622" t="s">
        <v>10735</v>
      </c>
      <c r="I23622" s="2">
        <v>1</v>
      </c>
      <c r="J23622" s="2">
        <v>0</v>
      </c>
      <c r="K23622" s="2">
        <v>0</v>
      </c>
      <c r="L23622" t="s">
        <v>120</v>
      </c>
      <c r="M23622" t="s">
        <v>83</v>
      </c>
      <c r="N23622" t="s">
        <v>84</v>
      </c>
      <c r="O23622" t="s">
        <v>85</v>
      </c>
      <c r="P23622" t="s">
        <v>86</v>
      </c>
      <c r="Q23622">
        <v>22</v>
      </c>
      <c r="R23622">
        <v>22</v>
      </c>
      <c r="S23622">
        <v>22</v>
      </c>
      <c r="T23622">
        <v>22</v>
      </c>
      <c r="U23622">
        <v>22</v>
      </c>
      <c r="V23622">
        <v>22</v>
      </c>
      <c r="W23622">
        <v>22</v>
      </c>
      <c r="X23622">
        <v>22</v>
      </c>
      <c r="Y23622">
        <v>22</v>
      </c>
      <c r="Z23622">
        <v>22</v>
      </c>
      <c r="AA23622">
        <v>23</v>
      </c>
      <c r="AB23622">
        <v>23</v>
      </c>
      <c r="AC23622">
        <v>23</v>
      </c>
      <c r="AD23622">
        <v>23</v>
      </c>
      <c r="AE23622">
        <v>23</v>
      </c>
      <c r="AF23622">
        <v>23</v>
      </c>
      <c r="AG23622">
        <v>23</v>
      </c>
      <c r="AH23622">
        <v>23</v>
      </c>
      <c r="AI23622">
        <v>23</v>
      </c>
      <c r="AJ23622">
        <v>23</v>
      </c>
      <c r="AK23622">
        <v>23</v>
      </c>
      <c r="AL23622">
        <v>23</v>
      </c>
      <c r="AM23622">
        <v>23</v>
      </c>
      <c r="AN23622">
        <v>22</v>
      </c>
      <c r="AO23622">
        <v>22</v>
      </c>
      <c r="AP23622">
        <v>22</v>
      </c>
      <c r="AQ23622">
        <v>22</v>
      </c>
    </row>
    <row r="23623" spans="1:43">
      <c r="A23623" t="s">
        <v>14631</v>
      </c>
      <c r="B23623" t="s">
        <v>14632</v>
      </c>
      <c r="C23623" t="s">
        <v>14627</v>
      </c>
      <c r="D23623" t="s">
        <v>14628</v>
      </c>
      <c r="E23623" t="s">
        <v>14535</v>
      </c>
      <c r="F23623" t="s">
        <v>14536</v>
      </c>
      <c r="G23623" t="s">
        <v>10734</v>
      </c>
      <c r="H23623" t="s">
        <v>10735</v>
      </c>
      <c r="I23623" s="2">
        <v>1</v>
      </c>
      <c r="J23623" s="2">
        <v>0</v>
      </c>
      <c r="K23623" s="2">
        <v>0</v>
      </c>
      <c r="L23623" t="s">
        <v>120</v>
      </c>
      <c r="M23623" t="s">
        <v>87</v>
      </c>
      <c r="N23623" t="s">
        <v>88</v>
      </c>
      <c r="O23623" t="s">
        <v>85</v>
      </c>
      <c r="P23623" t="s">
        <v>86</v>
      </c>
      <c r="Q23623">
        <v>22</v>
      </c>
      <c r="R23623">
        <v>22</v>
      </c>
      <c r="S23623">
        <v>21</v>
      </c>
      <c r="T23623">
        <v>21</v>
      </c>
      <c r="U23623">
        <v>21</v>
      </c>
      <c r="V23623">
        <v>21</v>
      </c>
      <c r="W23623">
        <v>21</v>
      </c>
      <c r="X23623">
        <v>21</v>
      </c>
      <c r="Y23623">
        <v>21</v>
      </c>
      <c r="Z23623">
        <v>21</v>
      </c>
      <c r="AA23623">
        <v>21</v>
      </c>
      <c r="AB23623">
        <v>20</v>
      </c>
      <c r="AC23623">
        <v>20</v>
      </c>
      <c r="AD23623">
        <v>20</v>
      </c>
      <c r="AE23623">
        <v>20</v>
      </c>
      <c r="AF23623">
        <v>20</v>
      </c>
      <c r="AG23623">
        <v>20</v>
      </c>
      <c r="AH23623">
        <v>20</v>
      </c>
      <c r="AI23623">
        <v>20</v>
      </c>
      <c r="AJ23623">
        <v>20</v>
      </c>
      <c r="AK23623">
        <v>20</v>
      </c>
      <c r="AL23623">
        <v>19</v>
      </c>
      <c r="AM23623">
        <v>19</v>
      </c>
      <c r="AN23623">
        <v>19</v>
      </c>
      <c r="AO23623">
        <v>19</v>
      </c>
      <c r="AP23623">
        <v>19</v>
      </c>
      <c r="AQ23623">
        <v>19</v>
      </c>
    </row>
    <row r="23624" spans="1:43">
      <c r="A23624" t="s">
        <v>14631</v>
      </c>
      <c r="B23624" t="s">
        <v>14632</v>
      </c>
      <c r="C23624" t="s">
        <v>14627</v>
      </c>
      <c r="D23624" t="s">
        <v>14628</v>
      </c>
      <c r="E23624" t="s">
        <v>14535</v>
      </c>
      <c r="F23624" t="s">
        <v>14536</v>
      </c>
      <c r="G23624" t="s">
        <v>10734</v>
      </c>
      <c r="H23624" t="s">
        <v>10735</v>
      </c>
      <c r="I23624" s="2">
        <v>1</v>
      </c>
      <c r="J23624" s="2">
        <v>0</v>
      </c>
      <c r="K23624" s="2">
        <v>0</v>
      </c>
      <c r="L23624" t="s">
        <v>120</v>
      </c>
      <c r="M23624" t="s">
        <v>89</v>
      </c>
      <c r="N23624" t="s">
        <v>90</v>
      </c>
      <c r="O23624" t="s">
        <v>85</v>
      </c>
      <c r="P23624" t="s">
        <v>86</v>
      </c>
      <c r="Q23624">
        <v>22</v>
      </c>
      <c r="R23624">
        <v>22</v>
      </c>
      <c r="S23624">
        <v>23</v>
      </c>
      <c r="T23624">
        <v>23</v>
      </c>
      <c r="U23624">
        <v>23</v>
      </c>
      <c r="V23624">
        <v>23</v>
      </c>
      <c r="W23624">
        <v>23</v>
      </c>
      <c r="X23624">
        <v>24</v>
      </c>
      <c r="Y23624">
        <v>24</v>
      </c>
      <c r="Z23624">
        <v>24</v>
      </c>
      <c r="AA23624">
        <v>24</v>
      </c>
      <c r="AB23624">
        <v>24</v>
      </c>
      <c r="AC23624">
        <v>24</v>
      </c>
      <c r="AD23624">
        <v>24</v>
      </c>
      <c r="AE23624">
        <v>24</v>
      </c>
      <c r="AF23624">
        <v>24</v>
      </c>
      <c r="AG23624">
        <v>24</v>
      </c>
      <c r="AH23624">
        <v>24</v>
      </c>
      <c r="AI23624">
        <v>23</v>
      </c>
      <c r="AJ23624">
        <v>23</v>
      </c>
      <c r="AK23624">
        <v>23</v>
      </c>
      <c r="AL23624">
        <v>23</v>
      </c>
      <c r="AM23624">
        <v>23</v>
      </c>
      <c r="AN23624">
        <v>23</v>
      </c>
      <c r="AO23624">
        <v>22</v>
      </c>
      <c r="AP23624">
        <v>22</v>
      </c>
      <c r="AQ23624">
        <v>22</v>
      </c>
    </row>
    <row r="23625" spans="1:43">
      <c r="A23625" t="s">
        <v>14631</v>
      </c>
      <c r="B23625" t="s">
        <v>14632</v>
      </c>
      <c r="C23625" t="s">
        <v>14627</v>
      </c>
      <c r="D23625" t="s">
        <v>14628</v>
      </c>
      <c r="E23625" t="s">
        <v>14535</v>
      </c>
      <c r="F23625" t="s">
        <v>14536</v>
      </c>
      <c r="G23625" t="s">
        <v>10734</v>
      </c>
      <c r="H23625" t="s">
        <v>10735</v>
      </c>
      <c r="I23625" s="2">
        <v>1</v>
      </c>
      <c r="J23625" s="2">
        <v>0</v>
      </c>
      <c r="K23625" s="2">
        <v>0</v>
      </c>
      <c r="L23625" t="s">
        <v>120</v>
      </c>
      <c r="M23625" t="s">
        <v>83</v>
      </c>
      <c r="N23625" t="s">
        <v>91</v>
      </c>
      <c r="O23625" t="s">
        <v>85</v>
      </c>
      <c r="P23625" t="s">
        <v>86</v>
      </c>
      <c r="Q23625">
        <v>22</v>
      </c>
      <c r="R23625">
        <v>22</v>
      </c>
      <c r="S23625">
        <v>22</v>
      </c>
      <c r="T23625">
        <v>22</v>
      </c>
      <c r="U23625">
        <v>22</v>
      </c>
      <c r="V23625">
        <v>22</v>
      </c>
      <c r="W23625">
        <v>22</v>
      </c>
      <c r="X23625">
        <v>22</v>
      </c>
      <c r="Y23625">
        <v>22</v>
      </c>
      <c r="Z23625">
        <v>22</v>
      </c>
      <c r="AA23625">
        <v>23</v>
      </c>
      <c r="AB23625">
        <v>23</v>
      </c>
      <c r="AC23625">
        <v>23</v>
      </c>
      <c r="AD23625">
        <v>23</v>
      </c>
      <c r="AE23625">
        <v>23</v>
      </c>
      <c r="AF23625">
        <v>23</v>
      </c>
      <c r="AG23625">
        <v>23</v>
      </c>
      <c r="AH23625">
        <v>23</v>
      </c>
      <c r="AI23625">
        <v>23</v>
      </c>
      <c r="AJ23625">
        <v>23</v>
      </c>
      <c r="AK23625">
        <v>23</v>
      </c>
      <c r="AL23625">
        <v>23</v>
      </c>
      <c r="AM23625">
        <v>23</v>
      </c>
      <c r="AN23625">
        <v>22</v>
      </c>
      <c r="AO23625">
        <v>22</v>
      </c>
      <c r="AP23625">
        <v>22</v>
      </c>
      <c r="AQ23625">
        <v>22</v>
      </c>
    </row>
    <row r="23626" spans="1:43">
      <c r="A23626" t="s">
        <v>14633</v>
      </c>
      <c r="B23626" t="s">
        <v>14634</v>
      </c>
      <c r="C23626" t="s">
        <v>14627</v>
      </c>
      <c r="D23626" t="s">
        <v>14628</v>
      </c>
      <c r="E23626" t="s">
        <v>14535</v>
      </c>
      <c r="F23626" t="s">
        <v>14536</v>
      </c>
      <c r="G23626" t="s">
        <v>10734</v>
      </c>
      <c r="H23626" t="s">
        <v>10735</v>
      </c>
      <c r="I23626" s="2">
        <v>1</v>
      </c>
      <c r="J23626" s="2">
        <v>0</v>
      </c>
      <c r="K23626" s="2">
        <v>0</v>
      </c>
      <c r="L23626" t="s">
        <v>120</v>
      </c>
      <c r="M23626" t="s">
        <v>83</v>
      </c>
      <c r="N23626" t="s">
        <v>84</v>
      </c>
      <c r="O23626" t="s">
        <v>85</v>
      </c>
      <c r="P23626" t="s">
        <v>86</v>
      </c>
      <c r="Q23626">
        <v>44</v>
      </c>
      <c r="R23626">
        <v>44</v>
      </c>
      <c r="S23626">
        <v>44</v>
      </c>
      <c r="T23626">
        <v>44</v>
      </c>
      <c r="U23626">
        <v>45</v>
      </c>
      <c r="V23626">
        <v>45</v>
      </c>
      <c r="W23626">
        <v>45</v>
      </c>
      <c r="X23626">
        <v>45</v>
      </c>
      <c r="Y23626">
        <v>45</v>
      </c>
      <c r="Z23626">
        <v>45</v>
      </c>
      <c r="AA23626">
        <v>45</v>
      </c>
      <c r="AB23626">
        <v>45</v>
      </c>
      <c r="AC23626">
        <v>45</v>
      </c>
      <c r="AD23626">
        <v>45</v>
      </c>
      <c r="AE23626">
        <v>45</v>
      </c>
      <c r="AF23626">
        <v>45</v>
      </c>
      <c r="AG23626">
        <v>45</v>
      </c>
      <c r="AH23626">
        <v>46</v>
      </c>
      <c r="AI23626">
        <v>46</v>
      </c>
      <c r="AJ23626">
        <v>46</v>
      </c>
      <c r="AK23626">
        <v>46</v>
      </c>
      <c r="AL23626">
        <v>45</v>
      </c>
      <c r="AM23626">
        <v>45</v>
      </c>
      <c r="AN23626">
        <v>45</v>
      </c>
      <c r="AO23626">
        <v>44</v>
      </c>
      <c r="AP23626">
        <v>44</v>
      </c>
      <c r="AQ23626">
        <v>44</v>
      </c>
    </row>
    <row r="23627" spans="1:43">
      <c r="A23627" t="s">
        <v>14633</v>
      </c>
      <c r="B23627" t="s">
        <v>14634</v>
      </c>
      <c r="C23627" t="s">
        <v>14627</v>
      </c>
      <c r="D23627" t="s">
        <v>14628</v>
      </c>
      <c r="E23627" t="s">
        <v>14535</v>
      </c>
      <c r="F23627" t="s">
        <v>14536</v>
      </c>
      <c r="G23627" t="s">
        <v>10734</v>
      </c>
      <c r="H23627" t="s">
        <v>10735</v>
      </c>
      <c r="I23627" s="2">
        <v>1</v>
      </c>
      <c r="J23627" s="2">
        <v>0</v>
      </c>
      <c r="K23627" s="2">
        <v>0</v>
      </c>
      <c r="L23627" t="s">
        <v>120</v>
      </c>
      <c r="M23627" t="s">
        <v>87</v>
      </c>
      <c r="N23627" t="s">
        <v>88</v>
      </c>
      <c r="O23627" t="s">
        <v>85</v>
      </c>
      <c r="P23627" t="s">
        <v>86</v>
      </c>
      <c r="Q23627">
        <v>44</v>
      </c>
      <c r="R23627">
        <v>43</v>
      </c>
      <c r="S23627">
        <v>43</v>
      </c>
      <c r="T23627">
        <v>43</v>
      </c>
      <c r="U23627">
        <v>43</v>
      </c>
      <c r="V23627">
        <v>42</v>
      </c>
      <c r="W23627">
        <v>42</v>
      </c>
      <c r="X23627">
        <v>42</v>
      </c>
      <c r="Y23627">
        <v>42</v>
      </c>
      <c r="Z23627">
        <v>41</v>
      </c>
      <c r="AA23627">
        <v>41</v>
      </c>
      <c r="AB23627">
        <v>41</v>
      </c>
      <c r="AC23627">
        <v>41</v>
      </c>
      <c r="AD23627">
        <v>41</v>
      </c>
      <c r="AE23627">
        <v>40</v>
      </c>
      <c r="AF23627">
        <v>40</v>
      </c>
      <c r="AG23627">
        <v>40</v>
      </c>
      <c r="AH23627">
        <v>40</v>
      </c>
      <c r="AI23627">
        <v>40</v>
      </c>
      <c r="AJ23627">
        <v>39</v>
      </c>
      <c r="AK23627">
        <v>39</v>
      </c>
      <c r="AL23627">
        <v>39</v>
      </c>
      <c r="AM23627">
        <v>39</v>
      </c>
      <c r="AN23627">
        <v>39</v>
      </c>
      <c r="AO23627">
        <v>39</v>
      </c>
      <c r="AP23627">
        <v>38</v>
      </c>
      <c r="AQ23627">
        <v>38</v>
      </c>
    </row>
    <row r="23628" spans="1:43">
      <c r="A23628" t="s">
        <v>14633</v>
      </c>
      <c r="B23628" t="s">
        <v>14634</v>
      </c>
      <c r="C23628" t="s">
        <v>14627</v>
      </c>
      <c r="D23628" t="s">
        <v>14628</v>
      </c>
      <c r="E23628" t="s">
        <v>14535</v>
      </c>
      <c r="F23628" t="s">
        <v>14536</v>
      </c>
      <c r="G23628" t="s">
        <v>10734</v>
      </c>
      <c r="H23628" t="s">
        <v>10735</v>
      </c>
      <c r="I23628" s="2">
        <v>1</v>
      </c>
      <c r="J23628" s="2">
        <v>0</v>
      </c>
      <c r="K23628" s="2">
        <v>0</v>
      </c>
      <c r="L23628" t="s">
        <v>120</v>
      </c>
      <c r="M23628" t="s">
        <v>89</v>
      </c>
      <c r="N23628" t="s">
        <v>90</v>
      </c>
      <c r="O23628" t="s">
        <v>85</v>
      </c>
      <c r="P23628" t="s">
        <v>86</v>
      </c>
      <c r="Q23628">
        <v>44</v>
      </c>
      <c r="R23628">
        <v>45</v>
      </c>
      <c r="S23628">
        <v>45</v>
      </c>
      <c r="T23628">
        <v>46</v>
      </c>
      <c r="U23628">
        <v>46</v>
      </c>
      <c r="V23628">
        <v>47</v>
      </c>
      <c r="W23628">
        <v>47</v>
      </c>
      <c r="X23628">
        <v>47</v>
      </c>
      <c r="Y23628">
        <v>48</v>
      </c>
      <c r="Z23628">
        <v>48</v>
      </c>
      <c r="AA23628">
        <v>48</v>
      </c>
      <c r="AB23628">
        <v>48</v>
      </c>
      <c r="AC23628">
        <v>48</v>
      </c>
      <c r="AD23628">
        <v>49</v>
      </c>
      <c r="AE23628">
        <v>49</v>
      </c>
      <c r="AF23628">
        <v>48</v>
      </c>
      <c r="AG23628">
        <v>48</v>
      </c>
      <c r="AH23628">
        <v>47</v>
      </c>
      <c r="AI23628">
        <v>47</v>
      </c>
      <c r="AJ23628">
        <v>47</v>
      </c>
      <c r="AK23628">
        <v>46</v>
      </c>
      <c r="AL23628">
        <v>46</v>
      </c>
      <c r="AM23628">
        <v>46</v>
      </c>
      <c r="AN23628">
        <v>45</v>
      </c>
      <c r="AO23628">
        <v>45</v>
      </c>
      <c r="AP23628">
        <v>45</v>
      </c>
      <c r="AQ23628">
        <v>44</v>
      </c>
    </row>
    <row r="23629" spans="1:43">
      <c r="A23629" t="s">
        <v>14633</v>
      </c>
      <c r="B23629" t="s">
        <v>14634</v>
      </c>
      <c r="C23629" t="s">
        <v>14627</v>
      </c>
      <c r="D23629" t="s">
        <v>14628</v>
      </c>
      <c r="E23629" t="s">
        <v>14535</v>
      </c>
      <c r="F23629" t="s">
        <v>14536</v>
      </c>
      <c r="G23629" t="s">
        <v>10734</v>
      </c>
      <c r="H23629" t="s">
        <v>10735</v>
      </c>
      <c r="I23629" s="2">
        <v>1</v>
      </c>
      <c r="J23629" s="2">
        <v>0</v>
      </c>
      <c r="K23629" s="2">
        <v>0</v>
      </c>
      <c r="L23629" t="s">
        <v>120</v>
      </c>
      <c r="M23629" t="s">
        <v>83</v>
      </c>
      <c r="N23629" t="s">
        <v>91</v>
      </c>
      <c r="O23629" t="s">
        <v>85</v>
      </c>
      <c r="P23629" t="s">
        <v>86</v>
      </c>
      <c r="Q23629">
        <v>44</v>
      </c>
      <c r="R23629">
        <v>44</v>
      </c>
      <c r="S23629">
        <v>44</v>
      </c>
      <c r="T23629">
        <v>44</v>
      </c>
      <c r="U23629">
        <v>45</v>
      </c>
      <c r="V23629">
        <v>45</v>
      </c>
      <c r="W23629">
        <v>45</v>
      </c>
      <c r="X23629">
        <v>45</v>
      </c>
      <c r="Y23629">
        <v>45</v>
      </c>
      <c r="Z23629">
        <v>45</v>
      </c>
      <c r="AA23629">
        <v>45</v>
      </c>
      <c r="AB23629">
        <v>45</v>
      </c>
      <c r="AC23629">
        <v>45</v>
      </c>
      <c r="AD23629">
        <v>45</v>
      </c>
      <c r="AE23629">
        <v>45</v>
      </c>
      <c r="AF23629">
        <v>45</v>
      </c>
      <c r="AG23629">
        <v>45</v>
      </c>
      <c r="AH23629">
        <v>46</v>
      </c>
      <c r="AI23629">
        <v>46</v>
      </c>
      <c r="AJ23629">
        <v>46</v>
      </c>
      <c r="AK23629">
        <v>46</v>
      </c>
      <c r="AL23629">
        <v>45</v>
      </c>
      <c r="AM23629">
        <v>45</v>
      </c>
      <c r="AN23629">
        <v>45</v>
      </c>
      <c r="AO23629">
        <v>44</v>
      </c>
      <c r="AP23629">
        <v>44</v>
      </c>
      <c r="AQ23629">
        <v>44</v>
      </c>
    </row>
    <row r="23630" spans="1:43">
      <c r="A23630" t="s">
        <v>14635</v>
      </c>
      <c r="B23630" t="s">
        <v>14636</v>
      </c>
      <c r="C23630" t="s">
        <v>14627</v>
      </c>
      <c r="D23630" t="s">
        <v>14628</v>
      </c>
      <c r="E23630" t="s">
        <v>14535</v>
      </c>
      <c r="F23630" t="s">
        <v>14536</v>
      </c>
      <c r="G23630" t="s">
        <v>10734</v>
      </c>
      <c r="H23630" t="s">
        <v>10735</v>
      </c>
      <c r="I23630" s="2">
        <v>1</v>
      </c>
      <c r="J23630" s="2">
        <v>0</v>
      </c>
      <c r="K23630" s="2">
        <v>0</v>
      </c>
      <c r="L23630" t="s">
        <v>120</v>
      </c>
      <c r="M23630" t="s">
        <v>83</v>
      </c>
      <c r="N23630" t="s">
        <v>84</v>
      </c>
      <c r="O23630" t="s">
        <v>85</v>
      </c>
      <c r="P23630" t="s">
        <v>86</v>
      </c>
      <c r="Q23630">
        <v>95</v>
      </c>
      <c r="R23630">
        <v>95</v>
      </c>
      <c r="S23630">
        <v>95</v>
      </c>
      <c r="T23630">
        <v>96</v>
      </c>
      <c r="U23630">
        <v>96</v>
      </c>
      <c r="V23630">
        <v>96</v>
      </c>
      <c r="W23630">
        <v>96</v>
      </c>
      <c r="X23630">
        <v>97</v>
      </c>
      <c r="Y23630">
        <v>97</v>
      </c>
      <c r="Z23630">
        <v>97</v>
      </c>
      <c r="AA23630">
        <v>97</v>
      </c>
      <c r="AB23630">
        <v>97</v>
      </c>
      <c r="AC23630">
        <v>97</v>
      </c>
      <c r="AD23630">
        <v>97</v>
      </c>
      <c r="AE23630">
        <v>98</v>
      </c>
      <c r="AF23630">
        <v>98</v>
      </c>
      <c r="AG23630">
        <v>98</v>
      </c>
      <c r="AH23630">
        <v>98</v>
      </c>
      <c r="AI23630">
        <v>98</v>
      </c>
      <c r="AJ23630">
        <v>98</v>
      </c>
      <c r="AK23630">
        <v>98</v>
      </c>
      <c r="AL23630">
        <v>98</v>
      </c>
      <c r="AM23630">
        <v>97</v>
      </c>
      <c r="AN23630">
        <v>96</v>
      </c>
      <c r="AO23630">
        <v>96</v>
      </c>
      <c r="AP23630">
        <v>95</v>
      </c>
      <c r="AQ23630">
        <v>94</v>
      </c>
    </row>
    <row r="23631" spans="1:43">
      <c r="A23631" t="s">
        <v>14635</v>
      </c>
      <c r="B23631" t="s">
        <v>14636</v>
      </c>
      <c r="C23631" t="s">
        <v>14627</v>
      </c>
      <c r="D23631" t="s">
        <v>14628</v>
      </c>
      <c r="E23631" t="s">
        <v>14535</v>
      </c>
      <c r="F23631" t="s">
        <v>14536</v>
      </c>
      <c r="G23631" t="s">
        <v>10734</v>
      </c>
      <c r="H23631" t="s">
        <v>10735</v>
      </c>
      <c r="I23631" s="2">
        <v>1</v>
      </c>
      <c r="J23631" s="2">
        <v>0</v>
      </c>
      <c r="K23631" s="2">
        <v>0</v>
      </c>
      <c r="L23631" t="s">
        <v>120</v>
      </c>
      <c r="M23631" t="s">
        <v>87</v>
      </c>
      <c r="N23631" t="s">
        <v>88</v>
      </c>
      <c r="O23631" t="s">
        <v>85</v>
      </c>
      <c r="P23631" t="s">
        <v>86</v>
      </c>
      <c r="Q23631">
        <v>95</v>
      </c>
      <c r="R23631">
        <v>94</v>
      </c>
      <c r="S23631">
        <v>94</v>
      </c>
      <c r="T23631">
        <v>93</v>
      </c>
      <c r="U23631">
        <v>93</v>
      </c>
      <c r="V23631">
        <v>92</v>
      </c>
      <c r="W23631">
        <v>91</v>
      </c>
      <c r="X23631">
        <v>91</v>
      </c>
      <c r="Y23631">
        <v>90</v>
      </c>
      <c r="Z23631">
        <v>90</v>
      </c>
      <c r="AA23631">
        <v>90</v>
      </c>
      <c r="AB23631">
        <v>89</v>
      </c>
      <c r="AC23631">
        <v>89</v>
      </c>
      <c r="AD23631">
        <v>88</v>
      </c>
      <c r="AE23631">
        <v>88</v>
      </c>
      <c r="AF23631">
        <v>87</v>
      </c>
      <c r="AG23631">
        <v>87</v>
      </c>
      <c r="AH23631">
        <v>86</v>
      </c>
      <c r="AI23631">
        <v>86</v>
      </c>
      <c r="AJ23631">
        <v>86</v>
      </c>
      <c r="AK23631">
        <v>85</v>
      </c>
      <c r="AL23631">
        <v>85</v>
      </c>
      <c r="AM23631">
        <v>85</v>
      </c>
      <c r="AN23631">
        <v>84</v>
      </c>
      <c r="AO23631">
        <v>84</v>
      </c>
      <c r="AP23631">
        <v>83</v>
      </c>
      <c r="AQ23631">
        <v>83</v>
      </c>
    </row>
    <row r="23632" spans="1:43">
      <c r="A23632" t="s">
        <v>14635</v>
      </c>
      <c r="B23632" t="s">
        <v>14636</v>
      </c>
      <c r="C23632" t="s">
        <v>14627</v>
      </c>
      <c r="D23632" t="s">
        <v>14628</v>
      </c>
      <c r="E23632" t="s">
        <v>14535</v>
      </c>
      <c r="F23632" t="s">
        <v>14536</v>
      </c>
      <c r="G23632" t="s">
        <v>10734</v>
      </c>
      <c r="H23632" t="s">
        <v>10735</v>
      </c>
      <c r="I23632" s="2">
        <v>1</v>
      </c>
      <c r="J23632" s="2">
        <v>0</v>
      </c>
      <c r="K23632" s="2">
        <v>0</v>
      </c>
      <c r="L23632" t="s">
        <v>120</v>
      </c>
      <c r="M23632" t="s">
        <v>89</v>
      </c>
      <c r="N23632" t="s">
        <v>90</v>
      </c>
      <c r="O23632" t="s">
        <v>85</v>
      </c>
      <c r="P23632" t="s">
        <v>86</v>
      </c>
      <c r="Q23632">
        <v>95</v>
      </c>
      <c r="R23632">
        <v>97</v>
      </c>
      <c r="S23632">
        <v>98</v>
      </c>
      <c r="T23632">
        <v>99</v>
      </c>
      <c r="U23632">
        <v>100</v>
      </c>
      <c r="V23632">
        <v>100</v>
      </c>
      <c r="W23632">
        <v>101</v>
      </c>
      <c r="X23632">
        <v>102</v>
      </c>
      <c r="Y23632">
        <v>102</v>
      </c>
      <c r="Z23632">
        <v>103</v>
      </c>
      <c r="AA23632">
        <v>103</v>
      </c>
      <c r="AB23632">
        <v>104</v>
      </c>
      <c r="AC23632">
        <v>104</v>
      </c>
      <c r="AD23632">
        <v>105</v>
      </c>
      <c r="AE23632">
        <v>104</v>
      </c>
      <c r="AF23632">
        <v>104</v>
      </c>
      <c r="AG23632">
        <v>103</v>
      </c>
      <c r="AH23632">
        <v>102</v>
      </c>
      <c r="AI23632">
        <v>101</v>
      </c>
      <c r="AJ23632">
        <v>100</v>
      </c>
      <c r="AK23632">
        <v>100</v>
      </c>
      <c r="AL23632">
        <v>99</v>
      </c>
      <c r="AM23632">
        <v>98</v>
      </c>
      <c r="AN23632">
        <v>97</v>
      </c>
      <c r="AO23632">
        <v>97</v>
      </c>
      <c r="AP23632">
        <v>96</v>
      </c>
      <c r="AQ23632">
        <v>95</v>
      </c>
    </row>
    <row r="23633" spans="1:43">
      <c r="A23633" t="s">
        <v>14635</v>
      </c>
      <c r="B23633" t="s">
        <v>14636</v>
      </c>
      <c r="C23633" t="s">
        <v>14627</v>
      </c>
      <c r="D23633" t="s">
        <v>14628</v>
      </c>
      <c r="E23633" t="s">
        <v>14535</v>
      </c>
      <c r="F23633" t="s">
        <v>14536</v>
      </c>
      <c r="G23633" t="s">
        <v>10734</v>
      </c>
      <c r="H23633" t="s">
        <v>10735</v>
      </c>
      <c r="I23633" s="2">
        <v>1</v>
      </c>
      <c r="J23633" s="2">
        <v>0</v>
      </c>
      <c r="K23633" s="2">
        <v>0</v>
      </c>
      <c r="L23633" t="s">
        <v>120</v>
      </c>
      <c r="M23633" t="s">
        <v>83</v>
      </c>
      <c r="N23633" t="s">
        <v>91</v>
      </c>
      <c r="O23633" t="s">
        <v>85</v>
      </c>
      <c r="P23633" t="s">
        <v>86</v>
      </c>
      <c r="Q23633">
        <v>95</v>
      </c>
      <c r="R23633">
        <v>95</v>
      </c>
      <c r="S23633">
        <v>95</v>
      </c>
      <c r="T23633">
        <v>96</v>
      </c>
      <c r="U23633">
        <v>96</v>
      </c>
      <c r="V23633">
        <v>96</v>
      </c>
      <c r="W23633">
        <v>96</v>
      </c>
      <c r="X23633">
        <v>97</v>
      </c>
      <c r="Y23633">
        <v>97</v>
      </c>
      <c r="Z23633">
        <v>97</v>
      </c>
      <c r="AA23633">
        <v>97</v>
      </c>
      <c r="AB23633">
        <v>97</v>
      </c>
      <c r="AC23633">
        <v>97</v>
      </c>
      <c r="AD23633">
        <v>97</v>
      </c>
      <c r="AE23633">
        <v>98</v>
      </c>
      <c r="AF23633">
        <v>98</v>
      </c>
      <c r="AG23633">
        <v>98</v>
      </c>
      <c r="AH23633">
        <v>98</v>
      </c>
      <c r="AI23633">
        <v>98</v>
      </c>
      <c r="AJ23633">
        <v>98</v>
      </c>
      <c r="AK23633">
        <v>98</v>
      </c>
      <c r="AL23633">
        <v>98</v>
      </c>
      <c r="AM23633">
        <v>97</v>
      </c>
      <c r="AN23633">
        <v>96</v>
      </c>
      <c r="AO23633">
        <v>96</v>
      </c>
      <c r="AP23633">
        <v>95</v>
      </c>
      <c r="AQ23633">
        <v>94</v>
      </c>
    </row>
    <row r="23634" spans="1:43">
      <c r="A23634" t="s">
        <v>14637</v>
      </c>
      <c r="B23634" t="s">
        <v>14638</v>
      </c>
      <c r="C23634" t="s">
        <v>14593</v>
      </c>
      <c r="D23634" t="s">
        <v>14594</v>
      </c>
      <c r="E23634" t="s">
        <v>14535</v>
      </c>
      <c r="F23634" t="s">
        <v>14536</v>
      </c>
      <c r="G23634" t="s">
        <v>10734</v>
      </c>
      <c r="H23634" t="s">
        <v>10735</v>
      </c>
      <c r="I23634" s="2">
        <v>1</v>
      </c>
      <c r="J23634" s="2">
        <v>0</v>
      </c>
      <c r="K23634" s="2">
        <v>0</v>
      </c>
      <c r="L23634" t="s">
        <v>120</v>
      </c>
      <c r="M23634" t="s">
        <v>83</v>
      </c>
      <c r="N23634" t="s">
        <v>84</v>
      </c>
      <c r="O23634" t="s">
        <v>85</v>
      </c>
      <c r="P23634" t="s">
        <v>86</v>
      </c>
      <c r="Q23634">
        <v>26</v>
      </c>
      <c r="R23634">
        <v>26</v>
      </c>
      <c r="S23634">
        <v>26</v>
      </c>
      <c r="T23634">
        <v>27</v>
      </c>
      <c r="U23634">
        <v>27</v>
      </c>
      <c r="V23634">
        <v>27</v>
      </c>
      <c r="W23634">
        <v>27</v>
      </c>
      <c r="X23634">
        <v>27</v>
      </c>
      <c r="Y23634">
        <v>27</v>
      </c>
      <c r="Z23634">
        <v>27</v>
      </c>
      <c r="AA23634">
        <v>27</v>
      </c>
      <c r="AB23634">
        <v>27</v>
      </c>
      <c r="AC23634">
        <v>27</v>
      </c>
      <c r="AD23634">
        <v>27</v>
      </c>
      <c r="AE23634">
        <v>27</v>
      </c>
      <c r="AF23634">
        <v>27</v>
      </c>
      <c r="AG23634">
        <v>27</v>
      </c>
      <c r="AH23634">
        <v>27</v>
      </c>
      <c r="AI23634">
        <v>27</v>
      </c>
      <c r="AJ23634">
        <v>27</v>
      </c>
      <c r="AK23634">
        <v>27</v>
      </c>
      <c r="AL23634">
        <v>27</v>
      </c>
      <c r="AM23634">
        <v>27</v>
      </c>
      <c r="AN23634">
        <v>27</v>
      </c>
      <c r="AO23634">
        <v>27</v>
      </c>
      <c r="AP23634">
        <v>27</v>
      </c>
      <c r="AQ23634">
        <v>26</v>
      </c>
    </row>
    <row r="23635" spans="1:43">
      <c r="A23635" t="s">
        <v>14637</v>
      </c>
      <c r="B23635" t="s">
        <v>14638</v>
      </c>
      <c r="C23635" t="s">
        <v>14593</v>
      </c>
      <c r="D23635" t="s">
        <v>14594</v>
      </c>
      <c r="E23635" t="s">
        <v>14535</v>
      </c>
      <c r="F23635" t="s">
        <v>14536</v>
      </c>
      <c r="G23635" t="s">
        <v>10734</v>
      </c>
      <c r="H23635" t="s">
        <v>10735</v>
      </c>
      <c r="I23635" s="2">
        <v>1</v>
      </c>
      <c r="J23635" s="2">
        <v>0</v>
      </c>
      <c r="K23635" s="2">
        <v>0</v>
      </c>
      <c r="L23635" t="s">
        <v>120</v>
      </c>
      <c r="M23635" t="s">
        <v>87</v>
      </c>
      <c r="N23635" t="s">
        <v>88</v>
      </c>
      <c r="O23635" t="s">
        <v>85</v>
      </c>
      <c r="P23635" t="s">
        <v>86</v>
      </c>
      <c r="Q23635">
        <v>26</v>
      </c>
      <c r="R23635">
        <v>26</v>
      </c>
      <c r="S23635">
        <v>26</v>
      </c>
      <c r="T23635">
        <v>26</v>
      </c>
      <c r="U23635">
        <v>25</v>
      </c>
      <c r="V23635">
        <v>25</v>
      </c>
      <c r="W23635">
        <v>25</v>
      </c>
      <c r="X23635">
        <v>25</v>
      </c>
      <c r="Y23635">
        <v>25</v>
      </c>
      <c r="Z23635">
        <v>25</v>
      </c>
      <c r="AA23635">
        <v>25</v>
      </c>
      <c r="AB23635">
        <v>25</v>
      </c>
      <c r="AC23635">
        <v>25</v>
      </c>
      <c r="AD23635">
        <v>24</v>
      </c>
      <c r="AE23635">
        <v>24</v>
      </c>
      <c r="AF23635">
        <v>24</v>
      </c>
      <c r="AG23635">
        <v>24</v>
      </c>
      <c r="AH23635">
        <v>24</v>
      </c>
      <c r="AI23635">
        <v>24</v>
      </c>
      <c r="AJ23635">
        <v>24</v>
      </c>
      <c r="AK23635">
        <v>24</v>
      </c>
      <c r="AL23635">
        <v>24</v>
      </c>
      <c r="AM23635">
        <v>24</v>
      </c>
      <c r="AN23635">
        <v>24</v>
      </c>
      <c r="AO23635">
        <v>23</v>
      </c>
      <c r="AP23635">
        <v>23</v>
      </c>
      <c r="AQ23635">
        <v>23</v>
      </c>
    </row>
    <row r="23636" spans="1:43">
      <c r="A23636" t="s">
        <v>14637</v>
      </c>
      <c r="B23636" t="s">
        <v>14638</v>
      </c>
      <c r="C23636" t="s">
        <v>14593</v>
      </c>
      <c r="D23636" t="s">
        <v>14594</v>
      </c>
      <c r="E23636" t="s">
        <v>14535</v>
      </c>
      <c r="F23636" t="s">
        <v>14536</v>
      </c>
      <c r="G23636" t="s">
        <v>10734</v>
      </c>
      <c r="H23636" t="s">
        <v>10735</v>
      </c>
      <c r="I23636" s="2">
        <v>1</v>
      </c>
      <c r="J23636" s="2">
        <v>0</v>
      </c>
      <c r="K23636" s="2">
        <v>0</v>
      </c>
      <c r="L23636" t="s">
        <v>120</v>
      </c>
      <c r="M23636" t="s">
        <v>89</v>
      </c>
      <c r="N23636" t="s">
        <v>90</v>
      </c>
      <c r="O23636" t="s">
        <v>85</v>
      </c>
      <c r="P23636" t="s">
        <v>86</v>
      </c>
      <c r="Q23636">
        <v>26</v>
      </c>
      <c r="R23636">
        <v>26</v>
      </c>
      <c r="S23636">
        <v>26</v>
      </c>
      <c r="T23636">
        <v>26</v>
      </c>
      <c r="U23636">
        <v>27</v>
      </c>
      <c r="V23636">
        <v>27</v>
      </c>
      <c r="W23636">
        <v>27</v>
      </c>
      <c r="X23636">
        <v>27</v>
      </c>
      <c r="Y23636">
        <v>27</v>
      </c>
      <c r="Z23636">
        <v>28</v>
      </c>
      <c r="AA23636">
        <v>28</v>
      </c>
      <c r="AB23636">
        <v>28</v>
      </c>
      <c r="AC23636">
        <v>28</v>
      </c>
      <c r="AD23636">
        <v>28</v>
      </c>
      <c r="AE23636">
        <v>28</v>
      </c>
      <c r="AF23636">
        <v>28</v>
      </c>
      <c r="AG23636">
        <v>28</v>
      </c>
      <c r="AH23636">
        <v>27</v>
      </c>
      <c r="AI23636">
        <v>27</v>
      </c>
      <c r="AJ23636">
        <v>27</v>
      </c>
      <c r="AK23636">
        <v>27</v>
      </c>
      <c r="AL23636">
        <v>27</v>
      </c>
      <c r="AM23636">
        <v>26</v>
      </c>
      <c r="AN23636">
        <v>26</v>
      </c>
      <c r="AO23636">
        <v>26</v>
      </c>
      <c r="AP23636">
        <v>26</v>
      </c>
      <c r="AQ23636">
        <v>26</v>
      </c>
    </row>
    <row r="23637" spans="1:43">
      <c r="A23637" t="s">
        <v>14637</v>
      </c>
      <c r="B23637" t="s">
        <v>14638</v>
      </c>
      <c r="C23637" t="s">
        <v>14593</v>
      </c>
      <c r="D23637" t="s">
        <v>14594</v>
      </c>
      <c r="E23637" t="s">
        <v>14535</v>
      </c>
      <c r="F23637" t="s">
        <v>14536</v>
      </c>
      <c r="G23637" t="s">
        <v>10734</v>
      </c>
      <c r="H23637" t="s">
        <v>10735</v>
      </c>
      <c r="I23637" s="2">
        <v>1</v>
      </c>
      <c r="J23637" s="2">
        <v>0</v>
      </c>
      <c r="K23637" s="2">
        <v>0</v>
      </c>
      <c r="L23637" t="s">
        <v>120</v>
      </c>
      <c r="M23637" t="s">
        <v>83</v>
      </c>
      <c r="N23637" t="s">
        <v>91</v>
      </c>
      <c r="O23637" t="s">
        <v>85</v>
      </c>
      <c r="P23637" t="s">
        <v>86</v>
      </c>
      <c r="Q23637">
        <v>26</v>
      </c>
      <c r="R23637">
        <v>26</v>
      </c>
      <c r="S23637">
        <v>26</v>
      </c>
      <c r="T23637">
        <v>27</v>
      </c>
      <c r="U23637">
        <v>27</v>
      </c>
      <c r="V23637">
        <v>27</v>
      </c>
      <c r="W23637">
        <v>27</v>
      </c>
      <c r="X23637">
        <v>27</v>
      </c>
      <c r="Y23637">
        <v>27</v>
      </c>
      <c r="Z23637">
        <v>27</v>
      </c>
      <c r="AA23637">
        <v>27</v>
      </c>
      <c r="AB23637">
        <v>27</v>
      </c>
      <c r="AC23637">
        <v>27</v>
      </c>
      <c r="AD23637">
        <v>27</v>
      </c>
      <c r="AE23637">
        <v>27</v>
      </c>
      <c r="AF23637">
        <v>27</v>
      </c>
      <c r="AG23637">
        <v>27</v>
      </c>
      <c r="AH23637">
        <v>27</v>
      </c>
      <c r="AI23637">
        <v>27</v>
      </c>
      <c r="AJ23637">
        <v>27</v>
      </c>
      <c r="AK23637">
        <v>27</v>
      </c>
      <c r="AL23637">
        <v>27</v>
      </c>
      <c r="AM23637">
        <v>27</v>
      </c>
      <c r="AN23637">
        <v>27</v>
      </c>
      <c r="AO23637">
        <v>27</v>
      </c>
      <c r="AP23637">
        <v>27</v>
      </c>
      <c r="AQ23637">
        <v>26</v>
      </c>
    </row>
    <row r="23638" spans="1:43">
      <c r="A23638" t="s">
        <v>14639</v>
      </c>
      <c r="B23638" t="s">
        <v>14640</v>
      </c>
      <c r="C23638" t="s">
        <v>14641</v>
      </c>
      <c r="D23638" t="s">
        <v>14642</v>
      </c>
      <c r="E23638" t="s">
        <v>14535</v>
      </c>
      <c r="F23638" t="s">
        <v>14536</v>
      </c>
      <c r="G23638" t="s">
        <v>10734</v>
      </c>
      <c r="H23638" t="s">
        <v>10735</v>
      </c>
      <c r="I23638" s="2">
        <v>1</v>
      </c>
      <c r="J23638" s="2">
        <v>0</v>
      </c>
      <c r="K23638" s="2">
        <v>0</v>
      </c>
      <c r="L23638" t="s">
        <v>120</v>
      </c>
      <c r="M23638" t="s">
        <v>83</v>
      </c>
      <c r="N23638" t="s">
        <v>84</v>
      </c>
      <c r="O23638" t="s">
        <v>85</v>
      </c>
      <c r="P23638" t="s">
        <v>86</v>
      </c>
      <c r="Q23638">
        <v>17</v>
      </c>
      <c r="R23638">
        <v>17</v>
      </c>
      <c r="S23638">
        <v>17</v>
      </c>
      <c r="T23638">
        <v>18</v>
      </c>
      <c r="U23638">
        <v>18</v>
      </c>
      <c r="V23638">
        <v>18</v>
      </c>
      <c r="W23638">
        <v>18</v>
      </c>
      <c r="X23638">
        <v>18</v>
      </c>
      <c r="Y23638">
        <v>18</v>
      </c>
      <c r="Z23638">
        <v>18</v>
      </c>
      <c r="AA23638">
        <v>18</v>
      </c>
      <c r="AB23638">
        <v>18</v>
      </c>
      <c r="AC23638">
        <v>18</v>
      </c>
      <c r="AD23638">
        <v>18</v>
      </c>
      <c r="AE23638">
        <v>18</v>
      </c>
      <c r="AF23638">
        <v>18</v>
      </c>
      <c r="AG23638">
        <v>18</v>
      </c>
      <c r="AH23638">
        <v>18</v>
      </c>
      <c r="AI23638">
        <v>18</v>
      </c>
      <c r="AJ23638">
        <v>18</v>
      </c>
      <c r="AK23638">
        <v>18</v>
      </c>
      <c r="AL23638">
        <v>18</v>
      </c>
      <c r="AM23638">
        <v>17</v>
      </c>
      <c r="AN23638">
        <v>17</v>
      </c>
      <c r="AO23638">
        <v>17</v>
      </c>
      <c r="AP23638">
        <v>17</v>
      </c>
      <c r="AQ23638">
        <v>17</v>
      </c>
    </row>
    <row r="23639" spans="1:43">
      <c r="A23639" t="s">
        <v>14639</v>
      </c>
      <c r="B23639" t="s">
        <v>14640</v>
      </c>
      <c r="C23639" t="s">
        <v>14641</v>
      </c>
      <c r="D23639" t="s">
        <v>14642</v>
      </c>
      <c r="E23639" t="s">
        <v>14535</v>
      </c>
      <c r="F23639" t="s">
        <v>14536</v>
      </c>
      <c r="G23639" t="s">
        <v>10734</v>
      </c>
      <c r="H23639" t="s">
        <v>10735</v>
      </c>
      <c r="I23639" s="2">
        <v>1</v>
      </c>
      <c r="J23639" s="2">
        <v>0</v>
      </c>
      <c r="K23639" s="2">
        <v>0</v>
      </c>
      <c r="L23639" t="s">
        <v>120</v>
      </c>
      <c r="M23639" t="s">
        <v>87</v>
      </c>
      <c r="N23639" t="s">
        <v>88</v>
      </c>
      <c r="O23639" t="s">
        <v>85</v>
      </c>
      <c r="P23639" t="s">
        <v>86</v>
      </c>
      <c r="Q23639">
        <v>17</v>
      </c>
      <c r="R23639">
        <v>17</v>
      </c>
      <c r="S23639">
        <v>17</v>
      </c>
      <c r="T23639">
        <v>17</v>
      </c>
      <c r="U23639">
        <v>17</v>
      </c>
      <c r="V23639">
        <v>17</v>
      </c>
      <c r="W23639">
        <v>17</v>
      </c>
      <c r="X23639">
        <v>16</v>
      </c>
      <c r="Y23639">
        <v>16</v>
      </c>
      <c r="Z23639">
        <v>16</v>
      </c>
      <c r="AA23639">
        <v>16</v>
      </c>
      <c r="AB23639">
        <v>16</v>
      </c>
      <c r="AC23639">
        <v>16</v>
      </c>
      <c r="AD23639">
        <v>16</v>
      </c>
      <c r="AE23639">
        <v>16</v>
      </c>
      <c r="AF23639">
        <v>16</v>
      </c>
      <c r="AG23639">
        <v>16</v>
      </c>
      <c r="AH23639">
        <v>15</v>
      </c>
      <c r="AI23639">
        <v>15</v>
      </c>
      <c r="AJ23639">
        <v>15</v>
      </c>
      <c r="AK23639">
        <v>15</v>
      </c>
      <c r="AL23639">
        <v>15</v>
      </c>
      <c r="AM23639">
        <v>15</v>
      </c>
      <c r="AN23639">
        <v>15</v>
      </c>
      <c r="AO23639">
        <v>15</v>
      </c>
      <c r="AP23639">
        <v>15</v>
      </c>
      <c r="AQ23639">
        <v>15</v>
      </c>
    </row>
    <row r="23640" spans="1:43">
      <c r="A23640" t="s">
        <v>14639</v>
      </c>
      <c r="B23640" t="s">
        <v>14640</v>
      </c>
      <c r="C23640" t="s">
        <v>14641</v>
      </c>
      <c r="D23640" t="s">
        <v>14642</v>
      </c>
      <c r="E23640" t="s">
        <v>14535</v>
      </c>
      <c r="F23640" t="s">
        <v>14536</v>
      </c>
      <c r="G23640" t="s">
        <v>10734</v>
      </c>
      <c r="H23640" t="s">
        <v>10735</v>
      </c>
      <c r="I23640" s="2">
        <v>1</v>
      </c>
      <c r="J23640" s="2">
        <v>0</v>
      </c>
      <c r="K23640" s="2">
        <v>0</v>
      </c>
      <c r="L23640" t="s">
        <v>120</v>
      </c>
      <c r="M23640" t="s">
        <v>89</v>
      </c>
      <c r="N23640" t="s">
        <v>90</v>
      </c>
      <c r="O23640" t="s">
        <v>85</v>
      </c>
      <c r="P23640" t="s">
        <v>86</v>
      </c>
      <c r="Q23640">
        <v>17</v>
      </c>
      <c r="R23640">
        <v>17</v>
      </c>
      <c r="S23640">
        <v>17</v>
      </c>
      <c r="T23640">
        <v>17</v>
      </c>
      <c r="U23640">
        <v>17</v>
      </c>
      <c r="V23640">
        <v>17</v>
      </c>
      <c r="W23640">
        <v>17</v>
      </c>
      <c r="X23640">
        <v>18</v>
      </c>
      <c r="Y23640">
        <v>18</v>
      </c>
      <c r="Z23640">
        <v>18</v>
      </c>
      <c r="AA23640">
        <v>18</v>
      </c>
      <c r="AB23640">
        <v>18</v>
      </c>
      <c r="AC23640">
        <v>18</v>
      </c>
      <c r="AD23640">
        <v>18</v>
      </c>
      <c r="AE23640">
        <v>18</v>
      </c>
      <c r="AF23640">
        <v>18</v>
      </c>
      <c r="AG23640">
        <v>18</v>
      </c>
      <c r="AH23640">
        <v>17</v>
      </c>
      <c r="AI23640">
        <v>17</v>
      </c>
      <c r="AJ23640">
        <v>17</v>
      </c>
      <c r="AK23640">
        <v>17</v>
      </c>
      <c r="AL23640">
        <v>17</v>
      </c>
      <c r="AM23640">
        <v>16</v>
      </c>
      <c r="AN23640">
        <v>16</v>
      </c>
      <c r="AO23640">
        <v>16</v>
      </c>
      <c r="AP23640">
        <v>16</v>
      </c>
      <c r="AQ23640">
        <v>16</v>
      </c>
    </row>
    <row r="23641" spans="1:43">
      <c r="A23641" t="s">
        <v>14639</v>
      </c>
      <c r="B23641" t="s">
        <v>14640</v>
      </c>
      <c r="C23641" t="s">
        <v>14641</v>
      </c>
      <c r="D23641" t="s">
        <v>14642</v>
      </c>
      <c r="E23641" t="s">
        <v>14535</v>
      </c>
      <c r="F23641" t="s">
        <v>14536</v>
      </c>
      <c r="G23641" t="s">
        <v>10734</v>
      </c>
      <c r="H23641" t="s">
        <v>10735</v>
      </c>
      <c r="I23641" s="2">
        <v>1</v>
      </c>
      <c r="J23641" s="2">
        <v>0</v>
      </c>
      <c r="K23641" s="2">
        <v>0</v>
      </c>
      <c r="L23641" t="s">
        <v>120</v>
      </c>
      <c r="M23641" t="s">
        <v>83</v>
      </c>
      <c r="N23641" t="s">
        <v>91</v>
      </c>
      <c r="O23641" t="s">
        <v>85</v>
      </c>
      <c r="P23641" t="s">
        <v>86</v>
      </c>
      <c r="Q23641">
        <v>17</v>
      </c>
      <c r="R23641">
        <v>17</v>
      </c>
      <c r="S23641">
        <v>17</v>
      </c>
      <c r="T23641">
        <v>18</v>
      </c>
      <c r="U23641">
        <v>18</v>
      </c>
      <c r="V23641">
        <v>18</v>
      </c>
      <c r="W23641">
        <v>18</v>
      </c>
      <c r="X23641">
        <v>18</v>
      </c>
      <c r="Y23641">
        <v>18</v>
      </c>
      <c r="Z23641">
        <v>18</v>
      </c>
      <c r="AA23641">
        <v>18</v>
      </c>
      <c r="AB23641">
        <v>18</v>
      </c>
      <c r="AC23641">
        <v>18</v>
      </c>
      <c r="AD23641">
        <v>18</v>
      </c>
      <c r="AE23641">
        <v>18</v>
      </c>
      <c r="AF23641">
        <v>18</v>
      </c>
      <c r="AG23641">
        <v>18</v>
      </c>
      <c r="AH23641">
        <v>18</v>
      </c>
      <c r="AI23641">
        <v>18</v>
      </c>
      <c r="AJ23641">
        <v>18</v>
      </c>
      <c r="AK23641">
        <v>18</v>
      </c>
      <c r="AL23641">
        <v>18</v>
      </c>
      <c r="AM23641">
        <v>17</v>
      </c>
      <c r="AN23641">
        <v>17</v>
      </c>
      <c r="AO23641">
        <v>17</v>
      </c>
      <c r="AP23641">
        <v>17</v>
      </c>
      <c r="AQ23641">
        <v>17</v>
      </c>
    </row>
    <row r="23642" spans="1:43">
      <c r="A23642" t="s">
        <v>14643</v>
      </c>
      <c r="B23642" t="s">
        <v>14644</v>
      </c>
      <c r="C23642" t="s">
        <v>14641</v>
      </c>
      <c r="D23642" t="s">
        <v>14642</v>
      </c>
      <c r="E23642" t="s">
        <v>14535</v>
      </c>
      <c r="F23642" t="s">
        <v>14536</v>
      </c>
      <c r="G23642" t="s">
        <v>10734</v>
      </c>
      <c r="H23642" t="s">
        <v>10735</v>
      </c>
      <c r="I23642" s="2">
        <v>1</v>
      </c>
      <c r="J23642" s="2">
        <v>0</v>
      </c>
      <c r="K23642" s="2">
        <v>0</v>
      </c>
      <c r="L23642" t="s">
        <v>120</v>
      </c>
      <c r="M23642" t="s">
        <v>83</v>
      </c>
      <c r="N23642" t="s">
        <v>84</v>
      </c>
      <c r="O23642" t="s">
        <v>85</v>
      </c>
      <c r="P23642" t="s">
        <v>86</v>
      </c>
      <c r="Q23642">
        <v>30</v>
      </c>
      <c r="R23642">
        <v>30</v>
      </c>
      <c r="S23642">
        <v>30</v>
      </c>
      <c r="T23642">
        <v>30</v>
      </c>
      <c r="U23642">
        <v>30</v>
      </c>
      <c r="V23642">
        <v>30</v>
      </c>
      <c r="W23642">
        <v>30</v>
      </c>
      <c r="X23642">
        <v>31</v>
      </c>
      <c r="Y23642">
        <v>31</v>
      </c>
      <c r="Z23642">
        <v>31</v>
      </c>
      <c r="AA23642">
        <v>31</v>
      </c>
      <c r="AB23642">
        <v>31</v>
      </c>
      <c r="AC23642">
        <v>31</v>
      </c>
      <c r="AD23642">
        <v>31</v>
      </c>
      <c r="AE23642">
        <v>31</v>
      </c>
      <c r="AF23642">
        <v>31</v>
      </c>
      <c r="AG23642">
        <v>31</v>
      </c>
      <c r="AH23642">
        <v>31</v>
      </c>
      <c r="AI23642">
        <v>31</v>
      </c>
      <c r="AJ23642">
        <v>31</v>
      </c>
      <c r="AK23642">
        <v>31</v>
      </c>
      <c r="AL23642">
        <v>30</v>
      </c>
      <c r="AM23642">
        <v>30</v>
      </c>
      <c r="AN23642">
        <v>30</v>
      </c>
      <c r="AO23642">
        <v>30</v>
      </c>
      <c r="AP23642">
        <v>29</v>
      </c>
      <c r="AQ23642">
        <v>29</v>
      </c>
    </row>
    <row r="23643" spans="1:43">
      <c r="A23643" t="s">
        <v>14643</v>
      </c>
      <c r="B23643" t="s">
        <v>14644</v>
      </c>
      <c r="C23643" t="s">
        <v>14641</v>
      </c>
      <c r="D23643" t="s">
        <v>14642</v>
      </c>
      <c r="E23643" t="s">
        <v>14535</v>
      </c>
      <c r="F23643" t="s">
        <v>14536</v>
      </c>
      <c r="G23643" t="s">
        <v>10734</v>
      </c>
      <c r="H23643" t="s">
        <v>10735</v>
      </c>
      <c r="I23643" s="2">
        <v>1</v>
      </c>
      <c r="J23643" s="2">
        <v>0</v>
      </c>
      <c r="K23643" s="2">
        <v>0</v>
      </c>
      <c r="L23643" t="s">
        <v>120</v>
      </c>
      <c r="M23643" t="s">
        <v>87</v>
      </c>
      <c r="N23643" t="s">
        <v>88</v>
      </c>
      <c r="O23643" t="s">
        <v>85</v>
      </c>
      <c r="P23643" t="s">
        <v>86</v>
      </c>
      <c r="Q23643">
        <v>30</v>
      </c>
      <c r="R23643">
        <v>30</v>
      </c>
      <c r="S23643">
        <v>29</v>
      </c>
      <c r="T23643">
        <v>29</v>
      </c>
      <c r="U23643">
        <v>29</v>
      </c>
      <c r="V23643">
        <v>29</v>
      </c>
      <c r="W23643">
        <v>29</v>
      </c>
      <c r="X23643">
        <v>28</v>
      </c>
      <c r="Y23643">
        <v>28</v>
      </c>
      <c r="Z23643">
        <v>28</v>
      </c>
      <c r="AA23643">
        <v>28</v>
      </c>
      <c r="AB23643">
        <v>28</v>
      </c>
      <c r="AC23643">
        <v>28</v>
      </c>
      <c r="AD23643">
        <v>27</v>
      </c>
      <c r="AE23643">
        <v>27</v>
      </c>
      <c r="AF23643">
        <v>27</v>
      </c>
      <c r="AG23643">
        <v>27</v>
      </c>
      <c r="AH23643">
        <v>27</v>
      </c>
      <c r="AI23643">
        <v>27</v>
      </c>
      <c r="AJ23643">
        <v>26</v>
      </c>
      <c r="AK23643">
        <v>26</v>
      </c>
      <c r="AL23643">
        <v>26</v>
      </c>
      <c r="AM23643">
        <v>26</v>
      </c>
      <c r="AN23643">
        <v>26</v>
      </c>
      <c r="AO23643">
        <v>26</v>
      </c>
      <c r="AP23643">
        <v>26</v>
      </c>
      <c r="AQ23643">
        <v>25</v>
      </c>
    </row>
    <row r="23644" spans="1:43">
      <c r="A23644" t="s">
        <v>14643</v>
      </c>
      <c r="B23644" t="s">
        <v>14644</v>
      </c>
      <c r="C23644" t="s">
        <v>14641</v>
      </c>
      <c r="D23644" t="s">
        <v>14642</v>
      </c>
      <c r="E23644" t="s">
        <v>14535</v>
      </c>
      <c r="F23644" t="s">
        <v>14536</v>
      </c>
      <c r="G23644" t="s">
        <v>10734</v>
      </c>
      <c r="H23644" t="s">
        <v>10735</v>
      </c>
      <c r="I23644" s="2">
        <v>1</v>
      </c>
      <c r="J23644" s="2">
        <v>0</v>
      </c>
      <c r="K23644" s="2">
        <v>0</v>
      </c>
      <c r="L23644" t="s">
        <v>120</v>
      </c>
      <c r="M23644" t="s">
        <v>89</v>
      </c>
      <c r="N23644" t="s">
        <v>90</v>
      </c>
      <c r="O23644" t="s">
        <v>85</v>
      </c>
      <c r="P23644" t="s">
        <v>86</v>
      </c>
      <c r="Q23644">
        <v>30</v>
      </c>
      <c r="R23644">
        <v>31</v>
      </c>
      <c r="S23644">
        <v>31</v>
      </c>
      <c r="T23644">
        <v>31</v>
      </c>
      <c r="U23644">
        <v>32</v>
      </c>
      <c r="V23644">
        <v>32</v>
      </c>
      <c r="W23644">
        <v>32</v>
      </c>
      <c r="X23644">
        <v>32</v>
      </c>
      <c r="Y23644">
        <v>32</v>
      </c>
      <c r="Z23644">
        <v>32</v>
      </c>
      <c r="AA23644">
        <v>33</v>
      </c>
      <c r="AB23644">
        <v>33</v>
      </c>
      <c r="AC23644">
        <v>33</v>
      </c>
      <c r="AD23644">
        <v>33</v>
      </c>
      <c r="AE23644">
        <v>33</v>
      </c>
      <c r="AF23644">
        <v>32</v>
      </c>
      <c r="AG23644">
        <v>32</v>
      </c>
      <c r="AH23644">
        <v>32</v>
      </c>
      <c r="AI23644">
        <v>31</v>
      </c>
      <c r="AJ23644">
        <v>31</v>
      </c>
      <c r="AK23644">
        <v>31</v>
      </c>
      <c r="AL23644">
        <v>31</v>
      </c>
      <c r="AM23644">
        <v>30</v>
      </c>
      <c r="AN23644">
        <v>30</v>
      </c>
      <c r="AO23644">
        <v>30</v>
      </c>
      <c r="AP23644">
        <v>29</v>
      </c>
      <c r="AQ23644">
        <v>29</v>
      </c>
    </row>
    <row r="23645" spans="1:43">
      <c r="A23645" t="s">
        <v>14643</v>
      </c>
      <c r="B23645" t="s">
        <v>14644</v>
      </c>
      <c r="C23645" t="s">
        <v>14641</v>
      </c>
      <c r="D23645" t="s">
        <v>14642</v>
      </c>
      <c r="E23645" t="s">
        <v>14535</v>
      </c>
      <c r="F23645" t="s">
        <v>14536</v>
      </c>
      <c r="G23645" t="s">
        <v>10734</v>
      </c>
      <c r="H23645" t="s">
        <v>10735</v>
      </c>
      <c r="I23645" s="2">
        <v>1</v>
      </c>
      <c r="J23645" s="2">
        <v>0</v>
      </c>
      <c r="K23645" s="2">
        <v>0</v>
      </c>
      <c r="L23645" t="s">
        <v>120</v>
      </c>
      <c r="M23645" t="s">
        <v>83</v>
      </c>
      <c r="N23645" t="s">
        <v>91</v>
      </c>
      <c r="O23645" t="s">
        <v>85</v>
      </c>
      <c r="P23645" t="s">
        <v>86</v>
      </c>
      <c r="Q23645">
        <v>30</v>
      </c>
      <c r="R23645">
        <v>30</v>
      </c>
      <c r="S23645">
        <v>30</v>
      </c>
      <c r="T23645">
        <v>30</v>
      </c>
      <c r="U23645">
        <v>30</v>
      </c>
      <c r="V23645">
        <v>30</v>
      </c>
      <c r="W23645">
        <v>30</v>
      </c>
      <c r="X23645">
        <v>31</v>
      </c>
      <c r="Y23645">
        <v>31</v>
      </c>
      <c r="Z23645">
        <v>31</v>
      </c>
      <c r="AA23645">
        <v>31</v>
      </c>
      <c r="AB23645">
        <v>31</v>
      </c>
      <c r="AC23645">
        <v>31</v>
      </c>
      <c r="AD23645">
        <v>31</v>
      </c>
      <c r="AE23645">
        <v>31</v>
      </c>
      <c r="AF23645">
        <v>31</v>
      </c>
      <c r="AG23645">
        <v>31</v>
      </c>
      <c r="AH23645">
        <v>31</v>
      </c>
      <c r="AI23645">
        <v>31</v>
      </c>
      <c r="AJ23645">
        <v>31</v>
      </c>
      <c r="AK23645">
        <v>31</v>
      </c>
      <c r="AL23645">
        <v>30</v>
      </c>
      <c r="AM23645">
        <v>30</v>
      </c>
      <c r="AN23645">
        <v>30</v>
      </c>
      <c r="AO23645">
        <v>30</v>
      </c>
      <c r="AP23645">
        <v>29</v>
      </c>
      <c r="AQ23645">
        <v>29</v>
      </c>
    </row>
    <row r="23646" spans="1:43">
      <c r="A23646" t="s">
        <v>14645</v>
      </c>
      <c r="B23646" t="s">
        <v>14646</v>
      </c>
      <c r="C23646" t="s">
        <v>14641</v>
      </c>
      <c r="D23646" t="s">
        <v>14642</v>
      </c>
      <c r="E23646" t="s">
        <v>14535</v>
      </c>
      <c r="F23646" t="s">
        <v>14536</v>
      </c>
      <c r="G23646" t="s">
        <v>10734</v>
      </c>
      <c r="H23646" t="s">
        <v>10735</v>
      </c>
      <c r="I23646" s="2">
        <v>1</v>
      </c>
      <c r="J23646" s="2">
        <v>0</v>
      </c>
      <c r="K23646" s="2">
        <v>0</v>
      </c>
      <c r="L23646" t="s">
        <v>120</v>
      </c>
      <c r="M23646" t="s">
        <v>83</v>
      </c>
      <c r="N23646" t="s">
        <v>84</v>
      </c>
      <c r="O23646" t="s">
        <v>85</v>
      </c>
      <c r="P23646" t="s">
        <v>86</v>
      </c>
      <c r="Q23646">
        <v>26</v>
      </c>
      <c r="R23646">
        <v>26</v>
      </c>
      <c r="S23646">
        <v>26</v>
      </c>
      <c r="T23646">
        <v>26</v>
      </c>
      <c r="U23646">
        <v>26</v>
      </c>
      <c r="V23646">
        <v>26</v>
      </c>
      <c r="W23646">
        <v>26</v>
      </c>
      <c r="X23646">
        <v>26</v>
      </c>
      <c r="Y23646">
        <v>26</v>
      </c>
      <c r="Z23646">
        <v>26</v>
      </c>
      <c r="AA23646">
        <v>26</v>
      </c>
      <c r="AB23646">
        <v>26</v>
      </c>
      <c r="AC23646">
        <v>26</v>
      </c>
      <c r="AD23646">
        <v>26</v>
      </c>
      <c r="AE23646">
        <v>26</v>
      </c>
      <c r="AF23646">
        <v>26</v>
      </c>
      <c r="AG23646">
        <v>26</v>
      </c>
      <c r="AH23646">
        <v>26</v>
      </c>
      <c r="AI23646">
        <v>26</v>
      </c>
      <c r="AJ23646">
        <v>26</v>
      </c>
      <c r="AK23646">
        <v>26</v>
      </c>
      <c r="AL23646">
        <v>26</v>
      </c>
      <c r="AM23646">
        <v>26</v>
      </c>
      <c r="AN23646">
        <v>26</v>
      </c>
      <c r="AO23646">
        <v>26</v>
      </c>
      <c r="AP23646">
        <v>25</v>
      </c>
      <c r="AQ23646">
        <v>25</v>
      </c>
    </row>
    <row r="23647" spans="1:43">
      <c r="A23647" t="s">
        <v>14645</v>
      </c>
      <c r="B23647" t="s">
        <v>14646</v>
      </c>
      <c r="C23647" t="s">
        <v>14641</v>
      </c>
      <c r="D23647" t="s">
        <v>14642</v>
      </c>
      <c r="E23647" t="s">
        <v>14535</v>
      </c>
      <c r="F23647" t="s">
        <v>14536</v>
      </c>
      <c r="G23647" t="s">
        <v>10734</v>
      </c>
      <c r="H23647" t="s">
        <v>10735</v>
      </c>
      <c r="I23647" s="2">
        <v>1</v>
      </c>
      <c r="J23647" s="2">
        <v>0</v>
      </c>
      <c r="K23647" s="2">
        <v>0</v>
      </c>
      <c r="L23647" t="s">
        <v>120</v>
      </c>
      <c r="M23647" t="s">
        <v>87</v>
      </c>
      <c r="N23647" t="s">
        <v>88</v>
      </c>
      <c r="O23647" t="s">
        <v>85</v>
      </c>
      <c r="P23647" t="s">
        <v>86</v>
      </c>
      <c r="Q23647">
        <v>26</v>
      </c>
      <c r="R23647">
        <v>26</v>
      </c>
      <c r="S23647">
        <v>26</v>
      </c>
      <c r="T23647">
        <v>26</v>
      </c>
      <c r="U23647">
        <v>26</v>
      </c>
      <c r="V23647">
        <v>26</v>
      </c>
      <c r="W23647">
        <v>26</v>
      </c>
      <c r="X23647">
        <v>25</v>
      </c>
      <c r="Y23647">
        <v>25</v>
      </c>
      <c r="Z23647">
        <v>25</v>
      </c>
      <c r="AA23647">
        <v>25</v>
      </c>
      <c r="AB23647">
        <v>25</v>
      </c>
      <c r="AC23647">
        <v>25</v>
      </c>
      <c r="AD23647">
        <v>25</v>
      </c>
      <c r="AE23647">
        <v>24</v>
      </c>
      <c r="AF23647">
        <v>24</v>
      </c>
      <c r="AG23647">
        <v>24</v>
      </c>
      <c r="AH23647">
        <v>24</v>
      </c>
      <c r="AI23647">
        <v>24</v>
      </c>
      <c r="AJ23647">
        <v>24</v>
      </c>
      <c r="AK23647">
        <v>24</v>
      </c>
      <c r="AL23647">
        <v>24</v>
      </c>
      <c r="AM23647">
        <v>24</v>
      </c>
      <c r="AN23647">
        <v>23</v>
      </c>
      <c r="AO23647">
        <v>23</v>
      </c>
      <c r="AP23647">
        <v>23</v>
      </c>
      <c r="AQ23647">
        <v>23</v>
      </c>
    </row>
    <row r="23648" spans="1:43">
      <c r="A23648" t="s">
        <v>14645</v>
      </c>
      <c r="B23648" t="s">
        <v>14646</v>
      </c>
      <c r="C23648" t="s">
        <v>14641</v>
      </c>
      <c r="D23648" t="s">
        <v>14642</v>
      </c>
      <c r="E23648" t="s">
        <v>14535</v>
      </c>
      <c r="F23648" t="s">
        <v>14536</v>
      </c>
      <c r="G23648" t="s">
        <v>10734</v>
      </c>
      <c r="H23648" t="s">
        <v>10735</v>
      </c>
      <c r="I23648" s="2">
        <v>1</v>
      </c>
      <c r="J23648" s="2">
        <v>0</v>
      </c>
      <c r="K23648" s="2">
        <v>0</v>
      </c>
      <c r="L23648" t="s">
        <v>120</v>
      </c>
      <c r="M23648" t="s">
        <v>89</v>
      </c>
      <c r="N23648" t="s">
        <v>90</v>
      </c>
      <c r="O23648" t="s">
        <v>85</v>
      </c>
      <c r="P23648" t="s">
        <v>86</v>
      </c>
      <c r="Q23648">
        <v>26</v>
      </c>
      <c r="R23648">
        <v>26</v>
      </c>
      <c r="S23648">
        <v>26</v>
      </c>
      <c r="T23648">
        <v>27</v>
      </c>
      <c r="U23648">
        <v>27</v>
      </c>
      <c r="V23648">
        <v>27</v>
      </c>
      <c r="W23648">
        <v>27</v>
      </c>
      <c r="X23648">
        <v>27</v>
      </c>
      <c r="Y23648">
        <v>28</v>
      </c>
      <c r="Z23648">
        <v>28</v>
      </c>
      <c r="AA23648">
        <v>28</v>
      </c>
      <c r="AB23648">
        <v>28</v>
      </c>
      <c r="AC23648">
        <v>28</v>
      </c>
      <c r="AD23648">
        <v>28</v>
      </c>
      <c r="AE23648">
        <v>28</v>
      </c>
      <c r="AF23648">
        <v>28</v>
      </c>
      <c r="AG23648">
        <v>28</v>
      </c>
      <c r="AH23648">
        <v>27</v>
      </c>
      <c r="AI23648">
        <v>27</v>
      </c>
      <c r="AJ23648">
        <v>27</v>
      </c>
      <c r="AK23648">
        <v>27</v>
      </c>
      <c r="AL23648">
        <v>26</v>
      </c>
      <c r="AM23648">
        <v>26</v>
      </c>
      <c r="AN23648">
        <v>26</v>
      </c>
      <c r="AO23648">
        <v>26</v>
      </c>
      <c r="AP23648">
        <v>26</v>
      </c>
      <c r="AQ23648">
        <v>25</v>
      </c>
    </row>
    <row r="23649" spans="1:43">
      <c r="A23649" t="s">
        <v>14645</v>
      </c>
      <c r="B23649" t="s">
        <v>14646</v>
      </c>
      <c r="C23649" t="s">
        <v>14641</v>
      </c>
      <c r="D23649" t="s">
        <v>14642</v>
      </c>
      <c r="E23649" t="s">
        <v>14535</v>
      </c>
      <c r="F23649" t="s">
        <v>14536</v>
      </c>
      <c r="G23649" t="s">
        <v>10734</v>
      </c>
      <c r="H23649" t="s">
        <v>10735</v>
      </c>
      <c r="I23649" s="2">
        <v>1</v>
      </c>
      <c r="J23649" s="2">
        <v>0</v>
      </c>
      <c r="K23649" s="2">
        <v>0</v>
      </c>
      <c r="L23649" t="s">
        <v>120</v>
      </c>
      <c r="M23649" t="s">
        <v>83</v>
      </c>
      <c r="N23649" t="s">
        <v>91</v>
      </c>
      <c r="O23649" t="s">
        <v>85</v>
      </c>
      <c r="P23649" t="s">
        <v>86</v>
      </c>
      <c r="Q23649">
        <v>26</v>
      </c>
      <c r="R23649">
        <v>26</v>
      </c>
      <c r="S23649">
        <v>26</v>
      </c>
      <c r="T23649">
        <v>26</v>
      </c>
      <c r="U23649">
        <v>26</v>
      </c>
      <c r="V23649">
        <v>26</v>
      </c>
      <c r="W23649">
        <v>26</v>
      </c>
      <c r="X23649">
        <v>26</v>
      </c>
      <c r="Y23649">
        <v>26</v>
      </c>
      <c r="Z23649">
        <v>26</v>
      </c>
      <c r="AA23649">
        <v>26</v>
      </c>
      <c r="AB23649">
        <v>26</v>
      </c>
      <c r="AC23649">
        <v>26</v>
      </c>
      <c r="AD23649">
        <v>26</v>
      </c>
      <c r="AE23649">
        <v>26</v>
      </c>
      <c r="AF23649">
        <v>26</v>
      </c>
      <c r="AG23649">
        <v>26</v>
      </c>
      <c r="AH23649">
        <v>26</v>
      </c>
      <c r="AI23649">
        <v>26</v>
      </c>
      <c r="AJ23649">
        <v>26</v>
      </c>
      <c r="AK23649">
        <v>26</v>
      </c>
      <c r="AL23649">
        <v>26</v>
      </c>
      <c r="AM23649">
        <v>26</v>
      </c>
      <c r="AN23649">
        <v>26</v>
      </c>
      <c r="AO23649">
        <v>26</v>
      </c>
      <c r="AP23649">
        <v>25</v>
      </c>
      <c r="AQ23649">
        <v>25</v>
      </c>
    </row>
    <row r="23650" spans="1:43">
      <c r="A23650" t="s">
        <v>14647</v>
      </c>
      <c r="B23650" t="s">
        <v>14648</v>
      </c>
      <c r="C23650" t="s">
        <v>14641</v>
      </c>
      <c r="D23650" t="s">
        <v>14642</v>
      </c>
      <c r="E23650" t="s">
        <v>14535</v>
      </c>
      <c r="F23650" t="s">
        <v>14536</v>
      </c>
      <c r="G23650" t="s">
        <v>10734</v>
      </c>
      <c r="H23650" t="s">
        <v>10735</v>
      </c>
      <c r="I23650" s="2">
        <v>1</v>
      </c>
      <c r="J23650" s="2">
        <v>0</v>
      </c>
      <c r="K23650" s="2">
        <v>0</v>
      </c>
      <c r="L23650" t="s">
        <v>120</v>
      </c>
      <c r="M23650" t="s">
        <v>83</v>
      </c>
      <c r="N23650" t="s">
        <v>84</v>
      </c>
      <c r="O23650" t="s">
        <v>85</v>
      </c>
      <c r="P23650" t="s">
        <v>86</v>
      </c>
      <c r="Q23650">
        <v>6</v>
      </c>
      <c r="R23650">
        <v>6</v>
      </c>
      <c r="S23650">
        <v>6</v>
      </c>
      <c r="T23650">
        <v>6</v>
      </c>
      <c r="U23650">
        <v>6</v>
      </c>
      <c r="V23650">
        <v>6</v>
      </c>
      <c r="W23650">
        <v>6</v>
      </c>
      <c r="X23650">
        <v>6</v>
      </c>
      <c r="Y23650">
        <v>6</v>
      </c>
      <c r="Z23650">
        <v>6</v>
      </c>
      <c r="AA23650">
        <v>6</v>
      </c>
      <c r="AB23650">
        <v>6</v>
      </c>
      <c r="AC23650">
        <v>6</v>
      </c>
      <c r="AD23650">
        <v>6</v>
      </c>
      <c r="AE23650">
        <v>6</v>
      </c>
      <c r="AF23650">
        <v>6</v>
      </c>
      <c r="AG23650">
        <v>6</v>
      </c>
      <c r="AH23650">
        <v>6</v>
      </c>
      <c r="AI23650">
        <v>6</v>
      </c>
      <c r="AJ23650">
        <v>6</v>
      </c>
      <c r="AK23650">
        <v>6</v>
      </c>
      <c r="AL23650">
        <v>6</v>
      </c>
      <c r="AM23650">
        <v>6</v>
      </c>
      <c r="AN23650">
        <v>6</v>
      </c>
      <c r="AO23650">
        <v>6</v>
      </c>
      <c r="AP23650">
        <v>6</v>
      </c>
      <c r="AQ23650">
        <v>6</v>
      </c>
    </row>
    <row r="23651" spans="1:43">
      <c r="A23651" t="s">
        <v>14647</v>
      </c>
      <c r="B23651" t="s">
        <v>14648</v>
      </c>
      <c r="C23651" t="s">
        <v>14641</v>
      </c>
      <c r="D23651" t="s">
        <v>14642</v>
      </c>
      <c r="E23651" t="s">
        <v>14535</v>
      </c>
      <c r="F23651" t="s">
        <v>14536</v>
      </c>
      <c r="G23651" t="s">
        <v>10734</v>
      </c>
      <c r="H23651" t="s">
        <v>10735</v>
      </c>
      <c r="I23651" s="2">
        <v>1</v>
      </c>
      <c r="J23651" s="2">
        <v>0</v>
      </c>
      <c r="K23651" s="2">
        <v>0</v>
      </c>
      <c r="L23651" t="s">
        <v>120</v>
      </c>
      <c r="M23651" t="s">
        <v>87</v>
      </c>
      <c r="N23651" t="s">
        <v>88</v>
      </c>
      <c r="O23651" t="s">
        <v>85</v>
      </c>
      <c r="P23651" t="s">
        <v>86</v>
      </c>
      <c r="Q23651">
        <v>6</v>
      </c>
      <c r="R23651">
        <v>6</v>
      </c>
      <c r="S23651">
        <v>6</v>
      </c>
      <c r="T23651">
        <v>6</v>
      </c>
      <c r="U23651">
        <v>6</v>
      </c>
      <c r="V23651">
        <v>6</v>
      </c>
      <c r="W23651">
        <v>6</v>
      </c>
      <c r="X23651">
        <v>6</v>
      </c>
      <c r="Y23651">
        <v>6</v>
      </c>
      <c r="Z23651">
        <v>6</v>
      </c>
      <c r="AA23651">
        <v>6</v>
      </c>
      <c r="AB23651">
        <v>6</v>
      </c>
      <c r="AC23651">
        <v>6</v>
      </c>
      <c r="AD23651">
        <v>6</v>
      </c>
      <c r="AE23651">
        <v>6</v>
      </c>
      <c r="AF23651">
        <v>6</v>
      </c>
      <c r="AG23651">
        <v>6</v>
      </c>
      <c r="AH23651">
        <v>6</v>
      </c>
      <c r="AI23651">
        <v>6</v>
      </c>
      <c r="AJ23651">
        <v>6</v>
      </c>
      <c r="AK23651">
        <v>6</v>
      </c>
      <c r="AL23651">
        <v>6</v>
      </c>
      <c r="AM23651">
        <v>5</v>
      </c>
      <c r="AN23651">
        <v>5</v>
      </c>
      <c r="AO23651">
        <v>5</v>
      </c>
      <c r="AP23651">
        <v>5</v>
      </c>
      <c r="AQ23651">
        <v>5</v>
      </c>
    </row>
    <row r="23652" spans="1:43">
      <c r="A23652" t="s">
        <v>14647</v>
      </c>
      <c r="B23652" t="s">
        <v>14648</v>
      </c>
      <c r="C23652" t="s">
        <v>14641</v>
      </c>
      <c r="D23652" t="s">
        <v>14642</v>
      </c>
      <c r="E23652" t="s">
        <v>14535</v>
      </c>
      <c r="F23652" t="s">
        <v>14536</v>
      </c>
      <c r="G23652" t="s">
        <v>10734</v>
      </c>
      <c r="H23652" t="s">
        <v>10735</v>
      </c>
      <c r="I23652" s="2">
        <v>1</v>
      </c>
      <c r="J23652" s="2">
        <v>0</v>
      </c>
      <c r="K23652" s="2">
        <v>0</v>
      </c>
      <c r="L23652" t="s">
        <v>120</v>
      </c>
      <c r="M23652" t="s">
        <v>89</v>
      </c>
      <c r="N23652" t="s">
        <v>90</v>
      </c>
      <c r="O23652" t="s">
        <v>85</v>
      </c>
      <c r="P23652" t="s">
        <v>86</v>
      </c>
      <c r="Q23652">
        <v>6</v>
      </c>
      <c r="R23652">
        <v>6</v>
      </c>
      <c r="S23652">
        <v>6</v>
      </c>
      <c r="T23652">
        <v>6</v>
      </c>
      <c r="U23652">
        <v>7</v>
      </c>
      <c r="V23652">
        <v>7</v>
      </c>
      <c r="W23652">
        <v>7</v>
      </c>
      <c r="X23652">
        <v>7</v>
      </c>
      <c r="Y23652">
        <v>7</v>
      </c>
      <c r="Z23652">
        <v>7</v>
      </c>
      <c r="AA23652">
        <v>7</v>
      </c>
      <c r="AB23652">
        <v>7</v>
      </c>
      <c r="AC23652">
        <v>7</v>
      </c>
      <c r="AD23652">
        <v>7</v>
      </c>
      <c r="AE23652">
        <v>7</v>
      </c>
      <c r="AF23652">
        <v>7</v>
      </c>
      <c r="AG23652">
        <v>7</v>
      </c>
      <c r="AH23652">
        <v>7</v>
      </c>
      <c r="AI23652">
        <v>7</v>
      </c>
      <c r="AJ23652">
        <v>7</v>
      </c>
      <c r="AK23652">
        <v>6</v>
      </c>
      <c r="AL23652">
        <v>6</v>
      </c>
      <c r="AM23652">
        <v>6</v>
      </c>
      <c r="AN23652">
        <v>6</v>
      </c>
      <c r="AO23652">
        <v>6</v>
      </c>
      <c r="AP23652">
        <v>6</v>
      </c>
      <c r="AQ23652">
        <v>6</v>
      </c>
    </row>
    <row r="23653" spans="1:43">
      <c r="A23653" t="s">
        <v>14647</v>
      </c>
      <c r="B23653" t="s">
        <v>14648</v>
      </c>
      <c r="C23653" t="s">
        <v>14641</v>
      </c>
      <c r="D23653" t="s">
        <v>14642</v>
      </c>
      <c r="E23653" t="s">
        <v>14535</v>
      </c>
      <c r="F23653" t="s">
        <v>14536</v>
      </c>
      <c r="G23653" t="s">
        <v>10734</v>
      </c>
      <c r="H23653" t="s">
        <v>10735</v>
      </c>
      <c r="I23653" s="2">
        <v>1</v>
      </c>
      <c r="J23653" s="2">
        <v>0</v>
      </c>
      <c r="K23653" s="2">
        <v>0</v>
      </c>
      <c r="L23653" t="s">
        <v>120</v>
      </c>
      <c r="M23653" t="s">
        <v>83</v>
      </c>
      <c r="N23653" t="s">
        <v>91</v>
      </c>
      <c r="O23653" t="s">
        <v>85</v>
      </c>
      <c r="P23653" t="s">
        <v>86</v>
      </c>
      <c r="Q23653">
        <v>6</v>
      </c>
      <c r="R23653">
        <v>6</v>
      </c>
      <c r="S23653">
        <v>6</v>
      </c>
      <c r="T23653">
        <v>6</v>
      </c>
      <c r="U23653">
        <v>6</v>
      </c>
      <c r="V23653">
        <v>6</v>
      </c>
      <c r="W23653">
        <v>6</v>
      </c>
      <c r="X23653">
        <v>6</v>
      </c>
      <c r="Y23653">
        <v>6</v>
      </c>
      <c r="Z23653">
        <v>6</v>
      </c>
      <c r="AA23653">
        <v>6</v>
      </c>
      <c r="AB23653">
        <v>6</v>
      </c>
      <c r="AC23653">
        <v>6</v>
      </c>
      <c r="AD23653">
        <v>6</v>
      </c>
      <c r="AE23653">
        <v>6</v>
      </c>
      <c r="AF23653">
        <v>6</v>
      </c>
      <c r="AG23653">
        <v>6</v>
      </c>
      <c r="AH23653">
        <v>6</v>
      </c>
      <c r="AI23653">
        <v>6</v>
      </c>
      <c r="AJ23653">
        <v>6</v>
      </c>
      <c r="AK23653">
        <v>6</v>
      </c>
      <c r="AL23653">
        <v>6</v>
      </c>
      <c r="AM23653">
        <v>6</v>
      </c>
      <c r="AN23653">
        <v>6</v>
      </c>
      <c r="AO23653">
        <v>6</v>
      </c>
      <c r="AP23653">
        <v>6</v>
      </c>
      <c r="AQ23653">
        <v>6</v>
      </c>
    </row>
    <row r="23654" spans="1:43">
      <c r="A23654" t="s">
        <v>14649</v>
      </c>
      <c r="B23654" t="s">
        <v>14650</v>
      </c>
      <c r="C23654" t="s">
        <v>14641</v>
      </c>
      <c r="D23654" t="s">
        <v>14642</v>
      </c>
      <c r="E23654" t="s">
        <v>14535</v>
      </c>
      <c r="F23654" t="s">
        <v>14536</v>
      </c>
      <c r="G23654" t="s">
        <v>10734</v>
      </c>
      <c r="H23654" t="s">
        <v>10735</v>
      </c>
      <c r="I23654" s="2">
        <v>1</v>
      </c>
      <c r="J23654" s="2">
        <v>0</v>
      </c>
      <c r="K23654" s="2">
        <v>0</v>
      </c>
      <c r="L23654" t="s">
        <v>120</v>
      </c>
      <c r="M23654" t="s">
        <v>83</v>
      </c>
      <c r="N23654" t="s">
        <v>84</v>
      </c>
      <c r="O23654" t="s">
        <v>85</v>
      </c>
      <c r="P23654" t="s">
        <v>86</v>
      </c>
      <c r="Q23654">
        <v>12</v>
      </c>
      <c r="R23654">
        <v>12</v>
      </c>
      <c r="S23654">
        <v>12</v>
      </c>
      <c r="T23654">
        <v>12</v>
      </c>
      <c r="U23654">
        <v>12</v>
      </c>
      <c r="V23654">
        <v>12</v>
      </c>
      <c r="W23654">
        <v>12</v>
      </c>
      <c r="X23654">
        <v>12</v>
      </c>
      <c r="Y23654">
        <v>12</v>
      </c>
      <c r="Z23654">
        <v>12</v>
      </c>
      <c r="AA23654">
        <v>12</v>
      </c>
      <c r="AB23654">
        <v>12</v>
      </c>
      <c r="AC23654">
        <v>12</v>
      </c>
      <c r="AD23654">
        <v>12</v>
      </c>
      <c r="AE23654">
        <v>12</v>
      </c>
      <c r="AF23654">
        <v>12</v>
      </c>
      <c r="AG23654">
        <v>12</v>
      </c>
      <c r="AH23654">
        <v>12</v>
      </c>
      <c r="AI23654">
        <v>12</v>
      </c>
      <c r="AJ23654">
        <v>12</v>
      </c>
      <c r="AK23654">
        <v>12</v>
      </c>
      <c r="AL23654">
        <v>12</v>
      </c>
      <c r="AM23654">
        <v>12</v>
      </c>
      <c r="AN23654">
        <v>11</v>
      </c>
      <c r="AO23654">
        <v>11</v>
      </c>
      <c r="AP23654">
        <v>11</v>
      </c>
      <c r="AQ23654">
        <v>11</v>
      </c>
    </row>
    <row r="23655" spans="1:43">
      <c r="A23655" t="s">
        <v>14649</v>
      </c>
      <c r="B23655" t="s">
        <v>14650</v>
      </c>
      <c r="C23655" t="s">
        <v>14641</v>
      </c>
      <c r="D23655" t="s">
        <v>14642</v>
      </c>
      <c r="E23655" t="s">
        <v>14535</v>
      </c>
      <c r="F23655" t="s">
        <v>14536</v>
      </c>
      <c r="G23655" t="s">
        <v>10734</v>
      </c>
      <c r="H23655" t="s">
        <v>10735</v>
      </c>
      <c r="I23655" s="2">
        <v>1</v>
      </c>
      <c r="J23655" s="2">
        <v>0</v>
      </c>
      <c r="K23655" s="2">
        <v>0</v>
      </c>
      <c r="L23655" t="s">
        <v>120</v>
      </c>
      <c r="M23655" t="s">
        <v>87</v>
      </c>
      <c r="N23655" t="s">
        <v>88</v>
      </c>
      <c r="O23655" t="s">
        <v>85</v>
      </c>
      <c r="P23655" t="s">
        <v>86</v>
      </c>
      <c r="Q23655">
        <v>12</v>
      </c>
      <c r="R23655">
        <v>12</v>
      </c>
      <c r="S23655">
        <v>12</v>
      </c>
      <c r="T23655">
        <v>12</v>
      </c>
      <c r="U23655">
        <v>12</v>
      </c>
      <c r="V23655">
        <v>12</v>
      </c>
      <c r="W23655">
        <v>12</v>
      </c>
      <c r="X23655">
        <v>12</v>
      </c>
      <c r="Y23655">
        <v>12</v>
      </c>
      <c r="Z23655">
        <v>12</v>
      </c>
      <c r="AA23655">
        <v>12</v>
      </c>
      <c r="AB23655">
        <v>12</v>
      </c>
      <c r="AC23655">
        <v>12</v>
      </c>
      <c r="AD23655">
        <v>11</v>
      </c>
      <c r="AE23655">
        <v>11</v>
      </c>
      <c r="AF23655">
        <v>11</v>
      </c>
      <c r="AG23655">
        <v>11</v>
      </c>
      <c r="AH23655">
        <v>11</v>
      </c>
      <c r="AI23655">
        <v>11</v>
      </c>
      <c r="AJ23655">
        <v>11</v>
      </c>
      <c r="AK23655">
        <v>11</v>
      </c>
      <c r="AL23655">
        <v>11</v>
      </c>
      <c r="AM23655">
        <v>11</v>
      </c>
      <c r="AN23655">
        <v>11</v>
      </c>
      <c r="AO23655">
        <v>11</v>
      </c>
      <c r="AP23655">
        <v>11</v>
      </c>
      <c r="AQ23655">
        <v>11</v>
      </c>
    </row>
    <row r="23656" spans="1:43">
      <c r="A23656" t="s">
        <v>14649</v>
      </c>
      <c r="B23656" t="s">
        <v>14650</v>
      </c>
      <c r="C23656" t="s">
        <v>14641</v>
      </c>
      <c r="D23656" t="s">
        <v>14642</v>
      </c>
      <c r="E23656" t="s">
        <v>14535</v>
      </c>
      <c r="F23656" t="s">
        <v>14536</v>
      </c>
      <c r="G23656" t="s">
        <v>10734</v>
      </c>
      <c r="H23656" t="s">
        <v>10735</v>
      </c>
      <c r="I23656" s="2">
        <v>1</v>
      </c>
      <c r="J23656" s="2">
        <v>0</v>
      </c>
      <c r="K23656" s="2">
        <v>0</v>
      </c>
      <c r="L23656" t="s">
        <v>120</v>
      </c>
      <c r="M23656" t="s">
        <v>89</v>
      </c>
      <c r="N23656" t="s">
        <v>90</v>
      </c>
      <c r="O23656" t="s">
        <v>85</v>
      </c>
      <c r="P23656" t="s">
        <v>86</v>
      </c>
      <c r="Q23656">
        <v>12</v>
      </c>
      <c r="R23656">
        <v>12</v>
      </c>
      <c r="S23656">
        <v>12</v>
      </c>
      <c r="T23656">
        <v>12</v>
      </c>
      <c r="U23656">
        <v>12</v>
      </c>
      <c r="V23656">
        <v>12</v>
      </c>
      <c r="W23656">
        <v>12</v>
      </c>
      <c r="X23656">
        <v>12</v>
      </c>
      <c r="Y23656">
        <v>12</v>
      </c>
      <c r="Z23656">
        <v>12</v>
      </c>
      <c r="AA23656">
        <v>12</v>
      </c>
      <c r="AB23656">
        <v>12</v>
      </c>
      <c r="AC23656">
        <v>13</v>
      </c>
      <c r="AD23656">
        <v>13</v>
      </c>
      <c r="AE23656">
        <v>13</v>
      </c>
      <c r="AF23656">
        <v>12</v>
      </c>
      <c r="AG23656">
        <v>12</v>
      </c>
      <c r="AH23656">
        <v>12</v>
      </c>
      <c r="AI23656">
        <v>12</v>
      </c>
      <c r="AJ23656">
        <v>12</v>
      </c>
      <c r="AK23656">
        <v>12</v>
      </c>
      <c r="AL23656">
        <v>12</v>
      </c>
      <c r="AM23656">
        <v>12</v>
      </c>
      <c r="AN23656">
        <v>11</v>
      </c>
      <c r="AO23656">
        <v>11</v>
      </c>
      <c r="AP23656">
        <v>11</v>
      </c>
      <c r="AQ23656">
        <v>11</v>
      </c>
    </row>
    <row r="23657" spans="1:43">
      <c r="A23657" t="s">
        <v>14649</v>
      </c>
      <c r="B23657" t="s">
        <v>14650</v>
      </c>
      <c r="C23657" t="s">
        <v>14641</v>
      </c>
      <c r="D23657" t="s">
        <v>14642</v>
      </c>
      <c r="E23657" t="s">
        <v>14535</v>
      </c>
      <c r="F23657" t="s">
        <v>14536</v>
      </c>
      <c r="G23657" t="s">
        <v>10734</v>
      </c>
      <c r="H23657" t="s">
        <v>10735</v>
      </c>
      <c r="I23657" s="2">
        <v>1</v>
      </c>
      <c r="J23657" s="2">
        <v>0</v>
      </c>
      <c r="K23657" s="2">
        <v>0</v>
      </c>
      <c r="L23657" t="s">
        <v>120</v>
      </c>
      <c r="M23657" t="s">
        <v>83</v>
      </c>
      <c r="N23657" t="s">
        <v>91</v>
      </c>
      <c r="O23657" t="s">
        <v>85</v>
      </c>
      <c r="P23657" t="s">
        <v>86</v>
      </c>
      <c r="Q23657">
        <v>12</v>
      </c>
      <c r="R23657">
        <v>12</v>
      </c>
      <c r="S23657">
        <v>12</v>
      </c>
      <c r="T23657">
        <v>12</v>
      </c>
      <c r="U23657">
        <v>12</v>
      </c>
      <c r="V23657">
        <v>12</v>
      </c>
      <c r="W23657">
        <v>12</v>
      </c>
      <c r="X23657">
        <v>12</v>
      </c>
      <c r="Y23657">
        <v>12</v>
      </c>
      <c r="Z23657">
        <v>12</v>
      </c>
      <c r="AA23657">
        <v>12</v>
      </c>
      <c r="AB23657">
        <v>12</v>
      </c>
      <c r="AC23657">
        <v>12</v>
      </c>
      <c r="AD23657">
        <v>12</v>
      </c>
      <c r="AE23657">
        <v>12</v>
      </c>
      <c r="AF23657">
        <v>12</v>
      </c>
      <c r="AG23657">
        <v>12</v>
      </c>
      <c r="AH23657">
        <v>12</v>
      </c>
      <c r="AI23657">
        <v>12</v>
      </c>
      <c r="AJ23657">
        <v>12</v>
      </c>
      <c r="AK23657">
        <v>12</v>
      </c>
      <c r="AL23657">
        <v>12</v>
      </c>
      <c r="AM23657">
        <v>12</v>
      </c>
      <c r="AN23657">
        <v>11</v>
      </c>
      <c r="AO23657">
        <v>11</v>
      </c>
      <c r="AP23657">
        <v>11</v>
      </c>
      <c r="AQ23657">
        <v>11</v>
      </c>
    </row>
    <row r="23658" spans="1:43">
      <c r="A23658" t="s">
        <v>14651</v>
      </c>
      <c r="B23658" t="s">
        <v>14652</v>
      </c>
      <c r="C23658" t="s">
        <v>14641</v>
      </c>
      <c r="D23658" t="s">
        <v>14642</v>
      </c>
      <c r="E23658" t="s">
        <v>14535</v>
      </c>
      <c r="F23658" t="s">
        <v>14536</v>
      </c>
      <c r="G23658" t="s">
        <v>10734</v>
      </c>
      <c r="H23658" t="s">
        <v>10735</v>
      </c>
      <c r="I23658" s="2">
        <v>1</v>
      </c>
      <c r="J23658" s="2">
        <v>0</v>
      </c>
      <c r="K23658" s="2">
        <v>0</v>
      </c>
      <c r="L23658" t="s">
        <v>120</v>
      </c>
      <c r="M23658" t="s">
        <v>83</v>
      </c>
      <c r="N23658" t="s">
        <v>84</v>
      </c>
      <c r="O23658" t="s">
        <v>85</v>
      </c>
      <c r="P23658" t="s">
        <v>86</v>
      </c>
      <c r="Q23658">
        <v>8</v>
      </c>
      <c r="R23658">
        <v>8</v>
      </c>
      <c r="S23658">
        <v>8</v>
      </c>
      <c r="T23658">
        <v>8</v>
      </c>
      <c r="U23658">
        <v>8</v>
      </c>
      <c r="V23658">
        <v>8</v>
      </c>
      <c r="W23658">
        <v>8</v>
      </c>
      <c r="X23658">
        <v>8</v>
      </c>
      <c r="Y23658">
        <v>8</v>
      </c>
      <c r="Z23658">
        <v>8</v>
      </c>
      <c r="AA23658">
        <v>8</v>
      </c>
      <c r="AB23658">
        <v>8</v>
      </c>
      <c r="AC23658">
        <v>8</v>
      </c>
      <c r="AD23658">
        <v>8</v>
      </c>
      <c r="AE23658">
        <v>8</v>
      </c>
      <c r="AF23658">
        <v>8</v>
      </c>
      <c r="AG23658">
        <v>8</v>
      </c>
      <c r="AH23658">
        <v>8</v>
      </c>
      <c r="AI23658">
        <v>8</v>
      </c>
      <c r="AJ23658">
        <v>8</v>
      </c>
      <c r="AK23658">
        <v>8</v>
      </c>
      <c r="AL23658">
        <v>8</v>
      </c>
      <c r="AM23658">
        <v>8</v>
      </c>
      <c r="AN23658">
        <v>8</v>
      </c>
      <c r="AO23658">
        <v>8</v>
      </c>
      <c r="AP23658">
        <v>8</v>
      </c>
      <c r="AQ23658">
        <v>8</v>
      </c>
    </row>
    <row r="23659" spans="1:43">
      <c r="A23659" t="s">
        <v>14651</v>
      </c>
      <c r="B23659" t="s">
        <v>14652</v>
      </c>
      <c r="C23659" t="s">
        <v>14641</v>
      </c>
      <c r="D23659" t="s">
        <v>14642</v>
      </c>
      <c r="E23659" t="s">
        <v>14535</v>
      </c>
      <c r="F23659" t="s">
        <v>14536</v>
      </c>
      <c r="G23659" t="s">
        <v>10734</v>
      </c>
      <c r="H23659" t="s">
        <v>10735</v>
      </c>
      <c r="I23659" s="2">
        <v>1</v>
      </c>
      <c r="J23659" s="2">
        <v>0</v>
      </c>
      <c r="K23659" s="2">
        <v>0</v>
      </c>
      <c r="L23659" t="s">
        <v>120</v>
      </c>
      <c r="M23659" t="s">
        <v>87</v>
      </c>
      <c r="N23659" t="s">
        <v>88</v>
      </c>
      <c r="O23659" t="s">
        <v>85</v>
      </c>
      <c r="P23659" t="s">
        <v>86</v>
      </c>
      <c r="Q23659">
        <v>8</v>
      </c>
      <c r="R23659">
        <v>8</v>
      </c>
      <c r="S23659">
        <v>8</v>
      </c>
      <c r="T23659">
        <v>8</v>
      </c>
      <c r="U23659">
        <v>8</v>
      </c>
      <c r="V23659">
        <v>8</v>
      </c>
      <c r="W23659">
        <v>8</v>
      </c>
      <c r="X23659">
        <v>8</v>
      </c>
      <c r="Y23659">
        <v>8</v>
      </c>
      <c r="Z23659">
        <v>8</v>
      </c>
      <c r="AA23659">
        <v>7</v>
      </c>
      <c r="AB23659">
        <v>7</v>
      </c>
      <c r="AC23659">
        <v>7</v>
      </c>
      <c r="AD23659">
        <v>7</v>
      </c>
      <c r="AE23659">
        <v>7</v>
      </c>
      <c r="AF23659">
        <v>7</v>
      </c>
      <c r="AG23659">
        <v>7</v>
      </c>
      <c r="AH23659">
        <v>7</v>
      </c>
      <c r="AI23659">
        <v>7</v>
      </c>
      <c r="AJ23659">
        <v>7</v>
      </c>
      <c r="AK23659">
        <v>7</v>
      </c>
      <c r="AL23659">
        <v>7</v>
      </c>
      <c r="AM23659">
        <v>7</v>
      </c>
      <c r="AN23659">
        <v>7</v>
      </c>
      <c r="AO23659">
        <v>7</v>
      </c>
      <c r="AP23659">
        <v>7</v>
      </c>
      <c r="AQ23659">
        <v>7</v>
      </c>
    </row>
    <row r="23660" spans="1:43">
      <c r="A23660" t="s">
        <v>14651</v>
      </c>
      <c r="B23660" t="s">
        <v>14652</v>
      </c>
      <c r="C23660" t="s">
        <v>14641</v>
      </c>
      <c r="D23660" t="s">
        <v>14642</v>
      </c>
      <c r="E23660" t="s">
        <v>14535</v>
      </c>
      <c r="F23660" t="s">
        <v>14536</v>
      </c>
      <c r="G23660" t="s">
        <v>10734</v>
      </c>
      <c r="H23660" t="s">
        <v>10735</v>
      </c>
      <c r="I23660" s="2">
        <v>1</v>
      </c>
      <c r="J23660" s="2">
        <v>0</v>
      </c>
      <c r="K23660" s="2">
        <v>0</v>
      </c>
      <c r="L23660" t="s">
        <v>120</v>
      </c>
      <c r="M23660" t="s">
        <v>89</v>
      </c>
      <c r="N23660" t="s">
        <v>90</v>
      </c>
      <c r="O23660" t="s">
        <v>85</v>
      </c>
      <c r="P23660" t="s">
        <v>86</v>
      </c>
      <c r="Q23660">
        <v>8</v>
      </c>
      <c r="R23660">
        <v>8</v>
      </c>
      <c r="S23660">
        <v>8</v>
      </c>
      <c r="T23660">
        <v>8</v>
      </c>
      <c r="U23660">
        <v>8</v>
      </c>
      <c r="V23660">
        <v>9</v>
      </c>
      <c r="W23660">
        <v>9</v>
      </c>
      <c r="X23660">
        <v>9</v>
      </c>
      <c r="Y23660">
        <v>9</v>
      </c>
      <c r="Z23660">
        <v>9</v>
      </c>
      <c r="AA23660">
        <v>9</v>
      </c>
      <c r="AB23660">
        <v>9</v>
      </c>
      <c r="AC23660">
        <v>9</v>
      </c>
      <c r="AD23660">
        <v>9</v>
      </c>
      <c r="AE23660">
        <v>9</v>
      </c>
      <c r="AF23660">
        <v>9</v>
      </c>
      <c r="AG23660">
        <v>9</v>
      </c>
      <c r="AH23660">
        <v>9</v>
      </c>
      <c r="AI23660">
        <v>8</v>
      </c>
      <c r="AJ23660">
        <v>8</v>
      </c>
      <c r="AK23660">
        <v>8</v>
      </c>
      <c r="AL23660">
        <v>8</v>
      </c>
      <c r="AM23660">
        <v>8</v>
      </c>
      <c r="AN23660">
        <v>8</v>
      </c>
      <c r="AO23660">
        <v>8</v>
      </c>
      <c r="AP23660">
        <v>8</v>
      </c>
      <c r="AQ23660">
        <v>8</v>
      </c>
    </row>
    <row r="23661" spans="1:43">
      <c r="A23661" t="s">
        <v>14651</v>
      </c>
      <c r="B23661" t="s">
        <v>14652</v>
      </c>
      <c r="C23661" t="s">
        <v>14641</v>
      </c>
      <c r="D23661" t="s">
        <v>14642</v>
      </c>
      <c r="E23661" t="s">
        <v>14535</v>
      </c>
      <c r="F23661" t="s">
        <v>14536</v>
      </c>
      <c r="G23661" t="s">
        <v>10734</v>
      </c>
      <c r="H23661" t="s">
        <v>10735</v>
      </c>
      <c r="I23661" s="2">
        <v>1</v>
      </c>
      <c r="J23661" s="2">
        <v>0</v>
      </c>
      <c r="K23661" s="2">
        <v>0</v>
      </c>
      <c r="L23661" t="s">
        <v>120</v>
      </c>
      <c r="M23661" t="s">
        <v>83</v>
      </c>
      <c r="N23661" t="s">
        <v>91</v>
      </c>
      <c r="O23661" t="s">
        <v>85</v>
      </c>
      <c r="P23661" t="s">
        <v>86</v>
      </c>
      <c r="Q23661">
        <v>8</v>
      </c>
      <c r="R23661">
        <v>8</v>
      </c>
      <c r="S23661">
        <v>8</v>
      </c>
      <c r="T23661">
        <v>8</v>
      </c>
      <c r="U23661">
        <v>8</v>
      </c>
      <c r="V23661">
        <v>8</v>
      </c>
      <c r="W23661">
        <v>8</v>
      </c>
      <c r="X23661">
        <v>8</v>
      </c>
      <c r="Y23661">
        <v>8</v>
      </c>
      <c r="Z23661">
        <v>8</v>
      </c>
      <c r="AA23661">
        <v>8</v>
      </c>
      <c r="AB23661">
        <v>8</v>
      </c>
      <c r="AC23661">
        <v>8</v>
      </c>
      <c r="AD23661">
        <v>8</v>
      </c>
      <c r="AE23661">
        <v>8</v>
      </c>
      <c r="AF23661">
        <v>8</v>
      </c>
      <c r="AG23661">
        <v>8</v>
      </c>
      <c r="AH23661">
        <v>8</v>
      </c>
      <c r="AI23661">
        <v>8</v>
      </c>
      <c r="AJ23661">
        <v>8</v>
      </c>
      <c r="AK23661">
        <v>8</v>
      </c>
      <c r="AL23661">
        <v>8</v>
      </c>
      <c r="AM23661">
        <v>8</v>
      </c>
      <c r="AN23661">
        <v>8</v>
      </c>
      <c r="AO23661">
        <v>8</v>
      </c>
      <c r="AP23661">
        <v>8</v>
      </c>
      <c r="AQ23661">
        <v>8</v>
      </c>
    </row>
    <row r="23662" spans="1:43">
      <c r="A23662" t="s">
        <v>14653</v>
      </c>
      <c r="B23662" t="s">
        <v>14654</v>
      </c>
      <c r="C23662" t="s">
        <v>14655</v>
      </c>
      <c r="D23662" t="s">
        <v>14656</v>
      </c>
      <c r="E23662" t="s">
        <v>14535</v>
      </c>
      <c r="F23662" t="s">
        <v>14536</v>
      </c>
      <c r="G23662" t="s">
        <v>10734</v>
      </c>
      <c r="H23662" t="s">
        <v>10735</v>
      </c>
      <c r="I23662" s="2">
        <v>1</v>
      </c>
      <c r="J23662" s="2">
        <v>0</v>
      </c>
      <c r="K23662" s="2">
        <v>0</v>
      </c>
      <c r="L23662" t="s">
        <v>120</v>
      </c>
      <c r="M23662" t="s">
        <v>83</v>
      </c>
      <c r="N23662" t="s">
        <v>84</v>
      </c>
      <c r="O23662" t="s">
        <v>85</v>
      </c>
      <c r="P23662" t="s">
        <v>86</v>
      </c>
      <c r="Q23662">
        <v>35</v>
      </c>
      <c r="R23662">
        <v>35</v>
      </c>
      <c r="S23662">
        <v>35</v>
      </c>
      <c r="T23662">
        <v>35</v>
      </c>
      <c r="U23662">
        <v>35</v>
      </c>
      <c r="V23662">
        <v>35</v>
      </c>
      <c r="W23662">
        <v>35</v>
      </c>
      <c r="X23662">
        <v>36</v>
      </c>
      <c r="Y23662">
        <v>36</v>
      </c>
      <c r="Z23662">
        <v>36</v>
      </c>
      <c r="AA23662">
        <v>36</v>
      </c>
      <c r="AB23662">
        <v>36</v>
      </c>
      <c r="AC23662">
        <v>36</v>
      </c>
      <c r="AD23662">
        <v>36</v>
      </c>
      <c r="AE23662">
        <v>36</v>
      </c>
      <c r="AF23662">
        <v>36</v>
      </c>
      <c r="AG23662">
        <v>36</v>
      </c>
      <c r="AH23662">
        <v>36</v>
      </c>
      <c r="AI23662">
        <v>36</v>
      </c>
      <c r="AJ23662">
        <v>36</v>
      </c>
      <c r="AK23662">
        <v>36</v>
      </c>
      <c r="AL23662">
        <v>36</v>
      </c>
      <c r="AM23662">
        <v>36</v>
      </c>
      <c r="AN23662">
        <v>35</v>
      </c>
      <c r="AO23662">
        <v>35</v>
      </c>
      <c r="AP23662">
        <v>35</v>
      </c>
      <c r="AQ23662">
        <v>35</v>
      </c>
    </row>
    <row r="23663" spans="1:43">
      <c r="A23663" t="s">
        <v>14653</v>
      </c>
      <c r="B23663" t="s">
        <v>14654</v>
      </c>
      <c r="C23663" t="s">
        <v>14655</v>
      </c>
      <c r="D23663" t="s">
        <v>14656</v>
      </c>
      <c r="E23663" t="s">
        <v>14535</v>
      </c>
      <c r="F23663" t="s">
        <v>14536</v>
      </c>
      <c r="G23663" t="s">
        <v>10734</v>
      </c>
      <c r="H23663" t="s">
        <v>10735</v>
      </c>
      <c r="I23663" s="2">
        <v>1</v>
      </c>
      <c r="J23663" s="2">
        <v>0</v>
      </c>
      <c r="K23663" s="2">
        <v>0</v>
      </c>
      <c r="L23663" t="s">
        <v>120</v>
      </c>
      <c r="M23663" t="s">
        <v>87</v>
      </c>
      <c r="N23663" t="s">
        <v>88</v>
      </c>
      <c r="O23663" t="s">
        <v>85</v>
      </c>
      <c r="P23663" t="s">
        <v>86</v>
      </c>
      <c r="Q23663">
        <v>35</v>
      </c>
      <c r="R23663">
        <v>35</v>
      </c>
      <c r="S23663">
        <v>35</v>
      </c>
      <c r="T23663">
        <v>35</v>
      </c>
      <c r="U23663">
        <v>35</v>
      </c>
      <c r="V23663">
        <v>34</v>
      </c>
      <c r="W23663">
        <v>34</v>
      </c>
      <c r="X23663">
        <v>34</v>
      </c>
      <c r="Y23663">
        <v>34</v>
      </c>
      <c r="Z23663">
        <v>34</v>
      </c>
      <c r="AA23663">
        <v>34</v>
      </c>
      <c r="AB23663">
        <v>33</v>
      </c>
      <c r="AC23663">
        <v>33</v>
      </c>
      <c r="AD23663">
        <v>33</v>
      </c>
      <c r="AE23663">
        <v>33</v>
      </c>
      <c r="AF23663">
        <v>33</v>
      </c>
      <c r="AG23663">
        <v>33</v>
      </c>
      <c r="AH23663">
        <v>33</v>
      </c>
      <c r="AI23663">
        <v>32</v>
      </c>
      <c r="AJ23663">
        <v>32</v>
      </c>
      <c r="AK23663">
        <v>32</v>
      </c>
      <c r="AL23663">
        <v>32</v>
      </c>
      <c r="AM23663">
        <v>32</v>
      </c>
      <c r="AN23663">
        <v>32</v>
      </c>
      <c r="AO23663">
        <v>32</v>
      </c>
      <c r="AP23663">
        <v>32</v>
      </c>
      <c r="AQ23663">
        <v>31</v>
      </c>
    </row>
    <row r="23664" spans="1:43">
      <c r="A23664" t="s">
        <v>14653</v>
      </c>
      <c r="B23664" t="s">
        <v>14654</v>
      </c>
      <c r="C23664" t="s">
        <v>14655</v>
      </c>
      <c r="D23664" t="s">
        <v>14656</v>
      </c>
      <c r="E23664" t="s">
        <v>14535</v>
      </c>
      <c r="F23664" t="s">
        <v>14536</v>
      </c>
      <c r="G23664" t="s">
        <v>10734</v>
      </c>
      <c r="H23664" t="s">
        <v>10735</v>
      </c>
      <c r="I23664" s="2">
        <v>1</v>
      </c>
      <c r="J23664" s="2">
        <v>0</v>
      </c>
      <c r="K23664" s="2">
        <v>0</v>
      </c>
      <c r="L23664" t="s">
        <v>120</v>
      </c>
      <c r="M23664" t="s">
        <v>89</v>
      </c>
      <c r="N23664" t="s">
        <v>90</v>
      </c>
      <c r="O23664" t="s">
        <v>85</v>
      </c>
      <c r="P23664" t="s">
        <v>86</v>
      </c>
      <c r="Q23664">
        <v>35</v>
      </c>
      <c r="R23664">
        <v>35</v>
      </c>
      <c r="S23664">
        <v>36</v>
      </c>
      <c r="T23664">
        <v>36</v>
      </c>
      <c r="U23664">
        <v>37</v>
      </c>
      <c r="V23664">
        <v>37</v>
      </c>
      <c r="W23664">
        <v>37</v>
      </c>
      <c r="X23664">
        <v>37</v>
      </c>
      <c r="Y23664">
        <v>38</v>
      </c>
      <c r="Z23664">
        <v>38</v>
      </c>
      <c r="AA23664">
        <v>38</v>
      </c>
      <c r="AB23664">
        <v>38</v>
      </c>
      <c r="AC23664">
        <v>38</v>
      </c>
      <c r="AD23664">
        <v>38</v>
      </c>
      <c r="AE23664">
        <v>38</v>
      </c>
      <c r="AF23664">
        <v>38</v>
      </c>
      <c r="AG23664">
        <v>38</v>
      </c>
      <c r="AH23664">
        <v>37</v>
      </c>
      <c r="AI23664">
        <v>37</v>
      </c>
      <c r="AJ23664">
        <v>37</v>
      </c>
      <c r="AK23664">
        <v>37</v>
      </c>
      <c r="AL23664">
        <v>36</v>
      </c>
      <c r="AM23664">
        <v>36</v>
      </c>
      <c r="AN23664">
        <v>36</v>
      </c>
      <c r="AO23664">
        <v>36</v>
      </c>
      <c r="AP23664">
        <v>35</v>
      </c>
      <c r="AQ23664">
        <v>35</v>
      </c>
    </row>
    <row r="23665" spans="1:43">
      <c r="A23665" t="s">
        <v>14653</v>
      </c>
      <c r="B23665" t="s">
        <v>14654</v>
      </c>
      <c r="C23665" t="s">
        <v>14655</v>
      </c>
      <c r="D23665" t="s">
        <v>14656</v>
      </c>
      <c r="E23665" t="s">
        <v>14535</v>
      </c>
      <c r="F23665" t="s">
        <v>14536</v>
      </c>
      <c r="G23665" t="s">
        <v>10734</v>
      </c>
      <c r="H23665" t="s">
        <v>10735</v>
      </c>
      <c r="I23665" s="2">
        <v>1</v>
      </c>
      <c r="J23665" s="2">
        <v>0</v>
      </c>
      <c r="K23665" s="2">
        <v>0</v>
      </c>
      <c r="L23665" t="s">
        <v>120</v>
      </c>
      <c r="M23665" t="s">
        <v>83</v>
      </c>
      <c r="N23665" t="s">
        <v>91</v>
      </c>
      <c r="O23665" t="s">
        <v>85</v>
      </c>
      <c r="P23665" t="s">
        <v>86</v>
      </c>
      <c r="Q23665">
        <v>35</v>
      </c>
      <c r="R23665">
        <v>35</v>
      </c>
      <c r="S23665">
        <v>35</v>
      </c>
      <c r="T23665">
        <v>35</v>
      </c>
      <c r="U23665">
        <v>35</v>
      </c>
      <c r="V23665">
        <v>35</v>
      </c>
      <c r="W23665">
        <v>35</v>
      </c>
      <c r="X23665">
        <v>36</v>
      </c>
      <c r="Y23665">
        <v>36</v>
      </c>
      <c r="Z23665">
        <v>36</v>
      </c>
      <c r="AA23665">
        <v>36</v>
      </c>
      <c r="AB23665">
        <v>36</v>
      </c>
      <c r="AC23665">
        <v>36</v>
      </c>
      <c r="AD23665">
        <v>36</v>
      </c>
      <c r="AE23665">
        <v>36</v>
      </c>
      <c r="AF23665">
        <v>36</v>
      </c>
      <c r="AG23665">
        <v>36</v>
      </c>
      <c r="AH23665">
        <v>36</v>
      </c>
      <c r="AI23665">
        <v>36</v>
      </c>
      <c r="AJ23665">
        <v>36</v>
      </c>
      <c r="AK23665">
        <v>36</v>
      </c>
      <c r="AL23665">
        <v>36</v>
      </c>
      <c r="AM23665">
        <v>36</v>
      </c>
      <c r="AN23665">
        <v>35</v>
      </c>
      <c r="AO23665">
        <v>35</v>
      </c>
      <c r="AP23665">
        <v>35</v>
      </c>
      <c r="AQ23665">
        <v>35</v>
      </c>
    </row>
    <row r="23666" spans="1:43">
      <c r="A23666" t="s">
        <v>14657</v>
      </c>
      <c r="B23666" t="s">
        <v>14658</v>
      </c>
      <c r="C23666" t="s">
        <v>14659</v>
      </c>
      <c r="D23666" t="s">
        <v>14660</v>
      </c>
      <c r="E23666" t="s">
        <v>14535</v>
      </c>
      <c r="F23666" t="s">
        <v>14536</v>
      </c>
      <c r="G23666" t="s">
        <v>10734</v>
      </c>
      <c r="H23666" t="s">
        <v>10735</v>
      </c>
      <c r="I23666" s="2">
        <v>1</v>
      </c>
      <c r="J23666" s="2">
        <v>0</v>
      </c>
      <c r="K23666" s="2">
        <v>0</v>
      </c>
      <c r="L23666" t="s">
        <v>120</v>
      </c>
      <c r="M23666" t="s">
        <v>83</v>
      </c>
      <c r="N23666" t="s">
        <v>84</v>
      </c>
      <c r="O23666" t="s">
        <v>85</v>
      </c>
      <c r="P23666" t="s">
        <v>86</v>
      </c>
      <c r="Q23666">
        <v>11</v>
      </c>
      <c r="R23666">
        <v>11</v>
      </c>
      <c r="S23666">
        <v>11</v>
      </c>
      <c r="T23666">
        <v>11</v>
      </c>
      <c r="U23666">
        <v>11</v>
      </c>
      <c r="V23666">
        <v>11</v>
      </c>
      <c r="W23666">
        <v>12</v>
      </c>
      <c r="X23666">
        <v>12</v>
      </c>
      <c r="Y23666">
        <v>12</v>
      </c>
      <c r="Z23666">
        <v>12</v>
      </c>
      <c r="AA23666">
        <v>12</v>
      </c>
      <c r="AB23666">
        <v>12</v>
      </c>
      <c r="AC23666">
        <v>12</v>
      </c>
      <c r="AD23666">
        <v>12</v>
      </c>
      <c r="AE23666">
        <v>12</v>
      </c>
      <c r="AF23666">
        <v>12</v>
      </c>
      <c r="AG23666">
        <v>12</v>
      </c>
      <c r="AH23666">
        <v>12</v>
      </c>
      <c r="AI23666">
        <v>12</v>
      </c>
      <c r="AJ23666">
        <v>12</v>
      </c>
      <c r="AK23666">
        <v>12</v>
      </c>
      <c r="AL23666">
        <v>12</v>
      </c>
      <c r="AM23666">
        <v>12</v>
      </c>
      <c r="AN23666">
        <v>12</v>
      </c>
      <c r="AO23666">
        <v>11</v>
      </c>
      <c r="AP23666">
        <v>11</v>
      </c>
      <c r="AQ23666">
        <v>11</v>
      </c>
    </row>
    <row r="23667" spans="1:43">
      <c r="A23667" t="s">
        <v>14657</v>
      </c>
      <c r="B23667" t="s">
        <v>14658</v>
      </c>
      <c r="C23667" t="s">
        <v>14659</v>
      </c>
      <c r="D23667" t="s">
        <v>14660</v>
      </c>
      <c r="E23667" t="s">
        <v>14535</v>
      </c>
      <c r="F23667" t="s">
        <v>14536</v>
      </c>
      <c r="G23667" t="s">
        <v>10734</v>
      </c>
      <c r="H23667" t="s">
        <v>10735</v>
      </c>
      <c r="I23667" s="2">
        <v>1</v>
      </c>
      <c r="J23667" s="2">
        <v>0</v>
      </c>
      <c r="K23667" s="2">
        <v>0</v>
      </c>
      <c r="L23667" t="s">
        <v>120</v>
      </c>
      <c r="M23667" t="s">
        <v>87</v>
      </c>
      <c r="N23667" t="s">
        <v>88</v>
      </c>
      <c r="O23667" t="s">
        <v>85</v>
      </c>
      <c r="P23667" t="s">
        <v>86</v>
      </c>
      <c r="Q23667">
        <v>11</v>
      </c>
      <c r="R23667">
        <v>11</v>
      </c>
      <c r="S23667">
        <v>11</v>
      </c>
      <c r="T23667">
        <v>11</v>
      </c>
      <c r="U23667">
        <v>11</v>
      </c>
      <c r="V23667">
        <v>11</v>
      </c>
      <c r="W23667">
        <v>11</v>
      </c>
      <c r="X23667">
        <v>11</v>
      </c>
      <c r="Y23667">
        <v>11</v>
      </c>
      <c r="Z23667">
        <v>11</v>
      </c>
      <c r="AA23667">
        <v>11</v>
      </c>
      <c r="AB23667">
        <v>11</v>
      </c>
      <c r="AC23667">
        <v>11</v>
      </c>
      <c r="AD23667">
        <v>10</v>
      </c>
      <c r="AE23667">
        <v>10</v>
      </c>
      <c r="AF23667">
        <v>10</v>
      </c>
      <c r="AG23667">
        <v>10</v>
      </c>
      <c r="AH23667">
        <v>10</v>
      </c>
      <c r="AI23667">
        <v>10</v>
      </c>
      <c r="AJ23667">
        <v>10</v>
      </c>
      <c r="AK23667">
        <v>10</v>
      </c>
      <c r="AL23667">
        <v>10</v>
      </c>
      <c r="AM23667">
        <v>10</v>
      </c>
      <c r="AN23667">
        <v>10</v>
      </c>
      <c r="AO23667">
        <v>10</v>
      </c>
      <c r="AP23667">
        <v>10</v>
      </c>
      <c r="AQ23667">
        <v>10</v>
      </c>
    </row>
    <row r="23668" spans="1:43">
      <c r="A23668" t="s">
        <v>14657</v>
      </c>
      <c r="B23668" t="s">
        <v>14658</v>
      </c>
      <c r="C23668" t="s">
        <v>14659</v>
      </c>
      <c r="D23668" t="s">
        <v>14660</v>
      </c>
      <c r="E23668" t="s">
        <v>14535</v>
      </c>
      <c r="F23668" t="s">
        <v>14536</v>
      </c>
      <c r="G23668" t="s">
        <v>10734</v>
      </c>
      <c r="H23668" t="s">
        <v>10735</v>
      </c>
      <c r="I23668" s="2">
        <v>1</v>
      </c>
      <c r="J23668" s="2">
        <v>0</v>
      </c>
      <c r="K23668" s="2">
        <v>0</v>
      </c>
      <c r="L23668" t="s">
        <v>120</v>
      </c>
      <c r="M23668" t="s">
        <v>89</v>
      </c>
      <c r="N23668" t="s">
        <v>90</v>
      </c>
      <c r="O23668" t="s">
        <v>85</v>
      </c>
      <c r="P23668" t="s">
        <v>86</v>
      </c>
      <c r="Q23668">
        <v>11</v>
      </c>
      <c r="R23668">
        <v>11</v>
      </c>
      <c r="S23668">
        <v>12</v>
      </c>
      <c r="T23668">
        <v>12</v>
      </c>
      <c r="U23668">
        <v>12</v>
      </c>
      <c r="V23668">
        <v>12</v>
      </c>
      <c r="W23668">
        <v>12</v>
      </c>
      <c r="X23668">
        <v>12</v>
      </c>
      <c r="Y23668">
        <v>12</v>
      </c>
      <c r="Z23668">
        <v>12</v>
      </c>
      <c r="AA23668">
        <v>12</v>
      </c>
      <c r="AB23668">
        <v>12</v>
      </c>
      <c r="AC23668">
        <v>12</v>
      </c>
      <c r="AD23668">
        <v>12</v>
      </c>
      <c r="AE23668">
        <v>12</v>
      </c>
      <c r="AF23668">
        <v>12</v>
      </c>
      <c r="AG23668">
        <v>12</v>
      </c>
      <c r="AH23668">
        <v>12</v>
      </c>
      <c r="AI23668">
        <v>12</v>
      </c>
      <c r="AJ23668">
        <v>12</v>
      </c>
      <c r="AK23668">
        <v>12</v>
      </c>
      <c r="AL23668">
        <v>12</v>
      </c>
      <c r="AM23668">
        <v>12</v>
      </c>
      <c r="AN23668">
        <v>12</v>
      </c>
      <c r="AO23668">
        <v>12</v>
      </c>
      <c r="AP23668">
        <v>11</v>
      </c>
      <c r="AQ23668">
        <v>11</v>
      </c>
    </row>
    <row r="23669" spans="1:43">
      <c r="A23669" t="s">
        <v>14657</v>
      </c>
      <c r="B23669" t="s">
        <v>14658</v>
      </c>
      <c r="C23669" t="s">
        <v>14659</v>
      </c>
      <c r="D23669" t="s">
        <v>14660</v>
      </c>
      <c r="E23669" t="s">
        <v>14535</v>
      </c>
      <c r="F23669" t="s">
        <v>14536</v>
      </c>
      <c r="G23669" t="s">
        <v>10734</v>
      </c>
      <c r="H23669" t="s">
        <v>10735</v>
      </c>
      <c r="I23669" s="2">
        <v>1</v>
      </c>
      <c r="J23669" s="2">
        <v>0</v>
      </c>
      <c r="K23669" s="2">
        <v>0</v>
      </c>
      <c r="L23669" t="s">
        <v>120</v>
      </c>
      <c r="M23669" t="s">
        <v>83</v>
      </c>
      <c r="N23669" t="s">
        <v>91</v>
      </c>
      <c r="O23669" t="s">
        <v>85</v>
      </c>
      <c r="P23669" t="s">
        <v>86</v>
      </c>
      <c r="Q23669">
        <v>11</v>
      </c>
      <c r="R23669">
        <v>11</v>
      </c>
      <c r="S23669">
        <v>11</v>
      </c>
      <c r="T23669">
        <v>11</v>
      </c>
      <c r="U23669">
        <v>11</v>
      </c>
      <c r="V23669">
        <v>11</v>
      </c>
      <c r="W23669">
        <v>12</v>
      </c>
      <c r="X23669">
        <v>12</v>
      </c>
      <c r="Y23669">
        <v>12</v>
      </c>
      <c r="Z23669">
        <v>12</v>
      </c>
      <c r="AA23669">
        <v>12</v>
      </c>
      <c r="AB23669">
        <v>12</v>
      </c>
      <c r="AC23669">
        <v>12</v>
      </c>
      <c r="AD23669">
        <v>12</v>
      </c>
      <c r="AE23669">
        <v>12</v>
      </c>
      <c r="AF23669">
        <v>12</v>
      </c>
      <c r="AG23669">
        <v>12</v>
      </c>
      <c r="AH23669">
        <v>12</v>
      </c>
      <c r="AI23669">
        <v>12</v>
      </c>
      <c r="AJ23669">
        <v>12</v>
      </c>
      <c r="AK23669">
        <v>12</v>
      </c>
      <c r="AL23669">
        <v>12</v>
      </c>
      <c r="AM23669">
        <v>12</v>
      </c>
      <c r="AN23669">
        <v>12</v>
      </c>
      <c r="AO23669">
        <v>11</v>
      </c>
      <c r="AP23669">
        <v>11</v>
      </c>
      <c r="AQ23669">
        <v>11</v>
      </c>
    </row>
    <row r="23670" spans="1:43">
      <c r="A23670" t="s">
        <v>14661</v>
      </c>
      <c r="B23670" t="s">
        <v>14662</v>
      </c>
      <c r="C23670" t="s">
        <v>14655</v>
      </c>
      <c r="D23670" t="s">
        <v>14656</v>
      </c>
      <c r="E23670" t="s">
        <v>14535</v>
      </c>
      <c r="F23670" t="s">
        <v>14536</v>
      </c>
      <c r="G23670" t="s">
        <v>10734</v>
      </c>
      <c r="H23670" t="s">
        <v>10735</v>
      </c>
      <c r="I23670" s="2">
        <v>1</v>
      </c>
      <c r="J23670" s="2">
        <v>0</v>
      </c>
      <c r="K23670" s="2">
        <v>0</v>
      </c>
      <c r="L23670" t="s">
        <v>120</v>
      </c>
      <c r="M23670" t="s">
        <v>83</v>
      </c>
      <c r="N23670" t="s">
        <v>84</v>
      </c>
      <c r="O23670" t="s">
        <v>85</v>
      </c>
      <c r="P23670" t="s">
        <v>86</v>
      </c>
      <c r="Q23670">
        <v>13</v>
      </c>
      <c r="R23670">
        <v>13</v>
      </c>
      <c r="S23670">
        <v>13</v>
      </c>
      <c r="T23670">
        <v>13</v>
      </c>
      <c r="U23670">
        <v>13</v>
      </c>
      <c r="V23670">
        <v>13</v>
      </c>
      <c r="W23670">
        <v>13</v>
      </c>
      <c r="X23670">
        <v>13</v>
      </c>
      <c r="Y23670">
        <v>13</v>
      </c>
      <c r="Z23670">
        <v>13</v>
      </c>
      <c r="AA23670">
        <v>13</v>
      </c>
      <c r="AB23670">
        <v>13</v>
      </c>
      <c r="AC23670">
        <v>13</v>
      </c>
      <c r="AD23670">
        <v>13</v>
      </c>
      <c r="AE23670">
        <v>13</v>
      </c>
      <c r="AF23670">
        <v>13</v>
      </c>
      <c r="AG23670">
        <v>13</v>
      </c>
      <c r="AH23670">
        <v>13</v>
      </c>
      <c r="AI23670">
        <v>13</v>
      </c>
      <c r="AJ23670">
        <v>13</v>
      </c>
      <c r="AK23670">
        <v>13</v>
      </c>
      <c r="AL23670">
        <v>13</v>
      </c>
      <c r="AM23670">
        <v>13</v>
      </c>
      <c r="AN23670">
        <v>13</v>
      </c>
      <c r="AO23670">
        <v>13</v>
      </c>
      <c r="AP23670">
        <v>13</v>
      </c>
      <c r="AQ23670">
        <v>13</v>
      </c>
    </row>
    <row r="23671" spans="1:43">
      <c r="A23671" t="s">
        <v>14661</v>
      </c>
      <c r="B23671" t="s">
        <v>14662</v>
      </c>
      <c r="C23671" t="s">
        <v>14655</v>
      </c>
      <c r="D23671" t="s">
        <v>14656</v>
      </c>
      <c r="E23671" t="s">
        <v>14535</v>
      </c>
      <c r="F23671" t="s">
        <v>14536</v>
      </c>
      <c r="G23671" t="s">
        <v>10734</v>
      </c>
      <c r="H23671" t="s">
        <v>10735</v>
      </c>
      <c r="I23671" s="2">
        <v>1</v>
      </c>
      <c r="J23671" s="2">
        <v>0</v>
      </c>
      <c r="K23671" s="2">
        <v>0</v>
      </c>
      <c r="L23671" t="s">
        <v>120</v>
      </c>
      <c r="M23671" t="s">
        <v>87</v>
      </c>
      <c r="N23671" t="s">
        <v>88</v>
      </c>
      <c r="O23671" t="s">
        <v>85</v>
      </c>
      <c r="P23671" t="s">
        <v>86</v>
      </c>
      <c r="Q23671">
        <v>13</v>
      </c>
      <c r="R23671">
        <v>13</v>
      </c>
      <c r="S23671">
        <v>13</v>
      </c>
      <c r="T23671">
        <v>13</v>
      </c>
      <c r="U23671">
        <v>12</v>
      </c>
      <c r="V23671">
        <v>12</v>
      </c>
      <c r="W23671">
        <v>12</v>
      </c>
      <c r="X23671">
        <v>12</v>
      </c>
      <c r="Y23671">
        <v>12</v>
      </c>
      <c r="Z23671">
        <v>12</v>
      </c>
      <c r="AA23671">
        <v>12</v>
      </c>
      <c r="AB23671">
        <v>12</v>
      </c>
      <c r="AC23671">
        <v>12</v>
      </c>
      <c r="AD23671">
        <v>12</v>
      </c>
      <c r="AE23671">
        <v>12</v>
      </c>
      <c r="AF23671">
        <v>12</v>
      </c>
      <c r="AG23671">
        <v>12</v>
      </c>
      <c r="AH23671">
        <v>12</v>
      </c>
      <c r="AI23671">
        <v>12</v>
      </c>
      <c r="AJ23671">
        <v>12</v>
      </c>
      <c r="AK23671">
        <v>12</v>
      </c>
      <c r="AL23671">
        <v>12</v>
      </c>
      <c r="AM23671">
        <v>12</v>
      </c>
      <c r="AN23671">
        <v>11</v>
      </c>
      <c r="AO23671">
        <v>11</v>
      </c>
      <c r="AP23671">
        <v>11</v>
      </c>
      <c r="AQ23671">
        <v>11</v>
      </c>
    </row>
    <row r="23672" spans="1:43">
      <c r="A23672" t="s">
        <v>14661</v>
      </c>
      <c r="B23672" t="s">
        <v>14662</v>
      </c>
      <c r="C23672" t="s">
        <v>14655</v>
      </c>
      <c r="D23672" t="s">
        <v>14656</v>
      </c>
      <c r="E23672" t="s">
        <v>14535</v>
      </c>
      <c r="F23672" t="s">
        <v>14536</v>
      </c>
      <c r="G23672" t="s">
        <v>10734</v>
      </c>
      <c r="H23672" t="s">
        <v>10735</v>
      </c>
      <c r="I23672" s="2">
        <v>1</v>
      </c>
      <c r="J23672" s="2">
        <v>0</v>
      </c>
      <c r="K23672" s="2">
        <v>0</v>
      </c>
      <c r="L23672" t="s">
        <v>120</v>
      </c>
      <c r="M23672" t="s">
        <v>89</v>
      </c>
      <c r="N23672" t="s">
        <v>90</v>
      </c>
      <c r="O23672" t="s">
        <v>85</v>
      </c>
      <c r="P23672" t="s">
        <v>86</v>
      </c>
      <c r="Q23672">
        <v>13</v>
      </c>
      <c r="R23672">
        <v>13</v>
      </c>
      <c r="S23672">
        <v>13</v>
      </c>
      <c r="T23672">
        <v>13</v>
      </c>
      <c r="U23672">
        <v>14</v>
      </c>
      <c r="V23672">
        <v>14</v>
      </c>
      <c r="W23672">
        <v>14</v>
      </c>
      <c r="X23672">
        <v>14</v>
      </c>
      <c r="Y23672">
        <v>14</v>
      </c>
      <c r="Z23672">
        <v>14</v>
      </c>
      <c r="AA23672">
        <v>14</v>
      </c>
      <c r="AB23672">
        <v>14</v>
      </c>
      <c r="AC23672">
        <v>14</v>
      </c>
      <c r="AD23672">
        <v>14</v>
      </c>
      <c r="AE23672">
        <v>14</v>
      </c>
      <c r="AF23672">
        <v>14</v>
      </c>
      <c r="AG23672">
        <v>14</v>
      </c>
      <c r="AH23672">
        <v>14</v>
      </c>
      <c r="AI23672">
        <v>14</v>
      </c>
      <c r="AJ23672">
        <v>14</v>
      </c>
      <c r="AK23672">
        <v>14</v>
      </c>
      <c r="AL23672">
        <v>13</v>
      </c>
      <c r="AM23672">
        <v>13</v>
      </c>
      <c r="AN23672">
        <v>13</v>
      </c>
      <c r="AO23672">
        <v>13</v>
      </c>
      <c r="AP23672">
        <v>13</v>
      </c>
      <c r="AQ23672">
        <v>13</v>
      </c>
    </row>
    <row r="23673" spans="1:43">
      <c r="A23673" t="s">
        <v>14661</v>
      </c>
      <c r="B23673" t="s">
        <v>14662</v>
      </c>
      <c r="C23673" t="s">
        <v>14655</v>
      </c>
      <c r="D23673" t="s">
        <v>14656</v>
      </c>
      <c r="E23673" t="s">
        <v>14535</v>
      </c>
      <c r="F23673" t="s">
        <v>14536</v>
      </c>
      <c r="G23673" t="s">
        <v>10734</v>
      </c>
      <c r="H23673" t="s">
        <v>10735</v>
      </c>
      <c r="I23673" s="2">
        <v>1</v>
      </c>
      <c r="J23673" s="2">
        <v>0</v>
      </c>
      <c r="K23673" s="2">
        <v>0</v>
      </c>
      <c r="L23673" t="s">
        <v>120</v>
      </c>
      <c r="M23673" t="s">
        <v>83</v>
      </c>
      <c r="N23673" t="s">
        <v>91</v>
      </c>
      <c r="O23673" t="s">
        <v>85</v>
      </c>
      <c r="P23673" t="s">
        <v>86</v>
      </c>
      <c r="Q23673">
        <v>13</v>
      </c>
      <c r="R23673">
        <v>13</v>
      </c>
      <c r="S23673">
        <v>13</v>
      </c>
      <c r="T23673">
        <v>13</v>
      </c>
      <c r="U23673">
        <v>13</v>
      </c>
      <c r="V23673">
        <v>13</v>
      </c>
      <c r="W23673">
        <v>13</v>
      </c>
      <c r="X23673">
        <v>13</v>
      </c>
      <c r="Y23673">
        <v>13</v>
      </c>
      <c r="Z23673">
        <v>13</v>
      </c>
      <c r="AA23673">
        <v>13</v>
      </c>
      <c r="AB23673">
        <v>13</v>
      </c>
      <c r="AC23673">
        <v>13</v>
      </c>
      <c r="AD23673">
        <v>13</v>
      </c>
      <c r="AE23673">
        <v>13</v>
      </c>
      <c r="AF23673">
        <v>13</v>
      </c>
      <c r="AG23673">
        <v>13</v>
      </c>
      <c r="AH23673">
        <v>13</v>
      </c>
      <c r="AI23673">
        <v>13</v>
      </c>
      <c r="AJ23673">
        <v>13</v>
      </c>
      <c r="AK23673">
        <v>13</v>
      </c>
      <c r="AL23673">
        <v>13</v>
      </c>
      <c r="AM23673">
        <v>13</v>
      </c>
      <c r="AN23673">
        <v>13</v>
      </c>
      <c r="AO23673">
        <v>13</v>
      </c>
      <c r="AP23673">
        <v>13</v>
      </c>
      <c r="AQ23673">
        <v>13</v>
      </c>
    </row>
    <row r="23674" spans="1:43">
      <c r="A23674" t="s">
        <v>14663</v>
      </c>
      <c r="B23674" t="s">
        <v>14664</v>
      </c>
      <c r="C23674" t="s">
        <v>14655</v>
      </c>
      <c r="D23674" t="s">
        <v>14656</v>
      </c>
      <c r="E23674" t="s">
        <v>14535</v>
      </c>
      <c r="F23674" t="s">
        <v>14536</v>
      </c>
      <c r="G23674" t="s">
        <v>10734</v>
      </c>
      <c r="H23674" t="s">
        <v>10735</v>
      </c>
      <c r="I23674" s="2">
        <v>1</v>
      </c>
      <c r="J23674" s="2">
        <v>0</v>
      </c>
      <c r="K23674" s="2">
        <v>0</v>
      </c>
      <c r="L23674" t="s">
        <v>120</v>
      </c>
      <c r="M23674" t="s">
        <v>83</v>
      </c>
      <c r="N23674" t="s">
        <v>84</v>
      </c>
      <c r="O23674" t="s">
        <v>85</v>
      </c>
      <c r="P23674" t="s">
        <v>86</v>
      </c>
      <c r="Q23674">
        <v>21</v>
      </c>
      <c r="R23674">
        <v>21</v>
      </c>
      <c r="S23674">
        <v>21</v>
      </c>
      <c r="T23674">
        <v>21</v>
      </c>
      <c r="U23674">
        <v>21</v>
      </c>
      <c r="V23674">
        <v>21</v>
      </c>
      <c r="W23674">
        <v>21</v>
      </c>
      <c r="X23674">
        <v>21</v>
      </c>
      <c r="Y23674">
        <v>21</v>
      </c>
      <c r="Z23674">
        <v>21</v>
      </c>
      <c r="AA23674">
        <v>21</v>
      </c>
      <c r="AB23674">
        <v>21</v>
      </c>
      <c r="AC23674">
        <v>22</v>
      </c>
      <c r="AD23674">
        <v>22</v>
      </c>
      <c r="AE23674">
        <v>22</v>
      </c>
      <c r="AF23674">
        <v>22</v>
      </c>
      <c r="AG23674">
        <v>22</v>
      </c>
      <c r="AH23674">
        <v>22</v>
      </c>
      <c r="AI23674">
        <v>22</v>
      </c>
      <c r="AJ23674">
        <v>22</v>
      </c>
      <c r="AK23674">
        <v>22</v>
      </c>
      <c r="AL23674">
        <v>22</v>
      </c>
      <c r="AM23674">
        <v>21</v>
      </c>
      <c r="AN23674">
        <v>21</v>
      </c>
      <c r="AO23674">
        <v>21</v>
      </c>
      <c r="AP23674">
        <v>21</v>
      </c>
      <c r="AQ23674">
        <v>21</v>
      </c>
    </row>
    <row r="23675" spans="1:43">
      <c r="A23675" t="s">
        <v>14663</v>
      </c>
      <c r="B23675" t="s">
        <v>14664</v>
      </c>
      <c r="C23675" t="s">
        <v>14655</v>
      </c>
      <c r="D23675" t="s">
        <v>14656</v>
      </c>
      <c r="E23675" t="s">
        <v>14535</v>
      </c>
      <c r="F23675" t="s">
        <v>14536</v>
      </c>
      <c r="G23675" t="s">
        <v>10734</v>
      </c>
      <c r="H23675" t="s">
        <v>10735</v>
      </c>
      <c r="I23675" s="2">
        <v>1</v>
      </c>
      <c r="J23675" s="2">
        <v>0</v>
      </c>
      <c r="K23675" s="2">
        <v>0</v>
      </c>
      <c r="L23675" t="s">
        <v>120</v>
      </c>
      <c r="M23675" t="s">
        <v>87</v>
      </c>
      <c r="N23675" t="s">
        <v>88</v>
      </c>
      <c r="O23675" t="s">
        <v>85</v>
      </c>
      <c r="P23675" t="s">
        <v>86</v>
      </c>
      <c r="Q23675">
        <v>21</v>
      </c>
      <c r="R23675">
        <v>21</v>
      </c>
      <c r="S23675">
        <v>20</v>
      </c>
      <c r="T23675">
        <v>20</v>
      </c>
      <c r="U23675">
        <v>20</v>
      </c>
      <c r="V23675">
        <v>20</v>
      </c>
      <c r="W23675">
        <v>20</v>
      </c>
      <c r="X23675">
        <v>20</v>
      </c>
      <c r="Y23675">
        <v>20</v>
      </c>
      <c r="Z23675">
        <v>20</v>
      </c>
      <c r="AA23675">
        <v>20</v>
      </c>
      <c r="AB23675">
        <v>20</v>
      </c>
      <c r="AC23675">
        <v>19</v>
      </c>
      <c r="AD23675">
        <v>19</v>
      </c>
      <c r="AE23675">
        <v>19</v>
      </c>
      <c r="AF23675">
        <v>19</v>
      </c>
      <c r="AG23675">
        <v>19</v>
      </c>
      <c r="AH23675">
        <v>19</v>
      </c>
      <c r="AI23675">
        <v>19</v>
      </c>
      <c r="AJ23675">
        <v>19</v>
      </c>
      <c r="AK23675">
        <v>19</v>
      </c>
      <c r="AL23675">
        <v>19</v>
      </c>
      <c r="AM23675">
        <v>19</v>
      </c>
      <c r="AN23675">
        <v>19</v>
      </c>
      <c r="AO23675">
        <v>19</v>
      </c>
      <c r="AP23675">
        <v>18</v>
      </c>
      <c r="AQ23675">
        <v>18</v>
      </c>
    </row>
    <row r="23676" spans="1:43">
      <c r="A23676" t="s">
        <v>14663</v>
      </c>
      <c r="B23676" t="s">
        <v>14664</v>
      </c>
      <c r="C23676" t="s">
        <v>14655</v>
      </c>
      <c r="D23676" t="s">
        <v>14656</v>
      </c>
      <c r="E23676" t="s">
        <v>14535</v>
      </c>
      <c r="F23676" t="s">
        <v>14536</v>
      </c>
      <c r="G23676" t="s">
        <v>10734</v>
      </c>
      <c r="H23676" t="s">
        <v>10735</v>
      </c>
      <c r="I23676" s="2">
        <v>1</v>
      </c>
      <c r="J23676" s="2">
        <v>0</v>
      </c>
      <c r="K23676" s="2">
        <v>0</v>
      </c>
      <c r="L23676" t="s">
        <v>120</v>
      </c>
      <c r="M23676" t="s">
        <v>89</v>
      </c>
      <c r="N23676" t="s">
        <v>90</v>
      </c>
      <c r="O23676" t="s">
        <v>85</v>
      </c>
      <c r="P23676" t="s">
        <v>86</v>
      </c>
      <c r="Q23676">
        <v>21</v>
      </c>
      <c r="R23676">
        <v>21</v>
      </c>
      <c r="S23676">
        <v>22</v>
      </c>
      <c r="T23676">
        <v>22</v>
      </c>
      <c r="U23676">
        <v>22</v>
      </c>
      <c r="V23676">
        <v>22</v>
      </c>
      <c r="W23676">
        <v>22</v>
      </c>
      <c r="X23676">
        <v>22</v>
      </c>
      <c r="Y23676">
        <v>23</v>
      </c>
      <c r="Z23676">
        <v>23</v>
      </c>
      <c r="AA23676">
        <v>23</v>
      </c>
      <c r="AB23676">
        <v>23</v>
      </c>
      <c r="AC23676">
        <v>23</v>
      </c>
      <c r="AD23676">
        <v>23</v>
      </c>
      <c r="AE23676">
        <v>23</v>
      </c>
      <c r="AF23676">
        <v>23</v>
      </c>
      <c r="AG23676">
        <v>23</v>
      </c>
      <c r="AH23676">
        <v>22</v>
      </c>
      <c r="AI23676">
        <v>22</v>
      </c>
      <c r="AJ23676">
        <v>22</v>
      </c>
      <c r="AK23676">
        <v>22</v>
      </c>
      <c r="AL23676">
        <v>22</v>
      </c>
      <c r="AM23676">
        <v>22</v>
      </c>
      <c r="AN23676">
        <v>22</v>
      </c>
      <c r="AO23676">
        <v>21</v>
      </c>
      <c r="AP23676">
        <v>21</v>
      </c>
      <c r="AQ23676">
        <v>21</v>
      </c>
    </row>
    <row r="23677" spans="1:43">
      <c r="A23677" t="s">
        <v>14663</v>
      </c>
      <c r="B23677" t="s">
        <v>14664</v>
      </c>
      <c r="C23677" t="s">
        <v>14655</v>
      </c>
      <c r="D23677" t="s">
        <v>14656</v>
      </c>
      <c r="E23677" t="s">
        <v>14535</v>
      </c>
      <c r="F23677" t="s">
        <v>14536</v>
      </c>
      <c r="G23677" t="s">
        <v>10734</v>
      </c>
      <c r="H23677" t="s">
        <v>10735</v>
      </c>
      <c r="I23677" s="2">
        <v>1</v>
      </c>
      <c r="J23677" s="2">
        <v>0</v>
      </c>
      <c r="K23677" s="2">
        <v>0</v>
      </c>
      <c r="L23677" t="s">
        <v>120</v>
      </c>
      <c r="M23677" t="s">
        <v>83</v>
      </c>
      <c r="N23677" t="s">
        <v>91</v>
      </c>
      <c r="O23677" t="s">
        <v>85</v>
      </c>
      <c r="P23677" t="s">
        <v>86</v>
      </c>
      <c r="Q23677">
        <v>21</v>
      </c>
      <c r="R23677">
        <v>21</v>
      </c>
      <c r="S23677">
        <v>21</v>
      </c>
      <c r="T23677">
        <v>21</v>
      </c>
      <c r="U23677">
        <v>21</v>
      </c>
      <c r="V23677">
        <v>21</v>
      </c>
      <c r="W23677">
        <v>21</v>
      </c>
      <c r="X23677">
        <v>21</v>
      </c>
      <c r="Y23677">
        <v>21</v>
      </c>
      <c r="Z23677">
        <v>21</v>
      </c>
      <c r="AA23677">
        <v>21</v>
      </c>
      <c r="AB23677">
        <v>21</v>
      </c>
      <c r="AC23677">
        <v>22</v>
      </c>
      <c r="AD23677">
        <v>22</v>
      </c>
      <c r="AE23677">
        <v>22</v>
      </c>
      <c r="AF23677">
        <v>22</v>
      </c>
      <c r="AG23677">
        <v>22</v>
      </c>
      <c r="AH23677">
        <v>22</v>
      </c>
      <c r="AI23677">
        <v>22</v>
      </c>
      <c r="AJ23677">
        <v>22</v>
      </c>
      <c r="AK23677">
        <v>22</v>
      </c>
      <c r="AL23677">
        <v>22</v>
      </c>
      <c r="AM23677">
        <v>21</v>
      </c>
      <c r="AN23677">
        <v>21</v>
      </c>
      <c r="AO23677">
        <v>21</v>
      </c>
      <c r="AP23677">
        <v>21</v>
      </c>
      <c r="AQ23677">
        <v>21</v>
      </c>
    </row>
    <row r="23678" spans="1:43">
      <c r="A23678" t="s">
        <v>14665</v>
      </c>
      <c r="B23678" t="s">
        <v>14666</v>
      </c>
      <c r="C23678" t="s">
        <v>14655</v>
      </c>
      <c r="D23678" t="s">
        <v>14656</v>
      </c>
      <c r="E23678" t="s">
        <v>14535</v>
      </c>
      <c r="F23678" t="s">
        <v>14536</v>
      </c>
      <c r="G23678" t="s">
        <v>10734</v>
      </c>
      <c r="H23678" t="s">
        <v>10735</v>
      </c>
      <c r="I23678" s="2">
        <v>1</v>
      </c>
      <c r="J23678" s="2">
        <v>0</v>
      </c>
      <c r="K23678" s="2">
        <v>0</v>
      </c>
      <c r="L23678" t="s">
        <v>120</v>
      </c>
      <c r="M23678" t="s">
        <v>83</v>
      </c>
      <c r="N23678" t="s">
        <v>84</v>
      </c>
      <c r="O23678" t="s">
        <v>85</v>
      </c>
      <c r="P23678" t="s">
        <v>86</v>
      </c>
      <c r="Q23678">
        <v>7</v>
      </c>
      <c r="R23678">
        <v>7</v>
      </c>
      <c r="S23678">
        <v>8</v>
      </c>
      <c r="T23678">
        <v>8</v>
      </c>
      <c r="U23678">
        <v>8</v>
      </c>
      <c r="V23678">
        <v>8</v>
      </c>
      <c r="W23678">
        <v>8</v>
      </c>
      <c r="X23678">
        <v>8</v>
      </c>
      <c r="Y23678">
        <v>8</v>
      </c>
      <c r="Z23678">
        <v>8</v>
      </c>
      <c r="AA23678">
        <v>8</v>
      </c>
      <c r="AB23678">
        <v>8</v>
      </c>
      <c r="AC23678">
        <v>8</v>
      </c>
      <c r="AD23678">
        <v>8</v>
      </c>
      <c r="AE23678">
        <v>8</v>
      </c>
      <c r="AF23678">
        <v>8</v>
      </c>
      <c r="AG23678">
        <v>8</v>
      </c>
      <c r="AH23678">
        <v>8</v>
      </c>
      <c r="AI23678">
        <v>8</v>
      </c>
      <c r="AJ23678">
        <v>8</v>
      </c>
      <c r="AK23678">
        <v>8</v>
      </c>
      <c r="AL23678">
        <v>8</v>
      </c>
      <c r="AM23678">
        <v>8</v>
      </c>
      <c r="AN23678">
        <v>8</v>
      </c>
      <c r="AO23678">
        <v>8</v>
      </c>
      <c r="AP23678">
        <v>8</v>
      </c>
      <c r="AQ23678">
        <v>7</v>
      </c>
    </row>
    <row r="23679" spans="1:43">
      <c r="A23679" t="s">
        <v>14665</v>
      </c>
      <c r="B23679" t="s">
        <v>14666</v>
      </c>
      <c r="C23679" t="s">
        <v>14655</v>
      </c>
      <c r="D23679" t="s">
        <v>14656</v>
      </c>
      <c r="E23679" t="s">
        <v>14535</v>
      </c>
      <c r="F23679" t="s">
        <v>14536</v>
      </c>
      <c r="G23679" t="s">
        <v>10734</v>
      </c>
      <c r="H23679" t="s">
        <v>10735</v>
      </c>
      <c r="I23679" s="2">
        <v>1</v>
      </c>
      <c r="J23679" s="2">
        <v>0</v>
      </c>
      <c r="K23679" s="2">
        <v>0</v>
      </c>
      <c r="L23679" t="s">
        <v>120</v>
      </c>
      <c r="M23679" t="s">
        <v>87</v>
      </c>
      <c r="N23679" t="s">
        <v>88</v>
      </c>
      <c r="O23679" t="s">
        <v>85</v>
      </c>
      <c r="P23679" t="s">
        <v>86</v>
      </c>
      <c r="Q23679">
        <v>7</v>
      </c>
      <c r="R23679">
        <v>7</v>
      </c>
      <c r="S23679">
        <v>7</v>
      </c>
      <c r="T23679">
        <v>7</v>
      </c>
      <c r="U23679">
        <v>7</v>
      </c>
      <c r="V23679">
        <v>7</v>
      </c>
      <c r="W23679">
        <v>7</v>
      </c>
      <c r="X23679">
        <v>7</v>
      </c>
      <c r="Y23679">
        <v>7</v>
      </c>
      <c r="Z23679">
        <v>7</v>
      </c>
      <c r="AA23679">
        <v>7</v>
      </c>
      <c r="AB23679">
        <v>7</v>
      </c>
      <c r="AC23679">
        <v>7</v>
      </c>
      <c r="AD23679">
        <v>7</v>
      </c>
      <c r="AE23679">
        <v>7</v>
      </c>
      <c r="AF23679">
        <v>7</v>
      </c>
      <c r="AG23679">
        <v>7</v>
      </c>
      <c r="AH23679">
        <v>7</v>
      </c>
      <c r="AI23679">
        <v>7</v>
      </c>
      <c r="AJ23679">
        <v>7</v>
      </c>
      <c r="AK23679">
        <v>7</v>
      </c>
      <c r="AL23679">
        <v>7</v>
      </c>
      <c r="AM23679">
        <v>7</v>
      </c>
      <c r="AN23679">
        <v>7</v>
      </c>
      <c r="AO23679">
        <v>7</v>
      </c>
      <c r="AP23679">
        <v>7</v>
      </c>
      <c r="AQ23679">
        <v>7</v>
      </c>
    </row>
    <row r="23680" spans="1:43">
      <c r="A23680" t="s">
        <v>14665</v>
      </c>
      <c r="B23680" t="s">
        <v>14666</v>
      </c>
      <c r="C23680" t="s">
        <v>14655</v>
      </c>
      <c r="D23680" t="s">
        <v>14656</v>
      </c>
      <c r="E23680" t="s">
        <v>14535</v>
      </c>
      <c r="F23680" t="s">
        <v>14536</v>
      </c>
      <c r="G23680" t="s">
        <v>10734</v>
      </c>
      <c r="H23680" t="s">
        <v>10735</v>
      </c>
      <c r="I23680" s="2">
        <v>1</v>
      </c>
      <c r="J23680" s="2">
        <v>0</v>
      </c>
      <c r="K23680" s="2">
        <v>0</v>
      </c>
      <c r="L23680" t="s">
        <v>120</v>
      </c>
      <c r="M23680" t="s">
        <v>89</v>
      </c>
      <c r="N23680" t="s">
        <v>90</v>
      </c>
      <c r="O23680" t="s">
        <v>85</v>
      </c>
      <c r="P23680" t="s">
        <v>86</v>
      </c>
      <c r="Q23680">
        <v>7</v>
      </c>
      <c r="R23680">
        <v>7</v>
      </c>
      <c r="S23680">
        <v>7</v>
      </c>
      <c r="T23680">
        <v>7</v>
      </c>
      <c r="U23680">
        <v>7</v>
      </c>
      <c r="V23680">
        <v>7</v>
      </c>
      <c r="W23680">
        <v>7</v>
      </c>
      <c r="X23680">
        <v>7</v>
      </c>
      <c r="Y23680">
        <v>7</v>
      </c>
      <c r="Z23680">
        <v>7</v>
      </c>
      <c r="AA23680">
        <v>7</v>
      </c>
      <c r="AB23680">
        <v>7</v>
      </c>
      <c r="AC23680">
        <v>7</v>
      </c>
      <c r="AD23680">
        <v>7</v>
      </c>
      <c r="AE23680">
        <v>7</v>
      </c>
      <c r="AF23680">
        <v>7</v>
      </c>
      <c r="AG23680">
        <v>7</v>
      </c>
      <c r="AH23680">
        <v>7</v>
      </c>
      <c r="AI23680">
        <v>7</v>
      </c>
      <c r="AJ23680">
        <v>7</v>
      </c>
      <c r="AK23680">
        <v>7</v>
      </c>
      <c r="AL23680">
        <v>7</v>
      </c>
      <c r="AM23680">
        <v>7</v>
      </c>
      <c r="AN23680">
        <v>7</v>
      </c>
      <c r="AO23680">
        <v>7</v>
      </c>
      <c r="AP23680">
        <v>7</v>
      </c>
      <c r="AQ23680">
        <v>7</v>
      </c>
    </row>
    <row r="23681" spans="1:43">
      <c r="A23681" t="s">
        <v>14665</v>
      </c>
      <c r="B23681" t="s">
        <v>14666</v>
      </c>
      <c r="C23681" t="s">
        <v>14655</v>
      </c>
      <c r="D23681" t="s">
        <v>14656</v>
      </c>
      <c r="E23681" t="s">
        <v>14535</v>
      </c>
      <c r="F23681" t="s">
        <v>14536</v>
      </c>
      <c r="G23681" t="s">
        <v>10734</v>
      </c>
      <c r="H23681" t="s">
        <v>10735</v>
      </c>
      <c r="I23681" s="2">
        <v>1</v>
      </c>
      <c r="J23681" s="2">
        <v>0</v>
      </c>
      <c r="K23681" s="2">
        <v>0</v>
      </c>
      <c r="L23681" t="s">
        <v>120</v>
      </c>
      <c r="M23681" t="s">
        <v>83</v>
      </c>
      <c r="N23681" t="s">
        <v>91</v>
      </c>
      <c r="O23681" t="s">
        <v>85</v>
      </c>
      <c r="P23681" t="s">
        <v>86</v>
      </c>
      <c r="Q23681">
        <v>7</v>
      </c>
      <c r="R23681">
        <v>7</v>
      </c>
      <c r="S23681">
        <v>8</v>
      </c>
      <c r="T23681">
        <v>8</v>
      </c>
      <c r="U23681">
        <v>8</v>
      </c>
      <c r="V23681">
        <v>8</v>
      </c>
      <c r="W23681">
        <v>8</v>
      </c>
      <c r="X23681">
        <v>8</v>
      </c>
      <c r="Y23681">
        <v>8</v>
      </c>
      <c r="Z23681">
        <v>8</v>
      </c>
      <c r="AA23681">
        <v>8</v>
      </c>
      <c r="AB23681">
        <v>8</v>
      </c>
      <c r="AC23681">
        <v>8</v>
      </c>
      <c r="AD23681">
        <v>8</v>
      </c>
      <c r="AE23681">
        <v>8</v>
      </c>
      <c r="AF23681">
        <v>8</v>
      </c>
      <c r="AG23681">
        <v>8</v>
      </c>
      <c r="AH23681">
        <v>8</v>
      </c>
      <c r="AI23681">
        <v>8</v>
      </c>
      <c r="AJ23681">
        <v>8</v>
      </c>
      <c r="AK23681">
        <v>8</v>
      </c>
      <c r="AL23681">
        <v>8</v>
      </c>
      <c r="AM23681">
        <v>8</v>
      </c>
      <c r="AN23681">
        <v>8</v>
      </c>
      <c r="AO23681">
        <v>8</v>
      </c>
      <c r="AP23681">
        <v>8</v>
      </c>
      <c r="AQ23681">
        <v>7</v>
      </c>
    </row>
    <row r="23682" spans="1:43">
      <c r="A23682" t="s">
        <v>14667</v>
      </c>
      <c r="B23682" t="s">
        <v>14668</v>
      </c>
      <c r="C23682" t="s">
        <v>14655</v>
      </c>
      <c r="D23682" t="s">
        <v>14656</v>
      </c>
      <c r="E23682" t="s">
        <v>14535</v>
      </c>
      <c r="F23682" t="s">
        <v>14536</v>
      </c>
      <c r="G23682" t="s">
        <v>10734</v>
      </c>
      <c r="H23682" t="s">
        <v>10735</v>
      </c>
      <c r="I23682" s="2">
        <v>1</v>
      </c>
      <c r="J23682" s="2">
        <v>0</v>
      </c>
      <c r="K23682" s="2">
        <v>0</v>
      </c>
      <c r="L23682" t="s">
        <v>120</v>
      </c>
      <c r="M23682" t="s">
        <v>83</v>
      </c>
      <c r="N23682" t="s">
        <v>84</v>
      </c>
      <c r="O23682" t="s">
        <v>85</v>
      </c>
      <c r="P23682" t="s">
        <v>86</v>
      </c>
      <c r="Q23682">
        <v>33</v>
      </c>
      <c r="R23682">
        <v>33</v>
      </c>
      <c r="S23682">
        <v>33</v>
      </c>
      <c r="T23682">
        <v>33</v>
      </c>
      <c r="U23682">
        <v>33</v>
      </c>
      <c r="V23682">
        <v>33</v>
      </c>
      <c r="W23682">
        <v>33</v>
      </c>
      <c r="X23682">
        <v>34</v>
      </c>
      <c r="Y23682">
        <v>34</v>
      </c>
      <c r="Z23682">
        <v>34</v>
      </c>
      <c r="AA23682">
        <v>34</v>
      </c>
      <c r="AB23682">
        <v>34</v>
      </c>
      <c r="AC23682">
        <v>34</v>
      </c>
      <c r="AD23682">
        <v>34</v>
      </c>
      <c r="AE23682">
        <v>34</v>
      </c>
      <c r="AF23682">
        <v>34</v>
      </c>
      <c r="AG23682">
        <v>34</v>
      </c>
      <c r="AH23682">
        <v>34</v>
      </c>
      <c r="AI23682">
        <v>34</v>
      </c>
      <c r="AJ23682">
        <v>34</v>
      </c>
      <c r="AK23682">
        <v>34</v>
      </c>
      <c r="AL23682">
        <v>34</v>
      </c>
      <c r="AM23682">
        <v>34</v>
      </c>
      <c r="AN23682">
        <v>33</v>
      </c>
      <c r="AO23682">
        <v>33</v>
      </c>
      <c r="AP23682">
        <v>33</v>
      </c>
      <c r="AQ23682">
        <v>33</v>
      </c>
    </row>
    <row r="23683" spans="1:43">
      <c r="A23683" t="s">
        <v>14667</v>
      </c>
      <c r="B23683" t="s">
        <v>14668</v>
      </c>
      <c r="C23683" t="s">
        <v>14655</v>
      </c>
      <c r="D23683" t="s">
        <v>14656</v>
      </c>
      <c r="E23683" t="s">
        <v>14535</v>
      </c>
      <c r="F23683" t="s">
        <v>14536</v>
      </c>
      <c r="G23683" t="s">
        <v>10734</v>
      </c>
      <c r="H23683" t="s">
        <v>10735</v>
      </c>
      <c r="I23683" s="2">
        <v>1</v>
      </c>
      <c r="J23683" s="2">
        <v>0</v>
      </c>
      <c r="K23683" s="2">
        <v>0</v>
      </c>
      <c r="L23683" t="s">
        <v>120</v>
      </c>
      <c r="M23683" t="s">
        <v>87</v>
      </c>
      <c r="N23683" t="s">
        <v>88</v>
      </c>
      <c r="O23683" t="s">
        <v>85</v>
      </c>
      <c r="P23683" t="s">
        <v>86</v>
      </c>
      <c r="Q23683">
        <v>33</v>
      </c>
      <c r="R23683">
        <v>33</v>
      </c>
      <c r="S23683">
        <v>33</v>
      </c>
      <c r="T23683">
        <v>33</v>
      </c>
      <c r="U23683">
        <v>33</v>
      </c>
      <c r="V23683">
        <v>33</v>
      </c>
      <c r="W23683">
        <v>32</v>
      </c>
      <c r="X23683">
        <v>32</v>
      </c>
      <c r="Y23683">
        <v>32</v>
      </c>
      <c r="Z23683">
        <v>32</v>
      </c>
      <c r="AA23683">
        <v>32</v>
      </c>
      <c r="AB23683">
        <v>32</v>
      </c>
      <c r="AC23683">
        <v>32</v>
      </c>
      <c r="AD23683">
        <v>31</v>
      </c>
      <c r="AE23683">
        <v>31</v>
      </c>
      <c r="AF23683">
        <v>31</v>
      </c>
      <c r="AG23683">
        <v>31</v>
      </c>
      <c r="AH23683">
        <v>31</v>
      </c>
      <c r="AI23683">
        <v>31</v>
      </c>
      <c r="AJ23683">
        <v>31</v>
      </c>
      <c r="AK23683">
        <v>31</v>
      </c>
      <c r="AL23683">
        <v>30</v>
      </c>
      <c r="AM23683">
        <v>30</v>
      </c>
      <c r="AN23683">
        <v>30</v>
      </c>
      <c r="AO23683">
        <v>30</v>
      </c>
      <c r="AP23683">
        <v>30</v>
      </c>
      <c r="AQ23683">
        <v>30</v>
      </c>
    </row>
    <row r="23684" spans="1:43">
      <c r="A23684" t="s">
        <v>14667</v>
      </c>
      <c r="B23684" t="s">
        <v>14668</v>
      </c>
      <c r="C23684" t="s">
        <v>14655</v>
      </c>
      <c r="D23684" t="s">
        <v>14656</v>
      </c>
      <c r="E23684" t="s">
        <v>14535</v>
      </c>
      <c r="F23684" t="s">
        <v>14536</v>
      </c>
      <c r="G23684" t="s">
        <v>10734</v>
      </c>
      <c r="H23684" t="s">
        <v>10735</v>
      </c>
      <c r="I23684" s="2">
        <v>1</v>
      </c>
      <c r="J23684" s="2">
        <v>0</v>
      </c>
      <c r="K23684" s="2">
        <v>0</v>
      </c>
      <c r="L23684" t="s">
        <v>120</v>
      </c>
      <c r="M23684" t="s">
        <v>89</v>
      </c>
      <c r="N23684" t="s">
        <v>90</v>
      </c>
      <c r="O23684" t="s">
        <v>85</v>
      </c>
      <c r="P23684" t="s">
        <v>86</v>
      </c>
      <c r="Q23684">
        <v>33</v>
      </c>
      <c r="R23684">
        <v>33</v>
      </c>
      <c r="S23684">
        <v>34</v>
      </c>
      <c r="T23684">
        <v>34</v>
      </c>
      <c r="U23684">
        <v>34</v>
      </c>
      <c r="V23684">
        <v>35</v>
      </c>
      <c r="W23684">
        <v>35</v>
      </c>
      <c r="X23684">
        <v>35</v>
      </c>
      <c r="Y23684">
        <v>35</v>
      </c>
      <c r="Z23684">
        <v>36</v>
      </c>
      <c r="AA23684">
        <v>36</v>
      </c>
      <c r="AB23684">
        <v>36</v>
      </c>
      <c r="AC23684">
        <v>36</v>
      </c>
      <c r="AD23684">
        <v>36</v>
      </c>
      <c r="AE23684">
        <v>36</v>
      </c>
      <c r="AF23684">
        <v>36</v>
      </c>
      <c r="AG23684">
        <v>36</v>
      </c>
      <c r="AH23684">
        <v>35</v>
      </c>
      <c r="AI23684">
        <v>35</v>
      </c>
      <c r="AJ23684">
        <v>35</v>
      </c>
      <c r="AK23684">
        <v>34</v>
      </c>
      <c r="AL23684">
        <v>34</v>
      </c>
      <c r="AM23684">
        <v>34</v>
      </c>
      <c r="AN23684">
        <v>34</v>
      </c>
      <c r="AO23684">
        <v>34</v>
      </c>
      <c r="AP23684">
        <v>33</v>
      </c>
      <c r="AQ23684">
        <v>33</v>
      </c>
    </row>
    <row r="23685" spans="1:43">
      <c r="A23685" t="s">
        <v>14667</v>
      </c>
      <c r="B23685" t="s">
        <v>14668</v>
      </c>
      <c r="C23685" t="s">
        <v>14655</v>
      </c>
      <c r="D23685" t="s">
        <v>14656</v>
      </c>
      <c r="E23685" t="s">
        <v>14535</v>
      </c>
      <c r="F23685" t="s">
        <v>14536</v>
      </c>
      <c r="G23685" t="s">
        <v>10734</v>
      </c>
      <c r="H23685" t="s">
        <v>10735</v>
      </c>
      <c r="I23685" s="2">
        <v>1</v>
      </c>
      <c r="J23685" s="2">
        <v>0</v>
      </c>
      <c r="K23685" s="2">
        <v>0</v>
      </c>
      <c r="L23685" t="s">
        <v>120</v>
      </c>
      <c r="M23685" t="s">
        <v>83</v>
      </c>
      <c r="N23685" t="s">
        <v>91</v>
      </c>
      <c r="O23685" t="s">
        <v>85</v>
      </c>
      <c r="P23685" t="s">
        <v>86</v>
      </c>
      <c r="Q23685">
        <v>33</v>
      </c>
      <c r="R23685">
        <v>33</v>
      </c>
      <c r="S23685">
        <v>33</v>
      </c>
      <c r="T23685">
        <v>33</v>
      </c>
      <c r="U23685">
        <v>33</v>
      </c>
      <c r="V23685">
        <v>33</v>
      </c>
      <c r="W23685">
        <v>33</v>
      </c>
      <c r="X23685">
        <v>34</v>
      </c>
      <c r="Y23685">
        <v>34</v>
      </c>
      <c r="Z23685">
        <v>34</v>
      </c>
      <c r="AA23685">
        <v>34</v>
      </c>
      <c r="AB23685">
        <v>34</v>
      </c>
      <c r="AC23685">
        <v>34</v>
      </c>
      <c r="AD23685">
        <v>34</v>
      </c>
      <c r="AE23685">
        <v>34</v>
      </c>
      <c r="AF23685">
        <v>34</v>
      </c>
      <c r="AG23685">
        <v>34</v>
      </c>
      <c r="AH23685">
        <v>34</v>
      </c>
      <c r="AI23685">
        <v>34</v>
      </c>
      <c r="AJ23685">
        <v>34</v>
      </c>
      <c r="AK23685">
        <v>34</v>
      </c>
      <c r="AL23685">
        <v>34</v>
      </c>
      <c r="AM23685">
        <v>34</v>
      </c>
      <c r="AN23685">
        <v>33</v>
      </c>
      <c r="AO23685">
        <v>33</v>
      </c>
      <c r="AP23685">
        <v>33</v>
      </c>
      <c r="AQ23685">
        <v>33</v>
      </c>
    </row>
    <row r="23686" spans="1:43">
      <c r="A23686" t="s">
        <v>14669</v>
      </c>
      <c r="B23686" t="s">
        <v>14670</v>
      </c>
      <c r="C23686" t="s">
        <v>14659</v>
      </c>
      <c r="D23686" t="s">
        <v>14660</v>
      </c>
      <c r="E23686" t="s">
        <v>14535</v>
      </c>
      <c r="F23686" t="s">
        <v>14536</v>
      </c>
      <c r="G23686" t="s">
        <v>10734</v>
      </c>
      <c r="H23686" t="s">
        <v>10735</v>
      </c>
      <c r="I23686" s="2">
        <v>1</v>
      </c>
      <c r="J23686" s="2">
        <v>0</v>
      </c>
      <c r="K23686" s="2">
        <v>0</v>
      </c>
      <c r="L23686" t="s">
        <v>120</v>
      </c>
      <c r="M23686" t="s">
        <v>83</v>
      </c>
      <c r="N23686" t="s">
        <v>84</v>
      </c>
      <c r="O23686" t="s">
        <v>85</v>
      </c>
      <c r="P23686" t="s">
        <v>86</v>
      </c>
      <c r="Q23686">
        <v>25</v>
      </c>
      <c r="R23686">
        <v>25</v>
      </c>
      <c r="S23686">
        <v>25</v>
      </c>
      <c r="T23686">
        <v>25</v>
      </c>
      <c r="U23686">
        <v>25</v>
      </c>
      <c r="V23686">
        <v>25</v>
      </c>
      <c r="W23686">
        <v>25</v>
      </c>
      <c r="X23686">
        <v>25</v>
      </c>
      <c r="Y23686">
        <v>25</v>
      </c>
      <c r="Z23686">
        <v>25</v>
      </c>
      <c r="AA23686">
        <v>26</v>
      </c>
      <c r="AB23686">
        <v>26</v>
      </c>
      <c r="AC23686">
        <v>26</v>
      </c>
      <c r="AD23686">
        <v>26</v>
      </c>
      <c r="AE23686">
        <v>26</v>
      </c>
      <c r="AF23686">
        <v>26</v>
      </c>
      <c r="AG23686">
        <v>26</v>
      </c>
      <c r="AH23686">
        <v>26</v>
      </c>
      <c r="AI23686">
        <v>26</v>
      </c>
      <c r="AJ23686">
        <v>26</v>
      </c>
      <c r="AK23686">
        <v>26</v>
      </c>
      <c r="AL23686">
        <v>26</v>
      </c>
      <c r="AM23686">
        <v>26</v>
      </c>
      <c r="AN23686">
        <v>25</v>
      </c>
      <c r="AO23686">
        <v>25</v>
      </c>
      <c r="AP23686">
        <v>25</v>
      </c>
      <c r="AQ23686">
        <v>25</v>
      </c>
    </row>
    <row r="23687" spans="1:43">
      <c r="A23687" t="s">
        <v>14669</v>
      </c>
      <c r="B23687" t="s">
        <v>14670</v>
      </c>
      <c r="C23687" t="s">
        <v>14659</v>
      </c>
      <c r="D23687" t="s">
        <v>14660</v>
      </c>
      <c r="E23687" t="s">
        <v>14535</v>
      </c>
      <c r="F23687" t="s">
        <v>14536</v>
      </c>
      <c r="G23687" t="s">
        <v>10734</v>
      </c>
      <c r="H23687" t="s">
        <v>10735</v>
      </c>
      <c r="I23687" s="2">
        <v>1</v>
      </c>
      <c r="J23687" s="2">
        <v>0</v>
      </c>
      <c r="K23687" s="2">
        <v>0</v>
      </c>
      <c r="L23687" t="s">
        <v>120</v>
      </c>
      <c r="M23687" t="s">
        <v>87</v>
      </c>
      <c r="N23687" t="s">
        <v>88</v>
      </c>
      <c r="O23687" t="s">
        <v>85</v>
      </c>
      <c r="P23687" t="s">
        <v>86</v>
      </c>
      <c r="Q23687">
        <v>25</v>
      </c>
      <c r="R23687">
        <v>24</v>
      </c>
      <c r="S23687">
        <v>24</v>
      </c>
      <c r="T23687">
        <v>24</v>
      </c>
      <c r="U23687">
        <v>24</v>
      </c>
      <c r="V23687">
        <v>24</v>
      </c>
      <c r="W23687">
        <v>24</v>
      </c>
      <c r="X23687">
        <v>24</v>
      </c>
      <c r="Y23687">
        <v>24</v>
      </c>
      <c r="Z23687">
        <v>23</v>
      </c>
      <c r="AA23687">
        <v>23</v>
      </c>
      <c r="AB23687">
        <v>23</v>
      </c>
      <c r="AC23687">
        <v>23</v>
      </c>
      <c r="AD23687">
        <v>23</v>
      </c>
      <c r="AE23687">
        <v>23</v>
      </c>
      <c r="AF23687">
        <v>23</v>
      </c>
      <c r="AG23687">
        <v>23</v>
      </c>
      <c r="AH23687">
        <v>23</v>
      </c>
      <c r="AI23687">
        <v>23</v>
      </c>
      <c r="AJ23687">
        <v>22</v>
      </c>
      <c r="AK23687">
        <v>22</v>
      </c>
      <c r="AL23687">
        <v>22</v>
      </c>
      <c r="AM23687">
        <v>22</v>
      </c>
      <c r="AN23687">
        <v>22</v>
      </c>
      <c r="AO23687">
        <v>22</v>
      </c>
      <c r="AP23687">
        <v>22</v>
      </c>
      <c r="AQ23687">
        <v>22</v>
      </c>
    </row>
    <row r="23688" spans="1:43">
      <c r="A23688" t="s">
        <v>14669</v>
      </c>
      <c r="B23688" t="s">
        <v>14670</v>
      </c>
      <c r="C23688" t="s">
        <v>14659</v>
      </c>
      <c r="D23688" t="s">
        <v>14660</v>
      </c>
      <c r="E23688" t="s">
        <v>14535</v>
      </c>
      <c r="F23688" t="s">
        <v>14536</v>
      </c>
      <c r="G23688" t="s">
        <v>10734</v>
      </c>
      <c r="H23688" t="s">
        <v>10735</v>
      </c>
      <c r="I23688" s="2">
        <v>1</v>
      </c>
      <c r="J23688" s="2">
        <v>0</v>
      </c>
      <c r="K23688" s="2">
        <v>0</v>
      </c>
      <c r="L23688" t="s">
        <v>120</v>
      </c>
      <c r="M23688" t="s">
        <v>89</v>
      </c>
      <c r="N23688" t="s">
        <v>90</v>
      </c>
      <c r="O23688" t="s">
        <v>85</v>
      </c>
      <c r="P23688" t="s">
        <v>86</v>
      </c>
      <c r="Q23688">
        <v>25</v>
      </c>
      <c r="R23688">
        <v>25</v>
      </c>
      <c r="S23688">
        <v>26</v>
      </c>
      <c r="T23688">
        <v>26</v>
      </c>
      <c r="U23688">
        <v>26</v>
      </c>
      <c r="V23688">
        <v>26</v>
      </c>
      <c r="W23688">
        <v>26</v>
      </c>
      <c r="X23688">
        <v>27</v>
      </c>
      <c r="Y23688">
        <v>27</v>
      </c>
      <c r="Z23688">
        <v>27</v>
      </c>
      <c r="AA23688">
        <v>27</v>
      </c>
      <c r="AB23688">
        <v>27</v>
      </c>
      <c r="AC23688">
        <v>27</v>
      </c>
      <c r="AD23688">
        <v>27</v>
      </c>
      <c r="AE23688">
        <v>27</v>
      </c>
      <c r="AF23688">
        <v>27</v>
      </c>
      <c r="AG23688">
        <v>27</v>
      </c>
      <c r="AH23688">
        <v>27</v>
      </c>
      <c r="AI23688">
        <v>27</v>
      </c>
      <c r="AJ23688">
        <v>26</v>
      </c>
      <c r="AK23688">
        <v>26</v>
      </c>
      <c r="AL23688">
        <v>26</v>
      </c>
      <c r="AM23688">
        <v>26</v>
      </c>
      <c r="AN23688">
        <v>26</v>
      </c>
      <c r="AO23688">
        <v>25</v>
      </c>
      <c r="AP23688">
        <v>25</v>
      </c>
      <c r="AQ23688">
        <v>25</v>
      </c>
    </row>
    <row r="23689" spans="1:43">
      <c r="A23689" t="s">
        <v>14669</v>
      </c>
      <c r="B23689" t="s">
        <v>14670</v>
      </c>
      <c r="C23689" t="s">
        <v>14659</v>
      </c>
      <c r="D23689" t="s">
        <v>14660</v>
      </c>
      <c r="E23689" t="s">
        <v>14535</v>
      </c>
      <c r="F23689" t="s">
        <v>14536</v>
      </c>
      <c r="G23689" t="s">
        <v>10734</v>
      </c>
      <c r="H23689" t="s">
        <v>10735</v>
      </c>
      <c r="I23689" s="2">
        <v>1</v>
      </c>
      <c r="J23689" s="2">
        <v>0</v>
      </c>
      <c r="K23689" s="2">
        <v>0</v>
      </c>
      <c r="L23689" t="s">
        <v>120</v>
      </c>
      <c r="M23689" t="s">
        <v>83</v>
      </c>
      <c r="N23689" t="s">
        <v>91</v>
      </c>
      <c r="O23689" t="s">
        <v>85</v>
      </c>
      <c r="P23689" t="s">
        <v>86</v>
      </c>
      <c r="Q23689">
        <v>25</v>
      </c>
      <c r="R23689">
        <v>25</v>
      </c>
      <c r="S23689">
        <v>25</v>
      </c>
      <c r="T23689">
        <v>25</v>
      </c>
      <c r="U23689">
        <v>25</v>
      </c>
      <c r="V23689">
        <v>25</v>
      </c>
      <c r="W23689">
        <v>25</v>
      </c>
      <c r="X23689">
        <v>25</v>
      </c>
      <c r="Y23689">
        <v>25</v>
      </c>
      <c r="Z23689">
        <v>25</v>
      </c>
      <c r="AA23689">
        <v>26</v>
      </c>
      <c r="AB23689">
        <v>26</v>
      </c>
      <c r="AC23689">
        <v>26</v>
      </c>
      <c r="AD23689">
        <v>26</v>
      </c>
      <c r="AE23689">
        <v>26</v>
      </c>
      <c r="AF23689">
        <v>26</v>
      </c>
      <c r="AG23689">
        <v>26</v>
      </c>
      <c r="AH23689">
        <v>26</v>
      </c>
      <c r="AI23689">
        <v>26</v>
      </c>
      <c r="AJ23689">
        <v>26</v>
      </c>
      <c r="AK23689">
        <v>26</v>
      </c>
      <c r="AL23689">
        <v>26</v>
      </c>
      <c r="AM23689">
        <v>26</v>
      </c>
      <c r="AN23689">
        <v>25</v>
      </c>
      <c r="AO23689">
        <v>25</v>
      </c>
      <c r="AP23689">
        <v>25</v>
      </c>
      <c r="AQ23689">
        <v>25</v>
      </c>
    </row>
    <row r="23690" spans="1:43">
      <c r="A23690" t="s">
        <v>14671</v>
      </c>
      <c r="B23690" t="s">
        <v>14672</v>
      </c>
      <c r="C23690" t="s">
        <v>14659</v>
      </c>
      <c r="D23690" t="s">
        <v>14660</v>
      </c>
      <c r="E23690" t="s">
        <v>14535</v>
      </c>
      <c r="F23690" t="s">
        <v>14536</v>
      </c>
      <c r="G23690" t="s">
        <v>10734</v>
      </c>
      <c r="H23690" t="s">
        <v>10735</v>
      </c>
      <c r="I23690" s="2">
        <v>1</v>
      </c>
      <c r="J23690" s="2">
        <v>0</v>
      </c>
      <c r="K23690" s="2">
        <v>0</v>
      </c>
      <c r="L23690" t="s">
        <v>120</v>
      </c>
      <c r="M23690" t="s">
        <v>83</v>
      </c>
      <c r="N23690" t="s">
        <v>84</v>
      </c>
      <c r="O23690" t="s">
        <v>85</v>
      </c>
      <c r="P23690" t="s">
        <v>86</v>
      </c>
      <c r="Q23690">
        <v>17</v>
      </c>
      <c r="R23690">
        <v>17</v>
      </c>
      <c r="S23690">
        <v>17</v>
      </c>
      <c r="T23690">
        <v>17</v>
      </c>
      <c r="U23690">
        <v>17</v>
      </c>
      <c r="V23690">
        <v>17</v>
      </c>
      <c r="W23690">
        <v>17</v>
      </c>
      <c r="X23690">
        <v>17</v>
      </c>
      <c r="Y23690">
        <v>17</v>
      </c>
      <c r="Z23690">
        <v>18</v>
      </c>
      <c r="AA23690">
        <v>18</v>
      </c>
      <c r="AB23690">
        <v>18</v>
      </c>
      <c r="AC23690">
        <v>18</v>
      </c>
      <c r="AD23690">
        <v>18</v>
      </c>
      <c r="AE23690">
        <v>18</v>
      </c>
      <c r="AF23690">
        <v>18</v>
      </c>
      <c r="AG23690">
        <v>18</v>
      </c>
      <c r="AH23690">
        <v>18</v>
      </c>
      <c r="AI23690">
        <v>18</v>
      </c>
      <c r="AJ23690">
        <v>18</v>
      </c>
      <c r="AK23690">
        <v>18</v>
      </c>
      <c r="AL23690">
        <v>18</v>
      </c>
      <c r="AM23690">
        <v>18</v>
      </c>
      <c r="AN23690">
        <v>17</v>
      </c>
      <c r="AO23690">
        <v>17</v>
      </c>
      <c r="AP23690">
        <v>17</v>
      </c>
      <c r="AQ23690">
        <v>17</v>
      </c>
    </row>
    <row r="23691" spans="1:43">
      <c r="A23691" t="s">
        <v>14671</v>
      </c>
      <c r="B23691" t="s">
        <v>14672</v>
      </c>
      <c r="C23691" t="s">
        <v>14659</v>
      </c>
      <c r="D23691" t="s">
        <v>14660</v>
      </c>
      <c r="E23691" t="s">
        <v>14535</v>
      </c>
      <c r="F23691" t="s">
        <v>14536</v>
      </c>
      <c r="G23691" t="s">
        <v>10734</v>
      </c>
      <c r="H23691" t="s">
        <v>10735</v>
      </c>
      <c r="I23691" s="2">
        <v>1</v>
      </c>
      <c r="J23691" s="2">
        <v>0</v>
      </c>
      <c r="K23691" s="2">
        <v>0</v>
      </c>
      <c r="L23691" t="s">
        <v>120</v>
      </c>
      <c r="M23691" t="s">
        <v>87</v>
      </c>
      <c r="N23691" t="s">
        <v>88</v>
      </c>
      <c r="O23691" t="s">
        <v>85</v>
      </c>
      <c r="P23691" t="s">
        <v>86</v>
      </c>
      <c r="Q23691">
        <v>17</v>
      </c>
      <c r="R23691">
        <v>17</v>
      </c>
      <c r="S23691">
        <v>17</v>
      </c>
      <c r="T23691">
        <v>17</v>
      </c>
      <c r="U23691">
        <v>17</v>
      </c>
      <c r="V23691">
        <v>16</v>
      </c>
      <c r="W23691">
        <v>16</v>
      </c>
      <c r="X23691">
        <v>16</v>
      </c>
      <c r="Y23691">
        <v>16</v>
      </c>
      <c r="Z23691">
        <v>16</v>
      </c>
      <c r="AA23691">
        <v>16</v>
      </c>
      <c r="AB23691">
        <v>16</v>
      </c>
      <c r="AC23691">
        <v>16</v>
      </c>
      <c r="AD23691">
        <v>16</v>
      </c>
      <c r="AE23691">
        <v>16</v>
      </c>
      <c r="AF23691">
        <v>16</v>
      </c>
      <c r="AG23691">
        <v>16</v>
      </c>
      <c r="AH23691">
        <v>16</v>
      </c>
      <c r="AI23691">
        <v>16</v>
      </c>
      <c r="AJ23691">
        <v>15</v>
      </c>
      <c r="AK23691">
        <v>15</v>
      </c>
      <c r="AL23691">
        <v>15</v>
      </c>
      <c r="AM23691">
        <v>15</v>
      </c>
      <c r="AN23691">
        <v>15</v>
      </c>
      <c r="AO23691">
        <v>15</v>
      </c>
      <c r="AP23691">
        <v>15</v>
      </c>
      <c r="AQ23691">
        <v>15</v>
      </c>
    </row>
    <row r="23692" spans="1:43">
      <c r="A23692" t="s">
        <v>14671</v>
      </c>
      <c r="B23692" t="s">
        <v>14672</v>
      </c>
      <c r="C23692" t="s">
        <v>14659</v>
      </c>
      <c r="D23692" t="s">
        <v>14660</v>
      </c>
      <c r="E23692" t="s">
        <v>14535</v>
      </c>
      <c r="F23692" t="s">
        <v>14536</v>
      </c>
      <c r="G23692" t="s">
        <v>10734</v>
      </c>
      <c r="H23692" t="s">
        <v>10735</v>
      </c>
      <c r="I23692" s="2">
        <v>1</v>
      </c>
      <c r="J23692" s="2">
        <v>0</v>
      </c>
      <c r="K23692" s="2">
        <v>0</v>
      </c>
      <c r="L23692" t="s">
        <v>120</v>
      </c>
      <c r="M23692" t="s">
        <v>89</v>
      </c>
      <c r="N23692" t="s">
        <v>90</v>
      </c>
      <c r="O23692" t="s">
        <v>85</v>
      </c>
      <c r="P23692" t="s">
        <v>86</v>
      </c>
      <c r="Q23692">
        <v>17</v>
      </c>
      <c r="R23692">
        <v>17</v>
      </c>
      <c r="S23692">
        <v>18</v>
      </c>
      <c r="T23692">
        <v>18</v>
      </c>
      <c r="U23692">
        <v>18</v>
      </c>
      <c r="V23692">
        <v>18</v>
      </c>
      <c r="W23692">
        <v>18</v>
      </c>
      <c r="X23692">
        <v>18</v>
      </c>
      <c r="Y23692">
        <v>18</v>
      </c>
      <c r="Z23692">
        <v>19</v>
      </c>
      <c r="AA23692">
        <v>19</v>
      </c>
      <c r="AB23692">
        <v>19</v>
      </c>
      <c r="AC23692">
        <v>19</v>
      </c>
      <c r="AD23692">
        <v>19</v>
      </c>
      <c r="AE23692">
        <v>19</v>
      </c>
      <c r="AF23692">
        <v>19</v>
      </c>
      <c r="AG23692">
        <v>19</v>
      </c>
      <c r="AH23692">
        <v>18</v>
      </c>
      <c r="AI23692">
        <v>18</v>
      </c>
      <c r="AJ23692">
        <v>18</v>
      </c>
      <c r="AK23692">
        <v>18</v>
      </c>
      <c r="AL23692">
        <v>18</v>
      </c>
      <c r="AM23692">
        <v>18</v>
      </c>
      <c r="AN23692">
        <v>18</v>
      </c>
      <c r="AO23692">
        <v>17</v>
      </c>
      <c r="AP23692">
        <v>17</v>
      </c>
      <c r="AQ23692">
        <v>17</v>
      </c>
    </row>
    <row r="23693" spans="1:43">
      <c r="A23693" t="s">
        <v>14671</v>
      </c>
      <c r="B23693" t="s">
        <v>14672</v>
      </c>
      <c r="C23693" t="s">
        <v>14659</v>
      </c>
      <c r="D23693" t="s">
        <v>14660</v>
      </c>
      <c r="E23693" t="s">
        <v>14535</v>
      </c>
      <c r="F23693" t="s">
        <v>14536</v>
      </c>
      <c r="G23693" t="s">
        <v>10734</v>
      </c>
      <c r="H23693" t="s">
        <v>10735</v>
      </c>
      <c r="I23693" s="2">
        <v>1</v>
      </c>
      <c r="J23693" s="2">
        <v>0</v>
      </c>
      <c r="K23693" s="2">
        <v>0</v>
      </c>
      <c r="L23693" t="s">
        <v>120</v>
      </c>
      <c r="M23693" t="s">
        <v>83</v>
      </c>
      <c r="N23693" t="s">
        <v>91</v>
      </c>
      <c r="O23693" t="s">
        <v>85</v>
      </c>
      <c r="P23693" t="s">
        <v>86</v>
      </c>
      <c r="Q23693">
        <v>17</v>
      </c>
      <c r="R23693">
        <v>17</v>
      </c>
      <c r="S23693">
        <v>17</v>
      </c>
      <c r="T23693">
        <v>17</v>
      </c>
      <c r="U23693">
        <v>17</v>
      </c>
      <c r="V23693">
        <v>17</v>
      </c>
      <c r="W23693">
        <v>17</v>
      </c>
      <c r="X23693">
        <v>17</v>
      </c>
      <c r="Y23693">
        <v>17</v>
      </c>
      <c r="Z23693">
        <v>18</v>
      </c>
      <c r="AA23693">
        <v>18</v>
      </c>
      <c r="AB23693">
        <v>18</v>
      </c>
      <c r="AC23693">
        <v>18</v>
      </c>
      <c r="AD23693">
        <v>18</v>
      </c>
      <c r="AE23693">
        <v>18</v>
      </c>
      <c r="AF23693">
        <v>18</v>
      </c>
      <c r="AG23693">
        <v>18</v>
      </c>
      <c r="AH23693">
        <v>18</v>
      </c>
      <c r="AI23693">
        <v>18</v>
      </c>
      <c r="AJ23693">
        <v>18</v>
      </c>
      <c r="AK23693">
        <v>18</v>
      </c>
      <c r="AL23693">
        <v>18</v>
      </c>
      <c r="AM23693">
        <v>18</v>
      </c>
      <c r="AN23693">
        <v>17</v>
      </c>
      <c r="AO23693">
        <v>17</v>
      </c>
      <c r="AP23693">
        <v>17</v>
      </c>
      <c r="AQ23693">
        <v>17</v>
      </c>
    </row>
    <row r="23694" spans="1:43">
      <c r="A23694" t="s">
        <v>14673</v>
      </c>
      <c r="B23694" t="s">
        <v>14674</v>
      </c>
      <c r="C23694" t="s">
        <v>14675</v>
      </c>
      <c r="D23694" t="s">
        <v>14676</v>
      </c>
      <c r="E23694" t="s">
        <v>14535</v>
      </c>
      <c r="F23694" t="s">
        <v>14536</v>
      </c>
      <c r="G23694" t="s">
        <v>10734</v>
      </c>
      <c r="H23694" t="s">
        <v>10735</v>
      </c>
      <c r="I23694" s="2">
        <v>1</v>
      </c>
      <c r="J23694" s="2">
        <v>0</v>
      </c>
      <c r="K23694" s="2">
        <v>0</v>
      </c>
      <c r="L23694" t="s">
        <v>120</v>
      </c>
      <c r="M23694" t="s">
        <v>83</v>
      </c>
      <c r="N23694" t="s">
        <v>84</v>
      </c>
      <c r="O23694" t="s">
        <v>85</v>
      </c>
      <c r="P23694" t="s">
        <v>86</v>
      </c>
      <c r="Q23694">
        <v>14</v>
      </c>
      <c r="R23694">
        <v>14</v>
      </c>
      <c r="S23694">
        <v>14</v>
      </c>
      <c r="T23694">
        <v>14</v>
      </c>
      <c r="U23694">
        <v>14</v>
      </c>
      <c r="V23694">
        <v>15</v>
      </c>
      <c r="W23694">
        <v>15</v>
      </c>
      <c r="X23694">
        <v>15</v>
      </c>
      <c r="Y23694">
        <v>15</v>
      </c>
      <c r="Z23694">
        <v>15</v>
      </c>
      <c r="AA23694">
        <v>15</v>
      </c>
      <c r="AB23694">
        <v>15</v>
      </c>
      <c r="AC23694">
        <v>15</v>
      </c>
      <c r="AD23694">
        <v>15</v>
      </c>
      <c r="AE23694">
        <v>15</v>
      </c>
      <c r="AF23694">
        <v>15</v>
      </c>
      <c r="AG23694">
        <v>15</v>
      </c>
      <c r="AH23694">
        <v>15</v>
      </c>
      <c r="AI23694">
        <v>15</v>
      </c>
      <c r="AJ23694">
        <v>15</v>
      </c>
      <c r="AK23694">
        <v>15</v>
      </c>
      <c r="AL23694">
        <v>15</v>
      </c>
      <c r="AM23694">
        <v>15</v>
      </c>
      <c r="AN23694">
        <v>15</v>
      </c>
      <c r="AO23694">
        <v>15</v>
      </c>
      <c r="AP23694">
        <v>15</v>
      </c>
      <c r="AQ23694">
        <v>15</v>
      </c>
    </row>
    <row r="23695" spans="1:43">
      <c r="A23695" t="s">
        <v>14673</v>
      </c>
      <c r="B23695" t="s">
        <v>14674</v>
      </c>
      <c r="C23695" t="s">
        <v>14675</v>
      </c>
      <c r="D23695" t="s">
        <v>14676</v>
      </c>
      <c r="E23695" t="s">
        <v>14535</v>
      </c>
      <c r="F23695" t="s">
        <v>14536</v>
      </c>
      <c r="G23695" t="s">
        <v>10734</v>
      </c>
      <c r="H23695" t="s">
        <v>10735</v>
      </c>
      <c r="I23695" s="2">
        <v>1</v>
      </c>
      <c r="J23695" s="2">
        <v>0</v>
      </c>
      <c r="K23695" s="2">
        <v>0</v>
      </c>
      <c r="L23695" t="s">
        <v>120</v>
      </c>
      <c r="M23695" t="s">
        <v>87</v>
      </c>
      <c r="N23695" t="s">
        <v>88</v>
      </c>
      <c r="O23695" t="s">
        <v>85</v>
      </c>
      <c r="P23695" t="s">
        <v>86</v>
      </c>
      <c r="Q23695">
        <v>14</v>
      </c>
      <c r="R23695">
        <v>14</v>
      </c>
      <c r="S23695">
        <v>14</v>
      </c>
      <c r="T23695">
        <v>14</v>
      </c>
      <c r="U23695">
        <v>14</v>
      </c>
      <c r="V23695">
        <v>14</v>
      </c>
      <c r="W23695">
        <v>14</v>
      </c>
      <c r="X23695">
        <v>14</v>
      </c>
      <c r="Y23695">
        <v>14</v>
      </c>
      <c r="Z23695">
        <v>14</v>
      </c>
      <c r="AA23695">
        <v>13</v>
      </c>
      <c r="AB23695">
        <v>13</v>
      </c>
      <c r="AC23695">
        <v>13</v>
      </c>
      <c r="AD23695">
        <v>13</v>
      </c>
      <c r="AE23695">
        <v>13</v>
      </c>
      <c r="AF23695">
        <v>13</v>
      </c>
      <c r="AG23695">
        <v>13</v>
      </c>
      <c r="AH23695">
        <v>13</v>
      </c>
      <c r="AI23695">
        <v>13</v>
      </c>
      <c r="AJ23695">
        <v>13</v>
      </c>
      <c r="AK23695">
        <v>13</v>
      </c>
      <c r="AL23695">
        <v>13</v>
      </c>
      <c r="AM23695">
        <v>13</v>
      </c>
      <c r="AN23695">
        <v>13</v>
      </c>
      <c r="AO23695">
        <v>13</v>
      </c>
      <c r="AP23695">
        <v>13</v>
      </c>
      <c r="AQ23695">
        <v>13</v>
      </c>
    </row>
    <row r="23696" spans="1:43">
      <c r="A23696" t="s">
        <v>14673</v>
      </c>
      <c r="B23696" t="s">
        <v>14674</v>
      </c>
      <c r="C23696" t="s">
        <v>14675</v>
      </c>
      <c r="D23696" t="s">
        <v>14676</v>
      </c>
      <c r="E23696" t="s">
        <v>14535</v>
      </c>
      <c r="F23696" t="s">
        <v>14536</v>
      </c>
      <c r="G23696" t="s">
        <v>10734</v>
      </c>
      <c r="H23696" t="s">
        <v>10735</v>
      </c>
      <c r="I23696" s="2">
        <v>1</v>
      </c>
      <c r="J23696" s="2">
        <v>0</v>
      </c>
      <c r="K23696" s="2">
        <v>0</v>
      </c>
      <c r="L23696" t="s">
        <v>120</v>
      </c>
      <c r="M23696" t="s">
        <v>89</v>
      </c>
      <c r="N23696" t="s">
        <v>90</v>
      </c>
      <c r="O23696" t="s">
        <v>85</v>
      </c>
      <c r="P23696" t="s">
        <v>86</v>
      </c>
      <c r="Q23696">
        <v>14</v>
      </c>
      <c r="R23696">
        <v>14</v>
      </c>
      <c r="S23696">
        <v>15</v>
      </c>
      <c r="T23696">
        <v>15</v>
      </c>
      <c r="U23696">
        <v>15</v>
      </c>
      <c r="V23696">
        <v>15</v>
      </c>
      <c r="W23696">
        <v>15</v>
      </c>
      <c r="X23696">
        <v>15</v>
      </c>
      <c r="Y23696">
        <v>15</v>
      </c>
      <c r="Z23696">
        <v>15</v>
      </c>
      <c r="AA23696">
        <v>16</v>
      </c>
      <c r="AB23696">
        <v>16</v>
      </c>
      <c r="AC23696">
        <v>16</v>
      </c>
      <c r="AD23696">
        <v>16</v>
      </c>
      <c r="AE23696">
        <v>16</v>
      </c>
      <c r="AF23696">
        <v>16</v>
      </c>
      <c r="AG23696">
        <v>16</v>
      </c>
      <c r="AH23696">
        <v>15</v>
      </c>
      <c r="AI23696">
        <v>15</v>
      </c>
      <c r="AJ23696">
        <v>15</v>
      </c>
      <c r="AK23696">
        <v>15</v>
      </c>
      <c r="AL23696">
        <v>15</v>
      </c>
      <c r="AM23696">
        <v>15</v>
      </c>
      <c r="AN23696">
        <v>15</v>
      </c>
      <c r="AO23696">
        <v>15</v>
      </c>
      <c r="AP23696">
        <v>15</v>
      </c>
      <c r="AQ23696">
        <v>15</v>
      </c>
    </row>
    <row r="23697" spans="1:43">
      <c r="A23697" t="s">
        <v>14673</v>
      </c>
      <c r="B23697" t="s">
        <v>14674</v>
      </c>
      <c r="C23697" t="s">
        <v>14675</v>
      </c>
      <c r="D23697" t="s">
        <v>14676</v>
      </c>
      <c r="E23697" t="s">
        <v>14535</v>
      </c>
      <c r="F23697" t="s">
        <v>14536</v>
      </c>
      <c r="G23697" t="s">
        <v>10734</v>
      </c>
      <c r="H23697" t="s">
        <v>10735</v>
      </c>
      <c r="I23697" s="2">
        <v>1</v>
      </c>
      <c r="J23697" s="2">
        <v>0</v>
      </c>
      <c r="K23697" s="2">
        <v>0</v>
      </c>
      <c r="L23697" t="s">
        <v>120</v>
      </c>
      <c r="M23697" t="s">
        <v>83</v>
      </c>
      <c r="N23697" t="s">
        <v>91</v>
      </c>
      <c r="O23697" t="s">
        <v>85</v>
      </c>
      <c r="P23697" t="s">
        <v>86</v>
      </c>
      <c r="Q23697">
        <v>14</v>
      </c>
      <c r="R23697">
        <v>14</v>
      </c>
      <c r="S23697">
        <v>14</v>
      </c>
      <c r="T23697">
        <v>14</v>
      </c>
      <c r="U23697">
        <v>14</v>
      </c>
      <c r="V23697">
        <v>15</v>
      </c>
      <c r="W23697">
        <v>15</v>
      </c>
      <c r="X23697">
        <v>15</v>
      </c>
      <c r="Y23697">
        <v>15</v>
      </c>
      <c r="Z23697">
        <v>15</v>
      </c>
      <c r="AA23697">
        <v>15</v>
      </c>
      <c r="AB23697">
        <v>15</v>
      </c>
      <c r="AC23697">
        <v>15</v>
      </c>
      <c r="AD23697">
        <v>15</v>
      </c>
      <c r="AE23697">
        <v>15</v>
      </c>
      <c r="AF23697">
        <v>15</v>
      </c>
      <c r="AG23697">
        <v>15</v>
      </c>
      <c r="AH23697">
        <v>15</v>
      </c>
      <c r="AI23697">
        <v>15</v>
      </c>
      <c r="AJ23697">
        <v>15</v>
      </c>
      <c r="AK23697">
        <v>15</v>
      </c>
      <c r="AL23697">
        <v>15</v>
      </c>
      <c r="AM23697">
        <v>15</v>
      </c>
      <c r="AN23697">
        <v>15</v>
      </c>
      <c r="AO23697">
        <v>15</v>
      </c>
      <c r="AP23697">
        <v>15</v>
      </c>
      <c r="AQ23697">
        <v>15</v>
      </c>
    </row>
    <row r="23698" spans="1:43">
      <c r="A23698" t="s">
        <v>14677</v>
      </c>
      <c r="B23698" t="s">
        <v>14678</v>
      </c>
      <c r="C23698" t="s">
        <v>14675</v>
      </c>
      <c r="D23698" t="s">
        <v>14676</v>
      </c>
      <c r="E23698" t="s">
        <v>14535</v>
      </c>
      <c r="F23698" t="s">
        <v>14536</v>
      </c>
      <c r="G23698" t="s">
        <v>10734</v>
      </c>
      <c r="H23698" t="s">
        <v>10735</v>
      </c>
      <c r="I23698" s="2">
        <v>1</v>
      </c>
      <c r="J23698" s="2">
        <v>0</v>
      </c>
      <c r="K23698" s="2">
        <v>0</v>
      </c>
      <c r="L23698" t="s">
        <v>120</v>
      </c>
      <c r="M23698" t="s">
        <v>83</v>
      </c>
      <c r="N23698" t="s">
        <v>84</v>
      </c>
      <c r="O23698" t="s">
        <v>85</v>
      </c>
      <c r="P23698" t="s">
        <v>86</v>
      </c>
      <c r="Q23698">
        <v>14</v>
      </c>
      <c r="R23698">
        <v>14</v>
      </c>
      <c r="S23698">
        <v>14</v>
      </c>
      <c r="T23698">
        <v>14</v>
      </c>
      <c r="U23698">
        <v>14</v>
      </c>
      <c r="V23698">
        <v>14</v>
      </c>
      <c r="W23698">
        <v>14</v>
      </c>
      <c r="X23698">
        <v>14</v>
      </c>
      <c r="Y23698">
        <v>14</v>
      </c>
      <c r="Z23698">
        <v>14</v>
      </c>
      <c r="AA23698">
        <v>14</v>
      </c>
      <c r="AB23698">
        <v>14</v>
      </c>
      <c r="AC23698">
        <v>14</v>
      </c>
      <c r="AD23698">
        <v>14</v>
      </c>
      <c r="AE23698">
        <v>14</v>
      </c>
      <c r="AF23698">
        <v>14</v>
      </c>
      <c r="AG23698">
        <v>14</v>
      </c>
      <c r="AH23698">
        <v>14</v>
      </c>
      <c r="AI23698">
        <v>14</v>
      </c>
      <c r="AJ23698">
        <v>14</v>
      </c>
      <c r="AK23698">
        <v>14</v>
      </c>
      <c r="AL23698">
        <v>14</v>
      </c>
      <c r="AM23698">
        <v>14</v>
      </c>
      <c r="AN23698">
        <v>14</v>
      </c>
      <c r="AO23698">
        <v>14</v>
      </c>
      <c r="AP23698">
        <v>14</v>
      </c>
      <c r="AQ23698">
        <v>14</v>
      </c>
    </row>
    <row r="23699" spans="1:43">
      <c r="A23699" t="s">
        <v>14677</v>
      </c>
      <c r="B23699" t="s">
        <v>14678</v>
      </c>
      <c r="C23699" t="s">
        <v>14675</v>
      </c>
      <c r="D23699" t="s">
        <v>14676</v>
      </c>
      <c r="E23699" t="s">
        <v>14535</v>
      </c>
      <c r="F23699" t="s">
        <v>14536</v>
      </c>
      <c r="G23699" t="s">
        <v>10734</v>
      </c>
      <c r="H23699" t="s">
        <v>10735</v>
      </c>
      <c r="I23699" s="2">
        <v>1</v>
      </c>
      <c r="J23699" s="2">
        <v>0</v>
      </c>
      <c r="K23699" s="2">
        <v>0</v>
      </c>
      <c r="L23699" t="s">
        <v>120</v>
      </c>
      <c r="M23699" t="s">
        <v>87</v>
      </c>
      <c r="N23699" t="s">
        <v>88</v>
      </c>
      <c r="O23699" t="s">
        <v>85</v>
      </c>
      <c r="P23699" t="s">
        <v>86</v>
      </c>
      <c r="Q23699">
        <v>14</v>
      </c>
      <c r="R23699">
        <v>14</v>
      </c>
      <c r="S23699">
        <v>14</v>
      </c>
      <c r="T23699">
        <v>14</v>
      </c>
      <c r="U23699">
        <v>14</v>
      </c>
      <c r="V23699">
        <v>14</v>
      </c>
      <c r="W23699">
        <v>14</v>
      </c>
      <c r="X23699">
        <v>14</v>
      </c>
      <c r="Y23699">
        <v>14</v>
      </c>
      <c r="Z23699">
        <v>14</v>
      </c>
      <c r="AA23699">
        <v>14</v>
      </c>
      <c r="AB23699">
        <v>14</v>
      </c>
      <c r="AC23699">
        <v>14</v>
      </c>
      <c r="AD23699">
        <v>14</v>
      </c>
      <c r="AE23699">
        <v>14</v>
      </c>
      <c r="AF23699">
        <v>14</v>
      </c>
      <c r="AG23699">
        <v>14</v>
      </c>
      <c r="AH23699">
        <v>14</v>
      </c>
      <c r="AI23699">
        <v>14</v>
      </c>
      <c r="AJ23699">
        <v>14</v>
      </c>
      <c r="AK23699">
        <v>14</v>
      </c>
      <c r="AL23699">
        <v>14</v>
      </c>
      <c r="AM23699">
        <v>14</v>
      </c>
      <c r="AN23699">
        <v>13</v>
      </c>
      <c r="AO23699">
        <v>13</v>
      </c>
      <c r="AP23699">
        <v>13</v>
      </c>
      <c r="AQ23699">
        <v>13</v>
      </c>
    </row>
    <row r="23700" spans="1:43">
      <c r="A23700" t="s">
        <v>14677</v>
      </c>
      <c r="B23700" t="s">
        <v>14678</v>
      </c>
      <c r="C23700" t="s">
        <v>14675</v>
      </c>
      <c r="D23700" t="s">
        <v>14676</v>
      </c>
      <c r="E23700" t="s">
        <v>14535</v>
      </c>
      <c r="F23700" t="s">
        <v>14536</v>
      </c>
      <c r="G23700" t="s">
        <v>10734</v>
      </c>
      <c r="H23700" t="s">
        <v>10735</v>
      </c>
      <c r="I23700" s="2">
        <v>1</v>
      </c>
      <c r="J23700" s="2">
        <v>0</v>
      </c>
      <c r="K23700" s="2">
        <v>0</v>
      </c>
      <c r="L23700" t="s">
        <v>120</v>
      </c>
      <c r="M23700" t="s">
        <v>89</v>
      </c>
      <c r="N23700" t="s">
        <v>90</v>
      </c>
      <c r="O23700" t="s">
        <v>85</v>
      </c>
      <c r="P23700" t="s">
        <v>86</v>
      </c>
      <c r="Q23700">
        <v>14</v>
      </c>
      <c r="R23700">
        <v>14</v>
      </c>
      <c r="S23700">
        <v>14</v>
      </c>
      <c r="T23700">
        <v>14</v>
      </c>
      <c r="U23700">
        <v>14</v>
      </c>
      <c r="V23700">
        <v>14</v>
      </c>
      <c r="W23700">
        <v>15</v>
      </c>
      <c r="X23700">
        <v>15</v>
      </c>
      <c r="Y23700">
        <v>15</v>
      </c>
      <c r="Z23700">
        <v>15</v>
      </c>
      <c r="AA23700">
        <v>15</v>
      </c>
      <c r="AB23700">
        <v>15</v>
      </c>
      <c r="AC23700">
        <v>15</v>
      </c>
      <c r="AD23700">
        <v>15</v>
      </c>
      <c r="AE23700">
        <v>15</v>
      </c>
      <c r="AF23700">
        <v>15</v>
      </c>
      <c r="AG23700">
        <v>15</v>
      </c>
      <c r="AH23700">
        <v>15</v>
      </c>
      <c r="AI23700">
        <v>15</v>
      </c>
      <c r="AJ23700">
        <v>15</v>
      </c>
      <c r="AK23700">
        <v>15</v>
      </c>
      <c r="AL23700">
        <v>14</v>
      </c>
      <c r="AM23700">
        <v>14</v>
      </c>
      <c r="AN23700">
        <v>14</v>
      </c>
      <c r="AO23700">
        <v>14</v>
      </c>
      <c r="AP23700">
        <v>14</v>
      </c>
      <c r="AQ23700">
        <v>14</v>
      </c>
    </row>
    <row r="23701" spans="1:43">
      <c r="A23701" t="s">
        <v>14677</v>
      </c>
      <c r="B23701" t="s">
        <v>14678</v>
      </c>
      <c r="C23701" t="s">
        <v>14675</v>
      </c>
      <c r="D23701" t="s">
        <v>14676</v>
      </c>
      <c r="E23701" t="s">
        <v>14535</v>
      </c>
      <c r="F23701" t="s">
        <v>14536</v>
      </c>
      <c r="G23701" t="s">
        <v>10734</v>
      </c>
      <c r="H23701" t="s">
        <v>10735</v>
      </c>
      <c r="I23701" s="2">
        <v>1</v>
      </c>
      <c r="J23701" s="2">
        <v>0</v>
      </c>
      <c r="K23701" s="2">
        <v>0</v>
      </c>
      <c r="L23701" t="s">
        <v>120</v>
      </c>
      <c r="M23701" t="s">
        <v>83</v>
      </c>
      <c r="N23701" t="s">
        <v>91</v>
      </c>
      <c r="O23701" t="s">
        <v>85</v>
      </c>
      <c r="P23701" t="s">
        <v>86</v>
      </c>
      <c r="Q23701">
        <v>14</v>
      </c>
      <c r="R23701">
        <v>14</v>
      </c>
      <c r="S23701">
        <v>14</v>
      </c>
      <c r="T23701">
        <v>14</v>
      </c>
      <c r="U23701">
        <v>14</v>
      </c>
      <c r="V23701">
        <v>14</v>
      </c>
      <c r="W23701">
        <v>14</v>
      </c>
      <c r="X23701">
        <v>14</v>
      </c>
      <c r="Y23701">
        <v>14</v>
      </c>
      <c r="Z23701">
        <v>14</v>
      </c>
      <c r="AA23701">
        <v>14</v>
      </c>
      <c r="AB23701">
        <v>14</v>
      </c>
      <c r="AC23701">
        <v>14</v>
      </c>
      <c r="AD23701">
        <v>14</v>
      </c>
      <c r="AE23701">
        <v>14</v>
      </c>
      <c r="AF23701">
        <v>14</v>
      </c>
      <c r="AG23701">
        <v>14</v>
      </c>
      <c r="AH23701">
        <v>14</v>
      </c>
      <c r="AI23701">
        <v>14</v>
      </c>
      <c r="AJ23701">
        <v>14</v>
      </c>
      <c r="AK23701">
        <v>14</v>
      </c>
      <c r="AL23701">
        <v>14</v>
      </c>
      <c r="AM23701">
        <v>14</v>
      </c>
      <c r="AN23701">
        <v>14</v>
      </c>
      <c r="AO23701">
        <v>14</v>
      </c>
      <c r="AP23701">
        <v>14</v>
      </c>
      <c r="AQ23701">
        <v>14</v>
      </c>
    </row>
    <row r="23702" spans="1:43">
      <c r="A23702" t="s">
        <v>14679</v>
      </c>
      <c r="B23702" t="s">
        <v>14680</v>
      </c>
      <c r="C23702" t="s">
        <v>14675</v>
      </c>
      <c r="D23702" t="s">
        <v>14676</v>
      </c>
      <c r="E23702" t="s">
        <v>14535</v>
      </c>
      <c r="F23702" t="s">
        <v>14536</v>
      </c>
      <c r="G23702" t="s">
        <v>10734</v>
      </c>
      <c r="H23702" t="s">
        <v>10735</v>
      </c>
      <c r="I23702" s="2">
        <v>1</v>
      </c>
      <c r="J23702" s="2">
        <v>0</v>
      </c>
      <c r="K23702" s="2">
        <v>0</v>
      </c>
      <c r="L23702" t="s">
        <v>120</v>
      </c>
      <c r="M23702" t="s">
        <v>83</v>
      </c>
      <c r="N23702" t="s">
        <v>84</v>
      </c>
      <c r="O23702" t="s">
        <v>85</v>
      </c>
      <c r="P23702" t="s">
        <v>86</v>
      </c>
      <c r="Q23702">
        <v>18</v>
      </c>
      <c r="R23702">
        <v>18</v>
      </c>
      <c r="S23702">
        <v>18</v>
      </c>
      <c r="T23702">
        <v>18</v>
      </c>
      <c r="U23702">
        <v>18</v>
      </c>
      <c r="V23702">
        <v>18</v>
      </c>
      <c r="W23702">
        <v>18</v>
      </c>
      <c r="X23702">
        <v>18</v>
      </c>
      <c r="Y23702">
        <v>18</v>
      </c>
      <c r="Z23702">
        <v>18</v>
      </c>
      <c r="AA23702">
        <v>18</v>
      </c>
      <c r="AB23702">
        <v>18</v>
      </c>
      <c r="AC23702">
        <v>18</v>
      </c>
      <c r="AD23702">
        <v>18</v>
      </c>
      <c r="AE23702">
        <v>18</v>
      </c>
      <c r="AF23702">
        <v>18</v>
      </c>
      <c r="AG23702">
        <v>18</v>
      </c>
      <c r="AH23702">
        <v>19</v>
      </c>
      <c r="AI23702">
        <v>19</v>
      </c>
      <c r="AJ23702">
        <v>19</v>
      </c>
      <c r="AK23702">
        <v>19</v>
      </c>
      <c r="AL23702">
        <v>19</v>
      </c>
      <c r="AM23702">
        <v>18</v>
      </c>
      <c r="AN23702">
        <v>18</v>
      </c>
      <c r="AO23702">
        <v>18</v>
      </c>
      <c r="AP23702">
        <v>18</v>
      </c>
      <c r="AQ23702">
        <v>18</v>
      </c>
    </row>
    <row r="23703" spans="1:43">
      <c r="A23703" t="s">
        <v>14679</v>
      </c>
      <c r="B23703" t="s">
        <v>14680</v>
      </c>
      <c r="C23703" t="s">
        <v>14675</v>
      </c>
      <c r="D23703" t="s">
        <v>14676</v>
      </c>
      <c r="E23703" t="s">
        <v>14535</v>
      </c>
      <c r="F23703" t="s">
        <v>14536</v>
      </c>
      <c r="G23703" t="s">
        <v>10734</v>
      </c>
      <c r="H23703" t="s">
        <v>10735</v>
      </c>
      <c r="I23703" s="2">
        <v>1</v>
      </c>
      <c r="J23703" s="2">
        <v>0</v>
      </c>
      <c r="K23703" s="2">
        <v>0</v>
      </c>
      <c r="L23703" t="s">
        <v>120</v>
      </c>
      <c r="M23703" t="s">
        <v>87</v>
      </c>
      <c r="N23703" t="s">
        <v>88</v>
      </c>
      <c r="O23703" t="s">
        <v>85</v>
      </c>
      <c r="P23703" t="s">
        <v>86</v>
      </c>
      <c r="Q23703">
        <v>18</v>
      </c>
      <c r="R23703">
        <v>18</v>
      </c>
      <c r="S23703">
        <v>18</v>
      </c>
      <c r="T23703">
        <v>18</v>
      </c>
      <c r="U23703">
        <v>18</v>
      </c>
      <c r="V23703">
        <v>18</v>
      </c>
      <c r="W23703">
        <v>18</v>
      </c>
      <c r="X23703">
        <v>18</v>
      </c>
      <c r="Y23703">
        <v>18</v>
      </c>
      <c r="Z23703">
        <v>18</v>
      </c>
      <c r="AA23703">
        <v>18</v>
      </c>
      <c r="AB23703">
        <v>18</v>
      </c>
      <c r="AC23703">
        <v>18</v>
      </c>
      <c r="AD23703">
        <v>18</v>
      </c>
      <c r="AE23703">
        <v>17</v>
      </c>
      <c r="AF23703">
        <v>17</v>
      </c>
      <c r="AG23703">
        <v>17</v>
      </c>
      <c r="AH23703">
        <v>17</v>
      </c>
      <c r="AI23703">
        <v>17</v>
      </c>
      <c r="AJ23703">
        <v>17</v>
      </c>
      <c r="AK23703">
        <v>17</v>
      </c>
      <c r="AL23703">
        <v>17</v>
      </c>
      <c r="AM23703">
        <v>17</v>
      </c>
      <c r="AN23703">
        <v>17</v>
      </c>
      <c r="AO23703">
        <v>17</v>
      </c>
      <c r="AP23703">
        <v>17</v>
      </c>
      <c r="AQ23703">
        <v>17</v>
      </c>
    </row>
    <row r="23704" spans="1:43">
      <c r="A23704" t="s">
        <v>14679</v>
      </c>
      <c r="B23704" t="s">
        <v>14680</v>
      </c>
      <c r="C23704" t="s">
        <v>14675</v>
      </c>
      <c r="D23704" t="s">
        <v>14676</v>
      </c>
      <c r="E23704" t="s">
        <v>14535</v>
      </c>
      <c r="F23704" t="s">
        <v>14536</v>
      </c>
      <c r="G23704" t="s">
        <v>10734</v>
      </c>
      <c r="H23704" t="s">
        <v>10735</v>
      </c>
      <c r="I23704" s="2">
        <v>1</v>
      </c>
      <c r="J23704" s="2">
        <v>0</v>
      </c>
      <c r="K23704" s="2">
        <v>0</v>
      </c>
      <c r="L23704" t="s">
        <v>120</v>
      </c>
      <c r="M23704" t="s">
        <v>89</v>
      </c>
      <c r="N23704" t="s">
        <v>90</v>
      </c>
      <c r="O23704" t="s">
        <v>85</v>
      </c>
      <c r="P23704" t="s">
        <v>86</v>
      </c>
      <c r="Q23704">
        <v>18</v>
      </c>
      <c r="R23704">
        <v>18</v>
      </c>
      <c r="S23704">
        <v>18</v>
      </c>
      <c r="T23704">
        <v>18</v>
      </c>
      <c r="U23704">
        <v>19</v>
      </c>
      <c r="V23704">
        <v>19</v>
      </c>
      <c r="W23704">
        <v>19</v>
      </c>
      <c r="X23704">
        <v>19</v>
      </c>
      <c r="Y23704">
        <v>19</v>
      </c>
      <c r="Z23704">
        <v>19</v>
      </c>
      <c r="AA23704">
        <v>19</v>
      </c>
      <c r="AB23704">
        <v>19</v>
      </c>
      <c r="AC23704">
        <v>20</v>
      </c>
      <c r="AD23704">
        <v>20</v>
      </c>
      <c r="AE23704">
        <v>20</v>
      </c>
      <c r="AF23704">
        <v>19</v>
      </c>
      <c r="AG23704">
        <v>19</v>
      </c>
      <c r="AH23704">
        <v>19</v>
      </c>
      <c r="AI23704">
        <v>19</v>
      </c>
      <c r="AJ23704">
        <v>19</v>
      </c>
      <c r="AK23704">
        <v>19</v>
      </c>
      <c r="AL23704">
        <v>19</v>
      </c>
      <c r="AM23704">
        <v>19</v>
      </c>
      <c r="AN23704">
        <v>19</v>
      </c>
      <c r="AO23704">
        <v>18</v>
      </c>
      <c r="AP23704">
        <v>18</v>
      </c>
      <c r="AQ23704">
        <v>18</v>
      </c>
    </row>
    <row r="23705" spans="1:43">
      <c r="A23705" t="s">
        <v>14679</v>
      </c>
      <c r="B23705" t="s">
        <v>14680</v>
      </c>
      <c r="C23705" t="s">
        <v>14675</v>
      </c>
      <c r="D23705" t="s">
        <v>14676</v>
      </c>
      <c r="E23705" t="s">
        <v>14535</v>
      </c>
      <c r="F23705" t="s">
        <v>14536</v>
      </c>
      <c r="G23705" t="s">
        <v>10734</v>
      </c>
      <c r="H23705" t="s">
        <v>10735</v>
      </c>
      <c r="I23705" s="2">
        <v>1</v>
      </c>
      <c r="J23705" s="2">
        <v>0</v>
      </c>
      <c r="K23705" s="2">
        <v>0</v>
      </c>
      <c r="L23705" t="s">
        <v>120</v>
      </c>
      <c r="M23705" t="s">
        <v>83</v>
      </c>
      <c r="N23705" t="s">
        <v>91</v>
      </c>
      <c r="O23705" t="s">
        <v>85</v>
      </c>
      <c r="P23705" t="s">
        <v>86</v>
      </c>
      <c r="Q23705">
        <v>18</v>
      </c>
      <c r="R23705">
        <v>18</v>
      </c>
      <c r="S23705">
        <v>18</v>
      </c>
      <c r="T23705">
        <v>18</v>
      </c>
      <c r="U23705">
        <v>18</v>
      </c>
      <c r="V23705">
        <v>18</v>
      </c>
      <c r="W23705">
        <v>18</v>
      </c>
      <c r="X23705">
        <v>18</v>
      </c>
      <c r="Y23705">
        <v>18</v>
      </c>
      <c r="Z23705">
        <v>18</v>
      </c>
      <c r="AA23705">
        <v>18</v>
      </c>
      <c r="AB23705">
        <v>18</v>
      </c>
      <c r="AC23705">
        <v>18</v>
      </c>
      <c r="AD23705">
        <v>18</v>
      </c>
      <c r="AE23705">
        <v>18</v>
      </c>
      <c r="AF23705">
        <v>18</v>
      </c>
      <c r="AG23705">
        <v>18</v>
      </c>
      <c r="AH23705">
        <v>19</v>
      </c>
      <c r="AI23705">
        <v>19</v>
      </c>
      <c r="AJ23705">
        <v>19</v>
      </c>
      <c r="AK23705">
        <v>19</v>
      </c>
      <c r="AL23705">
        <v>19</v>
      </c>
      <c r="AM23705">
        <v>18</v>
      </c>
      <c r="AN23705">
        <v>18</v>
      </c>
      <c r="AO23705">
        <v>18</v>
      </c>
      <c r="AP23705">
        <v>18</v>
      </c>
      <c r="AQ23705">
        <v>18</v>
      </c>
    </row>
    <row r="23706" spans="1:43">
      <c r="A23706" t="s">
        <v>14681</v>
      </c>
      <c r="B23706" t="s">
        <v>14682</v>
      </c>
      <c r="C23706" t="s">
        <v>14659</v>
      </c>
      <c r="D23706" t="s">
        <v>14660</v>
      </c>
      <c r="E23706" t="s">
        <v>14535</v>
      </c>
      <c r="F23706" t="s">
        <v>14536</v>
      </c>
      <c r="G23706" t="s">
        <v>10734</v>
      </c>
      <c r="H23706" t="s">
        <v>10735</v>
      </c>
      <c r="I23706" s="2">
        <v>1</v>
      </c>
      <c r="J23706" s="2">
        <v>0</v>
      </c>
      <c r="K23706" s="2">
        <v>0</v>
      </c>
      <c r="L23706" t="s">
        <v>120</v>
      </c>
      <c r="M23706" t="s">
        <v>83</v>
      </c>
      <c r="N23706" t="s">
        <v>84</v>
      </c>
      <c r="O23706" t="s">
        <v>85</v>
      </c>
      <c r="P23706" t="s">
        <v>86</v>
      </c>
      <c r="Q23706">
        <v>9</v>
      </c>
      <c r="R23706">
        <v>9</v>
      </c>
      <c r="S23706">
        <v>9</v>
      </c>
      <c r="T23706">
        <v>9</v>
      </c>
      <c r="U23706">
        <v>9</v>
      </c>
      <c r="V23706">
        <v>9</v>
      </c>
      <c r="W23706">
        <v>9</v>
      </c>
      <c r="X23706">
        <v>9</v>
      </c>
      <c r="Y23706">
        <v>9</v>
      </c>
      <c r="Z23706">
        <v>9</v>
      </c>
      <c r="AA23706">
        <v>9</v>
      </c>
      <c r="AB23706">
        <v>9</v>
      </c>
      <c r="AC23706">
        <v>9</v>
      </c>
      <c r="AD23706">
        <v>9</v>
      </c>
      <c r="AE23706">
        <v>9</v>
      </c>
      <c r="AF23706">
        <v>9</v>
      </c>
      <c r="AG23706">
        <v>9</v>
      </c>
      <c r="AH23706">
        <v>9</v>
      </c>
      <c r="AI23706">
        <v>9</v>
      </c>
      <c r="AJ23706">
        <v>9</v>
      </c>
      <c r="AK23706">
        <v>9</v>
      </c>
      <c r="AL23706">
        <v>9</v>
      </c>
      <c r="AM23706">
        <v>9</v>
      </c>
      <c r="AN23706">
        <v>9</v>
      </c>
      <c r="AO23706">
        <v>9</v>
      </c>
      <c r="AP23706">
        <v>9</v>
      </c>
      <c r="AQ23706">
        <v>9</v>
      </c>
    </row>
    <row r="23707" spans="1:43">
      <c r="A23707" t="s">
        <v>14681</v>
      </c>
      <c r="B23707" t="s">
        <v>14682</v>
      </c>
      <c r="C23707" t="s">
        <v>14659</v>
      </c>
      <c r="D23707" t="s">
        <v>14660</v>
      </c>
      <c r="E23707" t="s">
        <v>14535</v>
      </c>
      <c r="F23707" t="s">
        <v>14536</v>
      </c>
      <c r="G23707" t="s">
        <v>10734</v>
      </c>
      <c r="H23707" t="s">
        <v>10735</v>
      </c>
      <c r="I23707" s="2">
        <v>1</v>
      </c>
      <c r="J23707" s="2">
        <v>0</v>
      </c>
      <c r="K23707" s="2">
        <v>0</v>
      </c>
      <c r="L23707" t="s">
        <v>120</v>
      </c>
      <c r="M23707" t="s">
        <v>87</v>
      </c>
      <c r="N23707" t="s">
        <v>88</v>
      </c>
      <c r="O23707" t="s">
        <v>85</v>
      </c>
      <c r="P23707" t="s">
        <v>86</v>
      </c>
      <c r="Q23707">
        <v>9</v>
      </c>
      <c r="R23707">
        <v>9</v>
      </c>
      <c r="S23707">
        <v>9</v>
      </c>
      <c r="T23707">
        <v>9</v>
      </c>
      <c r="U23707">
        <v>9</v>
      </c>
      <c r="V23707">
        <v>9</v>
      </c>
      <c r="W23707">
        <v>9</v>
      </c>
      <c r="X23707">
        <v>9</v>
      </c>
      <c r="Y23707">
        <v>9</v>
      </c>
      <c r="Z23707">
        <v>9</v>
      </c>
      <c r="AA23707">
        <v>9</v>
      </c>
      <c r="AB23707">
        <v>9</v>
      </c>
      <c r="AC23707">
        <v>9</v>
      </c>
      <c r="AD23707">
        <v>9</v>
      </c>
      <c r="AE23707">
        <v>9</v>
      </c>
      <c r="AF23707">
        <v>9</v>
      </c>
      <c r="AG23707">
        <v>9</v>
      </c>
      <c r="AH23707">
        <v>9</v>
      </c>
      <c r="AI23707">
        <v>9</v>
      </c>
      <c r="AJ23707">
        <v>9</v>
      </c>
      <c r="AK23707">
        <v>9</v>
      </c>
      <c r="AL23707">
        <v>9</v>
      </c>
      <c r="AM23707">
        <v>9</v>
      </c>
      <c r="AN23707">
        <v>9</v>
      </c>
      <c r="AO23707">
        <v>9</v>
      </c>
      <c r="AP23707">
        <v>9</v>
      </c>
      <c r="AQ23707">
        <v>9</v>
      </c>
    </row>
    <row r="23708" spans="1:43">
      <c r="A23708" t="s">
        <v>14681</v>
      </c>
      <c r="B23708" t="s">
        <v>14682</v>
      </c>
      <c r="C23708" t="s">
        <v>14659</v>
      </c>
      <c r="D23708" t="s">
        <v>14660</v>
      </c>
      <c r="E23708" t="s">
        <v>14535</v>
      </c>
      <c r="F23708" t="s">
        <v>14536</v>
      </c>
      <c r="G23708" t="s">
        <v>10734</v>
      </c>
      <c r="H23708" t="s">
        <v>10735</v>
      </c>
      <c r="I23708" s="2">
        <v>1</v>
      </c>
      <c r="J23708" s="2">
        <v>0</v>
      </c>
      <c r="K23708" s="2">
        <v>0</v>
      </c>
      <c r="L23708" t="s">
        <v>120</v>
      </c>
      <c r="M23708" t="s">
        <v>89</v>
      </c>
      <c r="N23708" t="s">
        <v>90</v>
      </c>
      <c r="O23708" t="s">
        <v>85</v>
      </c>
      <c r="P23708" t="s">
        <v>86</v>
      </c>
      <c r="Q23708">
        <v>9</v>
      </c>
      <c r="R23708">
        <v>9</v>
      </c>
      <c r="S23708">
        <v>9</v>
      </c>
      <c r="T23708">
        <v>9</v>
      </c>
      <c r="U23708">
        <v>9</v>
      </c>
      <c r="V23708">
        <v>9</v>
      </c>
      <c r="W23708">
        <v>9</v>
      </c>
      <c r="X23708">
        <v>9</v>
      </c>
      <c r="Y23708">
        <v>9</v>
      </c>
      <c r="Z23708">
        <v>9</v>
      </c>
      <c r="AA23708">
        <v>9</v>
      </c>
      <c r="AB23708">
        <v>9</v>
      </c>
      <c r="AC23708">
        <v>9</v>
      </c>
      <c r="AD23708">
        <v>9</v>
      </c>
      <c r="AE23708">
        <v>9</v>
      </c>
      <c r="AF23708">
        <v>9</v>
      </c>
      <c r="AG23708">
        <v>9</v>
      </c>
      <c r="AH23708">
        <v>9</v>
      </c>
      <c r="AI23708">
        <v>9</v>
      </c>
      <c r="AJ23708">
        <v>9</v>
      </c>
      <c r="AK23708">
        <v>9</v>
      </c>
      <c r="AL23708">
        <v>9</v>
      </c>
      <c r="AM23708">
        <v>9</v>
      </c>
      <c r="AN23708">
        <v>9</v>
      </c>
      <c r="AO23708">
        <v>9</v>
      </c>
      <c r="AP23708">
        <v>9</v>
      </c>
      <c r="AQ23708">
        <v>9</v>
      </c>
    </row>
    <row r="23709" spans="1:43">
      <c r="A23709" t="s">
        <v>14681</v>
      </c>
      <c r="B23709" t="s">
        <v>14682</v>
      </c>
      <c r="C23709" t="s">
        <v>14659</v>
      </c>
      <c r="D23709" t="s">
        <v>14660</v>
      </c>
      <c r="E23709" t="s">
        <v>14535</v>
      </c>
      <c r="F23709" t="s">
        <v>14536</v>
      </c>
      <c r="G23709" t="s">
        <v>10734</v>
      </c>
      <c r="H23709" t="s">
        <v>10735</v>
      </c>
      <c r="I23709" s="2">
        <v>1</v>
      </c>
      <c r="J23709" s="2">
        <v>0</v>
      </c>
      <c r="K23709" s="2">
        <v>0</v>
      </c>
      <c r="L23709" t="s">
        <v>120</v>
      </c>
      <c r="M23709" t="s">
        <v>83</v>
      </c>
      <c r="N23709" t="s">
        <v>91</v>
      </c>
      <c r="O23709" t="s">
        <v>85</v>
      </c>
      <c r="P23709" t="s">
        <v>86</v>
      </c>
      <c r="Q23709">
        <v>9</v>
      </c>
      <c r="R23709">
        <v>9</v>
      </c>
      <c r="S23709">
        <v>9</v>
      </c>
      <c r="T23709">
        <v>9</v>
      </c>
      <c r="U23709">
        <v>9</v>
      </c>
      <c r="V23709">
        <v>9</v>
      </c>
      <c r="W23709">
        <v>9</v>
      </c>
      <c r="X23709">
        <v>9</v>
      </c>
      <c r="Y23709">
        <v>9</v>
      </c>
      <c r="Z23709">
        <v>9</v>
      </c>
      <c r="AA23709">
        <v>9</v>
      </c>
      <c r="AB23709">
        <v>9</v>
      </c>
      <c r="AC23709">
        <v>9</v>
      </c>
      <c r="AD23709">
        <v>9</v>
      </c>
      <c r="AE23709">
        <v>9</v>
      </c>
      <c r="AF23709">
        <v>9</v>
      </c>
      <c r="AG23709">
        <v>9</v>
      </c>
      <c r="AH23709">
        <v>9</v>
      </c>
      <c r="AI23709">
        <v>9</v>
      </c>
      <c r="AJ23709">
        <v>9</v>
      </c>
      <c r="AK23709">
        <v>9</v>
      </c>
      <c r="AL23709">
        <v>9</v>
      </c>
      <c r="AM23709">
        <v>9</v>
      </c>
      <c r="AN23709">
        <v>9</v>
      </c>
      <c r="AO23709">
        <v>9</v>
      </c>
      <c r="AP23709">
        <v>9</v>
      </c>
      <c r="AQ23709">
        <v>9</v>
      </c>
    </row>
    <row r="23710" spans="1:43">
      <c r="A23710" t="s">
        <v>14683</v>
      </c>
      <c r="B23710" t="s">
        <v>14684</v>
      </c>
      <c r="C23710" t="s">
        <v>14675</v>
      </c>
      <c r="D23710" t="s">
        <v>14676</v>
      </c>
      <c r="E23710" t="s">
        <v>14535</v>
      </c>
      <c r="F23710" t="s">
        <v>14536</v>
      </c>
      <c r="G23710" t="s">
        <v>10734</v>
      </c>
      <c r="H23710" t="s">
        <v>10735</v>
      </c>
      <c r="I23710" s="2">
        <v>1</v>
      </c>
      <c r="J23710" s="2">
        <v>0</v>
      </c>
      <c r="K23710" s="2">
        <v>0</v>
      </c>
      <c r="L23710" t="s">
        <v>120</v>
      </c>
      <c r="M23710" t="s">
        <v>83</v>
      </c>
      <c r="N23710" t="s">
        <v>84</v>
      </c>
      <c r="O23710" t="s">
        <v>85</v>
      </c>
      <c r="P23710" t="s">
        <v>86</v>
      </c>
      <c r="Q23710">
        <v>14</v>
      </c>
      <c r="R23710">
        <v>14</v>
      </c>
      <c r="S23710">
        <v>14</v>
      </c>
      <c r="T23710">
        <v>14</v>
      </c>
      <c r="U23710">
        <v>14</v>
      </c>
      <c r="V23710">
        <v>14</v>
      </c>
      <c r="W23710">
        <v>14</v>
      </c>
      <c r="X23710">
        <v>14</v>
      </c>
      <c r="Y23710">
        <v>15</v>
      </c>
      <c r="Z23710">
        <v>15</v>
      </c>
      <c r="AA23710">
        <v>15</v>
      </c>
      <c r="AB23710">
        <v>15</v>
      </c>
      <c r="AC23710">
        <v>15</v>
      </c>
      <c r="AD23710">
        <v>15</v>
      </c>
      <c r="AE23710">
        <v>15</v>
      </c>
      <c r="AF23710">
        <v>15</v>
      </c>
      <c r="AG23710">
        <v>15</v>
      </c>
      <c r="AH23710">
        <v>15</v>
      </c>
      <c r="AI23710">
        <v>15</v>
      </c>
      <c r="AJ23710">
        <v>15</v>
      </c>
      <c r="AK23710">
        <v>15</v>
      </c>
      <c r="AL23710">
        <v>15</v>
      </c>
      <c r="AM23710">
        <v>15</v>
      </c>
      <c r="AN23710">
        <v>15</v>
      </c>
      <c r="AO23710">
        <v>15</v>
      </c>
      <c r="AP23710">
        <v>14</v>
      </c>
      <c r="AQ23710">
        <v>14</v>
      </c>
    </row>
    <row r="23711" spans="1:43">
      <c r="A23711" t="s">
        <v>14683</v>
      </c>
      <c r="B23711" t="s">
        <v>14684</v>
      </c>
      <c r="C23711" t="s">
        <v>14675</v>
      </c>
      <c r="D23711" t="s">
        <v>14676</v>
      </c>
      <c r="E23711" t="s">
        <v>14535</v>
      </c>
      <c r="F23711" t="s">
        <v>14536</v>
      </c>
      <c r="G23711" t="s">
        <v>10734</v>
      </c>
      <c r="H23711" t="s">
        <v>10735</v>
      </c>
      <c r="I23711" s="2">
        <v>1</v>
      </c>
      <c r="J23711" s="2">
        <v>0</v>
      </c>
      <c r="K23711" s="2">
        <v>0</v>
      </c>
      <c r="L23711" t="s">
        <v>120</v>
      </c>
      <c r="M23711" t="s">
        <v>87</v>
      </c>
      <c r="N23711" t="s">
        <v>88</v>
      </c>
      <c r="O23711" t="s">
        <v>85</v>
      </c>
      <c r="P23711" t="s">
        <v>86</v>
      </c>
      <c r="Q23711">
        <v>14</v>
      </c>
      <c r="R23711">
        <v>14</v>
      </c>
      <c r="S23711">
        <v>14</v>
      </c>
      <c r="T23711">
        <v>14</v>
      </c>
      <c r="U23711">
        <v>14</v>
      </c>
      <c r="V23711">
        <v>14</v>
      </c>
      <c r="W23711">
        <v>14</v>
      </c>
      <c r="X23711">
        <v>13</v>
      </c>
      <c r="Y23711">
        <v>13</v>
      </c>
      <c r="Z23711">
        <v>13</v>
      </c>
      <c r="AA23711">
        <v>13</v>
      </c>
      <c r="AB23711">
        <v>13</v>
      </c>
      <c r="AC23711">
        <v>13</v>
      </c>
      <c r="AD23711">
        <v>13</v>
      </c>
      <c r="AE23711">
        <v>13</v>
      </c>
      <c r="AF23711">
        <v>13</v>
      </c>
      <c r="AG23711">
        <v>13</v>
      </c>
      <c r="AH23711">
        <v>13</v>
      </c>
      <c r="AI23711">
        <v>13</v>
      </c>
      <c r="AJ23711">
        <v>13</v>
      </c>
      <c r="AK23711">
        <v>13</v>
      </c>
      <c r="AL23711">
        <v>13</v>
      </c>
      <c r="AM23711">
        <v>13</v>
      </c>
      <c r="AN23711">
        <v>13</v>
      </c>
      <c r="AO23711">
        <v>13</v>
      </c>
      <c r="AP23711">
        <v>13</v>
      </c>
      <c r="AQ23711">
        <v>13</v>
      </c>
    </row>
    <row r="23712" spans="1:43">
      <c r="A23712" t="s">
        <v>14683</v>
      </c>
      <c r="B23712" t="s">
        <v>14684</v>
      </c>
      <c r="C23712" t="s">
        <v>14675</v>
      </c>
      <c r="D23712" t="s">
        <v>14676</v>
      </c>
      <c r="E23712" t="s">
        <v>14535</v>
      </c>
      <c r="F23712" t="s">
        <v>14536</v>
      </c>
      <c r="G23712" t="s">
        <v>10734</v>
      </c>
      <c r="H23712" t="s">
        <v>10735</v>
      </c>
      <c r="I23712" s="2">
        <v>1</v>
      </c>
      <c r="J23712" s="2">
        <v>0</v>
      </c>
      <c r="K23712" s="2">
        <v>0</v>
      </c>
      <c r="L23712" t="s">
        <v>120</v>
      </c>
      <c r="M23712" t="s">
        <v>89</v>
      </c>
      <c r="N23712" t="s">
        <v>90</v>
      </c>
      <c r="O23712" t="s">
        <v>85</v>
      </c>
      <c r="P23712" t="s">
        <v>86</v>
      </c>
      <c r="Q23712">
        <v>14</v>
      </c>
      <c r="R23712">
        <v>14</v>
      </c>
      <c r="S23712">
        <v>15</v>
      </c>
      <c r="T23712">
        <v>15</v>
      </c>
      <c r="U23712">
        <v>15</v>
      </c>
      <c r="V23712">
        <v>15</v>
      </c>
      <c r="W23712">
        <v>15</v>
      </c>
      <c r="X23712">
        <v>15</v>
      </c>
      <c r="Y23712">
        <v>15</v>
      </c>
      <c r="Z23712">
        <v>15</v>
      </c>
      <c r="AA23712">
        <v>15</v>
      </c>
      <c r="AB23712">
        <v>16</v>
      </c>
      <c r="AC23712">
        <v>16</v>
      </c>
      <c r="AD23712">
        <v>16</v>
      </c>
      <c r="AE23712">
        <v>16</v>
      </c>
      <c r="AF23712">
        <v>16</v>
      </c>
      <c r="AG23712">
        <v>15</v>
      </c>
      <c r="AH23712">
        <v>15</v>
      </c>
      <c r="AI23712">
        <v>15</v>
      </c>
      <c r="AJ23712">
        <v>15</v>
      </c>
      <c r="AK23712">
        <v>15</v>
      </c>
      <c r="AL23712">
        <v>15</v>
      </c>
      <c r="AM23712">
        <v>15</v>
      </c>
      <c r="AN23712">
        <v>15</v>
      </c>
      <c r="AO23712">
        <v>15</v>
      </c>
      <c r="AP23712">
        <v>15</v>
      </c>
      <c r="AQ23712">
        <v>15</v>
      </c>
    </row>
    <row r="23713" spans="1:43">
      <c r="A23713" t="s">
        <v>14683</v>
      </c>
      <c r="B23713" t="s">
        <v>14684</v>
      </c>
      <c r="C23713" t="s">
        <v>14675</v>
      </c>
      <c r="D23713" t="s">
        <v>14676</v>
      </c>
      <c r="E23713" t="s">
        <v>14535</v>
      </c>
      <c r="F23713" t="s">
        <v>14536</v>
      </c>
      <c r="G23713" t="s">
        <v>10734</v>
      </c>
      <c r="H23713" t="s">
        <v>10735</v>
      </c>
      <c r="I23713" s="2">
        <v>1</v>
      </c>
      <c r="J23713" s="2">
        <v>0</v>
      </c>
      <c r="K23713" s="2">
        <v>0</v>
      </c>
      <c r="L23713" t="s">
        <v>120</v>
      </c>
      <c r="M23713" t="s">
        <v>83</v>
      </c>
      <c r="N23713" t="s">
        <v>91</v>
      </c>
      <c r="O23713" t="s">
        <v>85</v>
      </c>
      <c r="P23713" t="s">
        <v>86</v>
      </c>
      <c r="Q23713">
        <v>14</v>
      </c>
      <c r="R23713">
        <v>14</v>
      </c>
      <c r="S23713">
        <v>14</v>
      </c>
      <c r="T23713">
        <v>14</v>
      </c>
      <c r="U23713">
        <v>14</v>
      </c>
      <c r="V23713">
        <v>14</v>
      </c>
      <c r="W23713">
        <v>14</v>
      </c>
      <c r="X23713">
        <v>14</v>
      </c>
      <c r="Y23713">
        <v>15</v>
      </c>
      <c r="Z23713">
        <v>15</v>
      </c>
      <c r="AA23713">
        <v>15</v>
      </c>
      <c r="AB23713">
        <v>15</v>
      </c>
      <c r="AC23713">
        <v>15</v>
      </c>
      <c r="AD23713">
        <v>15</v>
      </c>
      <c r="AE23713">
        <v>15</v>
      </c>
      <c r="AF23713">
        <v>15</v>
      </c>
      <c r="AG23713">
        <v>15</v>
      </c>
      <c r="AH23713">
        <v>15</v>
      </c>
      <c r="AI23713">
        <v>15</v>
      </c>
      <c r="AJ23713">
        <v>15</v>
      </c>
      <c r="AK23713">
        <v>15</v>
      </c>
      <c r="AL23713">
        <v>15</v>
      </c>
      <c r="AM23713">
        <v>15</v>
      </c>
      <c r="AN23713">
        <v>15</v>
      </c>
      <c r="AO23713">
        <v>15</v>
      </c>
      <c r="AP23713">
        <v>14</v>
      </c>
      <c r="AQ23713">
        <v>14</v>
      </c>
    </row>
    <row r="23714" spans="1:43">
      <c r="A23714" t="s">
        <v>14685</v>
      </c>
      <c r="B23714" t="s">
        <v>14686</v>
      </c>
      <c r="C23714" t="s">
        <v>14687</v>
      </c>
      <c r="D23714" t="s">
        <v>14688</v>
      </c>
      <c r="E23714" t="s">
        <v>14535</v>
      </c>
      <c r="F23714" t="s">
        <v>14536</v>
      </c>
      <c r="G23714" t="s">
        <v>10734</v>
      </c>
      <c r="H23714" t="s">
        <v>10735</v>
      </c>
      <c r="I23714" s="2">
        <v>1</v>
      </c>
      <c r="J23714" s="2">
        <v>0</v>
      </c>
      <c r="K23714" s="2">
        <v>0</v>
      </c>
      <c r="L23714" t="s">
        <v>120</v>
      </c>
      <c r="M23714" t="s">
        <v>83</v>
      </c>
      <c r="N23714" t="s">
        <v>84</v>
      </c>
      <c r="O23714" t="s">
        <v>85</v>
      </c>
      <c r="P23714" t="s">
        <v>86</v>
      </c>
      <c r="Q23714">
        <v>19</v>
      </c>
      <c r="R23714">
        <v>19</v>
      </c>
      <c r="S23714">
        <v>19</v>
      </c>
      <c r="T23714">
        <v>19</v>
      </c>
      <c r="U23714">
        <v>19</v>
      </c>
      <c r="V23714">
        <v>20</v>
      </c>
      <c r="W23714">
        <v>20</v>
      </c>
      <c r="X23714">
        <v>20</v>
      </c>
      <c r="Y23714">
        <v>20</v>
      </c>
      <c r="Z23714">
        <v>20</v>
      </c>
      <c r="AA23714">
        <v>20</v>
      </c>
      <c r="AB23714">
        <v>20</v>
      </c>
      <c r="AC23714">
        <v>20</v>
      </c>
      <c r="AD23714">
        <v>20</v>
      </c>
      <c r="AE23714">
        <v>20</v>
      </c>
      <c r="AF23714">
        <v>20</v>
      </c>
      <c r="AG23714">
        <v>20</v>
      </c>
      <c r="AH23714">
        <v>20</v>
      </c>
      <c r="AI23714">
        <v>20</v>
      </c>
      <c r="AJ23714">
        <v>20</v>
      </c>
      <c r="AK23714">
        <v>20</v>
      </c>
      <c r="AL23714">
        <v>20</v>
      </c>
      <c r="AM23714">
        <v>20</v>
      </c>
      <c r="AN23714">
        <v>20</v>
      </c>
      <c r="AO23714">
        <v>20</v>
      </c>
      <c r="AP23714">
        <v>20</v>
      </c>
      <c r="AQ23714">
        <v>20</v>
      </c>
    </row>
    <row r="23715" spans="1:43">
      <c r="A23715" t="s">
        <v>14685</v>
      </c>
      <c r="B23715" t="s">
        <v>14686</v>
      </c>
      <c r="C23715" t="s">
        <v>14687</v>
      </c>
      <c r="D23715" t="s">
        <v>14688</v>
      </c>
      <c r="E23715" t="s">
        <v>14535</v>
      </c>
      <c r="F23715" t="s">
        <v>14536</v>
      </c>
      <c r="G23715" t="s">
        <v>10734</v>
      </c>
      <c r="H23715" t="s">
        <v>10735</v>
      </c>
      <c r="I23715" s="2">
        <v>1</v>
      </c>
      <c r="J23715" s="2">
        <v>0</v>
      </c>
      <c r="K23715" s="2">
        <v>0</v>
      </c>
      <c r="L23715" t="s">
        <v>120</v>
      </c>
      <c r="M23715" t="s">
        <v>87</v>
      </c>
      <c r="N23715" t="s">
        <v>88</v>
      </c>
      <c r="O23715" t="s">
        <v>85</v>
      </c>
      <c r="P23715" t="s">
        <v>86</v>
      </c>
      <c r="Q23715">
        <v>19</v>
      </c>
      <c r="R23715">
        <v>19</v>
      </c>
      <c r="S23715">
        <v>19</v>
      </c>
      <c r="T23715">
        <v>19</v>
      </c>
      <c r="U23715">
        <v>19</v>
      </c>
      <c r="V23715">
        <v>19</v>
      </c>
      <c r="W23715">
        <v>18</v>
      </c>
      <c r="X23715">
        <v>18</v>
      </c>
      <c r="Y23715">
        <v>18</v>
      </c>
      <c r="Z23715">
        <v>18</v>
      </c>
      <c r="AA23715">
        <v>18</v>
      </c>
      <c r="AB23715">
        <v>18</v>
      </c>
      <c r="AC23715">
        <v>18</v>
      </c>
      <c r="AD23715">
        <v>18</v>
      </c>
      <c r="AE23715">
        <v>18</v>
      </c>
      <c r="AF23715">
        <v>18</v>
      </c>
      <c r="AG23715">
        <v>18</v>
      </c>
      <c r="AH23715">
        <v>18</v>
      </c>
      <c r="AI23715">
        <v>18</v>
      </c>
      <c r="AJ23715">
        <v>18</v>
      </c>
      <c r="AK23715">
        <v>18</v>
      </c>
      <c r="AL23715">
        <v>18</v>
      </c>
      <c r="AM23715">
        <v>18</v>
      </c>
      <c r="AN23715">
        <v>18</v>
      </c>
      <c r="AO23715">
        <v>18</v>
      </c>
      <c r="AP23715">
        <v>18</v>
      </c>
      <c r="AQ23715">
        <v>17</v>
      </c>
    </row>
    <row r="23716" spans="1:43">
      <c r="A23716" t="s">
        <v>14685</v>
      </c>
      <c r="B23716" t="s">
        <v>14686</v>
      </c>
      <c r="C23716" t="s">
        <v>14687</v>
      </c>
      <c r="D23716" t="s">
        <v>14688</v>
      </c>
      <c r="E23716" t="s">
        <v>14535</v>
      </c>
      <c r="F23716" t="s">
        <v>14536</v>
      </c>
      <c r="G23716" t="s">
        <v>10734</v>
      </c>
      <c r="H23716" t="s">
        <v>10735</v>
      </c>
      <c r="I23716" s="2">
        <v>1</v>
      </c>
      <c r="J23716" s="2">
        <v>0</v>
      </c>
      <c r="K23716" s="2">
        <v>0</v>
      </c>
      <c r="L23716" t="s">
        <v>120</v>
      </c>
      <c r="M23716" t="s">
        <v>89</v>
      </c>
      <c r="N23716" t="s">
        <v>90</v>
      </c>
      <c r="O23716" t="s">
        <v>85</v>
      </c>
      <c r="P23716" t="s">
        <v>86</v>
      </c>
      <c r="Q23716">
        <v>19</v>
      </c>
      <c r="R23716">
        <v>20</v>
      </c>
      <c r="S23716">
        <v>20</v>
      </c>
      <c r="T23716">
        <v>20</v>
      </c>
      <c r="U23716">
        <v>20</v>
      </c>
      <c r="V23716">
        <v>20</v>
      </c>
      <c r="W23716">
        <v>21</v>
      </c>
      <c r="X23716">
        <v>21</v>
      </c>
      <c r="Y23716">
        <v>21</v>
      </c>
      <c r="Z23716">
        <v>21</v>
      </c>
      <c r="AA23716">
        <v>21</v>
      </c>
      <c r="AB23716">
        <v>21</v>
      </c>
      <c r="AC23716">
        <v>21</v>
      </c>
      <c r="AD23716">
        <v>21</v>
      </c>
      <c r="AE23716">
        <v>21</v>
      </c>
      <c r="AF23716">
        <v>21</v>
      </c>
      <c r="AG23716">
        <v>21</v>
      </c>
      <c r="AH23716">
        <v>21</v>
      </c>
      <c r="AI23716">
        <v>21</v>
      </c>
      <c r="AJ23716">
        <v>21</v>
      </c>
      <c r="AK23716">
        <v>21</v>
      </c>
      <c r="AL23716">
        <v>20</v>
      </c>
      <c r="AM23716">
        <v>20</v>
      </c>
      <c r="AN23716">
        <v>20</v>
      </c>
      <c r="AO23716">
        <v>20</v>
      </c>
      <c r="AP23716">
        <v>20</v>
      </c>
      <c r="AQ23716">
        <v>20</v>
      </c>
    </row>
    <row r="23717" spans="1:43">
      <c r="A23717" t="s">
        <v>14685</v>
      </c>
      <c r="B23717" t="s">
        <v>14686</v>
      </c>
      <c r="C23717" t="s">
        <v>14687</v>
      </c>
      <c r="D23717" t="s">
        <v>14688</v>
      </c>
      <c r="E23717" t="s">
        <v>14535</v>
      </c>
      <c r="F23717" t="s">
        <v>14536</v>
      </c>
      <c r="G23717" t="s">
        <v>10734</v>
      </c>
      <c r="H23717" t="s">
        <v>10735</v>
      </c>
      <c r="I23717" s="2">
        <v>1</v>
      </c>
      <c r="J23717" s="2">
        <v>0</v>
      </c>
      <c r="K23717" s="2">
        <v>0</v>
      </c>
      <c r="L23717" t="s">
        <v>120</v>
      </c>
      <c r="M23717" t="s">
        <v>83</v>
      </c>
      <c r="N23717" t="s">
        <v>91</v>
      </c>
      <c r="O23717" t="s">
        <v>85</v>
      </c>
      <c r="P23717" t="s">
        <v>86</v>
      </c>
      <c r="Q23717">
        <v>19</v>
      </c>
      <c r="R23717">
        <v>19</v>
      </c>
      <c r="S23717">
        <v>19</v>
      </c>
      <c r="T23717">
        <v>19</v>
      </c>
      <c r="U23717">
        <v>19</v>
      </c>
      <c r="V23717">
        <v>20</v>
      </c>
      <c r="W23717">
        <v>20</v>
      </c>
      <c r="X23717">
        <v>20</v>
      </c>
      <c r="Y23717">
        <v>20</v>
      </c>
      <c r="Z23717">
        <v>20</v>
      </c>
      <c r="AA23717">
        <v>20</v>
      </c>
      <c r="AB23717">
        <v>20</v>
      </c>
      <c r="AC23717">
        <v>20</v>
      </c>
      <c r="AD23717">
        <v>20</v>
      </c>
      <c r="AE23717">
        <v>20</v>
      </c>
      <c r="AF23717">
        <v>20</v>
      </c>
      <c r="AG23717">
        <v>20</v>
      </c>
      <c r="AH23717">
        <v>20</v>
      </c>
      <c r="AI23717">
        <v>20</v>
      </c>
      <c r="AJ23717">
        <v>20</v>
      </c>
      <c r="AK23717">
        <v>20</v>
      </c>
      <c r="AL23717">
        <v>20</v>
      </c>
      <c r="AM23717">
        <v>20</v>
      </c>
      <c r="AN23717">
        <v>20</v>
      </c>
      <c r="AO23717">
        <v>20</v>
      </c>
      <c r="AP23717">
        <v>20</v>
      </c>
      <c r="AQ23717">
        <v>20</v>
      </c>
    </row>
    <row r="23718" spans="1:43">
      <c r="A23718" t="s">
        <v>14689</v>
      </c>
      <c r="B23718" t="s">
        <v>14690</v>
      </c>
      <c r="C23718" t="s">
        <v>14691</v>
      </c>
      <c r="D23718" t="s">
        <v>14692</v>
      </c>
      <c r="E23718" t="s">
        <v>14535</v>
      </c>
      <c r="F23718" t="s">
        <v>14536</v>
      </c>
      <c r="G23718" t="s">
        <v>10734</v>
      </c>
      <c r="H23718" t="s">
        <v>10735</v>
      </c>
      <c r="I23718" s="2">
        <v>1</v>
      </c>
      <c r="J23718" s="2">
        <v>0</v>
      </c>
      <c r="K23718" s="2">
        <v>0</v>
      </c>
      <c r="L23718" t="s">
        <v>120</v>
      </c>
      <c r="M23718" t="s">
        <v>83</v>
      </c>
      <c r="N23718" t="s">
        <v>84</v>
      </c>
      <c r="O23718" t="s">
        <v>85</v>
      </c>
      <c r="P23718" t="s">
        <v>86</v>
      </c>
      <c r="Q23718">
        <v>7</v>
      </c>
      <c r="R23718">
        <v>7</v>
      </c>
      <c r="S23718">
        <v>7</v>
      </c>
      <c r="T23718">
        <v>7</v>
      </c>
      <c r="U23718">
        <v>7</v>
      </c>
      <c r="V23718">
        <v>7</v>
      </c>
      <c r="W23718">
        <v>7</v>
      </c>
      <c r="X23718">
        <v>7</v>
      </c>
      <c r="Y23718">
        <v>7</v>
      </c>
      <c r="Z23718">
        <v>7</v>
      </c>
      <c r="AA23718">
        <v>7</v>
      </c>
      <c r="AB23718">
        <v>7</v>
      </c>
      <c r="AC23718">
        <v>7</v>
      </c>
      <c r="AD23718">
        <v>7</v>
      </c>
      <c r="AE23718">
        <v>7</v>
      </c>
      <c r="AF23718">
        <v>7</v>
      </c>
      <c r="AG23718">
        <v>8</v>
      </c>
      <c r="AH23718">
        <v>8</v>
      </c>
      <c r="AI23718">
        <v>8</v>
      </c>
      <c r="AJ23718">
        <v>8</v>
      </c>
      <c r="AK23718">
        <v>8</v>
      </c>
      <c r="AL23718">
        <v>7</v>
      </c>
      <c r="AM23718">
        <v>7</v>
      </c>
      <c r="AN23718">
        <v>7</v>
      </c>
      <c r="AO23718">
        <v>7</v>
      </c>
      <c r="AP23718">
        <v>7</v>
      </c>
      <c r="AQ23718">
        <v>7</v>
      </c>
    </row>
    <row r="23719" spans="1:43">
      <c r="A23719" t="s">
        <v>14689</v>
      </c>
      <c r="B23719" t="s">
        <v>14690</v>
      </c>
      <c r="C23719" t="s">
        <v>14691</v>
      </c>
      <c r="D23719" t="s">
        <v>14692</v>
      </c>
      <c r="E23719" t="s">
        <v>14535</v>
      </c>
      <c r="F23719" t="s">
        <v>14536</v>
      </c>
      <c r="G23719" t="s">
        <v>10734</v>
      </c>
      <c r="H23719" t="s">
        <v>10735</v>
      </c>
      <c r="I23719" s="2">
        <v>1</v>
      </c>
      <c r="J23719" s="2">
        <v>0</v>
      </c>
      <c r="K23719" s="2">
        <v>0</v>
      </c>
      <c r="L23719" t="s">
        <v>120</v>
      </c>
      <c r="M23719" t="s">
        <v>87</v>
      </c>
      <c r="N23719" t="s">
        <v>88</v>
      </c>
      <c r="O23719" t="s">
        <v>85</v>
      </c>
      <c r="P23719" t="s">
        <v>86</v>
      </c>
      <c r="Q23719">
        <v>7</v>
      </c>
      <c r="R23719">
        <v>7</v>
      </c>
      <c r="S23719">
        <v>7</v>
      </c>
      <c r="T23719">
        <v>7</v>
      </c>
      <c r="U23719">
        <v>7</v>
      </c>
      <c r="V23719">
        <v>7</v>
      </c>
      <c r="W23719">
        <v>7</v>
      </c>
      <c r="X23719">
        <v>7</v>
      </c>
      <c r="Y23719">
        <v>7</v>
      </c>
      <c r="Z23719">
        <v>7</v>
      </c>
      <c r="AA23719">
        <v>7</v>
      </c>
      <c r="AB23719">
        <v>7</v>
      </c>
      <c r="AC23719">
        <v>7</v>
      </c>
      <c r="AD23719">
        <v>7</v>
      </c>
      <c r="AE23719">
        <v>7</v>
      </c>
      <c r="AF23719">
        <v>7</v>
      </c>
      <c r="AG23719">
        <v>7</v>
      </c>
      <c r="AH23719">
        <v>7</v>
      </c>
      <c r="AI23719">
        <v>7</v>
      </c>
      <c r="AJ23719">
        <v>6</v>
      </c>
      <c r="AK23719">
        <v>6</v>
      </c>
      <c r="AL23719">
        <v>6</v>
      </c>
      <c r="AM23719">
        <v>6</v>
      </c>
      <c r="AN23719">
        <v>6</v>
      </c>
      <c r="AO23719">
        <v>6</v>
      </c>
      <c r="AP23719">
        <v>6</v>
      </c>
      <c r="AQ23719">
        <v>6</v>
      </c>
    </row>
    <row r="23720" spans="1:43">
      <c r="A23720" t="s">
        <v>14689</v>
      </c>
      <c r="B23720" t="s">
        <v>14690</v>
      </c>
      <c r="C23720" t="s">
        <v>14691</v>
      </c>
      <c r="D23720" t="s">
        <v>14692</v>
      </c>
      <c r="E23720" t="s">
        <v>14535</v>
      </c>
      <c r="F23720" t="s">
        <v>14536</v>
      </c>
      <c r="G23720" t="s">
        <v>10734</v>
      </c>
      <c r="H23720" t="s">
        <v>10735</v>
      </c>
      <c r="I23720" s="2">
        <v>1</v>
      </c>
      <c r="J23720" s="2">
        <v>0</v>
      </c>
      <c r="K23720" s="2">
        <v>0</v>
      </c>
      <c r="L23720" t="s">
        <v>120</v>
      </c>
      <c r="M23720" t="s">
        <v>89</v>
      </c>
      <c r="N23720" t="s">
        <v>90</v>
      </c>
      <c r="O23720" t="s">
        <v>85</v>
      </c>
      <c r="P23720" t="s">
        <v>86</v>
      </c>
      <c r="Q23720">
        <v>7</v>
      </c>
      <c r="R23720">
        <v>7</v>
      </c>
      <c r="S23720">
        <v>8</v>
      </c>
      <c r="T23720">
        <v>8</v>
      </c>
      <c r="U23720">
        <v>8</v>
      </c>
      <c r="V23720">
        <v>8</v>
      </c>
      <c r="W23720">
        <v>8</v>
      </c>
      <c r="X23720">
        <v>8</v>
      </c>
      <c r="Y23720">
        <v>8</v>
      </c>
      <c r="Z23720">
        <v>8</v>
      </c>
      <c r="AA23720">
        <v>8</v>
      </c>
      <c r="AB23720">
        <v>8</v>
      </c>
      <c r="AC23720">
        <v>8</v>
      </c>
      <c r="AD23720">
        <v>8</v>
      </c>
      <c r="AE23720">
        <v>8</v>
      </c>
      <c r="AF23720">
        <v>8</v>
      </c>
      <c r="AG23720">
        <v>8</v>
      </c>
      <c r="AH23720">
        <v>8</v>
      </c>
      <c r="AI23720">
        <v>8</v>
      </c>
      <c r="AJ23720">
        <v>8</v>
      </c>
      <c r="AK23720">
        <v>8</v>
      </c>
      <c r="AL23720">
        <v>8</v>
      </c>
      <c r="AM23720">
        <v>8</v>
      </c>
      <c r="AN23720">
        <v>7</v>
      </c>
      <c r="AO23720">
        <v>7</v>
      </c>
      <c r="AP23720">
        <v>7</v>
      </c>
      <c r="AQ23720">
        <v>7</v>
      </c>
    </row>
    <row r="23721" spans="1:43">
      <c r="A23721" t="s">
        <v>14689</v>
      </c>
      <c r="B23721" t="s">
        <v>14690</v>
      </c>
      <c r="C23721" t="s">
        <v>14691</v>
      </c>
      <c r="D23721" t="s">
        <v>14692</v>
      </c>
      <c r="E23721" t="s">
        <v>14535</v>
      </c>
      <c r="F23721" t="s">
        <v>14536</v>
      </c>
      <c r="G23721" t="s">
        <v>10734</v>
      </c>
      <c r="H23721" t="s">
        <v>10735</v>
      </c>
      <c r="I23721" s="2">
        <v>1</v>
      </c>
      <c r="J23721" s="2">
        <v>0</v>
      </c>
      <c r="K23721" s="2">
        <v>0</v>
      </c>
      <c r="L23721" t="s">
        <v>120</v>
      </c>
      <c r="M23721" t="s">
        <v>83</v>
      </c>
      <c r="N23721" t="s">
        <v>91</v>
      </c>
      <c r="O23721" t="s">
        <v>85</v>
      </c>
      <c r="P23721" t="s">
        <v>86</v>
      </c>
      <c r="Q23721">
        <v>7</v>
      </c>
      <c r="R23721">
        <v>7</v>
      </c>
      <c r="S23721">
        <v>7</v>
      </c>
      <c r="T23721">
        <v>7</v>
      </c>
      <c r="U23721">
        <v>7</v>
      </c>
      <c r="V23721">
        <v>7</v>
      </c>
      <c r="W23721">
        <v>7</v>
      </c>
      <c r="X23721">
        <v>7</v>
      </c>
      <c r="Y23721">
        <v>7</v>
      </c>
      <c r="Z23721">
        <v>7</v>
      </c>
      <c r="AA23721">
        <v>7</v>
      </c>
      <c r="AB23721">
        <v>7</v>
      </c>
      <c r="AC23721">
        <v>7</v>
      </c>
      <c r="AD23721">
        <v>7</v>
      </c>
      <c r="AE23721">
        <v>7</v>
      </c>
      <c r="AF23721">
        <v>7</v>
      </c>
      <c r="AG23721">
        <v>8</v>
      </c>
      <c r="AH23721">
        <v>8</v>
      </c>
      <c r="AI23721">
        <v>8</v>
      </c>
      <c r="AJ23721">
        <v>8</v>
      </c>
      <c r="AK23721">
        <v>8</v>
      </c>
      <c r="AL23721">
        <v>7</v>
      </c>
      <c r="AM23721">
        <v>7</v>
      </c>
      <c r="AN23721">
        <v>7</v>
      </c>
      <c r="AO23721">
        <v>7</v>
      </c>
      <c r="AP23721">
        <v>7</v>
      </c>
      <c r="AQ23721">
        <v>7</v>
      </c>
    </row>
    <row r="23722" spans="1:43">
      <c r="A23722" t="s">
        <v>14693</v>
      </c>
      <c r="B23722" t="s">
        <v>14694</v>
      </c>
      <c r="C23722" t="s">
        <v>14621</v>
      </c>
      <c r="D23722" t="s">
        <v>14622</v>
      </c>
      <c r="E23722" t="s">
        <v>14535</v>
      </c>
      <c r="F23722" t="s">
        <v>14536</v>
      </c>
      <c r="G23722" t="s">
        <v>10734</v>
      </c>
      <c r="H23722" t="s">
        <v>10735</v>
      </c>
      <c r="I23722" s="2">
        <v>1</v>
      </c>
      <c r="J23722" s="2">
        <v>0</v>
      </c>
      <c r="K23722" s="2">
        <v>0</v>
      </c>
      <c r="L23722" t="s">
        <v>120</v>
      </c>
      <c r="M23722" t="s">
        <v>83</v>
      </c>
      <c r="N23722" t="s">
        <v>84</v>
      </c>
      <c r="O23722" t="s">
        <v>85</v>
      </c>
      <c r="P23722" t="s">
        <v>86</v>
      </c>
      <c r="Q23722">
        <v>19</v>
      </c>
      <c r="R23722">
        <v>19</v>
      </c>
      <c r="S23722">
        <v>19</v>
      </c>
      <c r="T23722">
        <v>19</v>
      </c>
      <c r="U23722">
        <v>19</v>
      </c>
      <c r="V23722">
        <v>20</v>
      </c>
      <c r="W23722">
        <v>20</v>
      </c>
      <c r="X23722">
        <v>20</v>
      </c>
      <c r="Y23722">
        <v>20</v>
      </c>
      <c r="Z23722">
        <v>20</v>
      </c>
      <c r="AA23722">
        <v>20</v>
      </c>
      <c r="AB23722">
        <v>20</v>
      </c>
      <c r="AC23722">
        <v>20</v>
      </c>
      <c r="AD23722">
        <v>20</v>
      </c>
      <c r="AE23722">
        <v>20</v>
      </c>
      <c r="AF23722">
        <v>20</v>
      </c>
      <c r="AG23722">
        <v>20</v>
      </c>
      <c r="AH23722">
        <v>20</v>
      </c>
      <c r="AI23722">
        <v>20</v>
      </c>
      <c r="AJ23722">
        <v>20</v>
      </c>
      <c r="AK23722">
        <v>20</v>
      </c>
      <c r="AL23722">
        <v>20</v>
      </c>
      <c r="AM23722">
        <v>20</v>
      </c>
      <c r="AN23722">
        <v>20</v>
      </c>
      <c r="AO23722">
        <v>19</v>
      </c>
      <c r="AP23722">
        <v>19</v>
      </c>
      <c r="AQ23722">
        <v>19</v>
      </c>
    </row>
    <row r="23723" spans="1:43">
      <c r="A23723" t="s">
        <v>14693</v>
      </c>
      <c r="B23723" t="s">
        <v>14694</v>
      </c>
      <c r="C23723" t="s">
        <v>14621</v>
      </c>
      <c r="D23723" t="s">
        <v>14622</v>
      </c>
      <c r="E23723" t="s">
        <v>14535</v>
      </c>
      <c r="F23723" t="s">
        <v>14536</v>
      </c>
      <c r="G23723" t="s">
        <v>10734</v>
      </c>
      <c r="H23723" t="s">
        <v>10735</v>
      </c>
      <c r="I23723" s="2">
        <v>1</v>
      </c>
      <c r="J23723" s="2">
        <v>0</v>
      </c>
      <c r="K23723" s="2">
        <v>0</v>
      </c>
      <c r="L23723" t="s">
        <v>120</v>
      </c>
      <c r="M23723" t="s">
        <v>87</v>
      </c>
      <c r="N23723" t="s">
        <v>88</v>
      </c>
      <c r="O23723" t="s">
        <v>85</v>
      </c>
      <c r="P23723" t="s">
        <v>86</v>
      </c>
      <c r="Q23723">
        <v>19</v>
      </c>
      <c r="R23723">
        <v>19</v>
      </c>
      <c r="S23723">
        <v>19</v>
      </c>
      <c r="T23723">
        <v>19</v>
      </c>
      <c r="U23723">
        <v>19</v>
      </c>
      <c r="V23723">
        <v>18</v>
      </c>
      <c r="W23723">
        <v>18</v>
      </c>
      <c r="X23723">
        <v>18</v>
      </c>
      <c r="Y23723">
        <v>18</v>
      </c>
      <c r="Z23723">
        <v>18</v>
      </c>
      <c r="AA23723">
        <v>18</v>
      </c>
      <c r="AB23723">
        <v>18</v>
      </c>
      <c r="AC23723">
        <v>18</v>
      </c>
      <c r="AD23723">
        <v>18</v>
      </c>
      <c r="AE23723">
        <v>18</v>
      </c>
      <c r="AF23723">
        <v>17</v>
      </c>
      <c r="AG23723">
        <v>17</v>
      </c>
      <c r="AH23723">
        <v>17</v>
      </c>
      <c r="AI23723">
        <v>17</v>
      </c>
      <c r="AJ23723">
        <v>17</v>
      </c>
      <c r="AK23723">
        <v>17</v>
      </c>
      <c r="AL23723">
        <v>17</v>
      </c>
      <c r="AM23723">
        <v>17</v>
      </c>
      <c r="AN23723">
        <v>17</v>
      </c>
      <c r="AO23723">
        <v>17</v>
      </c>
      <c r="AP23723">
        <v>17</v>
      </c>
      <c r="AQ23723">
        <v>17</v>
      </c>
    </row>
    <row r="23724" spans="1:43">
      <c r="A23724" t="s">
        <v>14693</v>
      </c>
      <c r="B23724" t="s">
        <v>14694</v>
      </c>
      <c r="C23724" t="s">
        <v>14621</v>
      </c>
      <c r="D23724" t="s">
        <v>14622</v>
      </c>
      <c r="E23724" t="s">
        <v>14535</v>
      </c>
      <c r="F23724" t="s">
        <v>14536</v>
      </c>
      <c r="G23724" t="s">
        <v>10734</v>
      </c>
      <c r="H23724" t="s">
        <v>10735</v>
      </c>
      <c r="I23724" s="2">
        <v>1</v>
      </c>
      <c r="J23724" s="2">
        <v>0</v>
      </c>
      <c r="K23724" s="2">
        <v>0</v>
      </c>
      <c r="L23724" t="s">
        <v>120</v>
      </c>
      <c r="M23724" t="s">
        <v>89</v>
      </c>
      <c r="N23724" t="s">
        <v>90</v>
      </c>
      <c r="O23724" t="s">
        <v>85</v>
      </c>
      <c r="P23724" t="s">
        <v>86</v>
      </c>
      <c r="Q23724">
        <v>19</v>
      </c>
      <c r="R23724">
        <v>20</v>
      </c>
      <c r="S23724">
        <v>20</v>
      </c>
      <c r="T23724">
        <v>20</v>
      </c>
      <c r="U23724">
        <v>20</v>
      </c>
      <c r="V23724">
        <v>20</v>
      </c>
      <c r="W23724">
        <v>21</v>
      </c>
      <c r="X23724">
        <v>21</v>
      </c>
      <c r="Y23724">
        <v>21</v>
      </c>
      <c r="Z23724">
        <v>21</v>
      </c>
      <c r="AA23724">
        <v>21</v>
      </c>
      <c r="AB23724">
        <v>21</v>
      </c>
      <c r="AC23724">
        <v>21</v>
      </c>
      <c r="AD23724">
        <v>21</v>
      </c>
      <c r="AE23724">
        <v>21</v>
      </c>
      <c r="AF23724">
        <v>21</v>
      </c>
      <c r="AG23724">
        <v>21</v>
      </c>
      <c r="AH23724">
        <v>21</v>
      </c>
      <c r="AI23724">
        <v>21</v>
      </c>
      <c r="AJ23724">
        <v>20</v>
      </c>
      <c r="AK23724">
        <v>20</v>
      </c>
      <c r="AL23724">
        <v>20</v>
      </c>
      <c r="AM23724">
        <v>20</v>
      </c>
      <c r="AN23724">
        <v>20</v>
      </c>
      <c r="AO23724">
        <v>20</v>
      </c>
      <c r="AP23724">
        <v>19</v>
      </c>
      <c r="AQ23724">
        <v>19</v>
      </c>
    </row>
    <row r="23725" spans="1:43">
      <c r="A23725" t="s">
        <v>14693</v>
      </c>
      <c r="B23725" t="s">
        <v>14694</v>
      </c>
      <c r="C23725" t="s">
        <v>14621</v>
      </c>
      <c r="D23725" t="s">
        <v>14622</v>
      </c>
      <c r="E23725" t="s">
        <v>14535</v>
      </c>
      <c r="F23725" t="s">
        <v>14536</v>
      </c>
      <c r="G23725" t="s">
        <v>10734</v>
      </c>
      <c r="H23725" t="s">
        <v>10735</v>
      </c>
      <c r="I23725" s="2">
        <v>1</v>
      </c>
      <c r="J23725" s="2">
        <v>0</v>
      </c>
      <c r="K23725" s="2">
        <v>0</v>
      </c>
      <c r="L23725" t="s">
        <v>120</v>
      </c>
      <c r="M23725" t="s">
        <v>83</v>
      </c>
      <c r="N23725" t="s">
        <v>91</v>
      </c>
      <c r="O23725" t="s">
        <v>85</v>
      </c>
      <c r="P23725" t="s">
        <v>86</v>
      </c>
      <c r="Q23725">
        <v>19</v>
      </c>
      <c r="R23725">
        <v>19</v>
      </c>
      <c r="S23725">
        <v>19</v>
      </c>
      <c r="T23725">
        <v>19</v>
      </c>
      <c r="U23725">
        <v>19</v>
      </c>
      <c r="V23725">
        <v>20</v>
      </c>
      <c r="W23725">
        <v>20</v>
      </c>
      <c r="X23725">
        <v>20</v>
      </c>
      <c r="Y23725">
        <v>20</v>
      </c>
      <c r="Z23725">
        <v>20</v>
      </c>
      <c r="AA23725">
        <v>20</v>
      </c>
      <c r="AB23725">
        <v>20</v>
      </c>
      <c r="AC23725">
        <v>20</v>
      </c>
      <c r="AD23725">
        <v>20</v>
      </c>
      <c r="AE23725">
        <v>20</v>
      </c>
      <c r="AF23725">
        <v>20</v>
      </c>
      <c r="AG23725">
        <v>20</v>
      </c>
      <c r="AH23725">
        <v>20</v>
      </c>
      <c r="AI23725">
        <v>20</v>
      </c>
      <c r="AJ23725">
        <v>20</v>
      </c>
      <c r="AK23725">
        <v>20</v>
      </c>
      <c r="AL23725">
        <v>20</v>
      </c>
      <c r="AM23725">
        <v>20</v>
      </c>
      <c r="AN23725">
        <v>20</v>
      </c>
      <c r="AO23725">
        <v>19</v>
      </c>
      <c r="AP23725">
        <v>19</v>
      </c>
      <c r="AQ23725">
        <v>19</v>
      </c>
    </row>
    <row r="23726" spans="1:43">
      <c r="A23726" t="s">
        <v>14695</v>
      </c>
      <c r="B23726" t="s">
        <v>14696</v>
      </c>
      <c r="C23726" t="s">
        <v>14691</v>
      </c>
      <c r="D23726" t="s">
        <v>14692</v>
      </c>
      <c r="E23726" t="s">
        <v>14535</v>
      </c>
      <c r="F23726" t="s">
        <v>14536</v>
      </c>
      <c r="G23726" t="s">
        <v>10734</v>
      </c>
      <c r="H23726" t="s">
        <v>10735</v>
      </c>
      <c r="I23726" s="2">
        <v>1</v>
      </c>
      <c r="J23726" s="2">
        <v>0</v>
      </c>
      <c r="K23726" s="2">
        <v>0</v>
      </c>
      <c r="L23726" t="s">
        <v>120</v>
      </c>
      <c r="M23726" t="s">
        <v>83</v>
      </c>
      <c r="N23726" t="s">
        <v>84</v>
      </c>
      <c r="O23726" t="s">
        <v>85</v>
      </c>
      <c r="P23726" t="s">
        <v>86</v>
      </c>
      <c r="Q23726">
        <v>16</v>
      </c>
      <c r="R23726">
        <v>16</v>
      </c>
      <c r="S23726">
        <v>16</v>
      </c>
      <c r="T23726">
        <v>17</v>
      </c>
      <c r="U23726">
        <v>17</v>
      </c>
      <c r="V23726">
        <v>17</v>
      </c>
      <c r="W23726">
        <v>17</v>
      </c>
      <c r="X23726">
        <v>17</v>
      </c>
      <c r="Y23726">
        <v>17</v>
      </c>
      <c r="Z23726">
        <v>17</v>
      </c>
      <c r="AA23726">
        <v>17</v>
      </c>
      <c r="AB23726">
        <v>17</v>
      </c>
      <c r="AC23726">
        <v>17</v>
      </c>
      <c r="AD23726">
        <v>17</v>
      </c>
      <c r="AE23726">
        <v>17</v>
      </c>
      <c r="AF23726">
        <v>17</v>
      </c>
      <c r="AG23726">
        <v>17</v>
      </c>
      <c r="AH23726">
        <v>17</v>
      </c>
      <c r="AI23726">
        <v>17</v>
      </c>
      <c r="AJ23726">
        <v>17</v>
      </c>
      <c r="AK23726">
        <v>17</v>
      </c>
      <c r="AL23726">
        <v>17</v>
      </c>
      <c r="AM23726">
        <v>17</v>
      </c>
      <c r="AN23726">
        <v>17</v>
      </c>
      <c r="AO23726">
        <v>16</v>
      </c>
      <c r="AP23726">
        <v>16</v>
      </c>
      <c r="AQ23726">
        <v>16</v>
      </c>
    </row>
    <row r="23727" spans="1:43">
      <c r="A23727" t="s">
        <v>14695</v>
      </c>
      <c r="B23727" t="s">
        <v>14696</v>
      </c>
      <c r="C23727" t="s">
        <v>14691</v>
      </c>
      <c r="D23727" t="s">
        <v>14692</v>
      </c>
      <c r="E23727" t="s">
        <v>14535</v>
      </c>
      <c r="F23727" t="s">
        <v>14536</v>
      </c>
      <c r="G23727" t="s">
        <v>10734</v>
      </c>
      <c r="H23727" t="s">
        <v>10735</v>
      </c>
      <c r="I23727" s="2">
        <v>1</v>
      </c>
      <c r="J23727" s="2">
        <v>0</v>
      </c>
      <c r="K23727" s="2">
        <v>0</v>
      </c>
      <c r="L23727" t="s">
        <v>120</v>
      </c>
      <c r="M23727" t="s">
        <v>87</v>
      </c>
      <c r="N23727" t="s">
        <v>88</v>
      </c>
      <c r="O23727" t="s">
        <v>85</v>
      </c>
      <c r="P23727" t="s">
        <v>86</v>
      </c>
      <c r="Q23727">
        <v>16</v>
      </c>
      <c r="R23727">
        <v>16</v>
      </c>
      <c r="S23727">
        <v>16</v>
      </c>
      <c r="T23727">
        <v>16</v>
      </c>
      <c r="U23727">
        <v>16</v>
      </c>
      <c r="V23727">
        <v>16</v>
      </c>
      <c r="W23727">
        <v>16</v>
      </c>
      <c r="X23727">
        <v>16</v>
      </c>
      <c r="Y23727">
        <v>15</v>
      </c>
      <c r="Z23727">
        <v>15</v>
      </c>
      <c r="AA23727">
        <v>15</v>
      </c>
      <c r="AB23727">
        <v>15</v>
      </c>
      <c r="AC23727">
        <v>15</v>
      </c>
      <c r="AD23727">
        <v>15</v>
      </c>
      <c r="AE23727">
        <v>15</v>
      </c>
      <c r="AF23727">
        <v>15</v>
      </c>
      <c r="AG23727">
        <v>15</v>
      </c>
      <c r="AH23727">
        <v>15</v>
      </c>
      <c r="AI23727">
        <v>15</v>
      </c>
      <c r="AJ23727">
        <v>15</v>
      </c>
      <c r="AK23727">
        <v>15</v>
      </c>
      <c r="AL23727">
        <v>14</v>
      </c>
      <c r="AM23727">
        <v>14</v>
      </c>
      <c r="AN23727">
        <v>14</v>
      </c>
      <c r="AO23727">
        <v>14</v>
      </c>
      <c r="AP23727">
        <v>14</v>
      </c>
      <c r="AQ23727">
        <v>14</v>
      </c>
    </row>
    <row r="23728" spans="1:43">
      <c r="A23728" t="s">
        <v>14695</v>
      </c>
      <c r="B23728" t="s">
        <v>14696</v>
      </c>
      <c r="C23728" t="s">
        <v>14691</v>
      </c>
      <c r="D23728" t="s">
        <v>14692</v>
      </c>
      <c r="E23728" t="s">
        <v>14535</v>
      </c>
      <c r="F23728" t="s">
        <v>14536</v>
      </c>
      <c r="G23728" t="s">
        <v>10734</v>
      </c>
      <c r="H23728" t="s">
        <v>10735</v>
      </c>
      <c r="I23728" s="2">
        <v>1</v>
      </c>
      <c r="J23728" s="2">
        <v>0</v>
      </c>
      <c r="K23728" s="2">
        <v>0</v>
      </c>
      <c r="L23728" t="s">
        <v>120</v>
      </c>
      <c r="M23728" t="s">
        <v>89</v>
      </c>
      <c r="N23728" t="s">
        <v>90</v>
      </c>
      <c r="O23728" t="s">
        <v>85</v>
      </c>
      <c r="P23728" t="s">
        <v>86</v>
      </c>
      <c r="Q23728">
        <v>16</v>
      </c>
      <c r="R23728">
        <v>16</v>
      </c>
      <c r="S23728">
        <v>16</v>
      </c>
      <c r="T23728">
        <v>16</v>
      </c>
      <c r="U23728">
        <v>16</v>
      </c>
      <c r="V23728">
        <v>16</v>
      </c>
      <c r="W23728">
        <v>16</v>
      </c>
      <c r="X23728">
        <v>17</v>
      </c>
      <c r="Y23728">
        <v>17</v>
      </c>
      <c r="Z23728">
        <v>17</v>
      </c>
      <c r="AA23728">
        <v>17</v>
      </c>
      <c r="AB23728">
        <v>17</v>
      </c>
      <c r="AC23728">
        <v>17</v>
      </c>
      <c r="AD23728">
        <v>17</v>
      </c>
      <c r="AE23728">
        <v>17</v>
      </c>
      <c r="AF23728">
        <v>17</v>
      </c>
      <c r="AG23728">
        <v>17</v>
      </c>
      <c r="AH23728">
        <v>17</v>
      </c>
      <c r="AI23728">
        <v>16</v>
      </c>
      <c r="AJ23728">
        <v>16</v>
      </c>
      <c r="AK23728">
        <v>16</v>
      </c>
      <c r="AL23728">
        <v>16</v>
      </c>
      <c r="AM23728">
        <v>16</v>
      </c>
      <c r="AN23728">
        <v>16</v>
      </c>
      <c r="AO23728">
        <v>16</v>
      </c>
      <c r="AP23728">
        <v>16</v>
      </c>
      <c r="AQ23728">
        <v>15</v>
      </c>
    </row>
    <row r="23729" spans="1:43">
      <c r="A23729" t="s">
        <v>14695</v>
      </c>
      <c r="B23729" t="s">
        <v>14696</v>
      </c>
      <c r="C23729" t="s">
        <v>14691</v>
      </c>
      <c r="D23729" t="s">
        <v>14692</v>
      </c>
      <c r="E23729" t="s">
        <v>14535</v>
      </c>
      <c r="F23729" t="s">
        <v>14536</v>
      </c>
      <c r="G23729" t="s">
        <v>10734</v>
      </c>
      <c r="H23729" t="s">
        <v>10735</v>
      </c>
      <c r="I23729" s="2">
        <v>1</v>
      </c>
      <c r="J23729" s="2">
        <v>0</v>
      </c>
      <c r="K23729" s="2">
        <v>0</v>
      </c>
      <c r="L23729" t="s">
        <v>120</v>
      </c>
      <c r="M23729" t="s">
        <v>83</v>
      </c>
      <c r="N23729" t="s">
        <v>91</v>
      </c>
      <c r="O23729" t="s">
        <v>85</v>
      </c>
      <c r="P23729" t="s">
        <v>86</v>
      </c>
      <c r="Q23729">
        <v>16</v>
      </c>
      <c r="R23729">
        <v>16</v>
      </c>
      <c r="S23729">
        <v>16</v>
      </c>
      <c r="T23729">
        <v>17</v>
      </c>
      <c r="U23729">
        <v>17</v>
      </c>
      <c r="V23729">
        <v>17</v>
      </c>
      <c r="W23729">
        <v>17</v>
      </c>
      <c r="X23729">
        <v>17</v>
      </c>
      <c r="Y23729">
        <v>17</v>
      </c>
      <c r="Z23729">
        <v>17</v>
      </c>
      <c r="AA23729">
        <v>17</v>
      </c>
      <c r="AB23729">
        <v>17</v>
      </c>
      <c r="AC23729">
        <v>17</v>
      </c>
      <c r="AD23729">
        <v>17</v>
      </c>
      <c r="AE23729">
        <v>17</v>
      </c>
      <c r="AF23729">
        <v>17</v>
      </c>
      <c r="AG23729">
        <v>17</v>
      </c>
      <c r="AH23729">
        <v>17</v>
      </c>
      <c r="AI23729">
        <v>17</v>
      </c>
      <c r="AJ23729">
        <v>17</v>
      </c>
      <c r="AK23729">
        <v>17</v>
      </c>
      <c r="AL23729">
        <v>17</v>
      </c>
      <c r="AM23729">
        <v>17</v>
      </c>
      <c r="AN23729">
        <v>17</v>
      </c>
      <c r="AO23729">
        <v>16</v>
      </c>
      <c r="AP23729">
        <v>16</v>
      </c>
      <c r="AQ23729">
        <v>16</v>
      </c>
    </row>
    <row r="23730" spans="1:43">
      <c r="A23730" t="s">
        <v>14697</v>
      </c>
      <c r="B23730" t="s">
        <v>14698</v>
      </c>
      <c r="C23730" t="s">
        <v>14621</v>
      </c>
      <c r="D23730" t="s">
        <v>14622</v>
      </c>
      <c r="E23730" t="s">
        <v>14535</v>
      </c>
      <c r="F23730" t="s">
        <v>14536</v>
      </c>
      <c r="G23730" t="s">
        <v>10734</v>
      </c>
      <c r="H23730" t="s">
        <v>10735</v>
      </c>
      <c r="I23730" s="2">
        <v>1</v>
      </c>
      <c r="J23730" s="2">
        <v>0</v>
      </c>
      <c r="K23730" s="2">
        <v>0</v>
      </c>
      <c r="L23730" t="s">
        <v>120</v>
      </c>
      <c r="M23730" t="s">
        <v>83</v>
      </c>
      <c r="N23730" t="s">
        <v>84</v>
      </c>
      <c r="O23730" t="s">
        <v>85</v>
      </c>
      <c r="P23730" t="s">
        <v>86</v>
      </c>
      <c r="Q23730">
        <v>11</v>
      </c>
      <c r="R23730">
        <v>11</v>
      </c>
      <c r="S23730">
        <v>11</v>
      </c>
      <c r="T23730">
        <v>11</v>
      </c>
      <c r="U23730">
        <v>11</v>
      </c>
      <c r="V23730">
        <v>11</v>
      </c>
      <c r="W23730">
        <v>11</v>
      </c>
      <c r="X23730">
        <v>11</v>
      </c>
      <c r="Y23730">
        <v>11</v>
      </c>
      <c r="Z23730">
        <v>11</v>
      </c>
      <c r="AA23730">
        <v>11</v>
      </c>
      <c r="AB23730">
        <v>11</v>
      </c>
      <c r="AC23730">
        <v>12</v>
      </c>
      <c r="AD23730">
        <v>12</v>
      </c>
      <c r="AE23730">
        <v>12</v>
      </c>
      <c r="AF23730">
        <v>12</v>
      </c>
      <c r="AG23730">
        <v>12</v>
      </c>
      <c r="AH23730">
        <v>12</v>
      </c>
      <c r="AI23730">
        <v>12</v>
      </c>
      <c r="AJ23730">
        <v>12</v>
      </c>
      <c r="AK23730">
        <v>12</v>
      </c>
      <c r="AL23730">
        <v>12</v>
      </c>
      <c r="AM23730">
        <v>12</v>
      </c>
      <c r="AN23730">
        <v>12</v>
      </c>
      <c r="AO23730">
        <v>12</v>
      </c>
      <c r="AP23730">
        <v>12</v>
      </c>
      <c r="AQ23730">
        <v>12</v>
      </c>
    </row>
    <row r="23731" spans="1:43">
      <c r="A23731" t="s">
        <v>14697</v>
      </c>
      <c r="B23731" t="s">
        <v>14698</v>
      </c>
      <c r="C23731" t="s">
        <v>14621</v>
      </c>
      <c r="D23731" t="s">
        <v>14622</v>
      </c>
      <c r="E23731" t="s">
        <v>14535</v>
      </c>
      <c r="F23731" t="s">
        <v>14536</v>
      </c>
      <c r="G23731" t="s">
        <v>10734</v>
      </c>
      <c r="H23731" t="s">
        <v>10735</v>
      </c>
      <c r="I23731" s="2">
        <v>1</v>
      </c>
      <c r="J23731" s="2">
        <v>0</v>
      </c>
      <c r="K23731" s="2">
        <v>0</v>
      </c>
      <c r="L23731" t="s">
        <v>120</v>
      </c>
      <c r="M23731" t="s">
        <v>87</v>
      </c>
      <c r="N23731" t="s">
        <v>88</v>
      </c>
      <c r="O23731" t="s">
        <v>85</v>
      </c>
      <c r="P23731" t="s">
        <v>86</v>
      </c>
      <c r="Q23731">
        <v>11</v>
      </c>
      <c r="R23731">
        <v>11</v>
      </c>
      <c r="S23731">
        <v>11</v>
      </c>
      <c r="T23731">
        <v>11</v>
      </c>
      <c r="U23731">
        <v>11</v>
      </c>
      <c r="V23731">
        <v>11</v>
      </c>
      <c r="W23731">
        <v>11</v>
      </c>
      <c r="X23731">
        <v>11</v>
      </c>
      <c r="Y23731">
        <v>11</v>
      </c>
      <c r="Z23731">
        <v>10</v>
      </c>
      <c r="AA23731">
        <v>10</v>
      </c>
      <c r="AB23731">
        <v>10</v>
      </c>
      <c r="AC23731">
        <v>10</v>
      </c>
      <c r="AD23731">
        <v>10</v>
      </c>
      <c r="AE23731">
        <v>10</v>
      </c>
      <c r="AF23731">
        <v>10</v>
      </c>
      <c r="AG23731">
        <v>10</v>
      </c>
      <c r="AH23731">
        <v>10</v>
      </c>
      <c r="AI23731">
        <v>10</v>
      </c>
      <c r="AJ23731">
        <v>10</v>
      </c>
      <c r="AK23731">
        <v>10</v>
      </c>
      <c r="AL23731">
        <v>10</v>
      </c>
      <c r="AM23731">
        <v>10</v>
      </c>
      <c r="AN23731">
        <v>10</v>
      </c>
      <c r="AO23731">
        <v>10</v>
      </c>
      <c r="AP23731">
        <v>10</v>
      </c>
      <c r="AQ23731">
        <v>10</v>
      </c>
    </row>
    <row r="23732" spans="1:43">
      <c r="A23732" t="s">
        <v>14697</v>
      </c>
      <c r="B23732" t="s">
        <v>14698</v>
      </c>
      <c r="C23732" t="s">
        <v>14621</v>
      </c>
      <c r="D23732" t="s">
        <v>14622</v>
      </c>
      <c r="E23732" t="s">
        <v>14535</v>
      </c>
      <c r="F23732" t="s">
        <v>14536</v>
      </c>
      <c r="G23732" t="s">
        <v>10734</v>
      </c>
      <c r="H23732" t="s">
        <v>10735</v>
      </c>
      <c r="I23732" s="2">
        <v>1</v>
      </c>
      <c r="J23732" s="2">
        <v>0</v>
      </c>
      <c r="K23732" s="2">
        <v>0</v>
      </c>
      <c r="L23732" t="s">
        <v>120</v>
      </c>
      <c r="M23732" t="s">
        <v>89</v>
      </c>
      <c r="N23732" t="s">
        <v>90</v>
      </c>
      <c r="O23732" t="s">
        <v>85</v>
      </c>
      <c r="P23732" t="s">
        <v>86</v>
      </c>
      <c r="Q23732">
        <v>11</v>
      </c>
      <c r="R23732">
        <v>11</v>
      </c>
      <c r="S23732">
        <v>11</v>
      </c>
      <c r="T23732">
        <v>11</v>
      </c>
      <c r="U23732">
        <v>12</v>
      </c>
      <c r="V23732">
        <v>12</v>
      </c>
      <c r="W23732">
        <v>12</v>
      </c>
      <c r="X23732">
        <v>12</v>
      </c>
      <c r="Y23732">
        <v>12</v>
      </c>
      <c r="Z23732">
        <v>12</v>
      </c>
      <c r="AA23732">
        <v>12</v>
      </c>
      <c r="AB23732">
        <v>12</v>
      </c>
      <c r="AC23732">
        <v>12</v>
      </c>
      <c r="AD23732">
        <v>12</v>
      </c>
      <c r="AE23732">
        <v>12</v>
      </c>
      <c r="AF23732">
        <v>12</v>
      </c>
      <c r="AG23732">
        <v>12</v>
      </c>
      <c r="AH23732">
        <v>12</v>
      </c>
      <c r="AI23732">
        <v>12</v>
      </c>
      <c r="AJ23732">
        <v>12</v>
      </c>
      <c r="AK23732">
        <v>12</v>
      </c>
      <c r="AL23732">
        <v>12</v>
      </c>
      <c r="AM23732">
        <v>12</v>
      </c>
      <c r="AN23732">
        <v>12</v>
      </c>
      <c r="AO23732">
        <v>12</v>
      </c>
      <c r="AP23732">
        <v>12</v>
      </c>
      <c r="AQ23732">
        <v>12</v>
      </c>
    </row>
    <row r="23733" spans="1:43">
      <c r="A23733" t="s">
        <v>14697</v>
      </c>
      <c r="B23733" t="s">
        <v>14698</v>
      </c>
      <c r="C23733" t="s">
        <v>14621</v>
      </c>
      <c r="D23733" t="s">
        <v>14622</v>
      </c>
      <c r="E23733" t="s">
        <v>14535</v>
      </c>
      <c r="F23733" t="s">
        <v>14536</v>
      </c>
      <c r="G23733" t="s">
        <v>10734</v>
      </c>
      <c r="H23733" t="s">
        <v>10735</v>
      </c>
      <c r="I23733" s="2">
        <v>1</v>
      </c>
      <c r="J23733" s="2">
        <v>0</v>
      </c>
      <c r="K23733" s="2">
        <v>0</v>
      </c>
      <c r="L23733" t="s">
        <v>120</v>
      </c>
      <c r="M23733" t="s">
        <v>83</v>
      </c>
      <c r="N23733" t="s">
        <v>91</v>
      </c>
      <c r="O23733" t="s">
        <v>85</v>
      </c>
      <c r="P23733" t="s">
        <v>86</v>
      </c>
      <c r="Q23733">
        <v>11</v>
      </c>
      <c r="R23733">
        <v>11</v>
      </c>
      <c r="S23733">
        <v>11</v>
      </c>
      <c r="T23733">
        <v>11</v>
      </c>
      <c r="U23733">
        <v>11</v>
      </c>
      <c r="V23733">
        <v>11</v>
      </c>
      <c r="W23733">
        <v>11</v>
      </c>
      <c r="X23733">
        <v>11</v>
      </c>
      <c r="Y23733">
        <v>11</v>
      </c>
      <c r="Z23733">
        <v>11</v>
      </c>
      <c r="AA23733">
        <v>11</v>
      </c>
      <c r="AB23733">
        <v>11</v>
      </c>
      <c r="AC23733">
        <v>12</v>
      </c>
      <c r="AD23733">
        <v>12</v>
      </c>
      <c r="AE23733">
        <v>12</v>
      </c>
      <c r="AF23733">
        <v>12</v>
      </c>
      <c r="AG23733">
        <v>12</v>
      </c>
      <c r="AH23733">
        <v>12</v>
      </c>
      <c r="AI23733">
        <v>12</v>
      </c>
      <c r="AJ23733">
        <v>12</v>
      </c>
      <c r="AK23733">
        <v>12</v>
      </c>
      <c r="AL23733">
        <v>12</v>
      </c>
      <c r="AM23733">
        <v>12</v>
      </c>
      <c r="AN23733">
        <v>12</v>
      </c>
      <c r="AO23733">
        <v>12</v>
      </c>
      <c r="AP23733">
        <v>12</v>
      </c>
      <c r="AQ23733">
        <v>12</v>
      </c>
    </row>
    <row r="23734" spans="1:43">
      <c r="A23734" t="s">
        <v>14699</v>
      </c>
      <c r="B23734" t="s">
        <v>14700</v>
      </c>
      <c r="C23734" t="s">
        <v>14621</v>
      </c>
      <c r="D23734" t="s">
        <v>14622</v>
      </c>
      <c r="E23734" t="s">
        <v>14535</v>
      </c>
      <c r="F23734" t="s">
        <v>14536</v>
      </c>
      <c r="G23734" t="s">
        <v>10734</v>
      </c>
      <c r="H23734" t="s">
        <v>10735</v>
      </c>
      <c r="I23734" s="2">
        <v>1</v>
      </c>
      <c r="J23734" s="2">
        <v>0</v>
      </c>
      <c r="K23734" s="2">
        <v>0</v>
      </c>
      <c r="L23734" t="s">
        <v>120</v>
      </c>
      <c r="M23734" t="s">
        <v>83</v>
      </c>
      <c r="N23734" t="s">
        <v>84</v>
      </c>
      <c r="O23734" t="s">
        <v>85</v>
      </c>
      <c r="P23734" t="s">
        <v>86</v>
      </c>
      <c r="Q23734">
        <v>14</v>
      </c>
      <c r="R23734">
        <v>14</v>
      </c>
      <c r="S23734">
        <v>15</v>
      </c>
      <c r="T23734">
        <v>15</v>
      </c>
      <c r="U23734">
        <v>15</v>
      </c>
      <c r="V23734">
        <v>15</v>
      </c>
      <c r="W23734">
        <v>15</v>
      </c>
      <c r="X23734">
        <v>15</v>
      </c>
      <c r="Y23734">
        <v>15</v>
      </c>
      <c r="Z23734">
        <v>15</v>
      </c>
      <c r="AA23734">
        <v>15</v>
      </c>
      <c r="AB23734">
        <v>15</v>
      </c>
      <c r="AC23734">
        <v>15</v>
      </c>
      <c r="AD23734">
        <v>15</v>
      </c>
      <c r="AE23734">
        <v>15</v>
      </c>
      <c r="AF23734">
        <v>15</v>
      </c>
      <c r="AG23734">
        <v>15</v>
      </c>
      <c r="AH23734">
        <v>15</v>
      </c>
      <c r="AI23734">
        <v>15</v>
      </c>
      <c r="AJ23734">
        <v>16</v>
      </c>
      <c r="AK23734">
        <v>16</v>
      </c>
      <c r="AL23734">
        <v>16</v>
      </c>
      <c r="AM23734">
        <v>16</v>
      </c>
      <c r="AN23734">
        <v>15</v>
      </c>
      <c r="AO23734">
        <v>15</v>
      </c>
      <c r="AP23734">
        <v>15</v>
      </c>
      <c r="AQ23734">
        <v>15</v>
      </c>
    </row>
    <row r="23735" spans="1:43">
      <c r="A23735" t="s">
        <v>14699</v>
      </c>
      <c r="B23735" t="s">
        <v>14700</v>
      </c>
      <c r="C23735" t="s">
        <v>14621</v>
      </c>
      <c r="D23735" t="s">
        <v>14622</v>
      </c>
      <c r="E23735" t="s">
        <v>14535</v>
      </c>
      <c r="F23735" t="s">
        <v>14536</v>
      </c>
      <c r="G23735" t="s">
        <v>10734</v>
      </c>
      <c r="H23735" t="s">
        <v>10735</v>
      </c>
      <c r="I23735" s="2">
        <v>1</v>
      </c>
      <c r="J23735" s="2">
        <v>0</v>
      </c>
      <c r="K23735" s="2">
        <v>0</v>
      </c>
      <c r="L23735" t="s">
        <v>120</v>
      </c>
      <c r="M23735" t="s">
        <v>87</v>
      </c>
      <c r="N23735" t="s">
        <v>88</v>
      </c>
      <c r="O23735" t="s">
        <v>85</v>
      </c>
      <c r="P23735" t="s">
        <v>86</v>
      </c>
      <c r="Q23735">
        <v>14</v>
      </c>
      <c r="R23735">
        <v>14</v>
      </c>
      <c r="S23735">
        <v>14</v>
      </c>
      <c r="T23735">
        <v>14</v>
      </c>
      <c r="U23735">
        <v>14</v>
      </c>
      <c r="V23735">
        <v>14</v>
      </c>
      <c r="W23735">
        <v>14</v>
      </c>
      <c r="X23735">
        <v>14</v>
      </c>
      <c r="Y23735">
        <v>14</v>
      </c>
      <c r="Z23735">
        <v>14</v>
      </c>
      <c r="AA23735">
        <v>14</v>
      </c>
      <c r="AB23735">
        <v>14</v>
      </c>
      <c r="AC23735">
        <v>14</v>
      </c>
      <c r="AD23735">
        <v>14</v>
      </c>
      <c r="AE23735">
        <v>14</v>
      </c>
      <c r="AF23735">
        <v>14</v>
      </c>
      <c r="AG23735">
        <v>14</v>
      </c>
      <c r="AH23735">
        <v>14</v>
      </c>
      <c r="AI23735">
        <v>14</v>
      </c>
      <c r="AJ23735">
        <v>14</v>
      </c>
      <c r="AK23735">
        <v>14</v>
      </c>
      <c r="AL23735">
        <v>14</v>
      </c>
      <c r="AM23735">
        <v>14</v>
      </c>
      <c r="AN23735">
        <v>14</v>
      </c>
      <c r="AO23735">
        <v>13</v>
      </c>
      <c r="AP23735">
        <v>13</v>
      </c>
      <c r="AQ23735">
        <v>13</v>
      </c>
    </row>
    <row r="23736" spans="1:43">
      <c r="A23736" t="s">
        <v>14699</v>
      </c>
      <c r="B23736" t="s">
        <v>14700</v>
      </c>
      <c r="C23736" t="s">
        <v>14621</v>
      </c>
      <c r="D23736" t="s">
        <v>14622</v>
      </c>
      <c r="E23736" t="s">
        <v>14535</v>
      </c>
      <c r="F23736" t="s">
        <v>14536</v>
      </c>
      <c r="G23736" t="s">
        <v>10734</v>
      </c>
      <c r="H23736" t="s">
        <v>10735</v>
      </c>
      <c r="I23736" s="2">
        <v>1</v>
      </c>
      <c r="J23736" s="2">
        <v>0</v>
      </c>
      <c r="K23736" s="2">
        <v>0</v>
      </c>
      <c r="L23736" t="s">
        <v>120</v>
      </c>
      <c r="M23736" t="s">
        <v>89</v>
      </c>
      <c r="N23736" t="s">
        <v>90</v>
      </c>
      <c r="O23736" t="s">
        <v>85</v>
      </c>
      <c r="P23736" t="s">
        <v>86</v>
      </c>
      <c r="Q23736">
        <v>14</v>
      </c>
      <c r="R23736">
        <v>15</v>
      </c>
      <c r="S23736">
        <v>15</v>
      </c>
      <c r="T23736">
        <v>15</v>
      </c>
      <c r="U23736">
        <v>15</v>
      </c>
      <c r="V23736">
        <v>15</v>
      </c>
      <c r="W23736">
        <v>16</v>
      </c>
      <c r="X23736">
        <v>16</v>
      </c>
      <c r="Y23736">
        <v>16</v>
      </c>
      <c r="Z23736">
        <v>16</v>
      </c>
      <c r="AA23736">
        <v>16</v>
      </c>
      <c r="AB23736">
        <v>16</v>
      </c>
      <c r="AC23736">
        <v>16</v>
      </c>
      <c r="AD23736">
        <v>16</v>
      </c>
      <c r="AE23736">
        <v>16</v>
      </c>
      <c r="AF23736">
        <v>16</v>
      </c>
      <c r="AG23736">
        <v>16</v>
      </c>
      <c r="AH23736">
        <v>16</v>
      </c>
      <c r="AI23736">
        <v>16</v>
      </c>
      <c r="AJ23736">
        <v>16</v>
      </c>
      <c r="AK23736">
        <v>16</v>
      </c>
      <c r="AL23736">
        <v>16</v>
      </c>
      <c r="AM23736">
        <v>16</v>
      </c>
      <c r="AN23736">
        <v>16</v>
      </c>
      <c r="AO23736">
        <v>16</v>
      </c>
      <c r="AP23736">
        <v>16</v>
      </c>
      <c r="AQ23736">
        <v>16</v>
      </c>
    </row>
    <row r="23737" spans="1:43">
      <c r="A23737" t="s">
        <v>14699</v>
      </c>
      <c r="B23737" t="s">
        <v>14700</v>
      </c>
      <c r="C23737" t="s">
        <v>14621</v>
      </c>
      <c r="D23737" t="s">
        <v>14622</v>
      </c>
      <c r="E23737" t="s">
        <v>14535</v>
      </c>
      <c r="F23737" t="s">
        <v>14536</v>
      </c>
      <c r="G23737" t="s">
        <v>10734</v>
      </c>
      <c r="H23737" t="s">
        <v>10735</v>
      </c>
      <c r="I23737" s="2">
        <v>1</v>
      </c>
      <c r="J23737" s="2">
        <v>0</v>
      </c>
      <c r="K23737" s="2">
        <v>0</v>
      </c>
      <c r="L23737" t="s">
        <v>120</v>
      </c>
      <c r="M23737" t="s">
        <v>83</v>
      </c>
      <c r="N23737" t="s">
        <v>91</v>
      </c>
      <c r="O23737" t="s">
        <v>85</v>
      </c>
      <c r="P23737" t="s">
        <v>86</v>
      </c>
      <c r="Q23737">
        <v>14</v>
      </c>
      <c r="R23737">
        <v>14</v>
      </c>
      <c r="S23737">
        <v>15</v>
      </c>
      <c r="T23737">
        <v>15</v>
      </c>
      <c r="U23737">
        <v>15</v>
      </c>
      <c r="V23737">
        <v>15</v>
      </c>
      <c r="W23737">
        <v>15</v>
      </c>
      <c r="X23737">
        <v>15</v>
      </c>
      <c r="Y23737">
        <v>15</v>
      </c>
      <c r="Z23737">
        <v>15</v>
      </c>
      <c r="AA23737">
        <v>15</v>
      </c>
      <c r="AB23737">
        <v>15</v>
      </c>
      <c r="AC23737">
        <v>15</v>
      </c>
      <c r="AD23737">
        <v>15</v>
      </c>
      <c r="AE23737">
        <v>15</v>
      </c>
      <c r="AF23737">
        <v>15</v>
      </c>
      <c r="AG23737">
        <v>15</v>
      </c>
      <c r="AH23737">
        <v>15</v>
      </c>
      <c r="AI23737">
        <v>15</v>
      </c>
      <c r="AJ23737">
        <v>16</v>
      </c>
      <c r="AK23737">
        <v>16</v>
      </c>
      <c r="AL23737">
        <v>16</v>
      </c>
      <c r="AM23737">
        <v>16</v>
      </c>
      <c r="AN23737">
        <v>15</v>
      </c>
      <c r="AO23737">
        <v>15</v>
      </c>
      <c r="AP23737">
        <v>15</v>
      </c>
      <c r="AQ23737">
        <v>15</v>
      </c>
    </row>
    <row r="23738" spans="1:43">
      <c r="A23738" t="s">
        <v>14701</v>
      </c>
      <c r="B23738" t="s">
        <v>14702</v>
      </c>
      <c r="C23738" t="s">
        <v>14621</v>
      </c>
      <c r="D23738" t="s">
        <v>14622</v>
      </c>
      <c r="E23738" t="s">
        <v>14535</v>
      </c>
      <c r="F23738" t="s">
        <v>14536</v>
      </c>
      <c r="G23738" t="s">
        <v>10734</v>
      </c>
      <c r="H23738" t="s">
        <v>10735</v>
      </c>
      <c r="I23738" s="2">
        <v>1</v>
      </c>
      <c r="J23738" s="2">
        <v>0</v>
      </c>
      <c r="K23738" s="2">
        <v>0</v>
      </c>
      <c r="L23738" t="s">
        <v>120</v>
      </c>
      <c r="M23738" t="s">
        <v>83</v>
      </c>
      <c r="N23738" t="s">
        <v>84</v>
      </c>
      <c r="O23738" t="s">
        <v>85</v>
      </c>
      <c r="P23738" t="s">
        <v>86</v>
      </c>
      <c r="Q23738">
        <v>17</v>
      </c>
      <c r="R23738">
        <v>17</v>
      </c>
      <c r="S23738">
        <v>17</v>
      </c>
      <c r="T23738">
        <v>17</v>
      </c>
      <c r="U23738">
        <v>17</v>
      </c>
      <c r="V23738">
        <v>17</v>
      </c>
      <c r="W23738">
        <v>17</v>
      </c>
      <c r="X23738">
        <v>17</v>
      </c>
      <c r="Y23738">
        <v>17</v>
      </c>
      <c r="Z23738">
        <v>18</v>
      </c>
      <c r="AA23738">
        <v>18</v>
      </c>
      <c r="AB23738">
        <v>18</v>
      </c>
      <c r="AC23738">
        <v>18</v>
      </c>
      <c r="AD23738">
        <v>18</v>
      </c>
      <c r="AE23738">
        <v>18</v>
      </c>
      <c r="AF23738">
        <v>18</v>
      </c>
      <c r="AG23738">
        <v>18</v>
      </c>
      <c r="AH23738">
        <v>18</v>
      </c>
      <c r="AI23738">
        <v>18</v>
      </c>
      <c r="AJ23738">
        <v>18</v>
      </c>
      <c r="AK23738">
        <v>18</v>
      </c>
      <c r="AL23738">
        <v>18</v>
      </c>
      <c r="AM23738">
        <v>18</v>
      </c>
      <c r="AN23738">
        <v>18</v>
      </c>
      <c r="AO23738">
        <v>18</v>
      </c>
      <c r="AP23738">
        <v>18</v>
      </c>
      <c r="AQ23738">
        <v>18</v>
      </c>
    </row>
    <row r="23739" spans="1:43">
      <c r="A23739" t="s">
        <v>14701</v>
      </c>
      <c r="B23739" t="s">
        <v>14702</v>
      </c>
      <c r="C23739" t="s">
        <v>14621</v>
      </c>
      <c r="D23739" t="s">
        <v>14622</v>
      </c>
      <c r="E23739" t="s">
        <v>14535</v>
      </c>
      <c r="F23739" t="s">
        <v>14536</v>
      </c>
      <c r="G23739" t="s">
        <v>10734</v>
      </c>
      <c r="H23739" t="s">
        <v>10735</v>
      </c>
      <c r="I23739" s="2">
        <v>1</v>
      </c>
      <c r="J23739" s="2">
        <v>0</v>
      </c>
      <c r="K23739" s="2">
        <v>0</v>
      </c>
      <c r="L23739" t="s">
        <v>120</v>
      </c>
      <c r="M23739" t="s">
        <v>87</v>
      </c>
      <c r="N23739" t="s">
        <v>88</v>
      </c>
      <c r="O23739" t="s">
        <v>85</v>
      </c>
      <c r="P23739" t="s">
        <v>86</v>
      </c>
      <c r="Q23739">
        <v>17</v>
      </c>
      <c r="R23739">
        <v>16</v>
      </c>
      <c r="S23739">
        <v>16</v>
      </c>
      <c r="T23739">
        <v>16</v>
      </c>
      <c r="U23739">
        <v>16</v>
      </c>
      <c r="V23739">
        <v>16</v>
      </c>
      <c r="W23739">
        <v>16</v>
      </c>
      <c r="X23739">
        <v>16</v>
      </c>
      <c r="Y23739">
        <v>16</v>
      </c>
      <c r="Z23739">
        <v>16</v>
      </c>
      <c r="AA23739">
        <v>16</v>
      </c>
      <c r="AB23739">
        <v>16</v>
      </c>
      <c r="AC23739">
        <v>16</v>
      </c>
      <c r="AD23739">
        <v>16</v>
      </c>
      <c r="AE23739">
        <v>16</v>
      </c>
      <c r="AF23739">
        <v>16</v>
      </c>
      <c r="AG23739">
        <v>16</v>
      </c>
      <c r="AH23739">
        <v>16</v>
      </c>
      <c r="AI23739">
        <v>16</v>
      </c>
      <c r="AJ23739">
        <v>16</v>
      </c>
      <c r="AK23739">
        <v>16</v>
      </c>
      <c r="AL23739">
        <v>16</v>
      </c>
      <c r="AM23739">
        <v>16</v>
      </c>
      <c r="AN23739">
        <v>16</v>
      </c>
      <c r="AO23739">
        <v>16</v>
      </c>
      <c r="AP23739">
        <v>16</v>
      </c>
      <c r="AQ23739">
        <v>16</v>
      </c>
    </row>
    <row r="23740" spans="1:43">
      <c r="A23740" t="s">
        <v>14701</v>
      </c>
      <c r="B23740" t="s">
        <v>14702</v>
      </c>
      <c r="C23740" t="s">
        <v>14621</v>
      </c>
      <c r="D23740" t="s">
        <v>14622</v>
      </c>
      <c r="E23740" t="s">
        <v>14535</v>
      </c>
      <c r="F23740" t="s">
        <v>14536</v>
      </c>
      <c r="G23740" t="s">
        <v>10734</v>
      </c>
      <c r="H23740" t="s">
        <v>10735</v>
      </c>
      <c r="I23740" s="2">
        <v>1</v>
      </c>
      <c r="J23740" s="2">
        <v>0</v>
      </c>
      <c r="K23740" s="2">
        <v>0</v>
      </c>
      <c r="L23740" t="s">
        <v>120</v>
      </c>
      <c r="M23740" t="s">
        <v>89</v>
      </c>
      <c r="N23740" t="s">
        <v>90</v>
      </c>
      <c r="O23740" t="s">
        <v>85</v>
      </c>
      <c r="P23740" t="s">
        <v>86</v>
      </c>
      <c r="Q23740">
        <v>17</v>
      </c>
      <c r="R23740">
        <v>17</v>
      </c>
      <c r="S23740">
        <v>17</v>
      </c>
      <c r="T23740">
        <v>18</v>
      </c>
      <c r="U23740">
        <v>18</v>
      </c>
      <c r="V23740">
        <v>18</v>
      </c>
      <c r="W23740">
        <v>18</v>
      </c>
      <c r="X23740">
        <v>18</v>
      </c>
      <c r="Y23740">
        <v>18</v>
      </c>
      <c r="Z23740">
        <v>18</v>
      </c>
      <c r="AA23740">
        <v>19</v>
      </c>
      <c r="AB23740">
        <v>19</v>
      </c>
      <c r="AC23740">
        <v>19</v>
      </c>
      <c r="AD23740">
        <v>19</v>
      </c>
      <c r="AE23740">
        <v>19</v>
      </c>
      <c r="AF23740">
        <v>19</v>
      </c>
      <c r="AG23740">
        <v>19</v>
      </c>
      <c r="AH23740">
        <v>19</v>
      </c>
      <c r="AI23740">
        <v>19</v>
      </c>
      <c r="AJ23740">
        <v>19</v>
      </c>
      <c r="AK23740">
        <v>18</v>
      </c>
      <c r="AL23740">
        <v>18</v>
      </c>
      <c r="AM23740">
        <v>18</v>
      </c>
      <c r="AN23740">
        <v>18</v>
      </c>
      <c r="AO23740">
        <v>18</v>
      </c>
      <c r="AP23740">
        <v>18</v>
      </c>
      <c r="AQ23740">
        <v>18</v>
      </c>
    </row>
    <row r="23741" spans="1:43">
      <c r="A23741" t="s">
        <v>14701</v>
      </c>
      <c r="B23741" t="s">
        <v>14702</v>
      </c>
      <c r="C23741" t="s">
        <v>14621</v>
      </c>
      <c r="D23741" t="s">
        <v>14622</v>
      </c>
      <c r="E23741" t="s">
        <v>14535</v>
      </c>
      <c r="F23741" t="s">
        <v>14536</v>
      </c>
      <c r="G23741" t="s">
        <v>10734</v>
      </c>
      <c r="H23741" t="s">
        <v>10735</v>
      </c>
      <c r="I23741" s="2">
        <v>1</v>
      </c>
      <c r="J23741" s="2">
        <v>0</v>
      </c>
      <c r="K23741" s="2">
        <v>0</v>
      </c>
      <c r="L23741" t="s">
        <v>120</v>
      </c>
      <c r="M23741" t="s">
        <v>83</v>
      </c>
      <c r="N23741" t="s">
        <v>91</v>
      </c>
      <c r="O23741" t="s">
        <v>85</v>
      </c>
      <c r="P23741" t="s">
        <v>86</v>
      </c>
      <c r="Q23741">
        <v>17</v>
      </c>
      <c r="R23741">
        <v>17</v>
      </c>
      <c r="S23741">
        <v>17</v>
      </c>
      <c r="T23741">
        <v>17</v>
      </c>
      <c r="U23741">
        <v>17</v>
      </c>
      <c r="V23741">
        <v>17</v>
      </c>
      <c r="W23741">
        <v>17</v>
      </c>
      <c r="X23741">
        <v>17</v>
      </c>
      <c r="Y23741">
        <v>17</v>
      </c>
      <c r="Z23741">
        <v>18</v>
      </c>
      <c r="AA23741">
        <v>18</v>
      </c>
      <c r="AB23741">
        <v>18</v>
      </c>
      <c r="AC23741">
        <v>18</v>
      </c>
      <c r="AD23741">
        <v>18</v>
      </c>
      <c r="AE23741">
        <v>18</v>
      </c>
      <c r="AF23741">
        <v>18</v>
      </c>
      <c r="AG23741">
        <v>18</v>
      </c>
      <c r="AH23741">
        <v>18</v>
      </c>
      <c r="AI23741">
        <v>18</v>
      </c>
      <c r="AJ23741">
        <v>18</v>
      </c>
      <c r="AK23741">
        <v>18</v>
      </c>
      <c r="AL23741">
        <v>18</v>
      </c>
      <c r="AM23741">
        <v>18</v>
      </c>
      <c r="AN23741">
        <v>18</v>
      </c>
      <c r="AO23741">
        <v>18</v>
      </c>
      <c r="AP23741">
        <v>18</v>
      </c>
      <c r="AQ23741">
        <v>18</v>
      </c>
    </row>
    <row r="23742" spans="1:43">
      <c r="A23742" t="s">
        <v>14703</v>
      </c>
      <c r="B23742" t="s">
        <v>14704</v>
      </c>
      <c r="C23742" t="s">
        <v>14691</v>
      </c>
      <c r="D23742" t="s">
        <v>14692</v>
      </c>
      <c r="E23742" t="s">
        <v>14535</v>
      </c>
      <c r="F23742" t="s">
        <v>14536</v>
      </c>
      <c r="G23742" t="s">
        <v>10734</v>
      </c>
      <c r="H23742" t="s">
        <v>10735</v>
      </c>
      <c r="I23742" s="2">
        <v>1</v>
      </c>
      <c r="J23742" s="2">
        <v>0</v>
      </c>
      <c r="K23742" s="2">
        <v>0</v>
      </c>
      <c r="L23742" t="s">
        <v>120</v>
      </c>
      <c r="M23742" t="s">
        <v>83</v>
      </c>
      <c r="N23742" t="s">
        <v>84</v>
      </c>
      <c r="O23742" t="s">
        <v>85</v>
      </c>
      <c r="P23742" t="s">
        <v>86</v>
      </c>
      <c r="Q23742">
        <v>57</v>
      </c>
      <c r="R23742">
        <v>57</v>
      </c>
      <c r="S23742">
        <v>57</v>
      </c>
      <c r="T23742">
        <v>57</v>
      </c>
      <c r="U23742">
        <v>58</v>
      </c>
      <c r="V23742">
        <v>58</v>
      </c>
      <c r="W23742">
        <v>58</v>
      </c>
      <c r="X23742">
        <v>58</v>
      </c>
      <c r="Y23742">
        <v>58</v>
      </c>
      <c r="Z23742">
        <v>58</v>
      </c>
      <c r="AA23742">
        <v>58</v>
      </c>
      <c r="AB23742">
        <v>58</v>
      </c>
      <c r="AC23742">
        <v>58</v>
      </c>
      <c r="AD23742">
        <v>58</v>
      </c>
      <c r="AE23742">
        <v>59</v>
      </c>
      <c r="AF23742">
        <v>59</v>
      </c>
      <c r="AG23742">
        <v>59</v>
      </c>
      <c r="AH23742">
        <v>59</v>
      </c>
      <c r="AI23742">
        <v>59</v>
      </c>
      <c r="AJ23742">
        <v>59</v>
      </c>
      <c r="AK23742">
        <v>59</v>
      </c>
      <c r="AL23742">
        <v>59</v>
      </c>
      <c r="AM23742">
        <v>58</v>
      </c>
      <c r="AN23742">
        <v>58</v>
      </c>
      <c r="AO23742">
        <v>57</v>
      </c>
      <c r="AP23742">
        <v>57</v>
      </c>
      <c r="AQ23742">
        <v>56</v>
      </c>
    </row>
    <row r="23743" spans="1:43">
      <c r="A23743" t="s">
        <v>14703</v>
      </c>
      <c r="B23743" t="s">
        <v>14704</v>
      </c>
      <c r="C23743" t="s">
        <v>14691</v>
      </c>
      <c r="D23743" t="s">
        <v>14692</v>
      </c>
      <c r="E23743" t="s">
        <v>14535</v>
      </c>
      <c r="F23743" t="s">
        <v>14536</v>
      </c>
      <c r="G23743" t="s">
        <v>10734</v>
      </c>
      <c r="H23743" t="s">
        <v>10735</v>
      </c>
      <c r="I23743" s="2">
        <v>1</v>
      </c>
      <c r="J23743" s="2">
        <v>0</v>
      </c>
      <c r="K23743" s="2">
        <v>0</v>
      </c>
      <c r="L23743" t="s">
        <v>120</v>
      </c>
      <c r="M23743" t="s">
        <v>87</v>
      </c>
      <c r="N23743" t="s">
        <v>88</v>
      </c>
      <c r="O23743" t="s">
        <v>85</v>
      </c>
      <c r="P23743" t="s">
        <v>86</v>
      </c>
      <c r="Q23743">
        <v>57</v>
      </c>
      <c r="R23743">
        <v>57</v>
      </c>
      <c r="S23743">
        <v>57</v>
      </c>
      <c r="T23743">
        <v>56</v>
      </c>
      <c r="U23743">
        <v>56</v>
      </c>
      <c r="V23743">
        <v>56</v>
      </c>
      <c r="W23743">
        <v>55</v>
      </c>
      <c r="X23743">
        <v>55</v>
      </c>
      <c r="Y23743">
        <v>55</v>
      </c>
      <c r="Z23743">
        <v>54</v>
      </c>
      <c r="AA23743">
        <v>54</v>
      </c>
      <c r="AB23743">
        <v>54</v>
      </c>
      <c r="AC23743">
        <v>54</v>
      </c>
      <c r="AD23743">
        <v>53</v>
      </c>
      <c r="AE23743">
        <v>53</v>
      </c>
      <c r="AF23743">
        <v>53</v>
      </c>
      <c r="AG23743">
        <v>52</v>
      </c>
      <c r="AH23743">
        <v>52</v>
      </c>
      <c r="AI23743">
        <v>52</v>
      </c>
      <c r="AJ23743">
        <v>52</v>
      </c>
      <c r="AK23743">
        <v>51</v>
      </c>
      <c r="AL23743">
        <v>51</v>
      </c>
      <c r="AM23743">
        <v>51</v>
      </c>
      <c r="AN23743">
        <v>51</v>
      </c>
      <c r="AO23743">
        <v>50</v>
      </c>
      <c r="AP23743">
        <v>50</v>
      </c>
      <c r="AQ23743">
        <v>50</v>
      </c>
    </row>
    <row r="23744" spans="1:43">
      <c r="A23744" t="s">
        <v>14703</v>
      </c>
      <c r="B23744" t="s">
        <v>14704</v>
      </c>
      <c r="C23744" t="s">
        <v>14691</v>
      </c>
      <c r="D23744" t="s">
        <v>14692</v>
      </c>
      <c r="E23744" t="s">
        <v>14535</v>
      </c>
      <c r="F23744" t="s">
        <v>14536</v>
      </c>
      <c r="G23744" t="s">
        <v>10734</v>
      </c>
      <c r="H23744" t="s">
        <v>10735</v>
      </c>
      <c r="I23744" s="2">
        <v>1</v>
      </c>
      <c r="J23744" s="2">
        <v>0</v>
      </c>
      <c r="K23744" s="2">
        <v>0</v>
      </c>
      <c r="L23744" t="s">
        <v>120</v>
      </c>
      <c r="M23744" t="s">
        <v>89</v>
      </c>
      <c r="N23744" t="s">
        <v>90</v>
      </c>
      <c r="O23744" t="s">
        <v>85</v>
      </c>
      <c r="P23744" t="s">
        <v>86</v>
      </c>
      <c r="Q23744">
        <v>57</v>
      </c>
      <c r="R23744">
        <v>58</v>
      </c>
      <c r="S23744">
        <v>59</v>
      </c>
      <c r="T23744">
        <v>59</v>
      </c>
      <c r="U23744">
        <v>60</v>
      </c>
      <c r="V23744">
        <v>60</v>
      </c>
      <c r="W23744">
        <v>61</v>
      </c>
      <c r="X23744">
        <v>61</v>
      </c>
      <c r="Y23744">
        <v>61</v>
      </c>
      <c r="Z23744">
        <v>62</v>
      </c>
      <c r="AA23744">
        <v>62</v>
      </c>
      <c r="AB23744">
        <v>62</v>
      </c>
      <c r="AC23744">
        <v>63</v>
      </c>
      <c r="AD23744">
        <v>63</v>
      </c>
      <c r="AE23744">
        <v>63</v>
      </c>
      <c r="AF23744">
        <v>62</v>
      </c>
      <c r="AG23744">
        <v>62</v>
      </c>
      <c r="AH23744">
        <v>61</v>
      </c>
      <c r="AI23744">
        <v>61</v>
      </c>
      <c r="AJ23744">
        <v>60</v>
      </c>
      <c r="AK23744">
        <v>60</v>
      </c>
      <c r="AL23744">
        <v>59</v>
      </c>
      <c r="AM23744">
        <v>59</v>
      </c>
      <c r="AN23744">
        <v>58</v>
      </c>
      <c r="AO23744">
        <v>58</v>
      </c>
      <c r="AP23744">
        <v>57</v>
      </c>
      <c r="AQ23744">
        <v>57</v>
      </c>
    </row>
    <row r="23745" spans="1:43">
      <c r="A23745" t="s">
        <v>14703</v>
      </c>
      <c r="B23745" t="s">
        <v>14704</v>
      </c>
      <c r="C23745" t="s">
        <v>14691</v>
      </c>
      <c r="D23745" t="s">
        <v>14692</v>
      </c>
      <c r="E23745" t="s">
        <v>14535</v>
      </c>
      <c r="F23745" t="s">
        <v>14536</v>
      </c>
      <c r="G23745" t="s">
        <v>10734</v>
      </c>
      <c r="H23745" t="s">
        <v>10735</v>
      </c>
      <c r="I23745" s="2">
        <v>1</v>
      </c>
      <c r="J23745" s="2">
        <v>0</v>
      </c>
      <c r="K23745" s="2">
        <v>0</v>
      </c>
      <c r="L23745" t="s">
        <v>120</v>
      </c>
      <c r="M23745" t="s">
        <v>83</v>
      </c>
      <c r="N23745" t="s">
        <v>91</v>
      </c>
      <c r="O23745" t="s">
        <v>85</v>
      </c>
      <c r="P23745" t="s">
        <v>86</v>
      </c>
      <c r="Q23745">
        <v>57</v>
      </c>
      <c r="R23745">
        <v>57</v>
      </c>
      <c r="S23745">
        <v>57</v>
      </c>
      <c r="T23745">
        <v>57</v>
      </c>
      <c r="U23745">
        <v>58</v>
      </c>
      <c r="V23745">
        <v>58</v>
      </c>
      <c r="W23745">
        <v>58</v>
      </c>
      <c r="X23745">
        <v>58</v>
      </c>
      <c r="Y23745">
        <v>58</v>
      </c>
      <c r="Z23745">
        <v>58</v>
      </c>
      <c r="AA23745">
        <v>58</v>
      </c>
      <c r="AB23745">
        <v>58</v>
      </c>
      <c r="AC23745">
        <v>58</v>
      </c>
      <c r="AD23745">
        <v>58</v>
      </c>
      <c r="AE23745">
        <v>59</v>
      </c>
      <c r="AF23745">
        <v>59</v>
      </c>
      <c r="AG23745">
        <v>59</v>
      </c>
      <c r="AH23745">
        <v>59</v>
      </c>
      <c r="AI23745">
        <v>59</v>
      </c>
      <c r="AJ23745">
        <v>59</v>
      </c>
      <c r="AK23745">
        <v>59</v>
      </c>
      <c r="AL23745">
        <v>59</v>
      </c>
      <c r="AM23745">
        <v>58</v>
      </c>
      <c r="AN23745">
        <v>58</v>
      </c>
      <c r="AO23745">
        <v>57</v>
      </c>
      <c r="AP23745">
        <v>57</v>
      </c>
      <c r="AQ23745">
        <v>56</v>
      </c>
    </row>
    <row r="23746" spans="1:43">
      <c r="A23746" t="s">
        <v>14705</v>
      </c>
      <c r="B23746" t="s">
        <v>14706</v>
      </c>
      <c r="C23746" t="s">
        <v>14691</v>
      </c>
      <c r="D23746" t="s">
        <v>14692</v>
      </c>
      <c r="E23746" t="s">
        <v>14535</v>
      </c>
      <c r="F23746" t="s">
        <v>14536</v>
      </c>
      <c r="G23746" t="s">
        <v>10734</v>
      </c>
      <c r="H23746" t="s">
        <v>10735</v>
      </c>
      <c r="I23746" s="2">
        <v>1</v>
      </c>
      <c r="J23746" s="2">
        <v>0</v>
      </c>
      <c r="K23746" s="2">
        <v>0</v>
      </c>
      <c r="L23746" t="s">
        <v>120</v>
      </c>
      <c r="M23746" t="s">
        <v>83</v>
      </c>
      <c r="N23746" t="s">
        <v>84</v>
      </c>
      <c r="O23746" t="s">
        <v>85</v>
      </c>
      <c r="P23746" t="s">
        <v>86</v>
      </c>
      <c r="Q23746">
        <v>5</v>
      </c>
      <c r="R23746">
        <v>5</v>
      </c>
      <c r="S23746">
        <v>5</v>
      </c>
      <c r="T23746">
        <v>5</v>
      </c>
      <c r="U23746">
        <v>5</v>
      </c>
      <c r="V23746">
        <v>5</v>
      </c>
      <c r="W23746">
        <v>5</v>
      </c>
      <c r="X23746">
        <v>5</v>
      </c>
      <c r="Y23746">
        <v>5</v>
      </c>
      <c r="Z23746">
        <v>5</v>
      </c>
      <c r="AA23746">
        <v>5</v>
      </c>
      <c r="AB23746">
        <v>5</v>
      </c>
      <c r="AC23746">
        <v>5</v>
      </c>
      <c r="AD23746">
        <v>5</v>
      </c>
      <c r="AE23746">
        <v>5</v>
      </c>
      <c r="AF23746">
        <v>5</v>
      </c>
      <c r="AG23746">
        <v>5</v>
      </c>
      <c r="AH23746">
        <v>5</v>
      </c>
      <c r="AI23746">
        <v>5</v>
      </c>
      <c r="AJ23746">
        <v>5</v>
      </c>
      <c r="AK23746">
        <v>5</v>
      </c>
      <c r="AL23746">
        <v>5</v>
      </c>
      <c r="AM23746">
        <v>5</v>
      </c>
      <c r="AN23746">
        <v>5</v>
      </c>
      <c r="AO23746">
        <v>5</v>
      </c>
      <c r="AP23746">
        <v>5</v>
      </c>
      <c r="AQ23746">
        <v>5</v>
      </c>
    </row>
    <row r="23747" spans="1:43">
      <c r="A23747" t="s">
        <v>14705</v>
      </c>
      <c r="B23747" t="s">
        <v>14706</v>
      </c>
      <c r="C23747" t="s">
        <v>14691</v>
      </c>
      <c r="D23747" t="s">
        <v>14692</v>
      </c>
      <c r="E23747" t="s">
        <v>14535</v>
      </c>
      <c r="F23747" t="s">
        <v>14536</v>
      </c>
      <c r="G23747" t="s">
        <v>10734</v>
      </c>
      <c r="H23747" t="s">
        <v>10735</v>
      </c>
      <c r="I23747" s="2">
        <v>1</v>
      </c>
      <c r="J23747" s="2">
        <v>0</v>
      </c>
      <c r="K23747" s="2">
        <v>0</v>
      </c>
      <c r="L23747" t="s">
        <v>120</v>
      </c>
      <c r="M23747" t="s">
        <v>87</v>
      </c>
      <c r="N23747" t="s">
        <v>88</v>
      </c>
      <c r="O23747" t="s">
        <v>85</v>
      </c>
      <c r="P23747" t="s">
        <v>86</v>
      </c>
      <c r="Q23747">
        <v>5</v>
      </c>
      <c r="R23747">
        <v>5</v>
      </c>
      <c r="S23747">
        <v>5</v>
      </c>
      <c r="T23747">
        <v>5</v>
      </c>
      <c r="U23747">
        <v>5</v>
      </c>
      <c r="V23747">
        <v>5</v>
      </c>
      <c r="W23747">
        <v>5</v>
      </c>
      <c r="X23747">
        <v>5</v>
      </c>
      <c r="Y23747">
        <v>5</v>
      </c>
      <c r="Z23747">
        <v>5</v>
      </c>
      <c r="AA23747">
        <v>5</v>
      </c>
      <c r="AB23747">
        <v>5</v>
      </c>
      <c r="AC23747">
        <v>5</v>
      </c>
      <c r="AD23747">
        <v>5</v>
      </c>
      <c r="AE23747">
        <v>5</v>
      </c>
      <c r="AF23747">
        <v>5</v>
      </c>
      <c r="AG23747">
        <v>5</v>
      </c>
      <c r="AH23747">
        <v>5</v>
      </c>
      <c r="AI23747">
        <v>5</v>
      </c>
      <c r="AJ23747">
        <v>5</v>
      </c>
      <c r="AK23747">
        <v>5</v>
      </c>
      <c r="AL23747">
        <v>5</v>
      </c>
      <c r="AM23747">
        <v>5</v>
      </c>
      <c r="AN23747">
        <v>5</v>
      </c>
      <c r="AO23747">
        <v>5</v>
      </c>
      <c r="AP23747">
        <v>5</v>
      </c>
      <c r="AQ23747">
        <v>4</v>
      </c>
    </row>
    <row r="23748" spans="1:43">
      <c r="A23748" t="s">
        <v>14705</v>
      </c>
      <c r="B23748" t="s">
        <v>14706</v>
      </c>
      <c r="C23748" t="s">
        <v>14691</v>
      </c>
      <c r="D23748" t="s">
        <v>14692</v>
      </c>
      <c r="E23748" t="s">
        <v>14535</v>
      </c>
      <c r="F23748" t="s">
        <v>14536</v>
      </c>
      <c r="G23748" t="s">
        <v>10734</v>
      </c>
      <c r="H23748" t="s">
        <v>10735</v>
      </c>
      <c r="I23748" s="2">
        <v>1</v>
      </c>
      <c r="J23748" s="2">
        <v>0</v>
      </c>
      <c r="K23748" s="2">
        <v>0</v>
      </c>
      <c r="L23748" t="s">
        <v>120</v>
      </c>
      <c r="M23748" t="s">
        <v>89</v>
      </c>
      <c r="N23748" t="s">
        <v>90</v>
      </c>
      <c r="O23748" t="s">
        <v>85</v>
      </c>
      <c r="P23748" t="s">
        <v>86</v>
      </c>
      <c r="Q23748">
        <v>5</v>
      </c>
      <c r="R23748">
        <v>5</v>
      </c>
      <c r="S23748">
        <v>5</v>
      </c>
      <c r="T23748">
        <v>5</v>
      </c>
      <c r="U23748">
        <v>5</v>
      </c>
      <c r="V23748">
        <v>6</v>
      </c>
      <c r="W23748">
        <v>6</v>
      </c>
      <c r="X23748">
        <v>6</v>
      </c>
      <c r="Y23748">
        <v>6</v>
      </c>
      <c r="Z23748">
        <v>6</v>
      </c>
      <c r="AA23748">
        <v>6</v>
      </c>
      <c r="AB23748">
        <v>6</v>
      </c>
      <c r="AC23748">
        <v>6</v>
      </c>
      <c r="AD23748">
        <v>6</v>
      </c>
      <c r="AE23748">
        <v>6</v>
      </c>
      <c r="AF23748">
        <v>6</v>
      </c>
      <c r="AG23748">
        <v>6</v>
      </c>
      <c r="AH23748">
        <v>6</v>
      </c>
      <c r="AI23748">
        <v>6</v>
      </c>
      <c r="AJ23748">
        <v>6</v>
      </c>
      <c r="AK23748">
        <v>5</v>
      </c>
      <c r="AL23748">
        <v>5</v>
      </c>
      <c r="AM23748">
        <v>5</v>
      </c>
      <c r="AN23748">
        <v>5</v>
      </c>
      <c r="AO23748">
        <v>5</v>
      </c>
      <c r="AP23748">
        <v>5</v>
      </c>
      <c r="AQ23748">
        <v>5</v>
      </c>
    </row>
    <row r="23749" spans="1:43">
      <c r="A23749" t="s">
        <v>14705</v>
      </c>
      <c r="B23749" t="s">
        <v>14706</v>
      </c>
      <c r="C23749" t="s">
        <v>14691</v>
      </c>
      <c r="D23749" t="s">
        <v>14692</v>
      </c>
      <c r="E23749" t="s">
        <v>14535</v>
      </c>
      <c r="F23749" t="s">
        <v>14536</v>
      </c>
      <c r="G23749" t="s">
        <v>10734</v>
      </c>
      <c r="H23749" t="s">
        <v>10735</v>
      </c>
      <c r="I23749" s="2">
        <v>1</v>
      </c>
      <c r="J23749" s="2">
        <v>0</v>
      </c>
      <c r="K23749" s="2">
        <v>0</v>
      </c>
      <c r="L23749" t="s">
        <v>120</v>
      </c>
      <c r="M23749" t="s">
        <v>83</v>
      </c>
      <c r="N23749" t="s">
        <v>91</v>
      </c>
      <c r="O23749" t="s">
        <v>85</v>
      </c>
      <c r="P23749" t="s">
        <v>86</v>
      </c>
      <c r="Q23749">
        <v>5</v>
      </c>
      <c r="R23749">
        <v>5</v>
      </c>
      <c r="S23749">
        <v>5</v>
      </c>
      <c r="T23749">
        <v>5</v>
      </c>
      <c r="U23749">
        <v>5</v>
      </c>
      <c r="V23749">
        <v>5</v>
      </c>
      <c r="W23749">
        <v>5</v>
      </c>
      <c r="X23749">
        <v>5</v>
      </c>
      <c r="Y23749">
        <v>5</v>
      </c>
      <c r="Z23749">
        <v>5</v>
      </c>
      <c r="AA23749">
        <v>5</v>
      </c>
      <c r="AB23749">
        <v>5</v>
      </c>
      <c r="AC23749">
        <v>5</v>
      </c>
      <c r="AD23749">
        <v>5</v>
      </c>
      <c r="AE23749">
        <v>5</v>
      </c>
      <c r="AF23749">
        <v>5</v>
      </c>
      <c r="AG23749">
        <v>5</v>
      </c>
      <c r="AH23749">
        <v>5</v>
      </c>
      <c r="AI23749">
        <v>5</v>
      </c>
      <c r="AJ23749">
        <v>5</v>
      </c>
      <c r="AK23749">
        <v>5</v>
      </c>
      <c r="AL23749">
        <v>5</v>
      </c>
      <c r="AM23749">
        <v>5</v>
      </c>
      <c r="AN23749">
        <v>5</v>
      </c>
      <c r="AO23749">
        <v>5</v>
      </c>
      <c r="AP23749">
        <v>5</v>
      </c>
      <c r="AQ23749">
        <v>5</v>
      </c>
    </row>
    <row r="23750" spans="1:43">
      <c r="A23750" t="s">
        <v>14707</v>
      </c>
      <c r="B23750" t="s">
        <v>14708</v>
      </c>
      <c r="C23750" t="s">
        <v>14691</v>
      </c>
      <c r="D23750" t="s">
        <v>14692</v>
      </c>
      <c r="E23750" t="s">
        <v>14535</v>
      </c>
      <c r="F23750" t="s">
        <v>14536</v>
      </c>
      <c r="G23750" t="s">
        <v>10734</v>
      </c>
      <c r="H23750" t="s">
        <v>10735</v>
      </c>
      <c r="I23750" s="2">
        <v>1</v>
      </c>
      <c r="J23750" s="2">
        <v>0</v>
      </c>
      <c r="K23750" s="2">
        <v>0</v>
      </c>
      <c r="L23750" t="s">
        <v>120</v>
      </c>
      <c r="M23750" t="s">
        <v>83</v>
      </c>
      <c r="N23750" t="s">
        <v>84</v>
      </c>
      <c r="O23750" t="s">
        <v>85</v>
      </c>
      <c r="P23750" t="s">
        <v>86</v>
      </c>
      <c r="Q23750">
        <v>125</v>
      </c>
      <c r="R23750">
        <v>125</v>
      </c>
      <c r="S23750">
        <v>126</v>
      </c>
      <c r="T23750">
        <v>126</v>
      </c>
      <c r="U23750">
        <v>126</v>
      </c>
      <c r="V23750">
        <v>126</v>
      </c>
      <c r="W23750">
        <v>127</v>
      </c>
      <c r="X23750">
        <v>127</v>
      </c>
      <c r="Y23750">
        <v>127</v>
      </c>
      <c r="Z23750">
        <v>127</v>
      </c>
      <c r="AA23750">
        <v>128</v>
      </c>
      <c r="AB23750">
        <v>128</v>
      </c>
      <c r="AC23750">
        <v>128</v>
      </c>
      <c r="AD23750">
        <v>128</v>
      </c>
      <c r="AE23750">
        <v>128</v>
      </c>
      <c r="AF23750">
        <v>128</v>
      </c>
      <c r="AG23750">
        <v>129</v>
      </c>
      <c r="AH23750">
        <v>129</v>
      </c>
      <c r="AI23750">
        <v>129</v>
      </c>
      <c r="AJ23750">
        <v>129</v>
      </c>
      <c r="AK23750">
        <v>129</v>
      </c>
      <c r="AL23750">
        <v>128</v>
      </c>
      <c r="AM23750">
        <v>127</v>
      </c>
      <c r="AN23750">
        <v>126</v>
      </c>
      <c r="AO23750">
        <v>125</v>
      </c>
      <c r="AP23750">
        <v>124</v>
      </c>
      <c r="AQ23750">
        <v>124</v>
      </c>
    </row>
    <row r="23751" spans="1:43">
      <c r="A23751" t="s">
        <v>14707</v>
      </c>
      <c r="B23751" t="s">
        <v>14708</v>
      </c>
      <c r="C23751" t="s">
        <v>14691</v>
      </c>
      <c r="D23751" t="s">
        <v>14692</v>
      </c>
      <c r="E23751" t="s">
        <v>14535</v>
      </c>
      <c r="F23751" t="s">
        <v>14536</v>
      </c>
      <c r="G23751" t="s">
        <v>10734</v>
      </c>
      <c r="H23751" t="s">
        <v>10735</v>
      </c>
      <c r="I23751" s="2">
        <v>1</v>
      </c>
      <c r="J23751" s="2">
        <v>0</v>
      </c>
      <c r="K23751" s="2">
        <v>0</v>
      </c>
      <c r="L23751" t="s">
        <v>120</v>
      </c>
      <c r="M23751" t="s">
        <v>87</v>
      </c>
      <c r="N23751" t="s">
        <v>88</v>
      </c>
      <c r="O23751" t="s">
        <v>85</v>
      </c>
      <c r="P23751" t="s">
        <v>86</v>
      </c>
      <c r="Q23751">
        <v>125</v>
      </c>
      <c r="R23751">
        <v>124</v>
      </c>
      <c r="S23751">
        <v>123</v>
      </c>
      <c r="T23751">
        <v>122</v>
      </c>
      <c r="U23751">
        <v>122</v>
      </c>
      <c r="V23751">
        <v>121</v>
      </c>
      <c r="W23751">
        <v>120</v>
      </c>
      <c r="X23751">
        <v>119</v>
      </c>
      <c r="Y23751">
        <v>119</v>
      </c>
      <c r="Z23751">
        <v>118</v>
      </c>
      <c r="AA23751">
        <v>117</v>
      </c>
      <c r="AB23751">
        <v>117</v>
      </c>
      <c r="AC23751">
        <v>116</v>
      </c>
      <c r="AD23751">
        <v>115</v>
      </c>
      <c r="AE23751">
        <v>115</v>
      </c>
      <c r="AF23751">
        <v>114</v>
      </c>
      <c r="AG23751">
        <v>114</v>
      </c>
      <c r="AH23751">
        <v>113</v>
      </c>
      <c r="AI23751">
        <v>113</v>
      </c>
      <c r="AJ23751">
        <v>112</v>
      </c>
      <c r="AK23751">
        <v>111</v>
      </c>
      <c r="AL23751">
        <v>111</v>
      </c>
      <c r="AM23751">
        <v>110</v>
      </c>
      <c r="AN23751">
        <v>110</v>
      </c>
      <c r="AO23751">
        <v>109</v>
      </c>
      <c r="AP23751">
        <v>109</v>
      </c>
      <c r="AQ23751">
        <v>108</v>
      </c>
    </row>
    <row r="23752" spans="1:43">
      <c r="A23752" t="s">
        <v>14707</v>
      </c>
      <c r="B23752" t="s">
        <v>14708</v>
      </c>
      <c r="C23752" t="s">
        <v>14691</v>
      </c>
      <c r="D23752" t="s">
        <v>14692</v>
      </c>
      <c r="E23752" t="s">
        <v>14535</v>
      </c>
      <c r="F23752" t="s">
        <v>14536</v>
      </c>
      <c r="G23752" t="s">
        <v>10734</v>
      </c>
      <c r="H23752" t="s">
        <v>10735</v>
      </c>
      <c r="I23752" s="2">
        <v>1</v>
      </c>
      <c r="J23752" s="2">
        <v>0</v>
      </c>
      <c r="K23752" s="2">
        <v>0</v>
      </c>
      <c r="L23752" t="s">
        <v>120</v>
      </c>
      <c r="M23752" t="s">
        <v>89</v>
      </c>
      <c r="N23752" t="s">
        <v>90</v>
      </c>
      <c r="O23752" t="s">
        <v>85</v>
      </c>
      <c r="P23752" t="s">
        <v>86</v>
      </c>
      <c r="Q23752">
        <v>125</v>
      </c>
      <c r="R23752">
        <v>126</v>
      </c>
      <c r="S23752">
        <v>128</v>
      </c>
      <c r="T23752">
        <v>129</v>
      </c>
      <c r="U23752">
        <v>130</v>
      </c>
      <c r="V23752">
        <v>131</v>
      </c>
      <c r="W23752">
        <v>132</v>
      </c>
      <c r="X23752">
        <v>133</v>
      </c>
      <c r="Y23752">
        <v>134</v>
      </c>
      <c r="Z23752">
        <v>134</v>
      </c>
      <c r="AA23752">
        <v>135</v>
      </c>
      <c r="AB23752">
        <v>135</v>
      </c>
      <c r="AC23752">
        <v>136</v>
      </c>
      <c r="AD23752">
        <v>137</v>
      </c>
      <c r="AE23752">
        <v>136</v>
      </c>
      <c r="AF23752">
        <v>135</v>
      </c>
      <c r="AG23752">
        <v>134</v>
      </c>
      <c r="AH23752">
        <v>133</v>
      </c>
      <c r="AI23752">
        <v>132</v>
      </c>
      <c r="AJ23752">
        <v>131</v>
      </c>
      <c r="AK23752">
        <v>130</v>
      </c>
      <c r="AL23752">
        <v>129</v>
      </c>
      <c r="AM23752">
        <v>128</v>
      </c>
      <c r="AN23752">
        <v>127</v>
      </c>
      <c r="AO23752">
        <v>126</v>
      </c>
      <c r="AP23752">
        <v>125</v>
      </c>
      <c r="AQ23752">
        <v>124</v>
      </c>
    </row>
    <row r="23753" spans="1:43">
      <c r="A23753" t="s">
        <v>14707</v>
      </c>
      <c r="B23753" t="s">
        <v>14708</v>
      </c>
      <c r="C23753" t="s">
        <v>14691</v>
      </c>
      <c r="D23753" t="s">
        <v>14692</v>
      </c>
      <c r="E23753" t="s">
        <v>14535</v>
      </c>
      <c r="F23753" t="s">
        <v>14536</v>
      </c>
      <c r="G23753" t="s">
        <v>10734</v>
      </c>
      <c r="H23753" t="s">
        <v>10735</v>
      </c>
      <c r="I23753" s="2">
        <v>1</v>
      </c>
      <c r="J23753" s="2">
        <v>0</v>
      </c>
      <c r="K23753" s="2">
        <v>0</v>
      </c>
      <c r="L23753" t="s">
        <v>120</v>
      </c>
      <c r="M23753" t="s">
        <v>83</v>
      </c>
      <c r="N23753" t="s">
        <v>91</v>
      </c>
      <c r="O23753" t="s">
        <v>85</v>
      </c>
      <c r="P23753" t="s">
        <v>86</v>
      </c>
      <c r="Q23753">
        <v>125</v>
      </c>
      <c r="R23753">
        <v>125</v>
      </c>
      <c r="S23753">
        <v>126</v>
      </c>
      <c r="T23753">
        <v>126</v>
      </c>
      <c r="U23753">
        <v>126</v>
      </c>
      <c r="V23753">
        <v>126</v>
      </c>
      <c r="W23753">
        <v>127</v>
      </c>
      <c r="X23753">
        <v>127</v>
      </c>
      <c r="Y23753">
        <v>127</v>
      </c>
      <c r="Z23753">
        <v>127</v>
      </c>
      <c r="AA23753">
        <v>128</v>
      </c>
      <c r="AB23753">
        <v>128</v>
      </c>
      <c r="AC23753">
        <v>128</v>
      </c>
      <c r="AD23753">
        <v>128</v>
      </c>
      <c r="AE23753">
        <v>128</v>
      </c>
      <c r="AF23753">
        <v>128</v>
      </c>
      <c r="AG23753">
        <v>129</v>
      </c>
      <c r="AH23753">
        <v>129</v>
      </c>
      <c r="AI23753">
        <v>129</v>
      </c>
      <c r="AJ23753">
        <v>129</v>
      </c>
      <c r="AK23753">
        <v>129</v>
      </c>
      <c r="AL23753">
        <v>128</v>
      </c>
      <c r="AM23753">
        <v>127</v>
      </c>
      <c r="AN23753">
        <v>126</v>
      </c>
      <c r="AO23753">
        <v>125</v>
      </c>
      <c r="AP23753">
        <v>124</v>
      </c>
      <c r="AQ23753">
        <v>124</v>
      </c>
    </row>
    <row r="23754" spans="1:43">
      <c r="A23754" t="s">
        <v>14709</v>
      </c>
      <c r="B23754" t="s">
        <v>14710</v>
      </c>
      <c r="C23754" t="s">
        <v>14687</v>
      </c>
      <c r="D23754" t="s">
        <v>14688</v>
      </c>
      <c r="E23754" t="s">
        <v>14535</v>
      </c>
      <c r="F23754" t="s">
        <v>14536</v>
      </c>
      <c r="G23754" t="s">
        <v>10734</v>
      </c>
      <c r="H23754" t="s">
        <v>10735</v>
      </c>
      <c r="I23754" s="2">
        <v>1</v>
      </c>
      <c r="J23754" s="2">
        <v>0</v>
      </c>
      <c r="K23754" s="2">
        <v>0</v>
      </c>
      <c r="L23754" t="s">
        <v>120</v>
      </c>
      <c r="M23754" t="s">
        <v>83</v>
      </c>
      <c r="N23754" t="s">
        <v>84</v>
      </c>
      <c r="O23754" t="s">
        <v>85</v>
      </c>
      <c r="P23754" t="s">
        <v>86</v>
      </c>
      <c r="Q23754">
        <v>57</v>
      </c>
      <c r="R23754">
        <v>58</v>
      </c>
      <c r="S23754">
        <v>58</v>
      </c>
      <c r="T23754">
        <v>58</v>
      </c>
      <c r="U23754">
        <v>58</v>
      </c>
      <c r="V23754">
        <v>59</v>
      </c>
      <c r="W23754">
        <v>59</v>
      </c>
      <c r="X23754">
        <v>59</v>
      </c>
      <c r="Y23754">
        <v>59</v>
      </c>
      <c r="Z23754">
        <v>60</v>
      </c>
      <c r="AA23754">
        <v>60</v>
      </c>
      <c r="AB23754">
        <v>60</v>
      </c>
      <c r="AC23754">
        <v>60</v>
      </c>
      <c r="AD23754">
        <v>60</v>
      </c>
      <c r="AE23754">
        <v>60</v>
      </c>
      <c r="AF23754">
        <v>60</v>
      </c>
      <c r="AG23754">
        <v>60</v>
      </c>
      <c r="AH23754">
        <v>61</v>
      </c>
      <c r="AI23754">
        <v>61</v>
      </c>
      <c r="AJ23754">
        <v>61</v>
      </c>
      <c r="AK23754">
        <v>61</v>
      </c>
      <c r="AL23754">
        <v>61</v>
      </c>
      <c r="AM23754">
        <v>60</v>
      </c>
      <c r="AN23754">
        <v>60</v>
      </c>
      <c r="AO23754">
        <v>60</v>
      </c>
      <c r="AP23754">
        <v>59</v>
      </c>
      <c r="AQ23754">
        <v>59</v>
      </c>
    </row>
    <row r="23755" spans="1:43">
      <c r="A23755" t="s">
        <v>14709</v>
      </c>
      <c r="B23755" t="s">
        <v>14710</v>
      </c>
      <c r="C23755" t="s">
        <v>14687</v>
      </c>
      <c r="D23755" t="s">
        <v>14688</v>
      </c>
      <c r="E23755" t="s">
        <v>14535</v>
      </c>
      <c r="F23755" t="s">
        <v>14536</v>
      </c>
      <c r="G23755" t="s">
        <v>10734</v>
      </c>
      <c r="H23755" t="s">
        <v>10735</v>
      </c>
      <c r="I23755" s="2">
        <v>1</v>
      </c>
      <c r="J23755" s="2">
        <v>0</v>
      </c>
      <c r="K23755" s="2">
        <v>0</v>
      </c>
      <c r="L23755" t="s">
        <v>120</v>
      </c>
      <c r="M23755" t="s">
        <v>87</v>
      </c>
      <c r="N23755" t="s">
        <v>88</v>
      </c>
      <c r="O23755" t="s">
        <v>85</v>
      </c>
      <c r="P23755" t="s">
        <v>86</v>
      </c>
      <c r="Q23755">
        <v>57</v>
      </c>
      <c r="R23755">
        <v>56</v>
      </c>
      <c r="S23755">
        <v>56</v>
      </c>
      <c r="T23755">
        <v>56</v>
      </c>
      <c r="U23755">
        <v>56</v>
      </c>
      <c r="V23755">
        <v>56</v>
      </c>
      <c r="W23755">
        <v>55</v>
      </c>
      <c r="X23755">
        <v>55</v>
      </c>
      <c r="Y23755">
        <v>55</v>
      </c>
      <c r="Z23755">
        <v>55</v>
      </c>
      <c r="AA23755">
        <v>55</v>
      </c>
      <c r="AB23755">
        <v>54</v>
      </c>
      <c r="AC23755">
        <v>54</v>
      </c>
      <c r="AD23755">
        <v>54</v>
      </c>
      <c r="AE23755">
        <v>54</v>
      </c>
      <c r="AF23755">
        <v>54</v>
      </c>
      <c r="AG23755">
        <v>54</v>
      </c>
      <c r="AH23755">
        <v>54</v>
      </c>
      <c r="AI23755">
        <v>53</v>
      </c>
      <c r="AJ23755">
        <v>53</v>
      </c>
      <c r="AK23755">
        <v>53</v>
      </c>
      <c r="AL23755">
        <v>53</v>
      </c>
      <c r="AM23755">
        <v>53</v>
      </c>
      <c r="AN23755">
        <v>53</v>
      </c>
      <c r="AO23755">
        <v>53</v>
      </c>
      <c r="AP23755">
        <v>53</v>
      </c>
      <c r="AQ23755">
        <v>53</v>
      </c>
    </row>
    <row r="23756" spans="1:43">
      <c r="A23756" t="s">
        <v>14709</v>
      </c>
      <c r="B23756" t="s">
        <v>14710</v>
      </c>
      <c r="C23756" t="s">
        <v>14687</v>
      </c>
      <c r="D23756" t="s">
        <v>14688</v>
      </c>
      <c r="E23756" t="s">
        <v>14535</v>
      </c>
      <c r="F23756" t="s">
        <v>14536</v>
      </c>
      <c r="G23756" t="s">
        <v>10734</v>
      </c>
      <c r="H23756" t="s">
        <v>10735</v>
      </c>
      <c r="I23756" s="2">
        <v>1</v>
      </c>
      <c r="J23756" s="2">
        <v>0</v>
      </c>
      <c r="K23756" s="2">
        <v>0</v>
      </c>
      <c r="L23756" t="s">
        <v>120</v>
      </c>
      <c r="M23756" t="s">
        <v>89</v>
      </c>
      <c r="N23756" t="s">
        <v>90</v>
      </c>
      <c r="O23756" t="s">
        <v>85</v>
      </c>
      <c r="P23756" t="s">
        <v>86</v>
      </c>
      <c r="Q23756">
        <v>57</v>
      </c>
      <c r="R23756">
        <v>58</v>
      </c>
      <c r="S23756">
        <v>58</v>
      </c>
      <c r="T23756">
        <v>59</v>
      </c>
      <c r="U23756">
        <v>60</v>
      </c>
      <c r="V23756">
        <v>60</v>
      </c>
      <c r="W23756">
        <v>61</v>
      </c>
      <c r="X23756">
        <v>61</v>
      </c>
      <c r="Y23756">
        <v>61</v>
      </c>
      <c r="Z23756">
        <v>62</v>
      </c>
      <c r="AA23756">
        <v>62</v>
      </c>
      <c r="AB23756">
        <v>62</v>
      </c>
      <c r="AC23756">
        <v>63</v>
      </c>
      <c r="AD23756">
        <v>63</v>
      </c>
      <c r="AE23756">
        <v>63</v>
      </c>
      <c r="AF23756">
        <v>63</v>
      </c>
      <c r="AG23756">
        <v>62</v>
      </c>
      <c r="AH23756">
        <v>62</v>
      </c>
      <c r="AI23756">
        <v>61</v>
      </c>
      <c r="AJ23756">
        <v>61</v>
      </c>
      <c r="AK23756">
        <v>61</v>
      </c>
      <c r="AL23756">
        <v>60</v>
      </c>
      <c r="AM23756">
        <v>60</v>
      </c>
      <c r="AN23756">
        <v>60</v>
      </c>
      <c r="AO23756">
        <v>59</v>
      </c>
      <c r="AP23756">
        <v>59</v>
      </c>
      <c r="AQ23756">
        <v>59</v>
      </c>
    </row>
    <row r="23757" spans="1:43">
      <c r="A23757" t="s">
        <v>14709</v>
      </c>
      <c r="B23757" t="s">
        <v>14710</v>
      </c>
      <c r="C23757" t="s">
        <v>14687</v>
      </c>
      <c r="D23757" t="s">
        <v>14688</v>
      </c>
      <c r="E23757" t="s">
        <v>14535</v>
      </c>
      <c r="F23757" t="s">
        <v>14536</v>
      </c>
      <c r="G23757" t="s">
        <v>10734</v>
      </c>
      <c r="H23757" t="s">
        <v>10735</v>
      </c>
      <c r="I23757" s="2">
        <v>1</v>
      </c>
      <c r="J23757" s="2">
        <v>0</v>
      </c>
      <c r="K23757" s="2">
        <v>0</v>
      </c>
      <c r="L23757" t="s">
        <v>120</v>
      </c>
      <c r="M23757" t="s">
        <v>83</v>
      </c>
      <c r="N23757" t="s">
        <v>91</v>
      </c>
      <c r="O23757" t="s">
        <v>85</v>
      </c>
      <c r="P23757" t="s">
        <v>86</v>
      </c>
      <c r="Q23757">
        <v>57</v>
      </c>
      <c r="R23757">
        <v>58</v>
      </c>
      <c r="S23757">
        <v>58</v>
      </c>
      <c r="T23757">
        <v>58</v>
      </c>
      <c r="U23757">
        <v>58</v>
      </c>
      <c r="V23757">
        <v>59</v>
      </c>
      <c r="W23757">
        <v>59</v>
      </c>
      <c r="X23757">
        <v>59</v>
      </c>
      <c r="Y23757">
        <v>59</v>
      </c>
      <c r="Z23757">
        <v>60</v>
      </c>
      <c r="AA23757">
        <v>60</v>
      </c>
      <c r="AB23757">
        <v>60</v>
      </c>
      <c r="AC23757">
        <v>60</v>
      </c>
      <c r="AD23757">
        <v>60</v>
      </c>
      <c r="AE23757">
        <v>60</v>
      </c>
      <c r="AF23757">
        <v>60</v>
      </c>
      <c r="AG23757">
        <v>60</v>
      </c>
      <c r="AH23757">
        <v>61</v>
      </c>
      <c r="AI23757">
        <v>61</v>
      </c>
      <c r="AJ23757">
        <v>61</v>
      </c>
      <c r="AK23757">
        <v>61</v>
      </c>
      <c r="AL23757">
        <v>61</v>
      </c>
      <c r="AM23757">
        <v>60</v>
      </c>
      <c r="AN23757">
        <v>60</v>
      </c>
      <c r="AO23757">
        <v>60</v>
      </c>
      <c r="AP23757">
        <v>59</v>
      </c>
      <c r="AQ23757">
        <v>59</v>
      </c>
    </row>
    <row r="23758" spans="1:43">
      <c r="A23758" t="s">
        <v>14711</v>
      </c>
      <c r="B23758" t="s">
        <v>14712</v>
      </c>
      <c r="C23758" t="s">
        <v>14687</v>
      </c>
      <c r="D23758" t="s">
        <v>14688</v>
      </c>
      <c r="E23758" t="s">
        <v>14535</v>
      </c>
      <c r="F23758" t="s">
        <v>14536</v>
      </c>
      <c r="G23758" t="s">
        <v>10734</v>
      </c>
      <c r="H23758" t="s">
        <v>10735</v>
      </c>
      <c r="I23758" s="2">
        <v>1</v>
      </c>
      <c r="J23758" s="2">
        <v>0</v>
      </c>
      <c r="K23758" s="2">
        <v>0</v>
      </c>
      <c r="L23758" t="s">
        <v>120</v>
      </c>
      <c r="M23758" t="s">
        <v>83</v>
      </c>
      <c r="N23758" t="s">
        <v>84</v>
      </c>
      <c r="O23758" t="s">
        <v>85</v>
      </c>
      <c r="P23758" t="s">
        <v>86</v>
      </c>
      <c r="Q23758">
        <v>15</v>
      </c>
      <c r="R23758">
        <v>15</v>
      </c>
      <c r="S23758">
        <v>15</v>
      </c>
      <c r="T23758">
        <v>15</v>
      </c>
      <c r="U23758">
        <v>15</v>
      </c>
      <c r="V23758">
        <v>15</v>
      </c>
      <c r="W23758">
        <v>15</v>
      </c>
      <c r="X23758">
        <v>16</v>
      </c>
      <c r="Y23758">
        <v>16</v>
      </c>
      <c r="Z23758">
        <v>16</v>
      </c>
      <c r="AA23758">
        <v>16</v>
      </c>
      <c r="AB23758">
        <v>16</v>
      </c>
      <c r="AC23758">
        <v>16</v>
      </c>
      <c r="AD23758">
        <v>16</v>
      </c>
      <c r="AE23758">
        <v>16</v>
      </c>
      <c r="AF23758">
        <v>16</v>
      </c>
      <c r="AG23758">
        <v>16</v>
      </c>
      <c r="AH23758">
        <v>16</v>
      </c>
      <c r="AI23758">
        <v>16</v>
      </c>
      <c r="AJ23758">
        <v>16</v>
      </c>
      <c r="AK23758">
        <v>16</v>
      </c>
      <c r="AL23758">
        <v>16</v>
      </c>
      <c r="AM23758">
        <v>16</v>
      </c>
      <c r="AN23758">
        <v>16</v>
      </c>
      <c r="AO23758">
        <v>16</v>
      </c>
      <c r="AP23758">
        <v>16</v>
      </c>
      <c r="AQ23758">
        <v>15</v>
      </c>
    </row>
    <row r="23759" spans="1:43">
      <c r="A23759" t="s">
        <v>14711</v>
      </c>
      <c r="B23759" t="s">
        <v>14712</v>
      </c>
      <c r="C23759" t="s">
        <v>14687</v>
      </c>
      <c r="D23759" t="s">
        <v>14688</v>
      </c>
      <c r="E23759" t="s">
        <v>14535</v>
      </c>
      <c r="F23759" t="s">
        <v>14536</v>
      </c>
      <c r="G23759" t="s">
        <v>10734</v>
      </c>
      <c r="H23759" t="s">
        <v>10735</v>
      </c>
      <c r="I23759" s="2">
        <v>1</v>
      </c>
      <c r="J23759" s="2">
        <v>0</v>
      </c>
      <c r="K23759" s="2">
        <v>0</v>
      </c>
      <c r="L23759" t="s">
        <v>120</v>
      </c>
      <c r="M23759" t="s">
        <v>87</v>
      </c>
      <c r="N23759" t="s">
        <v>88</v>
      </c>
      <c r="O23759" t="s">
        <v>85</v>
      </c>
      <c r="P23759" t="s">
        <v>86</v>
      </c>
      <c r="Q23759">
        <v>15</v>
      </c>
      <c r="R23759">
        <v>15</v>
      </c>
      <c r="S23759">
        <v>15</v>
      </c>
      <c r="T23759">
        <v>15</v>
      </c>
      <c r="U23759">
        <v>15</v>
      </c>
      <c r="V23759">
        <v>15</v>
      </c>
      <c r="W23759">
        <v>14</v>
      </c>
      <c r="X23759">
        <v>14</v>
      </c>
      <c r="Y23759">
        <v>14</v>
      </c>
      <c r="Z23759">
        <v>14</v>
      </c>
      <c r="AA23759">
        <v>14</v>
      </c>
      <c r="AB23759">
        <v>14</v>
      </c>
      <c r="AC23759">
        <v>14</v>
      </c>
      <c r="AD23759">
        <v>14</v>
      </c>
      <c r="AE23759">
        <v>14</v>
      </c>
      <c r="AF23759">
        <v>14</v>
      </c>
      <c r="AG23759">
        <v>14</v>
      </c>
      <c r="AH23759">
        <v>14</v>
      </c>
      <c r="AI23759">
        <v>14</v>
      </c>
      <c r="AJ23759">
        <v>14</v>
      </c>
      <c r="AK23759">
        <v>14</v>
      </c>
      <c r="AL23759">
        <v>14</v>
      </c>
      <c r="AM23759">
        <v>14</v>
      </c>
      <c r="AN23759">
        <v>14</v>
      </c>
      <c r="AO23759">
        <v>14</v>
      </c>
      <c r="AP23759">
        <v>14</v>
      </c>
      <c r="AQ23759">
        <v>14</v>
      </c>
    </row>
    <row r="23760" spans="1:43">
      <c r="A23760" t="s">
        <v>14711</v>
      </c>
      <c r="B23760" t="s">
        <v>14712</v>
      </c>
      <c r="C23760" t="s">
        <v>14687</v>
      </c>
      <c r="D23760" t="s">
        <v>14688</v>
      </c>
      <c r="E23760" t="s">
        <v>14535</v>
      </c>
      <c r="F23760" t="s">
        <v>14536</v>
      </c>
      <c r="G23760" t="s">
        <v>10734</v>
      </c>
      <c r="H23760" t="s">
        <v>10735</v>
      </c>
      <c r="I23760" s="2">
        <v>1</v>
      </c>
      <c r="J23760" s="2">
        <v>0</v>
      </c>
      <c r="K23760" s="2">
        <v>0</v>
      </c>
      <c r="L23760" t="s">
        <v>120</v>
      </c>
      <c r="M23760" t="s">
        <v>89</v>
      </c>
      <c r="N23760" t="s">
        <v>90</v>
      </c>
      <c r="O23760" t="s">
        <v>85</v>
      </c>
      <c r="P23760" t="s">
        <v>86</v>
      </c>
      <c r="Q23760">
        <v>15</v>
      </c>
      <c r="R23760">
        <v>15</v>
      </c>
      <c r="S23760">
        <v>16</v>
      </c>
      <c r="T23760">
        <v>16</v>
      </c>
      <c r="U23760">
        <v>16</v>
      </c>
      <c r="V23760">
        <v>16</v>
      </c>
      <c r="W23760">
        <v>16</v>
      </c>
      <c r="X23760">
        <v>16</v>
      </c>
      <c r="Y23760">
        <v>16</v>
      </c>
      <c r="Z23760">
        <v>16</v>
      </c>
      <c r="AA23760">
        <v>16</v>
      </c>
      <c r="AB23760">
        <v>17</v>
      </c>
      <c r="AC23760">
        <v>17</v>
      </c>
      <c r="AD23760">
        <v>17</v>
      </c>
      <c r="AE23760">
        <v>17</v>
      </c>
      <c r="AF23760">
        <v>17</v>
      </c>
      <c r="AG23760">
        <v>17</v>
      </c>
      <c r="AH23760">
        <v>16</v>
      </c>
      <c r="AI23760">
        <v>16</v>
      </c>
      <c r="AJ23760">
        <v>16</v>
      </c>
      <c r="AK23760">
        <v>16</v>
      </c>
      <c r="AL23760">
        <v>16</v>
      </c>
      <c r="AM23760">
        <v>16</v>
      </c>
      <c r="AN23760">
        <v>16</v>
      </c>
      <c r="AO23760">
        <v>16</v>
      </c>
      <c r="AP23760">
        <v>16</v>
      </c>
      <c r="AQ23760">
        <v>16</v>
      </c>
    </row>
    <row r="23761" spans="1:43">
      <c r="A23761" t="s">
        <v>14711</v>
      </c>
      <c r="B23761" t="s">
        <v>14712</v>
      </c>
      <c r="C23761" t="s">
        <v>14687</v>
      </c>
      <c r="D23761" t="s">
        <v>14688</v>
      </c>
      <c r="E23761" t="s">
        <v>14535</v>
      </c>
      <c r="F23761" t="s">
        <v>14536</v>
      </c>
      <c r="G23761" t="s">
        <v>10734</v>
      </c>
      <c r="H23761" t="s">
        <v>10735</v>
      </c>
      <c r="I23761" s="2">
        <v>1</v>
      </c>
      <c r="J23761" s="2">
        <v>0</v>
      </c>
      <c r="K23761" s="2">
        <v>0</v>
      </c>
      <c r="L23761" t="s">
        <v>120</v>
      </c>
      <c r="M23761" t="s">
        <v>83</v>
      </c>
      <c r="N23761" t="s">
        <v>91</v>
      </c>
      <c r="O23761" t="s">
        <v>85</v>
      </c>
      <c r="P23761" t="s">
        <v>86</v>
      </c>
      <c r="Q23761">
        <v>15</v>
      </c>
      <c r="R23761">
        <v>15</v>
      </c>
      <c r="S23761">
        <v>15</v>
      </c>
      <c r="T23761">
        <v>15</v>
      </c>
      <c r="U23761">
        <v>15</v>
      </c>
      <c r="V23761">
        <v>15</v>
      </c>
      <c r="W23761">
        <v>15</v>
      </c>
      <c r="X23761">
        <v>16</v>
      </c>
      <c r="Y23761">
        <v>16</v>
      </c>
      <c r="Z23761">
        <v>16</v>
      </c>
      <c r="AA23761">
        <v>16</v>
      </c>
      <c r="AB23761">
        <v>16</v>
      </c>
      <c r="AC23761">
        <v>16</v>
      </c>
      <c r="AD23761">
        <v>16</v>
      </c>
      <c r="AE23761">
        <v>16</v>
      </c>
      <c r="AF23761">
        <v>16</v>
      </c>
      <c r="AG23761">
        <v>16</v>
      </c>
      <c r="AH23761">
        <v>16</v>
      </c>
      <c r="AI23761">
        <v>16</v>
      </c>
      <c r="AJ23761">
        <v>16</v>
      </c>
      <c r="AK23761">
        <v>16</v>
      </c>
      <c r="AL23761">
        <v>16</v>
      </c>
      <c r="AM23761">
        <v>16</v>
      </c>
      <c r="AN23761">
        <v>16</v>
      </c>
      <c r="AO23761">
        <v>16</v>
      </c>
      <c r="AP23761">
        <v>16</v>
      </c>
      <c r="AQ23761">
        <v>15</v>
      </c>
    </row>
    <row r="23762" spans="1:43">
      <c r="A23762" t="s">
        <v>14713</v>
      </c>
      <c r="B23762" t="s">
        <v>14714</v>
      </c>
      <c r="C23762" t="s">
        <v>14691</v>
      </c>
      <c r="D23762" t="s">
        <v>14692</v>
      </c>
      <c r="E23762" t="s">
        <v>14535</v>
      </c>
      <c r="F23762" t="s">
        <v>14536</v>
      </c>
      <c r="G23762" t="s">
        <v>10734</v>
      </c>
      <c r="H23762" t="s">
        <v>10735</v>
      </c>
      <c r="I23762" s="2">
        <v>1</v>
      </c>
      <c r="J23762" s="2">
        <v>0</v>
      </c>
      <c r="K23762" s="2">
        <v>0</v>
      </c>
      <c r="L23762" t="s">
        <v>120</v>
      </c>
      <c r="M23762" t="s">
        <v>83</v>
      </c>
      <c r="N23762" t="s">
        <v>84</v>
      </c>
      <c r="O23762" t="s">
        <v>85</v>
      </c>
      <c r="P23762" t="s">
        <v>86</v>
      </c>
      <c r="Q23762">
        <v>24</v>
      </c>
      <c r="R23762">
        <v>24</v>
      </c>
      <c r="S23762">
        <v>24</v>
      </c>
      <c r="T23762">
        <v>24</v>
      </c>
      <c r="U23762">
        <v>24</v>
      </c>
      <c r="V23762">
        <v>24</v>
      </c>
      <c r="W23762">
        <v>24</v>
      </c>
      <c r="X23762">
        <v>24</v>
      </c>
      <c r="Y23762">
        <v>24</v>
      </c>
      <c r="Z23762">
        <v>25</v>
      </c>
      <c r="AA23762">
        <v>25</v>
      </c>
      <c r="AB23762">
        <v>25</v>
      </c>
      <c r="AC23762">
        <v>25</v>
      </c>
      <c r="AD23762">
        <v>25</v>
      </c>
      <c r="AE23762">
        <v>25</v>
      </c>
      <c r="AF23762">
        <v>25</v>
      </c>
      <c r="AG23762">
        <v>25</v>
      </c>
      <c r="AH23762">
        <v>25</v>
      </c>
      <c r="AI23762">
        <v>25</v>
      </c>
      <c r="AJ23762">
        <v>25</v>
      </c>
      <c r="AK23762">
        <v>25</v>
      </c>
      <c r="AL23762">
        <v>25</v>
      </c>
      <c r="AM23762">
        <v>25</v>
      </c>
      <c r="AN23762">
        <v>25</v>
      </c>
      <c r="AO23762">
        <v>25</v>
      </c>
      <c r="AP23762">
        <v>25</v>
      </c>
      <c r="AQ23762">
        <v>24</v>
      </c>
    </row>
    <row r="23763" spans="1:43">
      <c r="A23763" t="s">
        <v>14713</v>
      </c>
      <c r="B23763" t="s">
        <v>14714</v>
      </c>
      <c r="C23763" t="s">
        <v>14691</v>
      </c>
      <c r="D23763" t="s">
        <v>14692</v>
      </c>
      <c r="E23763" t="s">
        <v>14535</v>
      </c>
      <c r="F23763" t="s">
        <v>14536</v>
      </c>
      <c r="G23763" t="s">
        <v>10734</v>
      </c>
      <c r="H23763" t="s">
        <v>10735</v>
      </c>
      <c r="I23763" s="2">
        <v>1</v>
      </c>
      <c r="J23763" s="2">
        <v>0</v>
      </c>
      <c r="K23763" s="2">
        <v>0</v>
      </c>
      <c r="L23763" t="s">
        <v>120</v>
      </c>
      <c r="M23763" t="s">
        <v>87</v>
      </c>
      <c r="N23763" t="s">
        <v>88</v>
      </c>
      <c r="O23763" t="s">
        <v>85</v>
      </c>
      <c r="P23763" t="s">
        <v>86</v>
      </c>
      <c r="Q23763">
        <v>24</v>
      </c>
      <c r="R23763">
        <v>23</v>
      </c>
      <c r="S23763">
        <v>23</v>
      </c>
      <c r="T23763">
        <v>23</v>
      </c>
      <c r="U23763">
        <v>23</v>
      </c>
      <c r="V23763">
        <v>23</v>
      </c>
      <c r="W23763">
        <v>23</v>
      </c>
      <c r="X23763">
        <v>23</v>
      </c>
      <c r="Y23763">
        <v>23</v>
      </c>
      <c r="Z23763">
        <v>23</v>
      </c>
      <c r="AA23763">
        <v>22</v>
      </c>
      <c r="AB23763">
        <v>22</v>
      </c>
      <c r="AC23763">
        <v>22</v>
      </c>
      <c r="AD23763">
        <v>22</v>
      </c>
      <c r="AE23763">
        <v>22</v>
      </c>
      <c r="AF23763">
        <v>22</v>
      </c>
      <c r="AG23763">
        <v>22</v>
      </c>
      <c r="AH23763">
        <v>22</v>
      </c>
      <c r="AI23763">
        <v>22</v>
      </c>
      <c r="AJ23763">
        <v>22</v>
      </c>
      <c r="AK23763">
        <v>22</v>
      </c>
      <c r="AL23763">
        <v>22</v>
      </c>
      <c r="AM23763">
        <v>21</v>
      </c>
      <c r="AN23763">
        <v>21</v>
      </c>
      <c r="AO23763">
        <v>21</v>
      </c>
      <c r="AP23763">
        <v>21</v>
      </c>
      <c r="AQ23763">
        <v>21</v>
      </c>
    </row>
    <row r="23764" spans="1:43">
      <c r="A23764" t="s">
        <v>14713</v>
      </c>
      <c r="B23764" t="s">
        <v>14714</v>
      </c>
      <c r="C23764" t="s">
        <v>14691</v>
      </c>
      <c r="D23764" t="s">
        <v>14692</v>
      </c>
      <c r="E23764" t="s">
        <v>14535</v>
      </c>
      <c r="F23764" t="s">
        <v>14536</v>
      </c>
      <c r="G23764" t="s">
        <v>10734</v>
      </c>
      <c r="H23764" t="s">
        <v>10735</v>
      </c>
      <c r="I23764" s="2">
        <v>1</v>
      </c>
      <c r="J23764" s="2">
        <v>0</v>
      </c>
      <c r="K23764" s="2">
        <v>0</v>
      </c>
      <c r="L23764" t="s">
        <v>120</v>
      </c>
      <c r="M23764" t="s">
        <v>89</v>
      </c>
      <c r="N23764" t="s">
        <v>90</v>
      </c>
      <c r="O23764" t="s">
        <v>85</v>
      </c>
      <c r="P23764" t="s">
        <v>86</v>
      </c>
      <c r="Q23764">
        <v>24</v>
      </c>
      <c r="R23764">
        <v>24</v>
      </c>
      <c r="S23764">
        <v>25</v>
      </c>
      <c r="T23764">
        <v>25</v>
      </c>
      <c r="U23764">
        <v>25</v>
      </c>
      <c r="V23764">
        <v>25</v>
      </c>
      <c r="W23764">
        <v>25</v>
      </c>
      <c r="X23764">
        <v>26</v>
      </c>
      <c r="Y23764">
        <v>26</v>
      </c>
      <c r="Z23764">
        <v>26</v>
      </c>
      <c r="AA23764">
        <v>26</v>
      </c>
      <c r="AB23764">
        <v>26</v>
      </c>
      <c r="AC23764">
        <v>26</v>
      </c>
      <c r="AD23764">
        <v>27</v>
      </c>
      <c r="AE23764">
        <v>27</v>
      </c>
      <c r="AF23764">
        <v>26</v>
      </c>
      <c r="AG23764">
        <v>26</v>
      </c>
      <c r="AH23764">
        <v>26</v>
      </c>
      <c r="AI23764">
        <v>26</v>
      </c>
      <c r="AJ23764">
        <v>26</v>
      </c>
      <c r="AK23764">
        <v>26</v>
      </c>
      <c r="AL23764">
        <v>25</v>
      </c>
      <c r="AM23764">
        <v>25</v>
      </c>
      <c r="AN23764">
        <v>25</v>
      </c>
      <c r="AO23764">
        <v>25</v>
      </c>
      <c r="AP23764">
        <v>25</v>
      </c>
      <c r="AQ23764">
        <v>25</v>
      </c>
    </row>
    <row r="23765" spans="1:43">
      <c r="A23765" t="s">
        <v>14713</v>
      </c>
      <c r="B23765" t="s">
        <v>14714</v>
      </c>
      <c r="C23765" t="s">
        <v>14691</v>
      </c>
      <c r="D23765" t="s">
        <v>14692</v>
      </c>
      <c r="E23765" t="s">
        <v>14535</v>
      </c>
      <c r="F23765" t="s">
        <v>14536</v>
      </c>
      <c r="G23765" t="s">
        <v>10734</v>
      </c>
      <c r="H23765" t="s">
        <v>10735</v>
      </c>
      <c r="I23765" s="2">
        <v>1</v>
      </c>
      <c r="J23765" s="2">
        <v>0</v>
      </c>
      <c r="K23765" s="2">
        <v>0</v>
      </c>
      <c r="L23765" t="s">
        <v>120</v>
      </c>
      <c r="M23765" t="s">
        <v>83</v>
      </c>
      <c r="N23765" t="s">
        <v>91</v>
      </c>
      <c r="O23765" t="s">
        <v>85</v>
      </c>
      <c r="P23765" t="s">
        <v>86</v>
      </c>
      <c r="Q23765">
        <v>24</v>
      </c>
      <c r="R23765">
        <v>24</v>
      </c>
      <c r="S23765">
        <v>24</v>
      </c>
      <c r="T23765">
        <v>24</v>
      </c>
      <c r="U23765">
        <v>24</v>
      </c>
      <c r="V23765">
        <v>24</v>
      </c>
      <c r="W23765">
        <v>24</v>
      </c>
      <c r="X23765">
        <v>24</v>
      </c>
      <c r="Y23765">
        <v>24</v>
      </c>
      <c r="Z23765">
        <v>25</v>
      </c>
      <c r="AA23765">
        <v>25</v>
      </c>
      <c r="AB23765">
        <v>25</v>
      </c>
      <c r="AC23765">
        <v>25</v>
      </c>
      <c r="AD23765">
        <v>25</v>
      </c>
      <c r="AE23765">
        <v>25</v>
      </c>
      <c r="AF23765">
        <v>25</v>
      </c>
      <c r="AG23765">
        <v>25</v>
      </c>
      <c r="AH23765">
        <v>25</v>
      </c>
      <c r="AI23765">
        <v>25</v>
      </c>
      <c r="AJ23765">
        <v>25</v>
      </c>
      <c r="AK23765">
        <v>25</v>
      </c>
      <c r="AL23765">
        <v>25</v>
      </c>
      <c r="AM23765">
        <v>25</v>
      </c>
      <c r="AN23765">
        <v>25</v>
      </c>
      <c r="AO23765">
        <v>25</v>
      </c>
      <c r="AP23765">
        <v>25</v>
      </c>
      <c r="AQ23765">
        <v>24</v>
      </c>
    </row>
    <row r="23766" spans="1:43">
      <c r="A23766" t="s">
        <v>14715</v>
      </c>
      <c r="B23766" t="s">
        <v>14716</v>
      </c>
      <c r="C23766" t="s">
        <v>14717</v>
      </c>
      <c r="D23766" t="s">
        <v>14718</v>
      </c>
      <c r="E23766" t="s">
        <v>14535</v>
      </c>
      <c r="F23766" t="s">
        <v>14536</v>
      </c>
      <c r="G23766" t="s">
        <v>10734</v>
      </c>
      <c r="H23766" t="s">
        <v>10735</v>
      </c>
      <c r="I23766" s="2">
        <v>1</v>
      </c>
      <c r="J23766" s="2">
        <v>0</v>
      </c>
      <c r="K23766" s="2">
        <v>0</v>
      </c>
      <c r="L23766" t="s">
        <v>120</v>
      </c>
      <c r="M23766" t="s">
        <v>83</v>
      </c>
      <c r="N23766" t="s">
        <v>84</v>
      </c>
      <c r="O23766" t="s">
        <v>85</v>
      </c>
      <c r="P23766" t="s">
        <v>86</v>
      </c>
      <c r="Q23766">
        <v>13</v>
      </c>
      <c r="R23766">
        <v>13</v>
      </c>
      <c r="S23766">
        <v>13</v>
      </c>
      <c r="T23766">
        <v>13</v>
      </c>
      <c r="U23766">
        <v>13</v>
      </c>
      <c r="V23766">
        <v>13</v>
      </c>
      <c r="W23766">
        <v>13</v>
      </c>
      <c r="X23766">
        <v>13</v>
      </c>
      <c r="Y23766">
        <v>13</v>
      </c>
      <c r="Z23766">
        <v>13</v>
      </c>
      <c r="AA23766">
        <v>13</v>
      </c>
      <c r="AB23766">
        <v>13</v>
      </c>
      <c r="AC23766">
        <v>14</v>
      </c>
      <c r="AD23766">
        <v>14</v>
      </c>
      <c r="AE23766">
        <v>14</v>
      </c>
      <c r="AF23766">
        <v>14</v>
      </c>
      <c r="AG23766">
        <v>14</v>
      </c>
      <c r="AH23766">
        <v>14</v>
      </c>
      <c r="AI23766">
        <v>14</v>
      </c>
      <c r="AJ23766">
        <v>14</v>
      </c>
      <c r="AK23766">
        <v>14</v>
      </c>
      <c r="AL23766">
        <v>14</v>
      </c>
      <c r="AM23766">
        <v>14</v>
      </c>
      <c r="AN23766">
        <v>14</v>
      </c>
      <c r="AO23766">
        <v>13</v>
      </c>
      <c r="AP23766">
        <v>13</v>
      </c>
      <c r="AQ23766">
        <v>13</v>
      </c>
    </row>
    <row r="23767" spans="1:43">
      <c r="A23767" t="s">
        <v>14715</v>
      </c>
      <c r="B23767" t="s">
        <v>14716</v>
      </c>
      <c r="C23767" t="s">
        <v>14717</v>
      </c>
      <c r="D23767" t="s">
        <v>14718</v>
      </c>
      <c r="E23767" t="s">
        <v>14535</v>
      </c>
      <c r="F23767" t="s">
        <v>14536</v>
      </c>
      <c r="G23767" t="s">
        <v>10734</v>
      </c>
      <c r="H23767" t="s">
        <v>10735</v>
      </c>
      <c r="I23767" s="2">
        <v>1</v>
      </c>
      <c r="J23767" s="2">
        <v>0</v>
      </c>
      <c r="K23767" s="2">
        <v>0</v>
      </c>
      <c r="L23767" t="s">
        <v>120</v>
      </c>
      <c r="M23767" t="s">
        <v>87</v>
      </c>
      <c r="N23767" t="s">
        <v>88</v>
      </c>
      <c r="O23767" t="s">
        <v>85</v>
      </c>
      <c r="P23767" t="s">
        <v>86</v>
      </c>
      <c r="Q23767">
        <v>13</v>
      </c>
      <c r="R23767">
        <v>13</v>
      </c>
      <c r="S23767">
        <v>13</v>
      </c>
      <c r="T23767">
        <v>13</v>
      </c>
      <c r="U23767">
        <v>13</v>
      </c>
      <c r="V23767">
        <v>13</v>
      </c>
      <c r="W23767">
        <v>13</v>
      </c>
      <c r="X23767">
        <v>12</v>
      </c>
      <c r="Y23767">
        <v>12</v>
      </c>
      <c r="Z23767">
        <v>12</v>
      </c>
      <c r="AA23767">
        <v>12</v>
      </c>
      <c r="AB23767">
        <v>12</v>
      </c>
      <c r="AC23767">
        <v>12</v>
      </c>
      <c r="AD23767">
        <v>12</v>
      </c>
      <c r="AE23767">
        <v>12</v>
      </c>
      <c r="AF23767">
        <v>12</v>
      </c>
      <c r="AG23767">
        <v>12</v>
      </c>
      <c r="AH23767">
        <v>12</v>
      </c>
      <c r="AI23767">
        <v>12</v>
      </c>
      <c r="AJ23767">
        <v>12</v>
      </c>
      <c r="AK23767">
        <v>12</v>
      </c>
      <c r="AL23767">
        <v>12</v>
      </c>
      <c r="AM23767">
        <v>12</v>
      </c>
      <c r="AN23767">
        <v>12</v>
      </c>
      <c r="AO23767">
        <v>12</v>
      </c>
      <c r="AP23767">
        <v>12</v>
      </c>
      <c r="AQ23767">
        <v>12</v>
      </c>
    </row>
    <row r="23768" spans="1:43">
      <c r="A23768" t="s">
        <v>14715</v>
      </c>
      <c r="B23768" t="s">
        <v>14716</v>
      </c>
      <c r="C23768" t="s">
        <v>14717</v>
      </c>
      <c r="D23768" t="s">
        <v>14718</v>
      </c>
      <c r="E23768" t="s">
        <v>14535</v>
      </c>
      <c r="F23768" t="s">
        <v>14536</v>
      </c>
      <c r="G23768" t="s">
        <v>10734</v>
      </c>
      <c r="H23768" t="s">
        <v>10735</v>
      </c>
      <c r="I23768" s="2">
        <v>1</v>
      </c>
      <c r="J23768" s="2">
        <v>0</v>
      </c>
      <c r="K23768" s="2">
        <v>0</v>
      </c>
      <c r="L23768" t="s">
        <v>120</v>
      </c>
      <c r="M23768" t="s">
        <v>89</v>
      </c>
      <c r="N23768" t="s">
        <v>90</v>
      </c>
      <c r="O23768" t="s">
        <v>85</v>
      </c>
      <c r="P23768" t="s">
        <v>86</v>
      </c>
      <c r="Q23768">
        <v>13</v>
      </c>
      <c r="R23768">
        <v>13</v>
      </c>
      <c r="S23768">
        <v>13</v>
      </c>
      <c r="T23768">
        <v>14</v>
      </c>
      <c r="U23768">
        <v>14</v>
      </c>
      <c r="V23768">
        <v>14</v>
      </c>
      <c r="W23768">
        <v>14</v>
      </c>
      <c r="X23768">
        <v>14</v>
      </c>
      <c r="Y23768">
        <v>14</v>
      </c>
      <c r="Z23768">
        <v>14</v>
      </c>
      <c r="AA23768">
        <v>14</v>
      </c>
      <c r="AB23768">
        <v>14</v>
      </c>
      <c r="AC23768">
        <v>14</v>
      </c>
      <c r="AD23768">
        <v>15</v>
      </c>
      <c r="AE23768">
        <v>15</v>
      </c>
      <c r="AF23768">
        <v>14</v>
      </c>
      <c r="AG23768">
        <v>14</v>
      </c>
      <c r="AH23768">
        <v>14</v>
      </c>
      <c r="AI23768">
        <v>14</v>
      </c>
      <c r="AJ23768">
        <v>14</v>
      </c>
      <c r="AK23768">
        <v>14</v>
      </c>
      <c r="AL23768">
        <v>14</v>
      </c>
      <c r="AM23768">
        <v>14</v>
      </c>
      <c r="AN23768">
        <v>14</v>
      </c>
      <c r="AO23768">
        <v>14</v>
      </c>
      <c r="AP23768">
        <v>14</v>
      </c>
      <c r="AQ23768">
        <v>13</v>
      </c>
    </row>
    <row r="23769" spans="1:43">
      <c r="A23769" t="s">
        <v>14715</v>
      </c>
      <c r="B23769" t="s">
        <v>14716</v>
      </c>
      <c r="C23769" t="s">
        <v>14717</v>
      </c>
      <c r="D23769" t="s">
        <v>14718</v>
      </c>
      <c r="E23769" t="s">
        <v>14535</v>
      </c>
      <c r="F23769" t="s">
        <v>14536</v>
      </c>
      <c r="G23769" t="s">
        <v>10734</v>
      </c>
      <c r="H23769" t="s">
        <v>10735</v>
      </c>
      <c r="I23769" s="2">
        <v>1</v>
      </c>
      <c r="J23769" s="2">
        <v>0</v>
      </c>
      <c r="K23769" s="2">
        <v>0</v>
      </c>
      <c r="L23769" t="s">
        <v>120</v>
      </c>
      <c r="M23769" t="s">
        <v>83</v>
      </c>
      <c r="N23769" t="s">
        <v>91</v>
      </c>
      <c r="O23769" t="s">
        <v>85</v>
      </c>
      <c r="P23769" t="s">
        <v>86</v>
      </c>
      <c r="Q23769">
        <v>13</v>
      </c>
      <c r="R23769">
        <v>13</v>
      </c>
      <c r="S23769">
        <v>13</v>
      </c>
      <c r="T23769">
        <v>13</v>
      </c>
      <c r="U23769">
        <v>13</v>
      </c>
      <c r="V23769">
        <v>13</v>
      </c>
      <c r="W23769">
        <v>13</v>
      </c>
      <c r="X23769">
        <v>13</v>
      </c>
      <c r="Y23769">
        <v>13</v>
      </c>
      <c r="Z23769">
        <v>13</v>
      </c>
      <c r="AA23769">
        <v>13</v>
      </c>
      <c r="AB23769">
        <v>13</v>
      </c>
      <c r="AC23769">
        <v>14</v>
      </c>
      <c r="AD23769">
        <v>14</v>
      </c>
      <c r="AE23769">
        <v>14</v>
      </c>
      <c r="AF23769">
        <v>14</v>
      </c>
      <c r="AG23769">
        <v>14</v>
      </c>
      <c r="AH23769">
        <v>14</v>
      </c>
      <c r="AI23769">
        <v>14</v>
      </c>
      <c r="AJ23769">
        <v>14</v>
      </c>
      <c r="AK23769">
        <v>14</v>
      </c>
      <c r="AL23769">
        <v>14</v>
      </c>
      <c r="AM23769">
        <v>14</v>
      </c>
      <c r="AN23769">
        <v>14</v>
      </c>
      <c r="AO23769">
        <v>13</v>
      </c>
      <c r="AP23769">
        <v>13</v>
      </c>
      <c r="AQ23769">
        <v>13</v>
      </c>
    </row>
    <row r="23770" spans="1:43">
      <c r="A23770" t="s">
        <v>14719</v>
      </c>
      <c r="B23770" t="s">
        <v>14720</v>
      </c>
      <c r="C23770" t="s">
        <v>14717</v>
      </c>
      <c r="D23770" t="s">
        <v>14718</v>
      </c>
      <c r="E23770" t="s">
        <v>14535</v>
      </c>
      <c r="F23770" t="s">
        <v>14536</v>
      </c>
      <c r="G23770" t="s">
        <v>10734</v>
      </c>
      <c r="H23770" t="s">
        <v>10735</v>
      </c>
      <c r="I23770" s="2">
        <v>1</v>
      </c>
      <c r="J23770" s="2">
        <v>0</v>
      </c>
      <c r="K23770" s="2">
        <v>0</v>
      </c>
      <c r="L23770" t="s">
        <v>120</v>
      </c>
      <c r="M23770" t="s">
        <v>83</v>
      </c>
      <c r="N23770" t="s">
        <v>84</v>
      </c>
      <c r="O23770" t="s">
        <v>85</v>
      </c>
      <c r="P23770" t="s">
        <v>86</v>
      </c>
      <c r="Q23770">
        <v>15</v>
      </c>
      <c r="R23770">
        <v>15</v>
      </c>
      <c r="S23770">
        <v>15</v>
      </c>
      <c r="T23770">
        <v>15</v>
      </c>
      <c r="U23770">
        <v>15</v>
      </c>
      <c r="V23770">
        <v>15</v>
      </c>
      <c r="W23770">
        <v>15</v>
      </c>
      <c r="X23770">
        <v>15</v>
      </c>
      <c r="Y23770">
        <v>15</v>
      </c>
      <c r="Z23770">
        <v>15</v>
      </c>
      <c r="AA23770">
        <v>15</v>
      </c>
      <c r="AB23770">
        <v>15</v>
      </c>
      <c r="AC23770">
        <v>15</v>
      </c>
      <c r="AD23770">
        <v>15</v>
      </c>
      <c r="AE23770">
        <v>15</v>
      </c>
      <c r="AF23770">
        <v>16</v>
      </c>
      <c r="AG23770">
        <v>16</v>
      </c>
      <c r="AH23770">
        <v>16</v>
      </c>
      <c r="AI23770">
        <v>16</v>
      </c>
      <c r="AJ23770">
        <v>16</v>
      </c>
      <c r="AK23770">
        <v>16</v>
      </c>
      <c r="AL23770">
        <v>16</v>
      </c>
      <c r="AM23770">
        <v>16</v>
      </c>
      <c r="AN23770">
        <v>15</v>
      </c>
      <c r="AO23770">
        <v>15</v>
      </c>
      <c r="AP23770">
        <v>15</v>
      </c>
      <c r="AQ23770">
        <v>15</v>
      </c>
    </row>
    <row r="23771" spans="1:43">
      <c r="A23771" t="s">
        <v>14719</v>
      </c>
      <c r="B23771" t="s">
        <v>14720</v>
      </c>
      <c r="C23771" t="s">
        <v>14717</v>
      </c>
      <c r="D23771" t="s">
        <v>14718</v>
      </c>
      <c r="E23771" t="s">
        <v>14535</v>
      </c>
      <c r="F23771" t="s">
        <v>14536</v>
      </c>
      <c r="G23771" t="s">
        <v>10734</v>
      </c>
      <c r="H23771" t="s">
        <v>10735</v>
      </c>
      <c r="I23771" s="2">
        <v>1</v>
      </c>
      <c r="J23771" s="2">
        <v>0</v>
      </c>
      <c r="K23771" s="2">
        <v>0</v>
      </c>
      <c r="L23771" t="s">
        <v>120</v>
      </c>
      <c r="M23771" t="s">
        <v>87</v>
      </c>
      <c r="N23771" t="s">
        <v>88</v>
      </c>
      <c r="O23771" t="s">
        <v>85</v>
      </c>
      <c r="P23771" t="s">
        <v>86</v>
      </c>
      <c r="Q23771">
        <v>15</v>
      </c>
      <c r="R23771">
        <v>15</v>
      </c>
      <c r="S23771">
        <v>15</v>
      </c>
      <c r="T23771">
        <v>14</v>
      </c>
      <c r="U23771">
        <v>14</v>
      </c>
      <c r="V23771">
        <v>14</v>
      </c>
      <c r="W23771">
        <v>14</v>
      </c>
      <c r="X23771">
        <v>14</v>
      </c>
      <c r="Y23771">
        <v>14</v>
      </c>
      <c r="Z23771">
        <v>14</v>
      </c>
      <c r="AA23771">
        <v>14</v>
      </c>
      <c r="AB23771">
        <v>14</v>
      </c>
      <c r="AC23771">
        <v>14</v>
      </c>
      <c r="AD23771">
        <v>14</v>
      </c>
      <c r="AE23771">
        <v>14</v>
      </c>
      <c r="AF23771">
        <v>14</v>
      </c>
      <c r="AG23771">
        <v>14</v>
      </c>
      <c r="AH23771">
        <v>14</v>
      </c>
      <c r="AI23771">
        <v>14</v>
      </c>
      <c r="AJ23771">
        <v>14</v>
      </c>
      <c r="AK23771">
        <v>13</v>
      </c>
      <c r="AL23771">
        <v>13</v>
      </c>
      <c r="AM23771">
        <v>13</v>
      </c>
      <c r="AN23771">
        <v>13</v>
      </c>
      <c r="AO23771">
        <v>13</v>
      </c>
      <c r="AP23771">
        <v>13</v>
      </c>
      <c r="AQ23771">
        <v>13</v>
      </c>
    </row>
    <row r="23772" spans="1:43">
      <c r="A23772" t="s">
        <v>14719</v>
      </c>
      <c r="B23772" t="s">
        <v>14720</v>
      </c>
      <c r="C23772" t="s">
        <v>14717</v>
      </c>
      <c r="D23772" t="s">
        <v>14718</v>
      </c>
      <c r="E23772" t="s">
        <v>14535</v>
      </c>
      <c r="F23772" t="s">
        <v>14536</v>
      </c>
      <c r="G23772" t="s">
        <v>10734</v>
      </c>
      <c r="H23772" t="s">
        <v>10735</v>
      </c>
      <c r="I23772" s="2">
        <v>1</v>
      </c>
      <c r="J23772" s="2">
        <v>0</v>
      </c>
      <c r="K23772" s="2">
        <v>0</v>
      </c>
      <c r="L23772" t="s">
        <v>120</v>
      </c>
      <c r="M23772" t="s">
        <v>89</v>
      </c>
      <c r="N23772" t="s">
        <v>90</v>
      </c>
      <c r="O23772" t="s">
        <v>85</v>
      </c>
      <c r="P23772" t="s">
        <v>86</v>
      </c>
      <c r="Q23772">
        <v>15</v>
      </c>
      <c r="R23772">
        <v>15</v>
      </c>
      <c r="S23772">
        <v>15</v>
      </c>
      <c r="T23772">
        <v>16</v>
      </c>
      <c r="U23772">
        <v>16</v>
      </c>
      <c r="V23772">
        <v>16</v>
      </c>
      <c r="W23772">
        <v>16</v>
      </c>
      <c r="X23772">
        <v>16</v>
      </c>
      <c r="Y23772">
        <v>16</v>
      </c>
      <c r="Z23772">
        <v>16</v>
      </c>
      <c r="AA23772">
        <v>16</v>
      </c>
      <c r="AB23772">
        <v>16</v>
      </c>
      <c r="AC23772">
        <v>16</v>
      </c>
      <c r="AD23772">
        <v>17</v>
      </c>
      <c r="AE23772">
        <v>17</v>
      </c>
      <c r="AF23772">
        <v>16</v>
      </c>
      <c r="AG23772">
        <v>16</v>
      </c>
      <c r="AH23772">
        <v>16</v>
      </c>
      <c r="AI23772">
        <v>16</v>
      </c>
      <c r="AJ23772">
        <v>16</v>
      </c>
      <c r="AK23772">
        <v>16</v>
      </c>
      <c r="AL23772">
        <v>16</v>
      </c>
      <c r="AM23772">
        <v>16</v>
      </c>
      <c r="AN23772">
        <v>16</v>
      </c>
      <c r="AO23772">
        <v>16</v>
      </c>
      <c r="AP23772">
        <v>15</v>
      </c>
      <c r="AQ23772">
        <v>15</v>
      </c>
    </row>
    <row r="23773" spans="1:43">
      <c r="A23773" t="s">
        <v>14719</v>
      </c>
      <c r="B23773" t="s">
        <v>14720</v>
      </c>
      <c r="C23773" t="s">
        <v>14717</v>
      </c>
      <c r="D23773" t="s">
        <v>14718</v>
      </c>
      <c r="E23773" t="s">
        <v>14535</v>
      </c>
      <c r="F23773" t="s">
        <v>14536</v>
      </c>
      <c r="G23773" t="s">
        <v>10734</v>
      </c>
      <c r="H23773" t="s">
        <v>10735</v>
      </c>
      <c r="I23773" s="2">
        <v>1</v>
      </c>
      <c r="J23773" s="2">
        <v>0</v>
      </c>
      <c r="K23773" s="2">
        <v>0</v>
      </c>
      <c r="L23773" t="s">
        <v>120</v>
      </c>
      <c r="M23773" t="s">
        <v>83</v>
      </c>
      <c r="N23773" t="s">
        <v>91</v>
      </c>
      <c r="O23773" t="s">
        <v>85</v>
      </c>
      <c r="P23773" t="s">
        <v>86</v>
      </c>
      <c r="Q23773">
        <v>15</v>
      </c>
      <c r="R23773">
        <v>15</v>
      </c>
      <c r="S23773">
        <v>15</v>
      </c>
      <c r="T23773">
        <v>15</v>
      </c>
      <c r="U23773">
        <v>15</v>
      </c>
      <c r="V23773">
        <v>15</v>
      </c>
      <c r="W23773">
        <v>15</v>
      </c>
      <c r="X23773">
        <v>15</v>
      </c>
      <c r="Y23773">
        <v>15</v>
      </c>
      <c r="Z23773">
        <v>15</v>
      </c>
      <c r="AA23773">
        <v>15</v>
      </c>
      <c r="AB23773">
        <v>15</v>
      </c>
      <c r="AC23773">
        <v>15</v>
      </c>
      <c r="AD23773">
        <v>15</v>
      </c>
      <c r="AE23773">
        <v>15</v>
      </c>
      <c r="AF23773">
        <v>16</v>
      </c>
      <c r="AG23773">
        <v>16</v>
      </c>
      <c r="AH23773">
        <v>16</v>
      </c>
      <c r="AI23773">
        <v>16</v>
      </c>
      <c r="AJ23773">
        <v>16</v>
      </c>
      <c r="AK23773">
        <v>16</v>
      </c>
      <c r="AL23773">
        <v>16</v>
      </c>
      <c r="AM23773">
        <v>16</v>
      </c>
      <c r="AN23773">
        <v>15</v>
      </c>
      <c r="AO23773">
        <v>15</v>
      </c>
      <c r="AP23773">
        <v>15</v>
      </c>
      <c r="AQ23773">
        <v>15</v>
      </c>
    </row>
    <row r="23774" spans="1:43">
      <c r="A23774" t="s">
        <v>14721</v>
      </c>
      <c r="B23774" t="s">
        <v>14722</v>
      </c>
      <c r="C23774" t="s">
        <v>14717</v>
      </c>
      <c r="D23774" t="s">
        <v>14718</v>
      </c>
      <c r="E23774" t="s">
        <v>14535</v>
      </c>
      <c r="F23774" t="s">
        <v>14536</v>
      </c>
      <c r="G23774" t="s">
        <v>10734</v>
      </c>
      <c r="H23774" t="s">
        <v>10735</v>
      </c>
      <c r="I23774" s="2">
        <v>1</v>
      </c>
      <c r="J23774" s="2">
        <v>0</v>
      </c>
      <c r="K23774" s="2">
        <v>0</v>
      </c>
      <c r="L23774" t="s">
        <v>120</v>
      </c>
      <c r="M23774" t="s">
        <v>83</v>
      </c>
      <c r="N23774" t="s">
        <v>84</v>
      </c>
      <c r="O23774" t="s">
        <v>85</v>
      </c>
      <c r="P23774" t="s">
        <v>86</v>
      </c>
      <c r="Q23774">
        <v>14</v>
      </c>
      <c r="R23774">
        <v>14</v>
      </c>
      <c r="S23774">
        <v>14</v>
      </c>
      <c r="T23774">
        <v>14</v>
      </c>
      <c r="U23774">
        <v>14</v>
      </c>
      <c r="V23774">
        <v>14</v>
      </c>
      <c r="W23774">
        <v>14</v>
      </c>
      <c r="X23774">
        <v>14</v>
      </c>
      <c r="Y23774">
        <v>14</v>
      </c>
      <c r="Z23774">
        <v>14</v>
      </c>
      <c r="AA23774">
        <v>14</v>
      </c>
      <c r="AB23774">
        <v>14</v>
      </c>
      <c r="AC23774">
        <v>14</v>
      </c>
      <c r="AD23774">
        <v>15</v>
      </c>
      <c r="AE23774">
        <v>15</v>
      </c>
      <c r="AF23774">
        <v>15</v>
      </c>
      <c r="AG23774">
        <v>15</v>
      </c>
      <c r="AH23774">
        <v>15</v>
      </c>
      <c r="AI23774">
        <v>15</v>
      </c>
      <c r="AJ23774">
        <v>15</v>
      </c>
      <c r="AK23774">
        <v>15</v>
      </c>
      <c r="AL23774">
        <v>15</v>
      </c>
      <c r="AM23774">
        <v>15</v>
      </c>
      <c r="AN23774">
        <v>15</v>
      </c>
      <c r="AO23774">
        <v>14</v>
      </c>
      <c r="AP23774">
        <v>14</v>
      </c>
      <c r="AQ23774">
        <v>14</v>
      </c>
    </row>
    <row r="23775" spans="1:43">
      <c r="A23775" t="s">
        <v>14721</v>
      </c>
      <c r="B23775" t="s">
        <v>14722</v>
      </c>
      <c r="C23775" t="s">
        <v>14717</v>
      </c>
      <c r="D23775" t="s">
        <v>14718</v>
      </c>
      <c r="E23775" t="s">
        <v>14535</v>
      </c>
      <c r="F23775" t="s">
        <v>14536</v>
      </c>
      <c r="G23775" t="s">
        <v>10734</v>
      </c>
      <c r="H23775" t="s">
        <v>10735</v>
      </c>
      <c r="I23775" s="2">
        <v>1</v>
      </c>
      <c r="J23775" s="2">
        <v>0</v>
      </c>
      <c r="K23775" s="2">
        <v>0</v>
      </c>
      <c r="L23775" t="s">
        <v>120</v>
      </c>
      <c r="M23775" t="s">
        <v>87</v>
      </c>
      <c r="N23775" t="s">
        <v>88</v>
      </c>
      <c r="O23775" t="s">
        <v>85</v>
      </c>
      <c r="P23775" t="s">
        <v>86</v>
      </c>
      <c r="Q23775">
        <v>14</v>
      </c>
      <c r="R23775">
        <v>14</v>
      </c>
      <c r="S23775">
        <v>14</v>
      </c>
      <c r="T23775">
        <v>14</v>
      </c>
      <c r="U23775">
        <v>13</v>
      </c>
      <c r="V23775">
        <v>13</v>
      </c>
      <c r="W23775">
        <v>13</v>
      </c>
      <c r="X23775">
        <v>13</v>
      </c>
      <c r="Y23775">
        <v>13</v>
      </c>
      <c r="Z23775">
        <v>13</v>
      </c>
      <c r="AA23775">
        <v>13</v>
      </c>
      <c r="AB23775">
        <v>13</v>
      </c>
      <c r="AC23775">
        <v>13</v>
      </c>
      <c r="AD23775">
        <v>13</v>
      </c>
      <c r="AE23775">
        <v>13</v>
      </c>
      <c r="AF23775">
        <v>13</v>
      </c>
      <c r="AG23775">
        <v>13</v>
      </c>
      <c r="AH23775">
        <v>13</v>
      </c>
      <c r="AI23775">
        <v>13</v>
      </c>
      <c r="AJ23775">
        <v>13</v>
      </c>
      <c r="AK23775">
        <v>13</v>
      </c>
      <c r="AL23775">
        <v>13</v>
      </c>
      <c r="AM23775">
        <v>13</v>
      </c>
      <c r="AN23775">
        <v>13</v>
      </c>
      <c r="AO23775">
        <v>13</v>
      </c>
      <c r="AP23775">
        <v>13</v>
      </c>
      <c r="AQ23775">
        <v>13</v>
      </c>
    </row>
    <row r="23776" spans="1:43">
      <c r="A23776" t="s">
        <v>14721</v>
      </c>
      <c r="B23776" t="s">
        <v>14722</v>
      </c>
      <c r="C23776" t="s">
        <v>14717</v>
      </c>
      <c r="D23776" t="s">
        <v>14718</v>
      </c>
      <c r="E23776" t="s">
        <v>14535</v>
      </c>
      <c r="F23776" t="s">
        <v>14536</v>
      </c>
      <c r="G23776" t="s">
        <v>10734</v>
      </c>
      <c r="H23776" t="s">
        <v>10735</v>
      </c>
      <c r="I23776" s="2">
        <v>1</v>
      </c>
      <c r="J23776" s="2">
        <v>0</v>
      </c>
      <c r="K23776" s="2">
        <v>0</v>
      </c>
      <c r="L23776" t="s">
        <v>120</v>
      </c>
      <c r="M23776" t="s">
        <v>89</v>
      </c>
      <c r="N23776" t="s">
        <v>90</v>
      </c>
      <c r="O23776" t="s">
        <v>85</v>
      </c>
      <c r="P23776" t="s">
        <v>86</v>
      </c>
      <c r="Q23776">
        <v>14</v>
      </c>
      <c r="R23776">
        <v>14</v>
      </c>
      <c r="S23776">
        <v>14</v>
      </c>
      <c r="T23776">
        <v>15</v>
      </c>
      <c r="U23776">
        <v>15</v>
      </c>
      <c r="V23776">
        <v>15</v>
      </c>
      <c r="W23776">
        <v>15</v>
      </c>
      <c r="X23776">
        <v>15</v>
      </c>
      <c r="Y23776">
        <v>15</v>
      </c>
      <c r="Z23776">
        <v>15</v>
      </c>
      <c r="AA23776">
        <v>15</v>
      </c>
      <c r="AB23776">
        <v>15</v>
      </c>
      <c r="AC23776">
        <v>15</v>
      </c>
      <c r="AD23776">
        <v>16</v>
      </c>
      <c r="AE23776">
        <v>16</v>
      </c>
      <c r="AF23776">
        <v>15</v>
      </c>
      <c r="AG23776">
        <v>15</v>
      </c>
      <c r="AH23776">
        <v>15</v>
      </c>
      <c r="AI23776">
        <v>15</v>
      </c>
      <c r="AJ23776">
        <v>15</v>
      </c>
      <c r="AK23776">
        <v>15</v>
      </c>
      <c r="AL23776">
        <v>15</v>
      </c>
      <c r="AM23776">
        <v>15</v>
      </c>
      <c r="AN23776">
        <v>15</v>
      </c>
      <c r="AO23776">
        <v>15</v>
      </c>
      <c r="AP23776">
        <v>15</v>
      </c>
      <c r="AQ23776">
        <v>15</v>
      </c>
    </row>
    <row r="23777" spans="1:43">
      <c r="A23777" t="s">
        <v>14721</v>
      </c>
      <c r="B23777" t="s">
        <v>14722</v>
      </c>
      <c r="C23777" t="s">
        <v>14717</v>
      </c>
      <c r="D23777" t="s">
        <v>14718</v>
      </c>
      <c r="E23777" t="s">
        <v>14535</v>
      </c>
      <c r="F23777" t="s">
        <v>14536</v>
      </c>
      <c r="G23777" t="s">
        <v>10734</v>
      </c>
      <c r="H23777" t="s">
        <v>10735</v>
      </c>
      <c r="I23777" s="2">
        <v>1</v>
      </c>
      <c r="J23777" s="2">
        <v>0</v>
      </c>
      <c r="K23777" s="2">
        <v>0</v>
      </c>
      <c r="L23777" t="s">
        <v>120</v>
      </c>
      <c r="M23777" t="s">
        <v>83</v>
      </c>
      <c r="N23777" t="s">
        <v>91</v>
      </c>
      <c r="O23777" t="s">
        <v>85</v>
      </c>
      <c r="P23777" t="s">
        <v>86</v>
      </c>
      <c r="Q23777">
        <v>14</v>
      </c>
      <c r="R23777">
        <v>14</v>
      </c>
      <c r="S23777">
        <v>14</v>
      </c>
      <c r="T23777">
        <v>14</v>
      </c>
      <c r="U23777">
        <v>14</v>
      </c>
      <c r="V23777">
        <v>14</v>
      </c>
      <c r="W23777">
        <v>14</v>
      </c>
      <c r="X23777">
        <v>14</v>
      </c>
      <c r="Y23777">
        <v>14</v>
      </c>
      <c r="Z23777">
        <v>14</v>
      </c>
      <c r="AA23777">
        <v>14</v>
      </c>
      <c r="AB23777">
        <v>14</v>
      </c>
      <c r="AC23777">
        <v>14</v>
      </c>
      <c r="AD23777">
        <v>15</v>
      </c>
      <c r="AE23777">
        <v>15</v>
      </c>
      <c r="AF23777">
        <v>15</v>
      </c>
      <c r="AG23777">
        <v>15</v>
      </c>
      <c r="AH23777">
        <v>15</v>
      </c>
      <c r="AI23777">
        <v>15</v>
      </c>
      <c r="AJ23777">
        <v>15</v>
      </c>
      <c r="AK23777">
        <v>15</v>
      </c>
      <c r="AL23777">
        <v>15</v>
      </c>
      <c r="AM23777">
        <v>15</v>
      </c>
      <c r="AN23777">
        <v>15</v>
      </c>
      <c r="AO23777">
        <v>14</v>
      </c>
      <c r="AP23777">
        <v>14</v>
      </c>
      <c r="AQ23777">
        <v>14</v>
      </c>
    </row>
    <row r="23778" spans="1:43">
      <c r="A23778" t="s">
        <v>14723</v>
      </c>
      <c r="B23778" t="s">
        <v>14724</v>
      </c>
      <c r="C23778" t="s">
        <v>14717</v>
      </c>
      <c r="D23778" t="s">
        <v>14718</v>
      </c>
      <c r="E23778" t="s">
        <v>14535</v>
      </c>
      <c r="F23778" t="s">
        <v>14536</v>
      </c>
      <c r="G23778" t="s">
        <v>10734</v>
      </c>
      <c r="H23778" t="s">
        <v>10735</v>
      </c>
      <c r="I23778" s="2">
        <v>1</v>
      </c>
      <c r="J23778" s="2">
        <v>0</v>
      </c>
      <c r="K23778" s="2">
        <v>0</v>
      </c>
      <c r="L23778" t="s">
        <v>120</v>
      </c>
      <c r="M23778" t="s">
        <v>83</v>
      </c>
      <c r="N23778" t="s">
        <v>84</v>
      </c>
      <c r="O23778" t="s">
        <v>85</v>
      </c>
      <c r="P23778" t="s">
        <v>86</v>
      </c>
      <c r="Q23778">
        <v>57</v>
      </c>
      <c r="R23778">
        <v>57</v>
      </c>
      <c r="S23778">
        <v>57</v>
      </c>
      <c r="T23778">
        <v>58</v>
      </c>
      <c r="U23778">
        <v>58</v>
      </c>
      <c r="V23778">
        <v>58</v>
      </c>
      <c r="W23778">
        <v>59</v>
      </c>
      <c r="X23778">
        <v>59</v>
      </c>
      <c r="Y23778">
        <v>59</v>
      </c>
      <c r="Z23778">
        <v>59</v>
      </c>
      <c r="AA23778">
        <v>60</v>
      </c>
      <c r="AB23778">
        <v>60</v>
      </c>
      <c r="AC23778">
        <v>60</v>
      </c>
      <c r="AD23778">
        <v>60</v>
      </c>
      <c r="AE23778">
        <v>60</v>
      </c>
      <c r="AF23778">
        <v>61</v>
      </c>
      <c r="AG23778">
        <v>61</v>
      </c>
      <c r="AH23778">
        <v>61</v>
      </c>
      <c r="AI23778">
        <v>61</v>
      </c>
      <c r="AJ23778">
        <v>61</v>
      </c>
      <c r="AK23778">
        <v>61</v>
      </c>
      <c r="AL23778">
        <v>61</v>
      </c>
      <c r="AM23778">
        <v>61</v>
      </c>
      <c r="AN23778">
        <v>61</v>
      </c>
      <c r="AO23778">
        <v>61</v>
      </c>
      <c r="AP23778">
        <v>60</v>
      </c>
      <c r="AQ23778">
        <v>60</v>
      </c>
    </row>
    <row r="23779" spans="1:43">
      <c r="A23779" t="s">
        <v>14723</v>
      </c>
      <c r="B23779" t="s">
        <v>14724</v>
      </c>
      <c r="C23779" t="s">
        <v>14717</v>
      </c>
      <c r="D23779" t="s">
        <v>14718</v>
      </c>
      <c r="E23779" t="s">
        <v>14535</v>
      </c>
      <c r="F23779" t="s">
        <v>14536</v>
      </c>
      <c r="G23779" t="s">
        <v>10734</v>
      </c>
      <c r="H23779" t="s">
        <v>10735</v>
      </c>
      <c r="I23779" s="2">
        <v>1</v>
      </c>
      <c r="J23779" s="2">
        <v>0</v>
      </c>
      <c r="K23779" s="2">
        <v>0</v>
      </c>
      <c r="L23779" t="s">
        <v>120</v>
      </c>
      <c r="M23779" t="s">
        <v>87</v>
      </c>
      <c r="N23779" t="s">
        <v>88</v>
      </c>
      <c r="O23779" t="s">
        <v>85</v>
      </c>
      <c r="P23779" t="s">
        <v>86</v>
      </c>
      <c r="Q23779">
        <v>57</v>
      </c>
      <c r="R23779">
        <v>57</v>
      </c>
      <c r="S23779">
        <v>57</v>
      </c>
      <c r="T23779">
        <v>56</v>
      </c>
      <c r="U23779">
        <v>56</v>
      </c>
      <c r="V23779">
        <v>56</v>
      </c>
      <c r="W23779">
        <v>56</v>
      </c>
      <c r="X23779">
        <v>56</v>
      </c>
      <c r="Y23779">
        <v>56</v>
      </c>
      <c r="Z23779">
        <v>56</v>
      </c>
      <c r="AA23779">
        <v>55</v>
      </c>
      <c r="AB23779">
        <v>55</v>
      </c>
      <c r="AC23779">
        <v>55</v>
      </c>
      <c r="AD23779">
        <v>55</v>
      </c>
      <c r="AE23779">
        <v>55</v>
      </c>
      <c r="AF23779">
        <v>55</v>
      </c>
      <c r="AG23779">
        <v>55</v>
      </c>
      <c r="AH23779">
        <v>55</v>
      </c>
      <c r="AI23779">
        <v>55</v>
      </c>
      <c r="AJ23779">
        <v>55</v>
      </c>
      <c r="AK23779">
        <v>54</v>
      </c>
      <c r="AL23779">
        <v>54</v>
      </c>
      <c r="AM23779">
        <v>54</v>
      </c>
      <c r="AN23779">
        <v>54</v>
      </c>
      <c r="AO23779">
        <v>54</v>
      </c>
      <c r="AP23779">
        <v>54</v>
      </c>
      <c r="AQ23779">
        <v>54</v>
      </c>
    </row>
    <row r="23780" spans="1:43">
      <c r="A23780" t="s">
        <v>14723</v>
      </c>
      <c r="B23780" t="s">
        <v>14724</v>
      </c>
      <c r="C23780" t="s">
        <v>14717</v>
      </c>
      <c r="D23780" t="s">
        <v>14718</v>
      </c>
      <c r="E23780" t="s">
        <v>14535</v>
      </c>
      <c r="F23780" t="s">
        <v>14536</v>
      </c>
      <c r="G23780" t="s">
        <v>10734</v>
      </c>
      <c r="H23780" t="s">
        <v>10735</v>
      </c>
      <c r="I23780" s="2">
        <v>1</v>
      </c>
      <c r="J23780" s="2">
        <v>0</v>
      </c>
      <c r="K23780" s="2">
        <v>0</v>
      </c>
      <c r="L23780" t="s">
        <v>120</v>
      </c>
      <c r="M23780" t="s">
        <v>89</v>
      </c>
      <c r="N23780" t="s">
        <v>90</v>
      </c>
      <c r="O23780" t="s">
        <v>85</v>
      </c>
      <c r="P23780" t="s">
        <v>86</v>
      </c>
      <c r="Q23780">
        <v>57</v>
      </c>
      <c r="R23780">
        <v>58</v>
      </c>
      <c r="S23780">
        <v>59</v>
      </c>
      <c r="T23780">
        <v>59</v>
      </c>
      <c r="U23780">
        <v>60</v>
      </c>
      <c r="V23780">
        <v>61</v>
      </c>
      <c r="W23780">
        <v>61</v>
      </c>
      <c r="X23780">
        <v>62</v>
      </c>
      <c r="Y23780">
        <v>62</v>
      </c>
      <c r="Z23780">
        <v>63</v>
      </c>
      <c r="AA23780">
        <v>63</v>
      </c>
      <c r="AB23780">
        <v>63</v>
      </c>
      <c r="AC23780">
        <v>64</v>
      </c>
      <c r="AD23780">
        <v>64</v>
      </c>
      <c r="AE23780">
        <v>64</v>
      </c>
      <c r="AF23780">
        <v>64</v>
      </c>
      <c r="AG23780">
        <v>64</v>
      </c>
      <c r="AH23780">
        <v>63</v>
      </c>
      <c r="AI23780">
        <v>63</v>
      </c>
      <c r="AJ23780">
        <v>63</v>
      </c>
      <c r="AK23780">
        <v>63</v>
      </c>
      <c r="AL23780">
        <v>62</v>
      </c>
      <c r="AM23780">
        <v>62</v>
      </c>
      <c r="AN23780">
        <v>62</v>
      </c>
      <c r="AO23780">
        <v>62</v>
      </c>
      <c r="AP23780">
        <v>61</v>
      </c>
      <c r="AQ23780">
        <v>61</v>
      </c>
    </row>
    <row r="23781" spans="1:43">
      <c r="A23781" t="s">
        <v>14723</v>
      </c>
      <c r="B23781" t="s">
        <v>14724</v>
      </c>
      <c r="C23781" t="s">
        <v>14717</v>
      </c>
      <c r="D23781" t="s">
        <v>14718</v>
      </c>
      <c r="E23781" t="s">
        <v>14535</v>
      </c>
      <c r="F23781" t="s">
        <v>14536</v>
      </c>
      <c r="G23781" t="s">
        <v>10734</v>
      </c>
      <c r="H23781" t="s">
        <v>10735</v>
      </c>
      <c r="I23781" s="2">
        <v>1</v>
      </c>
      <c r="J23781" s="2">
        <v>0</v>
      </c>
      <c r="K23781" s="2">
        <v>0</v>
      </c>
      <c r="L23781" t="s">
        <v>120</v>
      </c>
      <c r="M23781" t="s">
        <v>83</v>
      </c>
      <c r="N23781" t="s">
        <v>91</v>
      </c>
      <c r="O23781" t="s">
        <v>85</v>
      </c>
      <c r="P23781" t="s">
        <v>86</v>
      </c>
      <c r="Q23781">
        <v>57</v>
      </c>
      <c r="R23781">
        <v>57</v>
      </c>
      <c r="S23781">
        <v>57</v>
      </c>
      <c r="T23781">
        <v>58</v>
      </c>
      <c r="U23781">
        <v>58</v>
      </c>
      <c r="V23781">
        <v>58</v>
      </c>
      <c r="W23781">
        <v>59</v>
      </c>
      <c r="X23781">
        <v>59</v>
      </c>
      <c r="Y23781">
        <v>59</v>
      </c>
      <c r="Z23781">
        <v>59</v>
      </c>
      <c r="AA23781">
        <v>60</v>
      </c>
      <c r="AB23781">
        <v>60</v>
      </c>
      <c r="AC23781">
        <v>60</v>
      </c>
      <c r="AD23781">
        <v>60</v>
      </c>
      <c r="AE23781">
        <v>60</v>
      </c>
      <c r="AF23781">
        <v>61</v>
      </c>
      <c r="AG23781">
        <v>61</v>
      </c>
      <c r="AH23781">
        <v>61</v>
      </c>
      <c r="AI23781">
        <v>61</v>
      </c>
      <c r="AJ23781">
        <v>61</v>
      </c>
      <c r="AK23781">
        <v>61</v>
      </c>
      <c r="AL23781">
        <v>61</v>
      </c>
      <c r="AM23781">
        <v>61</v>
      </c>
      <c r="AN23781">
        <v>61</v>
      </c>
      <c r="AO23781">
        <v>61</v>
      </c>
      <c r="AP23781">
        <v>60</v>
      </c>
      <c r="AQ23781">
        <v>60</v>
      </c>
    </row>
    <row r="23782" spans="1:43">
      <c r="A23782" t="s">
        <v>14725</v>
      </c>
      <c r="B23782" t="s">
        <v>14726</v>
      </c>
      <c r="C23782" t="s">
        <v>14717</v>
      </c>
      <c r="D23782" t="s">
        <v>14718</v>
      </c>
      <c r="E23782" t="s">
        <v>14535</v>
      </c>
      <c r="F23782" t="s">
        <v>14536</v>
      </c>
      <c r="G23782" t="s">
        <v>10734</v>
      </c>
      <c r="H23782" t="s">
        <v>10735</v>
      </c>
      <c r="I23782" s="2">
        <v>1</v>
      </c>
      <c r="J23782" s="2">
        <v>0</v>
      </c>
      <c r="K23782" s="2">
        <v>0</v>
      </c>
      <c r="L23782" t="s">
        <v>120</v>
      </c>
      <c r="M23782" t="s">
        <v>83</v>
      </c>
      <c r="N23782" t="s">
        <v>84</v>
      </c>
      <c r="O23782" t="s">
        <v>85</v>
      </c>
      <c r="P23782" t="s">
        <v>86</v>
      </c>
      <c r="Q23782">
        <v>36</v>
      </c>
      <c r="R23782">
        <v>36</v>
      </c>
      <c r="S23782">
        <v>36</v>
      </c>
      <c r="T23782">
        <v>36</v>
      </c>
      <c r="U23782">
        <v>37</v>
      </c>
      <c r="V23782">
        <v>37</v>
      </c>
      <c r="W23782">
        <v>37</v>
      </c>
      <c r="X23782">
        <v>37</v>
      </c>
      <c r="Y23782">
        <v>37</v>
      </c>
      <c r="Z23782">
        <v>37</v>
      </c>
      <c r="AA23782">
        <v>38</v>
      </c>
      <c r="AB23782">
        <v>38</v>
      </c>
      <c r="AC23782">
        <v>38</v>
      </c>
      <c r="AD23782">
        <v>38</v>
      </c>
      <c r="AE23782">
        <v>38</v>
      </c>
      <c r="AF23782">
        <v>38</v>
      </c>
      <c r="AG23782">
        <v>38</v>
      </c>
      <c r="AH23782">
        <v>38</v>
      </c>
      <c r="AI23782">
        <v>39</v>
      </c>
      <c r="AJ23782">
        <v>39</v>
      </c>
      <c r="AK23782">
        <v>39</v>
      </c>
      <c r="AL23782">
        <v>39</v>
      </c>
      <c r="AM23782">
        <v>39</v>
      </c>
      <c r="AN23782">
        <v>38</v>
      </c>
      <c r="AO23782">
        <v>38</v>
      </c>
      <c r="AP23782">
        <v>38</v>
      </c>
      <c r="AQ23782">
        <v>38</v>
      </c>
    </row>
    <row r="23783" spans="1:43">
      <c r="A23783" t="s">
        <v>14725</v>
      </c>
      <c r="B23783" t="s">
        <v>14726</v>
      </c>
      <c r="C23783" t="s">
        <v>14717</v>
      </c>
      <c r="D23783" t="s">
        <v>14718</v>
      </c>
      <c r="E23783" t="s">
        <v>14535</v>
      </c>
      <c r="F23783" t="s">
        <v>14536</v>
      </c>
      <c r="G23783" t="s">
        <v>10734</v>
      </c>
      <c r="H23783" t="s">
        <v>10735</v>
      </c>
      <c r="I23783" s="2">
        <v>1</v>
      </c>
      <c r="J23783" s="2">
        <v>0</v>
      </c>
      <c r="K23783" s="2">
        <v>0</v>
      </c>
      <c r="L23783" t="s">
        <v>120</v>
      </c>
      <c r="M23783" t="s">
        <v>87</v>
      </c>
      <c r="N23783" t="s">
        <v>88</v>
      </c>
      <c r="O23783" t="s">
        <v>85</v>
      </c>
      <c r="P23783" t="s">
        <v>86</v>
      </c>
      <c r="Q23783">
        <v>36</v>
      </c>
      <c r="R23783">
        <v>36</v>
      </c>
      <c r="S23783">
        <v>36</v>
      </c>
      <c r="T23783">
        <v>36</v>
      </c>
      <c r="U23783">
        <v>36</v>
      </c>
      <c r="V23783">
        <v>36</v>
      </c>
      <c r="W23783">
        <v>36</v>
      </c>
      <c r="X23783">
        <v>36</v>
      </c>
      <c r="Y23783">
        <v>36</v>
      </c>
      <c r="Z23783">
        <v>35</v>
      </c>
      <c r="AA23783">
        <v>35</v>
      </c>
      <c r="AB23783">
        <v>35</v>
      </c>
      <c r="AC23783">
        <v>35</v>
      </c>
      <c r="AD23783">
        <v>35</v>
      </c>
      <c r="AE23783">
        <v>35</v>
      </c>
      <c r="AF23783">
        <v>35</v>
      </c>
      <c r="AG23783">
        <v>35</v>
      </c>
      <c r="AH23783">
        <v>35</v>
      </c>
      <c r="AI23783">
        <v>35</v>
      </c>
      <c r="AJ23783">
        <v>35</v>
      </c>
      <c r="AK23783">
        <v>35</v>
      </c>
      <c r="AL23783">
        <v>35</v>
      </c>
      <c r="AM23783">
        <v>35</v>
      </c>
      <c r="AN23783">
        <v>35</v>
      </c>
      <c r="AO23783">
        <v>35</v>
      </c>
      <c r="AP23783">
        <v>34</v>
      </c>
      <c r="AQ23783">
        <v>34</v>
      </c>
    </row>
    <row r="23784" spans="1:43">
      <c r="A23784" t="s">
        <v>14725</v>
      </c>
      <c r="B23784" t="s">
        <v>14726</v>
      </c>
      <c r="C23784" t="s">
        <v>14717</v>
      </c>
      <c r="D23784" t="s">
        <v>14718</v>
      </c>
      <c r="E23784" t="s">
        <v>14535</v>
      </c>
      <c r="F23784" t="s">
        <v>14536</v>
      </c>
      <c r="G23784" t="s">
        <v>10734</v>
      </c>
      <c r="H23784" t="s">
        <v>10735</v>
      </c>
      <c r="I23784" s="2">
        <v>1</v>
      </c>
      <c r="J23784" s="2">
        <v>0</v>
      </c>
      <c r="K23784" s="2">
        <v>0</v>
      </c>
      <c r="L23784" t="s">
        <v>120</v>
      </c>
      <c r="M23784" t="s">
        <v>89</v>
      </c>
      <c r="N23784" t="s">
        <v>90</v>
      </c>
      <c r="O23784" t="s">
        <v>85</v>
      </c>
      <c r="P23784" t="s">
        <v>86</v>
      </c>
      <c r="Q23784">
        <v>36</v>
      </c>
      <c r="R23784">
        <v>36</v>
      </c>
      <c r="S23784">
        <v>37</v>
      </c>
      <c r="T23784">
        <v>37</v>
      </c>
      <c r="U23784">
        <v>38</v>
      </c>
      <c r="V23784">
        <v>38</v>
      </c>
      <c r="W23784">
        <v>39</v>
      </c>
      <c r="X23784">
        <v>39</v>
      </c>
      <c r="Y23784">
        <v>39</v>
      </c>
      <c r="Z23784">
        <v>39</v>
      </c>
      <c r="AA23784">
        <v>40</v>
      </c>
      <c r="AB23784">
        <v>40</v>
      </c>
      <c r="AC23784">
        <v>40</v>
      </c>
      <c r="AD23784">
        <v>40</v>
      </c>
      <c r="AE23784">
        <v>40</v>
      </c>
      <c r="AF23784">
        <v>40</v>
      </c>
      <c r="AG23784">
        <v>40</v>
      </c>
      <c r="AH23784">
        <v>40</v>
      </c>
      <c r="AI23784">
        <v>40</v>
      </c>
      <c r="AJ23784">
        <v>40</v>
      </c>
      <c r="AK23784">
        <v>39</v>
      </c>
      <c r="AL23784">
        <v>39</v>
      </c>
      <c r="AM23784">
        <v>39</v>
      </c>
      <c r="AN23784">
        <v>39</v>
      </c>
      <c r="AO23784">
        <v>39</v>
      </c>
      <c r="AP23784">
        <v>39</v>
      </c>
      <c r="AQ23784">
        <v>39</v>
      </c>
    </row>
    <row r="23785" spans="1:43">
      <c r="A23785" t="s">
        <v>14725</v>
      </c>
      <c r="B23785" t="s">
        <v>14726</v>
      </c>
      <c r="C23785" t="s">
        <v>14717</v>
      </c>
      <c r="D23785" t="s">
        <v>14718</v>
      </c>
      <c r="E23785" t="s">
        <v>14535</v>
      </c>
      <c r="F23785" t="s">
        <v>14536</v>
      </c>
      <c r="G23785" t="s">
        <v>10734</v>
      </c>
      <c r="H23785" t="s">
        <v>10735</v>
      </c>
      <c r="I23785" s="2">
        <v>1</v>
      </c>
      <c r="J23785" s="2">
        <v>0</v>
      </c>
      <c r="K23785" s="2">
        <v>0</v>
      </c>
      <c r="L23785" t="s">
        <v>120</v>
      </c>
      <c r="M23785" t="s">
        <v>83</v>
      </c>
      <c r="N23785" t="s">
        <v>91</v>
      </c>
      <c r="O23785" t="s">
        <v>85</v>
      </c>
      <c r="P23785" t="s">
        <v>86</v>
      </c>
      <c r="Q23785">
        <v>36</v>
      </c>
      <c r="R23785">
        <v>36</v>
      </c>
      <c r="S23785">
        <v>36</v>
      </c>
      <c r="T23785">
        <v>36</v>
      </c>
      <c r="U23785">
        <v>37</v>
      </c>
      <c r="V23785">
        <v>37</v>
      </c>
      <c r="W23785">
        <v>37</v>
      </c>
      <c r="X23785">
        <v>37</v>
      </c>
      <c r="Y23785">
        <v>37</v>
      </c>
      <c r="Z23785">
        <v>37</v>
      </c>
      <c r="AA23785">
        <v>38</v>
      </c>
      <c r="AB23785">
        <v>38</v>
      </c>
      <c r="AC23785">
        <v>38</v>
      </c>
      <c r="AD23785">
        <v>38</v>
      </c>
      <c r="AE23785">
        <v>38</v>
      </c>
      <c r="AF23785">
        <v>38</v>
      </c>
      <c r="AG23785">
        <v>38</v>
      </c>
      <c r="AH23785">
        <v>38</v>
      </c>
      <c r="AI23785">
        <v>39</v>
      </c>
      <c r="AJ23785">
        <v>39</v>
      </c>
      <c r="AK23785">
        <v>39</v>
      </c>
      <c r="AL23785">
        <v>39</v>
      </c>
      <c r="AM23785">
        <v>39</v>
      </c>
      <c r="AN23785">
        <v>38</v>
      </c>
      <c r="AO23785">
        <v>38</v>
      </c>
      <c r="AP23785">
        <v>38</v>
      </c>
      <c r="AQ23785">
        <v>38</v>
      </c>
    </row>
    <row r="23786" spans="1:43">
      <c r="A23786" t="s">
        <v>14727</v>
      </c>
      <c r="B23786" t="s">
        <v>14728</v>
      </c>
      <c r="C23786" t="s">
        <v>14609</v>
      </c>
      <c r="D23786" t="s">
        <v>14610</v>
      </c>
      <c r="E23786" t="s">
        <v>14535</v>
      </c>
      <c r="F23786" t="s">
        <v>14536</v>
      </c>
      <c r="G23786" t="s">
        <v>10734</v>
      </c>
      <c r="H23786" t="s">
        <v>10735</v>
      </c>
      <c r="I23786" s="2">
        <v>1</v>
      </c>
      <c r="J23786" s="2">
        <v>0</v>
      </c>
      <c r="K23786" s="2">
        <v>0</v>
      </c>
      <c r="L23786" t="s">
        <v>120</v>
      </c>
      <c r="M23786" t="s">
        <v>83</v>
      </c>
      <c r="N23786" t="s">
        <v>84</v>
      </c>
      <c r="O23786" t="s">
        <v>85</v>
      </c>
      <c r="P23786" t="s">
        <v>86</v>
      </c>
      <c r="Q23786">
        <v>187</v>
      </c>
      <c r="R23786">
        <v>188</v>
      </c>
      <c r="S23786">
        <v>189</v>
      </c>
      <c r="T23786">
        <v>190</v>
      </c>
      <c r="U23786">
        <v>192</v>
      </c>
      <c r="V23786">
        <v>193</v>
      </c>
      <c r="W23786">
        <v>194</v>
      </c>
      <c r="X23786">
        <v>195</v>
      </c>
      <c r="Y23786">
        <v>196</v>
      </c>
      <c r="Z23786">
        <v>197</v>
      </c>
      <c r="AA23786">
        <v>197</v>
      </c>
      <c r="AB23786">
        <v>198</v>
      </c>
      <c r="AC23786">
        <v>199</v>
      </c>
      <c r="AD23786">
        <v>200</v>
      </c>
      <c r="AE23786">
        <v>201</v>
      </c>
      <c r="AF23786">
        <v>201</v>
      </c>
      <c r="AG23786">
        <v>202</v>
      </c>
      <c r="AH23786">
        <v>203</v>
      </c>
      <c r="AI23786">
        <v>204</v>
      </c>
      <c r="AJ23786">
        <v>205</v>
      </c>
      <c r="AK23786">
        <v>205</v>
      </c>
      <c r="AL23786">
        <v>205</v>
      </c>
      <c r="AM23786">
        <v>205</v>
      </c>
      <c r="AN23786">
        <v>204</v>
      </c>
      <c r="AO23786">
        <v>204</v>
      </c>
      <c r="AP23786">
        <v>203</v>
      </c>
      <c r="AQ23786">
        <v>203</v>
      </c>
    </row>
    <row r="23787" spans="1:43">
      <c r="A23787" t="s">
        <v>14727</v>
      </c>
      <c r="B23787" t="s">
        <v>14728</v>
      </c>
      <c r="C23787" t="s">
        <v>14609</v>
      </c>
      <c r="D23787" t="s">
        <v>14610</v>
      </c>
      <c r="E23787" t="s">
        <v>14535</v>
      </c>
      <c r="F23787" t="s">
        <v>14536</v>
      </c>
      <c r="G23787" t="s">
        <v>10734</v>
      </c>
      <c r="H23787" t="s">
        <v>10735</v>
      </c>
      <c r="I23787" s="2">
        <v>1</v>
      </c>
      <c r="J23787" s="2">
        <v>0</v>
      </c>
      <c r="K23787" s="2">
        <v>0</v>
      </c>
      <c r="L23787" t="s">
        <v>120</v>
      </c>
      <c r="M23787" t="s">
        <v>87</v>
      </c>
      <c r="N23787" t="s">
        <v>88</v>
      </c>
      <c r="O23787" t="s">
        <v>85</v>
      </c>
      <c r="P23787" t="s">
        <v>86</v>
      </c>
      <c r="Q23787">
        <v>187</v>
      </c>
      <c r="R23787">
        <v>187</v>
      </c>
      <c r="S23787">
        <v>186</v>
      </c>
      <c r="T23787">
        <v>186</v>
      </c>
      <c r="U23787">
        <v>185</v>
      </c>
      <c r="V23787">
        <v>185</v>
      </c>
      <c r="W23787">
        <v>184</v>
      </c>
      <c r="X23787">
        <v>184</v>
      </c>
      <c r="Y23787">
        <v>183</v>
      </c>
      <c r="Z23787">
        <v>183</v>
      </c>
      <c r="AA23787">
        <v>182</v>
      </c>
      <c r="AB23787">
        <v>182</v>
      </c>
      <c r="AC23787">
        <v>181</v>
      </c>
      <c r="AD23787">
        <v>181</v>
      </c>
      <c r="AE23787">
        <v>181</v>
      </c>
      <c r="AF23787">
        <v>180</v>
      </c>
      <c r="AG23787">
        <v>180</v>
      </c>
      <c r="AH23787">
        <v>180</v>
      </c>
      <c r="AI23787">
        <v>179</v>
      </c>
      <c r="AJ23787">
        <v>179</v>
      </c>
      <c r="AK23787">
        <v>179</v>
      </c>
      <c r="AL23787">
        <v>179</v>
      </c>
      <c r="AM23787">
        <v>178</v>
      </c>
      <c r="AN23787">
        <v>178</v>
      </c>
      <c r="AO23787">
        <v>178</v>
      </c>
      <c r="AP23787">
        <v>178</v>
      </c>
      <c r="AQ23787">
        <v>177</v>
      </c>
    </row>
    <row r="23788" spans="1:43">
      <c r="A23788" t="s">
        <v>14727</v>
      </c>
      <c r="B23788" t="s">
        <v>14728</v>
      </c>
      <c r="C23788" t="s">
        <v>14609</v>
      </c>
      <c r="D23788" t="s">
        <v>14610</v>
      </c>
      <c r="E23788" t="s">
        <v>14535</v>
      </c>
      <c r="F23788" t="s">
        <v>14536</v>
      </c>
      <c r="G23788" t="s">
        <v>10734</v>
      </c>
      <c r="H23788" t="s">
        <v>10735</v>
      </c>
      <c r="I23788" s="2">
        <v>1</v>
      </c>
      <c r="J23788" s="2">
        <v>0</v>
      </c>
      <c r="K23788" s="2">
        <v>0</v>
      </c>
      <c r="L23788" t="s">
        <v>120</v>
      </c>
      <c r="M23788" t="s">
        <v>89</v>
      </c>
      <c r="N23788" t="s">
        <v>90</v>
      </c>
      <c r="O23788" t="s">
        <v>85</v>
      </c>
      <c r="P23788" t="s">
        <v>86</v>
      </c>
      <c r="Q23788">
        <v>187</v>
      </c>
      <c r="R23788">
        <v>189</v>
      </c>
      <c r="S23788">
        <v>192</v>
      </c>
      <c r="T23788">
        <v>195</v>
      </c>
      <c r="U23788">
        <v>197</v>
      </c>
      <c r="V23788">
        <v>199</v>
      </c>
      <c r="W23788">
        <v>201</v>
      </c>
      <c r="X23788">
        <v>203</v>
      </c>
      <c r="Y23788">
        <v>204</v>
      </c>
      <c r="Z23788">
        <v>206</v>
      </c>
      <c r="AA23788">
        <v>207</v>
      </c>
      <c r="AB23788">
        <v>209</v>
      </c>
      <c r="AC23788">
        <v>210</v>
      </c>
      <c r="AD23788">
        <v>212</v>
      </c>
      <c r="AE23788">
        <v>212</v>
      </c>
      <c r="AF23788">
        <v>212</v>
      </c>
      <c r="AG23788">
        <v>211</v>
      </c>
      <c r="AH23788">
        <v>210</v>
      </c>
      <c r="AI23788">
        <v>210</v>
      </c>
      <c r="AJ23788">
        <v>209</v>
      </c>
      <c r="AK23788">
        <v>209</v>
      </c>
      <c r="AL23788">
        <v>208</v>
      </c>
      <c r="AM23788">
        <v>207</v>
      </c>
      <c r="AN23788">
        <v>207</v>
      </c>
      <c r="AO23788">
        <v>206</v>
      </c>
      <c r="AP23788">
        <v>205</v>
      </c>
      <c r="AQ23788">
        <v>205</v>
      </c>
    </row>
    <row r="23789" spans="1:43">
      <c r="A23789" t="s">
        <v>14727</v>
      </c>
      <c r="B23789" t="s">
        <v>14728</v>
      </c>
      <c r="C23789" t="s">
        <v>14609</v>
      </c>
      <c r="D23789" t="s">
        <v>14610</v>
      </c>
      <c r="E23789" t="s">
        <v>14535</v>
      </c>
      <c r="F23789" t="s">
        <v>14536</v>
      </c>
      <c r="G23789" t="s">
        <v>10734</v>
      </c>
      <c r="H23789" t="s">
        <v>10735</v>
      </c>
      <c r="I23789" s="2">
        <v>1</v>
      </c>
      <c r="J23789" s="2">
        <v>0</v>
      </c>
      <c r="K23789" s="2">
        <v>0</v>
      </c>
      <c r="L23789" t="s">
        <v>120</v>
      </c>
      <c r="M23789" t="s">
        <v>83</v>
      </c>
      <c r="N23789" t="s">
        <v>91</v>
      </c>
      <c r="O23789" t="s">
        <v>85</v>
      </c>
      <c r="P23789" t="s">
        <v>86</v>
      </c>
      <c r="Q23789">
        <v>187</v>
      </c>
      <c r="R23789">
        <v>188</v>
      </c>
      <c r="S23789">
        <v>189</v>
      </c>
      <c r="T23789">
        <v>190</v>
      </c>
      <c r="U23789">
        <v>192</v>
      </c>
      <c r="V23789">
        <v>193</v>
      </c>
      <c r="W23789">
        <v>194</v>
      </c>
      <c r="X23789">
        <v>195</v>
      </c>
      <c r="Y23789">
        <v>196</v>
      </c>
      <c r="Z23789">
        <v>197</v>
      </c>
      <c r="AA23789">
        <v>197</v>
      </c>
      <c r="AB23789">
        <v>198</v>
      </c>
      <c r="AC23789">
        <v>199</v>
      </c>
      <c r="AD23789">
        <v>200</v>
      </c>
      <c r="AE23789">
        <v>201</v>
      </c>
      <c r="AF23789">
        <v>201</v>
      </c>
      <c r="AG23789">
        <v>202</v>
      </c>
      <c r="AH23789">
        <v>203</v>
      </c>
      <c r="AI23789">
        <v>204</v>
      </c>
      <c r="AJ23789">
        <v>205</v>
      </c>
      <c r="AK23789">
        <v>205</v>
      </c>
      <c r="AL23789">
        <v>205</v>
      </c>
      <c r="AM23789">
        <v>205</v>
      </c>
      <c r="AN23789">
        <v>204</v>
      </c>
      <c r="AO23789">
        <v>204</v>
      </c>
      <c r="AP23789">
        <v>203</v>
      </c>
      <c r="AQ23789">
        <v>203</v>
      </c>
    </row>
    <row r="23790" spans="1:43">
      <c r="A23790" t="s">
        <v>14729</v>
      </c>
      <c r="B23790" t="s">
        <v>14730</v>
      </c>
      <c r="C23790" t="s">
        <v>14659</v>
      </c>
      <c r="D23790" t="s">
        <v>14660</v>
      </c>
      <c r="E23790" t="s">
        <v>14535</v>
      </c>
      <c r="F23790" t="s">
        <v>14536</v>
      </c>
      <c r="G23790" t="s">
        <v>10734</v>
      </c>
      <c r="H23790" t="s">
        <v>10735</v>
      </c>
      <c r="I23790" s="2">
        <v>1</v>
      </c>
      <c r="J23790" s="2">
        <v>0</v>
      </c>
      <c r="K23790" s="2">
        <v>0</v>
      </c>
      <c r="L23790" t="s">
        <v>120</v>
      </c>
      <c r="M23790" t="s">
        <v>83</v>
      </c>
      <c r="N23790" t="s">
        <v>84</v>
      </c>
      <c r="O23790" t="s">
        <v>85</v>
      </c>
      <c r="P23790" t="s">
        <v>86</v>
      </c>
      <c r="Q23790">
        <v>47</v>
      </c>
      <c r="R23790">
        <v>47</v>
      </c>
      <c r="S23790">
        <v>47</v>
      </c>
      <c r="T23790">
        <v>48</v>
      </c>
      <c r="U23790">
        <v>48</v>
      </c>
      <c r="V23790">
        <v>48</v>
      </c>
      <c r="W23790">
        <v>48</v>
      </c>
      <c r="X23790">
        <v>48</v>
      </c>
      <c r="Y23790">
        <v>48</v>
      </c>
      <c r="Z23790">
        <v>49</v>
      </c>
      <c r="AA23790">
        <v>49</v>
      </c>
      <c r="AB23790">
        <v>49</v>
      </c>
      <c r="AC23790">
        <v>49</v>
      </c>
      <c r="AD23790">
        <v>49</v>
      </c>
      <c r="AE23790">
        <v>49</v>
      </c>
      <c r="AF23790">
        <v>49</v>
      </c>
      <c r="AG23790">
        <v>49</v>
      </c>
      <c r="AH23790">
        <v>49</v>
      </c>
      <c r="AI23790">
        <v>49</v>
      </c>
      <c r="AJ23790">
        <v>49</v>
      </c>
      <c r="AK23790">
        <v>49</v>
      </c>
      <c r="AL23790">
        <v>49</v>
      </c>
      <c r="AM23790">
        <v>49</v>
      </c>
      <c r="AN23790">
        <v>49</v>
      </c>
      <c r="AO23790">
        <v>48</v>
      </c>
      <c r="AP23790">
        <v>48</v>
      </c>
      <c r="AQ23790">
        <v>48</v>
      </c>
    </row>
    <row r="23791" spans="1:43">
      <c r="A23791" t="s">
        <v>14729</v>
      </c>
      <c r="B23791" t="s">
        <v>14730</v>
      </c>
      <c r="C23791" t="s">
        <v>14659</v>
      </c>
      <c r="D23791" t="s">
        <v>14660</v>
      </c>
      <c r="E23791" t="s">
        <v>14535</v>
      </c>
      <c r="F23791" t="s">
        <v>14536</v>
      </c>
      <c r="G23791" t="s">
        <v>10734</v>
      </c>
      <c r="H23791" t="s">
        <v>10735</v>
      </c>
      <c r="I23791" s="2">
        <v>1</v>
      </c>
      <c r="J23791" s="2">
        <v>0</v>
      </c>
      <c r="K23791" s="2">
        <v>0</v>
      </c>
      <c r="L23791" t="s">
        <v>120</v>
      </c>
      <c r="M23791" t="s">
        <v>87</v>
      </c>
      <c r="N23791" t="s">
        <v>88</v>
      </c>
      <c r="O23791" t="s">
        <v>85</v>
      </c>
      <c r="P23791" t="s">
        <v>86</v>
      </c>
      <c r="Q23791">
        <v>47</v>
      </c>
      <c r="R23791">
        <v>46</v>
      </c>
      <c r="S23791">
        <v>46</v>
      </c>
      <c r="T23791">
        <v>46</v>
      </c>
      <c r="U23791">
        <v>46</v>
      </c>
      <c r="V23791">
        <v>45</v>
      </c>
      <c r="W23791">
        <v>45</v>
      </c>
      <c r="X23791">
        <v>45</v>
      </c>
      <c r="Y23791">
        <v>45</v>
      </c>
      <c r="Z23791">
        <v>45</v>
      </c>
      <c r="AA23791">
        <v>44</v>
      </c>
      <c r="AB23791">
        <v>44</v>
      </c>
      <c r="AC23791">
        <v>44</v>
      </c>
      <c r="AD23791">
        <v>44</v>
      </c>
      <c r="AE23791">
        <v>44</v>
      </c>
      <c r="AF23791">
        <v>44</v>
      </c>
      <c r="AG23791">
        <v>43</v>
      </c>
      <c r="AH23791">
        <v>43</v>
      </c>
      <c r="AI23791">
        <v>43</v>
      </c>
      <c r="AJ23791">
        <v>43</v>
      </c>
      <c r="AK23791">
        <v>43</v>
      </c>
      <c r="AL23791">
        <v>43</v>
      </c>
      <c r="AM23791">
        <v>43</v>
      </c>
      <c r="AN23791">
        <v>42</v>
      </c>
      <c r="AO23791">
        <v>42</v>
      </c>
      <c r="AP23791">
        <v>42</v>
      </c>
      <c r="AQ23791">
        <v>42</v>
      </c>
    </row>
    <row r="23792" spans="1:43">
      <c r="A23792" t="s">
        <v>14729</v>
      </c>
      <c r="B23792" t="s">
        <v>14730</v>
      </c>
      <c r="C23792" t="s">
        <v>14659</v>
      </c>
      <c r="D23792" t="s">
        <v>14660</v>
      </c>
      <c r="E23792" t="s">
        <v>14535</v>
      </c>
      <c r="F23792" t="s">
        <v>14536</v>
      </c>
      <c r="G23792" t="s">
        <v>10734</v>
      </c>
      <c r="H23792" t="s">
        <v>10735</v>
      </c>
      <c r="I23792" s="2">
        <v>1</v>
      </c>
      <c r="J23792" s="2">
        <v>0</v>
      </c>
      <c r="K23792" s="2">
        <v>0</v>
      </c>
      <c r="L23792" t="s">
        <v>120</v>
      </c>
      <c r="M23792" t="s">
        <v>89</v>
      </c>
      <c r="N23792" t="s">
        <v>90</v>
      </c>
      <c r="O23792" t="s">
        <v>85</v>
      </c>
      <c r="P23792" t="s">
        <v>86</v>
      </c>
      <c r="Q23792">
        <v>47</v>
      </c>
      <c r="R23792">
        <v>48</v>
      </c>
      <c r="S23792">
        <v>49</v>
      </c>
      <c r="T23792">
        <v>49</v>
      </c>
      <c r="U23792">
        <v>50</v>
      </c>
      <c r="V23792">
        <v>50</v>
      </c>
      <c r="W23792">
        <v>50</v>
      </c>
      <c r="X23792">
        <v>51</v>
      </c>
      <c r="Y23792">
        <v>51</v>
      </c>
      <c r="Z23792">
        <v>51</v>
      </c>
      <c r="AA23792">
        <v>52</v>
      </c>
      <c r="AB23792">
        <v>52</v>
      </c>
      <c r="AC23792">
        <v>52</v>
      </c>
      <c r="AD23792">
        <v>52</v>
      </c>
      <c r="AE23792">
        <v>52</v>
      </c>
      <c r="AF23792">
        <v>52</v>
      </c>
      <c r="AG23792">
        <v>51</v>
      </c>
      <c r="AH23792">
        <v>51</v>
      </c>
      <c r="AI23792">
        <v>51</v>
      </c>
      <c r="AJ23792">
        <v>50</v>
      </c>
      <c r="AK23792">
        <v>50</v>
      </c>
      <c r="AL23792">
        <v>50</v>
      </c>
      <c r="AM23792">
        <v>49</v>
      </c>
      <c r="AN23792">
        <v>49</v>
      </c>
      <c r="AO23792">
        <v>49</v>
      </c>
      <c r="AP23792">
        <v>48</v>
      </c>
      <c r="AQ23792">
        <v>48</v>
      </c>
    </row>
    <row r="23793" spans="1:43">
      <c r="A23793" t="s">
        <v>14729</v>
      </c>
      <c r="B23793" t="s">
        <v>14730</v>
      </c>
      <c r="C23793" t="s">
        <v>14659</v>
      </c>
      <c r="D23793" t="s">
        <v>14660</v>
      </c>
      <c r="E23793" t="s">
        <v>14535</v>
      </c>
      <c r="F23793" t="s">
        <v>14536</v>
      </c>
      <c r="G23793" t="s">
        <v>10734</v>
      </c>
      <c r="H23793" t="s">
        <v>10735</v>
      </c>
      <c r="I23793" s="2">
        <v>1</v>
      </c>
      <c r="J23793" s="2">
        <v>0</v>
      </c>
      <c r="K23793" s="2">
        <v>0</v>
      </c>
      <c r="L23793" t="s">
        <v>120</v>
      </c>
      <c r="M23793" t="s">
        <v>83</v>
      </c>
      <c r="N23793" t="s">
        <v>91</v>
      </c>
      <c r="O23793" t="s">
        <v>85</v>
      </c>
      <c r="P23793" t="s">
        <v>86</v>
      </c>
      <c r="Q23793">
        <v>47</v>
      </c>
      <c r="R23793">
        <v>47</v>
      </c>
      <c r="S23793">
        <v>47</v>
      </c>
      <c r="T23793">
        <v>48</v>
      </c>
      <c r="U23793">
        <v>48</v>
      </c>
      <c r="V23793">
        <v>48</v>
      </c>
      <c r="W23793">
        <v>48</v>
      </c>
      <c r="X23793">
        <v>48</v>
      </c>
      <c r="Y23793">
        <v>48</v>
      </c>
      <c r="Z23793">
        <v>49</v>
      </c>
      <c r="AA23793">
        <v>49</v>
      </c>
      <c r="AB23793">
        <v>49</v>
      </c>
      <c r="AC23793">
        <v>49</v>
      </c>
      <c r="AD23793">
        <v>49</v>
      </c>
      <c r="AE23793">
        <v>49</v>
      </c>
      <c r="AF23793">
        <v>49</v>
      </c>
      <c r="AG23793">
        <v>49</v>
      </c>
      <c r="AH23793">
        <v>49</v>
      </c>
      <c r="AI23793">
        <v>49</v>
      </c>
      <c r="AJ23793">
        <v>49</v>
      </c>
      <c r="AK23793">
        <v>49</v>
      </c>
      <c r="AL23793">
        <v>49</v>
      </c>
      <c r="AM23793">
        <v>49</v>
      </c>
      <c r="AN23793">
        <v>49</v>
      </c>
      <c r="AO23793">
        <v>48</v>
      </c>
      <c r="AP23793">
        <v>48</v>
      </c>
      <c r="AQ23793">
        <v>48</v>
      </c>
    </row>
    <row r="23794" spans="1:43">
      <c r="A23794" t="s">
        <v>14731</v>
      </c>
      <c r="B23794" t="s">
        <v>14732</v>
      </c>
      <c r="C23794" t="s">
        <v>14609</v>
      </c>
      <c r="D23794" t="s">
        <v>14610</v>
      </c>
      <c r="E23794" t="s">
        <v>14535</v>
      </c>
      <c r="F23794" t="s">
        <v>14536</v>
      </c>
      <c r="G23794" t="s">
        <v>10734</v>
      </c>
      <c r="H23794" t="s">
        <v>10735</v>
      </c>
      <c r="I23794" s="2">
        <v>1</v>
      </c>
      <c r="J23794" s="2">
        <v>0</v>
      </c>
      <c r="K23794" s="2">
        <v>0</v>
      </c>
      <c r="L23794" t="s">
        <v>120</v>
      </c>
      <c r="M23794" t="s">
        <v>83</v>
      </c>
      <c r="N23794" t="s">
        <v>84</v>
      </c>
      <c r="O23794" t="s">
        <v>85</v>
      </c>
      <c r="P23794" t="s">
        <v>86</v>
      </c>
      <c r="Q23794">
        <v>21</v>
      </c>
      <c r="R23794">
        <v>21</v>
      </c>
      <c r="S23794">
        <v>21</v>
      </c>
      <c r="T23794">
        <v>21</v>
      </c>
      <c r="U23794">
        <v>22</v>
      </c>
      <c r="V23794">
        <v>22</v>
      </c>
      <c r="W23794">
        <v>22</v>
      </c>
      <c r="X23794">
        <v>22</v>
      </c>
      <c r="Y23794">
        <v>22</v>
      </c>
      <c r="Z23794">
        <v>22</v>
      </c>
      <c r="AA23794">
        <v>22</v>
      </c>
      <c r="AB23794">
        <v>22</v>
      </c>
      <c r="AC23794">
        <v>22</v>
      </c>
      <c r="AD23794">
        <v>23</v>
      </c>
      <c r="AE23794">
        <v>23</v>
      </c>
      <c r="AF23794">
        <v>23</v>
      </c>
      <c r="AG23794">
        <v>23</v>
      </c>
      <c r="AH23794">
        <v>23</v>
      </c>
      <c r="AI23794">
        <v>23</v>
      </c>
      <c r="AJ23794">
        <v>23</v>
      </c>
      <c r="AK23794">
        <v>23</v>
      </c>
      <c r="AL23794">
        <v>23</v>
      </c>
      <c r="AM23794">
        <v>23</v>
      </c>
      <c r="AN23794">
        <v>23</v>
      </c>
      <c r="AO23794">
        <v>23</v>
      </c>
      <c r="AP23794">
        <v>23</v>
      </c>
      <c r="AQ23794">
        <v>23</v>
      </c>
    </row>
    <row r="23795" spans="1:43">
      <c r="A23795" t="s">
        <v>14731</v>
      </c>
      <c r="B23795" t="s">
        <v>14732</v>
      </c>
      <c r="C23795" t="s">
        <v>14609</v>
      </c>
      <c r="D23795" t="s">
        <v>14610</v>
      </c>
      <c r="E23795" t="s">
        <v>14535</v>
      </c>
      <c r="F23795" t="s">
        <v>14536</v>
      </c>
      <c r="G23795" t="s">
        <v>10734</v>
      </c>
      <c r="H23795" t="s">
        <v>10735</v>
      </c>
      <c r="I23795" s="2">
        <v>1</v>
      </c>
      <c r="J23795" s="2">
        <v>0</v>
      </c>
      <c r="K23795" s="2">
        <v>0</v>
      </c>
      <c r="L23795" t="s">
        <v>120</v>
      </c>
      <c r="M23795" t="s">
        <v>87</v>
      </c>
      <c r="N23795" t="s">
        <v>88</v>
      </c>
      <c r="O23795" t="s">
        <v>85</v>
      </c>
      <c r="P23795" t="s">
        <v>86</v>
      </c>
      <c r="Q23795">
        <v>21</v>
      </c>
      <c r="R23795">
        <v>21</v>
      </c>
      <c r="S23795">
        <v>21</v>
      </c>
      <c r="T23795">
        <v>21</v>
      </c>
      <c r="U23795">
        <v>21</v>
      </c>
      <c r="V23795">
        <v>21</v>
      </c>
      <c r="W23795">
        <v>20</v>
      </c>
      <c r="X23795">
        <v>20</v>
      </c>
      <c r="Y23795">
        <v>20</v>
      </c>
      <c r="Z23795">
        <v>20</v>
      </c>
      <c r="AA23795">
        <v>20</v>
      </c>
      <c r="AB23795">
        <v>20</v>
      </c>
      <c r="AC23795">
        <v>20</v>
      </c>
      <c r="AD23795">
        <v>20</v>
      </c>
      <c r="AE23795">
        <v>20</v>
      </c>
      <c r="AF23795">
        <v>20</v>
      </c>
      <c r="AG23795">
        <v>20</v>
      </c>
      <c r="AH23795">
        <v>20</v>
      </c>
      <c r="AI23795">
        <v>20</v>
      </c>
      <c r="AJ23795">
        <v>20</v>
      </c>
      <c r="AK23795">
        <v>20</v>
      </c>
      <c r="AL23795">
        <v>20</v>
      </c>
      <c r="AM23795">
        <v>20</v>
      </c>
      <c r="AN23795">
        <v>20</v>
      </c>
      <c r="AO23795">
        <v>20</v>
      </c>
      <c r="AP23795">
        <v>20</v>
      </c>
      <c r="AQ23795">
        <v>20</v>
      </c>
    </row>
    <row r="23796" spans="1:43">
      <c r="A23796" t="s">
        <v>14731</v>
      </c>
      <c r="B23796" t="s">
        <v>14732</v>
      </c>
      <c r="C23796" t="s">
        <v>14609</v>
      </c>
      <c r="D23796" t="s">
        <v>14610</v>
      </c>
      <c r="E23796" t="s">
        <v>14535</v>
      </c>
      <c r="F23796" t="s">
        <v>14536</v>
      </c>
      <c r="G23796" t="s">
        <v>10734</v>
      </c>
      <c r="H23796" t="s">
        <v>10735</v>
      </c>
      <c r="I23796" s="2">
        <v>1</v>
      </c>
      <c r="J23796" s="2">
        <v>0</v>
      </c>
      <c r="K23796" s="2">
        <v>0</v>
      </c>
      <c r="L23796" t="s">
        <v>120</v>
      </c>
      <c r="M23796" t="s">
        <v>89</v>
      </c>
      <c r="N23796" t="s">
        <v>90</v>
      </c>
      <c r="O23796" t="s">
        <v>85</v>
      </c>
      <c r="P23796" t="s">
        <v>86</v>
      </c>
      <c r="Q23796">
        <v>21</v>
      </c>
      <c r="R23796">
        <v>22</v>
      </c>
      <c r="S23796">
        <v>22</v>
      </c>
      <c r="T23796">
        <v>22</v>
      </c>
      <c r="U23796">
        <v>22</v>
      </c>
      <c r="V23796">
        <v>23</v>
      </c>
      <c r="W23796">
        <v>23</v>
      </c>
      <c r="X23796">
        <v>23</v>
      </c>
      <c r="Y23796">
        <v>23</v>
      </c>
      <c r="Z23796">
        <v>23</v>
      </c>
      <c r="AA23796">
        <v>24</v>
      </c>
      <c r="AB23796">
        <v>24</v>
      </c>
      <c r="AC23796">
        <v>24</v>
      </c>
      <c r="AD23796">
        <v>24</v>
      </c>
      <c r="AE23796">
        <v>24</v>
      </c>
      <c r="AF23796">
        <v>24</v>
      </c>
      <c r="AG23796">
        <v>24</v>
      </c>
      <c r="AH23796">
        <v>24</v>
      </c>
      <c r="AI23796">
        <v>24</v>
      </c>
      <c r="AJ23796">
        <v>24</v>
      </c>
      <c r="AK23796">
        <v>24</v>
      </c>
      <c r="AL23796">
        <v>24</v>
      </c>
      <c r="AM23796">
        <v>24</v>
      </c>
      <c r="AN23796">
        <v>24</v>
      </c>
      <c r="AO23796">
        <v>23</v>
      </c>
      <c r="AP23796">
        <v>23</v>
      </c>
      <c r="AQ23796">
        <v>23</v>
      </c>
    </row>
    <row r="23797" spans="1:43">
      <c r="A23797" t="s">
        <v>14731</v>
      </c>
      <c r="B23797" t="s">
        <v>14732</v>
      </c>
      <c r="C23797" t="s">
        <v>14609</v>
      </c>
      <c r="D23797" t="s">
        <v>14610</v>
      </c>
      <c r="E23797" t="s">
        <v>14535</v>
      </c>
      <c r="F23797" t="s">
        <v>14536</v>
      </c>
      <c r="G23797" t="s">
        <v>10734</v>
      </c>
      <c r="H23797" t="s">
        <v>10735</v>
      </c>
      <c r="I23797" s="2">
        <v>1</v>
      </c>
      <c r="J23797" s="2">
        <v>0</v>
      </c>
      <c r="K23797" s="2">
        <v>0</v>
      </c>
      <c r="L23797" t="s">
        <v>120</v>
      </c>
      <c r="M23797" t="s">
        <v>83</v>
      </c>
      <c r="N23797" t="s">
        <v>91</v>
      </c>
      <c r="O23797" t="s">
        <v>85</v>
      </c>
      <c r="P23797" t="s">
        <v>86</v>
      </c>
      <c r="Q23797">
        <v>21</v>
      </c>
      <c r="R23797">
        <v>21</v>
      </c>
      <c r="S23797">
        <v>21</v>
      </c>
      <c r="T23797">
        <v>21</v>
      </c>
      <c r="U23797">
        <v>22</v>
      </c>
      <c r="V23797">
        <v>22</v>
      </c>
      <c r="W23797">
        <v>22</v>
      </c>
      <c r="X23797">
        <v>22</v>
      </c>
      <c r="Y23797">
        <v>22</v>
      </c>
      <c r="Z23797">
        <v>22</v>
      </c>
      <c r="AA23797">
        <v>22</v>
      </c>
      <c r="AB23797">
        <v>22</v>
      </c>
      <c r="AC23797">
        <v>22</v>
      </c>
      <c r="AD23797">
        <v>23</v>
      </c>
      <c r="AE23797">
        <v>23</v>
      </c>
      <c r="AF23797">
        <v>23</v>
      </c>
      <c r="AG23797">
        <v>23</v>
      </c>
      <c r="AH23797">
        <v>23</v>
      </c>
      <c r="AI23797">
        <v>23</v>
      </c>
      <c r="AJ23797">
        <v>23</v>
      </c>
      <c r="AK23797">
        <v>23</v>
      </c>
      <c r="AL23797">
        <v>23</v>
      </c>
      <c r="AM23797">
        <v>23</v>
      </c>
      <c r="AN23797">
        <v>23</v>
      </c>
      <c r="AO23797">
        <v>23</v>
      </c>
      <c r="AP23797">
        <v>23</v>
      </c>
      <c r="AQ23797">
        <v>23</v>
      </c>
    </row>
    <row r="23798" spans="1:43">
      <c r="A23798" t="s">
        <v>14733</v>
      </c>
      <c r="B23798" t="s">
        <v>14734</v>
      </c>
      <c r="C23798" t="s">
        <v>14609</v>
      </c>
      <c r="D23798" t="s">
        <v>14610</v>
      </c>
      <c r="E23798" t="s">
        <v>14535</v>
      </c>
      <c r="F23798" t="s">
        <v>14536</v>
      </c>
      <c r="G23798" t="s">
        <v>10734</v>
      </c>
      <c r="H23798" t="s">
        <v>10735</v>
      </c>
      <c r="I23798" s="2">
        <v>1</v>
      </c>
      <c r="J23798" s="2">
        <v>0</v>
      </c>
      <c r="K23798" s="2">
        <v>0</v>
      </c>
      <c r="L23798" t="s">
        <v>120</v>
      </c>
      <c r="M23798" t="s">
        <v>83</v>
      </c>
      <c r="N23798" t="s">
        <v>84</v>
      </c>
      <c r="O23798" t="s">
        <v>85</v>
      </c>
      <c r="P23798" t="s">
        <v>86</v>
      </c>
      <c r="Q23798">
        <v>7</v>
      </c>
      <c r="R23798">
        <v>7</v>
      </c>
      <c r="S23798">
        <v>8</v>
      </c>
      <c r="T23798">
        <v>8</v>
      </c>
      <c r="U23798">
        <v>8</v>
      </c>
      <c r="V23798">
        <v>8</v>
      </c>
      <c r="W23798">
        <v>8</v>
      </c>
      <c r="X23798">
        <v>8</v>
      </c>
      <c r="Y23798">
        <v>8</v>
      </c>
      <c r="Z23798">
        <v>8</v>
      </c>
      <c r="AA23798">
        <v>8</v>
      </c>
      <c r="AB23798">
        <v>8</v>
      </c>
      <c r="AC23798">
        <v>8</v>
      </c>
      <c r="AD23798">
        <v>8</v>
      </c>
      <c r="AE23798">
        <v>8</v>
      </c>
      <c r="AF23798">
        <v>8</v>
      </c>
      <c r="AG23798">
        <v>8</v>
      </c>
      <c r="AH23798">
        <v>8</v>
      </c>
      <c r="AI23798">
        <v>8</v>
      </c>
      <c r="AJ23798">
        <v>8</v>
      </c>
      <c r="AK23798">
        <v>8</v>
      </c>
      <c r="AL23798">
        <v>8</v>
      </c>
      <c r="AM23798">
        <v>8</v>
      </c>
      <c r="AN23798">
        <v>8</v>
      </c>
      <c r="AO23798">
        <v>8</v>
      </c>
      <c r="AP23798">
        <v>8</v>
      </c>
      <c r="AQ23798">
        <v>8</v>
      </c>
    </row>
    <row r="23799" spans="1:43">
      <c r="A23799" t="s">
        <v>14733</v>
      </c>
      <c r="B23799" t="s">
        <v>14734</v>
      </c>
      <c r="C23799" t="s">
        <v>14609</v>
      </c>
      <c r="D23799" t="s">
        <v>14610</v>
      </c>
      <c r="E23799" t="s">
        <v>14535</v>
      </c>
      <c r="F23799" t="s">
        <v>14536</v>
      </c>
      <c r="G23799" t="s">
        <v>10734</v>
      </c>
      <c r="H23799" t="s">
        <v>10735</v>
      </c>
      <c r="I23799" s="2">
        <v>1</v>
      </c>
      <c r="J23799" s="2">
        <v>0</v>
      </c>
      <c r="K23799" s="2">
        <v>0</v>
      </c>
      <c r="L23799" t="s">
        <v>120</v>
      </c>
      <c r="M23799" t="s">
        <v>87</v>
      </c>
      <c r="N23799" t="s">
        <v>88</v>
      </c>
      <c r="O23799" t="s">
        <v>85</v>
      </c>
      <c r="P23799" t="s">
        <v>86</v>
      </c>
      <c r="Q23799">
        <v>7</v>
      </c>
      <c r="R23799">
        <v>7</v>
      </c>
      <c r="S23799">
        <v>7</v>
      </c>
      <c r="T23799">
        <v>7</v>
      </c>
      <c r="U23799">
        <v>7</v>
      </c>
      <c r="V23799">
        <v>7</v>
      </c>
      <c r="W23799">
        <v>7</v>
      </c>
      <c r="X23799">
        <v>7</v>
      </c>
      <c r="Y23799">
        <v>7</v>
      </c>
      <c r="Z23799">
        <v>7</v>
      </c>
      <c r="AA23799">
        <v>7</v>
      </c>
      <c r="AB23799">
        <v>7</v>
      </c>
      <c r="AC23799">
        <v>7</v>
      </c>
      <c r="AD23799">
        <v>7</v>
      </c>
      <c r="AE23799">
        <v>7</v>
      </c>
      <c r="AF23799">
        <v>7</v>
      </c>
      <c r="AG23799">
        <v>7</v>
      </c>
      <c r="AH23799">
        <v>7</v>
      </c>
      <c r="AI23799">
        <v>7</v>
      </c>
      <c r="AJ23799">
        <v>7</v>
      </c>
      <c r="AK23799">
        <v>7</v>
      </c>
      <c r="AL23799">
        <v>7</v>
      </c>
      <c r="AM23799">
        <v>7</v>
      </c>
      <c r="AN23799">
        <v>7</v>
      </c>
      <c r="AO23799">
        <v>7</v>
      </c>
      <c r="AP23799">
        <v>7</v>
      </c>
      <c r="AQ23799">
        <v>7</v>
      </c>
    </row>
    <row r="23800" spans="1:43">
      <c r="A23800" t="s">
        <v>14733</v>
      </c>
      <c r="B23800" t="s">
        <v>14734</v>
      </c>
      <c r="C23800" t="s">
        <v>14609</v>
      </c>
      <c r="D23800" t="s">
        <v>14610</v>
      </c>
      <c r="E23800" t="s">
        <v>14535</v>
      </c>
      <c r="F23800" t="s">
        <v>14536</v>
      </c>
      <c r="G23800" t="s">
        <v>10734</v>
      </c>
      <c r="H23800" t="s">
        <v>10735</v>
      </c>
      <c r="I23800" s="2">
        <v>1</v>
      </c>
      <c r="J23800" s="2">
        <v>0</v>
      </c>
      <c r="K23800" s="2">
        <v>0</v>
      </c>
      <c r="L23800" t="s">
        <v>120</v>
      </c>
      <c r="M23800" t="s">
        <v>89</v>
      </c>
      <c r="N23800" t="s">
        <v>90</v>
      </c>
      <c r="O23800" t="s">
        <v>85</v>
      </c>
      <c r="P23800" t="s">
        <v>86</v>
      </c>
      <c r="Q23800">
        <v>7</v>
      </c>
      <c r="R23800">
        <v>7</v>
      </c>
      <c r="S23800">
        <v>7</v>
      </c>
      <c r="T23800">
        <v>7</v>
      </c>
      <c r="U23800">
        <v>7</v>
      </c>
      <c r="V23800">
        <v>7</v>
      </c>
      <c r="W23800">
        <v>7</v>
      </c>
      <c r="X23800">
        <v>7</v>
      </c>
      <c r="Y23800">
        <v>7</v>
      </c>
      <c r="Z23800">
        <v>7</v>
      </c>
      <c r="AA23800">
        <v>7</v>
      </c>
      <c r="AB23800">
        <v>7</v>
      </c>
      <c r="AC23800">
        <v>7</v>
      </c>
      <c r="AD23800">
        <v>8</v>
      </c>
      <c r="AE23800">
        <v>8</v>
      </c>
      <c r="AF23800">
        <v>8</v>
      </c>
      <c r="AG23800">
        <v>8</v>
      </c>
      <c r="AH23800">
        <v>7</v>
      </c>
      <c r="AI23800">
        <v>7</v>
      </c>
      <c r="AJ23800">
        <v>7</v>
      </c>
      <c r="AK23800">
        <v>7</v>
      </c>
      <c r="AL23800">
        <v>7</v>
      </c>
      <c r="AM23800">
        <v>7</v>
      </c>
      <c r="AN23800">
        <v>7</v>
      </c>
      <c r="AO23800">
        <v>7</v>
      </c>
      <c r="AP23800">
        <v>7</v>
      </c>
      <c r="AQ23800">
        <v>7</v>
      </c>
    </row>
    <row r="23801" spans="1:43">
      <c r="A23801" t="s">
        <v>14733</v>
      </c>
      <c r="B23801" t="s">
        <v>14734</v>
      </c>
      <c r="C23801" t="s">
        <v>14609</v>
      </c>
      <c r="D23801" t="s">
        <v>14610</v>
      </c>
      <c r="E23801" t="s">
        <v>14535</v>
      </c>
      <c r="F23801" t="s">
        <v>14536</v>
      </c>
      <c r="G23801" t="s">
        <v>10734</v>
      </c>
      <c r="H23801" t="s">
        <v>10735</v>
      </c>
      <c r="I23801" s="2">
        <v>1</v>
      </c>
      <c r="J23801" s="2">
        <v>0</v>
      </c>
      <c r="K23801" s="2">
        <v>0</v>
      </c>
      <c r="L23801" t="s">
        <v>120</v>
      </c>
      <c r="M23801" t="s">
        <v>83</v>
      </c>
      <c r="N23801" t="s">
        <v>91</v>
      </c>
      <c r="O23801" t="s">
        <v>85</v>
      </c>
      <c r="P23801" t="s">
        <v>86</v>
      </c>
      <c r="Q23801">
        <v>7</v>
      </c>
      <c r="R23801">
        <v>7</v>
      </c>
      <c r="S23801">
        <v>8</v>
      </c>
      <c r="T23801">
        <v>8</v>
      </c>
      <c r="U23801">
        <v>8</v>
      </c>
      <c r="V23801">
        <v>8</v>
      </c>
      <c r="W23801">
        <v>8</v>
      </c>
      <c r="X23801">
        <v>8</v>
      </c>
      <c r="Y23801">
        <v>8</v>
      </c>
      <c r="Z23801">
        <v>8</v>
      </c>
      <c r="AA23801">
        <v>8</v>
      </c>
      <c r="AB23801">
        <v>8</v>
      </c>
      <c r="AC23801">
        <v>8</v>
      </c>
      <c r="AD23801">
        <v>8</v>
      </c>
      <c r="AE23801">
        <v>8</v>
      </c>
      <c r="AF23801">
        <v>8</v>
      </c>
      <c r="AG23801">
        <v>8</v>
      </c>
      <c r="AH23801">
        <v>8</v>
      </c>
      <c r="AI23801">
        <v>8</v>
      </c>
      <c r="AJ23801">
        <v>8</v>
      </c>
      <c r="AK23801">
        <v>8</v>
      </c>
      <c r="AL23801">
        <v>8</v>
      </c>
      <c r="AM23801">
        <v>8</v>
      </c>
      <c r="AN23801">
        <v>8</v>
      </c>
      <c r="AO23801">
        <v>8</v>
      </c>
      <c r="AP23801">
        <v>8</v>
      </c>
      <c r="AQ23801">
        <v>8</v>
      </c>
    </row>
    <row r="23802" spans="1:43">
      <c r="A23802" t="s">
        <v>14735</v>
      </c>
      <c r="B23802" t="s">
        <v>14736</v>
      </c>
      <c r="C23802" t="s">
        <v>14737</v>
      </c>
      <c r="D23802" t="s">
        <v>14738</v>
      </c>
      <c r="E23802" t="s">
        <v>14535</v>
      </c>
      <c r="F23802" t="s">
        <v>14536</v>
      </c>
      <c r="G23802" t="s">
        <v>10734</v>
      </c>
      <c r="H23802" t="s">
        <v>10735</v>
      </c>
      <c r="I23802" s="2">
        <v>1</v>
      </c>
      <c r="J23802" s="2">
        <v>0</v>
      </c>
      <c r="K23802" s="2">
        <v>0</v>
      </c>
      <c r="L23802" t="s">
        <v>120</v>
      </c>
      <c r="M23802" t="s">
        <v>83</v>
      </c>
      <c r="N23802" t="s">
        <v>84</v>
      </c>
      <c r="O23802" t="s">
        <v>85</v>
      </c>
      <c r="P23802" t="s">
        <v>86</v>
      </c>
      <c r="Q23802">
        <v>9</v>
      </c>
      <c r="R23802">
        <v>9</v>
      </c>
      <c r="S23802">
        <v>9</v>
      </c>
      <c r="T23802">
        <v>10</v>
      </c>
      <c r="U23802">
        <v>10</v>
      </c>
      <c r="V23802">
        <v>10</v>
      </c>
      <c r="W23802">
        <v>10</v>
      </c>
      <c r="X23802">
        <v>10</v>
      </c>
      <c r="Y23802">
        <v>10</v>
      </c>
      <c r="Z23802">
        <v>10</v>
      </c>
      <c r="AA23802">
        <v>10</v>
      </c>
      <c r="AB23802">
        <v>10</v>
      </c>
      <c r="AC23802">
        <v>10</v>
      </c>
      <c r="AD23802">
        <v>10</v>
      </c>
      <c r="AE23802">
        <v>10</v>
      </c>
      <c r="AF23802">
        <v>10</v>
      </c>
      <c r="AG23802">
        <v>10</v>
      </c>
      <c r="AH23802">
        <v>10</v>
      </c>
      <c r="AI23802">
        <v>10</v>
      </c>
      <c r="AJ23802">
        <v>10</v>
      </c>
      <c r="AK23802">
        <v>10</v>
      </c>
      <c r="AL23802">
        <v>10</v>
      </c>
      <c r="AM23802">
        <v>10</v>
      </c>
      <c r="AN23802">
        <v>10</v>
      </c>
      <c r="AO23802">
        <v>10</v>
      </c>
      <c r="AP23802">
        <v>10</v>
      </c>
      <c r="AQ23802">
        <v>10</v>
      </c>
    </row>
    <row r="23803" spans="1:43">
      <c r="A23803" t="s">
        <v>14735</v>
      </c>
      <c r="B23803" t="s">
        <v>14736</v>
      </c>
      <c r="C23803" t="s">
        <v>14737</v>
      </c>
      <c r="D23803" t="s">
        <v>14738</v>
      </c>
      <c r="E23803" t="s">
        <v>14535</v>
      </c>
      <c r="F23803" t="s">
        <v>14536</v>
      </c>
      <c r="G23803" t="s">
        <v>10734</v>
      </c>
      <c r="H23803" t="s">
        <v>10735</v>
      </c>
      <c r="I23803" s="2">
        <v>1</v>
      </c>
      <c r="J23803" s="2">
        <v>0</v>
      </c>
      <c r="K23803" s="2">
        <v>0</v>
      </c>
      <c r="L23803" t="s">
        <v>120</v>
      </c>
      <c r="M23803" t="s">
        <v>87</v>
      </c>
      <c r="N23803" t="s">
        <v>88</v>
      </c>
      <c r="O23803" t="s">
        <v>85</v>
      </c>
      <c r="P23803" t="s">
        <v>86</v>
      </c>
      <c r="Q23803">
        <v>9</v>
      </c>
      <c r="R23803">
        <v>9</v>
      </c>
      <c r="S23803">
        <v>9</v>
      </c>
      <c r="T23803">
        <v>9</v>
      </c>
      <c r="U23803">
        <v>9</v>
      </c>
      <c r="V23803">
        <v>9</v>
      </c>
      <c r="W23803">
        <v>9</v>
      </c>
      <c r="X23803">
        <v>9</v>
      </c>
      <c r="Y23803">
        <v>9</v>
      </c>
      <c r="Z23803">
        <v>9</v>
      </c>
      <c r="AA23803">
        <v>9</v>
      </c>
      <c r="AB23803">
        <v>9</v>
      </c>
      <c r="AC23803">
        <v>9</v>
      </c>
      <c r="AD23803">
        <v>9</v>
      </c>
      <c r="AE23803">
        <v>9</v>
      </c>
      <c r="AF23803">
        <v>9</v>
      </c>
      <c r="AG23803">
        <v>9</v>
      </c>
      <c r="AH23803">
        <v>9</v>
      </c>
      <c r="AI23803">
        <v>9</v>
      </c>
      <c r="AJ23803">
        <v>9</v>
      </c>
      <c r="AK23803">
        <v>9</v>
      </c>
      <c r="AL23803">
        <v>9</v>
      </c>
      <c r="AM23803">
        <v>9</v>
      </c>
      <c r="AN23803">
        <v>9</v>
      </c>
      <c r="AO23803">
        <v>9</v>
      </c>
      <c r="AP23803">
        <v>9</v>
      </c>
      <c r="AQ23803">
        <v>9</v>
      </c>
    </row>
    <row r="23804" spans="1:43">
      <c r="A23804" t="s">
        <v>14735</v>
      </c>
      <c r="B23804" t="s">
        <v>14736</v>
      </c>
      <c r="C23804" t="s">
        <v>14737</v>
      </c>
      <c r="D23804" t="s">
        <v>14738</v>
      </c>
      <c r="E23804" t="s">
        <v>14535</v>
      </c>
      <c r="F23804" t="s">
        <v>14536</v>
      </c>
      <c r="G23804" t="s">
        <v>10734</v>
      </c>
      <c r="H23804" t="s">
        <v>10735</v>
      </c>
      <c r="I23804" s="2">
        <v>1</v>
      </c>
      <c r="J23804" s="2">
        <v>0</v>
      </c>
      <c r="K23804" s="2">
        <v>0</v>
      </c>
      <c r="L23804" t="s">
        <v>120</v>
      </c>
      <c r="M23804" t="s">
        <v>89</v>
      </c>
      <c r="N23804" t="s">
        <v>90</v>
      </c>
      <c r="O23804" t="s">
        <v>85</v>
      </c>
      <c r="P23804" t="s">
        <v>86</v>
      </c>
      <c r="Q23804">
        <v>9</v>
      </c>
      <c r="R23804">
        <v>10</v>
      </c>
      <c r="S23804">
        <v>10</v>
      </c>
      <c r="T23804">
        <v>10</v>
      </c>
      <c r="U23804">
        <v>10</v>
      </c>
      <c r="V23804">
        <v>10</v>
      </c>
      <c r="W23804">
        <v>10</v>
      </c>
      <c r="X23804">
        <v>10</v>
      </c>
      <c r="Y23804">
        <v>10</v>
      </c>
      <c r="Z23804">
        <v>10</v>
      </c>
      <c r="AA23804">
        <v>10</v>
      </c>
      <c r="AB23804">
        <v>11</v>
      </c>
      <c r="AC23804">
        <v>11</v>
      </c>
      <c r="AD23804">
        <v>11</v>
      </c>
      <c r="AE23804">
        <v>11</v>
      </c>
      <c r="AF23804">
        <v>11</v>
      </c>
      <c r="AG23804">
        <v>11</v>
      </c>
      <c r="AH23804">
        <v>11</v>
      </c>
      <c r="AI23804">
        <v>11</v>
      </c>
      <c r="AJ23804">
        <v>11</v>
      </c>
      <c r="AK23804">
        <v>11</v>
      </c>
      <c r="AL23804">
        <v>11</v>
      </c>
      <c r="AM23804">
        <v>10</v>
      </c>
      <c r="AN23804">
        <v>10</v>
      </c>
      <c r="AO23804">
        <v>10</v>
      </c>
      <c r="AP23804">
        <v>10</v>
      </c>
      <c r="AQ23804">
        <v>10</v>
      </c>
    </row>
    <row r="23805" spans="1:43">
      <c r="A23805" t="s">
        <v>14735</v>
      </c>
      <c r="B23805" t="s">
        <v>14736</v>
      </c>
      <c r="C23805" t="s">
        <v>14737</v>
      </c>
      <c r="D23805" t="s">
        <v>14738</v>
      </c>
      <c r="E23805" t="s">
        <v>14535</v>
      </c>
      <c r="F23805" t="s">
        <v>14536</v>
      </c>
      <c r="G23805" t="s">
        <v>10734</v>
      </c>
      <c r="H23805" t="s">
        <v>10735</v>
      </c>
      <c r="I23805" s="2">
        <v>1</v>
      </c>
      <c r="J23805" s="2">
        <v>0</v>
      </c>
      <c r="K23805" s="2">
        <v>0</v>
      </c>
      <c r="L23805" t="s">
        <v>120</v>
      </c>
      <c r="M23805" t="s">
        <v>83</v>
      </c>
      <c r="N23805" t="s">
        <v>91</v>
      </c>
      <c r="O23805" t="s">
        <v>85</v>
      </c>
      <c r="P23805" t="s">
        <v>86</v>
      </c>
      <c r="Q23805">
        <v>9</v>
      </c>
      <c r="R23805">
        <v>9</v>
      </c>
      <c r="S23805">
        <v>9</v>
      </c>
      <c r="T23805">
        <v>10</v>
      </c>
      <c r="U23805">
        <v>10</v>
      </c>
      <c r="V23805">
        <v>10</v>
      </c>
      <c r="W23805">
        <v>10</v>
      </c>
      <c r="X23805">
        <v>10</v>
      </c>
      <c r="Y23805">
        <v>10</v>
      </c>
      <c r="Z23805">
        <v>10</v>
      </c>
      <c r="AA23805">
        <v>10</v>
      </c>
      <c r="AB23805">
        <v>10</v>
      </c>
      <c r="AC23805">
        <v>10</v>
      </c>
      <c r="AD23805">
        <v>10</v>
      </c>
      <c r="AE23805">
        <v>10</v>
      </c>
      <c r="AF23805">
        <v>10</v>
      </c>
      <c r="AG23805">
        <v>10</v>
      </c>
      <c r="AH23805">
        <v>10</v>
      </c>
      <c r="AI23805">
        <v>10</v>
      </c>
      <c r="AJ23805">
        <v>10</v>
      </c>
      <c r="AK23805">
        <v>10</v>
      </c>
      <c r="AL23805">
        <v>10</v>
      </c>
      <c r="AM23805">
        <v>10</v>
      </c>
      <c r="AN23805">
        <v>10</v>
      </c>
      <c r="AO23805">
        <v>10</v>
      </c>
      <c r="AP23805">
        <v>10</v>
      </c>
      <c r="AQ23805">
        <v>10</v>
      </c>
    </row>
    <row r="23806" spans="1:43">
      <c r="A23806" t="s">
        <v>14739</v>
      </c>
      <c r="B23806" t="s">
        <v>14740</v>
      </c>
      <c r="C23806" t="s">
        <v>14737</v>
      </c>
      <c r="D23806" t="s">
        <v>14738</v>
      </c>
      <c r="E23806" t="s">
        <v>14535</v>
      </c>
      <c r="F23806" t="s">
        <v>14536</v>
      </c>
      <c r="G23806" t="s">
        <v>10734</v>
      </c>
      <c r="H23806" t="s">
        <v>10735</v>
      </c>
      <c r="I23806" s="2">
        <v>1</v>
      </c>
      <c r="J23806" s="2">
        <v>0</v>
      </c>
      <c r="K23806" s="2">
        <v>0</v>
      </c>
      <c r="L23806" t="s">
        <v>120</v>
      </c>
      <c r="M23806" t="s">
        <v>83</v>
      </c>
      <c r="N23806" t="s">
        <v>84</v>
      </c>
      <c r="O23806" t="s">
        <v>85</v>
      </c>
      <c r="P23806" t="s">
        <v>86</v>
      </c>
      <c r="Q23806">
        <v>8</v>
      </c>
      <c r="R23806">
        <v>8</v>
      </c>
      <c r="S23806">
        <v>8</v>
      </c>
      <c r="T23806">
        <v>8</v>
      </c>
      <c r="U23806">
        <v>8</v>
      </c>
      <c r="V23806">
        <v>8</v>
      </c>
      <c r="W23806">
        <v>8</v>
      </c>
      <c r="X23806">
        <v>8</v>
      </c>
      <c r="Y23806">
        <v>8</v>
      </c>
      <c r="Z23806">
        <v>8</v>
      </c>
      <c r="AA23806">
        <v>8</v>
      </c>
      <c r="AB23806">
        <v>8</v>
      </c>
      <c r="AC23806">
        <v>8</v>
      </c>
      <c r="AD23806">
        <v>8</v>
      </c>
      <c r="AE23806">
        <v>8</v>
      </c>
      <c r="AF23806">
        <v>8</v>
      </c>
      <c r="AG23806">
        <v>8</v>
      </c>
      <c r="AH23806">
        <v>8</v>
      </c>
      <c r="AI23806">
        <v>8</v>
      </c>
      <c r="AJ23806">
        <v>8</v>
      </c>
      <c r="AK23806">
        <v>8</v>
      </c>
      <c r="AL23806">
        <v>8</v>
      </c>
      <c r="AM23806">
        <v>8</v>
      </c>
      <c r="AN23806">
        <v>8</v>
      </c>
      <c r="AO23806">
        <v>8</v>
      </c>
      <c r="AP23806">
        <v>8</v>
      </c>
      <c r="AQ23806">
        <v>8</v>
      </c>
    </row>
    <row r="23807" spans="1:43">
      <c r="A23807" t="s">
        <v>14739</v>
      </c>
      <c r="B23807" t="s">
        <v>14740</v>
      </c>
      <c r="C23807" t="s">
        <v>14737</v>
      </c>
      <c r="D23807" t="s">
        <v>14738</v>
      </c>
      <c r="E23807" t="s">
        <v>14535</v>
      </c>
      <c r="F23807" t="s">
        <v>14536</v>
      </c>
      <c r="G23807" t="s">
        <v>10734</v>
      </c>
      <c r="H23807" t="s">
        <v>10735</v>
      </c>
      <c r="I23807" s="2">
        <v>1</v>
      </c>
      <c r="J23807" s="2">
        <v>0</v>
      </c>
      <c r="K23807" s="2">
        <v>0</v>
      </c>
      <c r="L23807" t="s">
        <v>120</v>
      </c>
      <c r="M23807" t="s">
        <v>87</v>
      </c>
      <c r="N23807" t="s">
        <v>88</v>
      </c>
      <c r="O23807" t="s">
        <v>85</v>
      </c>
      <c r="P23807" t="s">
        <v>86</v>
      </c>
      <c r="Q23807">
        <v>8</v>
      </c>
      <c r="R23807">
        <v>8</v>
      </c>
      <c r="S23807">
        <v>8</v>
      </c>
      <c r="T23807">
        <v>8</v>
      </c>
      <c r="U23807">
        <v>8</v>
      </c>
      <c r="V23807">
        <v>8</v>
      </c>
      <c r="W23807">
        <v>8</v>
      </c>
      <c r="X23807">
        <v>8</v>
      </c>
      <c r="Y23807">
        <v>8</v>
      </c>
      <c r="Z23807">
        <v>8</v>
      </c>
      <c r="AA23807">
        <v>8</v>
      </c>
      <c r="AB23807">
        <v>7</v>
      </c>
      <c r="AC23807">
        <v>7</v>
      </c>
      <c r="AD23807">
        <v>7</v>
      </c>
      <c r="AE23807">
        <v>7</v>
      </c>
      <c r="AF23807">
        <v>7</v>
      </c>
      <c r="AG23807">
        <v>7</v>
      </c>
      <c r="AH23807">
        <v>7</v>
      </c>
      <c r="AI23807">
        <v>7</v>
      </c>
      <c r="AJ23807">
        <v>7</v>
      </c>
      <c r="AK23807">
        <v>7</v>
      </c>
      <c r="AL23807">
        <v>7</v>
      </c>
      <c r="AM23807">
        <v>7</v>
      </c>
      <c r="AN23807">
        <v>7</v>
      </c>
      <c r="AO23807">
        <v>7</v>
      </c>
      <c r="AP23807">
        <v>7</v>
      </c>
      <c r="AQ23807">
        <v>7</v>
      </c>
    </row>
    <row r="23808" spans="1:43">
      <c r="A23808" t="s">
        <v>14739</v>
      </c>
      <c r="B23808" t="s">
        <v>14740</v>
      </c>
      <c r="C23808" t="s">
        <v>14737</v>
      </c>
      <c r="D23808" t="s">
        <v>14738</v>
      </c>
      <c r="E23808" t="s">
        <v>14535</v>
      </c>
      <c r="F23808" t="s">
        <v>14536</v>
      </c>
      <c r="G23808" t="s">
        <v>10734</v>
      </c>
      <c r="H23808" t="s">
        <v>10735</v>
      </c>
      <c r="I23808" s="2">
        <v>1</v>
      </c>
      <c r="J23808" s="2">
        <v>0</v>
      </c>
      <c r="K23808" s="2">
        <v>0</v>
      </c>
      <c r="L23808" t="s">
        <v>120</v>
      </c>
      <c r="M23808" t="s">
        <v>89</v>
      </c>
      <c r="N23808" t="s">
        <v>90</v>
      </c>
      <c r="O23808" t="s">
        <v>85</v>
      </c>
      <c r="P23808" t="s">
        <v>86</v>
      </c>
      <c r="Q23808">
        <v>8</v>
      </c>
      <c r="R23808">
        <v>8</v>
      </c>
      <c r="S23808">
        <v>8</v>
      </c>
      <c r="T23808">
        <v>8</v>
      </c>
      <c r="U23808">
        <v>8</v>
      </c>
      <c r="V23808">
        <v>8</v>
      </c>
      <c r="W23808">
        <v>8</v>
      </c>
      <c r="X23808">
        <v>9</v>
      </c>
      <c r="Y23808">
        <v>9</v>
      </c>
      <c r="Z23808">
        <v>9</v>
      </c>
      <c r="AA23808">
        <v>9</v>
      </c>
      <c r="AB23808">
        <v>9</v>
      </c>
      <c r="AC23808">
        <v>9</v>
      </c>
      <c r="AD23808">
        <v>9</v>
      </c>
      <c r="AE23808">
        <v>9</v>
      </c>
      <c r="AF23808">
        <v>9</v>
      </c>
      <c r="AG23808">
        <v>9</v>
      </c>
      <c r="AH23808">
        <v>9</v>
      </c>
      <c r="AI23808">
        <v>9</v>
      </c>
      <c r="AJ23808">
        <v>9</v>
      </c>
      <c r="AK23808">
        <v>8</v>
      </c>
      <c r="AL23808">
        <v>8</v>
      </c>
      <c r="AM23808">
        <v>8</v>
      </c>
      <c r="AN23808">
        <v>8</v>
      </c>
      <c r="AO23808">
        <v>8</v>
      </c>
      <c r="AP23808">
        <v>8</v>
      </c>
      <c r="AQ23808">
        <v>8</v>
      </c>
    </row>
    <row r="23809" spans="1:43">
      <c r="A23809" t="s">
        <v>14739</v>
      </c>
      <c r="B23809" t="s">
        <v>14740</v>
      </c>
      <c r="C23809" t="s">
        <v>14737</v>
      </c>
      <c r="D23809" t="s">
        <v>14738</v>
      </c>
      <c r="E23809" t="s">
        <v>14535</v>
      </c>
      <c r="F23809" t="s">
        <v>14536</v>
      </c>
      <c r="G23809" t="s">
        <v>10734</v>
      </c>
      <c r="H23809" t="s">
        <v>10735</v>
      </c>
      <c r="I23809" s="2">
        <v>1</v>
      </c>
      <c r="J23809" s="2">
        <v>0</v>
      </c>
      <c r="K23809" s="2">
        <v>0</v>
      </c>
      <c r="L23809" t="s">
        <v>120</v>
      </c>
      <c r="M23809" t="s">
        <v>83</v>
      </c>
      <c r="N23809" t="s">
        <v>91</v>
      </c>
      <c r="O23809" t="s">
        <v>85</v>
      </c>
      <c r="P23809" t="s">
        <v>86</v>
      </c>
      <c r="Q23809">
        <v>8</v>
      </c>
      <c r="R23809">
        <v>8</v>
      </c>
      <c r="S23809">
        <v>8</v>
      </c>
      <c r="T23809">
        <v>8</v>
      </c>
      <c r="U23809">
        <v>8</v>
      </c>
      <c r="V23809">
        <v>8</v>
      </c>
      <c r="W23809">
        <v>8</v>
      </c>
      <c r="X23809">
        <v>8</v>
      </c>
      <c r="Y23809">
        <v>8</v>
      </c>
      <c r="Z23809">
        <v>8</v>
      </c>
      <c r="AA23809">
        <v>8</v>
      </c>
      <c r="AB23809">
        <v>8</v>
      </c>
      <c r="AC23809">
        <v>8</v>
      </c>
      <c r="AD23809">
        <v>8</v>
      </c>
      <c r="AE23809">
        <v>8</v>
      </c>
      <c r="AF23809">
        <v>8</v>
      </c>
      <c r="AG23809">
        <v>8</v>
      </c>
      <c r="AH23809">
        <v>8</v>
      </c>
      <c r="AI23809">
        <v>8</v>
      </c>
      <c r="AJ23809">
        <v>8</v>
      </c>
      <c r="AK23809">
        <v>8</v>
      </c>
      <c r="AL23809">
        <v>8</v>
      </c>
      <c r="AM23809">
        <v>8</v>
      </c>
      <c r="AN23809">
        <v>8</v>
      </c>
      <c r="AO23809">
        <v>8</v>
      </c>
      <c r="AP23809">
        <v>8</v>
      </c>
      <c r="AQ23809">
        <v>8</v>
      </c>
    </row>
    <row r="23810" spans="1:43">
      <c r="A23810" t="s">
        <v>14741</v>
      </c>
      <c r="B23810" t="s">
        <v>14742</v>
      </c>
      <c r="C23810" t="s">
        <v>14737</v>
      </c>
      <c r="D23810" t="s">
        <v>14738</v>
      </c>
      <c r="E23810" t="s">
        <v>14535</v>
      </c>
      <c r="F23810" t="s">
        <v>14536</v>
      </c>
      <c r="G23810" t="s">
        <v>10734</v>
      </c>
      <c r="H23810" t="s">
        <v>10735</v>
      </c>
      <c r="I23810" s="2">
        <v>1</v>
      </c>
      <c r="J23810" s="2">
        <v>0</v>
      </c>
      <c r="K23810" s="2">
        <v>0</v>
      </c>
      <c r="L23810" t="s">
        <v>120</v>
      </c>
      <c r="M23810" t="s">
        <v>83</v>
      </c>
      <c r="N23810" t="s">
        <v>84</v>
      </c>
      <c r="O23810" t="s">
        <v>85</v>
      </c>
      <c r="P23810" t="s">
        <v>86</v>
      </c>
      <c r="Q23810">
        <v>16</v>
      </c>
      <c r="R23810">
        <v>16</v>
      </c>
      <c r="S23810">
        <v>16</v>
      </c>
      <c r="T23810">
        <v>17</v>
      </c>
      <c r="U23810">
        <v>17</v>
      </c>
      <c r="V23810">
        <v>17</v>
      </c>
      <c r="W23810">
        <v>17</v>
      </c>
      <c r="X23810">
        <v>17</v>
      </c>
      <c r="Y23810">
        <v>17</v>
      </c>
      <c r="Z23810">
        <v>17</v>
      </c>
      <c r="AA23810">
        <v>17</v>
      </c>
      <c r="AB23810">
        <v>17</v>
      </c>
      <c r="AC23810">
        <v>17</v>
      </c>
      <c r="AD23810">
        <v>17</v>
      </c>
      <c r="AE23810">
        <v>17</v>
      </c>
      <c r="AF23810">
        <v>17</v>
      </c>
      <c r="AG23810">
        <v>17</v>
      </c>
      <c r="AH23810">
        <v>17</v>
      </c>
      <c r="AI23810">
        <v>17</v>
      </c>
      <c r="AJ23810">
        <v>17</v>
      </c>
      <c r="AK23810">
        <v>17</v>
      </c>
      <c r="AL23810">
        <v>17</v>
      </c>
      <c r="AM23810">
        <v>17</v>
      </c>
      <c r="AN23810">
        <v>17</v>
      </c>
      <c r="AO23810">
        <v>17</v>
      </c>
      <c r="AP23810">
        <v>17</v>
      </c>
      <c r="AQ23810">
        <v>17</v>
      </c>
    </row>
    <row r="23811" spans="1:43">
      <c r="A23811" t="s">
        <v>14741</v>
      </c>
      <c r="B23811" t="s">
        <v>14742</v>
      </c>
      <c r="C23811" t="s">
        <v>14737</v>
      </c>
      <c r="D23811" t="s">
        <v>14738</v>
      </c>
      <c r="E23811" t="s">
        <v>14535</v>
      </c>
      <c r="F23811" t="s">
        <v>14536</v>
      </c>
      <c r="G23811" t="s">
        <v>10734</v>
      </c>
      <c r="H23811" t="s">
        <v>10735</v>
      </c>
      <c r="I23811" s="2">
        <v>1</v>
      </c>
      <c r="J23811" s="2">
        <v>0</v>
      </c>
      <c r="K23811" s="2">
        <v>0</v>
      </c>
      <c r="L23811" t="s">
        <v>120</v>
      </c>
      <c r="M23811" t="s">
        <v>87</v>
      </c>
      <c r="N23811" t="s">
        <v>88</v>
      </c>
      <c r="O23811" t="s">
        <v>85</v>
      </c>
      <c r="P23811" t="s">
        <v>86</v>
      </c>
      <c r="Q23811">
        <v>16</v>
      </c>
      <c r="R23811">
        <v>16</v>
      </c>
      <c r="S23811">
        <v>16</v>
      </c>
      <c r="T23811">
        <v>16</v>
      </c>
      <c r="U23811">
        <v>16</v>
      </c>
      <c r="V23811">
        <v>16</v>
      </c>
      <c r="W23811">
        <v>16</v>
      </c>
      <c r="X23811">
        <v>16</v>
      </c>
      <c r="Y23811">
        <v>16</v>
      </c>
      <c r="Z23811">
        <v>16</v>
      </c>
      <c r="AA23811">
        <v>16</v>
      </c>
      <c r="AB23811">
        <v>15</v>
      </c>
      <c r="AC23811">
        <v>15</v>
      </c>
      <c r="AD23811">
        <v>15</v>
      </c>
      <c r="AE23811">
        <v>15</v>
      </c>
      <c r="AF23811">
        <v>15</v>
      </c>
      <c r="AG23811">
        <v>15</v>
      </c>
      <c r="AH23811">
        <v>15</v>
      </c>
      <c r="AI23811">
        <v>15</v>
      </c>
      <c r="AJ23811">
        <v>15</v>
      </c>
      <c r="AK23811">
        <v>15</v>
      </c>
      <c r="AL23811">
        <v>15</v>
      </c>
      <c r="AM23811">
        <v>15</v>
      </c>
      <c r="AN23811">
        <v>15</v>
      </c>
      <c r="AO23811">
        <v>15</v>
      </c>
      <c r="AP23811">
        <v>15</v>
      </c>
      <c r="AQ23811">
        <v>15</v>
      </c>
    </row>
    <row r="23812" spans="1:43">
      <c r="A23812" t="s">
        <v>14741</v>
      </c>
      <c r="B23812" t="s">
        <v>14742</v>
      </c>
      <c r="C23812" t="s">
        <v>14737</v>
      </c>
      <c r="D23812" t="s">
        <v>14738</v>
      </c>
      <c r="E23812" t="s">
        <v>14535</v>
      </c>
      <c r="F23812" t="s">
        <v>14536</v>
      </c>
      <c r="G23812" t="s">
        <v>10734</v>
      </c>
      <c r="H23812" t="s">
        <v>10735</v>
      </c>
      <c r="I23812" s="2">
        <v>1</v>
      </c>
      <c r="J23812" s="2">
        <v>0</v>
      </c>
      <c r="K23812" s="2">
        <v>0</v>
      </c>
      <c r="L23812" t="s">
        <v>120</v>
      </c>
      <c r="M23812" t="s">
        <v>89</v>
      </c>
      <c r="N23812" t="s">
        <v>90</v>
      </c>
      <c r="O23812" t="s">
        <v>85</v>
      </c>
      <c r="P23812" t="s">
        <v>86</v>
      </c>
      <c r="Q23812">
        <v>16</v>
      </c>
      <c r="R23812">
        <v>17</v>
      </c>
      <c r="S23812">
        <v>17</v>
      </c>
      <c r="T23812">
        <v>17</v>
      </c>
      <c r="U23812">
        <v>17</v>
      </c>
      <c r="V23812">
        <v>17</v>
      </c>
      <c r="W23812">
        <v>18</v>
      </c>
      <c r="X23812">
        <v>18</v>
      </c>
      <c r="Y23812">
        <v>18</v>
      </c>
      <c r="Z23812">
        <v>18</v>
      </c>
      <c r="AA23812">
        <v>18</v>
      </c>
      <c r="AB23812">
        <v>18</v>
      </c>
      <c r="AC23812">
        <v>18</v>
      </c>
      <c r="AD23812">
        <v>18</v>
      </c>
      <c r="AE23812">
        <v>18</v>
      </c>
      <c r="AF23812">
        <v>18</v>
      </c>
      <c r="AG23812">
        <v>18</v>
      </c>
      <c r="AH23812">
        <v>18</v>
      </c>
      <c r="AI23812">
        <v>18</v>
      </c>
      <c r="AJ23812">
        <v>18</v>
      </c>
      <c r="AK23812">
        <v>17</v>
      </c>
      <c r="AL23812">
        <v>17</v>
      </c>
      <c r="AM23812">
        <v>17</v>
      </c>
      <c r="AN23812">
        <v>17</v>
      </c>
      <c r="AO23812">
        <v>17</v>
      </c>
      <c r="AP23812">
        <v>17</v>
      </c>
      <c r="AQ23812">
        <v>17</v>
      </c>
    </row>
    <row r="23813" spans="1:43">
      <c r="A23813" t="s">
        <v>14741</v>
      </c>
      <c r="B23813" t="s">
        <v>14742</v>
      </c>
      <c r="C23813" t="s">
        <v>14737</v>
      </c>
      <c r="D23813" t="s">
        <v>14738</v>
      </c>
      <c r="E23813" t="s">
        <v>14535</v>
      </c>
      <c r="F23813" t="s">
        <v>14536</v>
      </c>
      <c r="G23813" t="s">
        <v>10734</v>
      </c>
      <c r="H23813" t="s">
        <v>10735</v>
      </c>
      <c r="I23813" s="2">
        <v>1</v>
      </c>
      <c r="J23813" s="2">
        <v>0</v>
      </c>
      <c r="K23813" s="2">
        <v>0</v>
      </c>
      <c r="L23813" t="s">
        <v>120</v>
      </c>
      <c r="M23813" t="s">
        <v>83</v>
      </c>
      <c r="N23813" t="s">
        <v>91</v>
      </c>
      <c r="O23813" t="s">
        <v>85</v>
      </c>
      <c r="P23813" t="s">
        <v>86</v>
      </c>
      <c r="Q23813">
        <v>16</v>
      </c>
      <c r="R23813">
        <v>16</v>
      </c>
      <c r="S23813">
        <v>16</v>
      </c>
      <c r="T23813">
        <v>17</v>
      </c>
      <c r="U23813">
        <v>17</v>
      </c>
      <c r="V23813">
        <v>17</v>
      </c>
      <c r="W23813">
        <v>17</v>
      </c>
      <c r="X23813">
        <v>17</v>
      </c>
      <c r="Y23813">
        <v>17</v>
      </c>
      <c r="Z23813">
        <v>17</v>
      </c>
      <c r="AA23813">
        <v>17</v>
      </c>
      <c r="AB23813">
        <v>17</v>
      </c>
      <c r="AC23813">
        <v>17</v>
      </c>
      <c r="AD23813">
        <v>17</v>
      </c>
      <c r="AE23813">
        <v>17</v>
      </c>
      <c r="AF23813">
        <v>17</v>
      </c>
      <c r="AG23813">
        <v>17</v>
      </c>
      <c r="AH23813">
        <v>17</v>
      </c>
      <c r="AI23813">
        <v>17</v>
      </c>
      <c r="AJ23813">
        <v>17</v>
      </c>
      <c r="AK23813">
        <v>17</v>
      </c>
      <c r="AL23813">
        <v>17</v>
      </c>
      <c r="AM23813">
        <v>17</v>
      </c>
      <c r="AN23813">
        <v>17</v>
      </c>
      <c r="AO23813">
        <v>17</v>
      </c>
      <c r="AP23813">
        <v>17</v>
      </c>
      <c r="AQ23813">
        <v>17</v>
      </c>
    </row>
    <row r="23814" spans="1:43">
      <c r="A23814" t="s">
        <v>14743</v>
      </c>
      <c r="B23814" t="s">
        <v>14744</v>
      </c>
      <c r="C23814" t="s">
        <v>14737</v>
      </c>
      <c r="D23814" t="s">
        <v>14738</v>
      </c>
      <c r="E23814" t="s">
        <v>14535</v>
      </c>
      <c r="F23814" t="s">
        <v>14536</v>
      </c>
      <c r="G23814" t="s">
        <v>10734</v>
      </c>
      <c r="H23814" t="s">
        <v>10735</v>
      </c>
      <c r="I23814" s="2">
        <v>1</v>
      </c>
      <c r="J23814" s="2">
        <v>0</v>
      </c>
      <c r="K23814" s="2">
        <v>0</v>
      </c>
      <c r="L23814" t="s">
        <v>120</v>
      </c>
      <c r="M23814" t="s">
        <v>83</v>
      </c>
      <c r="N23814" t="s">
        <v>84</v>
      </c>
      <c r="O23814" t="s">
        <v>85</v>
      </c>
      <c r="P23814" t="s">
        <v>86</v>
      </c>
      <c r="Q23814">
        <v>13</v>
      </c>
      <c r="R23814">
        <v>14</v>
      </c>
      <c r="S23814">
        <v>14</v>
      </c>
      <c r="T23814">
        <v>14</v>
      </c>
      <c r="U23814">
        <v>14</v>
      </c>
      <c r="V23814">
        <v>14</v>
      </c>
      <c r="W23814">
        <v>14</v>
      </c>
      <c r="X23814">
        <v>14</v>
      </c>
      <c r="Y23814">
        <v>14</v>
      </c>
      <c r="Z23814">
        <v>14</v>
      </c>
      <c r="AA23814">
        <v>14</v>
      </c>
      <c r="AB23814">
        <v>14</v>
      </c>
      <c r="AC23814">
        <v>14</v>
      </c>
      <c r="AD23814">
        <v>14</v>
      </c>
      <c r="AE23814">
        <v>14</v>
      </c>
      <c r="AF23814">
        <v>14</v>
      </c>
      <c r="AG23814">
        <v>14</v>
      </c>
      <c r="AH23814">
        <v>14</v>
      </c>
      <c r="AI23814">
        <v>14</v>
      </c>
      <c r="AJ23814">
        <v>14</v>
      </c>
      <c r="AK23814">
        <v>14</v>
      </c>
      <c r="AL23814">
        <v>14</v>
      </c>
      <c r="AM23814">
        <v>14</v>
      </c>
      <c r="AN23814">
        <v>14</v>
      </c>
      <c r="AO23814">
        <v>14</v>
      </c>
      <c r="AP23814">
        <v>14</v>
      </c>
      <c r="AQ23814">
        <v>14</v>
      </c>
    </row>
    <row r="23815" spans="1:43">
      <c r="A23815" t="s">
        <v>14743</v>
      </c>
      <c r="B23815" t="s">
        <v>14744</v>
      </c>
      <c r="C23815" t="s">
        <v>14737</v>
      </c>
      <c r="D23815" t="s">
        <v>14738</v>
      </c>
      <c r="E23815" t="s">
        <v>14535</v>
      </c>
      <c r="F23815" t="s">
        <v>14536</v>
      </c>
      <c r="G23815" t="s">
        <v>10734</v>
      </c>
      <c r="H23815" t="s">
        <v>10735</v>
      </c>
      <c r="I23815" s="2">
        <v>1</v>
      </c>
      <c r="J23815" s="2">
        <v>0</v>
      </c>
      <c r="K23815" s="2">
        <v>0</v>
      </c>
      <c r="L23815" t="s">
        <v>120</v>
      </c>
      <c r="M23815" t="s">
        <v>87</v>
      </c>
      <c r="N23815" t="s">
        <v>88</v>
      </c>
      <c r="O23815" t="s">
        <v>85</v>
      </c>
      <c r="P23815" t="s">
        <v>86</v>
      </c>
      <c r="Q23815">
        <v>13</v>
      </c>
      <c r="R23815">
        <v>13</v>
      </c>
      <c r="S23815">
        <v>13</v>
      </c>
      <c r="T23815">
        <v>13</v>
      </c>
      <c r="U23815">
        <v>13</v>
      </c>
      <c r="V23815">
        <v>13</v>
      </c>
      <c r="W23815">
        <v>13</v>
      </c>
      <c r="X23815">
        <v>13</v>
      </c>
      <c r="Y23815">
        <v>13</v>
      </c>
      <c r="Z23815">
        <v>13</v>
      </c>
      <c r="AA23815">
        <v>13</v>
      </c>
      <c r="AB23815">
        <v>13</v>
      </c>
      <c r="AC23815">
        <v>13</v>
      </c>
      <c r="AD23815">
        <v>13</v>
      </c>
      <c r="AE23815">
        <v>13</v>
      </c>
      <c r="AF23815">
        <v>13</v>
      </c>
      <c r="AG23815">
        <v>13</v>
      </c>
      <c r="AH23815">
        <v>13</v>
      </c>
      <c r="AI23815">
        <v>13</v>
      </c>
      <c r="AJ23815">
        <v>13</v>
      </c>
      <c r="AK23815">
        <v>13</v>
      </c>
      <c r="AL23815">
        <v>12</v>
      </c>
      <c r="AM23815">
        <v>12</v>
      </c>
      <c r="AN23815">
        <v>12</v>
      </c>
      <c r="AO23815">
        <v>12</v>
      </c>
      <c r="AP23815">
        <v>12</v>
      </c>
      <c r="AQ23815">
        <v>12</v>
      </c>
    </row>
    <row r="23816" spans="1:43">
      <c r="A23816" t="s">
        <v>14743</v>
      </c>
      <c r="B23816" t="s">
        <v>14744</v>
      </c>
      <c r="C23816" t="s">
        <v>14737</v>
      </c>
      <c r="D23816" t="s">
        <v>14738</v>
      </c>
      <c r="E23816" t="s">
        <v>14535</v>
      </c>
      <c r="F23816" t="s">
        <v>14536</v>
      </c>
      <c r="G23816" t="s">
        <v>10734</v>
      </c>
      <c r="H23816" t="s">
        <v>10735</v>
      </c>
      <c r="I23816" s="2">
        <v>1</v>
      </c>
      <c r="J23816" s="2">
        <v>0</v>
      </c>
      <c r="K23816" s="2">
        <v>0</v>
      </c>
      <c r="L23816" t="s">
        <v>120</v>
      </c>
      <c r="M23816" t="s">
        <v>89</v>
      </c>
      <c r="N23816" t="s">
        <v>90</v>
      </c>
      <c r="O23816" t="s">
        <v>85</v>
      </c>
      <c r="P23816" t="s">
        <v>86</v>
      </c>
      <c r="Q23816">
        <v>13</v>
      </c>
      <c r="R23816">
        <v>13</v>
      </c>
      <c r="S23816">
        <v>13</v>
      </c>
      <c r="T23816">
        <v>13</v>
      </c>
      <c r="U23816">
        <v>13</v>
      </c>
      <c r="V23816">
        <v>13</v>
      </c>
      <c r="W23816">
        <v>13</v>
      </c>
      <c r="X23816">
        <v>14</v>
      </c>
      <c r="Y23816">
        <v>14</v>
      </c>
      <c r="Z23816">
        <v>14</v>
      </c>
      <c r="AA23816">
        <v>14</v>
      </c>
      <c r="AB23816">
        <v>14</v>
      </c>
      <c r="AC23816">
        <v>14</v>
      </c>
      <c r="AD23816">
        <v>14</v>
      </c>
      <c r="AE23816">
        <v>14</v>
      </c>
      <c r="AF23816">
        <v>14</v>
      </c>
      <c r="AG23816">
        <v>14</v>
      </c>
      <c r="AH23816">
        <v>14</v>
      </c>
      <c r="AI23816">
        <v>14</v>
      </c>
      <c r="AJ23816">
        <v>14</v>
      </c>
      <c r="AK23816">
        <v>13</v>
      </c>
      <c r="AL23816">
        <v>13</v>
      </c>
      <c r="AM23816">
        <v>13</v>
      </c>
      <c r="AN23816">
        <v>13</v>
      </c>
      <c r="AO23816">
        <v>13</v>
      </c>
      <c r="AP23816">
        <v>13</v>
      </c>
      <c r="AQ23816">
        <v>13</v>
      </c>
    </row>
    <row r="23817" spans="1:43">
      <c r="A23817" t="s">
        <v>14743</v>
      </c>
      <c r="B23817" t="s">
        <v>14744</v>
      </c>
      <c r="C23817" t="s">
        <v>14737</v>
      </c>
      <c r="D23817" t="s">
        <v>14738</v>
      </c>
      <c r="E23817" t="s">
        <v>14535</v>
      </c>
      <c r="F23817" t="s">
        <v>14536</v>
      </c>
      <c r="G23817" t="s">
        <v>10734</v>
      </c>
      <c r="H23817" t="s">
        <v>10735</v>
      </c>
      <c r="I23817" s="2">
        <v>1</v>
      </c>
      <c r="J23817" s="2">
        <v>0</v>
      </c>
      <c r="K23817" s="2">
        <v>0</v>
      </c>
      <c r="L23817" t="s">
        <v>120</v>
      </c>
      <c r="M23817" t="s">
        <v>83</v>
      </c>
      <c r="N23817" t="s">
        <v>91</v>
      </c>
      <c r="O23817" t="s">
        <v>85</v>
      </c>
      <c r="P23817" t="s">
        <v>86</v>
      </c>
      <c r="Q23817">
        <v>13</v>
      </c>
      <c r="R23817">
        <v>14</v>
      </c>
      <c r="S23817">
        <v>14</v>
      </c>
      <c r="T23817">
        <v>14</v>
      </c>
      <c r="U23817">
        <v>14</v>
      </c>
      <c r="V23817">
        <v>14</v>
      </c>
      <c r="W23817">
        <v>14</v>
      </c>
      <c r="X23817">
        <v>14</v>
      </c>
      <c r="Y23817">
        <v>14</v>
      </c>
      <c r="Z23817">
        <v>14</v>
      </c>
      <c r="AA23817">
        <v>14</v>
      </c>
      <c r="AB23817">
        <v>14</v>
      </c>
      <c r="AC23817">
        <v>14</v>
      </c>
      <c r="AD23817">
        <v>14</v>
      </c>
      <c r="AE23817">
        <v>14</v>
      </c>
      <c r="AF23817">
        <v>14</v>
      </c>
      <c r="AG23817">
        <v>14</v>
      </c>
      <c r="AH23817">
        <v>14</v>
      </c>
      <c r="AI23817">
        <v>14</v>
      </c>
      <c r="AJ23817">
        <v>14</v>
      </c>
      <c r="AK23817">
        <v>14</v>
      </c>
      <c r="AL23817">
        <v>14</v>
      </c>
      <c r="AM23817">
        <v>14</v>
      </c>
      <c r="AN23817">
        <v>14</v>
      </c>
      <c r="AO23817">
        <v>14</v>
      </c>
      <c r="AP23817">
        <v>14</v>
      </c>
      <c r="AQ23817">
        <v>14</v>
      </c>
    </row>
    <row r="23818" spans="1:43">
      <c r="A23818" t="s">
        <v>14745</v>
      </c>
      <c r="B23818" t="s">
        <v>14746</v>
      </c>
      <c r="C23818" t="s">
        <v>14687</v>
      </c>
      <c r="D23818" t="s">
        <v>14688</v>
      </c>
      <c r="E23818" t="s">
        <v>14535</v>
      </c>
      <c r="F23818" t="s">
        <v>14536</v>
      </c>
      <c r="G23818" t="s">
        <v>10734</v>
      </c>
      <c r="H23818" t="s">
        <v>10735</v>
      </c>
      <c r="I23818" s="2">
        <v>1</v>
      </c>
      <c r="J23818" s="2">
        <v>0</v>
      </c>
      <c r="K23818" s="2">
        <v>0</v>
      </c>
      <c r="L23818" t="s">
        <v>120</v>
      </c>
      <c r="M23818" t="s">
        <v>83</v>
      </c>
      <c r="N23818" t="s">
        <v>84</v>
      </c>
      <c r="O23818" t="s">
        <v>85</v>
      </c>
      <c r="P23818" t="s">
        <v>86</v>
      </c>
      <c r="Q23818">
        <v>13</v>
      </c>
      <c r="R23818">
        <v>13</v>
      </c>
      <c r="S23818">
        <v>13</v>
      </c>
      <c r="T23818">
        <v>13</v>
      </c>
      <c r="U23818">
        <v>13</v>
      </c>
      <c r="V23818">
        <v>13</v>
      </c>
      <c r="W23818">
        <v>13</v>
      </c>
      <c r="X23818">
        <v>13</v>
      </c>
      <c r="Y23818">
        <v>13</v>
      </c>
      <c r="Z23818">
        <v>13</v>
      </c>
      <c r="AA23818">
        <v>13</v>
      </c>
      <c r="AB23818">
        <v>14</v>
      </c>
      <c r="AC23818">
        <v>14</v>
      </c>
      <c r="AD23818">
        <v>14</v>
      </c>
      <c r="AE23818">
        <v>14</v>
      </c>
      <c r="AF23818">
        <v>14</v>
      </c>
      <c r="AG23818">
        <v>14</v>
      </c>
      <c r="AH23818">
        <v>14</v>
      </c>
      <c r="AI23818">
        <v>14</v>
      </c>
      <c r="AJ23818">
        <v>14</v>
      </c>
      <c r="AK23818">
        <v>14</v>
      </c>
      <c r="AL23818">
        <v>14</v>
      </c>
      <c r="AM23818">
        <v>14</v>
      </c>
      <c r="AN23818">
        <v>14</v>
      </c>
      <c r="AO23818">
        <v>14</v>
      </c>
      <c r="AP23818">
        <v>14</v>
      </c>
      <c r="AQ23818">
        <v>14</v>
      </c>
    </row>
    <row r="23819" spans="1:43">
      <c r="A23819" t="s">
        <v>14745</v>
      </c>
      <c r="B23819" t="s">
        <v>14746</v>
      </c>
      <c r="C23819" t="s">
        <v>14687</v>
      </c>
      <c r="D23819" t="s">
        <v>14688</v>
      </c>
      <c r="E23819" t="s">
        <v>14535</v>
      </c>
      <c r="F23819" t="s">
        <v>14536</v>
      </c>
      <c r="G23819" t="s">
        <v>10734</v>
      </c>
      <c r="H23819" t="s">
        <v>10735</v>
      </c>
      <c r="I23819" s="2">
        <v>1</v>
      </c>
      <c r="J23819" s="2">
        <v>0</v>
      </c>
      <c r="K23819" s="2">
        <v>0</v>
      </c>
      <c r="L23819" t="s">
        <v>120</v>
      </c>
      <c r="M23819" t="s">
        <v>87</v>
      </c>
      <c r="N23819" t="s">
        <v>88</v>
      </c>
      <c r="O23819" t="s">
        <v>85</v>
      </c>
      <c r="P23819" t="s">
        <v>86</v>
      </c>
      <c r="Q23819">
        <v>13</v>
      </c>
      <c r="R23819">
        <v>13</v>
      </c>
      <c r="S23819">
        <v>13</v>
      </c>
      <c r="T23819">
        <v>13</v>
      </c>
      <c r="U23819">
        <v>13</v>
      </c>
      <c r="V23819">
        <v>12</v>
      </c>
      <c r="W23819">
        <v>12</v>
      </c>
      <c r="X23819">
        <v>12</v>
      </c>
      <c r="Y23819">
        <v>12</v>
      </c>
      <c r="Z23819">
        <v>12</v>
      </c>
      <c r="AA23819">
        <v>12</v>
      </c>
      <c r="AB23819">
        <v>12</v>
      </c>
      <c r="AC23819">
        <v>12</v>
      </c>
      <c r="AD23819">
        <v>12</v>
      </c>
      <c r="AE23819">
        <v>12</v>
      </c>
      <c r="AF23819">
        <v>12</v>
      </c>
      <c r="AG23819">
        <v>12</v>
      </c>
      <c r="AH23819">
        <v>12</v>
      </c>
      <c r="AI23819">
        <v>12</v>
      </c>
      <c r="AJ23819">
        <v>12</v>
      </c>
      <c r="AK23819">
        <v>12</v>
      </c>
      <c r="AL23819">
        <v>12</v>
      </c>
      <c r="AM23819">
        <v>12</v>
      </c>
      <c r="AN23819">
        <v>12</v>
      </c>
      <c r="AO23819">
        <v>12</v>
      </c>
      <c r="AP23819">
        <v>12</v>
      </c>
      <c r="AQ23819">
        <v>12</v>
      </c>
    </row>
    <row r="23820" spans="1:43">
      <c r="A23820" t="s">
        <v>14745</v>
      </c>
      <c r="B23820" t="s">
        <v>14746</v>
      </c>
      <c r="C23820" t="s">
        <v>14687</v>
      </c>
      <c r="D23820" t="s">
        <v>14688</v>
      </c>
      <c r="E23820" t="s">
        <v>14535</v>
      </c>
      <c r="F23820" t="s">
        <v>14536</v>
      </c>
      <c r="G23820" t="s">
        <v>10734</v>
      </c>
      <c r="H23820" t="s">
        <v>10735</v>
      </c>
      <c r="I23820" s="2">
        <v>1</v>
      </c>
      <c r="J23820" s="2">
        <v>0</v>
      </c>
      <c r="K23820" s="2">
        <v>0</v>
      </c>
      <c r="L23820" t="s">
        <v>120</v>
      </c>
      <c r="M23820" t="s">
        <v>89</v>
      </c>
      <c r="N23820" t="s">
        <v>90</v>
      </c>
      <c r="O23820" t="s">
        <v>85</v>
      </c>
      <c r="P23820" t="s">
        <v>86</v>
      </c>
      <c r="Q23820">
        <v>13</v>
      </c>
      <c r="R23820">
        <v>13</v>
      </c>
      <c r="S23820">
        <v>13</v>
      </c>
      <c r="T23820">
        <v>13</v>
      </c>
      <c r="U23820">
        <v>14</v>
      </c>
      <c r="V23820">
        <v>14</v>
      </c>
      <c r="W23820">
        <v>14</v>
      </c>
      <c r="X23820">
        <v>14</v>
      </c>
      <c r="Y23820">
        <v>14</v>
      </c>
      <c r="Z23820">
        <v>14</v>
      </c>
      <c r="AA23820">
        <v>14</v>
      </c>
      <c r="AB23820">
        <v>14</v>
      </c>
      <c r="AC23820">
        <v>15</v>
      </c>
      <c r="AD23820">
        <v>15</v>
      </c>
      <c r="AE23820">
        <v>15</v>
      </c>
      <c r="AF23820">
        <v>15</v>
      </c>
      <c r="AG23820">
        <v>15</v>
      </c>
      <c r="AH23820">
        <v>15</v>
      </c>
      <c r="AI23820">
        <v>14</v>
      </c>
      <c r="AJ23820">
        <v>14</v>
      </c>
      <c r="AK23820">
        <v>14</v>
      </c>
      <c r="AL23820">
        <v>14</v>
      </c>
      <c r="AM23820">
        <v>14</v>
      </c>
      <c r="AN23820">
        <v>14</v>
      </c>
      <c r="AO23820">
        <v>14</v>
      </c>
      <c r="AP23820">
        <v>14</v>
      </c>
      <c r="AQ23820">
        <v>14</v>
      </c>
    </row>
    <row r="23821" spans="1:43">
      <c r="A23821" t="s">
        <v>14745</v>
      </c>
      <c r="B23821" t="s">
        <v>14746</v>
      </c>
      <c r="C23821" t="s">
        <v>14687</v>
      </c>
      <c r="D23821" t="s">
        <v>14688</v>
      </c>
      <c r="E23821" t="s">
        <v>14535</v>
      </c>
      <c r="F23821" t="s">
        <v>14536</v>
      </c>
      <c r="G23821" t="s">
        <v>10734</v>
      </c>
      <c r="H23821" t="s">
        <v>10735</v>
      </c>
      <c r="I23821" s="2">
        <v>1</v>
      </c>
      <c r="J23821" s="2">
        <v>0</v>
      </c>
      <c r="K23821" s="2">
        <v>0</v>
      </c>
      <c r="L23821" t="s">
        <v>120</v>
      </c>
      <c r="M23821" t="s">
        <v>83</v>
      </c>
      <c r="N23821" t="s">
        <v>91</v>
      </c>
      <c r="O23821" t="s">
        <v>85</v>
      </c>
      <c r="P23821" t="s">
        <v>86</v>
      </c>
      <c r="Q23821">
        <v>13</v>
      </c>
      <c r="R23821">
        <v>13</v>
      </c>
      <c r="S23821">
        <v>13</v>
      </c>
      <c r="T23821">
        <v>13</v>
      </c>
      <c r="U23821">
        <v>13</v>
      </c>
      <c r="V23821">
        <v>13</v>
      </c>
      <c r="W23821">
        <v>13</v>
      </c>
      <c r="X23821">
        <v>13</v>
      </c>
      <c r="Y23821">
        <v>13</v>
      </c>
      <c r="Z23821">
        <v>13</v>
      </c>
      <c r="AA23821">
        <v>13</v>
      </c>
      <c r="AB23821">
        <v>14</v>
      </c>
      <c r="AC23821">
        <v>14</v>
      </c>
      <c r="AD23821">
        <v>14</v>
      </c>
      <c r="AE23821">
        <v>14</v>
      </c>
      <c r="AF23821">
        <v>14</v>
      </c>
      <c r="AG23821">
        <v>14</v>
      </c>
      <c r="AH23821">
        <v>14</v>
      </c>
      <c r="AI23821">
        <v>14</v>
      </c>
      <c r="AJ23821">
        <v>14</v>
      </c>
      <c r="AK23821">
        <v>14</v>
      </c>
      <c r="AL23821">
        <v>14</v>
      </c>
      <c r="AM23821">
        <v>14</v>
      </c>
      <c r="AN23821">
        <v>14</v>
      </c>
      <c r="AO23821">
        <v>14</v>
      </c>
      <c r="AP23821">
        <v>14</v>
      </c>
      <c r="AQ23821">
        <v>14</v>
      </c>
    </row>
    <row r="23822" spans="1:43">
      <c r="A23822" t="s">
        <v>14747</v>
      </c>
      <c r="B23822" t="s">
        <v>14748</v>
      </c>
      <c r="C23822" t="s">
        <v>14737</v>
      </c>
      <c r="D23822" t="s">
        <v>14738</v>
      </c>
      <c r="E23822" t="s">
        <v>14535</v>
      </c>
      <c r="F23822" t="s">
        <v>14536</v>
      </c>
      <c r="G23822" t="s">
        <v>10734</v>
      </c>
      <c r="H23822" t="s">
        <v>10735</v>
      </c>
      <c r="I23822" s="2">
        <v>1</v>
      </c>
      <c r="J23822" s="2">
        <v>0</v>
      </c>
      <c r="K23822" s="2">
        <v>0</v>
      </c>
      <c r="L23822" t="s">
        <v>120</v>
      </c>
      <c r="M23822" t="s">
        <v>83</v>
      </c>
      <c r="N23822" t="s">
        <v>84</v>
      </c>
      <c r="O23822" t="s">
        <v>85</v>
      </c>
      <c r="P23822" t="s">
        <v>86</v>
      </c>
      <c r="Q23822">
        <v>36</v>
      </c>
      <c r="R23822">
        <v>36</v>
      </c>
      <c r="S23822">
        <v>37</v>
      </c>
      <c r="T23822">
        <v>37</v>
      </c>
      <c r="U23822">
        <v>37</v>
      </c>
      <c r="V23822">
        <v>37</v>
      </c>
      <c r="W23822">
        <v>37</v>
      </c>
      <c r="X23822">
        <v>38</v>
      </c>
      <c r="Y23822">
        <v>38</v>
      </c>
      <c r="Z23822">
        <v>38</v>
      </c>
      <c r="AA23822">
        <v>38</v>
      </c>
      <c r="AB23822">
        <v>38</v>
      </c>
      <c r="AC23822">
        <v>38</v>
      </c>
      <c r="AD23822">
        <v>38</v>
      </c>
      <c r="AE23822">
        <v>39</v>
      </c>
      <c r="AF23822">
        <v>39</v>
      </c>
      <c r="AG23822">
        <v>39</v>
      </c>
      <c r="AH23822">
        <v>39</v>
      </c>
      <c r="AI23822">
        <v>39</v>
      </c>
      <c r="AJ23822">
        <v>39</v>
      </c>
      <c r="AK23822">
        <v>39</v>
      </c>
      <c r="AL23822">
        <v>39</v>
      </c>
      <c r="AM23822">
        <v>39</v>
      </c>
      <c r="AN23822">
        <v>39</v>
      </c>
      <c r="AO23822">
        <v>39</v>
      </c>
      <c r="AP23822">
        <v>39</v>
      </c>
      <c r="AQ23822">
        <v>39</v>
      </c>
    </row>
    <row r="23823" spans="1:43">
      <c r="A23823" t="s">
        <v>14747</v>
      </c>
      <c r="B23823" t="s">
        <v>14748</v>
      </c>
      <c r="C23823" t="s">
        <v>14737</v>
      </c>
      <c r="D23823" t="s">
        <v>14738</v>
      </c>
      <c r="E23823" t="s">
        <v>14535</v>
      </c>
      <c r="F23823" t="s">
        <v>14536</v>
      </c>
      <c r="G23823" t="s">
        <v>10734</v>
      </c>
      <c r="H23823" t="s">
        <v>10735</v>
      </c>
      <c r="I23823" s="2">
        <v>1</v>
      </c>
      <c r="J23823" s="2">
        <v>0</v>
      </c>
      <c r="K23823" s="2">
        <v>0</v>
      </c>
      <c r="L23823" t="s">
        <v>120</v>
      </c>
      <c r="M23823" t="s">
        <v>87</v>
      </c>
      <c r="N23823" t="s">
        <v>88</v>
      </c>
      <c r="O23823" t="s">
        <v>85</v>
      </c>
      <c r="P23823" t="s">
        <v>86</v>
      </c>
      <c r="Q23823">
        <v>36</v>
      </c>
      <c r="R23823">
        <v>36</v>
      </c>
      <c r="S23823">
        <v>36</v>
      </c>
      <c r="T23823">
        <v>35</v>
      </c>
      <c r="U23823">
        <v>35</v>
      </c>
      <c r="V23823">
        <v>35</v>
      </c>
      <c r="W23823">
        <v>35</v>
      </c>
      <c r="X23823">
        <v>35</v>
      </c>
      <c r="Y23823">
        <v>35</v>
      </c>
      <c r="Z23823">
        <v>35</v>
      </c>
      <c r="AA23823">
        <v>35</v>
      </c>
      <c r="AB23823">
        <v>35</v>
      </c>
      <c r="AC23823">
        <v>35</v>
      </c>
      <c r="AD23823">
        <v>34</v>
      </c>
      <c r="AE23823">
        <v>34</v>
      </c>
      <c r="AF23823">
        <v>34</v>
      </c>
      <c r="AG23823">
        <v>34</v>
      </c>
      <c r="AH23823">
        <v>34</v>
      </c>
      <c r="AI23823">
        <v>34</v>
      </c>
      <c r="AJ23823">
        <v>34</v>
      </c>
      <c r="AK23823">
        <v>34</v>
      </c>
      <c r="AL23823">
        <v>34</v>
      </c>
      <c r="AM23823">
        <v>34</v>
      </c>
      <c r="AN23823">
        <v>34</v>
      </c>
      <c r="AO23823">
        <v>34</v>
      </c>
      <c r="AP23823">
        <v>34</v>
      </c>
      <c r="AQ23823">
        <v>34</v>
      </c>
    </row>
    <row r="23824" spans="1:43">
      <c r="A23824" t="s">
        <v>14747</v>
      </c>
      <c r="B23824" t="s">
        <v>14748</v>
      </c>
      <c r="C23824" t="s">
        <v>14737</v>
      </c>
      <c r="D23824" t="s">
        <v>14738</v>
      </c>
      <c r="E23824" t="s">
        <v>14535</v>
      </c>
      <c r="F23824" t="s">
        <v>14536</v>
      </c>
      <c r="G23824" t="s">
        <v>10734</v>
      </c>
      <c r="H23824" t="s">
        <v>10735</v>
      </c>
      <c r="I23824" s="2">
        <v>1</v>
      </c>
      <c r="J23824" s="2">
        <v>0</v>
      </c>
      <c r="K23824" s="2">
        <v>0</v>
      </c>
      <c r="L23824" t="s">
        <v>120</v>
      </c>
      <c r="M23824" t="s">
        <v>89</v>
      </c>
      <c r="N23824" t="s">
        <v>90</v>
      </c>
      <c r="O23824" t="s">
        <v>85</v>
      </c>
      <c r="P23824" t="s">
        <v>86</v>
      </c>
      <c r="Q23824">
        <v>36</v>
      </c>
      <c r="R23824">
        <v>37</v>
      </c>
      <c r="S23824">
        <v>37</v>
      </c>
      <c r="T23824">
        <v>38</v>
      </c>
      <c r="U23824">
        <v>38</v>
      </c>
      <c r="V23824">
        <v>39</v>
      </c>
      <c r="W23824">
        <v>39</v>
      </c>
      <c r="X23824">
        <v>39</v>
      </c>
      <c r="Y23824">
        <v>40</v>
      </c>
      <c r="Z23824">
        <v>40</v>
      </c>
      <c r="AA23824">
        <v>40</v>
      </c>
      <c r="AB23824">
        <v>41</v>
      </c>
      <c r="AC23824">
        <v>41</v>
      </c>
      <c r="AD23824">
        <v>41</v>
      </c>
      <c r="AE23824">
        <v>41</v>
      </c>
      <c r="AF23824">
        <v>41</v>
      </c>
      <c r="AG23824">
        <v>41</v>
      </c>
      <c r="AH23824">
        <v>41</v>
      </c>
      <c r="AI23824">
        <v>41</v>
      </c>
      <c r="AJ23824">
        <v>40</v>
      </c>
      <c r="AK23824">
        <v>40</v>
      </c>
      <c r="AL23824">
        <v>40</v>
      </c>
      <c r="AM23824">
        <v>40</v>
      </c>
      <c r="AN23824">
        <v>40</v>
      </c>
      <c r="AO23824">
        <v>40</v>
      </c>
      <c r="AP23824">
        <v>39</v>
      </c>
      <c r="AQ23824">
        <v>39</v>
      </c>
    </row>
    <row r="23825" spans="1:43">
      <c r="A23825" t="s">
        <v>14747</v>
      </c>
      <c r="B23825" t="s">
        <v>14748</v>
      </c>
      <c r="C23825" t="s">
        <v>14737</v>
      </c>
      <c r="D23825" t="s">
        <v>14738</v>
      </c>
      <c r="E23825" t="s">
        <v>14535</v>
      </c>
      <c r="F23825" t="s">
        <v>14536</v>
      </c>
      <c r="G23825" t="s">
        <v>10734</v>
      </c>
      <c r="H23825" t="s">
        <v>10735</v>
      </c>
      <c r="I23825" s="2">
        <v>1</v>
      </c>
      <c r="J23825" s="2">
        <v>0</v>
      </c>
      <c r="K23825" s="2">
        <v>0</v>
      </c>
      <c r="L23825" t="s">
        <v>120</v>
      </c>
      <c r="M23825" t="s">
        <v>83</v>
      </c>
      <c r="N23825" t="s">
        <v>91</v>
      </c>
      <c r="O23825" t="s">
        <v>85</v>
      </c>
      <c r="P23825" t="s">
        <v>86</v>
      </c>
      <c r="Q23825">
        <v>36</v>
      </c>
      <c r="R23825">
        <v>36</v>
      </c>
      <c r="S23825">
        <v>37</v>
      </c>
      <c r="T23825">
        <v>37</v>
      </c>
      <c r="U23825">
        <v>37</v>
      </c>
      <c r="V23825">
        <v>37</v>
      </c>
      <c r="W23825">
        <v>37</v>
      </c>
      <c r="X23825">
        <v>38</v>
      </c>
      <c r="Y23825">
        <v>38</v>
      </c>
      <c r="Z23825">
        <v>38</v>
      </c>
      <c r="AA23825">
        <v>38</v>
      </c>
      <c r="AB23825">
        <v>38</v>
      </c>
      <c r="AC23825">
        <v>38</v>
      </c>
      <c r="AD23825">
        <v>38</v>
      </c>
      <c r="AE23825">
        <v>39</v>
      </c>
      <c r="AF23825">
        <v>39</v>
      </c>
      <c r="AG23825">
        <v>39</v>
      </c>
      <c r="AH23825">
        <v>39</v>
      </c>
      <c r="AI23825">
        <v>39</v>
      </c>
      <c r="AJ23825">
        <v>39</v>
      </c>
      <c r="AK23825">
        <v>39</v>
      </c>
      <c r="AL23825">
        <v>39</v>
      </c>
      <c r="AM23825">
        <v>39</v>
      </c>
      <c r="AN23825">
        <v>39</v>
      </c>
      <c r="AO23825">
        <v>39</v>
      </c>
      <c r="AP23825">
        <v>39</v>
      </c>
      <c r="AQ23825">
        <v>39</v>
      </c>
    </row>
    <row r="23826" spans="1:43">
      <c r="A23826" t="s">
        <v>14749</v>
      </c>
      <c r="B23826" t="s">
        <v>14750</v>
      </c>
      <c r="C23826" t="s">
        <v>14687</v>
      </c>
      <c r="D23826" t="s">
        <v>14688</v>
      </c>
      <c r="E23826" t="s">
        <v>14535</v>
      </c>
      <c r="F23826" t="s">
        <v>14536</v>
      </c>
      <c r="G23826" t="s">
        <v>10734</v>
      </c>
      <c r="H23826" t="s">
        <v>10735</v>
      </c>
      <c r="I23826" s="2">
        <v>1</v>
      </c>
      <c r="J23826" s="2">
        <v>0</v>
      </c>
      <c r="K23826" s="2">
        <v>0</v>
      </c>
      <c r="L23826" t="s">
        <v>120</v>
      </c>
      <c r="M23826" t="s">
        <v>83</v>
      </c>
      <c r="N23826" t="s">
        <v>84</v>
      </c>
      <c r="O23826" t="s">
        <v>85</v>
      </c>
      <c r="P23826" t="s">
        <v>86</v>
      </c>
      <c r="Q23826">
        <v>14</v>
      </c>
      <c r="R23826">
        <v>14</v>
      </c>
      <c r="S23826">
        <v>14</v>
      </c>
      <c r="T23826">
        <v>14</v>
      </c>
      <c r="U23826">
        <v>14</v>
      </c>
      <c r="V23826">
        <v>14</v>
      </c>
      <c r="W23826">
        <v>15</v>
      </c>
      <c r="X23826">
        <v>15</v>
      </c>
      <c r="Y23826">
        <v>15</v>
      </c>
      <c r="Z23826">
        <v>15</v>
      </c>
      <c r="AA23826">
        <v>15</v>
      </c>
      <c r="AB23826">
        <v>15</v>
      </c>
      <c r="AC23826">
        <v>15</v>
      </c>
      <c r="AD23826">
        <v>15</v>
      </c>
      <c r="AE23826">
        <v>15</v>
      </c>
      <c r="AF23826">
        <v>15</v>
      </c>
      <c r="AG23826">
        <v>15</v>
      </c>
      <c r="AH23826">
        <v>15</v>
      </c>
      <c r="AI23826">
        <v>15</v>
      </c>
      <c r="AJ23826">
        <v>15</v>
      </c>
      <c r="AK23826">
        <v>15</v>
      </c>
      <c r="AL23826">
        <v>15</v>
      </c>
      <c r="AM23826">
        <v>15</v>
      </c>
      <c r="AN23826">
        <v>15</v>
      </c>
      <c r="AO23826">
        <v>15</v>
      </c>
      <c r="AP23826">
        <v>15</v>
      </c>
      <c r="AQ23826">
        <v>15</v>
      </c>
    </row>
    <row r="23827" spans="1:43">
      <c r="A23827" t="s">
        <v>14749</v>
      </c>
      <c r="B23827" t="s">
        <v>14750</v>
      </c>
      <c r="C23827" t="s">
        <v>14687</v>
      </c>
      <c r="D23827" t="s">
        <v>14688</v>
      </c>
      <c r="E23827" t="s">
        <v>14535</v>
      </c>
      <c r="F23827" t="s">
        <v>14536</v>
      </c>
      <c r="G23827" t="s">
        <v>10734</v>
      </c>
      <c r="H23827" t="s">
        <v>10735</v>
      </c>
      <c r="I23827" s="2">
        <v>1</v>
      </c>
      <c r="J23827" s="2">
        <v>0</v>
      </c>
      <c r="K23827" s="2">
        <v>0</v>
      </c>
      <c r="L23827" t="s">
        <v>120</v>
      </c>
      <c r="M23827" t="s">
        <v>87</v>
      </c>
      <c r="N23827" t="s">
        <v>88</v>
      </c>
      <c r="O23827" t="s">
        <v>85</v>
      </c>
      <c r="P23827" t="s">
        <v>86</v>
      </c>
      <c r="Q23827">
        <v>14</v>
      </c>
      <c r="R23827">
        <v>14</v>
      </c>
      <c r="S23827">
        <v>14</v>
      </c>
      <c r="T23827">
        <v>14</v>
      </c>
      <c r="U23827">
        <v>14</v>
      </c>
      <c r="V23827">
        <v>14</v>
      </c>
      <c r="W23827">
        <v>14</v>
      </c>
      <c r="X23827">
        <v>14</v>
      </c>
      <c r="Y23827">
        <v>14</v>
      </c>
      <c r="Z23827">
        <v>14</v>
      </c>
      <c r="AA23827">
        <v>14</v>
      </c>
      <c r="AB23827">
        <v>13</v>
      </c>
      <c r="AC23827">
        <v>13</v>
      </c>
      <c r="AD23827">
        <v>13</v>
      </c>
      <c r="AE23827">
        <v>13</v>
      </c>
      <c r="AF23827">
        <v>13</v>
      </c>
      <c r="AG23827">
        <v>13</v>
      </c>
      <c r="AH23827">
        <v>13</v>
      </c>
      <c r="AI23827">
        <v>13</v>
      </c>
      <c r="AJ23827">
        <v>13</v>
      </c>
      <c r="AK23827">
        <v>13</v>
      </c>
      <c r="AL23827">
        <v>13</v>
      </c>
      <c r="AM23827">
        <v>13</v>
      </c>
      <c r="AN23827">
        <v>13</v>
      </c>
      <c r="AO23827">
        <v>13</v>
      </c>
      <c r="AP23827">
        <v>13</v>
      </c>
      <c r="AQ23827">
        <v>13</v>
      </c>
    </row>
    <row r="23828" spans="1:43">
      <c r="A23828" t="s">
        <v>14749</v>
      </c>
      <c r="B23828" t="s">
        <v>14750</v>
      </c>
      <c r="C23828" t="s">
        <v>14687</v>
      </c>
      <c r="D23828" t="s">
        <v>14688</v>
      </c>
      <c r="E23828" t="s">
        <v>14535</v>
      </c>
      <c r="F23828" t="s">
        <v>14536</v>
      </c>
      <c r="G23828" t="s">
        <v>10734</v>
      </c>
      <c r="H23828" t="s">
        <v>10735</v>
      </c>
      <c r="I23828" s="2">
        <v>1</v>
      </c>
      <c r="J23828" s="2">
        <v>0</v>
      </c>
      <c r="K23828" s="2">
        <v>0</v>
      </c>
      <c r="L23828" t="s">
        <v>120</v>
      </c>
      <c r="M23828" t="s">
        <v>89</v>
      </c>
      <c r="N23828" t="s">
        <v>90</v>
      </c>
      <c r="O23828" t="s">
        <v>85</v>
      </c>
      <c r="P23828" t="s">
        <v>86</v>
      </c>
      <c r="Q23828">
        <v>14</v>
      </c>
      <c r="R23828">
        <v>14</v>
      </c>
      <c r="S23828">
        <v>15</v>
      </c>
      <c r="T23828">
        <v>15</v>
      </c>
      <c r="U23828">
        <v>15</v>
      </c>
      <c r="V23828">
        <v>15</v>
      </c>
      <c r="W23828">
        <v>15</v>
      </c>
      <c r="X23828">
        <v>15</v>
      </c>
      <c r="Y23828">
        <v>15</v>
      </c>
      <c r="Z23828">
        <v>16</v>
      </c>
      <c r="AA23828">
        <v>16</v>
      </c>
      <c r="AB23828">
        <v>16</v>
      </c>
      <c r="AC23828">
        <v>16</v>
      </c>
      <c r="AD23828">
        <v>16</v>
      </c>
      <c r="AE23828">
        <v>16</v>
      </c>
      <c r="AF23828">
        <v>16</v>
      </c>
      <c r="AG23828">
        <v>16</v>
      </c>
      <c r="AH23828">
        <v>16</v>
      </c>
      <c r="AI23828">
        <v>16</v>
      </c>
      <c r="AJ23828">
        <v>16</v>
      </c>
      <c r="AK23828">
        <v>15</v>
      </c>
      <c r="AL23828">
        <v>15</v>
      </c>
      <c r="AM23828">
        <v>15</v>
      </c>
      <c r="AN23828">
        <v>15</v>
      </c>
      <c r="AO23828">
        <v>15</v>
      </c>
      <c r="AP23828">
        <v>15</v>
      </c>
      <c r="AQ23828">
        <v>15</v>
      </c>
    </row>
    <row r="23829" spans="1:43">
      <c r="A23829" t="s">
        <v>14749</v>
      </c>
      <c r="B23829" t="s">
        <v>14750</v>
      </c>
      <c r="C23829" t="s">
        <v>14687</v>
      </c>
      <c r="D23829" t="s">
        <v>14688</v>
      </c>
      <c r="E23829" t="s">
        <v>14535</v>
      </c>
      <c r="F23829" t="s">
        <v>14536</v>
      </c>
      <c r="G23829" t="s">
        <v>10734</v>
      </c>
      <c r="H23829" t="s">
        <v>10735</v>
      </c>
      <c r="I23829" s="2">
        <v>1</v>
      </c>
      <c r="J23829" s="2">
        <v>0</v>
      </c>
      <c r="K23829" s="2">
        <v>0</v>
      </c>
      <c r="L23829" t="s">
        <v>120</v>
      </c>
      <c r="M23829" t="s">
        <v>83</v>
      </c>
      <c r="N23829" t="s">
        <v>91</v>
      </c>
      <c r="O23829" t="s">
        <v>85</v>
      </c>
      <c r="P23829" t="s">
        <v>86</v>
      </c>
      <c r="Q23829">
        <v>14</v>
      </c>
      <c r="R23829">
        <v>14</v>
      </c>
      <c r="S23829">
        <v>14</v>
      </c>
      <c r="T23829">
        <v>14</v>
      </c>
      <c r="U23829">
        <v>14</v>
      </c>
      <c r="V23829">
        <v>14</v>
      </c>
      <c r="W23829">
        <v>15</v>
      </c>
      <c r="X23829">
        <v>15</v>
      </c>
      <c r="Y23829">
        <v>15</v>
      </c>
      <c r="Z23829">
        <v>15</v>
      </c>
      <c r="AA23829">
        <v>15</v>
      </c>
      <c r="AB23829">
        <v>15</v>
      </c>
      <c r="AC23829">
        <v>15</v>
      </c>
      <c r="AD23829">
        <v>15</v>
      </c>
      <c r="AE23829">
        <v>15</v>
      </c>
      <c r="AF23829">
        <v>15</v>
      </c>
      <c r="AG23829">
        <v>15</v>
      </c>
      <c r="AH23829">
        <v>15</v>
      </c>
      <c r="AI23829">
        <v>15</v>
      </c>
      <c r="AJ23829">
        <v>15</v>
      </c>
      <c r="AK23829">
        <v>15</v>
      </c>
      <c r="AL23829">
        <v>15</v>
      </c>
      <c r="AM23829">
        <v>15</v>
      </c>
      <c r="AN23829">
        <v>15</v>
      </c>
      <c r="AO23829">
        <v>15</v>
      </c>
      <c r="AP23829">
        <v>15</v>
      </c>
      <c r="AQ23829">
        <v>15</v>
      </c>
    </row>
    <row r="23830" spans="1:43">
      <c r="A23830" t="s">
        <v>14751</v>
      </c>
      <c r="B23830" t="s">
        <v>14752</v>
      </c>
      <c r="C23830" t="s">
        <v>14601</v>
      </c>
      <c r="D23830" t="s">
        <v>14602</v>
      </c>
      <c r="E23830" t="s">
        <v>14535</v>
      </c>
      <c r="F23830" t="s">
        <v>14536</v>
      </c>
      <c r="G23830" t="s">
        <v>10734</v>
      </c>
      <c r="H23830" t="s">
        <v>10735</v>
      </c>
      <c r="I23830" s="2">
        <v>1</v>
      </c>
      <c r="J23830" s="2">
        <v>0</v>
      </c>
      <c r="K23830" s="2">
        <v>0</v>
      </c>
      <c r="L23830" t="s">
        <v>120</v>
      </c>
      <c r="M23830" t="s">
        <v>83</v>
      </c>
      <c r="N23830" t="s">
        <v>84</v>
      </c>
      <c r="O23830" t="s">
        <v>85</v>
      </c>
      <c r="P23830" t="s">
        <v>86</v>
      </c>
      <c r="Q23830">
        <v>31</v>
      </c>
      <c r="R23830">
        <v>32</v>
      </c>
      <c r="S23830">
        <v>32</v>
      </c>
      <c r="T23830">
        <v>32</v>
      </c>
      <c r="U23830">
        <v>32</v>
      </c>
      <c r="V23830">
        <v>32</v>
      </c>
      <c r="W23830">
        <v>32</v>
      </c>
      <c r="X23830">
        <v>33</v>
      </c>
      <c r="Y23830">
        <v>33</v>
      </c>
      <c r="Z23830">
        <v>33</v>
      </c>
      <c r="AA23830">
        <v>33</v>
      </c>
      <c r="AB23830">
        <v>33</v>
      </c>
      <c r="AC23830">
        <v>33</v>
      </c>
      <c r="AD23830">
        <v>33</v>
      </c>
      <c r="AE23830">
        <v>33</v>
      </c>
      <c r="AF23830">
        <v>33</v>
      </c>
      <c r="AG23830">
        <v>33</v>
      </c>
      <c r="AH23830">
        <v>33</v>
      </c>
      <c r="AI23830">
        <v>34</v>
      </c>
      <c r="AJ23830">
        <v>34</v>
      </c>
      <c r="AK23830">
        <v>34</v>
      </c>
      <c r="AL23830">
        <v>34</v>
      </c>
      <c r="AM23830">
        <v>33</v>
      </c>
      <c r="AN23830">
        <v>33</v>
      </c>
      <c r="AO23830">
        <v>33</v>
      </c>
      <c r="AP23830">
        <v>33</v>
      </c>
      <c r="AQ23830">
        <v>33</v>
      </c>
    </row>
    <row r="23831" spans="1:43">
      <c r="A23831" t="s">
        <v>14751</v>
      </c>
      <c r="B23831" t="s">
        <v>14752</v>
      </c>
      <c r="C23831" t="s">
        <v>14601</v>
      </c>
      <c r="D23831" t="s">
        <v>14602</v>
      </c>
      <c r="E23831" t="s">
        <v>14535</v>
      </c>
      <c r="F23831" t="s">
        <v>14536</v>
      </c>
      <c r="G23831" t="s">
        <v>10734</v>
      </c>
      <c r="H23831" t="s">
        <v>10735</v>
      </c>
      <c r="I23831" s="2">
        <v>1</v>
      </c>
      <c r="J23831" s="2">
        <v>0</v>
      </c>
      <c r="K23831" s="2">
        <v>0</v>
      </c>
      <c r="L23831" t="s">
        <v>120</v>
      </c>
      <c r="M23831" t="s">
        <v>87</v>
      </c>
      <c r="N23831" t="s">
        <v>88</v>
      </c>
      <c r="O23831" t="s">
        <v>85</v>
      </c>
      <c r="P23831" t="s">
        <v>86</v>
      </c>
      <c r="Q23831">
        <v>31</v>
      </c>
      <c r="R23831">
        <v>31</v>
      </c>
      <c r="S23831">
        <v>31</v>
      </c>
      <c r="T23831">
        <v>31</v>
      </c>
      <c r="U23831">
        <v>31</v>
      </c>
      <c r="V23831">
        <v>31</v>
      </c>
      <c r="W23831">
        <v>30</v>
      </c>
      <c r="X23831">
        <v>30</v>
      </c>
      <c r="Y23831">
        <v>30</v>
      </c>
      <c r="Z23831">
        <v>30</v>
      </c>
      <c r="AA23831">
        <v>30</v>
      </c>
      <c r="AB23831">
        <v>30</v>
      </c>
      <c r="AC23831">
        <v>30</v>
      </c>
      <c r="AD23831">
        <v>30</v>
      </c>
      <c r="AE23831">
        <v>30</v>
      </c>
      <c r="AF23831">
        <v>30</v>
      </c>
      <c r="AG23831">
        <v>29</v>
      </c>
      <c r="AH23831">
        <v>29</v>
      </c>
      <c r="AI23831">
        <v>29</v>
      </c>
      <c r="AJ23831">
        <v>29</v>
      </c>
      <c r="AK23831">
        <v>29</v>
      </c>
      <c r="AL23831">
        <v>29</v>
      </c>
      <c r="AM23831">
        <v>29</v>
      </c>
      <c r="AN23831">
        <v>29</v>
      </c>
      <c r="AO23831">
        <v>29</v>
      </c>
      <c r="AP23831">
        <v>29</v>
      </c>
      <c r="AQ23831">
        <v>29</v>
      </c>
    </row>
    <row r="23832" spans="1:43">
      <c r="A23832" t="s">
        <v>14751</v>
      </c>
      <c r="B23832" t="s">
        <v>14752</v>
      </c>
      <c r="C23832" t="s">
        <v>14601</v>
      </c>
      <c r="D23832" t="s">
        <v>14602</v>
      </c>
      <c r="E23832" t="s">
        <v>14535</v>
      </c>
      <c r="F23832" t="s">
        <v>14536</v>
      </c>
      <c r="G23832" t="s">
        <v>10734</v>
      </c>
      <c r="H23832" t="s">
        <v>10735</v>
      </c>
      <c r="I23832" s="2">
        <v>1</v>
      </c>
      <c r="J23832" s="2">
        <v>0</v>
      </c>
      <c r="K23832" s="2">
        <v>0</v>
      </c>
      <c r="L23832" t="s">
        <v>120</v>
      </c>
      <c r="M23832" t="s">
        <v>89</v>
      </c>
      <c r="N23832" t="s">
        <v>90</v>
      </c>
      <c r="O23832" t="s">
        <v>85</v>
      </c>
      <c r="P23832" t="s">
        <v>86</v>
      </c>
      <c r="Q23832">
        <v>31</v>
      </c>
      <c r="R23832">
        <v>31</v>
      </c>
      <c r="S23832">
        <v>32</v>
      </c>
      <c r="T23832">
        <v>32</v>
      </c>
      <c r="U23832">
        <v>32</v>
      </c>
      <c r="V23832">
        <v>33</v>
      </c>
      <c r="W23832">
        <v>33</v>
      </c>
      <c r="X23832">
        <v>33</v>
      </c>
      <c r="Y23832">
        <v>33</v>
      </c>
      <c r="Z23832">
        <v>34</v>
      </c>
      <c r="AA23832">
        <v>34</v>
      </c>
      <c r="AB23832">
        <v>34</v>
      </c>
      <c r="AC23832">
        <v>34</v>
      </c>
      <c r="AD23832">
        <v>34</v>
      </c>
      <c r="AE23832">
        <v>34</v>
      </c>
      <c r="AF23832">
        <v>34</v>
      </c>
      <c r="AG23832">
        <v>34</v>
      </c>
      <c r="AH23832">
        <v>34</v>
      </c>
      <c r="AI23832">
        <v>34</v>
      </c>
      <c r="AJ23832">
        <v>34</v>
      </c>
      <c r="AK23832">
        <v>33</v>
      </c>
      <c r="AL23832">
        <v>33</v>
      </c>
      <c r="AM23832">
        <v>33</v>
      </c>
      <c r="AN23832">
        <v>33</v>
      </c>
      <c r="AO23832">
        <v>33</v>
      </c>
      <c r="AP23832">
        <v>33</v>
      </c>
      <c r="AQ23832">
        <v>32</v>
      </c>
    </row>
    <row r="23833" spans="1:43">
      <c r="A23833" t="s">
        <v>14751</v>
      </c>
      <c r="B23833" t="s">
        <v>14752</v>
      </c>
      <c r="C23833" t="s">
        <v>14601</v>
      </c>
      <c r="D23833" t="s">
        <v>14602</v>
      </c>
      <c r="E23833" t="s">
        <v>14535</v>
      </c>
      <c r="F23833" t="s">
        <v>14536</v>
      </c>
      <c r="G23833" t="s">
        <v>10734</v>
      </c>
      <c r="H23833" t="s">
        <v>10735</v>
      </c>
      <c r="I23833" s="2">
        <v>1</v>
      </c>
      <c r="J23833" s="2">
        <v>0</v>
      </c>
      <c r="K23833" s="2">
        <v>0</v>
      </c>
      <c r="L23833" t="s">
        <v>120</v>
      </c>
      <c r="M23833" t="s">
        <v>83</v>
      </c>
      <c r="N23833" t="s">
        <v>91</v>
      </c>
      <c r="O23833" t="s">
        <v>85</v>
      </c>
      <c r="P23833" t="s">
        <v>86</v>
      </c>
      <c r="Q23833">
        <v>31</v>
      </c>
      <c r="R23833">
        <v>32</v>
      </c>
      <c r="S23833">
        <v>32</v>
      </c>
      <c r="T23833">
        <v>32</v>
      </c>
      <c r="U23833">
        <v>32</v>
      </c>
      <c r="V23833">
        <v>32</v>
      </c>
      <c r="W23833">
        <v>32</v>
      </c>
      <c r="X23833">
        <v>33</v>
      </c>
      <c r="Y23833">
        <v>33</v>
      </c>
      <c r="Z23833">
        <v>33</v>
      </c>
      <c r="AA23833">
        <v>33</v>
      </c>
      <c r="AB23833">
        <v>33</v>
      </c>
      <c r="AC23833">
        <v>33</v>
      </c>
      <c r="AD23833">
        <v>33</v>
      </c>
      <c r="AE23833">
        <v>33</v>
      </c>
      <c r="AF23833">
        <v>33</v>
      </c>
      <c r="AG23833">
        <v>33</v>
      </c>
      <c r="AH23833">
        <v>33</v>
      </c>
      <c r="AI23833">
        <v>34</v>
      </c>
      <c r="AJ23833">
        <v>34</v>
      </c>
      <c r="AK23833">
        <v>34</v>
      </c>
      <c r="AL23833">
        <v>34</v>
      </c>
      <c r="AM23833">
        <v>33</v>
      </c>
      <c r="AN23833">
        <v>33</v>
      </c>
      <c r="AO23833">
        <v>33</v>
      </c>
      <c r="AP23833">
        <v>33</v>
      </c>
      <c r="AQ23833">
        <v>33</v>
      </c>
    </row>
    <row r="23834" spans="1:43">
      <c r="A23834" t="s">
        <v>14753</v>
      </c>
      <c r="B23834" t="s">
        <v>14754</v>
      </c>
      <c r="C23834" t="s">
        <v>14601</v>
      </c>
      <c r="D23834" t="s">
        <v>14602</v>
      </c>
      <c r="E23834" t="s">
        <v>14535</v>
      </c>
      <c r="F23834" t="s">
        <v>14536</v>
      </c>
      <c r="G23834" t="s">
        <v>10734</v>
      </c>
      <c r="H23834" t="s">
        <v>10735</v>
      </c>
      <c r="I23834" s="2">
        <v>1</v>
      </c>
      <c r="J23834" s="2">
        <v>0</v>
      </c>
      <c r="K23834" s="2">
        <v>0</v>
      </c>
      <c r="L23834" t="s">
        <v>120</v>
      </c>
      <c r="M23834" t="s">
        <v>83</v>
      </c>
      <c r="N23834" t="s">
        <v>84</v>
      </c>
      <c r="O23834" t="s">
        <v>85</v>
      </c>
      <c r="P23834" t="s">
        <v>86</v>
      </c>
      <c r="Q23834">
        <v>9</v>
      </c>
      <c r="R23834">
        <v>9</v>
      </c>
      <c r="S23834">
        <v>9</v>
      </c>
      <c r="T23834">
        <v>9</v>
      </c>
      <c r="U23834">
        <v>10</v>
      </c>
      <c r="V23834">
        <v>10</v>
      </c>
      <c r="W23834">
        <v>10</v>
      </c>
      <c r="X23834">
        <v>10</v>
      </c>
      <c r="Y23834">
        <v>10</v>
      </c>
      <c r="Z23834">
        <v>10</v>
      </c>
      <c r="AA23834">
        <v>10</v>
      </c>
      <c r="AB23834">
        <v>10</v>
      </c>
      <c r="AC23834">
        <v>10</v>
      </c>
      <c r="AD23834">
        <v>10</v>
      </c>
      <c r="AE23834">
        <v>10</v>
      </c>
      <c r="AF23834">
        <v>10</v>
      </c>
      <c r="AG23834">
        <v>10</v>
      </c>
      <c r="AH23834">
        <v>10</v>
      </c>
      <c r="AI23834">
        <v>10</v>
      </c>
      <c r="AJ23834">
        <v>10</v>
      </c>
      <c r="AK23834">
        <v>10</v>
      </c>
      <c r="AL23834">
        <v>10</v>
      </c>
      <c r="AM23834">
        <v>10</v>
      </c>
      <c r="AN23834">
        <v>10</v>
      </c>
      <c r="AO23834">
        <v>10</v>
      </c>
      <c r="AP23834">
        <v>10</v>
      </c>
      <c r="AQ23834">
        <v>10</v>
      </c>
    </row>
    <row r="23835" spans="1:43">
      <c r="A23835" t="s">
        <v>14753</v>
      </c>
      <c r="B23835" t="s">
        <v>14754</v>
      </c>
      <c r="C23835" t="s">
        <v>14601</v>
      </c>
      <c r="D23835" t="s">
        <v>14602</v>
      </c>
      <c r="E23835" t="s">
        <v>14535</v>
      </c>
      <c r="F23835" t="s">
        <v>14536</v>
      </c>
      <c r="G23835" t="s">
        <v>10734</v>
      </c>
      <c r="H23835" t="s">
        <v>10735</v>
      </c>
      <c r="I23835" s="2">
        <v>1</v>
      </c>
      <c r="J23835" s="2">
        <v>0</v>
      </c>
      <c r="K23835" s="2">
        <v>0</v>
      </c>
      <c r="L23835" t="s">
        <v>120</v>
      </c>
      <c r="M23835" t="s">
        <v>87</v>
      </c>
      <c r="N23835" t="s">
        <v>88</v>
      </c>
      <c r="O23835" t="s">
        <v>85</v>
      </c>
      <c r="P23835" t="s">
        <v>86</v>
      </c>
      <c r="Q23835">
        <v>9</v>
      </c>
      <c r="R23835">
        <v>9</v>
      </c>
      <c r="S23835">
        <v>9</v>
      </c>
      <c r="T23835">
        <v>9</v>
      </c>
      <c r="U23835">
        <v>9</v>
      </c>
      <c r="V23835">
        <v>9</v>
      </c>
      <c r="W23835">
        <v>9</v>
      </c>
      <c r="X23835">
        <v>9</v>
      </c>
      <c r="Y23835">
        <v>9</v>
      </c>
      <c r="Z23835">
        <v>9</v>
      </c>
      <c r="AA23835">
        <v>9</v>
      </c>
      <c r="AB23835">
        <v>9</v>
      </c>
      <c r="AC23835">
        <v>9</v>
      </c>
      <c r="AD23835">
        <v>9</v>
      </c>
      <c r="AE23835">
        <v>9</v>
      </c>
      <c r="AF23835">
        <v>9</v>
      </c>
      <c r="AG23835">
        <v>9</v>
      </c>
      <c r="AH23835">
        <v>9</v>
      </c>
      <c r="AI23835">
        <v>9</v>
      </c>
      <c r="AJ23835">
        <v>9</v>
      </c>
      <c r="AK23835">
        <v>9</v>
      </c>
      <c r="AL23835">
        <v>9</v>
      </c>
      <c r="AM23835">
        <v>9</v>
      </c>
      <c r="AN23835">
        <v>9</v>
      </c>
      <c r="AO23835">
        <v>9</v>
      </c>
      <c r="AP23835">
        <v>8</v>
      </c>
      <c r="AQ23835">
        <v>8</v>
      </c>
    </row>
    <row r="23836" spans="1:43">
      <c r="A23836" t="s">
        <v>14753</v>
      </c>
      <c r="B23836" t="s">
        <v>14754</v>
      </c>
      <c r="C23836" t="s">
        <v>14601</v>
      </c>
      <c r="D23836" t="s">
        <v>14602</v>
      </c>
      <c r="E23836" t="s">
        <v>14535</v>
      </c>
      <c r="F23836" t="s">
        <v>14536</v>
      </c>
      <c r="G23836" t="s">
        <v>10734</v>
      </c>
      <c r="H23836" t="s">
        <v>10735</v>
      </c>
      <c r="I23836" s="2">
        <v>1</v>
      </c>
      <c r="J23836" s="2">
        <v>0</v>
      </c>
      <c r="K23836" s="2">
        <v>0</v>
      </c>
      <c r="L23836" t="s">
        <v>120</v>
      </c>
      <c r="M23836" t="s">
        <v>89</v>
      </c>
      <c r="N23836" t="s">
        <v>90</v>
      </c>
      <c r="O23836" t="s">
        <v>85</v>
      </c>
      <c r="P23836" t="s">
        <v>86</v>
      </c>
      <c r="Q23836">
        <v>9</v>
      </c>
      <c r="R23836">
        <v>10</v>
      </c>
      <c r="S23836">
        <v>10</v>
      </c>
      <c r="T23836">
        <v>10</v>
      </c>
      <c r="U23836">
        <v>10</v>
      </c>
      <c r="V23836">
        <v>10</v>
      </c>
      <c r="W23836">
        <v>10</v>
      </c>
      <c r="X23836">
        <v>10</v>
      </c>
      <c r="Y23836">
        <v>10</v>
      </c>
      <c r="Z23836">
        <v>10</v>
      </c>
      <c r="AA23836">
        <v>10</v>
      </c>
      <c r="AB23836">
        <v>10</v>
      </c>
      <c r="AC23836">
        <v>10</v>
      </c>
      <c r="AD23836">
        <v>10</v>
      </c>
      <c r="AE23836">
        <v>10</v>
      </c>
      <c r="AF23836">
        <v>10</v>
      </c>
      <c r="AG23836">
        <v>10</v>
      </c>
      <c r="AH23836">
        <v>10</v>
      </c>
      <c r="AI23836">
        <v>10</v>
      </c>
      <c r="AJ23836">
        <v>10</v>
      </c>
      <c r="AK23836">
        <v>10</v>
      </c>
      <c r="AL23836">
        <v>10</v>
      </c>
      <c r="AM23836">
        <v>10</v>
      </c>
      <c r="AN23836">
        <v>10</v>
      </c>
      <c r="AO23836">
        <v>10</v>
      </c>
      <c r="AP23836">
        <v>10</v>
      </c>
      <c r="AQ23836">
        <v>10</v>
      </c>
    </row>
    <row r="23837" spans="1:43">
      <c r="A23837" t="s">
        <v>14753</v>
      </c>
      <c r="B23837" t="s">
        <v>14754</v>
      </c>
      <c r="C23837" t="s">
        <v>14601</v>
      </c>
      <c r="D23837" t="s">
        <v>14602</v>
      </c>
      <c r="E23837" t="s">
        <v>14535</v>
      </c>
      <c r="F23837" t="s">
        <v>14536</v>
      </c>
      <c r="G23837" t="s">
        <v>10734</v>
      </c>
      <c r="H23837" t="s">
        <v>10735</v>
      </c>
      <c r="I23837" s="2">
        <v>1</v>
      </c>
      <c r="J23837" s="2">
        <v>0</v>
      </c>
      <c r="K23837" s="2">
        <v>0</v>
      </c>
      <c r="L23837" t="s">
        <v>120</v>
      </c>
      <c r="M23837" t="s">
        <v>83</v>
      </c>
      <c r="N23837" t="s">
        <v>91</v>
      </c>
      <c r="O23837" t="s">
        <v>85</v>
      </c>
      <c r="P23837" t="s">
        <v>86</v>
      </c>
      <c r="Q23837">
        <v>9</v>
      </c>
      <c r="R23837">
        <v>9</v>
      </c>
      <c r="S23837">
        <v>9</v>
      </c>
      <c r="T23837">
        <v>9</v>
      </c>
      <c r="U23837">
        <v>10</v>
      </c>
      <c r="V23837">
        <v>10</v>
      </c>
      <c r="W23837">
        <v>10</v>
      </c>
      <c r="X23837">
        <v>10</v>
      </c>
      <c r="Y23837">
        <v>10</v>
      </c>
      <c r="Z23837">
        <v>10</v>
      </c>
      <c r="AA23837">
        <v>10</v>
      </c>
      <c r="AB23837">
        <v>10</v>
      </c>
      <c r="AC23837">
        <v>10</v>
      </c>
      <c r="AD23837">
        <v>10</v>
      </c>
      <c r="AE23837">
        <v>10</v>
      </c>
      <c r="AF23837">
        <v>10</v>
      </c>
      <c r="AG23837">
        <v>10</v>
      </c>
      <c r="AH23837">
        <v>10</v>
      </c>
      <c r="AI23837">
        <v>10</v>
      </c>
      <c r="AJ23837">
        <v>10</v>
      </c>
      <c r="AK23837">
        <v>10</v>
      </c>
      <c r="AL23837">
        <v>10</v>
      </c>
      <c r="AM23837">
        <v>10</v>
      </c>
      <c r="AN23837">
        <v>10</v>
      </c>
      <c r="AO23837">
        <v>10</v>
      </c>
      <c r="AP23837">
        <v>10</v>
      </c>
      <c r="AQ23837">
        <v>10</v>
      </c>
    </row>
    <row r="23838" spans="1:43">
      <c r="A23838" t="s">
        <v>14755</v>
      </c>
      <c r="B23838" t="s">
        <v>14756</v>
      </c>
      <c r="C23838" t="s">
        <v>14757</v>
      </c>
      <c r="D23838" t="s">
        <v>14758</v>
      </c>
      <c r="E23838" t="s">
        <v>14535</v>
      </c>
      <c r="F23838" t="s">
        <v>14536</v>
      </c>
      <c r="G23838" t="s">
        <v>10734</v>
      </c>
      <c r="H23838" t="s">
        <v>10735</v>
      </c>
      <c r="I23838" s="2">
        <v>1</v>
      </c>
      <c r="J23838" s="2">
        <v>0</v>
      </c>
      <c r="K23838" s="2">
        <v>0</v>
      </c>
      <c r="L23838" t="s">
        <v>120</v>
      </c>
      <c r="M23838" t="s">
        <v>83</v>
      </c>
      <c r="N23838" t="s">
        <v>84</v>
      </c>
      <c r="O23838" t="s">
        <v>85</v>
      </c>
      <c r="P23838" t="s">
        <v>86</v>
      </c>
      <c r="Q23838">
        <v>67</v>
      </c>
      <c r="R23838">
        <v>67</v>
      </c>
      <c r="S23838">
        <v>67</v>
      </c>
      <c r="T23838">
        <v>68</v>
      </c>
      <c r="U23838">
        <v>68</v>
      </c>
      <c r="V23838">
        <v>68</v>
      </c>
      <c r="W23838">
        <v>68</v>
      </c>
      <c r="X23838">
        <v>69</v>
      </c>
      <c r="Y23838">
        <v>69</v>
      </c>
      <c r="Z23838">
        <v>69</v>
      </c>
      <c r="AA23838">
        <v>69</v>
      </c>
      <c r="AB23838">
        <v>69</v>
      </c>
      <c r="AC23838">
        <v>70</v>
      </c>
      <c r="AD23838">
        <v>70</v>
      </c>
      <c r="AE23838">
        <v>70</v>
      </c>
      <c r="AF23838">
        <v>70</v>
      </c>
      <c r="AG23838">
        <v>70</v>
      </c>
      <c r="AH23838">
        <v>70</v>
      </c>
      <c r="AI23838">
        <v>71</v>
      </c>
      <c r="AJ23838">
        <v>71</v>
      </c>
      <c r="AK23838">
        <v>71</v>
      </c>
      <c r="AL23838">
        <v>71</v>
      </c>
      <c r="AM23838">
        <v>70</v>
      </c>
      <c r="AN23838">
        <v>70</v>
      </c>
      <c r="AO23838">
        <v>70</v>
      </c>
      <c r="AP23838">
        <v>69</v>
      </c>
      <c r="AQ23838">
        <v>69</v>
      </c>
    </row>
    <row r="23839" spans="1:43">
      <c r="A23839" t="s">
        <v>14755</v>
      </c>
      <c r="B23839" t="s">
        <v>14756</v>
      </c>
      <c r="C23839" t="s">
        <v>14757</v>
      </c>
      <c r="D23839" t="s">
        <v>14758</v>
      </c>
      <c r="E23839" t="s">
        <v>14535</v>
      </c>
      <c r="F23839" t="s">
        <v>14536</v>
      </c>
      <c r="G23839" t="s">
        <v>10734</v>
      </c>
      <c r="H23839" t="s">
        <v>10735</v>
      </c>
      <c r="I23839" s="2">
        <v>1</v>
      </c>
      <c r="J23839" s="2">
        <v>0</v>
      </c>
      <c r="K23839" s="2">
        <v>0</v>
      </c>
      <c r="L23839" t="s">
        <v>120</v>
      </c>
      <c r="M23839" t="s">
        <v>87</v>
      </c>
      <c r="N23839" t="s">
        <v>88</v>
      </c>
      <c r="O23839" t="s">
        <v>85</v>
      </c>
      <c r="P23839" t="s">
        <v>86</v>
      </c>
      <c r="Q23839">
        <v>67</v>
      </c>
      <c r="R23839">
        <v>67</v>
      </c>
      <c r="S23839">
        <v>66</v>
      </c>
      <c r="T23839">
        <v>66</v>
      </c>
      <c r="U23839">
        <v>66</v>
      </c>
      <c r="V23839">
        <v>66</v>
      </c>
      <c r="W23839">
        <v>65</v>
      </c>
      <c r="X23839">
        <v>65</v>
      </c>
      <c r="Y23839">
        <v>65</v>
      </c>
      <c r="Z23839">
        <v>64</v>
      </c>
      <c r="AA23839">
        <v>64</v>
      </c>
      <c r="AB23839">
        <v>64</v>
      </c>
      <c r="AC23839">
        <v>64</v>
      </c>
      <c r="AD23839">
        <v>63</v>
      </c>
      <c r="AE23839">
        <v>63</v>
      </c>
      <c r="AF23839">
        <v>63</v>
      </c>
      <c r="AG23839">
        <v>63</v>
      </c>
      <c r="AH23839">
        <v>63</v>
      </c>
      <c r="AI23839">
        <v>62</v>
      </c>
      <c r="AJ23839">
        <v>62</v>
      </c>
      <c r="AK23839">
        <v>62</v>
      </c>
      <c r="AL23839">
        <v>62</v>
      </c>
      <c r="AM23839">
        <v>61</v>
      </c>
      <c r="AN23839">
        <v>61</v>
      </c>
      <c r="AO23839">
        <v>61</v>
      </c>
      <c r="AP23839">
        <v>61</v>
      </c>
      <c r="AQ23839">
        <v>61</v>
      </c>
    </row>
    <row r="23840" spans="1:43">
      <c r="A23840" t="s">
        <v>14755</v>
      </c>
      <c r="B23840" t="s">
        <v>14756</v>
      </c>
      <c r="C23840" t="s">
        <v>14757</v>
      </c>
      <c r="D23840" t="s">
        <v>14758</v>
      </c>
      <c r="E23840" t="s">
        <v>14535</v>
      </c>
      <c r="F23840" t="s">
        <v>14536</v>
      </c>
      <c r="G23840" t="s">
        <v>10734</v>
      </c>
      <c r="H23840" t="s">
        <v>10735</v>
      </c>
      <c r="I23840" s="2">
        <v>1</v>
      </c>
      <c r="J23840" s="2">
        <v>0</v>
      </c>
      <c r="K23840" s="2">
        <v>0</v>
      </c>
      <c r="L23840" t="s">
        <v>120</v>
      </c>
      <c r="M23840" t="s">
        <v>89</v>
      </c>
      <c r="N23840" t="s">
        <v>90</v>
      </c>
      <c r="O23840" t="s">
        <v>85</v>
      </c>
      <c r="P23840" t="s">
        <v>86</v>
      </c>
      <c r="Q23840">
        <v>67</v>
      </c>
      <c r="R23840">
        <v>68</v>
      </c>
      <c r="S23840">
        <v>69</v>
      </c>
      <c r="T23840">
        <v>70</v>
      </c>
      <c r="U23840">
        <v>71</v>
      </c>
      <c r="V23840">
        <v>71</v>
      </c>
      <c r="W23840">
        <v>72</v>
      </c>
      <c r="X23840">
        <v>72</v>
      </c>
      <c r="Y23840">
        <v>73</v>
      </c>
      <c r="Z23840">
        <v>73</v>
      </c>
      <c r="AA23840">
        <v>74</v>
      </c>
      <c r="AB23840">
        <v>74</v>
      </c>
      <c r="AC23840">
        <v>74</v>
      </c>
      <c r="AD23840">
        <v>75</v>
      </c>
      <c r="AE23840">
        <v>75</v>
      </c>
      <c r="AF23840">
        <v>74</v>
      </c>
      <c r="AG23840">
        <v>74</v>
      </c>
      <c r="AH23840">
        <v>74</v>
      </c>
      <c r="AI23840">
        <v>73</v>
      </c>
      <c r="AJ23840">
        <v>73</v>
      </c>
      <c r="AK23840">
        <v>72</v>
      </c>
      <c r="AL23840">
        <v>72</v>
      </c>
      <c r="AM23840">
        <v>72</v>
      </c>
      <c r="AN23840">
        <v>71</v>
      </c>
      <c r="AO23840">
        <v>71</v>
      </c>
      <c r="AP23840">
        <v>70</v>
      </c>
      <c r="AQ23840">
        <v>70</v>
      </c>
    </row>
    <row r="23841" spans="1:43">
      <c r="A23841" t="s">
        <v>14755</v>
      </c>
      <c r="B23841" t="s">
        <v>14756</v>
      </c>
      <c r="C23841" t="s">
        <v>14757</v>
      </c>
      <c r="D23841" t="s">
        <v>14758</v>
      </c>
      <c r="E23841" t="s">
        <v>14535</v>
      </c>
      <c r="F23841" t="s">
        <v>14536</v>
      </c>
      <c r="G23841" t="s">
        <v>10734</v>
      </c>
      <c r="H23841" t="s">
        <v>10735</v>
      </c>
      <c r="I23841" s="2">
        <v>1</v>
      </c>
      <c r="J23841" s="2">
        <v>0</v>
      </c>
      <c r="K23841" s="2">
        <v>0</v>
      </c>
      <c r="L23841" t="s">
        <v>120</v>
      </c>
      <c r="M23841" t="s">
        <v>83</v>
      </c>
      <c r="N23841" t="s">
        <v>91</v>
      </c>
      <c r="O23841" t="s">
        <v>85</v>
      </c>
      <c r="P23841" t="s">
        <v>86</v>
      </c>
      <c r="Q23841">
        <v>67</v>
      </c>
      <c r="R23841">
        <v>67</v>
      </c>
      <c r="S23841">
        <v>67</v>
      </c>
      <c r="T23841">
        <v>68</v>
      </c>
      <c r="U23841">
        <v>68</v>
      </c>
      <c r="V23841">
        <v>68</v>
      </c>
      <c r="W23841">
        <v>68</v>
      </c>
      <c r="X23841">
        <v>69</v>
      </c>
      <c r="Y23841">
        <v>69</v>
      </c>
      <c r="Z23841">
        <v>69</v>
      </c>
      <c r="AA23841">
        <v>69</v>
      </c>
      <c r="AB23841">
        <v>69</v>
      </c>
      <c r="AC23841">
        <v>70</v>
      </c>
      <c r="AD23841">
        <v>70</v>
      </c>
      <c r="AE23841">
        <v>70</v>
      </c>
      <c r="AF23841">
        <v>70</v>
      </c>
      <c r="AG23841">
        <v>70</v>
      </c>
      <c r="AH23841">
        <v>70</v>
      </c>
      <c r="AI23841">
        <v>71</v>
      </c>
      <c r="AJ23841">
        <v>71</v>
      </c>
      <c r="AK23841">
        <v>71</v>
      </c>
      <c r="AL23841">
        <v>71</v>
      </c>
      <c r="AM23841">
        <v>70</v>
      </c>
      <c r="AN23841">
        <v>70</v>
      </c>
      <c r="AO23841">
        <v>70</v>
      </c>
      <c r="AP23841">
        <v>69</v>
      </c>
      <c r="AQ23841">
        <v>69</v>
      </c>
    </row>
    <row r="23842" spans="1:43">
      <c r="A23842" t="s">
        <v>14759</v>
      </c>
      <c r="B23842" t="s">
        <v>14760</v>
      </c>
      <c r="C23842" t="s">
        <v>14601</v>
      </c>
      <c r="D23842" t="s">
        <v>14602</v>
      </c>
      <c r="E23842" t="s">
        <v>14535</v>
      </c>
      <c r="F23842" t="s">
        <v>14536</v>
      </c>
      <c r="G23842" t="s">
        <v>10734</v>
      </c>
      <c r="H23842" t="s">
        <v>10735</v>
      </c>
      <c r="I23842" s="2">
        <v>1</v>
      </c>
      <c r="J23842" s="2">
        <v>0</v>
      </c>
      <c r="K23842" s="2">
        <v>0</v>
      </c>
      <c r="L23842" t="s">
        <v>120</v>
      </c>
      <c r="M23842" t="s">
        <v>83</v>
      </c>
      <c r="N23842" t="s">
        <v>84</v>
      </c>
      <c r="O23842" t="s">
        <v>85</v>
      </c>
      <c r="P23842" t="s">
        <v>86</v>
      </c>
      <c r="Q23842">
        <v>6</v>
      </c>
      <c r="R23842">
        <v>6</v>
      </c>
      <c r="S23842">
        <v>6</v>
      </c>
      <c r="T23842">
        <v>6</v>
      </c>
      <c r="U23842">
        <v>6</v>
      </c>
      <c r="V23842">
        <v>6</v>
      </c>
      <c r="W23842">
        <v>6</v>
      </c>
      <c r="X23842">
        <v>6</v>
      </c>
      <c r="Y23842">
        <v>6</v>
      </c>
      <c r="Z23842">
        <v>6</v>
      </c>
      <c r="AA23842">
        <v>6</v>
      </c>
      <c r="AB23842">
        <v>6</v>
      </c>
      <c r="AC23842">
        <v>6</v>
      </c>
      <c r="AD23842">
        <v>6</v>
      </c>
      <c r="AE23842">
        <v>6</v>
      </c>
      <c r="AF23842">
        <v>6</v>
      </c>
      <c r="AG23842">
        <v>6</v>
      </c>
      <c r="AH23842">
        <v>6</v>
      </c>
      <c r="AI23842">
        <v>6</v>
      </c>
      <c r="AJ23842">
        <v>6</v>
      </c>
      <c r="AK23842">
        <v>6</v>
      </c>
      <c r="AL23842">
        <v>6</v>
      </c>
      <c r="AM23842">
        <v>6</v>
      </c>
      <c r="AN23842">
        <v>6</v>
      </c>
      <c r="AO23842">
        <v>6</v>
      </c>
      <c r="AP23842">
        <v>6</v>
      </c>
      <c r="AQ23842">
        <v>6</v>
      </c>
    </row>
    <row r="23843" spans="1:43">
      <c r="A23843" t="s">
        <v>14759</v>
      </c>
      <c r="B23843" t="s">
        <v>14760</v>
      </c>
      <c r="C23843" t="s">
        <v>14601</v>
      </c>
      <c r="D23843" t="s">
        <v>14602</v>
      </c>
      <c r="E23843" t="s">
        <v>14535</v>
      </c>
      <c r="F23843" t="s">
        <v>14536</v>
      </c>
      <c r="G23843" t="s">
        <v>10734</v>
      </c>
      <c r="H23843" t="s">
        <v>10735</v>
      </c>
      <c r="I23843" s="2">
        <v>1</v>
      </c>
      <c r="J23843" s="2">
        <v>0</v>
      </c>
      <c r="K23843" s="2">
        <v>0</v>
      </c>
      <c r="L23843" t="s">
        <v>120</v>
      </c>
      <c r="M23843" t="s">
        <v>87</v>
      </c>
      <c r="N23843" t="s">
        <v>88</v>
      </c>
      <c r="O23843" t="s">
        <v>85</v>
      </c>
      <c r="P23843" t="s">
        <v>86</v>
      </c>
      <c r="Q23843">
        <v>6</v>
      </c>
      <c r="R23843">
        <v>6</v>
      </c>
      <c r="S23843">
        <v>6</v>
      </c>
      <c r="T23843">
        <v>6</v>
      </c>
      <c r="U23843">
        <v>6</v>
      </c>
      <c r="V23843">
        <v>6</v>
      </c>
      <c r="W23843">
        <v>6</v>
      </c>
      <c r="X23843">
        <v>6</v>
      </c>
      <c r="Y23843">
        <v>6</v>
      </c>
      <c r="Z23843">
        <v>6</v>
      </c>
      <c r="AA23843">
        <v>6</v>
      </c>
      <c r="AB23843">
        <v>5</v>
      </c>
      <c r="AC23843">
        <v>5</v>
      </c>
      <c r="AD23843">
        <v>5</v>
      </c>
      <c r="AE23843">
        <v>5</v>
      </c>
      <c r="AF23843">
        <v>5</v>
      </c>
      <c r="AG23843">
        <v>5</v>
      </c>
      <c r="AH23843">
        <v>5</v>
      </c>
      <c r="AI23843">
        <v>5</v>
      </c>
      <c r="AJ23843">
        <v>5</v>
      </c>
      <c r="AK23843">
        <v>5</v>
      </c>
      <c r="AL23843">
        <v>5</v>
      </c>
      <c r="AM23843">
        <v>5</v>
      </c>
      <c r="AN23843">
        <v>5</v>
      </c>
      <c r="AO23843">
        <v>5</v>
      </c>
      <c r="AP23843">
        <v>5</v>
      </c>
      <c r="AQ23843">
        <v>5</v>
      </c>
    </row>
    <row r="23844" spans="1:43">
      <c r="A23844" t="s">
        <v>14759</v>
      </c>
      <c r="B23844" t="s">
        <v>14760</v>
      </c>
      <c r="C23844" t="s">
        <v>14601</v>
      </c>
      <c r="D23844" t="s">
        <v>14602</v>
      </c>
      <c r="E23844" t="s">
        <v>14535</v>
      </c>
      <c r="F23844" t="s">
        <v>14536</v>
      </c>
      <c r="G23844" t="s">
        <v>10734</v>
      </c>
      <c r="H23844" t="s">
        <v>10735</v>
      </c>
      <c r="I23844" s="2">
        <v>1</v>
      </c>
      <c r="J23844" s="2">
        <v>0</v>
      </c>
      <c r="K23844" s="2">
        <v>0</v>
      </c>
      <c r="L23844" t="s">
        <v>120</v>
      </c>
      <c r="M23844" t="s">
        <v>89</v>
      </c>
      <c r="N23844" t="s">
        <v>90</v>
      </c>
      <c r="O23844" t="s">
        <v>85</v>
      </c>
      <c r="P23844" t="s">
        <v>86</v>
      </c>
      <c r="Q23844">
        <v>6</v>
      </c>
      <c r="R23844">
        <v>6</v>
      </c>
      <c r="S23844">
        <v>6</v>
      </c>
      <c r="T23844">
        <v>6</v>
      </c>
      <c r="U23844">
        <v>6</v>
      </c>
      <c r="V23844">
        <v>6</v>
      </c>
      <c r="W23844">
        <v>6</v>
      </c>
      <c r="X23844">
        <v>6</v>
      </c>
      <c r="Y23844">
        <v>6</v>
      </c>
      <c r="Z23844">
        <v>6</v>
      </c>
      <c r="AA23844">
        <v>6</v>
      </c>
      <c r="AB23844">
        <v>6</v>
      </c>
      <c r="AC23844">
        <v>6</v>
      </c>
      <c r="AD23844">
        <v>7</v>
      </c>
      <c r="AE23844">
        <v>7</v>
      </c>
      <c r="AF23844">
        <v>6</v>
      </c>
      <c r="AG23844">
        <v>6</v>
      </c>
      <c r="AH23844">
        <v>6</v>
      </c>
      <c r="AI23844">
        <v>6</v>
      </c>
      <c r="AJ23844">
        <v>6</v>
      </c>
      <c r="AK23844">
        <v>6</v>
      </c>
      <c r="AL23844">
        <v>6</v>
      </c>
      <c r="AM23844">
        <v>6</v>
      </c>
      <c r="AN23844">
        <v>6</v>
      </c>
      <c r="AO23844">
        <v>6</v>
      </c>
      <c r="AP23844">
        <v>6</v>
      </c>
      <c r="AQ23844">
        <v>6</v>
      </c>
    </row>
    <row r="23845" spans="1:43">
      <c r="A23845" t="s">
        <v>14759</v>
      </c>
      <c r="B23845" t="s">
        <v>14760</v>
      </c>
      <c r="C23845" t="s">
        <v>14601</v>
      </c>
      <c r="D23845" t="s">
        <v>14602</v>
      </c>
      <c r="E23845" t="s">
        <v>14535</v>
      </c>
      <c r="F23845" t="s">
        <v>14536</v>
      </c>
      <c r="G23845" t="s">
        <v>10734</v>
      </c>
      <c r="H23845" t="s">
        <v>10735</v>
      </c>
      <c r="I23845" s="2">
        <v>1</v>
      </c>
      <c r="J23845" s="2">
        <v>0</v>
      </c>
      <c r="K23845" s="2">
        <v>0</v>
      </c>
      <c r="L23845" t="s">
        <v>120</v>
      </c>
      <c r="M23845" t="s">
        <v>83</v>
      </c>
      <c r="N23845" t="s">
        <v>91</v>
      </c>
      <c r="O23845" t="s">
        <v>85</v>
      </c>
      <c r="P23845" t="s">
        <v>86</v>
      </c>
      <c r="Q23845">
        <v>6</v>
      </c>
      <c r="R23845">
        <v>6</v>
      </c>
      <c r="S23845">
        <v>6</v>
      </c>
      <c r="T23845">
        <v>6</v>
      </c>
      <c r="U23845">
        <v>6</v>
      </c>
      <c r="V23845">
        <v>6</v>
      </c>
      <c r="W23845">
        <v>6</v>
      </c>
      <c r="X23845">
        <v>6</v>
      </c>
      <c r="Y23845">
        <v>6</v>
      </c>
      <c r="Z23845">
        <v>6</v>
      </c>
      <c r="AA23845">
        <v>6</v>
      </c>
      <c r="AB23845">
        <v>6</v>
      </c>
      <c r="AC23845">
        <v>6</v>
      </c>
      <c r="AD23845">
        <v>6</v>
      </c>
      <c r="AE23845">
        <v>6</v>
      </c>
      <c r="AF23845">
        <v>6</v>
      </c>
      <c r="AG23845">
        <v>6</v>
      </c>
      <c r="AH23845">
        <v>6</v>
      </c>
      <c r="AI23845">
        <v>6</v>
      </c>
      <c r="AJ23845">
        <v>6</v>
      </c>
      <c r="AK23845">
        <v>6</v>
      </c>
      <c r="AL23845">
        <v>6</v>
      </c>
      <c r="AM23845">
        <v>6</v>
      </c>
      <c r="AN23845">
        <v>6</v>
      </c>
      <c r="AO23845">
        <v>6</v>
      </c>
      <c r="AP23845">
        <v>6</v>
      </c>
      <c r="AQ23845">
        <v>6</v>
      </c>
    </row>
    <row r="23846" spans="1:43">
      <c r="A23846" t="s">
        <v>14761</v>
      </c>
      <c r="B23846" t="s">
        <v>14762</v>
      </c>
      <c r="C23846" t="s">
        <v>14601</v>
      </c>
      <c r="D23846" t="s">
        <v>14602</v>
      </c>
      <c r="E23846" t="s">
        <v>14535</v>
      </c>
      <c r="F23846" t="s">
        <v>14536</v>
      </c>
      <c r="G23846" t="s">
        <v>10734</v>
      </c>
      <c r="H23846" t="s">
        <v>10735</v>
      </c>
      <c r="I23846" s="2">
        <v>1</v>
      </c>
      <c r="J23846" s="2">
        <v>0</v>
      </c>
      <c r="K23846" s="2">
        <v>0</v>
      </c>
      <c r="L23846" t="s">
        <v>120</v>
      </c>
      <c r="M23846" t="s">
        <v>83</v>
      </c>
      <c r="N23846" t="s">
        <v>84</v>
      </c>
      <c r="O23846" t="s">
        <v>85</v>
      </c>
      <c r="P23846" t="s">
        <v>86</v>
      </c>
      <c r="Q23846">
        <v>6</v>
      </c>
      <c r="R23846">
        <v>6</v>
      </c>
      <c r="S23846">
        <v>6</v>
      </c>
      <c r="T23846">
        <v>6</v>
      </c>
      <c r="U23846">
        <v>6</v>
      </c>
      <c r="V23846">
        <v>6</v>
      </c>
      <c r="W23846">
        <v>6</v>
      </c>
      <c r="X23846">
        <v>6</v>
      </c>
      <c r="Y23846">
        <v>6</v>
      </c>
      <c r="Z23846">
        <v>6</v>
      </c>
      <c r="AA23846">
        <v>6</v>
      </c>
      <c r="AB23846">
        <v>6</v>
      </c>
      <c r="AC23846">
        <v>6</v>
      </c>
      <c r="AD23846">
        <v>6</v>
      </c>
      <c r="AE23846">
        <v>6</v>
      </c>
      <c r="AF23846">
        <v>6</v>
      </c>
      <c r="AG23846">
        <v>6</v>
      </c>
      <c r="AH23846">
        <v>6</v>
      </c>
      <c r="AI23846">
        <v>6</v>
      </c>
      <c r="AJ23846">
        <v>6</v>
      </c>
      <c r="AK23846">
        <v>6</v>
      </c>
      <c r="AL23846">
        <v>6</v>
      </c>
      <c r="AM23846">
        <v>6</v>
      </c>
      <c r="AN23846">
        <v>6</v>
      </c>
      <c r="AO23846">
        <v>6</v>
      </c>
      <c r="AP23846">
        <v>6</v>
      </c>
      <c r="AQ23846">
        <v>6</v>
      </c>
    </row>
    <row r="23847" spans="1:43">
      <c r="A23847" t="s">
        <v>14761</v>
      </c>
      <c r="B23847" t="s">
        <v>14762</v>
      </c>
      <c r="C23847" t="s">
        <v>14601</v>
      </c>
      <c r="D23847" t="s">
        <v>14602</v>
      </c>
      <c r="E23847" t="s">
        <v>14535</v>
      </c>
      <c r="F23847" t="s">
        <v>14536</v>
      </c>
      <c r="G23847" t="s">
        <v>10734</v>
      </c>
      <c r="H23847" t="s">
        <v>10735</v>
      </c>
      <c r="I23847" s="2">
        <v>1</v>
      </c>
      <c r="J23847" s="2">
        <v>0</v>
      </c>
      <c r="K23847" s="2">
        <v>0</v>
      </c>
      <c r="L23847" t="s">
        <v>120</v>
      </c>
      <c r="M23847" t="s">
        <v>87</v>
      </c>
      <c r="N23847" t="s">
        <v>88</v>
      </c>
      <c r="O23847" t="s">
        <v>85</v>
      </c>
      <c r="P23847" t="s">
        <v>86</v>
      </c>
      <c r="Q23847">
        <v>6</v>
      </c>
      <c r="R23847">
        <v>6</v>
      </c>
      <c r="S23847">
        <v>6</v>
      </c>
      <c r="T23847">
        <v>6</v>
      </c>
      <c r="U23847">
        <v>6</v>
      </c>
      <c r="V23847">
        <v>6</v>
      </c>
      <c r="W23847">
        <v>6</v>
      </c>
      <c r="X23847">
        <v>6</v>
      </c>
      <c r="Y23847">
        <v>6</v>
      </c>
      <c r="Z23847">
        <v>6</v>
      </c>
      <c r="AA23847">
        <v>6</v>
      </c>
      <c r="AB23847">
        <v>6</v>
      </c>
      <c r="AC23847">
        <v>6</v>
      </c>
      <c r="AD23847">
        <v>6</v>
      </c>
      <c r="AE23847">
        <v>6</v>
      </c>
      <c r="AF23847">
        <v>6</v>
      </c>
      <c r="AG23847">
        <v>6</v>
      </c>
      <c r="AH23847">
        <v>6</v>
      </c>
      <c r="AI23847">
        <v>6</v>
      </c>
      <c r="AJ23847">
        <v>6</v>
      </c>
      <c r="AK23847">
        <v>6</v>
      </c>
      <c r="AL23847">
        <v>6</v>
      </c>
      <c r="AM23847">
        <v>6</v>
      </c>
      <c r="AN23847">
        <v>6</v>
      </c>
      <c r="AO23847">
        <v>6</v>
      </c>
      <c r="AP23847">
        <v>6</v>
      </c>
      <c r="AQ23847">
        <v>6</v>
      </c>
    </row>
    <row r="23848" spans="1:43">
      <c r="A23848" t="s">
        <v>14761</v>
      </c>
      <c r="B23848" t="s">
        <v>14762</v>
      </c>
      <c r="C23848" t="s">
        <v>14601</v>
      </c>
      <c r="D23848" t="s">
        <v>14602</v>
      </c>
      <c r="E23848" t="s">
        <v>14535</v>
      </c>
      <c r="F23848" t="s">
        <v>14536</v>
      </c>
      <c r="G23848" t="s">
        <v>10734</v>
      </c>
      <c r="H23848" t="s">
        <v>10735</v>
      </c>
      <c r="I23848" s="2">
        <v>1</v>
      </c>
      <c r="J23848" s="2">
        <v>0</v>
      </c>
      <c r="K23848" s="2">
        <v>0</v>
      </c>
      <c r="L23848" t="s">
        <v>120</v>
      </c>
      <c r="M23848" t="s">
        <v>89</v>
      </c>
      <c r="N23848" t="s">
        <v>90</v>
      </c>
      <c r="O23848" t="s">
        <v>85</v>
      </c>
      <c r="P23848" t="s">
        <v>86</v>
      </c>
      <c r="Q23848">
        <v>6</v>
      </c>
      <c r="R23848">
        <v>6</v>
      </c>
      <c r="S23848">
        <v>6</v>
      </c>
      <c r="T23848">
        <v>6</v>
      </c>
      <c r="U23848">
        <v>6</v>
      </c>
      <c r="V23848">
        <v>6</v>
      </c>
      <c r="W23848">
        <v>6</v>
      </c>
      <c r="X23848">
        <v>6</v>
      </c>
      <c r="Y23848">
        <v>6</v>
      </c>
      <c r="Z23848">
        <v>6</v>
      </c>
      <c r="AA23848">
        <v>6</v>
      </c>
      <c r="AB23848">
        <v>6</v>
      </c>
      <c r="AC23848">
        <v>6</v>
      </c>
      <c r="AD23848">
        <v>6</v>
      </c>
      <c r="AE23848">
        <v>6</v>
      </c>
      <c r="AF23848">
        <v>6</v>
      </c>
      <c r="AG23848">
        <v>6</v>
      </c>
      <c r="AH23848">
        <v>6</v>
      </c>
      <c r="AI23848">
        <v>6</v>
      </c>
      <c r="AJ23848">
        <v>6</v>
      </c>
      <c r="AK23848">
        <v>6</v>
      </c>
      <c r="AL23848">
        <v>6</v>
      </c>
      <c r="AM23848">
        <v>6</v>
      </c>
      <c r="AN23848">
        <v>6</v>
      </c>
      <c r="AO23848">
        <v>6</v>
      </c>
      <c r="AP23848">
        <v>6</v>
      </c>
      <c r="AQ23848">
        <v>6</v>
      </c>
    </row>
    <row r="23849" spans="1:43">
      <c r="A23849" t="s">
        <v>14761</v>
      </c>
      <c r="B23849" t="s">
        <v>14762</v>
      </c>
      <c r="C23849" t="s">
        <v>14601</v>
      </c>
      <c r="D23849" t="s">
        <v>14602</v>
      </c>
      <c r="E23849" t="s">
        <v>14535</v>
      </c>
      <c r="F23849" t="s">
        <v>14536</v>
      </c>
      <c r="G23849" t="s">
        <v>10734</v>
      </c>
      <c r="H23849" t="s">
        <v>10735</v>
      </c>
      <c r="I23849" s="2">
        <v>1</v>
      </c>
      <c r="J23849" s="2">
        <v>0</v>
      </c>
      <c r="K23849" s="2">
        <v>0</v>
      </c>
      <c r="L23849" t="s">
        <v>120</v>
      </c>
      <c r="M23849" t="s">
        <v>83</v>
      </c>
      <c r="N23849" t="s">
        <v>91</v>
      </c>
      <c r="O23849" t="s">
        <v>85</v>
      </c>
      <c r="P23849" t="s">
        <v>86</v>
      </c>
      <c r="Q23849">
        <v>6</v>
      </c>
      <c r="R23849">
        <v>6</v>
      </c>
      <c r="S23849">
        <v>6</v>
      </c>
      <c r="T23849">
        <v>6</v>
      </c>
      <c r="U23849">
        <v>6</v>
      </c>
      <c r="V23849">
        <v>6</v>
      </c>
      <c r="W23849">
        <v>6</v>
      </c>
      <c r="X23849">
        <v>6</v>
      </c>
      <c r="Y23849">
        <v>6</v>
      </c>
      <c r="Z23849">
        <v>6</v>
      </c>
      <c r="AA23849">
        <v>6</v>
      </c>
      <c r="AB23849">
        <v>6</v>
      </c>
      <c r="AC23849">
        <v>6</v>
      </c>
      <c r="AD23849">
        <v>6</v>
      </c>
      <c r="AE23849">
        <v>6</v>
      </c>
      <c r="AF23849">
        <v>6</v>
      </c>
      <c r="AG23849">
        <v>6</v>
      </c>
      <c r="AH23849">
        <v>6</v>
      </c>
      <c r="AI23849">
        <v>6</v>
      </c>
      <c r="AJ23849">
        <v>6</v>
      </c>
      <c r="AK23849">
        <v>6</v>
      </c>
      <c r="AL23849">
        <v>6</v>
      </c>
      <c r="AM23849">
        <v>6</v>
      </c>
      <c r="AN23849">
        <v>6</v>
      </c>
      <c r="AO23849">
        <v>6</v>
      </c>
      <c r="AP23849">
        <v>6</v>
      </c>
      <c r="AQ23849">
        <v>6</v>
      </c>
    </row>
    <row r="23850" spans="1:43">
      <c r="A23850" t="s">
        <v>14763</v>
      </c>
      <c r="B23850" t="s">
        <v>14764</v>
      </c>
      <c r="C23850" t="s">
        <v>14765</v>
      </c>
      <c r="D23850" t="s">
        <v>14766</v>
      </c>
      <c r="E23850" t="s">
        <v>14535</v>
      </c>
      <c r="F23850" t="s">
        <v>14536</v>
      </c>
      <c r="G23850" t="s">
        <v>10734</v>
      </c>
      <c r="H23850" t="s">
        <v>10735</v>
      </c>
      <c r="I23850" s="2">
        <v>1</v>
      </c>
      <c r="J23850" s="2">
        <v>0</v>
      </c>
      <c r="K23850" s="2">
        <v>0</v>
      </c>
      <c r="L23850" t="s">
        <v>120</v>
      </c>
      <c r="M23850" t="s">
        <v>83</v>
      </c>
      <c r="N23850" t="s">
        <v>84</v>
      </c>
      <c r="O23850" t="s">
        <v>85</v>
      </c>
      <c r="P23850" t="s">
        <v>86</v>
      </c>
      <c r="Q23850">
        <v>29</v>
      </c>
      <c r="R23850">
        <v>30</v>
      </c>
      <c r="S23850">
        <v>30</v>
      </c>
      <c r="T23850">
        <v>30</v>
      </c>
      <c r="U23850">
        <v>30</v>
      </c>
      <c r="V23850">
        <v>30</v>
      </c>
      <c r="W23850">
        <v>30</v>
      </c>
      <c r="X23850">
        <v>30</v>
      </c>
      <c r="Y23850">
        <v>30</v>
      </c>
      <c r="Z23850">
        <v>30</v>
      </c>
      <c r="AA23850">
        <v>30</v>
      </c>
      <c r="AB23850">
        <v>30</v>
      </c>
      <c r="AC23850">
        <v>30</v>
      </c>
      <c r="AD23850">
        <v>30</v>
      </c>
      <c r="AE23850">
        <v>30</v>
      </c>
      <c r="AF23850">
        <v>30</v>
      </c>
      <c r="AG23850">
        <v>31</v>
      </c>
      <c r="AH23850">
        <v>31</v>
      </c>
      <c r="AI23850">
        <v>31</v>
      </c>
      <c r="AJ23850">
        <v>31</v>
      </c>
      <c r="AK23850">
        <v>31</v>
      </c>
      <c r="AL23850">
        <v>31</v>
      </c>
      <c r="AM23850">
        <v>30</v>
      </c>
      <c r="AN23850">
        <v>30</v>
      </c>
      <c r="AO23850">
        <v>30</v>
      </c>
      <c r="AP23850">
        <v>30</v>
      </c>
      <c r="AQ23850">
        <v>29</v>
      </c>
    </row>
    <row r="23851" spans="1:43">
      <c r="A23851" t="s">
        <v>14763</v>
      </c>
      <c r="B23851" t="s">
        <v>14764</v>
      </c>
      <c r="C23851" t="s">
        <v>14765</v>
      </c>
      <c r="D23851" t="s">
        <v>14766</v>
      </c>
      <c r="E23851" t="s">
        <v>14535</v>
      </c>
      <c r="F23851" t="s">
        <v>14536</v>
      </c>
      <c r="G23851" t="s">
        <v>10734</v>
      </c>
      <c r="H23851" t="s">
        <v>10735</v>
      </c>
      <c r="I23851" s="2">
        <v>1</v>
      </c>
      <c r="J23851" s="2">
        <v>0</v>
      </c>
      <c r="K23851" s="2">
        <v>0</v>
      </c>
      <c r="L23851" t="s">
        <v>120</v>
      </c>
      <c r="M23851" t="s">
        <v>87</v>
      </c>
      <c r="N23851" t="s">
        <v>88</v>
      </c>
      <c r="O23851" t="s">
        <v>85</v>
      </c>
      <c r="P23851" t="s">
        <v>86</v>
      </c>
      <c r="Q23851">
        <v>29</v>
      </c>
      <c r="R23851">
        <v>29</v>
      </c>
      <c r="S23851">
        <v>29</v>
      </c>
      <c r="T23851">
        <v>29</v>
      </c>
      <c r="U23851">
        <v>28</v>
      </c>
      <c r="V23851">
        <v>28</v>
      </c>
      <c r="W23851">
        <v>28</v>
      </c>
      <c r="X23851">
        <v>28</v>
      </c>
      <c r="Y23851">
        <v>28</v>
      </c>
      <c r="Z23851">
        <v>28</v>
      </c>
      <c r="AA23851">
        <v>28</v>
      </c>
      <c r="AB23851">
        <v>27</v>
      </c>
      <c r="AC23851">
        <v>27</v>
      </c>
      <c r="AD23851">
        <v>27</v>
      </c>
      <c r="AE23851">
        <v>27</v>
      </c>
      <c r="AF23851">
        <v>27</v>
      </c>
      <c r="AG23851">
        <v>27</v>
      </c>
      <c r="AH23851">
        <v>27</v>
      </c>
      <c r="AI23851">
        <v>27</v>
      </c>
      <c r="AJ23851">
        <v>26</v>
      </c>
      <c r="AK23851">
        <v>26</v>
      </c>
      <c r="AL23851">
        <v>26</v>
      </c>
      <c r="AM23851">
        <v>26</v>
      </c>
      <c r="AN23851">
        <v>26</v>
      </c>
      <c r="AO23851">
        <v>26</v>
      </c>
      <c r="AP23851">
        <v>26</v>
      </c>
      <c r="AQ23851">
        <v>26</v>
      </c>
    </row>
    <row r="23852" spans="1:43">
      <c r="A23852" t="s">
        <v>14763</v>
      </c>
      <c r="B23852" t="s">
        <v>14764</v>
      </c>
      <c r="C23852" t="s">
        <v>14765</v>
      </c>
      <c r="D23852" t="s">
        <v>14766</v>
      </c>
      <c r="E23852" t="s">
        <v>14535</v>
      </c>
      <c r="F23852" t="s">
        <v>14536</v>
      </c>
      <c r="G23852" t="s">
        <v>10734</v>
      </c>
      <c r="H23852" t="s">
        <v>10735</v>
      </c>
      <c r="I23852" s="2">
        <v>1</v>
      </c>
      <c r="J23852" s="2">
        <v>0</v>
      </c>
      <c r="K23852" s="2">
        <v>0</v>
      </c>
      <c r="L23852" t="s">
        <v>120</v>
      </c>
      <c r="M23852" t="s">
        <v>89</v>
      </c>
      <c r="N23852" t="s">
        <v>90</v>
      </c>
      <c r="O23852" t="s">
        <v>85</v>
      </c>
      <c r="P23852" t="s">
        <v>86</v>
      </c>
      <c r="Q23852">
        <v>29</v>
      </c>
      <c r="R23852">
        <v>29</v>
      </c>
      <c r="S23852">
        <v>29</v>
      </c>
      <c r="T23852">
        <v>30</v>
      </c>
      <c r="U23852">
        <v>30</v>
      </c>
      <c r="V23852">
        <v>30</v>
      </c>
      <c r="W23852">
        <v>30</v>
      </c>
      <c r="X23852">
        <v>31</v>
      </c>
      <c r="Y23852">
        <v>31</v>
      </c>
      <c r="Z23852">
        <v>31</v>
      </c>
      <c r="AA23852">
        <v>31</v>
      </c>
      <c r="AB23852">
        <v>31</v>
      </c>
      <c r="AC23852">
        <v>31</v>
      </c>
      <c r="AD23852">
        <v>32</v>
      </c>
      <c r="AE23852">
        <v>32</v>
      </c>
      <c r="AF23852">
        <v>31</v>
      </c>
      <c r="AG23852">
        <v>31</v>
      </c>
      <c r="AH23852">
        <v>31</v>
      </c>
      <c r="AI23852">
        <v>31</v>
      </c>
      <c r="AJ23852">
        <v>30</v>
      </c>
      <c r="AK23852">
        <v>30</v>
      </c>
      <c r="AL23852">
        <v>30</v>
      </c>
      <c r="AM23852">
        <v>30</v>
      </c>
      <c r="AN23852">
        <v>29</v>
      </c>
      <c r="AO23852">
        <v>29</v>
      </c>
      <c r="AP23852">
        <v>29</v>
      </c>
      <c r="AQ23852">
        <v>29</v>
      </c>
    </row>
    <row r="23853" spans="1:43">
      <c r="A23853" t="s">
        <v>14763</v>
      </c>
      <c r="B23853" t="s">
        <v>14764</v>
      </c>
      <c r="C23853" t="s">
        <v>14765</v>
      </c>
      <c r="D23853" t="s">
        <v>14766</v>
      </c>
      <c r="E23853" t="s">
        <v>14535</v>
      </c>
      <c r="F23853" t="s">
        <v>14536</v>
      </c>
      <c r="G23853" t="s">
        <v>10734</v>
      </c>
      <c r="H23853" t="s">
        <v>10735</v>
      </c>
      <c r="I23853" s="2">
        <v>1</v>
      </c>
      <c r="J23853" s="2">
        <v>0</v>
      </c>
      <c r="K23853" s="2">
        <v>0</v>
      </c>
      <c r="L23853" t="s">
        <v>120</v>
      </c>
      <c r="M23853" t="s">
        <v>83</v>
      </c>
      <c r="N23853" t="s">
        <v>91</v>
      </c>
      <c r="O23853" t="s">
        <v>85</v>
      </c>
      <c r="P23853" t="s">
        <v>86</v>
      </c>
      <c r="Q23853">
        <v>29</v>
      </c>
      <c r="R23853">
        <v>30</v>
      </c>
      <c r="S23853">
        <v>30</v>
      </c>
      <c r="T23853">
        <v>30</v>
      </c>
      <c r="U23853">
        <v>30</v>
      </c>
      <c r="V23853">
        <v>30</v>
      </c>
      <c r="W23853">
        <v>30</v>
      </c>
      <c r="X23853">
        <v>30</v>
      </c>
      <c r="Y23853">
        <v>30</v>
      </c>
      <c r="Z23853">
        <v>30</v>
      </c>
      <c r="AA23853">
        <v>30</v>
      </c>
      <c r="AB23853">
        <v>30</v>
      </c>
      <c r="AC23853">
        <v>30</v>
      </c>
      <c r="AD23853">
        <v>30</v>
      </c>
      <c r="AE23853">
        <v>30</v>
      </c>
      <c r="AF23853">
        <v>30</v>
      </c>
      <c r="AG23853">
        <v>31</v>
      </c>
      <c r="AH23853">
        <v>31</v>
      </c>
      <c r="AI23853">
        <v>31</v>
      </c>
      <c r="AJ23853">
        <v>31</v>
      </c>
      <c r="AK23853">
        <v>31</v>
      </c>
      <c r="AL23853">
        <v>31</v>
      </c>
      <c r="AM23853">
        <v>30</v>
      </c>
      <c r="AN23853">
        <v>30</v>
      </c>
      <c r="AO23853">
        <v>30</v>
      </c>
      <c r="AP23853">
        <v>30</v>
      </c>
      <c r="AQ23853">
        <v>29</v>
      </c>
    </row>
    <row r="23854" spans="1:43">
      <c r="A23854" t="s">
        <v>14767</v>
      </c>
      <c r="B23854" t="s">
        <v>14768</v>
      </c>
      <c r="C23854" t="s">
        <v>14769</v>
      </c>
      <c r="D23854" t="s">
        <v>14770</v>
      </c>
      <c r="E23854" t="s">
        <v>14535</v>
      </c>
      <c r="F23854" t="s">
        <v>14536</v>
      </c>
      <c r="G23854" t="s">
        <v>10734</v>
      </c>
      <c r="H23854" t="s">
        <v>10735</v>
      </c>
      <c r="I23854" s="2">
        <v>1</v>
      </c>
      <c r="J23854" s="2">
        <v>0</v>
      </c>
      <c r="K23854" s="2">
        <v>0</v>
      </c>
      <c r="L23854" t="s">
        <v>120</v>
      </c>
      <c r="M23854" t="s">
        <v>83</v>
      </c>
      <c r="N23854" t="s">
        <v>84</v>
      </c>
      <c r="O23854" t="s">
        <v>85</v>
      </c>
      <c r="P23854" t="s">
        <v>86</v>
      </c>
      <c r="Q23854">
        <v>39</v>
      </c>
      <c r="R23854">
        <v>39</v>
      </c>
      <c r="S23854">
        <v>39</v>
      </c>
      <c r="T23854">
        <v>39</v>
      </c>
      <c r="U23854">
        <v>39</v>
      </c>
      <c r="V23854">
        <v>40</v>
      </c>
      <c r="W23854">
        <v>40</v>
      </c>
      <c r="X23854">
        <v>40</v>
      </c>
      <c r="Y23854">
        <v>40</v>
      </c>
      <c r="Z23854">
        <v>40</v>
      </c>
      <c r="AA23854">
        <v>40</v>
      </c>
      <c r="AB23854">
        <v>40</v>
      </c>
      <c r="AC23854">
        <v>40</v>
      </c>
      <c r="AD23854">
        <v>40</v>
      </c>
      <c r="AE23854">
        <v>40</v>
      </c>
      <c r="AF23854">
        <v>40</v>
      </c>
      <c r="AG23854">
        <v>40</v>
      </c>
      <c r="AH23854">
        <v>40</v>
      </c>
      <c r="AI23854">
        <v>40</v>
      </c>
      <c r="AJ23854">
        <v>40</v>
      </c>
      <c r="AK23854">
        <v>40</v>
      </c>
      <c r="AL23854">
        <v>40</v>
      </c>
      <c r="AM23854">
        <v>40</v>
      </c>
      <c r="AN23854">
        <v>39</v>
      </c>
      <c r="AO23854">
        <v>39</v>
      </c>
      <c r="AP23854">
        <v>39</v>
      </c>
      <c r="AQ23854">
        <v>39</v>
      </c>
    </row>
    <row r="23855" spans="1:43">
      <c r="A23855" t="s">
        <v>14767</v>
      </c>
      <c r="B23855" t="s">
        <v>14768</v>
      </c>
      <c r="C23855" t="s">
        <v>14769</v>
      </c>
      <c r="D23855" t="s">
        <v>14770</v>
      </c>
      <c r="E23855" t="s">
        <v>14535</v>
      </c>
      <c r="F23855" t="s">
        <v>14536</v>
      </c>
      <c r="G23855" t="s">
        <v>10734</v>
      </c>
      <c r="H23855" t="s">
        <v>10735</v>
      </c>
      <c r="I23855" s="2">
        <v>1</v>
      </c>
      <c r="J23855" s="2">
        <v>0</v>
      </c>
      <c r="K23855" s="2">
        <v>0</v>
      </c>
      <c r="L23855" t="s">
        <v>120</v>
      </c>
      <c r="M23855" t="s">
        <v>87</v>
      </c>
      <c r="N23855" t="s">
        <v>88</v>
      </c>
      <c r="O23855" t="s">
        <v>85</v>
      </c>
      <c r="P23855" t="s">
        <v>86</v>
      </c>
      <c r="Q23855">
        <v>39</v>
      </c>
      <c r="R23855">
        <v>38</v>
      </c>
      <c r="S23855">
        <v>38</v>
      </c>
      <c r="T23855">
        <v>38</v>
      </c>
      <c r="U23855">
        <v>38</v>
      </c>
      <c r="V23855">
        <v>37</v>
      </c>
      <c r="W23855">
        <v>37</v>
      </c>
      <c r="X23855">
        <v>37</v>
      </c>
      <c r="Y23855">
        <v>37</v>
      </c>
      <c r="Z23855">
        <v>37</v>
      </c>
      <c r="AA23855">
        <v>36</v>
      </c>
      <c r="AB23855">
        <v>36</v>
      </c>
      <c r="AC23855">
        <v>36</v>
      </c>
      <c r="AD23855">
        <v>36</v>
      </c>
      <c r="AE23855">
        <v>36</v>
      </c>
      <c r="AF23855">
        <v>35</v>
      </c>
      <c r="AG23855">
        <v>35</v>
      </c>
      <c r="AH23855">
        <v>35</v>
      </c>
      <c r="AI23855">
        <v>35</v>
      </c>
      <c r="AJ23855">
        <v>35</v>
      </c>
      <c r="AK23855">
        <v>34</v>
      </c>
      <c r="AL23855">
        <v>34</v>
      </c>
      <c r="AM23855">
        <v>34</v>
      </c>
      <c r="AN23855">
        <v>34</v>
      </c>
      <c r="AO23855">
        <v>34</v>
      </c>
      <c r="AP23855">
        <v>34</v>
      </c>
      <c r="AQ23855">
        <v>33</v>
      </c>
    </row>
    <row r="23856" spans="1:43">
      <c r="A23856" t="s">
        <v>14767</v>
      </c>
      <c r="B23856" t="s">
        <v>14768</v>
      </c>
      <c r="C23856" t="s">
        <v>14769</v>
      </c>
      <c r="D23856" t="s">
        <v>14770</v>
      </c>
      <c r="E23856" t="s">
        <v>14535</v>
      </c>
      <c r="F23856" t="s">
        <v>14536</v>
      </c>
      <c r="G23856" t="s">
        <v>10734</v>
      </c>
      <c r="H23856" t="s">
        <v>10735</v>
      </c>
      <c r="I23856" s="2">
        <v>1</v>
      </c>
      <c r="J23856" s="2">
        <v>0</v>
      </c>
      <c r="K23856" s="2">
        <v>0</v>
      </c>
      <c r="L23856" t="s">
        <v>120</v>
      </c>
      <c r="M23856" t="s">
        <v>89</v>
      </c>
      <c r="N23856" t="s">
        <v>90</v>
      </c>
      <c r="O23856" t="s">
        <v>85</v>
      </c>
      <c r="P23856" t="s">
        <v>86</v>
      </c>
      <c r="Q23856">
        <v>39</v>
      </c>
      <c r="R23856">
        <v>40</v>
      </c>
      <c r="S23856">
        <v>40</v>
      </c>
      <c r="T23856">
        <v>41</v>
      </c>
      <c r="U23856">
        <v>41</v>
      </c>
      <c r="V23856">
        <v>41</v>
      </c>
      <c r="W23856">
        <v>42</v>
      </c>
      <c r="X23856">
        <v>42</v>
      </c>
      <c r="Y23856">
        <v>42</v>
      </c>
      <c r="Z23856">
        <v>42</v>
      </c>
      <c r="AA23856">
        <v>42</v>
      </c>
      <c r="AB23856">
        <v>43</v>
      </c>
      <c r="AC23856">
        <v>43</v>
      </c>
      <c r="AD23856">
        <v>43</v>
      </c>
      <c r="AE23856">
        <v>43</v>
      </c>
      <c r="AF23856">
        <v>43</v>
      </c>
      <c r="AG23856">
        <v>42</v>
      </c>
      <c r="AH23856">
        <v>42</v>
      </c>
      <c r="AI23856">
        <v>42</v>
      </c>
      <c r="AJ23856">
        <v>41</v>
      </c>
      <c r="AK23856">
        <v>41</v>
      </c>
      <c r="AL23856">
        <v>41</v>
      </c>
      <c r="AM23856">
        <v>40</v>
      </c>
      <c r="AN23856">
        <v>40</v>
      </c>
      <c r="AO23856">
        <v>40</v>
      </c>
      <c r="AP23856">
        <v>39</v>
      </c>
      <c r="AQ23856">
        <v>39</v>
      </c>
    </row>
    <row r="23857" spans="1:43">
      <c r="A23857" t="s">
        <v>14767</v>
      </c>
      <c r="B23857" t="s">
        <v>14768</v>
      </c>
      <c r="C23857" t="s">
        <v>14769</v>
      </c>
      <c r="D23857" t="s">
        <v>14770</v>
      </c>
      <c r="E23857" t="s">
        <v>14535</v>
      </c>
      <c r="F23857" t="s">
        <v>14536</v>
      </c>
      <c r="G23857" t="s">
        <v>10734</v>
      </c>
      <c r="H23857" t="s">
        <v>10735</v>
      </c>
      <c r="I23857" s="2">
        <v>1</v>
      </c>
      <c r="J23857" s="2">
        <v>0</v>
      </c>
      <c r="K23857" s="2">
        <v>0</v>
      </c>
      <c r="L23857" t="s">
        <v>120</v>
      </c>
      <c r="M23857" t="s">
        <v>83</v>
      </c>
      <c r="N23857" t="s">
        <v>91</v>
      </c>
      <c r="O23857" t="s">
        <v>85</v>
      </c>
      <c r="P23857" t="s">
        <v>86</v>
      </c>
      <c r="Q23857">
        <v>39</v>
      </c>
      <c r="R23857">
        <v>39</v>
      </c>
      <c r="S23857">
        <v>39</v>
      </c>
      <c r="T23857">
        <v>39</v>
      </c>
      <c r="U23857">
        <v>39</v>
      </c>
      <c r="V23857">
        <v>40</v>
      </c>
      <c r="W23857">
        <v>40</v>
      </c>
      <c r="X23857">
        <v>40</v>
      </c>
      <c r="Y23857">
        <v>40</v>
      </c>
      <c r="Z23857">
        <v>40</v>
      </c>
      <c r="AA23857">
        <v>40</v>
      </c>
      <c r="AB23857">
        <v>40</v>
      </c>
      <c r="AC23857">
        <v>40</v>
      </c>
      <c r="AD23857">
        <v>40</v>
      </c>
      <c r="AE23857">
        <v>40</v>
      </c>
      <c r="AF23857">
        <v>40</v>
      </c>
      <c r="AG23857">
        <v>40</v>
      </c>
      <c r="AH23857">
        <v>40</v>
      </c>
      <c r="AI23857">
        <v>40</v>
      </c>
      <c r="AJ23857">
        <v>40</v>
      </c>
      <c r="AK23857">
        <v>40</v>
      </c>
      <c r="AL23857">
        <v>40</v>
      </c>
      <c r="AM23857">
        <v>40</v>
      </c>
      <c r="AN23857">
        <v>39</v>
      </c>
      <c r="AO23857">
        <v>39</v>
      </c>
      <c r="AP23857">
        <v>39</v>
      </c>
      <c r="AQ23857">
        <v>39</v>
      </c>
    </row>
    <row r="23858" spans="1:43">
      <c r="A23858" t="s">
        <v>14771</v>
      </c>
      <c r="B23858" t="s">
        <v>14772</v>
      </c>
      <c r="C23858" t="s">
        <v>14765</v>
      </c>
      <c r="D23858" t="s">
        <v>14766</v>
      </c>
      <c r="E23858" t="s">
        <v>14535</v>
      </c>
      <c r="F23858" t="s">
        <v>14536</v>
      </c>
      <c r="G23858" t="s">
        <v>10734</v>
      </c>
      <c r="H23858" t="s">
        <v>10735</v>
      </c>
      <c r="I23858" s="2">
        <v>1</v>
      </c>
      <c r="J23858" s="2">
        <v>0</v>
      </c>
      <c r="K23858" s="2">
        <v>0</v>
      </c>
      <c r="L23858" t="s">
        <v>120</v>
      </c>
      <c r="M23858" t="s">
        <v>83</v>
      </c>
      <c r="N23858" t="s">
        <v>84</v>
      </c>
      <c r="O23858" t="s">
        <v>85</v>
      </c>
      <c r="P23858" t="s">
        <v>86</v>
      </c>
      <c r="Q23858">
        <v>24</v>
      </c>
      <c r="R23858">
        <v>24</v>
      </c>
      <c r="S23858">
        <v>24</v>
      </c>
      <c r="T23858">
        <v>24</v>
      </c>
      <c r="U23858">
        <v>24</v>
      </c>
      <c r="V23858">
        <v>24</v>
      </c>
      <c r="W23858">
        <v>24</v>
      </c>
      <c r="X23858">
        <v>24</v>
      </c>
      <c r="Y23858">
        <v>24</v>
      </c>
      <c r="Z23858">
        <v>24</v>
      </c>
      <c r="AA23858">
        <v>25</v>
      </c>
      <c r="AB23858">
        <v>25</v>
      </c>
      <c r="AC23858">
        <v>25</v>
      </c>
      <c r="AD23858">
        <v>25</v>
      </c>
      <c r="AE23858">
        <v>25</v>
      </c>
      <c r="AF23858">
        <v>25</v>
      </c>
      <c r="AG23858">
        <v>25</v>
      </c>
      <c r="AH23858">
        <v>25</v>
      </c>
      <c r="AI23858">
        <v>25</v>
      </c>
      <c r="AJ23858">
        <v>25</v>
      </c>
      <c r="AK23858">
        <v>25</v>
      </c>
      <c r="AL23858">
        <v>25</v>
      </c>
      <c r="AM23858">
        <v>24</v>
      </c>
      <c r="AN23858">
        <v>24</v>
      </c>
      <c r="AO23858">
        <v>24</v>
      </c>
      <c r="AP23858">
        <v>24</v>
      </c>
      <c r="AQ23858">
        <v>24</v>
      </c>
    </row>
    <row r="23859" spans="1:43">
      <c r="A23859" t="s">
        <v>14771</v>
      </c>
      <c r="B23859" t="s">
        <v>14772</v>
      </c>
      <c r="C23859" t="s">
        <v>14765</v>
      </c>
      <c r="D23859" t="s">
        <v>14766</v>
      </c>
      <c r="E23859" t="s">
        <v>14535</v>
      </c>
      <c r="F23859" t="s">
        <v>14536</v>
      </c>
      <c r="G23859" t="s">
        <v>10734</v>
      </c>
      <c r="H23859" t="s">
        <v>10735</v>
      </c>
      <c r="I23859" s="2">
        <v>1</v>
      </c>
      <c r="J23859" s="2">
        <v>0</v>
      </c>
      <c r="K23859" s="2">
        <v>0</v>
      </c>
      <c r="L23859" t="s">
        <v>120</v>
      </c>
      <c r="M23859" t="s">
        <v>87</v>
      </c>
      <c r="N23859" t="s">
        <v>88</v>
      </c>
      <c r="O23859" t="s">
        <v>85</v>
      </c>
      <c r="P23859" t="s">
        <v>86</v>
      </c>
      <c r="Q23859">
        <v>24</v>
      </c>
      <c r="R23859">
        <v>24</v>
      </c>
      <c r="S23859">
        <v>23</v>
      </c>
      <c r="T23859">
        <v>23</v>
      </c>
      <c r="U23859">
        <v>23</v>
      </c>
      <c r="V23859">
        <v>23</v>
      </c>
      <c r="W23859">
        <v>23</v>
      </c>
      <c r="X23859">
        <v>23</v>
      </c>
      <c r="Y23859">
        <v>23</v>
      </c>
      <c r="Z23859">
        <v>22</v>
      </c>
      <c r="AA23859">
        <v>22</v>
      </c>
      <c r="AB23859">
        <v>22</v>
      </c>
      <c r="AC23859">
        <v>22</v>
      </c>
      <c r="AD23859">
        <v>22</v>
      </c>
      <c r="AE23859">
        <v>22</v>
      </c>
      <c r="AF23859">
        <v>22</v>
      </c>
      <c r="AG23859">
        <v>22</v>
      </c>
      <c r="AH23859">
        <v>22</v>
      </c>
      <c r="AI23859">
        <v>21</v>
      </c>
      <c r="AJ23859">
        <v>21</v>
      </c>
      <c r="AK23859">
        <v>21</v>
      </c>
      <c r="AL23859">
        <v>21</v>
      </c>
      <c r="AM23859">
        <v>21</v>
      </c>
      <c r="AN23859">
        <v>21</v>
      </c>
      <c r="AO23859">
        <v>21</v>
      </c>
      <c r="AP23859">
        <v>21</v>
      </c>
      <c r="AQ23859">
        <v>21</v>
      </c>
    </row>
    <row r="23860" spans="1:43">
      <c r="A23860" t="s">
        <v>14771</v>
      </c>
      <c r="B23860" t="s">
        <v>14772</v>
      </c>
      <c r="C23860" t="s">
        <v>14765</v>
      </c>
      <c r="D23860" t="s">
        <v>14766</v>
      </c>
      <c r="E23860" t="s">
        <v>14535</v>
      </c>
      <c r="F23860" t="s">
        <v>14536</v>
      </c>
      <c r="G23860" t="s">
        <v>10734</v>
      </c>
      <c r="H23860" t="s">
        <v>10735</v>
      </c>
      <c r="I23860" s="2">
        <v>1</v>
      </c>
      <c r="J23860" s="2">
        <v>0</v>
      </c>
      <c r="K23860" s="2">
        <v>0</v>
      </c>
      <c r="L23860" t="s">
        <v>120</v>
      </c>
      <c r="M23860" t="s">
        <v>89</v>
      </c>
      <c r="N23860" t="s">
        <v>90</v>
      </c>
      <c r="O23860" t="s">
        <v>85</v>
      </c>
      <c r="P23860" t="s">
        <v>86</v>
      </c>
      <c r="Q23860">
        <v>24</v>
      </c>
      <c r="R23860">
        <v>24</v>
      </c>
      <c r="S23860">
        <v>25</v>
      </c>
      <c r="T23860">
        <v>25</v>
      </c>
      <c r="U23860">
        <v>25</v>
      </c>
      <c r="V23860">
        <v>25</v>
      </c>
      <c r="W23860">
        <v>26</v>
      </c>
      <c r="X23860">
        <v>26</v>
      </c>
      <c r="Y23860">
        <v>26</v>
      </c>
      <c r="Z23860">
        <v>26</v>
      </c>
      <c r="AA23860">
        <v>26</v>
      </c>
      <c r="AB23860">
        <v>26</v>
      </c>
      <c r="AC23860">
        <v>26</v>
      </c>
      <c r="AD23860">
        <v>26</v>
      </c>
      <c r="AE23860">
        <v>26</v>
      </c>
      <c r="AF23860">
        <v>26</v>
      </c>
      <c r="AG23860">
        <v>26</v>
      </c>
      <c r="AH23860">
        <v>26</v>
      </c>
      <c r="AI23860">
        <v>26</v>
      </c>
      <c r="AJ23860">
        <v>25</v>
      </c>
      <c r="AK23860">
        <v>25</v>
      </c>
      <c r="AL23860">
        <v>25</v>
      </c>
      <c r="AM23860">
        <v>25</v>
      </c>
      <c r="AN23860">
        <v>25</v>
      </c>
      <c r="AO23860">
        <v>24</v>
      </c>
      <c r="AP23860">
        <v>24</v>
      </c>
      <c r="AQ23860">
        <v>24</v>
      </c>
    </row>
    <row r="23861" spans="1:43">
      <c r="A23861" t="s">
        <v>14771</v>
      </c>
      <c r="B23861" t="s">
        <v>14772</v>
      </c>
      <c r="C23861" t="s">
        <v>14765</v>
      </c>
      <c r="D23861" t="s">
        <v>14766</v>
      </c>
      <c r="E23861" t="s">
        <v>14535</v>
      </c>
      <c r="F23861" t="s">
        <v>14536</v>
      </c>
      <c r="G23861" t="s">
        <v>10734</v>
      </c>
      <c r="H23861" t="s">
        <v>10735</v>
      </c>
      <c r="I23861" s="2">
        <v>1</v>
      </c>
      <c r="J23861" s="2">
        <v>0</v>
      </c>
      <c r="K23861" s="2">
        <v>0</v>
      </c>
      <c r="L23861" t="s">
        <v>120</v>
      </c>
      <c r="M23861" t="s">
        <v>83</v>
      </c>
      <c r="N23861" t="s">
        <v>91</v>
      </c>
      <c r="O23861" t="s">
        <v>85</v>
      </c>
      <c r="P23861" t="s">
        <v>86</v>
      </c>
      <c r="Q23861">
        <v>24</v>
      </c>
      <c r="R23861">
        <v>24</v>
      </c>
      <c r="S23861">
        <v>24</v>
      </c>
      <c r="T23861">
        <v>24</v>
      </c>
      <c r="U23861">
        <v>24</v>
      </c>
      <c r="V23861">
        <v>24</v>
      </c>
      <c r="W23861">
        <v>24</v>
      </c>
      <c r="X23861">
        <v>24</v>
      </c>
      <c r="Y23861">
        <v>24</v>
      </c>
      <c r="Z23861">
        <v>24</v>
      </c>
      <c r="AA23861">
        <v>25</v>
      </c>
      <c r="AB23861">
        <v>25</v>
      </c>
      <c r="AC23861">
        <v>25</v>
      </c>
      <c r="AD23861">
        <v>25</v>
      </c>
      <c r="AE23861">
        <v>25</v>
      </c>
      <c r="AF23861">
        <v>25</v>
      </c>
      <c r="AG23861">
        <v>25</v>
      </c>
      <c r="AH23861">
        <v>25</v>
      </c>
      <c r="AI23861">
        <v>25</v>
      </c>
      <c r="AJ23861">
        <v>25</v>
      </c>
      <c r="AK23861">
        <v>25</v>
      </c>
      <c r="AL23861">
        <v>25</v>
      </c>
      <c r="AM23861">
        <v>24</v>
      </c>
      <c r="AN23861">
        <v>24</v>
      </c>
      <c r="AO23861">
        <v>24</v>
      </c>
      <c r="AP23861">
        <v>24</v>
      </c>
      <c r="AQ23861">
        <v>24</v>
      </c>
    </row>
    <row r="23862" spans="1:43">
      <c r="A23862" t="s">
        <v>14773</v>
      </c>
      <c r="B23862" t="s">
        <v>14774</v>
      </c>
      <c r="C23862" t="s">
        <v>14769</v>
      </c>
      <c r="D23862" t="s">
        <v>14770</v>
      </c>
      <c r="E23862" t="s">
        <v>14535</v>
      </c>
      <c r="F23862" t="s">
        <v>14536</v>
      </c>
      <c r="G23862" t="s">
        <v>10734</v>
      </c>
      <c r="H23862" t="s">
        <v>10735</v>
      </c>
      <c r="I23862" s="2">
        <v>1</v>
      </c>
      <c r="J23862" s="2">
        <v>0</v>
      </c>
      <c r="K23862" s="2">
        <v>0</v>
      </c>
      <c r="L23862" t="s">
        <v>120</v>
      </c>
      <c r="M23862" t="s">
        <v>83</v>
      </c>
      <c r="N23862" t="s">
        <v>84</v>
      </c>
      <c r="O23862" t="s">
        <v>85</v>
      </c>
      <c r="P23862" t="s">
        <v>86</v>
      </c>
      <c r="Q23862">
        <v>10</v>
      </c>
      <c r="R23862">
        <v>10</v>
      </c>
      <c r="S23862">
        <v>10</v>
      </c>
      <c r="T23862">
        <v>10</v>
      </c>
      <c r="U23862">
        <v>10</v>
      </c>
      <c r="V23862">
        <v>10</v>
      </c>
      <c r="W23862">
        <v>10</v>
      </c>
      <c r="X23862">
        <v>10</v>
      </c>
      <c r="Y23862">
        <v>10</v>
      </c>
      <c r="Z23862">
        <v>10</v>
      </c>
      <c r="AA23862">
        <v>10</v>
      </c>
      <c r="AB23862">
        <v>10</v>
      </c>
      <c r="AC23862">
        <v>10</v>
      </c>
      <c r="AD23862">
        <v>10</v>
      </c>
      <c r="AE23862">
        <v>10</v>
      </c>
      <c r="AF23862">
        <v>10</v>
      </c>
      <c r="AG23862">
        <v>10</v>
      </c>
      <c r="AH23862">
        <v>10</v>
      </c>
      <c r="AI23862">
        <v>10</v>
      </c>
      <c r="AJ23862">
        <v>10</v>
      </c>
      <c r="AK23862">
        <v>10</v>
      </c>
      <c r="AL23862">
        <v>10</v>
      </c>
      <c r="AM23862">
        <v>10</v>
      </c>
      <c r="AN23862">
        <v>10</v>
      </c>
      <c r="AO23862">
        <v>10</v>
      </c>
      <c r="AP23862">
        <v>10</v>
      </c>
      <c r="AQ23862">
        <v>10</v>
      </c>
    </row>
    <row r="23863" spans="1:43">
      <c r="A23863" t="s">
        <v>14773</v>
      </c>
      <c r="B23863" t="s">
        <v>14774</v>
      </c>
      <c r="C23863" t="s">
        <v>14769</v>
      </c>
      <c r="D23863" t="s">
        <v>14770</v>
      </c>
      <c r="E23863" t="s">
        <v>14535</v>
      </c>
      <c r="F23863" t="s">
        <v>14536</v>
      </c>
      <c r="G23863" t="s">
        <v>10734</v>
      </c>
      <c r="H23863" t="s">
        <v>10735</v>
      </c>
      <c r="I23863" s="2">
        <v>1</v>
      </c>
      <c r="J23863" s="2">
        <v>0</v>
      </c>
      <c r="K23863" s="2">
        <v>0</v>
      </c>
      <c r="L23863" t="s">
        <v>120</v>
      </c>
      <c r="M23863" t="s">
        <v>87</v>
      </c>
      <c r="N23863" t="s">
        <v>88</v>
      </c>
      <c r="O23863" t="s">
        <v>85</v>
      </c>
      <c r="P23863" t="s">
        <v>86</v>
      </c>
      <c r="Q23863">
        <v>10</v>
      </c>
      <c r="R23863">
        <v>10</v>
      </c>
      <c r="S23863">
        <v>10</v>
      </c>
      <c r="T23863">
        <v>10</v>
      </c>
      <c r="U23863">
        <v>10</v>
      </c>
      <c r="V23863">
        <v>10</v>
      </c>
      <c r="W23863">
        <v>10</v>
      </c>
      <c r="X23863">
        <v>9</v>
      </c>
      <c r="Y23863">
        <v>9</v>
      </c>
      <c r="Z23863">
        <v>9</v>
      </c>
      <c r="AA23863">
        <v>9</v>
      </c>
      <c r="AB23863">
        <v>9</v>
      </c>
      <c r="AC23863">
        <v>9</v>
      </c>
      <c r="AD23863">
        <v>9</v>
      </c>
      <c r="AE23863">
        <v>9</v>
      </c>
      <c r="AF23863">
        <v>9</v>
      </c>
      <c r="AG23863">
        <v>9</v>
      </c>
      <c r="AH23863">
        <v>9</v>
      </c>
      <c r="AI23863">
        <v>9</v>
      </c>
      <c r="AJ23863">
        <v>9</v>
      </c>
      <c r="AK23863">
        <v>9</v>
      </c>
      <c r="AL23863">
        <v>9</v>
      </c>
      <c r="AM23863">
        <v>9</v>
      </c>
      <c r="AN23863">
        <v>9</v>
      </c>
      <c r="AO23863">
        <v>9</v>
      </c>
      <c r="AP23863">
        <v>9</v>
      </c>
      <c r="AQ23863">
        <v>9</v>
      </c>
    </row>
    <row r="23864" spans="1:43">
      <c r="A23864" t="s">
        <v>14773</v>
      </c>
      <c r="B23864" t="s">
        <v>14774</v>
      </c>
      <c r="C23864" t="s">
        <v>14769</v>
      </c>
      <c r="D23864" t="s">
        <v>14770</v>
      </c>
      <c r="E23864" t="s">
        <v>14535</v>
      </c>
      <c r="F23864" t="s">
        <v>14536</v>
      </c>
      <c r="G23864" t="s">
        <v>10734</v>
      </c>
      <c r="H23864" t="s">
        <v>10735</v>
      </c>
      <c r="I23864" s="2">
        <v>1</v>
      </c>
      <c r="J23864" s="2">
        <v>0</v>
      </c>
      <c r="K23864" s="2">
        <v>0</v>
      </c>
      <c r="L23864" t="s">
        <v>120</v>
      </c>
      <c r="M23864" t="s">
        <v>89</v>
      </c>
      <c r="N23864" t="s">
        <v>90</v>
      </c>
      <c r="O23864" t="s">
        <v>85</v>
      </c>
      <c r="P23864" t="s">
        <v>86</v>
      </c>
      <c r="Q23864">
        <v>10</v>
      </c>
      <c r="R23864">
        <v>10</v>
      </c>
      <c r="S23864">
        <v>10</v>
      </c>
      <c r="T23864">
        <v>10</v>
      </c>
      <c r="U23864">
        <v>11</v>
      </c>
      <c r="V23864">
        <v>11</v>
      </c>
      <c r="W23864">
        <v>11</v>
      </c>
      <c r="X23864">
        <v>11</v>
      </c>
      <c r="Y23864">
        <v>11</v>
      </c>
      <c r="Z23864">
        <v>11</v>
      </c>
      <c r="AA23864">
        <v>11</v>
      </c>
      <c r="AB23864">
        <v>11</v>
      </c>
      <c r="AC23864">
        <v>11</v>
      </c>
      <c r="AD23864">
        <v>11</v>
      </c>
      <c r="AE23864">
        <v>11</v>
      </c>
      <c r="AF23864">
        <v>11</v>
      </c>
      <c r="AG23864">
        <v>11</v>
      </c>
      <c r="AH23864">
        <v>11</v>
      </c>
      <c r="AI23864">
        <v>11</v>
      </c>
      <c r="AJ23864">
        <v>11</v>
      </c>
      <c r="AK23864">
        <v>11</v>
      </c>
      <c r="AL23864">
        <v>10</v>
      </c>
      <c r="AM23864">
        <v>10</v>
      </c>
      <c r="AN23864">
        <v>10</v>
      </c>
      <c r="AO23864">
        <v>10</v>
      </c>
      <c r="AP23864">
        <v>10</v>
      </c>
      <c r="AQ23864">
        <v>10</v>
      </c>
    </row>
    <row r="23865" spans="1:43">
      <c r="A23865" t="s">
        <v>14773</v>
      </c>
      <c r="B23865" t="s">
        <v>14774</v>
      </c>
      <c r="C23865" t="s">
        <v>14769</v>
      </c>
      <c r="D23865" t="s">
        <v>14770</v>
      </c>
      <c r="E23865" t="s">
        <v>14535</v>
      </c>
      <c r="F23865" t="s">
        <v>14536</v>
      </c>
      <c r="G23865" t="s">
        <v>10734</v>
      </c>
      <c r="H23865" t="s">
        <v>10735</v>
      </c>
      <c r="I23865" s="2">
        <v>1</v>
      </c>
      <c r="J23865" s="2">
        <v>0</v>
      </c>
      <c r="K23865" s="2">
        <v>0</v>
      </c>
      <c r="L23865" t="s">
        <v>120</v>
      </c>
      <c r="M23865" t="s">
        <v>83</v>
      </c>
      <c r="N23865" t="s">
        <v>91</v>
      </c>
      <c r="O23865" t="s">
        <v>85</v>
      </c>
      <c r="P23865" t="s">
        <v>86</v>
      </c>
      <c r="Q23865">
        <v>10</v>
      </c>
      <c r="R23865">
        <v>10</v>
      </c>
      <c r="S23865">
        <v>10</v>
      </c>
      <c r="T23865">
        <v>10</v>
      </c>
      <c r="U23865">
        <v>10</v>
      </c>
      <c r="V23865">
        <v>10</v>
      </c>
      <c r="W23865">
        <v>10</v>
      </c>
      <c r="X23865">
        <v>10</v>
      </c>
      <c r="Y23865">
        <v>10</v>
      </c>
      <c r="Z23865">
        <v>10</v>
      </c>
      <c r="AA23865">
        <v>10</v>
      </c>
      <c r="AB23865">
        <v>10</v>
      </c>
      <c r="AC23865">
        <v>10</v>
      </c>
      <c r="AD23865">
        <v>10</v>
      </c>
      <c r="AE23865">
        <v>10</v>
      </c>
      <c r="AF23865">
        <v>10</v>
      </c>
      <c r="AG23865">
        <v>10</v>
      </c>
      <c r="AH23865">
        <v>10</v>
      </c>
      <c r="AI23865">
        <v>10</v>
      </c>
      <c r="AJ23865">
        <v>10</v>
      </c>
      <c r="AK23865">
        <v>10</v>
      </c>
      <c r="AL23865">
        <v>10</v>
      </c>
      <c r="AM23865">
        <v>10</v>
      </c>
      <c r="AN23865">
        <v>10</v>
      </c>
      <c r="AO23865">
        <v>10</v>
      </c>
      <c r="AP23865">
        <v>10</v>
      </c>
      <c r="AQ23865">
        <v>10</v>
      </c>
    </row>
    <row r="23866" spans="1:43">
      <c r="A23866" t="s">
        <v>14775</v>
      </c>
      <c r="B23866" t="s">
        <v>14776</v>
      </c>
      <c r="C23866" t="s">
        <v>14765</v>
      </c>
      <c r="D23866" t="s">
        <v>14766</v>
      </c>
      <c r="E23866" t="s">
        <v>14535</v>
      </c>
      <c r="F23866" t="s">
        <v>14536</v>
      </c>
      <c r="G23866" t="s">
        <v>10734</v>
      </c>
      <c r="H23866" t="s">
        <v>10735</v>
      </c>
      <c r="I23866" s="2">
        <v>1</v>
      </c>
      <c r="J23866" s="2">
        <v>0</v>
      </c>
      <c r="K23866" s="2">
        <v>0</v>
      </c>
      <c r="L23866" t="s">
        <v>120</v>
      </c>
      <c r="M23866" t="s">
        <v>83</v>
      </c>
      <c r="N23866" t="s">
        <v>84</v>
      </c>
      <c r="O23866" t="s">
        <v>85</v>
      </c>
      <c r="P23866" t="s">
        <v>86</v>
      </c>
      <c r="Q23866">
        <v>20</v>
      </c>
      <c r="R23866">
        <v>20</v>
      </c>
      <c r="S23866">
        <v>20</v>
      </c>
      <c r="T23866">
        <v>20</v>
      </c>
      <c r="U23866">
        <v>20</v>
      </c>
      <c r="V23866">
        <v>20</v>
      </c>
      <c r="W23866">
        <v>20</v>
      </c>
      <c r="X23866">
        <v>20</v>
      </c>
      <c r="Y23866">
        <v>20</v>
      </c>
      <c r="Z23866">
        <v>20</v>
      </c>
      <c r="AA23866">
        <v>20</v>
      </c>
      <c r="AB23866">
        <v>20</v>
      </c>
      <c r="AC23866">
        <v>20</v>
      </c>
      <c r="AD23866">
        <v>20</v>
      </c>
      <c r="AE23866">
        <v>20</v>
      </c>
      <c r="AF23866">
        <v>20</v>
      </c>
      <c r="AG23866">
        <v>20</v>
      </c>
      <c r="AH23866">
        <v>20</v>
      </c>
      <c r="AI23866">
        <v>21</v>
      </c>
      <c r="AJ23866">
        <v>21</v>
      </c>
      <c r="AK23866">
        <v>21</v>
      </c>
      <c r="AL23866">
        <v>20</v>
      </c>
      <c r="AM23866">
        <v>20</v>
      </c>
      <c r="AN23866">
        <v>20</v>
      </c>
      <c r="AO23866">
        <v>20</v>
      </c>
      <c r="AP23866">
        <v>20</v>
      </c>
      <c r="AQ23866">
        <v>20</v>
      </c>
    </row>
    <row r="23867" spans="1:43">
      <c r="A23867" t="s">
        <v>14775</v>
      </c>
      <c r="B23867" t="s">
        <v>14776</v>
      </c>
      <c r="C23867" t="s">
        <v>14765</v>
      </c>
      <c r="D23867" t="s">
        <v>14766</v>
      </c>
      <c r="E23867" t="s">
        <v>14535</v>
      </c>
      <c r="F23867" t="s">
        <v>14536</v>
      </c>
      <c r="G23867" t="s">
        <v>10734</v>
      </c>
      <c r="H23867" t="s">
        <v>10735</v>
      </c>
      <c r="I23867" s="2">
        <v>1</v>
      </c>
      <c r="J23867" s="2">
        <v>0</v>
      </c>
      <c r="K23867" s="2">
        <v>0</v>
      </c>
      <c r="L23867" t="s">
        <v>120</v>
      </c>
      <c r="M23867" t="s">
        <v>87</v>
      </c>
      <c r="N23867" t="s">
        <v>88</v>
      </c>
      <c r="O23867" t="s">
        <v>85</v>
      </c>
      <c r="P23867" t="s">
        <v>86</v>
      </c>
      <c r="Q23867">
        <v>20</v>
      </c>
      <c r="R23867">
        <v>19</v>
      </c>
      <c r="S23867">
        <v>19</v>
      </c>
      <c r="T23867">
        <v>19</v>
      </c>
      <c r="U23867">
        <v>19</v>
      </c>
      <c r="V23867">
        <v>19</v>
      </c>
      <c r="W23867">
        <v>19</v>
      </c>
      <c r="X23867">
        <v>19</v>
      </c>
      <c r="Y23867">
        <v>19</v>
      </c>
      <c r="Z23867">
        <v>19</v>
      </c>
      <c r="AA23867">
        <v>18</v>
      </c>
      <c r="AB23867">
        <v>18</v>
      </c>
      <c r="AC23867">
        <v>18</v>
      </c>
      <c r="AD23867">
        <v>18</v>
      </c>
      <c r="AE23867">
        <v>18</v>
      </c>
      <c r="AF23867">
        <v>18</v>
      </c>
      <c r="AG23867">
        <v>18</v>
      </c>
      <c r="AH23867">
        <v>18</v>
      </c>
      <c r="AI23867">
        <v>18</v>
      </c>
      <c r="AJ23867">
        <v>18</v>
      </c>
      <c r="AK23867">
        <v>18</v>
      </c>
      <c r="AL23867">
        <v>18</v>
      </c>
      <c r="AM23867">
        <v>17</v>
      </c>
      <c r="AN23867">
        <v>17</v>
      </c>
      <c r="AO23867">
        <v>17</v>
      </c>
      <c r="AP23867">
        <v>17</v>
      </c>
      <c r="AQ23867">
        <v>17</v>
      </c>
    </row>
    <row r="23868" spans="1:43">
      <c r="A23868" t="s">
        <v>14775</v>
      </c>
      <c r="B23868" t="s">
        <v>14776</v>
      </c>
      <c r="C23868" t="s">
        <v>14765</v>
      </c>
      <c r="D23868" t="s">
        <v>14766</v>
      </c>
      <c r="E23868" t="s">
        <v>14535</v>
      </c>
      <c r="F23868" t="s">
        <v>14536</v>
      </c>
      <c r="G23868" t="s">
        <v>10734</v>
      </c>
      <c r="H23868" t="s">
        <v>10735</v>
      </c>
      <c r="I23868" s="2">
        <v>1</v>
      </c>
      <c r="J23868" s="2">
        <v>0</v>
      </c>
      <c r="K23868" s="2">
        <v>0</v>
      </c>
      <c r="L23868" t="s">
        <v>120</v>
      </c>
      <c r="M23868" t="s">
        <v>89</v>
      </c>
      <c r="N23868" t="s">
        <v>90</v>
      </c>
      <c r="O23868" t="s">
        <v>85</v>
      </c>
      <c r="P23868" t="s">
        <v>86</v>
      </c>
      <c r="Q23868">
        <v>20</v>
      </c>
      <c r="R23868">
        <v>20</v>
      </c>
      <c r="S23868">
        <v>20</v>
      </c>
      <c r="T23868">
        <v>21</v>
      </c>
      <c r="U23868">
        <v>21</v>
      </c>
      <c r="V23868">
        <v>21</v>
      </c>
      <c r="W23868">
        <v>21</v>
      </c>
      <c r="X23868">
        <v>21</v>
      </c>
      <c r="Y23868">
        <v>21</v>
      </c>
      <c r="Z23868">
        <v>21</v>
      </c>
      <c r="AA23868">
        <v>22</v>
      </c>
      <c r="AB23868">
        <v>22</v>
      </c>
      <c r="AC23868">
        <v>22</v>
      </c>
      <c r="AD23868">
        <v>22</v>
      </c>
      <c r="AE23868">
        <v>22</v>
      </c>
      <c r="AF23868">
        <v>22</v>
      </c>
      <c r="AG23868">
        <v>22</v>
      </c>
      <c r="AH23868">
        <v>21</v>
      </c>
      <c r="AI23868">
        <v>21</v>
      </c>
      <c r="AJ23868">
        <v>21</v>
      </c>
      <c r="AK23868">
        <v>21</v>
      </c>
      <c r="AL23868">
        <v>21</v>
      </c>
      <c r="AM23868">
        <v>21</v>
      </c>
      <c r="AN23868">
        <v>20</v>
      </c>
      <c r="AO23868">
        <v>20</v>
      </c>
      <c r="AP23868">
        <v>20</v>
      </c>
      <c r="AQ23868">
        <v>20</v>
      </c>
    </row>
    <row r="23869" spans="1:43">
      <c r="A23869" t="s">
        <v>14775</v>
      </c>
      <c r="B23869" t="s">
        <v>14776</v>
      </c>
      <c r="C23869" t="s">
        <v>14765</v>
      </c>
      <c r="D23869" t="s">
        <v>14766</v>
      </c>
      <c r="E23869" t="s">
        <v>14535</v>
      </c>
      <c r="F23869" t="s">
        <v>14536</v>
      </c>
      <c r="G23869" t="s">
        <v>10734</v>
      </c>
      <c r="H23869" t="s">
        <v>10735</v>
      </c>
      <c r="I23869" s="2">
        <v>1</v>
      </c>
      <c r="J23869" s="2">
        <v>0</v>
      </c>
      <c r="K23869" s="2">
        <v>0</v>
      </c>
      <c r="L23869" t="s">
        <v>120</v>
      </c>
      <c r="M23869" t="s">
        <v>83</v>
      </c>
      <c r="N23869" t="s">
        <v>91</v>
      </c>
      <c r="O23869" t="s">
        <v>85</v>
      </c>
      <c r="P23869" t="s">
        <v>86</v>
      </c>
      <c r="Q23869">
        <v>20</v>
      </c>
      <c r="R23869">
        <v>20</v>
      </c>
      <c r="S23869">
        <v>20</v>
      </c>
      <c r="T23869">
        <v>20</v>
      </c>
      <c r="U23869">
        <v>20</v>
      </c>
      <c r="V23869">
        <v>20</v>
      </c>
      <c r="W23869">
        <v>20</v>
      </c>
      <c r="X23869">
        <v>20</v>
      </c>
      <c r="Y23869">
        <v>20</v>
      </c>
      <c r="Z23869">
        <v>20</v>
      </c>
      <c r="AA23869">
        <v>20</v>
      </c>
      <c r="AB23869">
        <v>20</v>
      </c>
      <c r="AC23869">
        <v>20</v>
      </c>
      <c r="AD23869">
        <v>20</v>
      </c>
      <c r="AE23869">
        <v>20</v>
      </c>
      <c r="AF23869">
        <v>20</v>
      </c>
      <c r="AG23869">
        <v>20</v>
      </c>
      <c r="AH23869">
        <v>20</v>
      </c>
      <c r="AI23869">
        <v>21</v>
      </c>
      <c r="AJ23869">
        <v>21</v>
      </c>
      <c r="AK23869">
        <v>21</v>
      </c>
      <c r="AL23869">
        <v>20</v>
      </c>
      <c r="AM23869">
        <v>20</v>
      </c>
      <c r="AN23869">
        <v>20</v>
      </c>
      <c r="AO23869">
        <v>20</v>
      </c>
      <c r="AP23869">
        <v>20</v>
      </c>
      <c r="AQ23869">
        <v>20</v>
      </c>
    </row>
    <row r="23870" spans="1:43">
      <c r="A23870" t="s">
        <v>14777</v>
      </c>
      <c r="B23870" t="s">
        <v>14778</v>
      </c>
      <c r="C23870" t="s">
        <v>14765</v>
      </c>
      <c r="D23870" t="s">
        <v>14766</v>
      </c>
      <c r="E23870" t="s">
        <v>14535</v>
      </c>
      <c r="F23870" t="s">
        <v>14536</v>
      </c>
      <c r="G23870" t="s">
        <v>10734</v>
      </c>
      <c r="H23870" t="s">
        <v>10735</v>
      </c>
      <c r="I23870" s="2">
        <v>1</v>
      </c>
      <c r="J23870" s="2">
        <v>0</v>
      </c>
      <c r="K23870" s="2">
        <v>0</v>
      </c>
      <c r="L23870" t="s">
        <v>120</v>
      </c>
      <c r="M23870" t="s">
        <v>83</v>
      </c>
      <c r="N23870" t="s">
        <v>84</v>
      </c>
      <c r="O23870" t="s">
        <v>85</v>
      </c>
      <c r="P23870" t="s">
        <v>86</v>
      </c>
      <c r="Q23870">
        <v>8</v>
      </c>
      <c r="R23870">
        <v>8</v>
      </c>
      <c r="S23870">
        <v>8</v>
      </c>
      <c r="T23870">
        <v>8</v>
      </c>
      <c r="U23870">
        <v>8</v>
      </c>
      <c r="V23870">
        <v>8</v>
      </c>
      <c r="W23870">
        <v>8</v>
      </c>
      <c r="X23870">
        <v>8</v>
      </c>
      <c r="Y23870">
        <v>8</v>
      </c>
      <c r="Z23870">
        <v>8</v>
      </c>
      <c r="AA23870">
        <v>8</v>
      </c>
      <c r="AB23870">
        <v>8</v>
      </c>
      <c r="AC23870">
        <v>8</v>
      </c>
      <c r="AD23870">
        <v>8</v>
      </c>
      <c r="AE23870">
        <v>8</v>
      </c>
      <c r="AF23870">
        <v>8</v>
      </c>
      <c r="AG23870">
        <v>8</v>
      </c>
      <c r="AH23870">
        <v>8</v>
      </c>
      <c r="AI23870">
        <v>8</v>
      </c>
      <c r="AJ23870">
        <v>8</v>
      </c>
      <c r="AK23870">
        <v>8</v>
      </c>
      <c r="AL23870">
        <v>8</v>
      </c>
      <c r="AM23870">
        <v>8</v>
      </c>
      <c r="AN23870">
        <v>8</v>
      </c>
      <c r="AO23870">
        <v>8</v>
      </c>
      <c r="AP23870">
        <v>8</v>
      </c>
      <c r="AQ23870">
        <v>8</v>
      </c>
    </row>
    <row r="23871" spans="1:43">
      <c r="A23871" t="s">
        <v>14777</v>
      </c>
      <c r="B23871" t="s">
        <v>14778</v>
      </c>
      <c r="C23871" t="s">
        <v>14765</v>
      </c>
      <c r="D23871" t="s">
        <v>14766</v>
      </c>
      <c r="E23871" t="s">
        <v>14535</v>
      </c>
      <c r="F23871" t="s">
        <v>14536</v>
      </c>
      <c r="G23871" t="s">
        <v>10734</v>
      </c>
      <c r="H23871" t="s">
        <v>10735</v>
      </c>
      <c r="I23871" s="2">
        <v>1</v>
      </c>
      <c r="J23871" s="2">
        <v>0</v>
      </c>
      <c r="K23871" s="2">
        <v>0</v>
      </c>
      <c r="L23871" t="s">
        <v>120</v>
      </c>
      <c r="M23871" t="s">
        <v>87</v>
      </c>
      <c r="N23871" t="s">
        <v>88</v>
      </c>
      <c r="O23871" t="s">
        <v>85</v>
      </c>
      <c r="P23871" t="s">
        <v>86</v>
      </c>
      <c r="Q23871">
        <v>8</v>
      </c>
      <c r="R23871">
        <v>8</v>
      </c>
      <c r="S23871">
        <v>8</v>
      </c>
      <c r="T23871">
        <v>8</v>
      </c>
      <c r="U23871">
        <v>8</v>
      </c>
      <c r="V23871">
        <v>8</v>
      </c>
      <c r="W23871">
        <v>8</v>
      </c>
      <c r="X23871">
        <v>8</v>
      </c>
      <c r="Y23871">
        <v>8</v>
      </c>
      <c r="Z23871">
        <v>8</v>
      </c>
      <c r="AA23871">
        <v>8</v>
      </c>
      <c r="AB23871">
        <v>8</v>
      </c>
      <c r="AC23871">
        <v>8</v>
      </c>
      <c r="AD23871">
        <v>7</v>
      </c>
      <c r="AE23871">
        <v>7</v>
      </c>
      <c r="AF23871">
        <v>7</v>
      </c>
      <c r="AG23871">
        <v>7</v>
      </c>
      <c r="AH23871">
        <v>7</v>
      </c>
      <c r="AI23871">
        <v>7</v>
      </c>
      <c r="AJ23871">
        <v>7</v>
      </c>
      <c r="AK23871">
        <v>7</v>
      </c>
      <c r="AL23871">
        <v>7</v>
      </c>
      <c r="AM23871">
        <v>7</v>
      </c>
      <c r="AN23871">
        <v>7</v>
      </c>
      <c r="AO23871">
        <v>7</v>
      </c>
      <c r="AP23871">
        <v>7</v>
      </c>
      <c r="AQ23871">
        <v>7</v>
      </c>
    </row>
    <row r="23872" spans="1:43">
      <c r="A23872" t="s">
        <v>14777</v>
      </c>
      <c r="B23872" t="s">
        <v>14778</v>
      </c>
      <c r="C23872" t="s">
        <v>14765</v>
      </c>
      <c r="D23872" t="s">
        <v>14766</v>
      </c>
      <c r="E23872" t="s">
        <v>14535</v>
      </c>
      <c r="F23872" t="s">
        <v>14536</v>
      </c>
      <c r="G23872" t="s">
        <v>10734</v>
      </c>
      <c r="H23872" t="s">
        <v>10735</v>
      </c>
      <c r="I23872" s="2">
        <v>1</v>
      </c>
      <c r="J23872" s="2">
        <v>0</v>
      </c>
      <c r="K23872" s="2">
        <v>0</v>
      </c>
      <c r="L23872" t="s">
        <v>120</v>
      </c>
      <c r="M23872" t="s">
        <v>89</v>
      </c>
      <c r="N23872" t="s">
        <v>90</v>
      </c>
      <c r="O23872" t="s">
        <v>85</v>
      </c>
      <c r="P23872" t="s">
        <v>86</v>
      </c>
      <c r="Q23872">
        <v>8</v>
      </c>
      <c r="R23872">
        <v>8</v>
      </c>
      <c r="S23872">
        <v>8</v>
      </c>
      <c r="T23872">
        <v>9</v>
      </c>
      <c r="U23872">
        <v>9</v>
      </c>
      <c r="V23872">
        <v>9</v>
      </c>
      <c r="W23872">
        <v>9</v>
      </c>
      <c r="X23872">
        <v>9</v>
      </c>
      <c r="Y23872">
        <v>9</v>
      </c>
      <c r="Z23872">
        <v>9</v>
      </c>
      <c r="AA23872">
        <v>9</v>
      </c>
      <c r="AB23872">
        <v>9</v>
      </c>
      <c r="AC23872">
        <v>9</v>
      </c>
      <c r="AD23872">
        <v>9</v>
      </c>
      <c r="AE23872">
        <v>9</v>
      </c>
      <c r="AF23872">
        <v>9</v>
      </c>
      <c r="AG23872">
        <v>9</v>
      </c>
      <c r="AH23872">
        <v>9</v>
      </c>
      <c r="AI23872">
        <v>9</v>
      </c>
      <c r="AJ23872">
        <v>9</v>
      </c>
      <c r="AK23872">
        <v>9</v>
      </c>
      <c r="AL23872">
        <v>9</v>
      </c>
      <c r="AM23872">
        <v>8</v>
      </c>
      <c r="AN23872">
        <v>8</v>
      </c>
      <c r="AO23872">
        <v>8</v>
      </c>
      <c r="AP23872">
        <v>8</v>
      </c>
      <c r="AQ23872">
        <v>8</v>
      </c>
    </row>
    <row r="23873" spans="1:43">
      <c r="A23873" t="s">
        <v>14777</v>
      </c>
      <c r="B23873" t="s">
        <v>14778</v>
      </c>
      <c r="C23873" t="s">
        <v>14765</v>
      </c>
      <c r="D23873" t="s">
        <v>14766</v>
      </c>
      <c r="E23873" t="s">
        <v>14535</v>
      </c>
      <c r="F23873" t="s">
        <v>14536</v>
      </c>
      <c r="G23873" t="s">
        <v>10734</v>
      </c>
      <c r="H23873" t="s">
        <v>10735</v>
      </c>
      <c r="I23873" s="2">
        <v>1</v>
      </c>
      <c r="J23873" s="2">
        <v>0</v>
      </c>
      <c r="K23873" s="2">
        <v>0</v>
      </c>
      <c r="L23873" t="s">
        <v>120</v>
      </c>
      <c r="M23873" t="s">
        <v>83</v>
      </c>
      <c r="N23873" t="s">
        <v>91</v>
      </c>
      <c r="O23873" t="s">
        <v>85</v>
      </c>
      <c r="P23873" t="s">
        <v>86</v>
      </c>
      <c r="Q23873">
        <v>8</v>
      </c>
      <c r="R23873">
        <v>8</v>
      </c>
      <c r="S23873">
        <v>8</v>
      </c>
      <c r="T23873">
        <v>8</v>
      </c>
      <c r="U23873">
        <v>8</v>
      </c>
      <c r="V23873">
        <v>8</v>
      </c>
      <c r="W23873">
        <v>8</v>
      </c>
      <c r="X23873">
        <v>8</v>
      </c>
      <c r="Y23873">
        <v>8</v>
      </c>
      <c r="Z23873">
        <v>8</v>
      </c>
      <c r="AA23873">
        <v>8</v>
      </c>
      <c r="AB23873">
        <v>8</v>
      </c>
      <c r="AC23873">
        <v>8</v>
      </c>
      <c r="AD23873">
        <v>8</v>
      </c>
      <c r="AE23873">
        <v>8</v>
      </c>
      <c r="AF23873">
        <v>8</v>
      </c>
      <c r="AG23873">
        <v>8</v>
      </c>
      <c r="AH23873">
        <v>8</v>
      </c>
      <c r="AI23873">
        <v>8</v>
      </c>
      <c r="AJ23873">
        <v>8</v>
      </c>
      <c r="AK23873">
        <v>8</v>
      </c>
      <c r="AL23873">
        <v>8</v>
      </c>
      <c r="AM23873">
        <v>8</v>
      </c>
      <c r="AN23873">
        <v>8</v>
      </c>
      <c r="AO23873">
        <v>8</v>
      </c>
      <c r="AP23873">
        <v>8</v>
      </c>
      <c r="AQ23873">
        <v>8</v>
      </c>
    </row>
    <row r="23874" spans="1:43">
      <c r="A23874" t="s">
        <v>14779</v>
      </c>
      <c r="B23874" t="s">
        <v>14780</v>
      </c>
      <c r="C23874" t="s">
        <v>14769</v>
      </c>
      <c r="D23874" t="s">
        <v>14770</v>
      </c>
      <c r="E23874" t="s">
        <v>14535</v>
      </c>
      <c r="F23874" t="s">
        <v>14536</v>
      </c>
      <c r="G23874" t="s">
        <v>10734</v>
      </c>
      <c r="H23874" t="s">
        <v>10735</v>
      </c>
      <c r="I23874" s="2">
        <v>1</v>
      </c>
      <c r="J23874" s="2">
        <v>0</v>
      </c>
      <c r="K23874" s="2">
        <v>0</v>
      </c>
      <c r="L23874" t="s">
        <v>120</v>
      </c>
      <c r="M23874" t="s">
        <v>83</v>
      </c>
      <c r="N23874" t="s">
        <v>84</v>
      </c>
      <c r="O23874" t="s">
        <v>85</v>
      </c>
      <c r="P23874" t="s">
        <v>86</v>
      </c>
      <c r="Q23874">
        <v>54</v>
      </c>
      <c r="R23874">
        <v>54</v>
      </c>
      <c r="S23874">
        <v>54</v>
      </c>
      <c r="T23874">
        <v>54</v>
      </c>
      <c r="U23874">
        <v>54</v>
      </c>
      <c r="V23874">
        <v>55</v>
      </c>
      <c r="W23874">
        <v>55</v>
      </c>
      <c r="X23874">
        <v>55</v>
      </c>
      <c r="Y23874">
        <v>55</v>
      </c>
      <c r="Z23874">
        <v>55</v>
      </c>
      <c r="AA23874">
        <v>55</v>
      </c>
      <c r="AB23874">
        <v>55</v>
      </c>
      <c r="AC23874">
        <v>55</v>
      </c>
      <c r="AD23874">
        <v>55</v>
      </c>
      <c r="AE23874">
        <v>55</v>
      </c>
      <c r="AF23874">
        <v>55</v>
      </c>
      <c r="AG23874">
        <v>55</v>
      </c>
      <c r="AH23874">
        <v>55</v>
      </c>
      <c r="AI23874">
        <v>55</v>
      </c>
      <c r="AJ23874">
        <v>56</v>
      </c>
      <c r="AK23874">
        <v>56</v>
      </c>
      <c r="AL23874">
        <v>55</v>
      </c>
      <c r="AM23874">
        <v>55</v>
      </c>
      <c r="AN23874">
        <v>54</v>
      </c>
      <c r="AO23874">
        <v>54</v>
      </c>
      <c r="AP23874">
        <v>54</v>
      </c>
      <c r="AQ23874">
        <v>53</v>
      </c>
    </row>
    <row r="23875" spans="1:43">
      <c r="A23875" t="s">
        <v>14779</v>
      </c>
      <c r="B23875" t="s">
        <v>14780</v>
      </c>
      <c r="C23875" t="s">
        <v>14769</v>
      </c>
      <c r="D23875" t="s">
        <v>14770</v>
      </c>
      <c r="E23875" t="s">
        <v>14535</v>
      </c>
      <c r="F23875" t="s">
        <v>14536</v>
      </c>
      <c r="G23875" t="s">
        <v>10734</v>
      </c>
      <c r="H23875" t="s">
        <v>10735</v>
      </c>
      <c r="I23875" s="2">
        <v>1</v>
      </c>
      <c r="J23875" s="2">
        <v>0</v>
      </c>
      <c r="K23875" s="2">
        <v>0</v>
      </c>
      <c r="L23875" t="s">
        <v>120</v>
      </c>
      <c r="M23875" t="s">
        <v>87</v>
      </c>
      <c r="N23875" t="s">
        <v>88</v>
      </c>
      <c r="O23875" t="s">
        <v>85</v>
      </c>
      <c r="P23875" t="s">
        <v>86</v>
      </c>
      <c r="Q23875">
        <v>54</v>
      </c>
      <c r="R23875">
        <v>54</v>
      </c>
      <c r="S23875">
        <v>54</v>
      </c>
      <c r="T23875">
        <v>53</v>
      </c>
      <c r="U23875">
        <v>53</v>
      </c>
      <c r="V23875">
        <v>53</v>
      </c>
      <c r="W23875">
        <v>52</v>
      </c>
      <c r="X23875">
        <v>52</v>
      </c>
      <c r="Y23875">
        <v>52</v>
      </c>
      <c r="Z23875">
        <v>51</v>
      </c>
      <c r="AA23875">
        <v>51</v>
      </c>
      <c r="AB23875">
        <v>51</v>
      </c>
      <c r="AC23875">
        <v>51</v>
      </c>
      <c r="AD23875">
        <v>50</v>
      </c>
      <c r="AE23875">
        <v>50</v>
      </c>
      <c r="AF23875">
        <v>50</v>
      </c>
      <c r="AG23875">
        <v>49</v>
      </c>
      <c r="AH23875">
        <v>49</v>
      </c>
      <c r="AI23875">
        <v>49</v>
      </c>
      <c r="AJ23875">
        <v>49</v>
      </c>
      <c r="AK23875">
        <v>48</v>
      </c>
      <c r="AL23875">
        <v>48</v>
      </c>
      <c r="AM23875">
        <v>48</v>
      </c>
      <c r="AN23875">
        <v>48</v>
      </c>
      <c r="AO23875">
        <v>48</v>
      </c>
      <c r="AP23875">
        <v>47</v>
      </c>
      <c r="AQ23875">
        <v>47</v>
      </c>
    </row>
    <row r="23876" spans="1:43">
      <c r="A23876" t="s">
        <v>14779</v>
      </c>
      <c r="B23876" t="s">
        <v>14780</v>
      </c>
      <c r="C23876" t="s">
        <v>14769</v>
      </c>
      <c r="D23876" t="s">
        <v>14770</v>
      </c>
      <c r="E23876" t="s">
        <v>14535</v>
      </c>
      <c r="F23876" t="s">
        <v>14536</v>
      </c>
      <c r="G23876" t="s">
        <v>10734</v>
      </c>
      <c r="H23876" t="s">
        <v>10735</v>
      </c>
      <c r="I23876" s="2">
        <v>1</v>
      </c>
      <c r="J23876" s="2">
        <v>0</v>
      </c>
      <c r="K23876" s="2">
        <v>0</v>
      </c>
      <c r="L23876" t="s">
        <v>120</v>
      </c>
      <c r="M23876" t="s">
        <v>89</v>
      </c>
      <c r="N23876" t="s">
        <v>90</v>
      </c>
      <c r="O23876" t="s">
        <v>85</v>
      </c>
      <c r="P23876" t="s">
        <v>86</v>
      </c>
      <c r="Q23876">
        <v>54</v>
      </c>
      <c r="R23876">
        <v>55</v>
      </c>
      <c r="S23876">
        <v>55</v>
      </c>
      <c r="T23876">
        <v>56</v>
      </c>
      <c r="U23876">
        <v>57</v>
      </c>
      <c r="V23876">
        <v>57</v>
      </c>
      <c r="W23876">
        <v>57</v>
      </c>
      <c r="X23876">
        <v>58</v>
      </c>
      <c r="Y23876">
        <v>58</v>
      </c>
      <c r="Z23876">
        <v>58</v>
      </c>
      <c r="AA23876">
        <v>59</v>
      </c>
      <c r="AB23876">
        <v>59</v>
      </c>
      <c r="AC23876">
        <v>59</v>
      </c>
      <c r="AD23876">
        <v>59</v>
      </c>
      <c r="AE23876">
        <v>59</v>
      </c>
      <c r="AF23876">
        <v>59</v>
      </c>
      <c r="AG23876">
        <v>58</v>
      </c>
      <c r="AH23876">
        <v>58</v>
      </c>
      <c r="AI23876">
        <v>57</v>
      </c>
      <c r="AJ23876">
        <v>57</v>
      </c>
      <c r="AK23876">
        <v>56</v>
      </c>
      <c r="AL23876">
        <v>56</v>
      </c>
      <c r="AM23876">
        <v>56</v>
      </c>
      <c r="AN23876">
        <v>55</v>
      </c>
      <c r="AO23876">
        <v>55</v>
      </c>
      <c r="AP23876">
        <v>54</v>
      </c>
      <c r="AQ23876">
        <v>54</v>
      </c>
    </row>
    <row r="23877" spans="1:43">
      <c r="A23877" t="s">
        <v>14779</v>
      </c>
      <c r="B23877" t="s">
        <v>14780</v>
      </c>
      <c r="C23877" t="s">
        <v>14769</v>
      </c>
      <c r="D23877" t="s">
        <v>14770</v>
      </c>
      <c r="E23877" t="s">
        <v>14535</v>
      </c>
      <c r="F23877" t="s">
        <v>14536</v>
      </c>
      <c r="G23877" t="s">
        <v>10734</v>
      </c>
      <c r="H23877" t="s">
        <v>10735</v>
      </c>
      <c r="I23877" s="2">
        <v>1</v>
      </c>
      <c r="J23877" s="2">
        <v>0</v>
      </c>
      <c r="K23877" s="2">
        <v>0</v>
      </c>
      <c r="L23877" t="s">
        <v>120</v>
      </c>
      <c r="M23877" t="s">
        <v>83</v>
      </c>
      <c r="N23877" t="s">
        <v>91</v>
      </c>
      <c r="O23877" t="s">
        <v>85</v>
      </c>
      <c r="P23877" t="s">
        <v>86</v>
      </c>
      <c r="Q23877">
        <v>54</v>
      </c>
      <c r="R23877">
        <v>54</v>
      </c>
      <c r="S23877">
        <v>54</v>
      </c>
      <c r="T23877">
        <v>54</v>
      </c>
      <c r="U23877">
        <v>54</v>
      </c>
      <c r="V23877">
        <v>55</v>
      </c>
      <c r="W23877">
        <v>55</v>
      </c>
      <c r="X23877">
        <v>55</v>
      </c>
      <c r="Y23877">
        <v>55</v>
      </c>
      <c r="Z23877">
        <v>55</v>
      </c>
      <c r="AA23877">
        <v>55</v>
      </c>
      <c r="AB23877">
        <v>55</v>
      </c>
      <c r="AC23877">
        <v>55</v>
      </c>
      <c r="AD23877">
        <v>55</v>
      </c>
      <c r="AE23877">
        <v>55</v>
      </c>
      <c r="AF23877">
        <v>55</v>
      </c>
      <c r="AG23877">
        <v>55</v>
      </c>
      <c r="AH23877">
        <v>55</v>
      </c>
      <c r="AI23877">
        <v>55</v>
      </c>
      <c r="AJ23877">
        <v>56</v>
      </c>
      <c r="AK23877">
        <v>56</v>
      </c>
      <c r="AL23877">
        <v>55</v>
      </c>
      <c r="AM23877">
        <v>55</v>
      </c>
      <c r="AN23877">
        <v>54</v>
      </c>
      <c r="AO23877">
        <v>54</v>
      </c>
      <c r="AP23877">
        <v>54</v>
      </c>
      <c r="AQ23877">
        <v>53</v>
      </c>
    </row>
    <row r="23878" spans="1:43">
      <c r="A23878" t="s">
        <v>14781</v>
      </c>
      <c r="B23878" t="s">
        <v>14782</v>
      </c>
      <c r="C23878" t="s">
        <v>14769</v>
      </c>
      <c r="D23878" t="s">
        <v>14770</v>
      </c>
      <c r="E23878" t="s">
        <v>14535</v>
      </c>
      <c r="F23878" t="s">
        <v>14536</v>
      </c>
      <c r="G23878" t="s">
        <v>10734</v>
      </c>
      <c r="H23878" t="s">
        <v>10735</v>
      </c>
      <c r="I23878" s="2">
        <v>1</v>
      </c>
      <c r="J23878" s="2">
        <v>0</v>
      </c>
      <c r="K23878" s="2">
        <v>0</v>
      </c>
      <c r="L23878" t="s">
        <v>120</v>
      </c>
      <c r="M23878" t="s">
        <v>83</v>
      </c>
      <c r="N23878" t="s">
        <v>84</v>
      </c>
      <c r="O23878" t="s">
        <v>85</v>
      </c>
      <c r="P23878" t="s">
        <v>86</v>
      </c>
      <c r="Q23878">
        <v>58</v>
      </c>
      <c r="R23878">
        <v>58</v>
      </c>
      <c r="S23878">
        <v>58</v>
      </c>
      <c r="T23878">
        <v>59</v>
      </c>
      <c r="U23878">
        <v>59</v>
      </c>
      <c r="V23878">
        <v>59</v>
      </c>
      <c r="W23878">
        <v>59</v>
      </c>
      <c r="X23878">
        <v>59</v>
      </c>
      <c r="Y23878">
        <v>59</v>
      </c>
      <c r="Z23878">
        <v>59</v>
      </c>
      <c r="AA23878">
        <v>59</v>
      </c>
      <c r="AB23878">
        <v>59</v>
      </c>
      <c r="AC23878">
        <v>60</v>
      </c>
      <c r="AD23878">
        <v>60</v>
      </c>
      <c r="AE23878">
        <v>60</v>
      </c>
      <c r="AF23878">
        <v>60</v>
      </c>
      <c r="AG23878">
        <v>60</v>
      </c>
      <c r="AH23878">
        <v>60</v>
      </c>
      <c r="AI23878">
        <v>60</v>
      </c>
      <c r="AJ23878">
        <v>60</v>
      </c>
      <c r="AK23878">
        <v>60</v>
      </c>
      <c r="AL23878">
        <v>60</v>
      </c>
      <c r="AM23878">
        <v>59</v>
      </c>
      <c r="AN23878">
        <v>59</v>
      </c>
      <c r="AO23878">
        <v>58</v>
      </c>
      <c r="AP23878">
        <v>58</v>
      </c>
      <c r="AQ23878">
        <v>58</v>
      </c>
    </row>
    <row r="23879" spans="1:43">
      <c r="A23879" t="s">
        <v>14781</v>
      </c>
      <c r="B23879" t="s">
        <v>14782</v>
      </c>
      <c r="C23879" t="s">
        <v>14769</v>
      </c>
      <c r="D23879" t="s">
        <v>14770</v>
      </c>
      <c r="E23879" t="s">
        <v>14535</v>
      </c>
      <c r="F23879" t="s">
        <v>14536</v>
      </c>
      <c r="G23879" t="s">
        <v>10734</v>
      </c>
      <c r="H23879" t="s">
        <v>10735</v>
      </c>
      <c r="I23879" s="2">
        <v>1</v>
      </c>
      <c r="J23879" s="2">
        <v>0</v>
      </c>
      <c r="K23879" s="2">
        <v>0</v>
      </c>
      <c r="L23879" t="s">
        <v>120</v>
      </c>
      <c r="M23879" t="s">
        <v>87</v>
      </c>
      <c r="N23879" t="s">
        <v>88</v>
      </c>
      <c r="O23879" t="s">
        <v>85</v>
      </c>
      <c r="P23879" t="s">
        <v>86</v>
      </c>
      <c r="Q23879">
        <v>58</v>
      </c>
      <c r="R23879">
        <v>57</v>
      </c>
      <c r="S23879">
        <v>57</v>
      </c>
      <c r="T23879">
        <v>57</v>
      </c>
      <c r="U23879">
        <v>56</v>
      </c>
      <c r="V23879">
        <v>56</v>
      </c>
      <c r="W23879">
        <v>55</v>
      </c>
      <c r="X23879">
        <v>55</v>
      </c>
      <c r="Y23879">
        <v>55</v>
      </c>
      <c r="Z23879">
        <v>54</v>
      </c>
      <c r="AA23879">
        <v>54</v>
      </c>
      <c r="AB23879">
        <v>54</v>
      </c>
      <c r="AC23879">
        <v>54</v>
      </c>
      <c r="AD23879">
        <v>53</v>
      </c>
      <c r="AE23879">
        <v>53</v>
      </c>
      <c r="AF23879">
        <v>53</v>
      </c>
      <c r="AG23879">
        <v>52</v>
      </c>
      <c r="AH23879">
        <v>52</v>
      </c>
      <c r="AI23879">
        <v>52</v>
      </c>
      <c r="AJ23879">
        <v>52</v>
      </c>
      <c r="AK23879">
        <v>51</v>
      </c>
      <c r="AL23879">
        <v>51</v>
      </c>
      <c r="AM23879">
        <v>51</v>
      </c>
      <c r="AN23879">
        <v>51</v>
      </c>
      <c r="AO23879">
        <v>50</v>
      </c>
      <c r="AP23879">
        <v>50</v>
      </c>
      <c r="AQ23879">
        <v>50</v>
      </c>
    </row>
    <row r="23880" spans="1:43">
      <c r="A23880" t="s">
        <v>14781</v>
      </c>
      <c r="B23880" t="s">
        <v>14782</v>
      </c>
      <c r="C23880" t="s">
        <v>14769</v>
      </c>
      <c r="D23880" t="s">
        <v>14770</v>
      </c>
      <c r="E23880" t="s">
        <v>14535</v>
      </c>
      <c r="F23880" t="s">
        <v>14536</v>
      </c>
      <c r="G23880" t="s">
        <v>10734</v>
      </c>
      <c r="H23880" t="s">
        <v>10735</v>
      </c>
      <c r="I23880" s="2">
        <v>1</v>
      </c>
      <c r="J23880" s="2">
        <v>0</v>
      </c>
      <c r="K23880" s="2">
        <v>0</v>
      </c>
      <c r="L23880" t="s">
        <v>120</v>
      </c>
      <c r="M23880" t="s">
        <v>89</v>
      </c>
      <c r="N23880" t="s">
        <v>90</v>
      </c>
      <c r="O23880" t="s">
        <v>85</v>
      </c>
      <c r="P23880" t="s">
        <v>86</v>
      </c>
      <c r="Q23880">
        <v>58</v>
      </c>
      <c r="R23880">
        <v>58</v>
      </c>
      <c r="S23880">
        <v>59</v>
      </c>
      <c r="T23880">
        <v>60</v>
      </c>
      <c r="U23880">
        <v>60</v>
      </c>
      <c r="V23880">
        <v>61</v>
      </c>
      <c r="W23880">
        <v>61</v>
      </c>
      <c r="X23880">
        <v>61</v>
      </c>
      <c r="Y23880">
        <v>62</v>
      </c>
      <c r="Z23880">
        <v>62</v>
      </c>
      <c r="AA23880">
        <v>62</v>
      </c>
      <c r="AB23880">
        <v>63</v>
      </c>
      <c r="AC23880">
        <v>63</v>
      </c>
      <c r="AD23880">
        <v>63</v>
      </c>
      <c r="AE23880">
        <v>63</v>
      </c>
      <c r="AF23880">
        <v>63</v>
      </c>
      <c r="AG23880">
        <v>62</v>
      </c>
      <c r="AH23880">
        <v>61</v>
      </c>
      <c r="AI23880">
        <v>61</v>
      </c>
      <c r="AJ23880">
        <v>60</v>
      </c>
      <c r="AK23880">
        <v>60</v>
      </c>
      <c r="AL23880">
        <v>60</v>
      </c>
      <c r="AM23880">
        <v>59</v>
      </c>
      <c r="AN23880">
        <v>59</v>
      </c>
      <c r="AO23880">
        <v>58</v>
      </c>
      <c r="AP23880">
        <v>58</v>
      </c>
      <c r="AQ23880">
        <v>57</v>
      </c>
    </row>
    <row r="23881" spans="1:43">
      <c r="A23881" t="s">
        <v>14781</v>
      </c>
      <c r="B23881" t="s">
        <v>14782</v>
      </c>
      <c r="C23881" t="s">
        <v>14769</v>
      </c>
      <c r="D23881" t="s">
        <v>14770</v>
      </c>
      <c r="E23881" t="s">
        <v>14535</v>
      </c>
      <c r="F23881" t="s">
        <v>14536</v>
      </c>
      <c r="G23881" t="s">
        <v>10734</v>
      </c>
      <c r="H23881" t="s">
        <v>10735</v>
      </c>
      <c r="I23881" s="2">
        <v>1</v>
      </c>
      <c r="J23881" s="2">
        <v>0</v>
      </c>
      <c r="K23881" s="2">
        <v>0</v>
      </c>
      <c r="L23881" t="s">
        <v>120</v>
      </c>
      <c r="M23881" t="s">
        <v>83</v>
      </c>
      <c r="N23881" t="s">
        <v>91</v>
      </c>
      <c r="O23881" t="s">
        <v>85</v>
      </c>
      <c r="P23881" t="s">
        <v>86</v>
      </c>
      <c r="Q23881">
        <v>58</v>
      </c>
      <c r="R23881">
        <v>58</v>
      </c>
      <c r="S23881">
        <v>58</v>
      </c>
      <c r="T23881">
        <v>59</v>
      </c>
      <c r="U23881">
        <v>59</v>
      </c>
      <c r="V23881">
        <v>59</v>
      </c>
      <c r="W23881">
        <v>59</v>
      </c>
      <c r="X23881">
        <v>59</v>
      </c>
      <c r="Y23881">
        <v>59</v>
      </c>
      <c r="Z23881">
        <v>59</v>
      </c>
      <c r="AA23881">
        <v>59</v>
      </c>
      <c r="AB23881">
        <v>59</v>
      </c>
      <c r="AC23881">
        <v>60</v>
      </c>
      <c r="AD23881">
        <v>60</v>
      </c>
      <c r="AE23881">
        <v>60</v>
      </c>
      <c r="AF23881">
        <v>60</v>
      </c>
      <c r="AG23881">
        <v>60</v>
      </c>
      <c r="AH23881">
        <v>60</v>
      </c>
      <c r="AI23881">
        <v>60</v>
      </c>
      <c r="AJ23881">
        <v>60</v>
      </c>
      <c r="AK23881">
        <v>60</v>
      </c>
      <c r="AL23881">
        <v>60</v>
      </c>
      <c r="AM23881">
        <v>59</v>
      </c>
      <c r="AN23881">
        <v>59</v>
      </c>
      <c r="AO23881">
        <v>58</v>
      </c>
      <c r="AP23881">
        <v>58</v>
      </c>
      <c r="AQ23881">
        <v>58</v>
      </c>
    </row>
    <row r="23882" spans="1:43">
      <c r="A23882" t="s">
        <v>14783</v>
      </c>
      <c r="B23882" t="s">
        <v>14784</v>
      </c>
      <c r="C23882" t="s">
        <v>14757</v>
      </c>
      <c r="D23882" t="s">
        <v>14758</v>
      </c>
      <c r="E23882" t="s">
        <v>14535</v>
      </c>
      <c r="F23882" t="s">
        <v>14536</v>
      </c>
      <c r="G23882" t="s">
        <v>10734</v>
      </c>
      <c r="H23882" t="s">
        <v>10735</v>
      </c>
      <c r="I23882" s="2">
        <v>1</v>
      </c>
      <c r="J23882" s="2">
        <v>0</v>
      </c>
      <c r="K23882" s="2">
        <v>0</v>
      </c>
      <c r="L23882" t="s">
        <v>120</v>
      </c>
      <c r="M23882" t="s">
        <v>83</v>
      </c>
      <c r="N23882" t="s">
        <v>84</v>
      </c>
      <c r="O23882" t="s">
        <v>85</v>
      </c>
      <c r="P23882" t="s">
        <v>86</v>
      </c>
      <c r="Q23882">
        <v>19</v>
      </c>
      <c r="R23882">
        <v>19</v>
      </c>
      <c r="S23882">
        <v>19</v>
      </c>
      <c r="T23882">
        <v>19</v>
      </c>
      <c r="U23882">
        <v>20</v>
      </c>
      <c r="V23882">
        <v>20</v>
      </c>
      <c r="W23882">
        <v>20</v>
      </c>
      <c r="X23882">
        <v>20</v>
      </c>
      <c r="Y23882">
        <v>20</v>
      </c>
      <c r="Z23882">
        <v>20</v>
      </c>
      <c r="AA23882">
        <v>20</v>
      </c>
      <c r="AB23882">
        <v>20</v>
      </c>
      <c r="AC23882">
        <v>20</v>
      </c>
      <c r="AD23882">
        <v>20</v>
      </c>
      <c r="AE23882">
        <v>20</v>
      </c>
      <c r="AF23882">
        <v>20</v>
      </c>
      <c r="AG23882">
        <v>20</v>
      </c>
      <c r="AH23882">
        <v>20</v>
      </c>
      <c r="AI23882">
        <v>20</v>
      </c>
      <c r="AJ23882">
        <v>20</v>
      </c>
      <c r="AK23882">
        <v>20</v>
      </c>
      <c r="AL23882">
        <v>20</v>
      </c>
      <c r="AM23882">
        <v>20</v>
      </c>
      <c r="AN23882">
        <v>20</v>
      </c>
      <c r="AO23882">
        <v>20</v>
      </c>
      <c r="AP23882">
        <v>20</v>
      </c>
      <c r="AQ23882">
        <v>20</v>
      </c>
    </row>
    <row r="23883" spans="1:43">
      <c r="A23883" t="s">
        <v>14783</v>
      </c>
      <c r="B23883" t="s">
        <v>14784</v>
      </c>
      <c r="C23883" t="s">
        <v>14757</v>
      </c>
      <c r="D23883" t="s">
        <v>14758</v>
      </c>
      <c r="E23883" t="s">
        <v>14535</v>
      </c>
      <c r="F23883" t="s">
        <v>14536</v>
      </c>
      <c r="G23883" t="s">
        <v>10734</v>
      </c>
      <c r="H23883" t="s">
        <v>10735</v>
      </c>
      <c r="I23883" s="2">
        <v>1</v>
      </c>
      <c r="J23883" s="2">
        <v>0</v>
      </c>
      <c r="K23883" s="2">
        <v>0</v>
      </c>
      <c r="L23883" t="s">
        <v>120</v>
      </c>
      <c r="M23883" t="s">
        <v>87</v>
      </c>
      <c r="N23883" t="s">
        <v>88</v>
      </c>
      <c r="O23883" t="s">
        <v>85</v>
      </c>
      <c r="P23883" t="s">
        <v>86</v>
      </c>
      <c r="Q23883">
        <v>19</v>
      </c>
      <c r="R23883">
        <v>19</v>
      </c>
      <c r="S23883">
        <v>19</v>
      </c>
      <c r="T23883">
        <v>19</v>
      </c>
      <c r="U23883">
        <v>19</v>
      </c>
      <c r="V23883">
        <v>19</v>
      </c>
      <c r="W23883">
        <v>19</v>
      </c>
      <c r="X23883">
        <v>18</v>
      </c>
      <c r="Y23883">
        <v>18</v>
      </c>
      <c r="Z23883">
        <v>18</v>
      </c>
      <c r="AA23883">
        <v>18</v>
      </c>
      <c r="AB23883">
        <v>18</v>
      </c>
      <c r="AC23883">
        <v>18</v>
      </c>
      <c r="AD23883">
        <v>18</v>
      </c>
      <c r="AE23883">
        <v>18</v>
      </c>
      <c r="AF23883">
        <v>18</v>
      </c>
      <c r="AG23883">
        <v>18</v>
      </c>
      <c r="AH23883">
        <v>18</v>
      </c>
      <c r="AI23883">
        <v>18</v>
      </c>
      <c r="AJ23883">
        <v>18</v>
      </c>
      <c r="AK23883">
        <v>18</v>
      </c>
      <c r="AL23883">
        <v>17</v>
      </c>
      <c r="AM23883">
        <v>17</v>
      </c>
      <c r="AN23883">
        <v>17</v>
      </c>
      <c r="AO23883">
        <v>17</v>
      </c>
      <c r="AP23883">
        <v>17</v>
      </c>
      <c r="AQ23883">
        <v>17</v>
      </c>
    </row>
    <row r="23884" spans="1:43">
      <c r="A23884" t="s">
        <v>14783</v>
      </c>
      <c r="B23884" t="s">
        <v>14784</v>
      </c>
      <c r="C23884" t="s">
        <v>14757</v>
      </c>
      <c r="D23884" t="s">
        <v>14758</v>
      </c>
      <c r="E23884" t="s">
        <v>14535</v>
      </c>
      <c r="F23884" t="s">
        <v>14536</v>
      </c>
      <c r="G23884" t="s">
        <v>10734</v>
      </c>
      <c r="H23884" t="s">
        <v>10735</v>
      </c>
      <c r="I23884" s="2">
        <v>1</v>
      </c>
      <c r="J23884" s="2">
        <v>0</v>
      </c>
      <c r="K23884" s="2">
        <v>0</v>
      </c>
      <c r="L23884" t="s">
        <v>120</v>
      </c>
      <c r="M23884" t="s">
        <v>89</v>
      </c>
      <c r="N23884" t="s">
        <v>90</v>
      </c>
      <c r="O23884" t="s">
        <v>85</v>
      </c>
      <c r="P23884" t="s">
        <v>86</v>
      </c>
      <c r="Q23884">
        <v>19</v>
      </c>
      <c r="R23884">
        <v>20</v>
      </c>
      <c r="S23884">
        <v>20</v>
      </c>
      <c r="T23884">
        <v>20</v>
      </c>
      <c r="U23884">
        <v>20</v>
      </c>
      <c r="V23884">
        <v>21</v>
      </c>
      <c r="W23884">
        <v>21</v>
      </c>
      <c r="X23884">
        <v>21</v>
      </c>
      <c r="Y23884">
        <v>21</v>
      </c>
      <c r="Z23884">
        <v>21</v>
      </c>
      <c r="AA23884">
        <v>21</v>
      </c>
      <c r="AB23884">
        <v>21</v>
      </c>
      <c r="AC23884">
        <v>21</v>
      </c>
      <c r="AD23884">
        <v>22</v>
      </c>
      <c r="AE23884">
        <v>22</v>
      </c>
      <c r="AF23884">
        <v>21</v>
      </c>
      <c r="AG23884">
        <v>21</v>
      </c>
      <c r="AH23884">
        <v>21</v>
      </c>
      <c r="AI23884">
        <v>21</v>
      </c>
      <c r="AJ23884">
        <v>21</v>
      </c>
      <c r="AK23884">
        <v>21</v>
      </c>
      <c r="AL23884">
        <v>21</v>
      </c>
      <c r="AM23884">
        <v>21</v>
      </c>
      <c r="AN23884">
        <v>21</v>
      </c>
      <c r="AO23884">
        <v>20</v>
      </c>
      <c r="AP23884">
        <v>20</v>
      </c>
      <c r="AQ23884">
        <v>20</v>
      </c>
    </row>
    <row r="23885" spans="1:43">
      <c r="A23885" t="s">
        <v>14783</v>
      </c>
      <c r="B23885" t="s">
        <v>14784</v>
      </c>
      <c r="C23885" t="s">
        <v>14757</v>
      </c>
      <c r="D23885" t="s">
        <v>14758</v>
      </c>
      <c r="E23885" t="s">
        <v>14535</v>
      </c>
      <c r="F23885" t="s">
        <v>14536</v>
      </c>
      <c r="G23885" t="s">
        <v>10734</v>
      </c>
      <c r="H23885" t="s">
        <v>10735</v>
      </c>
      <c r="I23885" s="2">
        <v>1</v>
      </c>
      <c r="J23885" s="2">
        <v>0</v>
      </c>
      <c r="K23885" s="2">
        <v>0</v>
      </c>
      <c r="L23885" t="s">
        <v>120</v>
      </c>
      <c r="M23885" t="s">
        <v>83</v>
      </c>
      <c r="N23885" t="s">
        <v>91</v>
      </c>
      <c r="O23885" t="s">
        <v>85</v>
      </c>
      <c r="P23885" t="s">
        <v>86</v>
      </c>
      <c r="Q23885">
        <v>19</v>
      </c>
      <c r="R23885">
        <v>19</v>
      </c>
      <c r="S23885">
        <v>19</v>
      </c>
      <c r="T23885">
        <v>19</v>
      </c>
      <c r="U23885">
        <v>20</v>
      </c>
      <c r="V23885">
        <v>20</v>
      </c>
      <c r="W23885">
        <v>20</v>
      </c>
      <c r="X23885">
        <v>20</v>
      </c>
      <c r="Y23885">
        <v>20</v>
      </c>
      <c r="Z23885">
        <v>20</v>
      </c>
      <c r="AA23885">
        <v>20</v>
      </c>
      <c r="AB23885">
        <v>20</v>
      </c>
      <c r="AC23885">
        <v>20</v>
      </c>
      <c r="AD23885">
        <v>20</v>
      </c>
      <c r="AE23885">
        <v>20</v>
      </c>
      <c r="AF23885">
        <v>20</v>
      </c>
      <c r="AG23885">
        <v>20</v>
      </c>
      <c r="AH23885">
        <v>20</v>
      </c>
      <c r="AI23885">
        <v>20</v>
      </c>
      <c r="AJ23885">
        <v>20</v>
      </c>
      <c r="AK23885">
        <v>20</v>
      </c>
      <c r="AL23885">
        <v>20</v>
      </c>
      <c r="AM23885">
        <v>20</v>
      </c>
      <c r="AN23885">
        <v>20</v>
      </c>
      <c r="AO23885">
        <v>20</v>
      </c>
      <c r="AP23885">
        <v>20</v>
      </c>
      <c r="AQ23885">
        <v>20</v>
      </c>
    </row>
    <row r="23886" spans="1:43">
      <c r="A23886" t="s">
        <v>14785</v>
      </c>
      <c r="B23886" t="s">
        <v>14786</v>
      </c>
      <c r="C23886" t="s">
        <v>14757</v>
      </c>
      <c r="D23886" t="s">
        <v>14758</v>
      </c>
      <c r="E23886" t="s">
        <v>14535</v>
      </c>
      <c r="F23886" t="s">
        <v>14536</v>
      </c>
      <c r="G23886" t="s">
        <v>10734</v>
      </c>
      <c r="H23886" t="s">
        <v>10735</v>
      </c>
      <c r="I23886" s="2">
        <v>1</v>
      </c>
      <c r="J23886" s="2">
        <v>0</v>
      </c>
      <c r="K23886" s="2">
        <v>0</v>
      </c>
      <c r="L23886" t="s">
        <v>120</v>
      </c>
      <c r="M23886" t="s">
        <v>83</v>
      </c>
      <c r="N23886" t="s">
        <v>84</v>
      </c>
      <c r="O23886" t="s">
        <v>85</v>
      </c>
      <c r="P23886" t="s">
        <v>86</v>
      </c>
      <c r="Q23886">
        <v>9</v>
      </c>
      <c r="R23886">
        <v>9</v>
      </c>
      <c r="S23886">
        <v>9</v>
      </c>
      <c r="T23886">
        <v>9</v>
      </c>
      <c r="U23886">
        <v>9</v>
      </c>
      <c r="V23886">
        <v>9</v>
      </c>
      <c r="W23886">
        <v>10</v>
      </c>
      <c r="X23886">
        <v>10</v>
      </c>
      <c r="Y23886">
        <v>10</v>
      </c>
      <c r="Z23886">
        <v>10</v>
      </c>
      <c r="AA23886">
        <v>10</v>
      </c>
      <c r="AB23886">
        <v>10</v>
      </c>
      <c r="AC23886">
        <v>10</v>
      </c>
      <c r="AD23886">
        <v>10</v>
      </c>
      <c r="AE23886">
        <v>10</v>
      </c>
      <c r="AF23886">
        <v>10</v>
      </c>
      <c r="AG23886">
        <v>10</v>
      </c>
      <c r="AH23886">
        <v>10</v>
      </c>
      <c r="AI23886">
        <v>10</v>
      </c>
      <c r="AJ23886">
        <v>10</v>
      </c>
      <c r="AK23886">
        <v>10</v>
      </c>
      <c r="AL23886">
        <v>10</v>
      </c>
      <c r="AM23886">
        <v>10</v>
      </c>
      <c r="AN23886">
        <v>10</v>
      </c>
      <c r="AO23886">
        <v>10</v>
      </c>
      <c r="AP23886">
        <v>10</v>
      </c>
      <c r="AQ23886">
        <v>10</v>
      </c>
    </row>
    <row r="23887" spans="1:43">
      <c r="A23887" t="s">
        <v>14785</v>
      </c>
      <c r="B23887" t="s">
        <v>14786</v>
      </c>
      <c r="C23887" t="s">
        <v>14757</v>
      </c>
      <c r="D23887" t="s">
        <v>14758</v>
      </c>
      <c r="E23887" t="s">
        <v>14535</v>
      </c>
      <c r="F23887" t="s">
        <v>14536</v>
      </c>
      <c r="G23887" t="s">
        <v>10734</v>
      </c>
      <c r="H23887" t="s">
        <v>10735</v>
      </c>
      <c r="I23887" s="2">
        <v>1</v>
      </c>
      <c r="J23887" s="2">
        <v>0</v>
      </c>
      <c r="K23887" s="2">
        <v>0</v>
      </c>
      <c r="L23887" t="s">
        <v>120</v>
      </c>
      <c r="M23887" t="s">
        <v>87</v>
      </c>
      <c r="N23887" t="s">
        <v>88</v>
      </c>
      <c r="O23887" t="s">
        <v>85</v>
      </c>
      <c r="P23887" t="s">
        <v>86</v>
      </c>
      <c r="Q23887">
        <v>9</v>
      </c>
      <c r="R23887">
        <v>9</v>
      </c>
      <c r="S23887">
        <v>9</v>
      </c>
      <c r="T23887">
        <v>9</v>
      </c>
      <c r="U23887">
        <v>9</v>
      </c>
      <c r="V23887">
        <v>9</v>
      </c>
      <c r="W23887">
        <v>9</v>
      </c>
      <c r="X23887">
        <v>9</v>
      </c>
      <c r="Y23887">
        <v>9</v>
      </c>
      <c r="Z23887">
        <v>9</v>
      </c>
      <c r="AA23887">
        <v>9</v>
      </c>
      <c r="AB23887">
        <v>9</v>
      </c>
      <c r="AC23887">
        <v>9</v>
      </c>
      <c r="AD23887">
        <v>9</v>
      </c>
      <c r="AE23887">
        <v>9</v>
      </c>
      <c r="AF23887">
        <v>9</v>
      </c>
      <c r="AG23887">
        <v>9</v>
      </c>
      <c r="AH23887">
        <v>9</v>
      </c>
      <c r="AI23887">
        <v>8</v>
      </c>
      <c r="AJ23887">
        <v>8</v>
      </c>
      <c r="AK23887">
        <v>8</v>
      </c>
      <c r="AL23887">
        <v>8</v>
      </c>
      <c r="AM23887">
        <v>8</v>
      </c>
      <c r="AN23887">
        <v>8</v>
      </c>
      <c r="AO23887">
        <v>8</v>
      </c>
      <c r="AP23887">
        <v>8</v>
      </c>
      <c r="AQ23887">
        <v>8</v>
      </c>
    </row>
    <row r="23888" spans="1:43">
      <c r="A23888" t="s">
        <v>14785</v>
      </c>
      <c r="B23888" t="s">
        <v>14786</v>
      </c>
      <c r="C23888" t="s">
        <v>14757</v>
      </c>
      <c r="D23888" t="s">
        <v>14758</v>
      </c>
      <c r="E23888" t="s">
        <v>14535</v>
      </c>
      <c r="F23888" t="s">
        <v>14536</v>
      </c>
      <c r="G23888" t="s">
        <v>10734</v>
      </c>
      <c r="H23888" t="s">
        <v>10735</v>
      </c>
      <c r="I23888" s="2">
        <v>1</v>
      </c>
      <c r="J23888" s="2">
        <v>0</v>
      </c>
      <c r="K23888" s="2">
        <v>0</v>
      </c>
      <c r="L23888" t="s">
        <v>120</v>
      </c>
      <c r="M23888" t="s">
        <v>89</v>
      </c>
      <c r="N23888" t="s">
        <v>90</v>
      </c>
      <c r="O23888" t="s">
        <v>85</v>
      </c>
      <c r="P23888" t="s">
        <v>86</v>
      </c>
      <c r="Q23888">
        <v>9</v>
      </c>
      <c r="R23888">
        <v>9</v>
      </c>
      <c r="S23888">
        <v>10</v>
      </c>
      <c r="T23888">
        <v>10</v>
      </c>
      <c r="U23888">
        <v>10</v>
      </c>
      <c r="V23888">
        <v>10</v>
      </c>
      <c r="W23888">
        <v>10</v>
      </c>
      <c r="X23888">
        <v>10</v>
      </c>
      <c r="Y23888">
        <v>10</v>
      </c>
      <c r="Z23888">
        <v>10</v>
      </c>
      <c r="AA23888">
        <v>10</v>
      </c>
      <c r="AB23888">
        <v>10</v>
      </c>
      <c r="AC23888">
        <v>10</v>
      </c>
      <c r="AD23888">
        <v>10</v>
      </c>
      <c r="AE23888">
        <v>10</v>
      </c>
      <c r="AF23888">
        <v>10</v>
      </c>
      <c r="AG23888">
        <v>10</v>
      </c>
      <c r="AH23888">
        <v>10</v>
      </c>
      <c r="AI23888">
        <v>10</v>
      </c>
      <c r="AJ23888">
        <v>10</v>
      </c>
      <c r="AK23888">
        <v>10</v>
      </c>
      <c r="AL23888">
        <v>10</v>
      </c>
      <c r="AM23888">
        <v>10</v>
      </c>
      <c r="AN23888">
        <v>10</v>
      </c>
      <c r="AO23888">
        <v>10</v>
      </c>
      <c r="AP23888">
        <v>10</v>
      </c>
      <c r="AQ23888">
        <v>10</v>
      </c>
    </row>
    <row r="23889" spans="1:43">
      <c r="A23889" t="s">
        <v>14785</v>
      </c>
      <c r="B23889" t="s">
        <v>14786</v>
      </c>
      <c r="C23889" t="s">
        <v>14757</v>
      </c>
      <c r="D23889" t="s">
        <v>14758</v>
      </c>
      <c r="E23889" t="s">
        <v>14535</v>
      </c>
      <c r="F23889" t="s">
        <v>14536</v>
      </c>
      <c r="G23889" t="s">
        <v>10734</v>
      </c>
      <c r="H23889" t="s">
        <v>10735</v>
      </c>
      <c r="I23889" s="2">
        <v>1</v>
      </c>
      <c r="J23889" s="2">
        <v>0</v>
      </c>
      <c r="K23889" s="2">
        <v>0</v>
      </c>
      <c r="L23889" t="s">
        <v>120</v>
      </c>
      <c r="M23889" t="s">
        <v>83</v>
      </c>
      <c r="N23889" t="s">
        <v>91</v>
      </c>
      <c r="O23889" t="s">
        <v>85</v>
      </c>
      <c r="P23889" t="s">
        <v>86</v>
      </c>
      <c r="Q23889">
        <v>9</v>
      </c>
      <c r="R23889">
        <v>9</v>
      </c>
      <c r="S23889">
        <v>9</v>
      </c>
      <c r="T23889">
        <v>9</v>
      </c>
      <c r="U23889">
        <v>9</v>
      </c>
      <c r="V23889">
        <v>9</v>
      </c>
      <c r="W23889">
        <v>10</v>
      </c>
      <c r="X23889">
        <v>10</v>
      </c>
      <c r="Y23889">
        <v>10</v>
      </c>
      <c r="Z23889">
        <v>10</v>
      </c>
      <c r="AA23889">
        <v>10</v>
      </c>
      <c r="AB23889">
        <v>10</v>
      </c>
      <c r="AC23889">
        <v>10</v>
      </c>
      <c r="AD23889">
        <v>10</v>
      </c>
      <c r="AE23889">
        <v>10</v>
      </c>
      <c r="AF23889">
        <v>10</v>
      </c>
      <c r="AG23889">
        <v>10</v>
      </c>
      <c r="AH23889">
        <v>10</v>
      </c>
      <c r="AI23889">
        <v>10</v>
      </c>
      <c r="AJ23889">
        <v>10</v>
      </c>
      <c r="AK23889">
        <v>10</v>
      </c>
      <c r="AL23889">
        <v>10</v>
      </c>
      <c r="AM23889">
        <v>10</v>
      </c>
      <c r="AN23889">
        <v>10</v>
      </c>
      <c r="AO23889">
        <v>10</v>
      </c>
      <c r="AP23889">
        <v>10</v>
      </c>
      <c r="AQ23889">
        <v>10</v>
      </c>
    </row>
    <row r="23890" spans="1:43">
      <c r="A23890" t="s">
        <v>14787</v>
      </c>
      <c r="B23890" t="s">
        <v>14788</v>
      </c>
      <c r="C23890" t="s">
        <v>14757</v>
      </c>
      <c r="D23890" t="s">
        <v>14758</v>
      </c>
      <c r="E23890" t="s">
        <v>14535</v>
      </c>
      <c r="F23890" t="s">
        <v>14536</v>
      </c>
      <c r="G23890" t="s">
        <v>10734</v>
      </c>
      <c r="H23890" t="s">
        <v>10735</v>
      </c>
      <c r="I23890" s="2">
        <v>1</v>
      </c>
      <c r="J23890" s="2">
        <v>0</v>
      </c>
      <c r="K23890" s="2">
        <v>0</v>
      </c>
      <c r="L23890" t="s">
        <v>120</v>
      </c>
      <c r="M23890" t="s">
        <v>83</v>
      </c>
      <c r="N23890" t="s">
        <v>84</v>
      </c>
      <c r="O23890" t="s">
        <v>85</v>
      </c>
      <c r="P23890" t="s">
        <v>86</v>
      </c>
      <c r="Q23890">
        <v>32</v>
      </c>
      <c r="R23890">
        <v>32</v>
      </c>
      <c r="S23890">
        <v>32</v>
      </c>
      <c r="T23890">
        <v>32</v>
      </c>
      <c r="U23890">
        <v>32</v>
      </c>
      <c r="V23890">
        <v>32</v>
      </c>
      <c r="W23890">
        <v>32</v>
      </c>
      <c r="X23890">
        <v>32</v>
      </c>
      <c r="Y23890">
        <v>32</v>
      </c>
      <c r="Z23890">
        <v>32</v>
      </c>
      <c r="AA23890">
        <v>32</v>
      </c>
      <c r="AB23890">
        <v>32</v>
      </c>
      <c r="AC23890">
        <v>33</v>
      </c>
      <c r="AD23890">
        <v>33</v>
      </c>
      <c r="AE23890">
        <v>33</v>
      </c>
      <c r="AF23890">
        <v>33</v>
      </c>
      <c r="AG23890">
        <v>33</v>
      </c>
      <c r="AH23890">
        <v>33</v>
      </c>
      <c r="AI23890">
        <v>33</v>
      </c>
      <c r="AJ23890">
        <v>33</v>
      </c>
      <c r="AK23890">
        <v>33</v>
      </c>
      <c r="AL23890">
        <v>33</v>
      </c>
      <c r="AM23890">
        <v>32</v>
      </c>
      <c r="AN23890">
        <v>32</v>
      </c>
      <c r="AO23890">
        <v>32</v>
      </c>
      <c r="AP23890">
        <v>32</v>
      </c>
      <c r="AQ23890">
        <v>31</v>
      </c>
    </row>
    <row r="23891" spans="1:43">
      <c r="A23891" t="s">
        <v>14787</v>
      </c>
      <c r="B23891" t="s">
        <v>14788</v>
      </c>
      <c r="C23891" t="s">
        <v>14757</v>
      </c>
      <c r="D23891" t="s">
        <v>14758</v>
      </c>
      <c r="E23891" t="s">
        <v>14535</v>
      </c>
      <c r="F23891" t="s">
        <v>14536</v>
      </c>
      <c r="G23891" t="s">
        <v>10734</v>
      </c>
      <c r="H23891" t="s">
        <v>10735</v>
      </c>
      <c r="I23891" s="2">
        <v>1</v>
      </c>
      <c r="J23891" s="2">
        <v>0</v>
      </c>
      <c r="K23891" s="2">
        <v>0</v>
      </c>
      <c r="L23891" t="s">
        <v>120</v>
      </c>
      <c r="M23891" t="s">
        <v>87</v>
      </c>
      <c r="N23891" t="s">
        <v>88</v>
      </c>
      <c r="O23891" t="s">
        <v>85</v>
      </c>
      <c r="P23891" t="s">
        <v>86</v>
      </c>
      <c r="Q23891">
        <v>32</v>
      </c>
      <c r="R23891">
        <v>32</v>
      </c>
      <c r="S23891">
        <v>32</v>
      </c>
      <c r="T23891">
        <v>32</v>
      </c>
      <c r="U23891">
        <v>32</v>
      </c>
      <c r="V23891">
        <v>31</v>
      </c>
      <c r="W23891">
        <v>31</v>
      </c>
      <c r="X23891">
        <v>31</v>
      </c>
      <c r="Y23891">
        <v>31</v>
      </c>
      <c r="Z23891">
        <v>31</v>
      </c>
      <c r="AA23891">
        <v>31</v>
      </c>
      <c r="AB23891">
        <v>30</v>
      </c>
      <c r="AC23891">
        <v>30</v>
      </c>
      <c r="AD23891">
        <v>30</v>
      </c>
      <c r="AE23891">
        <v>30</v>
      </c>
      <c r="AF23891">
        <v>30</v>
      </c>
      <c r="AG23891">
        <v>30</v>
      </c>
      <c r="AH23891">
        <v>29</v>
      </c>
      <c r="AI23891">
        <v>29</v>
      </c>
      <c r="AJ23891">
        <v>29</v>
      </c>
      <c r="AK23891">
        <v>29</v>
      </c>
      <c r="AL23891">
        <v>29</v>
      </c>
      <c r="AM23891">
        <v>29</v>
      </c>
      <c r="AN23891">
        <v>29</v>
      </c>
      <c r="AO23891">
        <v>28</v>
      </c>
      <c r="AP23891">
        <v>28</v>
      </c>
      <c r="AQ23891">
        <v>28</v>
      </c>
    </row>
    <row r="23892" spans="1:43">
      <c r="A23892" t="s">
        <v>14787</v>
      </c>
      <c r="B23892" t="s">
        <v>14788</v>
      </c>
      <c r="C23892" t="s">
        <v>14757</v>
      </c>
      <c r="D23892" t="s">
        <v>14758</v>
      </c>
      <c r="E23892" t="s">
        <v>14535</v>
      </c>
      <c r="F23892" t="s">
        <v>14536</v>
      </c>
      <c r="G23892" t="s">
        <v>10734</v>
      </c>
      <c r="H23892" t="s">
        <v>10735</v>
      </c>
      <c r="I23892" s="2">
        <v>1</v>
      </c>
      <c r="J23892" s="2">
        <v>0</v>
      </c>
      <c r="K23892" s="2">
        <v>0</v>
      </c>
      <c r="L23892" t="s">
        <v>120</v>
      </c>
      <c r="M23892" t="s">
        <v>89</v>
      </c>
      <c r="N23892" t="s">
        <v>90</v>
      </c>
      <c r="O23892" t="s">
        <v>85</v>
      </c>
      <c r="P23892" t="s">
        <v>86</v>
      </c>
      <c r="Q23892">
        <v>32</v>
      </c>
      <c r="R23892">
        <v>32</v>
      </c>
      <c r="S23892">
        <v>33</v>
      </c>
      <c r="T23892">
        <v>33</v>
      </c>
      <c r="U23892">
        <v>33</v>
      </c>
      <c r="V23892">
        <v>34</v>
      </c>
      <c r="W23892">
        <v>34</v>
      </c>
      <c r="X23892">
        <v>34</v>
      </c>
      <c r="Y23892">
        <v>34</v>
      </c>
      <c r="Z23892">
        <v>34</v>
      </c>
      <c r="AA23892">
        <v>35</v>
      </c>
      <c r="AB23892">
        <v>35</v>
      </c>
      <c r="AC23892">
        <v>35</v>
      </c>
      <c r="AD23892">
        <v>35</v>
      </c>
      <c r="AE23892">
        <v>35</v>
      </c>
      <c r="AF23892">
        <v>35</v>
      </c>
      <c r="AG23892">
        <v>34</v>
      </c>
      <c r="AH23892">
        <v>34</v>
      </c>
      <c r="AI23892">
        <v>34</v>
      </c>
      <c r="AJ23892">
        <v>34</v>
      </c>
      <c r="AK23892">
        <v>33</v>
      </c>
      <c r="AL23892">
        <v>33</v>
      </c>
      <c r="AM23892">
        <v>33</v>
      </c>
      <c r="AN23892">
        <v>33</v>
      </c>
      <c r="AO23892">
        <v>32</v>
      </c>
      <c r="AP23892">
        <v>32</v>
      </c>
      <c r="AQ23892">
        <v>32</v>
      </c>
    </row>
    <row r="23893" spans="1:43">
      <c r="A23893" t="s">
        <v>14787</v>
      </c>
      <c r="B23893" t="s">
        <v>14788</v>
      </c>
      <c r="C23893" t="s">
        <v>14757</v>
      </c>
      <c r="D23893" t="s">
        <v>14758</v>
      </c>
      <c r="E23893" t="s">
        <v>14535</v>
      </c>
      <c r="F23893" t="s">
        <v>14536</v>
      </c>
      <c r="G23893" t="s">
        <v>10734</v>
      </c>
      <c r="H23893" t="s">
        <v>10735</v>
      </c>
      <c r="I23893" s="2">
        <v>1</v>
      </c>
      <c r="J23893" s="2">
        <v>0</v>
      </c>
      <c r="K23893" s="2">
        <v>0</v>
      </c>
      <c r="L23893" t="s">
        <v>120</v>
      </c>
      <c r="M23893" t="s">
        <v>83</v>
      </c>
      <c r="N23893" t="s">
        <v>91</v>
      </c>
      <c r="O23893" t="s">
        <v>85</v>
      </c>
      <c r="P23893" t="s">
        <v>86</v>
      </c>
      <c r="Q23893">
        <v>32</v>
      </c>
      <c r="R23893">
        <v>32</v>
      </c>
      <c r="S23893">
        <v>32</v>
      </c>
      <c r="T23893">
        <v>32</v>
      </c>
      <c r="U23893">
        <v>32</v>
      </c>
      <c r="V23893">
        <v>32</v>
      </c>
      <c r="W23893">
        <v>32</v>
      </c>
      <c r="X23893">
        <v>32</v>
      </c>
      <c r="Y23893">
        <v>32</v>
      </c>
      <c r="Z23893">
        <v>32</v>
      </c>
      <c r="AA23893">
        <v>32</v>
      </c>
      <c r="AB23893">
        <v>32</v>
      </c>
      <c r="AC23893">
        <v>33</v>
      </c>
      <c r="AD23893">
        <v>33</v>
      </c>
      <c r="AE23893">
        <v>33</v>
      </c>
      <c r="AF23893">
        <v>33</v>
      </c>
      <c r="AG23893">
        <v>33</v>
      </c>
      <c r="AH23893">
        <v>33</v>
      </c>
      <c r="AI23893">
        <v>33</v>
      </c>
      <c r="AJ23893">
        <v>33</v>
      </c>
      <c r="AK23893">
        <v>33</v>
      </c>
      <c r="AL23893">
        <v>33</v>
      </c>
      <c r="AM23893">
        <v>32</v>
      </c>
      <c r="AN23893">
        <v>32</v>
      </c>
      <c r="AO23893">
        <v>32</v>
      </c>
      <c r="AP23893">
        <v>32</v>
      </c>
      <c r="AQ23893">
        <v>31</v>
      </c>
    </row>
    <row r="23894" spans="1:43">
      <c r="A23894" t="s">
        <v>14789</v>
      </c>
      <c r="B23894" t="s">
        <v>14790</v>
      </c>
      <c r="C23894" t="s">
        <v>14769</v>
      </c>
      <c r="D23894" t="s">
        <v>14770</v>
      </c>
      <c r="E23894" t="s">
        <v>14535</v>
      </c>
      <c r="F23894" t="s">
        <v>14536</v>
      </c>
      <c r="G23894" t="s">
        <v>10734</v>
      </c>
      <c r="H23894" t="s">
        <v>10735</v>
      </c>
      <c r="I23894" s="2">
        <v>1</v>
      </c>
      <c r="J23894" s="2">
        <v>0</v>
      </c>
      <c r="K23894" s="2">
        <v>0</v>
      </c>
      <c r="L23894" t="s">
        <v>120</v>
      </c>
      <c r="M23894" t="s">
        <v>83</v>
      </c>
      <c r="N23894" t="s">
        <v>84</v>
      </c>
      <c r="O23894" t="s">
        <v>85</v>
      </c>
      <c r="P23894" t="s">
        <v>86</v>
      </c>
      <c r="Q23894">
        <v>10</v>
      </c>
      <c r="R23894">
        <v>10</v>
      </c>
      <c r="S23894">
        <v>10</v>
      </c>
      <c r="T23894">
        <v>10</v>
      </c>
      <c r="U23894">
        <v>10</v>
      </c>
      <c r="V23894">
        <v>10</v>
      </c>
      <c r="W23894">
        <v>11</v>
      </c>
      <c r="X23894">
        <v>11</v>
      </c>
      <c r="Y23894">
        <v>11</v>
      </c>
      <c r="Z23894">
        <v>11</v>
      </c>
      <c r="AA23894">
        <v>11</v>
      </c>
      <c r="AB23894">
        <v>11</v>
      </c>
      <c r="AC23894">
        <v>11</v>
      </c>
      <c r="AD23894">
        <v>11</v>
      </c>
      <c r="AE23894">
        <v>11</v>
      </c>
      <c r="AF23894">
        <v>11</v>
      </c>
      <c r="AG23894">
        <v>11</v>
      </c>
      <c r="AH23894">
        <v>11</v>
      </c>
      <c r="AI23894">
        <v>11</v>
      </c>
      <c r="AJ23894">
        <v>11</v>
      </c>
      <c r="AK23894">
        <v>11</v>
      </c>
      <c r="AL23894">
        <v>11</v>
      </c>
      <c r="AM23894">
        <v>11</v>
      </c>
      <c r="AN23894">
        <v>11</v>
      </c>
      <c r="AO23894">
        <v>11</v>
      </c>
      <c r="AP23894">
        <v>11</v>
      </c>
      <c r="AQ23894">
        <v>11</v>
      </c>
    </row>
    <row r="23895" spans="1:43">
      <c r="A23895" t="s">
        <v>14789</v>
      </c>
      <c r="B23895" t="s">
        <v>14790</v>
      </c>
      <c r="C23895" t="s">
        <v>14769</v>
      </c>
      <c r="D23895" t="s">
        <v>14770</v>
      </c>
      <c r="E23895" t="s">
        <v>14535</v>
      </c>
      <c r="F23895" t="s">
        <v>14536</v>
      </c>
      <c r="G23895" t="s">
        <v>10734</v>
      </c>
      <c r="H23895" t="s">
        <v>10735</v>
      </c>
      <c r="I23895" s="2">
        <v>1</v>
      </c>
      <c r="J23895" s="2">
        <v>0</v>
      </c>
      <c r="K23895" s="2">
        <v>0</v>
      </c>
      <c r="L23895" t="s">
        <v>120</v>
      </c>
      <c r="M23895" t="s">
        <v>87</v>
      </c>
      <c r="N23895" t="s">
        <v>88</v>
      </c>
      <c r="O23895" t="s">
        <v>85</v>
      </c>
      <c r="P23895" t="s">
        <v>86</v>
      </c>
      <c r="Q23895">
        <v>10</v>
      </c>
      <c r="R23895">
        <v>10</v>
      </c>
      <c r="S23895">
        <v>10</v>
      </c>
      <c r="T23895">
        <v>10</v>
      </c>
      <c r="U23895">
        <v>10</v>
      </c>
      <c r="V23895">
        <v>10</v>
      </c>
      <c r="W23895">
        <v>10</v>
      </c>
      <c r="X23895">
        <v>10</v>
      </c>
      <c r="Y23895">
        <v>10</v>
      </c>
      <c r="Z23895">
        <v>10</v>
      </c>
      <c r="AA23895">
        <v>10</v>
      </c>
      <c r="AB23895">
        <v>10</v>
      </c>
      <c r="AC23895">
        <v>10</v>
      </c>
      <c r="AD23895">
        <v>10</v>
      </c>
      <c r="AE23895">
        <v>10</v>
      </c>
      <c r="AF23895">
        <v>10</v>
      </c>
      <c r="AG23895">
        <v>9</v>
      </c>
      <c r="AH23895">
        <v>9</v>
      </c>
      <c r="AI23895">
        <v>9</v>
      </c>
      <c r="AJ23895">
        <v>9</v>
      </c>
      <c r="AK23895">
        <v>9</v>
      </c>
      <c r="AL23895">
        <v>9</v>
      </c>
      <c r="AM23895">
        <v>9</v>
      </c>
      <c r="AN23895">
        <v>9</v>
      </c>
      <c r="AO23895">
        <v>9</v>
      </c>
      <c r="AP23895">
        <v>9</v>
      </c>
      <c r="AQ23895">
        <v>9</v>
      </c>
    </row>
    <row r="23896" spans="1:43">
      <c r="A23896" t="s">
        <v>14789</v>
      </c>
      <c r="B23896" t="s">
        <v>14790</v>
      </c>
      <c r="C23896" t="s">
        <v>14769</v>
      </c>
      <c r="D23896" t="s">
        <v>14770</v>
      </c>
      <c r="E23896" t="s">
        <v>14535</v>
      </c>
      <c r="F23896" t="s">
        <v>14536</v>
      </c>
      <c r="G23896" t="s">
        <v>10734</v>
      </c>
      <c r="H23896" t="s">
        <v>10735</v>
      </c>
      <c r="I23896" s="2">
        <v>1</v>
      </c>
      <c r="J23896" s="2">
        <v>0</v>
      </c>
      <c r="K23896" s="2">
        <v>0</v>
      </c>
      <c r="L23896" t="s">
        <v>120</v>
      </c>
      <c r="M23896" t="s">
        <v>89</v>
      </c>
      <c r="N23896" t="s">
        <v>90</v>
      </c>
      <c r="O23896" t="s">
        <v>85</v>
      </c>
      <c r="P23896" t="s">
        <v>86</v>
      </c>
      <c r="Q23896">
        <v>10</v>
      </c>
      <c r="R23896">
        <v>10</v>
      </c>
      <c r="S23896">
        <v>11</v>
      </c>
      <c r="T23896">
        <v>11</v>
      </c>
      <c r="U23896">
        <v>11</v>
      </c>
      <c r="V23896">
        <v>11</v>
      </c>
      <c r="W23896">
        <v>11</v>
      </c>
      <c r="X23896">
        <v>11</v>
      </c>
      <c r="Y23896">
        <v>11</v>
      </c>
      <c r="Z23896">
        <v>11</v>
      </c>
      <c r="AA23896">
        <v>11</v>
      </c>
      <c r="AB23896">
        <v>11</v>
      </c>
      <c r="AC23896">
        <v>11</v>
      </c>
      <c r="AD23896">
        <v>12</v>
      </c>
      <c r="AE23896">
        <v>12</v>
      </c>
      <c r="AF23896">
        <v>11</v>
      </c>
      <c r="AG23896">
        <v>11</v>
      </c>
      <c r="AH23896">
        <v>11</v>
      </c>
      <c r="AI23896">
        <v>11</v>
      </c>
      <c r="AJ23896">
        <v>11</v>
      </c>
      <c r="AK23896">
        <v>11</v>
      </c>
      <c r="AL23896">
        <v>11</v>
      </c>
      <c r="AM23896">
        <v>11</v>
      </c>
      <c r="AN23896">
        <v>11</v>
      </c>
      <c r="AO23896">
        <v>11</v>
      </c>
      <c r="AP23896">
        <v>11</v>
      </c>
      <c r="AQ23896">
        <v>11</v>
      </c>
    </row>
    <row r="23897" spans="1:43">
      <c r="A23897" t="s">
        <v>14789</v>
      </c>
      <c r="B23897" t="s">
        <v>14790</v>
      </c>
      <c r="C23897" t="s">
        <v>14769</v>
      </c>
      <c r="D23897" t="s">
        <v>14770</v>
      </c>
      <c r="E23897" t="s">
        <v>14535</v>
      </c>
      <c r="F23897" t="s">
        <v>14536</v>
      </c>
      <c r="G23897" t="s">
        <v>10734</v>
      </c>
      <c r="H23897" t="s">
        <v>10735</v>
      </c>
      <c r="I23897" s="2">
        <v>1</v>
      </c>
      <c r="J23897" s="2">
        <v>0</v>
      </c>
      <c r="K23897" s="2">
        <v>0</v>
      </c>
      <c r="L23897" t="s">
        <v>120</v>
      </c>
      <c r="M23897" t="s">
        <v>83</v>
      </c>
      <c r="N23897" t="s">
        <v>91</v>
      </c>
      <c r="O23897" t="s">
        <v>85</v>
      </c>
      <c r="P23897" t="s">
        <v>86</v>
      </c>
      <c r="Q23897">
        <v>10</v>
      </c>
      <c r="R23897">
        <v>10</v>
      </c>
      <c r="S23897">
        <v>10</v>
      </c>
      <c r="T23897">
        <v>10</v>
      </c>
      <c r="U23897">
        <v>10</v>
      </c>
      <c r="V23897">
        <v>10</v>
      </c>
      <c r="W23897">
        <v>11</v>
      </c>
      <c r="X23897">
        <v>11</v>
      </c>
      <c r="Y23897">
        <v>11</v>
      </c>
      <c r="Z23897">
        <v>11</v>
      </c>
      <c r="AA23897">
        <v>11</v>
      </c>
      <c r="AB23897">
        <v>11</v>
      </c>
      <c r="AC23897">
        <v>11</v>
      </c>
      <c r="AD23897">
        <v>11</v>
      </c>
      <c r="AE23897">
        <v>11</v>
      </c>
      <c r="AF23897">
        <v>11</v>
      </c>
      <c r="AG23897">
        <v>11</v>
      </c>
      <c r="AH23897">
        <v>11</v>
      </c>
      <c r="AI23897">
        <v>11</v>
      </c>
      <c r="AJ23897">
        <v>11</v>
      </c>
      <c r="AK23897">
        <v>11</v>
      </c>
      <c r="AL23897">
        <v>11</v>
      </c>
      <c r="AM23897">
        <v>11</v>
      </c>
      <c r="AN23897">
        <v>11</v>
      </c>
      <c r="AO23897">
        <v>11</v>
      </c>
      <c r="AP23897">
        <v>11</v>
      </c>
      <c r="AQ23897">
        <v>11</v>
      </c>
    </row>
    <row r="23898" spans="1:43">
      <c r="A23898" t="s">
        <v>14791</v>
      </c>
      <c r="B23898" t="s">
        <v>14792</v>
      </c>
      <c r="C23898" t="s">
        <v>14757</v>
      </c>
      <c r="D23898" t="s">
        <v>14758</v>
      </c>
      <c r="E23898" t="s">
        <v>14535</v>
      </c>
      <c r="F23898" t="s">
        <v>14536</v>
      </c>
      <c r="G23898" t="s">
        <v>10734</v>
      </c>
      <c r="H23898" t="s">
        <v>10735</v>
      </c>
      <c r="I23898" s="2">
        <v>1</v>
      </c>
      <c r="J23898" s="2">
        <v>0</v>
      </c>
      <c r="K23898" s="2">
        <v>0</v>
      </c>
      <c r="L23898" t="s">
        <v>120</v>
      </c>
      <c r="M23898" t="s">
        <v>83</v>
      </c>
      <c r="N23898" t="s">
        <v>84</v>
      </c>
      <c r="O23898" t="s">
        <v>85</v>
      </c>
      <c r="P23898" t="s">
        <v>86</v>
      </c>
      <c r="Q23898">
        <v>5</v>
      </c>
      <c r="R23898">
        <v>5</v>
      </c>
      <c r="S23898">
        <v>5</v>
      </c>
      <c r="T23898">
        <v>5</v>
      </c>
      <c r="U23898">
        <v>5</v>
      </c>
      <c r="V23898">
        <v>5</v>
      </c>
      <c r="W23898">
        <v>5</v>
      </c>
      <c r="X23898">
        <v>5</v>
      </c>
      <c r="Y23898">
        <v>5</v>
      </c>
      <c r="Z23898">
        <v>5</v>
      </c>
      <c r="AA23898">
        <v>5</v>
      </c>
      <c r="AB23898">
        <v>5</v>
      </c>
      <c r="AC23898">
        <v>6</v>
      </c>
      <c r="AD23898">
        <v>6</v>
      </c>
      <c r="AE23898">
        <v>6</v>
      </c>
      <c r="AF23898">
        <v>6</v>
      </c>
      <c r="AG23898">
        <v>6</v>
      </c>
      <c r="AH23898">
        <v>6</v>
      </c>
      <c r="AI23898">
        <v>6</v>
      </c>
      <c r="AJ23898">
        <v>6</v>
      </c>
      <c r="AK23898">
        <v>6</v>
      </c>
      <c r="AL23898">
        <v>6</v>
      </c>
      <c r="AM23898">
        <v>6</v>
      </c>
      <c r="AN23898">
        <v>6</v>
      </c>
      <c r="AO23898">
        <v>5</v>
      </c>
      <c r="AP23898">
        <v>5</v>
      </c>
      <c r="AQ23898">
        <v>5</v>
      </c>
    </row>
    <row r="23899" spans="1:43">
      <c r="A23899" t="s">
        <v>14791</v>
      </c>
      <c r="B23899" t="s">
        <v>14792</v>
      </c>
      <c r="C23899" t="s">
        <v>14757</v>
      </c>
      <c r="D23899" t="s">
        <v>14758</v>
      </c>
      <c r="E23899" t="s">
        <v>14535</v>
      </c>
      <c r="F23899" t="s">
        <v>14536</v>
      </c>
      <c r="G23899" t="s">
        <v>10734</v>
      </c>
      <c r="H23899" t="s">
        <v>10735</v>
      </c>
      <c r="I23899" s="2">
        <v>1</v>
      </c>
      <c r="J23899" s="2">
        <v>0</v>
      </c>
      <c r="K23899" s="2">
        <v>0</v>
      </c>
      <c r="L23899" t="s">
        <v>120</v>
      </c>
      <c r="M23899" t="s">
        <v>87</v>
      </c>
      <c r="N23899" t="s">
        <v>88</v>
      </c>
      <c r="O23899" t="s">
        <v>85</v>
      </c>
      <c r="P23899" t="s">
        <v>86</v>
      </c>
      <c r="Q23899">
        <v>5</v>
      </c>
      <c r="R23899">
        <v>5</v>
      </c>
      <c r="S23899">
        <v>5</v>
      </c>
      <c r="T23899">
        <v>5</v>
      </c>
      <c r="U23899">
        <v>5</v>
      </c>
      <c r="V23899">
        <v>5</v>
      </c>
      <c r="W23899">
        <v>5</v>
      </c>
      <c r="X23899">
        <v>5</v>
      </c>
      <c r="Y23899">
        <v>5</v>
      </c>
      <c r="Z23899">
        <v>5</v>
      </c>
      <c r="AA23899">
        <v>5</v>
      </c>
      <c r="AB23899">
        <v>5</v>
      </c>
      <c r="AC23899">
        <v>5</v>
      </c>
      <c r="AD23899">
        <v>5</v>
      </c>
      <c r="AE23899">
        <v>5</v>
      </c>
      <c r="AF23899">
        <v>5</v>
      </c>
      <c r="AG23899">
        <v>5</v>
      </c>
      <c r="AH23899">
        <v>5</v>
      </c>
      <c r="AI23899">
        <v>5</v>
      </c>
      <c r="AJ23899">
        <v>5</v>
      </c>
      <c r="AK23899">
        <v>5</v>
      </c>
      <c r="AL23899">
        <v>5</v>
      </c>
      <c r="AM23899">
        <v>5</v>
      </c>
      <c r="AN23899">
        <v>5</v>
      </c>
      <c r="AO23899">
        <v>5</v>
      </c>
      <c r="AP23899">
        <v>5</v>
      </c>
      <c r="AQ23899">
        <v>5</v>
      </c>
    </row>
    <row r="23900" spans="1:43">
      <c r="A23900" t="s">
        <v>14791</v>
      </c>
      <c r="B23900" t="s">
        <v>14792</v>
      </c>
      <c r="C23900" t="s">
        <v>14757</v>
      </c>
      <c r="D23900" t="s">
        <v>14758</v>
      </c>
      <c r="E23900" t="s">
        <v>14535</v>
      </c>
      <c r="F23900" t="s">
        <v>14536</v>
      </c>
      <c r="G23900" t="s">
        <v>10734</v>
      </c>
      <c r="H23900" t="s">
        <v>10735</v>
      </c>
      <c r="I23900" s="2">
        <v>1</v>
      </c>
      <c r="J23900" s="2">
        <v>0</v>
      </c>
      <c r="K23900" s="2">
        <v>0</v>
      </c>
      <c r="L23900" t="s">
        <v>120</v>
      </c>
      <c r="M23900" t="s">
        <v>89</v>
      </c>
      <c r="N23900" t="s">
        <v>90</v>
      </c>
      <c r="O23900" t="s">
        <v>85</v>
      </c>
      <c r="P23900" t="s">
        <v>86</v>
      </c>
      <c r="Q23900">
        <v>5</v>
      </c>
      <c r="R23900">
        <v>5</v>
      </c>
      <c r="S23900">
        <v>5</v>
      </c>
      <c r="T23900">
        <v>6</v>
      </c>
      <c r="U23900">
        <v>6</v>
      </c>
      <c r="V23900">
        <v>6</v>
      </c>
      <c r="W23900">
        <v>6</v>
      </c>
      <c r="X23900">
        <v>6</v>
      </c>
      <c r="Y23900">
        <v>6</v>
      </c>
      <c r="Z23900">
        <v>6</v>
      </c>
      <c r="AA23900">
        <v>6</v>
      </c>
      <c r="AB23900">
        <v>6</v>
      </c>
      <c r="AC23900">
        <v>6</v>
      </c>
      <c r="AD23900">
        <v>6</v>
      </c>
      <c r="AE23900">
        <v>6</v>
      </c>
      <c r="AF23900">
        <v>6</v>
      </c>
      <c r="AG23900">
        <v>6</v>
      </c>
      <c r="AH23900">
        <v>6</v>
      </c>
      <c r="AI23900">
        <v>6</v>
      </c>
      <c r="AJ23900">
        <v>6</v>
      </c>
      <c r="AK23900">
        <v>6</v>
      </c>
      <c r="AL23900">
        <v>6</v>
      </c>
      <c r="AM23900">
        <v>6</v>
      </c>
      <c r="AN23900">
        <v>6</v>
      </c>
      <c r="AO23900">
        <v>6</v>
      </c>
      <c r="AP23900">
        <v>6</v>
      </c>
      <c r="AQ23900">
        <v>6</v>
      </c>
    </row>
    <row r="23901" spans="1:43">
      <c r="A23901" t="s">
        <v>14791</v>
      </c>
      <c r="B23901" t="s">
        <v>14792</v>
      </c>
      <c r="C23901" t="s">
        <v>14757</v>
      </c>
      <c r="D23901" t="s">
        <v>14758</v>
      </c>
      <c r="E23901" t="s">
        <v>14535</v>
      </c>
      <c r="F23901" t="s">
        <v>14536</v>
      </c>
      <c r="G23901" t="s">
        <v>10734</v>
      </c>
      <c r="H23901" t="s">
        <v>10735</v>
      </c>
      <c r="I23901" s="2">
        <v>1</v>
      </c>
      <c r="J23901" s="2">
        <v>0</v>
      </c>
      <c r="K23901" s="2">
        <v>0</v>
      </c>
      <c r="L23901" t="s">
        <v>120</v>
      </c>
      <c r="M23901" t="s">
        <v>83</v>
      </c>
      <c r="N23901" t="s">
        <v>91</v>
      </c>
      <c r="O23901" t="s">
        <v>85</v>
      </c>
      <c r="P23901" t="s">
        <v>86</v>
      </c>
      <c r="Q23901">
        <v>5</v>
      </c>
      <c r="R23901">
        <v>5</v>
      </c>
      <c r="S23901">
        <v>5</v>
      </c>
      <c r="T23901">
        <v>5</v>
      </c>
      <c r="U23901">
        <v>5</v>
      </c>
      <c r="V23901">
        <v>5</v>
      </c>
      <c r="W23901">
        <v>5</v>
      </c>
      <c r="X23901">
        <v>5</v>
      </c>
      <c r="Y23901">
        <v>5</v>
      </c>
      <c r="Z23901">
        <v>5</v>
      </c>
      <c r="AA23901">
        <v>5</v>
      </c>
      <c r="AB23901">
        <v>5</v>
      </c>
      <c r="AC23901">
        <v>6</v>
      </c>
      <c r="AD23901">
        <v>6</v>
      </c>
      <c r="AE23901">
        <v>6</v>
      </c>
      <c r="AF23901">
        <v>6</v>
      </c>
      <c r="AG23901">
        <v>6</v>
      </c>
      <c r="AH23901">
        <v>6</v>
      </c>
      <c r="AI23901">
        <v>6</v>
      </c>
      <c r="AJ23901">
        <v>6</v>
      </c>
      <c r="AK23901">
        <v>6</v>
      </c>
      <c r="AL23901">
        <v>6</v>
      </c>
      <c r="AM23901">
        <v>6</v>
      </c>
      <c r="AN23901">
        <v>6</v>
      </c>
      <c r="AO23901">
        <v>5</v>
      </c>
      <c r="AP23901">
        <v>5</v>
      </c>
      <c r="AQ23901">
        <v>5</v>
      </c>
    </row>
    <row r="23902" spans="1:43">
      <c r="A23902" t="s">
        <v>14793</v>
      </c>
      <c r="B23902" t="s">
        <v>14794</v>
      </c>
      <c r="C23902" t="s">
        <v>14795</v>
      </c>
      <c r="D23902" t="s">
        <v>14796</v>
      </c>
      <c r="E23902" t="s">
        <v>14797</v>
      </c>
      <c r="F23902" t="s">
        <v>14798</v>
      </c>
      <c r="G23902" t="s">
        <v>10734</v>
      </c>
      <c r="H23902" t="s">
        <v>10735</v>
      </c>
      <c r="I23902" s="2">
        <v>1</v>
      </c>
      <c r="J23902" s="2">
        <v>0</v>
      </c>
      <c r="K23902" s="2">
        <v>0</v>
      </c>
      <c r="L23902" t="s">
        <v>120</v>
      </c>
      <c r="M23902" t="s">
        <v>83</v>
      </c>
      <c r="N23902" t="s">
        <v>84</v>
      </c>
      <c r="O23902" t="s">
        <v>85</v>
      </c>
      <c r="P23902" t="s">
        <v>86</v>
      </c>
      <c r="Q23902">
        <v>27</v>
      </c>
      <c r="R23902">
        <v>28</v>
      </c>
      <c r="S23902">
        <v>29</v>
      </c>
      <c r="T23902">
        <v>29</v>
      </c>
      <c r="U23902">
        <v>30</v>
      </c>
      <c r="V23902">
        <v>30</v>
      </c>
      <c r="W23902">
        <v>31</v>
      </c>
      <c r="X23902">
        <v>32</v>
      </c>
      <c r="Y23902">
        <v>32</v>
      </c>
      <c r="Z23902">
        <v>33</v>
      </c>
      <c r="AA23902">
        <v>34</v>
      </c>
      <c r="AB23902">
        <v>34</v>
      </c>
      <c r="AC23902">
        <v>35</v>
      </c>
      <c r="AD23902">
        <v>36</v>
      </c>
      <c r="AE23902">
        <v>36</v>
      </c>
      <c r="AF23902">
        <v>37</v>
      </c>
      <c r="AG23902">
        <v>38</v>
      </c>
      <c r="AH23902">
        <v>38</v>
      </c>
      <c r="AI23902">
        <v>39</v>
      </c>
      <c r="AJ23902">
        <v>40</v>
      </c>
      <c r="AK23902">
        <v>41</v>
      </c>
      <c r="AL23902">
        <v>41</v>
      </c>
      <c r="AM23902">
        <v>42</v>
      </c>
      <c r="AN23902">
        <v>42</v>
      </c>
      <c r="AO23902">
        <v>42</v>
      </c>
      <c r="AP23902">
        <v>43</v>
      </c>
      <c r="AQ23902">
        <v>43</v>
      </c>
    </row>
    <row r="23903" spans="1:43">
      <c r="A23903" t="s">
        <v>14793</v>
      </c>
      <c r="B23903" t="s">
        <v>14794</v>
      </c>
      <c r="C23903" t="s">
        <v>14795</v>
      </c>
      <c r="D23903" t="s">
        <v>14796</v>
      </c>
      <c r="E23903" t="s">
        <v>14797</v>
      </c>
      <c r="F23903" t="s">
        <v>14798</v>
      </c>
      <c r="G23903" t="s">
        <v>10734</v>
      </c>
      <c r="H23903" t="s">
        <v>10735</v>
      </c>
      <c r="I23903" s="2">
        <v>1</v>
      </c>
      <c r="J23903" s="2">
        <v>0</v>
      </c>
      <c r="K23903" s="2">
        <v>0</v>
      </c>
      <c r="L23903" t="s">
        <v>120</v>
      </c>
      <c r="M23903" t="s">
        <v>87</v>
      </c>
      <c r="N23903" t="s">
        <v>88</v>
      </c>
      <c r="O23903" t="s">
        <v>85</v>
      </c>
      <c r="P23903" t="s">
        <v>86</v>
      </c>
      <c r="Q23903">
        <v>27</v>
      </c>
      <c r="R23903">
        <v>27</v>
      </c>
      <c r="S23903">
        <v>28</v>
      </c>
      <c r="T23903">
        <v>28</v>
      </c>
      <c r="U23903">
        <v>28</v>
      </c>
      <c r="V23903">
        <v>29</v>
      </c>
      <c r="W23903">
        <v>29</v>
      </c>
      <c r="X23903">
        <v>30</v>
      </c>
      <c r="Y23903">
        <v>30</v>
      </c>
      <c r="Z23903">
        <v>30</v>
      </c>
      <c r="AA23903">
        <v>31</v>
      </c>
      <c r="AB23903">
        <v>31</v>
      </c>
      <c r="AC23903">
        <v>31</v>
      </c>
      <c r="AD23903">
        <v>32</v>
      </c>
      <c r="AE23903">
        <v>32</v>
      </c>
      <c r="AF23903">
        <v>33</v>
      </c>
      <c r="AG23903">
        <v>33</v>
      </c>
      <c r="AH23903">
        <v>33</v>
      </c>
      <c r="AI23903">
        <v>34</v>
      </c>
      <c r="AJ23903">
        <v>34</v>
      </c>
      <c r="AK23903">
        <v>35</v>
      </c>
      <c r="AL23903">
        <v>35</v>
      </c>
      <c r="AM23903">
        <v>35</v>
      </c>
      <c r="AN23903">
        <v>36</v>
      </c>
      <c r="AO23903">
        <v>36</v>
      </c>
      <c r="AP23903">
        <v>37</v>
      </c>
      <c r="AQ23903">
        <v>37</v>
      </c>
    </row>
    <row r="23904" spans="1:43">
      <c r="A23904" t="s">
        <v>14793</v>
      </c>
      <c r="B23904" t="s">
        <v>14794</v>
      </c>
      <c r="C23904" t="s">
        <v>14795</v>
      </c>
      <c r="D23904" t="s">
        <v>14796</v>
      </c>
      <c r="E23904" t="s">
        <v>14797</v>
      </c>
      <c r="F23904" t="s">
        <v>14798</v>
      </c>
      <c r="G23904" t="s">
        <v>10734</v>
      </c>
      <c r="H23904" t="s">
        <v>10735</v>
      </c>
      <c r="I23904" s="2">
        <v>1</v>
      </c>
      <c r="J23904" s="2">
        <v>0</v>
      </c>
      <c r="K23904" s="2">
        <v>0</v>
      </c>
      <c r="L23904" t="s">
        <v>120</v>
      </c>
      <c r="M23904" t="s">
        <v>89</v>
      </c>
      <c r="N23904" t="s">
        <v>90</v>
      </c>
      <c r="O23904" t="s">
        <v>85</v>
      </c>
      <c r="P23904" t="s">
        <v>86</v>
      </c>
      <c r="Q23904">
        <v>27</v>
      </c>
      <c r="R23904">
        <v>27</v>
      </c>
      <c r="S23904">
        <v>28</v>
      </c>
      <c r="T23904">
        <v>29</v>
      </c>
      <c r="U23904">
        <v>30</v>
      </c>
      <c r="V23904">
        <v>31</v>
      </c>
      <c r="W23904">
        <v>32</v>
      </c>
      <c r="X23904">
        <v>32</v>
      </c>
      <c r="Y23904">
        <v>33</v>
      </c>
      <c r="Z23904">
        <v>34</v>
      </c>
      <c r="AA23904">
        <v>35</v>
      </c>
      <c r="AB23904">
        <v>36</v>
      </c>
      <c r="AC23904">
        <v>36</v>
      </c>
      <c r="AD23904">
        <v>37</v>
      </c>
      <c r="AE23904">
        <v>38</v>
      </c>
      <c r="AF23904">
        <v>38</v>
      </c>
      <c r="AG23904">
        <v>39</v>
      </c>
      <c r="AH23904">
        <v>39</v>
      </c>
      <c r="AI23904">
        <v>40</v>
      </c>
      <c r="AJ23904">
        <v>40</v>
      </c>
      <c r="AK23904">
        <v>40</v>
      </c>
      <c r="AL23904">
        <v>41</v>
      </c>
      <c r="AM23904">
        <v>41</v>
      </c>
      <c r="AN23904">
        <v>42</v>
      </c>
      <c r="AO23904">
        <v>42</v>
      </c>
      <c r="AP23904">
        <v>42</v>
      </c>
      <c r="AQ23904">
        <v>43</v>
      </c>
    </row>
    <row r="23905" spans="1:43">
      <c r="A23905" t="s">
        <v>14793</v>
      </c>
      <c r="B23905" t="s">
        <v>14794</v>
      </c>
      <c r="C23905" t="s">
        <v>14795</v>
      </c>
      <c r="D23905" t="s">
        <v>14796</v>
      </c>
      <c r="E23905" t="s">
        <v>14797</v>
      </c>
      <c r="F23905" t="s">
        <v>14798</v>
      </c>
      <c r="G23905" t="s">
        <v>10734</v>
      </c>
      <c r="H23905" t="s">
        <v>10735</v>
      </c>
      <c r="I23905" s="2">
        <v>1</v>
      </c>
      <c r="J23905" s="2">
        <v>0</v>
      </c>
      <c r="K23905" s="2">
        <v>0</v>
      </c>
      <c r="L23905" t="s">
        <v>120</v>
      </c>
      <c r="M23905" t="s">
        <v>83</v>
      </c>
      <c r="N23905" t="s">
        <v>91</v>
      </c>
      <c r="O23905" t="s">
        <v>85</v>
      </c>
      <c r="P23905" t="s">
        <v>86</v>
      </c>
      <c r="Q23905">
        <v>27</v>
      </c>
      <c r="R23905">
        <v>28</v>
      </c>
      <c r="S23905">
        <v>29</v>
      </c>
      <c r="T23905">
        <v>29</v>
      </c>
      <c r="U23905">
        <v>30</v>
      </c>
      <c r="V23905">
        <v>30</v>
      </c>
      <c r="W23905">
        <v>31</v>
      </c>
      <c r="X23905">
        <v>32</v>
      </c>
      <c r="Y23905">
        <v>32</v>
      </c>
      <c r="Z23905">
        <v>33</v>
      </c>
      <c r="AA23905">
        <v>34</v>
      </c>
      <c r="AB23905">
        <v>34</v>
      </c>
      <c r="AC23905">
        <v>35</v>
      </c>
      <c r="AD23905">
        <v>36</v>
      </c>
      <c r="AE23905">
        <v>36</v>
      </c>
      <c r="AF23905">
        <v>37</v>
      </c>
      <c r="AG23905">
        <v>38</v>
      </c>
      <c r="AH23905">
        <v>38</v>
      </c>
      <c r="AI23905">
        <v>39</v>
      </c>
      <c r="AJ23905">
        <v>40</v>
      </c>
      <c r="AK23905">
        <v>41</v>
      </c>
      <c r="AL23905">
        <v>41</v>
      </c>
      <c r="AM23905">
        <v>42</v>
      </c>
      <c r="AN23905">
        <v>42</v>
      </c>
      <c r="AO23905">
        <v>42</v>
      </c>
      <c r="AP23905">
        <v>43</v>
      </c>
      <c r="AQ23905">
        <v>43</v>
      </c>
    </row>
    <row r="23906" spans="1:43">
      <c r="A23906" t="s">
        <v>14799</v>
      </c>
      <c r="B23906" t="s">
        <v>14800</v>
      </c>
      <c r="C23906" t="s">
        <v>14801</v>
      </c>
      <c r="D23906" t="s">
        <v>14802</v>
      </c>
      <c r="E23906" t="s">
        <v>14797</v>
      </c>
      <c r="F23906" t="s">
        <v>14798</v>
      </c>
      <c r="G23906" t="s">
        <v>10734</v>
      </c>
      <c r="H23906" t="s">
        <v>10735</v>
      </c>
      <c r="I23906" s="2">
        <v>1</v>
      </c>
      <c r="J23906" s="2">
        <v>0</v>
      </c>
      <c r="K23906" s="2">
        <v>0</v>
      </c>
      <c r="L23906" t="s">
        <v>120</v>
      </c>
      <c r="M23906" t="s">
        <v>83</v>
      </c>
      <c r="N23906" t="s">
        <v>84</v>
      </c>
      <c r="O23906" t="s">
        <v>85</v>
      </c>
      <c r="P23906" t="s">
        <v>86</v>
      </c>
      <c r="Q23906">
        <v>35</v>
      </c>
      <c r="R23906">
        <v>36</v>
      </c>
      <c r="S23906">
        <v>37</v>
      </c>
      <c r="T23906">
        <v>38</v>
      </c>
      <c r="U23906">
        <v>38</v>
      </c>
      <c r="V23906">
        <v>39</v>
      </c>
      <c r="W23906">
        <v>40</v>
      </c>
      <c r="X23906">
        <v>41</v>
      </c>
      <c r="Y23906">
        <v>42</v>
      </c>
      <c r="Z23906">
        <v>43</v>
      </c>
      <c r="AA23906">
        <v>43</v>
      </c>
      <c r="AB23906">
        <v>44</v>
      </c>
      <c r="AC23906">
        <v>45</v>
      </c>
      <c r="AD23906">
        <v>46</v>
      </c>
      <c r="AE23906">
        <v>47</v>
      </c>
      <c r="AF23906">
        <v>48</v>
      </c>
      <c r="AG23906">
        <v>48</v>
      </c>
      <c r="AH23906">
        <v>49</v>
      </c>
      <c r="AI23906">
        <v>50</v>
      </c>
      <c r="AJ23906">
        <v>51</v>
      </c>
      <c r="AK23906">
        <v>52</v>
      </c>
      <c r="AL23906">
        <v>53</v>
      </c>
      <c r="AM23906">
        <v>53</v>
      </c>
      <c r="AN23906">
        <v>54</v>
      </c>
      <c r="AO23906">
        <v>54</v>
      </c>
      <c r="AP23906">
        <v>55</v>
      </c>
      <c r="AQ23906">
        <v>55</v>
      </c>
    </row>
    <row r="23907" spans="1:43">
      <c r="A23907" t="s">
        <v>14799</v>
      </c>
      <c r="B23907" t="s">
        <v>14800</v>
      </c>
      <c r="C23907" t="s">
        <v>14801</v>
      </c>
      <c r="D23907" t="s">
        <v>14802</v>
      </c>
      <c r="E23907" t="s">
        <v>14797</v>
      </c>
      <c r="F23907" t="s">
        <v>14798</v>
      </c>
      <c r="G23907" t="s">
        <v>10734</v>
      </c>
      <c r="H23907" t="s">
        <v>10735</v>
      </c>
      <c r="I23907" s="2">
        <v>1</v>
      </c>
      <c r="J23907" s="2">
        <v>0</v>
      </c>
      <c r="K23907" s="2">
        <v>0</v>
      </c>
      <c r="L23907" t="s">
        <v>120</v>
      </c>
      <c r="M23907" t="s">
        <v>87</v>
      </c>
      <c r="N23907" t="s">
        <v>88</v>
      </c>
      <c r="O23907" t="s">
        <v>85</v>
      </c>
      <c r="P23907" t="s">
        <v>86</v>
      </c>
      <c r="Q23907">
        <v>35</v>
      </c>
      <c r="R23907">
        <v>35</v>
      </c>
      <c r="S23907">
        <v>36</v>
      </c>
      <c r="T23907">
        <v>36</v>
      </c>
      <c r="U23907">
        <v>37</v>
      </c>
      <c r="V23907">
        <v>37</v>
      </c>
      <c r="W23907">
        <v>38</v>
      </c>
      <c r="X23907">
        <v>38</v>
      </c>
      <c r="Y23907">
        <v>39</v>
      </c>
      <c r="Z23907">
        <v>39</v>
      </c>
      <c r="AA23907">
        <v>40</v>
      </c>
      <c r="AB23907">
        <v>40</v>
      </c>
      <c r="AC23907">
        <v>41</v>
      </c>
      <c r="AD23907">
        <v>41</v>
      </c>
      <c r="AE23907">
        <v>42</v>
      </c>
      <c r="AF23907">
        <v>42</v>
      </c>
      <c r="AG23907">
        <v>43</v>
      </c>
      <c r="AH23907">
        <v>43</v>
      </c>
      <c r="AI23907">
        <v>44</v>
      </c>
      <c r="AJ23907">
        <v>44</v>
      </c>
      <c r="AK23907">
        <v>45</v>
      </c>
      <c r="AL23907">
        <v>45</v>
      </c>
      <c r="AM23907">
        <v>46</v>
      </c>
      <c r="AN23907">
        <v>46</v>
      </c>
      <c r="AO23907">
        <v>47</v>
      </c>
      <c r="AP23907">
        <v>48</v>
      </c>
      <c r="AQ23907">
        <v>48</v>
      </c>
    </row>
    <row r="23908" spans="1:43">
      <c r="A23908" t="s">
        <v>14799</v>
      </c>
      <c r="B23908" t="s">
        <v>14800</v>
      </c>
      <c r="C23908" t="s">
        <v>14801</v>
      </c>
      <c r="D23908" t="s">
        <v>14802</v>
      </c>
      <c r="E23908" t="s">
        <v>14797</v>
      </c>
      <c r="F23908" t="s">
        <v>14798</v>
      </c>
      <c r="G23908" t="s">
        <v>10734</v>
      </c>
      <c r="H23908" t="s">
        <v>10735</v>
      </c>
      <c r="I23908" s="2">
        <v>1</v>
      </c>
      <c r="J23908" s="2">
        <v>0</v>
      </c>
      <c r="K23908" s="2">
        <v>0</v>
      </c>
      <c r="L23908" t="s">
        <v>120</v>
      </c>
      <c r="M23908" t="s">
        <v>89</v>
      </c>
      <c r="N23908" t="s">
        <v>90</v>
      </c>
      <c r="O23908" t="s">
        <v>85</v>
      </c>
      <c r="P23908" t="s">
        <v>86</v>
      </c>
      <c r="Q23908">
        <v>35</v>
      </c>
      <c r="R23908">
        <v>36</v>
      </c>
      <c r="S23908">
        <v>37</v>
      </c>
      <c r="T23908">
        <v>38</v>
      </c>
      <c r="U23908">
        <v>39</v>
      </c>
      <c r="V23908">
        <v>40</v>
      </c>
      <c r="W23908">
        <v>41</v>
      </c>
      <c r="X23908">
        <v>42</v>
      </c>
      <c r="Y23908">
        <v>43</v>
      </c>
      <c r="Z23908">
        <v>44</v>
      </c>
      <c r="AA23908">
        <v>45</v>
      </c>
      <c r="AB23908">
        <v>46</v>
      </c>
      <c r="AC23908">
        <v>47</v>
      </c>
      <c r="AD23908">
        <v>48</v>
      </c>
      <c r="AE23908">
        <v>49</v>
      </c>
      <c r="AF23908">
        <v>49</v>
      </c>
      <c r="AG23908">
        <v>50</v>
      </c>
      <c r="AH23908">
        <v>50</v>
      </c>
      <c r="AI23908">
        <v>51</v>
      </c>
      <c r="AJ23908">
        <v>51</v>
      </c>
      <c r="AK23908">
        <v>52</v>
      </c>
      <c r="AL23908">
        <v>52</v>
      </c>
      <c r="AM23908">
        <v>53</v>
      </c>
      <c r="AN23908">
        <v>53</v>
      </c>
      <c r="AO23908">
        <v>53</v>
      </c>
      <c r="AP23908">
        <v>54</v>
      </c>
      <c r="AQ23908">
        <v>54</v>
      </c>
    </row>
    <row r="23909" spans="1:43">
      <c r="A23909" t="s">
        <v>14799</v>
      </c>
      <c r="B23909" t="s">
        <v>14800</v>
      </c>
      <c r="C23909" t="s">
        <v>14801</v>
      </c>
      <c r="D23909" t="s">
        <v>14802</v>
      </c>
      <c r="E23909" t="s">
        <v>14797</v>
      </c>
      <c r="F23909" t="s">
        <v>14798</v>
      </c>
      <c r="G23909" t="s">
        <v>10734</v>
      </c>
      <c r="H23909" t="s">
        <v>10735</v>
      </c>
      <c r="I23909" s="2">
        <v>1</v>
      </c>
      <c r="J23909" s="2">
        <v>0</v>
      </c>
      <c r="K23909" s="2">
        <v>0</v>
      </c>
      <c r="L23909" t="s">
        <v>120</v>
      </c>
      <c r="M23909" t="s">
        <v>83</v>
      </c>
      <c r="N23909" t="s">
        <v>91</v>
      </c>
      <c r="O23909" t="s">
        <v>85</v>
      </c>
      <c r="P23909" t="s">
        <v>86</v>
      </c>
      <c r="Q23909">
        <v>35</v>
      </c>
      <c r="R23909">
        <v>36</v>
      </c>
      <c r="S23909">
        <v>37</v>
      </c>
      <c r="T23909">
        <v>38</v>
      </c>
      <c r="U23909">
        <v>38</v>
      </c>
      <c r="V23909">
        <v>39</v>
      </c>
      <c r="W23909">
        <v>40</v>
      </c>
      <c r="X23909">
        <v>41</v>
      </c>
      <c r="Y23909">
        <v>42</v>
      </c>
      <c r="Z23909">
        <v>43</v>
      </c>
      <c r="AA23909">
        <v>43</v>
      </c>
      <c r="AB23909">
        <v>44</v>
      </c>
      <c r="AC23909">
        <v>45</v>
      </c>
      <c r="AD23909">
        <v>46</v>
      </c>
      <c r="AE23909">
        <v>47</v>
      </c>
      <c r="AF23909">
        <v>48</v>
      </c>
      <c r="AG23909">
        <v>48</v>
      </c>
      <c r="AH23909">
        <v>49</v>
      </c>
      <c r="AI23909">
        <v>50</v>
      </c>
      <c r="AJ23909">
        <v>51</v>
      </c>
      <c r="AK23909">
        <v>52</v>
      </c>
      <c r="AL23909">
        <v>53</v>
      </c>
      <c r="AM23909">
        <v>53</v>
      </c>
      <c r="AN23909">
        <v>54</v>
      </c>
      <c r="AO23909">
        <v>54</v>
      </c>
      <c r="AP23909">
        <v>55</v>
      </c>
      <c r="AQ23909">
        <v>55</v>
      </c>
    </row>
    <row r="23910" spans="1:43">
      <c r="A23910" t="s">
        <v>14803</v>
      </c>
      <c r="B23910" t="s">
        <v>14804</v>
      </c>
      <c r="C23910" t="s">
        <v>14805</v>
      </c>
      <c r="D23910" t="s">
        <v>14806</v>
      </c>
      <c r="E23910" t="s">
        <v>14797</v>
      </c>
      <c r="F23910" t="s">
        <v>14798</v>
      </c>
      <c r="G23910" t="s">
        <v>10734</v>
      </c>
      <c r="H23910" t="s">
        <v>10735</v>
      </c>
      <c r="I23910" s="2">
        <v>1</v>
      </c>
      <c r="J23910" s="2">
        <v>0</v>
      </c>
      <c r="K23910" s="2">
        <v>0</v>
      </c>
      <c r="L23910" t="s">
        <v>120</v>
      </c>
      <c r="M23910" t="s">
        <v>83</v>
      </c>
      <c r="N23910" t="s">
        <v>84</v>
      </c>
      <c r="O23910" t="s">
        <v>85</v>
      </c>
      <c r="P23910" t="s">
        <v>86</v>
      </c>
      <c r="Q23910">
        <v>5</v>
      </c>
      <c r="R23910">
        <v>6</v>
      </c>
      <c r="S23910">
        <v>6</v>
      </c>
      <c r="T23910">
        <v>6</v>
      </c>
      <c r="U23910">
        <v>6</v>
      </c>
      <c r="V23910">
        <v>6</v>
      </c>
      <c r="W23910">
        <v>6</v>
      </c>
      <c r="X23910">
        <v>6</v>
      </c>
      <c r="Y23910">
        <v>6</v>
      </c>
      <c r="Z23910">
        <v>7</v>
      </c>
      <c r="AA23910">
        <v>7</v>
      </c>
      <c r="AB23910">
        <v>7</v>
      </c>
      <c r="AC23910">
        <v>7</v>
      </c>
      <c r="AD23910">
        <v>7</v>
      </c>
      <c r="AE23910">
        <v>7</v>
      </c>
      <c r="AF23910">
        <v>7</v>
      </c>
      <c r="AG23910">
        <v>7</v>
      </c>
      <c r="AH23910">
        <v>8</v>
      </c>
      <c r="AI23910">
        <v>8</v>
      </c>
      <c r="AJ23910">
        <v>8</v>
      </c>
      <c r="AK23910">
        <v>8</v>
      </c>
      <c r="AL23910">
        <v>8</v>
      </c>
      <c r="AM23910">
        <v>8</v>
      </c>
      <c r="AN23910">
        <v>8</v>
      </c>
      <c r="AO23910">
        <v>8</v>
      </c>
      <c r="AP23910">
        <v>8</v>
      </c>
      <c r="AQ23910">
        <v>8</v>
      </c>
    </row>
    <row r="23911" spans="1:43">
      <c r="A23911" t="s">
        <v>14803</v>
      </c>
      <c r="B23911" t="s">
        <v>14804</v>
      </c>
      <c r="C23911" t="s">
        <v>14805</v>
      </c>
      <c r="D23911" t="s">
        <v>14806</v>
      </c>
      <c r="E23911" t="s">
        <v>14797</v>
      </c>
      <c r="F23911" t="s">
        <v>14798</v>
      </c>
      <c r="G23911" t="s">
        <v>10734</v>
      </c>
      <c r="H23911" t="s">
        <v>10735</v>
      </c>
      <c r="I23911" s="2">
        <v>1</v>
      </c>
      <c r="J23911" s="2">
        <v>0</v>
      </c>
      <c r="K23911" s="2">
        <v>0</v>
      </c>
      <c r="L23911" t="s">
        <v>120</v>
      </c>
      <c r="M23911" t="s">
        <v>87</v>
      </c>
      <c r="N23911" t="s">
        <v>88</v>
      </c>
      <c r="O23911" t="s">
        <v>85</v>
      </c>
      <c r="P23911" t="s">
        <v>86</v>
      </c>
      <c r="Q23911">
        <v>5</v>
      </c>
      <c r="R23911">
        <v>5</v>
      </c>
      <c r="S23911">
        <v>5</v>
      </c>
      <c r="T23911">
        <v>6</v>
      </c>
      <c r="U23911">
        <v>6</v>
      </c>
      <c r="V23911">
        <v>6</v>
      </c>
      <c r="W23911">
        <v>6</v>
      </c>
      <c r="X23911">
        <v>6</v>
      </c>
      <c r="Y23911">
        <v>6</v>
      </c>
      <c r="Z23911">
        <v>6</v>
      </c>
      <c r="AA23911">
        <v>6</v>
      </c>
      <c r="AB23911">
        <v>6</v>
      </c>
      <c r="AC23911">
        <v>6</v>
      </c>
      <c r="AD23911">
        <v>6</v>
      </c>
      <c r="AE23911">
        <v>6</v>
      </c>
      <c r="AF23911">
        <v>6</v>
      </c>
      <c r="AG23911">
        <v>7</v>
      </c>
      <c r="AH23911">
        <v>7</v>
      </c>
      <c r="AI23911">
        <v>7</v>
      </c>
      <c r="AJ23911">
        <v>7</v>
      </c>
      <c r="AK23911">
        <v>7</v>
      </c>
      <c r="AL23911">
        <v>7</v>
      </c>
      <c r="AM23911">
        <v>7</v>
      </c>
      <c r="AN23911">
        <v>7</v>
      </c>
      <c r="AO23911">
        <v>7</v>
      </c>
      <c r="AP23911">
        <v>7</v>
      </c>
      <c r="AQ23911">
        <v>7</v>
      </c>
    </row>
    <row r="23912" spans="1:43">
      <c r="A23912" t="s">
        <v>14803</v>
      </c>
      <c r="B23912" t="s">
        <v>14804</v>
      </c>
      <c r="C23912" t="s">
        <v>14805</v>
      </c>
      <c r="D23912" t="s">
        <v>14806</v>
      </c>
      <c r="E23912" t="s">
        <v>14797</v>
      </c>
      <c r="F23912" t="s">
        <v>14798</v>
      </c>
      <c r="G23912" t="s">
        <v>10734</v>
      </c>
      <c r="H23912" t="s">
        <v>10735</v>
      </c>
      <c r="I23912" s="2">
        <v>1</v>
      </c>
      <c r="J23912" s="2">
        <v>0</v>
      </c>
      <c r="K23912" s="2">
        <v>0</v>
      </c>
      <c r="L23912" t="s">
        <v>120</v>
      </c>
      <c r="M23912" t="s">
        <v>89</v>
      </c>
      <c r="N23912" t="s">
        <v>90</v>
      </c>
      <c r="O23912" t="s">
        <v>85</v>
      </c>
      <c r="P23912" t="s">
        <v>86</v>
      </c>
      <c r="Q23912">
        <v>5</v>
      </c>
      <c r="R23912">
        <v>6</v>
      </c>
      <c r="S23912">
        <v>6</v>
      </c>
      <c r="T23912">
        <v>6</v>
      </c>
      <c r="U23912">
        <v>6</v>
      </c>
      <c r="V23912">
        <v>6</v>
      </c>
      <c r="W23912">
        <v>6</v>
      </c>
      <c r="X23912">
        <v>7</v>
      </c>
      <c r="Y23912">
        <v>7</v>
      </c>
      <c r="Z23912">
        <v>7</v>
      </c>
      <c r="AA23912">
        <v>7</v>
      </c>
      <c r="AB23912">
        <v>7</v>
      </c>
      <c r="AC23912">
        <v>7</v>
      </c>
      <c r="AD23912">
        <v>8</v>
      </c>
      <c r="AE23912">
        <v>8</v>
      </c>
      <c r="AF23912">
        <v>8</v>
      </c>
      <c r="AG23912">
        <v>8</v>
      </c>
      <c r="AH23912">
        <v>8</v>
      </c>
      <c r="AI23912">
        <v>8</v>
      </c>
      <c r="AJ23912">
        <v>8</v>
      </c>
      <c r="AK23912">
        <v>8</v>
      </c>
      <c r="AL23912">
        <v>8</v>
      </c>
      <c r="AM23912">
        <v>8</v>
      </c>
      <c r="AN23912">
        <v>8</v>
      </c>
      <c r="AO23912">
        <v>8</v>
      </c>
      <c r="AP23912">
        <v>8</v>
      </c>
      <c r="AQ23912">
        <v>8</v>
      </c>
    </row>
    <row r="23913" spans="1:43">
      <c r="A23913" t="s">
        <v>14803</v>
      </c>
      <c r="B23913" t="s">
        <v>14804</v>
      </c>
      <c r="C23913" t="s">
        <v>14805</v>
      </c>
      <c r="D23913" t="s">
        <v>14806</v>
      </c>
      <c r="E23913" t="s">
        <v>14797</v>
      </c>
      <c r="F23913" t="s">
        <v>14798</v>
      </c>
      <c r="G23913" t="s">
        <v>10734</v>
      </c>
      <c r="H23913" t="s">
        <v>10735</v>
      </c>
      <c r="I23913" s="2">
        <v>1</v>
      </c>
      <c r="J23913" s="2">
        <v>0</v>
      </c>
      <c r="K23913" s="2">
        <v>0</v>
      </c>
      <c r="L23913" t="s">
        <v>120</v>
      </c>
      <c r="M23913" t="s">
        <v>83</v>
      </c>
      <c r="N23913" t="s">
        <v>91</v>
      </c>
      <c r="O23913" t="s">
        <v>85</v>
      </c>
      <c r="P23913" t="s">
        <v>86</v>
      </c>
      <c r="Q23913">
        <v>5</v>
      </c>
      <c r="R23913">
        <v>6</v>
      </c>
      <c r="S23913">
        <v>6</v>
      </c>
      <c r="T23913">
        <v>6</v>
      </c>
      <c r="U23913">
        <v>6</v>
      </c>
      <c r="V23913">
        <v>6</v>
      </c>
      <c r="W23913">
        <v>6</v>
      </c>
      <c r="X23913">
        <v>6</v>
      </c>
      <c r="Y23913">
        <v>6</v>
      </c>
      <c r="Z23913">
        <v>7</v>
      </c>
      <c r="AA23913">
        <v>7</v>
      </c>
      <c r="AB23913">
        <v>7</v>
      </c>
      <c r="AC23913">
        <v>7</v>
      </c>
      <c r="AD23913">
        <v>7</v>
      </c>
      <c r="AE23913">
        <v>7</v>
      </c>
      <c r="AF23913">
        <v>7</v>
      </c>
      <c r="AG23913">
        <v>7</v>
      </c>
      <c r="AH23913">
        <v>8</v>
      </c>
      <c r="AI23913">
        <v>8</v>
      </c>
      <c r="AJ23913">
        <v>8</v>
      </c>
      <c r="AK23913">
        <v>8</v>
      </c>
      <c r="AL23913">
        <v>8</v>
      </c>
      <c r="AM23913">
        <v>8</v>
      </c>
      <c r="AN23913">
        <v>8</v>
      </c>
      <c r="AO23913">
        <v>8</v>
      </c>
      <c r="AP23913">
        <v>8</v>
      </c>
      <c r="AQ23913">
        <v>8</v>
      </c>
    </row>
    <row r="23914" spans="1:43">
      <c r="A23914" t="s">
        <v>14807</v>
      </c>
      <c r="B23914" t="s">
        <v>14808</v>
      </c>
      <c r="C23914" t="s">
        <v>14809</v>
      </c>
      <c r="D23914" t="s">
        <v>14810</v>
      </c>
      <c r="E23914" t="s">
        <v>14797</v>
      </c>
      <c r="F23914" t="s">
        <v>14798</v>
      </c>
      <c r="G23914" t="s">
        <v>10734</v>
      </c>
      <c r="H23914" t="s">
        <v>10735</v>
      </c>
      <c r="I23914" s="2">
        <v>1</v>
      </c>
      <c r="J23914" s="2">
        <v>0</v>
      </c>
      <c r="K23914" s="2">
        <v>0</v>
      </c>
      <c r="L23914" t="s">
        <v>120</v>
      </c>
      <c r="M23914" t="s">
        <v>83</v>
      </c>
      <c r="N23914" t="s">
        <v>84</v>
      </c>
      <c r="O23914" t="s">
        <v>85</v>
      </c>
      <c r="P23914" t="s">
        <v>86</v>
      </c>
      <c r="Q23914">
        <v>20</v>
      </c>
      <c r="R23914">
        <v>21</v>
      </c>
      <c r="S23914">
        <v>21</v>
      </c>
      <c r="T23914">
        <v>22</v>
      </c>
      <c r="U23914">
        <v>22</v>
      </c>
      <c r="V23914">
        <v>22</v>
      </c>
      <c r="W23914">
        <v>23</v>
      </c>
      <c r="X23914">
        <v>23</v>
      </c>
      <c r="Y23914">
        <v>24</v>
      </c>
      <c r="Z23914">
        <v>24</v>
      </c>
      <c r="AA23914">
        <v>25</v>
      </c>
      <c r="AB23914">
        <v>25</v>
      </c>
      <c r="AC23914">
        <v>26</v>
      </c>
      <c r="AD23914">
        <v>26</v>
      </c>
      <c r="AE23914">
        <v>27</v>
      </c>
      <c r="AF23914">
        <v>27</v>
      </c>
      <c r="AG23914">
        <v>28</v>
      </c>
      <c r="AH23914">
        <v>28</v>
      </c>
      <c r="AI23914">
        <v>29</v>
      </c>
      <c r="AJ23914">
        <v>29</v>
      </c>
      <c r="AK23914">
        <v>30</v>
      </c>
      <c r="AL23914">
        <v>30</v>
      </c>
      <c r="AM23914">
        <v>30</v>
      </c>
      <c r="AN23914">
        <v>31</v>
      </c>
      <c r="AO23914">
        <v>31</v>
      </c>
      <c r="AP23914">
        <v>31</v>
      </c>
      <c r="AQ23914">
        <v>31</v>
      </c>
    </row>
    <row r="23915" spans="1:43">
      <c r="A23915" t="s">
        <v>14807</v>
      </c>
      <c r="B23915" t="s">
        <v>14808</v>
      </c>
      <c r="C23915" t="s">
        <v>14809</v>
      </c>
      <c r="D23915" t="s">
        <v>14810</v>
      </c>
      <c r="E23915" t="s">
        <v>14797</v>
      </c>
      <c r="F23915" t="s">
        <v>14798</v>
      </c>
      <c r="G23915" t="s">
        <v>10734</v>
      </c>
      <c r="H23915" t="s">
        <v>10735</v>
      </c>
      <c r="I23915" s="2">
        <v>1</v>
      </c>
      <c r="J23915" s="2">
        <v>0</v>
      </c>
      <c r="K23915" s="2">
        <v>0</v>
      </c>
      <c r="L23915" t="s">
        <v>120</v>
      </c>
      <c r="M23915" t="s">
        <v>87</v>
      </c>
      <c r="N23915" t="s">
        <v>88</v>
      </c>
      <c r="O23915" t="s">
        <v>85</v>
      </c>
      <c r="P23915" t="s">
        <v>86</v>
      </c>
      <c r="Q23915">
        <v>20</v>
      </c>
      <c r="R23915">
        <v>20</v>
      </c>
      <c r="S23915">
        <v>20</v>
      </c>
      <c r="T23915">
        <v>21</v>
      </c>
      <c r="U23915">
        <v>21</v>
      </c>
      <c r="V23915">
        <v>21</v>
      </c>
      <c r="W23915">
        <v>22</v>
      </c>
      <c r="X23915">
        <v>22</v>
      </c>
      <c r="Y23915">
        <v>22</v>
      </c>
      <c r="Z23915">
        <v>22</v>
      </c>
      <c r="AA23915">
        <v>23</v>
      </c>
      <c r="AB23915">
        <v>23</v>
      </c>
      <c r="AC23915">
        <v>23</v>
      </c>
      <c r="AD23915">
        <v>23</v>
      </c>
      <c r="AE23915">
        <v>24</v>
      </c>
      <c r="AF23915">
        <v>24</v>
      </c>
      <c r="AG23915">
        <v>24</v>
      </c>
      <c r="AH23915">
        <v>25</v>
      </c>
      <c r="AI23915">
        <v>25</v>
      </c>
      <c r="AJ23915">
        <v>25</v>
      </c>
      <c r="AK23915">
        <v>26</v>
      </c>
      <c r="AL23915">
        <v>26</v>
      </c>
      <c r="AM23915">
        <v>26</v>
      </c>
      <c r="AN23915">
        <v>26</v>
      </c>
      <c r="AO23915">
        <v>27</v>
      </c>
      <c r="AP23915">
        <v>27</v>
      </c>
      <c r="AQ23915">
        <v>27</v>
      </c>
    </row>
    <row r="23916" spans="1:43">
      <c r="A23916" t="s">
        <v>14807</v>
      </c>
      <c r="B23916" t="s">
        <v>14808</v>
      </c>
      <c r="C23916" t="s">
        <v>14809</v>
      </c>
      <c r="D23916" t="s">
        <v>14810</v>
      </c>
      <c r="E23916" t="s">
        <v>14797</v>
      </c>
      <c r="F23916" t="s">
        <v>14798</v>
      </c>
      <c r="G23916" t="s">
        <v>10734</v>
      </c>
      <c r="H23916" t="s">
        <v>10735</v>
      </c>
      <c r="I23916" s="2">
        <v>1</v>
      </c>
      <c r="J23916" s="2">
        <v>0</v>
      </c>
      <c r="K23916" s="2">
        <v>0</v>
      </c>
      <c r="L23916" t="s">
        <v>120</v>
      </c>
      <c r="M23916" t="s">
        <v>89</v>
      </c>
      <c r="N23916" t="s">
        <v>90</v>
      </c>
      <c r="O23916" t="s">
        <v>85</v>
      </c>
      <c r="P23916" t="s">
        <v>86</v>
      </c>
      <c r="Q23916">
        <v>20</v>
      </c>
      <c r="R23916">
        <v>21</v>
      </c>
      <c r="S23916">
        <v>22</v>
      </c>
      <c r="T23916">
        <v>22</v>
      </c>
      <c r="U23916">
        <v>23</v>
      </c>
      <c r="V23916">
        <v>23</v>
      </c>
      <c r="W23916">
        <v>24</v>
      </c>
      <c r="X23916">
        <v>25</v>
      </c>
      <c r="Y23916">
        <v>25</v>
      </c>
      <c r="Z23916">
        <v>26</v>
      </c>
      <c r="AA23916">
        <v>26</v>
      </c>
      <c r="AB23916">
        <v>27</v>
      </c>
      <c r="AC23916">
        <v>27</v>
      </c>
      <c r="AD23916">
        <v>28</v>
      </c>
      <c r="AE23916">
        <v>28</v>
      </c>
      <c r="AF23916">
        <v>29</v>
      </c>
      <c r="AG23916">
        <v>29</v>
      </c>
      <c r="AH23916">
        <v>29</v>
      </c>
      <c r="AI23916">
        <v>29</v>
      </c>
      <c r="AJ23916">
        <v>30</v>
      </c>
      <c r="AK23916">
        <v>30</v>
      </c>
      <c r="AL23916">
        <v>30</v>
      </c>
      <c r="AM23916">
        <v>30</v>
      </c>
      <c r="AN23916">
        <v>31</v>
      </c>
      <c r="AO23916">
        <v>31</v>
      </c>
      <c r="AP23916">
        <v>31</v>
      </c>
      <c r="AQ23916">
        <v>31</v>
      </c>
    </row>
    <row r="23917" spans="1:43">
      <c r="A23917" t="s">
        <v>14807</v>
      </c>
      <c r="B23917" t="s">
        <v>14808</v>
      </c>
      <c r="C23917" t="s">
        <v>14809</v>
      </c>
      <c r="D23917" t="s">
        <v>14810</v>
      </c>
      <c r="E23917" t="s">
        <v>14797</v>
      </c>
      <c r="F23917" t="s">
        <v>14798</v>
      </c>
      <c r="G23917" t="s">
        <v>10734</v>
      </c>
      <c r="H23917" t="s">
        <v>10735</v>
      </c>
      <c r="I23917" s="2">
        <v>1</v>
      </c>
      <c r="J23917" s="2">
        <v>0</v>
      </c>
      <c r="K23917" s="2">
        <v>0</v>
      </c>
      <c r="L23917" t="s">
        <v>120</v>
      </c>
      <c r="M23917" t="s">
        <v>83</v>
      </c>
      <c r="N23917" t="s">
        <v>91</v>
      </c>
      <c r="O23917" t="s">
        <v>85</v>
      </c>
      <c r="P23917" t="s">
        <v>86</v>
      </c>
      <c r="Q23917">
        <v>20</v>
      </c>
      <c r="R23917">
        <v>21</v>
      </c>
      <c r="S23917">
        <v>21</v>
      </c>
      <c r="T23917">
        <v>22</v>
      </c>
      <c r="U23917">
        <v>22</v>
      </c>
      <c r="V23917">
        <v>22</v>
      </c>
      <c r="W23917">
        <v>23</v>
      </c>
      <c r="X23917">
        <v>23</v>
      </c>
      <c r="Y23917">
        <v>24</v>
      </c>
      <c r="Z23917">
        <v>24</v>
      </c>
      <c r="AA23917">
        <v>25</v>
      </c>
      <c r="AB23917">
        <v>25</v>
      </c>
      <c r="AC23917">
        <v>26</v>
      </c>
      <c r="AD23917">
        <v>26</v>
      </c>
      <c r="AE23917">
        <v>27</v>
      </c>
      <c r="AF23917">
        <v>27</v>
      </c>
      <c r="AG23917">
        <v>28</v>
      </c>
      <c r="AH23917">
        <v>28</v>
      </c>
      <c r="AI23917">
        <v>29</v>
      </c>
      <c r="AJ23917">
        <v>29</v>
      </c>
      <c r="AK23917">
        <v>30</v>
      </c>
      <c r="AL23917">
        <v>30</v>
      </c>
      <c r="AM23917">
        <v>30</v>
      </c>
      <c r="AN23917">
        <v>31</v>
      </c>
      <c r="AO23917">
        <v>31</v>
      </c>
      <c r="AP23917">
        <v>31</v>
      </c>
      <c r="AQ23917">
        <v>31</v>
      </c>
    </row>
    <row r="23918" spans="1:43">
      <c r="A23918" t="s">
        <v>14811</v>
      </c>
      <c r="B23918" t="s">
        <v>14812</v>
      </c>
      <c r="C23918" t="s">
        <v>14805</v>
      </c>
      <c r="D23918" t="s">
        <v>14806</v>
      </c>
      <c r="E23918" t="s">
        <v>14797</v>
      </c>
      <c r="F23918" t="s">
        <v>14798</v>
      </c>
      <c r="G23918" t="s">
        <v>10734</v>
      </c>
      <c r="H23918" t="s">
        <v>10735</v>
      </c>
      <c r="I23918" s="2">
        <v>1</v>
      </c>
      <c r="J23918" s="2">
        <v>0</v>
      </c>
      <c r="K23918" s="2">
        <v>0</v>
      </c>
      <c r="L23918" t="s">
        <v>120</v>
      </c>
      <c r="M23918" t="s">
        <v>83</v>
      </c>
      <c r="N23918" t="s">
        <v>84</v>
      </c>
      <c r="O23918" t="s">
        <v>85</v>
      </c>
      <c r="P23918" t="s">
        <v>86</v>
      </c>
      <c r="Q23918">
        <v>9</v>
      </c>
      <c r="R23918">
        <v>10</v>
      </c>
      <c r="S23918">
        <v>10</v>
      </c>
      <c r="T23918">
        <v>10</v>
      </c>
      <c r="U23918">
        <v>10</v>
      </c>
      <c r="V23918">
        <v>11</v>
      </c>
      <c r="W23918">
        <v>11</v>
      </c>
      <c r="X23918">
        <v>11</v>
      </c>
      <c r="Y23918">
        <v>11</v>
      </c>
      <c r="Z23918">
        <v>11</v>
      </c>
      <c r="AA23918">
        <v>12</v>
      </c>
      <c r="AB23918">
        <v>12</v>
      </c>
      <c r="AC23918">
        <v>12</v>
      </c>
      <c r="AD23918">
        <v>12</v>
      </c>
      <c r="AE23918">
        <v>12</v>
      </c>
      <c r="AF23918">
        <v>13</v>
      </c>
      <c r="AG23918">
        <v>13</v>
      </c>
      <c r="AH23918">
        <v>13</v>
      </c>
      <c r="AI23918">
        <v>13</v>
      </c>
      <c r="AJ23918">
        <v>14</v>
      </c>
      <c r="AK23918">
        <v>14</v>
      </c>
      <c r="AL23918">
        <v>14</v>
      </c>
      <c r="AM23918">
        <v>14</v>
      </c>
      <c r="AN23918">
        <v>14</v>
      </c>
      <c r="AO23918">
        <v>14</v>
      </c>
      <c r="AP23918">
        <v>15</v>
      </c>
      <c r="AQ23918">
        <v>15</v>
      </c>
    </row>
    <row r="23919" spans="1:43">
      <c r="A23919" t="s">
        <v>14811</v>
      </c>
      <c r="B23919" t="s">
        <v>14812</v>
      </c>
      <c r="C23919" t="s">
        <v>14805</v>
      </c>
      <c r="D23919" t="s">
        <v>14806</v>
      </c>
      <c r="E23919" t="s">
        <v>14797</v>
      </c>
      <c r="F23919" t="s">
        <v>14798</v>
      </c>
      <c r="G23919" t="s">
        <v>10734</v>
      </c>
      <c r="H23919" t="s">
        <v>10735</v>
      </c>
      <c r="I23919" s="2">
        <v>1</v>
      </c>
      <c r="J23919" s="2">
        <v>0</v>
      </c>
      <c r="K23919" s="2">
        <v>0</v>
      </c>
      <c r="L23919" t="s">
        <v>120</v>
      </c>
      <c r="M23919" t="s">
        <v>87</v>
      </c>
      <c r="N23919" t="s">
        <v>88</v>
      </c>
      <c r="O23919" t="s">
        <v>85</v>
      </c>
      <c r="P23919" t="s">
        <v>86</v>
      </c>
      <c r="Q23919">
        <v>9</v>
      </c>
      <c r="R23919">
        <v>9</v>
      </c>
      <c r="S23919">
        <v>10</v>
      </c>
      <c r="T23919">
        <v>10</v>
      </c>
      <c r="U23919">
        <v>10</v>
      </c>
      <c r="V23919">
        <v>10</v>
      </c>
      <c r="W23919">
        <v>10</v>
      </c>
      <c r="X23919">
        <v>10</v>
      </c>
      <c r="Y23919">
        <v>10</v>
      </c>
      <c r="Z23919">
        <v>10</v>
      </c>
      <c r="AA23919">
        <v>11</v>
      </c>
      <c r="AB23919">
        <v>11</v>
      </c>
      <c r="AC23919">
        <v>11</v>
      </c>
      <c r="AD23919">
        <v>11</v>
      </c>
      <c r="AE23919">
        <v>11</v>
      </c>
      <c r="AF23919">
        <v>11</v>
      </c>
      <c r="AG23919">
        <v>11</v>
      </c>
      <c r="AH23919">
        <v>12</v>
      </c>
      <c r="AI23919">
        <v>12</v>
      </c>
      <c r="AJ23919">
        <v>12</v>
      </c>
      <c r="AK23919">
        <v>12</v>
      </c>
      <c r="AL23919">
        <v>12</v>
      </c>
      <c r="AM23919">
        <v>12</v>
      </c>
      <c r="AN23919">
        <v>12</v>
      </c>
      <c r="AO23919">
        <v>13</v>
      </c>
      <c r="AP23919">
        <v>13</v>
      </c>
      <c r="AQ23919">
        <v>13</v>
      </c>
    </row>
    <row r="23920" spans="1:43">
      <c r="A23920" t="s">
        <v>14811</v>
      </c>
      <c r="B23920" t="s">
        <v>14812</v>
      </c>
      <c r="C23920" t="s">
        <v>14805</v>
      </c>
      <c r="D23920" t="s">
        <v>14806</v>
      </c>
      <c r="E23920" t="s">
        <v>14797</v>
      </c>
      <c r="F23920" t="s">
        <v>14798</v>
      </c>
      <c r="G23920" t="s">
        <v>10734</v>
      </c>
      <c r="H23920" t="s">
        <v>10735</v>
      </c>
      <c r="I23920" s="2">
        <v>1</v>
      </c>
      <c r="J23920" s="2">
        <v>0</v>
      </c>
      <c r="K23920" s="2">
        <v>0</v>
      </c>
      <c r="L23920" t="s">
        <v>120</v>
      </c>
      <c r="M23920" t="s">
        <v>89</v>
      </c>
      <c r="N23920" t="s">
        <v>90</v>
      </c>
      <c r="O23920" t="s">
        <v>85</v>
      </c>
      <c r="P23920" t="s">
        <v>86</v>
      </c>
      <c r="Q23920">
        <v>9</v>
      </c>
      <c r="R23920">
        <v>9</v>
      </c>
      <c r="S23920">
        <v>9</v>
      </c>
      <c r="T23920">
        <v>9</v>
      </c>
      <c r="U23920">
        <v>10</v>
      </c>
      <c r="V23920">
        <v>10</v>
      </c>
      <c r="W23920">
        <v>10</v>
      </c>
      <c r="X23920">
        <v>10</v>
      </c>
      <c r="Y23920">
        <v>11</v>
      </c>
      <c r="Z23920">
        <v>11</v>
      </c>
      <c r="AA23920">
        <v>11</v>
      </c>
      <c r="AB23920">
        <v>12</v>
      </c>
      <c r="AC23920">
        <v>12</v>
      </c>
      <c r="AD23920">
        <v>12</v>
      </c>
      <c r="AE23920">
        <v>12</v>
      </c>
      <c r="AF23920">
        <v>12</v>
      </c>
      <c r="AG23920">
        <v>13</v>
      </c>
      <c r="AH23920">
        <v>13</v>
      </c>
      <c r="AI23920">
        <v>13</v>
      </c>
      <c r="AJ23920">
        <v>13</v>
      </c>
      <c r="AK23920">
        <v>13</v>
      </c>
      <c r="AL23920">
        <v>13</v>
      </c>
      <c r="AM23920">
        <v>13</v>
      </c>
      <c r="AN23920">
        <v>13</v>
      </c>
      <c r="AO23920">
        <v>14</v>
      </c>
      <c r="AP23920">
        <v>14</v>
      </c>
      <c r="AQ23920">
        <v>14</v>
      </c>
    </row>
    <row r="23921" spans="1:43">
      <c r="A23921" t="s">
        <v>14811</v>
      </c>
      <c r="B23921" t="s">
        <v>14812</v>
      </c>
      <c r="C23921" t="s">
        <v>14805</v>
      </c>
      <c r="D23921" t="s">
        <v>14806</v>
      </c>
      <c r="E23921" t="s">
        <v>14797</v>
      </c>
      <c r="F23921" t="s">
        <v>14798</v>
      </c>
      <c r="G23921" t="s">
        <v>10734</v>
      </c>
      <c r="H23921" t="s">
        <v>10735</v>
      </c>
      <c r="I23921" s="2">
        <v>1</v>
      </c>
      <c r="J23921" s="2">
        <v>0</v>
      </c>
      <c r="K23921" s="2">
        <v>0</v>
      </c>
      <c r="L23921" t="s">
        <v>120</v>
      </c>
      <c r="M23921" t="s">
        <v>83</v>
      </c>
      <c r="N23921" t="s">
        <v>91</v>
      </c>
      <c r="O23921" t="s">
        <v>85</v>
      </c>
      <c r="P23921" t="s">
        <v>86</v>
      </c>
      <c r="Q23921">
        <v>9</v>
      </c>
      <c r="R23921">
        <v>10</v>
      </c>
      <c r="S23921">
        <v>10</v>
      </c>
      <c r="T23921">
        <v>10</v>
      </c>
      <c r="U23921">
        <v>10</v>
      </c>
      <c r="V23921">
        <v>11</v>
      </c>
      <c r="W23921">
        <v>11</v>
      </c>
      <c r="X23921">
        <v>11</v>
      </c>
      <c r="Y23921">
        <v>11</v>
      </c>
      <c r="Z23921">
        <v>11</v>
      </c>
      <c r="AA23921">
        <v>12</v>
      </c>
      <c r="AB23921">
        <v>12</v>
      </c>
      <c r="AC23921">
        <v>12</v>
      </c>
      <c r="AD23921">
        <v>12</v>
      </c>
      <c r="AE23921">
        <v>12</v>
      </c>
      <c r="AF23921">
        <v>13</v>
      </c>
      <c r="AG23921">
        <v>13</v>
      </c>
      <c r="AH23921">
        <v>13</v>
      </c>
      <c r="AI23921">
        <v>13</v>
      </c>
      <c r="AJ23921">
        <v>14</v>
      </c>
      <c r="AK23921">
        <v>14</v>
      </c>
      <c r="AL23921">
        <v>14</v>
      </c>
      <c r="AM23921">
        <v>14</v>
      </c>
      <c r="AN23921">
        <v>14</v>
      </c>
      <c r="AO23921">
        <v>14</v>
      </c>
      <c r="AP23921">
        <v>15</v>
      </c>
      <c r="AQ23921">
        <v>15</v>
      </c>
    </row>
    <row r="23922" spans="1:43">
      <c r="A23922" t="s">
        <v>14813</v>
      </c>
      <c r="B23922" t="s">
        <v>14814</v>
      </c>
      <c r="C23922" t="s">
        <v>14805</v>
      </c>
      <c r="D23922" t="s">
        <v>14806</v>
      </c>
      <c r="E23922" t="s">
        <v>14797</v>
      </c>
      <c r="F23922" t="s">
        <v>14798</v>
      </c>
      <c r="G23922" t="s">
        <v>10734</v>
      </c>
      <c r="H23922" t="s">
        <v>10735</v>
      </c>
      <c r="I23922" s="2">
        <v>1</v>
      </c>
      <c r="J23922" s="2">
        <v>0</v>
      </c>
      <c r="K23922" s="2">
        <v>0</v>
      </c>
      <c r="L23922" t="s">
        <v>120</v>
      </c>
      <c r="M23922" t="s">
        <v>83</v>
      </c>
      <c r="N23922" t="s">
        <v>84</v>
      </c>
      <c r="O23922" t="s">
        <v>85</v>
      </c>
      <c r="P23922" t="s">
        <v>86</v>
      </c>
      <c r="Q23922">
        <v>5</v>
      </c>
      <c r="R23922">
        <v>5</v>
      </c>
      <c r="S23922">
        <v>5</v>
      </c>
      <c r="T23922">
        <v>5</v>
      </c>
      <c r="U23922">
        <v>5</v>
      </c>
      <c r="V23922">
        <v>5</v>
      </c>
      <c r="W23922">
        <v>5</v>
      </c>
      <c r="X23922">
        <v>6</v>
      </c>
      <c r="Y23922">
        <v>6</v>
      </c>
      <c r="Z23922">
        <v>6</v>
      </c>
      <c r="AA23922">
        <v>6</v>
      </c>
      <c r="AB23922">
        <v>6</v>
      </c>
      <c r="AC23922">
        <v>6</v>
      </c>
      <c r="AD23922">
        <v>6</v>
      </c>
      <c r="AE23922">
        <v>6</v>
      </c>
      <c r="AF23922">
        <v>7</v>
      </c>
      <c r="AG23922">
        <v>7</v>
      </c>
      <c r="AH23922">
        <v>7</v>
      </c>
      <c r="AI23922">
        <v>7</v>
      </c>
      <c r="AJ23922">
        <v>7</v>
      </c>
      <c r="AK23922">
        <v>7</v>
      </c>
      <c r="AL23922">
        <v>7</v>
      </c>
      <c r="AM23922">
        <v>7</v>
      </c>
      <c r="AN23922">
        <v>7</v>
      </c>
      <c r="AO23922">
        <v>7</v>
      </c>
      <c r="AP23922">
        <v>7</v>
      </c>
      <c r="AQ23922">
        <v>8</v>
      </c>
    </row>
    <row r="23923" spans="1:43">
      <c r="A23923" t="s">
        <v>14813</v>
      </c>
      <c r="B23923" t="s">
        <v>14814</v>
      </c>
      <c r="C23923" t="s">
        <v>14805</v>
      </c>
      <c r="D23923" t="s">
        <v>14806</v>
      </c>
      <c r="E23923" t="s">
        <v>14797</v>
      </c>
      <c r="F23923" t="s">
        <v>14798</v>
      </c>
      <c r="G23923" t="s">
        <v>10734</v>
      </c>
      <c r="H23923" t="s">
        <v>10735</v>
      </c>
      <c r="I23923" s="2">
        <v>1</v>
      </c>
      <c r="J23923" s="2">
        <v>0</v>
      </c>
      <c r="K23923" s="2">
        <v>0</v>
      </c>
      <c r="L23923" t="s">
        <v>120</v>
      </c>
      <c r="M23923" t="s">
        <v>87</v>
      </c>
      <c r="N23923" t="s">
        <v>88</v>
      </c>
      <c r="O23923" t="s">
        <v>85</v>
      </c>
      <c r="P23923" t="s">
        <v>86</v>
      </c>
      <c r="Q23923">
        <v>5</v>
      </c>
      <c r="R23923">
        <v>5</v>
      </c>
      <c r="S23923">
        <v>5</v>
      </c>
      <c r="T23923">
        <v>5</v>
      </c>
      <c r="U23923">
        <v>5</v>
      </c>
      <c r="V23923">
        <v>5</v>
      </c>
      <c r="W23923">
        <v>5</v>
      </c>
      <c r="X23923">
        <v>5</v>
      </c>
      <c r="Y23923">
        <v>5</v>
      </c>
      <c r="Z23923">
        <v>5</v>
      </c>
      <c r="AA23923">
        <v>5</v>
      </c>
      <c r="AB23923">
        <v>5</v>
      </c>
      <c r="AC23923">
        <v>6</v>
      </c>
      <c r="AD23923">
        <v>6</v>
      </c>
      <c r="AE23923">
        <v>6</v>
      </c>
      <c r="AF23923">
        <v>6</v>
      </c>
      <c r="AG23923">
        <v>6</v>
      </c>
      <c r="AH23923">
        <v>6</v>
      </c>
      <c r="AI23923">
        <v>6</v>
      </c>
      <c r="AJ23923">
        <v>6</v>
      </c>
      <c r="AK23923">
        <v>6</v>
      </c>
      <c r="AL23923">
        <v>6</v>
      </c>
      <c r="AM23923">
        <v>6</v>
      </c>
      <c r="AN23923">
        <v>6</v>
      </c>
      <c r="AO23923">
        <v>6</v>
      </c>
      <c r="AP23923">
        <v>7</v>
      </c>
      <c r="AQ23923">
        <v>7</v>
      </c>
    </row>
    <row r="23924" spans="1:43">
      <c r="A23924" t="s">
        <v>14813</v>
      </c>
      <c r="B23924" t="s">
        <v>14814</v>
      </c>
      <c r="C23924" t="s">
        <v>14805</v>
      </c>
      <c r="D23924" t="s">
        <v>14806</v>
      </c>
      <c r="E23924" t="s">
        <v>14797</v>
      </c>
      <c r="F23924" t="s">
        <v>14798</v>
      </c>
      <c r="G23924" t="s">
        <v>10734</v>
      </c>
      <c r="H23924" t="s">
        <v>10735</v>
      </c>
      <c r="I23924" s="2">
        <v>1</v>
      </c>
      <c r="J23924" s="2">
        <v>0</v>
      </c>
      <c r="K23924" s="2">
        <v>0</v>
      </c>
      <c r="L23924" t="s">
        <v>120</v>
      </c>
      <c r="M23924" t="s">
        <v>89</v>
      </c>
      <c r="N23924" t="s">
        <v>90</v>
      </c>
      <c r="O23924" t="s">
        <v>85</v>
      </c>
      <c r="P23924" t="s">
        <v>86</v>
      </c>
      <c r="Q23924">
        <v>5</v>
      </c>
      <c r="R23924">
        <v>5</v>
      </c>
      <c r="S23924">
        <v>5</v>
      </c>
      <c r="T23924">
        <v>5</v>
      </c>
      <c r="U23924">
        <v>5</v>
      </c>
      <c r="V23924">
        <v>6</v>
      </c>
      <c r="W23924">
        <v>6</v>
      </c>
      <c r="X23924">
        <v>6</v>
      </c>
      <c r="Y23924">
        <v>6</v>
      </c>
      <c r="Z23924">
        <v>6</v>
      </c>
      <c r="AA23924">
        <v>6</v>
      </c>
      <c r="AB23924">
        <v>6</v>
      </c>
      <c r="AC23924">
        <v>7</v>
      </c>
      <c r="AD23924">
        <v>7</v>
      </c>
      <c r="AE23924">
        <v>7</v>
      </c>
      <c r="AF23924">
        <v>7</v>
      </c>
      <c r="AG23924">
        <v>7</v>
      </c>
      <c r="AH23924">
        <v>7</v>
      </c>
      <c r="AI23924">
        <v>7</v>
      </c>
      <c r="AJ23924">
        <v>7</v>
      </c>
      <c r="AK23924">
        <v>7</v>
      </c>
      <c r="AL23924">
        <v>7</v>
      </c>
      <c r="AM23924">
        <v>7</v>
      </c>
      <c r="AN23924">
        <v>7</v>
      </c>
      <c r="AO23924">
        <v>7</v>
      </c>
      <c r="AP23924">
        <v>7</v>
      </c>
      <c r="AQ23924">
        <v>8</v>
      </c>
    </row>
    <row r="23925" spans="1:43">
      <c r="A23925" t="s">
        <v>14813</v>
      </c>
      <c r="B23925" t="s">
        <v>14814</v>
      </c>
      <c r="C23925" t="s">
        <v>14805</v>
      </c>
      <c r="D23925" t="s">
        <v>14806</v>
      </c>
      <c r="E23925" t="s">
        <v>14797</v>
      </c>
      <c r="F23925" t="s">
        <v>14798</v>
      </c>
      <c r="G23925" t="s">
        <v>10734</v>
      </c>
      <c r="H23925" t="s">
        <v>10735</v>
      </c>
      <c r="I23925" s="2">
        <v>1</v>
      </c>
      <c r="J23925" s="2">
        <v>0</v>
      </c>
      <c r="K23925" s="2">
        <v>0</v>
      </c>
      <c r="L23925" t="s">
        <v>120</v>
      </c>
      <c r="M23925" t="s">
        <v>83</v>
      </c>
      <c r="N23925" t="s">
        <v>91</v>
      </c>
      <c r="O23925" t="s">
        <v>85</v>
      </c>
      <c r="P23925" t="s">
        <v>86</v>
      </c>
      <c r="Q23925">
        <v>5</v>
      </c>
      <c r="R23925">
        <v>5</v>
      </c>
      <c r="S23925">
        <v>5</v>
      </c>
      <c r="T23925">
        <v>5</v>
      </c>
      <c r="U23925">
        <v>5</v>
      </c>
      <c r="V23925">
        <v>5</v>
      </c>
      <c r="W23925">
        <v>5</v>
      </c>
      <c r="X23925">
        <v>6</v>
      </c>
      <c r="Y23925">
        <v>6</v>
      </c>
      <c r="Z23925">
        <v>6</v>
      </c>
      <c r="AA23925">
        <v>6</v>
      </c>
      <c r="AB23925">
        <v>6</v>
      </c>
      <c r="AC23925">
        <v>6</v>
      </c>
      <c r="AD23925">
        <v>6</v>
      </c>
      <c r="AE23925">
        <v>6</v>
      </c>
      <c r="AF23925">
        <v>7</v>
      </c>
      <c r="AG23925">
        <v>7</v>
      </c>
      <c r="AH23925">
        <v>7</v>
      </c>
      <c r="AI23925">
        <v>7</v>
      </c>
      <c r="AJ23925">
        <v>7</v>
      </c>
      <c r="AK23925">
        <v>7</v>
      </c>
      <c r="AL23925">
        <v>7</v>
      </c>
      <c r="AM23925">
        <v>7</v>
      </c>
      <c r="AN23925">
        <v>7</v>
      </c>
      <c r="AO23925">
        <v>7</v>
      </c>
      <c r="AP23925">
        <v>7</v>
      </c>
      <c r="AQ23925">
        <v>8</v>
      </c>
    </row>
    <row r="23926" spans="1:43">
      <c r="A23926" t="s">
        <v>14815</v>
      </c>
      <c r="B23926" t="s">
        <v>14816</v>
      </c>
      <c r="C23926" t="s">
        <v>14809</v>
      </c>
      <c r="D23926" t="s">
        <v>14810</v>
      </c>
      <c r="E23926" t="s">
        <v>14797</v>
      </c>
      <c r="F23926" t="s">
        <v>14798</v>
      </c>
      <c r="G23926" t="s">
        <v>10734</v>
      </c>
      <c r="H23926" t="s">
        <v>10735</v>
      </c>
      <c r="I23926" s="2">
        <v>1</v>
      </c>
      <c r="J23926" s="2">
        <v>0</v>
      </c>
      <c r="K23926" s="2">
        <v>0</v>
      </c>
      <c r="L23926" t="s">
        <v>120</v>
      </c>
      <c r="M23926" t="s">
        <v>83</v>
      </c>
      <c r="N23926" t="s">
        <v>84</v>
      </c>
      <c r="O23926" t="s">
        <v>85</v>
      </c>
      <c r="P23926" t="s">
        <v>86</v>
      </c>
      <c r="Q23926">
        <v>37</v>
      </c>
      <c r="R23926">
        <v>38</v>
      </c>
      <c r="S23926">
        <v>38</v>
      </c>
      <c r="T23926">
        <v>39</v>
      </c>
      <c r="U23926">
        <v>40</v>
      </c>
      <c r="V23926">
        <v>41</v>
      </c>
      <c r="W23926">
        <v>42</v>
      </c>
      <c r="X23926">
        <v>43</v>
      </c>
      <c r="Y23926">
        <v>44</v>
      </c>
      <c r="Z23926">
        <v>44</v>
      </c>
      <c r="AA23926">
        <v>45</v>
      </c>
      <c r="AB23926">
        <v>46</v>
      </c>
      <c r="AC23926">
        <v>47</v>
      </c>
      <c r="AD23926">
        <v>48</v>
      </c>
      <c r="AE23926">
        <v>49</v>
      </c>
      <c r="AF23926">
        <v>50</v>
      </c>
      <c r="AG23926">
        <v>50</v>
      </c>
      <c r="AH23926">
        <v>51</v>
      </c>
      <c r="AI23926">
        <v>52</v>
      </c>
      <c r="AJ23926">
        <v>53</v>
      </c>
      <c r="AK23926">
        <v>54</v>
      </c>
      <c r="AL23926">
        <v>55</v>
      </c>
      <c r="AM23926">
        <v>55</v>
      </c>
      <c r="AN23926">
        <v>56</v>
      </c>
      <c r="AO23926">
        <v>56</v>
      </c>
      <c r="AP23926">
        <v>57</v>
      </c>
      <c r="AQ23926">
        <v>57</v>
      </c>
    </row>
    <row r="23927" spans="1:43">
      <c r="A23927" t="s">
        <v>14815</v>
      </c>
      <c r="B23927" t="s">
        <v>14816</v>
      </c>
      <c r="C23927" t="s">
        <v>14809</v>
      </c>
      <c r="D23927" t="s">
        <v>14810</v>
      </c>
      <c r="E23927" t="s">
        <v>14797</v>
      </c>
      <c r="F23927" t="s">
        <v>14798</v>
      </c>
      <c r="G23927" t="s">
        <v>10734</v>
      </c>
      <c r="H23927" t="s">
        <v>10735</v>
      </c>
      <c r="I23927" s="2">
        <v>1</v>
      </c>
      <c r="J23927" s="2">
        <v>0</v>
      </c>
      <c r="K23927" s="2">
        <v>0</v>
      </c>
      <c r="L23927" t="s">
        <v>120</v>
      </c>
      <c r="M23927" t="s">
        <v>87</v>
      </c>
      <c r="N23927" t="s">
        <v>88</v>
      </c>
      <c r="O23927" t="s">
        <v>85</v>
      </c>
      <c r="P23927" t="s">
        <v>86</v>
      </c>
      <c r="Q23927">
        <v>37</v>
      </c>
      <c r="R23927">
        <v>38</v>
      </c>
      <c r="S23927">
        <v>38</v>
      </c>
      <c r="T23927">
        <v>39</v>
      </c>
      <c r="U23927">
        <v>39</v>
      </c>
      <c r="V23927">
        <v>40</v>
      </c>
      <c r="W23927">
        <v>40</v>
      </c>
      <c r="X23927">
        <v>41</v>
      </c>
      <c r="Y23927">
        <v>41</v>
      </c>
      <c r="Z23927">
        <v>42</v>
      </c>
      <c r="AA23927">
        <v>42</v>
      </c>
      <c r="AB23927">
        <v>43</v>
      </c>
      <c r="AC23927">
        <v>43</v>
      </c>
      <c r="AD23927">
        <v>44</v>
      </c>
      <c r="AE23927">
        <v>44</v>
      </c>
      <c r="AF23927">
        <v>45</v>
      </c>
      <c r="AG23927">
        <v>45</v>
      </c>
      <c r="AH23927">
        <v>46</v>
      </c>
      <c r="AI23927">
        <v>47</v>
      </c>
      <c r="AJ23927">
        <v>47</v>
      </c>
      <c r="AK23927">
        <v>48</v>
      </c>
      <c r="AL23927">
        <v>48</v>
      </c>
      <c r="AM23927">
        <v>49</v>
      </c>
      <c r="AN23927">
        <v>49</v>
      </c>
      <c r="AO23927">
        <v>50</v>
      </c>
      <c r="AP23927">
        <v>51</v>
      </c>
      <c r="AQ23927">
        <v>51</v>
      </c>
    </row>
    <row r="23928" spans="1:43">
      <c r="A23928" t="s">
        <v>14815</v>
      </c>
      <c r="B23928" t="s">
        <v>14816</v>
      </c>
      <c r="C23928" t="s">
        <v>14809</v>
      </c>
      <c r="D23928" t="s">
        <v>14810</v>
      </c>
      <c r="E23928" t="s">
        <v>14797</v>
      </c>
      <c r="F23928" t="s">
        <v>14798</v>
      </c>
      <c r="G23928" t="s">
        <v>10734</v>
      </c>
      <c r="H23928" t="s">
        <v>10735</v>
      </c>
      <c r="I23928" s="2">
        <v>1</v>
      </c>
      <c r="J23928" s="2">
        <v>0</v>
      </c>
      <c r="K23928" s="2">
        <v>0</v>
      </c>
      <c r="L23928" t="s">
        <v>120</v>
      </c>
      <c r="M23928" t="s">
        <v>89</v>
      </c>
      <c r="N23928" t="s">
        <v>90</v>
      </c>
      <c r="O23928" t="s">
        <v>85</v>
      </c>
      <c r="P23928" t="s">
        <v>86</v>
      </c>
      <c r="Q23928">
        <v>37</v>
      </c>
      <c r="R23928">
        <v>38</v>
      </c>
      <c r="S23928">
        <v>39</v>
      </c>
      <c r="T23928">
        <v>41</v>
      </c>
      <c r="U23928">
        <v>42</v>
      </c>
      <c r="V23928">
        <v>43</v>
      </c>
      <c r="W23928">
        <v>44</v>
      </c>
      <c r="X23928">
        <v>45</v>
      </c>
      <c r="Y23928">
        <v>46</v>
      </c>
      <c r="Z23928">
        <v>47</v>
      </c>
      <c r="AA23928">
        <v>48</v>
      </c>
      <c r="AB23928">
        <v>49</v>
      </c>
      <c r="AC23928">
        <v>50</v>
      </c>
      <c r="AD23928">
        <v>51</v>
      </c>
      <c r="AE23928">
        <v>52</v>
      </c>
      <c r="AF23928">
        <v>52</v>
      </c>
      <c r="AG23928">
        <v>53</v>
      </c>
      <c r="AH23928">
        <v>53</v>
      </c>
      <c r="AI23928">
        <v>54</v>
      </c>
      <c r="AJ23928">
        <v>54</v>
      </c>
      <c r="AK23928">
        <v>55</v>
      </c>
      <c r="AL23928">
        <v>55</v>
      </c>
      <c r="AM23928">
        <v>56</v>
      </c>
      <c r="AN23928">
        <v>56</v>
      </c>
      <c r="AO23928">
        <v>57</v>
      </c>
      <c r="AP23928">
        <v>57</v>
      </c>
      <c r="AQ23928">
        <v>58</v>
      </c>
    </row>
    <row r="23929" spans="1:43">
      <c r="A23929" t="s">
        <v>14815</v>
      </c>
      <c r="B23929" t="s">
        <v>14816</v>
      </c>
      <c r="C23929" t="s">
        <v>14809</v>
      </c>
      <c r="D23929" t="s">
        <v>14810</v>
      </c>
      <c r="E23929" t="s">
        <v>14797</v>
      </c>
      <c r="F23929" t="s">
        <v>14798</v>
      </c>
      <c r="G23929" t="s">
        <v>10734</v>
      </c>
      <c r="H23929" t="s">
        <v>10735</v>
      </c>
      <c r="I23929" s="2">
        <v>1</v>
      </c>
      <c r="J23929" s="2">
        <v>0</v>
      </c>
      <c r="K23929" s="2">
        <v>0</v>
      </c>
      <c r="L23929" t="s">
        <v>120</v>
      </c>
      <c r="M23929" t="s">
        <v>83</v>
      </c>
      <c r="N23929" t="s">
        <v>91</v>
      </c>
      <c r="O23929" t="s">
        <v>85</v>
      </c>
      <c r="P23929" t="s">
        <v>86</v>
      </c>
      <c r="Q23929">
        <v>37</v>
      </c>
      <c r="R23929">
        <v>38</v>
      </c>
      <c r="S23929">
        <v>38</v>
      </c>
      <c r="T23929">
        <v>39</v>
      </c>
      <c r="U23929">
        <v>40</v>
      </c>
      <c r="V23929">
        <v>41</v>
      </c>
      <c r="W23929">
        <v>42</v>
      </c>
      <c r="X23929">
        <v>43</v>
      </c>
      <c r="Y23929">
        <v>44</v>
      </c>
      <c r="Z23929">
        <v>44</v>
      </c>
      <c r="AA23929">
        <v>45</v>
      </c>
      <c r="AB23929">
        <v>46</v>
      </c>
      <c r="AC23929">
        <v>47</v>
      </c>
      <c r="AD23929">
        <v>48</v>
      </c>
      <c r="AE23929">
        <v>49</v>
      </c>
      <c r="AF23929">
        <v>50</v>
      </c>
      <c r="AG23929">
        <v>50</v>
      </c>
      <c r="AH23929">
        <v>51</v>
      </c>
      <c r="AI23929">
        <v>52</v>
      </c>
      <c r="AJ23929">
        <v>53</v>
      </c>
      <c r="AK23929">
        <v>54</v>
      </c>
      <c r="AL23929">
        <v>55</v>
      </c>
      <c r="AM23929">
        <v>55</v>
      </c>
      <c r="AN23929">
        <v>56</v>
      </c>
      <c r="AO23929">
        <v>56</v>
      </c>
      <c r="AP23929">
        <v>57</v>
      </c>
      <c r="AQ23929">
        <v>57</v>
      </c>
    </row>
    <row r="23930" spans="1:43">
      <c r="A23930" t="s">
        <v>14817</v>
      </c>
      <c r="B23930" t="s">
        <v>14818</v>
      </c>
      <c r="C23930" t="s">
        <v>14819</v>
      </c>
      <c r="D23930" t="s">
        <v>14820</v>
      </c>
      <c r="E23930" t="s">
        <v>14797</v>
      </c>
      <c r="F23930" t="s">
        <v>14798</v>
      </c>
      <c r="G23930" t="s">
        <v>10734</v>
      </c>
      <c r="H23930" t="s">
        <v>10735</v>
      </c>
      <c r="I23930" s="2">
        <v>1</v>
      </c>
      <c r="J23930" s="2">
        <v>0</v>
      </c>
      <c r="K23930" s="2">
        <v>0</v>
      </c>
      <c r="L23930" t="s">
        <v>120</v>
      </c>
      <c r="M23930" t="s">
        <v>83</v>
      </c>
      <c r="N23930" t="s">
        <v>84</v>
      </c>
      <c r="O23930" t="s">
        <v>85</v>
      </c>
      <c r="P23930" t="s">
        <v>86</v>
      </c>
      <c r="Q23930">
        <v>17</v>
      </c>
      <c r="R23930">
        <v>18</v>
      </c>
      <c r="S23930">
        <v>18</v>
      </c>
      <c r="T23930">
        <v>19</v>
      </c>
      <c r="U23930">
        <v>19</v>
      </c>
      <c r="V23930">
        <v>19</v>
      </c>
      <c r="W23930">
        <v>20</v>
      </c>
      <c r="X23930">
        <v>20</v>
      </c>
      <c r="Y23930">
        <v>21</v>
      </c>
      <c r="Z23930">
        <v>21</v>
      </c>
      <c r="AA23930">
        <v>21</v>
      </c>
      <c r="AB23930">
        <v>22</v>
      </c>
      <c r="AC23930">
        <v>22</v>
      </c>
      <c r="AD23930">
        <v>23</v>
      </c>
      <c r="AE23930">
        <v>23</v>
      </c>
      <c r="AF23930">
        <v>23</v>
      </c>
      <c r="AG23930">
        <v>24</v>
      </c>
      <c r="AH23930">
        <v>24</v>
      </c>
      <c r="AI23930">
        <v>25</v>
      </c>
      <c r="AJ23930">
        <v>25</v>
      </c>
      <c r="AK23930">
        <v>26</v>
      </c>
      <c r="AL23930">
        <v>26</v>
      </c>
      <c r="AM23930">
        <v>26</v>
      </c>
      <c r="AN23930">
        <v>26</v>
      </c>
      <c r="AO23930">
        <v>27</v>
      </c>
      <c r="AP23930">
        <v>27</v>
      </c>
      <c r="AQ23930">
        <v>27</v>
      </c>
    </row>
    <row r="23931" spans="1:43">
      <c r="A23931" t="s">
        <v>14817</v>
      </c>
      <c r="B23931" t="s">
        <v>14818</v>
      </c>
      <c r="C23931" t="s">
        <v>14819</v>
      </c>
      <c r="D23931" t="s">
        <v>14820</v>
      </c>
      <c r="E23931" t="s">
        <v>14797</v>
      </c>
      <c r="F23931" t="s">
        <v>14798</v>
      </c>
      <c r="G23931" t="s">
        <v>10734</v>
      </c>
      <c r="H23931" t="s">
        <v>10735</v>
      </c>
      <c r="I23931" s="2">
        <v>1</v>
      </c>
      <c r="J23931" s="2">
        <v>0</v>
      </c>
      <c r="K23931" s="2">
        <v>0</v>
      </c>
      <c r="L23931" t="s">
        <v>120</v>
      </c>
      <c r="M23931" t="s">
        <v>87</v>
      </c>
      <c r="N23931" t="s">
        <v>88</v>
      </c>
      <c r="O23931" t="s">
        <v>85</v>
      </c>
      <c r="P23931" t="s">
        <v>86</v>
      </c>
      <c r="Q23931">
        <v>17</v>
      </c>
      <c r="R23931">
        <v>17</v>
      </c>
      <c r="S23931">
        <v>18</v>
      </c>
      <c r="T23931">
        <v>18</v>
      </c>
      <c r="U23931">
        <v>18</v>
      </c>
      <c r="V23931">
        <v>18</v>
      </c>
      <c r="W23931">
        <v>19</v>
      </c>
      <c r="X23931">
        <v>19</v>
      </c>
      <c r="Y23931">
        <v>19</v>
      </c>
      <c r="Z23931">
        <v>19</v>
      </c>
      <c r="AA23931">
        <v>19</v>
      </c>
      <c r="AB23931">
        <v>20</v>
      </c>
      <c r="AC23931">
        <v>20</v>
      </c>
      <c r="AD23931">
        <v>20</v>
      </c>
      <c r="AE23931">
        <v>20</v>
      </c>
      <c r="AF23931">
        <v>21</v>
      </c>
      <c r="AG23931">
        <v>21</v>
      </c>
      <c r="AH23931">
        <v>21</v>
      </c>
      <c r="AI23931">
        <v>21</v>
      </c>
      <c r="AJ23931">
        <v>22</v>
      </c>
      <c r="AK23931">
        <v>22</v>
      </c>
      <c r="AL23931">
        <v>22</v>
      </c>
      <c r="AM23931">
        <v>23</v>
      </c>
      <c r="AN23931">
        <v>23</v>
      </c>
      <c r="AO23931">
        <v>23</v>
      </c>
      <c r="AP23931">
        <v>23</v>
      </c>
      <c r="AQ23931">
        <v>24</v>
      </c>
    </row>
    <row r="23932" spans="1:43">
      <c r="A23932" t="s">
        <v>14817</v>
      </c>
      <c r="B23932" t="s">
        <v>14818</v>
      </c>
      <c r="C23932" t="s">
        <v>14819</v>
      </c>
      <c r="D23932" t="s">
        <v>14820</v>
      </c>
      <c r="E23932" t="s">
        <v>14797</v>
      </c>
      <c r="F23932" t="s">
        <v>14798</v>
      </c>
      <c r="G23932" t="s">
        <v>10734</v>
      </c>
      <c r="H23932" t="s">
        <v>10735</v>
      </c>
      <c r="I23932" s="2">
        <v>1</v>
      </c>
      <c r="J23932" s="2">
        <v>0</v>
      </c>
      <c r="K23932" s="2">
        <v>0</v>
      </c>
      <c r="L23932" t="s">
        <v>120</v>
      </c>
      <c r="M23932" t="s">
        <v>89</v>
      </c>
      <c r="N23932" t="s">
        <v>90</v>
      </c>
      <c r="O23932" t="s">
        <v>85</v>
      </c>
      <c r="P23932" t="s">
        <v>86</v>
      </c>
      <c r="Q23932">
        <v>17</v>
      </c>
      <c r="R23932">
        <v>17</v>
      </c>
      <c r="S23932">
        <v>18</v>
      </c>
      <c r="T23932">
        <v>18</v>
      </c>
      <c r="U23932">
        <v>19</v>
      </c>
      <c r="V23932">
        <v>19</v>
      </c>
      <c r="W23932">
        <v>20</v>
      </c>
      <c r="X23932">
        <v>20</v>
      </c>
      <c r="Y23932">
        <v>21</v>
      </c>
      <c r="Z23932">
        <v>21</v>
      </c>
      <c r="AA23932">
        <v>22</v>
      </c>
      <c r="AB23932">
        <v>22</v>
      </c>
      <c r="AC23932">
        <v>23</v>
      </c>
      <c r="AD23932">
        <v>23</v>
      </c>
      <c r="AE23932">
        <v>24</v>
      </c>
      <c r="AF23932">
        <v>24</v>
      </c>
      <c r="AG23932">
        <v>24</v>
      </c>
      <c r="AH23932">
        <v>24</v>
      </c>
      <c r="AI23932">
        <v>25</v>
      </c>
      <c r="AJ23932">
        <v>25</v>
      </c>
      <c r="AK23932">
        <v>25</v>
      </c>
      <c r="AL23932">
        <v>25</v>
      </c>
      <c r="AM23932">
        <v>25</v>
      </c>
      <c r="AN23932">
        <v>26</v>
      </c>
      <c r="AO23932">
        <v>26</v>
      </c>
      <c r="AP23932">
        <v>26</v>
      </c>
      <c r="AQ23932">
        <v>26</v>
      </c>
    </row>
    <row r="23933" spans="1:43">
      <c r="A23933" t="s">
        <v>14817</v>
      </c>
      <c r="B23933" t="s">
        <v>14818</v>
      </c>
      <c r="C23933" t="s">
        <v>14819</v>
      </c>
      <c r="D23933" t="s">
        <v>14820</v>
      </c>
      <c r="E23933" t="s">
        <v>14797</v>
      </c>
      <c r="F23933" t="s">
        <v>14798</v>
      </c>
      <c r="G23933" t="s">
        <v>10734</v>
      </c>
      <c r="H23933" t="s">
        <v>10735</v>
      </c>
      <c r="I23933" s="2">
        <v>1</v>
      </c>
      <c r="J23933" s="2">
        <v>0</v>
      </c>
      <c r="K23933" s="2">
        <v>0</v>
      </c>
      <c r="L23933" t="s">
        <v>120</v>
      </c>
      <c r="M23933" t="s">
        <v>83</v>
      </c>
      <c r="N23933" t="s">
        <v>91</v>
      </c>
      <c r="O23933" t="s">
        <v>85</v>
      </c>
      <c r="P23933" t="s">
        <v>86</v>
      </c>
      <c r="Q23933">
        <v>17</v>
      </c>
      <c r="R23933">
        <v>18</v>
      </c>
      <c r="S23933">
        <v>18</v>
      </c>
      <c r="T23933">
        <v>19</v>
      </c>
      <c r="U23933">
        <v>19</v>
      </c>
      <c r="V23933">
        <v>19</v>
      </c>
      <c r="W23933">
        <v>20</v>
      </c>
      <c r="X23933">
        <v>20</v>
      </c>
      <c r="Y23933">
        <v>21</v>
      </c>
      <c r="Z23933">
        <v>21</v>
      </c>
      <c r="AA23933">
        <v>21</v>
      </c>
      <c r="AB23933">
        <v>22</v>
      </c>
      <c r="AC23933">
        <v>22</v>
      </c>
      <c r="AD23933">
        <v>23</v>
      </c>
      <c r="AE23933">
        <v>23</v>
      </c>
      <c r="AF23933">
        <v>23</v>
      </c>
      <c r="AG23933">
        <v>24</v>
      </c>
      <c r="AH23933">
        <v>24</v>
      </c>
      <c r="AI23933">
        <v>25</v>
      </c>
      <c r="AJ23933">
        <v>25</v>
      </c>
      <c r="AK23933">
        <v>26</v>
      </c>
      <c r="AL23933">
        <v>26</v>
      </c>
      <c r="AM23933">
        <v>26</v>
      </c>
      <c r="AN23933">
        <v>26</v>
      </c>
      <c r="AO23933">
        <v>27</v>
      </c>
      <c r="AP23933">
        <v>27</v>
      </c>
      <c r="AQ23933">
        <v>27</v>
      </c>
    </row>
    <row r="23934" spans="1:43">
      <c r="A23934" t="s">
        <v>14821</v>
      </c>
      <c r="B23934" t="s">
        <v>14822</v>
      </c>
      <c r="C23934" t="s">
        <v>14805</v>
      </c>
      <c r="D23934" t="s">
        <v>14806</v>
      </c>
      <c r="E23934" t="s">
        <v>14797</v>
      </c>
      <c r="F23934" t="s">
        <v>14798</v>
      </c>
      <c r="G23934" t="s">
        <v>10734</v>
      </c>
      <c r="H23934" t="s">
        <v>10735</v>
      </c>
      <c r="I23934" s="2">
        <v>1</v>
      </c>
      <c r="J23934" s="2">
        <v>0</v>
      </c>
      <c r="K23934" s="2">
        <v>0</v>
      </c>
      <c r="L23934" t="s">
        <v>120</v>
      </c>
      <c r="M23934" t="s">
        <v>83</v>
      </c>
      <c r="N23934" t="s">
        <v>84</v>
      </c>
      <c r="O23934" t="s">
        <v>85</v>
      </c>
      <c r="P23934" t="s">
        <v>86</v>
      </c>
      <c r="Q23934">
        <v>27</v>
      </c>
      <c r="R23934">
        <v>27</v>
      </c>
      <c r="S23934">
        <v>28</v>
      </c>
      <c r="T23934">
        <v>28</v>
      </c>
      <c r="U23934">
        <v>29</v>
      </c>
      <c r="V23934">
        <v>30</v>
      </c>
      <c r="W23934">
        <v>30</v>
      </c>
      <c r="X23934">
        <v>31</v>
      </c>
      <c r="Y23934">
        <v>31</v>
      </c>
      <c r="Z23934">
        <v>32</v>
      </c>
      <c r="AA23934">
        <v>33</v>
      </c>
      <c r="AB23934">
        <v>33</v>
      </c>
      <c r="AC23934">
        <v>34</v>
      </c>
      <c r="AD23934">
        <v>35</v>
      </c>
      <c r="AE23934">
        <v>35</v>
      </c>
      <c r="AF23934">
        <v>36</v>
      </c>
      <c r="AG23934">
        <v>37</v>
      </c>
      <c r="AH23934">
        <v>37</v>
      </c>
      <c r="AI23934">
        <v>38</v>
      </c>
      <c r="AJ23934">
        <v>39</v>
      </c>
      <c r="AK23934">
        <v>39</v>
      </c>
      <c r="AL23934">
        <v>40</v>
      </c>
      <c r="AM23934">
        <v>40</v>
      </c>
      <c r="AN23934">
        <v>40</v>
      </c>
      <c r="AO23934">
        <v>41</v>
      </c>
      <c r="AP23934">
        <v>41</v>
      </c>
      <c r="AQ23934">
        <v>42</v>
      </c>
    </row>
    <row r="23935" spans="1:43">
      <c r="A23935" t="s">
        <v>14821</v>
      </c>
      <c r="B23935" t="s">
        <v>14822</v>
      </c>
      <c r="C23935" t="s">
        <v>14805</v>
      </c>
      <c r="D23935" t="s">
        <v>14806</v>
      </c>
      <c r="E23935" t="s">
        <v>14797</v>
      </c>
      <c r="F23935" t="s">
        <v>14798</v>
      </c>
      <c r="G23935" t="s">
        <v>10734</v>
      </c>
      <c r="H23935" t="s">
        <v>10735</v>
      </c>
      <c r="I23935" s="2">
        <v>1</v>
      </c>
      <c r="J23935" s="2">
        <v>0</v>
      </c>
      <c r="K23935" s="2">
        <v>0</v>
      </c>
      <c r="L23935" t="s">
        <v>120</v>
      </c>
      <c r="M23935" t="s">
        <v>87</v>
      </c>
      <c r="N23935" t="s">
        <v>88</v>
      </c>
      <c r="O23935" t="s">
        <v>85</v>
      </c>
      <c r="P23935" t="s">
        <v>86</v>
      </c>
      <c r="Q23935">
        <v>27</v>
      </c>
      <c r="R23935">
        <v>28</v>
      </c>
      <c r="S23935">
        <v>28</v>
      </c>
      <c r="T23935">
        <v>28</v>
      </c>
      <c r="U23935">
        <v>29</v>
      </c>
      <c r="V23935">
        <v>29</v>
      </c>
      <c r="W23935">
        <v>29</v>
      </c>
      <c r="X23935">
        <v>30</v>
      </c>
      <c r="Y23935">
        <v>30</v>
      </c>
      <c r="Z23935">
        <v>30</v>
      </c>
      <c r="AA23935">
        <v>31</v>
      </c>
      <c r="AB23935">
        <v>31</v>
      </c>
      <c r="AC23935">
        <v>32</v>
      </c>
      <c r="AD23935">
        <v>32</v>
      </c>
      <c r="AE23935">
        <v>32</v>
      </c>
      <c r="AF23935">
        <v>33</v>
      </c>
      <c r="AG23935">
        <v>33</v>
      </c>
      <c r="AH23935">
        <v>33</v>
      </c>
      <c r="AI23935">
        <v>34</v>
      </c>
      <c r="AJ23935">
        <v>34</v>
      </c>
      <c r="AK23935">
        <v>35</v>
      </c>
      <c r="AL23935">
        <v>35</v>
      </c>
      <c r="AM23935">
        <v>35</v>
      </c>
      <c r="AN23935">
        <v>36</v>
      </c>
      <c r="AO23935">
        <v>36</v>
      </c>
      <c r="AP23935">
        <v>37</v>
      </c>
      <c r="AQ23935">
        <v>37</v>
      </c>
    </row>
    <row r="23936" spans="1:43">
      <c r="A23936" t="s">
        <v>14821</v>
      </c>
      <c r="B23936" t="s">
        <v>14822</v>
      </c>
      <c r="C23936" t="s">
        <v>14805</v>
      </c>
      <c r="D23936" t="s">
        <v>14806</v>
      </c>
      <c r="E23936" t="s">
        <v>14797</v>
      </c>
      <c r="F23936" t="s">
        <v>14798</v>
      </c>
      <c r="G23936" t="s">
        <v>10734</v>
      </c>
      <c r="H23936" t="s">
        <v>10735</v>
      </c>
      <c r="I23936" s="2">
        <v>1</v>
      </c>
      <c r="J23936" s="2">
        <v>0</v>
      </c>
      <c r="K23936" s="2">
        <v>0</v>
      </c>
      <c r="L23936" t="s">
        <v>120</v>
      </c>
      <c r="M23936" t="s">
        <v>89</v>
      </c>
      <c r="N23936" t="s">
        <v>90</v>
      </c>
      <c r="O23936" t="s">
        <v>85</v>
      </c>
      <c r="P23936" t="s">
        <v>86</v>
      </c>
      <c r="Q23936">
        <v>27</v>
      </c>
      <c r="R23936">
        <v>28</v>
      </c>
      <c r="S23936">
        <v>28</v>
      </c>
      <c r="T23936">
        <v>29</v>
      </c>
      <c r="U23936">
        <v>30</v>
      </c>
      <c r="V23936">
        <v>31</v>
      </c>
      <c r="W23936">
        <v>32</v>
      </c>
      <c r="X23936">
        <v>32</v>
      </c>
      <c r="Y23936">
        <v>33</v>
      </c>
      <c r="Z23936">
        <v>34</v>
      </c>
      <c r="AA23936">
        <v>35</v>
      </c>
      <c r="AB23936">
        <v>35</v>
      </c>
      <c r="AC23936">
        <v>36</v>
      </c>
      <c r="AD23936">
        <v>37</v>
      </c>
      <c r="AE23936">
        <v>38</v>
      </c>
      <c r="AF23936">
        <v>38</v>
      </c>
      <c r="AG23936">
        <v>38</v>
      </c>
      <c r="AH23936">
        <v>39</v>
      </c>
      <c r="AI23936">
        <v>39</v>
      </c>
      <c r="AJ23936">
        <v>39</v>
      </c>
      <c r="AK23936">
        <v>40</v>
      </c>
      <c r="AL23936">
        <v>40</v>
      </c>
      <c r="AM23936">
        <v>40</v>
      </c>
      <c r="AN23936">
        <v>41</v>
      </c>
      <c r="AO23936">
        <v>41</v>
      </c>
      <c r="AP23936">
        <v>42</v>
      </c>
      <c r="AQ23936">
        <v>42</v>
      </c>
    </row>
    <row r="23937" spans="1:43">
      <c r="A23937" t="s">
        <v>14821</v>
      </c>
      <c r="B23937" t="s">
        <v>14822</v>
      </c>
      <c r="C23937" t="s">
        <v>14805</v>
      </c>
      <c r="D23937" t="s">
        <v>14806</v>
      </c>
      <c r="E23937" t="s">
        <v>14797</v>
      </c>
      <c r="F23937" t="s">
        <v>14798</v>
      </c>
      <c r="G23937" t="s">
        <v>10734</v>
      </c>
      <c r="H23937" t="s">
        <v>10735</v>
      </c>
      <c r="I23937" s="2">
        <v>1</v>
      </c>
      <c r="J23937" s="2">
        <v>0</v>
      </c>
      <c r="K23937" s="2">
        <v>0</v>
      </c>
      <c r="L23937" t="s">
        <v>120</v>
      </c>
      <c r="M23937" t="s">
        <v>83</v>
      </c>
      <c r="N23937" t="s">
        <v>91</v>
      </c>
      <c r="O23937" t="s">
        <v>85</v>
      </c>
      <c r="P23937" t="s">
        <v>86</v>
      </c>
      <c r="Q23937">
        <v>27</v>
      </c>
      <c r="R23937">
        <v>27</v>
      </c>
      <c r="S23937">
        <v>28</v>
      </c>
      <c r="T23937">
        <v>28</v>
      </c>
      <c r="U23937">
        <v>29</v>
      </c>
      <c r="V23937">
        <v>30</v>
      </c>
      <c r="W23937">
        <v>30</v>
      </c>
      <c r="X23937">
        <v>31</v>
      </c>
      <c r="Y23937">
        <v>31</v>
      </c>
      <c r="Z23937">
        <v>32</v>
      </c>
      <c r="AA23937">
        <v>33</v>
      </c>
      <c r="AB23937">
        <v>33</v>
      </c>
      <c r="AC23937">
        <v>34</v>
      </c>
      <c r="AD23937">
        <v>35</v>
      </c>
      <c r="AE23937">
        <v>35</v>
      </c>
      <c r="AF23937">
        <v>36</v>
      </c>
      <c r="AG23937">
        <v>37</v>
      </c>
      <c r="AH23937">
        <v>37</v>
      </c>
      <c r="AI23937">
        <v>38</v>
      </c>
      <c r="AJ23937">
        <v>39</v>
      </c>
      <c r="AK23937">
        <v>39</v>
      </c>
      <c r="AL23937">
        <v>40</v>
      </c>
      <c r="AM23937">
        <v>40</v>
      </c>
      <c r="AN23937">
        <v>40</v>
      </c>
      <c r="AO23937">
        <v>41</v>
      </c>
      <c r="AP23937">
        <v>41</v>
      </c>
      <c r="AQ23937">
        <v>42</v>
      </c>
    </row>
    <row r="23938" spans="1:43">
      <c r="A23938" t="s">
        <v>14823</v>
      </c>
      <c r="B23938" t="s">
        <v>14824</v>
      </c>
      <c r="C23938" t="s">
        <v>14805</v>
      </c>
      <c r="D23938" t="s">
        <v>14806</v>
      </c>
      <c r="E23938" t="s">
        <v>14797</v>
      </c>
      <c r="F23938" t="s">
        <v>14798</v>
      </c>
      <c r="G23938" t="s">
        <v>10734</v>
      </c>
      <c r="H23938" t="s">
        <v>10735</v>
      </c>
      <c r="I23938" s="2">
        <v>1</v>
      </c>
      <c r="J23938" s="2">
        <v>0</v>
      </c>
      <c r="K23938" s="2">
        <v>0</v>
      </c>
      <c r="L23938" t="s">
        <v>120</v>
      </c>
      <c r="M23938" t="s">
        <v>83</v>
      </c>
      <c r="N23938" t="s">
        <v>84</v>
      </c>
      <c r="O23938" t="s">
        <v>85</v>
      </c>
      <c r="P23938" t="s">
        <v>86</v>
      </c>
      <c r="Q23938">
        <v>25</v>
      </c>
      <c r="R23938">
        <v>25</v>
      </c>
      <c r="S23938">
        <v>26</v>
      </c>
      <c r="T23938">
        <v>26</v>
      </c>
      <c r="U23938">
        <v>27</v>
      </c>
      <c r="V23938">
        <v>28</v>
      </c>
      <c r="W23938">
        <v>28</v>
      </c>
      <c r="X23938">
        <v>29</v>
      </c>
      <c r="Y23938">
        <v>29</v>
      </c>
      <c r="Z23938">
        <v>30</v>
      </c>
      <c r="AA23938">
        <v>30</v>
      </c>
      <c r="AB23938">
        <v>31</v>
      </c>
      <c r="AC23938">
        <v>32</v>
      </c>
      <c r="AD23938">
        <v>32</v>
      </c>
      <c r="AE23938">
        <v>33</v>
      </c>
      <c r="AF23938">
        <v>33</v>
      </c>
      <c r="AG23938">
        <v>34</v>
      </c>
      <c r="AH23938">
        <v>35</v>
      </c>
      <c r="AI23938">
        <v>35</v>
      </c>
      <c r="AJ23938">
        <v>36</v>
      </c>
      <c r="AK23938">
        <v>37</v>
      </c>
      <c r="AL23938">
        <v>37</v>
      </c>
      <c r="AM23938">
        <v>37</v>
      </c>
      <c r="AN23938">
        <v>38</v>
      </c>
      <c r="AO23938">
        <v>38</v>
      </c>
      <c r="AP23938">
        <v>38</v>
      </c>
      <c r="AQ23938">
        <v>39</v>
      </c>
    </row>
    <row r="23939" spans="1:43">
      <c r="A23939" t="s">
        <v>14823</v>
      </c>
      <c r="B23939" t="s">
        <v>14824</v>
      </c>
      <c r="C23939" t="s">
        <v>14805</v>
      </c>
      <c r="D23939" t="s">
        <v>14806</v>
      </c>
      <c r="E23939" t="s">
        <v>14797</v>
      </c>
      <c r="F23939" t="s">
        <v>14798</v>
      </c>
      <c r="G23939" t="s">
        <v>10734</v>
      </c>
      <c r="H23939" t="s">
        <v>10735</v>
      </c>
      <c r="I23939" s="2">
        <v>1</v>
      </c>
      <c r="J23939" s="2">
        <v>0</v>
      </c>
      <c r="K23939" s="2">
        <v>0</v>
      </c>
      <c r="L23939" t="s">
        <v>120</v>
      </c>
      <c r="M23939" t="s">
        <v>87</v>
      </c>
      <c r="N23939" t="s">
        <v>88</v>
      </c>
      <c r="O23939" t="s">
        <v>85</v>
      </c>
      <c r="P23939" t="s">
        <v>86</v>
      </c>
      <c r="Q23939">
        <v>25</v>
      </c>
      <c r="R23939">
        <v>25</v>
      </c>
      <c r="S23939">
        <v>25</v>
      </c>
      <c r="T23939">
        <v>26</v>
      </c>
      <c r="U23939">
        <v>26</v>
      </c>
      <c r="V23939">
        <v>26</v>
      </c>
      <c r="W23939">
        <v>26</v>
      </c>
      <c r="X23939">
        <v>27</v>
      </c>
      <c r="Y23939">
        <v>27</v>
      </c>
      <c r="Z23939">
        <v>27</v>
      </c>
      <c r="AA23939">
        <v>28</v>
      </c>
      <c r="AB23939">
        <v>28</v>
      </c>
      <c r="AC23939">
        <v>29</v>
      </c>
      <c r="AD23939">
        <v>29</v>
      </c>
      <c r="AE23939">
        <v>29</v>
      </c>
      <c r="AF23939">
        <v>30</v>
      </c>
      <c r="AG23939">
        <v>30</v>
      </c>
      <c r="AH23939">
        <v>30</v>
      </c>
      <c r="AI23939">
        <v>31</v>
      </c>
      <c r="AJ23939">
        <v>31</v>
      </c>
      <c r="AK23939">
        <v>31</v>
      </c>
      <c r="AL23939">
        <v>32</v>
      </c>
      <c r="AM23939">
        <v>32</v>
      </c>
      <c r="AN23939">
        <v>33</v>
      </c>
      <c r="AO23939">
        <v>33</v>
      </c>
      <c r="AP23939">
        <v>33</v>
      </c>
      <c r="AQ23939">
        <v>34</v>
      </c>
    </row>
    <row r="23940" spans="1:43">
      <c r="A23940" t="s">
        <v>14823</v>
      </c>
      <c r="B23940" t="s">
        <v>14824</v>
      </c>
      <c r="C23940" t="s">
        <v>14805</v>
      </c>
      <c r="D23940" t="s">
        <v>14806</v>
      </c>
      <c r="E23940" t="s">
        <v>14797</v>
      </c>
      <c r="F23940" t="s">
        <v>14798</v>
      </c>
      <c r="G23940" t="s">
        <v>10734</v>
      </c>
      <c r="H23940" t="s">
        <v>10735</v>
      </c>
      <c r="I23940" s="2">
        <v>1</v>
      </c>
      <c r="J23940" s="2">
        <v>0</v>
      </c>
      <c r="K23940" s="2">
        <v>0</v>
      </c>
      <c r="L23940" t="s">
        <v>120</v>
      </c>
      <c r="M23940" t="s">
        <v>89</v>
      </c>
      <c r="N23940" t="s">
        <v>90</v>
      </c>
      <c r="O23940" t="s">
        <v>85</v>
      </c>
      <c r="P23940" t="s">
        <v>86</v>
      </c>
      <c r="Q23940">
        <v>25</v>
      </c>
      <c r="R23940">
        <v>26</v>
      </c>
      <c r="S23940">
        <v>27</v>
      </c>
      <c r="T23940">
        <v>27</v>
      </c>
      <c r="U23940">
        <v>28</v>
      </c>
      <c r="V23940">
        <v>29</v>
      </c>
      <c r="W23940">
        <v>30</v>
      </c>
      <c r="X23940">
        <v>30</v>
      </c>
      <c r="Y23940">
        <v>31</v>
      </c>
      <c r="Z23940">
        <v>32</v>
      </c>
      <c r="AA23940">
        <v>32</v>
      </c>
      <c r="AB23940">
        <v>33</v>
      </c>
      <c r="AC23940">
        <v>34</v>
      </c>
      <c r="AD23940">
        <v>35</v>
      </c>
      <c r="AE23940">
        <v>35</v>
      </c>
      <c r="AF23940">
        <v>35</v>
      </c>
      <c r="AG23940">
        <v>36</v>
      </c>
      <c r="AH23940">
        <v>36</v>
      </c>
      <c r="AI23940">
        <v>36</v>
      </c>
      <c r="AJ23940">
        <v>37</v>
      </c>
      <c r="AK23940">
        <v>37</v>
      </c>
      <c r="AL23940">
        <v>37</v>
      </c>
      <c r="AM23940">
        <v>38</v>
      </c>
      <c r="AN23940">
        <v>38</v>
      </c>
      <c r="AO23940">
        <v>38</v>
      </c>
      <c r="AP23940">
        <v>39</v>
      </c>
      <c r="AQ23940">
        <v>39</v>
      </c>
    </row>
    <row r="23941" spans="1:43">
      <c r="A23941" t="s">
        <v>14823</v>
      </c>
      <c r="B23941" t="s">
        <v>14824</v>
      </c>
      <c r="C23941" t="s">
        <v>14805</v>
      </c>
      <c r="D23941" t="s">
        <v>14806</v>
      </c>
      <c r="E23941" t="s">
        <v>14797</v>
      </c>
      <c r="F23941" t="s">
        <v>14798</v>
      </c>
      <c r="G23941" t="s">
        <v>10734</v>
      </c>
      <c r="H23941" t="s">
        <v>10735</v>
      </c>
      <c r="I23941" s="2">
        <v>1</v>
      </c>
      <c r="J23941" s="2">
        <v>0</v>
      </c>
      <c r="K23941" s="2">
        <v>0</v>
      </c>
      <c r="L23941" t="s">
        <v>120</v>
      </c>
      <c r="M23941" t="s">
        <v>83</v>
      </c>
      <c r="N23941" t="s">
        <v>91</v>
      </c>
      <c r="O23941" t="s">
        <v>85</v>
      </c>
      <c r="P23941" t="s">
        <v>86</v>
      </c>
      <c r="Q23941">
        <v>25</v>
      </c>
      <c r="R23941">
        <v>25</v>
      </c>
      <c r="S23941">
        <v>26</v>
      </c>
      <c r="T23941">
        <v>26</v>
      </c>
      <c r="U23941">
        <v>27</v>
      </c>
      <c r="V23941">
        <v>28</v>
      </c>
      <c r="W23941">
        <v>28</v>
      </c>
      <c r="X23941">
        <v>29</v>
      </c>
      <c r="Y23941">
        <v>29</v>
      </c>
      <c r="Z23941">
        <v>30</v>
      </c>
      <c r="AA23941">
        <v>30</v>
      </c>
      <c r="AB23941">
        <v>31</v>
      </c>
      <c r="AC23941">
        <v>32</v>
      </c>
      <c r="AD23941">
        <v>32</v>
      </c>
      <c r="AE23941">
        <v>33</v>
      </c>
      <c r="AF23941">
        <v>33</v>
      </c>
      <c r="AG23941">
        <v>34</v>
      </c>
      <c r="AH23941">
        <v>35</v>
      </c>
      <c r="AI23941">
        <v>35</v>
      </c>
      <c r="AJ23941">
        <v>36</v>
      </c>
      <c r="AK23941">
        <v>37</v>
      </c>
      <c r="AL23941">
        <v>37</v>
      </c>
      <c r="AM23941">
        <v>37</v>
      </c>
      <c r="AN23941">
        <v>38</v>
      </c>
      <c r="AO23941">
        <v>38</v>
      </c>
      <c r="AP23941">
        <v>38</v>
      </c>
      <c r="AQ23941">
        <v>39</v>
      </c>
    </row>
    <row r="23942" spans="1:43">
      <c r="A23942" t="s">
        <v>14825</v>
      </c>
      <c r="B23942" t="s">
        <v>14826</v>
      </c>
      <c r="C23942" t="s">
        <v>14819</v>
      </c>
      <c r="D23942" t="s">
        <v>14820</v>
      </c>
      <c r="E23942" t="s">
        <v>14797</v>
      </c>
      <c r="F23942" t="s">
        <v>14798</v>
      </c>
      <c r="G23942" t="s">
        <v>10734</v>
      </c>
      <c r="H23942" t="s">
        <v>10735</v>
      </c>
      <c r="I23942" s="2">
        <v>1</v>
      </c>
      <c r="J23942" s="2">
        <v>0</v>
      </c>
      <c r="K23942" s="2">
        <v>0</v>
      </c>
      <c r="L23942" t="s">
        <v>120</v>
      </c>
      <c r="M23942" t="s">
        <v>83</v>
      </c>
      <c r="N23942" t="s">
        <v>84</v>
      </c>
      <c r="O23942" t="s">
        <v>85</v>
      </c>
      <c r="P23942" t="s">
        <v>86</v>
      </c>
      <c r="Q23942">
        <v>48</v>
      </c>
      <c r="R23942">
        <v>49</v>
      </c>
      <c r="S23942">
        <v>50</v>
      </c>
      <c r="T23942">
        <v>52</v>
      </c>
      <c r="U23942">
        <v>53</v>
      </c>
      <c r="V23942">
        <v>54</v>
      </c>
      <c r="W23942">
        <v>55</v>
      </c>
      <c r="X23942">
        <v>56</v>
      </c>
      <c r="Y23942">
        <v>57</v>
      </c>
      <c r="Z23942">
        <v>58</v>
      </c>
      <c r="AA23942">
        <v>59</v>
      </c>
      <c r="AB23942">
        <v>60</v>
      </c>
      <c r="AC23942">
        <v>62</v>
      </c>
      <c r="AD23942">
        <v>63</v>
      </c>
      <c r="AE23942">
        <v>64</v>
      </c>
      <c r="AF23942">
        <v>65</v>
      </c>
      <c r="AG23942">
        <v>66</v>
      </c>
      <c r="AH23942">
        <v>67</v>
      </c>
      <c r="AI23942">
        <v>69</v>
      </c>
      <c r="AJ23942">
        <v>70</v>
      </c>
      <c r="AK23942">
        <v>71</v>
      </c>
      <c r="AL23942">
        <v>72</v>
      </c>
      <c r="AM23942">
        <v>73</v>
      </c>
      <c r="AN23942">
        <v>73</v>
      </c>
      <c r="AO23942">
        <v>74</v>
      </c>
      <c r="AP23942">
        <v>75</v>
      </c>
      <c r="AQ23942">
        <v>75</v>
      </c>
    </row>
    <row r="23943" spans="1:43">
      <c r="A23943" t="s">
        <v>14825</v>
      </c>
      <c r="B23943" t="s">
        <v>14826</v>
      </c>
      <c r="C23943" t="s">
        <v>14819</v>
      </c>
      <c r="D23943" t="s">
        <v>14820</v>
      </c>
      <c r="E23943" t="s">
        <v>14797</v>
      </c>
      <c r="F23943" t="s">
        <v>14798</v>
      </c>
      <c r="G23943" t="s">
        <v>10734</v>
      </c>
      <c r="H23943" t="s">
        <v>10735</v>
      </c>
      <c r="I23943" s="2">
        <v>1</v>
      </c>
      <c r="J23943" s="2">
        <v>0</v>
      </c>
      <c r="K23943" s="2">
        <v>0</v>
      </c>
      <c r="L23943" t="s">
        <v>120</v>
      </c>
      <c r="M23943" t="s">
        <v>87</v>
      </c>
      <c r="N23943" t="s">
        <v>88</v>
      </c>
      <c r="O23943" t="s">
        <v>85</v>
      </c>
      <c r="P23943" t="s">
        <v>86</v>
      </c>
      <c r="Q23943">
        <v>48</v>
      </c>
      <c r="R23943">
        <v>48</v>
      </c>
      <c r="S23943">
        <v>49</v>
      </c>
      <c r="T23943">
        <v>50</v>
      </c>
      <c r="U23943">
        <v>50</v>
      </c>
      <c r="V23943">
        <v>51</v>
      </c>
      <c r="W23943">
        <v>52</v>
      </c>
      <c r="X23943">
        <v>52</v>
      </c>
      <c r="Y23943">
        <v>53</v>
      </c>
      <c r="Z23943">
        <v>53</v>
      </c>
      <c r="AA23943">
        <v>54</v>
      </c>
      <c r="AB23943">
        <v>55</v>
      </c>
      <c r="AC23943">
        <v>55</v>
      </c>
      <c r="AD23943">
        <v>56</v>
      </c>
      <c r="AE23943">
        <v>57</v>
      </c>
      <c r="AF23943">
        <v>58</v>
      </c>
      <c r="AG23943">
        <v>58</v>
      </c>
      <c r="AH23943">
        <v>59</v>
      </c>
      <c r="AI23943">
        <v>60</v>
      </c>
      <c r="AJ23943">
        <v>60</v>
      </c>
      <c r="AK23943">
        <v>61</v>
      </c>
      <c r="AL23943">
        <v>62</v>
      </c>
      <c r="AM23943">
        <v>63</v>
      </c>
      <c r="AN23943">
        <v>63</v>
      </c>
      <c r="AO23943">
        <v>64</v>
      </c>
      <c r="AP23943">
        <v>65</v>
      </c>
      <c r="AQ23943">
        <v>66</v>
      </c>
    </row>
    <row r="23944" spans="1:43">
      <c r="A23944" t="s">
        <v>14825</v>
      </c>
      <c r="B23944" t="s">
        <v>14826</v>
      </c>
      <c r="C23944" t="s">
        <v>14819</v>
      </c>
      <c r="D23944" t="s">
        <v>14820</v>
      </c>
      <c r="E23944" t="s">
        <v>14797</v>
      </c>
      <c r="F23944" t="s">
        <v>14798</v>
      </c>
      <c r="G23944" t="s">
        <v>10734</v>
      </c>
      <c r="H23944" t="s">
        <v>10735</v>
      </c>
      <c r="I23944" s="2">
        <v>1</v>
      </c>
      <c r="J23944" s="2">
        <v>0</v>
      </c>
      <c r="K23944" s="2">
        <v>0</v>
      </c>
      <c r="L23944" t="s">
        <v>120</v>
      </c>
      <c r="M23944" t="s">
        <v>89</v>
      </c>
      <c r="N23944" t="s">
        <v>90</v>
      </c>
      <c r="O23944" t="s">
        <v>85</v>
      </c>
      <c r="P23944" t="s">
        <v>86</v>
      </c>
      <c r="Q23944">
        <v>48</v>
      </c>
      <c r="R23944">
        <v>49</v>
      </c>
      <c r="S23944">
        <v>51</v>
      </c>
      <c r="T23944">
        <v>52</v>
      </c>
      <c r="U23944">
        <v>54</v>
      </c>
      <c r="V23944">
        <v>55</v>
      </c>
      <c r="W23944">
        <v>56</v>
      </c>
      <c r="X23944">
        <v>58</v>
      </c>
      <c r="Y23944">
        <v>59</v>
      </c>
      <c r="Z23944">
        <v>61</v>
      </c>
      <c r="AA23944">
        <v>62</v>
      </c>
      <c r="AB23944">
        <v>63</v>
      </c>
      <c r="AC23944">
        <v>65</v>
      </c>
      <c r="AD23944">
        <v>66</v>
      </c>
      <c r="AE23944">
        <v>67</v>
      </c>
      <c r="AF23944">
        <v>68</v>
      </c>
      <c r="AG23944">
        <v>69</v>
      </c>
      <c r="AH23944">
        <v>69</v>
      </c>
      <c r="AI23944">
        <v>70</v>
      </c>
      <c r="AJ23944">
        <v>70</v>
      </c>
      <c r="AK23944">
        <v>71</v>
      </c>
      <c r="AL23944">
        <v>72</v>
      </c>
      <c r="AM23944">
        <v>72</v>
      </c>
      <c r="AN23944">
        <v>73</v>
      </c>
      <c r="AO23944">
        <v>74</v>
      </c>
      <c r="AP23944">
        <v>74</v>
      </c>
      <c r="AQ23944">
        <v>75</v>
      </c>
    </row>
    <row r="23945" spans="1:43">
      <c r="A23945" t="s">
        <v>14825</v>
      </c>
      <c r="B23945" t="s">
        <v>14826</v>
      </c>
      <c r="C23945" t="s">
        <v>14819</v>
      </c>
      <c r="D23945" t="s">
        <v>14820</v>
      </c>
      <c r="E23945" t="s">
        <v>14797</v>
      </c>
      <c r="F23945" t="s">
        <v>14798</v>
      </c>
      <c r="G23945" t="s">
        <v>10734</v>
      </c>
      <c r="H23945" t="s">
        <v>10735</v>
      </c>
      <c r="I23945" s="2">
        <v>1</v>
      </c>
      <c r="J23945" s="2">
        <v>0</v>
      </c>
      <c r="K23945" s="2">
        <v>0</v>
      </c>
      <c r="L23945" t="s">
        <v>120</v>
      </c>
      <c r="M23945" t="s">
        <v>83</v>
      </c>
      <c r="N23945" t="s">
        <v>91</v>
      </c>
      <c r="O23945" t="s">
        <v>85</v>
      </c>
      <c r="P23945" t="s">
        <v>86</v>
      </c>
      <c r="Q23945">
        <v>48</v>
      </c>
      <c r="R23945">
        <v>49</v>
      </c>
      <c r="S23945">
        <v>50</v>
      </c>
      <c r="T23945">
        <v>52</v>
      </c>
      <c r="U23945">
        <v>53</v>
      </c>
      <c r="V23945">
        <v>54</v>
      </c>
      <c r="W23945">
        <v>55</v>
      </c>
      <c r="X23945">
        <v>56</v>
      </c>
      <c r="Y23945">
        <v>57</v>
      </c>
      <c r="Z23945">
        <v>58</v>
      </c>
      <c r="AA23945">
        <v>59</v>
      </c>
      <c r="AB23945">
        <v>60</v>
      </c>
      <c r="AC23945">
        <v>62</v>
      </c>
      <c r="AD23945">
        <v>63</v>
      </c>
      <c r="AE23945">
        <v>64</v>
      </c>
      <c r="AF23945">
        <v>65</v>
      </c>
      <c r="AG23945">
        <v>66</v>
      </c>
      <c r="AH23945">
        <v>67</v>
      </c>
      <c r="AI23945">
        <v>69</v>
      </c>
      <c r="AJ23945">
        <v>70</v>
      </c>
      <c r="AK23945">
        <v>71</v>
      </c>
      <c r="AL23945">
        <v>72</v>
      </c>
      <c r="AM23945">
        <v>73</v>
      </c>
      <c r="AN23945">
        <v>73</v>
      </c>
      <c r="AO23945">
        <v>74</v>
      </c>
      <c r="AP23945">
        <v>75</v>
      </c>
      <c r="AQ23945">
        <v>75</v>
      </c>
    </row>
    <row r="23946" spans="1:43">
      <c r="A23946" t="s">
        <v>14827</v>
      </c>
      <c r="B23946" t="s">
        <v>14828</v>
      </c>
      <c r="C23946" t="s">
        <v>14819</v>
      </c>
      <c r="D23946" t="s">
        <v>14820</v>
      </c>
      <c r="E23946" t="s">
        <v>14797</v>
      </c>
      <c r="F23946" t="s">
        <v>14798</v>
      </c>
      <c r="G23946" t="s">
        <v>10734</v>
      </c>
      <c r="H23946" t="s">
        <v>10735</v>
      </c>
      <c r="I23946" s="2">
        <v>1</v>
      </c>
      <c r="J23946" s="2">
        <v>0</v>
      </c>
      <c r="K23946" s="2">
        <v>0</v>
      </c>
      <c r="L23946" t="s">
        <v>120</v>
      </c>
      <c r="M23946" t="s">
        <v>83</v>
      </c>
      <c r="N23946" t="s">
        <v>84</v>
      </c>
      <c r="O23946" t="s">
        <v>85</v>
      </c>
      <c r="P23946" t="s">
        <v>86</v>
      </c>
      <c r="Q23946">
        <v>113</v>
      </c>
      <c r="R23946">
        <v>116</v>
      </c>
      <c r="S23946">
        <v>118</v>
      </c>
      <c r="T23946">
        <v>121</v>
      </c>
      <c r="U23946">
        <v>123</v>
      </c>
      <c r="V23946">
        <v>126</v>
      </c>
      <c r="W23946">
        <v>129</v>
      </c>
      <c r="X23946">
        <v>131</v>
      </c>
      <c r="Y23946">
        <v>134</v>
      </c>
      <c r="Z23946">
        <v>136</v>
      </c>
      <c r="AA23946">
        <v>139</v>
      </c>
      <c r="AB23946">
        <v>142</v>
      </c>
      <c r="AC23946">
        <v>145</v>
      </c>
      <c r="AD23946">
        <v>147</v>
      </c>
      <c r="AE23946">
        <v>150</v>
      </c>
      <c r="AF23946">
        <v>153</v>
      </c>
      <c r="AG23946">
        <v>156</v>
      </c>
      <c r="AH23946">
        <v>159</v>
      </c>
      <c r="AI23946">
        <v>162</v>
      </c>
      <c r="AJ23946">
        <v>165</v>
      </c>
      <c r="AK23946">
        <v>168</v>
      </c>
      <c r="AL23946">
        <v>170</v>
      </c>
      <c r="AM23946">
        <v>171</v>
      </c>
      <c r="AN23946">
        <v>173</v>
      </c>
      <c r="AO23946">
        <v>175</v>
      </c>
      <c r="AP23946">
        <v>176</v>
      </c>
      <c r="AQ23946">
        <v>178</v>
      </c>
    </row>
    <row r="23947" spans="1:43">
      <c r="A23947" t="s">
        <v>14827</v>
      </c>
      <c r="B23947" t="s">
        <v>14828</v>
      </c>
      <c r="C23947" t="s">
        <v>14819</v>
      </c>
      <c r="D23947" t="s">
        <v>14820</v>
      </c>
      <c r="E23947" t="s">
        <v>14797</v>
      </c>
      <c r="F23947" t="s">
        <v>14798</v>
      </c>
      <c r="G23947" t="s">
        <v>10734</v>
      </c>
      <c r="H23947" t="s">
        <v>10735</v>
      </c>
      <c r="I23947" s="2">
        <v>1</v>
      </c>
      <c r="J23947" s="2">
        <v>0</v>
      </c>
      <c r="K23947" s="2">
        <v>0</v>
      </c>
      <c r="L23947" t="s">
        <v>120</v>
      </c>
      <c r="M23947" t="s">
        <v>87</v>
      </c>
      <c r="N23947" t="s">
        <v>88</v>
      </c>
      <c r="O23947" t="s">
        <v>85</v>
      </c>
      <c r="P23947" t="s">
        <v>86</v>
      </c>
      <c r="Q23947">
        <v>113</v>
      </c>
      <c r="R23947">
        <v>115</v>
      </c>
      <c r="S23947">
        <v>116</v>
      </c>
      <c r="T23947">
        <v>117</v>
      </c>
      <c r="U23947">
        <v>119</v>
      </c>
      <c r="V23947">
        <v>120</v>
      </c>
      <c r="W23947">
        <v>122</v>
      </c>
      <c r="X23947">
        <v>123</v>
      </c>
      <c r="Y23947">
        <v>125</v>
      </c>
      <c r="Z23947">
        <v>126</v>
      </c>
      <c r="AA23947">
        <v>128</v>
      </c>
      <c r="AB23947">
        <v>129</v>
      </c>
      <c r="AC23947">
        <v>131</v>
      </c>
      <c r="AD23947">
        <v>132</v>
      </c>
      <c r="AE23947">
        <v>134</v>
      </c>
      <c r="AF23947">
        <v>136</v>
      </c>
      <c r="AG23947">
        <v>137</v>
      </c>
      <c r="AH23947">
        <v>139</v>
      </c>
      <c r="AI23947">
        <v>141</v>
      </c>
      <c r="AJ23947">
        <v>142</v>
      </c>
      <c r="AK23947">
        <v>144</v>
      </c>
      <c r="AL23947">
        <v>146</v>
      </c>
      <c r="AM23947">
        <v>147</v>
      </c>
      <c r="AN23947">
        <v>149</v>
      </c>
      <c r="AO23947">
        <v>151</v>
      </c>
      <c r="AP23947">
        <v>153</v>
      </c>
      <c r="AQ23947">
        <v>155</v>
      </c>
    </row>
    <row r="23948" spans="1:43">
      <c r="A23948" t="s">
        <v>14827</v>
      </c>
      <c r="B23948" t="s">
        <v>14828</v>
      </c>
      <c r="C23948" t="s">
        <v>14819</v>
      </c>
      <c r="D23948" t="s">
        <v>14820</v>
      </c>
      <c r="E23948" t="s">
        <v>14797</v>
      </c>
      <c r="F23948" t="s">
        <v>14798</v>
      </c>
      <c r="G23948" t="s">
        <v>10734</v>
      </c>
      <c r="H23948" t="s">
        <v>10735</v>
      </c>
      <c r="I23948" s="2">
        <v>1</v>
      </c>
      <c r="J23948" s="2">
        <v>0</v>
      </c>
      <c r="K23948" s="2">
        <v>0</v>
      </c>
      <c r="L23948" t="s">
        <v>120</v>
      </c>
      <c r="M23948" t="s">
        <v>89</v>
      </c>
      <c r="N23948" t="s">
        <v>90</v>
      </c>
      <c r="O23948" t="s">
        <v>85</v>
      </c>
      <c r="P23948" t="s">
        <v>86</v>
      </c>
      <c r="Q23948">
        <v>113</v>
      </c>
      <c r="R23948">
        <v>117</v>
      </c>
      <c r="S23948">
        <v>120</v>
      </c>
      <c r="T23948">
        <v>124</v>
      </c>
      <c r="U23948">
        <v>127</v>
      </c>
      <c r="V23948">
        <v>131</v>
      </c>
      <c r="W23948">
        <v>134</v>
      </c>
      <c r="X23948">
        <v>137</v>
      </c>
      <c r="Y23948">
        <v>141</v>
      </c>
      <c r="Z23948">
        <v>144</v>
      </c>
      <c r="AA23948">
        <v>147</v>
      </c>
      <c r="AB23948">
        <v>150</v>
      </c>
      <c r="AC23948">
        <v>154</v>
      </c>
      <c r="AD23948">
        <v>157</v>
      </c>
      <c r="AE23948">
        <v>160</v>
      </c>
      <c r="AF23948">
        <v>162</v>
      </c>
      <c r="AG23948">
        <v>163</v>
      </c>
      <c r="AH23948">
        <v>165</v>
      </c>
      <c r="AI23948">
        <v>166</v>
      </c>
      <c r="AJ23948">
        <v>168</v>
      </c>
      <c r="AK23948">
        <v>169</v>
      </c>
      <c r="AL23948">
        <v>171</v>
      </c>
      <c r="AM23948">
        <v>172</v>
      </c>
      <c r="AN23948">
        <v>174</v>
      </c>
      <c r="AO23948">
        <v>176</v>
      </c>
      <c r="AP23948">
        <v>177</v>
      </c>
      <c r="AQ23948">
        <v>179</v>
      </c>
    </row>
    <row r="23949" spans="1:43">
      <c r="A23949" t="s">
        <v>14827</v>
      </c>
      <c r="B23949" t="s">
        <v>14828</v>
      </c>
      <c r="C23949" t="s">
        <v>14819</v>
      </c>
      <c r="D23949" t="s">
        <v>14820</v>
      </c>
      <c r="E23949" t="s">
        <v>14797</v>
      </c>
      <c r="F23949" t="s">
        <v>14798</v>
      </c>
      <c r="G23949" t="s">
        <v>10734</v>
      </c>
      <c r="H23949" t="s">
        <v>10735</v>
      </c>
      <c r="I23949" s="2">
        <v>1</v>
      </c>
      <c r="J23949" s="2">
        <v>0</v>
      </c>
      <c r="K23949" s="2">
        <v>0</v>
      </c>
      <c r="L23949" t="s">
        <v>120</v>
      </c>
      <c r="M23949" t="s">
        <v>83</v>
      </c>
      <c r="N23949" t="s">
        <v>91</v>
      </c>
      <c r="O23949" t="s">
        <v>85</v>
      </c>
      <c r="P23949" t="s">
        <v>86</v>
      </c>
      <c r="Q23949">
        <v>113</v>
      </c>
      <c r="R23949">
        <v>116</v>
      </c>
      <c r="S23949">
        <v>118</v>
      </c>
      <c r="T23949">
        <v>121</v>
      </c>
      <c r="U23949">
        <v>123</v>
      </c>
      <c r="V23949">
        <v>126</v>
      </c>
      <c r="W23949">
        <v>129</v>
      </c>
      <c r="X23949">
        <v>131</v>
      </c>
      <c r="Y23949">
        <v>134</v>
      </c>
      <c r="Z23949">
        <v>136</v>
      </c>
      <c r="AA23949">
        <v>139</v>
      </c>
      <c r="AB23949">
        <v>142</v>
      </c>
      <c r="AC23949">
        <v>145</v>
      </c>
      <c r="AD23949">
        <v>147</v>
      </c>
      <c r="AE23949">
        <v>150</v>
      </c>
      <c r="AF23949">
        <v>153</v>
      </c>
      <c r="AG23949">
        <v>156</v>
      </c>
      <c r="AH23949">
        <v>159</v>
      </c>
      <c r="AI23949">
        <v>162</v>
      </c>
      <c r="AJ23949">
        <v>165</v>
      </c>
      <c r="AK23949">
        <v>168</v>
      </c>
      <c r="AL23949">
        <v>170</v>
      </c>
      <c r="AM23949">
        <v>171</v>
      </c>
      <c r="AN23949">
        <v>173</v>
      </c>
      <c r="AO23949">
        <v>175</v>
      </c>
      <c r="AP23949">
        <v>176</v>
      </c>
      <c r="AQ23949">
        <v>178</v>
      </c>
    </row>
    <row r="23950" spans="1:43">
      <c r="A23950" t="s">
        <v>14829</v>
      </c>
      <c r="B23950" t="s">
        <v>14830</v>
      </c>
      <c r="C23950" t="s">
        <v>14819</v>
      </c>
      <c r="D23950" t="s">
        <v>14820</v>
      </c>
      <c r="E23950" t="s">
        <v>14797</v>
      </c>
      <c r="F23950" t="s">
        <v>14798</v>
      </c>
      <c r="G23950" t="s">
        <v>10734</v>
      </c>
      <c r="H23950" t="s">
        <v>10735</v>
      </c>
      <c r="I23950" s="2">
        <v>1</v>
      </c>
      <c r="J23950" s="2">
        <v>0</v>
      </c>
      <c r="K23950" s="2">
        <v>0</v>
      </c>
      <c r="L23950" t="s">
        <v>120</v>
      </c>
      <c r="M23950" t="s">
        <v>83</v>
      </c>
      <c r="N23950" t="s">
        <v>84</v>
      </c>
      <c r="O23950" t="s">
        <v>85</v>
      </c>
      <c r="P23950" t="s">
        <v>86</v>
      </c>
      <c r="Q23950">
        <v>7</v>
      </c>
      <c r="R23950">
        <v>7</v>
      </c>
      <c r="S23950">
        <v>7</v>
      </c>
      <c r="T23950">
        <v>8</v>
      </c>
      <c r="U23950">
        <v>8</v>
      </c>
      <c r="V23950">
        <v>8</v>
      </c>
      <c r="W23950">
        <v>8</v>
      </c>
      <c r="X23950">
        <v>8</v>
      </c>
      <c r="Y23950">
        <v>8</v>
      </c>
      <c r="Z23950">
        <v>9</v>
      </c>
      <c r="AA23950">
        <v>9</v>
      </c>
      <c r="AB23950">
        <v>9</v>
      </c>
      <c r="AC23950">
        <v>9</v>
      </c>
      <c r="AD23950">
        <v>9</v>
      </c>
      <c r="AE23950">
        <v>9</v>
      </c>
      <c r="AF23950">
        <v>10</v>
      </c>
      <c r="AG23950">
        <v>10</v>
      </c>
      <c r="AH23950">
        <v>10</v>
      </c>
      <c r="AI23950">
        <v>10</v>
      </c>
      <c r="AJ23950">
        <v>10</v>
      </c>
      <c r="AK23950">
        <v>11</v>
      </c>
      <c r="AL23950">
        <v>11</v>
      </c>
      <c r="AM23950">
        <v>11</v>
      </c>
      <c r="AN23950">
        <v>11</v>
      </c>
      <c r="AO23950">
        <v>11</v>
      </c>
      <c r="AP23950">
        <v>11</v>
      </c>
      <c r="AQ23950">
        <v>11</v>
      </c>
    </row>
    <row r="23951" spans="1:43">
      <c r="A23951" t="s">
        <v>14829</v>
      </c>
      <c r="B23951" t="s">
        <v>14830</v>
      </c>
      <c r="C23951" t="s">
        <v>14819</v>
      </c>
      <c r="D23951" t="s">
        <v>14820</v>
      </c>
      <c r="E23951" t="s">
        <v>14797</v>
      </c>
      <c r="F23951" t="s">
        <v>14798</v>
      </c>
      <c r="G23951" t="s">
        <v>10734</v>
      </c>
      <c r="H23951" t="s">
        <v>10735</v>
      </c>
      <c r="I23951" s="2">
        <v>1</v>
      </c>
      <c r="J23951" s="2">
        <v>0</v>
      </c>
      <c r="K23951" s="2">
        <v>0</v>
      </c>
      <c r="L23951" t="s">
        <v>120</v>
      </c>
      <c r="M23951" t="s">
        <v>87</v>
      </c>
      <c r="N23951" t="s">
        <v>88</v>
      </c>
      <c r="O23951" t="s">
        <v>85</v>
      </c>
      <c r="P23951" t="s">
        <v>86</v>
      </c>
      <c r="Q23951">
        <v>7</v>
      </c>
      <c r="R23951">
        <v>7</v>
      </c>
      <c r="S23951">
        <v>7</v>
      </c>
      <c r="T23951">
        <v>7</v>
      </c>
      <c r="U23951">
        <v>7</v>
      </c>
      <c r="V23951">
        <v>7</v>
      </c>
      <c r="W23951">
        <v>8</v>
      </c>
      <c r="X23951">
        <v>8</v>
      </c>
      <c r="Y23951">
        <v>8</v>
      </c>
      <c r="Z23951">
        <v>8</v>
      </c>
      <c r="AA23951">
        <v>8</v>
      </c>
      <c r="AB23951">
        <v>8</v>
      </c>
      <c r="AC23951">
        <v>8</v>
      </c>
      <c r="AD23951">
        <v>8</v>
      </c>
      <c r="AE23951">
        <v>8</v>
      </c>
      <c r="AF23951">
        <v>8</v>
      </c>
      <c r="AG23951">
        <v>9</v>
      </c>
      <c r="AH23951">
        <v>9</v>
      </c>
      <c r="AI23951">
        <v>9</v>
      </c>
      <c r="AJ23951">
        <v>9</v>
      </c>
      <c r="AK23951">
        <v>9</v>
      </c>
      <c r="AL23951">
        <v>9</v>
      </c>
      <c r="AM23951">
        <v>9</v>
      </c>
      <c r="AN23951">
        <v>9</v>
      </c>
      <c r="AO23951">
        <v>9</v>
      </c>
      <c r="AP23951">
        <v>10</v>
      </c>
      <c r="AQ23951">
        <v>10</v>
      </c>
    </row>
    <row r="23952" spans="1:43">
      <c r="A23952" t="s">
        <v>14829</v>
      </c>
      <c r="B23952" t="s">
        <v>14830</v>
      </c>
      <c r="C23952" t="s">
        <v>14819</v>
      </c>
      <c r="D23952" t="s">
        <v>14820</v>
      </c>
      <c r="E23952" t="s">
        <v>14797</v>
      </c>
      <c r="F23952" t="s">
        <v>14798</v>
      </c>
      <c r="G23952" t="s">
        <v>10734</v>
      </c>
      <c r="H23952" t="s">
        <v>10735</v>
      </c>
      <c r="I23952" s="2">
        <v>1</v>
      </c>
      <c r="J23952" s="2">
        <v>0</v>
      </c>
      <c r="K23952" s="2">
        <v>0</v>
      </c>
      <c r="L23952" t="s">
        <v>120</v>
      </c>
      <c r="M23952" t="s">
        <v>89</v>
      </c>
      <c r="N23952" t="s">
        <v>90</v>
      </c>
      <c r="O23952" t="s">
        <v>85</v>
      </c>
      <c r="P23952" t="s">
        <v>86</v>
      </c>
      <c r="Q23952">
        <v>7</v>
      </c>
      <c r="R23952">
        <v>7</v>
      </c>
      <c r="S23952">
        <v>8</v>
      </c>
      <c r="T23952">
        <v>8</v>
      </c>
      <c r="U23952">
        <v>8</v>
      </c>
      <c r="V23952">
        <v>8</v>
      </c>
      <c r="W23952">
        <v>8</v>
      </c>
      <c r="X23952">
        <v>9</v>
      </c>
      <c r="Y23952">
        <v>9</v>
      </c>
      <c r="Z23952">
        <v>9</v>
      </c>
      <c r="AA23952">
        <v>9</v>
      </c>
      <c r="AB23952">
        <v>9</v>
      </c>
      <c r="AC23952">
        <v>10</v>
      </c>
      <c r="AD23952">
        <v>10</v>
      </c>
      <c r="AE23952">
        <v>10</v>
      </c>
      <c r="AF23952">
        <v>10</v>
      </c>
      <c r="AG23952">
        <v>10</v>
      </c>
      <c r="AH23952">
        <v>10</v>
      </c>
      <c r="AI23952">
        <v>10</v>
      </c>
      <c r="AJ23952">
        <v>11</v>
      </c>
      <c r="AK23952">
        <v>11</v>
      </c>
      <c r="AL23952">
        <v>11</v>
      </c>
      <c r="AM23952">
        <v>11</v>
      </c>
      <c r="AN23952">
        <v>11</v>
      </c>
      <c r="AO23952">
        <v>11</v>
      </c>
      <c r="AP23952">
        <v>11</v>
      </c>
      <c r="AQ23952">
        <v>11</v>
      </c>
    </row>
    <row r="23953" spans="1:43">
      <c r="A23953" t="s">
        <v>14829</v>
      </c>
      <c r="B23953" t="s">
        <v>14830</v>
      </c>
      <c r="C23953" t="s">
        <v>14819</v>
      </c>
      <c r="D23953" t="s">
        <v>14820</v>
      </c>
      <c r="E23953" t="s">
        <v>14797</v>
      </c>
      <c r="F23953" t="s">
        <v>14798</v>
      </c>
      <c r="G23953" t="s">
        <v>10734</v>
      </c>
      <c r="H23953" t="s">
        <v>10735</v>
      </c>
      <c r="I23953" s="2">
        <v>1</v>
      </c>
      <c r="J23953" s="2">
        <v>0</v>
      </c>
      <c r="K23953" s="2">
        <v>0</v>
      </c>
      <c r="L23953" t="s">
        <v>120</v>
      </c>
      <c r="M23953" t="s">
        <v>83</v>
      </c>
      <c r="N23953" t="s">
        <v>91</v>
      </c>
      <c r="O23953" t="s">
        <v>85</v>
      </c>
      <c r="P23953" t="s">
        <v>86</v>
      </c>
      <c r="Q23953">
        <v>7</v>
      </c>
      <c r="R23953">
        <v>7</v>
      </c>
      <c r="S23953">
        <v>7</v>
      </c>
      <c r="T23953">
        <v>8</v>
      </c>
      <c r="U23953">
        <v>8</v>
      </c>
      <c r="V23953">
        <v>8</v>
      </c>
      <c r="W23953">
        <v>8</v>
      </c>
      <c r="X23953">
        <v>8</v>
      </c>
      <c r="Y23953">
        <v>8</v>
      </c>
      <c r="Z23953">
        <v>9</v>
      </c>
      <c r="AA23953">
        <v>9</v>
      </c>
      <c r="AB23953">
        <v>9</v>
      </c>
      <c r="AC23953">
        <v>9</v>
      </c>
      <c r="AD23953">
        <v>9</v>
      </c>
      <c r="AE23953">
        <v>9</v>
      </c>
      <c r="AF23953">
        <v>10</v>
      </c>
      <c r="AG23953">
        <v>10</v>
      </c>
      <c r="AH23953">
        <v>10</v>
      </c>
      <c r="AI23953">
        <v>10</v>
      </c>
      <c r="AJ23953">
        <v>10</v>
      </c>
      <c r="AK23953">
        <v>11</v>
      </c>
      <c r="AL23953">
        <v>11</v>
      </c>
      <c r="AM23953">
        <v>11</v>
      </c>
      <c r="AN23953">
        <v>11</v>
      </c>
      <c r="AO23953">
        <v>11</v>
      </c>
      <c r="AP23953">
        <v>11</v>
      </c>
      <c r="AQ23953">
        <v>11</v>
      </c>
    </row>
    <row r="23954" spans="1:43">
      <c r="A23954" t="s">
        <v>14831</v>
      </c>
      <c r="B23954" t="s">
        <v>14832</v>
      </c>
      <c r="C23954" t="s">
        <v>14833</v>
      </c>
      <c r="D23954" t="s">
        <v>14834</v>
      </c>
      <c r="E23954" t="s">
        <v>14797</v>
      </c>
      <c r="F23954" t="s">
        <v>14798</v>
      </c>
      <c r="G23954" t="s">
        <v>10734</v>
      </c>
      <c r="H23954" t="s">
        <v>10735</v>
      </c>
      <c r="I23954" s="2">
        <v>1</v>
      </c>
      <c r="J23954" s="2">
        <v>0</v>
      </c>
      <c r="K23954" s="2">
        <v>0</v>
      </c>
      <c r="L23954" t="s">
        <v>120</v>
      </c>
      <c r="M23954" t="s">
        <v>83</v>
      </c>
      <c r="N23954" t="s">
        <v>84</v>
      </c>
      <c r="O23954" t="s">
        <v>85</v>
      </c>
      <c r="P23954" t="s">
        <v>86</v>
      </c>
      <c r="Q23954">
        <v>18</v>
      </c>
      <c r="R23954">
        <v>19</v>
      </c>
      <c r="S23954">
        <v>19</v>
      </c>
      <c r="T23954">
        <v>20</v>
      </c>
      <c r="U23954">
        <v>20</v>
      </c>
      <c r="V23954">
        <v>20</v>
      </c>
      <c r="W23954">
        <v>21</v>
      </c>
      <c r="X23954">
        <v>21</v>
      </c>
      <c r="Y23954">
        <v>22</v>
      </c>
      <c r="Z23954">
        <v>22</v>
      </c>
      <c r="AA23954">
        <v>22</v>
      </c>
      <c r="AB23954">
        <v>23</v>
      </c>
      <c r="AC23954">
        <v>23</v>
      </c>
      <c r="AD23954">
        <v>24</v>
      </c>
      <c r="AE23954">
        <v>24</v>
      </c>
      <c r="AF23954">
        <v>25</v>
      </c>
      <c r="AG23954">
        <v>25</v>
      </c>
      <c r="AH23954">
        <v>26</v>
      </c>
      <c r="AI23954">
        <v>26</v>
      </c>
      <c r="AJ23954">
        <v>27</v>
      </c>
      <c r="AK23954">
        <v>27</v>
      </c>
      <c r="AL23954">
        <v>27</v>
      </c>
      <c r="AM23954">
        <v>28</v>
      </c>
      <c r="AN23954">
        <v>28</v>
      </c>
      <c r="AO23954">
        <v>28</v>
      </c>
      <c r="AP23954">
        <v>28</v>
      </c>
      <c r="AQ23954">
        <v>29</v>
      </c>
    </row>
    <row r="23955" spans="1:43">
      <c r="A23955" t="s">
        <v>14831</v>
      </c>
      <c r="B23955" t="s">
        <v>14832</v>
      </c>
      <c r="C23955" t="s">
        <v>14833</v>
      </c>
      <c r="D23955" t="s">
        <v>14834</v>
      </c>
      <c r="E23955" t="s">
        <v>14797</v>
      </c>
      <c r="F23955" t="s">
        <v>14798</v>
      </c>
      <c r="G23955" t="s">
        <v>10734</v>
      </c>
      <c r="H23955" t="s">
        <v>10735</v>
      </c>
      <c r="I23955" s="2">
        <v>1</v>
      </c>
      <c r="J23955" s="2">
        <v>0</v>
      </c>
      <c r="K23955" s="2">
        <v>0</v>
      </c>
      <c r="L23955" t="s">
        <v>120</v>
      </c>
      <c r="M23955" t="s">
        <v>87</v>
      </c>
      <c r="N23955" t="s">
        <v>88</v>
      </c>
      <c r="O23955" t="s">
        <v>85</v>
      </c>
      <c r="P23955" t="s">
        <v>86</v>
      </c>
      <c r="Q23955">
        <v>18</v>
      </c>
      <c r="R23955">
        <v>18</v>
      </c>
      <c r="S23955">
        <v>19</v>
      </c>
      <c r="T23955">
        <v>19</v>
      </c>
      <c r="U23955">
        <v>19</v>
      </c>
      <c r="V23955">
        <v>19</v>
      </c>
      <c r="W23955">
        <v>19</v>
      </c>
      <c r="X23955">
        <v>20</v>
      </c>
      <c r="Y23955">
        <v>20</v>
      </c>
      <c r="Z23955">
        <v>20</v>
      </c>
      <c r="AA23955">
        <v>20</v>
      </c>
      <c r="AB23955">
        <v>21</v>
      </c>
      <c r="AC23955">
        <v>21</v>
      </c>
      <c r="AD23955">
        <v>21</v>
      </c>
      <c r="AE23955">
        <v>21</v>
      </c>
      <c r="AF23955">
        <v>22</v>
      </c>
      <c r="AG23955">
        <v>22</v>
      </c>
      <c r="AH23955">
        <v>22</v>
      </c>
      <c r="AI23955">
        <v>23</v>
      </c>
      <c r="AJ23955">
        <v>23</v>
      </c>
      <c r="AK23955">
        <v>23</v>
      </c>
      <c r="AL23955">
        <v>23</v>
      </c>
      <c r="AM23955">
        <v>24</v>
      </c>
      <c r="AN23955">
        <v>24</v>
      </c>
      <c r="AO23955">
        <v>24</v>
      </c>
      <c r="AP23955">
        <v>25</v>
      </c>
      <c r="AQ23955">
        <v>25</v>
      </c>
    </row>
    <row r="23956" spans="1:43">
      <c r="A23956" t="s">
        <v>14831</v>
      </c>
      <c r="B23956" t="s">
        <v>14832</v>
      </c>
      <c r="C23956" t="s">
        <v>14833</v>
      </c>
      <c r="D23956" t="s">
        <v>14834</v>
      </c>
      <c r="E23956" t="s">
        <v>14797</v>
      </c>
      <c r="F23956" t="s">
        <v>14798</v>
      </c>
      <c r="G23956" t="s">
        <v>10734</v>
      </c>
      <c r="H23956" t="s">
        <v>10735</v>
      </c>
      <c r="I23956" s="2">
        <v>1</v>
      </c>
      <c r="J23956" s="2">
        <v>0</v>
      </c>
      <c r="K23956" s="2">
        <v>0</v>
      </c>
      <c r="L23956" t="s">
        <v>120</v>
      </c>
      <c r="M23956" t="s">
        <v>89</v>
      </c>
      <c r="N23956" t="s">
        <v>90</v>
      </c>
      <c r="O23956" t="s">
        <v>85</v>
      </c>
      <c r="P23956" t="s">
        <v>86</v>
      </c>
      <c r="Q23956">
        <v>18</v>
      </c>
      <c r="R23956">
        <v>19</v>
      </c>
      <c r="S23956">
        <v>20</v>
      </c>
      <c r="T23956">
        <v>20</v>
      </c>
      <c r="U23956">
        <v>21</v>
      </c>
      <c r="V23956">
        <v>21</v>
      </c>
      <c r="W23956">
        <v>22</v>
      </c>
      <c r="X23956">
        <v>22</v>
      </c>
      <c r="Y23956">
        <v>23</v>
      </c>
      <c r="Z23956">
        <v>23</v>
      </c>
      <c r="AA23956">
        <v>24</v>
      </c>
      <c r="AB23956">
        <v>24</v>
      </c>
      <c r="AC23956">
        <v>25</v>
      </c>
      <c r="AD23956">
        <v>26</v>
      </c>
      <c r="AE23956">
        <v>26</v>
      </c>
      <c r="AF23956">
        <v>26</v>
      </c>
      <c r="AG23956">
        <v>26</v>
      </c>
      <c r="AH23956">
        <v>27</v>
      </c>
      <c r="AI23956">
        <v>27</v>
      </c>
      <c r="AJ23956">
        <v>27</v>
      </c>
      <c r="AK23956">
        <v>27</v>
      </c>
      <c r="AL23956">
        <v>28</v>
      </c>
      <c r="AM23956">
        <v>28</v>
      </c>
      <c r="AN23956">
        <v>28</v>
      </c>
      <c r="AO23956">
        <v>28</v>
      </c>
      <c r="AP23956">
        <v>29</v>
      </c>
      <c r="AQ23956">
        <v>29</v>
      </c>
    </row>
    <row r="23957" spans="1:43">
      <c r="A23957" t="s">
        <v>14831</v>
      </c>
      <c r="B23957" t="s">
        <v>14832</v>
      </c>
      <c r="C23957" t="s">
        <v>14833</v>
      </c>
      <c r="D23957" t="s">
        <v>14834</v>
      </c>
      <c r="E23957" t="s">
        <v>14797</v>
      </c>
      <c r="F23957" t="s">
        <v>14798</v>
      </c>
      <c r="G23957" t="s">
        <v>10734</v>
      </c>
      <c r="H23957" t="s">
        <v>10735</v>
      </c>
      <c r="I23957" s="2">
        <v>1</v>
      </c>
      <c r="J23957" s="2">
        <v>0</v>
      </c>
      <c r="K23957" s="2">
        <v>0</v>
      </c>
      <c r="L23957" t="s">
        <v>120</v>
      </c>
      <c r="M23957" t="s">
        <v>83</v>
      </c>
      <c r="N23957" t="s">
        <v>91</v>
      </c>
      <c r="O23957" t="s">
        <v>85</v>
      </c>
      <c r="P23957" t="s">
        <v>86</v>
      </c>
      <c r="Q23957">
        <v>18</v>
      </c>
      <c r="R23957">
        <v>19</v>
      </c>
      <c r="S23957">
        <v>19</v>
      </c>
      <c r="T23957">
        <v>20</v>
      </c>
      <c r="U23957">
        <v>20</v>
      </c>
      <c r="V23957">
        <v>20</v>
      </c>
      <c r="W23957">
        <v>21</v>
      </c>
      <c r="X23957">
        <v>21</v>
      </c>
      <c r="Y23957">
        <v>22</v>
      </c>
      <c r="Z23957">
        <v>22</v>
      </c>
      <c r="AA23957">
        <v>22</v>
      </c>
      <c r="AB23957">
        <v>23</v>
      </c>
      <c r="AC23957">
        <v>23</v>
      </c>
      <c r="AD23957">
        <v>24</v>
      </c>
      <c r="AE23957">
        <v>24</v>
      </c>
      <c r="AF23957">
        <v>25</v>
      </c>
      <c r="AG23957">
        <v>25</v>
      </c>
      <c r="AH23957">
        <v>26</v>
      </c>
      <c r="AI23957">
        <v>26</v>
      </c>
      <c r="AJ23957">
        <v>27</v>
      </c>
      <c r="AK23957">
        <v>27</v>
      </c>
      <c r="AL23957">
        <v>27</v>
      </c>
      <c r="AM23957">
        <v>28</v>
      </c>
      <c r="AN23957">
        <v>28</v>
      </c>
      <c r="AO23957">
        <v>28</v>
      </c>
      <c r="AP23957">
        <v>28</v>
      </c>
      <c r="AQ23957">
        <v>29</v>
      </c>
    </row>
    <row r="23958" spans="1:43">
      <c r="A23958" t="s">
        <v>14835</v>
      </c>
      <c r="B23958" t="s">
        <v>14836</v>
      </c>
      <c r="C23958" t="s">
        <v>14833</v>
      </c>
      <c r="D23958" t="s">
        <v>14834</v>
      </c>
      <c r="E23958" t="s">
        <v>14797</v>
      </c>
      <c r="F23958" t="s">
        <v>14798</v>
      </c>
      <c r="G23958" t="s">
        <v>10734</v>
      </c>
      <c r="H23958" t="s">
        <v>10735</v>
      </c>
      <c r="I23958" s="2">
        <v>1</v>
      </c>
      <c r="J23958" s="2">
        <v>0</v>
      </c>
      <c r="K23958" s="2">
        <v>0</v>
      </c>
      <c r="L23958" t="s">
        <v>120</v>
      </c>
      <c r="M23958" t="s">
        <v>83</v>
      </c>
      <c r="N23958" t="s">
        <v>84</v>
      </c>
      <c r="O23958" t="s">
        <v>85</v>
      </c>
      <c r="P23958" t="s">
        <v>86</v>
      </c>
      <c r="Q23958">
        <v>22</v>
      </c>
      <c r="R23958">
        <v>22</v>
      </c>
      <c r="S23958">
        <v>22</v>
      </c>
      <c r="T23958">
        <v>23</v>
      </c>
      <c r="U23958">
        <v>23</v>
      </c>
      <c r="V23958">
        <v>23</v>
      </c>
      <c r="W23958">
        <v>23</v>
      </c>
      <c r="X23958">
        <v>24</v>
      </c>
      <c r="Y23958">
        <v>24</v>
      </c>
      <c r="Z23958">
        <v>24</v>
      </c>
      <c r="AA23958">
        <v>25</v>
      </c>
      <c r="AB23958">
        <v>25</v>
      </c>
      <c r="AC23958">
        <v>25</v>
      </c>
      <c r="AD23958">
        <v>26</v>
      </c>
      <c r="AE23958">
        <v>26</v>
      </c>
      <c r="AF23958">
        <v>26</v>
      </c>
      <c r="AG23958">
        <v>26</v>
      </c>
      <c r="AH23958">
        <v>27</v>
      </c>
      <c r="AI23958">
        <v>27</v>
      </c>
      <c r="AJ23958">
        <v>27</v>
      </c>
      <c r="AK23958">
        <v>28</v>
      </c>
      <c r="AL23958">
        <v>28</v>
      </c>
      <c r="AM23958">
        <v>28</v>
      </c>
      <c r="AN23958">
        <v>28</v>
      </c>
      <c r="AO23958">
        <v>28</v>
      </c>
      <c r="AP23958">
        <v>28</v>
      </c>
      <c r="AQ23958">
        <v>28</v>
      </c>
    </row>
    <row r="23959" spans="1:43">
      <c r="A23959" t="s">
        <v>14835</v>
      </c>
      <c r="B23959" t="s">
        <v>14836</v>
      </c>
      <c r="C23959" t="s">
        <v>14833</v>
      </c>
      <c r="D23959" t="s">
        <v>14834</v>
      </c>
      <c r="E23959" t="s">
        <v>14797</v>
      </c>
      <c r="F23959" t="s">
        <v>14798</v>
      </c>
      <c r="G23959" t="s">
        <v>10734</v>
      </c>
      <c r="H23959" t="s">
        <v>10735</v>
      </c>
      <c r="I23959" s="2">
        <v>1</v>
      </c>
      <c r="J23959" s="2">
        <v>0</v>
      </c>
      <c r="K23959" s="2">
        <v>0</v>
      </c>
      <c r="L23959" t="s">
        <v>120</v>
      </c>
      <c r="M23959" t="s">
        <v>87</v>
      </c>
      <c r="N23959" t="s">
        <v>88</v>
      </c>
      <c r="O23959" t="s">
        <v>85</v>
      </c>
      <c r="P23959" t="s">
        <v>86</v>
      </c>
      <c r="Q23959">
        <v>22</v>
      </c>
      <c r="R23959">
        <v>22</v>
      </c>
      <c r="S23959">
        <v>23</v>
      </c>
      <c r="T23959">
        <v>23</v>
      </c>
      <c r="U23959">
        <v>23</v>
      </c>
      <c r="V23959">
        <v>23</v>
      </c>
      <c r="W23959">
        <v>23</v>
      </c>
      <c r="X23959">
        <v>23</v>
      </c>
      <c r="Y23959">
        <v>23</v>
      </c>
      <c r="Z23959">
        <v>23</v>
      </c>
      <c r="AA23959">
        <v>23</v>
      </c>
      <c r="AB23959">
        <v>24</v>
      </c>
      <c r="AC23959">
        <v>24</v>
      </c>
      <c r="AD23959">
        <v>24</v>
      </c>
      <c r="AE23959">
        <v>24</v>
      </c>
      <c r="AF23959">
        <v>24</v>
      </c>
      <c r="AG23959">
        <v>24</v>
      </c>
      <c r="AH23959">
        <v>24</v>
      </c>
      <c r="AI23959">
        <v>24</v>
      </c>
      <c r="AJ23959">
        <v>24</v>
      </c>
      <c r="AK23959">
        <v>25</v>
      </c>
      <c r="AL23959">
        <v>25</v>
      </c>
      <c r="AM23959">
        <v>25</v>
      </c>
      <c r="AN23959">
        <v>25</v>
      </c>
      <c r="AO23959">
        <v>25</v>
      </c>
      <c r="AP23959">
        <v>25</v>
      </c>
      <c r="AQ23959">
        <v>25</v>
      </c>
    </row>
    <row r="23960" spans="1:43">
      <c r="A23960" t="s">
        <v>14835</v>
      </c>
      <c r="B23960" t="s">
        <v>14836</v>
      </c>
      <c r="C23960" t="s">
        <v>14833</v>
      </c>
      <c r="D23960" t="s">
        <v>14834</v>
      </c>
      <c r="E23960" t="s">
        <v>14797</v>
      </c>
      <c r="F23960" t="s">
        <v>14798</v>
      </c>
      <c r="G23960" t="s">
        <v>10734</v>
      </c>
      <c r="H23960" t="s">
        <v>10735</v>
      </c>
      <c r="I23960" s="2">
        <v>1</v>
      </c>
      <c r="J23960" s="2">
        <v>0</v>
      </c>
      <c r="K23960" s="2">
        <v>0</v>
      </c>
      <c r="L23960" t="s">
        <v>120</v>
      </c>
      <c r="M23960" t="s">
        <v>89</v>
      </c>
      <c r="N23960" t="s">
        <v>90</v>
      </c>
      <c r="O23960" t="s">
        <v>85</v>
      </c>
      <c r="P23960" t="s">
        <v>86</v>
      </c>
      <c r="Q23960">
        <v>22</v>
      </c>
      <c r="R23960">
        <v>22</v>
      </c>
      <c r="S23960">
        <v>23</v>
      </c>
      <c r="T23960">
        <v>23</v>
      </c>
      <c r="U23960">
        <v>24</v>
      </c>
      <c r="V23960">
        <v>24</v>
      </c>
      <c r="W23960">
        <v>25</v>
      </c>
      <c r="X23960">
        <v>25</v>
      </c>
      <c r="Y23960">
        <v>25</v>
      </c>
      <c r="Z23960">
        <v>26</v>
      </c>
      <c r="AA23960">
        <v>26</v>
      </c>
      <c r="AB23960">
        <v>27</v>
      </c>
      <c r="AC23960">
        <v>27</v>
      </c>
      <c r="AD23960">
        <v>28</v>
      </c>
      <c r="AE23960">
        <v>28</v>
      </c>
      <c r="AF23960">
        <v>28</v>
      </c>
      <c r="AG23960">
        <v>28</v>
      </c>
      <c r="AH23960">
        <v>28</v>
      </c>
      <c r="AI23960">
        <v>28</v>
      </c>
      <c r="AJ23960">
        <v>28</v>
      </c>
      <c r="AK23960">
        <v>28</v>
      </c>
      <c r="AL23960">
        <v>28</v>
      </c>
      <c r="AM23960">
        <v>28</v>
      </c>
      <c r="AN23960">
        <v>28</v>
      </c>
      <c r="AO23960">
        <v>29</v>
      </c>
      <c r="AP23960">
        <v>29</v>
      </c>
      <c r="AQ23960">
        <v>29</v>
      </c>
    </row>
    <row r="23961" spans="1:43">
      <c r="A23961" t="s">
        <v>14835</v>
      </c>
      <c r="B23961" t="s">
        <v>14836</v>
      </c>
      <c r="C23961" t="s">
        <v>14833</v>
      </c>
      <c r="D23961" t="s">
        <v>14834</v>
      </c>
      <c r="E23961" t="s">
        <v>14797</v>
      </c>
      <c r="F23961" t="s">
        <v>14798</v>
      </c>
      <c r="G23961" t="s">
        <v>10734</v>
      </c>
      <c r="H23961" t="s">
        <v>10735</v>
      </c>
      <c r="I23961" s="2">
        <v>1</v>
      </c>
      <c r="J23961" s="2">
        <v>0</v>
      </c>
      <c r="K23961" s="2">
        <v>0</v>
      </c>
      <c r="L23961" t="s">
        <v>120</v>
      </c>
      <c r="M23961" t="s">
        <v>83</v>
      </c>
      <c r="N23961" t="s">
        <v>91</v>
      </c>
      <c r="O23961" t="s">
        <v>85</v>
      </c>
      <c r="P23961" t="s">
        <v>86</v>
      </c>
      <c r="Q23961">
        <v>22</v>
      </c>
      <c r="R23961">
        <v>22</v>
      </c>
      <c r="S23961">
        <v>22</v>
      </c>
      <c r="T23961">
        <v>23</v>
      </c>
      <c r="U23961">
        <v>23</v>
      </c>
      <c r="V23961">
        <v>23</v>
      </c>
      <c r="W23961">
        <v>23</v>
      </c>
      <c r="X23961">
        <v>24</v>
      </c>
      <c r="Y23961">
        <v>24</v>
      </c>
      <c r="Z23961">
        <v>24</v>
      </c>
      <c r="AA23961">
        <v>25</v>
      </c>
      <c r="AB23961">
        <v>25</v>
      </c>
      <c r="AC23961">
        <v>25</v>
      </c>
      <c r="AD23961">
        <v>26</v>
      </c>
      <c r="AE23961">
        <v>26</v>
      </c>
      <c r="AF23961">
        <v>26</v>
      </c>
      <c r="AG23961">
        <v>26</v>
      </c>
      <c r="AH23961">
        <v>27</v>
      </c>
      <c r="AI23961">
        <v>27</v>
      </c>
      <c r="AJ23961">
        <v>27</v>
      </c>
      <c r="AK23961">
        <v>28</v>
      </c>
      <c r="AL23961">
        <v>28</v>
      </c>
      <c r="AM23961">
        <v>28</v>
      </c>
      <c r="AN23961">
        <v>28</v>
      </c>
      <c r="AO23961">
        <v>28</v>
      </c>
      <c r="AP23961">
        <v>28</v>
      </c>
      <c r="AQ23961">
        <v>28</v>
      </c>
    </row>
    <row r="23962" spans="1:43">
      <c r="A23962" t="s">
        <v>14837</v>
      </c>
      <c r="B23962" t="s">
        <v>14838</v>
      </c>
      <c r="C23962" t="s">
        <v>14839</v>
      </c>
      <c r="D23962" t="s">
        <v>14840</v>
      </c>
      <c r="E23962" t="s">
        <v>14797</v>
      </c>
      <c r="F23962" t="s">
        <v>14798</v>
      </c>
      <c r="G23962" t="s">
        <v>10734</v>
      </c>
      <c r="H23962" t="s">
        <v>10735</v>
      </c>
      <c r="I23962" s="2">
        <v>1</v>
      </c>
      <c r="J23962" s="2">
        <v>0</v>
      </c>
      <c r="K23962" s="2">
        <v>0</v>
      </c>
      <c r="L23962" t="s">
        <v>120</v>
      </c>
      <c r="M23962" t="s">
        <v>83</v>
      </c>
      <c r="N23962" t="s">
        <v>84</v>
      </c>
      <c r="O23962" t="s">
        <v>85</v>
      </c>
      <c r="P23962" t="s">
        <v>86</v>
      </c>
      <c r="Q23962">
        <v>30</v>
      </c>
      <c r="R23962">
        <v>30</v>
      </c>
      <c r="S23962">
        <v>31</v>
      </c>
      <c r="T23962">
        <v>32</v>
      </c>
      <c r="U23962">
        <v>32</v>
      </c>
      <c r="V23962">
        <v>33</v>
      </c>
      <c r="W23962">
        <v>34</v>
      </c>
      <c r="X23962">
        <v>34</v>
      </c>
      <c r="Y23962">
        <v>35</v>
      </c>
      <c r="Z23962">
        <v>36</v>
      </c>
      <c r="AA23962">
        <v>36</v>
      </c>
      <c r="AB23962">
        <v>37</v>
      </c>
      <c r="AC23962">
        <v>38</v>
      </c>
      <c r="AD23962">
        <v>39</v>
      </c>
      <c r="AE23962">
        <v>39</v>
      </c>
      <c r="AF23962">
        <v>40</v>
      </c>
      <c r="AG23962">
        <v>41</v>
      </c>
      <c r="AH23962">
        <v>42</v>
      </c>
      <c r="AI23962">
        <v>42</v>
      </c>
      <c r="AJ23962">
        <v>43</v>
      </c>
      <c r="AK23962">
        <v>44</v>
      </c>
      <c r="AL23962">
        <v>44</v>
      </c>
      <c r="AM23962">
        <v>45</v>
      </c>
      <c r="AN23962">
        <v>45</v>
      </c>
      <c r="AO23962">
        <v>46</v>
      </c>
      <c r="AP23962">
        <v>46</v>
      </c>
      <c r="AQ23962">
        <v>47</v>
      </c>
    </row>
    <row r="23963" spans="1:43">
      <c r="A23963" t="s">
        <v>14837</v>
      </c>
      <c r="B23963" t="s">
        <v>14838</v>
      </c>
      <c r="C23963" t="s">
        <v>14839</v>
      </c>
      <c r="D23963" t="s">
        <v>14840</v>
      </c>
      <c r="E23963" t="s">
        <v>14797</v>
      </c>
      <c r="F23963" t="s">
        <v>14798</v>
      </c>
      <c r="G23963" t="s">
        <v>10734</v>
      </c>
      <c r="H23963" t="s">
        <v>10735</v>
      </c>
      <c r="I23963" s="2">
        <v>1</v>
      </c>
      <c r="J23963" s="2">
        <v>0</v>
      </c>
      <c r="K23963" s="2">
        <v>0</v>
      </c>
      <c r="L23963" t="s">
        <v>120</v>
      </c>
      <c r="M23963" t="s">
        <v>87</v>
      </c>
      <c r="N23963" t="s">
        <v>88</v>
      </c>
      <c r="O23963" t="s">
        <v>85</v>
      </c>
      <c r="P23963" t="s">
        <v>86</v>
      </c>
      <c r="Q23963">
        <v>30</v>
      </c>
      <c r="R23963">
        <v>31</v>
      </c>
      <c r="S23963">
        <v>31</v>
      </c>
      <c r="T23963">
        <v>32</v>
      </c>
      <c r="U23963">
        <v>32</v>
      </c>
      <c r="V23963">
        <v>32</v>
      </c>
      <c r="W23963">
        <v>33</v>
      </c>
      <c r="X23963">
        <v>33</v>
      </c>
      <c r="Y23963">
        <v>33</v>
      </c>
      <c r="Z23963">
        <v>34</v>
      </c>
      <c r="AA23963">
        <v>34</v>
      </c>
      <c r="AB23963">
        <v>35</v>
      </c>
      <c r="AC23963">
        <v>35</v>
      </c>
      <c r="AD23963">
        <v>35</v>
      </c>
      <c r="AE23963">
        <v>36</v>
      </c>
      <c r="AF23963">
        <v>36</v>
      </c>
      <c r="AG23963">
        <v>37</v>
      </c>
      <c r="AH23963">
        <v>37</v>
      </c>
      <c r="AI23963">
        <v>38</v>
      </c>
      <c r="AJ23963">
        <v>38</v>
      </c>
      <c r="AK23963">
        <v>38</v>
      </c>
      <c r="AL23963">
        <v>39</v>
      </c>
      <c r="AM23963">
        <v>39</v>
      </c>
      <c r="AN23963">
        <v>40</v>
      </c>
      <c r="AO23963">
        <v>40</v>
      </c>
      <c r="AP23963">
        <v>41</v>
      </c>
      <c r="AQ23963">
        <v>41</v>
      </c>
    </row>
    <row r="23964" spans="1:43">
      <c r="A23964" t="s">
        <v>14837</v>
      </c>
      <c r="B23964" t="s">
        <v>14838</v>
      </c>
      <c r="C23964" t="s">
        <v>14839</v>
      </c>
      <c r="D23964" t="s">
        <v>14840</v>
      </c>
      <c r="E23964" t="s">
        <v>14797</v>
      </c>
      <c r="F23964" t="s">
        <v>14798</v>
      </c>
      <c r="G23964" t="s">
        <v>10734</v>
      </c>
      <c r="H23964" t="s">
        <v>10735</v>
      </c>
      <c r="I23964" s="2">
        <v>1</v>
      </c>
      <c r="J23964" s="2">
        <v>0</v>
      </c>
      <c r="K23964" s="2">
        <v>0</v>
      </c>
      <c r="L23964" t="s">
        <v>120</v>
      </c>
      <c r="M23964" t="s">
        <v>89</v>
      </c>
      <c r="N23964" t="s">
        <v>90</v>
      </c>
      <c r="O23964" t="s">
        <v>85</v>
      </c>
      <c r="P23964" t="s">
        <v>86</v>
      </c>
      <c r="Q23964">
        <v>30</v>
      </c>
      <c r="R23964">
        <v>31</v>
      </c>
      <c r="S23964">
        <v>32</v>
      </c>
      <c r="T23964">
        <v>33</v>
      </c>
      <c r="U23964">
        <v>34</v>
      </c>
      <c r="V23964">
        <v>34</v>
      </c>
      <c r="W23964">
        <v>35</v>
      </c>
      <c r="X23964">
        <v>36</v>
      </c>
      <c r="Y23964">
        <v>37</v>
      </c>
      <c r="Z23964">
        <v>38</v>
      </c>
      <c r="AA23964">
        <v>39</v>
      </c>
      <c r="AB23964">
        <v>40</v>
      </c>
      <c r="AC23964">
        <v>41</v>
      </c>
      <c r="AD23964">
        <v>41</v>
      </c>
      <c r="AE23964">
        <v>42</v>
      </c>
      <c r="AF23964">
        <v>43</v>
      </c>
      <c r="AG23964">
        <v>43</v>
      </c>
      <c r="AH23964">
        <v>43</v>
      </c>
      <c r="AI23964">
        <v>44</v>
      </c>
      <c r="AJ23964">
        <v>44</v>
      </c>
      <c r="AK23964">
        <v>45</v>
      </c>
      <c r="AL23964">
        <v>45</v>
      </c>
      <c r="AM23964">
        <v>45</v>
      </c>
      <c r="AN23964">
        <v>46</v>
      </c>
      <c r="AO23964">
        <v>46</v>
      </c>
      <c r="AP23964">
        <v>47</v>
      </c>
      <c r="AQ23964">
        <v>47</v>
      </c>
    </row>
    <row r="23965" spans="1:43">
      <c r="A23965" t="s">
        <v>14837</v>
      </c>
      <c r="B23965" t="s">
        <v>14838</v>
      </c>
      <c r="C23965" t="s">
        <v>14839</v>
      </c>
      <c r="D23965" t="s">
        <v>14840</v>
      </c>
      <c r="E23965" t="s">
        <v>14797</v>
      </c>
      <c r="F23965" t="s">
        <v>14798</v>
      </c>
      <c r="G23965" t="s">
        <v>10734</v>
      </c>
      <c r="H23965" t="s">
        <v>10735</v>
      </c>
      <c r="I23965" s="2">
        <v>1</v>
      </c>
      <c r="J23965" s="2">
        <v>0</v>
      </c>
      <c r="K23965" s="2">
        <v>0</v>
      </c>
      <c r="L23965" t="s">
        <v>120</v>
      </c>
      <c r="M23965" t="s">
        <v>83</v>
      </c>
      <c r="N23965" t="s">
        <v>91</v>
      </c>
      <c r="O23965" t="s">
        <v>85</v>
      </c>
      <c r="P23965" t="s">
        <v>86</v>
      </c>
      <c r="Q23965">
        <v>30</v>
      </c>
      <c r="R23965">
        <v>30</v>
      </c>
      <c r="S23965">
        <v>31</v>
      </c>
      <c r="T23965">
        <v>32</v>
      </c>
      <c r="U23965">
        <v>32</v>
      </c>
      <c r="V23965">
        <v>33</v>
      </c>
      <c r="W23965">
        <v>34</v>
      </c>
      <c r="X23965">
        <v>34</v>
      </c>
      <c r="Y23965">
        <v>35</v>
      </c>
      <c r="Z23965">
        <v>36</v>
      </c>
      <c r="AA23965">
        <v>36</v>
      </c>
      <c r="AB23965">
        <v>37</v>
      </c>
      <c r="AC23965">
        <v>38</v>
      </c>
      <c r="AD23965">
        <v>39</v>
      </c>
      <c r="AE23965">
        <v>39</v>
      </c>
      <c r="AF23965">
        <v>40</v>
      </c>
      <c r="AG23965">
        <v>41</v>
      </c>
      <c r="AH23965">
        <v>42</v>
      </c>
      <c r="AI23965">
        <v>42</v>
      </c>
      <c r="AJ23965">
        <v>43</v>
      </c>
      <c r="AK23965">
        <v>44</v>
      </c>
      <c r="AL23965">
        <v>44</v>
      </c>
      <c r="AM23965">
        <v>45</v>
      </c>
      <c r="AN23965">
        <v>45</v>
      </c>
      <c r="AO23965">
        <v>46</v>
      </c>
      <c r="AP23965">
        <v>46</v>
      </c>
      <c r="AQ23965">
        <v>47</v>
      </c>
    </row>
    <row r="23966" spans="1:43">
      <c r="A23966" t="s">
        <v>14841</v>
      </c>
      <c r="B23966" t="s">
        <v>14842</v>
      </c>
      <c r="C23966" t="s">
        <v>14843</v>
      </c>
      <c r="D23966" t="s">
        <v>14844</v>
      </c>
      <c r="E23966" t="s">
        <v>14797</v>
      </c>
      <c r="F23966" t="s">
        <v>14798</v>
      </c>
      <c r="G23966" t="s">
        <v>10734</v>
      </c>
      <c r="H23966" t="s">
        <v>10735</v>
      </c>
      <c r="I23966" s="2">
        <v>1</v>
      </c>
      <c r="J23966" s="2">
        <v>0</v>
      </c>
      <c r="K23966" s="2">
        <v>0</v>
      </c>
      <c r="L23966" t="s">
        <v>120</v>
      </c>
      <c r="M23966" t="s">
        <v>83</v>
      </c>
      <c r="N23966" t="s">
        <v>84</v>
      </c>
      <c r="O23966" t="s">
        <v>85</v>
      </c>
      <c r="P23966" t="s">
        <v>86</v>
      </c>
      <c r="Q23966">
        <v>10</v>
      </c>
      <c r="R23966">
        <v>10</v>
      </c>
      <c r="S23966">
        <v>10</v>
      </c>
      <c r="T23966">
        <v>10</v>
      </c>
      <c r="U23966">
        <v>10</v>
      </c>
      <c r="V23966">
        <v>11</v>
      </c>
      <c r="W23966">
        <v>11</v>
      </c>
      <c r="X23966">
        <v>11</v>
      </c>
      <c r="Y23966">
        <v>11</v>
      </c>
      <c r="Z23966">
        <v>12</v>
      </c>
      <c r="AA23966">
        <v>12</v>
      </c>
      <c r="AB23966">
        <v>12</v>
      </c>
      <c r="AC23966">
        <v>12</v>
      </c>
      <c r="AD23966">
        <v>13</v>
      </c>
      <c r="AE23966">
        <v>13</v>
      </c>
      <c r="AF23966">
        <v>13</v>
      </c>
      <c r="AG23966">
        <v>13</v>
      </c>
      <c r="AH23966">
        <v>14</v>
      </c>
      <c r="AI23966">
        <v>14</v>
      </c>
      <c r="AJ23966">
        <v>14</v>
      </c>
      <c r="AK23966">
        <v>14</v>
      </c>
      <c r="AL23966">
        <v>14</v>
      </c>
      <c r="AM23966">
        <v>15</v>
      </c>
      <c r="AN23966">
        <v>15</v>
      </c>
      <c r="AO23966">
        <v>15</v>
      </c>
      <c r="AP23966">
        <v>15</v>
      </c>
      <c r="AQ23966">
        <v>15</v>
      </c>
    </row>
    <row r="23967" spans="1:43">
      <c r="A23967" t="s">
        <v>14841</v>
      </c>
      <c r="B23967" t="s">
        <v>14842</v>
      </c>
      <c r="C23967" t="s">
        <v>14843</v>
      </c>
      <c r="D23967" t="s">
        <v>14844</v>
      </c>
      <c r="E23967" t="s">
        <v>14797</v>
      </c>
      <c r="F23967" t="s">
        <v>14798</v>
      </c>
      <c r="G23967" t="s">
        <v>10734</v>
      </c>
      <c r="H23967" t="s">
        <v>10735</v>
      </c>
      <c r="I23967" s="2">
        <v>1</v>
      </c>
      <c r="J23967" s="2">
        <v>0</v>
      </c>
      <c r="K23967" s="2">
        <v>0</v>
      </c>
      <c r="L23967" t="s">
        <v>120</v>
      </c>
      <c r="M23967" t="s">
        <v>87</v>
      </c>
      <c r="N23967" t="s">
        <v>88</v>
      </c>
      <c r="O23967" t="s">
        <v>85</v>
      </c>
      <c r="P23967" t="s">
        <v>86</v>
      </c>
      <c r="Q23967">
        <v>10</v>
      </c>
      <c r="R23967">
        <v>10</v>
      </c>
      <c r="S23967">
        <v>10</v>
      </c>
      <c r="T23967">
        <v>10</v>
      </c>
      <c r="U23967">
        <v>10</v>
      </c>
      <c r="V23967">
        <v>10</v>
      </c>
      <c r="W23967">
        <v>10</v>
      </c>
      <c r="X23967">
        <v>10</v>
      </c>
      <c r="Y23967">
        <v>11</v>
      </c>
      <c r="Z23967">
        <v>11</v>
      </c>
      <c r="AA23967">
        <v>11</v>
      </c>
      <c r="AB23967">
        <v>11</v>
      </c>
      <c r="AC23967">
        <v>11</v>
      </c>
      <c r="AD23967">
        <v>11</v>
      </c>
      <c r="AE23967">
        <v>11</v>
      </c>
      <c r="AF23967">
        <v>11</v>
      </c>
      <c r="AG23967">
        <v>12</v>
      </c>
      <c r="AH23967">
        <v>12</v>
      </c>
      <c r="AI23967">
        <v>12</v>
      </c>
      <c r="AJ23967">
        <v>12</v>
      </c>
      <c r="AK23967">
        <v>12</v>
      </c>
      <c r="AL23967">
        <v>12</v>
      </c>
      <c r="AM23967">
        <v>12</v>
      </c>
      <c r="AN23967">
        <v>13</v>
      </c>
      <c r="AO23967">
        <v>13</v>
      </c>
      <c r="AP23967">
        <v>13</v>
      </c>
      <c r="AQ23967">
        <v>13</v>
      </c>
    </row>
    <row r="23968" spans="1:43">
      <c r="A23968" t="s">
        <v>14841</v>
      </c>
      <c r="B23968" t="s">
        <v>14842</v>
      </c>
      <c r="C23968" t="s">
        <v>14843</v>
      </c>
      <c r="D23968" t="s">
        <v>14844</v>
      </c>
      <c r="E23968" t="s">
        <v>14797</v>
      </c>
      <c r="F23968" t="s">
        <v>14798</v>
      </c>
      <c r="G23968" t="s">
        <v>10734</v>
      </c>
      <c r="H23968" t="s">
        <v>10735</v>
      </c>
      <c r="I23968" s="2">
        <v>1</v>
      </c>
      <c r="J23968" s="2">
        <v>0</v>
      </c>
      <c r="K23968" s="2">
        <v>0</v>
      </c>
      <c r="L23968" t="s">
        <v>120</v>
      </c>
      <c r="M23968" t="s">
        <v>89</v>
      </c>
      <c r="N23968" t="s">
        <v>90</v>
      </c>
      <c r="O23968" t="s">
        <v>85</v>
      </c>
      <c r="P23968" t="s">
        <v>86</v>
      </c>
      <c r="Q23968">
        <v>10</v>
      </c>
      <c r="R23968">
        <v>10</v>
      </c>
      <c r="S23968">
        <v>10</v>
      </c>
      <c r="T23968">
        <v>11</v>
      </c>
      <c r="U23968">
        <v>11</v>
      </c>
      <c r="V23968">
        <v>11</v>
      </c>
      <c r="W23968">
        <v>11</v>
      </c>
      <c r="X23968">
        <v>12</v>
      </c>
      <c r="Y23968">
        <v>12</v>
      </c>
      <c r="Z23968">
        <v>12</v>
      </c>
      <c r="AA23968">
        <v>13</v>
      </c>
      <c r="AB23968">
        <v>13</v>
      </c>
      <c r="AC23968">
        <v>13</v>
      </c>
      <c r="AD23968">
        <v>13</v>
      </c>
      <c r="AE23968">
        <v>14</v>
      </c>
      <c r="AF23968">
        <v>14</v>
      </c>
      <c r="AG23968">
        <v>14</v>
      </c>
      <c r="AH23968">
        <v>14</v>
      </c>
      <c r="AI23968">
        <v>14</v>
      </c>
      <c r="AJ23968">
        <v>14</v>
      </c>
      <c r="AK23968">
        <v>14</v>
      </c>
      <c r="AL23968">
        <v>15</v>
      </c>
      <c r="AM23968">
        <v>15</v>
      </c>
      <c r="AN23968">
        <v>15</v>
      </c>
      <c r="AO23968">
        <v>15</v>
      </c>
      <c r="AP23968">
        <v>15</v>
      </c>
      <c r="AQ23968">
        <v>15</v>
      </c>
    </row>
    <row r="23969" spans="1:43">
      <c r="A23969" t="s">
        <v>14841</v>
      </c>
      <c r="B23969" t="s">
        <v>14842</v>
      </c>
      <c r="C23969" t="s">
        <v>14843</v>
      </c>
      <c r="D23969" t="s">
        <v>14844</v>
      </c>
      <c r="E23969" t="s">
        <v>14797</v>
      </c>
      <c r="F23969" t="s">
        <v>14798</v>
      </c>
      <c r="G23969" t="s">
        <v>10734</v>
      </c>
      <c r="H23969" t="s">
        <v>10735</v>
      </c>
      <c r="I23969" s="2">
        <v>1</v>
      </c>
      <c r="J23969" s="2">
        <v>0</v>
      </c>
      <c r="K23969" s="2">
        <v>0</v>
      </c>
      <c r="L23969" t="s">
        <v>120</v>
      </c>
      <c r="M23969" t="s">
        <v>83</v>
      </c>
      <c r="N23969" t="s">
        <v>91</v>
      </c>
      <c r="O23969" t="s">
        <v>85</v>
      </c>
      <c r="P23969" t="s">
        <v>86</v>
      </c>
      <c r="Q23969">
        <v>10</v>
      </c>
      <c r="R23969">
        <v>10</v>
      </c>
      <c r="S23969">
        <v>10</v>
      </c>
      <c r="T23969">
        <v>10</v>
      </c>
      <c r="U23969">
        <v>10</v>
      </c>
      <c r="V23969">
        <v>11</v>
      </c>
      <c r="W23969">
        <v>11</v>
      </c>
      <c r="X23969">
        <v>11</v>
      </c>
      <c r="Y23969">
        <v>11</v>
      </c>
      <c r="Z23969">
        <v>12</v>
      </c>
      <c r="AA23969">
        <v>12</v>
      </c>
      <c r="AB23969">
        <v>12</v>
      </c>
      <c r="AC23969">
        <v>12</v>
      </c>
      <c r="AD23969">
        <v>13</v>
      </c>
      <c r="AE23969">
        <v>13</v>
      </c>
      <c r="AF23969">
        <v>13</v>
      </c>
      <c r="AG23969">
        <v>13</v>
      </c>
      <c r="AH23969">
        <v>14</v>
      </c>
      <c r="AI23969">
        <v>14</v>
      </c>
      <c r="AJ23969">
        <v>14</v>
      </c>
      <c r="AK23969">
        <v>14</v>
      </c>
      <c r="AL23969">
        <v>14</v>
      </c>
      <c r="AM23969">
        <v>15</v>
      </c>
      <c r="AN23969">
        <v>15</v>
      </c>
      <c r="AO23969">
        <v>15</v>
      </c>
      <c r="AP23969">
        <v>15</v>
      </c>
      <c r="AQ23969">
        <v>15</v>
      </c>
    </row>
    <row r="23970" spans="1:43">
      <c r="A23970" t="s">
        <v>14845</v>
      </c>
      <c r="B23970" t="s">
        <v>14846</v>
      </c>
      <c r="C23970" t="s">
        <v>14809</v>
      </c>
      <c r="D23970" t="s">
        <v>14810</v>
      </c>
      <c r="E23970" t="s">
        <v>14797</v>
      </c>
      <c r="F23970" t="s">
        <v>14798</v>
      </c>
      <c r="G23970" t="s">
        <v>10734</v>
      </c>
      <c r="H23970" t="s">
        <v>10735</v>
      </c>
      <c r="I23970" s="2">
        <v>1</v>
      </c>
      <c r="J23970" s="2">
        <v>0</v>
      </c>
      <c r="K23970" s="2">
        <v>0</v>
      </c>
      <c r="L23970" t="s">
        <v>120</v>
      </c>
      <c r="M23970" t="s">
        <v>83</v>
      </c>
      <c r="N23970" t="s">
        <v>84</v>
      </c>
      <c r="O23970" t="s">
        <v>85</v>
      </c>
      <c r="P23970" t="s">
        <v>86</v>
      </c>
      <c r="Q23970">
        <v>154</v>
      </c>
      <c r="R23970">
        <v>157</v>
      </c>
      <c r="S23970">
        <v>161</v>
      </c>
      <c r="T23970">
        <v>164</v>
      </c>
      <c r="U23970">
        <v>168</v>
      </c>
      <c r="V23970">
        <v>171</v>
      </c>
      <c r="W23970">
        <v>175</v>
      </c>
      <c r="X23970">
        <v>179</v>
      </c>
      <c r="Y23970">
        <v>182</v>
      </c>
      <c r="Z23970">
        <v>186</v>
      </c>
      <c r="AA23970">
        <v>189</v>
      </c>
      <c r="AB23970">
        <v>193</v>
      </c>
      <c r="AC23970">
        <v>197</v>
      </c>
      <c r="AD23970">
        <v>200</v>
      </c>
      <c r="AE23970">
        <v>204</v>
      </c>
      <c r="AF23970">
        <v>208</v>
      </c>
      <c r="AG23970">
        <v>212</v>
      </c>
      <c r="AH23970">
        <v>216</v>
      </c>
      <c r="AI23970">
        <v>220</v>
      </c>
      <c r="AJ23970">
        <v>224</v>
      </c>
      <c r="AK23970">
        <v>228</v>
      </c>
      <c r="AL23970">
        <v>231</v>
      </c>
      <c r="AM23970">
        <v>233</v>
      </c>
      <c r="AN23970">
        <v>236</v>
      </c>
      <c r="AO23970">
        <v>238</v>
      </c>
      <c r="AP23970">
        <v>240</v>
      </c>
      <c r="AQ23970">
        <v>243</v>
      </c>
    </row>
    <row r="23971" spans="1:43">
      <c r="A23971" t="s">
        <v>14845</v>
      </c>
      <c r="B23971" t="s">
        <v>14846</v>
      </c>
      <c r="C23971" t="s">
        <v>14809</v>
      </c>
      <c r="D23971" t="s">
        <v>14810</v>
      </c>
      <c r="E23971" t="s">
        <v>14797</v>
      </c>
      <c r="F23971" t="s">
        <v>14798</v>
      </c>
      <c r="G23971" t="s">
        <v>10734</v>
      </c>
      <c r="H23971" t="s">
        <v>10735</v>
      </c>
      <c r="I23971" s="2">
        <v>1</v>
      </c>
      <c r="J23971" s="2">
        <v>0</v>
      </c>
      <c r="K23971" s="2">
        <v>0</v>
      </c>
      <c r="L23971" t="s">
        <v>120</v>
      </c>
      <c r="M23971" t="s">
        <v>87</v>
      </c>
      <c r="N23971" t="s">
        <v>88</v>
      </c>
      <c r="O23971" t="s">
        <v>85</v>
      </c>
      <c r="P23971" t="s">
        <v>86</v>
      </c>
      <c r="Q23971">
        <v>154</v>
      </c>
      <c r="R23971">
        <v>156</v>
      </c>
      <c r="S23971">
        <v>158</v>
      </c>
      <c r="T23971">
        <v>160</v>
      </c>
      <c r="U23971">
        <v>162</v>
      </c>
      <c r="V23971">
        <v>164</v>
      </c>
      <c r="W23971">
        <v>166</v>
      </c>
      <c r="X23971">
        <v>168</v>
      </c>
      <c r="Y23971">
        <v>170</v>
      </c>
      <c r="Z23971">
        <v>172</v>
      </c>
      <c r="AA23971">
        <v>175</v>
      </c>
      <c r="AB23971">
        <v>177</v>
      </c>
      <c r="AC23971">
        <v>179</v>
      </c>
      <c r="AD23971">
        <v>181</v>
      </c>
      <c r="AE23971">
        <v>183</v>
      </c>
      <c r="AF23971">
        <v>185</v>
      </c>
      <c r="AG23971">
        <v>188</v>
      </c>
      <c r="AH23971">
        <v>190</v>
      </c>
      <c r="AI23971">
        <v>192</v>
      </c>
      <c r="AJ23971">
        <v>195</v>
      </c>
      <c r="AK23971">
        <v>197</v>
      </c>
      <c r="AL23971">
        <v>199</v>
      </c>
      <c r="AM23971">
        <v>202</v>
      </c>
      <c r="AN23971">
        <v>204</v>
      </c>
      <c r="AO23971">
        <v>207</v>
      </c>
      <c r="AP23971">
        <v>209</v>
      </c>
      <c r="AQ23971">
        <v>212</v>
      </c>
    </row>
    <row r="23972" spans="1:43">
      <c r="A23972" t="s">
        <v>14845</v>
      </c>
      <c r="B23972" t="s">
        <v>14846</v>
      </c>
      <c r="C23972" t="s">
        <v>14809</v>
      </c>
      <c r="D23972" t="s">
        <v>14810</v>
      </c>
      <c r="E23972" t="s">
        <v>14797</v>
      </c>
      <c r="F23972" t="s">
        <v>14798</v>
      </c>
      <c r="G23972" t="s">
        <v>10734</v>
      </c>
      <c r="H23972" t="s">
        <v>10735</v>
      </c>
      <c r="I23972" s="2">
        <v>1</v>
      </c>
      <c r="J23972" s="2">
        <v>0</v>
      </c>
      <c r="K23972" s="2">
        <v>0</v>
      </c>
      <c r="L23972" t="s">
        <v>120</v>
      </c>
      <c r="M23972" t="s">
        <v>89</v>
      </c>
      <c r="N23972" t="s">
        <v>90</v>
      </c>
      <c r="O23972" t="s">
        <v>85</v>
      </c>
      <c r="P23972" t="s">
        <v>86</v>
      </c>
      <c r="Q23972">
        <v>154</v>
      </c>
      <c r="R23972">
        <v>159</v>
      </c>
      <c r="S23972">
        <v>164</v>
      </c>
      <c r="T23972">
        <v>169</v>
      </c>
      <c r="U23972">
        <v>173</v>
      </c>
      <c r="V23972">
        <v>178</v>
      </c>
      <c r="W23972">
        <v>182</v>
      </c>
      <c r="X23972">
        <v>187</v>
      </c>
      <c r="Y23972">
        <v>191</v>
      </c>
      <c r="Z23972">
        <v>196</v>
      </c>
      <c r="AA23972">
        <v>200</v>
      </c>
      <c r="AB23972">
        <v>205</v>
      </c>
      <c r="AC23972">
        <v>210</v>
      </c>
      <c r="AD23972">
        <v>214</v>
      </c>
      <c r="AE23972">
        <v>218</v>
      </c>
      <c r="AF23972">
        <v>220</v>
      </c>
      <c r="AG23972">
        <v>222</v>
      </c>
      <c r="AH23972">
        <v>224</v>
      </c>
      <c r="AI23972">
        <v>227</v>
      </c>
      <c r="AJ23972">
        <v>229</v>
      </c>
      <c r="AK23972">
        <v>231</v>
      </c>
      <c r="AL23972">
        <v>233</v>
      </c>
      <c r="AM23972">
        <v>236</v>
      </c>
      <c r="AN23972">
        <v>238</v>
      </c>
      <c r="AO23972">
        <v>240</v>
      </c>
      <c r="AP23972">
        <v>242</v>
      </c>
      <c r="AQ23972">
        <v>245</v>
      </c>
    </row>
    <row r="23973" spans="1:43">
      <c r="A23973" t="s">
        <v>14845</v>
      </c>
      <c r="B23973" t="s">
        <v>14846</v>
      </c>
      <c r="C23973" t="s">
        <v>14809</v>
      </c>
      <c r="D23973" t="s">
        <v>14810</v>
      </c>
      <c r="E23973" t="s">
        <v>14797</v>
      </c>
      <c r="F23973" t="s">
        <v>14798</v>
      </c>
      <c r="G23973" t="s">
        <v>10734</v>
      </c>
      <c r="H23973" t="s">
        <v>10735</v>
      </c>
      <c r="I23973" s="2">
        <v>1</v>
      </c>
      <c r="J23973" s="2">
        <v>0</v>
      </c>
      <c r="K23973" s="2">
        <v>0</v>
      </c>
      <c r="L23973" t="s">
        <v>120</v>
      </c>
      <c r="M23973" t="s">
        <v>83</v>
      </c>
      <c r="N23973" t="s">
        <v>91</v>
      </c>
      <c r="O23973" t="s">
        <v>85</v>
      </c>
      <c r="P23973" t="s">
        <v>86</v>
      </c>
      <c r="Q23973">
        <v>154</v>
      </c>
      <c r="R23973">
        <v>157</v>
      </c>
      <c r="S23973">
        <v>161</v>
      </c>
      <c r="T23973">
        <v>164</v>
      </c>
      <c r="U23973">
        <v>168</v>
      </c>
      <c r="V23973">
        <v>171</v>
      </c>
      <c r="W23973">
        <v>175</v>
      </c>
      <c r="X23973">
        <v>179</v>
      </c>
      <c r="Y23973">
        <v>182</v>
      </c>
      <c r="Z23973">
        <v>186</v>
      </c>
      <c r="AA23973">
        <v>189</v>
      </c>
      <c r="AB23973">
        <v>193</v>
      </c>
      <c r="AC23973">
        <v>197</v>
      </c>
      <c r="AD23973">
        <v>200</v>
      </c>
      <c r="AE23973">
        <v>204</v>
      </c>
      <c r="AF23973">
        <v>208</v>
      </c>
      <c r="AG23973">
        <v>212</v>
      </c>
      <c r="AH23973">
        <v>216</v>
      </c>
      <c r="AI23973">
        <v>220</v>
      </c>
      <c r="AJ23973">
        <v>224</v>
      </c>
      <c r="AK23973">
        <v>228</v>
      </c>
      <c r="AL23973">
        <v>231</v>
      </c>
      <c r="AM23973">
        <v>233</v>
      </c>
      <c r="AN23973">
        <v>236</v>
      </c>
      <c r="AO23973">
        <v>238</v>
      </c>
      <c r="AP23973">
        <v>240</v>
      </c>
      <c r="AQ23973">
        <v>243</v>
      </c>
    </row>
    <row r="23974" spans="1:43">
      <c r="A23974" t="s">
        <v>14847</v>
      </c>
      <c r="B23974" t="s">
        <v>14848</v>
      </c>
      <c r="C23974" t="s">
        <v>14843</v>
      </c>
      <c r="D23974" t="s">
        <v>14844</v>
      </c>
      <c r="E23974" t="s">
        <v>14797</v>
      </c>
      <c r="F23974" t="s">
        <v>14798</v>
      </c>
      <c r="G23974" t="s">
        <v>10734</v>
      </c>
      <c r="H23974" t="s">
        <v>10735</v>
      </c>
      <c r="I23974" s="2">
        <v>1</v>
      </c>
      <c r="J23974" s="2">
        <v>0</v>
      </c>
      <c r="K23974" s="2">
        <v>0</v>
      </c>
      <c r="L23974" t="s">
        <v>120</v>
      </c>
      <c r="M23974" t="s">
        <v>83</v>
      </c>
      <c r="N23974" t="s">
        <v>84</v>
      </c>
      <c r="O23974" t="s">
        <v>85</v>
      </c>
      <c r="P23974" t="s">
        <v>86</v>
      </c>
      <c r="Q23974">
        <v>15</v>
      </c>
      <c r="R23974">
        <v>15</v>
      </c>
      <c r="S23974">
        <v>16</v>
      </c>
      <c r="T23974">
        <v>16</v>
      </c>
      <c r="U23974">
        <v>16</v>
      </c>
      <c r="V23974">
        <v>17</v>
      </c>
      <c r="W23974">
        <v>17</v>
      </c>
      <c r="X23974">
        <v>17</v>
      </c>
      <c r="Y23974">
        <v>18</v>
      </c>
      <c r="Z23974">
        <v>18</v>
      </c>
      <c r="AA23974">
        <v>18</v>
      </c>
      <c r="AB23974">
        <v>19</v>
      </c>
      <c r="AC23974">
        <v>19</v>
      </c>
      <c r="AD23974">
        <v>19</v>
      </c>
      <c r="AE23974">
        <v>20</v>
      </c>
      <c r="AF23974">
        <v>20</v>
      </c>
      <c r="AG23974">
        <v>21</v>
      </c>
      <c r="AH23974">
        <v>21</v>
      </c>
      <c r="AI23974">
        <v>21</v>
      </c>
      <c r="AJ23974">
        <v>22</v>
      </c>
      <c r="AK23974">
        <v>22</v>
      </c>
      <c r="AL23974">
        <v>22</v>
      </c>
      <c r="AM23974">
        <v>23</v>
      </c>
      <c r="AN23974">
        <v>23</v>
      </c>
      <c r="AO23974">
        <v>23</v>
      </c>
      <c r="AP23974">
        <v>23</v>
      </c>
      <c r="AQ23974">
        <v>23</v>
      </c>
    </row>
    <row r="23975" spans="1:43">
      <c r="A23975" t="s">
        <v>14847</v>
      </c>
      <c r="B23975" t="s">
        <v>14848</v>
      </c>
      <c r="C23975" t="s">
        <v>14843</v>
      </c>
      <c r="D23975" t="s">
        <v>14844</v>
      </c>
      <c r="E23975" t="s">
        <v>14797</v>
      </c>
      <c r="F23975" t="s">
        <v>14798</v>
      </c>
      <c r="G23975" t="s">
        <v>10734</v>
      </c>
      <c r="H23975" t="s">
        <v>10735</v>
      </c>
      <c r="I23975" s="2">
        <v>1</v>
      </c>
      <c r="J23975" s="2">
        <v>0</v>
      </c>
      <c r="K23975" s="2">
        <v>0</v>
      </c>
      <c r="L23975" t="s">
        <v>120</v>
      </c>
      <c r="M23975" t="s">
        <v>87</v>
      </c>
      <c r="N23975" t="s">
        <v>88</v>
      </c>
      <c r="O23975" t="s">
        <v>85</v>
      </c>
      <c r="P23975" t="s">
        <v>86</v>
      </c>
      <c r="Q23975">
        <v>15</v>
      </c>
      <c r="R23975">
        <v>15</v>
      </c>
      <c r="S23975">
        <v>15</v>
      </c>
      <c r="T23975">
        <v>15</v>
      </c>
      <c r="U23975">
        <v>16</v>
      </c>
      <c r="V23975">
        <v>16</v>
      </c>
      <c r="W23975">
        <v>16</v>
      </c>
      <c r="X23975">
        <v>16</v>
      </c>
      <c r="Y23975">
        <v>16</v>
      </c>
      <c r="Z23975">
        <v>16</v>
      </c>
      <c r="AA23975">
        <v>17</v>
      </c>
      <c r="AB23975">
        <v>17</v>
      </c>
      <c r="AC23975">
        <v>17</v>
      </c>
      <c r="AD23975">
        <v>17</v>
      </c>
      <c r="AE23975">
        <v>17</v>
      </c>
      <c r="AF23975">
        <v>18</v>
      </c>
      <c r="AG23975">
        <v>18</v>
      </c>
      <c r="AH23975">
        <v>18</v>
      </c>
      <c r="AI23975">
        <v>18</v>
      </c>
      <c r="AJ23975">
        <v>19</v>
      </c>
      <c r="AK23975">
        <v>19</v>
      </c>
      <c r="AL23975">
        <v>19</v>
      </c>
      <c r="AM23975">
        <v>19</v>
      </c>
      <c r="AN23975">
        <v>20</v>
      </c>
      <c r="AO23975">
        <v>20</v>
      </c>
      <c r="AP23975">
        <v>20</v>
      </c>
      <c r="AQ23975">
        <v>20</v>
      </c>
    </row>
    <row r="23976" spans="1:43">
      <c r="A23976" t="s">
        <v>14847</v>
      </c>
      <c r="B23976" t="s">
        <v>14848</v>
      </c>
      <c r="C23976" t="s">
        <v>14843</v>
      </c>
      <c r="D23976" t="s">
        <v>14844</v>
      </c>
      <c r="E23976" t="s">
        <v>14797</v>
      </c>
      <c r="F23976" t="s">
        <v>14798</v>
      </c>
      <c r="G23976" t="s">
        <v>10734</v>
      </c>
      <c r="H23976" t="s">
        <v>10735</v>
      </c>
      <c r="I23976" s="2">
        <v>1</v>
      </c>
      <c r="J23976" s="2">
        <v>0</v>
      </c>
      <c r="K23976" s="2">
        <v>0</v>
      </c>
      <c r="L23976" t="s">
        <v>120</v>
      </c>
      <c r="M23976" t="s">
        <v>89</v>
      </c>
      <c r="N23976" t="s">
        <v>90</v>
      </c>
      <c r="O23976" t="s">
        <v>85</v>
      </c>
      <c r="P23976" t="s">
        <v>86</v>
      </c>
      <c r="Q23976">
        <v>15</v>
      </c>
      <c r="R23976">
        <v>15</v>
      </c>
      <c r="S23976">
        <v>16</v>
      </c>
      <c r="T23976">
        <v>16</v>
      </c>
      <c r="U23976">
        <v>17</v>
      </c>
      <c r="V23976">
        <v>17</v>
      </c>
      <c r="W23976">
        <v>18</v>
      </c>
      <c r="X23976">
        <v>18</v>
      </c>
      <c r="Y23976">
        <v>19</v>
      </c>
      <c r="Z23976">
        <v>19</v>
      </c>
      <c r="AA23976">
        <v>19</v>
      </c>
      <c r="AB23976">
        <v>20</v>
      </c>
      <c r="AC23976">
        <v>20</v>
      </c>
      <c r="AD23976">
        <v>21</v>
      </c>
      <c r="AE23976">
        <v>21</v>
      </c>
      <c r="AF23976">
        <v>21</v>
      </c>
      <c r="AG23976">
        <v>22</v>
      </c>
      <c r="AH23976">
        <v>22</v>
      </c>
      <c r="AI23976">
        <v>22</v>
      </c>
      <c r="AJ23976">
        <v>22</v>
      </c>
      <c r="AK23976">
        <v>22</v>
      </c>
      <c r="AL23976">
        <v>23</v>
      </c>
      <c r="AM23976">
        <v>23</v>
      </c>
      <c r="AN23976">
        <v>23</v>
      </c>
      <c r="AO23976">
        <v>23</v>
      </c>
      <c r="AP23976">
        <v>23</v>
      </c>
      <c r="AQ23976">
        <v>24</v>
      </c>
    </row>
    <row r="23977" spans="1:43">
      <c r="A23977" t="s">
        <v>14847</v>
      </c>
      <c r="B23977" t="s">
        <v>14848</v>
      </c>
      <c r="C23977" t="s">
        <v>14843</v>
      </c>
      <c r="D23977" t="s">
        <v>14844</v>
      </c>
      <c r="E23977" t="s">
        <v>14797</v>
      </c>
      <c r="F23977" t="s">
        <v>14798</v>
      </c>
      <c r="G23977" t="s">
        <v>10734</v>
      </c>
      <c r="H23977" t="s">
        <v>10735</v>
      </c>
      <c r="I23977" s="2">
        <v>1</v>
      </c>
      <c r="J23977" s="2">
        <v>0</v>
      </c>
      <c r="K23977" s="2">
        <v>0</v>
      </c>
      <c r="L23977" t="s">
        <v>120</v>
      </c>
      <c r="M23977" t="s">
        <v>83</v>
      </c>
      <c r="N23977" t="s">
        <v>91</v>
      </c>
      <c r="O23977" t="s">
        <v>85</v>
      </c>
      <c r="P23977" t="s">
        <v>86</v>
      </c>
      <c r="Q23977">
        <v>15</v>
      </c>
      <c r="R23977">
        <v>15</v>
      </c>
      <c r="S23977">
        <v>16</v>
      </c>
      <c r="T23977">
        <v>16</v>
      </c>
      <c r="U23977">
        <v>16</v>
      </c>
      <c r="V23977">
        <v>17</v>
      </c>
      <c r="W23977">
        <v>17</v>
      </c>
      <c r="X23977">
        <v>17</v>
      </c>
      <c r="Y23977">
        <v>18</v>
      </c>
      <c r="Z23977">
        <v>18</v>
      </c>
      <c r="AA23977">
        <v>18</v>
      </c>
      <c r="AB23977">
        <v>19</v>
      </c>
      <c r="AC23977">
        <v>19</v>
      </c>
      <c r="AD23977">
        <v>19</v>
      </c>
      <c r="AE23977">
        <v>20</v>
      </c>
      <c r="AF23977">
        <v>20</v>
      </c>
      <c r="AG23977">
        <v>21</v>
      </c>
      <c r="AH23977">
        <v>21</v>
      </c>
      <c r="AI23977">
        <v>21</v>
      </c>
      <c r="AJ23977">
        <v>22</v>
      </c>
      <c r="AK23977">
        <v>22</v>
      </c>
      <c r="AL23977">
        <v>22</v>
      </c>
      <c r="AM23977">
        <v>23</v>
      </c>
      <c r="AN23977">
        <v>23</v>
      </c>
      <c r="AO23977">
        <v>23</v>
      </c>
      <c r="AP23977">
        <v>23</v>
      </c>
      <c r="AQ23977">
        <v>23</v>
      </c>
    </row>
    <row r="23978" spans="1:43">
      <c r="A23978" t="s">
        <v>14849</v>
      </c>
      <c r="B23978" t="s">
        <v>14850</v>
      </c>
      <c r="C23978" t="s">
        <v>14833</v>
      </c>
      <c r="D23978" t="s">
        <v>14834</v>
      </c>
      <c r="E23978" t="s">
        <v>14797</v>
      </c>
      <c r="F23978" t="s">
        <v>14798</v>
      </c>
      <c r="G23978" t="s">
        <v>10734</v>
      </c>
      <c r="H23978" t="s">
        <v>10735</v>
      </c>
      <c r="I23978" s="2">
        <v>1</v>
      </c>
      <c r="J23978" s="2">
        <v>0</v>
      </c>
      <c r="K23978" s="2">
        <v>0</v>
      </c>
      <c r="L23978" t="s">
        <v>120</v>
      </c>
      <c r="M23978" t="s">
        <v>83</v>
      </c>
      <c r="N23978" t="s">
        <v>84</v>
      </c>
      <c r="O23978" t="s">
        <v>85</v>
      </c>
      <c r="P23978" t="s">
        <v>86</v>
      </c>
      <c r="Q23978">
        <v>8</v>
      </c>
      <c r="R23978">
        <v>8</v>
      </c>
      <c r="S23978">
        <v>8</v>
      </c>
      <c r="T23978">
        <v>8</v>
      </c>
      <c r="U23978">
        <v>8</v>
      </c>
      <c r="V23978">
        <v>8</v>
      </c>
      <c r="W23978">
        <v>9</v>
      </c>
      <c r="X23978">
        <v>9</v>
      </c>
      <c r="Y23978">
        <v>9</v>
      </c>
      <c r="Z23978">
        <v>9</v>
      </c>
      <c r="AA23978">
        <v>9</v>
      </c>
      <c r="AB23978">
        <v>9</v>
      </c>
      <c r="AC23978">
        <v>10</v>
      </c>
      <c r="AD23978">
        <v>10</v>
      </c>
      <c r="AE23978">
        <v>10</v>
      </c>
      <c r="AF23978">
        <v>10</v>
      </c>
      <c r="AG23978">
        <v>10</v>
      </c>
      <c r="AH23978">
        <v>11</v>
      </c>
      <c r="AI23978">
        <v>11</v>
      </c>
      <c r="AJ23978">
        <v>11</v>
      </c>
      <c r="AK23978">
        <v>11</v>
      </c>
      <c r="AL23978">
        <v>11</v>
      </c>
      <c r="AM23978">
        <v>11</v>
      </c>
      <c r="AN23978">
        <v>12</v>
      </c>
      <c r="AO23978">
        <v>12</v>
      </c>
      <c r="AP23978">
        <v>12</v>
      </c>
      <c r="AQ23978">
        <v>12</v>
      </c>
    </row>
    <row r="23979" spans="1:43">
      <c r="A23979" t="s">
        <v>14849</v>
      </c>
      <c r="B23979" t="s">
        <v>14850</v>
      </c>
      <c r="C23979" t="s">
        <v>14833</v>
      </c>
      <c r="D23979" t="s">
        <v>14834</v>
      </c>
      <c r="E23979" t="s">
        <v>14797</v>
      </c>
      <c r="F23979" t="s">
        <v>14798</v>
      </c>
      <c r="G23979" t="s">
        <v>10734</v>
      </c>
      <c r="H23979" t="s">
        <v>10735</v>
      </c>
      <c r="I23979" s="2">
        <v>1</v>
      </c>
      <c r="J23979" s="2">
        <v>0</v>
      </c>
      <c r="K23979" s="2">
        <v>0</v>
      </c>
      <c r="L23979" t="s">
        <v>120</v>
      </c>
      <c r="M23979" t="s">
        <v>87</v>
      </c>
      <c r="N23979" t="s">
        <v>88</v>
      </c>
      <c r="O23979" t="s">
        <v>85</v>
      </c>
      <c r="P23979" t="s">
        <v>86</v>
      </c>
      <c r="Q23979">
        <v>8</v>
      </c>
      <c r="R23979">
        <v>8</v>
      </c>
      <c r="S23979">
        <v>8</v>
      </c>
      <c r="T23979">
        <v>8</v>
      </c>
      <c r="U23979">
        <v>8</v>
      </c>
      <c r="V23979">
        <v>8</v>
      </c>
      <c r="W23979">
        <v>8</v>
      </c>
      <c r="X23979">
        <v>8</v>
      </c>
      <c r="Y23979">
        <v>8</v>
      </c>
      <c r="Z23979">
        <v>8</v>
      </c>
      <c r="AA23979">
        <v>8</v>
      </c>
      <c r="AB23979">
        <v>9</v>
      </c>
      <c r="AC23979">
        <v>9</v>
      </c>
      <c r="AD23979">
        <v>9</v>
      </c>
      <c r="AE23979">
        <v>9</v>
      </c>
      <c r="AF23979">
        <v>9</v>
      </c>
      <c r="AG23979">
        <v>9</v>
      </c>
      <c r="AH23979">
        <v>9</v>
      </c>
      <c r="AI23979">
        <v>9</v>
      </c>
      <c r="AJ23979">
        <v>9</v>
      </c>
      <c r="AK23979">
        <v>10</v>
      </c>
      <c r="AL23979">
        <v>10</v>
      </c>
      <c r="AM23979">
        <v>10</v>
      </c>
      <c r="AN23979">
        <v>10</v>
      </c>
      <c r="AO23979">
        <v>10</v>
      </c>
      <c r="AP23979">
        <v>10</v>
      </c>
      <c r="AQ23979">
        <v>10</v>
      </c>
    </row>
    <row r="23980" spans="1:43">
      <c r="A23980" t="s">
        <v>14849</v>
      </c>
      <c r="B23980" t="s">
        <v>14850</v>
      </c>
      <c r="C23980" t="s">
        <v>14833</v>
      </c>
      <c r="D23980" t="s">
        <v>14834</v>
      </c>
      <c r="E23980" t="s">
        <v>14797</v>
      </c>
      <c r="F23980" t="s">
        <v>14798</v>
      </c>
      <c r="G23980" t="s">
        <v>10734</v>
      </c>
      <c r="H23980" t="s">
        <v>10735</v>
      </c>
      <c r="I23980" s="2">
        <v>1</v>
      </c>
      <c r="J23980" s="2">
        <v>0</v>
      </c>
      <c r="K23980" s="2">
        <v>0</v>
      </c>
      <c r="L23980" t="s">
        <v>120</v>
      </c>
      <c r="M23980" t="s">
        <v>89</v>
      </c>
      <c r="N23980" t="s">
        <v>90</v>
      </c>
      <c r="O23980" t="s">
        <v>85</v>
      </c>
      <c r="P23980" t="s">
        <v>86</v>
      </c>
      <c r="Q23980">
        <v>8</v>
      </c>
      <c r="R23980">
        <v>8</v>
      </c>
      <c r="S23980">
        <v>8</v>
      </c>
      <c r="T23980">
        <v>8</v>
      </c>
      <c r="U23980">
        <v>9</v>
      </c>
      <c r="V23980">
        <v>9</v>
      </c>
      <c r="W23980">
        <v>9</v>
      </c>
      <c r="X23980">
        <v>9</v>
      </c>
      <c r="Y23980">
        <v>9</v>
      </c>
      <c r="Z23980">
        <v>10</v>
      </c>
      <c r="AA23980">
        <v>10</v>
      </c>
      <c r="AB23980">
        <v>10</v>
      </c>
      <c r="AC23980">
        <v>10</v>
      </c>
      <c r="AD23980">
        <v>11</v>
      </c>
      <c r="AE23980">
        <v>11</v>
      </c>
      <c r="AF23980">
        <v>11</v>
      </c>
      <c r="AG23980">
        <v>11</v>
      </c>
      <c r="AH23980">
        <v>11</v>
      </c>
      <c r="AI23980">
        <v>11</v>
      </c>
      <c r="AJ23980">
        <v>11</v>
      </c>
      <c r="AK23980">
        <v>11</v>
      </c>
      <c r="AL23980">
        <v>11</v>
      </c>
      <c r="AM23980">
        <v>12</v>
      </c>
      <c r="AN23980">
        <v>12</v>
      </c>
      <c r="AO23980">
        <v>12</v>
      </c>
      <c r="AP23980">
        <v>12</v>
      </c>
      <c r="AQ23980">
        <v>12</v>
      </c>
    </row>
    <row r="23981" spans="1:43">
      <c r="A23981" t="s">
        <v>14849</v>
      </c>
      <c r="B23981" t="s">
        <v>14850</v>
      </c>
      <c r="C23981" t="s">
        <v>14833</v>
      </c>
      <c r="D23981" t="s">
        <v>14834</v>
      </c>
      <c r="E23981" t="s">
        <v>14797</v>
      </c>
      <c r="F23981" t="s">
        <v>14798</v>
      </c>
      <c r="G23981" t="s">
        <v>10734</v>
      </c>
      <c r="H23981" t="s">
        <v>10735</v>
      </c>
      <c r="I23981" s="2">
        <v>1</v>
      </c>
      <c r="J23981" s="2">
        <v>0</v>
      </c>
      <c r="K23981" s="2">
        <v>0</v>
      </c>
      <c r="L23981" t="s">
        <v>120</v>
      </c>
      <c r="M23981" t="s">
        <v>83</v>
      </c>
      <c r="N23981" t="s">
        <v>91</v>
      </c>
      <c r="O23981" t="s">
        <v>85</v>
      </c>
      <c r="P23981" t="s">
        <v>86</v>
      </c>
      <c r="Q23981">
        <v>8</v>
      </c>
      <c r="R23981">
        <v>8</v>
      </c>
      <c r="S23981">
        <v>8</v>
      </c>
      <c r="T23981">
        <v>8</v>
      </c>
      <c r="U23981">
        <v>8</v>
      </c>
      <c r="V23981">
        <v>8</v>
      </c>
      <c r="W23981">
        <v>9</v>
      </c>
      <c r="X23981">
        <v>9</v>
      </c>
      <c r="Y23981">
        <v>9</v>
      </c>
      <c r="Z23981">
        <v>9</v>
      </c>
      <c r="AA23981">
        <v>9</v>
      </c>
      <c r="AB23981">
        <v>9</v>
      </c>
      <c r="AC23981">
        <v>10</v>
      </c>
      <c r="AD23981">
        <v>10</v>
      </c>
      <c r="AE23981">
        <v>10</v>
      </c>
      <c r="AF23981">
        <v>10</v>
      </c>
      <c r="AG23981">
        <v>10</v>
      </c>
      <c r="AH23981">
        <v>11</v>
      </c>
      <c r="AI23981">
        <v>11</v>
      </c>
      <c r="AJ23981">
        <v>11</v>
      </c>
      <c r="AK23981">
        <v>11</v>
      </c>
      <c r="AL23981">
        <v>11</v>
      </c>
      <c r="AM23981">
        <v>11</v>
      </c>
      <c r="AN23981">
        <v>12</v>
      </c>
      <c r="AO23981">
        <v>12</v>
      </c>
      <c r="AP23981">
        <v>12</v>
      </c>
      <c r="AQ23981">
        <v>12</v>
      </c>
    </row>
    <row r="23982" spans="1:43">
      <c r="A23982" t="s">
        <v>14851</v>
      </c>
      <c r="B23982" t="s">
        <v>14852</v>
      </c>
      <c r="C23982" t="s">
        <v>14853</v>
      </c>
      <c r="D23982" t="s">
        <v>14854</v>
      </c>
      <c r="E23982" t="s">
        <v>14797</v>
      </c>
      <c r="F23982" t="s">
        <v>14798</v>
      </c>
      <c r="G23982" t="s">
        <v>10734</v>
      </c>
      <c r="H23982" t="s">
        <v>10735</v>
      </c>
      <c r="I23982" s="2">
        <v>1</v>
      </c>
      <c r="J23982" s="2">
        <v>0</v>
      </c>
      <c r="K23982" s="2">
        <v>0</v>
      </c>
      <c r="L23982" t="s">
        <v>120</v>
      </c>
      <c r="M23982" t="s">
        <v>83</v>
      </c>
      <c r="N23982" t="s">
        <v>84</v>
      </c>
      <c r="O23982" t="s">
        <v>85</v>
      </c>
      <c r="P23982" t="s">
        <v>86</v>
      </c>
      <c r="Q23982">
        <v>32</v>
      </c>
      <c r="R23982">
        <v>33</v>
      </c>
      <c r="S23982">
        <v>34</v>
      </c>
      <c r="T23982">
        <v>35</v>
      </c>
      <c r="U23982">
        <v>35</v>
      </c>
      <c r="V23982">
        <v>36</v>
      </c>
      <c r="W23982">
        <v>37</v>
      </c>
      <c r="X23982">
        <v>38</v>
      </c>
      <c r="Y23982">
        <v>38</v>
      </c>
      <c r="Z23982">
        <v>39</v>
      </c>
      <c r="AA23982">
        <v>40</v>
      </c>
      <c r="AB23982">
        <v>41</v>
      </c>
      <c r="AC23982">
        <v>41</v>
      </c>
      <c r="AD23982">
        <v>42</v>
      </c>
      <c r="AE23982">
        <v>43</v>
      </c>
      <c r="AF23982">
        <v>44</v>
      </c>
      <c r="AG23982">
        <v>45</v>
      </c>
      <c r="AH23982">
        <v>46</v>
      </c>
      <c r="AI23982">
        <v>46</v>
      </c>
      <c r="AJ23982">
        <v>47</v>
      </c>
      <c r="AK23982">
        <v>48</v>
      </c>
      <c r="AL23982">
        <v>49</v>
      </c>
      <c r="AM23982">
        <v>49</v>
      </c>
      <c r="AN23982">
        <v>50</v>
      </c>
      <c r="AO23982">
        <v>50</v>
      </c>
      <c r="AP23982">
        <v>51</v>
      </c>
      <c r="AQ23982">
        <v>51</v>
      </c>
    </row>
    <row r="23983" spans="1:43">
      <c r="A23983" t="s">
        <v>14851</v>
      </c>
      <c r="B23983" t="s">
        <v>14852</v>
      </c>
      <c r="C23983" t="s">
        <v>14853</v>
      </c>
      <c r="D23983" t="s">
        <v>14854</v>
      </c>
      <c r="E23983" t="s">
        <v>14797</v>
      </c>
      <c r="F23983" t="s">
        <v>14798</v>
      </c>
      <c r="G23983" t="s">
        <v>10734</v>
      </c>
      <c r="H23983" t="s">
        <v>10735</v>
      </c>
      <c r="I23983" s="2">
        <v>1</v>
      </c>
      <c r="J23983" s="2">
        <v>0</v>
      </c>
      <c r="K23983" s="2">
        <v>0</v>
      </c>
      <c r="L23983" t="s">
        <v>120</v>
      </c>
      <c r="M23983" t="s">
        <v>87</v>
      </c>
      <c r="N23983" t="s">
        <v>88</v>
      </c>
      <c r="O23983" t="s">
        <v>85</v>
      </c>
      <c r="P23983" t="s">
        <v>86</v>
      </c>
      <c r="Q23983">
        <v>32</v>
      </c>
      <c r="R23983">
        <v>33</v>
      </c>
      <c r="S23983">
        <v>33</v>
      </c>
      <c r="T23983">
        <v>33</v>
      </c>
      <c r="U23983">
        <v>34</v>
      </c>
      <c r="V23983">
        <v>34</v>
      </c>
      <c r="W23983">
        <v>35</v>
      </c>
      <c r="X23983">
        <v>35</v>
      </c>
      <c r="Y23983">
        <v>35</v>
      </c>
      <c r="Z23983">
        <v>36</v>
      </c>
      <c r="AA23983">
        <v>36</v>
      </c>
      <c r="AB23983">
        <v>37</v>
      </c>
      <c r="AC23983">
        <v>37</v>
      </c>
      <c r="AD23983">
        <v>38</v>
      </c>
      <c r="AE23983">
        <v>38</v>
      </c>
      <c r="AF23983">
        <v>39</v>
      </c>
      <c r="AG23983">
        <v>39</v>
      </c>
      <c r="AH23983">
        <v>40</v>
      </c>
      <c r="AI23983">
        <v>40</v>
      </c>
      <c r="AJ23983">
        <v>41</v>
      </c>
      <c r="AK23983">
        <v>41</v>
      </c>
      <c r="AL23983">
        <v>41</v>
      </c>
      <c r="AM23983">
        <v>42</v>
      </c>
      <c r="AN23983">
        <v>43</v>
      </c>
      <c r="AO23983">
        <v>43</v>
      </c>
      <c r="AP23983">
        <v>44</v>
      </c>
      <c r="AQ23983">
        <v>44</v>
      </c>
    </row>
    <row r="23984" spans="1:43">
      <c r="A23984" t="s">
        <v>14851</v>
      </c>
      <c r="B23984" t="s">
        <v>14852</v>
      </c>
      <c r="C23984" t="s">
        <v>14853</v>
      </c>
      <c r="D23984" t="s">
        <v>14854</v>
      </c>
      <c r="E23984" t="s">
        <v>14797</v>
      </c>
      <c r="F23984" t="s">
        <v>14798</v>
      </c>
      <c r="G23984" t="s">
        <v>10734</v>
      </c>
      <c r="H23984" t="s">
        <v>10735</v>
      </c>
      <c r="I23984" s="2">
        <v>1</v>
      </c>
      <c r="J23984" s="2">
        <v>0</v>
      </c>
      <c r="K23984" s="2">
        <v>0</v>
      </c>
      <c r="L23984" t="s">
        <v>120</v>
      </c>
      <c r="M23984" t="s">
        <v>89</v>
      </c>
      <c r="N23984" t="s">
        <v>90</v>
      </c>
      <c r="O23984" t="s">
        <v>85</v>
      </c>
      <c r="P23984" t="s">
        <v>86</v>
      </c>
      <c r="Q23984">
        <v>32</v>
      </c>
      <c r="R23984">
        <v>33</v>
      </c>
      <c r="S23984">
        <v>34</v>
      </c>
      <c r="T23984">
        <v>35</v>
      </c>
      <c r="U23984">
        <v>36</v>
      </c>
      <c r="V23984">
        <v>37</v>
      </c>
      <c r="W23984">
        <v>38</v>
      </c>
      <c r="X23984">
        <v>39</v>
      </c>
      <c r="Y23984">
        <v>40</v>
      </c>
      <c r="Z23984">
        <v>41</v>
      </c>
      <c r="AA23984">
        <v>41</v>
      </c>
      <c r="AB23984">
        <v>42</v>
      </c>
      <c r="AC23984">
        <v>43</v>
      </c>
      <c r="AD23984">
        <v>44</v>
      </c>
      <c r="AE23984">
        <v>45</v>
      </c>
      <c r="AF23984">
        <v>46</v>
      </c>
      <c r="AG23984">
        <v>46</v>
      </c>
      <c r="AH23984">
        <v>47</v>
      </c>
      <c r="AI23984">
        <v>47</v>
      </c>
      <c r="AJ23984">
        <v>47</v>
      </c>
      <c r="AK23984">
        <v>48</v>
      </c>
      <c r="AL23984">
        <v>48</v>
      </c>
      <c r="AM23984">
        <v>49</v>
      </c>
      <c r="AN23984">
        <v>49</v>
      </c>
      <c r="AO23984">
        <v>50</v>
      </c>
      <c r="AP23984">
        <v>50</v>
      </c>
      <c r="AQ23984">
        <v>51</v>
      </c>
    </row>
    <row r="23985" spans="1:43">
      <c r="A23985" t="s">
        <v>14851</v>
      </c>
      <c r="B23985" t="s">
        <v>14852</v>
      </c>
      <c r="C23985" t="s">
        <v>14853</v>
      </c>
      <c r="D23985" t="s">
        <v>14854</v>
      </c>
      <c r="E23985" t="s">
        <v>14797</v>
      </c>
      <c r="F23985" t="s">
        <v>14798</v>
      </c>
      <c r="G23985" t="s">
        <v>10734</v>
      </c>
      <c r="H23985" t="s">
        <v>10735</v>
      </c>
      <c r="I23985" s="2">
        <v>1</v>
      </c>
      <c r="J23985" s="2">
        <v>0</v>
      </c>
      <c r="K23985" s="2">
        <v>0</v>
      </c>
      <c r="L23985" t="s">
        <v>120</v>
      </c>
      <c r="M23985" t="s">
        <v>83</v>
      </c>
      <c r="N23985" t="s">
        <v>91</v>
      </c>
      <c r="O23985" t="s">
        <v>85</v>
      </c>
      <c r="P23985" t="s">
        <v>86</v>
      </c>
      <c r="Q23985">
        <v>32</v>
      </c>
      <c r="R23985">
        <v>33</v>
      </c>
      <c r="S23985">
        <v>34</v>
      </c>
      <c r="T23985">
        <v>35</v>
      </c>
      <c r="U23985">
        <v>35</v>
      </c>
      <c r="V23985">
        <v>36</v>
      </c>
      <c r="W23985">
        <v>37</v>
      </c>
      <c r="X23985">
        <v>38</v>
      </c>
      <c r="Y23985">
        <v>38</v>
      </c>
      <c r="Z23985">
        <v>39</v>
      </c>
      <c r="AA23985">
        <v>40</v>
      </c>
      <c r="AB23985">
        <v>41</v>
      </c>
      <c r="AC23985">
        <v>41</v>
      </c>
      <c r="AD23985">
        <v>42</v>
      </c>
      <c r="AE23985">
        <v>43</v>
      </c>
      <c r="AF23985">
        <v>44</v>
      </c>
      <c r="AG23985">
        <v>45</v>
      </c>
      <c r="AH23985">
        <v>46</v>
      </c>
      <c r="AI23985">
        <v>46</v>
      </c>
      <c r="AJ23985">
        <v>47</v>
      </c>
      <c r="AK23985">
        <v>48</v>
      </c>
      <c r="AL23985">
        <v>49</v>
      </c>
      <c r="AM23985">
        <v>49</v>
      </c>
      <c r="AN23985">
        <v>50</v>
      </c>
      <c r="AO23985">
        <v>50</v>
      </c>
      <c r="AP23985">
        <v>51</v>
      </c>
      <c r="AQ23985">
        <v>51</v>
      </c>
    </row>
    <row r="23986" spans="1:43">
      <c r="A23986" t="s">
        <v>14855</v>
      </c>
      <c r="B23986" t="s">
        <v>14856</v>
      </c>
      <c r="C23986" t="s">
        <v>14833</v>
      </c>
      <c r="D23986" t="s">
        <v>14834</v>
      </c>
      <c r="E23986" t="s">
        <v>14797</v>
      </c>
      <c r="F23986" t="s">
        <v>14798</v>
      </c>
      <c r="G23986" t="s">
        <v>10734</v>
      </c>
      <c r="H23986" t="s">
        <v>10735</v>
      </c>
      <c r="I23986" s="2">
        <v>1</v>
      </c>
      <c r="J23986" s="2">
        <v>0</v>
      </c>
      <c r="K23986" s="2">
        <v>0</v>
      </c>
      <c r="L23986" t="s">
        <v>120</v>
      </c>
      <c r="M23986" t="s">
        <v>83</v>
      </c>
      <c r="N23986" t="s">
        <v>84</v>
      </c>
      <c r="O23986" t="s">
        <v>85</v>
      </c>
      <c r="P23986" t="s">
        <v>86</v>
      </c>
      <c r="Q23986">
        <v>13</v>
      </c>
      <c r="R23986">
        <v>13</v>
      </c>
      <c r="S23986">
        <v>13</v>
      </c>
      <c r="T23986">
        <v>14</v>
      </c>
      <c r="U23986">
        <v>14</v>
      </c>
      <c r="V23986">
        <v>14</v>
      </c>
      <c r="W23986">
        <v>15</v>
      </c>
      <c r="X23986">
        <v>15</v>
      </c>
      <c r="Y23986">
        <v>15</v>
      </c>
      <c r="Z23986">
        <v>15</v>
      </c>
      <c r="AA23986">
        <v>16</v>
      </c>
      <c r="AB23986">
        <v>16</v>
      </c>
      <c r="AC23986">
        <v>16</v>
      </c>
      <c r="AD23986">
        <v>17</v>
      </c>
      <c r="AE23986">
        <v>17</v>
      </c>
      <c r="AF23986">
        <v>17</v>
      </c>
      <c r="AG23986">
        <v>18</v>
      </c>
      <c r="AH23986">
        <v>18</v>
      </c>
      <c r="AI23986">
        <v>18</v>
      </c>
      <c r="AJ23986">
        <v>19</v>
      </c>
      <c r="AK23986">
        <v>19</v>
      </c>
      <c r="AL23986">
        <v>19</v>
      </c>
      <c r="AM23986">
        <v>19</v>
      </c>
      <c r="AN23986">
        <v>20</v>
      </c>
      <c r="AO23986">
        <v>20</v>
      </c>
      <c r="AP23986">
        <v>20</v>
      </c>
      <c r="AQ23986">
        <v>20</v>
      </c>
    </row>
    <row r="23987" spans="1:43">
      <c r="A23987" t="s">
        <v>14855</v>
      </c>
      <c r="B23987" t="s">
        <v>14856</v>
      </c>
      <c r="C23987" t="s">
        <v>14833</v>
      </c>
      <c r="D23987" t="s">
        <v>14834</v>
      </c>
      <c r="E23987" t="s">
        <v>14797</v>
      </c>
      <c r="F23987" t="s">
        <v>14798</v>
      </c>
      <c r="G23987" t="s">
        <v>10734</v>
      </c>
      <c r="H23987" t="s">
        <v>10735</v>
      </c>
      <c r="I23987" s="2">
        <v>1</v>
      </c>
      <c r="J23987" s="2">
        <v>0</v>
      </c>
      <c r="K23987" s="2">
        <v>0</v>
      </c>
      <c r="L23987" t="s">
        <v>120</v>
      </c>
      <c r="M23987" t="s">
        <v>87</v>
      </c>
      <c r="N23987" t="s">
        <v>88</v>
      </c>
      <c r="O23987" t="s">
        <v>85</v>
      </c>
      <c r="P23987" t="s">
        <v>86</v>
      </c>
      <c r="Q23987">
        <v>13</v>
      </c>
      <c r="R23987">
        <v>13</v>
      </c>
      <c r="S23987">
        <v>13</v>
      </c>
      <c r="T23987">
        <v>13</v>
      </c>
      <c r="U23987">
        <v>13</v>
      </c>
      <c r="V23987">
        <v>13</v>
      </c>
      <c r="W23987">
        <v>14</v>
      </c>
      <c r="X23987">
        <v>14</v>
      </c>
      <c r="Y23987">
        <v>14</v>
      </c>
      <c r="Z23987">
        <v>14</v>
      </c>
      <c r="AA23987">
        <v>14</v>
      </c>
      <c r="AB23987">
        <v>15</v>
      </c>
      <c r="AC23987">
        <v>15</v>
      </c>
      <c r="AD23987">
        <v>15</v>
      </c>
      <c r="AE23987">
        <v>15</v>
      </c>
      <c r="AF23987">
        <v>15</v>
      </c>
      <c r="AG23987">
        <v>15</v>
      </c>
      <c r="AH23987">
        <v>16</v>
      </c>
      <c r="AI23987">
        <v>16</v>
      </c>
      <c r="AJ23987">
        <v>16</v>
      </c>
      <c r="AK23987">
        <v>16</v>
      </c>
      <c r="AL23987">
        <v>16</v>
      </c>
      <c r="AM23987">
        <v>17</v>
      </c>
      <c r="AN23987">
        <v>17</v>
      </c>
      <c r="AO23987">
        <v>17</v>
      </c>
      <c r="AP23987">
        <v>17</v>
      </c>
      <c r="AQ23987">
        <v>17</v>
      </c>
    </row>
    <row r="23988" spans="1:43">
      <c r="A23988" t="s">
        <v>14855</v>
      </c>
      <c r="B23988" t="s">
        <v>14856</v>
      </c>
      <c r="C23988" t="s">
        <v>14833</v>
      </c>
      <c r="D23988" t="s">
        <v>14834</v>
      </c>
      <c r="E23988" t="s">
        <v>14797</v>
      </c>
      <c r="F23988" t="s">
        <v>14798</v>
      </c>
      <c r="G23988" t="s">
        <v>10734</v>
      </c>
      <c r="H23988" t="s">
        <v>10735</v>
      </c>
      <c r="I23988" s="2">
        <v>1</v>
      </c>
      <c r="J23988" s="2">
        <v>0</v>
      </c>
      <c r="K23988" s="2">
        <v>0</v>
      </c>
      <c r="L23988" t="s">
        <v>120</v>
      </c>
      <c r="M23988" t="s">
        <v>89</v>
      </c>
      <c r="N23988" t="s">
        <v>90</v>
      </c>
      <c r="O23988" t="s">
        <v>85</v>
      </c>
      <c r="P23988" t="s">
        <v>86</v>
      </c>
      <c r="Q23988">
        <v>13</v>
      </c>
      <c r="R23988">
        <v>13</v>
      </c>
      <c r="S23988">
        <v>14</v>
      </c>
      <c r="T23988">
        <v>14</v>
      </c>
      <c r="U23988">
        <v>14</v>
      </c>
      <c r="V23988">
        <v>15</v>
      </c>
      <c r="W23988">
        <v>15</v>
      </c>
      <c r="X23988">
        <v>16</v>
      </c>
      <c r="Y23988">
        <v>16</v>
      </c>
      <c r="Z23988">
        <v>16</v>
      </c>
      <c r="AA23988">
        <v>17</v>
      </c>
      <c r="AB23988">
        <v>17</v>
      </c>
      <c r="AC23988">
        <v>18</v>
      </c>
      <c r="AD23988">
        <v>18</v>
      </c>
      <c r="AE23988">
        <v>18</v>
      </c>
      <c r="AF23988">
        <v>18</v>
      </c>
      <c r="AG23988">
        <v>19</v>
      </c>
      <c r="AH23988">
        <v>19</v>
      </c>
      <c r="AI23988">
        <v>19</v>
      </c>
      <c r="AJ23988">
        <v>19</v>
      </c>
      <c r="AK23988">
        <v>19</v>
      </c>
      <c r="AL23988">
        <v>19</v>
      </c>
      <c r="AM23988">
        <v>20</v>
      </c>
      <c r="AN23988">
        <v>20</v>
      </c>
      <c r="AO23988">
        <v>20</v>
      </c>
      <c r="AP23988">
        <v>20</v>
      </c>
      <c r="AQ23988">
        <v>20</v>
      </c>
    </row>
    <row r="23989" spans="1:43">
      <c r="A23989" t="s">
        <v>14855</v>
      </c>
      <c r="B23989" t="s">
        <v>14856</v>
      </c>
      <c r="C23989" t="s">
        <v>14833</v>
      </c>
      <c r="D23989" t="s">
        <v>14834</v>
      </c>
      <c r="E23989" t="s">
        <v>14797</v>
      </c>
      <c r="F23989" t="s">
        <v>14798</v>
      </c>
      <c r="G23989" t="s">
        <v>10734</v>
      </c>
      <c r="H23989" t="s">
        <v>10735</v>
      </c>
      <c r="I23989" s="2">
        <v>1</v>
      </c>
      <c r="J23989" s="2">
        <v>0</v>
      </c>
      <c r="K23989" s="2">
        <v>0</v>
      </c>
      <c r="L23989" t="s">
        <v>120</v>
      </c>
      <c r="M23989" t="s">
        <v>83</v>
      </c>
      <c r="N23989" t="s">
        <v>91</v>
      </c>
      <c r="O23989" t="s">
        <v>85</v>
      </c>
      <c r="P23989" t="s">
        <v>86</v>
      </c>
      <c r="Q23989">
        <v>13</v>
      </c>
      <c r="R23989">
        <v>13</v>
      </c>
      <c r="S23989">
        <v>13</v>
      </c>
      <c r="T23989">
        <v>14</v>
      </c>
      <c r="U23989">
        <v>14</v>
      </c>
      <c r="V23989">
        <v>14</v>
      </c>
      <c r="W23989">
        <v>15</v>
      </c>
      <c r="X23989">
        <v>15</v>
      </c>
      <c r="Y23989">
        <v>15</v>
      </c>
      <c r="Z23989">
        <v>15</v>
      </c>
      <c r="AA23989">
        <v>16</v>
      </c>
      <c r="AB23989">
        <v>16</v>
      </c>
      <c r="AC23989">
        <v>16</v>
      </c>
      <c r="AD23989">
        <v>17</v>
      </c>
      <c r="AE23989">
        <v>17</v>
      </c>
      <c r="AF23989">
        <v>17</v>
      </c>
      <c r="AG23989">
        <v>18</v>
      </c>
      <c r="AH23989">
        <v>18</v>
      </c>
      <c r="AI23989">
        <v>18</v>
      </c>
      <c r="AJ23989">
        <v>19</v>
      </c>
      <c r="AK23989">
        <v>19</v>
      </c>
      <c r="AL23989">
        <v>19</v>
      </c>
      <c r="AM23989">
        <v>19</v>
      </c>
      <c r="AN23989">
        <v>20</v>
      </c>
      <c r="AO23989">
        <v>20</v>
      </c>
      <c r="AP23989">
        <v>20</v>
      </c>
      <c r="AQ23989">
        <v>20</v>
      </c>
    </row>
    <row r="23990" spans="1:43">
      <c r="A23990" t="s">
        <v>14857</v>
      </c>
      <c r="B23990" t="s">
        <v>14858</v>
      </c>
      <c r="C23990" t="s">
        <v>14853</v>
      </c>
      <c r="D23990" t="s">
        <v>14854</v>
      </c>
      <c r="E23990" t="s">
        <v>14797</v>
      </c>
      <c r="F23990" t="s">
        <v>14798</v>
      </c>
      <c r="G23990" t="s">
        <v>10734</v>
      </c>
      <c r="H23990" t="s">
        <v>10735</v>
      </c>
      <c r="I23990" s="2">
        <v>1</v>
      </c>
      <c r="J23990" s="2">
        <v>0</v>
      </c>
      <c r="K23990" s="2">
        <v>0</v>
      </c>
      <c r="L23990" t="s">
        <v>120</v>
      </c>
      <c r="M23990" t="s">
        <v>83</v>
      </c>
      <c r="N23990" t="s">
        <v>84</v>
      </c>
      <c r="O23990" t="s">
        <v>85</v>
      </c>
      <c r="P23990" t="s">
        <v>86</v>
      </c>
      <c r="Q23990">
        <v>10</v>
      </c>
      <c r="R23990">
        <v>10</v>
      </c>
      <c r="S23990">
        <v>11</v>
      </c>
      <c r="T23990">
        <v>11</v>
      </c>
      <c r="U23990">
        <v>11</v>
      </c>
      <c r="V23990">
        <v>11</v>
      </c>
      <c r="W23990">
        <v>11</v>
      </c>
      <c r="X23990">
        <v>12</v>
      </c>
      <c r="Y23990">
        <v>12</v>
      </c>
      <c r="Z23990">
        <v>12</v>
      </c>
      <c r="AA23990">
        <v>12</v>
      </c>
      <c r="AB23990">
        <v>13</v>
      </c>
      <c r="AC23990">
        <v>13</v>
      </c>
      <c r="AD23990">
        <v>13</v>
      </c>
      <c r="AE23990">
        <v>13</v>
      </c>
      <c r="AF23990">
        <v>14</v>
      </c>
      <c r="AG23990">
        <v>14</v>
      </c>
      <c r="AH23990">
        <v>14</v>
      </c>
      <c r="AI23990">
        <v>14</v>
      </c>
      <c r="AJ23990">
        <v>15</v>
      </c>
      <c r="AK23990">
        <v>15</v>
      </c>
      <c r="AL23990">
        <v>15</v>
      </c>
      <c r="AM23990">
        <v>15</v>
      </c>
      <c r="AN23990">
        <v>15</v>
      </c>
      <c r="AO23990">
        <v>15</v>
      </c>
      <c r="AP23990">
        <v>16</v>
      </c>
      <c r="AQ23990">
        <v>16</v>
      </c>
    </row>
    <row r="23991" spans="1:43">
      <c r="A23991" t="s">
        <v>14857</v>
      </c>
      <c r="B23991" t="s">
        <v>14858</v>
      </c>
      <c r="C23991" t="s">
        <v>14853</v>
      </c>
      <c r="D23991" t="s">
        <v>14854</v>
      </c>
      <c r="E23991" t="s">
        <v>14797</v>
      </c>
      <c r="F23991" t="s">
        <v>14798</v>
      </c>
      <c r="G23991" t="s">
        <v>10734</v>
      </c>
      <c r="H23991" t="s">
        <v>10735</v>
      </c>
      <c r="I23991" s="2">
        <v>1</v>
      </c>
      <c r="J23991" s="2">
        <v>0</v>
      </c>
      <c r="K23991" s="2">
        <v>0</v>
      </c>
      <c r="L23991" t="s">
        <v>120</v>
      </c>
      <c r="M23991" t="s">
        <v>87</v>
      </c>
      <c r="N23991" t="s">
        <v>88</v>
      </c>
      <c r="O23991" t="s">
        <v>85</v>
      </c>
      <c r="P23991" t="s">
        <v>86</v>
      </c>
      <c r="Q23991">
        <v>10</v>
      </c>
      <c r="R23991">
        <v>10</v>
      </c>
      <c r="S23991">
        <v>10</v>
      </c>
      <c r="T23991">
        <v>10</v>
      </c>
      <c r="U23991">
        <v>10</v>
      </c>
      <c r="V23991">
        <v>11</v>
      </c>
      <c r="W23991">
        <v>11</v>
      </c>
      <c r="X23991">
        <v>11</v>
      </c>
      <c r="Y23991">
        <v>11</v>
      </c>
      <c r="Z23991">
        <v>11</v>
      </c>
      <c r="AA23991">
        <v>11</v>
      </c>
      <c r="AB23991">
        <v>11</v>
      </c>
      <c r="AC23991">
        <v>12</v>
      </c>
      <c r="AD23991">
        <v>12</v>
      </c>
      <c r="AE23991">
        <v>12</v>
      </c>
      <c r="AF23991">
        <v>12</v>
      </c>
      <c r="AG23991">
        <v>12</v>
      </c>
      <c r="AH23991">
        <v>12</v>
      </c>
      <c r="AI23991">
        <v>12</v>
      </c>
      <c r="AJ23991">
        <v>13</v>
      </c>
      <c r="AK23991">
        <v>13</v>
      </c>
      <c r="AL23991">
        <v>13</v>
      </c>
      <c r="AM23991">
        <v>13</v>
      </c>
      <c r="AN23991">
        <v>13</v>
      </c>
      <c r="AO23991">
        <v>13</v>
      </c>
      <c r="AP23991">
        <v>14</v>
      </c>
      <c r="AQ23991">
        <v>14</v>
      </c>
    </row>
    <row r="23992" spans="1:43">
      <c r="A23992" t="s">
        <v>14857</v>
      </c>
      <c r="B23992" t="s">
        <v>14858</v>
      </c>
      <c r="C23992" t="s">
        <v>14853</v>
      </c>
      <c r="D23992" t="s">
        <v>14854</v>
      </c>
      <c r="E23992" t="s">
        <v>14797</v>
      </c>
      <c r="F23992" t="s">
        <v>14798</v>
      </c>
      <c r="G23992" t="s">
        <v>10734</v>
      </c>
      <c r="H23992" t="s">
        <v>10735</v>
      </c>
      <c r="I23992" s="2">
        <v>1</v>
      </c>
      <c r="J23992" s="2">
        <v>0</v>
      </c>
      <c r="K23992" s="2">
        <v>0</v>
      </c>
      <c r="L23992" t="s">
        <v>120</v>
      </c>
      <c r="M23992" t="s">
        <v>89</v>
      </c>
      <c r="N23992" t="s">
        <v>90</v>
      </c>
      <c r="O23992" t="s">
        <v>85</v>
      </c>
      <c r="P23992" t="s">
        <v>86</v>
      </c>
      <c r="Q23992">
        <v>10</v>
      </c>
      <c r="R23992">
        <v>10</v>
      </c>
      <c r="S23992">
        <v>11</v>
      </c>
      <c r="T23992">
        <v>11</v>
      </c>
      <c r="U23992">
        <v>11</v>
      </c>
      <c r="V23992">
        <v>12</v>
      </c>
      <c r="W23992">
        <v>12</v>
      </c>
      <c r="X23992">
        <v>12</v>
      </c>
      <c r="Y23992">
        <v>13</v>
      </c>
      <c r="Z23992">
        <v>13</v>
      </c>
      <c r="AA23992">
        <v>13</v>
      </c>
      <c r="AB23992">
        <v>13</v>
      </c>
      <c r="AC23992">
        <v>14</v>
      </c>
      <c r="AD23992">
        <v>14</v>
      </c>
      <c r="AE23992">
        <v>14</v>
      </c>
      <c r="AF23992">
        <v>14</v>
      </c>
      <c r="AG23992">
        <v>15</v>
      </c>
      <c r="AH23992">
        <v>15</v>
      </c>
      <c r="AI23992">
        <v>15</v>
      </c>
      <c r="AJ23992">
        <v>15</v>
      </c>
      <c r="AK23992">
        <v>15</v>
      </c>
      <c r="AL23992">
        <v>15</v>
      </c>
      <c r="AM23992">
        <v>15</v>
      </c>
      <c r="AN23992">
        <v>15</v>
      </c>
      <c r="AO23992">
        <v>16</v>
      </c>
      <c r="AP23992">
        <v>16</v>
      </c>
      <c r="AQ23992">
        <v>16</v>
      </c>
    </row>
    <row r="23993" spans="1:43">
      <c r="A23993" t="s">
        <v>14857</v>
      </c>
      <c r="B23993" t="s">
        <v>14858</v>
      </c>
      <c r="C23993" t="s">
        <v>14853</v>
      </c>
      <c r="D23993" t="s">
        <v>14854</v>
      </c>
      <c r="E23993" t="s">
        <v>14797</v>
      </c>
      <c r="F23993" t="s">
        <v>14798</v>
      </c>
      <c r="G23993" t="s">
        <v>10734</v>
      </c>
      <c r="H23993" t="s">
        <v>10735</v>
      </c>
      <c r="I23993" s="2">
        <v>1</v>
      </c>
      <c r="J23993" s="2">
        <v>0</v>
      </c>
      <c r="K23993" s="2">
        <v>0</v>
      </c>
      <c r="L23993" t="s">
        <v>120</v>
      </c>
      <c r="M23993" t="s">
        <v>83</v>
      </c>
      <c r="N23993" t="s">
        <v>91</v>
      </c>
      <c r="O23993" t="s">
        <v>85</v>
      </c>
      <c r="P23993" t="s">
        <v>86</v>
      </c>
      <c r="Q23993">
        <v>10</v>
      </c>
      <c r="R23993">
        <v>10</v>
      </c>
      <c r="S23993">
        <v>11</v>
      </c>
      <c r="T23993">
        <v>11</v>
      </c>
      <c r="U23993">
        <v>11</v>
      </c>
      <c r="V23993">
        <v>11</v>
      </c>
      <c r="W23993">
        <v>11</v>
      </c>
      <c r="X23993">
        <v>12</v>
      </c>
      <c r="Y23993">
        <v>12</v>
      </c>
      <c r="Z23993">
        <v>12</v>
      </c>
      <c r="AA23993">
        <v>12</v>
      </c>
      <c r="AB23993">
        <v>13</v>
      </c>
      <c r="AC23993">
        <v>13</v>
      </c>
      <c r="AD23993">
        <v>13</v>
      </c>
      <c r="AE23993">
        <v>13</v>
      </c>
      <c r="AF23993">
        <v>14</v>
      </c>
      <c r="AG23993">
        <v>14</v>
      </c>
      <c r="AH23993">
        <v>14</v>
      </c>
      <c r="AI23993">
        <v>14</v>
      </c>
      <c r="AJ23993">
        <v>15</v>
      </c>
      <c r="AK23993">
        <v>15</v>
      </c>
      <c r="AL23993">
        <v>15</v>
      </c>
      <c r="AM23993">
        <v>15</v>
      </c>
      <c r="AN23993">
        <v>15</v>
      </c>
      <c r="AO23993">
        <v>15</v>
      </c>
      <c r="AP23993">
        <v>16</v>
      </c>
      <c r="AQ23993">
        <v>16</v>
      </c>
    </row>
    <row r="23994" spans="1:43">
      <c r="A23994" t="s">
        <v>14859</v>
      </c>
      <c r="B23994" t="s">
        <v>14860</v>
      </c>
      <c r="C23994" t="s">
        <v>14795</v>
      </c>
      <c r="D23994" t="s">
        <v>14796</v>
      </c>
      <c r="E23994" t="s">
        <v>14797</v>
      </c>
      <c r="F23994" t="s">
        <v>14798</v>
      </c>
      <c r="G23994" t="s">
        <v>10734</v>
      </c>
      <c r="H23994" t="s">
        <v>10735</v>
      </c>
      <c r="I23994" s="2">
        <v>1</v>
      </c>
      <c r="J23994" s="2">
        <v>0</v>
      </c>
      <c r="K23994" s="2">
        <v>0</v>
      </c>
      <c r="L23994" t="s">
        <v>120</v>
      </c>
      <c r="M23994" t="s">
        <v>83</v>
      </c>
      <c r="N23994" t="s">
        <v>84</v>
      </c>
      <c r="O23994" t="s">
        <v>85</v>
      </c>
      <c r="P23994" t="s">
        <v>86</v>
      </c>
      <c r="Q23994">
        <v>9</v>
      </c>
      <c r="R23994">
        <v>9</v>
      </c>
      <c r="S23994">
        <v>9</v>
      </c>
      <c r="T23994">
        <v>10</v>
      </c>
      <c r="U23994">
        <v>10</v>
      </c>
      <c r="V23994">
        <v>10</v>
      </c>
      <c r="W23994">
        <v>10</v>
      </c>
      <c r="X23994">
        <v>11</v>
      </c>
      <c r="Y23994">
        <v>11</v>
      </c>
      <c r="Z23994">
        <v>11</v>
      </c>
      <c r="AA23994">
        <v>11</v>
      </c>
      <c r="AB23994">
        <v>11</v>
      </c>
      <c r="AC23994">
        <v>12</v>
      </c>
      <c r="AD23994">
        <v>12</v>
      </c>
      <c r="AE23994">
        <v>12</v>
      </c>
      <c r="AF23994">
        <v>12</v>
      </c>
      <c r="AG23994">
        <v>13</v>
      </c>
      <c r="AH23994">
        <v>13</v>
      </c>
      <c r="AI23994">
        <v>13</v>
      </c>
      <c r="AJ23994">
        <v>13</v>
      </c>
      <c r="AK23994">
        <v>13</v>
      </c>
      <c r="AL23994">
        <v>14</v>
      </c>
      <c r="AM23994">
        <v>14</v>
      </c>
      <c r="AN23994">
        <v>14</v>
      </c>
      <c r="AO23994">
        <v>14</v>
      </c>
      <c r="AP23994">
        <v>14</v>
      </c>
      <c r="AQ23994">
        <v>14</v>
      </c>
    </row>
    <row r="23995" spans="1:43">
      <c r="A23995" t="s">
        <v>14859</v>
      </c>
      <c r="B23995" t="s">
        <v>14860</v>
      </c>
      <c r="C23995" t="s">
        <v>14795</v>
      </c>
      <c r="D23995" t="s">
        <v>14796</v>
      </c>
      <c r="E23995" t="s">
        <v>14797</v>
      </c>
      <c r="F23995" t="s">
        <v>14798</v>
      </c>
      <c r="G23995" t="s">
        <v>10734</v>
      </c>
      <c r="H23995" t="s">
        <v>10735</v>
      </c>
      <c r="I23995" s="2">
        <v>1</v>
      </c>
      <c r="J23995" s="2">
        <v>0</v>
      </c>
      <c r="K23995" s="2">
        <v>0</v>
      </c>
      <c r="L23995" t="s">
        <v>120</v>
      </c>
      <c r="M23995" t="s">
        <v>87</v>
      </c>
      <c r="N23995" t="s">
        <v>88</v>
      </c>
      <c r="O23995" t="s">
        <v>85</v>
      </c>
      <c r="P23995" t="s">
        <v>86</v>
      </c>
      <c r="Q23995">
        <v>9</v>
      </c>
      <c r="R23995">
        <v>9</v>
      </c>
      <c r="S23995">
        <v>9</v>
      </c>
      <c r="T23995">
        <v>9</v>
      </c>
      <c r="U23995">
        <v>9</v>
      </c>
      <c r="V23995">
        <v>10</v>
      </c>
      <c r="W23995">
        <v>10</v>
      </c>
      <c r="X23995">
        <v>10</v>
      </c>
      <c r="Y23995">
        <v>10</v>
      </c>
      <c r="Z23995">
        <v>10</v>
      </c>
      <c r="AA23995">
        <v>10</v>
      </c>
      <c r="AB23995">
        <v>10</v>
      </c>
      <c r="AC23995">
        <v>10</v>
      </c>
      <c r="AD23995">
        <v>11</v>
      </c>
      <c r="AE23995">
        <v>11</v>
      </c>
      <c r="AF23995">
        <v>11</v>
      </c>
      <c r="AG23995">
        <v>11</v>
      </c>
      <c r="AH23995">
        <v>11</v>
      </c>
      <c r="AI23995">
        <v>11</v>
      </c>
      <c r="AJ23995">
        <v>11</v>
      </c>
      <c r="AK23995">
        <v>12</v>
      </c>
      <c r="AL23995">
        <v>12</v>
      </c>
      <c r="AM23995">
        <v>12</v>
      </c>
      <c r="AN23995">
        <v>12</v>
      </c>
      <c r="AO23995">
        <v>12</v>
      </c>
      <c r="AP23995">
        <v>12</v>
      </c>
      <c r="AQ23995">
        <v>12</v>
      </c>
    </row>
    <row r="23996" spans="1:43">
      <c r="A23996" t="s">
        <v>14859</v>
      </c>
      <c r="B23996" t="s">
        <v>14860</v>
      </c>
      <c r="C23996" t="s">
        <v>14795</v>
      </c>
      <c r="D23996" t="s">
        <v>14796</v>
      </c>
      <c r="E23996" t="s">
        <v>14797</v>
      </c>
      <c r="F23996" t="s">
        <v>14798</v>
      </c>
      <c r="G23996" t="s">
        <v>10734</v>
      </c>
      <c r="H23996" t="s">
        <v>10735</v>
      </c>
      <c r="I23996" s="2">
        <v>1</v>
      </c>
      <c r="J23996" s="2">
        <v>0</v>
      </c>
      <c r="K23996" s="2">
        <v>0</v>
      </c>
      <c r="L23996" t="s">
        <v>120</v>
      </c>
      <c r="M23996" t="s">
        <v>89</v>
      </c>
      <c r="N23996" t="s">
        <v>90</v>
      </c>
      <c r="O23996" t="s">
        <v>85</v>
      </c>
      <c r="P23996" t="s">
        <v>86</v>
      </c>
      <c r="Q23996">
        <v>9</v>
      </c>
      <c r="R23996">
        <v>9</v>
      </c>
      <c r="S23996">
        <v>10</v>
      </c>
      <c r="T23996">
        <v>10</v>
      </c>
      <c r="U23996">
        <v>10</v>
      </c>
      <c r="V23996">
        <v>11</v>
      </c>
      <c r="W23996">
        <v>11</v>
      </c>
      <c r="X23996">
        <v>11</v>
      </c>
      <c r="Y23996">
        <v>11</v>
      </c>
      <c r="Z23996">
        <v>12</v>
      </c>
      <c r="AA23996">
        <v>12</v>
      </c>
      <c r="AB23996">
        <v>12</v>
      </c>
      <c r="AC23996">
        <v>12</v>
      </c>
      <c r="AD23996">
        <v>13</v>
      </c>
      <c r="AE23996">
        <v>13</v>
      </c>
      <c r="AF23996">
        <v>13</v>
      </c>
      <c r="AG23996">
        <v>13</v>
      </c>
      <c r="AH23996">
        <v>13</v>
      </c>
      <c r="AI23996">
        <v>13</v>
      </c>
      <c r="AJ23996">
        <v>14</v>
      </c>
      <c r="AK23996">
        <v>14</v>
      </c>
      <c r="AL23996">
        <v>14</v>
      </c>
      <c r="AM23996">
        <v>14</v>
      </c>
      <c r="AN23996">
        <v>14</v>
      </c>
      <c r="AO23996">
        <v>14</v>
      </c>
      <c r="AP23996">
        <v>14</v>
      </c>
      <c r="AQ23996">
        <v>15</v>
      </c>
    </row>
    <row r="23997" spans="1:43">
      <c r="A23997" t="s">
        <v>14859</v>
      </c>
      <c r="B23997" t="s">
        <v>14860</v>
      </c>
      <c r="C23997" t="s">
        <v>14795</v>
      </c>
      <c r="D23997" t="s">
        <v>14796</v>
      </c>
      <c r="E23997" t="s">
        <v>14797</v>
      </c>
      <c r="F23997" t="s">
        <v>14798</v>
      </c>
      <c r="G23997" t="s">
        <v>10734</v>
      </c>
      <c r="H23997" t="s">
        <v>10735</v>
      </c>
      <c r="I23997" s="2">
        <v>1</v>
      </c>
      <c r="J23997" s="2">
        <v>0</v>
      </c>
      <c r="K23997" s="2">
        <v>0</v>
      </c>
      <c r="L23997" t="s">
        <v>120</v>
      </c>
      <c r="M23997" t="s">
        <v>83</v>
      </c>
      <c r="N23997" t="s">
        <v>91</v>
      </c>
      <c r="O23997" t="s">
        <v>85</v>
      </c>
      <c r="P23997" t="s">
        <v>86</v>
      </c>
      <c r="Q23997">
        <v>9</v>
      </c>
      <c r="R23997">
        <v>9</v>
      </c>
      <c r="S23997">
        <v>9</v>
      </c>
      <c r="T23997">
        <v>10</v>
      </c>
      <c r="U23997">
        <v>10</v>
      </c>
      <c r="V23997">
        <v>10</v>
      </c>
      <c r="W23997">
        <v>10</v>
      </c>
      <c r="X23997">
        <v>11</v>
      </c>
      <c r="Y23997">
        <v>11</v>
      </c>
      <c r="Z23997">
        <v>11</v>
      </c>
      <c r="AA23997">
        <v>11</v>
      </c>
      <c r="AB23997">
        <v>11</v>
      </c>
      <c r="AC23997">
        <v>12</v>
      </c>
      <c r="AD23997">
        <v>12</v>
      </c>
      <c r="AE23997">
        <v>12</v>
      </c>
      <c r="AF23997">
        <v>12</v>
      </c>
      <c r="AG23997">
        <v>13</v>
      </c>
      <c r="AH23997">
        <v>13</v>
      </c>
      <c r="AI23997">
        <v>13</v>
      </c>
      <c r="AJ23997">
        <v>13</v>
      </c>
      <c r="AK23997">
        <v>13</v>
      </c>
      <c r="AL23997">
        <v>14</v>
      </c>
      <c r="AM23997">
        <v>14</v>
      </c>
      <c r="AN23997">
        <v>14</v>
      </c>
      <c r="AO23997">
        <v>14</v>
      </c>
      <c r="AP23997">
        <v>14</v>
      </c>
      <c r="AQ23997">
        <v>14</v>
      </c>
    </row>
    <row r="23998" spans="1:43">
      <c r="A23998" t="s">
        <v>14861</v>
      </c>
      <c r="B23998" t="s">
        <v>14862</v>
      </c>
      <c r="C23998" t="s">
        <v>14853</v>
      </c>
      <c r="D23998" t="s">
        <v>14854</v>
      </c>
      <c r="E23998" t="s">
        <v>14797</v>
      </c>
      <c r="F23998" t="s">
        <v>14798</v>
      </c>
      <c r="G23998" t="s">
        <v>10734</v>
      </c>
      <c r="H23998" t="s">
        <v>10735</v>
      </c>
      <c r="I23998" s="2">
        <v>1</v>
      </c>
      <c r="J23998" s="2">
        <v>0</v>
      </c>
      <c r="K23998" s="2">
        <v>0</v>
      </c>
      <c r="L23998" t="s">
        <v>120</v>
      </c>
      <c r="M23998" t="s">
        <v>83</v>
      </c>
      <c r="N23998" t="s">
        <v>84</v>
      </c>
      <c r="O23998" t="s">
        <v>85</v>
      </c>
      <c r="P23998" t="s">
        <v>86</v>
      </c>
      <c r="Q23998">
        <v>23</v>
      </c>
      <c r="R23998">
        <v>23</v>
      </c>
      <c r="S23998">
        <v>24</v>
      </c>
      <c r="T23998">
        <v>24</v>
      </c>
      <c r="U23998">
        <v>25</v>
      </c>
      <c r="V23998">
        <v>25</v>
      </c>
      <c r="W23998">
        <v>26</v>
      </c>
      <c r="X23998">
        <v>26</v>
      </c>
      <c r="Y23998">
        <v>27</v>
      </c>
      <c r="Z23998">
        <v>27</v>
      </c>
      <c r="AA23998">
        <v>28</v>
      </c>
      <c r="AB23998">
        <v>28</v>
      </c>
      <c r="AC23998">
        <v>29</v>
      </c>
      <c r="AD23998">
        <v>30</v>
      </c>
      <c r="AE23998">
        <v>30</v>
      </c>
      <c r="AF23998">
        <v>31</v>
      </c>
      <c r="AG23998">
        <v>31</v>
      </c>
      <c r="AH23998">
        <v>32</v>
      </c>
      <c r="AI23998">
        <v>32</v>
      </c>
      <c r="AJ23998">
        <v>33</v>
      </c>
      <c r="AK23998">
        <v>34</v>
      </c>
      <c r="AL23998">
        <v>34</v>
      </c>
      <c r="AM23998">
        <v>34</v>
      </c>
      <c r="AN23998">
        <v>35</v>
      </c>
      <c r="AO23998">
        <v>35</v>
      </c>
      <c r="AP23998">
        <v>35</v>
      </c>
      <c r="AQ23998">
        <v>36</v>
      </c>
    </row>
    <row r="23999" spans="1:43">
      <c r="A23999" t="s">
        <v>14861</v>
      </c>
      <c r="B23999" t="s">
        <v>14862</v>
      </c>
      <c r="C23999" t="s">
        <v>14853</v>
      </c>
      <c r="D23999" t="s">
        <v>14854</v>
      </c>
      <c r="E23999" t="s">
        <v>14797</v>
      </c>
      <c r="F23999" t="s">
        <v>14798</v>
      </c>
      <c r="G23999" t="s">
        <v>10734</v>
      </c>
      <c r="H23999" t="s">
        <v>10735</v>
      </c>
      <c r="I23999" s="2">
        <v>1</v>
      </c>
      <c r="J23999" s="2">
        <v>0</v>
      </c>
      <c r="K23999" s="2">
        <v>0</v>
      </c>
      <c r="L23999" t="s">
        <v>120</v>
      </c>
      <c r="M23999" t="s">
        <v>87</v>
      </c>
      <c r="N23999" t="s">
        <v>88</v>
      </c>
      <c r="O23999" t="s">
        <v>85</v>
      </c>
      <c r="P23999" t="s">
        <v>86</v>
      </c>
      <c r="Q23999">
        <v>23</v>
      </c>
      <c r="R23999">
        <v>24</v>
      </c>
      <c r="S23999">
        <v>24</v>
      </c>
      <c r="T23999">
        <v>24</v>
      </c>
      <c r="U23999">
        <v>25</v>
      </c>
      <c r="V23999">
        <v>25</v>
      </c>
      <c r="W23999">
        <v>25</v>
      </c>
      <c r="X23999">
        <v>26</v>
      </c>
      <c r="Y23999">
        <v>26</v>
      </c>
      <c r="Z23999">
        <v>26</v>
      </c>
      <c r="AA23999">
        <v>26</v>
      </c>
      <c r="AB23999">
        <v>27</v>
      </c>
      <c r="AC23999">
        <v>27</v>
      </c>
      <c r="AD23999">
        <v>27</v>
      </c>
      <c r="AE23999">
        <v>28</v>
      </c>
      <c r="AF23999">
        <v>28</v>
      </c>
      <c r="AG23999">
        <v>28</v>
      </c>
      <c r="AH23999">
        <v>29</v>
      </c>
      <c r="AI23999">
        <v>29</v>
      </c>
      <c r="AJ23999">
        <v>29</v>
      </c>
      <c r="AK23999">
        <v>30</v>
      </c>
      <c r="AL23999">
        <v>30</v>
      </c>
      <c r="AM23999">
        <v>30</v>
      </c>
      <c r="AN23999">
        <v>31</v>
      </c>
      <c r="AO23999">
        <v>31</v>
      </c>
      <c r="AP23999">
        <v>32</v>
      </c>
      <c r="AQ23999">
        <v>32</v>
      </c>
    </row>
    <row r="24000" spans="1:43">
      <c r="A24000" t="s">
        <v>14861</v>
      </c>
      <c r="B24000" t="s">
        <v>14862</v>
      </c>
      <c r="C24000" t="s">
        <v>14853</v>
      </c>
      <c r="D24000" t="s">
        <v>14854</v>
      </c>
      <c r="E24000" t="s">
        <v>14797</v>
      </c>
      <c r="F24000" t="s">
        <v>14798</v>
      </c>
      <c r="G24000" t="s">
        <v>10734</v>
      </c>
      <c r="H24000" t="s">
        <v>10735</v>
      </c>
      <c r="I24000" s="2">
        <v>1</v>
      </c>
      <c r="J24000" s="2">
        <v>0</v>
      </c>
      <c r="K24000" s="2">
        <v>0</v>
      </c>
      <c r="L24000" t="s">
        <v>120</v>
      </c>
      <c r="M24000" t="s">
        <v>89</v>
      </c>
      <c r="N24000" t="s">
        <v>90</v>
      </c>
      <c r="O24000" t="s">
        <v>85</v>
      </c>
      <c r="P24000" t="s">
        <v>86</v>
      </c>
      <c r="Q24000">
        <v>23</v>
      </c>
      <c r="R24000">
        <v>24</v>
      </c>
      <c r="S24000">
        <v>24</v>
      </c>
      <c r="T24000">
        <v>25</v>
      </c>
      <c r="U24000">
        <v>26</v>
      </c>
      <c r="V24000">
        <v>26</v>
      </c>
      <c r="W24000">
        <v>27</v>
      </c>
      <c r="X24000">
        <v>28</v>
      </c>
      <c r="Y24000">
        <v>28</v>
      </c>
      <c r="Z24000">
        <v>29</v>
      </c>
      <c r="AA24000">
        <v>30</v>
      </c>
      <c r="AB24000">
        <v>30</v>
      </c>
      <c r="AC24000">
        <v>31</v>
      </c>
      <c r="AD24000">
        <v>32</v>
      </c>
      <c r="AE24000">
        <v>32</v>
      </c>
      <c r="AF24000">
        <v>33</v>
      </c>
      <c r="AG24000">
        <v>33</v>
      </c>
      <c r="AH24000">
        <v>33</v>
      </c>
      <c r="AI24000">
        <v>34</v>
      </c>
      <c r="AJ24000">
        <v>34</v>
      </c>
      <c r="AK24000">
        <v>34</v>
      </c>
      <c r="AL24000">
        <v>35</v>
      </c>
      <c r="AM24000">
        <v>35</v>
      </c>
      <c r="AN24000">
        <v>35</v>
      </c>
      <c r="AO24000">
        <v>36</v>
      </c>
      <c r="AP24000">
        <v>36</v>
      </c>
      <c r="AQ24000">
        <v>36</v>
      </c>
    </row>
    <row r="24001" spans="1:43">
      <c r="A24001" t="s">
        <v>14861</v>
      </c>
      <c r="B24001" t="s">
        <v>14862</v>
      </c>
      <c r="C24001" t="s">
        <v>14853</v>
      </c>
      <c r="D24001" t="s">
        <v>14854</v>
      </c>
      <c r="E24001" t="s">
        <v>14797</v>
      </c>
      <c r="F24001" t="s">
        <v>14798</v>
      </c>
      <c r="G24001" t="s">
        <v>10734</v>
      </c>
      <c r="H24001" t="s">
        <v>10735</v>
      </c>
      <c r="I24001" s="2">
        <v>1</v>
      </c>
      <c r="J24001" s="2">
        <v>0</v>
      </c>
      <c r="K24001" s="2">
        <v>0</v>
      </c>
      <c r="L24001" t="s">
        <v>120</v>
      </c>
      <c r="M24001" t="s">
        <v>83</v>
      </c>
      <c r="N24001" t="s">
        <v>91</v>
      </c>
      <c r="O24001" t="s">
        <v>85</v>
      </c>
      <c r="P24001" t="s">
        <v>86</v>
      </c>
      <c r="Q24001">
        <v>23</v>
      </c>
      <c r="R24001">
        <v>23</v>
      </c>
      <c r="S24001">
        <v>24</v>
      </c>
      <c r="T24001">
        <v>24</v>
      </c>
      <c r="U24001">
        <v>25</v>
      </c>
      <c r="V24001">
        <v>25</v>
      </c>
      <c r="W24001">
        <v>26</v>
      </c>
      <c r="X24001">
        <v>26</v>
      </c>
      <c r="Y24001">
        <v>27</v>
      </c>
      <c r="Z24001">
        <v>27</v>
      </c>
      <c r="AA24001">
        <v>28</v>
      </c>
      <c r="AB24001">
        <v>28</v>
      </c>
      <c r="AC24001">
        <v>29</v>
      </c>
      <c r="AD24001">
        <v>30</v>
      </c>
      <c r="AE24001">
        <v>30</v>
      </c>
      <c r="AF24001">
        <v>31</v>
      </c>
      <c r="AG24001">
        <v>31</v>
      </c>
      <c r="AH24001">
        <v>32</v>
      </c>
      <c r="AI24001">
        <v>32</v>
      </c>
      <c r="AJ24001">
        <v>33</v>
      </c>
      <c r="AK24001">
        <v>34</v>
      </c>
      <c r="AL24001">
        <v>34</v>
      </c>
      <c r="AM24001">
        <v>34</v>
      </c>
      <c r="AN24001">
        <v>35</v>
      </c>
      <c r="AO24001">
        <v>35</v>
      </c>
      <c r="AP24001">
        <v>35</v>
      </c>
      <c r="AQ24001">
        <v>36</v>
      </c>
    </row>
    <row r="24002" spans="1:43">
      <c r="A24002" t="s">
        <v>14863</v>
      </c>
      <c r="B24002" t="s">
        <v>14864</v>
      </c>
      <c r="C24002" t="s">
        <v>14853</v>
      </c>
      <c r="D24002" t="s">
        <v>14854</v>
      </c>
      <c r="E24002" t="s">
        <v>14797</v>
      </c>
      <c r="F24002" t="s">
        <v>14798</v>
      </c>
      <c r="G24002" t="s">
        <v>10734</v>
      </c>
      <c r="H24002" t="s">
        <v>10735</v>
      </c>
      <c r="I24002" s="2">
        <v>1</v>
      </c>
      <c r="J24002" s="2">
        <v>0</v>
      </c>
      <c r="K24002" s="2">
        <v>0</v>
      </c>
      <c r="L24002" t="s">
        <v>120</v>
      </c>
      <c r="M24002" t="s">
        <v>83</v>
      </c>
      <c r="N24002" t="s">
        <v>84</v>
      </c>
      <c r="O24002" t="s">
        <v>85</v>
      </c>
      <c r="P24002" t="s">
        <v>86</v>
      </c>
      <c r="Q24002">
        <v>8</v>
      </c>
      <c r="R24002">
        <v>9</v>
      </c>
      <c r="S24002">
        <v>9</v>
      </c>
      <c r="T24002">
        <v>9</v>
      </c>
      <c r="U24002">
        <v>9</v>
      </c>
      <c r="V24002">
        <v>9</v>
      </c>
      <c r="W24002">
        <v>10</v>
      </c>
      <c r="X24002">
        <v>10</v>
      </c>
      <c r="Y24002">
        <v>10</v>
      </c>
      <c r="Z24002">
        <v>10</v>
      </c>
      <c r="AA24002">
        <v>10</v>
      </c>
      <c r="AB24002">
        <v>11</v>
      </c>
      <c r="AC24002">
        <v>11</v>
      </c>
      <c r="AD24002">
        <v>11</v>
      </c>
      <c r="AE24002">
        <v>11</v>
      </c>
      <c r="AF24002">
        <v>11</v>
      </c>
      <c r="AG24002">
        <v>12</v>
      </c>
      <c r="AH24002">
        <v>12</v>
      </c>
      <c r="AI24002">
        <v>12</v>
      </c>
      <c r="AJ24002">
        <v>12</v>
      </c>
      <c r="AK24002">
        <v>13</v>
      </c>
      <c r="AL24002">
        <v>13</v>
      </c>
      <c r="AM24002">
        <v>13</v>
      </c>
      <c r="AN24002">
        <v>13</v>
      </c>
      <c r="AO24002">
        <v>13</v>
      </c>
      <c r="AP24002">
        <v>13</v>
      </c>
      <c r="AQ24002">
        <v>13</v>
      </c>
    </row>
    <row r="24003" spans="1:43">
      <c r="A24003" t="s">
        <v>14863</v>
      </c>
      <c r="B24003" t="s">
        <v>14864</v>
      </c>
      <c r="C24003" t="s">
        <v>14853</v>
      </c>
      <c r="D24003" t="s">
        <v>14854</v>
      </c>
      <c r="E24003" t="s">
        <v>14797</v>
      </c>
      <c r="F24003" t="s">
        <v>14798</v>
      </c>
      <c r="G24003" t="s">
        <v>10734</v>
      </c>
      <c r="H24003" t="s">
        <v>10735</v>
      </c>
      <c r="I24003" s="2">
        <v>1</v>
      </c>
      <c r="J24003" s="2">
        <v>0</v>
      </c>
      <c r="K24003" s="2">
        <v>0</v>
      </c>
      <c r="L24003" t="s">
        <v>120</v>
      </c>
      <c r="M24003" t="s">
        <v>87</v>
      </c>
      <c r="N24003" t="s">
        <v>88</v>
      </c>
      <c r="O24003" t="s">
        <v>85</v>
      </c>
      <c r="P24003" t="s">
        <v>86</v>
      </c>
      <c r="Q24003">
        <v>8</v>
      </c>
      <c r="R24003">
        <v>8</v>
      </c>
      <c r="S24003">
        <v>9</v>
      </c>
      <c r="T24003">
        <v>9</v>
      </c>
      <c r="U24003">
        <v>9</v>
      </c>
      <c r="V24003">
        <v>9</v>
      </c>
      <c r="W24003">
        <v>9</v>
      </c>
      <c r="X24003">
        <v>9</v>
      </c>
      <c r="Y24003">
        <v>9</v>
      </c>
      <c r="Z24003">
        <v>9</v>
      </c>
      <c r="AA24003">
        <v>9</v>
      </c>
      <c r="AB24003">
        <v>10</v>
      </c>
      <c r="AC24003">
        <v>10</v>
      </c>
      <c r="AD24003">
        <v>10</v>
      </c>
      <c r="AE24003">
        <v>10</v>
      </c>
      <c r="AF24003">
        <v>10</v>
      </c>
      <c r="AG24003">
        <v>10</v>
      </c>
      <c r="AH24003">
        <v>10</v>
      </c>
      <c r="AI24003">
        <v>10</v>
      </c>
      <c r="AJ24003">
        <v>11</v>
      </c>
      <c r="AK24003">
        <v>11</v>
      </c>
      <c r="AL24003">
        <v>11</v>
      </c>
      <c r="AM24003">
        <v>11</v>
      </c>
      <c r="AN24003">
        <v>11</v>
      </c>
      <c r="AO24003">
        <v>11</v>
      </c>
      <c r="AP24003">
        <v>11</v>
      </c>
      <c r="AQ24003">
        <v>12</v>
      </c>
    </row>
    <row r="24004" spans="1:43">
      <c r="A24004" t="s">
        <v>14863</v>
      </c>
      <c r="B24004" t="s">
        <v>14864</v>
      </c>
      <c r="C24004" t="s">
        <v>14853</v>
      </c>
      <c r="D24004" t="s">
        <v>14854</v>
      </c>
      <c r="E24004" t="s">
        <v>14797</v>
      </c>
      <c r="F24004" t="s">
        <v>14798</v>
      </c>
      <c r="G24004" t="s">
        <v>10734</v>
      </c>
      <c r="H24004" t="s">
        <v>10735</v>
      </c>
      <c r="I24004" s="2">
        <v>1</v>
      </c>
      <c r="J24004" s="2">
        <v>0</v>
      </c>
      <c r="K24004" s="2">
        <v>0</v>
      </c>
      <c r="L24004" t="s">
        <v>120</v>
      </c>
      <c r="M24004" t="s">
        <v>89</v>
      </c>
      <c r="N24004" t="s">
        <v>90</v>
      </c>
      <c r="O24004" t="s">
        <v>85</v>
      </c>
      <c r="P24004" t="s">
        <v>86</v>
      </c>
      <c r="Q24004">
        <v>8</v>
      </c>
      <c r="R24004">
        <v>8</v>
      </c>
      <c r="S24004">
        <v>8</v>
      </c>
      <c r="T24004">
        <v>8</v>
      </c>
      <c r="U24004">
        <v>9</v>
      </c>
      <c r="V24004">
        <v>9</v>
      </c>
      <c r="W24004">
        <v>9</v>
      </c>
      <c r="X24004">
        <v>9</v>
      </c>
      <c r="Y24004">
        <v>10</v>
      </c>
      <c r="Z24004">
        <v>10</v>
      </c>
      <c r="AA24004">
        <v>10</v>
      </c>
      <c r="AB24004">
        <v>10</v>
      </c>
      <c r="AC24004">
        <v>11</v>
      </c>
      <c r="AD24004">
        <v>11</v>
      </c>
      <c r="AE24004">
        <v>11</v>
      </c>
      <c r="AF24004">
        <v>11</v>
      </c>
      <c r="AG24004">
        <v>11</v>
      </c>
      <c r="AH24004">
        <v>11</v>
      </c>
      <c r="AI24004">
        <v>12</v>
      </c>
      <c r="AJ24004">
        <v>12</v>
      </c>
      <c r="AK24004">
        <v>12</v>
      </c>
      <c r="AL24004">
        <v>12</v>
      </c>
      <c r="AM24004">
        <v>12</v>
      </c>
      <c r="AN24004">
        <v>12</v>
      </c>
      <c r="AO24004">
        <v>12</v>
      </c>
      <c r="AP24004">
        <v>12</v>
      </c>
      <c r="AQ24004">
        <v>13</v>
      </c>
    </row>
    <row r="24005" spans="1:43">
      <c r="A24005" t="s">
        <v>14863</v>
      </c>
      <c r="B24005" t="s">
        <v>14864</v>
      </c>
      <c r="C24005" t="s">
        <v>14853</v>
      </c>
      <c r="D24005" t="s">
        <v>14854</v>
      </c>
      <c r="E24005" t="s">
        <v>14797</v>
      </c>
      <c r="F24005" t="s">
        <v>14798</v>
      </c>
      <c r="G24005" t="s">
        <v>10734</v>
      </c>
      <c r="H24005" t="s">
        <v>10735</v>
      </c>
      <c r="I24005" s="2">
        <v>1</v>
      </c>
      <c r="J24005" s="2">
        <v>0</v>
      </c>
      <c r="K24005" s="2">
        <v>0</v>
      </c>
      <c r="L24005" t="s">
        <v>120</v>
      </c>
      <c r="M24005" t="s">
        <v>83</v>
      </c>
      <c r="N24005" t="s">
        <v>91</v>
      </c>
      <c r="O24005" t="s">
        <v>85</v>
      </c>
      <c r="P24005" t="s">
        <v>86</v>
      </c>
      <c r="Q24005">
        <v>8</v>
      </c>
      <c r="R24005">
        <v>9</v>
      </c>
      <c r="S24005">
        <v>9</v>
      </c>
      <c r="T24005">
        <v>9</v>
      </c>
      <c r="U24005">
        <v>9</v>
      </c>
      <c r="V24005">
        <v>9</v>
      </c>
      <c r="W24005">
        <v>10</v>
      </c>
      <c r="X24005">
        <v>10</v>
      </c>
      <c r="Y24005">
        <v>10</v>
      </c>
      <c r="Z24005">
        <v>10</v>
      </c>
      <c r="AA24005">
        <v>10</v>
      </c>
      <c r="AB24005">
        <v>11</v>
      </c>
      <c r="AC24005">
        <v>11</v>
      </c>
      <c r="AD24005">
        <v>11</v>
      </c>
      <c r="AE24005">
        <v>11</v>
      </c>
      <c r="AF24005">
        <v>11</v>
      </c>
      <c r="AG24005">
        <v>12</v>
      </c>
      <c r="AH24005">
        <v>12</v>
      </c>
      <c r="AI24005">
        <v>12</v>
      </c>
      <c r="AJ24005">
        <v>12</v>
      </c>
      <c r="AK24005">
        <v>13</v>
      </c>
      <c r="AL24005">
        <v>13</v>
      </c>
      <c r="AM24005">
        <v>13</v>
      </c>
      <c r="AN24005">
        <v>13</v>
      </c>
      <c r="AO24005">
        <v>13</v>
      </c>
      <c r="AP24005">
        <v>13</v>
      </c>
      <c r="AQ24005">
        <v>13</v>
      </c>
    </row>
    <row r="24006" spans="1:43">
      <c r="A24006" t="s">
        <v>14865</v>
      </c>
      <c r="B24006" t="s">
        <v>14866</v>
      </c>
      <c r="C24006" t="s">
        <v>14867</v>
      </c>
      <c r="D24006" t="s">
        <v>14868</v>
      </c>
      <c r="E24006" t="s">
        <v>14797</v>
      </c>
      <c r="F24006" t="s">
        <v>14798</v>
      </c>
      <c r="G24006" t="s">
        <v>10734</v>
      </c>
      <c r="H24006" t="s">
        <v>10735</v>
      </c>
      <c r="I24006" s="2">
        <v>1</v>
      </c>
      <c r="J24006" s="2">
        <v>0</v>
      </c>
      <c r="K24006" s="2">
        <v>0</v>
      </c>
      <c r="L24006" t="s">
        <v>120</v>
      </c>
      <c r="M24006" t="s">
        <v>83</v>
      </c>
      <c r="N24006" t="s">
        <v>84</v>
      </c>
      <c r="O24006" t="s">
        <v>85</v>
      </c>
      <c r="P24006" t="s">
        <v>86</v>
      </c>
      <c r="Q24006">
        <v>24</v>
      </c>
      <c r="R24006">
        <v>25</v>
      </c>
      <c r="S24006">
        <v>25</v>
      </c>
      <c r="T24006">
        <v>26</v>
      </c>
      <c r="U24006">
        <v>26</v>
      </c>
      <c r="V24006">
        <v>27</v>
      </c>
      <c r="W24006">
        <v>27</v>
      </c>
      <c r="X24006">
        <v>28</v>
      </c>
      <c r="Y24006">
        <v>29</v>
      </c>
      <c r="Z24006">
        <v>29</v>
      </c>
      <c r="AA24006">
        <v>30</v>
      </c>
      <c r="AB24006">
        <v>30</v>
      </c>
      <c r="AC24006">
        <v>31</v>
      </c>
      <c r="AD24006">
        <v>31</v>
      </c>
      <c r="AE24006">
        <v>32</v>
      </c>
      <c r="AF24006">
        <v>33</v>
      </c>
      <c r="AG24006">
        <v>33</v>
      </c>
      <c r="AH24006">
        <v>34</v>
      </c>
      <c r="AI24006">
        <v>34</v>
      </c>
      <c r="AJ24006">
        <v>35</v>
      </c>
      <c r="AK24006">
        <v>36</v>
      </c>
      <c r="AL24006">
        <v>36</v>
      </c>
      <c r="AM24006">
        <v>36</v>
      </c>
      <c r="AN24006">
        <v>37</v>
      </c>
      <c r="AO24006">
        <v>37</v>
      </c>
      <c r="AP24006">
        <v>38</v>
      </c>
      <c r="AQ24006">
        <v>38</v>
      </c>
    </row>
    <row r="24007" spans="1:43">
      <c r="A24007" t="s">
        <v>14865</v>
      </c>
      <c r="B24007" t="s">
        <v>14866</v>
      </c>
      <c r="C24007" t="s">
        <v>14867</v>
      </c>
      <c r="D24007" t="s">
        <v>14868</v>
      </c>
      <c r="E24007" t="s">
        <v>14797</v>
      </c>
      <c r="F24007" t="s">
        <v>14798</v>
      </c>
      <c r="G24007" t="s">
        <v>10734</v>
      </c>
      <c r="H24007" t="s">
        <v>10735</v>
      </c>
      <c r="I24007" s="2">
        <v>1</v>
      </c>
      <c r="J24007" s="2">
        <v>0</v>
      </c>
      <c r="K24007" s="2">
        <v>0</v>
      </c>
      <c r="L24007" t="s">
        <v>120</v>
      </c>
      <c r="M24007" t="s">
        <v>87</v>
      </c>
      <c r="N24007" t="s">
        <v>88</v>
      </c>
      <c r="O24007" t="s">
        <v>85</v>
      </c>
      <c r="P24007" t="s">
        <v>86</v>
      </c>
      <c r="Q24007">
        <v>24</v>
      </c>
      <c r="R24007">
        <v>24</v>
      </c>
      <c r="S24007">
        <v>25</v>
      </c>
      <c r="T24007">
        <v>25</v>
      </c>
      <c r="U24007">
        <v>25</v>
      </c>
      <c r="V24007">
        <v>26</v>
      </c>
      <c r="W24007">
        <v>26</v>
      </c>
      <c r="X24007">
        <v>26</v>
      </c>
      <c r="Y24007">
        <v>26</v>
      </c>
      <c r="Z24007">
        <v>27</v>
      </c>
      <c r="AA24007">
        <v>27</v>
      </c>
      <c r="AB24007">
        <v>27</v>
      </c>
      <c r="AC24007">
        <v>28</v>
      </c>
      <c r="AD24007">
        <v>28</v>
      </c>
      <c r="AE24007">
        <v>28</v>
      </c>
      <c r="AF24007">
        <v>29</v>
      </c>
      <c r="AG24007">
        <v>29</v>
      </c>
      <c r="AH24007">
        <v>29</v>
      </c>
      <c r="AI24007">
        <v>30</v>
      </c>
      <c r="AJ24007">
        <v>30</v>
      </c>
      <c r="AK24007">
        <v>31</v>
      </c>
      <c r="AL24007">
        <v>31</v>
      </c>
      <c r="AM24007">
        <v>31</v>
      </c>
      <c r="AN24007">
        <v>32</v>
      </c>
      <c r="AO24007">
        <v>32</v>
      </c>
      <c r="AP24007">
        <v>33</v>
      </c>
      <c r="AQ24007">
        <v>33</v>
      </c>
    </row>
    <row r="24008" spans="1:43">
      <c r="A24008" t="s">
        <v>14865</v>
      </c>
      <c r="B24008" t="s">
        <v>14866</v>
      </c>
      <c r="C24008" t="s">
        <v>14867</v>
      </c>
      <c r="D24008" t="s">
        <v>14868</v>
      </c>
      <c r="E24008" t="s">
        <v>14797</v>
      </c>
      <c r="F24008" t="s">
        <v>14798</v>
      </c>
      <c r="G24008" t="s">
        <v>10734</v>
      </c>
      <c r="H24008" t="s">
        <v>10735</v>
      </c>
      <c r="I24008" s="2">
        <v>1</v>
      </c>
      <c r="J24008" s="2">
        <v>0</v>
      </c>
      <c r="K24008" s="2">
        <v>0</v>
      </c>
      <c r="L24008" t="s">
        <v>120</v>
      </c>
      <c r="M24008" t="s">
        <v>89</v>
      </c>
      <c r="N24008" t="s">
        <v>90</v>
      </c>
      <c r="O24008" t="s">
        <v>85</v>
      </c>
      <c r="P24008" t="s">
        <v>86</v>
      </c>
      <c r="Q24008">
        <v>24</v>
      </c>
      <c r="R24008">
        <v>25</v>
      </c>
      <c r="S24008">
        <v>26</v>
      </c>
      <c r="T24008">
        <v>27</v>
      </c>
      <c r="U24008">
        <v>27</v>
      </c>
      <c r="V24008">
        <v>28</v>
      </c>
      <c r="W24008">
        <v>29</v>
      </c>
      <c r="X24008">
        <v>30</v>
      </c>
      <c r="Y24008">
        <v>30</v>
      </c>
      <c r="Z24008">
        <v>31</v>
      </c>
      <c r="AA24008">
        <v>32</v>
      </c>
      <c r="AB24008">
        <v>32</v>
      </c>
      <c r="AC24008">
        <v>33</v>
      </c>
      <c r="AD24008">
        <v>34</v>
      </c>
      <c r="AE24008">
        <v>34</v>
      </c>
      <c r="AF24008">
        <v>35</v>
      </c>
      <c r="AG24008">
        <v>35</v>
      </c>
      <c r="AH24008">
        <v>35</v>
      </c>
      <c r="AI24008">
        <v>36</v>
      </c>
      <c r="AJ24008">
        <v>36</v>
      </c>
      <c r="AK24008">
        <v>36</v>
      </c>
      <c r="AL24008">
        <v>37</v>
      </c>
      <c r="AM24008">
        <v>37</v>
      </c>
      <c r="AN24008">
        <v>37</v>
      </c>
      <c r="AO24008">
        <v>37</v>
      </c>
      <c r="AP24008">
        <v>38</v>
      </c>
      <c r="AQ24008">
        <v>38</v>
      </c>
    </row>
    <row r="24009" spans="1:43">
      <c r="A24009" t="s">
        <v>14865</v>
      </c>
      <c r="B24009" t="s">
        <v>14866</v>
      </c>
      <c r="C24009" t="s">
        <v>14867</v>
      </c>
      <c r="D24009" t="s">
        <v>14868</v>
      </c>
      <c r="E24009" t="s">
        <v>14797</v>
      </c>
      <c r="F24009" t="s">
        <v>14798</v>
      </c>
      <c r="G24009" t="s">
        <v>10734</v>
      </c>
      <c r="H24009" t="s">
        <v>10735</v>
      </c>
      <c r="I24009" s="2">
        <v>1</v>
      </c>
      <c r="J24009" s="2">
        <v>0</v>
      </c>
      <c r="K24009" s="2">
        <v>0</v>
      </c>
      <c r="L24009" t="s">
        <v>120</v>
      </c>
      <c r="M24009" t="s">
        <v>83</v>
      </c>
      <c r="N24009" t="s">
        <v>91</v>
      </c>
      <c r="O24009" t="s">
        <v>85</v>
      </c>
      <c r="P24009" t="s">
        <v>86</v>
      </c>
      <c r="Q24009">
        <v>24</v>
      </c>
      <c r="R24009">
        <v>25</v>
      </c>
      <c r="S24009">
        <v>25</v>
      </c>
      <c r="T24009">
        <v>26</v>
      </c>
      <c r="U24009">
        <v>26</v>
      </c>
      <c r="V24009">
        <v>27</v>
      </c>
      <c r="W24009">
        <v>27</v>
      </c>
      <c r="X24009">
        <v>28</v>
      </c>
      <c r="Y24009">
        <v>29</v>
      </c>
      <c r="Z24009">
        <v>29</v>
      </c>
      <c r="AA24009">
        <v>30</v>
      </c>
      <c r="AB24009">
        <v>30</v>
      </c>
      <c r="AC24009">
        <v>31</v>
      </c>
      <c r="AD24009">
        <v>31</v>
      </c>
      <c r="AE24009">
        <v>32</v>
      </c>
      <c r="AF24009">
        <v>33</v>
      </c>
      <c r="AG24009">
        <v>33</v>
      </c>
      <c r="AH24009">
        <v>34</v>
      </c>
      <c r="AI24009">
        <v>34</v>
      </c>
      <c r="AJ24009">
        <v>35</v>
      </c>
      <c r="AK24009">
        <v>36</v>
      </c>
      <c r="AL24009">
        <v>36</v>
      </c>
      <c r="AM24009">
        <v>36</v>
      </c>
      <c r="AN24009">
        <v>37</v>
      </c>
      <c r="AO24009">
        <v>37</v>
      </c>
      <c r="AP24009">
        <v>38</v>
      </c>
      <c r="AQ24009">
        <v>38</v>
      </c>
    </row>
    <row r="24010" spans="1:43">
      <c r="A24010" t="s">
        <v>14869</v>
      </c>
      <c r="B24010" t="s">
        <v>14870</v>
      </c>
      <c r="C24010" t="s">
        <v>14867</v>
      </c>
      <c r="D24010" t="s">
        <v>14868</v>
      </c>
      <c r="E24010" t="s">
        <v>14797</v>
      </c>
      <c r="F24010" t="s">
        <v>14798</v>
      </c>
      <c r="G24010" t="s">
        <v>10734</v>
      </c>
      <c r="H24010" t="s">
        <v>10735</v>
      </c>
      <c r="I24010" s="2">
        <v>1</v>
      </c>
      <c r="J24010" s="2">
        <v>0</v>
      </c>
      <c r="K24010" s="2">
        <v>0</v>
      </c>
      <c r="L24010" t="s">
        <v>120</v>
      </c>
      <c r="M24010" t="s">
        <v>83</v>
      </c>
      <c r="N24010" t="s">
        <v>84</v>
      </c>
      <c r="O24010" t="s">
        <v>85</v>
      </c>
      <c r="P24010" t="s">
        <v>86</v>
      </c>
      <c r="Q24010">
        <v>24</v>
      </c>
      <c r="R24010">
        <v>25</v>
      </c>
      <c r="S24010">
        <v>25</v>
      </c>
      <c r="T24010">
        <v>26</v>
      </c>
      <c r="U24010">
        <v>26</v>
      </c>
      <c r="V24010">
        <v>27</v>
      </c>
      <c r="W24010">
        <v>27</v>
      </c>
      <c r="X24010">
        <v>28</v>
      </c>
      <c r="Y24010">
        <v>29</v>
      </c>
      <c r="Z24010">
        <v>29</v>
      </c>
      <c r="AA24010">
        <v>30</v>
      </c>
      <c r="AB24010">
        <v>30</v>
      </c>
      <c r="AC24010">
        <v>31</v>
      </c>
      <c r="AD24010">
        <v>31</v>
      </c>
      <c r="AE24010">
        <v>32</v>
      </c>
      <c r="AF24010">
        <v>33</v>
      </c>
      <c r="AG24010">
        <v>33</v>
      </c>
      <c r="AH24010">
        <v>34</v>
      </c>
      <c r="AI24010">
        <v>34</v>
      </c>
      <c r="AJ24010">
        <v>35</v>
      </c>
      <c r="AK24010">
        <v>36</v>
      </c>
      <c r="AL24010">
        <v>36</v>
      </c>
      <c r="AM24010">
        <v>36</v>
      </c>
      <c r="AN24010">
        <v>37</v>
      </c>
      <c r="AO24010">
        <v>37</v>
      </c>
      <c r="AP24010">
        <v>37</v>
      </c>
      <c r="AQ24010">
        <v>38</v>
      </c>
    </row>
    <row r="24011" spans="1:43">
      <c r="A24011" t="s">
        <v>14869</v>
      </c>
      <c r="B24011" t="s">
        <v>14870</v>
      </c>
      <c r="C24011" t="s">
        <v>14867</v>
      </c>
      <c r="D24011" t="s">
        <v>14868</v>
      </c>
      <c r="E24011" t="s">
        <v>14797</v>
      </c>
      <c r="F24011" t="s">
        <v>14798</v>
      </c>
      <c r="G24011" t="s">
        <v>10734</v>
      </c>
      <c r="H24011" t="s">
        <v>10735</v>
      </c>
      <c r="I24011" s="2">
        <v>1</v>
      </c>
      <c r="J24011" s="2">
        <v>0</v>
      </c>
      <c r="K24011" s="2">
        <v>0</v>
      </c>
      <c r="L24011" t="s">
        <v>120</v>
      </c>
      <c r="M24011" t="s">
        <v>87</v>
      </c>
      <c r="N24011" t="s">
        <v>88</v>
      </c>
      <c r="O24011" t="s">
        <v>85</v>
      </c>
      <c r="P24011" t="s">
        <v>86</v>
      </c>
      <c r="Q24011">
        <v>24</v>
      </c>
      <c r="R24011">
        <v>24</v>
      </c>
      <c r="S24011">
        <v>25</v>
      </c>
      <c r="T24011">
        <v>25</v>
      </c>
      <c r="U24011">
        <v>25</v>
      </c>
      <c r="V24011">
        <v>25</v>
      </c>
      <c r="W24011">
        <v>26</v>
      </c>
      <c r="X24011">
        <v>26</v>
      </c>
      <c r="Y24011">
        <v>26</v>
      </c>
      <c r="Z24011">
        <v>27</v>
      </c>
      <c r="AA24011">
        <v>27</v>
      </c>
      <c r="AB24011">
        <v>27</v>
      </c>
      <c r="AC24011">
        <v>28</v>
      </c>
      <c r="AD24011">
        <v>28</v>
      </c>
      <c r="AE24011">
        <v>28</v>
      </c>
      <c r="AF24011">
        <v>29</v>
      </c>
      <c r="AG24011">
        <v>29</v>
      </c>
      <c r="AH24011">
        <v>29</v>
      </c>
      <c r="AI24011">
        <v>30</v>
      </c>
      <c r="AJ24011">
        <v>30</v>
      </c>
      <c r="AK24011">
        <v>31</v>
      </c>
      <c r="AL24011">
        <v>31</v>
      </c>
      <c r="AM24011">
        <v>31</v>
      </c>
      <c r="AN24011">
        <v>32</v>
      </c>
      <c r="AO24011">
        <v>32</v>
      </c>
      <c r="AP24011">
        <v>32</v>
      </c>
      <c r="AQ24011">
        <v>33</v>
      </c>
    </row>
    <row r="24012" spans="1:43">
      <c r="A24012" t="s">
        <v>14869</v>
      </c>
      <c r="B24012" t="s">
        <v>14870</v>
      </c>
      <c r="C24012" t="s">
        <v>14867</v>
      </c>
      <c r="D24012" t="s">
        <v>14868</v>
      </c>
      <c r="E24012" t="s">
        <v>14797</v>
      </c>
      <c r="F24012" t="s">
        <v>14798</v>
      </c>
      <c r="G24012" t="s">
        <v>10734</v>
      </c>
      <c r="H24012" t="s">
        <v>10735</v>
      </c>
      <c r="I24012" s="2">
        <v>1</v>
      </c>
      <c r="J24012" s="2">
        <v>0</v>
      </c>
      <c r="K24012" s="2">
        <v>0</v>
      </c>
      <c r="L24012" t="s">
        <v>120</v>
      </c>
      <c r="M24012" t="s">
        <v>89</v>
      </c>
      <c r="N24012" t="s">
        <v>90</v>
      </c>
      <c r="O24012" t="s">
        <v>85</v>
      </c>
      <c r="P24012" t="s">
        <v>86</v>
      </c>
      <c r="Q24012">
        <v>24</v>
      </c>
      <c r="R24012">
        <v>25</v>
      </c>
      <c r="S24012">
        <v>26</v>
      </c>
      <c r="T24012">
        <v>27</v>
      </c>
      <c r="U24012">
        <v>27</v>
      </c>
      <c r="V24012">
        <v>28</v>
      </c>
      <c r="W24012">
        <v>29</v>
      </c>
      <c r="X24012">
        <v>29</v>
      </c>
      <c r="Y24012">
        <v>30</v>
      </c>
      <c r="Z24012">
        <v>31</v>
      </c>
      <c r="AA24012">
        <v>32</v>
      </c>
      <c r="AB24012">
        <v>32</v>
      </c>
      <c r="AC24012">
        <v>33</v>
      </c>
      <c r="AD24012">
        <v>34</v>
      </c>
      <c r="AE24012">
        <v>34</v>
      </c>
      <c r="AF24012">
        <v>35</v>
      </c>
      <c r="AG24012">
        <v>35</v>
      </c>
      <c r="AH24012">
        <v>35</v>
      </c>
      <c r="AI24012">
        <v>36</v>
      </c>
      <c r="AJ24012">
        <v>36</v>
      </c>
      <c r="AK24012">
        <v>36</v>
      </c>
      <c r="AL24012">
        <v>36</v>
      </c>
      <c r="AM24012">
        <v>37</v>
      </c>
      <c r="AN24012">
        <v>37</v>
      </c>
      <c r="AO24012">
        <v>37</v>
      </c>
      <c r="AP24012">
        <v>38</v>
      </c>
      <c r="AQ24012">
        <v>38</v>
      </c>
    </row>
    <row r="24013" spans="1:43">
      <c r="A24013" t="s">
        <v>14869</v>
      </c>
      <c r="B24013" t="s">
        <v>14870</v>
      </c>
      <c r="C24013" t="s">
        <v>14867</v>
      </c>
      <c r="D24013" t="s">
        <v>14868</v>
      </c>
      <c r="E24013" t="s">
        <v>14797</v>
      </c>
      <c r="F24013" t="s">
        <v>14798</v>
      </c>
      <c r="G24013" t="s">
        <v>10734</v>
      </c>
      <c r="H24013" t="s">
        <v>10735</v>
      </c>
      <c r="I24013" s="2">
        <v>1</v>
      </c>
      <c r="J24013" s="2">
        <v>0</v>
      </c>
      <c r="K24013" s="2">
        <v>0</v>
      </c>
      <c r="L24013" t="s">
        <v>120</v>
      </c>
      <c r="M24013" t="s">
        <v>83</v>
      </c>
      <c r="N24013" t="s">
        <v>91</v>
      </c>
      <c r="O24013" t="s">
        <v>85</v>
      </c>
      <c r="P24013" t="s">
        <v>86</v>
      </c>
      <c r="Q24013">
        <v>24</v>
      </c>
      <c r="R24013">
        <v>25</v>
      </c>
      <c r="S24013">
        <v>25</v>
      </c>
      <c r="T24013">
        <v>26</v>
      </c>
      <c r="U24013">
        <v>26</v>
      </c>
      <c r="V24013">
        <v>27</v>
      </c>
      <c r="W24013">
        <v>27</v>
      </c>
      <c r="X24013">
        <v>28</v>
      </c>
      <c r="Y24013">
        <v>29</v>
      </c>
      <c r="Z24013">
        <v>29</v>
      </c>
      <c r="AA24013">
        <v>30</v>
      </c>
      <c r="AB24013">
        <v>30</v>
      </c>
      <c r="AC24013">
        <v>31</v>
      </c>
      <c r="AD24013">
        <v>31</v>
      </c>
      <c r="AE24013">
        <v>32</v>
      </c>
      <c r="AF24013">
        <v>33</v>
      </c>
      <c r="AG24013">
        <v>33</v>
      </c>
      <c r="AH24013">
        <v>34</v>
      </c>
      <c r="AI24013">
        <v>34</v>
      </c>
      <c r="AJ24013">
        <v>35</v>
      </c>
      <c r="AK24013">
        <v>36</v>
      </c>
      <c r="AL24013">
        <v>36</v>
      </c>
      <c r="AM24013">
        <v>36</v>
      </c>
      <c r="AN24013">
        <v>37</v>
      </c>
      <c r="AO24013">
        <v>37</v>
      </c>
      <c r="AP24013">
        <v>37</v>
      </c>
      <c r="AQ24013">
        <v>38</v>
      </c>
    </row>
    <row r="24014" spans="1:43">
      <c r="A24014" t="s">
        <v>14871</v>
      </c>
      <c r="B24014" t="s">
        <v>14872</v>
      </c>
      <c r="C24014" t="s">
        <v>14873</v>
      </c>
      <c r="D24014" t="s">
        <v>14874</v>
      </c>
      <c r="E24014" t="s">
        <v>14797</v>
      </c>
      <c r="F24014" t="s">
        <v>14798</v>
      </c>
      <c r="G24014" t="s">
        <v>10734</v>
      </c>
      <c r="H24014" t="s">
        <v>10735</v>
      </c>
      <c r="I24014" s="2">
        <v>1</v>
      </c>
      <c r="J24014" s="2">
        <v>0</v>
      </c>
      <c r="K24014" s="2">
        <v>0</v>
      </c>
      <c r="L24014" t="s">
        <v>120</v>
      </c>
      <c r="M24014" t="s">
        <v>83</v>
      </c>
      <c r="N24014" t="s">
        <v>84</v>
      </c>
      <c r="O24014" t="s">
        <v>85</v>
      </c>
      <c r="P24014" t="s">
        <v>86</v>
      </c>
      <c r="Q24014">
        <v>63</v>
      </c>
      <c r="R24014">
        <v>64</v>
      </c>
      <c r="S24014">
        <v>65</v>
      </c>
      <c r="T24014">
        <v>67</v>
      </c>
      <c r="U24014">
        <v>68</v>
      </c>
      <c r="V24014">
        <v>70</v>
      </c>
      <c r="W24014">
        <v>71</v>
      </c>
      <c r="X24014">
        <v>72</v>
      </c>
      <c r="Y24014">
        <v>74</v>
      </c>
      <c r="Z24014">
        <v>75</v>
      </c>
      <c r="AA24014">
        <v>77</v>
      </c>
      <c r="AB24014">
        <v>78</v>
      </c>
      <c r="AC24014">
        <v>80</v>
      </c>
      <c r="AD24014">
        <v>81</v>
      </c>
      <c r="AE24014">
        <v>83</v>
      </c>
      <c r="AF24014">
        <v>84</v>
      </c>
      <c r="AG24014">
        <v>86</v>
      </c>
      <c r="AH24014">
        <v>88</v>
      </c>
      <c r="AI24014">
        <v>89</v>
      </c>
      <c r="AJ24014">
        <v>91</v>
      </c>
      <c r="AK24014">
        <v>93</v>
      </c>
      <c r="AL24014">
        <v>94</v>
      </c>
      <c r="AM24014">
        <v>95</v>
      </c>
      <c r="AN24014">
        <v>95</v>
      </c>
      <c r="AO24014">
        <v>96</v>
      </c>
      <c r="AP24014">
        <v>97</v>
      </c>
      <c r="AQ24014">
        <v>98</v>
      </c>
    </row>
    <row r="24015" spans="1:43">
      <c r="A24015" t="s">
        <v>14871</v>
      </c>
      <c r="B24015" t="s">
        <v>14872</v>
      </c>
      <c r="C24015" t="s">
        <v>14873</v>
      </c>
      <c r="D24015" t="s">
        <v>14874</v>
      </c>
      <c r="E24015" t="s">
        <v>14797</v>
      </c>
      <c r="F24015" t="s">
        <v>14798</v>
      </c>
      <c r="G24015" t="s">
        <v>10734</v>
      </c>
      <c r="H24015" t="s">
        <v>10735</v>
      </c>
      <c r="I24015" s="2">
        <v>1</v>
      </c>
      <c r="J24015" s="2">
        <v>0</v>
      </c>
      <c r="K24015" s="2">
        <v>0</v>
      </c>
      <c r="L24015" t="s">
        <v>120</v>
      </c>
      <c r="M24015" t="s">
        <v>87</v>
      </c>
      <c r="N24015" t="s">
        <v>88</v>
      </c>
      <c r="O24015" t="s">
        <v>85</v>
      </c>
      <c r="P24015" t="s">
        <v>86</v>
      </c>
      <c r="Q24015">
        <v>63</v>
      </c>
      <c r="R24015">
        <v>64</v>
      </c>
      <c r="S24015">
        <v>65</v>
      </c>
      <c r="T24015">
        <v>65</v>
      </c>
      <c r="U24015">
        <v>66</v>
      </c>
      <c r="V24015">
        <v>67</v>
      </c>
      <c r="W24015">
        <v>68</v>
      </c>
      <c r="X24015">
        <v>69</v>
      </c>
      <c r="Y24015">
        <v>69</v>
      </c>
      <c r="Z24015">
        <v>70</v>
      </c>
      <c r="AA24015">
        <v>71</v>
      </c>
      <c r="AB24015">
        <v>72</v>
      </c>
      <c r="AC24015">
        <v>73</v>
      </c>
      <c r="AD24015">
        <v>74</v>
      </c>
      <c r="AE24015">
        <v>74</v>
      </c>
      <c r="AF24015">
        <v>75</v>
      </c>
      <c r="AG24015">
        <v>76</v>
      </c>
      <c r="AH24015">
        <v>77</v>
      </c>
      <c r="AI24015">
        <v>78</v>
      </c>
      <c r="AJ24015">
        <v>79</v>
      </c>
      <c r="AK24015">
        <v>80</v>
      </c>
      <c r="AL24015">
        <v>81</v>
      </c>
      <c r="AM24015">
        <v>82</v>
      </c>
      <c r="AN24015">
        <v>83</v>
      </c>
      <c r="AO24015">
        <v>84</v>
      </c>
      <c r="AP24015">
        <v>85</v>
      </c>
      <c r="AQ24015">
        <v>86</v>
      </c>
    </row>
    <row r="24016" spans="1:43">
      <c r="A24016" t="s">
        <v>14871</v>
      </c>
      <c r="B24016" t="s">
        <v>14872</v>
      </c>
      <c r="C24016" t="s">
        <v>14873</v>
      </c>
      <c r="D24016" t="s">
        <v>14874</v>
      </c>
      <c r="E24016" t="s">
        <v>14797</v>
      </c>
      <c r="F24016" t="s">
        <v>14798</v>
      </c>
      <c r="G24016" t="s">
        <v>10734</v>
      </c>
      <c r="H24016" t="s">
        <v>10735</v>
      </c>
      <c r="I24016" s="2">
        <v>1</v>
      </c>
      <c r="J24016" s="2">
        <v>0</v>
      </c>
      <c r="K24016" s="2">
        <v>0</v>
      </c>
      <c r="L24016" t="s">
        <v>120</v>
      </c>
      <c r="M24016" t="s">
        <v>89</v>
      </c>
      <c r="N24016" t="s">
        <v>90</v>
      </c>
      <c r="O24016" t="s">
        <v>85</v>
      </c>
      <c r="P24016" t="s">
        <v>86</v>
      </c>
      <c r="Q24016">
        <v>63</v>
      </c>
      <c r="R24016">
        <v>65</v>
      </c>
      <c r="S24016">
        <v>67</v>
      </c>
      <c r="T24016">
        <v>69</v>
      </c>
      <c r="U24016">
        <v>71</v>
      </c>
      <c r="V24016">
        <v>73</v>
      </c>
      <c r="W24016">
        <v>74</v>
      </c>
      <c r="X24016">
        <v>76</v>
      </c>
      <c r="Y24016">
        <v>78</v>
      </c>
      <c r="Z24016">
        <v>80</v>
      </c>
      <c r="AA24016">
        <v>82</v>
      </c>
      <c r="AB24016">
        <v>84</v>
      </c>
      <c r="AC24016">
        <v>86</v>
      </c>
      <c r="AD24016">
        <v>87</v>
      </c>
      <c r="AE24016">
        <v>89</v>
      </c>
      <c r="AF24016">
        <v>90</v>
      </c>
      <c r="AG24016">
        <v>91</v>
      </c>
      <c r="AH24016">
        <v>91</v>
      </c>
      <c r="AI24016">
        <v>92</v>
      </c>
      <c r="AJ24016">
        <v>93</v>
      </c>
      <c r="AK24016">
        <v>94</v>
      </c>
      <c r="AL24016">
        <v>95</v>
      </c>
      <c r="AM24016">
        <v>96</v>
      </c>
      <c r="AN24016">
        <v>96</v>
      </c>
      <c r="AO24016">
        <v>97</v>
      </c>
      <c r="AP24016">
        <v>98</v>
      </c>
      <c r="AQ24016">
        <v>99</v>
      </c>
    </row>
    <row r="24017" spans="1:43">
      <c r="A24017" t="s">
        <v>14871</v>
      </c>
      <c r="B24017" t="s">
        <v>14872</v>
      </c>
      <c r="C24017" t="s">
        <v>14873</v>
      </c>
      <c r="D24017" t="s">
        <v>14874</v>
      </c>
      <c r="E24017" t="s">
        <v>14797</v>
      </c>
      <c r="F24017" t="s">
        <v>14798</v>
      </c>
      <c r="G24017" t="s">
        <v>10734</v>
      </c>
      <c r="H24017" t="s">
        <v>10735</v>
      </c>
      <c r="I24017" s="2">
        <v>1</v>
      </c>
      <c r="J24017" s="2">
        <v>0</v>
      </c>
      <c r="K24017" s="2">
        <v>0</v>
      </c>
      <c r="L24017" t="s">
        <v>120</v>
      </c>
      <c r="M24017" t="s">
        <v>83</v>
      </c>
      <c r="N24017" t="s">
        <v>91</v>
      </c>
      <c r="O24017" t="s">
        <v>85</v>
      </c>
      <c r="P24017" t="s">
        <v>86</v>
      </c>
      <c r="Q24017">
        <v>63</v>
      </c>
      <c r="R24017">
        <v>64</v>
      </c>
      <c r="S24017">
        <v>65</v>
      </c>
      <c r="T24017">
        <v>67</v>
      </c>
      <c r="U24017">
        <v>68</v>
      </c>
      <c r="V24017">
        <v>70</v>
      </c>
      <c r="W24017">
        <v>71</v>
      </c>
      <c r="X24017">
        <v>72</v>
      </c>
      <c r="Y24017">
        <v>74</v>
      </c>
      <c r="Z24017">
        <v>75</v>
      </c>
      <c r="AA24017">
        <v>77</v>
      </c>
      <c r="AB24017">
        <v>78</v>
      </c>
      <c r="AC24017">
        <v>80</v>
      </c>
      <c r="AD24017">
        <v>81</v>
      </c>
      <c r="AE24017">
        <v>83</v>
      </c>
      <c r="AF24017">
        <v>84</v>
      </c>
      <c r="AG24017">
        <v>86</v>
      </c>
      <c r="AH24017">
        <v>88</v>
      </c>
      <c r="AI24017">
        <v>89</v>
      </c>
      <c r="AJ24017">
        <v>91</v>
      </c>
      <c r="AK24017">
        <v>93</v>
      </c>
      <c r="AL24017">
        <v>94</v>
      </c>
      <c r="AM24017">
        <v>95</v>
      </c>
      <c r="AN24017">
        <v>95</v>
      </c>
      <c r="AO24017">
        <v>96</v>
      </c>
      <c r="AP24017">
        <v>97</v>
      </c>
      <c r="AQ24017">
        <v>98</v>
      </c>
    </row>
    <row r="24018" spans="1:43">
      <c r="A24018" t="s">
        <v>14875</v>
      </c>
      <c r="B24018" t="s">
        <v>14876</v>
      </c>
      <c r="C24018" t="s">
        <v>14873</v>
      </c>
      <c r="D24018" t="s">
        <v>14874</v>
      </c>
      <c r="E24018" t="s">
        <v>14797</v>
      </c>
      <c r="F24018" t="s">
        <v>14798</v>
      </c>
      <c r="G24018" t="s">
        <v>10734</v>
      </c>
      <c r="H24018" t="s">
        <v>10735</v>
      </c>
      <c r="I24018" s="2">
        <v>1</v>
      </c>
      <c r="J24018" s="2">
        <v>0</v>
      </c>
      <c r="K24018" s="2">
        <v>0</v>
      </c>
      <c r="L24018" t="s">
        <v>120</v>
      </c>
      <c r="M24018" t="s">
        <v>83</v>
      </c>
      <c r="N24018" t="s">
        <v>84</v>
      </c>
      <c r="O24018" t="s">
        <v>85</v>
      </c>
      <c r="P24018" t="s">
        <v>86</v>
      </c>
      <c r="Q24018">
        <v>7</v>
      </c>
      <c r="R24018">
        <v>7</v>
      </c>
      <c r="S24018">
        <v>7</v>
      </c>
      <c r="T24018">
        <v>7</v>
      </c>
      <c r="U24018">
        <v>7</v>
      </c>
      <c r="V24018">
        <v>8</v>
      </c>
      <c r="W24018">
        <v>8</v>
      </c>
      <c r="X24018">
        <v>8</v>
      </c>
      <c r="Y24018">
        <v>8</v>
      </c>
      <c r="Z24018">
        <v>8</v>
      </c>
      <c r="AA24018">
        <v>8</v>
      </c>
      <c r="AB24018">
        <v>8</v>
      </c>
      <c r="AC24018">
        <v>9</v>
      </c>
      <c r="AD24018">
        <v>9</v>
      </c>
      <c r="AE24018">
        <v>9</v>
      </c>
      <c r="AF24018">
        <v>9</v>
      </c>
      <c r="AG24018">
        <v>9</v>
      </c>
      <c r="AH24018">
        <v>9</v>
      </c>
      <c r="AI24018">
        <v>10</v>
      </c>
      <c r="AJ24018">
        <v>10</v>
      </c>
      <c r="AK24018">
        <v>10</v>
      </c>
      <c r="AL24018">
        <v>10</v>
      </c>
      <c r="AM24018">
        <v>10</v>
      </c>
      <c r="AN24018">
        <v>10</v>
      </c>
      <c r="AO24018">
        <v>10</v>
      </c>
      <c r="AP24018">
        <v>11</v>
      </c>
      <c r="AQ24018">
        <v>11</v>
      </c>
    </row>
    <row r="24019" spans="1:43">
      <c r="A24019" t="s">
        <v>14875</v>
      </c>
      <c r="B24019" t="s">
        <v>14876</v>
      </c>
      <c r="C24019" t="s">
        <v>14873</v>
      </c>
      <c r="D24019" t="s">
        <v>14874</v>
      </c>
      <c r="E24019" t="s">
        <v>14797</v>
      </c>
      <c r="F24019" t="s">
        <v>14798</v>
      </c>
      <c r="G24019" t="s">
        <v>10734</v>
      </c>
      <c r="H24019" t="s">
        <v>10735</v>
      </c>
      <c r="I24019" s="2">
        <v>1</v>
      </c>
      <c r="J24019" s="2">
        <v>0</v>
      </c>
      <c r="K24019" s="2">
        <v>0</v>
      </c>
      <c r="L24019" t="s">
        <v>120</v>
      </c>
      <c r="M24019" t="s">
        <v>87</v>
      </c>
      <c r="N24019" t="s">
        <v>88</v>
      </c>
      <c r="O24019" t="s">
        <v>85</v>
      </c>
      <c r="P24019" t="s">
        <v>86</v>
      </c>
      <c r="Q24019">
        <v>7</v>
      </c>
      <c r="R24019">
        <v>7</v>
      </c>
      <c r="S24019">
        <v>7</v>
      </c>
      <c r="T24019">
        <v>7</v>
      </c>
      <c r="U24019">
        <v>7</v>
      </c>
      <c r="V24019">
        <v>7</v>
      </c>
      <c r="W24019">
        <v>7</v>
      </c>
      <c r="X24019">
        <v>7</v>
      </c>
      <c r="Y24019">
        <v>7</v>
      </c>
      <c r="Z24019">
        <v>7</v>
      </c>
      <c r="AA24019">
        <v>8</v>
      </c>
      <c r="AB24019">
        <v>8</v>
      </c>
      <c r="AC24019">
        <v>8</v>
      </c>
      <c r="AD24019">
        <v>8</v>
      </c>
      <c r="AE24019">
        <v>8</v>
      </c>
      <c r="AF24019">
        <v>8</v>
      </c>
      <c r="AG24019">
        <v>8</v>
      </c>
      <c r="AH24019">
        <v>8</v>
      </c>
      <c r="AI24019">
        <v>8</v>
      </c>
      <c r="AJ24019">
        <v>8</v>
      </c>
      <c r="AK24019">
        <v>9</v>
      </c>
      <c r="AL24019">
        <v>9</v>
      </c>
      <c r="AM24019">
        <v>9</v>
      </c>
      <c r="AN24019">
        <v>9</v>
      </c>
      <c r="AO24019">
        <v>9</v>
      </c>
      <c r="AP24019">
        <v>9</v>
      </c>
      <c r="AQ24019">
        <v>9</v>
      </c>
    </row>
    <row r="24020" spans="1:43">
      <c r="A24020" t="s">
        <v>14875</v>
      </c>
      <c r="B24020" t="s">
        <v>14876</v>
      </c>
      <c r="C24020" t="s">
        <v>14873</v>
      </c>
      <c r="D24020" t="s">
        <v>14874</v>
      </c>
      <c r="E24020" t="s">
        <v>14797</v>
      </c>
      <c r="F24020" t="s">
        <v>14798</v>
      </c>
      <c r="G24020" t="s">
        <v>10734</v>
      </c>
      <c r="H24020" t="s">
        <v>10735</v>
      </c>
      <c r="I24020" s="2">
        <v>1</v>
      </c>
      <c r="J24020" s="2">
        <v>0</v>
      </c>
      <c r="K24020" s="2">
        <v>0</v>
      </c>
      <c r="L24020" t="s">
        <v>120</v>
      </c>
      <c r="M24020" t="s">
        <v>89</v>
      </c>
      <c r="N24020" t="s">
        <v>90</v>
      </c>
      <c r="O24020" t="s">
        <v>85</v>
      </c>
      <c r="P24020" t="s">
        <v>86</v>
      </c>
      <c r="Q24020">
        <v>7</v>
      </c>
      <c r="R24020">
        <v>7</v>
      </c>
      <c r="S24020">
        <v>7</v>
      </c>
      <c r="T24020">
        <v>7</v>
      </c>
      <c r="U24020">
        <v>8</v>
      </c>
      <c r="V24020">
        <v>8</v>
      </c>
      <c r="W24020">
        <v>8</v>
      </c>
      <c r="X24020">
        <v>8</v>
      </c>
      <c r="Y24020">
        <v>8</v>
      </c>
      <c r="Z24020">
        <v>9</v>
      </c>
      <c r="AA24020">
        <v>9</v>
      </c>
      <c r="AB24020">
        <v>9</v>
      </c>
      <c r="AC24020">
        <v>9</v>
      </c>
      <c r="AD24020">
        <v>9</v>
      </c>
      <c r="AE24020">
        <v>10</v>
      </c>
      <c r="AF24020">
        <v>10</v>
      </c>
      <c r="AG24020">
        <v>10</v>
      </c>
      <c r="AH24020">
        <v>10</v>
      </c>
      <c r="AI24020">
        <v>10</v>
      </c>
      <c r="AJ24020">
        <v>10</v>
      </c>
      <c r="AK24020">
        <v>10</v>
      </c>
      <c r="AL24020">
        <v>10</v>
      </c>
      <c r="AM24020">
        <v>10</v>
      </c>
      <c r="AN24020">
        <v>10</v>
      </c>
      <c r="AO24020">
        <v>11</v>
      </c>
      <c r="AP24020">
        <v>11</v>
      </c>
      <c r="AQ24020">
        <v>11</v>
      </c>
    </row>
    <row r="24021" spans="1:43">
      <c r="A24021" t="s">
        <v>14875</v>
      </c>
      <c r="B24021" t="s">
        <v>14876</v>
      </c>
      <c r="C24021" t="s">
        <v>14873</v>
      </c>
      <c r="D24021" t="s">
        <v>14874</v>
      </c>
      <c r="E24021" t="s">
        <v>14797</v>
      </c>
      <c r="F24021" t="s">
        <v>14798</v>
      </c>
      <c r="G24021" t="s">
        <v>10734</v>
      </c>
      <c r="H24021" t="s">
        <v>10735</v>
      </c>
      <c r="I24021" s="2">
        <v>1</v>
      </c>
      <c r="J24021" s="2">
        <v>0</v>
      </c>
      <c r="K24021" s="2">
        <v>0</v>
      </c>
      <c r="L24021" t="s">
        <v>120</v>
      </c>
      <c r="M24021" t="s">
        <v>83</v>
      </c>
      <c r="N24021" t="s">
        <v>91</v>
      </c>
      <c r="O24021" t="s">
        <v>85</v>
      </c>
      <c r="P24021" t="s">
        <v>86</v>
      </c>
      <c r="Q24021">
        <v>7</v>
      </c>
      <c r="R24021">
        <v>7</v>
      </c>
      <c r="S24021">
        <v>7</v>
      </c>
      <c r="T24021">
        <v>7</v>
      </c>
      <c r="U24021">
        <v>7</v>
      </c>
      <c r="V24021">
        <v>8</v>
      </c>
      <c r="W24021">
        <v>8</v>
      </c>
      <c r="X24021">
        <v>8</v>
      </c>
      <c r="Y24021">
        <v>8</v>
      </c>
      <c r="Z24021">
        <v>8</v>
      </c>
      <c r="AA24021">
        <v>8</v>
      </c>
      <c r="AB24021">
        <v>8</v>
      </c>
      <c r="AC24021">
        <v>9</v>
      </c>
      <c r="AD24021">
        <v>9</v>
      </c>
      <c r="AE24021">
        <v>9</v>
      </c>
      <c r="AF24021">
        <v>9</v>
      </c>
      <c r="AG24021">
        <v>9</v>
      </c>
      <c r="AH24021">
        <v>9</v>
      </c>
      <c r="AI24021">
        <v>10</v>
      </c>
      <c r="AJ24021">
        <v>10</v>
      </c>
      <c r="AK24021">
        <v>10</v>
      </c>
      <c r="AL24021">
        <v>10</v>
      </c>
      <c r="AM24021">
        <v>10</v>
      </c>
      <c r="AN24021">
        <v>10</v>
      </c>
      <c r="AO24021">
        <v>10</v>
      </c>
      <c r="AP24021">
        <v>11</v>
      </c>
      <c r="AQ24021">
        <v>11</v>
      </c>
    </row>
    <row r="24022" spans="1:43">
      <c r="A24022" t="s">
        <v>14877</v>
      </c>
      <c r="B24022" t="s">
        <v>14878</v>
      </c>
      <c r="C24022" t="s">
        <v>14873</v>
      </c>
      <c r="D24022" t="s">
        <v>14874</v>
      </c>
      <c r="E24022" t="s">
        <v>14797</v>
      </c>
      <c r="F24022" t="s">
        <v>14798</v>
      </c>
      <c r="G24022" t="s">
        <v>10734</v>
      </c>
      <c r="H24022" t="s">
        <v>10735</v>
      </c>
      <c r="I24022" s="2">
        <v>1</v>
      </c>
      <c r="J24022" s="2">
        <v>0</v>
      </c>
      <c r="K24022" s="2">
        <v>0</v>
      </c>
      <c r="L24022" t="s">
        <v>120</v>
      </c>
      <c r="M24022" t="s">
        <v>83</v>
      </c>
      <c r="N24022" t="s">
        <v>84</v>
      </c>
      <c r="O24022" t="s">
        <v>85</v>
      </c>
      <c r="P24022" t="s">
        <v>86</v>
      </c>
      <c r="Q24022">
        <v>29</v>
      </c>
      <c r="R24022">
        <v>30</v>
      </c>
      <c r="S24022">
        <v>30</v>
      </c>
      <c r="T24022">
        <v>31</v>
      </c>
      <c r="U24022">
        <v>32</v>
      </c>
      <c r="V24022">
        <v>32</v>
      </c>
      <c r="W24022">
        <v>33</v>
      </c>
      <c r="X24022">
        <v>34</v>
      </c>
      <c r="Y24022">
        <v>34</v>
      </c>
      <c r="Z24022">
        <v>35</v>
      </c>
      <c r="AA24022">
        <v>36</v>
      </c>
      <c r="AB24022">
        <v>36</v>
      </c>
      <c r="AC24022">
        <v>37</v>
      </c>
      <c r="AD24022">
        <v>38</v>
      </c>
      <c r="AE24022">
        <v>38</v>
      </c>
      <c r="AF24022">
        <v>39</v>
      </c>
      <c r="AG24022">
        <v>40</v>
      </c>
      <c r="AH24022">
        <v>41</v>
      </c>
      <c r="AI24022">
        <v>41</v>
      </c>
      <c r="AJ24022">
        <v>42</v>
      </c>
      <c r="AK24022">
        <v>43</v>
      </c>
      <c r="AL24022">
        <v>44</v>
      </c>
      <c r="AM24022">
        <v>44</v>
      </c>
      <c r="AN24022">
        <v>44</v>
      </c>
      <c r="AO24022">
        <v>45</v>
      </c>
      <c r="AP24022">
        <v>45</v>
      </c>
      <c r="AQ24022">
        <v>46</v>
      </c>
    </row>
    <row r="24023" spans="1:43">
      <c r="A24023" t="s">
        <v>14877</v>
      </c>
      <c r="B24023" t="s">
        <v>14878</v>
      </c>
      <c r="C24023" t="s">
        <v>14873</v>
      </c>
      <c r="D24023" t="s">
        <v>14874</v>
      </c>
      <c r="E24023" t="s">
        <v>14797</v>
      </c>
      <c r="F24023" t="s">
        <v>14798</v>
      </c>
      <c r="G24023" t="s">
        <v>10734</v>
      </c>
      <c r="H24023" t="s">
        <v>10735</v>
      </c>
      <c r="I24023" s="2">
        <v>1</v>
      </c>
      <c r="J24023" s="2">
        <v>0</v>
      </c>
      <c r="K24023" s="2">
        <v>0</v>
      </c>
      <c r="L24023" t="s">
        <v>120</v>
      </c>
      <c r="M24023" t="s">
        <v>87</v>
      </c>
      <c r="N24023" t="s">
        <v>88</v>
      </c>
      <c r="O24023" t="s">
        <v>85</v>
      </c>
      <c r="P24023" t="s">
        <v>86</v>
      </c>
      <c r="Q24023">
        <v>29</v>
      </c>
      <c r="R24023">
        <v>29</v>
      </c>
      <c r="S24023">
        <v>29</v>
      </c>
      <c r="T24023">
        <v>30</v>
      </c>
      <c r="U24023">
        <v>30</v>
      </c>
      <c r="V24023">
        <v>31</v>
      </c>
      <c r="W24023">
        <v>31</v>
      </c>
      <c r="X24023">
        <v>31</v>
      </c>
      <c r="Y24023">
        <v>32</v>
      </c>
      <c r="Z24023">
        <v>32</v>
      </c>
      <c r="AA24023">
        <v>32</v>
      </c>
      <c r="AB24023">
        <v>33</v>
      </c>
      <c r="AC24023">
        <v>33</v>
      </c>
      <c r="AD24023">
        <v>34</v>
      </c>
      <c r="AE24023">
        <v>34</v>
      </c>
      <c r="AF24023">
        <v>35</v>
      </c>
      <c r="AG24023">
        <v>35</v>
      </c>
      <c r="AH24023">
        <v>35</v>
      </c>
      <c r="AI24023">
        <v>36</v>
      </c>
      <c r="AJ24023">
        <v>36</v>
      </c>
      <c r="AK24023">
        <v>37</v>
      </c>
      <c r="AL24023">
        <v>37</v>
      </c>
      <c r="AM24023">
        <v>38</v>
      </c>
      <c r="AN24023">
        <v>38</v>
      </c>
      <c r="AO24023">
        <v>38</v>
      </c>
      <c r="AP24023">
        <v>39</v>
      </c>
      <c r="AQ24023">
        <v>39</v>
      </c>
    </row>
    <row r="24024" spans="1:43">
      <c r="A24024" t="s">
        <v>14877</v>
      </c>
      <c r="B24024" t="s">
        <v>14878</v>
      </c>
      <c r="C24024" t="s">
        <v>14873</v>
      </c>
      <c r="D24024" t="s">
        <v>14874</v>
      </c>
      <c r="E24024" t="s">
        <v>14797</v>
      </c>
      <c r="F24024" t="s">
        <v>14798</v>
      </c>
      <c r="G24024" t="s">
        <v>10734</v>
      </c>
      <c r="H24024" t="s">
        <v>10735</v>
      </c>
      <c r="I24024" s="2">
        <v>1</v>
      </c>
      <c r="J24024" s="2">
        <v>0</v>
      </c>
      <c r="K24024" s="2">
        <v>0</v>
      </c>
      <c r="L24024" t="s">
        <v>120</v>
      </c>
      <c r="M24024" t="s">
        <v>89</v>
      </c>
      <c r="N24024" t="s">
        <v>90</v>
      </c>
      <c r="O24024" t="s">
        <v>85</v>
      </c>
      <c r="P24024" t="s">
        <v>86</v>
      </c>
      <c r="Q24024">
        <v>29</v>
      </c>
      <c r="R24024">
        <v>30</v>
      </c>
      <c r="S24024">
        <v>31</v>
      </c>
      <c r="T24024">
        <v>32</v>
      </c>
      <c r="U24024">
        <v>33</v>
      </c>
      <c r="V24024">
        <v>34</v>
      </c>
      <c r="W24024">
        <v>35</v>
      </c>
      <c r="X24024">
        <v>35</v>
      </c>
      <c r="Y24024">
        <v>36</v>
      </c>
      <c r="Z24024">
        <v>37</v>
      </c>
      <c r="AA24024">
        <v>38</v>
      </c>
      <c r="AB24024">
        <v>39</v>
      </c>
      <c r="AC24024">
        <v>40</v>
      </c>
      <c r="AD24024">
        <v>41</v>
      </c>
      <c r="AE24024">
        <v>41</v>
      </c>
      <c r="AF24024">
        <v>42</v>
      </c>
      <c r="AG24024">
        <v>42</v>
      </c>
      <c r="AH24024">
        <v>42</v>
      </c>
      <c r="AI24024">
        <v>43</v>
      </c>
      <c r="AJ24024">
        <v>43</v>
      </c>
      <c r="AK24024">
        <v>44</v>
      </c>
      <c r="AL24024">
        <v>44</v>
      </c>
      <c r="AM24024">
        <v>44</v>
      </c>
      <c r="AN24024">
        <v>45</v>
      </c>
      <c r="AO24024">
        <v>45</v>
      </c>
      <c r="AP24024">
        <v>46</v>
      </c>
      <c r="AQ24024">
        <v>46</v>
      </c>
    </row>
    <row r="24025" spans="1:43">
      <c r="A24025" t="s">
        <v>14877</v>
      </c>
      <c r="B24025" t="s">
        <v>14878</v>
      </c>
      <c r="C24025" t="s">
        <v>14873</v>
      </c>
      <c r="D24025" t="s">
        <v>14874</v>
      </c>
      <c r="E24025" t="s">
        <v>14797</v>
      </c>
      <c r="F24025" t="s">
        <v>14798</v>
      </c>
      <c r="G24025" t="s">
        <v>10734</v>
      </c>
      <c r="H24025" t="s">
        <v>10735</v>
      </c>
      <c r="I24025" s="2">
        <v>1</v>
      </c>
      <c r="J24025" s="2">
        <v>0</v>
      </c>
      <c r="K24025" s="2">
        <v>0</v>
      </c>
      <c r="L24025" t="s">
        <v>120</v>
      </c>
      <c r="M24025" t="s">
        <v>83</v>
      </c>
      <c r="N24025" t="s">
        <v>91</v>
      </c>
      <c r="O24025" t="s">
        <v>85</v>
      </c>
      <c r="P24025" t="s">
        <v>86</v>
      </c>
      <c r="Q24025">
        <v>29</v>
      </c>
      <c r="R24025">
        <v>30</v>
      </c>
      <c r="S24025">
        <v>30</v>
      </c>
      <c r="T24025">
        <v>31</v>
      </c>
      <c r="U24025">
        <v>32</v>
      </c>
      <c r="V24025">
        <v>32</v>
      </c>
      <c r="W24025">
        <v>33</v>
      </c>
      <c r="X24025">
        <v>34</v>
      </c>
      <c r="Y24025">
        <v>34</v>
      </c>
      <c r="Z24025">
        <v>35</v>
      </c>
      <c r="AA24025">
        <v>36</v>
      </c>
      <c r="AB24025">
        <v>36</v>
      </c>
      <c r="AC24025">
        <v>37</v>
      </c>
      <c r="AD24025">
        <v>38</v>
      </c>
      <c r="AE24025">
        <v>38</v>
      </c>
      <c r="AF24025">
        <v>39</v>
      </c>
      <c r="AG24025">
        <v>40</v>
      </c>
      <c r="AH24025">
        <v>41</v>
      </c>
      <c r="AI24025">
        <v>41</v>
      </c>
      <c r="AJ24025">
        <v>42</v>
      </c>
      <c r="AK24025">
        <v>43</v>
      </c>
      <c r="AL24025">
        <v>44</v>
      </c>
      <c r="AM24025">
        <v>44</v>
      </c>
      <c r="AN24025">
        <v>44</v>
      </c>
      <c r="AO24025">
        <v>45</v>
      </c>
      <c r="AP24025">
        <v>45</v>
      </c>
      <c r="AQ24025">
        <v>46</v>
      </c>
    </row>
    <row r="24026" spans="1:43">
      <c r="A24026" t="s">
        <v>14879</v>
      </c>
      <c r="B24026" t="s">
        <v>14880</v>
      </c>
      <c r="C24026" t="s">
        <v>14833</v>
      </c>
      <c r="D24026" t="s">
        <v>14834</v>
      </c>
      <c r="E24026" t="s">
        <v>14797</v>
      </c>
      <c r="F24026" t="s">
        <v>14798</v>
      </c>
      <c r="G24026" t="s">
        <v>10734</v>
      </c>
      <c r="H24026" t="s">
        <v>10735</v>
      </c>
      <c r="I24026" s="2">
        <v>1</v>
      </c>
      <c r="J24026" s="2">
        <v>0</v>
      </c>
      <c r="K24026" s="2">
        <v>0</v>
      </c>
      <c r="L24026" t="s">
        <v>120</v>
      </c>
      <c r="M24026" t="s">
        <v>83</v>
      </c>
      <c r="N24026" t="s">
        <v>84</v>
      </c>
      <c r="O24026" t="s">
        <v>85</v>
      </c>
      <c r="P24026" t="s">
        <v>86</v>
      </c>
      <c r="Q24026">
        <v>49</v>
      </c>
      <c r="R24026">
        <v>51</v>
      </c>
      <c r="S24026">
        <v>52</v>
      </c>
      <c r="T24026">
        <v>53</v>
      </c>
      <c r="U24026">
        <v>54</v>
      </c>
      <c r="V24026">
        <v>55</v>
      </c>
      <c r="W24026">
        <v>56</v>
      </c>
      <c r="X24026">
        <v>57</v>
      </c>
      <c r="Y24026">
        <v>58</v>
      </c>
      <c r="Z24026">
        <v>60</v>
      </c>
      <c r="AA24026">
        <v>61</v>
      </c>
      <c r="AB24026">
        <v>62</v>
      </c>
      <c r="AC24026">
        <v>63</v>
      </c>
      <c r="AD24026">
        <v>64</v>
      </c>
      <c r="AE24026">
        <v>66</v>
      </c>
      <c r="AF24026">
        <v>67</v>
      </c>
      <c r="AG24026">
        <v>68</v>
      </c>
      <c r="AH24026">
        <v>70</v>
      </c>
      <c r="AI24026">
        <v>71</v>
      </c>
      <c r="AJ24026">
        <v>72</v>
      </c>
      <c r="AK24026">
        <v>73</v>
      </c>
      <c r="AL24026">
        <v>74</v>
      </c>
      <c r="AM24026">
        <v>75</v>
      </c>
      <c r="AN24026">
        <v>76</v>
      </c>
      <c r="AO24026">
        <v>77</v>
      </c>
      <c r="AP24026">
        <v>77</v>
      </c>
      <c r="AQ24026">
        <v>78</v>
      </c>
    </row>
    <row r="24027" spans="1:43">
      <c r="A24027" t="s">
        <v>14879</v>
      </c>
      <c r="B24027" t="s">
        <v>14880</v>
      </c>
      <c r="C24027" t="s">
        <v>14833</v>
      </c>
      <c r="D24027" t="s">
        <v>14834</v>
      </c>
      <c r="E24027" t="s">
        <v>14797</v>
      </c>
      <c r="F24027" t="s">
        <v>14798</v>
      </c>
      <c r="G24027" t="s">
        <v>10734</v>
      </c>
      <c r="H24027" t="s">
        <v>10735</v>
      </c>
      <c r="I24027" s="2">
        <v>1</v>
      </c>
      <c r="J24027" s="2">
        <v>0</v>
      </c>
      <c r="K24027" s="2">
        <v>0</v>
      </c>
      <c r="L24027" t="s">
        <v>120</v>
      </c>
      <c r="M24027" t="s">
        <v>87</v>
      </c>
      <c r="N24027" t="s">
        <v>88</v>
      </c>
      <c r="O24027" t="s">
        <v>85</v>
      </c>
      <c r="P24027" t="s">
        <v>86</v>
      </c>
      <c r="Q24027">
        <v>49</v>
      </c>
      <c r="R24027">
        <v>50</v>
      </c>
      <c r="S24027">
        <v>50</v>
      </c>
      <c r="T24027">
        <v>51</v>
      </c>
      <c r="U24027">
        <v>51</v>
      </c>
      <c r="V24027">
        <v>52</v>
      </c>
      <c r="W24027">
        <v>53</v>
      </c>
      <c r="X24027">
        <v>53</v>
      </c>
      <c r="Y24027">
        <v>54</v>
      </c>
      <c r="Z24027">
        <v>55</v>
      </c>
      <c r="AA24027">
        <v>55</v>
      </c>
      <c r="AB24027">
        <v>56</v>
      </c>
      <c r="AC24027">
        <v>57</v>
      </c>
      <c r="AD24027">
        <v>57</v>
      </c>
      <c r="AE24027">
        <v>58</v>
      </c>
      <c r="AF24027">
        <v>59</v>
      </c>
      <c r="AG24027">
        <v>60</v>
      </c>
      <c r="AH24027">
        <v>60</v>
      </c>
      <c r="AI24027">
        <v>61</v>
      </c>
      <c r="AJ24027">
        <v>62</v>
      </c>
      <c r="AK24027">
        <v>63</v>
      </c>
      <c r="AL24027">
        <v>63</v>
      </c>
      <c r="AM24027">
        <v>64</v>
      </c>
      <c r="AN24027">
        <v>65</v>
      </c>
      <c r="AO24027">
        <v>66</v>
      </c>
      <c r="AP24027">
        <v>66</v>
      </c>
      <c r="AQ24027">
        <v>67</v>
      </c>
    </row>
    <row r="24028" spans="1:43">
      <c r="A24028" t="s">
        <v>14879</v>
      </c>
      <c r="B24028" t="s">
        <v>14880</v>
      </c>
      <c r="C24028" t="s">
        <v>14833</v>
      </c>
      <c r="D24028" t="s">
        <v>14834</v>
      </c>
      <c r="E24028" t="s">
        <v>14797</v>
      </c>
      <c r="F24028" t="s">
        <v>14798</v>
      </c>
      <c r="G24028" t="s">
        <v>10734</v>
      </c>
      <c r="H24028" t="s">
        <v>10735</v>
      </c>
      <c r="I24028" s="2">
        <v>1</v>
      </c>
      <c r="J24028" s="2">
        <v>0</v>
      </c>
      <c r="K24028" s="2">
        <v>0</v>
      </c>
      <c r="L24028" t="s">
        <v>120</v>
      </c>
      <c r="M24028" t="s">
        <v>89</v>
      </c>
      <c r="N24028" t="s">
        <v>90</v>
      </c>
      <c r="O24028" t="s">
        <v>85</v>
      </c>
      <c r="P24028" t="s">
        <v>86</v>
      </c>
      <c r="Q24028">
        <v>49</v>
      </c>
      <c r="R24028">
        <v>50</v>
      </c>
      <c r="S24028">
        <v>52</v>
      </c>
      <c r="T24028">
        <v>53</v>
      </c>
      <c r="U24028">
        <v>55</v>
      </c>
      <c r="V24028">
        <v>56</v>
      </c>
      <c r="W24028">
        <v>58</v>
      </c>
      <c r="X24028">
        <v>59</v>
      </c>
      <c r="Y24028">
        <v>61</v>
      </c>
      <c r="Z24028">
        <v>62</v>
      </c>
      <c r="AA24028">
        <v>64</v>
      </c>
      <c r="AB24028">
        <v>65</v>
      </c>
      <c r="AC24028">
        <v>67</v>
      </c>
      <c r="AD24028">
        <v>68</v>
      </c>
      <c r="AE24028">
        <v>70</v>
      </c>
      <c r="AF24028">
        <v>70</v>
      </c>
      <c r="AG24028">
        <v>71</v>
      </c>
      <c r="AH24028">
        <v>72</v>
      </c>
      <c r="AI24028">
        <v>72</v>
      </c>
      <c r="AJ24028">
        <v>73</v>
      </c>
      <c r="AK24028">
        <v>74</v>
      </c>
      <c r="AL24028">
        <v>75</v>
      </c>
      <c r="AM24028">
        <v>75</v>
      </c>
      <c r="AN24028">
        <v>76</v>
      </c>
      <c r="AO24028">
        <v>77</v>
      </c>
      <c r="AP24028">
        <v>78</v>
      </c>
      <c r="AQ24028">
        <v>78</v>
      </c>
    </row>
    <row r="24029" spans="1:43">
      <c r="A24029" t="s">
        <v>14879</v>
      </c>
      <c r="B24029" t="s">
        <v>14880</v>
      </c>
      <c r="C24029" t="s">
        <v>14833</v>
      </c>
      <c r="D24029" t="s">
        <v>14834</v>
      </c>
      <c r="E24029" t="s">
        <v>14797</v>
      </c>
      <c r="F24029" t="s">
        <v>14798</v>
      </c>
      <c r="G24029" t="s">
        <v>10734</v>
      </c>
      <c r="H24029" t="s">
        <v>10735</v>
      </c>
      <c r="I24029" s="2">
        <v>1</v>
      </c>
      <c r="J24029" s="2">
        <v>0</v>
      </c>
      <c r="K24029" s="2">
        <v>0</v>
      </c>
      <c r="L24029" t="s">
        <v>120</v>
      </c>
      <c r="M24029" t="s">
        <v>83</v>
      </c>
      <c r="N24029" t="s">
        <v>91</v>
      </c>
      <c r="O24029" t="s">
        <v>85</v>
      </c>
      <c r="P24029" t="s">
        <v>86</v>
      </c>
      <c r="Q24029">
        <v>49</v>
      </c>
      <c r="R24029">
        <v>51</v>
      </c>
      <c r="S24029">
        <v>52</v>
      </c>
      <c r="T24029">
        <v>53</v>
      </c>
      <c r="U24029">
        <v>54</v>
      </c>
      <c r="V24029">
        <v>55</v>
      </c>
      <c r="W24029">
        <v>56</v>
      </c>
      <c r="X24029">
        <v>57</v>
      </c>
      <c r="Y24029">
        <v>58</v>
      </c>
      <c r="Z24029">
        <v>60</v>
      </c>
      <c r="AA24029">
        <v>61</v>
      </c>
      <c r="AB24029">
        <v>62</v>
      </c>
      <c r="AC24029">
        <v>63</v>
      </c>
      <c r="AD24029">
        <v>64</v>
      </c>
      <c r="AE24029">
        <v>66</v>
      </c>
      <c r="AF24029">
        <v>67</v>
      </c>
      <c r="AG24029">
        <v>68</v>
      </c>
      <c r="AH24029">
        <v>70</v>
      </c>
      <c r="AI24029">
        <v>71</v>
      </c>
      <c r="AJ24029">
        <v>72</v>
      </c>
      <c r="AK24029">
        <v>73</v>
      </c>
      <c r="AL24029">
        <v>74</v>
      </c>
      <c r="AM24029">
        <v>75</v>
      </c>
      <c r="AN24029">
        <v>76</v>
      </c>
      <c r="AO24029">
        <v>77</v>
      </c>
      <c r="AP24029">
        <v>77</v>
      </c>
      <c r="AQ24029">
        <v>78</v>
      </c>
    </row>
    <row r="24030" spans="1:43">
      <c r="A24030" t="s">
        <v>14881</v>
      </c>
      <c r="B24030" t="s">
        <v>14882</v>
      </c>
      <c r="C24030" t="s">
        <v>14805</v>
      </c>
      <c r="D24030" t="s">
        <v>14806</v>
      </c>
      <c r="E24030" t="s">
        <v>14797</v>
      </c>
      <c r="F24030" t="s">
        <v>14798</v>
      </c>
      <c r="G24030" t="s">
        <v>10734</v>
      </c>
      <c r="H24030" t="s">
        <v>10735</v>
      </c>
      <c r="I24030" s="2">
        <v>1</v>
      </c>
      <c r="J24030" s="2">
        <v>0</v>
      </c>
      <c r="K24030" s="2">
        <v>0</v>
      </c>
      <c r="L24030" t="s">
        <v>120</v>
      </c>
      <c r="M24030" t="s">
        <v>83</v>
      </c>
      <c r="N24030" t="s">
        <v>84</v>
      </c>
      <c r="O24030" t="s">
        <v>85</v>
      </c>
      <c r="P24030" t="s">
        <v>86</v>
      </c>
      <c r="Q24030">
        <v>25</v>
      </c>
      <c r="R24030">
        <v>25</v>
      </c>
      <c r="S24030">
        <v>26</v>
      </c>
      <c r="T24030">
        <v>26</v>
      </c>
      <c r="U24030">
        <v>27</v>
      </c>
      <c r="V24030">
        <v>28</v>
      </c>
      <c r="W24030">
        <v>28</v>
      </c>
      <c r="X24030">
        <v>29</v>
      </c>
      <c r="Y24030">
        <v>29</v>
      </c>
      <c r="Z24030">
        <v>30</v>
      </c>
      <c r="AA24030">
        <v>30</v>
      </c>
      <c r="AB24030">
        <v>31</v>
      </c>
      <c r="AC24030">
        <v>32</v>
      </c>
      <c r="AD24030">
        <v>32</v>
      </c>
      <c r="AE24030">
        <v>33</v>
      </c>
      <c r="AF24030">
        <v>33</v>
      </c>
      <c r="AG24030">
        <v>34</v>
      </c>
      <c r="AH24030">
        <v>35</v>
      </c>
      <c r="AI24030">
        <v>35</v>
      </c>
      <c r="AJ24030">
        <v>36</v>
      </c>
      <c r="AK24030">
        <v>37</v>
      </c>
      <c r="AL24030">
        <v>37</v>
      </c>
      <c r="AM24030">
        <v>37</v>
      </c>
      <c r="AN24030">
        <v>38</v>
      </c>
      <c r="AO24030">
        <v>38</v>
      </c>
      <c r="AP24030">
        <v>38</v>
      </c>
      <c r="AQ24030">
        <v>39</v>
      </c>
    </row>
    <row r="24031" spans="1:43">
      <c r="A24031" t="s">
        <v>14881</v>
      </c>
      <c r="B24031" t="s">
        <v>14882</v>
      </c>
      <c r="C24031" t="s">
        <v>14805</v>
      </c>
      <c r="D24031" t="s">
        <v>14806</v>
      </c>
      <c r="E24031" t="s">
        <v>14797</v>
      </c>
      <c r="F24031" t="s">
        <v>14798</v>
      </c>
      <c r="G24031" t="s">
        <v>10734</v>
      </c>
      <c r="H24031" t="s">
        <v>10735</v>
      </c>
      <c r="I24031" s="2">
        <v>1</v>
      </c>
      <c r="J24031" s="2">
        <v>0</v>
      </c>
      <c r="K24031" s="2">
        <v>0</v>
      </c>
      <c r="L24031" t="s">
        <v>120</v>
      </c>
      <c r="M24031" t="s">
        <v>87</v>
      </c>
      <c r="N24031" t="s">
        <v>88</v>
      </c>
      <c r="O24031" t="s">
        <v>85</v>
      </c>
      <c r="P24031" t="s">
        <v>86</v>
      </c>
      <c r="Q24031">
        <v>25</v>
      </c>
      <c r="R24031">
        <v>25</v>
      </c>
      <c r="S24031">
        <v>25</v>
      </c>
      <c r="T24031">
        <v>25</v>
      </c>
      <c r="U24031">
        <v>26</v>
      </c>
      <c r="V24031">
        <v>26</v>
      </c>
      <c r="W24031">
        <v>26</v>
      </c>
      <c r="X24031">
        <v>27</v>
      </c>
      <c r="Y24031">
        <v>27</v>
      </c>
      <c r="Z24031">
        <v>27</v>
      </c>
      <c r="AA24031">
        <v>28</v>
      </c>
      <c r="AB24031">
        <v>28</v>
      </c>
      <c r="AC24031">
        <v>28</v>
      </c>
      <c r="AD24031">
        <v>29</v>
      </c>
      <c r="AE24031">
        <v>29</v>
      </c>
      <c r="AF24031">
        <v>29</v>
      </c>
      <c r="AG24031">
        <v>30</v>
      </c>
      <c r="AH24031">
        <v>30</v>
      </c>
      <c r="AI24031">
        <v>31</v>
      </c>
      <c r="AJ24031">
        <v>31</v>
      </c>
      <c r="AK24031">
        <v>31</v>
      </c>
      <c r="AL24031">
        <v>32</v>
      </c>
      <c r="AM24031">
        <v>32</v>
      </c>
      <c r="AN24031">
        <v>33</v>
      </c>
      <c r="AO24031">
        <v>33</v>
      </c>
      <c r="AP24031">
        <v>33</v>
      </c>
      <c r="AQ24031">
        <v>34</v>
      </c>
    </row>
    <row r="24032" spans="1:43">
      <c r="A24032" t="s">
        <v>14881</v>
      </c>
      <c r="B24032" t="s">
        <v>14882</v>
      </c>
      <c r="C24032" t="s">
        <v>14805</v>
      </c>
      <c r="D24032" t="s">
        <v>14806</v>
      </c>
      <c r="E24032" t="s">
        <v>14797</v>
      </c>
      <c r="F24032" t="s">
        <v>14798</v>
      </c>
      <c r="G24032" t="s">
        <v>10734</v>
      </c>
      <c r="H24032" t="s">
        <v>10735</v>
      </c>
      <c r="I24032" s="2">
        <v>1</v>
      </c>
      <c r="J24032" s="2">
        <v>0</v>
      </c>
      <c r="K24032" s="2">
        <v>0</v>
      </c>
      <c r="L24032" t="s">
        <v>120</v>
      </c>
      <c r="M24032" t="s">
        <v>89</v>
      </c>
      <c r="N24032" t="s">
        <v>90</v>
      </c>
      <c r="O24032" t="s">
        <v>85</v>
      </c>
      <c r="P24032" t="s">
        <v>86</v>
      </c>
      <c r="Q24032">
        <v>25</v>
      </c>
      <c r="R24032">
        <v>26</v>
      </c>
      <c r="S24032">
        <v>27</v>
      </c>
      <c r="T24032">
        <v>27</v>
      </c>
      <c r="U24032">
        <v>28</v>
      </c>
      <c r="V24032">
        <v>29</v>
      </c>
      <c r="W24032">
        <v>30</v>
      </c>
      <c r="X24032">
        <v>30</v>
      </c>
      <c r="Y24032">
        <v>31</v>
      </c>
      <c r="Z24032">
        <v>32</v>
      </c>
      <c r="AA24032">
        <v>32</v>
      </c>
      <c r="AB24032">
        <v>33</v>
      </c>
      <c r="AC24032">
        <v>34</v>
      </c>
      <c r="AD24032">
        <v>35</v>
      </c>
      <c r="AE24032">
        <v>35</v>
      </c>
      <c r="AF24032">
        <v>35</v>
      </c>
      <c r="AG24032">
        <v>36</v>
      </c>
      <c r="AH24032">
        <v>36</v>
      </c>
      <c r="AI24032">
        <v>36</v>
      </c>
      <c r="AJ24032">
        <v>37</v>
      </c>
      <c r="AK24032">
        <v>37</v>
      </c>
      <c r="AL24032">
        <v>37</v>
      </c>
      <c r="AM24032">
        <v>38</v>
      </c>
      <c r="AN24032">
        <v>38</v>
      </c>
      <c r="AO24032">
        <v>38</v>
      </c>
      <c r="AP24032">
        <v>39</v>
      </c>
      <c r="AQ24032">
        <v>39</v>
      </c>
    </row>
    <row r="24033" spans="1:43">
      <c r="A24033" t="s">
        <v>14881</v>
      </c>
      <c r="B24033" t="s">
        <v>14882</v>
      </c>
      <c r="C24033" t="s">
        <v>14805</v>
      </c>
      <c r="D24033" t="s">
        <v>14806</v>
      </c>
      <c r="E24033" t="s">
        <v>14797</v>
      </c>
      <c r="F24033" t="s">
        <v>14798</v>
      </c>
      <c r="G24033" t="s">
        <v>10734</v>
      </c>
      <c r="H24033" t="s">
        <v>10735</v>
      </c>
      <c r="I24033" s="2">
        <v>1</v>
      </c>
      <c r="J24033" s="2">
        <v>0</v>
      </c>
      <c r="K24033" s="2">
        <v>0</v>
      </c>
      <c r="L24033" t="s">
        <v>120</v>
      </c>
      <c r="M24033" t="s">
        <v>83</v>
      </c>
      <c r="N24033" t="s">
        <v>91</v>
      </c>
      <c r="O24033" t="s">
        <v>85</v>
      </c>
      <c r="P24033" t="s">
        <v>86</v>
      </c>
      <c r="Q24033">
        <v>25</v>
      </c>
      <c r="R24033">
        <v>25</v>
      </c>
      <c r="S24033">
        <v>26</v>
      </c>
      <c r="T24033">
        <v>26</v>
      </c>
      <c r="U24033">
        <v>27</v>
      </c>
      <c r="V24033">
        <v>28</v>
      </c>
      <c r="W24033">
        <v>28</v>
      </c>
      <c r="X24033">
        <v>29</v>
      </c>
      <c r="Y24033">
        <v>29</v>
      </c>
      <c r="Z24033">
        <v>30</v>
      </c>
      <c r="AA24033">
        <v>30</v>
      </c>
      <c r="AB24033">
        <v>31</v>
      </c>
      <c r="AC24033">
        <v>32</v>
      </c>
      <c r="AD24033">
        <v>32</v>
      </c>
      <c r="AE24033">
        <v>33</v>
      </c>
      <c r="AF24033">
        <v>33</v>
      </c>
      <c r="AG24033">
        <v>34</v>
      </c>
      <c r="AH24033">
        <v>35</v>
      </c>
      <c r="AI24033">
        <v>35</v>
      </c>
      <c r="AJ24033">
        <v>36</v>
      </c>
      <c r="AK24033">
        <v>37</v>
      </c>
      <c r="AL24033">
        <v>37</v>
      </c>
      <c r="AM24033">
        <v>37</v>
      </c>
      <c r="AN24033">
        <v>38</v>
      </c>
      <c r="AO24033">
        <v>38</v>
      </c>
      <c r="AP24033">
        <v>38</v>
      </c>
      <c r="AQ24033">
        <v>39</v>
      </c>
    </row>
    <row r="24034" spans="1:43">
      <c r="A24034" t="s">
        <v>14883</v>
      </c>
      <c r="B24034" t="s">
        <v>14884</v>
      </c>
      <c r="C24034" t="s">
        <v>14885</v>
      </c>
      <c r="D24034" t="s">
        <v>14886</v>
      </c>
      <c r="E24034" t="s">
        <v>14797</v>
      </c>
      <c r="F24034" t="s">
        <v>14798</v>
      </c>
      <c r="G24034" t="s">
        <v>10734</v>
      </c>
      <c r="H24034" t="s">
        <v>10735</v>
      </c>
      <c r="I24034" s="2">
        <v>1</v>
      </c>
      <c r="J24034" s="2">
        <v>0</v>
      </c>
      <c r="K24034" s="2">
        <v>0</v>
      </c>
      <c r="L24034" t="s">
        <v>120</v>
      </c>
      <c r="M24034" t="s">
        <v>83</v>
      </c>
      <c r="N24034" t="s">
        <v>84</v>
      </c>
      <c r="O24034" t="s">
        <v>85</v>
      </c>
      <c r="P24034" t="s">
        <v>86</v>
      </c>
      <c r="Q24034">
        <v>27</v>
      </c>
      <c r="R24034">
        <v>28</v>
      </c>
      <c r="S24034">
        <v>28</v>
      </c>
      <c r="T24034">
        <v>29</v>
      </c>
      <c r="U24034">
        <v>30</v>
      </c>
      <c r="V24034">
        <v>30</v>
      </c>
      <c r="W24034">
        <v>31</v>
      </c>
      <c r="X24034">
        <v>32</v>
      </c>
      <c r="Y24034">
        <v>32</v>
      </c>
      <c r="Z24034">
        <v>33</v>
      </c>
      <c r="AA24034">
        <v>33</v>
      </c>
      <c r="AB24034">
        <v>34</v>
      </c>
      <c r="AC24034">
        <v>35</v>
      </c>
      <c r="AD24034">
        <v>35</v>
      </c>
      <c r="AE24034">
        <v>36</v>
      </c>
      <c r="AF24034">
        <v>37</v>
      </c>
      <c r="AG24034">
        <v>37</v>
      </c>
      <c r="AH24034">
        <v>38</v>
      </c>
      <c r="AI24034">
        <v>39</v>
      </c>
      <c r="AJ24034">
        <v>40</v>
      </c>
      <c r="AK24034">
        <v>40</v>
      </c>
      <c r="AL24034">
        <v>41</v>
      </c>
      <c r="AM24034">
        <v>41</v>
      </c>
      <c r="AN24034">
        <v>42</v>
      </c>
      <c r="AO24034">
        <v>42</v>
      </c>
      <c r="AP24034">
        <v>42</v>
      </c>
      <c r="AQ24034">
        <v>43</v>
      </c>
    </row>
    <row r="24035" spans="1:43">
      <c r="A24035" t="s">
        <v>14883</v>
      </c>
      <c r="B24035" t="s">
        <v>14884</v>
      </c>
      <c r="C24035" t="s">
        <v>14885</v>
      </c>
      <c r="D24035" t="s">
        <v>14886</v>
      </c>
      <c r="E24035" t="s">
        <v>14797</v>
      </c>
      <c r="F24035" t="s">
        <v>14798</v>
      </c>
      <c r="G24035" t="s">
        <v>10734</v>
      </c>
      <c r="H24035" t="s">
        <v>10735</v>
      </c>
      <c r="I24035" s="2">
        <v>1</v>
      </c>
      <c r="J24035" s="2">
        <v>0</v>
      </c>
      <c r="K24035" s="2">
        <v>0</v>
      </c>
      <c r="L24035" t="s">
        <v>120</v>
      </c>
      <c r="M24035" t="s">
        <v>87</v>
      </c>
      <c r="N24035" t="s">
        <v>88</v>
      </c>
      <c r="O24035" t="s">
        <v>85</v>
      </c>
      <c r="P24035" t="s">
        <v>86</v>
      </c>
      <c r="Q24035">
        <v>27</v>
      </c>
      <c r="R24035">
        <v>27</v>
      </c>
      <c r="S24035">
        <v>28</v>
      </c>
      <c r="T24035">
        <v>28</v>
      </c>
      <c r="U24035">
        <v>28</v>
      </c>
      <c r="V24035">
        <v>29</v>
      </c>
      <c r="W24035">
        <v>29</v>
      </c>
      <c r="X24035">
        <v>29</v>
      </c>
      <c r="Y24035">
        <v>30</v>
      </c>
      <c r="Z24035">
        <v>30</v>
      </c>
      <c r="AA24035">
        <v>31</v>
      </c>
      <c r="AB24035">
        <v>31</v>
      </c>
      <c r="AC24035">
        <v>31</v>
      </c>
      <c r="AD24035">
        <v>32</v>
      </c>
      <c r="AE24035">
        <v>32</v>
      </c>
      <c r="AF24035">
        <v>32</v>
      </c>
      <c r="AG24035">
        <v>33</v>
      </c>
      <c r="AH24035">
        <v>33</v>
      </c>
      <c r="AI24035">
        <v>34</v>
      </c>
      <c r="AJ24035">
        <v>34</v>
      </c>
      <c r="AK24035">
        <v>34</v>
      </c>
      <c r="AL24035">
        <v>35</v>
      </c>
      <c r="AM24035">
        <v>35</v>
      </c>
      <c r="AN24035">
        <v>36</v>
      </c>
      <c r="AO24035">
        <v>36</v>
      </c>
      <c r="AP24035">
        <v>37</v>
      </c>
      <c r="AQ24035">
        <v>37</v>
      </c>
    </row>
    <row r="24036" spans="1:43">
      <c r="A24036" t="s">
        <v>14883</v>
      </c>
      <c r="B24036" t="s">
        <v>14884</v>
      </c>
      <c r="C24036" t="s">
        <v>14885</v>
      </c>
      <c r="D24036" t="s">
        <v>14886</v>
      </c>
      <c r="E24036" t="s">
        <v>14797</v>
      </c>
      <c r="F24036" t="s">
        <v>14798</v>
      </c>
      <c r="G24036" t="s">
        <v>10734</v>
      </c>
      <c r="H24036" t="s">
        <v>10735</v>
      </c>
      <c r="I24036" s="2">
        <v>1</v>
      </c>
      <c r="J24036" s="2">
        <v>0</v>
      </c>
      <c r="K24036" s="2">
        <v>0</v>
      </c>
      <c r="L24036" t="s">
        <v>120</v>
      </c>
      <c r="M24036" t="s">
        <v>89</v>
      </c>
      <c r="N24036" t="s">
        <v>90</v>
      </c>
      <c r="O24036" t="s">
        <v>85</v>
      </c>
      <c r="P24036" t="s">
        <v>86</v>
      </c>
      <c r="Q24036">
        <v>27</v>
      </c>
      <c r="R24036">
        <v>27</v>
      </c>
      <c r="S24036">
        <v>28</v>
      </c>
      <c r="T24036">
        <v>29</v>
      </c>
      <c r="U24036">
        <v>30</v>
      </c>
      <c r="V24036">
        <v>31</v>
      </c>
      <c r="W24036">
        <v>31</v>
      </c>
      <c r="X24036">
        <v>32</v>
      </c>
      <c r="Y24036">
        <v>33</v>
      </c>
      <c r="Z24036">
        <v>34</v>
      </c>
      <c r="AA24036">
        <v>35</v>
      </c>
      <c r="AB24036">
        <v>35</v>
      </c>
      <c r="AC24036">
        <v>36</v>
      </c>
      <c r="AD24036">
        <v>37</v>
      </c>
      <c r="AE24036">
        <v>38</v>
      </c>
      <c r="AF24036">
        <v>38</v>
      </c>
      <c r="AG24036">
        <v>38</v>
      </c>
      <c r="AH24036">
        <v>39</v>
      </c>
      <c r="AI24036">
        <v>39</v>
      </c>
      <c r="AJ24036">
        <v>39</v>
      </c>
      <c r="AK24036">
        <v>40</v>
      </c>
      <c r="AL24036">
        <v>40</v>
      </c>
      <c r="AM24036">
        <v>41</v>
      </c>
      <c r="AN24036">
        <v>41</v>
      </c>
      <c r="AO24036">
        <v>41</v>
      </c>
      <c r="AP24036">
        <v>42</v>
      </c>
      <c r="AQ24036">
        <v>42</v>
      </c>
    </row>
    <row r="24037" spans="1:43">
      <c r="A24037" t="s">
        <v>14883</v>
      </c>
      <c r="B24037" t="s">
        <v>14884</v>
      </c>
      <c r="C24037" t="s">
        <v>14885</v>
      </c>
      <c r="D24037" t="s">
        <v>14886</v>
      </c>
      <c r="E24037" t="s">
        <v>14797</v>
      </c>
      <c r="F24037" t="s">
        <v>14798</v>
      </c>
      <c r="G24037" t="s">
        <v>10734</v>
      </c>
      <c r="H24037" t="s">
        <v>10735</v>
      </c>
      <c r="I24037" s="2">
        <v>1</v>
      </c>
      <c r="J24037" s="2">
        <v>0</v>
      </c>
      <c r="K24037" s="2">
        <v>0</v>
      </c>
      <c r="L24037" t="s">
        <v>120</v>
      </c>
      <c r="M24037" t="s">
        <v>83</v>
      </c>
      <c r="N24037" t="s">
        <v>91</v>
      </c>
      <c r="O24037" t="s">
        <v>85</v>
      </c>
      <c r="P24037" t="s">
        <v>86</v>
      </c>
      <c r="Q24037">
        <v>27</v>
      </c>
      <c r="R24037">
        <v>28</v>
      </c>
      <c r="S24037">
        <v>28</v>
      </c>
      <c r="T24037">
        <v>29</v>
      </c>
      <c r="U24037">
        <v>30</v>
      </c>
      <c r="V24037">
        <v>30</v>
      </c>
      <c r="W24037">
        <v>31</v>
      </c>
      <c r="X24037">
        <v>32</v>
      </c>
      <c r="Y24037">
        <v>32</v>
      </c>
      <c r="Z24037">
        <v>33</v>
      </c>
      <c r="AA24037">
        <v>33</v>
      </c>
      <c r="AB24037">
        <v>34</v>
      </c>
      <c r="AC24037">
        <v>35</v>
      </c>
      <c r="AD24037">
        <v>35</v>
      </c>
      <c r="AE24037">
        <v>36</v>
      </c>
      <c r="AF24037">
        <v>37</v>
      </c>
      <c r="AG24037">
        <v>37</v>
      </c>
      <c r="AH24037">
        <v>38</v>
      </c>
      <c r="AI24037">
        <v>39</v>
      </c>
      <c r="AJ24037">
        <v>40</v>
      </c>
      <c r="AK24037">
        <v>40</v>
      </c>
      <c r="AL24037">
        <v>41</v>
      </c>
      <c r="AM24037">
        <v>41</v>
      </c>
      <c r="AN24037">
        <v>42</v>
      </c>
      <c r="AO24037">
        <v>42</v>
      </c>
      <c r="AP24037">
        <v>42</v>
      </c>
      <c r="AQ24037">
        <v>43</v>
      </c>
    </row>
    <row r="24038" spans="1:43">
      <c r="A24038" t="s">
        <v>14887</v>
      </c>
      <c r="B24038" t="s">
        <v>14888</v>
      </c>
      <c r="C24038" t="s">
        <v>14843</v>
      </c>
      <c r="D24038" t="s">
        <v>14844</v>
      </c>
      <c r="E24038" t="s">
        <v>14797</v>
      </c>
      <c r="F24038" t="s">
        <v>14798</v>
      </c>
      <c r="G24038" t="s">
        <v>10734</v>
      </c>
      <c r="H24038" t="s">
        <v>10735</v>
      </c>
      <c r="I24038" s="2">
        <v>1</v>
      </c>
      <c r="J24038" s="2">
        <v>0</v>
      </c>
      <c r="K24038" s="2">
        <v>0</v>
      </c>
      <c r="L24038" t="s">
        <v>120</v>
      </c>
      <c r="M24038" t="s">
        <v>83</v>
      </c>
      <c r="N24038" t="s">
        <v>84</v>
      </c>
      <c r="O24038" t="s">
        <v>85</v>
      </c>
      <c r="P24038" t="s">
        <v>86</v>
      </c>
      <c r="Q24038">
        <v>33</v>
      </c>
      <c r="R24038">
        <v>33</v>
      </c>
      <c r="S24038">
        <v>34</v>
      </c>
      <c r="T24038">
        <v>35</v>
      </c>
      <c r="U24038">
        <v>36</v>
      </c>
      <c r="V24038">
        <v>36</v>
      </c>
      <c r="W24038">
        <v>37</v>
      </c>
      <c r="X24038">
        <v>38</v>
      </c>
      <c r="Y24038">
        <v>39</v>
      </c>
      <c r="Z24038">
        <v>39</v>
      </c>
      <c r="AA24038">
        <v>40</v>
      </c>
      <c r="AB24038">
        <v>41</v>
      </c>
      <c r="AC24038">
        <v>42</v>
      </c>
      <c r="AD24038">
        <v>42</v>
      </c>
      <c r="AE24038">
        <v>43</v>
      </c>
      <c r="AF24038">
        <v>44</v>
      </c>
      <c r="AG24038">
        <v>45</v>
      </c>
      <c r="AH24038">
        <v>46</v>
      </c>
      <c r="AI24038">
        <v>47</v>
      </c>
      <c r="AJ24038">
        <v>48</v>
      </c>
      <c r="AK24038">
        <v>48</v>
      </c>
      <c r="AL24038">
        <v>49</v>
      </c>
      <c r="AM24038">
        <v>49</v>
      </c>
      <c r="AN24038">
        <v>50</v>
      </c>
      <c r="AO24038">
        <v>50</v>
      </c>
      <c r="AP24038">
        <v>51</v>
      </c>
      <c r="AQ24038">
        <v>51</v>
      </c>
    </row>
    <row r="24039" spans="1:43">
      <c r="A24039" t="s">
        <v>14887</v>
      </c>
      <c r="B24039" t="s">
        <v>14888</v>
      </c>
      <c r="C24039" t="s">
        <v>14843</v>
      </c>
      <c r="D24039" t="s">
        <v>14844</v>
      </c>
      <c r="E24039" t="s">
        <v>14797</v>
      </c>
      <c r="F24039" t="s">
        <v>14798</v>
      </c>
      <c r="G24039" t="s">
        <v>10734</v>
      </c>
      <c r="H24039" t="s">
        <v>10735</v>
      </c>
      <c r="I24039" s="2">
        <v>1</v>
      </c>
      <c r="J24039" s="2">
        <v>0</v>
      </c>
      <c r="K24039" s="2">
        <v>0</v>
      </c>
      <c r="L24039" t="s">
        <v>120</v>
      </c>
      <c r="M24039" t="s">
        <v>87</v>
      </c>
      <c r="N24039" t="s">
        <v>88</v>
      </c>
      <c r="O24039" t="s">
        <v>85</v>
      </c>
      <c r="P24039" t="s">
        <v>86</v>
      </c>
      <c r="Q24039">
        <v>33</v>
      </c>
      <c r="R24039">
        <v>34</v>
      </c>
      <c r="S24039">
        <v>34</v>
      </c>
      <c r="T24039">
        <v>35</v>
      </c>
      <c r="U24039">
        <v>35</v>
      </c>
      <c r="V24039">
        <v>35</v>
      </c>
      <c r="W24039">
        <v>36</v>
      </c>
      <c r="X24039">
        <v>36</v>
      </c>
      <c r="Y24039">
        <v>37</v>
      </c>
      <c r="Z24039">
        <v>37</v>
      </c>
      <c r="AA24039">
        <v>38</v>
      </c>
      <c r="AB24039">
        <v>38</v>
      </c>
      <c r="AC24039">
        <v>38</v>
      </c>
      <c r="AD24039">
        <v>39</v>
      </c>
      <c r="AE24039">
        <v>39</v>
      </c>
      <c r="AF24039">
        <v>40</v>
      </c>
      <c r="AG24039">
        <v>40</v>
      </c>
      <c r="AH24039">
        <v>41</v>
      </c>
      <c r="AI24039">
        <v>41</v>
      </c>
      <c r="AJ24039">
        <v>42</v>
      </c>
      <c r="AK24039">
        <v>42</v>
      </c>
      <c r="AL24039">
        <v>43</v>
      </c>
      <c r="AM24039">
        <v>43</v>
      </c>
      <c r="AN24039">
        <v>44</v>
      </c>
      <c r="AO24039">
        <v>44</v>
      </c>
      <c r="AP24039">
        <v>45</v>
      </c>
      <c r="AQ24039">
        <v>45</v>
      </c>
    </row>
    <row r="24040" spans="1:43">
      <c r="A24040" t="s">
        <v>14887</v>
      </c>
      <c r="B24040" t="s">
        <v>14888</v>
      </c>
      <c r="C24040" t="s">
        <v>14843</v>
      </c>
      <c r="D24040" t="s">
        <v>14844</v>
      </c>
      <c r="E24040" t="s">
        <v>14797</v>
      </c>
      <c r="F24040" t="s">
        <v>14798</v>
      </c>
      <c r="G24040" t="s">
        <v>10734</v>
      </c>
      <c r="H24040" t="s">
        <v>10735</v>
      </c>
      <c r="I24040" s="2">
        <v>1</v>
      </c>
      <c r="J24040" s="2">
        <v>0</v>
      </c>
      <c r="K24040" s="2">
        <v>0</v>
      </c>
      <c r="L24040" t="s">
        <v>120</v>
      </c>
      <c r="M24040" t="s">
        <v>89</v>
      </c>
      <c r="N24040" t="s">
        <v>90</v>
      </c>
      <c r="O24040" t="s">
        <v>85</v>
      </c>
      <c r="P24040" t="s">
        <v>86</v>
      </c>
      <c r="Q24040">
        <v>33</v>
      </c>
      <c r="R24040">
        <v>34</v>
      </c>
      <c r="S24040">
        <v>35</v>
      </c>
      <c r="T24040">
        <v>36</v>
      </c>
      <c r="U24040">
        <v>37</v>
      </c>
      <c r="V24040">
        <v>38</v>
      </c>
      <c r="W24040">
        <v>39</v>
      </c>
      <c r="X24040">
        <v>40</v>
      </c>
      <c r="Y24040">
        <v>41</v>
      </c>
      <c r="Z24040">
        <v>42</v>
      </c>
      <c r="AA24040">
        <v>43</v>
      </c>
      <c r="AB24040">
        <v>44</v>
      </c>
      <c r="AC24040">
        <v>45</v>
      </c>
      <c r="AD24040">
        <v>46</v>
      </c>
      <c r="AE24040">
        <v>46</v>
      </c>
      <c r="AF24040">
        <v>47</v>
      </c>
      <c r="AG24040">
        <v>47</v>
      </c>
      <c r="AH24040">
        <v>48</v>
      </c>
      <c r="AI24040">
        <v>48</v>
      </c>
      <c r="AJ24040">
        <v>49</v>
      </c>
      <c r="AK24040">
        <v>49</v>
      </c>
      <c r="AL24040">
        <v>49</v>
      </c>
      <c r="AM24040">
        <v>50</v>
      </c>
      <c r="AN24040">
        <v>50</v>
      </c>
      <c r="AO24040">
        <v>51</v>
      </c>
      <c r="AP24040">
        <v>51</v>
      </c>
      <c r="AQ24040">
        <v>51</v>
      </c>
    </row>
    <row r="24041" spans="1:43">
      <c r="A24041" t="s">
        <v>14887</v>
      </c>
      <c r="B24041" t="s">
        <v>14888</v>
      </c>
      <c r="C24041" t="s">
        <v>14843</v>
      </c>
      <c r="D24041" t="s">
        <v>14844</v>
      </c>
      <c r="E24041" t="s">
        <v>14797</v>
      </c>
      <c r="F24041" t="s">
        <v>14798</v>
      </c>
      <c r="G24041" t="s">
        <v>10734</v>
      </c>
      <c r="H24041" t="s">
        <v>10735</v>
      </c>
      <c r="I24041" s="2">
        <v>1</v>
      </c>
      <c r="J24041" s="2">
        <v>0</v>
      </c>
      <c r="K24041" s="2">
        <v>0</v>
      </c>
      <c r="L24041" t="s">
        <v>120</v>
      </c>
      <c r="M24041" t="s">
        <v>83</v>
      </c>
      <c r="N24041" t="s">
        <v>91</v>
      </c>
      <c r="O24041" t="s">
        <v>85</v>
      </c>
      <c r="P24041" t="s">
        <v>86</v>
      </c>
      <c r="Q24041">
        <v>33</v>
      </c>
      <c r="R24041">
        <v>33</v>
      </c>
      <c r="S24041">
        <v>34</v>
      </c>
      <c r="T24041">
        <v>35</v>
      </c>
      <c r="U24041">
        <v>36</v>
      </c>
      <c r="V24041">
        <v>36</v>
      </c>
      <c r="W24041">
        <v>37</v>
      </c>
      <c r="X24041">
        <v>38</v>
      </c>
      <c r="Y24041">
        <v>39</v>
      </c>
      <c r="Z24041">
        <v>39</v>
      </c>
      <c r="AA24041">
        <v>40</v>
      </c>
      <c r="AB24041">
        <v>41</v>
      </c>
      <c r="AC24041">
        <v>42</v>
      </c>
      <c r="AD24041">
        <v>42</v>
      </c>
      <c r="AE24041">
        <v>43</v>
      </c>
      <c r="AF24041">
        <v>44</v>
      </c>
      <c r="AG24041">
        <v>45</v>
      </c>
      <c r="AH24041">
        <v>46</v>
      </c>
      <c r="AI24041">
        <v>47</v>
      </c>
      <c r="AJ24041">
        <v>48</v>
      </c>
      <c r="AK24041">
        <v>48</v>
      </c>
      <c r="AL24041">
        <v>49</v>
      </c>
      <c r="AM24041">
        <v>49</v>
      </c>
      <c r="AN24041">
        <v>50</v>
      </c>
      <c r="AO24041">
        <v>50</v>
      </c>
      <c r="AP24041">
        <v>51</v>
      </c>
      <c r="AQ24041">
        <v>51</v>
      </c>
    </row>
    <row r="24042" spans="1:43">
      <c r="A24042" t="s">
        <v>14889</v>
      </c>
      <c r="B24042" t="s">
        <v>14890</v>
      </c>
      <c r="C24042" t="s">
        <v>14795</v>
      </c>
      <c r="D24042" t="s">
        <v>14796</v>
      </c>
      <c r="E24042" t="s">
        <v>14797</v>
      </c>
      <c r="F24042" t="s">
        <v>14798</v>
      </c>
      <c r="G24042" t="s">
        <v>10734</v>
      </c>
      <c r="H24042" t="s">
        <v>10735</v>
      </c>
      <c r="I24042" s="2">
        <v>1</v>
      </c>
      <c r="J24042" s="2">
        <v>0</v>
      </c>
      <c r="K24042" s="2">
        <v>0</v>
      </c>
      <c r="L24042" t="s">
        <v>120</v>
      </c>
      <c r="M24042" t="s">
        <v>83</v>
      </c>
      <c r="N24042" t="s">
        <v>84</v>
      </c>
      <c r="O24042" t="s">
        <v>85</v>
      </c>
      <c r="P24042" t="s">
        <v>86</v>
      </c>
      <c r="Q24042">
        <v>8</v>
      </c>
      <c r="R24042">
        <v>9</v>
      </c>
      <c r="S24042">
        <v>9</v>
      </c>
      <c r="T24042">
        <v>9</v>
      </c>
      <c r="U24042">
        <v>9</v>
      </c>
      <c r="V24042">
        <v>9</v>
      </c>
      <c r="W24042">
        <v>10</v>
      </c>
      <c r="X24042">
        <v>10</v>
      </c>
      <c r="Y24042">
        <v>10</v>
      </c>
      <c r="Z24042">
        <v>10</v>
      </c>
      <c r="AA24042">
        <v>10</v>
      </c>
      <c r="AB24042">
        <v>11</v>
      </c>
      <c r="AC24042">
        <v>11</v>
      </c>
      <c r="AD24042">
        <v>11</v>
      </c>
      <c r="AE24042">
        <v>11</v>
      </c>
      <c r="AF24042">
        <v>11</v>
      </c>
      <c r="AG24042">
        <v>12</v>
      </c>
      <c r="AH24042">
        <v>12</v>
      </c>
      <c r="AI24042">
        <v>12</v>
      </c>
      <c r="AJ24042">
        <v>12</v>
      </c>
      <c r="AK24042">
        <v>13</v>
      </c>
      <c r="AL24042">
        <v>13</v>
      </c>
      <c r="AM24042">
        <v>13</v>
      </c>
      <c r="AN24042">
        <v>13</v>
      </c>
      <c r="AO24042">
        <v>13</v>
      </c>
      <c r="AP24042">
        <v>13</v>
      </c>
      <c r="AQ24042">
        <v>13</v>
      </c>
    </row>
    <row r="24043" spans="1:43">
      <c r="A24043" t="s">
        <v>14889</v>
      </c>
      <c r="B24043" t="s">
        <v>14890</v>
      </c>
      <c r="C24043" t="s">
        <v>14795</v>
      </c>
      <c r="D24043" t="s">
        <v>14796</v>
      </c>
      <c r="E24043" t="s">
        <v>14797</v>
      </c>
      <c r="F24043" t="s">
        <v>14798</v>
      </c>
      <c r="G24043" t="s">
        <v>10734</v>
      </c>
      <c r="H24043" t="s">
        <v>10735</v>
      </c>
      <c r="I24043" s="2">
        <v>1</v>
      </c>
      <c r="J24043" s="2">
        <v>0</v>
      </c>
      <c r="K24043" s="2">
        <v>0</v>
      </c>
      <c r="L24043" t="s">
        <v>120</v>
      </c>
      <c r="M24043" t="s">
        <v>87</v>
      </c>
      <c r="N24043" t="s">
        <v>88</v>
      </c>
      <c r="O24043" t="s">
        <v>85</v>
      </c>
      <c r="P24043" t="s">
        <v>86</v>
      </c>
      <c r="Q24043">
        <v>8</v>
      </c>
      <c r="R24043">
        <v>9</v>
      </c>
      <c r="S24043">
        <v>9</v>
      </c>
      <c r="T24043">
        <v>9</v>
      </c>
      <c r="U24043">
        <v>9</v>
      </c>
      <c r="V24043">
        <v>9</v>
      </c>
      <c r="W24043">
        <v>9</v>
      </c>
      <c r="X24043">
        <v>9</v>
      </c>
      <c r="Y24043">
        <v>9</v>
      </c>
      <c r="Z24043">
        <v>9</v>
      </c>
      <c r="AA24043">
        <v>10</v>
      </c>
      <c r="AB24043">
        <v>10</v>
      </c>
      <c r="AC24043">
        <v>10</v>
      </c>
      <c r="AD24043">
        <v>10</v>
      </c>
      <c r="AE24043">
        <v>10</v>
      </c>
      <c r="AF24043">
        <v>10</v>
      </c>
      <c r="AG24043">
        <v>10</v>
      </c>
      <c r="AH24043">
        <v>10</v>
      </c>
      <c r="AI24043">
        <v>10</v>
      </c>
      <c r="AJ24043">
        <v>11</v>
      </c>
      <c r="AK24043">
        <v>11</v>
      </c>
      <c r="AL24043">
        <v>11</v>
      </c>
      <c r="AM24043">
        <v>11</v>
      </c>
      <c r="AN24043">
        <v>11</v>
      </c>
      <c r="AO24043">
        <v>11</v>
      </c>
      <c r="AP24043">
        <v>11</v>
      </c>
      <c r="AQ24043">
        <v>12</v>
      </c>
    </row>
    <row r="24044" spans="1:43">
      <c r="A24044" t="s">
        <v>14889</v>
      </c>
      <c r="B24044" t="s">
        <v>14890</v>
      </c>
      <c r="C24044" t="s">
        <v>14795</v>
      </c>
      <c r="D24044" t="s">
        <v>14796</v>
      </c>
      <c r="E24044" t="s">
        <v>14797</v>
      </c>
      <c r="F24044" t="s">
        <v>14798</v>
      </c>
      <c r="G24044" t="s">
        <v>10734</v>
      </c>
      <c r="H24044" t="s">
        <v>10735</v>
      </c>
      <c r="I24044" s="2">
        <v>1</v>
      </c>
      <c r="J24044" s="2">
        <v>0</v>
      </c>
      <c r="K24044" s="2">
        <v>0</v>
      </c>
      <c r="L24044" t="s">
        <v>120</v>
      </c>
      <c r="M24044" t="s">
        <v>89</v>
      </c>
      <c r="N24044" t="s">
        <v>90</v>
      </c>
      <c r="O24044" t="s">
        <v>85</v>
      </c>
      <c r="P24044" t="s">
        <v>86</v>
      </c>
      <c r="Q24044">
        <v>8</v>
      </c>
      <c r="R24044">
        <v>8</v>
      </c>
      <c r="S24044">
        <v>8</v>
      </c>
      <c r="T24044">
        <v>8</v>
      </c>
      <c r="U24044">
        <v>9</v>
      </c>
      <c r="V24044">
        <v>9</v>
      </c>
      <c r="W24044">
        <v>9</v>
      </c>
      <c r="X24044">
        <v>9</v>
      </c>
      <c r="Y24044">
        <v>10</v>
      </c>
      <c r="Z24044">
        <v>10</v>
      </c>
      <c r="AA24044">
        <v>10</v>
      </c>
      <c r="AB24044">
        <v>10</v>
      </c>
      <c r="AC24044">
        <v>11</v>
      </c>
      <c r="AD24044">
        <v>11</v>
      </c>
      <c r="AE24044">
        <v>11</v>
      </c>
      <c r="AF24044">
        <v>11</v>
      </c>
      <c r="AG24044">
        <v>11</v>
      </c>
      <c r="AH24044">
        <v>11</v>
      </c>
      <c r="AI24044">
        <v>12</v>
      </c>
      <c r="AJ24044">
        <v>12</v>
      </c>
      <c r="AK24044">
        <v>12</v>
      </c>
      <c r="AL24044">
        <v>12</v>
      </c>
      <c r="AM24044">
        <v>12</v>
      </c>
      <c r="AN24044">
        <v>12</v>
      </c>
      <c r="AO24044">
        <v>12</v>
      </c>
      <c r="AP24044">
        <v>12</v>
      </c>
      <c r="AQ24044">
        <v>12</v>
      </c>
    </row>
    <row r="24045" spans="1:43">
      <c r="A24045" t="s">
        <v>14889</v>
      </c>
      <c r="B24045" t="s">
        <v>14890</v>
      </c>
      <c r="C24045" t="s">
        <v>14795</v>
      </c>
      <c r="D24045" t="s">
        <v>14796</v>
      </c>
      <c r="E24045" t="s">
        <v>14797</v>
      </c>
      <c r="F24045" t="s">
        <v>14798</v>
      </c>
      <c r="G24045" t="s">
        <v>10734</v>
      </c>
      <c r="H24045" t="s">
        <v>10735</v>
      </c>
      <c r="I24045" s="2">
        <v>1</v>
      </c>
      <c r="J24045" s="2">
        <v>0</v>
      </c>
      <c r="K24045" s="2">
        <v>0</v>
      </c>
      <c r="L24045" t="s">
        <v>120</v>
      </c>
      <c r="M24045" t="s">
        <v>83</v>
      </c>
      <c r="N24045" t="s">
        <v>91</v>
      </c>
      <c r="O24045" t="s">
        <v>85</v>
      </c>
      <c r="P24045" t="s">
        <v>86</v>
      </c>
      <c r="Q24045">
        <v>8</v>
      </c>
      <c r="R24045">
        <v>9</v>
      </c>
      <c r="S24045">
        <v>9</v>
      </c>
      <c r="T24045">
        <v>9</v>
      </c>
      <c r="U24045">
        <v>9</v>
      </c>
      <c r="V24045">
        <v>9</v>
      </c>
      <c r="W24045">
        <v>10</v>
      </c>
      <c r="X24045">
        <v>10</v>
      </c>
      <c r="Y24045">
        <v>10</v>
      </c>
      <c r="Z24045">
        <v>10</v>
      </c>
      <c r="AA24045">
        <v>10</v>
      </c>
      <c r="AB24045">
        <v>11</v>
      </c>
      <c r="AC24045">
        <v>11</v>
      </c>
      <c r="AD24045">
        <v>11</v>
      </c>
      <c r="AE24045">
        <v>11</v>
      </c>
      <c r="AF24045">
        <v>11</v>
      </c>
      <c r="AG24045">
        <v>12</v>
      </c>
      <c r="AH24045">
        <v>12</v>
      </c>
      <c r="AI24045">
        <v>12</v>
      </c>
      <c r="AJ24045">
        <v>12</v>
      </c>
      <c r="AK24045">
        <v>13</v>
      </c>
      <c r="AL24045">
        <v>13</v>
      </c>
      <c r="AM24045">
        <v>13</v>
      </c>
      <c r="AN24045">
        <v>13</v>
      </c>
      <c r="AO24045">
        <v>13</v>
      </c>
      <c r="AP24045">
        <v>13</v>
      </c>
      <c r="AQ24045">
        <v>13</v>
      </c>
    </row>
    <row r="24046" spans="1:43">
      <c r="A24046" t="s">
        <v>14891</v>
      </c>
      <c r="B24046" t="s">
        <v>14892</v>
      </c>
      <c r="C24046" t="s">
        <v>14795</v>
      </c>
      <c r="D24046" t="s">
        <v>14796</v>
      </c>
      <c r="E24046" t="s">
        <v>14797</v>
      </c>
      <c r="F24046" t="s">
        <v>14798</v>
      </c>
      <c r="G24046" t="s">
        <v>10734</v>
      </c>
      <c r="H24046" t="s">
        <v>10735</v>
      </c>
      <c r="I24046" s="2">
        <v>1</v>
      </c>
      <c r="J24046" s="2">
        <v>0</v>
      </c>
      <c r="K24046" s="2">
        <v>0</v>
      </c>
      <c r="L24046" t="s">
        <v>120</v>
      </c>
      <c r="M24046" t="s">
        <v>83</v>
      </c>
      <c r="N24046" t="s">
        <v>84</v>
      </c>
      <c r="O24046" t="s">
        <v>85</v>
      </c>
      <c r="P24046" t="s">
        <v>86</v>
      </c>
      <c r="Q24046">
        <v>5</v>
      </c>
      <c r="R24046">
        <v>5</v>
      </c>
      <c r="S24046">
        <v>5</v>
      </c>
      <c r="T24046">
        <v>5</v>
      </c>
      <c r="U24046">
        <v>5</v>
      </c>
      <c r="V24046">
        <v>5</v>
      </c>
      <c r="W24046">
        <v>5</v>
      </c>
      <c r="X24046">
        <v>5</v>
      </c>
      <c r="Y24046">
        <v>5</v>
      </c>
      <c r="Z24046">
        <v>6</v>
      </c>
      <c r="AA24046">
        <v>6</v>
      </c>
      <c r="AB24046">
        <v>6</v>
      </c>
      <c r="AC24046">
        <v>6</v>
      </c>
      <c r="AD24046">
        <v>6</v>
      </c>
      <c r="AE24046">
        <v>6</v>
      </c>
      <c r="AF24046">
        <v>6</v>
      </c>
      <c r="AG24046">
        <v>6</v>
      </c>
      <c r="AH24046">
        <v>7</v>
      </c>
      <c r="AI24046">
        <v>7</v>
      </c>
      <c r="AJ24046">
        <v>7</v>
      </c>
      <c r="AK24046">
        <v>7</v>
      </c>
      <c r="AL24046">
        <v>7</v>
      </c>
      <c r="AM24046">
        <v>7</v>
      </c>
      <c r="AN24046">
        <v>7</v>
      </c>
      <c r="AO24046">
        <v>7</v>
      </c>
      <c r="AP24046">
        <v>7</v>
      </c>
      <c r="AQ24046">
        <v>7</v>
      </c>
    </row>
    <row r="24047" spans="1:43">
      <c r="A24047" t="s">
        <v>14891</v>
      </c>
      <c r="B24047" t="s">
        <v>14892</v>
      </c>
      <c r="C24047" t="s">
        <v>14795</v>
      </c>
      <c r="D24047" t="s">
        <v>14796</v>
      </c>
      <c r="E24047" t="s">
        <v>14797</v>
      </c>
      <c r="F24047" t="s">
        <v>14798</v>
      </c>
      <c r="G24047" t="s">
        <v>10734</v>
      </c>
      <c r="H24047" t="s">
        <v>10735</v>
      </c>
      <c r="I24047" s="2">
        <v>1</v>
      </c>
      <c r="J24047" s="2">
        <v>0</v>
      </c>
      <c r="K24047" s="2">
        <v>0</v>
      </c>
      <c r="L24047" t="s">
        <v>120</v>
      </c>
      <c r="M24047" t="s">
        <v>87</v>
      </c>
      <c r="N24047" t="s">
        <v>88</v>
      </c>
      <c r="O24047" t="s">
        <v>85</v>
      </c>
      <c r="P24047" t="s">
        <v>86</v>
      </c>
      <c r="Q24047">
        <v>5</v>
      </c>
      <c r="R24047">
        <v>5</v>
      </c>
      <c r="S24047">
        <v>5</v>
      </c>
      <c r="T24047">
        <v>5</v>
      </c>
      <c r="U24047">
        <v>5</v>
      </c>
      <c r="V24047">
        <v>5</v>
      </c>
      <c r="W24047">
        <v>5</v>
      </c>
      <c r="X24047">
        <v>5</v>
      </c>
      <c r="Y24047">
        <v>5</v>
      </c>
      <c r="Z24047">
        <v>5</v>
      </c>
      <c r="AA24047">
        <v>5</v>
      </c>
      <c r="AB24047">
        <v>5</v>
      </c>
      <c r="AC24047">
        <v>5</v>
      </c>
      <c r="AD24047">
        <v>5</v>
      </c>
      <c r="AE24047">
        <v>5</v>
      </c>
      <c r="AF24047">
        <v>6</v>
      </c>
      <c r="AG24047">
        <v>6</v>
      </c>
      <c r="AH24047">
        <v>6</v>
      </c>
      <c r="AI24047">
        <v>6</v>
      </c>
      <c r="AJ24047">
        <v>6</v>
      </c>
      <c r="AK24047">
        <v>6</v>
      </c>
      <c r="AL24047">
        <v>6</v>
      </c>
      <c r="AM24047">
        <v>6</v>
      </c>
      <c r="AN24047">
        <v>6</v>
      </c>
      <c r="AO24047">
        <v>6</v>
      </c>
      <c r="AP24047">
        <v>6</v>
      </c>
      <c r="AQ24047">
        <v>6</v>
      </c>
    </row>
    <row r="24048" spans="1:43">
      <c r="A24048" t="s">
        <v>14891</v>
      </c>
      <c r="B24048" t="s">
        <v>14892</v>
      </c>
      <c r="C24048" t="s">
        <v>14795</v>
      </c>
      <c r="D24048" t="s">
        <v>14796</v>
      </c>
      <c r="E24048" t="s">
        <v>14797</v>
      </c>
      <c r="F24048" t="s">
        <v>14798</v>
      </c>
      <c r="G24048" t="s">
        <v>10734</v>
      </c>
      <c r="H24048" t="s">
        <v>10735</v>
      </c>
      <c r="I24048" s="2">
        <v>1</v>
      </c>
      <c r="J24048" s="2">
        <v>0</v>
      </c>
      <c r="K24048" s="2">
        <v>0</v>
      </c>
      <c r="L24048" t="s">
        <v>120</v>
      </c>
      <c r="M24048" t="s">
        <v>89</v>
      </c>
      <c r="N24048" t="s">
        <v>90</v>
      </c>
      <c r="O24048" t="s">
        <v>85</v>
      </c>
      <c r="P24048" t="s">
        <v>86</v>
      </c>
      <c r="Q24048">
        <v>5</v>
      </c>
      <c r="R24048">
        <v>5</v>
      </c>
      <c r="S24048">
        <v>5</v>
      </c>
      <c r="T24048">
        <v>5</v>
      </c>
      <c r="U24048">
        <v>5</v>
      </c>
      <c r="V24048">
        <v>5</v>
      </c>
      <c r="W24048">
        <v>6</v>
      </c>
      <c r="X24048">
        <v>6</v>
      </c>
      <c r="Y24048">
        <v>6</v>
      </c>
      <c r="Z24048">
        <v>6</v>
      </c>
      <c r="AA24048">
        <v>6</v>
      </c>
      <c r="AB24048">
        <v>6</v>
      </c>
      <c r="AC24048">
        <v>6</v>
      </c>
      <c r="AD24048">
        <v>6</v>
      </c>
      <c r="AE24048">
        <v>7</v>
      </c>
      <c r="AF24048">
        <v>7</v>
      </c>
      <c r="AG24048">
        <v>7</v>
      </c>
      <c r="AH24048">
        <v>7</v>
      </c>
      <c r="AI24048">
        <v>7</v>
      </c>
      <c r="AJ24048">
        <v>7</v>
      </c>
      <c r="AK24048">
        <v>7</v>
      </c>
      <c r="AL24048">
        <v>7</v>
      </c>
      <c r="AM24048">
        <v>7</v>
      </c>
      <c r="AN24048">
        <v>7</v>
      </c>
      <c r="AO24048">
        <v>7</v>
      </c>
      <c r="AP24048">
        <v>7</v>
      </c>
      <c r="AQ24048">
        <v>7</v>
      </c>
    </row>
    <row r="24049" spans="1:43">
      <c r="A24049" t="s">
        <v>14891</v>
      </c>
      <c r="B24049" t="s">
        <v>14892</v>
      </c>
      <c r="C24049" t="s">
        <v>14795</v>
      </c>
      <c r="D24049" t="s">
        <v>14796</v>
      </c>
      <c r="E24049" t="s">
        <v>14797</v>
      </c>
      <c r="F24049" t="s">
        <v>14798</v>
      </c>
      <c r="G24049" t="s">
        <v>10734</v>
      </c>
      <c r="H24049" t="s">
        <v>10735</v>
      </c>
      <c r="I24049" s="2">
        <v>1</v>
      </c>
      <c r="J24049" s="2">
        <v>0</v>
      </c>
      <c r="K24049" s="2">
        <v>0</v>
      </c>
      <c r="L24049" t="s">
        <v>120</v>
      </c>
      <c r="M24049" t="s">
        <v>83</v>
      </c>
      <c r="N24049" t="s">
        <v>91</v>
      </c>
      <c r="O24049" t="s">
        <v>85</v>
      </c>
      <c r="P24049" t="s">
        <v>86</v>
      </c>
      <c r="Q24049">
        <v>5</v>
      </c>
      <c r="R24049">
        <v>5</v>
      </c>
      <c r="S24049">
        <v>5</v>
      </c>
      <c r="T24049">
        <v>5</v>
      </c>
      <c r="U24049">
        <v>5</v>
      </c>
      <c r="V24049">
        <v>5</v>
      </c>
      <c r="W24049">
        <v>5</v>
      </c>
      <c r="X24049">
        <v>5</v>
      </c>
      <c r="Y24049">
        <v>5</v>
      </c>
      <c r="Z24049">
        <v>6</v>
      </c>
      <c r="AA24049">
        <v>6</v>
      </c>
      <c r="AB24049">
        <v>6</v>
      </c>
      <c r="AC24049">
        <v>6</v>
      </c>
      <c r="AD24049">
        <v>6</v>
      </c>
      <c r="AE24049">
        <v>6</v>
      </c>
      <c r="AF24049">
        <v>6</v>
      </c>
      <c r="AG24049">
        <v>6</v>
      </c>
      <c r="AH24049">
        <v>7</v>
      </c>
      <c r="AI24049">
        <v>7</v>
      </c>
      <c r="AJ24049">
        <v>7</v>
      </c>
      <c r="AK24049">
        <v>7</v>
      </c>
      <c r="AL24049">
        <v>7</v>
      </c>
      <c r="AM24049">
        <v>7</v>
      </c>
      <c r="AN24049">
        <v>7</v>
      </c>
      <c r="AO24049">
        <v>7</v>
      </c>
      <c r="AP24049">
        <v>7</v>
      </c>
      <c r="AQ24049">
        <v>7</v>
      </c>
    </row>
    <row r="24050" spans="1:43">
      <c r="A24050" t="s">
        <v>14893</v>
      </c>
      <c r="B24050" t="s">
        <v>14894</v>
      </c>
      <c r="C24050" t="s">
        <v>14795</v>
      </c>
      <c r="D24050" t="s">
        <v>14796</v>
      </c>
      <c r="E24050" t="s">
        <v>14797</v>
      </c>
      <c r="F24050" t="s">
        <v>14798</v>
      </c>
      <c r="G24050" t="s">
        <v>10734</v>
      </c>
      <c r="H24050" t="s">
        <v>10735</v>
      </c>
      <c r="I24050" s="2">
        <v>1</v>
      </c>
      <c r="J24050" s="2">
        <v>0</v>
      </c>
      <c r="K24050" s="2">
        <v>0</v>
      </c>
      <c r="L24050" t="s">
        <v>120</v>
      </c>
      <c r="M24050" t="s">
        <v>83</v>
      </c>
      <c r="N24050" t="s">
        <v>84</v>
      </c>
      <c r="O24050" t="s">
        <v>85</v>
      </c>
      <c r="P24050" t="s">
        <v>86</v>
      </c>
      <c r="Q24050">
        <v>22</v>
      </c>
      <c r="R24050">
        <v>23</v>
      </c>
      <c r="S24050">
        <v>23</v>
      </c>
      <c r="T24050">
        <v>24</v>
      </c>
      <c r="U24050">
        <v>24</v>
      </c>
      <c r="V24050">
        <v>25</v>
      </c>
      <c r="W24050">
        <v>25</v>
      </c>
      <c r="X24050">
        <v>26</v>
      </c>
      <c r="Y24050">
        <v>26</v>
      </c>
      <c r="Z24050">
        <v>27</v>
      </c>
      <c r="AA24050">
        <v>27</v>
      </c>
      <c r="AB24050">
        <v>28</v>
      </c>
      <c r="AC24050">
        <v>28</v>
      </c>
      <c r="AD24050">
        <v>29</v>
      </c>
      <c r="AE24050">
        <v>30</v>
      </c>
      <c r="AF24050">
        <v>30</v>
      </c>
      <c r="AG24050">
        <v>31</v>
      </c>
      <c r="AH24050">
        <v>31</v>
      </c>
      <c r="AI24050">
        <v>32</v>
      </c>
      <c r="AJ24050">
        <v>32</v>
      </c>
      <c r="AK24050">
        <v>33</v>
      </c>
      <c r="AL24050">
        <v>33</v>
      </c>
      <c r="AM24050">
        <v>34</v>
      </c>
      <c r="AN24050">
        <v>34</v>
      </c>
      <c r="AO24050">
        <v>34</v>
      </c>
      <c r="AP24050">
        <v>35</v>
      </c>
      <c r="AQ24050">
        <v>35</v>
      </c>
    </row>
    <row r="24051" spans="1:43">
      <c r="A24051" t="s">
        <v>14893</v>
      </c>
      <c r="B24051" t="s">
        <v>14894</v>
      </c>
      <c r="C24051" t="s">
        <v>14795</v>
      </c>
      <c r="D24051" t="s">
        <v>14796</v>
      </c>
      <c r="E24051" t="s">
        <v>14797</v>
      </c>
      <c r="F24051" t="s">
        <v>14798</v>
      </c>
      <c r="G24051" t="s">
        <v>10734</v>
      </c>
      <c r="H24051" t="s">
        <v>10735</v>
      </c>
      <c r="I24051" s="2">
        <v>1</v>
      </c>
      <c r="J24051" s="2">
        <v>0</v>
      </c>
      <c r="K24051" s="2">
        <v>0</v>
      </c>
      <c r="L24051" t="s">
        <v>120</v>
      </c>
      <c r="M24051" t="s">
        <v>87</v>
      </c>
      <c r="N24051" t="s">
        <v>88</v>
      </c>
      <c r="O24051" t="s">
        <v>85</v>
      </c>
      <c r="P24051" t="s">
        <v>86</v>
      </c>
      <c r="Q24051">
        <v>22</v>
      </c>
      <c r="R24051">
        <v>22</v>
      </c>
      <c r="S24051">
        <v>23</v>
      </c>
      <c r="T24051">
        <v>23</v>
      </c>
      <c r="U24051">
        <v>23</v>
      </c>
      <c r="V24051">
        <v>23</v>
      </c>
      <c r="W24051">
        <v>24</v>
      </c>
      <c r="X24051">
        <v>24</v>
      </c>
      <c r="Y24051">
        <v>24</v>
      </c>
      <c r="Z24051">
        <v>25</v>
      </c>
      <c r="AA24051">
        <v>25</v>
      </c>
      <c r="AB24051">
        <v>25</v>
      </c>
      <c r="AC24051">
        <v>26</v>
      </c>
      <c r="AD24051">
        <v>26</v>
      </c>
      <c r="AE24051">
        <v>26</v>
      </c>
      <c r="AF24051">
        <v>27</v>
      </c>
      <c r="AG24051">
        <v>27</v>
      </c>
      <c r="AH24051">
        <v>27</v>
      </c>
      <c r="AI24051">
        <v>27</v>
      </c>
      <c r="AJ24051">
        <v>28</v>
      </c>
      <c r="AK24051">
        <v>28</v>
      </c>
      <c r="AL24051">
        <v>29</v>
      </c>
      <c r="AM24051">
        <v>29</v>
      </c>
      <c r="AN24051">
        <v>29</v>
      </c>
      <c r="AO24051">
        <v>30</v>
      </c>
      <c r="AP24051">
        <v>30</v>
      </c>
      <c r="AQ24051">
        <v>30</v>
      </c>
    </row>
    <row r="24052" spans="1:43">
      <c r="A24052" t="s">
        <v>14893</v>
      </c>
      <c r="B24052" t="s">
        <v>14894</v>
      </c>
      <c r="C24052" t="s">
        <v>14795</v>
      </c>
      <c r="D24052" t="s">
        <v>14796</v>
      </c>
      <c r="E24052" t="s">
        <v>14797</v>
      </c>
      <c r="F24052" t="s">
        <v>14798</v>
      </c>
      <c r="G24052" t="s">
        <v>10734</v>
      </c>
      <c r="H24052" t="s">
        <v>10735</v>
      </c>
      <c r="I24052" s="2">
        <v>1</v>
      </c>
      <c r="J24052" s="2">
        <v>0</v>
      </c>
      <c r="K24052" s="2">
        <v>0</v>
      </c>
      <c r="L24052" t="s">
        <v>120</v>
      </c>
      <c r="M24052" t="s">
        <v>89</v>
      </c>
      <c r="N24052" t="s">
        <v>90</v>
      </c>
      <c r="O24052" t="s">
        <v>85</v>
      </c>
      <c r="P24052" t="s">
        <v>86</v>
      </c>
      <c r="Q24052">
        <v>22</v>
      </c>
      <c r="R24052">
        <v>23</v>
      </c>
      <c r="S24052">
        <v>24</v>
      </c>
      <c r="T24052">
        <v>25</v>
      </c>
      <c r="U24052">
        <v>25</v>
      </c>
      <c r="V24052">
        <v>26</v>
      </c>
      <c r="W24052">
        <v>27</v>
      </c>
      <c r="X24052">
        <v>27</v>
      </c>
      <c r="Y24052">
        <v>28</v>
      </c>
      <c r="Z24052">
        <v>29</v>
      </c>
      <c r="AA24052">
        <v>29</v>
      </c>
      <c r="AB24052">
        <v>30</v>
      </c>
      <c r="AC24052">
        <v>31</v>
      </c>
      <c r="AD24052">
        <v>31</v>
      </c>
      <c r="AE24052">
        <v>32</v>
      </c>
      <c r="AF24052">
        <v>32</v>
      </c>
      <c r="AG24052">
        <v>32</v>
      </c>
      <c r="AH24052">
        <v>33</v>
      </c>
      <c r="AI24052">
        <v>33</v>
      </c>
      <c r="AJ24052">
        <v>33</v>
      </c>
      <c r="AK24052">
        <v>33</v>
      </c>
      <c r="AL24052">
        <v>34</v>
      </c>
      <c r="AM24052">
        <v>34</v>
      </c>
      <c r="AN24052">
        <v>34</v>
      </c>
      <c r="AO24052">
        <v>35</v>
      </c>
      <c r="AP24052">
        <v>35</v>
      </c>
      <c r="AQ24052">
        <v>35</v>
      </c>
    </row>
    <row r="24053" spans="1:43">
      <c r="A24053" t="s">
        <v>14893</v>
      </c>
      <c r="B24053" t="s">
        <v>14894</v>
      </c>
      <c r="C24053" t="s">
        <v>14795</v>
      </c>
      <c r="D24053" t="s">
        <v>14796</v>
      </c>
      <c r="E24053" t="s">
        <v>14797</v>
      </c>
      <c r="F24053" t="s">
        <v>14798</v>
      </c>
      <c r="G24053" t="s">
        <v>10734</v>
      </c>
      <c r="H24053" t="s">
        <v>10735</v>
      </c>
      <c r="I24053" s="2">
        <v>1</v>
      </c>
      <c r="J24053" s="2">
        <v>0</v>
      </c>
      <c r="K24053" s="2">
        <v>0</v>
      </c>
      <c r="L24053" t="s">
        <v>120</v>
      </c>
      <c r="M24053" t="s">
        <v>83</v>
      </c>
      <c r="N24053" t="s">
        <v>91</v>
      </c>
      <c r="O24053" t="s">
        <v>85</v>
      </c>
      <c r="P24053" t="s">
        <v>86</v>
      </c>
      <c r="Q24053">
        <v>22</v>
      </c>
      <c r="R24053">
        <v>23</v>
      </c>
      <c r="S24053">
        <v>23</v>
      </c>
      <c r="T24053">
        <v>24</v>
      </c>
      <c r="U24053">
        <v>24</v>
      </c>
      <c r="V24053">
        <v>25</v>
      </c>
      <c r="W24053">
        <v>25</v>
      </c>
      <c r="X24053">
        <v>26</v>
      </c>
      <c r="Y24053">
        <v>26</v>
      </c>
      <c r="Z24053">
        <v>27</v>
      </c>
      <c r="AA24053">
        <v>27</v>
      </c>
      <c r="AB24053">
        <v>28</v>
      </c>
      <c r="AC24053">
        <v>28</v>
      </c>
      <c r="AD24053">
        <v>29</v>
      </c>
      <c r="AE24053">
        <v>30</v>
      </c>
      <c r="AF24053">
        <v>30</v>
      </c>
      <c r="AG24053">
        <v>31</v>
      </c>
      <c r="AH24053">
        <v>31</v>
      </c>
      <c r="AI24053">
        <v>32</v>
      </c>
      <c r="AJ24053">
        <v>32</v>
      </c>
      <c r="AK24053">
        <v>33</v>
      </c>
      <c r="AL24053">
        <v>33</v>
      </c>
      <c r="AM24053">
        <v>34</v>
      </c>
      <c r="AN24053">
        <v>34</v>
      </c>
      <c r="AO24053">
        <v>34</v>
      </c>
      <c r="AP24053">
        <v>35</v>
      </c>
      <c r="AQ24053">
        <v>35</v>
      </c>
    </row>
    <row r="24054" spans="1:43">
      <c r="A24054" t="s">
        <v>14895</v>
      </c>
      <c r="B24054" t="s">
        <v>14896</v>
      </c>
      <c r="C24054" t="s">
        <v>14897</v>
      </c>
      <c r="D24054" t="s">
        <v>14898</v>
      </c>
      <c r="E24054" t="s">
        <v>14797</v>
      </c>
      <c r="F24054" t="s">
        <v>14798</v>
      </c>
      <c r="G24054" t="s">
        <v>10734</v>
      </c>
      <c r="H24054" t="s">
        <v>10735</v>
      </c>
      <c r="I24054" s="2">
        <v>1</v>
      </c>
      <c r="J24054" s="2">
        <v>0</v>
      </c>
      <c r="K24054" s="2">
        <v>0</v>
      </c>
      <c r="L24054" t="s">
        <v>120</v>
      </c>
      <c r="M24054" t="s">
        <v>83</v>
      </c>
      <c r="N24054" t="s">
        <v>84</v>
      </c>
      <c r="O24054" t="s">
        <v>85</v>
      </c>
      <c r="P24054" t="s">
        <v>86</v>
      </c>
      <c r="Q24054">
        <v>116</v>
      </c>
      <c r="R24054">
        <v>119</v>
      </c>
      <c r="S24054">
        <v>121</v>
      </c>
      <c r="T24054">
        <v>124</v>
      </c>
      <c r="U24054">
        <v>127</v>
      </c>
      <c r="V24054">
        <v>129</v>
      </c>
      <c r="W24054">
        <v>132</v>
      </c>
      <c r="X24054">
        <v>135</v>
      </c>
      <c r="Y24054">
        <v>137</v>
      </c>
      <c r="Z24054">
        <v>140</v>
      </c>
      <c r="AA24054">
        <v>143</v>
      </c>
      <c r="AB24054">
        <v>146</v>
      </c>
      <c r="AC24054">
        <v>148</v>
      </c>
      <c r="AD24054">
        <v>151</v>
      </c>
      <c r="AE24054">
        <v>154</v>
      </c>
      <c r="AF24054">
        <v>157</v>
      </c>
      <c r="AG24054">
        <v>160</v>
      </c>
      <c r="AH24054">
        <v>163</v>
      </c>
      <c r="AI24054">
        <v>166</v>
      </c>
      <c r="AJ24054">
        <v>169</v>
      </c>
      <c r="AK24054">
        <v>172</v>
      </c>
      <c r="AL24054">
        <v>174</v>
      </c>
      <c r="AM24054">
        <v>176</v>
      </c>
      <c r="AN24054">
        <v>177</v>
      </c>
      <c r="AO24054">
        <v>179</v>
      </c>
      <c r="AP24054">
        <v>181</v>
      </c>
      <c r="AQ24054">
        <v>182</v>
      </c>
    </row>
    <row r="24055" spans="1:43">
      <c r="A24055" t="s">
        <v>14895</v>
      </c>
      <c r="B24055" t="s">
        <v>14896</v>
      </c>
      <c r="C24055" t="s">
        <v>14897</v>
      </c>
      <c r="D24055" t="s">
        <v>14898</v>
      </c>
      <c r="E24055" t="s">
        <v>14797</v>
      </c>
      <c r="F24055" t="s">
        <v>14798</v>
      </c>
      <c r="G24055" t="s">
        <v>10734</v>
      </c>
      <c r="H24055" t="s">
        <v>10735</v>
      </c>
      <c r="I24055" s="2">
        <v>1</v>
      </c>
      <c r="J24055" s="2">
        <v>0</v>
      </c>
      <c r="K24055" s="2">
        <v>0</v>
      </c>
      <c r="L24055" t="s">
        <v>120</v>
      </c>
      <c r="M24055" t="s">
        <v>87</v>
      </c>
      <c r="N24055" t="s">
        <v>88</v>
      </c>
      <c r="O24055" t="s">
        <v>85</v>
      </c>
      <c r="P24055" t="s">
        <v>86</v>
      </c>
      <c r="Q24055">
        <v>116</v>
      </c>
      <c r="R24055">
        <v>118</v>
      </c>
      <c r="S24055">
        <v>119</v>
      </c>
      <c r="T24055">
        <v>121</v>
      </c>
      <c r="U24055">
        <v>122</v>
      </c>
      <c r="V24055">
        <v>124</v>
      </c>
      <c r="W24055">
        <v>125</v>
      </c>
      <c r="X24055">
        <v>127</v>
      </c>
      <c r="Y24055">
        <v>128</v>
      </c>
      <c r="Z24055">
        <v>130</v>
      </c>
      <c r="AA24055">
        <v>131</v>
      </c>
      <c r="AB24055">
        <v>133</v>
      </c>
      <c r="AC24055">
        <v>135</v>
      </c>
      <c r="AD24055">
        <v>136</v>
      </c>
      <c r="AE24055">
        <v>138</v>
      </c>
      <c r="AF24055">
        <v>139</v>
      </c>
      <c r="AG24055">
        <v>141</v>
      </c>
      <c r="AH24055">
        <v>143</v>
      </c>
      <c r="AI24055">
        <v>145</v>
      </c>
      <c r="AJ24055">
        <v>146</v>
      </c>
      <c r="AK24055">
        <v>148</v>
      </c>
      <c r="AL24055">
        <v>150</v>
      </c>
      <c r="AM24055">
        <v>152</v>
      </c>
      <c r="AN24055">
        <v>154</v>
      </c>
      <c r="AO24055">
        <v>156</v>
      </c>
      <c r="AP24055">
        <v>157</v>
      </c>
      <c r="AQ24055">
        <v>159</v>
      </c>
    </row>
    <row r="24056" spans="1:43">
      <c r="A24056" t="s">
        <v>14895</v>
      </c>
      <c r="B24056" t="s">
        <v>14896</v>
      </c>
      <c r="C24056" t="s">
        <v>14897</v>
      </c>
      <c r="D24056" t="s">
        <v>14898</v>
      </c>
      <c r="E24056" t="s">
        <v>14797</v>
      </c>
      <c r="F24056" t="s">
        <v>14798</v>
      </c>
      <c r="G24056" t="s">
        <v>10734</v>
      </c>
      <c r="H24056" t="s">
        <v>10735</v>
      </c>
      <c r="I24056" s="2">
        <v>1</v>
      </c>
      <c r="J24056" s="2">
        <v>0</v>
      </c>
      <c r="K24056" s="2">
        <v>0</v>
      </c>
      <c r="L24056" t="s">
        <v>120</v>
      </c>
      <c r="M24056" t="s">
        <v>89</v>
      </c>
      <c r="N24056" t="s">
        <v>90</v>
      </c>
      <c r="O24056" t="s">
        <v>85</v>
      </c>
      <c r="P24056" t="s">
        <v>86</v>
      </c>
      <c r="Q24056">
        <v>116</v>
      </c>
      <c r="R24056">
        <v>120</v>
      </c>
      <c r="S24056">
        <v>124</v>
      </c>
      <c r="T24056">
        <v>127</v>
      </c>
      <c r="U24056">
        <v>131</v>
      </c>
      <c r="V24056">
        <v>134</v>
      </c>
      <c r="W24056">
        <v>137</v>
      </c>
      <c r="X24056">
        <v>141</v>
      </c>
      <c r="Y24056">
        <v>144</v>
      </c>
      <c r="Z24056">
        <v>148</v>
      </c>
      <c r="AA24056">
        <v>151</v>
      </c>
      <c r="AB24056">
        <v>154</v>
      </c>
      <c r="AC24056">
        <v>158</v>
      </c>
      <c r="AD24056">
        <v>161</v>
      </c>
      <c r="AE24056">
        <v>164</v>
      </c>
      <c r="AF24056">
        <v>166</v>
      </c>
      <c r="AG24056">
        <v>167</v>
      </c>
      <c r="AH24056">
        <v>169</v>
      </c>
      <c r="AI24056">
        <v>170</v>
      </c>
      <c r="AJ24056">
        <v>172</v>
      </c>
      <c r="AK24056">
        <v>173</v>
      </c>
      <c r="AL24056">
        <v>175</v>
      </c>
      <c r="AM24056">
        <v>177</v>
      </c>
      <c r="AN24056">
        <v>178</v>
      </c>
      <c r="AO24056">
        <v>180</v>
      </c>
      <c r="AP24056">
        <v>181</v>
      </c>
      <c r="AQ24056">
        <v>183</v>
      </c>
    </row>
    <row r="24057" spans="1:43">
      <c r="A24057" t="s">
        <v>14895</v>
      </c>
      <c r="B24057" t="s">
        <v>14896</v>
      </c>
      <c r="C24057" t="s">
        <v>14897</v>
      </c>
      <c r="D24057" t="s">
        <v>14898</v>
      </c>
      <c r="E24057" t="s">
        <v>14797</v>
      </c>
      <c r="F24057" t="s">
        <v>14798</v>
      </c>
      <c r="G24057" t="s">
        <v>10734</v>
      </c>
      <c r="H24057" t="s">
        <v>10735</v>
      </c>
      <c r="I24057" s="2">
        <v>1</v>
      </c>
      <c r="J24057" s="2">
        <v>0</v>
      </c>
      <c r="K24057" s="2">
        <v>0</v>
      </c>
      <c r="L24057" t="s">
        <v>120</v>
      </c>
      <c r="M24057" t="s">
        <v>83</v>
      </c>
      <c r="N24057" t="s">
        <v>91</v>
      </c>
      <c r="O24057" t="s">
        <v>85</v>
      </c>
      <c r="P24057" t="s">
        <v>86</v>
      </c>
      <c r="Q24057">
        <v>116</v>
      </c>
      <c r="R24057">
        <v>119</v>
      </c>
      <c r="S24057">
        <v>121</v>
      </c>
      <c r="T24057">
        <v>124</v>
      </c>
      <c r="U24057">
        <v>127</v>
      </c>
      <c r="V24057">
        <v>129</v>
      </c>
      <c r="W24057">
        <v>132</v>
      </c>
      <c r="X24057">
        <v>135</v>
      </c>
      <c r="Y24057">
        <v>137</v>
      </c>
      <c r="Z24057">
        <v>140</v>
      </c>
      <c r="AA24057">
        <v>143</v>
      </c>
      <c r="AB24057">
        <v>146</v>
      </c>
      <c r="AC24057">
        <v>148</v>
      </c>
      <c r="AD24057">
        <v>151</v>
      </c>
      <c r="AE24057">
        <v>154</v>
      </c>
      <c r="AF24057">
        <v>157</v>
      </c>
      <c r="AG24057">
        <v>160</v>
      </c>
      <c r="AH24057">
        <v>163</v>
      </c>
      <c r="AI24057">
        <v>166</v>
      </c>
      <c r="AJ24057">
        <v>169</v>
      </c>
      <c r="AK24057">
        <v>172</v>
      </c>
      <c r="AL24057">
        <v>174</v>
      </c>
      <c r="AM24057">
        <v>176</v>
      </c>
      <c r="AN24057">
        <v>177</v>
      </c>
      <c r="AO24057">
        <v>179</v>
      </c>
      <c r="AP24057">
        <v>181</v>
      </c>
      <c r="AQ24057">
        <v>182</v>
      </c>
    </row>
    <row r="24058" spans="1:43">
      <c r="A24058" t="s">
        <v>14899</v>
      </c>
      <c r="B24058" t="s">
        <v>14900</v>
      </c>
      <c r="C24058" t="s">
        <v>14897</v>
      </c>
      <c r="D24058" t="s">
        <v>14898</v>
      </c>
      <c r="E24058" t="s">
        <v>14797</v>
      </c>
      <c r="F24058" t="s">
        <v>14798</v>
      </c>
      <c r="G24058" t="s">
        <v>10734</v>
      </c>
      <c r="H24058" t="s">
        <v>10735</v>
      </c>
      <c r="I24058" s="2">
        <v>1</v>
      </c>
      <c r="J24058" s="2">
        <v>0</v>
      </c>
      <c r="K24058" s="2">
        <v>0</v>
      </c>
      <c r="L24058" t="s">
        <v>120</v>
      </c>
      <c r="M24058" t="s">
        <v>83</v>
      </c>
      <c r="N24058" t="s">
        <v>84</v>
      </c>
      <c r="O24058" t="s">
        <v>85</v>
      </c>
      <c r="P24058" t="s">
        <v>86</v>
      </c>
      <c r="Q24058">
        <v>26</v>
      </c>
      <c r="R24058">
        <v>27</v>
      </c>
      <c r="S24058">
        <v>28</v>
      </c>
      <c r="T24058">
        <v>28</v>
      </c>
      <c r="U24058">
        <v>29</v>
      </c>
      <c r="V24058">
        <v>29</v>
      </c>
      <c r="W24058">
        <v>30</v>
      </c>
      <c r="X24058">
        <v>31</v>
      </c>
      <c r="Y24058">
        <v>31</v>
      </c>
      <c r="Z24058">
        <v>32</v>
      </c>
      <c r="AA24058">
        <v>33</v>
      </c>
      <c r="AB24058">
        <v>33</v>
      </c>
      <c r="AC24058">
        <v>34</v>
      </c>
      <c r="AD24058">
        <v>34</v>
      </c>
      <c r="AE24058">
        <v>35</v>
      </c>
      <c r="AF24058">
        <v>36</v>
      </c>
      <c r="AG24058">
        <v>36</v>
      </c>
      <c r="AH24058">
        <v>37</v>
      </c>
      <c r="AI24058">
        <v>38</v>
      </c>
      <c r="AJ24058">
        <v>38</v>
      </c>
      <c r="AK24058">
        <v>39</v>
      </c>
      <c r="AL24058">
        <v>40</v>
      </c>
      <c r="AM24058">
        <v>40</v>
      </c>
      <c r="AN24058">
        <v>40</v>
      </c>
      <c r="AO24058">
        <v>41</v>
      </c>
      <c r="AP24058">
        <v>41</v>
      </c>
      <c r="AQ24058">
        <v>42</v>
      </c>
    </row>
    <row r="24059" spans="1:43">
      <c r="A24059" t="s">
        <v>14899</v>
      </c>
      <c r="B24059" t="s">
        <v>14900</v>
      </c>
      <c r="C24059" t="s">
        <v>14897</v>
      </c>
      <c r="D24059" t="s">
        <v>14898</v>
      </c>
      <c r="E24059" t="s">
        <v>14797</v>
      </c>
      <c r="F24059" t="s">
        <v>14798</v>
      </c>
      <c r="G24059" t="s">
        <v>10734</v>
      </c>
      <c r="H24059" t="s">
        <v>10735</v>
      </c>
      <c r="I24059" s="2">
        <v>1</v>
      </c>
      <c r="J24059" s="2">
        <v>0</v>
      </c>
      <c r="K24059" s="2">
        <v>0</v>
      </c>
      <c r="L24059" t="s">
        <v>120</v>
      </c>
      <c r="M24059" t="s">
        <v>87</v>
      </c>
      <c r="N24059" t="s">
        <v>88</v>
      </c>
      <c r="O24059" t="s">
        <v>85</v>
      </c>
      <c r="P24059" t="s">
        <v>86</v>
      </c>
      <c r="Q24059">
        <v>26</v>
      </c>
      <c r="R24059">
        <v>27</v>
      </c>
      <c r="S24059">
        <v>27</v>
      </c>
      <c r="T24059">
        <v>27</v>
      </c>
      <c r="U24059">
        <v>28</v>
      </c>
      <c r="V24059">
        <v>28</v>
      </c>
      <c r="W24059">
        <v>28</v>
      </c>
      <c r="X24059">
        <v>29</v>
      </c>
      <c r="Y24059">
        <v>29</v>
      </c>
      <c r="Z24059">
        <v>29</v>
      </c>
      <c r="AA24059">
        <v>30</v>
      </c>
      <c r="AB24059">
        <v>30</v>
      </c>
      <c r="AC24059">
        <v>30</v>
      </c>
      <c r="AD24059">
        <v>31</v>
      </c>
      <c r="AE24059">
        <v>31</v>
      </c>
      <c r="AF24059">
        <v>32</v>
      </c>
      <c r="AG24059">
        <v>32</v>
      </c>
      <c r="AH24059">
        <v>32</v>
      </c>
      <c r="AI24059">
        <v>33</v>
      </c>
      <c r="AJ24059">
        <v>33</v>
      </c>
      <c r="AK24059">
        <v>34</v>
      </c>
      <c r="AL24059">
        <v>34</v>
      </c>
      <c r="AM24059">
        <v>34</v>
      </c>
      <c r="AN24059">
        <v>35</v>
      </c>
      <c r="AO24059">
        <v>35</v>
      </c>
      <c r="AP24059">
        <v>36</v>
      </c>
      <c r="AQ24059">
        <v>36</v>
      </c>
    </row>
    <row r="24060" spans="1:43">
      <c r="A24060" t="s">
        <v>14899</v>
      </c>
      <c r="B24060" t="s">
        <v>14900</v>
      </c>
      <c r="C24060" t="s">
        <v>14897</v>
      </c>
      <c r="D24060" t="s">
        <v>14898</v>
      </c>
      <c r="E24060" t="s">
        <v>14797</v>
      </c>
      <c r="F24060" t="s">
        <v>14798</v>
      </c>
      <c r="G24060" t="s">
        <v>10734</v>
      </c>
      <c r="H24060" t="s">
        <v>10735</v>
      </c>
      <c r="I24060" s="2">
        <v>1</v>
      </c>
      <c r="J24060" s="2">
        <v>0</v>
      </c>
      <c r="K24060" s="2">
        <v>0</v>
      </c>
      <c r="L24060" t="s">
        <v>120</v>
      </c>
      <c r="M24060" t="s">
        <v>89</v>
      </c>
      <c r="N24060" t="s">
        <v>90</v>
      </c>
      <c r="O24060" t="s">
        <v>85</v>
      </c>
      <c r="P24060" t="s">
        <v>86</v>
      </c>
      <c r="Q24060">
        <v>26</v>
      </c>
      <c r="R24060">
        <v>27</v>
      </c>
      <c r="S24060">
        <v>27</v>
      </c>
      <c r="T24060">
        <v>28</v>
      </c>
      <c r="U24060">
        <v>29</v>
      </c>
      <c r="V24060">
        <v>30</v>
      </c>
      <c r="W24060">
        <v>31</v>
      </c>
      <c r="X24060">
        <v>31</v>
      </c>
      <c r="Y24060">
        <v>32</v>
      </c>
      <c r="Z24060">
        <v>33</v>
      </c>
      <c r="AA24060">
        <v>34</v>
      </c>
      <c r="AB24060">
        <v>34</v>
      </c>
      <c r="AC24060">
        <v>35</v>
      </c>
      <c r="AD24060">
        <v>36</v>
      </c>
      <c r="AE24060">
        <v>37</v>
      </c>
      <c r="AF24060">
        <v>37</v>
      </c>
      <c r="AG24060">
        <v>37</v>
      </c>
      <c r="AH24060">
        <v>38</v>
      </c>
      <c r="AI24060">
        <v>38</v>
      </c>
      <c r="AJ24060">
        <v>38</v>
      </c>
      <c r="AK24060">
        <v>39</v>
      </c>
      <c r="AL24060">
        <v>39</v>
      </c>
      <c r="AM24060">
        <v>40</v>
      </c>
      <c r="AN24060">
        <v>40</v>
      </c>
      <c r="AO24060">
        <v>40</v>
      </c>
      <c r="AP24060">
        <v>41</v>
      </c>
      <c r="AQ24060">
        <v>41</v>
      </c>
    </row>
    <row r="24061" spans="1:43">
      <c r="A24061" t="s">
        <v>14899</v>
      </c>
      <c r="B24061" t="s">
        <v>14900</v>
      </c>
      <c r="C24061" t="s">
        <v>14897</v>
      </c>
      <c r="D24061" t="s">
        <v>14898</v>
      </c>
      <c r="E24061" t="s">
        <v>14797</v>
      </c>
      <c r="F24061" t="s">
        <v>14798</v>
      </c>
      <c r="G24061" t="s">
        <v>10734</v>
      </c>
      <c r="H24061" t="s">
        <v>10735</v>
      </c>
      <c r="I24061" s="2">
        <v>1</v>
      </c>
      <c r="J24061" s="2">
        <v>0</v>
      </c>
      <c r="K24061" s="2">
        <v>0</v>
      </c>
      <c r="L24061" t="s">
        <v>120</v>
      </c>
      <c r="M24061" t="s">
        <v>83</v>
      </c>
      <c r="N24061" t="s">
        <v>91</v>
      </c>
      <c r="O24061" t="s">
        <v>85</v>
      </c>
      <c r="P24061" t="s">
        <v>86</v>
      </c>
      <c r="Q24061">
        <v>26</v>
      </c>
      <c r="R24061">
        <v>27</v>
      </c>
      <c r="S24061">
        <v>28</v>
      </c>
      <c r="T24061">
        <v>28</v>
      </c>
      <c r="U24061">
        <v>29</v>
      </c>
      <c r="V24061">
        <v>29</v>
      </c>
      <c r="W24061">
        <v>30</v>
      </c>
      <c r="X24061">
        <v>31</v>
      </c>
      <c r="Y24061">
        <v>31</v>
      </c>
      <c r="Z24061">
        <v>32</v>
      </c>
      <c r="AA24061">
        <v>33</v>
      </c>
      <c r="AB24061">
        <v>33</v>
      </c>
      <c r="AC24061">
        <v>34</v>
      </c>
      <c r="AD24061">
        <v>34</v>
      </c>
      <c r="AE24061">
        <v>35</v>
      </c>
      <c r="AF24061">
        <v>36</v>
      </c>
      <c r="AG24061">
        <v>36</v>
      </c>
      <c r="AH24061">
        <v>37</v>
      </c>
      <c r="AI24061">
        <v>38</v>
      </c>
      <c r="AJ24061">
        <v>38</v>
      </c>
      <c r="AK24061">
        <v>39</v>
      </c>
      <c r="AL24061">
        <v>40</v>
      </c>
      <c r="AM24061">
        <v>40</v>
      </c>
      <c r="AN24061">
        <v>40</v>
      </c>
      <c r="AO24061">
        <v>41</v>
      </c>
      <c r="AP24061">
        <v>41</v>
      </c>
      <c r="AQ24061">
        <v>42</v>
      </c>
    </row>
    <row r="24062" spans="1:43">
      <c r="A24062" t="s">
        <v>14901</v>
      </c>
      <c r="B24062" t="s">
        <v>14902</v>
      </c>
      <c r="C24062" t="s">
        <v>14903</v>
      </c>
      <c r="D24062" t="s">
        <v>14904</v>
      </c>
      <c r="E24062" t="s">
        <v>14797</v>
      </c>
      <c r="F24062" t="s">
        <v>14798</v>
      </c>
      <c r="G24062" t="s">
        <v>10734</v>
      </c>
      <c r="H24062" t="s">
        <v>10735</v>
      </c>
      <c r="I24062" s="2">
        <v>1</v>
      </c>
      <c r="J24062" s="2">
        <v>0</v>
      </c>
      <c r="K24062" s="2">
        <v>0</v>
      </c>
      <c r="L24062" t="s">
        <v>120</v>
      </c>
      <c r="M24062" t="s">
        <v>83</v>
      </c>
      <c r="N24062" t="s">
        <v>84</v>
      </c>
      <c r="O24062" t="s">
        <v>85</v>
      </c>
      <c r="P24062" t="s">
        <v>86</v>
      </c>
      <c r="Q24062">
        <v>52</v>
      </c>
      <c r="R24062">
        <v>53</v>
      </c>
      <c r="S24062">
        <v>54</v>
      </c>
      <c r="T24062">
        <v>55</v>
      </c>
      <c r="U24062">
        <v>56</v>
      </c>
      <c r="V24062">
        <v>58</v>
      </c>
      <c r="W24062">
        <v>59</v>
      </c>
      <c r="X24062">
        <v>60</v>
      </c>
      <c r="Y24062">
        <v>61</v>
      </c>
      <c r="Z24062">
        <v>62</v>
      </c>
      <c r="AA24062">
        <v>64</v>
      </c>
      <c r="AB24062">
        <v>65</v>
      </c>
      <c r="AC24062">
        <v>66</v>
      </c>
      <c r="AD24062">
        <v>67</v>
      </c>
      <c r="AE24062">
        <v>69</v>
      </c>
      <c r="AF24062">
        <v>70</v>
      </c>
      <c r="AG24062">
        <v>71</v>
      </c>
      <c r="AH24062">
        <v>72</v>
      </c>
      <c r="AI24062">
        <v>74</v>
      </c>
      <c r="AJ24062">
        <v>75</v>
      </c>
      <c r="AK24062">
        <v>76</v>
      </c>
      <c r="AL24062">
        <v>77</v>
      </c>
      <c r="AM24062">
        <v>78</v>
      </c>
      <c r="AN24062">
        <v>79</v>
      </c>
      <c r="AO24062">
        <v>80</v>
      </c>
      <c r="AP24062">
        <v>80</v>
      </c>
      <c r="AQ24062">
        <v>81</v>
      </c>
    </row>
    <row r="24063" spans="1:43">
      <c r="A24063" t="s">
        <v>14901</v>
      </c>
      <c r="B24063" t="s">
        <v>14902</v>
      </c>
      <c r="C24063" t="s">
        <v>14903</v>
      </c>
      <c r="D24063" t="s">
        <v>14904</v>
      </c>
      <c r="E24063" t="s">
        <v>14797</v>
      </c>
      <c r="F24063" t="s">
        <v>14798</v>
      </c>
      <c r="G24063" t="s">
        <v>10734</v>
      </c>
      <c r="H24063" t="s">
        <v>10735</v>
      </c>
      <c r="I24063" s="2">
        <v>1</v>
      </c>
      <c r="J24063" s="2">
        <v>0</v>
      </c>
      <c r="K24063" s="2">
        <v>0</v>
      </c>
      <c r="L24063" t="s">
        <v>120</v>
      </c>
      <c r="M24063" t="s">
        <v>87</v>
      </c>
      <c r="N24063" t="s">
        <v>88</v>
      </c>
      <c r="O24063" t="s">
        <v>85</v>
      </c>
      <c r="P24063" t="s">
        <v>86</v>
      </c>
      <c r="Q24063">
        <v>52</v>
      </c>
      <c r="R24063">
        <v>53</v>
      </c>
      <c r="S24063">
        <v>54</v>
      </c>
      <c r="T24063">
        <v>54</v>
      </c>
      <c r="U24063">
        <v>55</v>
      </c>
      <c r="V24063">
        <v>56</v>
      </c>
      <c r="W24063">
        <v>56</v>
      </c>
      <c r="X24063">
        <v>57</v>
      </c>
      <c r="Y24063">
        <v>58</v>
      </c>
      <c r="Z24063">
        <v>58</v>
      </c>
      <c r="AA24063">
        <v>59</v>
      </c>
      <c r="AB24063">
        <v>60</v>
      </c>
      <c r="AC24063">
        <v>60</v>
      </c>
      <c r="AD24063">
        <v>61</v>
      </c>
      <c r="AE24063">
        <v>62</v>
      </c>
      <c r="AF24063">
        <v>63</v>
      </c>
      <c r="AG24063">
        <v>63</v>
      </c>
      <c r="AH24063">
        <v>64</v>
      </c>
      <c r="AI24063">
        <v>65</v>
      </c>
      <c r="AJ24063">
        <v>66</v>
      </c>
      <c r="AK24063">
        <v>66</v>
      </c>
      <c r="AL24063">
        <v>67</v>
      </c>
      <c r="AM24063">
        <v>68</v>
      </c>
      <c r="AN24063">
        <v>69</v>
      </c>
      <c r="AO24063">
        <v>70</v>
      </c>
      <c r="AP24063">
        <v>71</v>
      </c>
      <c r="AQ24063">
        <v>71</v>
      </c>
    </row>
    <row r="24064" spans="1:43">
      <c r="A24064" t="s">
        <v>14901</v>
      </c>
      <c r="B24064" t="s">
        <v>14902</v>
      </c>
      <c r="C24064" t="s">
        <v>14903</v>
      </c>
      <c r="D24064" t="s">
        <v>14904</v>
      </c>
      <c r="E24064" t="s">
        <v>14797</v>
      </c>
      <c r="F24064" t="s">
        <v>14798</v>
      </c>
      <c r="G24064" t="s">
        <v>10734</v>
      </c>
      <c r="H24064" t="s">
        <v>10735</v>
      </c>
      <c r="I24064" s="2">
        <v>1</v>
      </c>
      <c r="J24064" s="2">
        <v>0</v>
      </c>
      <c r="K24064" s="2">
        <v>0</v>
      </c>
      <c r="L24064" t="s">
        <v>120</v>
      </c>
      <c r="M24064" t="s">
        <v>89</v>
      </c>
      <c r="N24064" t="s">
        <v>90</v>
      </c>
      <c r="O24064" t="s">
        <v>85</v>
      </c>
      <c r="P24064" t="s">
        <v>86</v>
      </c>
      <c r="Q24064">
        <v>52</v>
      </c>
      <c r="R24064">
        <v>54</v>
      </c>
      <c r="S24064">
        <v>55</v>
      </c>
      <c r="T24064">
        <v>57</v>
      </c>
      <c r="U24064">
        <v>59</v>
      </c>
      <c r="V24064">
        <v>60</v>
      </c>
      <c r="W24064">
        <v>62</v>
      </c>
      <c r="X24064">
        <v>63</v>
      </c>
      <c r="Y24064">
        <v>65</v>
      </c>
      <c r="Z24064">
        <v>66</v>
      </c>
      <c r="AA24064">
        <v>68</v>
      </c>
      <c r="AB24064">
        <v>69</v>
      </c>
      <c r="AC24064">
        <v>71</v>
      </c>
      <c r="AD24064">
        <v>72</v>
      </c>
      <c r="AE24064">
        <v>73</v>
      </c>
      <c r="AF24064">
        <v>74</v>
      </c>
      <c r="AG24064">
        <v>75</v>
      </c>
      <c r="AH24064">
        <v>75</v>
      </c>
      <c r="AI24064">
        <v>76</v>
      </c>
      <c r="AJ24064">
        <v>77</v>
      </c>
      <c r="AK24064">
        <v>78</v>
      </c>
      <c r="AL24064">
        <v>78</v>
      </c>
      <c r="AM24064">
        <v>79</v>
      </c>
      <c r="AN24064">
        <v>80</v>
      </c>
      <c r="AO24064">
        <v>81</v>
      </c>
      <c r="AP24064">
        <v>81</v>
      </c>
      <c r="AQ24064">
        <v>82</v>
      </c>
    </row>
    <row r="24065" spans="1:43">
      <c r="A24065" t="s">
        <v>14901</v>
      </c>
      <c r="B24065" t="s">
        <v>14902</v>
      </c>
      <c r="C24065" t="s">
        <v>14903</v>
      </c>
      <c r="D24065" t="s">
        <v>14904</v>
      </c>
      <c r="E24065" t="s">
        <v>14797</v>
      </c>
      <c r="F24065" t="s">
        <v>14798</v>
      </c>
      <c r="G24065" t="s">
        <v>10734</v>
      </c>
      <c r="H24065" t="s">
        <v>10735</v>
      </c>
      <c r="I24065" s="2">
        <v>1</v>
      </c>
      <c r="J24065" s="2">
        <v>0</v>
      </c>
      <c r="K24065" s="2">
        <v>0</v>
      </c>
      <c r="L24065" t="s">
        <v>120</v>
      </c>
      <c r="M24065" t="s">
        <v>83</v>
      </c>
      <c r="N24065" t="s">
        <v>91</v>
      </c>
      <c r="O24065" t="s">
        <v>85</v>
      </c>
      <c r="P24065" t="s">
        <v>86</v>
      </c>
      <c r="Q24065">
        <v>52</v>
      </c>
      <c r="R24065">
        <v>53</v>
      </c>
      <c r="S24065">
        <v>54</v>
      </c>
      <c r="T24065">
        <v>55</v>
      </c>
      <c r="U24065">
        <v>56</v>
      </c>
      <c r="V24065">
        <v>58</v>
      </c>
      <c r="W24065">
        <v>59</v>
      </c>
      <c r="X24065">
        <v>60</v>
      </c>
      <c r="Y24065">
        <v>61</v>
      </c>
      <c r="Z24065">
        <v>62</v>
      </c>
      <c r="AA24065">
        <v>64</v>
      </c>
      <c r="AB24065">
        <v>65</v>
      </c>
      <c r="AC24065">
        <v>66</v>
      </c>
      <c r="AD24065">
        <v>67</v>
      </c>
      <c r="AE24065">
        <v>69</v>
      </c>
      <c r="AF24065">
        <v>70</v>
      </c>
      <c r="AG24065">
        <v>71</v>
      </c>
      <c r="AH24065">
        <v>72</v>
      </c>
      <c r="AI24065">
        <v>74</v>
      </c>
      <c r="AJ24065">
        <v>75</v>
      </c>
      <c r="AK24065">
        <v>76</v>
      </c>
      <c r="AL24065">
        <v>77</v>
      </c>
      <c r="AM24065">
        <v>78</v>
      </c>
      <c r="AN24065">
        <v>79</v>
      </c>
      <c r="AO24065">
        <v>80</v>
      </c>
      <c r="AP24065">
        <v>80</v>
      </c>
      <c r="AQ24065">
        <v>81</v>
      </c>
    </row>
    <row r="24066" spans="1:43">
      <c r="A24066" t="s">
        <v>14905</v>
      </c>
      <c r="B24066" t="s">
        <v>14906</v>
      </c>
      <c r="C24066" t="s">
        <v>14903</v>
      </c>
      <c r="D24066" t="s">
        <v>14904</v>
      </c>
      <c r="E24066" t="s">
        <v>14797</v>
      </c>
      <c r="F24066" t="s">
        <v>14798</v>
      </c>
      <c r="G24066" t="s">
        <v>10734</v>
      </c>
      <c r="H24066" t="s">
        <v>10735</v>
      </c>
      <c r="I24066" s="2">
        <v>1</v>
      </c>
      <c r="J24066" s="2">
        <v>0</v>
      </c>
      <c r="K24066" s="2">
        <v>0</v>
      </c>
      <c r="L24066" t="s">
        <v>120</v>
      </c>
      <c r="M24066" t="s">
        <v>83</v>
      </c>
      <c r="N24066" t="s">
        <v>84</v>
      </c>
      <c r="O24066" t="s">
        <v>85</v>
      </c>
      <c r="P24066" t="s">
        <v>86</v>
      </c>
      <c r="Q24066">
        <v>15</v>
      </c>
      <c r="R24066">
        <v>15</v>
      </c>
      <c r="S24066">
        <v>16</v>
      </c>
      <c r="T24066">
        <v>16</v>
      </c>
      <c r="U24066">
        <v>16</v>
      </c>
      <c r="V24066">
        <v>17</v>
      </c>
      <c r="W24066">
        <v>17</v>
      </c>
      <c r="X24066">
        <v>17</v>
      </c>
      <c r="Y24066">
        <v>18</v>
      </c>
      <c r="Z24066">
        <v>18</v>
      </c>
      <c r="AA24066">
        <v>18</v>
      </c>
      <c r="AB24066">
        <v>19</v>
      </c>
      <c r="AC24066">
        <v>19</v>
      </c>
      <c r="AD24066">
        <v>19</v>
      </c>
      <c r="AE24066">
        <v>20</v>
      </c>
      <c r="AF24066">
        <v>20</v>
      </c>
      <c r="AG24066">
        <v>21</v>
      </c>
      <c r="AH24066">
        <v>21</v>
      </c>
      <c r="AI24066">
        <v>21</v>
      </c>
      <c r="AJ24066">
        <v>22</v>
      </c>
      <c r="AK24066">
        <v>22</v>
      </c>
      <c r="AL24066">
        <v>22</v>
      </c>
      <c r="AM24066">
        <v>23</v>
      </c>
      <c r="AN24066">
        <v>23</v>
      </c>
      <c r="AO24066">
        <v>23</v>
      </c>
      <c r="AP24066">
        <v>23</v>
      </c>
      <c r="AQ24066">
        <v>23</v>
      </c>
    </row>
    <row r="24067" spans="1:43">
      <c r="A24067" t="s">
        <v>14905</v>
      </c>
      <c r="B24067" t="s">
        <v>14906</v>
      </c>
      <c r="C24067" t="s">
        <v>14903</v>
      </c>
      <c r="D24067" t="s">
        <v>14904</v>
      </c>
      <c r="E24067" t="s">
        <v>14797</v>
      </c>
      <c r="F24067" t="s">
        <v>14798</v>
      </c>
      <c r="G24067" t="s">
        <v>10734</v>
      </c>
      <c r="H24067" t="s">
        <v>10735</v>
      </c>
      <c r="I24067" s="2">
        <v>1</v>
      </c>
      <c r="J24067" s="2">
        <v>0</v>
      </c>
      <c r="K24067" s="2">
        <v>0</v>
      </c>
      <c r="L24067" t="s">
        <v>120</v>
      </c>
      <c r="M24067" t="s">
        <v>87</v>
      </c>
      <c r="N24067" t="s">
        <v>88</v>
      </c>
      <c r="O24067" t="s">
        <v>85</v>
      </c>
      <c r="P24067" t="s">
        <v>86</v>
      </c>
      <c r="Q24067">
        <v>15</v>
      </c>
      <c r="R24067">
        <v>15</v>
      </c>
      <c r="S24067">
        <v>15</v>
      </c>
      <c r="T24067">
        <v>15</v>
      </c>
      <c r="U24067">
        <v>16</v>
      </c>
      <c r="V24067">
        <v>16</v>
      </c>
      <c r="W24067">
        <v>16</v>
      </c>
      <c r="X24067">
        <v>16</v>
      </c>
      <c r="Y24067">
        <v>16</v>
      </c>
      <c r="Z24067">
        <v>17</v>
      </c>
      <c r="AA24067">
        <v>17</v>
      </c>
      <c r="AB24067">
        <v>17</v>
      </c>
      <c r="AC24067">
        <v>17</v>
      </c>
      <c r="AD24067">
        <v>17</v>
      </c>
      <c r="AE24067">
        <v>18</v>
      </c>
      <c r="AF24067">
        <v>18</v>
      </c>
      <c r="AG24067">
        <v>18</v>
      </c>
      <c r="AH24067">
        <v>18</v>
      </c>
      <c r="AI24067">
        <v>18</v>
      </c>
      <c r="AJ24067">
        <v>19</v>
      </c>
      <c r="AK24067">
        <v>19</v>
      </c>
      <c r="AL24067">
        <v>19</v>
      </c>
      <c r="AM24067">
        <v>19</v>
      </c>
      <c r="AN24067">
        <v>20</v>
      </c>
      <c r="AO24067">
        <v>20</v>
      </c>
      <c r="AP24067">
        <v>20</v>
      </c>
      <c r="AQ24067">
        <v>20</v>
      </c>
    </row>
    <row r="24068" spans="1:43">
      <c r="A24068" t="s">
        <v>14905</v>
      </c>
      <c r="B24068" t="s">
        <v>14906</v>
      </c>
      <c r="C24068" t="s">
        <v>14903</v>
      </c>
      <c r="D24068" t="s">
        <v>14904</v>
      </c>
      <c r="E24068" t="s">
        <v>14797</v>
      </c>
      <c r="F24068" t="s">
        <v>14798</v>
      </c>
      <c r="G24068" t="s">
        <v>10734</v>
      </c>
      <c r="H24068" t="s">
        <v>10735</v>
      </c>
      <c r="I24068" s="2">
        <v>1</v>
      </c>
      <c r="J24068" s="2">
        <v>0</v>
      </c>
      <c r="K24068" s="2">
        <v>0</v>
      </c>
      <c r="L24068" t="s">
        <v>120</v>
      </c>
      <c r="M24068" t="s">
        <v>89</v>
      </c>
      <c r="N24068" t="s">
        <v>90</v>
      </c>
      <c r="O24068" t="s">
        <v>85</v>
      </c>
      <c r="P24068" t="s">
        <v>86</v>
      </c>
      <c r="Q24068">
        <v>15</v>
      </c>
      <c r="R24068">
        <v>16</v>
      </c>
      <c r="S24068">
        <v>16</v>
      </c>
      <c r="T24068">
        <v>16</v>
      </c>
      <c r="U24068">
        <v>17</v>
      </c>
      <c r="V24068">
        <v>17</v>
      </c>
      <c r="W24068">
        <v>18</v>
      </c>
      <c r="X24068">
        <v>18</v>
      </c>
      <c r="Y24068">
        <v>19</v>
      </c>
      <c r="Z24068">
        <v>19</v>
      </c>
      <c r="AA24068">
        <v>19</v>
      </c>
      <c r="AB24068">
        <v>20</v>
      </c>
      <c r="AC24068">
        <v>20</v>
      </c>
      <c r="AD24068">
        <v>21</v>
      </c>
      <c r="AE24068">
        <v>21</v>
      </c>
      <c r="AF24068">
        <v>21</v>
      </c>
      <c r="AG24068">
        <v>22</v>
      </c>
      <c r="AH24068">
        <v>22</v>
      </c>
      <c r="AI24068">
        <v>22</v>
      </c>
      <c r="AJ24068">
        <v>22</v>
      </c>
      <c r="AK24068">
        <v>22</v>
      </c>
      <c r="AL24068">
        <v>23</v>
      </c>
      <c r="AM24068">
        <v>23</v>
      </c>
      <c r="AN24068">
        <v>23</v>
      </c>
      <c r="AO24068">
        <v>23</v>
      </c>
      <c r="AP24068">
        <v>23</v>
      </c>
      <c r="AQ24068">
        <v>24</v>
      </c>
    </row>
    <row r="24069" spans="1:43">
      <c r="A24069" t="s">
        <v>14905</v>
      </c>
      <c r="B24069" t="s">
        <v>14906</v>
      </c>
      <c r="C24069" t="s">
        <v>14903</v>
      </c>
      <c r="D24069" t="s">
        <v>14904</v>
      </c>
      <c r="E24069" t="s">
        <v>14797</v>
      </c>
      <c r="F24069" t="s">
        <v>14798</v>
      </c>
      <c r="G24069" t="s">
        <v>10734</v>
      </c>
      <c r="H24069" t="s">
        <v>10735</v>
      </c>
      <c r="I24069" s="2">
        <v>1</v>
      </c>
      <c r="J24069" s="2">
        <v>0</v>
      </c>
      <c r="K24069" s="2">
        <v>0</v>
      </c>
      <c r="L24069" t="s">
        <v>120</v>
      </c>
      <c r="M24069" t="s">
        <v>83</v>
      </c>
      <c r="N24069" t="s">
        <v>91</v>
      </c>
      <c r="O24069" t="s">
        <v>85</v>
      </c>
      <c r="P24069" t="s">
        <v>86</v>
      </c>
      <c r="Q24069">
        <v>15</v>
      </c>
      <c r="R24069">
        <v>15</v>
      </c>
      <c r="S24069">
        <v>16</v>
      </c>
      <c r="T24069">
        <v>16</v>
      </c>
      <c r="U24069">
        <v>16</v>
      </c>
      <c r="V24069">
        <v>17</v>
      </c>
      <c r="W24069">
        <v>17</v>
      </c>
      <c r="X24069">
        <v>17</v>
      </c>
      <c r="Y24069">
        <v>18</v>
      </c>
      <c r="Z24069">
        <v>18</v>
      </c>
      <c r="AA24069">
        <v>18</v>
      </c>
      <c r="AB24069">
        <v>19</v>
      </c>
      <c r="AC24069">
        <v>19</v>
      </c>
      <c r="AD24069">
        <v>19</v>
      </c>
      <c r="AE24069">
        <v>20</v>
      </c>
      <c r="AF24069">
        <v>20</v>
      </c>
      <c r="AG24069">
        <v>21</v>
      </c>
      <c r="AH24069">
        <v>21</v>
      </c>
      <c r="AI24069">
        <v>21</v>
      </c>
      <c r="AJ24069">
        <v>22</v>
      </c>
      <c r="AK24069">
        <v>22</v>
      </c>
      <c r="AL24069">
        <v>22</v>
      </c>
      <c r="AM24069">
        <v>23</v>
      </c>
      <c r="AN24069">
        <v>23</v>
      </c>
      <c r="AO24069">
        <v>23</v>
      </c>
      <c r="AP24069">
        <v>23</v>
      </c>
      <c r="AQ24069">
        <v>23</v>
      </c>
    </row>
    <row r="24070" spans="1:43">
      <c r="A24070" t="s">
        <v>14907</v>
      </c>
      <c r="B24070" t="s">
        <v>14908</v>
      </c>
      <c r="C24070" t="s">
        <v>14897</v>
      </c>
      <c r="D24070" t="s">
        <v>14898</v>
      </c>
      <c r="E24070" t="s">
        <v>14797</v>
      </c>
      <c r="F24070" t="s">
        <v>14798</v>
      </c>
      <c r="G24070" t="s">
        <v>10734</v>
      </c>
      <c r="H24070" t="s">
        <v>10735</v>
      </c>
      <c r="I24070" s="2">
        <v>1</v>
      </c>
      <c r="J24070" s="2">
        <v>0</v>
      </c>
      <c r="K24070" s="2">
        <v>0</v>
      </c>
      <c r="L24070" t="s">
        <v>120</v>
      </c>
      <c r="M24070" t="s">
        <v>83</v>
      </c>
      <c r="N24070" t="s">
        <v>84</v>
      </c>
      <c r="O24070" t="s">
        <v>85</v>
      </c>
      <c r="P24070" t="s">
        <v>86</v>
      </c>
      <c r="Q24070">
        <v>11</v>
      </c>
      <c r="R24070">
        <v>11</v>
      </c>
      <c r="S24070">
        <v>11</v>
      </c>
      <c r="T24070">
        <v>12</v>
      </c>
      <c r="U24070">
        <v>12</v>
      </c>
      <c r="V24070">
        <v>12</v>
      </c>
      <c r="W24070">
        <v>12</v>
      </c>
      <c r="X24070">
        <v>13</v>
      </c>
      <c r="Y24070">
        <v>13</v>
      </c>
      <c r="Z24070">
        <v>13</v>
      </c>
      <c r="AA24070">
        <v>13</v>
      </c>
      <c r="AB24070">
        <v>14</v>
      </c>
      <c r="AC24070">
        <v>14</v>
      </c>
      <c r="AD24070">
        <v>14</v>
      </c>
      <c r="AE24070">
        <v>14</v>
      </c>
      <c r="AF24070">
        <v>15</v>
      </c>
      <c r="AG24070">
        <v>15</v>
      </c>
      <c r="AH24070">
        <v>15</v>
      </c>
      <c r="AI24070">
        <v>15</v>
      </c>
      <c r="AJ24070">
        <v>16</v>
      </c>
      <c r="AK24070">
        <v>16</v>
      </c>
      <c r="AL24070">
        <v>16</v>
      </c>
      <c r="AM24070">
        <v>16</v>
      </c>
      <c r="AN24070">
        <v>17</v>
      </c>
      <c r="AO24070">
        <v>17</v>
      </c>
      <c r="AP24070">
        <v>17</v>
      </c>
      <c r="AQ24070">
        <v>17</v>
      </c>
    </row>
    <row r="24071" spans="1:43">
      <c r="A24071" t="s">
        <v>14907</v>
      </c>
      <c r="B24071" t="s">
        <v>14908</v>
      </c>
      <c r="C24071" t="s">
        <v>14897</v>
      </c>
      <c r="D24071" t="s">
        <v>14898</v>
      </c>
      <c r="E24071" t="s">
        <v>14797</v>
      </c>
      <c r="F24071" t="s">
        <v>14798</v>
      </c>
      <c r="G24071" t="s">
        <v>10734</v>
      </c>
      <c r="H24071" t="s">
        <v>10735</v>
      </c>
      <c r="I24071" s="2">
        <v>1</v>
      </c>
      <c r="J24071" s="2">
        <v>0</v>
      </c>
      <c r="K24071" s="2">
        <v>0</v>
      </c>
      <c r="L24071" t="s">
        <v>120</v>
      </c>
      <c r="M24071" t="s">
        <v>87</v>
      </c>
      <c r="N24071" t="s">
        <v>88</v>
      </c>
      <c r="O24071" t="s">
        <v>85</v>
      </c>
      <c r="P24071" t="s">
        <v>86</v>
      </c>
      <c r="Q24071">
        <v>11</v>
      </c>
      <c r="R24071">
        <v>11</v>
      </c>
      <c r="S24071">
        <v>11</v>
      </c>
      <c r="T24071">
        <v>11</v>
      </c>
      <c r="U24071">
        <v>11</v>
      </c>
      <c r="V24071">
        <v>11</v>
      </c>
      <c r="W24071">
        <v>12</v>
      </c>
      <c r="X24071">
        <v>12</v>
      </c>
      <c r="Y24071">
        <v>12</v>
      </c>
      <c r="Z24071">
        <v>12</v>
      </c>
      <c r="AA24071">
        <v>12</v>
      </c>
      <c r="AB24071">
        <v>12</v>
      </c>
      <c r="AC24071">
        <v>12</v>
      </c>
      <c r="AD24071">
        <v>13</v>
      </c>
      <c r="AE24071">
        <v>13</v>
      </c>
      <c r="AF24071">
        <v>13</v>
      </c>
      <c r="AG24071">
        <v>13</v>
      </c>
      <c r="AH24071">
        <v>13</v>
      </c>
      <c r="AI24071">
        <v>13</v>
      </c>
      <c r="AJ24071">
        <v>14</v>
      </c>
      <c r="AK24071">
        <v>14</v>
      </c>
      <c r="AL24071">
        <v>14</v>
      </c>
      <c r="AM24071">
        <v>14</v>
      </c>
      <c r="AN24071">
        <v>14</v>
      </c>
      <c r="AO24071">
        <v>14</v>
      </c>
      <c r="AP24071">
        <v>15</v>
      </c>
      <c r="AQ24071">
        <v>15</v>
      </c>
    </row>
    <row r="24072" spans="1:43">
      <c r="A24072" t="s">
        <v>14907</v>
      </c>
      <c r="B24072" t="s">
        <v>14908</v>
      </c>
      <c r="C24072" t="s">
        <v>14897</v>
      </c>
      <c r="D24072" t="s">
        <v>14898</v>
      </c>
      <c r="E24072" t="s">
        <v>14797</v>
      </c>
      <c r="F24072" t="s">
        <v>14798</v>
      </c>
      <c r="G24072" t="s">
        <v>10734</v>
      </c>
      <c r="H24072" t="s">
        <v>10735</v>
      </c>
      <c r="I24072" s="2">
        <v>1</v>
      </c>
      <c r="J24072" s="2">
        <v>0</v>
      </c>
      <c r="K24072" s="2">
        <v>0</v>
      </c>
      <c r="L24072" t="s">
        <v>120</v>
      </c>
      <c r="M24072" t="s">
        <v>89</v>
      </c>
      <c r="N24072" t="s">
        <v>90</v>
      </c>
      <c r="O24072" t="s">
        <v>85</v>
      </c>
      <c r="P24072" t="s">
        <v>86</v>
      </c>
      <c r="Q24072">
        <v>11</v>
      </c>
      <c r="R24072">
        <v>11</v>
      </c>
      <c r="S24072">
        <v>12</v>
      </c>
      <c r="T24072">
        <v>12</v>
      </c>
      <c r="U24072">
        <v>12</v>
      </c>
      <c r="V24072">
        <v>13</v>
      </c>
      <c r="W24072">
        <v>13</v>
      </c>
      <c r="X24072">
        <v>13</v>
      </c>
      <c r="Y24072">
        <v>14</v>
      </c>
      <c r="Z24072">
        <v>14</v>
      </c>
      <c r="AA24072">
        <v>14</v>
      </c>
      <c r="AB24072">
        <v>14</v>
      </c>
      <c r="AC24072">
        <v>15</v>
      </c>
      <c r="AD24072">
        <v>15</v>
      </c>
      <c r="AE24072">
        <v>15</v>
      </c>
      <c r="AF24072">
        <v>16</v>
      </c>
      <c r="AG24072">
        <v>16</v>
      </c>
      <c r="AH24072">
        <v>16</v>
      </c>
      <c r="AI24072">
        <v>16</v>
      </c>
      <c r="AJ24072">
        <v>16</v>
      </c>
      <c r="AK24072">
        <v>16</v>
      </c>
      <c r="AL24072">
        <v>16</v>
      </c>
      <c r="AM24072">
        <v>17</v>
      </c>
      <c r="AN24072">
        <v>17</v>
      </c>
      <c r="AO24072">
        <v>17</v>
      </c>
      <c r="AP24072">
        <v>17</v>
      </c>
      <c r="AQ24072">
        <v>17</v>
      </c>
    </row>
    <row r="24073" spans="1:43">
      <c r="A24073" t="s">
        <v>14907</v>
      </c>
      <c r="B24073" t="s">
        <v>14908</v>
      </c>
      <c r="C24073" t="s">
        <v>14897</v>
      </c>
      <c r="D24073" t="s">
        <v>14898</v>
      </c>
      <c r="E24073" t="s">
        <v>14797</v>
      </c>
      <c r="F24073" t="s">
        <v>14798</v>
      </c>
      <c r="G24073" t="s">
        <v>10734</v>
      </c>
      <c r="H24073" t="s">
        <v>10735</v>
      </c>
      <c r="I24073" s="2">
        <v>1</v>
      </c>
      <c r="J24073" s="2">
        <v>0</v>
      </c>
      <c r="K24073" s="2">
        <v>0</v>
      </c>
      <c r="L24073" t="s">
        <v>120</v>
      </c>
      <c r="M24073" t="s">
        <v>83</v>
      </c>
      <c r="N24073" t="s">
        <v>91</v>
      </c>
      <c r="O24073" t="s">
        <v>85</v>
      </c>
      <c r="P24073" t="s">
        <v>86</v>
      </c>
      <c r="Q24073">
        <v>11</v>
      </c>
      <c r="R24073">
        <v>11</v>
      </c>
      <c r="S24073">
        <v>11</v>
      </c>
      <c r="T24073">
        <v>12</v>
      </c>
      <c r="U24073">
        <v>12</v>
      </c>
      <c r="V24073">
        <v>12</v>
      </c>
      <c r="W24073">
        <v>12</v>
      </c>
      <c r="X24073">
        <v>13</v>
      </c>
      <c r="Y24073">
        <v>13</v>
      </c>
      <c r="Z24073">
        <v>13</v>
      </c>
      <c r="AA24073">
        <v>13</v>
      </c>
      <c r="AB24073">
        <v>14</v>
      </c>
      <c r="AC24073">
        <v>14</v>
      </c>
      <c r="AD24073">
        <v>14</v>
      </c>
      <c r="AE24073">
        <v>14</v>
      </c>
      <c r="AF24073">
        <v>15</v>
      </c>
      <c r="AG24073">
        <v>15</v>
      </c>
      <c r="AH24073">
        <v>15</v>
      </c>
      <c r="AI24073">
        <v>15</v>
      </c>
      <c r="AJ24073">
        <v>16</v>
      </c>
      <c r="AK24073">
        <v>16</v>
      </c>
      <c r="AL24073">
        <v>16</v>
      </c>
      <c r="AM24073">
        <v>16</v>
      </c>
      <c r="AN24073">
        <v>17</v>
      </c>
      <c r="AO24073">
        <v>17</v>
      </c>
      <c r="AP24073">
        <v>17</v>
      </c>
      <c r="AQ24073">
        <v>17</v>
      </c>
    </row>
    <row r="24074" spans="1:43">
      <c r="A24074" t="s">
        <v>14909</v>
      </c>
      <c r="B24074" t="s">
        <v>14910</v>
      </c>
      <c r="C24074" t="s">
        <v>14897</v>
      </c>
      <c r="D24074" t="s">
        <v>14898</v>
      </c>
      <c r="E24074" t="s">
        <v>14797</v>
      </c>
      <c r="F24074" t="s">
        <v>14798</v>
      </c>
      <c r="G24074" t="s">
        <v>10734</v>
      </c>
      <c r="H24074" t="s">
        <v>10735</v>
      </c>
      <c r="I24074" s="2">
        <v>1</v>
      </c>
      <c r="J24074" s="2">
        <v>0</v>
      </c>
      <c r="K24074" s="2">
        <v>0</v>
      </c>
      <c r="L24074" t="s">
        <v>120</v>
      </c>
      <c r="M24074" t="s">
        <v>83</v>
      </c>
      <c r="N24074" t="s">
        <v>84</v>
      </c>
      <c r="O24074" t="s">
        <v>85</v>
      </c>
      <c r="P24074" t="s">
        <v>86</v>
      </c>
      <c r="Q24074">
        <v>29</v>
      </c>
      <c r="R24074">
        <v>30</v>
      </c>
      <c r="S24074">
        <v>30</v>
      </c>
      <c r="T24074">
        <v>31</v>
      </c>
      <c r="U24074">
        <v>31</v>
      </c>
      <c r="V24074">
        <v>32</v>
      </c>
      <c r="W24074">
        <v>33</v>
      </c>
      <c r="X24074">
        <v>33</v>
      </c>
      <c r="Y24074">
        <v>34</v>
      </c>
      <c r="Z24074">
        <v>35</v>
      </c>
      <c r="AA24074">
        <v>35</v>
      </c>
      <c r="AB24074">
        <v>36</v>
      </c>
      <c r="AC24074">
        <v>37</v>
      </c>
      <c r="AD24074">
        <v>38</v>
      </c>
      <c r="AE24074">
        <v>38</v>
      </c>
      <c r="AF24074">
        <v>39</v>
      </c>
      <c r="AG24074">
        <v>40</v>
      </c>
      <c r="AH24074">
        <v>40</v>
      </c>
      <c r="AI24074">
        <v>41</v>
      </c>
      <c r="AJ24074">
        <v>42</v>
      </c>
      <c r="AK24074">
        <v>43</v>
      </c>
      <c r="AL24074">
        <v>43</v>
      </c>
      <c r="AM24074">
        <v>44</v>
      </c>
      <c r="AN24074">
        <v>44</v>
      </c>
      <c r="AO24074">
        <v>44</v>
      </c>
      <c r="AP24074">
        <v>45</v>
      </c>
      <c r="AQ24074">
        <v>45</v>
      </c>
    </row>
    <row r="24075" spans="1:43">
      <c r="A24075" t="s">
        <v>14909</v>
      </c>
      <c r="B24075" t="s">
        <v>14910</v>
      </c>
      <c r="C24075" t="s">
        <v>14897</v>
      </c>
      <c r="D24075" t="s">
        <v>14898</v>
      </c>
      <c r="E24075" t="s">
        <v>14797</v>
      </c>
      <c r="F24075" t="s">
        <v>14798</v>
      </c>
      <c r="G24075" t="s">
        <v>10734</v>
      </c>
      <c r="H24075" t="s">
        <v>10735</v>
      </c>
      <c r="I24075" s="2">
        <v>1</v>
      </c>
      <c r="J24075" s="2">
        <v>0</v>
      </c>
      <c r="K24075" s="2">
        <v>0</v>
      </c>
      <c r="L24075" t="s">
        <v>120</v>
      </c>
      <c r="M24075" t="s">
        <v>87</v>
      </c>
      <c r="N24075" t="s">
        <v>88</v>
      </c>
      <c r="O24075" t="s">
        <v>85</v>
      </c>
      <c r="P24075" t="s">
        <v>86</v>
      </c>
      <c r="Q24075">
        <v>29</v>
      </c>
      <c r="R24075">
        <v>29</v>
      </c>
      <c r="S24075">
        <v>29</v>
      </c>
      <c r="T24075">
        <v>30</v>
      </c>
      <c r="U24075">
        <v>30</v>
      </c>
      <c r="V24075">
        <v>30</v>
      </c>
      <c r="W24075">
        <v>31</v>
      </c>
      <c r="X24075">
        <v>31</v>
      </c>
      <c r="Y24075">
        <v>32</v>
      </c>
      <c r="Z24075">
        <v>32</v>
      </c>
      <c r="AA24075">
        <v>32</v>
      </c>
      <c r="AB24075">
        <v>33</v>
      </c>
      <c r="AC24075">
        <v>33</v>
      </c>
      <c r="AD24075">
        <v>34</v>
      </c>
      <c r="AE24075">
        <v>34</v>
      </c>
      <c r="AF24075">
        <v>34</v>
      </c>
      <c r="AG24075">
        <v>35</v>
      </c>
      <c r="AH24075">
        <v>35</v>
      </c>
      <c r="AI24075">
        <v>36</v>
      </c>
      <c r="AJ24075">
        <v>36</v>
      </c>
      <c r="AK24075">
        <v>37</v>
      </c>
      <c r="AL24075">
        <v>37</v>
      </c>
      <c r="AM24075">
        <v>37</v>
      </c>
      <c r="AN24075">
        <v>38</v>
      </c>
      <c r="AO24075">
        <v>38</v>
      </c>
      <c r="AP24075">
        <v>39</v>
      </c>
      <c r="AQ24075">
        <v>39</v>
      </c>
    </row>
    <row r="24076" spans="1:43">
      <c r="A24076" t="s">
        <v>14909</v>
      </c>
      <c r="B24076" t="s">
        <v>14910</v>
      </c>
      <c r="C24076" t="s">
        <v>14897</v>
      </c>
      <c r="D24076" t="s">
        <v>14898</v>
      </c>
      <c r="E24076" t="s">
        <v>14797</v>
      </c>
      <c r="F24076" t="s">
        <v>14798</v>
      </c>
      <c r="G24076" t="s">
        <v>10734</v>
      </c>
      <c r="H24076" t="s">
        <v>10735</v>
      </c>
      <c r="I24076" s="2">
        <v>1</v>
      </c>
      <c r="J24076" s="2">
        <v>0</v>
      </c>
      <c r="K24076" s="2">
        <v>0</v>
      </c>
      <c r="L24076" t="s">
        <v>120</v>
      </c>
      <c r="M24076" t="s">
        <v>89</v>
      </c>
      <c r="N24076" t="s">
        <v>90</v>
      </c>
      <c r="O24076" t="s">
        <v>85</v>
      </c>
      <c r="P24076" t="s">
        <v>86</v>
      </c>
      <c r="Q24076">
        <v>29</v>
      </c>
      <c r="R24076">
        <v>30</v>
      </c>
      <c r="S24076">
        <v>31</v>
      </c>
      <c r="T24076">
        <v>32</v>
      </c>
      <c r="U24076">
        <v>33</v>
      </c>
      <c r="V24076">
        <v>34</v>
      </c>
      <c r="W24076">
        <v>34</v>
      </c>
      <c r="X24076">
        <v>35</v>
      </c>
      <c r="Y24076">
        <v>36</v>
      </c>
      <c r="Z24076">
        <v>37</v>
      </c>
      <c r="AA24076">
        <v>38</v>
      </c>
      <c r="AB24076">
        <v>39</v>
      </c>
      <c r="AC24076">
        <v>39</v>
      </c>
      <c r="AD24076">
        <v>40</v>
      </c>
      <c r="AE24076">
        <v>41</v>
      </c>
      <c r="AF24076">
        <v>41</v>
      </c>
      <c r="AG24076">
        <v>42</v>
      </c>
      <c r="AH24076">
        <v>42</v>
      </c>
      <c r="AI24076">
        <v>42</v>
      </c>
      <c r="AJ24076">
        <v>43</v>
      </c>
      <c r="AK24076">
        <v>43</v>
      </c>
      <c r="AL24076">
        <v>44</v>
      </c>
      <c r="AM24076">
        <v>44</v>
      </c>
      <c r="AN24076">
        <v>44</v>
      </c>
      <c r="AO24076">
        <v>45</v>
      </c>
      <c r="AP24076">
        <v>45</v>
      </c>
      <c r="AQ24076">
        <v>46</v>
      </c>
    </row>
    <row r="24077" spans="1:43">
      <c r="A24077" t="s">
        <v>14909</v>
      </c>
      <c r="B24077" t="s">
        <v>14910</v>
      </c>
      <c r="C24077" t="s">
        <v>14897</v>
      </c>
      <c r="D24077" t="s">
        <v>14898</v>
      </c>
      <c r="E24077" t="s">
        <v>14797</v>
      </c>
      <c r="F24077" t="s">
        <v>14798</v>
      </c>
      <c r="G24077" t="s">
        <v>10734</v>
      </c>
      <c r="H24077" t="s">
        <v>10735</v>
      </c>
      <c r="I24077" s="2">
        <v>1</v>
      </c>
      <c r="J24077" s="2">
        <v>0</v>
      </c>
      <c r="K24077" s="2">
        <v>0</v>
      </c>
      <c r="L24077" t="s">
        <v>120</v>
      </c>
      <c r="M24077" t="s">
        <v>83</v>
      </c>
      <c r="N24077" t="s">
        <v>91</v>
      </c>
      <c r="O24077" t="s">
        <v>85</v>
      </c>
      <c r="P24077" t="s">
        <v>86</v>
      </c>
      <c r="Q24077">
        <v>29</v>
      </c>
      <c r="R24077">
        <v>30</v>
      </c>
      <c r="S24077">
        <v>30</v>
      </c>
      <c r="T24077">
        <v>31</v>
      </c>
      <c r="U24077">
        <v>31</v>
      </c>
      <c r="V24077">
        <v>32</v>
      </c>
      <c r="W24077">
        <v>33</v>
      </c>
      <c r="X24077">
        <v>33</v>
      </c>
      <c r="Y24077">
        <v>34</v>
      </c>
      <c r="Z24077">
        <v>35</v>
      </c>
      <c r="AA24077">
        <v>35</v>
      </c>
      <c r="AB24077">
        <v>36</v>
      </c>
      <c r="AC24077">
        <v>37</v>
      </c>
      <c r="AD24077">
        <v>38</v>
      </c>
      <c r="AE24077">
        <v>38</v>
      </c>
      <c r="AF24077">
        <v>39</v>
      </c>
      <c r="AG24077">
        <v>40</v>
      </c>
      <c r="AH24077">
        <v>40</v>
      </c>
      <c r="AI24077">
        <v>41</v>
      </c>
      <c r="AJ24077">
        <v>42</v>
      </c>
      <c r="AK24077">
        <v>43</v>
      </c>
      <c r="AL24077">
        <v>43</v>
      </c>
      <c r="AM24077">
        <v>44</v>
      </c>
      <c r="AN24077">
        <v>44</v>
      </c>
      <c r="AO24077">
        <v>44</v>
      </c>
      <c r="AP24077">
        <v>45</v>
      </c>
      <c r="AQ24077">
        <v>45</v>
      </c>
    </row>
    <row r="24078" spans="1:43">
      <c r="A24078" t="s">
        <v>14911</v>
      </c>
      <c r="B24078" t="s">
        <v>14912</v>
      </c>
      <c r="C24078" t="s">
        <v>14897</v>
      </c>
      <c r="D24078" t="s">
        <v>14898</v>
      </c>
      <c r="E24078" t="s">
        <v>14797</v>
      </c>
      <c r="F24078" t="s">
        <v>14798</v>
      </c>
      <c r="G24078" t="s">
        <v>10734</v>
      </c>
      <c r="H24078" t="s">
        <v>10735</v>
      </c>
      <c r="I24078" s="2">
        <v>1</v>
      </c>
      <c r="J24078" s="2">
        <v>0</v>
      </c>
      <c r="K24078" s="2">
        <v>0</v>
      </c>
      <c r="L24078" t="s">
        <v>120</v>
      </c>
      <c r="M24078" t="s">
        <v>83</v>
      </c>
      <c r="N24078" t="s">
        <v>84</v>
      </c>
      <c r="O24078" t="s">
        <v>85</v>
      </c>
      <c r="P24078" t="s">
        <v>86</v>
      </c>
      <c r="Q24078">
        <v>8</v>
      </c>
      <c r="R24078">
        <v>8</v>
      </c>
      <c r="S24078">
        <v>8</v>
      </c>
      <c r="T24078">
        <v>8</v>
      </c>
      <c r="U24078">
        <v>8</v>
      </c>
      <c r="V24078">
        <v>9</v>
      </c>
      <c r="W24078">
        <v>9</v>
      </c>
      <c r="X24078">
        <v>9</v>
      </c>
      <c r="Y24078">
        <v>9</v>
      </c>
      <c r="Z24078">
        <v>9</v>
      </c>
      <c r="AA24078">
        <v>9</v>
      </c>
      <c r="AB24078">
        <v>10</v>
      </c>
      <c r="AC24078">
        <v>10</v>
      </c>
      <c r="AD24078">
        <v>10</v>
      </c>
      <c r="AE24078">
        <v>10</v>
      </c>
      <c r="AF24078">
        <v>10</v>
      </c>
      <c r="AG24078">
        <v>11</v>
      </c>
      <c r="AH24078">
        <v>11</v>
      </c>
      <c r="AI24078">
        <v>11</v>
      </c>
      <c r="AJ24078">
        <v>11</v>
      </c>
      <c r="AK24078">
        <v>11</v>
      </c>
      <c r="AL24078">
        <v>11</v>
      </c>
      <c r="AM24078">
        <v>12</v>
      </c>
      <c r="AN24078">
        <v>12</v>
      </c>
      <c r="AO24078">
        <v>12</v>
      </c>
      <c r="AP24078">
        <v>12</v>
      </c>
      <c r="AQ24078">
        <v>12</v>
      </c>
    </row>
    <row r="24079" spans="1:43">
      <c r="A24079" t="s">
        <v>14911</v>
      </c>
      <c r="B24079" t="s">
        <v>14912</v>
      </c>
      <c r="C24079" t="s">
        <v>14897</v>
      </c>
      <c r="D24079" t="s">
        <v>14898</v>
      </c>
      <c r="E24079" t="s">
        <v>14797</v>
      </c>
      <c r="F24079" t="s">
        <v>14798</v>
      </c>
      <c r="G24079" t="s">
        <v>10734</v>
      </c>
      <c r="H24079" t="s">
        <v>10735</v>
      </c>
      <c r="I24079" s="2">
        <v>1</v>
      </c>
      <c r="J24079" s="2">
        <v>0</v>
      </c>
      <c r="K24079" s="2">
        <v>0</v>
      </c>
      <c r="L24079" t="s">
        <v>120</v>
      </c>
      <c r="M24079" t="s">
        <v>87</v>
      </c>
      <c r="N24079" t="s">
        <v>88</v>
      </c>
      <c r="O24079" t="s">
        <v>85</v>
      </c>
      <c r="P24079" t="s">
        <v>86</v>
      </c>
      <c r="Q24079">
        <v>8</v>
      </c>
      <c r="R24079">
        <v>8</v>
      </c>
      <c r="S24079">
        <v>8</v>
      </c>
      <c r="T24079">
        <v>8</v>
      </c>
      <c r="U24079">
        <v>8</v>
      </c>
      <c r="V24079">
        <v>8</v>
      </c>
      <c r="W24079">
        <v>8</v>
      </c>
      <c r="X24079">
        <v>8</v>
      </c>
      <c r="Y24079">
        <v>8</v>
      </c>
      <c r="Z24079">
        <v>8</v>
      </c>
      <c r="AA24079">
        <v>9</v>
      </c>
      <c r="AB24079">
        <v>9</v>
      </c>
      <c r="AC24079">
        <v>9</v>
      </c>
      <c r="AD24079">
        <v>9</v>
      </c>
      <c r="AE24079">
        <v>9</v>
      </c>
      <c r="AF24079">
        <v>9</v>
      </c>
      <c r="AG24079">
        <v>9</v>
      </c>
      <c r="AH24079">
        <v>9</v>
      </c>
      <c r="AI24079">
        <v>9</v>
      </c>
      <c r="AJ24079">
        <v>10</v>
      </c>
      <c r="AK24079">
        <v>10</v>
      </c>
      <c r="AL24079">
        <v>10</v>
      </c>
      <c r="AM24079">
        <v>10</v>
      </c>
      <c r="AN24079">
        <v>10</v>
      </c>
      <c r="AO24079">
        <v>10</v>
      </c>
      <c r="AP24079">
        <v>10</v>
      </c>
      <c r="AQ24079">
        <v>10</v>
      </c>
    </row>
    <row r="24080" spans="1:43">
      <c r="A24080" t="s">
        <v>14911</v>
      </c>
      <c r="B24080" t="s">
        <v>14912</v>
      </c>
      <c r="C24080" t="s">
        <v>14897</v>
      </c>
      <c r="D24080" t="s">
        <v>14898</v>
      </c>
      <c r="E24080" t="s">
        <v>14797</v>
      </c>
      <c r="F24080" t="s">
        <v>14798</v>
      </c>
      <c r="G24080" t="s">
        <v>10734</v>
      </c>
      <c r="H24080" t="s">
        <v>10735</v>
      </c>
      <c r="I24080" s="2">
        <v>1</v>
      </c>
      <c r="J24080" s="2">
        <v>0</v>
      </c>
      <c r="K24080" s="2">
        <v>0</v>
      </c>
      <c r="L24080" t="s">
        <v>120</v>
      </c>
      <c r="M24080" t="s">
        <v>89</v>
      </c>
      <c r="N24080" t="s">
        <v>90</v>
      </c>
      <c r="O24080" t="s">
        <v>85</v>
      </c>
      <c r="P24080" t="s">
        <v>86</v>
      </c>
      <c r="Q24080">
        <v>8</v>
      </c>
      <c r="R24080">
        <v>8</v>
      </c>
      <c r="S24080">
        <v>8</v>
      </c>
      <c r="T24080">
        <v>8</v>
      </c>
      <c r="U24080">
        <v>9</v>
      </c>
      <c r="V24080">
        <v>9</v>
      </c>
      <c r="W24080">
        <v>9</v>
      </c>
      <c r="X24080">
        <v>9</v>
      </c>
      <c r="Y24080">
        <v>10</v>
      </c>
      <c r="Z24080">
        <v>10</v>
      </c>
      <c r="AA24080">
        <v>10</v>
      </c>
      <c r="AB24080">
        <v>10</v>
      </c>
      <c r="AC24080">
        <v>10</v>
      </c>
      <c r="AD24080">
        <v>11</v>
      </c>
      <c r="AE24080">
        <v>11</v>
      </c>
      <c r="AF24080">
        <v>11</v>
      </c>
      <c r="AG24080">
        <v>11</v>
      </c>
      <c r="AH24080">
        <v>11</v>
      </c>
      <c r="AI24080">
        <v>11</v>
      </c>
      <c r="AJ24080">
        <v>11</v>
      </c>
      <c r="AK24080">
        <v>11</v>
      </c>
      <c r="AL24080">
        <v>12</v>
      </c>
      <c r="AM24080">
        <v>12</v>
      </c>
      <c r="AN24080">
        <v>12</v>
      </c>
      <c r="AO24080">
        <v>12</v>
      </c>
      <c r="AP24080">
        <v>12</v>
      </c>
      <c r="AQ24080">
        <v>12</v>
      </c>
    </row>
    <row r="24081" spans="1:43">
      <c r="A24081" t="s">
        <v>14911</v>
      </c>
      <c r="B24081" t="s">
        <v>14912</v>
      </c>
      <c r="C24081" t="s">
        <v>14897</v>
      </c>
      <c r="D24081" t="s">
        <v>14898</v>
      </c>
      <c r="E24081" t="s">
        <v>14797</v>
      </c>
      <c r="F24081" t="s">
        <v>14798</v>
      </c>
      <c r="G24081" t="s">
        <v>10734</v>
      </c>
      <c r="H24081" t="s">
        <v>10735</v>
      </c>
      <c r="I24081" s="2">
        <v>1</v>
      </c>
      <c r="J24081" s="2">
        <v>0</v>
      </c>
      <c r="K24081" s="2">
        <v>0</v>
      </c>
      <c r="L24081" t="s">
        <v>120</v>
      </c>
      <c r="M24081" t="s">
        <v>83</v>
      </c>
      <c r="N24081" t="s">
        <v>91</v>
      </c>
      <c r="O24081" t="s">
        <v>85</v>
      </c>
      <c r="P24081" t="s">
        <v>86</v>
      </c>
      <c r="Q24081">
        <v>8</v>
      </c>
      <c r="R24081">
        <v>8</v>
      </c>
      <c r="S24081">
        <v>8</v>
      </c>
      <c r="T24081">
        <v>8</v>
      </c>
      <c r="U24081">
        <v>8</v>
      </c>
      <c r="V24081">
        <v>9</v>
      </c>
      <c r="W24081">
        <v>9</v>
      </c>
      <c r="X24081">
        <v>9</v>
      </c>
      <c r="Y24081">
        <v>9</v>
      </c>
      <c r="Z24081">
        <v>9</v>
      </c>
      <c r="AA24081">
        <v>9</v>
      </c>
      <c r="AB24081">
        <v>10</v>
      </c>
      <c r="AC24081">
        <v>10</v>
      </c>
      <c r="AD24081">
        <v>10</v>
      </c>
      <c r="AE24081">
        <v>10</v>
      </c>
      <c r="AF24081">
        <v>10</v>
      </c>
      <c r="AG24081">
        <v>11</v>
      </c>
      <c r="AH24081">
        <v>11</v>
      </c>
      <c r="AI24081">
        <v>11</v>
      </c>
      <c r="AJ24081">
        <v>11</v>
      </c>
      <c r="AK24081">
        <v>11</v>
      </c>
      <c r="AL24081">
        <v>11</v>
      </c>
      <c r="AM24081">
        <v>12</v>
      </c>
      <c r="AN24081">
        <v>12</v>
      </c>
      <c r="AO24081">
        <v>12</v>
      </c>
      <c r="AP24081">
        <v>12</v>
      </c>
      <c r="AQ24081">
        <v>12</v>
      </c>
    </row>
    <row r="24082" spans="1:43">
      <c r="A24082" t="s">
        <v>14913</v>
      </c>
      <c r="B24082" t="s">
        <v>14914</v>
      </c>
      <c r="C24082" t="s">
        <v>14801</v>
      </c>
      <c r="D24082" t="s">
        <v>14802</v>
      </c>
      <c r="E24082" t="s">
        <v>14797</v>
      </c>
      <c r="F24082" t="s">
        <v>14798</v>
      </c>
      <c r="G24082" t="s">
        <v>10734</v>
      </c>
      <c r="H24082" t="s">
        <v>10735</v>
      </c>
      <c r="I24082" s="2">
        <v>1</v>
      </c>
      <c r="J24082" s="2">
        <v>0</v>
      </c>
      <c r="K24082" s="2">
        <v>0</v>
      </c>
      <c r="L24082" t="s">
        <v>120</v>
      </c>
      <c r="M24082" t="s">
        <v>83</v>
      </c>
      <c r="N24082" t="s">
        <v>84</v>
      </c>
      <c r="O24082" t="s">
        <v>85</v>
      </c>
      <c r="P24082" t="s">
        <v>86</v>
      </c>
      <c r="Q24082">
        <v>28</v>
      </c>
      <c r="R24082">
        <v>28</v>
      </c>
      <c r="S24082">
        <v>29</v>
      </c>
      <c r="T24082">
        <v>29</v>
      </c>
      <c r="U24082">
        <v>30</v>
      </c>
      <c r="V24082">
        <v>31</v>
      </c>
      <c r="W24082">
        <v>31</v>
      </c>
      <c r="X24082">
        <v>32</v>
      </c>
      <c r="Y24082">
        <v>33</v>
      </c>
      <c r="Z24082">
        <v>33</v>
      </c>
      <c r="AA24082">
        <v>34</v>
      </c>
      <c r="AB24082">
        <v>34</v>
      </c>
      <c r="AC24082">
        <v>35</v>
      </c>
      <c r="AD24082">
        <v>36</v>
      </c>
      <c r="AE24082">
        <v>36</v>
      </c>
      <c r="AF24082">
        <v>37</v>
      </c>
      <c r="AG24082">
        <v>38</v>
      </c>
      <c r="AH24082">
        <v>39</v>
      </c>
      <c r="AI24082">
        <v>39</v>
      </c>
      <c r="AJ24082">
        <v>40</v>
      </c>
      <c r="AK24082">
        <v>41</v>
      </c>
      <c r="AL24082">
        <v>41</v>
      </c>
      <c r="AM24082">
        <v>41</v>
      </c>
      <c r="AN24082">
        <v>42</v>
      </c>
      <c r="AO24082">
        <v>42</v>
      </c>
      <c r="AP24082">
        <v>43</v>
      </c>
      <c r="AQ24082">
        <v>43</v>
      </c>
    </row>
    <row r="24083" spans="1:43">
      <c r="A24083" t="s">
        <v>14913</v>
      </c>
      <c r="B24083" t="s">
        <v>14914</v>
      </c>
      <c r="C24083" t="s">
        <v>14801</v>
      </c>
      <c r="D24083" t="s">
        <v>14802</v>
      </c>
      <c r="E24083" t="s">
        <v>14797</v>
      </c>
      <c r="F24083" t="s">
        <v>14798</v>
      </c>
      <c r="G24083" t="s">
        <v>10734</v>
      </c>
      <c r="H24083" t="s">
        <v>10735</v>
      </c>
      <c r="I24083" s="2">
        <v>1</v>
      </c>
      <c r="J24083" s="2">
        <v>0</v>
      </c>
      <c r="K24083" s="2">
        <v>0</v>
      </c>
      <c r="L24083" t="s">
        <v>120</v>
      </c>
      <c r="M24083" t="s">
        <v>87</v>
      </c>
      <c r="N24083" t="s">
        <v>88</v>
      </c>
      <c r="O24083" t="s">
        <v>85</v>
      </c>
      <c r="P24083" t="s">
        <v>86</v>
      </c>
      <c r="Q24083">
        <v>28</v>
      </c>
      <c r="R24083">
        <v>29</v>
      </c>
      <c r="S24083">
        <v>29</v>
      </c>
      <c r="T24083">
        <v>29</v>
      </c>
      <c r="U24083">
        <v>30</v>
      </c>
      <c r="V24083">
        <v>30</v>
      </c>
      <c r="W24083">
        <v>30</v>
      </c>
      <c r="X24083">
        <v>31</v>
      </c>
      <c r="Y24083">
        <v>31</v>
      </c>
      <c r="Z24083">
        <v>32</v>
      </c>
      <c r="AA24083">
        <v>32</v>
      </c>
      <c r="AB24083">
        <v>32</v>
      </c>
      <c r="AC24083">
        <v>33</v>
      </c>
      <c r="AD24083">
        <v>33</v>
      </c>
      <c r="AE24083">
        <v>33</v>
      </c>
      <c r="AF24083">
        <v>34</v>
      </c>
      <c r="AG24083">
        <v>34</v>
      </c>
      <c r="AH24083">
        <v>35</v>
      </c>
      <c r="AI24083">
        <v>35</v>
      </c>
      <c r="AJ24083">
        <v>36</v>
      </c>
      <c r="AK24083">
        <v>36</v>
      </c>
      <c r="AL24083">
        <v>36</v>
      </c>
      <c r="AM24083">
        <v>37</v>
      </c>
      <c r="AN24083">
        <v>37</v>
      </c>
      <c r="AO24083">
        <v>38</v>
      </c>
      <c r="AP24083">
        <v>38</v>
      </c>
      <c r="AQ24083">
        <v>39</v>
      </c>
    </row>
    <row r="24084" spans="1:43">
      <c r="A24084" t="s">
        <v>14913</v>
      </c>
      <c r="B24084" t="s">
        <v>14914</v>
      </c>
      <c r="C24084" t="s">
        <v>14801</v>
      </c>
      <c r="D24084" t="s">
        <v>14802</v>
      </c>
      <c r="E24084" t="s">
        <v>14797</v>
      </c>
      <c r="F24084" t="s">
        <v>14798</v>
      </c>
      <c r="G24084" t="s">
        <v>10734</v>
      </c>
      <c r="H24084" t="s">
        <v>10735</v>
      </c>
      <c r="I24084" s="2">
        <v>1</v>
      </c>
      <c r="J24084" s="2">
        <v>0</v>
      </c>
      <c r="K24084" s="2">
        <v>0</v>
      </c>
      <c r="L24084" t="s">
        <v>120</v>
      </c>
      <c r="M24084" t="s">
        <v>89</v>
      </c>
      <c r="N24084" t="s">
        <v>90</v>
      </c>
      <c r="O24084" t="s">
        <v>85</v>
      </c>
      <c r="P24084" t="s">
        <v>86</v>
      </c>
      <c r="Q24084">
        <v>28</v>
      </c>
      <c r="R24084">
        <v>29</v>
      </c>
      <c r="S24084">
        <v>30</v>
      </c>
      <c r="T24084">
        <v>30</v>
      </c>
      <c r="U24084">
        <v>31</v>
      </c>
      <c r="V24084">
        <v>32</v>
      </c>
      <c r="W24084">
        <v>33</v>
      </c>
      <c r="X24084">
        <v>34</v>
      </c>
      <c r="Y24084">
        <v>34</v>
      </c>
      <c r="Z24084">
        <v>35</v>
      </c>
      <c r="AA24084">
        <v>36</v>
      </c>
      <c r="AB24084">
        <v>37</v>
      </c>
      <c r="AC24084">
        <v>38</v>
      </c>
      <c r="AD24084">
        <v>38</v>
      </c>
      <c r="AE24084">
        <v>39</v>
      </c>
      <c r="AF24084">
        <v>39</v>
      </c>
      <c r="AG24084">
        <v>40</v>
      </c>
      <c r="AH24084">
        <v>40</v>
      </c>
      <c r="AI24084">
        <v>40</v>
      </c>
      <c r="AJ24084">
        <v>41</v>
      </c>
      <c r="AK24084">
        <v>41</v>
      </c>
      <c r="AL24084">
        <v>41</v>
      </c>
      <c r="AM24084">
        <v>42</v>
      </c>
      <c r="AN24084">
        <v>42</v>
      </c>
      <c r="AO24084">
        <v>42</v>
      </c>
      <c r="AP24084">
        <v>43</v>
      </c>
      <c r="AQ24084">
        <v>43</v>
      </c>
    </row>
    <row r="24085" spans="1:43">
      <c r="A24085" t="s">
        <v>14913</v>
      </c>
      <c r="B24085" t="s">
        <v>14914</v>
      </c>
      <c r="C24085" t="s">
        <v>14801</v>
      </c>
      <c r="D24085" t="s">
        <v>14802</v>
      </c>
      <c r="E24085" t="s">
        <v>14797</v>
      </c>
      <c r="F24085" t="s">
        <v>14798</v>
      </c>
      <c r="G24085" t="s">
        <v>10734</v>
      </c>
      <c r="H24085" t="s">
        <v>10735</v>
      </c>
      <c r="I24085" s="2">
        <v>1</v>
      </c>
      <c r="J24085" s="2">
        <v>0</v>
      </c>
      <c r="K24085" s="2">
        <v>0</v>
      </c>
      <c r="L24085" t="s">
        <v>120</v>
      </c>
      <c r="M24085" t="s">
        <v>83</v>
      </c>
      <c r="N24085" t="s">
        <v>91</v>
      </c>
      <c r="O24085" t="s">
        <v>85</v>
      </c>
      <c r="P24085" t="s">
        <v>86</v>
      </c>
      <c r="Q24085">
        <v>28</v>
      </c>
      <c r="R24085">
        <v>28</v>
      </c>
      <c r="S24085">
        <v>29</v>
      </c>
      <c r="T24085">
        <v>29</v>
      </c>
      <c r="U24085">
        <v>30</v>
      </c>
      <c r="V24085">
        <v>31</v>
      </c>
      <c r="W24085">
        <v>31</v>
      </c>
      <c r="X24085">
        <v>32</v>
      </c>
      <c r="Y24085">
        <v>33</v>
      </c>
      <c r="Z24085">
        <v>33</v>
      </c>
      <c r="AA24085">
        <v>34</v>
      </c>
      <c r="AB24085">
        <v>34</v>
      </c>
      <c r="AC24085">
        <v>35</v>
      </c>
      <c r="AD24085">
        <v>36</v>
      </c>
      <c r="AE24085">
        <v>36</v>
      </c>
      <c r="AF24085">
        <v>37</v>
      </c>
      <c r="AG24085">
        <v>38</v>
      </c>
      <c r="AH24085">
        <v>39</v>
      </c>
      <c r="AI24085">
        <v>39</v>
      </c>
      <c r="AJ24085">
        <v>40</v>
      </c>
      <c r="AK24085">
        <v>41</v>
      </c>
      <c r="AL24085">
        <v>41</v>
      </c>
      <c r="AM24085">
        <v>41</v>
      </c>
      <c r="AN24085">
        <v>42</v>
      </c>
      <c r="AO24085">
        <v>42</v>
      </c>
      <c r="AP24085">
        <v>43</v>
      </c>
      <c r="AQ24085">
        <v>43</v>
      </c>
    </row>
    <row r="24086" spans="1:43">
      <c r="A24086" t="s">
        <v>14915</v>
      </c>
      <c r="B24086" t="s">
        <v>14916</v>
      </c>
      <c r="C24086" t="s">
        <v>14801</v>
      </c>
      <c r="D24086" t="s">
        <v>14802</v>
      </c>
      <c r="E24086" t="s">
        <v>14797</v>
      </c>
      <c r="F24086" t="s">
        <v>14798</v>
      </c>
      <c r="G24086" t="s">
        <v>10734</v>
      </c>
      <c r="H24086" t="s">
        <v>10735</v>
      </c>
      <c r="I24086" s="2">
        <v>1</v>
      </c>
      <c r="J24086" s="2">
        <v>0</v>
      </c>
      <c r="K24086" s="2">
        <v>0</v>
      </c>
      <c r="L24086" t="s">
        <v>120</v>
      </c>
      <c r="M24086" t="s">
        <v>83</v>
      </c>
      <c r="N24086" t="s">
        <v>84</v>
      </c>
      <c r="O24086" t="s">
        <v>85</v>
      </c>
      <c r="P24086" t="s">
        <v>86</v>
      </c>
      <c r="Q24086">
        <v>21</v>
      </c>
      <c r="R24086">
        <v>22</v>
      </c>
      <c r="S24086">
        <v>22</v>
      </c>
      <c r="T24086">
        <v>23</v>
      </c>
      <c r="U24086">
        <v>23</v>
      </c>
      <c r="V24086">
        <v>24</v>
      </c>
      <c r="W24086">
        <v>24</v>
      </c>
      <c r="X24086">
        <v>25</v>
      </c>
      <c r="Y24086">
        <v>25</v>
      </c>
      <c r="Z24086">
        <v>26</v>
      </c>
      <c r="AA24086">
        <v>26</v>
      </c>
      <c r="AB24086">
        <v>27</v>
      </c>
      <c r="AC24086">
        <v>27</v>
      </c>
      <c r="AD24086">
        <v>28</v>
      </c>
      <c r="AE24086">
        <v>28</v>
      </c>
      <c r="AF24086">
        <v>29</v>
      </c>
      <c r="AG24086">
        <v>29</v>
      </c>
      <c r="AH24086">
        <v>30</v>
      </c>
      <c r="AI24086">
        <v>30</v>
      </c>
      <c r="AJ24086">
        <v>31</v>
      </c>
      <c r="AK24086">
        <v>31</v>
      </c>
      <c r="AL24086">
        <v>32</v>
      </c>
      <c r="AM24086">
        <v>32</v>
      </c>
      <c r="AN24086">
        <v>32</v>
      </c>
      <c r="AO24086">
        <v>33</v>
      </c>
      <c r="AP24086">
        <v>33</v>
      </c>
      <c r="AQ24086">
        <v>33</v>
      </c>
    </row>
    <row r="24087" spans="1:43">
      <c r="A24087" t="s">
        <v>14915</v>
      </c>
      <c r="B24087" t="s">
        <v>14916</v>
      </c>
      <c r="C24087" t="s">
        <v>14801</v>
      </c>
      <c r="D24087" t="s">
        <v>14802</v>
      </c>
      <c r="E24087" t="s">
        <v>14797</v>
      </c>
      <c r="F24087" t="s">
        <v>14798</v>
      </c>
      <c r="G24087" t="s">
        <v>10734</v>
      </c>
      <c r="H24087" t="s">
        <v>10735</v>
      </c>
      <c r="I24087" s="2">
        <v>1</v>
      </c>
      <c r="J24087" s="2">
        <v>0</v>
      </c>
      <c r="K24087" s="2">
        <v>0</v>
      </c>
      <c r="L24087" t="s">
        <v>120</v>
      </c>
      <c r="M24087" t="s">
        <v>87</v>
      </c>
      <c r="N24087" t="s">
        <v>88</v>
      </c>
      <c r="O24087" t="s">
        <v>85</v>
      </c>
      <c r="P24087" t="s">
        <v>86</v>
      </c>
      <c r="Q24087">
        <v>21</v>
      </c>
      <c r="R24087">
        <v>21</v>
      </c>
      <c r="S24087">
        <v>22</v>
      </c>
      <c r="T24087">
        <v>22</v>
      </c>
      <c r="U24087">
        <v>22</v>
      </c>
      <c r="V24087">
        <v>23</v>
      </c>
      <c r="W24087">
        <v>23</v>
      </c>
      <c r="X24087">
        <v>23</v>
      </c>
      <c r="Y24087">
        <v>23</v>
      </c>
      <c r="Z24087">
        <v>24</v>
      </c>
      <c r="AA24087">
        <v>24</v>
      </c>
      <c r="AB24087">
        <v>24</v>
      </c>
      <c r="AC24087">
        <v>25</v>
      </c>
      <c r="AD24087">
        <v>25</v>
      </c>
      <c r="AE24087">
        <v>25</v>
      </c>
      <c r="AF24087">
        <v>25</v>
      </c>
      <c r="AG24087">
        <v>26</v>
      </c>
      <c r="AH24087">
        <v>26</v>
      </c>
      <c r="AI24087">
        <v>26</v>
      </c>
      <c r="AJ24087">
        <v>27</v>
      </c>
      <c r="AK24087">
        <v>27</v>
      </c>
      <c r="AL24087">
        <v>27</v>
      </c>
      <c r="AM24087">
        <v>28</v>
      </c>
      <c r="AN24087">
        <v>28</v>
      </c>
      <c r="AO24087">
        <v>28</v>
      </c>
      <c r="AP24087">
        <v>29</v>
      </c>
      <c r="AQ24087">
        <v>29</v>
      </c>
    </row>
    <row r="24088" spans="1:43">
      <c r="A24088" t="s">
        <v>14915</v>
      </c>
      <c r="B24088" t="s">
        <v>14916</v>
      </c>
      <c r="C24088" t="s">
        <v>14801</v>
      </c>
      <c r="D24088" t="s">
        <v>14802</v>
      </c>
      <c r="E24088" t="s">
        <v>14797</v>
      </c>
      <c r="F24088" t="s">
        <v>14798</v>
      </c>
      <c r="G24088" t="s">
        <v>10734</v>
      </c>
      <c r="H24088" t="s">
        <v>10735</v>
      </c>
      <c r="I24088" s="2">
        <v>1</v>
      </c>
      <c r="J24088" s="2">
        <v>0</v>
      </c>
      <c r="K24088" s="2">
        <v>0</v>
      </c>
      <c r="L24088" t="s">
        <v>120</v>
      </c>
      <c r="M24088" t="s">
        <v>89</v>
      </c>
      <c r="N24088" t="s">
        <v>90</v>
      </c>
      <c r="O24088" t="s">
        <v>85</v>
      </c>
      <c r="P24088" t="s">
        <v>86</v>
      </c>
      <c r="Q24088">
        <v>21</v>
      </c>
      <c r="R24088">
        <v>21</v>
      </c>
      <c r="S24088">
        <v>22</v>
      </c>
      <c r="T24088">
        <v>23</v>
      </c>
      <c r="U24088">
        <v>23</v>
      </c>
      <c r="V24088">
        <v>24</v>
      </c>
      <c r="W24088">
        <v>24</v>
      </c>
      <c r="X24088">
        <v>25</v>
      </c>
      <c r="Y24088">
        <v>26</v>
      </c>
      <c r="Z24088">
        <v>26</v>
      </c>
      <c r="AA24088">
        <v>27</v>
      </c>
      <c r="AB24088">
        <v>27</v>
      </c>
      <c r="AC24088">
        <v>28</v>
      </c>
      <c r="AD24088">
        <v>29</v>
      </c>
      <c r="AE24088">
        <v>29</v>
      </c>
      <c r="AF24088">
        <v>29</v>
      </c>
      <c r="AG24088">
        <v>30</v>
      </c>
      <c r="AH24088">
        <v>30</v>
      </c>
      <c r="AI24088">
        <v>30</v>
      </c>
      <c r="AJ24088">
        <v>31</v>
      </c>
      <c r="AK24088">
        <v>31</v>
      </c>
      <c r="AL24088">
        <v>31</v>
      </c>
      <c r="AM24088">
        <v>31</v>
      </c>
      <c r="AN24088">
        <v>32</v>
      </c>
      <c r="AO24088">
        <v>32</v>
      </c>
      <c r="AP24088">
        <v>32</v>
      </c>
      <c r="AQ24088">
        <v>32</v>
      </c>
    </row>
    <row r="24089" spans="1:43">
      <c r="A24089" t="s">
        <v>14915</v>
      </c>
      <c r="B24089" t="s">
        <v>14916</v>
      </c>
      <c r="C24089" t="s">
        <v>14801</v>
      </c>
      <c r="D24089" t="s">
        <v>14802</v>
      </c>
      <c r="E24089" t="s">
        <v>14797</v>
      </c>
      <c r="F24089" t="s">
        <v>14798</v>
      </c>
      <c r="G24089" t="s">
        <v>10734</v>
      </c>
      <c r="H24089" t="s">
        <v>10735</v>
      </c>
      <c r="I24089" s="2">
        <v>1</v>
      </c>
      <c r="J24089" s="2">
        <v>0</v>
      </c>
      <c r="K24089" s="2">
        <v>0</v>
      </c>
      <c r="L24089" t="s">
        <v>120</v>
      </c>
      <c r="M24089" t="s">
        <v>83</v>
      </c>
      <c r="N24089" t="s">
        <v>91</v>
      </c>
      <c r="O24089" t="s">
        <v>85</v>
      </c>
      <c r="P24089" t="s">
        <v>86</v>
      </c>
      <c r="Q24089">
        <v>21</v>
      </c>
      <c r="R24089">
        <v>22</v>
      </c>
      <c r="S24089">
        <v>22</v>
      </c>
      <c r="T24089">
        <v>23</v>
      </c>
      <c r="U24089">
        <v>23</v>
      </c>
      <c r="V24089">
        <v>24</v>
      </c>
      <c r="W24089">
        <v>24</v>
      </c>
      <c r="X24089">
        <v>25</v>
      </c>
      <c r="Y24089">
        <v>25</v>
      </c>
      <c r="Z24089">
        <v>26</v>
      </c>
      <c r="AA24089">
        <v>26</v>
      </c>
      <c r="AB24089">
        <v>27</v>
      </c>
      <c r="AC24089">
        <v>27</v>
      </c>
      <c r="AD24089">
        <v>28</v>
      </c>
      <c r="AE24089">
        <v>28</v>
      </c>
      <c r="AF24089">
        <v>29</v>
      </c>
      <c r="AG24089">
        <v>29</v>
      </c>
      <c r="AH24089">
        <v>30</v>
      </c>
      <c r="AI24089">
        <v>30</v>
      </c>
      <c r="AJ24089">
        <v>31</v>
      </c>
      <c r="AK24089">
        <v>31</v>
      </c>
      <c r="AL24089">
        <v>32</v>
      </c>
      <c r="AM24089">
        <v>32</v>
      </c>
      <c r="AN24089">
        <v>32</v>
      </c>
      <c r="AO24089">
        <v>33</v>
      </c>
      <c r="AP24089">
        <v>33</v>
      </c>
      <c r="AQ24089">
        <v>33</v>
      </c>
    </row>
    <row r="24090" spans="1:43">
      <c r="A24090" t="s">
        <v>14917</v>
      </c>
      <c r="B24090" t="s">
        <v>14918</v>
      </c>
      <c r="C24090" t="s">
        <v>14801</v>
      </c>
      <c r="D24090" t="s">
        <v>14802</v>
      </c>
      <c r="E24090" t="s">
        <v>14797</v>
      </c>
      <c r="F24090" t="s">
        <v>14798</v>
      </c>
      <c r="G24090" t="s">
        <v>10734</v>
      </c>
      <c r="H24090" t="s">
        <v>10735</v>
      </c>
      <c r="I24090" s="2">
        <v>1</v>
      </c>
      <c r="J24090" s="2">
        <v>0</v>
      </c>
      <c r="K24090" s="2">
        <v>0</v>
      </c>
      <c r="L24090" t="s">
        <v>120</v>
      </c>
      <c r="M24090" t="s">
        <v>83</v>
      </c>
      <c r="N24090" t="s">
        <v>84</v>
      </c>
      <c r="O24090" t="s">
        <v>85</v>
      </c>
      <c r="P24090" t="s">
        <v>86</v>
      </c>
      <c r="Q24090">
        <v>24</v>
      </c>
      <c r="R24090">
        <v>25</v>
      </c>
      <c r="S24090">
        <v>25</v>
      </c>
      <c r="T24090">
        <v>26</v>
      </c>
      <c r="U24090">
        <v>26</v>
      </c>
      <c r="V24090">
        <v>27</v>
      </c>
      <c r="W24090">
        <v>27</v>
      </c>
      <c r="X24090">
        <v>28</v>
      </c>
      <c r="Y24090">
        <v>29</v>
      </c>
      <c r="Z24090">
        <v>29</v>
      </c>
      <c r="AA24090">
        <v>30</v>
      </c>
      <c r="AB24090">
        <v>30</v>
      </c>
      <c r="AC24090">
        <v>31</v>
      </c>
      <c r="AD24090">
        <v>31</v>
      </c>
      <c r="AE24090">
        <v>32</v>
      </c>
      <c r="AF24090">
        <v>33</v>
      </c>
      <c r="AG24090">
        <v>33</v>
      </c>
      <c r="AH24090">
        <v>34</v>
      </c>
      <c r="AI24090">
        <v>34</v>
      </c>
      <c r="AJ24090">
        <v>35</v>
      </c>
      <c r="AK24090">
        <v>36</v>
      </c>
      <c r="AL24090">
        <v>36</v>
      </c>
      <c r="AM24090">
        <v>36</v>
      </c>
      <c r="AN24090">
        <v>37</v>
      </c>
      <c r="AO24090">
        <v>37</v>
      </c>
      <c r="AP24090">
        <v>37</v>
      </c>
      <c r="AQ24090">
        <v>38</v>
      </c>
    </row>
    <row r="24091" spans="1:43">
      <c r="A24091" t="s">
        <v>14917</v>
      </c>
      <c r="B24091" t="s">
        <v>14918</v>
      </c>
      <c r="C24091" t="s">
        <v>14801</v>
      </c>
      <c r="D24091" t="s">
        <v>14802</v>
      </c>
      <c r="E24091" t="s">
        <v>14797</v>
      </c>
      <c r="F24091" t="s">
        <v>14798</v>
      </c>
      <c r="G24091" t="s">
        <v>10734</v>
      </c>
      <c r="H24091" t="s">
        <v>10735</v>
      </c>
      <c r="I24091" s="2">
        <v>1</v>
      </c>
      <c r="J24091" s="2">
        <v>0</v>
      </c>
      <c r="K24091" s="2">
        <v>0</v>
      </c>
      <c r="L24091" t="s">
        <v>120</v>
      </c>
      <c r="M24091" t="s">
        <v>87</v>
      </c>
      <c r="N24091" t="s">
        <v>88</v>
      </c>
      <c r="O24091" t="s">
        <v>85</v>
      </c>
      <c r="P24091" t="s">
        <v>86</v>
      </c>
      <c r="Q24091">
        <v>24</v>
      </c>
      <c r="R24091">
        <v>24</v>
      </c>
      <c r="S24091">
        <v>25</v>
      </c>
      <c r="T24091">
        <v>25</v>
      </c>
      <c r="U24091">
        <v>25</v>
      </c>
      <c r="V24091">
        <v>25</v>
      </c>
      <c r="W24091">
        <v>26</v>
      </c>
      <c r="X24091">
        <v>26</v>
      </c>
      <c r="Y24091">
        <v>26</v>
      </c>
      <c r="Z24091">
        <v>27</v>
      </c>
      <c r="AA24091">
        <v>27</v>
      </c>
      <c r="AB24091">
        <v>27</v>
      </c>
      <c r="AC24091">
        <v>28</v>
      </c>
      <c r="AD24091">
        <v>28</v>
      </c>
      <c r="AE24091">
        <v>28</v>
      </c>
      <c r="AF24091">
        <v>29</v>
      </c>
      <c r="AG24091">
        <v>29</v>
      </c>
      <c r="AH24091">
        <v>30</v>
      </c>
      <c r="AI24091">
        <v>30</v>
      </c>
      <c r="AJ24091">
        <v>30</v>
      </c>
      <c r="AK24091">
        <v>31</v>
      </c>
      <c r="AL24091">
        <v>31</v>
      </c>
      <c r="AM24091">
        <v>31</v>
      </c>
      <c r="AN24091">
        <v>32</v>
      </c>
      <c r="AO24091">
        <v>32</v>
      </c>
      <c r="AP24091">
        <v>33</v>
      </c>
      <c r="AQ24091">
        <v>33</v>
      </c>
    </row>
    <row r="24092" spans="1:43">
      <c r="A24092" t="s">
        <v>14917</v>
      </c>
      <c r="B24092" t="s">
        <v>14918</v>
      </c>
      <c r="C24092" t="s">
        <v>14801</v>
      </c>
      <c r="D24092" t="s">
        <v>14802</v>
      </c>
      <c r="E24092" t="s">
        <v>14797</v>
      </c>
      <c r="F24092" t="s">
        <v>14798</v>
      </c>
      <c r="G24092" t="s">
        <v>10734</v>
      </c>
      <c r="H24092" t="s">
        <v>10735</v>
      </c>
      <c r="I24092" s="2">
        <v>1</v>
      </c>
      <c r="J24092" s="2">
        <v>0</v>
      </c>
      <c r="K24092" s="2">
        <v>0</v>
      </c>
      <c r="L24092" t="s">
        <v>120</v>
      </c>
      <c r="M24092" t="s">
        <v>89</v>
      </c>
      <c r="N24092" t="s">
        <v>90</v>
      </c>
      <c r="O24092" t="s">
        <v>85</v>
      </c>
      <c r="P24092" t="s">
        <v>86</v>
      </c>
      <c r="Q24092">
        <v>24</v>
      </c>
      <c r="R24092">
        <v>25</v>
      </c>
      <c r="S24092">
        <v>26</v>
      </c>
      <c r="T24092">
        <v>27</v>
      </c>
      <c r="U24092">
        <v>27</v>
      </c>
      <c r="V24092">
        <v>28</v>
      </c>
      <c r="W24092">
        <v>29</v>
      </c>
      <c r="X24092">
        <v>29</v>
      </c>
      <c r="Y24092">
        <v>30</v>
      </c>
      <c r="Z24092">
        <v>31</v>
      </c>
      <c r="AA24092">
        <v>32</v>
      </c>
      <c r="AB24092">
        <v>32</v>
      </c>
      <c r="AC24092">
        <v>33</v>
      </c>
      <c r="AD24092">
        <v>34</v>
      </c>
      <c r="AE24092">
        <v>34</v>
      </c>
      <c r="AF24092">
        <v>34</v>
      </c>
      <c r="AG24092">
        <v>35</v>
      </c>
      <c r="AH24092">
        <v>35</v>
      </c>
      <c r="AI24092">
        <v>35</v>
      </c>
      <c r="AJ24092">
        <v>36</v>
      </c>
      <c r="AK24092">
        <v>36</v>
      </c>
      <c r="AL24092">
        <v>36</v>
      </c>
      <c r="AM24092">
        <v>37</v>
      </c>
      <c r="AN24092">
        <v>37</v>
      </c>
      <c r="AO24092">
        <v>37</v>
      </c>
      <c r="AP24092">
        <v>38</v>
      </c>
      <c r="AQ24092">
        <v>38</v>
      </c>
    </row>
    <row r="24093" spans="1:43">
      <c r="A24093" t="s">
        <v>14917</v>
      </c>
      <c r="B24093" t="s">
        <v>14918</v>
      </c>
      <c r="C24093" t="s">
        <v>14801</v>
      </c>
      <c r="D24093" t="s">
        <v>14802</v>
      </c>
      <c r="E24093" t="s">
        <v>14797</v>
      </c>
      <c r="F24093" t="s">
        <v>14798</v>
      </c>
      <c r="G24093" t="s">
        <v>10734</v>
      </c>
      <c r="H24093" t="s">
        <v>10735</v>
      </c>
      <c r="I24093" s="2">
        <v>1</v>
      </c>
      <c r="J24093" s="2">
        <v>0</v>
      </c>
      <c r="K24093" s="2">
        <v>0</v>
      </c>
      <c r="L24093" t="s">
        <v>120</v>
      </c>
      <c r="M24093" t="s">
        <v>83</v>
      </c>
      <c r="N24093" t="s">
        <v>91</v>
      </c>
      <c r="O24093" t="s">
        <v>85</v>
      </c>
      <c r="P24093" t="s">
        <v>86</v>
      </c>
      <c r="Q24093">
        <v>24</v>
      </c>
      <c r="R24093">
        <v>25</v>
      </c>
      <c r="S24093">
        <v>25</v>
      </c>
      <c r="T24093">
        <v>26</v>
      </c>
      <c r="U24093">
        <v>26</v>
      </c>
      <c r="V24093">
        <v>27</v>
      </c>
      <c r="W24093">
        <v>27</v>
      </c>
      <c r="X24093">
        <v>28</v>
      </c>
      <c r="Y24093">
        <v>29</v>
      </c>
      <c r="Z24093">
        <v>29</v>
      </c>
      <c r="AA24093">
        <v>30</v>
      </c>
      <c r="AB24093">
        <v>30</v>
      </c>
      <c r="AC24093">
        <v>31</v>
      </c>
      <c r="AD24093">
        <v>31</v>
      </c>
      <c r="AE24093">
        <v>32</v>
      </c>
      <c r="AF24093">
        <v>33</v>
      </c>
      <c r="AG24093">
        <v>33</v>
      </c>
      <c r="AH24093">
        <v>34</v>
      </c>
      <c r="AI24093">
        <v>34</v>
      </c>
      <c r="AJ24093">
        <v>35</v>
      </c>
      <c r="AK24093">
        <v>36</v>
      </c>
      <c r="AL24093">
        <v>36</v>
      </c>
      <c r="AM24093">
        <v>36</v>
      </c>
      <c r="AN24093">
        <v>37</v>
      </c>
      <c r="AO24093">
        <v>37</v>
      </c>
      <c r="AP24093">
        <v>37</v>
      </c>
      <c r="AQ24093">
        <v>38</v>
      </c>
    </row>
    <row r="24094" spans="1:43">
      <c r="A24094" t="s">
        <v>14919</v>
      </c>
      <c r="B24094" t="s">
        <v>14920</v>
      </c>
      <c r="C24094" t="s">
        <v>14885</v>
      </c>
      <c r="D24094" t="s">
        <v>14886</v>
      </c>
      <c r="E24094" t="s">
        <v>14797</v>
      </c>
      <c r="F24094" t="s">
        <v>14798</v>
      </c>
      <c r="G24094" t="s">
        <v>10734</v>
      </c>
      <c r="H24094" t="s">
        <v>10735</v>
      </c>
      <c r="I24094" s="2">
        <v>1</v>
      </c>
      <c r="J24094" s="2">
        <v>0</v>
      </c>
      <c r="K24094" s="2">
        <v>0</v>
      </c>
      <c r="L24094" t="s">
        <v>120</v>
      </c>
      <c r="M24094" t="s">
        <v>83</v>
      </c>
      <c r="N24094" t="s">
        <v>84</v>
      </c>
      <c r="O24094" t="s">
        <v>85</v>
      </c>
      <c r="P24094" t="s">
        <v>86</v>
      </c>
      <c r="Q24094">
        <v>30</v>
      </c>
      <c r="R24094">
        <v>31</v>
      </c>
      <c r="S24094">
        <v>31</v>
      </c>
      <c r="T24094">
        <v>32</v>
      </c>
      <c r="U24094">
        <v>33</v>
      </c>
      <c r="V24094">
        <v>33</v>
      </c>
      <c r="W24094">
        <v>34</v>
      </c>
      <c r="X24094">
        <v>35</v>
      </c>
      <c r="Y24094">
        <v>36</v>
      </c>
      <c r="Z24094">
        <v>36</v>
      </c>
      <c r="AA24094">
        <v>37</v>
      </c>
      <c r="AB24094">
        <v>38</v>
      </c>
      <c r="AC24094">
        <v>38</v>
      </c>
      <c r="AD24094">
        <v>39</v>
      </c>
      <c r="AE24094">
        <v>40</v>
      </c>
      <c r="AF24094">
        <v>41</v>
      </c>
      <c r="AG24094">
        <v>41</v>
      </c>
      <c r="AH24094">
        <v>42</v>
      </c>
      <c r="AI24094">
        <v>43</v>
      </c>
      <c r="AJ24094">
        <v>44</v>
      </c>
      <c r="AK24094">
        <v>45</v>
      </c>
      <c r="AL24094">
        <v>45</v>
      </c>
      <c r="AM24094">
        <v>46</v>
      </c>
      <c r="AN24094">
        <v>46</v>
      </c>
      <c r="AO24094">
        <v>46</v>
      </c>
      <c r="AP24094">
        <v>47</v>
      </c>
      <c r="AQ24094">
        <v>47</v>
      </c>
    </row>
    <row r="24095" spans="1:43">
      <c r="A24095" t="s">
        <v>14919</v>
      </c>
      <c r="B24095" t="s">
        <v>14920</v>
      </c>
      <c r="C24095" t="s">
        <v>14885</v>
      </c>
      <c r="D24095" t="s">
        <v>14886</v>
      </c>
      <c r="E24095" t="s">
        <v>14797</v>
      </c>
      <c r="F24095" t="s">
        <v>14798</v>
      </c>
      <c r="G24095" t="s">
        <v>10734</v>
      </c>
      <c r="H24095" t="s">
        <v>10735</v>
      </c>
      <c r="I24095" s="2">
        <v>1</v>
      </c>
      <c r="J24095" s="2">
        <v>0</v>
      </c>
      <c r="K24095" s="2">
        <v>0</v>
      </c>
      <c r="L24095" t="s">
        <v>120</v>
      </c>
      <c r="M24095" t="s">
        <v>87</v>
      </c>
      <c r="N24095" t="s">
        <v>88</v>
      </c>
      <c r="O24095" t="s">
        <v>85</v>
      </c>
      <c r="P24095" t="s">
        <v>86</v>
      </c>
      <c r="Q24095">
        <v>30</v>
      </c>
      <c r="R24095">
        <v>30</v>
      </c>
      <c r="S24095">
        <v>31</v>
      </c>
      <c r="T24095">
        <v>31</v>
      </c>
      <c r="U24095">
        <v>31</v>
      </c>
      <c r="V24095">
        <v>32</v>
      </c>
      <c r="W24095">
        <v>32</v>
      </c>
      <c r="X24095">
        <v>32</v>
      </c>
      <c r="Y24095">
        <v>33</v>
      </c>
      <c r="Z24095">
        <v>33</v>
      </c>
      <c r="AA24095">
        <v>34</v>
      </c>
      <c r="AB24095">
        <v>34</v>
      </c>
      <c r="AC24095">
        <v>35</v>
      </c>
      <c r="AD24095">
        <v>35</v>
      </c>
      <c r="AE24095">
        <v>35</v>
      </c>
      <c r="AF24095">
        <v>36</v>
      </c>
      <c r="AG24095">
        <v>36</v>
      </c>
      <c r="AH24095">
        <v>37</v>
      </c>
      <c r="AI24095">
        <v>37</v>
      </c>
      <c r="AJ24095">
        <v>38</v>
      </c>
      <c r="AK24095">
        <v>38</v>
      </c>
      <c r="AL24095">
        <v>38</v>
      </c>
      <c r="AM24095">
        <v>39</v>
      </c>
      <c r="AN24095">
        <v>39</v>
      </c>
      <c r="AO24095">
        <v>40</v>
      </c>
      <c r="AP24095">
        <v>40</v>
      </c>
      <c r="AQ24095">
        <v>41</v>
      </c>
    </row>
    <row r="24096" spans="1:43">
      <c r="A24096" t="s">
        <v>14919</v>
      </c>
      <c r="B24096" t="s">
        <v>14920</v>
      </c>
      <c r="C24096" t="s">
        <v>14885</v>
      </c>
      <c r="D24096" t="s">
        <v>14886</v>
      </c>
      <c r="E24096" t="s">
        <v>14797</v>
      </c>
      <c r="F24096" t="s">
        <v>14798</v>
      </c>
      <c r="G24096" t="s">
        <v>10734</v>
      </c>
      <c r="H24096" t="s">
        <v>10735</v>
      </c>
      <c r="I24096" s="2">
        <v>1</v>
      </c>
      <c r="J24096" s="2">
        <v>0</v>
      </c>
      <c r="K24096" s="2">
        <v>0</v>
      </c>
      <c r="L24096" t="s">
        <v>120</v>
      </c>
      <c r="M24096" t="s">
        <v>89</v>
      </c>
      <c r="N24096" t="s">
        <v>90</v>
      </c>
      <c r="O24096" t="s">
        <v>85</v>
      </c>
      <c r="P24096" t="s">
        <v>86</v>
      </c>
      <c r="Q24096">
        <v>30</v>
      </c>
      <c r="R24096">
        <v>31</v>
      </c>
      <c r="S24096">
        <v>32</v>
      </c>
      <c r="T24096">
        <v>33</v>
      </c>
      <c r="U24096">
        <v>34</v>
      </c>
      <c r="V24096">
        <v>35</v>
      </c>
      <c r="W24096">
        <v>36</v>
      </c>
      <c r="X24096">
        <v>37</v>
      </c>
      <c r="Y24096">
        <v>38</v>
      </c>
      <c r="Z24096">
        <v>39</v>
      </c>
      <c r="AA24096">
        <v>39</v>
      </c>
      <c r="AB24096">
        <v>40</v>
      </c>
      <c r="AC24096">
        <v>41</v>
      </c>
      <c r="AD24096">
        <v>42</v>
      </c>
      <c r="AE24096">
        <v>43</v>
      </c>
      <c r="AF24096">
        <v>43</v>
      </c>
      <c r="AG24096">
        <v>44</v>
      </c>
      <c r="AH24096">
        <v>44</v>
      </c>
      <c r="AI24096">
        <v>44</v>
      </c>
      <c r="AJ24096">
        <v>45</v>
      </c>
      <c r="AK24096">
        <v>45</v>
      </c>
      <c r="AL24096">
        <v>46</v>
      </c>
      <c r="AM24096">
        <v>46</v>
      </c>
      <c r="AN24096">
        <v>46</v>
      </c>
      <c r="AO24096">
        <v>47</v>
      </c>
      <c r="AP24096">
        <v>47</v>
      </c>
      <c r="AQ24096">
        <v>48</v>
      </c>
    </row>
    <row r="24097" spans="1:43">
      <c r="A24097" t="s">
        <v>14919</v>
      </c>
      <c r="B24097" t="s">
        <v>14920</v>
      </c>
      <c r="C24097" t="s">
        <v>14885</v>
      </c>
      <c r="D24097" t="s">
        <v>14886</v>
      </c>
      <c r="E24097" t="s">
        <v>14797</v>
      </c>
      <c r="F24097" t="s">
        <v>14798</v>
      </c>
      <c r="G24097" t="s">
        <v>10734</v>
      </c>
      <c r="H24097" t="s">
        <v>10735</v>
      </c>
      <c r="I24097" s="2">
        <v>1</v>
      </c>
      <c r="J24097" s="2">
        <v>0</v>
      </c>
      <c r="K24097" s="2">
        <v>0</v>
      </c>
      <c r="L24097" t="s">
        <v>120</v>
      </c>
      <c r="M24097" t="s">
        <v>83</v>
      </c>
      <c r="N24097" t="s">
        <v>91</v>
      </c>
      <c r="O24097" t="s">
        <v>85</v>
      </c>
      <c r="P24097" t="s">
        <v>86</v>
      </c>
      <c r="Q24097">
        <v>30</v>
      </c>
      <c r="R24097">
        <v>31</v>
      </c>
      <c r="S24097">
        <v>31</v>
      </c>
      <c r="T24097">
        <v>32</v>
      </c>
      <c r="U24097">
        <v>33</v>
      </c>
      <c r="V24097">
        <v>33</v>
      </c>
      <c r="W24097">
        <v>34</v>
      </c>
      <c r="X24097">
        <v>35</v>
      </c>
      <c r="Y24097">
        <v>36</v>
      </c>
      <c r="Z24097">
        <v>36</v>
      </c>
      <c r="AA24097">
        <v>37</v>
      </c>
      <c r="AB24097">
        <v>38</v>
      </c>
      <c r="AC24097">
        <v>38</v>
      </c>
      <c r="AD24097">
        <v>39</v>
      </c>
      <c r="AE24097">
        <v>40</v>
      </c>
      <c r="AF24097">
        <v>41</v>
      </c>
      <c r="AG24097">
        <v>41</v>
      </c>
      <c r="AH24097">
        <v>42</v>
      </c>
      <c r="AI24097">
        <v>43</v>
      </c>
      <c r="AJ24097">
        <v>44</v>
      </c>
      <c r="AK24097">
        <v>45</v>
      </c>
      <c r="AL24097">
        <v>45</v>
      </c>
      <c r="AM24097">
        <v>46</v>
      </c>
      <c r="AN24097">
        <v>46</v>
      </c>
      <c r="AO24097">
        <v>46</v>
      </c>
      <c r="AP24097">
        <v>47</v>
      </c>
      <c r="AQ24097">
        <v>47</v>
      </c>
    </row>
    <row r="24098" spans="1:43">
      <c r="A24098" t="s">
        <v>14921</v>
      </c>
      <c r="B24098" t="s">
        <v>14922</v>
      </c>
      <c r="C24098" t="s">
        <v>14923</v>
      </c>
      <c r="D24098" t="s">
        <v>14924</v>
      </c>
      <c r="E24098" t="s">
        <v>14797</v>
      </c>
      <c r="F24098" t="s">
        <v>14798</v>
      </c>
      <c r="G24098" t="s">
        <v>10734</v>
      </c>
      <c r="H24098" t="s">
        <v>10735</v>
      </c>
      <c r="I24098" s="2">
        <v>1</v>
      </c>
      <c r="J24098" s="2">
        <v>0</v>
      </c>
      <c r="K24098" s="2">
        <v>0</v>
      </c>
      <c r="L24098" t="s">
        <v>120</v>
      </c>
      <c r="M24098" t="s">
        <v>83</v>
      </c>
      <c r="N24098" t="s">
        <v>84</v>
      </c>
      <c r="O24098" t="s">
        <v>85</v>
      </c>
      <c r="P24098" t="s">
        <v>86</v>
      </c>
      <c r="Q24098">
        <v>46</v>
      </c>
      <c r="R24098">
        <v>47</v>
      </c>
      <c r="S24098">
        <v>48</v>
      </c>
      <c r="T24098">
        <v>49</v>
      </c>
      <c r="U24098">
        <v>50</v>
      </c>
      <c r="V24098">
        <v>51</v>
      </c>
      <c r="W24098">
        <v>52</v>
      </c>
      <c r="X24098">
        <v>53</v>
      </c>
      <c r="Y24098">
        <v>54</v>
      </c>
      <c r="Z24098">
        <v>55</v>
      </c>
      <c r="AA24098">
        <v>56</v>
      </c>
      <c r="AB24098">
        <v>57</v>
      </c>
      <c r="AC24098">
        <v>58</v>
      </c>
      <c r="AD24098">
        <v>60</v>
      </c>
      <c r="AE24098">
        <v>61</v>
      </c>
      <c r="AF24098">
        <v>62</v>
      </c>
      <c r="AG24098">
        <v>63</v>
      </c>
      <c r="AH24098">
        <v>64</v>
      </c>
      <c r="AI24098">
        <v>65</v>
      </c>
      <c r="AJ24098">
        <v>67</v>
      </c>
      <c r="AK24098">
        <v>68</v>
      </c>
      <c r="AL24098">
        <v>69</v>
      </c>
      <c r="AM24098">
        <v>69</v>
      </c>
      <c r="AN24098">
        <v>70</v>
      </c>
      <c r="AO24098">
        <v>71</v>
      </c>
      <c r="AP24098">
        <v>71</v>
      </c>
      <c r="AQ24098">
        <v>72</v>
      </c>
    </row>
    <row r="24099" spans="1:43">
      <c r="A24099" t="s">
        <v>14921</v>
      </c>
      <c r="B24099" t="s">
        <v>14922</v>
      </c>
      <c r="C24099" t="s">
        <v>14923</v>
      </c>
      <c r="D24099" t="s">
        <v>14924</v>
      </c>
      <c r="E24099" t="s">
        <v>14797</v>
      </c>
      <c r="F24099" t="s">
        <v>14798</v>
      </c>
      <c r="G24099" t="s">
        <v>10734</v>
      </c>
      <c r="H24099" t="s">
        <v>10735</v>
      </c>
      <c r="I24099" s="2">
        <v>1</v>
      </c>
      <c r="J24099" s="2">
        <v>0</v>
      </c>
      <c r="K24099" s="2">
        <v>0</v>
      </c>
      <c r="L24099" t="s">
        <v>120</v>
      </c>
      <c r="M24099" t="s">
        <v>87</v>
      </c>
      <c r="N24099" t="s">
        <v>88</v>
      </c>
      <c r="O24099" t="s">
        <v>85</v>
      </c>
      <c r="P24099" t="s">
        <v>86</v>
      </c>
      <c r="Q24099">
        <v>46</v>
      </c>
      <c r="R24099">
        <v>47</v>
      </c>
      <c r="S24099">
        <v>48</v>
      </c>
      <c r="T24099">
        <v>48</v>
      </c>
      <c r="U24099">
        <v>49</v>
      </c>
      <c r="V24099">
        <v>49</v>
      </c>
      <c r="W24099">
        <v>50</v>
      </c>
      <c r="X24099">
        <v>50</v>
      </c>
      <c r="Y24099">
        <v>51</v>
      </c>
      <c r="Z24099">
        <v>52</v>
      </c>
      <c r="AA24099">
        <v>52</v>
      </c>
      <c r="AB24099">
        <v>53</v>
      </c>
      <c r="AC24099">
        <v>54</v>
      </c>
      <c r="AD24099">
        <v>54</v>
      </c>
      <c r="AE24099">
        <v>55</v>
      </c>
      <c r="AF24099">
        <v>56</v>
      </c>
      <c r="AG24099">
        <v>56</v>
      </c>
      <c r="AH24099">
        <v>57</v>
      </c>
      <c r="AI24099">
        <v>58</v>
      </c>
      <c r="AJ24099">
        <v>58</v>
      </c>
      <c r="AK24099">
        <v>59</v>
      </c>
      <c r="AL24099">
        <v>60</v>
      </c>
      <c r="AM24099">
        <v>60</v>
      </c>
      <c r="AN24099">
        <v>61</v>
      </c>
      <c r="AO24099">
        <v>62</v>
      </c>
      <c r="AP24099">
        <v>63</v>
      </c>
      <c r="AQ24099">
        <v>63</v>
      </c>
    </row>
    <row r="24100" spans="1:43">
      <c r="A24100" t="s">
        <v>14921</v>
      </c>
      <c r="B24100" t="s">
        <v>14922</v>
      </c>
      <c r="C24100" t="s">
        <v>14923</v>
      </c>
      <c r="D24100" t="s">
        <v>14924</v>
      </c>
      <c r="E24100" t="s">
        <v>14797</v>
      </c>
      <c r="F24100" t="s">
        <v>14798</v>
      </c>
      <c r="G24100" t="s">
        <v>10734</v>
      </c>
      <c r="H24100" t="s">
        <v>10735</v>
      </c>
      <c r="I24100" s="2">
        <v>1</v>
      </c>
      <c r="J24100" s="2">
        <v>0</v>
      </c>
      <c r="K24100" s="2">
        <v>0</v>
      </c>
      <c r="L24100" t="s">
        <v>120</v>
      </c>
      <c r="M24100" t="s">
        <v>89</v>
      </c>
      <c r="N24100" t="s">
        <v>90</v>
      </c>
      <c r="O24100" t="s">
        <v>85</v>
      </c>
      <c r="P24100" t="s">
        <v>86</v>
      </c>
      <c r="Q24100">
        <v>46</v>
      </c>
      <c r="R24100">
        <v>48</v>
      </c>
      <c r="S24100">
        <v>49</v>
      </c>
      <c r="T24100">
        <v>50</v>
      </c>
      <c r="U24100">
        <v>52</v>
      </c>
      <c r="V24100">
        <v>53</v>
      </c>
      <c r="W24100">
        <v>55</v>
      </c>
      <c r="X24100">
        <v>56</v>
      </c>
      <c r="Y24100">
        <v>57</v>
      </c>
      <c r="Z24100">
        <v>59</v>
      </c>
      <c r="AA24100">
        <v>60</v>
      </c>
      <c r="AB24100">
        <v>61</v>
      </c>
      <c r="AC24100">
        <v>63</v>
      </c>
      <c r="AD24100">
        <v>64</v>
      </c>
      <c r="AE24100">
        <v>65</v>
      </c>
      <c r="AF24100">
        <v>66</v>
      </c>
      <c r="AG24100">
        <v>66</v>
      </c>
      <c r="AH24100">
        <v>67</v>
      </c>
      <c r="AI24100">
        <v>68</v>
      </c>
      <c r="AJ24100">
        <v>68</v>
      </c>
      <c r="AK24100">
        <v>69</v>
      </c>
      <c r="AL24100">
        <v>69</v>
      </c>
      <c r="AM24100">
        <v>70</v>
      </c>
      <c r="AN24100">
        <v>71</v>
      </c>
      <c r="AO24100">
        <v>71</v>
      </c>
      <c r="AP24100">
        <v>72</v>
      </c>
      <c r="AQ24100">
        <v>73</v>
      </c>
    </row>
    <row r="24101" spans="1:43">
      <c r="A24101" t="s">
        <v>14921</v>
      </c>
      <c r="B24101" t="s">
        <v>14922</v>
      </c>
      <c r="C24101" t="s">
        <v>14923</v>
      </c>
      <c r="D24101" t="s">
        <v>14924</v>
      </c>
      <c r="E24101" t="s">
        <v>14797</v>
      </c>
      <c r="F24101" t="s">
        <v>14798</v>
      </c>
      <c r="G24101" t="s">
        <v>10734</v>
      </c>
      <c r="H24101" t="s">
        <v>10735</v>
      </c>
      <c r="I24101" s="2">
        <v>1</v>
      </c>
      <c r="J24101" s="2">
        <v>0</v>
      </c>
      <c r="K24101" s="2">
        <v>0</v>
      </c>
      <c r="L24101" t="s">
        <v>120</v>
      </c>
      <c r="M24101" t="s">
        <v>83</v>
      </c>
      <c r="N24101" t="s">
        <v>91</v>
      </c>
      <c r="O24101" t="s">
        <v>85</v>
      </c>
      <c r="P24101" t="s">
        <v>86</v>
      </c>
      <c r="Q24101">
        <v>46</v>
      </c>
      <c r="R24101">
        <v>47</v>
      </c>
      <c r="S24101">
        <v>48</v>
      </c>
      <c r="T24101">
        <v>49</v>
      </c>
      <c r="U24101">
        <v>50</v>
      </c>
      <c r="V24101">
        <v>51</v>
      </c>
      <c r="W24101">
        <v>52</v>
      </c>
      <c r="X24101">
        <v>53</v>
      </c>
      <c r="Y24101">
        <v>54</v>
      </c>
      <c r="Z24101">
        <v>55</v>
      </c>
      <c r="AA24101">
        <v>56</v>
      </c>
      <c r="AB24101">
        <v>57</v>
      </c>
      <c r="AC24101">
        <v>58</v>
      </c>
      <c r="AD24101">
        <v>60</v>
      </c>
      <c r="AE24101">
        <v>61</v>
      </c>
      <c r="AF24101">
        <v>62</v>
      </c>
      <c r="AG24101">
        <v>63</v>
      </c>
      <c r="AH24101">
        <v>64</v>
      </c>
      <c r="AI24101">
        <v>65</v>
      </c>
      <c r="AJ24101">
        <v>67</v>
      </c>
      <c r="AK24101">
        <v>68</v>
      </c>
      <c r="AL24101">
        <v>69</v>
      </c>
      <c r="AM24101">
        <v>69</v>
      </c>
      <c r="AN24101">
        <v>70</v>
      </c>
      <c r="AO24101">
        <v>71</v>
      </c>
      <c r="AP24101">
        <v>71</v>
      </c>
      <c r="AQ24101">
        <v>72</v>
      </c>
    </row>
    <row r="24102" spans="1:43">
      <c r="A24102" t="s">
        <v>14925</v>
      </c>
      <c r="B24102" t="s">
        <v>14926</v>
      </c>
      <c r="C24102" t="s">
        <v>14885</v>
      </c>
      <c r="D24102" t="s">
        <v>14886</v>
      </c>
      <c r="E24102" t="s">
        <v>14797</v>
      </c>
      <c r="F24102" t="s">
        <v>14798</v>
      </c>
      <c r="G24102" t="s">
        <v>10734</v>
      </c>
      <c r="H24102" t="s">
        <v>10735</v>
      </c>
      <c r="I24102" s="2">
        <v>1</v>
      </c>
      <c r="J24102" s="2">
        <v>0</v>
      </c>
      <c r="K24102" s="2">
        <v>0</v>
      </c>
      <c r="L24102" t="s">
        <v>120</v>
      </c>
      <c r="M24102" t="s">
        <v>83</v>
      </c>
      <c r="N24102" t="s">
        <v>84</v>
      </c>
      <c r="O24102" t="s">
        <v>85</v>
      </c>
      <c r="P24102" t="s">
        <v>86</v>
      </c>
      <c r="Q24102">
        <v>20</v>
      </c>
      <c r="R24102">
        <v>21</v>
      </c>
      <c r="S24102">
        <v>21</v>
      </c>
      <c r="T24102">
        <v>21</v>
      </c>
      <c r="U24102">
        <v>22</v>
      </c>
      <c r="V24102">
        <v>22</v>
      </c>
      <c r="W24102">
        <v>23</v>
      </c>
      <c r="X24102">
        <v>23</v>
      </c>
      <c r="Y24102">
        <v>24</v>
      </c>
      <c r="Z24102">
        <v>24</v>
      </c>
      <c r="AA24102">
        <v>25</v>
      </c>
      <c r="AB24102">
        <v>25</v>
      </c>
      <c r="AC24102">
        <v>26</v>
      </c>
      <c r="AD24102">
        <v>26</v>
      </c>
      <c r="AE24102">
        <v>27</v>
      </c>
      <c r="AF24102">
        <v>27</v>
      </c>
      <c r="AG24102">
        <v>28</v>
      </c>
      <c r="AH24102">
        <v>28</v>
      </c>
      <c r="AI24102">
        <v>29</v>
      </c>
      <c r="AJ24102">
        <v>29</v>
      </c>
      <c r="AK24102">
        <v>30</v>
      </c>
      <c r="AL24102">
        <v>30</v>
      </c>
      <c r="AM24102">
        <v>30</v>
      </c>
      <c r="AN24102">
        <v>31</v>
      </c>
      <c r="AO24102">
        <v>31</v>
      </c>
      <c r="AP24102">
        <v>31</v>
      </c>
      <c r="AQ24102">
        <v>32</v>
      </c>
    </row>
    <row r="24103" spans="1:43">
      <c r="A24103" t="s">
        <v>14925</v>
      </c>
      <c r="B24103" t="s">
        <v>14926</v>
      </c>
      <c r="C24103" t="s">
        <v>14885</v>
      </c>
      <c r="D24103" t="s">
        <v>14886</v>
      </c>
      <c r="E24103" t="s">
        <v>14797</v>
      </c>
      <c r="F24103" t="s">
        <v>14798</v>
      </c>
      <c r="G24103" t="s">
        <v>10734</v>
      </c>
      <c r="H24103" t="s">
        <v>10735</v>
      </c>
      <c r="I24103" s="2">
        <v>1</v>
      </c>
      <c r="J24103" s="2">
        <v>0</v>
      </c>
      <c r="K24103" s="2">
        <v>0</v>
      </c>
      <c r="L24103" t="s">
        <v>120</v>
      </c>
      <c r="M24103" t="s">
        <v>87</v>
      </c>
      <c r="N24103" t="s">
        <v>88</v>
      </c>
      <c r="O24103" t="s">
        <v>85</v>
      </c>
      <c r="P24103" t="s">
        <v>86</v>
      </c>
      <c r="Q24103">
        <v>20</v>
      </c>
      <c r="R24103">
        <v>20</v>
      </c>
      <c r="S24103">
        <v>20</v>
      </c>
      <c r="T24103">
        <v>21</v>
      </c>
      <c r="U24103">
        <v>21</v>
      </c>
      <c r="V24103">
        <v>21</v>
      </c>
      <c r="W24103">
        <v>21</v>
      </c>
      <c r="X24103">
        <v>22</v>
      </c>
      <c r="Y24103">
        <v>22</v>
      </c>
      <c r="Z24103">
        <v>22</v>
      </c>
      <c r="AA24103">
        <v>23</v>
      </c>
      <c r="AB24103">
        <v>23</v>
      </c>
      <c r="AC24103">
        <v>23</v>
      </c>
      <c r="AD24103">
        <v>23</v>
      </c>
      <c r="AE24103">
        <v>24</v>
      </c>
      <c r="AF24103">
        <v>24</v>
      </c>
      <c r="AG24103">
        <v>24</v>
      </c>
      <c r="AH24103">
        <v>24</v>
      </c>
      <c r="AI24103">
        <v>25</v>
      </c>
      <c r="AJ24103">
        <v>25</v>
      </c>
      <c r="AK24103">
        <v>25</v>
      </c>
      <c r="AL24103">
        <v>26</v>
      </c>
      <c r="AM24103">
        <v>26</v>
      </c>
      <c r="AN24103">
        <v>26</v>
      </c>
      <c r="AO24103">
        <v>27</v>
      </c>
      <c r="AP24103">
        <v>27</v>
      </c>
      <c r="AQ24103">
        <v>27</v>
      </c>
    </row>
    <row r="24104" spans="1:43">
      <c r="A24104" t="s">
        <v>14925</v>
      </c>
      <c r="B24104" t="s">
        <v>14926</v>
      </c>
      <c r="C24104" t="s">
        <v>14885</v>
      </c>
      <c r="D24104" t="s">
        <v>14886</v>
      </c>
      <c r="E24104" t="s">
        <v>14797</v>
      </c>
      <c r="F24104" t="s">
        <v>14798</v>
      </c>
      <c r="G24104" t="s">
        <v>10734</v>
      </c>
      <c r="H24104" t="s">
        <v>10735</v>
      </c>
      <c r="I24104" s="2">
        <v>1</v>
      </c>
      <c r="J24104" s="2">
        <v>0</v>
      </c>
      <c r="K24104" s="2">
        <v>0</v>
      </c>
      <c r="L24104" t="s">
        <v>120</v>
      </c>
      <c r="M24104" t="s">
        <v>89</v>
      </c>
      <c r="N24104" t="s">
        <v>90</v>
      </c>
      <c r="O24104" t="s">
        <v>85</v>
      </c>
      <c r="P24104" t="s">
        <v>86</v>
      </c>
      <c r="Q24104">
        <v>20</v>
      </c>
      <c r="R24104">
        <v>21</v>
      </c>
      <c r="S24104">
        <v>22</v>
      </c>
      <c r="T24104">
        <v>22</v>
      </c>
      <c r="U24104">
        <v>23</v>
      </c>
      <c r="V24104">
        <v>23</v>
      </c>
      <c r="W24104">
        <v>24</v>
      </c>
      <c r="X24104">
        <v>25</v>
      </c>
      <c r="Y24104">
        <v>25</v>
      </c>
      <c r="Z24104">
        <v>26</v>
      </c>
      <c r="AA24104">
        <v>26</v>
      </c>
      <c r="AB24104">
        <v>27</v>
      </c>
      <c r="AC24104">
        <v>28</v>
      </c>
      <c r="AD24104">
        <v>28</v>
      </c>
      <c r="AE24104">
        <v>29</v>
      </c>
      <c r="AF24104">
        <v>29</v>
      </c>
      <c r="AG24104">
        <v>29</v>
      </c>
      <c r="AH24104">
        <v>29</v>
      </c>
      <c r="AI24104">
        <v>30</v>
      </c>
      <c r="AJ24104">
        <v>30</v>
      </c>
      <c r="AK24104">
        <v>30</v>
      </c>
      <c r="AL24104">
        <v>30</v>
      </c>
      <c r="AM24104">
        <v>31</v>
      </c>
      <c r="AN24104">
        <v>31</v>
      </c>
      <c r="AO24104">
        <v>31</v>
      </c>
      <c r="AP24104">
        <v>32</v>
      </c>
      <c r="AQ24104">
        <v>32</v>
      </c>
    </row>
    <row r="24105" spans="1:43">
      <c r="A24105" t="s">
        <v>14925</v>
      </c>
      <c r="B24105" t="s">
        <v>14926</v>
      </c>
      <c r="C24105" t="s">
        <v>14885</v>
      </c>
      <c r="D24105" t="s">
        <v>14886</v>
      </c>
      <c r="E24105" t="s">
        <v>14797</v>
      </c>
      <c r="F24105" t="s">
        <v>14798</v>
      </c>
      <c r="G24105" t="s">
        <v>10734</v>
      </c>
      <c r="H24105" t="s">
        <v>10735</v>
      </c>
      <c r="I24105" s="2">
        <v>1</v>
      </c>
      <c r="J24105" s="2">
        <v>0</v>
      </c>
      <c r="K24105" s="2">
        <v>0</v>
      </c>
      <c r="L24105" t="s">
        <v>120</v>
      </c>
      <c r="M24105" t="s">
        <v>83</v>
      </c>
      <c r="N24105" t="s">
        <v>91</v>
      </c>
      <c r="O24105" t="s">
        <v>85</v>
      </c>
      <c r="P24105" t="s">
        <v>86</v>
      </c>
      <c r="Q24105">
        <v>20</v>
      </c>
      <c r="R24105">
        <v>21</v>
      </c>
      <c r="S24105">
        <v>21</v>
      </c>
      <c r="T24105">
        <v>21</v>
      </c>
      <c r="U24105">
        <v>22</v>
      </c>
      <c r="V24105">
        <v>22</v>
      </c>
      <c r="W24105">
        <v>23</v>
      </c>
      <c r="X24105">
        <v>23</v>
      </c>
      <c r="Y24105">
        <v>24</v>
      </c>
      <c r="Z24105">
        <v>24</v>
      </c>
      <c r="AA24105">
        <v>25</v>
      </c>
      <c r="AB24105">
        <v>25</v>
      </c>
      <c r="AC24105">
        <v>26</v>
      </c>
      <c r="AD24105">
        <v>26</v>
      </c>
      <c r="AE24105">
        <v>27</v>
      </c>
      <c r="AF24105">
        <v>27</v>
      </c>
      <c r="AG24105">
        <v>28</v>
      </c>
      <c r="AH24105">
        <v>28</v>
      </c>
      <c r="AI24105">
        <v>29</v>
      </c>
      <c r="AJ24105">
        <v>29</v>
      </c>
      <c r="AK24105">
        <v>30</v>
      </c>
      <c r="AL24105">
        <v>30</v>
      </c>
      <c r="AM24105">
        <v>30</v>
      </c>
      <c r="AN24105">
        <v>31</v>
      </c>
      <c r="AO24105">
        <v>31</v>
      </c>
      <c r="AP24105">
        <v>31</v>
      </c>
      <c r="AQ24105">
        <v>32</v>
      </c>
    </row>
    <row r="24106" spans="1:43">
      <c r="A24106" t="s">
        <v>14927</v>
      </c>
      <c r="B24106" t="s">
        <v>14928</v>
      </c>
      <c r="C24106" t="s">
        <v>14885</v>
      </c>
      <c r="D24106" t="s">
        <v>14886</v>
      </c>
      <c r="E24106" t="s">
        <v>14797</v>
      </c>
      <c r="F24106" t="s">
        <v>14798</v>
      </c>
      <c r="G24106" t="s">
        <v>10734</v>
      </c>
      <c r="H24106" t="s">
        <v>10735</v>
      </c>
      <c r="I24106" s="2">
        <v>1</v>
      </c>
      <c r="J24106" s="2">
        <v>0</v>
      </c>
      <c r="K24106" s="2">
        <v>0</v>
      </c>
      <c r="L24106" t="s">
        <v>120</v>
      </c>
      <c r="M24106" t="s">
        <v>83</v>
      </c>
      <c r="N24106" t="s">
        <v>84</v>
      </c>
      <c r="O24106" t="s">
        <v>85</v>
      </c>
      <c r="P24106" t="s">
        <v>86</v>
      </c>
      <c r="Q24106">
        <v>25</v>
      </c>
      <c r="R24106">
        <v>26</v>
      </c>
      <c r="S24106">
        <v>26</v>
      </c>
      <c r="T24106">
        <v>27</v>
      </c>
      <c r="U24106">
        <v>27</v>
      </c>
      <c r="V24106">
        <v>28</v>
      </c>
      <c r="W24106">
        <v>28</v>
      </c>
      <c r="X24106">
        <v>29</v>
      </c>
      <c r="Y24106">
        <v>30</v>
      </c>
      <c r="Z24106">
        <v>30</v>
      </c>
      <c r="AA24106">
        <v>31</v>
      </c>
      <c r="AB24106">
        <v>31</v>
      </c>
      <c r="AC24106">
        <v>32</v>
      </c>
      <c r="AD24106">
        <v>33</v>
      </c>
      <c r="AE24106">
        <v>33</v>
      </c>
      <c r="AF24106">
        <v>34</v>
      </c>
      <c r="AG24106">
        <v>34</v>
      </c>
      <c r="AH24106">
        <v>35</v>
      </c>
      <c r="AI24106">
        <v>36</v>
      </c>
      <c r="AJ24106">
        <v>36</v>
      </c>
      <c r="AK24106">
        <v>37</v>
      </c>
      <c r="AL24106">
        <v>38</v>
      </c>
      <c r="AM24106">
        <v>38</v>
      </c>
      <c r="AN24106">
        <v>38</v>
      </c>
      <c r="AO24106">
        <v>39</v>
      </c>
      <c r="AP24106">
        <v>39</v>
      </c>
      <c r="AQ24106">
        <v>39</v>
      </c>
    </row>
    <row r="24107" spans="1:43">
      <c r="A24107" t="s">
        <v>14927</v>
      </c>
      <c r="B24107" t="s">
        <v>14928</v>
      </c>
      <c r="C24107" t="s">
        <v>14885</v>
      </c>
      <c r="D24107" t="s">
        <v>14886</v>
      </c>
      <c r="E24107" t="s">
        <v>14797</v>
      </c>
      <c r="F24107" t="s">
        <v>14798</v>
      </c>
      <c r="G24107" t="s">
        <v>10734</v>
      </c>
      <c r="H24107" t="s">
        <v>10735</v>
      </c>
      <c r="I24107" s="2">
        <v>1</v>
      </c>
      <c r="J24107" s="2">
        <v>0</v>
      </c>
      <c r="K24107" s="2">
        <v>0</v>
      </c>
      <c r="L24107" t="s">
        <v>120</v>
      </c>
      <c r="M24107" t="s">
        <v>87</v>
      </c>
      <c r="N24107" t="s">
        <v>88</v>
      </c>
      <c r="O24107" t="s">
        <v>85</v>
      </c>
      <c r="P24107" t="s">
        <v>86</v>
      </c>
      <c r="Q24107">
        <v>25</v>
      </c>
      <c r="R24107">
        <v>25</v>
      </c>
      <c r="S24107">
        <v>25</v>
      </c>
      <c r="T24107">
        <v>26</v>
      </c>
      <c r="U24107">
        <v>26</v>
      </c>
      <c r="V24107">
        <v>26</v>
      </c>
      <c r="W24107">
        <v>27</v>
      </c>
      <c r="X24107">
        <v>27</v>
      </c>
      <c r="Y24107">
        <v>27</v>
      </c>
      <c r="Z24107">
        <v>28</v>
      </c>
      <c r="AA24107">
        <v>28</v>
      </c>
      <c r="AB24107">
        <v>28</v>
      </c>
      <c r="AC24107">
        <v>29</v>
      </c>
      <c r="AD24107">
        <v>29</v>
      </c>
      <c r="AE24107">
        <v>29</v>
      </c>
      <c r="AF24107">
        <v>30</v>
      </c>
      <c r="AG24107">
        <v>30</v>
      </c>
      <c r="AH24107">
        <v>31</v>
      </c>
      <c r="AI24107">
        <v>31</v>
      </c>
      <c r="AJ24107">
        <v>31</v>
      </c>
      <c r="AK24107">
        <v>32</v>
      </c>
      <c r="AL24107">
        <v>32</v>
      </c>
      <c r="AM24107">
        <v>32</v>
      </c>
      <c r="AN24107">
        <v>33</v>
      </c>
      <c r="AO24107">
        <v>33</v>
      </c>
      <c r="AP24107">
        <v>34</v>
      </c>
      <c r="AQ24107">
        <v>34</v>
      </c>
    </row>
    <row r="24108" spans="1:43">
      <c r="A24108" t="s">
        <v>14927</v>
      </c>
      <c r="B24108" t="s">
        <v>14928</v>
      </c>
      <c r="C24108" t="s">
        <v>14885</v>
      </c>
      <c r="D24108" t="s">
        <v>14886</v>
      </c>
      <c r="E24108" t="s">
        <v>14797</v>
      </c>
      <c r="F24108" t="s">
        <v>14798</v>
      </c>
      <c r="G24108" t="s">
        <v>10734</v>
      </c>
      <c r="H24108" t="s">
        <v>10735</v>
      </c>
      <c r="I24108" s="2">
        <v>1</v>
      </c>
      <c r="J24108" s="2">
        <v>0</v>
      </c>
      <c r="K24108" s="2">
        <v>0</v>
      </c>
      <c r="L24108" t="s">
        <v>120</v>
      </c>
      <c r="M24108" t="s">
        <v>89</v>
      </c>
      <c r="N24108" t="s">
        <v>90</v>
      </c>
      <c r="O24108" t="s">
        <v>85</v>
      </c>
      <c r="P24108" t="s">
        <v>86</v>
      </c>
      <c r="Q24108">
        <v>25</v>
      </c>
      <c r="R24108">
        <v>26</v>
      </c>
      <c r="S24108">
        <v>27</v>
      </c>
      <c r="T24108">
        <v>28</v>
      </c>
      <c r="U24108">
        <v>28</v>
      </c>
      <c r="V24108">
        <v>29</v>
      </c>
      <c r="W24108">
        <v>30</v>
      </c>
      <c r="X24108">
        <v>31</v>
      </c>
      <c r="Y24108">
        <v>31</v>
      </c>
      <c r="Z24108">
        <v>32</v>
      </c>
      <c r="AA24108">
        <v>33</v>
      </c>
      <c r="AB24108">
        <v>34</v>
      </c>
      <c r="AC24108">
        <v>34</v>
      </c>
      <c r="AD24108">
        <v>35</v>
      </c>
      <c r="AE24108">
        <v>36</v>
      </c>
      <c r="AF24108">
        <v>36</v>
      </c>
      <c r="AG24108">
        <v>36</v>
      </c>
      <c r="AH24108">
        <v>37</v>
      </c>
      <c r="AI24108">
        <v>37</v>
      </c>
      <c r="AJ24108">
        <v>37</v>
      </c>
      <c r="AK24108">
        <v>38</v>
      </c>
      <c r="AL24108">
        <v>38</v>
      </c>
      <c r="AM24108">
        <v>38</v>
      </c>
      <c r="AN24108">
        <v>39</v>
      </c>
      <c r="AO24108">
        <v>39</v>
      </c>
      <c r="AP24108">
        <v>39</v>
      </c>
      <c r="AQ24108">
        <v>40</v>
      </c>
    </row>
    <row r="24109" spans="1:43">
      <c r="A24109" t="s">
        <v>14927</v>
      </c>
      <c r="B24109" t="s">
        <v>14928</v>
      </c>
      <c r="C24109" t="s">
        <v>14885</v>
      </c>
      <c r="D24109" t="s">
        <v>14886</v>
      </c>
      <c r="E24109" t="s">
        <v>14797</v>
      </c>
      <c r="F24109" t="s">
        <v>14798</v>
      </c>
      <c r="G24109" t="s">
        <v>10734</v>
      </c>
      <c r="H24109" t="s">
        <v>10735</v>
      </c>
      <c r="I24109" s="2">
        <v>1</v>
      </c>
      <c r="J24109" s="2">
        <v>0</v>
      </c>
      <c r="K24109" s="2">
        <v>0</v>
      </c>
      <c r="L24109" t="s">
        <v>120</v>
      </c>
      <c r="M24109" t="s">
        <v>83</v>
      </c>
      <c r="N24109" t="s">
        <v>91</v>
      </c>
      <c r="O24109" t="s">
        <v>85</v>
      </c>
      <c r="P24109" t="s">
        <v>86</v>
      </c>
      <c r="Q24109">
        <v>25</v>
      </c>
      <c r="R24109">
        <v>26</v>
      </c>
      <c r="S24109">
        <v>26</v>
      </c>
      <c r="T24109">
        <v>27</v>
      </c>
      <c r="U24109">
        <v>27</v>
      </c>
      <c r="V24109">
        <v>28</v>
      </c>
      <c r="W24109">
        <v>28</v>
      </c>
      <c r="X24109">
        <v>29</v>
      </c>
      <c r="Y24109">
        <v>30</v>
      </c>
      <c r="Z24109">
        <v>30</v>
      </c>
      <c r="AA24109">
        <v>31</v>
      </c>
      <c r="AB24109">
        <v>31</v>
      </c>
      <c r="AC24109">
        <v>32</v>
      </c>
      <c r="AD24109">
        <v>33</v>
      </c>
      <c r="AE24109">
        <v>33</v>
      </c>
      <c r="AF24109">
        <v>34</v>
      </c>
      <c r="AG24109">
        <v>34</v>
      </c>
      <c r="AH24109">
        <v>35</v>
      </c>
      <c r="AI24109">
        <v>36</v>
      </c>
      <c r="AJ24109">
        <v>36</v>
      </c>
      <c r="AK24109">
        <v>37</v>
      </c>
      <c r="AL24109">
        <v>38</v>
      </c>
      <c r="AM24109">
        <v>38</v>
      </c>
      <c r="AN24109">
        <v>38</v>
      </c>
      <c r="AO24109">
        <v>39</v>
      </c>
      <c r="AP24109">
        <v>39</v>
      </c>
      <c r="AQ24109">
        <v>39</v>
      </c>
    </row>
    <row r="24110" spans="1:43">
      <c r="A24110" t="s">
        <v>14929</v>
      </c>
      <c r="B24110" t="s">
        <v>14930</v>
      </c>
      <c r="C24110" t="s">
        <v>14873</v>
      </c>
      <c r="D24110" t="s">
        <v>14874</v>
      </c>
      <c r="E24110" t="s">
        <v>14797</v>
      </c>
      <c r="F24110" t="s">
        <v>14798</v>
      </c>
      <c r="G24110" t="s">
        <v>10734</v>
      </c>
      <c r="H24110" t="s">
        <v>10735</v>
      </c>
      <c r="I24110" s="2">
        <v>1</v>
      </c>
      <c r="J24110" s="2">
        <v>0</v>
      </c>
      <c r="K24110" s="2">
        <v>0</v>
      </c>
      <c r="L24110" t="s">
        <v>120</v>
      </c>
      <c r="M24110" t="s">
        <v>83</v>
      </c>
      <c r="N24110" t="s">
        <v>84</v>
      </c>
      <c r="O24110" t="s">
        <v>85</v>
      </c>
      <c r="P24110" t="s">
        <v>86</v>
      </c>
      <c r="Q24110">
        <v>38</v>
      </c>
      <c r="R24110">
        <v>39</v>
      </c>
      <c r="S24110">
        <v>40</v>
      </c>
      <c r="T24110">
        <v>41</v>
      </c>
      <c r="U24110">
        <v>41</v>
      </c>
      <c r="V24110">
        <v>42</v>
      </c>
      <c r="W24110">
        <v>43</v>
      </c>
      <c r="X24110">
        <v>44</v>
      </c>
      <c r="Y24110">
        <v>45</v>
      </c>
      <c r="Z24110">
        <v>46</v>
      </c>
      <c r="AA24110">
        <v>47</v>
      </c>
      <c r="AB24110">
        <v>48</v>
      </c>
      <c r="AC24110">
        <v>49</v>
      </c>
      <c r="AD24110">
        <v>50</v>
      </c>
      <c r="AE24110">
        <v>50</v>
      </c>
      <c r="AF24110">
        <v>51</v>
      </c>
      <c r="AG24110">
        <v>52</v>
      </c>
      <c r="AH24110">
        <v>53</v>
      </c>
      <c r="AI24110">
        <v>54</v>
      </c>
      <c r="AJ24110">
        <v>55</v>
      </c>
      <c r="AK24110">
        <v>56</v>
      </c>
      <c r="AL24110">
        <v>57</v>
      </c>
      <c r="AM24110">
        <v>58</v>
      </c>
      <c r="AN24110">
        <v>58</v>
      </c>
      <c r="AO24110">
        <v>59</v>
      </c>
      <c r="AP24110">
        <v>59</v>
      </c>
      <c r="AQ24110">
        <v>60</v>
      </c>
    </row>
    <row r="24111" spans="1:43">
      <c r="A24111" t="s">
        <v>14929</v>
      </c>
      <c r="B24111" t="s">
        <v>14930</v>
      </c>
      <c r="C24111" t="s">
        <v>14873</v>
      </c>
      <c r="D24111" t="s">
        <v>14874</v>
      </c>
      <c r="E24111" t="s">
        <v>14797</v>
      </c>
      <c r="F24111" t="s">
        <v>14798</v>
      </c>
      <c r="G24111" t="s">
        <v>10734</v>
      </c>
      <c r="H24111" t="s">
        <v>10735</v>
      </c>
      <c r="I24111" s="2">
        <v>1</v>
      </c>
      <c r="J24111" s="2">
        <v>0</v>
      </c>
      <c r="K24111" s="2">
        <v>0</v>
      </c>
      <c r="L24111" t="s">
        <v>120</v>
      </c>
      <c r="M24111" t="s">
        <v>87</v>
      </c>
      <c r="N24111" t="s">
        <v>88</v>
      </c>
      <c r="O24111" t="s">
        <v>85</v>
      </c>
      <c r="P24111" t="s">
        <v>86</v>
      </c>
      <c r="Q24111">
        <v>38</v>
      </c>
      <c r="R24111">
        <v>38</v>
      </c>
      <c r="S24111">
        <v>39</v>
      </c>
      <c r="T24111">
        <v>39</v>
      </c>
      <c r="U24111">
        <v>40</v>
      </c>
      <c r="V24111">
        <v>40</v>
      </c>
      <c r="W24111">
        <v>41</v>
      </c>
      <c r="X24111">
        <v>41</v>
      </c>
      <c r="Y24111">
        <v>42</v>
      </c>
      <c r="Z24111">
        <v>42</v>
      </c>
      <c r="AA24111">
        <v>43</v>
      </c>
      <c r="AB24111">
        <v>43</v>
      </c>
      <c r="AC24111">
        <v>44</v>
      </c>
      <c r="AD24111">
        <v>44</v>
      </c>
      <c r="AE24111">
        <v>45</v>
      </c>
      <c r="AF24111">
        <v>45</v>
      </c>
      <c r="AG24111">
        <v>46</v>
      </c>
      <c r="AH24111">
        <v>46</v>
      </c>
      <c r="AI24111">
        <v>47</v>
      </c>
      <c r="AJ24111">
        <v>48</v>
      </c>
      <c r="AK24111">
        <v>48</v>
      </c>
      <c r="AL24111">
        <v>49</v>
      </c>
      <c r="AM24111">
        <v>49</v>
      </c>
      <c r="AN24111">
        <v>50</v>
      </c>
      <c r="AO24111">
        <v>50</v>
      </c>
      <c r="AP24111">
        <v>51</v>
      </c>
      <c r="AQ24111">
        <v>52</v>
      </c>
    </row>
    <row r="24112" spans="1:43">
      <c r="A24112" t="s">
        <v>14929</v>
      </c>
      <c r="B24112" t="s">
        <v>14930</v>
      </c>
      <c r="C24112" t="s">
        <v>14873</v>
      </c>
      <c r="D24112" t="s">
        <v>14874</v>
      </c>
      <c r="E24112" t="s">
        <v>14797</v>
      </c>
      <c r="F24112" t="s">
        <v>14798</v>
      </c>
      <c r="G24112" t="s">
        <v>10734</v>
      </c>
      <c r="H24112" t="s">
        <v>10735</v>
      </c>
      <c r="I24112" s="2">
        <v>1</v>
      </c>
      <c r="J24112" s="2">
        <v>0</v>
      </c>
      <c r="K24112" s="2">
        <v>0</v>
      </c>
      <c r="L24112" t="s">
        <v>120</v>
      </c>
      <c r="M24112" t="s">
        <v>89</v>
      </c>
      <c r="N24112" t="s">
        <v>90</v>
      </c>
      <c r="O24112" t="s">
        <v>85</v>
      </c>
      <c r="P24112" t="s">
        <v>86</v>
      </c>
      <c r="Q24112">
        <v>38</v>
      </c>
      <c r="R24112">
        <v>40</v>
      </c>
      <c r="S24112">
        <v>41</v>
      </c>
      <c r="T24112">
        <v>42</v>
      </c>
      <c r="U24112">
        <v>43</v>
      </c>
      <c r="V24112">
        <v>44</v>
      </c>
      <c r="W24112">
        <v>45</v>
      </c>
      <c r="X24112">
        <v>46</v>
      </c>
      <c r="Y24112">
        <v>48</v>
      </c>
      <c r="Z24112">
        <v>49</v>
      </c>
      <c r="AA24112">
        <v>50</v>
      </c>
      <c r="AB24112">
        <v>51</v>
      </c>
      <c r="AC24112">
        <v>52</v>
      </c>
      <c r="AD24112">
        <v>53</v>
      </c>
      <c r="AE24112">
        <v>54</v>
      </c>
      <c r="AF24112">
        <v>55</v>
      </c>
      <c r="AG24112">
        <v>55</v>
      </c>
      <c r="AH24112">
        <v>56</v>
      </c>
      <c r="AI24112">
        <v>56</v>
      </c>
      <c r="AJ24112">
        <v>56</v>
      </c>
      <c r="AK24112">
        <v>57</v>
      </c>
      <c r="AL24112">
        <v>57</v>
      </c>
      <c r="AM24112">
        <v>58</v>
      </c>
      <c r="AN24112">
        <v>58</v>
      </c>
      <c r="AO24112">
        <v>59</v>
      </c>
      <c r="AP24112">
        <v>59</v>
      </c>
      <c r="AQ24112">
        <v>60</v>
      </c>
    </row>
    <row r="24113" spans="1:43">
      <c r="A24113" t="s">
        <v>14929</v>
      </c>
      <c r="B24113" t="s">
        <v>14930</v>
      </c>
      <c r="C24113" t="s">
        <v>14873</v>
      </c>
      <c r="D24113" t="s">
        <v>14874</v>
      </c>
      <c r="E24113" t="s">
        <v>14797</v>
      </c>
      <c r="F24113" t="s">
        <v>14798</v>
      </c>
      <c r="G24113" t="s">
        <v>10734</v>
      </c>
      <c r="H24113" t="s">
        <v>10735</v>
      </c>
      <c r="I24113" s="2">
        <v>1</v>
      </c>
      <c r="J24113" s="2">
        <v>0</v>
      </c>
      <c r="K24113" s="2">
        <v>0</v>
      </c>
      <c r="L24113" t="s">
        <v>120</v>
      </c>
      <c r="M24113" t="s">
        <v>83</v>
      </c>
      <c r="N24113" t="s">
        <v>91</v>
      </c>
      <c r="O24113" t="s">
        <v>85</v>
      </c>
      <c r="P24113" t="s">
        <v>86</v>
      </c>
      <c r="Q24113">
        <v>38</v>
      </c>
      <c r="R24113">
        <v>39</v>
      </c>
      <c r="S24113">
        <v>40</v>
      </c>
      <c r="T24113">
        <v>41</v>
      </c>
      <c r="U24113">
        <v>41</v>
      </c>
      <c r="V24113">
        <v>42</v>
      </c>
      <c r="W24113">
        <v>43</v>
      </c>
      <c r="X24113">
        <v>44</v>
      </c>
      <c r="Y24113">
        <v>45</v>
      </c>
      <c r="Z24113">
        <v>46</v>
      </c>
      <c r="AA24113">
        <v>47</v>
      </c>
      <c r="AB24113">
        <v>48</v>
      </c>
      <c r="AC24113">
        <v>49</v>
      </c>
      <c r="AD24113">
        <v>50</v>
      </c>
      <c r="AE24113">
        <v>50</v>
      </c>
      <c r="AF24113">
        <v>51</v>
      </c>
      <c r="AG24113">
        <v>52</v>
      </c>
      <c r="AH24113">
        <v>53</v>
      </c>
      <c r="AI24113">
        <v>54</v>
      </c>
      <c r="AJ24113">
        <v>55</v>
      </c>
      <c r="AK24113">
        <v>56</v>
      </c>
      <c r="AL24113">
        <v>57</v>
      </c>
      <c r="AM24113">
        <v>58</v>
      </c>
      <c r="AN24113">
        <v>58</v>
      </c>
      <c r="AO24113">
        <v>59</v>
      </c>
      <c r="AP24113">
        <v>59</v>
      </c>
      <c r="AQ24113">
        <v>60</v>
      </c>
    </row>
    <row r="24114" spans="1:43">
      <c r="A24114" t="s">
        <v>14931</v>
      </c>
      <c r="B24114" t="s">
        <v>14932</v>
      </c>
      <c r="C24114" t="s">
        <v>14873</v>
      </c>
      <c r="D24114" t="s">
        <v>14874</v>
      </c>
      <c r="E24114" t="s">
        <v>14797</v>
      </c>
      <c r="F24114" t="s">
        <v>14798</v>
      </c>
      <c r="G24114" t="s">
        <v>10734</v>
      </c>
      <c r="H24114" t="s">
        <v>10735</v>
      </c>
      <c r="I24114" s="2">
        <v>1</v>
      </c>
      <c r="J24114" s="2">
        <v>0</v>
      </c>
      <c r="K24114" s="2">
        <v>0</v>
      </c>
      <c r="L24114" t="s">
        <v>120</v>
      </c>
      <c r="M24114" t="s">
        <v>83</v>
      </c>
      <c r="N24114" t="s">
        <v>84</v>
      </c>
      <c r="O24114" t="s">
        <v>85</v>
      </c>
      <c r="P24114" t="s">
        <v>86</v>
      </c>
      <c r="Q24114">
        <v>44</v>
      </c>
      <c r="R24114">
        <v>45</v>
      </c>
      <c r="S24114">
        <v>46</v>
      </c>
      <c r="T24114">
        <v>47</v>
      </c>
      <c r="U24114">
        <v>48</v>
      </c>
      <c r="V24114">
        <v>49</v>
      </c>
      <c r="W24114">
        <v>50</v>
      </c>
      <c r="X24114">
        <v>51</v>
      </c>
      <c r="Y24114">
        <v>52</v>
      </c>
      <c r="Z24114">
        <v>53</v>
      </c>
      <c r="AA24114">
        <v>54</v>
      </c>
      <c r="AB24114">
        <v>55</v>
      </c>
      <c r="AC24114">
        <v>56</v>
      </c>
      <c r="AD24114">
        <v>57</v>
      </c>
      <c r="AE24114">
        <v>58</v>
      </c>
      <c r="AF24114">
        <v>59</v>
      </c>
      <c r="AG24114">
        <v>60</v>
      </c>
      <c r="AH24114">
        <v>61</v>
      </c>
      <c r="AI24114">
        <v>63</v>
      </c>
      <c r="AJ24114">
        <v>64</v>
      </c>
      <c r="AK24114">
        <v>65</v>
      </c>
      <c r="AL24114">
        <v>66</v>
      </c>
      <c r="AM24114">
        <v>66</v>
      </c>
      <c r="AN24114">
        <v>67</v>
      </c>
      <c r="AO24114">
        <v>67</v>
      </c>
      <c r="AP24114">
        <v>68</v>
      </c>
      <c r="AQ24114">
        <v>69</v>
      </c>
    </row>
    <row r="24115" spans="1:43">
      <c r="A24115" t="s">
        <v>14931</v>
      </c>
      <c r="B24115" t="s">
        <v>14932</v>
      </c>
      <c r="C24115" t="s">
        <v>14873</v>
      </c>
      <c r="D24115" t="s">
        <v>14874</v>
      </c>
      <c r="E24115" t="s">
        <v>14797</v>
      </c>
      <c r="F24115" t="s">
        <v>14798</v>
      </c>
      <c r="G24115" t="s">
        <v>10734</v>
      </c>
      <c r="H24115" t="s">
        <v>10735</v>
      </c>
      <c r="I24115" s="2">
        <v>1</v>
      </c>
      <c r="J24115" s="2">
        <v>0</v>
      </c>
      <c r="K24115" s="2">
        <v>0</v>
      </c>
      <c r="L24115" t="s">
        <v>120</v>
      </c>
      <c r="M24115" t="s">
        <v>87</v>
      </c>
      <c r="N24115" t="s">
        <v>88</v>
      </c>
      <c r="O24115" t="s">
        <v>85</v>
      </c>
      <c r="P24115" t="s">
        <v>86</v>
      </c>
      <c r="Q24115">
        <v>44</v>
      </c>
      <c r="R24115">
        <v>45</v>
      </c>
      <c r="S24115">
        <v>46</v>
      </c>
      <c r="T24115">
        <v>46</v>
      </c>
      <c r="U24115">
        <v>47</v>
      </c>
      <c r="V24115">
        <v>47</v>
      </c>
      <c r="W24115">
        <v>48</v>
      </c>
      <c r="X24115">
        <v>48</v>
      </c>
      <c r="Y24115">
        <v>49</v>
      </c>
      <c r="Z24115">
        <v>50</v>
      </c>
      <c r="AA24115">
        <v>50</v>
      </c>
      <c r="AB24115">
        <v>51</v>
      </c>
      <c r="AC24115">
        <v>51</v>
      </c>
      <c r="AD24115">
        <v>52</v>
      </c>
      <c r="AE24115">
        <v>53</v>
      </c>
      <c r="AF24115">
        <v>53</v>
      </c>
      <c r="AG24115">
        <v>54</v>
      </c>
      <c r="AH24115">
        <v>54</v>
      </c>
      <c r="AI24115">
        <v>55</v>
      </c>
      <c r="AJ24115">
        <v>56</v>
      </c>
      <c r="AK24115">
        <v>56</v>
      </c>
      <c r="AL24115">
        <v>57</v>
      </c>
      <c r="AM24115">
        <v>58</v>
      </c>
      <c r="AN24115">
        <v>58</v>
      </c>
      <c r="AO24115">
        <v>59</v>
      </c>
      <c r="AP24115">
        <v>60</v>
      </c>
      <c r="AQ24115">
        <v>61</v>
      </c>
    </row>
    <row r="24116" spans="1:43">
      <c r="A24116" t="s">
        <v>14931</v>
      </c>
      <c r="B24116" t="s">
        <v>14932</v>
      </c>
      <c r="C24116" t="s">
        <v>14873</v>
      </c>
      <c r="D24116" t="s">
        <v>14874</v>
      </c>
      <c r="E24116" t="s">
        <v>14797</v>
      </c>
      <c r="F24116" t="s">
        <v>14798</v>
      </c>
      <c r="G24116" t="s">
        <v>10734</v>
      </c>
      <c r="H24116" t="s">
        <v>10735</v>
      </c>
      <c r="I24116" s="2">
        <v>1</v>
      </c>
      <c r="J24116" s="2">
        <v>0</v>
      </c>
      <c r="K24116" s="2">
        <v>0</v>
      </c>
      <c r="L24116" t="s">
        <v>120</v>
      </c>
      <c r="M24116" t="s">
        <v>89</v>
      </c>
      <c r="N24116" t="s">
        <v>90</v>
      </c>
      <c r="O24116" t="s">
        <v>85</v>
      </c>
      <c r="P24116" t="s">
        <v>86</v>
      </c>
      <c r="Q24116">
        <v>44</v>
      </c>
      <c r="R24116">
        <v>46</v>
      </c>
      <c r="S24116">
        <v>47</v>
      </c>
      <c r="T24116">
        <v>48</v>
      </c>
      <c r="U24116">
        <v>50</v>
      </c>
      <c r="V24116">
        <v>51</v>
      </c>
      <c r="W24116">
        <v>52</v>
      </c>
      <c r="X24116">
        <v>54</v>
      </c>
      <c r="Y24116">
        <v>55</v>
      </c>
      <c r="Z24116">
        <v>56</v>
      </c>
      <c r="AA24116">
        <v>57</v>
      </c>
      <c r="AB24116">
        <v>59</v>
      </c>
      <c r="AC24116">
        <v>60</v>
      </c>
      <c r="AD24116">
        <v>61</v>
      </c>
      <c r="AE24116">
        <v>62</v>
      </c>
      <c r="AF24116">
        <v>63</v>
      </c>
      <c r="AG24116">
        <v>63</v>
      </c>
      <c r="AH24116">
        <v>64</v>
      </c>
      <c r="AI24116">
        <v>65</v>
      </c>
      <c r="AJ24116">
        <v>65</v>
      </c>
      <c r="AK24116">
        <v>66</v>
      </c>
      <c r="AL24116">
        <v>66</v>
      </c>
      <c r="AM24116">
        <v>67</v>
      </c>
      <c r="AN24116">
        <v>67</v>
      </c>
      <c r="AO24116">
        <v>68</v>
      </c>
      <c r="AP24116">
        <v>68</v>
      </c>
      <c r="AQ24116">
        <v>69</v>
      </c>
    </row>
    <row r="24117" spans="1:43">
      <c r="A24117" t="s">
        <v>14931</v>
      </c>
      <c r="B24117" t="s">
        <v>14932</v>
      </c>
      <c r="C24117" t="s">
        <v>14873</v>
      </c>
      <c r="D24117" t="s">
        <v>14874</v>
      </c>
      <c r="E24117" t="s">
        <v>14797</v>
      </c>
      <c r="F24117" t="s">
        <v>14798</v>
      </c>
      <c r="G24117" t="s">
        <v>10734</v>
      </c>
      <c r="H24117" t="s">
        <v>10735</v>
      </c>
      <c r="I24117" s="2">
        <v>1</v>
      </c>
      <c r="J24117" s="2">
        <v>0</v>
      </c>
      <c r="K24117" s="2">
        <v>0</v>
      </c>
      <c r="L24117" t="s">
        <v>120</v>
      </c>
      <c r="M24117" t="s">
        <v>83</v>
      </c>
      <c r="N24117" t="s">
        <v>91</v>
      </c>
      <c r="O24117" t="s">
        <v>85</v>
      </c>
      <c r="P24117" t="s">
        <v>86</v>
      </c>
      <c r="Q24117">
        <v>44</v>
      </c>
      <c r="R24117">
        <v>45</v>
      </c>
      <c r="S24117">
        <v>46</v>
      </c>
      <c r="T24117">
        <v>47</v>
      </c>
      <c r="U24117">
        <v>48</v>
      </c>
      <c r="V24117">
        <v>49</v>
      </c>
      <c r="W24117">
        <v>50</v>
      </c>
      <c r="X24117">
        <v>51</v>
      </c>
      <c r="Y24117">
        <v>52</v>
      </c>
      <c r="Z24117">
        <v>53</v>
      </c>
      <c r="AA24117">
        <v>54</v>
      </c>
      <c r="AB24117">
        <v>55</v>
      </c>
      <c r="AC24117">
        <v>56</v>
      </c>
      <c r="AD24117">
        <v>57</v>
      </c>
      <c r="AE24117">
        <v>58</v>
      </c>
      <c r="AF24117">
        <v>59</v>
      </c>
      <c r="AG24117">
        <v>60</v>
      </c>
      <c r="AH24117">
        <v>61</v>
      </c>
      <c r="AI24117">
        <v>63</v>
      </c>
      <c r="AJ24117">
        <v>64</v>
      </c>
      <c r="AK24117">
        <v>65</v>
      </c>
      <c r="AL24117">
        <v>66</v>
      </c>
      <c r="AM24117">
        <v>66</v>
      </c>
      <c r="AN24117">
        <v>67</v>
      </c>
      <c r="AO24117">
        <v>67</v>
      </c>
      <c r="AP24117">
        <v>68</v>
      </c>
      <c r="AQ24117">
        <v>69</v>
      </c>
    </row>
    <row r="24118" spans="1:43">
      <c r="A24118" t="s">
        <v>14933</v>
      </c>
      <c r="B24118" t="s">
        <v>14934</v>
      </c>
      <c r="C24118" t="s">
        <v>14873</v>
      </c>
      <c r="D24118" t="s">
        <v>14874</v>
      </c>
      <c r="E24118" t="s">
        <v>14797</v>
      </c>
      <c r="F24118" t="s">
        <v>14798</v>
      </c>
      <c r="G24118" t="s">
        <v>10734</v>
      </c>
      <c r="H24118" t="s">
        <v>10735</v>
      </c>
      <c r="I24118" s="2">
        <v>1</v>
      </c>
      <c r="J24118" s="2">
        <v>0</v>
      </c>
      <c r="K24118" s="2">
        <v>0</v>
      </c>
      <c r="L24118" t="s">
        <v>120</v>
      </c>
      <c r="M24118" t="s">
        <v>83</v>
      </c>
      <c r="N24118" t="s">
        <v>84</v>
      </c>
      <c r="O24118" t="s">
        <v>85</v>
      </c>
      <c r="P24118" t="s">
        <v>86</v>
      </c>
      <c r="Q24118">
        <v>24</v>
      </c>
      <c r="R24118">
        <v>25</v>
      </c>
      <c r="S24118">
        <v>26</v>
      </c>
      <c r="T24118">
        <v>26</v>
      </c>
      <c r="U24118">
        <v>27</v>
      </c>
      <c r="V24118">
        <v>27</v>
      </c>
      <c r="W24118">
        <v>28</v>
      </c>
      <c r="X24118">
        <v>28</v>
      </c>
      <c r="Y24118">
        <v>29</v>
      </c>
      <c r="Z24118">
        <v>29</v>
      </c>
      <c r="AA24118">
        <v>30</v>
      </c>
      <c r="AB24118">
        <v>31</v>
      </c>
      <c r="AC24118">
        <v>31</v>
      </c>
      <c r="AD24118">
        <v>32</v>
      </c>
      <c r="AE24118">
        <v>32</v>
      </c>
      <c r="AF24118">
        <v>33</v>
      </c>
      <c r="AG24118">
        <v>34</v>
      </c>
      <c r="AH24118">
        <v>34</v>
      </c>
      <c r="AI24118">
        <v>35</v>
      </c>
      <c r="AJ24118">
        <v>36</v>
      </c>
      <c r="AK24118">
        <v>36</v>
      </c>
      <c r="AL24118">
        <v>37</v>
      </c>
      <c r="AM24118">
        <v>37</v>
      </c>
      <c r="AN24118">
        <v>37</v>
      </c>
      <c r="AO24118">
        <v>38</v>
      </c>
      <c r="AP24118">
        <v>38</v>
      </c>
      <c r="AQ24118">
        <v>38</v>
      </c>
    </row>
    <row r="24119" spans="1:43">
      <c r="A24119" t="s">
        <v>14933</v>
      </c>
      <c r="B24119" t="s">
        <v>14934</v>
      </c>
      <c r="C24119" t="s">
        <v>14873</v>
      </c>
      <c r="D24119" t="s">
        <v>14874</v>
      </c>
      <c r="E24119" t="s">
        <v>14797</v>
      </c>
      <c r="F24119" t="s">
        <v>14798</v>
      </c>
      <c r="G24119" t="s">
        <v>10734</v>
      </c>
      <c r="H24119" t="s">
        <v>10735</v>
      </c>
      <c r="I24119" s="2">
        <v>1</v>
      </c>
      <c r="J24119" s="2">
        <v>0</v>
      </c>
      <c r="K24119" s="2">
        <v>0</v>
      </c>
      <c r="L24119" t="s">
        <v>120</v>
      </c>
      <c r="M24119" t="s">
        <v>87</v>
      </c>
      <c r="N24119" t="s">
        <v>88</v>
      </c>
      <c r="O24119" t="s">
        <v>85</v>
      </c>
      <c r="P24119" t="s">
        <v>86</v>
      </c>
      <c r="Q24119">
        <v>24</v>
      </c>
      <c r="R24119">
        <v>25</v>
      </c>
      <c r="S24119">
        <v>25</v>
      </c>
      <c r="T24119">
        <v>25</v>
      </c>
      <c r="U24119">
        <v>25</v>
      </c>
      <c r="V24119">
        <v>26</v>
      </c>
      <c r="W24119">
        <v>26</v>
      </c>
      <c r="X24119">
        <v>26</v>
      </c>
      <c r="Y24119">
        <v>27</v>
      </c>
      <c r="Z24119">
        <v>27</v>
      </c>
      <c r="AA24119">
        <v>27</v>
      </c>
      <c r="AB24119">
        <v>28</v>
      </c>
      <c r="AC24119">
        <v>28</v>
      </c>
      <c r="AD24119">
        <v>28</v>
      </c>
      <c r="AE24119">
        <v>29</v>
      </c>
      <c r="AF24119">
        <v>29</v>
      </c>
      <c r="AG24119">
        <v>29</v>
      </c>
      <c r="AH24119">
        <v>30</v>
      </c>
      <c r="AI24119">
        <v>30</v>
      </c>
      <c r="AJ24119">
        <v>31</v>
      </c>
      <c r="AK24119">
        <v>31</v>
      </c>
      <c r="AL24119">
        <v>31</v>
      </c>
      <c r="AM24119">
        <v>32</v>
      </c>
      <c r="AN24119">
        <v>32</v>
      </c>
      <c r="AO24119">
        <v>32</v>
      </c>
      <c r="AP24119">
        <v>33</v>
      </c>
      <c r="AQ24119">
        <v>33</v>
      </c>
    </row>
    <row r="24120" spans="1:43">
      <c r="A24120" t="s">
        <v>14933</v>
      </c>
      <c r="B24120" t="s">
        <v>14934</v>
      </c>
      <c r="C24120" t="s">
        <v>14873</v>
      </c>
      <c r="D24120" t="s">
        <v>14874</v>
      </c>
      <c r="E24120" t="s">
        <v>14797</v>
      </c>
      <c r="F24120" t="s">
        <v>14798</v>
      </c>
      <c r="G24120" t="s">
        <v>10734</v>
      </c>
      <c r="H24120" t="s">
        <v>10735</v>
      </c>
      <c r="I24120" s="2">
        <v>1</v>
      </c>
      <c r="J24120" s="2">
        <v>0</v>
      </c>
      <c r="K24120" s="2">
        <v>0</v>
      </c>
      <c r="L24120" t="s">
        <v>120</v>
      </c>
      <c r="M24120" t="s">
        <v>89</v>
      </c>
      <c r="N24120" t="s">
        <v>90</v>
      </c>
      <c r="O24120" t="s">
        <v>85</v>
      </c>
      <c r="P24120" t="s">
        <v>86</v>
      </c>
      <c r="Q24120">
        <v>24</v>
      </c>
      <c r="R24120">
        <v>24</v>
      </c>
      <c r="S24120">
        <v>25</v>
      </c>
      <c r="T24120">
        <v>26</v>
      </c>
      <c r="U24120">
        <v>27</v>
      </c>
      <c r="V24120">
        <v>27</v>
      </c>
      <c r="W24120">
        <v>28</v>
      </c>
      <c r="X24120">
        <v>29</v>
      </c>
      <c r="Y24120">
        <v>30</v>
      </c>
      <c r="Z24120">
        <v>30</v>
      </c>
      <c r="AA24120">
        <v>31</v>
      </c>
      <c r="AB24120">
        <v>32</v>
      </c>
      <c r="AC24120">
        <v>32</v>
      </c>
      <c r="AD24120">
        <v>33</v>
      </c>
      <c r="AE24120">
        <v>34</v>
      </c>
      <c r="AF24120">
        <v>34</v>
      </c>
      <c r="AG24120">
        <v>34</v>
      </c>
      <c r="AH24120">
        <v>35</v>
      </c>
      <c r="AI24120">
        <v>35</v>
      </c>
      <c r="AJ24120">
        <v>35</v>
      </c>
      <c r="AK24120">
        <v>36</v>
      </c>
      <c r="AL24120">
        <v>36</v>
      </c>
      <c r="AM24120">
        <v>36</v>
      </c>
      <c r="AN24120">
        <v>37</v>
      </c>
      <c r="AO24120">
        <v>37</v>
      </c>
      <c r="AP24120">
        <v>37</v>
      </c>
      <c r="AQ24120">
        <v>37</v>
      </c>
    </row>
    <row r="24121" spans="1:43">
      <c r="A24121" t="s">
        <v>14933</v>
      </c>
      <c r="B24121" t="s">
        <v>14934</v>
      </c>
      <c r="C24121" t="s">
        <v>14873</v>
      </c>
      <c r="D24121" t="s">
        <v>14874</v>
      </c>
      <c r="E24121" t="s">
        <v>14797</v>
      </c>
      <c r="F24121" t="s">
        <v>14798</v>
      </c>
      <c r="G24121" t="s">
        <v>10734</v>
      </c>
      <c r="H24121" t="s">
        <v>10735</v>
      </c>
      <c r="I24121" s="2">
        <v>1</v>
      </c>
      <c r="J24121" s="2">
        <v>0</v>
      </c>
      <c r="K24121" s="2">
        <v>0</v>
      </c>
      <c r="L24121" t="s">
        <v>120</v>
      </c>
      <c r="M24121" t="s">
        <v>83</v>
      </c>
      <c r="N24121" t="s">
        <v>91</v>
      </c>
      <c r="O24121" t="s">
        <v>85</v>
      </c>
      <c r="P24121" t="s">
        <v>86</v>
      </c>
      <c r="Q24121">
        <v>24</v>
      </c>
      <c r="R24121">
        <v>25</v>
      </c>
      <c r="S24121">
        <v>26</v>
      </c>
      <c r="T24121">
        <v>26</v>
      </c>
      <c r="U24121">
        <v>27</v>
      </c>
      <c r="V24121">
        <v>27</v>
      </c>
      <c r="W24121">
        <v>28</v>
      </c>
      <c r="X24121">
        <v>28</v>
      </c>
      <c r="Y24121">
        <v>29</v>
      </c>
      <c r="Z24121">
        <v>29</v>
      </c>
      <c r="AA24121">
        <v>30</v>
      </c>
      <c r="AB24121">
        <v>31</v>
      </c>
      <c r="AC24121">
        <v>31</v>
      </c>
      <c r="AD24121">
        <v>32</v>
      </c>
      <c r="AE24121">
        <v>32</v>
      </c>
      <c r="AF24121">
        <v>33</v>
      </c>
      <c r="AG24121">
        <v>34</v>
      </c>
      <c r="AH24121">
        <v>34</v>
      </c>
      <c r="AI24121">
        <v>35</v>
      </c>
      <c r="AJ24121">
        <v>36</v>
      </c>
      <c r="AK24121">
        <v>36</v>
      </c>
      <c r="AL24121">
        <v>37</v>
      </c>
      <c r="AM24121">
        <v>37</v>
      </c>
      <c r="AN24121">
        <v>37</v>
      </c>
      <c r="AO24121">
        <v>38</v>
      </c>
      <c r="AP24121">
        <v>38</v>
      </c>
      <c r="AQ24121">
        <v>38</v>
      </c>
    </row>
    <row r="24122" spans="1:43">
      <c r="A24122" t="s">
        <v>14935</v>
      </c>
      <c r="B24122" t="s">
        <v>14936</v>
      </c>
      <c r="C24122" t="s">
        <v>14937</v>
      </c>
      <c r="D24122" t="s">
        <v>14938</v>
      </c>
      <c r="E24122" t="s">
        <v>14797</v>
      </c>
      <c r="F24122" t="s">
        <v>14798</v>
      </c>
      <c r="G24122" t="s">
        <v>10734</v>
      </c>
      <c r="H24122" t="s">
        <v>10735</v>
      </c>
      <c r="I24122" s="2">
        <v>1</v>
      </c>
      <c r="J24122" s="2">
        <v>0</v>
      </c>
      <c r="K24122" s="2">
        <v>0</v>
      </c>
      <c r="L24122" t="s">
        <v>120</v>
      </c>
      <c r="M24122" t="s">
        <v>83</v>
      </c>
      <c r="N24122" t="s">
        <v>84</v>
      </c>
      <c r="O24122" t="s">
        <v>85</v>
      </c>
      <c r="P24122" t="s">
        <v>86</v>
      </c>
      <c r="Q24122">
        <v>33</v>
      </c>
      <c r="R24122">
        <v>34</v>
      </c>
      <c r="S24122">
        <v>35</v>
      </c>
      <c r="T24122">
        <v>35</v>
      </c>
      <c r="U24122">
        <v>36</v>
      </c>
      <c r="V24122">
        <v>37</v>
      </c>
      <c r="W24122">
        <v>37</v>
      </c>
      <c r="X24122">
        <v>38</v>
      </c>
      <c r="Y24122">
        <v>39</v>
      </c>
      <c r="Z24122">
        <v>40</v>
      </c>
      <c r="AA24122">
        <v>40</v>
      </c>
      <c r="AB24122">
        <v>41</v>
      </c>
      <c r="AC24122">
        <v>42</v>
      </c>
      <c r="AD24122">
        <v>43</v>
      </c>
      <c r="AE24122">
        <v>43</v>
      </c>
      <c r="AF24122">
        <v>44</v>
      </c>
      <c r="AG24122">
        <v>45</v>
      </c>
      <c r="AH24122">
        <v>46</v>
      </c>
      <c r="AI24122">
        <v>47</v>
      </c>
      <c r="AJ24122">
        <v>47</v>
      </c>
      <c r="AK24122">
        <v>48</v>
      </c>
      <c r="AL24122">
        <v>49</v>
      </c>
      <c r="AM24122">
        <v>49</v>
      </c>
      <c r="AN24122">
        <v>49</v>
      </c>
      <c r="AO24122">
        <v>50</v>
      </c>
      <c r="AP24122">
        <v>50</v>
      </c>
      <c r="AQ24122">
        <v>51</v>
      </c>
    </row>
    <row r="24123" spans="1:43">
      <c r="A24123" t="s">
        <v>14935</v>
      </c>
      <c r="B24123" t="s">
        <v>14936</v>
      </c>
      <c r="C24123" t="s">
        <v>14937</v>
      </c>
      <c r="D24123" t="s">
        <v>14938</v>
      </c>
      <c r="E24123" t="s">
        <v>14797</v>
      </c>
      <c r="F24123" t="s">
        <v>14798</v>
      </c>
      <c r="G24123" t="s">
        <v>10734</v>
      </c>
      <c r="H24123" t="s">
        <v>10735</v>
      </c>
      <c r="I24123" s="2">
        <v>1</v>
      </c>
      <c r="J24123" s="2">
        <v>0</v>
      </c>
      <c r="K24123" s="2">
        <v>0</v>
      </c>
      <c r="L24123" t="s">
        <v>120</v>
      </c>
      <c r="M24123" t="s">
        <v>87</v>
      </c>
      <c r="N24123" t="s">
        <v>88</v>
      </c>
      <c r="O24123" t="s">
        <v>85</v>
      </c>
      <c r="P24123" t="s">
        <v>86</v>
      </c>
      <c r="Q24123">
        <v>33</v>
      </c>
      <c r="R24123">
        <v>33</v>
      </c>
      <c r="S24123">
        <v>34</v>
      </c>
      <c r="T24123">
        <v>34</v>
      </c>
      <c r="U24123">
        <v>34</v>
      </c>
      <c r="V24123">
        <v>35</v>
      </c>
      <c r="W24123">
        <v>35</v>
      </c>
      <c r="X24123">
        <v>36</v>
      </c>
      <c r="Y24123">
        <v>36</v>
      </c>
      <c r="Z24123">
        <v>36</v>
      </c>
      <c r="AA24123">
        <v>37</v>
      </c>
      <c r="AB24123">
        <v>37</v>
      </c>
      <c r="AC24123">
        <v>38</v>
      </c>
      <c r="AD24123">
        <v>38</v>
      </c>
      <c r="AE24123">
        <v>38</v>
      </c>
      <c r="AF24123">
        <v>39</v>
      </c>
      <c r="AG24123">
        <v>39</v>
      </c>
      <c r="AH24123">
        <v>40</v>
      </c>
      <c r="AI24123">
        <v>40</v>
      </c>
      <c r="AJ24123">
        <v>41</v>
      </c>
      <c r="AK24123">
        <v>41</v>
      </c>
      <c r="AL24123">
        <v>42</v>
      </c>
      <c r="AM24123">
        <v>42</v>
      </c>
      <c r="AN24123">
        <v>43</v>
      </c>
      <c r="AO24123">
        <v>43</v>
      </c>
      <c r="AP24123">
        <v>44</v>
      </c>
      <c r="AQ24123">
        <v>44</v>
      </c>
    </row>
    <row r="24124" spans="1:43">
      <c r="A24124" t="s">
        <v>14935</v>
      </c>
      <c r="B24124" t="s">
        <v>14936</v>
      </c>
      <c r="C24124" t="s">
        <v>14937</v>
      </c>
      <c r="D24124" t="s">
        <v>14938</v>
      </c>
      <c r="E24124" t="s">
        <v>14797</v>
      </c>
      <c r="F24124" t="s">
        <v>14798</v>
      </c>
      <c r="G24124" t="s">
        <v>10734</v>
      </c>
      <c r="H24124" t="s">
        <v>10735</v>
      </c>
      <c r="I24124" s="2">
        <v>1</v>
      </c>
      <c r="J24124" s="2">
        <v>0</v>
      </c>
      <c r="K24124" s="2">
        <v>0</v>
      </c>
      <c r="L24124" t="s">
        <v>120</v>
      </c>
      <c r="M24124" t="s">
        <v>89</v>
      </c>
      <c r="N24124" t="s">
        <v>90</v>
      </c>
      <c r="O24124" t="s">
        <v>85</v>
      </c>
      <c r="P24124" t="s">
        <v>86</v>
      </c>
      <c r="Q24124">
        <v>33</v>
      </c>
      <c r="R24124">
        <v>34</v>
      </c>
      <c r="S24124">
        <v>35</v>
      </c>
      <c r="T24124">
        <v>36</v>
      </c>
      <c r="U24124">
        <v>37</v>
      </c>
      <c r="V24124">
        <v>38</v>
      </c>
      <c r="W24124">
        <v>39</v>
      </c>
      <c r="X24124">
        <v>40</v>
      </c>
      <c r="Y24124">
        <v>41</v>
      </c>
      <c r="Z24124">
        <v>42</v>
      </c>
      <c r="AA24124">
        <v>43</v>
      </c>
      <c r="AB24124">
        <v>44</v>
      </c>
      <c r="AC24124">
        <v>45</v>
      </c>
      <c r="AD24124">
        <v>46</v>
      </c>
      <c r="AE24124">
        <v>46</v>
      </c>
      <c r="AF24124">
        <v>47</v>
      </c>
      <c r="AG24124">
        <v>47</v>
      </c>
      <c r="AH24124">
        <v>48</v>
      </c>
      <c r="AI24124">
        <v>48</v>
      </c>
      <c r="AJ24124">
        <v>48</v>
      </c>
      <c r="AK24124">
        <v>49</v>
      </c>
      <c r="AL24124">
        <v>49</v>
      </c>
      <c r="AM24124">
        <v>49</v>
      </c>
      <c r="AN24124">
        <v>50</v>
      </c>
      <c r="AO24124">
        <v>50</v>
      </c>
      <c r="AP24124">
        <v>51</v>
      </c>
      <c r="AQ24124">
        <v>51</v>
      </c>
    </row>
    <row r="24125" spans="1:43">
      <c r="A24125" t="s">
        <v>14935</v>
      </c>
      <c r="B24125" t="s">
        <v>14936</v>
      </c>
      <c r="C24125" t="s">
        <v>14937</v>
      </c>
      <c r="D24125" t="s">
        <v>14938</v>
      </c>
      <c r="E24125" t="s">
        <v>14797</v>
      </c>
      <c r="F24125" t="s">
        <v>14798</v>
      </c>
      <c r="G24125" t="s">
        <v>10734</v>
      </c>
      <c r="H24125" t="s">
        <v>10735</v>
      </c>
      <c r="I24125" s="2">
        <v>1</v>
      </c>
      <c r="J24125" s="2">
        <v>0</v>
      </c>
      <c r="K24125" s="2">
        <v>0</v>
      </c>
      <c r="L24125" t="s">
        <v>120</v>
      </c>
      <c r="M24125" t="s">
        <v>83</v>
      </c>
      <c r="N24125" t="s">
        <v>91</v>
      </c>
      <c r="O24125" t="s">
        <v>85</v>
      </c>
      <c r="P24125" t="s">
        <v>86</v>
      </c>
      <c r="Q24125">
        <v>33</v>
      </c>
      <c r="R24125">
        <v>34</v>
      </c>
      <c r="S24125">
        <v>35</v>
      </c>
      <c r="T24125">
        <v>35</v>
      </c>
      <c r="U24125">
        <v>36</v>
      </c>
      <c r="V24125">
        <v>37</v>
      </c>
      <c r="W24125">
        <v>37</v>
      </c>
      <c r="X24125">
        <v>38</v>
      </c>
      <c r="Y24125">
        <v>39</v>
      </c>
      <c r="Z24125">
        <v>40</v>
      </c>
      <c r="AA24125">
        <v>40</v>
      </c>
      <c r="AB24125">
        <v>41</v>
      </c>
      <c r="AC24125">
        <v>42</v>
      </c>
      <c r="AD24125">
        <v>43</v>
      </c>
      <c r="AE24125">
        <v>43</v>
      </c>
      <c r="AF24125">
        <v>44</v>
      </c>
      <c r="AG24125">
        <v>45</v>
      </c>
      <c r="AH24125">
        <v>46</v>
      </c>
      <c r="AI24125">
        <v>47</v>
      </c>
      <c r="AJ24125">
        <v>47</v>
      </c>
      <c r="AK24125">
        <v>48</v>
      </c>
      <c r="AL24125">
        <v>49</v>
      </c>
      <c r="AM24125">
        <v>49</v>
      </c>
      <c r="AN24125">
        <v>49</v>
      </c>
      <c r="AO24125">
        <v>50</v>
      </c>
      <c r="AP24125">
        <v>50</v>
      </c>
      <c r="AQ24125">
        <v>51</v>
      </c>
    </row>
    <row r="24126" spans="1:43">
      <c r="A24126" t="s">
        <v>14939</v>
      </c>
      <c r="B24126" t="s">
        <v>14940</v>
      </c>
      <c r="C24126" t="s">
        <v>14843</v>
      </c>
      <c r="D24126" t="s">
        <v>14844</v>
      </c>
      <c r="E24126" t="s">
        <v>14797</v>
      </c>
      <c r="F24126" t="s">
        <v>14798</v>
      </c>
      <c r="G24126" t="s">
        <v>10734</v>
      </c>
      <c r="H24126" t="s">
        <v>10735</v>
      </c>
      <c r="I24126" s="2">
        <v>1</v>
      </c>
      <c r="J24126" s="2">
        <v>0</v>
      </c>
      <c r="K24126" s="2">
        <v>0</v>
      </c>
      <c r="L24126" t="s">
        <v>120</v>
      </c>
      <c r="M24126" t="s">
        <v>83</v>
      </c>
      <c r="N24126" t="s">
        <v>84</v>
      </c>
      <c r="O24126" t="s">
        <v>85</v>
      </c>
      <c r="P24126" t="s">
        <v>86</v>
      </c>
      <c r="Q24126">
        <v>29</v>
      </c>
      <c r="R24126">
        <v>30</v>
      </c>
      <c r="S24126">
        <v>30</v>
      </c>
      <c r="T24126">
        <v>31</v>
      </c>
      <c r="U24126">
        <v>31</v>
      </c>
      <c r="V24126">
        <v>32</v>
      </c>
      <c r="W24126">
        <v>33</v>
      </c>
      <c r="X24126">
        <v>33</v>
      </c>
      <c r="Y24126">
        <v>34</v>
      </c>
      <c r="Z24126">
        <v>35</v>
      </c>
      <c r="AA24126">
        <v>35</v>
      </c>
      <c r="AB24126">
        <v>36</v>
      </c>
      <c r="AC24126">
        <v>37</v>
      </c>
      <c r="AD24126">
        <v>37</v>
      </c>
      <c r="AE24126">
        <v>38</v>
      </c>
      <c r="AF24126">
        <v>39</v>
      </c>
      <c r="AG24126">
        <v>39</v>
      </c>
      <c r="AH24126">
        <v>40</v>
      </c>
      <c r="AI24126">
        <v>41</v>
      </c>
      <c r="AJ24126">
        <v>41</v>
      </c>
      <c r="AK24126">
        <v>42</v>
      </c>
      <c r="AL24126">
        <v>42</v>
      </c>
      <c r="AM24126">
        <v>43</v>
      </c>
      <c r="AN24126">
        <v>43</v>
      </c>
      <c r="AO24126">
        <v>43</v>
      </c>
      <c r="AP24126">
        <v>44</v>
      </c>
      <c r="AQ24126">
        <v>44</v>
      </c>
    </row>
    <row r="24127" spans="1:43">
      <c r="A24127" t="s">
        <v>14939</v>
      </c>
      <c r="B24127" t="s">
        <v>14940</v>
      </c>
      <c r="C24127" t="s">
        <v>14843</v>
      </c>
      <c r="D24127" t="s">
        <v>14844</v>
      </c>
      <c r="E24127" t="s">
        <v>14797</v>
      </c>
      <c r="F24127" t="s">
        <v>14798</v>
      </c>
      <c r="G24127" t="s">
        <v>10734</v>
      </c>
      <c r="H24127" t="s">
        <v>10735</v>
      </c>
      <c r="I24127" s="2">
        <v>1</v>
      </c>
      <c r="J24127" s="2">
        <v>0</v>
      </c>
      <c r="K24127" s="2">
        <v>0</v>
      </c>
      <c r="L24127" t="s">
        <v>120</v>
      </c>
      <c r="M24127" t="s">
        <v>87</v>
      </c>
      <c r="N24127" t="s">
        <v>88</v>
      </c>
      <c r="O24127" t="s">
        <v>85</v>
      </c>
      <c r="P24127" t="s">
        <v>86</v>
      </c>
      <c r="Q24127">
        <v>29</v>
      </c>
      <c r="R24127">
        <v>29</v>
      </c>
      <c r="S24127">
        <v>29</v>
      </c>
      <c r="T24127">
        <v>30</v>
      </c>
      <c r="U24127">
        <v>30</v>
      </c>
      <c r="V24127">
        <v>30</v>
      </c>
      <c r="W24127">
        <v>31</v>
      </c>
      <c r="X24127">
        <v>31</v>
      </c>
      <c r="Y24127">
        <v>31</v>
      </c>
      <c r="Z24127">
        <v>32</v>
      </c>
      <c r="AA24127">
        <v>32</v>
      </c>
      <c r="AB24127">
        <v>32</v>
      </c>
      <c r="AC24127">
        <v>33</v>
      </c>
      <c r="AD24127">
        <v>33</v>
      </c>
      <c r="AE24127">
        <v>34</v>
      </c>
      <c r="AF24127">
        <v>34</v>
      </c>
      <c r="AG24127">
        <v>34</v>
      </c>
      <c r="AH24127">
        <v>35</v>
      </c>
      <c r="AI24127">
        <v>35</v>
      </c>
      <c r="AJ24127">
        <v>35</v>
      </c>
      <c r="AK24127">
        <v>36</v>
      </c>
      <c r="AL24127">
        <v>36</v>
      </c>
      <c r="AM24127">
        <v>37</v>
      </c>
      <c r="AN24127">
        <v>37</v>
      </c>
      <c r="AO24127">
        <v>37</v>
      </c>
      <c r="AP24127">
        <v>38</v>
      </c>
      <c r="AQ24127">
        <v>38</v>
      </c>
    </row>
    <row r="24128" spans="1:43">
      <c r="A24128" t="s">
        <v>14939</v>
      </c>
      <c r="B24128" t="s">
        <v>14940</v>
      </c>
      <c r="C24128" t="s">
        <v>14843</v>
      </c>
      <c r="D24128" t="s">
        <v>14844</v>
      </c>
      <c r="E24128" t="s">
        <v>14797</v>
      </c>
      <c r="F24128" t="s">
        <v>14798</v>
      </c>
      <c r="G24128" t="s">
        <v>10734</v>
      </c>
      <c r="H24128" t="s">
        <v>10735</v>
      </c>
      <c r="I24128" s="2">
        <v>1</v>
      </c>
      <c r="J24128" s="2">
        <v>0</v>
      </c>
      <c r="K24128" s="2">
        <v>0</v>
      </c>
      <c r="L24128" t="s">
        <v>120</v>
      </c>
      <c r="M24128" t="s">
        <v>89</v>
      </c>
      <c r="N24128" t="s">
        <v>90</v>
      </c>
      <c r="O24128" t="s">
        <v>85</v>
      </c>
      <c r="P24128" t="s">
        <v>86</v>
      </c>
      <c r="Q24128">
        <v>29</v>
      </c>
      <c r="R24128">
        <v>30</v>
      </c>
      <c r="S24128">
        <v>31</v>
      </c>
      <c r="T24128">
        <v>32</v>
      </c>
      <c r="U24128">
        <v>33</v>
      </c>
      <c r="V24128">
        <v>34</v>
      </c>
      <c r="W24128">
        <v>34</v>
      </c>
      <c r="X24128">
        <v>35</v>
      </c>
      <c r="Y24128">
        <v>36</v>
      </c>
      <c r="Z24128">
        <v>37</v>
      </c>
      <c r="AA24128">
        <v>38</v>
      </c>
      <c r="AB24128">
        <v>38</v>
      </c>
      <c r="AC24128">
        <v>39</v>
      </c>
      <c r="AD24128">
        <v>40</v>
      </c>
      <c r="AE24128">
        <v>41</v>
      </c>
      <c r="AF24128">
        <v>41</v>
      </c>
      <c r="AG24128">
        <v>41</v>
      </c>
      <c r="AH24128">
        <v>42</v>
      </c>
      <c r="AI24128">
        <v>42</v>
      </c>
      <c r="AJ24128">
        <v>42</v>
      </c>
      <c r="AK24128">
        <v>42</v>
      </c>
      <c r="AL24128">
        <v>43</v>
      </c>
      <c r="AM24128">
        <v>43</v>
      </c>
      <c r="AN24128">
        <v>43</v>
      </c>
      <c r="AO24128">
        <v>44</v>
      </c>
      <c r="AP24128">
        <v>44</v>
      </c>
      <c r="AQ24128">
        <v>44</v>
      </c>
    </row>
    <row r="24129" spans="1:43">
      <c r="A24129" t="s">
        <v>14939</v>
      </c>
      <c r="B24129" t="s">
        <v>14940</v>
      </c>
      <c r="C24129" t="s">
        <v>14843</v>
      </c>
      <c r="D24129" t="s">
        <v>14844</v>
      </c>
      <c r="E24129" t="s">
        <v>14797</v>
      </c>
      <c r="F24129" t="s">
        <v>14798</v>
      </c>
      <c r="G24129" t="s">
        <v>10734</v>
      </c>
      <c r="H24129" t="s">
        <v>10735</v>
      </c>
      <c r="I24129" s="2">
        <v>1</v>
      </c>
      <c r="J24129" s="2">
        <v>0</v>
      </c>
      <c r="K24129" s="2">
        <v>0</v>
      </c>
      <c r="L24129" t="s">
        <v>120</v>
      </c>
      <c r="M24129" t="s">
        <v>83</v>
      </c>
      <c r="N24129" t="s">
        <v>91</v>
      </c>
      <c r="O24129" t="s">
        <v>85</v>
      </c>
      <c r="P24129" t="s">
        <v>86</v>
      </c>
      <c r="Q24129">
        <v>29</v>
      </c>
      <c r="R24129">
        <v>30</v>
      </c>
      <c r="S24129">
        <v>30</v>
      </c>
      <c r="T24129">
        <v>31</v>
      </c>
      <c r="U24129">
        <v>31</v>
      </c>
      <c r="V24129">
        <v>32</v>
      </c>
      <c r="W24129">
        <v>33</v>
      </c>
      <c r="X24129">
        <v>33</v>
      </c>
      <c r="Y24129">
        <v>34</v>
      </c>
      <c r="Z24129">
        <v>35</v>
      </c>
      <c r="AA24129">
        <v>35</v>
      </c>
      <c r="AB24129">
        <v>36</v>
      </c>
      <c r="AC24129">
        <v>37</v>
      </c>
      <c r="AD24129">
        <v>37</v>
      </c>
      <c r="AE24129">
        <v>38</v>
      </c>
      <c r="AF24129">
        <v>39</v>
      </c>
      <c r="AG24129">
        <v>39</v>
      </c>
      <c r="AH24129">
        <v>40</v>
      </c>
      <c r="AI24129">
        <v>41</v>
      </c>
      <c r="AJ24129">
        <v>41</v>
      </c>
      <c r="AK24129">
        <v>42</v>
      </c>
      <c r="AL24129">
        <v>42</v>
      </c>
      <c r="AM24129">
        <v>43</v>
      </c>
      <c r="AN24129">
        <v>43</v>
      </c>
      <c r="AO24129">
        <v>43</v>
      </c>
      <c r="AP24129">
        <v>44</v>
      </c>
      <c r="AQ24129">
        <v>44</v>
      </c>
    </row>
    <row r="24130" spans="1:43">
      <c r="A24130" t="s">
        <v>14941</v>
      </c>
      <c r="B24130" t="s">
        <v>14942</v>
      </c>
      <c r="C24130" t="s">
        <v>14923</v>
      </c>
      <c r="D24130" t="s">
        <v>14924</v>
      </c>
      <c r="E24130" t="s">
        <v>14797</v>
      </c>
      <c r="F24130" t="s">
        <v>14798</v>
      </c>
      <c r="G24130" t="s">
        <v>10734</v>
      </c>
      <c r="H24130" t="s">
        <v>10735</v>
      </c>
      <c r="I24130" s="2">
        <v>1</v>
      </c>
      <c r="J24130" s="2">
        <v>0</v>
      </c>
      <c r="K24130" s="2">
        <v>0</v>
      </c>
      <c r="L24130" t="s">
        <v>120</v>
      </c>
      <c r="M24130" t="s">
        <v>83</v>
      </c>
      <c r="N24130" t="s">
        <v>84</v>
      </c>
      <c r="O24130" t="s">
        <v>85</v>
      </c>
      <c r="P24130" t="s">
        <v>86</v>
      </c>
      <c r="Q24130">
        <v>60</v>
      </c>
      <c r="R24130">
        <v>61</v>
      </c>
      <c r="S24130">
        <v>62</v>
      </c>
      <c r="T24130">
        <v>63</v>
      </c>
      <c r="U24130">
        <v>65</v>
      </c>
      <c r="V24130">
        <v>66</v>
      </c>
      <c r="W24130">
        <v>68</v>
      </c>
      <c r="X24130">
        <v>69</v>
      </c>
      <c r="Y24130">
        <v>70</v>
      </c>
      <c r="Z24130">
        <v>72</v>
      </c>
      <c r="AA24130">
        <v>73</v>
      </c>
      <c r="AB24130">
        <v>74</v>
      </c>
      <c r="AC24130">
        <v>76</v>
      </c>
      <c r="AD24130">
        <v>77</v>
      </c>
      <c r="AE24130">
        <v>79</v>
      </c>
      <c r="AF24130">
        <v>80</v>
      </c>
      <c r="AG24130">
        <v>82</v>
      </c>
      <c r="AH24130">
        <v>83</v>
      </c>
      <c r="AI24130">
        <v>85</v>
      </c>
      <c r="AJ24130">
        <v>87</v>
      </c>
      <c r="AK24130">
        <v>88</v>
      </c>
      <c r="AL24130">
        <v>89</v>
      </c>
      <c r="AM24130">
        <v>90</v>
      </c>
      <c r="AN24130">
        <v>91</v>
      </c>
      <c r="AO24130">
        <v>92</v>
      </c>
      <c r="AP24130">
        <v>93</v>
      </c>
      <c r="AQ24130">
        <v>93</v>
      </c>
    </row>
    <row r="24131" spans="1:43">
      <c r="A24131" t="s">
        <v>14941</v>
      </c>
      <c r="B24131" t="s">
        <v>14942</v>
      </c>
      <c r="C24131" t="s">
        <v>14923</v>
      </c>
      <c r="D24131" t="s">
        <v>14924</v>
      </c>
      <c r="E24131" t="s">
        <v>14797</v>
      </c>
      <c r="F24131" t="s">
        <v>14798</v>
      </c>
      <c r="G24131" t="s">
        <v>10734</v>
      </c>
      <c r="H24131" t="s">
        <v>10735</v>
      </c>
      <c r="I24131" s="2">
        <v>1</v>
      </c>
      <c r="J24131" s="2">
        <v>0</v>
      </c>
      <c r="K24131" s="2">
        <v>0</v>
      </c>
      <c r="L24131" t="s">
        <v>120</v>
      </c>
      <c r="M24131" t="s">
        <v>87</v>
      </c>
      <c r="N24131" t="s">
        <v>88</v>
      </c>
      <c r="O24131" t="s">
        <v>85</v>
      </c>
      <c r="P24131" t="s">
        <v>86</v>
      </c>
      <c r="Q24131">
        <v>60</v>
      </c>
      <c r="R24131">
        <v>61</v>
      </c>
      <c r="S24131">
        <v>61</v>
      </c>
      <c r="T24131">
        <v>62</v>
      </c>
      <c r="U24131">
        <v>63</v>
      </c>
      <c r="V24131">
        <v>64</v>
      </c>
      <c r="W24131">
        <v>64</v>
      </c>
      <c r="X24131">
        <v>65</v>
      </c>
      <c r="Y24131">
        <v>66</v>
      </c>
      <c r="Z24131">
        <v>67</v>
      </c>
      <c r="AA24131">
        <v>68</v>
      </c>
      <c r="AB24131">
        <v>68</v>
      </c>
      <c r="AC24131">
        <v>69</v>
      </c>
      <c r="AD24131">
        <v>70</v>
      </c>
      <c r="AE24131">
        <v>71</v>
      </c>
      <c r="AF24131">
        <v>72</v>
      </c>
      <c r="AG24131">
        <v>73</v>
      </c>
      <c r="AH24131">
        <v>73</v>
      </c>
      <c r="AI24131">
        <v>74</v>
      </c>
      <c r="AJ24131">
        <v>75</v>
      </c>
      <c r="AK24131">
        <v>76</v>
      </c>
      <c r="AL24131">
        <v>77</v>
      </c>
      <c r="AM24131">
        <v>78</v>
      </c>
      <c r="AN24131">
        <v>79</v>
      </c>
      <c r="AO24131">
        <v>80</v>
      </c>
      <c r="AP24131">
        <v>81</v>
      </c>
      <c r="AQ24131">
        <v>82</v>
      </c>
    </row>
    <row r="24132" spans="1:43">
      <c r="A24132" t="s">
        <v>14941</v>
      </c>
      <c r="B24132" t="s">
        <v>14942</v>
      </c>
      <c r="C24132" t="s">
        <v>14923</v>
      </c>
      <c r="D24132" t="s">
        <v>14924</v>
      </c>
      <c r="E24132" t="s">
        <v>14797</v>
      </c>
      <c r="F24132" t="s">
        <v>14798</v>
      </c>
      <c r="G24132" t="s">
        <v>10734</v>
      </c>
      <c r="H24132" t="s">
        <v>10735</v>
      </c>
      <c r="I24132" s="2">
        <v>1</v>
      </c>
      <c r="J24132" s="2">
        <v>0</v>
      </c>
      <c r="K24132" s="2">
        <v>0</v>
      </c>
      <c r="L24132" t="s">
        <v>120</v>
      </c>
      <c r="M24132" t="s">
        <v>89</v>
      </c>
      <c r="N24132" t="s">
        <v>90</v>
      </c>
      <c r="O24132" t="s">
        <v>85</v>
      </c>
      <c r="P24132" t="s">
        <v>86</v>
      </c>
      <c r="Q24132">
        <v>60</v>
      </c>
      <c r="R24132">
        <v>62</v>
      </c>
      <c r="S24132">
        <v>64</v>
      </c>
      <c r="T24132">
        <v>66</v>
      </c>
      <c r="U24132">
        <v>67</v>
      </c>
      <c r="V24132">
        <v>69</v>
      </c>
      <c r="W24132">
        <v>71</v>
      </c>
      <c r="X24132">
        <v>73</v>
      </c>
      <c r="Y24132">
        <v>74</v>
      </c>
      <c r="Z24132">
        <v>76</v>
      </c>
      <c r="AA24132">
        <v>78</v>
      </c>
      <c r="AB24132">
        <v>80</v>
      </c>
      <c r="AC24132">
        <v>81</v>
      </c>
      <c r="AD24132">
        <v>83</v>
      </c>
      <c r="AE24132">
        <v>85</v>
      </c>
      <c r="AF24132">
        <v>85</v>
      </c>
      <c r="AG24132">
        <v>86</v>
      </c>
      <c r="AH24132">
        <v>87</v>
      </c>
      <c r="AI24132">
        <v>88</v>
      </c>
      <c r="AJ24132">
        <v>89</v>
      </c>
      <c r="AK24132">
        <v>89</v>
      </c>
      <c r="AL24132">
        <v>90</v>
      </c>
      <c r="AM24132">
        <v>91</v>
      </c>
      <c r="AN24132">
        <v>92</v>
      </c>
      <c r="AO24132">
        <v>93</v>
      </c>
      <c r="AP24132">
        <v>93</v>
      </c>
      <c r="AQ24132">
        <v>94</v>
      </c>
    </row>
    <row r="24133" spans="1:43">
      <c r="A24133" t="s">
        <v>14941</v>
      </c>
      <c r="B24133" t="s">
        <v>14942</v>
      </c>
      <c r="C24133" t="s">
        <v>14923</v>
      </c>
      <c r="D24133" t="s">
        <v>14924</v>
      </c>
      <c r="E24133" t="s">
        <v>14797</v>
      </c>
      <c r="F24133" t="s">
        <v>14798</v>
      </c>
      <c r="G24133" t="s">
        <v>10734</v>
      </c>
      <c r="H24133" t="s">
        <v>10735</v>
      </c>
      <c r="I24133" s="2">
        <v>1</v>
      </c>
      <c r="J24133" s="2">
        <v>0</v>
      </c>
      <c r="K24133" s="2">
        <v>0</v>
      </c>
      <c r="L24133" t="s">
        <v>120</v>
      </c>
      <c r="M24133" t="s">
        <v>83</v>
      </c>
      <c r="N24133" t="s">
        <v>91</v>
      </c>
      <c r="O24133" t="s">
        <v>85</v>
      </c>
      <c r="P24133" t="s">
        <v>86</v>
      </c>
      <c r="Q24133">
        <v>60</v>
      </c>
      <c r="R24133">
        <v>61</v>
      </c>
      <c r="S24133">
        <v>62</v>
      </c>
      <c r="T24133">
        <v>63</v>
      </c>
      <c r="U24133">
        <v>65</v>
      </c>
      <c r="V24133">
        <v>66</v>
      </c>
      <c r="W24133">
        <v>68</v>
      </c>
      <c r="X24133">
        <v>69</v>
      </c>
      <c r="Y24133">
        <v>70</v>
      </c>
      <c r="Z24133">
        <v>72</v>
      </c>
      <c r="AA24133">
        <v>73</v>
      </c>
      <c r="AB24133">
        <v>74</v>
      </c>
      <c r="AC24133">
        <v>76</v>
      </c>
      <c r="AD24133">
        <v>77</v>
      </c>
      <c r="AE24133">
        <v>79</v>
      </c>
      <c r="AF24133">
        <v>80</v>
      </c>
      <c r="AG24133">
        <v>82</v>
      </c>
      <c r="AH24133">
        <v>83</v>
      </c>
      <c r="AI24133">
        <v>85</v>
      </c>
      <c r="AJ24133">
        <v>87</v>
      </c>
      <c r="AK24133">
        <v>88</v>
      </c>
      <c r="AL24133">
        <v>89</v>
      </c>
      <c r="AM24133">
        <v>90</v>
      </c>
      <c r="AN24133">
        <v>91</v>
      </c>
      <c r="AO24133">
        <v>92</v>
      </c>
      <c r="AP24133">
        <v>93</v>
      </c>
      <c r="AQ24133">
        <v>93</v>
      </c>
    </row>
    <row r="24134" spans="1:43">
      <c r="A24134" t="s">
        <v>14943</v>
      </c>
      <c r="B24134" t="s">
        <v>14944</v>
      </c>
      <c r="C24134" t="s">
        <v>14923</v>
      </c>
      <c r="D24134" t="s">
        <v>14924</v>
      </c>
      <c r="E24134" t="s">
        <v>14797</v>
      </c>
      <c r="F24134" t="s">
        <v>14798</v>
      </c>
      <c r="G24134" t="s">
        <v>10734</v>
      </c>
      <c r="H24134" t="s">
        <v>10735</v>
      </c>
      <c r="I24134" s="2">
        <v>1</v>
      </c>
      <c r="J24134" s="2">
        <v>0</v>
      </c>
      <c r="K24134" s="2">
        <v>0</v>
      </c>
      <c r="L24134" t="s">
        <v>120</v>
      </c>
      <c r="M24134" t="s">
        <v>83</v>
      </c>
      <c r="N24134" t="s">
        <v>84</v>
      </c>
      <c r="O24134" t="s">
        <v>85</v>
      </c>
      <c r="P24134" t="s">
        <v>86</v>
      </c>
      <c r="Q24134">
        <v>55</v>
      </c>
      <c r="R24134">
        <v>56</v>
      </c>
      <c r="S24134">
        <v>58</v>
      </c>
      <c r="T24134">
        <v>59</v>
      </c>
      <c r="U24134">
        <v>60</v>
      </c>
      <c r="V24134">
        <v>61</v>
      </c>
      <c r="W24134">
        <v>63</v>
      </c>
      <c r="X24134">
        <v>64</v>
      </c>
      <c r="Y24134">
        <v>65</v>
      </c>
      <c r="Z24134">
        <v>67</v>
      </c>
      <c r="AA24134">
        <v>68</v>
      </c>
      <c r="AB24134">
        <v>69</v>
      </c>
      <c r="AC24134">
        <v>70</v>
      </c>
      <c r="AD24134">
        <v>72</v>
      </c>
      <c r="AE24134">
        <v>73</v>
      </c>
      <c r="AF24134">
        <v>75</v>
      </c>
      <c r="AG24134">
        <v>76</v>
      </c>
      <c r="AH24134">
        <v>77</v>
      </c>
      <c r="AI24134">
        <v>79</v>
      </c>
      <c r="AJ24134">
        <v>80</v>
      </c>
      <c r="AK24134">
        <v>82</v>
      </c>
      <c r="AL24134">
        <v>83</v>
      </c>
      <c r="AM24134">
        <v>84</v>
      </c>
      <c r="AN24134">
        <v>84</v>
      </c>
      <c r="AO24134">
        <v>85</v>
      </c>
      <c r="AP24134">
        <v>86</v>
      </c>
      <c r="AQ24134">
        <v>87</v>
      </c>
    </row>
    <row r="24135" spans="1:43">
      <c r="A24135" t="s">
        <v>14943</v>
      </c>
      <c r="B24135" t="s">
        <v>14944</v>
      </c>
      <c r="C24135" t="s">
        <v>14923</v>
      </c>
      <c r="D24135" t="s">
        <v>14924</v>
      </c>
      <c r="E24135" t="s">
        <v>14797</v>
      </c>
      <c r="F24135" t="s">
        <v>14798</v>
      </c>
      <c r="G24135" t="s">
        <v>10734</v>
      </c>
      <c r="H24135" t="s">
        <v>10735</v>
      </c>
      <c r="I24135" s="2">
        <v>1</v>
      </c>
      <c r="J24135" s="2">
        <v>0</v>
      </c>
      <c r="K24135" s="2">
        <v>0</v>
      </c>
      <c r="L24135" t="s">
        <v>120</v>
      </c>
      <c r="M24135" t="s">
        <v>87</v>
      </c>
      <c r="N24135" t="s">
        <v>88</v>
      </c>
      <c r="O24135" t="s">
        <v>85</v>
      </c>
      <c r="P24135" t="s">
        <v>86</v>
      </c>
      <c r="Q24135">
        <v>55</v>
      </c>
      <c r="R24135">
        <v>55</v>
      </c>
      <c r="S24135">
        <v>56</v>
      </c>
      <c r="T24135">
        <v>57</v>
      </c>
      <c r="U24135">
        <v>58</v>
      </c>
      <c r="V24135">
        <v>58</v>
      </c>
      <c r="W24135">
        <v>59</v>
      </c>
      <c r="X24135">
        <v>60</v>
      </c>
      <c r="Y24135">
        <v>60</v>
      </c>
      <c r="Z24135">
        <v>61</v>
      </c>
      <c r="AA24135">
        <v>62</v>
      </c>
      <c r="AB24135">
        <v>63</v>
      </c>
      <c r="AC24135">
        <v>63</v>
      </c>
      <c r="AD24135">
        <v>64</v>
      </c>
      <c r="AE24135">
        <v>65</v>
      </c>
      <c r="AF24135">
        <v>66</v>
      </c>
      <c r="AG24135">
        <v>66</v>
      </c>
      <c r="AH24135">
        <v>67</v>
      </c>
      <c r="AI24135">
        <v>68</v>
      </c>
      <c r="AJ24135">
        <v>69</v>
      </c>
      <c r="AK24135">
        <v>70</v>
      </c>
      <c r="AL24135">
        <v>71</v>
      </c>
      <c r="AM24135">
        <v>71</v>
      </c>
      <c r="AN24135">
        <v>72</v>
      </c>
      <c r="AO24135">
        <v>73</v>
      </c>
      <c r="AP24135">
        <v>74</v>
      </c>
      <c r="AQ24135">
        <v>75</v>
      </c>
    </row>
    <row r="24136" spans="1:43">
      <c r="A24136" t="s">
        <v>14943</v>
      </c>
      <c r="B24136" t="s">
        <v>14944</v>
      </c>
      <c r="C24136" t="s">
        <v>14923</v>
      </c>
      <c r="D24136" t="s">
        <v>14924</v>
      </c>
      <c r="E24136" t="s">
        <v>14797</v>
      </c>
      <c r="F24136" t="s">
        <v>14798</v>
      </c>
      <c r="G24136" t="s">
        <v>10734</v>
      </c>
      <c r="H24136" t="s">
        <v>10735</v>
      </c>
      <c r="I24136" s="2">
        <v>1</v>
      </c>
      <c r="J24136" s="2">
        <v>0</v>
      </c>
      <c r="K24136" s="2">
        <v>0</v>
      </c>
      <c r="L24136" t="s">
        <v>120</v>
      </c>
      <c r="M24136" t="s">
        <v>89</v>
      </c>
      <c r="N24136" t="s">
        <v>90</v>
      </c>
      <c r="O24136" t="s">
        <v>85</v>
      </c>
      <c r="P24136" t="s">
        <v>86</v>
      </c>
      <c r="Q24136">
        <v>55</v>
      </c>
      <c r="R24136">
        <v>56</v>
      </c>
      <c r="S24136">
        <v>58</v>
      </c>
      <c r="T24136">
        <v>60</v>
      </c>
      <c r="U24136">
        <v>62</v>
      </c>
      <c r="V24136">
        <v>63</v>
      </c>
      <c r="W24136">
        <v>65</v>
      </c>
      <c r="X24136">
        <v>66</v>
      </c>
      <c r="Y24136">
        <v>68</v>
      </c>
      <c r="Z24136">
        <v>70</v>
      </c>
      <c r="AA24136">
        <v>71</v>
      </c>
      <c r="AB24136">
        <v>73</v>
      </c>
      <c r="AC24136">
        <v>75</v>
      </c>
      <c r="AD24136">
        <v>76</v>
      </c>
      <c r="AE24136">
        <v>78</v>
      </c>
      <c r="AF24136">
        <v>78</v>
      </c>
      <c r="AG24136">
        <v>79</v>
      </c>
      <c r="AH24136">
        <v>80</v>
      </c>
      <c r="AI24136">
        <v>80</v>
      </c>
      <c r="AJ24136">
        <v>81</v>
      </c>
      <c r="AK24136">
        <v>82</v>
      </c>
      <c r="AL24136">
        <v>83</v>
      </c>
      <c r="AM24136">
        <v>83</v>
      </c>
      <c r="AN24136">
        <v>84</v>
      </c>
      <c r="AO24136">
        <v>85</v>
      </c>
      <c r="AP24136">
        <v>85</v>
      </c>
      <c r="AQ24136">
        <v>86</v>
      </c>
    </row>
    <row r="24137" spans="1:43">
      <c r="A24137" t="s">
        <v>14943</v>
      </c>
      <c r="B24137" t="s">
        <v>14944</v>
      </c>
      <c r="C24137" t="s">
        <v>14923</v>
      </c>
      <c r="D24137" t="s">
        <v>14924</v>
      </c>
      <c r="E24137" t="s">
        <v>14797</v>
      </c>
      <c r="F24137" t="s">
        <v>14798</v>
      </c>
      <c r="G24137" t="s">
        <v>10734</v>
      </c>
      <c r="H24137" t="s">
        <v>10735</v>
      </c>
      <c r="I24137" s="2">
        <v>1</v>
      </c>
      <c r="J24137" s="2">
        <v>0</v>
      </c>
      <c r="K24137" s="2">
        <v>0</v>
      </c>
      <c r="L24137" t="s">
        <v>120</v>
      </c>
      <c r="M24137" t="s">
        <v>83</v>
      </c>
      <c r="N24137" t="s">
        <v>91</v>
      </c>
      <c r="O24137" t="s">
        <v>85</v>
      </c>
      <c r="P24137" t="s">
        <v>86</v>
      </c>
      <c r="Q24137">
        <v>55</v>
      </c>
      <c r="R24137">
        <v>56</v>
      </c>
      <c r="S24137">
        <v>58</v>
      </c>
      <c r="T24137">
        <v>59</v>
      </c>
      <c r="U24137">
        <v>60</v>
      </c>
      <c r="V24137">
        <v>61</v>
      </c>
      <c r="W24137">
        <v>63</v>
      </c>
      <c r="X24137">
        <v>64</v>
      </c>
      <c r="Y24137">
        <v>65</v>
      </c>
      <c r="Z24137">
        <v>67</v>
      </c>
      <c r="AA24137">
        <v>68</v>
      </c>
      <c r="AB24137">
        <v>69</v>
      </c>
      <c r="AC24137">
        <v>70</v>
      </c>
      <c r="AD24137">
        <v>72</v>
      </c>
      <c r="AE24137">
        <v>73</v>
      </c>
      <c r="AF24137">
        <v>75</v>
      </c>
      <c r="AG24137">
        <v>76</v>
      </c>
      <c r="AH24137">
        <v>77</v>
      </c>
      <c r="AI24137">
        <v>79</v>
      </c>
      <c r="AJ24137">
        <v>80</v>
      </c>
      <c r="AK24137">
        <v>82</v>
      </c>
      <c r="AL24137">
        <v>83</v>
      </c>
      <c r="AM24137">
        <v>84</v>
      </c>
      <c r="AN24137">
        <v>84</v>
      </c>
      <c r="AO24137">
        <v>85</v>
      </c>
      <c r="AP24137">
        <v>86</v>
      </c>
      <c r="AQ24137">
        <v>87</v>
      </c>
    </row>
    <row r="24138" spans="1:43">
      <c r="A24138" t="s">
        <v>14945</v>
      </c>
      <c r="B24138" t="s">
        <v>14946</v>
      </c>
      <c r="C24138" t="s">
        <v>14903</v>
      </c>
      <c r="D24138" t="s">
        <v>14904</v>
      </c>
      <c r="E24138" t="s">
        <v>14797</v>
      </c>
      <c r="F24138" t="s">
        <v>14798</v>
      </c>
      <c r="G24138" t="s">
        <v>10734</v>
      </c>
      <c r="H24138" t="s">
        <v>10735</v>
      </c>
      <c r="I24138" s="2">
        <v>1</v>
      </c>
      <c r="J24138" s="2">
        <v>0</v>
      </c>
      <c r="K24138" s="2">
        <v>0</v>
      </c>
      <c r="L24138" t="s">
        <v>120</v>
      </c>
      <c r="M24138" t="s">
        <v>83</v>
      </c>
      <c r="N24138" t="s">
        <v>84</v>
      </c>
      <c r="O24138" t="s">
        <v>85</v>
      </c>
      <c r="P24138" t="s">
        <v>86</v>
      </c>
      <c r="Q24138">
        <v>49</v>
      </c>
      <c r="R24138">
        <v>50</v>
      </c>
      <c r="S24138">
        <v>51</v>
      </c>
      <c r="T24138">
        <v>52</v>
      </c>
      <c r="U24138">
        <v>53</v>
      </c>
      <c r="V24138">
        <v>54</v>
      </c>
      <c r="W24138">
        <v>55</v>
      </c>
      <c r="X24138">
        <v>57</v>
      </c>
      <c r="Y24138">
        <v>58</v>
      </c>
      <c r="Z24138">
        <v>59</v>
      </c>
      <c r="AA24138">
        <v>60</v>
      </c>
      <c r="AB24138">
        <v>61</v>
      </c>
      <c r="AC24138">
        <v>62</v>
      </c>
      <c r="AD24138">
        <v>63</v>
      </c>
      <c r="AE24138">
        <v>65</v>
      </c>
      <c r="AF24138">
        <v>66</v>
      </c>
      <c r="AG24138">
        <v>67</v>
      </c>
      <c r="AH24138">
        <v>68</v>
      </c>
      <c r="AI24138">
        <v>69</v>
      </c>
      <c r="AJ24138">
        <v>71</v>
      </c>
      <c r="AK24138">
        <v>72</v>
      </c>
      <c r="AL24138">
        <v>73</v>
      </c>
      <c r="AM24138">
        <v>74</v>
      </c>
      <c r="AN24138">
        <v>74</v>
      </c>
      <c r="AO24138">
        <v>75</v>
      </c>
      <c r="AP24138">
        <v>75</v>
      </c>
      <c r="AQ24138">
        <v>76</v>
      </c>
    </row>
    <row r="24139" spans="1:43">
      <c r="A24139" t="s">
        <v>14945</v>
      </c>
      <c r="B24139" t="s">
        <v>14946</v>
      </c>
      <c r="C24139" t="s">
        <v>14903</v>
      </c>
      <c r="D24139" t="s">
        <v>14904</v>
      </c>
      <c r="E24139" t="s">
        <v>14797</v>
      </c>
      <c r="F24139" t="s">
        <v>14798</v>
      </c>
      <c r="G24139" t="s">
        <v>10734</v>
      </c>
      <c r="H24139" t="s">
        <v>10735</v>
      </c>
      <c r="I24139" s="2">
        <v>1</v>
      </c>
      <c r="J24139" s="2">
        <v>0</v>
      </c>
      <c r="K24139" s="2">
        <v>0</v>
      </c>
      <c r="L24139" t="s">
        <v>120</v>
      </c>
      <c r="M24139" t="s">
        <v>87</v>
      </c>
      <c r="N24139" t="s">
        <v>88</v>
      </c>
      <c r="O24139" t="s">
        <v>85</v>
      </c>
      <c r="P24139" t="s">
        <v>86</v>
      </c>
      <c r="Q24139">
        <v>49</v>
      </c>
      <c r="R24139">
        <v>50</v>
      </c>
      <c r="S24139">
        <v>51</v>
      </c>
      <c r="T24139">
        <v>51</v>
      </c>
      <c r="U24139">
        <v>52</v>
      </c>
      <c r="V24139">
        <v>52</v>
      </c>
      <c r="W24139">
        <v>53</v>
      </c>
      <c r="X24139">
        <v>54</v>
      </c>
      <c r="Y24139">
        <v>54</v>
      </c>
      <c r="Z24139">
        <v>55</v>
      </c>
      <c r="AA24139">
        <v>56</v>
      </c>
      <c r="AB24139">
        <v>56</v>
      </c>
      <c r="AC24139">
        <v>57</v>
      </c>
      <c r="AD24139">
        <v>58</v>
      </c>
      <c r="AE24139">
        <v>58</v>
      </c>
      <c r="AF24139">
        <v>59</v>
      </c>
      <c r="AG24139">
        <v>60</v>
      </c>
      <c r="AH24139">
        <v>60</v>
      </c>
      <c r="AI24139">
        <v>61</v>
      </c>
      <c r="AJ24139">
        <v>62</v>
      </c>
      <c r="AK24139">
        <v>63</v>
      </c>
      <c r="AL24139">
        <v>63</v>
      </c>
      <c r="AM24139">
        <v>64</v>
      </c>
      <c r="AN24139">
        <v>65</v>
      </c>
      <c r="AO24139">
        <v>66</v>
      </c>
      <c r="AP24139">
        <v>66</v>
      </c>
      <c r="AQ24139">
        <v>67</v>
      </c>
    </row>
    <row r="24140" spans="1:43">
      <c r="A24140" t="s">
        <v>14945</v>
      </c>
      <c r="B24140" t="s">
        <v>14946</v>
      </c>
      <c r="C24140" t="s">
        <v>14903</v>
      </c>
      <c r="D24140" t="s">
        <v>14904</v>
      </c>
      <c r="E24140" t="s">
        <v>14797</v>
      </c>
      <c r="F24140" t="s">
        <v>14798</v>
      </c>
      <c r="G24140" t="s">
        <v>10734</v>
      </c>
      <c r="H24140" t="s">
        <v>10735</v>
      </c>
      <c r="I24140" s="2">
        <v>1</v>
      </c>
      <c r="J24140" s="2">
        <v>0</v>
      </c>
      <c r="K24140" s="2">
        <v>0</v>
      </c>
      <c r="L24140" t="s">
        <v>120</v>
      </c>
      <c r="M24140" t="s">
        <v>89</v>
      </c>
      <c r="N24140" t="s">
        <v>90</v>
      </c>
      <c r="O24140" t="s">
        <v>85</v>
      </c>
      <c r="P24140" t="s">
        <v>86</v>
      </c>
      <c r="Q24140">
        <v>49</v>
      </c>
      <c r="R24140">
        <v>51</v>
      </c>
      <c r="S24140">
        <v>52</v>
      </c>
      <c r="T24140">
        <v>54</v>
      </c>
      <c r="U24140">
        <v>55</v>
      </c>
      <c r="V24140">
        <v>57</v>
      </c>
      <c r="W24140">
        <v>58</v>
      </c>
      <c r="X24140">
        <v>59</v>
      </c>
      <c r="Y24140">
        <v>61</v>
      </c>
      <c r="Z24140">
        <v>62</v>
      </c>
      <c r="AA24140">
        <v>64</v>
      </c>
      <c r="AB24140">
        <v>65</v>
      </c>
      <c r="AC24140">
        <v>67</v>
      </c>
      <c r="AD24140">
        <v>68</v>
      </c>
      <c r="AE24140">
        <v>69</v>
      </c>
      <c r="AF24140">
        <v>70</v>
      </c>
      <c r="AG24140">
        <v>70</v>
      </c>
      <c r="AH24140">
        <v>71</v>
      </c>
      <c r="AI24140">
        <v>72</v>
      </c>
      <c r="AJ24140">
        <v>72</v>
      </c>
      <c r="AK24140">
        <v>73</v>
      </c>
      <c r="AL24140">
        <v>74</v>
      </c>
      <c r="AM24140">
        <v>74</v>
      </c>
      <c r="AN24140">
        <v>75</v>
      </c>
      <c r="AO24140">
        <v>75</v>
      </c>
      <c r="AP24140">
        <v>76</v>
      </c>
      <c r="AQ24140">
        <v>77</v>
      </c>
    </row>
    <row r="24141" spans="1:43">
      <c r="A24141" t="s">
        <v>14945</v>
      </c>
      <c r="B24141" t="s">
        <v>14946</v>
      </c>
      <c r="C24141" t="s">
        <v>14903</v>
      </c>
      <c r="D24141" t="s">
        <v>14904</v>
      </c>
      <c r="E24141" t="s">
        <v>14797</v>
      </c>
      <c r="F24141" t="s">
        <v>14798</v>
      </c>
      <c r="G24141" t="s">
        <v>10734</v>
      </c>
      <c r="H24141" t="s">
        <v>10735</v>
      </c>
      <c r="I24141" s="2">
        <v>1</v>
      </c>
      <c r="J24141" s="2">
        <v>0</v>
      </c>
      <c r="K24141" s="2">
        <v>0</v>
      </c>
      <c r="L24141" t="s">
        <v>120</v>
      </c>
      <c r="M24141" t="s">
        <v>83</v>
      </c>
      <c r="N24141" t="s">
        <v>91</v>
      </c>
      <c r="O24141" t="s">
        <v>85</v>
      </c>
      <c r="P24141" t="s">
        <v>86</v>
      </c>
      <c r="Q24141">
        <v>49</v>
      </c>
      <c r="R24141">
        <v>50</v>
      </c>
      <c r="S24141">
        <v>51</v>
      </c>
      <c r="T24141">
        <v>52</v>
      </c>
      <c r="U24141">
        <v>53</v>
      </c>
      <c r="V24141">
        <v>54</v>
      </c>
      <c r="W24141">
        <v>55</v>
      </c>
      <c r="X24141">
        <v>57</v>
      </c>
      <c r="Y24141">
        <v>58</v>
      </c>
      <c r="Z24141">
        <v>59</v>
      </c>
      <c r="AA24141">
        <v>60</v>
      </c>
      <c r="AB24141">
        <v>61</v>
      </c>
      <c r="AC24141">
        <v>62</v>
      </c>
      <c r="AD24141">
        <v>63</v>
      </c>
      <c r="AE24141">
        <v>65</v>
      </c>
      <c r="AF24141">
        <v>66</v>
      </c>
      <c r="AG24141">
        <v>67</v>
      </c>
      <c r="AH24141">
        <v>68</v>
      </c>
      <c r="AI24141">
        <v>69</v>
      </c>
      <c r="AJ24141">
        <v>71</v>
      </c>
      <c r="AK24141">
        <v>72</v>
      </c>
      <c r="AL24141">
        <v>73</v>
      </c>
      <c r="AM24141">
        <v>74</v>
      </c>
      <c r="AN24141">
        <v>74</v>
      </c>
      <c r="AO24141">
        <v>75</v>
      </c>
      <c r="AP24141">
        <v>75</v>
      </c>
      <c r="AQ24141">
        <v>76</v>
      </c>
    </row>
    <row r="24142" spans="1:43">
      <c r="A24142" t="s">
        <v>14947</v>
      </c>
      <c r="B24142" t="s">
        <v>14948</v>
      </c>
      <c r="C24142" t="s">
        <v>14903</v>
      </c>
      <c r="D24142" t="s">
        <v>14904</v>
      </c>
      <c r="E24142" t="s">
        <v>14797</v>
      </c>
      <c r="F24142" t="s">
        <v>14798</v>
      </c>
      <c r="G24142" t="s">
        <v>10734</v>
      </c>
      <c r="H24142" t="s">
        <v>10735</v>
      </c>
      <c r="I24142" s="2">
        <v>1</v>
      </c>
      <c r="J24142" s="2">
        <v>0</v>
      </c>
      <c r="K24142" s="2">
        <v>0</v>
      </c>
      <c r="L24142" t="s">
        <v>120</v>
      </c>
      <c r="M24142" t="s">
        <v>83</v>
      </c>
      <c r="N24142" t="s">
        <v>84</v>
      </c>
      <c r="O24142" t="s">
        <v>85</v>
      </c>
      <c r="P24142" t="s">
        <v>86</v>
      </c>
      <c r="Q24142">
        <v>31</v>
      </c>
      <c r="R24142">
        <v>32</v>
      </c>
      <c r="S24142">
        <v>33</v>
      </c>
      <c r="T24142">
        <v>33</v>
      </c>
      <c r="U24142">
        <v>34</v>
      </c>
      <c r="V24142">
        <v>35</v>
      </c>
      <c r="W24142">
        <v>36</v>
      </c>
      <c r="X24142">
        <v>36</v>
      </c>
      <c r="Y24142">
        <v>37</v>
      </c>
      <c r="Z24142">
        <v>38</v>
      </c>
      <c r="AA24142">
        <v>38</v>
      </c>
      <c r="AB24142">
        <v>39</v>
      </c>
      <c r="AC24142">
        <v>40</v>
      </c>
      <c r="AD24142">
        <v>41</v>
      </c>
      <c r="AE24142">
        <v>41</v>
      </c>
      <c r="AF24142">
        <v>42</v>
      </c>
      <c r="AG24142">
        <v>43</v>
      </c>
      <c r="AH24142">
        <v>44</v>
      </c>
      <c r="AI24142">
        <v>45</v>
      </c>
      <c r="AJ24142">
        <v>45</v>
      </c>
      <c r="AK24142">
        <v>46</v>
      </c>
      <c r="AL24142">
        <v>47</v>
      </c>
      <c r="AM24142">
        <v>47</v>
      </c>
      <c r="AN24142">
        <v>48</v>
      </c>
      <c r="AO24142">
        <v>48</v>
      </c>
      <c r="AP24142">
        <v>48</v>
      </c>
      <c r="AQ24142">
        <v>49</v>
      </c>
    </row>
    <row r="24143" spans="1:43">
      <c r="A24143" t="s">
        <v>14947</v>
      </c>
      <c r="B24143" t="s">
        <v>14948</v>
      </c>
      <c r="C24143" t="s">
        <v>14903</v>
      </c>
      <c r="D24143" t="s">
        <v>14904</v>
      </c>
      <c r="E24143" t="s">
        <v>14797</v>
      </c>
      <c r="F24143" t="s">
        <v>14798</v>
      </c>
      <c r="G24143" t="s">
        <v>10734</v>
      </c>
      <c r="H24143" t="s">
        <v>10735</v>
      </c>
      <c r="I24143" s="2">
        <v>1</v>
      </c>
      <c r="J24143" s="2">
        <v>0</v>
      </c>
      <c r="K24143" s="2">
        <v>0</v>
      </c>
      <c r="L24143" t="s">
        <v>120</v>
      </c>
      <c r="M24143" t="s">
        <v>87</v>
      </c>
      <c r="N24143" t="s">
        <v>88</v>
      </c>
      <c r="O24143" t="s">
        <v>85</v>
      </c>
      <c r="P24143" t="s">
        <v>86</v>
      </c>
      <c r="Q24143">
        <v>31</v>
      </c>
      <c r="R24143">
        <v>31</v>
      </c>
      <c r="S24143">
        <v>32</v>
      </c>
      <c r="T24143">
        <v>32</v>
      </c>
      <c r="U24143">
        <v>33</v>
      </c>
      <c r="V24143">
        <v>33</v>
      </c>
      <c r="W24143">
        <v>33</v>
      </c>
      <c r="X24143">
        <v>34</v>
      </c>
      <c r="Y24143">
        <v>34</v>
      </c>
      <c r="Z24143">
        <v>35</v>
      </c>
      <c r="AA24143">
        <v>35</v>
      </c>
      <c r="AB24143">
        <v>35</v>
      </c>
      <c r="AC24143">
        <v>36</v>
      </c>
      <c r="AD24143">
        <v>36</v>
      </c>
      <c r="AE24143">
        <v>37</v>
      </c>
      <c r="AF24143">
        <v>37</v>
      </c>
      <c r="AG24143">
        <v>38</v>
      </c>
      <c r="AH24143">
        <v>38</v>
      </c>
      <c r="AI24143">
        <v>39</v>
      </c>
      <c r="AJ24143">
        <v>39</v>
      </c>
      <c r="AK24143">
        <v>40</v>
      </c>
      <c r="AL24143">
        <v>40</v>
      </c>
      <c r="AM24143">
        <v>41</v>
      </c>
      <c r="AN24143">
        <v>41</v>
      </c>
      <c r="AO24143">
        <v>42</v>
      </c>
      <c r="AP24143">
        <v>42</v>
      </c>
      <c r="AQ24143">
        <v>43</v>
      </c>
    </row>
    <row r="24144" spans="1:43">
      <c r="A24144" t="s">
        <v>14947</v>
      </c>
      <c r="B24144" t="s">
        <v>14948</v>
      </c>
      <c r="C24144" t="s">
        <v>14903</v>
      </c>
      <c r="D24144" t="s">
        <v>14904</v>
      </c>
      <c r="E24144" t="s">
        <v>14797</v>
      </c>
      <c r="F24144" t="s">
        <v>14798</v>
      </c>
      <c r="G24144" t="s">
        <v>10734</v>
      </c>
      <c r="H24144" t="s">
        <v>10735</v>
      </c>
      <c r="I24144" s="2">
        <v>1</v>
      </c>
      <c r="J24144" s="2">
        <v>0</v>
      </c>
      <c r="K24144" s="2">
        <v>0</v>
      </c>
      <c r="L24144" t="s">
        <v>120</v>
      </c>
      <c r="M24144" t="s">
        <v>89</v>
      </c>
      <c r="N24144" t="s">
        <v>90</v>
      </c>
      <c r="O24144" t="s">
        <v>85</v>
      </c>
      <c r="P24144" t="s">
        <v>86</v>
      </c>
      <c r="Q24144">
        <v>31</v>
      </c>
      <c r="R24144">
        <v>32</v>
      </c>
      <c r="S24144">
        <v>33</v>
      </c>
      <c r="T24144">
        <v>33</v>
      </c>
      <c r="U24144">
        <v>34</v>
      </c>
      <c r="V24144">
        <v>35</v>
      </c>
      <c r="W24144">
        <v>36</v>
      </c>
      <c r="X24144">
        <v>37</v>
      </c>
      <c r="Y24144">
        <v>38</v>
      </c>
      <c r="Z24144">
        <v>39</v>
      </c>
      <c r="AA24144">
        <v>40</v>
      </c>
      <c r="AB24144">
        <v>41</v>
      </c>
      <c r="AC24144">
        <v>42</v>
      </c>
      <c r="AD24144">
        <v>43</v>
      </c>
      <c r="AE24144">
        <v>43</v>
      </c>
      <c r="AF24144">
        <v>44</v>
      </c>
      <c r="AG24144">
        <v>44</v>
      </c>
      <c r="AH24144">
        <v>45</v>
      </c>
      <c r="AI24144">
        <v>45</v>
      </c>
      <c r="AJ24144">
        <v>45</v>
      </c>
      <c r="AK24144">
        <v>46</v>
      </c>
      <c r="AL24144">
        <v>46</v>
      </c>
      <c r="AM24144">
        <v>47</v>
      </c>
      <c r="AN24144">
        <v>47</v>
      </c>
      <c r="AO24144">
        <v>47</v>
      </c>
      <c r="AP24144">
        <v>48</v>
      </c>
      <c r="AQ24144">
        <v>48</v>
      </c>
    </row>
    <row r="24145" spans="1:43">
      <c r="A24145" t="s">
        <v>14947</v>
      </c>
      <c r="B24145" t="s">
        <v>14948</v>
      </c>
      <c r="C24145" t="s">
        <v>14903</v>
      </c>
      <c r="D24145" t="s">
        <v>14904</v>
      </c>
      <c r="E24145" t="s">
        <v>14797</v>
      </c>
      <c r="F24145" t="s">
        <v>14798</v>
      </c>
      <c r="G24145" t="s">
        <v>10734</v>
      </c>
      <c r="H24145" t="s">
        <v>10735</v>
      </c>
      <c r="I24145" s="2">
        <v>1</v>
      </c>
      <c r="J24145" s="2">
        <v>0</v>
      </c>
      <c r="K24145" s="2">
        <v>0</v>
      </c>
      <c r="L24145" t="s">
        <v>120</v>
      </c>
      <c r="M24145" t="s">
        <v>83</v>
      </c>
      <c r="N24145" t="s">
        <v>91</v>
      </c>
      <c r="O24145" t="s">
        <v>85</v>
      </c>
      <c r="P24145" t="s">
        <v>86</v>
      </c>
      <c r="Q24145">
        <v>31</v>
      </c>
      <c r="R24145">
        <v>32</v>
      </c>
      <c r="S24145">
        <v>33</v>
      </c>
      <c r="T24145">
        <v>33</v>
      </c>
      <c r="U24145">
        <v>34</v>
      </c>
      <c r="V24145">
        <v>35</v>
      </c>
      <c r="W24145">
        <v>36</v>
      </c>
      <c r="X24145">
        <v>36</v>
      </c>
      <c r="Y24145">
        <v>37</v>
      </c>
      <c r="Z24145">
        <v>38</v>
      </c>
      <c r="AA24145">
        <v>38</v>
      </c>
      <c r="AB24145">
        <v>39</v>
      </c>
      <c r="AC24145">
        <v>40</v>
      </c>
      <c r="AD24145">
        <v>41</v>
      </c>
      <c r="AE24145">
        <v>41</v>
      </c>
      <c r="AF24145">
        <v>42</v>
      </c>
      <c r="AG24145">
        <v>43</v>
      </c>
      <c r="AH24145">
        <v>44</v>
      </c>
      <c r="AI24145">
        <v>45</v>
      </c>
      <c r="AJ24145">
        <v>45</v>
      </c>
      <c r="AK24145">
        <v>46</v>
      </c>
      <c r="AL24145">
        <v>47</v>
      </c>
      <c r="AM24145">
        <v>47</v>
      </c>
      <c r="AN24145">
        <v>48</v>
      </c>
      <c r="AO24145">
        <v>48</v>
      </c>
      <c r="AP24145">
        <v>48</v>
      </c>
      <c r="AQ24145">
        <v>49</v>
      </c>
    </row>
    <row r="24146" spans="1:43">
      <c r="A24146" t="s">
        <v>14949</v>
      </c>
      <c r="B24146" t="s">
        <v>14950</v>
      </c>
      <c r="C24146" t="s">
        <v>14903</v>
      </c>
      <c r="D24146" t="s">
        <v>14904</v>
      </c>
      <c r="E24146" t="s">
        <v>14797</v>
      </c>
      <c r="F24146" t="s">
        <v>14798</v>
      </c>
      <c r="G24146" t="s">
        <v>10734</v>
      </c>
      <c r="H24146" t="s">
        <v>10735</v>
      </c>
      <c r="I24146" s="2">
        <v>1</v>
      </c>
      <c r="J24146" s="2">
        <v>0</v>
      </c>
      <c r="K24146" s="2">
        <v>0</v>
      </c>
      <c r="L24146" t="s">
        <v>120</v>
      </c>
      <c r="M24146" t="s">
        <v>83</v>
      </c>
      <c r="N24146" t="s">
        <v>84</v>
      </c>
      <c r="O24146" t="s">
        <v>85</v>
      </c>
      <c r="P24146" t="s">
        <v>86</v>
      </c>
      <c r="Q24146">
        <v>34</v>
      </c>
      <c r="R24146">
        <v>35</v>
      </c>
      <c r="S24146">
        <v>36</v>
      </c>
      <c r="T24146">
        <v>36</v>
      </c>
      <c r="U24146">
        <v>37</v>
      </c>
      <c r="V24146">
        <v>38</v>
      </c>
      <c r="W24146">
        <v>39</v>
      </c>
      <c r="X24146">
        <v>39</v>
      </c>
      <c r="Y24146">
        <v>40</v>
      </c>
      <c r="Z24146">
        <v>41</v>
      </c>
      <c r="AA24146">
        <v>42</v>
      </c>
      <c r="AB24146">
        <v>43</v>
      </c>
      <c r="AC24146">
        <v>43</v>
      </c>
      <c r="AD24146">
        <v>44</v>
      </c>
      <c r="AE24146">
        <v>45</v>
      </c>
      <c r="AF24146">
        <v>46</v>
      </c>
      <c r="AG24146">
        <v>47</v>
      </c>
      <c r="AH24146">
        <v>48</v>
      </c>
      <c r="AI24146">
        <v>48</v>
      </c>
      <c r="AJ24146">
        <v>49</v>
      </c>
      <c r="AK24146">
        <v>50</v>
      </c>
      <c r="AL24146">
        <v>51</v>
      </c>
      <c r="AM24146">
        <v>51</v>
      </c>
      <c r="AN24146">
        <v>52</v>
      </c>
      <c r="AO24146">
        <v>52</v>
      </c>
      <c r="AP24146">
        <v>53</v>
      </c>
      <c r="AQ24146">
        <v>53</v>
      </c>
    </row>
    <row r="24147" spans="1:43">
      <c r="A24147" t="s">
        <v>14949</v>
      </c>
      <c r="B24147" t="s">
        <v>14950</v>
      </c>
      <c r="C24147" t="s">
        <v>14903</v>
      </c>
      <c r="D24147" t="s">
        <v>14904</v>
      </c>
      <c r="E24147" t="s">
        <v>14797</v>
      </c>
      <c r="F24147" t="s">
        <v>14798</v>
      </c>
      <c r="G24147" t="s">
        <v>10734</v>
      </c>
      <c r="H24147" t="s">
        <v>10735</v>
      </c>
      <c r="I24147" s="2">
        <v>1</v>
      </c>
      <c r="J24147" s="2">
        <v>0</v>
      </c>
      <c r="K24147" s="2">
        <v>0</v>
      </c>
      <c r="L24147" t="s">
        <v>120</v>
      </c>
      <c r="M24147" t="s">
        <v>87</v>
      </c>
      <c r="N24147" t="s">
        <v>88</v>
      </c>
      <c r="O24147" t="s">
        <v>85</v>
      </c>
      <c r="P24147" t="s">
        <v>86</v>
      </c>
      <c r="Q24147">
        <v>34</v>
      </c>
      <c r="R24147">
        <v>34</v>
      </c>
      <c r="S24147">
        <v>35</v>
      </c>
      <c r="T24147">
        <v>35</v>
      </c>
      <c r="U24147">
        <v>35</v>
      </c>
      <c r="V24147">
        <v>36</v>
      </c>
      <c r="W24147">
        <v>36</v>
      </c>
      <c r="X24147">
        <v>37</v>
      </c>
      <c r="Y24147">
        <v>37</v>
      </c>
      <c r="Z24147">
        <v>38</v>
      </c>
      <c r="AA24147">
        <v>38</v>
      </c>
      <c r="AB24147">
        <v>39</v>
      </c>
      <c r="AC24147">
        <v>39</v>
      </c>
      <c r="AD24147">
        <v>39</v>
      </c>
      <c r="AE24147">
        <v>40</v>
      </c>
      <c r="AF24147">
        <v>40</v>
      </c>
      <c r="AG24147">
        <v>41</v>
      </c>
      <c r="AH24147">
        <v>41</v>
      </c>
      <c r="AI24147">
        <v>42</v>
      </c>
      <c r="AJ24147">
        <v>42</v>
      </c>
      <c r="AK24147">
        <v>43</v>
      </c>
      <c r="AL24147">
        <v>44</v>
      </c>
      <c r="AM24147">
        <v>44</v>
      </c>
      <c r="AN24147">
        <v>45</v>
      </c>
      <c r="AO24147">
        <v>45</v>
      </c>
      <c r="AP24147">
        <v>46</v>
      </c>
      <c r="AQ24147">
        <v>46</v>
      </c>
    </row>
    <row r="24148" spans="1:43">
      <c r="A24148" t="s">
        <v>14949</v>
      </c>
      <c r="B24148" t="s">
        <v>14950</v>
      </c>
      <c r="C24148" t="s">
        <v>14903</v>
      </c>
      <c r="D24148" t="s">
        <v>14904</v>
      </c>
      <c r="E24148" t="s">
        <v>14797</v>
      </c>
      <c r="F24148" t="s">
        <v>14798</v>
      </c>
      <c r="G24148" t="s">
        <v>10734</v>
      </c>
      <c r="H24148" t="s">
        <v>10735</v>
      </c>
      <c r="I24148" s="2">
        <v>1</v>
      </c>
      <c r="J24148" s="2">
        <v>0</v>
      </c>
      <c r="K24148" s="2">
        <v>0</v>
      </c>
      <c r="L24148" t="s">
        <v>120</v>
      </c>
      <c r="M24148" t="s">
        <v>89</v>
      </c>
      <c r="N24148" t="s">
        <v>90</v>
      </c>
      <c r="O24148" t="s">
        <v>85</v>
      </c>
      <c r="P24148" t="s">
        <v>86</v>
      </c>
      <c r="Q24148">
        <v>34</v>
      </c>
      <c r="R24148">
        <v>35</v>
      </c>
      <c r="S24148">
        <v>36</v>
      </c>
      <c r="T24148">
        <v>37</v>
      </c>
      <c r="U24148">
        <v>39</v>
      </c>
      <c r="V24148">
        <v>40</v>
      </c>
      <c r="W24148">
        <v>40</v>
      </c>
      <c r="X24148">
        <v>41</v>
      </c>
      <c r="Y24148">
        <v>42</v>
      </c>
      <c r="Z24148">
        <v>43</v>
      </c>
      <c r="AA24148">
        <v>44</v>
      </c>
      <c r="AB24148">
        <v>45</v>
      </c>
      <c r="AC24148">
        <v>46</v>
      </c>
      <c r="AD24148">
        <v>47</v>
      </c>
      <c r="AE24148">
        <v>48</v>
      </c>
      <c r="AF24148">
        <v>49</v>
      </c>
      <c r="AG24148">
        <v>49</v>
      </c>
      <c r="AH24148">
        <v>50</v>
      </c>
      <c r="AI24148">
        <v>50</v>
      </c>
      <c r="AJ24148">
        <v>50</v>
      </c>
      <c r="AK24148">
        <v>51</v>
      </c>
      <c r="AL24148">
        <v>51</v>
      </c>
      <c r="AM24148">
        <v>52</v>
      </c>
      <c r="AN24148">
        <v>52</v>
      </c>
      <c r="AO24148">
        <v>53</v>
      </c>
      <c r="AP24148">
        <v>53</v>
      </c>
      <c r="AQ24148">
        <v>54</v>
      </c>
    </row>
    <row r="24149" spans="1:43">
      <c r="A24149" t="s">
        <v>14949</v>
      </c>
      <c r="B24149" t="s">
        <v>14950</v>
      </c>
      <c r="C24149" t="s">
        <v>14903</v>
      </c>
      <c r="D24149" t="s">
        <v>14904</v>
      </c>
      <c r="E24149" t="s">
        <v>14797</v>
      </c>
      <c r="F24149" t="s">
        <v>14798</v>
      </c>
      <c r="G24149" t="s">
        <v>10734</v>
      </c>
      <c r="H24149" t="s">
        <v>10735</v>
      </c>
      <c r="I24149" s="2">
        <v>1</v>
      </c>
      <c r="J24149" s="2">
        <v>0</v>
      </c>
      <c r="K24149" s="2">
        <v>0</v>
      </c>
      <c r="L24149" t="s">
        <v>120</v>
      </c>
      <c r="M24149" t="s">
        <v>83</v>
      </c>
      <c r="N24149" t="s">
        <v>91</v>
      </c>
      <c r="O24149" t="s">
        <v>85</v>
      </c>
      <c r="P24149" t="s">
        <v>86</v>
      </c>
      <c r="Q24149">
        <v>34</v>
      </c>
      <c r="R24149">
        <v>35</v>
      </c>
      <c r="S24149">
        <v>36</v>
      </c>
      <c r="T24149">
        <v>36</v>
      </c>
      <c r="U24149">
        <v>37</v>
      </c>
      <c r="V24149">
        <v>38</v>
      </c>
      <c r="W24149">
        <v>39</v>
      </c>
      <c r="X24149">
        <v>39</v>
      </c>
      <c r="Y24149">
        <v>40</v>
      </c>
      <c r="Z24149">
        <v>41</v>
      </c>
      <c r="AA24149">
        <v>42</v>
      </c>
      <c r="AB24149">
        <v>43</v>
      </c>
      <c r="AC24149">
        <v>43</v>
      </c>
      <c r="AD24149">
        <v>44</v>
      </c>
      <c r="AE24149">
        <v>45</v>
      </c>
      <c r="AF24149">
        <v>46</v>
      </c>
      <c r="AG24149">
        <v>47</v>
      </c>
      <c r="AH24149">
        <v>48</v>
      </c>
      <c r="AI24149">
        <v>48</v>
      </c>
      <c r="AJ24149">
        <v>49</v>
      </c>
      <c r="AK24149">
        <v>50</v>
      </c>
      <c r="AL24149">
        <v>51</v>
      </c>
      <c r="AM24149">
        <v>51</v>
      </c>
      <c r="AN24149">
        <v>52</v>
      </c>
      <c r="AO24149">
        <v>52</v>
      </c>
      <c r="AP24149">
        <v>53</v>
      </c>
      <c r="AQ24149">
        <v>53</v>
      </c>
    </row>
    <row r="24150" spans="1:43">
      <c r="A24150" t="s">
        <v>14951</v>
      </c>
      <c r="B24150" t="s">
        <v>14952</v>
      </c>
      <c r="C24150" t="s">
        <v>14937</v>
      </c>
      <c r="D24150" t="s">
        <v>14938</v>
      </c>
      <c r="E24150" t="s">
        <v>14797</v>
      </c>
      <c r="F24150" t="s">
        <v>14798</v>
      </c>
      <c r="G24150" t="s">
        <v>10734</v>
      </c>
      <c r="H24150" t="s">
        <v>10735</v>
      </c>
      <c r="I24150" s="2">
        <v>1</v>
      </c>
      <c r="J24150" s="2">
        <v>0</v>
      </c>
      <c r="K24150" s="2">
        <v>0</v>
      </c>
      <c r="L24150" t="s">
        <v>120</v>
      </c>
      <c r="M24150" t="s">
        <v>83</v>
      </c>
      <c r="N24150" t="s">
        <v>84</v>
      </c>
      <c r="O24150" t="s">
        <v>85</v>
      </c>
      <c r="P24150" t="s">
        <v>86</v>
      </c>
      <c r="Q24150">
        <v>23</v>
      </c>
      <c r="R24150">
        <v>23</v>
      </c>
      <c r="S24150">
        <v>24</v>
      </c>
      <c r="T24150">
        <v>24</v>
      </c>
      <c r="U24150">
        <v>25</v>
      </c>
      <c r="V24150">
        <v>25</v>
      </c>
      <c r="W24150">
        <v>26</v>
      </c>
      <c r="X24150">
        <v>26</v>
      </c>
      <c r="Y24150">
        <v>27</v>
      </c>
      <c r="Z24150">
        <v>27</v>
      </c>
      <c r="AA24150">
        <v>28</v>
      </c>
      <c r="AB24150">
        <v>28</v>
      </c>
      <c r="AC24150">
        <v>29</v>
      </c>
      <c r="AD24150">
        <v>29</v>
      </c>
      <c r="AE24150">
        <v>30</v>
      </c>
      <c r="AF24150">
        <v>31</v>
      </c>
      <c r="AG24150">
        <v>31</v>
      </c>
      <c r="AH24150">
        <v>32</v>
      </c>
      <c r="AI24150">
        <v>32</v>
      </c>
      <c r="AJ24150">
        <v>33</v>
      </c>
      <c r="AK24150">
        <v>33</v>
      </c>
      <c r="AL24150">
        <v>34</v>
      </c>
      <c r="AM24150">
        <v>34</v>
      </c>
      <c r="AN24150">
        <v>34</v>
      </c>
      <c r="AO24150">
        <v>35</v>
      </c>
      <c r="AP24150">
        <v>35</v>
      </c>
      <c r="AQ24150">
        <v>35</v>
      </c>
    </row>
    <row r="24151" spans="1:43">
      <c r="A24151" t="s">
        <v>14951</v>
      </c>
      <c r="B24151" t="s">
        <v>14952</v>
      </c>
      <c r="C24151" t="s">
        <v>14937</v>
      </c>
      <c r="D24151" t="s">
        <v>14938</v>
      </c>
      <c r="E24151" t="s">
        <v>14797</v>
      </c>
      <c r="F24151" t="s">
        <v>14798</v>
      </c>
      <c r="G24151" t="s">
        <v>10734</v>
      </c>
      <c r="H24151" t="s">
        <v>10735</v>
      </c>
      <c r="I24151" s="2">
        <v>1</v>
      </c>
      <c r="J24151" s="2">
        <v>0</v>
      </c>
      <c r="K24151" s="2">
        <v>0</v>
      </c>
      <c r="L24151" t="s">
        <v>120</v>
      </c>
      <c r="M24151" t="s">
        <v>87</v>
      </c>
      <c r="N24151" t="s">
        <v>88</v>
      </c>
      <c r="O24151" t="s">
        <v>85</v>
      </c>
      <c r="P24151" t="s">
        <v>86</v>
      </c>
      <c r="Q24151">
        <v>23</v>
      </c>
      <c r="R24151">
        <v>23</v>
      </c>
      <c r="S24151">
        <v>23</v>
      </c>
      <c r="T24151">
        <v>23</v>
      </c>
      <c r="U24151">
        <v>24</v>
      </c>
      <c r="V24151">
        <v>24</v>
      </c>
      <c r="W24151">
        <v>24</v>
      </c>
      <c r="X24151">
        <v>25</v>
      </c>
      <c r="Y24151">
        <v>25</v>
      </c>
      <c r="Z24151">
        <v>25</v>
      </c>
      <c r="AA24151">
        <v>25</v>
      </c>
      <c r="AB24151">
        <v>26</v>
      </c>
      <c r="AC24151">
        <v>26</v>
      </c>
      <c r="AD24151">
        <v>26</v>
      </c>
      <c r="AE24151">
        <v>27</v>
      </c>
      <c r="AF24151">
        <v>27</v>
      </c>
      <c r="AG24151">
        <v>27</v>
      </c>
      <c r="AH24151">
        <v>27</v>
      </c>
      <c r="AI24151">
        <v>28</v>
      </c>
      <c r="AJ24151">
        <v>28</v>
      </c>
      <c r="AK24151">
        <v>28</v>
      </c>
      <c r="AL24151">
        <v>29</v>
      </c>
      <c r="AM24151">
        <v>29</v>
      </c>
      <c r="AN24151">
        <v>29</v>
      </c>
      <c r="AO24151">
        <v>30</v>
      </c>
      <c r="AP24151">
        <v>30</v>
      </c>
      <c r="AQ24151">
        <v>30</v>
      </c>
    </row>
    <row r="24152" spans="1:43">
      <c r="A24152" t="s">
        <v>14951</v>
      </c>
      <c r="B24152" t="s">
        <v>14952</v>
      </c>
      <c r="C24152" t="s">
        <v>14937</v>
      </c>
      <c r="D24152" t="s">
        <v>14938</v>
      </c>
      <c r="E24152" t="s">
        <v>14797</v>
      </c>
      <c r="F24152" t="s">
        <v>14798</v>
      </c>
      <c r="G24152" t="s">
        <v>10734</v>
      </c>
      <c r="H24152" t="s">
        <v>10735</v>
      </c>
      <c r="I24152" s="2">
        <v>1</v>
      </c>
      <c r="J24152" s="2">
        <v>0</v>
      </c>
      <c r="K24152" s="2">
        <v>0</v>
      </c>
      <c r="L24152" t="s">
        <v>120</v>
      </c>
      <c r="M24152" t="s">
        <v>89</v>
      </c>
      <c r="N24152" t="s">
        <v>90</v>
      </c>
      <c r="O24152" t="s">
        <v>85</v>
      </c>
      <c r="P24152" t="s">
        <v>86</v>
      </c>
      <c r="Q24152">
        <v>23</v>
      </c>
      <c r="R24152">
        <v>24</v>
      </c>
      <c r="S24152">
        <v>24</v>
      </c>
      <c r="T24152">
        <v>25</v>
      </c>
      <c r="U24152">
        <v>26</v>
      </c>
      <c r="V24152">
        <v>26</v>
      </c>
      <c r="W24152">
        <v>27</v>
      </c>
      <c r="X24152">
        <v>28</v>
      </c>
      <c r="Y24152">
        <v>28</v>
      </c>
      <c r="Z24152">
        <v>29</v>
      </c>
      <c r="AA24152">
        <v>30</v>
      </c>
      <c r="AB24152">
        <v>30</v>
      </c>
      <c r="AC24152">
        <v>31</v>
      </c>
      <c r="AD24152">
        <v>32</v>
      </c>
      <c r="AE24152">
        <v>32</v>
      </c>
      <c r="AF24152">
        <v>32</v>
      </c>
      <c r="AG24152">
        <v>33</v>
      </c>
      <c r="AH24152">
        <v>33</v>
      </c>
      <c r="AI24152">
        <v>33</v>
      </c>
      <c r="AJ24152">
        <v>33</v>
      </c>
      <c r="AK24152">
        <v>34</v>
      </c>
      <c r="AL24152">
        <v>34</v>
      </c>
      <c r="AM24152">
        <v>34</v>
      </c>
      <c r="AN24152">
        <v>35</v>
      </c>
      <c r="AO24152">
        <v>35</v>
      </c>
      <c r="AP24152">
        <v>35</v>
      </c>
      <c r="AQ24152">
        <v>35</v>
      </c>
    </row>
    <row r="24153" spans="1:43">
      <c r="A24153" t="s">
        <v>14951</v>
      </c>
      <c r="B24153" t="s">
        <v>14952</v>
      </c>
      <c r="C24153" t="s">
        <v>14937</v>
      </c>
      <c r="D24153" t="s">
        <v>14938</v>
      </c>
      <c r="E24153" t="s">
        <v>14797</v>
      </c>
      <c r="F24153" t="s">
        <v>14798</v>
      </c>
      <c r="G24153" t="s">
        <v>10734</v>
      </c>
      <c r="H24153" t="s">
        <v>10735</v>
      </c>
      <c r="I24153" s="2">
        <v>1</v>
      </c>
      <c r="J24153" s="2">
        <v>0</v>
      </c>
      <c r="K24153" s="2">
        <v>0</v>
      </c>
      <c r="L24153" t="s">
        <v>120</v>
      </c>
      <c r="M24153" t="s">
        <v>83</v>
      </c>
      <c r="N24153" t="s">
        <v>91</v>
      </c>
      <c r="O24153" t="s">
        <v>85</v>
      </c>
      <c r="P24153" t="s">
        <v>86</v>
      </c>
      <c r="Q24153">
        <v>23</v>
      </c>
      <c r="R24153">
        <v>23</v>
      </c>
      <c r="S24153">
        <v>24</v>
      </c>
      <c r="T24153">
        <v>24</v>
      </c>
      <c r="U24153">
        <v>25</v>
      </c>
      <c r="V24153">
        <v>25</v>
      </c>
      <c r="W24153">
        <v>26</v>
      </c>
      <c r="X24153">
        <v>26</v>
      </c>
      <c r="Y24153">
        <v>27</v>
      </c>
      <c r="Z24153">
        <v>27</v>
      </c>
      <c r="AA24153">
        <v>28</v>
      </c>
      <c r="AB24153">
        <v>28</v>
      </c>
      <c r="AC24153">
        <v>29</v>
      </c>
      <c r="AD24153">
        <v>29</v>
      </c>
      <c r="AE24153">
        <v>30</v>
      </c>
      <c r="AF24153">
        <v>31</v>
      </c>
      <c r="AG24153">
        <v>31</v>
      </c>
      <c r="AH24153">
        <v>32</v>
      </c>
      <c r="AI24153">
        <v>32</v>
      </c>
      <c r="AJ24153">
        <v>33</v>
      </c>
      <c r="AK24153">
        <v>33</v>
      </c>
      <c r="AL24153">
        <v>34</v>
      </c>
      <c r="AM24153">
        <v>34</v>
      </c>
      <c r="AN24153">
        <v>34</v>
      </c>
      <c r="AO24153">
        <v>35</v>
      </c>
      <c r="AP24153">
        <v>35</v>
      </c>
      <c r="AQ24153">
        <v>35</v>
      </c>
    </row>
    <row r="24154" spans="1:43">
      <c r="A24154" t="s">
        <v>14953</v>
      </c>
      <c r="B24154" t="s">
        <v>14954</v>
      </c>
      <c r="C24154" t="s">
        <v>14937</v>
      </c>
      <c r="D24154" t="s">
        <v>14938</v>
      </c>
      <c r="E24154" t="s">
        <v>14797</v>
      </c>
      <c r="F24154" t="s">
        <v>14798</v>
      </c>
      <c r="G24154" t="s">
        <v>10734</v>
      </c>
      <c r="H24154" t="s">
        <v>10735</v>
      </c>
      <c r="I24154" s="2">
        <v>1</v>
      </c>
      <c r="J24154" s="2">
        <v>0</v>
      </c>
      <c r="K24154" s="2">
        <v>0</v>
      </c>
      <c r="L24154" t="s">
        <v>120</v>
      </c>
      <c r="M24154" t="s">
        <v>83</v>
      </c>
      <c r="N24154" t="s">
        <v>84</v>
      </c>
      <c r="O24154" t="s">
        <v>85</v>
      </c>
      <c r="P24154" t="s">
        <v>86</v>
      </c>
      <c r="Q24154">
        <v>41</v>
      </c>
      <c r="R24154">
        <v>42</v>
      </c>
      <c r="S24154">
        <v>43</v>
      </c>
      <c r="T24154">
        <v>44</v>
      </c>
      <c r="U24154">
        <v>45</v>
      </c>
      <c r="V24154">
        <v>46</v>
      </c>
      <c r="W24154">
        <v>47</v>
      </c>
      <c r="X24154">
        <v>48</v>
      </c>
      <c r="Y24154">
        <v>49</v>
      </c>
      <c r="Z24154">
        <v>49</v>
      </c>
      <c r="AA24154">
        <v>50</v>
      </c>
      <c r="AB24154">
        <v>51</v>
      </c>
      <c r="AC24154">
        <v>52</v>
      </c>
      <c r="AD24154">
        <v>53</v>
      </c>
      <c r="AE24154">
        <v>54</v>
      </c>
      <c r="AF24154">
        <v>56</v>
      </c>
      <c r="AG24154">
        <v>57</v>
      </c>
      <c r="AH24154">
        <v>58</v>
      </c>
      <c r="AI24154">
        <v>59</v>
      </c>
      <c r="AJ24154">
        <v>60</v>
      </c>
      <c r="AK24154">
        <v>61</v>
      </c>
      <c r="AL24154">
        <v>62</v>
      </c>
      <c r="AM24154">
        <v>62</v>
      </c>
      <c r="AN24154">
        <v>63</v>
      </c>
      <c r="AO24154">
        <v>63</v>
      </c>
      <c r="AP24154">
        <v>64</v>
      </c>
      <c r="AQ24154">
        <v>64</v>
      </c>
    </row>
    <row r="24155" spans="1:43">
      <c r="A24155" t="s">
        <v>14953</v>
      </c>
      <c r="B24155" t="s">
        <v>14954</v>
      </c>
      <c r="C24155" t="s">
        <v>14937</v>
      </c>
      <c r="D24155" t="s">
        <v>14938</v>
      </c>
      <c r="E24155" t="s">
        <v>14797</v>
      </c>
      <c r="F24155" t="s">
        <v>14798</v>
      </c>
      <c r="G24155" t="s">
        <v>10734</v>
      </c>
      <c r="H24155" t="s">
        <v>10735</v>
      </c>
      <c r="I24155" s="2">
        <v>1</v>
      </c>
      <c r="J24155" s="2">
        <v>0</v>
      </c>
      <c r="K24155" s="2">
        <v>0</v>
      </c>
      <c r="L24155" t="s">
        <v>120</v>
      </c>
      <c r="M24155" t="s">
        <v>87</v>
      </c>
      <c r="N24155" t="s">
        <v>88</v>
      </c>
      <c r="O24155" t="s">
        <v>85</v>
      </c>
      <c r="P24155" t="s">
        <v>86</v>
      </c>
      <c r="Q24155">
        <v>41</v>
      </c>
      <c r="R24155">
        <v>41</v>
      </c>
      <c r="S24155">
        <v>42</v>
      </c>
      <c r="T24155">
        <v>42</v>
      </c>
      <c r="U24155">
        <v>43</v>
      </c>
      <c r="V24155">
        <v>43</v>
      </c>
      <c r="W24155">
        <v>44</v>
      </c>
      <c r="X24155">
        <v>44</v>
      </c>
      <c r="Y24155">
        <v>45</v>
      </c>
      <c r="Z24155">
        <v>45</v>
      </c>
      <c r="AA24155">
        <v>46</v>
      </c>
      <c r="AB24155">
        <v>46</v>
      </c>
      <c r="AC24155">
        <v>47</v>
      </c>
      <c r="AD24155">
        <v>48</v>
      </c>
      <c r="AE24155">
        <v>48</v>
      </c>
      <c r="AF24155">
        <v>49</v>
      </c>
      <c r="AG24155">
        <v>49</v>
      </c>
      <c r="AH24155">
        <v>50</v>
      </c>
      <c r="AI24155">
        <v>51</v>
      </c>
      <c r="AJ24155">
        <v>51</v>
      </c>
      <c r="AK24155">
        <v>52</v>
      </c>
      <c r="AL24155">
        <v>52</v>
      </c>
      <c r="AM24155">
        <v>53</v>
      </c>
      <c r="AN24155">
        <v>54</v>
      </c>
      <c r="AO24155">
        <v>54</v>
      </c>
      <c r="AP24155">
        <v>55</v>
      </c>
      <c r="AQ24155">
        <v>56</v>
      </c>
    </row>
    <row r="24156" spans="1:43">
      <c r="A24156" t="s">
        <v>14953</v>
      </c>
      <c r="B24156" t="s">
        <v>14954</v>
      </c>
      <c r="C24156" t="s">
        <v>14937</v>
      </c>
      <c r="D24156" t="s">
        <v>14938</v>
      </c>
      <c r="E24156" t="s">
        <v>14797</v>
      </c>
      <c r="F24156" t="s">
        <v>14798</v>
      </c>
      <c r="G24156" t="s">
        <v>10734</v>
      </c>
      <c r="H24156" t="s">
        <v>10735</v>
      </c>
      <c r="I24156" s="2">
        <v>1</v>
      </c>
      <c r="J24156" s="2">
        <v>0</v>
      </c>
      <c r="K24156" s="2">
        <v>0</v>
      </c>
      <c r="L24156" t="s">
        <v>120</v>
      </c>
      <c r="M24156" t="s">
        <v>89</v>
      </c>
      <c r="N24156" t="s">
        <v>90</v>
      </c>
      <c r="O24156" t="s">
        <v>85</v>
      </c>
      <c r="P24156" t="s">
        <v>86</v>
      </c>
      <c r="Q24156">
        <v>41</v>
      </c>
      <c r="R24156">
        <v>43</v>
      </c>
      <c r="S24156">
        <v>44</v>
      </c>
      <c r="T24156">
        <v>45</v>
      </c>
      <c r="U24156">
        <v>47</v>
      </c>
      <c r="V24156">
        <v>48</v>
      </c>
      <c r="W24156">
        <v>49</v>
      </c>
      <c r="X24156">
        <v>50</v>
      </c>
      <c r="Y24156">
        <v>51</v>
      </c>
      <c r="Z24156">
        <v>53</v>
      </c>
      <c r="AA24156">
        <v>54</v>
      </c>
      <c r="AB24156">
        <v>55</v>
      </c>
      <c r="AC24156">
        <v>56</v>
      </c>
      <c r="AD24156">
        <v>58</v>
      </c>
      <c r="AE24156">
        <v>59</v>
      </c>
      <c r="AF24156">
        <v>59</v>
      </c>
      <c r="AG24156">
        <v>60</v>
      </c>
      <c r="AH24156">
        <v>60</v>
      </c>
      <c r="AI24156">
        <v>61</v>
      </c>
      <c r="AJ24156">
        <v>61</v>
      </c>
      <c r="AK24156">
        <v>62</v>
      </c>
      <c r="AL24156">
        <v>62</v>
      </c>
      <c r="AM24156">
        <v>63</v>
      </c>
      <c r="AN24156">
        <v>63</v>
      </c>
      <c r="AO24156">
        <v>64</v>
      </c>
      <c r="AP24156">
        <v>64</v>
      </c>
      <c r="AQ24156">
        <v>65</v>
      </c>
    </row>
    <row r="24157" spans="1:43">
      <c r="A24157" t="s">
        <v>14953</v>
      </c>
      <c r="B24157" t="s">
        <v>14954</v>
      </c>
      <c r="C24157" t="s">
        <v>14937</v>
      </c>
      <c r="D24157" t="s">
        <v>14938</v>
      </c>
      <c r="E24157" t="s">
        <v>14797</v>
      </c>
      <c r="F24157" t="s">
        <v>14798</v>
      </c>
      <c r="G24157" t="s">
        <v>10734</v>
      </c>
      <c r="H24157" t="s">
        <v>10735</v>
      </c>
      <c r="I24157" s="2">
        <v>1</v>
      </c>
      <c r="J24157" s="2">
        <v>0</v>
      </c>
      <c r="K24157" s="2">
        <v>0</v>
      </c>
      <c r="L24157" t="s">
        <v>120</v>
      </c>
      <c r="M24157" t="s">
        <v>83</v>
      </c>
      <c r="N24157" t="s">
        <v>91</v>
      </c>
      <c r="O24157" t="s">
        <v>85</v>
      </c>
      <c r="P24157" t="s">
        <v>86</v>
      </c>
      <c r="Q24157">
        <v>41</v>
      </c>
      <c r="R24157">
        <v>42</v>
      </c>
      <c r="S24157">
        <v>43</v>
      </c>
      <c r="T24157">
        <v>44</v>
      </c>
      <c r="U24157">
        <v>45</v>
      </c>
      <c r="V24157">
        <v>46</v>
      </c>
      <c r="W24157">
        <v>47</v>
      </c>
      <c r="X24157">
        <v>48</v>
      </c>
      <c r="Y24157">
        <v>49</v>
      </c>
      <c r="Z24157">
        <v>49</v>
      </c>
      <c r="AA24157">
        <v>50</v>
      </c>
      <c r="AB24157">
        <v>51</v>
      </c>
      <c r="AC24157">
        <v>52</v>
      </c>
      <c r="AD24157">
        <v>53</v>
      </c>
      <c r="AE24157">
        <v>54</v>
      </c>
      <c r="AF24157">
        <v>56</v>
      </c>
      <c r="AG24157">
        <v>57</v>
      </c>
      <c r="AH24157">
        <v>58</v>
      </c>
      <c r="AI24157">
        <v>59</v>
      </c>
      <c r="AJ24157">
        <v>60</v>
      </c>
      <c r="AK24157">
        <v>61</v>
      </c>
      <c r="AL24157">
        <v>62</v>
      </c>
      <c r="AM24157">
        <v>62</v>
      </c>
      <c r="AN24157">
        <v>63</v>
      </c>
      <c r="AO24157">
        <v>63</v>
      </c>
      <c r="AP24157">
        <v>64</v>
      </c>
      <c r="AQ24157">
        <v>64</v>
      </c>
    </row>
    <row r="24158" spans="1:43">
      <c r="A24158" t="s">
        <v>14955</v>
      </c>
      <c r="B24158" t="s">
        <v>14956</v>
      </c>
      <c r="C24158" t="s">
        <v>14937</v>
      </c>
      <c r="D24158" t="s">
        <v>14938</v>
      </c>
      <c r="E24158" t="s">
        <v>14797</v>
      </c>
      <c r="F24158" t="s">
        <v>14798</v>
      </c>
      <c r="G24158" t="s">
        <v>10734</v>
      </c>
      <c r="H24158" t="s">
        <v>10735</v>
      </c>
      <c r="I24158" s="2">
        <v>1</v>
      </c>
      <c r="J24158" s="2">
        <v>0</v>
      </c>
      <c r="K24158" s="2">
        <v>0</v>
      </c>
      <c r="L24158" t="s">
        <v>120</v>
      </c>
      <c r="M24158" t="s">
        <v>83</v>
      </c>
      <c r="N24158" t="s">
        <v>84</v>
      </c>
      <c r="O24158" t="s">
        <v>85</v>
      </c>
      <c r="P24158" t="s">
        <v>86</v>
      </c>
      <c r="Q24158">
        <v>31</v>
      </c>
      <c r="R24158">
        <v>32</v>
      </c>
      <c r="S24158">
        <v>33</v>
      </c>
      <c r="T24158">
        <v>33</v>
      </c>
      <c r="U24158">
        <v>34</v>
      </c>
      <c r="V24158">
        <v>35</v>
      </c>
      <c r="W24158">
        <v>35</v>
      </c>
      <c r="X24158">
        <v>36</v>
      </c>
      <c r="Y24158">
        <v>37</v>
      </c>
      <c r="Z24158">
        <v>37</v>
      </c>
      <c r="AA24158">
        <v>38</v>
      </c>
      <c r="AB24158">
        <v>39</v>
      </c>
      <c r="AC24158">
        <v>40</v>
      </c>
      <c r="AD24158">
        <v>40</v>
      </c>
      <c r="AE24158">
        <v>41</v>
      </c>
      <c r="AF24158">
        <v>42</v>
      </c>
      <c r="AG24158">
        <v>43</v>
      </c>
      <c r="AH24158">
        <v>43</v>
      </c>
      <c r="AI24158">
        <v>44</v>
      </c>
      <c r="AJ24158">
        <v>45</v>
      </c>
      <c r="AK24158">
        <v>46</v>
      </c>
      <c r="AL24158">
        <v>46</v>
      </c>
      <c r="AM24158">
        <v>47</v>
      </c>
      <c r="AN24158">
        <v>47</v>
      </c>
      <c r="AO24158">
        <v>47</v>
      </c>
      <c r="AP24158">
        <v>48</v>
      </c>
      <c r="AQ24158">
        <v>48</v>
      </c>
    </row>
    <row r="24159" spans="1:43">
      <c r="A24159" t="s">
        <v>14955</v>
      </c>
      <c r="B24159" t="s">
        <v>14956</v>
      </c>
      <c r="C24159" t="s">
        <v>14937</v>
      </c>
      <c r="D24159" t="s">
        <v>14938</v>
      </c>
      <c r="E24159" t="s">
        <v>14797</v>
      </c>
      <c r="F24159" t="s">
        <v>14798</v>
      </c>
      <c r="G24159" t="s">
        <v>10734</v>
      </c>
      <c r="H24159" t="s">
        <v>10735</v>
      </c>
      <c r="I24159" s="2">
        <v>1</v>
      </c>
      <c r="J24159" s="2">
        <v>0</v>
      </c>
      <c r="K24159" s="2">
        <v>0</v>
      </c>
      <c r="L24159" t="s">
        <v>120</v>
      </c>
      <c r="M24159" t="s">
        <v>87</v>
      </c>
      <c r="N24159" t="s">
        <v>88</v>
      </c>
      <c r="O24159" t="s">
        <v>85</v>
      </c>
      <c r="P24159" t="s">
        <v>86</v>
      </c>
      <c r="Q24159">
        <v>31</v>
      </c>
      <c r="R24159">
        <v>31</v>
      </c>
      <c r="S24159">
        <v>32</v>
      </c>
      <c r="T24159">
        <v>32</v>
      </c>
      <c r="U24159">
        <v>32</v>
      </c>
      <c r="V24159">
        <v>33</v>
      </c>
      <c r="W24159">
        <v>33</v>
      </c>
      <c r="X24159">
        <v>34</v>
      </c>
      <c r="Y24159">
        <v>34</v>
      </c>
      <c r="Z24159">
        <v>34</v>
      </c>
      <c r="AA24159">
        <v>35</v>
      </c>
      <c r="AB24159">
        <v>35</v>
      </c>
      <c r="AC24159">
        <v>35</v>
      </c>
      <c r="AD24159">
        <v>36</v>
      </c>
      <c r="AE24159">
        <v>36</v>
      </c>
      <c r="AF24159">
        <v>37</v>
      </c>
      <c r="AG24159">
        <v>37</v>
      </c>
      <c r="AH24159">
        <v>38</v>
      </c>
      <c r="AI24159">
        <v>38</v>
      </c>
      <c r="AJ24159">
        <v>38</v>
      </c>
      <c r="AK24159">
        <v>39</v>
      </c>
      <c r="AL24159">
        <v>39</v>
      </c>
      <c r="AM24159">
        <v>40</v>
      </c>
      <c r="AN24159">
        <v>40</v>
      </c>
      <c r="AO24159">
        <v>41</v>
      </c>
      <c r="AP24159">
        <v>41</v>
      </c>
      <c r="AQ24159">
        <v>42</v>
      </c>
    </row>
    <row r="24160" spans="1:43">
      <c r="A24160" t="s">
        <v>14955</v>
      </c>
      <c r="B24160" t="s">
        <v>14956</v>
      </c>
      <c r="C24160" t="s">
        <v>14937</v>
      </c>
      <c r="D24160" t="s">
        <v>14938</v>
      </c>
      <c r="E24160" t="s">
        <v>14797</v>
      </c>
      <c r="F24160" t="s">
        <v>14798</v>
      </c>
      <c r="G24160" t="s">
        <v>10734</v>
      </c>
      <c r="H24160" t="s">
        <v>10735</v>
      </c>
      <c r="I24160" s="2">
        <v>1</v>
      </c>
      <c r="J24160" s="2">
        <v>0</v>
      </c>
      <c r="K24160" s="2">
        <v>0</v>
      </c>
      <c r="L24160" t="s">
        <v>120</v>
      </c>
      <c r="M24160" t="s">
        <v>89</v>
      </c>
      <c r="N24160" t="s">
        <v>90</v>
      </c>
      <c r="O24160" t="s">
        <v>85</v>
      </c>
      <c r="P24160" t="s">
        <v>86</v>
      </c>
      <c r="Q24160">
        <v>31</v>
      </c>
      <c r="R24160">
        <v>32</v>
      </c>
      <c r="S24160">
        <v>32</v>
      </c>
      <c r="T24160">
        <v>33</v>
      </c>
      <c r="U24160">
        <v>34</v>
      </c>
      <c r="V24160">
        <v>35</v>
      </c>
      <c r="W24160">
        <v>36</v>
      </c>
      <c r="X24160">
        <v>37</v>
      </c>
      <c r="Y24160">
        <v>38</v>
      </c>
      <c r="Z24160">
        <v>39</v>
      </c>
      <c r="AA24160">
        <v>40</v>
      </c>
      <c r="AB24160">
        <v>41</v>
      </c>
      <c r="AC24160">
        <v>41</v>
      </c>
      <c r="AD24160">
        <v>42</v>
      </c>
      <c r="AE24160">
        <v>43</v>
      </c>
      <c r="AF24160">
        <v>43</v>
      </c>
      <c r="AG24160">
        <v>44</v>
      </c>
      <c r="AH24160">
        <v>44</v>
      </c>
      <c r="AI24160">
        <v>44</v>
      </c>
      <c r="AJ24160">
        <v>45</v>
      </c>
      <c r="AK24160">
        <v>45</v>
      </c>
      <c r="AL24160">
        <v>45</v>
      </c>
      <c r="AM24160">
        <v>46</v>
      </c>
      <c r="AN24160">
        <v>46</v>
      </c>
      <c r="AO24160">
        <v>47</v>
      </c>
      <c r="AP24160">
        <v>47</v>
      </c>
      <c r="AQ24160">
        <v>47</v>
      </c>
    </row>
    <row r="24161" spans="1:43">
      <c r="A24161" t="s">
        <v>14955</v>
      </c>
      <c r="B24161" t="s">
        <v>14956</v>
      </c>
      <c r="C24161" t="s">
        <v>14937</v>
      </c>
      <c r="D24161" t="s">
        <v>14938</v>
      </c>
      <c r="E24161" t="s">
        <v>14797</v>
      </c>
      <c r="F24161" t="s">
        <v>14798</v>
      </c>
      <c r="G24161" t="s">
        <v>10734</v>
      </c>
      <c r="H24161" t="s">
        <v>10735</v>
      </c>
      <c r="I24161" s="2">
        <v>1</v>
      </c>
      <c r="J24161" s="2">
        <v>0</v>
      </c>
      <c r="K24161" s="2">
        <v>0</v>
      </c>
      <c r="L24161" t="s">
        <v>120</v>
      </c>
      <c r="M24161" t="s">
        <v>83</v>
      </c>
      <c r="N24161" t="s">
        <v>91</v>
      </c>
      <c r="O24161" t="s">
        <v>85</v>
      </c>
      <c r="P24161" t="s">
        <v>86</v>
      </c>
      <c r="Q24161">
        <v>31</v>
      </c>
      <c r="R24161">
        <v>32</v>
      </c>
      <c r="S24161">
        <v>33</v>
      </c>
      <c r="T24161">
        <v>33</v>
      </c>
      <c r="U24161">
        <v>34</v>
      </c>
      <c r="V24161">
        <v>35</v>
      </c>
      <c r="W24161">
        <v>35</v>
      </c>
      <c r="X24161">
        <v>36</v>
      </c>
      <c r="Y24161">
        <v>37</v>
      </c>
      <c r="Z24161">
        <v>37</v>
      </c>
      <c r="AA24161">
        <v>38</v>
      </c>
      <c r="AB24161">
        <v>39</v>
      </c>
      <c r="AC24161">
        <v>40</v>
      </c>
      <c r="AD24161">
        <v>40</v>
      </c>
      <c r="AE24161">
        <v>41</v>
      </c>
      <c r="AF24161">
        <v>42</v>
      </c>
      <c r="AG24161">
        <v>43</v>
      </c>
      <c r="AH24161">
        <v>43</v>
      </c>
      <c r="AI24161">
        <v>44</v>
      </c>
      <c r="AJ24161">
        <v>45</v>
      </c>
      <c r="AK24161">
        <v>46</v>
      </c>
      <c r="AL24161">
        <v>46</v>
      </c>
      <c r="AM24161">
        <v>47</v>
      </c>
      <c r="AN24161">
        <v>47</v>
      </c>
      <c r="AO24161">
        <v>47</v>
      </c>
      <c r="AP24161">
        <v>48</v>
      </c>
      <c r="AQ24161">
        <v>48</v>
      </c>
    </row>
    <row r="24162" spans="1:43">
      <c r="A24162" t="s">
        <v>14957</v>
      </c>
      <c r="B24162" t="s">
        <v>14958</v>
      </c>
      <c r="C24162" t="s">
        <v>14867</v>
      </c>
      <c r="D24162" t="s">
        <v>14868</v>
      </c>
      <c r="E24162" t="s">
        <v>14797</v>
      </c>
      <c r="F24162" t="s">
        <v>14798</v>
      </c>
      <c r="G24162" t="s">
        <v>10734</v>
      </c>
      <c r="H24162" t="s">
        <v>10735</v>
      </c>
      <c r="I24162" s="2">
        <v>1</v>
      </c>
      <c r="J24162" s="2">
        <v>0</v>
      </c>
      <c r="K24162" s="2">
        <v>0</v>
      </c>
      <c r="L24162" t="s">
        <v>120</v>
      </c>
      <c r="M24162" t="s">
        <v>83</v>
      </c>
      <c r="N24162" t="s">
        <v>84</v>
      </c>
      <c r="O24162" t="s">
        <v>85</v>
      </c>
      <c r="P24162" t="s">
        <v>86</v>
      </c>
      <c r="Q24162">
        <v>43</v>
      </c>
      <c r="R24162">
        <v>44</v>
      </c>
      <c r="S24162">
        <v>45</v>
      </c>
      <c r="T24162">
        <v>46</v>
      </c>
      <c r="U24162">
        <v>47</v>
      </c>
      <c r="V24162">
        <v>48</v>
      </c>
      <c r="W24162">
        <v>49</v>
      </c>
      <c r="X24162">
        <v>50</v>
      </c>
      <c r="Y24162">
        <v>51</v>
      </c>
      <c r="Z24162">
        <v>52</v>
      </c>
      <c r="AA24162">
        <v>53</v>
      </c>
      <c r="AB24162">
        <v>54</v>
      </c>
      <c r="AC24162">
        <v>55</v>
      </c>
      <c r="AD24162">
        <v>56</v>
      </c>
      <c r="AE24162">
        <v>57</v>
      </c>
      <c r="AF24162">
        <v>59</v>
      </c>
      <c r="AG24162">
        <v>60</v>
      </c>
      <c r="AH24162">
        <v>61</v>
      </c>
      <c r="AI24162">
        <v>62</v>
      </c>
      <c r="AJ24162">
        <v>63</v>
      </c>
      <c r="AK24162">
        <v>64</v>
      </c>
      <c r="AL24162">
        <v>65</v>
      </c>
      <c r="AM24162">
        <v>66</v>
      </c>
      <c r="AN24162">
        <v>66</v>
      </c>
      <c r="AO24162">
        <v>67</v>
      </c>
      <c r="AP24162">
        <v>67</v>
      </c>
      <c r="AQ24162">
        <v>68</v>
      </c>
    </row>
    <row r="24163" spans="1:43">
      <c r="A24163" t="s">
        <v>14957</v>
      </c>
      <c r="B24163" t="s">
        <v>14958</v>
      </c>
      <c r="C24163" t="s">
        <v>14867</v>
      </c>
      <c r="D24163" t="s">
        <v>14868</v>
      </c>
      <c r="E24163" t="s">
        <v>14797</v>
      </c>
      <c r="F24163" t="s">
        <v>14798</v>
      </c>
      <c r="G24163" t="s">
        <v>10734</v>
      </c>
      <c r="H24163" t="s">
        <v>10735</v>
      </c>
      <c r="I24163" s="2">
        <v>1</v>
      </c>
      <c r="J24163" s="2">
        <v>0</v>
      </c>
      <c r="K24163" s="2">
        <v>0</v>
      </c>
      <c r="L24163" t="s">
        <v>120</v>
      </c>
      <c r="M24163" t="s">
        <v>87</v>
      </c>
      <c r="N24163" t="s">
        <v>88</v>
      </c>
      <c r="O24163" t="s">
        <v>85</v>
      </c>
      <c r="P24163" t="s">
        <v>86</v>
      </c>
      <c r="Q24163">
        <v>43</v>
      </c>
      <c r="R24163">
        <v>44</v>
      </c>
      <c r="S24163">
        <v>44</v>
      </c>
      <c r="T24163">
        <v>45</v>
      </c>
      <c r="U24163">
        <v>45</v>
      </c>
      <c r="V24163">
        <v>46</v>
      </c>
      <c r="W24163">
        <v>46</v>
      </c>
      <c r="X24163">
        <v>47</v>
      </c>
      <c r="Y24163">
        <v>47</v>
      </c>
      <c r="Z24163">
        <v>48</v>
      </c>
      <c r="AA24163">
        <v>49</v>
      </c>
      <c r="AB24163">
        <v>49</v>
      </c>
      <c r="AC24163">
        <v>50</v>
      </c>
      <c r="AD24163">
        <v>50</v>
      </c>
      <c r="AE24163">
        <v>51</v>
      </c>
      <c r="AF24163">
        <v>52</v>
      </c>
      <c r="AG24163">
        <v>52</v>
      </c>
      <c r="AH24163">
        <v>53</v>
      </c>
      <c r="AI24163">
        <v>53</v>
      </c>
      <c r="AJ24163">
        <v>54</v>
      </c>
      <c r="AK24163">
        <v>55</v>
      </c>
      <c r="AL24163">
        <v>55</v>
      </c>
      <c r="AM24163">
        <v>56</v>
      </c>
      <c r="AN24163">
        <v>57</v>
      </c>
      <c r="AO24163">
        <v>57</v>
      </c>
      <c r="AP24163">
        <v>58</v>
      </c>
      <c r="AQ24163">
        <v>59</v>
      </c>
    </row>
    <row r="24164" spans="1:43">
      <c r="A24164" t="s">
        <v>14957</v>
      </c>
      <c r="B24164" t="s">
        <v>14958</v>
      </c>
      <c r="C24164" t="s">
        <v>14867</v>
      </c>
      <c r="D24164" t="s">
        <v>14868</v>
      </c>
      <c r="E24164" t="s">
        <v>14797</v>
      </c>
      <c r="F24164" t="s">
        <v>14798</v>
      </c>
      <c r="G24164" t="s">
        <v>10734</v>
      </c>
      <c r="H24164" t="s">
        <v>10735</v>
      </c>
      <c r="I24164" s="2">
        <v>1</v>
      </c>
      <c r="J24164" s="2">
        <v>0</v>
      </c>
      <c r="K24164" s="2">
        <v>0</v>
      </c>
      <c r="L24164" t="s">
        <v>120</v>
      </c>
      <c r="M24164" t="s">
        <v>89</v>
      </c>
      <c r="N24164" t="s">
        <v>90</v>
      </c>
      <c r="O24164" t="s">
        <v>85</v>
      </c>
      <c r="P24164" t="s">
        <v>86</v>
      </c>
      <c r="Q24164">
        <v>43</v>
      </c>
      <c r="R24164">
        <v>44</v>
      </c>
      <c r="S24164">
        <v>45</v>
      </c>
      <c r="T24164">
        <v>47</v>
      </c>
      <c r="U24164">
        <v>48</v>
      </c>
      <c r="V24164">
        <v>49</v>
      </c>
      <c r="W24164">
        <v>51</v>
      </c>
      <c r="X24164">
        <v>52</v>
      </c>
      <c r="Y24164">
        <v>53</v>
      </c>
      <c r="Z24164">
        <v>55</v>
      </c>
      <c r="AA24164">
        <v>56</v>
      </c>
      <c r="AB24164">
        <v>57</v>
      </c>
      <c r="AC24164">
        <v>58</v>
      </c>
      <c r="AD24164">
        <v>60</v>
      </c>
      <c r="AE24164">
        <v>61</v>
      </c>
      <c r="AF24164">
        <v>61</v>
      </c>
      <c r="AG24164">
        <v>62</v>
      </c>
      <c r="AH24164">
        <v>62</v>
      </c>
      <c r="AI24164">
        <v>63</v>
      </c>
      <c r="AJ24164">
        <v>64</v>
      </c>
      <c r="AK24164">
        <v>64</v>
      </c>
      <c r="AL24164">
        <v>65</v>
      </c>
      <c r="AM24164">
        <v>65</v>
      </c>
      <c r="AN24164">
        <v>66</v>
      </c>
      <c r="AO24164">
        <v>67</v>
      </c>
      <c r="AP24164">
        <v>67</v>
      </c>
      <c r="AQ24164">
        <v>68</v>
      </c>
    </row>
    <row r="24165" spans="1:43">
      <c r="A24165" t="s">
        <v>14957</v>
      </c>
      <c r="B24165" t="s">
        <v>14958</v>
      </c>
      <c r="C24165" t="s">
        <v>14867</v>
      </c>
      <c r="D24165" t="s">
        <v>14868</v>
      </c>
      <c r="E24165" t="s">
        <v>14797</v>
      </c>
      <c r="F24165" t="s">
        <v>14798</v>
      </c>
      <c r="G24165" t="s">
        <v>10734</v>
      </c>
      <c r="H24165" t="s">
        <v>10735</v>
      </c>
      <c r="I24165" s="2">
        <v>1</v>
      </c>
      <c r="J24165" s="2">
        <v>0</v>
      </c>
      <c r="K24165" s="2">
        <v>0</v>
      </c>
      <c r="L24165" t="s">
        <v>120</v>
      </c>
      <c r="M24165" t="s">
        <v>83</v>
      </c>
      <c r="N24165" t="s">
        <v>91</v>
      </c>
      <c r="O24165" t="s">
        <v>85</v>
      </c>
      <c r="P24165" t="s">
        <v>86</v>
      </c>
      <c r="Q24165">
        <v>43</v>
      </c>
      <c r="R24165">
        <v>44</v>
      </c>
      <c r="S24165">
        <v>45</v>
      </c>
      <c r="T24165">
        <v>46</v>
      </c>
      <c r="U24165">
        <v>47</v>
      </c>
      <c r="V24165">
        <v>48</v>
      </c>
      <c r="W24165">
        <v>49</v>
      </c>
      <c r="X24165">
        <v>50</v>
      </c>
      <c r="Y24165">
        <v>51</v>
      </c>
      <c r="Z24165">
        <v>52</v>
      </c>
      <c r="AA24165">
        <v>53</v>
      </c>
      <c r="AB24165">
        <v>54</v>
      </c>
      <c r="AC24165">
        <v>55</v>
      </c>
      <c r="AD24165">
        <v>56</v>
      </c>
      <c r="AE24165">
        <v>57</v>
      </c>
      <c r="AF24165">
        <v>59</v>
      </c>
      <c r="AG24165">
        <v>60</v>
      </c>
      <c r="AH24165">
        <v>61</v>
      </c>
      <c r="AI24165">
        <v>62</v>
      </c>
      <c r="AJ24165">
        <v>63</v>
      </c>
      <c r="AK24165">
        <v>64</v>
      </c>
      <c r="AL24165">
        <v>65</v>
      </c>
      <c r="AM24165">
        <v>66</v>
      </c>
      <c r="AN24165">
        <v>66</v>
      </c>
      <c r="AO24165">
        <v>67</v>
      </c>
      <c r="AP24165">
        <v>67</v>
      </c>
      <c r="AQ24165">
        <v>68</v>
      </c>
    </row>
    <row r="24166" spans="1:43">
      <c r="A24166" t="s">
        <v>14959</v>
      </c>
      <c r="B24166" t="s">
        <v>14960</v>
      </c>
      <c r="C24166" t="s">
        <v>14961</v>
      </c>
      <c r="D24166" t="s">
        <v>14962</v>
      </c>
      <c r="E24166" t="s">
        <v>14797</v>
      </c>
      <c r="F24166" t="s">
        <v>14798</v>
      </c>
      <c r="G24166" t="s">
        <v>10734</v>
      </c>
      <c r="H24166" t="s">
        <v>10735</v>
      </c>
      <c r="I24166" s="2">
        <v>1</v>
      </c>
      <c r="J24166" s="2">
        <v>0</v>
      </c>
      <c r="K24166" s="2">
        <v>0</v>
      </c>
      <c r="L24166" t="s">
        <v>120</v>
      </c>
      <c r="M24166" t="s">
        <v>83</v>
      </c>
      <c r="N24166" t="s">
        <v>84</v>
      </c>
      <c r="O24166" t="s">
        <v>85</v>
      </c>
      <c r="P24166" t="s">
        <v>86</v>
      </c>
      <c r="Q24166">
        <v>115</v>
      </c>
      <c r="R24166">
        <v>117</v>
      </c>
      <c r="S24166">
        <v>120</v>
      </c>
      <c r="T24166">
        <v>122</v>
      </c>
      <c r="U24166">
        <v>125</v>
      </c>
      <c r="V24166">
        <v>128</v>
      </c>
      <c r="W24166">
        <v>130</v>
      </c>
      <c r="X24166">
        <v>133</v>
      </c>
      <c r="Y24166">
        <v>135</v>
      </c>
      <c r="Z24166">
        <v>138</v>
      </c>
      <c r="AA24166">
        <v>141</v>
      </c>
      <c r="AB24166">
        <v>143</v>
      </c>
      <c r="AC24166">
        <v>146</v>
      </c>
      <c r="AD24166">
        <v>149</v>
      </c>
      <c r="AE24166">
        <v>152</v>
      </c>
      <c r="AF24166">
        <v>155</v>
      </c>
      <c r="AG24166">
        <v>158</v>
      </c>
      <c r="AH24166">
        <v>161</v>
      </c>
      <c r="AI24166">
        <v>164</v>
      </c>
      <c r="AJ24166">
        <v>167</v>
      </c>
      <c r="AK24166">
        <v>170</v>
      </c>
      <c r="AL24166">
        <v>172</v>
      </c>
      <c r="AM24166">
        <v>173</v>
      </c>
      <c r="AN24166">
        <v>175</v>
      </c>
      <c r="AO24166">
        <v>176</v>
      </c>
      <c r="AP24166">
        <v>178</v>
      </c>
      <c r="AQ24166">
        <v>179</v>
      </c>
    </row>
    <row r="24167" spans="1:43">
      <c r="A24167" t="s">
        <v>14959</v>
      </c>
      <c r="B24167" t="s">
        <v>14960</v>
      </c>
      <c r="C24167" t="s">
        <v>14961</v>
      </c>
      <c r="D24167" t="s">
        <v>14962</v>
      </c>
      <c r="E24167" t="s">
        <v>14797</v>
      </c>
      <c r="F24167" t="s">
        <v>14798</v>
      </c>
      <c r="G24167" t="s">
        <v>10734</v>
      </c>
      <c r="H24167" t="s">
        <v>10735</v>
      </c>
      <c r="I24167" s="2">
        <v>1</v>
      </c>
      <c r="J24167" s="2">
        <v>0</v>
      </c>
      <c r="K24167" s="2">
        <v>0</v>
      </c>
      <c r="L24167" t="s">
        <v>120</v>
      </c>
      <c r="M24167" t="s">
        <v>87</v>
      </c>
      <c r="N24167" t="s">
        <v>88</v>
      </c>
      <c r="O24167" t="s">
        <v>85</v>
      </c>
      <c r="P24167" t="s">
        <v>86</v>
      </c>
      <c r="Q24167">
        <v>115</v>
      </c>
      <c r="R24167">
        <v>116</v>
      </c>
      <c r="S24167">
        <v>117</v>
      </c>
      <c r="T24167">
        <v>119</v>
      </c>
      <c r="U24167">
        <v>120</v>
      </c>
      <c r="V24167">
        <v>122</v>
      </c>
      <c r="W24167">
        <v>123</v>
      </c>
      <c r="X24167">
        <v>125</v>
      </c>
      <c r="Y24167">
        <v>126</v>
      </c>
      <c r="Z24167">
        <v>128</v>
      </c>
      <c r="AA24167">
        <v>129</v>
      </c>
      <c r="AB24167">
        <v>131</v>
      </c>
      <c r="AC24167">
        <v>133</v>
      </c>
      <c r="AD24167">
        <v>134</v>
      </c>
      <c r="AE24167">
        <v>136</v>
      </c>
      <c r="AF24167">
        <v>137</v>
      </c>
      <c r="AG24167">
        <v>139</v>
      </c>
      <c r="AH24167">
        <v>141</v>
      </c>
      <c r="AI24167">
        <v>142</v>
      </c>
      <c r="AJ24167">
        <v>144</v>
      </c>
      <c r="AK24167">
        <v>146</v>
      </c>
      <c r="AL24167">
        <v>148</v>
      </c>
      <c r="AM24167">
        <v>150</v>
      </c>
      <c r="AN24167">
        <v>151</v>
      </c>
      <c r="AO24167">
        <v>153</v>
      </c>
      <c r="AP24167">
        <v>155</v>
      </c>
      <c r="AQ24167">
        <v>157</v>
      </c>
    </row>
    <row r="24168" spans="1:43">
      <c r="A24168" t="s">
        <v>14959</v>
      </c>
      <c r="B24168" t="s">
        <v>14960</v>
      </c>
      <c r="C24168" t="s">
        <v>14961</v>
      </c>
      <c r="D24168" t="s">
        <v>14962</v>
      </c>
      <c r="E24168" t="s">
        <v>14797</v>
      </c>
      <c r="F24168" t="s">
        <v>14798</v>
      </c>
      <c r="G24168" t="s">
        <v>10734</v>
      </c>
      <c r="H24168" t="s">
        <v>10735</v>
      </c>
      <c r="I24168" s="2">
        <v>1</v>
      </c>
      <c r="J24168" s="2">
        <v>0</v>
      </c>
      <c r="K24168" s="2">
        <v>0</v>
      </c>
      <c r="L24168" t="s">
        <v>120</v>
      </c>
      <c r="M24168" t="s">
        <v>89</v>
      </c>
      <c r="N24168" t="s">
        <v>90</v>
      </c>
      <c r="O24168" t="s">
        <v>85</v>
      </c>
      <c r="P24168" t="s">
        <v>86</v>
      </c>
      <c r="Q24168">
        <v>115</v>
      </c>
      <c r="R24168">
        <v>118</v>
      </c>
      <c r="S24168">
        <v>122</v>
      </c>
      <c r="T24168">
        <v>125</v>
      </c>
      <c r="U24168">
        <v>129</v>
      </c>
      <c r="V24168">
        <v>132</v>
      </c>
      <c r="W24168">
        <v>136</v>
      </c>
      <c r="X24168">
        <v>139</v>
      </c>
      <c r="Y24168">
        <v>142</v>
      </c>
      <c r="Z24168">
        <v>145</v>
      </c>
      <c r="AA24168">
        <v>149</v>
      </c>
      <c r="AB24168">
        <v>152</v>
      </c>
      <c r="AC24168">
        <v>156</v>
      </c>
      <c r="AD24168">
        <v>159</v>
      </c>
      <c r="AE24168">
        <v>162</v>
      </c>
      <c r="AF24168">
        <v>163</v>
      </c>
      <c r="AG24168">
        <v>165</v>
      </c>
      <c r="AH24168">
        <v>166</v>
      </c>
      <c r="AI24168">
        <v>168</v>
      </c>
      <c r="AJ24168">
        <v>169</v>
      </c>
      <c r="AK24168">
        <v>171</v>
      </c>
      <c r="AL24168">
        <v>172</v>
      </c>
      <c r="AM24168">
        <v>174</v>
      </c>
      <c r="AN24168">
        <v>175</v>
      </c>
      <c r="AO24168">
        <v>177</v>
      </c>
      <c r="AP24168">
        <v>178</v>
      </c>
      <c r="AQ24168">
        <v>180</v>
      </c>
    </row>
    <row r="24169" spans="1:43">
      <c r="A24169" t="s">
        <v>14959</v>
      </c>
      <c r="B24169" t="s">
        <v>14960</v>
      </c>
      <c r="C24169" t="s">
        <v>14961</v>
      </c>
      <c r="D24169" t="s">
        <v>14962</v>
      </c>
      <c r="E24169" t="s">
        <v>14797</v>
      </c>
      <c r="F24169" t="s">
        <v>14798</v>
      </c>
      <c r="G24169" t="s">
        <v>10734</v>
      </c>
      <c r="H24169" t="s">
        <v>10735</v>
      </c>
      <c r="I24169" s="2">
        <v>1</v>
      </c>
      <c r="J24169" s="2">
        <v>0</v>
      </c>
      <c r="K24169" s="2">
        <v>0</v>
      </c>
      <c r="L24169" t="s">
        <v>120</v>
      </c>
      <c r="M24169" t="s">
        <v>83</v>
      </c>
      <c r="N24169" t="s">
        <v>91</v>
      </c>
      <c r="O24169" t="s">
        <v>85</v>
      </c>
      <c r="P24169" t="s">
        <v>86</v>
      </c>
      <c r="Q24169">
        <v>115</v>
      </c>
      <c r="R24169">
        <v>117</v>
      </c>
      <c r="S24169">
        <v>120</v>
      </c>
      <c r="T24169">
        <v>122</v>
      </c>
      <c r="U24169">
        <v>125</v>
      </c>
      <c r="V24169">
        <v>128</v>
      </c>
      <c r="W24169">
        <v>130</v>
      </c>
      <c r="X24169">
        <v>133</v>
      </c>
      <c r="Y24169">
        <v>135</v>
      </c>
      <c r="Z24169">
        <v>138</v>
      </c>
      <c r="AA24169">
        <v>141</v>
      </c>
      <c r="AB24169">
        <v>143</v>
      </c>
      <c r="AC24169">
        <v>146</v>
      </c>
      <c r="AD24169">
        <v>149</v>
      </c>
      <c r="AE24169">
        <v>152</v>
      </c>
      <c r="AF24169">
        <v>155</v>
      </c>
      <c r="AG24169">
        <v>158</v>
      </c>
      <c r="AH24169">
        <v>161</v>
      </c>
      <c r="AI24169">
        <v>164</v>
      </c>
      <c r="AJ24169">
        <v>167</v>
      </c>
      <c r="AK24169">
        <v>170</v>
      </c>
      <c r="AL24169">
        <v>172</v>
      </c>
      <c r="AM24169">
        <v>173</v>
      </c>
      <c r="AN24169">
        <v>175</v>
      </c>
      <c r="AO24169">
        <v>176</v>
      </c>
      <c r="AP24169">
        <v>178</v>
      </c>
      <c r="AQ24169">
        <v>179</v>
      </c>
    </row>
    <row r="24170" spans="1:43">
      <c r="A24170" t="s">
        <v>14963</v>
      </c>
      <c r="B24170" t="s">
        <v>14964</v>
      </c>
      <c r="C24170" t="s">
        <v>14961</v>
      </c>
      <c r="D24170" t="s">
        <v>14962</v>
      </c>
      <c r="E24170" t="s">
        <v>14797</v>
      </c>
      <c r="F24170" t="s">
        <v>14798</v>
      </c>
      <c r="G24170" t="s">
        <v>10734</v>
      </c>
      <c r="H24170" t="s">
        <v>10735</v>
      </c>
      <c r="I24170" s="2">
        <v>1</v>
      </c>
      <c r="J24170" s="2">
        <v>0</v>
      </c>
      <c r="K24170" s="2">
        <v>0</v>
      </c>
      <c r="L24170" t="s">
        <v>120</v>
      </c>
      <c r="M24170" t="s">
        <v>83</v>
      </c>
      <c r="N24170" t="s">
        <v>84</v>
      </c>
      <c r="O24170" t="s">
        <v>85</v>
      </c>
      <c r="P24170" t="s">
        <v>86</v>
      </c>
      <c r="Q24170">
        <v>170</v>
      </c>
      <c r="R24170">
        <v>174</v>
      </c>
      <c r="S24170">
        <v>178</v>
      </c>
      <c r="T24170">
        <v>182</v>
      </c>
      <c r="U24170">
        <v>186</v>
      </c>
      <c r="V24170">
        <v>189</v>
      </c>
      <c r="W24170">
        <v>193</v>
      </c>
      <c r="X24170">
        <v>197</v>
      </c>
      <c r="Y24170">
        <v>201</v>
      </c>
      <c r="Z24170">
        <v>205</v>
      </c>
      <c r="AA24170">
        <v>209</v>
      </c>
      <c r="AB24170">
        <v>213</v>
      </c>
      <c r="AC24170">
        <v>217</v>
      </c>
      <c r="AD24170">
        <v>221</v>
      </c>
      <c r="AE24170">
        <v>226</v>
      </c>
      <c r="AF24170">
        <v>230</v>
      </c>
      <c r="AG24170">
        <v>234</v>
      </c>
      <c r="AH24170">
        <v>238</v>
      </c>
      <c r="AI24170">
        <v>243</v>
      </c>
      <c r="AJ24170">
        <v>247</v>
      </c>
      <c r="AK24170">
        <v>252</v>
      </c>
      <c r="AL24170">
        <v>255</v>
      </c>
      <c r="AM24170">
        <v>257</v>
      </c>
      <c r="AN24170">
        <v>260</v>
      </c>
      <c r="AO24170">
        <v>262</v>
      </c>
      <c r="AP24170">
        <v>265</v>
      </c>
      <c r="AQ24170">
        <v>267</v>
      </c>
    </row>
    <row r="24171" spans="1:43">
      <c r="A24171" t="s">
        <v>14963</v>
      </c>
      <c r="B24171" t="s">
        <v>14964</v>
      </c>
      <c r="C24171" t="s">
        <v>14961</v>
      </c>
      <c r="D24171" t="s">
        <v>14962</v>
      </c>
      <c r="E24171" t="s">
        <v>14797</v>
      </c>
      <c r="F24171" t="s">
        <v>14798</v>
      </c>
      <c r="G24171" t="s">
        <v>10734</v>
      </c>
      <c r="H24171" t="s">
        <v>10735</v>
      </c>
      <c r="I24171" s="2">
        <v>1</v>
      </c>
      <c r="J24171" s="2">
        <v>0</v>
      </c>
      <c r="K24171" s="2">
        <v>0</v>
      </c>
      <c r="L24171" t="s">
        <v>120</v>
      </c>
      <c r="M24171" t="s">
        <v>87</v>
      </c>
      <c r="N24171" t="s">
        <v>88</v>
      </c>
      <c r="O24171" t="s">
        <v>85</v>
      </c>
      <c r="P24171" t="s">
        <v>86</v>
      </c>
      <c r="Q24171">
        <v>170</v>
      </c>
      <c r="R24171">
        <v>172</v>
      </c>
      <c r="S24171">
        <v>174</v>
      </c>
      <c r="T24171">
        <v>176</v>
      </c>
      <c r="U24171">
        <v>178</v>
      </c>
      <c r="V24171">
        <v>180</v>
      </c>
      <c r="W24171">
        <v>183</v>
      </c>
      <c r="X24171">
        <v>185</v>
      </c>
      <c r="Y24171">
        <v>187</v>
      </c>
      <c r="Z24171">
        <v>189</v>
      </c>
      <c r="AA24171">
        <v>192</v>
      </c>
      <c r="AB24171">
        <v>194</v>
      </c>
      <c r="AC24171">
        <v>196</v>
      </c>
      <c r="AD24171">
        <v>199</v>
      </c>
      <c r="AE24171">
        <v>201</v>
      </c>
      <c r="AF24171">
        <v>204</v>
      </c>
      <c r="AG24171">
        <v>206</v>
      </c>
      <c r="AH24171">
        <v>209</v>
      </c>
      <c r="AI24171">
        <v>211</v>
      </c>
      <c r="AJ24171">
        <v>214</v>
      </c>
      <c r="AK24171">
        <v>216</v>
      </c>
      <c r="AL24171">
        <v>219</v>
      </c>
      <c r="AM24171">
        <v>222</v>
      </c>
      <c r="AN24171">
        <v>224</v>
      </c>
      <c r="AO24171">
        <v>227</v>
      </c>
      <c r="AP24171">
        <v>230</v>
      </c>
      <c r="AQ24171">
        <v>233</v>
      </c>
    </row>
    <row r="24172" spans="1:43">
      <c r="A24172" t="s">
        <v>14963</v>
      </c>
      <c r="B24172" t="s">
        <v>14964</v>
      </c>
      <c r="C24172" t="s">
        <v>14961</v>
      </c>
      <c r="D24172" t="s">
        <v>14962</v>
      </c>
      <c r="E24172" t="s">
        <v>14797</v>
      </c>
      <c r="F24172" t="s">
        <v>14798</v>
      </c>
      <c r="G24172" t="s">
        <v>10734</v>
      </c>
      <c r="H24172" t="s">
        <v>10735</v>
      </c>
      <c r="I24172" s="2">
        <v>1</v>
      </c>
      <c r="J24172" s="2">
        <v>0</v>
      </c>
      <c r="K24172" s="2">
        <v>0</v>
      </c>
      <c r="L24172" t="s">
        <v>120</v>
      </c>
      <c r="M24172" t="s">
        <v>89</v>
      </c>
      <c r="N24172" t="s">
        <v>90</v>
      </c>
      <c r="O24172" t="s">
        <v>85</v>
      </c>
      <c r="P24172" t="s">
        <v>86</v>
      </c>
      <c r="Q24172">
        <v>170</v>
      </c>
      <c r="R24172">
        <v>175</v>
      </c>
      <c r="S24172">
        <v>180</v>
      </c>
      <c r="T24172">
        <v>186</v>
      </c>
      <c r="U24172">
        <v>191</v>
      </c>
      <c r="V24172">
        <v>196</v>
      </c>
      <c r="W24172">
        <v>201</v>
      </c>
      <c r="X24172">
        <v>206</v>
      </c>
      <c r="Y24172">
        <v>211</v>
      </c>
      <c r="Z24172">
        <v>216</v>
      </c>
      <c r="AA24172">
        <v>220</v>
      </c>
      <c r="AB24172">
        <v>225</v>
      </c>
      <c r="AC24172">
        <v>231</v>
      </c>
      <c r="AD24172">
        <v>236</v>
      </c>
      <c r="AE24172">
        <v>240</v>
      </c>
      <c r="AF24172">
        <v>242</v>
      </c>
      <c r="AG24172">
        <v>244</v>
      </c>
      <c r="AH24172">
        <v>247</v>
      </c>
      <c r="AI24172">
        <v>249</v>
      </c>
      <c r="AJ24172">
        <v>251</v>
      </c>
      <c r="AK24172">
        <v>254</v>
      </c>
      <c r="AL24172">
        <v>256</v>
      </c>
      <c r="AM24172">
        <v>258</v>
      </c>
      <c r="AN24172">
        <v>261</v>
      </c>
      <c r="AO24172">
        <v>263</v>
      </c>
      <c r="AP24172">
        <v>265</v>
      </c>
      <c r="AQ24172">
        <v>268</v>
      </c>
    </row>
    <row r="24173" spans="1:43">
      <c r="A24173" t="s">
        <v>14963</v>
      </c>
      <c r="B24173" t="s">
        <v>14964</v>
      </c>
      <c r="C24173" t="s">
        <v>14961</v>
      </c>
      <c r="D24173" t="s">
        <v>14962</v>
      </c>
      <c r="E24173" t="s">
        <v>14797</v>
      </c>
      <c r="F24173" t="s">
        <v>14798</v>
      </c>
      <c r="G24173" t="s">
        <v>10734</v>
      </c>
      <c r="H24173" t="s">
        <v>10735</v>
      </c>
      <c r="I24173" s="2">
        <v>1</v>
      </c>
      <c r="J24173" s="2">
        <v>0</v>
      </c>
      <c r="K24173" s="2">
        <v>0</v>
      </c>
      <c r="L24173" t="s">
        <v>120</v>
      </c>
      <c r="M24173" t="s">
        <v>83</v>
      </c>
      <c r="N24173" t="s">
        <v>91</v>
      </c>
      <c r="O24173" t="s">
        <v>85</v>
      </c>
      <c r="P24173" t="s">
        <v>86</v>
      </c>
      <c r="Q24173">
        <v>170</v>
      </c>
      <c r="R24173">
        <v>174</v>
      </c>
      <c r="S24173">
        <v>178</v>
      </c>
      <c r="T24173">
        <v>182</v>
      </c>
      <c r="U24173">
        <v>186</v>
      </c>
      <c r="V24173">
        <v>189</v>
      </c>
      <c r="W24173">
        <v>193</v>
      </c>
      <c r="X24173">
        <v>197</v>
      </c>
      <c r="Y24173">
        <v>201</v>
      </c>
      <c r="Z24173">
        <v>205</v>
      </c>
      <c r="AA24173">
        <v>209</v>
      </c>
      <c r="AB24173">
        <v>213</v>
      </c>
      <c r="AC24173">
        <v>217</v>
      </c>
      <c r="AD24173">
        <v>221</v>
      </c>
      <c r="AE24173">
        <v>226</v>
      </c>
      <c r="AF24173">
        <v>230</v>
      </c>
      <c r="AG24173">
        <v>234</v>
      </c>
      <c r="AH24173">
        <v>238</v>
      </c>
      <c r="AI24173">
        <v>243</v>
      </c>
      <c r="AJ24173">
        <v>247</v>
      </c>
      <c r="AK24173">
        <v>252</v>
      </c>
      <c r="AL24173">
        <v>255</v>
      </c>
      <c r="AM24173">
        <v>257</v>
      </c>
      <c r="AN24173">
        <v>260</v>
      </c>
      <c r="AO24173">
        <v>262</v>
      </c>
      <c r="AP24173">
        <v>265</v>
      </c>
      <c r="AQ24173">
        <v>267</v>
      </c>
    </row>
    <row r="24174" spans="1:43">
      <c r="A24174" t="s">
        <v>14965</v>
      </c>
      <c r="B24174" t="s">
        <v>14966</v>
      </c>
      <c r="C24174" t="s">
        <v>14839</v>
      </c>
      <c r="D24174" t="s">
        <v>14840</v>
      </c>
      <c r="E24174" t="s">
        <v>14797</v>
      </c>
      <c r="F24174" t="s">
        <v>14798</v>
      </c>
      <c r="G24174" t="s">
        <v>10734</v>
      </c>
      <c r="H24174" t="s">
        <v>10735</v>
      </c>
      <c r="I24174" s="2">
        <v>1</v>
      </c>
      <c r="J24174" s="2">
        <v>0</v>
      </c>
      <c r="K24174" s="2">
        <v>0</v>
      </c>
      <c r="L24174" t="s">
        <v>120</v>
      </c>
      <c r="M24174" t="s">
        <v>83</v>
      </c>
      <c r="N24174" t="s">
        <v>84</v>
      </c>
      <c r="O24174" t="s">
        <v>85</v>
      </c>
      <c r="P24174" t="s">
        <v>86</v>
      </c>
      <c r="Q24174">
        <v>17</v>
      </c>
      <c r="R24174">
        <v>18</v>
      </c>
      <c r="S24174">
        <v>18</v>
      </c>
      <c r="T24174">
        <v>18</v>
      </c>
      <c r="U24174">
        <v>19</v>
      </c>
      <c r="V24174">
        <v>19</v>
      </c>
      <c r="W24174">
        <v>20</v>
      </c>
      <c r="X24174">
        <v>20</v>
      </c>
      <c r="Y24174">
        <v>20</v>
      </c>
      <c r="Z24174">
        <v>21</v>
      </c>
      <c r="AA24174">
        <v>21</v>
      </c>
      <c r="AB24174">
        <v>22</v>
      </c>
      <c r="AC24174">
        <v>22</v>
      </c>
      <c r="AD24174">
        <v>22</v>
      </c>
      <c r="AE24174">
        <v>23</v>
      </c>
      <c r="AF24174">
        <v>23</v>
      </c>
      <c r="AG24174">
        <v>24</v>
      </c>
      <c r="AH24174">
        <v>24</v>
      </c>
      <c r="AI24174">
        <v>25</v>
      </c>
      <c r="AJ24174">
        <v>25</v>
      </c>
      <c r="AK24174">
        <v>25</v>
      </c>
      <c r="AL24174">
        <v>26</v>
      </c>
      <c r="AM24174">
        <v>26</v>
      </c>
      <c r="AN24174">
        <v>26</v>
      </c>
      <c r="AO24174">
        <v>27</v>
      </c>
      <c r="AP24174">
        <v>27</v>
      </c>
      <c r="AQ24174">
        <v>27</v>
      </c>
    </row>
    <row r="24175" spans="1:43">
      <c r="A24175" t="s">
        <v>14965</v>
      </c>
      <c r="B24175" t="s">
        <v>14966</v>
      </c>
      <c r="C24175" t="s">
        <v>14839</v>
      </c>
      <c r="D24175" t="s">
        <v>14840</v>
      </c>
      <c r="E24175" t="s">
        <v>14797</v>
      </c>
      <c r="F24175" t="s">
        <v>14798</v>
      </c>
      <c r="G24175" t="s">
        <v>10734</v>
      </c>
      <c r="H24175" t="s">
        <v>10735</v>
      </c>
      <c r="I24175" s="2">
        <v>1</v>
      </c>
      <c r="J24175" s="2">
        <v>0</v>
      </c>
      <c r="K24175" s="2">
        <v>0</v>
      </c>
      <c r="L24175" t="s">
        <v>120</v>
      </c>
      <c r="M24175" t="s">
        <v>87</v>
      </c>
      <c r="N24175" t="s">
        <v>88</v>
      </c>
      <c r="O24175" t="s">
        <v>85</v>
      </c>
      <c r="P24175" t="s">
        <v>86</v>
      </c>
      <c r="Q24175">
        <v>17</v>
      </c>
      <c r="R24175">
        <v>17</v>
      </c>
      <c r="S24175">
        <v>17</v>
      </c>
      <c r="T24175">
        <v>18</v>
      </c>
      <c r="U24175">
        <v>18</v>
      </c>
      <c r="V24175">
        <v>18</v>
      </c>
      <c r="W24175">
        <v>18</v>
      </c>
      <c r="X24175">
        <v>19</v>
      </c>
      <c r="Y24175">
        <v>19</v>
      </c>
      <c r="Z24175">
        <v>19</v>
      </c>
      <c r="AA24175">
        <v>19</v>
      </c>
      <c r="AB24175">
        <v>20</v>
      </c>
      <c r="AC24175">
        <v>20</v>
      </c>
      <c r="AD24175">
        <v>20</v>
      </c>
      <c r="AE24175">
        <v>20</v>
      </c>
      <c r="AF24175">
        <v>21</v>
      </c>
      <c r="AG24175">
        <v>21</v>
      </c>
      <c r="AH24175">
        <v>21</v>
      </c>
      <c r="AI24175">
        <v>21</v>
      </c>
      <c r="AJ24175">
        <v>22</v>
      </c>
      <c r="AK24175">
        <v>22</v>
      </c>
      <c r="AL24175">
        <v>22</v>
      </c>
      <c r="AM24175">
        <v>22</v>
      </c>
      <c r="AN24175">
        <v>23</v>
      </c>
      <c r="AO24175">
        <v>23</v>
      </c>
      <c r="AP24175">
        <v>23</v>
      </c>
      <c r="AQ24175">
        <v>23</v>
      </c>
    </row>
    <row r="24176" spans="1:43">
      <c r="A24176" t="s">
        <v>14965</v>
      </c>
      <c r="B24176" t="s">
        <v>14966</v>
      </c>
      <c r="C24176" t="s">
        <v>14839</v>
      </c>
      <c r="D24176" t="s">
        <v>14840</v>
      </c>
      <c r="E24176" t="s">
        <v>14797</v>
      </c>
      <c r="F24176" t="s">
        <v>14798</v>
      </c>
      <c r="G24176" t="s">
        <v>10734</v>
      </c>
      <c r="H24176" t="s">
        <v>10735</v>
      </c>
      <c r="I24176" s="2">
        <v>1</v>
      </c>
      <c r="J24176" s="2">
        <v>0</v>
      </c>
      <c r="K24176" s="2">
        <v>0</v>
      </c>
      <c r="L24176" t="s">
        <v>120</v>
      </c>
      <c r="M24176" t="s">
        <v>89</v>
      </c>
      <c r="N24176" t="s">
        <v>90</v>
      </c>
      <c r="O24176" t="s">
        <v>85</v>
      </c>
      <c r="P24176" t="s">
        <v>86</v>
      </c>
      <c r="Q24176">
        <v>17</v>
      </c>
      <c r="R24176">
        <v>18</v>
      </c>
      <c r="S24176">
        <v>18</v>
      </c>
      <c r="T24176">
        <v>19</v>
      </c>
      <c r="U24176">
        <v>20</v>
      </c>
      <c r="V24176">
        <v>20</v>
      </c>
      <c r="W24176">
        <v>21</v>
      </c>
      <c r="X24176">
        <v>21</v>
      </c>
      <c r="Y24176">
        <v>22</v>
      </c>
      <c r="Z24176">
        <v>22</v>
      </c>
      <c r="AA24176">
        <v>22</v>
      </c>
      <c r="AB24176">
        <v>23</v>
      </c>
      <c r="AC24176">
        <v>24</v>
      </c>
      <c r="AD24176">
        <v>24</v>
      </c>
      <c r="AE24176">
        <v>24</v>
      </c>
      <c r="AF24176">
        <v>25</v>
      </c>
      <c r="AG24176">
        <v>25</v>
      </c>
      <c r="AH24176">
        <v>25</v>
      </c>
      <c r="AI24176">
        <v>25</v>
      </c>
      <c r="AJ24176">
        <v>26</v>
      </c>
      <c r="AK24176">
        <v>26</v>
      </c>
      <c r="AL24176">
        <v>26</v>
      </c>
      <c r="AM24176">
        <v>26</v>
      </c>
      <c r="AN24176">
        <v>27</v>
      </c>
      <c r="AO24176">
        <v>27</v>
      </c>
      <c r="AP24176">
        <v>27</v>
      </c>
      <c r="AQ24176">
        <v>27</v>
      </c>
    </row>
    <row r="24177" spans="1:43">
      <c r="A24177" t="s">
        <v>14965</v>
      </c>
      <c r="B24177" t="s">
        <v>14966</v>
      </c>
      <c r="C24177" t="s">
        <v>14839</v>
      </c>
      <c r="D24177" t="s">
        <v>14840</v>
      </c>
      <c r="E24177" t="s">
        <v>14797</v>
      </c>
      <c r="F24177" t="s">
        <v>14798</v>
      </c>
      <c r="G24177" t="s">
        <v>10734</v>
      </c>
      <c r="H24177" t="s">
        <v>10735</v>
      </c>
      <c r="I24177" s="2">
        <v>1</v>
      </c>
      <c r="J24177" s="2">
        <v>0</v>
      </c>
      <c r="K24177" s="2">
        <v>0</v>
      </c>
      <c r="L24177" t="s">
        <v>120</v>
      </c>
      <c r="M24177" t="s">
        <v>83</v>
      </c>
      <c r="N24177" t="s">
        <v>91</v>
      </c>
      <c r="O24177" t="s">
        <v>85</v>
      </c>
      <c r="P24177" t="s">
        <v>86</v>
      </c>
      <c r="Q24177">
        <v>17</v>
      </c>
      <c r="R24177">
        <v>18</v>
      </c>
      <c r="S24177">
        <v>18</v>
      </c>
      <c r="T24177">
        <v>18</v>
      </c>
      <c r="U24177">
        <v>19</v>
      </c>
      <c r="V24177">
        <v>19</v>
      </c>
      <c r="W24177">
        <v>20</v>
      </c>
      <c r="X24177">
        <v>20</v>
      </c>
      <c r="Y24177">
        <v>20</v>
      </c>
      <c r="Z24177">
        <v>21</v>
      </c>
      <c r="AA24177">
        <v>21</v>
      </c>
      <c r="AB24177">
        <v>22</v>
      </c>
      <c r="AC24177">
        <v>22</v>
      </c>
      <c r="AD24177">
        <v>22</v>
      </c>
      <c r="AE24177">
        <v>23</v>
      </c>
      <c r="AF24177">
        <v>23</v>
      </c>
      <c r="AG24177">
        <v>24</v>
      </c>
      <c r="AH24177">
        <v>24</v>
      </c>
      <c r="AI24177">
        <v>25</v>
      </c>
      <c r="AJ24177">
        <v>25</v>
      </c>
      <c r="AK24177">
        <v>25</v>
      </c>
      <c r="AL24177">
        <v>26</v>
      </c>
      <c r="AM24177">
        <v>26</v>
      </c>
      <c r="AN24177">
        <v>26</v>
      </c>
      <c r="AO24177">
        <v>27</v>
      </c>
      <c r="AP24177">
        <v>27</v>
      </c>
      <c r="AQ24177">
        <v>27</v>
      </c>
    </row>
    <row r="24178" spans="1:43">
      <c r="A24178" t="s">
        <v>14967</v>
      </c>
      <c r="B24178" t="s">
        <v>14968</v>
      </c>
      <c r="C24178" t="s">
        <v>14839</v>
      </c>
      <c r="D24178" t="s">
        <v>14840</v>
      </c>
      <c r="E24178" t="s">
        <v>14797</v>
      </c>
      <c r="F24178" t="s">
        <v>14798</v>
      </c>
      <c r="G24178" t="s">
        <v>10734</v>
      </c>
      <c r="H24178" t="s">
        <v>10735</v>
      </c>
      <c r="I24178" s="2">
        <v>1</v>
      </c>
      <c r="J24178" s="2">
        <v>0</v>
      </c>
      <c r="K24178" s="2">
        <v>0</v>
      </c>
      <c r="L24178" t="s">
        <v>120</v>
      </c>
      <c r="M24178" t="s">
        <v>83</v>
      </c>
      <c r="N24178" t="s">
        <v>84</v>
      </c>
      <c r="O24178" t="s">
        <v>85</v>
      </c>
      <c r="P24178" t="s">
        <v>86</v>
      </c>
      <c r="Q24178">
        <v>7</v>
      </c>
      <c r="R24178">
        <v>7</v>
      </c>
      <c r="S24178">
        <v>7</v>
      </c>
      <c r="T24178">
        <v>7</v>
      </c>
      <c r="U24178">
        <v>7</v>
      </c>
      <c r="V24178">
        <v>8</v>
      </c>
      <c r="W24178">
        <v>8</v>
      </c>
      <c r="X24178">
        <v>8</v>
      </c>
      <c r="Y24178">
        <v>8</v>
      </c>
      <c r="Z24178">
        <v>8</v>
      </c>
      <c r="AA24178">
        <v>8</v>
      </c>
      <c r="AB24178">
        <v>9</v>
      </c>
      <c r="AC24178">
        <v>9</v>
      </c>
      <c r="AD24178">
        <v>9</v>
      </c>
      <c r="AE24178">
        <v>9</v>
      </c>
      <c r="AF24178">
        <v>9</v>
      </c>
      <c r="AG24178">
        <v>9</v>
      </c>
      <c r="AH24178">
        <v>10</v>
      </c>
      <c r="AI24178">
        <v>10</v>
      </c>
      <c r="AJ24178">
        <v>10</v>
      </c>
      <c r="AK24178">
        <v>10</v>
      </c>
      <c r="AL24178">
        <v>10</v>
      </c>
      <c r="AM24178">
        <v>10</v>
      </c>
      <c r="AN24178">
        <v>10</v>
      </c>
      <c r="AO24178">
        <v>11</v>
      </c>
      <c r="AP24178">
        <v>11</v>
      </c>
      <c r="AQ24178">
        <v>11</v>
      </c>
    </row>
    <row r="24179" spans="1:43">
      <c r="A24179" t="s">
        <v>14967</v>
      </c>
      <c r="B24179" t="s">
        <v>14968</v>
      </c>
      <c r="C24179" t="s">
        <v>14839</v>
      </c>
      <c r="D24179" t="s">
        <v>14840</v>
      </c>
      <c r="E24179" t="s">
        <v>14797</v>
      </c>
      <c r="F24179" t="s">
        <v>14798</v>
      </c>
      <c r="G24179" t="s">
        <v>10734</v>
      </c>
      <c r="H24179" t="s">
        <v>10735</v>
      </c>
      <c r="I24179" s="2">
        <v>1</v>
      </c>
      <c r="J24179" s="2">
        <v>0</v>
      </c>
      <c r="K24179" s="2">
        <v>0</v>
      </c>
      <c r="L24179" t="s">
        <v>120</v>
      </c>
      <c r="M24179" t="s">
        <v>87</v>
      </c>
      <c r="N24179" t="s">
        <v>88</v>
      </c>
      <c r="O24179" t="s">
        <v>85</v>
      </c>
      <c r="P24179" t="s">
        <v>86</v>
      </c>
      <c r="Q24179">
        <v>7</v>
      </c>
      <c r="R24179">
        <v>7</v>
      </c>
      <c r="S24179">
        <v>7</v>
      </c>
      <c r="T24179">
        <v>7</v>
      </c>
      <c r="U24179">
        <v>7</v>
      </c>
      <c r="V24179">
        <v>7</v>
      </c>
      <c r="W24179">
        <v>7</v>
      </c>
      <c r="X24179">
        <v>7</v>
      </c>
      <c r="Y24179">
        <v>8</v>
      </c>
      <c r="Z24179">
        <v>8</v>
      </c>
      <c r="AA24179">
        <v>8</v>
      </c>
      <c r="AB24179">
        <v>8</v>
      </c>
      <c r="AC24179">
        <v>8</v>
      </c>
      <c r="AD24179">
        <v>8</v>
      </c>
      <c r="AE24179">
        <v>8</v>
      </c>
      <c r="AF24179">
        <v>8</v>
      </c>
      <c r="AG24179">
        <v>8</v>
      </c>
      <c r="AH24179">
        <v>8</v>
      </c>
      <c r="AI24179">
        <v>8</v>
      </c>
      <c r="AJ24179">
        <v>9</v>
      </c>
      <c r="AK24179">
        <v>9</v>
      </c>
      <c r="AL24179">
        <v>9</v>
      </c>
      <c r="AM24179">
        <v>9</v>
      </c>
      <c r="AN24179">
        <v>9</v>
      </c>
      <c r="AO24179">
        <v>9</v>
      </c>
      <c r="AP24179">
        <v>9</v>
      </c>
      <c r="AQ24179">
        <v>9</v>
      </c>
    </row>
    <row r="24180" spans="1:43">
      <c r="A24180" t="s">
        <v>14967</v>
      </c>
      <c r="B24180" t="s">
        <v>14968</v>
      </c>
      <c r="C24180" t="s">
        <v>14839</v>
      </c>
      <c r="D24180" t="s">
        <v>14840</v>
      </c>
      <c r="E24180" t="s">
        <v>14797</v>
      </c>
      <c r="F24180" t="s">
        <v>14798</v>
      </c>
      <c r="G24180" t="s">
        <v>10734</v>
      </c>
      <c r="H24180" t="s">
        <v>10735</v>
      </c>
      <c r="I24180" s="2">
        <v>1</v>
      </c>
      <c r="J24180" s="2">
        <v>0</v>
      </c>
      <c r="K24180" s="2">
        <v>0</v>
      </c>
      <c r="L24180" t="s">
        <v>120</v>
      </c>
      <c r="M24180" t="s">
        <v>89</v>
      </c>
      <c r="N24180" t="s">
        <v>90</v>
      </c>
      <c r="O24180" t="s">
        <v>85</v>
      </c>
      <c r="P24180" t="s">
        <v>86</v>
      </c>
      <c r="Q24180">
        <v>7</v>
      </c>
      <c r="R24180">
        <v>7</v>
      </c>
      <c r="S24180">
        <v>7</v>
      </c>
      <c r="T24180">
        <v>8</v>
      </c>
      <c r="U24180">
        <v>8</v>
      </c>
      <c r="V24180">
        <v>8</v>
      </c>
      <c r="W24180">
        <v>8</v>
      </c>
      <c r="X24180">
        <v>8</v>
      </c>
      <c r="Y24180">
        <v>9</v>
      </c>
      <c r="Z24180">
        <v>9</v>
      </c>
      <c r="AA24180">
        <v>9</v>
      </c>
      <c r="AB24180">
        <v>9</v>
      </c>
      <c r="AC24180">
        <v>9</v>
      </c>
      <c r="AD24180">
        <v>10</v>
      </c>
      <c r="AE24180">
        <v>10</v>
      </c>
      <c r="AF24180">
        <v>10</v>
      </c>
      <c r="AG24180">
        <v>10</v>
      </c>
      <c r="AH24180">
        <v>10</v>
      </c>
      <c r="AI24180">
        <v>10</v>
      </c>
      <c r="AJ24180">
        <v>10</v>
      </c>
      <c r="AK24180">
        <v>10</v>
      </c>
      <c r="AL24180">
        <v>10</v>
      </c>
      <c r="AM24180">
        <v>10</v>
      </c>
      <c r="AN24180">
        <v>11</v>
      </c>
      <c r="AO24180">
        <v>11</v>
      </c>
      <c r="AP24180">
        <v>11</v>
      </c>
      <c r="AQ24180">
        <v>11</v>
      </c>
    </row>
    <row r="24181" spans="1:43">
      <c r="A24181" t="s">
        <v>14967</v>
      </c>
      <c r="B24181" t="s">
        <v>14968</v>
      </c>
      <c r="C24181" t="s">
        <v>14839</v>
      </c>
      <c r="D24181" t="s">
        <v>14840</v>
      </c>
      <c r="E24181" t="s">
        <v>14797</v>
      </c>
      <c r="F24181" t="s">
        <v>14798</v>
      </c>
      <c r="G24181" t="s">
        <v>10734</v>
      </c>
      <c r="H24181" t="s">
        <v>10735</v>
      </c>
      <c r="I24181" s="2">
        <v>1</v>
      </c>
      <c r="J24181" s="2">
        <v>0</v>
      </c>
      <c r="K24181" s="2">
        <v>0</v>
      </c>
      <c r="L24181" t="s">
        <v>120</v>
      </c>
      <c r="M24181" t="s">
        <v>83</v>
      </c>
      <c r="N24181" t="s">
        <v>91</v>
      </c>
      <c r="O24181" t="s">
        <v>85</v>
      </c>
      <c r="P24181" t="s">
        <v>86</v>
      </c>
      <c r="Q24181">
        <v>7</v>
      </c>
      <c r="R24181">
        <v>7</v>
      </c>
      <c r="S24181">
        <v>7</v>
      </c>
      <c r="T24181">
        <v>7</v>
      </c>
      <c r="U24181">
        <v>7</v>
      </c>
      <c r="V24181">
        <v>8</v>
      </c>
      <c r="W24181">
        <v>8</v>
      </c>
      <c r="X24181">
        <v>8</v>
      </c>
      <c r="Y24181">
        <v>8</v>
      </c>
      <c r="Z24181">
        <v>8</v>
      </c>
      <c r="AA24181">
        <v>8</v>
      </c>
      <c r="AB24181">
        <v>9</v>
      </c>
      <c r="AC24181">
        <v>9</v>
      </c>
      <c r="AD24181">
        <v>9</v>
      </c>
      <c r="AE24181">
        <v>9</v>
      </c>
      <c r="AF24181">
        <v>9</v>
      </c>
      <c r="AG24181">
        <v>9</v>
      </c>
      <c r="AH24181">
        <v>10</v>
      </c>
      <c r="AI24181">
        <v>10</v>
      </c>
      <c r="AJ24181">
        <v>10</v>
      </c>
      <c r="AK24181">
        <v>10</v>
      </c>
      <c r="AL24181">
        <v>10</v>
      </c>
      <c r="AM24181">
        <v>10</v>
      </c>
      <c r="AN24181">
        <v>10</v>
      </c>
      <c r="AO24181">
        <v>11</v>
      </c>
      <c r="AP24181">
        <v>11</v>
      </c>
      <c r="AQ24181">
        <v>11</v>
      </c>
    </row>
    <row r="24182" spans="1:43">
      <c r="A24182" t="s">
        <v>14969</v>
      </c>
      <c r="B24182" t="s">
        <v>14970</v>
      </c>
      <c r="C24182" t="s">
        <v>14839</v>
      </c>
      <c r="D24182" t="s">
        <v>14840</v>
      </c>
      <c r="E24182" t="s">
        <v>14797</v>
      </c>
      <c r="F24182" t="s">
        <v>14798</v>
      </c>
      <c r="G24182" t="s">
        <v>10734</v>
      </c>
      <c r="H24182" t="s">
        <v>10735</v>
      </c>
      <c r="I24182" s="2">
        <v>1</v>
      </c>
      <c r="J24182" s="2">
        <v>0</v>
      </c>
      <c r="K24182" s="2">
        <v>0</v>
      </c>
      <c r="L24182" t="s">
        <v>120</v>
      </c>
      <c r="M24182" t="s">
        <v>83</v>
      </c>
      <c r="N24182" t="s">
        <v>84</v>
      </c>
      <c r="O24182" t="s">
        <v>85</v>
      </c>
      <c r="P24182" t="s">
        <v>86</v>
      </c>
      <c r="Q24182">
        <v>16</v>
      </c>
      <c r="R24182">
        <v>17</v>
      </c>
      <c r="S24182">
        <v>17</v>
      </c>
      <c r="T24182">
        <v>18</v>
      </c>
      <c r="U24182">
        <v>18</v>
      </c>
      <c r="V24182">
        <v>18</v>
      </c>
      <c r="W24182">
        <v>19</v>
      </c>
      <c r="X24182">
        <v>19</v>
      </c>
      <c r="Y24182">
        <v>19</v>
      </c>
      <c r="Z24182">
        <v>20</v>
      </c>
      <c r="AA24182">
        <v>20</v>
      </c>
      <c r="AB24182">
        <v>21</v>
      </c>
      <c r="AC24182">
        <v>21</v>
      </c>
      <c r="AD24182">
        <v>21</v>
      </c>
      <c r="AE24182">
        <v>22</v>
      </c>
      <c r="AF24182">
        <v>22</v>
      </c>
      <c r="AG24182">
        <v>23</v>
      </c>
      <c r="AH24182">
        <v>23</v>
      </c>
      <c r="AI24182">
        <v>23</v>
      </c>
      <c r="AJ24182">
        <v>24</v>
      </c>
      <c r="AK24182">
        <v>24</v>
      </c>
      <c r="AL24182">
        <v>25</v>
      </c>
      <c r="AM24182">
        <v>25</v>
      </c>
      <c r="AN24182">
        <v>25</v>
      </c>
      <c r="AO24182">
        <v>25</v>
      </c>
      <c r="AP24182">
        <v>26</v>
      </c>
      <c r="AQ24182">
        <v>26</v>
      </c>
    </row>
    <row r="24183" spans="1:43">
      <c r="A24183" t="s">
        <v>14969</v>
      </c>
      <c r="B24183" t="s">
        <v>14970</v>
      </c>
      <c r="C24183" t="s">
        <v>14839</v>
      </c>
      <c r="D24183" t="s">
        <v>14840</v>
      </c>
      <c r="E24183" t="s">
        <v>14797</v>
      </c>
      <c r="F24183" t="s">
        <v>14798</v>
      </c>
      <c r="G24183" t="s">
        <v>10734</v>
      </c>
      <c r="H24183" t="s">
        <v>10735</v>
      </c>
      <c r="I24183" s="2">
        <v>1</v>
      </c>
      <c r="J24183" s="2">
        <v>0</v>
      </c>
      <c r="K24183" s="2">
        <v>0</v>
      </c>
      <c r="L24183" t="s">
        <v>120</v>
      </c>
      <c r="M24183" t="s">
        <v>87</v>
      </c>
      <c r="N24183" t="s">
        <v>88</v>
      </c>
      <c r="O24183" t="s">
        <v>85</v>
      </c>
      <c r="P24183" t="s">
        <v>86</v>
      </c>
      <c r="Q24183">
        <v>16</v>
      </c>
      <c r="R24183">
        <v>16</v>
      </c>
      <c r="S24183">
        <v>17</v>
      </c>
      <c r="T24183">
        <v>17</v>
      </c>
      <c r="U24183">
        <v>17</v>
      </c>
      <c r="V24183">
        <v>17</v>
      </c>
      <c r="W24183">
        <v>18</v>
      </c>
      <c r="X24183">
        <v>18</v>
      </c>
      <c r="Y24183">
        <v>18</v>
      </c>
      <c r="Z24183">
        <v>18</v>
      </c>
      <c r="AA24183">
        <v>18</v>
      </c>
      <c r="AB24183">
        <v>19</v>
      </c>
      <c r="AC24183">
        <v>19</v>
      </c>
      <c r="AD24183">
        <v>19</v>
      </c>
      <c r="AE24183">
        <v>19</v>
      </c>
      <c r="AF24183">
        <v>20</v>
      </c>
      <c r="AG24183">
        <v>20</v>
      </c>
      <c r="AH24183">
        <v>20</v>
      </c>
      <c r="AI24183">
        <v>20</v>
      </c>
      <c r="AJ24183">
        <v>21</v>
      </c>
      <c r="AK24183">
        <v>21</v>
      </c>
      <c r="AL24183">
        <v>21</v>
      </c>
      <c r="AM24183">
        <v>21</v>
      </c>
      <c r="AN24183">
        <v>22</v>
      </c>
      <c r="AO24183">
        <v>22</v>
      </c>
      <c r="AP24183">
        <v>22</v>
      </c>
      <c r="AQ24183">
        <v>22</v>
      </c>
    </row>
    <row r="24184" spans="1:43">
      <c r="A24184" t="s">
        <v>14969</v>
      </c>
      <c r="B24184" t="s">
        <v>14970</v>
      </c>
      <c r="C24184" t="s">
        <v>14839</v>
      </c>
      <c r="D24184" t="s">
        <v>14840</v>
      </c>
      <c r="E24184" t="s">
        <v>14797</v>
      </c>
      <c r="F24184" t="s">
        <v>14798</v>
      </c>
      <c r="G24184" t="s">
        <v>10734</v>
      </c>
      <c r="H24184" t="s">
        <v>10735</v>
      </c>
      <c r="I24184" s="2">
        <v>1</v>
      </c>
      <c r="J24184" s="2">
        <v>0</v>
      </c>
      <c r="K24184" s="2">
        <v>0</v>
      </c>
      <c r="L24184" t="s">
        <v>120</v>
      </c>
      <c r="M24184" t="s">
        <v>89</v>
      </c>
      <c r="N24184" t="s">
        <v>90</v>
      </c>
      <c r="O24184" t="s">
        <v>85</v>
      </c>
      <c r="P24184" t="s">
        <v>86</v>
      </c>
      <c r="Q24184">
        <v>16</v>
      </c>
      <c r="R24184">
        <v>16</v>
      </c>
      <c r="S24184">
        <v>17</v>
      </c>
      <c r="T24184">
        <v>17</v>
      </c>
      <c r="U24184">
        <v>18</v>
      </c>
      <c r="V24184">
        <v>18</v>
      </c>
      <c r="W24184">
        <v>19</v>
      </c>
      <c r="X24184">
        <v>19</v>
      </c>
      <c r="Y24184">
        <v>20</v>
      </c>
      <c r="Z24184">
        <v>20</v>
      </c>
      <c r="AA24184">
        <v>20</v>
      </c>
      <c r="AB24184">
        <v>21</v>
      </c>
      <c r="AC24184">
        <v>21</v>
      </c>
      <c r="AD24184">
        <v>22</v>
      </c>
      <c r="AE24184">
        <v>22</v>
      </c>
      <c r="AF24184">
        <v>23</v>
      </c>
      <c r="AG24184">
        <v>23</v>
      </c>
      <c r="AH24184">
        <v>23</v>
      </c>
      <c r="AI24184">
        <v>23</v>
      </c>
      <c r="AJ24184">
        <v>23</v>
      </c>
      <c r="AK24184">
        <v>24</v>
      </c>
      <c r="AL24184">
        <v>24</v>
      </c>
      <c r="AM24184">
        <v>24</v>
      </c>
      <c r="AN24184">
        <v>24</v>
      </c>
      <c r="AO24184">
        <v>25</v>
      </c>
      <c r="AP24184">
        <v>25</v>
      </c>
      <c r="AQ24184">
        <v>25</v>
      </c>
    </row>
    <row r="24185" spans="1:43">
      <c r="A24185" t="s">
        <v>14969</v>
      </c>
      <c r="B24185" t="s">
        <v>14970</v>
      </c>
      <c r="C24185" t="s">
        <v>14839</v>
      </c>
      <c r="D24185" t="s">
        <v>14840</v>
      </c>
      <c r="E24185" t="s">
        <v>14797</v>
      </c>
      <c r="F24185" t="s">
        <v>14798</v>
      </c>
      <c r="G24185" t="s">
        <v>10734</v>
      </c>
      <c r="H24185" t="s">
        <v>10735</v>
      </c>
      <c r="I24185" s="2">
        <v>1</v>
      </c>
      <c r="J24185" s="2">
        <v>0</v>
      </c>
      <c r="K24185" s="2">
        <v>0</v>
      </c>
      <c r="L24185" t="s">
        <v>120</v>
      </c>
      <c r="M24185" t="s">
        <v>83</v>
      </c>
      <c r="N24185" t="s">
        <v>91</v>
      </c>
      <c r="O24185" t="s">
        <v>85</v>
      </c>
      <c r="P24185" t="s">
        <v>86</v>
      </c>
      <c r="Q24185">
        <v>16</v>
      </c>
      <c r="R24185">
        <v>17</v>
      </c>
      <c r="S24185">
        <v>17</v>
      </c>
      <c r="T24185">
        <v>18</v>
      </c>
      <c r="U24185">
        <v>18</v>
      </c>
      <c r="V24185">
        <v>18</v>
      </c>
      <c r="W24185">
        <v>19</v>
      </c>
      <c r="X24185">
        <v>19</v>
      </c>
      <c r="Y24185">
        <v>19</v>
      </c>
      <c r="Z24185">
        <v>20</v>
      </c>
      <c r="AA24185">
        <v>20</v>
      </c>
      <c r="AB24185">
        <v>21</v>
      </c>
      <c r="AC24185">
        <v>21</v>
      </c>
      <c r="AD24185">
        <v>21</v>
      </c>
      <c r="AE24185">
        <v>22</v>
      </c>
      <c r="AF24185">
        <v>22</v>
      </c>
      <c r="AG24185">
        <v>23</v>
      </c>
      <c r="AH24185">
        <v>23</v>
      </c>
      <c r="AI24185">
        <v>23</v>
      </c>
      <c r="AJ24185">
        <v>24</v>
      </c>
      <c r="AK24185">
        <v>24</v>
      </c>
      <c r="AL24185">
        <v>25</v>
      </c>
      <c r="AM24185">
        <v>25</v>
      </c>
      <c r="AN24185">
        <v>25</v>
      </c>
      <c r="AO24185">
        <v>25</v>
      </c>
      <c r="AP24185">
        <v>26</v>
      </c>
      <c r="AQ24185">
        <v>26</v>
      </c>
    </row>
    <row r="24186" spans="1:43">
      <c r="A24186" t="s">
        <v>14971</v>
      </c>
      <c r="B24186" t="s">
        <v>14972</v>
      </c>
      <c r="C24186" t="s">
        <v>14961</v>
      </c>
      <c r="D24186" t="s">
        <v>14962</v>
      </c>
      <c r="E24186" t="s">
        <v>14797</v>
      </c>
      <c r="F24186" t="s">
        <v>14798</v>
      </c>
      <c r="G24186" t="s">
        <v>10734</v>
      </c>
      <c r="H24186" t="s">
        <v>10735</v>
      </c>
      <c r="I24186" s="2">
        <v>1</v>
      </c>
      <c r="J24186" s="2">
        <v>0</v>
      </c>
      <c r="K24186" s="2">
        <v>0</v>
      </c>
      <c r="L24186" t="s">
        <v>120</v>
      </c>
      <c r="M24186" t="s">
        <v>83</v>
      </c>
      <c r="N24186" t="s">
        <v>84</v>
      </c>
      <c r="O24186" t="s">
        <v>85</v>
      </c>
      <c r="P24186" t="s">
        <v>86</v>
      </c>
      <c r="Q24186">
        <v>25</v>
      </c>
      <c r="R24186">
        <v>26</v>
      </c>
      <c r="S24186">
        <v>26</v>
      </c>
      <c r="T24186">
        <v>27</v>
      </c>
      <c r="U24186">
        <v>27</v>
      </c>
      <c r="V24186">
        <v>28</v>
      </c>
      <c r="W24186">
        <v>28</v>
      </c>
      <c r="X24186">
        <v>29</v>
      </c>
      <c r="Y24186">
        <v>30</v>
      </c>
      <c r="Z24186">
        <v>30</v>
      </c>
      <c r="AA24186">
        <v>31</v>
      </c>
      <c r="AB24186">
        <v>31</v>
      </c>
      <c r="AC24186">
        <v>32</v>
      </c>
      <c r="AD24186">
        <v>33</v>
      </c>
      <c r="AE24186">
        <v>33</v>
      </c>
      <c r="AF24186">
        <v>34</v>
      </c>
      <c r="AG24186">
        <v>34</v>
      </c>
      <c r="AH24186">
        <v>35</v>
      </c>
      <c r="AI24186">
        <v>36</v>
      </c>
      <c r="AJ24186">
        <v>36</v>
      </c>
      <c r="AK24186">
        <v>37</v>
      </c>
      <c r="AL24186">
        <v>37</v>
      </c>
      <c r="AM24186">
        <v>38</v>
      </c>
      <c r="AN24186">
        <v>38</v>
      </c>
      <c r="AO24186">
        <v>39</v>
      </c>
      <c r="AP24186">
        <v>39</v>
      </c>
      <c r="AQ24186">
        <v>39</v>
      </c>
    </row>
    <row r="24187" spans="1:43">
      <c r="A24187" t="s">
        <v>14971</v>
      </c>
      <c r="B24187" t="s">
        <v>14972</v>
      </c>
      <c r="C24187" t="s">
        <v>14961</v>
      </c>
      <c r="D24187" t="s">
        <v>14962</v>
      </c>
      <c r="E24187" t="s">
        <v>14797</v>
      </c>
      <c r="F24187" t="s">
        <v>14798</v>
      </c>
      <c r="G24187" t="s">
        <v>10734</v>
      </c>
      <c r="H24187" t="s">
        <v>10735</v>
      </c>
      <c r="I24187" s="2">
        <v>1</v>
      </c>
      <c r="J24187" s="2">
        <v>0</v>
      </c>
      <c r="K24187" s="2">
        <v>0</v>
      </c>
      <c r="L24187" t="s">
        <v>120</v>
      </c>
      <c r="M24187" t="s">
        <v>87</v>
      </c>
      <c r="N24187" t="s">
        <v>88</v>
      </c>
      <c r="O24187" t="s">
        <v>85</v>
      </c>
      <c r="P24187" t="s">
        <v>86</v>
      </c>
      <c r="Q24187">
        <v>25</v>
      </c>
      <c r="R24187">
        <v>25</v>
      </c>
      <c r="S24187">
        <v>25</v>
      </c>
      <c r="T24187">
        <v>26</v>
      </c>
      <c r="U24187">
        <v>26</v>
      </c>
      <c r="V24187">
        <v>26</v>
      </c>
      <c r="W24187">
        <v>27</v>
      </c>
      <c r="X24187">
        <v>27</v>
      </c>
      <c r="Y24187">
        <v>27</v>
      </c>
      <c r="Z24187">
        <v>28</v>
      </c>
      <c r="AA24187">
        <v>28</v>
      </c>
      <c r="AB24187">
        <v>28</v>
      </c>
      <c r="AC24187">
        <v>29</v>
      </c>
      <c r="AD24187">
        <v>29</v>
      </c>
      <c r="AE24187">
        <v>29</v>
      </c>
      <c r="AF24187">
        <v>30</v>
      </c>
      <c r="AG24187">
        <v>30</v>
      </c>
      <c r="AH24187">
        <v>31</v>
      </c>
      <c r="AI24187">
        <v>31</v>
      </c>
      <c r="AJ24187">
        <v>31</v>
      </c>
      <c r="AK24187">
        <v>32</v>
      </c>
      <c r="AL24187">
        <v>32</v>
      </c>
      <c r="AM24187">
        <v>33</v>
      </c>
      <c r="AN24187">
        <v>33</v>
      </c>
      <c r="AO24187">
        <v>33</v>
      </c>
      <c r="AP24187">
        <v>34</v>
      </c>
      <c r="AQ24187">
        <v>34</v>
      </c>
    </row>
    <row r="24188" spans="1:43">
      <c r="A24188" t="s">
        <v>14971</v>
      </c>
      <c r="B24188" t="s">
        <v>14972</v>
      </c>
      <c r="C24188" t="s">
        <v>14961</v>
      </c>
      <c r="D24188" t="s">
        <v>14962</v>
      </c>
      <c r="E24188" t="s">
        <v>14797</v>
      </c>
      <c r="F24188" t="s">
        <v>14798</v>
      </c>
      <c r="G24188" t="s">
        <v>10734</v>
      </c>
      <c r="H24188" t="s">
        <v>10735</v>
      </c>
      <c r="I24188" s="2">
        <v>1</v>
      </c>
      <c r="J24188" s="2">
        <v>0</v>
      </c>
      <c r="K24188" s="2">
        <v>0</v>
      </c>
      <c r="L24188" t="s">
        <v>120</v>
      </c>
      <c r="M24188" t="s">
        <v>89</v>
      </c>
      <c r="N24188" t="s">
        <v>90</v>
      </c>
      <c r="O24188" t="s">
        <v>85</v>
      </c>
      <c r="P24188" t="s">
        <v>86</v>
      </c>
      <c r="Q24188">
        <v>25</v>
      </c>
      <c r="R24188">
        <v>26</v>
      </c>
      <c r="S24188">
        <v>27</v>
      </c>
      <c r="T24188">
        <v>28</v>
      </c>
      <c r="U24188">
        <v>28</v>
      </c>
      <c r="V24188">
        <v>29</v>
      </c>
      <c r="W24188">
        <v>30</v>
      </c>
      <c r="X24188">
        <v>31</v>
      </c>
      <c r="Y24188">
        <v>31</v>
      </c>
      <c r="Z24188">
        <v>32</v>
      </c>
      <c r="AA24188">
        <v>33</v>
      </c>
      <c r="AB24188">
        <v>33</v>
      </c>
      <c r="AC24188">
        <v>34</v>
      </c>
      <c r="AD24188">
        <v>35</v>
      </c>
      <c r="AE24188">
        <v>36</v>
      </c>
      <c r="AF24188">
        <v>36</v>
      </c>
      <c r="AG24188">
        <v>36</v>
      </c>
      <c r="AH24188">
        <v>37</v>
      </c>
      <c r="AI24188">
        <v>37</v>
      </c>
      <c r="AJ24188">
        <v>37</v>
      </c>
      <c r="AK24188">
        <v>38</v>
      </c>
      <c r="AL24188">
        <v>38</v>
      </c>
      <c r="AM24188">
        <v>38</v>
      </c>
      <c r="AN24188">
        <v>39</v>
      </c>
      <c r="AO24188">
        <v>39</v>
      </c>
      <c r="AP24188">
        <v>39</v>
      </c>
      <c r="AQ24188">
        <v>40</v>
      </c>
    </row>
    <row r="24189" spans="1:43">
      <c r="A24189" t="s">
        <v>14971</v>
      </c>
      <c r="B24189" t="s">
        <v>14972</v>
      </c>
      <c r="C24189" t="s">
        <v>14961</v>
      </c>
      <c r="D24189" t="s">
        <v>14962</v>
      </c>
      <c r="E24189" t="s">
        <v>14797</v>
      </c>
      <c r="F24189" t="s">
        <v>14798</v>
      </c>
      <c r="G24189" t="s">
        <v>10734</v>
      </c>
      <c r="H24189" t="s">
        <v>10735</v>
      </c>
      <c r="I24189" s="2">
        <v>1</v>
      </c>
      <c r="J24189" s="2">
        <v>0</v>
      </c>
      <c r="K24189" s="2">
        <v>0</v>
      </c>
      <c r="L24189" t="s">
        <v>120</v>
      </c>
      <c r="M24189" t="s">
        <v>83</v>
      </c>
      <c r="N24189" t="s">
        <v>91</v>
      </c>
      <c r="O24189" t="s">
        <v>85</v>
      </c>
      <c r="P24189" t="s">
        <v>86</v>
      </c>
      <c r="Q24189">
        <v>25</v>
      </c>
      <c r="R24189">
        <v>26</v>
      </c>
      <c r="S24189">
        <v>26</v>
      </c>
      <c r="T24189">
        <v>27</v>
      </c>
      <c r="U24189">
        <v>27</v>
      </c>
      <c r="V24189">
        <v>28</v>
      </c>
      <c r="W24189">
        <v>28</v>
      </c>
      <c r="X24189">
        <v>29</v>
      </c>
      <c r="Y24189">
        <v>30</v>
      </c>
      <c r="Z24189">
        <v>30</v>
      </c>
      <c r="AA24189">
        <v>31</v>
      </c>
      <c r="AB24189">
        <v>31</v>
      </c>
      <c r="AC24189">
        <v>32</v>
      </c>
      <c r="AD24189">
        <v>33</v>
      </c>
      <c r="AE24189">
        <v>33</v>
      </c>
      <c r="AF24189">
        <v>34</v>
      </c>
      <c r="AG24189">
        <v>34</v>
      </c>
      <c r="AH24189">
        <v>35</v>
      </c>
      <c r="AI24189">
        <v>36</v>
      </c>
      <c r="AJ24189">
        <v>36</v>
      </c>
      <c r="AK24189">
        <v>37</v>
      </c>
      <c r="AL24189">
        <v>37</v>
      </c>
      <c r="AM24189">
        <v>38</v>
      </c>
      <c r="AN24189">
        <v>38</v>
      </c>
      <c r="AO24189">
        <v>39</v>
      </c>
      <c r="AP24189">
        <v>39</v>
      </c>
      <c r="AQ24189">
        <v>39</v>
      </c>
    </row>
    <row r="24190" spans="1:43">
      <c r="A24190" t="s">
        <v>14973</v>
      </c>
      <c r="B24190" t="s">
        <v>14974</v>
      </c>
      <c r="C24190" t="s">
        <v>14961</v>
      </c>
      <c r="D24190" t="s">
        <v>14962</v>
      </c>
      <c r="E24190" t="s">
        <v>14797</v>
      </c>
      <c r="F24190" t="s">
        <v>14798</v>
      </c>
      <c r="G24190" t="s">
        <v>10734</v>
      </c>
      <c r="H24190" t="s">
        <v>10735</v>
      </c>
      <c r="I24190" s="2">
        <v>1</v>
      </c>
      <c r="J24190" s="2">
        <v>0</v>
      </c>
      <c r="K24190" s="2">
        <v>0</v>
      </c>
      <c r="L24190" t="s">
        <v>120</v>
      </c>
      <c r="M24190" t="s">
        <v>83</v>
      </c>
      <c r="N24190" t="s">
        <v>84</v>
      </c>
      <c r="O24190" t="s">
        <v>85</v>
      </c>
      <c r="P24190" t="s">
        <v>86</v>
      </c>
      <c r="Q24190">
        <v>14</v>
      </c>
      <c r="R24190">
        <v>15</v>
      </c>
      <c r="S24190">
        <v>15</v>
      </c>
      <c r="T24190">
        <v>15</v>
      </c>
      <c r="U24190">
        <v>16</v>
      </c>
      <c r="V24190">
        <v>16</v>
      </c>
      <c r="W24190">
        <v>16</v>
      </c>
      <c r="X24190">
        <v>17</v>
      </c>
      <c r="Y24190">
        <v>17</v>
      </c>
      <c r="Z24190">
        <v>17</v>
      </c>
      <c r="AA24190">
        <v>17</v>
      </c>
      <c r="AB24190">
        <v>18</v>
      </c>
      <c r="AC24190">
        <v>18</v>
      </c>
      <c r="AD24190">
        <v>19</v>
      </c>
      <c r="AE24190">
        <v>19</v>
      </c>
      <c r="AF24190">
        <v>19</v>
      </c>
      <c r="AG24190">
        <v>20</v>
      </c>
      <c r="AH24190">
        <v>20</v>
      </c>
      <c r="AI24190">
        <v>20</v>
      </c>
      <c r="AJ24190">
        <v>21</v>
      </c>
      <c r="AK24190">
        <v>21</v>
      </c>
      <c r="AL24190">
        <v>21</v>
      </c>
      <c r="AM24190">
        <v>21</v>
      </c>
      <c r="AN24190">
        <v>22</v>
      </c>
      <c r="AO24190">
        <v>22</v>
      </c>
      <c r="AP24190">
        <v>22</v>
      </c>
      <c r="AQ24190">
        <v>22</v>
      </c>
    </row>
    <row r="24191" spans="1:43">
      <c r="A24191" t="s">
        <v>14973</v>
      </c>
      <c r="B24191" t="s">
        <v>14974</v>
      </c>
      <c r="C24191" t="s">
        <v>14961</v>
      </c>
      <c r="D24191" t="s">
        <v>14962</v>
      </c>
      <c r="E24191" t="s">
        <v>14797</v>
      </c>
      <c r="F24191" t="s">
        <v>14798</v>
      </c>
      <c r="G24191" t="s">
        <v>10734</v>
      </c>
      <c r="H24191" t="s">
        <v>10735</v>
      </c>
      <c r="I24191" s="2">
        <v>1</v>
      </c>
      <c r="J24191" s="2">
        <v>0</v>
      </c>
      <c r="K24191" s="2">
        <v>0</v>
      </c>
      <c r="L24191" t="s">
        <v>120</v>
      </c>
      <c r="M24191" t="s">
        <v>87</v>
      </c>
      <c r="N24191" t="s">
        <v>88</v>
      </c>
      <c r="O24191" t="s">
        <v>85</v>
      </c>
      <c r="P24191" t="s">
        <v>86</v>
      </c>
      <c r="Q24191">
        <v>14</v>
      </c>
      <c r="R24191">
        <v>14</v>
      </c>
      <c r="S24191">
        <v>14</v>
      </c>
      <c r="T24191">
        <v>15</v>
      </c>
      <c r="U24191">
        <v>15</v>
      </c>
      <c r="V24191">
        <v>15</v>
      </c>
      <c r="W24191">
        <v>15</v>
      </c>
      <c r="X24191">
        <v>15</v>
      </c>
      <c r="Y24191">
        <v>16</v>
      </c>
      <c r="Z24191">
        <v>16</v>
      </c>
      <c r="AA24191">
        <v>16</v>
      </c>
      <c r="AB24191">
        <v>16</v>
      </c>
      <c r="AC24191">
        <v>16</v>
      </c>
      <c r="AD24191">
        <v>17</v>
      </c>
      <c r="AE24191">
        <v>17</v>
      </c>
      <c r="AF24191">
        <v>17</v>
      </c>
      <c r="AG24191">
        <v>17</v>
      </c>
      <c r="AH24191">
        <v>17</v>
      </c>
      <c r="AI24191">
        <v>18</v>
      </c>
      <c r="AJ24191">
        <v>18</v>
      </c>
      <c r="AK24191">
        <v>18</v>
      </c>
      <c r="AL24191">
        <v>18</v>
      </c>
      <c r="AM24191">
        <v>18</v>
      </c>
      <c r="AN24191">
        <v>19</v>
      </c>
      <c r="AO24191">
        <v>19</v>
      </c>
      <c r="AP24191">
        <v>19</v>
      </c>
      <c r="AQ24191">
        <v>19</v>
      </c>
    </row>
    <row r="24192" spans="1:43">
      <c r="A24192" t="s">
        <v>14973</v>
      </c>
      <c r="B24192" t="s">
        <v>14974</v>
      </c>
      <c r="C24192" t="s">
        <v>14961</v>
      </c>
      <c r="D24192" t="s">
        <v>14962</v>
      </c>
      <c r="E24192" t="s">
        <v>14797</v>
      </c>
      <c r="F24192" t="s">
        <v>14798</v>
      </c>
      <c r="G24192" t="s">
        <v>10734</v>
      </c>
      <c r="H24192" t="s">
        <v>10735</v>
      </c>
      <c r="I24192" s="2">
        <v>1</v>
      </c>
      <c r="J24192" s="2">
        <v>0</v>
      </c>
      <c r="K24192" s="2">
        <v>0</v>
      </c>
      <c r="L24192" t="s">
        <v>120</v>
      </c>
      <c r="M24192" t="s">
        <v>89</v>
      </c>
      <c r="N24192" t="s">
        <v>90</v>
      </c>
      <c r="O24192" t="s">
        <v>85</v>
      </c>
      <c r="P24192" t="s">
        <v>86</v>
      </c>
      <c r="Q24192">
        <v>14</v>
      </c>
      <c r="R24192">
        <v>15</v>
      </c>
      <c r="S24192">
        <v>15</v>
      </c>
      <c r="T24192">
        <v>16</v>
      </c>
      <c r="U24192">
        <v>16</v>
      </c>
      <c r="V24192">
        <v>17</v>
      </c>
      <c r="W24192">
        <v>17</v>
      </c>
      <c r="X24192">
        <v>17</v>
      </c>
      <c r="Y24192">
        <v>18</v>
      </c>
      <c r="Z24192">
        <v>18</v>
      </c>
      <c r="AA24192">
        <v>19</v>
      </c>
      <c r="AB24192">
        <v>19</v>
      </c>
      <c r="AC24192">
        <v>19</v>
      </c>
      <c r="AD24192">
        <v>20</v>
      </c>
      <c r="AE24192">
        <v>20</v>
      </c>
      <c r="AF24192">
        <v>20</v>
      </c>
      <c r="AG24192">
        <v>21</v>
      </c>
      <c r="AH24192">
        <v>21</v>
      </c>
      <c r="AI24192">
        <v>21</v>
      </c>
      <c r="AJ24192">
        <v>21</v>
      </c>
      <c r="AK24192">
        <v>21</v>
      </c>
      <c r="AL24192">
        <v>21</v>
      </c>
      <c r="AM24192">
        <v>22</v>
      </c>
      <c r="AN24192">
        <v>22</v>
      </c>
      <c r="AO24192">
        <v>22</v>
      </c>
      <c r="AP24192">
        <v>22</v>
      </c>
      <c r="AQ24192">
        <v>22</v>
      </c>
    </row>
    <row r="24193" spans="1:43">
      <c r="A24193" t="s">
        <v>14973</v>
      </c>
      <c r="B24193" t="s">
        <v>14974</v>
      </c>
      <c r="C24193" t="s">
        <v>14961</v>
      </c>
      <c r="D24193" t="s">
        <v>14962</v>
      </c>
      <c r="E24193" t="s">
        <v>14797</v>
      </c>
      <c r="F24193" t="s">
        <v>14798</v>
      </c>
      <c r="G24193" t="s">
        <v>10734</v>
      </c>
      <c r="H24193" t="s">
        <v>10735</v>
      </c>
      <c r="I24193" s="2">
        <v>1</v>
      </c>
      <c r="J24193" s="2">
        <v>0</v>
      </c>
      <c r="K24193" s="2">
        <v>0</v>
      </c>
      <c r="L24193" t="s">
        <v>120</v>
      </c>
      <c r="M24193" t="s">
        <v>83</v>
      </c>
      <c r="N24193" t="s">
        <v>91</v>
      </c>
      <c r="O24193" t="s">
        <v>85</v>
      </c>
      <c r="P24193" t="s">
        <v>86</v>
      </c>
      <c r="Q24193">
        <v>14</v>
      </c>
      <c r="R24193">
        <v>15</v>
      </c>
      <c r="S24193">
        <v>15</v>
      </c>
      <c r="T24193">
        <v>15</v>
      </c>
      <c r="U24193">
        <v>16</v>
      </c>
      <c r="V24193">
        <v>16</v>
      </c>
      <c r="W24193">
        <v>16</v>
      </c>
      <c r="X24193">
        <v>17</v>
      </c>
      <c r="Y24193">
        <v>17</v>
      </c>
      <c r="Z24193">
        <v>17</v>
      </c>
      <c r="AA24193">
        <v>17</v>
      </c>
      <c r="AB24193">
        <v>18</v>
      </c>
      <c r="AC24193">
        <v>18</v>
      </c>
      <c r="AD24193">
        <v>19</v>
      </c>
      <c r="AE24193">
        <v>19</v>
      </c>
      <c r="AF24193">
        <v>19</v>
      </c>
      <c r="AG24193">
        <v>20</v>
      </c>
      <c r="AH24193">
        <v>20</v>
      </c>
      <c r="AI24193">
        <v>20</v>
      </c>
      <c r="AJ24193">
        <v>21</v>
      </c>
      <c r="AK24193">
        <v>21</v>
      </c>
      <c r="AL24193">
        <v>21</v>
      </c>
      <c r="AM24193">
        <v>21</v>
      </c>
      <c r="AN24193">
        <v>22</v>
      </c>
      <c r="AO24193">
        <v>22</v>
      </c>
      <c r="AP24193">
        <v>22</v>
      </c>
      <c r="AQ24193">
        <v>22</v>
      </c>
    </row>
    <row r="24194" spans="1:43">
      <c r="A24194" t="s">
        <v>14975</v>
      </c>
      <c r="B24194" t="s">
        <v>14976</v>
      </c>
      <c r="C24194" t="s">
        <v>14977</v>
      </c>
      <c r="D24194" t="s">
        <v>14978</v>
      </c>
      <c r="E24194" t="s">
        <v>14797</v>
      </c>
      <c r="F24194" t="s">
        <v>14798</v>
      </c>
      <c r="G24194" t="s">
        <v>10734</v>
      </c>
      <c r="H24194" t="s">
        <v>10735</v>
      </c>
      <c r="I24194" s="2">
        <v>1</v>
      </c>
      <c r="J24194" s="2">
        <v>0</v>
      </c>
      <c r="K24194" s="2">
        <v>0</v>
      </c>
      <c r="L24194" t="s">
        <v>120</v>
      </c>
      <c r="M24194" t="s">
        <v>83</v>
      </c>
      <c r="N24194" t="s">
        <v>84</v>
      </c>
      <c r="O24194" t="s">
        <v>85</v>
      </c>
      <c r="P24194" t="s">
        <v>86</v>
      </c>
      <c r="Q24194">
        <v>6</v>
      </c>
      <c r="R24194">
        <v>7</v>
      </c>
      <c r="S24194">
        <v>7</v>
      </c>
      <c r="T24194">
        <v>7</v>
      </c>
      <c r="U24194">
        <v>7</v>
      </c>
      <c r="V24194">
        <v>7</v>
      </c>
      <c r="W24194">
        <v>7</v>
      </c>
      <c r="X24194">
        <v>7</v>
      </c>
      <c r="Y24194">
        <v>7</v>
      </c>
      <c r="Z24194">
        <v>8</v>
      </c>
      <c r="AA24194">
        <v>8</v>
      </c>
      <c r="AB24194">
        <v>8</v>
      </c>
      <c r="AC24194">
        <v>8</v>
      </c>
      <c r="AD24194">
        <v>8</v>
      </c>
      <c r="AE24194">
        <v>8</v>
      </c>
      <c r="AF24194">
        <v>8</v>
      </c>
      <c r="AG24194">
        <v>9</v>
      </c>
      <c r="AH24194">
        <v>9</v>
      </c>
      <c r="AI24194">
        <v>9</v>
      </c>
      <c r="AJ24194">
        <v>9</v>
      </c>
      <c r="AK24194">
        <v>9</v>
      </c>
      <c r="AL24194">
        <v>9</v>
      </c>
      <c r="AM24194">
        <v>9</v>
      </c>
      <c r="AN24194">
        <v>10</v>
      </c>
      <c r="AO24194">
        <v>10</v>
      </c>
      <c r="AP24194">
        <v>10</v>
      </c>
      <c r="AQ24194">
        <v>10</v>
      </c>
    </row>
    <row r="24195" spans="1:43">
      <c r="A24195" t="s">
        <v>14975</v>
      </c>
      <c r="B24195" t="s">
        <v>14976</v>
      </c>
      <c r="C24195" t="s">
        <v>14977</v>
      </c>
      <c r="D24195" t="s">
        <v>14978</v>
      </c>
      <c r="E24195" t="s">
        <v>14797</v>
      </c>
      <c r="F24195" t="s">
        <v>14798</v>
      </c>
      <c r="G24195" t="s">
        <v>10734</v>
      </c>
      <c r="H24195" t="s">
        <v>10735</v>
      </c>
      <c r="I24195" s="2">
        <v>1</v>
      </c>
      <c r="J24195" s="2">
        <v>0</v>
      </c>
      <c r="K24195" s="2">
        <v>0</v>
      </c>
      <c r="L24195" t="s">
        <v>120</v>
      </c>
      <c r="M24195" t="s">
        <v>87</v>
      </c>
      <c r="N24195" t="s">
        <v>88</v>
      </c>
      <c r="O24195" t="s">
        <v>85</v>
      </c>
      <c r="P24195" t="s">
        <v>86</v>
      </c>
      <c r="Q24195">
        <v>6</v>
      </c>
      <c r="R24195">
        <v>6</v>
      </c>
      <c r="S24195">
        <v>6</v>
      </c>
      <c r="T24195">
        <v>7</v>
      </c>
      <c r="U24195">
        <v>7</v>
      </c>
      <c r="V24195">
        <v>7</v>
      </c>
      <c r="W24195">
        <v>7</v>
      </c>
      <c r="X24195">
        <v>7</v>
      </c>
      <c r="Y24195">
        <v>7</v>
      </c>
      <c r="Z24195">
        <v>7</v>
      </c>
      <c r="AA24195">
        <v>7</v>
      </c>
      <c r="AB24195">
        <v>7</v>
      </c>
      <c r="AC24195">
        <v>7</v>
      </c>
      <c r="AD24195">
        <v>7</v>
      </c>
      <c r="AE24195">
        <v>7</v>
      </c>
      <c r="AF24195">
        <v>7</v>
      </c>
      <c r="AG24195">
        <v>8</v>
      </c>
      <c r="AH24195">
        <v>8</v>
      </c>
      <c r="AI24195">
        <v>8</v>
      </c>
      <c r="AJ24195">
        <v>8</v>
      </c>
      <c r="AK24195">
        <v>8</v>
      </c>
      <c r="AL24195">
        <v>8</v>
      </c>
      <c r="AM24195">
        <v>8</v>
      </c>
      <c r="AN24195">
        <v>8</v>
      </c>
      <c r="AO24195">
        <v>8</v>
      </c>
      <c r="AP24195">
        <v>8</v>
      </c>
      <c r="AQ24195">
        <v>8</v>
      </c>
    </row>
    <row r="24196" spans="1:43">
      <c r="A24196" t="s">
        <v>14975</v>
      </c>
      <c r="B24196" t="s">
        <v>14976</v>
      </c>
      <c r="C24196" t="s">
        <v>14977</v>
      </c>
      <c r="D24196" t="s">
        <v>14978</v>
      </c>
      <c r="E24196" t="s">
        <v>14797</v>
      </c>
      <c r="F24196" t="s">
        <v>14798</v>
      </c>
      <c r="G24196" t="s">
        <v>10734</v>
      </c>
      <c r="H24196" t="s">
        <v>10735</v>
      </c>
      <c r="I24196" s="2">
        <v>1</v>
      </c>
      <c r="J24196" s="2">
        <v>0</v>
      </c>
      <c r="K24196" s="2">
        <v>0</v>
      </c>
      <c r="L24196" t="s">
        <v>120</v>
      </c>
      <c r="M24196" t="s">
        <v>89</v>
      </c>
      <c r="N24196" t="s">
        <v>90</v>
      </c>
      <c r="O24196" t="s">
        <v>85</v>
      </c>
      <c r="P24196" t="s">
        <v>86</v>
      </c>
      <c r="Q24196">
        <v>6</v>
      </c>
      <c r="R24196">
        <v>7</v>
      </c>
      <c r="S24196">
        <v>7</v>
      </c>
      <c r="T24196">
        <v>7</v>
      </c>
      <c r="U24196">
        <v>7</v>
      </c>
      <c r="V24196">
        <v>7</v>
      </c>
      <c r="W24196">
        <v>8</v>
      </c>
      <c r="X24196">
        <v>8</v>
      </c>
      <c r="Y24196">
        <v>8</v>
      </c>
      <c r="Z24196">
        <v>8</v>
      </c>
      <c r="AA24196">
        <v>8</v>
      </c>
      <c r="AB24196">
        <v>8</v>
      </c>
      <c r="AC24196">
        <v>9</v>
      </c>
      <c r="AD24196">
        <v>9</v>
      </c>
      <c r="AE24196">
        <v>9</v>
      </c>
      <c r="AF24196">
        <v>9</v>
      </c>
      <c r="AG24196">
        <v>9</v>
      </c>
      <c r="AH24196">
        <v>9</v>
      </c>
      <c r="AI24196">
        <v>9</v>
      </c>
      <c r="AJ24196">
        <v>9</v>
      </c>
      <c r="AK24196">
        <v>9</v>
      </c>
      <c r="AL24196">
        <v>9</v>
      </c>
      <c r="AM24196">
        <v>9</v>
      </c>
      <c r="AN24196">
        <v>10</v>
      </c>
      <c r="AO24196">
        <v>10</v>
      </c>
      <c r="AP24196">
        <v>10</v>
      </c>
      <c r="AQ24196">
        <v>10</v>
      </c>
    </row>
    <row r="24197" spans="1:43">
      <c r="A24197" t="s">
        <v>14975</v>
      </c>
      <c r="B24197" t="s">
        <v>14976</v>
      </c>
      <c r="C24197" t="s">
        <v>14977</v>
      </c>
      <c r="D24197" t="s">
        <v>14978</v>
      </c>
      <c r="E24197" t="s">
        <v>14797</v>
      </c>
      <c r="F24197" t="s">
        <v>14798</v>
      </c>
      <c r="G24197" t="s">
        <v>10734</v>
      </c>
      <c r="H24197" t="s">
        <v>10735</v>
      </c>
      <c r="I24197" s="2">
        <v>1</v>
      </c>
      <c r="J24197" s="2">
        <v>0</v>
      </c>
      <c r="K24197" s="2">
        <v>0</v>
      </c>
      <c r="L24197" t="s">
        <v>120</v>
      </c>
      <c r="M24197" t="s">
        <v>83</v>
      </c>
      <c r="N24197" t="s">
        <v>91</v>
      </c>
      <c r="O24197" t="s">
        <v>85</v>
      </c>
      <c r="P24197" t="s">
        <v>86</v>
      </c>
      <c r="Q24197">
        <v>6</v>
      </c>
      <c r="R24197">
        <v>7</v>
      </c>
      <c r="S24197">
        <v>7</v>
      </c>
      <c r="T24197">
        <v>7</v>
      </c>
      <c r="U24197">
        <v>7</v>
      </c>
      <c r="V24197">
        <v>7</v>
      </c>
      <c r="W24197">
        <v>7</v>
      </c>
      <c r="X24197">
        <v>7</v>
      </c>
      <c r="Y24197">
        <v>7</v>
      </c>
      <c r="Z24197">
        <v>8</v>
      </c>
      <c r="AA24197">
        <v>8</v>
      </c>
      <c r="AB24197">
        <v>8</v>
      </c>
      <c r="AC24197">
        <v>8</v>
      </c>
      <c r="AD24197">
        <v>8</v>
      </c>
      <c r="AE24197">
        <v>8</v>
      </c>
      <c r="AF24197">
        <v>8</v>
      </c>
      <c r="AG24197">
        <v>9</v>
      </c>
      <c r="AH24197">
        <v>9</v>
      </c>
      <c r="AI24197">
        <v>9</v>
      </c>
      <c r="AJ24197">
        <v>9</v>
      </c>
      <c r="AK24197">
        <v>9</v>
      </c>
      <c r="AL24197">
        <v>9</v>
      </c>
      <c r="AM24197">
        <v>9</v>
      </c>
      <c r="AN24197">
        <v>10</v>
      </c>
      <c r="AO24197">
        <v>10</v>
      </c>
      <c r="AP24197">
        <v>10</v>
      </c>
      <c r="AQ24197">
        <v>10</v>
      </c>
    </row>
    <row r="24198" spans="1:43">
      <c r="A24198" t="s">
        <v>14979</v>
      </c>
      <c r="B24198" t="s">
        <v>14980</v>
      </c>
      <c r="C24198" t="s">
        <v>14801</v>
      </c>
      <c r="D24198" t="s">
        <v>14802</v>
      </c>
      <c r="E24198" t="s">
        <v>14797</v>
      </c>
      <c r="F24198" t="s">
        <v>14798</v>
      </c>
      <c r="G24198" t="s">
        <v>10734</v>
      </c>
      <c r="H24198" t="s">
        <v>10735</v>
      </c>
      <c r="I24198" s="2">
        <v>1</v>
      </c>
      <c r="J24198" s="2">
        <v>0</v>
      </c>
      <c r="K24198" s="2">
        <v>0</v>
      </c>
      <c r="L24198" t="s">
        <v>120</v>
      </c>
      <c r="M24198" t="s">
        <v>83</v>
      </c>
      <c r="N24198" t="s">
        <v>84</v>
      </c>
      <c r="O24198" t="s">
        <v>85</v>
      </c>
      <c r="P24198" t="s">
        <v>86</v>
      </c>
      <c r="Q24198">
        <v>18</v>
      </c>
      <c r="R24198">
        <v>19</v>
      </c>
      <c r="S24198">
        <v>19</v>
      </c>
      <c r="T24198">
        <v>20</v>
      </c>
      <c r="U24198">
        <v>20</v>
      </c>
      <c r="V24198">
        <v>21</v>
      </c>
      <c r="W24198">
        <v>21</v>
      </c>
      <c r="X24198">
        <v>21</v>
      </c>
      <c r="Y24198">
        <v>22</v>
      </c>
      <c r="Z24198">
        <v>22</v>
      </c>
      <c r="AA24198">
        <v>23</v>
      </c>
      <c r="AB24198">
        <v>23</v>
      </c>
      <c r="AC24198">
        <v>24</v>
      </c>
      <c r="AD24198">
        <v>24</v>
      </c>
      <c r="AE24198">
        <v>24</v>
      </c>
      <c r="AF24198">
        <v>25</v>
      </c>
      <c r="AG24198">
        <v>25</v>
      </c>
      <c r="AH24198">
        <v>26</v>
      </c>
      <c r="AI24198">
        <v>26</v>
      </c>
      <c r="AJ24198">
        <v>27</v>
      </c>
      <c r="AK24198">
        <v>27</v>
      </c>
      <c r="AL24198">
        <v>28</v>
      </c>
      <c r="AM24198">
        <v>28</v>
      </c>
      <c r="AN24198">
        <v>28</v>
      </c>
      <c r="AO24198">
        <v>28</v>
      </c>
      <c r="AP24198">
        <v>29</v>
      </c>
      <c r="AQ24198">
        <v>29</v>
      </c>
    </row>
    <row r="24199" spans="1:43">
      <c r="A24199" t="s">
        <v>14979</v>
      </c>
      <c r="B24199" t="s">
        <v>14980</v>
      </c>
      <c r="C24199" t="s">
        <v>14801</v>
      </c>
      <c r="D24199" t="s">
        <v>14802</v>
      </c>
      <c r="E24199" t="s">
        <v>14797</v>
      </c>
      <c r="F24199" t="s">
        <v>14798</v>
      </c>
      <c r="G24199" t="s">
        <v>10734</v>
      </c>
      <c r="H24199" t="s">
        <v>10735</v>
      </c>
      <c r="I24199" s="2">
        <v>1</v>
      </c>
      <c r="J24199" s="2">
        <v>0</v>
      </c>
      <c r="K24199" s="2">
        <v>0</v>
      </c>
      <c r="L24199" t="s">
        <v>120</v>
      </c>
      <c r="M24199" t="s">
        <v>87</v>
      </c>
      <c r="N24199" t="s">
        <v>88</v>
      </c>
      <c r="O24199" t="s">
        <v>85</v>
      </c>
      <c r="P24199" t="s">
        <v>86</v>
      </c>
      <c r="Q24199">
        <v>18</v>
      </c>
      <c r="R24199">
        <v>19</v>
      </c>
      <c r="S24199">
        <v>19</v>
      </c>
      <c r="T24199">
        <v>19</v>
      </c>
      <c r="U24199">
        <v>19</v>
      </c>
      <c r="V24199">
        <v>19</v>
      </c>
      <c r="W24199">
        <v>20</v>
      </c>
      <c r="X24199">
        <v>20</v>
      </c>
      <c r="Y24199">
        <v>20</v>
      </c>
      <c r="Z24199">
        <v>20</v>
      </c>
      <c r="AA24199">
        <v>21</v>
      </c>
      <c r="AB24199">
        <v>21</v>
      </c>
      <c r="AC24199">
        <v>21</v>
      </c>
      <c r="AD24199">
        <v>21</v>
      </c>
      <c r="AE24199">
        <v>22</v>
      </c>
      <c r="AF24199">
        <v>22</v>
      </c>
      <c r="AG24199">
        <v>22</v>
      </c>
      <c r="AH24199">
        <v>23</v>
      </c>
      <c r="AI24199">
        <v>23</v>
      </c>
      <c r="AJ24199">
        <v>23</v>
      </c>
      <c r="AK24199">
        <v>23</v>
      </c>
      <c r="AL24199">
        <v>24</v>
      </c>
      <c r="AM24199">
        <v>24</v>
      </c>
      <c r="AN24199">
        <v>24</v>
      </c>
      <c r="AO24199">
        <v>25</v>
      </c>
      <c r="AP24199">
        <v>25</v>
      </c>
      <c r="AQ24199">
        <v>25</v>
      </c>
    </row>
    <row r="24200" spans="1:43">
      <c r="A24200" t="s">
        <v>14979</v>
      </c>
      <c r="B24200" t="s">
        <v>14980</v>
      </c>
      <c r="C24200" t="s">
        <v>14801</v>
      </c>
      <c r="D24200" t="s">
        <v>14802</v>
      </c>
      <c r="E24200" t="s">
        <v>14797</v>
      </c>
      <c r="F24200" t="s">
        <v>14798</v>
      </c>
      <c r="G24200" t="s">
        <v>10734</v>
      </c>
      <c r="H24200" t="s">
        <v>10735</v>
      </c>
      <c r="I24200" s="2">
        <v>1</v>
      </c>
      <c r="J24200" s="2">
        <v>0</v>
      </c>
      <c r="K24200" s="2">
        <v>0</v>
      </c>
      <c r="L24200" t="s">
        <v>120</v>
      </c>
      <c r="M24200" t="s">
        <v>89</v>
      </c>
      <c r="N24200" t="s">
        <v>90</v>
      </c>
      <c r="O24200" t="s">
        <v>85</v>
      </c>
      <c r="P24200" t="s">
        <v>86</v>
      </c>
      <c r="Q24200">
        <v>18</v>
      </c>
      <c r="R24200">
        <v>18</v>
      </c>
      <c r="S24200">
        <v>19</v>
      </c>
      <c r="T24200">
        <v>19</v>
      </c>
      <c r="U24200">
        <v>20</v>
      </c>
      <c r="V24200">
        <v>20</v>
      </c>
      <c r="W24200">
        <v>21</v>
      </c>
      <c r="X24200">
        <v>22</v>
      </c>
      <c r="Y24200">
        <v>22</v>
      </c>
      <c r="Z24200">
        <v>23</v>
      </c>
      <c r="AA24200">
        <v>23</v>
      </c>
      <c r="AB24200">
        <v>24</v>
      </c>
      <c r="AC24200">
        <v>24</v>
      </c>
      <c r="AD24200">
        <v>25</v>
      </c>
      <c r="AE24200">
        <v>25</v>
      </c>
      <c r="AF24200">
        <v>25</v>
      </c>
      <c r="AG24200">
        <v>26</v>
      </c>
      <c r="AH24200">
        <v>26</v>
      </c>
      <c r="AI24200">
        <v>26</v>
      </c>
      <c r="AJ24200">
        <v>26</v>
      </c>
      <c r="AK24200">
        <v>27</v>
      </c>
      <c r="AL24200">
        <v>27</v>
      </c>
      <c r="AM24200">
        <v>27</v>
      </c>
      <c r="AN24200">
        <v>27</v>
      </c>
      <c r="AO24200">
        <v>28</v>
      </c>
      <c r="AP24200">
        <v>28</v>
      </c>
      <c r="AQ24200">
        <v>28</v>
      </c>
    </row>
    <row r="24201" spans="1:43">
      <c r="A24201" t="s">
        <v>14979</v>
      </c>
      <c r="B24201" t="s">
        <v>14980</v>
      </c>
      <c r="C24201" t="s">
        <v>14801</v>
      </c>
      <c r="D24201" t="s">
        <v>14802</v>
      </c>
      <c r="E24201" t="s">
        <v>14797</v>
      </c>
      <c r="F24201" t="s">
        <v>14798</v>
      </c>
      <c r="G24201" t="s">
        <v>10734</v>
      </c>
      <c r="H24201" t="s">
        <v>10735</v>
      </c>
      <c r="I24201" s="2">
        <v>1</v>
      </c>
      <c r="J24201" s="2">
        <v>0</v>
      </c>
      <c r="K24201" s="2">
        <v>0</v>
      </c>
      <c r="L24201" t="s">
        <v>120</v>
      </c>
      <c r="M24201" t="s">
        <v>83</v>
      </c>
      <c r="N24201" t="s">
        <v>91</v>
      </c>
      <c r="O24201" t="s">
        <v>85</v>
      </c>
      <c r="P24201" t="s">
        <v>86</v>
      </c>
      <c r="Q24201">
        <v>18</v>
      </c>
      <c r="R24201">
        <v>19</v>
      </c>
      <c r="S24201">
        <v>19</v>
      </c>
      <c r="T24201">
        <v>20</v>
      </c>
      <c r="U24201">
        <v>20</v>
      </c>
      <c r="V24201">
        <v>21</v>
      </c>
      <c r="W24201">
        <v>21</v>
      </c>
      <c r="X24201">
        <v>21</v>
      </c>
      <c r="Y24201">
        <v>22</v>
      </c>
      <c r="Z24201">
        <v>22</v>
      </c>
      <c r="AA24201">
        <v>23</v>
      </c>
      <c r="AB24201">
        <v>23</v>
      </c>
      <c r="AC24201">
        <v>24</v>
      </c>
      <c r="AD24201">
        <v>24</v>
      </c>
      <c r="AE24201">
        <v>24</v>
      </c>
      <c r="AF24201">
        <v>25</v>
      </c>
      <c r="AG24201">
        <v>25</v>
      </c>
      <c r="AH24201">
        <v>26</v>
      </c>
      <c r="AI24201">
        <v>26</v>
      </c>
      <c r="AJ24201">
        <v>27</v>
      </c>
      <c r="AK24201">
        <v>27</v>
      </c>
      <c r="AL24201">
        <v>28</v>
      </c>
      <c r="AM24201">
        <v>28</v>
      </c>
      <c r="AN24201">
        <v>28</v>
      </c>
      <c r="AO24201">
        <v>28</v>
      </c>
      <c r="AP24201">
        <v>29</v>
      </c>
      <c r="AQ24201">
        <v>29</v>
      </c>
    </row>
    <row r="24202" spans="1:43">
      <c r="A24202" t="s">
        <v>14981</v>
      </c>
      <c r="B24202" t="s">
        <v>14982</v>
      </c>
      <c r="C24202" t="s">
        <v>14977</v>
      </c>
      <c r="D24202" t="s">
        <v>14978</v>
      </c>
      <c r="E24202" t="s">
        <v>14797</v>
      </c>
      <c r="F24202" t="s">
        <v>14798</v>
      </c>
      <c r="G24202" t="s">
        <v>10734</v>
      </c>
      <c r="H24202" t="s">
        <v>10735</v>
      </c>
      <c r="I24202" s="2">
        <v>1</v>
      </c>
      <c r="J24202" s="2">
        <v>0</v>
      </c>
      <c r="K24202" s="2">
        <v>0</v>
      </c>
      <c r="L24202" t="s">
        <v>120</v>
      </c>
      <c r="M24202" t="s">
        <v>83</v>
      </c>
      <c r="N24202" t="s">
        <v>84</v>
      </c>
      <c r="O24202" t="s">
        <v>85</v>
      </c>
      <c r="P24202" t="s">
        <v>86</v>
      </c>
      <c r="Q24202">
        <v>6</v>
      </c>
      <c r="R24202">
        <v>6</v>
      </c>
      <c r="S24202">
        <v>6</v>
      </c>
      <c r="T24202">
        <v>7</v>
      </c>
      <c r="U24202">
        <v>7</v>
      </c>
      <c r="V24202">
        <v>7</v>
      </c>
      <c r="W24202">
        <v>7</v>
      </c>
      <c r="X24202">
        <v>7</v>
      </c>
      <c r="Y24202">
        <v>7</v>
      </c>
      <c r="Z24202">
        <v>7</v>
      </c>
      <c r="AA24202">
        <v>8</v>
      </c>
      <c r="AB24202">
        <v>8</v>
      </c>
      <c r="AC24202">
        <v>8</v>
      </c>
      <c r="AD24202">
        <v>8</v>
      </c>
      <c r="AE24202">
        <v>8</v>
      </c>
      <c r="AF24202">
        <v>8</v>
      </c>
      <c r="AG24202">
        <v>8</v>
      </c>
      <c r="AH24202">
        <v>8</v>
      </c>
      <c r="AI24202">
        <v>9</v>
      </c>
      <c r="AJ24202">
        <v>9</v>
      </c>
      <c r="AK24202">
        <v>9</v>
      </c>
      <c r="AL24202">
        <v>9</v>
      </c>
      <c r="AM24202">
        <v>9</v>
      </c>
      <c r="AN24202">
        <v>9</v>
      </c>
      <c r="AO24202">
        <v>9</v>
      </c>
      <c r="AP24202">
        <v>9</v>
      </c>
      <c r="AQ24202">
        <v>9</v>
      </c>
    </row>
    <row r="24203" spans="1:43">
      <c r="A24203" t="s">
        <v>14981</v>
      </c>
      <c r="B24203" t="s">
        <v>14982</v>
      </c>
      <c r="C24203" t="s">
        <v>14977</v>
      </c>
      <c r="D24203" t="s">
        <v>14978</v>
      </c>
      <c r="E24203" t="s">
        <v>14797</v>
      </c>
      <c r="F24203" t="s">
        <v>14798</v>
      </c>
      <c r="G24203" t="s">
        <v>10734</v>
      </c>
      <c r="H24203" t="s">
        <v>10735</v>
      </c>
      <c r="I24203" s="2">
        <v>1</v>
      </c>
      <c r="J24203" s="2">
        <v>0</v>
      </c>
      <c r="K24203" s="2">
        <v>0</v>
      </c>
      <c r="L24203" t="s">
        <v>120</v>
      </c>
      <c r="M24203" t="s">
        <v>87</v>
      </c>
      <c r="N24203" t="s">
        <v>88</v>
      </c>
      <c r="O24203" t="s">
        <v>85</v>
      </c>
      <c r="P24203" t="s">
        <v>86</v>
      </c>
      <c r="Q24203">
        <v>6</v>
      </c>
      <c r="R24203">
        <v>6</v>
      </c>
      <c r="S24203">
        <v>6</v>
      </c>
      <c r="T24203">
        <v>6</v>
      </c>
      <c r="U24203">
        <v>6</v>
      </c>
      <c r="V24203">
        <v>6</v>
      </c>
      <c r="W24203">
        <v>7</v>
      </c>
      <c r="X24203">
        <v>7</v>
      </c>
      <c r="Y24203">
        <v>7</v>
      </c>
      <c r="Z24203">
        <v>7</v>
      </c>
      <c r="AA24203">
        <v>7</v>
      </c>
      <c r="AB24203">
        <v>7</v>
      </c>
      <c r="AC24203">
        <v>7</v>
      </c>
      <c r="AD24203">
        <v>7</v>
      </c>
      <c r="AE24203">
        <v>7</v>
      </c>
      <c r="AF24203">
        <v>7</v>
      </c>
      <c r="AG24203">
        <v>7</v>
      </c>
      <c r="AH24203">
        <v>7</v>
      </c>
      <c r="AI24203">
        <v>7</v>
      </c>
      <c r="AJ24203">
        <v>8</v>
      </c>
      <c r="AK24203">
        <v>8</v>
      </c>
      <c r="AL24203">
        <v>8</v>
      </c>
      <c r="AM24203">
        <v>8</v>
      </c>
      <c r="AN24203">
        <v>8</v>
      </c>
      <c r="AO24203">
        <v>8</v>
      </c>
      <c r="AP24203">
        <v>8</v>
      </c>
      <c r="AQ24203">
        <v>8</v>
      </c>
    </row>
    <row r="24204" spans="1:43">
      <c r="A24204" t="s">
        <v>14981</v>
      </c>
      <c r="B24204" t="s">
        <v>14982</v>
      </c>
      <c r="C24204" t="s">
        <v>14977</v>
      </c>
      <c r="D24204" t="s">
        <v>14978</v>
      </c>
      <c r="E24204" t="s">
        <v>14797</v>
      </c>
      <c r="F24204" t="s">
        <v>14798</v>
      </c>
      <c r="G24204" t="s">
        <v>10734</v>
      </c>
      <c r="H24204" t="s">
        <v>10735</v>
      </c>
      <c r="I24204" s="2">
        <v>1</v>
      </c>
      <c r="J24204" s="2">
        <v>0</v>
      </c>
      <c r="K24204" s="2">
        <v>0</v>
      </c>
      <c r="L24204" t="s">
        <v>120</v>
      </c>
      <c r="M24204" t="s">
        <v>89</v>
      </c>
      <c r="N24204" t="s">
        <v>90</v>
      </c>
      <c r="O24204" t="s">
        <v>85</v>
      </c>
      <c r="P24204" t="s">
        <v>86</v>
      </c>
      <c r="Q24204">
        <v>6</v>
      </c>
      <c r="R24204">
        <v>6</v>
      </c>
      <c r="S24204">
        <v>7</v>
      </c>
      <c r="T24204">
        <v>7</v>
      </c>
      <c r="U24204">
        <v>7</v>
      </c>
      <c r="V24204">
        <v>7</v>
      </c>
      <c r="W24204">
        <v>7</v>
      </c>
      <c r="X24204">
        <v>7</v>
      </c>
      <c r="Y24204">
        <v>8</v>
      </c>
      <c r="Z24204">
        <v>8</v>
      </c>
      <c r="AA24204">
        <v>8</v>
      </c>
      <c r="AB24204">
        <v>8</v>
      </c>
      <c r="AC24204">
        <v>8</v>
      </c>
      <c r="AD24204">
        <v>8</v>
      </c>
      <c r="AE24204">
        <v>9</v>
      </c>
      <c r="AF24204">
        <v>9</v>
      </c>
      <c r="AG24204">
        <v>9</v>
      </c>
      <c r="AH24204">
        <v>9</v>
      </c>
      <c r="AI24204">
        <v>9</v>
      </c>
      <c r="AJ24204">
        <v>9</v>
      </c>
      <c r="AK24204">
        <v>9</v>
      </c>
      <c r="AL24204">
        <v>9</v>
      </c>
      <c r="AM24204">
        <v>9</v>
      </c>
      <c r="AN24204">
        <v>9</v>
      </c>
      <c r="AO24204">
        <v>9</v>
      </c>
      <c r="AP24204">
        <v>9</v>
      </c>
      <c r="AQ24204">
        <v>9</v>
      </c>
    </row>
    <row r="24205" spans="1:43">
      <c r="A24205" t="s">
        <v>14981</v>
      </c>
      <c r="B24205" t="s">
        <v>14982</v>
      </c>
      <c r="C24205" t="s">
        <v>14977</v>
      </c>
      <c r="D24205" t="s">
        <v>14978</v>
      </c>
      <c r="E24205" t="s">
        <v>14797</v>
      </c>
      <c r="F24205" t="s">
        <v>14798</v>
      </c>
      <c r="G24205" t="s">
        <v>10734</v>
      </c>
      <c r="H24205" t="s">
        <v>10735</v>
      </c>
      <c r="I24205" s="2">
        <v>1</v>
      </c>
      <c r="J24205" s="2">
        <v>0</v>
      </c>
      <c r="K24205" s="2">
        <v>0</v>
      </c>
      <c r="L24205" t="s">
        <v>120</v>
      </c>
      <c r="M24205" t="s">
        <v>83</v>
      </c>
      <c r="N24205" t="s">
        <v>91</v>
      </c>
      <c r="O24205" t="s">
        <v>85</v>
      </c>
      <c r="P24205" t="s">
        <v>86</v>
      </c>
      <c r="Q24205">
        <v>6</v>
      </c>
      <c r="R24205">
        <v>6</v>
      </c>
      <c r="S24205">
        <v>6</v>
      </c>
      <c r="T24205">
        <v>7</v>
      </c>
      <c r="U24205">
        <v>7</v>
      </c>
      <c r="V24205">
        <v>7</v>
      </c>
      <c r="W24205">
        <v>7</v>
      </c>
      <c r="X24205">
        <v>7</v>
      </c>
      <c r="Y24205">
        <v>7</v>
      </c>
      <c r="Z24205">
        <v>7</v>
      </c>
      <c r="AA24205">
        <v>8</v>
      </c>
      <c r="AB24205">
        <v>8</v>
      </c>
      <c r="AC24205">
        <v>8</v>
      </c>
      <c r="AD24205">
        <v>8</v>
      </c>
      <c r="AE24205">
        <v>8</v>
      </c>
      <c r="AF24205">
        <v>8</v>
      </c>
      <c r="AG24205">
        <v>8</v>
      </c>
      <c r="AH24205">
        <v>8</v>
      </c>
      <c r="AI24205">
        <v>9</v>
      </c>
      <c r="AJ24205">
        <v>9</v>
      </c>
      <c r="AK24205">
        <v>9</v>
      </c>
      <c r="AL24205">
        <v>9</v>
      </c>
      <c r="AM24205">
        <v>9</v>
      </c>
      <c r="AN24205">
        <v>9</v>
      </c>
      <c r="AO24205">
        <v>9</v>
      </c>
      <c r="AP24205">
        <v>9</v>
      </c>
      <c r="AQ24205">
        <v>9</v>
      </c>
    </row>
    <row r="24206" spans="1:43">
      <c r="A24206" t="s">
        <v>14983</v>
      </c>
      <c r="B24206" t="s">
        <v>14984</v>
      </c>
      <c r="C24206" t="s">
        <v>14839</v>
      </c>
      <c r="D24206" t="s">
        <v>14840</v>
      </c>
      <c r="E24206" t="s">
        <v>14797</v>
      </c>
      <c r="F24206" t="s">
        <v>14798</v>
      </c>
      <c r="G24206" t="s">
        <v>10734</v>
      </c>
      <c r="H24206" t="s">
        <v>10735</v>
      </c>
      <c r="I24206" s="2">
        <v>1</v>
      </c>
      <c r="J24206" s="2">
        <v>0</v>
      </c>
      <c r="K24206" s="2">
        <v>0</v>
      </c>
      <c r="L24206" t="s">
        <v>120</v>
      </c>
      <c r="M24206" t="s">
        <v>83</v>
      </c>
      <c r="N24206" t="s">
        <v>84</v>
      </c>
      <c r="O24206" t="s">
        <v>85</v>
      </c>
      <c r="P24206" t="s">
        <v>86</v>
      </c>
      <c r="Q24206">
        <v>8</v>
      </c>
      <c r="R24206">
        <v>8</v>
      </c>
      <c r="S24206">
        <v>9</v>
      </c>
      <c r="T24206">
        <v>9</v>
      </c>
      <c r="U24206">
        <v>9</v>
      </c>
      <c r="V24206">
        <v>9</v>
      </c>
      <c r="W24206">
        <v>9</v>
      </c>
      <c r="X24206">
        <v>9</v>
      </c>
      <c r="Y24206">
        <v>10</v>
      </c>
      <c r="Z24206">
        <v>10</v>
      </c>
      <c r="AA24206">
        <v>10</v>
      </c>
      <c r="AB24206">
        <v>10</v>
      </c>
      <c r="AC24206">
        <v>10</v>
      </c>
      <c r="AD24206">
        <v>11</v>
      </c>
      <c r="AE24206">
        <v>11</v>
      </c>
      <c r="AF24206">
        <v>11</v>
      </c>
      <c r="AG24206">
        <v>11</v>
      </c>
      <c r="AH24206">
        <v>11</v>
      </c>
      <c r="AI24206">
        <v>12</v>
      </c>
      <c r="AJ24206">
        <v>12</v>
      </c>
      <c r="AK24206">
        <v>12</v>
      </c>
      <c r="AL24206">
        <v>12</v>
      </c>
      <c r="AM24206">
        <v>12</v>
      </c>
      <c r="AN24206">
        <v>12</v>
      </c>
      <c r="AO24206">
        <v>13</v>
      </c>
      <c r="AP24206">
        <v>13</v>
      </c>
      <c r="AQ24206">
        <v>13</v>
      </c>
    </row>
    <row r="24207" spans="1:43">
      <c r="A24207" t="s">
        <v>14983</v>
      </c>
      <c r="B24207" t="s">
        <v>14984</v>
      </c>
      <c r="C24207" t="s">
        <v>14839</v>
      </c>
      <c r="D24207" t="s">
        <v>14840</v>
      </c>
      <c r="E24207" t="s">
        <v>14797</v>
      </c>
      <c r="F24207" t="s">
        <v>14798</v>
      </c>
      <c r="G24207" t="s">
        <v>10734</v>
      </c>
      <c r="H24207" t="s">
        <v>10735</v>
      </c>
      <c r="I24207" s="2">
        <v>1</v>
      </c>
      <c r="J24207" s="2">
        <v>0</v>
      </c>
      <c r="K24207" s="2">
        <v>0</v>
      </c>
      <c r="L24207" t="s">
        <v>120</v>
      </c>
      <c r="M24207" t="s">
        <v>87</v>
      </c>
      <c r="N24207" t="s">
        <v>88</v>
      </c>
      <c r="O24207" t="s">
        <v>85</v>
      </c>
      <c r="P24207" t="s">
        <v>86</v>
      </c>
      <c r="Q24207">
        <v>8</v>
      </c>
      <c r="R24207">
        <v>8</v>
      </c>
      <c r="S24207">
        <v>8</v>
      </c>
      <c r="T24207">
        <v>8</v>
      </c>
      <c r="U24207">
        <v>8</v>
      </c>
      <c r="V24207">
        <v>9</v>
      </c>
      <c r="W24207">
        <v>9</v>
      </c>
      <c r="X24207">
        <v>9</v>
      </c>
      <c r="Y24207">
        <v>9</v>
      </c>
      <c r="Z24207">
        <v>9</v>
      </c>
      <c r="AA24207">
        <v>9</v>
      </c>
      <c r="AB24207">
        <v>9</v>
      </c>
      <c r="AC24207">
        <v>9</v>
      </c>
      <c r="AD24207">
        <v>9</v>
      </c>
      <c r="AE24207">
        <v>10</v>
      </c>
      <c r="AF24207">
        <v>10</v>
      </c>
      <c r="AG24207">
        <v>10</v>
      </c>
      <c r="AH24207">
        <v>10</v>
      </c>
      <c r="AI24207">
        <v>10</v>
      </c>
      <c r="AJ24207">
        <v>10</v>
      </c>
      <c r="AK24207">
        <v>10</v>
      </c>
      <c r="AL24207">
        <v>10</v>
      </c>
      <c r="AM24207">
        <v>11</v>
      </c>
      <c r="AN24207">
        <v>11</v>
      </c>
      <c r="AO24207">
        <v>11</v>
      </c>
      <c r="AP24207">
        <v>11</v>
      </c>
      <c r="AQ24207">
        <v>11</v>
      </c>
    </row>
    <row r="24208" spans="1:43">
      <c r="A24208" t="s">
        <v>14983</v>
      </c>
      <c r="B24208" t="s">
        <v>14984</v>
      </c>
      <c r="C24208" t="s">
        <v>14839</v>
      </c>
      <c r="D24208" t="s">
        <v>14840</v>
      </c>
      <c r="E24208" t="s">
        <v>14797</v>
      </c>
      <c r="F24208" t="s">
        <v>14798</v>
      </c>
      <c r="G24208" t="s">
        <v>10734</v>
      </c>
      <c r="H24208" t="s">
        <v>10735</v>
      </c>
      <c r="I24208" s="2">
        <v>1</v>
      </c>
      <c r="J24208" s="2">
        <v>0</v>
      </c>
      <c r="K24208" s="2">
        <v>0</v>
      </c>
      <c r="L24208" t="s">
        <v>120</v>
      </c>
      <c r="M24208" t="s">
        <v>89</v>
      </c>
      <c r="N24208" t="s">
        <v>90</v>
      </c>
      <c r="O24208" t="s">
        <v>85</v>
      </c>
      <c r="P24208" t="s">
        <v>86</v>
      </c>
      <c r="Q24208">
        <v>8</v>
      </c>
      <c r="R24208">
        <v>8</v>
      </c>
      <c r="S24208">
        <v>9</v>
      </c>
      <c r="T24208">
        <v>9</v>
      </c>
      <c r="U24208">
        <v>9</v>
      </c>
      <c r="V24208">
        <v>9</v>
      </c>
      <c r="W24208">
        <v>10</v>
      </c>
      <c r="X24208">
        <v>10</v>
      </c>
      <c r="Y24208">
        <v>10</v>
      </c>
      <c r="Z24208">
        <v>10</v>
      </c>
      <c r="AA24208">
        <v>11</v>
      </c>
      <c r="AB24208">
        <v>11</v>
      </c>
      <c r="AC24208">
        <v>11</v>
      </c>
      <c r="AD24208">
        <v>11</v>
      </c>
      <c r="AE24208">
        <v>12</v>
      </c>
      <c r="AF24208">
        <v>12</v>
      </c>
      <c r="AG24208">
        <v>12</v>
      </c>
      <c r="AH24208">
        <v>12</v>
      </c>
      <c r="AI24208">
        <v>12</v>
      </c>
      <c r="AJ24208">
        <v>12</v>
      </c>
      <c r="AK24208">
        <v>12</v>
      </c>
      <c r="AL24208">
        <v>12</v>
      </c>
      <c r="AM24208">
        <v>12</v>
      </c>
      <c r="AN24208">
        <v>13</v>
      </c>
      <c r="AO24208">
        <v>13</v>
      </c>
      <c r="AP24208">
        <v>13</v>
      </c>
      <c r="AQ24208">
        <v>13</v>
      </c>
    </row>
    <row r="24209" spans="1:43">
      <c r="A24209" t="s">
        <v>14983</v>
      </c>
      <c r="B24209" t="s">
        <v>14984</v>
      </c>
      <c r="C24209" t="s">
        <v>14839</v>
      </c>
      <c r="D24209" t="s">
        <v>14840</v>
      </c>
      <c r="E24209" t="s">
        <v>14797</v>
      </c>
      <c r="F24209" t="s">
        <v>14798</v>
      </c>
      <c r="G24209" t="s">
        <v>10734</v>
      </c>
      <c r="H24209" t="s">
        <v>10735</v>
      </c>
      <c r="I24209" s="2">
        <v>1</v>
      </c>
      <c r="J24209" s="2">
        <v>0</v>
      </c>
      <c r="K24209" s="2">
        <v>0</v>
      </c>
      <c r="L24209" t="s">
        <v>120</v>
      </c>
      <c r="M24209" t="s">
        <v>83</v>
      </c>
      <c r="N24209" t="s">
        <v>91</v>
      </c>
      <c r="O24209" t="s">
        <v>85</v>
      </c>
      <c r="P24209" t="s">
        <v>86</v>
      </c>
      <c r="Q24209">
        <v>8</v>
      </c>
      <c r="R24209">
        <v>8</v>
      </c>
      <c r="S24209">
        <v>9</v>
      </c>
      <c r="T24209">
        <v>9</v>
      </c>
      <c r="U24209">
        <v>9</v>
      </c>
      <c r="V24209">
        <v>9</v>
      </c>
      <c r="W24209">
        <v>9</v>
      </c>
      <c r="X24209">
        <v>9</v>
      </c>
      <c r="Y24209">
        <v>10</v>
      </c>
      <c r="Z24209">
        <v>10</v>
      </c>
      <c r="AA24209">
        <v>10</v>
      </c>
      <c r="AB24209">
        <v>10</v>
      </c>
      <c r="AC24209">
        <v>10</v>
      </c>
      <c r="AD24209">
        <v>11</v>
      </c>
      <c r="AE24209">
        <v>11</v>
      </c>
      <c r="AF24209">
        <v>11</v>
      </c>
      <c r="AG24209">
        <v>11</v>
      </c>
      <c r="AH24209">
        <v>11</v>
      </c>
      <c r="AI24209">
        <v>12</v>
      </c>
      <c r="AJ24209">
        <v>12</v>
      </c>
      <c r="AK24209">
        <v>12</v>
      </c>
      <c r="AL24209">
        <v>12</v>
      </c>
      <c r="AM24209">
        <v>12</v>
      </c>
      <c r="AN24209">
        <v>12</v>
      </c>
      <c r="AO24209">
        <v>13</v>
      </c>
      <c r="AP24209">
        <v>13</v>
      </c>
      <c r="AQ24209">
        <v>13</v>
      </c>
    </row>
    <row r="24210" spans="1:43">
      <c r="A24210" t="s">
        <v>14985</v>
      </c>
      <c r="B24210" t="s">
        <v>14986</v>
      </c>
      <c r="C24210" t="s">
        <v>14977</v>
      </c>
      <c r="D24210" t="s">
        <v>14978</v>
      </c>
      <c r="E24210" t="s">
        <v>14797</v>
      </c>
      <c r="F24210" t="s">
        <v>14798</v>
      </c>
      <c r="G24210" t="s">
        <v>10734</v>
      </c>
      <c r="H24210" t="s">
        <v>10735</v>
      </c>
      <c r="I24210" s="2">
        <v>1</v>
      </c>
      <c r="J24210" s="2">
        <v>0</v>
      </c>
      <c r="K24210" s="2">
        <v>0</v>
      </c>
      <c r="L24210" t="s">
        <v>120</v>
      </c>
      <c r="M24210" t="s">
        <v>83</v>
      </c>
      <c r="N24210" t="s">
        <v>84</v>
      </c>
      <c r="O24210" t="s">
        <v>85</v>
      </c>
      <c r="P24210" t="s">
        <v>86</v>
      </c>
      <c r="Q24210">
        <v>10</v>
      </c>
      <c r="R24210">
        <v>10</v>
      </c>
      <c r="S24210">
        <v>10</v>
      </c>
      <c r="T24210">
        <v>10</v>
      </c>
      <c r="U24210">
        <v>11</v>
      </c>
      <c r="V24210">
        <v>11</v>
      </c>
      <c r="W24210">
        <v>11</v>
      </c>
      <c r="X24210">
        <v>11</v>
      </c>
      <c r="Y24210">
        <v>11</v>
      </c>
      <c r="Z24210">
        <v>12</v>
      </c>
      <c r="AA24210">
        <v>12</v>
      </c>
      <c r="AB24210">
        <v>12</v>
      </c>
      <c r="AC24210">
        <v>12</v>
      </c>
      <c r="AD24210">
        <v>13</v>
      </c>
      <c r="AE24210">
        <v>13</v>
      </c>
      <c r="AF24210">
        <v>13</v>
      </c>
      <c r="AG24210">
        <v>13</v>
      </c>
      <c r="AH24210">
        <v>13</v>
      </c>
      <c r="AI24210">
        <v>14</v>
      </c>
      <c r="AJ24210">
        <v>14</v>
      </c>
      <c r="AK24210">
        <v>14</v>
      </c>
      <c r="AL24210">
        <v>14</v>
      </c>
      <c r="AM24210">
        <v>14</v>
      </c>
      <c r="AN24210">
        <v>15</v>
      </c>
      <c r="AO24210">
        <v>15</v>
      </c>
      <c r="AP24210">
        <v>15</v>
      </c>
      <c r="AQ24210">
        <v>15</v>
      </c>
    </row>
    <row r="24211" spans="1:43">
      <c r="A24211" t="s">
        <v>14985</v>
      </c>
      <c r="B24211" t="s">
        <v>14986</v>
      </c>
      <c r="C24211" t="s">
        <v>14977</v>
      </c>
      <c r="D24211" t="s">
        <v>14978</v>
      </c>
      <c r="E24211" t="s">
        <v>14797</v>
      </c>
      <c r="F24211" t="s">
        <v>14798</v>
      </c>
      <c r="G24211" t="s">
        <v>10734</v>
      </c>
      <c r="H24211" t="s">
        <v>10735</v>
      </c>
      <c r="I24211" s="2">
        <v>1</v>
      </c>
      <c r="J24211" s="2">
        <v>0</v>
      </c>
      <c r="K24211" s="2">
        <v>0</v>
      </c>
      <c r="L24211" t="s">
        <v>120</v>
      </c>
      <c r="M24211" t="s">
        <v>87</v>
      </c>
      <c r="N24211" t="s">
        <v>88</v>
      </c>
      <c r="O24211" t="s">
        <v>85</v>
      </c>
      <c r="P24211" t="s">
        <v>86</v>
      </c>
      <c r="Q24211">
        <v>10</v>
      </c>
      <c r="R24211">
        <v>10</v>
      </c>
      <c r="S24211">
        <v>10</v>
      </c>
      <c r="T24211">
        <v>10</v>
      </c>
      <c r="U24211">
        <v>10</v>
      </c>
      <c r="V24211">
        <v>10</v>
      </c>
      <c r="W24211">
        <v>10</v>
      </c>
      <c r="X24211">
        <v>11</v>
      </c>
      <c r="Y24211">
        <v>11</v>
      </c>
      <c r="Z24211">
        <v>11</v>
      </c>
      <c r="AA24211">
        <v>11</v>
      </c>
      <c r="AB24211">
        <v>11</v>
      </c>
      <c r="AC24211">
        <v>11</v>
      </c>
      <c r="AD24211">
        <v>11</v>
      </c>
      <c r="AE24211">
        <v>11</v>
      </c>
      <c r="AF24211">
        <v>11</v>
      </c>
      <c r="AG24211">
        <v>12</v>
      </c>
      <c r="AH24211">
        <v>12</v>
      </c>
      <c r="AI24211">
        <v>12</v>
      </c>
      <c r="AJ24211">
        <v>12</v>
      </c>
      <c r="AK24211">
        <v>12</v>
      </c>
      <c r="AL24211">
        <v>12</v>
      </c>
      <c r="AM24211">
        <v>12</v>
      </c>
      <c r="AN24211">
        <v>13</v>
      </c>
      <c r="AO24211">
        <v>13</v>
      </c>
      <c r="AP24211">
        <v>13</v>
      </c>
      <c r="AQ24211">
        <v>13</v>
      </c>
    </row>
    <row r="24212" spans="1:43">
      <c r="A24212" t="s">
        <v>14985</v>
      </c>
      <c r="B24212" t="s">
        <v>14986</v>
      </c>
      <c r="C24212" t="s">
        <v>14977</v>
      </c>
      <c r="D24212" t="s">
        <v>14978</v>
      </c>
      <c r="E24212" t="s">
        <v>14797</v>
      </c>
      <c r="F24212" t="s">
        <v>14798</v>
      </c>
      <c r="G24212" t="s">
        <v>10734</v>
      </c>
      <c r="H24212" t="s">
        <v>10735</v>
      </c>
      <c r="I24212" s="2">
        <v>1</v>
      </c>
      <c r="J24212" s="2">
        <v>0</v>
      </c>
      <c r="K24212" s="2">
        <v>0</v>
      </c>
      <c r="L24212" t="s">
        <v>120</v>
      </c>
      <c r="M24212" t="s">
        <v>89</v>
      </c>
      <c r="N24212" t="s">
        <v>90</v>
      </c>
      <c r="O24212" t="s">
        <v>85</v>
      </c>
      <c r="P24212" t="s">
        <v>86</v>
      </c>
      <c r="Q24212">
        <v>10</v>
      </c>
      <c r="R24212">
        <v>10</v>
      </c>
      <c r="S24212">
        <v>10</v>
      </c>
      <c r="T24212">
        <v>11</v>
      </c>
      <c r="U24212">
        <v>11</v>
      </c>
      <c r="V24212">
        <v>11</v>
      </c>
      <c r="W24212">
        <v>12</v>
      </c>
      <c r="X24212">
        <v>12</v>
      </c>
      <c r="Y24212">
        <v>12</v>
      </c>
      <c r="Z24212">
        <v>12</v>
      </c>
      <c r="AA24212">
        <v>13</v>
      </c>
      <c r="AB24212">
        <v>13</v>
      </c>
      <c r="AC24212">
        <v>13</v>
      </c>
      <c r="AD24212">
        <v>13</v>
      </c>
      <c r="AE24212">
        <v>14</v>
      </c>
      <c r="AF24212">
        <v>14</v>
      </c>
      <c r="AG24212">
        <v>14</v>
      </c>
      <c r="AH24212">
        <v>14</v>
      </c>
      <c r="AI24212">
        <v>14</v>
      </c>
      <c r="AJ24212">
        <v>14</v>
      </c>
      <c r="AK24212">
        <v>14</v>
      </c>
      <c r="AL24212">
        <v>14</v>
      </c>
      <c r="AM24212">
        <v>15</v>
      </c>
      <c r="AN24212">
        <v>15</v>
      </c>
      <c r="AO24212">
        <v>15</v>
      </c>
      <c r="AP24212">
        <v>15</v>
      </c>
      <c r="AQ24212">
        <v>15</v>
      </c>
    </row>
    <row r="24213" spans="1:43">
      <c r="A24213" t="s">
        <v>14985</v>
      </c>
      <c r="B24213" t="s">
        <v>14986</v>
      </c>
      <c r="C24213" t="s">
        <v>14977</v>
      </c>
      <c r="D24213" t="s">
        <v>14978</v>
      </c>
      <c r="E24213" t="s">
        <v>14797</v>
      </c>
      <c r="F24213" t="s">
        <v>14798</v>
      </c>
      <c r="G24213" t="s">
        <v>10734</v>
      </c>
      <c r="H24213" t="s">
        <v>10735</v>
      </c>
      <c r="I24213" s="2">
        <v>1</v>
      </c>
      <c r="J24213" s="2">
        <v>0</v>
      </c>
      <c r="K24213" s="2">
        <v>0</v>
      </c>
      <c r="L24213" t="s">
        <v>120</v>
      </c>
      <c r="M24213" t="s">
        <v>83</v>
      </c>
      <c r="N24213" t="s">
        <v>91</v>
      </c>
      <c r="O24213" t="s">
        <v>85</v>
      </c>
      <c r="P24213" t="s">
        <v>86</v>
      </c>
      <c r="Q24213">
        <v>10</v>
      </c>
      <c r="R24213">
        <v>10</v>
      </c>
      <c r="S24213">
        <v>10</v>
      </c>
      <c r="T24213">
        <v>10</v>
      </c>
      <c r="U24213">
        <v>11</v>
      </c>
      <c r="V24213">
        <v>11</v>
      </c>
      <c r="W24213">
        <v>11</v>
      </c>
      <c r="X24213">
        <v>11</v>
      </c>
      <c r="Y24213">
        <v>11</v>
      </c>
      <c r="Z24213">
        <v>12</v>
      </c>
      <c r="AA24213">
        <v>12</v>
      </c>
      <c r="AB24213">
        <v>12</v>
      </c>
      <c r="AC24213">
        <v>12</v>
      </c>
      <c r="AD24213">
        <v>13</v>
      </c>
      <c r="AE24213">
        <v>13</v>
      </c>
      <c r="AF24213">
        <v>13</v>
      </c>
      <c r="AG24213">
        <v>13</v>
      </c>
      <c r="AH24213">
        <v>13</v>
      </c>
      <c r="AI24213">
        <v>14</v>
      </c>
      <c r="AJ24213">
        <v>14</v>
      </c>
      <c r="AK24213">
        <v>14</v>
      </c>
      <c r="AL24213">
        <v>14</v>
      </c>
      <c r="AM24213">
        <v>14</v>
      </c>
      <c r="AN24213">
        <v>15</v>
      </c>
      <c r="AO24213">
        <v>15</v>
      </c>
      <c r="AP24213">
        <v>15</v>
      </c>
      <c r="AQ24213">
        <v>15</v>
      </c>
    </row>
    <row r="24214" spans="1:43">
      <c r="A24214" t="s">
        <v>14987</v>
      </c>
      <c r="B24214" t="s">
        <v>14988</v>
      </c>
      <c r="C24214" t="s">
        <v>14839</v>
      </c>
      <c r="D24214" t="s">
        <v>14840</v>
      </c>
      <c r="E24214" t="s">
        <v>14797</v>
      </c>
      <c r="F24214" t="s">
        <v>14798</v>
      </c>
      <c r="G24214" t="s">
        <v>10734</v>
      </c>
      <c r="H24214" t="s">
        <v>10735</v>
      </c>
      <c r="I24214" s="2">
        <v>1</v>
      </c>
      <c r="J24214" s="2">
        <v>0</v>
      </c>
      <c r="K24214" s="2">
        <v>0</v>
      </c>
      <c r="L24214" t="s">
        <v>120</v>
      </c>
      <c r="M24214" t="s">
        <v>83</v>
      </c>
      <c r="N24214" t="s">
        <v>84</v>
      </c>
      <c r="O24214" t="s">
        <v>85</v>
      </c>
      <c r="P24214" t="s">
        <v>86</v>
      </c>
      <c r="Q24214">
        <v>7</v>
      </c>
      <c r="R24214">
        <v>7</v>
      </c>
      <c r="S24214">
        <v>8</v>
      </c>
      <c r="T24214">
        <v>8</v>
      </c>
      <c r="U24214">
        <v>8</v>
      </c>
      <c r="V24214">
        <v>8</v>
      </c>
      <c r="W24214">
        <v>8</v>
      </c>
      <c r="X24214">
        <v>8</v>
      </c>
      <c r="Y24214">
        <v>9</v>
      </c>
      <c r="Z24214">
        <v>9</v>
      </c>
      <c r="AA24214">
        <v>9</v>
      </c>
      <c r="AB24214">
        <v>9</v>
      </c>
      <c r="AC24214">
        <v>9</v>
      </c>
      <c r="AD24214">
        <v>9</v>
      </c>
      <c r="AE24214">
        <v>10</v>
      </c>
      <c r="AF24214">
        <v>10</v>
      </c>
      <c r="AG24214">
        <v>10</v>
      </c>
      <c r="AH24214">
        <v>10</v>
      </c>
      <c r="AI24214">
        <v>10</v>
      </c>
      <c r="AJ24214">
        <v>11</v>
      </c>
      <c r="AK24214">
        <v>11</v>
      </c>
      <c r="AL24214">
        <v>11</v>
      </c>
      <c r="AM24214">
        <v>11</v>
      </c>
      <c r="AN24214">
        <v>11</v>
      </c>
      <c r="AO24214">
        <v>11</v>
      </c>
      <c r="AP24214">
        <v>11</v>
      </c>
      <c r="AQ24214">
        <v>11</v>
      </c>
    </row>
    <row r="24215" spans="1:43">
      <c r="A24215" t="s">
        <v>14987</v>
      </c>
      <c r="B24215" t="s">
        <v>14988</v>
      </c>
      <c r="C24215" t="s">
        <v>14839</v>
      </c>
      <c r="D24215" t="s">
        <v>14840</v>
      </c>
      <c r="E24215" t="s">
        <v>14797</v>
      </c>
      <c r="F24215" t="s">
        <v>14798</v>
      </c>
      <c r="G24215" t="s">
        <v>10734</v>
      </c>
      <c r="H24215" t="s">
        <v>10735</v>
      </c>
      <c r="I24215" s="2">
        <v>1</v>
      </c>
      <c r="J24215" s="2">
        <v>0</v>
      </c>
      <c r="K24215" s="2">
        <v>0</v>
      </c>
      <c r="L24215" t="s">
        <v>120</v>
      </c>
      <c r="M24215" t="s">
        <v>87</v>
      </c>
      <c r="N24215" t="s">
        <v>88</v>
      </c>
      <c r="O24215" t="s">
        <v>85</v>
      </c>
      <c r="P24215" t="s">
        <v>86</v>
      </c>
      <c r="Q24215">
        <v>7</v>
      </c>
      <c r="R24215">
        <v>7</v>
      </c>
      <c r="S24215">
        <v>7</v>
      </c>
      <c r="T24215">
        <v>7</v>
      </c>
      <c r="U24215">
        <v>8</v>
      </c>
      <c r="V24215">
        <v>8</v>
      </c>
      <c r="W24215">
        <v>8</v>
      </c>
      <c r="X24215">
        <v>8</v>
      </c>
      <c r="Y24215">
        <v>8</v>
      </c>
      <c r="Z24215">
        <v>8</v>
      </c>
      <c r="AA24215">
        <v>8</v>
      </c>
      <c r="AB24215">
        <v>8</v>
      </c>
      <c r="AC24215">
        <v>8</v>
      </c>
      <c r="AD24215">
        <v>8</v>
      </c>
      <c r="AE24215">
        <v>9</v>
      </c>
      <c r="AF24215">
        <v>9</v>
      </c>
      <c r="AG24215">
        <v>9</v>
      </c>
      <c r="AH24215">
        <v>9</v>
      </c>
      <c r="AI24215">
        <v>9</v>
      </c>
      <c r="AJ24215">
        <v>9</v>
      </c>
      <c r="AK24215">
        <v>9</v>
      </c>
      <c r="AL24215">
        <v>9</v>
      </c>
      <c r="AM24215">
        <v>9</v>
      </c>
      <c r="AN24215">
        <v>10</v>
      </c>
      <c r="AO24215">
        <v>10</v>
      </c>
      <c r="AP24215">
        <v>10</v>
      </c>
      <c r="AQ24215">
        <v>10</v>
      </c>
    </row>
    <row r="24216" spans="1:43">
      <c r="A24216" t="s">
        <v>14987</v>
      </c>
      <c r="B24216" t="s">
        <v>14988</v>
      </c>
      <c r="C24216" t="s">
        <v>14839</v>
      </c>
      <c r="D24216" t="s">
        <v>14840</v>
      </c>
      <c r="E24216" t="s">
        <v>14797</v>
      </c>
      <c r="F24216" t="s">
        <v>14798</v>
      </c>
      <c r="G24216" t="s">
        <v>10734</v>
      </c>
      <c r="H24216" t="s">
        <v>10735</v>
      </c>
      <c r="I24216" s="2">
        <v>1</v>
      </c>
      <c r="J24216" s="2">
        <v>0</v>
      </c>
      <c r="K24216" s="2">
        <v>0</v>
      </c>
      <c r="L24216" t="s">
        <v>120</v>
      </c>
      <c r="M24216" t="s">
        <v>89</v>
      </c>
      <c r="N24216" t="s">
        <v>90</v>
      </c>
      <c r="O24216" t="s">
        <v>85</v>
      </c>
      <c r="P24216" t="s">
        <v>86</v>
      </c>
      <c r="Q24216">
        <v>7</v>
      </c>
      <c r="R24216">
        <v>8</v>
      </c>
      <c r="S24216">
        <v>8</v>
      </c>
      <c r="T24216">
        <v>8</v>
      </c>
      <c r="U24216">
        <v>8</v>
      </c>
      <c r="V24216">
        <v>8</v>
      </c>
      <c r="W24216">
        <v>9</v>
      </c>
      <c r="X24216">
        <v>9</v>
      </c>
      <c r="Y24216">
        <v>9</v>
      </c>
      <c r="Z24216">
        <v>9</v>
      </c>
      <c r="AA24216">
        <v>9</v>
      </c>
      <c r="AB24216">
        <v>10</v>
      </c>
      <c r="AC24216">
        <v>10</v>
      </c>
      <c r="AD24216">
        <v>10</v>
      </c>
      <c r="AE24216">
        <v>10</v>
      </c>
      <c r="AF24216">
        <v>10</v>
      </c>
      <c r="AG24216">
        <v>10</v>
      </c>
      <c r="AH24216">
        <v>11</v>
      </c>
      <c r="AI24216">
        <v>11</v>
      </c>
      <c r="AJ24216">
        <v>11</v>
      </c>
      <c r="AK24216">
        <v>11</v>
      </c>
      <c r="AL24216">
        <v>11</v>
      </c>
      <c r="AM24216">
        <v>11</v>
      </c>
      <c r="AN24216">
        <v>11</v>
      </c>
      <c r="AO24216">
        <v>11</v>
      </c>
      <c r="AP24216">
        <v>11</v>
      </c>
      <c r="AQ24216">
        <v>11</v>
      </c>
    </row>
    <row r="24217" spans="1:43">
      <c r="A24217" t="s">
        <v>14987</v>
      </c>
      <c r="B24217" t="s">
        <v>14988</v>
      </c>
      <c r="C24217" t="s">
        <v>14839</v>
      </c>
      <c r="D24217" t="s">
        <v>14840</v>
      </c>
      <c r="E24217" t="s">
        <v>14797</v>
      </c>
      <c r="F24217" t="s">
        <v>14798</v>
      </c>
      <c r="G24217" t="s">
        <v>10734</v>
      </c>
      <c r="H24217" t="s">
        <v>10735</v>
      </c>
      <c r="I24217" s="2">
        <v>1</v>
      </c>
      <c r="J24217" s="2">
        <v>0</v>
      </c>
      <c r="K24217" s="2">
        <v>0</v>
      </c>
      <c r="L24217" t="s">
        <v>120</v>
      </c>
      <c r="M24217" t="s">
        <v>83</v>
      </c>
      <c r="N24217" t="s">
        <v>91</v>
      </c>
      <c r="O24217" t="s">
        <v>85</v>
      </c>
      <c r="P24217" t="s">
        <v>86</v>
      </c>
      <c r="Q24217">
        <v>7</v>
      </c>
      <c r="R24217">
        <v>7</v>
      </c>
      <c r="S24217">
        <v>8</v>
      </c>
      <c r="T24217">
        <v>8</v>
      </c>
      <c r="U24217">
        <v>8</v>
      </c>
      <c r="V24217">
        <v>8</v>
      </c>
      <c r="W24217">
        <v>8</v>
      </c>
      <c r="X24217">
        <v>8</v>
      </c>
      <c r="Y24217">
        <v>9</v>
      </c>
      <c r="Z24217">
        <v>9</v>
      </c>
      <c r="AA24217">
        <v>9</v>
      </c>
      <c r="AB24217">
        <v>9</v>
      </c>
      <c r="AC24217">
        <v>9</v>
      </c>
      <c r="AD24217">
        <v>9</v>
      </c>
      <c r="AE24217">
        <v>10</v>
      </c>
      <c r="AF24217">
        <v>10</v>
      </c>
      <c r="AG24217">
        <v>10</v>
      </c>
      <c r="AH24217">
        <v>10</v>
      </c>
      <c r="AI24217">
        <v>10</v>
      </c>
      <c r="AJ24217">
        <v>11</v>
      </c>
      <c r="AK24217">
        <v>11</v>
      </c>
      <c r="AL24217">
        <v>11</v>
      </c>
      <c r="AM24217">
        <v>11</v>
      </c>
      <c r="AN24217">
        <v>11</v>
      </c>
      <c r="AO24217">
        <v>11</v>
      </c>
      <c r="AP24217">
        <v>11</v>
      </c>
      <c r="AQ24217">
        <v>11</v>
      </c>
    </row>
    <row r="24218" spans="1:43">
      <c r="A24218" t="s">
        <v>14989</v>
      </c>
      <c r="B24218" t="s">
        <v>14990</v>
      </c>
      <c r="C24218" t="s">
        <v>14977</v>
      </c>
      <c r="D24218" t="s">
        <v>14978</v>
      </c>
      <c r="E24218" t="s">
        <v>14797</v>
      </c>
      <c r="F24218" t="s">
        <v>14798</v>
      </c>
      <c r="G24218" t="s">
        <v>10734</v>
      </c>
      <c r="H24218" t="s">
        <v>10735</v>
      </c>
      <c r="I24218" s="2">
        <v>1</v>
      </c>
      <c r="J24218" s="2">
        <v>0</v>
      </c>
      <c r="K24218" s="2">
        <v>0</v>
      </c>
      <c r="L24218" t="s">
        <v>120</v>
      </c>
      <c r="M24218" t="s">
        <v>83</v>
      </c>
      <c r="N24218" t="s">
        <v>84</v>
      </c>
      <c r="O24218" t="s">
        <v>85</v>
      </c>
      <c r="P24218" t="s">
        <v>86</v>
      </c>
      <c r="Q24218">
        <v>8</v>
      </c>
      <c r="R24218">
        <v>8</v>
      </c>
      <c r="S24218">
        <v>8</v>
      </c>
      <c r="T24218">
        <v>9</v>
      </c>
      <c r="U24218">
        <v>9</v>
      </c>
      <c r="V24218">
        <v>9</v>
      </c>
      <c r="W24218">
        <v>9</v>
      </c>
      <c r="X24218">
        <v>9</v>
      </c>
      <c r="Y24218">
        <v>9</v>
      </c>
      <c r="Z24218">
        <v>10</v>
      </c>
      <c r="AA24218">
        <v>10</v>
      </c>
      <c r="AB24218">
        <v>10</v>
      </c>
      <c r="AC24218">
        <v>10</v>
      </c>
      <c r="AD24218">
        <v>10</v>
      </c>
      <c r="AE24218">
        <v>10</v>
      </c>
      <c r="AF24218">
        <v>11</v>
      </c>
      <c r="AG24218">
        <v>11</v>
      </c>
      <c r="AH24218">
        <v>11</v>
      </c>
      <c r="AI24218">
        <v>11</v>
      </c>
      <c r="AJ24218">
        <v>11</v>
      </c>
      <c r="AK24218">
        <v>12</v>
      </c>
      <c r="AL24218">
        <v>12</v>
      </c>
      <c r="AM24218">
        <v>12</v>
      </c>
      <c r="AN24218">
        <v>12</v>
      </c>
      <c r="AO24218">
        <v>12</v>
      </c>
      <c r="AP24218">
        <v>12</v>
      </c>
      <c r="AQ24218">
        <v>12</v>
      </c>
    </row>
    <row r="24219" spans="1:43">
      <c r="A24219" t="s">
        <v>14989</v>
      </c>
      <c r="B24219" t="s">
        <v>14990</v>
      </c>
      <c r="C24219" t="s">
        <v>14977</v>
      </c>
      <c r="D24219" t="s">
        <v>14978</v>
      </c>
      <c r="E24219" t="s">
        <v>14797</v>
      </c>
      <c r="F24219" t="s">
        <v>14798</v>
      </c>
      <c r="G24219" t="s">
        <v>10734</v>
      </c>
      <c r="H24219" t="s">
        <v>10735</v>
      </c>
      <c r="I24219" s="2">
        <v>1</v>
      </c>
      <c r="J24219" s="2">
        <v>0</v>
      </c>
      <c r="K24219" s="2">
        <v>0</v>
      </c>
      <c r="L24219" t="s">
        <v>120</v>
      </c>
      <c r="M24219" t="s">
        <v>87</v>
      </c>
      <c r="N24219" t="s">
        <v>88</v>
      </c>
      <c r="O24219" t="s">
        <v>85</v>
      </c>
      <c r="P24219" t="s">
        <v>86</v>
      </c>
      <c r="Q24219">
        <v>8</v>
      </c>
      <c r="R24219">
        <v>8</v>
      </c>
      <c r="S24219">
        <v>8</v>
      </c>
      <c r="T24219">
        <v>8</v>
      </c>
      <c r="U24219">
        <v>8</v>
      </c>
      <c r="V24219">
        <v>8</v>
      </c>
      <c r="W24219">
        <v>8</v>
      </c>
      <c r="X24219">
        <v>9</v>
      </c>
      <c r="Y24219">
        <v>9</v>
      </c>
      <c r="Z24219">
        <v>9</v>
      </c>
      <c r="AA24219">
        <v>9</v>
      </c>
      <c r="AB24219">
        <v>9</v>
      </c>
      <c r="AC24219">
        <v>9</v>
      </c>
      <c r="AD24219">
        <v>9</v>
      </c>
      <c r="AE24219">
        <v>9</v>
      </c>
      <c r="AF24219">
        <v>9</v>
      </c>
      <c r="AG24219">
        <v>10</v>
      </c>
      <c r="AH24219">
        <v>10</v>
      </c>
      <c r="AI24219">
        <v>10</v>
      </c>
      <c r="AJ24219">
        <v>10</v>
      </c>
      <c r="AK24219">
        <v>10</v>
      </c>
      <c r="AL24219">
        <v>10</v>
      </c>
      <c r="AM24219">
        <v>10</v>
      </c>
      <c r="AN24219">
        <v>10</v>
      </c>
      <c r="AO24219">
        <v>10</v>
      </c>
      <c r="AP24219">
        <v>11</v>
      </c>
      <c r="AQ24219">
        <v>11</v>
      </c>
    </row>
    <row r="24220" spans="1:43">
      <c r="A24220" t="s">
        <v>14989</v>
      </c>
      <c r="B24220" t="s">
        <v>14990</v>
      </c>
      <c r="C24220" t="s">
        <v>14977</v>
      </c>
      <c r="D24220" t="s">
        <v>14978</v>
      </c>
      <c r="E24220" t="s">
        <v>14797</v>
      </c>
      <c r="F24220" t="s">
        <v>14798</v>
      </c>
      <c r="G24220" t="s">
        <v>10734</v>
      </c>
      <c r="H24220" t="s">
        <v>10735</v>
      </c>
      <c r="I24220" s="2">
        <v>1</v>
      </c>
      <c r="J24220" s="2">
        <v>0</v>
      </c>
      <c r="K24220" s="2">
        <v>0</v>
      </c>
      <c r="L24220" t="s">
        <v>120</v>
      </c>
      <c r="M24220" t="s">
        <v>89</v>
      </c>
      <c r="N24220" t="s">
        <v>90</v>
      </c>
      <c r="O24220" t="s">
        <v>85</v>
      </c>
      <c r="P24220" t="s">
        <v>86</v>
      </c>
      <c r="Q24220">
        <v>8</v>
      </c>
      <c r="R24220">
        <v>8</v>
      </c>
      <c r="S24220">
        <v>9</v>
      </c>
      <c r="T24220">
        <v>9</v>
      </c>
      <c r="U24220">
        <v>9</v>
      </c>
      <c r="V24220">
        <v>9</v>
      </c>
      <c r="W24220">
        <v>9</v>
      </c>
      <c r="X24220">
        <v>10</v>
      </c>
      <c r="Y24220">
        <v>10</v>
      </c>
      <c r="Z24220">
        <v>10</v>
      </c>
      <c r="AA24220">
        <v>10</v>
      </c>
      <c r="AB24220">
        <v>11</v>
      </c>
      <c r="AC24220">
        <v>11</v>
      </c>
      <c r="AD24220">
        <v>11</v>
      </c>
      <c r="AE24220">
        <v>11</v>
      </c>
      <c r="AF24220">
        <v>11</v>
      </c>
      <c r="AG24220">
        <v>11</v>
      </c>
      <c r="AH24220">
        <v>11</v>
      </c>
      <c r="AI24220">
        <v>12</v>
      </c>
      <c r="AJ24220">
        <v>12</v>
      </c>
      <c r="AK24220">
        <v>12</v>
      </c>
      <c r="AL24220">
        <v>12</v>
      </c>
      <c r="AM24220">
        <v>12</v>
      </c>
      <c r="AN24220">
        <v>12</v>
      </c>
      <c r="AO24220">
        <v>12</v>
      </c>
      <c r="AP24220">
        <v>12</v>
      </c>
      <c r="AQ24220">
        <v>12</v>
      </c>
    </row>
    <row r="24221" spans="1:43">
      <c r="A24221" t="s">
        <v>14989</v>
      </c>
      <c r="B24221" t="s">
        <v>14990</v>
      </c>
      <c r="C24221" t="s">
        <v>14977</v>
      </c>
      <c r="D24221" t="s">
        <v>14978</v>
      </c>
      <c r="E24221" t="s">
        <v>14797</v>
      </c>
      <c r="F24221" t="s">
        <v>14798</v>
      </c>
      <c r="G24221" t="s">
        <v>10734</v>
      </c>
      <c r="H24221" t="s">
        <v>10735</v>
      </c>
      <c r="I24221" s="2">
        <v>1</v>
      </c>
      <c r="J24221" s="2">
        <v>0</v>
      </c>
      <c r="K24221" s="2">
        <v>0</v>
      </c>
      <c r="L24221" t="s">
        <v>120</v>
      </c>
      <c r="M24221" t="s">
        <v>83</v>
      </c>
      <c r="N24221" t="s">
        <v>91</v>
      </c>
      <c r="O24221" t="s">
        <v>85</v>
      </c>
      <c r="P24221" t="s">
        <v>86</v>
      </c>
      <c r="Q24221">
        <v>8</v>
      </c>
      <c r="R24221">
        <v>8</v>
      </c>
      <c r="S24221">
        <v>8</v>
      </c>
      <c r="T24221">
        <v>9</v>
      </c>
      <c r="U24221">
        <v>9</v>
      </c>
      <c r="V24221">
        <v>9</v>
      </c>
      <c r="W24221">
        <v>9</v>
      </c>
      <c r="X24221">
        <v>9</v>
      </c>
      <c r="Y24221">
        <v>9</v>
      </c>
      <c r="Z24221">
        <v>10</v>
      </c>
      <c r="AA24221">
        <v>10</v>
      </c>
      <c r="AB24221">
        <v>10</v>
      </c>
      <c r="AC24221">
        <v>10</v>
      </c>
      <c r="AD24221">
        <v>10</v>
      </c>
      <c r="AE24221">
        <v>10</v>
      </c>
      <c r="AF24221">
        <v>11</v>
      </c>
      <c r="AG24221">
        <v>11</v>
      </c>
      <c r="AH24221">
        <v>11</v>
      </c>
      <c r="AI24221">
        <v>11</v>
      </c>
      <c r="AJ24221">
        <v>11</v>
      </c>
      <c r="AK24221">
        <v>12</v>
      </c>
      <c r="AL24221">
        <v>12</v>
      </c>
      <c r="AM24221">
        <v>12</v>
      </c>
      <c r="AN24221">
        <v>12</v>
      </c>
      <c r="AO24221">
        <v>12</v>
      </c>
      <c r="AP24221">
        <v>12</v>
      </c>
      <c r="AQ24221">
        <v>12</v>
      </c>
    </row>
    <row r="24222" spans="1:43">
      <c r="A24222" t="s">
        <v>14991</v>
      </c>
      <c r="B24222" t="s">
        <v>14992</v>
      </c>
      <c r="C24222" t="s">
        <v>14867</v>
      </c>
      <c r="D24222" t="s">
        <v>14868</v>
      </c>
      <c r="E24222" t="s">
        <v>14797</v>
      </c>
      <c r="F24222" t="s">
        <v>14798</v>
      </c>
      <c r="G24222" t="s">
        <v>10734</v>
      </c>
      <c r="H24222" t="s">
        <v>10735</v>
      </c>
      <c r="I24222" s="2">
        <v>1</v>
      </c>
      <c r="J24222" s="2">
        <v>0</v>
      </c>
      <c r="K24222" s="2">
        <v>0</v>
      </c>
      <c r="L24222" t="s">
        <v>120</v>
      </c>
      <c r="M24222" t="s">
        <v>83</v>
      </c>
      <c r="N24222" t="s">
        <v>84</v>
      </c>
      <c r="O24222" t="s">
        <v>85</v>
      </c>
      <c r="P24222" t="s">
        <v>86</v>
      </c>
      <c r="Q24222">
        <v>32</v>
      </c>
      <c r="R24222">
        <v>33</v>
      </c>
      <c r="S24222">
        <v>33</v>
      </c>
      <c r="T24222">
        <v>34</v>
      </c>
      <c r="U24222">
        <v>35</v>
      </c>
      <c r="V24222">
        <v>35</v>
      </c>
      <c r="W24222">
        <v>36</v>
      </c>
      <c r="X24222">
        <v>37</v>
      </c>
      <c r="Y24222">
        <v>38</v>
      </c>
      <c r="Z24222">
        <v>38</v>
      </c>
      <c r="AA24222">
        <v>39</v>
      </c>
      <c r="AB24222">
        <v>40</v>
      </c>
      <c r="AC24222">
        <v>41</v>
      </c>
      <c r="AD24222">
        <v>41</v>
      </c>
      <c r="AE24222">
        <v>42</v>
      </c>
      <c r="AF24222">
        <v>43</v>
      </c>
      <c r="AG24222">
        <v>44</v>
      </c>
      <c r="AH24222">
        <v>45</v>
      </c>
      <c r="AI24222">
        <v>46</v>
      </c>
      <c r="AJ24222">
        <v>46</v>
      </c>
      <c r="AK24222">
        <v>47</v>
      </c>
      <c r="AL24222">
        <v>48</v>
      </c>
      <c r="AM24222">
        <v>48</v>
      </c>
      <c r="AN24222">
        <v>49</v>
      </c>
      <c r="AO24222">
        <v>49</v>
      </c>
      <c r="AP24222">
        <v>50</v>
      </c>
      <c r="AQ24222">
        <v>50</v>
      </c>
    </row>
    <row r="24223" spans="1:43">
      <c r="A24223" t="s">
        <v>14991</v>
      </c>
      <c r="B24223" t="s">
        <v>14992</v>
      </c>
      <c r="C24223" t="s">
        <v>14867</v>
      </c>
      <c r="D24223" t="s">
        <v>14868</v>
      </c>
      <c r="E24223" t="s">
        <v>14797</v>
      </c>
      <c r="F24223" t="s">
        <v>14798</v>
      </c>
      <c r="G24223" t="s">
        <v>10734</v>
      </c>
      <c r="H24223" t="s">
        <v>10735</v>
      </c>
      <c r="I24223" s="2">
        <v>1</v>
      </c>
      <c r="J24223" s="2">
        <v>0</v>
      </c>
      <c r="K24223" s="2">
        <v>0</v>
      </c>
      <c r="L24223" t="s">
        <v>120</v>
      </c>
      <c r="M24223" t="s">
        <v>87</v>
      </c>
      <c r="N24223" t="s">
        <v>88</v>
      </c>
      <c r="O24223" t="s">
        <v>85</v>
      </c>
      <c r="P24223" t="s">
        <v>86</v>
      </c>
      <c r="Q24223">
        <v>32</v>
      </c>
      <c r="R24223">
        <v>32</v>
      </c>
      <c r="S24223">
        <v>32</v>
      </c>
      <c r="T24223">
        <v>33</v>
      </c>
      <c r="U24223">
        <v>33</v>
      </c>
      <c r="V24223">
        <v>34</v>
      </c>
      <c r="W24223">
        <v>34</v>
      </c>
      <c r="X24223">
        <v>34</v>
      </c>
      <c r="Y24223">
        <v>35</v>
      </c>
      <c r="Z24223">
        <v>35</v>
      </c>
      <c r="AA24223">
        <v>36</v>
      </c>
      <c r="AB24223">
        <v>36</v>
      </c>
      <c r="AC24223">
        <v>36</v>
      </c>
      <c r="AD24223">
        <v>37</v>
      </c>
      <c r="AE24223">
        <v>37</v>
      </c>
      <c r="AF24223">
        <v>38</v>
      </c>
      <c r="AG24223">
        <v>38</v>
      </c>
      <c r="AH24223">
        <v>39</v>
      </c>
      <c r="AI24223">
        <v>39</v>
      </c>
      <c r="AJ24223">
        <v>40</v>
      </c>
      <c r="AK24223">
        <v>40</v>
      </c>
      <c r="AL24223">
        <v>41</v>
      </c>
      <c r="AM24223">
        <v>41</v>
      </c>
      <c r="AN24223">
        <v>42</v>
      </c>
      <c r="AO24223">
        <v>42</v>
      </c>
      <c r="AP24223">
        <v>43</v>
      </c>
      <c r="AQ24223">
        <v>43</v>
      </c>
    </row>
    <row r="24224" spans="1:43">
      <c r="A24224" t="s">
        <v>14991</v>
      </c>
      <c r="B24224" t="s">
        <v>14992</v>
      </c>
      <c r="C24224" t="s">
        <v>14867</v>
      </c>
      <c r="D24224" t="s">
        <v>14868</v>
      </c>
      <c r="E24224" t="s">
        <v>14797</v>
      </c>
      <c r="F24224" t="s">
        <v>14798</v>
      </c>
      <c r="G24224" t="s">
        <v>10734</v>
      </c>
      <c r="H24224" t="s">
        <v>10735</v>
      </c>
      <c r="I24224" s="2">
        <v>1</v>
      </c>
      <c r="J24224" s="2">
        <v>0</v>
      </c>
      <c r="K24224" s="2">
        <v>0</v>
      </c>
      <c r="L24224" t="s">
        <v>120</v>
      </c>
      <c r="M24224" t="s">
        <v>89</v>
      </c>
      <c r="N24224" t="s">
        <v>90</v>
      </c>
      <c r="O24224" t="s">
        <v>85</v>
      </c>
      <c r="P24224" t="s">
        <v>86</v>
      </c>
      <c r="Q24224">
        <v>32</v>
      </c>
      <c r="R24224">
        <v>33</v>
      </c>
      <c r="S24224">
        <v>34</v>
      </c>
      <c r="T24224">
        <v>35</v>
      </c>
      <c r="U24224">
        <v>36</v>
      </c>
      <c r="V24224">
        <v>37</v>
      </c>
      <c r="W24224">
        <v>38</v>
      </c>
      <c r="X24224">
        <v>39</v>
      </c>
      <c r="Y24224">
        <v>40</v>
      </c>
      <c r="Z24224">
        <v>41</v>
      </c>
      <c r="AA24224">
        <v>42</v>
      </c>
      <c r="AB24224">
        <v>43</v>
      </c>
      <c r="AC24224">
        <v>44</v>
      </c>
      <c r="AD24224">
        <v>45</v>
      </c>
      <c r="AE24224">
        <v>45</v>
      </c>
      <c r="AF24224">
        <v>46</v>
      </c>
      <c r="AG24224">
        <v>46</v>
      </c>
      <c r="AH24224">
        <v>47</v>
      </c>
      <c r="AI24224">
        <v>47</v>
      </c>
      <c r="AJ24224">
        <v>48</v>
      </c>
      <c r="AK24224">
        <v>48</v>
      </c>
      <c r="AL24224">
        <v>48</v>
      </c>
      <c r="AM24224">
        <v>49</v>
      </c>
      <c r="AN24224">
        <v>49</v>
      </c>
      <c r="AO24224">
        <v>50</v>
      </c>
      <c r="AP24224">
        <v>50</v>
      </c>
      <c r="AQ24224">
        <v>51</v>
      </c>
    </row>
    <row r="24225" spans="1:43">
      <c r="A24225" t="s">
        <v>14991</v>
      </c>
      <c r="B24225" t="s">
        <v>14992</v>
      </c>
      <c r="C24225" t="s">
        <v>14867</v>
      </c>
      <c r="D24225" t="s">
        <v>14868</v>
      </c>
      <c r="E24225" t="s">
        <v>14797</v>
      </c>
      <c r="F24225" t="s">
        <v>14798</v>
      </c>
      <c r="G24225" t="s">
        <v>10734</v>
      </c>
      <c r="H24225" t="s">
        <v>10735</v>
      </c>
      <c r="I24225" s="2">
        <v>1</v>
      </c>
      <c r="J24225" s="2">
        <v>0</v>
      </c>
      <c r="K24225" s="2">
        <v>0</v>
      </c>
      <c r="L24225" t="s">
        <v>120</v>
      </c>
      <c r="M24225" t="s">
        <v>83</v>
      </c>
      <c r="N24225" t="s">
        <v>91</v>
      </c>
      <c r="O24225" t="s">
        <v>85</v>
      </c>
      <c r="P24225" t="s">
        <v>86</v>
      </c>
      <c r="Q24225">
        <v>32</v>
      </c>
      <c r="R24225">
        <v>33</v>
      </c>
      <c r="S24225">
        <v>33</v>
      </c>
      <c r="T24225">
        <v>34</v>
      </c>
      <c r="U24225">
        <v>35</v>
      </c>
      <c r="V24225">
        <v>35</v>
      </c>
      <c r="W24225">
        <v>36</v>
      </c>
      <c r="X24225">
        <v>37</v>
      </c>
      <c r="Y24225">
        <v>38</v>
      </c>
      <c r="Z24225">
        <v>38</v>
      </c>
      <c r="AA24225">
        <v>39</v>
      </c>
      <c r="AB24225">
        <v>40</v>
      </c>
      <c r="AC24225">
        <v>41</v>
      </c>
      <c r="AD24225">
        <v>41</v>
      </c>
      <c r="AE24225">
        <v>42</v>
      </c>
      <c r="AF24225">
        <v>43</v>
      </c>
      <c r="AG24225">
        <v>44</v>
      </c>
      <c r="AH24225">
        <v>45</v>
      </c>
      <c r="AI24225">
        <v>46</v>
      </c>
      <c r="AJ24225">
        <v>46</v>
      </c>
      <c r="AK24225">
        <v>47</v>
      </c>
      <c r="AL24225">
        <v>48</v>
      </c>
      <c r="AM24225">
        <v>48</v>
      </c>
      <c r="AN24225">
        <v>49</v>
      </c>
      <c r="AO24225">
        <v>49</v>
      </c>
      <c r="AP24225">
        <v>50</v>
      </c>
      <c r="AQ24225">
        <v>50</v>
      </c>
    </row>
    <row r="24226" spans="1:43">
      <c r="A24226" t="s">
        <v>14993</v>
      </c>
      <c r="B24226" t="s">
        <v>14994</v>
      </c>
      <c r="C24226" t="s">
        <v>14995</v>
      </c>
      <c r="D24226" t="s">
        <v>14996</v>
      </c>
      <c r="E24226" t="s">
        <v>14997</v>
      </c>
      <c r="F24226" t="s">
        <v>14998</v>
      </c>
      <c r="G24226" t="s">
        <v>10734</v>
      </c>
      <c r="H24226" t="s">
        <v>10735</v>
      </c>
      <c r="I24226" s="2">
        <v>1</v>
      </c>
      <c r="J24226" s="2">
        <v>0</v>
      </c>
      <c r="K24226" s="2">
        <v>0</v>
      </c>
      <c r="L24226" t="s">
        <v>120</v>
      </c>
      <c r="M24226" t="s">
        <v>83</v>
      </c>
      <c r="N24226" t="s">
        <v>84</v>
      </c>
      <c r="O24226" t="s">
        <v>85</v>
      </c>
      <c r="P24226" t="s">
        <v>86</v>
      </c>
      <c r="Q24226">
        <v>8</v>
      </c>
      <c r="R24226">
        <v>8</v>
      </c>
      <c r="S24226">
        <v>8</v>
      </c>
      <c r="T24226">
        <v>9</v>
      </c>
      <c r="U24226">
        <v>9</v>
      </c>
      <c r="V24226">
        <v>9</v>
      </c>
      <c r="W24226">
        <v>9</v>
      </c>
      <c r="X24226">
        <v>9</v>
      </c>
      <c r="Y24226">
        <v>9</v>
      </c>
      <c r="Z24226">
        <v>9</v>
      </c>
      <c r="AA24226">
        <v>9</v>
      </c>
      <c r="AB24226">
        <v>9</v>
      </c>
      <c r="AC24226">
        <v>10</v>
      </c>
      <c r="AD24226">
        <v>10</v>
      </c>
      <c r="AE24226">
        <v>10</v>
      </c>
      <c r="AF24226">
        <v>10</v>
      </c>
      <c r="AG24226">
        <v>10</v>
      </c>
      <c r="AH24226">
        <v>10</v>
      </c>
      <c r="AI24226">
        <v>10</v>
      </c>
      <c r="AJ24226">
        <v>10</v>
      </c>
      <c r="AK24226">
        <v>11</v>
      </c>
      <c r="AL24226">
        <v>11</v>
      </c>
      <c r="AM24226">
        <v>11</v>
      </c>
      <c r="AN24226">
        <v>11</v>
      </c>
      <c r="AO24226">
        <v>11</v>
      </c>
      <c r="AP24226">
        <v>11</v>
      </c>
      <c r="AQ24226">
        <v>11</v>
      </c>
    </row>
    <row r="24227" spans="1:43">
      <c r="A24227" t="s">
        <v>14993</v>
      </c>
      <c r="B24227" t="s">
        <v>14994</v>
      </c>
      <c r="C24227" t="s">
        <v>14995</v>
      </c>
      <c r="D24227" t="s">
        <v>14996</v>
      </c>
      <c r="E24227" t="s">
        <v>14997</v>
      </c>
      <c r="F24227" t="s">
        <v>14998</v>
      </c>
      <c r="G24227" t="s">
        <v>10734</v>
      </c>
      <c r="H24227" t="s">
        <v>10735</v>
      </c>
      <c r="I24227" s="2">
        <v>1</v>
      </c>
      <c r="J24227" s="2">
        <v>0</v>
      </c>
      <c r="K24227" s="2">
        <v>0</v>
      </c>
      <c r="L24227" t="s">
        <v>120</v>
      </c>
      <c r="M24227" t="s">
        <v>87</v>
      </c>
      <c r="N24227" t="s">
        <v>88</v>
      </c>
      <c r="O24227" t="s">
        <v>85</v>
      </c>
      <c r="P24227" t="s">
        <v>86</v>
      </c>
      <c r="Q24227">
        <v>8</v>
      </c>
      <c r="R24227">
        <v>8</v>
      </c>
      <c r="S24227">
        <v>8</v>
      </c>
      <c r="T24227">
        <v>8</v>
      </c>
      <c r="U24227">
        <v>8</v>
      </c>
      <c r="V24227">
        <v>8</v>
      </c>
      <c r="W24227">
        <v>8</v>
      </c>
      <c r="X24227">
        <v>8</v>
      </c>
      <c r="Y24227">
        <v>8</v>
      </c>
      <c r="Z24227">
        <v>8</v>
      </c>
      <c r="AA24227">
        <v>9</v>
      </c>
      <c r="AB24227">
        <v>9</v>
      </c>
      <c r="AC24227">
        <v>9</v>
      </c>
      <c r="AD24227">
        <v>9</v>
      </c>
      <c r="AE24227">
        <v>9</v>
      </c>
      <c r="AF24227">
        <v>9</v>
      </c>
      <c r="AG24227">
        <v>9</v>
      </c>
      <c r="AH24227">
        <v>9</v>
      </c>
      <c r="AI24227">
        <v>9</v>
      </c>
      <c r="AJ24227">
        <v>9</v>
      </c>
      <c r="AK24227">
        <v>9</v>
      </c>
      <c r="AL24227">
        <v>9</v>
      </c>
      <c r="AM24227">
        <v>9</v>
      </c>
      <c r="AN24227">
        <v>9</v>
      </c>
      <c r="AO24227">
        <v>9</v>
      </c>
      <c r="AP24227">
        <v>9</v>
      </c>
      <c r="AQ24227">
        <v>9</v>
      </c>
    </row>
    <row r="24228" spans="1:43">
      <c r="A24228" t="s">
        <v>14993</v>
      </c>
      <c r="B24228" t="s">
        <v>14994</v>
      </c>
      <c r="C24228" t="s">
        <v>14995</v>
      </c>
      <c r="D24228" t="s">
        <v>14996</v>
      </c>
      <c r="E24228" t="s">
        <v>14997</v>
      </c>
      <c r="F24228" t="s">
        <v>14998</v>
      </c>
      <c r="G24228" t="s">
        <v>10734</v>
      </c>
      <c r="H24228" t="s">
        <v>10735</v>
      </c>
      <c r="I24228" s="2">
        <v>1</v>
      </c>
      <c r="J24228" s="2">
        <v>0</v>
      </c>
      <c r="K24228" s="2">
        <v>0</v>
      </c>
      <c r="L24228" t="s">
        <v>120</v>
      </c>
      <c r="M24228" t="s">
        <v>89</v>
      </c>
      <c r="N24228" t="s">
        <v>90</v>
      </c>
      <c r="O24228" t="s">
        <v>85</v>
      </c>
      <c r="P24228" t="s">
        <v>86</v>
      </c>
      <c r="Q24228">
        <v>8</v>
      </c>
      <c r="R24228">
        <v>8</v>
      </c>
      <c r="S24228">
        <v>9</v>
      </c>
      <c r="T24228">
        <v>9</v>
      </c>
      <c r="U24228">
        <v>9</v>
      </c>
      <c r="V24228">
        <v>9</v>
      </c>
      <c r="W24228">
        <v>9</v>
      </c>
      <c r="X24228">
        <v>9</v>
      </c>
      <c r="Y24228">
        <v>10</v>
      </c>
      <c r="Z24228">
        <v>10</v>
      </c>
      <c r="AA24228">
        <v>10</v>
      </c>
      <c r="AB24228">
        <v>10</v>
      </c>
      <c r="AC24228">
        <v>10</v>
      </c>
      <c r="AD24228">
        <v>10</v>
      </c>
      <c r="AE24228">
        <v>11</v>
      </c>
      <c r="AF24228">
        <v>11</v>
      </c>
      <c r="AG24228">
        <v>11</v>
      </c>
      <c r="AH24228">
        <v>11</v>
      </c>
      <c r="AI24228">
        <v>11</v>
      </c>
      <c r="AJ24228">
        <v>11</v>
      </c>
      <c r="AK24228">
        <v>11</v>
      </c>
      <c r="AL24228">
        <v>11</v>
      </c>
      <c r="AM24228">
        <v>11</v>
      </c>
      <c r="AN24228">
        <v>11</v>
      </c>
      <c r="AO24228">
        <v>11</v>
      </c>
      <c r="AP24228">
        <v>11</v>
      </c>
      <c r="AQ24228">
        <v>11</v>
      </c>
    </row>
    <row r="24229" spans="1:43">
      <c r="A24229" t="s">
        <v>14993</v>
      </c>
      <c r="B24229" t="s">
        <v>14994</v>
      </c>
      <c r="C24229" t="s">
        <v>14995</v>
      </c>
      <c r="D24229" t="s">
        <v>14996</v>
      </c>
      <c r="E24229" t="s">
        <v>14997</v>
      </c>
      <c r="F24229" t="s">
        <v>14998</v>
      </c>
      <c r="G24229" t="s">
        <v>10734</v>
      </c>
      <c r="H24229" t="s">
        <v>10735</v>
      </c>
      <c r="I24229" s="2">
        <v>1</v>
      </c>
      <c r="J24229" s="2">
        <v>0</v>
      </c>
      <c r="K24229" s="2">
        <v>0</v>
      </c>
      <c r="L24229" t="s">
        <v>120</v>
      </c>
      <c r="M24229" t="s">
        <v>83</v>
      </c>
      <c r="N24229" t="s">
        <v>91</v>
      </c>
      <c r="O24229" t="s">
        <v>85</v>
      </c>
      <c r="P24229" t="s">
        <v>86</v>
      </c>
      <c r="Q24229">
        <v>8</v>
      </c>
      <c r="R24229">
        <v>8</v>
      </c>
      <c r="S24229">
        <v>8</v>
      </c>
      <c r="T24229">
        <v>9</v>
      </c>
      <c r="U24229">
        <v>9</v>
      </c>
      <c r="V24229">
        <v>9</v>
      </c>
      <c r="W24229">
        <v>9</v>
      </c>
      <c r="X24229">
        <v>9</v>
      </c>
      <c r="Y24229">
        <v>9</v>
      </c>
      <c r="Z24229">
        <v>9</v>
      </c>
      <c r="AA24229">
        <v>9</v>
      </c>
      <c r="AB24229">
        <v>9</v>
      </c>
      <c r="AC24229">
        <v>10</v>
      </c>
      <c r="AD24229">
        <v>10</v>
      </c>
      <c r="AE24229">
        <v>10</v>
      </c>
      <c r="AF24229">
        <v>10</v>
      </c>
      <c r="AG24229">
        <v>10</v>
      </c>
      <c r="AH24229">
        <v>10</v>
      </c>
      <c r="AI24229">
        <v>10</v>
      </c>
      <c r="AJ24229">
        <v>10</v>
      </c>
      <c r="AK24229">
        <v>11</v>
      </c>
      <c r="AL24229">
        <v>11</v>
      </c>
      <c r="AM24229">
        <v>11</v>
      </c>
      <c r="AN24229">
        <v>11</v>
      </c>
      <c r="AO24229">
        <v>11</v>
      </c>
      <c r="AP24229">
        <v>11</v>
      </c>
      <c r="AQ24229">
        <v>11</v>
      </c>
    </row>
    <row r="24230" spans="1:43">
      <c r="A24230" t="s">
        <v>14999</v>
      </c>
      <c r="B24230" t="s">
        <v>15000</v>
      </c>
      <c r="C24230" t="s">
        <v>14995</v>
      </c>
      <c r="D24230" t="s">
        <v>14996</v>
      </c>
      <c r="E24230" t="s">
        <v>14997</v>
      </c>
      <c r="F24230" t="s">
        <v>14998</v>
      </c>
      <c r="G24230" t="s">
        <v>10734</v>
      </c>
      <c r="H24230" t="s">
        <v>10735</v>
      </c>
      <c r="I24230" s="2">
        <v>1</v>
      </c>
      <c r="J24230" s="2">
        <v>0</v>
      </c>
      <c r="K24230" s="2">
        <v>0</v>
      </c>
      <c r="L24230" t="s">
        <v>120</v>
      </c>
      <c r="M24230" t="s">
        <v>83</v>
      </c>
      <c r="N24230" t="s">
        <v>84</v>
      </c>
      <c r="O24230" t="s">
        <v>85</v>
      </c>
      <c r="P24230" t="s">
        <v>86</v>
      </c>
      <c r="Q24230">
        <v>6</v>
      </c>
      <c r="R24230">
        <v>7</v>
      </c>
      <c r="S24230">
        <v>7</v>
      </c>
      <c r="T24230">
        <v>7</v>
      </c>
      <c r="U24230">
        <v>7</v>
      </c>
      <c r="V24230">
        <v>7</v>
      </c>
      <c r="W24230">
        <v>7</v>
      </c>
      <c r="X24230">
        <v>7</v>
      </c>
      <c r="Y24230">
        <v>7</v>
      </c>
      <c r="Z24230">
        <v>7</v>
      </c>
      <c r="AA24230">
        <v>7</v>
      </c>
      <c r="AB24230">
        <v>8</v>
      </c>
      <c r="AC24230">
        <v>8</v>
      </c>
      <c r="AD24230">
        <v>8</v>
      </c>
      <c r="AE24230">
        <v>8</v>
      </c>
      <c r="AF24230">
        <v>8</v>
      </c>
      <c r="AG24230">
        <v>8</v>
      </c>
      <c r="AH24230">
        <v>8</v>
      </c>
      <c r="AI24230">
        <v>8</v>
      </c>
      <c r="AJ24230">
        <v>8</v>
      </c>
      <c r="AK24230">
        <v>8</v>
      </c>
      <c r="AL24230">
        <v>8</v>
      </c>
      <c r="AM24230">
        <v>9</v>
      </c>
      <c r="AN24230">
        <v>9</v>
      </c>
      <c r="AO24230">
        <v>9</v>
      </c>
      <c r="AP24230">
        <v>9</v>
      </c>
      <c r="AQ24230">
        <v>9</v>
      </c>
    </row>
    <row r="24231" spans="1:43">
      <c r="A24231" t="s">
        <v>14999</v>
      </c>
      <c r="B24231" t="s">
        <v>15000</v>
      </c>
      <c r="C24231" t="s">
        <v>14995</v>
      </c>
      <c r="D24231" t="s">
        <v>14996</v>
      </c>
      <c r="E24231" t="s">
        <v>14997</v>
      </c>
      <c r="F24231" t="s">
        <v>14998</v>
      </c>
      <c r="G24231" t="s">
        <v>10734</v>
      </c>
      <c r="H24231" t="s">
        <v>10735</v>
      </c>
      <c r="I24231" s="2">
        <v>1</v>
      </c>
      <c r="J24231" s="2">
        <v>0</v>
      </c>
      <c r="K24231" s="2">
        <v>0</v>
      </c>
      <c r="L24231" t="s">
        <v>120</v>
      </c>
      <c r="M24231" t="s">
        <v>87</v>
      </c>
      <c r="N24231" t="s">
        <v>88</v>
      </c>
      <c r="O24231" t="s">
        <v>85</v>
      </c>
      <c r="P24231" t="s">
        <v>86</v>
      </c>
      <c r="Q24231">
        <v>6</v>
      </c>
      <c r="R24231">
        <v>6</v>
      </c>
      <c r="S24231">
        <v>6</v>
      </c>
      <c r="T24231">
        <v>7</v>
      </c>
      <c r="U24231">
        <v>7</v>
      </c>
      <c r="V24231">
        <v>7</v>
      </c>
      <c r="W24231">
        <v>7</v>
      </c>
      <c r="X24231">
        <v>7</v>
      </c>
      <c r="Y24231">
        <v>7</v>
      </c>
      <c r="Z24231">
        <v>7</v>
      </c>
      <c r="AA24231">
        <v>7</v>
      </c>
      <c r="AB24231">
        <v>7</v>
      </c>
      <c r="AC24231">
        <v>7</v>
      </c>
      <c r="AD24231">
        <v>7</v>
      </c>
      <c r="AE24231">
        <v>7</v>
      </c>
      <c r="AF24231">
        <v>7</v>
      </c>
      <c r="AG24231">
        <v>7</v>
      </c>
      <c r="AH24231">
        <v>7</v>
      </c>
      <c r="AI24231">
        <v>7</v>
      </c>
      <c r="AJ24231">
        <v>7</v>
      </c>
      <c r="AK24231">
        <v>7</v>
      </c>
      <c r="AL24231">
        <v>7</v>
      </c>
      <c r="AM24231">
        <v>7</v>
      </c>
      <c r="AN24231">
        <v>7</v>
      </c>
      <c r="AO24231">
        <v>7</v>
      </c>
      <c r="AP24231">
        <v>7</v>
      </c>
      <c r="AQ24231">
        <v>8</v>
      </c>
    </row>
    <row r="24232" spans="1:43">
      <c r="A24232" t="s">
        <v>14999</v>
      </c>
      <c r="B24232" t="s">
        <v>15000</v>
      </c>
      <c r="C24232" t="s">
        <v>14995</v>
      </c>
      <c r="D24232" t="s">
        <v>14996</v>
      </c>
      <c r="E24232" t="s">
        <v>14997</v>
      </c>
      <c r="F24232" t="s">
        <v>14998</v>
      </c>
      <c r="G24232" t="s">
        <v>10734</v>
      </c>
      <c r="H24232" t="s">
        <v>10735</v>
      </c>
      <c r="I24232" s="2">
        <v>1</v>
      </c>
      <c r="J24232" s="2">
        <v>0</v>
      </c>
      <c r="K24232" s="2">
        <v>0</v>
      </c>
      <c r="L24232" t="s">
        <v>120</v>
      </c>
      <c r="M24232" t="s">
        <v>89</v>
      </c>
      <c r="N24232" t="s">
        <v>90</v>
      </c>
      <c r="O24232" t="s">
        <v>85</v>
      </c>
      <c r="P24232" t="s">
        <v>86</v>
      </c>
      <c r="Q24232">
        <v>6</v>
      </c>
      <c r="R24232">
        <v>6</v>
      </c>
      <c r="S24232">
        <v>6</v>
      </c>
      <c r="T24232">
        <v>6</v>
      </c>
      <c r="U24232">
        <v>6</v>
      </c>
      <c r="V24232">
        <v>6</v>
      </c>
      <c r="W24232">
        <v>6</v>
      </c>
      <c r="X24232">
        <v>7</v>
      </c>
      <c r="Y24232">
        <v>7</v>
      </c>
      <c r="Z24232">
        <v>7</v>
      </c>
      <c r="AA24232">
        <v>7</v>
      </c>
      <c r="AB24232">
        <v>7</v>
      </c>
      <c r="AC24232">
        <v>7</v>
      </c>
      <c r="AD24232">
        <v>7</v>
      </c>
      <c r="AE24232">
        <v>7</v>
      </c>
      <c r="AF24232">
        <v>7</v>
      </c>
      <c r="AG24232">
        <v>7</v>
      </c>
      <c r="AH24232">
        <v>7</v>
      </c>
      <c r="AI24232">
        <v>8</v>
      </c>
      <c r="AJ24232">
        <v>8</v>
      </c>
      <c r="AK24232">
        <v>8</v>
      </c>
      <c r="AL24232">
        <v>8</v>
      </c>
      <c r="AM24232">
        <v>8</v>
      </c>
      <c r="AN24232">
        <v>8</v>
      </c>
      <c r="AO24232">
        <v>8</v>
      </c>
      <c r="AP24232">
        <v>8</v>
      </c>
      <c r="AQ24232">
        <v>8</v>
      </c>
    </row>
    <row r="24233" spans="1:43">
      <c r="A24233" t="s">
        <v>14999</v>
      </c>
      <c r="B24233" t="s">
        <v>15000</v>
      </c>
      <c r="C24233" t="s">
        <v>14995</v>
      </c>
      <c r="D24233" t="s">
        <v>14996</v>
      </c>
      <c r="E24233" t="s">
        <v>14997</v>
      </c>
      <c r="F24233" t="s">
        <v>14998</v>
      </c>
      <c r="G24233" t="s">
        <v>10734</v>
      </c>
      <c r="H24233" t="s">
        <v>10735</v>
      </c>
      <c r="I24233" s="2">
        <v>1</v>
      </c>
      <c r="J24233" s="2">
        <v>0</v>
      </c>
      <c r="K24233" s="2">
        <v>0</v>
      </c>
      <c r="L24233" t="s">
        <v>120</v>
      </c>
      <c r="M24233" t="s">
        <v>83</v>
      </c>
      <c r="N24233" t="s">
        <v>91</v>
      </c>
      <c r="O24233" t="s">
        <v>85</v>
      </c>
      <c r="P24233" t="s">
        <v>86</v>
      </c>
      <c r="Q24233">
        <v>6</v>
      </c>
      <c r="R24233">
        <v>7</v>
      </c>
      <c r="S24233">
        <v>7</v>
      </c>
      <c r="T24233">
        <v>7</v>
      </c>
      <c r="U24233">
        <v>7</v>
      </c>
      <c r="V24233">
        <v>7</v>
      </c>
      <c r="W24233">
        <v>7</v>
      </c>
      <c r="X24233">
        <v>7</v>
      </c>
      <c r="Y24233">
        <v>7</v>
      </c>
      <c r="Z24233">
        <v>7</v>
      </c>
      <c r="AA24233">
        <v>7</v>
      </c>
      <c r="AB24233">
        <v>8</v>
      </c>
      <c r="AC24233">
        <v>8</v>
      </c>
      <c r="AD24233">
        <v>8</v>
      </c>
      <c r="AE24233">
        <v>8</v>
      </c>
      <c r="AF24233">
        <v>8</v>
      </c>
      <c r="AG24233">
        <v>8</v>
      </c>
      <c r="AH24233">
        <v>8</v>
      </c>
      <c r="AI24233">
        <v>8</v>
      </c>
      <c r="AJ24233">
        <v>8</v>
      </c>
      <c r="AK24233">
        <v>8</v>
      </c>
      <c r="AL24233">
        <v>8</v>
      </c>
      <c r="AM24233">
        <v>9</v>
      </c>
      <c r="AN24233">
        <v>9</v>
      </c>
      <c r="AO24233">
        <v>9</v>
      </c>
      <c r="AP24233">
        <v>9</v>
      </c>
      <c r="AQ24233">
        <v>9</v>
      </c>
    </row>
    <row r="24234" spans="1:43">
      <c r="A24234" t="s">
        <v>15001</v>
      </c>
      <c r="B24234" t="s">
        <v>15002</v>
      </c>
      <c r="C24234" t="s">
        <v>15003</v>
      </c>
      <c r="D24234" t="s">
        <v>15004</v>
      </c>
      <c r="E24234" t="s">
        <v>14997</v>
      </c>
      <c r="F24234" t="s">
        <v>14998</v>
      </c>
      <c r="G24234" t="s">
        <v>10734</v>
      </c>
      <c r="H24234" t="s">
        <v>10735</v>
      </c>
      <c r="I24234" s="2">
        <v>1</v>
      </c>
      <c r="J24234" s="2">
        <v>0</v>
      </c>
      <c r="K24234" s="2">
        <v>0</v>
      </c>
      <c r="L24234" t="s">
        <v>120</v>
      </c>
      <c r="M24234" t="s">
        <v>83</v>
      </c>
      <c r="N24234" t="s">
        <v>84</v>
      </c>
      <c r="O24234" t="s">
        <v>85</v>
      </c>
      <c r="P24234" t="s">
        <v>86</v>
      </c>
      <c r="Q24234">
        <v>149</v>
      </c>
      <c r="R24234">
        <v>151</v>
      </c>
      <c r="S24234">
        <v>154</v>
      </c>
      <c r="T24234">
        <v>156</v>
      </c>
      <c r="U24234">
        <v>158</v>
      </c>
      <c r="V24234">
        <v>160</v>
      </c>
      <c r="W24234">
        <v>163</v>
      </c>
      <c r="X24234">
        <v>165</v>
      </c>
      <c r="Y24234">
        <v>167</v>
      </c>
      <c r="Z24234">
        <v>169</v>
      </c>
      <c r="AA24234">
        <v>172</v>
      </c>
      <c r="AB24234">
        <v>174</v>
      </c>
      <c r="AC24234">
        <v>176</v>
      </c>
      <c r="AD24234">
        <v>178</v>
      </c>
      <c r="AE24234">
        <v>181</v>
      </c>
      <c r="AF24234">
        <v>183</v>
      </c>
      <c r="AG24234">
        <v>185</v>
      </c>
      <c r="AH24234">
        <v>187</v>
      </c>
      <c r="AI24234">
        <v>190</v>
      </c>
      <c r="AJ24234">
        <v>192</v>
      </c>
      <c r="AK24234">
        <v>194</v>
      </c>
      <c r="AL24234">
        <v>196</v>
      </c>
      <c r="AM24234">
        <v>196</v>
      </c>
      <c r="AN24234">
        <v>197</v>
      </c>
      <c r="AO24234">
        <v>198</v>
      </c>
      <c r="AP24234">
        <v>199</v>
      </c>
      <c r="AQ24234">
        <v>200</v>
      </c>
    </row>
    <row r="24235" spans="1:43">
      <c r="A24235" t="s">
        <v>15001</v>
      </c>
      <c r="B24235" t="s">
        <v>15002</v>
      </c>
      <c r="C24235" t="s">
        <v>15003</v>
      </c>
      <c r="D24235" t="s">
        <v>15004</v>
      </c>
      <c r="E24235" t="s">
        <v>14997</v>
      </c>
      <c r="F24235" t="s">
        <v>14998</v>
      </c>
      <c r="G24235" t="s">
        <v>10734</v>
      </c>
      <c r="H24235" t="s">
        <v>10735</v>
      </c>
      <c r="I24235" s="2">
        <v>1</v>
      </c>
      <c r="J24235" s="2">
        <v>0</v>
      </c>
      <c r="K24235" s="2">
        <v>0</v>
      </c>
      <c r="L24235" t="s">
        <v>120</v>
      </c>
      <c r="M24235" t="s">
        <v>87</v>
      </c>
      <c r="N24235" t="s">
        <v>88</v>
      </c>
      <c r="O24235" t="s">
        <v>85</v>
      </c>
      <c r="P24235" t="s">
        <v>86</v>
      </c>
      <c r="Q24235">
        <v>149</v>
      </c>
      <c r="R24235">
        <v>149</v>
      </c>
      <c r="S24235">
        <v>150</v>
      </c>
      <c r="T24235">
        <v>151</v>
      </c>
      <c r="U24235">
        <v>152</v>
      </c>
      <c r="V24235">
        <v>153</v>
      </c>
      <c r="W24235">
        <v>154</v>
      </c>
      <c r="X24235">
        <v>155</v>
      </c>
      <c r="Y24235">
        <v>156</v>
      </c>
      <c r="Z24235">
        <v>157</v>
      </c>
      <c r="AA24235">
        <v>158</v>
      </c>
      <c r="AB24235">
        <v>158</v>
      </c>
      <c r="AC24235">
        <v>159</v>
      </c>
      <c r="AD24235">
        <v>160</v>
      </c>
      <c r="AE24235">
        <v>161</v>
      </c>
      <c r="AF24235">
        <v>162</v>
      </c>
      <c r="AG24235">
        <v>163</v>
      </c>
      <c r="AH24235">
        <v>164</v>
      </c>
      <c r="AI24235">
        <v>165</v>
      </c>
      <c r="AJ24235">
        <v>167</v>
      </c>
      <c r="AK24235">
        <v>168</v>
      </c>
      <c r="AL24235">
        <v>169</v>
      </c>
      <c r="AM24235">
        <v>170</v>
      </c>
      <c r="AN24235">
        <v>171</v>
      </c>
      <c r="AO24235">
        <v>172</v>
      </c>
      <c r="AP24235">
        <v>173</v>
      </c>
      <c r="AQ24235">
        <v>174</v>
      </c>
    </row>
    <row r="24236" spans="1:43">
      <c r="A24236" t="s">
        <v>15001</v>
      </c>
      <c r="B24236" t="s">
        <v>15002</v>
      </c>
      <c r="C24236" t="s">
        <v>15003</v>
      </c>
      <c r="D24236" t="s">
        <v>15004</v>
      </c>
      <c r="E24236" t="s">
        <v>14997</v>
      </c>
      <c r="F24236" t="s">
        <v>14998</v>
      </c>
      <c r="G24236" t="s">
        <v>10734</v>
      </c>
      <c r="H24236" t="s">
        <v>10735</v>
      </c>
      <c r="I24236" s="2">
        <v>1</v>
      </c>
      <c r="J24236" s="2">
        <v>0</v>
      </c>
      <c r="K24236" s="2">
        <v>0</v>
      </c>
      <c r="L24236" t="s">
        <v>120</v>
      </c>
      <c r="M24236" t="s">
        <v>89</v>
      </c>
      <c r="N24236" t="s">
        <v>90</v>
      </c>
      <c r="O24236" t="s">
        <v>85</v>
      </c>
      <c r="P24236" t="s">
        <v>86</v>
      </c>
      <c r="Q24236">
        <v>149</v>
      </c>
      <c r="R24236">
        <v>153</v>
      </c>
      <c r="S24236">
        <v>156</v>
      </c>
      <c r="T24236">
        <v>160</v>
      </c>
      <c r="U24236">
        <v>163</v>
      </c>
      <c r="V24236">
        <v>167</v>
      </c>
      <c r="W24236">
        <v>170</v>
      </c>
      <c r="X24236">
        <v>173</v>
      </c>
      <c r="Y24236">
        <v>176</v>
      </c>
      <c r="Z24236">
        <v>179</v>
      </c>
      <c r="AA24236">
        <v>181</v>
      </c>
      <c r="AB24236">
        <v>184</v>
      </c>
      <c r="AC24236">
        <v>187</v>
      </c>
      <c r="AD24236">
        <v>190</v>
      </c>
      <c r="AE24236">
        <v>192</v>
      </c>
      <c r="AF24236">
        <v>193</v>
      </c>
      <c r="AG24236">
        <v>194</v>
      </c>
      <c r="AH24236">
        <v>194</v>
      </c>
      <c r="AI24236">
        <v>195</v>
      </c>
      <c r="AJ24236">
        <v>196</v>
      </c>
      <c r="AK24236">
        <v>196</v>
      </c>
      <c r="AL24236">
        <v>197</v>
      </c>
      <c r="AM24236">
        <v>198</v>
      </c>
      <c r="AN24236">
        <v>199</v>
      </c>
      <c r="AO24236">
        <v>199</v>
      </c>
      <c r="AP24236">
        <v>200</v>
      </c>
      <c r="AQ24236">
        <v>201</v>
      </c>
    </row>
    <row r="24237" spans="1:43">
      <c r="A24237" t="s">
        <v>15001</v>
      </c>
      <c r="B24237" t="s">
        <v>15002</v>
      </c>
      <c r="C24237" t="s">
        <v>15003</v>
      </c>
      <c r="D24237" t="s">
        <v>15004</v>
      </c>
      <c r="E24237" t="s">
        <v>14997</v>
      </c>
      <c r="F24237" t="s">
        <v>14998</v>
      </c>
      <c r="G24237" t="s">
        <v>10734</v>
      </c>
      <c r="H24237" t="s">
        <v>10735</v>
      </c>
      <c r="I24237" s="2">
        <v>1</v>
      </c>
      <c r="J24237" s="2">
        <v>0</v>
      </c>
      <c r="K24237" s="2">
        <v>0</v>
      </c>
      <c r="L24237" t="s">
        <v>120</v>
      </c>
      <c r="M24237" t="s">
        <v>83</v>
      </c>
      <c r="N24237" t="s">
        <v>91</v>
      </c>
      <c r="O24237" t="s">
        <v>85</v>
      </c>
      <c r="P24237" t="s">
        <v>86</v>
      </c>
      <c r="Q24237">
        <v>149</v>
      </c>
      <c r="R24237">
        <v>151</v>
      </c>
      <c r="S24237">
        <v>154</v>
      </c>
      <c r="T24237">
        <v>156</v>
      </c>
      <c r="U24237">
        <v>158</v>
      </c>
      <c r="V24237">
        <v>160</v>
      </c>
      <c r="W24237">
        <v>163</v>
      </c>
      <c r="X24237">
        <v>165</v>
      </c>
      <c r="Y24237">
        <v>167</v>
      </c>
      <c r="Z24237">
        <v>169</v>
      </c>
      <c r="AA24237">
        <v>172</v>
      </c>
      <c r="AB24237">
        <v>174</v>
      </c>
      <c r="AC24237">
        <v>176</v>
      </c>
      <c r="AD24237">
        <v>178</v>
      </c>
      <c r="AE24237">
        <v>181</v>
      </c>
      <c r="AF24237">
        <v>183</v>
      </c>
      <c r="AG24237">
        <v>185</v>
      </c>
      <c r="AH24237">
        <v>187</v>
      </c>
      <c r="AI24237">
        <v>190</v>
      </c>
      <c r="AJ24237">
        <v>192</v>
      </c>
      <c r="AK24237">
        <v>194</v>
      </c>
      <c r="AL24237">
        <v>196</v>
      </c>
      <c r="AM24237">
        <v>196</v>
      </c>
      <c r="AN24237">
        <v>197</v>
      </c>
      <c r="AO24237">
        <v>198</v>
      </c>
      <c r="AP24237">
        <v>199</v>
      </c>
      <c r="AQ24237">
        <v>200</v>
      </c>
    </row>
    <row r="24238" spans="1:43">
      <c r="A24238" t="s">
        <v>15005</v>
      </c>
      <c r="B24238" t="s">
        <v>15006</v>
      </c>
      <c r="C24238" t="s">
        <v>14995</v>
      </c>
      <c r="D24238" t="s">
        <v>14996</v>
      </c>
      <c r="E24238" t="s">
        <v>14997</v>
      </c>
      <c r="F24238" t="s">
        <v>14998</v>
      </c>
      <c r="G24238" t="s">
        <v>10734</v>
      </c>
      <c r="H24238" t="s">
        <v>10735</v>
      </c>
      <c r="I24238" s="2">
        <v>1</v>
      </c>
      <c r="J24238" s="2">
        <v>0</v>
      </c>
      <c r="K24238" s="2">
        <v>0</v>
      </c>
      <c r="L24238" t="s">
        <v>120</v>
      </c>
      <c r="M24238" t="s">
        <v>83</v>
      </c>
      <c r="N24238" t="s">
        <v>84</v>
      </c>
      <c r="O24238" t="s">
        <v>85</v>
      </c>
      <c r="P24238" t="s">
        <v>86</v>
      </c>
      <c r="Q24238">
        <v>18</v>
      </c>
      <c r="R24238">
        <v>18</v>
      </c>
      <c r="S24238">
        <v>18</v>
      </c>
      <c r="T24238">
        <v>19</v>
      </c>
      <c r="U24238">
        <v>19</v>
      </c>
      <c r="V24238">
        <v>19</v>
      </c>
      <c r="W24238">
        <v>20</v>
      </c>
      <c r="X24238">
        <v>20</v>
      </c>
      <c r="Y24238">
        <v>20</v>
      </c>
      <c r="Z24238">
        <v>20</v>
      </c>
      <c r="AA24238">
        <v>21</v>
      </c>
      <c r="AB24238">
        <v>21</v>
      </c>
      <c r="AC24238">
        <v>21</v>
      </c>
      <c r="AD24238">
        <v>21</v>
      </c>
      <c r="AE24238">
        <v>22</v>
      </c>
      <c r="AF24238">
        <v>22</v>
      </c>
      <c r="AG24238">
        <v>22</v>
      </c>
      <c r="AH24238">
        <v>22</v>
      </c>
      <c r="AI24238">
        <v>23</v>
      </c>
      <c r="AJ24238">
        <v>23</v>
      </c>
      <c r="AK24238">
        <v>23</v>
      </c>
      <c r="AL24238">
        <v>23</v>
      </c>
      <c r="AM24238">
        <v>24</v>
      </c>
      <c r="AN24238">
        <v>24</v>
      </c>
      <c r="AO24238">
        <v>24</v>
      </c>
      <c r="AP24238">
        <v>24</v>
      </c>
      <c r="AQ24238">
        <v>24</v>
      </c>
    </row>
    <row r="24239" spans="1:43">
      <c r="A24239" t="s">
        <v>15005</v>
      </c>
      <c r="B24239" t="s">
        <v>15006</v>
      </c>
      <c r="C24239" t="s">
        <v>14995</v>
      </c>
      <c r="D24239" t="s">
        <v>14996</v>
      </c>
      <c r="E24239" t="s">
        <v>14997</v>
      </c>
      <c r="F24239" t="s">
        <v>14998</v>
      </c>
      <c r="G24239" t="s">
        <v>10734</v>
      </c>
      <c r="H24239" t="s">
        <v>10735</v>
      </c>
      <c r="I24239" s="2">
        <v>1</v>
      </c>
      <c r="J24239" s="2">
        <v>0</v>
      </c>
      <c r="K24239" s="2">
        <v>0</v>
      </c>
      <c r="L24239" t="s">
        <v>120</v>
      </c>
      <c r="M24239" t="s">
        <v>87</v>
      </c>
      <c r="N24239" t="s">
        <v>88</v>
      </c>
      <c r="O24239" t="s">
        <v>85</v>
      </c>
      <c r="P24239" t="s">
        <v>86</v>
      </c>
      <c r="Q24239">
        <v>18</v>
      </c>
      <c r="R24239">
        <v>18</v>
      </c>
      <c r="S24239">
        <v>18</v>
      </c>
      <c r="T24239">
        <v>18</v>
      </c>
      <c r="U24239">
        <v>18</v>
      </c>
      <c r="V24239">
        <v>18</v>
      </c>
      <c r="W24239">
        <v>18</v>
      </c>
      <c r="X24239">
        <v>18</v>
      </c>
      <c r="Y24239">
        <v>19</v>
      </c>
      <c r="Z24239">
        <v>19</v>
      </c>
      <c r="AA24239">
        <v>19</v>
      </c>
      <c r="AB24239">
        <v>19</v>
      </c>
      <c r="AC24239">
        <v>19</v>
      </c>
      <c r="AD24239">
        <v>19</v>
      </c>
      <c r="AE24239">
        <v>19</v>
      </c>
      <c r="AF24239">
        <v>19</v>
      </c>
      <c r="AG24239">
        <v>19</v>
      </c>
      <c r="AH24239">
        <v>20</v>
      </c>
      <c r="AI24239">
        <v>20</v>
      </c>
      <c r="AJ24239">
        <v>20</v>
      </c>
      <c r="AK24239">
        <v>20</v>
      </c>
      <c r="AL24239">
        <v>20</v>
      </c>
      <c r="AM24239">
        <v>20</v>
      </c>
      <c r="AN24239">
        <v>20</v>
      </c>
      <c r="AO24239">
        <v>20</v>
      </c>
      <c r="AP24239">
        <v>21</v>
      </c>
      <c r="AQ24239">
        <v>21</v>
      </c>
    </row>
    <row r="24240" spans="1:43">
      <c r="A24240" t="s">
        <v>15005</v>
      </c>
      <c r="B24240" t="s">
        <v>15006</v>
      </c>
      <c r="C24240" t="s">
        <v>14995</v>
      </c>
      <c r="D24240" t="s">
        <v>14996</v>
      </c>
      <c r="E24240" t="s">
        <v>14997</v>
      </c>
      <c r="F24240" t="s">
        <v>14998</v>
      </c>
      <c r="G24240" t="s">
        <v>10734</v>
      </c>
      <c r="H24240" t="s">
        <v>10735</v>
      </c>
      <c r="I24240" s="2">
        <v>1</v>
      </c>
      <c r="J24240" s="2">
        <v>0</v>
      </c>
      <c r="K24240" s="2">
        <v>0</v>
      </c>
      <c r="L24240" t="s">
        <v>120</v>
      </c>
      <c r="M24240" t="s">
        <v>89</v>
      </c>
      <c r="N24240" t="s">
        <v>90</v>
      </c>
      <c r="O24240" t="s">
        <v>85</v>
      </c>
      <c r="P24240" t="s">
        <v>86</v>
      </c>
      <c r="Q24240">
        <v>18</v>
      </c>
      <c r="R24240">
        <v>18</v>
      </c>
      <c r="S24240">
        <v>19</v>
      </c>
      <c r="T24240">
        <v>19</v>
      </c>
      <c r="U24240">
        <v>20</v>
      </c>
      <c r="V24240">
        <v>20</v>
      </c>
      <c r="W24240">
        <v>20</v>
      </c>
      <c r="X24240">
        <v>21</v>
      </c>
      <c r="Y24240">
        <v>21</v>
      </c>
      <c r="Z24240">
        <v>22</v>
      </c>
      <c r="AA24240">
        <v>22</v>
      </c>
      <c r="AB24240">
        <v>22</v>
      </c>
      <c r="AC24240">
        <v>23</v>
      </c>
      <c r="AD24240">
        <v>23</v>
      </c>
      <c r="AE24240">
        <v>23</v>
      </c>
      <c r="AF24240">
        <v>23</v>
      </c>
      <c r="AG24240">
        <v>23</v>
      </c>
      <c r="AH24240">
        <v>23</v>
      </c>
      <c r="AI24240">
        <v>24</v>
      </c>
      <c r="AJ24240">
        <v>24</v>
      </c>
      <c r="AK24240">
        <v>24</v>
      </c>
      <c r="AL24240">
        <v>24</v>
      </c>
      <c r="AM24240">
        <v>24</v>
      </c>
      <c r="AN24240">
        <v>24</v>
      </c>
      <c r="AO24240">
        <v>24</v>
      </c>
      <c r="AP24240">
        <v>24</v>
      </c>
      <c r="AQ24240">
        <v>24</v>
      </c>
    </row>
    <row r="24241" spans="1:43">
      <c r="A24241" t="s">
        <v>15005</v>
      </c>
      <c r="B24241" t="s">
        <v>15006</v>
      </c>
      <c r="C24241" t="s">
        <v>14995</v>
      </c>
      <c r="D24241" t="s">
        <v>14996</v>
      </c>
      <c r="E24241" t="s">
        <v>14997</v>
      </c>
      <c r="F24241" t="s">
        <v>14998</v>
      </c>
      <c r="G24241" t="s">
        <v>10734</v>
      </c>
      <c r="H24241" t="s">
        <v>10735</v>
      </c>
      <c r="I24241" s="2">
        <v>1</v>
      </c>
      <c r="J24241" s="2">
        <v>0</v>
      </c>
      <c r="K24241" s="2">
        <v>0</v>
      </c>
      <c r="L24241" t="s">
        <v>120</v>
      </c>
      <c r="M24241" t="s">
        <v>83</v>
      </c>
      <c r="N24241" t="s">
        <v>91</v>
      </c>
      <c r="O24241" t="s">
        <v>85</v>
      </c>
      <c r="P24241" t="s">
        <v>86</v>
      </c>
      <c r="Q24241">
        <v>18</v>
      </c>
      <c r="R24241">
        <v>18</v>
      </c>
      <c r="S24241">
        <v>18</v>
      </c>
      <c r="T24241">
        <v>19</v>
      </c>
      <c r="U24241">
        <v>19</v>
      </c>
      <c r="V24241">
        <v>19</v>
      </c>
      <c r="W24241">
        <v>20</v>
      </c>
      <c r="X24241">
        <v>20</v>
      </c>
      <c r="Y24241">
        <v>20</v>
      </c>
      <c r="Z24241">
        <v>20</v>
      </c>
      <c r="AA24241">
        <v>21</v>
      </c>
      <c r="AB24241">
        <v>21</v>
      </c>
      <c r="AC24241">
        <v>21</v>
      </c>
      <c r="AD24241">
        <v>21</v>
      </c>
      <c r="AE24241">
        <v>22</v>
      </c>
      <c r="AF24241">
        <v>22</v>
      </c>
      <c r="AG24241">
        <v>22</v>
      </c>
      <c r="AH24241">
        <v>22</v>
      </c>
      <c r="AI24241">
        <v>23</v>
      </c>
      <c r="AJ24241">
        <v>23</v>
      </c>
      <c r="AK24241">
        <v>23</v>
      </c>
      <c r="AL24241">
        <v>23</v>
      </c>
      <c r="AM24241">
        <v>24</v>
      </c>
      <c r="AN24241">
        <v>24</v>
      </c>
      <c r="AO24241">
        <v>24</v>
      </c>
      <c r="AP24241">
        <v>24</v>
      </c>
      <c r="AQ24241">
        <v>24</v>
      </c>
    </row>
    <row r="24242" spans="1:43">
      <c r="A24242" t="s">
        <v>15007</v>
      </c>
      <c r="B24242" t="s">
        <v>15008</v>
      </c>
      <c r="C24242" t="s">
        <v>15009</v>
      </c>
      <c r="D24242" t="s">
        <v>15010</v>
      </c>
      <c r="E24242" t="s">
        <v>14997</v>
      </c>
      <c r="F24242" t="s">
        <v>14998</v>
      </c>
      <c r="G24242" t="s">
        <v>10734</v>
      </c>
      <c r="H24242" t="s">
        <v>10735</v>
      </c>
      <c r="I24242" s="2">
        <v>1</v>
      </c>
      <c r="J24242" s="2">
        <v>0</v>
      </c>
      <c r="K24242" s="2">
        <v>0</v>
      </c>
      <c r="L24242" t="s">
        <v>120</v>
      </c>
      <c r="M24242" t="s">
        <v>83</v>
      </c>
      <c r="N24242" t="s">
        <v>84</v>
      </c>
      <c r="O24242" t="s">
        <v>85</v>
      </c>
      <c r="P24242" t="s">
        <v>86</v>
      </c>
      <c r="Q24242">
        <v>21</v>
      </c>
      <c r="R24242">
        <v>22</v>
      </c>
      <c r="S24242">
        <v>22</v>
      </c>
      <c r="T24242">
        <v>22</v>
      </c>
      <c r="U24242">
        <v>22</v>
      </c>
      <c r="V24242">
        <v>23</v>
      </c>
      <c r="W24242">
        <v>23</v>
      </c>
      <c r="X24242">
        <v>23</v>
      </c>
      <c r="Y24242">
        <v>24</v>
      </c>
      <c r="Z24242">
        <v>24</v>
      </c>
      <c r="AA24242">
        <v>24</v>
      </c>
      <c r="AB24242">
        <v>25</v>
      </c>
      <c r="AC24242">
        <v>25</v>
      </c>
      <c r="AD24242">
        <v>25</v>
      </c>
      <c r="AE24242">
        <v>26</v>
      </c>
      <c r="AF24242">
        <v>26</v>
      </c>
      <c r="AG24242">
        <v>26</v>
      </c>
      <c r="AH24242">
        <v>26</v>
      </c>
      <c r="AI24242">
        <v>27</v>
      </c>
      <c r="AJ24242">
        <v>27</v>
      </c>
      <c r="AK24242">
        <v>27</v>
      </c>
      <c r="AL24242">
        <v>28</v>
      </c>
      <c r="AM24242">
        <v>28</v>
      </c>
      <c r="AN24242">
        <v>28</v>
      </c>
      <c r="AO24242">
        <v>28</v>
      </c>
      <c r="AP24242">
        <v>28</v>
      </c>
      <c r="AQ24242">
        <v>28</v>
      </c>
    </row>
    <row r="24243" spans="1:43">
      <c r="A24243" t="s">
        <v>15007</v>
      </c>
      <c r="B24243" t="s">
        <v>15008</v>
      </c>
      <c r="C24243" t="s">
        <v>15009</v>
      </c>
      <c r="D24243" t="s">
        <v>15010</v>
      </c>
      <c r="E24243" t="s">
        <v>14997</v>
      </c>
      <c r="F24243" t="s">
        <v>14998</v>
      </c>
      <c r="G24243" t="s">
        <v>10734</v>
      </c>
      <c r="H24243" t="s">
        <v>10735</v>
      </c>
      <c r="I24243" s="2">
        <v>1</v>
      </c>
      <c r="J24243" s="2">
        <v>0</v>
      </c>
      <c r="K24243" s="2">
        <v>0</v>
      </c>
      <c r="L24243" t="s">
        <v>120</v>
      </c>
      <c r="M24243" t="s">
        <v>87</v>
      </c>
      <c r="N24243" t="s">
        <v>88</v>
      </c>
      <c r="O24243" t="s">
        <v>85</v>
      </c>
      <c r="P24243" t="s">
        <v>86</v>
      </c>
      <c r="Q24243">
        <v>21</v>
      </c>
      <c r="R24243">
        <v>21</v>
      </c>
      <c r="S24243">
        <v>21</v>
      </c>
      <c r="T24243">
        <v>21</v>
      </c>
      <c r="U24243">
        <v>21</v>
      </c>
      <c r="V24243">
        <v>22</v>
      </c>
      <c r="W24243">
        <v>22</v>
      </c>
      <c r="X24243">
        <v>22</v>
      </c>
      <c r="Y24243">
        <v>22</v>
      </c>
      <c r="Z24243">
        <v>22</v>
      </c>
      <c r="AA24243">
        <v>22</v>
      </c>
      <c r="AB24243">
        <v>22</v>
      </c>
      <c r="AC24243">
        <v>22</v>
      </c>
      <c r="AD24243">
        <v>23</v>
      </c>
      <c r="AE24243">
        <v>23</v>
      </c>
      <c r="AF24243">
        <v>23</v>
      </c>
      <c r="AG24243">
        <v>23</v>
      </c>
      <c r="AH24243">
        <v>23</v>
      </c>
      <c r="AI24243">
        <v>23</v>
      </c>
      <c r="AJ24243">
        <v>23</v>
      </c>
      <c r="AK24243">
        <v>24</v>
      </c>
      <c r="AL24243">
        <v>24</v>
      </c>
      <c r="AM24243">
        <v>24</v>
      </c>
      <c r="AN24243">
        <v>24</v>
      </c>
      <c r="AO24243">
        <v>24</v>
      </c>
      <c r="AP24243">
        <v>24</v>
      </c>
      <c r="AQ24243">
        <v>24</v>
      </c>
    </row>
    <row r="24244" spans="1:43">
      <c r="A24244" t="s">
        <v>15007</v>
      </c>
      <c r="B24244" t="s">
        <v>15008</v>
      </c>
      <c r="C24244" t="s">
        <v>15009</v>
      </c>
      <c r="D24244" t="s">
        <v>15010</v>
      </c>
      <c r="E24244" t="s">
        <v>14997</v>
      </c>
      <c r="F24244" t="s">
        <v>14998</v>
      </c>
      <c r="G24244" t="s">
        <v>10734</v>
      </c>
      <c r="H24244" t="s">
        <v>10735</v>
      </c>
      <c r="I24244" s="2">
        <v>1</v>
      </c>
      <c r="J24244" s="2">
        <v>0</v>
      </c>
      <c r="K24244" s="2">
        <v>0</v>
      </c>
      <c r="L24244" t="s">
        <v>120</v>
      </c>
      <c r="M24244" t="s">
        <v>89</v>
      </c>
      <c r="N24244" t="s">
        <v>90</v>
      </c>
      <c r="O24244" t="s">
        <v>85</v>
      </c>
      <c r="P24244" t="s">
        <v>86</v>
      </c>
      <c r="Q24244">
        <v>21</v>
      </c>
      <c r="R24244">
        <v>22</v>
      </c>
      <c r="S24244">
        <v>22</v>
      </c>
      <c r="T24244">
        <v>23</v>
      </c>
      <c r="U24244">
        <v>23</v>
      </c>
      <c r="V24244">
        <v>24</v>
      </c>
      <c r="W24244">
        <v>24</v>
      </c>
      <c r="X24244">
        <v>25</v>
      </c>
      <c r="Y24244">
        <v>25</v>
      </c>
      <c r="Z24244">
        <v>25</v>
      </c>
      <c r="AA24244">
        <v>26</v>
      </c>
      <c r="AB24244">
        <v>26</v>
      </c>
      <c r="AC24244">
        <v>27</v>
      </c>
      <c r="AD24244">
        <v>27</v>
      </c>
      <c r="AE24244">
        <v>27</v>
      </c>
      <c r="AF24244">
        <v>27</v>
      </c>
      <c r="AG24244">
        <v>27</v>
      </c>
      <c r="AH24244">
        <v>27</v>
      </c>
      <c r="AI24244">
        <v>28</v>
      </c>
      <c r="AJ24244">
        <v>28</v>
      </c>
      <c r="AK24244">
        <v>28</v>
      </c>
      <c r="AL24244">
        <v>28</v>
      </c>
      <c r="AM24244">
        <v>28</v>
      </c>
      <c r="AN24244">
        <v>28</v>
      </c>
      <c r="AO24244">
        <v>28</v>
      </c>
      <c r="AP24244">
        <v>28</v>
      </c>
      <c r="AQ24244">
        <v>28</v>
      </c>
    </row>
    <row r="24245" spans="1:43">
      <c r="A24245" t="s">
        <v>15007</v>
      </c>
      <c r="B24245" t="s">
        <v>15008</v>
      </c>
      <c r="C24245" t="s">
        <v>15009</v>
      </c>
      <c r="D24245" t="s">
        <v>15010</v>
      </c>
      <c r="E24245" t="s">
        <v>14997</v>
      </c>
      <c r="F24245" t="s">
        <v>14998</v>
      </c>
      <c r="G24245" t="s">
        <v>10734</v>
      </c>
      <c r="H24245" t="s">
        <v>10735</v>
      </c>
      <c r="I24245" s="2">
        <v>1</v>
      </c>
      <c r="J24245" s="2">
        <v>0</v>
      </c>
      <c r="K24245" s="2">
        <v>0</v>
      </c>
      <c r="L24245" t="s">
        <v>120</v>
      </c>
      <c r="M24245" t="s">
        <v>83</v>
      </c>
      <c r="N24245" t="s">
        <v>91</v>
      </c>
      <c r="O24245" t="s">
        <v>85</v>
      </c>
      <c r="P24245" t="s">
        <v>86</v>
      </c>
      <c r="Q24245">
        <v>21</v>
      </c>
      <c r="R24245">
        <v>22</v>
      </c>
      <c r="S24245">
        <v>22</v>
      </c>
      <c r="T24245">
        <v>22</v>
      </c>
      <c r="U24245">
        <v>22</v>
      </c>
      <c r="V24245">
        <v>23</v>
      </c>
      <c r="W24245">
        <v>23</v>
      </c>
      <c r="X24245">
        <v>23</v>
      </c>
      <c r="Y24245">
        <v>24</v>
      </c>
      <c r="Z24245">
        <v>24</v>
      </c>
      <c r="AA24245">
        <v>24</v>
      </c>
      <c r="AB24245">
        <v>25</v>
      </c>
      <c r="AC24245">
        <v>25</v>
      </c>
      <c r="AD24245">
        <v>25</v>
      </c>
      <c r="AE24245">
        <v>26</v>
      </c>
      <c r="AF24245">
        <v>26</v>
      </c>
      <c r="AG24245">
        <v>26</v>
      </c>
      <c r="AH24245">
        <v>26</v>
      </c>
      <c r="AI24245">
        <v>27</v>
      </c>
      <c r="AJ24245">
        <v>27</v>
      </c>
      <c r="AK24245">
        <v>27</v>
      </c>
      <c r="AL24245">
        <v>28</v>
      </c>
      <c r="AM24245">
        <v>28</v>
      </c>
      <c r="AN24245">
        <v>28</v>
      </c>
      <c r="AO24245">
        <v>28</v>
      </c>
      <c r="AP24245">
        <v>28</v>
      </c>
      <c r="AQ24245">
        <v>28</v>
      </c>
    </row>
    <row r="24246" spans="1:43">
      <c r="A24246" t="s">
        <v>15011</v>
      </c>
      <c r="B24246" t="s">
        <v>15012</v>
      </c>
      <c r="C24246" t="s">
        <v>15009</v>
      </c>
      <c r="D24246" t="s">
        <v>15010</v>
      </c>
      <c r="E24246" t="s">
        <v>14997</v>
      </c>
      <c r="F24246" t="s">
        <v>14998</v>
      </c>
      <c r="G24246" t="s">
        <v>10734</v>
      </c>
      <c r="H24246" t="s">
        <v>10735</v>
      </c>
      <c r="I24246" s="2">
        <v>1</v>
      </c>
      <c r="J24246" s="2">
        <v>0</v>
      </c>
      <c r="K24246" s="2">
        <v>0</v>
      </c>
      <c r="L24246" t="s">
        <v>120</v>
      </c>
      <c r="M24246" t="s">
        <v>83</v>
      </c>
      <c r="N24246" t="s">
        <v>84</v>
      </c>
      <c r="O24246" t="s">
        <v>85</v>
      </c>
      <c r="P24246" t="s">
        <v>86</v>
      </c>
      <c r="Q24246">
        <v>21</v>
      </c>
      <c r="R24246">
        <v>21</v>
      </c>
      <c r="S24246">
        <v>21</v>
      </c>
      <c r="T24246">
        <v>22</v>
      </c>
      <c r="U24246">
        <v>22</v>
      </c>
      <c r="V24246">
        <v>22</v>
      </c>
      <c r="W24246">
        <v>22</v>
      </c>
      <c r="X24246">
        <v>23</v>
      </c>
      <c r="Y24246">
        <v>23</v>
      </c>
      <c r="Z24246">
        <v>23</v>
      </c>
      <c r="AA24246">
        <v>24</v>
      </c>
      <c r="AB24246">
        <v>24</v>
      </c>
      <c r="AC24246">
        <v>24</v>
      </c>
      <c r="AD24246">
        <v>24</v>
      </c>
      <c r="AE24246">
        <v>25</v>
      </c>
      <c r="AF24246">
        <v>25</v>
      </c>
      <c r="AG24246">
        <v>25</v>
      </c>
      <c r="AH24246">
        <v>26</v>
      </c>
      <c r="AI24246">
        <v>26</v>
      </c>
      <c r="AJ24246">
        <v>26</v>
      </c>
      <c r="AK24246">
        <v>27</v>
      </c>
      <c r="AL24246">
        <v>27</v>
      </c>
      <c r="AM24246">
        <v>27</v>
      </c>
      <c r="AN24246">
        <v>27</v>
      </c>
      <c r="AO24246">
        <v>27</v>
      </c>
      <c r="AP24246">
        <v>27</v>
      </c>
      <c r="AQ24246">
        <v>27</v>
      </c>
    </row>
    <row r="24247" spans="1:43">
      <c r="A24247" t="s">
        <v>15011</v>
      </c>
      <c r="B24247" t="s">
        <v>15012</v>
      </c>
      <c r="C24247" t="s">
        <v>15009</v>
      </c>
      <c r="D24247" t="s">
        <v>15010</v>
      </c>
      <c r="E24247" t="s">
        <v>14997</v>
      </c>
      <c r="F24247" t="s">
        <v>14998</v>
      </c>
      <c r="G24247" t="s">
        <v>10734</v>
      </c>
      <c r="H24247" t="s">
        <v>10735</v>
      </c>
      <c r="I24247" s="2">
        <v>1</v>
      </c>
      <c r="J24247" s="2">
        <v>0</v>
      </c>
      <c r="K24247" s="2">
        <v>0</v>
      </c>
      <c r="L24247" t="s">
        <v>120</v>
      </c>
      <c r="M24247" t="s">
        <v>87</v>
      </c>
      <c r="N24247" t="s">
        <v>88</v>
      </c>
      <c r="O24247" t="s">
        <v>85</v>
      </c>
      <c r="P24247" t="s">
        <v>86</v>
      </c>
      <c r="Q24247">
        <v>21</v>
      </c>
      <c r="R24247">
        <v>22</v>
      </c>
      <c r="S24247">
        <v>22</v>
      </c>
      <c r="T24247">
        <v>22</v>
      </c>
      <c r="U24247">
        <v>22</v>
      </c>
      <c r="V24247">
        <v>22</v>
      </c>
      <c r="W24247">
        <v>22</v>
      </c>
      <c r="X24247">
        <v>22</v>
      </c>
      <c r="Y24247">
        <v>22</v>
      </c>
      <c r="Z24247">
        <v>22</v>
      </c>
      <c r="AA24247">
        <v>22</v>
      </c>
      <c r="AB24247">
        <v>23</v>
      </c>
      <c r="AC24247">
        <v>23</v>
      </c>
      <c r="AD24247">
        <v>23</v>
      </c>
      <c r="AE24247">
        <v>23</v>
      </c>
      <c r="AF24247">
        <v>23</v>
      </c>
      <c r="AG24247">
        <v>23</v>
      </c>
      <c r="AH24247">
        <v>23</v>
      </c>
      <c r="AI24247">
        <v>23</v>
      </c>
      <c r="AJ24247">
        <v>24</v>
      </c>
      <c r="AK24247">
        <v>24</v>
      </c>
      <c r="AL24247">
        <v>24</v>
      </c>
      <c r="AM24247">
        <v>24</v>
      </c>
      <c r="AN24247">
        <v>24</v>
      </c>
      <c r="AO24247">
        <v>24</v>
      </c>
      <c r="AP24247">
        <v>24</v>
      </c>
      <c r="AQ24247">
        <v>25</v>
      </c>
    </row>
    <row r="24248" spans="1:43">
      <c r="A24248" t="s">
        <v>15011</v>
      </c>
      <c r="B24248" t="s">
        <v>15012</v>
      </c>
      <c r="C24248" t="s">
        <v>15009</v>
      </c>
      <c r="D24248" t="s">
        <v>15010</v>
      </c>
      <c r="E24248" t="s">
        <v>14997</v>
      </c>
      <c r="F24248" t="s">
        <v>14998</v>
      </c>
      <c r="G24248" t="s">
        <v>10734</v>
      </c>
      <c r="H24248" t="s">
        <v>10735</v>
      </c>
      <c r="I24248" s="2">
        <v>1</v>
      </c>
      <c r="J24248" s="2">
        <v>0</v>
      </c>
      <c r="K24248" s="2">
        <v>0</v>
      </c>
      <c r="L24248" t="s">
        <v>120</v>
      </c>
      <c r="M24248" t="s">
        <v>89</v>
      </c>
      <c r="N24248" t="s">
        <v>90</v>
      </c>
      <c r="O24248" t="s">
        <v>85</v>
      </c>
      <c r="P24248" t="s">
        <v>86</v>
      </c>
      <c r="Q24248">
        <v>21</v>
      </c>
      <c r="R24248">
        <v>21</v>
      </c>
      <c r="S24248">
        <v>22</v>
      </c>
      <c r="T24248">
        <v>22</v>
      </c>
      <c r="U24248">
        <v>23</v>
      </c>
      <c r="V24248">
        <v>23</v>
      </c>
      <c r="W24248">
        <v>23</v>
      </c>
      <c r="X24248">
        <v>24</v>
      </c>
      <c r="Y24248">
        <v>24</v>
      </c>
      <c r="Z24248">
        <v>25</v>
      </c>
      <c r="AA24248">
        <v>25</v>
      </c>
      <c r="AB24248">
        <v>25</v>
      </c>
      <c r="AC24248">
        <v>26</v>
      </c>
      <c r="AD24248">
        <v>26</v>
      </c>
      <c r="AE24248">
        <v>26</v>
      </c>
      <c r="AF24248">
        <v>27</v>
      </c>
      <c r="AG24248">
        <v>27</v>
      </c>
      <c r="AH24248">
        <v>27</v>
      </c>
      <c r="AI24248">
        <v>27</v>
      </c>
      <c r="AJ24248">
        <v>27</v>
      </c>
      <c r="AK24248">
        <v>27</v>
      </c>
      <c r="AL24248">
        <v>27</v>
      </c>
      <c r="AM24248">
        <v>27</v>
      </c>
      <c r="AN24248">
        <v>27</v>
      </c>
      <c r="AO24248">
        <v>27</v>
      </c>
      <c r="AP24248">
        <v>27</v>
      </c>
      <c r="AQ24248">
        <v>27</v>
      </c>
    </row>
    <row r="24249" spans="1:43">
      <c r="A24249" t="s">
        <v>15011</v>
      </c>
      <c r="B24249" t="s">
        <v>15012</v>
      </c>
      <c r="C24249" t="s">
        <v>15009</v>
      </c>
      <c r="D24249" t="s">
        <v>15010</v>
      </c>
      <c r="E24249" t="s">
        <v>14997</v>
      </c>
      <c r="F24249" t="s">
        <v>14998</v>
      </c>
      <c r="G24249" t="s">
        <v>10734</v>
      </c>
      <c r="H24249" t="s">
        <v>10735</v>
      </c>
      <c r="I24249" s="2">
        <v>1</v>
      </c>
      <c r="J24249" s="2">
        <v>0</v>
      </c>
      <c r="K24249" s="2">
        <v>0</v>
      </c>
      <c r="L24249" t="s">
        <v>120</v>
      </c>
      <c r="M24249" t="s">
        <v>83</v>
      </c>
      <c r="N24249" t="s">
        <v>91</v>
      </c>
      <c r="O24249" t="s">
        <v>85</v>
      </c>
      <c r="P24249" t="s">
        <v>86</v>
      </c>
      <c r="Q24249">
        <v>21</v>
      </c>
      <c r="R24249">
        <v>21</v>
      </c>
      <c r="S24249">
        <v>21</v>
      </c>
      <c r="T24249">
        <v>22</v>
      </c>
      <c r="U24249">
        <v>22</v>
      </c>
      <c r="V24249">
        <v>22</v>
      </c>
      <c r="W24249">
        <v>22</v>
      </c>
      <c r="X24249">
        <v>23</v>
      </c>
      <c r="Y24249">
        <v>23</v>
      </c>
      <c r="Z24249">
        <v>23</v>
      </c>
      <c r="AA24249">
        <v>24</v>
      </c>
      <c r="AB24249">
        <v>24</v>
      </c>
      <c r="AC24249">
        <v>24</v>
      </c>
      <c r="AD24249">
        <v>24</v>
      </c>
      <c r="AE24249">
        <v>25</v>
      </c>
      <c r="AF24249">
        <v>25</v>
      </c>
      <c r="AG24249">
        <v>25</v>
      </c>
      <c r="AH24249">
        <v>26</v>
      </c>
      <c r="AI24249">
        <v>26</v>
      </c>
      <c r="AJ24249">
        <v>26</v>
      </c>
      <c r="AK24249">
        <v>27</v>
      </c>
      <c r="AL24249">
        <v>27</v>
      </c>
      <c r="AM24249">
        <v>27</v>
      </c>
      <c r="AN24249">
        <v>27</v>
      </c>
      <c r="AO24249">
        <v>27</v>
      </c>
      <c r="AP24249">
        <v>27</v>
      </c>
      <c r="AQ24249">
        <v>27</v>
      </c>
    </row>
    <row r="24250" spans="1:43">
      <c r="A24250" t="s">
        <v>15013</v>
      </c>
      <c r="B24250" t="s">
        <v>15014</v>
      </c>
      <c r="C24250" t="s">
        <v>15015</v>
      </c>
      <c r="D24250" t="s">
        <v>15016</v>
      </c>
      <c r="E24250" t="s">
        <v>14997</v>
      </c>
      <c r="F24250" t="s">
        <v>14998</v>
      </c>
      <c r="G24250" t="s">
        <v>10734</v>
      </c>
      <c r="H24250" t="s">
        <v>10735</v>
      </c>
      <c r="I24250" s="2">
        <v>1</v>
      </c>
      <c r="J24250" s="2">
        <v>0</v>
      </c>
      <c r="K24250" s="2">
        <v>0</v>
      </c>
      <c r="L24250" t="s">
        <v>120</v>
      </c>
      <c r="M24250" t="s">
        <v>83</v>
      </c>
      <c r="N24250" t="s">
        <v>84</v>
      </c>
      <c r="O24250" t="s">
        <v>85</v>
      </c>
      <c r="P24250" t="s">
        <v>86</v>
      </c>
      <c r="Q24250">
        <v>21</v>
      </c>
      <c r="R24250">
        <v>21</v>
      </c>
      <c r="S24250">
        <v>21</v>
      </c>
      <c r="T24250">
        <v>22</v>
      </c>
      <c r="U24250">
        <v>22</v>
      </c>
      <c r="V24250">
        <v>22</v>
      </c>
      <c r="W24250">
        <v>23</v>
      </c>
      <c r="X24250">
        <v>23</v>
      </c>
      <c r="Y24250">
        <v>23</v>
      </c>
      <c r="Z24250">
        <v>24</v>
      </c>
      <c r="AA24250">
        <v>24</v>
      </c>
      <c r="AB24250">
        <v>24</v>
      </c>
      <c r="AC24250">
        <v>24</v>
      </c>
      <c r="AD24250">
        <v>25</v>
      </c>
      <c r="AE24250">
        <v>25</v>
      </c>
      <c r="AF24250">
        <v>25</v>
      </c>
      <c r="AG24250">
        <v>26</v>
      </c>
      <c r="AH24250">
        <v>26</v>
      </c>
      <c r="AI24250">
        <v>26</v>
      </c>
      <c r="AJ24250">
        <v>27</v>
      </c>
      <c r="AK24250">
        <v>27</v>
      </c>
      <c r="AL24250">
        <v>27</v>
      </c>
      <c r="AM24250">
        <v>27</v>
      </c>
      <c r="AN24250">
        <v>27</v>
      </c>
      <c r="AO24250">
        <v>28</v>
      </c>
      <c r="AP24250">
        <v>28</v>
      </c>
      <c r="AQ24250">
        <v>28</v>
      </c>
    </row>
    <row r="24251" spans="1:43">
      <c r="A24251" t="s">
        <v>15013</v>
      </c>
      <c r="B24251" t="s">
        <v>15014</v>
      </c>
      <c r="C24251" t="s">
        <v>15015</v>
      </c>
      <c r="D24251" t="s">
        <v>15016</v>
      </c>
      <c r="E24251" t="s">
        <v>14997</v>
      </c>
      <c r="F24251" t="s">
        <v>14998</v>
      </c>
      <c r="G24251" t="s">
        <v>10734</v>
      </c>
      <c r="H24251" t="s">
        <v>10735</v>
      </c>
      <c r="I24251" s="2">
        <v>1</v>
      </c>
      <c r="J24251" s="2">
        <v>0</v>
      </c>
      <c r="K24251" s="2">
        <v>0</v>
      </c>
      <c r="L24251" t="s">
        <v>120</v>
      </c>
      <c r="M24251" t="s">
        <v>87</v>
      </c>
      <c r="N24251" t="s">
        <v>88</v>
      </c>
      <c r="O24251" t="s">
        <v>85</v>
      </c>
      <c r="P24251" t="s">
        <v>86</v>
      </c>
      <c r="Q24251">
        <v>21</v>
      </c>
      <c r="R24251">
        <v>21</v>
      </c>
      <c r="S24251">
        <v>21</v>
      </c>
      <c r="T24251">
        <v>21</v>
      </c>
      <c r="U24251">
        <v>21</v>
      </c>
      <c r="V24251">
        <v>21</v>
      </c>
      <c r="W24251">
        <v>21</v>
      </c>
      <c r="X24251">
        <v>21</v>
      </c>
      <c r="Y24251">
        <v>21</v>
      </c>
      <c r="Z24251">
        <v>22</v>
      </c>
      <c r="AA24251">
        <v>22</v>
      </c>
      <c r="AB24251">
        <v>22</v>
      </c>
      <c r="AC24251">
        <v>22</v>
      </c>
      <c r="AD24251">
        <v>22</v>
      </c>
      <c r="AE24251">
        <v>22</v>
      </c>
      <c r="AF24251">
        <v>22</v>
      </c>
      <c r="AG24251">
        <v>23</v>
      </c>
      <c r="AH24251">
        <v>23</v>
      </c>
      <c r="AI24251">
        <v>23</v>
      </c>
      <c r="AJ24251">
        <v>23</v>
      </c>
      <c r="AK24251">
        <v>23</v>
      </c>
      <c r="AL24251">
        <v>23</v>
      </c>
      <c r="AM24251">
        <v>23</v>
      </c>
      <c r="AN24251">
        <v>24</v>
      </c>
      <c r="AO24251">
        <v>24</v>
      </c>
      <c r="AP24251">
        <v>24</v>
      </c>
      <c r="AQ24251">
        <v>24</v>
      </c>
    </row>
    <row r="24252" spans="1:43">
      <c r="A24252" t="s">
        <v>15013</v>
      </c>
      <c r="B24252" t="s">
        <v>15014</v>
      </c>
      <c r="C24252" t="s">
        <v>15015</v>
      </c>
      <c r="D24252" t="s">
        <v>15016</v>
      </c>
      <c r="E24252" t="s">
        <v>14997</v>
      </c>
      <c r="F24252" t="s">
        <v>14998</v>
      </c>
      <c r="G24252" t="s">
        <v>10734</v>
      </c>
      <c r="H24252" t="s">
        <v>10735</v>
      </c>
      <c r="I24252" s="2">
        <v>1</v>
      </c>
      <c r="J24252" s="2">
        <v>0</v>
      </c>
      <c r="K24252" s="2">
        <v>0</v>
      </c>
      <c r="L24252" t="s">
        <v>120</v>
      </c>
      <c r="M24252" t="s">
        <v>89</v>
      </c>
      <c r="N24252" t="s">
        <v>90</v>
      </c>
      <c r="O24252" t="s">
        <v>85</v>
      </c>
      <c r="P24252" t="s">
        <v>86</v>
      </c>
      <c r="Q24252">
        <v>21</v>
      </c>
      <c r="R24252">
        <v>21</v>
      </c>
      <c r="S24252">
        <v>22</v>
      </c>
      <c r="T24252">
        <v>22</v>
      </c>
      <c r="U24252">
        <v>23</v>
      </c>
      <c r="V24252">
        <v>23</v>
      </c>
      <c r="W24252">
        <v>24</v>
      </c>
      <c r="X24252">
        <v>24</v>
      </c>
      <c r="Y24252">
        <v>25</v>
      </c>
      <c r="Z24252">
        <v>25</v>
      </c>
      <c r="AA24252">
        <v>25</v>
      </c>
      <c r="AB24252">
        <v>26</v>
      </c>
      <c r="AC24252">
        <v>26</v>
      </c>
      <c r="AD24252">
        <v>27</v>
      </c>
      <c r="AE24252">
        <v>27</v>
      </c>
      <c r="AF24252">
        <v>27</v>
      </c>
      <c r="AG24252">
        <v>27</v>
      </c>
      <c r="AH24252">
        <v>27</v>
      </c>
      <c r="AI24252">
        <v>27</v>
      </c>
      <c r="AJ24252">
        <v>27</v>
      </c>
      <c r="AK24252">
        <v>27</v>
      </c>
      <c r="AL24252">
        <v>28</v>
      </c>
      <c r="AM24252">
        <v>28</v>
      </c>
      <c r="AN24252">
        <v>28</v>
      </c>
      <c r="AO24252">
        <v>28</v>
      </c>
      <c r="AP24252">
        <v>28</v>
      </c>
      <c r="AQ24252">
        <v>28</v>
      </c>
    </row>
    <row r="24253" spans="1:43">
      <c r="A24253" t="s">
        <v>15013</v>
      </c>
      <c r="B24253" t="s">
        <v>15014</v>
      </c>
      <c r="C24253" t="s">
        <v>15015</v>
      </c>
      <c r="D24253" t="s">
        <v>15016</v>
      </c>
      <c r="E24253" t="s">
        <v>14997</v>
      </c>
      <c r="F24253" t="s">
        <v>14998</v>
      </c>
      <c r="G24253" t="s">
        <v>10734</v>
      </c>
      <c r="H24253" t="s">
        <v>10735</v>
      </c>
      <c r="I24253" s="2">
        <v>1</v>
      </c>
      <c r="J24253" s="2">
        <v>0</v>
      </c>
      <c r="K24253" s="2">
        <v>0</v>
      </c>
      <c r="L24253" t="s">
        <v>120</v>
      </c>
      <c r="M24253" t="s">
        <v>83</v>
      </c>
      <c r="N24253" t="s">
        <v>91</v>
      </c>
      <c r="O24253" t="s">
        <v>85</v>
      </c>
      <c r="P24253" t="s">
        <v>86</v>
      </c>
      <c r="Q24253">
        <v>21</v>
      </c>
      <c r="R24253">
        <v>21</v>
      </c>
      <c r="S24253">
        <v>21</v>
      </c>
      <c r="T24253">
        <v>22</v>
      </c>
      <c r="U24253">
        <v>22</v>
      </c>
      <c r="V24253">
        <v>22</v>
      </c>
      <c r="W24253">
        <v>23</v>
      </c>
      <c r="X24253">
        <v>23</v>
      </c>
      <c r="Y24253">
        <v>23</v>
      </c>
      <c r="Z24253">
        <v>24</v>
      </c>
      <c r="AA24253">
        <v>24</v>
      </c>
      <c r="AB24253">
        <v>24</v>
      </c>
      <c r="AC24253">
        <v>24</v>
      </c>
      <c r="AD24253">
        <v>25</v>
      </c>
      <c r="AE24253">
        <v>25</v>
      </c>
      <c r="AF24253">
        <v>25</v>
      </c>
      <c r="AG24253">
        <v>26</v>
      </c>
      <c r="AH24253">
        <v>26</v>
      </c>
      <c r="AI24253">
        <v>26</v>
      </c>
      <c r="AJ24253">
        <v>27</v>
      </c>
      <c r="AK24253">
        <v>27</v>
      </c>
      <c r="AL24253">
        <v>27</v>
      </c>
      <c r="AM24253">
        <v>27</v>
      </c>
      <c r="AN24253">
        <v>27</v>
      </c>
      <c r="AO24253">
        <v>28</v>
      </c>
      <c r="AP24253">
        <v>28</v>
      </c>
      <c r="AQ24253">
        <v>28</v>
      </c>
    </row>
    <row r="24254" spans="1:43">
      <c r="A24254" t="s">
        <v>15017</v>
      </c>
      <c r="B24254" t="s">
        <v>15018</v>
      </c>
      <c r="C24254" t="s">
        <v>15019</v>
      </c>
      <c r="D24254" t="s">
        <v>15020</v>
      </c>
      <c r="E24254" t="s">
        <v>14997</v>
      </c>
      <c r="F24254" t="s">
        <v>14998</v>
      </c>
      <c r="G24254" t="s">
        <v>10734</v>
      </c>
      <c r="H24254" t="s">
        <v>10735</v>
      </c>
      <c r="I24254" s="2">
        <v>1</v>
      </c>
      <c r="J24254" s="2">
        <v>0</v>
      </c>
      <c r="K24254" s="2">
        <v>0</v>
      </c>
      <c r="L24254" t="s">
        <v>120</v>
      </c>
      <c r="M24254" t="s">
        <v>83</v>
      </c>
      <c r="N24254" t="s">
        <v>84</v>
      </c>
      <c r="O24254" t="s">
        <v>85</v>
      </c>
      <c r="P24254" t="s">
        <v>86</v>
      </c>
      <c r="Q24254">
        <v>15</v>
      </c>
      <c r="R24254">
        <v>15</v>
      </c>
      <c r="S24254">
        <v>15</v>
      </c>
      <c r="T24254">
        <v>15</v>
      </c>
      <c r="U24254">
        <v>16</v>
      </c>
      <c r="V24254">
        <v>16</v>
      </c>
      <c r="W24254">
        <v>16</v>
      </c>
      <c r="X24254">
        <v>16</v>
      </c>
      <c r="Y24254">
        <v>16</v>
      </c>
      <c r="Z24254">
        <v>17</v>
      </c>
      <c r="AA24254">
        <v>17</v>
      </c>
      <c r="AB24254">
        <v>17</v>
      </c>
      <c r="AC24254">
        <v>17</v>
      </c>
      <c r="AD24254">
        <v>17</v>
      </c>
      <c r="AE24254">
        <v>18</v>
      </c>
      <c r="AF24254">
        <v>18</v>
      </c>
      <c r="AG24254">
        <v>18</v>
      </c>
      <c r="AH24254">
        <v>18</v>
      </c>
      <c r="AI24254">
        <v>19</v>
      </c>
      <c r="AJ24254">
        <v>19</v>
      </c>
      <c r="AK24254">
        <v>19</v>
      </c>
      <c r="AL24254">
        <v>19</v>
      </c>
      <c r="AM24254">
        <v>19</v>
      </c>
      <c r="AN24254">
        <v>19</v>
      </c>
      <c r="AO24254">
        <v>19</v>
      </c>
      <c r="AP24254">
        <v>19</v>
      </c>
      <c r="AQ24254">
        <v>19</v>
      </c>
    </row>
    <row r="24255" spans="1:43">
      <c r="A24255" t="s">
        <v>15017</v>
      </c>
      <c r="B24255" t="s">
        <v>15018</v>
      </c>
      <c r="C24255" t="s">
        <v>15019</v>
      </c>
      <c r="D24255" t="s">
        <v>15020</v>
      </c>
      <c r="E24255" t="s">
        <v>14997</v>
      </c>
      <c r="F24255" t="s">
        <v>14998</v>
      </c>
      <c r="G24255" t="s">
        <v>10734</v>
      </c>
      <c r="H24255" t="s">
        <v>10735</v>
      </c>
      <c r="I24255" s="2">
        <v>1</v>
      </c>
      <c r="J24255" s="2">
        <v>0</v>
      </c>
      <c r="K24255" s="2">
        <v>0</v>
      </c>
      <c r="L24255" t="s">
        <v>120</v>
      </c>
      <c r="M24255" t="s">
        <v>87</v>
      </c>
      <c r="N24255" t="s">
        <v>88</v>
      </c>
      <c r="O24255" t="s">
        <v>85</v>
      </c>
      <c r="P24255" t="s">
        <v>86</v>
      </c>
      <c r="Q24255">
        <v>15</v>
      </c>
      <c r="R24255">
        <v>15</v>
      </c>
      <c r="S24255">
        <v>15</v>
      </c>
      <c r="T24255">
        <v>15</v>
      </c>
      <c r="U24255">
        <v>15</v>
      </c>
      <c r="V24255">
        <v>15</v>
      </c>
      <c r="W24255">
        <v>15</v>
      </c>
      <c r="X24255">
        <v>15</v>
      </c>
      <c r="Y24255">
        <v>15</v>
      </c>
      <c r="Z24255">
        <v>15</v>
      </c>
      <c r="AA24255">
        <v>15</v>
      </c>
      <c r="AB24255">
        <v>15</v>
      </c>
      <c r="AC24255">
        <v>15</v>
      </c>
      <c r="AD24255">
        <v>16</v>
      </c>
      <c r="AE24255">
        <v>16</v>
      </c>
      <c r="AF24255">
        <v>16</v>
      </c>
      <c r="AG24255">
        <v>16</v>
      </c>
      <c r="AH24255">
        <v>16</v>
      </c>
      <c r="AI24255">
        <v>16</v>
      </c>
      <c r="AJ24255">
        <v>16</v>
      </c>
      <c r="AK24255">
        <v>16</v>
      </c>
      <c r="AL24255">
        <v>16</v>
      </c>
      <c r="AM24255">
        <v>16</v>
      </c>
      <c r="AN24255">
        <v>16</v>
      </c>
      <c r="AO24255">
        <v>17</v>
      </c>
      <c r="AP24255">
        <v>17</v>
      </c>
      <c r="AQ24255">
        <v>17</v>
      </c>
    </row>
    <row r="24256" spans="1:43">
      <c r="A24256" t="s">
        <v>15017</v>
      </c>
      <c r="B24256" t="s">
        <v>15018</v>
      </c>
      <c r="C24256" t="s">
        <v>15019</v>
      </c>
      <c r="D24256" t="s">
        <v>15020</v>
      </c>
      <c r="E24256" t="s">
        <v>14997</v>
      </c>
      <c r="F24256" t="s">
        <v>14998</v>
      </c>
      <c r="G24256" t="s">
        <v>10734</v>
      </c>
      <c r="H24256" t="s">
        <v>10735</v>
      </c>
      <c r="I24256" s="2">
        <v>1</v>
      </c>
      <c r="J24256" s="2">
        <v>0</v>
      </c>
      <c r="K24256" s="2">
        <v>0</v>
      </c>
      <c r="L24256" t="s">
        <v>120</v>
      </c>
      <c r="M24256" t="s">
        <v>89</v>
      </c>
      <c r="N24256" t="s">
        <v>90</v>
      </c>
      <c r="O24256" t="s">
        <v>85</v>
      </c>
      <c r="P24256" t="s">
        <v>86</v>
      </c>
      <c r="Q24256">
        <v>15</v>
      </c>
      <c r="R24256">
        <v>15</v>
      </c>
      <c r="S24256">
        <v>16</v>
      </c>
      <c r="T24256">
        <v>16</v>
      </c>
      <c r="U24256">
        <v>16</v>
      </c>
      <c r="V24256">
        <v>16</v>
      </c>
      <c r="W24256">
        <v>17</v>
      </c>
      <c r="X24256">
        <v>17</v>
      </c>
      <c r="Y24256">
        <v>17</v>
      </c>
      <c r="Z24256">
        <v>18</v>
      </c>
      <c r="AA24256">
        <v>18</v>
      </c>
      <c r="AB24256">
        <v>18</v>
      </c>
      <c r="AC24256">
        <v>19</v>
      </c>
      <c r="AD24256">
        <v>19</v>
      </c>
      <c r="AE24256">
        <v>19</v>
      </c>
      <c r="AF24256">
        <v>19</v>
      </c>
      <c r="AG24256">
        <v>19</v>
      </c>
      <c r="AH24256">
        <v>19</v>
      </c>
      <c r="AI24256">
        <v>19</v>
      </c>
      <c r="AJ24256">
        <v>19</v>
      </c>
      <c r="AK24256">
        <v>19</v>
      </c>
      <c r="AL24256">
        <v>19</v>
      </c>
      <c r="AM24256">
        <v>19</v>
      </c>
      <c r="AN24256">
        <v>19</v>
      </c>
      <c r="AO24256">
        <v>19</v>
      </c>
      <c r="AP24256">
        <v>20</v>
      </c>
      <c r="AQ24256">
        <v>20</v>
      </c>
    </row>
    <row r="24257" spans="1:43">
      <c r="A24257" t="s">
        <v>15017</v>
      </c>
      <c r="B24257" t="s">
        <v>15018</v>
      </c>
      <c r="C24257" t="s">
        <v>15019</v>
      </c>
      <c r="D24257" t="s">
        <v>15020</v>
      </c>
      <c r="E24257" t="s">
        <v>14997</v>
      </c>
      <c r="F24257" t="s">
        <v>14998</v>
      </c>
      <c r="G24257" t="s">
        <v>10734</v>
      </c>
      <c r="H24257" t="s">
        <v>10735</v>
      </c>
      <c r="I24257" s="2">
        <v>1</v>
      </c>
      <c r="J24257" s="2">
        <v>0</v>
      </c>
      <c r="K24257" s="2">
        <v>0</v>
      </c>
      <c r="L24257" t="s">
        <v>120</v>
      </c>
      <c r="M24257" t="s">
        <v>83</v>
      </c>
      <c r="N24257" t="s">
        <v>91</v>
      </c>
      <c r="O24257" t="s">
        <v>85</v>
      </c>
      <c r="P24257" t="s">
        <v>86</v>
      </c>
      <c r="Q24257">
        <v>15</v>
      </c>
      <c r="R24257">
        <v>15</v>
      </c>
      <c r="S24257">
        <v>15</v>
      </c>
      <c r="T24257">
        <v>15</v>
      </c>
      <c r="U24257">
        <v>16</v>
      </c>
      <c r="V24257">
        <v>16</v>
      </c>
      <c r="W24257">
        <v>16</v>
      </c>
      <c r="X24257">
        <v>16</v>
      </c>
      <c r="Y24257">
        <v>16</v>
      </c>
      <c r="Z24257">
        <v>17</v>
      </c>
      <c r="AA24257">
        <v>17</v>
      </c>
      <c r="AB24257">
        <v>17</v>
      </c>
      <c r="AC24257">
        <v>17</v>
      </c>
      <c r="AD24257">
        <v>17</v>
      </c>
      <c r="AE24257">
        <v>18</v>
      </c>
      <c r="AF24257">
        <v>18</v>
      </c>
      <c r="AG24257">
        <v>18</v>
      </c>
      <c r="AH24257">
        <v>18</v>
      </c>
      <c r="AI24257">
        <v>19</v>
      </c>
      <c r="AJ24257">
        <v>19</v>
      </c>
      <c r="AK24257">
        <v>19</v>
      </c>
      <c r="AL24257">
        <v>19</v>
      </c>
      <c r="AM24257">
        <v>19</v>
      </c>
      <c r="AN24257">
        <v>19</v>
      </c>
      <c r="AO24257">
        <v>19</v>
      </c>
      <c r="AP24257">
        <v>19</v>
      </c>
      <c r="AQ24257">
        <v>19</v>
      </c>
    </row>
    <row r="24258" spans="1:43">
      <c r="A24258" t="s">
        <v>15021</v>
      </c>
      <c r="B24258" t="s">
        <v>15022</v>
      </c>
      <c r="C24258" t="s">
        <v>15019</v>
      </c>
      <c r="D24258" t="s">
        <v>15020</v>
      </c>
      <c r="E24258" t="s">
        <v>14997</v>
      </c>
      <c r="F24258" t="s">
        <v>14998</v>
      </c>
      <c r="G24258" t="s">
        <v>10734</v>
      </c>
      <c r="H24258" t="s">
        <v>10735</v>
      </c>
      <c r="I24258" s="2">
        <v>1</v>
      </c>
      <c r="J24258" s="2">
        <v>0</v>
      </c>
      <c r="K24258" s="2">
        <v>0</v>
      </c>
      <c r="L24258" t="s">
        <v>120</v>
      </c>
      <c r="M24258" t="s">
        <v>83</v>
      </c>
      <c r="N24258" t="s">
        <v>84</v>
      </c>
      <c r="O24258" t="s">
        <v>85</v>
      </c>
      <c r="P24258" t="s">
        <v>86</v>
      </c>
      <c r="Q24258">
        <v>3</v>
      </c>
      <c r="R24258">
        <v>4</v>
      </c>
      <c r="S24258">
        <v>4</v>
      </c>
      <c r="T24258">
        <v>4</v>
      </c>
      <c r="U24258">
        <v>4</v>
      </c>
      <c r="V24258">
        <v>4</v>
      </c>
      <c r="W24258">
        <v>4</v>
      </c>
      <c r="X24258">
        <v>4</v>
      </c>
      <c r="Y24258">
        <v>4</v>
      </c>
      <c r="Z24258">
        <v>4</v>
      </c>
      <c r="AA24258">
        <v>4</v>
      </c>
      <c r="AB24258">
        <v>4</v>
      </c>
      <c r="AC24258">
        <v>4</v>
      </c>
      <c r="AD24258">
        <v>4</v>
      </c>
      <c r="AE24258">
        <v>4</v>
      </c>
      <c r="AF24258">
        <v>4</v>
      </c>
      <c r="AG24258">
        <v>4</v>
      </c>
      <c r="AH24258">
        <v>4</v>
      </c>
      <c r="AI24258">
        <v>4</v>
      </c>
      <c r="AJ24258">
        <v>4</v>
      </c>
      <c r="AK24258">
        <v>4</v>
      </c>
      <c r="AL24258">
        <v>5</v>
      </c>
      <c r="AM24258">
        <v>5</v>
      </c>
      <c r="AN24258">
        <v>5</v>
      </c>
      <c r="AO24258">
        <v>5</v>
      </c>
      <c r="AP24258">
        <v>5</v>
      </c>
      <c r="AQ24258">
        <v>5</v>
      </c>
    </row>
    <row r="24259" spans="1:43">
      <c r="A24259" t="s">
        <v>15021</v>
      </c>
      <c r="B24259" t="s">
        <v>15022</v>
      </c>
      <c r="C24259" t="s">
        <v>15019</v>
      </c>
      <c r="D24259" t="s">
        <v>15020</v>
      </c>
      <c r="E24259" t="s">
        <v>14997</v>
      </c>
      <c r="F24259" t="s">
        <v>14998</v>
      </c>
      <c r="G24259" t="s">
        <v>10734</v>
      </c>
      <c r="H24259" t="s">
        <v>10735</v>
      </c>
      <c r="I24259" s="2">
        <v>1</v>
      </c>
      <c r="J24259" s="2">
        <v>0</v>
      </c>
      <c r="K24259" s="2">
        <v>0</v>
      </c>
      <c r="L24259" t="s">
        <v>120</v>
      </c>
      <c r="M24259" t="s">
        <v>87</v>
      </c>
      <c r="N24259" t="s">
        <v>88</v>
      </c>
      <c r="O24259" t="s">
        <v>85</v>
      </c>
      <c r="P24259" t="s">
        <v>86</v>
      </c>
      <c r="Q24259">
        <v>3</v>
      </c>
      <c r="R24259">
        <v>3</v>
      </c>
      <c r="S24259">
        <v>3</v>
      </c>
      <c r="T24259">
        <v>3</v>
      </c>
      <c r="U24259">
        <v>3</v>
      </c>
      <c r="V24259">
        <v>4</v>
      </c>
      <c r="W24259">
        <v>4</v>
      </c>
      <c r="X24259">
        <v>4</v>
      </c>
      <c r="Y24259">
        <v>4</v>
      </c>
      <c r="Z24259">
        <v>4</v>
      </c>
      <c r="AA24259">
        <v>4</v>
      </c>
      <c r="AB24259">
        <v>4</v>
      </c>
      <c r="AC24259">
        <v>4</v>
      </c>
      <c r="AD24259">
        <v>4</v>
      </c>
      <c r="AE24259">
        <v>4</v>
      </c>
      <c r="AF24259">
        <v>4</v>
      </c>
      <c r="AG24259">
        <v>4</v>
      </c>
      <c r="AH24259">
        <v>4</v>
      </c>
      <c r="AI24259">
        <v>4</v>
      </c>
      <c r="AJ24259">
        <v>4</v>
      </c>
      <c r="AK24259">
        <v>4</v>
      </c>
      <c r="AL24259">
        <v>4</v>
      </c>
      <c r="AM24259">
        <v>4</v>
      </c>
      <c r="AN24259">
        <v>4</v>
      </c>
      <c r="AO24259">
        <v>4</v>
      </c>
      <c r="AP24259">
        <v>4</v>
      </c>
      <c r="AQ24259">
        <v>4</v>
      </c>
    </row>
    <row r="24260" spans="1:43">
      <c r="A24260" t="s">
        <v>15021</v>
      </c>
      <c r="B24260" t="s">
        <v>15022</v>
      </c>
      <c r="C24260" t="s">
        <v>15019</v>
      </c>
      <c r="D24260" t="s">
        <v>15020</v>
      </c>
      <c r="E24260" t="s">
        <v>14997</v>
      </c>
      <c r="F24260" t="s">
        <v>14998</v>
      </c>
      <c r="G24260" t="s">
        <v>10734</v>
      </c>
      <c r="H24260" t="s">
        <v>10735</v>
      </c>
      <c r="I24260" s="2">
        <v>1</v>
      </c>
      <c r="J24260" s="2">
        <v>0</v>
      </c>
      <c r="K24260" s="2">
        <v>0</v>
      </c>
      <c r="L24260" t="s">
        <v>120</v>
      </c>
      <c r="M24260" t="s">
        <v>89</v>
      </c>
      <c r="N24260" t="s">
        <v>90</v>
      </c>
      <c r="O24260" t="s">
        <v>85</v>
      </c>
      <c r="P24260" t="s">
        <v>86</v>
      </c>
      <c r="Q24260">
        <v>3</v>
      </c>
      <c r="R24260">
        <v>4</v>
      </c>
      <c r="S24260">
        <v>4</v>
      </c>
      <c r="T24260">
        <v>4</v>
      </c>
      <c r="U24260">
        <v>4</v>
      </c>
      <c r="V24260">
        <v>4</v>
      </c>
      <c r="W24260">
        <v>4</v>
      </c>
      <c r="X24260">
        <v>4</v>
      </c>
      <c r="Y24260">
        <v>4</v>
      </c>
      <c r="Z24260">
        <v>4</v>
      </c>
      <c r="AA24260">
        <v>4</v>
      </c>
      <c r="AB24260">
        <v>4</v>
      </c>
      <c r="AC24260">
        <v>4</v>
      </c>
      <c r="AD24260">
        <v>4</v>
      </c>
      <c r="AE24260">
        <v>4</v>
      </c>
      <c r="AF24260">
        <v>4</v>
      </c>
      <c r="AG24260">
        <v>4</v>
      </c>
      <c r="AH24260">
        <v>4</v>
      </c>
      <c r="AI24260">
        <v>5</v>
      </c>
      <c r="AJ24260">
        <v>5</v>
      </c>
      <c r="AK24260">
        <v>5</v>
      </c>
      <c r="AL24260">
        <v>5</v>
      </c>
      <c r="AM24260">
        <v>5</v>
      </c>
      <c r="AN24260">
        <v>5</v>
      </c>
      <c r="AO24260">
        <v>5</v>
      </c>
      <c r="AP24260">
        <v>5</v>
      </c>
      <c r="AQ24260">
        <v>5</v>
      </c>
    </row>
    <row r="24261" spans="1:43">
      <c r="A24261" t="s">
        <v>15021</v>
      </c>
      <c r="B24261" t="s">
        <v>15022</v>
      </c>
      <c r="C24261" t="s">
        <v>15019</v>
      </c>
      <c r="D24261" t="s">
        <v>15020</v>
      </c>
      <c r="E24261" t="s">
        <v>14997</v>
      </c>
      <c r="F24261" t="s">
        <v>14998</v>
      </c>
      <c r="G24261" t="s">
        <v>10734</v>
      </c>
      <c r="H24261" t="s">
        <v>10735</v>
      </c>
      <c r="I24261" s="2">
        <v>1</v>
      </c>
      <c r="J24261" s="2">
        <v>0</v>
      </c>
      <c r="K24261" s="2">
        <v>0</v>
      </c>
      <c r="L24261" t="s">
        <v>120</v>
      </c>
      <c r="M24261" t="s">
        <v>83</v>
      </c>
      <c r="N24261" t="s">
        <v>91</v>
      </c>
      <c r="O24261" t="s">
        <v>85</v>
      </c>
      <c r="P24261" t="s">
        <v>86</v>
      </c>
      <c r="Q24261">
        <v>3</v>
      </c>
      <c r="R24261">
        <v>4</v>
      </c>
      <c r="S24261">
        <v>4</v>
      </c>
      <c r="T24261">
        <v>4</v>
      </c>
      <c r="U24261">
        <v>4</v>
      </c>
      <c r="V24261">
        <v>4</v>
      </c>
      <c r="W24261">
        <v>4</v>
      </c>
      <c r="X24261">
        <v>4</v>
      </c>
      <c r="Y24261">
        <v>4</v>
      </c>
      <c r="Z24261">
        <v>4</v>
      </c>
      <c r="AA24261">
        <v>4</v>
      </c>
      <c r="AB24261">
        <v>4</v>
      </c>
      <c r="AC24261">
        <v>4</v>
      </c>
      <c r="AD24261">
        <v>4</v>
      </c>
      <c r="AE24261">
        <v>4</v>
      </c>
      <c r="AF24261">
        <v>4</v>
      </c>
      <c r="AG24261">
        <v>4</v>
      </c>
      <c r="AH24261">
        <v>4</v>
      </c>
      <c r="AI24261">
        <v>4</v>
      </c>
      <c r="AJ24261">
        <v>4</v>
      </c>
      <c r="AK24261">
        <v>4</v>
      </c>
      <c r="AL24261">
        <v>5</v>
      </c>
      <c r="AM24261">
        <v>5</v>
      </c>
      <c r="AN24261">
        <v>5</v>
      </c>
      <c r="AO24261">
        <v>5</v>
      </c>
      <c r="AP24261">
        <v>5</v>
      </c>
      <c r="AQ24261">
        <v>5</v>
      </c>
    </row>
    <row r="24262" spans="1:43">
      <c r="A24262" t="s">
        <v>15023</v>
      </c>
      <c r="B24262" t="s">
        <v>15024</v>
      </c>
      <c r="C24262" t="s">
        <v>15019</v>
      </c>
      <c r="D24262" t="s">
        <v>15020</v>
      </c>
      <c r="E24262" t="s">
        <v>14997</v>
      </c>
      <c r="F24262" t="s">
        <v>14998</v>
      </c>
      <c r="G24262" t="s">
        <v>10734</v>
      </c>
      <c r="H24262" t="s">
        <v>10735</v>
      </c>
      <c r="I24262" s="2">
        <v>1</v>
      </c>
      <c r="J24262" s="2">
        <v>0</v>
      </c>
      <c r="K24262" s="2">
        <v>0</v>
      </c>
      <c r="L24262" t="s">
        <v>120</v>
      </c>
      <c r="M24262" t="s">
        <v>83</v>
      </c>
      <c r="N24262" t="s">
        <v>84</v>
      </c>
      <c r="O24262" t="s">
        <v>85</v>
      </c>
      <c r="P24262" t="s">
        <v>86</v>
      </c>
      <c r="Q24262">
        <v>39</v>
      </c>
      <c r="R24262">
        <v>39</v>
      </c>
      <c r="S24262">
        <v>40</v>
      </c>
      <c r="T24262">
        <v>40</v>
      </c>
      <c r="U24262">
        <v>41</v>
      </c>
      <c r="V24262">
        <v>42</v>
      </c>
      <c r="W24262">
        <v>42</v>
      </c>
      <c r="X24262">
        <v>43</v>
      </c>
      <c r="Y24262">
        <v>43</v>
      </c>
      <c r="Z24262">
        <v>44</v>
      </c>
      <c r="AA24262">
        <v>44</v>
      </c>
      <c r="AB24262">
        <v>45</v>
      </c>
      <c r="AC24262">
        <v>46</v>
      </c>
      <c r="AD24262">
        <v>46</v>
      </c>
      <c r="AE24262">
        <v>47</v>
      </c>
      <c r="AF24262">
        <v>47</v>
      </c>
      <c r="AG24262">
        <v>48</v>
      </c>
      <c r="AH24262">
        <v>49</v>
      </c>
      <c r="AI24262">
        <v>49</v>
      </c>
      <c r="AJ24262">
        <v>50</v>
      </c>
      <c r="AK24262">
        <v>50</v>
      </c>
      <c r="AL24262">
        <v>51</v>
      </c>
      <c r="AM24262">
        <v>51</v>
      </c>
      <c r="AN24262">
        <v>51</v>
      </c>
      <c r="AO24262">
        <v>51</v>
      </c>
      <c r="AP24262">
        <v>51</v>
      </c>
      <c r="AQ24262">
        <v>51</v>
      </c>
    </row>
    <row r="24263" spans="1:43">
      <c r="A24263" t="s">
        <v>15023</v>
      </c>
      <c r="B24263" t="s">
        <v>15024</v>
      </c>
      <c r="C24263" t="s">
        <v>15019</v>
      </c>
      <c r="D24263" t="s">
        <v>15020</v>
      </c>
      <c r="E24263" t="s">
        <v>14997</v>
      </c>
      <c r="F24263" t="s">
        <v>14998</v>
      </c>
      <c r="G24263" t="s">
        <v>10734</v>
      </c>
      <c r="H24263" t="s">
        <v>10735</v>
      </c>
      <c r="I24263" s="2">
        <v>1</v>
      </c>
      <c r="J24263" s="2">
        <v>0</v>
      </c>
      <c r="K24263" s="2">
        <v>0</v>
      </c>
      <c r="L24263" t="s">
        <v>120</v>
      </c>
      <c r="M24263" t="s">
        <v>87</v>
      </c>
      <c r="N24263" t="s">
        <v>88</v>
      </c>
      <c r="O24263" t="s">
        <v>85</v>
      </c>
      <c r="P24263" t="s">
        <v>86</v>
      </c>
      <c r="Q24263">
        <v>39</v>
      </c>
      <c r="R24263">
        <v>40</v>
      </c>
      <c r="S24263">
        <v>40</v>
      </c>
      <c r="T24263">
        <v>40</v>
      </c>
      <c r="U24263">
        <v>40</v>
      </c>
      <c r="V24263">
        <v>40</v>
      </c>
      <c r="W24263">
        <v>41</v>
      </c>
      <c r="X24263">
        <v>41</v>
      </c>
      <c r="Y24263">
        <v>41</v>
      </c>
      <c r="Z24263">
        <v>41</v>
      </c>
      <c r="AA24263">
        <v>42</v>
      </c>
      <c r="AB24263">
        <v>42</v>
      </c>
      <c r="AC24263">
        <v>42</v>
      </c>
      <c r="AD24263">
        <v>42</v>
      </c>
      <c r="AE24263">
        <v>42</v>
      </c>
      <c r="AF24263">
        <v>43</v>
      </c>
      <c r="AG24263">
        <v>43</v>
      </c>
      <c r="AH24263">
        <v>43</v>
      </c>
      <c r="AI24263">
        <v>43</v>
      </c>
      <c r="AJ24263">
        <v>44</v>
      </c>
      <c r="AK24263">
        <v>44</v>
      </c>
      <c r="AL24263">
        <v>44</v>
      </c>
      <c r="AM24263">
        <v>44</v>
      </c>
      <c r="AN24263">
        <v>45</v>
      </c>
      <c r="AO24263">
        <v>45</v>
      </c>
      <c r="AP24263">
        <v>45</v>
      </c>
      <c r="AQ24263">
        <v>46</v>
      </c>
    </row>
    <row r="24264" spans="1:43">
      <c r="A24264" t="s">
        <v>15023</v>
      </c>
      <c r="B24264" t="s">
        <v>15024</v>
      </c>
      <c r="C24264" t="s">
        <v>15019</v>
      </c>
      <c r="D24264" t="s">
        <v>15020</v>
      </c>
      <c r="E24264" t="s">
        <v>14997</v>
      </c>
      <c r="F24264" t="s">
        <v>14998</v>
      </c>
      <c r="G24264" t="s">
        <v>10734</v>
      </c>
      <c r="H24264" t="s">
        <v>10735</v>
      </c>
      <c r="I24264" s="2">
        <v>1</v>
      </c>
      <c r="J24264" s="2">
        <v>0</v>
      </c>
      <c r="K24264" s="2">
        <v>0</v>
      </c>
      <c r="L24264" t="s">
        <v>120</v>
      </c>
      <c r="M24264" t="s">
        <v>89</v>
      </c>
      <c r="N24264" t="s">
        <v>90</v>
      </c>
      <c r="O24264" t="s">
        <v>85</v>
      </c>
      <c r="P24264" t="s">
        <v>86</v>
      </c>
      <c r="Q24264">
        <v>39</v>
      </c>
      <c r="R24264">
        <v>40</v>
      </c>
      <c r="S24264">
        <v>41</v>
      </c>
      <c r="T24264">
        <v>42</v>
      </c>
      <c r="U24264">
        <v>43</v>
      </c>
      <c r="V24264">
        <v>44</v>
      </c>
      <c r="W24264">
        <v>44</v>
      </c>
      <c r="X24264">
        <v>45</v>
      </c>
      <c r="Y24264">
        <v>46</v>
      </c>
      <c r="Z24264">
        <v>47</v>
      </c>
      <c r="AA24264">
        <v>47</v>
      </c>
      <c r="AB24264">
        <v>48</v>
      </c>
      <c r="AC24264">
        <v>49</v>
      </c>
      <c r="AD24264">
        <v>50</v>
      </c>
      <c r="AE24264">
        <v>50</v>
      </c>
      <c r="AF24264">
        <v>50</v>
      </c>
      <c r="AG24264">
        <v>50</v>
      </c>
      <c r="AH24264">
        <v>51</v>
      </c>
      <c r="AI24264">
        <v>51</v>
      </c>
      <c r="AJ24264">
        <v>51</v>
      </c>
      <c r="AK24264">
        <v>51</v>
      </c>
      <c r="AL24264">
        <v>51</v>
      </c>
      <c r="AM24264">
        <v>51</v>
      </c>
      <c r="AN24264">
        <v>51</v>
      </c>
      <c r="AO24264">
        <v>52</v>
      </c>
      <c r="AP24264">
        <v>52</v>
      </c>
      <c r="AQ24264">
        <v>52</v>
      </c>
    </row>
    <row r="24265" spans="1:43">
      <c r="A24265" t="s">
        <v>15023</v>
      </c>
      <c r="B24265" t="s">
        <v>15024</v>
      </c>
      <c r="C24265" t="s">
        <v>15019</v>
      </c>
      <c r="D24265" t="s">
        <v>15020</v>
      </c>
      <c r="E24265" t="s">
        <v>14997</v>
      </c>
      <c r="F24265" t="s">
        <v>14998</v>
      </c>
      <c r="G24265" t="s">
        <v>10734</v>
      </c>
      <c r="H24265" t="s">
        <v>10735</v>
      </c>
      <c r="I24265" s="2">
        <v>1</v>
      </c>
      <c r="J24265" s="2">
        <v>0</v>
      </c>
      <c r="K24265" s="2">
        <v>0</v>
      </c>
      <c r="L24265" t="s">
        <v>120</v>
      </c>
      <c r="M24265" t="s">
        <v>83</v>
      </c>
      <c r="N24265" t="s">
        <v>91</v>
      </c>
      <c r="O24265" t="s">
        <v>85</v>
      </c>
      <c r="P24265" t="s">
        <v>86</v>
      </c>
      <c r="Q24265">
        <v>39</v>
      </c>
      <c r="R24265">
        <v>39</v>
      </c>
      <c r="S24265">
        <v>40</v>
      </c>
      <c r="T24265">
        <v>40</v>
      </c>
      <c r="U24265">
        <v>41</v>
      </c>
      <c r="V24265">
        <v>42</v>
      </c>
      <c r="W24265">
        <v>42</v>
      </c>
      <c r="X24265">
        <v>43</v>
      </c>
      <c r="Y24265">
        <v>43</v>
      </c>
      <c r="Z24265">
        <v>44</v>
      </c>
      <c r="AA24265">
        <v>44</v>
      </c>
      <c r="AB24265">
        <v>45</v>
      </c>
      <c r="AC24265">
        <v>46</v>
      </c>
      <c r="AD24265">
        <v>46</v>
      </c>
      <c r="AE24265">
        <v>47</v>
      </c>
      <c r="AF24265">
        <v>47</v>
      </c>
      <c r="AG24265">
        <v>48</v>
      </c>
      <c r="AH24265">
        <v>49</v>
      </c>
      <c r="AI24265">
        <v>49</v>
      </c>
      <c r="AJ24265">
        <v>50</v>
      </c>
      <c r="AK24265">
        <v>50</v>
      </c>
      <c r="AL24265">
        <v>51</v>
      </c>
      <c r="AM24265">
        <v>51</v>
      </c>
      <c r="AN24265">
        <v>51</v>
      </c>
      <c r="AO24265">
        <v>51</v>
      </c>
      <c r="AP24265">
        <v>51</v>
      </c>
      <c r="AQ24265">
        <v>51</v>
      </c>
    </row>
    <row r="24266" spans="1:43">
      <c r="A24266" t="s">
        <v>15025</v>
      </c>
      <c r="B24266" t="s">
        <v>15026</v>
      </c>
      <c r="C24266" t="s">
        <v>15019</v>
      </c>
      <c r="D24266" t="s">
        <v>15020</v>
      </c>
      <c r="E24266" t="s">
        <v>14997</v>
      </c>
      <c r="F24266" t="s">
        <v>14998</v>
      </c>
      <c r="G24266" t="s">
        <v>10734</v>
      </c>
      <c r="H24266" t="s">
        <v>10735</v>
      </c>
      <c r="I24266" s="2">
        <v>1</v>
      </c>
      <c r="J24266" s="2">
        <v>0</v>
      </c>
      <c r="K24266" s="2">
        <v>0</v>
      </c>
      <c r="L24266" t="s">
        <v>120</v>
      </c>
      <c r="M24266" t="s">
        <v>83</v>
      </c>
      <c r="N24266" t="s">
        <v>84</v>
      </c>
      <c r="O24266" t="s">
        <v>85</v>
      </c>
      <c r="P24266" t="s">
        <v>86</v>
      </c>
      <c r="Q24266">
        <v>26</v>
      </c>
      <c r="R24266">
        <v>27</v>
      </c>
      <c r="S24266">
        <v>27</v>
      </c>
      <c r="T24266">
        <v>27</v>
      </c>
      <c r="U24266">
        <v>28</v>
      </c>
      <c r="V24266">
        <v>28</v>
      </c>
      <c r="W24266">
        <v>29</v>
      </c>
      <c r="X24266">
        <v>29</v>
      </c>
      <c r="Y24266">
        <v>29</v>
      </c>
      <c r="Z24266">
        <v>30</v>
      </c>
      <c r="AA24266">
        <v>30</v>
      </c>
      <c r="AB24266">
        <v>31</v>
      </c>
      <c r="AC24266">
        <v>31</v>
      </c>
      <c r="AD24266">
        <v>31</v>
      </c>
      <c r="AE24266">
        <v>32</v>
      </c>
      <c r="AF24266">
        <v>32</v>
      </c>
      <c r="AG24266">
        <v>33</v>
      </c>
      <c r="AH24266">
        <v>33</v>
      </c>
      <c r="AI24266">
        <v>33</v>
      </c>
      <c r="AJ24266">
        <v>34</v>
      </c>
      <c r="AK24266">
        <v>34</v>
      </c>
      <c r="AL24266">
        <v>34</v>
      </c>
      <c r="AM24266">
        <v>34</v>
      </c>
      <c r="AN24266">
        <v>35</v>
      </c>
      <c r="AO24266">
        <v>35</v>
      </c>
      <c r="AP24266">
        <v>35</v>
      </c>
      <c r="AQ24266">
        <v>35</v>
      </c>
    </row>
    <row r="24267" spans="1:43">
      <c r="A24267" t="s">
        <v>15025</v>
      </c>
      <c r="B24267" t="s">
        <v>15026</v>
      </c>
      <c r="C24267" t="s">
        <v>15019</v>
      </c>
      <c r="D24267" t="s">
        <v>15020</v>
      </c>
      <c r="E24267" t="s">
        <v>14997</v>
      </c>
      <c r="F24267" t="s">
        <v>14998</v>
      </c>
      <c r="G24267" t="s">
        <v>10734</v>
      </c>
      <c r="H24267" t="s">
        <v>10735</v>
      </c>
      <c r="I24267" s="2">
        <v>1</v>
      </c>
      <c r="J24267" s="2">
        <v>0</v>
      </c>
      <c r="K24267" s="2">
        <v>0</v>
      </c>
      <c r="L24267" t="s">
        <v>120</v>
      </c>
      <c r="M24267" t="s">
        <v>87</v>
      </c>
      <c r="N24267" t="s">
        <v>88</v>
      </c>
      <c r="O24267" t="s">
        <v>85</v>
      </c>
      <c r="P24267" t="s">
        <v>86</v>
      </c>
      <c r="Q24267">
        <v>26</v>
      </c>
      <c r="R24267">
        <v>26</v>
      </c>
      <c r="S24267">
        <v>26</v>
      </c>
      <c r="T24267">
        <v>27</v>
      </c>
      <c r="U24267">
        <v>27</v>
      </c>
      <c r="V24267">
        <v>27</v>
      </c>
      <c r="W24267">
        <v>27</v>
      </c>
      <c r="X24267">
        <v>27</v>
      </c>
      <c r="Y24267">
        <v>27</v>
      </c>
      <c r="Z24267">
        <v>27</v>
      </c>
      <c r="AA24267">
        <v>27</v>
      </c>
      <c r="AB24267">
        <v>28</v>
      </c>
      <c r="AC24267">
        <v>28</v>
      </c>
      <c r="AD24267">
        <v>28</v>
      </c>
      <c r="AE24267">
        <v>28</v>
      </c>
      <c r="AF24267">
        <v>28</v>
      </c>
      <c r="AG24267">
        <v>28</v>
      </c>
      <c r="AH24267">
        <v>29</v>
      </c>
      <c r="AI24267">
        <v>29</v>
      </c>
      <c r="AJ24267">
        <v>29</v>
      </c>
      <c r="AK24267">
        <v>29</v>
      </c>
      <c r="AL24267">
        <v>29</v>
      </c>
      <c r="AM24267">
        <v>29</v>
      </c>
      <c r="AN24267">
        <v>30</v>
      </c>
      <c r="AO24267">
        <v>30</v>
      </c>
      <c r="AP24267">
        <v>30</v>
      </c>
      <c r="AQ24267">
        <v>30</v>
      </c>
    </row>
    <row r="24268" spans="1:43">
      <c r="A24268" t="s">
        <v>15025</v>
      </c>
      <c r="B24268" t="s">
        <v>15026</v>
      </c>
      <c r="C24268" t="s">
        <v>15019</v>
      </c>
      <c r="D24268" t="s">
        <v>15020</v>
      </c>
      <c r="E24268" t="s">
        <v>14997</v>
      </c>
      <c r="F24268" t="s">
        <v>14998</v>
      </c>
      <c r="G24268" t="s">
        <v>10734</v>
      </c>
      <c r="H24268" t="s">
        <v>10735</v>
      </c>
      <c r="I24268" s="2">
        <v>1</v>
      </c>
      <c r="J24268" s="2">
        <v>0</v>
      </c>
      <c r="K24268" s="2">
        <v>0</v>
      </c>
      <c r="L24268" t="s">
        <v>120</v>
      </c>
      <c r="M24268" t="s">
        <v>89</v>
      </c>
      <c r="N24268" t="s">
        <v>90</v>
      </c>
      <c r="O24268" t="s">
        <v>85</v>
      </c>
      <c r="P24268" t="s">
        <v>86</v>
      </c>
      <c r="Q24268">
        <v>26</v>
      </c>
      <c r="R24268">
        <v>26</v>
      </c>
      <c r="S24268">
        <v>27</v>
      </c>
      <c r="T24268">
        <v>27</v>
      </c>
      <c r="U24268">
        <v>28</v>
      </c>
      <c r="V24268">
        <v>29</v>
      </c>
      <c r="W24268">
        <v>29</v>
      </c>
      <c r="X24268">
        <v>30</v>
      </c>
      <c r="Y24268">
        <v>30</v>
      </c>
      <c r="Z24268">
        <v>31</v>
      </c>
      <c r="AA24268">
        <v>31</v>
      </c>
      <c r="AB24268">
        <v>32</v>
      </c>
      <c r="AC24268">
        <v>32</v>
      </c>
      <c r="AD24268">
        <v>33</v>
      </c>
      <c r="AE24268">
        <v>33</v>
      </c>
      <c r="AF24268">
        <v>33</v>
      </c>
      <c r="AG24268">
        <v>33</v>
      </c>
      <c r="AH24268">
        <v>33</v>
      </c>
      <c r="AI24268">
        <v>33</v>
      </c>
      <c r="AJ24268">
        <v>34</v>
      </c>
      <c r="AK24268">
        <v>34</v>
      </c>
      <c r="AL24268">
        <v>34</v>
      </c>
      <c r="AM24268">
        <v>34</v>
      </c>
      <c r="AN24268">
        <v>34</v>
      </c>
      <c r="AO24268">
        <v>34</v>
      </c>
      <c r="AP24268">
        <v>34</v>
      </c>
      <c r="AQ24268">
        <v>34</v>
      </c>
    </row>
    <row r="24269" spans="1:43">
      <c r="A24269" t="s">
        <v>15025</v>
      </c>
      <c r="B24269" t="s">
        <v>15026</v>
      </c>
      <c r="C24269" t="s">
        <v>15019</v>
      </c>
      <c r="D24269" t="s">
        <v>15020</v>
      </c>
      <c r="E24269" t="s">
        <v>14997</v>
      </c>
      <c r="F24269" t="s">
        <v>14998</v>
      </c>
      <c r="G24269" t="s">
        <v>10734</v>
      </c>
      <c r="H24269" t="s">
        <v>10735</v>
      </c>
      <c r="I24269" s="2">
        <v>1</v>
      </c>
      <c r="J24269" s="2">
        <v>0</v>
      </c>
      <c r="K24269" s="2">
        <v>0</v>
      </c>
      <c r="L24269" t="s">
        <v>120</v>
      </c>
      <c r="M24269" t="s">
        <v>83</v>
      </c>
      <c r="N24269" t="s">
        <v>91</v>
      </c>
      <c r="O24269" t="s">
        <v>85</v>
      </c>
      <c r="P24269" t="s">
        <v>86</v>
      </c>
      <c r="Q24269">
        <v>26</v>
      </c>
      <c r="R24269">
        <v>27</v>
      </c>
      <c r="S24269">
        <v>27</v>
      </c>
      <c r="T24269">
        <v>27</v>
      </c>
      <c r="U24269">
        <v>28</v>
      </c>
      <c r="V24269">
        <v>28</v>
      </c>
      <c r="W24269">
        <v>29</v>
      </c>
      <c r="X24269">
        <v>29</v>
      </c>
      <c r="Y24269">
        <v>29</v>
      </c>
      <c r="Z24269">
        <v>30</v>
      </c>
      <c r="AA24269">
        <v>30</v>
      </c>
      <c r="AB24269">
        <v>31</v>
      </c>
      <c r="AC24269">
        <v>31</v>
      </c>
      <c r="AD24269">
        <v>31</v>
      </c>
      <c r="AE24269">
        <v>32</v>
      </c>
      <c r="AF24269">
        <v>32</v>
      </c>
      <c r="AG24269">
        <v>33</v>
      </c>
      <c r="AH24269">
        <v>33</v>
      </c>
      <c r="AI24269">
        <v>33</v>
      </c>
      <c r="AJ24269">
        <v>34</v>
      </c>
      <c r="AK24269">
        <v>34</v>
      </c>
      <c r="AL24269">
        <v>34</v>
      </c>
      <c r="AM24269">
        <v>34</v>
      </c>
      <c r="AN24269">
        <v>35</v>
      </c>
      <c r="AO24269">
        <v>35</v>
      </c>
      <c r="AP24269">
        <v>35</v>
      </c>
      <c r="AQ24269">
        <v>35</v>
      </c>
    </row>
    <row r="24270" spans="1:43">
      <c r="A24270" t="s">
        <v>15027</v>
      </c>
      <c r="B24270" t="s">
        <v>15028</v>
      </c>
      <c r="C24270" t="s">
        <v>15029</v>
      </c>
      <c r="D24270" t="s">
        <v>15030</v>
      </c>
      <c r="E24270" t="s">
        <v>14997</v>
      </c>
      <c r="F24270" t="s">
        <v>14998</v>
      </c>
      <c r="G24270" t="s">
        <v>10734</v>
      </c>
      <c r="H24270" t="s">
        <v>10735</v>
      </c>
      <c r="I24270" s="2">
        <v>1</v>
      </c>
      <c r="J24270" s="2">
        <v>0</v>
      </c>
      <c r="K24270" s="2">
        <v>0</v>
      </c>
      <c r="L24270" t="s">
        <v>120</v>
      </c>
      <c r="M24270" t="s">
        <v>83</v>
      </c>
      <c r="N24270" t="s">
        <v>84</v>
      </c>
      <c r="O24270" t="s">
        <v>85</v>
      </c>
      <c r="P24270" t="s">
        <v>86</v>
      </c>
      <c r="Q24270">
        <v>46</v>
      </c>
      <c r="R24270">
        <v>47</v>
      </c>
      <c r="S24270">
        <v>47</v>
      </c>
      <c r="T24270">
        <v>48</v>
      </c>
      <c r="U24270">
        <v>49</v>
      </c>
      <c r="V24270">
        <v>50</v>
      </c>
      <c r="W24270">
        <v>50</v>
      </c>
      <c r="X24270">
        <v>51</v>
      </c>
      <c r="Y24270">
        <v>52</v>
      </c>
      <c r="Z24270">
        <v>52</v>
      </c>
      <c r="AA24270">
        <v>53</v>
      </c>
      <c r="AB24270">
        <v>54</v>
      </c>
      <c r="AC24270">
        <v>54</v>
      </c>
      <c r="AD24270">
        <v>55</v>
      </c>
      <c r="AE24270">
        <v>56</v>
      </c>
      <c r="AF24270">
        <v>56</v>
      </c>
      <c r="AG24270">
        <v>57</v>
      </c>
      <c r="AH24270">
        <v>58</v>
      </c>
      <c r="AI24270">
        <v>58</v>
      </c>
      <c r="AJ24270">
        <v>59</v>
      </c>
      <c r="AK24270">
        <v>60</v>
      </c>
      <c r="AL24270">
        <v>60</v>
      </c>
      <c r="AM24270">
        <v>60</v>
      </c>
      <c r="AN24270">
        <v>60</v>
      </c>
      <c r="AO24270">
        <v>61</v>
      </c>
      <c r="AP24270">
        <v>61</v>
      </c>
      <c r="AQ24270">
        <v>61</v>
      </c>
    </row>
    <row r="24271" spans="1:43">
      <c r="A24271" t="s">
        <v>15027</v>
      </c>
      <c r="B24271" t="s">
        <v>15028</v>
      </c>
      <c r="C24271" t="s">
        <v>15029</v>
      </c>
      <c r="D24271" t="s">
        <v>15030</v>
      </c>
      <c r="E24271" t="s">
        <v>14997</v>
      </c>
      <c r="F24271" t="s">
        <v>14998</v>
      </c>
      <c r="G24271" t="s">
        <v>10734</v>
      </c>
      <c r="H24271" t="s">
        <v>10735</v>
      </c>
      <c r="I24271" s="2">
        <v>1</v>
      </c>
      <c r="J24271" s="2">
        <v>0</v>
      </c>
      <c r="K24271" s="2">
        <v>0</v>
      </c>
      <c r="L24271" t="s">
        <v>120</v>
      </c>
      <c r="M24271" t="s">
        <v>87</v>
      </c>
      <c r="N24271" t="s">
        <v>88</v>
      </c>
      <c r="O24271" t="s">
        <v>85</v>
      </c>
      <c r="P24271" t="s">
        <v>86</v>
      </c>
      <c r="Q24271">
        <v>46</v>
      </c>
      <c r="R24271">
        <v>46</v>
      </c>
      <c r="S24271">
        <v>46</v>
      </c>
      <c r="T24271">
        <v>46</v>
      </c>
      <c r="U24271">
        <v>47</v>
      </c>
      <c r="V24271">
        <v>47</v>
      </c>
      <c r="W24271">
        <v>47</v>
      </c>
      <c r="X24271">
        <v>47</v>
      </c>
      <c r="Y24271">
        <v>48</v>
      </c>
      <c r="Z24271">
        <v>48</v>
      </c>
      <c r="AA24271">
        <v>48</v>
      </c>
      <c r="AB24271">
        <v>49</v>
      </c>
      <c r="AC24271">
        <v>49</v>
      </c>
      <c r="AD24271">
        <v>49</v>
      </c>
      <c r="AE24271">
        <v>49</v>
      </c>
      <c r="AF24271">
        <v>50</v>
      </c>
      <c r="AG24271">
        <v>50</v>
      </c>
      <c r="AH24271">
        <v>50</v>
      </c>
      <c r="AI24271">
        <v>51</v>
      </c>
      <c r="AJ24271">
        <v>51</v>
      </c>
      <c r="AK24271">
        <v>51</v>
      </c>
      <c r="AL24271">
        <v>51</v>
      </c>
      <c r="AM24271">
        <v>52</v>
      </c>
      <c r="AN24271">
        <v>52</v>
      </c>
      <c r="AO24271">
        <v>52</v>
      </c>
      <c r="AP24271">
        <v>53</v>
      </c>
      <c r="AQ24271">
        <v>53</v>
      </c>
    </row>
    <row r="24272" spans="1:43">
      <c r="A24272" t="s">
        <v>15027</v>
      </c>
      <c r="B24272" t="s">
        <v>15028</v>
      </c>
      <c r="C24272" t="s">
        <v>15029</v>
      </c>
      <c r="D24272" t="s">
        <v>15030</v>
      </c>
      <c r="E24272" t="s">
        <v>14997</v>
      </c>
      <c r="F24272" t="s">
        <v>14998</v>
      </c>
      <c r="G24272" t="s">
        <v>10734</v>
      </c>
      <c r="H24272" t="s">
        <v>10735</v>
      </c>
      <c r="I24272" s="2">
        <v>1</v>
      </c>
      <c r="J24272" s="2">
        <v>0</v>
      </c>
      <c r="K24272" s="2">
        <v>0</v>
      </c>
      <c r="L24272" t="s">
        <v>120</v>
      </c>
      <c r="M24272" t="s">
        <v>89</v>
      </c>
      <c r="N24272" t="s">
        <v>90</v>
      </c>
      <c r="O24272" t="s">
        <v>85</v>
      </c>
      <c r="P24272" t="s">
        <v>86</v>
      </c>
      <c r="Q24272">
        <v>46</v>
      </c>
      <c r="R24272">
        <v>47</v>
      </c>
      <c r="S24272">
        <v>48</v>
      </c>
      <c r="T24272">
        <v>49</v>
      </c>
      <c r="U24272">
        <v>50</v>
      </c>
      <c r="V24272">
        <v>51</v>
      </c>
      <c r="W24272">
        <v>52</v>
      </c>
      <c r="X24272">
        <v>53</v>
      </c>
      <c r="Y24272">
        <v>54</v>
      </c>
      <c r="Z24272">
        <v>54</v>
      </c>
      <c r="AA24272">
        <v>55</v>
      </c>
      <c r="AB24272">
        <v>56</v>
      </c>
      <c r="AC24272">
        <v>57</v>
      </c>
      <c r="AD24272">
        <v>58</v>
      </c>
      <c r="AE24272">
        <v>59</v>
      </c>
      <c r="AF24272">
        <v>59</v>
      </c>
      <c r="AG24272">
        <v>59</v>
      </c>
      <c r="AH24272">
        <v>59</v>
      </c>
      <c r="AI24272">
        <v>59</v>
      </c>
      <c r="AJ24272">
        <v>59</v>
      </c>
      <c r="AK24272">
        <v>60</v>
      </c>
      <c r="AL24272">
        <v>60</v>
      </c>
      <c r="AM24272">
        <v>60</v>
      </c>
      <c r="AN24272">
        <v>60</v>
      </c>
      <c r="AO24272">
        <v>60</v>
      </c>
      <c r="AP24272">
        <v>60</v>
      </c>
      <c r="AQ24272">
        <v>61</v>
      </c>
    </row>
    <row r="24273" spans="1:43">
      <c r="A24273" t="s">
        <v>15027</v>
      </c>
      <c r="B24273" t="s">
        <v>15028</v>
      </c>
      <c r="C24273" t="s">
        <v>15029</v>
      </c>
      <c r="D24273" t="s">
        <v>15030</v>
      </c>
      <c r="E24273" t="s">
        <v>14997</v>
      </c>
      <c r="F24273" t="s">
        <v>14998</v>
      </c>
      <c r="G24273" t="s">
        <v>10734</v>
      </c>
      <c r="H24273" t="s">
        <v>10735</v>
      </c>
      <c r="I24273" s="2">
        <v>1</v>
      </c>
      <c r="J24273" s="2">
        <v>0</v>
      </c>
      <c r="K24273" s="2">
        <v>0</v>
      </c>
      <c r="L24273" t="s">
        <v>120</v>
      </c>
      <c r="M24273" t="s">
        <v>83</v>
      </c>
      <c r="N24273" t="s">
        <v>91</v>
      </c>
      <c r="O24273" t="s">
        <v>85</v>
      </c>
      <c r="P24273" t="s">
        <v>86</v>
      </c>
      <c r="Q24273">
        <v>46</v>
      </c>
      <c r="R24273">
        <v>47</v>
      </c>
      <c r="S24273">
        <v>47</v>
      </c>
      <c r="T24273">
        <v>48</v>
      </c>
      <c r="U24273">
        <v>49</v>
      </c>
      <c r="V24273">
        <v>50</v>
      </c>
      <c r="W24273">
        <v>50</v>
      </c>
      <c r="X24273">
        <v>51</v>
      </c>
      <c r="Y24273">
        <v>52</v>
      </c>
      <c r="Z24273">
        <v>52</v>
      </c>
      <c r="AA24273">
        <v>53</v>
      </c>
      <c r="AB24273">
        <v>54</v>
      </c>
      <c r="AC24273">
        <v>54</v>
      </c>
      <c r="AD24273">
        <v>55</v>
      </c>
      <c r="AE24273">
        <v>56</v>
      </c>
      <c r="AF24273">
        <v>56</v>
      </c>
      <c r="AG24273">
        <v>57</v>
      </c>
      <c r="AH24273">
        <v>58</v>
      </c>
      <c r="AI24273">
        <v>58</v>
      </c>
      <c r="AJ24273">
        <v>59</v>
      </c>
      <c r="AK24273">
        <v>60</v>
      </c>
      <c r="AL24273">
        <v>60</v>
      </c>
      <c r="AM24273">
        <v>60</v>
      </c>
      <c r="AN24273">
        <v>60</v>
      </c>
      <c r="AO24273">
        <v>61</v>
      </c>
      <c r="AP24273">
        <v>61</v>
      </c>
      <c r="AQ24273">
        <v>61</v>
      </c>
    </row>
    <row r="24274" spans="1:43">
      <c r="A24274" t="s">
        <v>15031</v>
      </c>
      <c r="B24274" t="s">
        <v>15032</v>
      </c>
      <c r="C24274" t="s">
        <v>15029</v>
      </c>
      <c r="D24274" t="s">
        <v>15030</v>
      </c>
      <c r="E24274" t="s">
        <v>14997</v>
      </c>
      <c r="F24274" t="s">
        <v>14998</v>
      </c>
      <c r="G24274" t="s">
        <v>10734</v>
      </c>
      <c r="H24274" t="s">
        <v>10735</v>
      </c>
      <c r="I24274" s="2">
        <v>1</v>
      </c>
      <c r="J24274" s="2">
        <v>0</v>
      </c>
      <c r="K24274" s="2">
        <v>0</v>
      </c>
      <c r="L24274" t="s">
        <v>120</v>
      </c>
      <c r="M24274" t="s">
        <v>83</v>
      </c>
      <c r="N24274" t="s">
        <v>84</v>
      </c>
      <c r="O24274" t="s">
        <v>85</v>
      </c>
      <c r="P24274" t="s">
        <v>86</v>
      </c>
      <c r="Q24274">
        <v>64</v>
      </c>
      <c r="R24274">
        <v>65</v>
      </c>
      <c r="S24274">
        <v>66</v>
      </c>
      <c r="T24274">
        <v>67</v>
      </c>
      <c r="U24274">
        <v>68</v>
      </c>
      <c r="V24274">
        <v>69</v>
      </c>
      <c r="W24274">
        <v>70</v>
      </c>
      <c r="X24274">
        <v>71</v>
      </c>
      <c r="Y24274">
        <v>72</v>
      </c>
      <c r="Z24274">
        <v>72</v>
      </c>
      <c r="AA24274">
        <v>73</v>
      </c>
      <c r="AB24274">
        <v>74</v>
      </c>
      <c r="AC24274">
        <v>75</v>
      </c>
      <c r="AD24274">
        <v>76</v>
      </c>
      <c r="AE24274">
        <v>77</v>
      </c>
      <c r="AF24274">
        <v>78</v>
      </c>
      <c r="AG24274">
        <v>79</v>
      </c>
      <c r="AH24274">
        <v>80</v>
      </c>
      <c r="AI24274">
        <v>81</v>
      </c>
      <c r="AJ24274">
        <v>82</v>
      </c>
      <c r="AK24274">
        <v>83</v>
      </c>
      <c r="AL24274">
        <v>83</v>
      </c>
      <c r="AM24274">
        <v>84</v>
      </c>
      <c r="AN24274">
        <v>84</v>
      </c>
      <c r="AO24274">
        <v>84</v>
      </c>
      <c r="AP24274">
        <v>84</v>
      </c>
      <c r="AQ24274">
        <v>85</v>
      </c>
    </row>
    <row r="24275" spans="1:43">
      <c r="A24275" t="s">
        <v>15031</v>
      </c>
      <c r="B24275" t="s">
        <v>15032</v>
      </c>
      <c r="C24275" t="s">
        <v>15029</v>
      </c>
      <c r="D24275" t="s">
        <v>15030</v>
      </c>
      <c r="E24275" t="s">
        <v>14997</v>
      </c>
      <c r="F24275" t="s">
        <v>14998</v>
      </c>
      <c r="G24275" t="s">
        <v>10734</v>
      </c>
      <c r="H24275" t="s">
        <v>10735</v>
      </c>
      <c r="I24275" s="2">
        <v>1</v>
      </c>
      <c r="J24275" s="2">
        <v>0</v>
      </c>
      <c r="K24275" s="2">
        <v>0</v>
      </c>
      <c r="L24275" t="s">
        <v>120</v>
      </c>
      <c r="M24275" t="s">
        <v>87</v>
      </c>
      <c r="N24275" t="s">
        <v>88</v>
      </c>
      <c r="O24275" t="s">
        <v>85</v>
      </c>
      <c r="P24275" t="s">
        <v>86</v>
      </c>
      <c r="Q24275">
        <v>64</v>
      </c>
      <c r="R24275">
        <v>65</v>
      </c>
      <c r="S24275">
        <v>65</v>
      </c>
      <c r="T24275">
        <v>65</v>
      </c>
      <c r="U24275">
        <v>66</v>
      </c>
      <c r="V24275">
        <v>66</v>
      </c>
      <c r="W24275">
        <v>67</v>
      </c>
      <c r="X24275">
        <v>67</v>
      </c>
      <c r="Y24275">
        <v>67</v>
      </c>
      <c r="Z24275">
        <v>68</v>
      </c>
      <c r="AA24275">
        <v>68</v>
      </c>
      <c r="AB24275">
        <v>68</v>
      </c>
      <c r="AC24275">
        <v>69</v>
      </c>
      <c r="AD24275">
        <v>69</v>
      </c>
      <c r="AE24275">
        <v>70</v>
      </c>
      <c r="AF24275">
        <v>70</v>
      </c>
      <c r="AG24275">
        <v>70</v>
      </c>
      <c r="AH24275">
        <v>71</v>
      </c>
      <c r="AI24275">
        <v>71</v>
      </c>
      <c r="AJ24275">
        <v>72</v>
      </c>
      <c r="AK24275">
        <v>72</v>
      </c>
      <c r="AL24275">
        <v>72</v>
      </c>
      <c r="AM24275">
        <v>73</v>
      </c>
      <c r="AN24275">
        <v>73</v>
      </c>
      <c r="AO24275">
        <v>74</v>
      </c>
      <c r="AP24275">
        <v>74</v>
      </c>
      <c r="AQ24275">
        <v>75</v>
      </c>
    </row>
    <row r="24276" spans="1:43">
      <c r="A24276" t="s">
        <v>15031</v>
      </c>
      <c r="B24276" t="s">
        <v>15032</v>
      </c>
      <c r="C24276" t="s">
        <v>15029</v>
      </c>
      <c r="D24276" t="s">
        <v>15030</v>
      </c>
      <c r="E24276" t="s">
        <v>14997</v>
      </c>
      <c r="F24276" t="s">
        <v>14998</v>
      </c>
      <c r="G24276" t="s">
        <v>10734</v>
      </c>
      <c r="H24276" t="s">
        <v>10735</v>
      </c>
      <c r="I24276" s="2">
        <v>1</v>
      </c>
      <c r="J24276" s="2">
        <v>0</v>
      </c>
      <c r="K24276" s="2">
        <v>0</v>
      </c>
      <c r="L24276" t="s">
        <v>120</v>
      </c>
      <c r="M24276" t="s">
        <v>89</v>
      </c>
      <c r="N24276" t="s">
        <v>90</v>
      </c>
      <c r="O24276" t="s">
        <v>85</v>
      </c>
      <c r="P24276" t="s">
        <v>86</v>
      </c>
      <c r="Q24276">
        <v>64</v>
      </c>
      <c r="R24276">
        <v>65</v>
      </c>
      <c r="S24276">
        <v>67</v>
      </c>
      <c r="T24276">
        <v>68</v>
      </c>
      <c r="U24276">
        <v>69</v>
      </c>
      <c r="V24276">
        <v>71</v>
      </c>
      <c r="W24276">
        <v>72</v>
      </c>
      <c r="X24276">
        <v>73</v>
      </c>
      <c r="Y24276">
        <v>75</v>
      </c>
      <c r="Z24276">
        <v>76</v>
      </c>
      <c r="AA24276">
        <v>77</v>
      </c>
      <c r="AB24276">
        <v>78</v>
      </c>
      <c r="AC24276">
        <v>80</v>
      </c>
      <c r="AD24276">
        <v>81</v>
      </c>
      <c r="AE24276">
        <v>82</v>
      </c>
      <c r="AF24276">
        <v>82</v>
      </c>
      <c r="AG24276">
        <v>82</v>
      </c>
      <c r="AH24276">
        <v>82</v>
      </c>
      <c r="AI24276">
        <v>83</v>
      </c>
      <c r="AJ24276">
        <v>83</v>
      </c>
      <c r="AK24276">
        <v>83</v>
      </c>
      <c r="AL24276">
        <v>83</v>
      </c>
      <c r="AM24276">
        <v>83</v>
      </c>
      <c r="AN24276">
        <v>84</v>
      </c>
      <c r="AO24276">
        <v>84</v>
      </c>
      <c r="AP24276">
        <v>84</v>
      </c>
      <c r="AQ24276">
        <v>84</v>
      </c>
    </row>
    <row r="24277" spans="1:43">
      <c r="A24277" t="s">
        <v>15031</v>
      </c>
      <c r="B24277" t="s">
        <v>15032</v>
      </c>
      <c r="C24277" t="s">
        <v>15029</v>
      </c>
      <c r="D24277" t="s">
        <v>15030</v>
      </c>
      <c r="E24277" t="s">
        <v>14997</v>
      </c>
      <c r="F24277" t="s">
        <v>14998</v>
      </c>
      <c r="G24277" t="s">
        <v>10734</v>
      </c>
      <c r="H24277" t="s">
        <v>10735</v>
      </c>
      <c r="I24277" s="2">
        <v>1</v>
      </c>
      <c r="J24277" s="2">
        <v>0</v>
      </c>
      <c r="K24277" s="2">
        <v>0</v>
      </c>
      <c r="L24277" t="s">
        <v>120</v>
      </c>
      <c r="M24277" t="s">
        <v>83</v>
      </c>
      <c r="N24277" t="s">
        <v>91</v>
      </c>
      <c r="O24277" t="s">
        <v>85</v>
      </c>
      <c r="P24277" t="s">
        <v>86</v>
      </c>
      <c r="Q24277">
        <v>64</v>
      </c>
      <c r="R24277">
        <v>65</v>
      </c>
      <c r="S24277">
        <v>66</v>
      </c>
      <c r="T24277">
        <v>67</v>
      </c>
      <c r="U24277">
        <v>68</v>
      </c>
      <c r="V24277">
        <v>69</v>
      </c>
      <c r="W24277">
        <v>70</v>
      </c>
      <c r="X24277">
        <v>71</v>
      </c>
      <c r="Y24277">
        <v>72</v>
      </c>
      <c r="Z24277">
        <v>72</v>
      </c>
      <c r="AA24277">
        <v>73</v>
      </c>
      <c r="AB24277">
        <v>74</v>
      </c>
      <c r="AC24277">
        <v>75</v>
      </c>
      <c r="AD24277">
        <v>76</v>
      </c>
      <c r="AE24277">
        <v>77</v>
      </c>
      <c r="AF24277">
        <v>78</v>
      </c>
      <c r="AG24277">
        <v>79</v>
      </c>
      <c r="AH24277">
        <v>80</v>
      </c>
      <c r="AI24277">
        <v>81</v>
      </c>
      <c r="AJ24277">
        <v>82</v>
      </c>
      <c r="AK24277">
        <v>83</v>
      </c>
      <c r="AL24277">
        <v>83</v>
      </c>
      <c r="AM24277">
        <v>84</v>
      </c>
      <c r="AN24277">
        <v>84</v>
      </c>
      <c r="AO24277">
        <v>84</v>
      </c>
      <c r="AP24277">
        <v>84</v>
      </c>
      <c r="AQ24277">
        <v>85</v>
      </c>
    </row>
    <row r="24278" spans="1:43">
      <c r="A24278" t="s">
        <v>15033</v>
      </c>
      <c r="B24278" t="s">
        <v>15034</v>
      </c>
      <c r="C24278" t="s">
        <v>15035</v>
      </c>
      <c r="D24278" t="s">
        <v>15036</v>
      </c>
      <c r="E24278" t="s">
        <v>14997</v>
      </c>
      <c r="F24278" t="s">
        <v>14998</v>
      </c>
      <c r="G24278" t="s">
        <v>10734</v>
      </c>
      <c r="H24278" t="s">
        <v>10735</v>
      </c>
      <c r="I24278" s="2">
        <v>1</v>
      </c>
      <c r="J24278" s="2">
        <v>0</v>
      </c>
      <c r="K24278" s="2">
        <v>0</v>
      </c>
      <c r="L24278" t="s">
        <v>120</v>
      </c>
      <c r="M24278" t="s">
        <v>83</v>
      </c>
      <c r="N24278" t="s">
        <v>84</v>
      </c>
      <c r="O24278" t="s">
        <v>85</v>
      </c>
      <c r="P24278" t="s">
        <v>86</v>
      </c>
      <c r="Q24278">
        <v>23</v>
      </c>
      <c r="R24278">
        <v>24</v>
      </c>
      <c r="S24278">
        <v>24</v>
      </c>
      <c r="T24278">
        <v>24</v>
      </c>
      <c r="U24278">
        <v>25</v>
      </c>
      <c r="V24278">
        <v>25</v>
      </c>
      <c r="W24278">
        <v>25</v>
      </c>
      <c r="X24278">
        <v>26</v>
      </c>
      <c r="Y24278">
        <v>26</v>
      </c>
      <c r="Z24278">
        <v>26</v>
      </c>
      <c r="AA24278">
        <v>27</v>
      </c>
      <c r="AB24278">
        <v>27</v>
      </c>
      <c r="AC24278">
        <v>27</v>
      </c>
      <c r="AD24278">
        <v>28</v>
      </c>
      <c r="AE24278">
        <v>28</v>
      </c>
      <c r="AF24278">
        <v>28</v>
      </c>
      <c r="AG24278">
        <v>29</v>
      </c>
      <c r="AH24278">
        <v>29</v>
      </c>
      <c r="AI24278">
        <v>29</v>
      </c>
      <c r="AJ24278">
        <v>30</v>
      </c>
      <c r="AK24278">
        <v>30</v>
      </c>
      <c r="AL24278">
        <v>30</v>
      </c>
      <c r="AM24278">
        <v>30</v>
      </c>
      <c r="AN24278">
        <v>30</v>
      </c>
      <c r="AO24278">
        <v>31</v>
      </c>
      <c r="AP24278">
        <v>31</v>
      </c>
      <c r="AQ24278">
        <v>31</v>
      </c>
    </row>
    <row r="24279" spans="1:43">
      <c r="A24279" t="s">
        <v>15033</v>
      </c>
      <c r="B24279" t="s">
        <v>15034</v>
      </c>
      <c r="C24279" t="s">
        <v>15035</v>
      </c>
      <c r="D24279" t="s">
        <v>15036</v>
      </c>
      <c r="E24279" t="s">
        <v>14997</v>
      </c>
      <c r="F24279" t="s">
        <v>14998</v>
      </c>
      <c r="G24279" t="s">
        <v>10734</v>
      </c>
      <c r="H24279" t="s">
        <v>10735</v>
      </c>
      <c r="I24279" s="2">
        <v>1</v>
      </c>
      <c r="J24279" s="2">
        <v>0</v>
      </c>
      <c r="K24279" s="2">
        <v>0</v>
      </c>
      <c r="L24279" t="s">
        <v>120</v>
      </c>
      <c r="M24279" t="s">
        <v>87</v>
      </c>
      <c r="N24279" t="s">
        <v>88</v>
      </c>
      <c r="O24279" t="s">
        <v>85</v>
      </c>
      <c r="P24279" t="s">
        <v>86</v>
      </c>
      <c r="Q24279">
        <v>23</v>
      </c>
      <c r="R24279">
        <v>23</v>
      </c>
      <c r="S24279">
        <v>23</v>
      </c>
      <c r="T24279">
        <v>23</v>
      </c>
      <c r="U24279">
        <v>24</v>
      </c>
      <c r="V24279">
        <v>24</v>
      </c>
      <c r="W24279">
        <v>24</v>
      </c>
      <c r="X24279">
        <v>24</v>
      </c>
      <c r="Y24279">
        <v>24</v>
      </c>
      <c r="Z24279">
        <v>24</v>
      </c>
      <c r="AA24279">
        <v>24</v>
      </c>
      <c r="AB24279">
        <v>25</v>
      </c>
      <c r="AC24279">
        <v>25</v>
      </c>
      <c r="AD24279">
        <v>25</v>
      </c>
      <c r="AE24279">
        <v>25</v>
      </c>
      <c r="AF24279">
        <v>25</v>
      </c>
      <c r="AG24279">
        <v>25</v>
      </c>
      <c r="AH24279">
        <v>25</v>
      </c>
      <c r="AI24279">
        <v>26</v>
      </c>
      <c r="AJ24279">
        <v>26</v>
      </c>
      <c r="AK24279">
        <v>26</v>
      </c>
      <c r="AL24279">
        <v>26</v>
      </c>
      <c r="AM24279">
        <v>26</v>
      </c>
      <c r="AN24279">
        <v>26</v>
      </c>
      <c r="AO24279">
        <v>26</v>
      </c>
      <c r="AP24279">
        <v>27</v>
      </c>
      <c r="AQ24279">
        <v>27</v>
      </c>
    </row>
    <row r="24280" spans="1:43">
      <c r="A24280" t="s">
        <v>15033</v>
      </c>
      <c r="B24280" t="s">
        <v>15034</v>
      </c>
      <c r="C24280" t="s">
        <v>15035</v>
      </c>
      <c r="D24280" t="s">
        <v>15036</v>
      </c>
      <c r="E24280" t="s">
        <v>14997</v>
      </c>
      <c r="F24280" t="s">
        <v>14998</v>
      </c>
      <c r="G24280" t="s">
        <v>10734</v>
      </c>
      <c r="H24280" t="s">
        <v>10735</v>
      </c>
      <c r="I24280" s="2">
        <v>1</v>
      </c>
      <c r="J24280" s="2">
        <v>0</v>
      </c>
      <c r="K24280" s="2">
        <v>0</v>
      </c>
      <c r="L24280" t="s">
        <v>120</v>
      </c>
      <c r="M24280" t="s">
        <v>89</v>
      </c>
      <c r="N24280" t="s">
        <v>90</v>
      </c>
      <c r="O24280" t="s">
        <v>85</v>
      </c>
      <c r="P24280" t="s">
        <v>86</v>
      </c>
      <c r="Q24280">
        <v>23</v>
      </c>
      <c r="R24280">
        <v>23</v>
      </c>
      <c r="S24280">
        <v>24</v>
      </c>
      <c r="T24280">
        <v>24</v>
      </c>
      <c r="U24280">
        <v>25</v>
      </c>
      <c r="V24280">
        <v>25</v>
      </c>
      <c r="W24280">
        <v>26</v>
      </c>
      <c r="X24280">
        <v>26</v>
      </c>
      <c r="Y24280">
        <v>27</v>
      </c>
      <c r="Z24280">
        <v>27</v>
      </c>
      <c r="AA24280">
        <v>27</v>
      </c>
      <c r="AB24280">
        <v>28</v>
      </c>
      <c r="AC24280">
        <v>28</v>
      </c>
      <c r="AD24280">
        <v>29</v>
      </c>
      <c r="AE24280">
        <v>29</v>
      </c>
      <c r="AF24280">
        <v>29</v>
      </c>
      <c r="AG24280">
        <v>29</v>
      </c>
      <c r="AH24280">
        <v>29</v>
      </c>
      <c r="AI24280">
        <v>29</v>
      </c>
      <c r="AJ24280">
        <v>29</v>
      </c>
      <c r="AK24280">
        <v>29</v>
      </c>
      <c r="AL24280">
        <v>30</v>
      </c>
      <c r="AM24280">
        <v>30</v>
      </c>
      <c r="AN24280">
        <v>30</v>
      </c>
      <c r="AO24280">
        <v>30</v>
      </c>
      <c r="AP24280">
        <v>30</v>
      </c>
      <c r="AQ24280">
        <v>30</v>
      </c>
    </row>
    <row r="24281" spans="1:43">
      <c r="A24281" t="s">
        <v>15033</v>
      </c>
      <c r="B24281" t="s">
        <v>15034</v>
      </c>
      <c r="C24281" t="s">
        <v>15035</v>
      </c>
      <c r="D24281" t="s">
        <v>15036</v>
      </c>
      <c r="E24281" t="s">
        <v>14997</v>
      </c>
      <c r="F24281" t="s">
        <v>14998</v>
      </c>
      <c r="G24281" t="s">
        <v>10734</v>
      </c>
      <c r="H24281" t="s">
        <v>10735</v>
      </c>
      <c r="I24281" s="2">
        <v>1</v>
      </c>
      <c r="J24281" s="2">
        <v>0</v>
      </c>
      <c r="K24281" s="2">
        <v>0</v>
      </c>
      <c r="L24281" t="s">
        <v>120</v>
      </c>
      <c r="M24281" t="s">
        <v>83</v>
      </c>
      <c r="N24281" t="s">
        <v>91</v>
      </c>
      <c r="O24281" t="s">
        <v>85</v>
      </c>
      <c r="P24281" t="s">
        <v>86</v>
      </c>
      <c r="Q24281">
        <v>23</v>
      </c>
      <c r="R24281">
        <v>24</v>
      </c>
      <c r="S24281">
        <v>24</v>
      </c>
      <c r="T24281">
        <v>24</v>
      </c>
      <c r="U24281">
        <v>25</v>
      </c>
      <c r="V24281">
        <v>25</v>
      </c>
      <c r="W24281">
        <v>25</v>
      </c>
      <c r="X24281">
        <v>26</v>
      </c>
      <c r="Y24281">
        <v>26</v>
      </c>
      <c r="Z24281">
        <v>26</v>
      </c>
      <c r="AA24281">
        <v>27</v>
      </c>
      <c r="AB24281">
        <v>27</v>
      </c>
      <c r="AC24281">
        <v>27</v>
      </c>
      <c r="AD24281">
        <v>28</v>
      </c>
      <c r="AE24281">
        <v>28</v>
      </c>
      <c r="AF24281">
        <v>28</v>
      </c>
      <c r="AG24281">
        <v>29</v>
      </c>
      <c r="AH24281">
        <v>29</v>
      </c>
      <c r="AI24281">
        <v>29</v>
      </c>
      <c r="AJ24281">
        <v>30</v>
      </c>
      <c r="AK24281">
        <v>30</v>
      </c>
      <c r="AL24281">
        <v>30</v>
      </c>
      <c r="AM24281">
        <v>30</v>
      </c>
      <c r="AN24281">
        <v>30</v>
      </c>
      <c r="AO24281">
        <v>31</v>
      </c>
      <c r="AP24281">
        <v>31</v>
      </c>
      <c r="AQ24281">
        <v>31</v>
      </c>
    </row>
    <row r="24282" spans="1:43">
      <c r="A24282" t="s">
        <v>15037</v>
      </c>
      <c r="B24282" t="s">
        <v>15038</v>
      </c>
      <c r="C24282" t="s">
        <v>15039</v>
      </c>
      <c r="D24282" t="s">
        <v>15040</v>
      </c>
      <c r="E24282" t="s">
        <v>14997</v>
      </c>
      <c r="F24282" t="s">
        <v>14998</v>
      </c>
      <c r="G24282" t="s">
        <v>10734</v>
      </c>
      <c r="H24282" t="s">
        <v>10735</v>
      </c>
      <c r="I24282" s="2">
        <v>1</v>
      </c>
      <c r="J24282" s="2">
        <v>0</v>
      </c>
      <c r="K24282" s="2">
        <v>0</v>
      </c>
      <c r="L24282" t="s">
        <v>120</v>
      </c>
      <c r="M24282" t="s">
        <v>83</v>
      </c>
      <c r="N24282" t="s">
        <v>84</v>
      </c>
      <c r="O24282" t="s">
        <v>85</v>
      </c>
      <c r="P24282" t="s">
        <v>86</v>
      </c>
      <c r="Q24282">
        <v>11</v>
      </c>
      <c r="R24282">
        <v>11</v>
      </c>
      <c r="S24282">
        <v>11</v>
      </c>
      <c r="T24282">
        <v>11</v>
      </c>
      <c r="U24282">
        <v>11</v>
      </c>
      <c r="V24282">
        <v>12</v>
      </c>
      <c r="W24282">
        <v>12</v>
      </c>
      <c r="X24282">
        <v>12</v>
      </c>
      <c r="Y24282">
        <v>12</v>
      </c>
      <c r="Z24282">
        <v>12</v>
      </c>
      <c r="AA24282">
        <v>12</v>
      </c>
      <c r="AB24282">
        <v>12</v>
      </c>
      <c r="AC24282">
        <v>13</v>
      </c>
      <c r="AD24282">
        <v>13</v>
      </c>
      <c r="AE24282">
        <v>13</v>
      </c>
      <c r="AF24282">
        <v>13</v>
      </c>
      <c r="AG24282">
        <v>13</v>
      </c>
      <c r="AH24282">
        <v>13</v>
      </c>
      <c r="AI24282">
        <v>14</v>
      </c>
      <c r="AJ24282">
        <v>14</v>
      </c>
      <c r="AK24282">
        <v>14</v>
      </c>
      <c r="AL24282">
        <v>14</v>
      </c>
      <c r="AM24282">
        <v>14</v>
      </c>
      <c r="AN24282">
        <v>14</v>
      </c>
      <c r="AO24282">
        <v>14</v>
      </c>
      <c r="AP24282">
        <v>14</v>
      </c>
      <c r="AQ24282">
        <v>14</v>
      </c>
    </row>
    <row r="24283" spans="1:43">
      <c r="A24283" t="s">
        <v>15037</v>
      </c>
      <c r="B24283" t="s">
        <v>15038</v>
      </c>
      <c r="C24283" t="s">
        <v>15039</v>
      </c>
      <c r="D24283" t="s">
        <v>15040</v>
      </c>
      <c r="E24283" t="s">
        <v>14997</v>
      </c>
      <c r="F24283" t="s">
        <v>14998</v>
      </c>
      <c r="G24283" t="s">
        <v>10734</v>
      </c>
      <c r="H24283" t="s">
        <v>10735</v>
      </c>
      <c r="I24283" s="2">
        <v>1</v>
      </c>
      <c r="J24283" s="2">
        <v>0</v>
      </c>
      <c r="K24283" s="2">
        <v>0</v>
      </c>
      <c r="L24283" t="s">
        <v>120</v>
      </c>
      <c r="M24283" t="s">
        <v>87</v>
      </c>
      <c r="N24283" t="s">
        <v>88</v>
      </c>
      <c r="O24283" t="s">
        <v>85</v>
      </c>
      <c r="P24283" t="s">
        <v>86</v>
      </c>
      <c r="Q24283">
        <v>11</v>
      </c>
      <c r="R24283">
        <v>11</v>
      </c>
      <c r="S24283">
        <v>11</v>
      </c>
      <c r="T24283">
        <v>11</v>
      </c>
      <c r="U24283">
        <v>11</v>
      </c>
      <c r="V24283">
        <v>11</v>
      </c>
      <c r="W24283">
        <v>11</v>
      </c>
      <c r="X24283">
        <v>11</v>
      </c>
      <c r="Y24283">
        <v>11</v>
      </c>
      <c r="Z24283">
        <v>11</v>
      </c>
      <c r="AA24283">
        <v>11</v>
      </c>
      <c r="AB24283">
        <v>11</v>
      </c>
      <c r="AC24283">
        <v>11</v>
      </c>
      <c r="AD24283">
        <v>11</v>
      </c>
      <c r="AE24283">
        <v>11</v>
      </c>
      <c r="AF24283">
        <v>12</v>
      </c>
      <c r="AG24283">
        <v>12</v>
      </c>
      <c r="AH24283">
        <v>12</v>
      </c>
      <c r="AI24283">
        <v>12</v>
      </c>
      <c r="AJ24283">
        <v>12</v>
      </c>
      <c r="AK24283">
        <v>12</v>
      </c>
      <c r="AL24283">
        <v>12</v>
      </c>
      <c r="AM24283">
        <v>12</v>
      </c>
      <c r="AN24283">
        <v>12</v>
      </c>
      <c r="AO24283">
        <v>12</v>
      </c>
      <c r="AP24283">
        <v>12</v>
      </c>
      <c r="AQ24283">
        <v>12</v>
      </c>
    </row>
    <row r="24284" spans="1:43">
      <c r="A24284" t="s">
        <v>15037</v>
      </c>
      <c r="B24284" t="s">
        <v>15038</v>
      </c>
      <c r="C24284" t="s">
        <v>15039</v>
      </c>
      <c r="D24284" t="s">
        <v>15040</v>
      </c>
      <c r="E24284" t="s">
        <v>14997</v>
      </c>
      <c r="F24284" t="s">
        <v>14998</v>
      </c>
      <c r="G24284" t="s">
        <v>10734</v>
      </c>
      <c r="H24284" t="s">
        <v>10735</v>
      </c>
      <c r="I24284" s="2">
        <v>1</v>
      </c>
      <c r="J24284" s="2">
        <v>0</v>
      </c>
      <c r="K24284" s="2">
        <v>0</v>
      </c>
      <c r="L24284" t="s">
        <v>120</v>
      </c>
      <c r="M24284" t="s">
        <v>89</v>
      </c>
      <c r="N24284" t="s">
        <v>90</v>
      </c>
      <c r="O24284" t="s">
        <v>85</v>
      </c>
      <c r="P24284" t="s">
        <v>86</v>
      </c>
      <c r="Q24284">
        <v>11</v>
      </c>
      <c r="R24284">
        <v>11</v>
      </c>
      <c r="S24284">
        <v>11</v>
      </c>
      <c r="T24284">
        <v>12</v>
      </c>
      <c r="U24284">
        <v>12</v>
      </c>
      <c r="V24284">
        <v>12</v>
      </c>
      <c r="W24284">
        <v>12</v>
      </c>
      <c r="X24284">
        <v>12</v>
      </c>
      <c r="Y24284">
        <v>13</v>
      </c>
      <c r="Z24284">
        <v>13</v>
      </c>
      <c r="AA24284">
        <v>13</v>
      </c>
      <c r="AB24284">
        <v>13</v>
      </c>
      <c r="AC24284">
        <v>13</v>
      </c>
      <c r="AD24284">
        <v>14</v>
      </c>
      <c r="AE24284">
        <v>14</v>
      </c>
      <c r="AF24284">
        <v>14</v>
      </c>
      <c r="AG24284">
        <v>14</v>
      </c>
      <c r="AH24284">
        <v>14</v>
      </c>
      <c r="AI24284">
        <v>14</v>
      </c>
      <c r="AJ24284">
        <v>14</v>
      </c>
      <c r="AK24284">
        <v>14</v>
      </c>
      <c r="AL24284">
        <v>14</v>
      </c>
      <c r="AM24284">
        <v>14</v>
      </c>
      <c r="AN24284">
        <v>14</v>
      </c>
      <c r="AO24284">
        <v>14</v>
      </c>
      <c r="AP24284">
        <v>14</v>
      </c>
      <c r="AQ24284">
        <v>14</v>
      </c>
    </row>
    <row r="24285" spans="1:43">
      <c r="A24285" t="s">
        <v>15037</v>
      </c>
      <c r="B24285" t="s">
        <v>15038</v>
      </c>
      <c r="C24285" t="s">
        <v>15039</v>
      </c>
      <c r="D24285" t="s">
        <v>15040</v>
      </c>
      <c r="E24285" t="s">
        <v>14997</v>
      </c>
      <c r="F24285" t="s">
        <v>14998</v>
      </c>
      <c r="G24285" t="s">
        <v>10734</v>
      </c>
      <c r="H24285" t="s">
        <v>10735</v>
      </c>
      <c r="I24285" s="2">
        <v>1</v>
      </c>
      <c r="J24285" s="2">
        <v>0</v>
      </c>
      <c r="K24285" s="2">
        <v>0</v>
      </c>
      <c r="L24285" t="s">
        <v>120</v>
      </c>
      <c r="M24285" t="s">
        <v>83</v>
      </c>
      <c r="N24285" t="s">
        <v>91</v>
      </c>
      <c r="O24285" t="s">
        <v>85</v>
      </c>
      <c r="P24285" t="s">
        <v>86</v>
      </c>
      <c r="Q24285">
        <v>11</v>
      </c>
      <c r="R24285">
        <v>11</v>
      </c>
      <c r="S24285">
        <v>11</v>
      </c>
      <c r="T24285">
        <v>11</v>
      </c>
      <c r="U24285">
        <v>11</v>
      </c>
      <c r="V24285">
        <v>12</v>
      </c>
      <c r="W24285">
        <v>12</v>
      </c>
      <c r="X24285">
        <v>12</v>
      </c>
      <c r="Y24285">
        <v>12</v>
      </c>
      <c r="Z24285">
        <v>12</v>
      </c>
      <c r="AA24285">
        <v>12</v>
      </c>
      <c r="AB24285">
        <v>12</v>
      </c>
      <c r="AC24285">
        <v>13</v>
      </c>
      <c r="AD24285">
        <v>13</v>
      </c>
      <c r="AE24285">
        <v>13</v>
      </c>
      <c r="AF24285">
        <v>13</v>
      </c>
      <c r="AG24285">
        <v>13</v>
      </c>
      <c r="AH24285">
        <v>13</v>
      </c>
      <c r="AI24285">
        <v>14</v>
      </c>
      <c r="AJ24285">
        <v>14</v>
      </c>
      <c r="AK24285">
        <v>14</v>
      </c>
      <c r="AL24285">
        <v>14</v>
      </c>
      <c r="AM24285">
        <v>14</v>
      </c>
      <c r="AN24285">
        <v>14</v>
      </c>
      <c r="AO24285">
        <v>14</v>
      </c>
      <c r="AP24285">
        <v>14</v>
      </c>
      <c r="AQ24285">
        <v>14</v>
      </c>
    </row>
    <row r="24286" spans="1:43">
      <c r="A24286" t="s">
        <v>15041</v>
      </c>
      <c r="B24286" t="s">
        <v>15042</v>
      </c>
      <c r="C24286" t="s">
        <v>15039</v>
      </c>
      <c r="D24286" t="s">
        <v>15040</v>
      </c>
      <c r="E24286" t="s">
        <v>14997</v>
      </c>
      <c r="F24286" t="s">
        <v>14998</v>
      </c>
      <c r="G24286" t="s">
        <v>10734</v>
      </c>
      <c r="H24286" t="s">
        <v>10735</v>
      </c>
      <c r="I24286" s="2">
        <v>1</v>
      </c>
      <c r="J24286" s="2">
        <v>0</v>
      </c>
      <c r="K24286" s="2">
        <v>0</v>
      </c>
      <c r="L24286" t="s">
        <v>120</v>
      </c>
      <c r="M24286" t="s">
        <v>83</v>
      </c>
      <c r="N24286" t="s">
        <v>84</v>
      </c>
      <c r="O24286" t="s">
        <v>85</v>
      </c>
      <c r="P24286" t="s">
        <v>86</v>
      </c>
      <c r="Q24286">
        <v>21</v>
      </c>
      <c r="R24286">
        <v>21</v>
      </c>
      <c r="S24286">
        <v>22</v>
      </c>
      <c r="T24286">
        <v>22</v>
      </c>
      <c r="U24286">
        <v>22</v>
      </c>
      <c r="V24286">
        <v>22</v>
      </c>
      <c r="W24286">
        <v>23</v>
      </c>
      <c r="X24286">
        <v>23</v>
      </c>
      <c r="Y24286">
        <v>23</v>
      </c>
      <c r="Z24286">
        <v>24</v>
      </c>
      <c r="AA24286">
        <v>24</v>
      </c>
      <c r="AB24286">
        <v>24</v>
      </c>
      <c r="AC24286">
        <v>24</v>
      </c>
      <c r="AD24286">
        <v>25</v>
      </c>
      <c r="AE24286">
        <v>25</v>
      </c>
      <c r="AF24286">
        <v>25</v>
      </c>
      <c r="AG24286">
        <v>26</v>
      </c>
      <c r="AH24286">
        <v>26</v>
      </c>
      <c r="AI24286">
        <v>26</v>
      </c>
      <c r="AJ24286">
        <v>27</v>
      </c>
      <c r="AK24286">
        <v>27</v>
      </c>
      <c r="AL24286">
        <v>27</v>
      </c>
      <c r="AM24286">
        <v>27</v>
      </c>
      <c r="AN24286">
        <v>27</v>
      </c>
      <c r="AO24286">
        <v>27</v>
      </c>
      <c r="AP24286">
        <v>27</v>
      </c>
      <c r="AQ24286">
        <v>27</v>
      </c>
    </row>
    <row r="24287" spans="1:43">
      <c r="A24287" t="s">
        <v>15041</v>
      </c>
      <c r="B24287" t="s">
        <v>15042</v>
      </c>
      <c r="C24287" t="s">
        <v>15039</v>
      </c>
      <c r="D24287" t="s">
        <v>15040</v>
      </c>
      <c r="E24287" t="s">
        <v>14997</v>
      </c>
      <c r="F24287" t="s">
        <v>14998</v>
      </c>
      <c r="G24287" t="s">
        <v>10734</v>
      </c>
      <c r="H24287" t="s">
        <v>10735</v>
      </c>
      <c r="I24287" s="2">
        <v>1</v>
      </c>
      <c r="J24287" s="2">
        <v>0</v>
      </c>
      <c r="K24287" s="2">
        <v>0</v>
      </c>
      <c r="L24287" t="s">
        <v>120</v>
      </c>
      <c r="M24287" t="s">
        <v>87</v>
      </c>
      <c r="N24287" t="s">
        <v>88</v>
      </c>
      <c r="O24287" t="s">
        <v>85</v>
      </c>
      <c r="P24287" t="s">
        <v>86</v>
      </c>
      <c r="Q24287">
        <v>21</v>
      </c>
      <c r="R24287">
        <v>21</v>
      </c>
      <c r="S24287">
        <v>21</v>
      </c>
      <c r="T24287">
        <v>21</v>
      </c>
      <c r="U24287">
        <v>21</v>
      </c>
      <c r="V24287">
        <v>21</v>
      </c>
      <c r="W24287">
        <v>21</v>
      </c>
      <c r="X24287">
        <v>22</v>
      </c>
      <c r="Y24287">
        <v>22</v>
      </c>
      <c r="Z24287">
        <v>22</v>
      </c>
      <c r="AA24287">
        <v>22</v>
      </c>
      <c r="AB24287">
        <v>22</v>
      </c>
      <c r="AC24287">
        <v>22</v>
      </c>
      <c r="AD24287">
        <v>22</v>
      </c>
      <c r="AE24287">
        <v>22</v>
      </c>
      <c r="AF24287">
        <v>22</v>
      </c>
      <c r="AG24287">
        <v>23</v>
      </c>
      <c r="AH24287">
        <v>23</v>
      </c>
      <c r="AI24287">
        <v>23</v>
      </c>
      <c r="AJ24287">
        <v>23</v>
      </c>
      <c r="AK24287">
        <v>23</v>
      </c>
      <c r="AL24287">
        <v>23</v>
      </c>
      <c r="AM24287">
        <v>23</v>
      </c>
      <c r="AN24287">
        <v>23</v>
      </c>
      <c r="AO24287">
        <v>24</v>
      </c>
      <c r="AP24287">
        <v>24</v>
      </c>
      <c r="AQ24287">
        <v>24</v>
      </c>
    </row>
    <row r="24288" spans="1:43">
      <c r="A24288" t="s">
        <v>15041</v>
      </c>
      <c r="B24288" t="s">
        <v>15042</v>
      </c>
      <c r="C24288" t="s">
        <v>15039</v>
      </c>
      <c r="D24288" t="s">
        <v>15040</v>
      </c>
      <c r="E24288" t="s">
        <v>14997</v>
      </c>
      <c r="F24288" t="s">
        <v>14998</v>
      </c>
      <c r="G24288" t="s">
        <v>10734</v>
      </c>
      <c r="H24288" t="s">
        <v>10735</v>
      </c>
      <c r="I24288" s="2">
        <v>1</v>
      </c>
      <c r="J24288" s="2">
        <v>0</v>
      </c>
      <c r="K24288" s="2">
        <v>0</v>
      </c>
      <c r="L24288" t="s">
        <v>120</v>
      </c>
      <c r="M24288" t="s">
        <v>89</v>
      </c>
      <c r="N24288" t="s">
        <v>90</v>
      </c>
      <c r="O24288" t="s">
        <v>85</v>
      </c>
      <c r="P24288" t="s">
        <v>86</v>
      </c>
      <c r="Q24288">
        <v>21</v>
      </c>
      <c r="R24288">
        <v>22</v>
      </c>
      <c r="S24288">
        <v>22</v>
      </c>
      <c r="T24288">
        <v>23</v>
      </c>
      <c r="U24288">
        <v>23</v>
      </c>
      <c r="V24288">
        <v>23</v>
      </c>
      <c r="W24288">
        <v>24</v>
      </c>
      <c r="X24288">
        <v>24</v>
      </c>
      <c r="Y24288">
        <v>25</v>
      </c>
      <c r="Z24288">
        <v>25</v>
      </c>
      <c r="AA24288">
        <v>25</v>
      </c>
      <c r="AB24288">
        <v>26</v>
      </c>
      <c r="AC24288">
        <v>26</v>
      </c>
      <c r="AD24288">
        <v>27</v>
      </c>
      <c r="AE24288">
        <v>27</v>
      </c>
      <c r="AF24288">
        <v>27</v>
      </c>
      <c r="AG24288">
        <v>27</v>
      </c>
      <c r="AH24288">
        <v>27</v>
      </c>
      <c r="AI24288">
        <v>27</v>
      </c>
      <c r="AJ24288">
        <v>27</v>
      </c>
      <c r="AK24288">
        <v>27</v>
      </c>
      <c r="AL24288">
        <v>27</v>
      </c>
      <c r="AM24288">
        <v>27</v>
      </c>
      <c r="AN24288">
        <v>27</v>
      </c>
      <c r="AO24288">
        <v>27</v>
      </c>
      <c r="AP24288">
        <v>27</v>
      </c>
      <c r="AQ24288">
        <v>27</v>
      </c>
    </row>
    <row r="24289" spans="1:43">
      <c r="A24289" t="s">
        <v>15041</v>
      </c>
      <c r="B24289" t="s">
        <v>15042</v>
      </c>
      <c r="C24289" t="s">
        <v>15039</v>
      </c>
      <c r="D24289" t="s">
        <v>15040</v>
      </c>
      <c r="E24289" t="s">
        <v>14997</v>
      </c>
      <c r="F24289" t="s">
        <v>14998</v>
      </c>
      <c r="G24289" t="s">
        <v>10734</v>
      </c>
      <c r="H24289" t="s">
        <v>10735</v>
      </c>
      <c r="I24289" s="2">
        <v>1</v>
      </c>
      <c r="J24289" s="2">
        <v>0</v>
      </c>
      <c r="K24289" s="2">
        <v>0</v>
      </c>
      <c r="L24289" t="s">
        <v>120</v>
      </c>
      <c r="M24289" t="s">
        <v>83</v>
      </c>
      <c r="N24289" t="s">
        <v>91</v>
      </c>
      <c r="O24289" t="s">
        <v>85</v>
      </c>
      <c r="P24289" t="s">
        <v>86</v>
      </c>
      <c r="Q24289">
        <v>21</v>
      </c>
      <c r="R24289">
        <v>21</v>
      </c>
      <c r="S24289">
        <v>22</v>
      </c>
      <c r="T24289">
        <v>22</v>
      </c>
      <c r="U24289">
        <v>22</v>
      </c>
      <c r="V24289">
        <v>22</v>
      </c>
      <c r="W24289">
        <v>23</v>
      </c>
      <c r="X24289">
        <v>23</v>
      </c>
      <c r="Y24289">
        <v>23</v>
      </c>
      <c r="Z24289">
        <v>24</v>
      </c>
      <c r="AA24289">
        <v>24</v>
      </c>
      <c r="AB24289">
        <v>24</v>
      </c>
      <c r="AC24289">
        <v>24</v>
      </c>
      <c r="AD24289">
        <v>25</v>
      </c>
      <c r="AE24289">
        <v>25</v>
      </c>
      <c r="AF24289">
        <v>25</v>
      </c>
      <c r="AG24289">
        <v>26</v>
      </c>
      <c r="AH24289">
        <v>26</v>
      </c>
      <c r="AI24289">
        <v>26</v>
      </c>
      <c r="AJ24289">
        <v>27</v>
      </c>
      <c r="AK24289">
        <v>27</v>
      </c>
      <c r="AL24289">
        <v>27</v>
      </c>
      <c r="AM24289">
        <v>27</v>
      </c>
      <c r="AN24289">
        <v>27</v>
      </c>
      <c r="AO24289">
        <v>27</v>
      </c>
      <c r="AP24289">
        <v>27</v>
      </c>
      <c r="AQ24289">
        <v>27</v>
      </c>
    </row>
    <row r="24290" spans="1:43">
      <c r="A24290" t="s">
        <v>15043</v>
      </c>
      <c r="B24290" t="s">
        <v>15044</v>
      </c>
      <c r="C24290" t="s">
        <v>15039</v>
      </c>
      <c r="D24290" t="s">
        <v>15040</v>
      </c>
      <c r="E24290" t="s">
        <v>14997</v>
      </c>
      <c r="F24290" t="s">
        <v>14998</v>
      </c>
      <c r="G24290" t="s">
        <v>10734</v>
      </c>
      <c r="H24290" t="s">
        <v>10735</v>
      </c>
      <c r="I24290" s="2">
        <v>1</v>
      </c>
      <c r="J24290" s="2">
        <v>0</v>
      </c>
      <c r="K24290" s="2">
        <v>0</v>
      </c>
      <c r="L24290" t="s">
        <v>120</v>
      </c>
      <c r="M24290" t="s">
        <v>83</v>
      </c>
      <c r="N24290" t="s">
        <v>84</v>
      </c>
      <c r="O24290" t="s">
        <v>85</v>
      </c>
      <c r="P24290" t="s">
        <v>86</v>
      </c>
      <c r="Q24290">
        <v>15</v>
      </c>
      <c r="R24290">
        <v>16</v>
      </c>
      <c r="S24290">
        <v>16</v>
      </c>
      <c r="T24290">
        <v>16</v>
      </c>
      <c r="U24290">
        <v>16</v>
      </c>
      <c r="V24290">
        <v>17</v>
      </c>
      <c r="W24290">
        <v>17</v>
      </c>
      <c r="X24290">
        <v>17</v>
      </c>
      <c r="Y24290">
        <v>17</v>
      </c>
      <c r="Z24290">
        <v>18</v>
      </c>
      <c r="AA24290">
        <v>18</v>
      </c>
      <c r="AB24290">
        <v>18</v>
      </c>
      <c r="AC24290">
        <v>18</v>
      </c>
      <c r="AD24290">
        <v>18</v>
      </c>
      <c r="AE24290">
        <v>19</v>
      </c>
      <c r="AF24290">
        <v>19</v>
      </c>
      <c r="AG24290">
        <v>19</v>
      </c>
      <c r="AH24290">
        <v>19</v>
      </c>
      <c r="AI24290">
        <v>20</v>
      </c>
      <c r="AJ24290">
        <v>20</v>
      </c>
      <c r="AK24290">
        <v>20</v>
      </c>
      <c r="AL24290">
        <v>20</v>
      </c>
      <c r="AM24290">
        <v>20</v>
      </c>
      <c r="AN24290">
        <v>20</v>
      </c>
      <c r="AO24290">
        <v>20</v>
      </c>
      <c r="AP24290">
        <v>21</v>
      </c>
      <c r="AQ24290">
        <v>21</v>
      </c>
    </row>
    <row r="24291" spans="1:43">
      <c r="A24291" t="s">
        <v>15043</v>
      </c>
      <c r="B24291" t="s">
        <v>15044</v>
      </c>
      <c r="C24291" t="s">
        <v>15039</v>
      </c>
      <c r="D24291" t="s">
        <v>15040</v>
      </c>
      <c r="E24291" t="s">
        <v>14997</v>
      </c>
      <c r="F24291" t="s">
        <v>14998</v>
      </c>
      <c r="G24291" t="s">
        <v>10734</v>
      </c>
      <c r="H24291" t="s">
        <v>10735</v>
      </c>
      <c r="I24291" s="2">
        <v>1</v>
      </c>
      <c r="J24291" s="2">
        <v>0</v>
      </c>
      <c r="K24291" s="2">
        <v>0</v>
      </c>
      <c r="L24291" t="s">
        <v>120</v>
      </c>
      <c r="M24291" t="s">
        <v>87</v>
      </c>
      <c r="N24291" t="s">
        <v>88</v>
      </c>
      <c r="O24291" t="s">
        <v>85</v>
      </c>
      <c r="P24291" t="s">
        <v>86</v>
      </c>
      <c r="Q24291">
        <v>15</v>
      </c>
      <c r="R24291">
        <v>15</v>
      </c>
      <c r="S24291">
        <v>16</v>
      </c>
      <c r="T24291">
        <v>16</v>
      </c>
      <c r="U24291">
        <v>16</v>
      </c>
      <c r="V24291">
        <v>16</v>
      </c>
      <c r="W24291">
        <v>16</v>
      </c>
      <c r="X24291">
        <v>16</v>
      </c>
      <c r="Y24291">
        <v>16</v>
      </c>
      <c r="Z24291">
        <v>16</v>
      </c>
      <c r="AA24291">
        <v>16</v>
      </c>
      <c r="AB24291">
        <v>16</v>
      </c>
      <c r="AC24291">
        <v>16</v>
      </c>
      <c r="AD24291">
        <v>17</v>
      </c>
      <c r="AE24291">
        <v>17</v>
      </c>
      <c r="AF24291">
        <v>17</v>
      </c>
      <c r="AG24291">
        <v>17</v>
      </c>
      <c r="AH24291">
        <v>17</v>
      </c>
      <c r="AI24291">
        <v>17</v>
      </c>
      <c r="AJ24291">
        <v>17</v>
      </c>
      <c r="AK24291">
        <v>17</v>
      </c>
      <c r="AL24291">
        <v>17</v>
      </c>
      <c r="AM24291">
        <v>17</v>
      </c>
      <c r="AN24291">
        <v>18</v>
      </c>
      <c r="AO24291">
        <v>18</v>
      </c>
      <c r="AP24291">
        <v>18</v>
      </c>
      <c r="AQ24291">
        <v>18</v>
      </c>
    </row>
    <row r="24292" spans="1:43">
      <c r="A24292" t="s">
        <v>15043</v>
      </c>
      <c r="B24292" t="s">
        <v>15044</v>
      </c>
      <c r="C24292" t="s">
        <v>15039</v>
      </c>
      <c r="D24292" t="s">
        <v>15040</v>
      </c>
      <c r="E24292" t="s">
        <v>14997</v>
      </c>
      <c r="F24292" t="s">
        <v>14998</v>
      </c>
      <c r="G24292" t="s">
        <v>10734</v>
      </c>
      <c r="H24292" t="s">
        <v>10735</v>
      </c>
      <c r="I24292" s="2">
        <v>1</v>
      </c>
      <c r="J24292" s="2">
        <v>0</v>
      </c>
      <c r="K24292" s="2">
        <v>0</v>
      </c>
      <c r="L24292" t="s">
        <v>120</v>
      </c>
      <c r="M24292" t="s">
        <v>89</v>
      </c>
      <c r="N24292" t="s">
        <v>90</v>
      </c>
      <c r="O24292" t="s">
        <v>85</v>
      </c>
      <c r="P24292" t="s">
        <v>86</v>
      </c>
      <c r="Q24292">
        <v>15</v>
      </c>
      <c r="R24292">
        <v>15</v>
      </c>
      <c r="S24292">
        <v>15</v>
      </c>
      <c r="T24292">
        <v>16</v>
      </c>
      <c r="U24292">
        <v>16</v>
      </c>
      <c r="V24292">
        <v>16</v>
      </c>
      <c r="W24292">
        <v>17</v>
      </c>
      <c r="X24292">
        <v>17</v>
      </c>
      <c r="Y24292">
        <v>17</v>
      </c>
      <c r="Z24292">
        <v>18</v>
      </c>
      <c r="AA24292">
        <v>18</v>
      </c>
      <c r="AB24292">
        <v>18</v>
      </c>
      <c r="AC24292">
        <v>19</v>
      </c>
      <c r="AD24292">
        <v>19</v>
      </c>
      <c r="AE24292">
        <v>19</v>
      </c>
      <c r="AF24292">
        <v>19</v>
      </c>
      <c r="AG24292">
        <v>19</v>
      </c>
      <c r="AH24292">
        <v>19</v>
      </c>
      <c r="AI24292">
        <v>19</v>
      </c>
      <c r="AJ24292">
        <v>19</v>
      </c>
      <c r="AK24292">
        <v>19</v>
      </c>
      <c r="AL24292">
        <v>19</v>
      </c>
      <c r="AM24292">
        <v>19</v>
      </c>
      <c r="AN24292">
        <v>20</v>
      </c>
      <c r="AO24292">
        <v>20</v>
      </c>
      <c r="AP24292">
        <v>20</v>
      </c>
      <c r="AQ24292">
        <v>20</v>
      </c>
    </row>
    <row r="24293" spans="1:43">
      <c r="A24293" t="s">
        <v>15043</v>
      </c>
      <c r="B24293" t="s">
        <v>15044</v>
      </c>
      <c r="C24293" t="s">
        <v>15039</v>
      </c>
      <c r="D24293" t="s">
        <v>15040</v>
      </c>
      <c r="E24293" t="s">
        <v>14997</v>
      </c>
      <c r="F24293" t="s">
        <v>14998</v>
      </c>
      <c r="G24293" t="s">
        <v>10734</v>
      </c>
      <c r="H24293" t="s">
        <v>10735</v>
      </c>
      <c r="I24293" s="2">
        <v>1</v>
      </c>
      <c r="J24293" s="2">
        <v>0</v>
      </c>
      <c r="K24293" s="2">
        <v>0</v>
      </c>
      <c r="L24293" t="s">
        <v>120</v>
      </c>
      <c r="M24293" t="s">
        <v>83</v>
      </c>
      <c r="N24293" t="s">
        <v>91</v>
      </c>
      <c r="O24293" t="s">
        <v>85</v>
      </c>
      <c r="P24293" t="s">
        <v>86</v>
      </c>
      <c r="Q24293">
        <v>15</v>
      </c>
      <c r="R24293">
        <v>16</v>
      </c>
      <c r="S24293">
        <v>16</v>
      </c>
      <c r="T24293">
        <v>16</v>
      </c>
      <c r="U24293">
        <v>16</v>
      </c>
      <c r="V24293">
        <v>17</v>
      </c>
      <c r="W24293">
        <v>17</v>
      </c>
      <c r="X24293">
        <v>17</v>
      </c>
      <c r="Y24293">
        <v>17</v>
      </c>
      <c r="Z24293">
        <v>18</v>
      </c>
      <c r="AA24293">
        <v>18</v>
      </c>
      <c r="AB24293">
        <v>18</v>
      </c>
      <c r="AC24293">
        <v>18</v>
      </c>
      <c r="AD24293">
        <v>18</v>
      </c>
      <c r="AE24293">
        <v>19</v>
      </c>
      <c r="AF24293">
        <v>19</v>
      </c>
      <c r="AG24293">
        <v>19</v>
      </c>
      <c r="AH24293">
        <v>19</v>
      </c>
      <c r="AI24293">
        <v>20</v>
      </c>
      <c r="AJ24293">
        <v>20</v>
      </c>
      <c r="AK24293">
        <v>20</v>
      </c>
      <c r="AL24293">
        <v>20</v>
      </c>
      <c r="AM24293">
        <v>20</v>
      </c>
      <c r="AN24293">
        <v>20</v>
      </c>
      <c r="AO24293">
        <v>20</v>
      </c>
      <c r="AP24293">
        <v>21</v>
      </c>
      <c r="AQ24293">
        <v>21</v>
      </c>
    </row>
    <row r="24294" spans="1:43">
      <c r="A24294" t="s">
        <v>15045</v>
      </c>
      <c r="B24294" t="s">
        <v>15046</v>
      </c>
      <c r="C24294" t="s">
        <v>15039</v>
      </c>
      <c r="D24294" t="s">
        <v>15040</v>
      </c>
      <c r="E24294" t="s">
        <v>14997</v>
      </c>
      <c r="F24294" t="s">
        <v>14998</v>
      </c>
      <c r="G24294" t="s">
        <v>10734</v>
      </c>
      <c r="H24294" t="s">
        <v>10735</v>
      </c>
      <c r="I24294" s="2">
        <v>1</v>
      </c>
      <c r="J24294" s="2">
        <v>0</v>
      </c>
      <c r="K24294" s="2">
        <v>0</v>
      </c>
      <c r="L24294" t="s">
        <v>120</v>
      </c>
      <c r="M24294" t="s">
        <v>83</v>
      </c>
      <c r="N24294" t="s">
        <v>84</v>
      </c>
      <c r="O24294" t="s">
        <v>85</v>
      </c>
      <c r="P24294" t="s">
        <v>86</v>
      </c>
      <c r="Q24294">
        <v>30</v>
      </c>
      <c r="R24294">
        <v>30</v>
      </c>
      <c r="S24294">
        <v>30</v>
      </c>
      <c r="T24294">
        <v>31</v>
      </c>
      <c r="U24294">
        <v>31</v>
      </c>
      <c r="V24294">
        <v>32</v>
      </c>
      <c r="W24294">
        <v>32</v>
      </c>
      <c r="X24294">
        <v>33</v>
      </c>
      <c r="Y24294">
        <v>33</v>
      </c>
      <c r="Z24294">
        <v>33</v>
      </c>
      <c r="AA24294">
        <v>34</v>
      </c>
      <c r="AB24294">
        <v>34</v>
      </c>
      <c r="AC24294">
        <v>35</v>
      </c>
      <c r="AD24294">
        <v>35</v>
      </c>
      <c r="AE24294">
        <v>36</v>
      </c>
      <c r="AF24294">
        <v>36</v>
      </c>
      <c r="AG24294">
        <v>37</v>
      </c>
      <c r="AH24294">
        <v>37</v>
      </c>
      <c r="AI24294">
        <v>37</v>
      </c>
      <c r="AJ24294">
        <v>38</v>
      </c>
      <c r="AK24294">
        <v>38</v>
      </c>
      <c r="AL24294">
        <v>39</v>
      </c>
      <c r="AM24294">
        <v>39</v>
      </c>
      <c r="AN24294">
        <v>39</v>
      </c>
      <c r="AO24294">
        <v>39</v>
      </c>
      <c r="AP24294">
        <v>39</v>
      </c>
      <c r="AQ24294">
        <v>39</v>
      </c>
    </row>
    <row r="24295" spans="1:43">
      <c r="A24295" t="s">
        <v>15045</v>
      </c>
      <c r="B24295" t="s">
        <v>15046</v>
      </c>
      <c r="C24295" t="s">
        <v>15039</v>
      </c>
      <c r="D24295" t="s">
        <v>15040</v>
      </c>
      <c r="E24295" t="s">
        <v>14997</v>
      </c>
      <c r="F24295" t="s">
        <v>14998</v>
      </c>
      <c r="G24295" t="s">
        <v>10734</v>
      </c>
      <c r="H24295" t="s">
        <v>10735</v>
      </c>
      <c r="I24295" s="2">
        <v>1</v>
      </c>
      <c r="J24295" s="2">
        <v>0</v>
      </c>
      <c r="K24295" s="2">
        <v>0</v>
      </c>
      <c r="L24295" t="s">
        <v>120</v>
      </c>
      <c r="M24295" t="s">
        <v>87</v>
      </c>
      <c r="N24295" t="s">
        <v>88</v>
      </c>
      <c r="O24295" t="s">
        <v>85</v>
      </c>
      <c r="P24295" t="s">
        <v>86</v>
      </c>
      <c r="Q24295">
        <v>30</v>
      </c>
      <c r="R24295">
        <v>30</v>
      </c>
      <c r="S24295">
        <v>31</v>
      </c>
      <c r="T24295">
        <v>31</v>
      </c>
      <c r="U24295">
        <v>31</v>
      </c>
      <c r="V24295">
        <v>31</v>
      </c>
      <c r="W24295">
        <v>31</v>
      </c>
      <c r="X24295">
        <v>31</v>
      </c>
      <c r="Y24295">
        <v>32</v>
      </c>
      <c r="Z24295">
        <v>32</v>
      </c>
      <c r="AA24295">
        <v>32</v>
      </c>
      <c r="AB24295">
        <v>32</v>
      </c>
      <c r="AC24295">
        <v>32</v>
      </c>
      <c r="AD24295">
        <v>33</v>
      </c>
      <c r="AE24295">
        <v>33</v>
      </c>
      <c r="AF24295">
        <v>33</v>
      </c>
      <c r="AG24295">
        <v>33</v>
      </c>
      <c r="AH24295">
        <v>33</v>
      </c>
      <c r="AI24295">
        <v>34</v>
      </c>
      <c r="AJ24295">
        <v>34</v>
      </c>
      <c r="AK24295">
        <v>34</v>
      </c>
      <c r="AL24295">
        <v>34</v>
      </c>
      <c r="AM24295">
        <v>34</v>
      </c>
      <c r="AN24295">
        <v>35</v>
      </c>
      <c r="AO24295">
        <v>35</v>
      </c>
      <c r="AP24295">
        <v>35</v>
      </c>
      <c r="AQ24295">
        <v>35</v>
      </c>
    </row>
    <row r="24296" spans="1:43">
      <c r="A24296" t="s">
        <v>15045</v>
      </c>
      <c r="B24296" t="s">
        <v>15046</v>
      </c>
      <c r="C24296" t="s">
        <v>15039</v>
      </c>
      <c r="D24296" t="s">
        <v>15040</v>
      </c>
      <c r="E24296" t="s">
        <v>14997</v>
      </c>
      <c r="F24296" t="s">
        <v>14998</v>
      </c>
      <c r="G24296" t="s">
        <v>10734</v>
      </c>
      <c r="H24296" t="s">
        <v>10735</v>
      </c>
      <c r="I24296" s="2">
        <v>1</v>
      </c>
      <c r="J24296" s="2">
        <v>0</v>
      </c>
      <c r="K24296" s="2">
        <v>0</v>
      </c>
      <c r="L24296" t="s">
        <v>120</v>
      </c>
      <c r="M24296" t="s">
        <v>89</v>
      </c>
      <c r="N24296" t="s">
        <v>90</v>
      </c>
      <c r="O24296" t="s">
        <v>85</v>
      </c>
      <c r="P24296" t="s">
        <v>86</v>
      </c>
      <c r="Q24296">
        <v>30</v>
      </c>
      <c r="R24296">
        <v>30</v>
      </c>
      <c r="S24296">
        <v>31</v>
      </c>
      <c r="T24296">
        <v>32</v>
      </c>
      <c r="U24296">
        <v>33</v>
      </c>
      <c r="V24296">
        <v>33</v>
      </c>
      <c r="W24296">
        <v>34</v>
      </c>
      <c r="X24296">
        <v>34</v>
      </c>
      <c r="Y24296">
        <v>35</v>
      </c>
      <c r="Z24296">
        <v>35</v>
      </c>
      <c r="AA24296">
        <v>36</v>
      </c>
      <c r="AB24296">
        <v>37</v>
      </c>
      <c r="AC24296">
        <v>37</v>
      </c>
      <c r="AD24296">
        <v>38</v>
      </c>
      <c r="AE24296">
        <v>38</v>
      </c>
      <c r="AF24296">
        <v>38</v>
      </c>
      <c r="AG24296">
        <v>38</v>
      </c>
      <c r="AH24296">
        <v>38</v>
      </c>
      <c r="AI24296">
        <v>39</v>
      </c>
      <c r="AJ24296">
        <v>39</v>
      </c>
      <c r="AK24296">
        <v>39</v>
      </c>
      <c r="AL24296">
        <v>39</v>
      </c>
      <c r="AM24296">
        <v>39</v>
      </c>
      <c r="AN24296">
        <v>39</v>
      </c>
      <c r="AO24296">
        <v>39</v>
      </c>
      <c r="AP24296">
        <v>39</v>
      </c>
      <c r="AQ24296">
        <v>40</v>
      </c>
    </row>
    <row r="24297" spans="1:43">
      <c r="A24297" t="s">
        <v>15045</v>
      </c>
      <c r="B24297" t="s">
        <v>15046</v>
      </c>
      <c r="C24297" t="s">
        <v>15039</v>
      </c>
      <c r="D24297" t="s">
        <v>15040</v>
      </c>
      <c r="E24297" t="s">
        <v>14997</v>
      </c>
      <c r="F24297" t="s">
        <v>14998</v>
      </c>
      <c r="G24297" t="s">
        <v>10734</v>
      </c>
      <c r="H24297" t="s">
        <v>10735</v>
      </c>
      <c r="I24297" s="2">
        <v>1</v>
      </c>
      <c r="J24297" s="2">
        <v>0</v>
      </c>
      <c r="K24297" s="2">
        <v>0</v>
      </c>
      <c r="L24297" t="s">
        <v>120</v>
      </c>
      <c r="M24297" t="s">
        <v>83</v>
      </c>
      <c r="N24297" t="s">
        <v>91</v>
      </c>
      <c r="O24297" t="s">
        <v>85</v>
      </c>
      <c r="P24297" t="s">
        <v>86</v>
      </c>
      <c r="Q24297">
        <v>30</v>
      </c>
      <c r="R24297">
        <v>30</v>
      </c>
      <c r="S24297">
        <v>30</v>
      </c>
      <c r="T24297">
        <v>31</v>
      </c>
      <c r="U24297">
        <v>31</v>
      </c>
      <c r="V24297">
        <v>32</v>
      </c>
      <c r="W24297">
        <v>32</v>
      </c>
      <c r="X24297">
        <v>33</v>
      </c>
      <c r="Y24297">
        <v>33</v>
      </c>
      <c r="Z24297">
        <v>33</v>
      </c>
      <c r="AA24297">
        <v>34</v>
      </c>
      <c r="AB24297">
        <v>34</v>
      </c>
      <c r="AC24297">
        <v>35</v>
      </c>
      <c r="AD24297">
        <v>35</v>
      </c>
      <c r="AE24297">
        <v>36</v>
      </c>
      <c r="AF24297">
        <v>36</v>
      </c>
      <c r="AG24297">
        <v>37</v>
      </c>
      <c r="AH24297">
        <v>37</v>
      </c>
      <c r="AI24297">
        <v>37</v>
      </c>
      <c r="AJ24297">
        <v>38</v>
      </c>
      <c r="AK24297">
        <v>38</v>
      </c>
      <c r="AL24297">
        <v>39</v>
      </c>
      <c r="AM24297">
        <v>39</v>
      </c>
      <c r="AN24297">
        <v>39</v>
      </c>
      <c r="AO24297">
        <v>39</v>
      </c>
      <c r="AP24297">
        <v>39</v>
      </c>
      <c r="AQ24297">
        <v>39</v>
      </c>
    </row>
    <row r="24298" spans="1:43">
      <c r="A24298" t="s">
        <v>15047</v>
      </c>
      <c r="B24298" t="s">
        <v>15048</v>
      </c>
      <c r="C24298" t="s">
        <v>15039</v>
      </c>
      <c r="D24298" t="s">
        <v>15040</v>
      </c>
      <c r="E24298" t="s">
        <v>14997</v>
      </c>
      <c r="F24298" t="s">
        <v>14998</v>
      </c>
      <c r="G24298" t="s">
        <v>10734</v>
      </c>
      <c r="H24298" t="s">
        <v>10735</v>
      </c>
      <c r="I24298" s="2">
        <v>1</v>
      </c>
      <c r="J24298" s="2">
        <v>0</v>
      </c>
      <c r="K24298" s="2">
        <v>0</v>
      </c>
      <c r="L24298" t="s">
        <v>120</v>
      </c>
      <c r="M24298" t="s">
        <v>83</v>
      </c>
      <c r="N24298" t="s">
        <v>84</v>
      </c>
      <c r="O24298" t="s">
        <v>85</v>
      </c>
      <c r="P24298" t="s">
        <v>86</v>
      </c>
      <c r="Q24298">
        <v>37</v>
      </c>
      <c r="R24298">
        <v>37</v>
      </c>
      <c r="S24298">
        <v>38</v>
      </c>
      <c r="T24298">
        <v>38</v>
      </c>
      <c r="U24298">
        <v>39</v>
      </c>
      <c r="V24298">
        <v>40</v>
      </c>
      <c r="W24298">
        <v>40</v>
      </c>
      <c r="X24298">
        <v>41</v>
      </c>
      <c r="Y24298">
        <v>41</v>
      </c>
      <c r="Z24298">
        <v>42</v>
      </c>
      <c r="AA24298">
        <v>42</v>
      </c>
      <c r="AB24298">
        <v>43</v>
      </c>
      <c r="AC24298">
        <v>43</v>
      </c>
      <c r="AD24298">
        <v>44</v>
      </c>
      <c r="AE24298">
        <v>44</v>
      </c>
      <c r="AF24298">
        <v>45</v>
      </c>
      <c r="AG24298">
        <v>46</v>
      </c>
      <c r="AH24298">
        <v>46</v>
      </c>
      <c r="AI24298">
        <v>47</v>
      </c>
      <c r="AJ24298">
        <v>47</v>
      </c>
      <c r="AK24298">
        <v>48</v>
      </c>
      <c r="AL24298">
        <v>48</v>
      </c>
      <c r="AM24298">
        <v>48</v>
      </c>
      <c r="AN24298">
        <v>48</v>
      </c>
      <c r="AO24298">
        <v>49</v>
      </c>
      <c r="AP24298">
        <v>49</v>
      </c>
      <c r="AQ24298">
        <v>49</v>
      </c>
    </row>
    <row r="24299" spans="1:43">
      <c r="A24299" t="s">
        <v>15047</v>
      </c>
      <c r="B24299" t="s">
        <v>15048</v>
      </c>
      <c r="C24299" t="s">
        <v>15039</v>
      </c>
      <c r="D24299" t="s">
        <v>15040</v>
      </c>
      <c r="E24299" t="s">
        <v>14997</v>
      </c>
      <c r="F24299" t="s">
        <v>14998</v>
      </c>
      <c r="G24299" t="s">
        <v>10734</v>
      </c>
      <c r="H24299" t="s">
        <v>10735</v>
      </c>
      <c r="I24299" s="2">
        <v>1</v>
      </c>
      <c r="J24299" s="2">
        <v>0</v>
      </c>
      <c r="K24299" s="2">
        <v>0</v>
      </c>
      <c r="L24299" t="s">
        <v>120</v>
      </c>
      <c r="M24299" t="s">
        <v>87</v>
      </c>
      <c r="N24299" t="s">
        <v>88</v>
      </c>
      <c r="O24299" t="s">
        <v>85</v>
      </c>
      <c r="P24299" t="s">
        <v>86</v>
      </c>
      <c r="Q24299">
        <v>37</v>
      </c>
      <c r="R24299">
        <v>38</v>
      </c>
      <c r="S24299">
        <v>38</v>
      </c>
      <c r="T24299">
        <v>38</v>
      </c>
      <c r="U24299">
        <v>38</v>
      </c>
      <c r="V24299">
        <v>38</v>
      </c>
      <c r="W24299">
        <v>39</v>
      </c>
      <c r="X24299">
        <v>39</v>
      </c>
      <c r="Y24299">
        <v>39</v>
      </c>
      <c r="Z24299">
        <v>39</v>
      </c>
      <c r="AA24299">
        <v>40</v>
      </c>
      <c r="AB24299">
        <v>40</v>
      </c>
      <c r="AC24299">
        <v>40</v>
      </c>
      <c r="AD24299">
        <v>40</v>
      </c>
      <c r="AE24299">
        <v>41</v>
      </c>
      <c r="AF24299">
        <v>41</v>
      </c>
      <c r="AG24299">
        <v>41</v>
      </c>
      <c r="AH24299">
        <v>41</v>
      </c>
      <c r="AI24299">
        <v>42</v>
      </c>
      <c r="AJ24299">
        <v>42</v>
      </c>
      <c r="AK24299">
        <v>42</v>
      </c>
      <c r="AL24299">
        <v>42</v>
      </c>
      <c r="AM24299">
        <v>43</v>
      </c>
      <c r="AN24299">
        <v>43</v>
      </c>
      <c r="AO24299">
        <v>43</v>
      </c>
      <c r="AP24299">
        <v>43</v>
      </c>
      <c r="AQ24299">
        <v>44</v>
      </c>
    </row>
    <row r="24300" spans="1:43">
      <c r="A24300" t="s">
        <v>15047</v>
      </c>
      <c r="B24300" t="s">
        <v>15048</v>
      </c>
      <c r="C24300" t="s">
        <v>15039</v>
      </c>
      <c r="D24300" t="s">
        <v>15040</v>
      </c>
      <c r="E24300" t="s">
        <v>14997</v>
      </c>
      <c r="F24300" t="s">
        <v>14998</v>
      </c>
      <c r="G24300" t="s">
        <v>10734</v>
      </c>
      <c r="H24300" t="s">
        <v>10735</v>
      </c>
      <c r="I24300" s="2">
        <v>1</v>
      </c>
      <c r="J24300" s="2">
        <v>0</v>
      </c>
      <c r="K24300" s="2">
        <v>0</v>
      </c>
      <c r="L24300" t="s">
        <v>120</v>
      </c>
      <c r="M24300" t="s">
        <v>89</v>
      </c>
      <c r="N24300" t="s">
        <v>90</v>
      </c>
      <c r="O24300" t="s">
        <v>85</v>
      </c>
      <c r="P24300" t="s">
        <v>86</v>
      </c>
      <c r="Q24300">
        <v>37</v>
      </c>
      <c r="R24300">
        <v>38</v>
      </c>
      <c r="S24300">
        <v>39</v>
      </c>
      <c r="T24300">
        <v>40</v>
      </c>
      <c r="U24300">
        <v>41</v>
      </c>
      <c r="V24300">
        <v>41</v>
      </c>
      <c r="W24300">
        <v>42</v>
      </c>
      <c r="X24300">
        <v>43</v>
      </c>
      <c r="Y24300">
        <v>44</v>
      </c>
      <c r="Z24300">
        <v>44</v>
      </c>
      <c r="AA24300">
        <v>45</v>
      </c>
      <c r="AB24300">
        <v>46</v>
      </c>
      <c r="AC24300">
        <v>46</v>
      </c>
      <c r="AD24300">
        <v>47</v>
      </c>
      <c r="AE24300">
        <v>48</v>
      </c>
      <c r="AF24300">
        <v>48</v>
      </c>
      <c r="AG24300">
        <v>48</v>
      </c>
      <c r="AH24300">
        <v>48</v>
      </c>
      <c r="AI24300">
        <v>48</v>
      </c>
      <c r="AJ24300">
        <v>48</v>
      </c>
      <c r="AK24300">
        <v>48</v>
      </c>
      <c r="AL24300">
        <v>49</v>
      </c>
      <c r="AM24300">
        <v>49</v>
      </c>
      <c r="AN24300">
        <v>49</v>
      </c>
      <c r="AO24300">
        <v>49</v>
      </c>
      <c r="AP24300">
        <v>49</v>
      </c>
      <c r="AQ24300">
        <v>49</v>
      </c>
    </row>
    <row r="24301" spans="1:43">
      <c r="A24301" t="s">
        <v>15047</v>
      </c>
      <c r="B24301" t="s">
        <v>15048</v>
      </c>
      <c r="C24301" t="s">
        <v>15039</v>
      </c>
      <c r="D24301" t="s">
        <v>15040</v>
      </c>
      <c r="E24301" t="s">
        <v>14997</v>
      </c>
      <c r="F24301" t="s">
        <v>14998</v>
      </c>
      <c r="G24301" t="s">
        <v>10734</v>
      </c>
      <c r="H24301" t="s">
        <v>10735</v>
      </c>
      <c r="I24301" s="2">
        <v>1</v>
      </c>
      <c r="J24301" s="2">
        <v>0</v>
      </c>
      <c r="K24301" s="2">
        <v>0</v>
      </c>
      <c r="L24301" t="s">
        <v>120</v>
      </c>
      <c r="M24301" t="s">
        <v>83</v>
      </c>
      <c r="N24301" t="s">
        <v>91</v>
      </c>
      <c r="O24301" t="s">
        <v>85</v>
      </c>
      <c r="P24301" t="s">
        <v>86</v>
      </c>
      <c r="Q24301">
        <v>37</v>
      </c>
      <c r="R24301">
        <v>37</v>
      </c>
      <c r="S24301">
        <v>38</v>
      </c>
      <c r="T24301">
        <v>38</v>
      </c>
      <c r="U24301">
        <v>39</v>
      </c>
      <c r="V24301">
        <v>40</v>
      </c>
      <c r="W24301">
        <v>40</v>
      </c>
      <c r="X24301">
        <v>41</v>
      </c>
      <c r="Y24301">
        <v>41</v>
      </c>
      <c r="Z24301">
        <v>42</v>
      </c>
      <c r="AA24301">
        <v>42</v>
      </c>
      <c r="AB24301">
        <v>43</v>
      </c>
      <c r="AC24301">
        <v>43</v>
      </c>
      <c r="AD24301">
        <v>44</v>
      </c>
      <c r="AE24301">
        <v>44</v>
      </c>
      <c r="AF24301">
        <v>45</v>
      </c>
      <c r="AG24301">
        <v>46</v>
      </c>
      <c r="AH24301">
        <v>46</v>
      </c>
      <c r="AI24301">
        <v>47</v>
      </c>
      <c r="AJ24301">
        <v>47</v>
      </c>
      <c r="AK24301">
        <v>48</v>
      </c>
      <c r="AL24301">
        <v>48</v>
      </c>
      <c r="AM24301">
        <v>48</v>
      </c>
      <c r="AN24301">
        <v>48</v>
      </c>
      <c r="AO24301">
        <v>49</v>
      </c>
      <c r="AP24301">
        <v>49</v>
      </c>
      <c r="AQ24301">
        <v>49</v>
      </c>
    </row>
    <row r="24302" spans="1:43">
      <c r="A24302" t="s">
        <v>15049</v>
      </c>
      <c r="B24302" t="s">
        <v>15050</v>
      </c>
      <c r="C24302" t="s">
        <v>15035</v>
      </c>
      <c r="D24302" t="s">
        <v>15036</v>
      </c>
      <c r="E24302" t="s">
        <v>14997</v>
      </c>
      <c r="F24302" t="s">
        <v>14998</v>
      </c>
      <c r="G24302" t="s">
        <v>10734</v>
      </c>
      <c r="H24302" t="s">
        <v>10735</v>
      </c>
      <c r="I24302" s="2">
        <v>1</v>
      </c>
      <c r="J24302" s="2">
        <v>0</v>
      </c>
      <c r="K24302" s="2">
        <v>0</v>
      </c>
      <c r="L24302" t="s">
        <v>120</v>
      </c>
      <c r="M24302" t="s">
        <v>83</v>
      </c>
      <c r="N24302" t="s">
        <v>84</v>
      </c>
      <c r="O24302" t="s">
        <v>85</v>
      </c>
      <c r="P24302" t="s">
        <v>86</v>
      </c>
      <c r="Q24302">
        <v>17</v>
      </c>
      <c r="R24302">
        <v>17</v>
      </c>
      <c r="S24302">
        <v>17</v>
      </c>
      <c r="T24302">
        <v>18</v>
      </c>
      <c r="U24302">
        <v>18</v>
      </c>
      <c r="V24302">
        <v>18</v>
      </c>
      <c r="W24302">
        <v>18</v>
      </c>
      <c r="X24302">
        <v>19</v>
      </c>
      <c r="Y24302">
        <v>19</v>
      </c>
      <c r="Z24302">
        <v>19</v>
      </c>
      <c r="AA24302">
        <v>19</v>
      </c>
      <c r="AB24302">
        <v>20</v>
      </c>
      <c r="AC24302">
        <v>20</v>
      </c>
      <c r="AD24302">
        <v>20</v>
      </c>
      <c r="AE24302">
        <v>20</v>
      </c>
      <c r="AF24302">
        <v>21</v>
      </c>
      <c r="AG24302">
        <v>21</v>
      </c>
      <c r="AH24302">
        <v>21</v>
      </c>
      <c r="AI24302">
        <v>21</v>
      </c>
      <c r="AJ24302">
        <v>22</v>
      </c>
      <c r="AK24302">
        <v>22</v>
      </c>
      <c r="AL24302">
        <v>22</v>
      </c>
      <c r="AM24302">
        <v>22</v>
      </c>
      <c r="AN24302">
        <v>22</v>
      </c>
      <c r="AO24302">
        <v>22</v>
      </c>
      <c r="AP24302">
        <v>22</v>
      </c>
      <c r="AQ24302">
        <v>22</v>
      </c>
    </row>
    <row r="24303" spans="1:43">
      <c r="A24303" t="s">
        <v>15049</v>
      </c>
      <c r="B24303" t="s">
        <v>15050</v>
      </c>
      <c r="C24303" t="s">
        <v>15035</v>
      </c>
      <c r="D24303" t="s">
        <v>15036</v>
      </c>
      <c r="E24303" t="s">
        <v>14997</v>
      </c>
      <c r="F24303" t="s">
        <v>14998</v>
      </c>
      <c r="G24303" t="s">
        <v>10734</v>
      </c>
      <c r="H24303" t="s">
        <v>10735</v>
      </c>
      <c r="I24303" s="2">
        <v>1</v>
      </c>
      <c r="J24303" s="2">
        <v>0</v>
      </c>
      <c r="K24303" s="2">
        <v>0</v>
      </c>
      <c r="L24303" t="s">
        <v>120</v>
      </c>
      <c r="M24303" t="s">
        <v>87</v>
      </c>
      <c r="N24303" t="s">
        <v>88</v>
      </c>
      <c r="O24303" t="s">
        <v>85</v>
      </c>
      <c r="P24303" t="s">
        <v>86</v>
      </c>
      <c r="Q24303">
        <v>17</v>
      </c>
      <c r="R24303">
        <v>17</v>
      </c>
      <c r="S24303">
        <v>17</v>
      </c>
      <c r="T24303">
        <v>17</v>
      </c>
      <c r="U24303">
        <v>17</v>
      </c>
      <c r="V24303">
        <v>17</v>
      </c>
      <c r="W24303">
        <v>17</v>
      </c>
      <c r="X24303">
        <v>17</v>
      </c>
      <c r="Y24303">
        <v>18</v>
      </c>
      <c r="Z24303">
        <v>18</v>
      </c>
      <c r="AA24303">
        <v>18</v>
      </c>
      <c r="AB24303">
        <v>18</v>
      </c>
      <c r="AC24303">
        <v>18</v>
      </c>
      <c r="AD24303">
        <v>18</v>
      </c>
      <c r="AE24303">
        <v>18</v>
      </c>
      <c r="AF24303">
        <v>18</v>
      </c>
      <c r="AG24303">
        <v>18</v>
      </c>
      <c r="AH24303">
        <v>18</v>
      </c>
      <c r="AI24303">
        <v>19</v>
      </c>
      <c r="AJ24303">
        <v>19</v>
      </c>
      <c r="AK24303">
        <v>19</v>
      </c>
      <c r="AL24303">
        <v>19</v>
      </c>
      <c r="AM24303">
        <v>19</v>
      </c>
      <c r="AN24303">
        <v>19</v>
      </c>
      <c r="AO24303">
        <v>19</v>
      </c>
      <c r="AP24303">
        <v>19</v>
      </c>
      <c r="AQ24303">
        <v>20</v>
      </c>
    </row>
    <row r="24304" spans="1:43">
      <c r="A24304" t="s">
        <v>15049</v>
      </c>
      <c r="B24304" t="s">
        <v>15050</v>
      </c>
      <c r="C24304" t="s">
        <v>15035</v>
      </c>
      <c r="D24304" t="s">
        <v>15036</v>
      </c>
      <c r="E24304" t="s">
        <v>14997</v>
      </c>
      <c r="F24304" t="s">
        <v>14998</v>
      </c>
      <c r="G24304" t="s">
        <v>10734</v>
      </c>
      <c r="H24304" t="s">
        <v>10735</v>
      </c>
      <c r="I24304" s="2">
        <v>1</v>
      </c>
      <c r="J24304" s="2">
        <v>0</v>
      </c>
      <c r="K24304" s="2">
        <v>0</v>
      </c>
      <c r="L24304" t="s">
        <v>120</v>
      </c>
      <c r="M24304" t="s">
        <v>89</v>
      </c>
      <c r="N24304" t="s">
        <v>90</v>
      </c>
      <c r="O24304" t="s">
        <v>85</v>
      </c>
      <c r="P24304" t="s">
        <v>86</v>
      </c>
      <c r="Q24304">
        <v>17</v>
      </c>
      <c r="R24304">
        <v>17</v>
      </c>
      <c r="S24304">
        <v>18</v>
      </c>
      <c r="T24304">
        <v>18</v>
      </c>
      <c r="U24304">
        <v>19</v>
      </c>
      <c r="V24304">
        <v>19</v>
      </c>
      <c r="W24304">
        <v>19</v>
      </c>
      <c r="X24304">
        <v>20</v>
      </c>
      <c r="Y24304">
        <v>20</v>
      </c>
      <c r="Z24304">
        <v>20</v>
      </c>
      <c r="AA24304">
        <v>21</v>
      </c>
      <c r="AB24304">
        <v>21</v>
      </c>
      <c r="AC24304">
        <v>21</v>
      </c>
      <c r="AD24304">
        <v>22</v>
      </c>
      <c r="AE24304">
        <v>22</v>
      </c>
      <c r="AF24304">
        <v>22</v>
      </c>
      <c r="AG24304">
        <v>22</v>
      </c>
      <c r="AH24304">
        <v>22</v>
      </c>
      <c r="AI24304">
        <v>22</v>
      </c>
      <c r="AJ24304">
        <v>22</v>
      </c>
      <c r="AK24304">
        <v>22</v>
      </c>
      <c r="AL24304">
        <v>22</v>
      </c>
      <c r="AM24304">
        <v>22</v>
      </c>
      <c r="AN24304">
        <v>22</v>
      </c>
      <c r="AO24304">
        <v>23</v>
      </c>
      <c r="AP24304">
        <v>23</v>
      </c>
      <c r="AQ24304">
        <v>23</v>
      </c>
    </row>
    <row r="24305" spans="1:43">
      <c r="A24305" t="s">
        <v>15049</v>
      </c>
      <c r="B24305" t="s">
        <v>15050</v>
      </c>
      <c r="C24305" t="s">
        <v>15035</v>
      </c>
      <c r="D24305" t="s">
        <v>15036</v>
      </c>
      <c r="E24305" t="s">
        <v>14997</v>
      </c>
      <c r="F24305" t="s">
        <v>14998</v>
      </c>
      <c r="G24305" t="s">
        <v>10734</v>
      </c>
      <c r="H24305" t="s">
        <v>10735</v>
      </c>
      <c r="I24305" s="2">
        <v>1</v>
      </c>
      <c r="J24305" s="2">
        <v>0</v>
      </c>
      <c r="K24305" s="2">
        <v>0</v>
      </c>
      <c r="L24305" t="s">
        <v>120</v>
      </c>
      <c r="M24305" t="s">
        <v>83</v>
      </c>
      <c r="N24305" t="s">
        <v>91</v>
      </c>
      <c r="O24305" t="s">
        <v>85</v>
      </c>
      <c r="P24305" t="s">
        <v>86</v>
      </c>
      <c r="Q24305">
        <v>17</v>
      </c>
      <c r="R24305">
        <v>17</v>
      </c>
      <c r="S24305">
        <v>17</v>
      </c>
      <c r="T24305">
        <v>18</v>
      </c>
      <c r="U24305">
        <v>18</v>
      </c>
      <c r="V24305">
        <v>18</v>
      </c>
      <c r="W24305">
        <v>18</v>
      </c>
      <c r="X24305">
        <v>19</v>
      </c>
      <c r="Y24305">
        <v>19</v>
      </c>
      <c r="Z24305">
        <v>19</v>
      </c>
      <c r="AA24305">
        <v>19</v>
      </c>
      <c r="AB24305">
        <v>20</v>
      </c>
      <c r="AC24305">
        <v>20</v>
      </c>
      <c r="AD24305">
        <v>20</v>
      </c>
      <c r="AE24305">
        <v>20</v>
      </c>
      <c r="AF24305">
        <v>21</v>
      </c>
      <c r="AG24305">
        <v>21</v>
      </c>
      <c r="AH24305">
        <v>21</v>
      </c>
      <c r="AI24305">
        <v>21</v>
      </c>
      <c r="AJ24305">
        <v>22</v>
      </c>
      <c r="AK24305">
        <v>22</v>
      </c>
      <c r="AL24305">
        <v>22</v>
      </c>
      <c r="AM24305">
        <v>22</v>
      </c>
      <c r="AN24305">
        <v>22</v>
      </c>
      <c r="AO24305">
        <v>22</v>
      </c>
      <c r="AP24305">
        <v>22</v>
      </c>
      <c r="AQ24305">
        <v>22</v>
      </c>
    </row>
    <row r="24306" spans="1:43">
      <c r="A24306" t="s">
        <v>15051</v>
      </c>
      <c r="B24306" t="s">
        <v>15052</v>
      </c>
      <c r="C24306" t="s">
        <v>15029</v>
      </c>
      <c r="D24306" t="s">
        <v>15030</v>
      </c>
      <c r="E24306" t="s">
        <v>14997</v>
      </c>
      <c r="F24306" t="s">
        <v>14998</v>
      </c>
      <c r="G24306" t="s">
        <v>10734</v>
      </c>
      <c r="H24306" t="s">
        <v>10735</v>
      </c>
      <c r="I24306" s="2">
        <v>1</v>
      </c>
      <c r="J24306" s="2">
        <v>0</v>
      </c>
      <c r="K24306" s="2">
        <v>0</v>
      </c>
      <c r="L24306" t="s">
        <v>120</v>
      </c>
      <c r="M24306" t="s">
        <v>83</v>
      </c>
      <c r="N24306" t="s">
        <v>84</v>
      </c>
      <c r="O24306" t="s">
        <v>85</v>
      </c>
      <c r="P24306" t="s">
        <v>86</v>
      </c>
      <c r="Q24306">
        <v>10</v>
      </c>
      <c r="R24306">
        <v>10</v>
      </c>
      <c r="S24306">
        <v>10</v>
      </c>
      <c r="T24306">
        <v>10</v>
      </c>
      <c r="U24306">
        <v>10</v>
      </c>
      <c r="V24306">
        <v>10</v>
      </c>
      <c r="W24306">
        <v>11</v>
      </c>
      <c r="X24306">
        <v>11</v>
      </c>
      <c r="Y24306">
        <v>11</v>
      </c>
      <c r="Z24306">
        <v>11</v>
      </c>
      <c r="AA24306">
        <v>11</v>
      </c>
      <c r="AB24306">
        <v>11</v>
      </c>
      <c r="AC24306">
        <v>11</v>
      </c>
      <c r="AD24306">
        <v>12</v>
      </c>
      <c r="AE24306">
        <v>12</v>
      </c>
      <c r="AF24306">
        <v>12</v>
      </c>
      <c r="AG24306">
        <v>12</v>
      </c>
      <c r="AH24306">
        <v>12</v>
      </c>
      <c r="AI24306">
        <v>12</v>
      </c>
      <c r="AJ24306">
        <v>12</v>
      </c>
      <c r="AK24306">
        <v>13</v>
      </c>
      <c r="AL24306">
        <v>13</v>
      </c>
      <c r="AM24306">
        <v>13</v>
      </c>
      <c r="AN24306">
        <v>13</v>
      </c>
      <c r="AO24306">
        <v>13</v>
      </c>
      <c r="AP24306">
        <v>13</v>
      </c>
      <c r="AQ24306">
        <v>13</v>
      </c>
    </row>
    <row r="24307" spans="1:43">
      <c r="A24307" t="s">
        <v>15051</v>
      </c>
      <c r="B24307" t="s">
        <v>15052</v>
      </c>
      <c r="C24307" t="s">
        <v>15029</v>
      </c>
      <c r="D24307" t="s">
        <v>15030</v>
      </c>
      <c r="E24307" t="s">
        <v>14997</v>
      </c>
      <c r="F24307" t="s">
        <v>14998</v>
      </c>
      <c r="G24307" t="s">
        <v>10734</v>
      </c>
      <c r="H24307" t="s">
        <v>10735</v>
      </c>
      <c r="I24307" s="2">
        <v>1</v>
      </c>
      <c r="J24307" s="2">
        <v>0</v>
      </c>
      <c r="K24307" s="2">
        <v>0</v>
      </c>
      <c r="L24307" t="s">
        <v>120</v>
      </c>
      <c r="M24307" t="s">
        <v>87</v>
      </c>
      <c r="N24307" t="s">
        <v>88</v>
      </c>
      <c r="O24307" t="s">
        <v>85</v>
      </c>
      <c r="P24307" t="s">
        <v>86</v>
      </c>
      <c r="Q24307">
        <v>10</v>
      </c>
      <c r="R24307">
        <v>10</v>
      </c>
      <c r="S24307">
        <v>10</v>
      </c>
      <c r="T24307">
        <v>10</v>
      </c>
      <c r="U24307">
        <v>10</v>
      </c>
      <c r="V24307">
        <v>10</v>
      </c>
      <c r="W24307">
        <v>10</v>
      </c>
      <c r="X24307">
        <v>10</v>
      </c>
      <c r="Y24307">
        <v>10</v>
      </c>
      <c r="Z24307">
        <v>10</v>
      </c>
      <c r="AA24307">
        <v>10</v>
      </c>
      <c r="AB24307">
        <v>10</v>
      </c>
      <c r="AC24307">
        <v>10</v>
      </c>
      <c r="AD24307">
        <v>10</v>
      </c>
      <c r="AE24307">
        <v>10</v>
      </c>
      <c r="AF24307">
        <v>10</v>
      </c>
      <c r="AG24307">
        <v>11</v>
      </c>
      <c r="AH24307">
        <v>11</v>
      </c>
      <c r="AI24307">
        <v>11</v>
      </c>
      <c r="AJ24307">
        <v>11</v>
      </c>
      <c r="AK24307">
        <v>11</v>
      </c>
      <c r="AL24307">
        <v>11</v>
      </c>
      <c r="AM24307">
        <v>11</v>
      </c>
      <c r="AN24307">
        <v>11</v>
      </c>
      <c r="AO24307">
        <v>11</v>
      </c>
      <c r="AP24307">
        <v>11</v>
      </c>
      <c r="AQ24307">
        <v>11</v>
      </c>
    </row>
    <row r="24308" spans="1:43">
      <c r="A24308" t="s">
        <v>15051</v>
      </c>
      <c r="B24308" t="s">
        <v>15052</v>
      </c>
      <c r="C24308" t="s">
        <v>15029</v>
      </c>
      <c r="D24308" t="s">
        <v>15030</v>
      </c>
      <c r="E24308" t="s">
        <v>14997</v>
      </c>
      <c r="F24308" t="s">
        <v>14998</v>
      </c>
      <c r="G24308" t="s">
        <v>10734</v>
      </c>
      <c r="H24308" t="s">
        <v>10735</v>
      </c>
      <c r="I24308" s="2">
        <v>1</v>
      </c>
      <c r="J24308" s="2">
        <v>0</v>
      </c>
      <c r="K24308" s="2">
        <v>0</v>
      </c>
      <c r="L24308" t="s">
        <v>120</v>
      </c>
      <c r="M24308" t="s">
        <v>89</v>
      </c>
      <c r="N24308" t="s">
        <v>90</v>
      </c>
      <c r="O24308" t="s">
        <v>85</v>
      </c>
      <c r="P24308" t="s">
        <v>86</v>
      </c>
      <c r="Q24308">
        <v>10</v>
      </c>
      <c r="R24308">
        <v>10</v>
      </c>
      <c r="S24308">
        <v>10</v>
      </c>
      <c r="T24308">
        <v>11</v>
      </c>
      <c r="U24308">
        <v>11</v>
      </c>
      <c r="V24308">
        <v>11</v>
      </c>
      <c r="W24308">
        <v>11</v>
      </c>
      <c r="X24308">
        <v>11</v>
      </c>
      <c r="Y24308">
        <v>12</v>
      </c>
      <c r="Z24308">
        <v>12</v>
      </c>
      <c r="AA24308">
        <v>12</v>
      </c>
      <c r="AB24308">
        <v>12</v>
      </c>
      <c r="AC24308">
        <v>12</v>
      </c>
      <c r="AD24308">
        <v>12</v>
      </c>
      <c r="AE24308">
        <v>13</v>
      </c>
      <c r="AF24308">
        <v>13</v>
      </c>
      <c r="AG24308">
        <v>13</v>
      </c>
      <c r="AH24308">
        <v>13</v>
      </c>
      <c r="AI24308">
        <v>13</v>
      </c>
      <c r="AJ24308">
        <v>13</v>
      </c>
      <c r="AK24308">
        <v>13</v>
      </c>
      <c r="AL24308">
        <v>13</v>
      </c>
      <c r="AM24308">
        <v>13</v>
      </c>
      <c r="AN24308">
        <v>13</v>
      </c>
      <c r="AO24308">
        <v>13</v>
      </c>
      <c r="AP24308">
        <v>13</v>
      </c>
      <c r="AQ24308">
        <v>13</v>
      </c>
    </row>
    <row r="24309" spans="1:43">
      <c r="A24309" t="s">
        <v>15051</v>
      </c>
      <c r="B24309" t="s">
        <v>15052</v>
      </c>
      <c r="C24309" t="s">
        <v>15029</v>
      </c>
      <c r="D24309" t="s">
        <v>15030</v>
      </c>
      <c r="E24309" t="s">
        <v>14997</v>
      </c>
      <c r="F24309" t="s">
        <v>14998</v>
      </c>
      <c r="G24309" t="s">
        <v>10734</v>
      </c>
      <c r="H24309" t="s">
        <v>10735</v>
      </c>
      <c r="I24309" s="2">
        <v>1</v>
      </c>
      <c r="J24309" s="2">
        <v>0</v>
      </c>
      <c r="K24309" s="2">
        <v>0</v>
      </c>
      <c r="L24309" t="s">
        <v>120</v>
      </c>
      <c r="M24309" t="s">
        <v>83</v>
      </c>
      <c r="N24309" t="s">
        <v>91</v>
      </c>
      <c r="O24309" t="s">
        <v>85</v>
      </c>
      <c r="P24309" t="s">
        <v>86</v>
      </c>
      <c r="Q24309">
        <v>10</v>
      </c>
      <c r="R24309">
        <v>10</v>
      </c>
      <c r="S24309">
        <v>10</v>
      </c>
      <c r="T24309">
        <v>10</v>
      </c>
      <c r="U24309">
        <v>10</v>
      </c>
      <c r="V24309">
        <v>10</v>
      </c>
      <c r="W24309">
        <v>11</v>
      </c>
      <c r="X24309">
        <v>11</v>
      </c>
      <c r="Y24309">
        <v>11</v>
      </c>
      <c r="Z24309">
        <v>11</v>
      </c>
      <c r="AA24309">
        <v>11</v>
      </c>
      <c r="AB24309">
        <v>11</v>
      </c>
      <c r="AC24309">
        <v>11</v>
      </c>
      <c r="AD24309">
        <v>12</v>
      </c>
      <c r="AE24309">
        <v>12</v>
      </c>
      <c r="AF24309">
        <v>12</v>
      </c>
      <c r="AG24309">
        <v>12</v>
      </c>
      <c r="AH24309">
        <v>12</v>
      </c>
      <c r="AI24309">
        <v>12</v>
      </c>
      <c r="AJ24309">
        <v>12</v>
      </c>
      <c r="AK24309">
        <v>13</v>
      </c>
      <c r="AL24309">
        <v>13</v>
      </c>
      <c r="AM24309">
        <v>13</v>
      </c>
      <c r="AN24309">
        <v>13</v>
      </c>
      <c r="AO24309">
        <v>13</v>
      </c>
      <c r="AP24309">
        <v>13</v>
      </c>
      <c r="AQ24309">
        <v>13</v>
      </c>
    </row>
    <row r="24310" spans="1:43">
      <c r="A24310" t="s">
        <v>15053</v>
      </c>
      <c r="B24310" t="s">
        <v>15054</v>
      </c>
      <c r="C24310" t="s">
        <v>15035</v>
      </c>
      <c r="D24310" t="s">
        <v>15036</v>
      </c>
      <c r="E24310" t="s">
        <v>14997</v>
      </c>
      <c r="F24310" t="s">
        <v>14998</v>
      </c>
      <c r="G24310" t="s">
        <v>10734</v>
      </c>
      <c r="H24310" t="s">
        <v>10735</v>
      </c>
      <c r="I24310" s="2">
        <v>1</v>
      </c>
      <c r="J24310" s="2">
        <v>0</v>
      </c>
      <c r="K24310" s="2">
        <v>0</v>
      </c>
      <c r="L24310" t="s">
        <v>120</v>
      </c>
      <c r="M24310" t="s">
        <v>83</v>
      </c>
      <c r="N24310" t="s">
        <v>84</v>
      </c>
      <c r="O24310" t="s">
        <v>85</v>
      </c>
      <c r="P24310" t="s">
        <v>86</v>
      </c>
      <c r="Q24310">
        <v>7</v>
      </c>
      <c r="R24310">
        <v>7</v>
      </c>
      <c r="S24310">
        <v>7</v>
      </c>
      <c r="T24310">
        <v>7</v>
      </c>
      <c r="U24310">
        <v>7</v>
      </c>
      <c r="V24310">
        <v>7</v>
      </c>
      <c r="W24310">
        <v>7</v>
      </c>
      <c r="X24310">
        <v>7</v>
      </c>
      <c r="Y24310">
        <v>8</v>
      </c>
      <c r="Z24310">
        <v>8</v>
      </c>
      <c r="AA24310">
        <v>8</v>
      </c>
      <c r="AB24310">
        <v>8</v>
      </c>
      <c r="AC24310">
        <v>8</v>
      </c>
      <c r="AD24310">
        <v>8</v>
      </c>
      <c r="AE24310">
        <v>8</v>
      </c>
      <c r="AF24310">
        <v>8</v>
      </c>
      <c r="AG24310">
        <v>8</v>
      </c>
      <c r="AH24310">
        <v>8</v>
      </c>
      <c r="AI24310">
        <v>9</v>
      </c>
      <c r="AJ24310">
        <v>9</v>
      </c>
      <c r="AK24310">
        <v>9</v>
      </c>
      <c r="AL24310">
        <v>9</v>
      </c>
      <c r="AM24310">
        <v>9</v>
      </c>
      <c r="AN24310">
        <v>9</v>
      </c>
      <c r="AO24310">
        <v>9</v>
      </c>
      <c r="AP24310">
        <v>9</v>
      </c>
      <c r="AQ24310">
        <v>9</v>
      </c>
    </row>
    <row r="24311" spans="1:43">
      <c r="A24311" t="s">
        <v>15053</v>
      </c>
      <c r="B24311" t="s">
        <v>15054</v>
      </c>
      <c r="C24311" t="s">
        <v>15035</v>
      </c>
      <c r="D24311" t="s">
        <v>15036</v>
      </c>
      <c r="E24311" t="s">
        <v>14997</v>
      </c>
      <c r="F24311" t="s">
        <v>14998</v>
      </c>
      <c r="G24311" t="s">
        <v>10734</v>
      </c>
      <c r="H24311" t="s">
        <v>10735</v>
      </c>
      <c r="I24311" s="2">
        <v>1</v>
      </c>
      <c r="J24311" s="2">
        <v>0</v>
      </c>
      <c r="K24311" s="2">
        <v>0</v>
      </c>
      <c r="L24311" t="s">
        <v>120</v>
      </c>
      <c r="M24311" t="s">
        <v>87</v>
      </c>
      <c r="N24311" t="s">
        <v>88</v>
      </c>
      <c r="O24311" t="s">
        <v>85</v>
      </c>
      <c r="P24311" t="s">
        <v>86</v>
      </c>
      <c r="Q24311">
        <v>7</v>
      </c>
      <c r="R24311">
        <v>7</v>
      </c>
      <c r="S24311">
        <v>7</v>
      </c>
      <c r="T24311">
        <v>7</v>
      </c>
      <c r="U24311">
        <v>7</v>
      </c>
      <c r="V24311">
        <v>7</v>
      </c>
      <c r="W24311">
        <v>7</v>
      </c>
      <c r="X24311">
        <v>7</v>
      </c>
      <c r="Y24311">
        <v>7</v>
      </c>
      <c r="Z24311">
        <v>7</v>
      </c>
      <c r="AA24311">
        <v>7</v>
      </c>
      <c r="AB24311">
        <v>7</v>
      </c>
      <c r="AC24311">
        <v>7</v>
      </c>
      <c r="AD24311">
        <v>7</v>
      </c>
      <c r="AE24311">
        <v>7</v>
      </c>
      <c r="AF24311">
        <v>7</v>
      </c>
      <c r="AG24311">
        <v>7</v>
      </c>
      <c r="AH24311">
        <v>7</v>
      </c>
      <c r="AI24311">
        <v>7</v>
      </c>
      <c r="AJ24311">
        <v>7</v>
      </c>
      <c r="AK24311">
        <v>7</v>
      </c>
      <c r="AL24311">
        <v>8</v>
      </c>
      <c r="AM24311">
        <v>8</v>
      </c>
      <c r="AN24311">
        <v>8</v>
      </c>
      <c r="AO24311">
        <v>8</v>
      </c>
      <c r="AP24311">
        <v>8</v>
      </c>
      <c r="AQ24311">
        <v>8</v>
      </c>
    </row>
    <row r="24312" spans="1:43">
      <c r="A24312" t="s">
        <v>15053</v>
      </c>
      <c r="B24312" t="s">
        <v>15054</v>
      </c>
      <c r="C24312" t="s">
        <v>15035</v>
      </c>
      <c r="D24312" t="s">
        <v>15036</v>
      </c>
      <c r="E24312" t="s">
        <v>14997</v>
      </c>
      <c r="F24312" t="s">
        <v>14998</v>
      </c>
      <c r="G24312" t="s">
        <v>10734</v>
      </c>
      <c r="H24312" t="s">
        <v>10735</v>
      </c>
      <c r="I24312" s="2">
        <v>1</v>
      </c>
      <c r="J24312" s="2">
        <v>0</v>
      </c>
      <c r="K24312" s="2">
        <v>0</v>
      </c>
      <c r="L24312" t="s">
        <v>120</v>
      </c>
      <c r="M24312" t="s">
        <v>89</v>
      </c>
      <c r="N24312" t="s">
        <v>90</v>
      </c>
      <c r="O24312" t="s">
        <v>85</v>
      </c>
      <c r="P24312" t="s">
        <v>86</v>
      </c>
      <c r="Q24312">
        <v>7</v>
      </c>
      <c r="R24312">
        <v>7</v>
      </c>
      <c r="S24312">
        <v>7</v>
      </c>
      <c r="T24312">
        <v>7</v>
      </c>
      <c r="U24312">
        <v>7</v>
      </c>
      <c r="V24312">
        <v>8</v>
      </c>
      <c r="W24312">
        <v>8</v>
      </c>
      <c r="X24312">
        <v>8</v>
      </c>
      <c r="Y24312">
        <v>8</v>
      </c>
      <c r="Z24312">
        <v>8</v>
      </c>
      <c r="AA24312">
        <v>8</v>
      </c>
      <c r="AB24312">
        <v>8</v>
      </c>
      <c r="AC24312">
        <v>8</v>
      </c>
      <c r="AD24312">
        <v>9</v>
      </c>
      <c r="AE24312">
        <v>9</v>
      </c>
      <c r="AF24312">
        <v>9</v>
      </c>
      <c r="AG24312">
        <v>9</v>
      </c>
      <c r="AH24312">
        <v>9</v>
      </c>
      <c r="AI24312">
        <v>9</v>
      </c>
      <c r="AJ24312">
        <v>9</v>
      </c>
      <c r="AK24312">
        <v>9</v>
      </c>
      <c r="AL24312">
        <v>9</v>
      </c>
      <c r="AM24312">
        <v>9</v>
      </c>
      <c r="AN24312">
        <v>9</v>
      </c>
      <c r="AO24312">
        <v>9</v>
      </c>
      <c r="AP24312">
        <v>9</v>
      </c>
      <c r="AQ24312">
        <v>9</v>
      </c>
    </row>
    <row r="24313" spans="1:43">
      <c r="A24313" t="s">
        <v>15053</v>
      </c>
      <c r="B24313" t="s">
        <v>15054</v>
      </c>
      <c r="C24313" t="s">
        <v>15035</v>
      </c>
      <c r="D24313" t="s">
        <v>15036</v>
      </c>
      <c r="E24313" t="s">
        <v>14997</v>
      </c>
      <c r="F24313" t="s">
        <v>14998</v>
      </c>
      <c r="G24313" t="s">
        <v>10734</v>
      </c>
      <c r="H24313" t="s">
        <v>10735</v>
      </c>
      <c r="I24313" s="2">
        <v>1</v>
      </c>
      <c r="J24313" s="2">
        <v>0</v>
      </c>
      <c r="K24313" s="2">
        <v>0</v>
      </c>
      <c r="L24313" t="s">
        <v>120</v>
      </c>
      <c r="M24313" t="s">
        <v>83</v>
      </c>
      <c r="N24313" t="s">
        <v>91</v>
      </c>
      <c r="O24313" t="s">
        <v>85</v>
      </c>
      <c r="P24313" t="s">
        <v>86</v>
      </c>
      <c r="Q24313">
        <v>7</v>
      </c>
      <c r="R24313">
        <v>7</v>
      </c>
      <c r="S24313">
        <v>7</v>
      </c>
      <c r="T24313">
        <v>7</v>
      </c>
      <c r="U24313">
        <v>7</v>
      </c>
      <c r="V24313">
        <v>7</v>
      </c>
      <c r="W24313">
        <v>7</v>
      </c>
      <c r="X24313">
        <v>7</v>
      </c>
      <c r="Y24313">
        <v>8</v>
      </c>
      <c r="Z24313">
        <v>8</v>
      </c>
      <c r="AA24313">
        <v>8</v>
      </c>
      <c r="AB24313">
        <v>8</v>
      </c>
      <c r="AC24313">
        <v>8</v>
      </c>
      <c r="AD24313">
        <v>8</v>
      </c>
      <c r="AE24313">
        <v>8</v>
      </c>
      <c r="AF24313">
        <v>8</v>
      </c>
      <c r="AG24313">
        <v>8</v>
      </c>
      <c r="AH24313">
        <v>8</v>
      </c>
      <c r="AI24313">
        <v>9</v>
      </c>
      <c r="AJ24313">
        <v>9</v>
      </c>
      <c r="AK24313">
        <v>9</v>
      </c>
      <c r="AL24313">
        <v>9</v>
      </c>
      <c r="AM24313">
        <v>9</v>
      </c>
      <c r="AN24313">
        <v>9</v>
      </c>
      <c r="AO24313">
        <v>9</v>
      </c>
      <c r="AP24313">
        <v>9</v>
      </c>
      <c r="AQ24313">
        <v>9</v>
      </c>
    </row>
    <row r="24314" spans="1:43">
      <c r="A24314" t="s">
        <v>15055</v>
      </c>
      <c r="B24314" t="s">
        <v>15056</v>
      </c>
      <c r="C24314" t="s">
        <v>15029</v>
      </c>
      <c r="D24314" t="s">
        <v>15030</v>
      </c>
      <c r="E24314" t="s">
        <v>14997</v>
      </c>
      <c r="F24314" t="s">
        <v>14998</v>
      </c>
      <c r="G24314" t="s">
        <v>10734</v>
      </c>
      <c r="H24314" t="s">
        <v>10735</v>
      </c>
      <c r="I24314" s="2">
        <v>1</v>
      </c>
      <c r="J24314" s="2">
        <v>0</v>
      </c>
      <c r="K24314" s="2">
        <v>0</v>
      </c>
      <c r="L24314" t="s">
        <v>120</v>
      </c>
      <c r="M24314" t="s">
        <v>83</v>
      </c>
      <c r="N24314" t="s">
        <v>84</v>
      </c>
      <c r="O24314" t="s">
        <v>85</v>
      </c>
      <c r="P24314" t="s">
        <v>86</v>
      </c>
      <c r="Q24314">
        <v>4</v>
      </c>
      <c r="R24314">
        <v>4</v>
      </c>
      <c r="S24314">
        <v>4</v>
      </c>
      <c r="T24314">
        <v>4</v>
      </c>
      <c r="U24314">
        <v>5</v>
      </c>
      <c r="V24314">
        <v>5</v>
      </c>
      <c r="W24314">
        <v>5</v>
      </c>
      <c r="X24314">
        <v>5</v>
      </c>
      <c r="Y24314">
        <v>5</v>
      </c>
      <c r="Z24314">
        <v>5</v>
      </c>
      <c r="AA24314">
        <v>5</v>
      </c>
      <c r="AB24314">
        <v>5</v>
      </c>
      <c r="AC24314">
        <v>5</v>
      </c>
      <c r="AD24314">
        <v>5</v>
      </c>
      <c r="AE24314">
        <v>5</v>
      </c>
      <c r="AF24314">
        <v>5</v>
      </c>
      <c r="AG24314">
        <v>5</v>
      </c>
      <c r="AH24314">
        <v>5</v>
      </c>
      <c r="AI24314">
        <v>5</v>
      </c>
      <c r="AJ24314">
        <v>5</v>
      </c>
      <c r="AK24314">
        <v>6</v>
      </c>
      <c r="AL24314">
        <v>6</v>
      </c>
      <c r="AM24314">
        <v>6</v>
      </c>
      <c r="AN24314">
        <v>6</v>
      </c>
      <c r="AO24314">
        <v>6</v>
      </c>
      <c r="AP24314">
        <v>6</v>
      </c>
      <c r="AQ24314">
        <v>6</v>
      </c>
    </row>
    <row r="24315" spans="1:43">
      <c r="A24315" t="s">
        <v>15055</v>
      </c>
      <c r="B24315" t="s">
        <v>15056</v>
      </c>
      <c r="C24315" t="s">
        <v>15029</v>
      </c>
      <c r="D24315" t="s">
        <v>15030</v>
      </c>
      <c r="E24315" t="s">
        <v>14997</v>
      </c>
      <c r="F24315" t="s">
        <v>14998</v>
      </c>
      <c r="G24315" t="s">
        <v>10734</v>
      </c>
      <c r="H24315" t="s">
        <v>10735</v>
      </c>
      <c r="I24315" s="2">
        <v>1</v>
      </c>
      <c r="J24315" s="2">
        <v>0</v>
      </c>
      <c r="K24315" s="2">
        <v>0</v>
      </c>
      <c r="L24315" t="s">
        <v>120</v>
      </c>
      <c r="M24315" t="s">
        <v>87</v>
      </c>
      <c r="N24315" t="s">
        <v>88</v>
      </c>
      <c r="O24315" t="s">
        <v>85</v>
      </c>
      <c r="P24315" t="s">
        <v>86</v>
      </c>
      <c r="Q24315">
        <v>4</v>
      </c>
      <c r="R24315">
        <v>4</v>
      </c>
      <c r="S24315">
        <v>4</v>
      </c>
      <c r="T24315">
        <v>4</v>
      </c>
      <c r="U24315">
        <v>4</v>
      </c>
      <c r="V24315">
        <v>4</v>
      </c>
      <c r="W24315">
        <v>4</v>
      </c>
      <c r="X24315">
        <v>4</v>
      </c>
      <c r="Y24315">
        <v>4</v>
      </c>
      <c r="Z24315">
        <v>4</v>
      </c>
      <c r="AA24315">
        <v>4</v>
      </c>
      <c r="AB24315">
        <v>5</v>
      </c>
      <c r="AC24315">
        <v>5</v>
      </c>
      <c r="AD24315">
        <v>5</v>
      </c>
      <c r="AE24315">
        <v>5</v>
      </c>
      <c r="AF24315">
        <v>5</v>
      </c>
      <c r="AG24315">
        <v>5</v>
      </c>
      <c r="AH24315">
        <v>5</v>
      </c>
      <c r="AI24315">
        <v>5</v>
      </c>
      <c r="AJ24315">
        <v>5</v>
      </c>
      <c r="AK24315">
        <v>5</v>
      </c>
      <c r="AL24315">
        <v>5</v>
      </c>
      <c r="AM24315">
        <v>5</v>
      </c>
      <c r="AN24315">
        <v>5</v>
      </c>
      <c r="AO24315">
        <v>5</v>
      </c>
      <c r="AP24315">
        <v>5</v>
      </c>
      <c r="AQ24315">
        <v>5</v>
      </c>
    </row>
    <row r="24316" spans="1:43">
      <c r="A24316" t="s">
        <v>15055</v>
      </c>
      <c r="B24316" t="s">
        <v>15056</v>
      </c>
      <c r="C24316" t="s">
        <v>15029</v>
      </c>
      <c r="D24316" t="s">
        <v>15030</v>
      </c>
      <c r="E24316" t="s">
        <v>14997</v>
      </c>
      <c r="F24316" t="s">
        <v>14998</v>
      </c>
      <c r="G24316" t="s">
        <v>10734</v>
      </c>
      <c r="H24316" t="s">
        <v>10735</v>
      </c>
      <c r="I24316" s="2">
        <v>1</v>
      </c>
      <c r="J24316" s="2">
        <v>0</v>
      </c>
      <c r="K24316" s="2">
        <v>0</v>
      </c>
      <c r="L24316" t="s">
        <v>120</v>
      </c>
      <c r="M24316" t="s">
        <v>89</v>
      </c>
      <c r="N24316" t="s">
        <v>90</v>
      </c>
      <c r="O24316" t="s">
        <v>85</v>
      </c>
      <c r="P24316" t="s">
        <v>86</v>
      </c>
      <c r="Q24316">
        <v>4</v>
      </c>
      <c r="R24316">
        <v>4</v>
      </c>
      <c r="S24316">
        <v>5</v>
      </c>
      <c r="T24316">
        <v>5</v>
      </c>
      <c r="U24316">
        <v>5</v>
      </c>
      <c r="V24316">
        <v>5</v>
      </c>
      <c r="W24316">
        <v>5</v>
      </c>
      <c r="X24316">
        <v>5</v>
      </c>
      <c r="Y24316">
        <v>5</v>
      </c>
      <c r="Z24316">
        <v>5</v>
      </c>
      <c r="AA24316">
        <v>5</v>
      </c>
      <c r="AB24316">
        <v>5</v>
      </c>
      <c r="AC24316">
        <v>5</v>
      </c>
      <c r="AD24316">
        <v>5</v>
      </c>
      <c r="AE24316">
        <v>6</v>
      </c>
      <c r="AF24316">
        <v>6</v>
      </c>
      <c r="AG24316">
        <v>6</v>
      </c>
      <c r="AH24316">
        <v>6</v>
      </c>
      <c r="AI24316">
        <v>6</v>
      </c>
      <c r="AJ24316">
        <v>6</v>
      </c>
      <c r="AK24316">
        <v>6</v>
      </c>
      <c r="AL24316">
        <v>6</v>
      </c>
      <c r="AM24316">
        <v>6</v>
      </c>
      <c r="AN24316">
        <v>6</v>
      </c>
      <c r="AO24316">
        <v>6</v>
      </c>
      <c r="AP24316">
        <v>6</v>
      </c>
      <c r="AQ24316">
        <v>6</v>
      </c>
    </row>
    <row r="24317" spans="1:43">
      <c r="A24317" t="s">
        <v>15055</v>
      </c>
      <c r="B24317" t="s">
        <v>15056</v>
      </c>
      <c r="C24317" t="s">
        <v>15029</v>
      </c>
      <c r="D24317" t="s">
        <v>15030</v>
      </c>
      <c r="E24317" t="s">
        <v>14997</v>
      </c>
      <c r="F24317" t="s">
        <v>14998</v>
      </c>
      <c r="G24317" t="s">
        <v>10734</v>
      </c>
      <c r="H24317" t="s">
        <v>10735</v>
      </c>
      <c r="I24317" s="2">
        <v>1</v>
      </c>
      <c r="J24317" s="2">
        <v>0</v>
      </c>
      <c r="K24317" s="2">
        <v>0</v>
      </c>
      <c r="L24317" t="s">
        <v>120</v>
      </c>
      <c r="M24317" t="s">
        <v>83</v>
      </c>
      <c r="N24317" t="s">
        <v>91</v>
      </c>
      <c r="O24317" t="s">
        <v>85</v>
      </c>
      <c r="P24317" t="s">
        <v>86</v>
      </c>
      <c r="Q24317">
        <v>4</v>
      </c>
      <c r="R24317">
        <v>4</v>
      </c>
      <c r="S24317">
        <v>4</v>
      </c>
      <c r="T24317">
        <v>4</v>
      </c>
      <c r="U24317">
        <v>5</v>
      </c>
      <c r="V24317">
        <v>5</v>
      </c>
      <c r="W24317">
        <v>5</v>
      </c>
      <c r="X24317">
        <v>5</v>
      </c>
      <c r="Y24317">
        <v>5</v>
      </c>
      <c r="Z24317">
        <v>5</v>
      </c>
      <c r="AA24317">
        <v>5</v>
      </c>
      <c r="AB24317">
        <v>5</v>
      </c>
      <c r="AC24317">
        <v>5</v>
      </c>
      <c r="AD24317">
        <v>5</v>
      </c>
      <c r="AE24317">
        <v>5</v>
      </c>
      <c r="AF24317">
        <v>5</v>
      </c>
      <c r="AG24317">
        <v>5</v>
      </c>
      <c r="AH24317">
        <v>5</v>
      </c>
      <c r="AI24317">
        <v>5</v>
      </c>
      <c r="AJ24317">
        <v>5</v>
      </c>
      <c r="AK24317">
        <v>6</v>
      </c>
      <c r="AL24317">
        <v>6</v>
      </c>
      <c r="AM24317">
        <v>6</v>
      </c>
      <c r="AN24317">
        <v>6</v>
      </c>
      <c r="AO24317">
        <v>6</v>
      </c>
      <c r="AP24317">
        <v>6</v>
      </c>
      <c r="AQ24317">
        <v>6</v>
      </c>
    </row>
    <row r="24318" spans="1:43">
      <c r="A24318" t="s">
        <v>15057</v>
      </c>
      <c r="B24318" t="s">
        <v>15058</v>
      </c>
      <c r="C24318" t="s">
        <v>15059</v>
      </c>
      <c r="D24318" t="s">
        <v>15060</v>
      </c>
      <c r="E24318" t="s">
        <v>14997</v>
      </c>
      <c r="F24318" t="s">
        <v>14998</v>
      </c>
      <c r="G24318" t="s">
        <v>10734</v>
      </c>
      <c r="H24318" t="s">
        <v>10735</v>
      </c>
      <c r="I24318" s="2">
        <v>1</v>
      </c>
      <c r="J24318" s="2">
        <v>0</v>
      </c>
      <c r="K24318" s="2">
        <v>0</v>
      </c>
      <c r="L24318" t="s">
        <v>120</v>
      </c>
      <c r="M24318" t="s">
        <v>83</v>
      </c>
      <c r="N24318" t="s">
        <v>84</v>
      </c>
      <c r="O24318" t="s">
        <v>85</v>
      </c>
      <c r="P24318" t="s">
        <v>86</v>
      </c>
      <c r="Q24318">
        <v>32</v>
      </c>
      <c r="R24318">
        <v>33</v>
      </c>
      <c r="S24318">
        <v>33</v>
      </c>
      <c r="T24318">
        <v>34</v>
      </c>
      <c r="U24318">
        <v>34</v>
      </c>
      <c r="V24318">
        <v>34</v>
      </c>
      <c r="W24318">
        <v>35</v>
      </c>
      <c r="X24318">
        <v>35</v>
      </c>
      <c r="Y24318">
        <v>36</v>
      </c>
      <c r="Z24318">
        <v>36</v>
      </c>
      <c r="AA24318">
        <v>37</v>
      </c>
      <c r="AB24318">
        <v>37</v>
      </c>
      <c r="AC24318">
        <v>38</v>
      </c>
      <c r="AD24318">
        <v>38</v>
      </c>
      <c r="AE24318">
        <v>39</v>
      </c>
      <c r="AF24318">
        <v>39</v>
      </c>
      <c r="AG24318">
        <v>40</v>
      </c>
      <c r="AH24318">
        <v>40</v>
      </c>
      <c r="AI24318">
        <v>41</v>
      </c>
      <c r="AJ24318">
        <v>41</v>
      </c>
      <c r="AK24318">
        <v>42</v>
      </c>
      <c r="AL24318">
        <v>42</v>
      </c>
      <c r="AM24318">
        <v>42</v>
      </c>
      <c r="AN24318">
        <v>42</v>
      </c>
      <c r="AO24318">
        <v>42</v>
      </c>
      <c r="AP24318">
        <v>42</v>
      </c>
      <c r="AQ24318">
        <v>42</v>
      </c>
    </row>
    <row r="24319" spans="1:43">
      <c r="A24319" t="s">
        <v>15057</v>
      </c>
      <c r="B24319" t="s">
        <v>15058</v>
      </c>
      <c r="C24319" t="s">
        <v>15059</v>
      </c>
      <c r="D24319" t="s">
        <v>15060</v>
      </c>
      <c r="E24319" t="s">
        <v>14997</v>
      </c>
      <c r="F24319" t="s">
        <v>14998</v>
      </c>
      <c r="G24319" t="s">
        <v>10734</v>
      </c>
      <c r="H24319" t="s">
        <v>10735</v>
      </c>
      <c r="I24319" s="2">
        <v>1</v>
      </c>
      <c r="J24319" s="2">
        <v>0</v>
      </c>
      <c r="K24319" s="2">
        <v>0</v>
      </c>
      <c r="L24319" t="s">
        <v>120</v>
      </c>
      <c r="M24319" t="s">
        <v>87</v>
      </c>
      <c r="N24319" t="s">
        <v>88</v>
      </c>
      <c r="O24319" t="s">
        <v>85</v>
      </c>
      <c r="P24319" t="s">
        <v>86</v>
      </c>
      <c r="Q24319">
        <v>32</v>
      </c>
      <c r="R24319">
        <v>32</v>
      </c>
      <c r="S24319">
        <v>32</v>
      </c>
      <c r="T24319">
        <v>32</v>
      </c>
      <c r="U24319">
        <v>32</v>
      </c>
      <c r="V24319">
        <v>33</v>
      </c>
      <c r="W24319">
        <v>33</v>
      </c>
      <c r="X24319">
        <v>33</v>
      </c>
      <c r="Y24319">
        <v>33</v>
      </c>
      <c r="Z24319">
        <v>33</v>
      </c>
      <c r="AA24319">
        <v>34</v>
      </c>
      <c r="AB24319">
        <v>34</v>
      </c>
      <c r="AC24319">
        <v>34</v>
      </c>
      <c r="AD24319">
        <v>34</v>
      </c>
      <c r="AE24319">
        <v>34</v>
      </c>
      <c r="AF24319">
        <v>34</v>
      </c>
      <c r="AG24319">
        <v>35</v>
      </c>
      <c r="AH24319">
        <v>35</v>
      </c>
      <c r="AI24319">
        <v>35</v>
      </c>
      <c r="AJ24319">
        <v>35</v>
      </c>
      <c r="AK24319">
        <v>35</v>
      </c>
      <c r="AL24319">
        <v>36</v>
      </c>
      <c r="AM24319">
        <v>36</v>
      </c>
      <c r="AN24319">
        <v>36</v>
      </c>
      <c r="AO24319">
        <v>36</v>
      </c>
      <c r="AP24319">
        <v>37</v>
      </c>
      <c r="AQ24319">
        <v>37</v>
      </c>
    </row>
    <row r="24320" spans="1:43">
      <c r="A24320" t="s">
        <v>15057</v>
      </c>
      <c r="B24320" t="s">
        <v>15058</v>
      </c>
      <c r="C24320" t="s">
        <v>15059</v>
      </c>
      <c r="D24320" t="s">
        <v>15060</v>
      </c>
      <c r="E24320" t="s">
        <v>14997</v>
      </c>
      <c r="F24320" t="s">
        <v>14998</v>
      </c>
      <c r="G24320" t="s">
        <v>10734</v>
      </c>
      <c r="H24320" t="s">
        <v>10735</v>
      </c>
      <c r="I24320" s="2">
        <v>1</v>
      </c>
      <c r="J24320" s="2">
        <v>0</v>
      </c>
      <c r="K24320" s="2">
        <v>0</v>
      </c>
      <c r="L24320" t="s">
        <v>120</v>
      </c>
      <c r="M24320" t="s">
        <v>89</v>
      </c>
      <c r="N24320" t="s">
        <v>90</v>
      </c>
      <c r="O24320" t="s">
        <v>85</v>
      </c>
      <c r="P24320" t="s">
        <v>86</v>
      </c>
      <c r="Q24320">
        <v>32</v>
      </c>
      <c r="R24320">
        <v>33</v>
      </c>
      <c r="S24320">
        <v>34</v>
      </c>
      <c r="T24320">
        <v>35</v>
      </c>
      <c r="U24320">
        <v>35</v>
      </c>
      <c r="V24320">
        <v>36</v>
      </c>
      <c r="W24320">
        <v>37</v>
      </c>
      <c r="X24320">
        <v>37</v>
      </c>
      <c r="Y24320">
        <v>38</v>
      </c>
      <c r="Z24320">
        <v>39</v>
      </c>
      <c r="AA24320">
        <v>39</v>
      </c>
      <c r="AB24320">
        <v>40</v>
      </c>
      <c r="AC24320">
        <v>40</v>
      </c>
      <c r="AD24320">
        <v>41</v>
      </c>
      <c r="AE24320">
        <v>41</v>
      </c>
      <c r="AF24320">
        <v>42</v>
      </c>
      <c r="AG24320">
        <v>42</v>
      </c>
      <c r="AH24320">
        <v>42</v>
      </c>
      <c r="AI24320">
        <v>42</v>
      </c>
      <c r="AJ24320">
        <v>42</v>
      </c>
      <c r="AK24320">
        <v>42</v>
      </c>
      <c r="AL24320">
        <v>42</v>
      </c>
      <c r="AM24320">
        <v>42</v>
      </c>
      <c r="AN24320">
        <v>42</v>
      </c>
      <c r="AO24320">
        <v>43</v>
      </c>
      <c r="AP24320">
        <v>43</v>
      </c>
      <c r="AQ24320">
        <v>43</v>
      </c>
    </row>
    <row r="24321" spans="1:43">
      <c r="A24321" t="s">
        <v>15057</v>
      </c>
      <c r="B24321" t="s">
        <v>15058</v>
      </c>
      <c r="C24321" t="s">
        <v>15059</v>
      </c>
      <c r="D24321" t="s">
        <v>15060</v>
      </c>
      <c r="E24321" t="s">
        <v>14997</v>
      </c>
      <c r="F24321" t="s">
        <v>14998</v>
      </c>
      <c r="G24321" t="s">
        <v>10734</v>
      </c>
      <c r="H24321" t="s">
        <v>10735</v>
      </c>
      <c r="I24321" s="2">
        <v>1</v>
      </c>
      <c r="J24321" s="2">
        <v>0</v>
      </c>
      <c r="K24321" s="2">
        <v>0</v>
      </c>
      <c r="L24321" t="s">
        <v>120</v>
      </c>
      <c r="M24321" t="s">
        <v>83</v>
      </c>
      <c r="N24321" t="s">
        <v>91</v>
      </c>
      <c r="O24321" t="s">
        <v>85</v>
      </c>
      <c r="P24321" t="s">
        <v>86</v>
      </c>
      <c r="Q24321">
        <v>32</v>
      </c>
      <c r="R24321">
        <v>33</v>
      </c>
      <c r="S24321">
        <v>33</v>
      </c>
      <c r="T24321">
        <v>34</v>
      </c>
      <c r="U24321">
        <v>34</v>
      </c>
      <c r="V24321">
        <v>34</v>
      </c>
      <c r="W24321">
        <v>35</v>
      </c>
      <c r="X24321">
        <v>35</v>
      </c>
      <c r="Y24321">
        <v>36</v>
      </c>
      <c r="Z24321">
        <v>36</v>
      </c>
      <c r="AA24321">
        <v>37</v>
      </c>
      <c r="AB24321">
        <v>37</v>
      </c>
      <c r="AC24321">
        <v>38</v>
      </c>
      <c r="AD24321">
        <v>38</v>
      </c>
      <c r="AE24321">
        <v>39</v>
      </c>
      <c r="AF24321">
        <v>39</v>
      </c>
      <c r="AG24321">
        <v>40</v>
      </c>
      <c r="AH24321">
        <v>40</v>
      </c>
      <c r="AI24321">
        <v>41</v>
      </c>
      <c r="AJ24321">
        <v>41</v>
      </c>
      <c r="AK24321">
        <v>42</v>
      </c>
      <c r="AL24321">
        <v>42</v>
      </c>
      <c r="AM24321">
        <v>42</v>
      </c>
      <c r="AN24321">
        <v>42</v>
      </c>
      <c r="AO24321">
        <v>42</v>
      </c>
      <c r="AP24321">
        <v>42</v>
      </c>
      <c r="AQ24321">
        <v>42</v>
      </c>
    </row>
    <row r="24322" spans="1:43">
      <c r="A24322" t="s">
        <v>15061</v>
      </c>
      <c r="B24322" t="s">
        <v>15062</v>
      </c>
      <c r="C24322" t="s">
        <v>15059</v>
      </c>
      <c r="D24322" t="s">
        <v>15060</v>
      </c>
      <c r="E24322" t="s">
        <v>14997</v>
      </c>
      <c r="F24322" t="s">
        <v>14998</v>
      </c>
      <c r="G24322" t="s">
        <v>10734</v>
      </c>
      <c r="H24322" t="s">
        <v>10735</v>
      </c>
      <c r="I24322" s="2">
        <v>1</v>
      </c>
      <c r="J24322" s="2">
        <v>0</v>
      </c>
      <c r="K24322" s="2">
        <v>0</v>
      </c>
      <c r="L24322" t="s">
        <v>120</v>
      </c>
      <c r="M24322" t="s">
        <v>83</v>
      </c>
      <c r="N24322" t="s">
        <v>84</v>
      </c>
      <c r="O24322" t="s">
        <v>85</v>
      </c>
      <c r="P24322" t="s">
        <v>86</v>
      </c>
      <c r="Q24322">
        <v>78</v>
      </c>
      <c r="R24322">
        <v>79</v>
      </c>
      <c r="S24322">
        <v>80</v>
      </c>
      <c r="T24322">
        <v>82</v>
      </c>
      <c r="U24322">
        <v>83</v>
      </c>
      <c r="V24322">
        <v>84</v>
      </c>
      <c r="W24322">
        <v>85</v>
      </c>
      <c r="X24322">
        <v>86</v>
      </c>
      <c r="Y24322">
        <v>87</v>
      </c>
      <c r="Z24322">
        <v>88</v>
      </c>
      <c r="AA24322">
        <v>89</v>
      </c>
      <c r="AB24322">
        <v>91</v>
      </c>
      <c r="AC24322">
        <v>92</v>
      </c>
      <c r="AD24322">
        <v>93</v>
      </c>
      <c r="AE24322">
        <v>94</v>
      </c>
      <c r="AF24322">
        <v>95</v>
      </c>
      <c r="AG24322">
        <v>96</v>
      </c>
      <c r="AH24322">
        <v>98</v>
      </c>
      <c r="AI24322">
        <v>99</v>
      </c>
      <c r="AJ24322">
        <v>100</v>
      </c>
      <c r="AK24322">
        <v>101</v>
      </c>
      <c r="AL24322">
        <v>102</v>
      </c>
      <c r="AM24322">
        <v>102</v>
      </c>
      <c r="AN24322">
        <v>102</v>
      </c>
      <c r="AO24322">
        <v>103</v>
      </c>
      <c r="AP24322">
        <v>103</v>
      </c>
      <c r="AQ24322">
        <v>103</v>
      </c>
    </row>
    <row r="24323" spans="1:43">
      <c r="A24323" t="s">
        <v>15061</v>
      </c>
      <c r="B24323" t="s">
        <v>15062</v>
      </c>
      <c r="C24323" t="s">
        <v>15059</v>
      </c>
      <c r="D24323" t="s">
        <v>15060</v>
      </c>
      <c r="E24323" t="s">
        <v>14997</v>
      </c>
      <c r="F24323" t="s">
        <v>14998</v>
      </c>
      <c r="G24323" t="s">
        <v>10734</v>
      </c>
      <c r="H24323" t="s">
        <v>10735</v>
      </c>
      <c r="I24323" s="2">
        <v>1</v>
      </c>
      <c r="J24323" s="2">
        <v>0</v>
      </c>
      <c r="K24323" s="2">
        <v>0</v>
      </c>
      <c r="L24323" t="s">
        <v>120</v>
      </c>
      <c r="M24323" t="s">
        <v>87</v>
      </c>
      <c r="N24323" t="s">
        <v>88</v>
      </c>
      <c r="O24323" t="s">
        <v>85</v>
      </c>
      <c r="P24323" t="s">
        <v>86</v>
      </c>
      <c r="Q24323">
        <v>78</v>
      </c>
      <c r="R24323">
        <v>79</v>
      </c>
      <c r="S24323">
        <v>79</v>
      </c>
      <c r="T24323">
        <v>80</v>
      </c>
      <c r="U24323">
        <v>80</v>
      </c>
      <c r="V24323">
        <v>80</v>
      </c>
      <c r="W24323">
        <v>81</v>
      </c>
      <c r="X24323">
        <v>81</v>
      </c>
      <c r="Y24323">
        <v>82</v>
      </c>
      <c r="Z24323">
        <v>82</v>
      </c>
      <c r="AA24323">
        <v>83</v>
      </c>
      <c r="AB24323">
        <v>83</v>
      </c>
      <c r="AC24323">
        <v>83</v>
      </c>
      <c r="AD24323">
        <v>84</v>
      </c>
      <c r="AE24323">
        <v>84</v>
      </c>
      <c r="AF24323">
        <v>85</v>
      </c>
      <c r="AG24323">
        <v>85</v>
      </c>
      <c r="AH24323">
        <v>86</v>
      </c>
      <c r="AI24323">
        <v>86</v>
      </c>
      <c r="AJ24323">
        <v>87</v>
      </c>
      <c r="AK24323">
        <v>87</v>
      </c>
      <c r="AL24323">
        <v>88</v>
      </c>
      <c r="AM24323">
        <v>88</v>
      </c>
      <c r="AN24323">
        <v>89</v>
      </c>
      <c r="AO24323">
        <v>89</v>
      </c>
      <c r="AP24323">
        <v>90</v>
      </c>
      <c r="AQ24323">
        <v>90</v>
      </c>
    </row>
    <row r="24324" spans="1:43">
      <c r="A24324" t="s">
        <v>15061</v>
      </c>
      <c r="B24324" t="s">
        <v>15062</v>
      </c>
      <c r="C24324" t="s">
        <v>15059</v>
      </c>
      <c r="D24324" t="s">
        <v>15060</v>
      </c>
      <c r="E24324" t="s">
        <v>14997</v>
      </c>
      <c r="F24324" t="s">
        <v>14998</v>
      </c>
      <c r="G24324" t="s">
        <v>10734</v>
      </c>
      <c r="H24324" t="s">
        <v>10735</v>
      </c>
      <c r="I24324" s="2">
        <v>1</v>
      </c>
      <c r="J24324" s="2">
        <v>0</v>
      </c>
      <c r="K24324" s="2">
        <v>0</v>
      </c>
      <c r="L24324" t="s">
        <v>120</v>
      </c>
      <c r="M24324" t="s">
        <v>89</v>
      </c>
      <c r="N24324" t="s">
        <v>90</v>
      </c>
      <c r="O24324" t="s">
        <v>85</v>
      </c>
      <c r="P24324" t="s">
        <v>86</v>
      </c>
      <c r="Q24324">
        <v>78</v>
      </c>
      <c r="R24324">
        <v>80</v>
      </c>
      <c r="S24324">
        <v>81</v>
      </c>
      <c r="T24324">
        <v>83</v>
      </c>
      <c r="U24324">
        <v>85</v>
      </c>
      <c r="V24324">
        <v>87</v>
      </c>
      <c r="W24324">
        <v>88</v>
      </c>
      <c r="X24324">
        <v>90</v>
      </c>
      <c r="Y24324">
        <v>91</v>
      </c>
      <c r="Z24324">
        <v>93</v>
      </c>
      <c r="AA24324">
        <v>94</v>
      </c>
      <c r="AB24324">
        <v>96</v>
      </c>
      <c r="AC24324">
        <v>97</v>
      </c>
      <c r="AD24324">
        <v>99</v>
      </c>
      <c r="AE24324">
        <v>100</v>
      </c>
      <c r="AF24324">
        <v>100</v>
      </c>
      <c r="AG24324">
        <v>101</v>
      </c>
      <c r="AH24324">
        <v>101</v>
      </c>
      <c r="AI24324">
        <v>101</v>
      </c>
      <c r="AJ24324">
        <v>101</v>
      </c>
      <c r="AK24324">
        <v>102</v>
      </c>
      <c r="AL24324">
        <v>102</v>
      </c>
      <c r="AM24324">
        <v>102</v>
      </c>
      <c r="AN24324">
        <v>102</v>
      </c>
      <c r="AO24324">
        <v>103</v>
      </c>
      <c r="AP24324">
        <v>103</v>
      </c>
      <c r="AQ24324">
        <v>103</v>
      </c>
    </row>
    <row r="24325" spans="1:43">
      <c r="A24325" t="s">
        <v>15061</v>
      </c>
      <c r="B24325" t="s">
        <v>15062</v>
      </c>
      <c r="C24325" t="s">
        <v>15059</v>
      </c>
      <c r="D24325" t="s">
        <v>15060</v>
      </c>
      <c r="E24325" t="s">
        <v>14997</v>
      </c>
      <c r="F24325" t="s">
        <v>14998</v>
      </c>
      <c r="G24325" t="s">
        <v>10734</v>
      </c>
      <c r="H24325" t="s">
        <v>10735</v>
      </c>
      <c r="I24325" s="2">
        <v>1</v>
      </c>
      <c r="J24325" s="2">
        <v>0</v>
      </c>
      <c r="K24325" s="2">
        <v>0</v>
      </c>
      <c r="L24325" t="s">
        <v>120</v>
      </c>
      <c r="M24325" t="s">
        <v>83</v>
      </c>
      <c r="N24325" t="s">
        <v>91</v>
      </c>
      <c r="O24325" t="s">
        <v>85</v>
      </c>
      <c r="P24325" t="s">
        <v>86</v>
      </c>
      <c r="Q24325">
        <v>78</v>
      </c>
      <c r="R24325">
        <v>79</v>
      </c>
      <c r="S24325">
        <v>80</v>
      </c>
      <c r="T24325">
        <v>82</v>
      </c>
      <c r="U24325">
        <v>83</v>
      </c>
      <c r="V24325">
        <v>84</v>
      </c>
      <c r="W24325">
        <v>85</v>
      </c>
      <c r="X24325">
        <v>86</v>
      </c>
      <c r="Y24325">
        <v>87</v>
      </c>
      <c r="Z24325">
        <v>88</v>
      </c>
      <c r="AA24325">
        <v>89</v>
      </c>
      <c r="AB24325">
        <v>91</v>
      </c>
      <c r="AC24325">
        <v>92</v>
      </c>
      <c r="AD24325">
        <v>93</v>
      </c>
      <c r="AE24325">
        <v>94</v>
      </c>
      <c r="AF24325">
        <v>95</v>
      </c>
      <c r="AG24325">
        <v>96</v>
      </c>
      <c r="AH24325">
        <v>98</v>
      </c>
      <c r="AI24325">
        <v>99</v>
      </c>
      <c r="AJ24325">
        <v>100</v>
      </c>
      <c r="AK24325">
        <v>101</v>
      </c>
      <c r="AL24325">
        <v>102</v>
      </c>
      <c r="AM24325">
        <v>102</v>
      </c>
      <c r="AN24325">
        <v>102</v>
      </c>
      <c r="AO24325">
        <v>103</v>
      </c>
      <c r="AP24325">
        <v>103</v>
      </c>
      <c r="AQ24325">
        <v>103</v>
      </c>
    </row>
    <row r="24326" spans="1:43">
      <c r="A24326" t="s">
        <v>15063</v>
      </c>
      <c r="B24326" t="s">
        <v>15064</v>
      </c>
      <c r="C24326" t="s">
        <v>15059</v>
      </c>
      <c r="D24326" t="s">
        <v>15060</v>
      </c>
      <c r="E24326" t="s">
        <v>14997</v>
      </c>
      <c r="F24326" t="s">
        <v>14998</v>
      </c>
      <c r="G24326" t="s">
        <v>10734</v>
      </c>
      <c r="H24326" t="s">
        <v>10735</v>
      </c>
      <c r="I24326" s="2">
        <v>1</v>
      </c>
      <c r="J24326" s="2">
        <v>0</v>
      </c>
      <c r="K24326" s="2">
        <v>0</v>
      </c>
      <c r="L24326" t="s">
        <v>120</v>
      </c>
      <c r="M24326" t="s">
        <v>83</v>
      </c>
      <c r="N24326" t="s">
        <v>84</v>
      </c>
      <c r="O24326" t="s">
        <v>85</v>
      </c>
      <c r="P24326" t="s">
        <v>86</v>
      </c>
      <c r="Q24326">
        <v>8</v>
      </c>
      <c r="R24326">
        <v>8</v>
      </c>
      <c r="S24326">
        <v>8</v>
      </c>
      <c r="T24326">
        <v>8</v>
      </c>
      <c r="U24326">
        <v>8</v>
      </c>
      <c r="V24326">
        <v>8</v>
      </c>
      <c r="W24326">
        <v>8</v>
      </c>
      <c r="X24326">
        <v>8</v>
      </c>
      <c r="Y24326">
        <v>9</v>
      </c>
      <c r="Z24326">
        <v>9</v>
      </c>
      <c r="AA24326">
        <v>9</v>
      </c>
      <c r="AB24326">
        <v>9</v>
      </c>
      <c r="AC24326">
        <v>9</v>
      </c>
      <c r="AD24326">
        <v>9</v>
      </c>
      <c r="AE24326">
        <v>9</v>
      </c>
      <c r="AF24326">
        <v>9</v>
      </c>
      <c r="AG24326">
        <v>9</v>
      </c>
      <c r="AH24326">
        <v>10</v>
      </c>
      <c r="AI24326">
        <v>10</v>
      </c>
      <c r="AJ24326">
        <v>10</v>
      </c>
      <c r="AK24326">
        <v>10</v>
      </c>
      <c r="AL24326">
        <v>10</v>
      </c>
      <c r="AM24326">
        <v>10</v>
      </c>
      <c r="AN24326">
        <v>10</v>
      </c>
      <c r="AO24326">
        <v>10</v>
      </c>
      <c r="AP24326">
        <v>10</v>
      </c>
      <c r="AQ24326">
        <v>10</v>
      </c>
    </row>
    <row r="24327" spans="1:43">
      <c r="A24327" t="s">
        <v>15063</v>
      </c>
      <c r="B24327" t="s">
        <v>15064</v>
      </c>
      <c r="C24327" t="s">
        <v>15059</v>
      </c>
      <c r="D24327" t="s">
        <v>15060</v>
      </c>
      <c r="E24327" t="s">
        <v>14997</v>
      </c>
      <c r="F24327" t="s">
        <v>14998</v>
      </c>
      <c r="G24327" t="s">
        <v>10734</v>
      </c>
      <c r="H24327" t="s">
        <v>10735</v>
      </c>
      <c r="I24327" s="2">
        <v>1</v>
      </c>
      <c r="J24327" s="2">
        <v>0</v>
      </c>
      <c r="K24327" s="2">
        <v>0</v>
      </c>
      <c r="L24327" t="s">
        <v>120</v>
      </c>
      <c r="M24327" t="s">
        <v>87</v>
      </c>
      <c r="N24327" t="s">
        <v>88</v>
      </c>
      <c r="O24327" t="s">
        <v>85</v>
      </c>
      <c r="P24327" t="s">
        <v>86</v>
      </c>
      <c r="Q24327">
        <v>8</v>
      </c>
      <c r="R24327">
        <v>8</v>
      </c>
      <c r="S24327">
        <v>8</v>
      </c>
      <c r="T24327">
        <v>8</v>
      </c>
      <c r="U24327">
        <v>8</v>
      </c>
      <c r="V24327">
        <v>8</v>
      </c>
      <c r="W24327">
        <v>8</v>
      </c>
      <c r="X24327">
        <v>8</v>
      </c>
      <c r="Y24327">
        <v>8</v>
      </c>
      <c r="Z24327">
        <v>8</v>
      </c>
      <c r="AA24327">
        <v>8</v>
      </c>
      <c r="AB24327">
        <v>8</v>
      </c>
      <c r="AC24327">
        <v>8</v>
      </c>
      <c r="AD24327">
        <v>8</v>
      </c>
      <c r="AE24327">
        <v>8</v>
      </c>
      <c r="AF24327">
        <v>8</v>
      </c>
      <c r="AG24327">
        <v>8</v>
      </c>
      <c r="AH24327">
        <v>8</v>
      </c>
      <c r="AI24327">
        <v>8</v>
      </c>
      <c r="AJ24327">
        <v>8</v>
      </c>
      <c r="AK24327">
        <v>8</v>
      </c>
      <c r="AL24327">
        <v>9</v>
      </c>
      <c r="AM24327">
        <v>9</v>
      </c>
      <c r="AN24327">
        <v>9</v>
      </c>
      <c r="AO24327">
        <v>9</v>
      </c>
      <c r="AP24327">
        <v>9</v>
      </c>
      <c r="AQ24327">
        <v>9</v>
      </c>
    </row>
    <row r="24328" spans="1:43">
      <c r="A24328" t="s">
        <v>15063</v>
      </c>
      <c r="B24328" t="s">
        <v>15064</v>
      </c>
      <c r="C24328" t="s">
        <v>15059</v>
      </c>
      <c r="D24328" t="s">
        <v>15060</v>
      </c>
      <c r="E24328" t="s">
        <v>14997</v>
      </c>
      <c r="F24328" t="s">
        <v>14998</v>
      </c>
      <c r="G24328" t="s">
        <v>10734</v>
      </c>
      <c r="H24328" t="s">
        <v>10735</v>
      </c>
      <c r="I24328" s="2">
        <v>1</v>
      </c>
      <c r="J24328" s="2">
        <v>0</v>
      </c>
      <c r="K24328" s="2">
        <v>0</v>
      </c>
      <c r="L24328" t="s">
        <v>120</v>
      </c>
      <c r="M24328" t="s">
        <v>89</v>
      </c>
      <c r="N24328" t="s">
        <v>90</v>
      </c>
      <c r="O24328" t="s">
        <v>85</v>
      </c>
      <c r="P24328" t="s">
        <v>86</v>
      </c>
      <c r="Q24328">
        <v>8</v>
      </c>
      <c r="R24328">
        <v>8</v>
      </c>
      <c r="S24328">
        <v>8</v>
      </c>
      <c r="T24328">
        <v>8</v>
      </c>
      <c r="U24328">
        <v>8</v>
      </c>
      <c r="V24328">
        <v>9</v>
      </c>
      <c r="W24328">
        <v>9</v>
      </c>
      <c r="X24328">
        <v>9</v>
      </c>
      <c r="Y24328">
        <v>9</v>
      </c>
      <c r="Z24328">
        <v>9</v>
      </c>
      <c r="AA24328">
        <v>9</v>
      </c>
      <c r="AB24328">
        <v>10</v>
      </c>
      <c r="AC24328">
        <v>10</v>
      </c>
      <c r="AD24328">
        <v>10</v>
      </c>
      <c r="AE24328">
        <v>10</v>
      </c>
      <c r="AF24328">
        <v>10</v>
      </c>
      <c r="AG24328">
        <v>10</v>
      </c>
      <c r="AH24328">
        <v>10</v>
      </c>
      <c r="AI24328">
        <v>10</v>
      </c>
      <c r="AJ24328">
        <v>10</v>
      </c>
      <c r="AK24328">
        <v>10</v>
      </c>
      <c r="AL24328">
        <v>10</v>
      </c>
      <c r="AM24328">
        <v>10</v>
      </c>
      <c r="AN24328">
        <v>10</v>
      </c>
      <c r="AO24328">
        <v>10</v>
      </c>
      <c r="AP24328">
        <v>10</v>
      </c>
      <c r="AQ24328">
        <v>10</v>
      </c>
    </row>
    <row r="24329" spans="1:43">
      <c r="A24329" t="s">
        <v>15063</v>
      </c>
      <c r="B24329" t="s">
        <v>15064</v>
      </c>
      <c r="C24329" t="s">
        <v>15059</v>
      </c>
      <c r="D24329" t="s">
        <v>15060</v>
      </c>
      <c r="E24329" t="s">
        <v>14997</v>
      </c>
      <c r="F24329" t="s">
        <v>14998</v>
      </c>
      <c r="G24329" t="s">
        <v>10734</v>
      </c>
      <c r="H24329" t="s">
        <v>10735</v>
      </c>
      <c r="I24329" s="2">
        <v>1</v>
      </c>
      <c r="J24329" s="2">
        <v>0</v>
      </c>
      <c r="K24329" s="2">
        <v>0</v>
      </c>
      <c r="L24329" t="s">
        <v>120</v>
      </c>
      <c r="M24329" t="s">
        <v>83</v>
      </c>
      <c r="N24329" t="s">
        <v>91</v>
      </c>
      <c r="O24329" t="s">
        <v>85</v>
      </c>
      <c r="P24329" t="s">
        <v>86</v>
      </c>
      <c r="Q24329">
        <v>8</v>
      </c>
      <c r="R24329">
        <v>8</v>
      </c>
      <c r="S24329">
        <v>8</v>
      </c>
      <c r="T24329">
        <v>8</v>
      </c>
      <c r="U24329">
        <v>8</v>
      </c>
      <c r="V24329">
        <v>8</v>
      </c>
      <c r="W24329">
        <v>8</v>
      </c>
      <c r="X24329">
        <v>8</v>
      </c>
      <c r="Y24329">
        <v>9</v>
      </c>
      <c r="Z24329">
        <v>9</v>
      </c>
      <c r="AA24329">
        <v>9</v>
      </c>
      <c r="AB24329">
        <v>9</v>
      </c>
      <c r="AC24329">
        <v>9</v>
      </c>
      <c r="AD24329">
        <v>9</v>
      </c>
      <c r="AE24329">
        <v>9</v>
      </c>
      <c r="AF24329">
        <v>9</v>
      </c>
      <c r="AG24329">
        <v>9</v>
      </c>
      <c r="AH24329">
        <v>10</v>
      </c>
      <c r="AI24329">
        <v>10</v>
      </c>
      <c r="AJ24329">
        <v>10</v>
      </c>
      <c r="AK24329">
        <v>10</v>
      </c>
      <c r="AL24329">
        <v>10</v>
      </c>
      <c r="AM24329">
        <v>10</v>
      </c>
      <c r="AN24329">
        <v>10</v>
      </c>
      <c r="AO24329">
        <v>10</v>
      </c>
      <c r="AP24329">
        <v>10</v>
      </c>
      <c r="AQ24329">
        <v>10</v>
      </c>
    </row>
    <row r="24330" spans="1:43">
      <c r="A24330" t="s">
        <v>15065</v>
      </c>
      <c r="B24330" t="s">
        <v>15066</v>
      </c>
      <c r="C24330" t="s">
        <v>15059</v>
      </c>
      <c r="D24330" t="s">
        <v>15060</v>
      </c>
      <c r="E24330" t="s">
        <v>14997</v>
      </c>
      <c r="F24330" t="s">
        <v>14998</v>
      </c>
      <c r="G24330" t="s">
        <v>10734</v>
      </c>
      <c r="H24330" t="s">
        <v>10735</v>
      </c>
      <c r="I24330" s="2">
        <v>1</v>
      </c>
      <c r="J24330" s="2">
        <v>0</v>
      </c>
      <c r="K24330" s="2">
        <v>0</v>
      </c>
      <c r="L24330" t="s">
        <v>120</v>
      </c>
      <c r="M24330" t="s">
        <v>83</v>
      </c>
      <c r="N24330" t="s">
        <v>84</v>
      </c>
      <c r="O24330" t="s">
        <v>85</v>
      </c>
      <c r="P24330" t="s">
        <v>86</v>
      </c>
      <c r="Q24330">
        <v>26</v>
      </c>
      <c r="R24330">
        <v>26</v>
      </c>
      <c r="S24330">
        <v>26</v>
      </c>
      <c r="T24330">
        <v>27</v>
      </c>
      <c r="U24330">
        <v>27</v>
      </c>
      <c r="V24330">
        <v>28</v>
      </c>
      <c r="W24330">
        <v>28</v>
      </c>
      <c r="X24330">
        <v>28</v>
      </c>
      <c r="Y24330">
        <v>29</v>
      </c>
      <c r="Z24330">
        <v>29</v>
      </c>
      <c r="AA24330">
        <v>29</v>
      </c>
      <c r="AB24330">
        <v>30</v>
      </c>
      <c r="AC24330">
        <v>30</v>
      </c>
      <c r="AD24330">
        <v>31</v>
      </c>
      <c r="AE24330">
        <v>31</v>
      </c>
      <c r="AF24330">
        <v>31</v>
      </c>
      <c r="AG24330">
        <v>32</v>
      </c>
      <c r="AH24330">
        <v>32</v>
      </c>
      <c r="AI24330">
        <v>32</v>
      </c>
      <c r="AJ24330">
        <v>33</v>
      </c>
      <c r="AK24330">
        <v>33</v>
      </c>
      <c r="AL24330">
        <v>33</v>
      </c>
      <c r="AM24330">
        <v>34</v>
      </c>
      <c r="AN24330">
        <v>34</v>
      </c>
      <c r="AO24330">
        <v>34</v>
      </c>
      <c r="AP24330">
        <v>34</v>
      </c>
      <c r="AQ24330">
        <v>34</v>
      </c>
    </row>
    <row r="24331" spans="1:43">
      <c r="A24331" t="s">
        <v>15065</v>
      </c>
      <c r="B24331" t="s">
        <v>15066</v>
      </c>
      <c r="C24331" t="s">
        <v>15059</v>
      </c>
      <c r="D24331" t="s">
        <v>15060</v>
      </c>
      <c r="E24331" t="s">
        <v>14997</v>
      </c>
      <c r="F24331" t="s">
        <v>14998</v>
      </c>
      <c r="G24331" t="s">
        <v>10734</v>
      </c>
      <c r="H24331" t="s">
        <v>10735</v>
      </c>
      <c r="I24331" s="2">
        <v>1</v>
      </c>
      <c r="J24331" s="2">
        <v>0</v>
      </c>
      <c r="K24331" s="2">
        <v>0</v>
      </c>
      <c r="L24331" t="s">
        <v>120</v>
      </c>
      <c r="M24331" t="s">
        <v>87</v>
      </c>
      <c r="N24331" t="s">
        <v>88</v>
      </c>
      <c r="O24331" t="s">
        <v>85</v>
      </c>
      <c r="P24331" t="s">
        <v>86</v>
      </c>
      <c r="Q24331">
        <v>26</v>
      </c>
      <c r="R24331">
        <v>27</v>
      </c>
      <c r="S24331">
        <v>27</v>
      </c>
      <c r="T24331">
        <v>27</v>
      </c>
      <c r="U24331">
        <v>27</v>
      </c>
      <c r="V24331">
        <v>27</v>
      </c>
      <c r="W24331">
        <v>27</v>
      </c>
      <c r="X24331">
        <v>27</v>
      </c>
      <c r="Y24331">
        <v>28</v>
      </c>
      <c r="Z24331">
        <v>28</v>
      </c>
      <c r="AA24331">
        <v>28</v>
      </c>
      <c r="AB24331">
        <v>28</v>
      </c>
      <c r="AC24331">
        <v>28</v>
      </c>
      <c r="AD24331">
        <v>28</v>
      </c>
      <c r="AE24331">
        <v>28</v>
      </c>
      <c r="AF24331">
        <v>29</v>
      </c>
      <c r="AG24331">
        <v>29</v>
      </c>
      <c r="AH24331">
        <v>29</v>
      </c>
      <c r="AI24331">
        <v>29</v>
      </c>
      <c r="AJ24331">
        <v>29</v>
      </c>
      <c r="AK24331">
        <v>29</v>
      </c>
      <c r="AL24331">
        <v>30</v>
      </c>
      <c r="AM24331">
        <v>30</v>
      </c>
      <c r="AN24331">
        <v>30</v>
      </c>
      <c r="AO24331">
        <v>30</v>
      </c>
      <c r="AP24331">
        <v>30</v>
      </c>
      <c r="AQ24331">
        <v>30</v>
      </c>
    </row>
    <row r="24332" spans="1:43">
      <c r="A24332" t="s">
        <v>15065</v>
      </c>
      <c r="B24332" t="s">
        <v>15066</v>
      </c>
      <c r="C24332" t="s">
        <v>15059</v>
      </c>
      <c r="D24332" t="s">
        <v>15060</v>
      </c>
      <c r="E24332" t="s">
        <v>14997</v>
      </c>
      <c r="F24332" t="s">
        <v>14998</v>
      </c>
      <c r="G24332" t="s">
        <v>10734</v>
      </c>
      <c r="H24332" t="s">
        <v>10735</v>
      </c>
      <c r="I24332" s="2">
        <v>1</v>
      </c>
      <c r="J24332" s="2">
        <v>0</v>
      </c>
      <c r="K24332" s="2">
        <v>0</v>
      </c>
      <c r="L24332" t="s">
        <v>120</v>
      </c>
      <c r="M24332" t="s">
        <v>89</v>
      </c>
      <c r="N24332" t="s">
        <v>90</v>
      </c>
      <c r="O24332" t="s">
        <v>85</v>
      </c>
      <c r="P24332" t="s">
        <v>86</v>
      </c>
      <c r="Q24332">
        <v>26</v>
      </c>
      <c r="R24332">
        <v>26</v>
      </c>
      <c r="S24332">
        <v>27</v>
      </c>
      <c r="T24332">
        <v>28</v>
      </c>
      <c r="U24332">
        <v>28</v>
      </c>
      <c r="V24332">
        <v>29</v>
      </c>
      <c r="W24332">
        <v>29</v>
      </c>
      <c r="X24332">
        <v>30</v>
      </c>
      <c r="Y24332">
        <v>30</v>
      </c>
      <c r="Z24332">
        <v>31</v>
      </c>
      <c r="AA24332">
        <v>31</v>
      </c>
      <c r="AB24332">
        <v>32</v>
      </c>
      <c r="AC24332">
        <v>32</v>
      </c>
      <c r="AD24332">
        <v>33</v>
      </c>
      <c r="AE24332">
        <v>33</v>
      </c>
      <c r="AF24332">
        <v>33</v>
      </c>
      <c r="AG24332">
        <v>33</v>
      </c>
      <c r="AH24332">
        <v>33</v>
      </c>
      <c r="AI24332">
        <v>34</v>
      </c>
      <c r="AJ24332">
        <v>34</v>
      </c>
      <c r="AK24332">
        <v>34</v>
      </c>
      <c r="AL24332">
        <v>34</v>
      </c>
      <c r="AM24332">
        <v>34</v>
      </c>
      <c r="AN24332">
        <v>34</v>
      </c>
      <c r="AO24332">
        <v>34</v>
      </c>
      <c r="AP24332">
        <v>34</v>
      </c>
      <c r="AQ24332">
        <v>34</v>
      </c>
    </row>
    <row r="24333" spans="1:43">
      <c r="A24333" t="s">
        <v>15065</v>
      </c>
      <c r="B24333" t="s">
        <v>15066</v>
      </c>
      <c r="C24333" t="s">
        <v>15059</v>
      </c>
      <c r="D24333" t="s">
        <v>15060</v>
      </c>
      <c r="E24333" t="s">
        <v>14997</v>
      </c>
      <c r="F24333" t="s">
        <v>14998</v>
      </c>
      <c r="G24333" t="s">
        <v>10734</v>
      </c>
      <c r="H24333" t="s">
        <v>10735</v>
      </c>
      <c r="I24333" s="2">
        <v>1</v>
      </c>
      <c r="J24333" s="2">
        <v>0</v>
      </c>
      <c r="K24333" s="2">
        <v>0</v>
      </c>
      <c r="L24333" t="s">
        <v>120</v>
      </c>
      <c r="M24333" t="s">
        <v>83</v>
      </c>
      <c r="N24333" t="s">
        <v>91</v>
      </c>
      <c r="O24333" t="s">
        <v>85</v>
      </c>
      <c r="P24333" t="s">
        <v>86</v>
      </c>
      <c r="Q24333">
        <v>26</v>
      </c>
      <c r="R24333">
        <v>26</v>
      </c>
      <c r="S24333">
        <v>26</v>
      </c>
      <c r="T24333">
        <v>27</v>
      </c>
      <c r="U24333">
        <v>27</v>
      </c>
      <c r="V24333">
        <v>28</v>
      </c>
      <c r="W24333">
        <v>28</v>
      </c>
      <c r="X24333">
        <v>28</v>
      </c>
      <c r="Y24333">
        <v>29</v>
      </c>
      <c r="Z24333">
        <v>29</v>
      </c>
      <c r="AA24333">
        <v>29</v>
      </c>
      <c r="AB24333">
        <v>30</v>
      </c>
      <c r="AC24333">
        <v>30</v>
      </c>
      <c r="AD24333">
        <v>31</v>
      </c>
      <c r="AE24333">
        <v>31</v>
      </c>
      <c r="AF24333">
        <v>31</v>
      </c>
      <c r="AG24333">
        <v>32</v>
      </c>
      <c r="AH24333">
        <v>32</v>
      </c>
      <c r="AI24333">
        <v>32</v>
      </c>
      <c r="AJ24333">
        <v>33</v>
      </c>
      <c r="AK24333">
        <v>33</v>
      </c>
      <c r="AL24333">
        <v>33</v>
      </c>
      <c r="AM24333">
        <v>34</v>
      </c>
      <c r="AN24333">
        <v>34</v>
      </c>
      <c r="AO24333">
        <v>34</v>
      </c>
      <c r="AP24333">
        <v>34</v>
      </c>
      <c r="AQ24333">
        <v>34</v>
      </c>
    </row>
    <row r="24334" spans="1:43">
      <c r="A24334" t="s">
        <v>15067</v>
      </c>
      <c r="B24334" t="s">
        <v>15068</v>
      </c>
      <c r="C24334" t="s">
        <v>14995</v>
      </c>
      <c r="D24334" t="s">
        <v>14996</v>
      </c>
      <c r="E24334" t="s">
        <v>14997</v>
      </c>
      <c r="F24334" t="s">
        <v>14998</v>
      </c>
      <c r="G24334" t="s">
        <v>10734</v>
      </c>
      <c r="H24334" t="s">
        <v>10735</v>
      </c>
      <c r="I24334" s="2">
        <v>1</v>
      </c>
      <c r="J24334" s="2">
        <v>0</v>
      </c>
      <c r="K24334" s="2">
        <v>0</v>
      </c>
      <c r="L24334" t="s">
        <v>120</v>
      </c>
      <c r="M24334" t="s">
        <v>83</v>
      </c>
      <c r="N24334" t="s">
        <v>84</v>
      </c>
      <c r="O24334" t="s">
        <v>85</v>
      </c>
      <c r="P24334" t="s">
        <v>86</v>
      </c>
      <c r="Q24334">
        <v>6</v>
      </c>
      <c r="R24334">
        <v>6</v>
      </c>
      <c r="S24334">
        <v>6</v>
      </c>
      <c r="T24334">
        <v>6</v>
      </c>
      <c r="U24334">
        <v>7</v>
      </c>
      <c r="V24334">
        <v>7</v>
      </c>
      <c r="W24334">
        <v>7</v>
      </c>
      <c r="X24334">
        <v>7</v>
      </c>
      <c r="Y24334">
        <v>7</v>
      </c>
      <c r="Z24334">
        <v>7</v>
      </c>
      <c r="AA24334">
        <v>7</v>
      </c>
      <c r="AB24334">
        <v>7</v>
      </c>
      <c r="AC24334">
        <v>7</v>
      </c>
      <c r="AD24334">
        <v>7</v>
      </c>
      <c r="AE24334">
        <v>7</v>
      </c>
      <c r="AF24334">
        <v>8</v>
      </c>
      <c r="AG24334">
        <v>8</v>
      </c>
      <c r="AH24334">
        <v>8</v>
      </c>
      <c r="AI24334">
        <v>8</v>
      </c>
      <c r="AJ24334">
        <v>8</v>
      </c>
      <c r="AK24334">
        <v>8</v>
      </c>
      <c r="AL24334">
        <v>8</v>
      </c>
      <c r="AM24334">
        <v>8</v>
      </c>
      <c r="AN24334">
        <v>8</v>
      </c>
      <c r="AO24334">
        <v>8</v>
      </c>
      <c r="AP24334">
        <v>8</v>
      </c>
      <c r="AQ24334">
        <v>8</v>
      </c>
    </row>
    <row r="24335" spans="1:43">
      <c r="A24335" t="s">
        <v>15067</v>
      </c>
      <c r="B24335" t="s">
        <v>15068</v>
      </c>
      <c r="C24335" t="s">
        <v>14995</v>
      </c>
      <c r="D24335" t="s">
        <v>14996</v>
      </c>
      <c r="E24335" t="s">
        <v>14997</v>
      </c>
      <c r="F24335" t="s">
        <v>14998</v>
      </c>
      <c r="G24335" t="s">
        <v>10734</v>
      </c>
      <c r="H24335" t="s">
        <v>10735</v>
      </c>
      <c r="I24335" s="2">
        <v>1</v>
      </c>
      <c r="J24335" s="2">
        <v>0</v>
      </c>
      <c r="K24335" s="2">
        <v>0</v>
      </c>
      <c r="L24335" t="s">
        <v>120</v>
      </c>
      <c r="M24335" t="s">
        <v>87</v>
      </c>
      <c r="N24335" t="s">
        <v>88</v>
      </c>
      <c r="O24335" t="s">
        <v>85</v>
      </c>
      <c r="P24335" t="s">
        <v>86</v>
      </c>
      <c r="Q24335">
        <v>6</v>
      </c>
      <c r="R24335">
        <v>6</v>
      </c>
      <c r="S24335">
        <v>6</v>
      </c>
      <c r="T24335">
        <v>6</v>
      </c>
      <c r="U24335">
        <v>6</v>
      </c>
      <c r="V24335">
        <v>6</v>
      </c>
      <c r="W24335">
        <v>6</v>
      </c>
      <c r="X24335">
        <v>6</v>
      </c>
      <c r="Y24335">
        <v>6</v>
      </c>
      <c r="Z24335">
        <v>6</v>
      </c>
      <c r="AA24335">
        <v>6</v>
      </c>
      <c r="AB24335">
        <v>7</v>
      </c>
      <c r="AC24335">
        <v>7</v>
      </c>
      <c r="AD24335">
        <v>7</v>
      </c>
      <c r="AE24335">
        <v>7</v>
      </c>
      <c r="AF24335">
        <v>7</v>
      </c>
      <c r="AG24335">
        <v>7</v>
      </c>
      <c r="AH24335">
        <v>7</v>
      </c>
      <c r="AI24335">
        <v>7</v>
      </c>
      <c r="AJ24335">
        <v>7</v>
      </c>
      <c r="AK24335">
        <v>7</v>
      </c>
      <c r="AL24335">
        <v>7</v>
      </c>
      <c r="AM24335">
        <v>7</v>
      </c>
      <c r="AN24335">
        <v>7</v>
      </c>
      <c r="AO24335">
        <v>7</v>
      </c>
      <c r="AP24335">
        <v>7</v>
      </c>
      <c r="AQ24335">
        <v>7</v>
      </c>
    </row>
    <row r="24336" spans="1:43">
      <c r="A24336" t="s">
        <v>15067</v>
      </c>
      <c r="B24336" t="s">
        <v>15068</v>
      </c>
      <c r="C24336" t="s">
        <v>14995</v>
      </c>
      <c r="D24336" t="s">
        <v>14996</v>
      </c>
      <c r="E24336" t="s">
        <v>14997</v>
      </c>
      <c r="F24336" t="s">
        <v>14998</v>
      </c>
      <c r="G24336" t="s">
        <v>10734</v>
      </c>
      <c r="H24336" t="s">
        <v>10735</v>
      </c>
      <c r="I24336" s="2">
        <v>1</v>
      </c>
      <c r="J24336" s="2">
        <v>0</v>
      </c>
      <c r="K24336" s="2">
        <v>0</v>
      </c>
      <c r="L24336" t="s">
        <v>120</v>
      </c>
      <c r="M24336" t="s">
        <v>89</v>
      </c>
      <c r="N24336" t="s">
        <v>90</v>
      </c>
      <c r="O24336" t="s">
        <v>85</v>
      </c>
      <c r="P24336" t="s">
        <v>86</v>
      </c>
      <c r="Q24336">
        <v>6</v>
      </c>
      <c r="R24336">
        <v>6</v>
      </c>
      <c r="S24336">
        <v>6</v>
      </c>
      <c r="T24336">
        <v>7</v>
      </c>
      <c r="U24336">
        <v>7</v>
      </c>
      <c r="V24336">
        <v>7</v>
      </c>
      <c r="W24336">
        <v>7</v>
      </c>
      <c r="X24336">
        <v>7</v>
      </c>
      <c r="Y24336">
        <v>7</v>
      </c>
      <c r="Z24336">
        <v>7</v>
      </c>
      <c r="AA24336">
        <v>8</v>
      </c>
      <c r="AB24336">
        <v>8</v>
      </c>
      <c r="AC24336">
        <v>8</v>
      </c>
      <c r="AD24336">
        <v>8</v>
      </c>
      <c r="AE24336">
        <v>8</v>
      </c>
      <c r="AF24336">
        <v>8</v>
      </c>
      <c r="AG24336">
        <v>8</v>
      </c>
      <c r="AH24336">
        <v>8</v>
      </c>
      <c r="AI24336">
        <v>8</v>
      </c>
      <c r="AJ24336">
        <v>8</v>
      </c>
      <c r="AK24336">
        <v>8</v>
      </c>
      <c r="AL24336">
        <v>8</v>
      </c>
      <c r="AM24336">
        <v>8</v>
      </c>
      <c r="AN24336">
        <v>8</v>
      </c>
      <c r="AO24336">
        <v>8</v>
      </c>
      <c r="AP24336">
        <v>8</v>
      </c>
      <c r="AQ24336">
        <v>8</v>
      </c>
    </row>
    <row r="24337" spans="1:43">
      <c r="A24337" t="s">
        <v>15067</v>
      </c>
      <c r="B24337" t="s">
        <v>15068</v>
      </c>
      <c r="C24337" t="s">
        <v>14995</v>
      </c>
      <c r="D24337" t="s">
        <v>14996</v>
      </c>
      <c r="E24337" t="s">
        <v>14997</v>
      </c>
      <c r="F24337" t="s">
        <v>14998</v>
      </c>
      <c r="G24337" t="s">
        <v>10734</v>
      </c>
      <c r="H24337" t="s">
        <v>10735</v>
      </c>
      <c r="I24337" s="2">
        <v>1</v>
      </c>
      <c r="J24337" s="2">
        <v>0</v>
      </c>
      <c r="K24337" s="2">
        <v>0</v>
      </c>
      <c r="L24337" t="s">
        <v>120</v>
      </c>
      <c r="M24337" t="s">
        <v>83</v>
      </c>
      <c r="N24337" t="s">
        <v>91</v>
      </c>
      <c r="O24337" t="s">
        <v>85</v>
      </c>
      <c r="P24337" t="s">
        <v>86</v>
      </c>
      <c r="Q24337">
        <v>6</v>
      </c>
      <c r="R24337">
        <v>6</v>
      </c>
      <c r="S24337">
        <v>6</v>
      </c>
      <c r="T24337">
        <v>6</v>
      </c>
      <c r="U24337">
        <v>7</v>
      </c>
      <c r="V24337">
        <v>7</v>
      </c>
      <c r="W24337">
        <v>7</v>
      </c>
      <c r="X24337">
        <v>7</v>
      </c>
      <c r="Y24337">
        <v>7</v>
      </c>
      <c r="Z24337">
        <v>7</v>
      </c>
      <c r="AA24337">
        <v>7</v>
      </c>
      <c r="AB24337">
        <v>7</v>
      </c>
      <c r="AC24337">
        <v>7</v>
      </c>
      <c r="AD24337">
        <v>7</v>
      </c>
      <c r="AE24337">
        <v>7</v>
      </c>
      <c r="AF24337">
        <v>8</v>
      </c>
      <c r="AG24337">
        <v>8</v>
      </c>
      <c r="AH24337">
        <v>8</v>
      </c>
      <c r="AI24337">
        <v>8</v>
      </c>
      <c r="AJ24337">
        <v>8</v>
      </c>
      <c r="AK24337">
        <v>8</v>
      </c>
      <c r="AL24337">
        <v>8</v>
      </c>
      <c r="AM24337">
        <v>8</v>
      </c>
      <c r="AN24337">
        <v>8</v>
      </c>
      <c r="AO24337">
        <v>8</v>
      </c>
      <c r="AP24337">
        <v>8</v>
      </c>
      <c r="AQ24337">
        <v>8</v>
      </c>
    </row>
    <row r="24338" spans="1:43">
      <c r="A24338" t="s">
        <v>15069</v>
      </c>
      <c r="B24338" t="s">
        <v>15070</v>
      </c>
      <c r="C24338" t="s">
        <v>15015</v>
      </c>
      <c r="D24338" t="s">
        <v>15016</v>
      </c>
      <c r="E24338" t="s">
        <v>14997</v>
      </c>
      <c r="F24338" t="s">
        <v>14998</v>
      </c>
      <c r="G24338" t="s">
        <v>10734</v>
      </c>
      <c r="H24338" t="s">
        <v>10735</v>
      </c>
      <c r="I24338" s="2">
        <v>1</v>
      </c>
      <c r="J24338" s="2">
        <v>0</v>
      </c>
      <c r="K24338" s="2">
        <v>0</v>
      </c>
      <c r="L24338" t="s">
        <v>120</v>
      </c>
      <c r="M24338" t="s">
        <v>83</v>
      </c>
      <c r="N24338" t="s">
        <v>84</v>
      </c>
      <c r="O24338" t="s">
        <v>85</v>
      </c>
      <c r="P24338" t="s">
        <v>86</v>
      </c>
      <c r="Q24338">
        <v>9</v>
      </c>
      <c r="R24338">
        <v>10</v>
      </c>
      <c r="S24338">
        <v>10</v>
      </c>
      <c r="T24338">
        <v>10</v>
      </c>
      <c r="U24338">
        <v>10</v>
      </c>
      <c r="V24338">
        <v>10</v>
      </c>
      <c r="W24338">
        <v>10</v>
      </c>
      <c r="X24338">
        <v>10</v>
      </c>
      <c r="Y24338">
        <v>11</v>
      </c>
      <c r="Z24338">
        <v>11</v>
      </c>
      <c r="AA24338">
        <v>11</v>
      </c>
      <c r="AB24338">
        <v>11</v>
      </c>
      <c r="AC24338">
        <v>11</v>
      </c>
      <c r="AD24338">
        <v>11</v>
      </c>
      <c r="AE24338">
        <v>11</v>
      </c>
      <c r="AF24338">
        <v>12</v>
      </c>
      <c r="AG24338">
        <v>12</v>
      </c>
      <c r="AH24338">
        <v>12</v>
      </c>
      <c r="AI24338">
        <v>12</v>
      </c>
      <c r="AJ24338">
        <v>12</v>
      </c>
      <c r="AK24338">
        <v>12</v>
      </c>
      <c r="AL24338">
        <v>12</v>
      </c>
      <c r="AM24338">
        <v>12</v>
      </c>
      <c r="AN24338">
        <v>13</v>
      </c>
      <c r="AO24338">
        <v>13</v>
      </c>
      <c r="AP24338">
        <v>13</v>
      </c>
      <c r="AQ24338">
        <v>13</v>
      </c>
    </row>
    <row r="24339" spans="1:43">
      <c r="A24339" t="s">
        <v>15069</v>
      </c>
      <c r="B24339" t="s">
        <v>15070</v>
      </c>
      <c r="C24339" t="s">
        <v>15015</v>
      </c>
      <c r="D24339" t="s">
        <v>15016</v>
      </c>
      <c r="E24339" t="s">
        <v>14997</v>
      </c>
      <c r="F24339" t="s">
        <v>14998</v>
      </c>
      <c r="G24339" t="s">
        <v>10734</v>
      </c>
      <c r="H24339" t="s">
        <v>10735</v>
      </c>
      <c r="I24339" s="2">
        <v>1</v>
      </c>
      <c r="J24339" s="2">
        <v>0</v>
      </c>
      <c r="K24339" s="2">
        <v>0</v>
      </c>
      <c r="L24339" t="s">
        <v>120</v>
      </c>
      <c r="M24339" t="s">
        <v>87</v>
      </c>
      <c r="N24339" t="s">
        <v>88</v>
      </c>
      <c r="O24339" t="s">
        <v>85</v>
      </c>
      <c r="P24339" t="s">
        <v>86</v>
      </c>
      <c r="Q24339">
        <v>9</v>
      </c>
      <c r="R24339">
        <v>9</v>
      </c>
      <c r="S24339">
        <v>10</v>
      </c>
      <c r="T24339">
        <v>10</v>
      </c>
      <c r="U24339">
        <v>10</v>
      </c>
      <c r="V24339">
        <v>10</v>
      </c>
      <c r="W24339">
        <v>10</v>
      </c>
      <c r="X24339">
        <v>10</v>
      </c>
      <c r="Y24339">
        <v>10</v>
      </c>
      <c r="Z24339">
        <v>10</v>
      </c>
      <c r="AA24339">
        <v>10</v>
      </c>
      <c r="AB24339">
        <v>10</v>
      </c>
      <c r="AC24339">
        <v>10</v>
      </c>
      <c r="AD24339">
        <v>10</v>
      </c>
      <c r="AE24339">
        <v>10</v>
      </c>
      <c r="AF24339">
        <v>10</v>
      </c>
      <c r="AG24339">
        <v>10</v>
      </c>
      <c r="AH24339">
        <v>10</v>
      </c>
      <c r="AI24339">
        <v>10</v>
      </c>
      <c r="AJ24339">
        <v>11</v>
      </c>
      <c r="AK24339">
        <v>11</v>
      </c>
      <c r="AL24339">
        <v>11</v>
      </c>
      <c r="AM24339">
        <v>11</v>
      </c>
      <c r="AN24339">
        <v>11</v>
      </c>
      <c r="AO24339">
        <v>11</v>
      </c>
      <c r="AP24339">
        <v>11</v>
      </c>
      <c r="AQ24339">
        <v>11</v>
      </c>
    </row>
    <row r="24340" spans="1:43">
      <c r="A24340" t="s">
        <v>15069</v>
      </c>
      <c r="B24340" t="s">
        <v>15070</v>
      </c>
      <c r="C24340" t="s">
        <v>15015</v>
      </c>
      <c r="D24340" t="s">
        <v>15016</v>
      </c>
      <c r="E24340" t="s">
        <v>14997</v>
      </c>
      <c r="F24340" t="s">
        <v>14998</v>
      </c>
      <c r="G24340" t="s">
        <v>10734</v>
      </c>
      <c r="H24340" t="s">
        <v>10735</v>
      </c>
      <c r="I24340" s="2">
        <v>1</v>
      </c>
      <c r="J24340" s="2">
        <v>0</v>
      </c>
      <c r="K24340" s="2">
        <v>0</v>
      </c>
      <c r="L24340" t="s">
        <v>120</v>
      </c>
      <c r="M24340" t="s">
        <v>89</v>
      </c>
      <c r="N24340" t="s">
        <v>90</v>
      </c>
      <c r="O24340" t="s">
        <v>85</v>
      </c>
      <c r="P24340" t="s">
        <v>86</v>
      </c>
      <c r="Q24340">
        <v>9</v>
      </c>
      <c r="R24340">
        <v>9</v>
      </c>
      <c r="S24340">
        <v>9</v>
      </c>
      <c r="T24340">
        <v>9</v>
      </c>
      <c r="U24340">
        <v>9</v>
      </c>
      <c r="V24340">
        <v>10</v>
      </c>
      <c r="W24340">
        <v>10</v>
      </c>
      <c r="X24340">
        <v>10</v>
      </c>
      <c r="Y24340">
        <v>10</v>
      </c>
      <c r="Z24340">
        <v>10</v>
      </c>
      <c r="AA24340">
        <v>11</v>
      </c>
      <c r="AB24340">
        <v>11</v>
      </c>
      <c r="AC24340">
        <v>11</v>
      </c>
      <c r="AD24340">
        <v>11</v>
      </c>
      <c r="AE24340">
        <v>11</v>
      </c>
      <c r="AF24340">
        <v>11</v>
      </c>
      <c r="AG24340">
        <v>11</v>
      </c>
      <c r="AH24340">
        <v>11</v>
      </c>
      <c r="AI24340">
        <v>11</v>
      </c>
      <c r="AJ24340">
        <v>12</v>
      </c>
      <c r="AK24340">
        <v>12</v>
      </c>
      <c r="AL24340">
        <v>12</v>
      </c>
      <c r="AM24340">
        <v>12</v>
      </c>
      <c r="AN24340">
        <v>12</v>
      </c>
      <c r="AO24340">
        <v>12</v>
      </c>
      <c r="AP24340">
        <v>12</v>
      </c>
      <c r="AQ24340">
        <v>12</v>
      </c>
    </row>
    <row r="24341" spans="1:43">
      <c r="A24341" t="s">
        <v>15069</v>
      </c>
      <c r="B24341" t="s">
        <v>15070</v>
      </c>
      <c r="C24341" t="s">
        <v>15015</v>
      </c>
      <c r="D24341" t="s">
        <v>15016</v>
      </c>
      <c r="E24341" t="s">
        <v>14997</v>
      </c>
      <c r="F24341" t="s">
        <v>14998</v>
      </c>
      <c r="G24341" t="s">
        <v>10734</v>
      </c>
      <c r="H24341" t="s">
        <v>10735</v>
      </c>
      <c r="I24341" s="2">
        <v>1</v>
      </c>
      <c r="J24341" s="2">
        <v>0</v>
      </c>
      <c r="K24341" s="2">
        <v>0</v>
      </c>
      <c r="L24341" t="s">
        <v>120</v>
      </c>
      <c r="M24341" t="s">
        <v>83</v>
      </c>
      <c r="N24341" t="s">
        <v>91</v>
      </c>
      <c r="O24341" t="s">
        <v>85</v>
      </c>
      <c r="P24341" t="s">
        <v>86</v>
      </c>
      <c r="Q24341">
        <v>9</v>
      </c>
      <c r="R24341">
        <v>10</v>
      </c>
      <c r="S24341">
        <v>10</v>
      </c>
      <c r="T24341">
        <v>10</v>
      </c>
      <c r="U24341">
        <v>10</v>
      </c>
      <c r="V24341">
        <v>10</v>
      </c>
      <c r="W24341">
        <v>10</v>
      </c>
      <c r="X24341">
        <v>10</v>
      </c>
      <c r="Y24341">
        <v>11</v>
      </c>
      <c r="Z24341">
        <v>11</v>
      </c>
      <c r="AA24341">
        <v>11</v>
      </c>
      <c r="AB24341">
        <v>11</v>
      </c>
      <c r="AC24341">
        <v>11</v>
      </c>
      <c r="AD24341">
        <v>11</v>
      </c>
      <c r="AE24341">
        <v>11</v>
      </c>
      <c r="AF24341">
        <v>12</v>
      </c>
      <c r="AG24341">
        <v>12</v>
      </c>
      <c r="AH24341">
        <v>12</v>
      </c>
      <c r="AI24341">
        <v>12</v>
      </c>
      <c r="AJ24341">
        <v>12</v>
      </c>
      <c r="AK24341">
        <v>12</v>
      </c>
      <c r="AL24341">
        <v>12</v>
      </c>
      <c r="AM24341">
        <v>12</v>
      </c>
      <c r="AN24341">
        <v>13</v>
      </c>
      <c r="AO24341">
        <v>13</v>
      </c>
      <c r="AP24341">
        <v>13</v>
      </c>
      <c r="AQ24341">
        <v>13</v>
      </c>
    </row>
    <row r="24342" spans="1:43">
      <c r="A24342" t="s">
        <v>15071</v>
      </c>
      <c r="B24342" t="s">
        <v>15072</v>
      </c>
      <c r="C24342" t="s">
        <v>15015</v>
      </c>
      <c r="D24342" t="s">
        <v>15016</v>
      </c>
      <c r="E24342" t="s">
        <v>14997</v>
      </c>
      <c r="F24342" t="s">
        <v>14998</v>
      </c>
      <c r="G24342" t="s">
        <v>10734</v>
      </c>
      <c r="H24342" t="s">
        <v>10735</v>
      </c>
      <c r="I24342" s="2">
        <v>1</v>
      </c>
      <c r="J24342" s="2">
        <v>0</v>
      </c>
      <c r="K24342" s="2">
        <v>0</v>
      </c>
      <c r="L24342" t="s">
        <v>120</v>
      </c>
      <c r="M24342" t="s">
        <v>83</v>
      </c>
      <c r="N24342" t="s">
        <v>84</v>
      </c>
      <c r="O24342" t="s">
        <v>85</v>
      </c>
      <c r="P24342" t="s">
        <v>86</v>
      </c>
      <c r="Q24342">
        <v>33</v>
      </c>
      <c r="R24342">
        <v>33</v>
      </c>
      <c r="S24342">
        <v>34</v>
      </c>
      <c r="T24342">
        <v>34</v>
      </c>
      <c r="U24342">
        <v>35</v>
      </c>
      <c r="V24342">
        <v>35</v>
      </c>
      <c r="W24342">
        <v>36</v>
      </c>
      <c r="X24342">
        <v>36</v>
      </c>
      <c r="Y24342">
        <v>37</v>
      </c>
      <c r="Z24342">
        <v>37</v>
      </c>
      <c r="AA24342">
        <v>38</v>
      </c>
      <c r="AB24342">
        <v>38</v>
      </c>
      <c r="AC24342">
        <v>39</v>
      </c>
      <c r="AD24342">
        <v>39</v>
      </c>
      <c r="AE24342">
        <v>40</v>
      </c>
      <c r="AF24342">
        <v>40</v>
      </c>
      <c r="AG24342">
        <v>41</v>
      </c>
      <c r="AH24342">
        <v>41</v>
      </c>
      <c r="AI24342">
        <v>42</v>
      </c>
      <c r="AJ24342">
        <v>42</v>
      </c>
      <c r="AK24342">
        <v>43</v>
      </c>
      <c r="AL24342">
        <v>43</v>
      </c>
      <c r="AM24342">
        <v>43</v>
      </c>
      <c r="AN24342">
        <v>44</v>
      </c>
      <c r="AO24342">
        <v>44</v>
      </c>
      <c r="AP24342">
        <v>44</v>
      </c>
      <c r="AQ24342">
        <v>44</v>
      </c>
    </row>
    <row r="24343" spans="1:43">
      <c r="A24343" t="s">
        <v>15071</v>
      </c>
      <c r="B24343" t="s">
        <v>15072</v>
      </c>
      <c r="C24343" t="s">
        <v>15015</v>
      </c>
      <c r="D24343" t="s">
        <v>15016</v>
      </c>
      <c r="E24343" t="s">
        <v>14997</v>
      </c>
      <c r="F24343" t="s">
        <v>14998</v>
      </c>
      <c r="G24343" t="s">
        <v>10734</v>
      </c>
      <c r="H24343" t="s">
        <v>10735</v>
      </c>
      <c r="I24343" s="2">
        <v>1</v>
      </c>
      <c r="J24343" s="2">
        <v>0</v>
      </c>
      <c r="K24343" s="2">
        <v>0</v>
      </c>
      <c r="L24343" t="s">
        <v>120</v>
      </c>
      <c r="M24343" t="s">
        <v>87</v>
      </c>
      <c r="N24343" t="s">
        <v>88</v>
      </c>
      <c r="O24343" t="s">
        <v>85</v>
      </c>
      <c r="P24343" t="s">
        <v>86</v>
      </c>
      <c r="Q24343">
        <v>33</v>
      </c>
      <c r="R24343">
        <v>33</v>
      </c>
      <c r="S24343">
        <v>33</v>
      </c>
      <c r="T24343">
        <v>33</v>
      </c>
      <c r="U24343">
        <v>33</v>
      </c>
      <c r="V24343">
        <v>34</v>
      </c>
      <c r="W24343">
        <v>34</v>
      </c>
      <c r="X24343">
        <v>34</v>
      </c>
      <c r="Y24343">
        <v>34</v>
      </c>
      <c r="Z24343">
        <v>34</v>
      </c>
      <c r="AA24343">
        <v>35</v>
      </c>
      <c r="AB24343">
        <v>35</v>
      </c>
      <c r="AC24343">
        <v>35</v>
      </c>
      <c r="AD24343">
        <v>35</v>
      </c>
      <c r="AE24343">
        <v>35</v>
      </c>
      <c r="AF24343">
        <v>36</v>
      </c>
      <c r="AG24343">
        <v>36</v>
      </c>
      <c r="AH24343">
        <v>36</v>
      </c>
      <c r="AI24343">
        <v>36</v>
      </c>
      <c r="AJ24343">
        <v>37</v>
      </c>
      <c r="AK24343">
        <v>37</v>
      </c>
      <c r="AL24343">
        <v>37</v>
      </c>
      <c r="AM24343">
        <v>37</v>
      </c>
      <c r="AN24343">
        <v>38</v>
      </c>
      <c r="AO24343">
        <v>38</v>
      </c>
      <c r="AP24343">
        <v>38</v>
      </c>
      <c r="AQ24343">
        <v>38</v>
      </c>
    </row>
    <row r="24344" spans="1:43">
      <c r="A24344" t="s">
        <v>15071</v>
      </c>
      <c r="B24344" t="s">
        <v>15072</v>
      </c>
      <c r="C24344" t="s">
        <v>15015</v>
      </c>
      <c r="D24344" t="s">
        <v>15016</v>
      </c>
      <c r="E24344" t="s">
        <v>14997</v>
      </c>
      <c r="F24344" t="s">
        <v>14998</v>
      </c>
      <c r="G24344" t="s">
        <v>10734</v>
      </c>
      <c r="H24344" t="s">
        <v>10735</v>
      </c>
      <c r="I24344" s="2">
        <v>1</v>
      </c>
      <c r="J24344" s="2">
        <v>0</v>
      </c>
      <c r="K24344" s="2">
        <v>0</v>
      </c>
      <c r="L24344" t="s">
        <v>120</v>
      </c>
      <c r="M24344" t="s">
        <v>89</v>
      </c>
      <c r="N24344" t="s">
        <v>90</v>
      </c>
      <c r="O24344" t="s">
        <v>85</v>
      </c>
      <c r="P24344" t="s">
        <v>86</v>
      </c>
      <c r="Q24344">
        <v>33</v>
      </c>
      <c r="R24344">
        <v>34</v>
      </c>
      <c r="S24344">
        <v>35</v>
      </c>
      <c r="T24344">
        <v>36</v>
      </c>
      <c r="U24344">
        <v>36</v>
      </c>
      <c r="V24344">
        <v>37</v>
      </c>
      <c r="W24344">
        <v>38</v>
      </c>
      <c r="X24344">
        <v>38</v>
      </c>
      <c r="Y24344">
        <v>39</v>
      </c>
      <c r="Z24344">
        <v>40</v>
      </c>
      <c r="AA24344">
        <v>40</v>
      </c>
      <c r="AB24344">
        <v>41</v>
      </c>
      <c r="AC24344">
        <v>42</v>
      </c>
      <c r="AD24344">
        <v>42</v>
      </c>
      <c r="AE24344">
        <v>43</v>
      </c>
      <c r="AF24344">
        <v>43</v>
      </c>
      <c r="AG24344">
        <v>43</v>
      </c>
      <c r="AH24344">
        <v>43</v>
      </c>
      <c r="AI24344">
        <v>43</v>
      </c>
      <c r="AJ24344">
        <v>43</v>
      </c>
      <c r="AK24344">
        <v>44</v>
      </c>
      <c r="AL24344">
        <v>44</v>
      </c>
      <c r="AM24344">
        <v>44</v>
      </c>
      <c r="AN24344">
        <v>44</v>
      </c>
      <c r="AO24344">
        <v>44</v>
      </c>
      <c r="AP24344">
        <v>44</v>
      </c>
      <c r="AQ24344">
        <v>45</v>
      </c>
    </row>
    <row r="24345" spans="1:43">
      <c r="A24345" t="s">
        <v>15071</v>
      </c>
      <c r="B24345" t="s">
        <v>15072</v>
      </c>
      <c r="C24345" t="s">
        <v>15015</v>
      </c>
      <c r="D24345" t="s">
        <v>15016</v>
      </c>
      <c r="E24345" t="s">
        <v>14997</v>
      </c>
      <c r="F24345" t="s">
        <v>14998</v>
      </c>
      <c r="G24345" t="s">
        <v>10734</v>
      </c>
      <c r="H24345" t="s">
        <v>10735</v>
      </c>
      <c r="I24345" s="2">
        <v>1</v>
      </c>
      <c r="J24345" s="2">
        <v>0</v>
      </c>
      <c r="K24345" s="2">
        <v>0</v>
      </c>
      <c r="L24345" t="s">
        <v>120</v>
      </c>
      <c r="M24345" t="s">
        <v>83</v>
      </c>
      <c r="N24345" t="s">
        <v>91</v>
      </c>
      <c r="O24345" t="s">
        <v>85</v>
      </c>
      <c r="P24345" t="s">
        <v>86</v>
      </c>
      <c r="Q24345">
        <v>33</v>
      </c>
      <c r="R24345">
        <v>33</v>
      </c>
      <c r="S24345">
        <v>34</v>
      </c>
      <c r="T24345">
        <v>34</v>
      </c>
      <c r="U24345">
        <v>35</v>
      </c>
      <c r="V24345">
        <v>35</v>
      </c>
      <c r="W24345">
        <v>36</v>
      </c>
      <c r="X24345">
        <v>36</v>
      </c>
      <c r="Y24345">
        <v>37</v>
      </c>
      <c r="Z24345">
        <v>37</v>
      </c>
      <c r="AA24345">
        <v>38</v>
      </c>
      <c r="AB24345">
        <v>38</v>
      </c>
      <c r="AC24345">
        <v>39</v>
      </c>
      <c r="AD24345">
        <v>39</v>
      </c>
      <c r="AE24345">
        <v>40</v>
      </c>
      <c r="AF24345">
        <v>40</v>
      </c>
      <c r="AG24345">
        <v>41</v>
      </c>
      <c r="AH24345">
        <v>41</v>
      </c>
      <c r="AI24345">
        <v>42</v>
      </c>
      <c r="AJ24345">
        <v>42</v>
      </c>
      <c r="AK24345">
        <v>43</v>
      </c>
      <c r="AL24345">
        <v>43</v>
      </c>
      <c r="AM24345">
        <v>43</v>
      </c>
      <c r="AN24345">
        <v>44</v>
      </c>
      <c r="AO24345">
        <v>44</v>
      </c>
      <c r="AP24345">
        <v>44</v>
      </c>
      <c r="AQ24345">
        <v>44</v>
      </c>
    </row>
    <row r="24346" spans="1:43">
      <c r="A24346" t="s">
        <v>15073</v>
      </c>
      <c r="B24346" t="s">
        <v>15074</v>
      </c>
      <c r="C24346" t="s">
        <v>14995</v>
      </c>
      <c r="D24346" t="s">
        <v>14996</v>
      </c>
      <c r="E24346" t="s">
        <v>14997</v>
      </c>
      <c r="F24346" t="s">
        <v>14998</v>
      </c>
      <c r="G24346" t="s">
        <v>10734</v>
      </c>
      <c r="H24346" t="s">
        <v>10735</v>
      </c>
      <c r="I24346" s="2">
        <v>1</v>
      </c>
      <c r="J24346" s="2">
        <v>0</v>
      </c>
      <c r="K24346" s="2">
        <v>0</v>
      </c>
      <c r="L24346" t="s">
        <v>120</v>
      </c>
      <c r="M24346" t="s">
        <v>83</v>
      </c>
      <c r="N24346" t="s">
        <v>84</v>
      </c>
      <c r="O24346" t="s">
        <v>85</v>
      </c>
      <c r="P24346" t="s">
        <v>86</v>
      </c>
      <c r="Q24346">
        <v>12</v>
      </c>
      <c r="R24346">
        <v>12</v>
      </c>
      <c r="S24346">
        <v>13</v>
      </c>
      <c r="T24346">
        <v>13</v>
      </c>
      <c r="U24346">
        <v>13</v>
      </c>
      <c r="V24346">
        <v>13</v>
      </c>
      <c r="W24346">
        <v>13</v>
      </c>
      <c r="X24346">
        <v>14</v>
      </c>
      <c r="Y24346">
        <v>14</v>
      </c>
      <c r="Z24346">
        <v>14</v>
      </c>
      <c r="AA24346">
        <v>14</v>
      </c>
      <c r="AB24346">
        <v>14</v>
      </c>
      <c r="AC24346">
        <v>14</v>
      </c>
      <c r="AD24346">
        <v>15</v>
      </c>
      <c r="AE24346">
        <v>15</v>
      </c>
      <c r="AF24346">
        <v>15</v>
      </c>
      <c r="AG24346">
        <v>15</v>
      </c>
      <c r="AH24346">
        <v>15</v>
      </c>
      <c r="AI24346">
        <v>16</v>
      </c>
      <c r="AJ24346">
        <v>16</v>
      </c>
      <c r="AK24346">
        <v>16</v>
      </c>
      <c r="AL24346">
        <v>16</v>
      </c>
      <c r="AM24346">
        <v>16</v>
      </c>
      <c r="AN24346">
        <v>16</v>
      </c>
      <c r="AO24346">
        <v>16</v>
      </c>
      <c r="AP24346">
        <v>16</v>
      </c>
      <c r="AQ24346">
        <v>16</v>
      </c>
    </row>
    <row r="24347" spans="1:43">
      <c r="A24347" t="s">
        <v>15073</v>
      </c>
      <c r="B24347" t="s">
        <v>15074</v>
      </c>
      <c r="C24347" t="s">
        <v>14995</v>
      </c>
      <c r="D24347" t="s">
        <v>14996</v>
      </c>
      <c r="E24347" t="s">
        <v>14997</v>
      </c>
      <c r="F24347" t="s">
        <v>14998</v>
      </c>
      <c r="G24347" t="s">
        <v>10734</v>
      </c>
      <c r="H24347" t="s">
        <v>10735</v>
      </c>
      <c r="I24347" s="2">
        <v>1</v>
      </c>
      <c r="J24347" s="2">
        <v>0</v>
      </c>
      <c r="K24347" s="2">
        <v>0</v>
      </c>
      <c r="L24347" t="s">
        <v>120</v>
      </c>
      <c r="M24347" t="s">
        <v>87</v>
      </c>
      <c r="N24347" t="s">
        <v>88</v>
      </c>
      <c r="O24347" t="s">
        <v>85</v>
      </c>
      <c r="P24347" t="s">
        <v>86</v>
      </c>
      <c r="Q24347">
        <v>12</v>
      </c>
      <c r="R24347">
        <v>12</v>
      </c>
      <c r="S24347">
        <v>12</v>
      </c>
      <c r="T24347">
        <v>12</v>
      </c>
      <c r="U24347">
        <v>12</v>
      </c>
      <c r="V24347">
        <v>12</v>
      </c>
      <c r="W24347">
        <v>13</v>
      </c>
      <c r="X24347">
        <v>13</v>
      </c>
      <c r="Y24347">
        <v>13</v>
      </c>
      <c r="Z24347">
        <v>13</v>
      </c>
      <c r="AA24347">
        <v>13</v>
      </c>
      <c r="AB24347">
        <v>13</v>
      </c>
      <c r="AC24347">
        <v>13</v>
      </c>
      <c r="AD24347">
        <v>13</v>
      </c>
      <c r="AE24347">
        <v>13</v>
      </c>
      <c r="AF24347">
        <v>13</v>
      </c>
      <c r="AG24347">
        <v>13</v>
      </c>
      <c r="AH24347">
        <v>13</v>
      </c>
      <c r="AI24347">
        <v>13</v>
      </c>
      <c r="AJ24347">
        <v>14</v>
      </c>
      <c r="AK24347">
        <v>14</v>
      </c>
      <c r="AL24347">
        <v>14</v>
      </c>
      <c r="AM24347">
        <v>14</v>
      </c>
      <c r="AN24347">
        <v>14</v>
      </c>
      <c r="AO24347">
        <v>14</v>
      </c>
      <c r="AP24347">
        <v>14</v>
      </c>
      <c r="AQ24347">
        <v>14</v>
      </c>
    </row>
    <row r="24348" spans="1:43">
      <c r="A24348" t="s">
        <v>15073</v>
      </c>
      <c r="B24348" t="s">
        <v>15074</v>
      </c>
      <c r="C24348" t="s">
        <v>14995</v>
      </c>
      <c r="D24348" t="s">
        <v>14996</v>
      </c>
      <c r="E24348" t="s">
        <v>14997</v>
      </c>
      <c r="F24348" t="s">
        <v>14998</v>
      </c>
      <c r="G24348" t="s">
        <v>10734</v>
      </c>
      <c r="H24348" t="s">
        <v>10735</v>
      </c>
      <c r="I24348" s="2">
        <v>1</v>
      </c>
      <c r="J24348" s="2">
        <v>0</v>
      </c>
      <c r="K24348" s="2">
        <v>0</v>
      </c>
      <c r="L24348" t="s">
        <v>120</v>
      </c>
      <c r="M24348" t="s">
        <v>89</v>
      </c>
      <c r="N24348" t="s">
        <v>90</v>
      </c>
      <c r="O24348" t="s">
        <v>85</v>
      </c>
      <c r="P24348" t="s">
        <v>86</v>
      </c>
      <c r="Q24348">
        <v>12</v>
      </c>
      <c r="R24348">
        <v>13</v>
      </c>
      <c r="S24348">
        <v>13</v>
      </c>
      <c r="T24348">
        <v>13</v>
      </c>
      <c r="U24348">
        <v>13</v>
      </c>
      <c r="V24348">
        <v>14</v>
      </c>
      <c r="W24348">
        <v>14</v>
      </c>
      <c r="X24348">
        <v>14</v>
      </c>
      <c r="Y24348">
        <v>14</v>
      </c>
      <c r="Z24348">
        <v>15</v>
      </c>
      <c r="AA24348">
        <v>15</v>
      </c>
      <c r="AB24348">
        <v>15</v>
      </c>
      <c r="AC24348">
        <v>15</v>
      </c>
      <c r="AD24348">
        <v>16</v>
      </c>
      <c r="AE24348">
        <v>16</v>
      </c>
      <c r="AF24348">
        <v>16</v>
      </c>
      <c r="AG24348">
        <v>16</v>
      </c>
      <c r="AH24348">
        <v>16</v>
      </c>
      <c r="AI24348">
        <v>16</v>
      </c>
      <c r="AJ24348">
        <v>16</v>
      </c>
      <c r="AK24348">
        <v>16</v>
      </c>
      <c r="AL24348">
        <v>16</v>
      </c>
      <c r="AM24348">
        <v>16</v>
      </c>
      <c r="AN24348">
        <v>16</v>
      </c>
      <c r="AO24348">
        <v>16</v>
      </c>
      <c r="AP24348">
        <v>16</v>
      </c>
      <c r="AQ24348">
        <v>17</v>
      </c>
    </row>
    <row r="24349" spans="1:43">
      <c r="A24349" t="s">
        <v>15073</v>
      </c>
      <c r="B24349" t="s">
        <v>15074</v>
      </c>
      <c r="C24349" t="s">
        <v>14995</v>
      </c>
      <c r="D24349" t="s">
        <v>14996</v>
      </c>
      <c r="E24349" t="s">
        <v>14997</v>
      </c>
      <c r="F24349" t="s">
        <v>14998</v>
      </c>
      <c r="G24349" t="s">
        <v>10734</v>
      </c>
      <c r="H24349" t="s">
        <v>10735</v>
      </c>
      <c r="I24349" s="2">
        <v>1</v>
      </c>
      <c r="J24349" s="2">
        <v>0</v>
      </c>
      <c r="K24349" s="2">
        <v>0</v>
      </c>
      <c r="L24349" t="s">
        <v>120</v>
      </c>
      <c r="M24349" t="s">
        <v>83</v>
      </c>
      <c r="N24349" t="s">
        <v>91</v>
      </c>
      <c r="O24349" t="s">
        <v>85</v>
      </c>
      <c r="P24349" t="s">
        <v>86</v>
      </c>
      <c r="Q24349">
        <v>12</v>
      </c>
      <c r="R24349">
        <v>12</v>
      </c>
      <c r="S24349">
        <v>13</v>
      </c>
      <c r="T24349">
        <v>13</v>
      </c>
      <c r="U24349">
        <v>13</v>
      </c>
      <c r="V24349">
        <v>13</v>
      </c>
      <c r="W24349">
        <v>13</v>
      </c>
      <c r="X24349">
        <v>14</v>
      </c>
      <c r="Y24349">
        <v>14</v>
      </c>
      <c r="Z24349">
        <v>14</v>
      </c>
      <c r="AA24349">
        <v>14</v>
      </c>
      <c r="AB24349">
        <v>14</v>
      </c>
      <c r="AC24349">
        <v>14</v>
      </c>
      <c r="AD24349">
        <v>15</v>
      </c>
      <c r="AE24349">
        <v>15</v>
      </c>
      <c r="AF24349">
        <v>15</v>
      </c>
      <c r="AG24349">
        <v>15</v>
      </c>
      <c r="AH24349">
        <v>15</v>
      </c>
      <c r="AI24349">
        <v>16</v>
      </c>
      <c r="AJ24349">
        <v>16</v>
      </c>
      <c r="AK24349">
        <v>16</v>
      </c>
      <c r="AL24349">
        <v>16</v>
      </c>
      <c r="AM24349">
        <v>16</v>
      </c>
      <c r="AN24349">
        <v>16</v>
      </c>
      <c r="AO24349">
        <v>16</v>
      </c>
      <c r="AP24349">
        <v>16</v>
      </c>
      <c r="AQ24349">
        <v>16</v>
      </c>
    </row>
    <row r="24350" spans="1:43">
      <c r="A24350" t="s">
        <v>15075</v>
      </c>
      <c r="B24350" t="s">
        <v>15076</v>
      </c>
      <c r="C24350" t="s">
        <v>15035</v>
      </c>
      <c r="D24350" t="s">
        <v>15036</v>
      </c>
      <c r="E24350" t="s">
        <v>14997</v>
      </c>
      <c r="F24350" t="s">
        <v>14998</v>
      </c>
      <c r="G24350" t="s">
        <v>10734</v>
      </c>
      <c r="H24350" t="s">
        <v>10735</v>
      </c>
      <c r="I24350" s="2">
        <v>1</v>
      </c>
      <c r="J24350" s="2">
        <v>0</v>
      </c>
      <c r="K24350" s="2">
        <v>0</v>
      </c>
      <c r="L24350" t="s">
        <v>120</v>
      </c>
      <c r="M24350" t="s">
        <v>83</v>
      </c>
      <c r="N24350" t="s">
        <v>84</v>
      </c>
      <c r="O24350" t="s">
        <v>85</v>
      </c>
      <c r="P24350" t="s">
        <v>86</v>
      </c>
      <c r="Q24350">
        <v>92</v>
      </c>
      <c r="R24350">
        <v>93</v>
      </c>
      <c r="S24350">
        <v>95</v>
      </c>
      <c r="T24350">
        <v>96</v>
      </c>
      <c r="U24350">
        <v>98</v>
      </c>
      <c r="V24350">
        <v>99</v>
      </c>
      <c r="W24350">
        <v>101</v>
      </c>
      <c r="X24350">
        <v>102</v>
      </c>
      <c r="Y24350">
        <v>103</v>
      </c>
      <c r="Z24350">
        <v>105</v>
      </c>
      <c r="AA24350">
        <v>106</v>
      </c>
      <c r="AB24350">
        <v>107</v>
      </c>
      <c r="AC24350">
        <v>109</v>
      </c>
      <c r="AD24350">
        <v>110</v>
      </c>
      <c r="AE24350">
        <v>111</v>
      </c>
      <c r="AF24350">
        <v>113</v>
      </c>
      <c r="AG24350">
        <v>114</v>
      </c>
      <c r="AH24350">
        <v>115</v>
      </c>
      <c r="AI24350">
        <v>117</v>
      </c>
      <c r="AJ24350">
        <v>118</v>
      </c>
      <c r="AK24350">
        <v>120</v>
      </c>
      <c r="AL24350">
        <v>120</v>
      </c>
      <c r="AM24350">
        <v>121</v>
      </c>
      <c r="AN24350">
        <v>121</v>
      </c>
      <c r="AO24350">
        <v>122</v>
      </c>
      <c r="AP24350">
        <v>122</v>
      </c>
      <c r="AQ24350">
        <v>123</v>
      </c>
    </row>
    <row r="24351" spans="1:43">
      <c r="A24351" t="s">
        <v>15075</v>
      </c>
      <c r="B24351" t="s">
        <v>15076</v>
      </c>
      <c r="C24351" t="s">
        <v>15035</v>
      </c>
      <c r="D24351" t="s">
        <v>15036</v>
      </c>
      <c r="E24351" t="s">
        <v>14997</v>
      </c>
      <c r="F24351" t="s">
        <v>14998</v>
      </c>
      <c r="G24351" t="s">
        <v>10734</v>
      </c>
      <c r="H24351" t="s">
        <v>10735</v>
      </c>
      <c r="I24351" s="2">
        <v>1</v>
      </c>
      <c r="J24351" s="2">
        <v>0</v>
      </c>
      <c r="K24351" s="2">
        <v>0</v>
      </c>
      <c r="L24351" t="s">
        <v>120</v>
      </c>
      <c r="M24351" t="s">
        <v>87</v>
      </c>
      <c r="N24351" t="s">
        <v>88</v>
      </c>
      <c r="O24351" t="s">
        <v>85</v>
      </c>
      <c r="P24351" t="s">
        <v>86</v>
      </c>
      <c r="Q24351">
        <v>92</v>
      </c>
      <c r="R24351">
        <v>93</v>
      </c>
      <c r="S24351">
        <v>93</v>
      </c>
      <c r="T24351">
        <v>94</v>
      </c>
      <c r="U24351">
        <v>94</v>
      </c>
      <c r="V24351">
        <v>95</v>
      </c>
      <c r="W24351">
        <v>96</v>
      </c>
      <c r="X24351">
        <v>96</v>
      </c>
      <c r="Y24351">
        <v>97</v>
      </c>
      <c r="Z24351">
        <v>97</v>
      </c>
      <c r="AA24351">
        <v>98</v>
      </c>
      <c r="AB24351">
        <v>98</v>
      </c>
      <c r="AC24351">
        <v>99</v>
      </c>
      <c r="AD24351">
        <v>100</v>
      </c>
      <c r="AE24351">
        <v>100</v>
      </c>
      <c r="AF24351">
        <v>101</v>
      </c>
      <c r="AG24351">
        <v>102</v>
      </c>
      <c r="AH24351">
        <v>102</v>
      </c>
      <c r="AI24351">
        <v>103</v>
      </c>
      <c r="AJ24351">
        <v>104</v>
      </c>
      <c r="AK24351">
        <v>104</v>
      </c>
      <c r="AL24351">
        <v>105</v>
      </c>
      <c r="AM24351">
        <v>106</v>
      </c>
      <c r="AN24351">
        <v>106</v>
      </c>
      <c r="AO24351">
        <v>107</v>
      </c>
      <c r="AP24351">
        <v>108</v>
      </c>
      <c r="AQ24351">
        <v>109</v>
      </c>
    </row>
    <row r="24352" spans="1:43">
      <c r="A24352" t="s">
        <v>15075</v>
      </c>
      <c r="B24352" t="s">
        <v>15076</v>
      </c>
      <c r="C24352" t="s">
        <v>15035</v>
      </c>
      <c r="D24352" t="s">
        <v>15036</v>
      </c>
      <c r="E24352" t="s">
        <v>14997</v>
      </c>
      <c r="F24352" t="s">
        <v>14998</v>
      </c>
      <c r="G24352" t="s">
        <v>10734</v>
      </c>
      <c r="H24352" t="s">
        <v>10735</v>
      </c>
      <c r="I24352" s="2">
        <v>1</v>
      </c>
      <c r="J24352" s="2">
        <v>0</v>
      </c>
      <c r="K24352" s="2">
        <v>0</v>
      </c>
      <c r="L24352" t="s">
        <v>120</v>
      </c>
      <c r="M24352" t="s">
        <v>89</v>
      </c>
      <c r="N24352" t="s">
        <v>90</v>
      </c>
      <c r="O24352" t="s">
        <v>85</v>
      </c>
      <c r="P24352" t="s">
        <v>86</v>
      </c>
      <c r="Q24352">
        <v>92</v>
      </c>
      <c r="R24352">
        <v>94</v>
      </c>
      <c r="S24352">
        <v>96</v>
      </c>
      <c r="T24352">
        <v>98</v>
      </c>
      <c r="U24352">
        <v>101</v>
      </c>
      <c r="V24352">
        <v>102</v>
      </c>
      <c r="W24352">
        <v>104</v>
      </c>
      <c r="X24352">
        <v>106</v>
      </c>
      <c r="Y24352">
        <v>108</v>
      </c>
      <c r="Z24352">
        <v>110</v>
      </c>
      <c r="AA24352">
        <v>111</v>
      </c>
      <c r="AB24352">
        <v>113</v>
      </c>
      <c r="AC24352">
        <v>115</v>
      </c>
      <c r="AD24352">
        <v>117</v>
      </c>
      <c r="AE24352">
        <v>118</v>
      </c>
      <c r="AF24352">
        <v>118</v>
      </c>
      <c r="AG24352">
        <v>119</v>
      </c>
      <c r="AH24352">
        <v>119</v>
      </c>
      <c r="AI24352">
        <v>119</v>
      </c>
      <c r="AJ24352">
        <v>120</v>
      </c>
      <c r="AK24352">
        <v>120</v>
      </c>
      <c r="AL24352">
        <v>121</v>
      </c>
      <c r="AM24352">
        <v>121</v>
      </c>
      <c r="AN24352">
        <v>121</v>
      </c>
      <c r="AO24352">
        <v>122</v>
      </c>
      <c r="AP24352">
        <v>122</v>
      </c>
      <c r="AQ24352">
        <v>123</v>
      </c>
    </row>
    <row r="24353" spans="1:43">
      <c r="A24353" t="s">
        <v>15075</v>
      </c>
      <c r="B24353" t="s">
        <v>15076</v>
      </c>
      <c r="C24353" t="s">
        <v>15035</v>
      </c>
      <c r="D24353" t="s">
        <v>15036</v>
      </c>
      <c r="E24353" t="s">
        <v>14997</v>
      </c>
      <c r="F24353" t="s">
        <v>14998</v>
      </c>
      <c r="G24353" t="s">
        <v>10734</v>
      </c>
      <c r="H24353" t="s">
        <v>10735</v>
      </c>
      <c r="I24353" s="2">
        <v>1</v>
      </c>
      <c r="J24353" s="2">
        <v>0</v>
      </c>
      <c r="K24353" s="2">
        <v>0</v>
      </c>
      <c r="L24353" t="s">
        <v>120</v>
      </c>
      <c r="M24353" t="s">
        <v>83</v>
      </c>
      <c r="N24353" t="s">
        <v>91</v>
      </c>
      <c r="O24353" t="s">
        <v>85</v>
      </c>
      <c r="P24353" t="s">
        <v>86</v>
      </c>
      <c r="Q24353">
        <v>92</v>
      </c>
      <c r="R24353">
        <v>93</v>
      </c>
      <c r="S24353">
        <v>95</v>
      </c>
      <c r="T24353">
        <v>96</v>
      </c>
      <c r="U24353">
        <v>98</v>
      </c>
      <c r="V24353">
        <v>99</v>
      </c>
      <c r="W24353">
        <v>101</v>
      </c>
      <c r="X24353">
        <v>102</v>
      </c>
      <c r="Y24353">
        <v>103</v>
      </c>
      <c r="Z24353">
        <v>105</v>
      </c>
      <c r="AA24353">
        <v>106</v>
      </c>
      <c r="AB24353">
        <v>107</v>
      </c>
      <c r="AC24353">
        <v>109</v>
      </c>
      <c r="AD24353">
        <v>110</v>
      </c>
      <c r="AE24353">
        <v>111</v>
      </c>
      <c r="AF24353">
        <v>113</v>
      </c>
      <c r="AG24353">
        <v>114</v>
      </c>
      <c r="AH24353">
        <v>115</v>
      </c>
      <c r="AI24353">
        <v>117</v>
      </c>
      <c r="AJ24353">
        <v>118</v>
      </c>
      <c r="AK24353">
        <v>120</v>
      </c>
      <c r="AL24353">
        <v>120</v>
      </c>
      <c r="AM24353">
        <v>121</v>
      </c>
      <c r="AN24353">
        <v>121</v>
      </c>
      <c r="AO24353">
        <v>122</v>
      </c>
      <c r="AP24353">
        <v>122</v>
      </c>
      <c r="AQ24353">
        <v>123</v>
      </c>
    </row>
    <row r="24354" spans="1:43">
      <c r="A24354" t="s">
        <v>15077</v>
      </c>
      <c r="B24354" t="s">
        <v>15078</v>
      </c>
      <c r="C24354" t="s">
        <v>15035</v>
      </c>
      <c r="D24354" t="s">
        <v>15036</v>
      </c>
      <c r="E24354" t="s">
        <v>14997</v>
      </c>
      <c r="F24354" t="s">
        <v>14998</v>
      </c>
      <c r="G24354" t="s">
        <v>10734</v>
      </c>
      <c r="H24354" t="s">
        <v>10735</v>
      </c>
      <c r="I24354" s="2">
        <v>1</v>
      </c>
      <c r="J24354" s="2">
        <v>0</v>
      </c>
      <c r="K24354" s="2">
        <v>0</v>
      </c>
      <c r="L24354" t="s">
        <v>120</v>
      </c>
      <c r="M24354" t="s">
        <v>83</v>
      </c>
      <c r="N24354" t="s">
        <v>84</v>
      </c>
      <c r="O24354" t="s">
        <v>85</v>
      </c>
      <c r="P24354" t="s">
        <v>86</v>
      </c>
      <c r="Q24354">
        <v>18</v>
      </c>
      <c r="R24354">
        <v>18</v>
      </c>
      <c r="S24354">
        <v>18</v>
      </c>
      <c r="T24354">
        <v>19</v>
      </c>
      <c r="U24354">
        <v>19</v>
      </c>
      <c r="V24354">
        <v>19</v>
      </c>
      <c r="W24354">
        <v>19</v>
      </c>
      <c r="X24354">
        <v>20</v>
      </c>
      <c r="Y24354">
        <v>20</v>
      </c>
      <c r="Z24354">
        <v>20</v>
      </c>
      <c r="AA24354">
        <v>20</v>
      </c>
      <c r="AB24354">
        <v>21</v>
      </c>
      <c r="AC24354">
        <v>21</v>
      </c>
      <c r="AD24354">
        <v>21</v>
      </c>
      <c r="AE24354">
        <v>22</v>
      </c>
      <c r="AF24354">
        <v>22</v>
      </c>
      <c r="AG24354">
        <v>22</v>
      </c>
      <c r="AH24354">
        <v>22</v>
      </c>
      <c r="AI24354">
        <v>23</v>
      </c>
      <c r="AJ24354">
        <v>23</v>
      </c>
      <c r="AK24354">
        <v>23</v>
      </c>
      <c r="AL24354">
        <v>23</v>
      </c>
      <c r="AM24354">
        <v>23</v>
      </c>
      <c r="AN24354">
        <v>23</v>
      </c>
      <c r="AO24354">
        <v>24</v>
      </c>
      <c r="AP24354">
        <v>24</v>
      </c>
      <c r="AQ24354">
        <v>24</v>
      </c>
    </row>
    <row r="24355" spans="1:43">
      <c r="A24355" t="s">
        <v>15077</v>
      </c>
      <c r="B24355" t="s">
        <v>15078</v>
      </c>
      <c r="C24355" t="s">
        <v>15035</v>
      </c>
      <c r="D24355" t="s">
        <v>15036</v>
      </c>
      <c r="E24355" t="s">
        <v>14997</v>
      </c>
      <c r="F24355" t="s">
        <v>14998</v>
      </c>
      <c r="G24355" t="s">
        <v>10734</v>
      </c>
      <c r="H24355" t="s">
        <v>10735</v>
      </c>
      <c r="I24355" s="2">
        <v>1</v>
      </c>
      <c r="J24355" s="2">
        <v>0</v>
      </c>
      <c r="K24355" s="2">
        <v>0</v>
      </c>
      <c r="L24355" t="s">
        <v>120</v>
      </c>
      <c r="M24355" t="s">
        <v>87</v>
      </c>
      <c r="N24355" t="s">
        <v>88</v>
      </c>
      <c r="O24355" t="s">
        <v>85</v>
      </c>
      <c r="P24355" t="s">
        <v>86</v>
      </c>
      <c r="Q24355">
        <v>18</v>
      </c>
      <c r="R24355">
        <v>18</v>
      </c>
      <c r="S24355">
        <v>18</v>
      </c>
      <c r="T24355">
        <v>18</v>
      </c>
      <c r="U24355">
        <v>18</v>
      </c>
      <c r="V24355">
        <v>18</v>
      </c>
      <c r="W24355">
        <v>18</v>
      </c>
      <c r="X24355">
        <v>18</v>
      </c>
      <c r="Y24355">
        <v>18</v>
      </c>
      <c r="Z24355">
        <v>19</v>
      </c>
      <c r="AA24355">
        <v>19</v>
      </c>
      <c r="AB24355">
        <v>19</v>
      </c>
      <c r="AC24355">
        <v>19</v>
      </c>
      <c r="AD24355">
        <v>19</v>
      </c>
      <c r="AE24355">
        <v>19</v>
      </c>
      <c r="AF24355">
        <v>19</v>
      </c>
      <c r="AG24355">
        <v>19</v>
      </c>
      <c r="AH24355">
        <v>20</v>
      </c>
      <c r="AI24355">
        <v>20</v>
      </c>
      <c r="AJ24355">
        <v>20</v>
      </c>
      <c r="AK24355">
        <v>20</v>
      </c>
      <c r="AL24355">
        <v>20</v>
      </c>
      <c r="AM24355">
        <v>20</v>
      </c>
      <c r="AN24355">
        <v>20</v>
      </c>
      <c r="AO24355">
        <v>21</v>
      </c>
      <c r="AP24355">
        <v>21</v>
      </c>
      <c r="AQ24355">
        <v>21</v>
      </c>
    </row>
    <row r="24356" spans="1:43">
      <c r="A24356" t="s">
        <v>15077</v>
      </c>
      <c r="B24356" t="s">
        <v>15078</v>
      </c>
      <c r="C24356" t="s">
        <v>15035</v>
      </c>
      <c r="D24356" t="s">
        <v>15036</v>
      </c>
      <c r="E24356" t="s">
        <v>14997</v>
      </c>
      <c r="F24356" t="s">
        <v>14998</v>
      </c>
      <c r="G24356" t="s">
        <v>10734</v>
      </c>
      <c r="H24356" t="s">
        <v>10735</v>
      </c>
      <c r="I24356" s="2">
        <v>1</v>
      </c>
      <c r="J24356" s="2">
        <v>0</v>
      </c>
      <c r="K24356" s="2">
        <v>0</v>
      </c>
      <c r="L24356" t="s">
        <v>120</v>
      </c>
      <c r="M24356" t="s">
        <v>89</v>
      </c>
      <c r="N24356" t="s">
        <v>90</v>
      </c>
      <c r="O24356" t="s">
        <v>85</v>
      </c>
      <c r="P24356" t="s">
        <v>86</v>
      </c>
      <c r="Q24356">
        <v>18</v>
      </c>
      <c r="R24356">
        <v>18</v>
      </c>
      <c r="S24356">
        <v>19</v>
      </c>
      <c r="T24356">
        <v>19</v>
      </c>
      <c r="U24356">
        <v>20</v>
      </c>
      <c r="V24356">
        <v>20</v>
      </c>
      <c r="W24356">
        <v>20</v>
      </c>
      <c r="X24356">
        <v>21</v>
      </c>
      <c r="Y24356">
        <v>21</v>
      </c>
      <c r="Z24356">
        <v>21</v>
      </c>
      <c r="AA24356">
        <v>22</v>
      </c>
      <c r="AB24356">
        <v>22</v>
      </c>
      <c r="AC24356">
        <v>22</v>
      </c>
      <c r="AD24356">
        <v>23</v>
      </c>
      <c r="AE24356">
        <v>23</v>
      </c>
      <c r="AF24356">
        <v>23</v>
      </c>
      <c r="AG24356">
        <v>23</v>
      </c>
      <c r="AH24356">
        <v>23</v>
      </c>
      <c r="AI24356">
        <v>23</v>
      </c>
      <c r="AJ24356">
        <v>23</v>
      </c>
      <c r="AK24356">
        <v>23</v>
      </c>
      <c r="AL24356">
        <v>24</v>
      </c>
      <c r="AM24356">
        <v>24</v>
      </c>
      <c r="AN24356">
        <v>24</v>
      </c>
      <c r="AO24356">
        <v>24</v>
      </c>
      <c r="AP24356">
        <v>24</v>
      </c>
      <c r="AQ24356">
        <v>24</v>
      </c>
    </row>
    <row r="24357" spans="1:43">
      <c r="A24357" t="s">
        <v>15077</v>
      </c>
      <c r="B24357" t="s">
        <v>15078</v>
      </c>
      <c r="C24357" t="s">
        <v>15035</v>
      </c>
      <c r="D24357" t="s">
        <v>15036</v>
      </c>
      <c r="E24357" t="s">
        <v>14997</v>
      </c>
      <c r="F24357" t="s">
        <v>14998</v>
      </c>
      <c r="G24357" t="s">
        <v>10734</v>
      </c>
      <c r="H24357" t="s">
        <v>10735</v>
      </c>
      <c r="I24357" s="2">
        <v>1</v>
      </c>
      <c r="J24357" s="2">
        <v>0</v>
      </c>
      <c r="K24357" s="2">
        <v>0</v>
      </c>
      <c r="L24357" t="s">
        <v>120</v>
      </c>
      <c r="M24357" t="s">
        <v>83</v>
      </c>
      <c r="N24357" t="s">
        <v>91</v>
      </c>
      <c r="O24357" t="s">
        <v>85</v>
      </c>
      <c r="P24357" t="s">
        <v>86</v>
      </c>
      <c r="Q24357">
        <v>18</v>
      </c>
      <c r="R24357">
        <v>18</v>
      </c>
      <c r="S24357">
        <v>18</v>
      </c>
      <c r="T24357">
        <v>19</v>
      </c>
      <c r="U24357">
        <v>19</v>
      </c>
      <c r="V24357">
        <v>19</v>
      </c>
      <c r="W24357">
        <v>19</v>
      </c>
      <c r="X24357">
        <v>20</v>
      </c>
      <c r="Y24357">
        <v>20</v>
      </c>
      <c r="Z24357">
        <v>20</v>
      </c>
      <c r="AA24357">
        <v>20</v>
      </c>
      <c r="AB24357">
        <v>21</v>
      </c>
      <c r="AC24357">
        <v>21</v>
      </c>
      <c r="AD24357">
        <v>21</v>
      </c>
      <c r="AE24357">
        <v>22</v>
      </c>
      <c r="AF24357">
        <v>22</v>
      </c>
      <c r="AG24357">
        <v>22</v>
      </c>
      <c r="AH24357">
        <v>22</v>
      </c>
      <c r="AI24357">
        <v>23</v>
      </c>
      <c r="AJ24357">
        <v>23</v>
      </c>
      <c r="AK24357">
        <v>23</v>
      </c>
      <c r="AL24357">
        <v>23</v>
      </c>
      <c r="AM24357">
        <v>23</v>
      </c>
      <c r="AN24357">
        <v>23</v>
      </c>
      <c r="AO24357">
        <v>24</v>
      </c>
      <c r="AP24357">
        <v>24</v>
      </c>
      <c r="AQ24357">
        <v>24</v>
      </c>
    </row>
    <row r="24358" spans="1:43">
      <c r="A24358" t="s">
        <v>15079</v>
      </c>
      <c r="B24358" t="s">
        <v>15080</v>
      </c>
      <c r="C24358" t="s">
        <v>15035</v>
      </c>
      <c r="D24358" t="s">
        <v>15036</v>
      </c>
      <c r="E24358" t="s">
        <v>14997</v>
      </c>
      <c r="F24358" t="s">
        <v>14998</v>
      </c>
      <c r="G24358" t="s">
        <v>10734</v>
      </c>
      <c r="H24358" t="s">
        <v>10735</v>
      </c>
      <c r="I24358" s="2">
        <v>1</v>
      </c>
      <c r="J24358" s="2">
        <v>0</v>
      </c>
      <c r="K24358" s="2">
        <v>0</v>
      </c>
      <c r="L24358" t="s">
        <v>120</v>
      </c>
      <c r="M24358" t="s">
        <v>83</v>
      </c>
      <c r="N24358" t="s">
        <v>84</v>
      </c>
      <c r="O24358" t="s">
        <v>85</v>
      </c>
      <c r="P24358" t="s">
        <v>86</v>
      </c>
      <c r="Q24358">
        <v>11</v>
      </c>
      <c r="R24358">
        <v>11</v>
      </c>
      <c r="S24358">
        <v>11</v>
      </c>
      <c r="T24358">
        <v>12</v>
      </c>
      <c r="U24358">
        <v>12</v>
      </c>
      <c r="V24358">
        <v>12</v>
      </c>
      <c r="W24358">
        <v>12</v>
      </c>
      <c r="X24358">
        <v>12</v>
      </c>
      <c r="Y24358">
        <v>12</v>
      </c>
      <c r="Z24358">
        <v>13</v>
      </c>
      <c r="AA24358">
        <v>13</v>
      </c>
      <c r="AB24358">
        <v>13</v>
      </c>
      <c r="AC24358">
        <v>13</v>
      </c>
      <c r="AD24358">
        <v>13</v>
      </c>
      <c r="AE24358">
        <v>13</v>
      </c>
      <c r="AF24358">
        <v>14</v>
      </c>
      <c r="AG24358">
        <v>14</v>
      </c>
      <c r="AH24358">
        <v>14</v>
      </c>
      <c r="AI24358">
        <v>14</v>
      </c>
      <c r="AJ24358">
        <v>14</v>
      </c>
      <c r="AK24358">
        <v>14</v>
      </c>
      <c r="AL24358">
        <v>15</v>
      </c>
      <c r="AM24358">
        <v>15</v>
      </c>
      <c r="AN24358">
        <v>15</v>
      </c>
      <c r="AO24358">
        <v>15</v>
      </c>
      <c r="AP24358">
        <v>15</v>
      </c>
      <c r="AQ24358">
        <v>15</v>
      </c>
    </row>
    <row r="24359" spans="1:43">
      <c r="A24359" t="s">
        <v>15079</v>
      </c>
      <c r="B24359" t="s">
        <v>15080</v>
      </c>
      <c r="C24359" t="s">
        <v>15035</v>
      </c>
      <c r="D24359" t="s">
        <v>15036</v>
      </c>
      <c r="E24359" t="s">
        <v>14997</v>
      </c>
      <c r="F24359" t="s">
        <v>14998</v>
      </c>
      <c r="G24359" t="s">
        <v>10734</v>
      </c>
      <c r="H24359" t="s">
        <v>10735</v>
      </c>
      <c r="I24359" s="2">
        <v>1</v>
      </c>
      <c r="J24359" s="2">
        <v>0</v>
      </c>
      <c r="K24359" s="2">
        <v>0</v>
      </c>
      <c r="L24359" t="s">
        <v>120</v>
      </c>
      <c r="M24359" t="s">
        <v>87</v>
      </c>
      <c r="N24359" t="s">
        <v>88</v>
      </c>
      <c r="O24359" t="s">
        <v>85</v>
      </c>
      <c r="P24359" t="s">
        <v>86</v>
      </c>
      <c r="Q24359">
        <v>11</v>
      </c>
      <c r="R24359">
        <v>11</v>
      </c>
      <c r="S24359">
        <v>11</v>
      </c>
      <c r="T24359">
        <v>11</v>
      </c>
      <c r="U24359">
        <v>11</v>
      </c>
      <c r="V24359">
        <v>11</v>
      </c>
      <c r="W24359">
        <v>11</v>
      </c>
      <c r="X24359">
        <v>11</v>
      </c>
      <c r="Y24359">
        <v>12</v>
      </c>
      <c r="Z24359">
        <v>12</v>
      </c>
      <c r="AA24359">
        <v>12</v>
      </c>
      <c r="AB24359">
        <v>12</v>
      </c>
      <c r="AC24359">
        <v>12</v>
      </c>
      <c r="AD24359">
        <v>12</v>
      </c>
      <c r="AE24359">
        <v>12</v>
      </c>
      <c r="AF24359">
        <v>12</v>
      </c>
      <c r="AG24359">
        <v>12</v>
      </c>
      <c r="AH24359">
        <v>12</v>
      </c>
      <c r="AI24359">
        <v>12</v>
      </c>
      <c r="AJ24359">
        <v>12</v>
      </c>
      <c r="AK24359">
        <v>12</v>
      </c>
      <c r="AL24359">
        <v>13</v>
      </c>
      <c r="AM24359">
        <v>13</v>
      </c>
      <c r="AN24359">
        <v>13</v>
      </c>
      <c r="AO24359">
        <v>13</v>
      </c>
      <c r="AP24359">
        <v>13</v>
      </c>
      <c r="AQ24359">
        <v>13</v>
      </c>
    </row>
    <row r="24360" spans="1:43">
      <c r="A24360" t="s">
        <v>15079</v>
      </c>
      <c r="B24360" t="s">
        <v>15080</v>
      </c>
      <c r="C24360" t="s">
        <v>15035</v>
      </c>
      <c r="D24360" t="s">
        <v>15036</v>
      </c>
      <c r="E24360" t="s">
        <v>14997</v>
      </c>
      <c r="F24360" t="s">
        <v>14998</v>
      </c>
      <c r="G24360" t="s">
        <v>10734</v>
      </c>
      <c r="H24360" t="s">
        <v>10735</v>
      </c>
      <c r="I24360" s="2">
        <v>1</v>
      </c>
      <c r="J24360" s="2">
        <v>0</v>
      </c>
      <c r="K24360" s="2">
        <v>0</v>
      </c>
      <c r="L24360" t="s">
        <v>120</v>
      </c>
      <c r="M24360" t="s">
        <v>89</v>
      </c>
      <c r="N24360" t="s">
        <v>90</v>
      </c>
      <c r="O24360" t="s">
        <v>85</v>
      </c>
      <c r="P24360" t="s">
        <v>86</v>
      </c>
      <c r="Q24360">
        <v>11</v>
      </c>
      <c r="R24360">
        <v>11</v>
      </c>
      <c r="S24360">
        <v>12</v>
      </c>
      <c r="T24360">
        <v>12</v>
      </c>
      <c r="U24360">
        <v>12</v>
      </c>
      <c r="V24360">
        <v>12</v>
      </c>
      <c r="W24360">
        <v>13</v>
      </c>
      <c r="X24360">
        <v>13</v>
      </c>
      <c r="Y24360">
        <v>13</v>
      </c>
      <c r="Z24360">
        <v>13</v>
      </c>
      <c r="AA24360">
        <v>14</v>
      </c>
      <c r="AB24360">
        <v>14</v>
      </c>
      <c r="AC24360">
        <v>14</v>
      </c>
      <c r="AD24360">
        <v>14</v>
      </c>
      <c r="AE24360">
        <v>14</v>
      </c>
      <c r="AF24360">
        <v>14</v>
      </c>
      <c r="AG24360">
        <v>14</v>
      </c>
      <c r="AH24360">
        <v>14</v>
      </c>
      <c r="AI24360">
        <v>15</v>
      </c>
      <c r="AJ24360">
        <v>15</v>
      </c>
      <c r="AK24360">
        <v>15</v>
      </c>
      <c r="AL24360">
        <v>15</v>
      </c>
      <c r="AM24360">
        <v>15</v>
      </c>
      <c r="AN24360">
        <v>15</v>
      </c>
      <c r="AO24360">
        <v>15</v>
      </c>
      <c r="AP24360">
        <v>15</v>
      </c>
      <c r="AQ24360">
        <v>15</v>
      </c>
    </row>
    <row r="24361" spans="1:43">
      <c r="A24361" t="s">
        <v>15079</v>
      </c>
      <c r="B24361" t="s">
        <v>15080</v>
      </c>
      <c r="C24361" t="s">
        <v>15035</v>
      </c>
      <c r="D24361" t="s">
        <v>15036</v>
      </c>
      <c r="E24361" t="s">
        <v>14997</v>
      </c>
      <c r="F24361" t="s">
        <v>14998</v>
      </c>
      <c r="G24361" t="s">
        <v>10734</v>
      </c>
      <c r="H24361" t="s">
        <v>10735</v>
      </c>
      <c r="I24361" s="2">
        <v>1</v>
      </c>
      <c r="J24361" s="2">
        <v>0</v>
      </c>
      <c r="K24361" s="2">
        <v>0</v>
      </c>
      <c r="L24361" t="s">
        <v>120</v>
      </c>
      <c r="M24361" t="s">
        <v>83</v>
      </c>
      <c r="N24361" t="s">
        <v>91</v>
      </c>
      <c r="O24361" t="s">
        <v>85</v>
      </c>
      <c r="P24361" t="s">
        <v>86</v>
      </c>
      <c r="Q24361">
        <v>11</v>
      </c>
      <c r="R24361">
        <v>11</v>
      </c>
      <c r="S24361">
        <v>11</v>
      </c>
      <c r="T24361">
        <v>12</v>
      </c>
      <c r="U24361">
        <v>12</v>
      </c>
      <c r="V24361">
        <v>12</v>
      </c>
      <c r="W24361">
        <v>12</v>
      </c>
      <c r="X24361">
        <v>12</v>
      </c>
      <c r="Y24361">
        <v>12</v>
      </c>
      <c r="Z24361">
        <v>13</v>
      </c>
      <c r="AA24361">
        <v>13</v>
      </c>
      <c r="AB24361">
        <v>13</v>
      </c>
      <c r="AC24361">
        <v>13</v>
      </c>
      <c r="AD24361">
        <v>13</v>
      </c>
      <c r="AE24361">
        <v>13</v>
      </c>
      <c r="AF24361">
        <v>14</v>
      </c>
      <c r="AG24361">
        <v>14</v>
      </c>
      <c r="AH24361">
        <v>14</v>
      </c>
      <c r="AI24361">
        <v>14</v>
      </c>
      <c r="AJ24361">
        <v>14</v>
      </c>
      <c r="AK24361">
        <v>14</v>
      </c>
      <c r="AL24361">
        <v>15</v>
      </c>
      <c r="AM24361">
        <v>15</v>
      </c>
      <c r="AN24361">
        <v>15</v>
      </c>
      <c r="AO24361">
        <v>15</v>
      </c>
      <c r="AP24361">
        <v>15</v>
      </c>
      <c r="AQ24361">
        <v>15</v>
      </c>
    </row>
    <row r="24362" spans="1:43">
      <c r="A24362" t="s">
        <v>15081</v>
      </c>
      <c r="B24362" t="s">
        <v>15082</v>
      </c>
      <c r="C24362" t="s">
        <v>15015</v>
      </c>
      <c r="D24362" t="s">
        <v>15016</v>
      </c>
      <c r="E24362" t="s">
        <v>14997</v>
      </c>
      <c r="F24362" t="s">
        <v>14998</v>
      </c>
      <c r="G24362" t="s">
        <v>10734</v>
      </c>
      <c r="H24362" t="s">
        <v>10735</v>
      </c>
      <c r="I24362" s="2">
        <v>1</v>
      </c>
      <c r="J24362" s="2">
        <v>0</v>
      </c>
      <c r="K24362" s="2">
        <v>0</v>
      </c>
      <c r="L24362" t="s">
        <v>120</v>
      </c>
      <c r="M24362" t="s">
        <v>83</v>
      </c>
      <c r="N24362" t="s">
        <v>84</v>
      </c>
      <c r="O24362" t="s">
        <v>85</v>
      </c>
      <c r="P24362" t="s">
        <v>86</v>
      </c>
      <c r="Q24362">
        <v>55</v>
      </c>
      <c r="R24362">
        <v>55</v>
      </c>
      <c r="S24362">
        <v>56</v>
      </c>
      <c r="T24362">
        <v>57</v>
      </c>
      <c r="U24362">
        <v>58</v>
      </c>
      <c r="V24362">
        <v>59</v>
      </c>
      <c r="W24362">
        <v>59</v>
      </c>
      <c r="X24362">
        <v>60</v>
      </c>
      <c r="Y24362">
        <v>61</v>
      </c>
      <c r="Z24362">
        <v>62</v>
      </c>
      <c r="AA24362">
        <v>63</v>
      </c>
      <c r="AB24362">
        <v>63</v>
      </c>
      <c r="AC24362">
        <v>64</v>
      </c>
      <c r="AD24362">
        <v>65</v>
      </c>
      <c r="AE24362">
        <v>66</v>
      </c>
      <c r="AF24362">
        <v>67</v>
      </c>
      <c r="AG24362">
        <v>67</v>
      </c>
      <c r="AH24362">
        <v>68</v>
      </c>
      <c r="AI24362">
        <v>69</v>
      </c>
      <c r="AJ24362">
        <v>70</v>
      </c>
      <c r="AK24362">
        <v>71</v>
      </c>
      <c r="AL24362">
        <v>71</v>
      </c>
      <c r="AM24362">
        <v>71</v>
      </c>
      <c r="AN24362">
        <v>72</v>
      </c>
      <c r="AO24362">
        <v>72</v>
      </c>
      <c r="AP24362">
        <v>72</v>
      </c>
      <c r="AQ24362">
        <v>72</v>
      </c>
    </row>
    <row r="24363" spans="1:43">
      <c r="A24363" t="s">
        <v>15081</v>
      </c>
      <c r="B24363" t="s">
        <v>15082</v>
      </c>
      <c r="C24363" t="s">
        <v>15015</v>
      </c>
      <c r="D24363" t="s">
        <v>15016</v>
      </c>
      <c r="E24363" t="s">
        <v>14997</v>
      </c>
      <c r="F24363" t="s">
        <v>14998</v>
      </c>
      <c r="G24363" t="s">
        <v>10734</v>
      </c>
      <c r="H24363" t="s">
        <v>10735</v>
      </c>
      <c r="I24363" s="2">
        <v>1</v>
      </c>
      <c r="J24363" s="2">
        <v>0</v>
      </c>
      <c r="K24363" s="2">
        <v>0</v>
      </c>
      <c r="L24363" t="s">
        <v>120</v>
      </c>
      <c r="M24363" t="s">
        <v>87</v>
      </c>
      <c r="N24363" t="s">
        <v>88</v>
      </c>
      <c r="O24363" t="s">
        <v>85</v>
      </c>
      <c r="P24363" t="s">
        <v>86</v>
      </c>
      <c r="Q24363">
        <v>55</v>
      </c>
      <c r="R24363">
        <v>55</v>
      </c>
      <c r="S24363">
        <v>56</v>
      </c>
      <c r="T24363">
        <v>56</v>
      </c>
      <c r="U24363">
        <v>56</v>
      </c>
      <c r="V24363">
        <v>57</v>
      </c>
      <c r="W24363">
        <v>57</v>
      </c>
      <c r="X24363">
        <v>57</v>
      </c>
      <c r="Y24363">
        <v>57</v>
      </c>
      <c r="Z24363">
        <v>58</v>
      </c>
      <c r="AA24363">
        <v>58</v>
      </c>
      <c r="AB24363">
        <v>58</v>
      </c>
      <c r="AC24363">
        <v>59</v>
      </c>
      <c r="AD24363">
        <v>59</v>
      </c>
      <c r="AE24363">
        <v>59</v>
      </c>
      <c r="AF24363">
        <v>60</v>
      </c>
      <c r="AG24363">
        <v>60</v>
      </c>
      <c r="AH24363">
        <v>60</v>
      </c>
      <c r="AI24363">
        <v>61</v>
      </c>
      <c r="AJ24363">
        <v>61</v>
      </c>
      <c r="AK24363">
        <v>62</v>
      </c>
      <c r="AL24363">
        <v>62</v>
      </c>
      <c r="AM24363">
        <v>62</v>
      </c>
      <c r="AN24363">
        <v>63</v>
      </c>
      <c r="AO24363">
        <v>63</v>
      </c>
      <c r="AP24363">
        <v>64</v>
      </c>
      <c r="AQ24363">
        <v>64</v>
      </c>
    </row>
    <row r="24364" spans="1:43">
      <c r="A24364" t="s">
        <v>15081</v>
      </c>
      <c r="B24364" t="s">
        <v>15082</v>
      </c>
      <c r="C24364" t="s">
        <v>15015</v>
      </c>
      <c r="D24364" t="s">
        <v>15016</v>
      </c>
      <c r="E24364" t="s">
        <v>14997</v>
      </c>
      <c r="F24364" t="s">
        <v>14998</v>
      </c>
      <c r="G24364" t="s">
        <v>10734</v>
      </c>
      <c r="H24364" t="s">
        <v>10735</v>
      </c>
      <c r="I24364" s="2">
        <v>1</v>
      </c>
      <c r="J24364" s="2">
        <v>0</v>
      </c>
      <c r="K24364" s="2">
        <v>0</v>
      </c>
      <c r="L24364" t="s">
        <v>120</v>
      </c>
      <c r="M24364" t="s">
        <v>89</v>
      </c>
      <c r="N24364" t="s">
        <v>90</v>
      </c>
      <c r="O24364" t="s">
        <v>85</v>
      </c>
      <c r="P24364" t="s">
        <v>86</v>
      </c>
      <c r="Q24364">
        <v>55</v>
      </c>
      <c r="R24364">
        <v>56</v>
      </c>
      <c r="S24364">
        <v>58</v>
      </c>
      <c r="T24364">
        <v>59</v>
      </c>
      <c r="U24364">
        <v>60</v>
      </c>
      <c r="V24364">
        <v>61</v>
      </c>
      <c r="W24364">
        <v>62</v>
      </c>
      <c r="X24364">
        <v>63</v>
      </c>
      <c r="Y24364">
        <v>65</v>
      </c>
      <c r="Z24364">
        <v>66</v>
      </c>
      <c r="AA24364">
        <v>67</v>
      </c>
      <c r="AB24364">
        <v>68</v>
      </c>
      <c r="AC24364">
        <v>69</v>
      </c>
      <c r="AD24364">
        <v>70</v>
      </c>
      <c r="AE24364">
        <v>71</v>
      </c>
      <c r="AF24364">
        <v>71</v>
      </c>
      <c r="AG24364">
        <v>71</v>
      </c>
      <c r="AH24364">
        <v>71</v>
      </c>
      <c r="AI24364">
        <v>71</v>
      </c>
      <c r="AJ24364">
        <v>71</v>
      </c>
      <c r="AK24364">
        <v>72</v>
      </c>
      <c r="AL24364">
        <v>72</v>
      </c>
      <c r="AM24364">
        <v>72</v>
      </c>
      <c r="AN24364">
        <v>72</v>
      </c>
      <c r="AO24364">
        <v>73</v>
      </c>
      <c r="AP24364">
        <v>73</v>
      </c>
      <c r="AQ24364">
        <v>73</v>
      </c>
    </row>
    <row r="24365" spans="1:43">
      <c r="A24365" t="s">
        <v>15081</v>
      </c>
      <c r="B24365" t="s">
        <v>15082</v>
      </c>
      <c r="C24365" t="s">
        <v>15015</v>
      </c>
      <c r="D24365" t="s">
        <v>15016</v>
      </c>
      <c r="E24365" t="s">
        <v>14997</v>
      </c>
      <c r="F24365" t="s">
        <v>14998</v>
      </c>
      <c r="G24365" t="s">
        <v>10734</v>
      </c>
      <c r="H24365" t="s">
        <v>10735</v>
      </c>
      <c r="I24365" s="2">
        <v>1</v>
      </c>
      <c r="J24365" s="2">
        <v>0</v>
      </c>
      <c r="K24365" s="2">
        <v>0</v>
      </c>
      <c r="L24365" t="s">
        <v>120</v>
      </c>
      <c r="M24365" t="s">
        <v>83</v>
      </c>
      <c r="N24365" t="s">
        <v>91</v>
      </c>
      <c r="O24365" t="s">
        <v>85</v>
      </c>
      <c r="P24365" t="s">
        <v>86</v>
      </c>
      <c r="Q24365">
        <v>55</v>
      </c>
      <c r="R24365">
        <v>55</v>
      </c>
      <c r="S24365">
        <v>56</v>
      </c>
      <c r="T24365">
        <v>57</v>
      </c>
      <c r="U24365">
        <v>58</v>
      </c>
      <c r="V24365">
        <v>59</v>
      </c>
      <c r="W24365">
        <v>59</v>
      </c>
      <c r="X24365">
        <v>60</v>
      </c>
      <c r="Y24365">
        <v>61</v>
      </c>
      <c r="Z24365">
        <v>62</v>
      </c>
      <c r="AA24365">
        <v>63</v>
      </c>
      <c r="AB24365">
        <v>63</v>
      </c>
      <c r="AC24365">
        <v>64</v>
      </c>
      <c r="AD24365">
        <v>65</v>
      </c>
      <c r="AE24365">
        <v>66</v>
      </c>
      <c r="AF24365">
        <v>67</v>
      </c>
      <c r="AG24365">
        <v>67</v>
      </c>
      <c r="AH24365">
        <v>68</v>
      </c>
      <c r="AI24365">
        <v>69</v>
      </c>
      <c r="AJ24365">
        <v>70</v>
      </c>
      <c r="AK24365">
        <v>71</v>
      </c>
      <c r="AL24365">
        <v>71</v>
      </c>
      <c r="AM24365">
        <v>71</v>
      </c>
      <c r="AN24365">
        <v>72</v>
      </c>
      <c r="AO24365">
        <v>72</v>
      </c>
      <c r="AP24365">
        <v>72</v>
      </c>
      <c r="AQ24365">
        <v>72</v>
      </c>
    </row>
    <row r="24366" spans="1:43">
      <c r="A24366" t="s">
        <v>15083</v>
      </c>
      <c r="B24366" t="s">
        <v>15084</v>
      </c>
      <c r="C24366" t="s">
        <v>15019</v>
      </c>
      <c r="D24366" t="s">
        <v>15020</v>
      </c>
      <c r="E24366" t="s">
        <v>14997</v>
      </c>
      <c r="F24366" t="s">
        <v>14998</v>
      </c>
      <c r="G24366" t="s">
        <v>10734</v>
      </c>
      <c r="H24366" t="s">
        <v>10735</v>
      </c>
      <c r="I24366" s="2">
        <v>1</v>
      </c>
      <c r="J24366" s="2">
        <v>0</v>
      </c>
      <c r="K24366" s="2">
        <v>0</v>
      </c>
      <c r="L24366" t="s">
        <v>120</v>
      </c>
      <c r="M24366" t="s">
        <v>83</v>
      </c>
      <c r="N24366" t="s">
        <v>84</v>
      </c>
      <c r="O24366" t="s">
        <v>85</v>
      </c>
      <c r="P24366" t="s">
        <v>86</v>
      </c>
      <c r="Q24366">
        <v>21</v>
      </c>
      <c r="R24366">
        <v>21</v>
      </c>
      <c r="S24366">
        <v>22</v>
      </c>
      <c r="T24366">
        <v>22</v>
      </c>
      <c r="U24366">
        <v>22</v>
      </c>
      <c r="V24366">
        <v>23</v>
      </c>
      <c r="W24366">
        <v>23</v>
      </c>
      <c r="X24366">
        <v>23</v>
      </c>
      <c r="Y24366">
        <v>23</v>
      </c>
      <c r="Z24366">
        <v>24</v>
      </c>
      <c r="AA24366">
        <v>24</v>
      </c>
      <c r="AB24366">
        <v>24</v>
      </c>
      <c r="AC24366">
        <v>25</v>
      </c>
      <c r="AD24366">
        <v>25</v>
      </c>
      <c r="AE24366">
        <v>25</v>
      </c>
      <c r="AF24366">
        <v>26</v>
      </c>
      <c r="AG24366">
        <v>26</v>
      </c>
      <c r="AH24366">
        <v>26</v>
      </c>
      <c r="AI24366">
        <v>27</v>
      </c>
      <c r="AJ24366">
        <v>27</v>
      </c>
      <c r="AK24366">
        <v>27</v>
      </c>
      <c r="AL24366">
        <v>27</v>
      </c>
      <c r="AM24366">
        <v>27</v>
      </c>
      <c r="AN24366">
        <v>28</v>
      </c>
      <c r="AO24366">
        <v>28</v>
      </c>
      <c r="AP24366">
        <v>28</v>
      </c>
      <c r="AQ24366">
        <v>28</v>
      </c>
    </row>
    <row r="24367" spans="1:43">
      <c r="A24367" t="s">
        <v>15083</v>
      </c>
      <c r="B24367" t="s">
        <v>15084</v>
      </c>
      <c r="C24367" t="s">
        <v>15019</v>
      </c>
      <c r="D24367" t="s">
        <v>15020</v>
      </c>
      <c r="E24367" t="s">
        <v>14997</v>
      </c>
      <c r="F24367" t="s">
        <v>14998</v>
      </c>
      <c r="G24367" t="s">
        <v>10734</v>
      </c>
      <c r="H24367" t="s">
        <v>10735</v>
      </c>
      <c r="I24367" s="2">
        <v>1</v>
      </c>
      <c r="J24367" s="2">
        <v>0</v>
      </c>
      <c r="K24367" s="2">
        <v>0</v>
      </c>
      <c r="L24367" t="s">
        <v>120</v>
      </c>
      <c r="M24367" t="s">
        <v>87</v>
      </c>
      <c r="N24367" t="s">
        <v>88</v>
      </c>
      <c r="O24367" t="s">
        <v>85</v>
      </c>
      <c r="P24367" t="s">
        <v>86</v>
      </c>
      <c r="Q24367">
        <v>21</v>
      </c>
      <c r="R24367">
        <v>21</v>
      </c>
      <c r="S24367">
        <v>21</v>
      </c>
      <c r="T24367">
        <v>21</v>
      </c>
      <c r="U24367">
        <v>21</v>
      </c>
      <c r="V24367">
        <v>21</v>
      </c>
      <c r="W24367">
        <v>21</v>
      </c>
      <c r="X24367">
        <v>22</v>
      </c>
      <c r="Y24367">
        <v>22</v>
      </c>
      <c r="Z24367">
        <v>22</v>
      </c>
      <c r="AA24367">
        <v>22</v>
      </c>
      <c r="AB24367">
        <v>22</v>
      </c>
      <c r="AC24367">
        <v>22</v>
      </c>
      <c r="AD24367">
        <v>22</v>
      </c>
      <c r="AE24367">
        <v>22</v>
      </c>
      <c r="AF24367">
        <v>23</v>
      </c>
      <c r="AG24367">
        <v>23</v>
      </c>
      <c r="AH24367">
        <v>23</v>
      </c>
      <c r="AI24367">
        <v>23</v>
      </c>
      <c r="AJ24367">
        <v>23</v>
      </c>
      <c r="AK24367">
        <v>23</v>
      </c>
      <c r="AL24367">
        <v>23</v>
      </c>
      <c r="AM24367">
        <v>24</v>
      </c>
      <c r="AN24367">
        <v>24</v>
      </c>
      <c r="AO24367">
        <v>24</v>
      </c>
      <c r="AP24367">
        <v>24</v>
      </c>
      <c r="AQ24367">
        <v>24</v>
      </c>
    </row>
    <row r="24368" spans="1:43">
      <c r="A24368" t="s">
        <v>15083</v>
      </c>
      <c r="B24368" t="s">
        <v>15084</v>
      </c>
      <c r="C24368" t="s">
        <v>15019</v>
      </c>
      <c r="D24368" t="s">
        <v>15020</v>
      </c>
      <c r="E24368" t="s">
        <v>14997</v>
      </c>
      <c r="F24368" t="s">
        <v>14998</v>
      </c>
      <c r="G24368" t="s">
        <v>10734</v>
      </c>
      <c r="H24368" t="s">
        <v>10735</v>
      </c>
      <c r="I24368" s="2">
        <v>1</v>
      </c>
      <c r="J24368" s="2">
        <v>0</v>
      </c>
      <c r="K24368" s="2">
        <v>0</v>
      </c>
      <c r="L24368" t="s">
        <v>120</v>
      </c>
      <c r="M24368" t="s">
        <v>89</v>
      </c>
      <c r="N24368" t="s">
        <v>90</v>
      </c>
      <c r="O24368" t="s">
        <v>85</v>
      </c>
      <c r="P24368" t="s">
        <v>86</v>
      </c>
      <c r="Q24368">
        <v>21</v>
      </c>
      <c r="R24368">
        <v>22</v>
      </c>
      <c r="S24368">
        <v>22</v>
      </c>
      <c r="T24368">
        <v>23</v>
      </c>
      <c r="U24368">
        <v>23</v>
      </c>
      <c r="V24368">
        <v>24</v>
      </c>
      <c r="W24368">
        <v>24</v>
      </c>
      <c r="X24368">
        <v>24</v>
      </c>
      <c r="Y24368">
        <v>25</v>
      </c>
      <c r="Z24368">
        <v>25</v>
      </c>
      <c r="AA24368">
        <v>26</v>
      </c>
      <c r="AB24368">
        <v>26</v>
      </c>
      <c r="AC24368">
        <v>26</v>
      </c>
      <c r="AD24368">
        <v>27</v>
      </c>
      <c r="AE24368">
        <v>27</v>
      </c>
      <c r="AF24368">
        <v>27</v>
      </c>
      <c r="AG24368">
        <v>27</v>
      </c>
      <c r="AH24368">
        <v>27</v>
      </c>
      <c r="AI24368">
        <v>27</v>
      </c>
      <c r="AJ24368">
        <v>28</v>
      </c>
      <c r="AK24368">
        <v>28</v>
      </c>
      <c r="AL24368">
        <v>28</v>
      </c>
      <c r="AM24368">
        <v>28</v>
      </c>
      <c r="AN24368">
        <v>28</v>
      </c>
      <c r="AO24368">
        <v>28</v>
      </c>
      <c r="AP24368">
        <v>28</v>
      </c>
      <c r="AQ24368">
        <v>28</v>
      </c>
    </row>
    <row r="24369" spans="1:43">
      <c r="A24369" t="s">
        <v>15083</v>
      </c>
      <c r="B24369" t="s">
        <v>15084</v>
      </c>
      <c r="C24369" t="s">
        <v>15019</v>
      </c>
      <c r="D24369" t="s">
        <v>15020</v>
      </c>
      <c r="E24369" t="s">
        <v>14997</v>
      </c>
      <c r="F24369" t="s">
        <v>14998</v>
      </c>
      <c r="G24369" t="s">
        <v>10734</v>
      </c>
      <c r="H24369" t="s">
        <v>10735</v>
      </c>
      <c r="I24369" s="2">
        <v>1</v>
      </c>
      <c r="J24369" s="2">
        <v>0</v>
      </c>
      <c r="K24369" s="2">
        <v>0</v>
      </c>
      <c r="L24369" t="s">
        <v>120</v>
      </c>
      <c r="M24369" t="s">
        <v>83</v>
      </c>
      <c r="N24369" t="s">
        <v>91</v>
      </c>
      <c r="O24369" t="s">
        <v>85</v>
      </c>
      <c r="P24369" t="s">
        <v>86</v>
      </c>
      <c r="Q24369">
        <v>21</v>
      </c>
      <c r="R24369">
        <v>21</v>
      </c>
      <c r="S24369">
        <v>22</v>
      </c>
      <c r="T24369">
        <v>22</v>
      </c>
      <c r="U24369">
        <v>22</v>
      </c>
      <c r="V24369">
        <v>23</v>
      </c>
      <c r="W24369">
        <v>23</v>
      </c>
      <c r="X24369">
        <v>23</v>
      </c>
      <c r="Y24369">
        <v>23</v>
      </c>
      <c r="Z24369">
        <v>24</v>
      </c>
      <c r="AA24369">
        <v>24</v>
      </c>
      <c r="AB24369">
        <v>24</v>
      </c>
      <c r="AC24369">
        <v>25</v>
      </c>
      <c r="AD24369">
        <v>25</v>
      </c>
      <c r="AE24369">
        <v>25</v>
      </c>
      <c r="AF24369">
        <v>26</v>
      </c>
      <c r="AG24369">
        <v>26</v>
      </c>
      <c r="AH24369">
        <v>26</v>
      </c>
      <c r="AI24369">
        <v>27</v>
      </c>
      <c r="AJ24369">
        <v>27</v>
      </c>
      <c r="AK24369">
        <v>27</v>
      </c>
      <c r="AL24369">
        <v>27</v>
      </c>
      <c r="AM24369">
        <v>27</v>
      </c>
      <c r="AN24369">
        <v>28</v>
      </c>
      <c r="AO24369">
        <v>28</v>
      </c>
      <c r="AP24369">
        <v>28</v>
      </c>
      <c r="AQ24369">
        <v>28</v>
      </c>
    </row>
    <row r="24370" spans="1:43">
      <c r="A24370" t="s">
        <v>15085</v>
      </c>
      <c r="B24370" t="s">
        <v>15086</v>
      </c>
      <c r="C24370" t="s">
        <v>15019</v>
      </c>
      <c r="D24370" t="s">
        <v>15020</v>
      </c>
      <c r="E24370" t="s">
        <v>14997</v>
      </c>
      <c r="F24370" t="s">
        <v>14998</v>
      </c>
      <c r="G24370" t="s">
        <v>10734</v>
      </c>
      <c r="H24370" t="s">
        <v>10735</v>
      </c>
      <c r="I24370" s="2">
        <v>1</v>
      </c>
      <c r="J24370" s="2">
        <v>0</v>
      </c>
      <c r="K24370" s="2">
        <v>0</v>
      </c>
      <c r="L24370" t="s">
        <v>120</v>
      </c>
      <c r="M24370" t="s">
        <v>83</v>
      </c>
      <c r="N24370" t="s">
        <v>84</v>
      </c>
      <c r="O24370" t="s">
        <v>85</v>
      </c>
      <c r="P24370" t="s">
        <v>86</v>
      </c>
      <c r="Q24370">
        <v>25</v>
      </c>
      <c r="R24370">
        <v>26</v>
      </c>
      <c r="S24370">
        <v>26</v>
      </c>
      <c r="T24370">
        <v>27</v>
      </c>
      <c r="U24370">
        <v>27</v>
      </c>
      <c r="V24370">
        <v>27</v>
      </c>
      <c r="W24370">
        <v>28</v>
      </c>
      <c r="X24370">
        <v>28</v>
      </c>
      <c r="Y24370">
        <v>28</v>
      </c>
      <c r="Z24370">
        <v>29</v>
      </c>
      <c r="AA24370">
        <v>29</v>
      </c>
      <c r="AB24370">
        <v>30</v>
      </c>
      <c r="AC24370">
        <v>30</v>
      </c>
      <c r="AD24370">
        <v>30</v>
      </c>
      <c r="AE24370">
        <v>31</v>
      </c>
      <c r="AF24370">
        <v>31</v>
      </c>
      <c r="AG24370">
        <v>31</v>
      </c>
      <c r="AH24370">
        <v>32</v>
      </c>
      <c r="AI24370">
        <v>32</v>
      </c>
      <c r="AJ24370">
        <v>33</v>
      </c>
      <c r="AK24370">
        <v>33</v>
      </c>
      <c r="AL24370">
        <v>33</v>
      </c>
      <c r="AM24370">
        <v>33</v>
      </c>
      <c r="AN24370">
        <v>33</v>
      </c>
      <c r="AO24370">
        <v>34</v>
      </c>
      <c r="AP24370">
        <v>34</v>
      </c>
      <c r="AQ24370">
        <v>34</v>
      </c>
    </row>
    <row r="24371" spans="1:43">
      <c r="A24371" t="s">
        <v>15085</v>
      </c>
      <c r="B24371" t="s">
        <v>15086</v>
      </c>
      <c r="C24371" t="s">
        <v>15019</v>
      </c>
      <c r="D24371" t="s">
        <v>15020</v>
      </c>
      <c r="E24371" t="s">
        <v>14997</v>
      </c>
      <c r="F24371" t="s">
        <v>14998</v>
      </c>
      <c r="G24371" t="s">
        <v>10734</v>
      </c>
      <c r="H24371" t="s">
        <v>10735</v>
      </c>
      <c r="I24371" s="2">
        <v>1</v>
      </c>
      <c r="J24371" s="2">
        <v>0</v>
      </c>
      <c r="K24371" s="2">
        <v>0</v>
      </c>
      <c r="L24371" t="s">
        <v>120</v>
      </c>
      <c r="M24371" t="s">
        <v>87</v>
      </c>
      <c r="N24371" t="s">
        <v>88</v>
      </c>
      <c r="O24371" t="s">
        <v>85</v>
      </c>
      <c r="P24371" t="s">
        <v>86</v>
      </c>
      <c r="Q24371">
        <v>25</v>
      </c>
      <c r="R24371">
        <v>25</v>
      </c>
      <c r="S24371">
        <v>25</v>
      </c>
      <c r="T24371">
        <v>26</v>
      </c>
      <c r="U24371">
        <v>26</v>
      </c>
      <c r="V24371">
        <v>26</v>
      </c>
      <c r="W24371">
        <v>26</v>
      </c>
      <c r="X24371">
        <v>26</v>
      </c>
      <c r="Y24371">
        <v>26</v>
      </c>
      <c r="Z24371">
        <v>26</v>
      </c>
      <c r="AA24371">
        <v>27</v>
      </c>
      <c r="AB24371">
        <v>27</v>
      </c>
      <c r="AC24371">
        <v>27</v>
      </c>
      <c r="AD24371">
        <v>27</v>
      </c>
      <c r="AE24371">
        <v>27</v>
      </c>
      <c r="AF24371">
        <v>27</v>
      </c>
      <c r="AG24371">
        <v>28</v>
      </c>
      <c r="AH24371">
        <v>28</v>
      </c>
      <c r="AI24371">
        <v>28</v>
      </c>
      <c r="AJ24371">
        <v>28</v>
      </c>
      <c r="AK24371">
        <v>28</v>
      </c>
      <c r="AL24371">
        <v>28</v>
      </c>
      <c r="AM24371">
        <v>29</v>
      </c>
      <c r="AN24371">
        <v>29</v>
      </c>
      <c r="AO24371">
        <v>29</v>
      </c>
      <c r="AP24371">
        <v>29</v>
      </c>
      <c r="AQ24371">
        <v>29</v>
      </c>
    </row>
    <row r="24372" spans="1:43">
      <c r="A24372" t="s">
        <v>15085</v>
      </c>
      <c r="B24372" t="s">
        <v>15086</v>
      </c>
      <c r="C24372" t="s">
        <v>15019</v>
      </c>
      <c r="D24372" t="s">
        <v>15020</v>
      </c>
      <c r="E24372" t="s">
        <v>14997</v>
      </c>
      <c r="F24372" t="s">
        <v>14998</v>
      </c>
      <c r="G24372" t="s">
        <v>10734</v>
      </c>
      <c r="H24372" t="s">
        <v>10735</v>
      </c>
      <c r="I24372" s="2">
        <v>1</v>
      </c>
      <c r="J24372" s="2">
        <v>0</v>
      </c>
      <c r="K24372" s="2">
        <v>0</v>
      </c>
      <c r="L24372" t="s">
        <v>120</v>
      </c>
      <c r="M24372" t="s">
        <v>89</v>
      </c>
      <c r="N24372" t="s">
        <v>90</v>
      </c>
      <c r="O24372" t="s">
        <v>85</v>
      </c>
      <c r="P24372" t="s">
        <v>86</v>
      </c>
      <c r="Q24372">
        <v>25</v>
      </c>
      <c r="R24372">
        <v>25</v>
      </c>
      <c r="S24372">
        <v>26</v>
      </c>
      <c r="T24372">
        <v>26</v>
      </c>
      <c r="U24372">
        <v>27</v>
      </c>
      <c r="V24372">
        <v>28</v>
      </c>
      <c r="W24372">
        <v>28</v>
      </c>
      <c r="X24372">
        <v>29</v>
      </c>
      <c r="Y24372">
        <v>29</v>
      </c>
      <c r="Z24372">
        <v>30</v>
      </c>
      <c r="AA24372">
        <v>30</v>
      </c>
      <c r="AB24372">
        <v>31</v>
      </c>
      <c r="AC24372">
        <v>31</v>
      </c>
      <c r="AD24372">
        <v>32</v>
      </c>
      <c r="AE24372">
        <v>32</v>
      </c>
      <c r="AF24372">
        <v>32</v>
      </c>
      <c r="AG24372">
        <v>32</v>
      </c>
      <c r="AH24372">
        <v>32</v>
      </c>
      <c r="AI24372">
        <v>32</v>
      </c>
      <c r="AJ24372">
        <v>32</v>
      </c>
      <c r="AK24372">
        <v>33</v>
      </c>
      <c r="AL24372">
        <v>33</v>
      </c>
      <c r="AM24372">
        <v>33</v>
      </c>
      <c r="AN24372">
        <v>33</v>
      </c>
      <c r="AO24372">
        <v>33</v>
      </c>
      <c r="AP24372">
        <v>33</v>
      </c>
      <c r="AQ24372">
        <v>33</v>
      </c>
    </row>
    <row r="24373" spans="1:43">
      <c r="A24373" t="s">
        <v>15085</v>
      </c>
      <c r="B24373" t="s">
        <v>15086</v>
      </c>
      <c r="C24373" t="s">
        <v>15019</v>
      </c>
      <c r="D24373" t="s">
        <v>15020</v>
      </c>
      <c r="E24373" t="s">
        <v>14997</v>
      </c>
      <c r="F24373" t="s">
        <v>14998</v>
      </c>
      <c r="G24373" t="s">
        <v>10734</v>
      </c>
      <c r="H24373" t="s">
        <v>10735</v>
      </c>
      <c r="I24373" s="2">
        <v>1</v>
      </c>
      <c r="J24373" s="2">
        <v>0</v>
      </c>
      <c r="K24373" s="2">
        <v>0</v>
      </c>
      <c r="L24373" t="s">
        <v>120</v>
      </c>
      <c r="M24373" t="s">
        <v>83</v>
      </c>
      <c r="N24373" t="s">
        <v>91</v>
      </c>
      <c r="O24373" t="s">
        <v>85</v>
      </c>
      <c r="P24373" t="s">
        <v>86</v>
      </c>
      <c r="Q24373">
        <v>25</v>
      </c>
      <c r="R24373">
        <v>26</v>
      </c>
      <c r="S24373">
        <v>26</v>
      </c>
      <c r="T24373">
        <v>27</v>
      </c>
      <c r="U24373">
        <v>27</v>
      </c>
      <c r="V24373">
        <v>27</v>
      </c>
      <c r="W24373">
        <v>28</v>
      </c>
      <c r="X24373">
        <v>28</v>
      </c>
      <c r="Y24373">
        <v>28</v>
      </c>
      <c r="Z24373">
        <v>29</v>
      </c>
      <c r="AA24373">
        <v>29</v>
      </c>
      <c r="AB24373">
        <v>30</v>
      </c>
      <c r="AC24373">
        <v>30</v>
      </c>
      <c r="AD24373">
        <v>30</v>
      </c>
      <c r="AE24373">
        <v>31</v>
      </c>
      <c r="AF24373">
        <v>31</v>
      </c>
      <c r="AG24373">
        <v>31</v>
      </c>
      <c r="AH24373">
        <v>32</v>
      </c>
      <c r="AI24373">
        <v>32</v>
      </c>
      <c r="AJ24373">
        <v>33</v>
      </c>
      <c r="AK24373">
        <v>33</v>
      </c>
      <c r="AL24373">
        <v>33</v>
      </c>
      <c r="AM24373">
        <v>33</v>
      </c>
      <c r="AN24373">
        <v>33</v>
      </c>
      <c r="AO24373">
        <v>34</v>
      </c>
      <c r="AP24373">
        <v>34</v>
      </c>
      <c r="AQ24373">
        <v>34</v>
      </c>
    </row>
    <row r="24374" spans="1:43">
      <c r="A24374" t="s">
        <v>15087</v>
      </c>
      <c r="B24374" t="s">
        <v>15088</v>
      </c>
      <c r="C24374" t="s">
        <v>15019</v>
      </c>
      <c r="D24374" t="s">
        <v>15020</v>
      </c>
      <c r="E24374" t="s">
        <v>14997</v>
      </c>
      <c r="F24374" t="s">
        <v>14998</v>
      </c>
      <c r="G24374" t="s">
        <v>10734</v>
      </c>
      <c r="H24374" t="s">
        <v>10735</v>
      </c>
      <c r="I24374" s="2">
        <v>1</v>
      </c>
      <c r="J24374" s="2">
        <v>0</v>
      </c>
      <c r="K24374" s="2">
        <v>0</v>
      </c>
      <c r="L24374" t="s">
        <v>120</v>
      </c>
      <c r="M24374" t="s">
        <v>83</v>
      </c>
      <c r="N24374" t="s">
        <v>84</v>
      </c>
      <c r="O24374" t="s">
        <v>85</v>
      </c>
      <c r="P24374" t="s">
        <v>86</v>
      </c>
      <c r="Q24374">
        <v>6</v>
      </c>
      <c r="R24374">
        <v>6</v>
      </c>
      <c r="S24374">
        <v>6</v>
      </c>
      <c r="T24374">
        <v>6</v>
      </c>
      <c r="U24374">
        <v>6</v>
      </c>
      <c r="V24374">
        <v>6</v>
      </c>
      <c r="W24374">
        <v>6</v>
      </c>
      <c r="X24374">
        <v>6</v>
      </c>
      <c r="Y24374">
        <v>7</v>
      </c>
      <c r="Z24374">
        <v>7</v>
      </c>
      <c r="AA24374">
        <v>7</v>
      </c>
      <c r="AB24374">
        <v>7</v>
      </c>
      <c r="AC24374">
        <v>7</v>
      </c>
      <c r="AD24374">
        <v>7</v>
      </c>
      <c r="AE24374">
        <v>7</v>
      </c>
      <c r="AF24374">
        <v>7</v>
      </c>
      <c r="AG24374">
        <v>7</v>
      </c>
      <c r="AH24374">
        <v>7</v>
      </c>
      <c r="AI24374">
        <v>7</v>
      </c>
      <c r="AJ24374">
        <v>8</v>
      </c>
      <c r="AK24374">
        <v>8</v>
      </c>
      <c r="AL24374">
        <v>8</v>
      </c>
      <c r="AM24374">
        <v>8</v>
      </c>
      <c r="AN24374">
        <v>8</v>
      </c>
      <c r="AO24374">
        <v>8</v>
      </c>
      <c r="AP24374">
        <v>8</v>
      </c>
      <c r="AQ24374">
        <v>8</v>
      </c>
    </row>
    <row r="24375" spans="1:43">
      <c r="A24375" t="s">
        <v>15087</v>
      </c>
      <c r="B24375" t="s">
        <v>15088</v>
      </c>
      <c r="C24375" t="s">
        <v>15019</v>
      </c>
      <c r="D24375" t="s">
        <v>15020</v>
      </c>
      <c r="E24375" t="s">
        <v>14997</v>
      </c>
      <c r="F24375" t="s">
        <v>14998</v>
      </c>
      <c r="G24375" t="s">
        <v>10734</v>
      </c>
      <c r="H24375" t="s">
        <v>10735</v>
      </c>
      <c r="I24375" s="2">
        <v>1</v>
      </c>
      <c r="J24375" s="2">
        <v>0</v>
      </c>
      <c r="K24375" s="2">
        <v>0</v>
      </c>
      <c r="L24375" t="s">
        <v>120</v>
      </c>
      <c r="M24375" t="s">
        <v>87</v>
      </c>
      <c r="N24375" t="s">
        <v>88</v>
      </c>
      <c r="O24375" t="s">
        <v>85</v>
      </c>
      <c r="P24375" t="s">
        <v>86</v>
      </c>
      <c r="Q24375">
        <v>6</v>
      </c>
      <c r="R24375">
        <v>6</v>
      </c>
      <c r="S24375">
        <v>6</v>
      </c>
      <c r="T24375">
        <v>6</v>
      </c>
      <c r="U24375">
        <v>6</v>
      </c>
      <c r="V24375">
        <v>6</v>
      </c>
      <c r="W24375">
        <v>6</v>
      </c>
      <c r="X24375">
        <v>6</v>
      </c>
      <c r="Y24375">
        <v>6</v>
      </c>
      <c r="Z24375">
        <v>6</v>
      </c>
      <c r="AA24375">
        <v>6</v>
      </c>
      <c r="AB24375">
        <v>6</v>
      </c>
      <c r="AC24375">
        <v>6</v>
      </c>
      <c r="AD24375">
        <v>6</v>
      </c>
      <c r="AE24375">
        <v>6</v>
      </c>
      <c r="AF24375">
        <v>6</v>
      </c>
      <c r="AG24375">
        <v>6</v>
      </c>
      <c r="AH24375">
        <v>6</v>
      </c>
      <c r="AI24375">
        <v>6</v>
      </c>
      <c r="AJ24375">
        <v>6</v>
      </c>
      <c r="AK24375">
        <v>6</v>
      </c>
      <c r="AL24375">
        <v>7</v>
      </c>
      <c r="AM24375">
        <v>7</v>
      </c>
      <c r="AN24375">
        <v>7</v>
      </c>
      <c r="AO24375">
        <v>7</v>
      </c>
      <c r="AP24375">
        <v>7</v>
      </c>
      <c r="AQ24375">
        <v>7</v>
      </c>
    </row>
    <row r="24376" spans="1:43">
      <c r="A24376" t="s">
        <v>15087</v>
      </c>
      <c r="B24376" t="s">
        <v>15088</v>
      </c>
      <c r="C24376" t="s">
        <v>15019</v>
      </c>
      <c r="D24376" t="s">
        <v>15020</v>
      </c>
      <c r="E24376" t="s">
        <v>14997</v>
      </c>
      <c r="F24376" t="s">
        <v>14998</v>
      </c>
      <c r="G24376" t="s">
        <v>10734</v>
      </c>
      <c r="H24376" t="s">
        <v>10735</v>
      </c>
      <c r="I24376" s="2">
        <v>1</v>
      </c>
      <c r="J24376" s="2">
        <v>0</v>
      </c>
      <c r="K24376" s="2">
        <v>0</v>
      </c>
      <c r="L24376" t="s">
        <v>120</v>
      </c>
      <c r="M24376" t="s">
        <v>89</v>
      </c>
      <c r="N24376" t="s">
        <v>90</v>
      </c>
      <c r="O24376" t="s">
        <v>85</v>
      </c>
      <c r="P24376" t="s">
        <v>86</v>
      </c>
      <c r="Q24376">
        <v>6</v>
      </c>
      <c r="R24376">
        <v>6</v>
      </c>
      <c r="S24376">
        <v>6</v>
      </c>
      <c r="T24376">
        <v>6</v>
      </c>
      <c r="U24376">
        <v>6</v>
      </c>
      <c r="V24376">
        <v>7</v>
      </c>
      <c r="W24376">
        <v>7</v>
      </c>
      <c r="X24376">
        <v>7</v>
      </c>
      <c r="Y24376">
        <v>7</v>
      </c>
      <c r="Z24376">
        <v>7</v>
      </c>
      <c r="AA24376">
        <v>7</v>
      </c>
      <c r="AB24376">
        <v>7</v>
      </c>
      <c r="AC24376">
        <v>7</v>
      </c>
      <c r="AD24376">
        <v>8</v>
      </c>
      <c r="AE24376">
        <v>8</v>
      </c>
      <c r="AF24376">
        <v>8</v>
      </c>
      <c r="AG24376">
        <v>8</v>
      </c>
      <c r="AH24376">
        <v>8</v>
      </c>
      <c r="AI24376">
        <v>8</v>
      </c>
      <c r="AJ24376">
        <v>8</v>
      </c>
      <c r="AK24376">
        <v>8</v>
      </c>
      <c r="AL24376">
        <v>8</v>
      </c>
      <c r="AM24376">
        <v>8</v>
      </c>
      <c r="AN24376">
        <v>8</v>
      </c>
      <c r="AO24376">
        <v>8</v>
      </c>
      <c r="AP24376">
        <v>8</v>
      </c>
      <c r="AQ24376">
        <v>8</v>
      </c>
    </row>
    <row r="24377" spans="1:43">
      <c r="A24377" t="s">
        <v>15087</v>
      </c>
      <c r="B24377" t="s">
        <v>15088</v>
      </c>
      <c r="C24377" t="s">
        <v>15019</v>
      </c>
      <c r="D24377" t="s">
        <v>15020</v>
      </c>
      <c r="E24377" t="s">
        <v>14997</v>
      </c>
      <c r="F24377" t="s">
        <v>14998</v>
      </c>
      <c r="G24377" t="s">
        <v>10734</v>
      </c>
      <c r="H24377" t="s">
        <v>10735</v>
      </c>
      <c r="I24377" s="2">
        <v>1</v>
      </c>
      <c r="J24377" s="2">
        <v>0</v>
      </c>
      <c r="K24377" s="2">
        <v>0</v>
      </c>
      <c r="L24377" t="s">
        <v>120</v>
      </c>
      <c r="M24377" t="s">
        <v>83</v>
      </c>
      <c r="N24377" t="s">
        <v>91</v>
      </c>
      <c r="O24377" t="s">
        <v>85</v>
      </c>
      <c r="P24377" t="s">
        <v>86</v>
      </c>
      <c r="Q24377">
        <v>6</v>
      </c>
      <c r="R24377">
        <v>6</v>
      </c>
      <c r="S24377">
        <v>6</v>
      </c>
      <c r="T24377">
        <v>6</v>
      </c>
      <c r="U24377">
        <v>6</v>
      </c>
      <c r="V24377">
        <v>6</v>
      </c>
      <c r="W24377">
        <v>6</v>
      </c>
      <c r="X24377">
        <v>6</v>
      </c>
      <c r="Y24377">
        <v>7</v>
      </c>
      <c r="Z24377">
        <v>7</v>
      </c>
      <c r="AA24377">
        <v>7</v>
      </c>
      <c r="AB24377">
        <v>7</v>
      </c>
      <c r="AC24377">
        <v>7</v>
      </c>
      <c r="AD24377">
        <v>7</v>
      </c>
      <c r="AE24377">
        <v>7</v>
      </c>
      <c r="AF24377">
        <v>7</v>
      </c>
      <c r="AG24377">
        <v>7</v>
      </c>
      <c r="AH24377">
        <v>7</v>
      </c>
      <c r="AI24377">
        <v>7</v>
      </c>
      <c r="AJ24377">
        <v>8</v>
      </c>
      <c r="AK24377">
        <v>8</v>
      </c>
      <c r="AL24377">
        <v>8</v>
      </c>
      <c r="AM24377">
        <v>8</v>
      </c>
      <c r="AN24377">
        <v>8</v>
      </c>
      <c r="AO24377">
        <v>8</v>
      </c>
      <c r="AP24377">
        <v>8</v>
      </c>
      <c r="AQ24377">
        <v>8</v>
      </c>
    </row>
    <row r="24378" spans="1:43">
      <c r="A24378" t="s">
        <v>15089</v>
      </c>
      <c r="B24378" t="s">
        <v>15090</v>
      </c>
      <c r="C24378" t="s">
        <v>15009</v>
      </c>
      <c r="D24378" t="s">
        <v>15010</v>
      </c>
      <c r="E24378" t="s">
        <v>14997</v>
      </c>
      <c r="F24378" t="s">
        <v>14998</v>
      </c>
      <c r="G24378" t="s">
        <v>10734</v>
      </c>
      <c r="H24378" t="s">
        <v>10735</v>
      </c>
      <c r="I24378" s="2">
        <v>1</v>
      </c>
      <c r="J24378" s="2">
        <v>0</v>
      </c>
      <c r="K24378" s="2">
        <v>0</v>
      </c>
      <c r="L24378" t="s">
        <v>120</v>
      </c>
      <c r="M24378" t="s">
        <v>83</v>
      </c>
      <c r="N24378" t="s">
        <v>84</v>
      </c>
      <c r="O24378" t="s">
        <v>85</v>
      </c>
      <c r="P24378" t="s">
        <v>86</v>
      </c>
      <c r="Q24378">
        <v>38</v>
      </c>
      <c r="R24378">
        <v>39</v>
      </c>
      <c r="S24378">
        <v>39</v>
      </c>
      <c r="T24378">
        <v>40</v>
      </c>
      <c r="U24378">
        <v>40</v>
      </c>
      <c r="V24378">
        <v>41</v>
      </c>
      <c r="W24378">
        <v>42</v>
      </c>
      <c r="X24378">
        <v>42</v>
      </c>
      <c r="Y24378">
        <v>43</v>
      </c>
      <c r="Z24378">
        <v>43</v>
      </c>
      <c r="AA24378">
        <v>44</v>
      </c>
      <c r="AB24378">
        <v>44</v>
      </c>
      <c r="AC24378">
        <v>45</v>
      </c>
      <c r="AD24378">
        <v>45</v>
      </c>
      <c r="AE24378">
        <v>46</v>
      </c>
      <c r="AF24378">
        <v>46</v>
      </c>
      <c r="AG24378">
        <v>47</v>
      </c>
      <c r="AH24378">
        <v>48</v>
      </c>
      <c r="AI24378">
        <v>48</v>
      </c>
      <c r="AJ24378">
        <v>49</v>
      </c>
      <c r="AK24378">
        <v>49</v>
      </c>
      <c r="AL24378">
        <v>50</v>
      </c>
      <c r="AM24378">
        <v>50</v>
      </c>
      <c r="AN24378">
        <v>50</v>
      </c>
      <c r="AO24378">
        <v>50</v>
      </c>
      <c r="AP24378">
        <v>50</v>
      </c>
      <c r="AQ24378">
        <v>50</v>
      </c>
    </row>
    <row r="24379" spans="1:43">
      <c r="A24379" t="s">
        <v>15089</v>
      </c>
      <c r="B24379" t="s">
        <v>15090</v>
      </c>
      <c r="C24379" t="s">
        <v>15009</v>
      </c>
      <c r="D24379" t="s">
        <v>15010</v>
      </c>
      <c r="E24379" t="s">
        <v>14997</v>
      </c>
      <c r="F24379" t="s">
        <v>14998</v>
      </c>
      <c r="G24379" t="s">
        <v>10734</v>
      </c>
      <c r="H24379" t="s">
        <v>10735</v>
      </c>
      <c r="I24379" s="2">
        <v>1</v>
      </c>
      <c r="J24379" s="2">
        <v>0</v>
      </c>
      <c r="K24379" s="2">
        <v>0</v>
      </c>
      <c r="L24379" t="s">
        <v>120</v>
      </c>
      <c r="M24379" t="s">
        <v>87</v>
      </c>
      <c r="N24379" t="s">
        <v>88</v>
      </c>
      <c r="O24379" t="s">
        <v>85</v>
      </c>
      <c r="P24379" t="s">
        <v>86</v>
      </c>
      <c r="Q24379">
        <v>38</v>
      </c>
      <c r="R24379">
        <v>38</v>
      </c>
      <c r="S24379">
        <v>38</v>
      </c>
      <c r="T24379">
        <v>38</v>
      </c>
      <c r="U24379">
        <v>39</v>
      </c>
      <c r="V24379">
        <v>39</v>
      </c>
      <c r="W24379">
        <v>39</v>
      </c>
      <c r="X24379">
        <v>39</v>
      </c>
      <c r="Y24379">
        <v>39</v>
      </c>
      <c r="Z24379">
        <v>40</v>
      </c>
      <c r="AA24379">
        <v>40</v>
      </c>
      <c r="AB24379">
        <v>40</v>
      </c>
      <c r="AC24379">
        <v>40</v>
      </c>
      <c r="AD24379">
        <v>41</v>
      </c>
      <c r="AE24379">
        <v>41</v>
      </c>
      <c r="AF24379">
        <v>41</v>
      </c>
      <c r="AG24379">
        <v>41</v>
      </c>
      <c r="AH24379">
        <v>42</v>
      </c>
      <c r="AI24379">
        <v>42</v>
      </c>
      <c r="AJ24379">
        <v>42</v>
      </c>
      <c r="AK24379">
        <v>42</v>
      </c>
      <c r="AL24379">
        <v>43</v>
      </c>
      <c r="AM24379">
        <v>43</v>
      </c>
      <c r="AN24379">
        <v>43</v>
      </c>
      <c r="AO24379">
        <v>43</v>
      </c>
      <c r="AP24379">
        <v>44</v>
      </c>
      <c r="AQ24379">
        <v>44</v>
      </c>
    </row>
    <row r="24380" spans="1:43">
      <c r="A24380" t="s">
        <v>15089</v>
      </c>
      <c r="B24380" t="s">
        <v>15090</v>
      </c>
      <c r="C24380" t="s">
        <v>15009</v>
      </c>
      <c r="D24380" t="s">
        <v>15010</v>
      </c>
      <c r="E24380" t="s">
        <v>14997</v>
      </c>
      <c r="F24380" t="s">
        <v>14998</v>
      </c>
      <c r="G24380" t="s">
        <v>10734</v>
      </c>
      <c r="H24380" t="s">
        <v>10735</v>
      </c>
      <c r="I24380" s="2">
        <v>1</v>
      </c>
      <c r="J24380" s="2">
        <v>0</v>
      </c>
      <c r="K24380" s="2">
        <v>0</v>
      </c>
      <c r="L24380" t="s">
        <v>120</v>
      </c>
      <c r="M24380" t="s">
        <v>89</v>
      </c>
      <c r="N24380" t="s">
        <v>90</v>
      </c>
      <c r="O24380" t="s">
        <v>85</v>
      </c>
      <c r="P24380" t="s">
        <v>86</v>
      </c>
      <c r="Q24380">
        <v>38</v>
      </c>
      <c r="R24380">
        <v>39</v>
      </c>
      <c r="S24380">
        <v>40</v>
      </c>
      <c r="T24380">
        <v>41</v>
      </c>
      <c r="U24380">
        <v>42</v>
      </c>
      <c r="V24380">
        <v>43</v>
      </c>
      <c r="W24380">
        <v>44</v>
      </c>
      <c r="X24380">
        <v>44</v>
      </c>
      <c r="Y24380">
        <v>45</v>
      </c>
      <c r="Z24380">
        <v>46</v>
      </c>
      <c r="AA24380">
        <v>46</v>
      </c>
      <c r="AB24380">
        <v>47</v>
      </c>
      <c r="AC24380">
        <v>48</v>
      </c>
      <c r="AD24380">
        <v>49</v>
      </c>
      <c r="AE24380">
        <v>49</v>
      </c>
      <c r="AF24380">
        <v>49</v>
      </c>
      <c r="AG24380">
        <v>49</v>
      </c>
      <c r="AH24380">
        <v>50</v>
      </c>
      <c r="AI24380">
        <v>50</v>
      </c>
      <c r="AJ24380">
        <v>50</v>
      </c>
      <c r="AK24380">
        <v>50</v>
      </c>
      <c r="AL24380">
        <v>50</v>
      </c>
      <c r="AM24380">
        <v>50</v>
      </c>
      <c r="AN24380">
        <v>50</v>
      </c>
      <c r="AO24380">
        <v>51</v>
      </c>
      <c r="AP24380">
        <v>51</v>
      </c>
      <c r="AQ24380">
        <v>51</v>
      </c>
    </row>
    <row r="24381" spans="1:43">
      <c r="A24381" t="s">
        <v>15089</v>
      </c>
      <c r="B24381" t="s">
        <v>15090</v>
      </c>
      <c r="C24381" t="s">
        <v>15009</v>
      </c>
      <c r="D24381" t="s">
        <v>15010</v>
      </c>
      <c r="E24381" t="s">
        <v>14997</v>
      </c>
      <c r="F24381" t="s">
        <v>14998</v>
      </c>
      <c r="G24381" t="s">
        <v>10734</v>
      </c>
      <c r="H24381" t="s">
        <v>10735</v>
      </c>
      <c r="I24381" s="2">
        <v>1</v>
      </c>
      <c r="J24381" s="2">
        <v>0</v>
      </c>
      <c r="K24381" s="2">
        <v>0</v>
      </c>
      <c r="L24381" t="s">
        <v>120</v>
      </c>
      <c r="M24381" t="s">
        <v>83</v>
      </c>
      <c r="N24381" t="s">
        <v>91</v>
      </c>
      <c r="O24381" t="s">
        <v>85</v>
      </c>
      <c r="P24381" t="s">
        <v>86</v>
      </c>
      <c r="Q24381">
        <v>38</v>
      </c>
      <c r="R24381">
        <v>39</v>
      </c>
      <c r="S24381">
        <v>39</v>
      </c>
      <c r="T24381">
        <v>40</v>
      </c>
      <c r="U24381">
        <v>40</v>
      </c>
      <c r="V24381">
        <v>41</v>
      </c>
      <c r="W24381">
        <v>42</v>
      </c>
      <c r="X24381">
        <v>42</v>
      </c>
      <c r="Y24381">
        <v>43</v>
      </c>
      <c r="Z24381">
        <v>43</v>
      </c>
      <c r="AA24381">
        <v>44</v>
      </c>
      <c r="AB24381">
        <v>44</v>
      </c>
      <c r="AC24381">
        <v>45</v>
      </c>
      <c r="AD24381">
        <v>45</v>
      </c>
      <c r="AE24381">
        <v>46</v>
      </c>
      <c r="AF24381">
        <v>46</v>
      </c>
      <c r="AG24381">
        <v>47</v>
      </c>
      <c r="AH24381">
        <v>48</v>
      </c>
      <c r="AI24381">
        <v>48</v>
      </c>
      <c r="AJ24381">
        <v>49</v>
      </c>
      <c r="AK24381">
        <v>49</v>
      </c>
      <c r="AL24381">
        <v>50</v>
      </c>
      <c r="AM24381">
        <v>50</v>
      </c>
      <c r="AN24381">
        <v>50</v>
      </c>
      <c r="AO24381">
        <v>50</v>
      </c>
      <c r="AP24381">
        <v>50</v>
      </c>
      <c r="AQ24381">
        <v>50</v>
      </c>
    </row>
    <row r="24382" spans="1:43">
      <c r="A24382" t="s">
        <v>15091</v>
      </c>
      <c r="B24382" t="s">
        <v>15092</v>
      </c>
      <c r="C24382" t="s">
        <v>15009</v>
      </c>
      <c r="D24382" t="s">
        <v>15010</v>
      </c>
      <c r="E24382" t="s">
        <v>14997</v>
      </c>
      <c r="F24382" t="s">
        <v>14998</v>
      </c>
      <c r="G24382" t="s">
        <v>10734</v>
      </c>
      <c r="H24382" t="s">
        <v>10735</v>
      </c>
      <c r="I24382" s="2">
        <v>1</v>
      </c>
      <c r="J24382" s="2">
        <v>0</v>
      </c>
      <c r="K24382" s="2">
        <v>0</v>
      </c>
      <c r="L24382" t="s">
        <v>120</v>
      </c>
      <c r="M24382" t="s">
        <v>83</v>
      </c>
      <c r="N24382" t="s">
        <v>84</v>
      </c>
      <c r="O24382" t="s">
        <v>85</v>
      </c>
      <c r="P24382" t="s">
        <v>86</v>
      </c>
      <c r="Q24382">
        <v>74</v>
      </c>
      <c r="R24382">
        <v>75</v>
      </c>
      <c r="S24382">
        <v>76</v>
      </c>
      <c r="T24382">
        <v>77</v>
      </c>
      <c r="U24382">
        <v>78</v>
      </c>
      <c r="V24382">
        <v>79</v>
      </c>
      <c r="W24382">
        <v>80</v>
      </c>
      <c r="X24382">
        <v>82</v>
      </c>
      <c r="Y24382">
        <v>83</v>
      </c>
      <c r="Z24382">
        <v>84</v>
      </c>
      <c r="AA24382">
        <v>85</v>
      </c>
      <c r="AB24382">
        <v>86</v>
      </c>
      <c r="AC24382">
        <v>87</v>
      </c>
      <c r="AD24382">
        <v>88</v>
      </c>
      <c r="AE24382">
        <v>89</v>
      </c>
      <c r="AF24382">
        <v>90</v>
      </c>
      <c r="AG24382">
        <v>91</v>
      </c>
      <c r="AH24382">
        <v>92</v>
      </c>
      <c r="AI24382">
        <v>94</v>
      </c>
      <c r="AJ24382">
        <v>95</v>
      </c>
      <c r="AK24382">
        <v>96</v>
      </c>
      <c r="AL24382">
        <v>96</v>
      </c>
      <c r="AM24382">
        <v>97</v>
      </c>
      <c r="AN24382">
        <v>97</v>
      </c>
      <c r="AO24382">
        <v>97</v>
      </c>
      <c r="AP24382">
        <v>97</v>
      </c>
      <c r="AQ24382">
        <v>98</v>
      </c>
    </row>
    <row r="24383" spans="1:43">
      <c r="A24383" t="s">
        <v>15091</v>
      </c>
      <c r="B24383" t="s">
        <v>15092</v>
      </c>
      <c r="C24383" t="s">
        <v>15009</v>
      </c>
      <c r="D24383" t="s">
        <v>15010</v>
      </c>
      <c r="E24383" t="s">
        <v>14997</v>
      </c>
      <c r="F24383" t="s">
        <v>14998</v>
      </c>
      <c r="G24383" t="s">
        <v>10734</v>
      </c>
      <c r="H24383" t="s">
        <v>10735</v>
      </c>
      <c r="I24383" s="2">
        <v>1</v>
      </c>
      <c r="J24383" s="2">
        <v>0</v>
      </c>
      <c r="K24383" s="2">
        <v>0</v>
      </c>
      <c r="L24383" t="s">
        <v>120</v>
      </c>
      <c r="M24383" t="s">
        <v>87</v>
      </c>
      <c r="N24383" t="s">
        <v>88</v>
      </c>
      <c r="O24383" t="s">
        <v>85</v>
      </c>
      <c r="P24383" t="s">
        <v>86</v>
      </c>
      <c r="Q24383">
        <v>74</v>
      </c>
      <c r="R24383">
        <v>75</v>
      </c>
      <c r="S24383">
        <v>75</v>
      </c>
      <c r="T24383">
        <v>75</v>
      </c>
      <c r="U24383">
        <v>76</v>
      </c>
      <c r="V24383">
        <v>76</v>
      </c>
      <c r="W24383">
        <v>77</v>
      </c>
      <c r="X24383">
        <v>77</v>
      </c>
      <c r="Y24383">
        <v>77</v>
      </c>
      <c r="Z24383">
        <v>78</v>
      </c>
      <c r="AA24383">
        <v>78</v>
      </c>
      <c r="AB24383">
        <v>79</v>
      </c>
      <c r="AC24383">
        <v>79</v>
      </c>
      <c r="AD24383">
        <v>80</v>
      </c>
      <c r="AE24383">
        <v>80</v>
      </c>
      <c r="AF24383">
        <v>81</v>
      </c>
      <c r="AG24383">
        <v>81</v>
      </c>
      <c r="AH24383">
        <v>81</v>
      </c>
      <c r="AI24383">
        <v>82</v>
      </c>
      <c r="AJ24383">
        <v>82</v>
      </c>
      <c r="AK24383">
        <v>83</v>
      </c>
      <c r="AL24383">
        <v>83</v>
      </c>
      <c r="AM24383">
        <v>84</v>
      </c>
      <c r="AN24383">
        <v>84</v>
      </c>
      <c r="AO24383">
        <v>85</v>
      </c>
      <c r="AP24383">
        <v>85</v>
      </c>
      <c r="AQ24383">
        <v>86</v>
      </c>
    </row>
    <row r="24384" spans="1:43">
      <c r="A24384" t="s">
        <v>15091</v>
      </c>
      <c r="B24384" t="s">
        <v>15092</v>
      </c>
      <c r="C24384" t="s">
        <v>15009</v>
      </c>
      <c r="D24384" t="s">
        <v>15010</v>
      </c>
      <c r="E24384" t="s">
        <v>14997</v>
      </c>
      <c r="F24384" t="s">
        <v>14998</v>
      </c>
      <c r="G24384" t="s">
        <v>10734</v>
      </c>
      <c r="H24384" t="s">
        <v>10735</v>
      </c>
      <c r="I24384" s="2">
        <v>1</v>
      </c>
      <c r="J24384" s="2">
        <v>0</v>
      </c>
      <c r="K24384" s="2">
        <v>0</v>
      </c>
      <c r="L24384" t="s">
        <v>120</v>
      </c>
      <c r="M24384" t="s">
        <v>89</v>
      </c>
      <c r="N24384" t="s">
        <v>90</v>
      </c>
      <c r="O24384" t="s">
        <v>85</v>
      </c>
      <c r="P24384" t="s">
        <v>86</v>
      </c>
      <c r="Q24384">
        <v>74</v>
      </c>
      <c r="R24384">
        <v>75</v>
      </c>
      <c r="S24384">
        <v>77</v>
      </c>
      <c r="T24384">
        <v>79</v>
      </c>
      <c r="U24384">
        <v>80</v>
      </c>
      <c r="V24384">
        <v>82</v>
      </c>
      <c r="W24384">
        <v>83</v>
      </c>
      <c r="X24384">
        <v>85</v>
      </c>
      <c r="Y24384">
        <v>86</v>
      </c>
      <c r="Z24384">
        <v>88</v>
      </c>
      <c r="AA24384">
        <v>89</v>
      </c>
      <c r="AB24384">
        <v>91</v>
      </c>
      <c r="AC24384">
        <v>92</v>
      </c>
      <c r="AD24384">
        <v>93</v>
      </c>
      <c r="AE24384">
        <v>94</v>
      </c>
      <c r="AF24384">
        <v>95</v>
      </c>
      <c r="AG24384">
        <v>95</v>
      </c>
      <c r="AH24384">
        <v>95</v>
      </c>
      <c r="AI24384">
        <v>95</v>
      </c>
      <c r="AJ24384">
        <v>96</v>
      </c>
      <c r="AK24384">
        <v>96</v>
      </c>
      <c r="AL24384">
        <v>96</v>
      </c>
      <c r="AM24384">
        <v>96</v>
      </c>
      <c r="AN24384">
        <v>97</v>
      </c>
      <c r="AO24384">
        <v>97</v>
      </c>
      <c r="AP24384">
        <v>97</v>
      </c>
      <c r="AQ24384">
        <v>98</v>
      </c>
    </row>
    <row r="24385" spans="1:43">
      <c r="A24385" t="s">
        <v>15091</v>
      </c>
      <c r="B24385" t="s">
        <v>15092</v>
      </c>
      <c r="C24385" t="s">
        <v>15009</v>
      </c>
      <c r="D24385" t="s">
        <v>15010</v>
      </c>
      <c r="E24385" t="s">
        <v>14997</v>
      </c>
      <c r="F24385" t="s">
        <v>14998</v>
      </c>
      <c r="G24385" t="s">
        <v>10734</v>
      </c>
      <c r="H24385" t="s">
        <v>10735</v>
      </c>
      <c r="I24385" s="2">
        <v>1</v>
      </c>
      <c r="J24385" s="2">
        <v>0</v>
      </c>
      <c r="K24385" s="2">
        <v>0</v>
      </c>
      <c r="L24385" t="s">
        <v>120</v>
      </c>
      <c r="M24385" t="s">
        <v>83</v>
      </c>
      <c r="N24385" t="s">
        <v>91</v>
      </c>
      <c r="O24385" t="s">
        <v>85</v>
      </c>
      <c r="P24385" t="s">
        <v>86</v>
      </c>
      <c r="Q24385">
        <v>74</v>
      </c>
      <c r="R24385">
        <v>75</v>
      </c>
      <c r="S24385">
        <v>76</v>
      </c>
      <c r="T24385">
        <v>77</v>
      </c>
      <c r="U24385">
        <v>78</v>
      </c>
      <c r="V24385">
        <v>79</v>
      </c>
      <c r="W24385">
        <v>80</v>
      </c>
      <c r="X24385">
        <v>82</v>
      </c>
      <c r="Y24385">
        <v>83</v>
      </c>
      <c r="Z24385">
        <v>84</v>
      </c>
      <c r="AA24385">
        <v>85</v>
      </c>
      <c r="AB24385">
        <v>86</v>
      </c>
      <c r="AC24385">
        <v>87</v>
      </c>
      <c r="AD24385">
        <v>88</v>
      </c>
      <c r="AE24385">
        <v>89</v>
      </c>
      <c r="AF24385">
        <v>90</v>
      </c>
      <c r="AG24385">
        <v>91</v>
      </c>
      <c r="AH24385">
        <v>92</v>
      </c>
      <c r="AI24385">
        <v>94</v>
      </c>
      <c r="AJ24385">
        <v>95</v>
      </c>
      <c r="AK24385">
        <v>96</v>
      </c>
      <c r="AL24385">
        <v>96</v>
      </c>
      <c r="AM24385">
        <v>97</v>
      </c>
      <c r="AN24385">
        <v>97</v>
      </c>
      <c r="AO24385">
        <v>97</v>
      </c>
      <c r="AP24385">
        <v>97</v>
      </c>
      <c r="AQ24385">
        <v>98</v>
      </c>
    </row>
    <row r="24386" spans="1:43">
      <c r="A24386" t="s">
        <v>15093</v>
      </c>
      <c r="B24386" t="s">
        <v>15094</v>
      </c>
      <c r="C24386" t="s">
        <v>15009</v>
      </c>
      <c r="D24386" t="s">
        <v>15010</v>
      </c>
      <c r="E24386" t="s">
        <v>14997</v>
      </c>
      <c r="F24386" t="s">
        <v>14998</v>
      </c>
      <c r="G24386" t="s">
        <v>10734</v>
      </c>
      <c r="H24386" t="s">
        <v>10735</v>
      </c>
      <c r="I24386" s="2">
        <v>1</v>
      </c>
      <c r="J24386" s="2">
        <v>0</v>
      </c>
      <c r="K24386" s="2">
        <v>0</v>
      </c>
      <c r="L24386" t="s">
        <v>120</v>
      </c>
      <c r="M24386" t="s">
        <v>83</v>
      </c>
      <c r="N24386" t="s">
        <v>84</v>
      </c>
      <c r="O24386" t="s">
        <v>85</v>
      </c>
      <c r="P24386" t="s">
        <v>86</v>
      </c>
      <c r="Q24386">
        <v>14</v>
      </c>
      <c r="R24386">
        <v>14</v>
      </c>
      <c r="S24386">
        <v>14</v>
      </c>
      <c r="T24386">
        <v>14</v>
      </c>
      <c r="U24386">
        <v>15</v>
      </c>
      <c r="V24386">
        <v>15</v>
      </c>
      <c r="W24386">
        <v>15</v>
      </c>
      <c r="X24386">
        <v>15</v>
      </c>
      <c r="Y24386">
        <v>15</v>
      </c>
      <c r="Z24386">
        <v>16</v>
      </c>
      <c r="AA24386">
        <v>16</v>
      </c>
      <c r="AB24386">
        <v>16</v>
      </c>
      <c r="AC24386">
        <v>16</v>
      </c>
      <c r="AD24386">
        <v>16</v>
      </c>
      <c r="AE24386">
        <v>17</v>
      </c>
      <c r="AF24386">
        <v>17</v>
      </c>
      <c r="AG24386">
        <v>17</v>
      </c>
      <c r="AH24386">
        <v>17</v>
      </c>
      <c r="AI24386">
        <v>17</v>
      </c>
      <c r="AJ24386">
        <v>18</v>
      </c>
      <c r="AK24386">
        <v>18</v>
      </c>
      <c r="AL24386">
        <v>18</v>
      </c>
      <c r="AM24386">
        <v>18</v>
      </c>
      <c r="AN24386">
        <v>18</v>
      </c>
      <c r="AO24386">
        <v>18</v>
      </c>
      <c r="AP24386">
        <v>18</v>
      </c>
      <c r="AQ24386">
        <v>18</v>
      </c>
    </row>
    <row r="24387" spans="1:43">
      <c r="A24387" t="s">
        <v>15093</v>
      </c>
      <c r="B24387" t="s">
        <v>15094</v>
      </c>
      <c r="C24387" t="s">
        <v>15009</v>
      </c>
      <c r="D24387" t="s">
        <v>15010</v>
      </c>
      <c r="E24387" t="s">
        <v>14997</v>
      </c>
      <c r="F24387" t="s">
        <v>14998</v>
      </c>
      <c r="G24387" t="s">
        <v>10734</v>
      </c>
      <c r="H24387" t="s">
        <v>10735</v>
      </c>
      <c r="I24387" s="2">
        <v>1</v>
      </c>
      <c r="J24387" s="2">
        <v>0</v>
      </c>
      <c r="K24387" s="2">
        <v>0</v>
      </c>
      <c r="L24387" t="s">
        <v>120</v>
      </c>
      <c r="M24387" t="s">
        <v>87</v>
      </c>
      <c r="N24387" t="s">
        <v>88</v>
      </c>
      <c r="O24387" t="s">
        <v>85</v>
      </c>
      <c r="P24387" t="s">
        <v>86</v>
      </c>
      <c r="Q24387">
        <v>14</v>
      </c>
      <c r="R24387">
        <v>14</v>
      </c>
      <c r="S24387">
        <v>14</v>
      </c>
      <c r="T24387">
        <v>14</v>
      </c>
      <c r="U24387">
        <v>14</v>
      </c>
      <c r="V24387">
        <v>14</v>
      </c>
      <c r="W24387">
        <v>14</v>
      </c>
      <c r="X24387">
        <v>14</v>
      </c>
      <c r="Y24387">
        <v>14</v>
      </c>
      <c r="Z24387">
        <v>14</v>
      </c>
      <c r="AA24387">
        <v>14</v>
      </c>
      <c r="AB24387">
        <v>14</v>
      </c>
      <c r="AC24387">
        <v>15</v>
      </c>
      <c r="AD24387">
        <v>15</v>
      </c>
      <c r="AE24387">
        <v>15</v>
      </c>
      <c r="AF24387">
        <v>15</v>
      </c>
      <c r="AG24387">
        <v>15</v>
      </c>
      <c r="AH24387">
        <v>15</v>
      </c>
      <c r="AI24387">
        <v>15</v>
      </c>
      <c r="AJ24387">
        <v>15</v>
      </c>
      <c r="AK24387">
        <v>15</v>
      </c>
      <c r="AL24387">
        <v>15</v>
      </c>
      <c r="AM24387">
        <v>15</v>
      </c>
      <c r="AN24387">
        <v>16</v>
      </c>
      <c r="AO24387">
        <v>16</v>
      </c>
      <c r="AP24387">
        <v>16</v>
      </c>
      <c r="AQ24387">
        <v>16</v>
      </c>
    </row>
    <row r="24388" spans="1:43">
      <c r="A24388" t="s">
        <v>15093</v>
      </c>
      <c r="B24388" t="s">
        <v>15094</v>
      </c>
      <c r="C24388" t="s">
        <v>15009</v>
      </c>
      <c r="D24388" t="s">
        <v>15010</v>
      </c>
      <c r="E24388" t="s">
        <v>14997</v>
      </c>
      <c r="F24388" t="s">
        <v>14998</v>
      </c>
      <c r="G24388" t="s">
        <v>10734</v>
      </c>
      <c r="H24388" t="s">
        <v>10735</v>
      </c>
      <c r="I24388" s="2">
        <v>1</v>
      </c>
      <c r="J24388" s="2">
        <v>0</v>
      </c>
      <c r="K24388" s="2">
        <v>0</v>
      </c>
      <c r="L24388" t="s">
        <v>120</v>
      </c>
      <c r="M24388" t="s">
        <v>89</v>
      </c>
      <c r="N24388" t="s">
        <v>90</v>
      </c>
      <c r="O24388" t="s">
        <v>85</v>
      </c>
      <c r="P24388" t="s">
        <v>86</v>
      </c>
      <c r="Q24388">
        <v>14</v>
      </c>
      <c r="R24388">
        <v>14</v>
      </c>
      <c r="S24388">
        <v>15</v>
      </c>
      <c r="T24388">
        <v>15</v>
      </c>
      <c r="U24388">
        <v>15</v>
      </c>
      <c r="V24388">
        <v>15</v>
      </c>
      <c r="W24388">
        <v>16</v>
      </c>
      <c r="X24388">
        <v>16</v>
      </c>
      <c r="Y24388">
        <v>16</v>
      </c>
      <c r="Z24388">
        <v>17</v>
      </c>
      <c r="AA24388">
        <v>17</v>
      </c>
      <c r="AB24388">
        <v>17</v>
      </c>
      <c r="AC24388">
        <v>17</v>
      </c>
      <c r="AD24388">
        <v>18</v>
      </c>
      <c r="AE24388">
        <v>18</v>
      </c>
      <c r="AF24388">
        <v>18</v>
      </c>
      <c r="AG24388">
        <v>18</v>
      </c>
      <c r="AH24388">
        <v>18</v>
      </c>
      <c r="AI24388">
        <v>18</v>
      </c>
      <c r="AJ24388">
        <v>18</v>
      </c>
      <c r="AK24388">
        <v>18</v>
      </c>
      <c r="AL24388">
        <v>18</v>
      </c>
      <c r="AM24388">
        <v>18</v>
      </c>
      <c r="AN24388">
        <v>18</v>
      </c>
      <c r="AO24388">
        <v>18</v>
      </c>
      <c r="AP24388">
        <v>18</v>
      </c>
      <c r="AQ24388">
        <v>18</v>
      </c>
    </row>
    <row r="24389" spans="1:43">
      <c r="A24389" t="s">
        <v>15093</v>
      </c>
      <c r="B24389" t="s">
        <v>15094</v>
      </c>
      <c r="C24389" t="s">
        <v>15009</v>
      </c>
      <c r="D24389" t="s">
        <v>15010</v>
      </c>
      <c r="E24389" t="s">
        <v>14997</v>
      </c>
      <c r="F24389" t="s">
        <v>14998</v>
      </c>
      <c r="G24389" t="s">
        <v>10734</v>
      </c>
      <c r="H24389" t="s">
        <v>10735</v>
      </c>
      <c r="I24389" s="2">
        <v>1</v>
      </c>
      <c r="J24389" s="2">
        <v>0</v>
      </c>
      <c r="K24389" s="2">
        <v>0</v>
      </c>
      <c r="L24389" t="s">
        <v>120</v>
      </c>
      <c r="M24389" t="s">
        <v>83</v>
      </c>
      <c r="N24389" t="s">
        <v>91</v>
      </c>
      <c r="O24389" t="s">
        <v>85</v>
      </c>
      <c r="P24389" t="s">
        <v>86</v>
      </c>
      <c r="Q24389">
        <v>14</v>
      </c>
      <c r="R24389">
        <v>14</v>
      </c>
      <c r="S24389">
        <v>14</v>
      </c>
      <c r="T24389">
        <v>14</v>
      </c>
      <c r="U24389">
        <v>15</v>
      </c>
      <c r="V24389">
        <v>15</v>
      </c>
      <c r="W24389">
        <v>15</v>
      </c>
      <c r="X24389">
        <v>15</v>
      </c>
      <c r="Y24389">
        <v>15</v>
      </c>
      <c r="Z24389">
        <v>16</v>
      </c>
      <c r="AA24389">
        <v>16</v>
      </c>
      <c r="AB24389">
        <v>16</v>
      </c>
      <c r="AC24389">
        <v>16</v>
      </c>
      <c r="AD24389">
        <v>16</v>
      </c>
      <c r="AE24389">
        <v>17</v>
      </c>
      <c r="AF24389">
        <v>17</v>
      </c>
      <c r="AG24389">
        <v>17</v>
      </c>
      <c r="AH24389">
        <v>17</v>
      </c>
      <c r="AI24389">
        <v>17</v>
      </c>
      <c r="AJ24389">
        <v>18</v>
      </c>
      <c r="AK24389">
        <v>18</v>
      </c>
      <c r="AL24389">
        <v>18</v>
      </c>
      <c r="AM24389">
        <v>18</v>
      </c>
      <c r="AN24389">
        <v>18</v>
      </c>
      <c r="AO24389">
        <v>18</v>
      </c>
      <c r="AP24389">
        <v>18</v>
      </c>
      <c r="AQ24389">
        <v>18</v>
      </c>
    </row>
    <row r="24390" spans="1:43">
      <c r="A24390" t="s">
        <v>15095</v>
      </c>
      <c r="B24390" t="s">
        <v>15096</v>
      </c>
      <c r="C24390" t="s">
        <v>15003</v>
      </c>
      <c r="D24390" t="s">
        <v>15004</v>
      </c>
      <c r="E24390" t="s">
        <v>14997</v>
      </c>
      <c r="F24390" t="s">
        <v>14998</v>
      </c>
      <c r="G24390" t="s">
        <v>10734</v>
      </c>
      <c r="H24390" t="s">
        <v>10735</v>
      </c>
      <c r="I24390" s="2">
        <v>1</v>
      </c>
      <c r="J24390" s="2">
        <v>0</v>
      </c>
      <c r="K24390" s="2">
        <v>0</v>
      </c>
      <c r="L24390" t="s">
        <v>120</v>
      </c>
      <c r="M24390" t="s">
        <v>83</v>
      </c>
      <c r="N24390" t="s">
        <v>84</v>
      </c>
      <c r="O24390" t="s">
        <v>85</v>
      </c>
      <c r="P24390" t="s">
        <v>86</v>
      </c>
      <c r="Q24390">
        <v>37</v>
      </c>
      <c r="R24390">
        <v>37</v>
      </c>
      <c r="S24390">
        <v>38</v>
      </c>
      <c r="T24390">
        <v>38</v>
      </c>
      <c r="U24390">
        <v>39</v>
      </c>
      <c r="V24390">
        <v>40</v>
      </c>
      <c r="W24390">
        <v>40</v>
      </c>
      <c r="X24390">
        <v>41</v>
      </c>
      <c r="Y24390">
        <v>41</v>
      </c>
      <c r="Z24390">
        <v>42</v>
      </c>
      <c r="AA24390">
        <v>42</v>
      </c>
      <c r="AB24390">
        <v>43</v>
      </c>
      <c r="AC24390">
        <v>43</v>
      </c>
      <c r="AD24390">
        <v>44</v>
      </c>
      <c r="AE24390">
        <v>44</v>
      </c>
      <c r="AF24390">
        <v>45</v>
      </c>
      <c r="AG24390">
        <v>46</v>
      </c>
      <c r="AH24390">
        <v>46</v>
      </c>
      <c r="AI24390">
        <v>47</v>
      </c>
      <c r="AJ24390">
        <v>47</v>
      </c>
      <c r="AK24390">
        <v>48</v>
      </c>
      <c r="AL24390">
        <v>48</v>
      </c>
      <c r="AM24390">
        <v>48</v>
      </c>
      <c r="AN24390">
        <v>48</v>
      </c>
      <c r="AO24390">
        <v>48</v>
      </c>
      <c r="AP24390">
        <v>49</v>
      </c>
      <c r="AQ24390">
        <v>49</v>
      </c>
    </row>
    <row r="24391" spans="1:43">
      <c r="A24391" t="s">
        <v>15095</v>
      </c>
      <c r="B24391" t="s">
        <v>15096</v>
      </c>
      <c r="C24391" t="s">
        <v>15003</v>
      </c>
      <c r="D24391" t="s">
        <v>15004</v>
      </c>
      <c r="E24391" t="s">
        <v>14997</v>
      </c>
      <c r="F24391" t="s">
        <v>14998</v>
      </c>
      <c r="G24391" t="s">
        <v>10734</v>
      </c>
      <c r="H24391" t="s">
        <v>10735</v>
      </c>
      <c r="I24391" s="2">
        <v>1</v>
      </c>
      <c r="J24391" s="2">
        <v>0</v>
      </c>
      <c r="K24391" s="2">
        <v>0</v>
      </c>
      <c r="L24391" t="s">
        <v>120</v>
      </c>
      <c r="M24391" t="s">
        <v>87</v>
      </c>
      <c r="N24391" t="s">
        <v>88</v>
      </c>
      <c r="O24391" t="s">
        <v>85</v>
      </c>
      <c r="P24391" t="s">
        <v>86</v>
      </c>
      <c r="Q24391">
        <v>37</v>
      </c>
      <c r="R24391">
        <v>38</v>
      </c>
      <c r="S24391">
        <v>38</v>
      </c>
      <c r="T24391">
        <v>38</v>
      </c>
      <c r="U24391">
        <v>38</v>
      </c>
      <c r="V24391">
        <v>39</v>
      </c>
      <c r="W24391">
        <v>39</v>
      </c>
      <c r="X24391">
        <v>39</v>
      </c>
      <c r="Y24391">
        <v>39</v>
      </c>
      <c r="Z24391">
        <v>39</v>
      </c>
      <c r="AA24391">
        <v>40</v>
      </c>
      <c r="AB24391">
        <v>40</v>
      </c>
      <c r="AC24391">
        <v>40</v>
      </c>
      <c r="AD24391">
        <v>40</v>
      </c>
      <c r="AE24391">
        <v>40</v>
      </c>
      <c r="AF24391">
        <v>41</v>
      </c>
      <c r="AG24391">
        <v>41</v>
      </c>
      <c r="AH24391">
        <v>41</v>
      </c>
      <c r="AI24391">
        <v>41</v>
      </c>
      <c r="AJ24391">
        <v>42</v>
      </c>
      <c r="AK24391">
        <v>42</v>
      </c>
      <c r="AL24391">
        <v>42</v>
      </c>
      <c r="AM24391">
        <v>42</v>
      </c>
      <c r="AN24391">
        <v>43</v>
      </c>
      <c r="AO24391">
        <v>43</v>
      </c>
      <c r="AP24391">
        <v>43</v>
      </c>
      <c r="AQ24391">
        <v>43</v>
      </c>
    </row>
    <row r="24392" spans="1:43">
      <c r="A24392" t="s">
        <v>15095</v>
      </c>
      <c r="B24392" t="s">
        <v>15096</v>
      </c>
      <c r="C24392" t="s">
        <v>15003</v>
      </c>
      <c r="D24392" t="s">
        <v>15004</v>
      </c>
      <c r="E24392" t="s">
        <v>14997</v>
      </c>
      <c r="F24392" t="s">
        <v>14998</v>
      </c>
      <c r="G24392" t="s">
        <v>10734</v>
      </c>
      <c r="H24392" t="s">
        <v>10735</v>
      </c>
      <c r="I24392" s="2">
        <v>1</v>
      </c>
      <c r="J24392" s="2">
        <v>0</v>
      </c>
      <c r="K24392" s="2">
        <v>0</v>
      </c>
      <c r="L24392" t="s">
        <v>120</v>
      </c>
      <c r="M24392" t="s">
        <v>89</v>
      </c>
      <c r="N24392" t="s">
        <v>90</v>
      </c>
      <c r="O24392" t="s">
        <v>85</v>
      </c>
      <c r="P24392" t="s">
        <v>86</v>
      </c>
      <c r="Q24392">
        <v>37</v>
      </c>
      <c r="R24392">
        <v>38</v>
      </c>
      <c r="S24392">
        <v>39</v>
      </c>
      <c r="T24392">
        <v>40</v>
      </c>
      <c r="U24392">
        <v>41</v>
      </c>
      <c r="V24392">
        <v>41</v>
      </c>
      <c r="W24392">
        <v>42</v>
      </c>
      <c r="X24392">
        <v>43</v>
      </c>
      <c r="Y24392">
        <v>44</v>
      </c>
      <c r="Z24392">
        <v>44</v>
      </c>
      <c r="AA24392">
        <v>45</v>
      </c>
      <c r="AB24392">
        <v>46</v>
      </c>
      <c r="AC24392">
        <v>46</v>
      </c>
      <c r="AD24392">
        <v>47</v>
      </c>
      <c r="AE24392">
        <v>48</v>
      </c>
      <c r="AF24392">
        <v>48</v>
      </c>
      <c r="AG24392">
        <v>48</v>
      </c>
      <c r="AH24392">
        <v>48</v>
      </c>
      <c r="AI24392">
        <v>48</v>
      </c>
      <c r="AJ24392">
        <v>48</v>
      </c>
      <c r="AK24392">
        <v>48</v>
      </c>
      <c r="AL24392">
        <v>48</v>
      </c>
      <c r="AM24392">
        <v>49</v>
      </c>
      <c r="AN24392">
        <v>49</v>
      </c>
      <c r="AO24392">
        <v>49</v>
      </c>
      <c r="AP24392">
        <v>49</v>
      </c>
      <c r="AQ24392">
        <v>49</v>
      </c>
    </row>
    <row r="24393" spans="1:43">
      <c r="A24393" t="s">
        <v>15095</v>
      </c>
      <c r="B24393" t="s">
        <v>15096</v>
      </c>
      <c r="C24393" t="s">
        <v>15003</v>
      </c>
      <c r="D24393" t="s">
        <v>15004</v>
      </c>
      <c r="E24393" t="s">
        <v>14997</v>
      </c>
      <c r="F24393" t="s">
        <v>14998</v>
      </c>
      <c r="G24393" t="s">
        <v>10734</v>
      </c>
      <c r="H24393" t="s">
        <v>10735</v>
      </c>
      <c r="I24393" s="2">
        <v>1</v>
      </c>
      <c r="J24393" s="2">
        <v>0</v>
      </c>
      <c r="K24393" s="2">
        <v>0</v>
      </c>
      <c r="L24393" t="s">
        <v>120</v>
      </c>
      <c r="M24393" t="s">
        <v>83</v>
      </c>
      <c r="N24393" t="s">
        <v>91</v>
      </c>
      <c r="O24393" t="s">
        <v>85</v>
      </c>
      <c r="P24393" t="s">
        <v>86</v>
      </c>
      <c r="Q24393">
        <v>37</v>
      </c>
      <c r="R24393">
        <v>37</v>
      </c>
      <c r="S24393">
        <v>38</v>
      </c>
      <c r="T24393">
        <v>38</v>
      </c>
      <c r="U24393">
        <v>39</v>
      </c>
      <c r="V24393">
        <v>40</v>
      </c>
      <c r="W24393">
        <v>40</v>
      </c>
      <c r="X24393">
        <v>41</v>
      </c>
      <c r="Y24393">
        <v>41</v>
      </c>
      <c r="Z24393">
        <v>42</v>
      </c>
      <c r="AA24393">
        <v>42</v>
      </c>
      <c r="AB24393">
        <v>43</v>
      </c>
      <c r="AC24393">
        <v>43</v>
      </c>
      <c r="AD24393">
        <v>44</v>
      </c>
      <c r="AE24393">
        <v>44</v>
      </c>
      <c r="AF24393">
        <v>45</v>
      </c>
      <c r="AG24393">
        <v>46</v>
      </c>
      <c r="AH24393">
        <v>46</v>
      </c>
      <c r="AI24393">
        <v>47</v>
      </c>
      <c r="AJ24393">
        <v>47</v>
      </c>
      <c r="AK24393">
        <v>48</v>
      </c>
      <c r="AL24393">
        <v>48</v>
      </c>
      <c r="AM24393">
        <v>48</v>
      </c>
      <c r="AN24393">
        <v>48</v>
      </c>
      <c r="AO24393">
        <v>48</v>
      </c>
      <c r="AP24393">
        <v>49</v>
      </c>
      <c r="AQ24393">
        <v>49</v>
      </c>
    </row>
    <row r="24394" spans="1:43">
      <c r="A24394" t="s">
        <v>15097</v>
      </c>
      <c r="B24394" t="s">
        <v>15098</v>
      </c>
      <c r="C24394" t="s">
        <v>15099</v>
      </c>
      <c r="D24394" t="s">
        <v>15100</v>
      </c>
      <c r="E24394" t="s">
        <v>15101</v>
      </c>
      <c r="F24394" t="s">
        <v>15102</v>
      </c>
      <c r="G24394" t="s">
        <v>10734</v>
      </c>
      <c r="H24394" t="s">
        <v>10735</v>
      </c>
      <c r="I24394" s="2">
        <v>1</v>
      </c>
      <c r="J24394" s="2">
        <v>0</v>
      </c>
      <c r="K24394" s="2">
        <v>0</v>
      </c>
      <c r="L24394" t="s">
        <v>120</v>
      </c>
      <c r="M24394" t="s">
        <v>83</v>
      </c>
      <c r="N24394" t="s">
        <v>84</v>
      </c>
      <c r="O24394" t="s">
        <v>85</v>
      </c>
      <c r="P24394" t="s">
        <v>86</v>
      </c>
      <c r="Q24394">
        <v>19</v>
      </c>
      <c r="R24394">
        <v>19</v>
      </c>
      <c r="S24394">
        <v>20</v>
      </c>
      <c r="T24394">
        <v>20</v>
      </c>
      <c r="U24394">
        <v>21</v>
      </c>
      <c r="V24394">
        <v>21</v>
      </c>
      <c r="W24394">
        <v>21</v>
      </c>
      <c r="X24394">
        <v>22</v>
      </c>
      <c r="Y24394">
        <v>22</v>
      </c>
      <c r="Z24394">
        <v>23</v>
      </c>
      <c r="AA24394">
        <v>23</v>
      </c>
      <c r="AB24394">
        <v>24</v>
      </c>
      <c r="AC24394">
        <v>24</v>
      </c>
      <c r="AD24394">
        <v>24</v>
      </c>
      <c r="AE24394">
        <v>25</v>
      </c>
      <c r="AF24394">
        <v>25</v>
      </c>
      <c r="AG24394">
        <v>26</v>
      </c>
      <c r="AH24394">
        <v>26</v>
      </c>
      <c r="AI24394">
        <v>27</v>
      </c>
      <c r="AJ24394">
        <v>27</v>
      </c>
      <c r="AK24394">
        <v>28</v>
      </c>
      <c r="AL24394">
        <v>28</v>
      </c>
      <c r="AM24394">
        <v>28</v>
      </c>
      <c r="AN24394">
        <v>28</v>
      </c>
      <c r="AO24394">
        <v>29</v>
      </c>
      <c r="AP24394">
        <v>29</v>
      </c>
      <c r="AQ24394">
        <v>29</v>
      </c>
    </row>
    <row r="24395" spans="1:43">
      <c r="A24395" t="s">
        <v>15097</v>
      </c>
      <c r="B24395" t="s">
        <v>15098</v>
      </c>
      <c r="C24395" t="s">
        <v>15099</v>
      </c>
      <c r="D24395" t="s">
        <v>15100</v>
      </c>
      <c r="E24395" t="s">
        <v>15101</v>
      </c>
      <c r="F24395" t="s">
        <v>15102</v>
      </c>
      <c r="G24395" t="s">
        <v>10734</v>
      </c>
      <c r="H24395" t="s">
        <v>10735</v>
      </c>
      <c r="I24395" s="2">
        <v>1</v>
      </c>
      <c r="J24395" s="2">
        <v>0</v>
      </c>
      <c r="K24395" s="2">
        <v>0</v>
      </c>
      <c r="L24395" t="s">
        <v>120</v>
      </c>
      <c r="M24395" t="s">
        <v>87</v>
      </c>
      <c r="N24395" t="s">
        <v>88</v>
      </c>
      <c r="O24395" t="s">
        <v>85</v>
      </c>
      <c r="P24395" t="s">
        <v>86</v>
      </c>
      <c r="Q24395">
        <v>19</v>
      </c>
      <c r="R24395">
        <v>19</v>
      </c>
      <c r="S24395">
        <v>19</v>
      </c>
      <c r="T24395">
        <v>19</v>
      </c>
      <c r="U24395">
        <v>20</v>
      </c>
      <c r="V24395">
        <v>20</v>
      </c>
      <c r="W24395">
        <v>20</v>
      </c>
      <c r="X24395">
        <v>20</v>
      </c>
      <c r="Y24395">
        <v>21</v>
      </c>
      <c r="Z24395">
        <v>21</v>
      </c>
      <c r="AA24395">
        <v>21</v>
      </c>
      <c r="AB24395">
        <v>21</v>
      </c>
      <c r="AC24395">
        <v>22</v>
      </c>
      <c r="AD24395">
        <v>22</v>
      </c>
      <c r="AE24395">
        <v>22</v>
      </c>
      <c r="AF24395">
        <v>22</v>
      </c>
      <c r="AG24395">
        <v>23</v>
      </c>
      <c r="AH24395">
        <v>23</v>
      </c>
      <c r="AI24395">
        <v>23</v>
      </c>
      <c r="AJ24395">
        <v>23</v>
      </c>
      <c r="AK24395">
        <v>24</v>
      </c>
      <c r="AL24395">
        <v>24</v>
      </c>
      <c r="AM24395">
        <v>24</v>
      </c>
      <c r="AN24395">
        <v>24</v>
      </c>
      <c r="AO24395">
        <v>25</v>
      </c>
      <c r="AP24395">
        <v>25</v>
      </c>
      <c r="AQ24395">
        <v>25</v>
      </c>
    </row>
    <row r="24396" spans="1:43">
      <c r="A24396" t="s">
        <v>15097</v>
      </c>
      <c r="B24396" t="s">
        <v>15098</v>
      </c>
      <c r="C24396" t="s">
        <v>15099</v>
      </c>
      <c r="D24396" t="s">
        <v>15100</v>
      </c>
      <c r="E24396" t="s">
        <v>15101</v>
      </c>
      <c r="F24396" t="s">
        <v>15102</v>
      </c>
      <c r="G24396" t="s">
        <v>10734</v>
      </c>
      <c r="H24396" t="s">
        <v>10735</v>
      </c>
      <c r="I24396" s="2">
        <v>1</v>
      </c>
      <c r="J24396" s="2">
        <v>0</v>
      </c>
      <c r="K24396" s="2">
        <v>0</v>
      </c>
      <c r="L24396" t="s">
        <v>120</v>
      </c>
      <c r="M24396" t="s">
        <v>89</v>
      </c>
      <c r="N24396" t="s">
        <v>90</v>
      </c>
      <c r="O24396" t="s">
        <v>85</v>
      </c>
      <c r="P24396" t="s">
        <v>86</v>
      </c>
      <c r="Q24396">
        <v>19</v>
      </c>
      <c r="R24396">
        <v>20</v>
      </c>
      <c r="S24396">
        <v>20</v>
      </c>
      <c r="T24396">
        <v>21</v>
      </c>
      <c r="U24396">
        <v>21</v>
      </c>
      <c r="V24396">
        <v>22</v>
      </c>
      <c r="W24396">
        <v>23</v>
      </c>
      <c r="X24396">
        <v>23</v>
      </c>
      <c r="Y24396">
        <v>24</v>
      </c>
      <c r="Z24396">
        <v>24</v>
      </c>
      <c r="AA24396">
        <v>25</v>
      </c>
      <c r="AB24396">
        <v>25</v>
      </c>
      <c r="AC24396">
        <v>26</v>
      </c>
      <c r="AD24396">
        <v>26</v>
      </c>
      <c r="AE24396">
        <v>27</v>
      </c>
      <c r="AF24396">
        <v>27</v>
      </c>
      <c r="AG24396">
        <v>27</v>
      </c>
      <c r="AH24396">
        <v>27</v>
      </c>
      <c r="AI24396">
        <v>28</v>
      </c>
      <c r="AJ24396">
        <v>28</v>
      </c>
      <c r="AK24396">
        <v>28</v>
      </c>
      <c r="AL24396">
        <v>28</v>
      </c>
      <c r="AM24396">
        <v>29</v>
      </c>
      <c r="AN24396">
        <v>29</v>
      </c>
      <c r="AO24396">
        <v>29</v>
      </c>
      <c r="AP24396">
        <v>29</v>
      </c>
      <c r="AQ24396">
        <v>29</v>
      </c>
    </row>
    <row r="24397" spans="1:43">
      <c r="A24397" t="s">
        <v>15097</v>
      </c>
      <c r="B24397" t="s">
        <v>15098</v>
      </c>
      <c r="C24397" t="s">
        <v>15099</v>
      </c>
      <c r="D24397" t="s">
        <v>15100</v>
      </c>
      <c r="E24397" t="s">
        <v>15101</v>
      </c>
      <c r="F24397" t="s">
        <v>15102</v>
      </c>
      <c r="G24397" t="s">
        <v>10734</v>
      </c>
      <c r="H24397" t="s">
        <v>10735</v>
      </c>
      <c r="I24397" s="2">
        <v>1</v>
      </c>
      <c r="J24397" s="2">
        <v>0</v>
      </c>
      <c r="K24397" s="2">
        <v>0</v>
      </c>
      <c r="L24397" t="s">
        <v>120</v>
      </c>
      <c r="M24397" t="s">
        <v>83</v>
      </c>
      <c r="N24397" t="s">
        <v>91</v>
      </c>
      <c r="O24397" t="s">
        <v>85</v>
      </c>
      <c r="P24397" t="s">
        <v>86</v>
      </c>
      <c r="Q24397">
        <v>19</v>
      </c>
      <c r="R24397">
        <v>19</v>
      </c>
      <c r="S24397">
        <v>20</v>
      </c>
      <c r="T24397">
        <v>20</v>
      </c>
      <c r="U24397">
        <v>21</v>
      </c>
      <c r="V24397">
        <v>21</v>
      </c>
      <c r="W24397">
        <v>21</v>
      </c>
      <c r="X24397">
        <v>22</v>
      </c>
      <c r="Y24397">
        <v>22</v>
      </c>
      <c r="Z24397">
        <v>23</v>
      </c>
      <c r="AA24397">
        <v>23</v>
      </c>
      <c r="AB24397">
        <v>24</v>
      </c>
      <c r="AC24397">
        <v>24</v>
      </c>
      <c r="AD24397">
        <v>24</v>
      </c>
      <c r="AE24397">
        <v>25</v>
      </c>
      <c r="AF24397">
        <v>25</v>
      </c>
      <c r="AG24397">
        <v>26</v>
      </c>
      <c r="AH24397">
        <v>26</v>
      </c>
      <c r="AI24397">
        <v>27</v>
      </c>
      <c r="AJ24397">
        <v>27</v>
      </c>
      <c r="AK24397">
        <v>28</v>
      </c>
      <c r="AL24397">
        <v>28</v>
      </c>
      <c r="AM24397">
        <v>28</v>
      </c>
      <c r="AN24397">
        <v>28</v>
      </c>
      <c r="AO24397">
        <v>29</v>
      </c>
      <c r="AP24397">
        <v>29</v>
      </c>
      <c r="AQ24397">
        <v>29</v>
      </c>
    </row>
    <row r="24398" spans="1:43">
      <c r="A24398" t="s">
        <v>15103</v>
      </c>
      <c r="B24398" t="s">
        <v>15104</v>
      </c>
      <c r="C24398" t="s">
        <v>15099</v>
      </c>
      <c r="D24398" t="s">
        <v>15100</v>
      </c>
      <c r="E24398" t="s">
        <v>15101</v>
      </c>
      <c r="F24398" t="s">
        <v>15102</v>
      </c>
      <c r="G24398" t="s">
        <v>10734</v>
      </c>
      <c r="H24398" t="s">
        <v>10735</v>
      </c>
      <c r="I24398" s="2">
        <v>1</v>
      </c>
      <c r="J24398" s="2">
        <v>0</v>
      </c>
      <c r="K24398" s="2">
        <v>0</v>
      </c>
      <c r="L24398" t="s">
        <v>120</v>
      </c>
      <c r="M24398" t="s">
        <v>83</v>
      </c>
      <c r="N24398" t="s">
        <v>84</v>
      </c>
      <c r="O24398" t="s">
        <v>85</v>
      </c>
      <c r="P24398" t="s">
        <v>86</v>
      </c>
      <c r="Q24398">
        <v>4</v>
      </c>
      <c r="R24398">
        <v>4</v>
      </c>
      <c r="S24398">
        <v>4</v>
      </c>
      <c r="T24398">
        <v>5</v>
      </c>
      <c r="U24398">
        <v>5</v>
      </c>
      <c r="V24398">
        <v>5</v>
      </c>
      <c r="W24398">
        <v>5</v>
      </c>
      <c r="X24398">
        <v>5</v>
      </c>
      <c r="Y24398">
        <v>5</v>
      </c>
      <c r="Z24398">
        <v>5</v>
      </c>
      <c r="AA24398">
        <v>5</v>
      </c>
      <c r="AB24398">
        <v>5</v>
      </c>
      <c r="AC24398">
        <v>5</v>
      </c>
      <c r="AD24398">
        <v>6</v>
      </c>
      <c r="AE24398">
        <v>6</v>
      </c>
      <c r="AF24398">
        <v>6</v>
      </c>
      <c r="AG24398">
        <v>6</v>
      </c>
      <c r="AH24398">
        <v>6</v>
      </c>
      <c r="AI24398">
        <v>6</v>
      </c>
      <c r="AJ24398">
        <v>6</v>
      </c>
      <c r="AK24398">
        <v>6</v>
      </c>
      <c r="AL24398">
        <v>6</v>
      </c>
      <c r="AM24398">
        <v>6</v>
      </c>
      <c r="AN24398">
        <v>6</v>
      </c>
      <c r="AO24398">
        <v>7</v>
      </c>
      <c r="AP24398">
        <v>7</v>
      </c>
      <c r="AQ24398">
        <v>7</v>
      </c>
    </row>
    <row r="24399" spans="1:43">
      <c r="A24399" t="s">
        <v>15103</v>
      </c>
      <c r="B24399" t="s">
        <v>15104</v>
      </c>
      <c r="C24399" t="s">
        <v>15099</v>
      </c>
      <c r="D24399" t="s">
        <v>15100</v>
      </c>
      <c r="E24399" t="s">
        <v>15101</v>
      </c>
      <c r="F24399" t="s">
        <v>15102</v>
      </c>
      <c r="G24399" t="s">
        <v>10734</v>
      </c>
      <c r="H24399" t="s">
        <v>10735</v>
      </c>
      <c r="I24399" s="2">
        <v>1</v>
      </c>
      <c r="J24399" s="2">
        <v>0</v>
      </c>
      <c r="K24399" s="2">
        <v>0</v>
      </c>
      <c r="L24399" t="s">
        <v>120</v>
      </c>
      <c r="M24399" t="s">
        <v>87</v>
      </c>
      <c r="N24399" t="s">
        <v>88</v>
      </c>
      <c r="O24399" t="s">
        <v>85</v>
      </c>
      <c r="P24399" t="s">
        <v>86</v>
      </c>
      <c r="Q24399">
        <v>4</v>
      </c>
      <c r="R24399">
        <v>4</v>
      </c>
      <c r="S24399">
        <v>4</v>
      </c>
      <c r="T24399">
        <v>4</v>
      </c>
      <c r="U24399">
        <v>4</v>
      </c>
      <c r="V24399">
        <v>5</v>
      </c>
      <c r="W24399">
        <v>5</v>
      </c>
      <c r="X24399">
        <v>5</v>
      </c>
      <c r="Y24399">
        <v>5</v>
      </c>
      <c r="Z24399">
        <v>5</v>
      </c>
      <c r="AA24399">
        <v>5</v>
      </c>
      <c r="AB24399">
        <v>5</v>
      </c>
      <c r="AC24399">
        <v>5</v>
      </c>
      <c r="AD24399">
        <v>5</v>
      </c>
      <c r="AE24399">
        <v>5</v>
      </c>
      <c r="AF24399">
        <v>5</v>
      </c>
      <c r="AG24399">
        <v>5</v>
      </c>
      <c r="AH24399">
        <v>5</v>
      </c>
      <c r="AI24399">
        <v>5</v>
      </c>
      <c r="AJ24399">
        <v>5</v>
      </c>
      <c r="AK24399">
        <v>5</v>
      </c>
      <c r="AL24399">
        <v>5</v>
      </c>
      <c r="AM24399">
        <v>5</v>
      </c>
      <c r="AN24399">
        <v>6</v>
      </c>
      <c r="AO24399">
        <v>6</v>
      </c>
      <c r="AP24399">
        <v>6</v>
      </c>
      <c r="AQ24399">
        <v>6</v>
      </c>
    </row>
    <row r="24400" spans="1:43">
      <c r="A24400" t="s">
        <v>15103</v>
      </c>
      <c r="B24400" t="s">
        <v>15104</v>
      </c>
      <c r="C24400" t="s">
        <v>15099</v>
      </c>
      <c r="D24400" t="s">
        <v>15100</v>
      </c>
      <c r="E24400" t="s">
        <v>15101</v>
      </c>
      <c r="F24400" t="s">
        <v>15102</v>
      </c>
      <c r="G24400" t="s">
        <v>10734</v>
      </c>
      <c r="H24400" t="s">
        <v>10735</v>
      </c>
      <c r="I24400" s="2">
        <v>1</v>
      </c>
      <c r="J24400" s="2">
        <v>0</v>
      </c>
      <c r="K24400" s="2">
        <v>0</v>
      </c>
      <c r="L24400" t="s">
        <v>120</v>
      </c>
      <c r="M24400" t="s">
        <v>89</v>
      </c>
      <c r="N24400" t="s">
        <v>90</v>
      </c>
      <c r="O24400" t="s">
        <v>85</v>
      </c>
      <c r="P24400" t="s">
        <v>86</v>
      </c>
      <c r="Q24400">
        <v>4</v>
      </c>
      <c r="R24400">
        <v>4</v>
      </c>
      <c r="S24400">
        <v>5</v>
      </c>
      <c r="T24400">
        <v>5</v>
      </c>
      <c r="U24400">
        <v>5</v>
      </c>
      <c r="V24400">
        <v>5</v>
      </c>
      <c r="W24400">
        <v>5</v>
      </c>
      <c r="X24400">
        <v>5</v>
      </c>
      <c r="Y24400">
        <v>5</v>
      </c>
      <c r="Z24400">
        <v>5</v>
      </c>
      <c r="AA24400">
        <v>6</v>
      </c>
      <c r="AB24400">
        <v>6</v>
      </c>
      <c r="AC24400">
        <v>6</v>
      </c>
      <c r="AD24400">
        <v>6</v>
      </c>
      <c r="AE24400">
        <v>6</v>
      </c>
      <c r="AF24400">
        <v>6</v>
      </c>
      <c r="AG24400">
        <v>6</v>
      </c>
      <c r="AH24400">
        <v>6</v>
      </c>
      <c r="AI24400">
        <v>6</v>
      </c>
      <c r="AJ24400">
        <v>6</v>
      </c>
      <c r="AK24400">
        <v>6</v>
      </c>
      <c r="AL24400">
        <v>6</v>
      </c>
      <c r="AM24400">
        <v>6</v>
      </c>
      <c r="AN24400">
        <v>7</v>
      </c>
      <c r="AO24400">
        <v>7</v>
      </c>
      <c r="AP24400">
        <v>7</v>
      </c>
      <c r="AQ24400">
        <v>7</v>
      </c>
    </row>
    <row r="24401" spans="1:43">
      <c r="A24401" t="s">
        <v>15103</v>
      </c>
      <c r="B24401" t="s">
        <v>15104</v>
      </c>
      <c r="C24401" t="s">
        <v>15099</v>
      </c>
      <c r="D24401" t="s">
        <v>15100</v>
      </c>
      <c r="E24401" t="s">
        <v>15101</v>
      </c>
      <c r="F24401" t="s">
        <v>15102</v>
      </c>
      <c r="G24401" t="s">
        <v>10734</v>
      </c>
      <c r="H24401" t="s">
        <v>10735</v>
      </c>
      <c r="I24401" s="2">
        <v>1</v>
      </c>
      <c r="J24401" s="2">
        <v>0</v>
      </c>
      <c r="K24401" s="2">
        <v>0</v>
      </c>
      <c r="L24401" t="s">
        <v>120</v>
      </c>
      <c r="M24401" t="s">
        <v>83</v>
      </c>
      <c r="N24401" t="s">
        <v>91</v>
      </c>
      <c r="O24401" t="s">
        <v>85</v>
      </c>
      <c r="P24401" t="s">
        <v>86</v>
      </c>
      <c r="Q24401">
        <v>4</v>
      </c>
      <c r="R24401">
        <v>4</v>
      </c>
      <c r="S24401">
        <v>4</v>
      </c>
      <c r="T24401">
        <v>5</v>
      </c>
      <c r="U24401">
        <v>5</v>
      </c>
      <c r="V24401">
        <v>5</v>
      </c>
      <c r="W24401">
        <v>5</v>
      </c>
      <c r="X24401">
        <v>5</v>
      </c>
      <c r="Y24401">
        <v>5</v>
      </c>
      <c r="Z24401">
        <v>5</v>
      </c>
      <c r="AA24401">
        <v>5</v>
      </c>
      <c r="AB24401">
        <v>5</v>
      </c>
      <c r="AC24401">
        <v>5</v>
      </c>
      <c r="AD24401">
        <v>6</v>
      </c>
      <c r="AE24401">
        <v>6</v>
      </c>
      <c r="AF24401">
        <v>6</v>
      </c>
      <c r="AG24401">
        <v>6</v>
      </c>
      <c r="AH24401">
        <v>6</v>
      </c>
      <c r="AI24401">
        <v>6</v>
      </c>
      <c r="AJ24401">
        <v>6</v>
      </c>
      <c r="AK24401">
        <v>6</v>
      </c>
      <c r="AL24401">
        <v>6</v>
      </c>
      <c r="AM24401">
        <v>6</v>
      </c>
      <c r="AN24401">
        <v>6</v>
      </c>
      <c r="AO24401">
        <v>7</v>
      </c>
      <c r="AP24401">
        <v>7</v>
      </c>
      <c r="AQ24401">
        <v>7</v>
      </c>
    </row>
    <row r="24402" spans="1:43">
      <c r="A24402" t="s">
        <v>15105</v>
      </c>
      <c r="B24402" t="s">
        <v>15106</v>
      </c>
      <c r="C24402" t="s">
        <v>15099</v>
      </c>
      <c r="D24402" t="s">
        <v>15100</v>
      </c>
      <c r="E24402" t="s">
        <v>15101</v>
      </c>
      <c r="F24402" t="s">
        <v>15102</v>
      </c>
      <c r="G24402" t="s">
        <v>10734</v>
      </c>
      <c r="H24402" t="s">
        <v>10735</v>
      </c>
      <c r="I24402" s="2">
        <v>1</v>
      </c>
      <c r="J24402" s="2">
        <v>0</v>
      </c>
      <c r="K24402" s="2">
        <v>0</v>
      </c>
      <c r="L24402" t="s">
        <v>120</v>
      </c>
      <c r="M24402" t="s">
        <v>83</v>
      </c>
      <c r="N24402" t="s">
        <v>84</v>
      </c>
      <c r="O24402" t="s">
        <v>85</v>
      </c>
      <c r="P24402" t="s">
        <v>86</v>
      </c>
      <c r="Q24402">
        <v>13</v>
      </c>
      <c r="R24402">
        <v>13</v>
      </c>
      <c r="S24402">
        <v>14</v>
      </c>
      <c r="T24402">
        <v>14</v>
      </c>
      <c r="U24402">
        <v>14</v>
      </c>
      <c r="V24402">
        <v>15</v>
      </c>
      <c r="W24402">
        <v>15</v>
      </c>
      <c r="X24402">
        <v>15</v>
      </c>
      <c r="Y24402">
        <v>15</v>
      </c>
      <c r="Z24402">
        <v>16</v>
      </c>
      <c r="AA24402">
        <v>16</v>
      </c>
      <c r="AB24402">
        <v>16</v>
      </c>
      <c r="AC24402">
        <v>17</v>
      </c>
      <c r="AD24402">
        <v>17</v>
      </c>
      <c r="AE24402">
        <v>17</v>
      </c>
      <c r="AF24402">
        <v>18</v>
      </c>
      <c r="AG24402">
        <v>18</v>
      </c>
      <c r="AH24402">
        <v>18</v>
      </c>
      <c r="AI24402">
        <v>18</v>
      </c>
      <c r="AJ24402">
        <v>19</v>
      </c>
      <c r="AK24402">
        <v>19</v>
      </c>
      <c r="AL24402">
        <v>19</v>
      </c>
      <c r="AM24402">
        <v>19</v>
      </c>
      <c r="AN24402">
        <v>20</v>
      </c>
      <c r="AO24402">
        <v>20</v>
      </c>
      <c r="AP24402">
        <v>20</v>
      </c>
      <c r="AQ24402">
        <v>20</v>
      </c>
    </row>
    <row r="24403" spans="1:43">
      <c r="A24403" t="s">
        <v>15105</v>
      </c>
      <c r="B24403" t="s">
        <v>15106</v>
      </c>
      <c r="C24403" t="s">
        <v>15099</v>
      </c>
      <c r="D24403" t="s">
        <v>15100</v>
      </c>
      <c r="E24403" t="s">
        <v>15101</v>
      </c>
      <c r="F24403" t="s">
        <v>15102</v>
      </c>
      <c r="G24403" t="s">
        <v>10734</v>
      </c>
      <c r="H24403" t="s">
        <v>10735</v>
      </c>
      <c r="I24403" s="2">
        <v>1</v>
      </c>
      <c r="J24403" s="2">
        <v>0</v>
      </c>
      <c r="K24403" s="2">
        <v>0</v>
      </c>
      <c r="L24403" t="s">
        <v>120</v>
      </c>
      <c r="M24403" t="s">
        <v>87</v>
      </c>
      <c r="N24403" t="s">
        <v>88</v>
      </c>
      <c r="O24403" t="s">
        <v>85</v>
      </c>
      <c r="P24403" t="s">
        <v>86</v>
      </c>
      <c r="Q24403">
        <v>13</v>
      </c>
      <c r="R24403">
        <v>13</v>
      </c>
      <c r="S24403">
        <v>13</v>
      </c>
      <c r="T24403">
        <v>13</v>
      </c>
      <c r="U24403">
        <v>14</v>
      </c>
      <c r="V24403">
        <v>14</v>
      </c>
      <c r="W24403">
        <v>14</v>
      </c>
      <c r="X24403">
        <v>14</v>
      </c>
      <c r="Y24403">
        <v>14</v>
      </c>
      <c r="Z24403">
        <v>14</v>
      </c>
      <c r="AA24403">
        <v>15</v>
      </c>
      <c r="AB24403">
        <v>15</v>
      </c>
      <c r="AC24403">
        <v>15</v>
      </c>
      <c r="AD24403">
        <v>15</v>
      </c>
      <c r="AE24403">
        <v>15</v>
      </c>
      <c r="AF24403">
        <v>15</v>
      </c>
      <c r="AG24403">
        <v>16</v>
      </c>
      <c r="AH24403">
        <v>16</v>
      </c>
      <c r="AI24403">
        <v>16</v>
      </c>
      <c r="AJ24403">
        <v>16</v>
      </c>
      <c r="AK24403">
        <v>16</v>
      </c>
      <c r="AL24403">
        <v>17</v>
      </c>
      <c r="AM24403">
        <v>17</v>
      </c>
      <c r="AN24403">
        <v>17</v>
      </c>
      <c r="AO24403">
        <v>17</v>
      </c>
      <c r="AP24403">
        <v>17</v>
      </c>
      <c r="AQ24403">
        <v>17</v>
      </c>
    </row>
    <row r="24404" spans="1:43">
      <c r="A24404" t="s">
        <v>15105</v>
      </c>
      <c r="B24404" t="s">
        <v>15106</v>
      </c>
      <c r="C24404" t="s">
        <v>15099</v>
      </c>
      <c r="D24404" t="s">
        <v>15100</v>
      </c>
      <c r="E24404" t="s">
        <v>15101</v>
      </c>
      <c r="F24404" t="s">
        <v>15102</v>
      </c>
      <c r="G24404" t="s">
        <v>10734</v>
      </c>
      <c r="H24404" t="s">
        <v>10735</v>
      </c>
      <c r="I24404" s="2">
        <v>1</v>
      </c>
      <c r="J24404" s="2">
        <v>0</v>
      </c>
      <c r="K24404" s="2">
        <v>0</v>
      </c>
      <c r="L24404" t="s">
        <v>120</v>
      </c>
      <c r="M24404" t="s">
        <v>89</v>
      </c>
      <c r="N24404" t="s">
        <v>90</v>
      </c>
      <c r="O24404" t="s">
        <v>85</v>
      </c>
      <c r="P24404" t="s">
        <v>86</v>
      </c>
      <c r="Q24404">
        <v>13</v>
      </c>
      <c r="R24404">
        <v>14</v>
      </c>
      <c r="S24404">
        <v>14</v>
      </c>
      <c r="T24404">
        <v>14</v>
      </c>
      <c r="U24404">
        <v>15</v>
      </c>
      <c r="V24404">
        <v>15</v>
      </c>
      <c r="W24404">
        <v>16</v>
      </c>
      <c r="X24404">
        <v>16</v>
      </c>
      <c r="Y24404">
        <v>16</v>
      </c>
      <c r="Z24404">
        <v>17</v>
      </c>
      <c r="AA24404">
        <v>17</v>
      </c>
      <c r="AB24404">
        <v>17</v>
      </c>
      <c r="AC24404">
        <v>18</v>
      </c>
      <c r="AD24404">
        <v>18</v>
      </c>
      <c r="AE24404">
        <v>18</v>
      </c>
      <c r="AF24404">
        <v>19</v>
      </c>
      <c r="AG24404">
        <v>19</v>
      </c>
      <c r="AH24404">
        <v>19</v>
      </c>
      <c r="AI24404">
        <v>19</v>
      </c>
      <c r="AJ24404">
        <v>19</v>
      </c>
      <c r="AK24404">
        <v>19</v>
      </c>
      <c r="AL24404">
        <v>20</v>
      </c>
      <c r="AM24404">
        <v>20</v>
      </c>
      <c r="AN24404">
        <v>20</v>
      </c>
      <c r="AO24404">
        <v>20</v>
      </c>
      <c r="AP24404">
        <v>20</v>
      </c>
      <c r="AQ24404">
        <v>20</v>
      </c>
    </row>
    <row r="24405" spans="1:43">
      <c r="A24405" t="s">
        <v>15105</v>
      </c>
      <c r="B24405" t="s">
        <v>15106</v>
      </c>
      <c r="C24405" t="s">
        <v>15099</v>
      </c>
      <c r="D24405" t="s">
        <v>15100</v>
      </c>
      <c r="E24405" t="s">
        <v>15101</v>
      </c>
      <c r="F24405" t="s">
        <v>15102</v>
      </c>
      <c r="G24405" t="s">
        <v>10734</v>
      </c>
      <c r="H24405" t="s">
        <v>10735</v>
      </c>
      <c r="I24405" s="2">
        <v>1</v>
      </c>
      <c r="J24405" s="2">
        <v>0</v>
      </c>
      <c r="K24405" s="2">
        <v>0</v>
      </c>
      <c r="L24405" t="s">
        <v>120</v>
      </c>
      <c r="M24405" t="s">
        <v>83</v>
      </c>
      <c r="N24405" t="s">
        <v>91</v>
      </c>
      <c r="O24405" t="s">
        <v>85</v>
      </c>
      <c r="P24405" t="s">
        <v>86</v>
      </c>
      <c r="Q24405">
        <v>13</v>
      </c>
      <c r="R24405">
        <v>13</v>
      </c>
      <c r="S24405">
        <v>14</v>
      </c>
      <c r="T24405">
        <v>14</v>
      </c>
      <c r="U24405">
        <v>14</v>
      </c>
      <c r="V24405">
        <v>15</v>
      </c>
      <c r="W24405">
        <v>15</v>
      </c>
      <c r="X24405">
        <v>15</v>
      </c>
      <c r="Y24405">
        <v>15</v>
      </c>
      <c r="Z24405">
        <v>16</v>
      </c>
      <c r="AA24405">
        <v>16</v>
      </c>
      <c r="AB24405">
        <v>16</v>
      </c>
      <c r="AC24405">
        <v>17</v>
      </c>
      <c r="AD24405">
        <v>17</v>
      </c>
      <c r="AE24405">
        <v>17</v>
      </c>
      <c r="AF24405">
        <v>18</v>
      </c>
      <c r="AG24405">
        <v>18</v>
      </c>
      <c r="AH24405">
        <v>18</v>
      </c>
      <c r="AI24405">
        <v>18</v>
      </c>
      <c r="AJ24405">
        <v>19</v>
      </c>
      <c r="AK24405">
        <v>19</v>
      </c>
      <c r="AL24405">
        <v>19</v>
      </c>
      <c r="AM24405">
        <v>19</v>
      </c>
      <c r="AN24405">
        <v>20</v>
      </c>
      <c r="AO24405">
        <v>20</v>
      </c>
      <c r="AP24405">
        <v>20</v>
      </c>
      <c r="AQ24405">
        <v>20</v>
      </c>
    </row>
    <row r="24406" spans="1:43">
      <c r="A24406" t="s">
        <v>15107</v>
      </c>
      <c r="B24406" t="s">
        <v>15108</v>
      </c>
      <c r="C24406" t="s">
        <v>15109</v>
      </c>
      <c r="D24406" t="s">
        <v>15110</v>
      </c>
      <c r="E24406" t="s">
        <v>15101</v>
      </c>
      <c r="F24406" t="s">
        <v>15102</v>
      </c>
      <c r="G24406" t="s">
        <v>10734</v>
      </c>
      <c r="H24406" t="s">
        <v>10735</v>
      </c>
      <c r="I24406" s="2">
        <v>1</v>
      </c>
      <c r="J24406" s="2">
        <v>0</v>
      </c>
      <c r="K24406" s="2">
        <v>0</v>
      </c>
      <c r="L24406" t="s">
        <v>120</v>
      </c>
      <c r="M24406" t="s">
        <v>83</v>
      </c>
      <c r="N24406" t="s">
        <v>84</v>
      </c>
      <c r="O24406" t="s">
        <v>85</v>
      </c>
      <c r="P24406" t="s">
        <v>86</v>
      </c>
      <c r="Q24406">
        <v>7</v>
      </c>
      <c r="R24406">
        <v>7</v>
      </c>
      <c r="S24406">
        <v>8</v>
      </c>
      <c r="T24406">
        <v>8</v>
      </c>
      <c r="U24406">
        <v>8</v>
      </c>
      <c r="V24406">
        <v>8</v>
      </c>
      <c r="W24406">
        <v>8</v>
      </c>
      <c r="X24406">
        <v>8</v>
      </c>
      <c r="Y24406">
        <v>9</v>
      </c>
      <c r="Z24406">
        <v>9</v>
      </c>
      <c r="AA24406">
        <v>9</v>
      </c>
      <c r="AB24406">
        <v>9</v>
      </c>
      <c r="AC24406">
        <v>9</v>
      </c>
      <c r="AD24406">
        <v>9</v>
      </c>
      <c r="AE24406">
        <v>10</v>
      </c>
      <c r="AF24406">
        <v>10</v>
      </c>
      <c r="AG24406">
        <v>10</v>
      </c>
      <c r="AH24406">
        <v>10</v>
      </c>
      <c r="AI24406">
        <v>10</v>
      </c>
      <c r="AJ24406">
        <v>10</v>
      </c>
      <c r="AK24406">
        <v>11</v>
      </c>
      <c r="AL24406">
        <v>11</v>
      </c>
      <c r="AM24406">
        <v>11</v>
      </c>
      <c r="AN24406">
        <v>11</v>
      </c>
      <c r="AO24406">
        <v>11</v>
      </c>
      <c r="AP24406">
        <v>11</v>
      </c>
      <c r="AQ24406">
        <v>11</v>
      </c>
    </row>
    <row r="24407" spans="1:43">
      <c r="A24407" t="s">
        <v>15107</v>
      </c>
      <c r="B24407" t="s">
        <v>15108</v>
      </c>
      <c r="C24407" t="s">
        <v>15109</v>
      </c>
      <c r="D24407" t="s">
        <v>15110</v>
      </c>
      <c r="E24407" t="s">
        <v>15101</v>
      </c>
      <c r="F24407" t="s">
        <v>15102</v>
      </c>
      <c r="G24407" t="s">
        <v>10734</v>
      </c>
      <c r="H24407" t="s">
        <v>10735</v>
      </c>
      <c r="I24407" s="2">
        <v>1</v>
      </c>
      <c r="J24407" s="2">
        <v>0</v>
      </c>
      <c r="K24407" s="2">
        <v>0</v>
      </c>
      <c r="L24407" t="s">
        <v>120</v>
      </c>
      <c r="M24407" t="s">
        <v>87</v>
      </c>
      <c r="N24407" t="s">
        <v>88</v>
      </c>
      <c r="O24407" t="s">
        <v>85</v>
      </c>
      <c r="P24407" t="s">
        <v>86</v>
      </c>
      <c r="Q24407">
        <v>7</v>
      </c>
      <c r="R24407">
        <v>7</v>
      </c>
      <c r="S24407">
        <v>7</v>
      </c>
      <c r="T24407">
        <v>8</v>
      </c>
      <c r="U24407">
        <v>8</v>
      </c>
      <c r="V24407">
        <v>8</v>
      </c>
      <c r="W24407">
        <v>8</v>
      </c>
      <c r="X24407">
        <v>8</v>
      </c>
      <c r="Y24407">
        <v>8</v>
      </c>
      <c r="Z24407">
        <v>8</v>
      </c>
      <c r="AA24407">
        <v>8</v>
      </c>
      <c r="AB24407">
        <v>8</v>
      </c>
      <c r="AC24407">
        <v>8</v>
      </c>
      <c r="AD24407">
        <v>8</v>
      </c>
      <c r="AE24407">
        <v>9</v>
      </c>
      <c r="AF24407">
        <v>9</v>
      </c>
      <c r="AG24407">
        <v>9</v>
      </c>
      <c r="AH24407">
        <v>9</v>
      </c>
      <c r="AI24407">
        <v>9</v>
      </c>
      <c r="AJ24407">
        <v>9</v>
      </c>
      <c r="AK24407">
        <v>9</v>
      </c>
      <c r="AL24407">
        <v>9</v>
      </c>
      <c r="AM24407">
        <v>9</v>
      </c>
      <c r="AN24407">
        <v>9</v>
      </c>
      <c r="AO24407">
        <v>10</v>
      </c>
      <c r="AP24407">
        <v>10</v>
      </c>
      <c r="AQ24407">
        <v>10</v>
      </c>
    </row>
    <row r="24408" spans="1:43">
      <c r="A24408" t="s">
        <v>15107</v>
      </c>
      <c r="B24408" t="s">
        <v>15108</v>
      </c>
      <c r="C24408" t="s">
        <v>15109</v>
      </c>
      <c r="D24408" t="s">
        <v>15110</v>
      </c>
      <c r="E24408" t="s">
        <v>15101</v>
      </c>
      <c r="F24408" t="s">
        <v>15102</v>
      </c>
      <c r="G24408" t="s">
        <v>10734</v>
      </c>
      <c r="H24408" t="s">
        <v>10735</v>
      </c>
      <c r="I24408" s="2">
        <v>1</v>
      </c>
      <c r="J24408" s="2">
        <v>0</v>
      </c>
      <c r="K24408" s="2">
        <v>0</v>
      </c>
      <c r="L24408" t="s">
        <v>120</v>
      </c>
      <c r="M24408" t="s">
        <v>89</v>
      </c>
      <c r="N24408" t="s">
        <v>90</v>
      </c>
      <c r="O24408" t="s">
        <v>85</v>
      </c>
      <c r="P24408" t="s">
        <v>86</v>
      </c>
      <c r="Q24408">
        <v>7</v>
      </c>
      <c r="R24408">
        <v>8</v>
      </c>
      <c r="S24408">
        <v>8</v>
      </c>
      <c r="T24408">
        <v>8</v>
      </c>
      <c r="U24408">
        <v>8</v>
      </c>
      <c r="V24408">
        <v>8</v>
      </c>
      <c r="W24408">
        <v>9</v>
      </c>
      <c r="X24408">
        <v>9</v>
      </c>
      <c r="Y24408">
        <v>9</v>
      </c>
      <c r="Z24408">
        <v>9</v>
      </c>
      <c r="AA24408">
        <v>10</v>
      </c>
      <c r="AB24408">
        <v>10</v>
      </c>
      <c r="AC24408">
        <v>10</v>
      </c>
      <c r="AD24408">
        <v>10</v>
      </c>
      <c r="AE24408">
        <v>10</v>
      </c>
      <c r="AF24408">
        <v>10</v>
      </c>
      <c r="AG24408">
        <v>10</v>
      </c>
      <c r="AH24408">
        <v>11</v>
      </c>
      <c r="AI24408">
        <v>11</v>
      </c>
      <c r="AJ24408">
        <v>11</v>
      </c>
      <c r="AK24408">
        <v>11</v>
      </c>
      <c r="AL24408">
        <v>11</v>
      </c>
      <c r="AM24408">
        <v>11</v>
      </c>
      <c r="AN24408">
        <v>11</v>
      </c>
      <c r="AO24408">
        <v>11</v>
      </c>
      <c r="AP24408">
        <v>11</v>
      </c>
      <c r="AQ24408">
        <v>11</v>
      </c>
    </row>
    <row r="24409" spans="1:43">
      <c r="A24409" t="s">
        <v>15107</v>
      </c>
      <c r="B24409" t="s">
        <v>15108</v>
      </c>
      <c r="C24409" t="s">
        <v>15109</v>
      </c>
      <c r="D24409" t="s">
        <v>15110</v>
      </c>
      <c r="E24409" t="s">
        <v>15101</v>
      </c>
      <c r="F24409" t="s">
        <v>15102</v>
      </c>
      <c r="G24409" t="s">
        <v>10734</v>
      </c>
      <c r="H24409" t="s">
        <v>10735</v>
      </c>
      <c r="I24409" s="2">
        <v>1</v>
      </c>
      <c r="J24409" s="2">
        <v>0</v>
      </c>
      <c r="K24409" s="2">
        <v>0</v>
      </c>
      <c r="L24409" t="s">
        <v>120</v>
      </c>
      <c r="M24409" t="s">
        <v>83</v>
      </c>
      <c r="N24409" t="s">
        <v>91</v>
      </c>
      <c r="O24409" t="s">
        <v>85</v>
      </c>
      <c r="P24409" t="s">
        <v>86</v>
      </c>
      <c r="Q24409">
        <v>7</v>
      </c>
      <c r="R24409">
        <v>7</v>
      </c>
      <c r="S24409">
        <v>8</v>
      </c>
      <c r="T24409">
        <v>8</v>
      </c>
      <c r="U24409">
        <v>8</v>
      </c>
      <c r="V24409">
        <v>8</v>
      </c>
      <c r="W24409">
        <v>8</v>
      </c>
      <c r="X24409">
        <v>8</v>
      </c>
      <c r="Y24409">
        <v>9</v>
      </c>
      <c r="Z24409">
        <v>9</v>
      </c>
      <c r="AA24409">
        <v>9</v>
      </c>
      <c r="AB24409">
        <v>9</v>
      </c>
      <c r="AC24409">
        <v>9</v>
      </c>
      <c r="AD24409">
        <v>9</v>
      </c>
      <c r="AE24409">
        <v>10</v>
      </c>
      <c r="AF24409">
        <v>10</v>
      </c>
      <c r="AG24409">
        <v>10</v>
      </c>
      <c r="AH24409">
        <v>10</v>
      </c>
      <c r="AI24409">
        <v>10</v>
      </c>
      <c r="AJ24409">
        <v>10</v>
      </c>
      <c r="AK24409">
        <v>11</v>
      </c>
      <c r="AL24409">
        <v>11</v>
      </c>
      <c r="AM24409">
        <v>11</v>
      </c>
      <c r="AN24409">
        <v>11</v>
      </c>
      <c r="AO24409">
        <v>11</v>
      </c>
      <c r="AP24409">
        <v>11</v>
      </c>
      <c r="AQ24409">
        <v>11</v>
      </c>
    </row>
    <row r="24410" spans="1:43">
      <c r="A24410" t="s">
        <v>15111</v>
      </c>
      <c r="B24410" t="s">
        <v>15112</v>
      </c>
      <c r="C24410" t="s">
        <v>15113</v>
      </c>
      <c r="D24410" t="s">
        <v>15114</v>
      </c>
      <c r="E24410" t="s">
        <v>15101</v>
      </c>
      <c r="F24410" t="s">
        <v>15102</v>
      </c>
      <c r="G24410" t="s">
        <v>10734</v>
      </c>
      <c r="H24410" t="s">
        <v>10735</v>
      </c>
      <c r="I24410" s="2">
        <v>1</v>
      </c>
      <c r="J24410" s="2">
        <v>0</v>
      </c>
      <c r="K24410" s="2">
        <v>0</v>
      </c>
      <c r="L24410" t="s">
        <v>120</v>
      </c>
      <c r="M24410" t="s">
        <v>83</v>
      </c>
      <c r="N24410" t="s">
        <v>84</v>
      </c>
      <c r="O24410" t="s">
        <v>85</v>
      </c>
      <c r="P24410" t="s">
        <v>86</v>
      </c>
      <c r="Q24410">
        <v>23</v>
      </c>
      <c r="R24410">
        <v>23</v>
      </c>
      <c r="S24410">
        <v>24</v>
      </c>
      <c r="T24410">
        <v>24</v>
      </c>
      <c r="U24410">
        <v>25</v>
      </c>
      <c r="V24410">
        <v>25</v>
      </c>
      <c r="W24410">
        <v>26</v>
      </c>
      <c r="X24410">
        <v>26</v>
      </c>
      <c r="Y24410">
        <v>27</v>
      </c>
      <c r="Z24410">
        <v>27</v>
      </c>
      <c r="AA24410">
        <v>28</v>
      </c>
      <c r="AB24410">
        <v>28</v>
      </c>
      <c r="AC24410">
        <v>29</v>
      </c>
      <c r="AD24410">
        <v>29</v>
      </c>
      <c r="AE24410">
        <v>30</v>
      </c>
      <c r="AF24410">
        <v>30</v>
      </c>
      <c r="AG24410">
        <v>31</v>
      </c>
      <c r="AH24410">
        <v>31</v>
      </c>
      <c r="AI24410">
        <v>32</v>
      </c>
      <c r="AJ24410">
        <v>32</v>
      </c>
      <c r="AK24410">
        <v>33</v>
      </c>
      <c r="AL24410">
        <v>33</v>
      </c>
      <c r="AM24410">
        <v>34</v>
      </c>
      <c r="AN24410">
        <v>34</v>
      </c>
      <c r="AO24410">
        <v>34</v>
      </c>
      <c r="AP24410">
        <v>34</v>
      </c>
      <c r="AQ24410">
        <v>35</v>
      </c>
    </row>
    <row r="24411" spans="1:43">
      <c r="A24411" t="s">
        <v>15111</v>
      </c>
      <c r="B24411" t="s">
        <v>15112</v>
      </c>
      <c r="C24411" t="s">
        <v>15113</v>
      </c>
      <c r="D24411" t="s">
        <v>15114</v>
      </c>
      <c r="E24411" t="s">
        <v>15101</v>
      </c>
      <c r="F24411" t="s">
        <v>15102</v>
      </c>
      <c r="G24411" t="s">
        <v>10734</v>
      </c>
      <c r="H24411" t="s">
        <v>10735</v>
      </c>
      <c r="I24411" s="2">
        <v>1</v>
      </c>
      <c r="J24411" s="2">
        <v>0</v>
      </c>
      <c r="K24411" s="2">
        <v>0</v>
      </c>
      <c r="L24411" t="s">
        <v>120</v>
      </c>
      <c r="M24411" t="s">
        <v>87</v>
      </c>
      <c r="N24411" t="s">
        <v>88</v>
      </c>
      <c r="O24411" t="s">
        <v>85</v>
      </c>
      <c r="P24411" t="s">
        <v>86</v>
      </c>
      <c r="Q24411">
        <v>23</v>
      </c>
      <c r="R24411">
        <v>24</v>
      </c>
      <c r="S24411">
        <v>24</v>
      </c>
      <c r="T24411">
        <v>24</v>
      </c>
      <c r="U24411">
        <v>25</v>
      </c>
      <c r="V24411">
        <v>25</v>
      </c>
      <c r="W24411">
        <v>25</v>
      </c>
      <c r="X24411">
        <v>25</v>
      </c>
      <c r="Y24411">
        <v>26</v>
      </c>
      <c r="Z24411">
        <v>26</v>
      </c>
      <c r="AA24411">
        <v>26</v>
      </c>
      <c r="AB24411">
        <v>27</v>
      </c>
      <c r="AC24411">
        <v>27</v>
      </c>
      <c r="AD24411">
        <v>27</v>
      </c>
      <c r="AE24411">
        <v>27</v>
      </c>
      <c r="AF24411">
        <v>28</v>
      </c>
      <c r="AG24411">
        <v>28</v>
      </c>
      <c r="AH24411">
        <v>28</v>
      </c>
      <c r="AI24411">
        <v>29</v>
      </c>
      <c r="AJ24411">
        <v>29</v>
      </c>
      <c r="AK24411">
        <v>29</v>
      </c>
      <c r="AL24411">
        <v>30</v>
      </c>
      <c r="AM24411">
        <v>30</v>
      </c>
      <c r="AN24411">
        <v>30</v>
      </c>
      <c r="AO24411">
        <v>31</v>
      </c>
      <c r="AP24411">
        <v>31</v>
      </c>
      <c r="AQ24411">
        <v>31</v>
      </c>
    </row>
    <row r="24412" spans="1:43">
      <c r="A24412" t="s">
        <v>15111</v>
      </c>
      <c r="B24412" t="s">
        <v>15112</v>
      </c>
      <c r="C24412" t="s">
        <v>15113</v>
      </c>
      <c r="D24412" t="s">
        <v>15114</v>
      </c>
      <c r="E24412" t="s">
        <v>15101</v>
      </c>
      <c r="F24412" t="s">
        <v>15102</v>
      </c>
      <c r="G24412" t="s">
        <v>10734</v>
      </c>
      <c r="H24412" t="s">
        <v>10735</v>
      </c>
      <c r="I24412" s="2">
        <v>1</v>
      </c>
      <c r="J24412" s="2">
        <v>0</v>
      </c>
      <c r="K24412" s="2">
        <v>0</v>
      </c>
      <c r="L24412" t="s">
        <v>120</v>
      </c>
      <c r="M24412" t="s">
        <v>89</v>
      </c>
      <c r="N24412" t="s">
        <v>90</v>
      </c>
      <c r="O24412" t="s">
        <v>85</v>
      </c>
      <c r="P24412" t="s">
        <v>86</v>
      </c>
      <c r="Q24412">
        <v>23</v>
      </c>
      <c r="R24412">
        <v>24</v>
      </c>
      <c r="S24412">
        <v>24</v>
      </c>
      <c r="T24412">
        <v>25</v>
      </c>
      <c r="U24412">
        <v>26</v>
      </c>
      <c r="V24412">
        <v>26</v>
      </c>
      <c r="W24412">
        <v>27</v>
      </c>
      <c r="X24412">
        <v>28</v>
      </c>
      <c r="Y24412">
        <v>28</v>
      </c>
      <c r="Z24412">
        <v>29</v>
      </c>
      <c r="AA24412">
        <v>29</v>
      </c>
      <c r="AB24412">
        <v>30</v>
      </c>
      <c r="AC24412">
        <v>31</v>
      </c>
      <c r="AD24412">
        <v>31</v>
      </c>
      <c r="AE24412">
        <v>32</v>
      </c>
      <c r="AF24412">
        <v>32</v>
      </c>
      <c r="AG24412">
        <v>32</v>
      </c>
      <c r="AH24412">
        <v>33</v>
      </c>
      <c r="AI24412">
        <v>33</v>
      </c>
      <c r="AJ24412">
        <v>33</v>
      </c>
      <c r="AK24412">
        <v>33</v>
      </c>
      <c r="AL24412">
        <v>34</v>
      </c>
      <c r="AM24412">
        <v>34</v>
      </c>
      <c r="AN24412">
        <v>34</v>
      </c>
      <c r="AO24412">
        <v>34</v>
      </c>
      <c r="AP24412">
        <v>35</v>
      </c>
      <c r="AQ24412">
        <v>35</v>
      </c>
    </row>
    <row r="24413" spans="1:43">
      <c r="A24413" t="s">
        <v>15111</v>
      </c>
      <c r="B24413" t="s">
        <v>15112</v>
      </c>
      <c r="C24413" t="s">
        <v>15113</v>
      </c>
      <c r="D24413" t="s">
        <v>15114</v>
      </c>
      <c r="E24413" t="s">
        <v>15101</v>
      </c>
      <c r="F24413" t="s">
        <v>15102</v>
      </c>
      <c r="G24413" t="s">
        <v>10734</v>
      </c>
      <c r="H24413" t="s">
        <v>10735</v>
      </c>
      <c r="I24413" s="2">
        <v>1</v>
      </c>
      <c r="J24413" s="2">
        <v>0</v>
      </c>
      <c r="K24413" s="2">
        <v>0</v>
      </c>
      <c r="L24413" t="s">
        <v>120</v>
      </c>
      <c r="M24413" t="s">
        <v>83</v>
      </c>
      <c r="N24413" t="s">
        <v>91</v>
      </c>
      <c r="O24413" t="s">
        <v>85</v>
      </c>
      <c r="P24413" t="s">
        <v>86</v>
      </c>
      <c r="Q24413">
        <v>23</v>
      </c>
      <c r="R24413">
        <v>23</v>
      </c>
      <c r="S24413">
        <v>24</v>
      </c>
      <c r="T24413">
        <v>24</v>
      </c>
      <c r="U24413">
        <v>25</v>
      </c>
      <c r="V24413">
        <v>25</v>
      </c>
      <c r="W24413">
        <v>26</v>
      </c>
      <c r="X24413">
        <v>26</v>
      </c>
      <c r="Y24413">
        <v>27</v>
      </c>
      <c r="Z24413">
        <v>27</v>
      </c>
      <c r="AA24413">
        <v>28</v>
      </c>
      <c r="AB24413">
        <v>28</v>
      </c>
      <c r="AC24413">
        <v>29</v>
      </c>
      <c r="AD24413">
        <v>29</v>
      </c>
      <c r="AE24413">
        <v>30</v>
      </c>
      <c r="AF24413">
        <v>30</v>
      </c>
      <c r="AG24413">
        <v>31</v>
      </c>
      <c r="AH24413">
        <v>31</v>
      </c>
      <c r="AI24413">
        <v>32</v>
      </c>
      <c r="AJ24413">
        <v>32</v>
      </c>
      <c r="AK24413">
        <v>33</v>
      </c>
      <c r="AL24413">
        <v>33</v>
      </c>
      <c r="AM24413">
        <v>34</v>
      </c>
      <c r="AN24413">
        <v>34</v>
      </c>
      <c r="AO24413">
        <v>34</v>
      </c>
      <c r="AP24413">
        <v>34</v>
      </c>
      <c r="AQ24413">
        <v>35</v>
      </c>
    </row>
    <row r="24414" spans="1:43">
      <c r="A24414" t="s">
        <v>15115</v>
      </c>
      <c r="B24414" t="s">
        <v>15116</v>
      </c>
      <c r="C24414" t="s">
        <v>15109</v>
      </c>
      <c r="D24414" t="s">
        <v>15110</v>
      </c>
      <c r="E24414" t="s">
        <v>15101</v>
      </c>
      <c r="F24414" t="s">
        <v>15102</v>
      </c>
      <c r="G24414" t="s">
        <v>10734</v>
      </c>
      <c r="H24414" t="s">
        <v>10735</v>
      </c>
      <c r="I24414" s="2">
        <v>1</v>
      </c>
      <c r="J24414" s="2">
        <v>0</v>
      </c>
      <c r="K24414" s="2">
        <v>0</v>
      </c>
      <c r="L24414" t="s">
        <v>120</v>
      </c>
      <c r="M24414" t="s">
        <v>83</v>
      </c>
      <c r="N24414" t="s">
        <v>84</v>
      </c>
      <c r="O24414" t="s">
        <v>85</v>
      </c>
      <c r="P24414" t="s">
        <v>86</v>
      </c>
      <c r="Q24414">
        <v>17</v>
      </c>
      <c r="R24414">
        <v>17</v>
      </c>
      <c r="S24414">
        <v>18</v>
      </c>
      <c r="T24414">
        <v>18</v>
      </c>
      <c r="U24414">
        <v>19</v>
      </c>
      <c r="V24414">
        <v>19</v>
      </c>
      <c r="W24414">
        <v>19</v>
      </c>
      <c r="X24414">
        <v>20</v>
      </c>
      <c r="Y24414">
        <v>20</v>
      </c>
      <c r="Z24414">
        <v>21</v>
      </c>
      <c r="AA24414">
        <v>21</v>
      </c>
      <c r="AB24414">
        <v>21</v>
      </c>
      <c r="AC24414">
        <v>22</v>
      </c>
      <c r="AD24414">
        <v>22</v>
      </c>
      <c r="AE24414">
        <v>22</v>
      </c>
      <c r="AF24414">
        <v>23</v>
      </c>
      <c r="AG24414">
        <v>23</v>
      </c>
      <c r="AH24414">
        <v>24</v>
      </c>
      <c r="AI24414">
        <v>24</v>
      </c>
      <c r="AJ24414">
        <v>25</v>
      </c>
      <c r="AK24414">
        <v>25</v>
      </c>
      <c r="AL24414">
        <v>25</v>
      </c>
      <c r="AM24414">
        <v>25</v>
      </c>
      <c r="AN24414">
        <v>26</v>
      </c>
      <c r="AO24414">
        <v>26</v>
      </c>
      <c r="AP24414">
        <v>26</v>
      </c>
      <c r="AQ24414">
        <v>26</v>
      </c>
    </row>
    <row r="24415" spans="1:43">
      <c r="A24415" t="s">
        <v>15115</v>
      </c>
      <c r="B24415" t="s">
        <v>15116</v>
      </c>
      <c r="C24415" t="s">
        <v>15109</v>
      </c>
      <c r="D24415" t="s">
        <v>15110</v>
      </c>
      <c r="E24415" t="s">
        <v>15101</v>
      </c>
      <c r="F24415" t="s">
        <v>15102</v>
      </c>
      <c r="G24415" t="s">
        <v>10734</v>
      </c>
      <c r="H24415" t="s">
        <v>10735</v>
      </c>
      <c r="I24415" s="2">
        <v>1</v>
      </c>
      <c r="J24415" s="2">
        <v>0</v>
      </c>
      <c r="K24415" s="2">
        <v>0</v>
      </c>
      <c r="L24415" t="s">
        <v>120</v>
      </c>
      <c r="M24415" t="s">
        <v>87</v>
      </c>
      <c r="N24415" t="s">
        <v>88</v>
      </c>
      <c r="O24415" t="s">
        <v>85</v>
      </c>
      <c r="P24415" t="s">
        <v>86</v>
      </c>
      <c r="Q24415">
        <v>17</v>
      </c>
      <c r="R24415">
        <v>17</v>
      </c>
      <c r="S24415">
        <v>17</v>
      </c>
      <c r="T24415">
        <v>18</v>
      </c>
      <c r="U24415">
        <v>18</v>
      </c>
      <c r="V24415">
        <v>18</v>
      </c>
      <c r="W24415">
        <v>18</v>
      </c>
      <c r="X24415">
        <v>18</v>
      </c>
      <c r="Y24415">
        <v>19</v>
      </c>
      <c r="Z24415">
        <v>19</v>
      </c>
      <c r="AA24415">
        <v>19</v>
      </c>
      <c r="AB24415">
        <v>19</v>
      </c>
      <c r="AC24415">
        <v>20</v>
      </c>
      <c r="AD24415">
        <v>20</v>
      </c>
      <c r="AE24415">
        <v>20</v>
      </c>
      <c r="AF24415">
        <v>20</v>
      </c>
      <c r="AG24415">
        <v>20</v>
      </c>
      <c r="AH24415">
        <v>21</v>
      </c>
      <c r="AI24415">
        <v>21</v>
      </c>
      <c r="AJ24415">
        <v>21</v>
      </c>
      <c r="AK24415">
        <v>21</v>
      </c>
      <c r="AL24415">
        <v>22</v>
      </c>
      <c r="AM24415">
        <v>22</v>
      </c>
      <c r="AN24415">
        <v>22</v>
      </c>
      <c r="AO24415">
        <v>22</v>
      </c>
      <c r="AP24415">
        <v>23</v>
      </c>
      <c r="AQ24415">
        <v>23</v>
      </c>
    </row>
    <row r="24416" spans="1:43">
      <c r="A24416" t="s">
        <v>15115</v>
      </c>
      <c r="B24416" t="s">
        <v>15116</v>
      </c>
      <c r="C24416" t="s">
        <v>15109</v>
      </c>
      <c r="D24416" t="s">
        <v>15110</v>
      </c>
      <c r="E24416" t="s">
        <v>15101</v>
      </c>
      <c r="F24416" t="s">
        <v>15102</v>
      </c>
      <c r="G24416" t="s">
        <v>10734</v>
      </c>
      <c r="H24416" t="s">
        <v>10735</v>
      </c>
      <c r="I24416" s="2">
        <v>1</v>
      </c>
      <c r="J24416" s="2">
        <v>0</v>
      </c>
      <c r="K24416" s="2">
        <v>0</v>
      </c>
      <c r="L24416" t="s">
        <v>120</v>
      </c>
      <c r="M24416" t="s">
        <v>89</v>
      </c>
      <c r="N24416" t="s">
        <v>90</v>
      </c>
      <c r="O24416" t="s">
        <v>85</v>
      </c>
      <c r="P24416" t="s">
        <v>86</v>
      </c>
      <c r="Q24416">
        <v>17</v>
      </c>
      <c r="R24416">
        <v>18</v>
      </c>
      <c r="S24416">
        <v>18</v>
      </c>
      <c r="T24416">
        <v>19</v>
      </c>
      <c r="U24416">
        <v>19</v>
      </c>
      <c r="V24416">
        <v>20</v>
      </c>
      <c r="W24416">
        <v>20</v>
      </c>
      <c r="X24416">
        <v>21</v>
      </c>
      <c r="Y24416">
        <v>21</v>
      </c>
      <c r="Z24416">
        <v>22</v>
      </c>
      <c r="AA24416">
        <v>22</v>
      </c>
      <c r="AB24416">
        <v>23</v>
      </c>
      <c r="AC24416">
        <v>23</v>
      </c>
      <c r="AD24416">
        <v>24</v>
      </c>
      <c r="AE24416">
        <v>24</v>
      </c>
      <c r="AF24416">
        <v>24</v>
      </c>
      <c r="AG24416">
        <v>24</v>
      </c>
      <c r="AH24416">
        <v>25</v>
      </c>
      <c r="AI24416">
        <v>25</v>
      </c>
      <c r="AJ24416">
        <v>25</v>
      </c>
      <c r="AK24416">
        <v>25</v>
      </c>
      <c r="AL24416">
        <v>25</v>
      </c>
      <c r="AM24416">
        <v>26</v>
      </c>
      <c r="AN24416">
        <v>26</v>
      </c>
      <c r="AO24416">
        <v>26</v>
      </c>
      <c r="AP24416">
        <v>26</v>
      </c>
      <c r="AQ24416">
        <v>26</v>
      </c>
    </row>
    <row r="24417" spans="1:43">
      <c r="A24417" t="s">
        <v>15115</v>
      </c>
      <c r="B24417" t="s">
        <v>15116</v>
      </c>
      <c r="C24417" t="s">
        <v>15109</v>
      </c>
      <c r="D24417" t="s">
        <v>15110</v>
      </c>
      <c r="E24417" t="s">
        <v>15101</v>
      </c>
      <c r="F24417" t="s">
        <v>15102</v>
      </c>
      <c r="G24417" t="s">
        <v>10734</v>
      </c>
      <c r="H24417" t="s">
        <v>10735</v>
      </c>
      <c r="I24417" s="2">
        <v>1</v>
      </c>
      <c r="J24417" s="2">
        <v>0</v>
      </c>
      <c r="K24417" s="2">
        <v>0</v>
      </c>
      <c r="L24417" t="s">
        <v>120</v>
      </c>
      <c r="M24417" t="s">
        <v>83</v>
      </c>
      <c r="N24417" t="s">
        <v>91</v>
      </c>
      <c r="O24417" t="s">
        <v>85</v>
      </c>
      <c r="P24417" t="s">
        <v>86</v>
      </c>
      <c r="Q24417">
        <v>17</v>
      </c>
      <c r="R24417">
        <v>17</v>
      </c>
      <c r="S24417">
        <v>18</v>
      </c>
      <c r="T24417">
        <v>18</v>
      </c>
      <c r="U24417">
        <v>19</v>
      </c>
      <c r="V24417">
        <v>19</v>
      </c>
      <c r="W24417">
        <v>19</v>
      </c>
      <c r="X24417">
        <v>20</v>
      </c>
      <c r="Y24417">
        <v>20</v>
      </c>
      <c r="Z24417">
        <v>21</v>
      </c>
      <c r="AA24417">
        <v>21</v>
      </c>
      <c r="AB24417">
        <v>21</v>
      </c>
      <c r="AC24417">
        <v>22</v>
      </c>
      <c r="AD24417">
        <v>22</v>
      </c>
      <c r="AE24417">
        <v>22</v>
      </c>
      <c r="AF24417">
        <v>23</v>
      </c>
      <c r="AG24417">
        <v>23</v>
      </c>
      <c r="AH24417">
        <v>24</v>
      </c>
      <c r="AI24417">
        <v>24</v>
      </c>
      <c r="AJ24417">
        <v>25</v>
      </c>
      <c r="AK24417">
        <v>25</v>
      </c>
      <c r="AL24417">
        <v>25</v>
      </c>
      <c r="AM24417">
        <v>25</v>
      </c>
      <c r="AN24417">
        <v>26</v>
      </c>
      <c r="AO24417">
        <v>26</v>
      </c>
      <c r="AP24417">
        <v>26</v>
      </c>
      <c r="AQ24417">
        <v>26</v>
      </c>
    </row>
    <row r="24418" spans="1:43">
      <c r="A24418" t="s">
        <v>15117</v>
      </c>
      <c r="B24418" t="s">
        <v>15118</v>
      </c>
      <c r="C24418" t="s">
        <v>15119</v>
      </c>
      <c r="D24418" t="s">
        <v>15120</v>
      </c>
      <c r="E24418" t="s">
        <v>15101</v>
      </c>
      <c r="F24418" t="s">
        <v>15102</v>
      </c>
      <c r="G24418" t="s">
        <v>10734</v>
      </c>
      <c r="H24418" t="s">
        <v>10735</v>
      </c>
      <c r="I24418" s="2">
        <v>1</v>
      </c>
      <c r="J24418" s="2">
        <v>0</v>
      </c>
      <c r="K24418" s="2">
        <v>0</v>
      </c>
      <c r="L24418" t="s">
        <v>120</v>
      </c>
      <c r="M24418" t="s">
        <v>83</v>
      </c>
      <c r="N24418" t="s">
        <v>84</v>
      </c>
      <c r="O24418" t="s">
        <v>85</v>
      </c>
      <c r="P24418" t="s">
        <v>86</v>
      </c>
      <c r="Q24418">
        <v>31</v>
      </c>
      <c r="R24418">
        <v>31</v>
      </c>
      <c r="S24418">
        <v>32</v>
      </c>
      <c r="T24418">
        <v>33</v>
      </c>
      <c r="U24418">
        <v>33</v>
      </c>
      <c r="V24418">
        <v>34</v>
      </c>
      <c r="W24418">
        <v>35</v>
      </c>
      <c r="X24418">
        <v>35</v>
      </c>
      <c r="Y24418">
        <v>36</v>
      </c>
      <c r="Z24418">
        <v>37</v>
      </c>
      <c r="AA24418">
        <v>37</v>
      </c>
      <c r="AB24418">
        <v>38</v>
      </c>
      <c r="AC24418">
        <v>39</v>
      </c>
      <c r="AD24418">
        <v>40</v>
      </c>
      <c r="AE24418">
        <v>40</v>
      </c>
      <c r="AF24418">
        <v>41</v>
      </c>
      <c r="AG24418">
        <v>42</v>
      </c>
      <c r="AH24418">
        <v>42</v>
      </c>
      <c r="AI24418">
        <v>43</v>
      </c>
      <c r="AJ24418">
        <v>44</v>
      </c>
      <c r="AK24418">
        <v>45</v>
      </c>
      <c r="AL24418">
        <v>45</v>
      </c>
      <c r="AM24418">
        <v>45</v>
      </c>
      <c r="AN24418">
        <v>46</v>
      </c>
      <c r="AO24418">
        <v>46</v>
      </c>
      <c r="AP24418">
        <v>46</v>
      </c>
      <c r="AQ24418">
        <v>47</v>
      </c>
    </row>
    <row r="24419" spans="1:43">
      <c r="A24419" t="s">
        <v>15117</v>
      </c>
      <c r="B24419" t="s">
        <v>15118</v>
      </c>
      <c r="C24419" t="s">
        <v>15119</v>
      </c>
      <c r="D24419" t="s">
        <v>15120</v>
      </c>
      <c r="E24419" t="s">
        <v>15101</v>
      </c>
      <c r="F24419" t="s">
        <v>15102</v>
      </c>
      <c r="G24419" t="s">
        <v>10734</v>
      </c>
      <c r="H24419" t="s">
        <v>10735</v>
      </c>
      <c r="I24419" s="2">
        <v>1</v>
      </c>
      <c r="J24419" s="2">
        <v>0</v>
      </c>
      <c r="K24419" s="2">
        <v>0</v>
      </c>
      <c r="L24419" t="s">
        <v>120</v>
      </c>
      <c r="M24419" t="s">
        <v>87</v>
      </c>
      <c r="N24419" t="s">
        <v>88</v>
      </c>
      <c r="O24419" t="s">
        <v>85</v>
      </c>
      <c r="P24419" t="s">
        <v>86</v>
      </c>
      <c r="Q24419">
        <v>31</v>
      </c>
      <c r="R24419">
        <v>32</v>
      </c>
      <c r="S24419">
        <v>32</v>
      </c>
      <c r="T24419">
        <v>33</v>
      </c>
      <c r="U24419">
        <v>33</v>
      </c>
      <c r="V24419">
        <v>33</v>
      </c>
      <c r="W24419">
        <v>34</v>
      </c>
      <c r="X24419">
        <v>34</v>
      </c>
      <c r="Y24419">
        <v>34</v>
      </c>
      <c r="Z24419">
        <v>35</v>
      </c>
      <c r="AA24419">
        <v>35</v>
      </c>
      <c r="AB24419">
        <v>36</v>
      </c>
      <c r="AC24419">
        <v>36</v>
      </c>
      <c r="AD24419">
        <v>36</v>
      </c>
      <c r="AE24419">
        <v>37</v>
      </c>
      <c r="AF24419">
        <v>37</v>
      </c>
      <c r="AG24419">
        <v>38</v>
      </c>
      <c r="AH24419">
        <v>38</v>
      </c>
      <c r="AI24419">
        <v>38</v>
      </c>
      <c r="AJ24419">
        <v>39</v>
      </c>
      <c r="AK24419">
        <v>39</v>
      </c>
      <c r="AL24419">
        <v>40</v>
      </c>
      <c r="AM24419">
        <v>40</v>
      </c>
      <c r="AN24419">
        <v>41</v>
      </c>
      <c r="AO24419">
        <v>41</v>
      </c>
      <c r="AP24419">
        <v>41</v>
      </c>
      <c r="AQ24419">
        <v>42</v>
      </c>
    </row>
    <row r="24420" spans="1:43">
      <c r="A24420" t="s">
        <v>15117</v>
      </c>
      <c r="B24420" t="s">
        <v>15118</v>
      </c>
      <c r="C24420" t="s">
        <v>15119</v>
      </c>
      <c r="D24420" t="s">
        <v>15120</v>
      </c>
      <c r="E24420" t="s">
        <v>15101</v>
      </c>
      <c r="F24420" t="s">
        <v>15102</v>
      </c>
      <c r="G24420" t="s">
        <v>10734</v>
      </c>
      <c r="H24420" t="s">
        <v>10735</v>
      </c>
      <c r="I24420" s="2">
        <v>1</v>
      </c>
      <c r="J24420" s="2">
        <v>0</v>
      </c>
      <c r="K24420" s="2">
        <v>0</v>
      </c>
      <c r="L24420" t="s">
        <v>120</v>
      </c>
      <c r="M24420" t="s">
        <v>89</v>
      </c>
      <c r="N24420" t="s">
        <v>90</v>
      </c>
      <c r="O24420" t="s">
        <v>85</v>
      </c>
      <c r="P24420" t="s">
        <v>86</v>
      </c>
      <c r="Q24420">
        <v>31</v>
      </c>
      <c r="R24420">
        <v>32</v>
      </c>
      <c r="S24420">
        <v>33</v>
      </c>
      <c r="T24420">
        <v>34</v>
      </c>
      <c r="U24420">
        <v>35</v>
      </c>
      <c r="V24420">
        <v>36</v>
      </c>
      <c r="W24420">
        <v>36</v>
      </c>
      <c r="X24420">
        <v>37</v>
      </c>
      <c r="Y24420">
        <v>38</v>
      </c>
      <c r="Z24420">
        <v>39</v>
      </c>
      <c r="AA24420">
        <v>40</v>
      </c>
      <c r="AB24420">
        <v>41</v>
      </c>
      <c r="AC24420">
        <v>42</v>
      </c>
      <c r="AD24420">
        <v>42</v>
      </c>
      <c r="AE24420">
        <v>43</v>
      </c>
      <c r="AF24420">
        <v>43</v>
      </c>
      <c r="AG24420">
        <v>44</v>
      </c>
      <c r="AH24420">
        <v>44</v>
      </c>
      <c r="AI24420">
        <v>44</v>
      </c>
      <c r="AJ24420">
        <v>45</v>
      </c>
      <c r="AK24420">
        <v>45</v>
      </c>
      <c r="AL24420">
        <v>45</v>
      </c>
      <c r="AM24420">
        <v>46</v>
      </c>
      <c r="AN24420">
        <v>46</v>
      </c>
      <c r="AO24420">
        <v>46</v>
      </c>
      <c r="AP24420">
        <v>47</v>
      </c>
      <c r="AQ24420">
        <v>47</v>
      </c>
    </row>
    <row r="24421" spans="1:43">
      <c r="A24421" t="s">
        <v>15117</v>
      </c>
      <c r="B24421" t="s">
        <v>15118</v>
      </c>
      <c r="C24421" t="s">
        <v>15119</v>
      </c>
      <c r="D24421" t="s">
        <v>15120</v>
      </c>
      <c r="E24421" t="s">
        <v>15101</v>
      </c>
      <c r="F24421" t="s">
        <v>15102</v>
      </c>
      <c r="G24421" t="s">
        <v>10734</v>
      </c>
      <c r="H24421" t="s">
        <v>10735</v>
      </c>
      <c r="I24421" s="2">
        <v>1</v>
      </c>
      <c r="J24421" s="2">
        <v>0</v>
      </c>
      <c r="K24421" s="2">
        <v>0</v>
      </c>
      <c r="L24421" t="s">
        <v>120</v>
      </c>
      <c r="M24421" t="s">
        <v>83</v>
      </c>
      <c r="N24421" t="s">
        <v>91</v>
      </c>
      <c r="O24421" t="s">
        <v>85</v>
      </c>
      <c r="P24421" t="s">
        <v>86</v>
      </c>
      <c r="Q24421">
        <v>31</v>
      </c>
      <c r="R24421">
        <v>31</v>
      </c>
      <c r="S24421">
        <v>32</v>
      </c>
      <c r="T24421">
        <v>33</v>
      </c>
      <c r="U24421">
        <v>33</v>
      </c>
      <c r="V24421">
        <v>34</v>
      </c>
      <c r="W24421">
        <v>35</v>
      </c>
      <c r="X24421">
        <v>35</v>
      </c>
      <c r="Y24421">
        <v>36</v>
      </c>
      <c r="Z24421">
        <v>37</v>
      </c>
      <c r="AA24421">
        <v>37</v>
      </c>
      <c r="AB24421">
        <v>38</v>
      </c>
      <c r="AC24421">
        <v>39</v>
      </c>
      <c r="AD24421">
        <v>40</v>
      </c>
      <c r="AE24421">
        <v>40</v>
      </c>
      <c r="AF24421">
        <v>41</v>
      </c>
      <c r="AG24421">
        <v>42</v>
      </c>
      <c r="AH24421">
        <v>42</v>
      </c>
      <c r="AI24421">
        <v>43</v>
      </c>
      <c r="AJ24421">
        <v>44</v>
      </c>
      <c r="AK24421">
        <v>45</v>
      </c>
      <c r="AL24421">
        <v>45</v>
      </c>
      <c r="AM24421">
        <v>45</v>
      </c>
      <c r="AN24421">
        <v>46</v>
      </c>
      <c r="AO24421">
        <v>46</v>
      </c>
      <c r="AP24421">
        <v>46</v>
      </c>
      <c r="AQ24421">
        <v>47</v>
      </c>
    </row>
    <row r="24422" spans="1:43">
      <c r="A24422" t="s">
        <v>15121</v>
      </c>
      <c r="B24422" t="s">
        <v>15122</v>
      </c>
      <c r="C24422" t="s">
        <v>15109</v>
      </c>
      <c r="D24422" t="s">
        <v>15110</v>
      </c>
      <c r="E24422" t="s">
        <v>15101</v>
      </c>
      <c r="F24422" t="s">
        <v>15102</v>
      </c>
      <c r="G24422" t="s">
        <v>10734</v>
      </c>
      <c r="H24422" t="s">
        <v>10735</v>
      </c>
      <c r="I24422" s="2">
        <v>1</v>
      </c>
      <c r="J24422" s="2">
        <v>0</v>
      </c>
      <c r="K24422" s="2">
        <v>0</v>
      </c>
      <c r="L24422" t="s">
        <v>120</v>
      </c>
      <c r="M24422" t="s">
        <v>83</v>
      </c>
      <c r="N24422" t="s">
        <v>84</v>
      </c>
      <c r="O24422" t="s">
        <v>85</v>
      </c>
      <c r="P24422" t="s">
        <v>86</v>
      </c>
      <c r="Q24422">
        <v>47</v>
      </c>
      <c r="R24422">
        <v>48</v>
      </c>
      <c r="S24422">
        <v>49</v>
      </c>
      <c r="T24422">
        <v>50</v>
      </c>
      <c r="U24422">
        <v>51</v>
      </c>
      <c r="V24422">
        <v>52</v>
      </c>
      <c r="W24422">
        <v>53</v>
      </c>
      <c r="X24422">
        <v>54</v>
      </c>
      <c r="Y24422">
        <v>55</v>
      </c>
      <c r="Z24422">
        <v>56</v>
      </c>
      <c r="AA24422">
        <v>57</v>
      </c>
      <c r="AB24422">
        <v>58</v>
      </c>
      <c r="AC24422">
        <v>59</v>
      </c>
      <c r="AD24422">
        <v>60</v>
      </c>
      <c r="AE24422">
        <v>61</v>
      </c>
      <c r="AF24422">
        <v>62</v>
      </c>
      <c r="AG24422">
        <v>63</v>
      </c>
      <c r="AH24422">
        <v>64</v>
      </c>
      <c r="AI24422">
        <v>66</v>
      </c>
      <c r="AJ24422">
        <v>67</v>
      </c>
      <c r="AK24422">
        <v>68</v>
      </c>
      <c r="AL24422">
        <v>69</v>
      </c>
      <c r="AM24422">
        <v>69</v>
      </c>
      <c r="AN24422">
        <v>70</v>
      </c>
      <c r="AO24422">
        <v>70</v>
      </c>
      <c r="AP24422">
        <v>71</v>
      </c>
      <c r="AQ24422">
        <v>71</v>
      </c>
    </row>
    <row r="24423" spans="1:43">
      <c r="A24423" t="s">
        <v>15121</v>
      </c>
      <c r="B24423" t="s">
        <v>15122</v>
      </c>
      <c r="C24423" t="s">
        <v>15109</v>
      </c>
      <c r="D24423" t="s">
        <v>15110</v>
      </c>
      <c r="E24423" t="s">
        <v>15101</v>
      </c>
      <c r="F24423" t="s">
        <v>15102</v>
      </c>
      <c r="G24423" t="s">
        <v>10734</v>
      </c>
      <c r="H24423" t="s">
        <v>10735</v>
      </c>
      <c r="I24423" s="2">
        <v>1</v>
      </c>
      <c r="J24423" s="2">
        <v>0</v>
      </c>
      <c r="K24423" s="2">
        <v>0</v>
      </c>
      <c r="L24423" t="s">
        <v>120</v>
      </c>
      <c r="M24423" t="s">
        <v>87</v>
      </c>
      <c r="N24423" t="s">
        <v>88</v>
      </c>
      <c r="O24423" t="s">
        <v>85</v>
      </c>
      <c r="P24423" t="s">
        <v>86</v>
      </c>
      <c r="Q24423">
        <v>47</v>
      </c>
      <c r="R24423">
        <v>48</v>
      </c>
      <c r="S24423">
        <v>48</v>
      </c>
      <c r="T24423">
        <v>49</v>
      </c>
      <c r="U24423">
        <v>49</v>
      </c>
      <c r="V24423">
        <v>50</v>
      </c>
      <c r="W24423">
        <v>51</v>
      </c>
      <c r="X24423">
        <v>51</v>
      </c>
      <c r="Y24423">
        <v>52</v>
      </c>
      <c r="Z24423">
        <v>52</v>
      </c>
      <c r="AA24423">
        <v>53</v>
      </c>
      <c r="AB24423">
        <v>54</v>
      </c>
      <c r="AC24423">
        <v>54</v>
      </c>
      <c r="AD24423">
        <v>55</v>
      </c>
      <c r="AE24423">
        <v>55</v>
      </c>
      <c r="AF24423">
        <v>56</v>
      </c>
      <c r="AG24423">
        <v>57</v>
      </c>
      <c r="AH24423">
        <v>57</v>
      </c>
      <c r="AI24423">
        <v>58</v>
      </c>
      <c r="AJ24423">
        <v>58</v>
      </c>
      <c r="AK24423">
        <v>59</v>
      </c>
      <c r="AL24423">
        <v>60</v>
      </c>
      <c r="AM24423">
        <v>60</v>
      </c>
      <c r="AN24423">
        <v>61</v>
      </c>
      <c r="AO24423">
        <v>62</v>
      </c>
      <c r="AP24423">
        <v>62</v>
      </c>
      <c r="AQ24423">
        <v>63</v>
      </c>
    </row>
    <row r="24424" spans="1:43">
      <c r="A24424" t="s">
        <v>15121</v>
      </c>
      <c r="B24424" t="s">
        <v>15122</v>
      </c>
      <c r="C24424" t="s">
        <v>15109</v>
      </c>
      <c r="D24424" t="s">
        <v>15110</v>
      </c>
      <c r="E24424" t="s">
        <v>15101</v>
      </c>
      <c r="F24424" t="s">
        <v>15102</v>
      </c>
      <c r="G24424" t="s">
        <v>10734</v>
      </c>
      <c r="H24424" t="s">
        <v>10735</v>
      </c>
      <c r="I24424" s="2">
        <v>1</v>
      </c>
      <c r="J24424" s="2">
        <v>0</v>
      </c>
      <c r="K24424" s="2">
        <v>0</v>
      </c>
      <c r="L24424" t="s">
        <v>120</v>
      </c>
      <c r="M24424" t="s">
        <v>89</v>
      </c>
      <c r="N24424" t="s">
        <v>90</v>
      </c>
      <c r="O24424" t="s">
        <v>85</v>
      </c>
      <c r="P24424" t="s">
        <v>86</v>
      </c>
      <c r="Q24424">
        <v>47</v>
      </c>
      <c r="R24424">
        <v>48</v>
      </c>
      <c r="S24424">
        <v>50</v>
      </c>
      <c r="T24424">
        <v>51</v>
      </c>
      <c r="U24424">
        <v>53</v>
      </c>
      <c r="V24424">
        <v>54</v>
      </c>
      <c r="W24424">
        <v>55</v>
      </c>
      <c r="X24424">
        <v>57</v>
      </c>
      <c r="Y24424">
        <v>58</v>
      </c>
      <c r="Z24424">
        <v>59</v>
      </c>
      <c r="AA24424">
        <v>60</v>
      </c>
      <c r="AB24424">
        <v>62</v>
      </c>
      <c r="AC24424">
        <v>63</v>
      </c>
      <c r="AD24424">
        <v>64</v>
      </c>
      <c r="AE24424">
        <v>65</v>
      </c>
      <c r="AF24424">
        <v>66</v>
      </c>
      <c r="AG24424">
        <v>67</v>
      </c>
      <c r="AH24424">
        <v>67</v>
      </c>
      <c r="AI24424">
        <v>68</v>
      </c>
      <c r="AJ24424">
        <v>68</v>
      </c>
      <c r="AK24424">
        <v>69</v>
      </c>
      <c r="AL24424">
        <v>69</v>
      </c>
      <c r="AM24424">
        <v>70</v>
      </c>
      <c r="AN24424">
        <v>70</v>
      </c>
      <c r="AO24424">
        <v>71</v>
      </c>
      <c r="AP24424">
        <v>71</v>
      </c>
      <c r="AQ24424">
        <v>72</v>
      </c>
    </row>
    <row r="24425" spans="1:43">
      <c r="A24425" t="s">
        <v>15121</v>
      </c>
      <c r="B24425" t="s">
        <v>15122</v>
      </c>
      <c r="C24425" t="s">
        <v>15109</v>
      </c>
      <c r="D24425" t="s">
        <v>15110</v>
      </c>
      <c r="E24425" t="s">
        <v>15101</v>
      </c>
      <c r="F24425" t="s">
        <v>15102</v>
      </c>
      <c r="G24425" t="s">
        <v>10734</v>
      </c>
      <c r="H24425" t="s">
        <v>10735</v>
      </c>
      <c r="I24425" s="2">
        <v>1</v>
      </c>
      <c r="J24425" s="2">
        <v>0</v>
      </c>
      <c r="K24425" s="2">
        <v>0</v>
      </c>
      <c r="L24425" t="s">
        <v>120</v>
      </c>
      <c r="M24425" t="s">
        <v>83</v>
      </c>
      <c r="N24425" t="s">
        <v>91</v>
      </c>
      <c r="O24425" t="s">
        <v>85</v>
      </c>
      <c r="P24425" t="s">
        <v>86</v>
      </c>
      <c r="Q24425">
        <v>47</v>
      </c>
      <c r="R24425">
        <v>48</v>
      </c>
      <c r="S24425">
        <v>49</v>
      </c>
      <c r="T24425">
        <v>50</v>
      </c>
      <c r="U24425">
        <v>51</v>
      </c>
      <c r="V24425">
        <v>52</v>
      </c>
      <c r="W24425">
        <v>53</v>
      </c>
      <c r="X24425">
        <v>54</v>
      </c>
      <c r="Y24425">
        <v>55</v>
      </c>
      <c r="Z24425">
        <v>56</v>
      </c>
      <c r="AA24425">
        <v>57</v>
      </c>
      <c r="AB24425">
        <v>58</v>
      </c>
      <c r="AC24425">
        <v>59</v>
      </c>
      <c r="AD24425">
        <v>60</v>
      </c>
      <c r="AE24425">
        <v>61</v>
      </c>
      <c r="AF24425">
        <v>62</v>
      </c>
      <c r="AG24425">
        <v>63</v>
      </c>
      <c r="AH24425">
        <v>64</v>
      </c>
      <c r="AI24425">
        <v>66</v>
      </c>
      <c r="AJ24425">
        <v>67</v>
      </c>
      <c r="AK24425">
        <v>68</v>
      </c>
      <c r="AL24425">
        <v>69</v>
      </c>
      <c r="AM24425">
        <v>69</v>
      </c>
      <c r="AN24425">
        <v>70</v>
      </c>
      <c r="AO24425">
        <v>70</v>
      </c>
      <c r="AP24425">
        <v>71</v>
      </c>
      <c r="AQ24425">
        <v>71</v>
      </c>
    </row>
    <row r="24426" spans="1:43">
      <c r="A24426" t="s">
        <v>15123</v>
      </c>
      <c r="B24426" t="s">
        <v>15124</v>
      </c>
      <c r="C24426" t="s">
        <v>15125</v>
      </c>
      <c r="D24426" t="s">
        <v>15126</v>
      </c>
      <c r="E24426" t="s">
        <v>15101</v>
      </c>
      <c r="F24426" t="s">
        <v>15102</v>
      </c>
      <c r="G24426" t="s">
        <v>10734</v>
      </c>
      <c r="H24426" t="s">
        <v>10735</v>
      </c>
      <c r="I24426" s="2">
        <v>1</v>
      </c>
      <c r="J24426" s="2">
        <v>0</v>
      </c>
      <c r="K24426" s="2">
        <v>0</v>
      </c>
      <c r="L24426" t="s">
        <v>120</v>
      </c>
      <c r="M24426" t="s">
        <v>83</v>
      </c>
      <c r="N24426" t="s">
        <v>84</v>
      </c>
      <c r="O24426" t="s">
        <v>85</v>
      </c>
      <c r="P24426" t="s">
        <v>86</v>
      </c>
      <c r="Q24426">
        <v>34</v>
      </c>
      <c r="R24426">
        <v>35</v>
      </c>
      <c r="S24426">
        <v>35</v>
      </c>
      <c r="T24426">
        <v>36</v>
      </c>
      <c r="U24426">
        <v>37</v>
      </c>
      <c r="V24426">
        <v>38</v>
      </c>
      <c r="W24426">
        <v>38</v>
      </c>
      <c r="X24426">
        <v>39</v>
      </c>
      <c r="Y24426">
        <v>40</v>
      </c>
      <c r="Z24426">
        <v>41</v>
      </c>
      <c r="AA24426">
        <v>41</v>
      </c>
      <c r="AB24426">
        <v>42</v>
      </c>
      <c r="AC24426">
        <v>43</v>
      </c>
      <c r="AD24426">
        <v>44</v>
      </c>
      <c r="AE24426">
        <v>45</v>
      </c>
      <c r="AF24426">
        <v>45</v>
      </c>
      <c r="AG24426">
        <v>46</v>
      </c>
      <c r="AH24426">
        <v>47</v>
      </c>
      <c r="AI24426">
        <v>48</v>
      </c>
      <c r="AJ24426">
        <v>49</v>
      </c>
      <c r="AK24426">
        <v>50</v>
      </c>
      <c r="AL24426">
        <v>50</v>
      </c>
      <c r="AM24426">
        <v>50</v>
      </c>
      <c r="AN24426">
        <v>51</v>
      </c>
      <c r="AO24426">
        <v>51</v>
      </c>
      <c r="AP24426">
        <v>52</v>
      </c>
      <c r="AQ24426">
        <v>52</v>
      </c>
    </row>
    <row r="24427" spans="1:43">
      <c r="A24427" t="s">
        <v>15123</v>
      </c>
      <c r="B24427" t="s">
        <v>15124</v>
      </c>
      <c r="C24427" t="s">
        <v>15125</v>
      </c>
      <c r="D24427" t="s">
        <v>15126</v>
      </c>
      <c r="E24427" t="s">
        <v>15101</v>
      </c>
      <c r="F24427" t="s">
        <v>15102</v>
      </c>
      <c r="G24427" t="s">
        <v>10734</v>
      </c>
      <c r="H24427" t="s">
        <v>10735</v>
      </c>
      <c r="I24427" s="2">
        <v>1</v>
      </c>
      <c r="J24427" s="2">
        <v>0</v>
      </c>
      <c r="K24427" s="2">
        <v>0</v>
      </c>
      <c r="L24427" t="s">
        <v>120</v>
      </c>
      <c r="M24427" t="s">
        <v>87</v>
      </c>
      <c r="N24427" t="s">
        <v>88</v>
      </c>
      <c r="O24427" t="s">
        <v>85</v>
      </c>
      <c r="P24427" t="s">
        <v>86</v>
      </c>
      <c r="Q24427">
        <v>34</v>
      </c>
      <c r="R24427">
        <v>34</v>
      </c>
      <c r="S24427">
        <v>34</v>
      </c>
      <c r="T24427">
        <v>35</v>
      </c>
      <c r="U24427">
        <v>35</v>
      </c>
      <c r="V24427">
        <v>36</v>
      </c>
      <c r="W24427">
        <v>36</v>
      </c>
      <c r="X24427">
        <v>36</v>
      </c>
      <c r="Y24427">
        <v>37</v>
      </c>
      <c r="Z24427">
        <v>37</v>
      </c>
      <c r="AA24427">
        <v>38</v>
      </c>
      <c r="AB24427">
        <v>38</v>
      </c>
      <c r="AC24427">
        <v>39</v>
      </c>
      <c r="AD24427">
        <v>39</v>
      </c>
      <c r="AE24427">
        <v>40</v>
      </c>
      <c r="AF24427">
        <v>40</v>
      </c>
      <c r="AG24427">
        <v>40</v>
      </c>
      <c r="AH24427">
        <v>41</v>
      </c>
      <c r="AI24427">
        <v>41</v>
      </c>
      <c r="AJ24427">
        <v>42</v>
      </c>
      <c r="AK24427">
        <v>42</v>
      </c>
      <c r="AL24427">
        <v>43</v>
      </c>
      <c r="AM24427">
        <v>43</v>
      </c>
      <c r="AN24427">
        <v>44</v>
      </c>
      <c r="AO24427">
        <v>44</v>
      </c>
      <c r="AP24427">
        <v>45</v>
      </c>
      <c r="AQ24427">
        <v>45</v>
      </c>
    </row>
    <row r="24428" spans="1:43">
      <c r="A24428" t="s">
        <v>15123</v>
      </c>
      <c r="B24428" t="s">
        <v>15124</v>
      </c>
      <c r="C24428" t="s">
        <v>15125</v>
      </c>
      <c r="D24428" t="s">
        <v>15126</v>
      </c>
      <c r="E24428" t="s">
        <v>15101</v>
      </c>
      <c r="F24428" t="s">
        <v>15102</v>
      </c>
      <c r="G24428" t="s">
        <v>10734</v>
      </c>
      <c r="H24428" t="s">
        <v>10735</v>
      </c>
      <c r="I24428" s="2">
        <v>1</v>
      </c>
      <c r="J24428" s="2">
        <v>0</v>
      </c>
      <c r="K24428" s="2">
        <v>0</v>
      </c>
      <c r="L24428" t="s">
        <v>120</v>
      </c>
      <c r="M24428" t="s">
        <v>89</v>
      </c>
      <c r="N24428" t="s">
        <v>90</v>
      </c>
      <c r="O24428" t="s">
        <v>85</v>
      </c>
      <c r="P24428" t="s">
        <v>86</v>
      </c>
      <c r="Q24428">
        <v>34</v>
      </c>
      <c r="R24428">
        <v>35</v>
      </c>
      <c r="S24428">
        <v>36</v>
      </c>
      <c r="T24428">
        <v>37</v>
      </c>
      <c r="U24428">
        <v>38</v>
      </c>
      <c r="V24428">
        <v>39</v>
      </c>
      <c r="W24428">
        <v>40</v>
      </c>
      <c r="X24428">
        <v>41</v>
      </c>
      <c r="Y24428">
        <v>42</v>
      </c>
      <c r="Z24428">
        <v>43</v>
      </c>
      <c r="AA24428">
        <v>44</v>
      </c>
      <c r="AB24428">
        <v>45</v>
      </c>
      <c r="AC24428">
        <v>46</v>
      </c>
      <c r="AD24428">
        <v>47</v>
      </c>
      <c r="AE24428">
        <v>48</v>
      </c>
      <c r="AF24428">
        <v>48</v>
      </c>
      <c r="AG24428">
        <v>49</v>
      </c>
      <c r="AH24428">
        <v>49</v>
      </c>
      <c r="AI24428">
        <v>49</v>
      </c>
      <c r="AJ24428">
        <v>50</v>
      </c>
      <c r="AK24428">
        <v>50</v>
      </c>
      <c r="AL24428">
        <v>50</v>
      </c>
      <c r="AM24428">
        <v>51</v>
      </c>
      <c r="AN24428">
        <v>51</v>
      </c>
      <c r="AO24428">
        <v>52</v>
      </c>
      <c r="AP24428">
        <v>52</v>
      </c>
      <c r="AQ24428">
        <v>52</v>
      </c>
    </row>
    <row r="24429" spans="1:43">
      <c r="A24429" t="s">
        <v>15123</v>
      </c>
      <c r="B24429" t="s">
        <v>15124</v>
      </c>
      <c r="C24429" t="s">
        <v>15125</v>
      </c>
      <c r="D24429" t="s">
        <v>15126</v>
      </c>
      <c r="E24429" t="s">
        <v>15101</v>
      </c>
      <c r="F24429" t="s">
        <v>15102</v>
      </c>
      <c r="G24429" t="s">
        <v>10734</v>
      </c>
      <c r="H24429" t="s">
        <v>10735</v>
      </c>
      <c r="I24429" s="2">
        <v>1</v>
      </c>
      <c r="J24429" s="2">
        <v>0</v>
      </c>
      <c r="K24429" s="2">
        <v>0</v>
      </c>
      <c r="L24429" t="s">
        <v>120</v>
      </c>
      <c r="M24429" t="s">
        <v>83</v>
      </c>
      <c r="N24429" t="s">
        <v>91</v>
      </c>
      <c r="O24429" t="s">
        <v>85</v>
      </c>
      <c r="P24429" t="s">
        <v>86</v>
      </c>
      <c r="Q24429">
        <v>34</v>
      </c>
      <c r="R24429">
        <v>35</v>
      </c>
      <c r="S24429">
        <v>35</v>
      </c>
      <c r="T24429">
        <v>36</v>
      </c>
      <c r="U24429">
        <v>37</v>
      </c>
      <c r="V24429">
        <v>38</v>
      </c>
      <c r="W24429">
        <v>38</v>
      </c>
      <c r="X24429">
        <v>39</v>
      </c>
      <c r="Y24429">
        <v>40</v>
      </c>
      <c r="Z24429">
        <v>41</v>
      </c>
      <c r="AA24429">
        <v>41</v>
      </c>
      <c r="AB24429">
        <v>42</v>
      </c>
      <c r="AC24429">
        <v>43</v>
      </c>
      <c r="AD24429">
        <v>44</v>
      </c>
      <c r="AE24429">
        <v>45</v>
      </c>
      <c r="AF24429">
        <v>45</v>
      </c>
      <c r="AG24429">
        <v>46</v>
      </c>
      <c r="AH24429">
        <v>47</v>
      </c>
      <c r="AI24429">
        <v>48</v>
      </c>
      <c r="AJ24429">
        <v>49</v>
      </c>
      <c r="AK24429">
        <v>50</v>
      </c>
      <c r="AL24429">
        <v>50</v>
      </c>
      <c r="AM24429">
        <v>50</v>
      </c>
      <c r="AN24429">
        <v>51</v>
      </c>
      <c r="AO24429">
        <v>51</v>
      </c>
      <c r="AP24429">
        <v>52</v>
      </c>
      <c r="AQ24429">
        <v>52</v>
      </c>
    </row>
    <row r="24430" spans="1:43">
      <c r="A24430" t="s">
        <v>15127</v>
      </c>
      <c r="B24430" t="s">
        <v>15128</v>
      </c>
      <c r="C24430" t="s">
        <v>15129</v>
      </c>
      <c r="D24430" t="s">
        <v>15130</v>
      </c>
      <c r="E24430" t="s">
        <v>15101</v>
      </c>
      <c r="F24430" t="s">
        <v>15102</v>
      </c>
      <c r="G24430" t="s">
        <v>10734</v>
      </c>
      <c r="H24430" t="s">
        <v>10735</v>
      </c>
      <c r="I24430" s="2">
        <v>1</v>
      </c>
      <c r="J24430" s="2">
        <v>0</v>
      </c>
      <c r="K24430" s="2">
        <v>0</v>
      </c>
      <c r="L24430" t="s">
        <v>120</v>
      </c>
      <c r="M24430" t="s">
        <v>83</v>
      </c>
      <c r="N24430" t="s">
        <v>84</v>
      </c>
      <c r="O24430" t="s">
        <v>85</v>
      </c>
      <c r="P24430" t="s">
        <v>86</v>
      </c>
      <c r="Q24430">
        <v>9</v>
      </c>
      <c r="R24430">
        <v>9</v>
      </c>
      <c r="S24430">
        <v>9</v>
      </c>
      <c r="T24430">
        <v>10</v>
      </c>
      <c r="U24430">
        <v>10</v>
      </c>
      <c r="V24430">
        <v>10</v>
      </c>
      <c r="W24430">
        <v>10</v>
      </c>
      <c r="X24430">
        <v>10</v>
      </c>
      <c r="Y24430">
        <v>11</v>
      </c>
      <c r="Z24430">
        <v>11</v>
      </c>
      <c r="AA24430">
        <v>11</v>
      </c>
      <c r="AB24430">
        <v>11</v>
      </c>
      <c r="AC24430">
        <v>11</v>
      </c>
      <c r="AD24430">
        <v>12</v>
      </c>
      <c r="AE24430">
        <v>12</v>
      </c>
      <c r="AF24430">
        <v>12</v>
      </c>
      <c r="AG24430">
        <v>12</v>
      </c>
      <c r="AH24430">
        <v>12</v>
      </c>
      <c r="AI24430">
        <v>13</v>
      </c>
      <c r="AJ24430">
        <v>13</v>
      </c>
      <c r="AK24430">
        <v>13</v>
      </c>
      <c r="AL24430">
        <v>13</v>
      </c>
      <c r="AM24430">
        <v>13</v>
      </c>
      <c r="AN24430">
        <v>13</v>
      </c>
      <c r="AO24430">
        <v>14</v>
      </c>
      <c r="AP24430">
        <v>14</v>
      </c>
      <c r="AQ24430">
        <v>14</v>
      </c>
    </row>
    <row r="24431" spans="1:43">
      <c r="A24431" t="s">
        <v>15127</v>
      </c>
      <c r="B24431" t="s">
        <v>15128</v>
      </c>
      <c r="C24431" t="s">
        <v>15129</v>
      </c>
      <c r="D24431" t="s">
        <v>15130</v>
      </c>
      <c r="E24431" t="s">
        <v>15101</v>
      </c>
      <c r="F24431" t="s">
        <v>15102</v>
      </c>
      <c r="G24431" t="s">
        <v>10734</v>
      </c>
      <c r="H24431" t="s">
        <v>10735</v>
      </c>
      <c r="I24431" s="2">
        <v>1</v>
      </c>
      <c r="J24431" s="2">
        <v>0</v>
      </c>
      <c r="K24431" s="2">
        <v>0</v>
      </c>
      <c r="L24431" t="s">
        <v>120</v>
      </c>
      <c r="M24431" t="s">
        <v>87</v>
      </c>
      <c r="N24431" t="s">
        <v>88</v>
      </c>
      <c r="O24431" t="s">
        <v>85</v>
      </c>
      <c r="P24431" t="s">
        <v>86</v>
      </c>
      <c r="Q24431">
        <v>9</v>
      </c>
      <c r="R24431">
        <v>9</v>
      </c>
      <c r="S24431">
        <v>9</v>
      </c>
      <c r="T24431">
        <v>9</v>
      </c>
      <c r="U24431">
        <v>9</v>
      </c>
      <c r="V24431">
        <v>9</v>
      </c>
      <c r="W24431">
        <v>10</v>
      </c>
      <c r="X24431">
        <v>10</v>
      </c>
      <c r="Y24431">
        <v>10</v>
      </c>
      <c r="Z24431">
        <v>10</v>
      </c>
      <c r="AA24431">
        <v>10</v>
      </c>
      <c r="AB24431">
        <v>10</v>
      </c>
      <c r="AC24431">
        <v>10</v>
      </c>
      <c r="AD24431">
        <v>10</v>
      </c>
      <c r="AE24431">
        <v>10</v>
      </c>
      <c r="AF24431">
        <v>11</v>
      </c>
      <c r="AG24431">
        <v>11</v>
      </c>
      <c r="AH24431">
        <v>11</v>
      </c>
      <c r="AI24431">
        <v>11</v>
      </c>
      <c r="AJ24431">
        <v>11</v>
      </c>
      <c r="AK24431">
        <v>11</v>
      </c>
      <c r="AL24431">
        <v>11</v>
      </c>
      <c r="AM24431">
        <v>11</v>
      </c>
      <c r="AN24431">
        <v>12</v>
      </c>
      <c r="AO24431">
        <v>12</v>
      </c>
      <c r="AP24431">
        <v>12</v>
      </c>
      <c r="AQ24431">
        <v>12</v>
      </c>
    </row>
    <row r="24432" spans="1:43">
      <c r="A24432" t="s">
        <v>15127</v>
      </c>
      <c r="B24432" t="s">
        <v>15128</v>
      </c>
      <c r="C24432" t="s">
        <v>15129</v>
      </c>
      <c r="D24432" t="s">
        <v>15130</v>
      </c>
      <c r="E24432" t="s">
        <v>15101</v>
      </c>
      <c r="F24432" t="s">
        <v>15102</v>
      </c>
      <c r="G24432" t="s">
        <v>10734</v>
      </c>
      <c r="H24432" t="s">
        <v>10735</v>
      </c>
      <c r="I24432" s="2">
        <v>1</v>
      </c>
      <c r="J24432" s="2">
        <v>0</v>
      </c>
      <c r="K24432" s="2">
        <v>0</v>
      </c>
      <c r="L24432" t="s">
        <v>120</v>
      </c>
      <c r="M24432" t="s">
        <v>89</v>
      </c>
      <c r="N24432" t="s">
        <v>90</v>
      </c>
      <c r="O24432" t="s">
        <v>85</v>
      </c>
      <c r="P24432" t="s">
        <v>86</v>
      </c>
      <c r="Q24432">
        <v>9</v>
      </c>
      <c r="R24432">
        <v>9</v>
      </c>
      <c r="S24432">
        <v>10</v>
      </c>
      <c r="T24432">
        <v>10</v>
      </c>
      <c r="U24432">
        <v>10</v>
      </c>
      <c r="V24432">
        <v>10</v>
      </c>
      <c r="W24432">
        <v>11</v>
      </c>
      <c r="X24432">
        <v>11</v>
      </c>
      <c r="Y24432">
        <v>11</v>
      </c>
      <c r="Z24432">
        <v>11</v>
      </c>
      <c r="AA24432">
        <v>12</v>
      </c>
      <c r="AB24432">
        <v>12</v>
      </c>
      <c r="AC24432">
        <v>12</v>
      </c>
      <c r="AD24432">
        <v>12</v>
      </c>
      <c r="AE24432">
        <v>13</v>
      </c>
      <c r="AF24432">
        <v>13</v>
      </c>
      <c r="AG24432">
        <v>13</v>
      </c>
      <c r="AH24432">
        <v>13</v>
      </c>
      <c r="AI24432">
        <v>13</v>
      </c>
      <c r="AJ24432">
        <v>13</v>
      </c>
      <c r="AK24432">
        <v>13</v>
      </c>
      <c r="AL24432">
        <v>13</v>
      </c>
      <c r="AM24432">
        <v>13</v>
      </c>
      <c r="AN24432">
        <v>14</v>
      </c>
      <c r="AO24432">
        <v>14</v>
      </c>
      <c r="AP24432">
        <v>14</v>
      </c>
      <c r="AQ24432">
        <v>14</v>
      </c>
    </row>
    <row r="24433" spans="1:43">
      <c r="A24433" t="s">
        <v>15127</v>
      </c>
      <c r="B24433" t="s">
        <v>15128</v>
      </c>
      <c r="C24433" t="s">
        <v>15129</v>
      </c>
      <c r="D24433" t="s">
        <v>15130</v>
      </c>
      <c r="E24433" t="s">
        <v>15101</v>
      </c>
      <c r="F24433" t="s">
        <v>15102</v>
      </c>
      <c r="G24433" t="s">
        <v>10734</v>
      </c>
      <c r="H24433" t="s">
        <v>10735</v>
      </c>
      <c r="I24433" s="2">
        <v>1</v>
      </c>
      <c r="J24433" s="2">
        <v>0</v>
      </c>
      <c r="K24433" s="2">
        <v>0</v>
      </c>
      <c r="L24433" t="s">
        <v>120</v>
      </c>
      <c r="M24433" t="s">
        <v>83</v>
      </c>
      <c r="N24433" t="s">
        <v>91</v>
      </c>
      <c r="O24433" t="s">
        <v>85</v>
      </c>
      <c r="P24433" t="s">
        <v>86</v>
      </c>
      <c r="Q24433">
        <v>9</v>
      </c>
      <c r="R24433">
        <v>9</v>
      </c>
      <c r="S24433">
        <v>9</v>
      </c>
      <c r="T24433">
        <v>10</v>
      </c>
      <c r="U24433">
        <v>10</v>
      </c>
      <c r="V24433">
        <v>10</v>
      </c>
      <c r="W24433">
        <v>10</v>
      </c>
      <c r="X24433">
        <v>10</v>
      </c>
      <c r="Y24433">
        <v>11</v>
      </c>
      <c r="Z24433">
        <v>11</v>
      </c>
      <c r="AA24433">
        <v>11</v>
      </c>
      <c r="AB24433">
        <v>11</v>
      </c>
      <c r="AC24433">
        <v>11</v>
      </c>
      <c r="AD24433">
        <v>12</v>
      </c>
      <c r="AE24433">
        <v>12</v>
      </c>
      <c r="AF24433">
        <v>12</v>
      </c>
      <c r="AG24433">
        <v>12</v>
      </c>
      <c r="AH24433">
        <v>12</v>
      </c>
      <c r="AI24433">
        <v>13</v>
      </c>
      <c r="AJ24433">
        <v>13</v>
      </c>
      <c r="AK24433">
        <v>13</v>
      </c>
      <c r="AL24433">
        <v>13</v>
      </c>
      <c r="AM24433">
        <v>13</v>
      </c>
      <c r="AN24433">
        <v>13</v>
      </c>
      <c r="AO24433">
        <v>14</v>
      </c>
      <c r="AP24433">
        <v>14</v>
      </c>
      <c r="AQ24433">
        <v>14</v>
      </c>
    </row>
    <row r="24434" spans="1:43">
      <c r="A24434" t="s">
        <v>15131</v>
      </c>
      <c r="B24434" t="s">
        <v>15132</v>
      </c>
      <c r="C24434" t="s">
        <v>15129</v>
      </c>
      <c r="D24434" t="s">
        <v>15130</v>
      </c>
      <c r="E24434" t="s">
        <v>15101</v>
      </c>
      <c r="F24434" t="s">
        <v>15102</v>
      </c>
      <c r="G24434" t="s">
        <v>10734</v>
      </c>
      <c r="H24434" t="s">
        <v>10735</v>
      </c>
      <c r="I24434" s="2">
        <v>1</v>
      </c>
      <c r="J24434" s="2">
        <v>0</v>
      </c>
      <c r="K24434" s="2">
        <v>0</v>
      </c>
      <c r="L24434" t="s">
        <v>120</v>
      </c>
      <c r="M24434" t="s">
        <v>83</v>
      </c>
      <c r="N24434" t="s">
        <v>84</v>
      </c>
      <c r="O24434" t="s">
        <v>85</v>
      </c>
      <c r="P24434" t="s">
        <v>86</v>
      </c>
      <c r="Q24434">
        <v>19</v>
      </c>
      <c r="R24434">
        <v>19</v>
      </c>
      <c r="S24434">
        <v>20</v>
      </c>
      <c r="T24434">
        <v>20</v>
      </c>
      <c r="U24434">
        <v>21</v>
      </c>
      <c r="V24434">
        <v>21</v>
      </c>
      <c r="W24434">
        <v>22</v>
      </c>
      <c r="X24434">
        <v>22</v>
      </c>
      <c r="Y24434">
        <v>22</v>
      </c>
      <c r="Z24434">
        <v>23</v>
      </c>
      <c r="AA24434">
        <v>23</v>
      </c>
      <c r="AB24434">
        <v>24</v>
      </c>
      <c r="AC24434">
        <v>24</v>
      </c>
      <c r="AD24434">
        <v>24</v>
      </c>
      <c r="AE24434">
        <v>25</v>
      </c>
      <c r="AF24434">
        <v>25</v>
      </c>
      <c r="AG24434">
        <v>26</v>
      </c>
      <c r="AH24434">
        <v>26</v>
      </c>
      <c r="AI24434">
        <v>27</v>
      </c>
      <c r="AJ24434">
        <v>27</v>
      </c>
      <c r="AK24434">
        <v>28</v>
      </c>
      <c r="AL24434">
        <v>28</v>
      </c>
      <c r="AM24434">
        <v>28</v>
      </c>
      <c r="AN24434">
        <v>28</v>
      </c>
      <c r="AO24434">
        <v>28</v>
      </c>
      <c r="AP24434">
        <v>29</v>
      </c>
      <c r="AQ24434">
        <v>29</v>
      </c>
    </row>
    <row r="24435" spans="1:43">
      <c r="A24435" t="s">
        <v>15131</v>
      </c>
      <c r="B24435" t="s">
        <v>15132</v>
      </c>
      <c r="C24435" t="s">
        <v>15129</v>
      </c>
      <c r="D24435" t="s">
        <v>15130</v>
      </c>
      <c r="E24435" t="s">
        <v>15101</v>
      </c>
      <c r="F24435" t="s">
        <v>15102</v>
      </c>
      <c r="G24435" t="s">
        <v>10734</v>
      </c>
      <c r="H24435" t="s">
        <v>10735</v>
      </c>
      <c r="I24435" s="2">
        <v>1</v>
      </c>
      <c r="J24435" s="2">
        <v>0</v>
      </c>
      <c r="K24435" s="2">
        <v>0</v>
      </c>
      <c r="L24435" t="s">
        <v>120</v>
      </c>
      <c r="M24435" t="s">
        <v>87</v>
      </c>
      <c r="N24435" t="s">
        <v>88</v>
      </c>
      <c r="O24435" t="s">
        <v>85</v>
      </c>
      <c r="P24435" t="s">
        <v>86</v>
      </c>
      <c r="Q24435">
        <v>19</v>
      </c>
      <c r="R24435">
        <v>19</v>
      </c>
      <c r="S24435">
        <v>19</v>
      </c>
      <c r="T24435">
        <v>20</v>
      </c>
      <c r="U24435">
        <v>20</v>
      </c>
      <c r="V24435">
        <v>20</v>
      </c>
      <c r="W24435">
        <v>20</v>
      </c>
      <c r="X24435">
        <v>20</v>
      </c>
      <c r="Y24435">
        <v>21</v>
      </c>
      <c r="Z24435">
        <v>21</v>
      </c>
      <c r="AA24435">
        <v>21</v>
      </c>
      <c r="AB24435">
        <v>21</v>
      </c>
      <c r="AC24435">
        <v>22</v>
      </c>
      <c r="AD24435">
        <v>22</v>
      </c>
      <c r="AE24435">
        <v>22</v>
      </c>
      <c r="AF24435">
        <v>22</v>
      </c>
      <c r="AG24435">
        <v>23</v>
      </c>
      <c r="AH24435">
        <v>23</v>
      </c>
      <c r="AI24435">
        <v>23</v>
      </c>
      <c r="AJ24435">
        <v>23</v>
      </c>
      <c r="AK24435">
        <v>24</v>
      </c>
      <c r="AL24435">
        <v>24</v>
      </c>
      <c r="AM24435">
        <v>24</v>
      </c>
      <c r="AN24435">
        <v>24</v>
      </c>
      <c r="AO24435">
        <v>25</v>
      </c>
      <c r="AP24435">
        <v>25</v>
      </c>
      <c r="AQ24435">
        <v>25</v>
      </c>
    </row>
    <row r="24436" spans="1:43">
      <c r="A24436" t="s">
        <v>15131</v>
      </c>
      <c r="B24436" t="s">
        <v>15132</v>
      </c>
      <c r="C24436" t="s">
        <v>15129</v>
      </c>
      <c r="D24436" t="s">
        <v>15130</v>
      </c>
      <c r="E24436" t="s">
        <v>15101</v>
      </c>
      <c r="F24436" t="s">
        <v>15102</v>
      </c>
      <c r="G24436" t="s">
        <v>10734</v>
      </c>
      <c r="H24436" t="s">
        <v>10735</v>
      </c>
      <c r="I24436" s="2">
        <v>1</v>
      </c>
      <c r="J24436" s="2">
        <v>0</v>
      </c>
      <c r="K24436" s="2">
        <v>0</v>
      </c>
      <c r="L24436" t="s">
        <v>120</v>
      </c>
      <c r="M24436" t="s">
        <v>89</v>
      </c>
      <c r="N24436" t="s">
        <v>90</v>
      </c>
      <c r="O24436" t="s">
        <v>85</v>
      </c>
      <c r="P24436" t="s">
        <v>86</v>
      </c>
      <c r="Q24436">
        <v>19</v>
      </c>
      <c r="R24436">
        <v>20</v>
      </c>
      <c r="S24436">
        <v>20</v>
      </c>
      <c r="T24436">
        <v>21</v>
      </c>
      <c r="U24436">
        <v>21</v>
      </c>
      <c r="V24436">
        <v>22</v>
      </c>
      <c r="W24436">
        <v>23</v>
      </c>
      <c r="X24436">
        <v>23</v>
      </c>
      <c r="Y24436">
        <v>24</v>
      </c>
      <c r="Z24436">
        <v>24</v>
      </c>
      <c r="AA24436">
        <v>25</v>
      </c>
      <c r="AB24436">
        <v>25</v>
      </c>
      <c r="AC24436">
        <v>26</v>
      </c>
      <c r="AD24436">
        <v>26</v>
      </c>
      <c r="AE24436">
        <v>27</v>
      </c>
      <c r="AF24436">
        <v>27</v>
      </c>
      <c r="AG24436">
        <v>27</v>
      </c>
      <c r="AH24436">
        <v>27</v>
      </c>
      <c r="AI24436">
        <v>27</v>
      </c>
      <c r="AJ24436">
        <v>28</v>
      </c>
      <c r="AK24436">
        <v>28</v>
      </c>
      <c r="AL24436">
        <v>28</v>
      </c>
      <c r="AM24436">
        <v>28</v>
      </c>
      <c r="AN24436">
        <v>29</v>
      </c>
      <c r="AO24436">
        <v>29</v>
      </c>
      <c r="AP24436">
        <v>29</v>
      </c>
      <c r="AQ24436">
        <v>29</v>
      </c>
    </row>
    <row r="24437" spans="1:43">
      <c r="A24437" t="s">
        <v>15131</v>
      </c>
      <c r="B24437" t="s">
        <v>15132</v>
      </c>
      <c r="C24437" t="s">
        <v>15129</v>
      </c>
      <c r="D24437" t="s">
        <v>15130</v>
      </c>
      <c r="E24437" t="s">
        <v>15101</v>
      </c>
      <c r="F24437" t="s">
        <v>15102</v>
      </c>
      <c r="G24437" t="s">
        <v>10734</v>
      </c>
      <c r="H24437" t="s">
        <v>10735</v>
      </c>
      <c r="I24437" s="2">
        <v>1</v>
      </c>
      <c r="J24437" s="2">
        <v>0</v>
      </c>
      <c r="K24437" s="2">
        <v>0</v>
      </c>
      <c r="L24437" t="s">
        <v>120</v>
      </c>
      <c r="M24437" t="s">
        <v>83</v>
      </c>
      <c r="N24437" t="s">
        <v>91</v>
      </c>
      <c r="O24437" t="s">
        <v>85</v>
      </c>
      <c r="P24437" t="s">
        <v>86</v>
      </c>
      <c r="Q24437">
        <v>19</v>
      </c>
      <c r="R24437">
        <v>19</v>
      </c>
      <c r="S24437">
        <v>20</v>
      </c>
      <c r="T24437">
        <v>20</v>
      </c>
      <c r="U24437">
        <v>21</v>
      </c>
      <c r="V24437">
        <v>21</v>
      </c>
      <c r="W24437">
        <v>22</v>
      </c>
      <c r="X24437">
        <v>22</v>
      </c>
      <c r="Y24437">
        <v>22</v>
      </c>
      <c r="Z24437">
        <v>23</v>
      </c>
      <c r="AA24437">
        <v>23</v>
      </c>
      <c r="AB24437">
        <v>24</v>
      </c>
      <c r="AC24437">
        <v>24</v>
      </c>
      <c r="AD24437">
        <v>24</v>
      </c>
      <c r="AE24437">
        <v>25</v>
      </c>
      <c r="AF24437">
        <v>25</v>
      </c>
      <c r="AG24437">
        <v>26</v>
      </c>
      <c r="AH24437">
        <v>26</v>
      </c>
      <c r="AI24437">
        <v>27</v>
      </c>
      <c r="AJ24437">
        <v>27</v>
      </c>
      <c r="AK24437">
        <v>28</v>
      </c>
      <c r="AL24437">
        <v>28</v>
      </c>
      <c r="AM24437">
        <v>28</v>
      </c>
      <c r="AN24437">
        <v>28</v>
      </c>
      <c r="AO24437">
        <v>28</v>
      </c>
      <c r="AP24437">
        <v>29</v>
      </c>
      <c r="AQ24437">
        <v>29</v>
      </c>
    </row>
    <row r="24438" spans="1:43">
      <c r="A24438" t="s">
        <v>15133</v>
      </c>
      <c r="B24438" t="s">
        <v>15134</v>
      </c>
      <c r="C24438" t="s">
        <v>15135</v>
      </c>
      <c r="D24438" t="s">
        <v>15136</v>
      </c>
      <c r="E24438" t="s">
        <v>15101</v>
      </c>
      <c r="F24438" t="s">
        <v>15102</v>
      </c>
      <c r="G24438" t="s">
        <v>10734</v>
      </c>
      <c r="H24438" t="s">
        <v>10735</v>
      </c>
      <c r="I24438" s="2">
        <v>1</v>
      </c>
      <c r="J24438" s="2">
        <v>0</v>
      </c>
      <c r="K24438" s="2">
        <v>0</v>
      </c>
      <c r="L24438" t="s">
        <v>120</v>
      </c>
      <c r="M24438" t="s">
        <v>83</v>
      </c>
      <c r="N24438" t="s">
        <v>84</v>
      </c>
      <c r="O24438" t="s">
        <v>85</v>
      </c>
      <c r="P24438" t="s">
        <v>86</v>
      </c>
      <c r="Q24438">
        <v>1</v>
      </c>
      <c r="R24438">
        <v>1</v>
      </c>
      <c r="S24438">
        <v>1</v>
      </c>
      <c r="T24438">
        <v>1</v>
      </c>
      <c r="U24438">
        <v>1</v>
      </c>
      <c r="V24438">
        <v>1</v>
      </c>
      <c r="W24438">
        <v>1</v>
      </c>
      <c r="X24438">
        <v>1</v>
      </c>
      <c r="Y24438">
        <v>2</v>
      </c>
      <c r="Z24438">
        <v>2</v>
      </c>
      <c r="AA24438">
        <v>2</v>
      </c>
      <c r="AB24438">
        <v>2</v>
      </c>
      <c r="AC24438">
        <v>2</v>
      </c>
      <c r="AD24438">
        <v>2</v>
      </c>
      <c r="AE24438">
        <v>2</v>
      </c>
      <c r="AF24438">
        <v>2</v>
      </c>
      <c r="AG24438">
        <v>2</v>
      </c>
      <c r="AH24438">
        <v>2</v>
      </c>
      <c r="AI24438">
        <v>2</v>
      </c>
      <c r="AJ24438">
        <v>2</v>
      </c>
      <c r="AK24438">
        <v>2</v>
      </c>
      <c r="AL24438">
        <v>2</v>
      </c>
      <c r="AM24438">
        <v>2</v>
      </c>
      <c r="AN24438">
        <v>2</v>
      </c>
      <c r="AO24438">
        <v>2</v>
      </c>
      <c r="AP24438">
        <v>2</v>
      </c>
      <c r="AQ24438">
        <v>2</v>
      </c>
    </row>
    <row r="24439" spans="1:43">
      <c r="A24439" t="s">
        <v>15133</v>
      </c>
      <c r="B24439" t="s">
        <v>15134</v>
      </c>
      <c r="C24439" t="s">
        <v>15135</v>
      </c>
      <c r="D24439" t="s">
        <v>15136</v>
      </c>
      <c r="E24439" t="s">
        <v>15101</v>
      </c>
      <c r="F24439" t="s">
        <v>15102</v>
      </c>
      <c r="G24439" t="s">
        <v>10734</v>
      </c>
      <c r="H24439" t="s">
        <v>10735</v>
      </c>
      <c r="I24439" s="2">
        <v>1</v>
      </c>
      <c r="J24439" s="2">
        <v>0</v>
      </c>
      <c r="K24439" s="2">
        <v>0</v>
      </c>
      <c r="L24439" t="s">
        <v>120</v>
      </c>
      <c r="M24439" t="s">
        <v>87</v>
      </c>
      <c r="N24439" t="s">
        <v>88</v>
      </c>
      <c r="O24439" t="s">
        <v>85</v>
      </c>
      <c r="P24439" t="s">
        <v>86</v>
      </c>
      <c r="Q24439">
        <v>1</v>
      </c>
      <c r="R24439">
        <v>1</v>
      </c>
      <c r="S24439">
        <v>1</v>
      </c>
      <c r="T24439">
        <v>1</v>
      </c>
      <c r="U24439">
        <v>1</v>
      </c>
      <c r="V24439">
        <v>1</v>
      </c>
      <c r="W24439">
        <v>1</v>
      </c>
      <c r="X24439">
        <v>1</v>
      </c>
      <c r="Y24439">
        <v>1</v>
      </c>
      <c r="Z24439">
        <v>1</v>
      </c>
      <c r="AA24439">
        <v>1</v>
      </c>
      <c r="AB24439">
        <v>1</v>
      </c>
      <c r="AC24439">
        <v>1</v>
      </c>
      <c r="AD24439">
        <v>1</v>
      </c>
      <c r="AE24439">
        <v>1</v>
      </c>
      <c r="AF24439">
        <v>2</v>
      </c>
      <c r="AG24439">
        <v>2</v>
      </c>
      <c r="AH24439">
        <v>2</v>
      </c>
      <c r="AI24439">
        <v>2</v>
      </c>
      <c r="AJ24439">
        <v>2</v>
      </c>
      <c r="AK24439">
        <v>2</v>
      </c>
      <c r="AL24439">
        <v>2</v>
      </c>
      <c r="AM24439">
        <v>2</v>
      </c>
      <c r="AN24439">
        <v>2</v>
      </c>
      <c r="AO24439">
        <v>2</v>
      </c>
      <c r="AP24439">
        <v>2</v>
      </c>
      <c r="AQ24439">
        <v>2</v>
      </c>
    </row>
    <row r="24440" spans="1:43">
      <c r="A24440" t="s">
        <v>15133</v>
      </c>
      <c r="B24440" t="s">
        <v>15134</v>
      </c>
      <c r="C24440" t="s">
        <v>15135</v>
      </c>
      <c r="D24440" t="s">
        <v>15136</v>
      </c>
      <c r="E24440" t="s">
        <v>15101</v>
      </c>
      <c r="F24440" t="s">
        <v>15102</v>
      </c>
      <c r="G24440" t="s">
        <v>10734</v>
      </c>
      <c r="H24440" t="s">
        <v>10735</v>
      </c>
      <c r="I24440" s="2">
        <v>1</v>
      </c>
      <c r="J24440" s="2">
        <v>0</v>
      </c>
      <c r="K24440" s="2">
        <v>0</v>
      </c>
      <c r="L24440" t="s">
        <v>120</v>
      </c>
      <c r="M24440" t="s">
        <v>89</v>
      </c>
      <c r="N24440" t="s">
        <v>90</v>
      </c>
      <c r="O24440" t="s">
        <v>85</v>
      </c>
      <c r="P24440" t="s">
        <v>86</v>
      </c>
      <c r="Q24440">
        <v>1</v>
      </c>
      <c r="R24440">
        <v>1</v>
      </c>
      <c r="S24440">
        <v>1</v>
      </c>
      <c r="T24440">
        <v>1</v>
      </c>
      <c r="U24440">
        <v>1</v>
      </c>
      <c r="V24440">
        <v>1</v>
      </c>
      <c r="W24440">
        <v>2</v>
      </c>
      <c r="X24440">
        <v>2</v>
      </c>
      <c r="Y24440">
        <v>2</v>
      </c>
      <c r="Z24440">
        <v>2</v>
      </c>
      <c r="AA24440">
        <v>2</v>
      </c>
      <c r="AB24440">
        <v>2</v>
      </c>
      <c r="AC24440">
        <v>2</v>
      </c>
      <c r="AD24440">
        <v>2</v>
      </c>
      <c r="AE24440">
        <v>2</v>
      </c>
      <c r="AF24440">
        <v>2</v>
      </c>
      <c r="AG24440">
        <v>2</v>
      </c>
      <c r="AH24440">
        <v>2</v>
      </c>
      <c r="AI24440">
        <v>2</v>
      </c>
      <c r="AJ24440">
        <v>2</v>
      </c>
      <c r="AK24440">
        <v>2</v>
      </c>
      <c r="AL24440">
        <v>2</v>
      </c>
      <c r="AM24440">
        <v>2</v>
      </c>
      <c r="AN24440">
        <v>2</v>
      </c>
      <c r="AO24440">
        <v>2</v>
      </c>
      <c r="AP24440">
        <v>2</v>
      </c>
      <c r="AQ24440">
        <v>2</v>
      </c>
    </row>
    <row r="24441" spans="1:43">
      <c r="A24441" t="s">
        <v>15133</v>
      </c>
      <c r="B24441" t="s">
        <v>15134</v>
      </c>
      <c r="C24441" t="s">
        <v>15135</v>
      </c>
      <c r="D24441" t="s">
        <v>15136</v>
      </c>
      <c r="E24441" t="s">
        <v>15101</v>
      </c>
      <c r="F24441" t="s">
        <v>15102</v>
      </c>
      <c r="G24441" t="s">
        <v>10734</v>
      </c>
      <c r="H24441" t="s">
        <v>10735</v>
      </c>
      <c r="I24441" s="2">
        <v>1</v>
      </c>
      <c r="J24441" s="2">
        <v>0</v>
      </c>
      <c r="K24441" s="2">
        <v>0</v>
      </c>
      <c r="L24441" t="s">
        <v>120</v>
      </c>
      <c r="M24441" t="s">
        <v>83</v>
      </c>
      <c r="N24441" t="s">
        <v>91</v>
      </c>
      <c r="O24441" t="s">
        <v>85</v>
      </c>
      <c r="P24441" t="s">
        <v>86</v>
      </c>
      <c r="Q24441">
        <v>1</v>
      </c>
      <c r="R24441">
        <v>1</v>
      </c>
      <c r="S24441">
        <v>1</v>
      </c>
      <c r="T24441">
        <v>1</v>
      </c>
      <c r="U24441">
        <v>1</v>
      </c>
      <c r="V24441">
        <v>1</v>
      </c>
      <c r="W24441">
        <v>1</v>
      </c>
      <c r="X24441">
        <v>1</v>
      </c>
      <c r="Y24441">
        <v>2</v>
      </c>
      <c r="Z24441">
        <v>2</v>
      </c>
      <c r="AA24441">
        <v>2</v>
      </c>
      <c r="AB24441">
        <v>2</v>
      </c>
      <c r="AC24441">
        <v>2</v>
      </c>
      <c r="AD24441">
        <v>2</v>
      </c>
      <c r="AE24441">
        <v>2</v>
      </c>
      <c r="AF24441">
        <v>2</v>
      </c>
      <c r="AG24441">
        <v>2</v>
      </c>
      <c r="AH24441">
        <v>2</v>
      </c>
      <c r="AI24441">
        <v>2</v>
      </c>
      <c r="AJ24441">
        <v>2</v>
      </c>
      <c r="AK24441">
        <v>2</v>
      </c>
      <c r="AL24441">
        <v>2</v>
      </c>
      <c r="AM24441">
        <v>2</v>
      </c>
      <c r="AN24441">
        <v>2</v>
      </c>
      <c r="AO24441">
        <v>2</v>
      </c>
      <c r="AP24441">
        <v>2</v>
      </c>
      <c r="AQ24441">
        <v>2</v>
      </c>
    </row>
    <row r="24442" spans="1:43">
      <c r="A24442" t="s">
        <v>15137</v>
      </c>
      <c r="B24442" t="s">
        <v>15138</v>
      </c>
      <c r="C24442" t="s">
        <v>15129</v>
      </c>
      <c r="D24442" t="s">
        <v>15130</v>
      </c>
      <c r="E24442" t="s">
        <v>15101</v>
      </c>
      <c r="F24442" t="s">
        <v>15102</v>
      </c>
      <c r="G24442" t="s">
        <v>10734</v>
      </c>
      <c r="H24442" t="s">
        <v>10735</v>
      </c>
      <c r="I24442" s="2">
        <v>1</v>
      </c>
      <c r="J24442" s="2">
        <v>0</v>
      </c>
      <c r="K24442" s="2">
        <v>0</v>
      </c>
      <c r="L24442" t="s">
        <v>120</v>
      </c>
      <c r="M24442" t="s">
        <v>83</v>
      </c>
      <c r="N24442" t="s">
        <v>84</v>
      </c>
      <c r="O24442" t="s">
        <v>85</v>
      </c>
      <c r="P24442" t="s">
        <v>86</v>
      </c>
      <c r="Q24442">
        <v>7</v>
      </c>
      <c r="R24442">
        <v>7</v>
      </c>
      <c r="S24442">
        <v>7</v>
      </c>
      <c r="T24442">
        <v>7</v>
      </c>
      <c r="U24442">
        <v>7</v>
      </c>
      <c r="V24442">
        <v>8</v>
      </c>
      <c r="W24442">
        <v>8</v>
      </c>
      <c r="X24442">
        <v>8</v>
      </c>
      <c r="Y24442">
        <v>8</v>
      </c>
      <c r="Z24442">
        <v>8</v>
      </c>
      <c r="AA24442">
        <v>8</v>
      </c>
      <c r="AB24442">
        <v>9</v>
      </c>
      <c r="AC24442">
        <v>9</v>
      </c>
      <c r="AD24442">
        <v>9</v>
      </c>
      <c r="AE24442">
        <v>9</v>
      </c>
      <c r="AF24442">
        <v>9</v>
      </c>
      <c r="AG24442">
        <v>9</v>
      </c>
      <c r="AH24442">
        <v>10</v>
      </c>
      <c r="AI24442">
        <v>10</v>
      </c>
      <c r="AJ24442">
        <v>10</v>
      </c>
      <c r="AK24442">
        <v>10</v>
      </c>
      <c r="AL24442">
        <v>10</v>
      </c>
      <c r="AM24442">
        <v>10</v>
      </c>
      <c r="AN24442">
        <v>10</v>
      </c>
      <c r="AO24442">
        <v>10</v>
      </c>
      <c r="AP24442">
        <v>10</v>
      </c>
      <c r="AQ24442">
        <v>11</v>
      </c>
    </row>
    <row r="24443" spans="1:43">
      <c r="A24443" t="s">
        <v>15137</v>
      </c>
      <c r="B24443" t="s">
        <v>15138</v>
      </c>
      <c r="C24443" t="s">
        <v>15129</v>
      </c>
      <c r="D24443" t="s">
        <v>15130</v>
      </c>
      <c r="E24443" t="s">
        <v>15101</v>
      </c>
      <c r="F24443" t="s">
        <v>15102</v>
      </c>
      <c r="G24443" t="s">
        <v>10734</v>
      </c>
      <c r="H24443" t="s">
        <v>10735</v>
      </c>
      <c r="I24443" s="2">
        <v>1</v>
      </c>
      <c r="J24443" s="2">
        <v>0</v>
      </c>
      <c r="K24443" s="2">
        <v>0</v>
      </c>
      <c r="L24443" t="s">
        <v>120</v>
      </c>
      <c r="M24443" t="s">
        <v>87</v>
      </c>
      <c r="N24443" t="s">
        <v>88</v>
      </c>
      <c r="O24443" t="s">
        <v>85</v>
      </c>
      <c r="P24443" t="s">
        <v>86</v>
      </c>
      <c r="Q24443">
        <v>7</v>
      </c>
      <c r="R24443">
        <v>7</v>
      </c>
      <c r="S24443">
        <v>7</v>
      </c>
      <c r="T24443">
        <v>7</v>
      </c>
      <c r="U24443">
        <v>7</v>
      </c>
      <c r="V24443">
        <v>7</v>
      </c>
      <c r="W24443">
        <v>7</v>
      </c>
      <c r="X24443">
        <v>7</v>
      </c>
      <c r="Y24443">
        <v>8</v>
      </c>
      <c r="Z24443">
        <v>8</v>
      </c>
      <c r="AA24443">
        <v>8</v>
      </c>
      <c r="AB24443">
        <v>8</v>
      </c>
      <c r="AC24443">
        <v>8</v>
      </c>
      <c r="AD24443">
        <v>8</v>
      </c>
      <c r="AE24443">
        <v>8</v>
      </c>
      <c r="AF24443">
        <v>8</v>
      </c>
      <c r="AG24443">
        <v>8</v>
      </c>
      <c r="AH24443">
        <v>8</v>
      </c>
      <c r="AI24443">
        <v>8</v>
      </c>
      <c r="AJ24443">
        <v>9</v>
      </c>
      <c r="AK24443">
        <v>9</v>
      </c>
      <c r="AL24443">
        <v>9</v>
      </c>
      <c r="AM24443">
        <v>9</v>
      </c>
      <c r="AN24443">
        <v>9</v>
      </c>
      <c r="AO24443">
        <v>9</v>
      </c>
      <c r="AP24443">
        <v>9</v>
      </c>
      <c r="AQ24443">
        <v>9</v>
      </c>
    </row>
    <row r="24444" spans="1:43">
      <c r="A24444" t="s">
        <v>15137</v>
      </c>
      <c r="B24444" t="s">
        <v>15138</v>
      </c>
      <c r="C24444" t="s">
        <v>15129</v>
      </c>
      <c r="D24444" t="s">
        <v>15130</v>
      </c>
      <c r="E24444" t="s">
        <v>15101</v>
      </c>
      <c r="F24444" t="s">
        <v>15102</v>
      </c>
      <c r="G24444" t="s">
        <v>10734</v>
      </c>
      <c r="H24444" t="s">
        <v>10735</v>
      </c>
      <c r="I24444" s="2">
        <v>1</v>
      </c>
      <c r="J24444" s="2">
        <v>0</v>
      </c>
      <c r="K24444" s="2">
        <v>0</v>
      </c>
      <c r="L24444" t="s">
        <v>120</v>
      </c>
      <c r="M24444" t="s">
        <v>89</v>
      </c>
      <c r="N24444" t="s">
        <v>90</v>
      </c>
      <c r="O24444" t="s">
        <v>85</v>
      </c>
      <c r="P24444" t="s">
        <v>86</v>
      </c>
      <c r="Q24444">
        <v>7</v>
      </c>
      <c r="R24444">
        <v>7</v>
      </c>
      <c r="S24444">
        <v>7</v>
      </c>
      <c r="T24444">
        <v>8</v>
      </c>
      <c r="U24444">
        <v>8</v>
      </c>
      <c r="V24444">
        <v>8</v>
      </c>
      <c r="W24444">
        <v>8</v>
      </c>
      <c r="X24444">
        <v>8</v>
      </c>
      <c r="Y24444">
        <v>9</v>
      </c>
      <c r="Z24444">
        <v>9</v>
      </c>
      <c r="AA24444">
        <v>9</v>
      </c>
      <c r="AB24444">
        <v>9</v>
      </c>
      <c r="AC24444">
        <v>9</v>
      </c>
      <c r="AD24444">
        <v>10</v>
      </c>
      <c r="AE24444">
        <v>10</v>
      </c>
      <c r="AF24444">
        <v>10</v>
      </c>
      <c r="AG24444">
        <v>10</v>
      </c>
      <c r="AH24444">
        <v>10</v>
      </c>
      <c r="AI24444">
        <v>10</v>
      </c>
      <c r="AJ24444">
        <v>10</v>
      </c>
      <c r="AK24444">
        <v>10</v>
      </c>
      <c r="AL24444">
        <v>10</v>
      </c>
      <c r="AM24444">
        <v>10</v>
      </c>
      <c r="AN24444">
        <v>10</v>
      </c>
      <c r="AO24444">
        <v>10</v>
      </c>
      <c r="AP24444">
        <v>11</v>
      </c>
      <c r="AQ24444">
        <v>11</v>
      </c>
    </row>
    <row r="24445" spans="1:43">
      <c r="A24445" t="s">
        <v>15137</v>
      </c>
      <c r="B24445" t="s">
        <v>15138</v>
      </c>
      <c r="C24445" t="s">
        <v>15129</v>
      </c>
      <c r="D24445" t="s">
        <v>15130</v>
      </c>
      <c r="E24445" t="s">
        <v>15101</v>
      </c>
      <c r="F24445" t="s">
        <v>15102</v>
      </c>
      <c r="G24445" t="s">
        <v>10734</v>
      </c>
      <c r="H24445" t="s">
        <v>10735</v>
      </c>
      <c r="I24445" s="2">
        <v>1</v>
      </c>
      <c r="J24445" s="2">
        <v>0</v>
      </c>
      <c r="K24445" s="2">
        <v>0</v>
      </c>
      <c r="L24445" t="s">
        <v>120</v>
      </c>
      <c r="M24445" t="s">
        <v>83</v>
      </c>
      <c r="N24445" t="s">
        <v>91</v>
      </c>
      <c r="O24445" t="s">
        <v>85</v>
      </c>
      <c r="P24445" t="s">
        <v>86</v>
      </c>
      <c r="Q24445">
        <v>7</v>
      </c>
      <c r="R24445">
        <v>7</v>
      </c>
      <c r="S24445">
        <v>7</v>
      </c>
      <c r="T24445">
        <v>7</v>
      </c>
      <c r="U24445">
        <v>7</v>
      </c>
      <c r="V24445">
        <v>8</v>
      </c>
      <c r="W24445">
        <v>8</v>
      </c>
      <c r="X24445">
        <v>8</v>
      </c>
      <c r="Y24445">
        <v>8</v>
      </c>
      <c r="Z24445">
        <v>8</v>
      </c>
      <c r="AA24445">
        <v>8</v>
      </c>
      <c r="AB24445">
        <v>9</v>
      </c>
      <c r="AC24445">
        <v>9</v>
      </c>
      <c r="AD24445">
        <v>9</v>
      </c>
      <c r="AE24445">
        <v>9</v>
      </c>
      <c r="AF24445">
        <v>9</v>
      </c>
      <c r="AG24445">
        <v>9</v>
      </c>
      <c r="AH24445">
        <v>10</v>
      </c>
      <c r="AI24445">
        <v>10</v>
      </c>
      <c r="AJ24445">
        <v>10</v>
      </c>
      <c r="AK24445">
        <v>10</v>
      </c>
      <c r="AL24445">
        <v>10</v>
      </c>
      <c r="AM24445">
        <v>10</v>
      </c>
      <c r="AN24445">
        <v>10</v>
      </c>
      <c r="AO24445">
        <v>10</v>
      </c>
      <c r="AP24445">
        <v>10</v>
      </c>
      <c r="AQ24445">
        <v>11</v>
      </c>
    </row>
    <row r="24446" spans="1:43">
      <c r="A24446" t="s">
        <v>15139</v>
      </c>
      <c r="B24446" t="s">
        <v>15140</v>
      </c>
      <c r="C24446" t="s">
        <v>15141</v>
      </c>
      <c r="D24446" t="s">
        <v>15142</v>
      </c>
      <c r="E24446" t="s">
        <v>15101</v>
      </c>
      <c r="F24446" t="s">
        <v>15102</v>
      </c>
      <c r="G24446" t="s">
        <v>10734</v>
      </c>
      <c r="H24446" t="s">
        <v>10735</v>
      </c>
      <c r="I24446" s="2">
        <v>1</v>
      </c>
      <c r="J24446" s="2">
        <v>0</v>
      </c>
      <c r="K24446" s="2">
        <v>0</v>
      </c>
      <c r="L24446" t="s">
        <v>120</v>
      </c>
      <c r="M24446" t="s">
        <v>83</v>
      </c>
      <c r="N24446" t="s">
        <v>84</v>
      </c>
      <c r="O24446" t="s">
        <v>85</v>
      </c>
      <c r="P24446" t="s">
        <v>86</v>
      </c>
      <c r="Q24446">
        <v>15</v>
      </c>
      <c r="R24446">
        <v>15</v>
      </c>
      <c r="S24446">
        <v>16</v>
      </c>
      <c r="T24446">
        <v>16</v>
      </c>
      <c r="U24446">
        <v>16</v>
      </c>
      <c r="V24446">
        <v>17</v>
      </c>
      <c r="W24446">
        <v>17</v>
      </c>
      <c r="X24446">
        <v>17</v>
      </c>
      <c r="Y24446">
        <v>18</v>
      </c>
      <c r="Z24446">
        <v>18</v>
      </c>
      <c r="AA24446">
        <v>18</v>
      </c>
      <c r="AB24446">
        <v>19</v>
      </c>
      <c r="AC24446">
        <v>19</v>
      </c>
      <c r="AD24446">
        <v>19</v>
      </c>
      <c r="AE24446">
        <v>20</v>
      </c>
      <c r="AF24446">
        <v>20</v>
      </c>
      <c r="AG24446">
        <v>20</v>
      </c>
      <c r="AH24446">
        <v>21</v>
      </c>
      <c r="AI24446">
        <v>21</v>
      </c>
      <c r="AJ24446">
        <v>22</v>
      </c>
      <c r="AK24446">
        <v>22</v>
      </c>
      <c r="AL24446">
        <v>22</v>
      </c>
      <c r="AM24446">
        <v>22</v>
      </c>
      <c r="AN24446">
        <v>23</v>
      </c>
      <c r="AO24446">
        <v>23</v>
      </c>
      <c r="AP24446">
        <v>23</v>
      </c>
      <c r="AQ24446">
        <v>23</v>
      </c>
    </row>
    <row r="24447" spans="1:43">
      <c r="A24447" t="s">
        <v>15139</v>
      </c>
      <c r="B24447" t="s">
        <v>15140</v>
      </c>
      <c r="C24447" t="s">
        <v>15141</v>
      </c>
      <c r="D24447" t="s">
        <v>15142</v>
      </c>
      <c r="E24447" t="s">
        <v>15101</v>
      </c>
      <c r="F24447" t="s">
        <v>15102</v>
      </c>
      <c r="G24447" t="s">
        <v>10734</v>
      </c>
      <c r="H24447" t="s">
        <v>10735</v>
      </c>
      <c r="I24447" s="2">
        <v>1</v>
      </c>
      <c r="J24447" s="2">
        <v>0</v>
      </c>
      <c r="K24447" s="2">
        <v>0</v>
      </c>
      <c r="L24447" t="s">
        <v>120</v>
      </c>
      <c r="M24447" t="s">
        <v>87</v>
      </c>
      <c r="N24447" t="s">
        <v>88</v>
      </c>
      <c r="O24447" t="s">
        <v>85</v>
      </c>
      <c r="P24447" t="s">
        <v>86</v>
      </c>
      <c r="Q24447">
        <v>15</v>
      </c>
      <c r="R24447">
        <v>15</v>
      </c>
      <c r="S24447">
        <v>15</v>
      </c>
      <c r="T24447">
        <v>15</v>
      </c>
      <c r="U24447">
        <v>16</v>
      </c>
      <c r="V24447">
        <v>16</v>
      </c>
      <c r="W24447">
        <v>16</v>
      </c>
      <c r="X24447">
        <v>16</v>
      </c>
      <c r="Y24447">
        <v>16</v>
      </c>
      <c r="Z24447">
        <v>17</v>
      </c>
      <c r="AA24447">
        <v>17</v>
      </c>
      <c r="AB24447">
        <v>17</v>
      </c>
      <c r="AC24447">
        <v>17</v>
      </c>
      <c r="AD24447">
        <v>17</v>
      </c>
      <c r="AE24447">
        <v>17</v>
      </c>
      <c r="AF24447">
        <v>18</v>
      </c>
      <c r="AG24447">
        <v>18</v>
      </c>
      <c r="AH24447">
        <v>18</v>
      </c>
      <c r="AI24447">
        <v>18</v>
      </c>
      <c r="AJ24447">
        <v>18</v>
      </c>
      <c r="AK24447">
        <v>19</v>
      </c>
      <c r="AL24447">
        <v>19</v>
      </c>
      <c r="AM24447">
        <v>19</v>
      </c>
      <c r="AN24447">
        <v>19</v>
      </c>
      <c r="AO24447">
        <v>19</v>
      </c>
      <c r="AP24447">
        <v>20</v>
      </c>
      <c r="AQ24447">
        <v>20</v>
      </c>
    </row>
    <row r="24448" spans="1:43">
      <c r="A24448" t="s">
        <v>15139</v>
      </c>
      <c r="B24448" t="s">
        <v>15140</v>
      </c>
      <c r="C24448" t="s">
        <v>15141</v>
      </c>
      <c r="D24448" t="s">
        <v>15142</v>
      </c>
      <c r="E24448" t="s">
        <v>15101</v>
      </c>
      <c r="F24448" t="s">
        <v>15102</v>
      </c>
      <c r="G24448" t="s">
        <v>10734</v>
      </c>
      <c r="H24448" t="s">
        <v>10735</v>
      </c>
      <c r="I24448" s="2">
        <v>1</v>
      </c>
      <c r="J24448" s="2">
        <v>0</v>
      </c>
      <c r="K24448" s="2">
        <v>0</v>
      </c>
      <c r="L24448" t="s">
        <v>120</v>
      </c>
      <c r="M24448" t="s">
        <v>89</v>
      </c>
      <c r="N24448" t="s">
        <v>90</v>
      </c>
      <c r="O24448" t="s">
        <v>85</v>
      </c>
      <c r="P24448" t="s">
        <v>86</v>
      </c>
      <c r="Q24448">
        <v>15</v>
      </c>
      <c r="R24448">
        <v>16</v>
      </c>
      <c r="S24448">
        <v>16</v>
      </c>
      <c r="T24448">
        <v>17</v>
      </c>
      <c r="U24448">
        <v>17</v>
      </c>
      <c r="V24448">
        <v>17</v>
      </c>
      <c r="W24448">
        <v>18</v>
      </c>
      <c r="X24448">
        <v>18</v>
      </c>
      <c r="Y24448">
        <v>19</v>
      </c>
      <c r="Z24448">
        <v>19</v>
      </c>
      <c r="AA24448">
        <v>20</v>
      </c>
      <c r="AB24448">
        <v>20</v>
      </c>
      <c r="AC24448">
        <v>20</v>
      </c>
      <c r="AD24448">
        <v>21</v>
      </c>
      <c r="AE24448">
        <v>21</v>
      </c>
      <c r="AF24448">
        <v>21</v>
      </c>
      <c r="AG24448">
        <v>22</v>
      </c>
      <c r="AH24448">
        <v>22</v>
      </c>
      <c r="AI24448">
        <v>22</v>
      </c>
      <c r="AJ24448">
        <v>22</v>
      </c>
      <c r="AK24448">
        <v>22</v>
      </c>
      <c r="AL24448">
        <v>23</v>
      </c>
      <c r="AM24448">
        <v>23</v>
      </c>
      <c r="AN24448">
        <v>23</v>
      </c>
      <c r="AO24448">
        <v>23</v>
      </c>
      <c r="AP24448">
        <v>23</v>
      </c>
      <c r="AQ24448">
        <v>23</v>
      </c>
    </row>
    <row r="24449" spans="1:43">
      <c r="A24449" t="s">
        <v>15139</v>
      </c>
      <c r="B24449" t="s">
        <v>15140</v>
      </c>
      <c r="C24449" t="s">
        <v>15141</v>
      </c>
      <c r="D24449" t="s">
        <v>15142</v>
      </c>
      <c r="E24449" t="s">
        <v>15101</v>
      </c>
      <c r="F24449" t="s">
        <v>15102</v>
      </c>
      <c r="G24449" t="s">
        <v>10734</v>
      </c>
      <c r="H24449" t="s">
        <v>10735</v>
      </c>
      <c r="I24449" s="2">
        <v>1</v>
      </c>
      <c r="J24449" s="2">
        <v>0</v>
      </c>
      <c r="K24449" s="2">
        <v>0</v>
      </c>
      <c r="L24449" t="s">
        <v>120</v>
      </c>
      <c r="M24449" t="s">
        <v>83</v>
      </c>
      <c r="N24449" t="s">
        <v>91</v>
      </c>
      <c r="O24449" t="s">
        <v>85</v>
      </c>
      <c r="P24449" t="s">
        <v>86</v>
      </c>
      <c r="Q24449">
        <v>15</v>
      </c>
      <c r="R24449">
        <v>15</v>
      </c>
      <c r="S24449">
        <v>16</v>
      </c>
      <c r="T24449">
        <v>16</v>
      </c>
      <c r="U24449">
        <v>16</v>
      </c>
      <c r="V24449">
        <v>17</v>
      </c>
      <c r="W24449">
        <v>17</v>
      </c>
      <c r="X24449">
        <v>17</v>
      </c>
      <c r="Y24449">
        <v>18</v>
      </c>
      <c r="Z24449">
        <v>18</v>
      </c>
      <c r="AA24449">
        <v>18</v>
      </c>
      <c r="AB24449">
        <v>19</v>
      </c>
      <c r="AC24449">
        <v>19</v>
      </c>
      <c r="AD24449">
        <v>19</v>
      </c>
      <c r="AE24449">
        <v>20</v>
      </c>
      <c r="AF24449">
        <v>20</v>
      </c>
      <c r="AG24449">
        <v>20</v>
      </c>
      <c r="AH24449">
        <v>21</v>
      </c>
      <c r="AI24449">
        <v>21</v>
      </c>
      <c r="AJ24449">
        <v>22</v>
      </c>
      <c r="AK24449">
        <v>22</v>
      </c>
      <c r="AL24449">
        <v>22</v>
      </c>
      <c r="AM24449">
        <v>22</v>
      </c>
      <c r="AN24449">
        <v>23</v>
      </c>
      <c r="AO24449">
        <v>23</v>
      </c>
      <c r="AP24449">
        <v>23</v>
      </c>
      <c r="AQ24449">
        <v>23</v>
      </c>
    </row>
    <row r="24450" spans="1:43">
      <c r="A24450" t="s">
        <v>15143</v>
      </c>
      <c r="B24450" t="s">
        <v>15144</v>
      </c>
      <c r="C24450" t="s">
        <v>15141</v>
      </c>
      <c r="D24450" t="s">
        <v>15142</v>
      </c>
      <c r="E24450" t="s">
        <v>15101</v>
      </c>
      <c r="F24450" t="s">
        <v>15102</v>
      </c>
      <c r="G24450" t="s">
        <v>10734</v>
      </c>
      <c r="H24450" t="s">
        <v>10735</v>
      </c>
      <c r="I24450" s="2">
        <v>1</v>
      </c>
      <c r="J24450" s="2">
        <v>0</v>
      </c>
      <c r="K24450" s="2">
        <v>0</v>
      </c>
      <c r="L24450" t="s">
        <v>120</v>
      </c>
      <c r="M24450" t="s">
        <v>83</v>
      </c>
      <c r="N24450" t="s">
        <v>84</v>
      </c>
      <c r="O24450" t="s">
        <v>85</v>
      </c>
      <c r="P24450" t="s">
        <v>86</v>
      </c>
      <c r="Q24450">
        <v>13</v>
      </c>
      <c r="R24450">
        <v>14</v>
      </c>
      <c r="S24450">
        <v>14</v>
      </c>
      <c r="T24450">
        <v>14</v>
      </c>
      <c r="U24450">
        <v>15</v>
      </c>
      <c r="V24450">
        <v>15</v>
      </c>
      <c r="W24450">
        <v>15</v>
      </c>
      <c r="X24450">
        <v>15</v>
      </c>
      <c r="Y24450">
        <v>16</v>
      </c>
      <c r="Z24450">
        <v>16</v>
      </c>
      <c r="AA24450">
        <v>16</v>
      </c>
      <c r="AB24450">
        <v>17</v>
      </c>
      <c r="AC24450">
        <v>17</v>
      </c>
      <c r="AD24450">
        <v>17</v>
      </c>
      <c r="AE24450">
        <v>18</v>
      </c>
      <c r="AF24450">
        <v>18</v>
      </c>
      <c r="AG24450">
        <v>18</v>
      </c>
      <c r="AH24450">
        <v>19</v>
      </c>
      <c r="AI24450">
        <v>19</v>
      </c>
      <c r="AJ24450">
        <v>19</v>
      </c>
      <c r="AK24450">
        <v>20</v>
      </c>
      <c r="AL24450">
        <v>20</v>
      </c>
      <c r="AM24450">
        <v>20</v>
      </c>
      <c r="AN24450">
        <v>20</v>
      </c>
      <c r="AO24450">
        <v>20</v>
      </c>
      <c r="AP24450">
        <v>20</v>
      </c>
      <c r="AQ24450">
        <v>21</v>
      </c>
    </row>
    <row r="24451" spans="1:43">
      <c r="A24451" t="s">
        <v>15143</v>
      </c>
      <c r="B24451" t="s">
        <v>15144</v>
      </c>
      <c r="C24451" t="s">
        <v>15141</v>
      </c>
      <c r="D24451" t="s">
        <v>15142</v>
      </c>
      <c r="E24451" t="s">
        <v>15101</v>
      </c>
      <c r="F24451" t="s">
        <v>15102</v>
      </c>
      <c r="G24451" t="s">
        <v>10734</v>
      </c>
      <c r="H24451" t="s">
        <v>10735</v>
      </c>
      <c r="I24451" s="2">
        <v>1</v>
      </c>
      <c r="J24451" s="2">
        <v>0</v>
      </c>
      <c r="K24451" s="2">
        <v>0</v>
      </c>
      <c r="L24451" t="s">
        <v>120</v>
      </c>
      <c r="M24451" t="s">
        <v>87</v>
      </c>
      <c r="N24451" t="s">
        <v>88</v>
      </c>
      <c r="O24451" t="s">
        <v>85</v>
      </c>
      <c r="P24451" t="s">
        <v>86</v>
      </c>
      <c r="Q24451">
        <v>13</v>
      </c>
      <c r="R24451">
        <v>13</v>
      </c>
      <c r="S24451">
        <v>14</v>
      </c>
      <c r="T24451">
        <v>14</v>
      </c>
      <c r="U24451">
        <v>14</v>
      </c>
      <c r="V24451">
        <v>14</v>
      </c>
      <c r="W24451">
        <v>14</v>
      </c>
      <c r="X24451">
        <v>14</v>
      </c>
      <c r="Y24451">
        <v>15</v>
      </c>
      <c r="Z24451">
        <v>15</v>
      </c>
      <c r="AA24451">
        <v>15</v>
      </c>
      <c r="AB24451">
        <v>15</v>
      </c>
      <c r="AC24451">
        <v>15</v>
      </c>
      <c r="AD24451">
        <v>15</v>
      </c>
      <c r="AE24451">
        <v>16</v>
      </c>
      <c r="AF24451">
        <v>16</v>
      </c>
      <c r="AG24451">
        <v>16</v>
      </c>
      <c r="AH24451">
        <v>16</v>
      </c>
      <c r="AI24451">
        <v>16</v>
      </c>
      <c r="AJ24451">
        <v>17</v>
      </c>
      <c r="AK24451">
        <v>17</v>
      </c>
      <c r="AL24451">
        <v>17</v>
      </c>
      <c r="AM24451">
        <v>17</v>
      </c>
      <c r="AN24451">
        <v>17</v>
      </c>
      <c r="AO24451">
        <v>17</v>
      </c>
      <c r="AP24451">
        <v>18</v>
      </c>
      <c r="AQ24451">
        <v>18</v>
      </c>
    </row>
    <row r="24452" spans="1:43">
      <c r="A24452" t="s">
        <v>15143</v>
      </c>
      <c r="B24452" t="s">
        <v>15144</v>
      </c>
      <c r="C24452" t="s">
        <v>15141</v>
      </c>
      <c r="D24452" t="s">
        <v>15142</v>
      </c>
      <c r="E24452" t="s">
        <v>15101</v>
      </c>
      <c r="F24452" t="s">
        <v>15102</v>
      </c>
      <c r="G24452" t="s">
        <v>10734</v>
      </c>
      <c r="H24452" t="s">
        <v>10735</v>
      </c>
      <c r="I24452" s="2">
        <v>1</v>
      </c>
      <c r="J24452" s="2">
        <v>0</v>
      </c>
      <c r="K24452" s="2">
        <v>0</v>
      </c>
      <c r="L24452" t="s">
        <v>120</v>
      </c>
      <c r="M24452" t="s">
        <v>89</v>
      </c>
      <c r="N24452" t="s">
        <v>90</v>
      </c>
      <c r="O24452" t="s">
        <v>85</v>
      </c>
      <c r="P24452" t="s">
        <v>86</v>
      </c>
      <c r="Q24452">
        <v>13</v>
      </c>
      <c r="R24452">
        <v>14</v>
      </c>
      <c r="S24452">
        <v>14</v>
      </c>
      <c r="T24452">
        <v>15</v>
      </c>
      <c r="U24452">
        <v>15</v>
      </c>
      <c r="V24452">
        <v>15</v>
      </c>
      <c r="W24452">
        <v>16</v>
      </c>
      <c r="X24452">
        <v>16</v>
      </c>
      <c r="Y24452">
        <v>17</v>
      </c>
      <c r="Z24452">
        <v>17</v>
      </c>
      <c r="AA24452">
        <v>17</v>
      </c>
      <c r="AB24452">
        <v>18</v>
      </c>
      <c r="AC24452">
        <v>18</v>
      </c>
      <c r="AD24452">
        <v>19</v>
      </c>
      <c r="AE24452">
        <v>19</v>
      </c>
      <c r="AF24452">
        <v>19</v>
      </c>
      <c r="AG24452">
        <v>19</v>
      </c>
      <c r="AH24452">
        <v>19</v>
      </c>
      <c r="AI24452">
        <v>20</v>
      </c>
      <c r="AJ24452">
        <v>20</v>
      </c>
      <c r="AK24452">
        <v>20</v>
      </c>
      <c r="AL24452">
        <v>20</v>
      </c>
      <c r="AM24452">
        <v>20</v>
      </c>
      <c r="AN24452">
        <v>20</v>
      </c>
      <c r="AO24452">
        <v>20</v>
      </c>
      <c r="AP24452">
        <v>21</v>
      </c>
      <c r="AQ24452">
        <v>21</v>
      </c>
    </row>
    <row r="24453" spans="1:43">
      <c r="A24453" t="s">
        <v>15143</v>
      </c>
      <c r="B24453" t="s">
        <v>15144</v>
      </c>
      <c r="C24453" t="s">
        <v>15141</v>
      </c>
      <c r="D24453" t="s">
        <v>15142</v>
      </c>
      <c r="E24453" t="s">
        <v>15101</v>
      </c>
      <c r="F24453" t="s">
        <v>15102</v>
      </c>
      <c r="G24453" t="s">
        <v>10734</v>
      </c>
      <c r="H24453" t="s">
        <v>10735</v>
      </c>
      <c r="I24453" s="2">
        <v>1</v>
      </c>
      <c r="J24453" s="2">
        <v>0</v>
      </c>
      <c r="K24453" s="2">
        <v>0</v>
      </c>
      <c r="L24453" t="s">
        <v>120</v>
      </c>
      <c r="M24453" t="s">
        <v>83</v>
      </c>
      <c r="N24453" t="s">
        <v>91</v>
      </c>
      <c r="O24453" t="s">
        <v>85</v>
      </c>
      <c r="P24453" t="s">
        <v>86</v>
      </c>
      <c r="Q24453">
        <v>13</v>
      </c>
      <c r="R24453">
        <v>14</v>
      </c>
      <c r="S24453">
        <v>14</v>
      </c>
      <c r="T24453">
        <v>14</v>
      </c>
      <c r="U24453">
        <v>15</v>
      </c>
      <c r="V24453">
        <v>15</v>
      </c>
      <c r="W24453">
        <v>15</v>
      </c>
      <c r="X24453">
        <v>15</v>
      </c>
      <c r="Y24453">
        <v>16</v>
      </c>
      <c r="Z24453">
        <v>16</v>
      </c>
      <c r="AA24453">
        <v>16</v>
      </c>
      <c r="AB24453">
        <v>17</v>
      </c>
      <c r="AC24453">
        <v>17</v>
      </c>
      <c r="AD24453">
        <v>17</v>
      </c>
      <c r="AE24453">
        <v>18</v>
      </c>
      <c r="AF24453">
        <v>18</v>
      </c>
      <c r="AG24453">
        <v>18</v>
      </c>
      <c r="AH24453">
        <v>19</v>
      </c>
      <c r="AI24453">
        <v>19</v>
      </c>
      <c r="AJ24453">
        <v>19</v>
      </c>
      <c r="AK24453">
        <v>20</v>
      </c>
      <c r="AL24453">
        <v>20</v>
      </c>
      <c r="AM24453">
        <v>20</v>
      </c>
      <c r="AN24453">
        <v>20</v>
      </c>
      <c r="AO24453">
        <v>20</v>
      </c>
      <c r="AP24453">
        <v>20</v>
      </c>
      <c r="AQ24453">
        <v>21</v>
      </c>
    </row>
    <row r="24454" spans="1:43">
      <c r="A24454" t="s">
        <v>15145</v>
      </c>
      <c r="B24454" t="s">
        <v>15146</v>
      </c>
      <c r="C24454" t="s">
        <v>15141</v>
      </c>
      <c r="D24454" t="s">
        <v>15142</v>
      </c>
      <c r="E24454" t="s">
        <v>15101</v>
      </c>
      <c r="F24454" t="s">
        <v>15102</v>
      </c>
      <c r="G24454" t="s">
        <v>10734</v>
      </c>
      <c r="H24454" t="s">
        <v>10735</v>
      </c>
      <c r="I24454" s="2">
        <v>1</v>
      </c>
      <c r="J24454" s="2">
        <v>0</v>
      </c>
      <c r="K24454" s="2">
        <v>0</v>
      </c>
      <c r="L24454" t="s">
        <v>120</v>
      </c>
      <c r="M24454" t="s">
        <v>83</v>
      </c>
      <c r="N24454" t="s">
        <v>84</v>
      </c>
      <c r="O24454" t="s">
        <v>85</v>
      </c>
      <c r="P24454" t="s">
        <v>86</v>
      </c>
      <c r="Q24454">
        <v>20</v>
      </c>
      <c r="R24454">
        <v>20</v>
      </c>
      <c r="S24454">
        <v>21</v>
      </c>
      <c r="T24454">
        <v>21</v>
      </c>
      <c r="U24454">
        <v>21</v>
      </c>
      <c r="V24454">
        <v>22</v>
      </c>
      <c r="W24454">
        <v>22</v>
      </c>
      <c r="X24454">
        <v>23</v>
      </c>
      <c r="Y24454">
        <v>23</v>
      </c>
      <c r="Z24454">
        <v>24</v>
      </c>
      <c r="AA24454">
        <v>24</v>
      </c>
      <c r="AB24454">
        <v>25</v>
      </c>
      <c r="AC24454">
        <v>25</v>
      </c>
      <c r="AD24454">
        <v>25</v>
      </c>
      <c r="AE24454">
        <v>26</v>
      </c>
      <c r="AF24454">
        <v>26</v>
      </c>
      <c r="AG24454">
        <v>27</v>
      </c>
      <c r="AH24454">
        <v>27</v>
      </c>
      <c r="AI24454">
        <v>28</v>
      </c>
      <c r="AJ24454">
        <v>28</v>
      </c>
      <c r="AK24454">
        <v>29</v>
      </c>
      <c r="AL24454">
        <v>29</v>
      </c>
      <c r="AM24454">
        <v>29</v>
      </c>
      <c r="AN24454">
        <v>30</v>
      </c>
      <c r="AO24454">
        <v>30</v>
      </c>
      <c r="AP24454">
        <v>30</v>
      </c>
      <c r="AQ24454">
        <v>30</v>
      </c>
    </row>
    <row r="24455" spans="1:43">
      <c r="A24455" t="s">
        <v>15145</v>
      </c>
      <c r="B24455" t="s">
        <v>15146</v>
      </c>
      <c r="C24455" t="s">
        <v>15141</v>
      </c>
      <c r="D24455" t="s">
        <v>15142</v>
      </c>
      <c r="E24455" t="s">
        <v>15101</v>
      </c>
      <c r="F24455" t="s">
        <v>15102</v>
      </c>
      <c r="G24455" t="s">
        <v>10734</v>
      </c>
      <c r="H24455" t="s">
        <v>10735</v>
      </c>
      <c r="I24455" s="2">
        <v>1</v>
      </c>
      <c r="J24455" s="2">
        <v>0</v>
      </c>
      <c r="K24455" s="2">
        <v>0</v>
      </c>
      <c r="L24455" t="s">
        <v>120</v>
      </c>
      <c r="M24455" t="s">
        <v>87</v>
      </c>
      <c r="N24455" t="s">
        <v>88</v>
      </c>
      <c r="O24455" t="s">
        <v>85</v>
      </c>
      <c r="P24455" t="s">
        <v>86</v>
      </c>
      <c r="Q24455">
        <v>20</v>
      </c>
      <c r="R24455">
        <v>20</v>
      </c>
      <c r="S24455">
        <v>20</v>
      </c>
      <c r="T24455">
        <v>20</v>
      </c>
      <c r="U24455">
        <v>21</v>
      </c>
      <c r="V24455">
        <v>21</v>
      </c>
      <c r="W24455">
        <v>21</v>
      </c>
      <c r="X24455">
        <v>21</v>
      </c>
      <c r="Y24455">
        <v>21</v>
      </c>
      <c r="Z24455">
        <v>22</v>
      </c>
      <c r="AA24455">
        <v>22</v>
      </c>
      <c r="AB24455">
        <v>22</v>
      </c>
      <c r="AC24455">
        <v>22</v>
      </c>
      <c r="AD24455">
        <v>23</v>
      </c>
      <c r="AE24455">
        <v>23</v>
      </c>
      <c r="AF24455">
        <v>23</v>
      </c>
      <c r="AG24455">
        <v>24</v>
      </c>
      <c r="AH24455">
        <v>24</v>
      </c>
      <c r="AI24455">
        <v>24</v>
      </c>
      <c r="AJ24455">
        <v>24</v>
      </c>
      <c r="AK24455">
        <v>25</v>
      </c>
      <c r="AL24455">
        <v>25</v>
      </c>
      <c r="AM24455">
        <v>25</v>
      </c>
      <c r="AN24455">
        <v>25</v>
      </c>
      <c r="AO24455">
        <v>26</v>
      </c>
      <c r="AP24455">
        <v>26</v>
      </c>
      <c r="AQ24455">
        <v>26</v>
      </c>
    </row>
    <row r="24456" spans="1:43">
      <c r="A24456" t="s">
        <v>15145</v>
      </c>
      <c r="B24456" t="s">
        <v>15146</v>
      </c>
      <c r="C24456" t="s">
        <v>15141</v>
      </c>
      <c r="D24456" t="s">
        <v>15142</v>
      </c>
      <c r="E24456" t="s">
        <v>15101</v>
      </c>
      <c r="F24456" t="s">
        <v>15102</v>
      </c>
      <c r="G24456" t="s">
        <v>10734</v>
      </c>
      <c r="H24456" t="s">
        <v>10735</v>
      </c>
      <c r="I24456" s="2">
        <v>1</v>
      </c>
      <c r="J24456" s="2">
        <v>0</v>
      </c>
      <c r="K24456" s="2">
        <v>0</v>
      </c>
      <c r="L24456" t="s">
        <v>120</v>
      </c>
      <c r="M24456" t="s">
        <v>89</v>
      </c>
      <c r="N24456" t="s">
        <v>90</v>
      </c>
      <c r="O24456" t="s">
        <v>85</v>
      </c>
      <c r="P24456" t="s">
        <v>86</v>
      </c>
      <c r="Q24456">
        <v>20</v>
      </c>
      <c r="R24456">
        <v>21</v>
      </c>
      <c r="S24456">
        <v>21</v>
      </c>
      <c r="T24456">
        <v>22</v>
      </c>
      <c r="U24456">
        <v>22</v>
      </c>
      <c r="V24456">
        <v>23</v>
      </c>
      <c r="W24456">
        <v>23</v>
      </c>
      <c r="X24456">
        <v>24</v>
      </c>
      <c r="Y24456">
        <v>25</v>
      </c>
      <c r="Z24456">
        <v>25</v>
      </c>
      <c r="AA24456">
        <v>26</v>
      </c>
      <c r="AB24456">
        <v>26</v>
      </c>
      <c r="AC24456">
        <v>27</v>
      </c>
      <c r="AD24456">
        <v>27</v>
      </c>
      <c r="AE24456">
        <v>28</v>
      </c>
      <c r="AF24456">
        <v>28</v>
      </c>
      <c r="AG24456">
        <v>28</v>
      </c>
      <c r="AH24456">
        <v>29</v>
      </c>
      <c r="AI24456">
        <v>29</v>
      </c>
      <c r="AJ24456">
        <v>29</v>
      </c>
      <c r="AK24456">
        <v>29</v>
      </c>
      <c r="AL24456">
        <v>30</v>
      </c>
      <c r="AM24456">
        <v>30</v>
      </c>
      <c r="AN24456">
        <v>30</v>
      </c>
      <c r="AO24456">
        <v>30</v>
      </c>
      <c r="AP24456">
        <v>31</v>
      </c>
      <c r="AQ24456">
        <v>31</v>
      </c>
    </row>
    <row r="24457" spans="1:43">
      <c r="A24457" t="s">
        <v>15145</v>
      </c>
      <c r="B24457" t="s">
        <v>15146</v>
      </c>
      <c r="C24457" t="s">
        <v>15141</v>
      </c>
      <c r="D24457" t="s">
        <v>15142</v>
      </c>
      <c r="E24457" t="s">
        <v>15101</v>
      </c>
      <c r="F24457" t="s">
        <v>15102</v>
      </c>
      <c r="G24457" t="s">
        <v>10734</v>
      </c>
      <c r="H24457" t="s">
        <v>10735</v>
      </c>
      <c r="I24457" s="2">
        <v>1</v>
      </c>
      <c r="J24457" s="2">
        <v>0</v>
      </c>
      <c r="K24457" s="2">
        <v>0</v>
      </c>
      <c r="L24457" t="s">
        <v>120</v>
      </c>
      <c r="M24457" t="s">
        <v>83</v>
      </c>
      <c r="N24457" t="s">
        <v>91</v>
      </c>
      <c r="O24457" t="s">
        <v>85</v>
      </c>
      <c r="P24457" t="s">
        <v>86</v>
      </c>
      <c r="Q24457">
        <v>20</v>
      </c>
      <c r="R24457">
        <v>20</v>
      </c>
      <c r="S24457">
        <v>21</v>
      </c>
      <c r="T24457">
        <v>21</v>
      </c>
      <c r="U24457">
        <v>21</v>
      </c>
      <c r="V24457">
        <v>22</v>
      </c>
      <c r="W24457">
        <v>22</v>
      </c>
      <c r="X24457">
        <v>23</v>
      </c>
      <c r="Y24457">
        <v>23</v>
      </c>
      <c r="Z24457">
        <v>24</v>
      </c>
      <c r="AA24457">
        <v>24</v>
      </c>
      <c r="AB24457">
        <v>25</v>
      </c>
      <c r="AC24457">
        <v>25</v>
      </c>
      <c r="AD24457">
        <v>25</v>
      </c>
      <c r="AE24457">
        <v>26</v>
      </c>
      <c r="AF24457">
        <v>26</v>
      </c>
      <c r="AG24457">
        <v>27</v>
      </c>
      <c r="AH24457">
        <v>27</v>
      </c>
      <c r="AI24457">
        <v>28</v>
      </c>
      <c r="AJ24457">
        <v>28</v>
      </c>
      <c r="AK24457">
        <v>29</v>
      </c>
      <c r="AL24457">
        <v>29</v>
      </c>
      <c r="AM24457">
        <v>29</v>
      </c>
      <c r="AN24457">
        <v>30</v>
      </c>
      <c r="AO24457">
        <v>30</v>
      </c>
      <c r="AP24457">
        <v>30</v>
      </c>
      <c r="AQ24457">
        <v>30</v>
      </c>
    </row>
    <row r="24458" spans="1:43">
      <c r="A24458" t="s">
        <v>15147</v>
      </c>
      <c r="B24458" t="s">
        <v>15148</v>
      </c>
      <c r="C24458" t="s">
        <v>15149</v>
      </c>
      <c r="D24458" t="s">
        <v>15150</v>
      </c>
      <c r="E24458" t="s">
        <v>15101</v>
      </c>
      <c r="F24458" t="s">
        <v>15102</v>
      </c>
      <c r="G24458" t="s">
        <v>10734</v>
      </c>
      <c r="H24458" t="s">
        <v>10735</v>
      </c>
      <c r="I24458" s="2">
        <v>1</v>
      </c>
      <c r="J24458" s="2">
        <v>0</v>
      </c>
      <c r="K24458" s="2">
        <v>0</v>
      </c>
      <c r="L24458" t="s">
        <v>120</v>
      </c>
      <c r="M24458" t="s">
        <v>83</v>
      </c>
      <c r="N24458" t="s">
        <v>84</v>
      </c>
      <c r="O24458" t="s">
        <v>85</v>
      </c>
      <c r="P24458" t="s">
        <v>86</v>
      </c>
      <c r="Q24458">
        <v>5</v>
      </c>
      <c r="R24458">
        <v>6</v>
      </c>
      <c r="S24458">
        <v>6</v>
      </c>
      <c r="T24458">
        <v>6</v>
      </c>
      <c r="U24458">
        <v>6</v>
      </c>
      <c r="V24458">
        <v>6</v>
      </c>
      <c r="W24458">
        <v>6</v>
      </c>
      <c r="X24458">
        <v>6</v>
      </c>
      <c r="Y24458">
        <v>6</v>
      </c>
      <c r="Z24458">
        <v>6</v>
      </c>
      <c r="AA24458">
        <v>7</v>
      </c>
      <c r="AB24458">
        <v>7</v>
      </c>
      <c r="AC24458">
        <v>7</v>
      </c>
      <c r="AD24458">
        <v>7</v>
      </c>
      <c r="AE24458">
        <v>7</v>
      </c>
      <c r="AF24458">
        <v>7</v>
      </c>
      <c r="AG24458">
        <v>7</v>
      </c>
      <c r="AH24458">
        <v>8</v>
      </c>
      <c r="AI24458">
        <v>8</v>
      </c>
      <c r="AJ24458">
        <v>8</v>
      </c>
      <c r="AK24458">
        <v>8</v>
      </c>
      <c r="AL24458">
        <v>8</v>
      </c>
      <c r="AM24458">
        <v>8</v>
      </c>
      <c r="AN24458">
        <v>8</v>
      </c>
      <c r="AO24458">
        <v>8</v>
      </c>
      <c r="AP24458">
        <v>8</v>
      </c>
      <c r="AQ24458">
        <v>8</v>
      </c>
    </row>
    <row r="24459" spans="1:43">
      <c r="A24459" t="s">
        <v>15147</v>
      </c>
      <c r="B24459" t="s">
        <v>15148</v>
      </c>
      <c r="C24459" t="s">
        <v>15149</v>
      </c>
      <c r="D24459" t="s">
        <v>15150</v>
      </c>
      <c r="E24459" t="s">
        <v>15101</v>
      </c>
      <c r="F24459" t="s">
        <v>15102</v>
      </c>
      <c r="G24459" t="s">
        <v>10734</v>
      </c>
      <c r="H24459" t="s">
        <v>10735</v>
      </c>
      <c r="I24459" s="2">
        <v>1</v>
      </c>
      <c r="J24459" s="2">
        <v>0</v>
      </c>
      <c r="K24459" s="2">
        <v>0</v>
      </c>
      <c r="L24459" t="s">
        <v>120</v>
      </c>
      <c r="M24459" t="s">
        <v>87</v>
      </c>
      <c r="N24459" t="s">
        <v>88</v>
      </c>
      <c r="O24459" t="s">
        <v>85</v>
      </c>
      <c r="P24459" t="s">
        <v>86</v>
      </c>
      <c r="Q24459">
        <v>5</v>
      </c>
      <c r="R24459">
        <v>5</v>
      </c>
      <c r="S24459">
        <v>5</v>
      </c>
      <c r="T24459">
        <v>6</v>
      </c>
      <c r="U24459">
        <v>6</v>
      </c>
      <c r="V24459">
        <v>6</v>
      </c>
      <c r="W24459">
        <v>6</v>
      </c>
      <c r="X24459">
        <v>6</v>
      </c>
      <c r="Y24459">
        <v>6</v>
      </c>
      <c r="Z24459">
        <v>6</v>
      </c>
      <c r="AA24459">
        <v>6</v>
      </c>
      <c r="AB24459">
        <v>6</v>
      </c>
      <c r="AC24459">
        <v>6</v>
      </c>
      <c r="AD24459">
        <v>6</v>
      </c>
      <c r="AE24459">
        <v>6</v>
      </c>
      <c r="AF24459">
        <v>6</v>
      </c>
      <c r="AG24459">
        <v>6</v>
      </c>
      <c r="AH24459">
        <v>7</v>
      </c>
      <c r="AI24459">
        <v>7</v>
      </c>
      <c r="AJ24459">
        <v>7</v>
      </c>
      <c r="AK24459">
        <v>7</v>
      </c>
      <c r="AL24459">
        <v>7</v>
      </c>
      <c r="AM24459">
        <v>7</v>
      </c>
      <c r="AN24459">
        <v>7</v>
      </c>
      <c r="AO24459">
        <v>7</v>
      </c>
      <c r="AP24459">
        <v>7</v>
      </c>
      <c r="AQ24459">
        <v>7</v>
      </c>
    </row>
    <row r="24460" spans="1:43">
      <c r="A24460" t="s">
        <v>15147</v>
      </c>
      <c r="B24460" t="s">
        <v>15148</v>
      </c>
      <c r="C24460" t="s">
        <v>15149</v>
      </c>
      <c r="D24460" t="s">
        <v>15150</v>
      </c>
      <c r="E24460" t="s">
        <v>15101</v>
      </c>
      <c r="F24460" t="s">
        <v>15102</v>
      </c>
      <c r="G24460" t="s">
        <v>10734</v>
      </c>
      <c r="H24460" t="s">
        <v>10735</v>
      </c>
      <c r="I24460" s="2">
        <v>1</v>
      </c>
      <c r="J24460" s="2">
        <v>0</v>
      </c>
      <c r="K24460" s="2">
        <v>0</v>
      </c>
      <c r="L24460" t="s">
        <v>120</v>
      </c>
      <c r="M24460" t="s">
        <v>89</v>
      </c>
      <c r="N24460" t="s">
        <v>90</v>
      </c>
      <c r="O24460" t="s">
        <v>85</v>
      </c>
      <c r="P24460" t="s">
        <v>86</v>
      </c>
      <c r="Q24460">
        <v>5</v>
      </c>
      <c r="R24460">
        <v>6</v>
      </c>
      <c r="S24460">
        <v>6</v>
      </c>
      <c r="T24460">
        <v>6</v>
      </c>
      <c r="U24460">
        <v>6</v>
      </c>
      <c r="V24460">
        <v>6</v>
      </c>
      <c r="W24460">
        <v>6</v>
      </c>
      <c r="X24460">
        <v>7</v>
      </c>
      <c r="Y24460">
        <v>7</v>
      </c>
      <c r="Z24460">
        <v>7</v>
      </c>
      <c r="AA24460">
        <v>7</v>
      </c>
      <c r="AB24460">
        <v>7</v>
      </c>
      <c r="AC24460">
        <v>7</v>
      </c>
      <c r="AD24460">
        <v>8</v>
      </c>
      <c r="AE24460">
        <v>8</v>
      </c>
      <c r="AF24460">
        <v>8</v>
      </c>
      <c r="AG24460">
        <v>8</v>
      </c>
      <c r="AH24460">
        <v>8</v>
      </c>
      <c r="AI24460">
        <v>8</v>
      </c>
      <c r="AJ24460">
        <v>8</v>
      </c>
      <c r="AK24460">
        <v>8</v>
      </c>
      <c r="AL24460">
        <v>8</v>
      </c>
      <c r="AM24460">
        <v>8</v>
      </c>
      <c r="AN24460">
        <v>8</v>
      </c>
      <c r="AO24460">
        <v>8</v>
      </c>
      <c r="AP24460">
        <v>8</v>
      </c>
      <c r="AQ24460">
        <v>8</v>
      </c>
    </row>
    <row r="24461" spans="1:43">
      <c r="A24461" t="s">
        <v>15147</v>
      </c>
      <c r="B24461" t="s">
        <v>15148</v>
      </c>
      <c r="C24461" t="s">
        <v>15149</v>
      </c>
      <c r="D24461" t="s">
        <v>15150</v>
      </c>
      <c r="E24461" t="s">
        <v>15101</v>
      </c>
      <c r="F24461" t="s">
        <v>15102</v>
      </c>
      <c r="G24461" t="s">
        <v>10734</v>
      </c>
      <c r="H24461" t="s">
        <v>10735</v>
      </c>
      <c r="I24461" s="2">
        <v>1</v>
      </c>
      <c r="J24461" s="2">
        <v>0</v>
      </c>
      <c r="K24461" s="2">
        <v>0</v>
      </c>
      <c r="L24461" t="s">
        <v>120</v>
      </c>
      <c r="M24461" t="s">
        <v>83</v>
      </c>
      <c r="N24461" t="s">
        <v>91</v>
      </c>
      <c r="O24461" t="s">
        <v>85</v>
      </c>
      <c r="P24461" t="s">
        <v>86</v>
      </c>
      <c r="Q24461">
        <v>5</v>
      </c>
      <c r="R24461">
        <v>6</v>
      </c>
      <c r="S24461">
        <v>6</v>
      </c>
      <c r="T24461">
        <v>6</v>
      </c>
      <c r="U24461">
        <v>6</v>
      </c>
      <c r="V24461">
        <v>6</v>
      </c>
      <c r="W24461">
        <v>6</v>
      </c>
      <c r="X24461">
        <v>6</v>
      </c>
      <c r="Y24461">
        <v>6</v>
      </c>
      <c r="Z24461">
        <v>6</v>
      </c>
      <c r="AA24461">
        <v>7</v>
      </c>
      <c r="AB24461">
        <v>7</v>
      </c>
      <c r="AC24461">
        <v>7</v>
      </c>
      <c r="AD24461">
        <v>7</v>
      </c>
      <c r="AE24461">
        <v>7</v>
      </c>
      <c r="AF24461">
        <v>7</v>
      </c>
      <c r="AG24461">
        <v>7</v>
      </c>
      <c r="AH24461">
        <v>8</v>
      </c>
      <c r="AI24461">
        <v>8</v>
      </c>
      <c r="AJ24461">
        <v>8</v>
      </c>
      <c r="AK24461">
        <v>8</v>
      </c>
      <c r="AL24461">
        <v>8</v>
      </c>
      <c r="AM24461">
        <v>8</v>
      </c>
      <c r="AN24461">
        <v>8</v>
      </c>
      <c r="AO24461">
        <v>8</v>
      </c>
      <c r="AP24461">
        <v>8</v>
      </c>
      <c r="AQ24461">
        <v>8</v>
      </c>
    </row>
    <row r="24462" spans="1:43">
      <c r="A24462" t="s">
        <v>15151</v>
      </c>
      <c r="B24462" t="s">
        <v>15152</v>
      </c>
      <c r="C24462" t="s">
        <v>15149</v>
      </c>
      <c r="D24462" t="s">
        <v>15150</v>
      </c>
      <c r="E24462" t="s">
        <v>15101</v>
      </c>
      <c r="F24462" t="s">
        <v>15102</v>
      </c>
      <c r="G24462" t="s">
        <v>10734</v>
      </c>
      <c r="H24462" t="s">
        <v>10735</v>
      </c>
      <c r="I24462" s="2">
        <v>1</v>
      </c>
      <c r="J24462" s="2">
        <v>0</v>
      </c>
      <c r="K24462" s="2">
        <v>0</v>
      </c>
      <c r="L24462" t="s">
        <v>120</v>
      </c>
      <c r="M24462" t="s">
        <v>83</v>
      </c>
      <c r="N24462" t="s">
        <v>84</v>
      </c>
      <c r="O24462" t="s">
        <v>85</v>
      </c>
      <c r="P24462" t="s">
        <v>86</v>
      </c>
      <c r="Q24462">
        <v>28</v>
      </c>
      <c r="R24462">
        <v>29</v>
      </c>
      <c r="S24462">
        <v>30</v>
      </c>
      <c r="T24462">
        <v>30</v>
      </c>
      <c r="U24462">
        <v>31</v>
      </c>
      <c r="V24462">
        <v>32</v>
      </c>
      <c r="W24462">
        <v>32</v>
      </c>
      <c r="X24462">
        <v>33</v>
      </c>
      <c r="Y24462">
        <v>33</v>
      </c>
      <c r="Z24462">
        <v>34</v>
      </c>
      <c r="AA24462">
        <v>35</v>
      </c>
      <c r="AB24462">
        <v>35</v>
      </c>
      <c r="AC24462">
        <v>36</v>
      </c>
      <c r="AD24462">
        <v>37</v>
      </c>
      <c r="AE24462">
        <v>37</v>
      </c>
      <c r="AF24462">
        <v>38</v>
      </c>
      <c r="AG24462">
        <v>39</v>
      </c>
      <c r="AH24462">
        <v>40</v>
      </c>
      <c r="AI24462">
        <v>40</v>
      </c>
      <c r="AJ24462">
        <v>41</v>
      </c>
      <c r="AK24462">
        <v>42</v>
      </c>
      <c r="AL24462">
        <v>42</v>
      </c>
      <c r="AM24462">
        <v>43</v>
      </c>
      <c r="AN24462">
        <v>43</v>
      </c>
      <c r="AO24462">
        <v>43</v>
      </c>
      <c r="AP24462">
        <v>43</v>
      </c>
      <c r="AQ24462">
        <v>44</v>
      </c>
    </row>
    <row r="24463" spans="1:43">
      <c r="A24463" t="s">
        <v>15151</v>
      </c>
      <c r="B24463" t="s">
        <v>15152</v>
      </c>
      <c r="C24463" t="s">
        <v>15149</v>
      </c>
      <c r="D24463" t="s">
        <v>15150</v>
      </c>
      <c r="E24463" t="s">
        <v>15101</v>
      </c>
      <c r="F24463" t="s">
        <v>15102</v>
      </c>
      <c r="G24463" t="s">
        <v>10734</v>
      </c>
      <c r="H24463" t="s">
        <v>10735</v>
      </c>
      <c r="I24463" s="2">
        <v>1</v>
      </c>
      <c r="J24463" s="2">
        <v>0</v>
      </c>
      <c r="K24463" s="2">
        <v>0</v>
      </c>
      <c r="L24463" t="s">
        <v>120</v>
      </c>
      <c r="M24463" t="s">
        <v>87</v>
      </c>
      <c r="N24463" t="s">
        <v>88</v>
      </c>
      <c r="O24463" t="s">
        <v>85</v>
      </c>
      <c r="P24463" t="s">
        <v>86</v>
      </c>
      <c r="Q24463">
        <v>28</v>
      </c>
      <c r="R24463">
        <v>28</v>
      </c>
      <c r="S24463">
        <v>29</v>
      </c>
      <c r="T24463">
        <v>29</v>
      </c>
      <c r="U24463">
        <v>29</v>
      </c>
      <c r="V24463">
        <v>30</v>
      </c>
      <c r="W24463">
        <v>30</v>
      </c>
      <c r="X24463">
        <v>31</v>
      </c>
      <c r="Y24463">
        <v>31</v>
      </c>
      <c r="Z24463">
        <v>31</v>
      </c>
      <c r="AA24463">
        <v>32</v>
      </c>
      <c r="AB24463">
        <v>32</v>
      </c>
      <c r="AC24463">
        <v>32</v>
      </c>
      <c r="AD24463">
        <v>33</v>
      </c>
      <c r="AE24463">
        <v>33</v>
      </c>
      <c r="AF24463">
        <v>34</v>
      </c>
      <c r="AG24463">
        <v>34</v>
      </c>
      <c r="AH24463">
        <v>34</v>
      </c>
      <c r="AI24463">
        <v>35</v>
      </c>
      <c r="AJ24463">
        <v>35</v>
      </c>
      <c r="AK24463">
        <v>36</v>
      </c>
      <c r="AL24463">
        <v>36</v>
      </c>
      <c r="AM24463">
        <v>36</v>
      </c>
      <c r="AN24463">
        <v>37</v>
      </c>
      <c r="AO24463">
        <v>37</v>
      </c>
      <c r="AP24463">
        <v>38</v>
      </c>
      <c r="AQ24463">
        <v>38</v>
      </c>
    </row>
    <row r="24464" spans="1:43">
      <c r="A24464" t="s">
        <v>15151</v>
      </c>
      <c r="B24464" t="s">
        <v>15152</v>
      </c>
      <c r="C24464" t="s">
        <v>15149</v>
      </c>
      <c r="D24464" t="s">
        <v>15150</v>
      </c>
      <c r="E24464" t="s">
        <v>15101</v>
      </c>
      <c r="F24464" t="s">
        <v>15102</v>
      </c>
      <c r="G24464" t="s">
        <v>10734</v>
      </c>
      <c r="H24464" t="s">
        <v>10735</v>
      </c>
      <c r="I24464" s="2">
        <v>1</v>
      </c>
      <c r="J24464" s="2">
        <v>0</v>
      </c>
      <c r="K24464" s="2">
        <v>0</v>
      </c>
      <c r="L24464" t="s">
        <v>120</v>
      </c>
      <c r="M24464" t="s">
        <v>89</v>
      </c>
      <c r="N24464" t="s">
        <v>90</v>
      </c>
      <c r="O24464" t="s">
        <v>85</v>
      </c>
      <c r="P24464" t="s">
        <v>86</v>
      </c>
      <c r="Q24464">
        <v>28</v>
      </c>
      <c r="R24464">
        <v>28</v>
      </c>
      <c r="S24464">
        <v>29</v>
      </c>
      <c r="T24464">
        <v>30</v>
      </c>
      <c r="U24464">
        <v>31</v>
      </c>
      <c r="V24464">
        <v>32</v>
      </c>
      <c r="W24464">
        <v>33</v>
      </c>
      <c r="X24464">
        <v>34</v>
      </c>
      <c r="Y24464">
        <v>34</v>
      </c>
      <c r="Z24464">
        <v>35</v>
      </c>
      <c r="AA24464">
        <v>36</v>
      </c>
      <c r="AB24464">
        <v>37</v>
      </c>
      <c r="AC24464">
        <v>38</v>
      </c>
      <c r="AD24464">
        <v>39</v>
      </c>
      <c r="AE24464">
        <v>39</v>
      </c>
      <c r="AF24464">
        <v>40</v>
      </c>
      <c r="AG24464">
        <v>40</v>
      </c>
      <c r="AH24464">
        <v>40</v>
      </c>
      <c r="AI24464">
        <v>41</v>
      </c>
      <c r="AJ24464">
        <v>41</v>
      </c>
      <c r="AK24464">
        <v>41</v>
      </c>
      <c r="AL24464">
        <v>42</v>
      </c>
      <c r="AM24464">
        <v>42</v>
      </c>
      <c r="AN24464">
        <v>42</v>
      </c>
      <c r="AO24464">
        <v>42</v>
      </c>
      <c r="AP24464">
        <v>43</v>
      </c>
      <c r="AQ24464">
        <v>43</v>
      </c>
    </row>
    <row r="24465" spans="1:43">
      <c r="A24465" t="s">
        <v>15151</v>
      </c>
      <c r="B24465" t="s">
        <v>15152</v>
      </c>
      <c r="C24465" t="s">
        <v>15149</v>
      </c>
      <c r="D24465" t="s">
        <v>15150</v>
      </c>
      <c r="E24465" t="s">
        <v>15101</v>
      </c>
      <c r="F24465" t="s">
        <v>15102</v>
      </c>
      <c r="G24465" t="s">
        <v>10734</v>
      </c>
      <c r="H24465" t="s">
        <v>10735</v>
      </c>
      <c r="I24465" s="2">
        <v>1</v>
      </c>
      <c r="J24465" s="2">
        <v>0</v>
      </c>
      <c r="K24465" s="2">
        <v>0</v>
      </c>
      <c r="L24465" t="s">
        <v>120</v>
      </c>
      <c r="M24465" t="s">
        <v>83</v>
      </c>
      <c r="N24465" t="s">
        <v>91</v>
      </c>
      <c r="O24465" t="s">
        <v>85</v>
      </c>
      <c r="P24465" t="s">
        <v>86</v>
      </c>
      <c r="Q24465">
        <v>28</v>
      </c>
      <c r="R24465">
        <v>29</v>
      </c>
      <c r="S24465">
        <v>30</v>
      </c>
      <c r="T24465">
        <v>30</v>
      </c>
      <c r="U24465">
        <v>31</v>
      </c>
      <c r="V24465">
        <v>32</v>
      </c>
      <c r="W24465">
        <v>32</v>
      </c>
      <c r="X24465">
        <v>33</v>
      </c>
      <c r="Y24465">
        <v>33</v>
      </c>
      <c r="Z24465">
        <v>34</v>
      </c>
      <c r="AA24465">
        <v>35</v>
      </c>
      <c r="AB24465">
        <v>35</v>
      </c>
      <c r="AC24465">
        <v>36</v>
      </c>
      <c r="AD24465">
        <v>37</v>
      </c>
      <c r="AE24465">
        <v>37</v>
      </c>
      <c r="AF24465">
        <v>38</v>
      </c>
      <c r="AG24465">
        <v>39</v>
      </c>
      <c r="AH24465">
        <v>40</v>
      </c>
      <c r="AI24465">
        <v>40</v>
      </c>
      <c r="AJ24465">
        <v>41</v>
      </c>
      <c r="AK24465">
        <v>42</v>
      </c>
      <c r="AL24465">
        <v>42</v>
      </c>
      <c r="AM24465">
        <v>43</v>
      </c>
      <c r="AN24465">
        <v>43</v>
      </c>
      <c r="AO24465">
        <v>43</v>
      </c>
      <c r="AP24465">
        <v>43</v>
      </c>
      <c r="AQ24465">
        <v>44</v>
      </c>
    </row>
    <row r="24466" spans="1:43">
      <c r="A24466" t="s">
        <v>15153</v>
      </c>
      <c r="B24466" t="s">
        <v>15154</v>
      </c>
      <c r="C24466" t="s">
        <v>15135</v>
      </c>
      <c r="D24466" t="s">
        <v>15136</v>
      </c>
      <c r="E24466" t="s">
        <v>15101</v>
      </c>
      <c r="F24466" t="s">
        <v>15102</v>
      </c>
      <c r="G24466" t="s">
        <v>10734</v>
      </c>
      <c r="H24466" t="s">
        <v>10735</v>
      </c>
      <c r="I24466" s="2">
        <v>1</v>
      </c>
      <c r="J24466" s="2">
        <v>0</v>
      </c>
      <c r="K24466" s="2">
        <v>0</v>
      </c>
      <c r="L24466" t="s">
        <v>120</v>
      </c>
      <c r="M24466" t="s">
        <v>83</v>
      </c>
      <c r="N24466" t="s">
        <v>84</v>
      </c>
      <c r="O24466" t="s">
        <v>85</v>
      </c>
      <c r="P24466" t="s">
        <v>86</v>
      </c>
      <c r="Q24466">
        <v>6</v>
      </c>
      <c r="R24466">
        <v>6</v>
      </c>
      <c r="S24466">
        <v>6</v>
      </c>
      <c r="T24466">
        <v>6</v>
      </c>
      <c r="U24466">
        <v>6</v>
      </c>
      <c r="V24466">
        <v>7</v>
      </c>
      <c r="W24466">
        <v>7</v>
      </c>
      <c r="X24466">
        <v>7</v>
      </c>
      <c r="Y24466">
        <v>7</v>
      </c>
      <c r="Z24466">
        <v>7</v>
      </c>
      <c r="AA24466">
        <v>7</v>
      </c>
      <c r="AB24466">
        <v>7</v>
      </c>
      <c r="AC24466">
        <v>8</v>
      </c>
      <c r="AD24466">
        <v>8</v>
      </c>
      <c r="AE24466">
        <v>8</v>
      </c>
      <c r="AF24466">
        <v>8</v>
      </c>
      <c r="AG24466">
        <v>8</v>
      </c>
      <c r="AH24466">
        <v>8</v>
      </c>
      <c r="AI24466">
        <v>8</v>
      </c>
      <c r="AJ24466">
        <v>9</v>
      </c>
      <c r="AK24466">
        <v>9</v>
      </c>
      <c r="AL24466">
        <v>9</v>
      </c>
      <c r="AM24466">
        <v>9</v>
      </c>
      <c r="AN24466">
        <v>9</v>
      </c>
      <c r="AO24466">
        <v>9</v>
      </c>
      <c r="AP24466">
        <v>9</v>
      </c>
      <c r="AQ24466">
        <v>9</v>
      </c>
    </row>
    <row r="24467" spans="1:43">
      <c r="A24467" t="s">
        <v>15153</v>
      </c>
      <c r="B24467" t="s">
        <v>15154</v>
      </c>
      <c r="C24467" t="s">
        <v>15135</v>
      </c>
      <c r="D24467" t="s">
        <v>15136</v>
      </c>
      <c r="E24467" t="s">
        <v>15101</v>
      </c>
      <c r="F24467" t="s">
        <v>15102</v>
      </c>
      <c r="G24467" t="s">
        <v>10734</v>
      </c>
      <c r="H24467" t="s">
        <v>10735</v>
      </c>
      <c r="I24467" s="2">
        <v>1</v>
      </c>
      <c r="J24467" s="2">
        <v>0</v>
      </c>
      <c r="K24467" s="2">
        <v>0</v>
      </c>
      <c r="L24467" t="s">
        <v>120</v>
      </c>
      <c r="M24467" t="s">
        <v>87</v>
      </c>
      <c r="N24467" t="s">
        <v>88</v>
      </c>
      <c r="O24467" t="s">
        <v>85</v>
      </c>
      <c r="P24467" t="s">
        <v>86</v>
      </c>
      <c r="Q24467">
        <v>6</v>
      </c>
      <c r="R24467">
        <v>6</v>
      </c>
      <c r="S24467">
        <v>6</v>
      </c>
      <c r="T24467">
        <v>6</v>
      </c>
      <c r="U24467">
        <v>6</v>
      </c>
      <c r="V24467">
        <v>6</v>
      </c>
      <c r="W24467">
        <v>6</v>
      </c>
      <c r="X24467">
        <v>6</v>
      </c>
      <c r="Y24467">
        <v>7</v>
      </c>
      <c r="Z24467">
        <v>7</v>
      </c>
      <c r="AA24467">
        <v>7</v>
      </c>
      <c r="AB24467">
        <v>7</v>
      </c>
      <c r="AC24467">
        <v>7</v>
      </c>
      <c r="AD24467">
        <v>7</v>
      </c>
      <c r="AE24467">
        <v>7</v>
      </c>
      <c r="AF24467">
        <v>7</v>
      </c>
      <c r="AG24467">
        <v>7</v>
      </c>
      <c r="AH24467">
        <v>7</v>
      </c>
      <c r="AI24467">
        <v>7</v>
      </c>
      <c r="AJ24467">
        <v>7</v>
      </c>
      <c r="AK24467">
        <v>7</v>
      </c>
      <c r="AL24467">
        <v>8</v>
      </c>
      <c r="AM24467">
        <v>8</v>
      </c>
      <c r="AN24467">
        <v>8</v>
      </c>
      <c r="AO24467">
        <v>8</v>
      </c>
      <c r="AP24467">
        <v>8</v>
      </c>
      <c r="AQ24467">
        <v>8</v>
      </c>
    </row>
    <row r="24468" spans="1:43">
      <c r="A24468" t="s">
        <v>15153</v>
      </c>
      <c r="B24468" t="s">
        <v>15154</v>
      </c>
      <c r="C24468" t="s">
        <v>15135</v>
      </c>
      <c r="D24468" t="s">
        <v>15136</v>
      </c>
      <c r="E24468" t="s">
        <v>15101</v>
      </c>
      <c r="F24468" t="s">
        <v>15102</v>
      </c>
      <c r="G24468" t="s">
        <v>10734</v>
      </c>
      <c r="H24468" t="s">
        <v>10735</v>
      </c>
      <c r="I24468" s="2">
        <v>1</v>
      </c>
      <c r="J24468" s="2">
        <v>0</v>
      </c>
      <c r="K24468" s="2">
        <v>0</v>
      </c>
      <c r="L24468" t="s">
        <v>120</v>
      </c>
      <c r="M24468" t="s">
        <v>89</v>
      </c>
      <c r="N24468" t="s">
        <v>90</v>
      </c>
      <c r="O24468" t="s">
        <v>85</v>
      </c>
      <c r="P24468" t="s">
        <v>86</v>
      </c>
      <c r="Q24468">
        <v>6</v>
      </c>
      <c r="R24468">
        <v>6</v>
      </c>
      <c r="S24468">
        <v>6</v>
      </c>
      <c r="T24468">
        <v>7</v>
      </c>
      <c r="U24468">
        <v>7</v>
      </c>
      <c r="V24468">
        <v>7</v>
      </c>
      <c r="W24468">
        <v>7</v>
      </c>
      <c r="X24468">
        <v>7</v>
      </c>
      <c r="Y24468">
        <v>7</v>
      </c>
      <c r="Z24468">
        <v>8</v>
      </c>
      <c r="AA24468">
        <v>8</v>
      </c>
      <c r="AB24468">
        <v>8</v>
      </c>
      <c r="AC24468">
        <v>8</v>
      </c>
      <c r="AD24468">
        <v>8</v>
      </c>
      <c r="AE24468">
        <v>8</v>
      </c>
      <c r="AF24468">
        <v>9</v>
      </c>
      <c r="AG24468">
        <v>9</v>
      </c>
      <c r="AH24468">
        <v>9</v>
      </c>
      <c r="AI24468">
        <v>9</v>
      </c>
      <c r="AJ24468">
        <v>9</v>
      </c>
      <c r="AK24468">
        <v>9</v>
      </c>
      <c r="AL24468">
        <v>9</v>
      </c>
      <c r="AM24468">
        <v>9</v>
      </c>
      <c r="AN24468">
        <v>9</v>
      </c>
      <c r="AO24468">
        <v>9</v>
      </c>
      <c r="AP24468">
        <v>9</v>
      </c>
      <c r="AQ24468">
        <v>9</v>
      </c>
    </row>
    <row r="24469" spans="1:43">
      <c r="A24469" t="s">
        <v>15153</v>
      </c>
      <c r="B24469" t="s">
        <v>15154</v>
      </c>
      <c r="C24469" t="s">
        <v>15135</v>
      </c>
      <c r="D24469" t="s">
        <v>15136</v>
      </c>
      <c r="E24469" t="s">
        <v>15101</v>
      </c>
      <c r="F24469" t="s">
        <v>15102</v>
      </c>
      <c r="G24469" t="s">
        <v>10734</v>
      </c>
      <c r="H24469" t="s">
        <v>10735</v>
      </c>
      <c r="I24469" s="2">
        <v>1</v>
      </c>
      <c r="J24469" s="2">
        <v>0</v>
      </c>
      <c r="K24469" s="2">
        <v>0</v>
      </c>
      <c r="L24469" t="s">
        <v>120</v>
      </c>
      <c r="M24469" t="s">
        <v>83</v>
      </c>
      <c r="N24469" t="s">
        <v>91</v>
      </c>
      <c r="O24469" t="s">
        <v>85</v>
      </c>
      <c r="P24469" t="s">
        <v>86</v>
      </c>
      <c r="Q24469">
        <v>6</v>
      </c>
      <c r="R24469">
        <v>6</v>
      </c>
      <c r="S24469">
        <v>6</v>
      </c>
      <c r="T24469">
        <v>6</v>
      </c>
      <c r="U24469">
        <v>6</v>
      </c>
      <c r="V24469">
        <v>7</v>
      </c>
      <c r="W24469">
        <v>7</v>
      </c>
      <c r="X24469">
        <v>7</v>
      </c>
      <c r="Y24469">
        <v>7</v>
      </c>
      <c r="Z24469">
        <v>7</v>
      </c>
      <c r="AA24469">
        <v>7</v>
      </c>
      <c r="AB24469">
        <v>7</v>
      </c>
      <c r="AC24469">
        <v>8</v>
      </c>
      <c r="AD24469">
        <v>8</v>
      </c>
      <c r="AE24469">
        <v>8</v>
      </c>
      <c r="AF24469">
        <v>8</v>
      </c>
      <c r="AG24469">
        <v>8</v>
      </c>
      <c r="AH24469">
        <v>8</v>
      </c>
      <c r="AI24469">
        <v>8</v>
      </c>
      <c r="AJ24469">
        <v>9</v>
      </c>
      <c r="AK24469">
        <v>9</v>
      </c>
      <c r="AL24469">
        <v>9</v>
      </c>
      <c r="AM24469">
        <v>9</v>
      </c>
      <c r="AN24469">
        <v>9</v>
      </c>
      <c r="AO24469">
        <v>9</v>
      </c>
      <c r="AP24469">
        <v>9</v>
      </c>
      <c r="AQ24469">
        <v>9</v>
      </c>
    </row>
    <row r="24470" spans="1:43">
      <c r="A24470" t="s">
        <v>15155</v>
      </c>
      <c r="B24470" t="s">
        <v>15156</v>
      </c>
      <c r="C24470" t="s">
        <v>15149</v>
      </c>
      <c r="D24470" t="s">
        <v>15150</v>
      </c>
      <c r="E24470" t="s">
        <v>15101</v>
      </c>
      <c r="F24470" t="s">
        <v>15102</v>
      </c>
      <c r="G24470" t="s">
        <v>10734</v>
      </c>
      <c r="H24470" t="s">
        <v>10735</v>
      </c>
      <c r="I24470" s="2">
        <v>1</v>
      </c>
      <c r="J24470" s="2">
        <v>0</v>
      </c>
      <c r="K24470" s="2">
        <v>0</v>
      </c>
      <c r="L24470" t="s">
        <v>120</v>
      </c>
      <c r="M24470" t="s">
        <v>83</v>
      </c>
      <c r="N24470" t="s">
        <v>84</v>
      </c>
      <c r="O24470" t="s">
        <v>85</v>
      </c>
      <c r="P24470" t="s">
        <v>86</v>
      </c>
      <c r="Q24470">
        <v>17</v>
      </c>
      <c r="R24470">
        <v>17</v>
      </c>
      <c r="S24470">
        <v>17</v>
      </c>
      <c r="T24470">
        <v>18</v>
      </c>
      <c r="U24470">
        <v>18</v>
      </c>
      <c r="V24470">
        <v>18</v>
      </c>
      <c r="W24470">
        <v>19</v>
      </c>
      <c r="X24470">
        <v>19</v>
      </c>
      <c r="Y24470">
        <v>20</v>
      </c>
      <c r="Z24470">
        <v>20</v>
      </c>
      <c r="AA24470">
        <v>20</v>
      </c>
      <c r="AB24470">
        <v>21</v>
      </c>
      <c r="AC24470">
        <v>21</v>
      </c>
      <c r="AD24470">
        <v>22</v>
      </c>
      <c r="AE24470">
        <v>22</v>
      </c>
      <c r="AF24470">
        <v>22</v>
      </c>
      <c r="AG24470">
        <v>23</v>
      </c>
      <c r="AH24470">
        <v>23</v>
      </c>
      <c r="AI24470">
        <v>24</v>
      </c>
      <c r="AJ24470">
        <v>24</v>
      </c>
      <c r="AK24470">
        <v>24</v>
      </c>
      <c r="AL24470">
        <v>25</v>
      </c>
      <c r="AM24470">
        <v>25</v>
      </c>
      <c r="AN24470">
        <v>25</v>
      </c>
      <c r="AO24470">
        <v>25</v>
      </c>
      <c r="AP24470">
        <v>25</v>
      </c>
      <c r="AQ24470">
        <v>26</v>
      </c>
    </row>
    <row r="24471" spans="1:43">
      <c r="A24471" t="s">
        <v>15155</v>
      </c>
      <c r="B24471" t="s">
        <v>15156</v>
      </c>
      <c r="C24471" t="s">
        <v>15149</v>
      </c>
      <c r="D24471" t="s">
        <v>15150</v>
      </c>
      <c r="E24471" t="s">
        <v>15101</v>
      </c>
      <c r="F24471" t="s">
        <v>15102</v>
      </c>
      <c r="G24471" t="s">
        <v>10734</v>
      </c>
      <c r="H24471" t="s">
        <v>10735</v>
      </c>
      <c r="I24471" s="2">
        <v>1</v>
      </c>
      <c r="J24471" s="2">
        <v>0</v>
      </c>
      <c r="K24471" s="2">
        <v>0</v>
      </c>
      <c r="L24471" t="s">
        <v>120</v>
      </c>
      <c r="M24471" t="s">
        <v>87</v>
      </c>
      <c r="N24471" t="s">
        <v>88</v>
      </c>
      <c r="O24471" t="s">
        <v>85</v>
      </c>
      <c r="P24471" t="s">
        <v>86</v>
      </c>
      <c r="Q24471">
        <v>17</v>
      </c>
      <c r="R24471">
        <v>18</v>
      </c>
      <c r="S24471">
        <v>18</v>
      </c>
      <c r="T24471">
        <v>18</v>
      </c>
      <c r="U24471">
        <v>18</v>
      </c>
      <c r="V24471">
        <v>18</v>
      </c>
      <c r="W24471">
        <v>19</v>
      </c>
      <c r="X24471">
        <v>19</v>
      </c>
      <c r="Y24471">
        <v>19</v>
      </c>
      <c r="Z24471">
        <v>19</v>
      </c>
      <c r="AA24471">
        <v>20</v>
      </c>
      <c r="AB24471">
        <v>20</v>
      </c>
      <c r="AC24471">
        <v>20</v>
      </c>
      <c r="AD24471">
        <v>20</v>
      </c>
      <c r="AE24471">
        <v>20</v>
      </c>
      <c r="AF24471">
        <v>21</v>
      </c>
      <c r="AG24471">
        <v>21</v>
      </c>
      <c r="AH24471">
        <v>21</v>
      </c>
      <c r="AI24471">
        <v>21</v>
      </c>
      <c r="AJ24471">
        <v>22</v>
      </c>
      <c r="AK24471">
        <v>22</v>
      </c>
      <c r="AL24471">
        <v>22</v>
      </c>
      <c r="AM24471">
        <v>22</v>
      </c>
      <c r="AN24471">
        <v>23</v>
      </c>
      <c r="AO24471">
        <v>23</v>
      </c>
      <c r="AP24471">
        <v>23</v>
      </c>
      <c r="AQ24471">
        <v>23</v>
      </c>
    </row>
    <row r="24472" spans="1:43">
      <c r="A24472" t="s">
        <v>15155</v>
      </c>
      <c r="B24472" t="s">
        <v>15156</v>
      </c>
      <c r="C24472" t="s">
        <v>15149</v>
      </c>
      <c r="D24472" t="s">
        <v>15150</v>
      </c>
      <c r="E24472" t="s">
        <v>15101</v>
      </c>
      <c r="F24472" t="s">
        <v>15102</v>
      </c>
      <c r="G24472" t="s">
        <v>10734</v>
      </c>
      <c r="H24472" t="s">
        <v>10735</v>
      </c>
      <c r="I24472" s="2">
        <v>1</v>
      </c>
      <c r="J24472" s="2">
        <v>0</v>
      </c>
      <c r="K24472" s="2">
        <v>0</v>
      </c>
      <c r="L24472" t="s">
        <v>120</v>
      </c>
      <c r="M24472" t="s">
        <v>89</v>
      </c>
      <c r="N24472" t="s">
        <v>90</v>
      </c>
      <c r="O24472" t="s">
        <v>85</v>
      </c>
      <c r="P24472" t="s">
        <v>86</v>
      </c>
      <c r="Q24472">
        <v>17</v>
      </c>
      <c r="R24472">
        <v>17</v>
      </c>
      <c r="S24472">
        <v>18</v>
      </c>
      <c r="T24472">
        <v>18</v>
      </c>
      <c r="U24472">
        <v>19</v>
      </c>
      <c r="V24472">
        <v>19</v>
      </c>
      <c r="W24472">
        <v>20</v>
      </c>
      <c r="X24472">
        <v>20</v>
      </c>
      <c r="Y24472">
        <v>21</v>
      </c>
      <c r="Z24472">
        <v>21</v>
      </c>
      <c r="AA24472">
        <v>22</v>
      </c>
      <c r="AB24472">
        <v>22</v>
      </c>
      <c r="AC24472">
        <v>23</v>
      </c>
      <c r="AD24472">
        <v>23</v>
      </c>
      <c r="AE24472">
        <v>24</v>
      </c>
      <c r="AF24472">
        <v>24</v>
      </c>
      <c r="AG24472">
        <v>24</v>
      </c>
      <c r="AH24472">
        <v>24</v>
      </c>
      <c r="AI24472">
        <v>24</v>
      </c>
      <c r="AJ24472">
        <v>24</v>
      </c>
      <c r="AK24472">
        <v>25</v>
      </c>
      <c r="AL24472">
        <v>25</v>
      </c>
      <c r="AM24472">
        <v>25</v>
      </c>
      <c r="AN24472">
        <v>25</v>
      </c>
      <c r="AO24472">
        <v>25</v>
      </c>
      <c r="AP24472">
        <v>26</v>
      </c>
      <c r="AQ24472">
        <v>26</v>
      </c>
    </row>
    <row r="24473" spans="1:43">
      <c r="A24473" t="s">
        <v>15155</v>
      </c>
      <c r="B24473" t="s">
        <v>15156</v>
      </c>
      <c r="C24473" t="s">
        <v>15149</v>
      </c>
      <c r="D24473" t="s">
        <v>15150</v>
      </c>
      <c r="E24473" t="s">
        <v>15101</v>
      </c>
      <c r="F24473" t="s">
        <v>15102</v>
      </c>
      <c r="G24473" t="s">
        <v>10734</v>
      </c>
      <c r="H24473" t="s">
        <v>10735</v>
      </c>
      <c r="I24473" s="2">
        <v>1</v>
      </c>
      <c r="J24473" s="2">
        <v>0</v>
      </c>
      <c r="K24473" s="2">
        <v>0</v>
      </c>
      <c r="L24473" t="s">
        <v>120</v>
      </c>
      <c r="M24473" t="s">
        <v>83</v>
      </c>
      <c r="N24473" t="s">
        <v>91</v>
      </c>
      <c r="O24473" t="s">
        <v>85</v>
      </c>
      <c r="P24473" t="s">
        <v>86</v>
      </c>
      <c r="Q24473">
        <v>17</v>
      </c>
      <c r="R24473">
        <v>17</v>
      </c>
      <c r="S24473">
        <v>17</v>
      </c>
      <c r="T24473">
        <v>18</v>
      </c>
      <c r="U24473">
        <v>18</v>
      </c>
      <c r="V24473">
        <v>18</v>
      </c>
      <c r="W24473">
        <v>19</v>
      </c>
      <c r="X24473">
        <v>19</v>
      </c>
      <c r="Y24473">
        <v>20</v>
      </c>
      <c r="Z24473">
        <v>20</v>
      </c>
      <c r="AA24473">
        <v>20</v>
      </c>
      <c r="AB24473">
        <v>21</v>
      </c>
      <c r="AC24473">
        <v>21</v>
      </c>
      <c r="AD24473">
        <v>22</v>
      </c>
      <c r="AE24473">
        <v>22</v>
      </c>
      <c r="AF24473">
        <v>22</v>
      </c>
      <c r="AG24473">
        <v>23</v>
      </c>
      <c r="AH24473">
        <v>23</v>
      </c>
      <c r="AI24473">
        <v>24</v>
      </c>
      <c r="AJ24473">
        <v>24</v>
      </c>
      <c r="AK24473">
        <v>24</v>
      </c>
      <c r="AL24473">
        <v>25</v>
      </c>
      <c r="AM24473">
        <v>25</v>
      </c>
      <c r="AN24473">
        <v>25</v>
      </c>
      <c r="AO24473">
        <v>25</v>
      </c>
      <c r="AP24473">
        <v>25</v>
      </c>
      <c r="AQ24473">
        <v>26</v>
      </c>
    </row>
    <row r="24474" spans="1:43">
      <c r="A24474" t="s">
        <v>15157</v>
      </c>
      <c r="B24474" t="s">
        <v>15158</v>
      </c>
      <c r="C24474" t="s">
        <v>15149</v>
      </c>
      <c r="D24474" t="s">
        <v>15150</v>
      </c>
      <c r="E24474" t="s">
        <v>15101</v>
      </c>
      <c r="F24474" t="s">
        <v>15102</v>
      </c>
      <c r="G24474" t="s">
        <v>10734</v>
      </c>
      <c r="H24474" t="s">
        <v>10735</v>
      </c>
      <c r="I24474" s="2">
        <v>1</v>
      </c>
      <c r="J24474" s="2">
        <v>0</v>
      </c>
      <c r="K24474" s="2">
        <v>0</v>
      </c>
      <c r="L24474" t="s">
        <v>120</v>
      </c>
      <c r="M24474" t="s">
        <v>83</v>
      </c>
      <c r="N24474" t="s">
        <v>84</v>
      </c>
      <c r="O24474" t="s">
        <v>85</v>
      </c>
      <c r="P24474" t="s">
        <v>86</v>
      </c>
      <c r="Q24474">
        <v>28</v>
      </c>
      <c r="R24474">
        <v>29</v>
      </c>
      <c r="S24474">
        <v>29</v>
      </c>
      <c r="T24474">
        <v>30</v>
      </c>
      <c r="U24474">
        <v>31</v>
      </c>
      <c r="V24474">
        <v>31</v>
      </c>
      <c r="W24474">
        <v>32</v>
      </c>
      <c r="X24474">
        <v>32</v>
      </c>
      <c r="Y24474">
        <v>33</v>
      </c>
      <c r="Z24474">
        <v>34</v>
      </c>
      <c r="AA24474">
        <v>34</v>
      </c>
      <c r="AB24474">
        <v>35</v>
      </c>
      <c r="AC24474">
        <v>36</v>
      </c>
      <c r="AD24474">
        <v>36</v>
      </c>
      <c r="AE24474">
        <v>37</v>
      </c>
      <c r="AF24474">
        <v>38</v>
      </c>
      <c r="AG24474">
        <v>38</v>
      </c>
      <c r="AH24474">
        <v>39</v>
      </c>
      <c r="AI24474">
        <v>40</v>
      </c>
      <c r="AJ24474">
        <v>40</v>
      </c>
      <c r="AK24474">
        <v>41</v>
      </c>
      <c r="AL24474">
        <v>42</v>
      </c>
      <c r="AM24474">
        <v>42</v>
      </c>
      <c r="AN24474">
        <v>42</v>
      </c>
      <c r="AO24474">
        <v>43</v>
      </c>
      <c r="AP24474">
        <v>43</v>
      </c>
      <c r="AQ24474">
        <v>43</v>
      </c>
    </row>
    <row r="24475" spans="1:43">
      <c r="A24475" t="s">
        <v>15157</v>
      </c>
      <c r="B24475" t="s">
        <v>15158</v>
      </c>
      <c r="C24475" t="s">
        <v>15149</v>
      </c>
      <c r="D24475" t="s">
        <v>15150</v>
      </c>
      <c r="E24475" t="s">
        <v>15101</v>
      </c>
      <c r="F24475" t="s">
        <v>15102</v>
      </c>
      <c r="G24475" t="s">
        <v>10734</v>
      </c>
      <c r="H24475" t="s">
        <v>10735</v>
      </c>
      <c r="I24475" s="2">
        <v>1</v>
      </c>
      <c r="J24475" s="2">
        <v>0</v>
      </c>
      <c r="K24475" s="2">
        <v>0</v>
      </c>
      <c r="L24475" t="s">
        <v>120</v>
      </c>
      <c r="M24475" t="s">
        <v>87</v>
      </c>
      <c r="N24475" t="s">
        <v>88</v>
      </c>
      <c r="O24475" t="s">
        <v>85</v>
      </c>
      <c r="P24475" t="s">
        <v>86</v>
      </c>
      <c r="Q24475">
        <v>28</v>
      </c>
      <c r="R24475">
        <v>28</v>
      </c>
      <c r="S24475">
        <v>28</v>
      </c>
      <c r="T24475">
        <v>29</v>
      </c>
      <c r="U24475">
        <v>29</v>
      </c>
      <c r="V24475">
        <v>30</v>
      </c>
      <c r="W24475">
        <v>30</v>
      </c>
      <c r="X24475">
        <v>30</v>
      </c>
      <c r="Y24475">
        <v>31</v>
      </c>
      <c r="Z24475">
        <v>31</v>
      </c>
      <c r="AA24475">
        <v>31</v>
      </c>
      <c r="AB24475">
        <v>32</v>
      </c>
      <c r="AC24475">
        <v>32</v>
      </c>
      <c r="AD24475">
        <v>32</v>
      </c>
      <c r="AE24475">
        <v>33</v>
      </c>
      <c r="AF24475">
        <v>33</v>
      </c>
      <c r="AG24475">
        <v>34</v>
      </c>
      <c r="AH24475">
        <v>34</v>
      </c>
      <c r="AI24475">
        <v>34</v>
      </c>
      <c r="AJ24475">
        <v>35</v>
      </c>
      <c r="AK24475">
        <v>35</v>
      </c>
      <c r="AL24475">
        <v>35</v>
      </c>
      <c r="AM24475">
        <v>36</v>
      </c>
      <c r="AN24475">
        <v>36</v>
      </c>
      <c r="AO24475">
        <v>37</v>
      </c>
      <c r="AP24475">
        <v>37</v>
      </c>
      <c r="AQ24475">
        <v>37</v>
      </c>
    </row>
    <row r="24476" spans="1:43">
      <c r="A24476" t="s">
        <v>15157</v>
      </c>
      <c r="B24476" t="s">
        <v>15158</v>
      </c>
      <c r="C24476" t="s">
        <v>15149</v>
      </c>
      <c r="D24476" t="s">
        <v>15150</v>
      </c>
      <c r="E24476" t="s">
        <v>15101</v>
      </c>
      <c r="F24476" t="s">
        <v>15102</v>
      </c>
      <c r="G24476" t="s">
        <v>10734</v>
      </c>
      <c r="H24476" t="s">
        <v>10735</v>
      </c>
      <c r="I24476" s="2">
        <v>1</v>
      </c>
      <c r="J24476" s="2">
        <v>0</v>
      </c>
      <c r="K24476" s="2">
        <v>0</v>
      </c>
      <c r="L24476" t="s">
        <v>120</v>
      </c>
      <c r="M24476" t="s">
        <v>89</v>
      </c>
      <c r="N24476" t="s">
        <v>90</v>
      </c>
      <c r="O24476" t="s">
        <v>85</v>
      </c>
      <c r="P24476" t="s">
        <v>86</v>
      </c>
      <c r="Q24476">
        <v>28</v>
      </c>
      <c r="R24476">
        <v>29</v>
      </c>
      <c r="S24476">
        <v>30</v>
      </c>
      <c r="T24476">
        <v>31</v>
      </c>
      <c r="U24476">
        <v>32</v>
      </c>
      <c r="V24476">
        <v>33</v>
      </c>
      <c r="W24476">
        <v>33</v>
      </c>
      <c r="X24476">
        <v>34</v>
      </c>
      <c r="Y24476">
        <v>35</v>
      </c>
      <c r="Z24476">
        <v>36</v>
      </c>
      <c r="AA24476">
        <v>37</v>
      </c>
      <c r="AB24476">
        <v>37</v>
      </c>
      <c r="AC24476">
        <v>38</v>
      </c>
      <c r="AD24476">
        <v>39</v>
      </c>
      <c r="AE24476">
        <v>40</v>
      </c>
      <c r="AF24476">
        <v>40</v>
      </c>
      <c r="AG24476">
        <v>40</v>
      </c>
      <c r="AH24476">
        <v>41</v>
      </c>
      <c r="AI24476">
        <v>41</v>
      </c>
      <c r="AJ24476">
        <v>41</v>
      </c>
      <c r="AK24476">
        <v>42</v>
      </c>
      <c r="AL24476">
        <v>42</v>
      </c>
      <c r="AM24476">
        <v>42</v>
      </c>
      <c r="AN24476">
        <v>43</v>
      </c>
      <c r="AO24476">
        <v>43</v>
      </c>
      <c r="AP24476">
        <v>43</v>
      </c>
      <c r="AQ24476">
        <v>44</v>
      </c>
    </row>
    <row r="24477" spans="1:43">
      <c r="A24477" t="s">
        <v>15157</v>
      </c>
      <c r="B24477" t="s">
        <v>15158</v>
      </c>
      <c r="C24477" t="s">
        <v>15149</v>
      </c>
      <c r="D24477" t="s">
        <v>15150</v>
      </c>
      <c r="E24477" t="s">
        <v>15101</v>
      </c>
      <c r="F24477" t="s">
        <v>15102</v>
      </c>
      <c r="G24477" t="s">
        <v>10734</v>
      </c>
      <c r="H24477" t="s">
        <v>10735</v>
      </c>
      <c r="I24477" s="2">
        <v>1</v>
      </c>
      <c r="J24477" s="2">
        <v>0</v>
      </c>
      <c r="K24477" s="2">
        <v>0</v>
      </c>
      <c r="L24477" t="s">
        <v>120</v>
      </c>
      <c r="M24477" t="s">
        <v>83</v>
      </c>
      <c r="N24477" t="s">
        <v>91</v>
      </c>
      <c r="O24477" t="s">
        <v>85</v>
      </c>
      <c r="P24477" t="s">
        <v>86</v>
      </c>
      <c r="Q24477">
        <v>28</v>
      </c>
      <c r="R24477">
        <v>29</v>
      </c>
      <c r="S24477">
        <v>29</v>
      </c>
      <c r="T24477">
        <v>30</v>
      </c>
      <c r="U24477">
        <v>31</v>
      </c>
      <c r="V24477">
        <v>31</v>
      </c>
      <c r="W24477">
        <v>32</v>
      </c>
      <c r="X24477">
        <v>32</v>
      </c>
      <c r="Y24477">
        <v>33</v>
      </c>
      <c r="Z24477">
        <v>34</v>
      </c>
      <c r="AA24477">
        <v>34</v>
      </c>
      <c r="AB24477">
        <v>35</v>
      </c>
      <c r="AC24477">
        <v>36</v>
      </c>
      <c r="AD24477">
        <v>36</v>
      </c>
      <c r="AE24477">
        <v>37</v>
      </c>
      <c r="AF24477">
        <v>38</v>
      </c>
      <c r="AG24477">
        <v>38</v>
      </c>
      <c r="AH24477">
        <v>39</v>
      </c>
      <c r="AI24477">
        <v>40</v>
      </c>
      <c r="AJ24477">
        <v>40</v>
      </c>
      <c r="AK24477">
        <v>41</v>
      </c>
      <c r="AL24477">
        <v>42</v>
      </c>
      <c r="AM24477">
        <v>42</v>
      </c>
      <c r="AN24477">
        <v>42</v>
      </c>
      <c r="AO24477">
        <v>43</v>
      </c>
      <c r="AP24477">
        <v>43</v>
      </c>
      <c r="AQ24477">
        <v>43</v>
      </c>
    </row>
    <row r="24478" spans="1:43">
      <c r="A24478" t="s">
        <v>15159</v>
      </c>
      <c r="B24478" t="s">
        <v>15160</v>
      </c>
      <c r="C24478" t="s">
        <v>15141</v>
      </c>
      <c r="D24478" t="s">
        <v>15142</v>
      </c>
      <c r="E24478" t="s">
        <v>15101</v>
      </c>
      <c r="F24478" t="s">
        <v>15102</v>
      </c>
      <c r="G24478" t="s">
        <v>10734</v>
      </c>
      <c r="H24478" t="s">
        <v>10735</v>
      </c>
      <c r="I24478" s="2">
        <v>1</v>
      </c>
      <c r="J24478" s="2">
        <v>0</v>
      </c>
      <c r="K24478" s="2">
        <v>0</v>
      </c>
      <c r="L24478" t="s">
        <v>120</v>
      </c>
      <c r="M24478" t="s">
        <v>83</v>
      </c>
      <c r="N24478" t="s">
        <v>84</v>
      </c>
      <c r="O24478" t="s">
        <v>85</v>
      </c>
      <c r="P24478" t="s">
        <v>86</v>
      </c>
      <c r="Q24478">
        <v>3</v>
      </c>
      <c r="R24478">
        <v>3</v>
      </c>
      <c r="S24478">
        <v>3</v>
      </c>
      <c r="T24478">
        <v>3</v>
      </c>
      <c r="U24478">
        <v>3</v>
      </c>
      <c r="V24478">
        <v>3</v>
      </c>
      <c r="W24478">
        <v>3</v>
      </c>
      <c r="X24478">
        <v>3</v>
      </c>
      <c r="Y24478">
        <v>3</v>
      </c>
      <c r="Z24478">
        <v>3</v>
      </c>
      <c r="AA24478">
        <v>3</v>
      </c>
      <c r="AB24478">
        <v>3</v>
      </c>
      <c r="AC24478">
        <v>3</v>
      </c>
      <c r="AD24478">
        <v>3</v>
      </c>
      <c r="AE24478">
        <v>4</v>
      </c>
      <c r="AF24478">
        <v>4</v>
      </c>
      <c r="AG24478">
        <v>4</v>
      </c>
      <c r="AH24478">
        <v>4</v>
      </c>
      <c r="AI24478">
        <v>4</v>
      </c>
      <c r="AJ24478">
        <v>4</v>
      </c>
      <c r="AK24478">
        <v>4</v>
      </c>
      <c r="AL24478">
        <v>4</v>
      </c>
      <c r="AM24478">
        <v>4</v>
      </c>
      <c r="AN24478">
        <v>4</v>
      </c>
      <c r="AO24478">
        <v>4</v>
      </c>
      <c r="AP24478">
        <v>4</v>
      </c>
      <c r="AQ24478">
        <v>4</v>
      </c>
    </row>
    <row r="24479" spans="1:43">
      <c r="A24479" t="s">
        <v>15159</v>
      </c>
      <c r="B24479" t="s">
        <v>15160</v>
      </c>
      <c r="C24479" t="s">
        <v>15141</v>
      </c>
      <c r="D24479" t="s">
        <v>15142</v>
      </c>
      <c r="E24479" t="s">
        <v>15101</v>
      </c>
      <c r="F24479" t="s">
        <v>15102</v>
      </c>
      <c r="G24479" t="s">
        <v>10734</v>
      </c>
      <c r="H24479" t="s">
        <v>10735</v>
      </c>
      <c r="I24479" s="2">
        <v>1</v>
      </c>
      <c r="J24479" s="2">
        <v>0</v>
      </c>
      <c r="K24479" s="2">
        <v>0</v>
      </c>
      <c r="L24479" t="s">
        <v>120</v>
      </c>
      <c r="M24479" t="s">
        <v>87</v>
      </c>
      <c r="N24479" t="s">
        <v>88</v>
      </c>
      <c r="O24479" t="s">
        <v>85</v>
      </c>
      <c r="P24479" t="s">
        <v>86</v>
      </c>
      <c r="Q24479">
        <v>3</v>
      </c>
      <c r="R24479">
        <v>3</v>
      </c>
      <c r="S24479">
        <v>3</v>
      </c>
      <c r="T24479">
        <v>3</v>
      </c>
      <c r="U24479">
        <v>3</v>
      </c>
      <c r="V24479">
        <v>3</v>
      </c>
      <c r="W24479">
        <v>3</v>
      </c>
      <c r="X24479">
        <v>3</v>
      </c>
      <c r="Y24479">
        <v>3</v>
      </c>
      <c r="Z24479">
        <v>3</v>
      </c>
      <c r="AA24479">
        <v>3</v>
      </c>
      <c r="AB24479">
        <v>3</v>
      </c>
      <c r="AC24479">
        <v>3</v>
      </c>
      <c r="AD24479">
        <v>3</v>
      </c>
      <c r="AE24479">
        <v>3</v>
      </c>
      <c r="AF24479">
        <v>3</v>
      </c>
      <c r="AG24479">
        <v>3</v>
      </c>
      <c r="AH24479">
        <v>3</v>
      </c>
      <c r="AI24479">
        <v>3</v>
      </c>
      <c r="AJ24479">
        <v>3</v>
      </c>
      <c r="AK24479">
        <v>3</v>
      </c>
      <c r="AL24479">
        <v>3</v>
      </c>
      <c r="AM24479">
        <v>3</v>
      </c>
      <c r="AN24479">
        <v>3</v>
      </c>
      <c r="AO24479">
        <v>3</v>
      </c>
      <c r="AP24479">
        <v>4</v>
      </c>
      <c r="AQ24479">
        <v>4</v>
      </c>
    </row>
    <row r="24480" spans="1:43">
      <c r="A24480" t="s">
        <v>15159</v>
      </c>
      <c r="B24480" t="s">
        <v>15160</v>
      </c>
      <c r="C24480" t="s">
        <v>15141</v>
      </c>
      <c r="D24480" t="s">
        <v>15142</v>
      </c>
      <c r="E24480" t="s">
        <v>15101</v>
      </c>
      <c r="F24480" t="s">
        <v>15102</v>
      </c>
      <c r="G24480" t="s">
        <v>10734</v>
      </c>
      <c r="H24480" t="s">
        <v>10735</v>
      </c>
      <c r="I24480" s="2">
        <v>1</v>
      </c>
      <c r="J24480" s="2">
        <v>0</v>
      </c>
      <c r="K24480" s="2">
        <v>0</v>
      </c>
      <c r="L24480" t="s">
        <v>120</v>
      </c>
      <c r="M24480" t="s">
        <v>89</v>
      </c>
      <c r="N24480" t="s">
        <v>90</v>
      </c>
      <c r="O24480" t="s">
        <v>85</v>
      </c>
      <c r="P24480" t="s">
        <v>86</v>
      </c>
      <c r="Q24480">
        <v>3</v>
      </c>
      <c r="R24480">
        <v>3</v>
      </c>
      <c r="S24480">
        <v>3</v>
      </c>
      <c r="T24480">
        <v>3</v>
      </c>
      <c r="U24480">
        <v>3</v>
      </c>
      <c r="V24480">
        <v>3</v>
      </c>
      <c r="W24480">
        <v>3</v>
      </c>
      <c r="X24480">
        <v>3</v>
      </c>
      <c r="Y24480">
        <v>3</v>
      </c>
      <c r="Z24480">
        <v>3</v>
      </c>
      <c r="AA24480">
        <v>3</v>
      </c>
      <c r="AB24480">
        <v>4</v>
      </c>
      <c r="AC24480">
        <v>4</v>
      </c>
      <c r="AD24480">
        <v>4</v>
      </c>
      <c r="AE24480">
        <v>4</v>
      </c>
      <c r="AF24480">
        <v>4</v>
      </c>
      <c r="AG24480">
        <v>4</v>
      </c>
      <c r="AH24480">
        <v>4</v>
      </c>
      <c r="AI24480">
        <v>4</v>
      </c>
      <c r="AJ24480">
        <v>4</v>
      </c>
      <c r="AK24480">
        <v>4</v>
      </c>
      <c r="AL24480">
        <v>4</v>
      </c>
      <c r="AM24480">
        <v>4</v>
      </c>
      <c r="AN24480">
        <v>4</v>
      </c>
      <c r="AO24480">
        <v>4</v>
      </c>
      <c r="AP24480">
        <v>4</v>
      </c>
      <c r="AQ24480">
        <v>4</v>
      </c>
    </row>
    <row r="24481" spans="1:43">
      <c r="A24481" t="s">
        <v>15159</v>
      </c>
      <c r="B24481" t="s">
        <v>15160</v>
      </c>
      <c r="C24481" t="s">
        <v>15141</v>
      </c>
      <c r="D24481" t="s">
        <v>15142</v>
      </c>
      <c r="E24481" t="s">
        <v>15101</v>
      </c>
      <c r="F24481" t="s">
        <v>15102</v>
      </c>
      <c r="G24481" t="s">
        <v>10734</v>
      </c>
      <c r="H24481" t="s">
        <v>10735</v>
      </c>
      <c r="I24481" s="2">
        <v>1</v>
      </c>
      <c r="J24481" s="2">
        <v>0</v>
      </c>
      <c r="K24481" s="2">
        <v>0</v>
      </c>
      <c r="L24481" t="s">
        <v>120</v>
      </c>
      <c r="M24481" t="s">
        <v>83</v>
      </c>
      <c r="N24481" t="s">
        <v>91</v>
      </c>
      <c r="O24481" t="s">
        <v>85</v>
      </c>
      <c r="P24481" t="s">
        <v>86</v>
      </c>
      <c r="Q24481">
        <v>3</v>
      </c>
      <c r="R24481">
        <v>3</v>
      </c>
      <c r="S24481">
        <v>3</v>
      </c>
      <c r="T24481">
        <v>3</v>
      </c>
      <c r="U24481">
        <v>3</v>
      </c>
      <c r="V24481">
        <v>3</v>
      </c>
      <c r="W24481">
        <v>3</v>
      </c>
      <c r="X24481">
        <v>3</v>
      </c>
      <c r="Y24481">
        <v>3</v>
      </c>
      <c r="Z24481">
        <v>3</v>
      </c>
      <c r="AA24481">
        <v>3</v>
      </c>
      <c r="AB24481">
        <v>3</v>
      </c>
      <c r="AC24481">
        <v>3</v>
      </c>
      <c r="AD24481">
        <v>3</v>
      </c>
      <c r="AE24481">
        <v>4</v>
      </c>
      <c r="AF24481">
        <v>4</v>
      </c>
      <c r="AG24481">
        <v>4</v>
      </c>
      <c r="AH24481">
        <v>4</v>
      </c>
      <c r="AI24481">
        <v>4</v>
      </c>
      <c r="AJ24481">
        <v>4</v>
      </c>
      <c r="AK24481">
        <v>4</v>
      </c>
      <c r="AL24481">
        <v>4</v>
      </c>
      <c r="AM24481">
        <v>4</v>
      </c>
      <c r="AN24481">
        <v>4</v>
      </c>
      <c r="AO24481">
        <v>4</v>
      </c>
      <c r="AP24481">
        <v>4</v>
      </c>
      <c r="AQ24481">
        <v>4</v>
      </c>
    </row>
    <row r="24482" spans="1:43">
      <c r="A24482" t="s">
        <v>15161</v>
      </c>
      <c r="B24482" t="s">
        <v>15162</v>
      </c>
      <c r="C24482" t="s">
        <v>15125</v>
      </c>
      <c r="D24482" t="s">
        <v>15126</v>
      </c>
      <c r="E24482" t="s">
        <v>15101</v>
      </c>
      <c r="F24482" t="s">
        <v>15102</v>
      </c>
      <c r="G24482" t="s">
        <v>10734</v>
      </c>
      <c r="H24482" t="s">
        <v>10735</v>
      </c>
      <c r="I24482" s="2">
        <v>1</v>
      </c>
      <c r="J24482" s="2">
        <v>0</v>
      </c>
      <c r="K24482" s="2">
        <v>0</v>
      </c>
      <c r="L24482" t="s">
        <v>120</v>
      </c>
      <c r="M24482" t="s">
        <v>83</v>
      </c>
      <c r="N24482" t="s">
        <v>84</v>
      </c>
      <c r="O24482" t="s">
        <v>85</v>
      </c>
      <c r="P24482" t="s">
        <v>86</v>
      </c>
      <c r="Q24482">
        <v>66</v>
      </c>
      <c r="R24482">
        <v>68</v>
      </c>
      <c r="S24482">
        <v>69</v>
      </c>
      <c r="T24482">
        <v>71</v>
      </c>
      <c r="U24482">
        <v>72</v>
      </c>
      <c r="V24482">
        <v>73</v>
      </c>
      <c r="W24482">
        <v>75</v>
      </c>
      <c r="X24482">
        <v>76</v>
      </c>
      <c r="Y24482">
        <v>78</v>
      </c>
      <c r="Z24482">
        <v>79</v>
      </c>
      <c r="AA24482">
        <v>81</v>
      </c>
      <c r="AB24482">
        <v>82</v>
      </c>
      <c r="AC24482">
        <v>84</v>
      </c>
      <c r="AD24482">
        <v>85</v>
      </c>
      <c r="AE24482">
        <v>87</v>
      </c>
      <c r="AF24482">
        <v>88</v>
      </c>
      <c r="AG24482">
        <v>90</v>
      </c>
      <c r="AH24482">
        <v>92</v>
      </c>
      <c r="AI24482">
        <v>93</v>
      </c>
      <c r="AJ24482">
        <v>95</v>
      </c>
      <c r="AK24482">
        <v>96</v>
      </c>
      <c r="AL24482">
        <v>97</v>
      </c>
      <c r="AM24482">
        <v>98</v>
      </c>
      <c r="AN24482">
        <v>99</v>
      </c>
      <c r="AO24482">
        <v>100</v>
      </c>
      <c r="AP24482">
        <v>101</v>
      </c>
      <c r="AQ24482">
        <v>102</v>
      </c>
    </row>
    <row r="24483" spans="1:43">
      <c r="A24483" t="s">
        <v>15161</v>
      </c>
      <c r="B24483" t="s">
        <v>15162</v>
      </c>
      <c r="C24483" t="s">
        <v>15125</v>
      </c>
      <c r="D24483" t="s">
        <v>15126</v>
      </c>
      <c r="E24483" t="s">
        <v>15101</v>
      </c>
      <c r="F24483" t="s">
        <v>15102</v>
      </c>
      <c r="G24483" t="s">
        <v>10734</v>
      </c>
      <c r="H24483" t="s">
        <v>10735</v>
      </c>
      <c r="I24483" s="2">
        <v>1</v>
      </c>
      <c r="J24483" s="2">
        <v>0</v>
      </c>
      <c r="K24483" s="2">
        <v>0</v>
      </c>
      <c r="L24483" t="s">
        <v>120</v>
      </c>
      <c r="M24483" t="s">
        <v>87</v>
      </c>
      <c r="N24483" t="s">
        <v>88</v>
      </c>
      <c r="O24483" t="s">
        <v>85</v>
      </c>
      <c r="P24483" t="s">
        <v>86</v>
      </c>
      <c r="Q24483">
        <v>66</v>
      </c>
      <c r="R24483">
        <v>66</v>
      </c>
      <c r="S24483">
        <v>67</v>
      </c>
      <c r="T24483">
        <v>68</v>
      </c>
      <c r="U24483">
        <v>69</v>
      </c>
      <c r="V24483">
        <v>70</v>
      </c>
      <c r="W24483">
        <v>70</v>
      </c>
      <c r="X24483">
        <v>71</v>
      </c>
      <c r="Y24483">
        <v>72</v>
      </c>
      <c r="Z24483">
        <v>73</v>
      </c>
      <c r="AA24483">
        <v>74</v>
      </c>
      <c r="AB24483">
        <v>75</v>
      </c>
      <c r="AC24483">
        <v>75</v>
      </c>
      <c r="AD24483">
        <v>76</v>
      </c>
      <c r="AE24483">
        <v>77</v>
      </c>
      <c r="AF24483">
        <v>78</v>
      </c>
      <c r="AG24483">
        <v>79</v>
      </c>
      <c r="AH24483">
        <v>80</v>
      </c>
      <c r="AI24483">
        <v>80</v>
      </c>
      <c r="AJ24483">
        <v>81</v>
      </c>
      <c r="AK24483">
        <v>82</v>
      </c>
      <c r="AL24483">
        <v>83</v>
      </c>
      <c r="AM24483">
        <v>84</v>
      </c>
      <c r="AN24483">
        <v>85</v>
      </c>
      <c r="AO24483">
        <v>86</v>
      </c>
      <c r="AP24483">
        <v>87</v>
      </c>
      <c r="AQ24483">
        <v>88</v>
      </c>
    </row>
    <row r="24484" spans="1:43">
      <c r="A24484" t="s">
        <v>15161</v>
      </c>
      <c r="B24484" t="s">
        <v>15162</v>
      </c>
      <c r="C24484" t="s">
        <v>15125</v>
      </c>
      <c r="D24484" t="s">
        <v>15126</v>
      </c>
      <c r="E24484" t="s">
        <v>15101</v>
      </c>
      <c r="F24484" t="s">
        <v>15102</v>
      </c>
      <c r="G24484" t="s">
        <v>10734</v>
      </c>
      <c r="H24484" t="s">
        <v>10735</v>
      </c>
      <c r="I24484" s="2">
        <v>1</v>
      </c>
      <c r="J24484" s="2">
        <v>0</v>
      </c>
      <c r="K24484" s="2">
        <v>0</v>
      </c>
      <c r="L24484" t="s">
        <v>120</v>
      </c>
      <c r="M24484" t="s">
        <v>89</v>
      </c>
      <c r="N24484" t="s">
        <v>90</v>
      </c>
      <c r="O24484" t="s">
        <v>85</v>
      </c>
      <c r="P24484" t="s">
        <v>86</v>
      </c>
      <c r="Q24484">
        <v>66</v>
      </c>
      <c r="R24484">
        <v>68</v>
      </c>
      <c r="S24484">
        <v>70</v>
      </c>
      <c r="T24484">
        <v>72</v>
      </c>
      <c r="U24484">
        <v>74</v>
      </c>
      <c r="V24484">
        <v>76</v>
      </c>
      <c r="W24484">
        <v>78</v>
      </c>
      <c r="X24484">
        <v>80</v>
      </c>
      <c r="Y24484">
        <v>81</v>
      </c>
      <c r="Z24484">
        <v>83</v>
      </c>
      <c r="AA24484">
        <v>85</v>
      </c>
      <c r="AB24484">
        <v>87</v>
      </c>
      <c r="AC24484">
        <v>89</v>
      </c>
      <c r="AD24484">
        <v>91</v>
      </c>
      <c r="AE24484">
        <v>92</v>
      </c>
      <c r="AF24484">
        <v>93</v>
      </c>
      <c r="AG24484">
        <v>94</v>
      </c>
      <c r="AH24484">
        <v>95</v>
      </c>
      <c r="AI24484">
        <v>96</v>
      </c>
      <c r="AJ24484">
        <v>96</v>
      </c>
      <c r="AK24484">
        <v>97</v>
      </c>
      <c r="AL24484">
        <v>98</v>
      </c>
      <c r="AM24484">
        <v>99</v>
      </c>
      <c r="AN24484">
        <v>100</v>
      </c>
      <c r="AO24484">
        <v>100</v>
      </c>
      <c r="AP24484">
        <v>101</v>
      </c>
      <c r="AQ24484">
        <v>102</v>
      </c>
    </row>
    <row r="24485" spans="1:43">
      <c r="A24485" t="s">
        <v>15161</v>
      </c>
      <c r="B24485" t="s">
        <v>15162</v>
      </c>
      <c r="C24485" t="s">
        <v>15125</v>
      </c>
      <c r="D24485" t="s">
        <v>15126</v>
      </c>
      <c r="E24485" t="s">
        <v>15101</v>
      </c>
      <c r="F24485" t="s">
        <v>15102</v>
      </c>
      <c r="G24485" t="s">
        <v>10734</v>
      </c>
      <c r="H24485" t="s">
        <v>10735</v>
      </c>
      <c r="I24485" s="2">
        <v>1</v>
      </c>
      <c r="J24485" s="2">
        <v>0</v>
      </c>
      <c r="K24485" s="2">
        <v>0</v>
      </c>
      <c r="L24485" t="s">
        <v>120</v>
      </c>
      <c r="M24485" t="s">
        <v>83</v>
      </c>
      <c r="N24485" t="s">
        <v>91</v>
      </c>
      <c r="O24485" t="s">
        <v>85</v>
      </c>
      <c r="P24485" t="s">
        <v>86</v>
      </c>
      <c r="Q24485">
        <v>66</v>
      </c>
      <c r="R24485">
        <v>68</v>
      </c>
      <c r="S24485">
        <v>69</v>
      </c>
      <c r="T24485">
        <v>71</v>
      </c>
      <c r="U24485">
        <v>72</v>
      </c>
      <c r="V24485">
        <v>73</v>
      </c>
      <c r="W24485">
        <v>75</v>
      </c>
      <c r="X24485">
        <v>76</v>
      </c>
      <c r="Y24485">
        <v>78</v>
      </c>
      <c r="Z24485">
        <v>79</v>
      </c>
      <c r="AA24485">
        <v>81</v>
      </c>
      <c r="AB24485">
        <v>82</v>
      </c>
      <c r="AC24485">
        <v>84</v>
      </c>
      <c r="AD24485">
        <v>85</v>
      </c>
      <c r="AE24485">
        <v>87</v>
      </c>
      <c r="AF24485">
        <v>88</v>
      </c>
      <c r="AG24485">
        <v>90</v>
      </c>
      <c r="AH24485">
        <v>92</v>
      </c>
      <c r="AI24485">
        <v>93</v>
      </c>
      <c r="AJ24485">
        <v>95</v>
      </c>
      <c r="AK24485">
        <v>96</v>
      </c>
      <c r="AL24485">
        <v>97</v>
      </c>
      <c r="AM24485">
        <v>98</v>
      </c>
      <c r="AN24485">
        <v>99</v>
      </c>
      <c r="AO24485">
        <v>100</v>
      </c>
      <c r="AP24485">
        <v>101</v>
      </c>
      <c r="AQ24485">
        <v>102</v>
      </c>
    </row>
    <row r="24486" spans="1:43">
      <c r="A24486" t="s">
        <v>15163</v>
      </c>
      <c r="B24486" t="s">
        <v>15164</v>
      </c>
      <c r="C24486" t="s">
        <v>15125</v>
      </c>
      <c r="D24486" t="s">
        <v>15126</v>
      </c>
      <c r="E24486" t="s">
        <v>15101</v>
      </c>
      <c r="F24486" t="s">
        <v>15102</v>
      </c>
      <c r="G24486" t="s">
        <v>10734</v>
      </c>
      <c r="H24486" t="s">
        <v>10735</v>
      </c>
      <c r="I24486" s="2">
        <v>1</v>
      </c>
      <c r="J24486" s="2">
        <v>0</v>
      </c>
      <c r="K24486" s="2">
        <v>0</v>
      </c>
      <c r="L24486" t="s">
        <v>120</v>
      </c>
      <c r="M24486" t="s">
        <v>83</v>
      </c>
      <c r="N24486" t="s">
        <v>84</v>
      </c>
      <c r="O24486" t="s">
        <v>85</v>
      </c>
      <c r="P24486" t="s">
        <v>86</v>
      </c>
      <c r="Q24486">
        <v>9</v>
      </c>
      <c r="R24486">
        <v>9</v>
      </c>
      <c r="S24486">
        <v>10</v>
      </c>
      <c r="T24486">
        <v>10</v>
      </c>
      <c r="U24486">
        <v>10</v>
      </c>
      <c r="V24486">
        <v>10</v>
      </c>
      <c r="W24486">
        <v>10</v>
      </c>
      <c r="X24486">
        <v>11</v>
      </c>
      <c r="Y24486">
        <v>11</v>
      </c>
      <c r="Z24486">
        <v>11</v>
      </c>
      <c r="AA24486">
        <v>11</v>
      </c>
      <c r="AB24486">
        <v>11</v>
      </c>
      <c r="AC24486">
        <v>12</v>
      </c>
      <c r="AD24486">
        <v>12</v>
      </c>
      <c r="AE24486">
        <v>12</v>
      </c>
      <c r="AF24486">
        <v>12</v>
      </c>
      <c r="AG24486">
        <v>12</v>
      </c>
      <c r="AH24486">
        <v>13</v>
      </c>
      <c r="AI24486">
        <v>13</v>
      </c>
      <c r="AJ24486">
        <v>13</v>
      </c>
      <c r="AK24486">
        <v>13</v>
      </c>
      <c r="AL24486">
        <v>13</v>
      </c>
      <c r="AM24486">
        <v>13</v>
      </c>
      <c r="AN24486">
        <v>14</v>
      </c>
      <c r="AO24486">
        <v>14</v>
      </c>
      <c r="AP24486">
        <v>14</v>
      </c>
      <c r="AQ24486">
        <v>14</v>
      </c>
    </row>
    <row r="24487" spans="1:43">
      <c r="A24487" t="s">
        <v>15163</v>
      </c>
      <c r="B24487" t="s">
        <v>15164</v>
      </c>
      <c r="C24487" t="s">
        <v>15125</v>
      </c>
      <c r="D24487" t="s">
        <v>15126</v>
      </c>
      <c r="E24487" t="s">
        <v>15101</v>
      </c>
      <c r="F24487" t="s">
        <v>15102</v>
      </c>
      <c r="G24487" t="s">
        <v>10734</v>
      </c>
      <c r="H24487" t="s">
        <v>10735</v>
      </c>
      <c r="I24487" s="2">
        <v>1</v>
      </c>
      <c r="J24487" s="2">
        <v>0</v>
      </c>
      <c r="K24487" s="2">
        <v>0</v>
      </c>
      <c r="L24487" t="s">
        <v>120</v>
      </c>
      <c r="M24487" t="s">
        <v>87</v>
      </c>
      <c r="N24487" t="s">
        <v>88</v>
      </c>
      <c r="O24487" t="s">
        <v>85</v>
      </c>
      <c r="P24487" t="s">
        <v>86</v>
      </c>
      <c r="Q24487">
        <v>9</v>
      </c>
      <c r="R24487">
        <v>9</v>
      </c>
      <c r="S24487">
        <v>9</v>
      </c>
      <c r="T24487">
        <v>9</v>
      </c>
      <c r="U24487">
        <v>10</v>
      </c>
      <c r="V24487">
        <v>10</v>
      </c>
      <c r="W24487">
        <v>10</v>
      </c>
      <c r="X24487">
        <v>10</v>
      </c>
      <c r="Y24487">
        <v>10</v>
      </c>
      <c r="Z24487">
        <v>10</v>
      </c>
      <c r="AA24487">
        <v>10</v>
      </c>
      <c r="AB24487">
        <v>10</v>
      </c>
      <c r="AC24487">
        <v>10</v>
      </c>
      <c r="AD24487">
        <v>11</v>
      </c>
      <c r="AE24487">
        <v>11</v>
      </c>
      <c r="AF24487">
        <v>11</v>
      </c>
      <c r="AG24487">
        <v>11</v>
      </c>
      <c r="AH24487">
        <v>11</v>
      </c>
      <c r="AI24487">
        <v>11</v>
      </c>
      <c r="AJ24487">
        <v>11</v>
      </c>
      <c r="AK24487">
        <v>11</v>
      </c>
      <c r="AL24487">
        <v>12</v>
      </c>
      <c r="AM24487">
        <v>12</v>
      </c>
      <c r="AN24487">
        <v>12</v>
      </c>
      <c r="AO24487">
        <v>12</v>
      </c>
      <c r="AP24487">
        <v>12</v>
      </c>
      <c r="AQ24487">
        <v>12</v>
      </c>
    </row>
    <row r="24488" spans="1:43">
      <c r="A24488" t="s">
        <v>15163</v>
      </c>
      <c r="B24488" t="s">
        <v>15164</v>
      </c>
      <c r="C24488" t="s">
        <v>15125</v>
      </c>
      <c r="D24488" t="s">
        <v>15126</v>
      </c>
      <c r="E24488" t="s">
        <v>15101</v>
      </c>
      <c r="F24488" t="s">
        <v>15102</v>
      </c>
      <c r="G24488" t="s">
        <v>10734</v>
      </c>
      <c r="H24488" t="s">
        <v>10735</v>
      </c>
      <c r="I24488" s="2">
        <v>1</v>
      </c>
      <c r="J24488" s="2">
        <v>0</v>
      </c>
      <c r="K24488" s="2">
        <v>0</v>
      </c>
      <c r="L24488" t="s">
        <v>120</v>
      </c>
      <c r="M24488" t="s">
        <v>89</v>
      </c>
      <c r="N24488" t="s">
        <v>90</v>
      </c>
      <c r="O24488" t="s">
        <v>85</v>
      </c>
      <c r="P24488" t="s">
        <v>86</v>
      </c>
      <c r="Q24488">
        <v>9</v>
      </c>
      <c r="R24488">
        <v>10</v>
      </c>
      <c r="S24488">
        <v>10</v>
      </c>
      <c r="T24488">
        <v>10</v>
      </c>
      <c r="U24488">
        <v>10</v>
      </c>
      <c r="V24488">
        <v>11</v>
      </c>
      <c r="W24488">
        <v>11</v>
      </c>
      <c r="X24488">
        <v>11</v>
      </c>
      <c r="Y24488">
        <v>11</v>
      </c>
      <c r="Z24488">
        <v>12</v>
      </c>
      <c r="AA24488">
        <v>12</v>
      </c>
      <c r="AB24488">
        <v>12</v>
      </c>
      <c r="AC24488">
        <v>12</v>
      </c>
      <c r="AD24488">
        <v>13</v>
      </c>
      <c r="AE24488">
        <v>13</v>
      </c>
      <c r="AF24488">
        <v>13</v>
      </c>
      <c r="AG24488">
        <v>13</v>
      </c>
      <c r="AH24488">
        <v>13</v>
      </c>
      <c r="AI24488">
        <v>13</v>
      </c>
      <c r="AJ24488">
        <v>13</v>
      </c>
      <c r="AK24488">
        <v>13</v>
      </c>
      <c r="AL24488">
        <v>14</v>
      </c>
      <c r="AM24488">
        <v>14</v>
      </c>
      <c r="AN24488">
        <v>14</v>
      </c>
      <c r="AO24488">
        <v>14</v>
      </c>
      <c r="AP24488">
        <v>14</v>
      </c>
      <c r="AQ24488">
        <v>14</v>
      </c>
    </row>
    <row r="24489" spans="1:43">
      <c r="A24489" t="s">
        <v>15163</v>
      </c>
      <c r="B24489" t="s">
        <v>15164</v>
      </c>
      <c r="C24489" t="s">
        <v>15125</v>
      </c>
      <c r="D24489" t="s">
        <v>15126</v>
      </c>
      <c r="E24489" t="s">
        <v>15101</v>
      </c>
      <c r="F24489" t="s">
        <v>15102</v>
      </c>
      <c r="G24489" t="s">
        <v>10734</v>
      </c>
      <c r="H24489" t="s">
        <v>10735</v>
      </c>
      <c r="I24489" s="2">
        <v>1</v>
      </c>
      <c r="J24489" s="2">
        <v>0</v>
      </c>
      <c r="K24489" s="2">
        <v>0</v>
      </c>
      <c r="L24489" t="s">
        <v>120</v>
      </c>
      <c r="M24489" t="s">
        <v>83</v>
      </c>
      <c r="N24489" t="s">
        <v>91</v>
      </c>
      <c r="O24489" t="s">
        <v>85</v>
      </c>
      <c r="P24489" t="s">
        <v>86</v>
      </c>
      <c r="Q24489">
        <v>9</v>
      </c>
      <c r="R24489">
        <v>9</v>
      </c>
      <c r="S24489">
        <v>10</v>
      </c>
      <c r="T24489">
        <v>10</v>
      </c>
      <c r="U24489">
        <v>10</v>
      </c>
      <c r="V24489">
        <v>10</v>
      </c>
      <c r="W24489">
        <v>10</v>
      </c>
      <c r="X24489">
        <v>11</v>
      </c>
      <c r="Y24489">
        <v>11</v>
      </c>
      <c r="Z24489">
        <v>11</v>
      </c>
      <c r="AA24489">
        <v>11</v>
      </c>
      <c r="AB24489">
        <v>11</v>
      </c>
      <c r="AC24489">
        <v>12</v>
      </c>
      <c r="AD24489">
        <v>12</v>
      </c>
      <c r="AE24489">
        <v>12</v>
      </c>
      <c r="AF24489">
        <v>12</v>
      </c>
      <c r="AG24489">
        <v>12</v>
      </c>
      <c r="AH24489">
        <v>13</v>
      </c>
      <c r="AI24489">
        <v>13</v>
      </c>
      <c r="AJ24489">
        <v>13</v>
      </c>
      <c r="AK24489">
        <v>13</v>
      </c>
      <c r="AL24489">
        <v>13</v>
      </c>
      <c r="AM24489">
        <v>13</v>
      </c>
      <c r="AN24489">
        <v>14</v>
      </c>
      <c r="AO24489">
        <v>14</v>
      </c>
      <c r="AP24489">
        <v>14</v>
      </c>
      <c r="AQ24489">
        <v>14</v>
      </c>
    </row>
    <row r="24490" spans="1:43">
      <c r="A24490" t="s">
        <v>15165</v>
      </c>
      <c r="B24490" t="s">
        <v>15166</v>
      </c>
      <c r="C24490" t="s">
        <v>15141</v>
      </c>
      <c r="D24490" t="s">
        <v>15142</v>
      </c>
      <c r="E24490" t="s">
        <v>15101</v>
      </c>
      <c r="F24490" t="s">
        <v>15102</v>
      </c>
      <c r="G24490" t="s">
        <v>10734</v>
      </c>
      <c r="H24490" t="s">
        <v>10735</v>
      </c>
      <c r="I24490" s="2">
        <v>1</v>
      </c>
      <c r="J24490" s="2">
        <v>0</v>
      </c>
      <c r="K24490" s="2">
        <v>0</v>
      </c>
      <c r="L24490" t="s">
        <v>120</v>
      </c>
      <c r="M24490" t="s">
        <v>83</v>
      </c>
      <c r="N24490" t="s">
        <v>84</v>
      </c>
      <c r="O24490" t="s">
        <v>85</v>
      </c>
      <c r="P24490" t="s">
        <v>86</v>
      </c>
      <c r="Q24490">
        <v>21</v>
      </c>
      <c r="R24490">
        <v>21</v>
      </c>
      <c r="S24490">
        <v>22</v>
      </c>
      <c r="T24490">
        <v>22</v>
      </c>
      <c r="U24490">
        <v>23</v>
      </c>
      <c r="V24490">
        <v>23</v>
      </c>
      <c r="W24490">
        <v>23</v>
      </c>
      <c r="X24490">
        <v>24</v>
      </c>
      <c r="Y24490">
        <v>24</v>
      </c>
      <c r="Z24490">
        <v>25</v>
      </c>
      <c r="AA24490">
        <v>25</v>
      </c>
      <c r="AB24490">
        <v>26</v>
      </c>
      <c r="AC24490">
        <v>26</v>
      </c>
      <c r="AD24490">
        <v>27</v>
      </c>
      <c r="AE24490">
        <v>27</v>
      </c>
      <c r="AF24490">
        <v>28</v>
      </c>
      <c r="AG24490">
        <v>28</v>
      </c>
      <c r="AH24490">
        <v>29</v>
      </c>
      <c r="AI24490">
        <v>29</v>
      </c>
      <c r="AJ24490">
        <v>30</v>
      </c>
      <c r="AK24490">
        <v>30</v>
      </c>
      <c r="AL24490">
        <v>30</v>
      </c>
      <c r="AM24490">
        <v>31</v>
      </c>
      <c r="AN24490">
        <v>31</v>
      </c>
      <c r="AO24490">
        <v>31</v>
      </c>
      <c r="AP24490">
        <v>31</v>
      </c>
      <c r="AQ24490">
        <v>32</v>
      </c>
    </row>
    <row r="24491" spans="1:43">
      <c r="A24491" t="s">
        <v>15165</v>
      </c>
      <c r="B24491" t="s">
        <v>15166</v>
      </c>
      <c r="C24491" t="s">
        <v>15141</v>
      </c>
      <c r="D24491" t="s">
        <v>15142</v>
      </c>
      <c r="E24491" t="s">
        <v>15101</v>
      </c>
      <c r="F24491" t="s">
        <v>15102</v>
      </c>
      <c r="G24491" t="s">
        <v>10734</v>
      </c>
      <c r="H24491" t="s">
        <v>10735</v>
      </c>
      <c r="I24491" s="2">
        <v>1</v>
      </c>
      <c r="J24491" s="2">
        <v>0</v>
      </c>
      <c r="K24491" s="2">
        <v>0</v>
      </c>
      <c r="L24491" t="s">
        <v>120</v>
      </c>
      <c r="M24491" t="s">
        <v>87</v>
      </c>
      <c r="N24491" t="s">
        <v>88</v>
      </c>
      <c r="O24491" t="s">
        <v>85</v>
      </c>
      <c r="P24491" t="s">
        <v>86</v>
      </c>
      <c r="Q24491">
        <v>21</v>
      </c>
      <c r="R24491">
        <v>21</v>
      </c>
      <c r="S24491">
        <v>21</v>
      </c>
      <c r="T24491">
        <v>21</v>
      </c>
      <c r="U24491">
        <v>22</v>
      </c>
      <c r="V24491">
        <v>22</v>
      </c>
      <c r="W24491">
        <v>22</v>
      </c>
      <c r="X24491">
        <v>22</v>
      </c>
      <c r="Y24491">
        <v>23</v>
      </c>
      <c r="Z24491">
        <v>23</v>
      </c>
      <c r="AA24491">
        <v>23</v>
      </c>
      <c r="AB24491">
        <v>23</v>
      </c>
      <c r="AC24491">
        <v>24</v>
      </c>
      <c r="AD24491">
        <v>24</v>
      </c>
      <c r="AE24491">
        <v>24</v>
      </c>
      <c r="AF24491">
        <v>24</v>
      </c>
      <c r="AG24491">
        <v>25</v>
      </c>
      <c r="AH24491">
        <v>25</v>
      </c>
      <c r="AI24491">
        <v>25</v>
      </c>
      <c r="AJ24491">
        <v>25</v>
      </c>
      <c r="AK24491">
        <v>26</v>
      </c>
      <c r="AL24491">
        <v>26</v>
      </c>
      <c r="AM24491">
        <v>26</v>
      </c>
      <c r="AN24491">
        <v>27</v>
      </c>
      <c r="AO24491">
        <v>27</v>
      </c>
      <c r="AP24491">
        <v>27</v>
      </c>
      <c r="AQ24491">
        <v>27</v>
      </c>
    </row>
    <row r="24492" spans="1:43">
      <c r="A24492" t="s">
        <v>15165</v>
      </c>
      <c r="B24492" t="s">
        <v>15166</v>
      </c>
      <c r="C24492" t="s">
        <v>15141</v>
      </c>
      <c r="D24492" t="s">
        <v>15142</v>
      </c>
      <c r="E24492" t="s">
        <v>15101</v>
      </c>
      <c r="F24492" t="s">
        <v>15102</v>
      </c>
      <c r="G24492" t="s">
        <v>10734</v>
      </c>
      <c r="H24492" t="s">
        <v>10735</v>
      </c>
      <c r="I24492" s="2">
        <v>1</v>
      </c>
      <c r="J24492" s="2">
        <v>0</v>
      </c>
      <c r="K24492" s="2">
        <v>0</v>
      </c>
      <c r="L24492" t="s">
        <v>120</v>
      </c>
      <c r="M24492" t="s">
        <v>89</v>
      </c>
      <c r="N24492" t="s">
        <v>90</v>
      </c>
      <c r="O24492" t="s">
        <v>85</v>
      </c>
      <c r="P24492" t="s">
        <v>86</v>
      </c>
      <c r="Q24492">
        <v>21</v>
      </c>
      <c r="R24492">
        <v>22</v>
      </c>
      <c r="S24492">
        <v>22</v>
      </c>
      <c r="T24492">
        <v>23</v>
      </c>
      <c r="U24492">
        <v>23</v>
      </c>
      <c r="V24492">
        <v>24</v>
      </c>
      <c r="W24492">
        <v>25</v>
      </c>
      <c r="X24492">
        <v>25</v>
      </c>
      <c r="Y24492">
        <v>26</v>
      </c>
      <c r="Z24492">
        <v>26</v>
      </c>
      <c r="AA24492">
        <v>27</v>
      </c>
      <c r="AB24492">
        <v>27</v>
      </c>
      <c r="AC24492">
        <v>28</v>
      </c>
      <c r="AD24492">
        <v>29</v>
      </c>
      <c r="AE24492">
        <v>29</v>
      </c>
      <c r="AF24492">
        <v>29</v>
      </c>
      <c r="AG24492">
        <v>30</v>
      </c>
      <c r="AH24492">
        <v>30</v>
      </c>
      <c r="AI24492">
        <v>30</v>
      </c>
      <c r="AJ24492">
        <v>30</v>
      </c>
      <c r="AK24492">
        <v>31</v>
      </c>
      <c r="AL24492">
        <v>31</v>
      </c>
      <c r="AM24492">
        <v>31</v>
      </c>
      <c r="AN24492">
        <v>31</v>
      </c>
      <c r="AO24492">
        <v>32</v>
      </c>
      <c r="AP24492">
        <v>32</v>
      </c>
      <c r="AQ24492">
        <v>32</v>
      </c>
    </row>
    <row r="24493" spans="1:43">
      <c r="A24493" t="s">
        <v>15165</v>
      </c>
      <c r="B24493" t="s">
        <v>15166</v>
      </c>
      <c r="C24493" t="s">
        <v>15141</v>
      </c>
      <c r="D24493" t="s">
        <v>15142</v>
      </c>
      <c r="E24493" t="s">
        <v>15101</v>
      </c>
      <c r="F24493" t="s">
        <v>15102</v>
      </c>
      <c r="G24493" t="s">
        <v>10734</v>
      </c>
      <c r="H24493" t="s">
        <v>10735</v>
      </c>
      <c r="I24493" s="2">
        <v>1</v>
      </c>
      <c r="J24493" s="2">
        <v>0</v>
      </c>
      <c r="K24493" s="2">
        <v>0</v>
      </c>
      <c r="L24493" t="s">
        <v>120</v>
      </c>
      <c r="M24493" t="s">
        <v>83</v>
      </c>
      <c r="N24493" t="s">
        <v>91</v>
      </c>
      <c r="O24493" t="s">
        <v>85</v>
      </c>
      <c r="P24493" t="s">
        <v>86</v>
      </c>
      <c r="Q24493">
        <v>21</v>
      </c>
      <c r="R24493">
        <v>21</v>
      </c>
      <c r="S24493">
        <v>22</v>
      </c>
      <c r="T24493">
        <v>22</v>
      </c>
      <c r="U24493">
        <v>23</v>
      </c>
      <c r="V24493">
        <v>23</v>
      </c>
      <c r="W24493">
        <v>23</v>
      </c>
      <c r="X24493">
        <v>24</v>
      </c>
      <c r="Y24493">
        <v>24</v>
      </c>
      <c r="Z24493">
        <v>25</v>
      </c>
      <c r="AA24493">
        <v>25</v>
      </c>
      <c r="AB24493">
        <v>26</v>
      </c>
      <c r="AC24493">
        <v>26</v>
      </c>
      <c r="AD24493">
        <v>27</v>
      </c>
      <c r="AE24493">
        <v>27</v>
      </c>
      <c r="AF24493">
        <v>28</v>
      </c>
      <c r="AG24493">
        <v>28</v>
      </c>
      <c r="AH24493">
        <v>29</v>
      </c>
      <c r="AI24493">
        <v>29</v>
      </c>
      <c r="AJ24493">
        <v>30</v>
      </c>
      <c r="AK24493">
        <v>30</v>
      </c>
      <c r="AL24493">
        <v>30</v>
      </c>
      <c r="AM24493">
        <v>31</v>
      </c>
      <c r="AN24493">
        <v>31</v>
      </c>
      <c r="AO24493">
        <v>31</v>
      </c>
      <c r="AP24493">
        <v>31</v>
      </c>
      <c r="AQ24493">
        <v>32</v>
      </c>
    </row>
    <row r="24494" spans="1:43">
      <c r="A24494" t="s">
        <v>15167</v>
      </c>
      <c r="B24494" t="s">
        <v>15168</v>
      </c>
      <c r="C24494" t="s">
        <v>15125</v>
      </c>
      <c r="D24494" t="s">
        <v>15126</v>
      </c>
      <c r="E24494" t="s">
        <v>15101</v>
      </c>
      <c r="F24494" t="s">
        <v>15102</v>
      </c>
      <c r="G24494" t="s">
        <v>10734</v>
      </c>
      <c r="H24494" t="s">
        <v>10735</v>
      </c>
      <c r="I24494" s="2">
        <v>1</v>
      </c>
      <c r="J24494" s="2">
        <v>0</v>
      </c>
      <c r="K24494" s="2">
        <v>0</v>
      </c>
      <c r="L24494" t="s">
        <v>120</v>
      </c>
      <c r="M24494" t="s">
        <v>83</v>
      </c>
      <c r="N24494" t="s">
        <v>84</v>
      </c>
      <c r="O24494" t="s">
        <v>85</v>
      </c>
      <c r="P24494" t="s">
        <v>86</v>
      </c>
      <c r="Q24494">
        <v>58</v>
      </c>
      <c r="R24494">
        <v>60</v>
      </c>
      <c r="S24494">
        <v>61</v>
      </c>
      <c r="T24494">
        <v>62</v>
      </c>
      <c r="U24494">
        <v>63</v>
      </c>
      <c r="V24494">
        <v>65</v>
      </c>
      <c r="W24494">
        <v>66</v>
      </c>
      <c r="X24494">
        <v>67</v>
      </c>
      <c r="Y24494">
        <v>68</v>
      </c>
      <c r="Z24494">
        <v>70</v>
      </c>
      <c r="AA24494">
        <v>71</v>
      </c>
      <c r="AB24494">
        <v>72</v>
      </c>
      <c r="AC24494">
        <v>73</v>
      </c>
      <c r="AD24494">
        <v>75</v>
      </c>
      <c r="AE24494">
        <v>76</v>
      </c>
      <c r="AF24494">
        <v>77</v>
      </c>
      <c r="AG24494">
        <v>79</v>
      </c>
      <c r="AH24494">
        <v>80</v>
      </c>
      <c r="AI24494">
        <v>81</v>
      </c>
      <c r="AJ24494">
        <v>83</v>
      </c>
      <c r="AK24494">
        <v>84</v>
      </c>
      <c r="AL24494">
        <v>85</v>
      </c>
      <c r="AM24494">
        <v>85</v>
      </c>
      <c r="AN24494">
        <v>86</v>
      </c>
      <c r="AO24494">
        <v>87</v>
      </c>
      <c r="AP24494">
        <v>87</v>
      </c>
      <c r="AQ24494">
        <v>88</v>
      </c>
    </row>
    <row r="24495" spans="1:43">
      <c r="A24495" t="s">
        <v>15167</v>
      </c>
      <c r="B24495" t="s">
        <v>15168</v>
      </c>
      <c r="C24495" t="s">
        <v>15125</v>
      </c>
      <c r="D24495" t="s">
        <v>15126</v>
      </c>
      <c r="E24495" t="s">
        <v>15101</v>
      </c>
      <c r="F24495" t="s">
        <v>15102</v>
      </c>
      <c r="G24495" t="s">
        <v>10734</v>
      </c>
      <c r="H24495" t="s">
        <v>10735</v>
      </c>
      <c r="I24495" s="2">
        <v>1</v>
      </c>
      <c r="J24495" s="2">
        <v>0</v>
      </c>
      <c r="K24495" s="2">
        <v>0</v>
      </c>
      <c r="L24495" t="s">
        <v>120</v>
      </c>
      <c r="M24495" t="s">
        <v>87</v>
      </c>
      <c r="N24495" t="s">
        <v>88</v>
      </c>
      <c r="O24495" t="s">
        <v>85</v>
      </c>
      <c r="P24495" t="s">
        <v>86</v>
      </c>
      <c r="Q24495">
        <v>58</v>
      </c>
      <c r="R24495">
        <v>58</v>
      </c>
      <c r="S24495">
        <v>59</v>
      </c>
      <c r="T24495">
        <v>60</v>
      </c>
      <c r="U24495">
        <v>60</v>
      </c>
      <c r="V24495">
        <v>61</v>
      </c>
      <c r="W24495">
        <v>62</v>
      </c>
      <c r="X24495">
        <v>63</v>
      </c>
      <c r="Y24495">
        <v>63</v>
      </c>
      <c r="Z24495">
        <v>64</v>
      </c>
      <c r="AA24495">
        <v>65</v>
      </c>
      <c r="AB24495">
        <v>65</v>
      </c>
      <c r="AC24495">
        <v>66</v>
      </c>
      <c r="AD24495">
        <v>67</v>
      </c>
      <c r="AE24495">
        <v>68</v>
      </c>
      <c r="AF24495">
        <v>68</v>
      </c>
      <c r="AG24495">
        <v>69</v>
      </c>
      <c r="AH24495">
        <v>70</v>
      </c>
      <c r="AI24495">
        <v>71</v>
      </c>
      <c r="AJ24495">
        <v>71</v>
      </c>
      <c r="AK24495">
        <v>72</v>
      </c>
      <c r="AL24495">
        <v>73</v>
      </c>
      <c r="AM24495">
        <v>74</v>
      </c>
      <c r="AN24495">
        <v>74</v>
      </c>
      <c r="AO24495">
        <v>75</v>
      </c>
      <c r="AP24495">
        <v>76</v>
      </c>
      <c r="AQ24495">
        <v>77</v>
      </c>
    </row>
    <row r="24496" spans="1:43">
      <c r="A24496" t="s">
        <v>15167</v>
      </c>
      <c r="B24496" t="s">
        <v>15168</v>
      </c>
      <c r="C24496" t="s">
        <v>15125</v>
      </c>
      <c r="D24496" t="s">
        <v>15126</v>
      </c>
      <c r="E24496" t="s">
        <v>15101</v>
      </c>
      <c r="F24496" t="s">
        <v>15102</v>
      </c>
      <c r="G24496" t="s">
        <v>10734</v>
      </c>
      <c r="H24496" t="s">
        <v>10735</v>
      </c>
      <c r="I24496" s="2">
        <v>1</v>
      </c>
      <c r="J24496" s="2">
        <v>0</v>
      </c>
      <c r="K24496" s="2">
        <v>0</v>
      </c>
      <c r="L24496" t="s">
        <v>120</v>
      </c>
      <c r="M24496" t="s">
        <v>89</v>
      </c>
      <c r="N24496" t="s">
        <v>90</v>
      </c>
      <c r="O24496" t="s">
        <v>85</v>
      </c>
      <c r="P24496" t="s">
        <v>86</v>
      </c>
      <c r="Q24496">
        <v>58</v>
      </c>
      <c r="R24496">
        <v>60</v>
      </c>
      <c r="S24496">
        <v>61</v>
      </c>
      <c r="T24496">
        <v>63</v>
      </c>
      <c r="U24496">
        <v>65</v>
      </c>
      <c r="V24496">
        <v>66</v>
      </c>
      <c r="W24496">
        <v>68</v>
      </c>
      <c r="X24496">
        <v>70</v>
      </c>
      <c r="Y24496">
        <v>71</v>
      </c>
      <c r="Z24496">
        <v>73</v>
      </c>
      <c r="AA24496">
        <v>74</v>
      </c>
      <c r="AB24496">
        <v>76</v>
      </c>
      <c r="AC24496">
        <v>77</v>
      </c>
      <c r="AD24496">
        <v>79</v>
      </c>
      <c r="AE24496">
        <v>80</v>
      </c>
      <c r="AF24496">
        <v>81</v>
      </c>
      <c r="AG24496">
        <v>82</v>
      </c>
      <c r="AH24496">
        <v>82</v>
      </c>
      <c r="AI24496">
        <v>83</v>
      </c>
      <c r="AJ24496">
        <v>84</v>
      </c>
      <c r="AK24496">
        <v>84</v>
      </c>
      <c r="AL24496">
        <v>85</v>
      </c>
      <c r="AM24496">
        <v>86</v>
      </c>
      <c r="AN24496">
        <v>86</v>
      </c>
      <c r="AO24496">
        <v>87</v>
      </c>
      <c r="AP24496">
        <v>87</v>
      </c>
      <c r="AQ24496">
        <v>88</v>
      </c>
    </row>
    <row r="24497" spans="1:43">
      <c r="A24497" t="s">
        <v>15167</v>
      </c>
      <c r="B24497" t="s">
        <v>15168</v>
      </c>
      <c r="C24497" t="s">
        <v>15125</v>
      </c>
      <c r="D24497" t="s">
        <v>15126</v>
      </c>
      <c r="E24497" t="s">
        <v>15101</v>
      </c>
      <c r="F24497" t="s">
        <v>15102</v>
      </c>
      <c r="G24497" t="s">
        <v>10734</v>
      </c>
      <c r="H24497" t="s">
        <v>10735</v>
      </c>
      <c r="I24497" s="2">
        <v>1</v>
      </c>
      <c r="J24497" s="2">
        <v>0</v>
      </c>
      <c r="K24497" s="2">
        <v>0</v>
      </c>
      <c r="L24497" t="s">
        <v>120</v>
      </c>
      <c r="M24497" t="s">
        <v>83</v>
      </c>
      <c r="N24497" t="s">
        <v>91</v>
      </c>
      <c r="O24497" t="s">
        <v>85</v>
      </c>
      <c r="P24497" t="s">
        <v>86</v>
      </c>
      <c r="Q24497">
        <v>58</v>
      </c>
      <c r="R24497">
        <v>60</v>
      </c>
      <c r="S24497">
        <v>61</v>
      </c>
      <c r="T24497">
        <v>62</v>
      </c>
      <c r="U24497">
        <v>63</v>
      </c>
      <c r="V24497">
        <v>65</v>
      </c>
      <c r="W24497">
        <v>66</v>
      </c>
      <c r="X24497">
        <v>67</v>
      </c>
      <c r="Y24497">
        <v>68</v>
      </c>
      <c r="Z24497">
        <v>70</v>
      </c>
      <c r="AA24497">
        <v>71</v>
      </c>
      <c r="AB24497">
        <v>72</v>
      </c>
      <c r="AC24497">
        <v>73</v>
      </c>
      <c r="AD24497">
        <v>75</v>
      </c>
      <c r="AE24497">
        <v>76</v>
      </c>
      <c r="AF24497">
        <v>77</v>
      </c>
      <c r="AG24497">
        <v>79</v>
      </c>
      <c r="AH24497">
        <v>80</v>
      </c>
      <c r="AI24497">
        <v>81</v>
      </c>
      <c r="AJ24497">
        <v>83</v>
      </c>
      <c r="AK24497">
        <v>84</v>
      </c>
      <c r="AL24497">
        <v>85</v>
      </c>
      <c r="AM24497">
        <v>85</v>
      </c>
      <c r="AN24497">
        <v>86</v>
      </c>
      <c r="AO24497">
        <v>87</v>
      </c>
      <c r="AP24497">
        <v>87</v>
      </c>
      <c r="AQ24497">
        <v>88</v>
      </c>
    </row>
    <row r="24498" spans="1:43">
      <c r="A24498" t="s">
        <v>15169</v>
      </c>
      <c r="B24498" t="s">
        <v>15170</v>
      </c>
      <c r="C24498" t="s">
        <v>15125</v>
      </c>
      <c r="D24498" t="s">
        <v>15126</v>
      </c>
      <c r="E24498" t="s">
        <v>15101</v>
      </c>
      <c r="F24498" t="s">
        <v>15102</v>
      </c>
      <c r="G24498" t="s">
        <v>10734</v>
      </c>
      <c r="H24498" t="s">
        <v>10735</v>
      </c>
      <c r="I24498" s="2">
        <v>1</v>
      </c>
      <c r="J24498" s="2">
        <v>0</v>
      </c>
      <c r="K24498" s="2">
        <v>0</v>
      </c>
      <c r="L24498" t="s">
        <v>120</v>
      </c>
      <c r="M24498" t="s">
        <v>83</v>
      </c>
      <c r="N24498" t="s">
        <v>84</v>
      </c>
      <c r="O24498" t="s">
        <v>85</v>
      </c>
      <c r="P24498" t="s">
        <v>86</v>
      </c>
      <c r="Q24498">
        <v>13</v>
      </c>
      <c r="R24498">
        <v>13</v>
      </c>
      <c r="S24498">
        <v>14</v>
      </c>
      <c r="T24498">
        <v>14</v>
      </c>
      <c r="U24498">
        <v>14</v>
      </c>
      <c r="V24498">
        <v>15</v>
      </c>
      <c r="W24498">
        <v>15</v>
      </c>
      <c r="X24498">
        <v>15</v>
      </c>
      <c r="Y24498">
        <v>15</v>
      </c>
      <c r="Z24498">
        <v>16</v>
      </c>
      <c r="AA24498">
        <v>16</v>
      </c>
      <c r="AB24498">
        <v>16</v>
      </c>
      <c r="AC24498">
        <v>17</v>
      </c>
      <c r="AD24498">
        <v>17</v>
      </c>
      <c r="AE24498">
        <v>17</v>
      </c>
      <c r="AF24498">
        <v>17</v>
      </c>
      <c r="AG24498">
        <v>18</v>
      </c>
      <c r="AH24498">
        <v>18</v>
      </c>
      <c r="AI24498">
        <v>18</v>
      </c>
      <c r="AJ24498">
        <v>19</v>
      </c>
      <c r="AK24498">
        <v>19</v>
      </c>
      <c r="AL24498">
        <v>19</v>
      </c>
      <c r="AM24498">
        <v>19</v>
      </c>
      <c r="AN24498">
        <v>19</v>
      </c>
      <c r="AO24498">
        <v>20</v>
      </c>
      <c r="AP24498">
        <v>20</v>
      </c>
      <c r="AQ24498">
        <v>20</v>
      </c>
    </row>
    <row r="24499" spans="1:43">
      <c r="A24499" t="s">
        <v>15169</v>
      </c>
      <c r="B24499" t="s">
        <v>15170</v>
      </c>
      <c r="C24499" t="s">
        <v>15125</v>
      </c>
      <c r="D24499" t="s">
        <v>15126</v>
      </c>
      <c r="E24499" t="s">
        <v>15101</v>
      </c>
      <c r="F24499" t="s">
        <v>15102</v>
      </c>
      <c r="G24499" t="s">
        <v>10734</v>
      </c>
      <c r="H24499" t="s">
        <v>10735</v>
      </c>
      <c r="I24499" s="2">
        <v>1</v>
      </c>
      <c r="J24499" s="2">
        <v>0</v>
      </c>
      <c r="K24499" s="2">
        <v>0</v>
      </c>
      <c r="L24499" t="s">
        <v>120</v>
      </c>
      <c r="M24499" t="s">
        <v>87</v>
      </c>
      <c r="N24499" t="s">
        <v>88</v>
      </c>
      <c r="O24499" t="s">
        <v>85</v>
      </c>
      <c r="P24499" t="s">
        <v>86</v>
      </c>
      <c r="Q24499">
        <v>13</v>
      </c>
      <c r="R24499">
        <v>13</v>
      </c>
      <c r="S24499">
        <v>13</v>
      </c>
      <c r="T24499">
        <v>13</v>
      </c>
      <c r="U24499">
        <v>14</v>
      </c>
      <c r="V24499">
        <v>14</v>
      </c>
      <c r="W24499">
        <v>14</v>
      </c>
      <c r="X24499">
        <v>14</v>
      </c>
      <c r="Y24499">
        <v>14</v>
      </c>
      <c r="Z24499">
        <v>14</v>
      </c>
      <c r="AA24499">
        <v>15</v>
      </c>
      <c r="AB24499">
        <v>15</v>
      </c>
      <c r="AC24499">
        <v>15</v>
      </c>
      <c r="AD24499">
        <v>15</v>
      </c>
      <c r="AE24499">
        <v>15</v>
      </c>
      <c r="AF24499">
        <v>15</v>
      </c>
      <c r="AG24499">
        <v>16</v>
      </c>
      <c r="AH24499">
        <v>16</v>
      </c>
      <c r="AI24499">
        <v>16</v>
      </c>
      <c r="AJ24499">
        <v>16</v>
      </c>
      <c r="AK24499">
        <v>16</v>
      </c>
      <c r="AL24499">
        <v>16</v>
      </c>
      <c r="AM24499">
        <v>17</v>
      </c>
      <c r="AN24499">
        <v>17</v>
      </c>
      <c r="AO24499">
        <v>17</v>
      </c>
      <c r="AP24499">
        <v>17</v>
      </c>
      <c r="AQ24499">
        <v>17</v>
      </c>
    </row>
    <row r="24500" spans="1:43">
      <c r="A24500" t="s">
        <v>15169</v>
      </c>
      <c r="B24500" t="s">
        <v>15170</v>
      </c>
      <c r="C24500" t="s">
        <v>15125</v>
      </c>
      <c r="D24500" t="s">
        <v>15126</v>
      </c>
      <c r="E24500" t="s">
        <v>15101</v>
      </c>
      <c r="F24500" t="s">
        <v>15102</v>
      </c>
      <c r="G24500" t="s">
        <v>10734</v>
      </c>
      <c r="H24500" t="s">
        <v>10735</v>
      </c>
      <c r="I24500" s="2">
        <v>1</v>
      </c>
      <c r="J24500" s="2">
        <v>0</v>
      </c>
      <c r="K24500" s="2">
        <v>0</v>
      </c>
      <c r="L24500" t="s">
        <v>120</v>
      </c>
      <c r="M24500" t="s">
        <v>89</v>
      </c>
      <c r="N24500" t="s">
        <v>90</v>
      </c>
      <c r="O24500" t="s">
        <v>85</v>
      </c>
      <c r="P24500" t="s">
        <v>86</v>
      </c>
      <c r="Q24500">
        <v>13</v>
      </c>
      <c r="R24500">
        <v>14</v>
      </c>
      <c r="S24500">
        <v>14</v>
      </c>
      <c r="T24500">
        <v>14</v>
      </c>
      <c r="U24500">
        <v>15</v>
      </c>
      <c r="V24500">
        <v>15</v>
      </c>
      <c r="W24500">
        <v>16</v>
      </c>
      <c r="X24500">
        <v>16</v>
      </c>
      <c r="Y24500">
        <v>16</v>
      </c>
      <c r="Z24500">
        <v>17</v>
      </c>
      <c r="AA24500">
        <v>17</v>
      </c>
      <c r="AB24500">
        <v>17</v>
      </c>
      <c r="AC24500">
        <v>18</v>
      </c>
      <c r="AD24500">
        <v>18</v>
      </c>
      <c r="AE24500">
        <v>18</v>
      </c>
      <c r="AF24500">
        <v>18</v>
      </c>
      <c r="AG24500">
        <v>19</v>
      </c>
      <c r="AH24500">
        <v>19</v>
      </c>
      <c r="AI24500">
        <v>19</v>
      </c>
      <c r="AJ24500">
        <v>19</v>
      </c>
      <c r="AK24500">
        <v>19</v>
      </c>
      <c r="AL24500">
        <v>19</v>
      </c>
      <c r="AM24500">
        <v>19</v>
      </c>
      <c r="AN24500">
        <v>20</v>
      </c>
      <c r="AO24500">
        <v>20</v>
      </c>
      <c r="AP24500">
        <v>20</v>
      </c>
      <c r="AQ24500">
        <v>20</v>
      </c>
    </row>
    <row r="24501" spans="1:43">
      <c r="A24501" t="s">
        <v>15169</v>
      </c>
      <c r="B24501" t="s">
        <v>15170</v>
      </c>
      <c r="C24501" t="s">
        <v>15125</v>
      </c>
      <c r="D24501" t="s">
        <v>15126</v>
      </c>
      <c r="E24501" t="s">
        <v>15101</v>
      </c>
      <c r="F24501" t="s">
        <v>15102</v>
      </c>
      <c r="G24501" t="s">
        <v>10734</v>
      </c>
      <c r="H24501" t="s">
        <v>10735</v>
      </c>
      <c r="I24501" s="2">
        <v>1</v>
      </c>
      <c r="J24501" s="2">
        <v>0</v>
      </c>
      <c r="K24501" s="2">
        <v>0</v>
      </c>
      <c r="L24501" t="s">
        <v>120</v>
      </c>
      <c r="M24501" t="s">
        <v>83</v>
      </c>
      <c r="N24501" t="s">
        <v>91</v>
      </c>
      <c r="O24501" t="s">
        <v>85</v>
      </c>
      <c r="P24501" t="s">
        <v>86</v>
      </c>
      <c r="Q24501">
        <v>13</v>
      </c>
      <c r="R24501">
        <v>13</v>
      </c>
      <c r="S24501">
        <v>14</v>
      </c>
      <c r="T24501">
        <v>14</v>
      </c>
      <c r="U24501">
        <v>14</v>
      </c>
      <c r="V24501">
        <v>15</v>
      </c>
      <c r="W24501">
        <v>15</v>
      </c>
      <c r="X24501">
        <v>15</v>
      </c>
      <c r="Y24501">
        <v>15</v>
      </c>
      <c r="Z24501">
        <v>16</v>
      </c>
      <c r="AA24501">
        <v>16</v>
      </c>
      <c r="AB24501">
        <v>16</v>
      </c>
      <c r="AC24501">
        <v>17</v>
      </c>
      <c r="AD24501">
        <v>17</v>
      </c>
      <c r="AE24501">
        <v>17</v>
      </c>
      <c r="AF24501">
        <v>17</v>
      </c>
      <c r="AG24501">
        <v>18</v>
      </c>
      <c r="AH24501">
        <v>18</v>
      </c>
      <c r="AI24501">
        <v>18</v>
      </c>
      <c r="AJ24501">
        <v>19</v>
      </c>
      <c r="AK24501">
        <v>19</v>
      </c>
      <c r="AL24501">
        <v>19</v>
      </c>
      <c r="AM24501">
        <v>19</v>
      </c>
      <c r="AN24501">
        <v>19</v>
      </c>
      <c r="AO24501">
        <v>20</v>
      </c>
      <c r="AP24501">
        <v>20</v>
      </c>
      <c r="AQ24501">
        <v>20</v>
      </c>
    </row>
    <row r="24502" spans="1:43">
      <c r="A24502" t="s">
        <v>15171</v>
      </c>
      <c r="B24502" t="s">
        <v>15172</v>
      </c>
      <c r="C24502" t="s">
        <v>15129</v>
      </c>
      <c r="D24502" t="s">
        <v>15130</v>
      </c>
      <c r="E24502" t="s">
        <v>15101</v>
      </c>
      <c r="F24502" t="s">
        <v>15102</v>
      </c>
      <c r="G24502" t="s">
        <v>10734</v>
      </c>
      <c r="H24502" t="s">
        <v>10735</v>
      </c>
      <c r="I24502" s="2">
        <v>1</v>
      </c>
      <c r="J24502" s="2">
        <v>0</v>
      </c>
      <c r="K24502" s="2">
        <v>0</v>
      </c>
      <c r="L24502" t="s">
        <v>120</v>
      </c>
      <c r="M24502" t="s">
        <v>83</v>
      </c>
      <c r="N24502" t="s">
        <v>84</v>
      </c>
      <c r="O24502" t="s">
        <v>85</v>
      </c>
      <c r="P24502" t="s">
        <v>86</v>
      </c>
      <c r="Q24502">
        <v>88</v>
      </c>
      <c r="R24502">
        <v>89</v>
      </c>
      <c r="S24502">
        <v>91</v>
      </c>
      <c r="T24502">
        <v>93</v>
      </c>
      <c r="U24502">
        <v>95</v>
      </c>
      <c r="V24502">
        <v>97</v>
      </c>
      <c r="W24502">
        <v>99</v>
      </c>
      <c r="X24502">
        <v>101</v>
      </c>
      <c r="Y24502">
        <v>103</v>
      </c>
      <c r="Z24502">
        <v>105</v>
      </c>
      <c r="AA24502">
        <v>107</v>
      </c>
      <c r="AB24502">
        <v>108</v>
      </c>
      <c r="AC24502">
        <v>110</v>
      </c>
      <c r="AD24502">
        <v>112</v>
      </c>
      <c r="AE24502">
        <v>114</v>
      </c>
      <c r="AF24502">
        <v>116</v>
      </c>
      <c r="AG24502">
        <v>118</v>
      </c>
      <c r="AH24502">
        <v>120</v>
      </c>
      <c r="AI24502">
        <v>122</v>
      </c>
      <c r="AJ24502">
        <v>124</v>
      </c>
      <c r="AK24502">
        <v>126</v>
      </c>
      <c r="AL24502">
        <v>128</v>
      </c>
      <c r="AM24502">
        <v>129</v>
      </c>
      <c r="AN24502">
        <v>130</v>
      </c>
      <c r="AO24502">
        <v>131</v>
      </c>
      <c r="AP24502">
        <v>132</v>
      </c>
      <c r="AQ24502">
        <v>133</v>
      </c>
    </row>
    <row r="24503" spans="1:43">
      <c r="A24503" t="s">
        <v>15171</v>
      </c>
      <c r="B24503" t="s">
        <v>15172</v>
      </c>
      <c r="C24503" t="s">
        <v>15129</v>
      </c>
      <c r="D24503" t="s">
        <v>15130</v>
      </c>
      <c r="E24503" t="s">
        <v>15101</v>
      </c>
      <c r="F24503" t="s">
        <v>15102</v>
      </c>
      <c r="G24503" t="s">
        <v>10734</v>
      </c>
      <c r="H24503" t="s">
        <v>10735</v>
      </c>
      <c r="I24503" s="2">
        <v>1</v>
      </c>
      <c r="J24503" s="2">
        <v>0</v>
      </c>
      <c r="K24503" s="2">
        <v>0</v>
      </c>
      <c r="L24503" t="s">
        <v>120</v>
      </c>
      <c r="M24503" t="s">
        <v>87</v>
      </c>
      <c r="N24503" t="s">
        <v>88</v>
      </c>
      <c r="O24503" t="s">
        <v>85</v>
      </c>
      <c r="P24503" t="s">
        <v>86</v>
      </c>
      <c r="Q24503">
        <v>88</v>
      </c>
      <c r="R24503">
        <v>89</v>
      </c>
      <c r="S24503">
        <v>90</v>
      </c>
      <c r="T24503">
        <v>91</v>
      </c>
      <c r="U24503">
        <v>92</v>
      </c>
      <c r="V24503">
        <v>93</v>
      </c>
      <c r="W24503">
        <v>94</v>
      </c>
      <c r="X24503">
        <v>95</v>
      </c>
      <c r="Y24503">
        <v>96</v>
      </c>
      <c r="Z24503">
        <v>97</v>
      </c>
      <c r="AA24503">
        <v>98</v>
      </c>
      <c r="AB24503">
        <v>99</v>
      </c>
      <c r="AC24503">
        <v>100</v>
      </c>
      <c r="AD24503">
        <v>102</v>
      </c>
      <c r="AE24503">
        <v>103</v>
      </c>
      <c r="AF24503">
        <v>104</v>
      </c>
      <c r="AG24503">
        <v>105</v>
      </c>
      <c r="AH24503">
        <v>106</v>
      </c>
      <c r="AI24503">
        <v>107</v>
      </c>
      <c r="AJ24503">
        <v>108</v>
      </c>
      <c r="AK24503">
        <v>109</v>
      </c>
      <c r="AL24503">
        <v>111</v>
      </c>
      <c r="AM24503">
        <v>112</v>
      </c>
      <c r="AN24503">
        <v>113</v>
      </c>
      <c r="AO24503">
        <v>114</v>
      </c>
      <c r="AP24503">
        <v>115</v>
      </c>
      <c r="AQ24503">
        <v>116</v>
      </c>
    </row>
    <row r="24504" spans="1:43">
      <c r="A24504" t="s">
        <v>15171</v>
      </c>
      <c r="B24504" t="s">
        <v>15172</v>
      </c>
      <c r="C24504" t="s">
        <v>15129</v>
      </c>
      <c r="D24504" t="s">
        <v>15130</v>
      </c>
      <c r="E24504" t="s">
        <v>15101</v>
      </c>
      <c r="F24504" t="s">
        <v>15102</v>
      </c>
      <c r="G24504" t="s">
        <v>10734</v>
      </c>
      <c r="H24504" t="s">
        <v>10735</v>
      </c>
      <c r="I24504" s="2">
        <v>1</v>
      </c>
      <c r="J24504" s="2">
        <v>0</v>
      </c>
      <c r="K24504" s="2">
        <v>0</v>
      </c>
      <c r="L24504" t="s">
        <v>120</v>
      </c>
      <c r="M24504" t="s">
        <v>89</v>
      </c>
      <c r="N24504" t="s">
        <v>90</v>
      </c>
      <c r="O24504" t="s">
        <v>85</v>
      </c>
      <c r="P24504" t="s">
        <v>86</v>
      </c>
      <c r="Q24504">
        <v>88</v>
      </c>
      <c r="R24504">
        <v>91</v>
      </c>
      <c r="S24504">
        <v>94</v>
      </c>
      <c r="T24504">
        <v>96</v>
      </c>
      <c r="U24504">
        <v>99</v>
      </c>
      <c r="V24504">
        <v>101</v>
      </c>
      <c r="W24504">
        <v>104</v>
      </c>
      <c r="X24504">
        <v>106</v>
      </c>
      <c r="Y24504">
        <v>108</v>
      </c>
      <c r="Z24504">
        <v>111</v>
      </c>
      <c r="AA24504">
        <v>113</v>
      </c>
      <c r="AB24504">
        <v>115</v>
      </c>
      <c r="AC24504">
        <v>118</v>
      </c>
      <c r="AD24504">
        <v>120</v>
      </c>
      <c r="AE24504">
        <v>122</v>
      </c>
      <c r="AF24504">
        <v>123</v>
      </c>
      <c r="AG24504">
        <v>124</v>
      </c>
      <c r="AH24504">
        <v>125</v>
      </c>
      <c r="AI24504">
        <v>126</v>
      </c>
      <c r="AJ24504">
        <v>127</v>
      </c>
      <c r="AK24504">
        <v>128</v>
      </c>
      <c r="AL24504">
        <v>129</v>
      </c>
      <c r="AM24504">
        <v>130</v>
      </c>
      <c r="AN24504">
        <v>131</v>
      </c>
      <c r="AO24504">
        <v>132</v>
      </c>
      <c r="AP24504">
        <v>133</v>
      </c>
      <c r="AQ24504">
        <v>134</v>
      </c>
    </row>
    <row r="24505" spans="1:43">
      <c r="A24505" t="s">
        <v>15171</v>
      </c>
      <c r="B24505" t="s">
        <v>15172</v>
      </c>
      <c r="C24505" t="s">
        <v>15129</v>
      </c>
      <c r="D24505" t="s">
        <v>15130</v>
      </c>
      <c r="E24505" t="s">
        <v>15101</v>
      </c>
      <c r="F24505" t="s">
        <v>15102</v>
      </c>
      <c r="G24505" t="s">
        <v>10734</v>
      </c>
      <c r="H24505" t="s">
        <v>10735</v>
      </c>
      <c r="I24505" s="2">
        <v>1</v>
      </c>
      <c r="J24505" s="2">
        <v>0</v>
      </c>
      <c r="K24505" s="2">
        <v>0</v>
      </c>
      <c r="L24505" t="s">
        <v>120</v>
      </c>
      <c r="M24505" t="s">
        <v>83</v>
      </c>
      <c r="N24505" t="s">
        <v>91</v>
      </c>
      <c r="O24505" t="s">
        <v>85</v>
      </c>
      <c r="P24505" t="s">
        <v>86</v>
      </c>
      <c r="Q24505">
        <v>88</v>
      </c>
      <c r="R24505">
        <v>89</v>
      </c>
      <c r="S24505">
        <v>91</v>
      </c>
      <c r="T24505">
        <v>93</v>
      </c>
      <c r="U24505">
        <v>95</v>
      </c>
      <c r="V24505">
        <v>97</v>
      </c>
      <c r="W24505">
        <v>99</v>
      </c>
      <c r="X24505">
        <v>101</v>
      </c>
      <c r="Y24505">
        <v>103</v>
      </c>
      <c r="Z24505">
        <v>105</v>
      </c>
      <c r="AA24505">
        <v>107</v>
      </c>
      <c r="AB24505">
        <v>108</v>
      </c>
      <c r="AC24505">
        <v>110</v>
      </c>
      <c r="AD24505">
        <v>112</v>
      </c>
      <c r="AE24505">
        <v>114</v>
      </c>
      <c r="AF24505">
        <v>116</v>
      </c>
      <c r="AG24505">
        <v>118</v>
      </c>
      <c r="AH24505">
        <v>120</v>
      </c>
      <c r="AI24505">
        <v>122</v>
      </c>
      <c r="AJ24505">
        <v>124</v>
      </c>
      <c r="AK24505">
        <v>126</v>
      </c>
      <c r="AL24505">
        <v>128</v>
      </c>
      <c r="AM24505">
        <v>129</v>
      </c>
      <c r="AN24505">
        <v>130</v>
      </c>
      <c r="AO24505">
        <v>131</v>
      </c>
      <c r="AP24505">
        <v>132</v>
      </c>
      <c r="AQ24505">
        <v>133</v>
      </c>
    </row>
    <row r="24506" spans="1:43">
      <c r="A24506" t="s">
        <v>15173</v>
      </c>
      <c r="B24506" t="s">
        <v>15174</v>
      </c>
      <c r="C24506" t="s">
        <v>15135</v>
      </c>
      <c r="D24506" t="s">
        <v>15136</v>
      </c>
      <c r="E24506" t="s">
        <v>15101</v>
      </c>
      <c r="F24506" t="s">
        <v>15102</v>
      </c>
      <c r="G24506" t="s">
        <v>10734</v>
      </c>
      <c r="H24506" t="s">
        <v>10735</v>
      </c>
      <c r="I24506" s="2">
        <v>1</v>
      </c>
      <c r="J24506" s="2">
        <v>0</v>
      </c>
      <c r="K24506" s="2">
        <v>0</v>
      </c>
      <c r="L24506" t="s">
        <v>120</v>
      </c>
      <c r="M24506" t="s">
        <v>83</v>
      </c>
      <c r="N24506" t="s">
        <v>84</v>
      </c>
      <c r="O24506" t="s">
        <v>85</v>
      </c>
      <c r="P24506" t="s">
        <v>86</v>
      </c>
      <c r="Q24506">
        <v>10</v>
      </c>
      <c r="R24506">
        <v>10</v>
      </c>
      <c r="S24506">
        <v>10</v>
      </c>
      <c r="T24506">
        <v>10</v>
      </c>
      <c r="U24506">
        <v>11</v>
      </c>
      <c r="V24506">
        <v>11</v>
      </c>
      <c r="W24506">
        <v>11</v>
      </c>
      <c r="X24506">
        <v>11</v>
      </c>
      <c r="Y24506">
        <v>11</v>
      </c>
      <c r="Z24506">
        <v>12</v>
      </c>
      <c r="AA24506">
        <v>12</v>
      </c>
      <c r="AB24506">
        <v>12</v>
      </c>
      <c r="AC24506">
        <v>12</v>
      </c>
      <c r="AD24506">
        <v>13</v>
      </c>
      <c r="AE24506">
        <v>13</v>
      </c>
      <c r="AF24506">
        <v>13</v>
      </c>
      <c r="AG24506">
        <v>13</v>
      </c>
      <c r="AH24506">
        <v>13</v>
      </c>
      <c r="AI24506">
        <v>14</v>
      </c>
      <c r="AJ24506">
        <v>14</v>
      </c>
      <c r="AK24506">
        <v>14</v>
      </c>
      <c r="AL24506">
        <v>14</v>
      </c>
      <c r="AM24506">
        <v>14</v>
      </c>
      <c r="AN24506">
        <v>15</v>
      </c>
      <c r="AO24506">
        <v>15</v>
      </c>
      <c r="AP24506">
        <v>15</v>
      </c>
      <c r="AQ24506">
        <v>15</v>
      </c>
    </row>
    <row r="24507" spans="1:43">
      <c r="A24507" t="s">
        <v>15173</v>
      </c>
      <c r="B24507" t="s">
        <v>15174</v>
      </c>
      <c r="C24507" t="s">
        <v>15135</v>
      </c>
      <c r="D24507" t="s">
        <v>15136</v>
      </c>
      <c r="E24507" t="s">
        <v>15101</v>
      </c>
      <c r="F24507" t="s">
        <v>15102</v>
      </c>
      <c r="G24507" t="s">
        <v>10734</v>
      </c>
      <c r="H24507" t="s">
        <v>10735</v>
      </c>
      <c r="I24507" s="2">
        <v>1</v>
      </c>
      <c r="J24507" s="2">
        <v>0</v>
      </c>
      <c r="K24507" s="2">
        <v>0</v>
      </c>
      <c r="L24507" t="s">
        <v>120</v>
      </c>
      <c r="M24507" t="s">
        <v>87</v>
      </c>
      <c r="N24507" t="s">
        <v>88</v>
      </c>
      <c r="O24507" t="s">
        <v>85</v>
      </c>
      <c r="P24507" t="s">
        <v>86</v>
      </c>
      <c r="Q24507">
        <v>10</v>
      </c>
      <c r="R24507">
        <v>10</v>
      </c>
      <c r="S24507">
        <v>10</v>
      </c>
      <c r="T24507">
        <v>10</v>
      </c>
      <c r="U24507">
        <v>10</v>
      </c>
      <c r="V24507">
        <v>10</v>
      </c>
      <c r="W24507">
        <v>10</v>
      </c>
      <c r="X24507">
        <v>10</v>
      </c>
      <c r="Y24507">
        <v>11</v>
      </c>
      <c r="Z24507">
        <v>11</v>
      </c>
      <c r="AA24507">
        <v>11</v>
      </c>
      <c r="AB24507">
        <v>11</v>
      </c>
      <c r="AC24507">
        <v>11</v>
      </c>
      <c r="AD24507">
        <v>11</v>
      </c>
      <c r="AE24507">
        <v>11</v>
      </c>
      <c r="AF24507">
        <v>11</v>
      </c>
      <c r="AG24507">
        <v>12</v>
      </c>
      <c r="AH24507">
        <v>12</v>
      </c>
      <c r="AI24507">
        <v>12</v>
      </c>
      <c r="AJ24507">
        <v>12</v>
      </c>
      <c r="AK24507">
        <v>12</v>
      </c>
      <c r="AL24507">
        <v>12</v>
      </c>
      <c r="AM24507">
        <v>12</v>
      </c>
      <c r="AN24507">
        <v>13</v>
      </c>
      <c r="AO24507">
        <v>13</v>
      </c>
      <c r="AP24507">
        <v>13</v>
      </c>
      <c r="AQ24507">
        <v>13</v>
      </c>
    </row>
    <row r="24508" spans="1:43">
      <c r="A24508" t="s">
        <v>15173</v>
      </c>
      <c r="B24508" t="s">
        <v>15174</v>
      </c>
      <c r="C24508" t="s">
        <v>15135</v>
      </c>
      <c r="D24508" t="s">
        <v>15136</v>
      </c>
      <c r="E24508" t="s">
        <v>15101</v>
      </c>
      <c r="F24508" t="s">
        <v>15102</v>
      </c>
      <c r="G24508" t="s">
        <v>10734</v>
      </c>
      <c r="H24508" t="s">
        <v>10735</v>
      </c>
      <c r="I24508" s="2">
        <v>1</v>
      </c>
      <c r="J24508" s="2">
        <v>0</v>
      </c>
      <c r="K24508" s="2">
        <v>0</v>
      </c>
      <c r="L24508" t="s">
        <v>120</v>
      </c>
      <c r="M24508" t="s">
        <v>89</v>
      </c>
      <c r="N24508" t="s">
        <v>90</v>
      </c>
      <c r="O24508" t="s">
        <v>85</v>
      </c>
      <c r="P24508" t="s">
        <v>86</v>
      </c>
      <c r="Q24508">
        <v>10</v>
      </c>
      <c r="R24508">
        <v>10</v>
      </c>
      <c r="S24508">
        <v>10</v>
      </c>
      <c r="T24508">
        <v>11</v>
      </c>
      <c r="U24508">
        <v>11</v>
      </c>
      <c r="V24508">
        <v>11</v>
      </c>
      <c r="W24508">
        <v>12</v>
      </c>
      <c r="X24508">
        <v>12</v>
      </c>
      <c r="Y24508">
        <v>12</v>
      </c>
      <c r="Z24508">
        <v>12</v>
      </c>
      <c r="AA24508">
        <v>13</v>
      </c>
      <c r="AB24508">
        <v>13</v>
      </c>
      <c r="AC24508">
        <v>13</v>
      </c>
      <c r="AD24508">
        <v>13</v>
      </c>
      <c r="AE24508">
        <v>14</v>
      </c>
      <c r="AF24508">
        <v>14</v>
      </c>
      <c r="AG24508">
        <v>14</v>
      </c>
      <c r="AH24508">
        <v>14</v>
      </c>
      <c r="AI24508">
        <v>14</v>
      </c>
      <c r="AJ24508">
        <v>14</v>
      </c>
      <c r="AK24508">
        <v>14</v>
      </c>
      <c r="AL24508">
        <v>14</v>
      </c>
      <c r="AM24508">
        <v>15</v>
      </c>
      <c r="AN24508">
        <v>15</v>
      </c>
      <c r="AO24508">
        <v>15</v>
      </c>
      <c r="AP24508">
        <v>15</v>
      </c>
      <c r="AQ24508">
        <v>15</v>
      </c>
    </row>
    <row r="24509" spans="1:43">
      <c r="A24509" t="s">
        <v>15173</v>
      </c>
      <c r="B24509" t="s">
        <v>15174</v>
      </c>
      <c r="C24509" t="s">
        <v>15135</v>
      </c>
      <c r="D24509" t="s">
        <v>15136</v>
      </c>
      <c r="E24509" t="s">
        <v>15101</v>
      </c>
      <c r="F24509" t="s">
        <v>15102</v>
      </c>
      <c r="G24509" t="s">
        <v>10734</v>
      </c>
      <c r="H24509" t="s">
        <v>10735</v>
      </c>
      <c r="I24509" s="2">
        <v>1</v>
      </c>
      <c r="J24509" s="2">
        <v>0</v>
      </c>
      <c r="K24509" s="2">
        <v>0</v>
      </c>
      <c r="L24509" t="s">
        <v>120</v>
      </c>
      <c r="M24509" t="s">
        <v>83</v>
      </c>
      <c r="N24509" t="s">
        <v>91</v>
      </c>
      <c r="O24509" t="s">
        <v>85</v>
      </c>
      <c r="P24509" t="s">
        <v>86</v>
      </c>
      <c r="Q24509">
        <v>10</v>
      </c>
      <c r="R24509">
        <v>10</v>
      </c>
      <c r="S24509">
        <v>10</v>
      </c>
      <c r="T24509">
        <v>10</v>
      </c>
      <c r="U24509">
        <v>11</v>
      </c>
      <c r="V24509">
        <v>11</v>
      </c>
      <c r="W24509">
        <v>11</v>
      </c>
      <c r="X24509">
        <v>11</v>
      </c>
      <c r="Y24509">
        <v>11</v>
      </c>
      <c r="Z24509">
        <v>12</v>
      </c>
      <c r="AA24509">
        <v>12</v>
      </c>
      <c r="AB24509">
        <v>12</v>
      </c>
      <c r="AC24509">
        <v>12</v>
      </c>
      <c r="AD24509">
        <v>13</v>
      </c>
      <c r="AE24509">
        <v>13</v>
      </c>
      <c r="AF24509">
        <v>13</v>
      </c>
      <c r="AG24509">
        <v>13</v>
      </c>
      <c r="AH24509">
        <v>13</v>
      </c>
      <c r="AI24509">
        <v>14</v>
      </c>
      <c r="AJ24509">
        <v>14</v>
      </c>
      <c r="AK24509">
        <v>14</v>
      </c>
      <c r="AL24509">
        <v>14</v>
      </c>
      <c r="AM24509">
        <v>14</v>
      </c>
      <c r="AN24509">
        <v>15</v>
      </c>
      <c r="AO24509">
        <v>15</v>
      </c>
      <c r="AP24509">
        <v>15</v>
      </c>
      <c r="AQ24509">
        <v>15</v>
      </c>
    </row>
    <row r="24510" spans="1:43">
      <c r="A24510" t="s">
        <v>15175</v>
      </c>
      <c r="B24510" t="s">
        <v>15176</v>
      </c>
      <c r="C24510" t="s">
        <v>15135</v>
      </c>
      <c r="D24510" t="s">
        <v>15136</v>
      </c>
      <c r="E24510" t="s">
        <v>15101</v>
      </c>
      <c r="F24510" t="s">
        <v>15102</v>
      </c>
      <c r="G24510" t="s">
        <v>10734</v>
      </c>
      <c r="H24510" t="s">
        <v>10735</v>
      </c>
      <c r="I24510" s="2">
        <v>1</v>
      </c>
      <c r="J24510" s="2">
        <v>0</v>
      </c>
      <c r="K24510" s="2">
        <v>0</v>
      </c>
      <c r="L24510" t="s">
        <v>120</v>
      </c>
      <c r="M24510" t="s">
        <v>83</v>
      </c>
      <c r="N24510" t="s">
        <v>84</v>
      </c>
      <c r="O24510" t="s">
        <v>85</v>
      </c>
      <c r="P24510" t="s">
        <v>86</v>
      </c>
      <c r="Q24510">
        <v>6</v>
      </c>
      <c r="R24510">
        <v>6</v>
      </c>
      <c r="S24510">
        <v>6</v>
      </c>
      <c r="T24510">
        <v>6</v>
      </c>
      <c r="U24510">
        <v>6</v>
      </c>
      <c r="V24510">
        <v>7</v>
      </c>
      <c r="W24510">
        <v>7</v>
      </c>
      <c r="X24510">
        <v>7</v>
      </c>
      <c r="Y24510">
        <v>7</v>
      </c>
      <c r="Z24510">
        <v>7</v>
      </c>
      <c r="AA24510">
        <v>7</v>
      </c>
      <c r="AB24510">
        <v>7</v>
      </c>
      <c r="AC24510">
        <v>7</v>
      </c>
      <c r="AD24510">
        <v>8</v>
      </c>
      <c r="AE24510">
        <v>8</v>
      </c>
      <c r="AF24510">
        <v>8</v>
      </c>
      <c r="AG24510">
        <v>8</v>
      </c>
      <c r="AH24510">
        <v>8</v>
      </c>
      <c r="AI24510">
        <v>8</v>
      </c>
      <c r="AJ24510">
        <v>8</v>
      </c>
      <c r="AK24510">
        <v>9</v>
      </c>
      <c r="AL24510">
        <v>9</v>
      </c>
      <c r="AM24510">
        <v>9</v>
      </c>
      <c r="AN24510">
        <v>9</v>
      </c>
      <c r="AO24510">
        <v>9</v>
      </c>
      <c r="AP24510">
        <v>9</v>
      </c>
      <c r="AQ24510">
        <v>9</v>
      </c>
    </row>
    <row r="24511" spans="1:43">
      <c r="A24511" t="s">
        <v>15175</v>
      </c>
      <c r="B24511" t="s">
        <v>15176</v>
      </c>
      <c r="C24511" t="s">
        <v>15135</v>
      </c>
      <c r="D24511" t="s">
        <v>15136</v>
      </c>
      <c r="E24511" t="s">
        <v>15101</v>
      </c>
      <c r="F24511" t="s">
        <v>15102</v>
      </c>
      <c r="G24511" t="s">
        <v>10734</v>
      </c>
      <c r="H24511" t="s">
        <v>10735</v>
      </c>
      <c r="I24511" s="2">
        <v>1</v>
      </c>
      <c r="J24511" s="2">
        <v>0</v>
      </c>
      <c r="K24511" s="2">
        <v>0</v>
      </c>
      <c r="L24511" t="s">
        <v>120</v>
      </c>
      <c r="M24511" t="s">
        <v>87</v>
      </c>
      <c r="N24511" t="s">
        <v>88</v>
      </c>
      <c r="O24511" t="s">
        <v>85</v>
      </c>
      <c r="P24511" t="s">
        <v>86</v>
      </c>
      <c r="Q24511">
        <v>6</v>
      </c>
      <c r="R24511">
        <v>6</v>
      </c>
      <c r="S24511">
        <v>6</v>
      </c>
      <c r="T24511">
        <v>6</v>
      </c>
      <c r="U24511">
        <v>6</v>
      </c>
      <c r="V24511">
        <v>6</v>
      </c>
      <c r="W24511">
        <v>6</v>
      </c>
      <c r="X24511">
        <v>6</v>
      </c>
      <c r="Y24511">
        <v>6</v>
      </c>
      <c r="Z24511">
        <v>6</v>
      </c>
      <c r="AA24511">
        <v>7</v>
      </c>
      <c r="AB24511">
        <v>7</v>
      </c>
      <c r="AC24511">
        <v>7</v>
      </c>
      <c r="AD24511">
        <v>7</v>
      </c>
      <c r="AE24511">
        <v>7</v>
      </c>
      <c r="AF24511">
        <v>7</v>
      </c>
      <c r="AG24511">
        <v>7</v>
      </c>
      <c r="AH24511">
        <v>7</v>
      </c>
      <c r="AI24511">
        <v>7</v>
      </c>
      <c r="AJ24511">
        <v>7</v>
      </c>
      <c r="AK24511">
        <v>7</v>
      </c>
      <c r="AL24511">
        <v>7</v>
      </c>
      <c r="AM24511">
        <v>8</v>
      </c>
      <c r="AN24511">
        <v>8</v>
      </c>
      <c r="AO24511">
        <v>8</v>
      </c>
      <c r="AP24511">
        <v>8</v>
      </c>
      <c r="AQ24511">
        <v>8</v>
      </c>
    </row>
    <row r="24512" spans="1:43">
      <c r="A24512" t="s">
        <v>15175</v>
      </c>
      <c r="B24512" t="s">
        <v>15176</v>
      </c>
      <c r="C24512" t="s">
        <v>15135</v>
      </c>
      <c r="D24512" t="s">
        <v>15136</v>
      </c>
      <c r="E24512" t="s">
        <v>15101</v>
      </c>
      <c r="F24512" t="s">
        <v>15102</v>
      </c>
      <c r="G24512" t="s">
        <v>10734</v>
      </c>
      <c r="H24512" t="s">
        <v>10735</v>
      </c>
      <c r="I24512" s="2">
        <v>1</v>
      </c>
      <c r="J24512" s="2">
        <v>0</v>
      </c>
      <c r="K24512" s="2">
        <v>0</v>
      </c>
      <c r="L24512" t="s">
        <v>120</v>
      </c>
      <c r="M24512" t="s">
        <v>89</v>
      </c>
      <c r="N24512" t="s">
        <v>90</v>
      </c>
      <c r="O24512" t="s">
        <v>85</v>
      </c>
      <c r="P24512" t="s">
        <v>86</v>
      </c>
      <c r="Q24512">
        <v>6</v>
      </c>
      <c r="R24512">
        <v>6</v>
      </c>
      <c r="S24512">
        <v>6</v>
      </c>
      <c r="T24512">
        <v>6</v>
      </c>
      <c r="U24512">
        <v>7</v>
      </c>
      <c r="V24512">
        <v>7</v>
      </c>
      <c r="W24512">
        <v>7</v>
      </c>
      <c r="X24512">
        <v>7</v>
      </c>
      <c r="Y24512">
        <v>7</v>
      </c>
      <c r="Z24512">
        <v>7</v>
      </c>
      <c r="AA24512">
        <v>8</v>
      </c>
      <c r="AB24512">
        <v>8</v>
      </c>
      <c r="AC24512">
        <v>8</v>
      </c>
      <c r="AD24512">
        <v>8</v>
      </c>
      <c r="AE24512">
        <v>8</v>
      </c>
      <c r="AF24512">
        <v>8</v>
      </c>
      <c r="AG24512">
        <v>8</v>
      </c>
      <c r="AH24512">
        <v>8</v>
      </c>
      <c r="AI24512">
        <v>9</v>
      </c>
      <c r="AJ24512">
        <v>9</v>
      </c>
      <c r="AK24512">
        <v>9</v>
      </c>
      <c r="AL24512">
        <v>9</v>
      </c>
      <c r="AM24512">
        <v>9</v>
      </c>
      <c r="AN24512">
        <v>9</v>
      </c>
      <c r="AO24512">
        <v>9</v>
      </c>
      <c r="AP24512">
        <v>9</v>
      </c>
      <c r="AQ24512">
        <v>9</v>
      </c>
    </row>
    <row r="24513" spans="1:43">
      <c r="A24513" t="s">
        <v>15175</v>
      </c>
      <c r="B24513" t="s">
        <v>15176</v>
      </c>
      <c r="C24513" t="s">
        <v>15135</v>
      </c>
      <c r="D24513" t="s">
        <v>15136</v>
      </c>
      <c r="E24513" t="s">
        <v>15101</v>
      </c>
      <c r="F24513" t="s">
        <v>15102</v>
      </c>
      <c r="G24513" t="s">
        <v>10734</v>
      </c>
      <c r="H24513" t="s">
        <v>10735</v>
      </c>
      <c r="I24513" s="2">
        <v>1</v>
      </c>
      <c r="J24513" s="2">
        <v>0</v>
      </c>
      <c r="K24513" s="2">
        <v>0</v>
      </c>
      <c r="L24513" t="s">
        <v>120</v>
      </c>
      <c r="M24513" t="s">
        <v>83</v>
      </c>
      <c r="N24513" t="s">
        <v>91</v>
      </c>
      <c r="O24513" t="s">
        <v>85</v>
      </c>
      <c r="P24513" t="s">
        <v>86</v>
      </c>
      <c r="Q24513">
        <v>6</v>
      </c>
      <c r="R24513">
        <v>6</v>
      </c>
      <c r="S24513">
        <v>6</v>
      </c>
      <c r="T24513">
        <v>6</v>
      </c>
      <c r="U24513">
        <v>6</v>
      </c>
      <c r="V24513">
        <v>7</v>
      </c>
      <c r="W24513">
        <v>7</v>
      </c>
      <c r="X24513">
        <v>7</v>
      </c>
      <c r="Y24513">
        <v>7</v>
      </c>
      <c r="Z24513">
        <v>7</v>
      </c>
      <c r="AA24513">
        <v>7</v>
      </c>
      <c r="AB24513">
        <v>7</v>
      </c>
      <c r="AC24513">
        <v>7</v>
      </c>
      <c r="AD24513">
        <v>8</v>
      </c>
      <c r="AE24513">
        <v>8</v>
      </c>
      <c r="AF24513">
        <v>8</v>
      </c>
      <c r="AG24513">
        <v>8</v>
      </c>
      <c r="AH24513">
        <v>8</v>
      </c>
      <c r="AI24513">
        <v>8</v>
      </c>
      <c r="AJ24513">
        <v>8</v>
      </c>
      <c r="AK24513">
        <v>9</v>
      </c>
      <c r="AL24513">
        <v>9</v>
      </c>
      <c r="AM24513">
        <v>9</v>
      </c>
      <c r="AN24513">
        <v>9</v>
      </c>
      <c r="AO24513">
        <v>9</v>
      </c>
      <c r="AP24513">
        <v>9</v>
      </c>
      <c r="AQ24513">
        <v>9</v>
      </c>
    </row>
    <row r="24514" spans="1:43">
      <c r="A24514" t="s">
        <v>15177</v>
      </c>
      <c r="B24514" t="s">
        <v>15178</v>
      </c>
      <c r="C24514" t="s">
        <v>15135</v>
      </c>
      <c r="D24514" t="s">
        <v>15136</v>
      </c>
      <c r="E24514" t="s">
        <v>15101</v>
      </c>
      <c r="F24514" t="s">
        <v>15102</v>
      </c>
      <c r="G24514" t="s">
        <v>10734</v>
      </c>
      <c r="H24514" t="s">
        <v>10735</v>
      </c>
      <c r="I24514" s="2">
        <v>1</v>
      </c>
      <c r="J24514" s="2">
        <v>0</v>
      </c>
      <c r="K24514" s="2">
        <v>0</v>
      </c>
      <c r="L24514" t="s">
        <v>120</v>
      </c>
      <c r="M24514" t="s">
        <v>83</v>
      </c>
      <c r="N24514" t="s">
        <v>84</v>
      </c>
      <c r="O24514" t="s">
        <v>85</v>
      </c>
      <c r="P24514" t="s">
        <v>86</v>
      </c>
      <c r="Q24514">
        <v>8</v>
      </c>
      <c r="R24514">
        <v>8</v>
      </c>
      <c r="S24514">
        <v>8</v>
      </c>
      <c r="T24514">
        <v>8</v>
      </c>
      <c r="U24514">
        <v>8</v>
      </c>
      <c r="V24514">
        <v>8</v>
      </c>
      <c r="W24514">
        <v>9</v>
      </c>
      <c r="X24514">
        <v>9</v>
      </c>
      <c r="Y24514">
        <v>9</v>
      </c>
      <c r="Z24514">
        <v>9</v>
      </c>
      <c r="AA24514">
        <v>9</v>
      </c>
      <c r="AB24514">
        <v>9</v>
      </c>
      <c r="AC24514">
        <v>10</v>
      </c>
      <c r="AD24514">
        <v>10</v>
      </c>
      <c r="AE24514">
        <v>10</v>
      </c>
      <c r="AF24514">
        <v>10</v>
      </c>
      <c r="AG24514">
        <v>10</v>
      </c>
      <c r="AH24514">
        <v>11</v>
      </c>
      <c r="AI24514">
        <v>11</v>
      </c>
      <c r="AJ24514">
        <v>11</v>
      </c>
      <c r="AK24514">
        <v>11</v>
      </c>
      <c r="AL24514">
        <v>11</v>
      </c>
      <c r="AM24514">
        <v>11</v>
      </c>
      <c r="AN24514">
        <v>11</v>
      </c>
      <c r="AO24514">
        <v>11</v>
      </c>
      <c r="AP24514">
        <v>12</v>
      </c>
      <c r="AQ24514">
        <v>12</v>
      </c>
    </row>
    <row r="24515" spans="1:43">
      <c r="A24515" t="s">
        <v>15177</v>
      </c>
      <c r="B24515" t="s">
        <v>15178</v>
      </c>
      <c r="C24515" t="s">
        <v>15135</v>
      </c>
      <c r="D24515" t="s">
        <v>15136</v>
      </c>
      <c r="E24515" t="s">
        <v>15101</v>
      </c>
      <c r="F24515" t="s">
        <v>15102</v>
      </c>
      <c r="G24515" t="s">
        <v>10734</v>
      </c>
      <c r="H24515" t="s">
        <v>10735</v>
      </c>
      <c r="I24515" s="2">
        <v>1</v>
      </c>
      <c r="J24515" s="2">
        <v>0</v>
      </c>
      <c r="K24515" s="2">
        <v>0</v>
      </c>
      <c r="L24515" t="s">
        <v>120</v>
      </c>
      <c r="M24515" t="s">
        <v>87</v>
      </c>
      <c r="N24515" t="s">
        <v>88</v>
      </c>
      <c r="O24515" t="s">
        <v>85</v>
      </c>
      <c r="P24515" t="s">
        <v>86</v>
      </c>
      <c r="Q24515">
        <v>8</v>
      </c>
      <c r="R24515">
        <v>9</v>
      </c>
      <c r="S24515">
        <v>9</v>
      </c>
      <c r="T24515">
        <v>9</v>
      </c>
      <c r="U24515">
        <v>9</v>
      </c>
      <c r="V24515">
        <v>9</v>
      </c>
      <c r="W24515">
        <v>9</v>
      </c>
      <c r="X24515">
        <v>9</v>
      </c>
      <c r="Y24515">
        <v>9</v>
      </c>
      <c r="Z24515">
        <v>9</v>
      </c>
      <c r="AA24515">
        <v>9</v>
      </c>
      <c r="AB24515">
        <v>10</v>
      </c>
      <c r="AC24515">
        <v>10</v>
      </c>
      <c r="AD24515">
        <v>10</v>
      </c>
      <c r="AE24515">
        <v>10</v>
      </c>
      <c r="AF24515">
        <v>10</v>
      </c>
      <c r="AG24515">
        <v>10</v>
      </c>
      <c r="AH24515">
        <v>10</v>
      </c>
      <c r="AI24515">
        <v>10</v>
      </c>
      <c r="AJ24515">
        <v>10</v>
      </c>
      <c r="AK24515">
        <v>10</v>
      </c>
      <c r="AL24515">
        <v>11</v>
      </c>
      <c r="AM24515">
        <v>11</v>
      </c>
      <c r="AN24515">
        <v>11</v>
      </c>
      <c r="AO24515">
        <v>11</v>
      </c>
      <c r="AP24515">
        <v>11</v>
      </c>
      <c r="AQ24515">
        <v>11</v>
      </c>
    </row>
    <row r="24516" spans="1:43">
      <c r="A24516" t="s">
        <v>15177</v>
      </c>
      <c r="B24516" t="s">
        <v>15178</v>
      </c>
      <c r="C24516" t="s">
        <v>15135</v>
      </c>
      <c r="D24516" t="s">
        <v>15136</v>
      </c>
      <c r="E24516" t="s">
        <v>15101</v>
      </c>
      <c r="F24516" t="s">
        <v>15102</v>
      </c>
      <c r="G24516" t="s">
        <v>10734</v>
      </c>
      <c r="H24516" t="s">
        <v>10735</v>
      </c>
      <c r="I24516" s="2">
        <v>1</v>
      </c>
      <c r="J24516" s="2">
        <v>0</v>
      </c>
      <c r="K24516" s="2">
        <v>0</v>
      </c>
      <c r="L24516" t="s">
        <v>120</v>
      </c>
      <c r="M24516" t="s">
        <v>89</v>
      </c>
      <c r="N24516" t="s">
        <v>90</v>
      </c>
      <c r="O24516" t="s">
        <v>85</v>
      </c>
      <c r="P24516" t="s">
        <v>86</v>
      </c>
      <c r="Q24516">
        <v>8</v>
      </c>
      <c r="R24516">
        <v>8</v>
      </c>
      <c r="S24516">
        <v>8</v>
      </c>
      <c r="T24516">
        <v>8</v>
      </c>
      <c r="U24516">
        <v>9</v>
      </c>
      <c r="V24516">
        <v>9</v>
      </c>
      <c r="W24516">
        <v>9</v>
      </c>
      <c r="X24516">
        <v>9</v>
      </c>
      <c r="Y24516">
        <v>9</v>
      </c>
      <c r="Z24516">
        <v>10</v>
      </c>
      <c r="AA24516">
        <v>10</v>
      </c>
      <c r="AB24516">
        <v>10</v>
      </c>
      <c r="AC24516">
        <v>10</v>
      </c>
      <c r="AD24516">
        <v>11</v>
      </c>
      <c r="AE24516">
        <v>11</v>
      </c>
      <c r="AF24516">
        <v>11</v>
      </c>
      <c r="AG24516">
        <v>11</v>
      </c>
      <c r="AH24516">
        <v>11</v>
      </c>
      <c r="AI24516">
        <v>11</v>
      </c>
      <c r="AJ24516">
        <v>11</v>
      </c>
      <c r="AK24516">
        <v>11</v>
      </c>
      <c r="AL24516">
        <v>11</v>
      </c>
      <c r="AM24516">
        <v>11</v>
      </c>
      <c r="AN24516">
        <v>11</v>
      </c>
      <c r="AO24516">
        <v>12</v>
      </c>
      <c r="AP24516">
        <v>12</v>
      </c>
      <c r="AQ24516">
        <v>12</v>
      </c>
    </row>
    <row r="24517" spans="1:43">
      <c r="A24517" t="s">
        <v>15177</v>
      </c>
      <c r="B24517" t="s">
        <v>15178</v>
      </c>
      <c r="C24517" t="s">
        <v>15135</v>
      </c>
      <c r="D24517" t="s">
        <v>15136</v>
      </c>
      <c r="E24517" t="s">
        <v>15101</v>
      </c>
      <c r="F24517" t="s">
        <v>15102</v>
      </c>
      <c r="G24517" t="s">
        <v>10734</v>
      </c>
      <c r="H24517" t="s">
        <v>10735</v>
      </c>
      <c r="I24517" s="2">
        <v>1</v>
      </c>
      <c r="J24517" s="2">
        <v>0</v>
      </c>
      <c r="K24517" s="2">
        <v>0</v>
      </c>
      <c r="L24517" t="s">
        <v>120</v>
      </c>
      <c r="M24517" t="s">
        <v>83</v>
      </c>
      <c r="N24517" t="s">
        <v>91</v>
      </c>
      <c r="O24517" t="s">
        <v>85</v>
      </c>
      <c r="P24517" t="s">
        <v>86</v>
      </c>
      <c r="Q24517">
        <v>8</v>
      </c>
      <c r="R24517">
        <v>8</v>
      </c>
      <c r="S24517">
        <v>8</v>
      </c>
      <c r="T24517">
        <v>8</v>
      </c>
      <c r="U24517">
        <v>8</v>
      </c>
      <c r="V24517">
        <v>8</v>
      </c>
      <c r="W24517">
        <v>9</v>
      </c>
      <c r="X24517">
        <v>9</v>
      </c>
      <c r="Y24517">
        <v>9</v>
      </c>
      <c r="Z24517">
        <v>9</v>
      </c>
      <c r="AA24517">
        <v>9</v>
      </c>
      <c r="AB24517">
        <v>9</v>
      </c>
      <c r="AC24517">
        <v>10</v>
      </c>
      <c r="AD24517">
        <v>10</v>
      </c>
      <c r="AE24517">
        <v>10</v>
      </c>
      <c r="AF24517">
        <v>10</v>
      </c>
      <c r="AG24517">
        <v>10</v>
      </c>
      <c r="AH24517">
        <v>11</v>
      </c>
      <c r="AI24517">
        <v>11</v>
      </c>
      <c r="AJ24517">
        <v>11</v>
      </c>
      <c r="AK24517">
        <v>11</v>
      </c>
      <c r="AL24517">
        <v>11</v>
      </c>
      <c r="AM24517">
        <v>11</v>
      </c>
      <c r="AN24517">
        <v>11</v>
      </c>
      <c r="AO24517">
        <v>11</v>
      </c>
      <c r="AP24517">
        <v>12</v>
      </c>
      <c r="AQ24517">
        <v>12</v>
      </c>
    </row>
    <row r="24518" spans="1:43">
      <c r="A24518" t="s">
        <v>15179</v>
      </c>
      <c r="B24518" t="s">
        <v>15180</v>
      </c>
      <c r="C24518" t="s">
        <v>15129</v>
      </c>
      <c r="D24518" t="s">
        <v>15130</v>
      </c>
      <c r="E24518" t="s">
        <v>15101</v>
      </c>
      <c r="F24518" t="s">
        <v>15102</v>
      </c>
      <c r="G24518" t="s">
        <v>10734</v>
      </c>
      <c r="H24518" t="s">
        <v>10735</v>
      </c>
      <c r="I24518" s="2">
        <v>1</v>
      </c>
      <c r="J24518" s="2">
        <v>0</v>
      </c>
      <c r="K24518" s="2">
        <v>0</v>
      </c>
      <c r="L24518" t="s">
        <v>120</v>
      </c>
      <c r="M24518" t="s">
        <v>83</v>
      </c>
      <c r="N24518" t="s">
        <v>84</v>
      </c>
      <c r="O24518" t="s">
        <v>85</v>
      </c>
      <c r="P24518" t="s">
        <v>86</v>
      </c>
      <c r="Q24518">
        <v>8</v>
      </c>
      <c r="R24518">
        <v>8</v>
      </c>
      <c r="S24518">
        <v>8</v>
      </c>
      <c r="T24518">
        <v>9</v>
      </c>
      <c r="U24518">
        <v>9</v>
      </c>
      <c r="V24518">
        <v>9</v>
      </c>
      <c r="W24518">
        <v>9</v>
      </c>
      <c r="X24518">
        <v>9</v>
      </c>
      <c r="Y24518">
        <v>10</v>
      </c>
      <c r="Z24518">
        <v>10</v>
      </c>
      <c r="AA24518">
        <v>10</v>
      </c>
      <c r="AB24518">
        <v>10</v>
      </c>
      <c r="AC24518">
        <v>10</v>
      </c>
      <c r="AD24518">
        <v>11</v>
      </c>
      <c r="AE24518">
        <v>11</v>
      </c>
      <c r="AF24518">
        <v>11</v>
      </c>
      <c r="AG24518">
        <v>11</v>
      </c>
      <c r="AH24518">
        <v>11</v>
      </c>
      <c r="AI24518">
        <v>11</v>
      </c>
      <c r="AJ24518">
        <v>12</v>
      </c>
      <c r="AK24518">
        <v>12</v>
      </c>
      <c r="AL24518">
        <v>12</v>
      </c>
      <c r="AM24518">
        <v>12</v>
      </c>
      <c r="AN24518">
        <v>12</v>
      </c>
      <c r="AO24518">
        <v>12</v>
      </c>
      <c r="AP24518">
        <v>12</v>
      </c>
      <c r="AQ24518">
        <v>12</v>
      </c>
    </row>
    <row r="24519" spans="1:43">
      <c r="A24519" t="s">
        <v>15179</v>
      </c>
      <c r="B24519" t="s">
        <v>15180</v>
      </c>
      <c r="C24519" t="s">
        <v>15129</v>
      </c>
      <c r="D24519" t="s">
        <v>15130</v>
      </c>
      <c r="E24519" t="s">
        <v>15101</v>
      </c>
      <c r="F24519" t="s">
        <v>15102</v>
      </c>
      <c r="G24519" t="s">
        <v>10734</v>
      </c>
      <c r="H24519" t="s">
        <v>10735</v>
      </c>
      <c r="I24519" s="2">
        <v>1</v>
      </c>
      <c r="J24519" s="2">
        <v>0</v>
      </c>
      <c r="K24519" s="2">
        <v>0</v>
      </c>
      <c r="L24519" t="s">
        <v>120</v>
      </c>
      <c r="M24519" t="s">
        <v>87</v>
      </c>
      <c r="N24519" t="s">
        <v>88</v>
      </c>
      <c r="O24519" t="s">
        <v>85</v>
      </c>
      <c r="P24519" t="s">
        <v>86</v>
      </c>
      <c r="Q24519">
        <v>8</v>
      </c>
      <c r="R24519">
        <v>8</v>
      </c>
      <c r="S24519">
        <v>8</v>
      </c>
      <c r="T24519">
        <v>8</v>
      </c>
      <c r="U24519">
        <v>8</v>
      </c>
      <c r="V24519">
        <v>9</v>
      </c>
      <c r="W24519">
        <v>9</v>
      </c>
      <c r="X24519">
        <v>9</v>
      </c>
      <c r="Y24519">
        <v>9</v>
      </c>
      <c r="Z24519">
        <v>9</v>
      </c>
      <c r="AA24519">
        <v>9</v>
      </c>
      <c r="AB24519">
        <v>9</v>
      </c>
      <c r="AC24519">
        <v>9</v>
      </c>
      <c r="AD24519">
        <v>9</v>
      </c>
      <c r="AE24519">
        <v>9</v>
      </c>
      <c r="AF24519">
        <v>10</v>
      </c>
      <c r="AG24519">
        <v>10</v>
      </c>
      <c r="AH24519">
        <v>10</v>
      </c>
      <c r="AI24519">
        <v>10</v>
      </c>
      <c r="AJ24519">
        <v>10</v>
      </c>
      <c r="AK24519">
        <v>10</v>
      </c>
      <c r="AL24519">
        <v>10</v>
      </c>
      <c r="AM24519">
        <v>10</v>
      </c>
      <c r="AN24519">
        <v>10</v>
      </c>
      <c r="AO24519">
        <v>11</v>
      </c>
      <c r="AP24519">
        <v>11</v>
      </c>
      <c r="AQ24519">
        <v>11</v>
      </c>
    </row>
    <row r="24520" spans="1:43">
      <c r="A24520" t="s">
        <v>15179</v>
      </c>
      <c r="B24520" t="s">
        <v>15180</v>
      </c>
      <c r="C24520" t="s">
        <v>15129</v>
      </c>
      <c r="D24520" t="s">
        <v>15130</v>
      </c>
      <c r="E24520" t="s">
        <v>15101</v>
      </c>
      <c r="F24520" t="s">
        <v>15102</v>
      </c>
      <c r="G24520" t="s">
        <v>10734</v>
      </c>
      <c r="H24520" t="s">
        <v>10735</v>
      </c>
      <c r="I24520" s="2">
        <v>1</v>
      </c>
      <c r="J24520" s="2">
        <v>0</v>
      </c>
      <c r="K24520" s="2">
        <v>0</v>
      </c>
      <c r="L24520" t="s">
        <v>120</v>
      </c>
      <c r="M24520" t="s">
        <v>89</v>
      </c>
      <c r="N24520" t="s">
        <v>90</v>
      </c>
      <c r="O24520" t="s">
        <v>85</v>
      </c>
      <c r="P24520" t="s">
        <v>86</v>
      </c>
      <c r="Q24520">
        <v>8</v>
      </c>
      <c r="R24520">
        <v>8</v>
      </c>
      <c r="S24520">
        <v>9</v>
      </c>
      <c r="T24520">
        <v>9</v>
      </c>
      <c r="U24520">
        <v>9</v>
      </c>
      <c r="V24520">
        <v>9</v>
      </c>
      <c r="W24520">
        <v>10</v>
      </c>
      <c r="X24520">
        <v>10</v>
      </c>
      <c r="Y24520">
        <v>10</v>
      </c>
      <c r="Z24520">
        <v>10</v>
      </c>
      <c r="AA24520">
        <v>11</v>
      </c>
      <c r="AB24520">
        <v>11</v>
      </c>
      <c r="AC24520">
        <v>11</v>
      </c>
      <c r="AD24520">
        <v>11</v>
      </c>
      <c r="AE24520">
        <v>11</v>
      </c>
      <c r="AF24520">
        <v>12</v>
      </c>
      <c r="AG24520">
        <v>12</v>
      </c>
      <c r="AH24520">
        <v>12</v>
      </c>
      <c r="AI24520">
        <v>12</v>
      </c>
      <c r="AJ24520">
        <v>12</v>
      </c>
      <c r="AK24520">
        <v>12</v>
      </c>
      <c r="AL24520">
        <v>12</v>
      </c>
      <c r="AM24520">
        <v>12</v>
      </c>
      <c r="AN24520">
        <v>12</v>
      </c>
      <c r="AO24520">
        <v>12</v>
      </c>
      <c r="AP24520">
        <v>12</v>
      </c>
      <c r="AQ24520">
        <v>13</v>
      </c>
    </row>
    <row r="24521" spans="1:43">
      <c r="A24521" t="s">
        <v>15179</v>
      </c>
      <c r="B24521" t="s">
        <v>15180</v>
      </c>
      <c r="C24521" t="s">
        <v>15129</v>
      </c>
      <c r="D24521" t="s">
        <v>15130</v>
      </c>
      <c r="E24521" t="s">
        <v>15101</v>
      </c>
      <c r="F24521" t="s">
        <v>15102</v>
      </c>
      <c r="G24521" t="s">
        <v>10734</v>
      </c>
      <c r="H24521" t="s">
        <v>10735</v>
      </c>
      <c r="I24521" s="2">
        <v>1</v>
      </c>
      <c r="J24521" s="2">
        <v>0</v>
      </c>
      <c r="K24521" s="2">
        <v>0</v>
      </c>
      <c r="L24521" t="s">
        <v>120</v>
      </c>
      <c r="M24521" t="s">
        <v>83</v>
      </c>
      <c r="N24521" t="s">
        <v>91</v>
      </c>
      <c r="O24521" t="s">
        <v>85</v>
      </c>
      <c r="P24521" t="s">
        <v>86</v>
      </c>
      <c r="Q24521">
        <v>8</v>
      </c>
      <c r="R24521">
        <v>8</v>
      </c>
      <c r="S24521">
        <v>8</v>
      </c>
      <c r="T24521">
        <v>9</v>
      </c>
      <c r="U24521">
        <v>9</v>
      </c>
      <c r="V24521">
        <v>9</v>
      </c>
      <c r="W24521">
        <v>9</v>
      </c>
      <c r="X24521">
        <v>9</v>
      </c>
      <c r="Y24521">
        <v>10</v>
      </c>
      <c r="Z24521">
        <v>10</v>
      </c>
      <c r="AA24521">
        <v>10</v>
      </c>
      <c r="AB24521">
        <v>10</v>
      </c>
      <c r="AC24521">
        <v>10</v>
      </c>
      <c r="AD24521">
        <v>11</v>
      </c>
      <c r="AE24521">
        <v>11</v>
      </c>
      <c r="AF24521">
        <v>11</v>
      </c>
      <c r="AG24521">
        <v>11</v>
      </c>
      <c r="AH24521">
        <v>11</v>
      </c>
      <c r="AI24521">
        <v>11</v>
      </c>
      <c r="AJ24521">
        <v>12</v>
      </c>
      <c r="AK24521">
        <v>12</v>
      </c>
      <c r="AL24521">
        <v>12</v>
      </c>
      <c r="AM24521">
        <v>12</v>
      </c>
      <c r="AN24521">
        <v>12</v>
      </c>
      <c r="AO24521">
        <v>12</v>
      </c>
      <c r="AP24521">
        <v>12</v>
      </c>
      <c r="AQ24521">
        <v>12</v>
      </c>
    </row>
    <row r="24522" spans="1:43">
      <c r="A24522" t="s">
        <v>15181</v>
      </c>
      <c r="B24522" t="s">
        <v>15182</v>
      </c>
      <c r="C24522" t="s">
        <v>15129</v>
      </c>
      <c r="D24522" t="s">
        <v>15130</v>
      </c>
      <c r="E24522" t="s">
        <v>15101</v>
      </c>
      <c r="F24522" t="s">
        <v>15102</v>
      </c>
      <c r="G24522" t="s">
        <v>10734</v>
      </c>
      <c r="H24522" t="s">
        <v>10735</v>
      </c>
      <c r="I24522" s="2">
        <v>1</v>
      </c>
      <c r="J24522" s="2">
        <v>0</v>
      </c>
      <c r="K24522" s="2">
        <v>0</v>
      </c>
      <c r="L24522" t="s">
        <v>120</v>
      </c>
      <c r="M24522" t="s">
        <v>83</v>
      </c>
      <c r="N24522" t="s">
        <v>84</v>
      </c>
      <c r="O24522" t="s">
        <v>85</v>
      </c>
      <c r="P24522" t="s">
        <v>86</v>
      </c>
      <c r="Q24522">
        <v>4</v>
      </c>
      <c r="R24522">
        <v>4</v>
      </c>
      <c r="S24522">
        <v>4</v>
      </c>
      <c r="T24522">
        <v>4</v>
      </c>
      <c r="U24522">
        <v>4</v>
      </c>
      <c r="V24522">
        <v>4</v>
      </c>
      <c r="W24522">
        <v>4</v>
      </c>
      <c r="X24522">
        <v>4</v>
      </c>
      <c r="Y24522">
        <v>4</v>
      </c>
      <c r="Z24522">
        <v>4</v>
      </c>
      <c r="AA24522">
        <v>4</v>
      </c>
      <c r="AB24522">
        <v>5</v>
      </c>
      <c r="AC24522">
        <v>5</v>
      </c>
      <c r="AD24522">
        <v>5</v>
      </c>
      <c r="AE24522">
        <v>5</v>
      </c>
      <c r="AF24522">
        <v>5</v>
      </c>
      <c r="AG24522">
        <v>5</v>
      </c>
      <c r="AH24522">
        <v>5</v>
      </c>
      <c r="AI24522">
        <v>5</v>
      </c>
      <c r="AJ24522">
        <v>5</v>
      </c>
      <c r="AK24522">
        <v>5</v>
      </c>
      <c r="AL24522">
        <v>5</v>
      </c>
      <c r="AM24522">
        <v>5</v>
      </c>
      <c r="AN24522">
        <v>6</v>
      </c>
      <c r="AO24522">
        <v>6</v>
      </c>
      <c r="AP24522">
        <v>6</v>
      </c>
      <c r="AQ24522">
        <v>6</v>
      </c>
    </row>
    <row r="24523" spans="1:43">
      <c r="A24523" t="s">
        <v>15181</v>
      </c>
      <c r="B24523" t="s">
        <v>15182</v>
      </c>
      <c r="C24523" t="s">
        <v>15129</v>
      </c>
      <c r="D24523" t="s">
        <v>15130</v>
      </c>
      <c r="E24523" t="s">
        <v>15101</v>
      </c>
      <c r="F24523" t="s">
        <v>15102</v>
      </c>
      <c r="G24523" t="s">
        <v>10734</v>
      </c>
      <c r="H24523" t="s">
        <v>10735</v>
      </c>
      <c r="I24523" s="2">
        <v>1</v>
      </c>
      <c r="J24523" s="2">
        <v>0</v>
      </c>
      <c r="K24523" s="2">
        <v>0</v>
      </c>
      <c r="L24523" t="s">
        <v>120</v>
      </c>
      <c r="M24523" t="s">
        <v>87</v>
      </c>
      <c r="N24523" t="s">
        <v>88</v>
      </c>
      <c r="O24523" t="s">
        <v>85</v>
      </c>
      <c r="P24523" t="s">
        <v>86</v>
      </c>
      <c r="Q24523">
        <v>4</v>
      </c>
      <c r="R24523">
        <v>4</v>
      </c>
      <c r="S24523">
        <v>4</v>
      </c>
      <c r="T24523">
        <v>4</v>
      </c>
      <c r="U24523">
        <v>4</v>
      </c>
      <c r="V24523">
        <v>4</v>
      </c>
      <c r="W24523">
        <v>4</v>
      </c>
      <c r="X24523">
        <v>4</v>
      </c>
      <c r="Y24523">
        <v>4</v>
      </c>
      <c r="Z24523">
        <v>4</v>
      </c>
      <c r="AA24523">
        <v>4</v>
      </c>
      <c r="AB24523">
        <v>4</v>
      </c>
      <c r="AC24523">
        <v>4</v>
      </c>
      <c r="AD24523">
        <v>4</v>
      </c>
      <c r="AE24523">
        <v>4</v>
      </c>
      <c r="AF24523">
        <v>4</v>
      </c>
      <c r="AG24523">
        <v>4</v>
      </c>
      <c r="AH24523">
        <v>4</v>
      </c>
      <c r="AI24523">
        <v>4</v>
      </c>
      <c r="AJ24523">
        <v>5</v>
      </c>
      <c r="AK24523">
        <v>5</v>
      </c>
      <c r="AL24523">
        <v>5</v>
      </c>
      <c r="AM24523">
        <v>5</v>
      </c>
      <c r="AN24523">
        <v>5</v>
      </c>
      <c r="AO24523">
        <v>5</v>
      </c>
      <c r="AP24523">
        <v>5</v>
      </c>
      <c r="AQ24523">
        <v>5</v>
      </c>
    </row>
    <row r="24524" spans="1:43">
      <c r="A24524" t="s">
        <v>15181</v>
      </c>
      <c r="B24524" t="s">
        <v>15182</v>
      </c>
      <c r="C24524" t="s">
        <v>15129</v>
      </c>
      <c r="D24524" t="s">
        <v>15130</v>
      </c>
      <c r="E24524" t="s">
        <v>15101</v>
      </c>
      <c r="F24524" t="s">
        <v>15102</v>
      </c>
      <c r="G24524" t="s">
        <v>10734</v>
      </c>
      <c r="H24524" t="s">
        <v>10735</v>
      </c>
      <c r="I24524" s="2">
        <v>1</v>
      </c>
      <c r="J24524" s="2">
        <v>0</v>
      </c>
      <c r="K24524" s="2">
        <v>0</v>
      </c>
      <c r="L24524" t="s">
        <v>120</v>
      </c>
      <c r="M24524" t="s">
        <v>89</v>
      </c>
      <c r="N24524" t="s">
        <v>90</v>
      </c>
      <c r="O24524" t="s">
        <v>85</v>
      </c>
      <c r="P24524" t="s">
        <v>86</v>
      </c>
      <c r="Q24524">
        <v>4</v>
      </c>
      <c r="R24524">
        <v>4</v>
      </c>
      <c r="S24524">
        <v>4</v>
      </c>
      <c r="T24524">
        <v>4</v>
      </c>
      <c r="U24524">
        <v>4</v>
      </c>
      <c r="V24524">
        <v>4</v>
      </c>
      <c r="W24524">
        <v>4</v>
      </c>
      <c r="X24524">
        <v>4</v>
      </c>
      <c r="Y24524">
        <v>5</v>
      </c>
      <c r="Z24524">
        <v>5</v>
      </c>
      <c r="AA24524">
        <v>5</v>
      </c>
      <c r="AB24524">
        <v>5</v>
      </c>
      <c r="AC24524">
        <v>5</v>
      </c>
      <c r="AD24524">
        <v>5</v>
      </c>
      <c r="AE24524">
        <v>5</v>
      </c>
      <c r="AF24524">
        <v>5</v>
      </c>
      <c r="AG24524">
        <v>5</v>
      </c>
      <c r="AH24524">
        <v>5</v>
      </c>
      <c r="AI24524">
        <v>5</v>
      </c>
      <c r="AJ24524">
        <v>5</v>
      </c>
      <c r="AK24524">
        <v>5</v>
      </c>
      <c r="AL24524">
        <v>5</v>
      </c>
      <c r="AM24524">
        <v>6</v>
      </c>
      <c r="AN24524">
        <v>6</v>
      </c>
      <c r="AO24524">
        <v>6</v>
      </c>
      <c r="AP24524">
        <v>6</v>
      </c>
      <c r="AQ24524">
        <v>6</v>
      </c>
    </row>
    <row r="24525" spans="1:43">
      <c r="A24525" t="s">
        <v>15181</v>
      </c>
      <c r="B24525" t="s">
        <v>15182</v>
      </c>
      <c r="C24525" t="s">
        <v>15129</v>
      </c>
      <c r="D24525" t="s">
        <v>15130</v>
      </c>
      <c r="E24525" t="s">
        <v>15101</v>
      </c>
      <c r="F24525" t="s">
        <v>15102</v>
      </c>
      <c r="G24525" t="s">
        <v>10734</v>
      </c>
      <c r="H24525" t="s">
        <v>10735</v>
      </c>
      <c r="I24525" s="2">
        <v>1</v>
      </c>
      <c r="J24525" s="2">
        <v>0</v>
      </c>
      <c r="K24525" s="2">
        <v>0</v>
      </c>
      <c r="L24525" t="s">
        <v>120</v>
      </c>
      <c r="M24525" t="s">
        <v>83</v>
      </c>
      <c r="N24525" t="s">
        <v>91</v>
      </c>
      <c r="O24525" t="s">
        <v>85</v>
      </c>
      <c r="P24525" t="s">
        <v>86</v>
      </c>
      <c r="Q24525">
        <v>4</v>
      </c>
      <c r="R24525">
        <v>4</v>
      </c>
      <c r="S24525">
        <v>4</v>
      </c>
      <c r="T24525">
        <v>4</v>
      </c>
      <c r="U24525">
        <v>4</v>
      </c>
      <c r="V24525">
        <v>4</v>
      </c>
      <c r="W24525">
        <v>4</v>
      </c>
      <c r="X24525">
        <v>4</v>
      </c>
      <c r="Y24525">
        <v>4</v>
      </c>
      <c r="Z24525">
        <v>4</v>
      </c>
      <c r="AA24525">
        <v>4</v>
      </c>
      <c r="AB24525">
        <v>5</v>
      </c>
      <c r="AC24525">
        <v>5</v>
      </c>
      <c r="AD24525">
        <v>5</v>
      </c>
      <c r="AE24525">
        <v>5</v>
      </c>
      <c r="AF24525">
        <v>5</v>
      </c>
      <c r="AG24525">
        <v>5</v>
      </c>
      <c r="AH24525">
        <v>5</v>
      </c>
      <c r="AI24525">
        <v>5</v>
      </c>
      <c r="AJ24525">
        <v>5</v>
      </c>
      <c r="AK24525">
        <v>5</v>
      </c>
      <c r="AL24525">
        <v>5</v>
      </c>
      <c r="AM24525">
        <v>5</v>
      </c>
      <c r="AN24525">
        <v>6</v>
      </c>
      <c r="AO24525">
        <v>6</v>
      </c>
      <c r="AP24525">
        <v>6</v>
      </c>
      <c r="AQ24525">
        <v>6</v>
      </c>
    </row>
    <row r="24526" spans="1:43">
      <c r="A24526" t="s">
        <v>15183</v>
      </c>
      <c r="B24526" t="s">
        <v>15184</v>
      </c>
      <c r="C24526" t="s">
        <v>15185</v>
      </c>
      <c r="D24526" t="s">
        <v>15186</v>
      </c>
      <c r="E24526" t="s">
        <v>15101</v>
      </c>
      <c r="F24526" t="s">
        <v>15102</v>
      </c>
      <c r="G24526" t="s">
        <v>10734</v>
      </c>
      <c r="H24526" t="s">
        <v>10735</v>
      </c>
      <c r="I24526" s="2">
        <v>1</v>
      </c>
      <c r="J24526" s="2">
        <v>0</v>
      </c>
      <c r="K24526" s="2">
        <v>0</v>
      </c>
      <c r="L24526" t="s">
        <v>120</v>
      </c>
      <c r="M24526" t="s">
        <v>83</v>
      </c>
      <c r="N24526" t="s">
        <v>84</v>
      </c>
      <c r="O24526" t="s">
        <v>85</v>
      </c>
      <c r="P24526" t="s">
        <v>86</v>
      </c>
      <c r="Q24526">
        <v>7</v>
      </c>
      <c r="R24526">
        <v>7</v>
      </c>
      <c r="S24526">
        <v>7</v>
      </c>
      <c r="T24526">
        <v>7</v>
      </c>
      <c r="U24526">
        <v>7</v>
      </c>
      <c r="V24526">
        <v>8</v>
      </c>
      <c r="W24526">
        <v>8</v>
      </c>
      <c r="X24526">
        <v>8</v>
      </c>
      <c r="Y24526">
        <v>8</v>
      </c>
      <c r="Z24526">
        <v>8</v>
      </c>
      <c r="AA24526">
        <v>8</v>
      </c>
      <c r="AB24526">
        <v>8</v>
      </c>
      <c r="AC24526">
        <v>9</v>
      </c>
      <c r="AD24526">
        <v>9</v>
      </c>
      <c r="AE24526">
        <v>9</v>
      </c>
      <c r="AF24526">
        <v>9</v>
      </c>
      <c r="AG24526">
        <v>9</v>
      </c>
      <c r="AH24526">
        <v>9</v>
      </c>
      <c r="AI24526">
        <v>10</v>
      </c>
      <c r="AJ24526">
        <v>10</v>
      </c>
      <c r="AK24526">
        <v>10</v>
      </c>
      <c r="AL24526">
        <v>10</v>
      </c>
      <c r="AM24526">
        <v>10</v>
      </c>
      <c r="AN24526">
        <v>10</v>
      </c>
      <c r="AO24526">
        <v>10</v>
      </c>
      <c r="AP24526">
        <v>10</v>
      </c>
      <c r="AQ24526">
        <v>10</v>
      </c>
    </row>
    <row r="24527" spans="1:43">
      <c r="A24527" t="s">
        <v>15183</v>
      </c>
      <c r="B24527" t="s">
        <v>15184</v>
      </c>
      <c r="C24527" t="s">
        <v>15185</v>
      </c>
      <c r="D24527" t="s">
        <v>15186</v>
      </c>
      <c r="E24527" t="s">
        <v>15101</v>
      </c>
      <c r="F24527" t="s">
        <v>15102</v>
      </c>
      <c r="G24527" t="s">
        <v>10734</v>
      </c>
      <c r="H24527" t="s">
        <v>10735</v>
      </c>
      <c r="I24527" s="2">
        <v>1</v>
      </c>
      <c r="J24527" s="2">
        <v>0</v>
      </c>
      <c r="K24527" s="2">
        <v>0</v>
      </c>
      <c r="L24527" t="s">
        <v>120</v>
      </c>
      <c r="M24527" t="s">
        <v>87</v>
      </c>
      <c r="N24527" t="s">
        <v>88</v>
      </c>
      <c r="O24527" t="s">
        <v>85</v>
      </c>
      <c r="P24527" t="s">
        <v>86</v>
      </c>
      <c r="Q24527">
        <v>7</v>
      </c>
      <c r="R24527">
        <v>7</v>
      </c>
      <c r="S24527">
        <v>7</v>
      </c>
      <c r="T24527">
        <v>7</v>
      </c>
      <c r="U24527">
        <v>7</v>
      </c>
      <c r="V24527">
        <v>7</v>
      </c>
      <c r="W24527">
        <v>7</v>
      </c>
      <c r="X24527">
        <v>7</v>
      </c>
      <c r="Y24527">
        <v>7</v>
      </c>
      <c r="Z24527">
        <v>7</v>
      </c>
      <c r="AA24527">
        <v>8</v>
      </c>
      <c r="AB24527">
        <v>8</v>
      </c>
      <c r="AC24527">
        <v>8</v>
      </c>
      <c r="AD24527">
        <v>8</v>
      </c>
      <c r="AE24527">
        <v>8</v>
      </c>
      <c r="AF24527">
        <v>8</v>
      </c>
      <c r="AG24527">
        <v>8</v>
      </c>
      <c r="AH24527">
        <v>8</v>
      </c>
      <c r="AI24527">
        <v>8</v>
      </c>
      <c r="AJ24527">
        <v>8</v>
      </c>
      <c r="AK24527">
        <v>8</v>
      </c>
      <c r="AL24527">
        <v>9</v>
      </c>
      <c r="AM24527">
        <v>9</v>
      </c>
      <c r="AN24527">
        <v>9</v>
      </c>
      <c r="AO24527">
        <v>9</v>
      </c>
      <c r="AP24527">
        <v>9</v>
      </c>
      <c r="AQ24527">
        <v>9</v>
      </c>
    </row>
    <row r="24528" spans="1:43">
      <c r="A24528" t="s">
        <v>15183</v>
      </c>
      <c r="B24528" t="s">
        <v>15184</v>
      </c>
      <c r="C24528" t="s">
        <v>15185</v>
      </c>
      <c r="D24528" t="s">
        <v>15186</v>
      </c>
      <c r="E24528" t="s">
        <v>15101</v>
      </c>
      <c r="F24528" t="s">
        <v>15102</v>
      </c>
      <c r="G24528" t="s">
        <v>10734</v>
      </c>
      <c r="H24528" t="s">
        <v>10735</v>
      </c>
      <c r="I24528" s="2">
        <v>1</v>
      </c>
      <c r="J24528" s="2">
        <v>0</v>
      </c>
      <c r="K24528" s="2">
        <v>0</v>
      </c>
      <c r="L24528" t="s">
        <v>120</v>
      </c>
      <c r="M24528" t="s">
        <v>89</v>
      </c>
      <c r="N24528" t="s">
        <v>90</v>
      </c>
      <c r="O24528" t="s">
        <v>85</v>
      </c>
      <c r="P24528" t="s">
        <v>86</v>
      </c>
      <c r="Q24528">
        <v>7</v>
      </c>
      <c r="R24528">
        <v>7</v>
      </c>
      <c r="S24528">
        <v>7</v>
      </c>
      <c r="T24528">
        <v>7</v>
      </c>
      <c r="U24528">
        <v>8</v>
      </c>
      <c r="V24528">
        <v>8</v>
      </c>
      <c r="W24528">
        <v>8</v>
      </c>
      <c r="X24528">
        <v>8</v>
      </c>
      <c r="Y24528">
        <v>8</v>
      </c>
      <c r="Z24528">
        <v>9</v>
      </c>
      <c r="AA24528">
        <v>9</v>
      </c>
      <c r="AB24528">
        <v>9</v>
      </c>
      <c r="AC24528">
        <v>9</v>
      </c>
      <c r="AD24528">
        <v>9</v>
      </c>
      <c r="AE24528">
        <v>10</v>
      </c>
      <c r="AF24528">
        <v>10</v>
      </c>
      <c r="AG24528">
        <v>10</v>
      </c>
      <c r="AH24528">
        <v>10</v>
      </c>
      <c r="AI24528">
        <v>10</v>
      </c>
      <c r="AJ24528">
        <v>10</v>
      </c>
      <c r="AK24528">
        <v>10</v>
      </c>
      <c r="AL24528">
        <v>10</v>
      </c>
      <c r="AM24528">
        <v>10</v>
      </c>
      <c r="AN24528">
        <v>10</v>
      </c>
      <c r="AO24528">
        <v>10</v>
      </c>
      <c r="AP24528">
        <v>10</v>
      </c>
      <c r="AQ24528">
        <v>10</v>
      </c>
    </row>
    <row r="24529" spans="1:43">
      <c r="A24529" t="s">
        <v>15183</v>
      </c>
      <c r="B24529" t="s">
        <v>15184</v>
      </c>
      <c r="C24529" t="s">
        <v>15185</v>
      </c>
      <c r="D24529" t="s">
        <v>15186</v>
      </c>
      <c r="E24529" t="s">
        <v>15101</v>
      </c>
      <c r="F24529" t="s">
        <v>15102</v>
      </c>
      <c r="G24529" t="s">
        <v>10734</v>
      </c>
      <c r="H24529" t="s">
        <v>10735</v>
      </c>
      <c r="I24529" s="2">
        <v>1</v>
      </c>
      <c r="J24529" s="2">
        <v>0</v>
      </c>
      <c r="K24529" s="2">
        <v>0</v>
      </c>
      <c r="L24529" t="s">
        <v>120</v>
      </c>
      <c r="M24529" t="s">
        <v>83</v>
      </c>
      <c r="N24529" t="s">
        <v>91</v>
      </c>
      <c r="O24529" t="s">
        <v>85</v>
      </c>
      <c r="P24529" t="s">
        <v>86</v>
      </c>
      <c r="Q24529">
        <v>7</v>
      </c>
      <c r="R24529">
        <v>7</v>
      </c>
      <c r="S24529">
        <v>7</v>
      </c>
      <c r="T24529">
        <v>7</v>
      </c>
      <c r="U24529">
        <v>7</v>
      </c>
      <c r="V24529">
        <v>8</v>
      </c>
      <c r="W24529">
        <v>8</v>
      </c>
      <c r="X24529">
        <v>8</v>
      </c>
      <c r="Y24529">
        <v>8</v>
      </c>
      <c r="Z24529">
        <v>8</v>
      </c>
      <c r="AA24529">
        <v>8</v>
      </c>
      <c r="AB24529">
        <v>8</v>
      </c>
      <c r="AC24529">
        <v>9</v>
      </c>
      <c r="AD24529">
        <v>9</v>
      </c>
      <c r="AE24529">
        <v>9</v>
      </c>
      <c r="AF24529">
        <v>9</v>
      </c>
      <c r="AG24529">
        <v>9</v>
      </c>
      <c r="AH24529">
        <v>9</v>
      </c>
      <c r="AI24529">
        <v>10</v>
      </c>
      <c r="AJ24529">
        <v>10</v>
      </c>
      <c r="AK24529">
        <v>10</v>
      </c>
      <c r="AL24529">
        <v>10</v>
      </c>
      <c r="AM24529">
        <v>10</v>
      </c>
      <c r="AN24529">
        <v>10</v>
      </c>
      <c r="AO24529">
        <v>10</v>
      </c>
      <c r="AP24529">
        <v>10</v>
      </c>
      <c r="AQ24529">
        <v>10</v>
      </c>
    </row>
    <row r="24530" spans="1:43">
      <c r="A24530" t="s">
        <v>15187</v>
      </c>
      <c r="B24530" t="s">
        <v>15188</v>
      </c>
      <c r="C24530" t="s">
        <v>15185</v>
      </c>
      <c r="D24530" t="s">
        <v>15186</v>
      </c>
      <c r="E24530" t="s">
        <v>15101</v>
      </c>
      <c r="F24530" t="s">
        <v>15102</v>
      </c>
      <c r="G24530" t="s">
        <v>10734</v>
      </c>
      <c r="H24530" t="s">
        <v>10735</v>
      </c>
      <c r="I24530" s="2">
        <v>1</v>
      </c>
      <c r="J24530" s="2">
        <v>0</v>
      </c>
      <c r="K24530" s="2">
        <v>0</v>
      </c>
      <c r="L24530" t="s">
        <v>120</v>
      </c>
      <c r="M24530" t="s">
        <v>83</v>
      </c>
      <c r="N24530" t="s">
        <v>84</v>
      </c>
      <c r="O24530" t="s">
        <v>85</v>
      </c>
      <c r="P24530" t="s">
        <v>86</v>
      </c>
      <c r="Q24530">
        <v>12</v>
      </c>
      <c r="R24530">
        <v>12</v>
      </c>
      <c r="S24530">
        <v>12</v>
      </c>
      <c r="T24530">
        <v>13</v>
      </c>
      <c r="U24530">
        <v>13</v>
      </c>
      <c r="V24530">
        <v>13</v>
      </c>
      <c r="W24530">
        <v>13</v>
      </c>
      <c r="X24530">
        <v>14</v>
      </c>
      <c r="Y24530">
        <v>14</v>
      </c>
      <c r="Z24530">
        <v>14</v>
      </c>
      <c r="AA24530">
        <v>15</v>
      </c>
      <c r="AB24530">
        <v>15</v>
      </c>
      <c r="AC24530">
        <v>15</v>
      </c>
      <c r="AD24530">
        <v>15</v>
      </c>
      <c r="AE24530">
        <v>16</v>
      </c>
      <c r="AF24530">
        <v>16</v>
      </c>
      <c r="AG24530">
        <v>16</v>
      </c>
      <c r="AH24530">
        <v>16</v>
      </c>
      <c r="AI24530">
        <v>17</v>
      </c>
      <c r="AJ24530">
        <v>17</v>
      </c>
      <c r="AK24530">
        <v>17</v>
      </c>
      <c r="AL24530">
        <v>18</v>
      </c>
      <c r="AM24530">
        <v>18</v>
      </c>
      <c r="AN24530">
        <v>18</v>
      </c>
      <c r="AO24530">
        <v>18</v>
      </c>
      <c r="AP24530">
        <v>18</v>
      </c>
      <c r="AQ24530">
        <v>18</v>
      </c>
    </row>
    <row r="24531" spans="1:43">
      <c r="A24531" t="s">
        <v>15187</v>
      </c>
      <c r="B24531" t="s">
        <v>15188</v>
      </c>
      <c r="C24531" t="s">
        <v>15185</v>
      </c>
      <c r="D24531" t="s">
        <v>15186</v>
      </c>
      <c r="E24531" t="s">
        <v>15101</v>
      </c>
      <c r="F24531" t="s">
        <v>15102</v>
      </c>
      <c r="G24531" t="s">
        <v>10734</v>
      </c>
      <c r="H24531" t="s">
        <v>10735</v>
      </c>
      <c r="I24531" s="2">
        <v>1</v>
      </c>
      <c r="J24531" s="2">
        <v>0</v>
      </c>
      <c r="K24531" s="2">
        <v>0</v>
      </c>
      <c r="L24531" t="s">
        <v>120</v>
      </c>
      <c r="M24531" t="s">
        <v>87</v>
      </c>
      <c r="N24531" t="s">
        <v>88</v>
      </c>
      <c r="O24531" t="s">
        <v>85</v>
      </c>
      <c r="P24531" t="s">
        <v>86</v>
      </c>
      <c r="Q24531">
        <v>12</v>
      </c>
      <c r="R24531">
        <v>12</v>
      </c>
      <c r="S24531">
        <v>12</v>
      </c>
      <c r="T24531">
        <v>12</v>
      </c>
      <c r="U24531">
        <v>12</v>
      </c>
      <c r="V24531">
        <v>12</v>
      </c>
      <c r="W24531">
        <v>13</v>
      </c>
      <c r="X24531">
        <v>13</v>
      </c>
      <c r="Y24531">
        <v>13</v>
      </c>
      <c r="Z24531">
        <v>13</v>
      </c>
      <c r="AA24531">
        <v>13</v>
      </c>
      <c r="AB24531">
        <v>13</v>
      </c>
      <c r="AC24531">
        <v>14</v>
      </c>
      <c r="AD24531">
        <v>14</v>
      </c>
      <c r="AE24531">
        <v>14</v>
      </c>
      <c r="AF24531">
        <v>14</v>
      </c>
      <c r="AG24531">
        <v>14</v>
      </c>
      <c r="AH24531">
        <v>14</v>
      </c>
      <c r="AI24531">
        <v>14</v>
      </c>
      <c r="AJ24531">
        <v>15</v>
      </c>
      <c r="AK24531">
        <v>15</v>
      </c>
      <c r="AL24531">
        <v>15</v>
      </c>
      <c r="AM24531">
        <v>15</v>
      </c>
      <c r="AN24531">
        <v>15</v>
      </c>
      <c r="AO24531">
        <v>15</v>
      </c>
      <c r="AP24531">
        <v>16</v>
      </c>
      <c r="AQ24531">
        <v>16</v>
      </c>
    </row>
    <row r="24532" spans="1:43">
      <c r="A24532" t="s">
        <v>15187</v>
      </c>
      <c r="B24532" t="s">
        <v>15188</v>
      </c>
      <c r="C24532" t="s">
        <v>15185</v>
      </c>
      <c r="D24532" t="s">
        <v>15186</v>
      </c>
      <c r="E24532" t="s">
        <v>15101</v>
      </c>
      <c r="F24532" t="s">
        <v>15102</v>
      </c>
      <c r="G24532" t="s">
        <v>10734</v>
      </c>
      <c r="H24532" t="s">
        <v>10735</v>
      </c>
      <c r="I24532" s="2">
        <v>1</v>
      </c>
      <c r="J24532" s="2">
        <v>0</v>
      </c>
      <c r="K24532" s="2">
        <v>0</v>
      </c>
      <c r="L24532" t="s">
        <v>120</v>
      </c>
      <c r="M24532" t="s">
        <v>89</v>
      </c>
      <c r="N24532" t="s">
        <v>90</v>
      </c>
      <c r="O24532" t="s">
        <v>85</v>
      </c>
      <c r="P24532" t="s">
        <v>86</v>
      </c>
      <c r="Q24532">
        <v>12</v>
      </c>
      <c r="R24532">
        <v>12</v>
      </c>
      <c r="S24532">
        <v>13</v>
      </c>
      <c r="T24532">
        <v>13</v>
      </c>
      <c r="U24532">
        <v>13</v>
      </c>
      <c r="V24532">
        <v>14</v>
      </c>
      <c r="W24532">
        <v>14</v>
      </c>
      <c r="X24532">
        <v>14</v>
      </c>
      <c r="Y24532">
        <v>15</v>
      </c>
      <c r="Z24532">
        <v>15</v>
      </c>
      <c r="AA24532">
        <v>15</v>
      </c>
      <c r="AB24532">
        <v>16</v>
      </c>
      <c r="AC24532">
        <v>16</v>
      </c>
      <c r="AD24532">
        <v>16</v>
      </c>
      <c r="AE24532">
        <v>17</v>
      </c>
      <c r="AF24532">
        <v>17</v>
      </c>
      <c r="AG24532">
        <v>17</v>
      </c>
      <c r="AH24532">
        <v>17</v>
      </c>
      <c r="AI24532">
        <v>17</v>
      </c>
      <c r="AJ24532">
        <v>17</v>
      </c>
      <c r="AK24532">
        <v>18</v>
      </c>
      <c r="AL24532">
        <v>18</v>
      </c>
      <c r="AM24532">
        <v>18</v>
      </c>
      <c r="AN24532">
        <v>18</v>
      </c>
      <c r="AO24532">
        <v>18</v>
      </c>
      <c r="AP24532">
        <v>18</v>
      </c>
      <c r="AQ24532">
        <v>18</v>
      </c>
    </row>
    <row r="24533" spans="1:43">
      <c r="A24533" t="s">
        <v>15187</v>
      </c>
      <c r="B24533" t="s">
        <v>15188</v>
      </c>
      <c r="C24533" t="s">
        <v>15185</v>
      </c>
      <c r="D24533" t="s">
        <v>15186</v>
      </c>
      <c r="E24533" t="s">
        <v>15101</v>
      </c>
      <c r="F24533" t="s">
        <v>15102</v>
      </c>
      <c r="G24533" t="s">
        <v>10734</v>
      </c>
      <c r="H24533" t="s">
        <v>10735</v>
      </c>
      <c r="I24533" s="2">
        <v>1</v>
      </c>
      <c r="J24533" s="2">
        <v>0</v>
      </c>
      <c r="K24533" s="2">
        <v>0</v>
      </c>
      <c r="L24533" t="s">
        <v>120</v>
      </c>
      <c r="M24533" t="s">
        <v>83</v>
      </c>
      <c r="N24533" t="s">
        <v>91</v>
      </c>
      <c r="O24533" t="s">
        <v>85</v>
      </c>
      <c r="P24533" t="s">
        <v>86</v>
      </c>
      <c r="Q24533">
        <v>12</v>
      </c>
      <c r="R24533">
        <v>12</v>
      </c>
      <c r="S24533">
        <v>12</v>
      </c>
      <c r="T24533">
        <v>13</v>
      </c>
      <c r="U24533">
        <v>13</v>
      </c>
      <c r="V24533">
        <v>13</v>
      </c>
      <c r="W24533">
        <v>13</v>
      </c>
      <c r="X24533">
        <v>14</v>
      </c>
      <c r="Y24533">
        <v>14</v>
      </c>
      <c r="Z24533">
        <v>14</v>
      </c>
      <c r="AA24533">
        <v>15</v>
      </c>
      <c r="AB24533">
        <v>15</v>
      </c>
      <c r="AC24533">
        <v>15</v>
      </c>
      <c r="AD24533">
        <v>15</v>
      </c>
      <c r="AE24533">
        <v>16</v>
      </c>
      <c r="AF24533">
        <v>16</v>
      </c>
      <c r="AG24533">
        <v>16</v>
      </c>
      <c r="AH24533">
        <v>16</v>
      </c>
      <c r="AI24533">
        <v>17</v>
      </c>
      <c r="AJ24533">
        <v>17</v>
      </c>
      <c r="AK24533">
        <v>17</v>
      </c>
      <c r="AL24533">
        <v>18</v>
      </c>
      <c r="AM24533">
        <v>18</v>
      </c>
      <c r="AN24533">
        <v>18</v>
      </c>
      <c r="AO24533">
        <v>18</v>
      </c>
      <c r="AP24533">
        <v>18</v>
      </c>
      <c r="AQ24533">
        <v>18</v>
      </c>
    </row>
    <row r="24534" spans="1:43">
      <c r="A24534" t="s">
        <v>15189</v>
      </c>
      <c r="B24534" t="s">
        <v>15190</v>
      </c>
      <c r="C24534" t="s">
        <v>15185</v>
      </c>
      <c r="D24534" t="s">
        <v>15186</v>
      </c>
      <c r="E24534" t="s">
        <v>15101</v>
      </c>
      <c r="F24534" t="s">
        <v>15102</v>
      </c>
      <c r="G24534" t="s">
        <v>10734</v>
      </c>
      <c r="H24534" t="s">
        <v>10735</v>
      </c>
      <c r="I24534" s="2">
        <v>1</v>
      </c>
      <c r="J24534" s="2">
        <v>0</v>
      </c>
      <c r="K24534" s="2">
        <v>0</v>
      </c>
      <c r="L24534" t="s">
        <v>120</v>
      </c>
      <c r="M24534" t="s">
        <v>83</v>
      </c>
      <c r="N24534" t="s">
        <v>84</v>
      </c>
      <c r="O24534" t="s">
        <v>85</v>
      </c>
      <c r="P24534" t="s">
        <v>86</v>
      </c>
      <c r="Q24534">
        <v>6</v>
      </c>
      <c r="R24534">
        <v>6</v>
      </c>
      <c r="S24534">
        <v>7</v>
      </c>
      <c r="T24534">
        <v>7</v>
      </c>
      <c r="U24534">
        <v>7</v>
      </c>
      <c r="V24534">
        <v>7</v>
      </c>
      <c r="W24534">
        <v>7</v>
      </c>
      <c r="X24534">
        <v>7</v>
      </c>
      <c r="Y24534">
        <v>7</v>
      </c>
      <c r="Z24534">
        <v>8</v>
      </c>
      <c r="AA24534">
        <v>8</v>
      </c>
      <c r="AB24534">
        <v>8</v>
      </c>
      <c r="AC24534">
        <v>8</v>
      </c>
      <c r="AD24534">
        <v>8</v>
      </c>
      <c r="AE24534">
        <v>8</v>
      </c>
      <c r="AF24534">
        <v>8</v>
      </c>
      <c r="AG24534">
        <v>9</v>
      </c>
      <c r="AH24534">
        <v>9</v>
      </c>
      <c r="AI24534">
        <v>9</v>
      </c>
      <c r="AJ24534">
        <v>9</v>
      </c>
      <c r="AK24534">
        <v>9</v>
      </c>
      <c r="AL24534">
        <v>9</v>
      </c>
      <c r="AM24534">
        <v>9</v>
      </c>
      <c r="AN24534">
        <v>9</v>
      </c>
      <c r="AO24534">
        <v>9</v>
      </c>
      <c r="AP24534">
        <v>10</v>
      </c>
      <c r="AQ24534">
        <v>10</v>
      </c>
    </row>
    <row r="24535" spans="1:43">
      <c r="A24535" t="s">
        <v>15189</v>
      </c>
      <c r="B24535" t="s">
        <v>15190</v>
      </c>
      <c r="C24535" t="s">
        <v>15185</v>
      </c>
      <c r="D24535" t="s">
        <v>15186</v>
      </c>
      <c r="E24535" t="s">
        <v>15101</v>
      </c>
      <c r="F24535" t="s">
        <v>15102</v>
      </c>
      <c r="G24535" t="s">
        <v>10734</v>
      </c>
      <c r="H24535" t="s">
        <v>10735</v>
      </c>
      <c r="I24535" s="2">
        <v>1</v>
      </c>
      <c r="J24535" s="2">
        <v>0</v>
      </c>
      <c r="K24535" s="2">
        <v>0</v>
      </c>
      <c r="L24535" t="s">
        <v>120</v>
      </c>
      <c r="M24535" t="s">
        <v>87</v>
      </c>
      <c r="N24535" t="s">
        <v>88</v>
      </c>
      <c r="O24535" t="s">
        <v>85</v>
      </c>
      <c r="P24535" t="s">
        <v>86</v>
      </c>
      <c r="Q24535">
        <v>6</v>
      </c>
      <c r="R24535">
        <v>6</v>
      </c>
      <c r="S24535">
        <v>6</v>
      </c>
      <c r="T24535">
        <v>6</v>
      </c>
      <c r="U24535">
        <v>7</v>
      </c>
      <c r="V24535">
        <v>7</v>
      </c>
      <c r="W24535">
        <v>7</v>
      </c>
      <c r="X24535">
        <v>7</v>
      </c>
      <c r="Y24535">
        <v>7</v>
      </c>
      <c r="Z24535">
        <v>7</v>
      </c>
      <c r="AA24535">
        <v>7</v>
      </c>
      <c r="AB24535">
        <v>7</v>
      </c>
      <c r="AC24535">
        <v>7</v>
      </c>
      <c r="AD24535">
        <v>7</v>
      </c>
      <c r="AE24535">
        <v>7</v>
      </c>
      <c r="AF24535">
        <v>7</v>
      </c>
      <c r="AG24535">
        <v>8</v>
      </c>
      <c r="AH24535">
        <v>8</v>
      </c>
      <c r="AI24535">
        <v>8</v>
      </c>
      <c r="AJ24535">
        <v>8</v>
      </c>
      <c r="AK24535">
        <v>8</v>
      </c>
      <c r="AL24535">
        <v>8</v>
      </c>
      <c r="AM24535">
        <v>8</v>
      </c>
      <c r="AN24535">
        <v>8</v>
      </c>
      <c r="AO24535">
        <v>8</v>
      </c>
      <c r="AP24535">
        <v>8</v>
      </c>
      <c r="AQ24535">
        <v>8</v>
      </c>
    </row>
    <row r="24536" spans="1:43">
      <c r="A24536" t="s">
        <v>15189</v>
      </c>
      <c r="B24536" t="s">
        <v>15190</v>
      </c>
      <c r="C24536" t="s">
        <v>15185</v>
      </c>
      <c r="D24536" t="s">
        <v>15186</v>
      </c>
      <c r="E24536" t="s">
        <v>15101</v>
      </c>
      <c r="F24536" t="s">
        <v>15102</v>
      </c>
      <c r="G24536" t="s">
        <v>10734</v>
      </c>
      <c r="H24536" t="s">
        <v>10735</v>
      </c>
      <c r="I24536" s="2">
        <v>1</v>
      </c>
      <c r="J24536" s="2">
        <v>0</v>
      </c>
      <c r="K24536" s="2">
        <v>0</v>
      </c>
      <c r="L24536" t="s">
        <v>120</v>
      </c>
      <c r="M24536" t="s">
        <v>89</v>
      </c>
      <c r="N24536" t="s">
        <v>90</v>
      </c>
      <c r="O24536" t="s">
        <v>85</v>
      </c>
      <c r="P24536" t="s">
        <v>86</v>
      </c>
      <c r="Q24536">
        <v>6</v>
      </c>
      <c r="R24536">
        <v>7</v>
      </c>
      <c r="S24536">
        <v>7</v>
      </c>
      <c r="T24536">
        <v>7</v>
      </c>
      <c r="U24536">
        <v>7</v>
      </c>
      <c r="V24536">
        <v>7</v>
      </c>
      <c r="W24536">
        <v>7</v>
      </c>
      <c r="X24536">
        <v>8</v>
      </c>
      <c r="Y24536">
        <v>8</v>
      </c>
      <c r="Z24536">
        <v>8</v>
      </c>
      <c r="AA24536">
        <v>8</v>
      </c>
      <c r="AB24536">
        <v>8</v>
      </c>
      <c r="AC24536">
        <v>9</v>
      </c>
      <c r="AD24536">
        <v>9</v>
      </c>
      <c r="AE24536">
        <v>9</v>
      </c>
      <c r="AF24536">
        <v>9</v>
      </c>
      <c r="AG24536">
        <v>9</v>
      </c>
      <c r="AH24536">
        <v>9</v>
      </c>
      <c r="AI24536">
        <v>9</v>
      </c>
      <c r="AJ24536">
        <v>9</v>
      </c>
      <c r="AK24536">
        <v>9</v>
      </c>
      <c r="AL24536">
        <v>9</v>
      </c>
      <c r="AM24536">
        <v>9</v>
      </c>
      <c r="AN24536">
        <v>10</v>
      </c>
      <c r="AO24536">
        <v>10</v>
      </c>
      <c r="AP24536">
        <v>10</v>
      </c>
      <c r="AQ24536">
        <v>10</v>
      </c>
    </row>
    <row r="24537" spans="1:43">
      <c r="A24537" t="s">
        <v>15189</v>
      </c>
      <c r="B24537" t="s">
        <v>15190</v>
      </c>
      <c r="C24537" t="s">
        <v>15185</v>
      </c>
      <c r="D24537" t="s">
        <v>15186</v>
      </c>
      <c r="E24537" t="s">
        <v>15101</v>
      </c>
      <c r="F24537" t="s">
        <v>15102</v>
      </c>
      <c r="G24537" t="s">
        <v>10734</v>
      </c>
      <c r="H24537" t="s">
        <v>10735</v>
      </c>
      <c r="I24537" s="2">
        <v>1</v>
      </c>
      <c r="J24537" s="2">
        <v>0</v>
      </c>
      <c r="K24537" s="2">
        <v>0</v>
      </c>
      <c r="L24537" t="s">
        <v>120</v>
      </c>
      <c r="M24537" t="s">
        <v>83</v>
      </c>
      <c r="N24537" t="s">
        <v>91</v>
      </c>
      <c r="O24537" t="s">
        <v>85</v>
      </c>
      <c r="P24537" t="s">
        <v>86</v>
      </c>
      <c r="Q24537">
        <v>6</v>
      </c>
      <c r="R24537">
        <v>6</v>
      </c>
      <c r="S24537">
        <v>7</v>
      </c>
      <c r="T24537">
        <v>7</v>
      </c>
      <c r="U24537">
        <v>7</v>
      </c>
      <c r="V24537">
        <v>7</v>
      </c>
      <c r="W24537">
        <v>7</v>
      </c>
      <c r="X24537">
        <v>7</v>
      </c>
      <c r="Y24537">
        <v>7</v>
      </c>
      <c r="Z24537">
        <v>8</v>
      </c>
      <c r="AA24537">
        <v>8</v>
      </c>
      <c r="AB24537">
        <v>8</v>
      </c>
      <c r="AC24537">
        <v>8</v>
      </c>
      <c r="AD24537">
        <v>8</v>
      </c>
      <c r="AE24537">
        <v>8</v>
      </c>
      <c r="AF24537">
        <v>8</v>
      </c>
      <c r="AG24537">
        <v>9</v>
      </c>
      <c r="AH24537">
        <v>9</v>
      </c>
      <c r="AI24537">
        <v>9</v>
      </c>
      <c r="AJ24537">
        <v>9</v>
      </c>
      <c r="AK24537">
        <v>9</v>
      </c>
      <c r="AL24537">
        <v>9</v>
      </c>
      <c r="AM24537">
        <v>9</v>
      </c>
      <c r="AN24537">
        <v>9</v>
      </c>
      <c r="AO24537">
        <v>9</v>
      </c>
      <c r="AP24537">
        <v>10</v>
      </c>
      <c r="AQ24537">
        <v>10</v>
      </c>
    </row>
    <row r="24538" spans="1:43">
      <c r="A24538" t="s">
        <v>15191</v>
      </c>
      <c r="B24538" t="s">
        <v>15192</v>
      </c>
      <c r="C24538" t="s">
        <v>15109</v>
      </c>
      <c r="D24538" t="s">
        <v>15110</v>
      </c>
      <c r="E24538" t="s">
        <v>15101</v>
      </c>
      <c r="F24538" t="s">
        <v>15102</v>
      </c>
      <c r="G24538" t="s">
        <v>10734</v>
      </c>
      <c r="H24538" t="s">
        <v>10735</v>
      </c>
      <c r="I24538" s="2">
        <v>1</v>
      </c>
      <c r="J24538" s="2">
        <v>0</v>
      </c>
      <c r="K24538" s="2">
        <v>0</v>
      </c>
      <c r="L24538" t="s">
        <v>120</v>
      </c>
      <c r="M24538" t="s">
        <v>83</v>
      </c>
      <c r="N24538" t="s">
        <v>84</v>
      </c>
      <c r="O24538" t="s">
        <v>85</v>
      </c>
      <c r="P24538" t="s">
        <v>86</v>
      </c>
      <c r="Q24538">
        <v>7</v>
      </c>
      <c r="R24538">
        <v>7</v>
      </c>
      <c r="S24538">
        <v>7</v>
      </c>
      <c r="T24538">
        <v>7</v>
      </c>
      <c r="U24538">
        <v>8</v>
      </c>
      <c r="V24538">
        <v>8</v>
      </c>
      <c r="W24538">
        <v>8</v>
      </c>
      <c r="X24538">
        <v>8</v>
      </c>
      <c r="Y24538">
        <v>8</v>
      </c>
      <c r="Z24538">
        <v>8</v>
      </c>
      <c r="AA24538">
        <v>8</v>
      </c>
      <c r="AB24538">
        <v>9</v>
      </c>
      <c r="AC24538">
        <v>9</v>
      </c>
      <c r="AD24538">
        <v>9</v>
      </c>
      <c r="AE24538">
        <v>9</v>
      </c>
      <c r="AF24538">
        <v>9</v>
      </c>
      <c r="AG24538">
        <v>9</v>
      </c>
      <c r="AH24538">
        <v>10</v>
      </c>
      <c r="AI24538">
        <v>10</v>
      </c>
      <c r="AJ24538">
        <v>10</v>
      </c>
      <c r="AK24538">
        <v>10</v>
      </c>
      <c r="AL24538">
        <v>10</v>
      </c>
      <c r="AM24538">
        <v>10</v>
      </c>
      <c r="AN24538">
        <v>10</v>
      </c>
      <c r="AO24538">
        <v>10</v>
      </c>
      <c r="AP24538">
        <v>11</v>
      </c>
      <c r="AQ24538">
        <v>11</v>
      </c>
    </row>
    <row r="24539" spans="1:43">
      <c r="A24539" t="s">
        <v>15191</v>
      </c>
      <c r="B24539" t="s">
        <v>15192</v>
      </c>
      <c r="C24539" t="s">
        <v>15109</v>
      </c>
      <c r="D24539" t="s">
        <v>15110</v>
      </c>
      <c r="E24539" t="s">
        <v>15101</v>
      </c>
      <c r="F24539" t="s">
        <v>15102</v>
      </c>
      <c r="G24539" t="s">
        <v>10734</v>
      </c>
      <c r="H24539" t="s">
        <v>10735</v>
      </c>
      <c r="I24539" s="2">
        <v>1</v>
      </c>
      <c r="J24539" s="2">
        <v>0</v>
      </c>
      <c r="K24539" s="2">
        <v>0</v>
      </c>
      <c r="L24539" t="s">
        <v>120</v>
      </c>
      <c r="M24539" t="s">
        <v>87</v>
      </c>
      <c r="N24539" t="s">
        <v>88</v>
      </c>
      <c r="O24539" t="s">
        <v>85</v>
      </c>
      <c r="P24539" t="s">
        <v>86</v>
      </c>
      <c r="Q24539">
        <v>7</v>
      </c>
      <c r="R24539">
        <v>7</v>
      </c>
      <c r="S24539">
        <v>7</v>
      </c>
      <c r="T24539">
        <v>7</v>
      </c>
      <c r="U24539">
        <v>7</v>
      </c>
      <c r="V24539">
        <v>7</v>
      </c>
      <c r="W24539">
        <v>7</v>
      </c>
      <c r="X24539">
        <v>7</v>
      </c>
      <c r="Y24539">
        <v>8</v>
      </c>
      <c r="Z24539">
        <v>8</v>
      </c>
      <c r="AA24539">
        <v>8</v>
      </c>
      <c r="AB24539">
        <v>8</v>
      </c>
      <c r="AC24539">
        <v>8</v>
      </c>
      <c r="AD24539">
        <v>8</v>
      </c>
      <c r="AE24539">
        <v>8</v>
      </c>
      <c r="AF24539">
        <v>8</v>
      </c>
      <c r="AG24539">
        <v>8</v>
      </c>
      <c r="AH24539">
        <v>8</v>
      </c>
      <c r="AI24539">
        <v>8</v>
      </c>
      <c r="AJ24539">
        <v>9</v>
      </c>
      <c r="AK24539">
        <v>9</v>
      </c>
      <c r="AL24539">
        <v>9</v>
      </c>
      <c r="AM24539">
        <v>9</v>
      </c>
      <c r="AN24539">
        <v>9</v>
      </c>
      <c r="AO24539">
        <v>9</v>
      </c>
      <c r="AP24539">
        <v>9</v>
      </c>
      <c r="AQ24539">
        <v>9</v>
      </c>
    </row>
    <row r="24540" spans="1:43">
      <c r="A24540" t="s">
        <v>15191</v>
      </c>
      <c r="B24540" t="s">
        <v>15192</v>
      </c>
      <c r="C24540" t="s">
        <v>15109</v>
      </c>
      <c r="D24540" t="s">
        <v>15110</v>
      </c>
      <c r="E24540" t="s">
        <v>15101</v>
      </c>
      <c r="F24540" t="s">
        <v>15102</v>
      </c>
      <c r="G24540" t="s">
        <v>10734</v>
      </c>
      <c r="H24540" t="s">
        <v>10735</v>
      </c>
      <c r="I24540" s="2">
        <v>1</v>
      </c>
      <c r="J24540" s="2">
        <v>0</v>
      </c>
      <c r="K24540" s="2">
        <v>0</v>
      </c>
      <c r="L24540" t="s">
        <v>120</v>
      </c>
      <c r="M24540" t="s">
        <v>89</v>
      </c>
      <c r="N24540" t="s">
        <v>90</v>
      </c>
      <c r="O24540" t="s">
        <v>85</v>
      </c>
      <c r="P24540" t="s">
        <v>86</v>
      </c>
      <c r="Q24540">
        <v>7</v>
      </c>
      <c r="R24540">
        <v>7</v>
      </c>
      <c r="S24540">
        <v>7</v>
      </c>
      <c r="T24540">
        <v>8</v>
      </c>
      <c r="U24540">
        <v>8</v>
      </c>
      <c r="V24540">
        <v>8</v>
      </c>
      <c r="W24540">
        <v>8</v>
      </c>
      <c r="X24540">
        <v>8</v>
      </c>
      <c r="Y24540">
        <v>9</v>
      </c>
      <c r="Z24540">
        <v>9</v>
      </c>
      <c r="AA24540">
        <v>9</v>
      </c>
      <c r="AB24540">
        <v>9</v>
      </c>
      <c r="AC24540">
        <v>9</v>
      </c>
      <c r="AD24540">
        <v>10</v>
      </c>
      <c r="AE24540">
        <v>10</v>
      </c>
      <c r="AF24540">
        <v>10</v>
      </c>
      <c r="AG24540">
        <v>10</v>
      </c>
      <c r="AH24540">
        <v>10</v>
      </c>
      <c r="AI24540">
        <v>10</v>
      </c>
      <c r="AJ24540">
        <v>10</v>
      </c>
      <c r="AK24540">
        <v>10</v>
      </c>
      <c r="AL24540">
        <v>10</v>
      </c>
      <c r="AM24540">
        <v>10</v>
      </c>
      <c r="AN24540">
        <v>11</v>
      </c>
      <c r="AO24540">
        <v>11</v>
      </c>
      <c r="AP24540">
        <v>11</v>
      </c>
      <c r="AQ24540">
        <v>11</v>
      </c>
    </row>
    <row r="24541" spans="1:43">
      <c r="A24541" t="s">
        <v>15191</v>
      </c>
      <c r="B24541" t="s">
        <v>15192</v>
      </c>
      <c r="C24541" t="s">
        <v>15109</v>
      </c>
      <c r="D24541" t="s">
        <v>15110</v>
      </c>
      <c r="E24541" t="s">
        <v>15101</v>
      </c>
      <c r="F24541" t="s">
        <v>15102</v>
      </c>
      <c r="G24541" t="s">
        <v>10734</v>
      </c>
      <c r="H24541" t="s">
        <v>10735</v>
      </c>
      <c r="I24541" s="2">
        <v>1</v>
      </c>
      <c r="J24541" s="2">
        <v>0</v>
      </c>
      <c r="K24541" s="2">
        <v>0</v>
      </c>
      <c r="L24541" t="s">
        <v>120</v>
      </c>
      <c r="M24541" t="s">
        <v>83</v>
      </c>
      <c r="N24541" t="s">
        <v>91</v>
      </c>
      <c r="O24541" t="s">
        <v>85</v>
      </c>
      <c r="P24541" t="s">
        <v>86</v>
      </c>
      <c r="Q24541">
        <v>7</v>
      </c>
      <c r="R24541">
        <v>7</v>
      </c>
      <c r="S24541">
        <v>7</v>
      </c>
      <c r="T24541">
        <v>7</v>
      </c>
      <c r="U24541">
        <v>8</v>
      </c>
      <c r="V24541">
        <v>8</v>
      </c>
      <c r="W24541">
        <v>8</v>
      </c>
      <c r="X24541">
        <v>8</v>
      </c>
      <c r="Y24541">
        <v>8</v>
      </c>
      <c r="Z24541">
        <v>8</v>
      </c>
      <c r="AA24541">
        <v>8</v>
      </c>
      <c r="AB24541">
        <v>9</v>
      </c>
      <c r="AC24541">
        <v>9</v>
      </c>
      <c r="AD24541">
        <v>9</v>
      </c>
      <c r="AE24541">
        <v>9</v>
      </c>
      <c r="AF24541">
        <v>9</v>
      </c>
      <c r="AG24541">
        <v>9</v>
      </c>
      <c r="AH24541">
        <v>10</v>
      </c>
      <c r="AI24541">
        <v>10</v>
      </c>
      <c r="AJ24541">
        <v>10</v>
      </c>
      <c r="AK24541">
        <v>10</v>
      </c>
      <c r="AL24541">
        <v>10</v>
      </c>
      <c r="AM24541">
        <v>10</v>
      </c>
      <c r="AN24541">
        <v>10</v>
      </c>
      <c r="AO24541">
        <v>10</v>
      </c>
      <c r="AP24541">
        <v>11</v>
      </c>
      <c r="AQ24541">
        <v>11</v>
      </c>
    </row>
    <row r="24542" spans="1:43">
      <c r="A24542" t="s">
        <v>15193</v>
      </c>
      <c r="B24542" t="s">
        <v>15194</v>
      </c>
      <c r="C24542" t="s">
        <v>15195</v>
      </c>
      <c r="D24542" t="s">
        <v>15196</v>
      </c>
      <c r="E24542" t="s">
        <v>15101</v>
      </c>
      <c r="F24542" t="s">
        <v>15102</v>
      </c>
      <c r="G24542" t="s">
        <v>10734</v>
      </c>
      <c r="H24542" t="s">
        <v>10735</v>
      </c>
      <c r="I24542" s="2">
        <v>1</v>
      </c>
      <c r="J24542" s="2">
        <v>0</v>
      </c>
      <c r="K24542" s="2">
        <v>0</v>
      </c>
      <c r="L24542" t="s">
        <v>120</v>
      </c>
      <c r="M24542" t="s">
        <v>83</v>
      </c>
      <c r="N24542" t="s">
        <v>84</v>
      </c>
      <c r="O24542" t="s">
        <v>85</v>
      </c>
      <c r="P24542" t="s">
        <v>86</v>
      </c>
      <c r="Q24542">
        <v>6</v>
      </c>
      <c r="R24542">
        <v>6</v>
      </c>
      <c r="S24542">
        <v>6</v>
      </c>
      <c r="T24542">
        <v>6</v>
      </c>
      <c r="U24542">
        <v>6</v>
      </c>
      <c r="V24542">
        <v>6</v>
      </c>
      <c r="W24542">
        <v>6</v>
      </c>
      <c r="X24542">
        <v>7</v>
      </c>
      <c r="Y24542">
        <v>7</v>
      </c>
      <c r="Z24542">
        <v>7</v>
      </c>
      <c r="AA24542">
        <v>7</v>
      </c>
      <c r="AB24542">
        <v>7</v>
      </c>
      <c r="AC24542">
        <v>7</v>
      </c>
      <c r="AD24542">
        <v>7</v>
      </c>
      <c r="AE24542">
        <v>7</v>
      </c>
      <c r="AF24542">
        <v>8</v>
      </c>
      <c r="AG24542">
        <v>8</v>
      </c>
      <c r="AH24542">
        <v>8</v>
      </c>
      <c r="AI24542">
        <v>8</v>
      </c>
      <c r="AJ24542">
        <v>8</v>
      </c>
      <c r="AK24542">
        <v>8</v>
      </c>
      <c r="AL24542">
        <v>8</v>
      </c>
      <c r="AM24542">
        <v>8</v>
      </c>
      <c r="AN24542">
        <v>8</v>
      </c>
      <c r="AO24542">
        <v>9</v>
      </c>
      <c r="AP24542">
        <v>9</v>
      </c>
      <c r="AQ24542">
        <v>9</v>
      </c>
    </row>
    <row r="24543" spans="1:43">
      <c r="A24543" t="s">
        <v>15193</v>
      </c>
      <c r="B24543" t="s">
        <v>15194</v>
      </c>
      <c r="C24543" t="s">
        <v>15195</v>
      </c>
      <c r="D24543" t="s">
        <v>15196</v>
      </c>
      <c r="E24543" t="s">
        <v>15101</v>
      </c>
      <c r="F24543" t="s">
        <v>15102</v>
      </c>
      <c r="G24543" t="s">
        <v>10734</v>
      </c>
      <c r="H24543" t="s">
        <v>10735</v>
      </c>
      <c r="I24543" s="2">
        <v>1</v>
      </c>
      <c r="J24543" s="2">
        <v>0</v>
      </c>
      <c r="K24543" s="2">
        <v>0</v>
      </c>
      <c r="L24543" t="s">
        <v>120</v>
      </c>
      <c r="M24543" t="s">
        <v>87</v>
      </c>
      <c r="N24543" t="s">
        <v>88</v>
      </c>
      <c r="O24543" t="s">
        <v>85</v>
      </c>
      <c r="P24543" t="s">
        <v>86</v>
      </c>
      <c r="Q24543">
        <v>6</v>
      </c>
      <c r="R24543">
        <v>6</v>
      </c>
      <c r="S24543">
        <v>6</v>
      </c>
      <c r="T24543">
        <v>6</v>
      </c>
      <c r="U24543">
        <v>6</v>
      </c>
      <c r="V24543">
        <v>6</v>
      </c>
      <c r="W24543">
        <v>6</v>
      </c>
      <c r="X24543">
        <v>6</v>
      </c>
      <c r="Y24543">
        <v>6</v>
      </c>
      <c r="Z24543">
        <v>6</v>
      </c>
      <c r="AA24543">
        <v>6</v>
      </c>
      <c r="AB24543">
        <v>6</v>
      </c>
      <c r="AC24543">
        <v>6</v>
      </c>
      <c r="AD24543">
        <v>7</v>
      </c>
      <c r="AE24543">
        <v>7</v>
      </c>
      <c r="AF24543">
        <v>7</v>
      </c>
      <c r="AG24543">
        <v>7</v>
      </c>
      <c r="AH24543">
        <v>7</v>
      </c>
      <c r="AI24543">
        <v>7</v>
      </c>
      <c r="AJ24543">
        <v>7</v>
      </c>
      <c r="AK24543">
        <v>7</v>
      </c>
      <c r="AL24543">
        <v>7</v>
      </c>
      <c r="AM24543">
        <v>7</v>
      </c>
      <c r="AN24543">
        <v>7</v>
      </c>
      <c r="AO24543">
        <v>7</v>
      </c>
      <c r="AP24543">
        <v>7</v>
      </c>
      <c r="AQ24543">
        <v>8</v>
      </c>
    </row>
    <row r="24544" spans="1:43">
      <c r="A24544" t="s">
        <v>15193</v>
      </c>
      <c r="B24544" t="s">
        <v>15194</v>
      </c>
      <c r="C24544" t="s">
        <v>15195</v>
      </c>
      <c r="D24544" t="s">
        <v>15196</v>
      </c>
      <c r="E24544" t="s">
        <v>15101</v>
      </c>
      <c r="F24544" t="s">
        <v>15102</v>
      </c>
      <c r="G24544" t="s">
        <v>10734</v>
      </c>
      <c r="H24544" t="s">
        <v>10735</v>
      </c>
      <c r="I24544" s="2">
        <v>1</v>
      </c>
      <c r="J24544" s="2">
        <v>0</v>
      </c>
      <c r="K24544" s="2">
        <v>0</v>
      </c>
      <c r="L24544" t="s">
        <v>120</v>
      </c>
      <c r="M24544" t="s">
        <v>89</v>
      </c>
      <c r="N24544" t="s">
        <v>90</v>
      </c>
      <c r="O24544" t="s">
        <v>85</v>
      </c>
      <c r="P24544" t="s">
        <v>86</v>
      </c>
      <c r="Q24544">
        <v>6</v>
      </c>
      <c r="R24544">
        <v>6</v>
      </c>
      <c r="S24544">
        <v>6</v>
      </c>
      <c r="T24544">
        <v>6</v>
      </c>
      <c r="U24544">
        <v>6</v>
      </c>
      <c r="V24544">
        <v>7</v>
      </c>
      <c r="W24544">
        <v>7</v>
      </c>
      <c r="X24544">
        <v>7</v>
      </c>
      <c r="Y24544">
        <v>7</v>
      </c>
      <c r="Z24544">
        <v>7</v>
      </c>
      <c r="AA24544">
        <v>7</v>
      </c>
      <c r="AB24544">
        <v>8</v>
      </c>
      <c r="AC24544">
        <v>8</v>
      </c>
      <c r="AD24544">
        <v>8</v>
      </c>
      <c r="AE24544">
        <v>8</v>
      </c>
      <c r="AF24544">
        <v>8</v>
      </c>
      <c r="AG24544">
        <v>8</v>
      </c>
      <c r="AH24544">
        <v>8</v>
      </c>
      <c r="AI24544">
        <v>8</v>
      </c>
      <c r="AJ24544">
        <v>8</v>
      </c>
      <c r="AK24544">
        <v>8</v>
      </c>
      <c r="AL24544">
        <v>8</v>
      </c>
      <c r="AM24544">
        <v>9</v>
      </c>
      <c r="AN24544">
        <v>9</v>
      </c>
      <c r="AO24544">
        <v>9</v>
      </c>
      <c r="AP24544">
        <v>9</v>
      </c>
      <c r="AQ24544">
        <v>9</v>
      </c>
    </row>
    <row r="24545" spans="1:43">
      <c r="A24545" t="s">
        <v>15193</v>
      </c>
      <c r="B24545" t="s">
        <v>15194</v>
      </c>
      <c r="C24545" t="s">
        <v>15195</v>
      </c>
      <c r="D24545" t="s">
        <v>15196</v>
      </c>
      <c r="E24545" t="s">
        <v>15101</v>
      </c>
      <c r="F24545" t="s">
        <v>15102</v>
      </c>
      <c r="G24545" t="s">
        <v>10734</v>
      </c>
      <c r="H24545" t="s">
        <v>10735</v>
      </c>
      <c r="I24545" s="2">
        <v>1</v>
      </c>
      <c r="J24545" s="2">
        <v>0</v>
      </c>
      <c r="K24545" s="2">
        <v>0</v>
      </c>
      <c r="L24545" t="s">
        <v>120</v>
      </c>
      <c r="M24545" t="s">
        <v>83</v>
      </c>
      <c r="N24545" t="s">
        <v>91</v>
      </c>
      <c r="O24545" t="s">
        <v>85</v>
      </c>
      <c r="P24545" t="s">
        <v>86</v>
      </c>
      <c r="Q24545">
        <v>6</v>
      </c>
      <c r="R24545">
        <v>6</v>
      </c>
      <c r="S24545">
        <v>6</v>
      </c>
      <c r="T24545">
        <v>6</v>
      </c>
      <c r="U24545">
        <v>6</v>
      </c>
      <c r="V24545">
        <v>6</v>
      </c>
      <c r="W24545">
        <v>6</v>
      </c>
      <c r="X24545">
        <v>7</v>
      </c>
      <c r="Y24545">
        <v>7</v>
      </c>
      <c r="Z24545">
        <v>7</v>
      </c>
      <c r="AA24545">
        <v>7</v>
      </c>
      <c r="AB24545">
        <v>7</v>
      </c>
      <c r="AC24545">
        <v>7</v>
      </c>
      <c r="AD24545">
        <v>7</v>
      </c>
      <c r="AE24545">
        <v>7</v>
      </c>
      <c r="AF24545">
        <v>8</v>
      </c>
      <c r="AG24545">
        <v>8</v>
      </c>
      <c r="AH24545">
        <v>8</v>
      </c>
      <c r="AI24545">
        <v>8</v>
      </c>
      <c r="AJ24545">
        <v>8</v>
      </c>
      <c r="AK24545">
        <v>8</v>
      </c>
      <c r="AL24545">
        <v>8</v>
      </c>
      <c r="AM24545">
        <v>8</v>
      </c>
      <c r="AN24545">
        <v>8</v>
      </c>
      <c r="AO24545">
        <v>9</v>
      </c>
      <c r="AP24545">
        <v>9</v>
      </c>
      <c r="AQ24545">
        <v>9</v>
      </c>
    </row>
    <row r="24546" spans="1:43">
      <c r="A24546" t="s">
        <v>15197</v>
      </c>
      <c r="B24546" t="s">
        <v>15198</v>
      </c>
      <c r="C24546" t="s">
        <v>15195</v>
      </c>
      <c r="D24546" t="s">
        <v>15196</v>
      </c>
      <c r="E24546" t="s">
        <v>15101</v>
      </c>
      <c r="F24546" t="s">
        <v>15102</v>
      </c>
      <c r="G24546" t="s">
        <v>10734</v>
      </c>
      <c r="H24546" t="s">
        <v>10735</v>
      </c>
      <c r="I24546" s="2">
        <v>1</v>
      </c>
      <c r="J24546" s="2">
        <v>0</v>
      </c>
      <c r="K24546" s="2">
        <v>0</v>
      </c>
      <c r="L24546" t="s">
        <v>120</v>
      </c>
      <c r="M24546" t="s">
        <v>83</v>
      </c>
      <c r="N24546" t="s">
        <v>84</v>
      </c>
      <c r="O24546" t="s">
        <v>85</v>
      </c>
      <c r="P24546" t="s">
        <v>86</v>
      </c>
      <c r="Q24546">
        <v>6</v>
      </c>
      <c r="R24546">
        <v>6</v>
      </c>
      <c r="S24546">
        <v>6</v>
      </c>
      <c r="T24546">
        <v>7</v>
      </c>
      <c r="U24546">
        <v>7</v>
      </c>
      <c r="V24546">
        <v>7</v>
      </c>
      <c r="W24546">
        <v>7</v>
      </c>
      <c r="X24546">
        <v>7</v>
      </c>
      <c r="Y24546">
        <v>7</v>
      </c>
      <c r="Z24546">
        <v>7</v>
      </c>
      <c r="AA24546">
        <v>8</v>
      </c>
      <c r="AB24546">
        <v>8</v>
      </c>
      <c r="AC24546">
        <v>8</v>
      </c>
      <c r="AD24546">
        <v>8</v>
      </c>
      <c r="AE24546">
        <v>8</v>
      </c>
      <c r="AF24546">
        <v>8</v>
      </c>
      <c r="AG24546">
        <v>8</v>
      </c>
      <c r="AH24546">
        <v>9</v>
      </c>
      <c r="AI24546">
        <v>9</v>
      </c>
      <c r="AJ24546">
        <v>9</v>
      </c>
      <c r="AK24546">
        <v>9</v>
      </c>
      <c r="AL24546">
        <v>9</v>
      </c>
      <c r="AM24546">
        <v>9</v>
      </c>
      <c r="AN24546">
        <v>9</v>
      </c>
      <c r="AO24546">
        <v>9</v>
      </c>
      <c r="AP24546">
        <v>9</v>
      </c>
      <c r="AQ24546">
        <v>9</v>
      </c>
    </row>
    <row r="24547" spans="1:43">
      <c r="A24547" t="s">
        <v>15197</v>
      </c>
      <c r="B24547" t="s">
        <v>15198</v>
      </c>
      <c r="C24547" t="s">
        <v>15195</v>
      </c>
      <c r="D24547" t="s">
        <v>15196</v>
      </c>
      <c r="E24547" t="s">
        <v>15101</v>
      </c>
      <c r="F24547" t="s">
        <v>15102</v>
      </c>
      <c r="G24547" t="s">
        <v>10734</v>
      </c>
      <c r="H24547" t="s">
        <v>10735</v>
      </c>
      <c r="I24547" s="2">
        <v>1</v>
      </c>
      <c r="J24547" s="2">
        <v>0</v>
      </c>
      <c r="K24547" s="2">
        <v>0</v>
      </c>
      <c r="L24547" t="s">
        <v>120</v>
      </c>
      <c r="M24547" t="s">
        <v>87</v>
      </c>
      <c r="N24547" t="s">
        <v>88</v>
      </c>
      <c r="O24547" t="s">
        <v>85</v>
      </c>
      <c r="P24547" t="s">
        <v>86</v>
      </c>
      <c r="Q24547">
        <v>6</v>
      </c>
      <c r="R24547">
        <v>6</v>
      </c>
      <c r="S24547">
        <v>6</v>
      </c>
      <c r="T24547">
        <v>6</v>
      </c>
      <c r="U24547">
        <v>6</v>
      </c>
      <c r="V24547">
        <v>6</v>
      </c>
      <c r="W24547">
        <v>7</v>
      </c>
      <c r="X24547">
        <v>7</v>
      </c>
      <c r="Y24547">
        <v>7</v>
      </c>
      <c r="Z24547">
        <v>7</v>
      </c>
      <c r="AA24547">
        <v>7</v>
      </c>
      <c r="AB24547">
        <v>7</v>
      </c>
      <c r="AC24547">
        <v>7</v>
      </c>
      <c r="AD24547">
        <v>7</v>
      </c>
      <c r="AE24547">
        <v>7</v>
      </c>
      <c r="AF24547">
        <v>7</v>
      </c>
      <c r="AG24547">
        <v>7</v>
      </c>
      <c r="AH24547">
        <v>7</v>
      </c>
      <c r="AI24547">
        <v>8</v>
      </c>
      <c r="AJ24547">
        <v>8</v>
      </c>
      <c r="AK24547">
        <v>8</v>
      </c>
      <c r="AL24547">
        <v>8</v>
      </c>
      <c r="AM24547">
        <v>8</v>
      </c>
      <c r="AN24547">
        <v>8</v>
      </c>
      <c r="AO24547">
        <v>8</v>
      </c>
      <c r="AP24547">
        <v>8</v>
      </c>
      <c r="AQ24547">
        <v>8</v>
      </c>
    </row>
    <row r="24548" spans="1:43">
      <c r="A24548" t="s">
        <v>15197</v>
      </c>
      <c r="B24548" t="s">
        <v>15198</v>
      </c>
      <c r="C24548" t="s">
        <v>15195</v>
      </c>
      <c r="D24548" t="s">
        <v>15196</v>
      </c>
      <c r="E24548" t="s">
        <v>15101</v>
      </c>
      <c r="F24548" t="s">
        <v>15102</v>
      </c>
      <c r="G24548" t="s">
        <v>10734</v>
      </c>
      <c r="H24548" t="s">
        <v>10735</v>
      </c>
      <c r="I24548" s="2">
        <v>1</v>
      </c>
      <c r="J24548" s="2">
        <v>0</v>
      </c>
      <c r="K24548" s="2">
        <v>0</v>
      </c>
      <c r="L24548" t="s">
        <v>120</v>
      </c>
      <c r="M24548" t="s">
        <v>89</v>
      </c>
      <c r="N24548" t="s">
        <v>90</v>
      </c>
      <c r="O24548" t="s">
        <v>85</v>
      </c>
      <c r="P24548" t="s">
        <v>86</v>
      </c>
      <c r="Q24548">
        <v>6</v>
      </c>
      <c r="R24548">
        <v>6</v>
      </c>
      <c r="S24548">
        <v>7</v>
      </c>
      <c r="T24548">
        <v>7</v>
      </c>
      <c r="U24548">
        <v>7</v>
      </c>
      <c r="V24548">
        <v>7</v>
      </c>
      <c r="W24548">
        <v>7</v>
      </c>
      <c r="X24548">
        <v>7</v>
      </c>
      <c r="Y24548">
        <v>8</v>
      </c>
      <c r="Z24548">
        <v>8</v>
      </c>
      <c r="AA24548">
        <v>8</v>
      </c>
      <c r="AB24548">
        <v>8</v>
      </c>
      <c r="AC24548">
        <v>8</v>
      </c>
      <c r="AD24548">
        <v>9</v>
      </c>
      <c r="AE24548">
        <v>9</v>
      </c>
      <c r="AF24548">
        <v>9</v>
      </c>
      <c r="AG24548">
        <v>9</v>
      </c>
      <c r="AH24548">
        <v>9</v>
      </c>
      <c r="AI24548">
        <v>9</v>
      </c>
      <c r="AJ24548">
        <v>9</v>
      </c>
      <c r="AK24548">
        <v>9</v>
      </c>
      <c r="AL24548">
        <v>9</v>
      </c>
      <c r="AM24548">
        <v>9</v>
      </c>
      <c r="AN24548">
        <v>9</v>
      </c>
      <c r="AO24548">
        <v>9</v>
      </c>
      <c r="AP24548">
        <v>9</v>
      </c>
      <c r="AQ24548">
        <v>9</v>
      </c>
    </row>
    <row r="24549" spans="1:43">
      <c r="A24549" t="s">
        <v>15197</v>
      </c>
      <c r="B24549" t="s">
        <v>15198</v>
      </c>
      <c r="C24549" t="s">
        <v>15195</v>
      </c>
      <c r="D24549" t="s">
        <v>15196</v>
      </c>
      <c r="E24549" t="s">
        <v>15101</v>
      </c>
      <c r="F24549" t="s">
        <v>15102</v>
      </c>
      <c r="G24549" t="s">
        <v>10734</v>
      </c>
      <c r="H24549" t="s">
        <v>10735</v>
      </c>
      <c r="I24549" s="2">
        <v>1</v>
      </c>
      <c r="J24549" s="2">
        <v>0</v>
      </c>
      <c r="K24549" s="2">
        <v>0</v>
      </c>
      <c r="L24549" t="s">
        <v>120</v>
      </c>
      <c r="M24549" t="s">
        <v>83</v>
      </c>
      <c r="N24549" t="s">
        <v>91</v>
      </c>
      <c r="O24549" t="s">
        <v>85</v>
      </c>
      <c r="P24549" t="s">
        <v>86</v>
      </c>
      <c r="Q24549">
        <v>6</v>
      </c>
      <c r="R24549">
        <v>6</v>
      </c>
      <c r="S24549">
        <v>6</v>
      </c>
      <c r="T24549">
        <v>7</v>
      </c>
      <c r="U24549">
        <v>7</v>
      </c>
      <c r="V24549">
        <v>7</v>
      </c>
      <c r="W24549">
        <v>7</v>
      </c>
      <c r="X24549">
        <v>7</v>
      </c>
      <c r="Y24549">
        <v>7</v>
      </c>
      <c r="Z24549">
        <v>7</v>
      </c>
      <c r="AA24549">
        <v>8</v>
      </c>
      <c r="AB24549">
        <v>8</v>
      </c>
      <c r="AC24549">
        <v>8</v>
      </c>
      <c r="AD24549">
        <v>8</v>
      </c>
      <c r="AE24549">
        <v>8</v>
      </c>
      <c r="AF24549">
        <v>8</v>
      </c>
      <c r="AG24549">
        <v>8</v>
      </c>
      <c r="AH24549">
        <v>9</v>
      </c>
      <c r="AI24549">
        <v>9</v>
      </c>
      <c r="AJ24549">
        <v>9</v>
      </c>
      <c r="AK24549">
        <v>9</v>
      </c>
      <c r="AL24549">
        <v>9</v>
      </c>
      <c r="AM24549">
        <v>9</v>
      </c>
      <c r="AN24549">
        <v>9</v>
      </c>
      <c r="AO24549">
        <v>9</v>
      </c>
      <c r="AP24549">
        <v>9</v>
      </c>
      <c r="AQ24549">
        <v>9</v>
      </c>
    </row>
    <row r="24550" spans="1:43">
      <c r="A24550" t="s">
        <v>15199</v>
      </c>
      <c r="B24550" t="s">
        <v>15200</v>
      </c>
      <c r="C24550" t="s">
        <v>15195</v>
      </c>
      <c r="D24550" t="s">
        <v>15196</v>
      </c>
      <c r="E24550" t="s">
        <v>15101</v>
      </c>
      <c r="F24550" t="s">
        <v>15102</v>
      </c>
      <c r="G24550" t="s">
        <v>10734</v>
      </c>
      <c r="H24550" t="s">
        <v>10735</v>
      </c>
      <c r="I24550" s="2">
        <v>1</v>
      </c>
      <c r="J24550" s="2">
        <v>0</v>
      </c>
      <c r="K24550" s="2">
        <v>0</v>
      </c>
      <c r="L24550" t="s">
        <v>120</v>
      </c>
      <c r="M24550" t="s">
        <v>83</v>
      </c>
      <c r="N24550" t="s">
        <v>84</v>
      </c>
      <c r="O24550" t="s">
        <v>85</v>
      </c>
      <c r="P24550" t="s">
        <v>86</v>
      </c>
      <c r="Q24550">
        <v>6</v>
      </c>
      <c r="R24550">
        <v>6</v>
      </c>
      <c r="S24550">
        <v>6</v>
      </c>
      <c r="T24550">
        <v>7</v>
      </c>
      <c r="U24550">
        <v>7</v>
      </c>
      <c r="V24550">
        <v>7</v>
      </c>
      <c r="W24550">
        <v>7</v>
      </c>
      <c r="X24550">
        <v>7</v>
      </c>
      <c r="Y24550">
        <v>7</v>
      </c>
      <c r="Z24550">
        <v>7</v>
      </c>
      <c r="AA24550">
        <v>8</v>
      </c>
      <c r="AB24550">
        <v>8</v>
      </c>
      <c r="AC24550">
        <v>8</v>
      </c>
      <c r="AD24550">
        <v>8</v>
      </c>
      <c r="AE24550">
        <v>8</v>
      </c>
      <c r="AF24550">
        <v>8</v>
      </c>
      <c r="AG24550">
        <v>8</v>
      </c>
      <c r="AH24550">
        <v>9</v>
      </c>
      <c r="AI24550">
        <v>9</v>
      </c>
      <c r="AJ24550">
        <v>9</v>
      </c>
      <c r="AK24550">
        <v>9</v>
      </c>
      <c r="AL24550">
        <v>9</v>
      </c>
      <c r="AM24550">
        <v>9</v>
      </c>
      <c r="AN24550">
        <v>9</v>
      </c>
      <c r="AO24550">
        <v>9</v>
      </c>
      <c r="AP24550">
        <v>9</v>
      </c>
      <c r="AQ24550">
        <v>9</v>
      </c>
    </row>
    <row r="24551" spans="1:43">
      <c r="A24551" t="s">
        <v>15199</v>
      </c>
      <c r="B24551" t="s">
        <v>15200</v>
      </c>
      <c r="C24551" t="s">
        <v>15195</v>
      </c>
      <c r="D24551" t="s">
        <v>15196</v>
      </c>
      <c r="E24551" t="s">
        <v>15101</v>
      </c>
      <c r="F24551" t="s">
        <v>15102</v>
      </c>
      <c r="G24551" t="s">
        <v>10734</v>
      </c>
      <c r="H24551" t="s">
        <v>10735</v>
      </c>
      <c r="I24551" s="2">
        <v>1</v>
      </c>
      <c r="J24551" s="2">
        <v>0</v>
      </c>
      <c r="K24551" s="2">
        <v>0</v>
      </c>
      <c r="L24551" t="s">
        <v>120</v>
      </c>
      <c r="M24551" t="s">
        <v>87</v>
      </c>
      <c r="N24551" t="s">
        <v>88</v>
      </c>
      <c r="O24551" t="s">
        <v>85</v>
      </c>
      <c r="P24551" t="s">
        <v>86</v>
      </c>
      <c r="Q24551">
        <v>6</v>
      </c>
      <c r="R24551">
        <v>6</v>
      </c>
      <c r="S24551">
        <v>6</v>
      </c>
      <c r="T24551">
        <v>6</v>
      </c>
      <c r="U24551">
        <v>6</v>
      </c>
      <c r="V24551">
        <v>7</v>
      </c>
      <c r="W24551">
        <v>7</v>
      </c>
      <c r="X24551">
        <v>7</v>
      </c>
      <c r="Y24551">
        <v>7</v>
      </c>
      <c r="Z24551">
        <v>7</v>
      </c>
      <c r="AA24551">
        <v>7</v>
      </c>
      <c r="AB24551">
        <v>7</v>
      </c>
      <c r="AC24551">
        <v>7</v>
      </c>
      <c r="AD24551">
        <v>7</v>
      </c>
      <c r="AE24551">
        <v>7</v>
      </c>
      <c r="AF24551">
        <v>7</v>
      </c>
      <c r="AG24551">
        <v>7</v>
      </c>
      <c r="AH24551">
        <v>7</v>
      </c>
      <c r="AI24551">
        <v>8</v>
      </c>
      <c r="AJ24551">
        <v>8</v>
      </c>
      <c r="AK24551">
        <v>8</v>
      </c>
      <c r="AL24551">
        <v>8</v>
      </c>
      <c r="AM24551">
        <v>8</v>
      </c>
      <c r="AN24551">
        <v>8</v>
      </c>
      <c r="AO24551">
        <v>8</v>
      </c>
      <c r="AP24551">
        <v>8</v>
      </c>
      <c r="AQ24551">
        <v>8</v>
      </c>
    </row>
    <row r="24552" spans="1:43">
      <c r="A24552" t="s">
        <v>15199</v>
      </c>
      <c r="B24552" t="s">
        <v>15200</v>
      </c>
      <c r="C24552" t="s">
        <v>15195</v>
      </c>
      <c r="D24552" t="s">
        <v>15196</v>
      </c>
      <c r="E24552" t="s">
        <v>15101</v>
      </c>
      <c r="F24552" t="s">
        <v>15102</v>
      </c>
      <c r="G24552" t="s">
        <v>10734</v>
      </c>
      <c r="H24552" t="s">
        <v>10735</v>
      </c>
      <c r="I24552" s="2">
        <v>1</v>
      </c>
      <c r="J24552" s="2">
        <v>0</v>
      </c>
      <c r="K24552" s="2">
        <v>0</v>
      </c>
      <c r="L24552" t="s">
        <v>120</v>
      </c>
      <c r="M24552" t="s">
        <v>89</v>
      </c>
      <c r="N24552" t="s">
        <v>90</v>
      </c>
      <c r="O24552" t="s">
        <v>85</v>
      </c>
      <c r="P24552" t="s">
        <v>86</v>
      </c>
      <c r="Q24552">
        <v>6</v>
      </c>
      <c r="R24552">
        <v>6</v>
      </c>
      <c r="S24552">
        <v>7</v>
      </c>
      <c r="T24552">
        <v>7</v>
      </c>
      <c r="U24552">
        <v>7</v>
      </c>
      <c r="V24552">
        <v>7</v>
      </c>
      <c r="W24552">
        <v>7</v>
      </c>
      <c r="X24552">
        <v>8</v>
      </c>
      <c r="Y24552">
        <v>8</v>
      </c>
      <c r="Z24552">
        <v>8</v>
      </c>
      <c r="AA24552">
        <v>8</v>
      </c>
      <c r="AB24552">
        <v>8</v>
      </c>
      <c r="AC24552">
        <v>8</v>
      </c>
      <c r="AD24552">
        <v>9</v>
      </c>
      <c r="AE24552">
        <v>9</v>
      </c>
      <c r="AF24552">
        <v>9</v>
      </c>
      <c r="AG24552">
        <v>9</v>
      </c>
      <c r="AH24552">
        <v>9</v>
      </c>
      <c r="AI24552">
        <v>9</v>
      </c>
      <c r="AJ24552">
        <v>9</v>
      </c>
      <c r="AK24552">
        <v>9</v>
      </c>
      <c r="AL24552">
        <v>9</v>
      </c>
      <c r="AM24552">
        <v>9</v>
      </c>
      <c r="AN24552">
        <v>9</v>
      </c>
      <c r="AO24552">
        <v>9</v>
      </c>
      <c r="AP24552">
        <v>9</v>
      </c>
      <c r="AQ24552">
        <v>10</v>
      </c>
    </row>
    <row r="24553" spans="1:43">
      <c r="A24553" t="s">
        <v>15199</v>
      </c>
      <c r="B24553" t="s">
        <v>15200</v>
      </c>
      <c r="C24553" t="s">
        <v>15195</v>
      </c>
      <c r="D24553" t="s">
        <v>15196</v>
      </c>
      <c r="E24553" t="s">
        <v>15101</v>
      </c>
      <c r="F24553" t="s">
        <v>15102</v>
      </c>
      <c r="G24553" t="s">
        <v>10734</v>
      </c>
      <c r="H24553" t="s">
        <v>10735</v>
      </c>
      <c r="I24553" s="2">
        <v>1</v>
      </c>
      <c r="J24553" s="2">
        <v>0</v>
      </c>
      <c r="K24553" s="2">
        <v>0</v>
      </c>
      <c r="L24553" t="s">
        <v>120</v>
      </c>
      <c r="M24553" t="s">
        <v>83</v>
      </c>
      <c r="N24553" t="s">
        <v>91</v>
      </c>
      <c r="O24553" t="s">
        <v>85</v>
      </c>
      <c r="P24553" t="s">
        <v>86</v>
      </c>
      <c r="Q24553">
        <v>6</v>
      </c>
      <c r="R24553">
        <v>6</v>
      </c>
      <c r="S24553">
        <v>6</v>
      </c>
      <c r="T24553">
        <v>7</v>
      </c>
      <c r="U24553">
        <v>7</v>
      </c>
      <c r="V24553">
        <v>7</v>
      </c>
      <c r="W24553">
        <v>7</v>
      </c>
      <c r="X24553">
        <v>7</v>
      </c>
      <c r="Y24553">
        <v>7</v>
      </c>
      <c r="Z24553">
        <v>7</v>
      </c>
      <c r="AA24553">
        <v>8</v>
      </c>
      <c r="AB24553">
        <v>8</v>
      </c>
      <c r="AC24553">
        <v>8</v>
      </c>
      <c r="AD24553">
        <v>8</v>
      </c>
      <c r="AE24553">
        <v>8</v>
      </c>
      <c r="AF24553">
        <v>8</v>
      </c>
      <c r="AG24553">
        <v>8</v>
      </c>
      <c r="AH24553">
        <v>9</v>
      </c>
      <c r="AI24553">
        <v>9</v>
      </c>
      <c r="AJ24553">
        <v>9</v>
      </c>
      <c r="AK24553">
        <v>9</v>
      </c>
      <c r="AL24553">
        <v>9</v>
      </c>
      <c r="AM24553">
        <v>9</v>
      </c>
      <c r="AN24553">
        <v>9</v>
      </c>
      <c r="AO24553">
        <v>9</v>
      </c>
      <c r="AP24553">
        <v>9</v>
      </c>
      <c r="AQ24553">
        <v>9</v>
      </c>
    </row>
    <row r="24554" spans="1:43">
      <c r="A24554" t="s">
        <v>15201</v>
      </c>
      <c r="B24554" t="s">
        <v>15202</v>
      </c>
      <c r="C24554" t="s">
        <v>15099</v>
      </c>
      <c r="D24554" t="s">
        <v>15100</v>
      </c>
      <c r="E24554" t="s">
        <v>15101</v>
      </c>
      <c r="F24554" t="s">
        <v>15102</v>
      </c>
      <c r="G24554" t="s">
        <v>10734</v>
      </c>
      <c r="H24554" t="s">
        <v>10735</v>
      </c>
      <c r="I24554" s="2">
        <v>1</v>
      </c>
      <c r="J24554" s="2">
        <v>0</v>
      </c>
      <c r="K24554" s="2">
        <v>0</v>
      </c>
      <c r="L24554" t="s">
        <v>120</v>
      </c>
      <c r="M24554" t="s">
        <v>83</v>
      </c>
      <c r="N24554" t="s">
        <v>84</v>
      </c>
      <c r="O24554" t="s">
        <v>85</v>
      </c>
      <c r="P24554" t="s">
        <v>86</v>
      </c>
      <c r="Q24554">
        <v>13</v>
      </c>
      <c r="R24554">
        <v>14</v>
      </c>
      <c r="S24554">
        <v>14</v>
      </c>
      <c r="T24554">
        <v>14</v>
      </c>
      <c r="U24554">
        <v>14</v>
      </c>
      <c r="V24554">
        <v>15</v>
      </c>
      <c r="W24554">
        <v>15</v>
      </c>
      <c r="X24554">
        <v>15</v>
      </c>
      <c r="Y24554">
        <v>16</v>
      </c>
      <c r="Z24554">
        <v>16</v>
      </c>
      <c r="AA24554">
        <v>16</v>
      </c>
      <c r="AB24554">
        <v>17</v>
      </c>
      <c r="AC24554">
        <v>17</v>
      </c>
      <c r="AD24554">
        <v>17</v>
      </c>
      <c r="AE24554">
        <v>17</v>
      </c>
      <c r="AF24554">
        <v>18</v>
      </c>
      <c r="AG24554">
        <v>18</v>
      </c>
      <c r="AH24554">
        <v>18</v>
      </c>
      <c r="AI24554">
        <v>19</v>
      </c>
      <c r="AJ24554">
        <v>19</v>
      </c>
      <c r="AK24554">
        <v>19</v>
      </c>
      <c r="AL24554">
        <v>20</v>
      </c>
      <c r="AM24554">
        <v>20</v>
      </c>
      <c r="AN24554">
        <v>20</v>
      </c>
      <c r="AO24554">
        <v>20</v>
      </c>
      <c r="AP24554">
        <v>20</v>
      </c>
      <c r="AQ24554">
        <v>20</v>
      </c>
    </row>
    <row r="24555" spans="1:43">
      <c r="A24555" t="s">
        <v>15201</v>
      </c>
      <c r="B24555" t="s">
        <v>15202</v>
      </c>
      <c r="C24555" t="s">
        <v>15099</v>
      </c>
      <c r="D24555" t="s">
        <v>15100</v>
      </c>
      <c r="E24555" t="s">
        <v>15101</v>
      </c>
      <c r="F24555" t="s">
        <v>15102</v>
      </c>
      <c r="G24555" t="s">
        <v>10734</v>
      </c>
      <c r="H24555" t="s">
        <v>10735</v>
      </c>
      <c r="I24555" s="2">
        <v>1</v>
      </c>
      <c r="J24555" s="2">
        <v>0</v>
      </c>
      <c r="K24555" s="2">
        <v>0</v>
      </c>
      <c r="L24555" t="s">
        <v>120</v>
      </c>
      <c r="M24555" t="s">
        <v>87</v>
      </c>
      <c r="N24555" t="s">
        <v>88</v>
      </c>
      <c r="O24555" t="s">
        <v>85</v>
      </c>
      <c r="P24555" t="s">
        <v>86</v>
      </c>
      <c r="Q24555">
        <v>13</v>
      </c>
      <c r="R24555">
        <v>13</v>
      </c>
      <c r="S24555">
        <v>14</v>
      </c>
      <c r="T24555">
        <v>14</v>
      </c>
      <c r="U24555">
        <v>14</v>
      </c>
      <c r="V24555">
        <v>14</v>
      </c>
      <c r="W24555">
        <v>14</v>
      </c>
      <c r="X24555">
        <v>14</v>
      </c>
      <c r="Y24555">
        <v>14</v>
      </c>
      <c r="Z24555">
        <v>15</v>
      </c>
      <c r="AA24555">
        <v>15</v>
      </c>
      <c r="AB24555">
        <v>15</v>
      </c>
      <c r="AC24555">
        <v>15</v>
      </c>
      <c r="AD24555">
        <v>15</v>
      </c>
      <c r="AE24555">
        <v>16</v>
      </c>
      <c r="AF24555">
        <v>16</v>
      </c>
      <c r="AG24555">
        <v>16</v>
      </c>
      <c r="AH24555">
        <v>16</v>
      </c>
      <c r="AI24555">
        <v>16</v>
      </c>
      <c r="AJ24555">
        <v>16</v>
      </c>
      <c r="AK24555">
        <v>17</v>
      </c>
      <c r="AL24555">
        <v>17</v>
      </c>
      <c r="AM24555">
        <v>17</v>
      </c>
      <c r="AN24555">
        <v>17</v>
      </c>
      <c r="AO24555">
        <v>17</v>
      </c>
      <c r="AP24555">
        <v>17</v>
      </c>
      <c r="AQ24555">
        <v>18</v>
      </c>
    </row>
    <row r="24556" spans="1:43">
      <c r="A24556" t="s">
        <v>15201</v>
      </c>
      <c r="B24556" t="s">
        <v>15202</v>
      </c>
      <c r="C24556" t="s">
        <v>15099</v>
      </c>
      <c r="D24556" t="s">
        <v>15100</v>
      </c>
      <c r="E24556" t="s">
        <v>15101</v>
      </c>
      <c r="F24556" t="s">
        <v>15102</v>
      </c>
      <c r="G24556" t="s">
        <v>10734</v>
      </c>
      <c r="H24556" t="s">
        <v>10735</v>
      </c>
      <c r="I24556" s="2">
        <v>1</v>
      </c>
      <c r="J24556" s="2">
        <v>0</v>
      </c>
      <c r="K24556" s="2">
        <v>0</v>
      </c>
      <c r="L24556" t="s">
        <v>120</v>
      </c>
      <c r="M24556" t="s">
        <v>89</v>
      </c>
      <c r="N24556" t="s">
        <v>90</v>
      </c>
      <c r="O24556" t="s">
        <v>85</v>
      </c>
      <c r="P24556" t="s">
        <v>86</v>
      </c>
      <c r="Q24556">
        <v>13</v>
      </c>
      <c r="R24556">
        <v>14</v>
      </c>
      <c r="S24556">
        <v>14</v>
      </c>
      <c r="T24556">
        <v>15</v>
      </c>
      <c r="U24556">
        <v>15</v>
      </c>
      <c r="V24556">
        <v>15</v>
      </c>
      <c r="W24556">
        <v>16</v>
      </c>
      <c r="X24556">
        <v>16</v>
      </c>
      <c r="Y24556">
        <v>17</v>
      </c>
      <c r="Z24556">
        <v>17</v>
      </c>
      <c r="AA24556">
        <v>17</v>
      </c>
      <c r="AB24556">
        <v>18</v>
      </c>
      <c r="AC24556">
        <v>18</v>
      </c>
      <c r="AD24556">
        <v>18</v>
      </c>
      <c r="AE24556">
        <v>19</v>
      </c>
      <c r="AF24556">
        <v>19</v>
      </c>
      <c r="AG24556">
        <v>19</v>
      </c>
      <c r="AH24556">
        <v>19</v>
      </c>
      <c r="AI24556">
        <v>19</v>
      </c>
      <c r="AJ24556">
        <v>19</v>
      </c>
      <c r="AK24556">
        <v>20</v>
      </c>
      <c r="AL24556">
        <v>20</v>
      </c>
      <c r="AM24556">
        <v>20</v>
      </c>
      <c r="AN24556">
        <v>20</v>
      </c>
      <c r="AO24556">
        <v>20</v>
      </c>
      <c r="AP24556">
        <v>20</v>
      </c>
      <c r="AQ24556">
        <v>21</v>
      </c>
    </row>
    <row r="24557" spans="1:43">
      <c r="A24557" t="s">
        <v>15201</v>
      </c>
      <c r="B24557" t="s">
        <v>15202</v>
      </c>
      <c r="C24557" t="s">
        <v>15099</v>
      </c>
      <c r="D24557" t="s">
        <v>15100</v>
      </c>
      <c r="E24557" t="s">
        <v>15101</v>
      </c>
      <c r="F24557" t="s">
        <v>15102</v>
      </c>
      <c r="G24557" t="s">
        <v>10734</v>
      </c>
      <c r="H24557" t="s">
        <v>10735</v>
      </c>
      <c r="I24557" s="2">
        <v>1</v>
      </c>
      <c r="J24557" s="2">
        <v>0</v>
      </c>
      <c r="K24557" s="2">
        <v>0</v>
      </c>
      <c r="L24557" t="s">
        <v>120</v>
      </c>
      <c r="M24557" t="s">
        <v>83</v>
      </c>
      <c r="N24557" t="s">
        <v>91</v>
      </c>
      <c r="O24557" t="s">
        <v>85</v>
      </c>
      <c r="P24557" t="s">
        <v>86</v>
      </c>
      <c r="Q24557">
        <v>13</v>
      </c>
      <c r="R24557">
        <v>14</v>
      </c>
      <c r="S24557">
        <v>14</v>
      </c>
      <c r="T24557">
        <v>14</v>
      </c>
      <c r="U24557">
        <v>14</v>
      </c>
      <c r="V24557">
        <v>15</v>
      </c>
      <c r="W24557">
        <v>15</v>
      </c>
      <c r="X24557">
        <v>15</v>
      </c>
      <c r="Y24557">
        <v>16</v>
      </c>
      <c r="Z24557">
        <v>16</v>
      </c>
      <c r="AA24557">
        <v>16</v>
      </c>
      <c r="AB24557">
        <v>17</v>
      </c>
      <c r="AC24557">
        <v>17</v>
      </c>
      <c r="AD24557">
        <v>17</v>
      </c>
      <c r="AE24557">
        <v>17</v>
      </c>
      <c r="AF24557">
        <v>18</v>
      </c>
      <c r="AG24557">
        <v>18</v>
      </c>
      <c r="AH24557">
        <v>18</v>
      </c>
      <c r="AI24557">
        <v>19</v>
      </c>
      <c r="AJ24557">
        <v>19</v>
      </c>
      <c r="AK24557">
        <v>19</v>
      </c>
      <c r="AL24557">
        <v>20</v>
      </c>
      <c r="AM24557">
        <v>20</v>
      </c>
      <c r="AN24557">
        <v>20</v>
      </c>
      <c r="AO24557">
        <v>20</v>
      </c>
      <c r="AP24557">
        <v>20</v>
      </c>
      <c r="AQ24557">
        <v>20</v>
      </c>
    </row>
    <row r="24558" spans="1:43">
      <c r="A24558" t="s">
        <v>15203</v>
      </c>
      <c r="B24558" t="s">
        <v>15204</v>
      </c>
      <c r="C24558" t="s">
        <v>15205</v>
      </c>
      <c r="D24558" t="s">
        <v>15206</v>
      </c>
      <c r="E24558" t="s">
        <v>15101</v>
      </c>
      <c r="F24558" t="s">
        <v>15102</v>
      </c>
      <c r="G24558" t="s">
        <v>10734</v>
      </c>
      <c r="H24558" t="s">
        <v>10735</v>
      </c>
      <c r="I24558" s="2">
        <v>1</v>
      </c>
      <c r="J24558" s="2">
        <v>0</v>
      </c>
      <c r="K24558" s="2">
        <v>0</v>
      </c>
      <c r="L24558" t="s">
        <v>120</v>
      </c>
      <c r="M24558" t="s">
        <v>83</v>
      </c>
      <c r="N24558" t="s">
        <v>84</v>
      </c>
      <c r="O24558" t="s">
        <v>85</v>
      </c>
      <c r="P24558" t="s">
        <v>86</v>
      </c>
      <c r="Q24558">
        <v>9</v>
      </c>
      <c r="R24558">
        <v>9</v>
      </c>
      <c r="S24558">
        <v>9</v>
      </c>
      <c r="T24558">
        <v>9</v>
      </c>
      <c r="U24558">
        <v>10</v>
      </c>
      <c r="V24558">
        <v>10</v>
      </c>
      <c r="W24558">
        <v>10</v>
      </c>
      <c r="X24558">
        <v>10</v>
      </c>
      <c r="Y24558">
        <v>10</v>
      </c>
      <c r="Z24558">
        <v>11</v>
      </c>
      <c r="AA24558">
        <v>11</v>
      </c>
      <c r="AB24558">
        <v>11</v>
      </c>
      <c r="AC24558">
        <v>11</v>
      </c>
      <c r="AD24558">
        <v>11</v>
      </c>
      <c r="AE24558">
        <v>12</v>
      </c>
      <c r="AF24558">
        <v>12</v>
      </c>
      <c r="AG24558">
        <v>12</v>
      </c>
      <c r="AH24558">
        <v>12</v>
      </c>
      <c r="AI24558">
        <v>12</v>
      </c>
      <c r="AJ24558">
        <v>13</v>
      </c>
      <c r="AK24558">
        <v>13</v>
      </c>
      <c r="AL24558">
        <v>13</v>
      </c>
      <c r="AM24558">
        <v>13</v>
      </c>
      <c r="AN24558">
        <v>13</v>
      </c>
      <c r="AO24558">
        <v>13</v>
      </c>
      <c r="AP24558">
        <v>13</v>
      </c>
      <c r="AQ24558">
        <v>14</v>
      </c>
    </row>
    <row r="24559" spans="1:43">
      <c r="A24559" t="s">
        <v>15203</v>
      </c>
      <c r="B24559" t="s">
        <v>15204</v>
      </c>
      <c r="C24559" t="s">
        <v>15205</v>
      </c>
      <c r="D24559" t="s">
        <v>15206</v>
      </c>
      <c r="E24559" t="s">
        <v>15101</v>
      </c>
      <c r="F24559" t="s">
        <v>15102</v>
      </c>
      <c r="G24559" t="s">
        <v>10734</v>
      </c>
      <c r="H24559" t="s">
        <v>10735</v>
      </c>
      <c r="I24559" s="2">
        <v>1</v>
      </c>
      <c r="J24559" s="2">
        <v>0</v>
      </c>
      <c r="K24559" s="2">
        <v>0</v>
      </c>
      <c r="L24559" t="s">
        <v>120</v>
      </c>
      <c r="M24559" t="s">
        <v>87</v>
      </c>
      <c r="N24559" t="s">
        <v>88</v>
      </c>
      <c r="O24559" t="s">
        <v>85</v>
      </c>
      <c r="P24559" t="s">
        <v>86</v>
      </c>
      <c r="Q24559">
        <v>9</v>
      </c>
      <c r="R24559">
        <v>9</v>
      </c>
      <c r="S24559">
        <v>9</v>
      </c>
      <c r="T24559">
        <v>9</v>
      </c>
      <c r="U24559">
        <v>9</v>
      </c>
      <c r="V24559">
        <v>9</v>
      </c>
      <c r="W24559">
        <v>9</v>
      </c>
      <c r="X24559">
        <v>9</v>
      </c>
      <c r="Y24559">
        <v>10</v>
      </c>
      <c r="Z24559">
        <v>10</v>
      </c>
      <c r="AA24559">
        <v>10</v>
      </c>
      <c r="AB24559">
        <v>10</v>
      </c>
      <c r="AC24559">
        <v>10</v>
      </c>
      <c r="AD24559">
        <v>10</v>
      </c>
      <c r="AE24559">
        <v>10</v>
      </c>
      <c r="AF24559">
        <v>10</v>
      </c>
      <c r="AG24559">
        <v>10</v>
      </c>
      <c r="AH24559">
        <v>11</v>
      </c>
      <c r="AI24559">
        <v>11</v>
      </c>
      <c r="AJ24559">
        <v>11</v>
      </c>
      <c r="AK24559">
        <v>11</v>
      </c>
      <c r="AL24559">
        <v>11</v>
      </c>
      <c r="AM24559">
        <v>11</v>
      </c>
      <c r="AN24559">
        <v>11</v>
      </c>
      <c r="AO24559">
        <v>11</v>
      </c>
      <c r="AP24559">
        <v>12</v>
      </c>
      <c r="AQ24559">
        <v>12</v>
      </c>
    </row>
    <row r="24560" spans="1:43">
      <c r="A24560" t="s">
        <v>15203</v>
      </c>
      <c r="B24560" t="s">
        <v>15204</v>
      </c>
      <c r="C24560" t="s">
        <v>15205</v>
      </c>
      <c r="D24560" t="s">
        <v>15206</v>
      </c>
      <c r="E24560" t="s">
        <v>15101</v>
      </c>
      <c r="F24560" t="s">
        <v>15102</v>
      </c>
      <c r="G24560" t="s">
        <v>10734</v>
      </c>
      <c r="H24560" t="s">
        <v>10735</v>
      </c>
      <c r="I24560" s="2">
        <v>1</v>
      </c>
      <c r="J24560" s="2">
        <v>0</v>
      </c>
      <c r="K24560" s="2">
        <v>0</v>
      </c>
      <c r="L24560" t="s">
        <v>120</v>
      </c>
      <c r="M24560" t="s">
        <v>89</v>
      </c>
      <c r="N24560" t="s">
        <v>90</v>
      </c>
      <c r="O24560" t="s">
        <v>85</v>
      </c>
      <c r="P24560" t="s">
        <v>86</v>
      </c>
      <c r="Q24560">
        <v>9</v>
      </c>
      <c r="R24560">
        <v>9</v>
      </c>
      <c r="S24560">
        <v>9</v>
      </c>
      <c r="T24560">
        <v>10</v>
      </c>
      <c r="U24560">
        <v>10</v>
      </c>
      <c r="V24560">
        <v>10</v>
      </c>
      <c r="W24560">
        <v>10</v>
      </c>
      <c r="X24560">
        <v>11</v>
      </c>
      <c r="Y24560">
        <v>11</v>
      </c>
      <c r="Z24560">
        <v>11</v>
      </c>
      <c r="AA24560">
        <v>11</v>
      </c>
      <c r="AB24560">
        <v>12</v>
      </c>
      <c r="AC24560">
        <v>12</v>
      </c>
      <c r="AD24560">
        <v>12</v>
      </c>
      <c r="AE24560">
        <v>12</v>
      </c>
      <c r="AF24560">
        <v>13</v>
      </c>
      <c r="AG24560">
        <v>13</v>
      </c>
      <c r="AH24560">
        <v>13</v>
      </c>
      <c r="AI24560">
        <v>13</v>
      </c>
      <c r="AJ24560">
        <v>13</v>
      </c>
      <c r="AK24560">
        <v>13</v>
      </c>
      <c r="AL24560">
        <v>13</v>
      </c>
      <c r="AM24560">
        <v>13</v>
      </c>
      <c r="AN24560">
        <v>13</v>
      </c>
      <c r="AO24560">
        <v>13</v>
      </c>
      <c r="AP24560">
        <v>14</v>
      </c>
      <c r="AQ24560">
        <v>14</v>
      </c>
    </row>
    <row r="24561" spans="1:43">
      <c r="A24561" t="s">
        <v>15203</v>
      </c>
      <c r="B24561" t="s">
        <v>15204</v>
      </c>
      <c r="C24561" t="s">
        <v>15205</v>
      </c>
      <c r="D24561" t="s">
        <v>15206</v>
      </c>
      <c r="E24561" t="s">
        <v>15101</v>
      </c>
      <c r="F24561" t="s">
        <v>15102</v>
      </c>
      <c r="G24561" t="s">
        <v>10734</v>
      </c>
      <c r="H24561" t="s">
        <v>10735</v>
      </c>
      <c r="I24561" s="2">
        <v>1</v>
      </c>
      <c r="J24561" s="2">
        <v>0</v>
      </c>
      <c r="K24561" s="2">
        <v>0</v>
      </c>
      <c r="L24561" t="s">
        <v>120</v>
      </c>
      <c r="M24561" t="s">
        <v>83</v>
      </c>
      <c r="N24561" t="s">
        <v>91</v>
      </c>
      <c r="O24561" t="s">
        <v>85</v>
      </c>
      <c r="P24561" t="s">
        <v>86</v>
      </c>
      <c r="Q24561">
        <v>9</v>
      </c>
      <c r="R24561">
        <v>9</v>
      </c>
      <c r="S24561">
        <v>9</v>
      </c>
      <c r="T24561">
        <v>9</v>
      </c>
      <c r="U24561">
        <v>10</v>
      </c>
      <c r="V24561">
        <v>10</v>
      </c>
      <c r="W24561">
        <v>10</v>
      </c>
      <c r="X24561">
        <v>10</v>
      </c>
      <c r="Y24561">
        <v>10</v>
      </c>
      <c r="Z24561">
        <v>11</v>
      </c>
      <c r="AA24561">
        <v>11</v>
      </c>
      <c r="AB24561">
        <v>11</v>
      </c>
      <c r="AC24561">
        <v>11</v>
      </c>
      <c r="AD24561">
        <v>11</v>
      </c>
      <c r="AE24561">
        <v>12</v>
      </c>
      <c r="AF24561">
        <v>12</v>
      </c>
      <c r="AG24561">
        <v>12</v>
      </c>
      <c r="AH24561">
        <v>12</v>
      </c>
      <c r="AI24561">
        <v>12</v>
      </c>
      <c r="AJ24561">
        <v>13</v>
      </c>
      <c r="AK24561">
        <v>13</v>
      </c>
      <c r="AL24561">
        <v>13</v>
      </c>
      <c r="AM24561">
        <v>13</v>
      </c>
      <c r="AN24561">
        <v>13</v>
      </c>
      <c r="AO24561">
        <v>13</v>
      </c>
      <c r="AP24561">
        <v>13</v>
      </c>
      <c r="AQ24561">
        <v>14</v>
      </c>
    </row>
    <row r="24562" spans="1:43">
      <c r="A24562" t="s">
        <v>15207</v>
      </c>
      <c r="B24562" t="s">
        <v>15208</v>
      </c>
      <c r="C24562" t="s">
        <v>15119</v>
      </c>
      <c r="D24562" t="s">
        <v>15120</v>
      </c>
      <c r="E24562" t="s">
        <v>15101</v>
      </c>
      <c r="F24562" t="s">
        <v>15102</v>
      </c>
      <c r="G24562" t="s">
        <v>10734</v>
      </c>
      <c r="H24562" t="s">
        <v>10735</v>
      </c>
      <c r="I24562" s="2">
        <v>1</v>
      </c>
      <c r="J24562" s="2">
        <v>0</v>
      </c>
      <c r="K24562" s="2">
        <v>0</v>
      </c>
      <c r="L24562" t="s">
        <v>120</v>
      </c>
      <c r="M24562" t="s">
        <v>83</v>
      </c>
      <c r="N24562" t="s">
        <v>84</v>
      </c>
      <c r="O24562" t="s">
        <v>85</v>
      </c>
      <c r="P24562" t="s">
        <v>86</v>
      </c>
      <c r="Q24562">
        <v>106</v>
      </c>
      <c r="R24562">
        <v>109</v>
      </c>
      <c r="S24562">
        <v>111</v>
      </c>
      <c r="T24562">
        <v>113</v>
      </c>
      <c r="U24562">
        <v>116</v>
      </c>
      <c r="V24562">
        <v>118</v>
      </c>
      <c r="W24562">
        <v>121</v>
      </c>
      <c r="X24562">
        <v>123</v>
      </c>
      <c r="Y24562">
        <v>126</v>
      </c>
      <c r="Z24562">
        <v>128</v>
      </c>
      <c r="AA24562">
        <v>130</v>
      </c>
      <c r="AB24562">
        <v>133</v>
      </c>
      <c r="AC24562">
        <v>135</v>
      </c>
      <c r="AD24562">
        <v>138</v>
      </c>
      <c r="AE24562">
        <v>140</v>
      </c>
      <c r="AF24562">
        <v>143</v>
      </c>
      <c r="AG24562">
        <v>146</v>
      </c>
      <c r="AH24562">
        <v>148</v>
      </c>
      <c r="AI24562">
        <v>151</v>
      </c>
      <c r="AJ24562">
        <v>154</v>
      </c>
      <c r="AK24562">
        <v>156</v>
      </c>
      <c r="AL24562">
        <v>158</v>
      </c>
      <c r="AM24562">
        <v>159</v>
      </c>
      <c r="AN24562">
        <v>160</v>
      </c>
      <c r="AO24562">
        <v>162</v>
      </c>
      <c r="AP24562">
        <v>163</v>
      </c>
      <c r="AQ24562">
        <v>164</v>
      </c>
    </row>
    <row r="24563" spans="1:43">
      <c r="A24563" t="s">
        <v>15207</v>
      </c>
      <c r="B24563" t="s">
        <v>15208</v>
      </c>
      <c r="C24563" t="s">
        <v>15119</v>
      </c>
      <c r="D24563" t="s">
        <v>15120</v>
      </c>
      <c r="E24563" t="s">
        <v>15101</v>
      </c>
      <c r="F24563" t="s">
        <v>15102</v>
      </c>
      <c r="G24563" t="s">
        <v>10734</v>
      </c>
      <c r="H24563" t="s">
        <v>10735</v>
      </c>
      <c r="I24563" s="2">
        <v>1</v>
      </c>
      <c r="J24563" s="2">
        <v>0</v>
      </c>
      <c r="K24563" s="2">
        <v>0</v>
      </c>
      <c r="L24563" t="s">
        <v>120</v>
      </c>
      <c r="M24563" t="s">
        <v>87</v>
      </c>
      <c r="N24563" t="s">
        <v>88</v>
      </c>
      <c r="O24563" t="s">
        <v>85</v>
      </c>
      <c r="P24563" t="s">
        <v>86</v>
      </c>
      <c r="Q24563">
        <v>106</v>
      </c>
      <c r="R24563">
        <v>108</v>
      </c>
      <c r="S24563">
        <v>109</v>
      </c>
      <c r="T24563">
        <v>110</v>
      </c>
      <c r="U24563">
        <v>112</v>
      </c>
      <c r="V24563">
        <v>113</v>
      </c>
      <c r="W24563">
        <v>114</v>
      </c>
      <c r="X24563">
        <v>116</v>
      </c>
      <c r="Y24563">
        <v>117</v>
      </c>
      <c r="Z24563">
        <v>118</v>
      </c>
      <c r="AA24563">
        <v>120</v>
      </c>
      <c r="AB24563">
        <v>121</v>
      </c>
      <c r="AC24563">
        <v>123</v>
      </c>
      <c r="AD24563">
        <v>124</v>
      </c>
      <c r="AE24563">
        <v>125</v>
      </c>
      <c r="AF24563">
        <v>127</v>
      </c>
      <c r="AG24563">
        <v>128</v>
      </c>
      <c r="AH24563">
        <v>130</v>
      </c>
      <c r="AI24563">
        <v>131</v>
      </c>
      <c r="AJ24563">
        <v>133</v>
      </c>
      <c r="AK24563">
        <v>134</v>
      </c>
      <c r="AL24563">
        <v>136</v>
      </c>
      <c r="AM24563">
        <v>137</v>
      </c>
      <c r="AN24563">
        <v>139</v>
      </c>
      <c r="AO24563">
        <v>140</v>
      </c>
      <c r="AP24563">
        <v>142</v>
      </c>
      <c r="AQ24563">
        <v>143</v>
      </c>
    </row>
    <row r="24564" spans="1:43">
      <c r="A24564" t="s">
        <v>15207</v>
      </c>
      <c r="B24564" t="s">
        <v>15208</v>
      </c>
      <c r="C24564" t="s">
        <v>15119</v>
      </c>
      <c r="D24564" t="s">
        <v>15120</v>
      </c>
      <c r="E24564" t="s">
        <v>15101</v>
      </c>
      <c r="F24564" t="s">
        <v>15102</v>
      </c>
      <c r="G24564" t="s">
        <v>10734</v>
      </c>
      <c r="H24564" t="s">
        <v>10735</v>
      </c>
      <c r="I24564" s="2">
        <v>1</v>
      </c>
      <c r="J24564" s="2">
        <v>0</v>
      </c>
      <c r="K24564" s="2">
        <v>0</v>
      </c>
      <c r="L24564" t="s">
        <v>120</v>
      </c>
      <c r="M24564" t="s">
        <v>89</v>
      </c>
      <c r="N24564" t="s">
        <v>90</v>
      </c>
      <c r="O24564" t="s">
        <v>85</v>
      </c>
      <c r="P24564" t="s">
        <v>86</v>
      </c>
      <c r="Q24564">
        <v>106</v>
      </c>
      <c r="R24564">
        <v>110</v>
      </c>
      <c r="S24564">
        <v>113</v>
      </c>
      <c r="T24564">
        <v>116</v>
      </c>
      <c r="U24564">
        <v>119</v>
      </c>
      <c r="V24564">
        <v>123</v>
      </c>
      <c r="W24564">
        <v>126</v>
      </c>
      <c r="X24564">
        <v>129</v>
      </c>
      <c r="Y24564">
        <v>132</v>
      </c>
      <c r="Z24564">
        <v>135</v>
      </c>
      <c r="AA24564">
        <v>138</v>
      </c>
      <c r="AB24564">
        <v>141</v>
      </c>
      <c r="AC24564">
        <v>144</v>
      </c>
      <c r="AD24564">
        <v>147</v>
      </c>
      <c r="AE24564">
        <v>150</v>
      </c>
      <c r="AF24564">
        <v>151</v>
      </c>
      <c r="AG24564">
        <v>152</v>
      </c>
      <c r="AH24564">
        <v>154</v>
      </c>
      <c r="AI24564">
        <v>155</v>
      </c>
      <c r="AJ24564">
        <v>156</v>
      </c>
      <c r="AK24564">
        <v>157</v>
      </c>
      <c r="AL24564">
        <v>158</v>
      </c>
      <c r="AM24564">
        <v>160</v>
      </c>
      <c r="AN24564">
        <v>161</v>
      </c>
      <c r="AO24564">
        <v>162</v>
      </c>
      <c r="AP24564">
        <v>163</v>
      </c>
      <c r="AQ24564">
        <v>164</v>
      </c>
    </row>
    <row r="24565" spans="1:43">
      <c r="A24565" t="s">
        <v>15207</v>
      </c>
      <c r="B24565" t="s">
        <v>15208</v>
      </c>
      <c r="C24565" t="s">
        <v>15119</v>
      </c>
      <c r="D24565" t="s">
        <v>15120</v>
      </c>
      <c r="E24565" t="s">
        <v>15101</v>
      </c>
      <c r="F24565" t="s">
        <v>15102</v>
      </c>
      <c r="G24565" t="s">
        <v>10734</v>
      </c>
      <c r="H24565" t="s">
        <v>10735</v>
      </c>
      <c r="I24565" s="2">
        <v>1</v>
      </c>
      <c r="J24565" s="2">
        <v>0</v>
      </c>
      <c r="K24565" s="2">
        <v>0</v>
      </c>
      <c r="L24565" t="s">
        <v>120</v>
      </c>
      <c r="M24565" t="s">
        <v>83</v>
      </c>
      <c r="N24565" t="s">
        <v>91</v>
      </c>
      <c r="O24565" t="s">
        <v>85</v>
      </c>
      <c r="P24565" t="s">
        <v>86</v>
      </c>
      <c r="Q24565">
        <v>106</v>
      </c>
      <c r="R24565">
        <v>109</v>
      </c>
      <c r="S24565">
        <v>111</v>
      </c>
      <c r="T24565">
        <v>113</v>
      </c>
      <c r="U24565">
        <v>116</v>
      </c>
      <c r="V24565">
        <v>118</v>
      </c>
      <c r="W24565">
        <v>121</v>
      </c>
      <c r="X24565">
        <v>123</v>
      </c>
      <c r="Y24565">
        <v>126</v>
      </c>
      <c r="Z24565">
        <v>128</v>
      </c>
      <c r="AA24565">
        <v>130</v>
      </c>
      <c r="AB24565">
        <v>133</v>
      </c>
      <c r="AC24565">
        <v>135</v>
      </c>
      <c r="AD24565">
        <v>138</v>
      </c>
      <c r="AE24565">
        <v>140</v>
      </c>
      <c r="AF24565">
        <v>143</v>
      </c>
      <c r="AG24565">
        <v>146</v>
      </c>
      <c r="AH24565">
        <v>148</v>
      </c>
      <c r="AI24565">
        <v>151</v>
      </c>
      <c r="AJ24565">
        <v>154</v>
      </c>
      <c r="AK24565">
        <v>156</v>
      </c>
      <c r="AL24565">
        <v>158</v>
      </c>
      <c r="AM24565">
        <v>159</v>
      </c>
      <c r="AN24565">
        <v>160</v>
      </c>
      <c r="AO24565">
        <v>162</v>
      </c>
      <c r="AP24565">
        <v>163</v>
      </c>
      <c r="AQ24565">
        <v>164</v>
      </c>
    </row>
    <row r="24566" spans="1:43">
      <c r="A24566" t="s">
        <v>15209</v>
      </c>
      <c r="B24566" t="s">
        <v>15210</v>
      </c>
      <c r="C24566" t="s">
        <v>15205</v>
      </c>
      <c r="D24566" t="s">
        <v>15206</v>
      </c>
      <c r="E24566" t="s">
        <v>15101</v>
      </c>
      <c r="F24566" t="s">
        <v>15102</v>
      </c>
      <c r="G24566" t="s">
        <v>10734</v>
      </c>
      <c r="H24566" t="s">
        <v>10735</v>
      </c>
      <c r="I24566" s="2">
        <v>1</v>
      </c>
      <c r="J24566" s="2">
        <v>0</v>
      </c>
      <c r="K24566" s="2">
        <v>0</v>
      </c>
      <c r="L24566" t="s">
        <v>120</v>
      </c>
      <c r="M24566" t="s">
        <v>83</v>
      </c>
      <c r="N24566" t="s">
        <v>84</v>
      </c>
      <c r="O24566" t="s">
        <v>85</v>
      </c>
      <c r="P24566" t="s">
        <v>86</v>
      </c>
      <c r="Q24566">
        <v>19</v>
      </c>
      <c r="R24566">
        <v>20</v>
      </c>
      <c r="S24566">
        <v>20</v>
      </c>
      <c r="T24566">
        <v>21</v>
      </c>
      <c r="U24566">
        <v>21</v>
      </c>
      <c r="V24566">
        <v>21</v>
      </c>
      <c r="W24566">
        <v>22</v>
      </c>
      <c r="X24566">
        <v>22</v>
      </c>
      <c r="Y24566">
        <v>23</v>
      </c>
      <c r="Z24566">
        <v>23</v>
      </c>
      <c r="AA24566">
        <v>24</v>
      </c>
      <c r="AB24566">
        <v>24</v>
      </c>
      <c r="AC24566">
        <v>24</v>
      </c>
      <c r="AD24566">
        <v>25</v>
      </c>
      <c r="AE24566">
        <v>25</v>
      </c>
      <c r="AF24566">
        <v>26</v>
      </c>
      <c r="AG24566">
        <v>26</v>
      </c>
      <c r="AH24566">
        <v>27</v>
      </c>
      <c r="AI24566">
        <v>27</v>
      </c>
      <c r="AJ24566">
        <v>28</v>
      </c>
      <c r="AK24566">
        <v>28</v>
      </c>
      <c r="AL24566">
        <v>29</v>
      </c>
      <c r="AM24566">
        <v>29</v>
      </c>
      <c r="AN24566">
        <v>29</v>
      </c>
      <c r="AO24566">
        <v>29</v>
      </c>
      <c r="AP24566">
        <v>29</v>
      </c>
      <c r="AQ24566">
        <v>30</v>
      </c>
    </row>
    <row r="24567" spans="1:43">
      <c r="A24567" t="s">
        <v>15209</v>
      </c>
      <c r="B24567" t="s">
        <v>15210</v>
      </c>
      <c r="C24567" t="s">
        <v>15205</v>
      </c>
      <c r="D24567" t="s">
        <v>15206</v>
      </c>
      <c r="E24567" t="s">
        <v>15101</v>
      </c>
      <c r="F24567" t="s">
        <v>15102</v>
      </c>
      <c r="G24567" t="s">
        <v>10734</v>
      </c>
      <c r="H24567" t="s">
        <v>10735</v>
      </c>
      <c r="I24567" s="2">
        <v>1</v>
      </c>
      <c r="J24567" s="2">
        <v>0</v>
      </c>
      <c r="K24567" s="2">
        <v>0</v>
      </c>
      <c r="L24567" t="s">
        <v>120</v>
      </c>
      <c r="M24567" t="s">
        <v>87</v>
      </c>
      <c r="N24567" t="s">
        <v>88</v>
      </c>
      <c r="O24567" t="s">
        <v>85</v>
      </c>
      <c r="P24567" t="s">
        <v>86</v>
      </c>
      <c r="Q24567">
        <v>19</v>
      </c>
      <c r="R24567">
        <v>19</v>
      </c>
      <c r="S24567">
        <v>20</v>
      </c>
      <c r="T24567">
        <v>20</v>
      </c>
      <c r="U24567">
        <v>20</v>
      </c>
      <c r="V24567">
        <v>20</v>
      </c>
      <c r="W24567">
        <v>21</v>
      </c>
      <c r="X24567">
        <v>21</v>
      </c>
      <c r="Y24567">
        <v>21</v>
      </c>
      <c r="Z24567">
        <v>21</v>
      </c>
      <c r="AA24567">
        <v>22</v>
      </c>
      <c r="AB24567">
        <v>22</v>
      </c>
      <c r="AC24567">
        <v>22</v>
      </c>
      <c r="AD24567">
        <v>22</v>
      </c>
      <c r="AE24567">
        <v>23</v>
      </c>
      <c r="AF24567">
        <v>23</v>
      </c>
      <c r="AG24567">
        <v>23</v>
      </c>
      <c r="AH24567">
        <v>23</v>
      </c>
      <c r="AI24567">
        <v>24</v>
      </c>
      <c r="AJ24567">
        <v>24</v>
      </c>
      <c r="AK24567">
        <v>24</v>
      </c>
      <c r="AL24567">
        <v>24</v>
      </c>
      <c r="AM24567">
        <v>25</v>
      </c>
      <c r="AN24567">
        <v>25</v>
      </c>
      <c r="AO24567">
        <v>25</v>
      </c>
      <c r="AP24567">
        <v>25</v>
      </c>
      <c r="AQ24567">
        <v>26</v>
      </c>
    </row>
    <row r="24568" spans="1:43">
      <c r="A24568" t="s">
        <v>15209</v>
      </c>
      <c r="B24568" t="s">
        <v>15210</v>
      </c>
      <c r="C24568" t="s">
        <v>15205</v>
      </c>
      <c r="D24568" t="s">
        <v>15206</v>
      </c>
      <c r="E24568" t="s">
        <v>15101</v>
      </c>
      <c r="F24568" t="s">
        <v>15102</v>
      </c>
      <c r="G24568" t="s">
        <v>10734</v>
      </c>
      <c r="H24568" t="s">
        <v>10735</v>
      </c>
      <c r="I24568" s="2">
        <v>1</v>
      </c>
      <c r="J24568" s="2">
        <v>0</v>
      </c>
      <c r="K24568" s="2">
        <v>0</v>
      </c>
      <c r="L24568" t="s">
        <v>120</v>
      </c>
      <c r="M24568" t="s">
        <v>89</v>
      </c>
      <c r="N24568" t="s">
        <v>90</v>
      </c>
      <c r="O24568" t="s">
        <v>85</v>
      </c>
      <c r="P24568" t="s">
        <v>86</v>
      </c>
      <c r="Q24568">
        <v>19</v>
      </c>
      <c r="R24568">
        <v>20</v>
      </c>
      <c r="S24568">
        <v>21</v>
      </c>
      <c r="T24568">
        <v>21</v>
      </c>
      <c r="U24568">
        <v>22</v>
      </c>
      <c r="V24568">
        <v>22</v>
      </c>
      <c r="W24568">
        <v>23</v>
      </c>
      <c r="X24568">
        <v>23</v>
      </c>
      <c r="Y24568">
        <v>24</v>
      </c>
      <c r="Z24568">
        <v>25</v>
      </c>
      <c r="AA24568">
        <v>25</v>
      </c>
      <c r="AB24568">
        <v>26</v>
      </c>
      <c r="AC24568">
        <v>26</v>
      </c>
      <c r="AD24568">
        <v>27</v>
      </c>
      <c r="AE24568">
        <v>27</v>
      </c>
      <c r="AF24568">
        <v>28</v>
      </c>
      <c r="AG24568">
        <v>28</v>
      </c>
      <c r="AH24568">
        <v>28</v>
      </c>
      <c r="AI24568">
        <v>28</v>
      </c>
      <c r="AJ24568">
        <v>28</v>
      </c>
      <c r="AK24568">
        <v>29</v>
      </c>
      <c r="AL24568">
        <v>29</v>
      </c>
      <c r="AM24568">
        <v>29</v>
      </c>
      <c r="AN24568">
        <v>29</v>
      </c>
      <c r="AO24568">
        <v>30</v>
      </c>
      <c r="AP24568">
        <v>30</v>
      </c>
      <c r="AQ24568">
        <v>30</v>
      </c>
    </row>
    <row r="24569" spans="1:43">
      <c r="A24569" t="s">
        <v>15209</v>
      </c>
      <c r="B24569" t="s">
        <v>15210</v>
      </c>
      <c r="C24569" t="s">
        <v>15205</v>
      </c>
      <c r="D24569" t="s">
        <v>15206</v>
      </c>
      <c r="E24569" t="s">
        <v>15101</v>
      </c>
      <c r="F24569" t="s">
        <v>15102</v>
      </c>
      <c r="G24569" t="s">
        <v>10734</v>
      </c>
      <c r="H24569" t="s">
        <v>10735</v>
      </c>
      <c r="I24569" s="2">
        <v>1</v>
      </c>
      <c r="J24569" s="2">
        <v>0</v>
      </c>
      <c r="K24569" s="2">
        <v>0</v>
      </c>
      <c r="L24569" t="s">
        <v>120</v>
      </c>
      <c r="M24569" t="s">
        <v>83</v>
      </c>
      <c r="N24569" t="s">
        <v>91</v>
      </c>
      <c r="O24569" t="s">
        <v>85</v>
      </c>
      <c r="P24569" t="s">
        <v>86</v>
      </c>
      <c r="Q24569">
        <v>19</v>
      </c>
      <c r="R24569">
        <v>20</v>
      </c>
      <c r="S24569">
        <v>20</v>
      </c>
      <c r="T24569">
        <v>21</v>
      </c>
      <c r="U24569">
        <v>21</v>
      </c>
      <c r="V24569">
        <v>21</v>
      </c>
      <c r="W24569">
        <v>22</v>
      </c>
      <c r="X24569">
        <v>22</v>
      </c>
      <c r="Y24569">
        <v>23</v>
      </c>
      <c r="Z24569">
        <v>23</v>
      </c>
      <c r="AA24569">
        <v>24</v>
      </c>
      <c r="AB24569">
        <v>24</v>
      </c>
      <c r="AC24569">
        <v>24</v>
      </c>
      <c r="AD24569">
        <v>25</v>
      </c>
      <c r="AE24569">
        <v>25</v>
      </c>
      <c r="AF24569">
        <v>26</v>
      </c>
      <c r="AG24569">
        <v>26</v>
      </c>
      <c r="AH24569">
        <v>27</v>
      </c>
      <c r="AI24569">
        <v>27</v>
      </c>
      <c r="AJ24569">
        <v>28</v>
      </c>
      <c r="AK24569">
        <v>28</v>
      </c>
      <c r="AL24569">
        <v>29</v>
      </c>
      <c r="AM24569">
        <v>29</v>
      </c>
      <c r="AN24569">
        <v>29</v>
      </c>
      <c r="AO24569">
        <v>29</v>
      </c>
      <c r="AP24569">
        <v>29</v>
      </c>
      <c r="AQ24569">
        <v>30</v>
      </c>
    </row>
    <row r="24570" spans="1:43">
      <c r="A24570" t="s">
        <v>15211</v>
      </c>
      <c r="B24570" t="s">
        <v>15212</v>
      </c>
      <c r="C24570" t="s">
        <v>15119</v>
      </c>
      <c r="D24570" t="s">
        <v>15120</v>
      </c>
      <c r="E24570" t="s">
        <v>15101</v>
      </c>
      <c r="F24570" t="s">
        <v>15102</v>
      </c>
      <c r="G24570" t="s">
        <v>10734</v>
      </c>
      <c r="H24570" t="s">
        <v>10735</v>
      </c>
      <c r="I24570" s="2">
        <v>1</v>
      </c>
      <c r="J24570" s="2">
        <v>0</v>
      </c>
      <c r="K24570" s="2">
        <v>0</v>
      </c>
      <c r="L24570" t="s">
        <v>120</v>
      </c>
      <c r="M24570" t="s">
        <v>83</v>
      </c>
      <c r="N24570" t="s">
        <v>84</v>
      </c>
      <c r="O24570" t="s">
        <v>85</v>
      </c>
      <c r="P24570" t="s">
        <v>86</v>
      </c>
      <c r="Q24570">
        <v>14</v>
      </c>
      <c r="R24570">
        <v>14</v>
      </c>
      <c r="S24570">
        <v>14</v>
      </c>
      <c r="T24570">
        <v>15</v>
      </c>
      <c r="U24570">
        <v>15</v>
      </c>
      <c r="V24570">
        <v>15</v>
      </c>
      <c r="W24570">
        <v>15</v>
      </c>
      <c r="X24570">
        <v>16</v>
      </c>
      <c r="Y24570">
        <v>16</v>
      </c>
      <c r="Z24570">
        <v>16</v>
      </c>
      <c r="AA24570">
        <v>17</v>
      </c>
      <c r="AB24570">
        <v>17</v>
      </c>
      <c r="AC24570">
        <v>17</v>
      </c>
      <c r="AD24570">
        <v>18</v>
      </c>
      <c r="AE24570">
        <v>18</v>
      </c>
      <c r="AF24570">
        <v>18</v>
      </c>
      <c r="AG24570">
        <v>19</v>
      </c>
      <c r="AH24570">
        <v>19</v>
      </c>
      <c r="AI24570">
        <v>19</v>
      </c>
      <c r="AJ24570">
        <v>20</v>
      </c>
      <c r="AK24570">
        <v>20</v>
      </c>
      <c r="AL24570">
        <v>20</v>
      </c>
      <c r="AM24570">
        <v>20</v>
      </c>
      <c r="AN24570">
        <v>21</v>
      </c>
      <c r="AO24570">
        <v>21</v>
      </c>
      <c r="AP24570">
        <v>21</v>
      </c>
      <c r="AQ24570">
        <v>21</v>
      </c>
    </row>
    <row r="24571" spans="1:43">
      <c r="A24571" t="s">
        <v>15211</v>
      </c>
      <c r="B24571" t="s">
        <v>15212</v>
      </c>
      <c r="C24571" t="s">
        <v>15119</v>
      </c>
      <c r="D24571" t="s">
        <v>15120</v>
      </c>
      <c r="E24571" t="s">
        <v>15101</v>
      </c>
      <c r="F24571" t="s">
        <v>15102</v>
      </c>
      <c r="G24571" t="s">
        <v>10734</v>
      </c>
      <c r="H24571" t="s">
        <v>10735</v>
      </c>
      <c r="I24571" s="2">
        <v>1</v>
      </c>
      <c r="J24571" s="2">
        <v>0</v>
      </c>
      <c r="K24571" s="2">
        <v>0</v>
      </c>
      <c r="L24571" t="s">
        <v>120</v>
      </c>
      <c r="M24571" t="s">
        <v>87</v>
      </c>
      <c r="N24571" t="s">
        <v>88</v>
      </c>
      <c r="O24571" t="s">
        <v>85</v>
      </c>
      <c r="P24571" t="s">
        <v>86</v>
      </c>
      <c r="Q24571">
        <v>14</v>
      </c>
      <c r="R24571">
        <v>14</v>
      </c>
      <c r="S24571">
        <v>14</v>
      </c>
      <c r="T24571">
        <v>14</v>
      </c>
      <c r="U24571">
        <v>14</v>
      </c>
      <c r="V24571">
        <v>14</v>
      </c>
      <c r="W24571">
        <v>15</v>
      </c>
      <c r="X24571">
        <v>15</v>
      </c>
      <c r="Y24571">
        <v>15</v>
      </c>
      <c r="Z24571">
        <v>15</v>
      </c>
      <c r="AA24571">
        <v>15</v>
      </c>
      <c r="AB24571">
        <v>15</v>
      </c>
      <c r="AC24571">
        <v>16</v>
      </c>
      <c r="AD24571">
        <v>16</v>
      </c>
      <c r="AE24571">
        <v>16</v>
      </c>
      <c r="AF24571">
        <v>16</v>
      </c>
      <c r="AG24571">
        <v>16</v>
      </c>
      <c r="AH24571">
        <v>17</v>
      </c>
      <c r="AI24571">
        <v>17</v>
      </c>
      <c r="AJ24571">
        <v>17</v>
      </c>
      <c r="AK24571">
        <v>17</v>
      </c>
      <c r="AL24571">
        <v>17</v>
      </c>
      <c r="AM24571">
        <v>17</v>
      </c>
      <c r="AN24571">
        <v>18</v>
      </c>
      <c r="AO24571">
        <v>18</v>
      </c>
      <c r="AP24571">
        <v>18</v>
      </c>
      <c r="AQ24571">
        <v>18</v>
      </c>
    </row>
    <row r="24572" spans="1:43">
      <c r="A24572" t="s">
        <v>15211</v>
      </c>
      <c r="B24572" t="s">
        <v>15212</v>
      </c>
      <c r="C24572" t="s">
        <v>15119</v>
      </c>
      <c r="D24572" t="s">
        <v>15120</v>
      </c>
      <c r="E24572" t="s">
        <v>15101</v>
      </c>
      <c r="F24572" t="s">
        <v>15102</v>
      </c>
      <c r="G24572" t="s">
        <v>10734</v>
      </c>
      <c r="H24572" t="s">
        <v>10735</v>
      </c>
      <c r="I24572" s="2">
        <v>1</v>
      </c>
      <c r="J24572" s="2">
        <v>0</v>
      </c>
      <c r="K24572" s="2">
        <v>0</v>
      </c>
      <c r="L24572" t="s">
        <v>120</v>
      </c>
      <c r="M24572" t="s">
        <v>89</v>
      </c>
      <c r="N24572" t="s">
        <v>90</v>
      </c>
      <c r="O24572" t="s">
        <v>85</v>
      </c>
      <c r="P24572" t="s">
        <v>86</v>
      </c>
      <c r="Q24572">
        <v>14</v>
      </c>
      <c r="R24572">
        <v>14</v>
      </c>
      <c r="S24572">
        <v>15</v>
      </c>
      <c r="T24572">
        <v>15</v>
      </c>
      <c r="U24572">
        <v>15</v>
      </c>
      <c r="V24572">
        <v>16</v>
      </c>
      <c r="W24572">
        <v>16</v>
      </c>
      <c r="X24572">
        <v>17</v>
      </c>
      <c r="Y24572">
        <v>17</v>
      </c>
      <c r="Z24572">
        <v>17</v>
      </c>
      <c r="AA24572">
        <v>18</v>
      </c>
      <c r="AB24572">
        <v>18</v>
      </c>
      <c r="AC24572">
        <v>19</v>
      </c>
      <c r="AD24572">
        <v>19</v>
      </c>
      <c r="AE24572">
        <v>19</v>
      </c>
      <c r="AF24572">
        <v>20</v>
      </c>
      <c r="AG24572">
        <v>20</v>
      </c>
      <c r="AH24572">
        <v>20</v>
      </c>
      <c r="AI24572">
        <v>20</v>
      </c>
      <c r="AJ24572">
        <v>20</v>
      </c>
      <c r="AK24572">
        <v>20</v>
      </c>
      <c r="AL24572">
        <v>20</v>
      </c>
      <c r="AM24572">
        <v>21</v>
      </c>
      <c r="AN24572">
        <v>21</v>
      </c>
      <c r="AO24572">
        <v>21</v>
      </c>
      <c r="AP24572">
        <v>21</v>
      </c>
      <c r="AQ24572">
        <v>21</v>
      </c>
    </row>
    <row r="24573" spans="1:43">
      <c r="A24573" t="s">
        <v>15211</v>
      </c>
      <c r="B24573" t="s">
        <v>15212</v>
      </c>
      <c r="C24573" t="s">
        <v>15119</v>
      </c>
      <c r="D24573" t="s">
        <v>15120</v>
      </c>
      <c r="E24573" t="s">
        <v>15101</v>
      </c>
      <c r="F24573" t="s">
        <v>15102</v>
      </c>
      <c r="G24573" t="s">
        <v>10734</v>
      </c>
      <c r="H24573" t="s">
        <v>10735</v>
      </c>
      <c r="I24573" s="2">
        <v>1</v>
      </c>
      <c r="J24573" s="2">
        <v>0</v>
      </c>
      <c r="K24573" s="2">
        <v>0</v>
      </c>
      <c r="L24573" t="s">
        <v>120</v>
      </c>
      <c r="M24573" t="s">
        <v>83</v>
      </c>
      <c r="N24573" t="s">
        <v>91</v>
      </c>
      <c r="O24573" t="s">
        <v>85</v>
      </c>
      <c r="P24573" t="s">
        <v>86</v>
      </c>
      <c r="Q24573">
        <v>14</v>
      </c>
      <c r="R24573">
        <v>14</v>
      </c>
      <c r="S24573">
        <v>14</v>
      </c>
      <c r="T24573">
        <v>15</v>
      </c>
      <c r="U24573">
        <v>15</v>
      </c>
      <c r="V24573">
        <v>15</v>
      </c>
      <c r="W24573">
        <v>15</v>
      </c>
      <c r="X24573">
        <v>16</v>
      </c>
      <c r="Y24573">
        <v>16</v>
      </c>
      <c r="Z24573">
        <v>16</v>
      </c>
      <c r="AA24573">
        <v>17</v>
      </c>
      <c r="AB24573">
        <v>17</v>
      </c>
      <c r="AC24573">
        <v>17</v>
      </c>
      <c r="AD24573">
        <v>18</v>
      </c>
      <c r="AE24573">
        <v>18</v>
      </c>
      <c r="AF24573">
        <v>18</v>
      </c>
      <c r="AG24573">
        <v>19</v>
      </c>
      <c r="AH24573">
        <v>19</v>
      </c>
      <c r="AI24573">
        <v>19</v>
      </c>
      <c r="AJ24573">
        <v>20</v>
      </c>
      <c r="AK24573">
        <v>20</v>
      </c>
      <c r="AL24573">
        <v>20</v>
      </c>
      <c r="AM24573">
        <v>20</v>
      </c>
      <c r="AN24573">
        <v>21</v>
      </c>
      <c r="AO24573">
        <v>21</v>
      </c>
      <c r="AP24573">
        <v>21</v>
      </c>
      <c r="AQ24573">
        <v>21</v>
      </c>
    </row>
    <row r="24574" spans="1:43">
      <c r="A24574" t="s">
        <v>15213</v>
      </c>
      <c r="B24574" t="s">
        <v>15214</v>
      </c>
      <c r="C24574" t="s">
        <v>15113</v>
      </c>
      <c r="D24574" t="s">
        <v>15114</v>
      </c>
      <c r="E24574" t="s">
        <v>15101</v>
      </c>
      <c r="F24574" t="s">
        <v>15102</v>
      </c>
      <c r="G24574" t="s">
        <v>10734</v>
      </c>
      <c r="H24574" t="s">
        <v>10735</v>
      </c>
      <c r="I24574" s="2">
        <v>1</v>
      </c>
      <c r="J24574" s="2">
        <v>0</v>
      </c>
      <c r="K24574" s="2">
        <v>0</v>
      </c>
      <c r="L24574" t="s">
        <v>120</v>
      </c>
      <c r="M24574" t="s">
        <v>83</v>
      </c>
      <c r="N24574" t="s">
        <v>84</v>
      </c>
      <c r="O24574" t="s">
        <v>85</v>
      </c>
      <c r="P24574" t="s">
        <v>86</v>
      </c>
      <c r="Q24574">
        <v>7</v>
      </c>
      <c r="R24574">
        <v>8</v>
      </c>
      <c r="S24574">
        <v>8</v>
      </c>
      <c r="T24574">
        <v>8</v>
      </c>
      <c r="U24574">
        <v>8</v>
      </c>
      <c r="V24574">
        <v>8</v>
      </c>
      <c r="W24574">
        <v>8</v>
      </c>
      <c r="X24574">
        <v>9</v>
      </c>
      <c r="Y24574">
        <v>9</v>
      </c>
      <c r="Z24574">
        <v>9</v>
      </c>
      <c r="AA24574">
        <v>9</v>
      </c>
      <c r="AB24574">
        <v>9</v>
      </c>
      <c r="AC24574">
        <v>9</v>
      </c>
      <c r="AD24574">
        <v>10</v>
      </c>
      <c r="AE24574">
        <v>10</v>
      </c>
      <c r="AF24574">
        <v>10</v>
      </c>
      <c r="AG24574">
        <v>10</v>
      </c>
      <c r="AH24574">
        <v>10</v>
      </c>
      <c r="AI24574">
        <v>11</v>
      </c>
      <c r="AJ24574">
        <v>11</v>
      </c>
      <c r="AK24574">
        <v>11</v>
      </c>
      <c r="AL24574">
        <v>11</v>
      </c>
      <c r="AM24574">
        <v>11</v>
      </c>
      <c r="AN24574">
        <v>11</v>
      </c>
      <c r="AO24574">
        <v>11</v>
      </c>
      <c r="AP24574">
        <v>11</v>
      </c>
      <c r="AQ24574">
        <v>11</v>
      </c>
    </row>
    <row r="24575" spans="1:43">
      <c r="A24575" t="s">
        <v>15213</v>
      </c>
      <c r="B24575" t="s">
        <v>15214</v>
      </c>
      <c r="C24575" t="s">
        <v>15113</v>
      </c>
      <c r="D24575" t="s">
        <v>15114</v>
      </c>
      <c r="E24575" t="s">
        <v>15101</v>
      </c>
      <c r="F24575" t="s">
        <v>15102</v>
      </c>
      <c r="G24575" t="s">
        <v>10734</v>
      </c>
      <c r="H24575" t="s">
        <v>10735</v>
      </c>
      <c r="I24575" s="2">
        <v>1</v>
      </c>
      <c r="J24575" s="2">
        <v>0</v>
      </c>
      <c r="K24575" s="2">
        <v>0</v>
      </c>
      <c r="L24575" t="s">
        <v>120</v>
      </c>
      <c r="M24575" t="s">
        <v>87</v>
      </c>
      <c r="N24575" t="s">
        <v>88</v>
      </c>
      <c r="O24575" t="s">
        <v>85</v>
      </c>
      <c r="P24575" t="s">
        <v>86</v>
      </c>
      <c r="Q24575">
        <v>7</v>
      </c>
      <c r="R24575">
        <v>7</v>
      </c>
      <c r="S24575">
        <v>8</v>
      </c>
      <c r="T24575">
        <v>8</v>
      </c>
      <c r="U24575">
        <v>8</v>
      </c>
      <c r="V24575">
        <v>8</v>
      </c>
      <c r="W24575">
        <v>8</v>
      </c>
      <c r="X24575">
        <v>8</v>
      </c>
      <c r="Y24575">
        <v>8</v>
      </c>
      <c r="Z24575">
        <v>8</v>
      </c>
      <c r="AA24575">
        <v>8</v>
      </c>
      <c r="AB24575">
        <v>8</v>
      </c>
      <c r="AC24575">
        <v>9</v>
      </c>
      <c r="AD24575">
        <v>9</v>
      </c>
      <c r="AE24575">
        <v>9</v>
      </c>
      <c r="AF24575">
        <v>9</v>
      </c>
      <c r="AG24575">
        <v>9</v>
      </c>
      <c r="AH24575">
        <v>9</v>
      </c>
      <c r="AI24575">
        <v>9</v>
      </c>
      <c r="AJ24575">
        <v>9</v>
      </c>
      <c r="AK24575">
        <v>9</v>
      </c>
      <c r="AL24575">
        <v>9</v>
      </c>
      <c r="AM24575">
        <v>9</v>
      </c>
      <c r="AN24575">
        <v>10</v>
      </c>
      <c r="AO24575">
        <v>10</v>
      </c>
      <c r="AP24575">
        <v>10</v>
      </c>
      <c r="AQ24575">
        <v>10</v>
      </c>
    </row>
    <row r="24576" spans="1:43">
      <c r="A24576" t="s">
        <v>15213</v>
      </c>
      <c r="B24576" t="s">
        <v>15214</v>
      </c>
      <c r="C24576" t="s">
        <v>15113</v>
      </c>
      <c r="D24576" t="s">
        <v>15114</v>
      </c>
      <c r="E24576" t="s">
        <v>15101</v>
      </c>
      <c r="F24576" t="s">
        <v>15102</v>
      </c>
      <c r="G24576" t="s">
        <v>10734</v>
      </c>
      <c r="H24576" t="s">
        <v>10735</v>
      </c>
      <c r="I24576" s="2">
        <v>1</v>
      </c>
      <c r="J24576" s="2">
        <v>0</v>
      </c>
      <c r="K24576" s="2">
        <v>0</v>
      </c>
      <c r="L24576" t="s">
        <v>120</v>
      </c>
      <c r="M24576" t="s">
        <v>89</v>
      </c>
      <c r="N24576" t="s">
        <v>90</v>
      </c>
      <c r="O24576" t="s">
        <v>85</v>
      </c>
      <c r="P24576" t="s">
        <v>86</v>
      </c>
      <c r="Q24576">
        <v>7</v>
      </c>
      <c r="R24576">
        <v>7</v>
      </c>
      <c r="S24576">
        <v>7</v>
      </c>
      <c r="T24576">
        <v>7</v>
      </c>
      <c r="U24576">
        <v>7</v>
      </c>
      <c r="V24576">
        <v>8</v>
      </c>
      <c r="W24576">
        <v>8</v>
      </c>
      <c r="X24576">
        <v>8</v>
      </c>
      <c r="Y24576">
        <v>8</v>
      </c>
      <c r="Z24576">
        <v>9</v>
      </c>
      <c r="AA24576">
        <v>9</v>
      </c>
      <c r="AB24576">
        <v>9</v>
      </c>
      <c r="AC24576">
        <v>9</v>
      </c>
      <c r="AD24576">
        <v>9</v>
      </c>
      <c r="AE24576">
        <v>10</v>
      </c>
      <c r="AF24576">
        <v>10</v>
      </c>
      <c r="AG24576">
        <v>10</v>
      </c>
      <c r="AH24576">
        <v>10</v>
      </c>
      <c r="AI24576">
        <v>10</v>
      </c>
      <c r="AJ24576">
        <v>10</v>
      </c>
      <c r="AK24576">
        <v>10</v>
      </c>
      <c r="AL24576">
        <v>10</v>
      </c>
      <c r="AM24576">
        <v>10</v>
      </c>
      <c r="AN24576">
        <v>10</v>
      </c>
      <c r="AO24576">
        <v>10</v>
      </c>
      <c r="AP24576">
        <v>10</v>
      </c>
      <c r="AQ24576">
        <v>11</v>
      </c>
    </row>
    <row r="24577" spans="1:43">
      <c r="A24577" t="s">
        <v>15213</v>
      </c>
      <c r="B24577" t="s">
        <v>15214</v>
      </c>
      <c r="C24577" t="s">
        <v>15113</v>
      </c>
      <c r="D24577" t="s">
        <v>15114</v>
      </c>
      <c r="E24577" t="s">
        <v>15101</v>
      </c>
      <c r="F24577" t="s">
        <v>15102</v>
      </c>
      <c r="G24577" t="s">
        <v>10734</v>
      </c>
      <c r="H24577" t="s">
        <v>10735</v>
      </c>
      <c r="I24577" s="2">
        <v>1</v>
      </c>
      <c r="J24577" s="2">
        <v>0</v>
      </c>
      <c r="K24577" s="2">
        <v>0</v>
      </c>
      <c r="L24577" t="s">
        <v>120</v>
      </c>
      <c r="M24577" t="s">
        <v>83</v>
      </c>
      <c r="N24577" t="s">
        <v>91</v>
      </c>
      <c r="O24577" t="s">
        <v>85</v>
      </c>
      <c r="P24577" t="s">
        <v>86</v>
      </c>
      <c r="Q24577">
        <v>7</v>
      </c>
      <c r="R24577">
        <v>8</v>
      </c>
      <c r="S24577">
        <v>8</v>
      </c>
      <c r="T24577">
        <v>8</v>
      </c>
      <c r="U24577">
        <v>8</v>
      </c>
      <c r="V24577">
        <v>8</v>
      </c>
      <c r="W24577">
        <v>8</v>
      </c>
      <c r="X24577">
        <v>9</v>
      </c>
      <c r="Y24577">
        <v>9</v>
      </c>
      <c r="Z24577">
        <v>9</v>
      </c>
      <c r="AA24577">
        <v>9</v>
      </c>
      <c r="AB24577">
        <v>9</v>
      </c>
      <c r="AC24577">
        <v>9</v>
      </c>
      <c r="AD24577">
        <v>10</v>
      </c>
      <c r="AE24577">
        <v>10</v>
      </c>
      <c r="AF24577">
        <v>10</v>
      </c>
      <c r="AG24577">
        <v>10</v>
      </c>
      <c r="AH24577">
        <v>10</v>
      </c>
      <c r="AI24577">
        <v>11</v>
      </c>
      <c r="AJ24577">
        <v>11</v>
      </c>
      <c r="AK24577">
        <v>11</v>
      </c>
      <c r="AL24577">
        <v>11</v>
      </c>
      <c r="AM24577">
        <v>11</v>
      </c>
      <c r="AN24577">
        <v>11</v>
      </c>
      <c r="AO24577">
        <v>11</v>
      </c>
      <c r="AP24577">
        <v>11</v>
      </c>
      <c r="AQ24577">
        <v>11</v>
      </c>
    </row>
    <row r="24578" spans="1:43">
      <c r="A24578" t="s">
        <v>15215</v>
      </c>
      <c r="B24578" t="s">
        <v>15216</v>
      </c>
      <c r="C24578" t="s">
        <v>15113</v>
      </c>
      <c r="D24578" t="s">
        <v>15114</v>
      </c>
      <c r="E24578" t="s">
        <v>15101</v>
      </c>
      <c r="F24578" t="s">
        <v>15102</v>
      </c>
      <c r="G24578" t="s">
        <v>10734</v>
      </c>
      <c r="H24578" t="s">
        <v>10735</v>
      </c>
      <c r="I24578" s="2">
        <v>1</v>
      </c>
      <c r="J24578" s="2">
        <v>0</v>
      </c>
      <c r="K24578" s="2">
        <v>0</v>
      </c>
      <c r="L24578" t="s">
        <v>120</v>
      </c>
      <c r="M24578" t="s">
        <v>83</v>
      </c>
      <c r="N24578" t="s">
        <v>84</v>
      </c>
      <c r="O24578" t="s">
        <v>85</v>
      </c>
      <c r="P24578" t="s">
        <v>86</v>
      </c>
      <c r="Q24578">
        <v>42</v>
      </c>
      <c r="R24578">
        <v>43</v>
      </c>
      <c r="S24578">
        <v>44</v>
      </c>
      <c r="T24578">
        <v>45</v>
      </c>
      <c r="U24578">
        <v>46</v>
      </c>
      <c r="V24578">
        <v>47</v>
      </c>
      <c r="W24578">
        <v>48</v>
      </c>
      <c r="X24578">
        <v>49</v>
      </c>
      <c r="Y24578">
        <v>50</v>
      </c>
      <c r="Z24578">
        <v>51</v>
      </c>
      <c r="AA24578">
        <v>52</v>
      </c>
      <c r="AB24578">
        <v>53</v>
      </c>
      <c r="AC24578">
        <v>54</v>
      </c>
      <c r="AD24578">
        <v>55</v>
      </c>
      <c r="AE24578">
        <v>56</v>
      </c>
      <c r="AF24578">
        <v>57</v>
      </c>
      <c r="AG24578">
        <v>58</v>
      </c>
      <c r="AH24578">
        <v>59</v>
      </c>
      <c r="AI24578">
        <v>60</v>
      </c>
      <c r="AJ24578">
        <v>61</v>
      </c>
      <c r="AK24578">
        <v>62</v>
      </c>
      <c r="AL24578">
        <v>62</v>
      </c>
      <c r="AM24578">
        <v>63</v>
      </c>
      <c r="AN24578">
        <v>63</v>
      </c>
      <c r="AO24578">
        <v>64</v>
      </c>
      <c r="AP24578">
        <v>64</v>
      </c>
      <c r="AQ24578">
        <v>65</v>
      </c>
    </row>
    <row r="24579" spans="1:43">
      <c r="A24579" t="s">
        <v>15215</v>
      </c>
      <c r="B24579" t="s">
        <v>15216</v>
      </c>
      <c r="C24579" t="s">
        <v>15113</v>
      </c>
      <c r="D24579" t="s">
        <v>15114</v>
      </c>
      <c r="E24579" t="s">
        <v>15101</v>
      </c>
      <c r="F24579" t="s">
        <v>15102</v>
      </c>
      <c r="G24579" t="s">
        <v>10734</v>
      </c>
      <c r="H24579" t="s">
        <v>10735</v>
      </c>
      <c r="I24579" s="2">
        <v>1</v>
      </c>
      <c r="J24579" s="2">
        <v>0</v>
      </c>
      <c r="K24579" s="2">
        <v>0</v>
      </c>
      <c r="L24579" t="s">
        <v>120</v>
      </c>
      <c r="M24579" t="s">
        <v>87</v>
      </c>
      <c r="N24579" t="s">
        <v>88</v>
      </c>
      <c r="O24579" t="s">
        <v>85</v>
      </c>
      <c r="P24579" t="s">
        <v>86</v>
      </c>
      <c r="Q24579">
        <v>42</v>
      </c>
      <c r="R24579">
        <v>42</v>
      </c>
      <c r="S24579">
        <v>43</v>
      </c>
      <c r="T24579">
        <v>43</v>
      </c>
      <c r="U24579">
        <v>44</v>
      </c>
      <c r="V24579">
        <v>44</v>
      </c>
      <c r="W24579">
        <v>45</v>
      </c>
      <c r="X24579">
        <v>45</v>
      </c>
      <c r="Y24579">
        <v>46</v>
      </c>
      <c r="Z24579">
        <v>46</v>
      </c>
      <c r="AA24579">
        <v>47</v>
      </c>
      <c r="AB24579">
        <v>48</v>
      </c>
      <c r="AC24579">
        <v>48</v>
      </c>
      <c r="AD24579">
        <v>49</v>
      </c>
      <c r="AE24579">
        <v>49</v>
      </c>
      <c r="AF24579">
        <v>50</v>
      </c>
      <c r="AG24579">
        <v>50</v>
      </c>
      <c r="AH24579">
        <v>51</v>
      </c>
      <c r="AI24579">
        <v>51</v>
      </c>
      <c r="AJ24579">
        <v>52</v>
      </c>
      <c r="AK24579">
        <v>53</v>
      </c>
      <c r="AL24579">
        <v>53</v>
      </c>
      <c r="AM24579">
        <v>54</v>
      </c>
      <c r="AN24579">
        <v>54</v>
      </c>
      <c r="AO24579">
        <v>55</v>
      </c>
      <c r="AP24579">
        <v>56</v>
      </c>
      <c r="AQ24579">
        <v>56</v>
      </c>
    </row>
    <row r="24580" spans="1:43">
      <c r="A24580" t="s">
        <v>15215</v>
      </c>
      <c r="B24580" t="s">
        <v>15216</v>
      </c>
      <c r="C24580" t="s">
        <v>15113</v>
      </c>
      <c r="D24580" t="s">
        <v>15114</v>
      </c>
      <c r="E24580" t="s">
        <v>15101</v>
      </c>
      <c r="F24580" t="s">
        <v>15102</v>
      </c>
      <c r="G24580" t="s">
        <v>10734</v>
      </c>
      <c r="H24580" t="s">
        <v>10735</v>
      </c>
      <c r="I24580" s="2">
        <v>1</v>
      </c>
      <c r="J24580" s="2">
        <v>0</v>
      </c>
      <c r="K24580" s="2">
        <v>0</v>
      </c>
      <c r="L24580" t="s">
        <v>120</v>
      </c>
      <c r="M24580" t="s">
        <v>89</v>
      </c>
      <c r="N24580" t="s">
        <v>90</v>
      </c>
      <c r="O24580" t="s">
        <v>85</v>
      </c>
      <c r="P24580" t="s">
        <v>86</v>
      </c>
      <c r="Q24580">
        <v>42</v>
      </c>
      <c r="R24580">
        <v>43</v>
      </c>
      <c r="S24580">
        <v>44</v>
      </c>
      <c r="T24580">
        <v>45</v>
      </c>
      <c r="U24580">
        <v>47</v>
      </c>
      <c r="V24580">
        <v>48</v>
      </c>
      <c r="W24580">
        <v>49</v>
      </c>
      <c r="X24580">
        <v>50</v>
      </c>
      <c r="Y24580">
        <v>52</v>
      </c>
      <c r="Z24580">
        <v>53</v>
      </c>
      <c r="AA24580">
        <v>54</v>
      </c>
      <c r="AB24580">
        <v>55</v>
      </c>
      <c r="AC24580">
        <v>56</v>
      </c>
      <c r="AD24580">
        <v>58</v>
      </c>
      <c r="AE24580">
        <v>59</v>
      </c>
      <c r="AF24580">
        <v>59</v>
      </c>
      <c r="AG24580">
        <v>60</v>
      </c>
      <c r="AH24580">
        <v>60</v>
      </c>
      <c r="AI24580">
        <v>61</v>
      </c>
      <c r="AJ24580">
        <v>61</v>
      </c>
      <c r="AK24580">
        <v>62</v>
      </c>
      <c r="AL24580">
        <v>62</v>
      </c>
      <c r="AM24580">
        <v>63</v>
      </c>
      <c r="AN24580">
        <v>63</v>
      </c>
      <c r="AO24580">
        <v>64</v>
      </c>
      <c r="AP24580">
        <v>64</v>
      </c>
      <c r="AQ24580">
        <v>65</v>
      </c>
    </row>
    <row r="24581" spans="1:43">
      <c r="A24581" t="s">
        <v>15215</v>
      </c>
      <c r="B24581" t="s">
        <v>15216</v>
      </c>
      <c r="C24581" t="s">
        <v>15113</v>
      </c>
      <c r="D24581" t="s">
        <v>15114</v>
      </c>
      <c r="E24581" t="s">
        <v>15101</v>
      </c>
      <c r="F24581" t="s">
        <v>15102</v>
      </c>
      <c r="G24581" t="s">
        <v>10734</v>
      </c>
      <c r="H24581" t="s">
        <v>10735</v>
      </c>
      <c r="I24581" s="2">
        <v>1</v>
      </c>
      <c r="J24581" s="2">
        <v>0</v>
      </c>
      <c r="K24581" s="2">
        <v>0</v>
      </c>
      <c r="L24581" t="s">
        <v>120</v>
      </c>
      <c r="M24581" t="s">
        <v>83</v>
      </c>
      <c r="N24581" t="s">
        <v>91</v>
      </c>
      <c r="O24581" t="s">
        <v>85</v>
      </c>
      <c r="P24581" t="s">
        <v>86</v>
      </c>
      <c r="Q24581">
        <v>42</v>
      </c>
      <c r="R24581">
        <v>43</v>
      </c>
      <c r="S24581">
        <v>44</v>
      </c>
      <c r="T24581">
        <v>45</v>
      </c>
      <c r="U24581">
        <v>46</v>
      </c>
      <c r="V24581">
        <v>47</v>
      </c>
      <c r="W24581">
        <v>48</v>
      </c>
      <c r="X24581">
        <v>49</v>
      </c>
      <c r="Y24581">
        <v>50</v>
      </c>
      <c r="Z24581">
        <v>51</v>
      </c>
      <c r="AA24581">
        <v>52</v>
      </c>
      <c r="AB24581">
        <v>53</v>
      </c>
      <c r="AC24581">
        <v>54</v>
      </c>
      <c r="AD24581">
        <v>55</v>
      </c>
      <c r="AE24581">
        <v>56</v>
      </c>
      <c r="AF24581">
        <v>57</v>
      </c>
      <c r="AG24581">
        <v>58</v>
      </c>
      <c r="AH24581">
        <v>59</v>
      </c>
      <c r="AI24581">
        <v>60</v>
      </c>
      <c r="AJ24581">
        <v>61</v>
      </c>
      <c r="AK24581">
        <v>62</v>
      </c>
      <c r="AL24581">
        <v>62</v>
      </c>
      <c r="AM24581">
        <v>63</v>
      </c>
      <c r="AN24581">
        <v>63</v>
      </c>
      <c r="AO24581">
        <v>64</v>
      </c>
      <c r="AP24581">
        <v>64</v>
      </c>
      <c r="AQ24581">
        <v>65</v>
      </c>
    </row>
    <row r="24582" spans="1:43">
      <c r="A24582" t="s">
        <v>15217</v>
      </c>
      <c r="B24582" t="s">
        <v>15218</v>
      </c>
      <c r="C24582" t="s">
        <v>15113</v>
      </c>
      <c r="D24582" t="s">
        <v>15114</v>
      </c>
      <c r="E24582" t="s">
        <v>15101</v>
      </c>
      <c r="F24582" t="s">
        <v>15102</v>
      </c>
      <c r="G24582" t="s">
        <v>10734</v>
      </c>
      <c r="H24582" t="s">
        <v>10735</v>
      </c>
      <c r="I24582" s="2">
        <v>1</v>
      </c>
      <c r="J24582" s="2">
        <v>0</v>
      </c>
      <c r="K24582" s="2">
        <v>0</v>
      </c>
      <c r="L24582" t="s">
        <v>120</v>
      </c>
      <c r="M24582" t="s">
        <v>83</v>
      </c>
      <c r="N24582" t="s">
        <v>84</v>
      </c>
      <c r="O24582" t="s">
        <v>85</v>
      </c>
      <c r="P24582" t="s">
        <v>86</v>
      </c>
      <c r="Q24582">
        <v>14</v>
      </c>
      <c r="R24582">
        <v>15</v>
      </c>
      <c r="S24582">
        <v>15</v>
      </c>
      <c r="T24582">
        <v>15</v>
      </c>
      <c r="U24582">
        <v>16</v>
      </c>
      <c r="V24582">
        <v>16</v>
      </c>
      <c r="W24582">
        <v>16</v>
      </c>
      <c r="X24582">
        <v>17</v>
      </c>
      <c r="Y24582">
        <v>17</v>
      </c>
      <c r="Z24582">
        <v>17</v>
      </c>
      <c r="AA24582">
        <v>18</v>
      </c>
      <c r="AB24582">
        <v>18</v>
      </c>
      <c r="AC24582">
        <v>18</v>
      </c>
      <c r="AD24582">
        <v>19</v>
      </c>
      <c r="AE24582">
        <v>19</v>
      </c>
      <c r="AF24582">
        <v>19</v>
      </c>
      <c r="AG24582">
        <v>20</v>
      </c>
      <c r="AH24582">
        <v>20</v>
      </c>
      <c r="AI24582">
        <v>20</v>
      </c>
      <c r="AJ24582">
        <v>21</v>
      </c>
      <c r="AK24582">
        <v>21</v>
      </c>
      <c r="AL24582">
        <v>21</v>
      </c>
      <c r="AM24582">
        <v>21</v>
      </c>
      <c r="AN24582">
        <v>22</v>
      </c>
      <c r="AO24582">
        <v>22</v>
      </c>
      <c r="AP24582">
        <v>22</v>
      </c>
      <c r="AQ24582">
        <v>22</v>
      </c>
    </row>
    <row r="24583" spans="1:43">
      <c r="A24583" t="s">
        <v>15217</v>
      </c>
      <c r="B24583" t="s">
        <v>15218</v>
      </c>
      <c r="C24583" t="s">
        <v>15113</v>
      </c>
      <c r="D24583" t="s">
        <v>15114</v>
      </c>
      <c r="E24583" t="s">
        <v>15101</v>
      </c>
      <c r="F24583" t="s">
        <v>15102</v>
      </c>
      <c r="G24583" t="s">
        <v>10734</v>
      </c>
      <c r="H24583" t="s">
        <v>10735</v>
      </c>
      <c r="I24583" s="2">
        <v>1</v>
      </c>
      <c r="J24583" s="2">
        <v>0</v>
      </c>
      <c r="K24583" s="2">
        <v>0</v>
      </c>
      <c r="L24583" t="s">
        <v>120</v>
      </c>
      <c r="M24583" t="s">
        <v>87</v>
      </c>
      <c r="N24583" t="s">
        <v>88</v>
      </c>
      <c r="O24583" t="s">
        <v>85</v>
      </c>
      <c r="P24583" t="s">
        <v>86</v>
      </c>
      <c r="Q24583">
        <v>14</v>
      </c>
      <c r="R24583">
        <v>14</v>
      </c>
      <c r="S24583">
        <v>15</v>
      </c>
      <c r="T24583">
        <v>15</v>
      </c>
      <c r="U24583">
        <v>15</v>
      </c>
      <c r="V24583">
        <v>15</v>
      </c>
      <c r="W24583">
        <v>15</v>
      </c>
      <c r="X24583">
        <v>15</v>
      </c>
      <c r="Y24583">
        <v>16</v>
      </c>
      <c r="Z24583">
        <v>16</v>
      </c>
      <c r="AA24583">
        <v>16</v>
      </c>
      <c r="AB24583">
        <v>16</v>
      </c>
      <c r="AC24583">
        <v>16</v>
      </c>
      <c r="AD24583">
        <v>17</v>
      </c>
      <c r="AE24583">
        <v>17</v>
      </c>
      <c r="AF24583">
        <v>17</v>
      </c>
      <c r="AG24583">
        <v>17</v>
      </c>
      <c r="AH24583">
        <v>17</v>
      </c>
      <c r="AI24583">
        <v>18</v>
      </c>
      <c r="AJ24583">
        <v>18</v>
      </c>
      <c r="AK24583">
        <v>18</v>
      </c>
      <c r="AL24583">
        <v>18</v>
      </c>
      <c r="AM24583">
        <v>18</v>
      </c>
      <c r="AN24583">
        <v>19</v>
      </c>
      <c r="AO24583">
        <v>19</v>
      </c>
      <c r="AP24583">
        <v>19</v>
      </c>
      <c r="AQ24583">
        <v>19</v>
      </c>
    </row>
    <row r="24584" spans="1:43">
      <c r="A24584" t="s">
        <v>15217</v>
      </c>
      <c r="B24584" t="s">
        <v>15218</v>
      </c>
      <c r="C24584" t="s">
        <v>15113</v>
      </c>
      <c r="D24584" t="s">
        <v>15114</v>
      </c>
      <c r="E24584" t="s">
        <v>15101</v>
      </c>
      <c r="F24584" t="s">
        <v>15102</v>
      </c>
      <c r="G24584" t="s">
        <v>10734</v>
      </c>
      <c r="H24584" t="s">
        <v>10735</v>
      </c>
      <c r="I24584" s="2">
        <v>1</v>
      </c>
      <c r="J24584" s="2">
        <v>0</v>
      </c>
      <c r="K24584" s="2">
        <v>0</v>
      </c>
      <c r="L24584" t="s">
        <v>120</v>
      </c>
      <c r="M24584" t="s">
        <v>89</v>
      </c>
      <c r="N24584" t="s">
        <v>90</v>
      </c>
      <c r="O24584" t="s">
        <v>85</v>
      </c>
      <c r="P24584" t="s">
        <v>86</v>
      </c>
      <c r="Q24584">
        <v>14</v>
      </c>
      <c r="R24584">
        <v>14</v>
      </c>
      <c r="S24584">
        <v>14</v>
      </c>
      <c r="T24584">
        <v>15</v>
      </c>
      <c r="U24584">
        <v>15</v>
      </c>
      <c r="V24584">
        <v>16</v>
      </c>
      <c r="W24584">
        <v>16</v>
      </c>
      <c r="X24584">
        <v>17</v>
      </c>
      <c r="Y24584">
        <v>17</v>
      </c>
      <c r="Z24584">
        <v>17</v>
      </c>
      <c r="AA24584">
        <v>18</v>
      </c>
      <c r="AB24584">
        <v>18</v>
      </c>
      <c r="AC24584">
        <v>19</v>
      </c>
      <c r="AD24584">
        <v>19</v>
      </c>
      <c r="AE24584">
        <v>19</v>
      </c>
      <c r="AF24584">
        <v>19</v>
      </c>
      <c r="AG24584">
        <v>20</v>
      </c>
      <c r="AH24584">
        <v>20</v>
      </c>
      <c r="AI24584">
        <v>20</v>
      </c>
      <c r="AJ24584">
        <v>20</v>
      </c>
      <c r="AK24584">
        <v>20</v>
      </c>
      <c r="AL24584">
        <v>21</v>
      </c>
      <c r="AM24584">
        <v>21</v>
      </c>
      <c r="AN24584">
        <v>21</v>
      </c>
      <c r="AO24584">
        <v>21</v>
      </c>
      <c r="AP24584">
        <v>21</v>
      </c>
      <c r="AQ24584">
        <v>21</v>
      </c>
    </row>
    <row r="24585" spans="1:43">
      <c r="A24585" t="s">
        <v>15217</v>
      </c>
      <c r="B24585" t="s">
        <v>15218</v>
      </c>
      <c r="C24585" t="s">
        <v>15113</v>
      </c>
      <c r="D24585" t="s">
        <v>15114</v>
      </c>
      <c r="E24585" t="s">
        <v>15101</v>
      </c>
      <c r="F24585" t="s">
        <v>15102</v>
      </c>
      <c r="G24585" t="s">
        <v>10734</v>
      </c>
      <c r="H24585" t="s">
        <v>10735</v>
      </c>
      <c r="I24585" s="2">
        <v>1</v>
      </c>
      <c r="J24585" s="2">
        <v>0</v>
      </c>
      <c r="K24585" s="2">
        <v>0</v>
      </c>
      <c r="L24585" t="s">
        <v>120</v>
      </c>
      <c r="M24585" t="s">
        <v>83</v>
      </c>
      <c r="N24585" t="s">
        <v>91</v>
      </c>
      <c r="O24585" t="s">
        <v>85</v>
      </c>
      <c r="P24585" t="s">
        <v>86</v>
      </c>
      <c r="Q24585">
        <v>14</v>
      </c>
      <c r="R24585">
        <v>15</v>
      </c>
      <c r="S24585">
        <v>15</v>
      </c>
      <c r="T24585">
        <v>15</v>
      </c>
      <c r="U24585">
        <v>16</v>
      </c>
      <c r="V24585">
        <v>16</v>
      </c>
      <c r="W24585">
        <v>16</v>
      </c>
      <c r="X24585">
        <v>17</v>
      </c>
      <c r="Y24585">
        <v>17</v>
      </c>
      <c r="Z24585">
        <v>17</v>
      </c>
      <c r="AA24585">
        <v>18</v>
      </c>
      <c r="AB24585">
        <v>18</v>
      </c>
      <c r="AC24585">
        <v>18</v>
      </c>
      <c r="AD24585">
        <v>19</v>
      </c>
      <c r="AE24585">
        <v>19</v>
      </c>
      <c r="AF24585">
        <v>19</v>
      </c>
      <c r="AG24585">
        <v>20</v>
      </c>
      <c r="AH24585">
        <v>20</v>
      </c>
      <c r="AI24585">
        <v>20</v>
      </c>
      <c r="AJ24585">
        <v>21</v>
      </c>
      <c r="AK24585">
        <v>21</v>
      </c>
      <c r="AL24585">
        <v>21</v>
      </c>
      <c r="AM24585">
        <v>21</v>
      </c>
      <c r="AN24585">
        <v>22</v>
      </c>
      <c r="AO24585">
        <v>22</v>
      </c>
      <c r="AP24585">
        <v>22</v>
      </c>
      <c r="AQ24585">
        <v>22</v>
      </c>
    </row>
    <row r="24586" spans="1:43">
      <c r="A24586" t="s">
        <v>15219</v>
      </c>
      <c r="B24586" t="s">
        <v>15220</v>
      </c>
      <c r="C24586" t="s">
        <v>15113</v>
      </c>
      <c r="D24586" t="s">
        <v>15114</v>
      </c>
      <c r="E24586" t="s">
        <v>15101</v>
      </c>
      <c r="F24586" t="s">
        <v>15102</v>
      </c>
      <c r="G24586" t="s">
        <v>10734</v>
      </c>
      <c r="H24586" t="s">
        <v>10735</v>
      </c>
      <c r="I24586" s="2">
        <v>1</v>
      </c>
      <c r="J24586" s="2">
        <v>0</v>
      </c>
      <c r="K24586" s="2">
        <v>0</v>
      </c>
      <c r="L24586" t="s">
        <v>120</v>
      </c>
      <c r="M24586" t="s">
        <v>83</v>
      </c>
      <c r="N24586" t="s">
        <v>84</v>
      </c>
      <c r="O24586" t="s">
        <v>85</v>
      </c>
      <c r="P24586" t="s">
        <v>86</v>
      </c>
      <c r="Q24586">
        <v>11</v>
      </c>
      <c r="R24586">
        <v>11</v>
      </c>
      <c r="S24586">
        <v>11</v>
      </c>
      <c r="T24586">
        <v>11</v>
      </c>
      <c r="U24586">
        <v>12</v>
      </c>
      <c r="V24586">
        <v>12</v>
      </c>
      <c r="W24586">
        <v>12</v>
      </c>
      <c r="X24586">
        <v>12</v>
      </c>
      <c r="Y24586">
        <v>13</v>
      </c>
      <c r="Z24586">
        <v>13</v>
      </c>
      <c r="AA24586">
        <v>13</v>
      </c>
      <c r="AB24586">
        <v>13</v>
      </c>
      <c r="AC24586">
        <v>13</v>
      </c>
      <c r="AD24586">
        <v>14</v>
      </c>
      <c r="AE24586">
        <v>14</v>
      </c>
      <c r="AF24586">
        <v>14</v>
      </c>
      <c r="AG24586">
        <v>14</v>
      </c>
      <c r="AH24586">
        <v>15</v>
      </c>
      <c r="AI24586">
        <v>15</v>
      </c>
      <c r="AJ24586">
        <v>15</v>
      </c>
      <c r="AK24586">
        <v>16</v>
      </c>
      <c r="AL24586">
        <v>16</v>
      </c>
      <c r="AM24586">
        <v>16</v>
      </c>
      <c r="AN24586">
        <v>16</v>
      </c>
      <c r="AO24586">
        <v>16</v>
      </c>
      <c r="AP24586">
        <v>16</v>
      </c>
      <c r="AQ24586">
        <v>16</v>
      </c>
    </row>
    <row r="24587" spans="1:43">
      <c r="A24587" t="s">
        <v>15219</v>
      </c>
      <c r="B24587" t="s">
        <v>15220</v>
      </c>
      <c r="C24587" t="s">
        <v>15113</v>
      </c>
      <c r="D24587" t="s">
        <v>15114</v>
      </c>
      <c r="E24587" t="s">
        <v>15101</v>
      </c>
      <c r="F24587" t="s">
        <v>15102</v>
      </c>
      <c r="G24587" t="s">
        <v>10734</v>
      </c>
      <c r="H24587" t="s">
        <v>10735</v>
      </c>
      <c r="I24587" s="2">
        <v>1</v>
      </c>
      <c r="J24587" s="2">
        <v>0</v>
      </c>
      <c r="K24587" s="2">
        <v>0</v>
      </c>
      <c r="L24587" t="s">
        <v>120</v>
      </c>
      <c r="M24587" t="s">
        <v>87</v>
      </c>
      <c r="N24587" t="s">
        <v>88</v>
      </c>
      <c r="O24587" t="s">
        <v>85</v>
      </c>
      <c r="P24587" t="s">
        <v>86</v>
      </c>
      <c r="Q24587">
        <v>11</v>
      </c>
      <c r="R24587">
        <v>11</v>
      </c>
      <c r="S24587">
        <v>11</v>
      </c>
      <c r="T24587">
        <v>11</v>
      </c>
      <c r="U24587">
        <v>11</v>
      </c>
      <c r="V24587">
        <v>11</v>
      </c>
      <c r="W24587">
        <v>11</v>
      </c>
      <c r="X24587">
        <v>11</v>
      </c>
      <c r="Y24587">
        <v>12</v>
      </c>
      <c r="Z24587">
        <v>12</v>
      </c>
      <c r="AA24587">
        <v>12</v>
      </c>
      <c r="AB24587">
        <v>12</v>
      </c>
      <c r="AC24587">
        <v>12</v>
      </c>
      <c r="AD24587">
        <v>12</v>
      </c>
      <c r="AE24587">
        <v>12</v>
      </c>
      <c r="AF24587">
        <v>13</v>
      </c>
      <c r="AG24587">
        <v>13</v>
      </c>
      <c r="AH24587">
        <v>13</v>
      </c>
      <c r="AI24587">
        <v>13</v>
      </c>
      <c r="AJ24587">
        <v>13</v>
      </c>
      <c r="AK24587">
        <v>13</v>
      </c>
      <c r="AL24587">
        <v>13</v>
      </c>
      <c r="AM24587">
        <v>14</v>
      </c>
      <c r="AN24587">
        <v>14</v>
      </c>
      <c r="AO24587">
        <v>14</v>
      </c>
      <c r="AP24587">
        <v>14</v>
      </c>
      <c r="AQ24587">
        <v>14</v>
      </c>
    </row>
    <row r="24588" spans="1:43">
      <c r="A24588" t="s">
        <v>15219</v>
      </c>
      <c r="B24588" t="s">
        <v>15220</v>
      </c>
      <c r="C24588" t="s">
        <v>15113</v>
      </c>
      <c r="D24588" t="s">
        <v>15114</v>
      </c>
      <c r="E24588" t="s">
        <v>15101</v>
      </c>
      <c r="F24588" t="s">
        <v>15102</v>
      </c>
      <c r="G24588" t="s">
        <v>10734</v>
      </c>
      <c r="H24588" t="s">
        <v>10735</v>
      </c>
      <c r="I24588" s="2">
        <v>1</v>
      </c>
      <c r="J24588" s="2">
        <v>0</v>
      </c>
      <c r="K24588" s="2">
        <v>0</v>
      </c>
      <c r="L24588" t="s">
        <v>120</v>
      </c>
      <c r="M24588" t="s">
        <v>89</v>
      </c>
      <c r="N24588" t="s">
        <v>90</v>
      </c>
      <c r="O24588" t="s">
        <v>85</v>
      </c>
      <c r="P24588" t="s">
        <v>86</v>
      </c>
      <c r="Q24588">
        <v>11</v>
      </c>
      <c r="R24588">
        <v>11</v>
      </c>
      <c r="S24588">
        <v>11</v>
      </c>
      <c r="T24588">
        <v>12</v>
      </c>
      <c r="U24588">
        <v>12</v>
      </c>
      <c r="V24588">
        <v>12</v>
      </c>
      <c r="W24588">
        <v>13</v>
      </c>
      <c r="X24588">
        <v>13</v>
      </c>
      <c r="Y24588">
        <v>13</v>
      </c>
      <c r="Z24588">
        <v>14</v>
      </c>
      <c r="AA24588">
        <v>14</v>
      </c>
      <c r="AB24588">
        <v>14</v>
      </c>
      <c r="AC24588">
        <v>14</v>
      </c>
      <c r="AD24588">
        <v>15</v>
      </c>
      <c r="AE24588">
        <v>15</v>
      </c>
      <c r="AF24588">
        <v>15</v>
      </c>
      <c r="AG24588">
        <v>15</v>
      </c>
      <c r="AH24588">
        <v>15</v>
      </c>
      <c r="AI24588">
        <v>15</v>
      </c>
      <c r="AJ24588">
        <v>16</v>
      </c>
      <c r="AK24588">
        <v>16</v>
      </c>
      <c r="AL24588">
        <v>16</v>
      </c>
      <c r="AM24588">
        <v>16</v>
      </c>
      <c r="AN24588">
        <v>16</v>
      </c>
      <c r="AO24588">
        <v>16</v>
      </c>
      <c r="AP24588">
        <v>16</v>
      </c>
      <c r="AQ24588">
        <v>16</v>
      </c>
    </row>
    <row r="24589" spans="1:43">
      <c r="A24589" t="s">
        <v>15219</v>
      </c>
      <c r="B24589" t="s">
        <v>15220</v>
      </c>
      <c r="C24589" t="s">
        <v>15113</v>
      </c>
      <c r="D24589" t="s">
        <v>15114</v>
      </c>
      <c r="E24589" t="s">
        <v>15101</v>
      </c>
      <c r="F24589" t="s">
        <v>15102</v>
      </c>
      <c r="G24589" t="s">
        <v>10734</v>
      </c>
      <c r="H24589" t="s">
        <v>10735</v>
      </c>
      <c r="I24589" s="2">
        <v>1</v>
      </c>
      <c r="J24589" s="2">
        <v>0</v>
      </c>
      <c r="K24589" s="2">
        <v>0</v>
      </c>
      <c r="L24589" t="s">
        <v>120</v>
      </c>
      <c r="M24589" t="s">
        <v>83</v>
      </c>
      <c r="N24589" t="s">
        <v>91</v>
      </c>
      <c r="O24589" t="s">
        <v>85</v>
      </c>
      <c r="P24589" t="s">
        <v>86</v>
      </c>
      <c r="Q24589">
        <v>11</v>
      </c>
      <c r="R24589">
        <v>11</v>
      </c>
      <c r="S24589">
        <v>11</v>
      </c>
      <c r="T24589">
        <v>11</v>
      </c>
      <c r="U24589">
        <v>12</v>
      </c>
      <c r="V24589">
        <v>12</v>
      </c>
      <c r="W24589">
        <v>12</v>
      </c>
      <c r="X24589">
        <v>12</v>
      </c>
      <c r="Y24589">
        <v>13</v>
      </c>
      <c r="Z24589">
        <v>13</v>
      </c>
      <c r="AA24589">
        <v>13</v>
      </c>
      <c r="AB24589">
        <v>13</v>
      </c>
      <c r="AC24589">
        <v>13</v>
      </c>
      <c r="AD24589">
        <v>14</v>
      </c>
      <c r="AE24589">
        <v>14</v>
      </c>
      <c r="AF24589">
        <v>14</v>
      </c>
      <c r="AG24589">
        <v>14</v>
      </c>
      <c r="AH24589">
        <v>15</v>
      </c>
      <c r="AI24589">
        <v>15</v>
      </c>
      <c r="AJ24589">
        <v>15</v>
      </c>
      <c r="AK24589">
        <v>16</v>
      </c>
      <c r="AL24589">
        <v>16</v>
      </c>
      <c r="AM24589">
        <v>16</v>
      </c>
      <c r="AN24589">
        <v>16</v>
      </c>
      <c r="AO24589">
        <v>16</v>
      </c>
      <c r="AP24589">
        <v>16</v>
      </c>
      <c r="AQ24589">
        <v>16</v>
      </c>
    </row>
    <row r="24590" spans="1:43">
      <c r="A24590" t="s">
        <v>15221</v>
      </c>
      <c r="B24590" t="s">
        <v>15222</v>
      </c>
      <c r="C24590" t="s">
        <v>15195</v>
      </c>
      <c r="D24590" t="s">
        <v>15196</v>
      </c>
      <c r="E24590" t="s">
        <v>15101</v>
      </c>
      <c r="F24590" t="s">
        <v>15102</v>
      </c>
      <c r="G24590" t="s">
        <v>10734</v>
      </c>
      <c r="H24590" t="s">
        <v>10735</v>
      </c>
      <c r="I24590" s="2">
        <v>1</v>
      </c>
      <c r="J24590" s="2">
        <v>0</v>
      </c>
      <c r="K24590" s="2">
        <v>0</v>
      </c>
      <c r="L24590" t="s">
        <v>120</v>
      </c>
      <c r="M24590" t="s">
        <v>83</v>
      </c>
      <c r="N24590" t="s">
        <v>84</v>
      </c>
      <c r="O24590" t="s">
        <v>85</v>
      </c>
      <c r="P24590" t="s">
        <v>86</v>
      </c>
      <c r="Q24590">
        <v>38</v>
      </c>
      <c r="R24590">
        <v>39</v>
      </c>
      <c r="S24590">
        <v>39</v>
      </c>
      <c r="T24590">
        <v>40</v>
      </c>
      <c r="U24590">
        <v>41</v>
      </c>
      <c r="V24590">
        <v>42</v>
      </c>
      <c r="W24590">
        <v>43</v>
      </c>
      <c r="X24590">
        <v>44</v>
      </c>
      <c r="Y24590">
        <v>45</v>
      </c>
      <c r="Z24590">
        <v>45</v>
      </c>
      <c r="AA24590">
        <v>46</v>
      </c>
      <c r="AB24590">
        <v>47</v>
      </c>
      <c r="AC24590">
        <v>48</v>
      </c>
      <c r="AD24590">
        <v>49</v>
      </c>
      <c r="AE24590">
        <v>50</v>
      </c>
      <c r="AF24590">
        <v>51</v>
      </c>
      <c r="AG24590">
        <v>51</v>
      </c>
      <c r="AH24590">
        <v>52</v>
      </c>
      <c r="AI24590">
        <v>53</v>
      </c>
      <c r="AJ24590">
        <v>54</v>
      </c>
      <c r="AK24590">
        <v>55</v>
      </c>
      <c r="AL24590">
        <v>56</v>
      </c>
      <c r="AM24590">
        <v>56</v>
      </c>
      <c r="AN24590">
        <v>57</v>
      </c>
      <c r="AO24590">
        <v>57</v>
      </c>
      <c r="AP24590">
        <v>57</v>
      </c>
      <c r="AQ24590">
        <v>58</v>
      </c>
    </row>
    <row r="24591" spans="1:43">
      <c r="A24591" t="s">
        <v>15221</v>
      </c>
      <c r="B24591" t="s">
        <v>15222</v>
      </c>
      <c r="C24591" t="s">
        <v>15195</v>
      </c>
      <c r="D24591" t="s">
        <v>15196</v>
      </c>
      <c r="E24591" t="s">
        <v>15101</v>
      </c>
      <c r="F24591" t="s">
        <v>15102</v>
      </c>
      <c r="G24591" t="s">
        <v>10734</v>
      </c>
      <c r="H24591" t="s">
        <v>10735</v>
      </c>
      <c r="I24591" s="2">
        <v>1</v>
      </c>
      <c r="J24591" s="2">
        <v>0</v>
      </c>
      <c r="K24591" s="2">
        <v>0</v>
      </c>
      <c r="L24591" t="s">
        <v>120</v>
      </c>
      <c r="M24591" t="s">
        <v>87</v>
      </c>
      <c r="N24591" t="s">
        <v>88</v>
      </c>
      <c r="O24591" t="s">
        <v>85</v>
      </c>
      <c r="P24591" t="s">
        <v>86</v>
      </c>
      <c r="Q24591">
        <v>38</v>
      </c>
      <c r="R24591">
        <v>39</v>
      </c>
      <c r="S24591">
        <v>39</v>
      </c>
      <c r="T24591">
        <v>40</v>
      </c>
      <c r="U24591">
        <v>40</v>
      </c>
      <c r="V24591">
        <v>41</v>
      </c>
      <c r="W24591">
        <v>41</v>
      </c>
      <c r="X24591">
        <v>42</v>
      </c>
      <c r="Y24591">
        <v>42</v>
      </c>
      <c r="Z24591">
        <v>43</v>
      </c>
      <c r="AA24591">
        <v>43</v>
      </c>
      <c r="AB24591">
        <v>44</v>
      </c>
      <c r="AC24591">
        <v>44</v>
      </c>
      <c r="AD24591">
        <v>45</v>
      </c>
      <c r="AE24591">
        <v>45</v>
      </c>
      <c r="AF24591">
        <v>46</v>
      </c>
      <c r="AG24591">
        <v>46</v>
      </c>
      <c r="AH24591">
        <v>47</v>
      </c>
      <c r="AI24591">
        <v>47</v>
      </c>
      <c r="AJ24591">
        <v>48</v>
      </c>
      <c r="AK24591">
        <v>48</v>
      </c>
      <c r="AL24591">
        <v>49</v>
      </c>
      <c r="AM24591">
        <v>49</v>
      </c>
      <c r="AN24591">
        <v>50</v>
      </c>
      <c r="AO24591">
        <v>50</v>
      </c>
      <c r="AP24591">
        <v>51</v>
      </c>
      <c r="AQ24591">
        <v>51</v>
      </c>
    </row>
    <row r="24592" spans="1:43">
      <c r="A24592" t="s">
        <v>15221</v>
      </c>
      <c r="B24592" t="s">
        <v>15222</v>
      </c>
      <c r="C24592" t="s">
        <v>15195</v>
      </c>
      <c r="D24592" t="s">
        <v>15196</v>
      </c>
      <c r="E24592" t="s">
        <v>15101</v>
      </c>
      <c r="F24592" t="s">
        <v>15102</v>
      </c>
      <c r="G24592" t="s">
        <v>10734</v>
      </c>
      <c r="H24592" t="s">
        <v>10735</v>
      </c>
      <c r="I24592" s="2">
        <v>1</v>
      </c>
      <c r="J24592" s="2">
        <v>0</v>
      </c>
      <c r="K24592" s="2">
        <v>0</v>
      </c>
      <c r="L24592" t="s">
        <v>120</v>
      </c>
      <c r="M24592" t="s">
        <v>89</v>
      </c>
      <c r="N24592" t="s">
        <v>90</v>
      </c>
      <c r="O24592" t="s">
        <v>85</v>
      </c>
      <c r="P24592" t="s">
        <v>86</v>
      </c>
      <c r="Q24592">
        <v>38</v>
      </c>
      <c r="R24592">
        <v>39</v>
      </c>
      <c r="S24592">
        <v>40</v>
      </c>
      <c r="T24592">
        <v>42</v>
      </c>
      <c r="U24592">
        <v>43</v>
      </c>
      <c r="V24592">
        <v>44</v>
      </c>
      <c r="W24592">
        <v>45</v>
      </c>
      <c r="X24592">
        <v>46</v>
      </c>
      <c r="Y24592">
        <v>47</v>
      </c>
      <c r="Z24592">
        <v>48</v>
      </c>
      <c r="AA24592">
        <v>49</v>
      </c>
      <c r="AB24592">
        <v>50</v>
      </c>
      <c r="AC24592">
        <v>51</v>
      </c>
      <c r="AD24592">
        <v>52</v>
      </c>
      <c r="AE24592">
        <v>53</v>
      </c>
      <c r="AF24592">
        <v>54</v>
      </c>
      <c r="AG24592">
        <v>54</v>
      </c>
      <c r="AH24592">
        <v>55</v>
      </c>
      <c r="AI24592">
        <v>55</v>
      </c>
      <c r="AJ24592">
        <v>55</v>
      </c>
      <c r="AK24592">
        <v>56</v>
      </c>
      <c r="AL24592">
        <v>56</v>
      </c>
      <c r="AM24592">
        <v>57</v>
      </c>
      <c r="AN24592">
        <v>57</v>
      </c>
      <c r="AO24592">
        <v>58</v>
      </c>
      <c r="AP24592">
        <v>58</v>
      </c>
      <c r="AQ24592">
        <v>58</v>
      </c>
    </row>
    <row r="24593" spans="1:43">
      <c r="A24593" t="s">
        <v>15221</v>
      </c>
      <c r="B24593" t="s">
        <v>15222</v>
      </c>
      <c r="C24593" t="s">
        <v>15195</v>
      </c>
      <c r="D24593" t="s">
        <v>15196</v>
      </c>
      <c r="E24593" t="s">
        <v>15101</v>
      </c>
      <c r="F24593" t="s">
        <v>15102</v>
      </c>
      <c r="G24593" t="s">
        <v>10734</v>
      </c>
      <c r="H24593" t="s">
        <v>10735</v>
      </c>
      <c r="I24593" s="2">
        <v>1</v>
      </c>
      <c r="J24593" s="2">
        <v>0</v>
      </c>
      <c r="K24593" s="2">
        <v>0</v>
      </c>
      <c r="L24593" t="s">
        <v>120</v>
      </c>
      <c r="M24593" t="s">
        <v>83</v>
      </c>
      <c r="N24593" t="s">
        <v>91</v>
      </c>
      <c r="O24593" t="s">
        <v>85</v>
      </c>
      <c r="P24593" t="s">
        <v>86</v>
      </c>
      <c r="Q24593">
        <v>38</v>
      </c>
      <c r="R24593">
        <v>39</v>
      </c>
      <c r="S24593">
        <v>39</v>
      </c>
      <c r="T24593">
        <v>40</v>
      </c>
      <c r="U24593">
        <v>41</v>
      </c>
      <c r="V24593">
        <v>42</v>
      </c>
      <c r="W24593">
        <v>43</v>
      </c>
      <c r="X24593">
        <v>44</v>
      </c>
      <c r="Y24593">
        <v>45</v>
      </c>
      <c r="Z24593">
        <v>45</v>
      </c>
      <c r="AA24593">
        <v>46</v>
      </c>
      <c r="AB24593">
        <v>47</v>
      </c>
      <c r="AC24593">
        <v>48</v>
      </c>
      <c r="AD24593">
        <v>49</v>
      </c>
      <c r="AE24593">
        <v>50</v>
      </c>
      <c r="AF24593">
        <v>51</v>
      </c>
      <c r="AG24593">
        <v>51</v>
      </c>
      <c r="AH24593">
        <v>52</v>
      </c>
      <c r="AI24593">
        <v>53</v>
      </c>
      <c r="AJ24593">
        <v>54</v>
      </c>
      <c r="AK24593">
        <v>55</v>
      </c>
      <c r="AL24593">
        <v>56</v>
      </c>
      <c r="AM24593">
        <v>56</v>
      </c>
      <c r="AN24593">
        <v>57</v>
      </c>
      <c r="AO24593">
        <v>57</v>
      </c>
      <c r="AP24593">
        <v>57</v>
      </c>
      <c r="AQ24593">
        <v>58</v>
      </c>
    </row>
    <row r="24594" spans="1:43">
      <c r="A24594" t="s">
        <v>15223</v>
      </c>
      <c r="B24594" t="s">
        <v>15224</v>
      </c>
      <c r="C24594" t="s">
        <v>15109</v>
      </c>
      <c r="D24594" t="s">
        <v>15110</v>
      </c>
      <c r="E24594" t="s">
        <v>15101</v>
      </c>
      <c r="F24594" t="s">
        <v>15102</v>
      </c>
      <c r="G24594" t="s">
        <v>10734</v>
      </c>
      <c r="H24594" t="s">
        <v>10735</v>
      </c>
      <c r="I24594" s="2">
        <v>1</v>
      </c>
      <c r="J24594" s="2">
        <v>0</v>
      </c>
      <c r="K24594" s="2">
        <v>0</v>
      </c>
      <c r="L24594" t="s">
        <v>120</v>
      </c>
      <c r="M24594" t="s">
        <v>83</v>
      </c>
      <c r="N24594" t="s">
        <v>84</v>
      </c>
      <c r="O24594" t="s">
        <v>85</v>
      </c>
      <c r="P24594" t="s">
        <v>86</v>
      </c>
      <c r="Q24594">
        <v>12</v>
      </c>
      <c r="R24594">
        <v>13</v>
      </c>
      <c r="S24594">
        <v>13</v>
      </c>
      <c r="T24594">
        <v>13</v>
      </c>
      <c r="U24594">
        <v>14</v>
      </c>
      <c r="V24594">
        <v>14</v>
      </c>
      <c r="W24594">
        <v>14</v>
      </c>
      <c r="X24594">
        <v>14</v>
      </c>
      <c r="Y24594">
        <v>15</v>
      </c>
      <c r="Z24594">
        <v>15</v>
      </c>
      <c r="AA24594">
        <v>15</v>
      </c>
      <c r="AB24594">
        <v>16</v>
      </c>
      <c r="AC24594">
        <v>16</v>
      </c>
      <c r="AD24594">
        <v>16</v>
      </c>
      <c r="AE24594">
        <v>16</v>
      </c>
      <c r="AF24594">
        <v>17</v>
      </c>
      <c r="AG24594">
        <v>17</v>
      </c>
      <c r="AH24594">
        <v>17</v>
      </c>
      <c r="AI24594">
        <v>18</v>
      </c>
      <c r="AJ24594">
        <v>18</v>
      </c>
      <c r="AK24594">
        <v>18</v>
      </c>
      <c r="AL24594">
        <v>18</v>
      </c>
      <c r="AM24594">
        <v>19</v>
      </c>
      <c r="AN24594">
        <v>19</v>
      </c>
      <c r="AO24594">
        <v>19</v>
      </c>
      <c r="AP24594">
        <v>19</v>
      </c>
      <c r="AQ24594">
        <v>19</v>
      </c>
    </row>
    <row r="24595" spans="1:43">
      <c r="A24595" t="s">
        <v>15223</v>
      </c>
      <c r="B24595" t="s">
        <v>15224</v>
      </c>
      <c r="C24595" t="s">
        <v>15109</v>
      </c>
      <c r="D24595" t="s">
        <v>15110</v>
      </c>
      <c r="E24595" t="s">
        <v>15101</v>
      </c>
      <c r="F24595" t="s">
        <v>15102</v>
      </c>
      <c r="G24595" t="s">
        <v>10734</v>
      </c>
      <c r="H24595" t="s">
        <v>10735</v>
      </c>
      <c r="I24595" s="2">
        <v>1</v>
      </c>
      <c r="J24595" s="2">
        <v>0</v>
      </c>
      <c r="K24595" s="2">
        <v>0</v>
      </c>
      <c r="L24595" t="s">
        <v>120</v>
      </c>
      <c r="M24595" t="s">
        <v>87</v>
      </c>
      <c r="N24595" t="s">
        <v>88</v>
      </c>
      <c r="O24595" t="s">
        <v>85</v>
      </c>
      <c r="P24595" t="s">
        <v>86</v>
      </c>
      <c r="Q24595">
        <v>12</v>
      </c>
      <c r="R24595">
        <v>12</v>
      </c>
      <c r="S24595">
        <v>13</v>
      </c>
      <c r="T24595">
        <v>13</v>
      </c>
      <c r="U24595">
        <v>13</v>
      </c>
      <c r="V24595">
        <v>13</v>
      </c>
      <c r="W24595">
        <v>13</v>
      </c>
      <c r="X24595">
        <v>13</v>
      </c>
      <c r="Y24595">
        <v>14</v>
      </c>
      <c r="Z24595">
        <v>14</v>
      </c>
      <c r="AA24595">
        <v>14</v>
      </c>
      <c r="AB24595">
        <v>14</v>
      </c>
      <c r="AC24595">
        <v>14</v>
      </c>
      <c r="AD24595">
        <v>14</v>
      </c>
      <c r="AE24595">
        <v>15</v>
      </c>
      <c r="AF24595">
        <v>15</v>
      </c>
      <c r="AG24595">
        <v>15</v>
      </c>
      <c r="AH24595">
        <v>15</v>
      </c>
      <c r="AI24595">
        <v>15</v>
      </c>
      <c r="AJ24595">
        <v>15</v>
      </c>
      <c r="AK24595">
        <v>16</v>
      </c>
      <c r="AL24595">
        <v>16</v>
      </c>
      <c r="AM24595">
        <v>16</v>
      </c>
      <c r="AN24595">
        <v>16</v>
      </c>
      <c r="AO24595">
        <v>16</v>
      </c>
      <c r="AP24595">
        <v>16</v>
      </c>
      <c r="AQ24595">
        <v>17</v>
      </c>
    </row>
    <row r="24596" spans="1:43">
      <c r="A24596" t="s">
        <v>15223</v>
      </c>
      <c r="B24596" t="s">
        <v>15224</v>
      </c>
      <c r="C24596" t="s">
        <v>15109</v>
      </c>
      <c r="D24596" t="s">
        <v>15110</v>
      </c>
      <c r="E24596" t="s">
        <v>15101</v>
      </c>
      <c r="F24596" t="s">
        <v>15102</v>
      </c>
      <c r="G24596" t="s">
        <v>10734</v>
      </c>
      <c r="H24596" t="s">
        <v>10735</v>
      </c>
      <c r="I24596" s="2">
        <v>1</v>
      </c>
      <c r="J24596" s="2">
        <v>0</v>
      </c>
      <c r="K24596" s="2">
        <v>0</v>
      </c>
      <c r="L24596" t="s">
        <v>120</v>
      </c>
      <c r="M24596" t="s">
        <v>89</v>
      </c>
      <c r="N24596" t="s">
        <v>90</v>
      </c>
      <c r="O24596" t="s">
        <v>85</v>
      </c>
      <c r="P24596" t="s">
        <v>86</v>
      </c>
      <c r="Q24596">
        <v>12</v>
      </c>
      <c r="R24596">
        <v>12</v>
      </c>
      <c r="S24596">
        <v>12</v>
      </c>
      <c r="T24596">
        <v>13</v>
      </c>
      <c r="U24596">
        <v>13</v>
      </c>
      <c r="V24596">
        <v>13</v>
      </c>
      <c r="W24596">
        <v>14</v>
      </c>
      <c r="X24596">
        <v>14</v>
      </c>
      <c r="Y24596">
        <v>15</v>
      </c>
      <c r="Z24596">
        <v>15</v>
      </c>
      <c r="AA24596">
        <v>15</v>
      </c>
      <c r="AB24596">
        <v>16</v>
      </c>
      <c r="AC24596">
        <v>16</v>
      </c>
      <c r="AD24596">
        <v>16</v>
      </c>
      <c r="AE24596">
        <v>17</v>
      </c>
      <c r="AF24596">
        <v>17</v>
      </c>
      <c r="AG24596">
        <v>17</v>
      </c>
      <c r="AH24596">
        <v>17</v>
      </c>
      <c r="AI24596">
        <v>17</v>
      </c>
      <c r="AJ24596">
        <v>17</v>
      </c>
      <c r="AK24596">
        <v>17</v>
      </c>
      <c r="AL24596">
        <v>18</v>
      </c>
      <c r="AM24596">
        <v>18</v>
      </c>
      <c r="AN24596">
        <v>18</v>
      </c>
      <c r="AO24596">
        <v>18</v>
      </c>
      <c r="AP24596">
        <v>18</v>
      </c>
      <c r="AQ24596">
        <v>18</v>
      </c>
    </row>
    <row r="24597" spans="1:43">
      <c r="A24597" t="s">
        <v>15223</v>
      </c>
      <c r="B24597" t="s">
        <v>15224</v>
      </c>
      <c r="C24597" t="s">
        <v>15109</v>
      </c>
      <c r="D24597" t="s">
        <v>15110</v>
      </c>
      <c r="E24597" t="s">
        <v>15101</v>
      </c>
      <c r="F24597" t="s">
        <v>15102</v>
      </c>
      <c r="G24597" t="s">
        <v>10734</v>
      </c>
      <c r="H24597" t="s">
        <v>10735</v>
      </c>
      <c r="I24597" s="2">
        <v>1</v>
      </c>
      <c r="J24597" s="2">
        <v>0</v>
      </c>
      <c r="K24597" s="2">
        <v>0</v>
      </c>
      <c r="L24597" t="s">
        <v>120</v>
      </c>
      <c r="M24597" t="s">
        <v>83</v>
      </c>
      <c r="N24597" t="s">
        <v>91</v>
      </c>
      <c r="O24597" t="s">
        <v>85</v>
      </c>
      <c r="P24597" t="s">
        <v>86</v>
      </c>
      <c r="Q24597">
        <v>12</v>
      </c>
      <c r="R24597">
        <v>13</v>
      </c>
      <c r="S24597">
        <v>13</v>
      </c>
      <c r="T24597">
        <v>13</v>
      </c>
      <c r="U24597">
        <v>14</v>
      </c>
      <c r="V24597">
        <v>14</v>
      </c>
      <c r="W24597">
        <v>14</v>
      </c>
      <c r="X24597">
        <v>14</v>
      </c>
      <c r="Y24597">
        <v>15</v>
      </c>
      <c r="Z24597">
        <v>15</v>
      </c>
      <c r="AA24597">
        <v>15</v>
      </c>
      <c r="AB24597">
        <v>16</v>
      </c>
      <c r="AC24597">
        <v>16</v>
      </c>
      <c r="AD24597">
        <v>16</v>
      </c>
      <c r="AE24597">
        <v>16</v>
      </c>
      <c r="AF24597">
        <v>17</v>
      </c>
      <c r="AG24597">
        <v>17</v>
      </c>
      <c r="AH24597">
        <v>17</v>
      </c>
      <c r="AI24597">
        <v>18</v>
      </c>
      <c r="AJ24597">
        <v>18</v>
      </c>
      <c r="AK24597">
        <v>18</v>
      </c>
      <c r="AL24597">
        <v>18</v>
      </c>
      <c r="AM24597">
        <v>19</v>
      </c>
      <c r="AN24597">
        <v>19</v>
      </c>
      <c r="AO24597">
        <v>19</v>
      </c>
      <c r="AP24597">
        <v>19</v>
      </c>
      <c r="AQ24597">
        <v>19</v>
      </c>
    </row>
    <row r="24598" spans="1:43">
      <c r="A24598" t="s">
        <v>15225</v>
      </c>
      <c r="B24598" t="s">
        <v>15226</v>
      </c>
      <c r="C24598" t="s">
        <v>15195</v>
      </c>
      <c r="D24598" t="s">
        <v>15196</v>
      </c>
      <c r="E24598" t="s">
        <v>15101</v>
      </c>
      <c r="F24598" t="s">
        <v>15102</v>
      </c>
      <c r="G24598" t="s">
        <v>10734</v>
      </c>
      <c r="H24598" t="s">
        <v>10735</v>
      </c>
      <c r="I24598" s="2">
        <v>1</v>
      </c>
      <c r="J24598" s="2">
        <v>0</v>
      </c>
      <c r="K24598" s="2">
        <v>0</v>
      </c>
      <c r="L24598" t="s">
        <v>120</v>
      </c>
      <c r="M24598" t="s">
        <v>83</v>
      </c>
      <c r="N24598" t="s">
        <v>84</v>
      </c>
      <c r="O24598" t="s">
        <v>85</v>
      </c>
      <c r="P24598" t="s">
        <v>86</v>
      </c>
      <c r="Q24598">
        <v>8</v>
      </c>
      <c r="R24598">
        <v>8</v>
      </c>
      <c r="S24598">
        <v>8</v>
      </c>
      <c r="T24598">
        <v>8</v>
      </c>
      <c r="U24598">
        <v>8</v>
      </c>
      <c r="V24598">
        <v>9</v>
      </c>
      <c r="W24598">
        <v>9</v>
      </c>
      <c r="X24598">
        <v>9</v>
      </c>
      <c r="Y24598">
        <v>9</v>
      </c>
      <c r="Z24598">
        <v>9</v>
      </c>
      <c r="AA24598">
        <v>9</v>
      </c>
      <c r="AB24598">
        <v>10</v>
      </c>
      <c r="AC24598">
        <v>10</v>
      </c>
      <c r="AD24598">
        <v>10</v>
      </c>
      <c r="AE24598">
        <v>10</v>
      </c>
      <c r="AF24598">
        <v>10</v>
      </c>
      <c r="AG24598">
        <v>10</v>
      </c>
      <c r="AH24598">
        <v>11</v>
      </c>
      <c r="AI24598">
        <v>11</v>
      </c>
      <c r="AJ24598">
        <v>11</v>
      </c>
      <c r="AK24598">
        <v>11</v>
      </c>
      <c r="AL24598">
        <v>11</v>
      </c>
      <c r="AM24598">
        <v>11</v>
      </c>
      <c r="AN24598">
        <v>11</v>
      </c>
      <c r="AO24598">
        <v>12</v>
      </c>
      <c r="AP24598">
        <v>12</v>
      </c>
      <c r="AQ24598">
        <v>12</v>
      </c>
    </row>
    <row r="24599" spans="1:43">
      <c r="A24599" t="s">
        <v>15225</v>
      </c>
      <c r="B24599" t="s">
        <v>15226</v>
      </c>
      <c r="C24599" t="s">
        <v>15195</v>
      </c>
      <c r="D24599" t="s">
        <v>15196</v>
      </c>
      <c r="E24599" t="s">
        <v>15101</v>
      </c>
      <c r="F24599" t="s">
        <v>15102</v>
      </c>
      <c r="G24599" t="s">
        <v>10734</v>
      </c>
      <c r="H24599" t="s">
        <v>10735</v>
      </c>
      <c r="I24599" s="2">
        <v>1</v>
      </c>
      <c r="J24599" s="2">
        <v>0</v>
      </c>
      <c r="K24599" s="2">
        <v>0</v>
      </c>
      <c r="L24599" t="s">
        <v>120</v>
      </c>
      <c r="M24599" t="s">
        <v>87</v>
      </c>
      <c r="N24599" t="s">
        <v>88</v>
      </c>
      <c r="O24599" t="s">
        <v>85</v>
      </c>
      <c r="P24599" t="s">
        <v>86</v>
      </c>
      <c r="Q24599">
        <v>8</v>
      </c>
      <c r="R24599">
        <v>8</v>
      </c>
      <c r="S24599">
        <v>8</v>
      </c>
      <c r="T24599">
        <v>8</v>
      </c>
      <c r="U24599">
        <v>8</v>
      </c>
      <c r="V24599">
        <v>8</v>
      </c>
      <c r="W24599">
        <v>8</v>
      </c>
      <c r="X24599">
        <v>8</v>
      </c>
      <c r="Y24599">
        <v>8</v>
      </c>
      <c r="Z24599">
        <v>8</v>
      </c>
      <c r="AA24599">
        <v>9</v>
      </c>
      <c r="AB24599">
        <v>9</v>
      </c>
      <c r="AC24599">
        <v>9</v>
      </c>
      <c r="AD24599">
        <v>9</v>
      </c>
      <c r="AE24599">
        <v>9</v>
      </c>
      <c r="AF24599">
        <v>9</v>
      </c>
      <c r="AG24599">
        <v>9</v>
      </c>
      <c r="AH24599">
        <v>9</v>
      </c>
      <c r="AI24599">
        <v>9</v>
      </c>
      <c r="AJ24599">
        <v>9</v>
      </c>
      <c r="AK24599">
        <v>10</v>
      </c>
      <c r="AL24599">
        <v>10</v>
      </c>
      <c r="AM24599">
        <v>10</v>
      </c>
      <c r="AN24599">
        <v>10</v>
      </c>
      <c r="AO24599">
        <v>10</v>
      </c>
      <c r="AP24599">
        <v>10</v>
      </c>
      <c r="AQ24599">
        <v>10</v>
      </c>
    </row>
    <row r="24600" spans="1:43">
      <c r="A24600" t="s">
        <v>15225</v>
      </c>
      <c r="B24600" t="s">
        <v>15226</v>
      </c>
      <c r="C24600" t="s">
        <v>15195</v>
      </c>
      <c r="D24600" t="s">
        <v>15196</v>
      </c>
      <c r="E24600" t="s">
        <v>15101</v>
      </c>
      <c r="F24600" t="s">
        <v>15102</v>
      </c>
      <c r="G24600" t="s">
        <v>10734</v>
      </c>
      <c r="H24600" t="s">
        <v>10735</v>
      </c>
      <c r="I24600" s="2">
        <v>1</v>
      </c>
      <c r="J24600" s="2">
        <v>0</v>
      </c>
      <c r="K24600" s="2">
        <v>0</v>
      </c>
      <c r="L24600" t="s">
        <v>120</v>
      </c>
      <c r="M24600" t="s">
        <v>89</v>
      </c>
      <c r="N24600" t="s">
        <v>90</v>
      </c>
      <c r="O24600" t="s">
        <v>85</v>
      </c>
      <c r="P24600" t="s">
        <v>86</v>
      </c>
      <c r="Q24600">
        <v>8</v>
      </c>
      <c r="R24600">
        <v>8</v>
      </c>
      <c r="S24600">
        <v>8</v>
      </c>
      <c r="T24600">
        <v>8</v>
      </c>
      <c r="U24600">
        <v>9</v>
      </c>
      <c r="V24600">
        <v>9</v>
      </c>
      <c r="W24600">
        <v>9</v>
      </c>
      <c r="X24600">
        <v>9</v>
      </c>
      <c r="Y24600">
        <v>10</v>
      </c>
      <c r="Z24600">
        <v>10</v>
      </c>
      <c r="AA24600">
        <v>10</v>
      </c>
      <c r="AB24600">
        <v>10</v>
      </c>
      <c r="AC24600">
        <v>10</v>
      </c>
      <c r="AD24600">
        <v>11</v>
      </c>
      <c r="AE24600">
        <v>11</v>
      </c>
      <c r="AF24600">
        <v>11</v>
      </c>
      <c r="AG24600">
        <v>11</v>
      </c>
      <c r="AH24600">
        <v>11</v>
      </c>
      <c r="AI24600">
        <v>11</v>
      </c>
      <c r="AJ24600">
        <v>11</v>
      </c>
      <c r="AK24600">
        <v>11</v>
      </c>
      <c r="AL24600">
        <v>11</v>
      </c>
      <c r="AM24600">
        <v>11</v>
      </c>
      <c r="AN24600">
        <v>12</v>
      </c>
      <c r="AO24600">
        <v>12</v>
      </c>
      <c r="AP24600">
        <v>12</v>
      </c>
      <c r="AQ24600">
        <v>12</v>
      </c>
    </row>
    <row r="24601" spans="1:43">
      <c r="A24601" t="s">
        <v>15225</v>
      </c>
      <c r="B24601" t="s">
        <v>15226</v>
      </c>
      <c r="C24601" t="s">
        <v>15195</v>
      </c>
      <c r="D24601" t="s">
        <v>15196</v>
      </c>
      <c r="E24601" t="s">
        <v>15101</v>
      </c>
      <c r="F24601" t="s">
        <v>15102</v>
      </c>
      <c r="G24601" t="s">
        <v>10734</v>
      </c>
      <c r="H24601" t="s">
        <v>10735</v>
      </c>
      <c r="I24601" s="2">
        <v>1</v>
      </c>
      <c r="J24601" s="2">
        <v>0</v>
      </c>
      <c r="K24601" s="2">
        <v>0</v>
      </c>
      <c r="L24601" t="s">
        <v>120</v>
      </c>
      <c r="M24601" t="s">
        <v>83</v>
      </c>
      <c r="N24601" t="s">
        <v>91</v>
      </c>
      <c r="O24601" t="s">
        <v>85</v>
      </c>
      <c r="P24601" t="s">
        <v>86</v>
      </c>
      <c r="Q24601">
        <v>8</v>
      </c>
      <c r="R24601">
        <v>8</v>
      </c>
      <c r="S24601">
        <v>8</v>
      </c>
      <c r="T24601">
        <v>8</v>
      </c>
      <c r="U24601">
        <v>8</v>
      </c>
      <c r="V24601">
        <v>9</v>
      </c>
      <c r="W24601">
        <v>9</v>
      </c>
      <c r="X24601">
        <v>9</v>
      </c>
      <c r="Y24601">
        <v>9</v>
      </c>
      <c r="Z24601">
        <v>9</v>
      </c>
      <c r="AA24601">
        <v>9</v>
      </c>
      <c r="AB24601">
        <v>10</v>
      </c>
      <c r="AC24601">
        <v>10</v>
      </c>
      <c r="AD24601">
        <v>10</v>
      </c>
      <c r="AE24601">
        <v>10</v>
      </c>
      <c r="AF24601">
        <v>10</v>
      </c>
      <c r="AG24601">
        <v>10</v>
      </c>
      <c r="AH24601">
        <v>11</v>
      </c>
      <c r="AI24601">
        <v>11</v>
      </c>
      <c r="AJ24601">
        <v>11</v>
      </c>
      <c r="AK24601">
        <v>11</v>
      </c>
      <c r="AL24601">
        <v>11</v>
      </c>
      <c r="AM24601">
        <v>11</v>
      </c>
      <c r="AN24601">
        <v>11</v>
      </c>
      <c r="AO24601">
        <v>12</v>
      </c>
      <c r="AP24601">
        <v>12</v>
      </c>
      <c r="AQ24601">
        <v>12</v>
      </c>
    </row>
    <row r="24602" spans="1:43">
      <c r="A24602" t="s">
        <v>15227</v>
      </c>
      <c r="B24602" t="s">
        <v>15228</v>
      </c>
      <c r="C24602" t="s">
        <v>15185</v>
      </c>
      <c r="D24602" t="s">
        <v>15186</v>
      </c>
      <c r="E24602" t="s">
        <v>15101</v>
      </c>
      <c r="F24602" t="s">
        <v>15102</v>
      </c>
      <c r="G24602" t="s">
        <v>10734</v>
      </c>
      <c r="H24602" t="s">
        <v>10735</v>
      </c>
      <c r="I24602" s="2">
        <v>1</v>
      </c>
      <c r="J24602" s="2">
        <v>0</v>
      </c>
      <c r="K24602" s="2">
        <v>0</v>
      </c>
      <c r="L24602" t="s">
        <v>120</v>
      </c>
      <c r="M24602" t="s">
        <v>83</v>
      </c>
      <c r="N24602" t="s">
        <v>84</v>
      </c>
      <c r="O24602" t="s">
        <v>85</v>
      </c>
      <c r="P24602" t="s">
        <v>86</v>
      </c>
      <c r="Q24602">
        <v>77</v>
      </c>
      <c r="R24602">
        <v>79</v>
      </c>
      <c r="S24602">
        <v>81</v>
      </c>
      <c r="T24602">
        <v>82</v>
      </c>
      <c r="U24602">
        <v>84</v>
      </c>
      <c r="V24602">
        <v>86</v>
      </c>
      <c r="W24602">
        <v>88</v>
      </c>
      <c r="X24602">
        <v>89</v>
      </c>
      <c r="Y24602">
        <v>91</v>
      </c>
      <c r="Z24602">
        <v>93</v>
      </c>
      <c r="AA24602">
        <v>94</v>
      </c>
      <c r="AB24602">
        <v>96</v>
      </c>
      <c r="AC24602">
        <v>98</v>
      </c>
      <c r="AD24602">
        <v>100</v>
      </c>
      <c r="AE24602">
        <v>102</v>
      </c>
      <c r="AF24602">
        <v>103</v>
      </c>
      <c r="AG24602">
        <v>105</v>
      </c>
      <c r="AH24602">
        <v>107</v>
      </c>
      <c r="AI24602">
        <v>109</v>
      </c>
      <c r="AJ24602">
        <v>111</v>
      </c>
      <c r="AK24602">
        <v>113</v>
      </c>
      <c r="AL24602">
        <v>114</v>
      </c>
      <c r="AM24602">
        <v>115</v>
      </c>
      <c r="AN24602">
        <v>116</v>
      </c>
      <c r="AO24602">
        <v>116</v>
      </c>
      <c r="AP24602">
        <v>117</v>
      </c>
      <c r="AQ24602">
        <v>118</v>
      </c>
    </row>
    <row r="24603" spans="1:43">
      <c r="A24603" t="s">
        <v>15227</v>
      </c>
      <c r="B24603" t="s">
        <v>15228</v>
      </c>
      <c r="C24603" t="s">
        <v>15185</v>
      </c>
      <c r="D24603" t="s">
        <v>15186</v>
      </c>
      <c r="E24603" t="s">
        <v>15101</v>
      </c>
      <c r="F24603" t="s">
        <v>15102</v>
      </c>
      <c r="G24603" t="s">
        <v>10734</v>
      </c>
      <c r="H24603" t="s">
        <v>10735</v>
      </c>
      <c r="I24603" s="2">
        <v>1</v>
      </c>
      <c r="J24603" s="2">
        <v>0</v>
      </c>
      <c r="K24603" s="2">
        <v>0</v>
      </c>
      <c r="L24603" t="s">
        <v>120</v>
      </c>
      <c r="M24603" t="s">
        <v>87</v>
      </c>
      <c r="N24603" t="s">
        <v>88</v>
      </c>
      <c r="O24603" t="s">
        <v>85</v>
      </c>
      <c r="P24603" t="s">
        <v>86</v>
      </c>
      <c r="Q24603">
        <v>77</v>
      </c>
      <c r="R24603">
        <v>78</v>
      </c>
      <c r="S24603">
        <v>78</v>
      </c>
      <c r="T24603">
        <v>79</v>
      </c>
      <c r="U24603">
        <v>80</v>
      </c>
      <c r="V24603">
        <v>81</v>
      </c>
      <c r="W24603">
        <v>82</v>
      </c>
      <c r="X24603">
        <v>83</v>
      </c>
      <c r="Y24603">
        <v>84</v>
      </c>
      <c r="Z24603">
        <v>85</v>
      </c>
      <c r="AA24603">
        <v>86</v>
      </c>
      <c r="AB24603">
        <v>87</v>
      </c>
      <c r="AC24603">
        <v>88</v>
      </c>
      <c r="AD24603">
        <v>89</v>
      </c>
      <c r="AE24603">
        <v>90</v>
      </c>
      <c r="AF24603">
        <v>91</v>
      </c>
      <c r="AG24603">
        <v>92</v>
      </c>
      <c r="AH24603">
        <v>93</v>
      </c>
      <c r="AI24603">
        <v>94</v>
      </c>
      <c r="AJ24603">
        <v>95</v>
      </c>
      <c r="AK24603">
        <v>96</v>
      </c>
      <c r="AL24603">
        <v>97</v>
      </c>
      <c r="AM24603">
        <v>98</v>
      </c>
      <c r="AN24603">
        <v>99</v>
      </c>
      <c r="AO24603">
        <v>101</v>
      </c>
      <c r="AP24603">
        <v>102</v>
      </c>
      <c r="AQ24603">
        <v>103</v>
      </c>
    </row>
    <row r="24604" spans="1:43">
      <c r="A24604" t="s">
        <v>15227</v>
      </c>
      <c r="B24604" t="s">
        <v>15228</v>
      </c>
      <c r="C24604" t="s">
        <v>15185</v>
      </c>
      <c r="D24604" t="s">
        <v>15186</v>
      </c>
      <c r="E24604" t="s">
        <v>15101</v>
      </c>
      <c r="F24604" t="s">
        <v>15102</v>
      </c>
      <c r="G24604" t="s">
        <v>10734</v>
      </c>
      <c r="H24604" t="s">
        <v>10735</v>
      </c>
      <c r="I24604" s="2">
        <v>1</v>
      </c>
      <c r="J24604" s="2">
        <v>0</v>
      </c>
      <c r="K24604" s="2">
        <v>0</v>
      </c>
      <c r="L24604" t="s">
        <v>120</v>
      </c>
      <c r="M24604" t="s">
        <v>89</v>
      </c>
      <c r="N24604" t="s">
        <v>90</v>
      </c>
      <c r="O24604" t="s">
        <v>85</v>
      </c>
      <c r="P24604" t="s">
        <v>86</v>
      </c>
      <c r="Q24604">
        <v>77</v>
      </c>
      <c r="R24604">
        <v>79</v>
      </c>
      <c r="S24604">
        <v>82</v>
      </c>
      <c r="T24604">
        <v>84</v>
      </c>
      <c r="U24604">
        <v>86</v>
      </c>
      <c r="V24604">
        <v>89</v>
      </c>
      <c r="W24604">
        <v>91</v>
      </c>
      <c r="X24604">
        <v>93</v>
      </c>
      <c r="Y24604">
        <v>95</v>
      </c>
      <c r="Z24604">
        <v>97</v>
      </c>
      <c r="AA24604">
        <v>99</v>
      </c>
      <c r="AB24604">
        <v>102</v>
      </c>
      <c r="AC24604">
        <v>104</v>
      </c>
      <c r="AD24604">
        <v>106</v>
      </c>
      <c r="AE24604">
        <v>108</v>
      </c>
      <c r="AF24604">
        <v>109</v>
      </c>
      <c r="AG24604">
        <v>110</v>
      </c>
      <c r="AH24604">
        <v>110</v>
      </c>
      <c r="AI24604">
        <v>111</v>
      </c>
      <c r="AJ24604">
        <v>112</v>
      </c>
      <c r="AK24604">
        <v>113</v>
      </c>
      <c r="AL24604">
        <v>114</v>
      </c>
      <c r="AM24604">
        <v>115</v>
      </c>
      <c r="AN24604">
        <v>116</v>
      </c>
      <c r="AO24604">
        <v>117</v>
      </c>
      <c r="AP24604">
        <v>118</v>
      </c>
      <c r="AQ24604">
        <v>118</v>
      </c>
    </row>
    <row r="24605" spans="1:43">
      <c r="A24605" t="s">
        <v>15227</v>
      </c>
      <c r="B24605" t="s">
        <v>15228</v>
      </c>
      <c r="C24605" t="s">
        <v>15185</v>
      </c>
      <c r="D24605" t="s">
        <v>15186</v>
      </c>
      <c r="E24605" t="s">
        <v>15101</v>
      </c>
      <c r="F24605" t="s">
        <v>15102</v>
      </c>
      <c r="G24605" t="s">
        <v>10734</v>
      </c>
      <c r="H24605" t="s">
        <v>10735</v>
      </c>
      <c r="I24605" s="2">
        <v>1</v>
      </c>
      <c r="J24605" s="2">
        <v>0</v>
      </c>
      <c r="K24605" s="2">
        <v>0</v>
      </c>
      <c r="L24605" t="s">
        <v>120</v>
      </c>
      <c r="M24605" t="s">
        <v>83</v>
      </c>
      <c r="N24605" t="s">
        <v>91</v>
      </c>
      <c r="O24605" t="s">
        <v>85</v>
      </c>
      <c r="P24605" t="s">
        <v>86</v>
      </c>
      <c r="Q24605">
        <v>77</v>
      </c>
      <c r="R24605">
        <v>79</v>
      </c>
      <c r="S24605">
        <v>81</v>
      </c>
      <c r="T24605">
        <v>82</v>
      </c>
      <c r="U24605">
        <v>84</v>
      </c>
      <c r="V24605">
        <v>86</v>
      </c>
      <c r="W24605">
        <v>88</v>
      </c>
      <c r="X24605">
        <v>89</v>
      </c>
      <c r="Y24605">
        <v>91</v>
      </c>
      <c r="Z24605">
        <v>93</v>
      </c>
      <c r="AA24605">
        <v>94</v>
      </c>
      <c r="AB24605">
        <v>96</v>
      </c>
      <c r="AC24605">
        <v>98</v>
      </c>
      <c r="AD24605">
        <v>100</v>
      </c>
      <c r="AE24605">
        <v>102</v>
      </c>
      <c r="AF24605">
        <v>103</v>
      </c>
      <c r="AG24605">
        <v>105</v>
      </c>
      <c r="AH24605">
        <v>107</v>
      </c>
      <c r="AI24605">
        <v>109</v>
      </c>
      <c r="AJ24605">
        <v>111</v>
      </c>
      <c r="AK24605">
        <v>113</v>
      </c>
      <c r="AL24605">
        <v>114</v>
      </c>
      <c r="AM24605">
        <v>115</v>
      </c>
      <c r="AN24605">
        <v>116</v>
      </c>
      <c r="AO24605">
        <v>116</v>
      </c>
      <c r="AP24605">
        <v>117</v>
      </c>
      <c r="AQ24605">
        <v>118</v>
      </c>
    </row>
    <row r="24606" spans="1:43">
      <c r="A24606" t="s">
        <v>15229</v>
      </c>
      <c r="B24606" t="s">
        <v>15230</v>
      </c>
      <c r="C24606" t="s">
        <v>15119</v>
      </c>
      <c r="D24606" t="s">
        <v>15120</v>
      </c>
      <c r="E24606" t="s">
        <v>15101</v>
      </c>
      <c r="F24606" t="s">
        <v>15102</v>
      </c>
      <c r="G24606" t="s">
        <v>10734</v>
      </c>
      <c r="H24606" t="s">
        <v>10735</v>
      </c>
      <c r="I24606" s="2">
        <v>1</v>
      </c>
      <c r="J24606" s="2">
        <v>0</v>
      </c>
      <c r="K24606" s="2">
        <v>0</v>
      </c>
      <c r="L24606" t="s">
        <v>120</v>
      </c>
      <c r="M24606" t="s">
        <v>83</v>
      </c>
      <c r="N24606" t="s">
        <v>84</v>
      </c>
      <c r="O24606" t="s">
        <v>85</v>
      </c>
      <c r="P24606" t="s">
        <v>86</v>
      </c>
      <c r="Q24606">
        <v>19</v>
      </c>
      <c r="R24606">
        <v>19</v>
      </c>
      <c r="S24606">
        <v>20</v>
      </c>
      <c r="T24606">
        <v>20</v>
      </c>
      <c r="U24606">
        <v>20</v>
      </c>
      <c r="V24606">
        <v>21</v>
      </c>
      <c r="W24606">
        <v>21</v>
      </c>
      <c r="X24606">
        <v>22</v>
      </c>
      <c r="Y24606">
        <v>22</v>
      </c>
      <c r="Z24606">
        <v>23</v>
      </c>
      <c r="AA24606">
        <v>23</v>
      </c>
      <c r="AB24606">
        <v>23</v>
      </c>
      <c r="AC24606">
        <v>24</v>
      </c>
      <c r="AD24606">
        <v>24</v>
      </c>
      <c r="AE24606">
        <v>25</v>
      </c>
      <c r="AF24606">
        <v>25</v>
      </c>
      <c r="AG24606">
        <v>26</v>
      </c>
      <c r="AH24606">
        <v>26</v>
      </c>
      <c r="AI24606">
        <v>27</v>
      </c>
      <c r="AJ24606">
        <v>27</v>
      </c>
      <c r="AK24606">
        <v>27</v>
      </c>
      <c r="AL24606">
        <v>28</v>
      </c>
      <c r="AM24606">
        <v>28</v>
      </c>
      <c r="AN24606">
        <v>28</v>
      </c>
      <c r="AO24606">
        <v>28</v>
      </c>
      <c r="AP24606">
        <v>29</v>
      </c>
      <c r="AQ24606">
        <v>29</v>
      </c>
    </row>
    <row r="24607" spans="1:43">
      <c r="A24607" t="s">
        <v>15229</v>
      </c>
      <c r="B24607" t="s">
        <v>15230</v>
      </c>
      <c r="C24607" t="s">
        <v>15119</v>
      </c>
      <c r="D24607" t="s">
        <v>15120</v>
      </c>
      <c r="E24607" t="s">
        <v>15101</v>
      </c>
      <c r="F24607" t="s">
        <v>15102</v>
      </c>
      <c r="G24607" t="s">
        <v>10734</v>
      </c>
      <c r="H24607" t="s">
        <v>10735</v>
      </c>
      <c r="I24607" s="2">
        <v>1</v>
      </c>
      <c r="J24607" s="2">
        <v>0</v>
      </c>
      <c r="K24607" s="2">
        <v>0</v>
      </c>
      <c r="L24607" t="s">
        <v>120</v>
      </c>
      <c r="M24607" t="s">
        <v>87</v>
      </c>
      <c r="N24607" t="s">
        <v>88</v>
      </c>
      <c r="O24607" t="s">
        <v>85</v>
      </c>
      <c r="P24607" t="s">
        <v>86</v>
      </c>
      <c r="Q24607">
        <v>19</v>
      </c>
      <c r="R24607">
        <v>19</v>
      </c>
      <c r="S24607">
        <v>19</v>
      </c>
      <c r="T24607">
        <v>19</v>
      </c>
      <c r="U24607">
        <v>20</v>
      </c>
      <c r="V24607">
        <v>20</v>
      </c>
      <c r="W24607">
        <v>20</v>
      </c>
      <c r="X24607">
        <v>20</v>
      </c>
      <c r="Y24607">
        <v>20</v>
      </c>
      <c r="Z24607">
        <v>21</v>
      </c>
      <c r="AA24607">
        <v>21</v>
      </c>
      <c r="AB24607">
        <v>21</v>
      </c>
      <c r="AC24607">
        <v>21</v>
      </c>
      <c r="AD24607">
        <v>22</v>
      </c>
      <c r="AE24607">
        <v>22</v>
      </c>
      <c r="AF24607">
        <v>22</v>
      </c>
      <c r="AG24607">
        <v>22</v>
      </c>
      <c r="AH24607">
        <v>23</v>
      </c>
      <c r="AI24607">
        <v>23</v>
      </c>
      <c r="AJ24607">
        <v>23</v>
      </c>
      <c r="AK24607">
        <v>23</v>
      </c>
      <c r="AL24607">
        <v>24</v>
      </c>
      <c r="AM24607">
        <v>24</v>
      </c>
      <c r="AN24607">
        <v>24</v>
      </c>
      <c r="AO24607">
        <v>24</v>
      </c>
      <c r="AP24607">
        <v>25</v>
      </c>
      <c r="AQ24607">
        <v>25</v>
      </c>
    </row>
    <row r="24608" spans="1:43">
      <c r="A24608" t="s">
        <v>15229</v>
      </c>
      <c r="B24608" t="s">
        <v>15230</v>
      </c>
      <c r="C24608" t="s">
        <v>15119</v>
      </c>
      <c r="D24608" t="s">
        <v>15120</v>
      </c>
      <c r="E24608" t="s">
        <v>15101</v>
      </c>
      <c r="F24608" t="s">
        <v>15102</v>
      </c>
      <c r="G24608" t="s">
        <v>10734</v>
      </c>
      <c r="H24608" t="s">
        <v>10735</v>
      </c>
      <c r="I24608" s="2">
        <v>1</v>
      </c>
      <c r="J24608" s="2">
        <v>0</v>
      </c>
      <c r="K24608" s="2">
        <v>0</v>
      </c>
      <c r="L24608" t="s">
        <v>120</v>
      </c>
      <c r="M24608" t="s">
        <v>89</v>
      </c>
      <c r="N24608" t="s">
        <v>90</v>
      </c>
      <c r="O24608" t="s">
        <v>85</v>
      </c>
      <c r="P24608" t="s">
        <v>86</v>
      </c>
      <c r="Q24608">
        <v>19</v>
      </c>
      <c r="R24608">
        <v>20</v>
      </c>
      <c r="S24608">
        <v>20</v>
      </c>
      <c r="T24608">
        <v>21</v>
      </c>
      <c r="U24608">
        <v>21</v>
      </c>
      <c r="V24608">
        <v>22</v>
      </c>
      <c r="W24608">
        <v>22</v>
      </c>
      <c r="X24608">
        <v>23</v>
      </c>
      <c r="Y24608">
        <v>23</v>
      </c>
      <c r="Z24608">
        <v>24</v>
      </c>
      <c r="AA24608">
        <v>24</v>
      </c>
      <c r="AB24608">
        <v>25</v>
      </c>
      <c r="AC24608">
        <v>26</v>
      </c>
      <c r="AD24608">
        <v>26</v>
      </c>
      <c r="AE24608">
        <v>27</v>
      </c>
      <c r="AF24608">
        <v>27</v>
      </c>
      <c r="AG24608">
        <v>27</v>
      </c>
      <c r="AH24608">
        <v>27</v>
      </c>
      <c r="AI24608">
        <v>27</v>
      </c>
      <c r="AJ24608">
        <v>28</v>
      </c>
      <c r="AK24608">
        <v>28</v>
      </c>
      <c r="AL24608">
        <v>28</v>
      </c>
      <c r="AM24608">
        <v>28</v>
      </c>
      <c r="AN24608">
        <v>28</v>
      </c>
      <c r="AO24608">
        <v>29</v>
      </c>
      <c r="AP24608">
        <v>29</v>
      </c>
      <c r="AQ24608">
        <v>29</v>
      </c>
    </row>
    <row r="24609" spans="1:43">
      <c r="A24609" t="s">
        <v>15229</v>
      </c>
      <c r="B24609" t="s">
        <v>15230</v>
      </c>
      <c r="C24609" t="s">
        <v>15119</v>
      </c>
      <c r="D24609" t="s">
        <v>15120</v>
      </c>
      <c r="E24609" t="s">
        <v>15101</v>
      </c>
      <c r="F24609" t="s">
        <v>15102</v>
      </c>
      <c r="G24609" t="s">
        <v>10734</v>
      </c>
      <c r="H24609" t="s">
        <v>10735</v>
      </c>
      <c r="I24609" s="2">
        <v>1</v>
      </c>
      <c r="J24609" s="2">
        <v>0</v>
      </c>
      <c r="K24609" s="2">
        <v>0</v>
      </c>
      <c r="L24609" t="s">
        <v>120</v>
      </c>
      <c r="M24609" t="s">
        <v>83</v>
      </c>
      <c r="N24609" t="s">
        <v>91</v>
      </c>
      <c r="O24609" t="s">
        <v>85</v>
      </c>
      <c r="P24609" t="s">
        <v>86</v>
      </c>
      <c r="Q24609">
        <v>19</v>
      </c>
      <c r="R24609">
        <v>19</v>
      </c>
      <c r="S24609">
        <v>20</v>
      </c>
      <c r="T24609">
        <v>20</v>
      </c>
      <c r="U24609">
        <v>20</v>
      </c>
      <c r="V24609">
        <v>21</v>
      </c>
      <c r="W24609">
        <v>21</v>
      </c>
      <c r="X24609">
        <v>22</v>
      </c>
      <c r="Y24609">
        <v>22</v>
      </c>
      <c r="Z24609">
        <v>23</v>
      </c>
      <c r="AA24609">
        <v>23</v>
      </c>
      <c r="AB24609">
        <v>23</v>
      </c>
      <c r="AC24609">
        <v>24</v>
      </c>
      <c r="AD24609">
        <v>24</v>
      </c>
      <c r="AE24609">
        <v>25</v>
      </c>
      <c r="AF24609">
        <v>25</v>
      </c>
      <c r="AG24609">
        <v>26</v>
      </c>
      <c r="AH24609">
        <v>26</v>
      </c>
      <c r="AI24609">
        <v>27</v>
      </c>
      <c r="AJ24609">
        <v>27</v>
      </c>
      <c r="AK24609">
        <v>27</v>
      </c>
      <c r="AL24609">
        <v>28</v>
      </c>
      <c r="AM24609">
        <v>28</v>
      </c>
      <c r="AN24609">
        <v>28</v>
      </c>
      <c r="AO24609">
        <v>28</v>
      </c>
      <c r="AP24609">
        <v>29</v>
      </c>
      <c r="AQ24609">
        <v>29</v>
      </c>
    </row>
    <row r="24610" spans="1:43">
      <c r="A24610" t="s">
        <v>15231</v>
      </c>
      <c r="B24610" t="s">
        <v>15232</v>
      </c>
      <c r="C24610" t="s">
        <v>15205</v>
      </c>
      <c r="D24610" t="s">
        <v>15206</v>
      </c>
      <c r="E24610" t="s">
        <v>15101</v>
      </c>
      <c r="F24610" t="s">
        <v>15102</v>
      </c>
      <c r="G24610" t="s">
        <v>10734</v>
      </c>
      <c r="H24610" t="s">
        <v>10735</v>
      </c>
      <c r="I24610" s="2">
        <v>1</v>
      </c>
      <c r="J24610" s="2">
        <v>0</v>
      </c>
      <c r="K24610" s="2">
        <v>0</v>
      </c>
      <c r="L24610" t="s">
        <v>120</v>
      </c>
      <c r="M24610" t="s">
        <v>83</v>
      </c>
      <c r="N24610" t="s">
        <v>84</v>
      </c>
      <c r="O24610" t="s">
        <v>85</v>
      </c>
      <c r="P24610" t="s">
        <v>86</v>
      </c>
      <c r="Q24610">
        <v>3</v>
      </c>
      <c r="R24610">
        <v>3</v>
      </c>
      <c r="S24610">
        <v>4</v>
      </c>
      <c r="T24610">
        <v>4</v>
      </c>
      <c r="U24610">
        <v>4</v>
      </c>
      <c r="V24610">
        <v>4</v>
      </c>
      <c r="W24610">
        <v>4</v>
      </c>
      <c r="X24610">
        <v>4</v>
      </c>
      <c r="Y24610">
        <v>4</v>
      </c>
      <c r="Z24610">
        <v>4</v>
      </c>
      <c r="AA24610">
        <v>4</v>
      </c>
      <c r="AB24610">
        <v>4</v>
      </c>
      <c r="AC24610">
        <v>4</v>
      </c>
      <c r="AD24610">
        <v>4</v>
      </c>
      <c r="AE24610">
        <v>5</v>
      </c>
      <c r="AF24610">
        <v>5</v>
      </c>
      <c r="AG24610">
        <v>5</v>
      </c>
      <c r="AH24610">
        <v>5</v>
      </c>
      <c r="AI24610">
        <v>5</v>
      </c>
      <c r="AJ24610">
        <v>5</v>
      </c>
      <c r="AK24610">
        <v>5</v>
      </c>
      <c r="AL24610">
        <v>5</v>
      </c>
      <c r="AM24610">
        <v>5</v>
      </c>
      <c r="AN24610">
        <v>5</v>
      </c>
      <c r="AO24610">
        <v>5</v>
      </c>
      <c r="AP24610">
        <v>5</v>
      </c>
      <c r="AQ24610">
        <v>5</v>
      </c>
    </row>
    <row r="24611" spans="1:43">
      <c r="A24611" t="s">
        <v>15231</v>
      </c>
      <c r="B24611" t="s">
        <v>15232</v>
      </c>
      <c r="C24611" t="s">
        <v>15205</v>
      </c>
      <c r="D24611" t="s">
        <v>15206</v>
      </c>
      <c r="E24611" t="s">
        <v>15101</v>
      </c>
      <c r="F24611" t="s">
        <v>15102</v>
      </c>
      <c r="G24611" t="s">
        <v>10734</v>
      </c>
      <c r="H24611" t="s">
        <v>10735</v>
      </c>
      <c r="I24611" s="2">
        <v>1</v>
      </c>
      <c r="J24611" s="2">
        <v>0</v>
      </c>
      <c r="K24611" s="2">
        <v>0</v>
      </c>
      <c r="L24611" t="s">
        <v>120</v>
      </c>
      <c r="M24611" t="s">
        <v>87</v>
      </c>
      <c r="N24611" t="s">
        <v>88</v>
      </c>
      <c r="O24611" t="s">
        <v>85</v>
      </c>
      <c r="P24611" t="s">
        <v>86</v>
      </c>
      <c r="Q24611">
        <v>3</v>
      </c>
      <c r="R24611">
        <v>3</v>
      </c>
      <c r="S24611">
        <v>3</v>
      </c>
      <c r="T24611">
        <v>4</v>
      </c>
      <c r="U24611">
        <v>4</v>
      </c>
      <c r="V24611">
        <v>4</v>
      </c>
      <c r="W24611">
        <v>4</v>
      </c>
      <c r="X24611">
        <v>4</v>
      </c>
      <c r="Y24611">
        <v>4</v>
      </c>
      <c r="Z24611">
        <v>4</v>
      </c>
      <c r="AA24611">
        <v>4</v>
      </c>
      <c r="AB24611">
        <v>4</v>
      </c>
      <c r="AC24611">
        <v>4</v>
      </c>
      <c r="AD24611">
        <v>4</v>
      </c>
      <c r="AE24611">
        <v>4</v>
      </c>
      <c r="AF24611">
        <v>4</v>
      </c>
      <c r="AG24611">
        <v>4</v>
      </c>
      <c r="AH24611">
        <v>4</v>
      </c>
      <c r="AI24611">
        <v>4</v>
      </c>
      <c r="AJ24611">
        <v>4</v>
      </c>
      <c r="AK24611">
        <v>4</v>
      </c>
      <c r="AL24611">
        <v>4</v>
      </c>
      <c r="AM24611">
        <v>4</v>
      </c>
      <c r="AN24611">
        <v>4</v>
      </c>
      <c r="AO24611">
        <v>4</v>
      </c>
      <c r="AP24611">
        <v>5</v>
      </c>
      <c r="AQ24611">
        <v>5</v>
      </c>
    </row>
    <row r="24612" spans="1:43">
      <c r="A24612" t="s">
        <v>15231</v>
      </c>
      <c r="B24612" t="s">
        <v>15232</v>
      </c>
      <c r="C24612" t="s">
        <v>15205</v>
      </c>
      <c r="D24612" t="s">
        <v>15206</v>
      </c>
      <c r="E24612" t="s">
        <v>15101</v>
      </c>
      <c r="F24612" t="s">
        <v>15102</v>
      </c>
      <c r="G24612" t="s">
        <v>10734</v>
      </c>
      <c r="H24612" t="s">
        <v>10735</v>
      </c>
      <c r="I24612" s="2">
        <v>1</v>
      </c>
      <c r="J24612" s="2">
        <v>0</v>
      </c>
      <c r="K24612" s="2">
        <v>0</v>
      </c>
      <c r="L24612" t="s">
        <v>120</v>
      </c>
      <c r="M24612" t="s">
        <v>89</v>
      </c>
      <c r="N24612" t="s">
        <v>90</v>
      </c>
      <c r="O24612" t="s">
        <v>85</v>
      </c>
      <c r="P24612" t="s">
        <v>86</v>
      </c>
      <c r="Q24612">
        <v>3</v>
      </c>
      <c r="R24612">
        <v>4</v>
      </c>
      <c r="S24612">
        <v>4</v>
      </c>
      <c r="T24612">
        <v>4</v>
      </c>
      <c r="U24612">
        <v>4</v>
      </c>
      <c r="V24612">
        <v>4</v>
      </c>
      <c r="W24612">
        <v>4</v>
      </c>
      <c r="X24612">
        <v>4</v>
      </c>
      <c r="Y24612">
        <v>4</v>
      </c>
      <c r="Z24612">
        <v>4</v>
      </c>
      <c r="AA24612">
        <v>4</v>
      </c>
      <c r="AB24612">
        <v>5</v>
      </c>
      <c r="AC24612">
        <v>5</v>
      </c>
      <c r="AD24612">
        <v>5</v>
      </c>
      <c r="AE24612">
        <v>5</v>
      </c>
      <c r="AF24612">
        <v>5</v>
      </c>
      <c r="AG24612">
        <v>5</v>
      </c>
      <c r="AH24612">
        <v>5</v>
      </c>
      <c r="AI24612">
        <v>5</v>
      </c>
      <c r="AJ24612">
        <v>5</v>
      </c>
      <c r="AK24612">
        <v>5</v>
      </c>
      <c r="AL24612">
        <v>5</v>
      </c>
      <c r="AM24612">
        <v>5</v>
      </c>
      <c r="AN24612">
        <v>5</v>
      </c>
      <c r="AO24612">
        <v>5</v>
      </c>
      <c r="AP24612">
        <v>5</v>
      </c>
      <c r="AQ24612">
        <v>5</v>
      </c>
    </row>
    <row r="24613" spans="1:43">
      <c r="A24613" t="s">
        <v>15231</v>
      </c>
      <c r="B24613" t="s">
        <v>15232</v>
      </c>
      <c r="C24613" t="s">
        <v>15205</v>
      </c>
      <c r="D24613" t="s">
        <v>15206</v>
      </c>
      <c r="E24613" t="s">
        <v>15101</v>
      </c>
      <c r="F24613" t="s">
        <v>15102</v>
      </c>
      <c r="G24613" t="s">
        <v>10734</v>
      </c>
      <c r="H24613" t="s">
        <v>10735</v>
      </c>
      <c r="I24613" s="2">
        <v>1</v>
      </c>
      <c r="J24613" s="2">
        <v>0</v>
      </c>
      <c r="K24613" s="2">
        <v>0</v>
      </c>
      <c r="L24613" t="s">
        <v>120</v>
      </c>
      <c r="M24613" t="s">
        <v>83</v>
      </c>
      <c r="N24613" t="s">
        <v>91</v>
      </c>
      <c r="O24613" t="s">
        <v>85</v>
      </c>
      <c r="P24613" t="s">
        <v>86</v>
      </c>
      <c r="Q24613">
        <v>3</v>
      </c>
      <c r="R24613">
        <v>3</v>
      </c>
      <c r="S24613">
        <v>4</v>
      </c>
      <c r="T24613">
        <v>4</v>
      </c>
      <c r="U24613">
        <v>4</v>
      </c>
      <c r="V24613">
        <v>4</v>
      </c>
      <c r="W24613">
        <v>4</v>
      </c>
      <c r="X24613">
        <v>4</v>
      </c>
      <c r="Y24613">
        <v>4</v>
      </c>
      <c r="Z24613">
        <v>4</v>
      </c>
      <c r="AA24613">
        <v>4</v>
      </c>
      <c r="AB24613">
        <v>4</v>
      </c>
      <c r="AC24613">
        <v>4</v>
      </c>
      <c r="AD24613">
        <v>4</v>
      </c>
      <c r="AE24613">
        <v>5</v>
      </c>
      <c r="AF24613">
        <v>5</v>
      </c>
      <c r="AG24613">
        <v>5</v>
      </c>
      <c r="AH24613">
        <v>5</v>
      </c>
      <c r="AI24613">
        <v>5</v>
      </c>
      <c r="AJ24613">
        <v>5</v>
      </c>
      <c r="AK24613">
        <v>5</v>
      </c>
      <c r="AL24613">
        <v>5</v>
      </c>
      <c r="AM24613">
        <v>5</v>
      </c>
      <c r="AN24613">
        <v>5</v>
      </c>
      <c r="AO24613">
        <v>5</v>
      </c>
      <c r="AP24613">
        <v>5</v>
      </c>
      <c r="AQ24613">
        <v>5</v>
      </c>
    </row>
    <row r="24614" spans="1:43">
      <c r="A24614" t="s">
        <v>15233</v>
      </c>
      <c r="B24614" t="s">
        <v>15234</v>
      </c>
      <c r="C24614" t="s">
        <v>15185</v>
      </c>
      <c r="D24614" t="s">
        <v>15186</v>
      </c>
      <c r="E24614" t="s">
        <v>15101</v>
      </c>
      <c r="F24614" t="s">
        <v>15102</v>
      </c>
      <c r="G24614" t="s">
        <v>10734</v>
      </c>
      <c r="H24614" t="s">
        <v>10735</v>
      </c>
      <c r="I24614" s="2">
        <v>1</v>
      </c>
      <c r="J24614" s="2">
        <v>0</v>
      </c>
      <c r="K24614" s="2">
        <v>0</v>
      </c>
      <c r="L24614" t="s">
        <v>120</v>
      </c>
      <c r="M24614" t="s">
        <v>83</v>
      </c>
      <c r="N24614" t="s">
        <v>84</v>
      </c>
      <c r="O24614" t="s">
        <v>85</v>
      </c>
      <c r="P24614" t="s">
        <v>86</v>
      </c>
      <c r="Q24614">
        <v>45</v>
      </c>
      <c r="R24614">
        <v>46</v>
      </c>
      <c r="S24614">
        <v>47</v>
      </c>
      <c r="T24614">
        <v>48</v>
      </c>
      <c r="U24614">
        <v>49</v>
      </c>
      <c r="V24614">
        <v>50</v>
      </c>
      <c r="W24614">
        <v>51</v>
      </c>
      <c r="X24614">
        <v>52</v>
      </c>
      <c r="Y24614">
        <v>53</v>
      </c>
      <c r="Z24614">
        <v>54</v>
      </c>
      <c r="AA24614">
        <v>55</v>
      </c>
      <c r="AB24614">
        <v>56</v>
      </c>
      <c r="AC24614">
        <v>57</v>
      </c>
      <c r="AD24614">
        <v>58</v>
      </c>
      <c r="AE24614">
        <v>59</v>
      </c>
      <c r="AF24614">
        <v>60</v>
      </c>
      <c r="AG24614">
        <v>61</v>
      </c>
      <c r="AH24614">
        <v>63</v>
      </c>
      <c r="AI24614">
        <v>64</v>
      </c>
      <c r="AJ24614">
        <v>65</v>
      </c>
      <c r="AK24614">
        <v>66</v>
      </c>
      <c r="AL24614">
        <v>67</v>
      </c>
      <c r="AM24614">
        <v>67</v>
      </c>
      <c r="AN24614">
        <v>68</v>
      </c>
      <c r="AO24614">
        <v>68</v>
      </c>
      <c r="AP24614">
        <v>69</v>
      </c>
      <c r="AQ24614">
        <v>69</v>
      </c>
    </row>
    <row r="24615" spans="1:43">
      <c r="A24615" t="s">
        <v>15233</v>
      </c>
      <c r="B24615" t="s">
        <v>15234</v>
      </c>
      <c r="C24615" t="s">
        <v>15185</v>
      </c>
      <c r="D24615" t="s">
        <v>15186</v>
      </c>
      <c r="E24615" t="s">
        <v>15101</v>
      </c>
      <c r="F24615" t="s">
        <v>15102</v>
      </c>
      <c r="G24615" t="s">
        <v>10734</v>
      </c>
      <c r="H24615" t="s">
        <v>10735</v>
      </c>
      <c r="I24615" s="2">
        <v>1</v>
      </c>
      <c r="J24615" s="2">
        <v>0</v>
      </c>
      <c r="K24615" s="2">
        <v>0</v>
      </c>
      <c r="L24615" t="s">
        <v>120</v>
      </c>
      <c r="M24615" t="s">
        <v>87</v>
      </c>
      <c r="N24615" t="s">
        <v>88</v>
      </c>
      <c r="O24615" t="s">
        <v>85</v>
      </c>
      <c r="P24615" t="s">
        <v>86</v>
      </c>
      <c r="Q24615">
        <v>45</v>
      </c>
      <c r="R24615">
        <v>45</v>
      </c>
      <c r="S24615">
        <v>46</v>
      </c>
      <c r="T24615">
        <v>46</v>
      </c>
      <c r="U24615">
        <v>47</v>
      </c>
      <c r="V24615">
        <v>47</v>
      </c>
      <c r="W24615">
        <v>48</v>
      </c>
      <c r="X24615">
        <v>49</v>
      </c>
      <c r="Y24615">
        <v>49</v>
      </c>
      <c r="Z24615">
        <v>50</v>
      </c>
      <c r="AA24615">
        <v>50</v>
      </c>
      <c r="AB24615">
        <v>51</v>
      </c>
      <c r="AC24615">
        <v>51</v>
      </c>
      <c r="AD24615">
        <v>52</v>
      </c>
      <c r="AE24615">
        <v>53</v>
      </c>
      <c r="AF24615">
        <v>53</v>
      </c>
      <c r="AG24615">
        <v>54</v>
      </c>
      <c r="AH24615">
        <v>54</v>
      </c>
      <c r="AI24615">
        <v>55</v>
      </c>
      <c r="AJ24615">
        <v>56</v>
      </c>
      <c r="AK24615">
        <v>56</v>
      </c>
      <c r="AL24615">
        <v>57</v>
      </c>
      <c r="AM24615">
        <v>57</v>
      </c>
      <c r="AN24615">
        <v>58</v>
      </c>
      <c r="AO24615">
        <v>59</v>
      </c>
      <c r="AP24615">
        <v>59</v>
      </c>
      <c r="AQ24615">
        <v>60</v>
      </c>
    </row>
    <row r="24616" spans="1:43">
      <c r="A24616" t="s">
        <v>15233</v>
      </c>
      <c r="B24616" t="s">
        <v>15234</v>
      </c>
      <c r="C24616" t="s">
        <v>15185</v>
      </c>
      <c r="D24616" t="s">
        <v>15186</v>
      </c>
      <c r="E24616" t="s">
        <v>15101</v>
      </c>
      <c r="F24616" t="s">
        <v>15102</v>
      </c>
      <c r="G24616" t="s">
        <v>10734</v>
      </c>
      <c r="H24616" t="s">
        <v>10735</v>
      </c>
      <c r="I24616" s="2">
        <v>1</v>
      </c>
      <c r="J24616" s="2">
        <v>0</v>
      </c>
      <c r="K24616" s="2">
        <v>0</v>
      </c>
      <c r="L24616" t="s">
        <v>120</v>
      </c>
      <c r="M24616" t="s">
        <v>89</v>
      </c>
      <c r="N24616" t="s">
        <v>90</v>
      </c>
      <c r="O24616" t="s">
        <v>85</v>
      </c>
      <c r="P24616" t="s">
        <v>86</v>
      </c>
      <c r="Q24616">
        <v>45</v>
      </c>
      <c r="R24616">
        <v>46</v>
      </c>
      <c r="S24616">
        <v>47</v>
      </c>
      <c r="T24616">
        <v>49</v>
      </c>
      <c r="U24616">
        <v>50</v>
      </c>
      <c r="V24616">
        <v>51</v>
      </c>
      <c r="W24616">
        <v>53</v>
      </c>
      <c r="X24616">
        <v>54</v>
      </c>
      <c r="Y24616">
        <v>55</v>
      </c>
      <c r="Z24616">
        <v>56</v>
      </c>
      <c r="AA24616">
        <v>58</v>
      </c>
      <c r="AB24616">
        <v>59</v>
      </c>
      <c r="AC24616">
        <v>60</v>
      </c>
      <c r="AD24616">
        <v>62</v>
      </c>
      <c r="AE24616">
        <v>63</v>
      </c>
      <c r="AF24616">
        <v>63</v>
      </c>
      <c r="AG24616">
        <v>64</v>
      </c>
      <c r="AH24616">
        <v>64</v>
      </c>
      <c r="AI24616">
        <v>65</v>
      </c>
      <c r="AJ24616">
        <v>65</v>
      </c>
      <c r="AK24616">
        <v>66</v>
      </c>
      <c r="AL24616">
        <v>66</v>
      </c>
      <c r="AM24616">
        <v>67</v>
      </c>
      <c r="AN24616">
        <v>67</v>
      </c>
      <c r="AO24616">
        <v>68</v>
      </c>
      <c r="AP24616">
        <v>68</v>
      </c>
      <c r="AQ24616">
        <v>69</v>
      </c>
    </row>
    <row r="24617" spans="1:43">
      <c r="A24617" t="s">
        <v>15233</v>
      </c>
      <c r="B24617" t="s">
        <v>15234</v>
      </c>
      <c r="C24617" t="s">
        <v>15185</v>
      </c>
      <c r="D24617" t="s">
        <v>15186</v>
      </c>
      <c r="E24617" t="s">
        <v>15101</v>
      </c>
      <c r="F24617" t="s">
        <v>15102</v>
      </c>
      <c r="G24617" t="s">
        <v>10734</v>
      </c>
      <c r="H24617" t="s">
        <v>10735</v>
      </c>
      <c r="I24617" s="2">
        <v>1</v>
      </c>
      <c r="J24617" s="2">
        <v>0</v>
      </c>
      <c r="K24617" s="2">
        <v>0</v>
      </c>
      <c r="L24617" t="s">
        <v>120</v>
      </c>
      <c r="M24617" t="s">
        <v>83</v>
      </c>
      <c r="N24617" t="s">
        <v>91</v>
      </c>
      <c r="O24617" t="s">
        <v>85</v>
      </c>
      <c r="P24617" t="s">
        <v>86</v>
      </c>
      <c r="Q24617">
        <v>45</v>
      </c>
      <c r="R24617">
        <v>46</v>
      </c>
      <c r="S24617">
        <v>47</v>
      </c>
      <c r="T24617">
        <v>48</v>
      </c>
      <c r="U24617">
        <v>49</v>
      </c>
      <c r="V24617">
        <v>50</v>
      </c>
      <c r="W24617">
        <v>51</v>
      </c>
      <c r="X24617">
        <v>52</v>
      </c>
      <c r="Y24617">
        <v>53</v>
      </c>
      <c r="Z24617">
        <v>54</v>
      </c>
      <c r="AA24617">
        <v>55</v>
      </c>
      <c r="AB24617">
        <v>56</v>
      </c>
      <c r="AC24617">
        <v>57</v>
      </c>
      <c r="AD24617">
        <v>58</v>
      </c>
      <c r="AE24617">
        <v>59</v>
      </c>
      <c r="AF24617">
        <v>60</v>
      </c>
      <c r="AG24617">
        <v>61</v>
      </c>
      <c r="AH24617">
        <v>63</v>
      </c>
      <c r="AI24617">
        <v>64</v>
      </c>
      <c r="AJ24617">
        <v>65</v>
      </c>
      <c r="AK24617">
        <v>66</v>
      </c>
      <c r="AL24617">
        <v>67</v>
      </c>
      <c r="AM24617">
        <v>67</v>
      </c>
      <c r="AN24617">
        <v>68</v>
      </c>
      <c r="AO24617">
        <v>68</v>
      </c>
      <c r="AP24617">
        <v>69</v>
      </c>
      <c r="AQ24617">
        <v>69</v>
      </c>
    </row>
    <row r="24618" spans="1:43">
      <c r="A24618" t="s">
        <v>15235</v>
      </c>
      <c r="B24618" t="s">
        <v>15236</v>
      </c>
      <c r="C24618" t="s">
        <v>15205</v>
      </c>
      <c r="D24618" t="s">
        <v>15206</v>
      </c>
      <c r="E24618" t="s">
        <v>15101</v>
      </c>
      <c r="F24618" t="s">
        <v>15102</v>
      </c>
      <c r="G24618" t="s">
        <v>10734</v>
      </c>
      <c r="H24618" t="s">
        <v>10735</v>
      </c>
      <c r="I24618" s="2">
        <v>1</v>
      </c>
      <c r="J24618" s="2">
        <v>0</v>
      </c>
      <c r="K24618" s="2">
        <v>0</v>
      </c>
      <c r="L24618" t="s">
        <v>120</v>
      </c>
      <c r="M24618" t="s">
        <v>83</v>
      </c>
      <c r="N24618" t="s">
        <v>84</v>
      </c>
      <c r="O24618" t="s">
        <v>85</v>
      </c>
      <c r="P24618" t="s">
        <v>86</v>
      </c>
      <c r="Q24618">
        <v>10</v>
      </c>
      <c r="R24618">
        <v>10</v>
      </c>
      <c r="S24618">
        <v>10</v>
      </c>
      <c r="T24618">
        <v>10</v>
      </c>
      <c r="U24618">
        <v>11</v>
      </c>
      <c r="V24618">
        <v>11</v>
      </c>
      <c r="W24618">
        <v>11</v>
      </c>
      <c r="X24618">
        <v>11</v>
      </c>
      <c r="Y24618">
        <v>12</v>
      </c>
      <c r="Z24618">
        <v>12</v>
      </c>
      <c r="AA24618">
        <v>12</v>
      </c>
      <c r="AB24618">
        <v>12</v>
      </c>
      <c r="AC24618">
        <v>12</v>
      </c>
      <c r="AD24618">
        <v>13</v>
      </c>
      <c r="AE24618">
        <v>13</v>
      </c>
      <c r="AF24618">
        <v>13</v>
      </c>
      <c r="AG24618">
        <v>13</v>
      </c>
      <c r="AH24618">
        <v>14</v>
      </c>
      <c r="AI24618">
        <v>14</v>
      </c>
      <c r="AJ24618">
        <v>14</v>
      </c>
      <c r="AK24618">
        <v>14</v>
      </c>
      <c r="AL24618">
        <v>15</v>
      </c>
      <c r="AM24618">
        <v>15</v>
      </c>
      <c r="AN24618">
        <v>15</v>
      </c>
      <c r="AO24618">
        <v>15</v>
      </c>
      <c r="AP24618">
        <v>15</v>
      </c>
      <c r="AQ24618">
        <v>15</v>
      </c>
    </row>
    <row r="24619" spans="1:43">
      <c r="A24619" t="s">
        <v>15235</v>
      </c>
      <c r="B24619" t="s">
        <v>15236</v>
      </c>
      <c r="C24619" t="s">
        <v>15205</v>
      </c>
      <c r="D24619" t="s">
        <v>15206</v>
      </c>
      <c r="E24619" t="s">
        <v>15101</v>
      </c>
      <c r="F24619" t="s">
        <v>15102</v>
      </c>
      <c r="G24619" t="s">
        <v>10734</v>
      </c>
      <c r="H24619" t="s">
        <v>10735</v>
      </c>
      <c r="I24619" s="2">
        <v>1</v>
      </c>
      <c r="J24619" s="2">
        <v>0</v>
      </c>
      <c r="K24619" s="2">
        <v>0</v>
      </c>
      <c r="L24619" t="s">
        <v>120</v>
      </c>
      <c r="M24619" t="s">
        <v>87</v>
      </c>
      <c r="N24619" t="s">
        <v>88</v>
      </c>
      <c r="O24619" t="s">
        <v>85</v>
      </c>
      <c r="P24619" t="s">
        <v>86</v>
      </c>
      <c r="Q24619">
        <v>10</v>
      </c>
      <c r="R24619">
        <v>10</v>
      </c>
      <c r="S24619">
        <v>10</v>
      </c>
      <c r="T24619">
        <v>10</v>
      </c>
      <c r="U24619">
        <v>10</v>
      </c>
      <c r="V24619">
        <v>10</v>
      </c>
      <c r="W24619">
        <v>10</v>
      </c>
      <c r="X24619">
        <v>11</v>
      </c>
      <c r="Y24619">
        <v>11</v>
      </c>
      <c r="Z24619">
        <v>11</v>
      </c>
      <c r="AA24619">
        <v>11</v>
      </c>
      <c r="AB24619">
        <v>11</v>
      </c>
      <c r="AC24619">
        <v>11</v>
      </c>
      <c r="AD24619">
        <v>11</v>
      </c>
      <c r="AE24619">
        <v>11</v>
      </c>
      <c r="AF24619">
        <v>12</v>
      </c>
      <c r="AG24619">
        <v>12</v>
      </c>
      <c r="AH24619">
        <v>12</v>
      </c>
      <c r="AI24619">
        <v>12</v>
      </c>
      <c r="AJ24619">
        <v>12</v>
      </c>
      <c r="AK24619">
        <v>12</v>
      </c>
      <c r="AL24619">
        <v>12</v>
      </c>
      <c r="AM24619">
        <v>13</v>
      </c>
      <c r="AN24619">
        <v>13</v>
      </c>
      <c r="AO24619">
        <v>13</v>
      </c>
      <c r="AP24619">
        <v>13</v>
      </c>
      <c r="AQ24619">
        <v>13</v>
      </c>
    </row>
    <row r="24620" spans="1:43">
      <c r="A24620" t="s">
        <v>15235</v>
      </c>
      <c r="B24620" t="s">
        <v>15236</v>
      </c>
      <c r="C24620" t="s">
        <v>15205</v>
      </c>
      <c r="D24620" t="s">
        <v>15206</v>
      </c>
      <c r="E24620" t="s">
        <v>15101</v>
      </c>
      <c r="F24620" t="s">
        <v>15102</v>
      </c>
      <c r="G24620" t="s">
        <v>10734</v>
      </c>
      <c r="H24620" t="s">
        <v>10735</v>
      </c>
      <c r="I24620" s="2">
        <v>1</v>
      </c>
      <c r="J24620" s="2">
        <v>0</v>
      </c>
      <c r="K24620" s="2">
        <v>0</v>
      </c>
      <c r="L24620" t="s">
        <v>120</v>
      </c>
      <c r="M24620" t="s">
        <v>89</v>
      </c>
      <c r="N24620" t="s">
        <v>90</v>
      </c>
      <c r="O24620" t="s">
        <v>85</v>
      </c>
      <c r="P24620" t="s">
        <v>86</v>
      </c>
      <c r="Q24620">
        <v>10</v>
      </c>
      <c r="R24620">
        <v>10</v>
      </c>
      <c r="S24620">
        <v>10</v>
      </c>
      <c r="T24620">
        <v>11</v>
      </c>
      <c r="U24620">
        <v>11</v>
      </c>
      <c r="V24620">
        <v>11</v>
      </c>
      <c r="W24620">
        <v>12</v>
      </c>
      <c r="X24620">
        <v>12</v>
      </c>
      <c r="Y24620">
        <v>12</v>
      </c>
      <c r="Z24620">
        <v>12</v>
      </c>
      <c r="AA24620">
        <v>13</v>
      </c>
      <c r="AB24620">
        <v>13</v>
      </c>
      <c r="AC24620">
        <v>13</v>
      </c>
      <c r="AD24620">
        <v>14</v>
      </c>
      <c r="AE24620">
        <v>14</v>
      </c>
      <c r="AF24620">
        <v>14</v>
      </c>
      <c r="AG24620">
        <v>14</v>
      </c>
      <c r="AH24620">
        <v>14</v>
      </c>
      <c r="AI24620">
        <v>14</v>
      </c>
      <c r="AJ24620">
        <v>14</v>
      </c>
      <c r="AK24620">
        <v>15</v>
      </c>
      <c r="AL24620">
        <v>15</v>
      </c>
      <c r="AM24620">
        <v>15</v>
      </c>
      <c r="AN24620">
        <v>15</v>
      </c>
      <c r="AO24620">
        <v>15</v>
      </c>
      <c r="AP24620">
        <v>15</v>
      </c>
      <c r="AQ24620">
        <v>15</v>
      </c>
    </row>
    <row r="24621" spans="1:43">
      <c r="A24621" t="s">
        <v>15235</v>
      </c>
      <c r="B24621" t="s">
        <v>15236</v>
      </c>
      <c r="C24621" t="s">
        <v>15205</v>
      </c>
      <c r="D24621" t="s">
        <v>15206</v>
      </c>
      <c r="E24621" t="s">
        <v>15101</v>
      </c>
      <c r="F24621" t="s">
        <v>15102</v>
      </c>
      <c r="G24621" t="s">
        <v>10734</v>
      </c>
      <c r="H24621" t="s">
        <v>10735</v>
      </c>
      <c r="I24621" s="2">
        <v>1</v>
      </c>
      <c r="J24621" s="2">
        <v>0</v>
      </c>
      <c r="K24621" s="2">
        <v>0</v>
      </c>
      <c r="L24621" t="s">
        <v>120</v>
      </c>
      <c r="M24621" t="s">
        <v>83</v>
      </c>
      <c r="N24621" t="s">
        <v>91</v>
      </c>
      <c r="O24621" t="s">
        <v>85</v>
      </c>
      <c r="P24621" t="s">
        <v>86</v>
      </c>
      <c r="Q24621">
        <v>10</v>
      </c>
      <c r="R24621">
        <v>10</v>
      </c>
      <c r="S24621">
        <v>10</v>
      </c>
      <c r="T24621">
        <v>10</v>
      </c>
      <c r="U24621">
        <v>11</v>
      </c>
      <c r="V24621">
        <v>11</v>
      </c>
      <c r="W24621">
        <v>11</v>
      </c>
      <c r="X24621">
        <v>11</v>
      </c>
      <c r="Y24621">
        <v>12</v>
      </c>
      <c r="Z24621">
        <v>12</v>
      </c>
      <c r="AA24621">
        <v>12</v>
      </c>
      <c r="AB24621">
        <v>12</v>
      </c>
      <c r="AC24621">
        <v>12</v>
      </c>
      <c r="AD24621">
        <v>13</v>
      </c>
      <c r="AE24621">
        <v>13</v>
      </c>
      <c r="AF24621">
        <v>13</v>
      </c>
      <c r="AG24621">
        <v>13</v>
      </c>
      <c r="AH24621">
        <v>14</v>
      </c>
      <c r="AI24621">
        <v>14</v>
      </c>
      <c r="AJ24621">
        <v>14</v>
      </c>
      <c r="AK24621">
        <v>14</v>
      </c>
      <c r="AL24621">
        <v>15</v>
      </c>
      <c r="AM24621">
        <v>15</v>
      </c>
      <c r="AN24621">
        <v>15</v>
      </c>
      <c r="AO24621">
        <v>15</v>
      </c>
      <c r="AP24621">
        <v>15</v>
      </c>
      <c r="AQ24621">
        <v>15</v>
      </c>
    </row>
    <row r="24622" spans="1:43">
      <c r="A24622" t="s">
        <v>15237</v>
      </c>
      <c r="B24622" t="s">
        <v>15238</v>
      </c>
      <c r="C24622" t="s">
        <v>15239</v>
      </c>
      <c r="D24622" t="s">
        <v>15240</v>
      </c>
      <c r="E24622" t="s">
        <v>15241</v>
      </c>
      <c r="F24622" t="s">
        <v>15242</v>
      </c>
      <c r="G24622" t="s">
        <v>10734</v>
      </c>
      <c r="H24622" t="s">
        <v>10735</v>
      </c>
      <c r="I24622" s="2">
        <v>1</v>
      </c>
      <c r="J24622" s="2">
        <v>0</v>
      </c>
      <c r="K24622" s="2">
        <v>0</v>
      </c>
      <c r="L24622" t="s">
        <v>120</v>
      </c>
      <c r="M24622" t="s">
        <v>83</v>
      </c>
      <c r="N24622" t="s">
        <v>84</v>
      </c>
      <c r="O24622" t="s">
        <v>85</v>
      </c>
      <c r="P24622" t="s">
        <v>86</v>
      </c>
      <c r="Q24622">
        <v>16</v>
      </c>
      <c r="R24622">
        <v>16</v>
      </c>
      <c r="S24622">
        <v>17</v>
      </c>
      <c r="T24622">
        <v>17</v>
      </c>
      <c r="U24622">
        <v>17</v>
      </c>
      <c r="V24622">
        <v>17</v>
      </c>
      <c r="W24622">
        <v>18</v>
      </c>
      <c r="X24622">
        <v>18</v>
      </c>
      <c r="Y24622">
        <v>18</v>
      </c>
      <c r="Z24622">
        <v>18</v>
      </c>
      <c r="AA24622">
        <v>18</v>
      </c>
      <c r="AB24622">
        <v>19</v>
      </c>
      <c r="AC24622">
        <v>19</v>
      </c>
      <c r="AD24622">
        <v>19</v>
      </c>
      <c r="AE24622">
        <v>19</v>
      </c>
      <c r="AF24622">
        <v>19</v>
      </c>
      <c r="AG24622">
        <v>20</v>
      </c>
      <c r="AH24622">
        <v>20</v>
      </c>
      <c r="AI24622">
        <v>20</v>
      </c>
      <c r="AJ24622">
        <v>20</v>
      </c>
      <c r="AK24622">
        <v>20</v>
      </c>
      <c r="AL24622">
        <v>20</v>
      </c>
      <c r="AM24622">
        <v>20</v>
      </c>
      <c r="AN24622">
        <v>20</v>
      </c>
      <c r="AO24622">
        <v>20</v>
      </c>
      <c r="AP24622">
        <v>20</v>
      </c>
      <c r="AQ24622">
        <v>20</v>
      </c>
    </row>
    <row r="24623" spans="1:43">
      <c r="A24623" t="s">
        <v>15237</v>
      </c>
      <c r="B24623" t="s">
        <v>15238</v>
      </c>
      <c r="C24623" t="s">
        <v>15239</v>
      </c>
      <c r="D24623" t="s">
        <v>15240</v>
      </c>
      <c r="E24623" t="s">
        <v>15241</v>
      </c>
      <c r="F24623" t="s">
        <v>15242</v>
      </c>
      <c r="G24623" t="s">
        <v>10734</v>
      </c>
      <c r="H24623" t="s">
        <v>10735</v>
      </c>
      <c r="I24623" s="2">
        <v>1</v>
      </c>
      <c r="J24623" s="2">
        <v>0</v>
      </c>
      <c r="K24623" s="2">
        <v>0</v>
      </c>
      <c r="L24623" t="s">
        <v>120</v>
      </c>
      <c r="M24623" t="s">
        <v>87</v>
      </c>
      <c r="N24623" t="s">
        <v>88</v>
      </c>
      <c r="O24623" t="s">
        <v>85</v>
      </c>
      <c r="P24623" t="s">
        <v>86</v>
      </c>
      <c r="Q24623">
        <v>16</v>
      </c>
      <c r="R24623">
        <v>16</v>
      </c>
      <c r="S24623">
        <v>16</v>
      </c>
      <c r="T24623">
        <v>16</v>
      </c>
      <c r="U24623">
        <v>16</v>
      </c>
      <c r="V24623">
        <v>16</v>
      </c>
      <c r="W24623">
        <v>17</v>
      </c>
      <c r="X24623">
        <v>17</v>
      </c>
      <c r="Y24623">
        <v>17</v>
      </c>
      <c r="Z24623">
        <v>17</v>
      </c>
      <c r="AA24623">
        <v>17</v>
      </c>
      <c r="AB24623">
        <v>17</v>
      </c>
      <c r="AC24623">
        <v>17</v>
      </c>
      <c r="AD24623">
        <v>17</v>
      </c>
      <c r="AE24623">
        <v>17</v>
      </c>
      <c r="AF24623">
        <v>17</v>
      </c>
      <c r="AG24623">
        <v>17</v>
      </c>
      <c r="AH24623">
        <v>17</v>
      </c>
      <c r="AI24623">
        <v>17</v>
      </c>
      <c r="AJ24623">
        <v>17</v>
      </c>
      <c r="AK24623">
        <v>17</v>
      </c>
      <c r="AL24623">
        <v>17</v>
      </c>
      <c r="AM24623">
        <v>17</v>
      </c>
      <c r="AN24623">
        <v>18</v>
      </c>
      <c r="AO24623">
        <v>18</v>
      </c>
      <c r="AP24623">
        <v>18</v>
      </c>
      <c r="AQ24623">
        <v>18</v>
      </c>
    </row>
    <row r="24624" spans="1:43">
      <c r="A24624" t="s">
        <v>15237</v>
      </c>
      <c r="B24624" t="s">
        <v>15238</v>
      </c>
      <c r="C24624" t="s">
        <v>15239</v>
      </c>
      <c r="D24624" t="s">
        <v>15240</v>
      </c>
      <c r="E24624" t="s">
        <v>15241</v>
      </c>
      <c r="F24624" t="s">
        <v>15242</v>
      </c>
      <c r="G24624" t="s">
        <v>10734</v>
      </c>
      <c r="H24624" t="s">
        <v>10735</v>
      </c>
      <c r="I24624" s="2">
        <v>1</v>
      </c>
      <c r="J24624" s="2">
        <v>0</v>
      </c>
      <c r="K24624" s="2">
        <v>0</v>
      </c>
      <c r="L24624" t="s">
        <v>120</v>
      </c>
      <c r="M24624" t="s">
        <v>89</v>
      </c>
      <c r="N24624" t="s">
        <v>90</v>
      </c>
      <c r="O24624" t="s">
        <v>85</v>
      </c>
      <c r="P24624" t="s">
        <v>86</v>
      </c>
      <c r="Q24624">
        <v>16</v>
      </c>
      <c r="R24624">
        <v>17</v>
      </c>
      <c r="S24624">
        <v>17</v>
      </c>
      <c r="T24624">
        <v>17</v>
      </c>
      <c r="U24624">
        <v>18</v>
      </c>
      <c r="V24624">
        <v>18</v>
      </c>
      <c r="W24624">
        <v>18</v>
      </c>
      <c r="X24624">
        <v>19</v>
      </c>
      <c r="Y24624">
        <v>19</v>
      </c>
      <c r="Z24624">
        <v>19</v>
      </c>
      <c r="AA24624">
        <v>20</v>
      </c>
      <c r="AB24624">
        <v>20</v>
      </c>
      <c r="AC24624">
        <v>20</v>
      </c>
      <c r="AD24624">
        <v>20</v>
      </c>
      <c r="AE24624">
        <v>21</v>
      </c>
      <c r="AF24624">
        <v>21</v>
      </c>
      <c r="AG24624">
        <v>21</v>
      </c>
      <c r="AH24624">
        <v>21</v>
      </c>
      <c r="AI24624">
        <v>21</v>
      </c>
      <c r="AJ24624">
        <v>21</v>
      </c>
      <c r="AK24624">
        <v>21</v>
      </c>
      <c r="AL24624">
        <v>21</v>
      </c>
      <c r="AM24624">
        <v>21</v>
      </c>
      <c r="AN24624">
        <v>21</v>
      </c>
      <c r="AO24624">
        <v>21</v>
      </c>
      <c r="AP24624">
        <v>21</v>
      </c>
      <c r="AQ24624">
        <v>21</v>
      </c>
    </row>
    <row r="24625" spans="1:43">
      <c r="A24625" t="s">
        <v>15237</v>
      </c>
      <c r="B24625" t="s">
        <v>15238</v>
      </c>
      <c r="C24625" t="s">
        <v>15239</v>
      </c>
      <c r="D24625" t="s">
        <v>15240</v>
      </c>
      <c r="E24625" t="s">
        <v>15241</v>
      </c>
      <c r="F24625" t="s">
        <v>15242</v>
      </c>
      <c r="G24625" t="s">
        <v>10734</v>
      </c>
      <c r="H24625" t="s">
        <v>10735</v>
      </c>
      <c r="I24625" s="2">
        <v>1</v>
      </c>
      <c r="J24625" s="2">
        <v>0</v>
      </c>
      <c r="K24625" s="2">
        <v>0</v>
      </c>
      <c r="L24625" t="s">
        <v>120</v>
      </c>
      <c r="M24625" t="s">
        <v>83</v>
      </c>
      <c r="N24625" t="s">
        <v>91</v>
      </c>
      <c r="O24625" t="s">
        <v>85</v>
      </c>
      <c r="P24625" t="s">
        <v>86</v>
      </c>
      <c r="Q24625">
        <v>16</v>
      </c>
      <c r="R24625">
        <v>16</v>
      </c>
      <c r="S24625">
        <v>17</v>
      </c>
      <c r="T24625">
        <v>17</v>
      </c>
      <c r="U24625">
        <v>17</v>
      </c>
      <c r="V24625">
        <v>17</v>
      </c>
      <c r="W24625">
        <v>18</v>
      </c>
      <c r="X24625">
        <v>18</v>
      </c>
      <c r="Y24625">
        <v>18</v>
      </c>
      <c r="Z24625">
        <v>18</v>
      </c>
      <c r="AA24625">
        <v>18</v>
      </c>
      <c r="AB24625">
        <v>19</v>
      </c>
      <c r="AC24625">
        <v>19</v>
      </c>
      <c r="AD24625">
        <v>19</v>
      </c>
      <c r="AE24625">
        <v>19</v>
      </c>
      <c r="AF24625">
        <v>19</v>
      </c>
      <c r="AG24625">
        <v>20</v>
      </c>
      <c r="AH24625">
        <v>20</v>
      </c>
      <c r="AI24625">
        <v>20</v>
      </c>
      <c r="AJ24625">
        <v>20</v>
      </c>
      <c r="AK24625">
        <v>20</v>
      </c>
      <c r="AL24625">
        <v>20</v>
      </c>
      <c r="AM24625">
        <v>20</v>
      </c>
      <c r="AN24625">
        <v>20</v>
      </c>
      <c r="AO24625">
        <v>20</v>
      </c>
      <c r="AP24625">
        <v>20</v>
      </c>
      <c r="AQ24625">
        <v>20</v>
      </c>
    </row>
    <row r="24626" spans="1:43">
      <c r="A24626" t="s">
        <v>15243</v>
      </c>
      <c r="B24626" t="s">
        <v>15244</v>
      </c>
      <c r="C24626" t="s">
        <v>15239</v>
      </c>
      <c r="D24626" t="s">
        <v>15240</v>
      </c>
      <c r="E24626" t="s">
        <v>15241</v>
      </c>
      <c r="F24626" t="s">
        <v>15242</v>
      </c>
      <c r="G24626" t="s">
        <v>10734</v>
      </c>
      <c r="H24626" t="s">
        <v>10735</v>
      </c>
      <c r="I24626" s="2">
        <v>1</v>
      </c>
      <c r="J24626" s="2">
        <v>0</v>
      </c>
      <c r="K24626" s="2">
        <v>0</v>
      </c>
      <c r="L24626" t="s">
        <v>120</v>
      </c>
      <c r="M24626" t="s">
        <v>83</v>
      </c>
      <c r="N24626" t="s">
        <v>84</v>
      </c>
      <c r="O24626" t="s">
        <v>85</v>
      </c>
      <c r="P24626" t="s">
        <v>86</v>
      </c>
      <c r="Q24626">
        <v>57</v>
      </c>
      <c r="R24626">
        <v>58</v>
      </c>
      <c r="S24626">
        <v>59</v>
      </c>
      <c r="T24626">
        <v>59</v>
      </c>
      <c r="U24626">
        <v>60</v>
      </c>
      <c r="V24626">
        <v>61</v>
      </c>
      <c r="W24626">
        <v>62</v>
      </c>
      <c r="X24626">
        <v>62</v>
      </c>
      <c r="Y24626">
        <v>63</v>
      </c>
      <c r="Z24626">
        <v>64</v>
      </c>
      <c r="AA24626">
        <v>65</v>
      </c>
      <c r="AB24626">
        <v>65</v>
      </c>
      <c r="AC24626">
        <v>66</v>
      </c>
      <c r="AD24626">
        <v>67</v>
      </c>
      <c r="AE24626">
        <v>67</v>
      </c>
      <c r="AF24626">
        <v>68</v>
      </c>
      <c r="AG24626">
        <v>69</v>
      </c>
      <c r="AH24626">
        <v>69</v>
      </c>
      <c r="AI24626">
        <v>70</v>
      </c>
      <c r="AJ24626">
        <v>71</v>
      </c>
      <c r="AK24626">
        <v>71</v>
      </c>
      <c r="AL24626">
        <v>72</v>
      </c>
      <c r="AM24626">
        <v>72</v>
      </c>
      <c r="AN24626">
        <v>72</v>
      </c>
      <c r="AO24626">
        <v>72</v>
      </c>
      <c r="AP24626">
        <v>72</v>
      </c>
      <c r="AQ24626">
        <v>72</v>
      </c>
    </row>
    <row r="24627" spans="1:43">
      <c r="A24627" t="s">
        <v>15243</v>
      </c>
      <c r="B24627" t="s">
        <v>15244</v>
      </c>
      <c r="C24627" t="s">
        <v>15239</v>
      </c>
      <c r="D24627" t="s">
        <v>15240</v>
      </c>
      <c r="E24627" t="s">
        <v>15241</v>
      </c>
      <c r="F24627" t="s">
        <v>15242</v>
      </c>
      <c r="G24627" t="s">
        <v>10734</v>
      </c>
      <c r="H24627" t="s">
        <v>10735</v>
      </c>
      <c r="I24627" s="2">
        <v>1</v>
      </c>
      <c r="J24627" s="2">
        <v>0</v>
      </c>
      <c r="K24627" s="2">
        <v>0</v>
      </c>
      <c r="L24627" t="s">
        <v>120</v>
      </c>
      <c r="M24627" t="s">
        <v>87</v>
      </c>
      <c r="N24627" t="s">
        <v>88</v>
      </c>
      <c r="O24627" t="s">
        <v>85</v>
      </c>
      <c r="P24627" t="s">
        <v>86</v>
      </c>
      <c r="Q24627">
        <v>57</v>
      </c>
      <c r="R24627">
        <v>57</v>
      </c>
      <c r="S24627">
        <v>57</v>
      </c>
      <c r="T24627">
        <v>57</v>
      </c>
      <c r="U24627">
        <v>58</v>
      </c>
      <c r="V24627">
        <v>58</v>
      </c>
      <c r="W24627">
        <v>58</v>
      </c>
      <c r="X24627">
        <v>58</v>
      </c>
      <c r="Y24627">
        <v>58</v>
      </c>
      <c r="Z24627">
        <v>59</v>
      </c>
      <c r="AA24627">
        <v>59</v>
      </c>
      <c r="AB24627">
        <v>59</v>
      </c>
      <c r="AC24627">
        <v>59</v>
      </c>
      <c r="AD24627">
        <v>60</v>
      </c>
      <c r="AE24627">
        <v>60</v>
      </c>
      <c r="AF24627">
        <v>60</v>
      </c>
      <c r="AG24627">
        <v>60</v>
      </c>
      <c r="AH24627">
        <v>60</v>
      </c>
      <c r="AI24627">
        <v>61</v>
      </c>
      <c r="AJ24627">
        <v>61</v>
      </c>
      <c r="AK24627">
        <v>61</v>
      </c>
      <c r="AL24627">
        <v>61</v>
      </c>
      <c r="AM24627">
        <v>61</v>
      </c>
      <c r="AN24627">
        <v>62</v>
      </c>
      <c r="AO24627">
        <v>62</v>
      </c>
      <c r="AP24627">
        <v>62</v>
      </c>
      <c r="AQ24627">
        <v>62</v>
      </c>
    </row>
    <row r="24628" spans="1:43">
      <c r="A24628" t="s">
        <v>15243</v>
      </c>
      <c r="B24628" t="s">
        <v>15244</v>
      </c>
      <c r="C24628" t="s">
        <v>15239</v>
      </c>
      <c r="D24628" t="s">
        <v>15240</v>
      </c>
      <c r="E24628" t="s">
        <v>15241</v>
      </c>
      <c r="F24628" t="s">
        <v>15242</v>
      </c>
      <c r="G24628" t="s">
        <v>10734</v>
      </c>
      <c r="H24628" t="s">
        <v>10735</v>
      </c>
      <c r="I24628" s="2">
        <v>1</v>
      </c>
      <c r="J24628" s="2">
        <v>0</v>
      </c>
      <c r="K24628" s="2">
        <v>0</v>
      </c>
      <c r="L24628" t="s">
        <v>120</v>
      </c>
      <c r="M24628" t="s">
        <v>89</v>
      </c>
      <c r="N24628" t="s">
        <v>90</v>
      </c>
      <c r="O24628" t="s">
        <v>85</v>
      </c>
      <c r="P24628" t="s">
        <v>86</v>
      </c>
      <c r="Q24628">
        <v>57</v>
      </c>
      <c r="R24628">
        <v>58</v>
      </c>
      <c r="S24628">
        <v>59</v>
      </c>
      <c r="T24628">
        <v>60</v>
      </c>
      <c r="U24628">
        <v>62</v>
      </c>
      <c r="V24628">
        <v>63</v>
      </c>
      <c r="W24628">
        <v>64</v>
      </c>
      <c r="X24628">
        <v>65</v>
      </c>
      <c r="Y24628">
        <v>66</v>
      </c>
      <c r="Z24628">
        <v>67</v>
      </c>
      <c r="AA24628">
        <v>68</v>
      </c>
      <c r="AB24628">
        <v>69</v>
      </c>
      <c r="AC24628">
        <v>70</v>
      </c>
      <c r="AD24628">
        <v>71</v>
      </c>
      <c r="AE24628">
        <v>71</v>
      </c>
      <c r="AF24628">
        <v>71</v>
      </c>
      <c r="AG24628">
        <v>71</v>
      </c>
      <c r="AH24628">
        <v>71</v>
      </c>
      <c r="AI24628">
        <v>72</v>
      </c>
      <c r="AJ24628">
        <v>72</v>
      </c>
      <c r="AK24628">
        <v>72</v>
      </c>
      <c r="AL24628">
        <v>72</v>
      </c>
      <c r="AM24628">
        <v>72</v>
      </c>
      <c r="AN24628">
        <v>72</v>
      </c>
      <c r="AO24628">
        <v>72</v>
      </c>
      <c r="AP24628">
        <v>72</v>
      </c>
      <c r="AQ24628">
        <v>72</v>
      </c>
    </row>
    <row r="24629" spans="1:43">
      <c r="A24629" t="s">
        <v>15243</v>
      </c>
      <c r="B24629" t="s">
        <v>15244</v>
      </c>
      <c r="C24629" t="s">
        <v>15239</v>
      </c>
      <c r="D24629" t="s">
        <v>15240</v>
      </c>
      <c r="E24629" t="s">
        <v>15241</v>
      </c>
      <c r="F24629" t="s">
        <v>15242</v>
      </c>
      <c r="G24629" t="s">
        <v>10734</v>
      </c>
      <c r="H24629" t="s">
        <v>10735</v>
      </c>
      <c r="I24629" s="2">
        <v>1</v>
      </c>
      <c r="J24629" s="2">
        <v>0</v>
      </c>
      <c r="K24629" s="2">
        <v>0</v>
      </c>
      <c r="L24629" t="s">
        <v>120</v>
      </c>
      <c r="M24629" t="s">
        <v>83</v>
      </c>
      <c r="N24629" t="s">
        <v>91</v>
      </c>
      <c r="O24629" t="s">
        <v>85</v>
      </c>
      <c r="P24629" t="s">
        <v>86</v>
      </c>
      <c r="Q24629">
        <v>57</v>
      </c>
      <c r="R24629">
        <v>58</v>
      </c>
      <c r="S24629">
        <v>59</v>
      </c>
      <c r="T24629">
        <v>59</v>
      </c>
      <c r="U24629">
        <v>60</v>
      </c>
      <c r="V24629">
        <v>61</v>
      </c>
      <c r="W24629">
        <v>62</v>
      </c>
      <c r="X24629">
        <v>62</v>
      </c>
      <c r="Y24629">
        <v>63</v>
      </c>
      <c r="Z24629">
        <v>64</v>
      </c>
      <c r="AA24629">
        <v>65</v>
      </c>
      <c r="AB24629">
        <v>65</v>
      </c>
      <c r="AC24629">
        <v>66</v>
      </c>
      <c r="AD24629">
        <v>67</v>
      </c>
      <c r="AE24629">
        <v>67</v>
      </c>
      <c r="AF24629">
        <v>68</v>
      </c>
      <c r="AG24629">
        <v>69</v>
      </c>
      <c r="AH24629">
        <v>69</v>
      </c>
      <c r="AI24629">
        <v>70</v>
      </c>
      <c r="AJ24629">
        <v>71</v>
      </c>
      <c r="AK24629">
        <v>71</v>
      </c>
      <c r="AL24629">
        <v>72</v>
      </c>
      <c r="AM24629">
        <v>72</v>
      </c>
      <c r="AN24629">
        <v>72</v>
      </c>
      <c r="AO24629">
        <v>72</v>
      </c>
      <c r="AP24629">
        <v>72</v>
      </c>
      <c r="AQ24629">
        <v>72</v>
      </c>
    </row>
    <row r="24630" spans="1:43">
      <c r="A24630" t="s">
        <v>15245</v>
      </c>
      <c r="B24630" t="s">
        <v>15246</v>
      </c>
      <c r="C24630" t="s">
        <v>15247</v>
      </c>
      <c r="D24630" t="s">
        <v>15248</v>
      </c>
      <c r="E24630" t="s">
        <v>15241</v>
      </c>
      <c r="F24630" t="s">
        <v>15242</v>
      </c>
      <c r="G24630" t="s">
        <v>10734</v>
      </c>
      <c r="H24630" t="s">
        <v>10735</v>
      </c>
      <c r="I24630" s="2">
        <v>1</v>
      </c>
      <c r="J24630" s="2">
        <v>0</v>
      </c>
      <c r="K24630" s="2">
        <v>0</v>
      </c>
      <c r="L24630" t="s">
        <v>120</v>
      </c>
      <c r="M24630" t="s">
        <v>83</v>
      </c>
      <c r="N24630" t="s">
        <v>84</v>
      </c>
      <c r="O24630" t="s">
        <v>85</v>
      </c>
      <c r="P24630" t="s">
        <v>86</v>
      </c>
      <c r="Q24630">
        <v>22</v>
      </c>
      <c r="R24630">
        <v>23</v>
      </c>
      <c r="S24630">
        <v>23</v>
      </c>
      <c r="T24630">
        <v>23</v>
      </c>
      <c r="U24630">
        <v>24</v>
      </c>
      <c r="V24630">
        <v>24</v>
      </c>
      <c r="W24630">
        <v>24</v>
      </c>
      <c r="X24630">
        <v>25</v>
      </c>
      <c r="Y24630">
        <v>25</v>
      </c>
      <c r="Z24630">
        <v>25</v>
      </c>
      <c r="AA24630">
        <v>25</v>
      </c>
      <c r="AB24630">
        <v>26</v>
      </c>
      <c r="AC24630">
        <v>26</v>
      </c>
      <c r="AD24630">
        <v>26</v>
      </c>
      <c r="AE24630">
        <v>27</v>
      </c>
      <c r="AF24630">
        <v>27</v>
      </c>
      <c r="AG24630">
        <v>27</v>
      </c>
      <c r="AH24630">
        <v>27</v>
      </c>
      <c r="AI24630">
        <v>28</v>
      </c>
      <c r="AJ24630">
        <v>28</v>
      </c>
      <c r="AK24630">
        <v>28</v>
      </c>
      <c r="AL24630">
        <v>28</v>
      </c>
      <c r="AM24630">
        <v>28</v>
      </c>
      <c r="AN24630">
        <v>28</v>
      </c>
      <c r="AO24630">
        <v>28</v>
      </c>
      <c r="AP24630">
        <v>28</v>
      </c>
      <c r="AQ24630">
        <v>28</v>
      </c>
    </row>
    <row r="24631" spans="1:43">
      <c r="A24631" t="s">
        <v>15245</v>
      </c>
      <c r="B24631" t="s">
        <v>15246</v>
      </c>
      <c r="C24631" t="s">
        <v>15247</v>
      </c>
      <c r="D24631" t="s">
        <v>15248</v>
      </c>
      <c r="E24631" t="s">
        <v>15241</v>
      </c>
      <c r="F24631" t="s">
        <v>15242</v>
      </c>
      <c r="G24631" t="s">
        <v>10734</v>
      </c>
      <c r="H24631" t="s">
        <v>10735</v>
      </c>
      <c r="I24631" s="2">
        <v>1</v>
      </c>
      <c r="J24631" s="2">
        <v>0</v>
      </c>
      <c r="K24631" s="2">
        <v>0</v>
      </c>
      <c r="L24631" t="s">
        <v>120</v>
      </c>
      <c r="M24631" t="s">
        <v>87</v>
      </c>
      <c r="N24631" t="s">
        <v>88</v>
      </c>
      <c r="O24631" t="s">
        <v>85</v>
      </c>
      <c r="P24631" t="s">
        <v>86</v>
      </c>
      <c r="Q24631">
        <v>22</v>
      </c>
      <c r="R24631">
        <v>22</v>
      </c>
      <c r="S24631">
        <v>22</v>
      </c>
      <c r="T24631">
        <v>23</v>
      </c>
      <c r="U24631">
        <v>23</v>
      </c>
      <c r="V24631">
        <v>23</v>
      </c>
      <c r="W24631">
        <v>23</v>
      </c>
      <c r="X24631">
        <v>23</v>
      </c>
      <c r="Y24631">
        <v>23</v>
      </c>
      <c r="Z24631">
        <v>23</v>
      </c>
      <c r="AA24631">
        <v>23</v>
      </c>
      <c r="AB24631">
        <v>23</v>
      </c>
      <c r="AC24631">
        <v>23</v>
      </c>
      <c r="AD24631">
        <v>23</v>
      </c>
      <c r="AE24631">
        <v>24</v>
      </c>
      <c r="AF24631">
        <v>24</v>
      </c>
      <c r="AG24631">
        <v>24</v>
      </c>
      <c r="AH24631">
        <v>24</v>
      </c>
      <c r="AI24631">
        <v>24</v>
      </c>
      <c r="AJ24631">
        <v>24</v>
      </c>
      <c r="AK24631">
        <v>24</v>
      </c>
      <c r="AL24631">
        <v>24</v>
      </c>
      <c r="AM24631">
        <v>24</v>
      </c>
      <c r="AN24631">
        <v>24</v>
      </c>
      <c r="AO24631">
        <v>24</v>
      </c>
      <c r="AP24631">
        <v>24</v>
      </c>
      <c r="AQ24631">
        <v>25</v>
      </c>
    </row>
    <row r="24632" spans="1:43">
      <c r="A24632" t="s">
        <v>15245</v>
      </c>
      <c r="B24632" t="s">
        <v>15246</v>
      </c>
      <c r="C24632" t="s">
        <v>15247</v>
      </c>
      <c r="D24632" t="s">
        <v>15248</v>
      </c>
      <c r="E24632" t="s">
        <v>15241</v>
      </c>
      <c r="F24632" t="s">
        <v>15242</v>
      </c>
      <c r="G24632" t="s">
        <v>10734</v>
      </c>
      <c r="H24632" t="s">
        <v>10735</v>
      </c>
      <c r="I24632" s="2">
        <v>1</v>
      </c>
      <c r="J24632" s="2">
        <v>0</v>
      </c>
      <c r="K24632" s="2">
        <v>0</v>
      </c>
      <c r="L24632" t="s">
        <v>120</v>
      </c>
      <c r="M24632" t="s">
        <v>89</v>
      </c>
      <c r="N24632" t="s">
        <v>90</v>
      </c>
      <c r="O24632" t="s">
        <v>85</v>
      </c>
      <c r="P24632" t="s">
        <v>86</v>
      </c>
      <c r="Q24632">
        <v>22</v>
      </c>
      <c r="R24632">
        <v>22</v>
      </c>
      <c r="S24632">
        <v>23</v>
      </c>
      <c r="T24632">
        <v>23</v>
      </c>
      <c r="U24632">
        <v>24</v>
      </c>
      <c r="V24632">
        <v>24</v>
      </c>
      <c r="W24632">
        <v>25</v>
      </c>
      <c r="X24632">
        <v>25</v>
      </c>
      <c r="Y24632">
        <v>25</v>
      </c>
      <c r="Z24632">
        <v>26</v>
      </c>
      <c r="AA24632">
        <v>26</v>
      </c>
      <c r="AB24632">
        <v>26</v>
      </c>
      <c r="AC24632">
        <v>27</v>
      </c>
      <c r="AD24632">
        <v>27</v>
      </c>
      <c r="AE24632">
        <v>27</v>
      </c>
      <c r="AF24632">
        <v>27</v>
      </c>
      <c r="AG24632">
        <v>27</v>
      </c>
      <c r="AH24632">
        <v>28</v>
      </c>
      <c r="AI24632">
        <v>28</v>
      </c>
      <c r="AJ24632">
        <v>28</v>
      </c>
      <c r="AK24632">
        <v>28</v>
      </c>
      <c r="AL24632">
        <v>28</v>
      </c>
      <c r="AM24632">
        <v>28</v>
      </c>
      <c r="AN24632">
        <v>28</v>
      </c>
      <c r="AO24632">
        <v>28</v>
      </c>
      <c r="AP24632">
        <v>28</v>
      </c>
      <c r="AQ24632">
        <v>28</v>
      </c>
    </row>
    <row r="24633" spans="1:43">
      <c r="A24633" t="s">
        <v>15245</v>
      </c>
      <c r="B24633" t="s">
        <v>15246</v>
      </c>
      <c r="C24633" t="s">
        <v>15247</v>
      </c>
      <c r="D24633" t="s">
        <v>15248</v>
      </c>
      <c r="E24633" t="s">
        <v>15241</v>
      </c>
      <c r="F24633" t="s">
        <v>15242</v>
      </c>
      <c r="G24633" t="s">
        <v>10734</v>
      </c>
      <c r="H24633" t="s">
        <v>10735</v>
      </c>
      <c r="I24633" s="2">
        <v>1</v>
      </c>
      <c r="J24633" s="2">
        <v>0</v>
      </c>
      <c r="K24633" s="2">
        <v>0</v>
      </c>
      <c r="L24633" t="s">
        <v>120</v>
      </c>
      <c r="M24633" t="s">
        <v>83</v>
      </c>
      <c r="N24633" t="s">
        <v>91</v>
      </c>
      <c r="O24633" t="s">
        <v>85</v>
      </c>
      <c r="P24633" t="s">
        <v>86</v>
      </c>
      <c r="Q24633">
        <v>22</v>
      </c>
      <c r="R24633">
        <v>23</v>
      </c>
      <c r="S24633">
        <v>23</v>
      </c>
      <c r="T24633">
        <v>23</v>
      </c>
      <c r="U24633">
        <v>24</v>
      </c>
      <c r="V24633">
        <v>24</v>
      </c>
      <c r="W24633">
        <v>24</v>
      </c>
      <c r="X24633">
        <v>25</v>
      </c>
      <c r="Y24633">
        <v>25</v>
      </c>
      <c r="Z24633">
        <v>25</v>
      </c>
      <c r="AA24633">
        <v>25</v>
      </c>
      <c r="AB24633">
        <v>26</v>
      </c>
      <c r="AC24633">
        <v>26</v>
      </c>
      <c r="AD24633">
        <v>26</v>
      </c>
      <c r="AE24633">
        <v>27</v>
      </c>
      <c r="AF24633">
        <v>27</v>
      </c>
      <c r="AG24633">
        <v>27</v>
      </c>
      <c r="AH24633">
        <v>27</v>
      </c>
      <c r="AI24633">
        <v>28</v>
      </c>
      <c r="AJ24633">
        <v>28</v>
      </c>
      <c r="AK24633">
        <v>28</v>
      </c>
      <c r="AL24633">
        <v>28</v>
      </c>
      <c r="AM24633">
        <v>28</v>
      </c>
      <c r="AN24633">
        <v>28</v>
      </c>
      <c r="AO24633">
        <v>28</v>
      </c>
      <c r="AP24633">
        <v>28</v>
      </c>
      <c r="AQ24633">
        <v>28</v>
      </c>
    </row>
    <row r="24634" spans="1:43">
      <c r="A24634" t="s">
        <v>15249</v>
      </c>
      <c r="B24634" t="s">
        <v>15250</v>
      </c>
      <c r="C24634" t="s">
        <v>15247</v>
      </c>
      <c r="D24634" t="s">
        <v>15248</v>
      </c>
      <c r="E24634" t="s">
        <v>15241</v>
      </c>
      <c r="F24634" t="s">
        <v>15242</v>
      </c>
      <c r="G24634" t="s">
        <v>10734</v>
      </c>
      <c r="H24634" t="s">
        <v>10735</v>
      </c>
      <c r="I24634" s="2">
        <v>1</v>
      </c>
      <c r="J24634" s="2">
        <v>0</v>
      </c>
      <c r="K24634" s="2">
        <v>0</v>
      </c>
      <c r="L24634" t="s">
        <v>120</v>
      </c>
      <c r="M24634" t="s">
        <v>83</v>
      </c>
      <c r="N24634" t="s">
        <v>84</v>
      </c>
      <c r="O24634" t="s">
        <v>85</v>
      </c>
      <c r="P24634" t="s">
        <v>86</v>
      </c>
      <c r="Q24634">
        <v>43</v>
      </c>
      <c r="R24634">
        <v>43</v>
      </c>
      <c r="S24634">
        <v>44</v>
      </c>
      <c r="T24634">
        <v>44</v>
      </c>
      <c r="U24634">
        <v>45</v>
      </c>
      <c r="V24634">
        <v>45</v>
      </c>
      <c r="W24634">
        <v>46</v>
      </c>
      <c r="X24634">
        <v>47</v>
      </c>
      <c r="Y24634">
        <v>47</v>
      </c>
      <c r="Z24634">
        <v>48</v>
      </c>
      <c r="AA24634">
        <v>48</v>
      </c>
      <c r="AB24634">
        <v>49</v>
      </c>
      <c r="AC24634">
        <v>49</v>
      </c>
      <c r="AD24634">
        <v>50</v>
      </c>
      <c r="AE24634">
        <v>50</v>
      </c>
      <c r="AF24634">
        <v>51</v>
      </c>
      <c r="AG24634">
        <v>51</v>
      </c>
      <c r="AH24634">
        <v>52</v>
      </c>
      <c r="AI24634">
        <v>52</v>
      </c>
      <c r="AJ24634">
        <v>53</v>
      </c>
      <c r="AK24634">
        <v>53</v>
      </c>
      <c r="AL24634">
        <v>53</v>
      </c>
      <c r="AM24634">
        <v>53</v>
      </c>
      <c r="AN24634">
        <v>53</v>
      </c>
      <c r="AO24634">
        <v>53</v>
      </c>
      <c r="AP24634">
        <v>53</v>
      </c>
      <c r="AQ24634">
        <v>53</v>
      </c>
    </row>
    <row r="24635" spans="1:43">
      <c r="A24635" t="s">
        <v>15249</v>
      </c>
      <c r="B24635" t="s">
        <v>15250</v>
      </c>
      <c r="C24635" t="s">
        <v>15247</v>
      </c>
      <c r="D24635" t="s">
        <v>15248</v>
      </c>
      <c r="E24635" t="s">
        <v>15241</v>
      </c>
      <c r="F24635" t="s">
        <v>15242</v>
      </c>
      <c r="G24635" t="s">
        <v>10734</v>
      </c>
      <c r="H24635" t="s">
        <v>10735</v>
      </c>
      <c r="I24635" s="2">
        <v>1</v>
      </c>
      <c r="J24635" s="2">
        <v>0</v>
      </c>
      <c r="K24635" s="2">
        <v>0</v>
      </c>
      <c r="L24635" t="s">
        <v>120</v>
      </c>
      <c r="M24635" t="s">
        <v>87</v>
      </c>
      <c r="N24635" t="s">
        <v>88</v>
      </c>
      <c r="O24635" t="s">
        <v>85</v>
      </c>
      <c r="P24635" t="s">
        <v>86</v>
      </c>
      <c r="Q24635">
        <v>43</v>
      </c>
      <c r="R24635">
        <v>43</v>
      </c>
      <c r="S24635">
        <v>43</v>
      </c>
      <c r="T24635">
        <v>44</v>
      </c>
      <c r="U24635">
        <v>44</v>
      </c>
      <c r="V24635">
        <v>44</v>
      </c>
      <c r="W24635">
        <v>44</v>
      </c>
      <c r="X24635">
        <v>44</v>
      </c>
      <c r="Y24635">
        <v>45</v>
      </c>
      <c r="Z24635">
        <v>45</v>
      </c>
      <c r="AA24635">
        <v>45</v>
      </c>
      <c r="AB24635">
        <v>45</v>
      </c>
      <c r="AC24635">
        <v>45</v>
      </c>
      <c r="AD24635">
        <v>45</v>
      </c>
      <c r="AE24635">
        <v>46</v>
      </c>
      <c r="AF24635">
        <v>46</v>
      </c>
      <c r="AG24635">
        <v>46</v>
      </c>
      <c r="AH24635">
        <v>46</v>
      </c>
      <c r="AI24635">
        <v>46</v>
      </c>
      <c r="AJ24635">
        <v>46</v>
      </c>
      <c r="AK24635">
        <v>47</v>
      </c>
      <c r="AL24635">
        <v>47</v>
      </c>
      <c r="AM24635">
        <v>47</v>
      </c>
      <c r="AN24635">
        <v>47</v>
      </c>
      <c r="AO24635">
        <v>47</v>
      </c>
      <c r="AP24635">
        <v>47</v>
      </c>
      <c r="AQ24635">
        <v>47</v>
      </c>
    </row>
    <row r="24636" spans="1:43">
      <c r="A24636" t="s">
        <v>15249</v>
      </c>
      <c r="B24636" t="s">
        <v>15250</v>
      </c>
      <c r="C24636" t="s">
        <v>15247</v>
      </c>
      <c r="D24636" t="s">
        <v>15248</v>
      </c>
      <c r="E24636" t="s">
        <v>15241</v>
      </c>
      <c r="F24636" t="s">
        <v>15242</v>
      </c>
      <c r="G24636" t="s">
        <v>10734</v>
      </c>
      <c r="H24636" t="s">
        <v>10735</v>
      </c>
      <c r="I24636" s="2">
        <v>1</v>
      </c>
      <c r="J24636" s="2">
        <v>0</v>
      </c>
      <c r="K24636" s="2">
        <v>0</v>
      </c>
      <c r="L24636" t="s">
        <v>120</v>
      </c>
      <c r="M24636" t="s">
        <v>89</v>
      </c>
      <c r="N24636" t="s">
        <v>90</v>
      </c>
      <c r="O24636" t="s">
        <v>85</v>
      </c>
      <c r="P24636" t="s">
        <v>86</v>
      </c>
      <c r="Q24636">
        <v>43</v>
      </c>
      <c r="R24636">
        <v>44</v>
      </c>
      <c r="S24636">
        <v>45</v>
      </c>
      <c r="T24636">
        <v>46</v>
      </c>
      <c r="U24636">
        <v>47</v>
      </c>
      <c r="V24636">
        <v>47</v>
      </c>
      <c r="W24636">
        <v>48</v>
      </c>
      <c r="X24636">
        <v>49</v>
      </c>
      <c r="Y24636">
        <v>50</v>
      </c>
      <c r="Z24636">
        <v>51</v>
      </c>
      <c r="AA24636">
        <v>51</v>
      </c>
      <c r="AB24636">
        <v>52</v>
      </c>
      <c r="AC24636">
        <v>53</v>
      </c>
      <c r="AD24636">
        <v>53</v>
      </c>
      <c r="AE24636">
        <v>54</v>
      </c>
      <c r="AF24636">
        <v>54</v>
      </c>
      <c r="AG24636">
        <v>54</v>
      </c>
      <c r="AH24636">
        <v>54</v>
      </c>
      <c r="AI24636">
        <v>54</v>
      </c>
      <c r="AJ24636">
        <v>54</v>
      </c>
      <c r="AK24636">
        <v>54</v>
      </c>
      <c r="AL24636">
        <v>54</v>
      </c>
      <c r="AM24636">
        <v>54</v>
      </c>
      <c r="AN24636">
        <v>54</v>
      </c>
      <c r="AO24636">
        <v>54</v>
      </c>
      <c r="AP24636">
        <v>54</v>
      </c>
      <c r="AQ24636">
        <v>54</v>
      </c>
    </row>
    <row r="24637" spans="1:43">
      <c r="A24637" t="s">
        <v>15249</v>
      </c>
      <c r="B24637" t="s">
        <v>15250</v>
      </c>
      <c r="C24637" t="s">
        <v>15247</v>
      </c>
      <c r="D24637" t="s">
        <v>15248</v>
      </c>
      <c r="E24637" t="s">
        <v>15241</v>
      </c>
      <c r="F24637" t="s">
        <v>15242</v>
      </c>
      <c r="G24637" t="s">
        <v>10734</v>
      </c>
      <c r="H24637" t="s">
        <v>10735</v>
      </c>
      <c r="I24637" s="2">
        <v>1</v>
      </c>
      <c r="J24637" s="2">
        <v>0</v>
      </c>
      <c r="K24637" s="2">
        <v>0</v>
      </c>
      <c r="L24637" t="s">
        <v>120</v>
      </c>
      <c r="M24637" t="s">
        <v>83</v>
      </c>
      <c r="N24637" t="s">
        <v>91</v>
      </c>
      <c r="O24637" t="s">
        <v>85</v>
      </c>
      <c r="P24637" t="s">
        <v>86</v>
      </c>
      <c r="Q24637">
        <v>43</v>
      </c>
      <c r="R24637">
        <v>43</v>
      </c>
      <c r="S24637">
        <v>44</v>
      </c>
      <c r="T24637">
        <v>44</v>
      </c>
      <c r="U24637">
        <v>45</v>
      </c>
      <c r="V24637">
        <v>45</v>
      </c>
      <c r="W24637">
        <v>46</v>
      </c>
      <c r="X24637">
        <v>47</v>
      </c>
      <c r="Y24637">
        <v>47</v>
      </c>
      <c r="Z24637">
        <v>48</v>
      </c>
      <c r="AA24637">
        <v>48</v>
      </c>
      <c r="AB24637">
        <v>49</v>
      </c>
      <c r="AC24637">
        <v>49</v>
      </c>
      <c r="AD24637">
        <v>50</v>
      </c>
      <c r="AE24637">
        <v>50</v>
      </c>
      <c r="AF24637">
        <v>51</v>
      </c>
      <c r="AG24637">
        <v>51</v>
      </c>
      <c r="AH24637">
        <v>52</v>
      </c>
      <c r="AI24637">
        <v>52</v>
      </c>
      <c r="AJ24637">
        <v>53</v>
      </c>
      <c r="AK24637">
        <v>53</v>
      </c>
      <c r="AL24637">
        <v>53</v>
      </c>
      <c r="AM24637">
        <v>53</v>
      </c>
      <c r="AN24637">
        <v>53</v>
      </c>
      <c r="AO24637">
        <v>53</v>
      </c>
      <c r="AP24637">
        <v>53</v>
      </c>
      <c r="AQ24637">
        <v>53</v>
      </c>
    </row>
    <row r="24638" spans="1:43">
      <c r="A24638" t="s">
        <v>15251</v>
      </c>
      <c r="B24638" t="s">
        <v>15252</v>
      </c>
      <c r="C24638" t="s">
        <v>15253</v>
      </c>
      <c r="D24638" t="s">
        <v>15254</v>
      </c>
      <c r="E24638" t="s">
        <v>15241</v>
      </c>
      <c r="F24638" t="s">
        <v>15242</v>
      </c>
      <c r="G24638" t="s">
        <v>10734</v>
      </c>
      <c r="H24638" t="s">
        <v>10735</v>
      </c>
      <c r="I24638" s="2">
        <v>1</v>
      </c>
      <c r="J24638" s="2">
        <v>0</v>
      </c>
      <c r="K24638" s="2">
        <v>0</v>
      </c>
      <c r="L24638" t="s">
        <v>120</v>
      </c>
      <c r="M24638" t="s">
        <v>83</v>
      </c>
      <c r="N24638" t="s">
        <v>84</v>
      </c>
      <c r="O24638" t="s">
        <v>85</v>
      </c>
      <c r="P24638" t="s">
        <v>86</v>
      </c>
      <c r="Q24638">
        <v>40</v>
      </c>
      <c r="R24638">
        <v>41</v>
      </c>
      <c r="S24638">
        <v>41</v>
      </c>
      <c r="T24638">
        <v>42</v>
      </c>
      <c r="U24638">
        <v>42</v>
      </c>
      <c r="V24638">
        <v>43</v>
      </c>
      <c r="W24638">
        <v>43</v>
      </c>
      <c r="X24638">
        <v>44</v>
      </c>
      <c r="Y24638">
        <v>44</v>
      </c>
      <c r="Z24638">
        <v>45</v>
      </c>
      <c r="AA24638">
        <v>45</v>
      </c>
      <c r="AB24638">
        <v>46</v>
      </c>
      <c r="AC24638">
        <v>46</v>
      </c>
      <c r="AD24638">
        <v>47</v>
      </c>
      <c r="AE24638">
        <v>47</v>
      </c>
      <c r="AF24638">
        <v>47</v>
      </c>
      <c r="AG24638">
        <v>48</v>
      </c>
      <c r="AH24638">
        <v>48</v>
      </c>
      <c r="AI24638">
        <v>49</v>
      </c>
      <c r="AJ24638">
        <v>49</v>
      </c>
      <c r="AK24638">
        <v>50</v>
      </c>
      <c r="AL24638">
        <v>50</v>
      </c>
      <c r="AM24638">
        <v>50</v>
      </c>
      <c r="AN24638">
        <v>50</v>
      </c>
      <c r="AO24638">
        <v>50</v>
      </c>
      <c r="AP24638">
        <v>50</v>
      </c>
      <c r="AQ24638">
        <v>50</v>
      </c>
    </row>
    <row r="24639" spans="1:43">
      <c r="A24639" t="s">
        <v>15251</v>
      </c>
      <c r="B24639" t="s">
        <v>15252</v>
      </c>
      <c r="C24639" t="s">
        <v>15253</v>
      </c>
      <c r="D24639" t="s">
        <v>15254</v>
      </c>
      <c r="E24639" t="s">
        <v>15241</v>
      </c>
      <c r="F24639" t="s">
        <v>15242</v>
      </c>
      <c r="G24639" t="s">
        <v>10734</v>
      </c>
      <c r="H24639" t="s">
        <v>10735</v>
      </c>
      <c r="I24639" s="2">
        <v>1</v>
      </c>
      <c r="J24639" s="2">
        <v>0</v>
      </c>
      <c r="K24639" s="2">
        <v>0</v>
      </c>
      <c r="L24639" t="s">
        <v>120</v>
      </c>
      <c r="M24639" t="s">
        <v>87</v>
      </c>
      <c r="N24639" t="s">
        <v>88</v>
      </c>
      <c r="O24639" t="s">
        <v>85</v>
      </c>
      <c r="P24639" t="s">
        <v>86</v>
      </c>
      <c r="Q24639">
        <v>40</v>
      </c>
      <c r="R24639">
        <v>40</v>
      </c>
      <c r="S24639">
        <v>40</v>
      </c>
      <c r="T24639">
        <v>40</v>
      </c>
      <c r="U24639">
        <v>40</v>
      </c>
      <c r="V24639">
        <v>40</v>
      </c>
      <c r="W24639">
        <v>41</v>
      </c>
      <c r="X24639">
        <v>41</v>
      </c>
      <c r="Y24639">
        <v>41</v>
      </c>
      <c r="Z24639">
        <v>41</v>
      </c>
      <c r="AA24639">
        <v>41</v>
      </c>
      <c r="AB24639">
        <v>41</v>
      </c>
      <c r="AC24639">
        <v>41</v>
      </c>
      <c r="AD24639">
        <v>42</v>
      </c>
      <c r="AE24639">
        <v>42</v>
      </c>
      <c r="AF24639">
        <v>42</v>
      </c>
      <c r="AG24639">
        <v>42</v>
      </c>
      <c r="AH24639">
        <v>42</v>
      </c>
      <c r="AI24639">
        <v>42</v>
      </c>
      <c r="AJ24639">
        <v>42</v>
      </c>
      <c r="AK24639">
        <v>42</v>
      </c>
      <c r="AL24639">
        <v>43</v>
      </c>
      <c r="AM24639">
        <v>43</v>
      </c>
      <c r="AN24639">
        <v>43</v>
      </c>
      <c r="AO24639">
        <v>43</v>
      </c>
      <c r="AP24639">
        <v>43</v>
      </c>
      <c r="AQ24639">
        <v>43</v>
      </c>
    </row>
    <row r="24640" spans="1:43">
      <c r="A24640" t="s">
        <v>15251</v>
      </c>
      <c r="B24640" t="s">
        <v>15252</v>
      </c>
      <c r="C24640" t="s">
        <v>15253</v>
      </c>
      <c r="D24640" t="s">
        <v>15254</v>
      </c>
      <c r="E24640" t="s">
        <v>15241</v>
      </c>
      <c r="F24640" t="s">
        <v>15242</v>
      </c>
      <c r="G24640" t="s">
        <v>10734</v>
      </c>
      <c r="H24640" t="s">
        <v>10735</v>
      </c>
      <c r="I24640" s="2">
        <v>1</v>
      </c>
      <c r="J24640" s="2">
        <v>0</v>
      </c>
      <c r="K24640" s="2">
        <v>0</v>
      </c>
      <c r="L24640" t="s">
        <v>120</v>
      </c>
      <c r="M24640" t="s">
        <v>89</v>
      </c>
      <c r="N24640" t="s">
        <v>90</v>
      </c>
      <c r="O24640" t="s">
        <v>85</v>
      </c>
      <c r="P24640" t="s">
        <v>86</v>
      </c>
      <c r="Q24640">
        <v>40</v>
      </c>
      <c r="R24640">
        <v>41</v>
      </c>
      <c r="S24640">
        <v>42</v>
      </c>
      <c r="T24640">
        <v>43</v>
      </c>
      <c r="U24640">
        <v>44</v>
      </c>
      <c r="V24640">
        <v>45</v>
      </c>
      <c r="W24640">
        <v>45</v>
      </c>
      <c r="X24640">
        <v>46</v>
      </c>
      <c r="Y24640">
        <v>47</v>
      </c>
      <c r="Z24640">
        <v>47</v>
      </c>
      <c r="AA24640">
        <v>48</v>
      </c>
      <c r="AB24640">
        <v>49</v>
      </c>
      <c r="AC24640">
        <v>49</v>
      </c>
      <c r="AD24640">
        <v>50</v>
      </c>
      <c r="AE24640">
        <v>50</v>
      </c>
      <c r="AF24640">
        <v>50</v>
      </c>
      <c r="AG24640">
        <v>50</v>
      </c>
      <c r="AH24640">
        <v>50</v>
      </c>
      <c r="AI24640">
        <v>50</v>
      </c>
      <c r="AJ24640">
        <v>50</v>
      </c>
      <c r="AK24640">
        <v>50</v>
      </c>
      <c r="AL24640">
        <v>50</v>
      </c>
      <c r="AM24640">
        <v>50</v>
      </c>
      <c r="AN24640">
        <v>50</v>
      </c>
      <c r="AO24640">
        <v>50</v>
      </c>
      <c r="AP24640">
        <v>50</v>
      </c>
      <c r="AQ24640">
        <v>50</v>
      </c>
    </row>
    <row r="24641" spans="1:43">
      <c r="A24641" t="s">
        <v>15251</v>
      </c>
      <c r="B24641" t="s">
        <v>15252</v>
      </c>
      <c r="C24641" t="s">
        <v>15253</v>
      </c>
      <c r="D24641" t="s">
        <v>15254</v>
      </c>
      <c r="E24641" t="s">
        <v>15241</v>
      </c>
      <c r="F24641" t="s">
        <v>15242</v>
      </c>
      <c r="G24641" t="s">
        <v>10734</v>
      </c>
      <c r="H24641" t="s">
        <v>10735</v>
      </c>
      <c r="I24641" s="2">
        <v>1</v>
      </c>
      <c r="J24641" s="2">
        <v>0</v>
      </c>
      <c r="K24641" s="2">
        <v>0</v>
      </c>
      <c r="L24641" t="s">
        <v>120</v>
      </c>
      <c r="M24641" t="s">
        <v>83</v>
      </c>
      <c r="N24641" t="s">
        <v>91</v>
      </c>
      <c r="O24641" t="s">
        <v>85</v>
      </c>
      <c r="P24641" t="s">
        <v>86</v>
      </c>
      <c r="Q24641">
        <v>40</v>
      </c>
      <c r="R24641">
        <v>41</v>
      </c>
      <c r="S24641">
        <v>41</v>
      </c>
      <c r="T24641">
        <v>42</v>
      </c>
      <c r="U24641">
        <v>42</v>
      </c>
      <c r="V24641">
        <v>43</v>
      </c>
      <c r="W24641">
        <v>43</v>
      </c>
      <c r="X24641">
        <v>44</v>
      </c>
      <c r="Y24641">
        <v>44</v>
      </c>
      <c r="Z24641">
        <v>45</v>
      </c>
      <c r="AA24641">
        <v>45</v>
      </c>
      <c r="AB24641">
        <v>46</v>
      </c>
      <c r="AC24641">
        <v>46</v>
      </c>
      <c r="AD24641">
        <v>47</v>
      </c>
      <c r="AE24641">
        <v>47</v>
      </c>
      <c r="AF24641">
        <v>47</v>
      </c>
      <c r="AG24641">
        <v>48</v>
      </c>
      <c r="AH24641">
        <v>48</v>
      </c>
      <c r="AI24641">
        <v>49</v>
      </c>
      <c r="AJ24641">
        <v>49</v>
      </c>
      <c r="AK24641">
        <v>50</v>
      </c>
      <c r="AL24641">
        <v>50</v>
      </c>
      <c r="AM24641">
        <v>50</v>
      </c>
      <c r="AN24641">
        <v>50</v>
      </c>
      <c r="AO24641">
        <v>50</v>
      </c>
      <c r="AP24641">
        <v>50</v>
      </c>
      <c r="AQ24641">
        <v>50</v>
      </c>
    </row>
    <row r="24642" spans="1:43">
      <c r="A24642" t="s">
        <v>15255</v>
      </c>
      <c r="B24642" t="s">
        <v>15256</v>
      </c>
      <c r="C24642" t="s">
        <v>15253</v>
      </c>
      <c r="D24642" t="s">
        <v>15254</v>
      </c>
      <c r="E24642" t="s">
        <v>15241</v>
      </c>
      <c r="F24642" t="s">
        <v>15242</v>
      </c>
      <c r="G24642" t="s">
        <v>10734</v>
      </c>
      <c r="H24642" t="s">
        <v>10735</v>
      </c>
      <c r="I24642" s="2">
        <v>1</v>
      </c>
      <c r="J24642" s="2">
        <v>0</v>
      </c>
      <c r="K24642" s="2">
        <v>0</v>
      </c>
      <c r="L24642" t="s">
        <v>120</v>
      </c>
      <c r="M24642" t="s">
        <v>83</v>
      </c>
      <c r="N24642" t="s">
        <v>84</v>
      </c>
      <c r="O24642" t="s">
        <v>85</v>
      </c>
      <c r="P24642" t="s">
        <v>86</v>
      </c>
      <c r="Q24642">
        <v>28</v>
      </c>
      <c r="R24642">
        <v>28</v>
      </c>
      <c r="S24642">
        <v>28</v>
      </c>
      <c r="T24642">
        <v>29</v>
      </c>
      <c r="U24642">
        <v>29</v>
      </c>
      <c r="V24642">
        <v>29</v>
      </c>
      <c r="W24642">
        <v>30</v>
      </c>
      <c r="X24642">
        <v>30</v>
      </c>
      <c r="Y24642">
        <v>31</v>
      </c>
      <c r="Z24642">
        <v>31</v>
      </c>
      <c r="AA24642">
        <v>31</v>
      </c>
      <c r="AB24642">
        <v>32</v>
      </c>
      <c r="AC24642">
        <v>32</v>
      </c>
      <c r="AD24642">
        <v>32</v>
      </c>
      <c r="AE24642">
        <v>32</v>
      </c>
      <c r="AF24642">
        <v>33</v>
      </c>
      <c r="AG24642">
        <v>33</v>
      </c>
      <c r="AH24642">
        <v>33</v>
      </c>
      <c r="AI24642">
        <v>34</v>
      </c>
      <c r="AJ24642">
        <v>34</v>
      </c>
      <c r="AK24642">
        <v>34</v>
      </c>
      <c r="AL24642">
        <v>34</v>
      </c>
      <c r="AM24642">
        <v>34</v>
      </c>
      <c r="AN24642">
        <v>34</v>
      </c>
      <c r="AO24642">
        <v>34</v>
      </c>
      <c r="AP24642">
        <v>34</v>
      </c>
      <c r="AQ24642">
        <v>34</v>
      </c>
    </row>
    <row r="24643" spans="1:43">
      <c r="A24643" t="s">
        <v>15255</v>
      </c>
      <c r="B24643" t="s">
        <v>15256</v>
      </c>
      <c r="C24643" t="s">
        <v>15253</v>
      </c>
      <c r="D24643" t="s">
        <v>15254</v>
      </c>
      <c r="E24643" t="s">
        <v>15241</v>
      </c>
      <c r="F24643" t="s">
        <v>15242</v>
      </c>
      <c r="G24643" t="s">
        <v>10734</v>
      </c>
      <c r="H24643" t="s">
        <v>10735</v>
      </c>
      <c r="I24643" s="2">
        <v>1</v>
      </c>
      <c r="J24643" s="2">
        <v>0</v>
      </c>
      <c r="K24643" s="2">
        <v>0</v>
      </c>
      <c r="L24643" t="s">
        <v>120</v>
      </c>
      <c r="M24643" t="s">
        <v>87</v>
      </c>
      <c r="N24643" t="s">
        <v>88</v>
      </c>
      <c r="O24643" t="s">
        <v>85</v>
      </c>
      <c r="P24643" t="s">
        <v>86</v>
      </c>
      <c r="Q24643">
        <v>28</v>
      </c>
      <c r="R24643">
        <v>28</v>
      </c>
      <c r="S24643">
        <v>29</v>
      </c>
      <c r="T24643">
        <v>29</v>
      </c>
      <c r="U24643">
        <v>29</v>
      </c>
      <c r="V24643">
        <v>29</v>
      </c>
      <c r="W24643">
        <v>29</v>
      </c>
      <c r="X24643">
        <v>29</v>
      </c>
      <c r="Y24643">
        <v>29</v>
      </c>
      <c r="Z24643">
        <v>29</v>
      </c>
      <c r="AA24643">
        <v>29</v>
      </c>
      <c r="AB24643">
        <v>30</v>
      </c>
      <c r="AC24643">
        <v>30</v>
      </c>
      <c r="AD24643">
        <v>30</v>
      </c>
      <c r="AE24643">
        <v>30</v>
      </c>
      <c r="AF24643">
        <v>30</v>
      </c>
      <c r="AG24643">
        <v>30</v>
      </c>
      <c r="AH24643">
        <v>30</v>
      </c>
      <c r="AI24643">
        <v>30</v>
      </c>
      <c r="AJ24643">
        <v>30</v>
      </c>
      <c r="AK24643">
        <v>30</v>
      </c>
      <c r="AL24643">
        <v>30</v>
      </c>
      <c r="AM24643">
        <v>30</v>
      </c>
      <c r="AN24643">
        <v>31</v>
      </c>
      <c r="AO24643">
        <v>31</v>
      </c>
      <c r="AP24643">
        <v>31</v>
      </c>
      <c r="AQ24643">
        <v>31</v>
      </c>
    </row>
    <row r="24644" spans="1:43">
      <c r="A24644" t="s">
        <v>15255</v>
      </c>
      <c r="B24644" t="s">
        <v>15256</v>
      </c>
      <c r="C24644" t="s">
        <v>15253</v>
      </c>
      <c r="D24644" t="s">
        <v>15254</v>
      </c>
      <c r="E24644" t="s">
        <v>15241</v>
      </c>
      <c r="F24644" t="s">
        <v>15242</v>
      </c>
      <c r="G24644" t="s">
        <v>10734</v>
      </c>
      <c r="H24644" t="s">
        <v>10735</v>
      </c>
      <c r="I24644" s="2">
        <v>1</v>
      </c>
      <c r="J24644" s="2">
        <v>0</v>
      </c>
      <c r="K24644" s="2">
        <v>0</v>
      </c>
      <c r="L24644" t="s">
        <v>120</v>
      </c>
      <c r="M24644" t="s">
        <v>89</v>
      </c>
      <c r="N24644" t="s">
        <v>90</v>
      </c>
      <c r="O24644" t="s">
        <v>85</v>
      </c>
      <c r="P24644" t="s">
        <v>86</v>
      </c>
      <c r="Q24644">
        <v>28</v>
      </c>
      <c r="R24644">
        <v>29</v>
      </c>
      <c r="S24644">
        <v>29</v>
      </c>
      <c r="T24644">
        <v>30</v>
      </c>
      <c r="U24644">
        <v>30</v>
      </c>
      <c r="V24644">
        <v>31</v>
      </c>
      <c r="W24644">
        <v>31</v>
      </c>
      <c r="X24644">
        <v>32</v>
      </c>
      <c r="Y24644">
        <v>32</v>
      </c>
      <c r="Z24644">
        <v>33</v>
      </c>
      <c r="AA24644">
        <v>33</v>
      </c>
      <c r="AB24644">
        <v>34</v>
      </c>
      <c r="AC24644">
        <v>34</v>
      </c>
      <c r="AD24644">
        <v>35</v>
      </c>
      <c r="AE24644">
        <v>35</v>
      </c>
      <c r="AF24644">
        <v>35</v>
      </c>
      <c r="AG24644">
        <v>35</v>
      </c>
      <c r="AH24644">
        <v>35</v>
      </c>
      <c r="AI24644">
        <v>35</v>
      </c>
      <c r="AJ24644">
        <v>35</v>
      </c>
      <c r="AK24644">
        <v>35</v>
      </c>
      <c r="AL24644">
        <v>35</v>
      </c>
      <c r="AM24644">
        <v>35</v>
      </c>
      <c r="AN24644">
        <v>35</v>
      </c>
      <c r="AO24644">
        <v>35</v>
      </c>
      <c r="AP24644">
        <v>35</v>
      </c>
      <c r="AQ24644">
        <v>35</v>
      </c>
    </row>
    <row r="24645" spans="1:43">
      <c r="A24645" t="s">
        <v>15255</v>
      </c>
      <c r="B24645" t="s">
        <v>15256</v>
      </c>
      <c r="C24645" t="s">
        <v>15253</v>
      </c>
      <c r="D24645" t="s">
        <v>15254</v>
      </c>
      <c r="E24645" t="s">
        <v>15241</v>
      </c>
      <c r="F24645" t="s">
        <v>15242</v>
      </c>
      <c r="G24645" t="s">
        <v>10734</v>
      </c>
      <c r="H24645" t="s">
        <v>10735</v>
      </c>
      <c r="I24645" s="2">
        <v>1</v>
      </c>
      <c r="J24645" s="2">
        <v>0</v>
      </c>
      <c r="K24645" s="2">
        <v>0</v>
      </c>
      <c r="L24645" t="s">
        <v>120</v>
      </c>
      <c r="M24645" t="s">
        <v>83</v>
      </c>
      <c r="N24645" t="s">
        <v>91</v>
      </c>
      <c r="O24645" t="s">
        <v>85</v>
      </c>
      <c r="P24645" t="s">
        <v>86</v>
      </c>
      <c r="Q24645">
        <v>28</v>
      </c>
      <c r="R24645">
        <v>28</v>
      </c>
      <c r="S24645">
        <v>28</v>
      </c>
      <c r="T24645">
        <v>29</v>
      </c>
      <c r="U24645">
        <v>29</v>
      </c>
      <c r="V24645">
        <v>29</v>
      </c>
      <c r="W24645">
        <v>30</v>
      </c>
      <c r="X24645">
        <v>30</v>
      </c>
      <c r="Y24645">
        <v>31</v>
      </c>
      <c r="Z24645">
        <v>31</v>
      </c>
      <c r="AA24645">
        <v>31</v>
      </c>
      <c r="AB24645">
        <v>32</v>
      </c>
      <c r="AC24645">
        <v>32</v>
      </c>
      <c r="AD24645">
        <v>32</v>
      </c>
      <c r="AE24645">
        <v>32</v>
      </c>
      <c r="AF24645">
        <v>33</v>
      </c>
      <c r="AG24645">
        <v>33</v>
      </c>
      <c r="AH24645">
        <v>33</v>
      </c>
      <c r="AI24645">
        <v>34</v>
      </c>
      <c r="AJ24645">
        <v>34</v>
      </c>
      <c r="AK24645">
        <v>34</v>
      </c>
      <c r="AL24645">
        <v>34</v>
      </c>
      <c r="AM24645">
        <v>34</v>
      </c>
      <c r="AN24645">
        <v>34</v>
      </c>
      <c r="AO24645">
        <v>34</v>
      </c>
      <c r="AP24645">
        <v>34</v>
      </c>
      <c r="AQ24645">
        <v>34</v>
      </c>
    </row>
    <row r="24646" spans="1:43">
      <c r="A24646" t="s">
        <v>15257</v>
      </c>
      <c r="B24646" t="s">
        <v>15258</v>
      </c>
      <c r="C24646" t="s">
        <v>15253</v>
      </c>
      <c r="D24646" t="s">
        <v>15254</v>
      </c>
      <c r="E24646" t="s">
        <v>15241</v>
      </c>
      <c r="F24646" t="s">
        <v>15242</v>
      </c>
      <c r="G24646" t="s">
        <v>10734</v>
      </c>
      <c r="H24646" t="s">
        <v>10735</v>
      </c>
      <c r="I24646" s="2">
        <v>1</v>
      </c>
      <c r="J24646" s="2">
        <v>0</v>
      </c>
      <c r="K24646" s="2">
        <v>0</v>
      </c>
      <c r="L24646" t="s">
        <v>120</v>
      </c>
      <c r="M24646" t="s">
        <v>83</v>
      </c>
      <c r="N24646" t="s">
        <v>84</v>
      </c>
      <c r="O24646" t="s">
        <v>85</v>
      </c>
      <c r="P24646" t="s">
        <v>86</v>
      </c>
      <c r="Q24646">
        <v>38</v>
      </c>
      <c r="R24646">
        <v>39</v>
      </c>
      <c r="S24646">
        <v>39</v>
      </c>
      <c r="T24646">
        <v>40</v>
      </c>
      <c r="U24646">
        <v>40</v>
      </c>
      <c r="V24646">
        <v>41</v>
      </c>
      <c r="W24646">
        <v>41</v>
      </c>
      <c r="X24646">
        <v>42</v>
      </c>
      <c r="Y24646">
        <v>42</v>
      </c>
      <c r="Z24646">
        <v>43</v>
      </c>
      <c r="AA24646">
        <v>43</v>
      </c>
      <c r="AB24646">
        <v>44</v>
      </c>
      <c r="AC24646">
        <v>44</v>
      </c>
      <c r="AD24646">
        <v>45</v>
      </c>
      <c r="AE24646">
        <v>45</v>
      </c>
      <c r="AF24646">
        <v>46</v>
      </c>
      <c r="AG24646">
        <v>46</v>
      </c>
      <c r="AH24646">
        <v>46</v>
      </c>
      <c r="AI24646">
        <v>47</v>
      </c>
      <c r="AJ24646">
        <v>47</v>
      </c>
      <c r="AK24646">
        <v>48</v>
      </c>
      <c r="AL24646">
        <v>48</v>
      </c>
      <c r="AM24646">
        <v>48</v>
      </c>
      <c r="AN24646">
        <v>48</v>
      </c>
      <c r="AO24646">
        <v>48</v>
      </c>
      <c r="AP24646">
        <v>48</v>
      </c>
      <c r="AQ24646">
        <v>48</v>
      </c>
    </row>
    <row r="24647" spans="1:43">
      <c r="A24647" t="s">
        <v>15257</v>
      </c>
      <c r="B24647" t="s">
        <v>15258</v>
      </c>
      <c r="C24647" t="s">
        <v>15253</v>
      </c>
      <c r="D24647" t="s">
        <v>15254</v>
      </c>
      <c r="E24647" t="s">
        <v>15241</v>
      </c>
      <c r="F24647" t="s">
        <v>15242</v>
      </c>
      <c r="G24647" t="s">
        <v>10734</v>
      </c>
      <c r="H24647" t="s">
        <v>10735</v>
      </c>
      <c r="I24647" s="2">
        <v>1</v>
      </c>
      <c r="J24647" s="2">
        <v>0</v>
      </c>
      <c r="K24647" s="2">
        <v>0</v>
      </c>
      <c r="L24647" t="s">
        <v>120</v>
      </c>
      <c r="M24647" t="s">
        <v>87</v>
      </c>
      <c r="N24647" t="s">
        <v>88</v>
      </c>
      <c r="O24647" t="s">
        <v>85</v>
      </c>
      <c r="P24647" t="s">
        <v>86</v>
      </c>
      <c r="Q24647">
        <v>38</v>
      </c>
      <c r="R24647">
        <v>38</v>
      </c>
      <c r="S24647">
        <v>38</v>
      </c>
      <c r="T24647">
        <v>38</v>
      </c>
      <c r="U24647">
        <v>38</v>
      </c>
      <c r="V24647">
        <v>39</v>
      </c>
      <c r="W24647">
        <v>39</v>
      </c>
      <c r="X24647">
        <v>39</v>
      </c>
      <c r="Y24647">
        <v>39</v>
      </c>
      <c r="Z24647">
        <v>39</v>
      </c>
      <c r="AA24647">
        <v>39</v>
      </c>
      <c r="AB24647">
        <v>40</v>
      </c>
      <c r="AC24647">
        <v>40</v>
      </c>
      <c r="AD24647">
        <v>40</v>
      </c>
      <c r="AE24647">
        <v>40</v>
      </c>
      <c r="AF24647">
        <v>40</v>
      </c>
      <c r="AG24647">
        <v>40</v>
      </c>
      <c r="AH24647">
        <v>40</v>
      </c>
      <c r="AI24647">
        <v>41</v>
      </c>
      <c r="AJ24647">
        <v>41</v>
      </c>
      <c r="AK24647">
        <v>41</v>
      </c>
      <c r="AL24647">
        <v>41</v>
      </c>
      <c r="AM24647">
        <v>41</v>
      </c>
      <c r="AN24647">
        <v>41</v>
      </c>
      <c r="AO24647">
        <v>41</v>
      </c>
      <c r="AP24647">
        <v>41</v>
      </c>
      <c r="AQ24647">
        <v>42</v>
      </c>
    </row>
    <row r="24648" spans="1:43">
      <c r="A24648" t="s">
        <v>15257</v>
      </c>
      <c r="B24648" t="s">
        <v>15258</v>
      </c>
      <c r="C24648" t="s">
        <v>15253</v>
      </c>
      <c r="D24648" t="s">
        <v>15254</v>
      </c>
      <c r="E24648" t="s">
        <v>15241</v>
      </c>
      <c r="F24648" t="s">
        <v>15242</v>
      </c>
      <c r="G24648" t="s">
        <v>10734</v>
      </c>
      <c r="H24648" t="s">
        <v>10735</v>
      </c>
      <c r="I24648" s="2">
        <v>1</v>
      </c>
      <c r="J24648" s="2">
        <v>0</v>
      </c>
      <c r="K24648" s="2">
        <v>0</v>
      </c>
      <c r="L24648" t="s">
        <v>120</v>
      </c>
      <c r="M24648" t="s">
        <v>89</v>
      </c>
      <c r="N24648" t="s">
        <v>90</v>
      </c>
      <c r="O24648" t="s">
        <v>85</v>
      </c>
      <c r="P24648" t="s">
        <v>86</v>
      </c>
      <c r="Q24648">
        <v>38</v>
      </c>
      <c r="R24648">
        <v>38</v>
      </c>
      <c r="S24648">
        <v>39</v>
      </c>
      <c r="T24648">
        <v>40</v>
      </c>
      <c r="U24648">
        <v>41</v>
      </c>
      <c r="V24648">
        <v>42</v>
      </c>
      <c r="W24648">
        <v>42</v>
      </c>
      <c r="X24648">
        <v>43</v>
      </c>
      <c r="Y24648">
        <v>44</v>
      </c>
      <c r="Z24648">
        <v>44</v>
      </c>
      <c r="AA24648">
        <v>45</v>
      </c>
      <c r="AB24648">
        <v>46</v>
      </c>
      <c r="AC24648">
        <v>46</v>
      </c>
      <c r="AD24648">
        <v>47</v>
      </c>
      <c r="AE24648">
        <v>47</v>
      </c>
      <c r="AF24648">
        <v>47</v>
      </c>
      <c r="AG24648">
        <v>47</v>
      </c>
      <c r="AH24648">
        <v>47</v>
      </c>
      <c r="AI24648">
        <v>47</v>
      </c>
      <c r="AJ24648">
        <v>47</v>
      </c>
      <c r="AK24648">
        <v>47</v>
      </c>
      <c r="AL24648">
        <v>47</v>
      </c>
      <c r="AM24648">
        <v>47</v>
      </c>
      <c r="AN24648">
        <v>47</v>
      </c>
      <c r="AO24648">
        <v>47</v>
      </c>
      <c r="AP24648">
        <v>47</v>
      </c>
      <c r="AQ24648">
        <v>47</v>
      </c>
    </row>
    <row r="24649" spans="1:43">
      <c r="A24649" t="s">
        <v>15257</v>
      </c>
      <c r="B24649" t="s">
        <v>15258</v>
      </c>
      <c r="C24649" t="s">
        <v>15253</v>
      </c>
      <c r="D24649" t="s">
        <v>15254</v>
      </c>
      <c r="E24649" t="s">
        <v>15241</v>
      </c>
      <c r="F24649" t="s">
        <v>15242</v>
      </c>
      <c r="G24649" t="s">
        <v>10734</v>
      </c>
      <c r="H24649" t="s">
        <v>10735</v>
      </c>
      <c r="I24649" s="2">
        <v>1</v>
      </c>
      <c r="J24649" s="2">
        <v>0</v>
      </c>
      <c r="K24649" s="2">
        <v>0</v>
      </c>
      <c r="L24649" t="s">
        <v>120</v>
      </c>
      <c r="M24649" t="s">
        <v>83</v>
      </c>
      <c r="N24649" t="s">
        <v>91</v>
      </c>
      <c r="O24649" t="s">
        <v>85</v>
      </c>
      <c r="P24649" t="s">
        <v>86</v>
      </c>
      <c r="Q24649">
        <v>38</v>
      </c>
      <c r="R24649">
        <v>39</v>
      </c>
      <c r="S24649">
        <v>39</v>
      </c>
      <c r="T24649">
        <v>40</v>
      </c>
      <c r="U24649">
        <v>40</v>
      </c>
      <c r="V24649">
        <v>41</v>
      </c>
      <c r="W24649">
        <v>41</v>
      </c>
      <c r="X24649">
        <v>42</v>
      </c>
      <c r="Y24649">
        <v>42</v>
      </c>
      <c r="Z24649">
        <v>43</v>
      </c>
      <c r="AA24649">
        <v>43</v>
      </c>
      <c r="AB24649">
        <v>44</v>
      </c>
      <c r="AC24649">
        <v>44</v>
      </c>
      <c r="AD24649">
        <v>45</v>
      </c>
      <c r="AE24649">
        <v>45</v>
      </c>
      <c r="AF24649">
        <v>46</v>
      </c>
      <c r="AG24649">
        <v>46</v>
      </c>
      <c r="AH24649">
        <v>46</v>
      </c>
      <c r="AI24649">
        <v>47</v>
      </c>
      <c r="AJ24649">
        <v>47</v>
      </c>
      <c r="AK24649">
        <v>48</v>
      </c>
      <c r="AL24649">
        <v>48</v>
      </c>
      <c r="AM24649">
        <v>48</v>
      </c>
      <c r="AN24649">
        <v>48</v>
      </c>
      <c r="AO24649">
        <v>48</v>
      </c>
      <c r="AP24649">
        <v>48</v>
      </c>
      <c r="AQ24649">
        <v>48</v>
      </c>
    </row>
    <row r="24650" spans="1:43">
      <c r="A24650" t="s">
        <v>15259</v>
      </c>
      <c r="B24650" t="s">
        <v>15260</v>
      </c>
      <c r="C24650" t="s">
        <v>15261</v>
      </c>
      <c r="D24650" t="s">
        <v>15262</v>
      </c>
      <c r="E24650" t="s">
        <v>15241</v>
      </c>
      <c r="F24650" t="s">
        <v>15242</v>
      </c>
      <c r="G24650" t="s">
        <v>10734</v>
      </c>
      <c r="H24650" t="s">
        <v>10735</v>
      </c>
      <c r="I24650" s="2">
        <v>1</v>
      </c>
      <c r="J24650" s="2">
        <v>0</v>
      </c>
      <c r="K24650" s="2">
        <v>0</v>
      </c>
      <c r="L24650" t="s">
        <v>120</v>
      </c>
      <c r="M24650" t="s">
        <v>83</v>
      </c>
      <c r="N24650" t="s">
        <v>84</v>
      </c>
      <c r="O24650" t="s">
        <v>85</v>
      </c>
      <c r="P24650" t="s">
        <v>86</v>
      </c>
      <c r="Q24650">
        <v>30</v>
      </c>
      <c r="R24650">
        <v>30</v>
      </c>
      <c r="S24650">
        <v>31</v>
      </c>
      <c r="T24650">
        <v>31</v>
      </c>
      <c r="U24650">
        <v>31</v>
      </c>
      <c r="V24650">
        <v>32</v>
      </c>
      <c r="W24650">
        <v>32</v>
      </c>
      <c r="X24650">
        <v>33</v>
      </c>
      <c r="Y24650">
        <v>33</v>
      </c>
      <c r="Z24650">
        <v>34</v>
      </c>
      <c r="AA24650">
        <v>34</v>
      </c>
      <c r="AB24650">
        <v>34</v>
      </c>
      <c r="AC24650">
        <v>35</v>
      </c>
      <c r="AD24650">
        <v>35</v>
      </c>
      <c r="AE24650">
        <v>36</v>
      </c>
      <c r="AF24650">
        <v>36</v>
      </c>
      <c r="AG24650">
        <v>36</v>
      </c>
      <c r="AH24650">
        <v>37</v>
      </c>
      <c r="AI24650">
        <v>37</v>
      </c>
      <c r="AJ24650">
        <v>37</v>
      </c>
      <c r="AK24650">
        <v>38</v>
      </c>
      <c r="AL24650">
        <v>38</v>
      </c>
      <c r="AM24650">
        <v>38</v>
      </c>
      <c r="AN24650">
        <v>38</v>
      </c>
      <c r="AO24650">
        <v>38</v>
      </c>
      <c r="AP24650">
        <v>38</v>
      </c>
      <c r="AQ24650">
        <v>38</v>
      </c>
    </row>
    <row r="24651" spans="1:43">
      <c r="A24651" t="s">
        <v>15259</v>
      </c>
      <c r="B24651" t="s">
        <v>15260</v>
      </c>
      <c r="C24651" t="s">
        <v>15261</v>
      </c>
      <c r="D24651" t="s">
        <v>15262</v>
      </c>
      <c r="E24651" t="s">
        <v>15241</v>
      </c>
      <c r="F24651" t="s">
        <v>15242</v>
      </c>
      <c r="G24651" t="s">
        <v>10734</v>
      </c>
      <c r="H24651" t="s">
        <v>10735</v>
      </c>
      <c r="I24651" s="2">
        <v>1</v>
      </c>
      <c r="J24651" s="2">
        <v>0</v>
      </c>
      <c r="K24651" s="2">
        <v>0</v>
      </c>
      <c r="L24651" t="s">
        <v>120</v>
      </c>
      <c r="M24651" t="s">
        <v>87</v>
      </c>
      <c r="N24651" t="s">
        <v>88</v>
      </c>
      <c r="O24651" t="s">
        <v>85</v>
      </c>
      <c r="P24651" t="s">
        <v>86</v>
      </c>
      <c r="Q24651">
        <v>30</v>
      </c>
      <c r="R24651">
        <v>30</v>
      </c>
      <c r="S24651">
        <v>31</v>
      </c>
      <c r="T24651">
        <v>31</v>
      </c>
      <c r="U24651">
        <v>31</v>
      </c>
      <c r="V24651">
        <v>31</v>
      </c>
      <c r="W24651">
        <v>31</v>
      </c>
      <c r="X24651">
        <v>32</v>
      </c>
      <c r="Y24651">
        <v>32</v>
      </c>
      <c r="Z24651">
        <v>32</v>
      </c>
      <c r="AA24651">
        <v>32</v>
      </c>
      <c r="AB24651">
        <v>32</v>
      </c>
      <c r="AC24651">
        <v>33</v>
      </c>
      <c r="AD24651">
        <v>33</v>
      </c>
      <c r="AE24651">
        <v>33</v>
      </c>
      <c r="AF24651">
        <v>33</v>
      </c>
      <c r="AG24651">
        <v>33</v>
      </c>
      <c r="AH24651">
        <v>33</v>
      </c>
      <c r="AI24651">
        <v>34</v>
      </c>
      <c r="AJ24651">
        <v>34</v>
      </c>
      <c r="AK24651">
        <v>34</v>
      </c>
      <c r="AL24651">
        <v>34</v>
      </c>
      <c r="AM24651">
        <v>34</v>
      </c>
      <c r="AN24651">
        <v>35</v>
      </c>
      <c r="AO24651">
        <v>35</v>
      </c>
      <c r="AP24651">
        <v>35</v>
      </c>
      <c r="AQ24651">
        <v>35</v>
      </c>
    </row>
    <row r="24652" spans="1:43">
      <c r="A24652" t="s">
        <v>15259</v>
      </c>
      <c r="B24652" t="s">
        <v>15260</v>
      </c>
      <c r="C24652" t="s">
        <v>15261</v>
      </c>
      <c r="D24652" t="s">
        <v>15262</v>
      </c>
      <c r="E24652" t="s">
        <v>15241</v>
      </c>
      <c r="F24652" t="s">
        <v>15242</v>
      </c>
      <c r="G24652" t="s">
        <v>10734</v>
      </c>
      <c r="H24652" t="s">
        <v>10735</v>
      </c>
      <c r="I24652" s="2">
        <v>1</v>
      </c>
      <c r="J24652" s="2">
        <v>0</v>
      </c>
      <c r="K24652" s="2">
        <v>0</v>
      </c>
      <c r="L24652" t="s">
        <v>120</v>
      </c>
      <c r="M24652" t="s">
        <v>89</v>
      </c>
      <c r="N24652" t="s">
        <v>90</v>
      </c>
      <c r="O24652" t="s">
        <v>85</v>
      </c>
      <c r="P24652" t="s">
        <v>86</v>
      </c>
      <c r="Q24652">
        <v>30</v>
      </c>
      <c r="R24652">
        <v>31</v>
      </c>
      <c r="S24652">
        <v>31</v>
      </c>
      <c r="T24652">
        <v>32</v>
      </c>
      <c r="U24652">
        <v>33</v>
      </c>
      <c r="V24652">
        <v>33</v>
      </c>
      <c r="W24652">
        <v>34</v>
      </c>
      <c r="X24652">
        <v>34</v>
      </c>
      <c r="Y24652">
        <v>35</v>
      </c>
      <c r="Z24652">
        <v>35</v>
      </c>
      <c r="AA24652">
        <v>36</v>
      </c>
      <c r="AB24652">
        <v>36</v>
      </c>
      <c r="AC24652">
        <v>37</v>
      </c>
      <c r="AD24652">
        <v>37</v>
      </c>
      <c r="AE24652">
        <v>38</v>
      </c>
      <c r="AF24652">
        <v>38</v>
      </c>
      <c r="AG24652">
        <v>38</v>
      </c>
      <c r="AH24652">
        <v>38</v>
      </c>
      <c r="AI24652">
        <v>38</v>
      </c>
      <c r="AJ24652">
        <v>38</v>
      </c>
      <c r="AK24652">
        <v>38</v>
      </c>
      <c r="AL24652">
        <v>38</v>
      </c>
      <c r="AM24652">
        <v>38</v>
      </c>
      <c r="AN24652">
        <v>38</v>
      </c>
      <c r="AO24652">
        <v>38</v>
      </c>
      <c r="AP24652">
        <v>38</v>
      </c>
      <c r="AQ24652">
        <v>38</v>
      </c>
    </row>
    <row r="24653" spans="1:43">
      <c r="A24653" t="s">
        <v>15259</v>
      </c>
      <c r="B24653" t="s">
        <v>15260</v>
      </c>
      <c r="C24653" t="s">
        <v>15261</v>
      </c>
      <c r="D24653" t="s">
        <v>15262</v>
      </c>
      <c r="E24653" t="s">
        <v>15241</v>
      </c>
      <c r="F24653" t="s">
        <v>15242</v>
      </c>
      <c r="G24653" t="s">
        <v>10734</v>
      </c>
      <c r="H24653" t="s">
        <v>10735</v>
      </c>
      <c r="I24653" s="2">
        <v>1</v>
      </c>
      <c r="J24653" s="2">
        <v>0</v>
      </c>
      <c r="K24653" s="2">
        <v>0</v>
      </c>
      <c r="L24653" t="s">
        <v>120</v>
      </c>
      <c r="M24653" t="s">
        <v>83</v>
      </c>
      <c r="N24653" t="s">
        <v>91</v>
      </c>
      <c r="O24653" t="s">
        <v>85</v>
      </c>
      <c r="P24653" t="s">
        <v>86</v>
      </c>
      <c r="Q24653">
        <v>30</v>
      </c>
      <c r="R24653">
        <v>30</v>
      </c>
      <c r="S24653">
        <v>31</v>
      </c>
      <c r="T24653">
        <v>31</v>
      </c>
      <c r="U24653">
        <v>31</v>
      </c>
      <c r="V24653">
        <v>32</v>
      </c>
      <c r="W24653">
        <v>32</v>
      </c>
      <c r="X24653">
        <v>33</v>
      </c>
      <c r="Y24653">
        <v>33</v>
      </c>
      <c r="Z24653">
        <v>34</v>
      </c>
      <c r="AA24653">
        <v>34</v>
      </c>
      <c r="AB24653">
        <v>34</v>
      </c>
      <c r="AC24653">
        <v>35</v>
      </c>
      <c r="AD24653">
        <v>35</v>
      </c>
      <c r="AE24653">
        <v>36</v>
      </c>
      <c r="AF24653">
        <v>36</v>
      </c>
      <c r="AG24653">
        <v>36</v>
      </c>
      <c r="AH24653">
        <v>37</v>
      </c>
      <c r="AI24653">
        <v>37</v>
      </c>
      <c r="AJ24653">
        <v>37</v>
      </c>
      <c r="AK24653">
        <v>38</v>
      </c>
      <c r="AL24653">
        <v>38</v>
      </c>
      <c r="AM24653">
        <v>38</v>
      </c>
      <c r="AN24653">
        <v>38</v>
      </c>
      <c r="AO24653">
        <v>38</v>
      </c>
      <c r="AP24653">
        <v>38</v>
      </c>
      <c r="AQ24653">
        <v>38</v>
      </c>
    </row>
    <row r="24654" spans="1:43">
      <c r="A24654" t="s">
        <v>15263</v>
      </c>
      <c r="B24654" t="s">
        <v>15264</v>
      </c>
      <c r="C24654" t="s">
        <v>15261</v>
      </c>
      <c r="D24654" t="s">
        <v>15262</v>
      </c>
      <c r="E24654" t="s">
        <v>15241</v>
      </c>
      <c r="F24654" t="s">
        <v>15242</v>
      </c>
      <c r="G24654" t="s">
        <v>10734</v>
      </c>
      <c r="H24654" t="s">
        <v>10735</v>
      </c>
      <c r="I24654" s="2">
        <v>1</v>
      </c>
      <c r="J24654" s="2">
        <v>0</v>
      </c>
      <c r="K24654" s="2">
        <v>0</v>
      </c>
      <c r="L24654" t="s">
        <v>120</v>
      </c>
      <c r="M24654" t="s">
        <v>83</v>
      </c>
      <c r="N24654" t="s">
        <v>84</v>
      </c>
      <c r="O24654" t="s">
        <v>85</v>
      </c>
      <c r="P24654" t="s">
        <v>86</v>
      </c>
      <c r="Q24654">
        <v>28</v>
      </c>
      <c r="R24654">
        <v>28</v>
      </c>
      <c r="S24654">
        <v>29</v>
      </c>
      <c r="T24654">
        <v>29</v>
      </c>
      <c r="U24654">
        <v>30</v>
      </c>
      <c r="V24654">
        <v>30</v>
      </c>
      <c r="W24654">
        <v>31</v>
      </c>
      <c r="X24654">
        <v>31</v>
      </c>
      <c r="Y24654">
        <v>31</v>
      </c>
      <c r="Z24654">
        <v>32</v>
      </c>
      <c r="AA24654">
        <v>32</v>
      </c>
      <c r="AB24654">
        <v>32</v>
      </c>
      <c r="AC24654">
        <v>33</v>
      </c>
      <c r="AD24654">
        <v>33</v>
      </c>
      <c r="AE24654">
        <v>33</v>
      </c>
      <c r="AF24654">
        <v>34</v>
      </c>
      <c r="AG24654">
        <v>34</v>
      </c>
      <c r="AH24654">
        <v>34</v>
      </c>
      <c r="AI24654">
        <v>35</v>
      </c>
      <c r="AJ24654">
        <v>35</v>
      </c>
      <c r="AK24654">
        <v>35</v>
      </c>
      <c r="AL24654">
        <v>36</v>
      </c>
      <c r="AM24654">
        <v>36</v>
      </c>
      <c r="AN24654">
        <v>36</v>
      </c>
      <c r="AO24654">
        <v>36</v>
      </c>
      <c r="AP24654">
        <v>36</v>
      </c>
      <c r="AQ24654">
        <v>36</v>
      </c>
    </row>
    <row r="24655" spans="1:43">
      <c r="A24655" t="s">
        <v>15263</v>
      </c>
      <c r="B24655" t="s">
        <v>15264</v>
      </c>
      <c r="C24655" t="s">
        <v>15261</v>
      </c>
      <c r="D24655" t="s">
        <v>15262</v>
      </c>
      <c r="E24655" t="s">
        <v>15241</v>
      </c>
      <c r="F24655" t="s">
        <v>15242</v>
      </c>
      <c r="G24655" t="s">
        <v>10734</v>
      </c>
      <c r="H24655" t="s">
        <v>10735</v>
      </c>
      <c r="I24655" s="2">
        <v>1</v>
      </c>
      <c r="J24655" s="2">
        <v>0</v>
      </c>
      <c r="K24655" s="2">
        <v>0</v>
      </c>
      <c r="L24655" t="s">
        <v>120</v>
      </c>
      <c r="M24655" t="s">
        <v>87</v>
      </c>
      <c r="N24655" t="s">
        <v>88</v>
      </c>
      <c r="O24655" t="s">
        <v>85</v>
      </c>
      <c r="P24655" t="s">
        <v>86</v>
      </c>
      <c r="Q24655">
        <v>28</v>
      </c>
      <c r="R24655">
        <v>28</v>
      </c>
      <c r="S24655">
        <v>28</v>
      </c>
      <c r="T24655">
        <v>28</v>
      </c>
      <c r="U24655">
        <v>28</v>
      </c>
      <c r="V24655">
        <v>28</v>
      </c>
      <c r="W24655">
        <v>29</v>
      </c>
      <c r="X24655">
        <v>29</v>
      </c>
      <c r="Y24655">
        <v>29</v>
      </c>
      <c r="Z24655">
        <v>29</v>
      </c>
      <c r="AA24655">
        <v>29</v>
      </c>
      <c r="AB24655">
        <v>30</v>
      </c>
      <c r="AC24655">
        <v>30</v>
      </c>
      <c r="AD24655">
        <v>30</v>
      </c>
      <c r="AE24655">
        <v>30</v>
      </c>
      <c r="AF24655">
        <v>30</v>
      </c>
      <c r="AG24655">
        <v>30</v>
      </c>
      <c r="AH24655">
        <v>31</v>
      </c>
      <c r="AI24655">
        <v>31</v>
      </c>
      <c r="AJ24655">
        <v>31</v>
      </c>
      <c r="AK24655">
        <v>31</v>
      </c>
      <c r="AL24655">
        <v>31</v>
      </c>
      <c r="AM24655">
        <v>31</v>
      </c>
      <c r="AN24655">
        <v>32</v>
      </c>
      <c r="AO24655">
        <v>32</v>
      </c>
      <c r="AP24655">
        <v>32</v>
      </c>
      <c r="AQ24655">
        <v>32</v>
      </c>
    </row>
    <row r="24656" spans="1:43">
      <c r="A24656" t="s">
        <v>15263</v>
      </c>
      <c r="B24656" t="s">
        <v>15264</v>
      </c>
      <c r="C24656" t="s">
        <v>15261</v>
      </c>
      <c r="D24656" t="s">
        <v>15262</v>
      </c>
      <c r="E24656" t="s">
        <v>15241</v>
      </c>
      <c r="F24656" t="s">
        <v>15242</v>
      </c>
      <c r="G24656" t="s">
        <v>10734</v>
      </c>
      <c r="H24656" t="s">
        <v>10735</v>
      </c>
      <c r="I24656" s="2">
        <v>1</v>
      </c>
      <c r="J24656" s="2">
        <v>0</v>
      </c>
      <c r="K24656" s="2">
        <v>0</v>
      </c>
      <c r="L24656" t="s">
        <v>120</v>
      </c>
      <c r="M24656" t="s">
        <v>89</v>
      </c>
      <c r="N24656" t="s">
        <v>90</v>
      </c>
      <c r="O24656" t="s">
        <v>85</v>
      </c>
      <c r="P24656" t="s">
        <v>86</v>
      </c>
      <c r="Q24656">
        <v>28</v>
      </c>
      <c r="R24656">
        <v>29</v>
      </c>
      <c r="S24656">
        <v>29</v>
      </c>
      <c r="T24656">
        <v>30</v>
      </c>
      <c r="U24656">
        <v>31</v>
      </c>
      <c r="V24656">
        <v>31</v>
      </c>
      <c r="W24656">
        <v>32</v>
      </c>
      <c r="X24656">
        <v>32</v>
      </c>
      <c r="Y24656">
        <v>33</v>
      </c>
      <c r="Z24656">
        <v>33</v>
      </c>
      <c r="AA24656">
        <v>34</v>
      </c>
      <c r="AB24656">
        <v>34</v>
      </c>
      <c r="AC24656">
        <v>35</v>
      </c>
      <c r="AD24656">
        <v>35</v>
      </c>
      <c r="AE24656">
        <v>35</v>
      </c>
      <c r="AF24656">
        <v>35</v>
      </c>
      <c r="AG24656">
        <v>36</v>
      </c>
      <c r="AH24656">
        <v>36</v>
      </c>
      <c r="AI24656">
        <v>36</v>
      </c>
      <c r="AJ24656">
        <v>36</v>
      </c>
      <c r="AK24656">
        <v>36</v>
      </c>
      <c r="AL24656">
        <v>36</v>
      </c>
      <c r="AM24656">
        <v>36</v>
      </c>
      <c r="AN24656">
        <v>36</v>
      </c>
      <c r="AO24656">
        <v>36</v>
      </c>
      <c r="AP24656">
        <v>36</v>
      </c>
      <c r="AQ24656">
        <v>36</v>
      </c>
    </row>
    <row r="24657" spans="1:43">
      <c r="A24657" t="s">
        <v>15263</v>
      </c>
      <c r="B24657" t="s">
        <v>15264</v>
      </c>
      <c r="C24657" t="s">
        <v>15261</v>
      </c>
      <c r="D24657" t="s">
        <v>15262</v>
      </c>
      <c r="E24657" t="s">
        <v>15241</v>
      </c>
      <c r="F24657" t="s">
        <v>15242</v>
      </c>
      <c r="G24657" t="s">
        <v>10734</v>
      </c>
      <c r="H24657" t="s">
        <v>10735</v>
      </c>
      <c r="I24657" s="2">
        <v>1</v>
      </c>
      <c r="J24657" s="2">
        <v>0</v>
      </c>
      <c r="K24657" s="2">
        <v>0</v>
      </c>
      <c r="L24657" t="s">
        <v>120</v>
      </c>
      <c r="M24657" t="s">
        <v>83</v>
      </c>
      <c r="N24657" t="s">
        <v>91</v>
      </c>
      <c r="O24657" t="s">
        <v>85</v>
      </c>
      <c r="P24657" t="s">
        <v>86</v>
      </c>
      <c r="Q24657">
        <v>28</v>
      </c>
      <c r="R24657">
        <v>28</v>
      </c>
      <c r="S24657">
        <v>29</v>
      </c>
      <c r="T24657">
        <v>29</v>
      </c>
      <c r="U24657">
        <v>30</v>
      </c>
      <c r="V24657">
        <v>30</v>
      </c>
      <c r="W24657">
        <v>31</v>
      </c>
      <c r="X24657">
        <v>31</v>
      </c>
      <c r="Y24657">
        <v>31</v>
      </c>
      <c r="Z24657">
        <v>32</v>
      </c>
      <c r="AA24657">
        <v>32</v>
      </c>
      <c r="AB24657">
        <v>32</v>
      </c>
      <c r="AC24657">
        <v>33</v>
      </c>
      <c r="AD24657">
        <v>33</v>
      </c>
      <c r="AE24657">
        <v>33</v>
      </c>
      <c r="AF24657">
        <v>34</v>
      </c>
      <c r="AG24657">
        <v>34</v>
      </c>
      <c r="AH24657">
        <v>34</v>
      </c>
      <c r="AI24657">
        <v>35</v>
      </c>
      <c r="AJ24657">
        <v>35</v>
      </c>
      <c r="AK24657">
        <v>35</v>
      </c>
      <c r="AL24657">
        <v>36</v>
      </c>
      <c r="AM24657">
        <v>36</v>
      </c>
      <c r="AN24657">
        <v>36</v>
      </c>
      <c r="AO24657">
        <v>36</v>
      </c>
      <c r="AP24657">
        <v>36</v>
      </c>
      <c r="AQ24657">
        <v>36</v>
      </c>
    </row>
    <row r="24658" spans="1:43">
      <c r="A24658" t="s">
        <v>15265</v>
      </c>
      <c r="B24658" t="s">
        <v>15266</v>
      </c>
      <c r="C24658" t="s">
        <v>15267</v>
      </c>
      <c r="D24658" t="s">
        <v>15268</v>
      </c>
      <c r="E24658" t="s">
        <v>15241</v>
      </c>
      <c r="F24658" t="s">
        <v>15242</v>
      </c>
      <c r="G24658" t="s">
        <v>10734</v>
      </c>
      <c r="H24658" t="s">
        <v>10735</v>
      </c>
      <c r="I24658" s="2">
        <v>1</v>
      </c>
      <c r="J24658" s="2">
        <v>0</v>
      </c>
      <c r="K24658" s="2">
        <v>0</v>
      </c>
      <c r="L24658" t="s">
        <v>120</v>
      </c>
      <c r="M24658" t="s">
        <v>83</v>
      </c>
      <c r="N24658" t="s">
        <v>84</v>
      </c>
      <c r="O24658" t="s">
        <v>85</v>
      </c>
      <c r="P24658" t="s">
        <v>86</v>
      </c>
      <c r="Q24658">
        <v>54</v>
      </c>
      <c r="R24658">
        <v>55</v>
      </c>
      <c r="S24658">
        <v>56</v>
      </c>
      <c r="T24658">
        <v>57</v>
      </c>
      <c r="U24658">
        <v>57</v>
      </c>
      <c r="V24658">
        <v>58</v>
      </c>
      <c r="W24658">
        <v>59</v>
      </c>
      <c r="X24658">
        <v>60</v>
      </c>
      <c r="Y24658">
        <v>60</v>
      </c>
      <c r="Z24658">
        <v>61</v>
      </c>
      <c r="AA24658">
        <v>62</v>
      </c>
      <c r="AB24658">
        <v>63</v>
      </c>
      <c r="AC24658">
        <v>63</v>
      </c>
      <c r="AD24658">
        <v>64</v>
      </c>
      <c r="AE24658">
        <v>65</v>
      </c>
      <c r="AF24658">
        <v>65</v>
      </c>
      <c r="AG24658">
        <v>66</v>
      </c>
      <c r="AH24658">
        <v>67</v>
      </c>
      <c r="AI24658">
        <v>67</v>
      </c>
      <c r="AJ24658">
        <v>68</v>
      </c>
      <c r="AK24658">
        <v>68</v>
      </c>
      <c r="AL24658">
        <v>69</v>
      </c>
      <c r="AM24658">
        <v>69</v>
      </c>
      <c r="AN24658">
        <v>69</v>
      </c>
      <c r="AO24658">
        <v>69</v>
      </c>
      <c r="AP24658">
        <v>69</v>
      </c>
      <c r="AQ24658">
        <v>69</v>
      </c>
    </row>
    <row r="24659" spans="1:43">
      <c r="A24659" t="s">
        <v>15265</v>
      </c>
      <c r="B24659" t="s">
        <v>15266</v>
      </c>
      <c r="C24659" t="s">
        <v>15267</v>
      </c>
      <c r="D24659" t="s">
        <v>15268</v>
      </c>
      <c r="E24659" t="s">
        <v>15241</v>
      </c>
      <c r="F24659" t="s">
        <v>15242</v>
      </c>
      <c r="G24659" t="s">
        <v>10734</v>
      </c>
      <c r="H24659" t="s">
        <v>10735</v>
      </c>
      <c r="I24659" s="2">
        <v>1</v>
      </c>
      <c r="J24659" s="2">
        <v>0</v>
      </c>
      <c r="K24659" s="2">
        <v>0</v>
      </c>
      <c r="L24659" t="s">
        <v>120</v>
      </c>
      <c r="M24659" t="s">
        <v>87</v>
      </c>
      <c r="N24659" t="s">
        <v>88</v>
      </c>
      <c r="O24659" t="s">
        <v>85</v>
      </c>
      <c r="P24659" t="s">
        <v>86</v>
      </c>
      <c r="Q24659">
        <v>54</v>
      </c>
      <c r="R24659">
        <v>54</v>
      </c>
      <c r="S24659">
        <v>54</v>
      </c>
      <c r="T24659">
        <v>55</v>
      </c>
      <c r="U24659">
        <v>55</v>
      </c>
      <c r="V24659">
        <v>55</v>
      </c>
      <c r="W24659">
        <v>55</v>
      </c>
      <c r="X24659">
        <v>56</v>
      </c>
      <c r="Y24659">
        <v>56</v>
      </c>
      <c r="Z24659">
        <v>56</v>
      </c>
      <c r="AA24659">
        <v>56</v>
      </c>
      <c r="AB24659">
        <v>57</v>
      </c>
      <c r="AC24659">
        <v>57</v>
      </c>
      <c r="AD24659">
        <v>57</v>
      </c>
      <c r="AE24659">
        <v>57</v>
      </c>
      <c r="AF24659">
        <v>58</v>
      </c>
      <c r="AG24659">
        <v>58</v>
      </c>
      <c r="AH24659">
        <v>58</v>
      </c>
      <c r="AI24659">
        <v>58</v>
      </c>
      <c r="AJ24659">
        <v>58</v>
      </c>
      <c r="AK24659">
        <v>59</v>
      </c>
      <c r="AL24659">
        <v>59</v>
      </c>
      <c r="AM24659">
        <v>59</v>
      </c>
      <c r="AN24659">
        <v>59</v>
      </c>
      <c r="AO24659">
        <v>59</v>
      </c>
      <c r="AP24659">
        <v>60</v>
      </c>
      <c r="AQ24659">
        <v>60</v>
      </c>
    </row>
    <row r="24660" spans="1:43">
      <c r="A24660" t="s">
        <v>15265</v>
      </c>
      <c r="B24660" t="s">
        <v>15266</v>
      </c>
      <c r="C24660" t="s">
        <v>15267</v>
      </c>
      <c r="D24660" t="s">
        <v>15268</v>
      </c>
      <c r="E24660" t="s">
        <v>15241</v>
      </c>
      <c r="F24660" t="s">
        <v>15242</v>
      </c>
      <c r="G24660" t="s">
        <v>10734</v>
      </c>
      <c r="H24660" t="s">
        <v>10735</v>
      </c>
      <c r="I24660" s="2">
        <v>1</v>
      </c>
      <c r="J24660" s="2">
        <v>0</v>
      </c>
      <c r="K24660" s="2">
        <v>0</v>
      </c>
      <c r="L24660" t="s">
        <v>120</v>
      </c>
      <c r="M24660" t="s">
        <v>89</v>
      </c>
      <c r="N24660" t="s">
        <v>90</v>
      </c>
      <c r="O24660" t="s">
        <v>85</v>
      </c>
      <c r="P24660" t="s">
        <v>86</v>
      </c>
      <c r="Q24660">
        <v>54</v>
      </c>
      <c r="R24660">
        <v>55</v>
      </c>
      <c r="S24660">
        <v>56</v>
      </c>
      <c r="T24660">
        <v>58</v>
      </c>
      <c r="U24660">
        <v>59</v>
      </c>
      <c r="V24660">
        <v>60</v>
      </c>
      <c r="W24660">
        <v>61</v>
      </c>
      <c r="X24660">
        <v>62</v>
      </c>
      <c r="Y24660">
        <v>63</v>
      </c>
      <c r="Z24660">
        <v>64</v>
      </c>
      <c r="AA24660">
        <v>65</v>
      </c>
      <c r="AB24660">
        <v>66</v>
      </c>
      <c r="AC24660">
        <v>67</v>
      </c>
      <c r="AD24660">
        <v>68</v>
      </c>
      <c r="AE24660">
        <v>68</v>
      </c>
      <c r="AF24660">
        <v>68</v>
      </c>
      <c r="AG24660">
        <v>68</v>
      </c>
      <c r="AH24660">
        <v>68</v>
      </c>
      <c r="AI24660">
        <v>68</v>
      </c>
      <c r="AJ24660">
        <v>68</v>
      </c>
      <c r="AK24660">
        <v>68</v>
      </c>
      <c r="AL24660">
        <v>69</v>
      </c>
      <c r="AM24660">
        <v>69</v>
      </c>
      <c r="AN24660">
        <v>69</v>
      </c>
      <c r="AO24660">
        <v>69</v>
      </c>
      <c r="AP24660">
        <v>69</v>
      </c>
      <c r="AQ24660">
        <v>69</v>
      </c>
    </row>
    <row r="24661" spans="1:43">
      <c r="A24661" t="s">
        <v>15265</v>
      </c>
      <c r="B24661" t="s">
        <v>15266</v>
      </c>
      <c r="C24661" t="s">
        <v>15267</v>
      </c>
      <c r="D24661" t="s">
        <v>15268</v>
      </c>
      <c r="E24661" t="s">
        <v>15241</v>
      </c>
      <c r="F24661" t="s">
        <v>15242</v>
      </c>
      <c r="G24661" t="s">
        <v>10734</v>
      </c>
      <c r="H24661" t="s">
        <v>10735</v>
      </c>
      <c r="I24661" s="2">
        <v>1</v>
      </c>
      <c r="J24661" s="2">
        <v>0</v>
      </c>
      <c r="K24661" s="2">
        <v>0</v>
      </c>
      <c r="L24661" t="s">
        <v>120</v>
      </c>
      <c r="M24661" t="s">
        <v>83</v>
      </c>
      <c r="N24661" t="s">
        <v>91</v>
      </c>
      <c r="O24661" t="s">
        <v>85</v>
      </c>
      <c r="P24661" t="s">
        <v>86</v>
      </c>
      <c r="Q24661">
        <v>54</v>
      </c>
      <c r="R24661">
        <v>55</v>
      </c>
      <c r="S24661">
        <v>56</v>
      </c>
      <c r="T24661">
        <v>57</v>
      </c>
      <c r="U24661">
        <v>57</v>
      </c>
      <c r="V24661">
        <v>58</v>
      </c>
      <c r="W24661">
        <v>59</v>
      </c>
      <c r="X24661">
        <v>60</v>
      </c>
      <c r="Y24661">
        <v>60</v>
      </c>
      <c r="Z24661">
        <v>61</v>
      </c>
      <c r="AA24661">
        <v>62</v>
      </c>
      <c r="AB24661">
        <v>63</v>
      </c>
      <c r="AC24661">
        <v>63</v>
      </c>
      <c r="AD24661">
        <v>64</v>
      </c>
      <c r="AE24661">
        <v>65</v>
      </c>
      <c r="AF24661">
        <v>65</v>
      </c>
      <c r="AG24661">
        <v>66</v>
      </c>
      <c r="AH24661">
        <v>67</v>
      </c>
      <c r="AI24661">
        <v>67</v>
      </c>
      <c r="AJ24661">
        <v>68</v>
      </c>
      <c r="AK24661">
        <v>68</v>
      </c>
      <c r="AL24661">
        <v>69</v>
      </c>
      <c r="AM24661">
        <v>69</v>
      </c>
      <c r="AN24661">
        <v>69</v>
      </c>
      <c r="AO24661">
        <v>69</v>
      </c>
      <c r="AP24661">
        <v>69</v>
      </c>
      <c r="AQ24661">
        <v>69</v>
      </c>
    </row>
    <row r="24662" spans="1:43">
      <c r="A24662" t="s">
        <v>15269</v>
      </c>
      <c r="B24662" t="s">
        <v>15270</v>
      </c>
      <c r="C24662" t="s">
        <v>15267</v>
      </c>
      <c r="D24662" t="s">
        <v>15268</v>
      </c>
      <c r="E24662" t="s">
        <v>15241</v>
      </c>
      <c r="F24662" t="s">
        <v>15242</v>
      </c>
      <c r="G24662" t="s">
        <v>10734</v>
      </c>
      <c r="H24662" t="s">
        <v>10735</v>
      </c>
      <c r="I24662" s="2">
        <v>1</v>
      </c>
      <c r="J24662" s="2">
        <v>0</v>
      </c>
      <c r="K24662" s="2">
        <v>0</v>
      </c>
      <c r="L24662" t="s">
        <v>120</v>
      </c>
      <c r="M24662" t="s">
        <v>83</v>
      </c>
      <c r="N24662" t="s">
        <v>84</v>
      </c>
      <c r="O24662" t="s">
        <v>85</v>
      </c>
      <c r="P24662" t="s">
        <v>86</v>
      </c>
      <c r="Q24662">
        <v>11</v>
      </c>
      <c r="R24662">
        <v>11</v>
      </c>
      <c r="S24662">
        <v>11</v>
      </c>
      <c r="T24662">
        <v>11</v>
      </c>
      <c r="U24662">
        <v>11</v>
      </c>
      <c r="V24662">
        <v>12</v>
      </c>
      <c r="W24662">
        <v>12</v>
      </c>
      <c r="X24662">
        <v>12</v>
      </c>
      <c r="Y24662">
        <v>12</v>
      </c>
      <c r="Z24662">
        <v>12</v>
      </c>
      <c r="AA24662">
        <v>12</v>
      </c>
      <c r="AB24662">
        <v>12</v>
      </c>
      <c r="AC24662">
        <v>13</v>
      </c>
      <c r="AD24662">
        <v>13</v>
      </c>
      <c r="AE24662">
        <v>13</v>
      </c>
      <c r="AF24662">
        <v>13</v>
      </c>
      <c r="AG24662">
        <v>13</v>
      </c>
      <c r="AH24662">
        <v>13</v>
      </c>
      <c r="AI24662">
        <v>13</v>
      </c>
      <c r="AJ24662">
        <v>14</v>
      </c>
      <c r="AK24662">
        <v>14</v>
      </c>
      <c r="AL24662">
        <v>14</v>
      </c>
      <c r="AM24662">
        <v>14</v>
      </c>
      <c r="AN24662">
        <v>14</v>
      </c>
      <c r="AO24662">
        <v>14</v>
      </c>
      <c r="AP24662">
        <v>14</v>
      </c>
      <c r="AQ24662">
        <v>14</v>
      </c>
    </row>
    <row r="24663" spans="1:43">
      <c r="A24663" t="s">
        <v>15269</v>
      </c>
      <c r="B24663" t="s">
        <v>15270</v>
      </c>
      <c r="C24663" t="s">
        <v>15267</v>
      </c>
      <c r="D24663" t="s">
        <v>15268</v>
      </c>
      <c r="E24663" t="s">
        <v>15241</v>
      </c>
      <c r="F24663" t="s">
        <v>15242</v>
      </c>
      <c r="G24663" t="s">
        <v>10734</v>
      </c>
      <c r="H24663" t="s">
        <v>10735</v>
      </c>
      <c r="I24663" s="2">
        <v>1</v>
      </c>
      <c r="J24663" s="2">
        <v>0</v>
      </c>
      <c r="K24663" s="2">
        <v>0</v>
      </c>
      <c r="L24663" t="s">
        <v>120</v>
      </c>
      <c r="M24663" t="s">
        <v>87</v>
      </c>
      <c r="N24663" t="s">
        <v>88</v>
      </c>
      <c r="O24663" t="s">
        <v>85</v>
      </c>
      <c r="P24663" t="s">
        <v>86</v>
      </c>
      <c r="Q24663">
        <v>11</v>
      </c>
      <c r="R24663">
        <v>11</v>
      </c>
      <c r="S24663">
        <v>11</v>
      </c>
      <c r="T24663">
        <v>11</v>
      </c>
      <c r="U24663">
        <v>11</v>
      </c>
      <c r="V24663">
        <v>11</v>
      </c>
      <c r="W24663">
        <v>11</v>
      </c>
      <c r="X24663">
        <v>11</v>
      </c>
      <c r="Y24663">
        <v>11</v>
      </c>
      <c r="Z24663">
        <v>11</v>
      </c>
      <c r="AA24663">
        <v>11</v>
      </c>
      <c r="AB24663">
        <v>11</v>
      </c>
      <c r="AC24663">
        <v>11</v>
      </c>
      <c r="AD24663">
        <v>11</v>
      </c>
      <c r="AE24663">
        <v>11</v>
      </c>
      <c r="AF24663">
        <v>12</v>
      </c>
      <c r="AG24663">
        <v>12</v>
      </c>
      <c r="AH24663">
        <v>12</v>
      </c>
      <c r="AI24663">
        <v>12</v>
      </c>
      <c r="AJ24663">
        <v>12</v>
      </c>
      <c r="AK24663">
        <v>12</v>
      </c>
      <c r="AL24663">
        <v>12</v>
      </c>
      <c r="AM24663">
        <v>12</v>
      </c>
      <c r="AN24663">
        <v>12</v>
      </c>
      <c r="AO24663">
        <v>12</v>
      </c>
      <c r="AP24663">
        <v>12</v>
      </c>
      <c r="AQ24663">
        <v>12</v>
      </c>
    </row>
    <row r="24664" spans="1:43">
      <c r="A24664" t="s">
        <v>15269</v>
      </c>
      <c r="B24664" t="s">
        <v>15270</v>
      </c>
      <c r="C24664" t="s">
        <v>15267</v>
      </c>
      <c r="D24664" t="s">
        <v>15268</v>
      </c>
      <c r="E24664" t="s">
        <v>15241</v>
      </c>
      <c r="F24664" t="s">
        <v>15242</v>
      </c>
      <c r="G24664" t="s">
        <v>10734</v>
      </c>
      <c r="H24664" t="s">
        <v>10735</v>
      </c>
      <c r="I24664" s="2">
        <v>1</v>
      </c>
      <c r="J24664" s="2">
        <v>0</v>
      </c>
      <c r="K24664" s="2">
        <v>0</v>
      </c>
      <c r="L24664" t="s">
        <v>120</v>
      </c>
      <c r="M24664" t="s">
        <v>89</v>
      </c>
      <c r="N24664" t="s">
        <v>90</v>
      </c>
      <c r="O24664" t="s">
        <v>85</v>
      </c>
      <c r="P24664" t="s">
        <v>86</v>
      </c>
      <c r="Q24664">
        <v>11</v>
      </c>
      <c r="R24664">
        <v>11</v>
      </c>
      <c r="S24664">
        <v>11</v>
      </c>
      <c r="T24664">
        <v>12</v>
      </c>
      <c r="U24664">
        <v>12</v>
      </c>
      <c r="V24664">
        <v>12</v>
      </c>
      <c r="W24664">
        <v>12</v>
      </c>
      <c r="X24664">
        <v>13</v>
      </c>
      <c r="Y24664">
        <v>13</v>
      </c>
      <c r="Z24664">
        <v>13</v>
      </c>
      <c r="AA24664">
        <v>13</v>
      </c>
      <c r="AB24664">
        <v>13</v>
      </c>
      <c r="AC24664">
        <v>14</v>
      </c>
      <c r="AD24664">
        <v>14</v>
      </c>
      <c r="AE24664">
        <v>14</v>
      </c>
      <c r="AF24664">
        <v>14</v>
      </c>
      <c r="AG24664">
        <v>14</v>
      </c>
      <c r="AH24664">
        <v>14</v>
      </c>
      <c r="AI24664">
        <v>14</v>
      </c>
      <c r="AJ24664">
        <v>14</v>
      </c>
      <c r="AK24664">
        <v>14</v>
      </c>
      <c r="AL24664">
        <v>14</v>
      </c>
      <c r="AM24664">
        <v>14</v>
      </c>
      <c r="AN24664">
        <v>14</v>
      </c>
      <c r="AO24664">
        <v>14</v>
      </c>
      <c r="AP24664">
        <v>14</v>
      </c>
      <c r="AQ24664">
        <v>14</v>
      </c>
    </row>
    <row r="24665" spans="1:43">
      <c r="A24665" t="s">
        <v>15269</v>
      </c>
      <c r="B24665" t="s">
        <v>15270</v>
      </c>
      <c r="C24665" t="s">
        <v>15267</v>
      </c>
      <c r="D24665" t="s">
        <v>15268</v>
      </c>
      <c r="E24665" t="s">
        <v>15241</v>
      </c>
      <c r="F24665" t="s">
        <v>15242</v>
      </c>
      <c r="G24665" t="s">
        <v>10734</v>
      </c>
      <c r="H24665" t="s">
        <v>10735</v>
      </c>
      <c r="I24665" s="2">
        <v>1</v>
      </c>
      <c r="J24665" s="2">
        <v>0</v>
      </c>
      <c r="K24665" s="2">
        <v>0</v>
      </c>
      <c r="L24665" t="s">
        <v>120</v>
      </c>
      <c r="M24665" t="s">
        <v>83</v>
      </c>
      <c r="N24665" t="s">
        <v>91</v>
      </c>
      <c r="O24665" t="s">
        <v>85</v>
      </c>
      <c r="P24665" t="s">
        <v>86</v>
      </c>
      <c r="Q24665">
        <v>11</v>
      </c>
      <c r="R24665">
        <v>11</v>
      </c>
      <c r="S24665">
        <v>11</v>
      </c>
      <c r="T24665">
        <v>11</v>
      </c>
      <c r="U24665">
        <v>11</v>
      </c>
      <c r="V24665">
        <v>12</v>
      </c>
      <c r="W24665">
        <v>12</v>
      </c>
      <c r="X24665">
        <v>12</v>
      </c>
      <c r="Y24665">
        <v>12</v>
      </c>
      <c r="Z24665">
        <v>12</v>
      </c>
      <c r="AA24665">
        <v>12</v>
      </c>
      <c r="AB24665">
        <v>12</v>
      </c>
      <c r="AC24665">
        <v>13</v>
      </c>
      <c r="AD24665">
        <v>13</v>
      </c>
      <c r="AE24665">
        <v>13</v>
      </c>
      <c r="AF24665">
        <v>13</v>
      </c>
      <c r="AG24665">
        <v>13</v>
      </c>
      <c r="AH24665">
        <v>13</v>
      </c>
      <c r="AI24665">
        <v>13</v>
      </c>
      <c r="AJ24665">
        <v>14</v>
      </c>
      <c r="AK24665">
        <v>14</v>
      </c>
      <c r="AL24665">
        <v>14</v>
      </c>
      <c r="AM24665">
        <v>14</v>
      </c>
      <c r="AN24665">
        <v>14</v>
      </c>
      <c r="AO24665">
        <v>14</v>
      </c>
      <c r="AP24665">
        <v>14</v>
      </c>
      <c r="AQ24665">
        <v>14</v>
      </c>
    </row>
    <row r="24666" spans="1:43">
      <c r="A24666" t="s">
        <v>15271</v>
      </c>
      <c r="B24666" t="s">
        <v>15272</v>
      </c>
      <c r="C24666" t="s">
        <v>15267</v>
      </c>
      <c r="D24666" t="s">
        <v>15268</v>
      </c>
      <c r="E24666" t="s">
        <v>15241</v>
      </c>
      <c r="F24666" t="s">
        <v>15242</v>
      </c>
      <c r="G24666" t="s">
        <v>10734</v>
      </c>
      <c r="H24666" t="s">
        <v>10735</v>
      </c>
      <c r="I24666" s="2">
        <v>1</v>
      </c>
      <c r="J24666" s="2">
        <v>0</v>
      </c>
      <c r="K24666" s="2">
        <v>0</v>
      </c>
      <c r="L24666" t="s">
        <v>120</v>
      </c>
      <c r="M24666" t="s">
        <v>83</v>
      </c>
      <c r="N24666" t="s">
        <v>84</v>
      </c>
      <c r="O24666" t="s">
        <v>85</v>
      </c>
      <c r="P24666" t="s">
        <v>86</v>
      </c>
      <c r="Q24666">
        <v>11</v>
      </c>
      <c r="R24666">
        <v>11</v>
      </c>
      <c r="S24666">
        <v>12</v>
      </c>
      <c r="T24666">
        <v>12</v>
      </c>
      <c r="U24666">
        <v>12</v>
      </c>
      <c r="V24666">
        <v>12</v>
      </c>
      <c r="W24666">
        <v>12</v>
      </c>
      <c r="X24666">
        <v>12</v>
      </c>
      <c r="Y24666">
        <v>13</v>
      </c>
      <c r="Z24666">
        <v>13</v>
      </c>
      <c r="AA24666">
        <v>13</v>
      </c>
      <c r="AB24666">
        <v>13</v>
      </c>
      <c r="AC24666">
        <v>13</v>
      </c>
      <c r="AD24666">
        <v>13</v>
      </c>
      <c r="AE24666">
        <v>13</v>
      </c>
      <c r="AF24666">
        <v>14</v>
      </c>
      <c r="AG24666">
        <v>14</v>
      </c>
      <c r="AH24666">
        <v>14</v>
      </c>
      <c r="AI24666">
        <v>14</v>
      </c>
      <c r="AJ24666">
        <v>14</v>
      </c>
      <c r="AK24666">
        <v>14</v>
      </c>
      <c r="AL24666">
        <v>14</v>
      </c>
      <c r="AM24666">
        <v>14</v>
      </c>
      <c r="AN24666">
        <v>14</v>
      </c>
      <c r="AO24666">
        <v>14</v>
      </c>
      <c r="AP24666">
        <v>14</v>
      </c>
      <c r="AQ24666">
        <v>14</v>
      </c>
    </row>
    <row r="24667" spans="1:43">
      <c r="A24667" t="s">
        <v>15271</v>
      </c>
      <c r="B24667" t="s">
        <v>15272</v>
      </c>
      <c r="C24667" t="s">
        <v>15267</v>
      </c>
      <c r="D24667" t="s">
        <v>15268</v>
      </c>
      <c r="E24667" t="s">
        <v>15241</v>
      </c>
      <c r="F24667" t="s">
        <v>15242</v>
      </c>
      <c r="G24667" t="s">
        <v>10734</v>
      </c>
      <c r="H24667" t="s">
        <v>10735</v>
      </c>
      <c r="I24667" s="2">
        <v>1</v>
      </c>
      <c r="J24667" s="2">
        <v>0</v>
      </c>
      <c r="K24667" s="2">
        <v>0</v>
      </c>
      <c r="L24667" t="s">
        <v>120</v>
      </c>
      <c r="M24667" t="s">
        <v>87</v>
      </c>
      <c r="N24667" t="s">
        <v>88</v>
      </c>
      <c r="O24667" t="s">
        <v>85</v>
      </c>
      <c r="P24667" t="s">
        <v>86</v>
      </c>
      <c r="Q24667">
        <v>11</v>
      </c>
      <c r="R24667">
        <v>11</v>
      </c>
      <c r="S24667">
        <v>11</v>
      </c>
      <c r="T24667">
        <v>11</v>
      </c>
      <c r="U24667">
        <v>11</v>
      </c>
      <c r="V24667">
        <v>11</v>
      </c>
      <c r="W24667">
        <v>12</v>
      </c>
      <c r="X24667">
        <v>12</v>
      </c>
      <c r="Y24667">
        <v>12</v>
      </c>
      <c r="Z24667">
        <v>12</v>
      </c>
      <c r="AA24667">
        <v>12</v>
      </c>
      <c r="AB24667">
        <v>12</v>
      </c>
      <c r="AC24667">
        <v>12</v>
      </c>
      <c r="AD24667">
        <v>12</v>
      </c>
      <c r="AE24667">
        <v>12</v>
      </c>
      <c r="AF24667">
        <v>12</v>
      </c>
      <c r="AG24667">
        <v>12</v>
      </c>
      <c r="AH24667">
        <v>12</v>
      </c>
      <c r="AI24667">
        <v>12</v>
      </c>
      <c r="AJ24667">
        <v>12</v>
      </c>
      <c r="AK24667">
        <v>12</v>
      </c>
      <c r="AL24667">
        <v>12</v>
      </c>
      <c r="AM24667">
        <v>12</v>
      </c>
      <c r="AN24667">
        <v>12</v>
      </c>
      <c r="AO24667">
        <v>12</v>
      </c>
      <c r="AP24667">
        <v>12</v>
      </c>
      <c r="AQ24667">
        <v>12</v>
      </c>
    </row>
    <row r="24668" spans="1:43">
      <c r="A24668" t="s">
        <v>15271</v>
      </c>
      <c r="B24668" t="s">
        <v>15272</v>
      </c>
      <c r="C24668" t="s">
        <v>15267</v>
      </c>
      <c r="D24668" t="s">
        <v>15268</v>
      </c>
      <c r="E24668" t="s">
        <v>15241</v>
      </c>
      <c r="F24668" t="s">
        <v>15242</v>
      </c>
      <c r="G24668" t="s">
        <v>10734</v>
      </c>
      <c r="H24668" t="s">
        <v>10735</v>
      </c>
      <c r="I24668" s="2">
        <v>1</v>
      </c>
      <c r="J24668" s="2">
        <v>0</v>
      </c>
      <c r="K24668" s="2">
        <v>0</v>
      </c>
      <c r="L24668" t="s">
        <v>120</v>
      </c>
      <c r="M24668" t="s">
        <v>89</v>
      </c>
      <c r="N24668" t="s">
        <v>90</v>
      </c>
      <c r="O24668" t="s">
        <v>85</v>
      </c>
      <c r="P24668" t="s">
        <v>86</v>
      </c>
      <c r="Q24668">
        <v>11</v>
      </c>
      <c r="R24668">
        <v>12</v>
      </c>
      <c r="S24668">
        <v>12</v>
      </c>
      <c r="T24668">
        <v>12</v>
      </c>
      <c r="U24668">
        <v>12</v>
      </c>
      <c r="V24668">
        <v>13</v>
      </c>
      <c r="W24668">
        <v>13</v>
      </c>
      <c r="X24668">
        <v>13</v>
      </c>
      <c r="Y24668">
        <v>13</v>
      </c>
      <c r="Z24668">
        <v>14</v>
      </c>
      <c r="AA24668">
        <v>14</v>
      </c>
      <c r="AB24668">
        <v>14</v>
      </c>
      <c r="AC24668">
        <v>14</v>
      </c>
      <c r="AD24668">
        <v>14</v>
      </c>
      <c r="AE24668">
        <v>14</v>
      </c>
      <c r="AF24668">
        <v>14</v>
      </c>
      <c r="AG24668">
        <v>14</v>
      </c>
      <c r="AH24668">
        <v>14</v>
      </c>
      <c r="AI24668">
        <v>14</v>
      </c>
      <c r="AJ24668">
        <v>14</v>
      </c>
      <c r="AK24668">
        <v>14</v>
      </c>
      <c r="AL24668">
        <v>14</v>
      </c>
      <c r="AM24668">
        <v>14</v>
      </c>
      <c r="AN24668">
        <v>15</v>
      </c>
      <c r="AO24668">
        <v>15</v>
      </c>
      <c r="AP24668">
        <v>15</v>
      </c>
      <c r="AQ24668">
        <v>15</v>
      </c>
    </row>
    <row r="24669" spans="1:43">
      <c r="A24669" t="s">
        <v>15271</v>
      </c>
      <c r="B24669" t="s">
        <v>15272</v>
      </c>
      <c r="C24669" t="s">
        <v>15267</v>
      </c>
      <c r="D24669" t="s">
        <v>15268</v>
      </c>
      <c r="E24669" t="s">
        <v>15241</v>
      </c>
      <c r="F24669" t="s">
        <v>15242</v>
      </c>
      <c r="G24669" t="s">
        <v>10734</v>
      </c>
      <c r="H24669" t="s">
        <v>10735</v>
      </c>
      <c r="I24669" s="2">
        <v>1</v>
      </c>
      <c r="J24669" s="2">
        <v>0</v>
      </c>
      <c r="K24669" s="2">
        <v>0</v>
      </c>
      <c r="L24669" t="s">
        <v>120</v>
      </c>
      <c r="M24669" t="s">
        <v>83</v>
      </c>
      <c r="N24669" t="s">
        <v>91</v>
      </c>
      <c r="O24669" t="s">
        <v>85</v>
      </c>
      <c r="P24669" t="s">
        <v>86</v>
      </c>
      <c r="Q24669">
        <v>11</v>
      </c>
      <c r="R24669">
        <v>11</v>
      </c>
      <c r="S24669">
        <v>12</v>
      </c>
      <c r="T24669">
        <v>12</v>
      </c>
      <c r="U24669">
        <v>12</v>
      </c>
      <c r="V24669">
        <v>12</v>
      </c>
      <c r="W24669">
        <v>12</v>
      </c>
      <c r="X24669">
        <v>12</v>
      </c>
      <c r="Y24669">
        <v>13</v>
      </c>
      <c r="Z24669">
        <v>13</v>
      </c>
      <c r="AA24669">
        <v>13</v>
      </c>
      <c r="AB24669">
        <v>13</v>
      </c>
      <c r="AC24669">
        <v>13</v>
      </c>
      <c r="AD24669">
        <v>13</v>
      </c>
      <c r="AE24669">
        <v>13</v>
      </c>
      <c r="AF24669">
        <v>14</v>
      </c>
      <c r="AG24669">
        <v>14</v>
      </c>
      <c r="AH24669">
        <v>14</v>
      </c>
      <c r="AI24669">
        <v>14</v>
      </c>
      <c r="AJ24669">
        <v>14</v>
      </c>
      <c r="AK24669">
        <v>14</v>
      </c>
      <c r="AL24669">
        <v>14</v>
      </c>
      <c r="AM24669">
        <v>14</v>
      </c>
      <c r="AN24669">
        <v>14</v>
      </c>
      <c r="AO24669">
        <v>14</v>
      </c>
      <c r="AP24669">
        <v>14</v>
      </c>
      <c r="AQ24669">
        <v>14</v>
      </c>
    </row>
    <row r="24670" spans="1:43">
      <c r="A24670" t="s">
        <v>15273</v>
      </c>
      <c r="B24670" t="s">
        <v>15274</v>
      </c>
      <c r="C24670" t="s">
        <v>15267</v>
      </c>
      <c r="D24670" t="s">
        <v>15268</v>
      </c>
      <c r="E24670" t="s">
        <v>15241</v>
      </c>
      <c r="F24670" t="s">
        <v>15242</v>
      </c>
      <c r="G24670" t="s">
        <v>10734</v>
      </c>
      <c r="H24670" t="s">
        <v>10735</v>
      </c>
      <c r="I24670" s="2">
        <v>1</v>
      </c>
      <c r="J24670" s="2">
        <v>0</v>
      </c>
      <c r="K24670" s="2">
        <v>0</v>
      </c>
      <c r="L24670" t="s">
        <v>120</v>
      </c>
      <c r="M24670" t="s">
        <v>83</v>
      </c>
      <c r="N24670" t="s">
        <v>84</v>
      </c>
      <c r="O24670" t="s">
        <v>85</v>
      </c>
      <c r="P24670" t="s">
        <v>86</v>
      </c>
      <c r="Q24670">
        <v>23</v>
      </c>
      <c r="R24670">
        <v>23</v>
      </c>
      <c r="S24670">
        <v>23</v>
      </c>
      <c r="T24670">
        <v>24</v>
      </c>
      <c r="U24670">
        <v>24</v>
      </c>
      <c r="V24670">
        <v>24</v>
      </c>
      <c r="W24670">
        <v>25</v>
      </c>
      <c r="X24670">
        <v>25</v>
      </c>
      <c r="Y24670">
        <v>25</v>
      </c>
      <c r="Z24670">
        <v>25</v>
      </c>
      <c r="AA24670">
        <v>26</v>
      </c>
      <c r="AB24670">
        <v>26</v>
      </c>
      <c r="AC24670">
        <v>26</v>
      </c>
      <c r="AD24670">
        <v>27</v>
      </c>
      <c r="AE24670">
        <v>27</v>
      </c>
      <c r="AF24670">
        <v>27</v>
      </c>
      <c r="AG24670">
        <v>27</v>
      </c>
      <c r="AH24670">
        <v>28</v>
      </c>
      <c r="AI24670">
        <v>28</v>
      </c>
      <c r="AJ24670">
        <v>28</v>
      </c>
      <c r="AK24670">
        <v>28</v>
      </c>
      <c r="AL24670">
        <v>29</v>
      </c>
      <c r="AM24670">
        <v>29</v>
      </c>
      <c r="AN24670">
        <v>29</v>
      </c>
      <c r="AO24670">
        <v>29</v>
      </c>
      <c r="AP24670">
        <v>29</v>
      </c>
      <c r="AQ24670">
        <v>29</v>
      </c>
    </row>
    <row r="24671" spans="1:43">
      <c r="A24671" t="s">
        <v>15273</v>
      </c>
      <c r="B24671" t="s">
        <v>15274</v>
      </c>
      <c r="C24671" t="s">
        <v>15267</v>
      </c>
      <c r="D24671" t="s">
        <v>15268</v>
      </c>
      <c r="E24671" t="s">
        <v>15241</v>
      </c>
      <c r="F24671" t="s">
        <v>15242</v>
      </c>
      <c r="G24671" t="s">
        <v>10734</v>
      </c>
      <c r="H24671" t="s">
        <v>10735</v>
      </c>
      <c r="I24671" s="2">
        <v>1</v>
      </c>
      <c r="J24671" s="2">
        <v>0</v>
      </c>
      <c r="K24671" s="2">
        <v>0</v>
      </c>
      <c r="L24671" t="s">
        <v>120</v>
      </c>
      <c r="M24671" t="s">
        <v>87</v>
      </c>
      <c r="N24671" t="s">
        <v>88</v>
      </c>
      <c r="O24671" t="s">
        <v>85</v>
      </c>
      <c r="P24671" t="s">
        <v>86</v>
      </c>
      <c r="Q24671">
        <v>23</v>
      </c>
      <c r="R24671">
        <v>24</v>
      </c>
      <c r="S24671">
        <v>24</v>
      </c>
      <c r="T24671">
        <v>24</v>
      </c>
      <c r="U24671">
        <v>24</v>
      </c>
      <c r="V24671">
        <v>24</v>
      </c>
      <c r="W24671">
        <v>24</v>
      </c>
      <c r="X24671">
        <v>24</v>
      </c>
      <c r="Y24671">
        <v>24</v>
      </c>
      <c r="Z24671">
        <v>24</v>
      </c>
      <c r="AA24671">
        <v>24</v>
      </c>
      <c r="AB24671">
        <v>25</v>
      </c>
      <c r="AC24671">
        <v>25</v>
      </c>
      <c r="AD24671">
        <v>25</v>
      </c>
      <c r="AE24671">
        <v>25</v>
      </c>
      <c r="AF24671">
        <v>25</v>
      </c>
      <c r="AG24671">
        <v>25</v>
      </c>
      <c r="AH24671">
        <v>25</v>
      </c>
      <c r="AI24671">
        <v>25</v>
      </c>
      <c r="AJ24671">
        <v>25</v>
      </c>
      <c r="AK24671">
        <v>25</v>
      </c>
      <c r="AL24671">
        <v>25</v>
      </c>
      <c r="AM24671">
        <v>26</v>
      </c>
      <c r="AN24671">
        <v>26</v>
      </c>
      <c r="AO24671">
        <v>26</v>
      </c>
      <c r="AP24671">
        <v>26</v>
      </c>
      <c r="AQ24671">
        <v>26</v>
      </c>
    </row>
    <row r="24672" spans="1:43">
      <c r="A24672" t="s">
        <v>15273</v>
      </c>
      <c r="B24672" t="s">
        <v>15274</v>
      </c>
      <c r="C24672" t="s">
        <v>15267</v>
      </c>
      <c r="D24672" t="s">
        <v>15268</v>
      </c>
      <c r="E24672" t="s">
        <v>15241</v>
      </c>
      <c r="F24672" t="s">
        <v>15242</v>
      </c>
      <c r="G24672" t="s">
        <v>10734</v>
      </c>
      <c r="H24672" t="s">
        <v>10735</v>
      </c>
      <c r="I24672" s="2">
        <v>1</v>
      </c>
      <c r="J24672" s="2">
        <v>0</v>
      </c>
      <c r="K24672" s="2">
        <v>0</v>
      </c>
      <c r="L24672" t="s">
        <v>120</v>
      </c>
      <c r="M24672" t="s">
        <v>89</v>
      </c>
      <c r="N24672" t="s">
        <v>90</v>
      </c>
      <c r="O24672" t="s">
        <v>85</v>
      </c>
      <c r="P24672" t="s">
        <v>86</v>
      </c>
      <c r="Q24672">
        <v>23</v>
      </c>
      <c r="R24672">
        <v>23</v>
      </c>
      <c r="S24672">
        <v>24</v>
      </c>
      <c r="T24672">
        <v>24</v>
      </c>
      <c r="U24672">
        <v>25</v>
      </c>
      <c r="V24672">
        <v>25</v>
      </c>
      <c r="W24672">
        <v>26</v>
      </c>
      <c r="X24672">
        <v>26</v>
      </c>
      <c r="Y24672">
        <v>27</v>
      </c>
      <c r="Z24672">
        <v>27</v>
      </c>
      <c r="AA24672">
        <v>27</v>
      </c>
      <c r="AB24672">
        <v>28</v>
      </c>
      <c r="AC24672">
        <v>28</v>
      </c>
      <c r="AD24672">
        <v>29</v>
      </c>
      <c r="AE24672">
        <v>29</v>
      </c>
      <c r="AF24672">
        <v>29</v>
      </c>
      <c r="AG24672">
        <v>29</v>
      </c>
      <c r="AH24672">
        <v>29</v>
      </c>
      <c r="AI24672">
        <v>29</v>
      </c>
      <c r="AJ24672">
        <v>29</v>
      </c>
      <c r="AK24672">
        <v>29</v>
      </c>
      <c r="AL24672">
        <v>29</v>
      </c>
      <c r="AM24672">
        <v>29</v>
      </c>
      <c r="AN24672">
        <v>29</v>
      </c>
      <c r="AO24672">
        <v>29</v>
      </c>
      <c r="AP24672">
        <v>29</v>
      </c>
      <c r="AQ24672">
        <v>29</v>
      </c>
    </row>
    <row r="24673" spans="1:43">
      <c r="A24673" t="s">
        <v>15273</v>
      </c>
      <c r="B24673" t="s">
        <v>15274</v>
      </c>
      <c r="C24673" t="s">
        <v>15267</v>
      </c>
      <c r="D24673" t="s">
        <v>15268</v>
      </c>
      <c r="E24673" t="s">
        <v>15241</v>
      </c>
      <c r="F24673" t="s">
        <v>15242</v>
      </c>
      <c r="G24673" t="s">
        <v>10734</v>
      </c>
      <c r="H24673" t="s">
        <v>10735</v>
      </c>
      <c r="I24673" s="2">
        <v>1</v>
      </c>
      <c r="J24673" s="2">
        <v>0</v>
      </c>
      <c r="K24673" s="2">
        <v>0</v>
      </c>
      <c r="L24673" t="s">
        <v>120</v>
      </c>
      <c r="M24673" t="s">
        <v>83</v>
      </c>
      <c r="N24673" t="s">
        <v>91</v>
      </c>
      <c r="O24673" t="s">
        <v>85</v>
      </c>
      <c r="P24673" t="s">
        <v>86</v>
      </c>
      <c r="Q24673">
        <v>23</v>
      </c>
      <c r="R24673">
        <v>23</v>
      </c>
      <c r="S24673">
        <v>23</v>
      </c>
      <c r="T24673">
        <v>24</v>
      </c>
      <c r="U24673">
        <v>24</v>
      </c>
      <c r="V24673">
        <v>24</v>
      </c>
      <c r="W24673">
        <v>25</v>
      </c>
      <c r="X24673">
        <v>25</v>
      </c>
      <c r="Y24673">
        <v>25</v>
      </c>
      <c r="Z24673">
        <v>25</v>
      </c>
      <c r="AA24673">
        <v>26</v>
      </c>
      <c r="AB24673">
        <v>26</v>
      </c>
      <c r="AC24673">
        <v>26</v>
      </c>
      <c r="AD24673">
        <v>27</v>
      </c>
      <c r="AE24673">
        <v>27</v>
      </c>
      <c r="AF24673">
        <v>27</v>
      </c>
      <c r="AG24673">
        <v>27</v>
      </c>
      <c r="AH24673">
        <v>28</v>
      </c>
      <c r="AI24673">
        <v>28</v>
      </c>
      <c r="AJ24673">
        <v>28</v>
      </c>
      <c r="AK24673">
        <v>28</v>
      </c>
      <c r="AL24673">
        <v>29</v>
      </c>
      <c r="AM24673">
        <v>29</v>
      </c>
      <c r="AN24673">
        <v>29</v>
      </c>
      <c r="AO24673">
        <v>29</v>
      </c>
      <c r="AP24673">
        <v>29</v>
      </c>
      <c r="AQ24673">
        <v>29</v>
      </c>
    </row>
    <row r="24674" spans="1:43">
      <c r="A24674" t="s">
        <v>15275</v>
      </c>
      <c r="B24674" t="s">
        <v>15276</v>
      </c>
      <c r="C24674" t="s">
        <v>15277</v>
      </c>
      <c r="D24674" t="s">
        <v>15278</v>
      </c>
      <c r="E24674" t="s">
        <v>15241</v>
      </c>
      <c r="F24674" t="s">
        <v>15242</v>
      </c>
      <c r="G24674" t="s">
        <v>10734</v>
      </c>
      <c r="H24674" t="s">
        <v>10735</v>
      </c>
      <c r="I24674" s="2">
        <v>1</v>
      </c>
      <c r="J24674" s="2">
        <v>0</v>
      </c>
      <c r="K24674" s="2">
        <v>0</v>
      </c>
      <c r="L24674" t="s">
        <v>120</v>
      </c>
      <c r="M24674" t="s">
        <v>83</v>
      </c>
      <c r="N24674" t="s">
        <v>84</v>
      </c>
      <c r="O24674" t="s">
        <v>85</v>
      </c>
      <c r="P24674" t="s">
        <v>86</v>
      </c>
      <c r="Q24674">
        <v>14</v>
      </c>
      <c r="R24674">
        <v>14</v>
      </c>
      <c r="S24674">
        <v>14</v>
      </c>
      <c r="T24674">
        <v>15</v>
      </c>
      <c r="U24674">
        <v>15</v>
      </c>
      <c r="V24674">
        <v>15</v>
      </c>
      <c r="W24674">
        <v>15</v>
      </c>
      <c r="X24674">
        <v>15</v>
      </c>
      <c r="Y24674">
        <v>16</v>
      </c>
      <c r="Z24674">
        <v>16</v>
      </c>
      <c r="AA24674">
        <v>16</v>
      </c>
      <c r="AB24674">
        <v>16</v>
      </c>
      <c r="AC24674">
        <v>16</v>
      </c>
      <c r="AD24674">
        <v>16</v>
      </c>
      <c r="AE24674">
        <v>17</v>
      </c>
      <c r="AF24674">
        <v>17</v>
      </c>
      <c r="AG24674">
        <v>17</v>
      </c>
      <c r="AH24674">
        <v>17</v>
      </c>
      <c r="AI24674">
        <v>17</v>
      </c>
      <c r="AJ24674">
        <v>17</v>
      </c>
      <c r="AK24674">
        <v>18</v>
      </c>
      <c r="AL24674">
        <v>18</v>
      </c>
      <c r="AM24674">
        <v>18</v>
      </c>
      <c r="AN24674">
        <v>18</v>
      </c>
      <c r="AO24674">
        <v>18</v>
      </c>
      <c r="AP24674">
        <v>18</v>
      </c>
      <c r="AQ24674">
        <v>18</v>
      </c>
    </row>
    <row r="24675" spans="1:43">
      <c r="A24675" t="s">
        <v>15275</v>
      </c>
      <c r="B24675" t="s">
        <v>15276</v>
      </c>
      <c r="C24675" t="s">
        <v>15277</v>
      </c>
      <c r="D24675" t="s">
        <v>15278</v>
      </c>
      <c r="E24675" t="s">
        <v>15241</v>
      </c>
      <c r="F24675" t="s">
        <v>15242</v>
      </c>
      <c r="G24675" t="s">
        <v>10734</v>
      </c>
      <c r="H24675" t="s">
        <v>10735</v>
      </c>
      <c r="I24675" s="2">
        <v>1</v>
      </c>
      <c r="J24675" s="2">
        <v>0</v>
      </c>
      <c r="K24675" s="2">
        <v>0</v>
      </c>
      <c r="L24675" t="s">
        <v>120</v>
      </c>
      <c r="M24675" t="s">
        <v>87</v>
      </c>
      <c r="N24675" t="s">
        <v>88</v>
      </c>
      <c r="O24675" t="s">
        <v>85</v>
      </c>
      <c r="P24675" t="s">
        <v>86</v>
      </c>
      <c r="Q24675">
        <v>14</v>
      </c>
      <c r="R24675">
        <v>14</v>
      </c>
      <c r="S24675">
        <v>14</v>
      </c>
      <c r="T24675">
        <v>14</v>
      </c>
      <c r="U24675">
        <v>14</v>
      </c>
      <c r="V24675">
        <v>14</v>
      </c>
      <c r="W24675">
        <v>14</v>
      </c>
      <c r="X24675">
        <v>14</v>
      </c>
      <c r="Y24675">
        <v>14</v>
      </c>
      <c r="Z24675">
        <v>14</v>
      </c>
      <c r="AA24675">
        <v>14</v>
      </c>
      <c r="AB24675">
        <v>15</v>
      </c>
      <c r="AC24675">
        <v>15</v>
      </c>
      <c r="AD24675">
        <v>15</v>
      </c>
      <c r="AE24675">
        <v>15</v>
      </c>
      <c r="AF24675">
        <v>15</v>
      </c>
      <c r="AG24675">
        <v>15</v>
      </c>
      <c r="AH24675">
        <v>15</v>
      </c>
      <c r="AI24675">
        <v>15</v>
      </c>
      <c r="AJ24675">
        <v>15</v>
      </c>
      <c r="AK24675">
        <v>15</v>
      </c>
      <c r="AL24675">
        <v>15</v>
      </c>
      <c r="AM24675">
        <v>15</v>
      </c>
      <c r="AN24675">
        <v>15</v>
      </c>
      <c r="AO24675">
        <v>15</v>
      </c>
      <c r="AP24675">
        <v>15</v>
      </c>
      <c r="AQ24675">
        <v>15</v>
      </c>
    </row>
    <row r="24676" spans="1:43">
      <c r="A24676" t="s">
        <v>15275</v>
      </c>
      <c r="B24676" t="s">
        <v>15276</v>
      </c>
      <c r="C24676" t="s">
        <v>15277</v>
      </c>
      <c r="D24676" t="s">
        <v>15278</v>
      </c>
      <c r="E24676" t="s">
        <v>15241</v>
      </c>
      <c r="F24676" t="s">
        <v>15242</v>
      </c>
      <c r="G24676" t="s">
        <v>10734</v>
      </c>
      <c r="H24676" t="s">
        <v>10735</v>
      </c>
      <c r="I24676" s="2">
        <v>1</v>
      </c>
      <c r="J24676" s="2">
        <v>0</v>
      </c>
      <c r="K24676" s="2">
        <v>0</v>
      </c>
      <c r="L24676" t="s">
        <v>120</v>
      </c>
      <c r="M24676" t="s">
        <v>89</v>
      </c>
      <c r="N24676" t="s">
        <v>90</v>
      </c>
      <c r="O24676" t="s">
        <v>85</v>
      </c>
      <c r="P24676" t="s">
        <v>86</v>
      </c>
      <c r="Q24676">
        <v>14</v>
      </c>
      <c r="R24676">
        <v>14</v>
      </c>
      <c r="S24676">
        <v>15</v>
      </c>
      <c r="T24676">
        <v>15</v>
      </c>
      <c r="U24676">
        <v>15</v>
      </c>
      <c r="V24676">
        <v>16</v>
      </c>
      <c r="W24676">
        <v>16</v>
      </c>
      <c r="X24676">
        <v>16</v>
      </c>
      <c r="Y24676">
        <v>16</v>
      </c>
      <c r="Z24676">
        <v>17</v>
      </c>
      <c r="AA24676">
        <v>17</v>
      </c>
      <c r="AB24676">
        <v>17</v>
      </c>
      <c r="AC24676">
        <v>17</v>
      </c>
      <c r="AD24676">
        <v>18</v>
      </c>
      <c r="AE24676">
        <v>18</v>
      </c>
      <c r="AF24676">
        <v>18</v>
      </c>
      <c r="AG24676">
        <v>18</v>
      </c>
      <c r="AH24676">
        <v>18</v>
      </c>
      <c r="AI24676">
        <v>18</v>
      </c>
      <c r="AJ24676">
        <v>18</v>
      </c>
      <c r="AK24676">
        <v>18</v>
      </c>
      <c r="AL24676">
        <v>18</v>
      </c>
      <c r="AM24676">
        <v>18</v>
      </c>
      <c r="AN24676">
        <v>18</v>
      </c>
      <c r="AO24676">
        <v>18</v>
      </c>
      <c r="AP24676">
        <v>18</v>
      </c>
      <c r="AQ24676">
        <v>18</v>
      </c>
    </row>
    <row r="24677" spans="1:43">
      <c r="A24677" t="s">
        <v>15275</v>
      </c>
      <c r="B24677" t="s">
        <v>15276</v>
      </c>
      <c r="C24677" t="s">
        <v>15277</v>
      </c>
      <c r="D24677" t="s">
        <v>15278</v>
      </c>
      <c r="E24677" t="s">
        <v>15241</v>
      </c>
      <c r="F24677" t="s">
        <v>15242</v>
      </c>
      <c r="G24677" t="s">
        <v>10734</v>
      </c>
      <c r="H24677" t="s">
        <v>10735</v>
      </c>
      <c r="I24677" s="2">
        <v>1</v>
      </c>
      <c r="J24677" s="2">
        <v>0</v>
      </c>
      <c r="K24677" s="2">
        <v>0</v>
      </c>
      <c r="L24677" t="s">
        <v>120</v>
      </c>
      <c r="M24677" t="s">
        <v>83</v>
      </c>
      <c r="N24677" t="s">
        <v>91</v>
      </c>
      <c r="O24677" t="s">
        <v>85</v>
      </c>
      <c r="P24677" t="s">
        <v>86</v>
      </c>
      <c r="Q24677">
        <v>14</v>
      </c>
      <c r="R24677">
        <v>14</v>
      </c>
      <c r="S24677">
        <v>14</v>
      </c>
      <c r="T24677">
        <v>15</v>
      </c>
      <c r="U24677">
        <v>15</v>
      </c>
      <c r="V24677">
        <v>15</v>
      </c>
      <c r="W24677">
        <v>15</v>
      </c>
      <c r="X24677">
        <v>15</v>
      </c>
      <c r="Y24677">
        <v>16</v>
      </c>
      <c r="Z24677">
        <v>16</v>
      </c>
      <c r="AA24677">
        <v>16</v>
      </c>
      <c r="AB24677">
        <v>16</v>
      </c>
      <c r="AC24677">
        <v>16</v>
      </c>
      <c r="AD24677">
        <v>16</v>
      </c>
      <c r="AE24677">
        <v>17</v>
      </c>
      <c r="AF24677">
        <v>17</v>
      </c>
      <c r="AG24677">
        <v>17</v>
      </c>
      <c r="AH24677">
        <v>17</v>
      </c>
      <c r="AI24677">
        <v>17</v>
      </c>
      <c r="AJ24677">
        <v>17</v>
      </c>
      <c r="AK24677">
        <v>18</v>
      </c>
      <c r="AL24677">
        <v>18</v>
      </c>
      <c r="AM24677">
        <v>18</v>
      </c>
      <c r="AN24677">
        <v>18</v>
      </c>
      <c r="AO24677">
        <v>18</v>
      </c>
      <c r="AP24677">
        <v>18</v>
      </c>
      <c r="AQ24677">
        <v>18</v>
      </c>
    </row>
    <row r="24678" spans="1:43">
      <c r="A24678" t="s">
        <v>15279</v>
      </c>
      <c r="B24678" t="s">
        <v>15280</v>
      </c>
      <c r="C24678" t="s">
        <v>15281</v>
      </c>
      <c r="D24678" t="s">
        <v>15282</v>
      </c>
      <c r="E24678" t="s">
        <v>15241</v>
      </c>
      <c r="F24678" t="s">
        <v>15242</v>
      </c>
      <c r="G24678" t="s">
        <v>10734</v>
      </c>
      <c r="H24678" t="s">
        <v>10735</v>
      </c>
      <c r="I24678" s="2">
        <v>1</v>
      </c>
      <c r="J24678" s="2">
        <v>0</v>
      </c>
      <c r="K24678" s="2">
        <v>0</v>
      </c>
      <c r="L24678" t="s">
        <v>120</v>
      </c>
      <c r="M24678" t="s">
        <v>83</v>
      </c>
      <c r="N24678" t="s">
        <v>84</v>
      </c>
      <c r="O24678" t="s">
        <v>85</v>
      </c>
      <c r="P24678" t="s">
        <v>86</v>
      </c>
      <c r="Q24678">
        <v>64</v>
      </c>
      <c r="R24678">
        <v>65</v>
      </c>
      <c r="S24678">
        <v>65</v>
      </c>
      <c r="T24678">
        <v>66</v>
      </c>
      <c r="U24678">
        <v>67</v>
      </c>
      <c r="V24678">
        <v>68</v>
      </c>
      <c r="W24678">
        <v>69</v>
      </c>
      <c r="X24678">
        <v>70</v>
      </c>
      <c r="Y24678">
        <v>71</v>
      </c>
      <c r="Z24678">
        <v>71</v>
      </c>
      <c r="AA24678">
        <v>72</v>
      </c>
      <c r="AB24678">
        <v>73</v>
      </c>
      <c r="AC24678">
        <v>74</v>
      </c>
      <c r="AD24678">
        <v>74</v>
      </c>
      <c r="AE24678">
        <v>75</v>
      </c>
      <c r="AF24678">
        <v>76</v>
      </c>
      <c r="AG24678">
        <v>77</v>
      </c>
      <c r="AH24678">
        <v>77</v>
      </c>
      <c r="AI24678">
        <v>78</v>
      </c>
      <c r="AJ24678">
        <v>79</v>
      </c>
      <c r="AK24678">
        <v>80</v>
      </c>
      <c r="AL24678">
        <v>80</v>
      </c>
      <c r="AM24678">
        <v>80</v>
      </c>
      <c r="AN24678">
        <v>80</v>
      </c>
      <c r="AO24678">
        <v>80</v>
      </c>
      <c r="AP24678">
        <v>80</v>
      </c>
      <c r="AQ24678">
        <v>80</v>
      </c>
    </row>
    <row r="24679" spans="1:43">
      <c r="A24679" t="s">
        <v>15279</v>
      </c>
      <c r="B24679" t="s">
        <v>15280</v>
      </c>
      <c r="C24679" t="s">
        <v>15281</v>
      </c>
      <c r="D24679" t="s">
        <v>15282</v>
      </c>
      <c r="E24679" t="s">
        <v>15241</v>
      </c>
      <c r="F24679" t="s">
        <v>15242</v>
      </c>
      <c r="G24679" t="s">
        <v>10734</v>
      </c>
      <c r="H24679" t="s">
        <v>10735</v>
      </c>
      <c r="I24679" s="2">
        <v>1</v>
      </c>
      <c r="J24679" s="2">
        <v>0</v>
      </c>
      <c r="K24679" s="2">
        <v>0</v>
      </c>
      <c r="L24679" t="s">
        <v>120</v>
      </c>
      <c r="M24679" t="s">
        <v>87</v>
      </c>
      <c r="N24679" t="s">
        <v>88</v>
      </c>
      <c r="O24679" t="s">
        <v>85</v>
      </c>
      <c r="P24679" t="s">
        <v>86</v>
      </c>
      <c r="Q24679">
        <v>64</v>
      </c>
      <c r="R24679">
        <v>64</v>
      </c>
      <c r="S24679">
        <v>65</v>
      </c>
      <c r="T24679">
        <v>65</v>
      </c>
      <c r="U24679">
        <v>65</v>
      </c>
      <c r="V24679">
        <v>65</v>
      </c>
      <c r="W24679">
        <v>66</v>
      </c>
      <c r="X24679">
        <v>66</v>
      </c>
      <c r="Y24679">
        <v>66</v>
      </c>
      <c r="Z24679">
        <v>67</v>
      </c>
      <c r="AA24679">
        <v>67</v>
      </c>
      <c r="AB24679">
        <v>67</v>
      </c>
      <c r="AC24679">
        <v>67</v>
      </c>
      <c r="AD24679">
        <v>68</v>
      </c>
      <c r="AE24679">
        <v>68</v>
      </c>
      <c r="AF24679">
        <v>68</v>
      </c>
      <c r="AG24679">
        <v>68</v>
      </c>
      <c r="AH24679">
        <v>69</v>
      </c>
      <c r="AI24679">
        <v>69</v>
      </c>
      <c r="AJ24679">
        <v>69</v>
      </c>
      <c r="AK24679">
        <v>69</v>
      </c>
      <c r="AL24679">
        <v>70</v>
      </c>
      <c r="AM24679">
        <v>70</v>
      </c>
      <c r="AN24679">
        <v>70</v>
      </c>
      <c r="AO24679">
        <v>70</v>
      </c>
      <c r="AP24679">
        <v>70</v>
      </c>
      <c r="AQ24679">
        <v>71</v>
      </c>
    </row>
    <row r="24680" spans="1:43">
      <c r="A24680" t="s">
        <v>15279</v>
      </c>
      <c r="B24680" t="s">
        <v>15280</v>
      </c>
      <c r="C24680" t="s">
        <v>15281</v>
      </c>
      <c r="D24680" t="s">
        <v>15282</v>
      </c>
      <c r="E24680" t="s">
        <v>15241</v>
      </c>
      <c r="F24680" t="s">
        <v>15242</v>
      </c>
      <c r="G24680" t="s">
        <v>10734</v>
      </c>
      <c r="H24680" t="s">
        <v>10735</v>
      </c>
      <c r="I24680" s="2">
        <v>1</v>
      </c>
      <c r="J24680" s="2">
        <v>0</v>
      </c>
      <c r="K24680" s="2">
        <v>0</v>
      </c>
      <c r="L24680" t="s">
        <v>120</v>
      </c>
      <c r="M24680" t="s">
        <v>89</v>
      </c>
      <c r="N24680" t="s">
        <v>90</v>
      </c>
      <c r="O24680" t="s">
        <v>85</v>
      </c>
      <c r="P24680" t="s">
        <v>86</v>
      </c>
      <c r="Q24680">
        <v>64</v>
      </c>
      <c r="R24680">
        <v>66</v>
      </c>
      <c r="S24680">
        <v>67</v>
      </c>
      <c r="T24680">
        <v>68</v>
      </c>
      <c r="U24680">
        <v>70</v>
      </c>
      <c r="V24680">
        <v>71</v>
      </c>
      <c r="W24680">
        <v>72</v>
      </c>
      <c r="X24680">
        <v>73</v>
      </c>
      <c r="Y24680">
        <v>74</v>
      </c>
      <c r="Z24680">
        <v>76</v>
      </c>
      <c r="AA24680">
        <v>77</v>
      </c>
      <c r="AB24680">
        <v>78</v>
      </c>
      <c r="AC24680">
        <v>79</v>
      </c>
      <c r="AD24680">
        <v>80</v>
      </c>
      <c r="AE24680">
        <v>80</v>
      </c>
      <c r="AF24680">
        <v>80</v>
      </c>
      <c r="AG24680">
        <v>80</v>
      </c>
      <c r="AH24680">
        <v>80</v>
      </c>
      <c r="AI24680">
        <v>80</v>
      </c>
      <c r="AJ24680">
        <v>80</v>
      </c>
      <c r="AK24680">
        <v>80</v>
      </c>
      <c r="AL24680">
        <v>80</v>
      </c>
      <c r="AM24680">
        <v>80</v>
      </c>
      <c r="AN24680">
        <v>80</v>
      </c>
      <c r="AO24680">
        <v>80</v>
      </c>
      <c r="AP24680">
        <v>80</v>
      </c>
      <c r="AQ24680">
        <v>80</v>
      </c>
    </row>
    <row r="24681" spans="1:43">
      <c r="A24681" t="s">
        <v>15279</v>
      </c>
      <c r="B24681" t="s">
        <v>15280</v>
      </c>
      <c r="C24681" t="s">
        <v>15281</v>
      </c>
      <c r="D24681" t="s">
        <v>15282</v>
      </c>
      <c r="E24681" t="s">
        <v>15241</v>
      </c>
      <c r="F24681" t="s">
        <v>15242</v>
      </c>
      <c r="G24681" t="s">
        <v>10734</v>
      </c>
      <c r="H24681" t="s">
        <v>10735</v>
      </c>
      <c r="I24681" s="2">
        <v>1</v>
      </c>
      <c r="J24681" s="2">
        <v>0</v>
      </c>
      <c r="K24681" s="2">
        <v>0</v>
      </c>
      <c r="L24681" t="s">
        <v>120</v>
      </c>
      <c r="M24681" t="s">
        <v>83</v>
      </c>
      <c r="N24681" t="s">
        <v>91</v>
      </c>
      <c r="O24681" t="s">
        <v>85</v>
      </c>
      <c r="P24681" t="s">
        <v>86</v>
      </c>
      <c r="Q24681">
        <v>64</v>
      </c>
      <c r="R24681">
        <v>65</v>
      </c>
      <c r="S24681">
        <v>65</v>
      </c>
      <c r="T24681">
        <v>66</v>
      </c>
      <c r="U24681">
        <v>67</v>
      </c>
      <c r="V24681">
        <v>68</v>
      </c>
      <c r="W24681">
        <v>69</v>
      </c>
      <c r="X24681">
        <v>70</v>
      </c>
      <c r="Y24681">
        <v>71</v>
      </c>
      <c r="Z24681">
        <v>71</v>
      </c>
      <c r="AA24681">
        <v>72</v>
      </c>
      <c r="AB24681">
        <v>73</v>
      </c>
      <c r="AC24681">
        <v>74</v>
      </c>
      <c r="AD24681">
        <v>74</v>
      </c>
      <c r="AE24681">
        <v>75</v>
      </c>
      <c r="AF24681">
        <v>76</v>
      </c>
      <c r="AG24681">
        <v>77</v>
      </c>
      <c r="AH24681">
        <v>77</v>
      </c>
      <c r="AI24681">
        <v>78</v>
      </c>
      <c r="AJ24681">
        <v>79</v>
      </c>
      <c r="AK24681">
        <v>80</v>
      </c>
      <c r="AL24681">
        <v>80</v>
      </c>
      <c r="AM24681">
        <v>80</v>
      </c>
      <c r="AN24681">
        <v>80</v>
      </c>
      <c r="AO24681">
        <v>80</v>
      </c>
      <c r="AP24681">
        <v>80</v>
      </c>
      <c r="AQ24681">
        <v>80</v>
      </c>
    </row>
    <row r="24682" spans="1:43">
      <c r="A24682" t="s">
        <v>15283</v>
      </c>
      <c r="B24682" t="s">
        <v>15284</v>
      </c>
      <c r="C24682" t="s">
        <v>15285</v>
      </c>
      <c r="D24682" t="s">
        <v>15286</v>
      </c>
      <c r="E24682" t="s">
        <v>15241</v>
      </c>
      <c r="F24682" t="s">
        <v>15242</v>
      </c>
      <c r="G24682" t="s">
        <v>10734</v>
      </c>
      <c r="H24682" t="s">
        <v>10735</v>
      </c>
      <c r="I24682" s="2">
        <v>1</v>
      </c>
      <c r="J24682" s="2">
        <v>0</v>
      </c>
      <c r="K24682" s="2">
        <v>0</v>
      </c>
      <c r="L24682" t="s">
        <v>120</v>
      </c>
      <c r="M24682" t="s">
        <v>83</v>
      </c>
      <c r="N24682" t="s">
        <v>84</v>
      </c>
      <c r="O24682" t="s">
        <v>85</v>
      </c>
      <c r="P24682" t="s">
        <v>86</v>
      </c>
      <c r="Q24682">
        <v>35</v>
      </c>
      <c r="R24682">
        <v>35</v>
      </c>
      <c r="S24682">
        <v>36</v>
      </c>
      <c r="T24682">
        <v>36</v>
      </c>
      <c r="U24682">
        <v>37</v>
      </c>
      <c r="V24682">
        <v>37</v>
      </c>
      <c r="W24682">
        <v>38</v>
      </c>
      <c r="X24682">
        <v>38</v>
      </c>
      <c r="Y24682">
        <v>39</v>
      </c>
      <c r="Z24682">
        <v>39</v>
      </c>
      <c r="AA24682">
        <v>39</v>
      </c>
      <c r="AB24682">
        <v>40</v>
      </c>
      <c r="AC24682">
        <v>40</v>
      </c>
      <c r="AD24682">
        <v>41</v>
      </c>
      <c r="AE24682">
        <v>41</v>
      </c>
      <c r="AF24682">
        <v>42</v>
      </c>
      <c r="AG24682">
        <v>42</v>
      </c>
      <c r="AH24682">
        <v>42</v>
      </c>
      <c r="AI24682">
        <v>43</v>
      </c>
      <c r="AJ24682">
        <v>43</v>
      </c>
      <c r="AK24682">
        <v>44</v>
      </c>
      <c r="AL24682">
        <v>44</v>
      </c>
      <c r="AM24682">
        <v>44</v>
      </c>
      <c r="AN24682">
        <v>44</v>
      </c>
      <c r="AO24682">
        <v>44</v>
      </c>
      <c r="AP24682">
        <v>44</v>
      </c>
      <c r="AQ24682">
        <v>44</v>
      </c>
    </row>
    <row r="24683" spans="1:43">
      <c r="A24683" t="s">
        <v>15283</v>
      </c>
      <c r="B24683" t="s">
        <v>15284</v>
      </c>
      <c r="C24683" t="s">
        <v>15285</v>
      </c>
      <c r="D24683" t="s">
        <v>15286</v>
      </c>
      <c r="E24683" t="s">
        <v>15241</v>
      </c>
      <c r="F24683" t="s">
        <v>15242</v>
      </c>
      <c r="G24683" t="s">
        <v>10734</v>
      </c>
      <c r="H24683" t="s">
        <v>10735</v>
      </c>
      <c r="I24683" s="2">
        <v>1</v>
      </c>
      <c r="J24683" s="2">
        <v>0</v>
      </c>
      <c r="K24683" s="2">
        <v>0</v>
      </c>
      <c r="L24683" t="s">
        <v>120</v>
      </c>
      <c r="M24683" t="s">
        <v>87</v>
      </c>
      <c r="N24683" t="s">
        <v>88</v>
      </c>
      <c r="O24683" t="s">
        <v>85</v>
      </c>
      <c r="P24683" t="s">
        <v>86</v>
      </c>
      <c r="Q24683">
        <v>35</v>
      </c>
      <c r="R24683">
        <v>35</v>
      </c>
      <c r="S24683">
        <v>35</v>
      </c>
      <c r="T24683">
        <v>35</v>
      </c>
      <c r="U24683">
        <v>35</v>
      </c>
      <c r="V24683">
        <v>35</v>
      </c>
      <c r="W24683">
        <v>35</v>
      </c>
      <c r="X24683">
        <v>36</v>
      </c>
      <c r="Y24683">
        <v>36</v>
      </c>
      <c r="Z24683">
        <v>36</v>
      </c>
      <c r="AA24683">
        <v>36</v>
      </c>
      <c r="AB24683">
        <v>36</v>
      </c>
      <c r="AC24683">
        <v>36</v>
      </c>
      <c r="AD24683">
        <v>36</v>
      </c>
      <c r="AE24683">
        <v>37</v>
      </c>
      <c r="AF24683">
        <v>37</v>
      </c>
      <c r="AG24683">
        <v>37</v>
      </c>
      <c r="AH24683">
        <v>37</v>
      </c>
      <c r="AI24683">
        <v>37</v>
      </c>
      <c r="AJ24683">
        <v>37</v>
      </c>
      <c r="AK24683">
        <v>37</v>
      </c>
      <c r="AL24683">
        <v>37</v>
      </c>
      <c r="AM24683">
        <v>38</v>
      </c>
      <c r="AN24683">
        <v>38</v>
      </c>
      <c r="AO24683">
        <v>38</v>
      </c>
      <c r="AP24683">
        <v>38</v>
      </c>
      <c r="AQ24683">
        <v>38</v>
      </c>
    </row>
    <row r="24684" spans="1:43">
      <c r="A24684" t="s">
        <v>15283</v>
      </c>
      <c r="B24684" t="s">
        <v>15284</v>
      </c>
      <c r="C24684" t="s">
        <v>15285</v>
      </c>
      <c r="D24684" t="s">
        <v>15286</v>
      </c>
      <c r="E24684" t="s">
        <v>15241</v>
      </c>
      <c r="F24684" t="s">
        <v>15242</v>
      </c>
      <c r="G24684" t="s">
        <v>10734</v>
      </c>
      <c r="H24684" t="s">
        <v>10735</v>
      </c>
      <c r="I24684" s="2">
        <v>1</v>
      </c>
      <c r="J24684" s="2">
        <v>0</v>
      </c>
      <c r="K24684" s="2">
        <v>0</v>
      </c>
      <c r="L24684" t="s">
        <v>120</v>
      </c>
      <c r="M24684" t="s">
        <v>89</v>
      </c>
      <c r="N24684" t="s">
        <v>90</v>
      </c>
      <c r="O24684" t="s">
        <v>85</v>
      </c>
      <c r="P24684" t="s">
        <v>86</v>
      </c>
      <c r="Q24684">
        <v>35</v>
      </c>
      <c r="R24684">
        <v>36</v>
      </c>
      <c r="S24684">
        <v>37</v>
      </c>
      <c r="T24684">
        <v>38</v>
      </c>
      <c r="U24684">
        <v>38</v>
      </c>
      <c r="V24684">
        <v>39</v>
      </c>
      <c r="W24684">
        <v>40</v>
      </c>
      <c r="X24684">
        <v>40</v>
      </c>
      <c r="Y24684">
        <v>41</v>
      </c>
      <c r="Z24684">
        <v>41</v>
      </c>
      <c r="AA24684">
        <v>42</v>
      </c>
      <c r="AB24684">
        <v>43</v>
      </c>
      <c r="AC24684">
        <v>43</v>
      </c>
      <c r="AD24684">
        <v>44</v>
      </c>
      <c r="AE24684">
        <v>44</v>
      </c>
      <c r="AF24684">
        <v>44</v>
      </c>
      <c r="AG24684">
        <v>44</v>
      </c>
      <c r="AH24684">
        <v>44</v>
      </c>
      <c r="AI24684">
        <v>44</v>
      </c>
      <c r="AJ24684">
        <v>44</v>
      </c>
      <c r="AK24684">
        <v>44</v>
      </c>
      <c r="AL24684">
        <v>44</v>
      </c>
      <c r="AM24684">
        <v>44</v>
      </c>
      <c r="AN24684">
        <v>44</v>
      </c>
      <c r="AO24684">
        <v>44</v>
      </c>
      <c r="AP24684">
        <v>44</v>
      </c>
      <c r="AQ24684">
        <v>44</v>
      </c>
    </row>
    <row r="24685" spans="1:43">
      <c r="A24685" t="s">
        <v>15283</v>
      </c>
      <c r="B24685" t="s">
        <v>15284</v>
      </c>
      <c r="C24685" t="s">
        <v>15285</v>
      </c>
      <c r="D24685" t="s">
        <v>15286</v>
      </c>
      <c r="E24685" t="s">
        <v>15241</v>
      </c>
      <c r="F24685" t="s">
        <v>15242</v>
      </c>
      <c r="G24685" t="s">
        <v>10734</v>
      </c>
      <c r="H24685" t="s">
        <v>10735</v>
      </c>
      <c r="I24685" s="2">
        <v>1</v>
      </c>
      <c r="J24685" s="2">
        <v>0</v>
      </c>
      <c r="K24685" s="2">
        <v>0</v>
      </c>
      <c r="L24685" t="s">
        <v>120</v>
      </c>
      <c r="M24685" t="s">
        <v>83</v>
      </c>
      <c r="N24685" t="s">
        <v>91</v>
      </c>
      <c r="O24685" t="s">
        <v>85</v>
      </c>
      <c r="P24685" t="s">
        <v>86</v>
      </c>
      <c r="Q24685">
        <v>35</v>
      </c>
      <c r="R24685">
        <v>35</v>
      </c>
      <c r="S24685">
        <v>36</v>
      </c>
      <c r="T24685">
        <v>36</v>
      </c>
      <c r="U24685">
        <v>37</v>
      </c>
      <c r="V24685">
        <v>37</v>
      </c>
      <c r="W24685">
        <v>38</v>
      </c>
      <c r="X24685">
        <v>38</v>
      </c>
      <c r="Y24685">
        <v>39</v>
      </c>
      <c r="Z24685">
        <v>39</v>
      </c>
      <c r="AA24685">
        <v>39</v>
      </c>
      <c r="AB24685">
        <v>40</v>
      </c>
      <c r="AC24685">
        <v>40</v>
      </c>
      <c r="AD24685">
        <v>41</v>
      </c>
      <c r="AE24685">
        <v>41</v>
      </c>
      <c r="AF24685">
        <v>42</v>
      </c>
      <c r="AG24685">
        <v>42</v>
      </c>
      <c r="AH24685">
        <v>42</v>
      </c>
      <c r="AI24685">
        <v>43</v>
      </c>
      <c r="AJ24685">
        <v>43</v>
      </c>
      <c r="AK24685">
        <v>44</v>
      </c>
      <c r="AL24685">
        <v>44</v>
      </c>
      <c r="AM24685">
        <v>44</v>
      </c>
      <c r="AN24685">
        <v>44</v>
      </c>
      <c r="AO24685">
        <v>44</v>
      </c>
      <c r="AP24685">
        <v>44</v>
      </c>
      <c r="AQ24685">
        <v>44</v>
      </c>
    </row>
    <row r="24686" spans="1:43">
      <c r="A24686" t="s">
        <v>15287</v>
      </c>
      <c r="B24686" t="s">
        <v>15288</v>
      </c>
      <c r="C24686" t="s">
        <v>15289</v>
      </c>
      <c r="D24686" t="s">
        <v>15290</v>
      </c>
      <c r="E24686" t="s">
        <v>15241</v>
      </c>
      <c r="F24686" t="s">
        <v>15242</v>
      </c>
      <c r="G24686" t="s">
        <v>10734</v>
      </c>
      <c r="H24686" t="s">
        <v>10735</v>
      </c>
      <c r="I24686" s="2">
        <v>1</v>
      </c>
      <c r="J24686" s="2">
        <v>0</v>
      </c>
      <c r="K24686" s="2">
        <v>0</v>
      </c>
      <c r="L24686" t="s">
        <v>120</v>
      </c>
      <c r="M24686" t="s">
        <v>83</v>
      </c>
      <c r="N24686" t="s">
        <v>84</v>
      </c>
      <c r="O24686" t="s">
        <v>85</v>
      </c>
      <c r="P24686" t="s">
        <v>86</v>
      </c>
      <c r="Q24686">
        <v>22</v>
      </c>
      <c r="R24686">
        <v>22</v>
      </c>
      <c r="S24686">
        <v>23</v>
      </c>
      <c r="T24686">
        <v>23</v>
      </c>
      <c r="U24686">
        <v>23</v>
      </c>
      <c r="V24686">
        <v>24</v>
      </c>
      <c r="W24686">
        <v>24</v>
      </c>
      <c r="X24686">
        <v>24</v>
      </c>
      <c r="Y24686">
        <v>25</v>
      </c>
      <c r="Z24686">
        <v>25</v>
      </c>
      <c r="AA24686">
        <v>25</v>
      </c>
      <c r="AB24686">
        <v>25</v>
      </c>
      <c r="AC24686">
        <v>26</v>
      </c>
      <c r="AD24686">
        <v>26</v>
      </c>
      <c r="AE24686">
        <v>26</v>
      </c>
      <c r="AF24686">
        <v>26</v>
      </c>
      <c r="AG24686">
        <v>27</v>
      </c>
      <c r="AH24686">
        <v>27</v>
      </c>
      <c r="AI24686">
        <v>27</v>
      </c>
      <c r="AJ24686">
        <v>27</v>
      </c>
      <c r="AK24686">
        <v>28</v>
      </c>
      <c r="AL24686">
        <v>28</v>
      </c>
      <c r="AM24686">
        <v>28</v>
      </c>
      <c r="AN24686">
        <v>28</v>
      </c>
      <c r="AO24686">
        <v>28</v>
      </c>
      <c r="AP24686">
        <v>28</v>
      </c>
      <c r="AQ24686">
        <v>28</v>
      </c>
    </row>
    <row r="24687" spans="1:43">
      <c r="A24687" t="s">
        <v>15287</v>
      </c>
      <c r="B24687" t="s">
        <v>15288</v>
      </c>
      <c r="C24687" t="s">
        <v>15289</v>
      </c>
      <c r="D24687" t="s">
        <v>15290</v>
      </c>
      <c r="E24687" t="s">
        <v>15241</v>
      </c>
      <c r="F24687" t="s">
        <v>15242</v>
      </c>
      <c r="G24687" t="s">
        <v>10734</v>
      </c>
      <c r="H24687" t="s">
        <v>10735</v>
      </c>
      <c r="I24687" s="2">
        <v>1</v>
      </c>
      <c r="J24687" s="2">
        <v>0</v>
      </c>
      <c r="K24687" s="2">
        <v>0</v>
      </c>
      <c r="L24687" t="s">
        <v>120</v>
      </c>
      <c r="M24687" t="s">
        <v>87</v>
      </c>
      <c r="N24687" t="s">
        <v>88</v>
      </c>
      <c r="O24687" t="s">
        <v>85</v>
      </c>
      <c r="P24687" t="s">
        <v>86</v>
      </c>
      <c r="Q24687">
        <v>22</v>
      </c>
      <c r="R24687">
        <v>22</v>
      </c>
      <c r="S24687">
        <v>22</v>
      </c>
      <c r="T24687">
        <v>22</v>
      </c>
      <c r="U24687">
        <v>22</v>
      </c>
      <c r="V24687">
        <v>22</v>
      </c>
      <c r="W24687">
        <v>23</v>
      </c>
      <c r="X24687">
        <v>23</v>
      </c>
      <c r="Y24687">
        <v>23</v>
      </c>
      <c r="Z24687">
        <v>23</v>
      </c>
      <c r="AA24687">
        <v>23</v>
      </c>
      <c r="AB24687">
        <v>23</v>
      </c>
      <c r="AC24687">
        <v>23</v>
      </c>
      <c r="AD24687">
        <v>23</v>
      </c>
      <c r="AE24687">
        <v>23</v>
      </c>
      <c r="AF24687">
        <v>23</v>
      </c>
      <c r="AG24687">
        <v>23</v>
      </c>
      <c r="AH24687">
        <v>23</v>
      </c>
      <c r="AI24687">
        <v>24</v>
      </c>
      <c r="AJ24687">
        <v>24</v>
      </c>
      <c r="AK24687">
        <v>24</v>
      </c>
      <c r="AL24687">
        <v>24</v>
      </c>
      <c r="AM24687">
        <v>24</v>
      </c>
      <c r="AN24687">
        <v>24</v>
      </c>
      <c r="AO24687">
        <v>24</v>
      </c>
      <c r="AP24687">
        <v>24</v>
      </c>
      <c r="AQ24687">
        <v>24</v>
      </c>
    </row>
    <row r="24688" spans="1:43">
      <c r="A24688" t="s">
        <v>15287</v>
      </c>
      <c r="B24688" t="s">
        <v>15288</v>
      </c>
      <c r="C24688" t="s">
        <v>15289</v>
      </c>
      <c r="D24688" t="s">
        <v>15290</v>
      </c>
      <c r="E24688" t="s">
        <v>15241</v>
      </c>
      <c r="F24688" t="s">
        <v>15242</v>
      </c>
      <c r="G24688" t="s">
        <v>10734</v>
      </c>
      <c r="H24688" t="s">
        <v>10735</v>
      </c>
      <c r="I24688" s="2">
        <v>1</v>
      </c>
      <c r="J24688" s="2">
        <v>0</v>
      </c>
      <c r="K24688" s="2">
        <v>0</v>
      </c>
      <c r="L24688" t="s">
        <v>120</v>
      </c>
      <c r="M24688" t="s">
        <v>89</v>
      </c>
      <c r="N24688" t="s">
        <v>90</v>
      </c>
      <c r="O24688" t="s">
        <v>85</v>
      </c>
      <c r="P24688" t="s">
        <v>86</v>
      </c>
      <c r="Q24688">
        <v>22</v>
      </c>
      <c r="R24688">
        <v>23</v>
      </c>
      <c r="S24688">
        <v>23</v>
      </c>
      <c r="T24688">
        <v>24</v>
      </c>
      <c r="U24688">
        <v>24</v>
      </c>
      <c r="V24688">
        <v>25</v>
      </c>
      <c r="W24688">
        <v>25</v>
      </c>
      <c r="X24688">
        <v>26</v>
      </c>
      <c r="Y24688">
        <v>26</v>
      </c>
      <c r="Z24688">
        <v>26</v>
      </c>
      <c r="AA24688">
        <v>27</v>
      </c>
      <c r="AB24688">
        <v>27</v>
      </c>
      <c r="AC24688">
        <v>27</v>
      </c>
      <c r="AD24688">
        <v>28</v>
      </c>
      <c r="AE24688">
        <v>28</v>
      </c>
      <c r="AF24688">
        <v>28</v>
      </c>
      <c r="AG24688">
        <v>28</v>
      </c>
      <c r="AH24688">
        <v>28</v>
      </c>
      <c r="AI24688">
        <v>28</v>
      </c>
      <c r="AJ24688">
        <v>28</v>
      </c>
      <c r="AK24688">
        <v>28</v>
      </c>
      <c r="AL24688">
        <v>28</v>
      </c>
      <c r="AM24688">
        <v>28</v>
      </c>
      <c r="AN24688">
        <v>28</v>
      </c>
      <c r="AO24688">
        <v>28</v>
      </c>
      <c r="AP24688">
        <v>28</v>
      </c>
      <c r="AQ24688">
        <v>28</v>
      </c>
    </row>
    <row r="24689" spans="1:43">
      <c r="A24689" t="s">
        <v>15287</v>
      </c>
      <c r="B24689" t="s">
        <v>15288</v>
      </c>
      <c r="C24689" t="s">
        <v>15289</v>
      </c>
      <c r="D24689" t="s">
        <v>15290</v>
      </c>
      <c r="E24689" t="s">
        <v>15241</v>
      </c>
      <c r="F24689" t="s">
        <v>15242</v>
      </c>
      <c r="G24689" t="s">
        <v>10734</v>
      </c>
      <c r="H24689" t="s">
        <v>10735</v>
      </c>
      <c r="I24689" s="2">
        <v>1</v>
      </c>
      <c r="J24689" s="2">
        <v>0</v>
      </c>
      <c r="K24689" s="2">
        <v>0</v>
      </c>
      <c r="L24689" t="s">
        <v>120</v>
      </c>
      <c r="M24689" t="s">
        <v>83</v>
      </c>
      <c r="N24689" t="s">
        <v>91</v>
      </c>
      <c r="O24689" t="s">
        <v>85</v>
      </c>
      <c r="P24689" t="s">
        <v>86</v>
      </c>
      <c r="Q24689">
        <v>22</v>
      </c>
      <c r="R24689">
        <v>22</v>
      </c>
      <c r="S24689">
        <v>23</v>
      </c>
      <c r="T24689">
        <v>23</v>
      </c>
      <c r="U24689">
        <v>23</v>
      </c>
      <c r="V24689">
        <v>24</v>
      </c>
      <c r="W24689">
        <v>24</v>
      </c>
      <c r="X24689">
        <v>24</v>
      </c>
      <c r="Y24689">
        <v>25</v>
      </c>
      <c r="Z24689">
        <v>25</v>
      </c>
      <c r="AA24689">
        <v>25</v>
      </c>
      <c r="AB24689">
        <v>25</v>
      </c>
      <c r="AC24689">
        <v>26</v>
      </c>
      <c r="AD24689">
        <v>26</v>
      </c>
      <c r="AE24689">
        <v>26</v>
      </c>
      <c r="AF24689">
        <v>26</v>
      </c>
      <c r="AG24689">
        <v>27</v>
      </c>
      <c r="AH24689">
        <v>27</v>
      </c>
      <c r="AI24689">
        <v>27</v>
      </c>
      <c r="AJ24689">
        <v>27</v>
      </c>
      <c r="AK24689">
        <v>28</v>
      </c>
      <c r="AL24689">
        <v>28</v>
      </c>
      <c r="AM24689">
        <v>28</v>
      </c>
      <c r="AN24689">
        <v>28</v>
      </c>
      <c r="AO24689">
        <v>28</v>
      </c>
      <c r="AP24689">
        <v>28</v>
      </c>
      <c r="AQ24689">
        <v>28</v>
      </c>
    </row>
    <row r="24690" spans="1:43">
      <c r="A24690" t="s">
        <v>15291</v>
      </c>
      <c r="B24690" t="s">
        <v>15292</v>
      </c>
      <c r="C24690" t="s">
        <v>15289</v>
      </c>
      <c r="D24690" t="s">
        <v>15290</v>
      </c>
      <c r="E24690" t="s">
        <v>15241</v>
      </c>
      <c r="F24690" t="s">
        <v>15242</v>
      </c>
      <c r="G24690" t="s">
        <v>10734</v>
      </c>
      <c r="H24690" t="s">
        <v>10735</v>
      </c>
      <c r="I24690" s="2">
        <v>1</v>
      </c>
      <c r="J24690" s="2">
        <v>0</v>
      </c>
      <c r="K24690" s="2">
        <v>0</v>
      </c>
      <c r="L24690" t="s">
        <v>120</v>
      </c>
      <c r="M24690" t="s">
        <v>83</v>
      </c>
      <c r="N24690" t="s">
        <v>84</v>
      </c>
      <c r="O24690" t="s">
        <v>85</v>
      </c>
      <c r="P24690" t="s">
        <v>86</v>
      </c>
      <c r="Q24690">
        <v>20</v>
      </c>
      <c r="R24690">
        <v>20</v>
      </c>
      <c r="S24690">
        <v>21</v>
      </c>
      <c r="T24690">
        <v>21</v>
      </c>
      <c r="U24690">
        <v>21</v>
      </c>
      <c r="V24690">
        <v>22</v>
      </c>
      <c r="W24690">
        <v>22</v>
      </c>
      <c r="X24690">
        <v>22</v>
      </c>
      <c r="Y24690">
        <v>22</v>
      </c>
      <c r="Z24690">
        <v>23</v>
      </c>
      <c r="AA24690">
        <v>23</v>
      </c>
      <c r="AB24690">
        <v>23</v>
      </c>
      <c r="AC24690">
        <v>23</v>
      </c>
      <c r="AD24690">
        <v>24</v>
      </c>
      <c r="AE24690">
        <v>24</v>
      </c>
      <c r="AF24690">
        <v>24</v>
      </c>
      <c r="AG24690">
        <v>24</v>
      </c>
      <c r="AH24690">
        <v>25</v>
      </c>
      <c r="AI24690">
        <v>25</v>
      </c>
      <c r="AJ24690">
        <v>25</v>
      </c>
      <c r="AK24690">
        <v>25</v>
      </c>
      <c r="AL24690">
        <v>25</v>
      </c>
      <c r="AM24690">
        <v>25</v>
      </c>
      <c r="AN24690">
        <v>25</v>
      </c>
      <c r="AO24690">
        <v>25</v>
      </c>
      <c r="AP24690">
        <v>25</v>
      </c>
      <c r="AQ24690">
        <v>25</v>
      </c>
    </row>
    <row r="24691" spans="1:43">
      <c r="A24691" t="s">
        <v>15291</v>
      </c>
      <c r="B24691" t="s">
        <v>15292</v>
      </c>
      <c r="C24691" t="s">
        <v>15289</v>
      </c>
      <c r="D24691" t="s">
        <v>15290</v>
      </c>
      <c r="E24691" t="s">
        <v>15241</v>
      </c>
      <c r="F24691" t="s">
        <v>15242</v>
      </c>
      <c r="G24691" t="s">
        <v>10734</v>
      </c>
      <c r="H24691" t="s">
        <v>10735</v>
      </c>
      <c r="I24691" s="2">
        <v>1</v>
      </c>
      <c r="J24691" s="2">
        <v>0</v>
      </c>
      <c r="K24691" s="2">
        <v>0</v>
      </c>
      <c r="L24691" t="s">
        <v>120</v>
      </c>
      <c r="M24691" t="s">
        <v>87</v>
      </c>
      <c r="N24691" t="s">
        <v>88</v>
      </c>
      <c r="O24691" t="s">
        <v>85</v>
      </c>
      <c r="P24691" t="s">
        <v>86</v>
      </c>
      <c r="Q24691">
        <v>20</v>
      </c>
      <c r="R24691">
        <v>20</v>
      </c>
      <c r="S24691">
        <v>20</v>
      </c>
      <c r="T24691">
        <v>20</v>
      </c>
      <c r="U24691">
        <v>20</v>
      </c>
      <c r="V24691">
        <v>20</v>
      </c>
      <c r="W24691">
        <v>21</v>
      </c>
      <c r="X24691">
        <v>21</v>
      </c>
      <c r="Y24691">
        <v>21</v>
      </c>
      <c r="Z24691">
        <v>21</v>
      </c>
      <c r="AA24691">
        <v>21</v>
      </c>
      <c r="AB24691">
        <v>21</v>
      </c>
      <c r="AC24691">
        <v>21</v>
      </c>
      <c r="AD24691">
        <v>21</v>
      </c>
      <c r="AE24691">
        <v>21</v>
      </c>
      <c r="AF24691">
        <v>21</v>
      </c>
      <c r="AG24691">
        <v>21</v>
      </c>
      <c r="AH24691">
        <v>21</v>
      </c>
      <c r="AI24691">
        <v>21</v>
      </c>
      <c r="AJ24691">
        <v>21</v>
      </c>
      <c r="AK24691">
        <v>22</v>
      </c>
      <c r="AL24691">
        <v>22</v>
      </c>
      <c r="AM24691">
        <v>22</v>
      </c>
      <c r="AN24691">
        <v>22</v>
      </c>
      <c r="AO24691">
        <v>22</v>
      </c>
      <c r="AP24691">
        <v>22</v>
      </c>
      <c r="AQ24691">
        <v>22</v>
      </c>
    </row>
    <row r="24692" spans="1:43">
      <c r="A24692" t="s">
        <v>15291</v>
      </c>
      <c r="B24692" t="s">
        <v>15292</v>
      </c>
      <c r="C24692" t="s">
        <v>15289</v>
      </c>
      <c r="D24692" t="s">
        <v>15290</v>
      </c>
      <c r="E24692" t="s">
        <v>15241</v>
      </c>
      <c r="F24692" t="s">
        <v>15242</v>
      </c>
      <c r="G24692" t="s">
        <v>10734</v>
      </c>
      <c r="H24692" t="s">
        <v>10735</v>
      </c>
      <c r="I24692" s="2">
        <v>1</v>
      </c>
      <c r="J24692" s="2">
        <v>0</v>
      </c>
      <c r="K24692" s="2">
        <v>0</v>
      </c>
      <c r="L24692" t="s">
        <v>120</v>
      </c>
      <c r="M24692" t="s">
        <v>89</v>
      </c>
      <c r="N24692" t="s">
        <v>90</v>
      </c>
      <c r="O24692" t="s">
        <v>85</v>
      </c>
      <c r="P24692" t="s">
        <v>86</v>
      </c>
      <c r="Q24692">
        <v>20</v>
      </c>
      <c r="R24692">
        <v>21</v>
      </c>
      <c r="S24692">
        <v>21</v>
      </c>
      <c r="T24692">
        <v>22</v>
      </c>
      <c r="U24692">
        <v>22</v>
      </c>
      <c r="V24692">
        <v>23</v>
      </c>
      <c r="W24692">
        <v>23</v>
      </c>
      <c r="X24692">
        <v>23</v>
      </c>
      <c r="Y24692">
        <v>24</v>
      </c>
      <c r="Z24692">
        <v>24</v>
      </c>
      <c r="AA24692">
        <v>24</v>
      </c>
      <c r="AB24692">
        <v>25</v>
      </c>
      <c r="AC24692">
        <v>25</v>
      </c>
      <c r="AD24692">
        <v>25</v>
      </c>
      <c r="AE24692">
        <v>26</v>
      </c>
      <c r="AF24692">
        <v>26</v>
      </c>
      <c r="AG24692">
        <v>26</v>
      </c>
      <c r="AH24692">
        <v>26</v>
      </c>
      <c r="AI24692">
        <v>26</v>
      </c>
      <c r="AJ24692">
        <v>25</v>
      </c>
      <c r="AK24692">
        <v>25</v>
      </c>
      <c r="AL24692">
        <v>25</v>
      </c>
      <c r="AM24692">
        <v>25</v>
      </c>
      <c r="AN24692">
        <v>25</v>
      </c>
      <c r="AO24692">
        <v>25</v>
      </c>
      <c r="AP24692">
        <v>25</v>
      </c>
      <c r="AQ24692">
        <v>25</v>
      </c>
    </row>
    <row r="24693" spans="1:43">
      <c r="A24693" t="s">
        <v>15291</v>
      </c>
      <c r="B24693" t="s">
        <v>15292</v>
      </c>
      <c r="C24693" t="s">
        <v>15289</v>
      </c>
      <c r="D24693" t="s">
        <v>15290</v>
      </c>
      <c r="E24693" t="s">
        <v>15241</v>
      </c>
      <c r="F24693" t="s">
        <v>15242</v>
      </c>
      <c r="G24693" t="s">
        <v>10734</v>
      </c>
      <c r="H24693" t="s">
        <v>10735</v>
      </c>
      <c r="I24693" s="2">
        <v>1</v>
      </c>
      <c r="J24693" s="2">
        <v>0</v>
      </c>
      <c r="K24693" s="2">
        <v>0</v>
      </c>
      <c r="L24693" t="s">
        <v>120</v>
      </c>
      <c r="M24693" t="s">
        <v>83</v>
      </c>
      <c r="N24693" t="s">
        <v>91</v>
      </c>
      <c r="O24693" t="s">
        <v>85</v>
      </c>
      <c r="P24693" t="s">
        <v>86</v>
      </c>
      <c r="Q24693">
        <v>20</v>
      </c>
      <c r="R24693">
        <v>20</v>
      </c>
      <c r="S24693">
        <v>21</v>
      </c>
      <c r="T24693">
        <v>21</v>
      </c>
      <c r="U24693">
        <v>21</v>
      </c>
      <c r="V24693">
        <v>22</v>
      </c>
      <c r="W24693">
        <v>22</v>
      </c>
      <c r="X24693">
        <v>22</v>
      </c>
      <c r="Y24693">
        <v>22</v>
      </c>
      <c r="Z24693">
        <v>23</v>
      </c>
      <c r="AA24693">
        <v>23</v>
      </c>
      <c r="AB24693">
        <v>23</v>
      </c>
      <c r="AC24693">
        <v>23</v>
      </c>
      <c r="AD24693">
        <v>24</v>
      </c>
      <c r="AE24693">
        <v>24</v>
      </c>
      <c r="AF24693">
        <v>24</v>
      </c>
      <c r="AG24693">
        <v>24</v>
      </c>
      <c r="AH24693">
        <v>25</v>
      </c>
      <c r="AI24693">
        <v>25</v>
      </c>
      <c r="AJ24693">
        <v>25</v>
      </c>
      <c r="AK24693">
        <v>25</v>
      </c>
      <c r="AL24693">
        <v>25</v>
      </c>
      <c r="AM24693">
        <v>25</v>
      </c>
      <c r="AN24693">
        <v>25</v>
      </c>
      <c r="AO24693">
        <v>25</v>
      </c>
      <c r="AP24693">
        <v>25</v>
      </c>
      <c r="AQ24693">
        <v>25</v>
      </c>
    </row>
    <row r="24694" spans="1:43">
      <c r="A24694" t="s">
        <v>15293</v>
      </c>
      <c r="B24694" t="s">
        <v>15294</v>
      </c>
      <c r="C24694" t="s">
        <v>15289</v>
      </c>
      <c r="D24694" t="s">
        <v>15290</v>
      </c>
      <c r="E24694" t="s">
        <v>15241</v>
      </c>
      <c r="F24694" t="s">
        <v>15242</v>
      </c>
      <c r="G24694" t="s">
        <v>10734</v>
      </c>
      <c r="H24694" t="s">
        <v>10735</v>
      </c>
      <c r="I24694" s="2">
        <v>1</v>
      </c>
      <c r="J24694" s="2">
        <v>0</v>
      </c>
      <c r="K24694" s="2">
        <v>0</v>
      </c>
      <c r="L24694" t="s">
        <v>120</v>
      </c>
      <c r="M24694" t="s">
        <v>83</v>
      </c>
      <c r="N24694" t="s">
        <v>84</v>
      </c>
      <c r="O24694" t="s">
        <v>85</v>
      </c>
      <c r="P24694" t="s">
        <v>86</v>
      </c>
      <c r="Q24694">
        <v>25</v>
      </c>
      <c r="R24694">
        <v>26</v>
      </c>
      <c r="S24694">
        <v>26</v>
      </c>
      <c r="T24694">
        <v>27</v>
      </c>
      <c r="U24694">
        <v>27</v>
      </c>
      <c r="V24694">
        <v>27</v>
      </c>
      <c r="W24694">
        <v>28</v>
      </c>
      <c r="X24694">
        <v>28</v>
      </c>
      <c r="Y24694">
        <v>28</v>
      </c>
      <c r="Z24694">
        <v>29</v>
      </c>
      <c r="AA24694">
        <v>29</v>
      </c>
      <c r="AB24694">
        <v>29</v>
      </c>
      <c r="AC24694">
        <v>29</v>
      </c>
      <c r="AD24694">
        <v>30</v>
      </c>
      <c r="AE24694">
        <v>30</v>
      </c>
      <c r="AF24694">
        <v>30</v>
      </c>
      <c r="AG24694">
        <v>31</v>
      </c>
      <c r="AH24694">
        <v>31</v>
      </c>
      <c r="AI24694">
        <v>31</v>
      </c>
      <c r="AJ24694">
        <v>31</v>
      </c>
      <c r="AK24694">
        <v>32</v>
      </c>
      <c r="AL24694">
        <v>32</v>
      </c>
      <c r="AM24694">
        <v>32</v>
      </c>
      <c r="AN24694">
        <v>32</v>
      </c>
      <c r="AO24694">
        <v>32</v>
      </c>
      <c r="AP24694">
        <v>32</v>
      </c>
      <c r="AQ24694">
        <v>32</v>
      </c>
    </row>
    <row r="24695" spans="1:43">
      <c r="A24695" t="s">
        <v>15293</v>
      </c>
      <c r="B24695" t="s">
        <v>15294</v>
      </c>
      <c r="C24695" t="s">
        <v>15289</v>
      </c>
      <c r="D24695" t="s">
        <v>15290</v>
      </c>
      <c r="E24695" t="s">
        <v>15241</v>
      </c>
      <c r="F24695" t="s">
        <v>15242</v>
      </c>
      <c r="G24695" t="s">
        <v>10734</v>
      </c>
      <c r="H24695" t="s">
        <v>10735</v>
      </c>
      <c r="I24695" s="2">
        <v>1</v>
      </c>
      <c r="J24695" s="2">
        <v>0</v>
      </c>
      <c r="K24695" s="2">
        <v>0</v>
      </c>
      <c r="L24695" t="s">
        <v>120</v>
      </c>
      <c r="M24695" t="s">
        <v>87</v>
      </c>
      <c r="N24695" t="s">
        <v>88</v>
      </c>
      <c r="O24695" t="s">
        <v>85</v>
      </c>
      <c r="P24695" t="s">
        <v>86</v>
      </c>
      <c r="Q24695">
        <v>25</v>
      </c>
      <c r="R24695">
        <v>25</v>
      </c>
      <c r="S24695">
        <v>25</v>
      </c>
      <c r="T24695">
        <v>26</v>
      </c>
      <c r="U24695">
        <v>26</v>
      </c>
      <c r="V24695">
        <v>26</v>
      </c>
      <c r="W24695">
        <v>26</v>
      </c>
      <c r="X24695">
        <v>26</v>
      </c>
      <c r="Y24695">
        <v>26</v>
      </c>
      <c r="Z24695">
        <v>26</v>
      </c>
      <c r="AA24695">
        <v>26</v>
      </c>
      <c r="AB24695">
        <v>26</v>
      </c>
      <c r="AC24695">
        <v>26</v>
      </c>
      <c r="AD24695">
        <v>27</v>
      </c>
      <c r="AE24695">
        <v>27</v>
      </c>
      <c r="AF24695">
        <v>27</v>
      </c>
      <c r="AG24695">
        <v>27</v>
      </c>
      <c r="AH24695">
        <v>27</v>
      </c>
      <c r="AI24695">
        <v>27</v>
      </c>
      <c r="AJ24695">
        <v>27</v>
      </c>
      <c r="AK24695">
        <v>27</v>
      </c>
      <c r="AL24695">
        <v>27</v>
      </c>
      <c r="AM24695">
        <v>27</v>
      </c>
      <c r="AN24695">
        <v>27</v>
      </c>
      <c r="AO24695">
        <v>28</v>
      </c>
      <c r="AP24695">
        <v>28</v>
      </c>
      <c r="AQ24695">
        <v>28</v>
      </c>
    </row>
    <row r="24696" spans="1:43">
      <c r="A24696" t="s">
        <v>15293</v>
      </c>
      <c r="B24696" t="s">
        <v>15294</v>
      </c>
      <c r="C24696" t="s">
        <v>15289</v>
      </c>
      <c r="D24696" t="s">
        <v>15290</v>
      </c>
      <c r="E24696" t="s">
        <v>15241</v>
      </c>
      <c r="F24696" t="s">
        <v>15242</v>
      </c>
      <c r="G24696" t="s">
        <v>10734</v>
      </c>
      <c r="H24696" t="s">
        <v>10735</v>
      </c>
      <c r="I24696" s="2">
        <v>1</v>
      </c>
      <c r="J24696" s="2">
        <v>0</v>
      </c>
      <c r="K24696" s="2">
        <v>0</v>
      </c>
      <c r="L24696" t="s">
        <v>120</v>
      </c>
      <c r="M24696" t="s">
        <v>89</v>
      </c>
      <c r="N24696" t="s">
        <v>90</v>
      </c>
      <c r="O24696" t="s">
        <v>85</v>
      </c>
      <c r="P24696" t="s">
        <v>86</v>
      </c>
      <c r="Q24696">
        <v>25</v>
      </c>
      <c r="R24696">
        <v>25</v>
      </c>
      <c r="S24696">
        <v>26</v>
      </c>
      <c r="T24696">
        <v>26</v>
      </c>
      <c r="U24696">
        <v>27</v>
      </c>
      <c r="V24696">
        <v>27</v>
      </c>
      <c r="W24696">
        <v>28</v>
      </c>
      <c r="X24696">
        <v>28</v>
      </c>
      <c r="Y24696">
        <v>29</v>
      </c>
      <c r="Z24696">
        <v>29</v>
      </c>
      <c r="AA24696">
        <v>30</v>
      </c>
      <c r="AB24696">
        <v>30</v>
      </c>
      <c r="AC24696">
        <v>31</v>
      </c>
      <c r="AD24696">
        <v>31</v>
      </c>
      <c r="AE24696">
        <v>31</v>
      </c>
      <c r="AF24696">
        <v>31</v>
      </c>
      <c r="AG24696">
        <v>31</v>
      </c>
      <c r="AH24696">
        <v>31</v>
      </c>
      <c r="AI24696">
        <v>31</v>
      </c>
      <c r="AJ24696">
        <v>31</v>
      </c>
      <c r="AK24696">
        <v>31</v>
      </c>
      <c r="AL24696">
        <v>31</v>
      </c>
      <c r="AM24696">
        <v>31</v>
      </c>
      <c r="AN24696">
        <v>31</v>
      </c>
      <c r="AO24696">
        <v>31</v>
      </c>
      <c r="AP24696">
        <v>31</v>
      </c>
      <c r="AQ24696">
        <v>31</v>
      </c>
    </row>
    <row r="24697" spans="1:43">
      <c r="A24697" t="s">
        <v>15293</v>
      </c>
      <c r="B24697" t="s">
        <v>15294</v>
      </c>
      <c r="C24697" t="s">
        <v>15289</v>
      </c>
      <c r="D24697" t="s">
        <v>15290</v>
      </c>
      <c r="E24697" t="s">
        <v>15241</v>
      </c>
      <c r="F24697" t="s">
        <v>15242</v>
      </c>
      <c r="G24697" t="s">
        <v>10734</v>
      </c>
      <c r="H24697" t="s">
        <v>10735</v>
      </c>
      <c r="I24697" s="2">
        <v>1</v>
      </c>
      <c r="J24697" s="2">
        <v>0</v>
      </c>
      <c r="K24697" s="2">
        <v>0</v>
      </c>
      <c r="L24697" t="s">
        <v>120</v>
      </c>
      <c r="M24697" t="s">
        <v>83</v>
      </c>
      <c r="N24697" t="s">
        <v>91</v>
      </c>
      <c r="O24697" t="s">
        <v>85</v>
      </c>
      <c r="P24697" t="s">
        <v>86</v>
      </c>
      <c r="Q24697">
        <v>25</v>
      </c>
      <c r="R24697">
        <v>26</v>
      </c>
      <c r="S24697">
        <v>26</v>
      </c>
      <c r="T24697">
        <v>27</v>
      </c>
      <c r="U24697">
        <v>27</v>
      </c>
      <c r="V24697">
        <v>27</v>
      </c>
      <c r="W24697">
        <v>28</v>
      </c>
      <c r="X24697">
        <v>28</v>
      </c>
      <c r="Y24697">
        <v>28</v>
      </c>
      <c r="Z24697">
        <v>29</v>
      </c>
      <c r="AA24697">
        <v>29</v>
      </c>
      <c r="AB24697">
        <v>29</v>
      </c>
      <c r="AC24697">
        <v>29</v>
      </c>
      <c r="AD24697">
        <v>30</v>
      </c>
      <c r="AE24697">
        <v>30</v>
      </c>
      <c r="AF24697">
        <v>30</v>
      </c>
      <c r="AG24697">
        <v>31</v>
      </c>
      <c r="AH24697">
        <v>31</v>
      </c>
      <c r="AI24697">
        <v>31</v>
      </c>
      <c r="AJ24697">
        <v>31</v>
      </c>
      <c r="AK24697">
        <v>32</v>
      </c>
      <c r="AL24697">
        <v>32</v>
      </c>
      <c r="AM24697">
        <v>32</v>
      </c>
      <c r="AN24697">
        <v>32</v>
      </c>
      <c r="AO24697">
        <v>32</v>
      </c>
      <c r="AP24697">
        <v>32</v>
      </c>
      <c r="AQ24697">
        <v>32</v>
      </c>
    </row>
    <row r="24698" spans="1:43">
      <c r="A24698" t="s">
        <v>15295</v>
      </c>
      <c r="B24698" t="s">
        <v>15296</v>
      </c>
      <c r="C24698" t="s">
        <v>15289</v>
      </c>
      <c r="D24698" t="s">
        <v>15290</v>
      </c>
      <c r="E24698" t="s">
        <v>15241</v>
      </c>
      <c r="F24698" t="s">
        <v>15242</v>
      </c>
      <c r="G24698" t="s">
        <v>10734</v>
      </c>
      <c r="H24698" t="s">
        <v>10735</v>
      </c>
      <c r="I24698" s="2">
        <v>1</v>
      </c>
      <c r="J24698" s="2">
        <v>0</v>
      </c>
      <c r="K24698" s="2">
        <v>0</v>
      </c>
      <c r="L24698" t="s">
        <v>120</v>
      </c>
      <c r="M24698" t="s">
        <v>83</v>
      </c>
      <c r="N24698" t="s">
        <v>84</v>
      </c>
      <c r="O24698" t="s">
        <v>85</v>
      </c>
      <c r="P24698" t="s">
        <v>86</v>
      </c>
      <c r="Q24698">
        <v>19</v>
      </c>
      <c r="R24698">
        <v>19</v>
      </c>
      <c r="S24698">
        <v>19</v>
      </c>
      <c r="T24698">
        <v>19</v>
      </c>
      <c r="U24698">
        <v>20</v>
      </c>
      <c r="V24698">
        <v>20</v>
      </c>
      <c r="W24698">
        <v>20</v>
      </c>
      <c r="X24698">
        <v>20</v>
      </c>
      <c r="Y24698">
        <v>21</v>
      </c>
      <c r="Z24698">
        <v>21</v>
      </c>
      <c r="AA24698">
        <v>21</v>
      </c>
      <c r="AB24698">
        <v>21</v>
      </c>
      <c r="AC24698">
        <v>22</v>
      </c>
      <c r="AD24698">
        <v>22</v>
      </c>
      <c r="AE24698">
        <v>22</v>
      </c>
      <c r="AF24698">
        <v>22</v>
      </c>
      <c r="AG24698">
        <v>22</v>
      </c>
      <c r="AH24698">
        <v>23</v>
      </c>
      <c r="AI24698">
        <v>23</v>
      </c>
      <c r="AJ24698">
        <v>23</v>
      </c>
      <c r="AK24698">
        <v>23</v>
      </c>
      <c r="AL24698">
        <v>23</v>
      </c>
      <c r="AM24698">
        <v>23</v>
      </c>
      <c r="AN24698">
        <v>23</v>
      </c>
      <c r="AO24698">
        <v>23</v>
      </c>
      <c r="AP24698">
        <v>23</v>
      </c>
      <c r="AQ24698">
        <v>23</v>
      </c>
    </row>
    <row r="24699" spans="1:43">
      <c r="A24699" t="s">
        <v>15295</v>
      </c>
      <c r="B24699" t="s">
        <v>15296</v>
      </c>
      <c r="C24699" t="s">
        <v>15289</v>
      </c>
      <c r="D24699" t="s">
        <v>15290</v>
      </c>
      <c r="E24699" t="s">
        <v>15241</v>
      </c>
      <c r="F24699" t="s">
        <v>15242</v>
      </c>
      <c r="G24699" t="s">
        <v>10734</v>
      </c>
      <c r="H24699" t="s">
        <v>10735</v>
      </c>
      <c r="I24699" s="2">
        <v>1</v>
      </c>
      <c r="J24699" s="2">
        <v>0</v>
      </c>
      <c r="K24699" s="2">
        <v>0</v>
      </c>
      <c r="L24699" t="s">
        <v>120</v>
      </c>
      <c r="M24699" t="s">
        <v>87</v>
      </c>
      <c r="N24699" t="s">
        <v>88</v>
      </c>
      <c r="O24699" t="s">
        <v>85</v>
      </c>
      <c r="P24699" t="s">
        <v>86</v>
      </c>
      <c r="Q24699">
        <v>19</v>
      </c>
      <c r="R24699">
        <v>20</v>
      </c>
      <c r="S24699">
        <v>20</v>
      </c>
      <c r="T24699">
        <v>20</v>
      </c>
      <c r="U24699">
        <v>20</v>
      </c>
      <c r="V24699">
        <v>20</v>
      </c>
      <c r="W24699">
        <v>20</v>
      </c>
      <c r="X24699">
        <v>20</v>
      </c>
      <c r="Y24699">
        <v>20</v>
      </c>
      <c r="Z24699">
        <v>20</v>
      </c>
      <c r="AA24699">
        <v>20</v>
      </c>
      <c r="AB24699">
        <v>20</v>
      </c>
      <c r="AC24699">
        <v>20</v>
      </c>
      <c r="AD24699">
        <v>20</v>
      </c>
      <c r="AE24699">
        <v>21</v>
      </c>
      <c r="AF24699">
        <v>21</v>
      </c>
      <c r="AG24699">
        <v>21</v>
      </c>
      <c r="AH24699">
        <v>21</v>
      </c>
      <c r="AI24699">
        <v>21</v>
      </c>
      <c r="AJ24699">
        <v>21</v>
      </c>
      <c r="AK24699">
        <v>21</v>
      </c>
      <c r="AL24699">
        <v>21</v>
      </c>
      <c r="AM24699">
        <v>21</v>
      </c>
      <c r="AN24699">
        <v>21</v>
      </c>
      <c r="AO24699">
        <v>21</v>
      </c>
      <c r="AP24699">
        <v>21</v>
      </c>
      <c r="AQ24699">
        <v>21</v>
      </c>
    </row>
    <row r="24700" spans="1:43">
      <c r="A24700" t="s">
        <v>15295</v>
      </c>
      <c r="B24700" t="s">
        <v>15296</v>
      </c>
      <c r="C24700" t="s">
        <v>15289</v>
      </c>
      <c r="D24700" t="s">
        <v>15290</v>
      </c>
      <c r="E24700" t="s">
        <v>15241</v>
      </c>
      <c r="F24700" t="s">
        <v>15242</v>
      </c>
      <c r="G24700" t="s">
        <v>10734</v>
      </c>
      <c r="H24700" t="s">
        <v>10735</v>
      </c>
      <c r="I24700" s="2">
        <v>1</v>
      </c>
      <c r="J24700" s="2">
        <v>0</v>
      </c>
      <c r="K24700" s="2">
        <v>0</v>
      </c>
      <c r="L24700" t="s">
        <v>120</v>
      </c>
      <c r="M24700" t="s">
        <v>89</v>
      </c>
      <c r="N24700" t="s">
        <v>90</v>
      </c>
      <c r="O24700" t="s">
        <v>85</v>
      </c>
      <c r="P24700" t="s">
        <v>86</v>
      </c>
      <c r="Q24700">
        <v>19</v>
      </c>
      <c r="R24700">
        <v>19</v>
      </c>
      <c r="S24700">
        <v>20</v>
      </c>
      <c r="T24700">
        <v>20</v>
      </c>
      <c r="U24700">
        <v>20</v>
      </c>
      <c r="V24700">
        <v>21</v>
      </c>
      <c r="W24700">
        <v>21</v>
      </c>
      <c r="X24700">
        <v>21</v>
      </c>
      <c r="Y24700">
        <v>22</v>
      </c>
      <c r="Z24700">
        <v>22</v>
      </c>
      <c r="AA24700">
        <v>22</v>
      </c>
      <c r="AB24700">
        <v>23</v>
      </c>
      <c r="AC24700">
        <v>23</v>
      </c>
      <c r="AD24700">
        <v>23</v>
      </c>
      <c r="AE24700">
        <v>24</v>
      </c>
      <c r="AF24700">
        <v>24</v>
      </c>
      <c r="AG24700">
        <v>24</v>
      </c>
      <c r="AH24700">
        <v>24</v>
      </c>
      <c r="AI24700">
        <v>24</v>
      </c>
      <c r="AJ24700">
        <v>24</v>
      </c>
      <c r="AK24700">
        <v>24</v>
      </c>
      <c r="AL24700">
        <v>24</v>
      </c>
      <c r="AM24700">
        <v>24</v>
      </c>
      <c r="AN24700">
        <v>23</v>
      </c>
      <c r="AO24700">
        <v>23</v>
      </c>
      <c r="AP24700">
        <v>23</v>
      </c>
      <c r="AQ24700">
        <v>23</v>
      </c>
    </row>
    <row r="24701" spans="1:43">
      <c r="A24701" t="s">
        <v>15295</v>
      </c>
      <c r="B24701" t="s">
        <v>15296</v>
      </c>
      <c r="C24701" t="s">
        <v>15289</v>
      </c>
      <c r="D24701" t="s">
        <v>15290</v>
      </c>
      <c r="E24701" t="s">
        <v>15241</v>
      </c>
      <c r="F24701" t="s">
        <v>15242</v>
      </c>
      <c r="G24701" t="s">
        <v>10734</v>
      </c>
      <c r="H24701" t="s">
        <v>10735</v>
      </c>
      <c r="I24701" s="2">
        <v>1</v>
      </c>
      <c r="J24701" s="2">
        <v>0</v>
      </c>
      <c r="K24701" s="2">
        <v>0</v>
      </c>
      <c r="L24701" t="s">
        <v>120</v>
      </c>
      <c r="M24701" t="s">
        <v>83</v>
      </c>
      <c r="N24701" t="s">
        <v>91</v>
      </c>
      <c r="O24701" t="s">
        <v>85</v>
      </c>
      <c r="P24701" t="s">
        <v>86</v>
      </c>
      <c r="Q24701">
        <v>19</v>
      </c>
      <c r="R24701">
        <v>19</v>
      </c>
      <c r="S24701">
        <v>19</v>
      </c>
      <c r="T24701">
        <v>19</v>
      </c>
      <c r="U24701">
        <v>20</v>
      </c>
      <c r="V24701">
        <v>20</v>
      </c>
      <c r="W24701">
        <v>20</v>
      </c>
      <c r="X24701">
        <v>20</v>
      </c>
      <c r="Y24701">
        <v>21</v>
      </c>
      <c r="Z24701">
        <v>21</v>
      </c>
      <c r="AA24701">
        <v>21</v>
      </c>
      <c r="AB24701">
        <v>21</v>
      </c>
      <c r="AC24701">
        <v>22</v>
      </c>
      <c r="AD24701">
        <v>22</v>
      </c>
      <c r="AE24701">
        <v>22</v>
      </c>
      <c r="AF24701">
        <v>22</v>
      </c>
      <c r="AG24701">
        <v>22</v>
      </c>
      <c r="AH24701">
        <v>23</v>
      </c>
      <c r="AI24701">
        <v>23</v>
      </c>
      <c r="AJ24701">
        <v>23</v>
      </c>
      <c r="AK24701">
        <v>23</v>
      </c>
      <c r="AL24701">
        <v>23</v>
      </c>
      <c r="AM24701">
        <v>23</v>
      </c>
      <c r="AN24701">
        <v>23</v>
      </c>
      <c r="AO24701">
        <v>23</v>
      </c>
      <c r="AP24701">
        <v>23</v>
      </c>
      <c r="AQ24701">
        <v>23</v>
      </c>
    </row>
    <row r="24702" spans="1:43">
      <c r="A24702" t="s">
        <v>15297</v>
      </c>
      <c r="B24702" t="s">
        <v>15298</v>
      </c>
      <c r="C24702" t="s">
        <v>15299</v>
      </c>
      <c r="D24702" t="s">
        <v>15300</v>
      </c>
      <c r="E24702" t="s">
        <v>15241</v>
      </c>
      <c r="F24702" t="s">
        <v>15242</v>
      </c>
      <c r="G24702" t="s">
        <v>10734</v>
      </c>
      <c r="H24702" t="s">
        <v>10735</v>
      </c>
      <c r="I24702" s="2">
        <v>1</v>
      </c>
      <c r="J24702" s="2">
        <v>0</v>
      </c>
      <c r="K24702" s="2">
        <v>0</v>
      </c>
      <c r="L24702" t="s">
        <v>120</v>
      </c>
      <c r="M24702" t="s">
        <v>83</v>
      </c>
      <c r="N24702" t="s">
        <v>84</v>
      </c>
      <c r="O24702" t="s">
        <v>85</v>
      </c>
      <c r="P24702" t="s">
        <v>86</v>
      </c>
      <c r="Q24702">
        <v>22</v>
      </c>
      <c r="R24702">
        <v>22</v>
      </c>
      <c r="S24702">
        <v>23</v>
      </c>
      <c r="T24702">
        <v>23</v>
      </c>
      <c r="U24702">
        <v>23</v>
      </c>
      <c r="V24702">
        <v>24</v>
      </c>
      <c r="W24702">
        <v>24</v>
      </c>
      <c r="X24702">
        <v>24</v>
      </c>
      <c r="Y24702">
        <v>25</v>
      </c>
      <c r="Z24702">
        <v>25</v>
      </c>
      <c r="AA24702">
        <v>25</v>
      </c>
      <c r="AB24702">
        <v>25</v>
      </c>
      <c r="AC24702">
        <v>26</v>
      </c>
      <c r="AD24702">
        <v>26</v>
      </c>
      <c r="AE24702">
        <v>26</v>
      </c>
      <c r="AF24702">
        <v>26</v>
      </c>
      <c r="AG24702">
        <v>27</v>
      </c>
      <c r="AH24702">
        <v>27</v>
      </c>
      <c r="AI24702">
        <v>27</v>
      </c>
      <c r="AJ24702">
        <v>27</v>
      </c>
      <c r="AK24702">
        <v>28</v>
      </c>
      <c r="AL24702">
        <v>28</v>
      </c>
      <c r="AM24702">
        <v>28</v>
      </c>
      <c r="AN24702">
        <v>28</v>
      </c>
      <c r="AO24702">
        <v>28</v>
      </c>
      <c r="AP24702">
        <v>28</v>
      </c>
      <c r="AQ24702">
        <v>28</v>
      </c>
    </row>
    <row r="24703" spans="1:43">
      <c r="A24703" t="s">
        <v>15297</v>
      </c>
      <c r="B24703" t="s">
        <v>15298</v>
      </c>
      <c r="C24703" t="s">
        <v>15299</v>
      </c>
      <c r="D24703" t="s">
        <v>15300</v>
      </c>
      <c r="E24703" t="s">
        <v>15241</v>
      </c>
      <c r="F24703" t="s">
        <v>15242</v>
      </c>
      <c r="G24703" t="s">
        <v>10734</v>
      </c>
      <c r="H24703" t="s">
        <v>10735</v>
      </c>
      <c r="I24703" s="2">
        <v>1</v>
      </c>
      <c r="J24703" s="2">
        <v>0</v>
      </c>
      <c r="K24703" s="2">
        <v>0</v>
      </c>
      <c r="L24703" t="s">
        <v>120</v>
      </c>
      <c r="M24703" t="s">
        <v>87</v>
      </c>
      <c r="N24703" t="s">
        <v>88</v>
      </c>
      <c r="O24703" t="s">
        <v>85</v>
      </c>
      <c r="P24703" t="s">
        <v>86</v>
      </c>
      <c r="Q24703">
        <v>22</v>
      </c>
      <c r="R24703">
        <v>22</v>
      </c>
      <c r="S24703">
        <v>22</v>
      </c>
      <c r="T24703">
        <v>22</v>
      </c>
      <c r="U24703">
        <v>22</v>
      </c>
      <c r="V24703">
        <v>22</v>
      </c>
      <c r="W24703">
        <v>23</v>
      </c>
      <c r="X24703">
        <v>23</v>
      </c>
      <c r="Y24703">
        <v>23</v>
      </c>
      <c r="Z24703">
        <v>23</v>
      </c>
      <c r="AA24703">
        <v>23</v>
      </c>
      <c r="AB24703">
        <v>23</v>
      </c>
      <c r="AC24703">
        <v>23</v>
      </c>
      <c r="AD24703">
        <v>23</v>
      </c>
      <c r="AE24703">
        <v>23</v>
      </c>
      <c r="AF24703">
        <v>23</v>
      </c>
      <c r="AG24703">
        <v>23</v>
      </c>
      <c r="AH24703">
        <v>23</v>
      </c>
      <c r="AI24703">
        <v>24</v>
      </c>
      <c r="AJ24703">
        <v>24</v>
      </c>
      <c r="AK24703">
        <v>24</v>
      </c>
      <c r="AL24703">
        <v>24</v>
      </c>
      <c r="AM24703">
        <v>24</v>
      </c>
      <c r="AN24703">
        <v>24</v>
      </c>
      <c r="AO24703">
        <v>24</v>
      </c>
      <c r="AP24703">
        <v>24</v>
      </c>
      <c r="AQ24703">
        <v>24</v>
      </c>
    </row>
    <row r="24704" spans="1:43">
      <c r="A24704" t="s">
        <v>15297</v>
      </c>
      <c r="B24704" t="s">
        <v>15298</v>
      </c>
      <c r="C24704" t="s">
        <v>15299</v>
      </c>
      <c r="D24704" t="s">
        <v>15300</v>
      </c>
      <c r="E24704" t="s">
        <v>15241</v>
      </c>
      <c r="F24704" t="s">
        <v>15242</v>
      </c>
      <c r="G24704" t="s">
        <v>10734</v>
      </c>
      <c r="H24704" t="s">
        <v>10735</v>
      </c>
      <c r="I24704" s="2">
        <v>1</v>
      </c>
      <c r="J24704" s="2">
        <v>0</v>
      </c>
      <c r="K24704" s="2">
        <v>0</v>
      </c>
      <c r="L24704" t="s">
        <v>120</v>
      </c>
      <c r="M24704" t="s">
        <v>89</v>
      </c>
      <c r="N24704" t="s">
        <v>90</v>
      </c>
      <c r="O24704" t="s">
        <v>85</v>
      </c>
      <c r="P24704" t="s">
        <v>86</v>
      </c>
      <c r="Q24704">
        <v>22</v>
      </c>
      <c r="R24704">
        <v>23</v>
      </c>
      <c r="S24704">
        <v>23</v>
      </c>
      <c r="T24704">
        <v>24</v>
      </c>
      <c r="U24704">
        <v>24</v>
      </c>
      <c r="V24704">
        <v>25</v>
      </c>
      <c r="W24704">
        <v>25</v>
      </c>
      <c r="X24704">
        <v>26</v>
      </c>
      <c r="Y24704">
        <v>26</v>
      </c>
      <c r="Z24704">
        <v>26</v>
      </c>
      <c r="AA24704">
        <v>27</v>
      </c>
      <c r="AB24704">
        <v>27</v>
      </c>
      <c r="AC24704">
        <v>27</v>
      </c>
      <c r="AD24704">
        <v>28</v>
      </c>
      <c r="AE24704">
        <v>28</v>
      </c>
      <c r="AF24704">
        <v>28</v>
      </c>
      <c r="AG24704">
        <v>28</v>
      </c>
      <c r="AH24704">
        <v>28</v>
      </c>
      <c r="AI24704">
        <v>28</v>
      </c>
      <c r="AJ24704">
        <v>28</v>
      </c>
      <c r="AK24704">
        <v>28</v>
      </c>
      <c r="AL24704">
        <v>28</v>
      </c>
      <c r="AM24704">
        <v>28</v>
      </c>
      <c r="AN24704">
        <v>28</v>
      </c>
      <c r="AO24704">
        <v>28</v>
      </c>
      <c r="AP24704">
        <v>28</v>
      </c>
      <c r="AQ24704">
        <v>28</v>
      </c>
    </row>
    <row r="24705" spans="1:43">
      <c r="A24705" t="s">
        <v>15297</v>
      </c>
      <c r="B24705" t="s">
        <v>15298</v>
      </c>
      <c r="C24705" t="s">
        <v>15299</v>
      </c>
      <c r="D24705" t="s">
        <v>15300</v>
      </c>
      <c r="E24705" t="s">
        <v>15241</v>
      </c>
      <c r="F24705" t="s">
        <v>15242</v>
      </c>
      <c r="G24705" t="s">
        <v>10734</v>
      </c>
      <c r="H24705" t="s">
        <v>10735</v>
      </c>
      <c r="I24705" s="2">
        <v>1</v>
      </c>
      <c r="J24705" s="2">
        <v>0</v>
      </c>
      <c r="K24705" s="2">
        <v>0</v>
      </c>
      <c r="L24705" t="s">
        <v>120</v>
      </c>
      <c r="M24705" t="s">
        <v>83</v>
      </c>
      <c r="N24705" t="s">
        <v>91</v>
      </c>
      <c r="O24705" t="s">
        <v>85</v>
      </c>
      <c r="P24705" t="s">
        <v>86</v>
      </c>
      <c r="Q24705">
        <v>22</v>
      </c>
      <c r="R24705">
        <v>22</v>
      </c>
      <c r="S24705">
        <v>23</v>
      </c>
      <c r="T24705">
        <v>23</v>
      </c>
      <c r="U24705">
        <v>23</v>
      </c>
      <c r="V24705">
        <v>24</v>
      </c>
      <c r="W24705">
        <v>24</v>
      </c>
      <c r="X24705">
        <v>24</v>
      </c>
      <c r="Y24705">
        <v>25</v>
      </c>
      <c r="Z24705">
        <v>25</v>
      </c>
      <c r="AA24705">
        <v>25</v>
      </c>
      <c r="AB24705">
        <v>25</v>
      </c>
      <c r="AC24705">
        <v>26</v>
      </c>
      <c r="AD24705">
        <v>26</v>
      </c>
      <c r="AE24705">
        <v>26</v>
      </c>
      <c r="AF24705">
        <v>26</v>
      </c>
      <c r="AG24705">
        <v>27</v>
      </c>
      <c r="AH24705">
        <v>27</v>
      </c>
      <c r="AI24705">
        <v>27</v>
      </c>
      <c r="AJ24705">
        <v>27</v>
      </c>
      <c r="AK24705">
        <v>28</v>
      </c>
      <c r="AL24705">
        <v>28</v>
      </c>
      <c r="AM24705">
        <v>28</v>
      </c>
      <c r="AN24705">
        <v>28</v>
      </c>
      <c r="AO24705">
        <v>28</v>
      </c>
      <c r="AP24705">
        <v>28</v>
      </c>
      <c r="AQ24705">
        <v>28</v>
      </c>
    </row>
    <row r="24706" spans="1:43">
      <c r="A24706" t="s">
        <v>15301</v>
      </c>
      <c r="B24706" t="s">
        <v>15302</v>
      </c>
      <c r="C24706" t="s">
        <v>15303</v>
      </c>
      <c r="D24706" t="s">
        <v>15304</v>
      </c>
      <c r="E24706" t="s">
        <v>15241</v>
      </c>
      <c r="F24706" t="s">
        <v>15242</v>
      </c>
      <c r="G24706" t="s">
        <v>10734</v>
      </c>
      <c r="H24706" t="s">
        <v>10735</v>
      </c>
      <c r="I24706" s="2">
        <v>1</v>
      </c>
      <c r="J24706" s="2">
        <v>0</v>
      </c>
      <c r="K24706" s="2">
        <v>0</v>
      </c>
      <c r="L24706" t="s">
        <v>120</v>
      </c>
      <c r="M24706" t="s">
        <v>83</v>
      </c>
      <c r="N24706" t="s">
        <v>84</v>
      </c>
      <c r="O24706" t="s">
        <v>85</v>
      </c>
      <c r="P24706" t="s">
        <v>86</v>
      </c>
      <c r="Q24706">
        <v>4</v>
      </c>
      <c r="R24706">
        <v>4</v>
      </c>
      <c r="S24706">
        <v>4</v>
      </c>
      <c r="T24706">
        <v>4</v>
      </c>
      <c r="U24706">
        <v>4</v>
      </c>
      <c r="V24706">
        <v>4</v>
      </c>
      <c r="W24706">
        <v>4</v>
      </c>
      <c r="X24706">
        <v>4</v>
      </c>
      <c r="Y24706">
        <v>4</v>
      </c>
      <c r="Z24706">
        <v>4</v>
      </c>
      <c r="AA24706">
        <v>4</v>
      </c>
      <c r="AB24706">
        <v>4</v>
      </c>
      <c r="AC24706">
        <v>4</v>
      </c>
      <c r="AD24706">
        <v>4</v>
      </c>
      <c r="AE24706">
        <v>4</v>
      </c>
      <c r="AF24706">
        <v>4</v>
      </c>
      <c r="AG24706">
        <v>4</v>
      </c>
      <c r="AH24706">
        <v>4</v>
      </c>
      <c r="AI24706">
        <v>4</v>
      </c>
      <c r="AJ24706">
        <v>5</v>
      </c>
      <c r="AK24706">
        <v>5</v>
      </c>
      <c r="AL24706">
        <v>5</v>
      </c>
      <c r="AM24706">
        <v>5</v>
      </c>
      <c r="AN24706">
        <v>5</v>
      </c>
      <c r="AO24706">
        <v>5</v>
      </c>
      <c r="AP24706">
        <v>5</v>
      </c>
      <c r="AQ24706">
        <v>5</v>
      </c>
    </row>
    <row r="24707" spans="1:43">
      <c r="A24707" t="s">
        <v>15301</v>
      </c>
      <c r="B24707" t="s">
        <v>15302</v>
      </c>
      <c r="C24707" t="s">
        <v>15303</v>
      </c>
      <c r="D24707" t="s">
        <v>15304</v>
      </c>
      <c r="E24707" t="s">
        <v>15241</v>
      </c>
      <c r="F24707" t="s">
        <v>15242</v>
      </c>
      <c r="G24707" t="s">
        <v>10734</v>
      </c>
      <c r="H24707" t="s">
        <v>10735</v>
      </c>
      <c r="I24707" s="2">
        <v>1</v>
      </c>
      <c r="J24707" s="2">
        <v>0</v>
      </c>
      <c r="K24707" s="2">
        <v>0</v>
      </c>
      <c r="L24707" t="s">
        <v>120</v>
      </c>
      <c r="M24707" t="s">
        <v>87</v>
      </c>
      <c r="N24707" t="s">
        <v>88</v>
      </c>
      <c r="O24707" t="s">
        <v>85</v>
      </c>
      <c r="P24707" t="s">
        <v>86</v>
      </c>
      <c r="Q24707">
        <v>4</v>
      </c>
      <c r="R24707">
        <v>4</v>
      </c>
      <c r="S24707">
        <v>4</v>
      </c>
      <c r="T24707">
        <v>4</v>
      </c>
      <c r="U24707">
        <v>4</v>
      </c>
      <c r="V24707">
        <v>4</v>
      </c>
      <c r="W24707">
        <v>4</v>
      </c>
      <c r="X24707">
        <v>4</v>
      </c>
      <c r="Y24707">
        <v>4</v>
      </c>
      <c r="Z24707">
        <v>4</v>
      </c>
      <c r="AA24707">
        <v>4</v>
      </c>
      <c r="AB24707">
        <v>4</v>
      </c>
      <c r="AC24707">
        <v>4</v>
      </c>
      <c r="AD24707">
        <v>4</v>
      </c>
      <c r="AE24707">
        <v>4</v>
      </c>
      <c r="AF24707">
        <v>4</v>
      </c>
      <c r="AG24707">
        <v>4</v>
      </c>
      <c r="AH24707">
        <v>4</v>
      </c>
      <c r="AI24707">
        <v>4</v>
      </c>
      <c r="AJ24707">
        <v>4</v>
      </c>
      <c r="AK24707">
        <v>4</v>
      </c>
      <c r="AL24707">
        <v>4</v>
      </c>
      <c r="AM24707">
        <v>4</v>
      </c>
      <c r="AN24707">
        <v>4</v>
      </c>
      <c r="AO24707">
        <v>4</v>
      </c>
      <c r="AP24707">
        <v>4</v>
      </c>
      <c r="AQ24707">
        <v>4</v>
      </c>
    </row>
    <row r="24708" spans="1:43">
      <c r="A24708" t="s">
        <v>15301</v>
      </c>
      <c r="B24708" t="s">
        <v>15302</v>
      </c>
      <c r="C24708" t="s">
        <v>15303</v>
      </c>
      <c r="D24708" t="s">
        <v>15304</v>
      </c>
      <c r="E24708" t="s">
        <v>15241</v>
      </c>
      <c r="F24708" t="s">
        <v>15242</v>
      </c>
      <c r="G24708" t="s">
        <v>10734</v>
      </c>
      <c r="H24708" t="s">
        <v>10735</v>
      </c>
      <c r="I24708" s="2">
        <v>1</v>
      </c>
      <c r="J24708" s="2">
        <v>0</v>
      </c>
      <c r="K24708" s="2">
        <v>0</v>
      </c>
      <c r="L24708" t="s">
        <v>120</v>
      </c>
      <c r="M24708" t="s">
        <v>89</v>
      </c>
      <c r="N24708" t="s">
        <v>90</v>
      </c>
      <c r="O24708" t="s">
        <v>85</v>
      </c>
      <c r="P24708" t="s">
        <v>86</v>
      </c>
      <c r="Q24708">
        <v>4</v>
      </c>
      <c r="R24708">
        <v>4</v>
      </c>
      <c r="S24708">
        <v>4</v>
      </c>
      <c r="T24708">
        <v>4</v>
      </c>
      <c r="U24708">
        <v>4</v>
      </c>
      <c r="V24708">
        <v>4</v>
      </c>
      <c r="W24708">
        <v>4</v>
      </c>
      <c r="X24708">
        <v>4</v>
      </c>
      <c r="Y24708">
        <v>4</v>
      </c>
      <c r="Z24708">
        <v>4</v>
      </c>
      <c r="AA24708">
        <v>4</v>
      </c>
      <c r="AB24708">
        <v>4</v>
      </c>
      <c r="AC24708">
        <v>5</v>
      </c>
      <c r="AD24708">
        <v>5</v>
      </c>
      <c r="AE24708">
        <v>5</v>
      </c>
      <c r="AF24708">
        <v>5</v>
      </c>
      <c r="AG24708">
        <v>5</v>
      </c>
      <c r="AH24708">
        <v>5</v>
      </c>
      <c r="AI24708">
        <v>5</v>
      </c>
      <c r="AJ24708">
        <v>5</v>
      </c>
      <c r="AK24708">
        <v>5</v>
      </c>
      <c r="AL24708">
        <v>5</v>
      </c>
      <c r="AM24708">
        <v>5</v>
      </c>
      <c r="AN24708">
        <v>5</v>
      </c>
      <c r="AO24708">
        <v>5</v>
      </c>
      <c r="AP24708">
        <v>5</v>
      </c>
      <c r="AQ24708">
        <v>5</v>
      </c>
    </row>
    <row r="24709" spans="1:43">
      <c r="A24709" t="s">
        <v>15301</v>
      </c>
      <c r="B24709" t="s">
        <v>15302</v>
      </c>
      <c r="C24709" t="s">
        <v>15303</v>
      </c>
      <c r="D24709" t="s">
        <v>15304</v>
      </c>
      <c r="E24709" t="s">
        <v>15241</v>
      </c>
      <c r="F24709" t="s">
        <v>15242</v>
      </c>
      <c r="G24709" t="s">
        <v>10734</v>
      </c>
      <c r="H24709" t="s">
        <v>10735</v>
      </c>
      <c r="I24709" s="2">
        <v>1</v>
      </c>
      <c r="J24709" s="2">
        <v>0</v>
      </c>
      <c r="K24709" s="2">
        <v>0</v>
      </c>
      <c r="L24709" t="s">
        <v>120</v>
      </c>
      <c r="M24709" t="s">
        <v>83</v>
      </c>
      <c r="N24709" t="s">
        <v>91</v>
      </c>
      <c r="O24709" t="s">
        <v>85</v>
      </c>
      <c r="P24709" t="s">
        <v>86</v>
      </c>
      <c r="Q24709">
        <v>4</v>
      </c>
      <c r="R24709">
        <v>4</v>
      </c>
      <c r="S24709">
        <v>4</v>
      </c>
      <c r="T24709">
        <v>4</v>
      </c>
      <c r="U24709">
        <v>4</v>
      </c>
      <c r="V24709">
        <v>4</v>
      </c>
      <c r="W24709">
        <v>4</v>
      </c>
      <c r="X24709">
        <v>4</v>
      </c>
      <c r="Y24709">
        <v>4</v>
      </c>
      <c r="Z24709">
        <v>4</v>
      </c>
      <c r="AA24709">
        <v>4</v>
      </c>
      <c r="AB24709">
        <v>4</v>
      </c>
      <c r="AC24709">
        <v>4</v>
      </c>
      <c r="AD24709">
        <v>4</v>
      </c>
      <c r="AE24709">
        <v>4</v>
      </c>
      <c r="AF24709">
        <v>4</v>
      </c>
      <c r="AG24709">
        <v>4</v>
      </c>
      <c r="AH24709">
        <v>4</v>
      </c>
      <c r="AI24709">
        <v>4</v>
      </c>
      <c r="AJ24709">
        <v>5</v>
      </c>
      <c r="AK24709">
        <v>5</v>
      </c>
      <c r="AL24709">
        <v>5</v>
      </c>
      <c r="AM24709">
        <v>5</v>
      </c>
      <c r="AN24709">
        <v>5</v>
      </c>
      <c r="AO24709">
        <v>5</v>
      </c>
      <c r="AP24709">
        <v>5</v>
      </c>
      <c r="AQ24709">
        <v>5</v>
      </c>
    </row>
    <row r="24710" spans="1:43">
      <c r="A24710" t="s">
        <v>15305</v>
      </c>
      <c r="B24710" t="s">
        <v>15306</v>
      </c>
      <c r="C24710" t="s">
        <v>15303</v>
      </c>
      <c r="D24710" t="s">
        <v>15304</v>
      </c>
      <c r="E24710" t="s">
        <v>15241</v>
      </c>
      <c r="F24710" t="s">
        <v>15242</v>
      </c>
      <c r="G24710" t="s">
        <v>10734</v>
      </c>
      <c r="H24710" t="s">
        <v>10735</v>
      </c>
      <c r="I24710" s="2">
        <v>1</v>
      </c>
      <c r="J24710" s="2">
        <v>0</v>
      </c>
      <c r="K24710" s="2">
        <v>0</v>
      </c>
      <c r="L24710" t="s">
        <v>120</v>
      </c>
      <c r="M24710" t="s">
        <v>83</v>
      </c>
      <c r="N24710" t="s">
        <v>84</v>
      </c>
      <c r="O24710" t="s">
        <v>85</v>
      </c>
      <c r="P24710" t="s">
        <v>86</v>
      </c>
      <c r="Q24710">
        <v>7</v>
      </c>
      <c r="R24710">
        <v>7</v>
      </c>
      <c r="S24710">
        <v>7</v>
      </c>
      <c r="T24710">
        <v>7</v>
      </c>
      <c r="U24710">
        <v>7</v>
      </c>
      <c r="V24710">
        <v>7</v>
      </c>
      <c r="W24710">
        <v>7</v>
      </c>
      <c r="X24710">
        <v>7</v>
      </c>
      <c r="Y24710">
        <v>7</v>
      </c>
      <c r="Z24710">
        <v>8</v>
      </c>
      <c r="AA24710">
        <v>8</v>
      </c>
      <c r="AB24710">
        <v>8</v>
      </c>
      <c r="AC24710">
        <v>8</v>
      </c>
      <c r="AD24710">
        <v>8</v>
      </c>
      <c r="AE24710">
        <v>8</v>
      </c>
      <c r="AF24710">
        <v>8</v>
      </c>
      <c r="AG24710">
        <v>8</v>
      </c>
      <c r="AH24710">
        <v>8</v>
      </c>
      <c r="AI24710">
        <v>8</v>
      </c>
      <c r="AJ24710">
        <v>8</v>
      </c>
      <c r="AK24710">
        <v>8</v>
      </c>
      <c r="AL24710">
        <v>8</v>
      </c>
      <c r="AM24710">
        <v>8</v>
      </c>
      <c r="AN24710">
        <v>8</v>
      </c>
      <c r="AO24710">
        <v>8</v>
      </c>
      <c r="AP24710">
        <v>8</v>
      </c>
      <c r="AQ24710">
        <v>8</v>
      </c>
    </row>
    <row r="24711" spans="1:43">
      <c r="A24711" t="s">
        <v>15305</v>
      </c>
      <c r="B24711" t="s">
        <v>15306</v>
      </c>
      <c r="C24711" t="s">
        <v>15303</v>
      </c>
      <c r="D24711" t="s">
        <v>15304</v>
      </c>
      <c r="E24711" t="s">
        <v>15241</v>
      </c>
      <c r="F24711" t="s">
        <v>15242</v>
      </c>
      <c r="G24711" t="s">
        <v>10734</v>
      </c>
      <c r="H24711" t="s">
        <v>10735</v>
      </c>
      <c r="I24711" s="2">
        <v>1</v>
      </c>
      <c r="J24711" s="2">
        <v>0</v>
      </c>
      <c r="K24711" s="2">
        <v>0</v>
      </c>
      <c r="L24711" t="s">
        <v>120</v>
      </c>
      <c r="M24711" t="s">
        <v>87</v>
      </c>
      <c r="N24711" t="s">
        <v>88</v>
      </c>
      <c r="O24711" t="s">
        <v>85</v>
      </c>
      <c r="P24711" t="s">
        <v>86</v>
      </c>
      <c r="Q24711">
        <v>7</v>
      </c>
      <c r="R24711">
        <v>7</v>
      </c>
      <c r="S24711">
        <v>7</v>
      </c>
      <c r="T24711">
        <v>7</v>
      </c>
      <c r="U24711">
        <v>7</v>
      </c>
      <c r="V24711">
        <v>7</v>
      </c>
      <c r="W24711">
        <v>7</v>
      </c>
      <c r="X24711">
        <v>7</v>
      </c>
      <c r="Y24711">
        <v>7</v>
      </c>
      <c r="Z24711">
        <v>7</v>
      </c>
      <c r="AA24711">
        <v>7</v>
      </c>
      <c r="AB24711">
        <v>7</v>
      </c>
      <c r="AC24711">
        <v>7</v>
      </c>
      <c r="AD24711">
        <v>7</v>
      </c>
      <c r="AE24711">
        <v>7</v>
      </c>
      <c r="AF24711">
        <v>7</v>
      </c>
      <c r="AG24711">
        <v>7</v>
      </c>
      <c r="AH24711">
        <v>7</v>
      </c>
      <c r="AI24711">
        <v>7</v>
      </c>
      <c r="AJ24711">
        <v>7</v>
      </c>
      <c r="AK24711">
        <v>7</v>
      </c>
      <c r="AL24711">
        <v>7</v>
      </c>
      <c r="AM24711">
        <v>7</v>
      </c>
      <c r="AN24711">
        <v>7</v>
      </c>
      <c r="AO24711">
        <v>7</v>
      </c>
      <c r="AP24711">
        <v>7</v>
      </c>
      <c r="AQ24711">
        <v>7</v>
      </c>
    </row>
    <row r="24712" spans="1:43">
      <c r="A24712" t="s">
        <v>15305</v>
      </c>
      <c r="B24712" t="s">
        <v>15306</v>
      </c>
      <c r="C24712" t="s">
        <v>15303</v>
      </c>
      <c r="D24712" t="s">
        <v>15304</v>
      </c>
      <c r="E24712" t="s">
        <v>15241</v>
      </c>
      <c r="F24712" t="s">
        <v>15242</v>
      </c>
      <c r="G24712" t="s">
        <v>10734</v>
      </c>
      <c r="H24712" t="s">
        <v>10735</v>
      </c>
      <c r="I24712" s="2">
        <v>1</v>
      </c>
      <c r="J24712" s="2">
        <v>0</v>
      </c>
      <c r="K24712" s="2">
        <v>0</v>
      </c>
      <c r="L24712" t="s">
        <v>120</v>
      </c>
      <c r="M24712" t="s">
        <v>89</v>
      </c>
      <c r="N24712" t="s">
        <v>90</v>
      </c>
      <c r="O24712" t="s">
        <v>85</v>
      </c>
      <c r="P24712" t="s">
        <v>86</v>
      </c>
      <c r="Q24712">
        <v>7</v>
      </c>
      <c r="R24712">
        <v>7</v>
      </c>
      <c r="S24712">
        <v>7</v>
      </c>
      <c r="T24712">
        <v>7</v>
      </c>
      <c r="U24712">
        <v>7</v>
      </c>
      <c r="V24712">
        <v>7</v>
      </c>
      <c r="W24712">
        <v>8</v>
      </c>
      <c r="X24712">
        <v>8</v>
      </c>
      <c r="Y24712">
        <v>8</v>
      </c>
      <c r="Z24712">
        <v>8</v>
      </c>
      <c r="AA24712">
        <v>8</v>
      </c>
      <c r="AB24712">
        <v>8</v>
      </c>
      <c r="AC24712">
        <v>8</v>
      </c>
      <c r="AD24712">
        <v>8</v>
      </c>
      <c r="AE24712">
        <v>8</v>
      </c>
      <c r="AF24712">
        <v>8</v>
      </c>
      <c r="AG24712">
        <v>8</v>
      </c>
      <c r="AH24712">
        <v>8</v>
      </c>
      <c r="AI24712">
        <v>8</v>
      </c>
      <c r="AJ24712">
        <v>8</v>
      </c>
      <c r="AK24712">
        <v>8</v>
      </c>
      <c r="AL24712">
        <v>8</v>
      </c>
      <c r="AM24712">
        <v>8</v>
      </c>
      <c r="AN24712">
        <v>8</v>
      </c>
      <c r="AO24712">
        <v>8</v>
      </c>
      <c r="AP24712">
        <v>8</v>
      </c>
      <c r="AQ24712">
        <v>8</v>
      </c>
    </row>
    <row r="24713" spans="1:43">
      <c r="A24713" t="s">
        <v>15305</v>
      </c>
      <c r="B24713" t="s">
        <v>15306</v>
      </c>
      <c r="C24713" t="s">
        <v>15303</v>
      </c>
      <c r="D24713" t="s">
        <v>15304</v>
      </c>
      <c r="E24713" t="s">
        <v>15241</v>
      </c>
      <c r="F24713" t="s">
        <v>15242</v>
      </c>
      <c r="G24713" t="s">
        <v>10734</v>
      </c>
      <c r="H24713" t="s">
        <v>10735</v>
      </c>
      <c r="I24713" s="2">
        <v>1</v>
      </c>
      <c r="J24713" s="2">
        <v>0</v>
      </c>
      <c r="K24713" s="2">
        <v>0</v>
      </c>
      <c r="L24713" t="s">
        <v>120</v>
      </c>
      <c r="M24713" t="s">
        <v>83</v>
      </c>
      <c r="N24713" t="s">
        <v>91</v>
      </c>
      <c r="O24713" t="s">
        <v>85</v>
      </c>
      <c r="P24713" t="s">
        <v>86</v>
      </c>
      <c r="Q24713">
        <v>7</v>
      </c>
      <c r="R24713">
        <v>7</v>
      </c>
      <c r="S24713">
        <v>7</v>
      </c>
      <c r="T24713">
        <v>7</v>
      </c>
      <c r="U24713">
        <v>7</v>
      </c>
      <c r="V24713">
        <v>7</v>
      </c>
      <c r="W24713">
        <v>7</v>
      </c>
      <c r="X24713">
        <v>7</v>
      </c>
      <c r="Y24713">
        <v>7</v>
      </c>
      <c r="Z24713">
        <v>8</v>
      </c>
      <c r="AA24713">
        <v>8</v>
      </c>
      <c r="AB24713">
        <v>8</v>
      </c>
      <c r="AC24713">
        <v>8</v>
      </c>
      <c r="AD24713">
        <v>8</v>
      </c>
      <c r="AE24713">
        <v>8</v>
      </c>
      <c r="AF24713">
        <v>8</v>
      </c>
      <c r="AG24713">
        <v>8</v>
      </c>
      <c r="AH24713">
        <v>8</v>
      </c>
      <c r="AI24713">
        <v>8</v>
      </c>
      <c r="AJ24713">
        <v>8</v>
      </c>
      <c r="AK24713">
        <v>8</v>
      </c>
      <c r="AL24713">
        <v>8</v>
      </c>
      <c r="AM24713">
        <v>8</v>
      </c>
      <c r="AN24713">
        <v>8</v>
      </c>
      <c r="AO24713">
        <v>8</v>
      </c>
      <c r="AP24713">
        <v>8</v>
      </c>
      <c r="AQ24713">
        <v>8</v>
      </c>
    </row>
    <row r="24714" spans="1:43">
      <c r="A24714" t="s">
        <v>15307</v>
      </c>
      <c r="B24714" t="s">
        <v>15308</v>
      </c>
      <c r="C24714" t="s">
        <v>15289</v>
      </c>
      <c r="D24714" t="s">
        <v>15290</v>
      </c>
      <c r="E24714" t="s">
        <v>15241</v>
      </c>
      <c r="F24714" t="s">
        <v>15242</v>
      </c>
      <c r="G24714" t="s">
        <v>10734</v>
      </c>
      <c r="H24714" t="s">
        <v>10735</v>
      </c>
      <c r="I24714" s="2">
        <v>1</v>
      </c>
      <c r="J24714" s="2">
        <v>0</v>
      </c>
      <c r="K24714" s="2">
        <v>0</v>
      </c>
      <c r="L24714" t="s">
        <v>120</v>
      </c>
      <c r="M24714" t="s">
        <v>83</v>
      </c>
      <c r="N24714" t="s">
        <v>84</v>
      </c>
      <c r="O24714" t="s">
        <v>85</v>
      </c>
      <c r="P24714" t="s">
        <v>86</v>
      </c>
      <c r="Q24714">
        <v>14</v>
      </c>
      <c r="R24714">
        <v>14</v>
      </c>
      <c r="S24714">
        <v>15</v>
      </c>
      <c r="T24714">
        <v>15</v>
      </c>
      <c r="U24714">
        <v>15</v>
      </c>
      <c r="V24714">
        <v>15</v>
      </c>
      <c r="W24714">
        <v>15</v>
      </c>
      <c r="X24714">
        <v>16</v>
      </c>
      <c r="Y24714">
        <v>16</v>
      </c>
      <c r="Z24714">
        <v>16</v>
      </c>
      <c r="AA24714">
        <v>16</v>
      </c>
      <c r="AB24714">
        <v>16</v>
      </c>
      <c r="AC24714">
        <v>16</v>
      </c>
      <c r="AD24714">
        <v>17</v>
      </c>
      <c r="AE24714">
        <v>17</v>
      </c>
      <c r="AF24714">
        <v>17</v>
      </c>
      <c r="AG24714">
        <v>17</v>
      </c>
      <c r="AH24714">
        <v>17</v>
      </c>
      <c r="AI24714">
        <v>17</v>
      </c>
      <c r="AJ24714">
        <v>18</v>
      </c>
      <c r="AK24714">
        <v>18</v>
      </c>
      <c r="AL24714">
        <v>18</v>
      </c>
      <c r="AM24714">
        <v>18</v>
      </c>
      <c r="AN24714">
        <v>18</v>
      </c>
      <c r="AO24714">
        <v>18</v>
      </c>
      <c r="AP24714">
        <v>18</v>
      </c>
      <c r="AQ24714">
        <v>18</v>
      </c>
    </row>
    <row r="24715" spans="1:43">
      <c r="A24715" t="s">
        <v>15307</v>
      </c>
      <c r="B24715" t="s">
        <v>15308</v>
      </c>
      <c r="C24715" t="s">
        <v>15289</v>
      </c>
      <c r="D24715" t="s">
        <v>15290</v>
      </c>
      <c r="E24715" t="s">
        <v>15241</v>
      </c>
      <c r="F24715" t="s">
        <v>15242</v>
      </c>
      <c r="G24715" t="s">
        <v>10734</v>
      </c>
      <c r="H24715" t="s">
        <v>10735</v>
      </c>
      <c r="I24715" s="2">
        <v>1</v>
      </c>
      <c r="J24715" s="2">
        <v>0</v>
      </c>
      <c r="K24715" s="2">
        <v>0</v>
      </c>
      <c r="L24715" t="s">
        <v>120</v>
      </c>
      <c r="M24715" t="s">
        <v>87</v>
      </c>
      <c r="N24715" t="s">
        <v>88</v>
      </c>
      <c r="O24715" t="s">
        <v>85</v>
      </c>
      <c r="P24715" t="s">
        <v>86</v>
      </c>
      <c r="Q24715">
        <v>14</v>
      </c>
      <c r="R24715">
        <v>14</v>
      </c>
      <c r="S24715">
        <v>14</v>
      </c>
      <c r="T24715">
        <v>14</v>
      </c>
      <c r="U24715">
        <v>14</v>
      </c>
      <c r="V24715">
        <v>14</v>
      </c>
      <c r="W24715">
        <v>14</v>
      </c>
      <c r="X24715">
        <v>15</v>
      </c>
      <c r="Y24715">
        <v>15</v>
      </c>
      <c r="Z24715">
        <v>15</v>
      </c>
      <c r="AA24715">
        <v>15</v>
      </c>
      <c r="AB24715">
        <v>15</v>
      </c>
      <c r="AC24715">
        <v>15</v>
      </c>
      <c r="AD24715">
        <v>15</v>
      </c>
      <c r="AE24715">
        <v>15</v>
      </c>
      <c r="AF24715">
        <v>15</v>
      </c>
      <c r="AG24715">
        <v>15</v>
      </c>
      <c r="AH24715">
        <v>15</v>
      </c>
      <c r="AI24715">
        <v>15</v>
      </c>
      <c r="AJ24715">
        <v>15</v>
      </c>
      <c r="AK24715">
        <v>15</v>
      </c>
      <c r="AL24715">
        <v>15</v>
      </c>
      <c r="AM24715">
        <v>15</v>
      </c>
      <c r="AN24715">
        <v>15</v>
      </c>
      <c r="AO24715">
        <v>15</v>
      </c>
      <c r="AP24715">
        <v>15</v>
      </c>
      <c r="AQ24715">
        <v>15</v>
      </c>
    </row>
    <row r="24716" spans="1:43">
      <c r="A24716" t="s">
        <v>15307</v>
      </c>
      <c r="B24716" t="s">
        <v>15308</v>
      </c>
      <c r="C24716" t="s">
        <v>15289</v>
      </c>
      <c r="D24716" t="s">
        <v>15290</v>
      </c>
      <c r="E24716" t="s">
        <v>15241</v>
      </c>
      <c r="F24716" t="s">
        <v>15242</v>
      </c>
      <c r="G24716" t="s">
        <v>10734</v>
      </c>
      <c r="H24716" t="s">
        <v>10735</v>
      </c>
      <c r="I24716" s="2">
        <v>1</v>
      </c>
      <c r="J24716" s="2">
        <v>0</v>
      </c>
      <c r="K24716" s="2">
        <v>0</v>
      </c>
      <c r="L24716" t="s">
        <v>120</v>
      </c>
      <c r="M24716" t="s">
        <v>89</v>
      </c>
      <c r="N24716" t="s">
        <v>90</v>
      </c>
      <c r="O24716" t="s">
        <v>85</v>
      </c>
      <c r="P24716" t="s">
        <v>86</v>
      </c>
      <c r="Q24716">
        <v>14</v>
      </c>
      <c r="R24716">
        <v>15</v>
      </c>
      <c r="S24716">
        <v>15</v>
      </c>
      <c r="T24716">
        <v>15</v>
      </c>
      <c r="U24716">
        <v>16</v>
      </c>
      <c r="V24716">
        <v>16</v>
      </c>
      <c r="W24716">
        <v>16</v>
      </c>
      <c r="X24716">
        <v>16</v>
      </c>
      <c r="Y24716">
        <v>17</v>
      </c>
      <c r="Z24716">
        <v>17</v>
      </c>
      <c r="AA24716">
        <v>17</v>
      </c>
      <c r="AB24716">
        <v>17</v>
      </c>
      <c r="AC24716">
        <v>18</v>
      </c>
      <c r="AD24716">
        <v>18</v>
      </c>
      <c r="AE24716">
        <v>18</v>
      </c>
      <c r="AF24716">
        <v>18</v>
      </c>
      <c r="AG24716">
        <v>18</v>
      </c>
      <c r="AH24716">
        <v>18</v>
      </c>
      <c r="AI24716">
        <v>18</v>
      </c>
      <c r="AJ24716">
        <v>18</v>
      </c>
      <c r="AK24716">
        <v>18</v>
      </c>
      <c r="AL24716">
        <v>18</v>
      </c>
      <c r="AM24716">
        <v>18</v>
      </c>
      <c r="AN24716">
        <v>18</v>
      </c>
      <c r="AO24716">
        <v>18</v>
      </c>
      <c r="AP24716">
        <v>18</v>
      </c>
      <c r="AQ24716">
        <v>18</v>
      </c>
    </row>
    <row r="24717" spans="1:43">
      <c r="A24717" t="s">
        <v>15307</v>
      </c>
      <c r="B24717" t="s">
        <v>15308</v>
      </c>
      <c r="C24717" t="s">
        <v>15289</v>
      </c>
      <c r="D24717" t="s">
        <v>15290</v>
      </c>
      <c r="E24717" t="s">
        <v>15241</v>
      </c>
      <c r="F24717" t="s">
        <v>15242</v>
      </c>
      <c r="G24717" t="s">
        <v>10734</v>
      </c>
      <c r="H24717" t="s">
        <v>10735</v>
      </c>
      <c r="I24717" s="2">
        <v>1</v>
      </c>
      <c r="J24717" s="2">
        <v>0</v>
      </c>
      <c r="K24717" s="2">
        <v>0</v>
      </c>
      <c r="L24717" t="s">
        <v>120</v>
      </c>
      <c r="M24717" t="s">
        <v>83</v>
      </c>
      <c r="N24717" t="s">
        <v>91</v>
      </c>
      <c r="O24717" t="s">
        <v>85</v>
      </c>
      <c r="P24717" t="s">
        <v>86</v>
      </c>
      <c r="Q24717">
        <v>14</v>
      </c>
      <c r="R24717">
        <v>14</v>
      </c>
      <c r="S24717">
        <v>15</v>
      </c>
      <c r="T24717">
        <v>15</v>
      </c>
      <c r="U24717">
        <v>15</v>
      </c>
      <c r="V24717">
        <v>15</v>
      </c>
      <c r="W24717">
        <v>15</v>
      </c>
      <c r="X24717">
        <v>16</v>
      </c>
      <c r="Y24717">
        <v>16</v>
      </c>
      <c r="Z24717">
        <v>16</v>
      </c>
      <c r="AA24717">
        <v>16</v>
      </c>
      <c r="AB24717">
        <v>16</v>
      </c>
      <c r="AC24717">
        <v>16</v>
      </c>
      <c r="AD24717">
        <v>17</v>
      </c>
      <c r="AE24717">
        <v>17</v>
      </c>
      <c r="AF24717">
        <v>17</v>
      </c>
      <c r="AG24717">
        <v>17</v>
      </c>
      <c r="AH24717">
        <v>17</v>
      </c>
      <c r="AI24717">
        <v>17</v>
      </c>
      <c r="AJ24717">
        <v>18</v>
      </c>
      <c r="AK24717">
        <v>18</v>
      </c>
      <c r="AL24717">
        <v>18</v>
      </c>
      <c r="AM24717">
        <v>18</v>
      </c>
      <c r="AN24717">
        <v>18</v>
      </c>
      <c r="AO24717">
        <v>18</v>
      </c>
      <c r="AP24717">
        <v>18</v>
      </c>
      <c r="AQ24717">
        <v>18</v>
      </c>
    </row>
    <row r="24718" spans="1:43">
      <c r="A24718" t="s">
        <v>15309</v>
      </c>
      <c r="B24718" t="s">
        <v>15310</v>
      </c>
      <c r="C24718" t="s">
        <v>15277</v>
      </c>
      <c r="D24718" t="s">
        <v>15278</v>
      </c>
      <c r="E24718" t="s">
        <v>15241</v>
      </c>
      <c r="F24718" t="s">
        <v>15242</v>
      </c>
      <c r="G24718" t="s">
        <v>10734</v>
      </c>
      <c r="H24718" t="s">
        <v>10735</v>
      </c>
      <c r="I24718" s="2">
        <v>1</v>
      </c>
      <c r="J24718" s="2">
        <v>0</v>
      </c>
      <c r="K24718" s="2">
        <v>0</v>
      </c>
      <c r="L24718" t="s">
        <v>120</v>
      </c>
      <c r="M24718" t="s">
        <v>83</v>
      </c>
      <c r="N24718" t="s">
        <v>84</v>
      </c>
      <c r="O24718" t="s">
        <v>85</v>
      </c>
      <c r="P24718" t="s">
        <v>86</v>
      </c>
      <c r="Q24718">
        <v>30</v>
      </c>
      <c r="R24718">
        <v>31</v>
      </c>
      <c r="S24718">
        <v>31</v>
      </c>
      <c r="T24718">
        <v>31</v>
      </c>
      <c r="U24718">
        <v>32</v>
      </c>
      <c r="V24718">
        <v>32</v>
      </c>
      <c r="W24718">
        <v>33</v>
      </c>
      <c r="X24718">
        <v>33</v>
      </c>
      <c r="Y24718">
        <v>34</v>
      </c>
      <c r="Z24718">
        <v>34</v>
      </c>
      <c r="AA24718">
        <v>34</v>
      </c>
      <c r="AB24718">
        <v>35</v>
      </c>
      <c r="AC24718">
        <v>35</v>
      </c>
      <c r="AD24718">
        <v>35</v>
      </c>
      <c r="AE24718">
        <v>36</v>
      </c>
      <c r="AF24718">
        <v>36</v>
      </c>
      <c r="AG24718">
        <v>36</v>
      </c>
      <c r="AH24718">
        <v>37</v>
      </c>
      <c r="AI24718">
        <v>37</v>
      </c>
      <c r="AJ24718">
        <v>38</v>
      </c>
      <c r="AK24718">
        <v>38</v>
      </c>
      <c r="AL24718">
        <v>38</v>
      </c>
      <c r="AM24718">
        <v>38</v>
      </c>
      <c r="AN24718">
        <v>38</v>
      </c>
      <c r="AO24718">
        <v>38</v>
      </c>
      <c r="AP24718">
        <v>38</v>
      </c>
      <c r="AQ24718">
        <v>38</v>
      </c>
    </row>
    <row r="24719" spans="1:43">
      <c r="A24719" t="s">
        <v>15309</v>
      </c>
      <c r="B24719" t="s">
        <v>15310</v>
      </c>
      <c r="C24719" t="s">
        <v>15277</v>
      </c>
      <c r="D24719" t="s">
        <v>15278</v>
      </c>
      <c r="E24719" t="s">
        <v>15241</v>
      </c>
      <c r="F24719" t="s">
        <v>15242</v>
      </c>
      <c r="G24719" t="s">
        <v>10734</v>
      </c>
      <c r="H24719" t="s">
        <v>10735</v>
      </c>
      <c r="I24719" s="2">
        <v>1</v>
      </c>
      <c r="J24719" s="2">
        <v>0</v>
      </c>
      <c r="K24719" s="2">
        <v>0</v>
      </c>
      <c r="L24719" t="s">
        <v>120</v>
      </c>
      <c r="M24719" t="s">
        <v>87</v>
      </c>
      <c r="N24719" t="s">
        <v>88</v>
      </c>
      <c r="O24719" t="s">
        <v>85</v>
      </c>
      <c r="P24719" t="s">
        <v>86</v>
      </c>
      <c r="Q24719">
        <v>30</v>
      </c>
      <c r="R24719">
        <v>30</v>
      </c>
      <c r="S24719">
        <v>30</v>
      </c>
      <c r="T24719">
        <v>30</v>
      </c>
      <c r="U24719">
        <v>30</v>
      </c>
      <c r="V24719">
        <v>31</v>
      </c>
      <c r="W24719">
        <v>31</v>
      </c>
      <c r="X24719">
        <v>31</v>
      </c>
      <c r="Y24719">
        <v>31</v>
      </c>
      <c r="Z24719">
        <v>31</v>
      </c>
      <c r="AA24719">
        <v>31</v>
      </c>
      <c r="AB24719">
        <v>31</v>
      </c>
      <c r="AC24719">
        <v>32</v>
      </c>
      <c r="AD24719">
        <v>32</v>
      </c>
      <c r="AE24719">
        <v>32</v>
      </c>
      <c r="AF24719">
        <v>32</v>
      </c>
      <c r="AG24719">
        <v>32</v>
      </c>
      <c r="AH24719">
        <v>32</v>
      </c>
      <c r="AI24719">
        <v>32</v>
      </c>
      <c r="AJ24719">
        <v>32</v>
      </c>
      <c r="AK24719">
        <v>32</v>
      </c>
      <c r="AL24719">
        <v>33</v>
      </c>
      <c r="AM24719">
        <v>33</v>
      </c>
      <c r="AN24719">
        <v>33</v>
      </c>
      <c r="AO24719">
        <v>33</v>
      </c>
      <c r="AP24719">
        <v>33</v>
      </c>
      <c r="AQ24719">
        <v>33</v>
      </c>
    </row>
    <row r="24720" spans="1:43">
      <c r="A24720" t="s">
        <v>15309</v>
      </c>
      <c r="B24720" t="s">
        <v>15310</v>
      </c>
      <c r="C24720" t="s">
        <v>15277</v>
      </c>
      <c r="D24720" t="s">
        <v>15278</v>
      </c>
      <c r="E24720" t="s">
        <v>15241</v>
      </c>
      <c r="F24720" t="s">
        <v>15242</v>
      </c>
      <c r="G24720" t="s">
        <v>10734</v>
      </c>
      <c r="H24720" t="s">
        <v>10735</v>
      </c>
      <c r="I24720" s="2">
        <v>1</v>
      </c>
      <c r="J24720" s="2">
        <v>0</v>
      </c>
      <c r="K24720" s="2">
        <v>0</v>
      </c>
      <c r="L24720" t="s">
        <v>120</v>
      </c>
      <c r="M24720" t="s">
        <v>89</v>
      </c>
      <c r="N24720" t="s">
        <v>90</v>
      </c>
      <c r="O24720" t="s">
        <v>85</v>
      </c>
      <c r="P24720" t="s">
        <v>86</v>
      </c>
      <c r="Q24720">
        <v>30</v>
      </c>
      <c r="R24720">
        <v>31</v>
      </c>
      <c r="S24720">
        <v>32</v>
      </c>
      <c r="T24720">
        <v>32</v>
      </c>
      <c r="U24720">
        <v>33</v>
      </c>
      <c r="V24720">
        <v>34</v>
      </c>
      <c r="W24720">
        <v>34</v>
      </c>
      <c r="X24720">
        <v>35</v>
      </c>
      <c r="Y24720">
        <v>35</v>
      </c>
      <c r="Z24720">
        <v>36</v>
      </c>
      <c r="AA24720">
        <v>36</v>
      </c>
      <c r="AB24720">
        <v>37</v>
      </c>
      <c r="AC24720">
        <v>37</v>
      </c>
      <c r="AD24720">
        <v>38</v>
      </c>
      <c r="AE24720">
        <v>38</v>
      </c>
      <c r="AF24720">
        <v>38</v>
      </c>
      <c r="AG24720">
        <v>38</v>
      </c>
      <c r="AH24720">
        <v>38</v>
      </c>
      <c r="AI24720">
        <v>38</v>
      </c>
      <c r="AJ24720">
        <v>38</v>
      </c>
      <c r="AK24720">
        <v>38</v>
      </c>
      <c r="AL24720">
        <v>38</v>
      </c>
      <c r="AM24720">
        <v>38</v>
      </c>
      <c r="AN24720">
        <v>38</v>
      </c>
      <c r="AO24720">
        <v>38</v>
      </c>
      <c r="AP24720">
        <v>38</v>
      </c>
      <c r="AQ24720">
        <v>38</v>
      </c>
    </row>
    <row r="24721" spans="1:43">
      <c r="A24721" t="s">
        <v>15309</v>
      </c>
      <c r="B24721" t="s">
        <v>15310</v>
      </c>
      <c r="C24721" t="s">
        <v>15277</v>
      </c>
      <c r="D24721" t="s">
        <v>15278</v>
      </c>
      <c r="E24721" t="s">
        <v>15241</v>
      </c>
      <c r="F24721" t="s">
        <v>15242</v>
      </c>
      <c r="G24721" t="s">
        <v>10734</v>
      </c>
      <c r="H24721" t="s">
        <v>10735</v>
      </c>
      <c r="I24721" s="2">
        <v>1</v>
      </c>
      <c r="J24721" s="2">
        <v>0</v>
      </c>
      <c r="K24721" s="2">
        <v>0</v>
      </c>
      <c r="L24721" t="s">
        <v>120</v>
      </c>
      <c r="M24721" t="s">
        <v>83</v>
      </c>
      <c r="N24721" t="s">
        <v>91</v>
      </c>
      <c r="O24721" t="s">
        <v>85</v>
      </c>
      <c r="P24721" t="s">
        <v>86</v>
      </c>
      <c r="Q24721">
        <v>30</v>
      </c>
      <c r="R24721">
        <v>31</v>
      </c>
      <c r="S24721">
        <v>31</v>
      </c>
      <c r="T24721">
        <v>31</v>
      </c>
      <c r="U24721">
        <v>32</v>
      </c>
      <c r="V24721">
        <v>32</v>
      </c>
      <c r="W24721">
        <v>33</v>
      </c>
      <c r="X24721">
        <v>33</v>
      </c>
      <c r="Y24721">
        <v>34</v>
      </c>
      <c r="Z24721">
        <v>34</v>
      </c>
      <c r="AA24721">
        <v>34</v>
      </c>
      <c r="AB24721">
        <v>35</v>
      </c>
      <c r="AC24721">
        <v>35</v>
      </c>
      <c r="AD24721">
        <v>35</v>
      </c>
      <c r="AE24721">
        <v>36</v>
      </c>
      <c r="AF24721">
        <v>36</v>
      </c>
      <c r="AG24721">
        <v>36</v>
      </c>
      <c r="AH24721">
        <v>37</v>
      </c>
      <c r="AI24721">
        <v>37</v>
      </c>
      <c r="AJ24721">
        <v>38</v>
      </c>
      <c r="AK24721">
        <v>38</v>
      </c>
      <c r="AL24721">
        <v>38</v>
      </c>
      <c r="AM24721">
        <v>38</v>
      </c>
      <c r="AN24721">
        <v>38</v>
      </c>
      <c r="AO24721">
        <v>38</v>
      </c>
      <c r="AP24721">
        <v>38</v>
      </c>
      <c r="AQ24721">
        <v>38</v>
      </c>
    </row>
    <row r="24722" spans="1:43">
      <c r="A24722" t="s">
        <v>15311</v>
      </c>
      <c r="B24722" t="s">
        <v>15312</v>
      </c>
      <c r="C24722" t="s">
        <v>15277</v>
      </c>
      <c r="D24722" t="s">
        <v>15278</v>
      </c>
      <c r="E24722" t="s">
        <v>15241</v>
      </c>
      <c r="F24722" t="s">
        <v>15242</v>
      </c>
      <c r="G24722" t="s">
        <v>10734</v>
      </c>
      <c r="H24722" t="s">
        <v>10735</v>
      </c>
      <c r="I24722" s="2">
        <v>1</v>
      </c>
      <c r="J24722" s="2">
        <v>0</v>
      </c>
      <c r="K24722" s="2">
        <v>0</v>
      </c>
      <c r="L24722" t="s">
        <v>120</v>
      </c>
      <c r="M24722" t="s">
        <v>83</v>
      </c>
      <c r="N24722" t="s">
        <v>84</v>
      </c>
      <c r="O24722" t="s">
        <v>85</v>
      </c>
      <c r="P24722" t="s">
        <v>86</v>
      </c>
      <c r="Q24722">
        <v>24</v>
      </c>
      <c r="R24722">
        <v>24</v>
      </c>
      <c r="S24722">
        <v>24</v>
      </c>
      <c r="T24722">
        <v>25</v>
      </c>
      <c r="U24722">
        <v>25</v>
      </c>
      <c r="V24722">
        <v>25</v>
      </c>
      <c r="W24722">
        <v>26</v>
      </c>
      <c r="X24722">
        <v>26</v>
      </c>
      <c r="Y24722">
        <v>26</v>
      </c>
      <c r="Z24722">
        <v>26</v>
      </c>
      <c r="AA24722">
        <v>27</v>
      </c>
      <c r="AB24722">
        <v>27</v>
      </c>
      <c r="AC24722">
        <v>27</v>
      </c>
      <c r="AD24722">
        <v>28</v>
      </c>
      <c r="AE24722">
        <v>28</v>
      </c>
      <c r="AF24722">
        <v>28</v>
      </c>
      <c r="AG24722">
        <v>28</v>
      </c>
      <c r="AH24722">
        <v>29</v>
      </c>
      <c r="AI24722">
        <v>29</v>
      </c>
      <c r="AJ24722">
        <v>29</v>
      </c>
      <c r="AK24722">
        <v>30</v>
      </c>
      <c r="AL24722">
        <v>30</v>
      </c>
      <c r="AM24722">
        <v>30</v>
      </c>
      <c r="AN24722">
        <v>30</v>
      </c>
      <c r="AO24722">
        <v>30</v>
      </c>
      <c r="AP24722">
        <v>30</v>
      </c>
      <c r="AQ24722">
        <v>30</v>
      </c>
    </row>
    <row r="24723" spans="1:43">
      <c r="A24723" t="s">
        <v>15311</v>
      </c>
      <c r="B24723" t="s">
        <v>15312</v>
      </c>
      <c r="C24723" t="s">
        <v>15277</v>
      </c>
      <c r="D24723" t="s">
        <v>15278</v>
      </c>
      <c r="E24723" t="s">
        <v>15241</v>
      </c>
      <c r="F24723" t="s">
        <v>15242</v>
      </c>
      <c r="G24723" t="s">
        <v>10734</v>
      </c>
      <c r="H24723" t="s">
        <v>10735</v>
      </c>
      <c r="I24723" s="2">
        <v>1</v>
      </c>
      <c r="J24723" s="2">
        <v>0</v>
      </c>
      <c r="K24723" s="2">
        <v>0</v>
      </c>
      <c r="L24723" t="s">
        <v>120</v>
      </c>
      <c r="M24723" t="s">
        <v>87</v>
      </c>
      <c r="N24723" t="s">
        <v>88</v>
      </c>
      <c r="O24723" t="s">
        <v>85</v>
      </c>
      <c r="P24723" t="s">
        <v>86</v>
      </c>
      <c r="Q24723">
        <v>24</v>
      </c>
      <c r="R24723">
        <v>24</v>
      </c>
      <c r="S24723">
        <v>25</v>
      </c>
      <c r="T24723">
        <v>25</v>
      </c>
      <c r="U24723">
        <v>25</v>
      </c>
      <c r="V24723">
        <v>25</v>
      </c>
      <c r="W24723">
        <v>25</v>
      </c>
      <c r="X24723">
        <v>25</v>
      </c>
      <c r="Y24723">
        <v>25</v>
      </c>
      <c r="Z24723">
        <v>25</v>
      </c>
      <c r="AA24723">
        <v>25</v>
      </c>
      <c r="AB24723">
        <v>26</v>
      </c>
      <c r="AC24723">
        <v>26</v>
      </c>
      <c r="AD24723">
        <v>26</v>
      </c>
      <c r="AE24723">
        <v>26</v>
      </c>
      <c r="AF24723">
        <v>26</v>
      </c>
      <c r="AG24723">
        <v>26</v>
      </c>
      <c r="AH24723">
        <v>26</v>
      </c>
      <c r="AI24723">
        <v>26</v>
      </c>
      <c r="AJ24723">
        <v>26</v>
      </c>
      <c r="AK24723">
        <v>26</v>
      </c>
      <c r="AL24723">
        <v>26</v>
      </c>
      <c r="AM24723">
        <v>27</v>
      </c>
      <c r="AN24723">
        <v>27</v>
      </c>
      <c r="AO24723">
        <v>27</v>
      </c>
      <c r="AP24723">
        <v>27</v>
      </c>
      <c r="AQ24723">
        <v>27</v>
      </c>
    </row>
    <row r="24724" spans="1:43">
      <c r="A24724" t="s">
        <v>15311</v>
      </c>
      <c r="B24724" t="s">
        <v>15312</v>
      </c>
      <c r="C24724" t="s">
        <v>15277</v>
      </c>
      <c r="D24724" t="s">
        <v>15278</v>
      </c>
      <c r="E24724" t="s">
        <v>15241</v>
      </c>
      <c r="F24724" t="s">
        <v>15242</v>
      </c>
      <c r="G24724" t="s">
        <v>10734</v>
      </c>
      <c r="H24724" t="s">
        <v>10735</v>
      </c>
      <c r="I24724" s="2">
        <v>1</v>
      </c>
      <c r="J24724" s="2">
        <v>0</v>
      </c>
      <c r="K24724" s="2">
        <v>0</v>
      </c>
      <c r="L24724" t="s">
        <v>120</v>
      </c>
      <c r="M24724" t="s">
        <v>89</v>
      </c>
      <c r="N24724" t="s">
        <v>90</v>
      </c>
      <c r="O24724" t="s">
        <v>85</v>
      </c>
      <c r="P24724" t="s">
        <v>86</v>
      </c>
      <c r="Q24724">
        <v>24</v>
      </c>
      <c r="R24724">
        <v>24</v>
      </c>
      <c r="S24724">
        <v>25</v>
      </c>
      <c r="T24724">
        <v>25</v>
      </c>
      <c r="U24724">
        <v>26</v>
      </c>
      <c r="V24724">
        <v>26</v>
      </c>
      <c r="W24724">
        <v>27</v>
      </c>
      <c r="X24724">
        <v>27</v>
      </c>
      <c r="Y24724">
        <v>28</v>
      </c>
      <c r="Z24724">
        <v>28</v>
      </c>
      <c r="AA24724">
        <v>28</v>
      </c>
      <c r="AB24724">
        <v>29</v>
      </c>
      <c r="AC24724">
        <v>29</v>
      </c>
      <c r="AD24724">
        <v>30</v>
      </c>
      <c r="AE24724">
        <v>30</v>
      </c>
      <c r="AF24724">
        <v>30</v>
      </c>
      <c r="AG24724">
        <v>30</v>
      </c>
      <c r="AH24724">
        <v>30</v>
      </c>
      <c r="AI24724">
        <v>30</v>
      </c>
      <c r="AJ24724">
        <v>30</v>
      </c>
      <c r="AK24724">
        <v>30</v>
      </c>
      <c r="AL24724">
        <v>30</v>
      </c>
      <c r="AM24724">
        <v>30</v>
      </c>
      <c r="AN24724">
        <v>30</v>
      </c>
      <c r="AO24724">
        <v>30</v>
      </c>
      <c r="AP24724">
        <v>30</v>
      </c>
      <c r="AQ24724">
        <v>30</v>
      </c>
    </row>
    <row r="24725" spans="1:43">
      <c r="A24725" t="s">
        <v>15311</v>
      </c>
      <c r="B24725" t="s">
        <v>15312</v>
      </c>
      <c r="C24725" t="s">
        <v>15277</v>
      </c>
      <c r="D24725" t="s">
        <v>15278</v>
      </c>
      <c r="E24725" t="s">
        <v>15241</v>
      </c>
      <c r="F24725" t="s">
        <v>15242</v>
      </c>
      <c r="G24725" t="s">
        <v>10734</v>
      </c>
      <c r="H24725" t="s">
        <v>10735</v>
      </c>
      <c r="I24725" s="2">
        <v>1</v>
      </c>
      <c r="J24725" s="2">
        <v>0</v>
      </c>
      <c r="K24725" s="2">
        <v>0</v>
      </c>
      <c r="L24725" t="s">
        <v>120</v>
      </c>
      <c r="M24725" t="s">
        <v>83</v>
      </c>
      <c r="N24725" t="s">
        <v>91</v>
      </c>
      <c r="O24725" t="s">
        <v>85</v>
      </c>
      <c r="P24725" t="s">
        <v>86</v>
      </c>
      <c r="Q24725">
        <v>24</v>
      </c>
      <c r="R24725">
        <v>24</v>
      </c>
      <c r="S24725">
        <v>24</v>
      </c>
      <c r="T24725">
        <v>25</v>
      </c>
      <c r="U24725">
        <v>25</v>
      </c>
      <c r="V24725">
        <v>25</v>
      </c>
      <c r="W24725">
        <v>26</v>
      </c>
      <c r="X24725">
        <v>26</v>
      </c>
      <c r="Y24725">
        <v>26</v>
      </c>
      <c r="Z24725">
        <v>26</v>
      </c>
      <c r="AA24725">
        <v>27</v>
      </c>
      <c r="AB24725">
        <v>27</v>
      </c>
      <c r="AC24725">
        <v>27</v>
      </c>
      <c r="AD24725">
        <v>28</v>
      </c>
      <c r="AE24725">
        <v>28</v>
      </c>
      <c r="AF24725">
        <v>28</v>
      </c>
      <c r="AG24725">
        <v>28</v>
      </c>
      <c r="AH24725">
        <v>29</v>
      </c>
      <c r="AI24725">
        <v>29</v>
      </c>
      <c r="AJ24725">
        <v>29</v>
      </c>
      <c r="AK24725">
        <v>30</v>
      </c>
      <c r="AL24725">
        <v>30</v>
      </c>
      <c r="AM24725">
        <v>30</v>
      </c>
      <c r="AN24725">
        <v>30</v>
      </c>
      <c r="AO24725">
        <v>30</v>
      </c>
      <c r="AP24725">
        <v>30</v>
      </c>
      <c r="AQ24725">
        <v>30</v>
      </c>
    </row>
    <row r="24726" spans="1:43">
      <c r="A24726" t="s">
        <v>15313</v>
      </c>
      <c r="B24726" t="s">
        <v>15314</v>
      </c>
      <c r="C24726" t="s">
        <v>15315</v>
      </c>
      <c r="D24726" t="s">
        <v>15316</v>
      </c>
      <c r="E24726" t="s">
        <v>15241</v>
      </c>
      <c r="F24726" t="s">
        <v>15242</v>
      </c>
      <c r="G24726" t="s">
        <v>10734</v>
      </c>
      <c r="H24726" t="s">
        <v>10735</v>
      </c>
      <c r="I24726" s="2">
        <v>1</v>
      </c>
      <c r="J24726" s="2">
        <v>0</v>
      </c>
      <c r="K24726" s="2">
        <v>0</v>
      </c>
      <c r="L24726" t="s">
        <v>120</v>
      </c>
      <c r="M24726" t="s">
        <v>83</v>
      </c>
      <c r="N24726" t="s">
        <v>84</v>
      </c>
      <c r="O24726" t="s">
        <v>85</v>
      </c>
      <c r="P24726" t="s">
        <v>86</v>
      </c>
      <c r="Q24726">
        <v>31</v>
      </c>
      <c r="R24726">
        <v>31</v>
      </c>
      <c r="S24726">
        <v>31</v>
      </c>
      <c r="T24726">
        <v>32</v>
      </c>
      <c r="U24726">
        <v>32</v>
      </c>
      <c r="V24726">
        <v>33</v>
      </c>
      <c r="W24726">
        <v>33</v>
      </c>
      <c r="X24726">
        <v>33</v>
      </c>
      <c r="Y24726">
        <v>34</v>
      </c>
      <c r="Z24726">
        <v>34</v>
      </c>
      <c r="AA24726">
        <v>35</v>
      </c>
      <c r="AB24726">
        <v>35</v>
      </c>
      <c r="AC24726">
        <v>35</v>
      </c>
      <c r="AD24726">
        <v>36</v>
      </c>
      <c r="AE24726">
        <v>36</v>
      </c>
      <c r="AF24726">
        <v>36</v>
      </c>
      <c r="AG24726">
        <v>37</v>
      </c>
      <c r="AH24726">
        <v>37</v>
      </c>
      <c r="AI24726">
        <v>38</v>
      </c>
      <c r="AJ24726">
        <v>38</v>
      </c>
      <c r="AK24726">
        <v>38</v>
      </c>
      <c r="AL24726">
        <v>38</v>
      </c>
      <c r="AM24726">
        <v>38</v>
      </c>
      <c r="AN24726">
        <v>38</v>
      </c>
      <c r="AO24726">
        <v>38</v>
      </c>
      <c r="AP24726">
        <v>38</v>
      </c>
      <c r="AQ24726">
        <v>38</v>
      </c>
    </row>
    <row r="24727" spans="1:43">
      <c r="A24727" t="s">
        <v>15313</v>
      </c>
      <c r="B24727" t="s">
        <v>15314</v>
      </c>
      <c r="C24727" t="s">
        <v>15315</v>
      </c>
      <c r="D24727" t="s">
        <v>15316</v>
      </c>
      <c r="E24727" t="s">
        <v>15241</v>
      </c>
      <c r="F24727" t="s">
        <v>15242</v>
      </c>
      <c r="G24727" t="s">
        <v>10734</v>
      </c>
      <c r="H24727" t="s">
        <v>10735</v>
      </c>
      <c r="I24727" s="2">
        <v>1</v>
      </c>
      <c r="J24727" s="2">
        <v>0</v>
      </c>
      <c r="K24727" s="2">
        <v>0</v>
      </c>
      <c r="L24727" t="s">
        <v>120</v>
      </c>
      <c r="M24727" t="s">
        <v>87</v>
      </c>
      <c r="N24727" t="s">
        <v>88</v>
      </c>
      <c r="O24727" t="s">
        <v>85</v>
      </c>
      <c r="P24727" t="s">
        <v>86</v>
      </c>
      <c r="Q24727">
        <v>31</v>
      </c>
      <c r="R24727">
        <v>31</v>
      </c>
      <c r="S24727">
        <v>32</v>
      </c>
      <c r="T24727">
        <v>32</v>
      </c>
      <c r="U24727">
        <v>32</v>
      </c>
      <c r="V24727">
        <v>32</v>
      </c>
      <c r="W24727">
        <v>32</v>
      </c>
      <c r="X24727">
        <v>32</v>
      </c>
      <c r="Y24727">
        <v>32</v>
      </c>
      <c r="Z24727">
        <v>32</v>
      </c>
      <c r="AA24727">
        <v>33</v>
      </c>
      <c r="AB24727">
        <v>33</v>
      </c>
      <c r="AC24727">
        <v>33</v>
      </c>
      <c r="AD24727">
        <v>33</v>
      </c>
      <c r="AE24727">
        <v>33</v>
      </c>
      <c r="AF24727">
        <v>33</v>
      </c>
      <c r="AG24727">
        <v>33</v>
      </c>
      <c r="AH24727">
        <v>33</v>
      </c>
      <c r="AI24727">
        <v>34</v>
      </c>
      <c r="AJ24727">
        <v>34</v>
      </c>
      <c r="AK24727">
        <v>34</v>
      </c>
      <c r="AL24727">
        <v>34</v>
      </c>
      <c r="AM24727">
        <v>34</v>
      </c>
      <c r="AN24727">
        <v>34</v>
      </c>
      <c r="AO24727">
        <v>34</v>
      </c>
      <c r="AP24727">
        <v>34</v>
      </c>
      <c r="AQ24727">
        <v>34</v>
      </c>
    </row>
    <row r="24728" spans="1:43">
      <c r="A24728" t="s">
        <v>15313</v>
      </c>
      <c r="B24728" t="s">
        <v>15314</v>
      </c>
      <c r="C24728" t="s">
        <v>15315</v>
      </c>
      <c r="D24728" t="s">
        <v>15316</v>
      </c>
      <c r="E24728" t="s">
        <v>15241</v>
      </c>
      <c r="F24728" t="s">
        <v>15242</v>
      </c>
      <c r="G24728" t="s">
        <v>10734</v>
      </c>
      <c r="H24728" t="s">
        <v>10735</v>
      </c>
      <c r="I24728" s="2">
        <v>1</v>
      </c>
      <c r="J24728" s="2">
        <v>0</v>
      </c>
      <c r="K24728" s="2">
        <v>0</v>
      </c>
      <c r="L24728" t="s">
        <v>120</v>
      </c>
      <c r="M24728" t="s">
        <v>89</v>
      </c>
      <c r="N24728" t="s">
        <v>90</v>
      </c>
      <c r="O24728" t="s">
        <v>85</v>
      </c>
      <c r="P24728" t="s">
        <v>86</v>
      </c>
      <c r="Q24728">
        <v>31</v>
      </c>
      <c r="R24728">
        <v>32</v>
      </c>
      <c r="S24728">
        <v>32</v>
      </c>
      <c r="T24728">
        <v>33</v>
      </c>
      <c r="U24728">
        <v>34</v>
      </c>
      <c r="V24728">
        <v>34</v>
      </c>
      <c r="W24728">
        <v>35</v>
      </c>
      <c r="X24728">
        <v>35</v>
      </c>
      <c r="Y24728">
        <v>36</v>
      </c>
      <c r="Z24728">
        <v>36</v>
      </c>
      <c r="AA24728">
        <v>37</v>
      </c>
      <c r="AB24728">
        <v>37</v>
      </c>
      <c r="AC24728">
        <v>38</v>
      </c>
      <c r="AD24728">
        <v>38</v>
      </c>
      <c r="AE24728">
        <v>39</v>
      </c>
      <c r="AF24728">
        <v>39</v>
      </c>
      <c r="AG24728">
        <v>39</v>
      </c>
      <c r="AH24728">
        <v>39</v>
      </c>
      <c r="AI24728">
        <v>39</v>
      </c>
      <c r="AJ24728">
        <v>39</v>
      </c>
      <c r="AK24728">
        <v>39</v>
      </c>
      <c r="AL24728">
        <v>39</v>
      </c>
      <c r="AM24728">
        <v>39</v>
      </c>
      <c r="AN24728">
        <v>39</v>
      </c>
      <c r="AO24728">
        <v>39</v>
      </c>
      <c r="AP24728">
        <v>39</v>
      </c>
      <c r="AQ24728">
        <v>39</v>
      </c>
    </row>
    <row r="24729" spans="1:43">
      <c r="A24729" t="s">
        <v>15313</v>
      </c>
      <c r="B24729" t="s">
        <v>15314</v>
      </c>
      <c r="C24729" t="s">
        <v>15315</v>
      </c>
      <c r="D24729" t="s">
        <v>15316</v>
      </c>
      <c r="E24729" t="s">
        <v>15241</v>
      </c>
      <c r="F24729" t="s">
        <v>15242</v>
      </c>
      <c r="G24729" t="s">
        <v>10734</v>
      </c>
      <c r="H24729" t="s">
        <v>10735</v>
      </c>
      <c r="I24729" s="2">
        <v>1</v>
      </c>
      <c r="J24729" s="2">
        <v>0</v>
      </c>
      <c r="K24729" s="2">
        <v>0</v>
      </c>
      <c r="L24729" t="s">
        <v>120</v>
      </c>
      <c r="M24729" t="s">
        <v>83</v>
      </c>
      <c r="N24729" t="s">
        <v>91</v>
      </c>
      <c r="O24729" t="s">
        <v>85</v>
      </c>
      <c r="P24729" t="s">
        <v>86</v>
      </c>
      <c r="Q24729">
        <v>31</v>
      </c>
      <c r="R24729">
        <v>31</v>
      </c>
      <c r="S24729">
        <v>31</v>
      </c>
      <c r="T24729">
        <v>32</v>
      </c>
      <c r="U24729">
        <v>32</v>
      </c>
      <c r="V24729">
        <v>33</v>
      </c>
      <c r="W24729">
        <v>33</v>
      </c>
      <c r="X24729">
        <v>33</v>
      </c>
      <c r="Y24729">
        <v>34</v>
      </c>
      <c r="Z24729">
        <v>34</v>
      </c>
      <c r="AA24729">
        <v>35</v>
      </c>
      <c r="AB24729">
        <v>35</v>
      </c>
      <c r="AC24729">
        <v>35</v>
      </c>
      <c r="AD24729">
        <v>36</v>
      </c>
      <c r="AE24729">
        <v>36</v>
      </c>
      <c r="AF24729">
        <v>36</v>
      </c>
      <c r="AG24729">
        <v>37</v>
      </c>
      <c r="AH24729">
        <v>37</v>
      </c>
      <c r="AI24729">
        <v>38</v>
      </c>
      <c r="AJ24729">
        <v>38</v>
      </c>
      <c r="AK24729">
        <v>38</v>
      </c>
      <c r="AL24729">
        <v>38</v>
      </c>
      <c r="AM24729">
        <v>38</v>
      </c>
      <c r="AN24729">
        <v>38</v>
      </c>
      <c r="AO24729">
        <v>38</v>
      </c>
      <c r="AP24729">
        <v>38</v>
      </c>
      <c r="AQ24729">
        <v>38</v>
      </c>
    </row>
    <row r="24730" spans="1:43">
      <c r="A24730" t="s">
        <v>15317</v>
      </c>
      <c r="B24730" t="s">
        <v>15318</v>
      </c>
      <c r="C24730" t="s">
        <v>15315</v>
      </c>
      <c r="D24730" t="s">
        <v>15316</v>
      </c>
      <c r="E24730" t="s">
        <v>15241</v>
      </c>
      <c r="F24730" t="s">
        <v>15242</v>
      </c>
      <c r="G24730" t="s">
        <v>10734</v>
      </c>
      <c r="H24730" t="s">
        <v>10735</v>
      </c>
      <c r="I24730" s="2">
        <v>1</v>
      </c>
      <c r="J24730" s="2">
        <v>0</v>
      </c>
      <c r="K24730" s="2">
        <v>0</v>
      </c>
      <c r="L24730" t="s">
        <v>120</v>
      </c>
      <c r="M24730" t="s">
        <v>83</v>
      </c>
      <c r="N24730" t="s">
        <v>84</v>
      </c>
      <c r="O24730" t="s">
        <v>85</v>
      </c>
      <c r="P24730" t="s">
        <v>86</v>
      </c>
      <c r="Q24730">
        <v>23</v>
      </c>
      <c r="R24730">
        <v>23</v>
      </c>
      <c r="S24730">
        <v>23</v>
      </c>
      <c r="T24730">
        <v>24</v>
      </c>
      <c r="U24730">
        <v>24</v>
      </c>
      <c r="V24730">
        <v>24</v>
      </c>
      <c r="W24730">
        <v>25</v>
      </c>
      <c r="X24730">
        <v>25</v>
      </c>
      <c r="Y24730">
        <v>25</v>
      </c>
      <c r="Z24730">
        <v>25</v>
      </c>
      <c r="AA24730">
        <v>26</v>
      </c>
      <c r="AB24730">
        <v>26</v>
      </c>
      <c r="AC24730">
        <v>26</v>
      </c>
      <c r="AD24730">
        <v>27</v>
      </c>
      <c r="AE24730">
        <v>27</v>
      </c>
      <c r="AF24730">
        <v>27</v>
      </c>
      <c r="AG24730">
        <v>27</v>
      </c>
      <c r="AH24730">
        <v>28</v>
      </c>
      <c r="AI24730">
        <v>28</v>
      </c>
      <c r="AJ24730">
        <v>28</v>
      </c>
      <c r="AK24730">
        <v>28</v>
      </c>
      <c r="AL24730">
        <v>29</v>
      </c>
      <c r="AM24730">
        <v>29</v>
      </c>
      <c r="AN24730">
        <v>29</v>
      </c>
      <c r="AO24730">
        <v>29</v>
      </c>
      <c r="AP24730">
        <v>29</v>
      </c>
      <c r="AQ24730">
        <v>29</v>
      </c>
    </row>
    <row r="24731" spans="1:43">
      <c r="A24731" t="s">
        <v>15317</v>
      </c>
      <c r="B24731" t="s">
        <v>15318</v>
      </c>
      <c r="C24731" t="s">
        <v>15315</v>
      </c>
      <c r="D24731" t="s">
        <v>15316</v>
      </c>
      <c r="E24731" t="s">
        <v>15241</v>
      </c>
      <c r="F24731" t="s">
        <v>15242</v>
      </c>
      <c r="G24731" t="s">
        <v>10734</v>
      </c>
      <c r="H24731" t="s">
        <v>10735</v>
      </c>
      <c r="I24731" s="2">
        <v>1</v>
      </c>
      <c r="J24731" s="2">
        <v>0</v>
      </c>
      <c r="K24731" s="2">
        <v>0</v>
      </c>
      <c r="L24731" t="s">
        <v>120</v>
      </c>
      <c r="M24731" t="s">
        <v>87</v>
      </c>
      <c r="N24731" t="s">
        <v>88</v>
      </c>
      <c r="O24731" t="s">
        <v>85</v>
      </c>
      <c r="P24731" t="s">
        <v>86</v>
      </c>
      <c r="Q24731">
        <v>23</v>
      </c>
      <c r="R24731">
        <v>24</v>
      </c>
      <c r="S24731">
        <v>24</v>
      </c>
      <c r="T24731">
        <v>24</v>
      </c>
      <c r="U24731">
        <v>24</v>
      </c>
      <c r="V24731">
        <v>24</v>
      </c>
      <c r="W24731">
        <v>24</v>
      </c>
      <c r="X24731">
        <v>24</v>
      </c>
      <c r="Y24731">
        <v>24</v>
      </c>
      <c r="Z24731">
        <v>24</v>
      </c>
      <c r="AA24731">
        <v>25</v>
      </c>
      <c r="AB24731">
        <v>25</v>
      </c>
      <c r="AC24731">
        <v>25</v>
      </c>
      <c r="AD24731">
        <v>25</v>
      </c>
      <c r="AE24731">
        <v>25</v>
      </c>
      <c r="AF24731">
        <v>25</v>
      </c>
      <c r="AG24731">
        <v>25</v>
      </c>
      <c r="AH24731">
        <v>25</v>
      </c>
      <c r="AI24731">
        <v>25</v>
      </c>
      <c r="AJ24731">
        <v>25</v>
      </c>
      <c r="AK24731">
        <v>25</v>
      </c>
      <c r="AL24731">
        <v>25</v>
      </c>
      <c r="AM24731">
        <v>26</v>
      </c>
      <c r="AN24731">
        <v>26</v>
      </c>
      <c r="AO24731">
        <v>26</v>
      </c>
      <c r="AP24731">
        <v>26</v>
      </c>
      <c r="AQ24731">
        <v>26</v>
      </c>
    </row>
    <row r="24732" spans="1:43">
      <c r="A24732" t="s">
        <v>15317</v>
      </c>
      <c r="B24732" t="s">
        <v>15318</v>
      </c>
      <c r="C24732" t="s">
        <v>15315</v>
      </c>
      <c r="D24732" t="s">
        <v>15316</v>
      </c>
      <c r="E24732" t="s">
        <v>15241</v>
      </c>
      <c r="F24732" t="s">
        <v>15242</v>
      </c>
      <c r="G24732" t="s">
        <v>10734</v>
      </c>
      <c r="H24732" t="s">
        <v>10735</v>
      </c>
      <c r="I24732" s="2">
        <v>1</v>
      </c>
      <c r="J24732" s="2">
        <v>0</v>
      </c>
      <c r="K24732" s="2">
        <v>0</v>
      </c>
      <c r="L24732" t="s">
        <v>120</v>
      </c>
      <c r="M24732" t="s">
        <v>89</v>
      </c>
      <c r="N24732" t="s">
        <v>90</v>
      </c>
      <c r="O24732" t="s">
        <v>85</v>
      </c>
      <c r="P24732" t="s">
        <v>86</v>
      </c>
      <c r="Q24732">
        <v>23</v>
      </c>
      <c r="R24732">
        <v>23</v>
      </c>
      <c r="S24732">
        <v>24</v>
      </c>
      <c r="T24732">
        <v>24</v>
      </c>
      <c r="U24732">
        <v>25</v>
      </c>
      <c r="V24732">
        <v>25</v>
      </c>
      <c r="W24732">
        <v>26</v>
      </c>
      <c r="X24732">
        <v>26</v>
      </c>
      <c r="Y24732">
        <v>27</v>
      </c>
      <c r="Z24732">
        <v>27</v>
      </c>
      <c r="AA24732">
        <v>27</v>
      </c>
      <c r="AB24732">
        <v>28</v>
      </c>
      <c r="AC24732">
        <v>28</v>
      </c>
      <c r="AD24732">
        <v>29</v>
      </c>
      <c r="AE24732">
        <v>29</v>
      </c>
      <c r="AF24732">
        <v>29</v>
      </c>
      <c r="AG24732">
        <v>29</v>
      </c>
      <c r="AH24732">
        <v>29</v>
      </c>
      <c r="AI24732">
        <v>29</v>
      </c>
      <c r="AJ24732">
        <v>29</v>
      </c>
      <c r="AK24732">
        <v>29</v>
      </c>
      <c r="AL24732">
        <v>29</v>
      </c>
      <c r="AM24732">
        <v>29</v>
      </c>
      <c r="AN24732">
        <v>29</v>
      </c>
      <c r="AO24732">
        <v>29</v>
      </c>
      <c r="AP24732">
        <v>29</v>
      </c>
      <c r="AQ24732">
        <v>29</v>
      </c>
    </row>
    <row r="24733" spans="1:43">
      <c r="A24733" t="s">
        <v>15317</v>
      </c>
      <c r="B24733" t="s">
        <v>15318</v>
      </c>
      <c r="C24733" t="s">
        <v>15315</v>
      </c>
      <c r="D24733" t="s">
        <v>15316</v>
      </c>
      <c r="E24733" t="s">
        <v>15241</v>
      </c>
      <c r="F24733" t="s">
        <v>15242</v>
      </c>
      <c r="G24733" t="s">
        <v>10734</v>
      </c>
      <c r="H24733" t="s">
        <v>10735</v>
      </c>
      <c r="I24733" s="2">
        <v>1</v>
      </c>
      <c r="J24733" s="2">
        <v>0</v>
      </c>
      <c r="K24733" s="2">
        <v>0</v>
      </c>
      <c r="L24733" t="s">
        <v>120</v>
      </c>
      <c r="M24733" t="s">
        <v>83</v>
      </c>
      <c r="N24733" t="s">
        <v>91</v>
      </c>
      <c r="O24733" t="s">
        <v>85</v>
      </c>
      <c r="P24733" t="s">
        <v>86</v>
      </c>
      <c r="Q24733">
        <v>23</v>
      </c>
      <c r="R24733">
        <v>23</v>
      </c>
      <c r="S24733">
        <v>23</v>
      </c>
      <c r="T24733">
        <v>24</v>
      </c>
      <c r="U24733">
        <v>24</v>
      </c>
      <c r="V24733">
        <v>24</v>
      </c>
      <c r="W24733">
        <v>25</v>
      </c>
      <c r="X24733">
        <v>25</v>
      </c>
      <c r="Y24733">
        <v>25</v>
      </c>
      <c r="Z24733">
        <v>25</v>
      </c>
      <c r="AA24733">
        <v>26</v>
      </c>
      <c r="AB24733">
        <v>26</v>
      </c>
      <c r="AC24733">
        <v>26</v>
      </c>
      <c r="AD24733">
        <v>27</v>
      </c>
      <c r="AE24733">
        <v>27</v>
      </c>
      <c r="AF24733">
        <v>27</v>
      </c>
      <c r="AG24733">
        <v>27</v>
      </c>
      <c r="AH24733">
        <v>28</v>
      </c>
      <c r="AI24733">
        <v>28</v>
      </c>
      <c r="AJ24733">
        <v>28</v>
      </c>
      <c r="AK24733">
        <v>28</v>
      </c>
      <c r="AL24733">
        <v>29</v>
      </c>
      <c r="AM24733">
        <v>29</v>
      </c>
      <c r="AN24733">
        <v>29</v>
      </c>
      <c r="AO24733">
        <v>29</v>
      </c>
      <c r="AP24733">
        <v>29</v>
      </c>
      <c r="AQ24733">
        <v>29</v>
      </c>
    </row>
    <row r="24734" spans="1:43">
      <c r="A24734" t="s">
        <v>15319</v>
      </c>
      <c r="B24734" t="s">
        <v>15320</v>
      </c>
      <c r="C24734" t="s">
        <v>15277</v>
      </c>
      <c r="D24734" t="s">
        <v>15278</v>
      </c>
      <c r="E24734" t="s">
        <v>15241</v>
      </c>
      <c r="F24734" t="s">
        <v>15242</v>
      </c>
      <c r="G24734" t="s">
        <v>10734</v>
      </c>
      <c r="H24734" t="s">
        <v>10735</v>
      </c>
      <c r="I24734" s="2">
        <v>1</v>
      </c>
      <c r="J24734" s="2">
        <v>0</v>
      </c>
      <c r="K24734" s="2">
        <v>0</v>
      </c>
      <c r="L24734" t="s">
        <v>120</v>
      </c>
      <c r="M24734" t="s">
        <v>83</v>
      </c>
      <c r="N24734" t="s">
        <v>84</v>
      </c>
      <c r="O24734" t="s">
        <v>85</v>
      </c>
      <c r="P24734" t="s">
        <v>86</v>
      </c>
      <c r="Q24734">
        <v>34</v>
      </c>
      <c r="R24734">
        <v>34</v>
      </c>
      <c r="S24734">
        <v>35</v>
      </c>
      <c r="T24734">
        <v>35</v>
      </c>
      <c r="U24734">
        <v>36</v>
      </c>
      <c r="V24734">
        <v>36</v>
      </c>
      <c r="W24734">
        <v>37</v>
      </c>
      <c r="X24734">
        <v>37</v>
      </c>
      <c r="Y24734">
        <v>38</v>
      </c>
      <c r="Z24734">
        <v>38</v>
      </c>
      <c r="AA24734">
        <v>38</v>
      </c>
      <c r="AB24734">
        <v>39</v>
      </c>
      <c r="AC24734">
        <v>39</v>
      </c>
      <c r="AD24734">
        <v>40</v>
      </c>
      <c r="AE24734">
        <v>40</v>
      </c>
      <c r="AF24734">
        <v>40</v>
      </c>
      <c r="AG24734">
        <v>41</v>
      </c>
      <c r="AH24734">
        <v>41</v>
      </c>
      <c r="AI24734">
        <v>42</v>
      </c>
      <c r="AJ24734">
        <v>42</v>
      </c>
      <c r="AK24734">
        <v>42</v>
      </c>
      <c r="AL24734">
        <v>43</v>
      </c>
      <c r="AM24734">
        <v>43</v>
      </c>
      <c r="AN24734">
        <v>43</v>
      </c>
      <c r="AO24734">
        <v>43</v>
      </c>
      <c r="AP24734">
        <v>43</v>
      </c>
      <c r="AQ24734">
        <v>43</v>
      </c>
    </row>
    <row r="24735" spans="1:43">
      <c r="A24735" t="s">
        <v>15319</v>
      </c>
      <c r="B24735" t="s">
        <v>15320</v>
      </c>
      <c r="C24735" t="s">
        <v>15277</v>
      </c>
      <c r="D24735" t="s">
        <v>15278</v>
      </c>
      <c r="E24735" t="s">
        <v>15241</v>
      </c>
      <c r="F24735" t="s">
        <v>15242</v>
      </c>
      <c r="G24735" t="s">
        <v>10734</v>
      </c>
      <c r="H24735" t="s">
        <v>10735</v>
      </c>
      <c r="I24735" s="2">
        <v>1</v>
      </c>
      <c r="J24735" s="2">
        <v>0</v>
      </c>
      <c r="K24735" s="2">
        <v>0</v>
      </c>
      <c r="L24735" t="s">
        <v>120</v>
      </c>
      <c r="M24735" t="s">
        <v>87</v>
      </c>
      <c r="N24735" t="s">
        <v>88</v>
      </c>
      <c r="O24735" t="s">
        <v>85</v>
      </c>
      <c r="P24735" t="s">
        <v>86</v>
      </c>
      <c r="Q24735">
        <v>34</v>
      </c>
      <c r="R24735">
        <v>34</v>
      </c>
      <c r="S24735">
        <v>34</v>
      </c>
      <c r="T24735">
        <v>34</v>
      </c>
      <c r="U24735">
        <v>34</v>
      </c>
      <c r="V24735">
        <v>34</v>
      </c>
      <c r="W24735">
        <v>34</v>
      </c>
      <c r="X24735">
        <v>35</v>
      </c>
      <c r="Y24735">
        <v>35</v>
      </c>
      <c r="Z24735">
        <v>35</v>
      </c>
      <c r="AA24735">
        <v>35</v>
      </c>
      <c r="AB24735">
        <v>35</v>
      </c>
      <c r="AC24735">
        <v>35</v>
      </c>
      <c r="AD24735">
        <v>35</v>
      </c>
      <c r="AE24735">
        <v>36</v>
      </c>
      <c r="AF24735">
        <v>36</v>
      </c>
      <c r="AG24735">
        <v>36</v>
      </c>
      <c r="AH24735">
        <v>36</v>
      </c>
      <c r="AI24735">
        <v>36</v>
      </c>
      <c r="AJ24735">
        <v>36</v>
      </c>
      <c r="AK24735">
        <v>36</v>
      </c>
      <c r="AL24735">
        <v>37</v>
      </c>
      <c r="AM24735">
        <v>37</v>
      </c>
      <c r="AN24735">
        <v>37</v>
      </c>
      <c r="AO24735">
        <v>37</v>
      </c>
      <c r="AP24735">
        <v>37</v>
      </c>
      <c r="AQ24735">
        <v>37</v>
      </c>
    </row>
    <row r="24736" spans="1:43">
      <c r="A24736" t="s">
        <v>15319</v>
      </c>
      <c r="B24736" t="s">
        <v>15320</v>
      </c>
      <c r="C24736" t="s">
        <v>15277</v>
      </c>
      <c r="D24736" t="s">
        <v>15278</v>
      </c>
      <c r="E24736" t="s">
        <v>15241</v>
      </c>
      <c r="F24736" t="s">
        <v>15242</v>
      </c>
      <c r="G24736" t="s">
        <v>10734</v>
      </c>
      <c r="H24736" t="s">
        <v>10735</v>
      </c>
      <c r="I24736" s="2">
        <v>1</v>
      </c>
      <c r="J24736" s="2">
        <v>0</v>
      </c>
      <c r="K24736" s="2">
        <v>0</v>
      </c>
      <c r="L24736" t="s">
        <v>120</v>
      </c>
      <c r="M24736" t="s">
        <v>89</v>
      </c>
      <c r="N24736" t="s">
        <v>90</v>
      </c>
      <c r="O24736" t="s">
        <v>85</v>
      </c>
      <c r="P24736" t="s">
        <v>86</v>
      </c>
      <c r="Q24736">
        <v>34</v>
      </c>
      <c r="R24736">
        <v>35</v>
      </c>
      <c r="S24736">
        <v>36</v>
      </c>
      <c r="T24736">
        <v>36</v>
      </c>
      <c r="U24736">
        <v>37</v>
      </c>
      <c r="V24736">
        <v>38</v>
      </c>
      <c r="W24736">
        <v>38</v>
      </c>
      <c r="X24736">
        <v>39</v>
      </c>
      <c r="Y24736">
        <v>40</v>
      </c>
      <c r="Z24736">
        <v>40</v>
      </c>
      <c r="AA24736">
        <v>41</v>
      </c>
      <c r="AB24736">
        <v>41</v>
      </c>
      <c r="AC24736">
        <v>42</v>
      </c>
      <c r="AD24736">
        <v>43</v>
      </c>
      <c r="AE24736">
        <v>43</v>
      </c>
      <c r="AF24736">
        <v>43</v>
      </c>
      <c r="AG24736">
        <v>43</v>
      </c>
      <c r="AH24736">
        <v>43</v>
      </c>
      <c r="AI24736">
        <v>43</v>
      </c>
      <c r="AJ24736">
        <v>43</v>
      </c>
      <c r="AK24736">
        <v>43</v>
      </c>
      <c r="AL24736">
        <v>43</v>
      </c>
      <c r="AM24736">
        <v>43</v>
      </c>
      <c r="AN24736">
        <v>43</v>
      </c>
      <c r="AO24736">
        <v>43</v>
      </c>
      <c r="AP24736">
        <v>43</v>
      </c>
      <c r="AQ24736">
        <v>43</v>
      </c>
    </row>
    <row r="24737" spans="1:43">
      <c r="A24737" t="s">
        <v>15319</v>
      </c>
      <c r="B24737" t="s">
        <v>15320</v>
      </c>
      <c r="C24737" t="s">
        <v>15277</v>
      </c>
      <c r="D24737" t="s">
        <v>15278</v>
      </c>
      <c r="E24737" t="s">
        <v>15241</v>
      </c>
      <c r="F24737" t="s">
        <v>15242</v>
      </c>
      <c r="G24737" t="s">
        <v>10734</v>
      </c>
      <c r="H24737" t="s">
        <v>10735</v>
      </c>
      <c r="I24737" s="2">
        <v>1</v>
      </c>
      <c r="J24737" s="2">
        <v>0</v>
      </c>
      <c r="K24737" s="2">
        <v>0</v>
      </c>
      <c r="L24737" t="s">
        <v>120</v>
      </c>
      <c r="M24737" t="s">
        <v>83</v>
      </c>
      <c r="N24737" t="s">
        <v>91</v>
      </c>
      <c r="O24737" t="s">
        <v>85</v>
      </c>
      <c r="P24737" t="s">
        <v>86</v>
      </c>
      <c r="Q24737">
        <v>34</v>
      </c>
      <c r="R24737">
        <v>34</v>
      </c>
      <c r="S24737">
        <v>35</v>
      </c>
      <c r="T24737">
        <v>35</v>
      </c>
      <c r="U24737">
        <v>36</v>
      </c>
      <c r="V24737">
        <v>36</v>
      </c>
      <c r="W24737">
        <v>37</v>
      </c>
      <c r="X24737">
        <v>37</v>
      </c>
      <c r="Y24737">
        <v>38</v>
      </c>
      <c r="Z24737">
        <v>38</v>
      </c>
      <c r="AA24737">
        <v>38</v>
      </c>
      <c r="AB24737">
        <v>39</v>
      </c>
      <c r="AC24737">
        <v>39</v>
      </c>
      <c r="AD24737">
        <v>40</v>
      </c>
      <c r="AE24737">
        <v>40</v>
      </c>
      <c r="AF24737">
        <v>40</v>
      </c>
      <c r="AG24737">
        <v>41</v>
      </c>
      <c r="AH24737">
        <v>41</v>
      </c>
      <c r="AI24737">
        <v>42</v>
      </c>
      <c r="AJ24737">
        <v>42</v>
      </c>
      <c r="AK24737">
        <v>42</v>
      </c>
      <c r="AL24737">
        <v>43</v>
      </c>
      <c r="AM24737">
        <v>43</v>
      </c>
      <c r="AN24737">
        <v>43</v>
      </c>
      <c r="AO24737">
        <v>43</v>
      </c>
      <c r="AP24737">
        <v>43</v>
      </c>
      <c r="AQ24737">
        <v>43</v>
      </c>
    </row>
    <row r="24738" spans="1:43">
      <c r="A24738" t="s">
        <v>15321</v>
      </c>
      <c r="B24738" t="s">
        <v>15322</v>
      </c>
      <c r="C24738" t="s">
        <v>15315</v>
      </c>
      <c r="D24738" t="s">
        <v>15316</v>
      </c>
      <c r="E24738" t="s">
        <v>15241</v>
      </c>
      <c r="F24738" t="s">
        <v>15242</v>
      </c>
      <c r="G24738" t="s">
        <v>10734</v>
      </c>
      <c r="H24738" t="s">
        <v>10735</v>
      </c>
      <c r="I24738" s="2">
        <v>1</v>
      </c>
      <c r="J24738" s="2">
        <v>0</v>
      </c>
      <c r="K24738" s="2">
        <v>0</v>
      </c>
      <c r="L24738" t="s">
        <v>120</v>
      </c>
      <c r="M24738" t="s">
        <v>83</v>
      </c>
      <c r="N24738" t="s">
        <v>84</v>
      </c>
      <c r="O24738" t="s">
        <v>85</v>
      </c>
      <c r="P24738" t="s">
        <v>86</v>
      </c>
      <c r="Q24738">
        <v>15</v>
      </c>
      <c r="R24738">
        <v>16</v>
      </c>
      <c r="S24738">
        <v>16</v>
      </c>
      <c r="T24738">
        <v>16</v>
      </c>
      <c r="U24738">
        <v>16</v>
      </c>
      <c r="V24738">
        <v>17</v>
      </c>
      <c r="W24738">
        <v>17</v>
      </c>
      <c r="X24738">
        <v>17</v>
      </c>
      <c r="Y24738">
        <v>17</v>
      </c>
      <c r="Z24738">
        <v>17</v>
      </c>
      <c r="AA24738">
        <v>18</v>
      </c>
      <c r="AB24738">
        <v>18</v>
      </c>
      <c r="AC24738">
        <v>18</v>
      </c>
      <c r="AD24738">
        <v>18</v>
      </c>
      <c r="AE24738">
        <v>18</v>
      </c>
      <c r="AF24738">
        <v>18</v>
      </c>
      <c r="AG24738">
        <v>19</v>
      </c>
      <c r="AH24738">
        <v>19</v>
      </c>
      <c r="AI24738">
        <v>19</v>
      </c>
      <c r="AJ24738">
        <v>19</v>
      </c>
      <c r="AK24738">
        <v>19</v>
      </c>
      <c r="AL24738">
        <v>19</v>
      </c>
      <c r="AM24738">
        <v>19</v>
      </c>
      <c r="AN24738">
        <v>19</v>
      </c>
      <c r="AO24738">
        <v>19</v>
      </c>
      <c r="AP24738">
        <v>19</v>
      </c>
      <c r="AQ24738">
        <v>19</v>
      </c>
    </row>
    <row r="24739" spans="1:43">
      <c r="A24739" t="s">
        <v>15321</v>
      </c>
      <c r="B24739" t="s">
        <v>15322</v>
      </c>
      <c r="C24739" t="s">
        <v>15315</v>
      </c>
      <c r="D24739" t="s">
        <v>15316</v>
      </c>
      <c r="E24739" t="s">
        <v>15241</v>
      </c>
      <c r="F24739" t="s">
        <v>15242</v>
      </c>
      <c r="G24739" t="s">
        <v>10734</v>
      </c>
      <c r="H24739" t="s">
        <v>10735</v>
      </c>
      <c r="I24739" s="2">
        <v>1</v>
      </c>
      <c r="J24739" s="2">
        <v>0</v>
      </c>
      <c r="K24739" s="2">
        <v>0</v>
      </c>
      <c r="L24739" t="s">
        <v>120</v>
      </c>
      <c r="M24739" t="s">
        <v>87</v>
      </c>
      <c r="N24739" t="s">
        <v>88</v>
      </c>
      <c r="O24739" t="s">
        <v>85</v>
      </c>
      <c r="P24739" t="s">
        <v>86</v>
      </c>
      <c r="Q24739">
        <v>15</v>
      </c>
      <c r="R24739">
        <v>15</v>
      </c>
      <c r="S24739">
        <v>15</v>
      </c>
      <c r="T24739">
        <v>16</v>
      </c>
      <c r="U24739">
        <v>16</v>
      </c>
      <c r="V24739">
        <v>16</v>
      </c>
      <c r="W24739">
        <v>16</v>
      </c>
      <c r="X24739">
        <v>16</v>
      </c>
      <c r="Y24739">
        <v>16</v>
      </c>
      <c r="Z24739">
        <v>16</v>
      </c>
      <c r="AA24739">
        <v>16</v>
      </c>
      <c r="AB24739">
        <v>16</v>
      </c>
      <c r="AC24739">
        <v>16</v>
      </c>
      <c r="AD24739">
        <v>16</v>
      </c>
      <c r="AE24739">
        <v>16</v>
      </c>
      <c r="AF24739">
        <v>16</v>
      </c>
      <c r="AG24739">
        <v>16</v>
      </c>
      <c r="AH24739">
        <v>16</v>
      </c>
      <c r="AI24739">
        <v>16</v>
      </c>
      <c r="AJ24739">
        <v>16</v>
      </c>
      <c r="AK24739">
        <v>17</v>
      </c>
      <c r="AL24739">
        <v>17</v>
      </c>
      <c r="AM24739">
        <v>17</v>
      </c>
      <c r="AN24739">
        <v>17</v>
      </c>
      <c r="AO24739">
        <v>17</v>
      </c>
      <c r="AP24739">
        <v>17</v>
      </c>
      <c r="AQ24739">
        <v>17</v>
      </c>
    </row>
    <row r="24740" spans="1:43">
      <c r="A24740" t="s">
        <v>15321</v>
      </c>
      <c r="B24740" t="s">
        <v>15322</v>
      </c>
      <c r="C24740" t="s">
        <v>15315</v>
      </c>
      <c r="D24740" t="s">
        <v>15316</v>
      </c>
      <c r="E24740" t="s">
        <v>15241</v>
      </c>
      <c r="F24740" t="s">
        <v>15242</v>
      </c>
      <c r="G24740" t="s">
        <v>10734</v>
      </c>
      <c r="H24740" t="s">
        <v>10735</v>
      </c>
      <c r="I24740" s="2">
        <v>1</v>
      </c>
      <c r="J24740" s="2">
        <v>0</v>
      </c>
      <c r="K24740" s="2">
        <v>0</v>
      </c>
      <c r="L24740" t="s">
        <v>120</v>
      </c>
      <c r="M24740" t="s">
        <v>89</v>
      </c>
      <c r="N24740" t="s">
        <v>90</v>
      </c>
      <c r="O24740" t="s">
        <v>85</v>
      </c>
      <c r="P24740" t="s">
        <v>86</v>
      </c>
      <c r="Q24740">
        <v>15</v>
      </c>
      <c r="R24740">
        <v>15</v>
      </c>
      <c r="S24740">
        <v>15</v>
      </c>
      <c r="T24740">
        <v>16</v>
      </c>
      <c r="U24740">
        <v>16</v>
      </c>
      <c r="V24740">
        <v>16</v>
      </c>
      <c r="W24740">
        <v>17</v>
      </c>
      <c r="X24740">
        <v>17</v>
      </c>
      <c r="Y24740">
        <v>17</v>
      </c>
      <c r="Z24740">
        <v>17</v>
      </c>
      <c r="AA24740">
        <v>18</v>
      </c>
      <c r="AB24740">
        <v>18</v>
      </c>
      <c r="AC24740">
        <v>18</v>
      </c>
      <c r="AD24740">
        <v>18</v>
      </c>
      <c r="AE24740">
        <v>19</v>
      </c>
      <c r="AF24740">
        <v>19</v>
      </c>
      <c r="AG24740">
        <v>19</v>
      </c>
      <c r="AH24740">
        <v>19</v>
      </c>
      <c r="AI24740">
        <v>19</v>
      </c>
      <c r="AJ24740">
        <v>19</v>
      </c>
      <c r="AK24740">
        <v>19</v>
      </c>
      <c r="AL24740">
        <v>19</v>
      </c>
      <c r="AM24740">
        <v>19</v>
      </c>
      <c r="AN24740">
        <v>18</v>
      </c>
      <c r="AO24740">
        <v>18</v>
      </c>
      <c r="AP24740">
        <v>18</v>
      </c>
      <c r="AQ24740">
        <v>18</v>
      </c>
    </row>
    <row r="24741" spans="1:43">
      <c r="A24741" t="s">
        <v>15321</v>
      </c>
      <c r="B24741" t="s">
        <v>15322</v>
      </c>
      <c r="C24741" t="s">
        <v>15315</v>
      </c>
      <c r="D24741" t="s">
        <v>15316</v>
      </c>
      <c r="E24741" t="s">
        <v>15241</v>
      </c>
      <c r="F24741" t="s">
        <v>15242</v>
      </c>
      <c r="G24741" t="s">
        <v>10734</v>
      </c>
      <c r="H24741" t="s">
        <v>10735</v>
      </c>
      <c r="I24741" s="2">
        <v>1</v>
      </c>
      <c r="J24741" s="2">
        <v>0</v>
      </c>
      <c r="K24741" s="2">
        <v>0</v>
      </c>
      <c r="L24741" t="s">
        <v>120</v>
      </c>
      <c r="M24741" t="s">
        <v>83</v>
      </c>
      <c r="N24741" t="s">
        <v>91</v>
      </c>
      <c r="O24741" t="s">
        <v>85</v>
      </c>
      <c r="P24741" t="s">
        <v>86</v>
      </c>
      <c r="Q24741">
        <v>15</v>
      </c>
      <c r="R24741">
        <v>16</v>
      </c>
      <c r="S24741">
        <v>16</v>
      </c>
      <c r="T24741">
        <v>16</v>
      </c>
      <c r="U24741">
        <v>16</v>
      </c>
      <c r="V24741">
        <v>17</v>
      </c>
      <c r="W24741">
        <v>17</v>
      </c>
      <c r="X24741">
        <v>17</v>
      </c>
      <c r="Y24741">
        <v>17</v>
      </c>
      <c r="Z24741">
        <v>17</v>
      </c>
      <c r="AA24741">
        <v>18</v>
      </c>
      <c r="AB24741">
        <v>18</v>
      </c>
      <c r="AC24741">
        <v>18</v>
      </c>
      <c r="AD24741">
        <v>18</v>
      </c>
      <c r="AE24741">
        <v>18</v>
      </c>
      <c r="AF24741">
        <v>18</v>
      </c>
      <c r="AG24741">
        <v>19</v>
      </c>
      <c r="AH24741">
        <v>19</v>
      </c>
      <c r="AI24741">
        <v>19</v>
      </c>
      <c r="AJ24741">
        <v>19</v>
      </c>
      <c r="AK24741">
        <v>19</v>
      </c>
      <c r="AL24741">
        <v>19</v>
      </c>
      <c r="AM24741">
        <v>19</v>
      </c>
      <c r="AN24741">
        <v>19</v>
      </c>
      <c r="AO24741">
        <v>19</v>
      </c>
      <c r="AP24741">
        <v>19</v>
      </c>
      <c r="AQ24741">
        <v>19</v>
      </c>
    </row>
    <row r="24742" spans="1:43">
      <c r="A24742" t="s">
        <v>15323</v>
      </c>
      <c r="B24742" t="s">
        <v>15324</v>
      </c>
      <c r="C24742" t="s">
        <v>15315</v>
      </c>
      <c r="D24742" t="s">
        <v>15316</v>
      </c>
      <c r="E24742" t="s">
        <v>15241</v>
      </c>
      <c r="F24742" t="s">
        <v>15242</v>
      </c>
      <c r="G24742" t="s">
        <v>10734</v>
      </c>
      <c r="H24742" t="s">
        <v>10735</v>
      </c>
      <c r="I24742" s="2">
        <v>1</v>
      </c>
      <c r="J24742" s="2">
        <v>0</v>
      </c>
      <c r="K24742" s="2">
        <v>0</v>
      </c>
      <c r="L24742" t="s">
        <v>120</v>
      </c>
      <c r="M24742" t="s">
        <v>83</v>
      </c>
      <c r="N24742" t="s">
        <v>84</v>
      </c>
      <c r="O24742" t="s">
        <v>85</v>
      </c>
      <c r="P24742" t="s">
        <v>86</v>
      </c>
      <c r="Q24742">
        <v>13</v>
      </c>
      <c r="R24742">
        <v>13</v>
      </c>
      <c r="S24742">
        <v>13</v>
      </c>
      <c r="T24742">
        <v>13</v>
      </c>
      <c r="U24742">
        <v>14</v>
      </c>
      <c r="V24742">
        <v>14</v>
      </c>
      <c r="W24742">
        <v>14</v>
      </c>
      <c r="X24742">
        <v>14</v>
      </c>
      <c r="Y24742">
        <v>14</v>
      </c>
      <c r="Z24742">
        <v>15</v>
      </c>
      <c r="AA24742">
        <v>15</v>
      </c>
      <c r="AB24742">
        <v>15</v>
      </c>
      <c r="AC24742">
        <v>15</v>
      </c>
      <c r="AD24742">
        <v>15</v>
      </c>
      <c r="AE24742">
        <v>15</v>
      </c>
      <c r="AF24742">
        <v>15</v>
      </c>
      <c r="AG24742">
        <v>16</v>
      </c>
      <c r="AH24742">
        <v>16</v>
      </c>
      <c r="AI24742">
        <v>16</v>
      </c>
      <c r="AJ24742">
        <v>16</v>
      </c>
      <c r="AK24742">
        <v>16</v>
      </c>
      <c r="AL24742">
        <v>16</v>
      </c>
      <c r="AM24742">
        <v>16</v>
      </c>
      <c r="AN24742">
        <v>16</v>
      </c>
      <c r="AO24742">
        <v>16</v>
      </c>
      <c r="AP24742">
        <v>16</v>
      </c>
      <c r="AQ24742">
        <v>16</v>
      </c>
    </row>
    <row r="24743" spans="1:43">
      <c r="A24743" t="s">
        <v>15323</v>
      </c>
      <c r="B24743" t="s">
        <v>15324</v>
      </c>
      <c r="C24743" t="s">
        <v>15315</v>
      </c>
      <c r="D24743" t="s">
        <v>15316</v>
      </c>
      <c r="E24743" t="s">
        <v>15241</v>
      </c>
      <c r="F24743" t="s">
        <v>15242</v>
      </c>
      <c r="G24743" t="s">
        <v>10734</v>
      </c>
      <c r="H24743" t="s">
        <v>10735</v>
      </c>
      <c r="I24743" s="2">
        <v>1</v>
      </c>
      <c r="J24743" s="2">
        <v>0</v>
      </c>
      <c r="K24743" s="2">
        <v>0</v>
      </c>
      <c r="L24743" t="s">
        <v>120</v>
      </c>
      <c r="M24743" t="s">
        <v>87</v>
      </c>
      <c r="N24743" t="s">
        <v>88</v>
      </c>
      <c r="O24743" t="s">
        <v>85</v>
      </c>
      <c r="P24743" t="s">
        <v>86</v>
      </c>
      <c r="Q24743">
        <v>13</v>
      </c>
      <c r="R24743">
        <v>13</v>
      </c>
      <c r="S24743">
        <v>13</v>
      </c>
      <c r="T24743">
        <v>13</v>
      </c>
      <c r="U24743">
        <v>13</v>
      </c>
      <c r="V24743">
        <v>13</v>
      </c>
      <c r="W24743">
        <v>13</v>
      </c>
      <c r="X24743">
        <v>13</v>
      </c>
      <c r="Y24743">
        <v>13</v>
      </c>
      <c r="Z24743">
        <v>13</v>
      </c>
      <c r="AA24743">
        <v>13</v>
      </c>
      <c r="AB24743">
        <v>13</v>
      </c>
      <c r="AC24743">
        <v>13</v>
      </c>
      <c r="AD24743">
        <v>14</v>
      </c>
      <c r="AE24743">
        <v>14</v>
      </c>
      <c r="AF24743">
        <v>14</v>
      </c>
      <c r="AG24743">
        <v>14</v>
      </c>
      <c r="AH24743">
        <v>14</v>
      </c>
      <c r="AI24743">
        <v>14</v>
      </c>
      <c r="AJ24743">
        <v>14</v>
      </c>
      <c r="AK24743">
        <v>14</v>
      </c>
      <c r="AL24743">
        <v>14</v>
      </c>
      <c r="AM24743">
        <v>14</v>
      </c>
      <c r="AN24743">
        <v>14</v>
      </c>
      <c r="AO24743">
        <v>14</v>
      </c>
      <c r="AP24743">
        <v>14</v>
      </c>
      <c r="AQ24743">
        <v>14</v>
      </c>
    </row>
    <row r="24744" spans="1:43">
      <c r="A24744" t="s">
        <v>15323</v>
      </c>
      <c r="B24744" t="s">
        <v>15324</v>
      </c>
      <c r="C24744" t="s">
        <v>15315</v>
      </c>
      <c r="D24744" t="s">
        <v>15316</v>
      </c>
      <c r="E24744" t="s">
        <v>15241</v>
      </c>
      <c r="F24744" t="s">
        <v>15242</v>
      </c>
      <c r="G24744" t="s">
        <v>10734</v>
      </c>
      <c r="H24744" t="s">
        <v>10735</v>
      </c>
      <c r="I24744" s="2">
        <v>1</v>
      </c>
      <c r="J24744" s="2">
        <v>0</v>
      </c>
      <c r="K24744" s="2">
        <v>0</v>
      </c>
      <c r="L24744" t="s">
        <v>120</v>
      </c>
      <c r="M24744" t="s">
        <v>89</v>
      </c>
      <c r="N24744" t="s">
        <v>90</v>
      </c>
      <c r="O24744" t="s">
        <v>85</v>
      </c>
      <c r="P24744" t="s">
        <v>86</v>
      </c>
      <c r="Q24744">
        <v>13</v>
      </c>
      <c r="R24744">
        <v>13</v>
      </c>
      <c r="S24744">
        <v>14</v>
      </c>
      <c r="T24744">
        <v>14</v>
      </c>
      <c r="U24744">
        <v>14</v>
      </c>
      <c r="V24744">
        <v>14</v>
      </c>
      <c r="W24744">
        <v>15</v>
      </c>
      <c r="X24744">
        <v>15</v>
      </c>
      <c r="Y24744">
        <v>15</v>
      </c>
      <c r="Z24744">
        <v>15</v>
      </c>
      <c r="AA24744">
        <v>16</v>
      </c>
      <c r="AB24744">
        <v>16</v>
      </c>
      <c r="AC24744">
        <v>16</v>
      </c>
      <c r="AD24744">
        <v>16</v>
      </c>
      <c r="AE24744">
        <v>16</v>
      </c>
      <c r="AF24744">
        <v>16</v>
      </c>
      <c r="AG24744">
        <v>16</v>
      </c>
      <c r="AH24744">
        <v>16</v>
      </c>
      <c r="AI24744">
        <v>16</v>
      </c>
      <c r="AJ24744">
        <v>16</v>
      </c>
      <c r="AK24744">
        <v>16</v>
      </c>
      <c r="AL24744">
        <v>16</v>
      </c>
      <c r="AM24744">
        <v>16</v>
      </c>
      <c r="AN24744">
        <v>16</v>
      </c>
      <c r="AO24744">
        <v>16</v>
      </c>
      <c r="AP24744">
        <v>16</v>
      </c>
      <c r="AQ24744">
        <v>16</v>
      </c>
    </row>
    <row r="24745" spans="1:43">
      <c r="A24745" t="s">
        <v>15323</v>
      </c>
      <c r="B24745" t="s">
        <v>15324</v>
      </c>
      <c r="C24745" t="s">
        <v>15315</v>
      </c>
      <c r="D24745" t="s">
        <v>15316</v>
      </c>
      <c r="E24745" t="s">
        <v>15241</v>
      </c>
      <c r="F24745" t="s">
        <v>15242</v>
      </c>
      <c r="G24745" t="s">
        <v>10734</v>
      </c>
      <c r="H24745" t="s">
        <v>10735</v>
      </c>
      <c r="I24745" s="2">
        <v>1</v>
      </c>
      <c r="J24745" s="2">
        <v>0</v>
      </c>
      <c r="K24745" s="2">
        <v>0</v>
      </c>
      <c r="L24745" t="s">
        <v>120</v>
      </c>
      <c r="M24745" t="s">
        <v>83</v>
      </c>
      <c r="N24745" t="s">
        <v>91</v>
      </c>
      <c r="O24745" t="s">
        <v>85</v>
      </c>
      <c r="P24745" t="s">
        <v>86</v>
      </c>
      <c r="Q24745">
        <v>13</v>
      </c>
      <c r="R24745">
        <v>13</v>
      </c>
      <c r="S24745">
        <v>13</v>
      </c>
      <c r="T24745">
        <v>13</v>
      </c>
      <c r="U24745">
        <v>14</v>
      </c>
      <c r="V24745">
        <v>14</v>
      </c>
      <c r="W24745">
        <v>14</v>
      </c>
      <c r="X24745">
        <v>14</v>
      </c>
      <c r="Y24745">
        <v>14</v>
      </c>
      <c r="Z24745">
        <v>15</v>
      </c>
      <c r="AA24745">
        <v>15</v>
      </c>
      <c r="AB24745">
        <v>15</v>
      </c>
      <c r="AC24745">
        <v>15</v>
      </c>
      <c r="AD24745">
        <v>15</v>
      </c>
      <c r="AE24745">
        <v>15</v>
      </c>
      <c r="AF24745">
        <v>15</v>
      </c>
      <c r="AG24745">
        <v>16</v>
      </c>
      <c r="AH24745">
        <v>16</v>
      </c>
      <c r="AI24745">
        <v>16</v>
      </c>
      <c r="AJ24745">
        <v>16</v>
      </c>
      <c r="AK24745">
        <v>16</v>
      </c>
      <c r="AL24745">
        <v>16</v>
      </c>
      <c r="AM24745">
        <v>16</v>
      </c>
      <c r="AN24745">
        <v>16</v>
      </c>
      <c r="AO24745">
        <v>16</v>
      </c>
      <c r="AP24745">
        <v>16</v>
      </c>
      <c r="AQ24745">
        <v>16</v>
      </c>
    </row>
    <row r="24746" spans="1:43">
      <c r="A24746" t="s">
        <v>15325</v>
      </c>
      <c r="B24746" t="s">
        <v>15326</v>
      </c>
      <c r="C24746" t="s">
        <v>15247</v>
      </c>
      <c r="D24746" t="s">
        <v>15248</v>
      </c>
      <c r="E24746" t="s">
        <v>15241</v>
      </c>
      <c r="F24746" t="s">
        <v>15242</v>
      </c>
      <c r="G24746" t="s">
        <v>10734</v>
      </c>
      <c r="H24746" t="s">
        <v>10735</v>
      </c>
      <c r="I24746" s="2">
        <v>1</v>
      </c>
      <c r="J24746" s="2">
        <v>0</v>
      </c>
      <c r="K24746" s="2">
        <v>0</v>
      </c>
      <c r="L24746" t="s">
        <v>120</v>
      </c>
      <c r="M24746" t="s">
        <v>83</v>
      </c>
      <c r="N24746" t="s">
        <v>84</v>
      </c>
      <c r="O24746" t="s">
        <v>85</v>
      </c>
      <c r="P24746" t="s">
        <v>86</v>
      </c>
      <c r="Q24746">
        <v>24</v>
      </c>
      <c r="R24746">
        <v>25</v>
      </c>
      <c r="S24746">
        <v>25</v>
      </c>
      <c r="T24746">
        <v>25</v>
      </c>
      <c r="U24746">
        <v>26</v>
      </c>
      <c r="V24746">
        <v>26</v>
      </c>
      <c r="W24746">
        <v>26</v>
      </c>
      <c r="X24746">
        <v>27</v>
      </c>
      <c r="Y24746">
        <v>27</v>
      </c>
      <c r="Z24746">
        <v>27</v>
      </c>
      <c r="AA24746">
        <v>27</v>
      </c>
      <c r="AB24746">
        <v>28</v>
      </c>
      <c r="AC24746">
        <v>28</v>
      </c>
      <c r="AD24746">
        <v>28</v>
      </c>
      <c r="AE24746">
        <v>29</v>
      </c>
      <c r="AF24746">
        <v>29</v>
      </c>
      <c r="AG24746">
        <v>29</v>
      </c>
      <c r="AH24746">
        <v>30</v>
      </c>
      <c r="AI24746">
        <v>30</v>
      </c>
      <c r="AJ24746">
        <v>30</v>
      </c>
      <c r="AK24746">
        <v>30</v>
      </c>
      <c r="AL24746">
        <v>30</v>
      </c>
      <c r="AM24746">
        <v>30</v>
      </c>
      <c r="AN24746">
        <v>30</v>
      </c>
      <c r="AO24746">
        <v>30</v>
      </c>
      <c r="AP24746">
        <v>30</v>
      </c>
      <c r="AQ24746">
        <v>30</v>
      </c>
    </row>
    <row r="24747" spans="1:43">
      <c r="A24747" t="s">
        <v>15325</v>
      </c>
      <c r="B24747" t="s">
        <v>15326</v>
      </c>
      <c r="C24747" t="s">
        <v>15247</v>
      </c>
      <c r="D24747" t="s">
        <v>15248</v>
      </c>
      <c r="E24747" t="s">
        <v>15241</v>
      </c>
      <c r="F24747" t="s">
        <v>15242</v>
      </c>
      <c r="G24747" t="s">
        <v>10734</v>
      </c>
      <c r="H24747" t="s">
        <v>10735</v>
      </c>
      <c r="I24747" s="2">
        <v>1</v>
      </c>
      <c r="J24747" s="2">
        <v>0</v>
      </c>
      <c r="K24747" s="2">
        <v>0</v>
      </c>
      <c r="L24747" t="s">
        <v>120</v>
      </c>
      <c r="M24747" t="s">
        <v>87</v>
      </c>
      <c r="N24747" t="s">
        <v>88</v>
      </c>
      <c r="O24747" t="s">
        <v>85</v>
      </c>
      <c r="P24747" t="s">
        <v>86</v>
      </c>
      <c r="Q24747">
        <v>24</v>
      </c>
      <c r="R24747">
        <v>24</v>
      </c>
      <c r="S24747">
        <v>24</v>
      </c>
      <c r="T24747">
        <v>24</v>
      </c>
      <c r="U24747">
        <v>24</v>
      </c>
      <c r="V24747">
        <v>25</v>
      </c>
      <c r="W24747">
        <v>25</v>
      </c>
      <c r="X24747">
        <v>25</v>
      </c>
      <c r="Y24747">
        <v>25</v>
      </c>
      <c r="Z24747">
        <v>25</v>
      </c>
      <c r="AA24747">
        <v>25</v>
      </c>
      <c r="AB24747">
        <v>25</v>
      </c>
      <c r="AC24747">
        <v>25</v>
      </c>
      <c r="AD24747">
        <v>25</v>
      </c>
      <c r="AE24747">
        <v>25</v>
      </c>
      <c r="AF24747">
        <v>26</v>
      </c>
      <c r="AG24747">
        <v>26</v>
      </c>
      <c r="AH24747">
        <v>26</v>
      </c>
      <c r="AI24747">
        <v>26</v>
      </c>
      <c r="AJ24747">
        <v>26</v>
      </c>
      <c r="AK24747">
        <v>26</v>
      </c>
      <c r="AL24747">
        <v>26</v>
      </c>
      <c r="AM24747">
        <v>26</v>
      </c>
      <c r="AN24747">
        <v>26</v>
      </c>
      <c r="AO24747">
        <v>26</v>
      </c>
      <c r="AP24747">
        <v>26</v>
      </c>
      <c r="AQ24747">
        <v>26</v>
      </c>
    </row>
    <row r="24748" spans="1:43">
      <c r="A24748" t="s">
        <v>15325</v>
      </c>
      <c r="B24748" t="s">
        <v>15326</v>
      </c>
      <c r="C24748" t="s">
        <v>15247</v>
      </c>
      <c r="D24748" t="s">
        <v>15248</v>
      </c>
      <c r="E24748" t="s">
        <v>15241</v>
      </c>
      <c r="F24748" t="s">
        <v>15242</v>
      </c>
      <c r="G24748" t="s">
        <v>10734</v>
      </c>
      <c r="H24748" t="s">
        <v>10735</v>
      </c>
      <c r="I24748" s="2">
        <v>1</v>
      </c>
      <c r="J24748" s="2">
        <v>0</v>
      </c>
      <c r="K24748" s="2">
        <v>0</v>
      </c>
      <c r="L24748" t="s">
        <v>120</v>
      </c>
      <c r="M24748" t="s">
        <v>89</v>
      </c>
      <c r="N24748" t="s">
        <v>90</v>
      </c>
      <c r="O24748" t="s">
        <v>85</v>
      </c>
      <c r="P24748" t="s">
        <v>86</v>
      </c>
      <c r="Q24748">
        <v>24</v>
      </c>
      <c r="R24748">
        <v>25</v>
      </c>
      <c r="S24748">
        <v>26</v>
      </c>
      <c r="T24748">
        <v>26</v>
      </c>
      <c r="U24748">
        <v>27</v>
      </c>
      <c r="V24748">
        <v>27</v>
      </c>
      <c r="W24748">
        <v>28</v>
      </c>
      <c r="X24748">
        <v>28</v>
      </c>
      <c r="Y24748">
        <v>28</v>
      </c>
      <c r="Z24748">
        <v>29</v>
      </c>
      <c r="AA24748">
        <v>29</v>
      </c>
      <c r="AB24748">
        <v>30</v>
      </c>
      <c r="AC24748">
        <v>30</v>
      </c>
      <c r="AD24748">
        <v>30</v>
      </c>
      <c r="AE24748">
        <v>31</v>
      </c>
      <c r="AF24748">
        <v>31</v>
      </c>
      <c r="AG24748">
        <v>31</v>
      </c>
      <c r="AH24748">
        <v>31</v>
      </c>
      <c r="AI24748">
        <v>31</v>
      </c>
      <c r="AJ24748">
        <v>31</v>
      </c>
      <c r="AK24748">
        <v>31</v>
      </c>
      <c r="AL24748">
        <v>31</v>
      </c>
      <c r="AM24748">
        <v>31</v>
      </c>
      <c r="AN24748">
        <v>31</v>
      </c>
      <c r="AO24748">
        <v>31</v>
      </c>
      <c r="AP24748">
        <v>31</v>
      </c>
      <c r="AQ24748">
        <v>31</v>
      </c>
    </row>
    <row r="24749" spans="1:43">
      <c r="A24749" t="s">
        <v>15325</v>
      </c>
      <c r="B24749" t="s">
        <v>15326</v>
      </c>
      <c r="C24749" t="s">
        <v>15247</v>
      </c>
      <c r="D24749" t="s">
        <v>15248</v>
      </c>
      <c r="E24749" t="s">
        <v>15241</v>
      </c>
      <c r="F24749" t="s">
        <v>15242</v>
      </c>
      <c r="G24749" t="s">
        <v>10734</v>
      </c>
      <c r="H24749" t="s">
        <v>10735</v>
      </c>
      <c r="I24749" s="2">
        <v>1</v>
      </c>
      <c r="J24749" s="2">
        <v>0</v>
      </c>
      <c r="K24749" s="2">
        <v>0</v>
      </c>
      <c r="L24749" t="s">
        <v>120</v>
      </c>
      <c r="M24749" t="s">
        <v>83</v>
      </c>
      <c r="N24749" t="s">
        <v>91</v>
      </c>
      <c r="O24749" t="s">
        <v>85</v>
      </c>
      <c r="P24749" t="s">
        <v>86</v>
      </c>
      <c r="Q24749">
        <v>24</v>
      </c>
      <c r="R24749">
        <v>25</v>
      </c>
      <c r="S24749">
        <v>25</v>
      </c>
      <c r="T24749">
        <v>25</v>
      </c>
      <c r="U24749">
        <v>26</v>
      </c>
      <c r="V24749">
        <v>26</v>
      </c>
      <c r="W24749">
        <v>26</v>
      </c>
      <c r="X24749">
        <v>27</v>
      </c>
      <c r="Y24749">
        <v>27</v>
      </c>
      <c r="Z24749">
        <v>27</v>
      </c>
      <c r="AA24749">
        <v>27</v>
      </c>
      <c r="AB24749">
        <v>28</v>
      </c>
      <c r="AC24749">
        <v>28</v>
      </c>
      <c r="AD24749">
        <v>28</v>
      </c>
      <c r="AE24749">
        <v>29</v>
      </c>
      <c r="AF24749">
        <v>29</v>
      </c>
      <c r="AG24749">
        <v>29</v>
      </c>
      <c r="AH24749">
        <v>30</v>
      </c>
      <c r="AI24749">
        <v>30</v>
      </c>
      <c r="AJ24749">
        <v>30</v>
      </c>
      <c r="AK24749">
        <v>30</v>
      </c>
      <c r="AL24749">
        <v>30</v>
      </c>
      <c r="AM24749">
        <v>30</v>
      </c>
      <c r="AN24749">
        <v>30</v>
      </c>
      <c r="AO24749">
        <v>30</v>
      </c>
      <c r="AP24749">
        <v>30</v>
      </c>
      <c r="AQ24749">
        <v>30</v>
      </c>
    </row>
    <row r="24750" spans="1:43">
      <c r="A24750" t="s">
        <v>15327</v>
      </c>
      <c r="B24750" t="s">
        <v>15328</v>
      </c>
      <c r="C24750" t="s">
        <v>15239</v>
      </c>
      <c r="D24750" t="s">
        <v>15240</v>
      </c>
      <c r="E24750" t="s">
        <v>15241</v>
      </c>
      <c r="F24750" t="s">
        <v>15242</v>
      </c>
      <c r="G24750" t="s">
        <v>10734</v>
      </c>
      <c r="H24750" t="s">
        <v>10735</v>
      </c>
      <c r="I24750" s="2">
        <v>1</v>
      </c>
      <c r="J24750" s="2">
        <v>0</v>
      </c>
      <c r="K24750" s="2">
        <v>0</v>
      </c>
      <c r="L24750" t="s">
        <v>120</v>
      </c>
      <c r="M24750" t="s">
        <v>83</v>
      </c>
      <c r="N24750" t="s">
        <v>84</v>
      </c>
      <c r="O24750" t="s">
        <v>85</v>
      </c>
      <c r="P24750" t="s">
        <v>86</v>
      </c>
      <c r="Q24750">
        <v>34</v>
      </c>
      <c r="R24750">
        <v>35</v>
      </c>
      <c r="S24750">
        <v>35</v>
      </c>
      <c r="T24750">
        <v>36</v>
      </c>
      <c r="U24750">
        <v>36</v>
      </c>
      <c r="V24750">
        <v>37</v>
      </c>
      <c r="W24750">
        <v>37</v>
      </c>
      <c r="X24750">
        <v>38</v>
      </c>
      <c r="Y24750">
        <v>38</v>
      </c>
      <c r="Z24750">
        <v>38</v>
      </c>
      <c r="AA24750">
        <v>39</v>
      </c>
      <c r="AB24750">
        <v>39</v>
      </c>
      <c r="AC24750">
        <v>40</v>
      </c>
      <c r="AD24750">
        <v>40</v>
      </c>
      <c r="AE24750">
        <v>41</v>
      </c>
      <c r="AF24750">
        <v>41</v>
      </c>
      <c r="AG24750">
        <v>41</v>
      </c>
      <c r="AH24750">
        <v>42</v>
      </c>
      <c r="AI24750">
        <v>42</v>
      </c>
      <c r="AJ24750">
        <v>43</v>
      </c>
      <c r="AK24750">
        <v>43</v>
      </c>
      <c r="AL24750">
        <v>43</v>
      </c>
      <c r="AM24750">
        <v>43</v>
      </c>
      <c r="AN24750">
        <v>43</v>
      </c>
      <c r="AO24750">
        <v>43</v>
      </c>
      <c r="AP24750">
        <v>43</v>
      </c>
      <c r="AQ24750">
        <v>43</v>
      </c>
    </row>
    <row r="24751" spans="1:43">
      <c r="A24751" t="s">
        <v>15327</v>
      </c>
      <c r="B24751" t="s">
        <v>15328</v>
      </c>
      <c r="C24751" t="s">
        <v>15239</v>
      </c>
      <c r="D24751" t="s">
        <v>15240</v>
      </c>
      <c r="E24751" t="s">
        <v>15241</v>
      </c>
      <c r="F24751" t="s">
        <v>15242</v>
      </c>
      <c r="G24751" t="s">
        <v>10734</v>
      </c>
      <c r="H24751" t="s">
        <v>10735</v>
      </c>
      <c r="I24751" s="2">
        <v>1</v>
      </c>
      <c r="J24751" s="2">
        <v>0</v>
      </c>
      <c r="K24751" s="2">
        <v>0</v>
      </c>
      <c r="L24751" t="s">
        <v>120</v>
      </c>
      <c r="M24751" t="s">
        <v>87</v>
      </c>
      <c r="N24751" t="s">
        <v>88</v>
      </c>
      <c r="O24751" t="s">
        <v>85</v>
      </c>
      <c r="P24751" t="s">
        <v>86</v>
      </c>
      <c r="Q24751">
        <v>34</v>
      </c>
      <c r="R24751">
        <v>34</v>
      </c>
      <c r="S24751">
        <v>34</v>
      </c>
      <c r="T24751">
        <v>34</v>
      </c>
      <c r="U24751">
        <v>35</v>
      </c>
      <c r="V24751">
        <v>35</v>
      </c>
      <c r="W24751">
        <v>35</v>
      </c>
      <c r="X24751">
        <v>35</v>
      </c>
      <c r="Y24751">
        <v>35</v>
      </c>
      <c r="Z24751">
        <v>35</v>
      </c>
      <c r="AA24751">
        <v>35</v>
      </c>
      <c r="AB24751">
        <v>36</v>
      </c>
      <c r="AC24751">
        <v>36</v>
      </c>
      <c r="AD24751">
        <v>36</v>
      </c>
      <c r="AE24751">
        <v>36</v>
      </c>
      <c r="AF24751">
        <v>36</v>
      </c>
      <c r="AG24751">
        <v>36</v>
      </c>
      <c r="AH24751">
        <v>36</v>
      </c>
      <c r="AI24751">
        <v>36</v>
      </c>
      <c r="AJ24751">
        <v>37</v>
      </c>
      <c r="AK24751">
        <v>37</v>
      </c>
      <c r="AL24751">
        <v>37</v>
      </c>
      <c r="AM24751">
        <v>37</v>
      </c>
      <c r="AN24751">
        <v>37</v>
      </c>
      <c r="AO24751">
        <v>37</v>
      </c>
      <c r="AP24751">
        <v>37</v>
      </c>
      <c r="AQ24751">
        <v>37</v>
      </c>
    </row>
    <row r="24752" spans="1:43">
      <c r="A24752" t="s">
        <v>15327</v>
      </c>
      <c r="B24752" t="s">
        <v>15328</v>
      </c>
      <c r="C24752" t="s">
        <v>15239</v>
      </c>
      <c r="D24752" t="s">
        <v>15240</v>
      </c>
      <c r="E24752" t="s">
        <v>15241</v>
      </c>
      <c r="F24752" t="s">
        <v>15242</v>
      </c>
      <c r="G24752" t="s">
        <v>10734</v>
      </c>
      <c r="H24752" t="s">
        <v>10735</v>
      </c>
      <c r="I24752" s="2">
        <v>1</v>
      </c>
      <c r="J24752" s="2">
        <v>0</v>
      </c>
      <c r="K24752" s="2">
        <v>0</v>
      </c>
      <c r="L24752" t="s">
        <v>120</v>
      </c>
      <c r="M24752" t="s">
        <v>89</v>
      </c>
      <c r="N24752" t="s">
        <v>90</v>
      </c>
      <c r="O24752" t="s">
        <v>85</v>
      </c>
      <c r="P24752" t="s">
        <v>86</v>
      </c>
      <c r="Q24752">
        <v>34</v>
      </c>
      <c r="R24752">
        <v>34</v>
      </c>
      <c r="S24752">
        <v>35</v>
      </c>
      <c r="T24752">
        <v>36</v>
      </c>
      <c r="U24752">
        <v>37</v>
      </c>
      <c r="V24752">
        <v>37</v>
      </c>
      <c r="W24752">
        <v>38</v>
      </c>
      <c r="X24752">
        <v>39</v>
      </c>
      <c r="Y24752">
        <v>39</v>
      </c>
      <c r="Z24752">
        <v>40</v>
      </c>
      <c r="AA24752">
        <v>40</v>
      </c>
      <c r="AB24752">
        <v>41</v>
      </c>
      <c r="AC24752">
        <v>42</v>
      </c>
      <c r="AD24752">
        <v>42</v>
      </c>
      <c r="AE24752">
        <v>42</v>
      </c>
      <c r="AF24752">
        <v>42</v>
      </c>
      <c r="AG24752">
        <v>42</v>
      </c>
      <c r="AH24752">
        <v>42</v>
      </c>
      <c r="AI24752">
        <v>43</v>
      </c>
      <c r="AJ24752">
        <v>43</v>
      </c>
      <c r="AK24752">
        <v>42</v>
      </c>
      <c r="AL24752">
        <v>42</v>
      </c>
      <c r="AM24752">
        <v>42</v>
      </c>
      <c r="AN24752">
        <v>42</v>
      </c>
      <c r="AO24752">
        <v>42</v>
      </c>
      <c r="AP24752">
        <v>42</v>
      </c>
      <c r="AQ24752">
        <v>42</v>
      </c>
    </row>
    <row r="24753" spans="1:43">
      <c r="A24753" t="s">
        <v>15327</v>
      </c>
      <c r="B24753" t="s">
        <v>15328</v>
      </c>
      <c r="C24753" t="s">
        <v>15239</v>
      </c>
      <c r="D24753" t="s">
        <v>15240</v>
      </c>
      <c r="E24753" t="s">
        <v>15241</v>
      </c>
      <c r="F24753" t="s">
        <v>15242</v>
      </c>
      <c r="G24753" t="s">
        <v>10734</v>
      </c>
      <c r="H24753" t="s">
        <v>10735</v>
      </c>
      <c r="I24753" s="2">
        <v>1</v>
      </c>
      <c r="J24753" s="2">
        <v>0</v>
      </c>
      <c r="K24753" s="2">
        <v>0</v>
      </c>
      <c r="L24753" t="s">
        <v>120</v>
      </c>
      <c r="M24753" t="s">
        <v>83</v>
      </c>
      <c r="N24753" t="s">
        <v>91</v>
      </c>
      <c r="O24753" t="s">
        <v>85</v>
      </c>
      <c r="P24753" t="s">
        <v>86</v>
      </c>
      <c r="Q24753">
        <v>34</v>
      </c>
      <c r="R24753">
        <v>35</v>
      </c>
      <c r="S24753">
        <v>35</v>
      </c>
      <c r="T24753">
        <v>36</v>
      </c>
      <c r="U24753">
        <v>36</v>
      </c>
      <c r="V24753">
        <v>37</v>
      </c>
      <c r="W24753">
        <v>37</v>
      </c>
      <c r="X24753">
        <v>38</v>
      </c>
      <c r="Y24753">
        <v>38</v>
      </c>
      <c r="Z24753">
        <v>38</v>
      </c>
      <c r="AA24753">
        <v>39</v>
      </c>
      <c r="AB24753">
        <v>39</v>
      </c>
      <c r="AC24753">
        <v>40</v>
      </c>
      <c r="AD24753">
        <v>40</v>
      </c>
      <c r="AE24753">
        <v>41</v>
      </c>
      <c r="AF24753">
        <v>41</v>
      </c>
      <c r="AG24753">
        <v>41</v>
      </c>
      <c r="AH24753">
        <v>42</v>
      </c>
      <c r="AI24753">
        <v>42</v>
      </c>
      <c r="AJ24753">
        <v>43</v>
      </c>
      <c r="AK24753">
        <v>43</v>
      </c>
      <c r="AL24753">
        <v>43</v>
      </c>
      <c r="AM24753">
        <v>43</v>
      </c>
      <c r="AN24753">
        <v>43</v>
      </c>
      <c r="AO24753">
        <v>43</v>
      </c>
      <c r="AP24753">
        <v>43</v>
      </c>
      <c r="AQ24753">
        <v>43</v>
      </c>
    </row>
    <row r="24754" spans="1:43">
      <c r="A24754" t="s">
        <v>15329</v>
      </c>
      <c r="B24754" t="s">
        <v>15330</v>
      </c>
      <c r="C24754" t="s">
        <v>15239</v>
      </c>
      <c r="D24754" t="s">
        <v>15240</v>
      </c>
      <c r="E24754" t="s">
        <v>15241</v>
      </c>
      <c r="F24754" t="s">
        <v>15242</v>
      </c>
      <c r="G24754" t="s">
        <v>10734</v>
      </c>
      <c r="H24754" t="s">
        <v>10735</v>
      </c>
      <c r="I24754" s="2">
        <v>1</v>
      </c>
      <c r="J24754" s="2">
        <v>0</v>
      </c>
      <c r="K24754" s="2">
        <v>0</v>
      </c>
      <c r="L24754" t="s">
        <v>120</v>
      </c>
      <c r="M24754" t="s">
        <v>83</v>
      </c>
      <c r="N24754" t="s">
        <v>84</v>
      </c>
      <c r="O24754" t="s">
        <v>85</v>
      </c>
      <c r="P24754" t="s">
        <v>86</v>
      </c>
      <c r="Q24754">
        <v>36</v>
      </c>
      <c r="R24754">
        <v>37</v>
      </c>
      <c r="S24754">
        <v>37</v>
      </c>
      <c r="T24754">
        <v>38</v>
      </c>
      <c r="U24754">
        <v>38</v>
      </c>
      <c r="V24754">
        <v>39</v>
      </c>
      <c r="W24754">
        <v>39</v>
      </c>
      <c r="X24754">
        <v>40</v>
      </c>
      <c r="Y24754">
        <v>40</v>
      </c>
      <c r="Z24754">
        <v>41</v>
      </c>
      <c r="AA24754">
        <v>41</v>
      </c>
      <c r="AB24754">
        <v>41</v>
      </c>
      <c r="AC24754">
        <v>42</v>
      </c>
      <c r="AD24754">
        <v>42</v>
      </c>
      <c r="AE24754">
        <v>43</v>
      </c>
      <c r="AF24754">
        <v>43</v>
      </c>
      <c r="AG24754">
        <v>44</v>
      </c>
      <c r="AH24754">
        <v>44</v>
      </c>
      <c r="AI24754">
        <v>44</v>
      </c>
      <c r="AJ24754">
        <v>45</v>
      </c>
      <c r="AK24754">
        <v>45</v>
      </c>
      <c r="AL24754">
        <v>45</v>
      </c>
      <c r="AM24754">
        <v>45</v>
      </c>
      <c r="AN24754">
        <v>45</v>
      </c>
      <c r="AO24754">
        <v>45</v>
      </c>
      <c r="AP24754">
        <v>45</v>
      </c>
      <c r="AQ24754">
        <v>45</v>
      </c>
    </row>
    <row r="24755" spans="1:43">
      <c r="A24755" t="s">
        <v>15329</v>
      </c>
      <c r="B24755" t="s">
        <v>15330</v>
      </c>
      <c r="C24755" t="s">
        <v>15239</v>
      </c>
      <c r="D24755" t="s">
        <v>15240</v>
      </c>
      <c r="E24755" t="s">
        <v>15241</v>
      </c>
      <c r="F24755" t="s">
        <v>15242</v>
      </c>
      <c r="G24755" t="s">
        <v>10734</v>
      </c>
      <c r="H24755" t="s">
        <v>10735</v>
      </c>
      <c r="I24755" s="2">
        <v>1</v>
      </c>
      <c r="J24755" s="2">
        <v>0</v>
      </c>
      <c r="K24755" s="2">
        <v>0</v>
      </c>
      <c r="L24755" t="s">
        <v>120</v>
      </c>
      <c r="M24755" t="s">
        <v>87</v>
      </c>
      <c r="N24755" t="s">
        <v>88</v>
      </c>
      <c r="O24755" t="s">
        <v>85</v>
      </c>
      <c r="P24755" t="s">
        <v>86</v>
      </c>
      <c r="Q24755">
        <v>36</v>
      </c>
      <c r="R24755">
        <v>36</v>
      </c>
      <c r="S24755">
        <v>36</v>
      </c>
      <c r="T24755">
        <v>36</v>
      </c>
      <c r="U24755">
        <v>36</v>
      </c>
      <c r="V24755">
        <v>37</v>
      </c>
      <c r="W24755">
        <v>37</v>
      </c>
      <c r="X24755">
        <v>37</v>
      </c>
      <c r="Y24755">
        <v>37</v>
      </c>
      <c r="Z24755">
        <v>37</v>
      </c>
      <c r="AA24755">
        <v>37</v>
      </c>
      <c r="AB24755">
        <v>38</v>
      </c>
      <c r="AC24755">
        <v>38</v>
      </c>
      <c r="AD24755">
        <v>38</v>
      </c>
      <c r="AE24755">
        <v>38</v>
      </c>
      <c r="AF24755">
        <v>38</v>
      </c>
      <c r="AG24755">
        <v>38</v>
      </c>
      <c r="AH24755">
        <v>38</v>
      </c>
      <c r="AI24755">
        <v>38</v>
      </c>
      <c r="AJ24755">
        <v>39</v>
      </c>
      <c r="AK24755">
        <v>39</v>
      </c>
      <c r="AL24755">
        <v>39</v>
      </c>
      <c r="AM24755">
        <v>39</v>
      </c>
      <c r="AN24755">
        <v>39</v>
      </c>
      <c r="AO24755">
        <v>39</v>
      </c>
      <c r="AP24755">
        <v>39</v>
      </c>
      <c r="AQ24755">
        <v>39</v>
      </c>
    </row>
    <row r="24756" spans="1:43">
      <c r="A24756" t="s">
        <v>15329</v>
      </c>
      <c r="B24756" t="s">
        <v>15330</v>
      </c>
      <c r="C24756" t="s">
        <v>15239</v>
      </c>
      <c r="D24756" t="s">
        <v>15240</v>
      </c>
      <c r="E24756" t="s">
        <v>15241</v>
      </c>
      <c r="F24756" t="s">
        <v>15242</v>
      </c>
      <c r="G24756" t="s">
        <v>10734</v>
      </c>
      <c r="H24756" t="s">
        <v>10735</v>
      </c>
      <c r="I24756" s="2">
        <v>1</v>
      </c>
      <c r="J24756" s="2">
        <v>0</v>
      </c>
      <c r="K24756" s="2">
        <v>0</v>
      </c>
      <c r="L24756" t="s">
        <v>120</v>
      </c>
      <c r="M24756" t="s">
        <v>89</v>
      </c>
      <c r="N24756" t="s">
        <v>90</v>
      </c>
      <c r="O24756" t="s">
        <v>85</v>
      </c>
      <c r="P24756" t="s">
        <v>86</v>
      </c>
      <c r="Q24756">
        <v>36</v>
      </c>
      <c r="R24756">
        <v>36</v>
      </c>
      <c r="S24756">
        <v>37</v>
      </c>
      <c r="T24756">
        <v>38</v>
      </c>
      <c r="U24756">
        <v>39</v>
      </c>
      <c r="V24756">
        <v>39</v>
      </c>
      <c r="W24756">
        <v>40</v>
      </c>
      <c r="X24756">
        <v>41</v>
      </c>
      <c r="Y24756">
        <v>41</v>
      </c>
      <c r="Z24756">
        <v>42</v>
      </c>
      <c r="AA24756">
        <v>43</v>
      </c>
      <c r="AB24756">
        <v>43</v>
      </c>
      <c r="AC24756">
        <v>44</v>
      </c>
      <c r="AD24756">
        <v>44</v>
      </c>
      <c r="AE24756">
        <v>45</v>
      </c>
      <c r="AF24756">
        <v>45</v>
      </c>
      <c r="AG24756">
        <v>45</v>
      </c>
      <c r="AH24756">
        <v>45</v>
      </c>
      <c r="AI24756">
        <v>45</v>
      </c>
      <c r="AJ24756">
        <v>45</v>
      </c>
      <c r="AK24756">
        <v>45</v>
      </c>
      <c r="AL24756">
        <v>45</v>
      </c>
      <c r="AM24756">
        <v>45</v>
      </c>
      <c r="AN24756">
        <v>45</v>
      </c>
      <c r="AO24756">
        <v>45</v>
      </c>
      <c r="AP24756">
        <v>45</v>
      </c>
      <c r="AQ24756">
        <v>45</v>
      </c>
    </row>
    <row r="24757" spans="1:43">
      <c r="A24757" t="s">
        <v>15329</v>
      </c>
      <c r="B24757" t="s">
        <v>15330</v>
      </c>
      <c r="C24757" t="s">
        <v>15239</v>
      </c>
      <c r="D24757" t="s">
        <v>15240</v>
      </c>
      <c r="E24757" t="s">
        <v>15241</v>
      </c>
      <c r="F24757" t="s">
        <v>15242</v>
      </c>
      <c r="G24757" t="s">
        <v>10734</v>
      </c>
      <c r="H24757" t="s">
        <v>10735</v>
      </c>
      <c r="I24757" s="2">
        <v>1</v>
      </c>
      <c r="J24757" s="2">
        <v>0</v>
      </c>
      <c r="K24757" s="2">
        <v>0</v>
      </c>
      <c r="L24757" t="s">
        <v>120</v>
      </c>
      <c r="M24757" t="s">
        <v>83</v>
      </c>
      <c r="N24757" t="s">
        <v>91</v>
      </c>
      <c r="O24757" t="s">
        <v>85</v>
      </c>
      <c r="P24757" t="s">
        <v>86</v>
      </c>
      <c r="Q24757">
        <v>36</v>
      </c>
      <c r="R24757">
        <v>37</v>
      </c>
      <c r="S24757">
        <v>37</v>
      </c>
      <c r="T24757">
        <v>38</v>
      </c>
      <c r="U24757">
        <v>38</v>
      </c>
      <c r="V24757">
        <v>39</v>
      </c>
      <c r="W24757">
        <v>39</v>
      </c>
      <c r="X24757">
        <v>40</v>
      </c>
      <c r="Y24757">
        <v>40</v>
      </c>
      <c r="Z24757">
        <v>41</v>
      </c>
      <c r="AA24757">
        <v>41</v>
      </c>
      <c r="AB24757">
        <v>41</v>
      </c>
      <c r="AC24757">
        <v>42</v>
      </c>
      <c r="AD24757">
        <v>42</v>
      </c>
      <c r="AE24757">
        <v>43</v>
      </c>
      <c r="AF24757">
        <v>43</v>
      </c>
      <c r="AG24757">
        <v>44</v>
      </c>
      <c r="AH24757">
        <v>44</v>
      </c>
      <c r="AI24757">
        <v>44</v>
      </c>
      <c r="AJ24757">
        <v>45</v>
      </c>
      <c r="AK24757">
        <v>45</v>
      </c>
      <c r="AL24757">
        <v>45</v>
      </c>
      <c r="AM24757">
        <v>45</v>
      </c>
      <c r="AN24757">
        <v>45</v>
      </c>
      <c r="AO24757">
        <v>45</v>
      </c>
      <c r="AP24757">
        <v>45</v>
      </c>
      <c r="AQ24757">
        <v>45</v>
      </c>
    </row>
    <row r="24758" spans="1:43">
      <c r="A24758" t="s">
        <v>15331</v>
      </c>
      <c r="B24758" t="s">
        <v>15332</v>
      </c>
      <c r="C24758" t="s">
        <v>15277</v>
      </c>
      <c r="D24758" t="s">
        <v>15278</v>
      </c>
      <c r="E24758" t="s">
        <v>15241</v>
      </c>
      <c r="F24758" t="s">
        <v>15242</v>
      </c>
      <c r="G24758" t="s">
        <v>10734</v>
      </c>
      <c r="H24758" t="s">
        <v>10735</v>
      </c>
      <c r="I24758" s="2">
        <v>1</v>
      </c>
      <c r="J24758" s="2">
        <v>0</v>
      </c>
      <c r="K24758" s="2">
        <v>0</v>
      </c>
      <c r="L24758" t="s">
        <v>120</v>
      </c>
      <c r="M24758" t="s">
        <v>83</v>
      </c>
      <c r="N24758" t="s">
        <v>84</v>
      </c>
      <c r="O24758" t="s">
        <v>85</v>
      </c>
      <c r="P24758" t="s">
        <v>86</v>
      </c>
      <c r="Q24758">
        <v>28</v>
      </c>
      <c r="R24758">
        <v>28</v>
      </c>
      <c r="S24758">
        <v>29</v>
      </c>
      <c r="T24758">
        <v>29</v>
      </c>
      <c r="U24758">
        <v>29</v>
      </c>
      <c r="V24758">
        <v>30</v>
      </c>
      <c r="W24758">
        <v>30</v>
      </c>
      <c r="X24758">
        <v>30</v>
      </c>
      <c r="Y24758">
        <v>31</v>
      </c>
      <c r="Z24758">
        <v>31</v>
      </c>
      <c r="AA24758">
        <v>31</v>
      </c>
      <c r="AB24758">
        <v>32</v>
      </c>
      <c r="AC24758">
        <v>32</v>
      </c>
      <c r="AD24758">
        <v>32</v>
      </c>
      <c r="AE24758">
        <v>33</v>
      </c>
      <c r="AF24758">
        <v>33</v>
      </c>
      <c r="AG24758">
        <v>33</v>
      </c>
      <c r="AH24758">
        <v>34</v>
      </c>
      <c r="AI24758">
        <v>34</v>
      </c>
      <c r="AJ24758">
        <v>34</v>
      </c>
      <c r="AK24758">
        <v>35</v>
      </c>
      <c r="AL24758">
        <v>35</v>
      </c>
      <c r="AM24758">
        <v>35</v>
      </c>
      <c r="AN24758">
        <v>35</v>
      </c>
      <c r="AO24758">
        <v>35</v>
      </c>
      <c r="AP24758">
        <v>35</v>
      </c>
      <c r="AQ24758">
        <v>35</v>
      </c>
    </row>
    <row r="24759" spans="1:43">
      <c r="A24759" t="s">
        <v>15331</v>
      </c>
      <c r="B24759" t="s">
        <v>15332</v>
      </c>
      <c r="C24759" t="s">
        <v>15277</v>
      </c>
      <c r="D24759" t="s">
        <v>15278</v>
      </c>
      <c r="E24759" t="s">
        <v>15241</v>
      </c>
      <c r="F24759" t="s">
        <v>15242</v>
      </c>
      <c r="G24759" t="s">
        <v>10734</v>
      </c>
      <c r="H24759" t="s">
        <v>10735</v>
      </c>
      <c r="I24759" s="2">
        <v>1</v>
      </c>
      <c r="J24759" s="2">
        <v>0</v>
      </c>
      <c r="K24759" s="2">
        <v>0</v>
      </c>
      <c r="L24759" t="s">
        <v>120</v>
      </c>
      <c r="M24759" t="s">
        <v>87</v>
      </c>
      <c r="N24759" t="s">
        <v>88</v>
      </c>
      <c r="O24759" t="s">
        <v>85</v>
      </c>
      <c r="P24759" t="s">
        <v>86</v>
      </c>
      <c r="Q24759">
        <v>28</v>
      </c>
      <c r="R24759">
        <v>29</v>
      </c>
      <c r="S24759">
        <v>29</v>
      </c>
      <c r="T24759">
        <v>29</v>
      </c>
      <c r="U24759">
        <v>29</v>
      </c>
      <c r="V24759">
        <v>29</v>
      </c>
      <c r="W24759">
        <v>29</v>
      </c>
      <c r="X24759">
        <v>29</v>
      </c>
      <c r="Y24759">
        <v>29</v>
      </c>
      <c r="Z24759">
        <v>30</v>
      </c>
      <c r="AA24759">
        <v>30</v>
      </c>
      <c r="AB24759">
        <v>30</v>
      </c>
      <c r="AC24759">
        <v>30</v>
      </c>
      <c r="AD24759">
        <v>30</v>
      </c>
      <c r="AE24759">
        <v>30</v>
      </c>
      <c r="AF24759">
        <v>30</v>
      </c>
      <c r="AG24759">
        <v>30</v>
      </c>
      <c r="AH24759">
        <v>30</v>
      </c>
      <c r="AI24759">
        <v>31</v>
      </c>
      <c r="AJ24759">
        <v>31</v>
      </c>
      <c r="AK24759">
        <v>31</v>
      </c>
      <c r="AL24759">
        <v>31</v>
      </c>
      <c r="AM24759">
        <v>31</v>
      </c>
      <c r="AN24759">
        <v>31</v>
      </c>
      <c r="AO24759">
        <v>31</v>
      </c>
      <c r="AP24759">
        <v>31</v>
      </c>
      <c r="AQ24759">
        <v>31</v>
      </c>
    </row>
    <row r="24760" spans="1:43">
      <c r="A24760" t="s">
        <v>15331</v>
      </c>
      <c r="B24760" t="s">
        <v>15332</v>
      </c>
      <c r="C24760" t="s">
        <v>15277</v>
      </c>
      <c r="D24760" t="s">
        <v>15278</v>
      </c>
      <c r="E24760" t="s">
        <v>15241</v>
      </c>
      <c r="F24760" t="s">
        <v>15242</v>
      </c>
      <c r="G24760" t="s">
        <v>10734</v>
      </c>
      <c r="H24760" t="s">
        <v>10735</v>
      </c>
      <c r="I24760" s="2">
        <v>1</v>
      </c>
      <c r="J24760" s="2">
        <v>0</v>
      </c>
      <c r="K24760" s="2">
        <v>0</v>
      </c>
      <c r="L24760" t="s">
        <v>120</v>
      </c>
      <c r="M24760" t="s">
        <v>89</v>
      </c>
      <c r="N24760" t="s">
        <v>90</v>
      </c>
      <c r="O24760" t="s">
        <v>85</v>
      </c>
      <c r="P24760" t="s">
        <v>86</v>
      </c>
      <c r="Q24760">
        <v>28</v>
      </c>
      <c r="R24760">
        <v>29</v>
      </c>
      <c r="S24760">
        <v>29</v>
      </c>
      <c r="T24760">
        <v>30</v>
      </c>
      <c r="U24760">
        <v>30</v>
      </c>
      <c r="V24760">
        <v>31</v>
      </c>
      <c r="W24760">
        <v>32</v>
      </c>
      <c r="X24760">
        <v>32</v>
      </c>
      <c r="Y24760">
        <v>33</v>
      </c>
      <c r="Z24760">
        <v>33</v>
      </c>
      <c r="AA24760">
        <v>33</v>
      </c>
      <c r="AB24760">
        <v>34</v>
      </c>
      <c r="AC24760">
        <v>34</v>
      </c>
      <c r="AD24760">
        <v>35</v>
      </c>
      <c r="AE24760">
        <v>35</v>
      </c>
      <c r="AF24760">
        <v>35</v>
      </c>
      <c r="AG24760">
        <v>35</v>
      </c>
      <c r="AH24760">
        <v>35</v>
      </c>
      <c r="AI24760">
        <v>35</v>
      </c>
      <c r="AJ24760">
        <v>35</v>
      </c>
      <c r="AK24760">
        <v>35</v>
      </c>
      <c r="AL24760">
        <v>35</v>
      </c>
      <c r="AM24760">
        <v>35</v>
      </c>
      <c r="AN24760">
        <v>35</v>
      </c>
      <c r="AO24760">
        <v>35</v>
      </c>
      <c r="AP24760">
        <v>35</v>
      </c>
      <c r="AQ24760">
        <v>35</v>
      </c>
    </row>
    <row r="24761" spans="1:43">
      <c r="A24761" t="s">
        <v>15331</v>
      </c>
      <c r="B24761" t="s">
        <v>15332</v>
      </c>
      <c r="C24761" t="s">
        <v>15277</v>
      </c>
      <c r="D24761" t="s">
        <v>15278</v>
      </c>
      <c r="E24761" t="s">
        <v>15241</v>
      </c>
      <c r="F24761" t="s">
        <v>15242</v>
      </c>
      <c r="G24761" t="s">
        <v>10734</v>
      </c>
      <c r="H24761" t="s">
        <v>10735</v>
      </c>
      <c r="I24761" s="2">
        <v>1</v>
      </c>
      <c r="J24761" s="2">
        <v>0</v>
      </c>
      <c r="K24761" s="2">
        <v>0</v>
      </c>
      <c r="L24761" t="s">
        <v>120</v>
      </c>
      <c r="M24761" t="s">
        <v>83</v>
      </c>
      <c r="N24761" t="s">
        <v>91</v>
      </c>
      <c r="O24761" t="s">
        <v>85</v>
      </c>
      <c r="P24761" t="s">
        <v>86</v>
      </c>
      <c r="Q24761">
        <v>28</v>
      </c>
      <c r="R24761">
        <v>28</v>
      </c>
      <c r="S24761">
        <v>29</v>
      </c>
      <c r="T24761">
        <v>29</v>
      </c>
      <c r="U24761">
        <v>29</v>
      </c>
      <c r="V24761">
        <v>30</v>
      </c>
      <c r="W24761">
        <v>30</v>
      </c>
      <c r="X24761">
        <v>30</v>
      </c>
      <c r="Y24761">
        <v>31</v>
      </c>
      <c r="Z24761">
        <v>31</v>
      </c>
      <c r="AA24761">
        <v>31</v>
      </c>
      <c r="AB24761">
        <v>32</v>
      </c>
      <c r="AC24761">
        <v>32</v>
      </c>
      <c r="AD24761">
        <v>32</v>
      </c>
      <c r="AE24761">
        <v>33</v>
      </c>
      <c r="AF24761">
        <v>33</v>
      </c>
      <c r="AG24761">
        <v>33</v>
      </c>
      <c r="AH24761">
        <v>34</v>
      </c>
      <c r="AI24761">
        <v>34</v>
      </c>
      <c r="AJ24761">
        <v>34</v>
      </c>
      <c r="AK24761">
        <v>35</v>
      </c>
      <c r="AL24761">
        <v>35</v>
      </c>
      <c r="AM24761">
        <v>35</v>
      </c>
      <c r="AN24761">
        <v>35</v>
      </c>
      <c r="AO24761">
        <v>35</v>
      </c>
      <c r="AP24761">
        <v>35</v>
      </c>
      <c r="AQ24761">
        <v>35</v>
      </c>
    </row>
    <row r="24762" spans="1:43">
      <c r="A24762" t="s">
        <v>15333</v>
      </c>
      <c r="B24762" t="s">
        <v>15334</v>
      </c>
      <c r="C24762" t="s">
        <v>15239</v>
      </c>
      <c r="D24762" t="s">
        <v>15240</v>
      </c>
      <c r="E24762" t="s">
        <v>15241</v>
      </c>
      <c r="F24762" t="s">
        <v>15242</v>
      </c>
      <c r="G24762" t="s">
        <v>10734</v>
      </c>
      <c r="H24762" t="s">
        <v>10735</v>
      </c>
      <c r="I24762" s="2">
        <v>1</v>
      </c>
      <c r="J24762" s="2">
        <v>0</v>
      </c>
      <c r="K24762" s="2">
        <v>0</v>
      </c>
      <c r="L24762" t="s">
        <v>120</v>
      </c>
      <c r="M24762" t="s">
        <v>83</v>
      </c>
      <c r="N24762" t="s">
        <v>84</v>
      </c>
      <c r="O24762" t="s">
        <v>85</v>
      </c>
      <c r="P24762" t="s">
        <v>86</v>
      </c>
      <c r="Q24762">
        <v>10</v>
      </c>
      <c r="R24762">
        <v>10</v>
      </c>
      <c r="S24762">
        <v>11</v>
      </c>
      <c r="T24762">
        <v>11</v>
      </c>
      <c r="U24762">
        <v>11</v>
      </c>
      <c r="V24762">
        <v>11</v>
      </c>
      <c r="W24762">
        <v>11</v>
      </c>
      <c r="X24762">
        <v>11</v>
      </c>
      <c r="Y24762">
        <v>11</v>
      </c>
      <c r="Z24762">
        <v>12</v>
      </c>
      <c r="AA24762">
        <v>12</v>
      </c>
      <c r="AB24762">
        <v>12</v>
      </c>
      <c r="AC24762">
        <v>12</v>
      </c>
      <c r="AD24762">
        <v>12</v>
      </c>
      <c r="AE24762">
        <v>12</v>
      </c>
      <c r="AF24762">
        <v>12</v>
      </c>
      <c r="AG24762">
        <v>12</v>
      </c>
      <c r="AH24762">
        <v>13</v>
      </c>
      <c r="AI24762">
        <v>13</v>
      </c>
      <c r="AJ24762">
        <v>13</v>
      </c>
      <c r="AK24762">
        <v>13</v>
      </c>
      <c r="AL24762">
        <v>13</v>
      </c>
      <c r="AM24762">
        <v>13</v>
      </c>
      <c r="AN24762">
        <v>13</v>
      </c>
      <c r="AO24762">
        <v>13</v>
      </c>
      <c r="AP24762">
        <v>13</v>
      </c>
      <c r="AQ24762">
        <v>13</v>
      </c>
    </row>
    <row r="24763" spans="1:43">
      <c r="A24763" t="s">
        <v>15333</v>
      </c>
      <c r="B24763" t="s">
        <v>15334</v>
      </c>
      <c r="C24763" t="s">
        <v>15239</v>
      </c>
      <c r="D24763" t="s">
        <v>15240</v>
      </c>
      <c r="E24763" t="s">
        <v>15241</v>
      </c>
      <c r="F24763" t="s">
        <v>15242</v>
      </c>
      <c r="G24763" t="s">
        <v>10734</v>
      </c>
      <c r="H24763" t="s">
        <v>10735</v>
      </c>
      <c r="I24763" s="2">
        <v>1</v>
      </c>
      <c r="J24763" s="2">
        <v>0</v>
      </c>
      <c r="K24763" s="2">
        <v>0</v>
      </c>
      <c r="L24763" t="s">
        <v>120</v>
      </c>
      <c r="M24763" t="s">
        <v>87</v>
      </c>
      <c r="N24763" t="s">
        <v>88</v>
      </c>
      <c r="O24763" t="s">
        <v>85</v>
      </c>
      <c r="P24763" t="s">
        <v>86</v>
      </c>
      <c r="Q24763">
        <v>10</v>
      </c>
      <c r="R24763">
        <v>10</v>
      </c>
      <c r="S24763">
        <v>10</v>
      </c>
      <c r="T24763">
        <v>10</v>
      </c>
      <c r="U24763">
        <v>10</v>
      </c>
      <c r="V24763">
        <v>10</v>
      </c>
      <c r="W24763">
        <v>10</v>
      </c>
      <c r="X24763">
        <v>11</v>
      </c>
      <c r="Y24763">
        <v>11</v>
      </c>
      <c r="Z24763">
        <v>11</v>
      </c>
      <c r="AA24763">
        <v>11</v>
      </c>
      <c r="AB24763">
        <v>11</v>
      </c>
      <c r="AC24763">
        <v>11</v>
      </c>
      <c r="AD24763">
        <v>11</v>
      </c>
      <c r="AE24763">
        <v>11</v>
      </c>
      <c r="AF24763">
        <v>11</v>
      </c>
      <c r="AG24763">
        <v>11</v>
      </c>
      <c r="AH24763">
        <v>11</v>
      </c>
      <c r="AI24763">
        <v>11</v>
      </c>
      <c r="AJ24763">
        <v>11</v>
      </c>
      <c r="AK24763">
        <v>11</v>
      </c>
      <c r="AL24763">
        <v>11</v>
      </c>
      <c r="AM24763">
        <v>11</v>
      </c>
      <c r="AN24763">
        <v>11</v>
      </c>
      <c r="AO24763">
        <v>11</v>
      </c>
      <c r="AP24763">
        <v>11</v>
      </c>
      <c r="AQ24763">
        <v>11</v>
      </c>
    </row>
    <row r="24764" spans="1:43">
      <c r="A24764" t="s">
        <v>15333</v>
      </c>
      <c r="B24764" t="s">
        <v>15334</v>
      </c>
      <c r="C24764" t="s">
        <v>15239</v>
      </c>
      <c r="D24764" t="s">
        <v>15240</v>
      </c>
      <c r="E24764" t="s">
        <v>15241</v>
      </c>
      <c r="F24764" t="s">
        <v>15242</v>
      </c>
      <c r="G24764" t="s">
        <v>10734</v>
      </c>
      <c r="H24764" t="s">
        <v>10735</v>
      </c>
      <c r="I24764" s="2">
        <v>1</v>
      </c>
      <c r="J24764" s="2">
        <v>0</v>
      </c>
      <c r="K24764" s="2">
        <v>0</v>
      </c>
      <c r="L24764" t="s">
        <v>120</v>
      </c>
      <c r="M24764" t="s">
        <v>89</v>
      </c>
      <c r="N24764" t="s">
        <v>90</v>
      </c>
      <c r="O24764" t="s">
        <v>85</v>
      </c>
      <c r="P24764" t="s">
        <v>86</v>
      </c>
      <c r="Q24764">
        <v>10</v>
      </c>
      <c r="R24764">
        <v>11</v>
      </c>
      <c r="S24764">
        <v>11</v>
      </c>
      <c r="T24764">
        <v>11</v>
      </c>
      <c r="U24764">
        <v>11</v>
      </c>
      <c r="V24764">
        <v>12</v>
      </c>
      <c r="W24764">
        <v>12</v>
      </c>
      <c r="X24764">
        <v>12</v>
      </c>
      <c r="Y24764">
        <v>12</v>
      </c>
      <c r="Z24764">
        <v>12</v>
      </c>
      <c r="AA24764">
        <v>12</v>
      </c>
      <c r="AB24764">
        <v>13</v>
      </c>
      <c r="AC24764">
        <v>13</v>
      </c>
      <c r="AD24764">
        <v>13</v>
      </c>
      <c r="AE24764">
        <v>13</v>
      </c>
      <c r="AF24764">
        <v>13</v>
      </c>
      <c r="AG24764">
        <v>13</v>
      </c>
      <c r="AH24764">
        <v>13</v>
      </c>
      <c r="AI24764">
        <v>13</v>
      </c>
      <c r="AJ24764">
        <v>13</v>
      </c>
      <c r="AK24764">
        <v>13</v>
      </c>
      <c r="AL24764">
        <v>13</v>
      </c>
      <c r="AM24764">
        <v>13</v>
      </c>
      <c r="AN24764">
        <v>13</v>
      </c>
      <c r="AO24764">
        <v>13</v>
      </c>
      <c r="AP24764">
        <v>13</v>
      </c>
      <c r="AQ24764">
        <v>13</v>
      </c>
    </row>
    <row r="24765" spans="1:43">
      <c r="A24765" t="s">
        <v>15333</v>
      </c>
      <c r="B24765" t="s">
        <v>15334</v>
      </c>
      <c r="C24765" t="s">
        <v>15239</v>
      </c>
      <c r="D24765" t="s">
        <v>15240</v>
      </c>
      <c r="E24765" t="s">
        <v>15241</v>
      </c>
      <c r="F24765" t="s">
        <v>15242</v>
      </c>
      <c r="G24765" t="s">
        <v>10734</v>
      </c>
      <c r="H24765" t="s">
        <v>10735</v>
      </c>
      <c r="I24765" s="2">
        <v>1</v>
      </c>
      <c r="J24765" s="2">
        <v>0</v>
      </c>
      <c r="K24765" s="2">
        <v>0</v>
      </c>
      <c r="L24765" t="s">
        <v>120</v>
      </c>
      <c r="M24765" t="s">
        <v>83</v>
      </c>
      <c r="N24765" t="s">
        <v>91</v>
      </c>
      <c r="O24765" t="s">
        <v>85</v>
      </c>
      <c r="P24765" t="s">
        <v>86</v>
      </c>
      <c r="Q24765">
        <v>10</v>
      </c>
      <c r="R24765">
        <v>10</v>
      </c>
      <c r="S24765">
        <v>11</v>
      </c>
      <c r="T24765">
        <v>11</v>
      </c>
      <c r="U24765">
        <v>11</v>
      </c>
      <c r="V24765">
        <v>11</v>
      </c>
      <c r="W24765">
        <v>11</v>
      </c>
      <c r="X24765">
        <v>11</v>
      </c>
      <c r="Y24765">
        <v>11</v>
      </c>
      <c r="Z24765">
        <v>12</v>
      </c>
      <c r="AA24765">
        <v>12</v>
      </c>
      <c r="AB24765">
        <v>12</v>
      </c>
      <c r="AC24765">
        <v>12</v>
      </c>
      <c r="AD24765">
        <v>12</v>
      </c>
      <c r="AE24765">
        <v>12</v>
      </c>
      <c r="AF24765">
        <v>12</v>
      </c>
      <c r="AG24765">
        <v>12</v>
      </c>
      <c r="AH24765">
        <v>13</v>
      </c>
      <c r="AI24765">
        <v>13</v>
      </c>
      <c r="AJ24765">
        <v>13</v>
      </c>
      <c r="AK24765">
        <v>13</v>
      </c>
      <c r="AL24765">
        <v>13</v>
      </c>
      <c r="AM24765">
        <v>13</v>
      </c>
      <c r="AN24765">
        <v>13</v>
      </c>
      <c r="AO24765">
        <v>13</v>
      </c>
      <c r="AP24765">
        <v>13</v>
      </c>
      <c r="AQ24765">
        <v>13</v>
      </c>
    </row>
    <row r="24766" spans="1:43">
      <c r="A24766" t="s">
        <v>15335</v>
      </c>
      <c r="B24766" t="s">
        <v>15336</v>
      </c>
      <c r="C24766" t="s">
        <v>15337</v>
      </c>
      <c r="D24766" t="s">
        <v>15338</v>
      </c>
      <c r="E24766" t="s">
        <v>15241</v>
      </c>
      <c r="F24766" t="s">
        <v>15242</v>
      </c>
      <c r="G24766" t="s">
        <v>10734</v>
      </c>
      <c r="H24766" t="s">
        <v>10735</v>
      </c>
      <c r="I24766" s="2">
        <v>1</v>
      </c>
      <c r="J24766" s="2">
        <v>0</v>
      </c>
      <c r="K24766" s="2">
        <v>0</v>
      </c>
      <c r="L24766" t="s">
        <v>120</v>
      </c>
      <c r="M24766" t="s">
        <v>83</v>
      </c>
      <c r="N24766" t="s">
        <v>84</v>
      </c>
      <c r="O24766" t="s">
        <v>85</v>
      </c>
      <c r="P24766" t="s">
        <v>86</v>
      </c>
      <c r="Q24766">
        <v>23</v>
      </c>
      <c r="R24766">
        <v>24</v>
      </c>
      <c r="S24766">
        <v>24</v>
      </c>
      <c r="T24766">
        <v>24</v>
      </c>
      <c r="U24766">
        <v>25</v>
      </c>
      <c r="V24766">
        <v>25</v>
      </c>
      <c r="W24766">
        <v>26</v>
      </c>
      <c r="X24766">
        <v>26</v>
      </c>
      <c r="Y24766">
        <v>26</v>
      </c>
      <c r="Z24766">
        <v>26</v>
      </c>
      <c r="AA24766">
        <v>27</v>
      </c>
      <c r="AB24766">
        <v>27</v>
      </c>
      <c r="AC24766">
        <v>27</v>
      </c>
      <c r="AD24766">
        <v>28</v>
      </c>
      <c r="AE24766">
        <v>28</v>
      </c>
      <c r="AF24766">
        <v>28</v>
      </c>
      <c r="AG24766">
        <v>28</v>
      </c>
      <c r="AH24766">
        <v>29</v>
      </c>
      <c r="AI24766">
        <v>29</v>
      </c>
      <c r="AJ24766">
        <v>29</v>
      </c>
      <c r="AK24766">
        <v>30</v>
      </c>
      <c r="AL24766">
        <v>30</v>
      </c>
      <c r="AM24766">
        <v>30</v>
      </c>
      <c r="AN24766">
        <v>30</v>
      </c>
      <c r="AO24766">
        <v>30</v>
      </c>
      <c r="AP24766">
        <v>30</v>
      </c>
      <c r="AQ24766">
        <v>30</v>
      </c>
    </row>
    <row r="24767" spans="1:43">
      <c r="A24767" t="s">
        <v>15335</v>
      </c>
      <c r="B24767" t="s">
        <v>15336</v>
      </c>
      <c r="C24767" t="s">
        <v>15337</v>
      </c>
      <c r="D24767" t="s">
        <v>15338</v>
      </c>
      <c r="E24767" t="s">
        <v>15241</v>
      </c>
      <c r="F24767" t="s">
        <v>15242</v>
      </c>
      <c r="G24767" t="s">
        <v>10734</v>
      </c>
      <c r="H24767" t="s">
        <v>10735</v>
      </c>
      <c r="I24767" s="2">
        <v>1</v>
      </c>
      <c r="J24767" s="2">
        <v>0</v>
      </c>
      <c r="K24767" s="2">
        <v>0</v>
      </c>
      <c r="L24767" t="s">
        <v>120</v>
      </c>
      <c r="M24767" t="s">
        <v>87</v>
      </c>
      <c r="N24767" t="s">
        <v>88</v>
      </c>
      <c r="O24767" t="s">
        <v>85</v>
      </c>
      <c r="P24767" t="s">
        <v>86</v>
      </c>
      <c r="Q24767">
        <v>23</v>
      </c>
      <c r="R24767">
        <v>23</v>
      </c>
      <c r="S24767">
        <v>23</v>
      </c>
      <c r="T24767">
        <v>24</v>
      </c>
      <c r="U24767">
        <v>24</v>
      </c>
      <c r="V24767">
        <v>24</v>
      </c>
      <c r="W24767">
        <v>24</v>
      </c>
      <c r="X24767">
        <v>24</v>
      </c>
      <c r="Y24767">
        <v>24</v>
      </c>
      <c r="Z24767">
        <v>24</v>
      </c>
      <c r="AA24767">
        <v>24</v>
      </c>
      <c r="AB24767">
        <v>24</v>
      </c>
      <c r="AC24767">
        <v>25</v>
      </c>
      <c r="AD24767">
        <v>25</v>
      </c>
      <c r="AE24767">
        <v>25</v>
      </c>
      <c r="AF24767">
        <v>25</v>
      </c>
      <c r="AG24767">
        <v>25</v>
      </c>
      <c r="AH24767">
        <v>25</v>
      </c>
      <c r="AI24767">
        <v>25</v>
      </c>
      <c r="AJ24767">
        <v>25</v>
      </c>
      <c r="AK24767">
        <v>25</v>
      </c>
      <c r="AL24767">
        <v>26</v>
      </c>
      <c r="AM24767">
        <v>26</v>
      </c>
      <c r="AN24767">
        <v>26</v>
      </c>
      <c r="AO24767">
        <v>26</v>
      </c>
      <c r="AP24767">
        <v>26</v>
      </c>
      <c r="AQ24767">
        <v>26</v>
      </c>
    </row>
    <row r="24768" spans="1:43">
      <c r="A24768" t="s">
        <v>15335</v>
      </c>
      <c r="B24768" t="s">
        <v>15336</v>
      </c>
      <c r="C24768" t="s">
        <v>15337</v>
      </c>
      <c r="D24768" t="s">
        <v>15338</v>
      </c>
      <c r="E24768" t="s">
        <v>15241</v>
      </c>
      <c r="F24768" t="s">
        <v>15242</v>
      </c>
      <c r="G24768" t="s">
        <v>10734</v>
      </c>
      <c r="H24768" t="s">
        <v>10735</v>
      </c>
      <c r="I24768" s="2">
        <v>1</v>
      </c>
      <c r="J24768" s="2">
        <v>0</v>
      </c>
      <c r="K24768" s="2">
        <v>0</v>
      </c>
      <c r="L24768" t="s">
        <v>120</v>
      </c>
      <c r="M24768" t="s">
        <v>89</v>
      </c>
      <c r="N24768" t="s">
        <v>90</v>
      </c>
      <c r="O24768" t="s">
        <v>85</v>
      </c>
      <c r="P24768" t="s">
        <v>86</v>
      </c>
      <c r="Q24768">
        <v>23</v>
      </c>
      <c r="R24768">
        <v>23</v>
      </c>
      <c r="S24768">
        <v>24</v>
      </c>
      <c r="T24768">
        <v>24</v>
      </c>
      <c r="U24768">
        <v>25</v>
      </c>
      <c r="V24768">
        <v>25</v>
      </c>
      <c r="W24768">
        <v>26</v>
      </c>
      <c r="X24768">
        <v>26</v>
      </c>
      <c r="Y24768">
        <v>27</v>
      </c>
      <c r="Z24768">
        <v>27</v>
      </c>
      <c r="AA24768">
        <v>27</v>
      </c>
      <c r="AB24768">
        <v>28</v>
      </c>
      <c r="AC24768">
        <v>28</v>
      </c>
      <c r="AD24768">
        <v>29</v>
      </c>
      <c r="AE24768">
        <v>29</v>
      </c>
      <c r="AF24768">
        <v>29</v>
      </c>
      <c r="AG24768">
        <v>29</v>
      </c>
      <c r="AH24768">
        <v>29</v>
      </c>
      <c r="AI24768">
        <v>29</v>
      </c>
      <c r="AJ24768">
        <v>29</v>
      </c>
      <c r="AK24768">
        <v>29</v>
      </c>
      <c r="AL24768">
        <v>29</v>
      </c>
      <c r="AM24768">
        <v>29</v>
      </c>
      <c r="AN24768">
        <v>29</v>
      </c>
      <c r="AO24768">
        <v>29</v>
      </c>
      <c r="AP24768">
        <v>29</v>
      </c>
      <c r="AQ24768">
        <v>29</v>
      </c>
    </row>
    <row r="24769" spans="1:43">
      <c r="A24769" t="s">
        <v>15335</v>
      </c>
      <c r="B24769" t="s">
        <v>15336</v>
      </c>
      <c r="C24769" t="s">
        <v>15337</v>
      </c>
      <c r="D24769" t="s">
        <v>15338</v>
      </c>
      <c r="E24769" t="s">
        <v>15241</v>
      </c>
      <c r="F24769" t="s">
        <v>15242</v>
      </c>
      <c r="G24769" t="s">
        <v>10734</v>
      </c>
      <c r="H24769" t="s">
        <v>10735</v>
      </c>
      <c r="I24769" s="2">
        <v>1</v>
      </c>
      <c r="J24769" s="2">
        <v>0</v>
      </c>
      <c r="K24769" s="2">
        <v>0</v>
      </c>
      <c r="L24769" t="s">
        <v>120</v>
      </c>
      <c r="M24769" t="s">
        <v>83</v>
      </c>
      <c r="N24769" t="s">
        <v>91</v>
      </c>
      <c r="O24769" t="s">
        <v>85</v>
      </c>
      <c r="P24769" t="s">
        <v>86</v>
      </c>
      <c r="Q24769">
        <v>23</v>
      </c>
      <c r="R24769">
        <v>24</v>
      </c>
      <c r="S24769">
        <v>24</v>
      </c>
      <c r="T24769">
        <v>24</v>
      </c>
      <c r="U24769">
        <v>25</v>
      </c>
      <c r="V24769">
        <v>25</v>
      </c>
      <c r="W24769">
        <v>26</v>
      </c>
      <c r="X24769">
        <v>26</v>
      </c>
      <c r="Y24769">
        <v>26</v>
      </c>
      <c r="Z24769">
        <v>26</v>
      </c>
      <c r="AA24769">
        <v>27</v>
      </c>
      <c r="AB24769">
        <v>27</v>
      </c>
      <c r="AC24769">
        <v>27</v>
      </c>
      <c r="AD24769">
        <v>28</v>
      </c>
      <c r="AE24769">
        <v>28</v>
      </c>
      <c r="AF24769">
        <v>28</v>
      </c>
      <c r="AG24769">
        <v>28</v>
      </c>
      <c r="AH24769">
        <v>29</v>
      </c>
      <c r="AI24769">
        <v>29</v>
      </c>
      <c r="AJ24769">
        <v>29</v>
      </c>
      <c r="AK24769">
        <v>30</v>
      </c>
      <c r="AL24769">
        <v>30</v>
      </c>
      <c r="AM24769">
        <v>30</v>
      </c>
      <c r="AN24769">
        <v>30</v>
      </c>
      <c r="AO24769">
        <v>30</v>
      </c>
      <c r="AP24769">
        <v>30</v>
      </c>
      <c r="AQ24769">
        <v>30</v>
      </c>
    </row>
    <row r="24770" spans="1:43">
      <c r="A24770" t="s">
        <v>15339</v>
      </c>
      <c r="B24770" t="s">
        <v>15340</v>
      </c>
      <c r="C24770" t="s">
        <v>15337</v>
      </c>
      <c r="D24770" t="s">
        <v>15338</v>
      </c>
      <c r="E24770" t="s">
        <v>15241</v>
      </c>
      <c r="F24770" t="s">
        <v>15242</v>
      </c>
      <c r="G24770" t="s">
        <v>10734</v>
      </c>
      <c r="H24770" t="s">
        <v>10735</v>
      </c>
      <c r="I24770" s="2">
        <v>1</v>
      </c>
      <c r="J24770" s="2">
        <v>0</v>
      </c>
      <c r="K24770" s="2">
        <v>0</v>
      </c>
      <c r="L24770" t="s">
        <v>120</v>
      </c>
      <c r="M24770" t="s">
        <v>83</v>
      </c>
      <c r="N24770" t="s">
        <v>84</v>
      </c>
      <c r="O24770" t="s">
        <v>85</v>
      </c>
      <c r="P24770" t="s">
        <v>86</v>
      </c>
      <c r="Q24770">
        <v>26</v>
      </c>
      <c r="R24770">
        <v>27</v>
      </c>
      <c r="S24770">
        <v>27</v>
      </c>
      <c r="T24770">
        <v>27</v>
      </c>
      <c r="U24770">
        <v>28</v>
      </c>
      <c r="V24770">
        <v>28</v>
      </c>
      <c r="W24770">
        <v>29</v>
      </c>
      <c r="X24770">
        <v>29</v>
      </c>
      <c r="Y24770">
        <v>29</v>
      </c>
      <c r="Z24770">
        <v>30</v>
      </c>
      <c r="AA24770">
        <v>30</v>
      </c>
      <c r="AB24770">
        <v>30</v>
      </c>
      <c r="AC24770">
        <v>31</v>
      </c>
      <c r="AD24770">
        <v>31</v>
      </c>
      <c r="AE24770">
        <v>31</v>
      </c>
      <c r="AF24770">
        <v>32</v>
      </c>
      <c r="AG24770">
        <v>32</v>
      </c>
      <c r="AH24770">
        <v>32</v>
      </c>
      <c r="AI24770">
        <v>32</v>
      </c>
      <c r="AJ24770">
        <v>33</v>
      </c>
      <c r="AK24770">
        <v>33</v>
      </c>
      <c r="AL24770">
        <v>33</v>
      </c>
      <c r="AM24770">
        <v>33</v>
      </c>
      <c r="AN24770">
        <v>33</v>
      </c>
      <c r="AO24770">
        <v>33</v>
      </c>
      <c r="AP24770">
        <v>33</v>
      </c>
      <c r="AQ24770">
        <v>33</v>
      </c>
    </row>
    <row r="24771" spans="1:43">
      <c r="A24771" t="s">
        <v>15339</v>
      </c>
      <c r="B24771" t="s">
        <v>15340</v>
      </c>
      <c r="C24771" t="s">
        <v>15337</v>
      </c>
      <c r="D24771" t="s">
        <v>15338</v>
      </c>
      <c r="E24771" t="s">
        <v>15241</v>
      </c>
      <c r="F24771" t="s">
        <v>15242</v>
      </c>
      <c r="G24771" t="s">
        <v>10734</v>
      </c>
      <c r="H24771" t="s">
        <v>10735</v>
      </c>
      <c r="I24771" s="2">
        <v>1</v>
      </c>
      <c r="J24771" s="2">
        <v>0</v>
      </c>
      <c r="K24771" s="2">
        <v>0</v>
      </c>
      <c r="L24771" t="s">
        <v>120</v>
      </c>
      <c r="M24771" t="s">
        <v>87</v>
      </c>
      <c r="N24771" t="s">
        <v>88</v>
      </c>
      <c r="O24771" t="s">
        <v>85</v>
      </c>
      <c r="P24771" t="s">
        <v>86</v>
      </c>
      <c r="Q24771">
        <v>26</v>
      </c>
      <c r="R24771">
        <v>26</v>
      </c>
      <c r="S24771">
        <v>26</v>
      </c>
      <c r="T24771">
        <v>26</v>
      </c>
      <c r="U24771">
        <v>27</v>
      </c>
      <c r="V24771">
        <v>27</v>
      </c>
      <c r="W24771">
        <v>27</v>
      </c>
      <c r="X24771">
        <v>27</v>
      </c>
      <c r="Y24771">
        <v>27</v>
      </c>
      <c r="Z24771">
        <v>27</v>
      </c>
      <c r="AA24771">
        <v>27</v>
      </c>
      <c r="AB24771">
        <v>27</v>
      </c>
      <c r="AC24771">
        <v>28</v>
      </c>
      <c r="AD24771">
        <v>28</v>
      </c>
      <c r="AE24771">
        <v>28</v>
      </c>
      <c r="AF24771">
        <v>28</v>
      </c>
      <c r="AG24771">
        <v>28</v>
      </c>
      <c r="AH24771">
        <v>28</v>
      </c>
      <c r="AI24771">
        <v>28</v>
      </c>
      <c r="AJ24771">
        <v>28</v>
      </c>
      <c r="AK24771">
        <v>29</v>
      </c>
      <c r="AL24771">
        <v>29</v>
      </c>
      <c r="AM24771">
        <v>29</v>
      </c>
      <c r="AN24771">
        <v>29</v>
      </c>
      <c r="AO24771">
        <v>29</v>
      </c>
      <c r="AP24771">
        <v>29</v>
      </c>
      <c r="AQ24771">
        <v>29</v>
      </c>
    </row>
    <row r="24772" spans="1:43">
      <c r="A24772" t="s">
        <v>15339</v>
      </c>
      <c r="B24772" t="s">
        <v>15340</v>
      </c>
      <c r="C24772" t="s">
        <v>15337</v>
      </c>
      <c r="D24772" t="s">
        <v>15338</v>
      </c>
      <c r="E24772" t="s">
        <v>15241</v>
      </c>
      <c r="F24772" t="s">
        <v>15242</v>
      </c>
      <c r="G24772" t="s">
        <v>10734</v>
      </c>
      <c r="H24772" t="s">
        <v>10735</v>
      </c>
      <c r="I24772" s="2">
        <v>1</v>
      </c>
      <c r="J24772" s="2">
        <v>0</v>
      </c>
      <c r="K24772" s="2">
        <v>0</v>
      </c>
      <c r="L24772" t="s">
        <v>120</v>
      </c>
      <c r="M24772" t="s">
        <v>89</v>
      </c>
      <c r="N24772" t="s">
        <v>90</v>
      </c>
      <c r="O24772" t="s">
        <v>85</v>
      </c>
      <c r="P24772" t="s">
        <v>86</v>
      </c>
      <c r="Q24772">
        <v>26</v>
      </c>
      <c r="R24772">
        <v>26</v>
      </c>
      <c r="S24772">
        <v>27</v>
      </c>
      <c r="T24772">
        <v>27</v>
      </c>
      <c r="U24772">
        <v>28</v>
      </c>
      <c r="V24772">
        <v>28</v>
      </c>
      <c r="W24772">
        <v>29</v>
      </c>
      <c r="X24772">
        <v>29</v>
      </c>
      <c r="Y24772">
        <v>30</v>
      </c>
      <c r="Z24772">
        <v>30</v>
      </c>
      <c r="AA24772">
        <v>31</v>
      </c>
      <c r="AB24772">
        <v>31</v>
      </c>
      <c r="AC24772">
        <v>32</v>
      </c>
      <c r="AD24772">
        <v>32</v>
      </c>
      <c r="AE24772">
        <v>32</v>
      </c>
      <c r="AF24772">
        <v>32</v>
      </c>
      <c r="AG24772">
        <v>32</v>
      </c>
      <c r="AH24772">
        <v>32</v>
      </c>
      <c r="AI24772">
        <v>32</v>
      </c>
      <c r="AJ24772">
        <v>32</v>
      </c>
      <c r="AK24772">
        <v>32</v>
      </c>
      <c r="AL24772">
        <v>33</v>
      </c>
      <c r="AM24772">
        <v>33</v>
      </c>
      <c r="AN24772">
        <v>33</v>
      </c>
      <c r="AO24772">
        <v>33</v>
      </c>
      <c r="AP24772">
        <v>33</v>
      </c>
      <c r="AQ24772">
        <v>33</v>
      </c>
    </row>
    <row r="24773" spans="1:43">
      <c r="A24773" t="s">
        <v>15339</v>
      </c>
      <c r="B24773" t="s">
        <v>15340</v>
      </c>
      <c r="C24773" t="s">
        <v>15337</v>
      </c>
      <c r="D24773" t="s">
        <v>15338</v>
      </c>
      <c r="E24773" t="s">
        <v>15241</v>
      </c>
      <c r="F24773" t="s">
        <v>15242</v>
      </c>
      <c r="G24773" t="s">
        <v>10734</v>
      </c>
      <c r="H24773" t="s">
        <v>10735</v>
      </c>
      <c r="I24773" s="2">
        <v>1</v>
      </c>
      <c r="J24773" s="2">
        <v>0</v>
      </c>
      <c r="K24773" s="2">
        <v>0</v>
      </c>
      <c r="L24773" t="s">
        <v>120</v>
      </c>
      <c r="M24773" t="s">
        <v>83</v>
      </c>
      <c r="N24773" t="s">
        <v>91</v>
      </c>
      <c r="O24773" t="s">
        <v>85</v>
      </c>
      <c r="P24773" t="s">
        <v>86</v>
      </c>
      <c r="Q24773">
        <v>26</v>
      </c>
      <c r="R24773">
        <v>27</v>
      </c>
      <c r="S24773">
        <v>27</v>
      </c>
      <c r="T24773">
        <v>27</v>
      </c>
      <c r="U24773">
        <v>28</v>
      </c>
      <c r="V24773">
        <v>28</v>
      </c>
      <c r="W24773">
        <v>29</v>
      </c>
      <c r="X24773">
        <v>29</v>
      </c>
      <c r="Y24773">
        <v>29</v>
      </c>
      <c r="Z24773">
        <v>30</v>
      </c>
      <c r="AA24773">
        <v>30</v>
      </c>
      <c r="AB24773">
        <v>30</v>
      </c>
      <c r="AC24773">
        <v>31</v>
      </c>
      <c r="AD24773">
        <v>31</v>
      </c>
      <c r="AE24773">
        <v>31</v>
      </c>
      <c r="AF24773">
        <v>32</v>
      </c>
      <c r="AG24773">
        <v>32</v>
      </c>
      <c r="AH24773">
        <v>32</v>
      </c>
      <c r="AI24773">
        <v>32</v>
      </c>
      <c r="AJ24773">
        <v>33</v>
      </c>
      <c r="AK24773">
        <v>33</v>
      </c>
      <c r="AL24773">
        <v>33</v>
      </c>
      <c r="AM24773">
        <v>33</v>
      </c>
      <c r="AN24773">
        <v>33</v>
      </c>
      <c r="AO24773">
        <v>33</v>
      </c>
      <c r="AP24773">
        <v>33</v>
      </c>
      <c r="AQ24773">
        <v>33</v>
      </c>
    </row>
    <row r="24774" spans="1:43">
      <c r="A24774" t="s">
        <v>15341</v>
      </c>
      <c r="B24774" t="s">
        <v>15342</v>
      </c>
      <c r="C24774" t="s">
        <v>15343</v>
      </c>
      <c r="D24774" t="s">
        <v>15344</v>
      </c>
      <c r="E24774" t="s">
        <v>15241</v>
      </c>
      <c r="F24774" t="s">
        <v>15242</v>
      </c>
      <c r="G24774" t="s">
        <v>10734</v>
      </c>
      <c r="H24774" t="s">
        <v>10735</v>
      </c>
      <c r="I24774" s="2">
        <v>1</v>
      </c>
      <c r="J24774" s="2">
        <v>0</v>
      </c>
      <c r="K24774" s="2">
        <v>0</v>
      </c>
      <c r="L24774" t="s">
        <v>120</v>
      </c>
      <c r="M24774" t="s">
        <v>83</v>
      </c>
      <c r="N24774" t="s">
        <v>84</v>
      </c>
      <c r="O24774" t="s">
        <v>85</v>
      </c>
      <c r="P24774" t="s">
        <v>86</v>
      </c>
      <c r="Q24774">
        <v>5</v>
      </c>
      <c r="R24774">
        <v>5</v>
      </c>
      <c r="S24774">
        <v>5</v>
      </c>
      <c r="T24774">
        <v>5</v>
      </c>
      <c r="U24774">
        <v>5</v>
      </c>
      <c r="V24774">
        <v>5</v>
      </c>
      <c r="W24774">
        <v>5</v>
      </c>
      <c r="X24774">
        <v>5</v>
      </c>
      <c r="Y24774">
        <v>5</v>
      </c>
      <c r="Z24774">
        <v>5</v>
      </c>
      <c r="AA24774">
        <v>5</v>
      </c>
      <c r="AB24774">
        <v>6</v>
      </c>
      <c r="AC24774">
        <v>6</v>
      </c>
      <c r="AD24774">
        <v>6</v>
      </c>
      <c r="AE24774">
        <v>6</v>
      </c>
      <c r="AF24774">
        <v>6</v>
      </c>
      <c r="AG24774">
        <v>6</v>
      </c>
      <c r="AH24774">
        <v>6</v>
      </c>
      <c r="AI24774">
        <v>6</v>
      </c>
      <c r="AJ24774">
        <v>6</v>
      </c>
      <c r="AK24774">
        <v>6</v>
      </c>
      <c r="AL24774">
        <v>6</v>
      </c>
      <c r="AM24774">
        <v>6</v>
      </c>
      <c r="AN24774">
        <v>6</v>
      </c>
      <c r="AO24774">
        <v>6</v>
      </c>
      <c r="AP24774">
        <v>6</v>
      </c>
      <c r="AQ24774">
        <v>6</v>
      </c>
    </row>
    <row r="24775" spans="1:43">
      <c r="A24775" t="s">
        <v>15341</v>
      </c>
      <c r="B24775" t="s">
        <v>15342</v>
      </c>
      <c r="C24775" t="s">
        <v>15343</v>
      </c>
      <c r="D24775" t="s">
        <v>15344</v>
      </c>
      <c r="E24775" t="s">
        <v>15241</v>
      </c>
      <c r="F24775" t="s">
        <v>15242</v>
      </c>
      <c r="G24775" t="s">
        <v>10734</v>
      </c>
      <c r="H24775" t="s">
        <v>10735</v>
      </c>
      <c r="I24775" s="2">
        <v>1</v>
      </c>
      <c r="J24775" s="2">
        <v>0</v>
      </c>
      <c r="K24775" s="2">
        <v>0</v>
      </c>
      <c r="L24775" t="s">
        <v>120</v>
      </c>
      <c r="M24775" t="s">
        <v>87</v>
      </c>
      <c r="N24775" t="s">
        <v>88</v>
      </c>
      <c r="O24775" t="s">
        <v>85</v>
      </c>
      <c r="P24775" t="s">
        <v>86</v>
      </c>
      <c r="Q24775">
        <v>5</v>
      </c>
      <c r="R24775">
        <v>5</v>
      </c>
      <c r="S24775">
        <v>5</v>
      </c>
      <c r="T24775">
        <v>5</v>
      </c>
      <c r="U24775">
        <v>5</v>
      </c>
      <c r="V24775">
        <v>5</v>
      </c>
      <c r="W24775">
        <v>5</v>
      </c>
      <c r="X24775">
        <v>5</v>
      </c>
      <c r="Y24775">
        <v>5</v>
      </c>
      <c r="Z24775">
        <v>5</v>
      </c>
      <c r="AA24775">
        <v>5</v>
      </c>
      <c r="AB24775">
        <v>5</v>
      </c>
      <c r="AC24775">
        <v>5</v>
      </c>
      <c r="AD24775">
        <v>5</v>
      </c>
      <c r="AE24775">
        <v>5</v>
      </c>
      <c r="AF24775">
        <v>5</v>
      </c>
      <c r="AG24775">
        <v>5</v>
      </c>
      <c r="AH24775">
        <v>5</v>
      </c>
      <c r="AI24775">
        <v>5</v>
      </c>
      <c r="AJ24775">
        <v>5</v>
      </c>
      <c r="AK24775">
        <v>5</v>
      </c>
      <c r="AL24775">
        <v>5</v>
      </c>
      <c r="AM24775">
        <v>5</v>
      </c>
      <c r="AN24775">
        <v>5</v>
      </c>
      <c r="AO24775">
        <v>5</v>
      </c>
      <c r="AP24775">
        <v>5</v>
      </c>
      <c r="AQ24775">
        <v>5</v>
      </c>
    </row>
    <row r="24776" spans="1:43">
      <c r="A24776" t="s">
        <v>15341</v>
      </c>
      <c r="B24776" t="s">
        <v>15342</v>
      </c>
      <c r="C24776" t="s">
        <v>15343</v>
      </c>
      <c r="D24776" t="s">
        <v>15344</v>
      </c>
      <c r="E24776" t="s">
        <v>15241</v>
      </c>
      <c r="F24776" t="s">
        <v>15242</v>
      </c>
      <c r="G24776" t="s">
        <v>10734</v>
      </c>
      <c r="H24776" t="s">
        <v>10735</v>
      </c>
      <c r="I24776" s="2">
        <v>1</v>
      </c>
      <c r="J24776" s="2">
        <v>0</v>
      </c>
      <c r="K24776" s="2">
        <v>0</v>
      </c>
      <c r="L24776" t="s">
        <v>120</v>
      </c>
      <c r="M24776" t="s">
        <v>89</v>
      </c>
      <c r="N24776" t="s">
        <v>90</v>
      </c>
      <c r="O24776" t="s">
        <v>85</v>
      </c>
      <c r="P24776" t="s">
        <v>86</v>
      </c>
      <c r="Q24776">
        <v>5</v>
      </c>
      <c r="R24776">
        <v>5</v>
      </c>
      <c r="S24776">
        <v>5</v>
      </c>
      <c r="T24776">
        <v>5</v>
      </c>
      <c r="U24776">
        <v>5</v>
      </c>
      <c r="V24776">
        <v>5</v>
      </c>
      <c r="W24776">
        <v>5</v>
      </c>
      <c r="X24776">
        <v>6</v>
      </c>
      <c r="Y24776">
        <v>6</v>
      </c>
      <c r="Z24776">
        <v>6</v>
      </c>
      <c r="AA24776">
        <v>6</v>
      </c>
      <c r="AB24776">
        <v>6</v>
      </c>
      <c r="AC24776">
        <v>6</v>
      </c>
      <c r="AD24776">
        <v>6</v>
      </c>
      <c r="AE24776">
        <v>6</v>
      </c>
      <c r="AF24776">
        <v>6</v>
      </c>
      <c r="AG24776">
        <v>6</v>
      </c>
      <c r="AH24776">
        <v>6</v>
      </c>
      <c r="AI24776">
        <v>6</v>
      </c>
      <c r="AJ24776">
        <v>6</v>
      </c>
      <c r="AK24776">
        <v>6</v>
      </c>
      <c r="AL24776">
        <v>6</v>
      </c>
      <c r="AM24776">
        <v>6</v>
      </c>
      <c r="AN24776">
        <v>6</v>
      </c>
      <c r="AO24776">
        <v>6</v>
      </c>
      <c r="AP24776">
        <v>6</v>
      </c>
      <c r="AQ24776">
        <v>6</v>
      </c>
    </row>
    <row r="24777" spans="1:43">
      <c r="A24777" t="s">
        <v>15341</v>
      </c>
      <c r="B24777" t="s">
        <v>15342</v>
      </c>
      <c r="C24777" t="s">
        <v>15343</v>
      </c>
      <c r="D24777" t="s">
        <v>15344</v>
      </c>
      <c r="E24777" t="s">
        <v>15241</v>
      </c>
      <c r="F24777" t="s">
        <v>15242</v>
      </c>
      <c r="G24777" t="s">
        <v>10734</v>
      </c>
      <c r="H24777" t="s">
        <v>10735</v>
      </c>
      <c r="I24777" s="2">
        <v>1</v>
      </c>
      <c r="J24777" s="2">
        <v>0</v>
      </c>
      <c r="K24777" s="2">
        <v>0</v>
      </c>
      <c r="L24777" t="s">
        <v>120</v>
      </c>
      <c r="M24777" t="s">
        <v>83</v>
      </c>
      <c r="N24777" t="s">
        <v>91</v>
      </c>
      <c r="O24777" t="s">
        <v>85</v>
      </c>
      <c r="P24777" t="s">
        <v>86</v>
      </c>
      <c r="Q24777">
        <v>5</v>
      </c>
      <c r="R24777">
        <v>5</v>
      </c>
      <c r="S24777">
        <v>5</v>
      </c>
      <c r="T24777">
        <v>5</v>
      </c>
      <c r="U24777">
        <v>5</v>
      </c>
      <c r="V24777">
        <v>5</v>
      </c>
      <c r="W24777">
        <v>5</v>
      </c>
      <c r="X24777">
        <v>5</v>
      </c>
      <c r="Y24777">
        <v>5</v>
      </c>
      <c r="Z24777">
        <v>5</v>
      </c>
      <c r="AA24777">
        <v>5</v>
      </c>
      <c r="AB24777">
        <v>6</v>
      </c>
      <c r="AC24777">
        <v>6</v>
      </c>
      <c r="AD24777">
        <v>6</v>
      </c>
      <c r="AE24777">
        <v>6</v>
      </c>
      <c r="AF24777">
        <v>6</v>
      </c>
      <c r="AG24777">
        <v>6</v>
      </c>
      <c r="AH24777">
        <v>6</v>
      </c>
      <c r="AI24777">
        <v>6</v>
      </c>
      <c r="AJ24777">
        <v>6</v>
      </c>
      <c r="AK24777">
        <v>6</v>
      </c>
      <c r="AL24777">
        <v>6</v>
      </c>
      <c r="AM24777">
        <v>6</v>
      </c>
      <c r="AN24777">
        <v>6</v>
      </c>
      <c r="AO24777">
        <v>6</v>
      </c>
      <c r="AP24777">
        <v>6</v>
      </c>
      <c r="AQ24777">
        <v>6</v>
      </c>
    </row>
    <row r="24778" spans="1:43">
      <c r="A24778" t="s">
        <v>15345</v>
      </c>
      <c r="B24778" t="s">
        <v>15346</v>
      </c>
      <c r="C24778" t="s">
        <v>15299</v>
      </c>
      <c r="D24778" t="s">
        <v>15300</v>
      </c>
      <c r="E24778" t="s">
        <v>15241</v>
      </c>
      <c r="F24778" t="s">
        <v>15242</v>
      </c>
      <c r="G24778" t="s">
        <v>10734</v>
      </c>
      <c r="H24778" t="s">
        <v>10735</v>
      </c>
      <c r="I24778" s="2">
        <v>1</v>
      </c>
      <c r="J24778" s="2">
        <v>0</v>
      </c>
      <c r="K24778" s="2">
        <v>0</v>
      </c>
      <c r="L24778" t="s">
        <v>120</v>
      </c>
      <c r="M24778" t="s">
        <v>83</v>
      </c>
      <c r="N24778" t="s">
        <v>84</v>
      </c>
      <c r="O24778" t="s">
        <v>85</v>
      </c>
      <c r="P24778" t="s">
        <v>86</v>
      </c>
      <c r="Q24778">
        <v>9</v>
      </c>
      <c r="R24778">
        <v>9</v>
      </c>
      <c r="S24778">
        <v>9</v>
      </c>
      <c r="T24778">
        <v>9</v>
      </c>
      <c r="U24778">
        <v>9</v>
      </c>
      <c r="V24778">
        <v>9</v>
      </c>
      <c r="W24778">
        <v>9</v>
      </c>
      <c r="X24778">
        <v>9</v>
      </c>
      <c r="Y24778">
        <v>10</v>
      </c>
      <c r="Z24778">
        <v>10</v>
      </c>
      <c r="AA24778">
        <v>10</v>
      </c>
      <c r="AB24778">
        <v>10</v>
      </c>
      <c r="AC24778">
        <v>10</v>
      </c>
      <c r="AD24778">
        <v>10</v>
      </c>
      <c r="AE24778">
        <v>10</v>
      </c>
      <c r="AF24778">
        <v>10</v>
      </c>
      <c r="AG24778">
        <v>10</v>
      </c>
      <c r="AH24778">
        <v>11</v>
      </c>
      <c r="AI24778">
        <v>11</v>
      </c>
      <c r="AJ24778">
        <v>11</v>
      </c>
      <c r="AK24778">
        <v>11</v>
      </c>
      <c r="AL24778">
        <v>11</v>
      </c>
      <c r="AM24778">
        <v>11</v>
      </c>
      <c r="AN24778">
        <v>11</v>
      </c>
      <c r="AO24778">
        <v>11</v>
      </c>
      <c r="AP24778">
        <v>11</v>
      </c>
      <c r="AQ24778">
        <v>11</v>
      </c>
    </row>
    <row r="24779" spans="1:43">
      <c r="A24779" t="s">
        <v>15345</v>
      </c>
      <c r="B24779" t="s">
        <v>15346</v>
      </c>
      <c r="C24779" t="s">
        <v>15299</v>
      </c>
      <c r="D24779" t="s">
        <v>15300</v>
      </c>
      <c r="E24779" t="s">
        <v>15241</v>
      </c>
      <c r="F24779" t="s">
        <v>15242</v>
      </c>
      <c r="G24779" t="s">
        <v>10734</v>
      </c>
      <c r="H24779" t="s">
        <v>10735</v>
      </c>
      <c r="I24779" s="2">
        <v>1</v>
      </c>
      <c r="J24779" s="2">
        <v>0</v>
      </c>
      <c r="K24779" s="2">
        <v>0</v>
      </c>
      <c r="L24779" t="s">
        <v>120</v>
      </c>
      <c r="M24779" t="s">
        <v>87</v>
      </c>
      <c r="N24779" t="s">
        <v>88</v>
      </c>
      <c r="O24779" t="s">
        <v>85</v>
      </c>
      <c r="P24779" t="s">
        <v>86</v>
      </c>
      <c r="Q24779">
        <v>9</v>
      </c>
      <c r="R24779">
        <v>9</v>
      </c>
      <c r="S24779">
        <v>9</v>
      </c>
      <c r="T24779">
        <v>9</v>
      </c>
      <c r="U24779">
        <v>9</v>
      </c>
      <c r="V24779">
        <v>9</v>
      </c>
      <c r="W24779">
        <v>9</v>
      </c>
      <c r="X24779">
        <v>9</v>
      </c>
      <c r="Y24779">
        <v>9</v>
      </c>
      <c r="Z24779">
        <v>9</v>
      </c>
      <c r="AA24779">
        <v>9</v>
      </c>
      <c r="AB24779">
        <v>9</v>
      </c>
      <c r="AC24779">
        <v>9</v>
      </c>
      <c r="AD24779">
        <v>9</v>
      </c>
      <c r="AE24779">
        <v>9</v>
      </c>
      <c r="AF24779">
        <v>9</v>
      </c>
      <c r="AG24779">
        <v>9</v>
      </c>
      <c r="AH24779">
        <v>9</v>
      </c>
      <c r="AI24779">
        <v>9</v>
      </c>
      <c r="AJ24779">
        <v>9</v>
      </c>
      <c r="AK24779">
        <v>9</v>
      </c>
      <c r="AL24779">
        <v>9</v>
      </c>
      <c r="AM24779">
        <v>9</v>
      </c>
      <c r="AN24779">
        <v>9</v>
      </c>
      <c r="AO24779">
        <v>9</v>
      </c>
      <c r="AP24779">
        <v>9</v>
      </c>
      <c r="AQ24779">
        <v>9</v>
      </c>
    </row>
    <row r="24780" spans="1:43">
      <c r="A24780" t="s">
        <v>15345</v>
      </c>
      <c r="B24780" t="s">
        <v>15346</v>
      </c>
      <c r="C24780" t="s">
        <v>15299</v>
      </c>
      <c r="D24780" t="s">
        <v>15300</v>
      </c>
      <c r="E24780" t="s">
        <v>15241</v>
      </c>
      <c r="F24780" t="s">
        <v>15242</v>
      </c>
      <c r="G24780" t="s">
        <v>10734</v>
      </c>
      <c r="H24780" t="s">
        <v>10735</v>
      </c>
      <c r="I24780" s="2">
        <v>1</v>
      </c>
      <c r="J24780" s="2">
        <v>0</v>
      </c>
      <c r="K24780" s="2">
        <v>0</v>
      </c>
      <c r="L24780" t="s">
        <v>120</v>
      </c>
      <c r="M24780" t="s">
        <v>89</v>
      </c>
      <c r="N24780" t="s">
        <v>90</v>
      </c>
      <c r="O24780" t="s">
        <v>85</v>
      </c>
      <c r="P24780" t="s">
        <v>86</v>
      </c>
      <c r="Q24780">
        <v>9</v>
      </c>
      <c r="R24780">
        <v>9</v>
      </c>
      <c r="S24780">
        <v>9</v>
      </c>
      <c r="T24780">
        <v>9</v>
      </c>
      <c r="U24780">
        <v>9</v>
      </c>
      <c r="V24780">
        <v>10</v>
      </c>
      <c r="W24780">
        <v>10</v>
      </c>
      <c r="X24780">
        <v>10</v>
      </c>
      <c r="Y24780">
        <v>10</v>
      </c>
      <c r="Z24780">
        <v>10</v>
      </c>
      <c r="AA24780">
        <v>10</v>
      </c>
      <c r="AB24780">
        <v>11</v>
      </c>
      <c r="AC24780">
        <v>11</v>
      </c>
      <c r="AD24780">
        <v>11</v>
      </c>
      <c r="AE24780">
        <v>11</v>
      </c>
      <c r="AF24780">
        <v>11</v>
      </c>
      <c r="AG24780">
        <v>11</v>
      </c>
      <c r="AH24780">
        <v>11</v>
      </c>
      <c r="AI24780">
        <v>11</v>
      </c>
      <c r="AJ24780">
        <v>11</v>
      </c>
      <c r="AK24780">
        <v>11</v>
      </c>
      <c r="AL24780">
        <v>11</v>
      </c>
      <c r="AM24780">
        <v>11</v>
      </c>
      <c r="AN24780">
        <v>11</v>
      </c>
      <c r="AO24780">
        <v>11</v>
      </c>
      <c r="AP24780">
        <v>11</v>
      </c>
      <c r="AQ24780">
        <v>11</v>
      </c>
    </row>
    <row r="24781" spans="1:43">
      <c r="A24781" t="s">
        <v>15345</v>
      </c>
      <c r="B24781" t="s">
        <v>15346</v>
      </c>
      <c r="C24781" t="s">
        <v>15299</v>
      </c>
      <c r="D24781" t="s">
        <v>15300</v>
      </c>
      <c r="E24781" t="s">
        <v>15241</v>
      </c>
      <c r="F24781" t="s">
        <v>15242</v>
      </c>
      <c r="G24781" t="s">
        <v>10734</v>
      </c>
      <c r="H24781" t="s">
        <v>10735</v>
      </c>
      <c r="I24781" s="2">
        <v>1</v>
      </c>
      <c r="J24781" s="2">
        <v>0</v>
      </c>
      <c r="K24781" s="2">
        <v>0</v>
      </c>
      <c r="L24781" t="s">
        <v>120</v>
      </c>
      <c r="M24781" t="s">
        <v>83</v>
      </c>
      <c r="N24781" t="s">
        <v>91</v>
      </c>
      <c r="O24781" t="s">
        <v>85</v>
      </c>
      <c r="P24781" t="s">
        <v>86</v>
      </c>
      <c r="Q24781">
        <v>9</v>
      </c>
      <c r="R24781">
        <v>9</v>
      </c>
      <c r="S24781">
        <v>9</v>
      </c>
      <c r="T24781">
        <v>9</v>
      </c>
      <c r="U24781">
        <v>9</v>
      </c>
      <c r="V24781">
        <v>9</v>
      </c>
      <c r="W24781">
        <v>9</v>
      </c>
      <c r="X24781">
        <v>9</v>
      </c>
      <c r="Y24781">
        <v>10</v>
      </c>
      <c r="Z24781">
        <v>10</v>
      </c>
      <c r="AA24781">
        <v>10</v>
      </c>
      <c r="AB24781">
        <v>10</v>
      </c>
      <c r="AC24781">
        <v>10</v>
      </c>
      <c r="AD24781">
        <v>10</v>
      </c>
      <c r="AE24781">
        <v>10</v>
      </c>
      <c r="AF24781">
        <v>10</v>
      </c>
      <c r="AG24781">
        <v>10</v>
      </c>
      <c r="AH24781">
        <v>11</v>
      </c>
      <c r="AI24781">
        <v>11</v>
      </c>
      <c r="AJ24781">
        <v>11</v>
      </c>
      <c r="AK24781">
        <v>11</v>
      </c>
      <c r="AL24781">
        <v>11</v>
      </c>
      <c r="AM24781">
        <v>11</v>
      </c>
      <c r="AN24781">
        <v>11</v>
      </c>
      <c r="AO24781">
        <v>11</v>
      </c>
      <c r="AP24781">
        <v>11</v>
      </c>
      <c r="AQ24781">
        <v>11</v>
      </c>
    </row>
    <row r="24782" spans="1:43">
      <c r="A24782" t="s">
        <v>15347</v>
      </c>
      <c r="B24782" t="s">
        <v>15348</v>
      </c>
      <c r="C24782" t="s">
        <v>15349</v>
      </c>
      <c r="D24782" t="s">
        <v>15350</v>
      </c>
      <c r="E24782" t="s">
        <v>15241</v>
      </c>
      <c r="F24782" t="s">
        <v>15242</v>
      </c>
      <c r="G24782" t="s">
        <v>10734</v>
      </c>
      <c r="H24782" t="s">
        <v>10735</v>
      </c>
      <c r="I24782" s="2">
        <v>1</v>
      </c>
      <c r="J24782" s="2">
        <v>0</v>
      </c>
      <c r="K24782" s="2">
        <v>0</v>
      </c>
      <c r="L24782" t="s">
        <v>120</v>
      </c>
      <c r="M24782" t="s">
        <v>83</v>
      </c>
      <c r="N24782" t="s">
        <v>84</v>
      </c>
      <c r="O24782" t="s">
        <v>85</v>
      </c>
      <c r="P24782" t="s">
        <v>86</v>
      </c>
      <c r="Q24782">
        <v>65</v>
      </c>
      <c r="R24782">
        <v>66</v>
      </c>
      <c r="S24782">
        <v>67</v>
      </c>
      <c r="T24782">
        <v>68</v>
      </c>
      <c r="U24782">
        <v>69</v>
      </c>
      <c r="V24782">
        <v>70</v>
      </c>
      <c r="W24782">
        <v>71</v>
      </c>
      <c r="X24782">
        <v>72</v>
      </c>
      <c r="Y24782">
        <v>73</v>
      </c>
      <c r="Z24782">
        <v>74</v>
      </c>
      <c r="AA24782">
        <v>74</v>
      </c>
      <c r="AB24782">
        <v>75</v>
      </c>
      <c r="AC24782">
        <v>76</v>
      </c>
      <c r="AD24782">
        <v>77</v>
      </c>
      <c r="AE24782">
        <v>78</v>
      </c>
      <c r="AF24782">
        <v>78</v>
      </c>
      <c r="AG24782">
        <v>79</v>
      </c>
      <c r="AH24782">
        <v>80</v>
      </c>
      <c r="AI24782">
        <v>81</v>
      </c>
      <c r="AJ24782">
        <v>81</v>
      </c>
      <c r="AK24782">
        <v>82</v>
      </c>
      <c r="AL24782">
        <v>82</v>
      </c>
      <c r="AM24782">
        <v>82</v>
      </c>
      <c r="AN24782">
        <v>82</v>
      </c>
      <c r="AO24782">
        <v>82</v>
      </c>
      <c r="AP24782">
        <v>82</v>
      </c>
      <c r="AQ24782">
        <v>82</v>
      </c>
    </row>
    <row r="24783" spans="1:43">
      <c r="A24783" t="s">
        <v>15347</v>
      </c>
      <c r="B24783" t="s">
        <v>15348</v>
      </c>
      <c r="C24783" t="s">
        <v>15349</v>
      </c>
      <c r="D24783" t="s">
        <v>15350</v>
      </c>
      <c r="E24783" t="s">
        <v>15241</v>
      </c>
      <c r="F24783" t="s">
        <v>15242</v>
      </c>
      <c r="G24783" t="s">
        <v>10734</v>
      </c>
      <c r="H24783" t="s">
        <v>10735</v>
      </c>
      <c r="I24783" s="2">
        <v>1</v>
      </c>
      <c r="J24783" s="2">
        <v>0</v>
      </c>
      <c r="K24783" s="2">
        <v>0</v>
      </c>
      <c r="L24783" t="s">
        <v>120</v>
      </c>
      <c r="M24783" t="s">
        <v>87</v>
      </c>
      <c r="N24783" t="s">
        <v>88</v>
      </c>
      <c r="O24783" t="s">
        <v>85</v>
      </c>
      <c r="P24783" t="s">
        <v>86</v>
      </c>
      <c r="Q24783">
        <v>65</v>
      </c>
      <c r="R24783">
        <v>65</v>
      </c>
      <c r="S24783">
        <v>65</v>
      </c>
      <c r="T24783">
        <v>66</v>
      </c>
      <c r="U24783">
        <v>66</v>
      </c>
      <c r="V24783">
        <v>66</v>
      </c>
      <c r="W24783">
        <v>67</v>
      </c>
      <c r="X24783">
        <v>67</v>
      </c>
      <c r="Y24783">
        <v>67</v>
      </c>
      <c r="Z24783">
        <v>68</v>
      </c>
      <c r="AA24783">
        <v>68</v>
      </c>
      <c r="AB24783">
        <v>68</v>
      </c>
      <c r="AC24783">
        <v>68</v>
      </c>
      <c r="AD24783">
        <v>69</v>
      </c>
      <c r="AE24783">
        <v>69</v>
      </c>
      <c r="AF24783">
        <v>69</v>
      </c>
      <c r="AG24783">
        <v>69</v>
      </c>
      <c r="AH24783">
        <v>70</v>
      </c>
      <c r="AI24783">
        <v>70</v>
      </c>
      <c r="AJ24783">
        <v>70</v>
      </c>
      <c r="AK24783">
        <v>71</v>
      </c>
      <c r="AL24783">
        <v>71</v>
      </c>
      <c r="AM24783">
        <v>71</v>
      </c>
      <c r="AN24783">
        <v>71</v>
      </c>
      <c r="AO24783">
        <v>71</v>
      </c>
      <c r="AP24783">
        <v>72</v>
      </c>
      <c r="AQ24783">
        <v>72</v>
      </c>
    </row>
    <row r="24784" spans="1:43">
      <c r="A24784" t="s">
        <v>15347</v>
      </c>
      <c r="B24784" t="s">
        <v>15348</v>
      </c>
      <c r="C24784" t="s">
        <v>15349</v>
      </c>
      <c r="D24784" t="s">
        <v>15350</v>
      </c>
      <c r="E24784" t="s">
        <v>15241</v>
      </c>
      <c r="F24784" t="s">
        <v>15242</v>
      </c>
      <c r="G24784" t="s">
        <v>10734</v>
      </c>
      <c r="H24784" t="s">
        <v>10735</v>
      </c>
      <c r="I24784" s="2">
        <v>1</v>
      </c>
      <c r="J24784" s="2">
        <v>0</v>
      </c>
      <c r="K24784" s="2">
        <v>0</v>
      </c>
      <c r="L24784" t="s">
        <v>120</v>
      </c>
      <c r="M24784" t="s">
        <v>89</v>
      </c>
      <c r="N24784" t="s">
        <v>90</v>
      </c>
      <c r="O24784" t="s">
        <v>85</v>
      </c>
      <c r="P24784" t="s">
        <v>86</v>
      </c>
      <c r="Q24784">
        <v>65</v>
      </c>
      <c r="R24784">
        <v>67</v>
      </c>
      <c r="S24784">
        <v>68</v>
      </c>
      <c r="T24784">
        <v>69</v>
      </c>
      <c r="U24784">
        <v>71</v>
      </c>
      <c r="V24784">
        <v>72</v>
      </c>
      <c r="W24784">
        <v>73</v>
      </c>
      <c r="X24784">
        <v>75</v>
      </c>
      <c r="Y24784">
        <v>76</v>
      </c>
      <c r="Z24784">
        <v>77</v>
      </c>
      <c r="AA24784">
        <v>78</v>
      </c>
      <c r="AB24784">
        <v>79</v>
      </c>
      <c r="AC24784">
        <v>80</v>
      </c>
      <c r="AD24784">
        <v>81</v>
      </c>
      <c r="AE24784">
        <v>82</v>
      </c>
      <c r="AF24784">
        <v>82</v>
      </c>
      <c r="AG24784">
        <v>82</v>
      </c>
      <c r="AH24784">
        <v>82</v>
      </c>
      <c r="AI24784">
        <v>82</v>
      </c>
      <c r="AJ24784">
        <v>82</v>
      </c>
      <c r="AK24784">
        <v>82</v>
      </c>
      <c r="AL24784">
        <v>82</v>
      </c>
      <c r="AM24784">
        <v>82</v>
      </c>
      <c r="AN24784">
        <v>82</v>
      </c>
      <c r="AO24784">
        <v>82</v>
      </c>
      <c r="AP24784">
        <v>82</v>
      </c>
      <c r="AQ24784">
        <v>82</v>
      </c>
    </row>
    <row r="24785" spans="1:43">
      <c r="A24785" t="s">
        <v>15347</v>
      </c>
      <c r="B24785" t="s">
        <v>15348</v>
      </c>
      <c r="C24785" t="s">
        <v>15349</v>
      </c>
      <c r="D24785" t="s">
        <v>15350</v>
      </c>
      <c r="E24785" t="s">
        <v>15241</v>
      </c>
      <c r="F24785" t="s">
        <v>15242</v>
      </c>
      <c r="G24785" t="s">
        <v>10734</v>
      </c>
      <c r="H24785" t="s">
        <v>10735</v>
      </c>
      <c r="I24785" s="2">
        <v>1</v>
      </c>
      <c r="J24785" s="2">
        <v>0</v>
      </c>
      <c r="K24785" s="2">
        <v>0</v>
      </c>
      <c r="L24785" t="s">
        <v>120</v>
      </c>
      <c r="M24785" t="s">
        <v>83</v>
      </c>
      <c r="N24785" t="s">
        <v>91</v>
      </c>
      <c r="O24785" t="s">
        <v>85</v>
      </c>
      <c r="P24785" t="s">
        <v>86</v>
      </c>
      <c r="Q24785">
        <v>65</v>
      </c>
      <c r="R24785">
        <v>66</v>
      </c>
      <c r="S24785">
        <v>67</v>
      </c>
      <c r="T24785">
        <v>68</v>
      </c>
      <c r="U24785">
        <v>69</v>
      </c>
      <c r="V24785">
        <v>70</v>
      </c>
      <c r="W24785">
        <v>71</v>
      </c>
      <c r="X24785">
        <v>72</v>
      </c>
      <c r="Y24785">
        <v>73</v>
      </c>
      <c r="Z24785">
        <v>74</v>
      </c>
      <c r="AA24785">
        <v>74</v>
      </c>
      <c r="AB24785">
        <v>75</v>
      </c>
      <c r="AC24785">
        <v>76</v>
      </c>
      <c r="AD24785">
        <v>77</v>
      </c>
      <c r="AE24785">
        <v>78</v>
      </c>
      <c r="AF24785">
        <v>78</v>
      </c>
      <c r="AG24785">
        <v>79</v>
      </c>
      <c r="AH24785">
        <v>80</v>
      </c>
      <c r="AI24785">
        <v>81</v>
      </c>
      <c r="AJ24785">
        <v>81</v>
      </c>
      <c r="AK24785">
        <v>82</v>
      </c>
      <c r="AL24785">
        <v>82</v>
      </c>
      <c r="AM24785">
        <v>82</v>
      </c>
      <c r="AN24785">
        <v>82</v>
      </c>
      <c r="AO24785">
        <v>82</v>
      </c>
      <c r="AP24785">
        <v>82</v>
      </c>
      <c r="AQ24785">
        <v>82</v>
      </c>
    </row>
    <row r="24786" spans="1:43">
      <c r="A24786" t="s">
        <v>15351</v>
      </c>
      <c r="B24786" t="s">
        <v>15352</v>
      </c>
      <c r="C24786" t="s">
        <v>15299</v>
      </c>
      <c r="D24786" t="s">
        <v>15300</v>
      </c>
      <c r="E24786" t="s">
        <v>15241</v>
      </c>
      <c r="F24786" t="s">
        <v>15242</v>
      </c>
      <c r="G24786" t="s">
        <v>10734</v>
      </c>
      <c r="H24786" t="s">
        <v>10735</v>
      </c>
      <c r="I24786" s="2">
        <v>1</v>
      </c>
      <c r="J24786" s="2">
        <v>0</v>
      </c>
      <c r="K24786" s="2">
        <v>0</v>
      </c>
      <c r="L24786" t="s">
        <v>120</v>
      </c>
      <c r="M24786" t="s">
        <v>83</v>
      </c>
      <c r="N24786" t="s">
        <v>84</v>
      </c>
      <c r="O24786" t="s">
        <v>85</v>
      </c>
      <c r="P24786" t="s">
        <v>86</v>
      </c>
      <c r="Q24786">
        <v>24</v>
      </c>
      <c r="R24786">
        <v>25</v>
      </c>
      <c r="S24786">
        <v>25</v>
      </c>
      <c r="T24786">
        <v>25</v>
      </c>
      <c r="U24786">
        <v>26</v>
      </c>
      <c r="V24786">
        <v>26</v>
      </c>
      <c r="W24786">
        <v>26</v>
      </c>
      <c r="X24786">
        <v>27</v>
      </c>
      <c r="Y24786">
        <v>27</v>
      </c>
      <c r="Z24786">
        <v>27</v>
      </c>
      <c r="AA24786">
        <v>28</v>
      </c>
      <c r="AB24786">
        <v>28</v>
      </c>
      <c r="AC24786">
        <v>28</v>
      </c>
      <c r="AD24786">
        <v>29</v>
      </c>
      <c r="AE24786">
        <v>29</v>
      </c>
      <c r="AF24786">
        <v>29</v>
      </c>
      <c r="AG24786">
        <v>29</v>
      </c>
      <c r="AH24786">
        <v>30</v>
      </c>
      <c r="AI24786">
        <v>30</v>
      </c>
      <c r="AJ24786">
        <v>30</v>
      </c>
      <c r="AK24786">
        <v>31</v>
      </c>
      <c r="AL24786">
        <v>31</v>
      </c>
      <c r="AM24786">
        <v>31</v>
      </c>
      <c r="AN24786">
        <v>31</v>
      </c>
      <c r="AO24786">
        <v>31</v>
      </c>
      <c r="AP24786">
        <v>31</v>
      </c>
      <c r="AQ24786">
        <v>31</v>
      </c>
    </row>
    <row r="24787" spans="1:43">
      <c r="A24787" t="s">
        <v>15351</v>
      </c>
      <c r="B24787" t="s">
        <v>15352</v>
      </c>
      <c r="C24787" t="s">
        <v>15299</v>
      </c>
      <c r="D24787" t="s">
        <v>15300</v>
      </c>
      <c r="E24787" t="s">
        <v>15241</v>
      </c>
      <c r="F24787" t="s">
        <v>15242</v>
      </c>
      <c r="G24787" t="s">
        <v>10734</v>
      </c>
      <c r="H24787" t="s">
        <v>10735</v>
      </c>
      <c r="I24787" s="2">
        <v>1</v>
      </c>
      <c r="J24787" s="2">
        <v>0</v>
      </c>
      <c r="K24787" s="2">
        <v>0</v>
      </c>
      <c r="L24787" t="s">
        <v>120</v>
      </c>
      <c r="M24787" t="s">
        <v>87</v>
      </c>
      <c r="N24787" t="s">
        <v>88</v>
      </c>
      <c r="O24787" t="s">
        <v>85</v>
      </c>
      <c r="P24787" t="s">
        <v>86</v>
      </c>
      <c r="Q24787">
        <v>24</v>
      </c>
      <c r="R24787">
        <v>24</v>
      </c>
      <c r="S24787">
        <v>24</v>
      </c>
      <c r="T24787">
        <v>24</v>
      </c>
      <c r="U24787">
        <v>25</v>
      </c>
      <c r="V24787">
        <v>25</v>
      </c>
      <c r="W24787">
        <v>25</v>
      </c>
      <c r="X24787">
        <v>25</v>
      </c>
      <c r="Y24787">
        <v>25</v>
      </c>
      <c r="Z24787">
        <v>25</v>
      </c>
      <c r="AA24787">
        <v>25</v>
      </c>
      <c r="AB24787">
        <v>25</v>
      </c>
      <c r="AC24787">
        <v>25</v>
      </c>
      <c r="AD24787">
        <v>26</v>
      </c>
      <c r="AE24787">
        <v>26</v>
      </c>
      <c r="AF24787">
        <v>26</v>
      </c>
      <c r="AG24787">
        <v>26</v>
      </c>
      <c r="AH24787">
        <v>26</v>
      </c>
      <c r="AI24787">
        <v>26</v>
      </c>
      <c r="AJ24787">
        <v>26</v>
      </c>
      <c r="AK24787">
        <v>26</v>
      </c>
      <c r="AL24787">
        <v>26</v>
      </c>
      <c r="AM24787">
        <v>26</v>
      </c>
      <c r="AN24787">
        <v>27</v>
      </c>
      <c r="AO24787">
        <v>27</v>
      </c>
      <c r="AP24787">
        <v>27</v>
      </c>
      <c r="AQ24787">
        <v>27</v>
      </c>
    </row>
    <row r="24788" spans="1:43">
      <c r="A24788" t="s">
        <v>15351</v>
      </c>
      <c r="B24788" t="s">
        <v>15352</v>
      </c>
      <c r="C24788" t="s">
        <v>15299</v>
      </c>
      <c r="D24788" t="s">
        <v>15300</v>
      </c>
      <c r="E24788" t="s">
        <v>15241</v>
      </c>
      <c r="F24788" t="s">
        <v>15242</v>
      </c>
      <c r="G24788" t="s">
        <v>10734</v>
      </c>
      <c r="H24788" t="s">
        <v>10735</v>
      </c>
      <c r="I24788" s="2">
        <v>1</v>
      </c>
      <c r="J24788" s="2">
        <v>0</v>
      </c>
      <c r="K24788" s="2">
        <v>0</v>
      </c>
      <c r="L24788" t="s">
        <v>120</v>
      </c>
      <c r="M24788" t="s">
        <v>89</v>
      </c>
      <c r="N24788" t="s">
        <v>90</v>
      </c>
      <c r="O24788" t="s">
        <v>85</v>
      </c>
      <c r="P24788" t="s">
        <v>86</v>
      </c>
      <c r="Q24788">
        <v>24</v>
      </c>
      <c r="R24788">
        <v>24</v>
      </c>
      <c r="S24788">
        <v>25</v>
      </c>
      <c r="T24788">
        <v>25</v>
      </c>
      <c r="U24788">
        <v>26</v>
      </c>
      <c r="V24788">
        <v>26</v>
      </c>
      <c r="W24788">
        <v>27</v>
      </c>
      <c r="X24788">
        <v>27</v>
      </c>
      <c r="Y24788">
        <v>28</v>
      </c>
      <c r="Z24788">
        <v>28</v>
      </c>
      <c r="AA24788">
        <v>28</v>
      </c>
      <c r="AB24788">
        <v>29</v>
      </c>
      <c r="AC24788">
        <v>29</v>
      </c>
      <c r="AD24788">
        <v>30</v>
      </c>
      <c r="AE24788">
        <v>30</v>
      </c>
      <c r="AF24788">
        <v>30</v>
      </c>
      <c r="AG24788">
        <v>30</v>
      </c>
      <c r="AH24788">
        <v>30</v>
      </c>
      <c r="AI24788">
        <v>30</v>
      </c>
      <c r="AJ24788">
        <v>30</v>
      </c>
      <c r="AK24788">
        <v>30</v>
      </c>
      <c r="AL24788">
        <v>30</v>
      </c>
      <c r="AM24788">
        <v>30</v>
      </c>
      <c r="AN24788">
        <v>30</v>
      </c>
      <c r="AO24788">
        <v>30</v>
      </c>
      <c r="AP24788">
        <v>30</v>
      </c>
      <c r="AQ24788">
        <v>30</v>
      </c>
    </row>
    <row r="24789" spans="1:43">
      <c r="A24789" t="s">
        <v>15351</v>
      </c>
      <c r="B24789" t="s">
        <v>15352</v>
      </c>
      <c r="C24789" t="s">
        <v>15299</v>
      </c>
      <c r="D24789" t="s">
        <v>15300</v>
      </c>
      <c r="E24789" t="s">
        <v>15241</v>
      </c>
      <c r="F24789" t="s">
        <v>15242</v>
      </c>
      <c r="G24789" t="s">
        <v>10734</v>
      </c>
      <c r="H24789" t="s">
        <v>10735</v>
      </c>
      <c r="I24789" s="2">
        <v>1</v>
      </c>
      <c r="J24789" s="2">
        <v>0</v>
      </c>
      <c r="K24789" s="2">
        <v>0</v>
      </c>
      <c r="L24789" t="s">
        <v>120</v>
      </c>
      <c r="M24789" t="s">
        <v>83</v>
      </c>
      <c r="N24789" t="s">
        <v>91</v>
      </c>
      <c r="O24789" t="s">
        <v>85</v>
      </c>
      <c r="P24789" t="s">
        <v>86</v>
      </c>
      <c r="Q24789">
        <v>24</v>
      </c>
      <c r="R24789">
        <v>25</v>
      </c>
      <c r="S24789">
        <v>25</v>
      </c>
      <c r="T24789">
        <v>25</v>
      </c>
      <c r="U24789">
        <v>26</v>
      </c>
      <c r="V24789">
        <v>26</v>
      </c>
      <c r="W24789">
        <v>26</v>
      </c>
      <c r="X24789">
        <v>27</v>
      </c>
      <c r="Y24789">
        <v>27</v>
      </c>
      <c r="Z24789">
        <v>27</v>
      </c>
      <c r="AA24789">
        <v>28</v>
      </c>
      <c r="AB24789">
        <v>28</v>
      </c>
      <c r="AC24789">
        <v>28</v>
      </c>
      <c r="AD24789">
        <v>29</v>
      </c>
      <c r="AE24789">
        <v>29</v>
      </c>
      <c r="AF24789">
        <v>29</v>
      </c>
      <c r="AG24789">
        <v>29</v>
      </c>
      <c r="AH24789">
        <v>30</v>
      </c>
      <c r="AI24789">
        <v>30</v>
      </c>
      <c r="AJ24789">
        <v>30</v>
      </c>
      <c r="AK24789">
        <v>31</v>
      </c>
      <c r="AL24789">
        <v>31</v>
      </c>
      <c r="AM24789">
        <v>31</v>
      </c>
      <c r="AN24789">
        <v>31</v>
      </c>
      <c r="AO24789">
        <v>31</v>
      </c>
      <c r="AP24789">
        <v>31</v>
      </c>
      <c r="AQ24789">
        <v>31</v>
      </c>
    </row>
    <row r="24790" spans="1:43">
      <c r="A24790" t="s">
        <v>15353</v>
      </c>
      <c r="B24790" t="s">
        <v>15354</v>
      </c>
      <c r="C24790" t="s">
        <v>15299</v>
      </c>
      <c r="D24790" t="s">
        <v>15300</v>
      </c>
      <c r="E24790" t="s">
        <v>15241</v>
      </c>
      <c r="F24790" t="s">
        <v>15242</v>
      </c>
      <c r="G24790" t="s">
        <v>10734</v>
      </c>
      <c r="H24790" t="s">
        <v>10735</v>
      </c>
      <c r="I24790" s="2">
        <v>1</v>
      </c>
      <c r="J24790" s="2">
        <v>0</v>
      </c>
      <c r="K24790" s="2">
        <v>0</v>
      </c>
      <c r="L24790" t="s">
        <v>120</v>
      </c>
      <c r="M24790" t="s">
        <v>83</v>
      </c>
      <c r="N24790" t="s">
        <v>84</v>
      </c>
      <c r="O24790" t="s">
        <v>85</v>
      </c>
      <c r="P24790" t="s">
        <v>86</v>
      </c>
      <c r="Q24790">
        <v>10</v>
      </c>
      <c r="R24790">
        <v>11</v>
      </c>
      <c r="S24790">
        <v>11</v>
      </c>
      <c r="T24790">
        <v>11</v>
      </c>
      <c r="U24790">
        <v>11</v>
      </c>
      <c r="V24790">
        <v>11</v>
      </c>
      <c r="W24790">
        <v>11</v>
      </c>
      <c r="X24790">
        <v>11</v>
      </c>
      <c r="Y24790">
        <v>11</v>
      </c>
      <c r="Z24790">
        <v>12</v>
      </c>
      <c r="AA24790">
        <v>12</v>
      </c>
      <c r="AB24790">
        <v>12</v>
      </c>
      <c r="AC24790">
        <v>12</v>
      </c>
      <c r="AD24790">
        <v>12</v>
      </c>
      <c r="AE24790">
        <v>12</v>
      </c>
      <c r="AF24790">
        <v>12</v>
      </c>
      <c r="AG24790">
        <v>12</v>
      </c>
      <c r="AH24790">
        <v>13</v>
      </c>
      <c r="AI24790">
        <v>13</v>
      </c>
      <c r="AJ24790">
        <v>13</v>
      </c>
      <c r="AK24790">
        <v>13</v>
      </c>
      <c r="AL24790">
        <v>13</v>
      </c>
      <c r="AM24790">
        <v>13</v>
      </c>
      <c r="AN24790">
        <v>13</v>
      </c>
      <c r="AO24790">
        <v>13</v>
      </c>
      <c r="AP24790">
        <v>13</v>
      </c>
      <c r="AQ24790">
        <v>13</v>
      </c>
    </row>
    <row r="24791" spans="1:43">
      <c r="A24791" t="s">
        <v>15353</v>
      </c>
      <c r="B24791" t="s">
        <v>15354</v>
      </c>
      <c r="C24791" t="s">
        <v>15299</v>
      </c>
      <c r="D24791" t="s">
        <v>15300</v>
      </c>
      <c r="E24791" t="s">
        <v>15241</v>
      </c>
      <c r="F24791" t="s">
        <v>15242</v>
      </c>
      <c r="G24791" t="s">
        <v>10734</v>
      </c>
      <c r="H24791" t="s">
        <v>10735</v>
      </c>
      <c r="I24791" s="2">
        <v>1</v>
      </c>
      <c r="J24791" s="2">
        <v>0</v>
      </c>
      <c r="K24791" s="2">
        <v>0</v>
      </c>
      <c r="L24791" t="s">
        <v>120</v>
      </c>
      <c r="M24791" t="s">
        <v>87</v>
      </c>
      <c r="N24791" t="s">
        <v>88</v>
      </c>
      <c r="O24791" t="s">
        <v>85</v>
      </c>
      <c r="P24791" t="s">
        <v>86</v>
      </c>
      <c r="Q24791">
        <v>10</v>
      </c>
      <c r="R24791">
        <v>10</v>
      </c>
      <c r="S24791">
        <v>10</v>
      </c>
      <c r="T24791">
        <v>10</v>
      </c>
      <c r="U24791">
        <v>10</v>
      </c>
      <c r="V24791">
        <v>10</v>
      </c>
      <c r="W24791">
        <v>11</v>
      </c>
      <c r="X24791">
        <v>11</v>
      </c>
      <c r="Y24791">
        <v>11</v>
      </c>
      <c r="Z24791">
        <v>11</v>
      </c>
      <c r="AA24791">
        <v>11</v>
      </c>
      <c r="AB24791">
        <v>11</v>
      </c>
      <c r="AC24791">
        <v>11</v>
      </c>
      <c r="AD24791">
        <v>11</v>
      </c>
      <c r="AE24791">
        <v>11</v>
      </c>
      <c r="AF24791">
        <v>11</v>
      </c>
      <c r="AG24791">
        <v>11</v>
      </c>
      <c r="AH24791">
        <v>11</v>
      </c>
      <c r="AI24791">
        <v>11</v>
      </c>
      <c r="AJ24791">
        <v>11</v>
      </c>
      <c r="AK24791">
        <v>11</v>
      </c>
      <c r="AL24791">
        <v>11</v>
      </c>
      <c r="AM24791">
        <v>11</v>
      </c>
      <c r="AN24791">
        <v>11</v>
      </c>
      <c r="AO24791">
        <v>11</v>
      </c>
      <c r="AP24791">
        <v>11</v>
      </c>
      <c r="AQ24791">
        <v>11</v>
      </c>
    </row>
    <row r="24792" spans="1:43">
      <c r="A24792" t="s">
        <v>15353</v>
      </c>
      <c r="B24792" t="s">
        <v>15354</v>
      </c>
      <c r="C24792" t="s">
        <v>15299</v>
      </c>
      <c r="D24792" t="s">
        <v>15300</v>
      </c>
      <c r="E24792" t="s">
        <v>15241</v>
      </c>
      <c r="F24792" t="s">
        <v>15242</v>
      </c>
      <c r="G24792" t="s">
        <v>10734</v>
      </c>
      <c r="H24792" t="s">
        <v>10735</v>
      </c>
      <c r="I24792" s="2">
        <v>1</v>
      </c>
      <c r="J24792" s="2">
        <v>0</v>
      </c>
      <c r="K24792" s="2">
        <v>0</v>
      </c>
      <c r="L24792" t="s">
        <v>120</v>
      </c>
      <c r="M24792" t="s">
        <v>89</v>
      </c>
      <c r="N24792" t="s">
        <v>90</v>
      </c>
      <c r="O24792" t="s">
        <v>85</v>
      </c>
      <c r="P24792" t="s">
        <v>86</v>
      </c>
      <c r="Q24792">
        <v>10</v>
      </c>
      <c r="R24792">
        <v>11</v>
      </c>
      <c r="S24792">
        <v>11</v>
      </c>
      <c r="T24792">
        <v>11</v>
      </c>
      <c r="U24792">
        <v>11</v>
      </c>
      <c r="V24792">
        <v>12</v>
      </c>
      <c r="W24792">
        <v>12</v>
      </c>
      <c r="X24792">
        <v>12</v>
      </c>
      <c r="Y24792">
        <v>12</v>
      </c>
      <c r="Z24792">
        <v>12</v>
      </c>
      <c r="AA24792">
        <v>12</v>
      </c>
      <c r="AB24792">
        <v>13</v>
      </c>
      <c r="AC24792">
        <v>13</v>
      </c>
      <c r="AD24792">
        <v>13</v>
      </c>
      <c r="AE24792">
        <v>13</v>
      </c>
      <c r="AF24792">
        <v>13</v>
      </c>
      <c r="AG24792">
        <v>13</v>
      </c>
      <c r="AH24792">
        <v>13</v>
      </c>
      <c r="AI24792">
        <v>13</v>
      </c>
      <c r="AJ24792">
        <v>13</v>
      </c>
      <c r="AK24792">
        <v>13</v>
      </c>
      <c r="AL24792">
        <v>13</v>
      </c>
      <c r="AM24792">
        <v>13</v>
      </c>
      <c r="AN24792">
        <v>13</v>
      </c>
      <c r="AO24792">
        <v>13</v>
      </c>
      <c r="AP24792">
        <v>13</v>
      </c>
      <c r="AQ24792">
        <v>13</v>
      </c>
    </row>
    <row r="24793" spans="1:43">
      <c r="A24793" t="s">
        <v>15353</v>
      </c>
      <c r="B24793" t="s">
        <v>15354</v>
      </c>
      <c r="C24793" t="s">
        <v>15299</v>
      </c>
      <c r="D24793" t="s">
        <v>15300</v>
      </c>
      <c r="E24793" t="s">
        <v>15241</v>
      </c>
      <c r="F24793" t="s">
        <v>15242</v>
      </c>
      <c r="G24793" t="s">
        <v>10734</v>
      </c>
      <c r="H24793" t="s">
        <v>10735</v>
      </c>
      <c r="I24793" s="2">
        <v>1</v>
      </c>
      <c r="J24793" s="2">
        <v>0</v>
      </c>
      <c r="K24793" s="2">
        <v>0</v>
      </c>
      <c r="L24793" t="s">
        <v>120</v>
      </c>
      <c r="M24793" t="s">
        <v>83</v>
      </c>
      <c r="N24793" t="s">
        <v>91</v>
      </c>
      <c r="O24793" t="s">
        <v>85</v>
      </c>
      <c r="P24793" t="s">
        <v>86</v>
      </c>
      <c r="Q24793">
        <v>10</v>
      </c>
      <c r="R24793">
        <v>11</v>
      </c>
      <c r="S24793">
        <v>11</v>
      </c>
      <c r="T24793">
        <v>11</v>
      </c>
      <c r="U24793">
        <v>11</v>
      </c>
      <c r="V24793">
        <v>11</v>
      </c>
      <c r="W24793">
        <v>11</v>
      </c>
      <c r="X24793">
        <v>11</v>
      </c>
      <c r="Y24793">
        <v>11</v>
      </c>
      <c r="Z24793">
        <v>12</v>
      </c>
      <c r="AA24793">
        <v>12</v>
      </c>
      <c r="AB24793">
        <v>12</v>
      </c>
      <c r="AC24793">
        <v>12</v>
      </c>
      <c r="AD24793">
        <v>12</v>
      </c>
      <c r="AE24793">
        <v>12</v>
      </c>
      <c r="AF24793">
        <v>12</v>
      </c>
      <c r="AG24793">
        <v>12</v>
      </c>
      <c r="AH24793">
        <v>13</v>
      </c>
      <c r="AI24793">
        <v>13</v>
      </c>
      <c r="AJ24793">
        <v>13</v>
      </c>
      <c r="AK24793">
        <v>13</v>
      </c>
      <c r="AL24793">
        <v>13</v>
      </c>
      <c r="AM24793">
        <v>13</v>
      </c>
      <c r="AN24793">
        <v>13</v>
      </c>
      <c r="AO24793">
        <v>13</v>
      </c>
      <c r="AP24793">
        <v>13</v>
      </c>
      <c r="AQ24793">
        <v>13</v>
      </c>
    </row>
    <row r="24794" spans="1:43">
      <c r="A24794" t="s">
        <v>15355</v>
      </c>
      <c r="B24794" t="s">
        <v>15356</v>
      </c>
      <c r="C24794" t="s">
        <v>15349</v>
      </c>
      <c r="D24794" t="s">
        <v>15350</v>
      </c>
      <c r="E24794" t="s">
        <v>15241</v>
      </c>
      <c r="F24794" t="s">
        <v>15242</v>
      </c>
      <c r="G24794" t="s">
        <v>10734</v>
      </c>
      <c r="H24794" t="s">
        <v>10735</v>
      </c>
      <c r="I24794" s="2">
        <v>1</v>
      </c>
      <c r="J24794" s="2">
        <v>0</v>
      </c>
      <c r="K24794" s="2">
        <v>0</v>
      </c>
      <c r="L24794" t="s">
        <v>120</v>
      </c>
      <c r="M24794" t="s">
        <v>83</v>
      </c>
      <c r="N24794" t="s">
        <v>84</v>
      </c>
      <c r="O24794" t="s">
        <v>85</v>
      </c>
      <c r="P24794" t="s">
        <v>86</v>
      </c>
      <c r="Q24794">
        <v>91</v>
      </c>
      <c r="R24794">
        <v>92</v>
      </c>
      <c r="S24794">
        <v>93</v>
      </c>
      <c r="T24794">
        <v>95</v>
      </c>
      <c r="U24794">
        <v>96</v>
      </c>
      <c r="V24794">
        <v>97</v>
      </c>
      <c r="W24794">
        <v>98</v>
      </c>
      <c r="X24794">
        <v>100</v>
      </c>
      <c r="Y24794">
        <v>101</v>
      </c>
      <c r="Z24794">
        <v>102</v>
      </c>
      <c r="AA24794">
        <v>103</v>
      </c>
      <c r="AB24794">
        <v>104</v>
      </c>
      <c r="AC24794">
        <v>105</v>
      </c>
      <c r="AD24794">
        <v>107</v>
      </c>
      <c r="AE24794">
        <v>108</v>
      </c>
      <c r="AF24794">
        <v>109</v>
      </c>
      <c r="AG24794">
        <v>110</v>
      </c>
      <c r="AH24794">
        <v>111</v>
      </c>
      <c r="AI24794">
        <v>112</v>
      </c>
      <c r="AJ24794">
        <v>113</v>
      </c>
      <c r="AK24794">
        <v>114</v>
      </c>
      <c r="AL24794">
        <v>115</v>
      </c>
      <c r="AM24794">
        <v>115</v>
      </c>
      <c r="AN24794">
        <v>115</v>
      </c>
      <c r="AO24794">
        <v>115</v>
      </c>
      <c r="AP24794">
        <v>115</v>
      </c>
      <c r="AQ24794">
        <v>115</v>
      </c>
    </row>
    <row r="24795" spans="1:43">
      <c r="A24795" t="s">
        <v>15355</v>
      </c>
      <c r="B24795" t="s">
        <v>15356</v>
      </c>
      <c r="C24795" t="s">
        <v>15349</v>
      </c>
      <c r="D24795" t="s">
        <v>15350</v>
      </c>
      <c r="E24795" t="s">
        <v>15241</v>
      </c>
      <c r="F24795" t="s">
        <v>15242</v>
      </c>
      <c r="G24795" t="s">
        <v>10734</v>
      </c>
      <c r="H24795" t="s">
        <v>10735</v>
      </c>
      <c r="I24795" s="2">
        <v>1</v>
      </c>
      <c r="J24795" s="2">
        <v>0</v>
      </c>
      <c r="K24795" s="2">
        <v>0</v>
      </c>
      <c r="L24795" t="s">
        <v>120</v>
      </c>
      <c r="M24795" t="s">
        <v>87</v>
      </c>
      <c r="N24795" t="s">
        <v>88</v>
      </c>
      <c r="O24795" t="s">
        <v>85</v>
      </c>
      <c r="P24795" t="s">
        <v>86</v>
      </c>
      <c r="Q24795">
        <v>91</v>
      </c>
      <c r="R24795">
        <v>91</v>
      </c>
      <c r="S24795">
        <v>92</v>
      </c>
      <c r="T24795">
        <v>92</v>
      </c>
      <c r="U24795">
        <v>93</v>
      </c>
      <c r="V24795">
        <v>93</v>
      </c>
      <c r="W24795">
        <v>93</v>
      </c>
      <c r="X24795">
        <v>94</v>
      </c>
      <c r="Y24795">
        <v>94</v>
      </c>
      <c r="Z24795">
        <v>95</v>
      </c>
      <c r="AA24795">
        <v>95</v>
      </c>
      <c r="AB24795">
        <v>96</v>
      </c>
      <c r="AC24795">
        <v>96</v>
      </c>
      <c r="AD24795">
        <v>96</v>
      </c>
      <c r="AE24795">
        <v>97</v>
      </c>
      <c r="AF24795">
        <v>97</v>
      </c>
      <c r="AG24795">
        <v>98</v>
      </c>
      <c r="AH24795">
        <v>98</v>
      </c>
      <c r="AI24795">
        <v>98</v>
      </c>
      <c r="AJ24795">
        <v>99</v>
      </c>
      <c r="AK24795">
        <v>99</v>
      </c>
      <c r="AL24795">
        <v>99</v>
      </c>
      <c r="AM24795">
        <v>100</v>
      </c>
      <c r="AN24795">
        <v>100</v>
      </c>
      <c r="AO24795">
        <v>100</v>
      </c>
      <c r="AP24795">
        <v>101</v>
      </c>
      <c r="AQ24795">
        <v>101</v>
      </c>
    </row>
    <row r="24796" spans="1:43">
      <c r="A24796" t="s">
        <v>15355</v>
      </c>
      <c r="B24796" t="s">
        <v>15356</v>
      </c>
      <c r="C24796" t="s">
        <v>15349</v>
      </c>
      <c r="D24796" t="s">
        <v>15350</v>
      </c>
      <c r="E24796" t="s">
        <v>15241</v>
      </c>
      <c r="F24796" t="s">
        <v>15242</v>
      </c>
      <c r="G24796" t="s">
        <v>10734</v>
      </c>
      <c r="H24796" t="s">
        <v>10735</v>
      </c>
      <c r="I24796" s="2">
        <v>1</v>
      </c>
      <c r="J24796" s="2">
        <v>0</v>
      </c>
      <c r="K24796" s="2">
        <v>0</v>
      </c>
      <c r="L24796" t="s">
        <v>120</v>
      </c>
      <c r="M24796" t="s">
        <v>89</v>
      </c>
      <c r="N24796" t="s">
        <v>90</v>
      </c>
      <c r="O24796" t="s">
        <v>85</v>
      </c>
      <c r="P24796" t="s">
        <v>86</v>
      </c>
      <c r="Q24796">
        <v>91</v>
      </c>
      <c r="R24796">
        <v>94</v>
      </c>
      <c r="S24796">
        <v>96</v>
      </c>
      <c r="T24796">
        <v>98</v>
      </c>
      <c r="U24796">
        <v>100</v>
      </c>
      <c r="V24796">
        <v>101</v>
      </c>
      <c r="W24796">
        <v>103</v>
      </c>
      <c r="X24796">
        <v>105</v>
      </c>
      <c r="Y24796">
        <v>106</v>
      </c>
      <c r="Z24796">
        <v>108</v>
      </c>
      <c r="AA24796">
        <v>110</v>
      </c>
      <c r="AB24796">
        <v>111</v>
      </c>
      <c r="AC24796">
        <v>113</v>
      </c>
      <c r="AD24796">
        <v>114</v>
      </c>
      <c r="AE24796">
        <v>115</v>
      </c>
      <c r="AF24796">
        <v>115</v>
      </c>
      <c r="AG24796">
        <v>115</v>
      </c>
      <c r="AH24796">
        <v>115</v>
      </c>
      <c r="AI24796">
        <v>116</v>
      </c>
      <c r="AJ24796">
        <v>116</v>
      </c>
      <c r="AK24796">
        <v>116</v>
      </c>
      <c r="AL24796">
        <v>116</v>
      </c>
      <c r="AM24796">
        <v>116</v>
      </c>
      <c r="AN24796">
        <v>116</v>
      </c>
      <c r="AO24796">
        <v>116</v>
      </c>
      <c r="AP24796">
        <v>116</v>
      </c>
      <c r="AQ24796">
        <v>116</v>
      </c>
    </row>
    <row r="24797" spans="1:43">
      <c r="A24797" t="s">
        <v>15355</v>
      </c>
      <c r="B24797" t="s">
        <v>15356</v>
      </c>
      <c r="C24797" t="s">
        <v>15349</v>
      </c>
      <c r="D24797" t="s">
        <v>15350</v>
      </c>
      <c r="E24797" t="s">
        <v>15241</v>
      </c>
      <c r="F24797" t="s">
        <v>15242</v>
      </c>
      <c r="G24797" t="s">
        <v>10734</v>
      </c>
      <c r="H24797" t="s">
        <v>10735</v>
      </c>
      <c r="I24797" s="2">
        <v>1</v>
      </c>
      <c r="J24797" s="2">
        <v>0</v>
      </c>
      <c r="K24797" s="2">
        <v>0</v>
      </c>
      <c r="L24797" t="s">
        <v>120</v>
      </c>
      <c r="M24797" t="s">
        <v>83</v>
      </c>
      <c r="N24797" t="s">
        <v>91</v>
      </c>
      <c r="O24797" t="s">
        <v>85</v>
      </c>
      <c r="P24797" t="s">
        <v>86</v>
      </c>
      <c r="Q24797">
        <v>91</v>
      </c>
      <c r="R24797">
        <v>92</v>
      </c>
      <c r="S24797">
        <v>93</v>
      </c>
      <c r="T24797">
        <v>95</v>
      </c>
      <c r="U24797">
        <v>96</v>
      </c>
      <c r="V24797">
        <v>97</v>
      </c>
      <c r="W24797">
        <v>98</v>
      </c>
      <c r="X24797">
        <v>100</v>
      </c>
      <c r="Y24797">
        <v>101</v>
      </c>
      <c r="Z24797">
        <v>102</v>
      </c>
      <c r="AA24797">
        <v>103</v>
      </c>
      <c r="AB24797">
        <v>104</v>
      </c>
      <c r="AC24797">
        <v>105</v>
      </c>
      <c r="AD24797">
        <v>107</v>
      </c>
      <c r="AE24797">
        <v>108</v>
      </c>
      <c r="AF24797">
        <v>109</v>
      </c>
      <c r="AG24797">
        <v>110</v>
      </c>
      <c r="AH24797">
        <v>111</v>
      </c>
      <c r="AI24797">
        <v>112</v>
      </c>
      <c r="AJ24797">
        <v>113</v>
      </c>
      <c r="AK24797">
        <v>114</v>
      </c>
      <c r="AL24797">
        <v>115</v>
      </c>
      <c r="AM24797">
        <v>115</v>
      </c>
      <c r="AN24797">
        <v>115</v>
      </c>
      <c r="AO24797">
        <v>115</v>
      </c>
      <c r="AP24797">
        <v>115</v>
      </c>
      <c r="AQ24797">
        <v>115</v>
      </c>
    </row>
    <row r="24798" spans="1:43">
      <c r="A24798" t="s">
        <v>15357</v>
      </c>
      <c r="B24798" t="s">
        <v>15358</v>
      </c>
      <c r="C24798" t="s">
        <v>15303</v>
      </c>
      <c r="D24798" t="s">
        <v>15304</v>
      </c>
      <c r="E24798" t="s">
        <v>15241</v>
      </c>
      <c r="F24798" t="s">
        <v>15242</v>
      </c>
      <c r="G24798" t="s">
        <v>10734</v>
      </c>
      <c r="H24798" t="s">
        <v>10735</v>
      </c>
      <c r="I24798" s="2">
        <v>1</v>
      </c>
      <c r="J24798" s="2">
        <v>0</v>
      </c>
      <c r="K24798" s="2">
        <v>0</v>
      </c>
      <c r="L24798" t="s">
        <v>120</v>
      </c>
      <c r="M24798" t="s">
        <v>83</v>
      </c>
      <c r="N24798" t="s">
        <v>84</v>
      </c>
      <c r="O24798" t="s">
        <v>85</v>
      </c>
      <c r="P24798" t="s">
        <v>86</v>
      </c>
      <c r="Q24798">
        <v>10</v>
      </c>
      <c r="R24798">
        <v>10</v>
      </c>
      <c r="S24798">
        <v>10</v>
      </c>
      <c r="T24798">
        <v>10</v>
      </c>
      <c r="U24798">
        <v>10</v>
      </c>
      <c r="V24798">
        <v>10</v>
      </c>
      <c r="W24798">
        <v>10</v>
      </c>
      <c r="X24798">
        <v>11</v>
      </c>
      <c r="Y24798">
        <v>11</v>
      </c>
      <c r="Z24798">
        <v>11</v>
      </c>
      <c r="AA24798">
        <v>11</v>
      </c>
      <c r="AB24798">
        <v>11</v>
      </c>
      <c r="AC24798">
        <v>11</v>
      </c>
      <c r="AD24798">
        <v>11</v>
      </c>
      <c r="AE24798">
        <v>11</v>
      </c>
      <c r="AF24798">
        <v>11</v>
      </c>
      <c r="AG24798">
        <v>12</v>
      </c>
      <c r="AH24798">
        <v>12</v>
      </c>
      <c r="AI24798">
        <v>12</v>
      </c>
      <c r="AJ24798">
        <v>12</v>
      </c>
      <c r="AK24798">
        <v>12</v>
      </c>
      <c r="AL24798">
        <v>12</v>
      </c>
      <c r="AM24798">
        <v>12</v>
      </c>
      <c r="AN24798">
        <v>12</v>
      </c>
      <c r="AO24798">
        <v>12</v>
      </c>
      <c r="AP24798">
        <v>12</v>
      </c>
      <c r="AQ24798">
        <v>12</v>
      </c>
    </row>
    <row r="24799" spans="1:43">
      <c r="A24799" t="s">
        <v>15357</v>
      </c>
      <c r="B24799" t="s">
        <v>15358</v>
      </c>
      <c r="C24799" t="s">
        <v>15303</v>
      </c>
      <c r="D24799" t="s">
        <v>15304</v>
      </c>
      <c r="E24799" t="s">
        <v>15241</v>
      </c>
      <c r="F24799" t="s">
        <v>15242</v>
      </c>
      <c r="G24799" t="s">
        <v>10734</v>
      </c>
      <c r="H24799" t="s">
        <v>10735</v>
      </c>
      <c r="I24799" s="2">
        <v>1</v>
      </c>
      <c r="J24799" s="2">
        <v>0</v>
      </c>
      <c r="K24799" s="2">
        <v>0</v>
      </c>
      <c r="L24799" t="s">
        <v>120</v>
      </c>
      <c r="M24799" t="s">
        <v>87</v>
      </c>
      <c r="N24799" t="s">
        <v>88</v>
      </c>
      <c r="O24799" t="s">
        <v>85</v>
      </c>
      <c r="P24799" t="s">
        <v>86</v>
      </c>
      <c r="Q24799">
        <v>10</v>
      </c>
      <c r="R24799">
        <v>10</v>
      </c>
      <c r="S24799">
        <v>10</v>
      </c>
      <c r="T24799">
        <v>10</v>
      </c>
      <c r="U24799">
        <v>10</v>
      </c>
      <c r="V24799">
        <v>10</v>
      </c>
      <c r="W24799">
        <v>10</v>
      </c>
      <c r="X24799">
        <v>10</v>
      </c>
      <c r="Y24799">
        <v>10</v>
      </c>
      <c r="Z24799">
        <v>10</v>
      </c>
      <c r="AA24799">
        <v>10</v>
      </c>
      <c r="AB24799">
        <v>10</v>
      </c>
      <c r="AC24799">
        <v>10</v>
      </c>
      <c r="AD24799">
        <v>10</v>
      </c>
      <c r="AE24799">
        <v>10</v>
      </c>
      <c r="AF24799">
        <v>10</v>
      </c>
      <c r="AG24799">
        <v>10</v>
      </c>
      <c r="AH24799">
        <v>10</v>
      </c>
      <c r="AI24799">
        <v>10</v>
      </c>
      <c r="AJ24799">
        <v>10</v>
      </c>
      <c r="AK24799">
        <v>10</v>
      </c>
      <c r="AL24799">
        <v>10</v>
      </c>
      <c r="AM24799">
        <v>10</v>
      </c>
      <c r="AN24799">
        <v>10</v>
      </c>
      <c r="AO24799">
        <v>10</v>
      </c>
      <c r="AP24799">
        <v>10</v>
      </c>
      <c r="AQ24799">
        <v>11</v>
      </c>
    </row>
    <row r="24800" spans="1:43">
      <c r="A24800" t="s">
        <v>15357</v>
      </c>
      <c r="B24800" t="s">
        <v>15358</v>
      </c>
      <c r="C24800" t="s">
        <v>15303</v>
      </c>
      <c r="D24800" t="s">
        <v>15304</v>
      </c>
      <c r="E24800" t="s">
        <v>15241</v>
      </c>
      <c r="F24800" t="s">
        <v>15242</v>
      </c>
      <c r="G24800" t="s">
        <v>10734</v>
      </c>
      <c r="H24800" t="s">
        <v>10735</v>
      </c>
      <c r="I24800" s="2">
        <v>1</v>
      </c>
      <c r="J24800" s="2">
        <v>0</v>
      </c>
      <c r="K24800" s="2">
        <v>0</v>
      </c>
      <c r="L24800" t="s">
        <v>120</v>
      </c>
      <c r="M24800" t="s">
        <v>89</v>
      </c>
      <c r="N24800" t="s">
        <v>90</v>
      </c>
      <c r="O24800" t="s">
        <v>85</v>
      </c>
      <c r="P24800" t="s">
        <v>86</v>
      </c>
      <c r="Q24800">
        <v>10</v>
      </c>
      <c r="R24800">
        <v>10</v>
      </c>
      <c r="S24800">
        <v>10</v>
      </c>
      <c r="T24800">
        <v>10</v>
      </c>
      <c r="U24800">
        <v>11</v>
      </c>
      <c r="V24800">
        <v>11</v>
      </c>
      <c r="W24800">
        <v>11</v>
      </c>
      <c r="X24800">
        <v>11</v>
      </c>
      <c r="Y24800">
        <v>11</v>
      </c>
      <c r="Z24800">
        <v>11</v>
      </c>
      <c r="AA24800">
        <v>12</v>
      </c>
      <c r="AB24800">
        <v>12</v>
      </c>
      <c r="AC24800">
        <v>12</v>
      </c>
      <c r="AD24800">
        <v>12</v>
      </c>
      <c r="AE24800">
        <v>12</v>
      </c>
      <c r="AF24800">
        <v>12</v>
      </c>
      <c r="AG24800">
        <v>12</v>
      </c>
      <c r="AH24800">
        <v>12</v>
      </c>
      <c r="AI24800">
        <v>12</v>
      </c>
      <c r="AJ24800">
        <v>12</v>
      </c>
      <c r="AK24800">
        <v>12</v>
      </c>
      <c r="AL24800">
        <v>12</v>
      </c>
      <c r="AM24800">
        <v>12</v>
      </c>
      <c r="AN24800">
        <v>12</v>
      </c>
      <c r="AO24800">
        <v>12</v>
      </c>
      <c r="AP24800">
        <v>12</v>
      </c>
      <c r="AQ24800">
        <v>12</v>
      </c>
    </row>
    <row r="24801" spans="1:43">
      <c r="A24801" t="s">
        <v>15357</v>
      </c>
      <c r="B24801" t="s">
        <v>15358</v>
      </c>
      <c r="C24801" t="s">
        <v>15303</v>
      </c>
      <c r="D24801" t="s">
        <v>15304</v>
      </c>
      <c r="E24801" t="s">
        <v>15241</v>
      </c>
      <c r="F24801" t="s">
        <v>15242</v>
      </c>
      <c r="G24801" t="s">
        <v>10734</v>
      </c>
      <c r="H24801" t="s">
        <v>10735</v>
      </c>
      <c r="I24801" s="2">
        <v>1</v>
      </c>
      <c r="J24801" s="2">
        <v>0</v>
      </c>
      <c r="K24801" s="2">
        <v>0</v>
      </c>
      <c r="L24801" t="s">
        <v>120</v>
      </c>
      <c r="M24801" t="s">
        <v>83</v>
      </c>
      <c r="N24801" t="s">
        <v>91</v>
      </c>
      <c r="O24801" t="s">
        <v>85</v>
      </c>
      <c r="P24801" t="s">
        <v>86</v>
      </c>
      <c r="Q24801">
        <v>10</v>
      </c>
      <c r="R24801">
        <v>10</v>
      </c>
      <c r="S24801">
        <v>10</v>
      </c>
      <c r="T24801">
        <v>10</v>
      </c>
      <c r="U24801">
        <v>10</v>
      </c>
      <c r="V24801">
        <v>10</v>
      </c>
      <c r="W24801">
        <v>10</v>
      </c>
      <c r="X24801">
        <v>11</v>
      </c>
      <c r="Y24801">
        <v>11</v>
      </c>
      <c r="Z24801">
        <v>11</v>
      </c>
      <c r="AA24801">
        <v>11</v>
      </c>
      <c r="AB24801">
        <v>11</v>
      </c>
      <c r="AC24801">
        <v>11</v>
      </c>
      <c r="AD24801">
        <v>11</v>
      </c>
      <c r="AE24801">
        <v>11</v>
      </c>
      <c r="AF24801">
        <v>11</v>
      </c>
      <c r="AG24801">
        <v>12</v>
      </c>
      <c r="AH24801">
        <v>12</v>
      </c>
      <c r="AI24801">
        <v>12</v>
      </c>
      <c r="AJ24801">
        <v>12</v>
      </c>
      <c r="AK24801">
        <v>12</v>
      </c>
      <c r="AL24801">
        <v>12</v>
      </c>
      <c r="AM24801">
        <v>12</v>
      </c>
      <c r="AN24801">
        <v>12</v>
      </c>
      <c r="AO24801">
        <v>12</v>
      </c>
      <c r="AP24801">
        <v>12</v>
      </c>
      <c r="AQ24801">
        <v>12</v>
      </c>
    </row>
    <row r="24802" spans="1:43">
      <c r="A24802" t="s">
        <v>15359</v>
      </c>
      <c r="B24802" t="s">
        <v>15360</v>
      </c>
      <c r="C24802" t="s">
        <v>15299</v>
      </c>
      <c r="D24802" t="s">
        <v>15300</v>
      </c>
      <c r="E24802" t="s">
        <v>15241</v>
      </c>
      <c r="F24802" t="s">
        <v>15242</v>
      </c>
      <c r="G24802" t="s">
        <v>10734</v>
      </c>
      <c r="H24802" t="s">
        <v>10735</v>
      </c>
      <c r="I24802" s="2">
        <v>1</v>
      </c>
      <c r="J24802" s="2">
        <v>0</v>
      </c>
      <c r="K24802" s="2">
        <v>0</v>
      </c>
      <c r="L24802" t="s">
        <v>120</v>
      </c>
      <c r="M24802" t="s">
        <v>83</v>
      </c>
      <c r="N24802" t="s">
        <v>84</v>
      </c>
      <c r="O24802" t="s">
        <v>85</v>
      </c>
      <c r="P24802" t="s">
        <v>86</v>
      </c>
      <c r="Q24802">
        <v>8</v>
      </c>
      <c r="R24802">
        <v>9</v>
      </c>
      <c r="S24802">
        <v>9</v>
      </c>
      <c r="T24802">
        <v>9</v>
      </c>
      <c r="U24802">
        <v>9</v>
      </c>
      <c r="V24802">
        <v>9</v>
      </c>
      <c r="W24802">
        <v>9</v>
      </c>
      <c r="X24802">
        <v>9</v>
      </c>
      <c r="Y24802">
        <v>9</v>
      </c>
      <c r="Z24802">
        <v>9</v>
      </c>
      <c r="AA24802">
        <v>10</v>
      </c>
      <c r="AB24802">
        <v>10</v>
      </c>
      <c r="AC24802">
        <v>10</v>
      </c>
      <c r="AD24802">
        <v>10</v>
      </c>
      <c r="AE24802">
        <v>10</v>
      </c>
      <c r="AF24802">
        <v>10</v>
      </c>
      <c r="AG24802">
        <v>10</v>
      </c>
      <c r="AH24802">
        <v>10</v>
      </c>
      <c r="AI24802">
        <v>10</v>
      </c>
      <c r="AJ24802">
        <v>10</v>
      </c>
      <c r="AK24802">
        <v>11</v>
      </c>
      <c r="AL24802">
        <v>11</v>
      </c>
      <c r="AM24802">
        <v>11</v>
      </c>
      <c r="AN24802">
        <v>11</v>
      </c>
      <c r="AO24802">
        <v>11</v>
      </c>
      <c r="AP24802">
        <v>11</v>
      </c>
      <c r="AQ24802">
        <v>11</v>
      </c>
    </row>
    <row r="24803" spans="1:43">
      <c r="A24803" t="s">
        <v>15359</v>
      </c>
      <c r="B24803" t="s">
        <v>15360</v>
      </c>
      <c r="C24803" t="s">
        <v>15299</v>
      </c>
      <c r="D24803" t="s">
        <v>15300</v>
      </c>
      <c r="E24803" t="s">
        <v>15241</v>
      </c>
      <c r="F24803" t="s">
        <v>15242</v>
      </c>
      <c r="G24803" t="s">
        <v>10734</v>
      </c>
      <c r="H24803" t="s">
        <v>10735</v>
      </c>
      <c r="I24803" s="2">
        <v>1</v>
      </c>
      <c r="J24803" s="2">
        <v>0</v>
      </c>
      <c r="K24803" s="2">
        <v>0</v>
      </c>
      <c r="L24803" t="s">
        <v>120</v>
      </c>
      <c r="M24803" t="s">
        <v>87</v>
      </c>
      <c r="N24803" t="s">
        <v>88</v>
      </c>
      <c r="O24803" t="s">
        <v>85</v>
      </c>
      <c r="P24803" t="s">
        <v>86</v>
      </c>
      <c r="Q24803">
        <v>8</v>
      </c>
      <c r="R24803">
        <v>8</v>
      </c>
      <c r="S24803">
        <v>8</v>
      </c>
      <c r="T24803">
        <v>8</v>
      </c>
      <c r="U24803">
        <v>8</v>
      </c>
      <c r="V24803">
        <v>9</v>
      </c>
      <c r="W24803">
        <v>9</v>
      </c>
      <c r="X24803">
        <v>9</v>
      </c>
      <c r="Y24803">
        <v>9</v>
      </c>
      <c r="Z24803">
        <v>9</v>
      </c>
      <c r="AA24803">
        <v>9</v>
      </c>
      <c r="AB24803">
        <v>9</v>
      </c>
      <c r="AC24803">
        <v>9</v>
      </c>
      <c r="AD24803">
        <v>9</v>
      </c>
      <c r="AE24803">
        <v>9</v>
      </c>
      <c r="AF24803">
        <v>9</v>
      </c>
      <c r="AG24803">
        <v>9</v>
      </c>
      <c r="AH24803">
        <v>9</v>
      </c>
      <c r="AI24803">
        <v>9</v>
      </c>
      <c r="AJ24803">
        <v>9</v>
      </c>
      <c r="AK24803">
        <v>9</v>
      </c>
      <c r="AL24803">
        <v>9</v>
      </c>
      <c r="AM24803">
        <v>9</v>
      </c>
      <c r="AN24803">
        <v>9</v>
      </c>
      <c r="AO24803">
        <v>9</v>
      </c>
      <c r="AP24803">
        <v>9</v>
      </c>
      <c r="AQ24803">
        <v>9</v>
      </c>
    </row>
    <row r="24804" spans="1:43">
      <c r="A24804" t="s">
        <v>15359</v>
      </c>
      <c r="B24804" t="s">
        <v>15360</v>
      </c>
      <c r="C24804" t="s">
        <v>15299</v>
      </c>
      <c r="D24804" t="s">
        <v>15300</v>
      </c>
      <c r="E24804" t="s">
        <v>15241</v>
      </c>
      <c r="F24804" t="s">
        <v>15242</v>
      </c>
      <c r="G24804" t="s">
        <v>10734</v>
      </c>
      <c r="H24804" t="s">
        <v>10735</v>
      </c>
      <c r="I24804" s="2">
        <v>1</v>
      </c>
      <c r="J24804" s="2">
        <v>0</v>
      </c>
      <c r="K24804" s="2">
        <v>0</v>
      </c>
      <c r="L24804" t="s">
        <v>120</v>
      </c>
      <c r="M24804" t="s">
        <v>89</v>
      </c>
      <c r="N24804" t="s">
        <v>90</v>
      </c>
      <c r="O24804" t="s">
        <v>85</v>
      </c>
      <c r="P24804" t="s">
        <v>86</v>
      </c>
      <c r="Q24804">
        <v>8</v>
      </c>
      <c r="R24804">
        <v>9</v>
      </c>
      <c r="S24804">
        <v>9</v>
      </c>
      <c r="T24804">
        <v>9</v>
      </c>
      <c r="U24804">
        <v>9</v>
      </c>
      <c r="V24804">
        <v>9</v>
      </c>
      <c r="W24804">
        <v>10</v>
      </c>
      <c r="X24804">
        <v>10</v>
      </c>
      <c r="Y24804">
        <v>10</v>
      </c>
      <c r="Z24804">
        <v>10</v>
      </c>
      <c r="AA24804">
        <v>10</v>
      </c>
      <c r="AB24804">
        <v>10</v>
      </c>
      <c r="AC24804">
        <v>10</v>
      </c>
      <c r="AD24804">
        <v>11</v>
      </c>
      <c r="AE24804">
        <v>11</v>
      </c>
      <c r="AF24804">
        <v>11</v>
      </c>
      <c r="AG24804">
        <v>11</v>
      </c>
      <c r="AH24804">
        <v>11</v>
      </c>
      <c r="AI24804">
        <v>11</v>
      </c>
      <c r="AJ24804">
        <v>11</v>
      </c>
      <c r="AK24804">
        <v>11</v>
      </c>
      <c r="AL24804">
        <v>11</v>
      </c>
      <c r="AM24804">
        <v>11</v>
      </c>
      <c r="AN24804">
        <v>11</v>
      </c>
      <c r="AO24804">
        <v>11</v>
      </c>
      <c r="AP24804">
        <v>11</v>
      </c>
      <c r="AQ24804">
        <v>11</v>
      </c>
    </row>
    <row r="24805" spans="1:43">
      <c r="A24805" t="s">
        <v>15359</v>
      </c>
      <c r="B24805" t="s">
        <v>15360</v>
      </c>
      <c r="C24805" t="s">
        <v>15299</v>
      </c>
      <c r="D24805" t="s">
        <v>15300</v>
      </c>
      <c r="E24805" t="s">
        <v>15241</v>
      </c>
      <c r="F24805" t="s">
        <v>15242</v>
      </c>
      <c r="G24805" t="s">
        <v>10734</v>
      </c>
      <c r="H24805" t="s">
        <v>10735</v>
      </c>
      <c r="I24805" s="2">
        <v>1</v>
      </c>
      <c r="J24805" s="2">
        <v>0</v>
      </c>
      <c r="K24805" s="2">
        <v>0</v>
      </c>
      <c r="L24805" t="s">
        <v>120</v>
      </c>
      <c r="M24805" t="s">
        <v>83</v>
      </c>
      <c r="N24805" t="s">
        <v>91</v>
      </c>
      <c r="O24805" t="s">
        <v>85</v>
      </c>
      <c r="P24805" t="s">
        <v>86</v>
      </c>
      <c r="Q24805">
        <v>8</v>
      </c>
      <c r="R24805">
        <v>9</v>
      </c>
      <c r="S24805">
        <v>9</v>
      </c>
      <c r="T24805">
        <v>9</v>
      </c>
      <c r="U24805">
        <v>9</v>
      </c>
      <c r="V24805">
        <v>9</v>
      </c>
      <c r="W24805">
        <v>9</v>
      </c>
      <c r="X24805">
        <v>9</v>
      </c>
      <c r="Y24805">
        <v>9</v>
      </c>
      <c r="Z24805">
        <v>9</v>
      </c>
      <c r="AA24805">
        <v>10</v>
      </c>
      <c r="AB24805">
        <v>10</v>
      </c>
      <c r="AC24805">
        <v>10</v>
      </c>
      <c r="AD24805">
        <v>10</v>
      </c>
      <c r="AE24805">
        <v>10</v>
      </c>
      <c r="AF24805">
        <v>10</v>
      </c>
      <c r="AG24805">
        <v>10</v>
      </c>
      <c r="AH24805">
        <v>10</v>
      </c>
      <c r="AI24805">
        <v>10</v>
      </c>
      <c r="AJ24805">
        <v>10</v>
      </c>
      <c r="AK24805">
        <v>11</v>
      </c>
      <c r="AL24805">
        <v>11</v>
      </c>
      <c r="AM24805">
        <v>11</v>
      </c>
      <c r="AN24805">
        <v>11</v>
      </c>
      <c r="AO24805">
        <v>11</v>
      </c>
      <c r="AP24805">
        <v>11</v>
      </c>
      <c r="AQ24805">
        <v>11</v>
      </c>
    </row>
    <row r="24806" spans="1:43">
      <c r="A24806" t="s">
        <v>15361</v>
      </c>
      <c r="B24806" t="s">
        <v>15362</v>
      </c>
      <c r="C24806" t="s">
        <v>15303</v>
      </c>
      <c r="D24806" t="s">
        <v>15304</v>
      </c>
      <c r="E24806" t="s">
        <v>15241</v>
      </c>
      <c r="F24806" t="s">
        <v>15242</v>
      </c>
      <c r="G24806" t="s">
        <v>10734</v>
      </c>
      <c r="H24806" t="s">
        <v>10735</v>
      </c>
      <c r="I24806" s="2">
        <v>1</v>
      </c>
      <c r="J24806" s="2">
        <v>0</v>
      </c>
      <c r="K24806" s="2">
        <v>0</v>
      </c>
      <c r="L24806" t="s">
        <v>120</v>
      </c>
      <c r="M24806" t="s">
        <v>83</v>
      </c>
      <c r="N24806" t="s">
        <v>84</v>
      </c>
      <c r="O24806" t="s">
        <v>85</v>
      </c>
      <c r="P24806" t="s">
        <v>86</v>
      </c>
      <c r="Q24806">
        <v>2</v>
      </c>
      <c r="R24806">
        <v>2</v>
      </c>
      <c r="S24806">
        <v>2</v>
      </c>
      <c r="T24806">
        <v>2</v>
      </c>
      <c r="U24806">
        <v>2</v>
      </c>
      <c r="V24806">
        <v>2</v>
      </c>
      <c r="W24806">
        <v>2</v>
      </c>
      <c r="X24806">
        <v>2</v>
      </c>
      <c r="Y24806">
        <v>2</v>
      </c>
      <c r="Z24806">
        <v>2</v>
      </c>
      <c r="AA24806">
        <v>2</v>
      </c>
      <c r="AB24806">
        <v>2</v>
      </c>
      <c r="AC24806">
        <v>2</v>
      </c>
      <c r="AD24806">
        <v>2</v>
      </c>
      <c r="AE24806">
        <v>2</v>
      </c>
      <c r="AF24806">
        <v>2</v>
      </c>
      <c r="AG24806">
        <v>2</v>
      </c>
      <c r="AH24806">
        <v>2</v>
      </c>
      <c r="AI24806">
        <v>3</v>
      </c>
      <c r="AJ24806">
        <v>3</v>
      </c>
      <c r="AK24806">
        <v>3</v>
      </c>
      <c r="AL24806">
        <v>3</v>
      </c>
      <c r="AM24806">
        <v>3</v>
      </c>
      <c r="AN24806">
        <v>3</v>
      </c>
      <c r="AO24806">
        <v>3</v>
      </c>
      <c r="AP24806">
        <v>3</v>
      </c>
      <c r="AQ24806">
        <v>3</v>
      </c>
    </row>
    <row r="24807" spans="1:43">
      <c r="A24807" t="s">
        <v>15361</v>
      </c>
      <c r="B24807" t="s">
        <v>15362</v>
      </c>
      <c r="C24807" t="s">
        <v>15303</v>
      </c>
      <c r="D24807" t="s">
        <v>15304</v>
      </c>
      <c r="E24807" t="s">
        <v>15241</v>
      </c>
      <c r="F24807" t="s">
        <v>15242</v>
      </c>
      <c r="G24807" t="s">
        <v>10734</v>
      </c>
      <c r="H24807" t="s">
        <v>10735</v>
      </c>
      <c r="I24807" s="2">
        <v>1</v>
      </c>
      <c r="J24807" s="2">
        <v>0</v>
      </c>
      <c r="K24807" s="2">
        <v>0</v>
      </c>
      <c r="L24807" t="s">
        <v>120</v>
      </c>
      <c r="M24807" t="s">
        <v>87</v>
      </c>
      <c r="N24807" t="s">
        <v>88</v>
      </c>
      <c r="O24807" t="s">
        <v>85</v>
      </c>
      <c r="P24807" t="s">
        <v>86</v>
      </c>
      <c r="Q24807">
        <v>2</v>
      </c>
      <c r="R24807">
        <v>2</v>
      </c>
      <c r="S24807">
        <v>2</v>
      </c>
      <c r="T24807">
        <v>2</v>
      </c>
      <c r="U24807">
        <v>2</v>
      </c>
      <c r="V24807">
        <v>2</v>
      </c>
      <c r="W24807">
        <v>2</v>
      </c>
      <c r="X24807">
        <v>2</v>
      </c>
      <c r="Y24807">
        <v>2</v>
      </c>
      <c r="Z24807">
        <v>2</v>
      </c>
      <c r="AA24807">
        <v>2</v>
      </c>
      <c r="AB24807">
        <v>2</v>
      </c>
      <c r="AC24807">
        <v>2</v>
      </c>
      <c r="AD24807">
        <v>2</v>
      </c>
      <c r="AE24807">
        <v>2</v>
      </c>
      <c r="AF24807">
        <v>2</v>
      </c>
      <c r="AG24807">
        <v>2</v>
      </c>
      <c r="AH24807">
        <v>2</v>
      </c>
      <c r="AI24807">
        <v>2</v>
      </c>
      <c r="AJ24807">
        <v>2</v>
      </c>
      <c r="AK24807">
        <v>2</v>
      </c>
      <c r="AL24807">
        <v>2</v>
      </c>
      <c r="AM24807">
        <v>2</v>
      </c>
      <c r="AN24807">
        <v>2</v>
      </c>
      <c r="AO24807">
        <v>2</v>
      </c>
      <c r="AP24807">
        <v>2</v>
      </c>
      <c r="AQ24807">
        <v>2</v>
      </c>
    </row>
    <row r="24808" spans="1:43">
      <c r="A24808" t="s">
        <v>15361</v>
      </c>
      <c r="B24808" t="s">
        <v>15362</v>
      </c>
      <c r="C24808" t="s">
        <v>15303</v>
      </c>
      <c r="D24808" t="s">
        <v>15304</v>
      </c>
      <c r="E24808" t="s">
        <v>15241</v>
      </c>
      <c r="F24808" t="s">
        <v>15242</v>
      </c>
      <c r="G24808" t="s">
        <v>10734</v>
      </c>
      <c r="H24808" t="s">
        <v>10735</v>
      </c>
      <c r="I24808" s="2">
        <v>1</v>
      </c>
      <c r="J24808" s="2">
        <v>0</v>
      </c>
      <c r="K24808" s="2">
        <v>0</v>
      </c>
      <c r="L24808" t="s">
        <v>120</v>
      </c>
      <c r="M24808" t="s">
        <v>89</v>
      </c>
      <c r="N24808" t="s">
        <v>90</v>
      </c>
      <c r="O24808" t="s">
        <v>85</v>
      </c>
      <c r="P24808" t="s">
        <v>86</v>
      </c>
      <c r="Q24808">
        <v>2</v>
      </c>
      <c r="R24808">
        <v>2</v>
      </c>
      <c r="S24808">
        <v>2</v>
      </c>
      <c r="T24808">
        <v>2</v>
      </c>
      <c r="U24808">
        <v>2</v>
      </c>
      <c r="V24808">
        <v>2</v>
      </c>
      <c r="W24808">
        <v>2</v>
      </c>
      <c r="X24808">
        <v>2</v>
      </c>
      <c r="Y24808">
        <v>2</v>
      </c>
      <c r="Z24808">
        <v>2</v>
      </c>
      <c r="AA24808">
        <v>2</v>
      </c>
      <c r="AB24808">
        <v>2</v>
      </c>
      <c r="AC24808">
        <v>3</v>
      </c>
      <c r="AD24808">
        <v>3</v>
      </c>
      <c r="AE24808">
        <v>3</v>
      </c>
      <c r="AF24808">
        <v>3</v>
      </c>
      <c r="AG24808">
        <v>3</v>
      </c>
      <c r="AH24808">
        <v>3</v>
      </c>
      <c r="AI24808">
        <v>3</v>
      </c>
      <c r="AJ24808">
        <v>3</v>
      </c>
      <c r="AK24808">
        <v>3</v>
      </c>
      <c r="AL24808">
        <v>3</v>
      </c>
      <c r="AM24808">
        <v>3</v>
      </c>
      <c r="AN24808">
        <v>3</v>
      </c>
      <c r="AO24808">
        <v>3</v>
      </c>
      <c r="AP24808">
        <v>3</v>
      </c>
      <c r="AQ24808">
        <v>3</v>
      </c>
    </row>
    <row r="24809" spans="1:43">
      <c r="A24809" t="s">
        <v>15361</v>
      </c>
      <c r="B24809" t="s">
        <v>15362</v>
      </c>
      <c r="C24809" t="s">
        <v>15303</v>
      </c>
      <c r="D24809" t="s">
        <v>15304</v>
      </c>
      <c r="E24809" t="s">
        <v>15241</v>
      </c>
      <c r="F24809" t="s">
        <v>15242</v>
      </c>
      <c r="G24809" t="s">
        <v>10734</v>
      </c>
      <c r="H24809" t="s">
        <v>10735</v>
      </c>
      <c r="I24809" s="2">
        <v>1</v>
      </c>
      <c r="J24809" s="2">
        <v>0</v>
      </c>
      <c r="K24809" s="2">
        <v>0</v>
      </c>
      <c r="L24809" t="s">
        <v>120</v>
      </c>
      <c r="M24809" t="s">
        <v>83</v>
      </c>
      <c r="N24809" t="s">
        <v>91</v>
      </c>
      <c r="O24809" t="s">
        <v>85</v>
      </c>
      <c r="P24809" t="s">
        <v>86</v>
      </c>
      <c r="Q24809">
        <v>2</v>
      </c>
      <c r="R24809">
        <v>2</v>
      </c>
      <c r="S24809">
        <v>2</v>
      </c>
      <c r="T24809">
        <v>2</v>
      </c>
      <c r="U24809">
        <v>2</v>
      </c>
      <c r="V24809">
        <v>2</v>
      </c>
      <c r="W24809">
        <v>2</v>
      </c>
      <c r="X24809">
        <v>2</v>
      </c>
      <c r="Y24809">
        <v>2</v>
      </c>
      <c r="Z24809">
        <v>2</v>
      </c>
      <c r="AA24809">
        <v>2</v>
      </c>
      <c r="AB24809">
        <v>2</v>
      </c>
      <c r="AC24809">
        <v>2</v>
      </c>
      <c r="AD24809">
        <v>2</v>
      </c>
      <c r="AE24809">
        <v>2</v>
      </c>
      <c r="AF24809">
        <v>2</v>
      </c>
      <c r="AG24809">
        <v>2</v>
      </c>
      <c r="AH24809">
        <v>2</v>
      </c>
      <c r="AI24809">
        <v>3</v>
      </c>
      <c r="AJ24809">
        <v>3</v>
      </c>
      <c r="AK24809">
        <v>3</v>
      </c>
      <c r="AL24809">
        <v>3</v>
      </c>
      <c r="AM24809">
        <v>3</v>
      </c>
      <c r="AN24809">
        <v>3</v>
      </c>
      <c r="AO24809">
        <v>3</v>
      </c>
      <c r="AP24809">
        <v>3</v>
      </c>
      <c r="AQ24809">
        <v>3</v>
      </c>
    </row>
    <row r="24810" spans="1:43">
      <c r="A24810" t="s">
        <v>15363</v>
      </c>
      <c r="B24810" t="s">
        <v>15364</v>
      </c>
      <c r="C24810" t="s">
        <v>15303</v>
      </c>
      <c r="D24810" t="s">
        <v>15304</v>
      </c>
      <c r="E24810" t="s">
        <v>15241</v>
      </c>
      <c r="F24810" t="s">
        <v>15242</v>
      </c>
      <c r="G24810" t="s">
        <v>10734</v>
      </c>
      <c r="H24810" t="s">
        <v>10735</v>
      </c>
      <c r="I24810" s="2">
        <v>1</v>
      </c>
      <c r="J24810" s="2">
        <v>0</v>
      </c>
      <c r="K24810" s="2">
        <v>0</v>
      </c>
      <c r="L24810" t="s">
        <v>120</v>
      </c>
      <c r="M24810" t="s">
        <v>83</v>
      </c>
      <c r="N24810" t="s">
        <v>84</v>
      </c>
      <c r="O24810" t="s">
        <v>85</v>
      </c>
      <c r="P24810" t="s">
        <v>86</v>
      </c>
      <c r="Q24810">
        <v>22</v>
      </c>
      <c r="R24810">
        <v>22</v>
      </c>
      <c r="S24810">
        <v>23</v>
      </c>
      <c r="T24810">
        <v>23</v>
      </c>
      <c r="U24810">
        <v>23</v>
      </c>
      <c r="V24810">
        <v>24</v>
      </c>
      <c r="W24810">
        <v>24</v>
      </c>
      <c r="X24810">
        <v>24</v>
      </c>
      <c r="Y24810">
        <v>24</v>
      </c>
      <c r="Z24810">
        <v>25</v>
      </c>
      <c r="AA24810">
        <v>25</v>
      </c>
      <c r="AB24810">
        <v>25</v>
      </c>
      <c r="AC24810">
        <v>25</v>
      </c>
      <c r="AD24810">
        <v>26</v>
      </c>
      <c r="AE24810">
        <v>26</v>
      </c>
      <c r="AF24810">
        <v>26</v>
      </c>
      <c r="AG24810">
        <v>26</v>
      </c>
      <c r="AH24810">
        <v>27</v>
      </c>
      <c r="AI24810">
        <v>27</v>
      </c>
      <c r="AJ24810">
        <v>27</v>
      </c>
      <c r="AK24810">
        <v>27</v>
      </c>
      <c r="AL24810">
        <v>28</v>
      </c>
      <c r="AM24810">
        <v>28</v>
      </c>
      <c r="AN24810">
        <v>28</v>
      </c>
      <c r="AO24810">
        <v>27</v>
      </c>
      <c r="AP24810">
        <v>27</v>
      </c>
      <c r="AQ24810">
        <v>27</v>
      </c>
    </row>
    <row r="24811" spans="1:43">
      <c r="A24811" t="s">
        <v>15363</v>
      </c>
      <c r="B24811" t="s">
        <v>15364</v>
      </c>
      <c r="C24811" t="s">
        <v>15303</v>
      </c>
      <c r="D24811" t="s">
        <v>15304</v>
      </c>
      <c r="E24811" t="s">
        <v>15241</v>
      </c>
      <c r="F24811" t="s">
        <v>15242</v>
      </c>
      <c r="G24811" t="s">
        <v>10734</v>
      </c>
      <c r="H24811" t="s">
        <v>10735</v>
      </c>
      <c r="I24811" s="2">
        <v>1</v>
      </c>
      <c r="J24811" s="2">
        <v>0</v>
      </c>
      <c r="K24811" s="2">
        <v>0</v>
      </c>
      <c r="L24811" t="s">
        <v>120</v>
      </c>
      <c r="M24811" t="s">
        <v>87</v>
      </c>
      <c r="N24811" t="s">
        <v>88</v>
      </c>
      <c r="O24811" t="s">
        <v>85</v>
      </c>
      <c r="P24811" t="s">
        <v>86</v>
      </c>
      <c r="Q24811">
        <v>22</v>
      </c>
      <c r="R24811">
        <v>22</v>
      </c>
      <c r="S24811">
        <v>22</v>
      </c>
      <c r="T24811">
        <v>22</v>
      </c>
      <c r="U24811">
        <v>22</v>
      </c>
      <c r="V24811">
        <v>22</v>
      </c>
      <c r="W24811">
        <v>22</v>
      </c>
      <c r="X24811">
        <v>22</v>
      </c>
      <c r="Y24811">
        <v>23</v>
      </c>
      <c r="Z24811">
        <v>23</v>
      </c>
      <c r="AA24811">
        <v>23</v>
      </c>
      <c r="AB24811">
        <v>23</v>
      </c>
      <c r="AC24811">
        <v>23</v>
      </c>
      <c r="AD24811">
        <v>23</v>
      </c>
      <c r="AE24811">
        <v>23</v>
      </c>
      <c r="AF24811">
        <v>23</v>
      </c>
      <c r="AG24811">
        <v>23</v>
      </c>
      <c r="AH24811">
        <v>23</v>
      </c>
      <c r="AI24811">
        <v>23</v>
      </c>
      <c r="AJ24811">
        <v>23</v>
      </c>
      <c r="AK24811">
        <v>24</v>
      </c>
      <c r="AL24811">
        <v>24</v>
      </c>
      <c r="AM24811">
        <v>24</v>
      </c>
      <c r="AN24811">
        <v>24</v>
      </c>
      <c r="AO24811">
        <v>24</v>
      </c>
      <c r="AP24811">
        <v>24</v>
      </c>
      <c r="AQ24811">
        <v>24</v>
      </c>
    </row>
    <row r="24812" spans="1:43">
      <c r="A24812" t="s">
        <v>15363</v>
      </c>
      <c r="B24812" t="s">
        <v>15364</v>
      </c>
      <c r="C24812" t="s">
        <v>15303</v>
      </c>
      <c r="D24812" t="s">
        <v>15304</v>
      </c>
      <c r="E24812" t="s">
        <v>15241</v>
      </c>
      <c r="F24812" t="s">
        <v>15242</v>
      </c>
      <c r="G24812" t="s">
        <v>10734</v>
      </c>
      <c r="H24812" t="s">
        <v>10735</v>
      </c>
      <c r="I24812" s="2">
        <v>1</v>
      </c>
      <c r="J24812" s="2">
        <v>0</v>
      </c>
      <c r="K24812" s="2">
        <v>0</v>
      </c>
      <c r="L24812" t="s">
        <v>120</v>
      </c>
      <c r="M24812" t="s">
        <v>89</v>
      </c>
      <c r="N24812" t="s">
        <v>90</v>
      </c>
      <c r="O24812" t="s">
        <v>85</v>
      </c>
      <c r="P24812" t="s">
        <v>86</v>
      </c>
      <c r="Q24812">
        <v>22</v>
      </c>
      <c r="R24812">
        <v>23</v>
      </c>
      <c r="S24812">
        <v>23</v>
      </c>
      <c r="T24812">
        <v>24</v>
      </c>
      <c r="U24812">
        <v>24</v>
      </c>
      <c r="V24812">
        <v>25</v>
      </c>
      <c r="W24812">
        <v>25</v>
      </c>
      <c r="X24812">
        <v>25</v>
      </c>
      <c r="Y24812">
        <v>26</v>
      </c>
      <c r="Z24812">
        <v>26</v>
      </c>
      <c r="AA24812">
        <v>26</v>
      </c>
      <c r="AB24812">
        <v>27</v>
      </c>
      <c r="AC24812">
        <v>27</v>
      </c>
      <c r="AD24812">
        <v>28</v>
      </c>
      <c r="AE24812">
        <v>28</v>
      </c>
      <c r="AF24812">
        <v>28</v>
      </c>
      <c r="AG24812">
        <v>28</v>
      </c>
      <c r="AH24812">
        <v>28</v>
      </c>
      <c r="AI24812">
        <v>28</v>
      </c>
      <c r="AJ24812">
        <v>28</v>
      </c>
      <c r="AK24812">
        <v>28</v>
      </c>
      <c r="AL24812">
        <v>28</v>
      </c>
      <c r="AM24812">
        <v>28</v>
      </c>
      <c r="AN24812">
        <v>28</v>
      </c>
      <c r="AO24812">
        <v>28</v>
      </c>
      <c r="AP24812">
        <v>28</v>
      </c>
      <c r="AQ24812">
        <v>28</v>
      </c>
    </row>
    <row r="24813" spans="1:43">
      <c r="A24813" t="s">
        <v>15363</v>
      </c>
      <c r="B24813" t="s">
        <v>15364</v>
      </c>
      <c r="C24813" t="s">
        <v>15303</v>
      </c>
      <c r="D24813" t="s">
        <v>15304</v>
      </c>
      <c r="E24813" t="s">
        <v>15241</v>
      </c>
      <c r="F24813" t="s">
        <v>15242</v>
      </c>
      <c r="G24813" t="s">
        <v>10734</v>
      </c>
      <c r="H24813" t="s">
        <v>10735</v>
      </c>
      <c r="I24813" s="2">
        <v>1</v>
      </c>
      <c r="J24813" s="2">
        <v>0</v>
      </c>
      <c r="K24813" s="2">
        <v>0</v>
      </c>
      <c r="L24813" t="s">
        <v>120</v>
      </c>
      <c r="M24813" t="s">
        <v>83</v>
      </c>
      <c r="N24813" t="s">
        <v>91</v>
      </c>
      <c r="O24813" t="s">
        <v>85</v>
      </c>
      <c r="P24813" t="s">
        <v>86</v>
      </c>
      <c r="Q24813">
        <v>22</v>
      </c>
      <c r="R24813">
        <v>22</v>
      </c>
      <c r="S24813">
        <v>23</v>
      </c>
      <c r="T24813">
        <v>23</v>
      </c>
      <c r="U24813">
        <v>23</v>
      </c>
      <c r="V24813">
        <v>24</v>
      </c>
      <c r="W24813">
        <v>24</v>
      </c>
      <c r="X24813">
        <v>24</v>
      </c>
      <c r="Y24813">
        <v>24</v>
      </c>
      <c r="Z24813">
        <v>25</v>
      </c>
      <c r="AA24813">
        <v>25</v>
      </c>
      <c r="AB24813">
        <v>25</v>
      </c>
      <c r="AC24813">
        <v>25</v>
      </c>
      <c r="AD24813">
        <v>26</v>
      </c>
      <c r="AE24813">
        <v>26</v>
      </c>
      <c r="AF24813">
        <v>26</v>
      </c>
      <c r="AG24813">
        <v>26</v>
      </c>
      <c r="AH24813">
        <v>27</v>
      </c>
      <c r="AI24813">
        <v>27</v>
      </c>
      <c r="AJ24813">
        <v>27</v>
      </c>
      <c r="AK24813">
        <v>27</v>
      </c>
      <c r="AL24813">
        <v>28</v>
      </c>
      <c r="AM24813">
        <v>28</v>
      </c>
      <c r="AN24813">
        <v>28</v>
      </c>
      <c r="AO24813">
        <v>27</v>
      </c>
      <c r="AP24813">
        <v>27</v>
      </c>
      <c r="AQ24813">
        <v>27</v>
      </c>
    </row>
    <row r="24814" spans="1:43">
      <c r="A24814" t="s">
        <v>15365</v>
      </c>
      <c r="B24814" t="s">
        <v>15366</v>
      </c>
      <c r="C24814" t="s">
        <v>15261</v>
      </c>
      <c r="D24814" t="s">
        <v>15262</v>
      </c>
      <c r="E24814" t="s">
        <v>15241</v>
      </c>
      <c r="F24814" t="s">
        <v>15242</v>
      </c>
      <c r="G24814" t="s">
        <v>10734</v>
      </c>
      <c r="H24814" t="s">
        <v>10735</v>
      </c>
      <c r="I24814" s="2">
        <v>1</v>
      </c>
      <c r="J24814" s="2">
        <v>0</v>
      </c>
      <c r="K24814" s="2">
        <v>0</v>
      </c>
      <c r="L24814" t="s">
        <v>120</v>
      </c>
      <c r="M24814" t="s">
        <v>83</v>
      </c>
      <c r="N24814" t="s">
        <v>84</v>
      </c>
      <c r="O24814" t="s">
        <v>85</v>
      </c>
      <c r="P24814" t="s">
        <v>86</v>
      </c>
      <c r="Q24814">
        <v>7</v>
      </c>
      <c r="R24814">
        <v>7</v>
      </c>
      <c r="S24814">
        <v>8</v>
      </c>
      <c r="T24814">
        <v>8</v>
      </c>
      <c r="U24814">
        <v>8</v>
      </c>
      <c r="V24814">
        <v>8</v>
      </c>
      <c r="W24814">
        <v>8</v>
      </c>
      <c r="X24814">
        <v>8</v>
      </c>
      <c r="Y24814">
        <v>8</v>
      </c>
      <c r="Z24814">
        <v>8</v>
      </c>
      <c r="AA24814">
        <v>8</v>
      </c>
      <c r="AB24814">
        <v>8</v>
      </c>
      <c r="AC24814">
        <v>9</v>
      </c>
      <c r="AD24814">
        <v>9</v>
      </c>
      <c r="AE24814">
        <v>9</v>
      </c>
      <c r="AF24814">
        <v>9</v>
      </c>
      <c r="AG24814">
        <v>9</v>
      </c>
      <c r="AH24814">
        <v>9</v>
      </c>
      <c r="AI24814">
        <v>9</v>
      </c>
      <c r="AJ24814">
        <v>9</v>
      </c>
      <c r="AK24814">
        <v>9</v>
      </c>
      <c r="AL24814">
        <v>9</v>
      </c>
      <c r="AM24814">
        <v>9</v>
      </c>
      <c r="AN24814">
        <v>9</v>
      </c>
      <c r="AO24814">
        <v>9</v>
      </c>
      <c r="AP24814">
        <v>9</v>
      </c>
      <c r="AQ24814">
        <v>9</v>
      </c>
    </row>
    <row r="24815" spans="1:43">
      <c r="A24815" t="s">
        <v>15365</v>
      </c>
      <c r="B24815" t="s">
        <v>15366</v>
      </c>
      <c r="C24815" t="s">
        <v>15261</v>
      </c>
      <c r="D24815" t="s">
        <v>15262</v>
      </c>
      <c r="E24815" t="s">
        <v>15241</v>
      </c>
      <c r="F24815" t="s">
        <v>15242</v>
      </c>
      <c r="G24815" t="s">
        <v>10734</v>
      </c>
      <c r="H24815" t="s">
        <v>10735</v>
      </c>
      <c r="I24815" s="2">
        <v>1</v>
      </c>
      <c r="J24815" s="2">
        <v>0</v>
      </c>
      <c r="K24815" s="2">
        <v>0</v>
      </c>
      <c r="L24815" t="s">
        <v>120</v>
      </c>
      <c r="M24815" t="s">
        <v>87</v>
      </c>
      <c r="N24815" t="s">
        <v>88</v>
      </c>
      <c r="O24815" t="s">
        <v>85</v>
      </c>
      <c r="P24815" t="s">
        <v>86</v>
      </c>
      <c r="Q24815">
        <v>7</v>
      </c>
      <c r="R24815">
        <v>7</v>
      </c>
      <c r="S24815">
        <v>7</v>
      </c>
      <c r="T24815">
        <v>7</v>
      </c>
      <c r="U24815">
        <v>7</v>
      </c>
      <c r="V24815">
        <v>7</v>
      </c>
      <c r="W24815">
        <v>7</v>
      </c>
      <c r="X24815">
        <v>8</v>
      </c>
      <c r="Y24815">
        <v>8</v>
      </c>
      <c r="Z24815">
        <v>8</v>
      </c>
      <c r="AA24815">
        <v>8</v>
      </c>
      <c r="AB24815">
        <v>8</v>
      </c>
      <c r="AC24815">
        <v>8</v>
      </c>
      <c r="AD24815">
        <v>8</v>
      </c>
      <c r="AE24815">
        <v>8</v>
      </c>
      <c r="AF24815">
        <v>8</v>
      </c>
      <c r="AG24815">
        <v>8</v>
      </c>
      <c r="AH24815">
        <v>8</v>
      </c>
      <c r="AI24815">
        <v>8</v>
      </c>
      <c r="AJ24815">
        <v>8</v>
      </c>
      <c r="AK24815">
        <v>8</v>
      </c>
      <c r="AL24815">
        <v>8</v>
      </c>
      <c r="AM24815">
        <v>8</v>
      </c>
      <c r="AN24815">
        <v>8</v>
      </c>
      <c r="AO24815">
        <v>8</v>
      </c>
      <c r="AP24815">
        <v>8</v>
      </c>
      <c r="AQ24815">
        <v>8</v>
      </c>
    </row>
    <row r="24816" spans="1:43">
      <c r="A24816" t="s">
        <v>15365</v>
      </c>
      <c r="B24816" t="s">
        <v>15366</v>
      </c>
      <c r="C24816" t="s">
        <v>15261</v>
      </c>
      <c r="D24816" t="s">
        <v>15262</v>
      </c>
      <c r="E24816" t="s">
        <v>15241</v>
      </c>
      <c r="F24816" t="s">
        <v>15242</v>
      </c>
      <c r="G24816" t="s">
        <v>10734</v>
      </c>
      <c r="H24816" t="s">
        <v>10735</v>
      </c>
      <c r="I24816" s="2">
        <v>1</v>
      </c>
      <c r="J24816" s="2">
        <v>0</v>
      </c>
      <c r="K24816" s="2">
        <v>0</v>
      </c>
      <c r="L24816" t="s">
        <v>120</v>
      </c>
      <c r="M24816" t="s">
        <v>89</v>
      </c>
      <c r="N24816" t="s">
        <v>90</v>
      </c>
      <c r="O24816" t="s">
        <v>85</v>
      </c>
      <c r="P24816" t="s">
        <v>86</v>
      </c>
      <c r="Q24816">
        <v>7</v>
      </c>
      <c r="R24816">
        <v>8</v>
      </c>
      <c r="S24816">
        <v>8</v>
      </c>
      <c r="T24816">
        <v>8</v>
      </c>
      <c r="U24816">
        <v>8</v>
      </c>
      <c r="V24816">
        <v>8</v>
      </c>
      <c r="W24816">
        <v>8</v>
      </c>
      <c r="X24816">
        <v>8</v>
      </c>
      <c r="Y24816">
        <v>9</v>
      </c>
      <c r="Z24816">
        <v>9</v>
      </c>
      <c r="AA24816">
        <v>9</v>
      </c>
      <c r="AB24816">
        <v>9</v>
      </c>
      <c r="AC24816">
        <v>9</v>
      </c>
      <c r="AD24816">
        <v>9</v>
      </c>
      <c r="AE24816">
        <v>9</v>
      </c>
      <c r="AF24816">
        <v>9</v>
      </c>
      <c r="AG24816">
        <v>9</v>
      </c>
      <c r="AH24816">
        <v>9</v>
      </c>
      <c r="AI24816">
        <v>9</v>
      </c>
      <c r="AJ24816">
        <v>9</v>
      </c>
      <c r="AK24816">
        <v>9</v>
      </c>
      <c r="AL24816">
        <v>9</v>
      </c>
      <c r="AM24816">
        <v>9</v>
      </c>
      <c r="AN24816">
        <v>9</v>
      </c>
      <c r="AO24816">
        <v>9</v>
      </c>
      <c r="AP24816">
        <v>9</v>
      </c>
      <c r="AQ24816">
        <v>9</v>
      </c>
    </row>
    <row r="24817" spans="1:43">
      <c r="A24817" t="s">
        <v>15365</v>
      </c>
      <c r="B24817" t="s">
        <v>15366</v>
      </c>
      <c r="C24817" t="s">
        <v>15261</v>
      </c>
      <c r="D24817" t="s">
        <v>15262</v>
      </c>
      <c r="E24817" t="s">
        <v>15241</v>
      </c>
      <c r="F24817" t="s">
        <v>15242</v>
      </c>
      <c r="G24817" t="s">
        <v>10734</v>
      </c>
      <c r="H24817" t="s">
        <v>10735</v>
      </c>
      <c r="I24817" s="2">
        <v>1</v>
      </c>
      <c r="J24817" s="2">
        <v>0</v>
      </c>
      <c r="K24817" s="2">
        <v>0</v>
      </c>
      <c r="L24817" t="s">
        <v>120</v>
      </c>
      <c r="M24817" t="s">
        <v>83</v>
      </c>
      <c r="N24817" t="s">
        <v>91</v>
      </c>
      <c r="O24817" t="s">
        <v>85</v>
      </c>
      <c r="P24817" t="s">
        <v>86</v>
      </c>
      <c r="Q24817">
        <v>7</v>
      </c>
      <c r="R24817">
        <v>7</v>
      </c>
      <c r="S24817">
        <v>8</v>
      </c>
      <c r="T24817">
        <v>8</v>
      </c>
      <c r="U24817">
        <v>8</v>
      </c>
      <c r="V24817">
        <v>8</v>
      </c>
      <c r="W24817">
        <v>8</v>
      </c>
      <c r="X24817">
        <v>8</v>
      </c>
      <c r="Y24817">
        <v>8</v>
      </c>
      <c r="Z24817">
        <v>8</v>
      </c>
      <c r="AA24817">
        <v>8</v>
      </c>
      <c r="AB24817">
        <v>8</v>
      </c>
      <c r="AC24817">
        <v>9</v>
      </c>
      <c r="AD24817">
        <v>9</v>
      </c>
      <c r="AE24817">
        <v>9</v>
      </c>
      <c r="AF24817">
        <v>9</v>
      </c>
      <c r="AG24817">
        <v>9</v>
      </c>
      <c r="AH24817">
        <v>9</v>
      </c>
      <c r="AI24817">
        <v>9</v>
      </c>
      <c r="AJ24817">
        <v>9</v>
      </c>
      <c r="AK24817">
        <v>9</v>
      </c>
      <c r="AL24817">
        <v>9</v>
      </c>
      <c r="AM24817">
        <v>9</v>
      </c>
      <c r="AN24817">
        <v>9</v>
      </c>
      <c r="AO24817">
        <v>9</v>
      </c>
      <c r="AP24817">
        <v>9</v>
      </c>
      <c r="AQ24817">
        <v>9</v>
      </c>
    </row>
    <row r="24818" spans="1:43">
      <c r="A24818" t="s">
        <v>15367</v>
      </c>
      <c r="B24818" t="s">
        <v>15368</v>
      </c>
      <c r="C24818" t="s">
        <v>15343</v>
      </c>
      <c r="D24818" t="s">
        <v>15344</v>
      </c>
      <c r="E24818" t="s">
        <v>15241</v>
      </c>
      <c r="F24818" t="s">
        <v>15242</v>
      </c>
      <c r="G24818" t="s">
        <v>10734</v>
      </c>
      <c r="H24818" t="s">
        <v>10735</v>
      </c>
      <c r="I24818" s="2">
        <v>1</v>
      </c>
      <c r="J24818" s="2">
        <v>0</v>
      </c>
      <c r="K24818" s="2">
        <v>0</v>
      </c>
      <c r="L24818" t="s">
        <v>120</v>
      </c>
      <c r="M24818" t="s">
        <v>83</v>
      </c>
      <c r="N24818" t="s">
        <v>84</v>
      </c>
      <c r="O24818" t="s">
        <v>85</v>
      </c>
      <c r="P24818" t="s">
        <v>86</v>
      </c>
      <c r="Q24818">
        <v>13</v>
      </c>
      <c r="R24818">
        <v>13</v>
      </c>
      <c r="S24818">
        <v>13</v>
      </c>
      <c r="T24818">
        <v>13</v>
      </c>
      <c r="U24818">
        <v>14</v>
      </c>
      <c r="V24818">
        <v>14</v>
      </c>
      <c r="W24818">
        <v>14</v>
      </c>
      <c r="X24818">
        <v>14</v>
      </c>
      <c r="Y24818">
        <v>14</v>
      </c>
      <c r="Z24818">
        <v>14</v>
      </c>
      <c r="AA24818">
        <v>15</v>
      </c>
      <c r="AB24818">
        <v>15</v>
      </c>
      <c r="AC24818">
        <v>15</v>
      </c>
      <c r="AD24818">
        <v>15</v>
      </c>
      <c r="AE24818">
        <v>15</v>
      </c>
      <c r="AF24818">
        <v>15</v>
      </c>
      <c r="AG24818">
        <v>16</v>
      </c>
      <c r="AH24818">
        <v>16</v>
      </c>
      <c r="AI24818">
        <v>16</v>
      </c>
      <c r="AJ24818">
        <v>16</v>
      </c>
      <c r="AK24818">
        <v>16</v>
      </c>
      <c r="AL24818">
        <v>16</v>
      </c>
      <c r="AM24818">
        <v>16</v>
      </c>
      <c r="AN24818">
        <v>16</v>
      </c>
      <c r="AO24818">
        <v>16</v>
      </c>
      <c r="AP24818">
        <v>16</v>
      </c>
      <c r="AQ24818">
        <v>16</v>
      </c>
    </row>
    <row r="24819" spans="1:43">
      <c r="A24819" t="s">
        <v>15367</v>
      </c>
      <c r="B24819" t="s">
        <v>15368</v>
      </c>
      <c r="C24819" t="s">
        <v>15343</v>
      </c>
      <c r="D24819" t="s">
        <v>15344</v>
      </c>
      <c r="E24819" t="s">
        <v>15241</v>
      </c>
      <c r="F24819" t="s">
        <v>15242</v>
      </c>
      <c r="G24819" t="s">
        <v>10734</v>
      </c>
      <c r="H24819" t="s">
        <v>10735</v>
      </c>
      <c r="I24819" s="2">
        <v>1</v>
      </c>
      <c r="J24819" s="2">
        <v>0</v>
      </c>
      <c r="K24819" s="2">
        <v>0</v>
      </c>
      <c r="L24819" t="s">
        <v>120</v>
      </c>
      <c r="M24819" t="s">
        <v>87</v>
      </c>
      <c r="N24819" t="s">
        <v>88</v>
      </c>
      <c r="O24819" t="s">
        <v>85</v>
      </c>
      <c r="P24819" t="s">
        <v>86</v>
      </c>
      <c r="Q24819">
        <v>13</v>
      </c>
      <c r="R24819">
        <v>13</v>
      </c>
      <c r="S24819">
        <v>13</v>
      </c>
      <c r="T24819">
        <v>13</v>
      </c>
      <c r="U24819">
        <v>13</v>
      </c>
      <c r="V24819">
        <v>13</v>
      </c>
      <c r="W24819">
        <v>13</v>
      </c>
      <c r="X24819">
        <v>13</v>
      </c>
      <c r="Y24819">
        <v>13</v>
      </c>
      <c r="Z24819">
        <v>13</v>
      </c>
      <c r="AA24819">
        <v>13</v>
      </c>
      <c r="AB24819">
        <v>13</v>
      </c>
      <c r="AC24819">
        <v>13</v>
      </c>
      <c r="AD24819">
        <v>14</v>
      </c>
      <c r="AE24819">
        <v>14</v>
      </c>
      <c r="AF24819">
        <v>14</v>
      </c>
      <c r="AG24819">
        <v>14</v>
      </c>
      <c r="AH24819">
        <v>14</v>
      </c>
      <c r="AI24819">
        <v>14</v>
      </c>
      <c r="AJ24819">
        <v>14</v>
      </c>
      <c r="AK24819">
        <v>14</v>
      </c>
      <c r="AL24819">
        <v>14</v>
      </c>
      <c r="AM24819">
        <v>14</v>
      </c>
      <c r="AN24819">
        <v>14</v>
      </c>
      <c r="AO24819">
        <v>14</v>
      </c>
      <c r="AP24819">
        <v>14</v>
      </c>
      <c r="AQ24819">
        <v>14</v>
      </c>
    </row>
    <row r="24820" spans="1:43">
      <c r="A24820" t="s">
        <v>15367</v>
      </c>
      <c r="B24820" t="s">
        <v>15368</v>
      </c>
      <c r="C24820" t="s">
        <v>15343</v>
      </c>
      <c r="D24820" t="s">
        <v>15344</v>
      </c>
      <c r="E24820" t="s">
        <v>15241</v>
      </c>
      <c r="F24820" t="s">
        <v>15242</v>
      </c>
      <c r="G24820" t="s">
        <v>10734</v>
      </c>
      <c r="H24820" t="s">
        <v>10735</v>
      </c>
      <c r="I24820" s="2">
        <v>1</v>
      </c>
      <c r="J24820" s="2">
        <v>0</v>
      </c>
      <c r="K24820" s="2">
        <v>0</v>
      </c>
      <c r="L24820" t="s">
        <v>120</v>
      </c>
      <c r="M24820" t="s">
        <v>89</v>
      </c>
      <c r="N24820" t="s">
        <v>90</v>
      </c>
      <c r="O24820" t="s">
        <v>85</v>
      </c>
      <c r="P24820" t="s">
        <v>86</v>
      </c>
      <c r="Q24820">
        <v>13</v>
      </c>
      <c r="R24820">
        <v>13</v>
      </c>
      <c r="S24820">
        <v>14</v>
      </c>
      <c r="T24820">
        <v>14</v>
      </c>
      <c r="U24820">
        <v>14</v>
      </c>
      <c r="V24820">
        <v>14</v>
      </c>
      <c r="W24820">
        <v>15</v>
      </c>
      <c r="X24820">
        <v>15</v>
      </c>
      <c r="Y24820">
        <v>15</v>
      </c>
      <c r="Z24820">
        <v>15</v>
      </c>
      <c r="AA24820">
        <v>16</v>
      </c>
      <c r="AB24820">
        <v>16</v>
      </c>
      <c r="AC24820">
        <v>16</v>
      </c>
      <c r="AD24820">
        <v>16</v>
      </c>
      <c r="AE24820">
        <v>16</v>
      </c>
      <c r="AF24820">
        <v>16</v>
      </c>
      <c r="AG24820">
        <v>16</v>
      </c>
      <c r="AH24820">
        <v>16</v>
      </c>
      <c r="AI24820">
        <v>16</v>
      </c>
      <c r="AJ24820">
        <v>16</v>
      </c>
      <c r="AK24820">
        <v>16</v>
      </c>
      <c r="AL24820">
        <v>16</v>
      </c>
      <c r="AM24820">
        <v>16</v>
      </c>
      <c r="AN24820">
        <v>16</v>
      </c>
      <c r="AO24820">
        <v>16</v>
      </c>
      <c r="AP24820">
        <v>16</v>
      </c>
      <c r="AQ24820">
        <v>16</v>
      </c>
    </row>
    <row r="24821" spans="1:43">
      <c r="A24821" t="s">
        <v>15367</v>
      </c>
      <c r="B24821" t="s">
        <v>15368</v>
      </c>
      <c r="C24821" t="s">
        <v>15343</v>
      </c>
      <c r="D24821" t="s">
        <v>15344</v>
      </c>
      <c r="E24821" t="s">
        <v>15241</v>
      </c>
      <c r="F24821" t="s">
        <v>15242</v>
      </c>
      <c r="G24821" t="s">
        <v>10734</v>
      </c>
      <c r="H24821" t="s">
        <v>10735</v>
      </c>
      <c r="I24821" s="2">
        <v>1</v>
      </c>
      <c r="J24821" s="2">
        <v>0</v>
      </c>
      <c r="K24821" s="2">
        <v>0</v>
      </c>
      <c r="L24821" t="s">
        <v>120</v>
      </c>
      <c r="M24821" t="s">
        <v>83</v>
      </c>
      <c r="N24821" t="s">
        <v>91</v>
      </c>
      <c r="O24821" t="s">
        <v>85</v>
      </c>
      <c r="P24821" t="s">
        <v>86</v>
      </c>
      <c r="Q24821">
        <v>13</v>
      </c>
      <c r="R24821">
        <v>13</v>
      </c>
      <c r="S24821">
        <v>13</v>
      </c>
      <c r="T24821">
        <v>13</v>
      </c>
      <c r="U24821">
        <v>14</v>
      </c>
      <c r="V24821">
        <v>14</v>
      </c>
      <c r="W24821">
        <v>14</v>
      </c>
      <c r="X24821">
        <v>14</v>
      </c>
      <c r="Y24821">
        <v>14</v>
      </c>
      <c r="Z24821">
        <v>14</v>
      </c>
      <c r="AA24821">
        <v>15</v>
      </c>
      <c r="AB24821">
        <v>15</v>
      </c>
      <c r="AC24821">
        <v>15</v>
      </c>
      <c r="AD24821">
        <v>15</v>
      </c>
      <c r="AE24821">
        <v>15</v>
      </c>
      <c r="AF24821">
        <v>15</v>
      </c>
      <c r="AG24821">
        <v>16</v>
      </c>
      <c r="AH24821">
        <v>16</v>
      </c>
      <c r="AI24821">
        <v>16</v>
      </c>
      <c r="AJ24821">
        <v>16</v>
      </c>
      <c r="AK24821">
        <v>16</v>
      </c>
      <c r="AL24821">
        <v>16</v>
      </c>
      <c r="AM24821">
        <v>16</v>
      </c>
      <c r="AN24821">
        <v>16</v>
      </c>
      <c r="AO24821">
        <v>16</v>
      </c>
      <c r="AP24821">
        <v>16</v>
      </c>
      <c r="AQ24821">
        <v>16</v>
      </c>
    </row>
    <row r="24822" spans="1:43">
      <c r="A24822" t="s">
        <v>15369</v>
      </c>
      <c r="B24822" t="s">
        <v>15370</v>
      </c>
      <c r="C24822" t="s">
        <v>15343</v>
      </c>
      <c r="D24822" t="s">
        <v>15344</v>
      </c>
      <c r="E24822" t="s">
        <v>15241</v>
      </c>
      <c r="F24822" t="s">
        <v>15242</v>
      </c>
      <c r="G24822" t="s">
        <v>10734</v>
      </c>
      <c r="H24822" t="s">
        <v>10735</v>
      </c>
      <c r="I24822" s="2">
        <v>1</v>
      </c>
      <c r="J24822" s="2">
        <v>0</v>
      </c>
      <c r="K24822" s="2">
        <v>0</v>
      </c>
      <c r="L24822" t="s">
        <v>120</v>
      </c>
      <c r="M24822" t="s">
        <v>83</v>
      </c>
      <c r="N24822" t="s">
        <v>84</v>
      </c>
      <c r="O24822" t="s">
        <v>85</v>
      </c>
      <c r="P24822" t="s">
        <v>86</v>
      </c>
      <c r="Q24822">
        <v>25</v>
      </c>
      <c r="R24822">
        <v>26</v>
      </c>
      <c r="S24822">
        <v>26</v>
      </c>
      <c r="T24822">
        <v>26</v>
      </c>
      <c r="U24822">
        <v>27</v>
      </c>
      <c r="V24822">
        <v>27</v>
      </c>
      <c r="W24822">
        <v>27</v>
      </c>
      <c r="X24822">
        <v>28</v>
      </c>
      <c r="Y24822">
        <v>28</v>
      </c>
      <c r="Z24822">
        <v>28</v>
      </c>
      <c r="AA24822">
        <v>29</v>
      </c>
      <c r="AB24822">
        <v>29</v>
      </c>
      <c r="AC24822">
        <v>29</v>
      </c>
      <c r="AD24822">
        <v>30</v>
      </c>
      <c r="AE24822">
        <v>30</v>
      </c>
      <c r="AF24822">
        <v>30</v>
      </c>
      <c r="AG24822">
        <v>30</v>
      </c>
      <c r="AH24822">
        <v>31</v>
      </c>
      <c r="AI24822">
        <v>31</v>
      </c>
      <c r="AJ24822">
        <v>31</v>
      </c>
      <c r="AK24822">
        <v>32</v>
      </c>
      <c r="AL24822">
        <v>32</v>
      </c>
      <c r="AM24822">
        <v>32</v>
      </c>
      <c r="AN24822">
        <v>32</v>
      </c>
      <c r="AO24822">
        <v>32</v>
      </c>
      <c r="AP24822">
        <v>32</v>
      </c>
      <c r="AQ24822">
        <v>32</v>
      </c>
    </row>
    <row r="24823" spans="1:43">
      <c r="A24823" t="s">
        <v>15369</v>
      </c>
      <c r="B24823" t="s">
        <v>15370</v>
      </c>
      <c r="C24823" t="s">
        <v>15343</v>
      </c>
      <c r="D24823" t="s">
        <v>15344</v>
      </c>
      <c r="E24823" t="s">
        <v>15241</v>
      </c>
      <c r="F24823" t="s">
        <v>15242</v>
      </c>
      <c r="G24823" t="s">
        <v>10734</v>
      </c>
      <c r="H24823" t="s">
        <v>10735</v>
      </c>
      <c r="I24823" s="2">
        <v>1</v>
      </c>
      <c r="J24823" s="2">
        <v>0</v>
      </c>
      <c r="K24823" s="2">
        <v>0</v>
      </c>
      <c r="L24823" t="s">
        <v>120</v>
      </c>
      <c r="M24823" t="s">
        <v>87</v>
      </c>
      <c r="N24823" t="s">
        <v>88</v>
      </c>
      <c r="O24823" t="s">
        <v>85</v>
      </c>
      <c r="P24823" t="s">
        <v>86</v>
      </c>
      <c r="Q24823">
        <v>25</v>
      </c>
      <c r="R24823">
        <v>25</v>
      </c>
      <c r="S24823">
        <v>25</v>
      </c>
      <c r="T24823">
        <v>25</v>
      </c>
      <c r="U24823">
        <v>26</v>
      </c>
      <c r="V24823">
        <v>26</v>
      </c>
      <c r="W24823">
        <v>26</v>
      </c>
      <c r="X24823">
        <v>26</v>
      </c>
      <c r="Y24823">
        <v>26</v>
      </c>
      <c r="Z24823">
        <v>26</v>
      </c>
      <c r="AA24823">
        <v>26</v>
      </c>
      <c r="AB24823">
        <v>26</v>
      </c>
      <c r="AC24823">
        <v>26</v>
      </c>
      <c r="AD24823">
        <v>27</v>
      </c>
      <c r="AE24823">
        <v>27</v>
      </c>
      <c r="AF24823">
        <v>27</v>
      </c>
      <c r="AG24823">
        <v>27</v>
      </c>
      <c r="AH24823">
        <v>27</v>
      </c>
      <c r="AI24823">
        <v>27</v>
      </c>
      <c r="AJ24823">
        <v>27</v>
      </c>
      <c r="AK24823">
        <v>27</v>
      </c>
      <c r="AL24823">
        <v>27</v>
      </c>
      <c r="AM24823">
        <v>27</v>
      </c>
      <c r="AN24823">
        <v>27</v>
      </c>
      <c r="AO24823">
        <v>28</v>
      </c>
      <c r="AP24823">
        <v>28</v>
      </c>
      <c r="AQ24823">
        <v>28</v>
      </c>
    </row>
    <row r="24824" spans="1:43">
      <c r="A24824" t="s">
        <v>15369</v>
      </c>
      <c r="B24824" t="s">
        <v>15370</v>
      </c>
      <c r="C24824" t="s">
        <v>15343</v>
      </c>
      <c r="D24824" t="s">
        <v>15344</v>
      </c>
      <c r="E24824" t="s">
        <v>15241</v>
      </c>
      <c r="F24824" t="s">
        <v>15242</v>
      </c>
      <c r="G24824" t="s">
        <v>10734</v>
      </c>
      <c r="H24824" t="s">
        <v>10735</v>
      </c>
      <c r="I24824" s="2">
        <v>1</v>
      </c>
      <c r="J24824" s="2">
        <v>0</v>
      </c>
      <c r="K24824" s="2">
        <v>0</v>
      </c>
      <c r="L24824" t="s">
        <v>120</v>
      </c>
      <c r="M24824" t="s">
        <v>89</v>
      </c>
      <c r="N24824" t="s">
        <v>90</v>
      </c>
      <c r="O24824" t="s">
        <v>85</v>
      </c>
      <c r="P24824" t="s">
        <v>86</v>
      </c>
      <c r="Q24824">
        <v>25</v>
      </c>
      <c r="R24824">
        <v>25</v>
      </c>
      <c r="S24824">
        <v>26</v>
      </c>
      <c r="T24824">
        <v>26</v>
      </c>
      <c r="U24824">
        <v>27</v>
      </c>
      <c r="V24824">
        <v>27</v>
      </c>
      <c r="W24824">
        <v>28</v>
      </c>
      <c r="X24824">
        <v>28</v>
      </c>
      <c r="Y24824">
        <v>29</v>
      </c>
      <c r="Z24824">
        <v>29</v>
      </c>
      <c r="AA24824">
        <v>29</v>
      </c>
      <c r="AB24824">
        <v>30</v>
      </c>
      <c r="AC24824">
        <v>30</v>
      </c>
      <c r="AD24824">
        <v>31</v>
      </c>
      <c r="AE24824">
        <v>31</v>
      </c>
      <c r="AF24824">
        <v>31</v>
      </c>
      <c r="AG24824">
        <v>31</v>
      </c>
      <c r="AH24824">
        <v>31</v>
      </c>
      <c r="AI24824">
        <v>31</v>
      </c>
      <c r="AJ24824">
        <v>31</v>
      </c>
      <c r="AK24824">
        <v>31</v>
      </c>
      <c r="AL24824">
        <v>31</v>
      </c>
      <c r="AM24824">
        <v>31</v>
      </c>
      <c r="AN24824">
        <v>31</v>
      </c>
      <c r="AO24824">
        <v>31</v>
      </c>
      <c r="AP24824">
        <v>31</v>
      </c>
      <c r="AQ24824">
        <v>31</v>
      </c>
    </row>
    <row r="24825" spans="1:43">
      <c r="A24825" t="s">
        <v>15369</v>
      </c>
      <c r="B24825" t="s">
        <v>15370</v>
      </c>
      <c r="C24825" t="s">
        <v>15343</v>
      </c>
      <c r="D24825" t="s">
        <v>15344</v>
      </c>
      <c r="E24825" t="s">
        <v>15241</v>
      </c>
      <c r="F24825" t="s">
        <v>15242</v>
      </c>
      <c r="G24825" t="s">
        <v>10734</v>
      </c>
      <c r="H24825" t="s">
        <v>10735</v>
      </c>
      <c r="I24825" s="2">
        <v>1</v>
      </c>
      <c r="J24825" s="2">
        <v>0</v>
      </c>
      <c r="K24825" s="2">
        <v>0</v>
      </c>
      <c r="L24825" t="s">
        <v>120</v>
      </c>
      <c r="M24825" t="s">
        <v>83</v>
      </c>
      <c r="N24825" t="s">
        <v>91</v>
      </c>
      <c r="O24825" t="s">
        <v>85</v>
      </c>
      <c r="P24825" t="s">
        <v>86</v>
      </c>
      <c r="Q24825">
        <v>25</v>
      </c>
      <c r="R24825">
        <v>26</v>
      </c>
      <c r="S24825">
        <v>26</v>
      </c>
      <c r="T24825">
        <v>26</v>
      </c>
      <c r="U24825">
        <v>27</v>
      </c>
      <c r="V24825">
        <v>27</v>
      </c>
      <c r="W24825">
        <v>27</v>
      </c>
      <c r="X24825">
        <v>28</v>
      </c>
      <c r="Y24825">
        <v>28</v>
      </c>
      <c r="Z24825">
        <v>28</v>
      </c>
      <c r="AA24825">
        <v>29</v>
      </c>
      <c r="AB24825">
        <v>29</v>
      </c>
      <c r="AC24825">
        <v>29</v>
      </c>
      <c r="AD24825">
        <v>30</v>
      </c>
      <c r="AE24825">
        <v>30</v>
      </c>
      <c r="AF24825">
        <v>30</v>
      </c>
      <c r="AG24825">
        <v>30</v>
      </c>
      <c r="AH24825">
        <v>31</v>
      </c>
      <c r="AI24825">
        <v>31</v>
      </c>
      <c r="AJ24825">
        <v>31</v>
      </c>
      <c r="AK24825">
        <v>32</v>
      </c>
      <c r="AL24825">
        <v>32</v>
      </c>
      <c r="AM24825">
        <v>32</v>
      </c>
      <c r="AN24825">
        <v>32</v>
      </c>
      <c r="AO24825">
        <v>32</v>
      </c>
      <c r="AP24825">
        <v>32</v>
      </c>
      <c r="AQ24825">
        <v>32</v>
      </c>
    </row>
    <row r="24826" spans="1:43">
      <c r="A24826" t="s">
        <v>15371</v>
      </c>
      <c r="B24826" t="s">
        <v>15372</v>
      </c>
      <c r="C24826" t="s">
        <v>15261</v>
      </c>
      <c r="D24826" t="s">
        <v>15262</v>
      </c>
      <c r="E24826" t="s">
        <v>15241</v>
      </c>
      <c r="F24826" t="s">
        <v>15242</v>
      </c>
      <c r="G24826" t="s">
        <v>10734</v>
      </c>
      <c r="H24826" t="s">
        <v>10735</v>
      </c>
      <c r="I24826" s="2">
        <v>1</v>
      </c>
      <c r="J24826" s="2">
        <v>0</v>
      </c>
      <c r="K24826" s="2">
        <v>0</v>
      </c>
      <c r="L24826" t="s">
        <v>120</v>
      </c>
      <c r="M24826" t="s">
        <v>83</v>
      </c>
      <c r="N24826" t="s">
        <v>84</v>
      </c>
      <c r="O24826" t="s">
        <v>85</v>
      </c>
      <c r="P24826" t="s">
        <v>86</v>
      </c>
      <c r="Q24826">
        <v>9</v>
      </c>
      <c r="R24826">
        <v>9</v>
      </c>
      <c r="S24826">
        <v>9</v>
      </c>
      <c r="T24826">
        <v>9</v>
      </c>
      <c r="U24826">
        <v>9</v>
      </c>
      <c r="V24826">
        <v>10</v>
      </c>
      <c r="W24826">
        <v>10</v>
      </c>
      <c r="X24826">
        <v>10</v>
      </c>
      <c r="Y24826">
        <v>10</v>
      </c>
      <c r="Z24826">
        <v>10</v>
      </c>
      <c r="AA24826">
        <v>10</v>
      </c>
      <c r="AB24826">
        <v>10</v>
      </c>
      <c r="AC24826">
        <v>10</v>
      </c>
      <c r="AD24826">
        <v>11</v>
      </c>
      <c r="AE24826">
        <v>11</v>
      </c>
      <c r="AF24826">
        <v>11</v>
      </c>
      <c r="AG24826">
        <v>11</v>
      </c>
      <c r="AH24826">
        <v>11</v>
      </c>
      <c r="AI24826">
        <v>11</v>
      </c>
      <c r="AJ24826">
        <v>11</v>
      </c>
      <c r="AK24826">
        <v>11</v>
      </c>
      <c r="AL24826">
        <v>11</v>
      </c>
      <c r="AM24826">
        <v>11</v>
      </c>
      <c r="AN24826">
        <v>11</v>
      </c>
      <c r="AO24826">
        <v>11</v>
      </c>
      <c r="AP24826">
        <v>11</v>
      </c>
      <c r="AQ24826">
        <v>11</v>
      </c>
    </row>
    <row r="24827" spans="1:43">
      <c r="A24827" t="s">
        <v>15371</v>
      </c>
      <c r="B24827" t="s">
        <v>15372</v>
      </c>
      <c r="C24827" t="s">
        <v>15261</v>
      </c>
      <c r="D24827" t="s">
        <v>15262</v>
      </c>
      <c r="E24827" t="s">
        <v>15241</v>
      </c>
      <c r="F24827" t="s">
        <v>15242</v>
      </c>
      <c r="G24827" t="s">
        <v>10734</v>
      </c>
      <c r="H24827" t="s">
        <v>10735</v>
      </c>
      <c r="I24827" s="2">
        <v>1</v>
      </c>
      <c r="J24827" s="2">
        <v>0</v>
      </c>
      <c r="K24827" s="2">
        <v>0</v>
      </c>
      <c r="L24827" t="s">
        <v>120</v>
      </c>
      <c r="M24827" t="s">
        <v>87</v>
      </c>
      <c r="N24827" t="s">
        <v>88</v>
      </c>
      <c r="O24827" t="s">
        <v>85</v>
      </c>
      <c r="P24827" t="s">
        <v>86</v>
      </c>
      <c r="Q24827">
        <v>9</v>
      </c>
      <c r="R24827">
        <v>9</v>
      </c>
      <c r="S24827">
        <v>9</v>
      </c>
      <c r="T24827">
        <v>9</v>
      </c>
      <c r="U24827">
        <v>9</v>
      </c>
      <c r="V24827">
        <v>9</v>
      </c>
      <c r="W24827">
        <v>9</v>
      </c>
      <c r="X24827">
        <v>9</v>
      </c>
      <c r="Y24827">
        <v>9</v>
      </c>
      <c r="Z24827">
        <v>9</v>
      </c>
      <c r="AA24827">
        <v>9</v>
      </c>
      <c r="AB24827">
        <v>9</v>
      </c>
      <c r="AC24827">
        <v>9</v>
      </c>
      <c r="AD24827">
        <v>9</v>
      </c>
      <c r="AE24827">
        <v>9</v>
      </c>
      <c r="AF24827">
        <v>9</v>
      </c>
      <c r="AG24827">
        <v>10</v>
      </c>
      <c r="AH24827">
        <v>10</v>
      </c>
      <c r="AI24827">
        <v>10</v>
      </c>
      <c r="AJ24827">
        <v>10</v>
      </c>
      <c r="AK24827">
        <v>10</v>
      </c>
      <c r="AL24827">
        <v>10</v>
      </c>
      <c r="AM24827">
        <v>10</v>
      </c>
      <c r="AN24827">
        <v>10</v>
      </c>
      <c r="AO24827">
        <v>10</v>
      </c>
      <c r="AP24827">
        <v>10</v>
      </c>
      <c r="AQ24827">
        <v>10</v>
      </c>
    </row>
    <row r="24828" spans="1:43">
      <c r="A24828" t="s">
        <v>15371</v>
      </c>
      <c r="B24828" t="s">
        <v>15372</v>
      </c>
      <c r="C24828" t="s">
        <v>15261</v>
      </c>
      <c r="D24828" t="s">
        <v>15262</v>
      </c>
      <c r="E24828" t="s">
        <v>15241</v>
      </c>
      <c r="F24828" t="s">
        <v>15242</v>
      </c>
      <c r="G24828" t="s">
        <v>10734</v>
      </c>
      <c r="H24828" t="s">
        <v>10735</v>
      </c>
      <c r="I24828" s="2">
        <v>1</v>
      </c>
      <c r="J24828" s="2">
        <v>0</v>
      </c>
      <c r="K24828" s="2">
        <v>0</v>
      </c>
      <c r="L24828" t="s">
        <v>120</v>
      </c>
      <c r="M24828" t="s">
        <v>89</v>
      </c>
      <c r="N24828" t="s">
        <v>90</v>
      </c>
      <c r="O24828" t="s">
        <v>85</v>
      </c>
      <c r="P24828" t="s">
        <v>86</v>
      </c>
      <c r="Q24828">
        <v>9</v>
      </c>
      <c r="R24828">
        <v>9</v>
      </c>
      <c r="S24828">
        <v>9</v>
      </c>
      <c r="T24828">
        <v>10</v>
      </c>
      <c r="U24828">
        <v>10</v>
      </c>
      <c r="V24828">
        <v>10</v>
      </c>
      <c r="W24828">
        <v>10</v>
      </c>
      <c r="X24828">
        <v>10</v>
      </c>
      <c r="Y24828">
        <v>11</v>
      </c>
      <c r="Z24828">
        <v>11</v>
      </c>
      <c r="AA24828">
        <v>11</v>
      </c>
      <c r="AB24828">
        <v>11</v>
      </c>
      <c r="AC24828">
        <v>11</v>
      </c>
      <c r="AD24828">
        <v>11</v>
      </c>
      <c r="AE24828">
        <v>11</v>
      </c>
      <c r="AF24828">
        <v>11</v>
      </c>
      <c r="AG24828">
        <v>11</v>
      </c>
      <c r="AH24828">
        <v>11</v>
      </c>
      <c r="AI24828">
        <v>11</v>
      </c>
      <c r="AJ24828">
        <v>11</v>
      </c>
      <c r="AK24828">
        <v>11</v>
      </c>
      <c r="AL24828">
        <v>11</v>
      </c>
      <c r="AM24828">
        <v>11</v>
      </c>
      <c r="AN24828">
        <v>11</v>
      </c>
      <c r="AO24828">
        <v>11</v>
      </c>
      <c r="AP24828">
        <v>11</v>
      </c>
      <c r="AQ24828">
        <v>11</v>
      </c>
    </row>
    <row r="24829" spans="1:43">
      <c r="A24829" t="s">
        <v>15371</v>
      </c>
      <c r="B24829" t="s">
        <v>15372</v>
      </c>
      <c r="C24829" t="s">
        <v>15261</v>
      </c>
      <c r="D24829" t="s">
        <v>15262</v>
      </c>
      <c r="E24829" t="s">
        <v>15241</v>
      </c>
      <c r="F24829" t="s">
        <v>15242</v>
      </c>
      <c r="G24829" t="s">
        <v>10734</v>
      </c>
      <c r="H24829" t="s">
        <v>10735</v>
      </c>
      <c r="I24829" s="2">
        <v>1</v>
      </c>
      <c r="J24829" s="2">
        <v>0</v>
      </c>
      <c r="K24829" s="2">
        <v>0</v>
      </c>
      <c r="L24829" t="s">
        <v>120</v>
      </c>
      <c r="M24829" t="s">
        <v>83</v>
      </c>
      <c r="N24829" t="s">
        <v>91</v>
      </c>
      <c r="O24829" t="s">
        <v>85</v>
      </c>
      <c r="P24829" t="s">
        <v>86</v>
      </c>
      <c r="Q24829">
        <v>9</v>
      </c>
      <c r="R24829">
        <v>9</v>
      </c>
      <c r="S24829">
        <v>9</v>
      </c>
      <c r="T24829">
        <v>9</v>
      </c>
      <c r="U24829">
        <v>9</v>
      </c>
      <c r="V24829">
        <v>10</v>
      </c>
      <c r="W24829">
        <v>10</v>
      </c>
      <c r="X24829">
        <v>10</v>
      </c>
      <c r="Y24829">
        <v>10</v>
      </c>
      <c r="Z24829">
        <v>10</v>
      </c>
      <c r="AA24829">
        <v>10</v>
      </c>
      <c r="AB24829">
        <v>10</v>
      </c>
      <c r="AC24829">
        <v>10</v>
      </c>
      <c r="AD24829">
        <v>11</v>
      </c>
      <c r="AE24829">
        <v>11</v>
      </c>
      <c r="AF24829">
        <v>11</v>
      </c>
      <c r="AG24829">
        <v>11</v>
      </c>
      <c r="AH24829">
        <v>11</v>
      </c>
      <c r="AI24829">
        <v>11</v>
      </c>
      <c r="AJ24829">
        <v>11</v>
      </c>
      <c r="AK24829">
        <v>11</v>
      </c>
      <c r="AL24829">
        <v>11</v>
      </c>
      <c r="AM24829">
        <v>11</v>
      </c>
      <c r="AN24829">
        <v>11</v>
      </c>
      <c r="AO24829">
        <v>11</v>
      </c>
      <c r="AP24829">
        <v>11</v>
      </c>
      <c r="AQ24829">
        <v>11</v>
      </c>
    </row>
    <row r="24830" spans="1:43">
      <c r="A24830" t="s">
        <v>15373</v>
      </c>
      <c r="B24830" t="s">
        <v>15374</v>
      </c>
      <c r="C24830" t="s">
        <v>15261</v>
      </c>
      <c r="D24830" t="s">
        <v>15262</v>
      </c>
      <c r="E24830" t="s">
        <v>15241</v>
      </c>
      <c r="F24830" t="s">
        <v>15242</v>
      </c>
      <c r="G24830" t="s">
        <v>10734</v>
      </c>
      <c r="H24830" t="s">
        <v>10735</v>
      </c>
      <c r="I24830" s="2">
        <v>1</v>
      </c>
      <c r="J24830" s="2">
        <v>0</v>
      </c>
      <c r="K24830" s="2">
        <v>0</v>
      </c>
      <c r="L24830" t="s">
        <v>120</v>
      </c>
      <c r="M24830" t="s">
        <v>83</v>
      </c>
      <c r="N24830" t="s">
        <v>84</v>
      </c>
      <c r="O24830" t="s">
        <v>85</v>
      </c>
      <c r="P24830" t="s">
        <v>86</v>
      </c>
      <c r="Q24830">
        <v>10</v>
      </c>
      <c r="R24830">
        <v>10</v>
      </c>
      <c r="S24830">
        <v>10</v>
      </c>
      <c r="T24830">
        <v>10</v>
      </c>
      <c r="U24830">
        <v>10</v>
      </c>
      <c r="V24830">
        <v>11</v>
      </c>
      <c r="W24830">
        <v>11</v>
      </c>
      <c r="X24830">
        <v>11</v>
      </c>
      <c r="Y24830">
        <v>11</v>
      </c>
      <c r="Z24830">
        <v>11</v>
      </c>
      <c r="AA24830">
        <v>11</v>
      </c>
      <c r="AB24830">
        <v>11</v>
      </c>
      <c r="AC24830">
        <v>11</v>
      </c>
      <c r="AD24830">
        <v>12</v>
      </c>
      <c r="AE24830">
        <v>12</v>
      </c>
      <c r="AF24830">
        <v>12</v>
      </c>
      <c r="AG24830">
        <v>12</v>
      </c>
      <c r="AH24830">
        <v>12</v>
      </c>
      <c r="AI24830">
        <v>12</v>
      </c>
      <c r="AJ24830">
        <v>12</v>
      </c>
      <c r="AK24830">
        <v>12</v>
      </c>
      <c r="AL24830">
        <v>12</v>
      </c>
      <c r="AM24830">
        <v>12</v>
      </c>
      <c r="AN24830">
        <v>12</v>
      </c>
      <c r="AO24830">
        <v>12</v>
      </c>
      <c r="AP24830">
        <v>12</v>
      </c>
      <c r="AQ24830">
        <v>12</v>
      </c>
    </row>
    <row r="24831" spans="1:43">
      <c r="A24831" t="s">
        <v>15373</v>
      </c>
      <c r="B24831" t="s">
        <v>15374</v>
      </c>
      <c r="C24831" t="s">
        <v>15261</v>
      </c>
      <c r="D24831" t="s">
        <v>15262</v>
      </c>
      <c r="E24831" t="s">
        <v>15241</v>
      </c>
      <c r="F24831" t="s">
        <v>15242</v>
      </c>
      <c r="G24831" t="s">
        <v>10734</v>
      </c>
      <c r="H24831" t="s">
        <v>10735</v>
      </c>
      <c r="I24831" s="2">
        <v>1</v>
      </c>
      <c r="J24831" s="2">
        <v>0</v>
      </c>
      <c r="K24831" s="2">
        <v>0</v>
      </c>
      <c r="L24831" t="s">
        <v>120</v>
      </c>
      <c r="M24831" t="s">
        <v>87</v>
      </c>
      <c r="N24831" t="s">
        <v>88</v>
      </c>
      <c r="O24831" t="s">
        <v>85</v>
      </c>
      <c r="P24831" t="s">
        <v>86</v>
      </c>
      <c r="Q24831">
        <v>10</v>
      </c>
      <c r="R24831">
        <v>10</v>
      </c>
      <c r="S24831">
        <v>10</v>
      </c>
      <c r="T24831">
        <v>10</v>
      </c>
      <c r="U24831">
        <v>10</v>
      </c>
      <c r="V24831">
        <v>10</v>
      </c>
      <c r="W24831">
        <v>10</v>
      </c>
      <c r="X24831">
        <v>10</v>
      </c>
      <c r="Y24831">
        <v>10</v>
      </c>
      <c r="Z24831">
        <v>10</v>
      </c>
      <c r="AA24831">
        <v>10</v>
      </c>
      <c r="AB24831">
        <v>10</v>
      </c>
      <c r="AC24831">
        <v>10</v>
      </c>
      <c r="AD24831">
        <v>10</v>
      </c>
      <c r="AE24831">
        <v>10</v>
      </c>
      <c r="AF24831">
        <v>10</v>
      </c>
      <c r="AG24831">
        <v>10</v>
      </c>
      <c r="AH24831">
        <v>11</v>
      </c>
      <c r="AI24831">
        <v>11</v>
      </c>
      <c r="AJ24831">
        <v>11</v>
      </c>
      <c r="AK24831">
        <v>11</v>
      </c>
      <c r="AL24831">
        <v>11</v>
      </c>
      <c r="AM24831">
        <v>11</v>
      </c>
      <c r="AN24831">
        <v>11</v>
      </c>
      <c r="AO24831">
        <v>11</v>
      </c>
      <c r="AP24831">
        <v>11</v>
      </c>
      <c r="AQ24831">
        <v>11</v>
      </c>
    </row>
    <row r="24832" spans="1:43">
      <c r="A24832" t="s">
        <v>15373</v>
      </c>
      <c r="B24832" t="s">
        <v>15374</v>
      </c>
      <c r="C24832" t="s">
        <v>15261</v>
      </c>
      <c r="D24832" t="s">
        <v>15262</v>
      </c>
      <c r="E24832" t="s">
        <v>15241</v>
      </c>
      <c r="F24832" t="s">
        <v>15242</v>
      </c>
      <c r="G24832" t="s">
        <v>10734</v>
      </c>
      <c r="H24832" t="s">
        <v>10735</v>
      </c>
      <c r="I24832" s="2">
        <v>1</v>
      </c>
      <c r="J24832" s="2">
        <v>0</v>
      </c>
      <c r="K24832" s="2">
        <v>0</v>
      </c>
      <c r="L24832" t="s">
        <v>120</v>
      </c>
      <c r="M24832" t="s">
        <v>89</v>
      </c>
      <c r="N24832" t="s">
        <v>90</v>
      </c>
      <c r="O24832" t="s">
        <v>85</v>
      </c>
      <c r="P24832" t="s">
        <v>86</v>
      </c>
      <c r="Q24832">
        <v>10</v>
      </c>
      <c r="R24832">
        <v>10</v>
      </c>
      <c r="S24832">
        <v>10</v>
      </c>
      <c r="T24832">
        <v>11</v>
      </c>
      <c r="U24832">
        <v>11</v>
      </c>
      <c r="V24832">
        <v>11</v>
      </c>
      <c r="W24832">
        <v>11</v>
      </c>
      <c r="X24832">
        <v>11</v>
      </c>
      <c r="Y24832">
        <v>12</v>
      </c>
      <c r="Z24832">
        <v>12</v>
      </c>
      <c r="AA24832">
        <v>12</v>
      </c>
      <c r="AB24832">
        <v>12</v>
      </c>
      <c r="AC24832">
        <v>12</v>
      </c>
      <c r="AD24832">
        <v>12</v>
      </c>
      <c r="AE24832">
        <v>12</v>
      </c>
      <c r="AF24832">
        <v>12</v>
      </c>
      <c r="AG24832">
        <v>12</v>
      </c>
      <c r="AH24832">
        <v>12</v>
      </c>
      <c r="AI24832">
        <v>12</v>
      </c>
      <c r="AJ24832">
        <v>12</v>
      </c>
      <c r="AK24832">
        <v>12</v>
      </c>
      <c r="AL24832">
        <v>12</v>
      </c>
      <c r="AM24832">
        <v>12</v>
      </c>
      <c r="AN24832">
        <v>12</v>
      </c>
      <c r="AO24832">
        <v>12</v>
      </c>
      <c r="AP24832">
        <v>12</v>
      </c>
      <c r="AQ24832">
        <v>12</v>
      </c>
    </row>
    <row r="24833" spans="1:43">
      <c r="A24833" t="s">
        <v>15373</v>
      </c>
      <c r="B24833" t="s">
        <v>15374</v>
      </c>
      <c r="C24833" t="s">
        <v>15261</v>
      </c>
      <c r="D24833" t="s">
        <v>15262</v>
      </c>
      <c r="E24833" t="s">
        <v>15241</v>
      </c>
      <c r="F24833" t="s">
        <v>15242</v>
      </c>
      <c r="G24833" t="s">
        <v>10734</v>
      </c>
      <c r="H24833" t="s">
        <v>10735</v>
      </c>
      <c r="I24833" s="2">
        <v>1</v>
      </c>
      <c r="J24833" s="2">
        <v>0</v>
      </c>
      <c r="K24833" s="2">
        <v>0</v>
      </c>
      <c r="L24833" t="s">
        <v>120</v>
      </c>
      <c r="M24833" t="s">
        <v>83</v>
      </c>
      <c r="N24833" t="s">
        <v>91</v>
      </c>
      <c r="O24833" t="s">
        <v>85</v>
      </c>
      <c r="P24833" t="s">
        <v>86</v>
      </c>
      <c r="Q24833">
        <v>10</v>
      </c>
      <c r="R24833">
        <v>10</v>
      </c>
      <c r="S24833">
        <v>10</v>
      </c>
      <c r="T24833">
        <v>10</v>
      </c>
      <c r="U24833">
        <v>10</v>
      </c>
      <c r="V24833">
        <v>11</v>
      </c>
      <c r="W24833">
        <v>11</v>
      </c>
      <c r="X24833">
        <v>11</v>
      </c>
      <c r="Y24833">
        <v>11</v>
      </c>
      <c r="Z24833">
        <v>11</v>
      </c>
      <c r="AA24833">
        <v>11</v>
      </c>
      <c r="AB24833">
        <v>11</v>
      </c>
      <c r="AC24833">
        <v>11</v>
      </c>
      <c r="AD24833">
        <v>12</v>
      </c>
      <c r="AE24833">
        <v>12</v>
      </c>
      <c r="AF24833">
        <v>12</v>
      </c>
      <c r="AG24833">
        <v>12</v>
      </c>
      <c r="AH24833">
        <v>12</v>
      </c>
      <c r="AI24833">
        <v>12</v>
      </c>
      <c r="AJ24833">
        <v>12</v>
      </c>
      <c r="AK24833">
        <v>12</v>
      </c>
      <c r="AL24833">
        <v>12</v>
      </c>
      <c r="AM24833">
        <v>12</v>
      </c>
      <c r="AN24833">
        <v>12</v>
      </c>
      <c r="AO24833">
        <v>12</v>
      </c>
      <c r="AP24833">
        <v>12</v>
      </c>
      <c r="AQ24833">
        <v>12</v>
      </c>
    </row>
    <row r="24834" spans="1:43">
      <c r="A24834" t="s">
        <v>15375</v>
      </c>
      <c r="B24834" t="s">
        <v>15376</v>
      </c>
      <c r="C24834" t="s">
        <v>15343</v>
      </c>
      <c r="D24834" t="s">
        <v>15344</v>
      </c>
      <c r="E24834" t="s">
        <v>15241</v>
      </c>
      <c r="F24834" t="s">
        <v>15242</v>
      </c>
      <c r="G24834" t="s">
        <v>10734</v>
      </c>
      <c r="H24834" t="s">
        <v>10735</v>
      </c>
      <c r="I24834" s="2">
        <v>1</v>
      </c>
      <c r="J24834" s="2">
        <v>0</v>
      </c>
      <c r="K24834" s="2">
        <v>0</v>
      </c>
      <c r="L24834" t="s">
        <v>120</v>
      </c>
      <c r="M24834" t="s">
        <v>83</v>
      </c>
      <c r="N24834" t="s">
        <v>84</v>
      </c>
      <c r="O24834" t="s">
        <v>85</v>
      </c>
      <c r="P24834" t="s">
        <v>86</v>
      </c>
      <c r="Q24834">
        <v>49</v>
      </c>
      <c r="R24834">
        <v>49</v>
      </c>
      <c r="S24834">
        <v>50</v>
      </c>
      <c r="T24834">
        <v>51</v>
      </c>
      <c r="U24834">
        <v>52</v>
      </c>
      <c r="V24834">
        <v>52</v>
      </c>
      <c r="W24834">
        <v>53</v>
      </c>
      <c r="X24834">
        <v>54</v>
      </c>
      <c r="Y24834">
        <v>54</v>
      </c>
      <c r="Z24834">
        <v>55</v>
      </c>
      <c r="AA24834">
        <v>55</v>
      </c>
      <c r="AB24834">
        <v>56</v>
      </c>
      <c r="AC24834">
        <v>57</v>
      </c>
      <c r="AD24834">
        <v>57</v>
      </c>
      <c r="AE24834">
        <v>58</v>
      </c>
      <c r="AF24834">
        <v>58</v>
      </c>
      <c r="AG24834">
        <v>59</v>
      </c>
      <c r="AH24834">
        <v>60</v>
      </c>
      <c r="AI24834">
        <v>60</v>
      </c>
      <c r="AJ24834">
        <v>61</v>
      </c>
      <c r="AK24834">
        <v>61</v>
      </c>
      <c r="AL24834">
        <v>61</v>
      </c>
      <c r="AM24834">
        <v>61</v>
      </c>
      <c r="AN24834">
        <v>61</v>
      </c>
      <c r="AO24834">
        <v>61</v>
      </c>
      <c r="AP24834">
        <v>61</v>
      </c>
      <c r="AQ24834">
        <v>61</v>
      </c>
    </row>
    <row r="24835" spans="1:43">
      <c r="A24835" t="s">
        <v>15375</v>
      </c>
      <c r="B24835" t="s">
        <v>15376</v>
      </c>
      <c r="C24835" t="s">
        <v>15343</v>
      </c>
      <c r="D24835" t="s">
        <v>15344</v>
      </c>
      <c r="E24835" t="s">
        <v>15241</v>
      </c>
      <c r="F24835" t="s">
        <v>15242</v>
      </c>
      <c r="G24835" t="s">
        <v>10734</v>
      </c>
      <c r="H24835" t="s">
        <v>10735</v>
      </c>
      <c r="I24835" s="2">
        <v>1</v>
      </c>
      <c r="J24835" s="2">
        <v>0</v>
      </c>
      <c r="K24835" s="2">
        <v>0</v>
      </c>
      <c r="L24835" t="s">
        <v>120</v>
      </c>
      <c r="M24835" t="s">
        <v>87</v>
      </c>
      <c r="N24835" t="s">
        <v>88</v>
      </c>
      <c r="O24835" t="s">
        <v>85</v>
      </c>
      <c r="P24835" t="s">
        <v>86</v>
      </c>
      <c r="Q24835">
        <v>49</v>
      </c>
      <c r="R24835">
        <v>50</v>
      </c>
      <c r="S24835">
        <v>50</v>
      </c>
      <c r="T24835">
        <v>50</v>
      </c>
      <c r="U24835">
        <v>50</v>
      </c>
      <c r="V24835">
        <v>50</v>
      </c>
      <c r="W24835">
        <v>51</v>
      </c>
      <c r="X24835">
        <v>51</v>
      </c>
      <c r="Y24835">
        <v>51</v>
      </c>
      <c r="Z24835">
        <v>51</v>
      </c>
      <c r="AA24835">
        <v>52</v>
      </c>
      <c r="AB24835">
        <v>52</v>
      </c>
      <c r="AC24835">
        <v>52</v>
      </c>
      <c r="AD24835">
        <v>52</v>
      </c>
      <c r="AE24835">
        <v>52</v>
      </c>
      <c r="AF24835">
        <v>53</v>
      </c>
      <c r="AG24835">
        <v>53</v>
      </c>
      <c r="AH24835">
        <v>53</v>
      </c>
      <c r="AI24835">
        <v>53</v>
      </c>
      <c r="AJ24835">
        <v>53</v>
      </c>
      <c r="AK24835">
        <v>54</v>
      </c>
      <c r="AL24835">
        <v>54</v>
      </c>
      <c r="AM24835">
        <v>54</v>
      </c>
      <c r="AN24835">
        <v>54</v>
      </c>
      <c r="AO24835">
        <v>54</v>
      </c>
      <c r="AP24835">
        <v>55</v>
      </c>
      <c r="AQ24835">
        <v>55</v>
      </c>
    </row>
    <row r="24836" spans="1:43">
      <c r="A24836" t="s">
        <v>15375</v>
      </c>
      <c r="B24836" t="s">
        <v>15376</v>
      </c>
      <c r="C24836" t="s">
        <v>15343</v>
      </c>
      <c r="D24836" t="s">
        <v>15344</v>
      </c>
      <c r="E24836" t="s">
        <v>15241</v>
      </c>
      <c r="F24836" t="s">
        <v>15242</v>
      </c>
      <c r="G24836" t="s">
        <v>10734</v>
      </c>
      <c r="H24836" t="s">
        <v>10735</v>
      </c>
      <c r="I24836" s="2">
        <v>1</v>
      </c>
      <c r="J24836" s="2">
        <v>0</v>
      </c>
      <c r="K24836" s="2">
        <v>0</v>
      </c>
      <c r="L24836" t="s">
        <v>120</v>
      </c>
      <c r="M24836" t="s">
        <v>89</v>
      </c>
      <c r="N24836" t="s">
        <v>90</v>
      </c>
      <c r="O24836" t="s">
        <v>85</v>
      </c>
      <c r="P24836" t="s">
        <v>86</v>
      </c>
      <c r="Q24836">
        <v>49</v>
      </c>
      <c r="R24836">
        <v>50</v>
      </c>
      <c r="S24836">
        <v>51</v>
      </c>
      <c r="T24836">
        <v>52</v>
      </c>
      <c r="U24836">
        <v>54</v>
      </c>
      <c r="V24836">
        <v>54</v>
      </c>
      <c r="W24836">
        <v>55</v>
      </c>
      <c r="X24836">
        <v>56</v>
      </c>
      <c r="Y24836">
        <v>57</v>
      </c>
      <c r="Z24836">
        <v>58</v>
      </c>
      <c r="AA24836">
        <v>59</v>
      </c>
      <c r="AB24836">
        <v>60</v>
      </c>
      <c r="AC24836">
        <v>61</v>
      </c>
      <c r="AD24836">
        <v>61</v>
      </c>
      <c r="AE24836">
        <v>62</v>
      </c>
      <c r="AF24836">
        <v>62</v>
      </c>
      <c r="AG24836">
        <v>62</v>
      </c>
      <c r="AH24836">
        <v>62</v>
      </c>
      <c r="AI24836">
        <v>62</v>
      </c>
      <c r="AJ24836">
        <v>62</v>
      </c>
      <c r="AK24836">
        <v>62</v>
      </c>
      <c r="AL24836">
        <v>62</v>
      </c>
      <c r="AM24836">
        <v>62</v>
      </c>
      <c r="AN24836">
        <v>62</v>
      </c>
      <c r="AO24836">
        <v>62</v>
      </c>
      <c r="AP24836">
        <v>62</v>
      </c>
      <c r="AQ24836">
        <v>62</v>
      </c>
    </row>
    <row r="24837" spans="1:43">
      <c r="A24837" t="s">
        <v>15375</v>
      </c>
      <c r="B24837" t="s">
        <v>15376</v>
      </c>
      <c r="C24837" t="s">
        <v>15343</v>
      </c>
      <c r="D24837" t="s">
        <v>15344</v>
      </c>
      <c r="E24837" t="s">
        <v>15241</v>
      </c>
      <c r="F24837" t="s">
        <v>15242</v>
      </c>
      <c r="G24837" t="s">
        <v>10734</v>
      </c>
      <c r="H24837" t="s">
        <v>10735</v>
      </c>
      <c r="I24837" s="2">
        <v>1</v>
      </c>
      <c r="J24837" s="2">
        <v>0</v>
      </c>
      <c r="K24837" s="2">
        <v>0</v>
      </c>
      <c r="L24837" t="s">
        <v>120</v>
      </c>
      <c r="M24837" t="s">
        <v>83</v>
      </c>
      <c r="N24837" t="s">
        <v>91</v>
      </c>
      <c r="O24837" t="s">
        <v>85</v>
      </c>
      <c r="P24837" t="s">
        <v>86</v>
      </c>
      <c r="Q24837">
        <v>49</v>
      </c>
      <c r="R24837">
        <v>49</v>
      </c>
      <c r="S24837">
        <v>50</v>
      </c>
      <c r="T24837">
        <v>51</v>
      </c>
      <c r="U24837">
        <v>52</v>
      </c>
      <c r="V24837">
        <v>52</v>
      </c>
      <c r="W24837">
        <v>53</v>
      </c>
      <c r="X24837">
        <v>54</v>
      </c>
      <c r="Y24837">
        <v>54</v>
      </c>
      <c r="Z24837">
        <v>55</v>
      </c>
      <c r="AA24837">
        <v>55</v>
      </c>
      <c r="AB24837">
        <v>56</v>
      </c>
      <c r="AC24837">
        <v>57</v>
      </c>
      <c r="AD24837">
        <v>57</v>
      </c>
      <c r="AE24837">
        <v>58</v>
      </c>
      <c r="AF24837">
        <v>58</v>
      </c>
      <c r="AG24837">
        <v>59</v>
      </c>
      <c r="AH24837">
        <v>60</v>
      </c>
      <c r="AI24837">
        <v>60</v>
      </c>
      <c r="AJ24837">
        <v>61</v>
      </c>
      <c r="AK24837">
        <v>61</v>
      </c>
      <c r="AL24837">
        <v>61</v>
      </c>
      <c r="AM24837">
        <v>61</v>
      </c>
      <c r="AN24837">
        <v>61</v>
      </c>
      <c r="AO24837">
        <v>61</v>
      </c>
      <c r="AP24837">
        <v>61</v>
      </c>
      <c r="AQ24837">
        <v>61</v>
      </c>
    </row>
    <row r="24838" spans="1:43">
      <c r="A24838" t="s">
        <v>15377</v>
      </c>
      <c r="B24838" t="s">
        <v>15378</v>
      </c>
      <c r="C24838" t="s">
        <v>15379</v>
      </c>
      <c r="D24838" t="s">
        <v>15380</v>
      </c>
      <c r="E24838" t="s">
        <v>15241</v>
      </c>
      <c r="F24838" t="s">
        <v>15242</v>
      </c>
      <c r="G24838" t="s">
        <v>10734</v>
      </c>
      <c r="H24838" t="s">
        <v>10735</v>
      </c>
      <c r="I24838" s="2">
        <v>1</v>
      </c>
      <c r="J24838" s="2">
        <v>0</v>
      </c>
      <c r="K24838" s="2">
        <v>0</v>
      </c>
      <c r="L24838" t="s">
        <v>120</v>
      </c>
      <c r="M24838" t="s">
        <v>83</v>
      </c>
      <c r="N24838" t="s">
        <v>84</v>
      </c>
      <c r="O24838" t="s">
        <v>85</v>
      </c>
      <c r="P24838" t="s">
        <v>86</v>
      </c>
      <c r="Q24838">
        <v>15</v>
      </c>
      <c r="R24838">
        <v>16</v>
      </c>
      <c r="S24838">
        <v>16</v>
      </c>
      <c r="T24838">
        <v>16</v>
      </c>
      <c r="U24838">
        <v>16</v>
      </c>
      <c r="V24838">
        <v>16</v>
      </c>
      <c r="W24838">
        <v>17</v>
      </c>
      <c r="X24838">
        <v>17</v>
      </c>
      <c r="Y24838">
        <v>17</v>
      </c>
      <c r="Z24838">
        <v>17</v>
      </c>
      <c r="AA24838">
        <v>17</v>
      </c>
      <c r="AB24838">
        <v>18</v>
      </c>
      <c r="AC24838">
        <v>18</v>
      </c>
      <c r="AD24838">
        <v>18</v>
      </c>
      <c r="AE24838">
        <v>18</v>
      </c>
      <c r="AF24838">
        <v>18</v>
      </c>
      <c r="AG24838">
        <v>18</v>
      </c>
      <c r="AH24838">
        <v>19</v>
      </c>
      <c r="AI24838">
        <v>19</v>
      </c>
      <c r="AJ24838">
        <v>19</v>
      </c>
      <c r="AK24838">
        <v>19</v>
      </c>
      <c r="AL24838">
        <v>19</v>
      </c>
      <c r="AM24838">
        <v>19</v>
      </c>
      <c r="AN24838">
        <v>19</v>
      </c>
      <c r="AO24838">
        <v>19</v>
      </c>
      <c r="AP24838">
        <v>19</v>
      </c>
      <c r="AQ24838">
        <v>19</v>
      </c>
    </row>
    <row r="24839" spans="1:43">
      <c r="A24839" t="s">
        <v>15377</v>
      </c>
      <c r="B24839" t="s">
        <v>15378</v>
      </c>
      <c r="C24839" t="s">
        <v>15379</v>
      </c>
      <c r="D24839" t="s">
        <v>15380</v>
      </c>
      <c r="E24839" t="s">
        <v>15241</v>
      </c>
      <c r="F24839" t="s">
        <v>15242</v>
      </c>
      <c r="G24839" t="s">
        <v>10734</v>
      </c>
      <c r="H24839" t="s">
        <v>10735</v>
      </c>
      <c r="I24839" s="2">
        <v>1</v>
      </c>
      <c r="J24839" s="2">
        <v>0</v>
      </c>
      <c r="K24839" s="2">
        <v>0</v>
      </c>
      <c r="L24839" t="s">
        <v>120</v>
      </c>
      <c r="M24839" t="s">
        <v>87</v>
      </c>
      <c r="N24839" t="s">
        <v>88</v>
      </c>
      <c r="O24839" t="s">
        <v>85</v>
      </c>
      <c r="P24839" t="s">
        <v>86</v>
      </c>
      <c r="Q24839">
        <v>15</v>
      </c>
      <c r="R24839">
        <v>15</v>
      </c>
      <c r="S24839">
        <v>15</v>
      </c>
      <c r="T24839">
        <v>15</v>
      </c>
      <c r="U24839">
        <v>15</v>
      </c>
      <c r="V24839">
        <v>15</v>
      </c>
      <c r="W24839">
        <v>16</v>
      </c>
      <c r="X24839">
        <v>16</v>
      </c>
      <c r="Y24839">
        <v>16</v>
      </c>
      <c r="Z24839">
        <v>16</v>
      </c>
      <c r="AA24839">
        <v>16</v>
      </c>
      <c r="AB24839">
        <v>16</v>
      </c>
      <c r="AC24839">
        <v>16</v>
      </c>
      <c r="AD24839">
        <v>16</v>
      </c>
      <c r="AE24839">
        <v>16</v>
      </c>
      <c r="AF24839">
        <v>16</v>
      </c>
      <c r="AG24839">
        <v>16</v>
      </c>
      <c r="AH24839">
        <v>16</v>
      </c>
      <c r="AI24839">
        <v>16</v>
      </c>
      <c r="AJ24839">
        <v>16</v>
      </c>
      <c r="AK24839">
        <v>16</v>
      </c>
      <c r="AL24839">
        <v>16</v>
      </c>
      <c r="AM24839">
        <v>16</v>
      </c>
      <c r="AN24839">
        <v>17</v>
      </c>
      <c r="AO24839">
        <v>17</v>
      </c>
      <c r="AP24839">
        <v>17</v>
      </c>
      <c r="AQ24839">
        <v>17</v>
      </c>
    </row>
    <row r="24840" spans="1:43">
      <c r="A24840" t="s">
        <v>15377</v>
      </c>
      <c r="B24840" t="s">
        <v>15378</v>
      </c>
      <c r="C24840" t="s">
        <v>15379</v>
      </c>
      <c r="D24840" t="s">
        <v>15380</v>
      </c>
      <c r="E24840" t="s">
        <v>15241</v>
      </c>
      <c r="F24840" t="s">
        <v>15242</v>
      </c>
      <c r="G24840" t="s">
        <v>10734</v>
      </c>
      <c r="H24840" t="s">
        <v>10735</v>
      </c>
      <c r="I24840" s="2">
        <v>1</v>
      </c>
      <c r="J24840" s="2">
        <v>0</v>
      </c>
      <c r="K24840" s="2">
        <v>0</v>
      </c>
      <c r="L24840" t="s">
        <v>120</v>
      </c>
      <c r="M24840" t="s">
        <v>89</v>
      </c>
      <c r="N24840" t="s">
        <v>90</v>
      </c>
      <c r="O24840" t="s">
        <v>85</v>
      </c>
      <c r="P24840" t="s">
        <v>86</v>
      </c>
      <c r="Q24840">
        <v>15</v>
      </c>
      <c r="R24840">
        <v>16</v>
      </c>
      <c r="S24840">
        <v>16</v>
      </c>
      <c r="T24840">
        <v>16</v>
      </c>
      <c r="U24840">
        <v>17</v>
      </c>
      <c r="V24840">
        <v>17</v>
      </c>
      <c r="W24840">
        <v>17</v>
      </c>
      <c r="X24840">
        <v>18</v>
      </c>
      <c r="Y24840">
        <v>18</v>
      </c>
      <c r="Z24840">
        <v>18</v>
      </c>
      <c r="AA24840">
        <v>18</v>
      </c>
      <c r="AB24840">
        <v>19</v>
      </c>
      <c r="AC24840">
        <v>19</v>
      </c>
      <c r="AD24840">
        <v>19</v>
      </c>
      <c r="AE24840">
        <v>19</v>
      </c>
      <c r="AF24840">
        <v>19</v>
      </c>
      <c r="AG24840">
        <v>19</v>
      </c>
      <c r="AH24840">
        <v>19</v>
      </c>
      <c r="AI24840">
        <v>19</v>
      </c>
      <c r="AJ24840">
        <v>19</v>
      </c>
      <c r="AK24840">
        <v>19</v>
      </c>
      <c r="AL24840">
        <v>19</v>
      </c>
      <c r="AM24840">
        <v>19</v>
      </c>
      <c r="AN24840">
        <v>19</v>
      </c>
      <c r="AO24840">
        <v>19</v>
      </c>
      <c r="AP24840">
        <v>19</v>
      </c>
      <c r="AQ24840">
        <v>19</v>
      </c>
    </row>
    <row r="24841" spans="1:43">
      <c r="A24841" t="s">
        <v>15377</v>
      </c>
      <c r="B24841" t="s">
        <v>15378</v>
      </c>
      <c r="C24841" t="s">
        <v>15379</v>
      </c>
      <c r="D24841" t="s">
        <v>15380</v>
      </c>
      <c r="E24841" t="s">
        <v>15241</v>
      </c>
      <c r="F24841" t="s">
        <v>15242</v>
      </c>
      <c r="G24841" t="s">
        <v>10734</v>
      </c>
      <c r="H24841" t="s">
        <v>10735</v>
      </c>
      <c r="I24841" s="2">
        <v>1</v>
      </c>
      <c r="J24841" s="2">
        <v>0</v>
      </c>
      <c r="K24841" s="2">
        <v>0</v>
      </c>
      <c r="L24841" t="s">
        <v>120</v>
      </c>
      <c r="M24841" t="s">
        <v>83</v>
      </c>
      <c r="N24841" t="s">
        <v>91</v>
      </c>
      <c r="O24841" t="s">
        <v>85</v>
      </c>
      <c r="P24841" t="s">
        <v>86</v>
      </c>
      <c r="Q24841">
        <v>15</v>
      </c>
      <c r="R24841">
        <v>16</v>
      </c>
      <c r="S24841">
        <v>16</v>
      </c>
      <c r="T24841">
        <v>16</v>
      </c>
      <c r="U24841">
        <v>16</v>
      </c>
      <c r="V24841">
        <v>16</v>
      </c>
      <c r="W24841">
        <v>17</v>
      </c>
      <c r="X24841">
        <v>17</v>
      </c>
      <c r="Y24841">
        <v>17</v>
      </c>
      <c r="Z24841">
        <v>17</v>
      </c>
      <c r="AA24841">
        <v>17</v>
      </c>
      <c r="AB24841">
        <v>18</v>
      </c>
      <c r="AC24841">
        <v>18</v>
      </c>
      <c r="AD24841">
        <v>18</v>
      </c>
      <c r="AE24841">
        <v>18</v>
      </c>
      <c r="AF24841">
        <v>18</v>
      </c>
      <c r="AG24841">
        <v>18</v>
      </c>
      <c r="AH24841">
        <v>19</v>
      </c>
      <c r="AI24841">
        <v>19</v>
      </c>
      <c r="AJ24841">
        <v>19</v>
      </c>
      <c r="AK24841">
        <v>19</v>
      </c>
      <c r="AL24841">
        <v>19</v>
      </c>
      <c r="AM24841">
        <v>19</v>
      </c>
      <c r="AN24841">
        <v>19</v>
      </c>
      <c r="AO24841">
        <v>19</v>
      </c>
      <c r="AP24841">
        <v>19</v>
      </c>
      <c r="AQ24841">
        <v>19</v>
      </c>
    </row>
    <row r="24842" spans="1:43">
      <c r="A24842" t="s">
        <v>15381</v>
      </c>
      <c r="B24842" t="s">
        <v>15382</v>
      </c>
      <c r="C24842" t="s">
        <v>15379</v>
      </c>
      <c r="D24842" t="s">
        <v>15380</v>
      </c>
      <c r="E24842" t="s">
        <v>15241</v>
      </c>
      <c r="F24842" t="s">
        <v>15242</v>
      </c>
      <c r="G24842" t="s">
        <v>10734</v>
      </c>
      <c r="H24842" t="s">
        <v>10735</v>
      </c>
      <c r="I24842" s="2">
        <v>1</v>
      </c>
      <c r="J24842" s="2">
        <v>0</v>
      </c>
      <c r="K24842" s="2">
        <v>0</v>
      </c>
      <c r="L24842" t="s">
        <v>120</v>
      </c>
      <c r="M24842" t="s">
        <v>83</v>
      </c>
      <c r="N24842" t="s">
        <v>84</v>
      </c>
      <c r="O24842" t="s">
        <v>85</v>
      </c>
      <c r="P24842" t="s">
        <v>86</v>
      </c>
      <c r="Q24842">
        <v>17</v>
      </c>
      <c r="R24842">
        <v>17</v>
      </c>
      <c r="S24842">
        <v>17</v>
      </c>
      <c r="T24842">
        <v>18</v>
      </c>
      <c r="U24842">
        <v>18</v>
      </c>
      <c r="V24842">
        <v>18</v>
      </c>
      <c r="W24842">
        <v>18</v>
      </c>
      <c r="X24842">
        <v>18</v>
      </c>
      <c r="Y24842">
        <v>19</v>
      </c>
      <c r="Z24842">
        <v>19</v>
      </c>
      <c r="AA24842">
        <v>19</v>
      </c>
      <c r="AB24842">
        <v>19</v>
      </c>
      <c r="AC24842">
        <v>19</v>
      </c>
      <c r="AD24842">
        <v>20</v>
      </c>
      <c r="AE24842">
        <v>20</v>
      </c>
      <c r="AF24842">
        <v>20</v>
      </c>
      <c r="AG24842">
        <v>20</v>
      </c>
      <c r="AH24842">
        <v>20</v>
      </c>
      <c r="AI24842">
        <v>21</v>
      </c>
      <c r="AJ24842">
        <v>21</v>
      </c>
      <c r="AK24842">
        <v>21</v>
      </c>
      <c r="AL24842">
        <v>21</v>
      </c>
      <c r="AM24842">
        <v>21</v>
      </c>
      <c r="AN24842">
        <v>21</v>
      </c>
      <c r="AO24842">
        <v>21</v>
      </c>
      <c r="AP24842">
        <v>21</v>
      </c>
      <c r="AQ24842">
        <v>21</v>
      </c>
    </row>
    <row r="24843" spans="1:43">
      <c r="A24843" t="s">
        <v>15381</v>
      </c>
      <c r="B24843" t="s">
        <v>15382</v>
      </c>
      <c r="C24843" t="s">
        <v>15379</v>
      </c>
      <c r="D24843" t="s">
        <v>15380</v>
      </c>
      <c r="E24843" t="s">
        <v>15241</v>
      </c>
      <c r="F24843" t="s">
        <v>15242</v>
      </c>
      <c r="G24843" t="s">
        <v>10734</v>
      </c>
      <c r="H24843" t="s">
        <v>10735</v>
      </c>
      <c r="I24843" s="2">
        <v>1</v>
      </c>
      <c r="J24843" s="2">
        <v>0</v>
      </c>
      <c r="K24843" s="2">
        <v>0</v>
      </c>
      <c r="L24843" t="s">
        <v>120</v>
      </c>
      <c r="M24843" t="s">
        <v>87</v>
      </c>
      <c r="N24843" t="s">
        <v>88</v>
      </c>
      <c r="O24843" t="s">
        <v>85</v>
      </c>
      <c r="P24843" t="s">
        <v>86</v>
      </c>
      <c r="Q24843">
        <v>17</v>
      </c>
      <c r="R24843">
        <v>17</v>
      </c>
      <c r="S24843">
        <v>17</v>
      </c>
      <c r="T24843">
        <v>17</v>
      </c>
      <c r="U24843">
        <v>17</v>
      </c>
      <c r="V24843">
        <v>17</v>
      </c>
      <c r="W24843">
        <v>17</v>
      </c>
      <c r="X24843">
        <v>17</v>
      </c>
      <c r="Y24843">
        <v>17</v>
      </c>
      <c r="Z24843">
        <v>17</v>
      </c>
      <c r="AA24843">
        <v>17</v>
      </c>
      <c r="AB24843">
        <v>17</v>
      </c>
      <c r="AC24843">
        <v>18</v>
      </c>
      <c r="AD24843">
        <v>18</v>
      </c>
      <c r="AE24843">
        <v>18</v>
      </c>
      <c r="AF24843">
        <v>18</v>
      </c>
      <c r="AG24843">
        <v>18</v>
      </c>
      <c r="AH24843">
        <v>18</v>
      </c>
      <c r="AI24843">
        <v>18</v>
      </c>
      <c r="AJ24843">
        <v>18</v>
      </c>
      <c r="AK24843">
        <v>18</v>
      </c>
      <c r="AL24843">
        <v>18</v>
      </c>
      <c r="AM24843">
        <v>18</v>
      </c>
      <c r="AN24843">
        <v>18</v>
      </c>
      <c r="AO24843">
        <v>18</v>
      </c>
      <c r="AP24843">
        <v>18</v>
      </c>
      <c r="AQ24843">
        <v>18</v>
      </c>
    </row>
    <row r="24844" spans="1:43">
      <c r="A24844" t="s">
        <v>15381</v>
      </c>
      <c r="B24844" t="s">
        <v>15382</v>
      </c>
      <c r="C24844" t="s">
        <v>15379</v>
      </c>
      <c r="D24844" t="s">
        <v>15380</v>
      </c>
      <c r="E24844" t="s">
        <v>15241</v>
      </c>
      <c r="F24844" t="s">
        <v>15242</v>
      </c>
      <c r="G24844" t="s">
        <v>10734</v>
      </c>
      <c r="H24844" t="s">
        <v>10735</v>
      </c>
      <c r="I24844" s="2">
        <v>1</v>
      </c>
      <c r="J24844" s="2">
        <v>0</v>
      </c>
      <c r="K24844" s="2">
        <v>0</v>
      </c>
      <c r="L24844" t="s">
        <v>120</v>
      </c>
      <c r="M24844" t="s">
        <v>89</v>
      </c>
      <c r="N24844" t="s">
        <v>90</v>
      </c>
      <c r="O24844" t="s">
        <v>85</v>
      </c>
      <c r="P24844" t="s">
        <v>86</v>
      </c>
      <c r="Q24844">
        <v>17</v>
      </c>
      <c r="R24844">
        <v>17</v>
      </c>
      <c r="S24844">
        <v>18</v>
      </c>
      <c r="T24844">
        <v>18</v>
      </c>
      <c r="U24844">
        <v>18</v>
      </c>
      <c r="V24844">
        <v>19</v>
      </c>
      <c r="W24844">
        <v>19</v>
      </c>
      <c r="X24844">
        <v>19</v>
      </c>
      <c r="Y24844">
        <v>20</v>
      </c>
      <c r="Z24844">
        <v>20</v>
      </c>
      <c r="AA24844">
        <v>20</v>
      </c>
      <c r="AB24844">
        <v>21</v>
      </c>
      <c r="AC24844">
        <v>21</v>
      </c>
      <c r="AD24844">
        <v>21</v>
      </c>
      <c r="AE24844">
        <v>21</v>
      </c>
      <c r="AF24844">
        <v>21</v>
      </c>
      <c r="AG24844">
        <v>21</v>
      </c>
      <c r="AH24844">
        <v>21</v>
      </c>
      <c r="AI24844">
        <v>21</v>
      </c>
      <c r="AJ24844">
        <v>21</v>
      </c>
      <c r="AK24844">
        <v>21</v>
      </c>
      <c r="AL24844">
        <v>21</v>
      </c>
      <c r="AM24844">
        <v>21</v>
      </c>
      <c r="AN24844">
        <v>21</v>
      </c>
      <c r="AO24844">
        <v>21</v>
      </c>
      <c r="AP24844">
        <v>21</v>
      </c>
      <c r="AQ24844">
        <v>21</v>
      </c>
    </row>
    <row r="24845" spans="1:43">
      <c r="A24845" t="s">
        <v>15381</v>
      </c>
      <c r="B24845" t="s">
        <v>15382</v>
      </c>
      <c r="C24845" t="s">
        <v>15379</v>
      </c>
      <c r="D24845" t="s">
        <v>15380</v>
      </c>
      <c r="E24845" t="s">
        <v>15241</v>
      </c>
      <c r="F24845" t="s">
        <v>15242</v>
      </c>
      <c r="G24845" t="s">
        <v>10734</v>
      </c>
      <c r="H24845" t="s">
        <v>10735</v>
      </c>
      <c r="I24845" s="2">
        <v>1</v>
      </c>
      <c r="J24845" s="2">
        <v>0</v>
      </c>
      <c r="K24845" s="2">
        <v>0</v>
      </c>
      <c r="L24845" t="s">
        <v>120</v>
      </c>
      <c r="M24845" t="s">
        <v>83</v>
      </c>
      <c r="N24845" t="s">
        <v>91</v>
      </c>
      <c r="O24845" t="s">
        <v>85</v>
      </c>
      <c r="P24845" t="s">
        <v>86</v>
      </c>
      <c r="Q24845">
        <v>17</v>
      </c>
      <c r="R24845">
        <v>17</v>
      </c>
      <c r="S24845">
        <v>17</v>
      </c>
      <c r="T24845">
        <v>18</v>
      </c>
      <c r="U24845">
        <v>18</v>
      </c>
      <c r="V24845">
        <v>18</v>
      </c>
      <c r="W24845">
        <v>18</v>
      </c>
      <c r="X24845">
        <v>18</v>
      </c>
      <c r="Y24845">
        <v>19</v>
      </c>
      <c r="Z24845">
        <v>19</v>
      </c>
      <c r="AA24845">
        <v>19</v>
      </c>
      <c r="AB24845">
        <v>19</v>
      </c>
      <c r="AC24845">
        <v>19</v>
      </c>
      <c r="AD24845">
        <v>20</v>
      </c>
      <c r="AE24845">
        <v>20</v>
      </c>
      <c r="AF24845">
        <v>20</v>
      </c>
      <c r="AG24845">
        <v>20</v>
      </c>
      <c r="AH24845">
        <v>20</v>
      </c>
      <c r="AI24845">
        <v>21</v>
      </c>
      <c r="AJ24845">
        <v>21</v>
      </c>
      <c r="AK24845">
        <v>21</v>
      </c>
      <c r="AL24845">
        <v>21</v>
      </c>
      <c r="AM24845">
        <v>21</v>
      </c>
      <c r="AN24845">
        <v>21</v>
      </c>
      <c r="AO24845">
        <v>21</v>
      </c>
      <c r="AP24845">
        <v>21</v>
      </c>
      <c r="AQ24845">
        <v>21</v>
      </c>
    </row>
    <row r="24846" spans="1:43">
      <c r="A24846" t="s">
        <v>15383</v>
      </c>
      <c r="B24846" t="s">
        <v>15384</v>
      </c>
      <c r="C24846" t="s">
        <v>15343</v>
      </c>
      <c r="D24846" t="s">
        <v>15344</v>
      </c>
      <c r="E24846" t="s">
        <v>15241</v>
      </c>
      <c r="F24846" t="s">
        <v>15242</v>
      </c>
      <c r="G24846" t="s">
        <v>10734</v>
      </c>
      <c r="H24846" t="s">
        <v>10735</v>
      </c>
      <c r="I24846" s="2">
        <v>1</v>
      </c>
      <c r="J24846" s="2">
        <v>0</v>
      </c>
      <c r="K24846" s="2">
        <v>0</v>
      </c>
      <c r="L24846" t="s">
        <v>120</v>
      </c>
      <c r="M24846" t="s">
        <v>83</v>
      </c>
      <c r="N24846" t="s">
        <v>84</v>
      </c>
      <c r="O24846" t="s">
        <v>85</v>
      </c>
      <c r="P24846" t="s">
        <v>86</v>
      </c>
      <c r="Q24846">
        <v>27</v>
      </c>
      <c r="R24846">
        <v>27</v>
      </c>
      <c r="S24846">
        <v>28</v>
      </c>
      <c r="T24846">
        <v>28</v>
      </c>
      <c r="U24846">
        <v>28</v>
      </c>
      <c r="V24846">
        <v>29</v>
      </c>
      <c r="W24846">
        <v>29</v>
      </c>
      <c r="X24846">
        <v>30</v>
      </c>
      <c r="Y24846">
        <v>30</v>
      </c>
      <c r="Z24846">
        <v>30</v>
      </c>
      <c r="AA24846">
        <v>31</v>
      </c>
      <c r="AB24846">
        <v>31</v>
      </c>
      <c r="AC24846">
        <v>31</v>
      </c>
      <c r="AD24846">
        <v>32</v>
      </c>
      <c r="AE24846">
        <v>32</v>
      </c>
      <c r="AF24846">
        <v>32</v>
      </c>
      <c r="AG24846">
        <v>33</v>
      </c>
      <c r="AH24846">
        <v>33</v>
      </c>
      <c r="AI24846">
        <v>33</v>
      </c>
      <c r="AJ24846">
        <v>33</v>
      </c>
      <c r="AK24846">
        <v>34</v>
      </c>
      <c r="AL24846">
        <v>34</v>
      </c>
      <c r="AM24846">
        <v>34</v>
      </c>
      <c r="AN24846">
        <v>34</v>
      </c>
      <c r="AO24846">
        <v>34</v>
      </c>
      <c r="AP24846">
        <v>34</v>
      </c>
      <c r="AQ24846">
        <v>34</v>
      </c>
    </row>
    <row r="24847" spans="1:43">
      <c r="A24847" t="s">
        <v>15383</v>
      </c>
      <c r="B24847" t="s">
        <v>15384</v>
      </c>
      <c r="C24847" t="s">
        <v>15343</v>
      </c>
      <c r="D24847" t="s">
        <v>15344</v>
      </c>
      <c r="E24847" t="s">
        <v>15241</v>
      </c>
      <c r="F24847" t="s">
        <v>15242</v>
      </c>
      <c r="G24847" t="s">
        <v>10734</v>
      </c>
      <c r="H24847" t="s">
        <v>10735</v>
      </c>
      <c r="I24847" s="2">
        <v>1</v>
      </c>
      <c r="J24847" s="2">
        <v>0</v>
      </c>
      <c r="K24847" s="2">
        <v>0</v>
      </c>
      <c r="L24847" t="s">
        <v>120</v>
      </c>
      <c r="M24847" t="s">
        <v>87</v>
      </c>
      <c r="N24847" t="s">
        <v>88</v>
      </c>
      <c r="O24847" t="s">
        <v>85</v>
      </c>
      <c r="P24847" t="s">
        <v>86</v>
      </c>
      <c r="Q24847">
        <v>27</v>
      </c>
      <c r="R24847">
        <v>27</v>
      </c>
      <c r="S24847">
        <v>27</v>
      </c>
      <c r="T24847">
        <v>27</v>
      </c>
      <c r="U24847">
        <v>27</v>
      </c>
      <c r="V24847">
        <v>27</v>
      </c>
      <c r="W24847">
        <v>27</v>
      </c>
      <c r="X24847">
        <v>28</v>
      </c>
      <c r="Y24847">
        <v>28</v>
      </c>
      <c r="Z24847">
        <v>28</v>
      </c>
      <c r="AA24847">
        <v>28</v>
      </c>
      <c r="AB24847">
        <v>28</v>
      </c>
      <c r="AC24847">
        <v>28</v>
      </c>
      <c r="AD24847">
        <v>28</v>
      </c>
      <c r="AE24847">
        <v>28</v>
      </c>
      <c r="AF24847">
        <v>29</v>
      </c>
      <c r="AG24847">
        <v>29</v>
      </c>
      <c r="AH24847">
        <v>29</v>
      </c>
      <c r="AI24847">
        <v>29</v>
      </c>
      <c r="AJ24847">
        <v>29</v>
      </c>
      <c r="AK24847">
        <v>29</v>
      </c>
      <c r="AL24847">
        <v>29</v>
      </c>
      <c r="AM24847">
        <v>29</v>
      </c>
      <c r="AN24847">
        <v>29</v>
      </c>
      <c r="AO24847">
        <v>30</v>
      </c>
      <c r="AP24847">
        <v>30</v>
      </c>
      <c r="AQ24847">
        <v>30</v>
      </c>
    </row>
    <row r="24848" spans="1:43">
      <c r="A24848" t="s">
        <v>15383</v>
      </c>
      <c r="B24848" t="s">
        <v>15384</v>
      </c>
      <c r="C24848" t="s">
        <v>15343</v>
      </c>
      <c r="D24848" t="s">
        <v>15344</v>
      </c>
      <c r="E24848" t="s">
        <v>15241</v>
      </c>
      <c r="F24848" t="s">
        <v>15242</v>
      </c>
      <c r="G24848" t="s">
        <v>10734</v>
      </c>
      <c r="H24848" t="s">
        <v>10735</v>
      </c>
      <c r="I24848" s="2">
        <v>1</v>
      </c>
      <c r="J24848" s="2">
        <v>0</v>
      </c>
      <c r="K24848" s="2">
        <v>0</v>
      </c>
      <c r="L24848" t="s">
        <v>120</v>
      </c>
      <c r="M24848" t="s">
        <v>89</v>
      </c>
      <c r="N24848" t="s">
        <v>90</v>
      </c>
      <c r="O24848" t="s">
        <v>85</v>
      </c>
      <c r="P24848" t="s">
        <v>86</v>
      </c>
      <c r="Q24848">
        <v>27</v>
      </c>
      <c r="R24848">
        <v>28</v>
      </c>
      <c r="S24848">
        <v>28</v>
      </c>
      <c r="T24848">
        <v>29</v>
      </c>
      <c r="U24848">
        <v>29</v>
      </c>
      <c r="V24848">
        <v>30</v>
      </c>
      <c r="W24848">
        <v>31</v>
      </c>
      <c r="X24848">
        <v>31</v>
      </c>
      <c r="Y24848">
        <v>31</v>
      </c>
      <c r="Z24848">
        <v>32</v>
      </c>
      <c r="AA24848">
        <v>32</v>
      </c>
      <c r="AB24848">
        <v>33</v>
      </c>
      <c r="AC24848">
        <v>33</v>
      </c>
      <c r="AD24848">
        <v>34</v>
      </c>
      <c r="AE24848">
        <v>34</v>
      </c>
      <c r="AF24848">
        <v>34</v>
      </c>
      <c r="AG24848">
        <v>34</v>
      </c>
      <c r="AH24848">
        <v>34</v>
      </c>
      <c r="AI24848">
        <v>34</v>
      </c>
      <c r="AJ24848">
        <v>34</v>
      </c>
      <c r="AK24848">
        <v>34</v>
      </c>
      <c r="AL24848">
        <v>34</v>
      </c>
      <c r="AM24848">
        <v>34</v>
      </c>
      <c r="AN24848">
        <v>34</v>
      </c>
      <c r="AO24848">
        <v>34</v>
      </c>
      <c r="AP24848">
        <v>34</v>
      </c>
      <c r="AQ24848">
        <v>34</v>
      </c>
    </row>
    <row r="24849" spans="1:43">
      <c r="A24849" t="s">
        <v>15383</v>
      </c>
      <c r="B24849" t="s">
        <v>15384</v>
      </c>
      <c r="C24849" t="s">
        <v>15343</v>
      </c>
      <c r="D24849" t="s">
        <v>15344</v>
      </c>
      <c r="E24849" t="s">
        <v>15241</v>
      </c>
      <c r="F24849" t="s">
        <v>15242</v>
      </c>
      <c r="G24849" t="s">
        <v>10734</v>
      </c>
      <c r="H24849" t="s">
        <v>10735</v>
      </c>
      <c r="I24849" s="2">
        <v>1</v>
      </c>
      <c r="J24849" s="2">
        <v>0</v>
      </c>
      <c r="K24849" s="2">
        <v>0</v>
      </c>
      <c r="L24849" t="s">
        <v>120</v>
      </c>
      <c r="M24849" t="s">
        <v>83</v>
      </c>
      <c r="N24849" t="s">
        <v>91</v>
      </c>
      <c r="O24849" t="s">
        <v>85</v>
      </c>
      <c r="P24849" t="s">
        <v>86</v>
      </c>
      <c r="Q24849">
        <v>27</v>
      </c>
      <c r="R24849">
        <v>27</v>
      </c>
      <c r="S24849">
        <v>28</v>
      </c>
      <c r="T24849">
        <v>28</v>
      </c>
      <c r="U24849">
        <v>28</v>
      </c>
      <c r="V24849">
        <v>29</v>
      </c>
      <c r="W24849">
        <v>29</v>
      </c>
      <c r="X24849">
        <v>30</v>
      </c>
      <c r="Y24849">
        <v>30</v>
      </c>
      <c r="Z24849">
        <v>30</v>
      </c>
      <c r="AA24849">
        <v>31</v>
      </c>
      <c r="AB24849">
        <v>31</v>
      </c>
      <c r="AC24849">
        <v>31</v>
      </c>
      <c r="AD24849">
        <v>32</v>
      </c>
      <c r="AE24849">
        <v>32</v>
      </c>
      <c r="AF24849">
        <v>32</v>
      </c>
      <c r="AG24849">
        <v>33</v>
      </c>
      <c r="AH24849">
        <v>33</v>
      </c>
      <c r="AI24849">
        <v>33</v>
      </c>
      <c r="AJ24849">
        <v>33</v>
      </c>
      <c r="AK24849">
        <v>34</v>
      </c>
      <c r="AL24849">
        <v>34</v>
      </c>
      <c r="AM24849">
        <v>34</v>
      </c>
      <c r="AN24849">
        <v>34</v>
      </c>
      <c r="AO24849">
        <v>34</v>
      </c>
      <c r="AP24849">
        <v>34</v>
      </c>
      <c r="AQ24849">
        <v>34</v>
      </c>
    </row>
    <row r="24850" spans="1:43">
      <c r="A24850" t="s">
        <v>15385</v>
      </c>
      <c r="B24850" t="s">
        <v>15386</v>
      </c>
      <c r="C24850" t="s">
        <v>15281</v>
      </c>
      <c r="D24850" t="s">
        <v>15282</v>
      </c>
      <c r="E24850" t="s">
        <v>15241</v>
      </c>
      <c r="F24850" t="s">
        <v>15242</v>
      </c>
      <c r="G24850" t="s">
        <v>10734</v>
      </c>
      <c r="H24850" t="s">
        <v>10735</v>
      </c>
      <c r="I24850" s="2">
        <v>1</v>
      </c>
      <c r="J24850" s="2">
        <v>0</v>
      </c>
      <c r="K24850" s="2">
        <v>0</v>
      </c>
      <c r="L24850" t="s">
        <v>120</v>
      </c>
      <c r="M24850" t="s">
        <v>83</v>
      </c>
      <c r="N24850" t="s">
        <v>84</v>
      </c>
      <c r="O24850" t="s">
        <v>85</v>
      </c>
      <c r="P24850" t="s">
        <v>86</v>
      </c>
      <c r="Q24850">
        <v>19</v>
      </c>
      <c r="R24850">
        <v>19</v>
      </c>
      <c r="S24850">
        <v>20</v>
      </c>
      <c r="T24850">
        <v>20</v>
      </c>
      <c r="U24850">
        <v>20</v>
      </c>
      <c r="V24850">
        <v>21</v>
      </c>
      <c r="W24850">
        <v>21</v>
      </c>
      <c r="X24850">
        <v>21</v>
      </c>
      <c r="Y24850">
        <v>21</v>
      </c>
      <c r="Z24850">
        <v>22</v>
      </c>
      <c r="AA24850">
        <v>22</v>
      </c>
      <c r="AB24850">
        <v>22</v>
      </c>
      <c r="AC24850">
        <v>22</v>
      </c>
      <c r="AD24850">
        <v>23</v>
      </c>
      <c r="AE24850">
        <v>23</v>
      </c>
      <c r="AF24850">
        <v>23</v>
      </c>
      <c r="AG24850">
        <v>23</v>
      </c>
      <c r="AH24850">
        <v>23</v>
      </c>
      <c r="AI24850">
        <v>24</v>
      </c>
      <c r="AJ24850">
        <v>24</v>
      </c>
      <c r="AK24850">
        <v>24</v>
      </c>
      <c r="AL24850">
        <v>24</v>
      </c>
      <c r="AM24850">
        <v>24</v>
      </c>
      <c r="AN24850">
        <v>24</v>
      </c>
      <c r="AO24850">
        <v>24</v>
      </c>
      <c r="AP24850">
        <v>24</v>
      </c>
      <c r="AQ24850">
        <v>24</v>
      </c>
    </row>
    <row r="24851" spans="1:43">
      <c r="A24851" t="s">
        <v>15385</v>
      </c>
      <c r="B24851" t="s">
        <v>15386</v>
      </c>
      <c r="C24851" t="s">
        <v>15281</v>
      </c>
      <c r="D24851" t="s">
        <v>15282</v>
      </c>
      <c r="E24851" t="s">
        <v>15241</v>
      </c>
      <c r="F24851" t="s">
        <v>15242</v>
      </c>
      <c r="G24851" t="s">
        <v>10734</v>
      </c>
      <c r="H24851" t="s">
        <v>10735</v>
      </c>
      <c r="I24851" s="2">
        <v>1</v>
      </c>
      <c r="J24851" s="2">
        <v>0</v>
      </c>
      <c r="K24851" s="2">
        <v>0</v>
      </c>
      <c r="L24851" t="s">
        <v>120</v>
      </c>
      <c r="M24851" t="s">
        <v>87</v>
      </c>
      <c r="N24851" t="s">
        <v>88</v>
      </c>
      <c r="O24851" t="s">
        <v>85</v>
      </c>
      <c r="P24851" t="s">
        <v>86</v>
      </c>
      <c r="Q24851">
        <v>19</v>
      </c>
      <c r="R24851">
        <v>19</v>
      </c>
      <c r="S24851">
        <v>19</v>
      </c>
      <c r="T24851">
        <v>19</v>
      </c>
      <c r="U24851">
        <v>19</v>
      </c>
      <c r="V24851">
        <v>19</v>
      </c>
      <c r="W24851">
        <v>20</v>
      </c>
      <c r="X24851">
        <v>20</v>
      </c>
      <c r="Y24851">
        <v>20</v>
      </c>
      <c r="Z24851">
        <v>20</v>
      </c>
      <c r="AA24851">
        <v>20</v>
      </c>
      <c r="AB24851">
        <v>20</v>
      </c>
      <c r="AC24851">
        <v>20</v>
      </c>
      <c r="AD24851">
        <v>20</v>
      </c>
      <c r="AE24851">
        <v>20</v>
      </c>
      <c r="AF24851">
        <v>20</v>
      </c>
      <c r="AG24851">
        <v>20</v>
      </c>
      <c r="AH24851">
        <v>21</v>
      </c>
      <c r="AI24851">
        <v>21</v>
      </c>
      <c r="AJ24851">
        <v>21</v>
      </c>
      <c r="AK24851">
        <v>21</v>
      </c>
      <c r="AL24851">
        <v>21</v>
      </c>
      <c r="AM24851">
        <v>21</v>
      </c>
      <c r="AN24851">
        <v>21</v>
      </c>
      <c r="AO24851">
        <v>21</v>
      </c>
      <c r="AP24851">
        <v>21</v>
      </c>
      <c r="AQ24851">
        <v>21</v>
      </c>
    </row>
    <row r="24852" spans="1:43">
      <c r="A24852" t="s">
        <v>15385</v>
      </c>
      <c r="B24852" t="s">
        <v>15386</v>
      </c>
      <c r="C24852" t="s">
        <v>15281</v>
      </c>
      <c r="D24852" t="s">
        <v>15282</v>
      </c>
      <c r="E24852" t="s">
        <v>15241</v>
      </c>
      <c r="F24852" t="s">
        <v>15242</v>
      </c>
      <c r="G24852" t="s">
        <v>10734</v>
      </c>
      <c r="H24852" t="s">
        <v>10735</v>
      </c>
      <c r="I24852" s="2">
        <v>1</v>
      </c>
      <c r="J24852" s="2">
        <v>0</v>
      </c>
      <c r="K24852" s="2">
        <v>0</v>
      </c>
      <c r="L24852" t="s">
        <v>120</v>
      </c>
      <c r="M24852" t="s">
        <v>89</v>
      </c>
      <c r="N24852" t="s">
        <v>90</v>
      </c>
      <c r="O24852" t="s">
        <v>85</v>
      </c>
      <c r="P24852" t="s">
        <v>86</v>
      </c>
      <c r="Q24852">
        <v>19</v>
      </c>
      <c r="R24852">
        <v>20</v>
      </c>
      <c r="S24852">
        <v>20</v>
      </c>
      <c r="T24852">
        <v>21</v>
      </c>
      <c r="U24852">
        <v>21</v>
      </c>
      <c r="V24852">
        <v>21</v>
      </c>
      <c r="W24852">
        <v>22</v>
      </c>
      <c r="X24852">
        <v>22</v>
      </c>
      <c r="Y24852">
        <v>22</v>
      </c>
      <c r="Z24852">
        <v>23</v>
      </c>
      <c r="AA24852">
        <v>23</v>
      </c>
      <c r="AB24852">
        <v>23</v>
      </c>
      <c r="AC24852">
        <v>24</v>
      </c>
      <c r="AD24852">
        <v>24</v>
      </c>
      <c r="AE24852">
        <v>24</v>
      </c>
      <c r="AF24852">
        <v>24</v>
      </c>
      <c r="AG24852">
        <v>24</v>
      </c>
      <c r="AH24852">
        <v>24</v>
      </c>
      <c r="AI24852">
        <v>24</v>
      </c>
      <c r="AJ24852">
        <v>24</v>
      </c>
      <c r="AK24852">
        <v>24</v>
      </c>
      <c r="AL24852">
        <v>24</v>
      </c>
      <c r="AM24852">
        <v>24</v>
      </c>
      <c r="AN24852">
        <v>24</v>
      </c>
      <c r="AO24852">
        <v>24</v>
      </c>
      <c r="AP24852">
        <v>24</v>
      </c>
      <c r="AQ24852">
        <v>24</v>
      </c>
    </row>
    <row r="24853" spans="1:43">
      <c r="A24853" t="s">
        <v>15385</v>
      </c>
      <c r="B24853" t="s">
        <v>15386</v>
      </c>
      <c r="C24853" t="s">
        <v>15281</v>
      </c>
      <c r="D24853" t="s">
        <v>15282</v>
      </c>
      <c r="E24853" t="s">
        <v>15241</v>
      </c>
      <c r="F24853" t="s">
        <v>15242</v>
      </c>
      <c r="G24853" t="s">
        <v>10734</v>
      </c>
      <c r="H24853" t="s">
        <v>10735</v>
      </c>
      <c r="I24853" s="2">
        <v>1</v>
      </c>
      <c r="J24853" s="2">
        <v>0</v>
      </c>
      <c r="K24853" s="2">
        <v>0</v>
      </c>
      <c r="L24853" t="s">
        <v>120</v>
      </c>
      <c r="M24853" t="s">
        <v>83</v>
      </c>
      <c r="N24853" t="s">
        <v>91</v>
      </c>
      <c r="O24853" t="s">
        <v>85</v>
      </c>
      <c r="P24853" t="s">
        <v>86</v>
      </c>
      <c r="Q24853">
        <v>19</v>
      </c>
      <c r="R24853">
        <v>19</v>
      </c>
      <c r="S24853">
        <v>20</v>
      </c>
      <c r="T24853">
        <v>20</v>
      </c>
      <c r="U24853">
        <v>20</v>
      </c>
      <c r="V24853">
        <v>21</v>
      </c>
      <c r="W24853">
        <v>21</v>
      </c>
      <c r="X24853">
        <v>21</v>
      </c>
      <c r="Y24853">
        <v>21</v>
      </c>
      <c r="Z24853">
        <v>22</v>
      </c>
      <c r="AA24853">
        <v>22</v>
      </c>
      <c r="AB24853">
        <v>22</v>
      </c>
      <c r="AC24853">
        <v>22</v>
      </c>
      <c r="AD24853">
        <v>23</v>
      </c>
      <c r="AE24853">
        <v>23</v>
      </c>
      <c r="AF24853">
        <v>23</v>
      </c>
      <c r="AG24853">
        <v>23</v>
      </c>
      <c r="AH24853">
        <v>23</v>
      </c>
      <c r="AI24853">
        <v>24</v>
      </c>
      <c r="AJ24853">
        <v>24</v>
      </c>
      <c r="AK24853">
        <v>24</v>
      </c>
      <c r="AL24853">
        <v>24</v>
      </c>
      <c r="AM24853">
        <v>24</v>
      </c>
      <c r="AN24853">
        <v>24</v>
      </c>
      <c r="AO24853">
        <v>24</v>
      </c>
      <c r="AP24853">
        <v>24</v>
      </c>
      <c r="AQ24853">
        <v>24</v>
      </c>
    </row>
    <row r="24854" spans="1:43">
      <c r="A24854" t="s">
        <v>15387</v>
      </c>
      <c r="B24854" t="s">
        <v>15388</v>
      </c>
      <c r="C24854" t="s">
        <v>15281</v>
      </c>
      <c r="D24854" t="s">
        <v>15282</v>
      </c>
      <c r="E24854" t="s">
        <v>15241</v>
      </c>
      <c r="F24854" t="s">
        <v>15242</v>
      </c>
      <c r="G24854" t="s">
        <v>10734</v>
      </c>
      <c r="H24854" t="s">
        <v>10735</v>
      </c>
      <c r="I24854" s="2">
        <v>1</v>
      </c>
      <c r="J24854" s="2">
        <v>0</v>
      </c>
      <c r="K24854" s="2">
        <v>0</v>
      </c>
      <c r="L24854" t="s">
        <v>120</v>
      </c>
      <c r="M24854" t="s">
        <v>83</v>
      </c>
      <c r="N24854" t="s">
        <v>84</v>
      </c>
      <c r="O24854" t="s">
        <v>85</v>
      </c>
      <c r="P24854" t="s">
        <v>86</v>
      </c>
      <c r="Q24854">
        <v>11</v>
      </c>
      <c r="R24854">
        <v>11</v>
      </c>
      <c r="S24854">
        <v>11</v>
      </c>
      <c r="T24854">
        <v>11</v>
      </c>
      <c r="U24854">
        <v>12</v>
      </c>
      <c r="V24854">
        <v>12</v>
      </c>
      <c r="W24854">
        <v>12</v>
      </c>
      <c r="X24854">
        <v>12</v>
      </c>
      <c r="Y24854">
        <v>12</v>
      </c>
      <c r="Z24854">
        <v>12</v>
      </c>
      <c r="AA24854">
        <v>12</v>
      </c>
      <c r="AB24854">
        <v>13</v>
      </c>
      <c r="AC24854">
        <v>13</v>
      </c>
      <c r="AD24854">
        <v>13</v>
      </c>
      <c r="AE24854">
        <v>13</v>
      </c>
      <c r="AF24854">
        <v>13</v>
      </c>
      <c r="AG24854">
        <v>13</v>
      </c>
      <c r="AH24854">
        <v>13</v>
      </c>
      <c r="AI24854">
        <v>13</v>
      </c>
      <c r="AJ24854">
        <v>14</v>
      </c>
      <c r="AK24854">
        <v>14</v>
      </c>
      <c r="AL24854">
        <v>14</v>
      </c>
      <c r="AM24854">
        <v>14</v>
      </c>
      <c r="AN24854">
        <v>14</v>
      </c>
      <c r="AO24854">
        <v>14</v>
      </c>
      <c r="AP24854">
        <v>14</v>
      </c>
      <c r="AQ24854">
        <v>14</v>
      </c>
    </row>
    <row r="24855" spans="1:43">
      <c r="A24855" t="s">
        <v>15387</v>
      </c>
      <c r="B24855" t="s">
        <v>15388</v>
      </c>
      <c r="C24855" t="s">
        <v>15281</v>
      </c>
      <c r="D24855" t="s">
        <v>15282</v>
      </c>
      <c r="E24855" t="s">
        <v>15241</v>
      </c>
      <c r="F24855" t="s">
        <v>15242</v>
      </c>
      <c r="G24855" t="s">
        <v>10734</v>
      </c>
      <c r="H24855" t="s">
        <v>10735</v>
      </c>
      <c r="I24855" s="2">
        <v>1</v>
      </c>
      <c r="J24855" s="2">
        <v>0</v>
      </c>
      <c r="K24855" s="2">
        <v>0</v>
      </c>
      <c r="L24855" t="s">
        <v>120</v>
      </c>
      <c r="M24855" t="s">
        <v>87</v>
      </c>
      <c r="N24855" t="s">
        <v>88</v>
      </c>
      <c r="O24855" t="s">
        <v>85</v>
      </c>
      <c r="P24855" t="s">
        <v>86</v>
      </c>
      <c r="Q24855">
        <v>11</v>
      </c>
      <c r="R24855">
        <v>11</v>
      </c>
      <c r="S24855">
        <v>11</v>
      </c>
      <c r="T24855">
        <v>11</v>
      </c>
      <c r="U24855">
        <v>11</v>
      </c>
      <c r="V24855">
        <v>11</v>
      </c>
      <c r="W24855">
        <v>11</v>
      </c>
      <c r="X24855">
        <v>11</v>
      </c>
      <c r="Y24855">
        <v>11</v>
      </c>
      <c r="Z24855">
        <v>11</v>
      </c>
      <c r="AA24855">
        <v>11</v>
      </c>
      <c r="AB24855">
        <v>11</v>
      </c>
      <c r="AC24855">
        <v>11</v>
      </c>
      <c r="AD24855">
        <v>11</v>
      </c>
      <c r="AE24855">
        <v>12</v>
      </c>
      <c r="AF24855">
        <v>12</v>
      </c>
      <c r="AG24855">
        <v>12</v>
      </c>
      <c r="AH24855">
        <v>12</v>
      </c>
      <c r="AI24855">
        <v>12</v>
      </c>
      <c r="AJ24855">
        <v>12</v>
      </c>
      <c r="AK24855">
        <v>12</v>
      </c>
      <c r="AL24855">
        <v>12</v>
      </c>
      <c r="AM24855">
        <v>12</v>
      </c>
      <c r="AN24855">
        <v>12</v>
      </c>
      <c r="AO24855">
        <v>12</v>
      </c>
      <c r="AP24855">
        <v>12</v>
      </c>
      <c r="AQ24855">
        <v>12</v>
      </c>
    </row>
    <row r="24856" spans="1:43">
      <c r="A24856" t="s">
        <v>15387</v>
      </c>
      <c r="B24856" t="s">
        <v>15388</v>
      </c>
      <c r="C24856" t="s">
        <v>15281</v>
      </c>
      <c r="D24856" t="s">
        <v>15282</v>
      </c>
      <c r="E24856" t="s">
        <v>15241</v>
      </c>
      <c r="F24856" t="s">
        <v>15242</v>
      </c>
      <c r="G24856" t="s">
        <v>10734</v>
      </c>
      <c r="H24856" t="s">
        <v>10735</v>
      </c>
      <c r="I24856" s="2">
        <v>1</v>
      </c>
      <c r="J24856" s="2">
        <v>0</v>
      </c>
      <c r="K24856" s="2">
        <v>0</v>
      </c>
      <c r="L24856" t="s">
        <v>120</v>
      </c>
      <c r="M24856" t="s">
        <v>89</v>
      </c>
      <c r="N24856" t="s">
        <v>90</v>
      </c>
      <c r="O24856" t="s">
        <v>85</v>
      </c>
      <c r="P24856" t="s">
        <v>86</v>
      </c>
      <c r="Q24856">
        <v>11</v>
      </c>
      <c r="R24856">
        <v>11</v>
      </c>
      <c r="S24856">
        <v>12</v>
      </c>
      <c r="T24856">
        <v>12</v>
      </c>
      <c r="U24856">
        <v>12</v>
      </c>
      <c r="V24856">
        <v>12</v>
      </c>
      <c r="W24856">
        <v>12</v>
      </c>
      <c r="X24856">
        <v>13</v>
      </c>
      <c r="Y24856">
        <v>13</v>
      </c>
      <c r="Z24856">
        <v>13</v>
      </c>
      <c r="AA24856">
        <v>13</v>
      </c>
      <c r="AB24856">
        <v>13</v>
      </c>
      <c r="AC24856">
        <v>14</v>
      </c>
      <c r="AD24856">
        <v>14</v>
      </c>
      <c r="AE24856">
        <v>14</v>
      </c>
      <c r="AF24856">
        <v>14</v>
      </c>
      <c r="AG24856">
        <v>14</v>
      </c>
      <c r="AH24856">
        <v>14</v>
      </c>
      <c r="AI24856">
        <v>14</v>
      </c>
      <c r="AJ24856">
        <v>14</v>
      </c>
      <c r="AK24856">
        <v>14</v>
      </c>
      <c r="AL24856">
        <v>14</v>
      </c>
      <c r="AM24856">
        <v>14</v>
      </c>
      <c r="AN24856">
        <v>14</v>
      </c>
      <c r="AO24856">
        <v>14</v>
      </c>
      <c r="AP24856">
        <v>14</v>
      </c>
      <c r="AQ24856">
        <v>14</v>
      </c>
    </row>
    <row r="24857" spans="1:43">
      <c r="A24857" t="s">
        <v>15387</v>
      </c>
      <c r="B24857" t="s">
        <v>15388</v>
      </c>
      <c r="C24857" t="s">
        <v>15281</v>
      </c>
      <c r="D24857" t="s">
        <v>15282</v>
      </c>
      <c r="E24857" t="s">
        <v>15241</v>
      </c>
      <c r="F24857" t="s">
        <v>15242</v>
      </c>
      <c r="G24857" t="s">
        <v>10734</v>
      </c>
      <c r="H24857" t="s">
        <v>10735</v>
      </c>
      <c r="I24857" s="2">
        <v>1</v>
      </c>
      <c r="J24857" s="2">
        <v>0</v>
      </c>
      <c r="K24857" s="2">
        <v>0</v>
      </c>
      <c r="L24857" t="s">
        <v>120</v>
      </c>
      <c r="M24857" t="s">
        <v>83</v>
      </c>
      <c r="N24857" t="s">
        <v>91</v>
      </c>
      <c r="O24857" t="s">
        <v>85</v>
      </c>
      <c r="P24857" t="s">
        <v>86</v>
      </c>
      <c r="Q24857">
        <v>11</v>
      </c>
      <c r="R24857">
        <v>11</v>
      </c>
      <c r="S24857">
        <v>11</v>
      </c>
      <c r="T24857">
        <v>11</v>
      </c>
      <c r="U24857">
        <v>12</v>
      </c>
      <c r="V24857">
        <v>12</v>
      </c>
      <c r="W24857">
        <v>12</v>
      </c>
      <c r="X24857">
        <v>12</v>
      </c>
      <c r="Y24857">
        <v>12</v>
      </c>
      <c r="Z24857">
        <v>12</v>
      </c>
      <c r="AA24857">
        <v>12</v>
      </c>
      <c r="AB24857">
        <v>13</v>
      </c>
      <c r="AC24857">
        <v>13</v>
      </c>
      <c r="AD24857">
        <v>13</v>
      </c>
      <c r="AE24857">
        <v>13</v>
      </c>
      <c r="AF24857">
        <v>13</v>
      </c>
      <c r="AG24857">
        <v>13</v>
      </c>
      <c r="AH24857">
        <v>13</v>
      </c>
      <c r="AI24857">
        <v>13</v>
      </c>
      <c r="AJ24857">
        <v>14</v>
      </c>
      <c r="AK24857">
        <v>14</v>
      </c>
      <c r="AL24857">
        <v>14</v>
      </c>
      <c r="AM24857">
        <v>14</v>
      </c>
      <c r="AN24857">
        <v>14</v>
      </c>
      <c r="AO24857">
        <v>14</v>
      </c>
      <c r="AP24857">
        <v>14</v>
      </c>
      <c r="AQ24857">
        <v>14</v>
      </c>
    </row>
    <row r="24858" spans="1:43">
      <c r="A24858" t="s">
        <v>15389</v>
      </c>
      <c r="B24858" t="s">
        <v>15390</v>
      </c>
      <c r="C24858" t="s">
        <v>15337</v>
      </c>
      <c r="D24858" t="s">
        <v>15338</v>
      </c>
      <c r="E24858" t="s">
        <v>15241</v>
      </c>
      <c r="F24858" t="s">
        <v>15242</v>
      </c>
      <c r="G24858" t="s">
        <v>10734</v>
      </c>
      <c r="H24858" t="s">
        <v>10735</v>
      </c>
      <c r="I24858" s="2">
        <v>1</v>
      </c>
      <c r="J24858" s="2">
        <v>0</v>
      </c>
      <c r="K24858" s="2">
        <v>0</v>
      </c>
      <c r="L24858" t="s">
        <v>120</v>
      </c>
      <c r="M24858" t="s">
        <v>83</v>
      </c>
      <c r="N24858" t="s">
        <v>84</v>
      </c>
      <c r="O24858" t="s">
        <v>85</v>
      </c>
      <c r="P24858" t="s">
        <v>86</v>
      </c>
      <c r="Q24858">
        <v>18</v>
      </c>
      <c r="R24858">
        <v>18</v>
      </c>
      <c r="S24858">
        <v>18</v>
      </c>
      <c r="T24858">
        <v>18</v>
      </c>
      <c r="U24858">
        <v>19</v>
      </c>
      <c r="V24858">
        <v>19</v>
      </c>
      <c r="W24858">
        <v>19</v>
      </c>
      <c r="X24858">
        <v>19</v>
      </c>
      <c r="Y24858">
        <v>20</v>
      </c>
      <c r="Z24858">
        <v>20</v>
      </c>
      <c r="AA24858">
        <v>20</v>
      </c>
      <c r="AB24858">
        <v>20</v>
      </c>
      <c r="AC24858">
        <v>21</v>
      </c>
      <c r="AD24858">
        <v>21</v>
      </c>
      <c r="AE24858">
        <v>21</v>
      </c>
      <c r="AF24858">
        <v>21</v>
      </c>
      <c r="AG24858">
        <v>21</v>
      </c>
      <c r="AH24858">
        <v>22</v>
      </c>
      <c r="AI24858">
        <v>22</v>
      </c>
      <c r="AJ24858">
        <v>22</v>
      </c>
      <c r="AK24858">
        <v>22</v>
      </c>
      <c r="AL24858">
        <v>22</v>
      </c>
      <c r="AM24858">
        <v>22</v>
      </c>
      <c r="AN24858">
        <v>22</v>
      </c>
      <c r="AO24858">
        <v>22</v>
      </c>
      <c r="AP24858">
        <v>22</v>
      </c>
      <c r="AQ24858">
        <v>22</v>
      </c>
    </row>
    <row r="24859" spans="1:43">
      <c r="A24859" t="s">
        <v>15389</v>
      </c>
      <c r="B24859" t="s">
        <v>15390</v>
      </c>
      <c r="C24859" t="s">
        <v>15337</v>
      </c>
      <c r="D24859" t="s">
        <v>15338</v>
      </c>
      <c r="E24859" t="s">
        <v>15241</v>
      </c>
      <c r="F24859" t="s">
        <v>15242</v>
      </c>
      <c r="G24859" t="s">
        <v>10734</v>
      </c>
      <c r="H24859" t="s">
        <v>10735</v>
      </c>
      <c r="I24859" s="2">
        <v>1</v>
      </c>
      <c r="J24859" s="2">
        <v>0</v>
      </c>
      <c r="K24859" s="2">
        <v>0</v>
      </c>
      <c r="L24859" t="s">
        <v>120</v>
      </c>
      <c r="M24859" t="s">
        <v>87</v>
      </c>
      <c r="N24859" t="s">
        <v>88</v>
      </c>
      <c r="O24859" t="s">
        <v>85</v>
      </c>
      <c r="P24859" t="s">
        <v>86</v>
      </c>
      <c r="Q24859">
        <v>18</v>
      </c>
      <c r="R24859">
        <v>18</v>
      </c>
      <c r="S24859">
        <v>18</v>
      </c>
      <c r="T24859">
        <v>18</v>
      </c>
      <c r="U24859">
        <v>18</v>
      </c>
      <c r="V24859">
        <v>18</v>
      </c>
      <c r="W24859">
        <v>18</v>
      </c>
      <c r="X24859">
        <v>18</v>
      </c>
      <c r="Y24859">
        <v>18</v>
      </c>
      <c r="Z24859">
        <v>18</v>
      </c>
      <c r="AA24859">
        <v>18</v>
      </c>
      <c r="AB24859">
        <v>18</v>
      </c>
      <c r="AC24859">
        <v>19</v>
      </c>
      <c r="AD24859">
        <v>19</v>
      </c>
      <c r="AE24859">
        <v>19</v>
      </c>
      <c r="AF24859">
        <v>19</v>
      </c>
      <c r="AG24859">
        <v>19</v>
      </c>
      <c r="AH24859">
        <v>19</v>
      </c>
      <c r="AI24859">
        <v>19</v>
      </c>
      <c r="AJ24859">
        <v>19</v>
      </c>
      <c r="AK24859">
        <v>19</v>
      </c>
      <c r="AL24859">
        <v>19</v>
      </c>
      <c r="AM24859">
        <v>19</v>
      </c>
      <c r="AN24859">
        <v>19</v>
      </c>
      <c r="AO24859">
        <v>19</v>
      </c>
      <c r="AP24859">
        <v>20</v>
      </c>
      <c r="AQ24859">
        <v>20</v>
      </c>
    </row>
    <row r="24860" spans="1:43">
      <c r="A24860" t="s">
        <v>15389</v>
      </c>
      <c r="B24860" t="s">
        <v>15390</v>
      </c>
      <c r="C24860" t="s">
        <v>15337</v>
      </c>
      <c r="D24860" t="s">
        <v>15338</v>
      </c>
      <c r="E24860" t="s">
        <v>15241</v>
      </c>
      <c r="F24860" t="s">
        <v>15242</v>
      </c>
      <c r="G24860" t="s">
        <v>10734</v>
      </c>
      <c r="H24860" t="s">
        <v>10735</v>
      </c>
      <c r="I24860" s="2">
        <v>1</v>
      </c>
      <c r="J24860" s="2">
        <v>0</v>
      </c>
      <c r="K24860" s="2">
        <v>0</v>
      </c>
      <c r="L24860" t="s">
        <v>120</v>
      </c>
      <c r="M24860" t="s">
        <v>89</v>
      </c>
      <c r="N24860" t="s">
        <v>90</v>
      </c>
      <c r="O24860" t="s">
        <v>85</v>
      </c>
      <c r="P24860" t="s">
        <v>86</v>
      </c>
      <c r="Q24860">
        <v>18</v>
      </c>
      <c r="R24860">
        <v>18</v>
      </c>
      <c r="S24860">
        <v>19</v>
      </c>
      <c r="T24860">
        <v>19</v>
      </c>
      <c r="U24860">
        <v>19</v>
      </c>
      <c r="V24860">
        <v>20</v>
      </c>
      <c r="W24860">
        <v>20</v>
      </c>
      <c r="X24860">
        <v>20</v>
      </c>
      <c r="Y24860">
        <v>21</v>
      </c>
      <c r="Z24860">
        <v>21</v>
      </c>
      <c r="AA24860">
        <v>21</v>
      </c>
      <c r="AB24860">
        <v>22</v>
      </c>
      <c r="AC24860">
        <v>22</v>
      </c>
      <c r="AD24860">
        <v>22</v>
      </c>
      <c r="AE24860">
        <v>22</v>
      </c>
      <c r="AF24860">
        <v>22</v>
      </c>
      <c r="AG24860">
        <v>22</v>
      </c>
      <c r="AH24860">
        <v>22</v>
      </c>
      <c r="AI24860">
        <v>22</v>
      </c>
      <c r="AJ24860">
        <v>22</v>
      </c>
      <c r="AK24860">
        <v>23</v>
      </c>
      <c r="AL24860">
        <v>23</v>
      </c>
      <c r="AM24860">
        <v>23</v>
      </c>
      <c r="AN24860">
        <v>23</v>
      </c>
      <c r="AO24860">
        <v>23</v>
      </c>
      <c r="AP24860">
        <v>23</v>
      </c>
      <c r="AQ24860">
        <v>23</v>
      </c>
    </row>
    <row r="24861" spans="1:43">
      <c r="A24861" t="s">
        <v>15389</v>
      </c>
      <c r="B24861" t="s">
        <v>15390</v>
      </c>
      <c r="C24861" t="s">
        <v>15337</v>
      </c>
      <c r="D24861" t="s">
        <v>15338</v>
      </c>
      <c r="E24861" t="s">
        <v>15241</v>
      </c>
      <c r="F24861" t="s">
        <v>15242</v>
      </c>
      <c r="G24861" t="s">
        <v>10734</v>
      </c>
      <c r="H24861" t="s">
        <v>10735</v>
      </c>
      <c r="I24861" s="2">
        <v>1</v>
      </c>
      <c r="J24861" s="2">
        <v>0</v>
      </c>
      <c r="K24861" s="2">
        <v>0</v>
      </c>
      <c r="L24861" t="s">
        <v>120</v>
      </c>
      <c r="M24861" t="s">
        <v>83</v>
      </c>
      <c r="N24861" t="s">
        <v>91</v>
      </c>
      <c r="O24861" t="s">
        <v>85</v>
      </c>
      <c r="P24861" t="s">
        <v>86</v>
      </c>
      <c r="Q24861">
        <v>18</v>
      </c>
      <c r="R24861">
        <v>18</v>
      </c>
      <c r="S24861">
        <v>18</v>
      </c>
      <c r="T24861">
        <v>18</v>
      </c>
      <c r="U24861">
        <v>19</v>
      </c>
      <c r="V24861">
        <v>19</v>
      </c>
      <c r="W24861">
        <v>19</v>
      </c>
      <c r="X24861">
        <v>19</v>
      </c>
      <c r="Y24861">
        <v>20</v>
      </c>
      <c r="Z24861">
        <v>20</v>
      </c>
      <c r="AA24861">
        <v>20</v>
      </c>
      <c r="AB24861">
        <v>20</v>
      </c>
      <c r="AC24861">
        <v>21</v>
      </c>
      <c r="AD24861">
        <v>21</v>
      </c>
      <c r="AE24861">
        <v>21</v>
      </c>
      <c r="AF24861">
        <v>21</v>
      </c>
      <c r="AG24861">
        <v>21</v>
      </c>
      <c r="AH24861">
        <v>22</v>
      </c>
      <c r="AI24861">
        <v>22</v>
      </c>
      <c r="AJ24861">
        <v>22</v>
      </c>
      <c r="AK24861">
        <v>22</v>
      </c>
      <c r="AL24861">
        <v>22</v>
      </c>
      <c r="AM24861">
        <v>22</v>
      </c>
      <c r="AN24861">
        <v>22</v>
      </c>
      <c r="AO24861">
        <v>22</v>
      </c>
      <c r="AP24861">
        <v>22</v>
      </c>
      <c r="AQ24861">
        <v>22</v>
      </c>
    </row>
    <row r="24862" spans="1:43">
      <c r="A24862" t="s">
        <v>15391</v>
      </c>
      <c r="B24862" t="s">
        <v>15392</v>
      </c>
      <c r="C24862" t="s">
        <v>15281</v>
      </c>
      <c r="D24862" t="s">
        <v>15282</v>
      </c>
      <c r="E24862" t="s">
        <v>15241</v>
      </c>
      <c r="F24862" t="s">
        <v>15242</v>
      </c>
      <c r="G24862" t="s">
        <v>10734</v>
      </c>
      <c r="H24862" t="s">
        <v>10735</v>
      </c>
      <c r="I24862" s="2">
        <v>1</v>
      </c>
      <c r="J24862" s="2">
        <v>0</v>
      </c>
      <c r="K24862" s="2">
        <v>0</v>
      </c>
      <c r="L24862" t="s">
        <v>120</v>
      </c>
      <c r="M24862" t="s">
        <v>83</v>
      </c>
      <c r="N24862" t="s">
        <v>84</v>
      </c>
      <c r="O24862" t="s">
        <v>85</v>
      </c>
      <c r="P24862" t="s">
        <v>86</v>
      </c>
      <c r="Q24862">
        <v>10</v>
      </c>
      <c r="R24862">
        <v>10</v>
      </c>
      <c r="S24862">
        <v>11</v>
      </c>
      <c r="T24862">
        <v>11</v>
      </c>
      <c r="U24862">
        <v>11</v>
      </c>
      <c r="V24862">
        <v>11</v>
      </c>
      <c r="W24862">
        <v>11</v>
      </c>
      <c r="X24862">
        <v>11</v>
      </c>
      <c r="Y24862">
        <v>11</v>
      </c>
      <c r="Z24862">
        <v>11</v>
      </c>
      <c r="AA24862">
        <v>12</v>
      </c>
      <c r="AB24862">
        <v>12</v>
      </c>
      <c r="AC24862">
        <v>12</v>
      </c>
      <c r="AD24862">
        <v>12</v>
      </c>
      <c r="AE24862">
        <v>12</v>
      </c>
      <c r="AF24862">
        <v>12</v>
      </c>
      <c r="AG24862">
        <v>12</v>
      </c>
      <c r="AH24862">
        <v>12</v>
      </c>
      <c r="AI24862">
        <v>13</v>
      </c>
      <c r="AJ24862">
        <v>13</v>
      </c>
      <c r="AK24862">
        <v>13</v>
      </c>
      <c r="AL24862">
        <v>13</v>
      </c>
      <c r="AM24862">
        <v>13</v>
      </c>
      <c r="AN24862">
        <v>13</v>
      </c>
      <c r="AO24862">
        <v>13</v>
      </c>
      <c r="AP24862">
        <v>13</v>
      </c>
      <c r="AQ24862">
        <v>13</v>
      </c>
    </row>
    <row r="24863" spans="1:43">
      <c r="A24863" t="s">
        <v>15391</v>
      </c>
      <c r="B24863" t="s">
        <v>15392</v>
      </c>
      <c r="C24863" t="s">
        <v>15281</v>
      </c>
      <c r="D24863" t="s">
        <v>15282</v>
      </c>
      <c r="E24863" t="s">
        <v>15241</v>
      </c>
      <c r="F24863" t="s">
        <v>15242</v>
      </c>
      <c r="G24863" t="s">
        <v>10734</v>
      </c>
      <c r="H24863" t="s">
        <v>10735</v>
      </c>
      <c r="I24863" s="2">
        <v>1</v>
      </c>
      <c r="J24863" s="2">
        <v>0</v>
      </c>
      <c r="K24863" s="2">
        <v>0</v>
      </c>
      <c r="L24863" t="s">
        <v>120</v>
      </c>
      <c r="M24863" t="s">
        <v>87</v>
      </c>
      <c r="N24863" t="s">
        <v>88</v>
      </c>
      <c r="O24863" t="s">
        <v>85</v>
      </c>
      <c r="P24863" t="s">
        <v>86</v>
      </c>
      <c r="Q24863">
        <v>10</v>
      </c>
      <c r="R24863">
        <v>10</v>
      </c>
      <c r="S24863">
        <v>10</v>
      </c>
      <c r="T24863">
        <v>10</v>
      </c>
      <c r="U24863">
        <v>10</v>
      </c>
      <c r="V24863">
        <v>10</v>
      </c>
      <c r="W24863">
        <v>10</v>
      </c>
      <c r="X24863">
        <v>10</v>
      </c>
      <c r="Y24863">
        <v>10</v>
      </c>
      <c r="Z24863">
        <v>11</v>
      </c>
      <c r="AA24863">
        <v>11</v>
      </c>
      <c r="AB24863">
        <v>11</v>
      </c>
      <c r="AC24863">
        <v>11</v>
      </c>
      <c r="AD24863">
        <v>11</v>
      </c>
      <c r="AE24863">
        <v>11</v>
      </c>
      <c r="AF24863">
        <v>11</v>
      </c>
      <c r="AG24863">
        <v>11</v>
      </c>
      <c r="AH24863">
        <v>11</v>
      </c>
      <c r="AI24863">
        <v>11</v>
      </c>
      <c r="AJ24863">
        <v>11</v>
      </c>
      <c r="AK24863">
        <v>11</v>
      </c>
      <c r="AL24863">
        <v>11</v>
      </c>
      <c r="AM24863">
        <v>11</v>
      </c>
      <c r="AN24863">
        <v>11</v>
      </c>
      <c r="AO24863">
        <v>11</v>
      </c>
      <c r="AP24863">
        <v>11</v>
      </c>
      <c r="AQ24863">
        <v>11</v>
      </c>
    </row>
    <row r="24864" spans="1:43">
      <c r="A24864" t="s">
        <v>15391</v>
      </c>
      <c r="B24864" t="s">
        <v>15392</v>
      </c>
      <c r="C24864" t="s">
        <v>15281</v>
      </c>
      <c r="D24864" t="s">
        <v>15282</v>
      </c>
      <c r="E24864" t="s">
        <v>15241</v>
      </c>
      <c r="F24864" t="s">
        <v>15242</v>
      </c>
      <c r="G24864" t="s">
        <v>10734</v>
      </c>
      <c r="H24864" t="s">
        <v>10735</v>
      </c>
      <c r="I24864" s="2">
        <v>1</v>
      </c>
      <c r="J24864" s="2">
        <v>0</v>
      </c>
      <c r="K24864" s="2">
        <v>0</v>
      </c>
      <c r="L24864" t="s">
        <v>120</v>
      </c>
      <c r="M24864" t="s">
        <v>89</v>
      </c>
      <c r="N24864" t="s">
        <v>90</v>
      </c>
      <c r="O24864" t="s">
        <v>85</v>
      </c>
      <c r="P24864" t="s">
        <v>86</v>
      </c>
      <c r="Q24864">
        <v>10</v>
      </c>
      <c r="R24864">
        <v>11</v>
      </c>
      <c r="S24864">
        <v>11</v>
      </c>
      <c r="T24864">
        <v>11</v>
      </c>
      <c r="U24864">
        <v>11</v>
      </c>
      <c r="V24864">
        <v>11</v>
      </c>
      <c r="W24864">
        <v>12</v>
      </c>
      <c r="X24864">
        <v>12</v>
      </c>
      <c r="Y24864">
        <v>12</v>
      </c>
      <c r="Z24864">
        <v>12</v>
      </c>
      <c r="AA24864">
        <v>12</v>
      </c>
      <c r="AB24864">
        <v>12</v>
      </c>
      <c r="AC24864">
        <v>13</v>
      </c>
      <c r="AD24864">
        <v>13</v>
      </c>
      <c r="AE24864">
        <v>13</v>
      </c>
      <c r="AF24864">
        <v>13</v>
      </c>
      <c r="AG24864">
        <v>13</v>
      </c>
      <c r="AH24864">
        <v>13</v>
      </c>
      <c r="AI24864">
        <v>13</v>
      </c>
      <c r="AJ24864">
        <v>13</v>
      </c>
      <c r="AK24864">
        <v>13</v>
      </c>
      <c r="AL24864">
        <v>13</v>
      </c>
      <c r="AM24864">
        <v>13</v>
      </c>
      <c r="AN24864">
        <v>13</v>
      </c>
      <c r="AO24864">
        <v>13</v>
      </c>
      <c r="AP24864">
        <v>13</v>
      </c>
      <c r="AQ24864">
        <v>13</v>
      </c>
    </row>
    <row r="24865" spans="1:43">
      <c r="A24865" t="s">
        <v>15391</v>
      </c>
      <c r="B24865" t="s">
        <v>15392</v>
      </c>
      <c r="C24865" t="s">
        <v>15281</v>
      </c>
      <c r="D24865" t="s">
        <v>15282</v>
      </c>
      <c r="E24865" t="s">
        <v>15241</v>
      </c>
      <c r="F24865" t="s">
        <v>15242</v>
      </c>
      <c r="G24865" t="s">
        <v>10734</v>
      </c>
      <c r="H24865" t="s">
        <v>10735</v>
      </c>
      <c r="I24865" s="2">
        <v>1</v>
      </c>
      <c r="J24865" s="2">
        <v>0</v>
      </c>
      <c r="K24865" s="2">
        <v>0</v>
      </c>
      <c r="L24865" t="s">
        <v>120</v>
      </c>
      <c r="M24865" t="s">
        <v>83</v>
      </c>
      <c r="N24865" t="s">
        <v>91</v>
      </c>
      <c r="O24865" t="s">
        <v>85</v>
      </c>
      <c r="P24865" t="s">
        <v>86</v>
      </c>
      <c r="Q24865">
        <v>10</v>
      </c>
      <c r="R24865">
        <v>10</v>
      </c>
      <c r="S24865">
        <v>11</v>
      </c>
      <c r="T24865">
        <v>11</v>
      </c>
      <c r="U24865">
        <v>11</v>
      </c>
      <c r="V24865">
        <v>11</v>
      </c>
      <c r="W24865">
        <v>11</v>
      </c>
      <c r="X24865">
        <v>11</v>
      </c>
      <c r="Y24865">
        <v>11</v>
      </c>
      <c r="Z24865">
        <v>11</v>
      </c>
      <c r="AA24865">
        <v>12</v>
      </c>
      <c r="AB24865">
        <v>12</v>
      </c>
      <c r="AC24865">
        <v>12</v>
      </c>
      <c r="AD24865">
        <v>12</v>
      </c>
      <c r="AE24865">
        <v>12</v>
      </c>
      <c r="AF24865">
        <v>12</v>
      </c>
      <c r="AG24865">
        <v>12</v>
      </c>
      <c r="AH24865">
        <v>12</v>
      </c>
      <c r="AI24865">
        <v>13</v>
      </c>
      <c r="AJ24865">
        <v>13</v>
      </c>
      <c r="AK24865">
        <v>13</v>
      </c>
      <c r="AL24865">
        <v>13</v>
      </c>
      <c r="AM24865">
        <v>13</v>
      </c>
      <c r="AN24865">
        <v>13</v>
      </c>
      <c r="AO24865">
        <v>13</v>
      </c>
      <c r="AP24865">
        <v>13</v>
      </c>
      <c r="AQ24865">
        <v>13</v>
      </c>
    </row>
    <row r="24866" spans="1:43">
      <c r="A24866" t="s">
        <v>15393</v>
      </c>
      <c r="B24866" t="s">
        <v>15394</v>
      </c>
      <c r="C24866" t="s">
        <v>15281</v>
      </c>
      <c r="D24866" t="s">
        <v>15282</v>
      </c>
      <c r="E24866" t="s">
        <v>15241</v>
      </c>
      <c r="F24866" t="s">
        <v>15242</v>
      </c>
      <c r="G24866" t="s">
        <v>10734</v>
      </c>
      <c r="H24866" t="s">
        <v>10735</v>
      </c>
      <c r="I24866" s="2">
        <v>1</v>
      </c>
      <c r="J24866" s="2">
        <v>0</v>
      </c>
      <c r="K24866" s="2">
        <v>0</v>
      </c>
      <c r="L24866" t="s">
        <v>120</v>
      </c>
      <c r="M24866" t="s">
        <v>83</v>
      </c>
      <c r="N24866" t="s">
        <v>84</v>
      </c>
      <c r="O24866" t="s">
        <v>85</v>
      </c>
      <c r="P24866" t="s">
        <v>86</v>
      </c>
      <c r="Q24866">
        <v>7</v>
      </c>
      <c r="R24866">
        <v>7</v>
      </c>
      <c r="S24866">
        <v>7</v>
      </c>
      <c r="T24866">
        <v>7</v>
      </c>
      <c r="U24866">
        <v>7</v>
      </c>
      <c r="V24866">
        <v>7</v>
      </c>
      <c r="W24866">
        <v>7</v>
      </c>
      <c r="X24866">
        <v>8</v>
      </c>
      <c r="Y24866">
        <v>8</v>
      </c>
      <c r="Z24866">
        <v>8</v>
      </c>
      <c r="AA24866">
        <v>8</v>
      </c>
      <c r="AB24866">
        <v>8</v>
      </c>
      <c r="AC24866">
        <v>8</v>
      </c>
      <c r="AD24866">
        <v>8</v>
      </c>
      <c r="AE24866">
        <v>8</v>
      </c>
      <c r="AF24866">
        <v>8</v>
      </c>
      <c r="AG24866">
        <v>8</v>
      </c>
      <c r="AH24866">
        <v>8</v>
      </c>
      <c r="AI24866">
        <v>8</v>
      </c>
      <c r="AJ24866">
        <v>9</v>
      </c>
      <c r="AK24866">
        <v>9</v>
      </c>
      <c r="AL24866">
        <v>9</v>
      </c>
      <c r="AM24866">
        <v>9</v>
      </c>
      <c r="AN24866">
        <v>9</v>
      </c>
      <c r="AO24866">
        <v>9</v>
      </c>
      <c r="AP24866">
        <v>9</v>
      </c>
      <c r="AQ24866">
        <v>9</v>
      </c>
    </row>
    <row r="24867" spans="1:43">
      <c r="A24867" t="s">
        <v>15393</v>
      </c>
      <c r="B24867" t="s">
        <v>15394</v>
      </c>
      <c r="C24867" t="s">
        <v>15281</v>
      </c>
      <c r="D24867" t="s">
        <v>15282</v>
      </c>
      <c r="E24867" t="s">
        <v>15241</v>
      </c>
      <c r="F24867" t="s">
        <v>15242</v>
      </c>
      <c r="G24867" t="s">
        <v>10734</v>
      </c>
      <c r="H24867" t="s">
        <v>10735</v>
      </c>
      <c r="I24867" s="2">
        <v>1</v>
      </c>
      <c r="J24867" s="2">
        <v>0</v>
      </c>
      <c r="K24867" s="2">
        <v>0</v>
      </c>
      <c r="L24867" t="s">
        <v>120</v>
      </c>
      <c r="M24867" t="s">
        <v>87</v>
      </c>
      <c r="N24867" t="s">
        <v>88</v>
      </c>
      <c r="O24867" t="s">
        <v>85</v>
      </c>
      <c r="P24867" t="s">
        <v>86</v>
      </c>
      <c r="Q24867">
        <v>7</v>
      </c>
      <c r="R24867">
        <v>7</v>
      </c>
      <c r="S24867">
        <v>7</v>
      </c>
      <c r="T24867">
        <v>7</v>
      </c>
      <c r="U24867">
        <v>7</v>
      </c>
      <c r="V24867">
        <v>7</v>
      </c>
      <c r="W24867">
        <v>7</v>
      </c>
      <c r="X24867">
        <v>7</v>
      </c>
      <c r="Y24867">
        <v>7</v>
      </c>
      <c r="Z24867">
        <v>7</v>
      </c>
      <c r="AA24867">
        <v>7</v>
      </c>
      <c r="AB24867">
        <v>7</v>
      </c>
      <c r="AC24867">
        <v>7</v>
      </c>
      <c r="AD24867">
        <v>7</v>
      </c>
      <c r="AE24867">
        <v>7</v>
      </c>
      <c r="AF24867">
        <v>7</v>
      </c>
      <c r="AG24867">
        <v>7</v>
      </c>
      <c r="AH24867">
        <v>7</v>
      </c>
      <c r="AI24867">
        <v>7</v>
      </c>
      <c r="AJ24867">
        <v>7</v>
      </c>
      <c r="AK24867">
        <v>7</v>
      </c>
      <c r="AL24867">
        <v>7</v>
      </c>
      <c r="AM24867">
        <v>7</v>
      </c>
      <c r="AN24867">
        <v>7</v>
      </c>
      <c r="AO24867">
        <v>8</v>
      </c>
      <c r="AP24867">
        <v>8</v>
      </c>
      <c r="AQ24867">
        <v>8</v>
      </c>
    </row>
    <row r="24868" spans="1:43">
      <c r="A24868" t="s">
        <v>15393</v>
      </c>
      <c r="B24868" t="s">
        <v>15394</v>
      </c>
      <c r="C24868" t="s">
        <v>15281</v>
      </c>
      <c r="D24868" t="s">
        <v>15282</v>
      </c>
      <c r="E24868" t="s">
        <v>15241</v>
      </c>
      <c r="F24868" t="s">
        <v>15242</v>
      </c>
      <c r="G24868" t="s">
        <v>10734</v>
      </c>
      <c r="H24868" t="s">
        <v>10735</v>
      </c>
      <c r="I24868" s="2">
        <v>1</v>
      </c>
      <c r="J24868" s="2">
        <v>0</v>
      </c>
      <c r="K24868" s="2">
        <v>0</v>
      </c>
      <c r="L24868" t="s">
        <v>120</v>
      </c>
      <c r="M24868" t="s">
        <v>89</v>
      </c>
      <c r="N24868" t="s">
        <v>90</v>
      </c>
      <c r="O24868" t="s">
        <v>85</v>
      </c>
      <c r="P24868" t="s">
        <v>86</v>
      </c>
      <c r="Q24868">
        <v>7</v>
      </c>
      <c r="R24868">
        <v>7</v>
      </c>
      <c r="S24868">
        <v>7</v>
      </c>
      <c r="T24868">
        <v>7</v>
      </c>
      <c r="U24868">
        <v>8</v>
      </c>
      <c r="V24868">
        <v>8</v>
      </c>
      <c r="W24868">
        <v>8</v>
      </c>
      <c r="X24868">
        <v>8</v>
      </c>
      <c r="Y24868">
        <v>8</v>
      </c>
      <c r="Z24868">
        <v>8</v>
      </c>
      <c r="AA24868">
        <v>8</v>
      </c>
      <c r="AB24868">
        <v>8</v>
      </c>
      <c r="AC24868">
        <v>8</v>
      </c>
      <c r="AD24868">
        <v>9</v>
      </c>
      <c r="AE24868">
        <v>9</v>
      </c>
      <c r="AF24868">
        <v>9</v>
      </c>
      <c r="AG24868">
        <v>9</v>
      </c>
      <c r="AH24868">
        <v>9</v>
      </c>
      <c r="AI24868">
        <v>9</v>
      </c>
      <c r="AJ24868">
        <v>9</v>
      </c>
      <c r="AK24868">
        <v>9</v>
      </c>
      <c r="AL24868">
        <v>9</v>
      </c>
      <c r="AM24868">
        <v>9</v>
      </c>
      <c r="AN24868">
        <v>9</v>
      </c>
      <c r="AO24868">
        <v>9</v>
      </c>
      <c r="AP24868">
        <v>9</v>
      </c>
      <c r="AQ24868">
        <v>9</v>
      </c>
    </row>
    <row r="24869" spans="1:43">
      <c r="A24869" t="s">
        <v>15393</v>
      </c>
      <c r="B24869" t="s">
        <v>15394</v>
      </c>
      <c r="C24869" t="s">
        <v>15281</v>
      </c>
      <c r="D24869" t="s">
        <v>15282</v>
      </c>
      <c r="E24869" t="s">
        <v>15241</v>
      </c>
      <c r="F24869" t="s">
        <v>15242</v>
      </c>
      <c r="G24869" t="s">
        <v>10734</v>
      </c>
      <c r="H24869" t="s">
        <v>10735</v>
      </c>
      <c r="I24869" s="2">
        <v>1</v>
      </c>
      <c r="J24869" s="2">
        <v>0</v>
      </c>
      <c r="K24869" s="2">
        <v>0</v>
      </c>
      <c r="L24869" t="s">
        <v>120</v>
      </c>
      <c r="M24869" t="s">
        <v>83</v>
      </c>
      <c r="N24869" t="s">
        <v>91</v>
      </c>
      <c r="O24869" t="s">
        <v>85</v>
      </c>
      <c r="P24869" t="s">
        <v>86</v>
      </c>
      <c r="Q24869">
        <v>7</v>
      </c>
      <c r="R24869">
        <v>7</v>
      </c>
      <c r="S24869">
        <v>7</v>
      </c>
      <c r="T24869">
        <v>7</v>
      </c>
      <c r="U24869">
        <v>7</v>
      </c>
      <c r="V24869">
        <v>7</v>
      </c>
      <c r="W24869">
        <v>7</v>
      </c>
      <c r="X24869">
        <v>8</v>
      </c>
      <c r="Y24869">
        <v>8</v>
      </c>
      <c r="Z24869">
        <v>8</v>
      </c>
      <c r="AA24869">
        <v>8</v>
      </c>
      <c r="AB24869">
        <v>8</v>
      </c>
      <c r="AC24869">
        <v>8</v>
      </c>
      <c r="AD24869">
        <v>8</v>
      </c>
      <c r="AE24869">
        <v>8</v>
      </c>
      <c r="AF24869">
        <v>8</v>
      </c>
      <c r="AG24869">
        <v>8</v>
      </c>
      <c r="AH24869">
        <v>8</v>
      </c>
      <c r="AI24869">
        <v>8</v>
      </c>
      <c r="AJ24869">
        <v>9</v>
      </c>
      <c r="AK24869">
        <v>9</v>
      </c>
      <c r="AL24869">
        <v>9</v>
      </c>
      <c r="AM24869">
        <v>9</v>
      </c>
      <c r="AN24869">
        <v>9</v>
      </c>
      <c r="AO24869">
        <v>9</v>
      </c>
      <c r="AP24869">
        <v>9</v>
      </c>
      <c r="AQ24869">
        <v>9</v>
      </c>
    </row>
    <row r="24870" spans="1:43">
      <c r="A24870" t="s">
        <v>15395</v>
      </c>
      <c r="B24870" t="s">
        <v>15396</v>
      </c>
      <c r="C24870" t="s">
        <v>15397</v>
      </c>
      <c r="D24870" t="s">
        <v>15398</v>
      </c>
      <c r="E24870" t="s">
        <v>15241</v>
      </c>
      <c r="F24870" t="s">
        <v>15242</v>
      </c>
      <c r="G24870" t="s">
        <v>10734</v>
      </c>
      <c r="H24870" t="s">
        <v>10735</v>
      </c>
      <c r="I24870" s="2">
        <v>1</v>
      </c>
      <c r="J24870" s="2">
        <v>0</v>
      </c>
      <c r="K24870" s="2">
        <v>0</v>
      </c>
      <c r="L24870" t="s">
        <v>120</v>
      </c>
      <c r="M24870" t="s">
        <v>83</v>
      </c>
      <c r="N24870" t="s">
        <v>84</v>
      </c>
      <c r="O24870" t="s">
        <v>85</v>
      </c>
      <c r="P24870" t="s">
        <v>86</v>
      </c>
      <c r="Q24870">
        <v>70</v>
      </c>
      <c r="R24870">
        <v>71</v>
      </c>
      <c r="S24870">
        <v>72</v>
      </c>
      <c r="T24870">
        <v>73</v>
      </c>
      <c r="U24870">
        <v>74</v>
      </c>
      <c r="V24870">
        <v>75</v>
      </c>
      <c r="W24870">
        <v>76</v>
      </c>
      <c r="X24870">
        <v>77</v>
      </c>
      <c r="Y24870">
        <v>78</v>
      </c>
      <c r="Z24870">
        <v>79</v>
      </c>
      <c r="AA24870">
        <v>79</v>
      </c>
      <c r="AB24870">
        <v>80</v>
      </c>
      <c r="AC24870">
        <v>81</v>
      </c>
      <c r="AD24870">
        <v>82</v>
      </c>
      <c r="AE24870">
        <v>83</v>
      </c>
      <c r="AF24870">
        <v>84</v>
      </c>
      <c r="AG24870">
        <v>84</v>
      </c>
      <c r="AH24870">
        <v>85</v>
      </c>
      <c r="AI24870">
        <v>86</v>
      </c>
      <c r="AJ24870">
        <v>87</v>
      </c>
      <c r="AK24870">
        <v>88</v>
      </c>
      <c r="AL24870">
        <v>88</v>
      </c>
      <c r="AM24870">
        <v>88</v>
      </c>
      <c r="AN24870">
        <v>88</v>
      </c>
      <c r="AO24870">
        <v>88</v>
      </c>
      <c r="AP24870">
        <v>88</v>
      </c>
      <c r="AQ24870">
        <v>88</v>
      </c>
    </row>
    <row r="24871" spans="1:43">
      <c r="A24871" t="s">
        <v>15395</v>
      </c>
      <c r="B24871" t="s">
        <v>15396</v>
      </c>
      <c r="C24871" t="s">
        <v>15397</v>
      </c>
      <c r="D24871" t="s">
        <v>15398</v>
      </c>
      <c r="E24871" t="s">
        <v>15241</v>
      </c>
      <c r="F24871" t="s">
        <v>15242</v>
      </c>
      <c r="G24871" t="s">
        <v>10734</v>
      </c>
      <c r="H24871" t="s">
        <v>10735</v>
      </c>
      <c r="I24871" s="2">
        <v>1</v>
      </c>
      <c r="J24871" s="2">
        <v>0</v>
      </c>
      <c r="K24871" s="2">
        <v>0</v>
      </c>
      <c r="L24871" t="s">
        <v>120</v>
      </c>
      <c r="M24871" t="s">
        <v>87</v>
      </c>
      <c r="N24871" t="s">
        <v>88</v>
      </c>
      <c r="O24871" t="s">
        <v>85</v>
      </c>
      <c r="P24871" t="s">
        <v>86</v>
      </c>
      <c r="Q24871">
        <v>70</v>
      </c>
      <c r="R24871">
        <v>70</v>
      </c>
      <c r="S24871">
        <v>70</v>
      </c>
      <c r="T24871">
        <v>71</v>
      </c>
      <c r="U24871">
        <v>71</v>
      </c>
      <c r="V24871">
        <v>71</v>
      </c>
      <c r="W24871">
        <v>71</v>
      </c>
      <c r="X24871">
        <v>72</v>
      </c>
      <c r="Y24871">
        <v>72</v>
      </c>
      <c r="Z24871">
        <v>72</v>
      </c>
      <c r="AA24871">
        <v>72</v>
      </c>
      <c r="AB24871">
        <v>73</v>
      </c>
      <c r="AC24871">
        <v>73</v>
      </c>
      <c r="AD24871">
        <v>73</v>
      </c>
      <c r="AE24871">
        <v>73</v>
      </c>
      <c r="AF24871">
        <v>74</v>
      </c>
      <c r="AG24871">
        <v>74</v>
      </c>
      <c r="AH24871">
        <v>74</v>
      </c>
      <c r="AI24871">
        <v>74</v>
      </c>
      <c r="AJ24871">
        <v>74</v>
      </c>
      <c r="AK24871">
        <v>75</v>
      </c>
      <c r="AL24871">
        <v>75</v>
      </c>
      <c r="AM24871">
        <v>75</v>
      </c>
      <c r="AN24871">
        <v>75</v>
      </c>
      <c r="AO24871">
        <v>75</v>
      </c>
      <c r="AP24871">
        <v>76</v>
      </c>
      <c r="AQ24871">
        <v>76</v>
      </c>
    </row>
    <row r="24872" spans="1:43">
      <c r="A24872" t="s">
        <v>15395</v>
      </c>
      <c r="B24872" t="s">
        <v>15396</v>
      </c>
      <c r="C24872" t="s">
        <v>15397</v>
      </c>
      <c r="D24872" t="s">
        <v>15398</v>
      </c>
      <c r="E24872" t="s">
        <v>15241</v>
      </c>
      <c r="F24872" t="s">
        <v>15242</v>
      </c>
      <c r="G24872" t="s">
        <v>10734</v>
      </c>
      <c r="H24872" t="s">
        <v>10735</v>
      </c>
      <c r="I24872" s="2">
        <v>1</v>
      </c>
      <c r="J24872" s="2">
        <v>0</v>
      </c>
      <c r="K24872" s="2">
        <v>0</v>
      </c>
      <c r="L24872" t="s">
        <v>120</v>
      </c>
      <c r="M24872" t="s">
        <v>89</v>
      </c>
      <c r="N24872" t="s">
        <v>90</v>
      </c>
      <c r="O24872" t="s">
        <v>85</v>
      </c>
      <c r="P24872" t="s">
        <v>86</v>
      </c>
      <c r="Q24872">
        <v>70</v>
      </c>
      <c r="R24872">
        <v>72</v>
      </c>
      <c r="S24872">
        <v>73</v>
      </c>
      <c r="T24872">
        <v>75</v>
      </c>
      <c r="U24872">
        <v>76</v>
      </c>
      <c r="V24872">
        <v>77</v>
      </c>
      <c r="W24872">
        <v>79</v>
      </c>
      <c r="X24872">
        <v>80</v>
      </c>
      <c r="Y24872">
        <v>81</v>
      </c>
      <c r="Z24872">
        <v>83</v>
      </c>
      <c r="AA24872">
        <v>84</v>
      </c>
      <c r="AB24872">
        <v>85</v>
      </c>
      <c r="AC24872">
        <v>86</v>
      </c>
      <c r="AD24872">
        <v>87</v>
      </c>
      <c r="AE24872">
        <v>88</v>
      </c>
      <c r="AF24872">
        <v>88</v>
      </c>
      <c r="AG24872">
        <v>88</v>
      </c>
      <c r="AH24872">
        <v>88</v>
      </c>
      <c r="AI24872">
        <v>88</v>
      </c>
      <c r="AJ24872">
        <v>88</v>
      </c>
      <c r="AK24872">
        <v>88</v>
      </c>
      <c r="AL24872">
        <v>88</v>
      </c>
      <c r="AM24872">
        <v>88</v>
      </c>
      <c r="AN24872">
        <v>88</v>
      </c>
      <c r="AO24872">
        <v>88</v>
      </c>
      <c r="AP24872">
        <v>87</v>
      </c>
      <c r="AQ24872">
        <v>87</v>
      </c>
    </row>
    <row r="24873" spans="1:43">
      <c r="A24873" t="s">
        <v>15395</v>
      </c>
      <c r="B24873" t="s">
        <v>15396</v>
      </c>
      <c r="C24873" t="s">
        <v>15397</v>
      </c>
      <c r="D24873" t="s">
        <v>15398</v>
      </c>
      <c r="E24873" t="s">
        <v>15241</v>
      </c>
      <c r="F24873" t="s">
        <v>15242</v>
      </c>
      <c r="G24873" t="s">
        <v>10734</v>
      </c>
      <c r="H24873" t="s">
        <v>10735</v>
      </c>
      <c r="I24873" s="2">
        <v>1</v>
      </c>
      <c r="J24873" s="2">
        <v>0</v>
      </c>
      <c r="K24873" s="2">
        <v>0</v>
      </c>
      <c r="L24873" t="s">
        <v>120</v>
      </c>
      <c r="M24873" t="s">
        <v>83</v>
      </c>
      <c r="N24873" t="s">
        <v>91</v>
      </c>
      <c r="O24873" t="s">
        <v>85</v>
      </c>
      <c r="P24873" t="s">
        <v>86</v>
      </c>
      <c r="Q24873">
        <v>70</v>
      </c>
      <c r="R24873">
        <v>71</v>
      </c>
      <c r="S24873">
        <v>72</v>
      </c>
      <c r="T24873">
        <v>73</v>
      </c>
      <c r="U24873">
        <v>74</v>
      </c>
      <c r="V24873">
        <v>75</v>
      </c>
      <c r="W24873">
        <v>76</v>
      </c>
      <c r="X24873">
        <v>77</v>
      </c>
      <c r="Y24873">
        <v>78</v>
      </c>
      <c r="Z24873">
        <v>79</v>
      </c>
      <c r="AA24873">
        <v>79</v>
      </c>
      <c r="AB24873">
        <v>80</v>
      </c>
      <c r="AC24873">
        <v>81</v>
      </c>
      <c r="AD24873">
        <v>82</v>
      </c>
      <c r="AE24873">
        <v>83</v>
      </c>
      <c r="AF24873">
        <v>84</v>
      </c>
      <c r="AG24873">
        <v>84</v>
      </c>
      <c r="AH24873">
        <v>85</v>
      </c>
      <c r="AI24873">
        <v>86</v>
      </c>
      <c r="AJ24873">
        <v>87</v>
      </c>
      <c r="AK24873">
        <v>88</v>
      </c>
      <c r="AL24873">
        <v>88</v>
      </c>
      <c r="AM24873">
        <v>88</v>
      </c>
      <c r="AN24873">
        <v>88</v>
      </c>
      <c r="AO24873">
        <v>88</v>
      </c>
      <c r="AP24873">
        <v>88</v>
      </c>
      <c r="AQ24873">
        <v>88</v>
      </c>
    </row>
    <row r="24874" spans="1:43">
      <c r="A24874" t="s">
        <v>15399</v>
      </c>
      <c r="B24874" t="s">
        <v>15400</v>
      </c>
      <c r="C24874" t="s">
        <v>15397</v>
      </c>
      <c r="D24874" t="s">
        <v>15398</v>
      </c>
      <c r="E24874" t="s">
        <v>15241</v>
      </c>
      <c r="F24874" t="s">
        <v>15242</v>
      </c>
      <c r="G24874" t="s">
        <v>10734</v>
      </c>
      <c r="H24874" t="s">
        <v>10735</v>
      </c>
      <c r="I24874" s="2">
        <v>1</v>
      </c>
      <c r="J24874" s="2">
        <v>0</v>
      </c>
      <c r="K24874" s="2">
        <v>0</v>
      </c>
      <c r="L24874" t="s">
        <v>120</v>
      </c>
      <c r="M24874" t="s">
        <v>83</v>
      </c>
      <c r="N24874" t="s">
        <v>84</v>
      </c>
      <c r="O24874" t="s">
        <v>85</v>
      </c>
      <c r="P24874" t="s">
        <v>86</v>
      </c>
      <c r="Q24874">
        <v>39</v>
      </c>
      <c r="R24874">
        <v>40</v>
      </c>
      <c r="S24874">
        <v>40</v>
      </c>
      <c r="T24874">
        <v>41</v>
      </c>
      <c r="U24874">
        <v>41</v>
      </c>
      <c r="V24874">
        <v>42</v>
      </c>
      <c r="W24874">
        <v>42</v>
      </c>
      <c r="X24874">
        <v>43</v>
      </c>
      <c r="Y24874">
        <v>43</v>
      </c>
      <c r="Z24874">
        <v>44</v>
      </c>
      <c r="AA24874">
        <v>44</v>
      </c>
      <c r="AB24874">
        <v>45</v>
      </c>
      <c r="AC24874">
        <v>45</v>
      </c>
      <c r="AD24874">
        <v>46</v>
      </c>
      <c r="AE24874">
        <v>46</v>
      </c>
      <c r="AF24874">
        <v>46</v>
      </c>
      <c r="AG24874">
        <v>47</v>
      </c>
      <c r="AH24874">
        <v>47</v>
      </c>
      <c r="AI24874">
        <v>48</v>
      </c>
      <c r="AJ24874">
        <v>48</v>
      </c>
      <c r="AK24874">
        <v>49</v>
      </c>
      <c r="AL24874">
        <v>49</v>
      </c>
      <c r="AM24874">
        <v>49</v>
      </c>
      <c r="AN24874">
        <v>49</v>
      </c>
      <c r="AO24874">
        <v>49</v>
      </c>
      <c r="AP24874">
        <v>49</v>
      </c>
      <c r="AQ24874">
        <v>49</v>
      </c>
    </row>
    <row r="24875" spans="1:43">
      <c r="A24875" t="s">
        <v>15399</v>
      </c>
      <c r="B24875" t="s">
        <v>15400</v>
      </c>
      <c r="C24875" t="s">
        <v>15397</v>
      </c>
      <c r="D24875" t="s">
        <v>15398</v>
      </c>
      <c r="E24875" t="s">
        <v>15241</v>
      </c>
      <c r="F24875" t="s">
        <v>15242</v>
      </c>
      <c r="G24875" t="s">
        <v>10734</v>
      </c>
      <c r="H24875" t="s">
        <v>10735</v>
      </c>
      <c r="I24875" s="2">
        <v>1</v>
      </c>
      <c r="J24875" s="2">
        <v>0</v>
      </c>
      <c r="K24875" s="2">
        <v>0</v>
      </c>
      <c r="L24875" t="s">
        <v>120</v>
      </c>
      <c r="M24875" t="s">
        <v>87</v>
      </c>
      <c r="N24875" t="s">
        <v>88</v>
      </c>
      <c r="O24875" t="s">
        <v>85</v>
      </c>
      <c r="P24875" t="s">
        <v>86</v>
      </c>
      <c r="Q24875">
        <v>39</v>
      </c>
      <c r="R24875">
        <v>39</v>
      </c>
      <c r="S24875">
        <v>39</v>
      </c>
      <c r="T24875">
        <v>39</v>
      </c>
      <c r="U24875">
        <v>39</v>
      </c>
      <c r="V24875">
        <v>39</v>
      </c>
      <c r="W24875">
        <v>40</v>
      </c>
      <c r="X24875">
        <v>40</v>
      </c>
      <c r="Y24875">
        <v>40</v>
      </c>
      <c r="Z24875">
        <v>40</v>
      </c>
      <c r="AA24875">
        <v>40</v>
      </c>
      <c r="AB24875">
        <v>40</v>
      </c>
      <c r="AC24875">
        <v>41</v>
      </c>
      <c r="AD24875">
        <v>41</v>
      </c>
      <c r="AE24875">
        <v>41</v>
      </c>
      <c r="AF24875">
        <v>41</v>
      </c>
      <c r="AG24875">
        <v>41</v>
      </c>
      <c r="AH24875">
        <v>41</v>
      </c>
      <c r="AI24875">
        <v>41</v>
      </c>
      <c r="AJ24875">
        <v>41</v>
      </c>
      <c r="AK24875">
        <v>42</v>
      </c>
      <c r="AL24875">
        <v>42</v>
      </c>
      <c r="AM24875">
        <v>42</v>
      </c>
      <c r="AN24875">
        <v>42</v>
      </c>
      <c r="AO24875">
        <v>42</v>
      </c>
      <c r="AP24875">
        <v>42</v>
      </c>
      <c r="AQ24875">
        <v>42</v>
      </c>
    </row>
    <row r="24876" spans="1:43">
      <c r="A24876" t="s">
        <v>15399</v>
      </c>
      <c r="B24876" t="s">
        <v>15400</v>
      </c>
      <c r="C24876" t="s">
        <v>15397</v>
      </c>
      <c r="D24876" t="s">
        <v>15398</v>
      </c>
      <c r="E24876" t="s">
        <v>15241</v>
      </c>
      <c r="F24876" t="s">
        <v>15242</v>
      </c>
      <c r="G24876" t="s">
        <v>10734</v>
      </c>
      <c r="H24876" t="s">
        <v>10735</v>
      </c>
      <c r="I24876" s="2">
        <v>1</v>
      </c>
      <c r="J24876" s="2">
        <v>0</v>
      </c>
      <c r="K24876" s="2">
        <v>0</v>
      </c>
      <c r="L24876" t="s">
        <v>120</v>
      </c>
      <c r="M24876" t="s">
        <v>89</v>
      </c>
      <c r="N24876" t="s">
        <v>90</v>
      </c>
      <c r="O24876" t="s">
        <v>85</v>
      </c>
      <c r="P24876" t="s">
        <v>86</v>
      </c>
      <c r="Q24876">
        <v>39</v>
      </c>
      <c r="R24876">
        <v>40</v>
      </c>
      <c r="S24876">
        <v>41</v>
      </c>
      <c r="T24876">
        <v>42</v>
      </c>
      <c r="U24876">
        <v>43</v>
      </c>
      <c r="V24876">
        <v>44</v>
      </c>
      <c r="W24876">
        <v>44</v>
      </c>
      <c r="X24876">
        <v>45</v>
      </c>
      <c r="Y24876">
        <v>46</v>
      </c>
      <c r="Z24876">
        <v>46</v>
      </c>
      <c r="AA24876">
        <v>47</v>
      </c>
      <c r="AB24876">
        <v>48</v>
      </c>
      <c r="AC24876">
        <v>48</v>
      </c>
      <c r="AD24876">
        <v>49</v>
      </c>
      <c r="AE24876">
        <v>49</v>
      </c>
      <c r="AF24876">
        <v>49</v>
      </c>
      <c r="AG24876">
        <v>49</v>
      </c>
      <c r="AH24876">
        <v>49</v>
      </c>
      <c r="AI24876">
        <v>49</v>
      </c>
      <c r="AJ24876">
        <v>49</v>
      </c>
      <c r="AK24876">
        <v>49</v>
      </c>
      <c r="AL24876">
        <v>49</v>
      </c>
      <c r="AM24876">
        <v>49</v>
      </c>
      <c r="AN24876">
        <v>49</v>
      </c>
      <c r="AO24876">
        <v>49</v>
      </c>
      <c r="AP24876">
        <v>49</v>
      </c>
      <c r="AQ24876">
        <v>49</v>
      </c>
    </row>
    <row r="24877" spans="1:43">
      <c r="A24877" t="s">
        <v>15399</v>
      </c>
      <c r="B24877" t="s">
        <v>15400</v>
      </c>
      <c r="C24877" t="s">
        <v>15397</v>
      </c>
      <c r="D24877" t="s">
        <v>15398</v>
      </c>
      <c r="E24877" t="s">
        <v>15241</v>
      </c>
      <c r="F24877" t="s">
        <v>15242</v>
      </c>
      <c r="G24877" t="s">
        <v>10734</v>
      </c>
      <c r="H24877" t="s">
        <v>10735</v>
      </c>
      <c r="I24877" s="2">
        <v>1</v>
      </c>
      <c r="J24877" s="2">
        <v>0</v>
      </c>
      <c r="K24877" s="2">
        <v>0</v>
      </c>
      <c r="L24877" t="s">
        <v>120</v>
      </c>
      <c r="M24877" t="s">
        <v>83</v>
      </c>
      <c r="N24877" t="s">
        <v>91</v>
      </c>
      <c r="O24877" t="s">
        <v>85</v>
      </c>
      <c r="P24877" t="s">
        <v>86</v>
      </c>
      <c r="Q24877">
        <v>39</v>
      </c>
      <c r="R24877">
        <v>40</v>
      </c>
      <c r="S24877">
        <v>40</v>
      </c>
      <c r="T24877">
        <v>41</v>
      </c>
      <c r="U24877">
        <v>41</v>
      </c>
      <c r="V24877">
        <v>42</v>
      </c>
      <c r="W24877">
        <v>42</v>
      </c>
      <c r="X24877">
        <v>43</v>
      </c>
      <c r="Y24877">
        <v>43</v>
      </c>
      <c r="Z24877">
        <v>44</v>
      </c>
      <c r="AA24877">
        <v>44</v>
      </c>
      <c r="AB24877">
        <v>45</v>
      </c>
      <c r="AC24877">
        <v>45</v>
      </c>
      <c r="AD24877">
        <v>46</v>
      </c>
      <c r="AE24877">
        <v>46</v>
      </c>
      <c r="AF24877">
        <v>46</v>
      </c>
      <c r="AG24877">
        <v>47</v>
      </c>
      <c r="AH24877">
        <v>47</v>
      </c>
      <c r="AI24877">
        <v>48</v>
      </c>
      <c r="AJ24877">
        <v>48</v>
      </c>
      <c r="AK24877">
        <v>49</v>
      </c>
      <c r="AL24877">
        <v>49</v>
      </c>
      <c r="AM24877">
        <v>49</v>
      </c>
      <c r="AN24877">
        <v>49</v>
      </c>
      <c r="AO24877">
        <v>49</v>
      </c>
      <c r="AP24877">
        <v>49</v>
      </c>
      <c r="AQ24877">
        <v>49</v>
      </c>
    </row>
    <row r="24878" spans="1:43">
      <c r="A24878" t="s">
        <v>15401</v>
      </c>
      <c r="B24878" t="s">
        <v>15402</v>
      </c>
      <c r="C24878" t="s">
        <v>15403</v>
      </c>
      <c r="D24878" t="s">
        <v>15404</v>
      </c>
      <c r="E24878" t="s">
        <v>15241</v>
      </c>
      <c r="F24878" t="s">
        <v>15242</v>
      </c>
      <c r="G24878" t="s">
        <v>10734</v>
      </c>
      <c r="H24878" t="s">
        <v>10735</v>
      </c>
      <c r="I24878" s="2">
        <v>1</v>
      </c>
      <c r="J24878" s="2">
        <v>0</v>
      </c>
      <c r="K24878" s="2">
        <v>0</v>
      </c>
      <c r="L24878" t="s">
        <v>120</v>
      </c>
      <c r="M24878" t="s">
        <v>83</v>
      </c>
      <c r="N24878" t="s">
        <v>84</v>
      </c>
      <c r="O24878" t="s">
        <v>85</v>
      </c>
      <c r="P24878" t="s">
        <v>86</v>
      </c>
      <c r="Q24878">
        <v>5</v>
      </c>
      <c r="R24878">
        <v>5</v>
      </c>
      <c r="S24878">
        <v>5</v>
      </c>
      <c r="T24878">
        <v>5</v>
      </c>
      <c r="U24878">
        <v>5</v>
      </c>
      <c r="V24878">
        <v>5</v>
      </c>
      <c r="W24878">
        <v>5</v>
      </c>
      <c r="X24878">
        <v>5</v>
      </c>
      <c r="Y24878">
        <v>5</v>
      </c>
      <c r="Z24878">
        <v>5</v>
      </c>
      <c r="AA24878">
        <v>5</v>
      </c>
      <c r="AB24878">
        <v>5</v>
      </c>
      <c r="AC24878">
        <v>5</v>
      </c>
      <c r="AD24878">
        <v>5</v>
      </c>
      <c r="AE24878">
        <v>5</v>
      </c>
      <c r="AF24878">
        <v>5</v>
      </c>
      <c r="AG24878">
        <v>6</v>
      </c>
      <c r="AH24878">
        <v>6</v>
      </c>
      <c r="AI24878">
        <v>6</v>
      </c>
      <c r="AJ24878">
        <v>6</v>
      </c>
      <c r="AK24878">
        <v>6</v>
      </c>
      <c r="AL24878">
        <v>6</v>
      </c>
      <c r="AM24878">
        <v>6</v>
      </c>
      <c r="AN24878">
        <v>6</v>
      </c>
      <c r="AO24878">
        <v>6</v>
      </c>
      <c r="AP24878">
        <v>6</v>
      </c>
      <c r="AQ24878">
        <v>6</v>
      </c>
    </row>
    <row r="24879" spans="1:43">
      <c r="A24879" t="s">
        <v>15401</v>
      </c>
      <c r="B24879" t="s">
        <v>15402</v>
      </c>
      <c r="C24879" t="s">
        <v>15403</v>
      </c>
      <c r="D24879" t="s">
        <v>15404</v>
      </c>
      <c r="E24879" t="s">
        <v>15241</v>
      </c>
      <c r="F24879" t="s">
        <v>15242</v>
      </c>
      <c r="G24879" t="s">
        <v>10734</v>
      </c>
      <c r="H24879" t="s">
        <v>10735</v>
      </c>
      <c r="I24879" s="2">
        <v>1</v>
      </c>
      <c r="J24879" s="2">
        <v>0</v>
      </c>
      <c r="K24879" s="2">
        <v>0</v>
      </c>
      <c r="L24879" t="s">
        <v>120</v>
      </c>
      <c r="M24879" t="s">
        <v>87</v>
      </c>
      <c r="N24879" t="s">
        <v>88</v>
      </c>
      <c r="O24879" t="s">
        <v>85</v>
      </c>
      <c r="P24879" t="s">
        <v>86</v>
      </c>
      <c r="Q24879">
        <v>5</v>
      </c>
      <c r="R24879">
        <v>5</v>
      </c>
      <c r="S24879">
        <v>5</v>
      </c>
      <c r="T24879">
        <v>5</v>
      </c>
      <c r="U24879">
        <v>5</v>
      </c>
      <c r="V24879">
        <v>5</v>
      </c>
      <c r="W24879">
        <v>5</v>
      </c>
      <c r="X24879">
        <v>5</v>
      </c>
      <c r="Y24879">
        <v>5</v>
      </c>
      <c r="Z24879">
        <v>5</v>
      </c>
      <c r="AA24879">
        <v>5</v>
      </c>
      <c r="AB24879">
        <v>5</v>
      </c>
      <c r="AC24879">
        <v>5</v>
      </c>
      <c r="AD24879">
        <v>5</v>
      </c>
      <c r="AE24879">
        <v>5</v>
      </c>
      <c r="AF24879">
        <v>5</v>
      </c>
      <c r="AG24879">
        <v>5</v>
      </c>
      <c r="AH24879">
        <v>5</v>
      </c>
      <c r="AI24879">
        <v>5</v>
      </c>
      <c r="AJ24879">
        <v>5</v>
      </c>
      <c r="AK24879">
        <v>5</v>
      </c>
      <c r="AL24879">
        <v>5</v>
      </c>
      <c r="AM24879">
        <v>5</v>
      </c>
      <c r="AN24879">
        <v>5</v>
      </c>
      <c r="AO24879">
        <v>5</v>
      </c>
      <c r="AP24879">
        <v>5</v>
      </c>
      <c r="AQ24879">
        <v>5</v>
      </c>
    </row>
    <row r="24880" spans="1:43">
      <c r="A24880" t="s">
        <v>15401</v>
      </c>
      <c r="B24880" t="s">
        <v>15402</v>
      </c>
      <c r="C24880" t="s">
        <v>15403</v>
      </c>
      <c r="D24880" t="s">
        <v>15404</v>
      </c>
      <c r="E24880" t="s">
        <v>15241</v>
      </c>
      <c r="F24880" t="s">
        <v>15242</v>
      </c>
      <c r="G24880" t="s">
        <v>10734</v>
      </c>
      <c r="H24880" t="s">
        <v>10735</v>
      </c>
      <c r="I24880" s="2">
        <v>1</v>
      </c>
      <c r="J24880" s="2">
        <v>0</v>
      </c>
      <c r="K24880" s="2">
        <v>0</v>
      </c>
      <c r="L24880" t="s">
        <v>120</v>
      </c>
      <c r="M24880" t="s">
        <v>89</v>
      </c>
      <c r="N24880" t="s">
        <v>90</v>
      </c>
      <c r="O24880" t="s">
        <v>85</v>
      </c>
      <c r="P24880" t="s">
        <v>86</v>
      </c>
      <c r="Q24880">
        <v>5</v>
      </c>
      <c r="R24880">
        <v>5</v>
      </c>
      <c r="S24880">
        <v>5</v>
      </c>
      <c r="T24880">
        <v>5</v>
      </c>
      <c r="U24880">
        <v>5</v>
      </c>
      <c r="V24880">
        <v>5</v>
      </c>
      <c r="W24880">
        <v>5</v>
      </c>
      <c r="X24880">
        <v>5</v>
      </c>
      <c r="Y24880">
        <v>5</v>
      </c>
      <c r="Z24880">
        <v>5</v>
      </c>
      <c r="AA24880">
        <v>6</v>
      </c>
      <c r="AB24880">
        <v>6</v>
      </c>
      <c r="AC24880">
        <v>6</v>
      </c>
      <c r="AD24880">
        <v>6</v>
      </c>
      <c r="AE24880">
        <v>6</v>
      </c>
      <c r="AF24880">
        <v>6</v>
      </c>
      <c r="AG24880">
        <v>6</v>
      </c>
      <c r="AH24880">
        <v>6</v>
      </c>
      <c r="AI24880">
        <v>6</v>
      </c>
      <c r="AJ24880">
        <v>6</v>
      </c>
      <c r="AK24880">
        <v>6</v>
      </c>
      <c r="AL24880">
        <v>6</v>
      </c>
      <c r="AM24880">
        <v>6</v>
      </c>
      <c r="AN24880">
        <v>6</v>
      </c>
      <c r="AO24880">
        <v>6</v>
      </c>
      <c r="AP24880">
        <v>6</v>
      </c>
      <c r="AQ24880">
        <v>6</v>
      </c>
    </row>
    <row r="24881" spans="1:43">
      <c r="A24881" t="s">
        <v>15401</v>
      </c>
      <c r="B24881" t="s">
        <v>15402</v>
      </c>
      <c r="C24881" t="s">
        <v>15403</v>
      </c>
      <c r="D24881" t="s">
        <v>15404</v>
      </c>
      <c r="E24881" t="s">
        <v>15241</v>
      </c>
      <c r="F24881" t="s">
        <v>15242</v>
      </c>
      <c r="G24881" t="s">
        <v>10734</v>
      </c>
      <c r="H24881" t="s">
        <v>10735</v>
      </c>
      <c r="I24881" s="2">
        <v>1</v>
      </c>
      <c r="J24881" s="2">
        <v>0</v>
      </c>
      <c r="K24881" s="2">
        <v>0</v>
      </c>
      <c r="L24881" t="s">
        <v>120</v>
      </c>
      <c r="M24881" t="s">
        <v>83</v>
      </c>
      <c r="N24881" t="s">
        <v>91</v>
      </c>
      <c r="O24881" t="s">
        <v>85</v>
      </c>
      <c r="P24881" t="s">
        <v>86</v>
      </c>
      <c r="Q24881">
        <v>5</v>
      </c>
      <c r="R24881">
        <v>5</v>
      </c>
      <c r="S24881">
        <v>5</v>
      </c>
      <c r="T24881">
        <v>5</v>
      </c>
      <c r="U24881">
        <v>5</v>
      </c>
      <c r="V24881">
        <v>5</v>
      </c>
      <c r="W24881">
        <v>5</v>
      </c>
      <c r="X24881">
        <v>5</v>
      </c>
      <c r="Y24881">
        <v>5</v>
      </c>
      <c r="Z24881">
        <v>5</v>
      </c>
      <c r="AA24881">
        <v>5</v>
      </c>
      <c r="AB24881">
        <v>5</v>
      </c>
      <c r="AC24881">
        <v>5</v>
      </c>
      <c r="AD24881">
        <v>5</v>
      </c>
      <c r="AE24881">
        <v>5</v>
      </c>
      <c r="AF24881">
        <v>5</v>
      </c>
      <c r="AG24881">
        <v>6</v>
      </c>
      <c r="AH24881">
        <v>6</v>
      </c>
      <c r="AI24881">
        <v>6</v>
      </c>
      <c r="AJ24881">
        <v>6</v>
      </c>
      <c r="AK24881">
        <v>6</v>
      </c>
      <c r="AL24881">
        <v>6</v>
      </c>
      <c r="AM24881">
        <v>6</v>
      </c>
      <c r="AN24881">
        <v>6</v>
      </c>
      <c r="AO24881">
        <v>6</v>
      </c>
      <c r="AP24881">
        <v>6</v>
      </c>
      <c r="AQ24881">
        <v>6</v>
      </c>
    </row>
    <row r="24882" spans="1:43">
      <c r="A24882" t="s">
        <v>15405</v>
      </c>
      <c r="B24882" t="s">
        <v>15406</v>
      </c>
      <c r="C24882" t="s">
        <v>15403</v>
      </c>
      <c r="D24882" t="s">
        <v>15404</v>
      </c>
      <c r="E24882" t="s">
        <v>15241</v>
      </c>
      <c r="F24882" t="s">
        <v>15242</v>
      </c>
      <c r="G24882" t="s">
        <v>10734</v>
      </c>
      <c r="H24882" t="s">
        <v>10735</v>
      </c>
      <c r="I24882" s="2">
        <v>1</v>
      </c>
      <c r="J24882" s="2">
        <v>0</v>
      </c>
      <c r="K24882" s="2">
        <v>0</v>
      </c>
      <c r="L24882" t="s">
        <v>120</v>
      </c>
      <c r="M24882" t="s">
        <v>83</v>
      </c>
      <c r="N24882" t="s">
        <v>84</v>
      </c>
      <c r="O24882" t="s">
        <v>85</v>
      </c>
      <c r="P24882" t="s">
        <v>86</v>
      </c>
      <c r="Q24882">
        <v>6</v>
      </c>
      <c r="R24882">
        <v>7</v>
      </c>
      <c r="S24882">
        <v>7</v>
      </c>
      <c r="T24882">
        <v>7</v>
      </c>
      <c r="U24882">
        <v>7</v>
      </c>
      <c r="V24882">
        <v>7</v>
      </c>
      <c r="W24882">
        <v>7</v>
      </c>
      <c r="X24882">
        <v>7</v>
      </c>
      <c r="Y24882">
        <v>7</v>
      </c>
      <c r="Z24882">
        <v>7</v>
      </c>
      <c r="AA24882">
        <v>7</v>
      </c>
      <c r="AB24882">
        <v>7</v>
      </c>
      <c r="AC24882">
        <v>7</v>
      </c>
      <c r="AD24882">
        <v>8</v>
      </c>
      <c r="AE24882">
        <v>8</v>
      </c>
      <c r="AF24882">
        <v>8</v>
      </c>
      <c r="AG24882">
        <v>8</v>
      </c>
      <c r="AH24882">
        <v>8</v>
      </c>
      <c r="AI24882">
        <v>8</v>
      </c>
      <c r="AJ24882">
        <v>8</v>
      </c>
      <c r="AK24882">
        <v>8</v>
      </c>
      <c r="AL24882">
        <v>8</v>
      </c>
      <c r="AM24882">
        <v>8</v>
      </c>
      <c r="AN24882">
        <v>8</v>
      </c>
      <c r="AO24882">
        <v>8</v>
      </c>
      <c r="AP24882">
        <v>8</v>
      </c>
      <c r="AQ24882">
        <v>8</v>
      </c>
    </row>
    <row r="24883" spans="1:43">
      <c r="A24883" t="s">
        <v>15405</v>
      </c>
      <c r="B24883" t="s">
        <v>15406</v>
      </c>
      <c r="C24883" t="s">
        <v>15403</v>
      </c>
      <c r="D24883" t="s">
        <v>15404</v>
      </c>
      <c r="E24883" t="s">
        <v>15241</v>
      </c>
      <c r="F24883" t="s">
        <v>15242</v>
      </c>
      <c r="G24883" t="s">
        <v>10734</v>
      </c>
      <c r="H24883" t="s">
        <v>10735</v>
      </c>
      <c r="I24883" s="2">
        <v>1</v>
      </c>
      <c r="J24883" s="2">
        <v>0</v>
      </c>
      <c r="K24883" s="2">
        <v>0</v>
      </c>
      <c r="L24883" t="s">
        <v>120</v>
      </c>
      <c r="M24883" t="s">
        <v>87</v>
      </c>
      <c r="N24883" t="s">
        <v>88</v>
      </c>
      <c r="O24883" t="s">
        <v>85</v>
      </c>
      <c r="P24883" t="s">
        <v>86</v>
      </c>
      <c r="Q24883">
        <v>6</v>
      </c>
      <c r="R24883">
        <v>6</v>
      </c>
      <c r="S24883">
        <v>6</v>
      </c>
      <c r="T24883">
        <v>6</v>
      </c>
      <c r="U24883">
        <v>7</v>
      </c>
      <c r="V24883">
        <v>7</v>
      </c>
      <c r="W24883">
        <v>7</v>
      </c>
      <c r="X24883">
        <v>7</v>
      </c>
      <c r="Y24883">
        <v>7</v>
      </c>
      <c r="Z24883">
        <v>7</v>
      </c>
      <c r="AA24883">
        <v>7</v>
      </c>
      <c r="AB24883">
        <v>7</v>
      </c>
      <c r="AC24883">
        <v>7</v>
      </c>
      <c r="AD24883">
        <v>7</v>
      </c>
      <c r="AE24883">
        <v>7</v>
      </c>
      <c r="AF24883">
        <v>7</v>
      </c>
      <c r="AG24883">
        <v>7</v>
      </c>
      <c r="AH24883">
        <v>7</v>
      </c>
      <c r="AI24883">
        <v>7</v>
      </c>
      <c r="AJ24883">
        <v>7</v>
      </c>
      <c r="AK24883">
        <v>7</v>
      </c>
      <c r="AL24883">
        <v>7</v>
      </c>
      <c r="AM24883">
        <v>7</v>
      </c>
      <c r="AN24883">
        <v>7</v>
      </c>
      <c r="AO24883">
        <v>7</v>
      </c>
      <c r="AP24883">
        <v>7</v>
      </c>
      <c r="AQ24883">
        <v>7</v>
      </c>
    </row>
    <row r="24884" spans="1:43">
      <c r="A24884" t="s">
        <v>15405</v>
      </c>
      <c r="B24884" t="s">
        <v>15406</v>
      </c>
      <c r="C24884" t="s">
        <v>15403</v>
      </c>
      <c r="D24884" t="s">
        <v>15404</v>
      </c>
      <c r="E24884" t="s">
        <v>15241</v>
      </c>
      <c r="F24884" t="s">
        <v>15242</v>
      </c>
      <c r="G24884" t="s">
        <v>10734</v>
      </c>
      <c r="H24884" t="s">
        <v>10735</v>
      </c>
      <c r="I24884" s="2">
        <v>1</v>
      </c>
      <c r="J24884" s="2">
        <v>0</v>
      </c>
      <c r="K24884" s="2">
        <v>0</v>
      </c>
      <c r="L24884" t="s">
        <v>120</v>
      </c>
      <c r="M24884" t="s">
        <v>89</v>
      </c>
      <c r="N24884" t="s">
        <v>90</v>
      </c>
      <c r="O24884" t="s">
        <v>85</v>
      </c>
      <c r="P24884" t="s">
        <v>86</v>
      </c>
      <c r="Q24884">
        <v>6</v>
      </c>
      <c r="R24884">
        <v>6</v>
      </c>
      <c r="S24884">
        <v>6</v>
      </c>
      <c r="T24884">
        <v>6</v>
      </c>
      <c r="U24884">
        <v>6</v>
      </c>
      <c r="V24884">
        <v>6</v>
      </c>
      <c r="W24884">
        <v>6</v>
      </c>
      <c r="X24884">
        <v>6</v>
      </c>
      <c r="Y24884">
        <v>7</v>
      </c>
      <c r="Z24884">
        <v>7</v>
      </c>
      <c r="AA24884">
        <v>7</v>
      </c>
      <c r="AB24884">
        <v>7</v>
      </c>
      <c r="AC24884">
        <v>7</v>
      </c>
      <c r="AD24884">
        <v>7</v>
      </c>
      <c r="AE24884">
        <v>7</v>
      </c>
      <c r="AF24884">
        <v>7</v>
      </c>
      <c r="AG24884">
        <v>7</v>
      </c>
      <c r="AH24884">
        <v>7</v>
      </c>
      <c r="AI24884">
        <v>7</v>
      </c>
      <c r="AJ24884">
        <v>7</v>
      </c>
      <c r="AK24884">
        <v>7</v>
      </c>
      <c r="AL24884">
        <v>7</v>
      </c>
      <c r="AM24884">
        <v>7</v>
      </c>
      <c r="AN24884">
        <v>7</v>
      </c>
      <c r="AO24884">
        <v>7</v>
      </c>
      <c r="AP24884">
        <v>7</v>
      </c>
      <c r="AQ24884">
        <v>7</v>
      </c>
    </row>
    <row r="24885" spans="1:43">
      <c r="A24885" t="s">
        <v>15405</v>
      </c>
      <c r="B24885" t="s">
        <v>15406</v>
      </c>
      <c r="C24885" t="s">
        <v>15403</v>
      </c>
      <c r="D24885" t="s">
        <v>15404</v>
      </c>
      <c r="E24885" t="s">
        <v>15241</v>
      </c>
      <c r="F24885" t="s">
        <v>15242</v>
      </c>
      <c r="G24885" t="s">
        <v>10734</v>
      </c>
      <c r="H24885" t="s">
        <v>10735</v>
      </c>
      <c r="I24885" s="2">
        <v>1</v>
      </c>
      <c r="J24885" s="2">
        <v>0</v>
      </c>
      <c r="K24885" s="2">
        <v>0</v>
      </c>
      <c r="L24885" t="s">
        <v>120</v>
      </c>
      <c r="M24885" t="s">
        <v>83</v>
      </c>
      <c r="N24885" t="s">
        <v>91</v>
      </c>
      <c r="O24885" t="s">
        <v>85</v>
      </c>
      <c r="P24885" t="s">
        <v>86</v>
      </c>
      <c r="Q24885">
        <v>6</v>
      </c>
      <c r="R24885">
        <v>7</v>
      </c>
      <c r="S24885">
        <v>7</v>
      </c>
      <c r="T24885">
        <v>7</v>
      </c>
      <c r="U24885">
        <v>7</v>
      </c>
      <c r="V24885">
        <v>7</v>
      </c>
      <c r="W24885">
        <v>7</v>
      </c>
      <c r="X24885">
        <v>7</v>
      </c>
      <c r="Y24885">
        <v>7</v>
      </c>
      <c r="Z24885">
        <v>7</v>
      </c>
      <c r="AA24885">
        <v>7</v>
      </c>
      <c r="AB24885">
        <v>7</v>
      </c>
      <c r="AC24885">
        <v>7</v>
      </c>
      <c r="AD24885">
        <v>8</v>
      </c>
      <c r="AE24885">
        <v>8</v>
      </c>
      <c r="AF24885">
        <v>8</v>
      </c>
      <c r="AG24885">
        <v>8</v>
      </c>
      <c r="AH24885">
        <v>8</v>
      </c>
      <c r="AI24885">
        <v>8</v>
      </c>
      <c r="AJ24885">
        <v>8</v>
      </c>
      <c r="AK24885">
        <v>8</v>
      </c>
      <c r="AL24885">
        <v>8</v>
      </c>
      <c r="AM24885">
        <v>8</v>
      </c>
      <c r="AN24885">
        <v>8</v>
      </c>
      <c r="AO24885">
        <v>8</v>
      </c>
      <c r="AP24885">
        <v>8</v>
      </c>
      <c r="AQ24885">
        <v>8</v>
      </c>
    </row>
    <row r="24886" spans="1:43">
      <c r="A24886" t="s">
        <v>15407</v>
      </c>
      <c r="B24886" t="s">
        <v>15408</v>
      </c>
      <c r="C24886" t="s">
        <v>15403</v>
      </c>
      <c r="D24886" t="s">
        <v>15404</v>
      </c>
      <c r="E24886" t="s">
        <v>15241</v>
      </c>
      <c r="F24886" t="s">
        <v>15242</v>
      </c>
      <c r="G24886" t="s">
        <v>10734</v>
      </c>
      <c r="H24886" t="s">
        <v>10735</v>
      </c>
      <c r="I24886" s="2">
        <v>1</v>
      </c>
      <c r="J24886" s="2">
        <v>0</v>
      </c>
      <c r="K24886" s="2">
        <v>0</v>
      </c>
      <c r="L24886" t="s">
        <v>120</v>
      </c>
      <c r="M24886" t="s">
        <v>83</v>
      </c>
      <c r="N24886" t="s">
        <v>84</v>
      </c>
      <c r="O24886" t="s">
        <v>85</v>
      </c>
      <c r="P24886" t="s">
        <v>86</v>
      </c>
      <c r="Q24886">
        <v>9</v>
      </c>
      <c r="R24886">
        <v>9</v>
      </c>
      <c r="S24886">
        <v>10</v>
      </c>
      <c r="T24886">
        <v>10</v>
      </c>
      <c r="U24886">
        <v>10</v>
      </c>
      <c r="V24886">
        <v>10</v>
      </c>
      <c r="W24886">
        <v>10</v>
      </c>
      <c r="X24886">
        <v>10</v>
      </c>
      <c r="Y24886">
        <v>10</v>
      </c>
      <c r="Z24886">
        <v>10</v>
      </c>
      <c r="AA24886">
        <v>10</v>
      </c>
      <c r="AB24886">
        <v>11</v>
      </c>
      <c r="AC24886">
        <v>11</v>
      </c>
      <c r="AD24886">
        <v>11</v>
      </c>
      <c r="AE24886">
        <v>11</v>
      </c>
      <c r="AF24886">
        <v>11</v>
      </c>
      <c r="AG24886">
        <v>11</v>
      </c>
      <c r="AH24886">
        <v>11</v>
      </c>
      <c r="AI24886">
        <v>11</v>
      </c>
      <c r="AJ24886">
        <v>11</v>
      </c>
      <c r="AK24886">
        <v>12</v>
      </c>
      <c r="AL24886">
        <v>12</v>
      </c>
      <c r="AM24886">
        <v>12</v>
      </c>
      <c r="AN24886">
        <v>12</v>
      </c>
      <c r="AO24886">
        <v>12</v>
      </c>
      <c r="AP24886">
        <v>12</v>
      </c>
      <c r="AQ24886">
        <v>12</v>
      </c>
    </row>
    <row r="24887" spans="1:43">
      <c r="A24887" t="s">
        <v>15407</v>
      </c>
      <c r="B24887" t="s">
        <v>15408</v>
      </c>
      <c r="C24887" t="s">
        <v>15403</v>
      </c>
      <c r="D24887" t="s">
        <v>15404</v>
      </c>
      <c r="E24887" t="s">
        <v>15241</v>
      </c>
      <c r="F24887" t="s">
        <v>15242</v>
      </c>
      <c r="G24887" t="s">
        <v>10734</v>
      </c>
      <c r="H24887" t="s">
        <v>10735</v>
      </c>
      <c r="I24887" s="2">
        <v>1</v>
      </c>
      <c r="J24887" s="2">
        <v>0</v>
      </c>
      <c r="K24887" s="2">
        <v>0</v>
      </c>
      <c r="L24887" t="s">
        <v>120</v>
      </c>
      <c r="M24887" t="s">
        <v>87</v>
      </c>
      <c r="N24887" t="s">
        <v>88</v>
      </c>
      <c r="O24887" t="s">
        <v>85</v>
      </c>
      <c r="P24887" t="s">
        <v>86</v>
      </c>
      <c r="Q24887">
        <v>9</v>
      </c>
      <c r="R24887">
        <v>9</v>
      </c>
      <c r="S24887">
        <v>9</v>
      </c>
      <c r="T24887">
        <v>9</v>
      </c>
      <c r="U24887">
        <v>9</v>
      </c>
      <c r="V24887">
        <v>9</v>
      </c>
      <c r="W24887">
        <v>9</v>
      </c>
      <c r="X24887">
        <v>9</v>
      </c>
      <c r="Y24887">
        <v>9</v>
      </c>
      <c r="Z24887">
        <v>10</v>
      </c>
      <c r="AA24887">
        <v>10</v>
      </c>
      <c r="AB24887">
        <v>10</v>
      </c>
      <c r="AC24887">
        <v>10</v>
      </c>
      <c r="AD24887">
        <v>10</v>
      </c>
      <c r="AE24887">
        <v>10</v>
      </c>
      <c r="AF24887">
        <v>10</v>
      </c>
      <c r="AG24887">
        <v>10</v>
      </c>
      <c r="AH24887">
        <v>10</v>
      </c>
      <c r="AI24887">
        <v>10</v>
      </c>
      <c r="AJ24887">
        <v>10</v>
      </c>
      <c r="AK24887">
        <v>10</v>
      </c>
      <c r="AL24887">
        <v>10</v>
      </c>
      <c r="AM24887">
        <v>10</v>
      </c>
      <c r="AN24887">
        <v>10</v>
      </c>
      <c r="AO24887">
        <v>10</v>
      </c>
      <c r="AP24887">
        <v>10</v>
      </c>
      <c r="AQ24887">
        <v>10</v>
      </c>
    </row>
    <row r="24888" spans="1:43">
      <c r="A24888" t="s">
        <v>15407</v>
      </c>
      <c r="B24888" t="s">
        <v>15408</v>
      </c>
      <c r="C24888" t="s">
        <v>15403</v>
      </c>
      <c r="D24888" t="s">
        <v>15404</v>
      </c>
      <c r="E24888" t="s">
        <v>15241</v>
      </c>
      <c r="F24888" t="s">
        <v>15242</v>
      </c>
      <c r="G24888" t="s">
        <v>10734</v>
      </c>
      <c r="H24888" t="s">
        <v>10735</v>
      </c>
      <c r="I24888" s="2">
        <v>1</v>
      </c>
      <c r="J24888" s="2">
        <v>0</v>
      </c>
      <c r="K24888" s="2">
        <v>0</v>
      </c>
      <c r="L24888" t="s">
        <v>120</v>
      </c>
      <c r="M24888" t="s">
        <v>89</v>
      </c>
      <c r="N24888" t="s">
        <v>90</v>
      </c>
      <c r="O24888" t="s">
        <v>85</v>
      </c>
      <c r="P24888" t="s">
        <v>86</v>
      </c>
      <c r="Q24888">
        <v>9</v>
      </c>
      <c r="R24888">
        <v>10</v>
      </c>
      <c r="S24888">
        <v>10</v>
      </c>
      <c r="T24888">
        <v>10</v>
      </c>
      <c r="U24888">
        <v>10</v>
      </c>
      <c r="V24888">
        <v>10</v>
      </c>
      <c r="W24888">
        <v>11</v>
      </c>
      <c r="X24888">
        <v>11</v>
      </c>
      <c r="Y24888">
        <v>11</v>
      </c>
      <c r="Z24888">
        <v>11</v>
      </c>
      <c r="AA24888">
        <v>11</v>
      </c>
      <c r="AB24888">
        <v>11</v>
      </c>
      <c r="AC24888">
        <v>11</v>
      </c>
      <c r="AD24888">
        <v>12</v>
      </c>
      <c r="AE24888">
        <v>12</v>
      </c>
      <c r="AF24888">
        <v>12</v>
      </c>
      <c r="AG24888">
        <v>12</v>
      </c>
      <c r="AH24888">
        <v>12</v>
      </c>
      <c r="AI24888">
        <v>12</v>
      </c>
      <c r="AJ24888">
        <v>12</v>
      </c>
      <c r="AK24888">
        <v>12</v>
      </c>
      <c r="AL24888">
        <v>12</v>
      </c>
      <c r="AM24888">
        <v>12</v>
      </c>
      <c r="AN24888">
        <v>12</v>
      </c>
      <c r="AO24888">
        <v>12</v>
      </c>
      <c r="AP24888">
        <v>12</v>
      </c>
      <c r="AQ24888">
        <v>12</v>
      </c>
    </row>
    <row r="24889" spans="1:43">
      <c r="A24889" t="s">
        <v>15407</v>
      </c>
      <c r="B24889" t="s">
        <v>15408</v>
      </c>
      <c r="C24889" t="s">
        <v>15403</v>
      </c>
      <c r="D24889" t="s">
        <v>15404</v>
      </c>
      <c r="E24889" t="s">
        <v>15241</v>
      </c>
      <c r="F24889" t="s">
        <v>15242</v>
      </c>
      <c r="G24889" t="s">
        <v>10734</v>
      </c>
      <c r="H24889" t="s">
        <v>10735</v>
      </c>
      <c r="I24889" s="2">
        <v>1</v>
      </c>
      <c r="J24889" s="2">
        <v>0</v>
      </c>
      <c r="K24889" s="2">
        <v>0</v>
      </c>
      <c r="L24889" t="s">
        <v>120</v>
      </c>
      <c r="M24889" t="s">
        <v>83</v>
      </c>
      <c r="N24889" t="s">
        <v>91</v>
      </c>
      <c r="O24889" t="s">
        <v>85</v>
      </c>
      <c r="P24889" t="s">
        <v>86</v>
      </c>
      <c r="Q24889">
        <v>9</v>
      </c>
      <c r="R24889">
        <v>9</v>
      </c>
      <c r="S24889">
        <v>10</v>
      </c>
      <c r="T24889">
        <v>10</v>
      </c>
      <c r="U24889">
        <v>10</v>
      </c>
      <c r="V24889">
        <v>10</v>
      </c>
      <c r="W24889">
        <v>10</v>
      </c>
      <c r="X24889">
        <v>10</v>
      </c>
      <c r="Y24889">
        <v>10</v>
      </c>
      <c r="Z24889">
        <v>10</v>
      </c>
      <c r="AA24889">
        <v>10</v>
      </c>
      <c r="AB24889">
        <v>11</v>
      </c>
      <c r="AC24889">
        <v>11</v>
      </c>
      <c r="AD24889">
        <v>11</v>
      </c>
      <c r="AE24889">
        <v>11</v>
      </c>
      <c r="AF24889">
        <v>11</v>
      </c>
      <c r="AG24889">
        <v>11</v>
      </c>
      <c r="AH24889">
        <v>11</v>
      </c>
      <c r="AI24889">
        <v>11</v>
      </c>
      <c r="AJ24889">
        <v>11</v>
      </c>
      <c r="AK24889">
        <v>12</v>
      </c>
      <c r="AL24889">
        <v>12</v>
      </c>
      <c r="AM24889">
        <v>12</v>
      </c>
      <c r="AN24889">
        <v>12</v>
      </c>
      <c r="AO24889">
        <v>12</v>
      </c>
      <c r="AP24889">
        <v>12</v>
      </c>
      <c r="AQ24889">
        <v>12</v>
      </c>
    </row>
    <row r="24890" spans="1:43">
      <c r="A24890" t="s">
        <v>15409</v>
      </c>
      <c r="B24890" t="s">
        <v>15410</v>
      </c>
      <c r="C24890" t="s">
        <v>15403</v>
      </c>
      <c r="D24890" t="s">
        <v>15404</v>
      </c>
      <c r="E24890" t="s">
        <v>15241</v>
      </c>
      <c r="F24890" t="s">
        <v>15242</v>
      </c>
      <c r="G24890" t="s">
        <v>10734</v>
      </c>
      <c r="H24890" t="s">
        <v>10735</v>
      </c>
      <c r="I24890" s="2">
        <v>1</v>
      </c>
      <c r="J24890" s="2">
        <v>0</v>
      </c>
      <c r="K24890" s="2">
        <v>0</v>
      </c>
      <c r="L24890" t="s">
        <v>120</v>
      </c>
      <c r="M24890" t="s">
        <v>83</v>
      </c>
      <c r="N24890" t="s">
        <v>84</v>
      </c>
      <c r="O24890" t="s">
        <v>85</v>
      </c>
      <c r="P24890" t="s">
        <v>86</v>
      </c>
      <c r="Q24890">
        <v>7</v>
      </c>
      <c r="R24890">
        <v>7</v>
      </c>
      <c r="S24890">
        <v>7</v>
      </c>
      <c r="T24890">
        <v>7</v>
      </c>
      <c r="U24890">
        <v>7</v>
      </c>
      <c r="V24890">
        <v>7</v>
      </c>
      <c r="W24890">
        <v>8</v>
      </c>
      <c r="X24890">
        <v>8</v>
      </c>
      <c r="Y24890">
        <v>8</v>
      </c>
      <c r="Z24890">
        <v>8</v>
      </c>
      <c r="AA24890">
        <v>8</v>
      </c>
      <c r="AB24890">
        <v>8</v>
      </c>
      <c r="AC24890">
        <v>8</v>
      </c>
      <c r="AD24890">
        <v>8</v>
      </c>
      <c r="AE24890">
        <v>8</v>
      </c>
      <c r="AF24890">
        <v>8</v>
      </c>
      <c r="AG24890">
        <v>8</v>
      </c>
      <c r="AH24890">
        <v>8</v>
      </c>
      <c r="AI24890">
        <v>9</v>
      </c>
      <c r="AJ24890">
        <v>9</v>
      </c>
      <c r="AK24890">
        <v>9</v>
      </c>
      <c r="AL24890">
        <v>9</v>
      </c>
      <c r="AM24890">
        <v>9</v>
      </c>
      <c r="AN24890">
        <v>9</v>
      </c>
      <c r="AO24890">
        <v>9</v>
      </c>
      <c r="AP24890">
        <v>9</v>
      </c>
      <c r="AQ24890">
        <v>9</v>
      </c>
    </row>
    <row r="24891" spans="1:43">
      <c r="A24891" t="s">
        <v>15409</v>
      </c>
      <c r="B24891" t="s">
        <v>15410</v>
      </c>
      <c r="C24891" t="s">
        <v>15403</v>
      </c>
      <c r="D24891" t="s">
        <v>15404</v>
      </c>
      <c r="E24891" t="s">
        <v>15241</v>
      </c>
      <c r="F24891" t="s">
        <v>15242</v>
      </c>
      <c r="G24891" t="s">
        <v>10734</v>
      </c>
      <c r="H24891" t="s">
        <v>10735</v>
      </c>
      <c r="I24891" s="2">
        <v>1</v>
      </c>
      <c r="J24891" s="2">
        <v>0</v>
      </c>
      <c r="K24891" s="2">
        <v>0</v>
      </c>
      <c r="L24891" t="s">
        <v>120</v>
      </c>
      <c r="M24891" t="s">
        <v>87</v>
      </c>
      <c r="N24891" t="s">
        <v>88</v>
      </c>
      <c r="O24891" t="s">
        <v>85</v>
      </c>
      <c r="P24891" t="s">
        <v>86</v>
      </c>
      <c r="Q24891">
        <v>7</v>
      </c>
      <c r="R24891">
        <v>7</v>
      </c>
      <c r="S24891">
        <v>7</v>
      </c>
      <c r="T24891">
        <v>7</v>
      </c>
      <c r="U24891">
        <v>7</v>
      </c>
      <c r="V24891">
        <v>7</v>
      </c>
      <c r="W24891">
        <v>7</v>
      </c>
      <c r="X24891">
        <v>7</v>
      </c>
      <c r="Y24891">
        <v>7</v>
      </c>
      <c r="Z24891">
        <v>7</v>
      </c>
      <c r="AA24891">
        <v>7</v>
      </c>
      <c r="AB24891">
        <v>7</v>
      </c>
      <c r="AC24891">
        <v>7</v>
      </c>
      <c r="AD24891">
        <v>7</v>
      </c>
      <c r="AE24891">
        <v>7</v>
      </c>
      <c r="AF24891">
        <v>7</v>
      </c>
      <c r="AG24891">
        <v>7</v>
      </c>
      <c r="AH24891">
        <v>7</v>
      </c>
      <c r="AI24891">
        <v>7</v>
      </c>
      <c r="AJ24891">
        <v>7</v>
      </c>
      <c r="AK24891">
        <v>7</v>
      </c>
      <c r="AL24891">
        <v>8</v>
      </c>
      <c r="AM24891">
        <v>8</v>
      </c>
      <c r="AN24891">
        <v>8</v>
      </c>
      <c r="AO24891">
        <v>8</v>
      </c>
      <c r="AP24891">
        <v>8</v>
      </c>
      <c r="AQ24891">
        <v>8</v>
      </c>
    </row>
    <row r="24892" spans="1:43">
      <c r="A24892" t="s">
        <v>15409</v>
      </c>
      <c r="B24892" t="s">
        <v>15410</v>
      </c>
      <c r="C24892" t="s">
        <v>15403</v>
      </c>
      <c r="D24892" t="s">
        <v>15404</v>
      </c>
      <c r="E24892" t="s">
        <v>15241</v>
      </c>
      <c r="F24892" t="s">
        <v>15242</v>
      </c>
      <c r="G24892" t="s">
        <v>10734</v>
      </c>
      <c r="H24892" t="s">
        <v>10735</v>
      </c>
      <c r="I24892" s="2">
        <v>1</v>
      </c>
      <c r="J24892" s="2">
        <v>0</v>
      </c>
      <c r="K24892" s="2">
        <v>0</v>
      </c>
      <c r="L24892" t="s">
        <v>120</v>
      </c>
      <c r="M24892" t="s">
        <v>89</v>
      </c>
      <c r="N24892" t="s">
        <v>90</v>
      </c>
      <c r="O24892" t="s">
        <v>85</v>
      </c>
      <c r="P24892" t="s">
        <v>86</v>
      </c>
      <c r="Q24892">
        <v>7</v>
      </c>
      <c r="R24892">
        <v>7</v>
      </c>
      <c r="S24892">
        <v>7</v>
      </c>
      <c r="T24892">
        <v>8</v>
      </c>
      <c r="U24892">
        <v>8</v>
      </c>
      <c r="V24892">
        <v>8</v>
      </c>
      <c r="W24892">
        <v>8</v>
      </c>
      <c r="X24892">
        <v>8</v>
      </c>
      <c r="Y24892">
        <v>8</v>
      </c>
      <c r="Z24892">
        <v>8</v>
      </c>
      <c r="AA24892">
        <v>8</v>
      </c>
      <c r="AB24892">
        <v>9</v>
      </c>
      <c r="AC24892">
        <v>9</v>
      </c>
      <c r="AD24892">
        <v>9</v>
      </c>
      <c r="AE24892">
        <v>9</v>
      </c>
      <c r="AF24892">
        <v>9</v>
      </c>
      <c r="AG24892">
        <v>9</v>
      </c>
      <c r="AH24892">
        <v>9</v>
      </c>
      <c r="AI24892">
        <v>9</v>
      </c>
      <c r="AJ24892">
        <v>9</v>
      </c>
      <c r="AK24892">
        <v>9</v>
      </c>
      <c r="AL24892">
        <v>9</v>
      </c>
      <c r="AM24892">
        <v>9</v>
      </c>
      <c r="AN24892">
        <v>9</v>
      </c>
      <c r="AO24892">
        <v>9</v>
      </c>
      <c r="AP24892">
        <v>9</v>
      </c>
      <c r="AQ24892">
        <v>9</v>
      </c>
    </row>
    <row r="24893" spans="1:43">
      <c r="A24893" t="s">
        <v>15409</v>
      </c>
      <c r="B24893" t="s">
        <v>15410</v>
      </c>
      <c r="C24893" t="s">
        <v>15403</v>
      </c>
      <c r="D24893" t="s">
        <v>15404</v>
      </c>
      <c r="E24893" t="s">
        <v>15241</v>
      </c>
      <c r="F24893" t="s">
        <v>15242</v>
      </c>
      <c r="G24893" t="s">
        <v>10734</v>
      </c>
      <c r="H24893" t="s">
        <v>10735</v>
      </c>
      <c r="I24893" s="2">
        <v>1</v>
      </c>
      <c r="J24893" s="2">
        <v>0</v>
      </c>
      <c r="K24893" s="2">
        <v>0</v>
      </c>
      <c r="L24893" t="s">
        <v>120</v>
      </c>
      <c r="M24893" t="s">
        <v>83</v>
      </c>
      <c r="N24893" t="s">
        <v>91</v>
      </c>
      <c r="O24893" t="s">
        <v>85</v>
      </c>
      <c r="P24893" t="s">
        <v>86</v>
      </c>
      <c r="Q24893">
        <v>7</v>
      </c>
      <c r="R24893">
        <v>7</v>
      </c>
      <c r="S24893">
        <v>7</v>
      </c>
      <c r="T24893">
        <v>7</v>
      </c>
      <c r="U24893">
        <v>7</v>
      </c>
      <c r="V24893">
        <v>7</v>
      </c>
      <c r="W24893">
        <v>8</v>
      </c>
      <c r="X24893">
        <v>8</v>
      </c>
      <c r="Y24893">
        <v>8</v>
      </c>
      <c r="Z24893">
        <v>8</v>
      </c>
      <c r="AA24893">
        <v>8</v>
      </c>
      <c r="AB24893">
        <v>8</v>
      </c>
      <c r="AC24893">
        <v>8</v>
      </c>
      <c r="AD24893">
        <v>8</v>
      </c>
      <c r="AE24893">
        <v>8</v>
      </c>
      <c r="AF24893">
        <v>8</v>
      </c>
      <c r="AG24893">
        <v>8</v>
      </c>
      <c r="AH24893">
        <v>8</v>
      </c>
      <c r="AI24893">
        <v>9</v>
      </c>
      <c r="AJ24893">
        <v>9</v>
      </c>
      <c r="AK24893">
        <v>9</v>
      </c>
      <c r="AL24893">
        <v>9</v>
      </c>
      <c r="AM24893">
        <v>9</v>
      </c>
      <c r="AN24893">
        <v>9</v>
      </c>
      <c r="AO24893">
        <v>9</v>
      </c>
      <c r="AP24893">
        <v>9</v>
      </c>
      <c r="AQ24893">
        <v>9</v>
      </c>
    </row>
    <row r="24894" spans="1:43">
      <c r="A24894" t="s">
        <v>15411</v>
      </c>
      <c r="B24894" t="s">
        <v>15412</v>
      </c>
      <c r="C24894" t="s">
        <v>15403</v>
      </c>
      <c r="D24894" t="s">
        <v>15404</v>
      </c>
      <c r="E24894" t="s">
        <v>15241</v>
      </c>
      <c r="F24894" t="s">
        <v>15242</v>
      </c>
      <c r="G24894" t="s">
        <v>10734</v>
      </c>
      <c r="H24894" t="s">
        <v>10735</v>
      </c>
      <c r="I24894" s="2">
        <v>1</v>
      </c>
      <c r="J24894" s="2">
        <v>0</v>
      </c>
      <c r="K24894" s="2">
        <v>0</v>
      </c>
      <c r="L24894" t="s">
        <v>120</v>
      </c>
      <c r="M24894" t="s">
        <v>83</v>
      </c>
      <c r="N24894" t="s">
        <v>84</v>
      </c>
      <c r="O24894" t="s">
        <v>85</v>
      </c>
      <c r="P24894" t="s">
        <v>86</v>
      </c>
      <c r="Q24894">
        <v>15</v>
      </c>
      <c r="R24894">
        <v>15</v>
      </c>
      <c r="S24894">
        <v>16</v>
      </c>
      <c r="T24894">
        <v>16</v>
      </c>
      <c r="U24894">
        <v>16</v>
      </c>
      <c r="V24894">
        <v>16</v>
      </c>
      <c r="W24894">
        <v>16</v>
      </c>
      <c r="X24894">
        <v>17</v>
      </c>
      <c r="Y24894">
        <v>17</v>
      </c>
      <c r="Z24894">
        <v>17</v>
      </c>
      <c r="AA24894">
        <v>17</v>
      </c>
      <c r="AB24894">
        <v>17</v>
      </c>
      <c r="AC24894">
        <v>18</v>
      </c>
      <c r="AD24894">
        <v>18</v>
      </c>
      <c r="AE24894">
        <v>18</v>
      </c>
      <c r="AF24894">
        <v>18</v>
      </c>
      <c r="AG24894">
        <v>18</v>
      </c>
      <c r="AH24894">
        <v>19</v>
      </c>
      <c r="AI24894">
        <v>19</v>
      </c>
      <c r="AJ24894">
        <v>19</v>
      </c>
      <c r="AK24894">
        <v>19</v>
      </c>
      <c r="AL24894">
        <v>19</v>
      </c>
      <c r="AM24894">
        <v>19</v>
      </c>
      <c r="AN24894">
        <v>19</v>
      </c>
      <c r="AO24894">
        <v>19</v>
      </c>
      <c r="AP24894">
        <v>19</v>
      </c>
      <c r="AQ24894">
        <v>19</v>
      </c>
    </row>
    <row r="24895" spans="1:43">
      <c r="A24895" t="s">
        <v>15411</v>
      </c>
      <c r="B24895" t="s">
        <v>15412</v>
      </c>
      <c r="C24895" t="s">
        <v>15403</v>
      </c>
      <c r="D24895" t="s">
        <v>15404</v>
      </c>
      <c r="E24895" t="s">
        <v>15241</v>
      </c>
      <c r="F24895" t="s">
        <v>15242</v>
      </c>
      <c r="G24895" t="s">
        <v>10734</v>
      </c>
      <c r="H24895" t="s">
        <v>10735</v>
      </c>
      <c r="I24895" s="2">
        <v>1</v>
      </c>
      <c r="J24895" s="2">
        <v>0</v>
      </c>
      <c r="K24895" s="2">
        <v>0</v>
      </c>
      <c r="L24895" t="s">
        <v>120</v>
      </c>
      <c r="M24895" t="s">
        <v>87</v>
      </c>
      <c r="N24895" t="s">
        <v>88</v>
      </c>
      <c r="O24895" t="s">
        <v>85</v>
      </c>
      <c r="P24895" t="s">
        <v>86</v>
      </c>
      <c r="Q24895">
        <v>15</v>
      </c>
      <c r="R24895">
        <v>15</v>
      </c>
      <c r="S24895">
        <v>15</v>
      </c>
      <c r="T24895">
        <v>15</v>
      </c>
      <c r="U24895">
        <v>15</v>
      </c>
      <c r="V24895">
        <v>15</v>
      </c>
      <c r="W24895">
        <v>15</v>
      </c>
      <c r="X24895">
        <v>16</v>
      </c>
      <c r="Y24895">
        <v>16</v>
      </c>
      <c r="Z24895">
        <v>16</v>
      </c>
      <c r="AA24895">
        <v>16</v>
      </c>
      <c r="AB24895">
        <v>16</v>
      </c>
      <c r="AC24895">
        <v>16</v>
      </c>
      <c r="AD24895">
        <v>16</v>
      </c>
      <c r="AE24895">
        <v>16</v>
      </c>
      <c r="AF24895">
        <v>16</v>
      </c>
      <c r="AG24895">
        <v>16</v>
      </c>
      <c r="AH24895">
        <v>16</v>
      </c>
      <c r="AI24895">
        <v>16</v>
      </c>
      <c r="AJ24895">
        <v>16</v>
      </c>
      <c r="AK24895">
        <v>16</v>
      </c>
      <c r="AL24895">
        <v>16</v>
      </c>
      <c r="AM24895">
        <v>16</v>
      </c>
      <c r="AN24895">
        <v>16</v>
      </c>
      <c r="AO24895">
        <v>16</v>
      </c>
      <c r="AP24895">
        <v>17</v>
      </c>
      <c r="AQ24895">
        <v>17</v>
      </c>
    </row>
    <row r="24896" spans="1:43">
      <c r="A24896" t="s">
        <v>15411</v>
      </c>
      <c r="B24896" t="s">
        <v>15412</v>
      </c>
      <c r="C24896" t="s">
        <v>15403</v>
      </c>
      <c r="D24896" t="s">
        <v>15404</v>
      </c>
      <c r="E24896" t="s">
        <v>15241</v>
      </c>
      <c r="F24896" t="s">
        <v>15242</v>
      </c>
      <c r="G24896" t="s">
        <v>10734</v>
      </c>
      <c r="H24896" t="s">
        <v>10735</v>
      </c>
      <c r="I24896" s="2">
        <v>1</v>
      </c>
      <c r="J24896" s="2">
        <v>0</v>
      </c>
      <c r="K24896" s="2">
        <v>0</v>
      </c>
      <c r="L24896" t="s">
        <v>120</v>
      </c>
      <c r="M24896" t="s">
        <v>89</v>
      </c>
      <c r="N24896" t="s">
        <v>90</v>
      </c>
      <c r="O24896" t="s">
        <v>85</v>
      </c>
      <c r="P24896" t="s">
        <v>86</v>
      </c>
      <c r="Q24896">
        <v>15</v>
      </c>
      <c r="R24896">
        <v>16</v>
      </c>
      <c r="S24896">
        <v>16</v>
      </c>
      <c r="T24896">
        <v>16</v>
      </c>
      <c r="U24896">
        <v>17</v>
      </c>
      <c r="V24896">
        <v>17</v>
      </c>
      <c r="W24896">
        <v>17</v>
      </c>
      <c r="X24896">
        <v>18</v>
      </c>
      <c r="Y24896">
        <v>18</v>
      </c>
      <c r="Z24896">
        <v>18</v>
      </c>
      <c r="AA24896">
        <v>18</v>
      </c>
      <c r="AB24896">
        <v>19</v>
      </c>
      <c r="AC24896">
        <v>19</v>
      </c>
      <c r="AD24896">
        <v>19</v>
      </c>
      <c r="AE24896">
        <v>19</v>
      </c>
      <c r="AF24896">
        <v>19</v>
      </c>
      <c r="AG24896">
        <v>19</v>
      </c>
      <c r="AH24896">
        <v>19</v>
      </c>
      <c r="AI24896">
        <v>19</v>
      </c>
      <c r="AJ24896">
        <v>19</v>
      </c>
      <c r="AK24896">
        <v>19</v>
      </c>
      <c r="AL24896">
        <v>19</v>
      </c>
      <c r="AM24896">
        <v>19</v>
      </c>
      <c r="AN24896">
        <v>19</v>
      </c>
      <c r="AO24896">
        <v>19</v>
      </c>
      <c r="AP24896">
        <v>19</v>
      </c>
      <c r="AQ24896">
        <v>19</v>
      </c>
    </row>
    <row r="24897" spans="1:43">
      <c r="A24897" t="s">
        <v>15411</v>
      </c>
      <c r="B24897" t="s">
        <v>15412</v>
      </c>
      <c r="C24897" t="s">
        <v>15403</v>
      </c>
      <c r="D24897" t="s">
        <v>15404</v>
      </c>
      <c r="E24897" t="s">
        <v>15241</v>
      </c>
      <c r="F24897" t="s">
        <v>15242</v>
      </c>
      <c r="G24897" t="s">
        <v>10734</v>
      </c>
      <c r="H24897" t="s">
        <v>10735</v>
      </c>
      <c r="I24897" s="2">
        <v>1</v>
      </c>
      <c r="J24897" s="2">
        <v>0</v>
      </c>
      <c r="K24897" s="2">
        <v>0</v>
      </c>
      <c r="L24897" t="s">
        <v>120</v>
      </c>
      <c r="M24897" t="s">
        <v>83</v>
      </c>
      <c r="N24897" t="s">
        <v>91</v>
      </c>
      <c r="O24897" t="s">
        <v>85</v>
      </c>
      <c r="P24897" t="s">
        <v>86</v>
      </c>
      <c r="Q24897">
        <v>15</v>
      </c>
      <c r="R24897">
        <v>15</v>
      </c>
      <c r="S24897">
        <v>16</v>
      </c>
      <c r="T24897">
        <v>16</v>
      </c>
      <c r="U24897">
        <v>16</v>
      </c>
      <c r="V24897">
        <v>16</v>
      </c>
      <c r="W24897">
        <v>16</v>
      </c>
      <c r="X24897">
        <v>17</v>
      </c>
      <c r="Y24897">
        <v>17</v>
      </c>
      <c r="Z24897">
        <v>17</v>
      </c>
      <c r="AA24897">
        <v>17</v>
      </c>
      <c r="AB24897">
        <v>17</v>
      </c>
      <c r="AC24897">
        <v>18</v>
      </c>
      <c r="AD24897">
        <v>18</v>
      </c>
      <c r="AE24897">
        <v>18</v>
      </c>
      <c r="AF24897">
        <v>18</v>
      </c>
      <c r="AG24897">
        <v>18</v>
      </c>
      <c r="AH24897">
        <v>19</v>
      </c>
      <c r="AI24897">
        <v>19</v>
      </c>
      <c r="AJ24897">
        <v>19</v>
      </c>
      <c r="AK24897">
        <v>19</v>
      </c>
      <c r="AL24897">
        <v>19</v>
      </c>
      <c r="AM24897">
        <v>19</v>
      </c>
      <c r="AN24897">
        <v>19</v>
      </c>
      <c r="AO24897">
        <v>19</v>
      </c>
      <c r="AP24897">
        <v>19</v>
      </c>
      <c r="AQ24897">
        <v>19</v>
      </c>
    </row>
    <row r="24898" spans="1:43">
      <c r="A24898" t="s">
        <v>15413</v>
      </c>
      <c r="B24898" t="s">
        <v>15414</v>
      </c>
      <c r="C24898" t="s">
        <v>15403</v>
      </c>
      <c r="D24898" t="s">
        <v>15404</v>
      </c>
      <c r="E24898" t="s">
        <v>15241</v>
      </c>
      <c r="F24898" t="s">
        <v>15242</v>
      </c>
      <c r="G24898" t="s">
        <v>10734</v>
      </c>
      <c r="H24898" t="s">
        <v>10735</v>
      </c>
      <c r="I24898" s="2">
        <v>1</v>
      </c>
      <c r="J24898" s="2">
        <v>0</v>
      </c>
      <c r="K24898" s="2">
        <v>0</v>
      </c>
      <c r="L24898" t="s">
        <v>120</v>
      </c>
      <c r="M24898" t="s">
        <v>83</v>
      </c>
      <c r="N24898" t="s">
        <v>84</v>
      </c>
      <c r="O24898" t="s">
        <v>85</v>
      </c>
      <c r="P24898" t="s">
        <v>86</v>
      </c>
      <c r="Q24898">
        <v>22</v>
      </c>
      <c r="R24898">
        <v>22</v>
      </c>
      <c r="S24898">
        <v>22</v>
      </c>
      <c r="T24898">
        <v>23</v>
      </c>
      <c r="U24898">
        <v>23</v>
      </c>
      <c r="V24898">
        <v>23</v>
      </c>
      <c r="W24898">
        <v>23</v>
      </c>
      <c r="X24898">
        <v>24</v>
      </c>
      <c r="Y24898">
        <v>24</v>
      </c>
      <c r="Z24898">
        <v>24</v>
      </c>
      <c r="AA24898">
        <v>25</v>
      </c>
      <c r="AB24898">
        <v>25</v>
      </c>
      <c r="AC24898">
        <v>25</v>
      </c>
      <c r="AD24898">
        <v>25</v>
      </c>
      <c r="AE24898">
        <v>26</v>
      </c>
      <c r="AF24898">
        <v>26</v>
      </c>
      <c r="AG24898">
        <v>26</v>
      </c>
      <c r="AH24898">
        <v>26</v>
      </c>
      <c r="AI24898">
        <v>27</v>
      </c>
      <c r="AJ24898">
        <v>27</v>
      </c>
      <c r="AK24898">
        <v>27</v>
      </c>
      <c r="AL24898">
        <v>27</v>
      </c>
      <c r="AM24898">
        <v>27</v>
      </c>
      <c r="AN24898">
        <v>27</v>
      </c>
      <c r="AO24898">
        <v>27</v>
      </c>
      <c r="AP24898">
        <v>27</v>
      </c>
      <c r="AQ24898">
        <v>27</v>
      </c>
    </row>
    <row r="24899" spans="1:43">
      <c r="A24899" t="s">
        <v>15413</v>
      </c>
      <c r="B24899" t="s">
        <v>15414</v>
      </c>
      <c r="C24899" t="s">
        <v>15403</v>
      </c>
      <c r="D24899" t="s">
        <v>15404</v>
      </c>
      <c r="E24899" t="s">
        <v>15241</v>
      </c>
      <c r="F24899" t="s">
        <v>15242</v>
      </c>
      <c r="G24899" t="s">
        <v>10734</v>
      </c>
      <c r="H24899" t="s">
        <v>10735</v>
      </c>
      <c r="I24899" s="2">
        <v>1</v>
      </c>
      <c r="J24899" s="2">
        <v>0</v>
      </c>
      <c r="K24899" s="2">
        <v>0</v>
      </c>
      <c r="L24899" t="s">
        <v>120</v>
      </c>
      <c r="M24899" t="s">
        <v>87</v>
      </c>
      <c r="N24899" t="s">
        <v>88</v>
      </c>
      <c r="O24899" t="s">
        <v>85</v>
      </c>
      <c r="P24899" t="s">
        <v>86</v>
      </c>
      <c r="Q24899">
        <v>22</v>
      </c>
      <c r="R24899">
        <v>23</v>
      </c>
      <c r="S24899">
        <v>23</v>
      </c>
      <c r="T24899">
        <v>23</v>
      </c>
      <c r="U24899">
        <v>23</v>
      </c>
      <c r="V24899">
        <v>23</v>
      </c>
      <c r="W24899">
        <v>23</v>
      </c>
      <c r="X24899">
        <v>23</v>
      </c>
      <c r="Y24899">
        <v>23</v>
      </c>
      <c r="Z24899">
        <v>23</v>
      </c>
      <c r="AA24899">
        <v>23</v>
      </c>
      <c r="AB24899">
        <v>23</v>
      </c>
      <c r="AC24899">
        <v>24</v>
      </c>
      <c r="AD24899">
        <v>24</v>
      </c>
      <c r="AE24899">
        <v>24</v>
      </c>
      <c r="AF24899">
        <v>24</v>
      </c>
      <c r="AG24899">
        <v>24</v>
      </c>
      <c r="AH24899">
        <v>24</v>
      </c>
      <c r="AI24899">
        <v>24</v>
      </c>
      <c r="AJ24899">
        <v>24</v>
      </c>
      <c r="AK24899">
        <v>24</v>
      </c>
      <c r="AL24899">
        <v>24</v>
      </c>
      <c r="AM24899">
        <v>24</v>
      </c>
      <c r="AN24899">
        <v>24</v>
      </c>
      <c r="AO24899">
        <v>25</v>
      </c>
      <c r="AP24899">
        <v>25</v>
      </c>
      <c r="AQ24899">
        <v>25</v>
      </c>
    </row>
    <row r="24900" spans="1:43">
      <c r="A24900" t="s">
        <v>15413</v>
      </c>
      <c r="B24900" t="s">
        <v>15414</v>
      </c>
      <c r="C24900" t="s">
        <v>15403</v>
      </c>
      <c r="D24900" t="s">
        <v>15404</v>
      </c>
      <c r="E24900" t="s">
        <v>15241</v>
      </c>
      <c r="F24900" t="s">
        <v>15242</v>
      </c>
      <c r="G24900" t="s">
        <v>10734</v>
      </c>
      <c r="H24900" t="s">
        <v>10735</v>
      </c>
      <c r="I24900" s="2">
        <v>1</v>
      </c>
      <c r="J24900" s="2">
        <v>0</v>
      </c>
      <c r="K24900" s="2">
        <v>0</v>
      </c>
      <c r="L24900" t="s">
        <v>120</v>
      </c>
      <c r="M24900" t="s">
        <v>89</v>
      </c>
      <c r="N24900" t="s">
        <v>90</v>
      </c>
      <c r="O24900" t="s">
        <v>85</v>
      </c>
      <c r="P24900" t="s">
        <v>86</v>
      </c>
      <c r="Q24900">
        <v>22</v>
      </c>
      <c r="R24900">
        <v>22</v>
      </c>
      <c r="S24900">
        <v>23</v>
      </c>
      <c r="T24900">
        <v>23</v>
      </c>
      <c r="U24900">
        <v>24</v>
      </c>
      <c r="V24900">
        <v>24</v>
      </c>
      <c r="W24900">
        <v>25</v>
      </c>
      <c r="X24900">
        <v>25</v>
      </c>
      <c r="Y24900">
        <v>25</v>
      </c>
      <c r="Z24900">
        <v>26</v>
      </c>
      <c r="AA24900">
        <v>26</v>
      </c>
      <c r="AB24900">
        <v>26</v>
      </c>
      <c r="AC24900">
        <v>27</v>
      </c>
      <c r="AD24900">
        <v>27</v>
      </c>
      <c r="AE24900">
        <v>27</v>
      </c>
      <c r="AF24900">
        <v>27</v>
      </c>
      <c r="AG24900">
        <v>27</v>
      </c>
      <c r="AH24900">
        <v>27</v>
      </c>
      <c r="AI24900">
        <v>27</v>
      </c>
      <c r="AJ24900">
        <v>27</v>
      </c>
      <c r="AK24900">
        <v>27</v>
      </c>
      <c r="AL24900">
        <v>27</v>
      </c>
      <c r="AM24900">
        <v>27</v>
      </c>
      <c r="AN24900">
        <v>27</v>
      </c>
      <c r="AO24900">
        <v>27</v>
      </c>
      <c r="AP24900">
        <v>27</v>
      </c>
      <c r="AQ24900">
        <v>27</v>
      </c>
    </row>
    <row r="24901" spans="1:43">
      <c r="A24901" t="s">
        <v>15413</v>
      </c>
      <c r="B24901" t="s">
        <v>15414</v>
      </c>
      <c r="C24901" t="s">
        <v>15403</v>
      </c>
      <c r="D24901" t="s">
        <v>15404</v>
      </c>
      <c r="E24901" t="s">
        <v>15241</v>
      </c>
      <c r="F24901" t="s">
        <v>15242</v>
      </c>
      <c r="G24901" t="s">
        <v>10734</v>
      </c>
      <c r="H24901" t="s">
        <v>10735</v>
      </c>
      <c r="I24901" s="2">
        <v>1</v>
      </c>
      <c r="J24901" s="2">
        <v>0</v>
      </c>
      <c r="K24901" s="2">
        <v>0</v>
      </c>
      <c r="L24901" t="s">
        <v>120</v>
      </c>
      <c r="M24901" t="s">
        <v>83</v>
      </c>
      <c r="N24901" t="s">
        <v>91</v>
      </c>
      <c r="O24901" t="s">
        <v>85</v>
      </c>
      <c r="P24901" t="s">
        <v>86</v>
      </c>
      <c r="Q24901">
        <v>22</v>
      </c>
      <c r="R24901">
        <v>22</v>
      </c>
      <c r="S24901">
        <v>22</v>
      </c>
      <c r="T24901">
        <v>23</v>
      </c>
      <c r="U24901">
        <v>23</v>
      </c>
      <c r="V24901">
        <v>23</v>
      </c>
      <c r="W24901">
        <v>23</v>
      </c>
      <c r="X24901">
        <v>24</v>
      </c>
      <c r="Y24901">
        <v>24</v>
      </c>
      <c r="Z24901">
        <v>24</v>
      </c>
      <c r="AA24901">
        <v>25</v>
      </c>
      <c r="AB24901">
        <v>25</v>
      </c>
      <c r="AC24901">
        <v>25</v>
      </c>
      <c r="AD24901">
        <v>25</v>
      </c>
      <c r="AE24901">
        <v>26</v>
      </c>
      <c r="AF24901">
        <v>26</v>
      </c>
      <c r="AG24901">
        <v>26</v>
      </c>
      <c r="AH24901">
        <v>26</v>
      </c>
      <c r="AI24901">
        <v>27</v>
      </c>
      <c r="AJ24901">
        <v>27</v>
      </c>
      <c r="AK24901">
        <v>27</v>
      </c>
      <c r="AL24901">
        <v>27</v>
      </c>
      <c r="AM24901">
        <v>27</v>
      </c>
      <c r="AN24901">
        <v>27</v>
      </c>
      <c r="AO24901">
        <v>27</v>
      </c>
      <c r="AP24901">
        <v>27</v>
      </c>
      <c r="AQ24901">
        <v>27</v>
      </c>
    </row>
    <row r="24902" spans="1:43">
      <c r="A24902" t="s">
        <v>15415</v>
      </c>
      <c r="B24902" t="s">
        <v>15416</v>
      </c>
      <c r="C24902" t="s">
        <v>15417</v>
      </c>
      <c r="D24902" t="s">
        <v>15418</v>
      </c>
      <c r="E24902" t="s">
        <v>15241</v>
      </c>
      <c r="F24902" t="s">
        <v>15242</v>
      </c>
      <c r="G24902" t="s">
        <v>10734</v>
      </c>
      <c r="H24902" t="s">
        <v>10735</v>
      </c>
      <c r="I24902" s="2">
        <v>1</v>
      </c>
      <c r="J24902" s="2">
        <v>0</v>
      </c>
      <c r="K24902" s="2">
        <v>0</v>
      </c>
      <c r="L24902" t="s">
        <v>120</v>
      </c>
      <c r="M24902" t="s">
        <v>83</v>
      </c>
      <c r="N24902" t="s">
        <v>84</v>
      </c>
      <c r="O24902" t="s">
        <v>85</v>
      </c>
      <c r="P24902" t="s">
        <v>86</v>
      </c>
      <c r="Q24902">
        <v>26</v>
      </c>
      <c r="R24902">
        <v>26</v>
      </c>
      <c r="S24902">
        <v>26</v>
      </c>
      <c r="T24902">
        <v>27</v>
      </c>
      <c r="U24902">
        <v>27</v>
      </c>
      <c r="V24902">
        <v>27</v>
      </c>
      <c r="W24902">
        <v>28</v>
      </c>
      <c r="X24902">
        <v>28</v>
      </c>
      <c r="Y24902">
        <v>28</v>
      </c>
      <c r="Z24902">
        <v>29</v>
      </c>
      <c r="AA24902">
        <v>29</v>
      </c>
      <c r="AB24902">
        <v>29</v>
      </c>
      <c r="AC24902">
        <v>30</v>
      </c>
      <c r="AD24902">
        <v>30</v>
      </c>
      <c r="AE24902">
        <v>30</v>
      </c>
      <c r="AF24902">
        <v>31</v>
      </c>
      <c r="AG24902">
        <v>31</v>
      </c>
      <c r="AH24902">
        <v>31</v>
      </c>
      <c r="AI24902">
        <v>32</v>
      </c>
      <c r="AJ24902">
        <v>32</v>
      </c>
      <c r="AK24902">
        <v>32</v>
      </c>
      <c r="AL24902">
        <v>32</v>
      </c>
      <c r="AM24902">
        <v>32</v>
      </c>
      <c r="AN24902">
        <v>32</v>
      </c>
      <c r="AO24902">
        <v>32</v>
      </c>
      <c r="AP24902">
        <v>32</v>
      </c>
      <c r="AQ24902">
        <v>32</v>
      </c>
    </row>
    <row r="24903" spans="1:43">
      <c r="A24903" t="s">
        <v>15415</v>
      </c>
      <c r="B24903" t="s">
        <v>15416</v>
      </c>
      <c r="C24903" t="s">
        <v>15417</v>
      </c>
      <c r="D24903" t="s">
        <v>15418</v>
      </c>
      <c r="E24903" t="s">
        <v>15241</v>
      </c>
      <c r="F24903" t="s">
        <v>15242</v>
      </c>
      <c r="G24903" t="s">
        <v>10734</v>
      </c>
      <c r="H24903" t="s">
        <v>10735</v>
      </c>
      <c r="I24903" s="2">
        <v>1</v>
      </c>
      <c r="J24903" s="2">
        <v>0</v>
      </c>
      <c r="K24903" s="2">
        <v>0</v>
      </c>
      <c r="L24903" t="s">
        <v>120</v>
      </c>
      <c r="M24903" t="s">
        <v>87</v>
      </c>
      <c r="N24903" t="s">
        <v>88</v>
      </c>
      <c r="O24903" t="s">
        <v>85</v>
      </c>
      <c r="P24903" t="s">
        <v>86</v>
      </c>
      <c r="Q24903">
        <v>26</v>
      </c>
      <c r="R24903">
        <v>27</v>
      </c>
      <c r="S24903">
        <v>27</v>
      </c>
      <c r="T24903">
        <v>27</v>
      </c>
      <c r="U24903">
        <v>27</v>
      </c>
      <c r="V24903">
        <v>27</v>
      </c>
      <c r="W24903">
        <v>27</v>
      </c>
      <c r="X24903">
        <v>27</v>
      </c>
      <c r="Y24903">
        <v>27</v>
      </c>
      <c r="Z24903">
        <v>27</v>
      </c>
      <c r="AA24903">
        <v>28</v>
      </c>
      <c r="AB24903">
        <v>28</v>
      </c>
      <c r="AC24903">
        <v>28</v>
      </c>
      <c r="AD24903">
        <v>28</v>
      </c>
      <c r="AE24903">
        <v>28</v>
      </c>
      <c r="AF24903">
        <v>28</v>
      </c>
      <c r="AG24903">
        <v>28</v>
      </c>
      <c r="AH24903">
        <v>28</v>
      </c>
      <c r="AI24903">
        <v>28</v>
      </c>
      <c r="AJ24903">
        <v>28</v>
      </c>
      <c r="AK24903">
        <v>29</v>
      </c>
      <c r="AL24903">
        <v>29</v>
      </c>
      <c r="AM24903">
        <v>29</v>
      </c>
      <c r="AN24903">
        <v>29</v>
      </c>
      <c r="AO24903">
        <v>29</v>
      </c>
      <c r="AP24903">
        <v>29</v>
      </c>
      <c r="AQ24903">
        <v>29</v>
      </c>
    </row>
    <row r="24904" spans="1:43">
      <c r="A24904" t="s">
        <v>15415</v>
      </c>
      <c r="B24904" t="s">
        <v>15416</v>
      </c>
      <c r="C24904" t="s">
        <v>15417</v>
      </c>
      <c r="D24904" t="s">
        <v>15418</v>
      </c>
      <c r="E24904" t="s">
        <v>15241</v>
      </c>
      <c r="F24904" t="s">
        <v>15242</v>
      </c>
      <c r="G24904" t="s">
        <v>10734</v>
      </c>
      <c r="H24904" t="s">
        <v>10735</v>
      </c>
      <c r="I24904" s="2">
        <v>1</v>
      </c>
      <c r="J24904" s="2">
        <v>0</v>
      </c>
      <c r="K24904" s="2">
        <v>0</v>
      </c>
      <c r="L24904" t="s">
        <v>120</v>
      </c>
      <c r="M24904" t="s">
        <v>89</v>
      </c>
      <c r="N24904" t="s">
        <v>90</v>
      </c>
      <c r="O24904" t="s">
        <v>85</v>
      </c>
      <c r="P24904" t="s">
        <v>86</v>
      </c>
      <c r="Q24904">
        <v>26</v>
      </c>
      <c r="R24904">
        <v>26</v>
      </c>
      <c r="S24904">
        <v>27</v>
      </c>
      <c r="T24904">
        <v>28</v>
      </c>
      <c r="U24904">
        <v>28</v>
      </c>
      <c r="V24904">
        <v>29</v>
      </c>
      <c r="W24904">
        <v>29</v>
      </c>
      <c r="X24904">
        <v>30</v>
      </c>
      <c r="Y24904">
        <v>30</v>
      </c>
      <c r="Z24904">
        <v>31</v>
      </c>
      <c r="AA24904">
        <v>31</v>
      </c>
      <c r="AB24904">
        <v>31</v>
      </c>
      <c r="AC24904">
        <v>32</v>
      </c>
      <c r="AD24904">
        <v>32</v>
      </c>
      <c r="AE24904">
        <v>33</v>
      </c>
      <c r="AF24904">
        <v>33</v>
      </c>
      <c r="AG24904">
        <v>33</v>
      </c>
      <c r="AH24904">
        <v>33</v>
      </c>
      <c r="AI24904">
        <v>33</v>
      </c>
      <c r="AJ24904">
        <v>33</v>
      </c>
      <c r="AK24904">
        <v>33</v>
      </c>
      <c r="AL24904">
        <v>33</v>
      </c>
      <c r="AM24904">
        <v>33</v>
      </c>
      <c r="AN24904">
        <v>33</v>
      </c>
      <c r="AO24904">
        <v>33</v>
      </c>
      <c r="AP24904">
        <v>33</v>
      </c>
      <c r="AQ24904">
        <v>33</v>
      </c>
    </row>
    <row r="24905" spans="1:43">
      <c r="A24905" t="s">
        <v>15415</v>
      </c>
      <c r="B24905" t="s">
        <v>15416</v>
      </c>
      <c r="C24905" t="s">
        <v>15417</v>
      </c>
      <c r="D24905" t="s">
        <v>15418</v>
      </c>
      <c r="E24905" t="s">
        <v>15241</v>
      </c>
      <c r="F24905" t="s">
        <v>15242</v>
      </c>
      <c r="G24905" t="s">
        <v>10734</v>
      </c>
      <c r="H24905" t="s">
        <v>10735</v>
      </c>
      <c r="I24905" s="2">
        <v>1</v>
      </c>
      <c r="J24905" s="2">
        <v>0</v>
      </c>
      <c r="K24905" s="2">
        <v>0</v>
      </c>
      <c r="L24905" t="s">
        <v>120</v>
      </c>
      <c r="M24905" t="s">
        <v>83</v>
      </c>
      <c r="N24905" t="s">
        <v>91</v>
      </c>
      <c r="O24905" t="s">
        <v>85</v>
      </c>
      <c r="P24905" t="s">
        <v>86</v>
      </c>
      <c r="Q24905">
        <v>26</v>
      </c>
      <c r="R24905">
        <v>26</v>
      </c>
      <c r="S24905">
        <v>26</v>
      </c>
      <c r="T24905">
        <v>27</v>
      </c>
      <c r="U24905">
        <v>27</v>
      </c>
      <c r="V24905">
        <v>27</v>
      </c>
      <c r="W24905">
        <v>28</v>
      </c>
      <c r="X24905">
        <v>28</v>
      </c>
      <c r="Y24905">
        <v>28</v>
      </c>
      <c r="Z24905">
        <v>29</v>
      </c>
      <c r="AA24905">
        <v>29</v>
      </c>
      <c r="AB24905">
        <v>29</v>
      </c>
      <c r="AC24905">
        <v>30</v>
      </c>
      <c r="AD24905">
        <v>30</v>
      </c>
      <c r="AE24905">
        <v>30</v>
      </c>
      <c r="AF24905">
        <v>31</v>
      </c>
      <c r="AG24905">
        <v>31</v>
      </c>
      <c r="AH24905">
        <v>31</v>
      </c>
      <c r="AI24905">
        <v>32</v>
      </c>
      <c r="AJ24905">
        <v>32</v>
      </c>
      <c r="AK24905">
        <v>32</v>
      </c>
      <c r="AL24905">
        <v>32</v>
      </c>
      <c r="AM24905">
        <v>32</v>
      </c>
      <c r="AN24905">
        <v>32</v>
      </c>
      <c r="AO24905">
        <v>32</v>
      </c>
      <c r="AP24905">
        <v>32</v>
      </c>
      <c r="AQ24905">
        <v>32</v>
      </c>
    </row>
    <row r="24906" spans="1:43">
      <c r="A24906" t="s">
        <v>15419</v>
      </c>
      <c r="B24906" t="s">
        <v>15420</v>
      </c>
      <c r="C24906" t="s">
        <v>15417</v>
      </c>
      <c r="D24906" t="s">
        <v>15418</v>
      </c>
      <c r="E24906" t="s">
        <v>15241</v>
      </c>
      <c r="F24906" t="s">
        <v>15242</v>
      </c>
      <c r="G24906" t="s">
        <v>10734</v>
      </c>
      <c r="H24906" t="s">
        <v>10735</v>
      </c>
      <c r="I24906" s="2">
        <v>1</v>
      </c>
      <c r="J24906" s="2">
        <v>0</v>
      </c>
      <c r="K24906" s="2">
        <v>0</v>
      </c>
      <c r="L24906" t="s">
        <v>120</v>
      </c>
      <c r="M24906" t="s">
        <v>83</v>
      </c>
      <c r="N24906" t="s">
        <v>84</v>
      </c>
      <c r="O24906" t="s">
        <v>85</v>
      </c>
      <c r="P24906" t="s">
        <v>86</v>
      </c>
      <c r="Q24906">
        <v>9</v>
      </c>
      <c r="R24906">
        <v>9</v>
      </c>
      <c r="S24906">
        <v>9</v>
      </c>
      <c r="T24906">
        <v>10</v>
      </c>
      <c r="U24906">
        <v>10</v>
      </c>
      <c r="V24906">
        <v>10</v>
      </c>
      <c r="W24906">
        <v>10</v>
      </c>
      <c r="X24906">
        <v>10</v>
      </c>
      <c r="Y24906">
        <v>10</v>
      </c>
      <c r="Z24906">
        <v>10</v>
      </c>
      <c r="AA24906">
        <v>10</v>
      </c>
      <c r="AB24906">
        <v>11</v>
      </c>
      <c r="AC24906">
        <v>11</v>
      </c>
      <c r="AD24906">
        <v>11</v>
      </c>
      <c r="AE24906">
        <v>11</v>
      </c>
      <c r="AF24906">
        <v>11</v>
      </c>
      <c r="AG24906">
        <v>11</v>
      </c>
      <c r="AH24906">
        <v>11</v>
      </c>
      <c r="AI24906">
        <v>11</v>
      </c>
      <c r="AJ24906">
        <v>11</v>
      </c>
      <c r="AK24906">
        <v>12</v>
      </c>
      <c r="AL24906">
        <v>12</v>
      </c>
      <c r="AM24906">
        <v>12</v>
      </c>
      <c r="AN24906">
        <v>12</v>
      </c>
      <c r="AO24906">
        <v>12</v>
      </c>
      <c r="AP24906">
        <v>12</v>
      </c>
      <c r="AQ24906">
        <v>12</v>
      </c>
    </row>
    <row r="24907" spans="1:43">
      <c r="A24907" t="s">
        <v>15419</v>
      </c>
      <c r="B24907" t="s">
        <v>15420</v>
      </c>
      <c r="C24907" t="s">
        <v>15417</v>
      </c>
      <c r="D24907" t="s">
        <v>15418</v>
      </c>
      <c r="E24907" t="s">
        <v>15241</v>
      </c>
      <c r="F24907" t="s">
        <v>15242</v>
      </c>
      <c r="G24907" t="s">
        <v>10734</v>
      </c>
      <c r="H24907" t="s">
        <v>10735</v>
      </c>
      <c r="I24907" s="2">
        <v>1</v>
      </c>
      <c r="J24907" s="2">
        <v>0</v>
      </c>
      <c r="K24907" s="2">
        <v>0</v>
      </c>
      <c r="L24907" t="s">
        <v>120</v>
      </c>
      <c r="M24907" t="s">
        <v>87</v>
      </c>
      <c r="N24907" t="s">
        <v>88</v>
      </c>
      <c r="O24907" t="s">
        <v>85</v>
      </c>
      <c r="P24907" t="s">
        <v>86</v>
      </c>
      <c r="Q24907">
        <v>9</v>
      </c>
      <c r="R24907">
        <v>9</v>
      </c>
      <c r="S24907">
        <v>9</v>
      </c>
      <c r="T24907">
        <v>9</v>
      </c>
      <c r="U24907">
        <v>9</v>
      </c>
      <c r="V24907">
        <v>9</v>
      </c>
      <c r="W24907">
        <v>9</v>
      </c>
      <c r="X24907">
        <v>9</v>
      </c>
      <c r="Y24907">
        <v>9</v>
      </c>
      <c r="Z24907">
        <v>9</v>
      </c>
      <c r="AA24907">
        <v>10</v>
      </c>
      <c r="AB24907">
        <v>10</v>
      </c>
      <c r="AC24907">
        <v>10</v>
      </c>
      <c r="AD24907">
        <v>10</v>
      </c>
      <c r="AE24907">
        <v>10</v>
      </c>
      <c r="AF24907">
        <v>10</v>
      </c>
      <c r="AG24907">
        <v>10</v>
      </c>
      <c r="AH24907">
        <v>10</v>
      </c>
      <c r="AI24907">
        <v>10</v>
      </c>
      <c r="AJ24907">
        <v>10</v>
      </c>
      <c r="AK24907">
        <v>10</v>
      </c>
      <c r="AL24907">
        <v>10</v>
      </c>
      <c r="AM24907">
        <v>10</v>
      </c>
      <c r="AN24907">
        <v>10</v>
      </c>
      <c r="AO24907">
        <v>10</v>
      </c>
      <c r="AP24907">
        <v>10</v>
      </c>
      <c r="AQ24907">
        <v>10</v>
      </c>
    </row>
    <row r="24908" spans="1:43">
      <c r="A24908" t="s">
        <v>15419</v>
      </c>
      <c r="B24908" t="s">
        <v>15420</v>
      </c>
      <c r="C24908" t="s">
        <v>15417</v>
      </c>
      <c r="D24908" t="s">
        <v>15418</v>
      </c>
      <c r="E24908" t="s">
        <v>15241</v>
      </c>
      <c r="F24908" t="s">
        <v>15242</v>
      </c>
      <c r="G24908" t="s">
        <v>10734</v>
      </c>
      <c r="H24908" t="s">
        <v>10735</v>
      </c>
      <c r="I24908" s="2">
        <v>1</v>
      </c>
      <c r="J24908" s="2">
        <v>0</v>
      </c>
      <c r="K24908" s="2">
        <v>0</v>
      </c>
      <c r="L24908" t="s">
        <v>120</v>
      </c>
      <c r="M24908" t="s">
        <v>89</v>
      </c>
      <c r="N24908" t="s">
        <v>90</v>
      </c>
      <c r="O24908" t="s">
        <v>85</v>
      </c>
      <c r="P24908" t="s">
        <v>86</v>
      </c>
      <c r="Q24908">
        <v>9</v>
      </c>
      <c r="R24908">
        <v>9</v>
      </c>
      <c r="S24908">
        <v>10</v>
      </c>
      <c r="T24908">
        <v>10</v>
      </c>
      <c r="U24908">
        <v>10</v>
      </c>
      <c r="V24908">
        <v>10</v>
      </c>
      <c r="W24908">
        <v>10</v>
      </c>
      <c r="X24908">
        <v>11</v>
      </c>
      <c r="Y24908">
        <v>11</v>
      </c>
      <c r="Z24908">
        <v>11</v>
      </c>
      <c r="AA24908">
        <v>11</v>
      </c>
      <c r="AB24908">
        <v>11</v>
      </c>
      <c r="AC24908">
        <v>11</v>
      </c>
      <c r="AD24908">
        <v>12</v>
      </c>
      <c r="AE24908">
        <v>12</v>
      </c>
      <c r="AF24908">
        <v>12</v>
      </c>
      <c r="AG24908">
        <v>12</v>
      </c>
      <c r="AH24908">
        <v>12</v>
      </c>
      <c r="AI24908">
        <v>12</v>
      </c>
      <c r="AJ24908">
        <v>12</v>
      </c>
      <c r="AK24908">
        <v>12</v>
      </c>
      <c r="AL24908">
        <v>12</v>
      </c>
      <c r="AM24908">
        <v>12</v>
      </c>
      <c r="AN24908">
        <v>12</v>
      </c>
      <c r="AO24908">
        <v>12</v>
      </c>
      <c r="AP24908">
        <v>12</v>
      </c>
      <c r="AQ24908">
        <v>12</v>
      </c>
    </row>
    <row r="24909" spans="1:43">
      <c r="A24909" t="s">
        <v>15419</v>
      </c>
      <c r="B24909" t="s">
        <v>15420</v>
      </c>
      <c r="C24909" t="s">
        <v>15417</v>
      </c>
      <c r="D24909" t="s">
        <v>15418</v>
      </c>
      <c r="E24909" t="s">
        <v>15241</v>
      </c>
      <c r="F24909" t="s">
        <v>15242</v>
      </c>
      <c r="G24909" t="s">
        <v>10734</v>
      </c>
      <c r="H24909" t="s">
        <v>10735</v>
      </c>
      <c r="I24909" s="2">
        <v>1</v>
      </c>
      <c r="J24909" s="2">
        <v>0</v>
      </c>
      <c r="K24909" s="2">
        <v>0</v>
      </c>
      <c r="L24909" t="s">
        <v>120</v>
      </c>
      <c r="M24909" t="s">
        <v>83</v>
      </c>
      <c r="N24909" t="s">
        <v>91</v>
      </c>
      <c r="O24909" t="s">
        <v>85</v>
      </c>
      <c r="P24909" t="s">
        <v>86</v>
      </c>
      <c r="Q24909">
        <v>9</v>
      </c>
      <c r="R24909">
        <v>9</v>
      </c>
      <c r="S24909">
        <v>9</v>
      </c>
      <c r="T24909">
        <v>10</v>
      </c>
      <c r="U24909">
        <v>10</v>
      </c>
      <c r="V24909">
        <v>10</v>
      </c>
      <c r="W24909">
        <v>10</v>
      </c>
      <c r="X24909">
        <v>10</v>
      </c>
      <c r="Y24909">
        <v>10</v>
      </c>
      <c r="Z24909">
        <v>10</v>
      </c>
      <c r="AA24909">
        <v>10</v>
      </c>
      <c r="AB24909">
        <v>11</v>
      </c>
      <c r="AC24909">
        <v>11</v>
      </c>
      <c r="AD24909">
        <v>11</v>
      </c>
      <c r="AE24909">
        <v>11</v>
      </c>
      <c r="AF24909">
        <v>11</v>
      </c>
      <c r="AG24909">
        <v>11</v>
      </c>
      <c r="AH24909">
        <v>11</v>
      </c>
      <c r="AI24909">
        <v>11</v>
      </c>
      <c r="AJ24909">
        <v>11</v>
      </c>
      <c r="AK24909">
        <v>12</v>
      </c>
      <c r="AL24909">
        <v>12</v>
      </c>
      <c r="AM24909">
        <v>12</v>
      </c>
      <c r="AN24909">
        <v>12</v>
      </c>
      <c r="AO24909">
        <v>12</v>
      </c>
      <c r="AP24909">
        <v>12</v>
      </c>
      <c r="AQ24909">
        <v>12</v>
      </c>
    </row>
    <row r="24910" spans="1:43">
      <c r="A24910" t="s">
        <v>15421</v>
      </c>
      <c r="B24910" t="s">
        <v>15422</v>
      </c>
      <c r="C24910" t="s">
        <v>15417</v>
      </c>
      <c r="D24910" t="s">
        <v>15418</v>
      </c>
      <c r="E24910" t="s">
        <v>15241</v>
      </c>
      <c r="F24910" t="s">
        <v>15242</v>
      </c>
      <c r="G24910" t="s">
        <v>10734</v>
      </c>
      <c r="H24910" t="s">
        <v>10735</v>
      </c>
      <c r="I24910" s="2">
        <v>1</v>
      </c>
      <c r="J24910" s="2">
        <v>0</v>
      </c>
      <c r="K24910" s="2">
        <v>0</v>
      </c>
      <c r="L24910" t="s">
        <v>120</v>
      </c>
      <c r="M24910" t="s">
        <v>83</v>
      </c>
      <c r="N24910" t="s">
        <v>84</v>
      </c>
      <c r="O24910" t="s">
        <v>85</v>
      </c>
      <c r="P24910" t="s">
        <v>86</v>
      </c>
      <c r="Q24910">
        <v>128</v>
      </c>
      <c r="R24910">
        <v>130</v>
      </c>
      <c r="S24910">
        <v>132</v>
      </c>
      <c r="T24910">
        <v>133</v>
      </c>
      <c r="U24910">
        <v>135</v>
      </c>
      <c r="V24910">
        <v>137</v>
      </c>
      <c r="W24910">
        <v>139</v>
      </c>
      <c r="X24910">
        <v>140</v>
      </c>
      <c r="Y24910">
        <v>142</v>
      </c>
      <c r="Z24910">
        <v>144</v>
      </c>
      <c r="AA24910">
        <v>145</v>
      </c>
      <c r="AB24910">
        <v>147</v>
      </c>
      <c r="AC24910">
        <v>148</v>
      </c>
      <c r="AD24910">
        <v>150</v>
      </c>
      <c r="AE24910">
        <v>151</v>
      </c>
      <c r="AF24910">
        <v>153</v>
      </c>
      <c r="AG24910">
        <v>154</v>
      </c>
      <c r="AH24910">
        <v>156</v>
      </c>
      <c r="AI24910">
        <v>157</v>
      </c>
      <c r="AJ24910">
        <v>159</v>
      </c>
      <c r="AK24910">
        <v>160</v>
      </c>
      <c r="AL24910">
        <v>161</v>
      </c>
      <c r="AM24910">
        <v>161</v>
      </c>
      <c r="AN24910">
        <v>161</v>
      </c>
      <c r="AO24910">
        <v>161</v>
      </c>
      <c r="AP24910">
        <v>161</v>
      </c>
      <c r="AQ24910">
        <v>161</v>
      </c>
    </row>
    <row r="24911" spans="1:43">
      <c r="A24911" t="s">
        <v>15421</v>
      </c>
      <c r="B24911" t="s">
        <v>15422</v>
      </c>
      <c r="C24911" t="s">
        <v>15417</v>
      </c>
      <c r="D24911" t="s">
        <v>15418</v>
      </c>
      <c r="E24911" t="s">
        <v>15241</v>
      </c>
      <c r="F24911" t="s">
        <v>15242</v>
      </c>
      <c r="G24911" t="s">
        <v>10734</v>
      </c>
      <c r="H24911" t="s">
        <v>10735</v>
      </c>
      <c r="I24911" s="2">
        <v>1</v>
      </c>
      <c r="J24911" s="2">
        <v>0</v>
      </c>
      <c r="K24911" s="2">
        <v>0</v>
      </c>
      <c r="L24911" t="s">
        <v>120</v>
      </c>
      <c r="M24911" t="s">
        <v>87</v>
      </c>
      <c r="N24911" t="s">
        <v>88</v>
      </c>
      <c r="O24911" t="s">
        <v>85</v>
      </c>
      <c r="P24911" t="s">
        <v>86</v>
      </c>
      <c r="Q24911">
        <v>128</v>
      </c>
      <c r="R24911">
        <v>128</v>
      </c>
      <c r="S24911">
        <v>129</v>
      </c>
      <c r="T24911">
        <v>130</v>
      </c>
      <c r="U24911">
        <v>130</v>
      </c>
      <c r="V24911">
        <v>131</v>
      </c>
      <c r="W24911">
        <v>131</v>
      </c>
      <c r="X24911">
        <v>132</v>
      </c>
      <c r="Y24911">
        <v>132</v>
      </c>
      <c r="Z24911">
        <v>133</v>
      </c>
      <c r="AA24911">
        <v>133</v>
      </c>
      <c r="AB24911">
        <v>134</v>
      </c>
      <c r="AC24911">
        <v>135</v>
      </c>
      <c r="AD24911">
        <v>135</v>
      </c>
      <c r="AE24911">
        <v>136</v>
      </c>
      <c r="AF24911">
        <v>136</v>
      </c>
      <c r="AG24911">
        <v>137</v>
      </c>
      <c r="AH24911">
        <v>137</v>
      </c>
      <c r="AI24911">
        <v>137</v>
      </c>
      <c r="AJ24911">
        <v>138</v>
      </c>
      <c r="AK24911">
        <v>138</v>
      </c>
      <c r="AL24911">
        <v>139</v>
      </c>
      <c r="AM24911">
        <v>139</v>
      </c>
      <c r="AN24911">
        <v>140</v>
      </c>
      <c r="AO24911">
        <v>140</v>
      </c>
      <c r="AP24911">
        <v>141</v>
      </c>
      <c r="AQ24911">
        <v>141</v>
      </c>
    </row>
    <row r="24912" spans="1:43">
      <c r="A24912" t="s">
        <v>15421</v>
      </c>
      <c r="B24912" t="s">
        <v>15422</v>
      </c>
      <c r="C24912" t="s">
        <v>15417</v>
      </c>
      <c r="D24912" t="s">
        <v>15418</v>
      </c>
      <c r="E24912" t="s">
        <v>15241</v>
      </c>
      <c r="F24912" t="s">
        <v>15242</v>
      </c>
      <c r="G24912" t="s">
        <v>10734</v>
      </c>
      <c r="H24912" t="s">
        <v>10735</v>
      </c>
      <c r="I24912" s="2">
        <v>1</v>
      </c>
      <c r="J24912" s="2">
        <v>0</v>
      </c>
      <c r="K24912" s="2">
        <v>0</v>
      </c>
      <c r="L24912" t="s">
        <v>120</v>
      </c>
      <c r="M24912" t="s">
        <v>89</v>
      </c>
      <c r="N24912" t="s">
        <v>90</v>
      </c>
      <c r="O24912" t="s">
        <v>85</v>
      </c>
      <c r="P24912" t="s">
        <v>86</v>
      </c>
      <c r="Q24912">
        <v>128</v>
      </c>
      <c r="R24912">
        <v>131</v>
      </c>
      <c r="S24912">
        <v>134</v>
      </c>
      <c r="T24912">
        <v>137</v>
      </c>
      <c r="U24912">
        <v>139</v>
      </c>
      <c r="V24912">
        <v>142</v>
      </c>
      <c r="W24912">
        <v>144</v>
      </c>
      <c r="X24912">
        <v>147</v>
      </c>
      <c r="Y24912">
        <v>149</v>
      </c>
      <c r="Z24912">
        <v>151</v>
      </c>
      <c r="AA24912">
        <v>153</v>
      </c>
      <c r="AB24912">
        <v>155</v>
      </c>
      <c r="AC24912">
        <v>158</v>
      </c>
      <c r="AD24912">
        <v>160</v>
      </c>
      <c r="AE24912">
        <v>161</v>
      </c>
      <c r="AF24912">
        <v>161</v>
      </c>
      <c r="AG24912">
        <v>161</v>
      </c>
      <c r="AH24912">
        <v>161</v>
      </c>
      <c r="AI24912">
        <v>161</v>
      </c>
      <c r="AJ24912">
        <v>161</v>
      </c>
      <c r="AK24912">
        <v>161</v>
      </c>
      <c r="AL24912">
        <v>161</v>
      </c>
      <c r="AM24912">
        <v>161</v>
      </c>
      <c r="AN24912">
        <v>161</v>
      </c>
      <c r="AO24912">
        <v>161</v>
      </c>
      <c r="AP24912">
        <v>161</v>
      </c>
      <c r="AQ24912">
        <v>161</v>
      </c>
    </row>
    <row r="24913" spans="1:43">
      <c r="A24913" t="s">
        <v>15421</v>
      </c>
      <c r="B24913" t="s">
        <v>15422</v>
      </c>
      <c r="C24913" t="s">
        <v>15417</v>
      </c>
      <c r="D24913" t="s">
        <v>15418</v>
      </c>
      <c r="E24913" t="s">
        <v>15241</v>
      </c>
      <c r="F24913" t="s">
        <v>15242</v>
      </c>
      <c r="G24913" t="s">
        <v>10734</v>
      </c>
      <c r="H24913" t="s">
        <v>10735</v>
      </c>
      <c r="I24913" s="2">
        <v>1</v>
      </c>
      <c r="J24913" s="2">
        <v>0</v>
      </c>
      <c r="K24913" s="2">
        <v>0</v>
      </c>
      <c r="L24913" t="s">
        <v>120</v>
      </c>
      <c r="M24913" t="s">
        <v>83</v>
      </c>
      <c r="N24913" t="s">
        <v>91</v>
      </c>
      <c r="O24913" t="s">
        <v>85</v>
      </c>
      <c r="P24913" t="s">
        <v>86</v>
      </c>
      <c r="Q24913">
        <v>128</v>
      </c>
      <c r="R24913">
        <v>130</v>
      </c>
      <c r="S24913">
        <v>132</v>
      </c>
      <c r="T24913">
        <v>133</v>
      </c>
      <c r="U24913">
        <v>135</v>
      </c>
      <c r="V24913">
        <v>137</v>
      </c>
      <c r="W24913">
        <v>139</v>
      </c>
      <c r="X24913">
        <v>140</v>
      </c>
      <c r="Y24913">
        <v>142</v>
      </c>
      <c r="Z24913">
        <v>144</v>
      </c>
      <c r="AA24913">
        <v>145</v>
      </c>
      <c r="AB24913">
        <v>147</v>
      </c>
      <c r="AC24913">
        <v>148</v>
      </c>
      <c r="AD24913">
        <v>150</v>
      </c>
      <c r="AE24913">
        <v>151</v>
      </c>
      <c r="AF24913">
        <v>153</v>
      </c>
      <c r="AG24913">
        <v>154</v>
      </c>
      <c r="AH24913">
        <v>156</v>
      </c>
      <c r="AI24913">
        <v>157</v>
      </c>
      <c r="AJ24913">
        <v>159</v>
      </c>
      <c r="AK24913">
        <v>160</v>
      </c>
      <c r="AL24913">
        <v>161</v>
      </c>
      <c r="AM24913">
        <v>161</v>
      </c>
      <c r="AN24913">
        <v>161</v>
      </c>
      <c r="AO24913">
        <v>161</v>
      </c>
      <c r="AP24913">
        <v>161</v>
      </c>
      <c r="AQ24913">
        <v>161</v>
      </c>
    </row>
    <row r="24914" spans="1:43">
      <c r="A24914" t="s">
        <v>15423</v>
      </c>
      <c r="B24914" t="s">
        <v>15424</v>
      </c>
      <c r="C24914" t="s">
        <v>15417</v>
      </c>
      <c r="D24914" t="s">
        <v>15418</v>
      </c>
      <c r="E24914" t="s">
        <v>15241</v>
      </c>
      <c r="F24914" t="s">
        <v>15242</v>
      </c>
      <c r="G24914" t="s">
        <v>10734</v>
      </c>
      <c r="H24914" t="s">
        <v>10735</v>
      </c>
      <c r="I24914" s="2">
        <v>1</v>
      </c>
      <c r="J24914" s="2">
        <v>0</v>
      </c>
      <c r="K24914" s="2">
        <v>0</v>
      </c>
      <c r="L24914" t="s">
        <v>120</v>
      </c>
      <c r="M24914" t="s">
        <v>83</v>
      </c>
      <c r="N24914" t="s">
        <v>84</v>
      </c>
      <c r="O24914" t="s">
        <v>85</v>
      </c>
      <c r="P24914" t="s">
        <v>86</v>
      </c>
      <c r="Q24914">
        <v>31</v>
      </c>
      <c r="R24914">
        <v>31</v>
      </c>
      <c r="S24914">
        <v>32</v>
      </c>
      <c r="T24914">
        <v>32</v>
      </c>
      <c r="U24914">
        <v>33</v>
      </c>
      <c r="V24914">
        <v>33</v>
      </c>
      <c r="W24914">
        <v>34</v>
      </c>
      <c r="X24914">
        <v>34</v>
      </c>
      <c r="Y24914">
        <v>34</v>
      </c>
      <c r="Z24914">
        <v>35</v>
      </c>
      <c r="AA24914">
        <v>35</v>
      </c>
      <c r="AB24914">
        <v>35</v>
      </c>
      <c r="AC24914">
        <v>36</v>
      </c>
      <c r="AD24914">
        <v>36</v>
      </c>
      <c r="AE24914">
        <v>37</v>
      </c>
      <c r="AF24914">
        <v>37</v>
      </c>
      <c r="AG24914">
        <v>37</v>
      </c>
      <c r="AH24914">
        <v>38</v>
      </c>
      <c r="AI24914">
        <v>38</v>
      </c>
      <c r="AJ24914">
        <v>38</v>
      </c>
      <c r="AK24914">
        <v>39</v>
      </c>
      <c r="AL24914">
        <v>39</v>
      </c>
      <c r="AM24914">
        <v>39</v>
      </c>
      <c r="AN24914">
        <v>39</v>
      </c>
      <c r="AO24914">
        <v>39</v>
      </c>
      <c r="AP24914">
        <v>39</v>
      </c>
      <c r="AQ24914">
        <v>39</v>
      </c>
    </row>
    <row r="24915" spans="1:43">
      <c r="A24915" t="s">
        <v>15423</v>
      </c>
      <c r="B24915" t="s">
        <v>15424</v>
      </c>
      <c r="C24915" t="s">
        <v>15417</v>
      </c>
      <c r="D24915" t="s">
        <v>15418</v>
      </c>
      <c r="E24915" t="s">
        <v>15241</v>
      </c>
      <c r="F24915" t="s">
        <v>15242</v>
      </c>
      <c r="G24915" t="s">
        <v>10734</v>
      </c>
      <c r="H24915" t="s">
        <v>10735</v>
      </c>
      <c r="I24915" s="2">
        <v>1</v>
      </c>
      <c r="J24915" s="2">
        <v>0</v>
      </c>
      <c r="K24915" s="2">
        <v>0</v>
      </c>
      <c r="L24915" t="s">
        <v>120</v>
      </c>
      <c r="M24915" t="s">
        <v>87</v>
      </c>
      <c r="N24915" t="s">
        <v>88</v>
      </c>
      <c r="O24915" t="s">
        <v>85</v>
      </c>
      <c r="P24915" t="s">
        <v>86</v>
      </c>
      <c r="Q24915">
        <v>31</v>
      </c>
      <c r="R24915">
        <v>31</v>
      </c>
      <c r="S24915">
        <v>31</v>
      </c>
      <c r="T24915">
        <v>31</v>
      </c>
      <c r="U24915">
        <v>31</v>
      </c>
      <c r="V24915">
        <v>31</v>
      </c>
      <c r="W24915">
        <v>31</v>
      </c>
      <c r="X24915">
        <v>32</v>
      </c>
      <c r="Y24915">
        <v>32</v>
      </c>
      <c r="Z24915">
        <v>32</v>
      </c>
      <c r="AA24915">
        <v>32</v>
      </c>
      <c r="AB24915">
        <v>32</v>
      </c>
      <c r="AC24915">
        <v>32</v>
      </c>
      <c r="AD24915">
        <v>32</v>
      </c>
      <c r="AE24915">
        <v>33</v>
      </c>
      <c r="AF24915">
        <v>33</v>
      </c>
      <c r="AG24915">
        <v>33</v>
      </c>
      <c r="AH24915">
        <v>33</v>
      </c>
      <c r="AI24915">
        <v>33</v>
      </c>
      <c r="AJ24915">
        <v>33</v>
      </c>
      <c r="AK24915">
        <v>33</v>
      </c>
      <c r="AL24915">
        <v>33</v>
      </c>
      <c r="AM24915">
        <v>33</v>
      </c>
      <c r="AN24915">
        <v>34</v>
      </c>
      <c r="AO24915">
        <v>34</v>
      </c>
      <c r="AP24915">
        <v>34</v>
      </c>
      <c r="AQ24915">
        <v>34</v>
      </c>
    </row>
    <row r="24916" spans="1:43">
      <c r="A24916" t="s">
        <v>15423</v>
      </c>
      <c r="B24916" t="s">
        <v>15424</v>
      </c>
      <c r="C24916" t="s">
        <v>15417</v>
      </c>
      <c r="D24916" t="s">
        <v>15418</v>
      </c>
      <c r="E24916" t="s">
        <v>15241</v>
      </c>
      <c r="F24916" t="s">
        <v>15242</v>
      </c>
      <c r="G24916" t="s">
        <v>10734</v>
      </c>
      <c r="H24916" t="s">
        <v>10735</v>
      </c>
      <c r="I24916" s="2">
        <v>1</v>
      </c>
      <c r="J24916" s="2">
        <v>0</v>
      </c>
      <c r="K24916" s="2">
        <v>0</v>
      </c>
      <c r="L24916" t="s">
        <v>120</v>
      </c>
      <c r="M24916" t="s">
        <v>89</v>
      </c>
      <c r="N24916" t="s">
        <v>90</v>
      </c>
      <c r="O24916" t="s">
        <v>85</v>
      </c>
      <c r="P24916" t="s">
        <v>86</v>
      </c>
      <c r="Q24916">
        <v>31</v>
      </c>
      <c r="R24916">
        <v>32</v>
      </c>
      <c r="S24916">
        <v>33</v>
      </c>
      <c r="T24916">
        <v>33</v>
      </c>
      <c r="U24916">
        <v>34</v>
      </c>
      <c r="V24916">
        <v>35</v>
      </c>
      <c r="W24916">
        <v>35</v>
      </c>
      <c r="X24916">
        <v>36</v>
      </c>
      <c r="Y24916">
        <v>36</v>
      </c>
      <c r="Z24916">
        <v>37</v>
      </c>
      <c r="AA24916">
        <v>37</v>
      </c>
      <c r="AB24916">
        <v>38</v>
      </c>
      <c r="AC24916">
        <v>38</v>
      </c>
      <c r="AD24916">
        <v>39</v>
      </c>
      <c r="AE24916">
        <v>39</v>
      </c>
      <c r="AF24916">
        <v>39</v>
      </c>
      <c r="AG24916">
        <v>39</v>
      </c>
      <c r="AH24916">
        <v>39</v>
      </c>
      <c r="AI24916">
        <v>39</v>
      </c>
      <c r="AJ24916">
        <v>39</v>
      </c>
      <c r="AK24916">
        <v>39</v>
      </c>
      <c r="AL24916">
        <v>39</v>
      </c>
      <c r="AM24916">
        <v>39</v>
      </c>
      <c r="AN24916">
        <v>39</v>
      </c>
      <c r="AO24916">
        <v>39</v>
      </c>
      <c r="AP24916">
        <v>39</v>
      </c>
      <c r="AQ24916">
        <v>39</v>
      </c>
    </row>
    <row r="24917" spans="1:43">
      <c r="A24917" t="s">
        <v>15423</v>
      </c>
      <c r="B24917" t="s">
        <v>15424</v>
      </c>
      <c r="C24917" t="s">
        <v>15417</v>
      </c>
      <c r="D24917" t="s">
        <v>15418</v>
      </c>
      <c r="E24917" t="s">
        <v>15241</v>
      </c>
      <c r="F24917" t="s">
        <v>15242</v>
      </c>
      <c r="G24917" t="s">
        <v>10734</v>
      </c>
      <c r="H24917" t="s">
        <v>10735</v>
      </c>
      <c r="I24917" s="2">
        <v>1</v>
      </c>
      <c r="J24917" s="2">
        <v>0</v>
      </c>
      <c r="K24917" s="2">
        <v>0</v>
      </c>
      <c r="L24917" t="s">
        <v>120</v>
      </c>
      <c r="M24917" t="s">
        <v>83</v>
      </c>
      <c r="N24917" t="s">
        <v>91</v>
      </c>
      <c r="O24917" t="s">
        <v>85</v>
      </c>
      <c r="P24917" t="s">
        <v>86</v>
      </c>
      <c r="Q24917">
        <v>31</v>
      </c>
      <c r="R24917">
        <v>31</v>
      </c>
      <c r="S24917">
        <v>32</v>
      </c>
      <c r="T24917">
        <v>32</v>
      </c>
      <c r="U24917">
        <v>33</v>
      </c>
      <c r="V24917">
        <v>33</v>
      </c>
      <c r="W24917">
        <v>34</v>
      </c>
      <c r="X24917">
        <v>34</v>
      </c>
      <c r="Y24917">
        <v>34</v>
      </c>
      <c r="Z24917">
        <v>35</v>
      </c>
      <c r="AA24917">
        <v>35</v>
      </c>
      <c r="AB24917">
        <v>35</v>
      </c>
      <c r="AC24917">
        <v>36</v>
      </c>
      <c r="AD24917">
        <v>36</v>
      </c>
      <c r="AE24917">
        <v>37</v>
      </c>
      <c r="AF24917">
        <v>37</v>
      </c>
      <c r="AG24917">
        <v>37</v>
      </c>
      <c r="AH24917">
        <v>38</v>
      </c>
      <c r="AI24917">
        <v>38</v>
      </c>
      <c r="AJ24917">
        <v>38</v>
      </c>
      <c r="AK24917">
        <v>39</v>
      </c>
      <c r="AL24917">
        <v>39</v>
      </c>
      <c r="AM24917">
        <v>39</v>
      </c>
      <c r="AN24917">
        <v>39</v>
      </c>
      <c r="AO24917">
        <v>39</v>
      </c>
      <c r="AP24917">
        <v>39</v>
      </c>
      <c r="AQ24917">
        <v>39</v>
      </c>
    </row>
    <row r="24918" spans="1:43">
      <c r="A24918" t="s">
        <v>15425</v>
      </c>
      <c r="B24918" t="s">
        <v>15426</v>
      </c>
      <c r="C24918" t="s">
        <v>15417</v>
      </c>
      <c r="D24918" t="s">
        <v>15418</v>
      </c>
      <c r="E24918" t="s">
        <v>15241</v>
      </c>
      <c r="F24918" t="s">
        <v>15242</v>
      </c>
      <c r="G24918" t="s">
        <v>10734</v>
      </c>
      <c r="H24918" t="s">
        <v>10735</v>
      </c>
      <c r="I24918" s="2">
        <v>1</v>
      </c>
      <c r="J24918" s="2">
        <v>0</v>
      </c>
      <c r="K24918" s="2">
        <v>0</v>
      </c>
      <c r="L24918" t="s">
        <v>120</v>
      </c>
      <c r="M24918" t="s">
        <v>83</v>
      </c>
      <c r="N24918" t="s">
        <v>84</v>
      </c>
      <c r="O24918" t="s">
        <v>85</v>
      </c>
      <c r="P24918" t="s">
        <v>86</v>
      </c>
      <c r="Q24918">
        <v>22</v>
      </c>
      <c r="R24918">
        <v>23</v>
      </c>
      <c r="S24918">
        <v>23</v>
      </c>
      <c r="T24918">
        <v>23</v>
      </c>
      <c r="U24918">
        <v>24</v>
      </c>
      <c r="V24918">
        <v>24</v>
      </c>
      <c r="W24918">
        <v>24</v>
      </c>
      <c r="X24918">
        <v>25</v>
      </c>
      <c r="Y24918">
        <v>25</v>
      </c>
      <c r="Z24918">
        <v>25</v>
      </c>
      <c r="AA24918">
        <v>25</v>
      </c>
      <c r="AB24918">
        <v>26</v>
      </c>
      <c r="AC24918">
        <v>26</v>
      </c>
      <c r="AD24918">
        <v>26</v>
      </c>
      <c r="AE24918">
        <v>26</v>
      </c>
      <c r="AF24918">
        <v>27</v>
      </c>
      <c r="AG24918">
        <v>27</v>
      </c>
      <c r="AH24918">
        <v>27</v>
      </c>
      <c r="AI24918">
        <v>28</v>
      </c>
      <c r="AJ24918">
        <v>28</v>
      </c>
      <c r="AK24918">
        <v>28</v>
      </c>
      <c r="AL24918">
        <v>28</v>
      </c>
      <c r="AM24918">
        <v>28</v>
      </c>
      <c r="AN24918">
        <v>28</v>
      </c>
      <c r="AO24918">
        <v>28</v>
      </c>
      <c r="AP24918">
        <v>28</v>
      </c>
      <c r="AQ24918">
        <v>28</v>
      </c>
    </row>
    <row r="24919" spans="1:43">
      <c r="A24919" t="s">
        <v>15425</v>
      </c>
      <c r="B24919" t="s">
        <v>15426</v>
      </c>
      <c r="C24919" t="s">
        <v>15417</v>
      </c>
      <c r="D24919" t="s">
        <v>15418</v>
      </c>
      <c r="E24919" t="s">
        <v>15241</v>
      </c>
      <c r="F24919" t="s">
        <v>15242</v>
      </c>
      <c r="G24919" t="s">
        <v>10734</v>
      </c>
      <c r="H24919" t="s">
        <v>10735</v>
      </c>
      <c r="I24919" s="2">
        <v>1</v>
      </c>
      <c r="J24919" s="2">
        <v>0</v>
      </c>
      <c r="K24919" s="2">
        <v>0</v>
      </c>
      <c r="L24919" t="s">
        <v>120</v>
      </c>
      <c r="M24919" t="s">
        <v>87</v>
      </c>
      <c r="N24919" t="s">
        <v>88</v>
      </c>
      <c r="O24919" t="s">
        <v>85</v>
      </c>
      <c r="P24919" t="s">
        <v>86</v>
      </c>
      <c r="Q24919">
        <v>22</v>
      </c>
      <c r="R24919">
        <v>22</v>
      </c>
      <c r="S24919">
        <v>22</v>
      </c>
      <c r="T24919">
        <v>22</v>
      </c>
      <c r="U24919">
        <v>23</v>
      </c>
      <c r="V24919">
        <v>23</v>
      </c>
      <c r="W24919">
        <v>23</v>
      </c>
      <c r="X24919">
        <v>23</v>
      </c>
      <c r="Y24919">
        <v>23</v>
      </c>
      <c r="Z24919">
        <v>23</v>
      </c>
      <c r="AA24919">
        <v>23</v>
      </c>
      <c r="AB24919">
        <v>23</v>
      </c>
      <c r="AC24919">
        <v>23</v>
      </c>
      <c r="AD24919">
        <v>23</v>
      </c>
      <c r="AE24919">
        <v>24</v>
      </c>
      <c r="AF24919">
        <v>24</v>
      </c>
      <c r="AG24919">
        <v>24</v>
      </c>
      <c r="AH24919">
        <v>24</v>
      </c>
      <c r="AI24919">
        <v>24</v>
      </c>
      <c r="AJ24919">
        <v>24</v>
      </c>
      <c r="AK24919">
        <v>24</v>
      </c>
      <c r="AL24919">
        <v>24</v>
      </c>
      <c r="AM24919">
        <v>24</v>
      </c>
      <c r="AN24919">
        <v>24</v>
      </c>
      <c r="AO24919">
        <v>24</v>
      </c>
      <c r="AP24919">
        <v>24</v>
      </c>
      <c r="AQ24919">
        <v>24</v>
      </c>
    </row>
    <row r="24920" spans="1:43">
      <c r="A24920" t="s">
        <v>15425</v>
      </c>
      <c r="B24920" t="s">
        <v>15426</v>
      </c>
      <c r="C24920" t="s">
        <v>15417</v>
      </c>
      <c r="D24920" t="s">
        <v>15418</v>
      </c>
      <c r="E24920" t="s">
        <v>15241</v>
      </c>
      <c r="F24920" t="s">
        <v>15242</v>
      </c>
      <c r="G24920" t="s">
        <v>10734</v>
      </c>
      <c r="H24920" t="s">
        <v>10735</v>
      </c>
      <c r="I24920" s="2">
        <v>1</v>
      </c>
      <c r="J24920" s="2">
        <v>0</v>
      </c>
      <c r="K24920" s="2">
        <v>0</v>
      </c>
      <c r="L24920" t="s">
        <v>120</v>
      </c>
      <c r="M24920" t="s">
        <v>89</v>
      </c>
      <c r="N24920" t="s">
        <v>90</v>
      </c>
      <c r="O24920" t="s">
        <v>85</v>
      </c>
      <c r="P24920" t="s">
        <v>86</v>
      </c>
      <c r="Q24920">
        <v>22</v>
      </c>
      <c r="R24920">
        <v>22</v>
      </c>
      <c r="S24920">
        <v>23</v>
      </c>
      <c r="T24920">
        <v>23</v>
      </c>
      <c r="U24920">
        <v>24</v>
      </c>
      <c r="V24920">
        <v>24</v>
      </c>
      <c r="W24920">
        <v>24</v>
      </c>
      <c r="X24920">
        <v>25</v>
      </c>
      <c r="Y24920">
        <v>25</v>
      </c>
      <c r="Z24920">
        <v>26</v>
      </c>
      <c r="AA24920">
        <v>26</v>
      </c>
      <c r="AB24920">
        <v>26</v>
      </c>
      <c r="AC24920">
        <v>27</v>
      </c>
      <c r="AD24920">
        <v>27</v>
      </c>
      <c r="AE24920">
        <v>27</v>
      </c>
      <c r="AF24920">
        <v>27</v>
      </c>
      <c r="AG24920">
        <v>27</v>
      </c>
      <c r="AH24920">
        <v>27</v>
      </c>
      <c r="AI24920">
        <v>27</v>
      </c>
      <c r="AJ24920">
        <v>27</v>
      </c>
      <c r="AK24920">
        <v>27</v>
      </c>
      <c r="AL24920">
        <v>27</v>
      </c>
      <c r="AM24920">
        <v>27</v>
      </c>
      <c r="AN24920">
        <v>27</v>
      </c>
      <c r="AO24920">
        <v>27</v>
      </c>
      <c r="AP24920">
        <v>27</v>
      </c>
      <c r="AQ24920">
        <v>27</v>
      </c>
    </row>
    <row r="24921" spans="1:43">
      <c r="A24921" t="s">
        <v>15425</v>
      </c>
      <c r="B24921" t="s">
        <v>15426</v>
      </c>
      <c r="C24921" t="s">
        <v>15417</v>
      </c>
      <c r="D24921" t="s">
        <v>15418</v>
      </c>
      <c r="E24921" t="s">
        <v>15241</v>
      </c>
      <c r="F24921" t="s">
        <v>15242</v>
      </c>
      <c r="G24921" t="s">
        <v>10734</v>
      </c>
      <c r="H24921" t="s">
        <v>10735</v>
      </c>
      <c r="I24921" s="2">
        <v>1</v>
      </c>
      <c r="J24921" s="2">
        <v>0</v>
      </c>
      <c r="K24921" s="2">
        <v>0</v>
      </c>
      <c r="L24921" t="s">
        <v>120</v>
      </c>
      <c r="M24921" t="s">
        <v>83</v>
      </c>
      <c r="N24921" t="s">
        <v>91</v>
      </c>
      <c r="O24921" t="s">
        <v>85</v>
      </c>
      <c r="P24921" t="s">
        <v>86</v>
      </c>
      <c r="Q24921">
        <v>22</v>
      </c>
      <c r="R24921">
        <v>23</v>
      </c>
      <c r="S24921">
        <v>23</v>
      </c>
      <c r="T24921">
        <v>23</v>
      </c>
      <c r="U24921">
        <v>24</v>
      </c>
      <c r="V24921">
        <v>24</v>
      </c>
      <c r="W24921">
        <v>24</v>
      </c>
      <c r="X24921">
        <v>25</v>
      </c>
      <c r="Y24921">
        <v>25</v>
      </c>
      <c r="Z24921">
        <v>25</v>
      </c>
      <c r="AA24921">
        <v>25</v>
      </c>
      <c r="AB24921">
        <v>26</v>
      </c>
      <c r="AC24921">
        <v>26</v>
      </c>
      <c r="AD24921">
        <v>26</v>
      </c>
      <c r="AE24921">
        <v>26</v>
      </c>
      <c r="AF24921">
        <v>27</v>
      </c>
      <c r="AG24921">
        <v>27</v>
      </c>
      <c r="AH24921">
        <v>27</v>
      </c>
      <c r="AI24921">
        <v>28</v>
      </c>
      <c r="AJ24921">
        <v>28</v>
      </c>
      <c r="AK24921">
        <v>28</v>
      </c>
      <c r="AL24921">
        <v>28</v>
      </c>
      <c r="AM24921">
        <v>28</v>
      </c>
      <c r="AN24921">
        <v>28</v>
      </c>
      <c r="AO24921">
        <v>28</v>
      </c>
      <c r="AP24921">
        <v>28</v>
      </c>
      <c r="AQ24921">
        <v>28</v>
      </c>
    </row>
    <row r="24922" spans="1:43">
      <c r="A24922" t="s">
        <v>15427</v>
      </c>
      <c r="B24922" t="s">
        <v>15428</v>
      </c>
      <c r="C24922" t="s">
        <v>15429</v>
      </c>
      <c r="D24922" t="s">
        <v>15430</v>
      </c>
      <c r="E24922" t="s">
        <v>15241</v>
      </c>
      <c r="F24922" t="s">
        <v>15242</v>
      </c>
      <c r="G24922" t="s">
        <v>10734</v>
      </c>
      <c r="H24922" t="s">
        <v>10735</v>
      </c>
      <c r="I24922" s="2">
        <v>1</v>
      </c>
      <c r="J24922" s="2">
        <v>0</v>
      </c>
      <c r="K24922" s="2">
        <v>0</v>
      </c>
      <c r="L24922" t="s">
        <v>120</v>
      </c>
      <c r="M24922" t="s">
        <v>83</v>
      </c>
      <c r="N24922" t="s">
        <v>84</v>
      </c>
      <c r="O24922" t="s">
        <v>85</v>
      </c>
      <c r="P24922" t="s">
        <v>86</v>
      </c>
      <c r="Q24922">
        <v>19</v>
      </c>
      <c r="R24922">
        <v>19</v>
      </c>
      <c r="S24922">
        <v>19</v>
      </c>
      <c r="T24922">
        <v>19</v>
      </c>
      <c r="U24922">
        <v>20</v>
      </c>
      <c r="V24922">
        <v>20</v>
      </c>
      <c r="W24922">
        <v>20</v>
      </c>
      <c r="X24922">
        <v>20</v>
      </c>
      <c r="Y24922">
        <v>21</v>
      </c>
      <c r="Z24922">
        <v>21</v>
      </c>
      <c r="AA24922">
        <v>21</v>
      </c>
      <c r="AB24922">
        <v>21</v>
      </c>
      <c r="AC24922">
        <v>21</v>
      </c>
      <c r="AD24922">
        <v>22</v>
      </c>
      <c r="AE24922">
        <v>22</v>
      </c>
      <c r="AF24922">
        <v>22</v>
      </c>
      <c r="AG24922">
        <v>22</v>
      </c>
      <c r="AH24922">
        <v>23</v>
      </c>
      <c r="AI24922">
        <v>23</v>
      </c>
      <c r="AJ24922">
        <v>23</v>
      </c>
      <c r="AK24922">
        <v>23</v>
      </c>
      <c r="AL24922">
        <v>23</v>
      </c>
      <c r="AM24922">
        <v>23</v>
      </c>
      <c r="AN24922">
        <v>23</v>
      </c>
      <c r="AO24922">
        <v>23</v>
      </c>
      <c r="AP24922">
        <v>23</v>
      </c>
      <c r="AQ24922">
        <v>23</v>
      </c>
    </row>
    <row r="24923" spans="1:43">
      <c r="A24923" t="s">
        <v>15427</v>
      </c>
      <c r="B24923" t="s">
        <v>15428</v>
      </c>
      <c r="C24923" t="s">
        <v>15429</v>
      </c>
      <c r="D24923" t="s">
        <v>15430</v>
      </c>
      <c r="E24923" t="s">
        <v>15241</v>
      </c>
      <c r="F24923" t="s">
        <v>15242</v>
      </c>
      <c r="G24923" t="s">
        <v>10734</v>
      </c>
      <c r="H24923" t="s">
        <v>10735</v>
      </c>
      <c r="I24923" s="2">
        <v>1</v>
      </c>
      <c r="J24923" s="2">
        <v>0</v>
      </c>
      <c r="K24923" s="2">
        <v>0</v>
      </c>
      <c r="L24923" t="s">
        <v>120</v>
      </c>
      <c r="M24923" t="s">
        <v>87</v>
      </c>
      <c r="N24923" t="s">
        <v>88</v>
      </c>
      <c r="O24923" t="s">
        <v>85</v>
      </c>
      <c r="P24923" t="s">
        <v>86</v>
      </c>
      <c r="Q24923">
        <v>19</v>
      </c>
      <c r="R24923">
        <v>19</v>
      </c>
      <c r="S24923">
        <v>20</v>
      </c>
      <c r="T24923">
        <v>20</v>
      </c>
      <c r="U24923">
        <v>20</v>
      </c>
      <c r="V24923">
        <v>20</v>
      </c>
      <c r="W24923">
        <v>20</v>
      </c>
      <c r="X24923">
        <v>20</v>
      </c>
      <c r="Y24923">
        <v>20</v>
      </c>
      <c r="Z24923">
        <v>20</v>
      </c>
      <c r="AA24923">
        <v>20</v>
      </c>
      <c r="AB24923">
        <v>20</v>
      </c>
      <c r="AC24923">
        <v>20</v>
      </c>
      <c r="AD24923">
        <v>20</v>
      </c>
      <c r="AE24923">
        <v>20</v>
      </c>
      <c r="AF24923">
        <v>21</v>
      </c>
      <c r="AG24923">
        <v>21</v>
      </c>
      <c r="AH24923">
        <v>21</v>
      </c>
      <c r="AI24923">
        <v>21</v>
      </c>
      <c r="AJ24923">
        <v>21</v>
      </c>
      <c r="AK24923">
        <v>21</v>
      </c>
      <c r="AL24923">
        <v>21</v>
      </c>
      <c r="AM24923">
        <v>21</v>
      </c>
      <c r="AN24923">
        <v>21</v>
      </c>
      <c r="AO24923">
        <v>21</v>
      </c>
      <c r="AP24923">
        <v>21</v>
      </c>
      <c r="AQ24923">
        <v>21</v>
      </c>
    </row>
    <row r="24924" spans="1:43">
      <c r="A24924" t="s">
        <v>15427</v>
      </c>
      <c r="B24924" t="s">
        <v>15428</v>
      </c>
      <c r="C24924" t="s">
        <v>15429</v>
      </c>
      <c r="D24924" t="s">
        <v>15430</v>
      </c>
      <c r="E24924" t="s">
        <v>15241</v>
      </c>
      <c r="F24924" t="s">
        <v>15242</v>
      </c>
      <c r="G24924" t="s">
        <v>10734</v>
      </c>
      <c r="H24924" t="s">
        <v>10735</v>
      </c>
      <c r="I24924" s="2">
        <v>1</v>
      </c>
      <c r="J24924" s="2">
        <v>0</v>
      </c>
      <c r="K24924" s="2">
        <v>0</v>
      </c>
      <c r="L24924" t="s">
        <v>120</v>
      </c>
      <c r="M24924" t="s">
        <v>89</v>
      </c>
      <c r="N24924" t="s">
        <v>90</v>
      </c>
      <c r="O24924" t="s">
        <v>85</v>
      </c>
      <c r="P24924" t="s">
        <v>86</v>
      </c>
      <c r="Q24924">
        <v>19</v>
      </c>
      <c r="R24924">
        <v>19</v>
      </c>
      <c r="S24924">
        <v>20</v>
      </c>
      <c r="T24924">
        <v>20</v>
      </c>
      <c r="U24924">
        <v>20</v>
      </c>
      <c r="V24924">
        <v>21</v>
      </c>
      <c r="W24924">
        <v>21</v>
      </c>
      <c r="X24924">
        <v>21</v>
      </c>
      <c r="Y24924">
        <v>22</v>
      </c>
      <c r="Z24924">
        <v>22</v>
      </c>
      <c r="AA24924">
        <v>22</v>
      </c>
      <c r="AB24924">
        <v>23</v>
      </c>
      <c r="AC24924">
        <v>23</v>
      </c>
      <c r="AD24924">
        <v>23</v>
      </c>
      <c r="AE24924">
        <v>23</v>
      </c>
      <c r="AF24924">
        <v>23</v>
      </c>
      <c r="AG24924">
        <v>23</v>
      </c>
      <c r="AH24924">
        <v>23</v>
      </c>
      <c r="AI24924">
        <v>23</v>
      </c>
      <c r="AJ24924">
        <v>23</v>
      </c>
      <c r="AK24924">
        <v>23</v>
      </c>
      <c r="AL24924">
        <v>23</v>
      </c>
      <c r="AM24924">
        <v>23</v>
      </c>
      <c r="AN24924">
        <v>23</v>
      </c>
      <c r="AO24924">
        <v>23</v>
      </c>
      <c r="AP24924">
        <v>23</v>
      </c>
      <c r="AQ24924">
        <v>23</v>
      </c>
    </row>
    <row r="24925" spans="1:43">
      <c r="A24925" t="s">
        <v>15427</v>
      </c>
      <c r="B24925" t="s">
        <v>15428</v>
      </c>
      <c r="C24925" t="s">
        <v>15429</v>
      </c>
      <c r="D24925" t="s">
        <v>15430</v>
      </c>
      <c r="E24925" t="s">
        <v>15241</v>
      </c>
      <c r="F24925" t="s">
        <v>15242</v>
      </c>
      <c r="G24925" t="s">
        <v>10734</v>
      </c>
      <c r="H24925" t="s">
        <v>10735</v>
      </c>
      <c r="I24925" s="2">
        <v>1</v>
      </c>
      <c r="J24925" s="2">
        <v>0</v>
      </c>
      <c r="K24925" s="2">
        <v>0</v>
      </c>
      <c r="L24925" t="s">
        <v>120</v>
      </c>
      <c r="M24925" t="s">
        <v>83</v>
      </c>
      <c r="N24925" t="s">
        <v>91</v>
      </c>
      <c r="O24925" t="s">
        <v>85</v>
      </c>
      <c r="P24925" t="s">
        <v>86</v>
      </c>
      <c r="Q24925">
        <v>19</v>
      </c>
      <c r="R24925">
        <v>19</v>
      </c>
      <c r="S24925">
        <v>19</v>
      </c>
      <c r="T24925">
        <v>19</v>
      </c>
      <c r="U24925">
        <v>20</v>
      </c>
      <c r="V24925">
        <v>20</v>
      </c>
      <c r="W24925">
        <v>20</v>
      </c>
      <c r="X24925">
        <v>20</v>
      </c>
      <c r="Y24925">
        <v>21</v>
      </c>
      <c r="Z24925">
        <v>21</v>
      </c>
      <c r="AA24925">
        <v>21</v>
      </c>
      <c r="AB24925">
        <v>21</v>
      </c>
      <c r="AC24925">
        <v>21</v>
      </c>
      <c r="AD24925">
        <v>22</v>
      </c>
      <c r="AE24925">
        <v>22</v>
      </c>
      <c r="AF24925">
        <v>22</v>
      </c>
      <c r="AG24925">
        <v>22</v>
      </c>
      <c r="AH24925">
        <v>23</v>
      </c>
      <c r="AI24925">
        <v>23</v>
      </c>
      <c r="AJ24925">
        <v>23</v>
      </c>
      <c r="AK24925">
        <v>23</v>
      </c>
      <c r="AL24925">
        <v>23</v>
      </c>
      <c r="AM24925">
        <v>23</v>
      </c>
      <c r="AN24925">
        <v>23</v>
      </c>
      <c r="AO24925">
        <v>23</v>
      </c>
      <c r="AP24925">
        <v>23</v>
      </c>
      <c r="AQ24925">
        <v>23</v>
      </c>
    </row>
    <row r="24926" spans="1:43">
      <c r="A24926" t="s">
        <v>15431</v>
      </c>
      <c r="B24926" t="s">
        <v>15432</v>
      </c>
      <c r="C24926" t="s">
        <v>15433</v>
      </c>
      <c r="D24926" t="s">
        <v>15434</v>
      </c>
      <c r="E24926" t="s">
        <v>15241</v>
      </c>
      <c r="F24926" t="s">
        <v>15242</v>
      </c>
      <c r="G24926" t="s">
        <v>10734</v>
      </c>
      <c r="H24926" t="s">
        <v>10735</v>
      </c>
      <c r="I24926" s="2">
        <v>1</v>
      </c>
      <c r="J24926" s="2">
        <v>0</v>
      </c>
      <c r="K24926" s="2">
        <v>0</v>
      </c>
      <c r="L24926" t="s">
        <v>120</v>
      </c>
      <c r="M24926" t="s">
        <v>83</v>
      </c>
      <c r="N24926" t="s">
        <v>84</v>
      </c>
      <c r="O24926" t="s">
        <v>85</v>
      </c>
      <c r="P24926" t="s">
        <v>86</v>
      </c>
      <c r="Q24926">
        <v>10</v>
      </c>
      <c r="R24926">
        <v>10</v>
      </c>
      <c r="S24926">
        <v>10</v>
      </c>
      <c r="T24926">
        <v>10</v>
      </c>
      <c r="U24926">
        <v>10</v>
      </c>
      <c r="V24926">
        <v>10</v>
      </c>
      <c r="W24926">
        <v>11</v>
      </c>
      <c r="X24926">
        <v>11</v>
      </c>
      <c r="Y24926">
        <v>11</v>
      </c>
      <c r="Z24926">
        <v>11</v>
      </c>
      <c r="AA24926">
        <v>11</v>
      </c>
      <c r="AB24926">
        <v>11</v>
      </c>
      <c r="AC24926">
        <v>11</v>
      </c>
      <c r="AD24926">
        <v>11</v>
      </c>
      <c r="AE24926">
        <v>11</v>
      </c>
      <c r="AF24926">
        <v>12</v>
      </c>
      <c r="AG24926">
        <v>12</v>
      </c>
      <c r="AH24926">
        <v>12</v>
      </c>
      <c r="AI24926">
        <v>12</v>
      </c>
      <c r="AJ24926">
        <v>12</v>
      </c>
      <c r="AK24926">
        <v>12</v>
      </c>
      <c r="AL24926">
        <v>12</v>
      </c>
      <c r="AM24926">
        <v>12</v>
      </c>
      <c r="AN24926">
        <v>12</v>
      </c>
      <c r="AO24926">
        <v>12</v>
      </c>
      <c r="AP24926">
        <v>12</v>
      </c>
      <c r="AQ24926">
        <v>12</v>
      </c>
    </row>
    <row r="24927" spans="1:43">
      <c r="A24927" t="s">
        <v>15431</v>
      </c>
      <c r="B24927" t="s">
        <v>15432</v>
      </c>
      <c r="C24927" t="s">
        <v>15433</v>
      </c>
      <c r="D24927" t="s">
        <v>15434</v>
      </c>
      <c r="E24927" t="s">
        <v>15241</v>
      </c>
      <c r="F24927" t="s">
        <v>15242</v>
      </c>
      <c r="G24927" t="s">
        <v>10734</v>
      </c>
      <c r="H24927" t="s">
        <v>10735</v>
      </c>
      <c r="I24927" s="2">
        <v>1</v>
      </c>
      <c r="J24927" s="2">
        <v>0</v>
      </c>
      <c r="K24927" s="2">
        <v>0</v>
      </c>
      <c r="L24927" t="s">
        <v>120</v>
      </c>
      <c r="M24927" t="s">
        <v>87</v>
      </c>
      <c r="N24927" t="s">
        <v>88</v>
      </c>
      <c r="O24927" t="s">
        <v>85</v>
      </c>
      <c r="P24927" t="s">
        <v>86</v>
      </c>
      <c r="Q24927">
        <v>10</v>
      </c>
      <c r="R24927">
        <v>10</v>
      </c>
      <c r="S24927">
        <v>10</v>
      </c>
      <c r="T24927">
        <v>10</v>
      </c>
      <c r="U24927">
        <v>10</v>
      </c>
      <c r="V24927">
        <v>10</v>
      </c>
      <c r="W24927">
        <v>10</v>
      </c>
      <c r="X24927">
        <v>10</v>
      </c>
      <c r="Y24927">
        <v>10</v>
      </c>
      <c r="Z24927">
        <v>10</v>
      </c>
      <c r="AA24927">
        <v>10</v>
      </c>
      <c r="AB24927">
        <v>10</v>
      </c>
      <c r="AC24927">
        <v>10</v>
      </c>
      <c r="AD24927">
        <v>10</v>
      </c>
      <c r="AE24927">
        <v>10</v>
      </c>
      <c r="AF24927">
        <v>10</v>
      </c>
      <c r="AG24927">
        <v>10</v>
      </c>
      <c r="AH24927">
        <v>10</v>
      </c>
      <c r="AI24927">
        <v>10</v>
      </c>
      <c r="AJ24927">
        <v>10</v>
      </c>
      <c r="AK24927">
        <v>10</v>
      </c>
      <c r="AL24927">
        <v>10</v>
      </c>
      <c r="AM24927">
        <v>10</v>
      </c>
      <c r="AN24927">
        <v>11</v>
      </c>
      <c r="AO24927">
        <v>11</v>
      </c>
      <c r="AP24927">
        <v>11</v>
      </c>
      <c r="AQ24927">
        <v>11</v>
      </c>
    </row>
    <row r="24928" spans="1:43">
      <c r="A24928" t="s">
        <v>15431</v>
      </c>
      <c r="B24928" t="s">
        <v>15432</v>
      </c>
      <c r="C24928" t="s">
        <v>15433</v>
      </c>
      <c r="D24928" t="s">
        <v>15434</v>
      </c>
      <c r="E24928" t="s">
        <v>15241</v>
      </c>
      <c r="F24928" t="s">
        <v>15242</v>
      </c>
      <c r="G24928" t="s">
        <v>10734</v>
      </c>
      <c r="H24928" t="s">
        <v>10735</v>
      </c>
      <c r="I24928" s="2">
        <v>1</v>
      </c>
      <c r="J24928" s="2">
        <v>0</v>
      </c>
      <c r="K24928" s="2">
        <v>0</v>
      </c>
      <c r="L24928" t="s">
        <v>120</v>
      </c>
      <c r="M24928" t="s">
        <v>89</v>
      </c>
      <c r="N24928" t="s">
        <v>90</v>
      </c>
      <c r="O24928" t="s">
        <v>85</v>
      </c>
      <c r="P24928" t="s">
        <v>86</v>
      </c>
      <c r="Q24928">
        <v>10</v>
      </c>
      <c r="R24928">
        <v>10</v>
      </c>
      <c r="S24928">
        <v>10</v>
      </c>
      <c r="T24928">
        <v>10</v>
      </c>
      <c r="U24928">
        <v>11</v>
      </c>
      <c r="V24928">
        <v>11</v>
      </c>
      <c r="W24928">
        <v>11</v>
      </c>
      <c r="X24928">
        <v>11</v>
      </c>
      <c r="Y24928">
        <v>11</v>
      </c>
      <c r="Z24928">
        <v>12</v>
      </c>
      <c r="AA24928">
        <v>12</v>
      </c>
      <c r="AB24928">
        <v>12</v>
      </c>
      <c r="AC24928">
        <v>12</v>
      </c>
      <c r="AD24928">
        <v>12</v>
      </c>
      <c r="AE24928">
        <v>12</v>
      </c>
      <c r="AF24928">
        <v>12</v>
      </c>
      <c r="AG24928">
        <v>12</v>
      </c>
      <c r="AH24928">
        <v>12</v>
      </c>
      <c r="AI24928">
        <v>12</v>
      </c>
      <c r="AJ24928">
        <v>12</v>
      </c>
      <c r="AK24928">
        <v>12</v>
      </c>
      <c r="AL24928">
        <v>12</v>
      </c>
      <c r="AM24928">
        <v>12</v>
      </c>
      <c r="AN24928">
        <v>12</v>
      </c>
      <c r="AO24928">
        <v>12</v>
      </c>
      <c r="AP24928">
        <v>12</v>
      </c>
      <c r="AQ24928">
        <v>12</v>
      </c>
    </row>
    <row r="24929" spans="1:43">
      <c r="A24929" t="s">
        <v>15431</v>
      </c>
      <c r="B24929" t="s">
        <v>15432</v>
      </c>
      <c r="C24929" t="s">
        <v>15433</v>
      </c>
      <c r="D24929" t="s">
        <v>15434</v>
      </c>
      <c r="E24929" t="s">
        <v>15241</v>
      </c>
      <c r="F24929" t="s">
        <v>15242</v>
      </c>
      <c r="G24929" t="s">
        <v>10734</v>
      </c>
      <c r="H24929" t="s">
        <v>10735</v>
      </c>
      <c r="I24929" s="2">
        <v>1</v>
      </c>
      <c r="J24929" s="2">
        <v>0</v>
      </c>
      <c r="K24929" s="2">
        <v>0</v>
      </c>
      <c r="L24929" t="s">
        <v>120</v>
      </c>
      <c r="M24929" t="s">
        <v>83</v>
      </c>
      <c r="N24929" t="s">
        <v>91</v>
      </c>
      <c r="O24929" t="s">
        <v>85</v>
      </c>
      <c r="P24929" t="s">
        <v>86</v>
      </c>
      <c r="Q24929">
        <v>10</v>
      </c>
      <c r="R24929">
        <v>10</v>
      </c>
      <c r="S24929">
        <v>10</v>
      </c>
      <c r="T24929">
        <v>10</v>
      </c>
      <c r="U24929">
        <v>10</v>
      </c>
      <c r="V24929">
        <v>10</v>
      </c>
      <c r="W24929">
        <v>11</v>
      </c>
      <c r="X24929">
        <v>11</v>
      </c>
      <c r="Y24929">
        <v>11</v>
      </c>
      <c r="Z24929">
        <v>11</v>
      </c>
      <c r="AA24929">
        <v>11</v>
      </c>
      <c r="AB24929">
        <v>11</v>
      </c>
      <c r="AC24929">
        <v>11</v>
      </c>
      <c r="AD24929">
        <v>11</v>
      </c>
      <c r="AE24929">
        <v>11</v>
      </c>
      <c r="AF24929">
        <v>12</v>
      </c>
      <c r="AG24929">
        <v>12</v>
      </c>
      <c r="AH24929">
        <v>12</v>
      </c>
      <c r="AI24929">
        <v>12</v>
      </c>
      <c r="AJ24929">
        <v>12</v>
      </c>
      <c r="AK24929">
        <v>12</v>
      </c>
      <c r="AL24929">
        <v>12</v>
      </c>
      <c r="AM24929">
        <v>12</v>
      </c>
      <c r="AN24929">
        <v>12</v>
      </c>
      <c r="AO24929">
        <v>12</v>
      </c>
      <c r="AP24929">
        <v>12</v>
      </c>
      <c r="AQ24929">
        <v>12</v>
      </c>
    </row>
    <row r="24930" spans="1:43">
      <c r="A24930" t="s">
        <v>15435</v>
      </c>
      <c r="B24930" t="s">
        <v>15436</v>
      </c>
      <c r="C24930" t="s">
        <v>15429</v>
      </c>
      <c r="D24930" t="s">
        <v>15430</v>
      </c>
      <c r="E24930" t="s">
        <v>15241</v>
      </c>
      <c r="F24930" t="s">
        <v>15242</v>
      </c>
      <c r="G24930" t="s">
        <v>10734</v>
      </c>
      <c r="H24930" t="s">
        <v>10735</v>
      </c>
      <c r="I24930" s="2">
        <v>1</v>
      </c>
      <c r="J24930" s="2">
        <v>0</v>
      </c>
      <c r="K24930" s="2">
        <v>0</v>
      </c>
      <c r="L24930" t="s">
        <v>120</v>
      </c>
      <c r="M24930" t="s">
        <v>83</v>
      </c>
      <c r="N24930" t="s">
        <v>84</v>
      </c>
      <c r="O24930" t="s">
        <v>85</v>
      </c>
      <c r="P24930" t="s">
        <v>86</v>
      </c>
      <c r="Q24930">
        <v>8</v>
      </c>
      <c r="R24930">
        <v>8</v>
      </c>
      <c r="S24930">
        <v>8</v>
      </c>
      <c r="T24930">
        <v>9</v>
      </c>
      <c r="U24930">
        <v>9</v>
      </c>
      <c r="V24930">
        <v>9</v>
      </c>
      <c r="W24930">
        <v>9</v>
      </c>
      <c r="X24930">
        <v>9</v>
      </c>
      <c r="Y24930">
        <v>9</v>
      </c>
      <c r="Z24930">
        <v>9</v>
      </c>
      <c r="AA24930">
        <v>9</v>
      </c>
      <c r="AB24930">
        <v>9</v>
      </c>
      <c r="AC24930">
        <v>10</v>
      </c>
      <c r="AD24930">
        <v>10</v>
      </c>
      <c r="AE24930">
        <v>10</v>
      </c>
      <c r="AF24930">
        <v>10</v>
      </c>
      <c r="AG24930">
        <v>10</v>
      </c>
      <c r="AH24930">
        <v>10</v>
      </c>
      <c r="AI24930">
        <v>10</v>
      </c>
      <c r="AJ24930">
        <v>10</v>
      </c>
      <c r="AK24930">
        <v>10</v>
      </c>
      <c r="AL24930">
        <v>10</v>
      </c>
      <c r="AM24930">
        <v>10</v>
      </c>
      <c r="AN24930">
        <v>10</v>
      </c>
      <c r="AO24930">
        <v>10</v>
      </c>
      <c r="AP24930">
        <v>10</v>
      </c>
      <c r="AQ24930">
        <v>10</v>
      </c>
    </row>
    <row r="24931" spans="1:43">
      <c r="A24931" t="s">
        <v>15435</v>
      </c>
      <c r="B24931" t="s">
        <v>15436</v>
      </c>
      <c r="C24931" t="s">
        <v>15429</v>
      </c>
      <c r="D24931" t="s">
        <v>15430</v>
      </c>
      <c r="E24931" t="s">
        <v>15241</v>
      </c>
      <c r="F24931" t="s">
        <v>15242</v>
      </c>
      <c r="G24931" t="s">
        <v>10734</v>
      </c>
      <c r="H24931" t="s">
        <v>10735</v>
      </c>
      <c r="I24931" s="2">
        <v>1</v>
      </c>
      <c r="J24931" s="2">
        <v>0</v>
      </c>
      <c r="K24931" s="2">
        <v>0</v>
      </c>
      <c r="L24931" t="s">
        <v>120</v>
      </c>
      <c r="M24931" t="s">
        <v>87</v>
      </c>
      <c r="N24931" t="s">
        <v>88</v>
      </c>
      <c r="O24931" t="s">
        <v>85</v>
      </c>
      <c r="P24931" t="s">
        <v>86</v>
      </c>
      <c r="Q24931">
        <v>8</v>
      </c>
      <c r="R24931">
        <v>8</v>
      </c>
      <c r="S24931">
        <v>8</v>
      </c>
      <c r="T24931">
        <v>8</v>
      </c>
      <c r="U24931">
        <v>8</v>
      </c>
      <c r="V24931">
        <v>8</v>
      </c>
      <c r="W24931">
        <v>8</v>
      </c>
      <c r="X24931">
        <v>8</v>
      </c>
      <c r="Y24931">
        <v>8</v>
      </c>
      <c r="Z24931">
        <v>8</v>
      </c>
      <c r="AA24931">
        <v>9</v>
      </c>
      <c r="AB24931">
        <v>9</v>
      </c>
      <c r="AC24931">
        <v>9</v>
      </c>
      <c r="AD24931">
        <v>9</v>
      </c>
      <c r="AE24931">
        <v>9</v>
      </c>
      <c r="AF24931">
        <v>9</v>
      </c>
      <c r="AG24931">
        <v>9</v>
      </c>
      <c r="AH24931">
        <v>9</v>
      </c>
      <c r="AI24931">
        <v>9</v>
      </c>
      <c r="AJ24931">
        <v>9</v>
      </c>
      <c r="AK24931">
        <v>9</v>
      </c>
      <c r="AL24931">
        <v>9</v>
      </c>
      <c r="AM24931">
        <v>9</v>
      </c>
      <c r="AN24931">
        <v>9</v>
      </c>
      <c r="AO24931">
        <v>9</v>
      </c>
      <c r="AP24931">
        <v>9</v>
      </c>
      <c r="AQ24931">
        <v>9</v>
      </c>
    </row>
    <row r="24932" spans="1:43">
      <c r="A24932" t="s">
        <v>15435</v>
      </c>
      <c r="B24932" t="s">
        <v>15436</v>
      </c>
      <c r="C24932" t="s">
        <v>15429</v>
      </c>
      <c r="D24932" t="s">
        <v>15430</v>
      </c>
      <c r="E24932" t="s">
        <v>15241</v>
      </c>
      <c r="F24932" t="s">
        <v>15242</v>
      </c>
      <c r="G24932" t="s">
        <v>10734</v>
      </c>
      <c r="H24932" t="s">
        <v>10735</v>
      </c>
      <c r="I24932" s="2">
        <v>1</v>
      </c>
      <c r="J24932" s="2">
        <v>0</v>
      </c>
      <c r="K24932" s="2">
        <v>0</v>
      </c>
      <c r="L24932" t="s">
        <v>120</v>
      </c>
      <c r="M24932" t="s">
        <v>89</v>
      </c>
      <c r="N24932" t="s">
        <v>90</v>
      </c>
      <c r="O24932" t="s">
        <v>85</v>
      </c>
      <c r="P24932" t="s">
        <v>86</v>
      </c>
      <c r="Q24932">
        <v>8</v>
      </c>
      <c r="R24932">
        <v>8</v>
      </c>
      <c r="S24932">
        <v>9</v>
      </c>
      <c r="T24932">
        <v>9</v>
      </c>
      <c r="U24932">
        <v>9</v>
      </c>
      <c r="V24932">
        <v>9</v>
      </c>
      <c r="W24932">
        <v>9</v>
      </c>
      <c r="X24932">
        <v>9</v>
      </c>
      <c r="Y24932">
        <v>10</v>
      </c>
      <c r="Z24932">
        <v>10</v>
      </c>
      <c r="AA24932">
        <v>10</v>
      </c>
      <c r="AB24932">
        <v>10</v>
      </c>
      <c r="AC24932">
        <v>10</v>
      </c>
      <c r="AD24932">
        <v>10</v>
      </c>
      <c r="AE24932">
        <v>10</v>
      </c>
      <c r="AF24932">
        <v>10</v>
      </c>
      <c r="AG24932">
        <v>10</v>
      </c>
      <c r="AH24932">
        <v>10</v>
      </c>
      <c r="AI24932">
        <v>10</v>
      </c>
      <c r="AJ24932">
        <v>10</v>
      </c>
      <c r="AK24932">
        <v>10</v>
      </c>
      <c r="AL24932">
        <v>10</v>
      </c>
      <c r="AM24932">
        <v>10</v>
      </c>
      <c r="AN24932">
        <v>10</v>
      </c>
      <c r="AO24932">
        <v>10</v>
      </c>
      <c r="AP24932">
        <v>10</v>
      </c>
      <c r="AQ24932">
        <v>10</v>
      </c>
    </row>
    <row r="24933" spans="1:43">
      <c r="A24933" t="s">
        <v>15435</v>
      </c>
      <c r="B24933" t="s">
        <v>15436</v>
      </c>
      <c r="C24933" t="s">
        <v>15429</v>
      </c>
      <c r="D24933" t="s">
        <v>15430</v>
      </c>
      <c r="E24933" t="s">
        <v>15241</v>
      </c>
      <c r="F24933" t="s">
        <v>15242</v>
      </c>
      <c r="G24933" t="s">
        <v>10734</v>
      </c>
      <c r="H24933" t="s">
        <v>10735</v>
      </c>
      <c r="I24933" s="2">
        <v>1</v>
      </c>
      <c r="J24933" s="2">
        <v>0</v>
      </c>
      <c r="K24933" s="2">
        <v>0</v>
      </c>
      <c r="L24933" t="s">
        <v>120</v>
      </c>
      <c r="M24933" t="s">
        <v>83</v>
      </c>
      <c r="N24933" t="s">
        <v>91</v>
      </c>
      <c r="O24933" t="s">
        <v>85</v>
      </c>
      <c r="P24933" t="s">
        <v>86</v>
      </c>
      <c r="Q24933">
        <v>8</v>
      </c>
      <c r="R24933">
        <v>8</v>
      </c>
      <c r="S24933">
        <v>8</v>
      </c>
      <c r="T24933">
        <v>9</v>
      </c>
      <c r="U24933">
        <v>9</v>
      </c>
      <c r="V24933">
        <v>9</v>
      </c>
      <c r="W24933">
        <v>9</v>
      </c>
      <c r="X24933">
        <v>9</v>
      </c>
      <c r="Y24933">
        <v>9</v>
      </c>
      <c r="Z24933">
        <v>9</v>
      </c>
      <c r="AA24933">
        <v>9</v>
      </c>
      <c r="AB24933">
        <v>9</v>
      </c>
      <c r="AC24933">
        <v>10</v>
      </c>
      <c r="AD24933">
        <v>10</v>
      </c>
      <c r="AE24933">
        <v>10</v>
      </c>
      <c r="AF24933">
        <v>10</v>
      </c>
      <c r="AG24933">
        <v>10</v>
      </c>
      <c r="AH24933">
        <v>10</v>
      </c>
      <c r="AI24933">
        <v>10</v>
      </c>
      <c r="AJ24933">
        <v>10</v>
      </c>
      <c r="AK24933">
        <v>10</v>
      </c>
      <c r="AL24933">
        <v>10</v>
      </c>
      <c r="AM24933">
        <v>10</v>
      </c>
      <c r="AN24933">
        <v>10</v>
      </c>
      <c r="AO24933">
        <v>10</v>
      </c>
      <c r="AP24933">
        <v>10</v>
      </c>
      <c r="AQ24933">
        <v>10</v>
      </c>
    </row>
    <row r="24934" spans="1:43">
      <c r="A24934" t="s">
        <v>15437</v>
      </c>
      <c r="B24934" t="s">
        <v>15438</v>
      </c>
      <c r="C24934" t="s">
        <v>15429</v>
      </c>
      <c r="D24934" t="s">
        <v>15430</v>
      </c>
      <c r="E24934" t="s">
        <v>15241</v>
      </c>
      <c r="F24934" t="s">
        <v>15242</v>
      </c>
      <c r="G24934" t="s">
        <v>10734</v>
      </c>
      <c r="H24934" t="s">
        <v>10735</v>
      </c>
      <c r="I24934" s="2">
        <v>1</v>
      </c>
      <c r="J24934" s="2">
        <v>0</v>
      </c>
      <c r="K24934" s="2">
        <v>0</v>
      </c>
      <c r="L24934" t="s">
        <v>120</v>
      </c>
      <c r="M24934" t="s">
        <v>83</v>
      </c>
      <c r="N24934" t="s">
        <v>84</v>
      </c>
      <c r="O24934" t="s">
        <v>85</v>
      </c>
      <c r="P24934" t="s">
        <v>86</v>
      </c>
      <c r="Q24934">
        <v>22</v>
      </c>
      <c r="R24934">
        <v>22</v>
      </c>
      <c r="S24934">
        <v>22</v>
      </c>
      <c r="T24934">
        <v>23</v>
      </c>
      <c r="U24934">
        <v>23</v>
      </c>
      <c r="V24934">
        <v>23</v>
      </c>
      <c r="W24934">
        <v>23</v>
      </c>
      <c r="X24934">
        <v>24</v>
      </c>
      <c r="Y24934">
        <v>24</v>
      </c>
      <c r="Z24934">
        <v>24</v>
      </c>
      <c r="AA24934">
        <v>24</v>
      </c>
      <c r="AB24934">
        <v>25</v>
      </c>
      <c r="AC24934">
        <v>25</v>
      </c>
      <c r="AD24934">
        <v>25</v>
      </c>
      <c r="AE24934">
        <v>25</v>
      </c>
      <c r="AF24934">
        <v>26</v>
      </c>
      <c r="AG24934">
        <v>26</v>
      </c>
      <c r="AH24934">
        <v>26</v>
      </c>
      <c r="AI24934">
        <v>26</v>
      </c>
      <c r="AJ24934">
        <v>27</v>
      </c>
      <c r="AK24934">
        <v>27</v>
      </c>
      <c r="AL24934">
        <v>27</v>
      </c>
      <c r="AM24934">
        <v>27</v>
      </c>
      <c r="AN24934">
        <v>27</v>
      </c>
      <c r="AO24934">
        <v>27</v>
      </c>
      <c r="AP24934">
        <v>27</v>
      </c>
      <c r="AQ24934">
        <v>27</v>
      </c>
    </row>
    <row r="24935" spans="1:43">
      <c r="A24935" t="s">
        <v>15437</v>
      </c>
      <c r="B24935" t="s">
        <v>15438</v>
      </c>
      <c r="C24935" t="s">
        <v>15429</v>
      </c>
      <c r="D24935" t="s">
        <v>15430</v>
      </c>
      <c r="E24935" t="s">
        <v>15241</v>
      </c>
      <c r="F24935" t="s">
        <v>15242</v>
      </c>
      <c r="G24935" t="s">
        <v>10734</v>
      </c>
      <c r="H24935" t="s">
        <v>10735</v>
      </c>
      <c r="I24935" s="2">
        <v>1</v>
      </c>
      <c r="J24935" s="2">
        <v>0</v>
      </c>
      <c r="K24935" s="2">
        <v>0</v>
      </c>
      <c r="L24935" t="s">
        <v>120</v>
      </c>
      <c r="M24935" t="s">
        <v>87</v>
      </c>
      <c r="N24935" t="s">
        <v>88</v>
      </c>
      <c r="O24935" t="s">
        <v>85</v>
      </c>
      <c r="P24935" t="s">
        <v>86</v>
      </c>
      <c r="Q24935">
        <v>22</v>
      </c>
      <c r="R24935">
        <v>23</v>
      </c>
      <c r="S24935">
        <v>23</v>
      </c>
      <c r="T24935">
        <v>23</v>
      </c>
      <c r="U24935">
        <v>23</v>
      </c>
      <c r="V24935">
        <v>23</v>
      </c>
      <c r="W24935">
        <v>23</v>
      </c>
      <c r="X24935">
        <v>23</v>
      </c>
      <c r="Y24935">
        <v>23</v>
      </c>
      <c r="Z24935">
        <v>23</v>
      </c>
      <c r="AA24935">
        <v>23</v>
      </c>
      <c r="AB24935">
        <v>23</v>
      </c>
      <c r="AC24935">
        <v>24</v>
      </c>
      <c r="AD24935">
        <v>24</v>
      </c>
      <c r="AE24935">
        <v>24</v>
      </c>
      <c r="AF24935">
        <v>24</v>
      </c>
      <c r="AG24935">
        <v>24</v>
      </c>
      <c r="AH24935">
        <v>24</v>
      </c>
      <c r="AI24935">
        <v>24</v>
      </c>
      <c r="AJ24935">
        <v>24</v>
      </c>
      <c r="AK24935">
        <v>24</v>
      </c>
      <c r="AL24935">
        <v>24</v>
      </c>
      <c r="AM24935">
        <v>24</v>
      </c>
      <c r="AN24935">
        <v>24</v>
      </c>
      <c r="AO24935">
        <v>24</v>
      </c>
      <c r="AP24935">
        <v>25</v>
      </c>
      <c r="AQ24935">
        <v>25</v>
      </c>
    </row>
    <row r="24936" spans="1:43">
      <c r="A24936" t="s">
        <v>15437</v>
      </c>
      <c r="B24936" t="s">
        <v>15438</v>
      </c>
      <c r="C24936" t="s">
        <v>15429</v>
      </c>
      <c r="D24936" t="s">
        <v>15430</v>
      </c>
      <c r="E24936" t="s">
        <v>15241</v>
      </c>
      <c r="F24936" t="s">
        <v>15242</v>
      </c>
      <c r="G24936" t="s">
        <v>10734</v>
      </c>
      <c r="H24936" t="s">
        <v>10735</v>
      </c>
      <c r="I24936" s="2">
        <v>1</v>
      </c>
      <c r="J24936" s="2">
        <v>0</v>
      </c>
      <c r="K24936" s="2">
        <v>0</v>
      </c>
      <c r="L24936" t="s">
        <v>120</v>
      </c>
      <c r="M24936" t="s">
        <v>89</v>
      </c>
      <c r="N24936" t="s">
        <v>90</v>
      </c>
      <c r="O24936" t="s">
        <v>85</v>
      </c>
      <c r="P24936" t="s">
        <v>86</v>
      </c>
      <c r="Q24936">
        <v>22</v>
      </c>
      <c r="R24936">
        <v>22</v>
      </c>
      <c r="S24936">
        <v>23</v>
      </c>
      <c r="T24936">
        <v>23</v>
      </c>
      <c r="U24936">
        <v>24</v>
      </c>
      <c r="V24936">
        <v>24</v>
      </c>
      <c r="W24936">
        <v>25</v>
      </c>
      <c r="X24936">
        <v>25</v>
      </c>
      <c r="Y24936">
        <v>25</v>
      </c>
      <c r="Z24936">
        <v>26</v>
      </c>
      <c r="AA24936">
        <v>26</v>
      </c>
      <c r="AB24936">
        <v>26</v>
      </c>
      <c r="AC24936">
        <v>27</v>
      </c>
      <c r="AD24936">
        <v>27</v>
      </c>
      <c r="AE24936">
        <v>27</v>
      </c>
      <c r="AF24936">
        <v>27</v>
      </c>
      <c r="AG24936">
        <v>27</v>
      </c>
      <c r="AH24936">
        <v>27</v>
      </c>
      <c r="AI24936">
        <v>27</v>
      </c>
      <c r="AJ24936">
        <v>27</v>
      </c>
      <c r="AK24936">
        <v>27</v>
      </c>
      <c r="AL24936">
        <v>27</v>
      </c>
      <c r="AM24936">
        <v>27</v>
      </c>
      <c r="AN24936">
        <v>27</v>
      </c>
      <c r="AO24936">
        <v>27</v>
      </c>
      <c r="AP24936">
        <v>27</v>
      </c>
      <c r="AQ24936">
        <v>27</v>
      </c>
    </row>
    <row r="24937" spans="1:43">
      <c r="A24937" t="s">
        <v>15437</v>
      </c>
      <c r="B24937" t="s">
        <v>15438</v>
      </c>
      <c r="C24937" t="s">
        <v>15429</v>
      </c>
      <c r="D24937" t="s">
        <v>15430</v>
      </c>
      <c r="E24937" t="s">
        <v>15241</v>
      </c>
      <c r="F24937" t="s">
        <v>15242</v>
      </c>
      <c r="G24937" t="s">
        <v>10734</v>
      </c>
      <c r="H24937" t="s">
        <v>10735</v>
      </c>
      <c r="I24937" s="2">
        <v>1</v>
      </c>
      <c r="J24937" s="2">
        <v>0</v>
      </c>
      <c r="K24937" s="2">
        <v>0</v>
      </c>
      <c r="L24937" t="s">
        <v>120</v>
      </c>
      <c r="M24937" t="s">
        <v>83</v>
      </c>
      <c r="N24937" t="s">
        <v>91</v>
      </c>
      <c r="O24937" t="s">
        <v>85</v>
      </c>
      <c r="P24937" t="s">
        <v>86</v>
      </c>
      <c r="Q24937">
        <v>22</v>
      </c>
      <c r="R24937">
        <v>22</v>
      </c>
      <c r="S24937">
        <v>22</v>
      </c>
      <c r="T24937">
        <v>23</v>
      </c>
      <c r="U24937">
        <v>23</v>
      </c>
      <c r="V24937">
        <v>23</v>
      </c>
      <c r="W24937">
        <v>23</v>
      </c>
      <c r="X24937">
        <v>24</v>
      </c>
      <c r="Y24937">
        <v>24</v>
      </c>
      <c r="Z24937">
        <v>24</v>
      </c>
      <c r="AA24937">
        <v>24</v>
      </c>
      <c r="AB24937">
        <v>25</v>
      </c>
      <c r="AC24937">
        <v>25</v>
      </c>
      <c r="AD24937">
        <v>25</v>
      </c>
      <c r="AE24937">
        <v>25</v>
      </c>
      <c r="AF24937">
        <v>26</v>
      </c>
      <c r="AG24937">
        <v>26</v>
      </c>
      <c r="AH24937">
        <v>26</v>
      </c>
      <c r="AI24937">
        <v>26</v>
      </c>
      <c r="AJ24937">
        <v>27</v>
      </c>
      <c r="AK24937">
        <v>27</v>
      </c>
      <c r="AL24937">
        <v>27</v>
      </c>
      <c r="AM24937">
        <v>27</v>
      </c>
      <c r="AN24937">
        <v>27</v>
      </c>
      <c r="AO24937">
        <v>27</v>
      </c>
      <c r="AP24937">
        <v>27</v>
      </c>
      <c r="AQ24937">
        <v>27</v>
      </c>
    </row>
    <row r="24938" spans="1:43">
      <c r="A24938" t="s">
        <v>15439</v>
      </c>
      <c r="B24938" t="s">
        <v>15440</v>
      </c>
      <c r="C24938" t="s">
        <v>15433</v>
      </c>
      <c r="D24938" t="s">
        <v>15434</v>
      </c>
      <c r="E24938" t="s">
        <v>15241</v>
      </c>
      <c r="F24938" t="s">
        <v>15242</v>
      </c>
      <c r="G24938" t="s">
        <v>10734</v>
      </c>
      <c r="H24938" t="s">
        <v>10735</v>
      </c>
      <c r="I24938" s="2">
        <v>1</v>
      </c>
      <c r="J24938" s="2">
        <v>0</v>
      </c>
      <c r="K24938" s="2">
        <v>0</v>
      </c>
      <c r="L24938" t="s">
        <v>120</v>
      </c>
      <c r="M24938" t="s">
        <v>83</v>
      </c>
      <c r="N24938" t="s">
        <v>84</v>
      </c>
      <c r="O24938" t="s">
        <v>85</v>
      </c>
      <c r="P24938" t="s">
        <v>86</v>
      </c>
      <c r="Q24938">
        <v>16</v>
      </c>
      <c r="R24938">
        <v>17</v>
      </c>
      <c r="S24938">
        <v>17</v>
      </c>
      <c r="T24938">
        <v>17</v>
      </c>
      <c r="U24938">
        <v>17</v>
      </c>
      <c r="V24938">
        <v>18</v>
      </c>
      <c r="W24938">
        <v>18</v>
      </c>
      <c r="X24938">
        <v>18</v>
      </c>
      <c r="Y24938">
        <v>18</v>
      </c>
      <c r="Z24938">
        <v>18</v>
      </c>
      <c r="AA24938">
        <v>19</v>
      </c>
      <c r="AB24938">
        <v>19</v>
      </c>
      <c r="AC24938">
        <v>19</v>
      </c>
      <c r="AD24938">
        <v>19</v>
      </c>
      <c r="AE24938">
        <v>19</v>
      </c>
      <c r="AF24938">
        <v>20</v>
      </c>
      <c r="AG24938">
        <v>20</v>
      </c>
      <c r="AH24938">
        <v>20</v>
      </c>
      <c r="AI24938">
        <v>20</v>
      </c>
      <c r="AJ24938">
        <v>20</v>
      </c>
      <c r="AK24938">
        <v>20</v>
      </c>
      <c r="AL24938">
        <v>20</v>
      </c>
      <c r="AM24938">
        <v>20</v>
      </c>
      <c r="AN24938">
        <v>20</v>
      </c>
      <c r="AO24938">
        <v>20</v>
      </c>
      <c r="AP24938">
        <v>20</v>
      </c>
      <c r="AQ24938">
        <v>20</v>
      </c>
    </row>
    <row r="24939" spans="1:43">
      <c r="A24939" t="s">
        <v>15439</v>
      </c>
      <c r="B24939" t="s">
        <v>15440</v>
      </c>
      <c r="C24939" t="s">
        <v>15433</v>
      </c>
      <c r="D24939" t="s">
        <v>15434</v>
      </c>
      <c r="E24939" t="s">
        <v>15241</v>
      </c>
      <c r="F24939" t="s">
        <v>15242</v>
      </c>
      <c r="G24939" t="s">
        <v>10734</v>
      </c>
      <c r="H24939" t="s">
        <v>10735</v>
      </c>
      <c r="I24939" s="2">
        <v>1</v>
      </c>
      <c r="J24939" s="2">
        <v>0</v>
      </c>
      <c r="K24939" s="2">
        <v>0</v>
      </c>
      <c r="L24939" t="s">
        <v>120</v>
      </c>
      <c r="M24939" t="s">
        <v>87</v>
      </c>
      <c r="N24939" t="s">
        <v>88</v>
      </c>
      <c r="O24939" t="s">
        <v>85</v>
      </c>
      <c r="P24939" t="s">
        <v>86</v>
      </c>
      <c r="Q24939">
        <v>16</v>
      </c>
      <c r="R24939">
        <v>16</v>
      </c>
      <c r="S24939">
        <v>16</v>
      </c>
      <c r="T24939">
        <v>16</v>
      </c>
      <c r="U24939">
        <v>17</v>
      </c>
      <c r="V24939">
        <v>17</v>
      </c>
      <c r="W24939">
        <v>17</v>
      </c>
      <c r="X24939">
        <v>17</v>
      </c>
      <c r="Y24939">
        <v>17</v>
      </c>
      <c r="Z24939">
        <v>17</v>
      </c>
      <c r="AA24939">
        <v>17</v>
      </c>
      <c r="AB24939">
        <v>17</v>
      </c>
      <c r="AC24939">
        <v>17</v>
      </c>
      <c r="AD24939">
        <v>17</v>
      </c>
      <c r="AE24939">
        <v>17</v>
      </c>
      <c r="AF24939">
        <v>17</v>
      </c>
      <c r="AG24939">
        <v>17</v>
      </c>
      <c r="AH24939">
        <v>17</v>
      </c>
      <c r="AI24939">
        <v>17</v>
      </c>
      <c r="AJ24939">
        <v>18</v>
      </c>
      <c r="AK24939">
        <v>18</v>
      </c>
      <c r="AL24939">
        <v>18</v>
      </c>
      <c r="AM24939">
        <v>18</v>
      </c>
      <c r="AN24939">
        <v>18</v>
      </c>
      <c r="AO24939">
        <v>18</v>
      </c>
      <c r="AP24939">
        <v>18</v>
      </c>
      <c r="AQ24939">
        <v>18</v>
      </c>
    </row>
    <row r="24940" spans="1:43">
      <c r="A24940" t="s">
        <v>15439</v>
      </c>
      <c r="B24940" t="s">
        <v>15440</v>
      </c>
      <c r="C24940" t="s">
        <v>15433</v>
      </c>
      <c r="D24940" t="s">
        <v>15434</v>
      </c>
      <c r="E24940" t="s">
        <v>15241</v>
      </c>
      <c r="F24940" t="s">
        <v>15242</v>
      </c>
      <c r="G24940" t="s">
        <v>10734</v>
      </c>
      <c r="H24940" t="s">
        <v>10735</v>
      </c>
      <c r="I24940" s="2">
        <v>1</v>
      </c>
      <c r="J24940" s="2">
        <v>0</v>
      </c>
      <c r="K24940" s="2">
        <v>0</v>
      </c>
      <c r="L24940" t="s">
        <v>120</v>
      </c>
      <c r="M24940" t="s">
        <v>89</v>
      </c>
      <c r="N24940" t="s">
        <v>90</v>
      </c>
      <c r="O24940" t="s">
        <v>85</v>
      </c>
      <c r="P24940" t="s">
        <v>86</v>
      </c>
      <c r="Q24940">
        <v>16</v>
      </c>
      <c r="R24940">
        <v>16</v>
      </c>
      <c r="S24940">
        <v>16</v>
      </c>
      <c r="T24940">
        <v>17</v>
      </c>
      <c r="U24940">
        <v>17</v>
      </c>
      <c r="V24940">
        <v>17</v>
      </c>
      <c r="W24940">
        <v>18</v>
      </c>
      <c r="X24940">
        <v>18</v>
      </c>
      <c r="Y24940">
        <v>18</v>
      </c>
      <c r="Z24940">
        <v>18</v>
      </c>
      <c r="AA24940">
        <v>19</v>
      </c>
      <c r="AB24940">
        <v>19</v>
      </c>
      <c r="AC24940">
        <v>19</v>
      </c>
      <c r="AD24940">
        <v>20</v>
      </c>
      <c r="AE24940">
        <v>20</v>
      </c>
      <c r="AF24940">
        <v>20</v>
      </c>
      <c r="AG24940">
        <v>20</v>
      </c>
      <c r="AH24940">
        <v>20</v>
      </c>
      <c r="AI24940">
        <v>20</v>
      </c>
      <c r="AJ24940">
        <v>20</v>
      </c>
      <c r="AK24940">
        <v>20</v>
      </c>
      <c r="AL24940">
        <v>20</v>
      </c>
      <c r="AM24940">
        <v>20</v>
      </c>
      <c r="AN24940">
        <v>20</v>
      </c>
      <c r="AO24940">
        <v>20</v>
      </c>
      <c r="AP24940">
        <v>20</v>
      </c>
      <c r="AQ24940">
        <v>20</v>
      </c>
    </row>
    <row r="24941" spans="1:43">
      <c r="A24941" t="s">
        <v>15439</v>
      </c>
      <c r="B24941" t="s">
        <v>15440</v>
      </c>
      <c r="C24941" t="s">
        <v>15433</v>
      </c>
      <c r="D24941" t="s">
        <v>15434</v>
      </c>
      <c r="E24941" t="s">
        <v>15241</v>
      </c>
      <c r="F24941" t="s">
        <v>15242</v>
      </c>
      <c r="G24941" t="s">
        <v>10734</v>
      </c>
      <c r="H24941" t="s">
        <v>10735</v>
      </c>
      <c r="I24941" s="2">
        <v>1</v>
      </c>
      <c r="J24941" s="2">
        <v>0</v>
      </c>
      <c r="K24941" s="2">
        <v>0</v>
      </c>
      <c r="L24941" t="s">
        <v>120</v>
      </c>
      <c r="M24941" t="s">
        <v>83</v>
      </c>
      <c r="N24941" t="s">
        <v>91</v>
      </c>
      <c r="O24941" t="s">
        <v>85</v>
      </c>
      <c r="P24941" t="s">
        <v>86</v>
      </c>
      <c r="Q24941">
        <v>16</v>
      </c>
      <c r="R24941">
        <v>17</v>
      </c>
      <c r="S24941">
        <v>17</v>
      </c>
      <c r="T24941">
        <v>17</v>
      </c>
      <c r="U24941">
        <v>17</v>
      </c>
      <c r="V24941">
        <v>18</v>
      </c>
      <c r="W24941">
        <v>18</v>
      </c>
      <c r="X24941">
        <v>18</v>
      </c>
      <c r="Y24941">
        <v>18</v>
      </c>
      <c r="Z24941">
        <v>18</v>
      </c>
      <c r="AA24941">
        <v>19</v>
      </c>
      <c r="AB24941">
        <v>19</v>
      </c>
      <c r="AC24941">
        <v>19</v>
      </c>
      <c r="AD24941">
        <v>19</v>
      </c>
      <c r="AE24941">
        <v>19</v>
      </c>
      <c r="AF24941">
        <v>20</v>
      </c>
      <c r="AG24941">
        <v>20</v>
      </c>
      <c r="AH24941">
        <v>20</v>
      </c>
      <c r="AI24941">
        <v>20</v>
      </c>
      <c r="AJ24941">
        <v>20</v>
      </c>
      <c r="AK24941">
        <v>20</v>
      </c>
      <c r="AL24941">
        <v>20</v>
      </c>
      <c r="AM24941">
        <v>20</v>
      </c>
      <c r="AN24941">
        <v>20</v>
      </c>
      <c r="AO24941">
        <v>20</v>
      </c>
      <c r="AP24941">
        <v>20</v>
      </c>
      <c r="AQ24941">
        <v>20</v>
      </c>
    </row>
    <row r="24942" spans="1:43">
      <c r="A24942" t="s">
        <v>15441</v>
      </c>
      <c r="B24942" t="s">
        <v>15442</v>
      </c>
      <c r="C24942" t="s">
        <v>15433</v>
      </c>
      <c r="D24942" t="s">
        <v>15434</v>
      </c>
      <c r="E24942" t="s">
        <v>15241</v>
      </c>
      <c r="F24942" t="s">
        <v>15242</v>
      </c>
      <c r="G24942" t="s">
        <v>10734</v>
      </c>
      <c r="H24942" t="s">
        <v>10735</v>
      </c>
      <c r="I24942" s="2">
        <v>1</v>
      </c>
      <c r="J24942" s="2">
        <v>0</v>
      </c>
      <c r="K24942" s="2">
        <v>0</v>
      </c>
      <c r="L24942" t="s">
        <v>120</v>
      </c>
      <c r="M24942" t="s">
        <v>83</v>
      </c>
      <c r="N24942" t="s">
        <v>84</v>
      </c>
      <c r="O24942" t="s">
        <v>85</v>
      </c>
      <c r="P24942" t="s">
        <v>86</v>
      </c>
      <c r="Q24942">
        <v>18</v>
      </c>
      <c r="R24942">
        <v>19</v>
      </c>
      <c r="S24942">
        <v>19</v>
      </c>
      <c r="T24942">
        <v>19</v>
      </c>
      <c r="U24942">
        <v>19</v>
      </c>
      <c r="V24942">
        <v>20</v>
      </c>
      <c r="W24942">
        <v>20</v>
      </c>
      <c r="X24942">
        <v>20</v>
      </c>
      <c r="Y24942">
        <v>20</v>
      </c>
      <c r="Z24942">
        <v>21</v>
      </c>
      <c r="AA24942">
        <v>21</v>
      </c>
      <c r="AB24942">
        <v>21</v>
      </c>
      <c r="AC24942">
        <v>21</v>
      </c>
      <c r="AD24942">
        <v>22</v>
      </c>
      <c r="AE24942">
        <v>22</v>
      </c>
      <c r="AF24942">
        <v>22</v>
      </c>
      <c r="AG24942">
        <v>22</v>
      </c>
      <c r="AH24942">
        <v>23</v>
      </c>
      <c r="AI24942">
        <v>23</v>
      </c>
      <c r="AJ24942">
        <v>23</v>
      </c>
      <c r="AK24942">
        <v>23</v>
      </c>
      <c r="AL24942">
        <v>23</v>
      </c>
      <c r="AM24942">
        <v>23</v>
      </c>
      <c r="AN24942">
        <v>23</v>
      </c>
      <c r="AO24942">
        <v>23</v>
      </c>
      <c r="AP24942">
        <v>23</v>
      </c>
      <c r="AQ24942">
        <v>23</v>
      </c>
    </row>
    <row r="24943" spans="1:43">
      <c r="A24943" t="s">
        <v>15441</v>
      </c>
      <c r="B24943" t="s">
        <v>15442</v>
      </c>
      <c r="C24943" t="s">
        <v>15433</v>
      </c>
      <c r="D24943" t="s">
        <v>15434</v>
      </c>
      <c r="E24943" t="s">
        <v>15241</v>
      </c>
      <c r="F24943" t="s">
        <v>15242</v>
      </c>
      <c r="G24943" t="s">
        <v>10734</v>
      </c>
      <c r="H24943" t="s">
        <v>10735</v>
      </c>
      <c r="I24943" s="2">
        <v>1</v>
      </c>
      <c r="J24943" s="2">
        <v>0</v>
      </c>
      <c r="K24943" s="2">
        <v>0</v>
      </c>
      <c r="L24943" t="s">
        <v>120</v>
      </c>
      <c r="M24943" t="s">
        <v>87</v>
      </c>
      <c r="N24943" t="s">
        <v>88</v>
      </c>
      <c r="O24943" t="s">
        <v>85</v>
      </c>
      <c r="P24943" t="s">
        <v>86</v>
      </c>
      <c r="Q24943">
        <v>18</v>
      </c>
      <c r="R24943">
        <v>18</v>
      </c>
      <c r="S24943">
        <v>18</v>
      </c>
      <c r="T24943">
        <v>18</v>
      </c>
      <c r="U24943">
        <v>19</v>
      </c>
      <c r="V24943">
        <v>19</v>
      </c>
      <c r="W24943">
        <v>19</v>
      </c>
      <c r="X24943">
        <v>19</v>
      </c>
      <c r="Y24943">
        <v>19</v>
      </c>
      <c r="Z24943">
        <v>19</v>
      </c>
      <c r="AA24943">
        <v>19</v>
      </c>
      <c r="AB24943">
        <v>19</v>
      </c>
      <c r="AC24943">
        <v>19</v>
      </c>
      <c r="AD24943">
        <v>19</v>
      </c>
      <c r="AE24943">
        <v>19</v>
      </c>
      <c r="AF24943">
        <v>20</v>
      </c>
      <c r="AG24943">
        <v>20</v>
      </c>
      <c r="AH24943">
        <v>20</v>
      </c>
      <c r="AI24943">
        <v>20</v>
      </c>
      <c r="AJ24943">
        <v>20</v>
      </c>
      <c r="AK24943">
        <v>20</v>
      </c>
      <c r="AL24943">
        <v>20</v>
      </c>
      <c r="AM24943">
        <v>20</v>
      </c>
      <c r="AN24943">
        <v>20</v>
      </c>
      <c r="AO24943">
        <v>20</v>
      </c>
      <c r="AP24943">
        <v>20</v>
      </c>
      <c r="AQ24943">
        <v>20</v>
      </c>
    </row>
    <row r="24944" spans="1:43">
      <c r="A24944" t="s">
        <v>15441</v>
      </c>
      <c r="B24944" t="s">
        <v>15442</v>
      </c>
      <c r="C24944" t="s">
        <v>15433</v>
      </c>
      <c r="D24944" t="s">
        <v>15434</v>
      </c>
      <c r="E24944" t="s">
        <v>15241</v>
      </c>
      <c r="F24944" t="s">
        <v>15242</v>
      </c>
      <c r="G24944" t="s">
        <v>10734</v>
      </c>
      <c r="H24944" t="s">
        <v>10735</v>
      </c>
      <c r="I24944" s="2">
        <v>1</v>
      </c>
      <c r="J24944" s="2">
        <v>0</v>
      </c>
      <c r="K24944" s="2">
        <v>0</v>
      </c>
      <c r="L24944" t="s">
        <v>120</v>
      </c>
      <c r="M24944" t="s">
        <v>89</v>
      </c>
      <c r="N24944" t="s">
        <v>90</v>
      </c>
      <c r="O24944" t="s">
        <v>85</v>
      </c>
      <c r="P24944" t="s">
        <v>86</v>
      </c>
      <c r="Q24944">
        <v>18</v>
      </c>
      <c r="R24944">
        <v>18</v>
      </c>
      <c r="S24944">
        <v>18</v>
      </c>
      <c r="T24944">
        <v>19</v>
      </c>
      <c r="U24944">
        <v>19</v>
      </c>
      <c r="V24944">
        <v>20</v>
      </c>
      <c r="W24944">
        <v>20</v>
      </c>
      <c r="X24944">
        <v>20</v>
      </c>
      <c r="Y24944">
        <v>21</v>
      </c>
      <c r="Z24944">
        <v>21</v>
      </c>
      <c r="AA24944">
        <v>21</v>
      </c>
      <c r="AB24944">
        <v>22</v>
      </c>
      <c r="AC24944">
        <v>22</v>
      </c>
      <c r="AD24944">
        <v>22</v>
      </c>
      <c r="AE24944">
        <v>22</v>
      </c>
      <c r="AF24944">
        <v>22</v>
      </c>
      <c r="AG24944">
        <v>22</v>
      </c>
      <c r="AH24944">
        <v>22</v>
      </c>
      <c r="AI24944">
        <v>22</v>
      </c>
      <c r="AJ24944">
        <v>22</v>
      </c>
      <c r="AK24944">
        <v>22</v>
      </c>
      <c r="AL24944">
        <v>23</v>
      </c>
      <c r="AM24944">
        <v>23</v>
      </c>
      <c r="AN24944">
        <v>23</v>
      </c>
      <c r="AO24944">
        <v>23</v>
      </c>
      <c r="AP24944">
        <v>23</v>
      </c>
      <c r="AQ24944">
        <v>23</v>
      </c>
    </row>
    <row r="24945" spans="1:43">
      <c r="A24945" t="s">
        <v>15441</v>
      </c>
      <c r="B24945" t="s">
        <v>15442</v>
      </c>
      <c r="C24945" t="s">
        <v>15433</v>
      </c>
      <c r="D24945" t="s">
        <v>15434</v>
      </c>
      <c r="E24945" t="s">
        <v>15241</v>
      </c>
      <c r="F24945" t="s">
        <v>15242</v>
      </c>
      <c r="G24945" t="s">
        <v>10734</v>
      </c>
      <c r="H24945" t="s">
        <v>10735</v>
      </c>
      <c r="I24945" s="2">
        <v>1</v>
      </c>
      <c r="J24945" s="2">
        <v>0</v>
      </c>
      <c r="K24945" s="2">
        <v>0</v>
      </c>
      <c r="L24945" t="s">
        <v>120</v>
      </c>
      <c r="M24945" t="s">
        <v>83</v>
      </c>
      <c r="N24945" t="s">
        <v>91</v>
      </c>
      <c r="O24945" t="s">
        <v>85</v>
      </c>
      <c r="P24945" t="s">
        <v>86</v>
      </c>
      <c r="Q24945">
        <v>18</v>
      </c>
      <c r="R24945">
        <v>19</v>
      </c>
      <c r="S24945">
        <v>19</v>
      </c>
      <c r="T24945">
        <v>19</v>
      </c>
      <c r="U24945">
        <v>19</v>
      </c>
      <c r="V24945">
        <v>20</v>
      </c>
      <c r="W24945">
        <v>20</v>
      </c>
      <c r="X24945">
        <v>20</v>
      </c>
      <c r="Y24945">
        <v>20</v>
      </c>
      <c r="Z24945">
        <v>21</v>
      </c>
      <c r="AA24945">
        <v>21</v>
      </c>
      <c r="AB24945">
        <v>21</v>
      </c>
      <c r="AC24945">
        <v>21</v>
      </c>
      <c r="AD24945">
        <v>22</v>
      </c>
      <c r="AE24945">
        <v>22</v>
      </c>
      <c r="AF24945">
        <v>22</v>
      </c>
      <c r="AG24945">
        <v>22</v>
      </c>
      <c r="AH24945">
        <v>23</v>
      </c>
      <c r="AI24945">
        <v>23</v>
      </c>
      <c r="AJ24945">
        <v>23</v>
      </c>
      <c r="AK24945">
        <v>23</v>
      </c>
      <c r="AL24945">
        <v>23</v>
      </c>
      <c r="AM24945">
        <v>23</v>
      </c>
      <c r="AN24945">
        <v>23</v>
      </c>
      <c r="AO24945">
        <v>23</v>
      </c>
      <c r="AP24945">
        <v>23</v>
      </c>
      <c r="AQ24945">
        <v>23</v>
      </c>
    </row>
    <row r="24946" spans="1:43">
      <c r="A24946" t="s">
        <v>15443</v>
      </c>
      <c r="B24946" t="s">
        <v>15444</v>
      </c>
      <c r="C24946" t="s">
        <v>15429</v>
      </c>
      <c r="D24946" t="s">
        <v>15430</v>
      </c>
      <c r="E24946" t="s">
        <v>15241</v>
      </c>
      <c r="F24946" t="s">
        <v>15242</v>
      </c>
      <c r="G24946" t="s">
        <v>10734</v>
      </c>
      <c r="H24946" t="s">
        <v>10735</v>
      </c>
      <c r="I24946" s="2">
        <v>1</v>
      </c>
      <c r="J24946" s="2">
        <v>0</v>
      </c>
      <c r="K24946" s="2">
        <v>0</v>
      </c>
      <c r="L24946" t="s">
        <v>120</v>
      </c>
      <c r="M24946" t="s">
        <v>83</v>
      </c>
      <c r="N24946" t="s">
        <v>84</v>
      </c>
      <c r="O24946" t="s">
        <v>85</v>
      </c>
      <c r="P24946" t="s">
        <v>86</v>
      </c>
      <c r="Q24946">
        <v>6</v>
      </c>
      <c r="R24946">
        <v>6</v>
      </c>
      <c r="S24946">
        <v>6</v>
      </c>
      <c r="T24946">
        <v>6</v>
      </c>
      <c r="U24946">
        <v>6</v>
      </c>
      <c r="V24946">
        <v>6</v>
      </c>
      <c r="W24946">
        <v>6</v>
      </c>
      <c r="X24946">
        <v>7</v>
      </c>
      <c r="Y24946">
        <v>7</v>
      </c>
      <c r="Z24946">
        <v>7</v>
      </c>
      <c r="AA24946">
        <v>7</v>
      </c>
      <c r="AB24946">
        <v>7</v>
      </c>
      <c r="AC24946">
        <v>7</v>
      </c>
      <c r="AD24946">
        <v>7</v>
      </c>
      <c r="AE24946">
        <v>7</v>
      </c>
      <c r="AF24946">
        <v>7</v>
      </c>
      <c r="AG24946">
        <v>7</v>
      </c>
      <c r="AH24946">
        <v>7</v>
      </c>
      <c r="AI24946">
        <v>7</v>
      </c>
      <c r="AJ24946">
        <v>7</v>
      </c>
      <c r="AK24946">
        <v>7</v>
      </c>
      <c r="AL24946">
        <v>8</v>
      </c>
      <c r="AM24946">
        <v>8</v>
      </c>
      <c r="AN24946">
        <v>8</v>
      </c>
      <c r="AO24946">
        <v>8</v>
      </c>
      <c r="AP24946">
        <v>8</v>
      </c>
      <c r="AQ24946">
        <v>8</v>
      </c>
    </row>
    <row r="24947" spans="1:43">
      <c r="A24947" t="s">
        <v>15443</v>
      </c>
      <c r="B24947" t="s">
        <v>15444</v>
      </c>
      <c r="C24947" t="s">
        <v>15429</v>
      </c>
      <c r="D24947" t="s">
        <v>15430</v>
      </c>
      <c r="E24947" t="s">
        <v>15241</v>
      </c>
      <c r="F24947" t="s">
        <v>15242</v>
      </c>
      <c r="G24947" t="s">
        <v>10734</v>
      </c>
      <c r="H24947" t="s">
        <v>10735</v>
      </c>
      <c r="I24947" s="2">
        <v>1</v>
      </c>
      <c r="J24947" s="2">
        <v>0</v>
      </c>
      <c r="K24947" s="2">
        <v>0</v>
      </c>
      <c r="L24947" t="s">
        <v>120</v>
      </c>
      <c r="M24947" t="s">
        <v>87</v>
      </c>
      <c r="N24947" t="s">
        <v>88</v>
      </c>
      <c r="O24947" t="s">
        <v>85</v>
      </c>
      <c r="P24947" t="s">
        <v>86</v>
      </c>
      <c r="Q24947">
        <v>6</v>
      </c>
      <c r="R24947">
        <v>6</v>
      </c>
      <c r="S24947">
        <v>6</v>
      </c>
      <c r="T24947">
        <v>6</v>
      </c>
      <c r="U24947">
        <v>6</v>
      </c>
      <c r="V24947">
        <v>6</v>
      </c>
      <c r="W24947">
        <v>6</v>
      </c>
      <c r="X24947">
        <v>6</v>
      </c>
      <c r="Y24947">
        <v>6</v>
      </c>
      <c r="Z24947">
        <v>6</v>
      </c>
      <c r="AA24947">
        <v>6</v>
      </c>
      <c r="AB24947">
        <v>6</v>
      </c>
      <c r="AC24947">
        <v>6</v>
      </c>
      <c r="AD24947">
        <v>6</v>
      </c>
      <c r="AE24947">
        <v>6</v>
      </c>
      <c r="AF24947">
        <v>6</v>
      </c>
      <c r="AG24947">
        <v>6</v>
      </c>
      <c r="AH24947">
        <v>6</v>
      </c>
      <c r="AI24947">
        <v>6</v>
      </c>
      <c r="AJ24947">
        <v>7</v>
      </c>
      <c r="AK24947">
        <v>7</v>
      </c>
      <c r="AL24947">
        <v>7</v>
      </c>
      <c r="AM24947">
        <v>7</v>
      </c>
      <c r="AN24947">
        <v>7</v>
      </c>
      <c r="AO24947">
        <v>7</v>
      </c>
      <c r="AP24947">
        <v>7</v>
      </c>
      <c r="AQ24947">
        <v>7</v>
      </c>
    </row>
    <row r="24948" spans="1:43">
      <c r="A24948" t="s">
        <v>15443</v>
      </c>
      <c r="B24948" t="s">
        <v>15444</v>
      </c>
      <c r="C24948" t="s">
        <v>15429</v>
      </c>
      <c r="D24948" t="s">
        <v>15430</v>
      </c>
      <c r="E24948" t="s">
        <v>15241</v>
      </c>
      <c r="F24948" t="s">
        <v>15242</v>
      </c>
      <c r="G24948" t="s">
        <v>10734</v>
      </c>
      <c r="H24948" t="s">
        <v>10735</v>
      </c>
      <c r="I24948" s="2">
        <v>1</v>
      </c>
      <c r="J24948" s="2">
        <v>0</v>
      </c>
      <c r="K24948" s="2">
        <v>0</v>
      </c>
      <c r="L24948" t="s">
        <v>120</v>
      </c>
      <c r="M24948" t="s">
        <v>89</v>
      </c>
      <c r="N24948" t="s">
        <v>90</v>
      </c>
      <c r="O24948" t="s">
        <v>85</v>
      </c>
      <c r="P24948" t="s">
        <v>86</v>
      </c>
      <c r="Q24948">
        <v>6</v>
      </c>
      <c r="R24948">
        <v>6</v>
      </c>
      <c r="S24948">
        <v>6</v>
      </c>
      <c r="T24948">
        <v>6</v>
      </c>
      <c r="U24948">
        <v>6</v>
      </c>
      <c r="V24948">
        <v>7</v>
      </c>
      <c r="W24948">
        <v>7</v>
      </c>
      <c r="X24948">
        <v>7</v>
      </c>
      <c r="Y24948">
        <v>7</v>
      </c>
      <c r="Z24948">
        <v>7</v>
      </c>
      <c r="AA24948">
        <v>7</v>
      </c>
      <c r="AB24948">
        <v>7</v>
      </c>
      <c r="AC24948">
        <v>7</v>
      </c>
      <c r="AD24948">
        <v>7</v>
      </c>
      <c r="AE24948">
        <v>7</v>
      </c>
      <c r="AF24948">
        <v>7</v>
      </c>
      <c r="AG24948">
        <v>8</v>
      </c>
      <c r="AH24948">
        <v>8</v>
      </c>
      <c r="AI24948">
        <v>8</v>
      </c>
      <c r="AJ24948">
        <v>8</v>
      </c>
      <c r="AK24948">
        <v>8</v>
      </c>
      <c r="AL24948">
        <v>8</v>
      </c>
      <c r="AM24948">
        <v>8</v>
      </c>
      <c r="AN24948">
        <v>8</v>
      </c>
      <c r="AO24948">
        <v>8</v>
      </c>
      <c r="AP24948">
        <v>8</v>
      </c>
      <c r="AQ24948">
        <v>8</v>
      </c>
    </row>
    <row r="24949" spans="1:43">
      <c r="A24949" t="s">
        <v>15443</v>
      </c>
      <c r="B24949" t="s">
        <v>15444</v>
      </c>
      <c r="C24949" t="s">
        <v>15429</v>
      </c>
      <c r="D24949" t="s">
        <v>15430</v>
      </c>
      <c r="E24949" t="s">
        <v>15241</v>
      </c>
      <c r="F24949" t="s">
        <v>15242</v>
      </c>
      <c r="G24949" t="s">
        <v>10734</v>
      </c>
      <c r="H24949" t="s">
        <v>10735</v>
      </c>
      <c r="I24949" s="2">
        <v>1</v>
      </c>
      <c r="J24949" s="2">
        <v>0</v>
      </c>
      <c r="K24949" s="2">
        <v>0</v>
      </c>
      <c r="L24949" t="s">
        <v>120</v>
      </c>
      <c r="M24949" t="s">
        <v>83</v>
      </c>
      <c r="N24949" t="s">
        <v>91</v>
      </c>
      <c r="O24949" t="s">
        <v>85</v>
      </c>
      <c r="P24949" t="s">
        <v>86</v>
      </c>
      <c r="Q24949">
        <v>6</v>
      </c>
      <c r="R24949">
        <v>6</v>
      </c>
      <c r="S24949">
        <v>6</v>
      </c>
      <c r="T24949">
        <v>6</v>
      </c>
      <c r="U24949">
        <v>6</v>
      </c>
      <c r="V24949">
        <v>6</v>
      </c>
      <c r="W24949">
        <v>6</v>
      </c>
      <c r="X24949">
        <v>7</v>
      </c>
      <c r="Y24949">
        <v>7</v>
      </c>
      <c r="Z24949">
        <v>7</v>
      </c>
      <c r="AA24949">
        <v>7</v>
      </c>
      <c r="AB24949">
        <v>7</v>
      </c>
      <c r="AC24949">
        <v>7</v>
      </c>
      <c r="AD24949">
        <v>7</v>
      </c>
      <c r="AE24949">
        <v>7</v>
      </c>
      <c r="AF24949">
        <v>7</v>
      </c>
      <c r="AG24949">
        <v>7</v>
      </c>
      <c r="AH24949">
        <v>7</v>
      </c>
      <c r="AI24949">
        <v>7</v>
      </c>
      <c r="AJ24949">
        <v>7</v>
      </c>
      <c r="AK24949">
        <v>7</v>
      </c>
      <c r="AL24949">
        <v>8</v>
      </c>
      <c r="AM24949">
        <v>8</v>
      </c>
      <c r="AN24949">
        <v>8</v>
      </c>
      <c r="AO24949">
        <v>8</v>
      </c>
      <c r="AP24949">
        <v>8</v>
      </c>
      <c r="AQ24949">
        <v>8</v>
      </c>
    </row>
    <row r="24950" spans="1:43">
      <c r="A24950" t="s">
        <v>15445</v>
      </c>
      <c r="B24950" t="s">
        <v>15446</v>
      </c>
      <c r="C24950" t="s">
        <v>15429</v>
      </c>
      <c r="D24950" t="s">
        <v>15430</v>
      </c>
      <c r="E24950" t="s">
        <v>15241</v>
      </c>
      <c r="F24950" t="s">
        <v>15242</v>
      </c>
      <c r="G24950" t="s">
        <v>10734</v>
      </c>
      <c r="H24950" t="s">
        <v>10735</v>
      </c>
      <c r="I24950" s="2">
        <v>1</v>
      </c>
      <c r="J24950" s="2">
        <v>0</v>
      </c>
      <c r="K24950" s="2">
        <v>0</v>
      </c>
      <c r="L24950" t="s">
        <v>120</v>
      </c>
      <c r="M24950" t="s">
        <v>83</v>
      </c>
      <c r="N24950" t="s">
        <v>84</v>
      </c>
      <c r="O24950" t="s">
        <v>85</v>
      </c>
      <c r="P24950" t="s">
        <v>86</v>
      </c>
      <c r="Q24950">
        <v>13</v>
      </c>
      <c r="R24950">
        <v>13</v>
      </c>
      <c r="S24950">
        <v>13</v>
      </c>
      <c r="T24950">
        <v>14</v>
      </c>
      <c r="U24950">
        <v>14</v>
      </c>
      <c r="V24950">
        <v>14</v>
      </c>
      <c r="W24950">
        <v>14</v>
      </c>
      <c r="X24950">
        <v>14</v>
      </c>
      <c r="Y24950">
        <v>15</v>
      </c>
      <c r="Z24950">
        <v>15</v>
      </c>
      <c r="AA24950">
        <v>15</v>
      </c>
      <c r="AB24950">
        <v>15</v>
      </c>
      <c r="AC24950">
        <v>15</v>
      </c>
      <c r="AD24950">
        <v>15</v>
      </c>
      <c r="AE24950">
        <v>15</v>
      </c>
      <c r="AF24950">
        <v>16</v>
      </c>
      <c r="AG24950">
        <v>16</v>
      </c>
      <c r="AH24950">
        <v>16</v>
      </c>
      <c r="AI24950">
        <v>16</v>
      </c>
      <c r="AJ24950">
        <v>16</v>
      </c>
      <c r="AK24950">
        <v>16</v>
      </c>
      <c r="AL24950">
        <v>16</v>
      </c>
      <c r="AM24950">
        <v>16</v>
      </c>
      <c r="AN24950">
        <v>16</v>
      </c>
      <c r="AO24950">
        <v>16</v>
      </c>
      <c r="AP24950">
        <v>16</v>
      </c>
      <c r="AQ24950">
        <v>16</v>
      </c>
    </row>
    <row r="24951" spans="1:43">
      <c r="A24951" t="s">
        <v>15445</v>
      </c>
      <c r="B24951" t="s">
        <v>15446</v>
      </c>
      <c r="C24951" t="s">
        <v>15429</v>
      </c>
      <c r="D24951" t="s">
        <v>15430</v>
      </c>
      <c r="E24951" t="s">
        <v>15241</v>
      </c>
      <c r="F24951" t="s">
        <v>15242</v>
      </c>
      <c r="G24951" t="s">
        <v>10734</v>
      </c>
      <c r="H24951" t="s">
        <v>10735</v>
      </c>
      <c r="I24951" s="2">
        <v>1</v>
      </c>
      <c r="J24951" s="2">
        <v>0</v>
      </c>
      <c r="K24951" s="2">
        <v>0</v>
      </c>
      <c r="L24951" t="s">
        <v>120</v>
      </c>
      <c r="M24951" t="s">
        <v>87</v>
      </c>
      <c r="N24951" t="s">
        <v>88</v>
      </c>
      <c r="O24951" t="s">
        <v>85</v>
      </c>
      <c r="P24951" t="s">
        <v>86</v>
      </c>
      <c r="Q24951">
        <v>13</v>
      </c>
      <c r="R24951">
        <v>13</v>
      </c>
      <c r="S24951">
        <v>13</v>
      </c>
      <c r="T24951">
        <v>13</v>
      </c>
      <c r="U24951">
        <v>13</v>
      </c>
      <c r="V24951">
        <v>13</v>
      </c>
      <c r="W24951">
        <v>13</v>
      </c>
      <c r="X24951">
        <v>13</v>
      </c>
      <c r="Y24951">
        <v>13</v>
      </c>
      <c r="Z24951">
        <v>14</v>
      </c>
      <c r="AA24951">
        <v>14</v>
      </c>
      <c r="AB24951">
        <v>14</v>
      </c>
      <c r="AC24951">
        <v>14</v>
      </c>
      <c r="AD24951">
        <v>14</v>
      </c>
      <c r="AE24951">
        <v>14</v>
      </c>
      <c r="AF24951">
        <v>14</v>
      </c>
      <c r="AG24951">
        <v>14</v>
      </c>
      <c r="AH24951">
        <v>14</v>
      </c>
      <c r="AI24951">
        <v>14</v>
      </c>
      <c r="AJ24951">
        <v>14</v>
      </c>
      <c r="AK24951">
        <v>14</v>
      </c>
      <c r="AL24951">
        <v>14</v>
      </c>
      <c r="AM24951">
        <v>14</v>
      </c>
      <c r="AN24951">
        <v>14</v>
      </c>
      <c r="AO24951">
        <v>14</v>
      </c>
      <c r="AP24951">
        <v>14</v>
      </c>
      <c r="AQ24951">
        <v>14</v>
      </c>
    </row>
    <row r="24952" spans="1:43">
      <c r="A24952" t="s">
        <v>15445</v>
      </c>
      <c r="B24952" t="s">
        <v>15446</v>
      </c>
      <c r="C24952" t="s">
        <v>15429</v>
      </c>
      <c r="D24952" t="s">
        <v>15430</v>
      </c>
      <c r="E24952" t="s">
        <v>15241</v>
      </c>
      <c r="F24952" t="s">
        <v>15242</v>
      </c>
      <c r="G24952" t="s">
        <v>10734</v>
      </c>
      <c r="H24952" t="s">
        <v>10735</v>
      </c>
      <c r="I24952" s="2">
        <v>1</v>
      </c>
      <c r="J24952" s="2">
        <v>0</v>
      </c>
      <c r="K24952" s="2">
        <v>0</v>
      </c>
      <c r="L24952" t="s">
        <v>120</v>
      </c>
      <c r="M24952" t="s">
        <v>89</v>
      </c>
      <c r="N24952" t="s">
        <v>90</v>
      </c>
      <c r="O24952" t="s">
        <v>85</v>
      </c>
      <c r="P24952" t="s">
        <v>86</v>
      </c>
      <c r="Q24952">
        <v>13</v>
      </c>
      <c r="R24952">
        <v>14</v>
      </c>
      <c r="S24952">
        <v>14</v>
      </c>
      <c r="T24952">
        <v>14</v>
      </c>
      <c r="U24952">
        <v>14</v>
      </c>
      <c r="V24952">
        <v>15</v>
      </c>
      <c r="W24952">
        <v>15</v>
      </c>
      <c r="X24952">
        <v>15</v>
      </c>
      <c r="Y24952">
        <v>15</v>
      </c>
      <c r="Z24952">
        <v>16</v>
      </c>
      <c r="AA24952">
        <v>16</v>
      </c>
      <c r="AB24952">
        <v>16</v>
      </c>
      <c r="AC24952">
        <v>16</v>
      </c>
      <c r="AD24952">
        <v>16</v>
      </c>
      <c r="AE24952">
        <v>17</v>
      </c>
      <c r="AF24952">
        <v>17</v>
      </c>
      <c r="AG24952">
        <v>17</v>
      </c>
      <c r="AH24952">
        <v>17</v>
      </c>
      <c r="AI24952">
        <v>17</v>
      </c>
      <c r="AJ24952">
        <v>17</v>
      </c>
      <c r="AK24952">
        <v>17</v>
      </c>
      <c r="AL24952">
        <v>17</v>
      </c>
      <c r="AM24952">
        <v>16</v>
      </c>
      <c r="AN24952">
        <v>16</v>
      </c>
      <c r="AO24952">
        <v>16</v>
      </c>
      <c r="AP24952">
        <v>16</v>
      </c>
      <c r="AQ24952">
        <v>16</v>
      </c>
    </row>
    <row r="24953" spans="1:43">
      <c r="A24953" t="s">
        <v>15445</v>
      </c>
      <c r="B24953" t="s">
        <v>15446</v>
      </c>
      <c r="C24953" t="s">
        <v>15429</v>
      </c>
      <c r="D24953" t="s">
        <v>15430</v>
      </c>
      <c r="E24953" t="s">
        <v>15241</v>
      </c>
      <c r="F24953" t="s">
        <v>15242</v>
      </c>
      <c r="G24953" t="s">
        <v>10734</v>
      </c>
      <c r="H24953" t="s">
        <v>10735</v>
      </c>
      <c r="I24953" s="2">
        <v>1</v>
      </c>
      <c r="J24953" s="2">
        <v>0</v>
      </c>
      <c r="K24953" s="2">
        <v>0</v>
      </c>
      <c r="L24953" t="s">
        <v>120</v>
      </c>
      <c r="M24953" t="s">
        <v>83</v>
      </c>
      <c r="N24953" t="s">
        <v>91</v>
      </c>
      <c r="O24953" t="s">
        <v>85</v>
      </c>
      <c r="P24953" t="s">
        <v>86</v>
      </c>
      <c r="Q24953">
        <v>13</v>
      </c>
      <c r="R24953">
        <v>13</v>
      </c>
      <c r="S24953">
        <v>13</v>
      </c>
      <c r="T24953">
        <v>14</v>
      </c>
      <c r="U24953">
        <v>14</v>
      </c>
      <c r="V24953">
        <v>14</v>
      </c>
      <c r="W24953">
        <v>14</v>
      </c>
      <c r="X24953">
        <v>14</v>
      </c>
      <c r="Y24953">
        <v>15</v>
      </c>
      <c r="Z24953">
        <v>15</v>
      </c>
      <c r="AA24953">
        <v>15</v>
      </c>
      <c r="AB24953">
        <v>15</v>
      </c>
      <c r="AC24953">
        <v>15</v>
      </c>
      <c r="AD24953">
        <v>15</v>
      </c>
      <c r="AE24953">
        <v>15</v>
      </c>
      <c r="AF24953">
        <v>16</v>
      </c>
      <c r="AG24953">
        <v>16</v>
      </c>
      <c r="AH24953">
        <v>16</v>
      </c>
      <c r="AI24953">
        <v>16</v>
      </c>
      <c r="AJ24953">
        <v>16</v>
      </c>
      <c r="AK24953">
        <v>16</v>
      </c>
      <c r="AL24953">
        <v>16</v>
      </c>
      <c r="AM24953">
        <v>16</v>
      </c>
      <c r="AN24953">
        <v>16</v>
      </c>
      <c r="AO24953">
        <v>16</v>
      </c>
      <c r="AP24953">
        <v>16</v>
      </c>
      <c r="AQ24953">
        <v>16</v>
      </c>
    </row>
    <row r="24954" spans="1:43">
      <c r="A24954" t="s">
        <v>15447</v>
      </c>
      <c r="B24954" t="s">
        <v>15448</v>
      </c>
      <c r="C24954" t="s">
        <v>15433</v>
      </c>
      <c r="D24954" t="s">
        <v>15434</v>
      </c>
      <c r="E24954" t="s">
        <v>15241</v>
      </c>
      <c r="F24954" t="s">
        <v>15242</v>
      </c>
      <c r="G24954" t="s">
        <v>10734</v>
      </c>
      <c r="H24954" t="s">
        <v>10735</v>
      </c>
      <c r="I24954" s="2">
        <v>1</v>
      </c>
      <c r="J24954" s="2">
        <v>0</v>
      </c>
      <c r="K24954" s="2">
        <v>0</v>
      </c>
      <c r="L24954" t="s">
        <v>120</v>
      </c>
      <c r="M24954" t="s">
        <v>83</v>
      </c>
      <c r="N24954" t="s">
        <v>84</v>
      </c>
      <c r="O24954" t="s">
        <v>85</v>
      </c>
      <c r="P24954" t="s">
        <v>86</v>
      </c>
      <c r="Q24954">
        <v>16</v>
      </c>
      <c r="R24954">
        <v>16</v>
      </c>
      <c r="S24954">
        <v>16</v>
      </c>
      <c r="T24954">
        <v>16</v>
      </c>
      <c r="U24954">
        <v>17</v>
      </c>
      <c r="V24954">
        <v>17</v>
      </c>
      <c r="W24954">
        <v>17</v>
      </c>
      <c r="X24954">
        <v>17</v>
      </c>
      <c r="Y24954">
        <v>17</v>
      </c>
      <c r="Z24954">
        <v>18</v>
      </c>
      <c r="AA24954">
        <v>18</v>
      </c>
      <c r="AB24954">
        <v>18</v>
      </c>
      <c r="AC24954">
        <v>18</v>
      </c>
      <c r="AD24954">
        <v>18</v>
      </c>
      <c r="AE24954">
        <v>18</v>
      </c>
      <c r="AF24954">
        <v>19</v>
      </c>
      <c r="AG24954">
        <v>19</v>
      </c>
      <c r="AH24954">
        <v>19</v>
      </c>
      <c r="AI24954">
        <v>19</v>
      </c>
      <c r="AJ24954">
        <v>19</v>
      </c>
      <c r="AK24954">
        <v>20</v>
      </c>
      <c r="AL24954">
        <v>20</v>
      </c>
      <c r="AM24954">
        <v>20</v>
      </c>
      <c r="AN24954">
        <v>20</v>
      </c>
      <c r="AO24954">
        <v>20</v>
      </c>
      <c r="AP24954">
        <v>20</v>
      </c>
      <c r="AQ24954">
        <v>20</v>
      </c>
    </row>
    <row r="24955" spans="1:43">
      <c r="A24955" t="s">
        <v>15447</v>
      </c>
      <c r="B24955" t="s">
        <v>15448</v>
      </c>
      <c r="C24955" t="s">
        <v>15433</v>
      </c>
      <c r="D24955" t="s">
        <v>15434</v>
      </c>
      <c r="E24955" t="s">
        <v>15241</v>
      </c>
      <c r="F24955" t="s">
        <v>15242</v>
      </c>
      <c r="G24955" t="s">
        <v>10734</v>
      </c>
      <c r="H24955" t="s">
        <v>10735</v>
      </c>
      <c r="I24955" s="2">
        <v>1</v>
      </c>
      <c r="J24955" s="2">
        <v>0</v>
      </c>
      <c r="K24955" s="2">
        <v>0</v>
      </c>
      <c r="L24955" t="s">
        <v>120</v>
      </c>
      <c r="M24955" t="s">
        <v>87</v>
      </c>
      <c r="N24955" t="s">
        <v>88</v>
      </c>
      <c r="O24955" t="s">
        <v>85</v>
      </c>
      <c r="P24955" t="s">
        <v>86</v>
      </c>
      <c r="Q24955">
        <v>16</v>
      </c>
      <c r="R24955">
        <v>16</v>
      </c>
      <c r="S24955">
        <v>16</v>
      </c>
      <c r="T24955">
        <v>16</v>
      </c>
      <c r="U24955">
        <v>16</v>
      </c>
      <c r="V24955">
        <v>16</v>
      </c>
      <c r="W24955">
        <v>16</v>
      </c>
      <c r="X24955">
        <v>16</v>
      </c>
      <c r="Y24955">
        <v>16</v>
      </c>
      <c r="Z24955">
        <v>16</v>
      </c>
      <c r="AA24955">
        <v>16</v>
      </c>
      <c r="AB24955">
        <v>16</v>
      </c>
      <c r="AC24955">
        <v>16</v>
      </c>
      <c r="AD24955">
        <v>16</v>
      </c>
      <c r="AE24955">
        <v>16</v>
      </c>
      <c r="AF24955">
        <v>17</v>
      </c>
      <c r="AG24955">
        <v>17</v>
      </c>
      <c r="AH24955">
        <v>17</v>
      </c>
      <c r="AI24955">
        <v>17</v>
      </c>
      <c r="AJ24955">
        <v>17</v>
      </c>
      <c r="AK24955">
        <v>17</v>
      </c>
      <c r="AL24955">
        <v>17</v>
      </c>
      <c r="AM24955">
        <v>17</v>
      </c>
      <c r="AN24955">
        <v>17</v>
      </c>
      <c r="AO24955">
        <v>17</v>
      </c>
      <c r="AP24955">
        <v>17</v>
      </c>
      <c r="AQ24955">
        <v>17</v>
      </c>
    </row>
    <row r="24956" spans="1:43">
      <c r="A24956" t="s">
        <v>15447</v>
      </c>
      <c r="B24956" t="s">
        <v>15448</v>
      </c>
      <c r="C24956" t="s">
        <v>15433</v>
      </c>
      <c r="D24956" t="s">
        <v>15434</v>
      </c>
      <c r="E24956" t="s">
        <v>15241</v>
      </c>
      <c r="F24956" t="s">
        <v>15242</v>
      </c>
      <c r="G24956" t="s">
        <v>10734</v>
      </c>
      <c r="H24956" t="s">
        <v>10735</v>
      </c>
      <c r="I24956" s="2">
        <v>1</v>
      </c>
      <c r="J24956" s="2">
        <v>0</v>
      </c>
      <c r="K24956" s="2">
        <v>0</v>
      </c>
      <c r="L24956" t="s">
        <v>120</v>
      </c>
      <c r="M24956" t="s">
        <v>89</v>
      </c>
      <c r="N24956" t="s">
        <v>90</v>
      </c>
      <c r="O24956" t="s">
        <v>85</v>
      </c>
      <c r="P24956" t="s">
        <v>86</v>
      </c>
      <c r="Q24956">
        <v>16</v>
      </c>
      <c r="R24956">
        <v>16</v>
      </c>
      <c r="S24956">
        <v>17</v>
      </c>
      <c r="T24956">
        <v>17</v>
      </c>
      <c r="U24956">
        <v>17</v>
      </c>
      <c r="V24956">
        <v>17</v>
      </c>
      <c r="W24956">
        <v>18</v>
      </c>
      <c r="X24956">
        <v>18</v>
      </c>
      <c r="Y24956">
        <v>18</v>
      </c>
      <c r="Z24956">
        <v>19</v>
      </c>
      <c r="AA24956">
        <v>19</v>
      </c>
      <c r="AB24956">
        <v>19</v>
      </c>
      <c r="AC24956">
        <v>19</v>
      </c>
      <c r="AD24956">
        <v>20</v>
      </c>
      <c r="AE24956">
        <v>20</v>
      </c>
      <c r="AF24956">
        <v>20</v>
      </c>
      <c r="AG24956">
        <v>20</v>
      </c>
      <c r="AH24956">
        <v>20</v>
      </c>
      <c r="AI24956">
        <v>20</v>
      </c>
      <c r="AJ24956">
        <v>20</v>
      </c>
      <c r="AK24956">
        <v>20</v>
      </c>
      <c r="AL24956">
        <v>20</v>
      </c>
      <c r="AM24956">
        <v>20</v>
      </c>
      <c r="AN24956">
        <v>20</v>
      </c>
      <c r="AO24956">
        <v>20</v>
      </c>
      <c r="AP24956">
        <v>20</v>
      </c>
      <c r="AQ24956">
        <v>20</v>
      </c>
    </row>
    <row r="24957" spans="1:43">
      <c r="A24957" t="s">
        <v>15447</v>
      </c>
      <c r="B24957" t="s">
        <v>15448</v>
      </c>
      <c r="C24957" t="s">
        <v>15433</v>
      </c>
      <c r="D24957" t="s">
        <v>15434</v>
      </c>
      <c r="E24957" t="s">
        <v>15241</v>
      </c>
      <c r="F24957" t="s">
        <v>15242</v>
      </c>
      <c r="G24957" t="s">
        <v>10734</v>
      </c>
      <c r="H24957" t="s">
        <v>10735</v>
      </c>
      <c r="I24957" s="2">
        <v>1</v>
      </c>
      <c r="J24957" s="2">
        <v>0</v>
      </c>
      <c r="K24957" s="2">
        <v>0</v>
      </c>
      <c r="L24957" t="s">
        <v>120</v>
      </c>
      <c r="M24957" t="s">
        <v>83</v>
      </c>
      <c r="N24957" t="s">
        <v>91</v>
      </c>
      <c r="O24957" t="s">
        <v>85</v>
      </c>
      <c r="P24957" t="s">
        <v>86</v>
      </c>
      <c r="Q24957">
        <v>16</v>
      </c>
      <c r="R24957">
        <v>16</v>
      </c>
      <c r="S24957">
        <v>16</v>
      </c>
      <c r="T24957">
        <v>16</v>
      </c>
      <c r="U24957">
        <v>17</v>
      </c>
      <c r="V24957">
        <v>17</v>
      </c>
      <c r="W24957">
        <v>17</v>
      </c>
      <c r="X24957">
        <v>17</v>
      </c>
      <c r="Y24957">
        <v>17</v>
      </c>
      <c r="Z24957">
        <v>18</v>
      </c>
      <c r="AA24957">
        <v>18</v>
      </c>
      <c r="AB24957">
        <v>18</v>
      </c>
      <c r="AC24957">
        <v>18</v>
      </c>
      <c r="AD24957">
        <v>18</v>
      </c>
      <c r="AE24957">
        <v>18</v>
      </c>
      <c r="AF24957">
        <v>19</v>
      </c>
      <c r="AG24957">
        <v>19</v>
      </c>
      <c r="AH24957">
        <v>19</v>
      </c>
      <c r="AI24957">
        <v>19</v>
      </c>
      <c r="AJ24957">
        <v>19</v>
      </c>
      <c r="AK24957">
        <v>20</v>
      </c>
      <c r="AL24957">
        <v>20</v>
      </c>
      <c r="AM24957">
        <v>20</v>
      </c>
      <c r="AN24957">
        <v>20</v>
      </c>
      <c r="AO24957">
        <v>20</v>
      </c>
      <c r="AP24957">
        <v>20</v>
      </c>
      <c r="AQ24957">
        <v>20</v>
      </c>
    </row>
    <row r="24958" spans="1:43">
      <c r="A24958" t="s">
        <v>15449</v>
      </c>
      <c r="B24958" t="s">
        <v>15450</v>
      </c>
      <c r="C24958" t="s">
        <v>15433</v>
      </c>
      <c r="D24958" t="s">
        <v>15434</v>
      </c>
      <c r="E24958" t="s">
        <v>15241</v>
      </c>
      <c r="F24958" t="s">
        <v>15242</v>
      </c>
      <c r="G24958" t="s">
        <v>10734</v>
      </c>
      <c r="H24958" t="s">
        <v>10735</v>
      </c>
      <c r="I24958" s="2">
        <v>1</v>
      </c>
      <c r="J24958" s="2">
        <v>0</v>
      </c>
      <c r="K24958" s="2">
        <v>0</v>
      </c>
      <c r="L24958" t="s">
        <v>120</v>
      </c>
      <c r="M24958" t="s">
        <v>83</v>
      </c>
      <c r="N24958" t="s">
        <v>84</v>
      </c>
      <c r="O24958" t="s">
        <v>85</v>
      </c>
      <c r="P24958" t="s">
        <v>86</v>
      </c>
      <c r="Q24958">
        <v>13</v>
      </c>
      <c r="R24958">
        <v>13</v>
      </c>
      <c r="S24958">
        <v>14</v>
      </c>
      <c r="T24958">
        <v>14</v>
      </c>
      <c r="U24958">
        <v>14</v>
      </c>
      <c r="V24958">
        <v>14</v>
      </c>
      <c r="W24958">
        <v>14</v>
      </c>
      <c r="X24958">
        <v>15</v>
      </c>
      <c r="Y24958">
        <v>15</v>
      </c>
      <c r="Z24958">
        <v>15</v>
      </c>
      <c r="AA24958">
        <v>15</v>
      </c>
      <c r="AB24958">
        <v>15</v>
      </c>
      <c r="AC24958">
        <v>15</v>
      </c>
      <c r="AD24958">
        <v>16</v>
      </c>
      <c r="AE24958">
        <v>16</v>
      </c>
      <c r="AF24958">
        <v>16</v>
      </c>
      <c r="AG24958">
        <v>16</v>
      </c>
      <c r="AH24958">
        <v>16</v>
      </c>
      <c r="AI24958">
        <v>16</v>
      </c>
      <c r="AJ24958">
        <v>17</v>
      </c>
      <c r="AK24958">
        <v>17</v>
      </c>
      <c r="AL24958">
        <v>17</v>
      </c>
      <c r="AM24958">
        <v>17</v>
      </c>
      <c r="AN24958">
        <v>17</v>
      </c>
      <c r="AO24958">
        <v>17</v>
      </c>
      <c r="AP24958">
        <v>17</v>
      </c>
      <c r="AQ24958">
        <v>17</v>
      </c>
    </row>
    <row r="24959" spans="1:43">
      <c r="A24959" t="s">
        <v>15449</v>
      </c>
      <c r="B24959" t="s">
        <v>15450</v>
      </c>
      <c r="C24959" t="s">
        <v>15433</v>
      </c>
      <c r="D24959" t="s">
        <v>15434</v>
      </c>
      <c r="E24959" t="s">
        <v>15241</v>
      </c>
      <c r="F24959" t="s">
        <v>15242</v>
      </c>
      <c r="G24959" t="s">
        <v>10734</v>
      </c>
      <c r="H24959" t="s">
        <v>10735</v>
      </c>
      <c r="I24959" s="2">
        <v>1</v>
      </c>
      <c r="J24959" s="2">
        <v>0</v>
      </c>
      <c r="K24959" s="2">
        <v>0</v>
      </c>
      <c r="L24959" t="s">
        <v>120</v>
      </c>
      <c r="M24959" t="s">
        <v>87</v>
      </c>
      <c r="N24959" t="s">
        <v>88</v>
      </c>
      <c r="O24959" t="s">
        <v>85</v>
      </c>
      <c r="P24959" t="s">
        <v>86</v>
      </c>
      <c r="Q24959">
        <v>13</v>
      </c>
      <c r="R24959">
        <v>13</v>
      </c>
      <c r="S24959">
        <v>13</v>
      </c>
      <c r="T24959">
        <v>13</v>
      </c>
      <c r="U24959">
        <v>13</v>
      </c>
      <c r="V24959">
        <v>13</v>
      </c>
      <c r="W24959">
        <v>14</v>
      </c>
      <c r="X24959">
        <v>14</v>
      </c>
      <c r="Y24959">
        <v>14</v>
      </c>
      <c r="Z24959">
        <v>14</v>
      </c>
      <c r="AA24959">
        <v>14</v>
      </c>
      <c r="AB24959">
        <v>14</v>
      </c>
      <c r="AC24959">
        <v>14</v>
      </c>
      <c r="AD24959">
        <v>14</v>
      </c>
      <c r="AE24959">
        <v>14</v>
      </c>
      <c r="AF24959">
        <v>14</v>
      </c>
      <c r="AG24959">
        <v>14</v>
      </c>
      <c r="AH24959">
        <v>14</v>
      </c>
      <c r="AI24959">
        <v>14</v>
      </c>
      <c r="AJ24959">
        <v>14</v>
      </c>
      <c r="AK24959">
        <v>14</v>
      </c>
      <c r="AL24959">
        <v>14</v>
      </c>
      <c r="AM24959">
        <v>14</v>
      </c>
      <c r="AN24959">
        <v>14</v>
      </c>
      <c r="AO24959">
        <v>15</v>
      </c>
      <c r="AP24959">
        <v>15</v>
      </c>
      <c r="AQ24959">
        <v>15</v>
      </c>
    </row>
    <row r="24960" spans="1:43">
      <c r="A24960" t="s">
        <v>15449</v>
      </c>
      <c r="B24960" t="s">
        <v>15450</v>
      </c>
      <c r="C24960" t="s">
        <v>15433</v>
      </c>
      <c r="D24960" t="s">
        <v>15434</v>
      </c>
      <c r="E24960" t="s">
        <v>15241</v>
      </c>
      <c r="F24960" t="s">
        <v>15242</v>
      </c>
      <c r="G24960" t="s">
        <v>10734</v>
      </c>
      <c r="H24960" t="s">
        <v>10735</v>
      </c>
      <c r="I24960" s="2">
        <v>1</v>
      </c>
      <c r="J24960" s="2">
        <v>0</v>
      </c>
      <c r="K24960" s="2">
        <v>0</v>
      </c>
      <c r="L24960" t="s">
        <v>120</v>
      </c>
      <c r="M24960" t="s">
        <v>89</v>
      </c>
      <c r="N24960" t="s">
        <v>90</v>
      </c>
      <c r="O24960" t="s">
        <v>85</v>
      </c>
      <c r="P24960" t="s">
        <v>86</v>
      </c>
      <c r="Q24960">
        <v>13</v>
      </c>
      <c r="R24960">
        <v>14</v>
      </c>
      <c r="S24960">
        <v>14</v>
      </c>
      <c r="T24960">
        <v>14</v>
      </c>
      <c r="U24960">
        <v>15</v>
      </c>
      <c r="V24960">
        <v>15</v>
      </c>
      <c r="W24960">
        <v>15</v>
      </c>
      <c r="X24960">
        <v>15</v>
      </c>
      <c r="Y24960">
        <v>16</v>
      </c>
      <c r="Z24960">
        <v>16</v>
      </c>
      <c r="AA24960">
        <v>16</v>
      </c>
      <c r="AB24960">
        <v>16</v>
      </c>
      <c r="AC24960">
        <v>17</v>
      </c>
      <c r="AD24960">
        <v>17</v>
      </c>
      <c r="AE24960">
        <v>17</v>
      </c>
      <c r="AF24960">
        <v>17</v>
      </c>
      <c r="AG24960">
        <v>17</v>
      </c>
      <c r="AH24960">
        <v>17</v>
      </c>
      <c r="AI24960">
        <v>17</v>
      </c>
      <c r="AJ24960">
        <v>17</v>
      </c>
      <c r="AK24960">
        <v>17</v>
      </c>
      <c r="AL24960">
        <v>17</v>
      </c>
      <c r="AM24960">
        <v>17</v>
      </c>
      <c r="AN24960">
        <v>17</v>
      </c>
      <c r="AO24960">
        <v>17</v>
      </c>
      <c r="AP24960">
        <v>17</v>
      </c>
      <c r="AQ24960">
        <v>17</v>
      </c>
    </row>
    <row r="24961" spans="1:43">
      <c r="A24961" t="s">
        <v>15449</v>
      </c>
      <c r="B24961" t="s">
        <v>15450</v>
      </c>
      <c r="C24961" t="s">
        <v>15433</v>
      </c>
      <c r="D24961" t="s">
        <v>15434</v>
      </c>
      <c r="E24961" t="s">
        <v>15241</v>
      </c>
      <c r="F24961" t="s">
        <v>15242</v>
      </c>
      <c r="G24961" t="s">
        <v>10734</v>
      </c>
      <c r="H24961" t="s">
        <v>10735</v>
      </c>
      <c r="I24961" s="2">
        <v>1</v>
      </c>
      <c r="J24961" s="2">
        <v>0</v>
      </c>
      <c r="K24961" s="2">
        <v>0</v>
      </c>
      <c r="L24961" t="s">
        <v>120</v>
      </c>
      <c r="M24961" t="s">
        <v>83</v>
      </c>
      <c r="N24961" t="s">
        <v>91</v>
      </c>
      <c r="O24961" t="s">
        <v>85</v>
      </c>
      <c r="P24961" t="s">
        <v>86</v>
      </c>
      <c r="Q24961">
        <v>13</v>
      </c>
      <c r="R24961">
        <v>13</v>
      </c>
      <c r="S24961">
        <v>14</v>
      </c>
      <c r="T24961">
        <v>14</v>
      </c>
      <c r="U24961">
        <v>14</v>
      </c>
      <c r="V24961">
        <v>14</v>
      </c>
      <c r="W24961">
        <v>14</v>
      </c>
      <c r="X24961">
        <v>15</v>
      </c>
      <c r="Y24961">
        <v>15</v>
      </c>
      <c r="Z24961">
        <v>15</v>
      </c>
      <c r="AA24961">
        <v>15</v>
      </c>
      <c r="AB24961">
        <v>15</v>
      </c>
      <c r="AC24961">
        <v>15</v>
      </c>
      <c r="AD24961">
        <v>16</v>
      </c>
      <c r="AE24961">
        <v>16</v>
      </c>
      <c r="AF24961">
        <v>16</v>
      </c>
      <c r="AG24961">
        <v>16</v>
      </c>
      <c r="AH24961">
        <v>16</v>
      </c>
      <c r="AI24961">
        <v>16</v>
      </c>
      <c r="AJ24961">
        <v>17</v>
      </c>
      <c r="AK24961">
        <v>17</v>
      </c>
      <c r="AL24961">
        <v>17</v>
      </c>
      <c r="AM24961">
        <v>17</v>
      </c>
      <c r="AN24961">
        <v>17</v>
      </c>
      <c r="AO24961">
        <v>17</v>
      </c>
      <c r="AP24961">
        <v>17</v>
      </c>
      <c r="AQ24961">
        <v>17</v>
      </c>
    </row>
    <row r="24962" spans="1:43">
      <c r="A24962" t="s">
        <v>15451</v>
      </c>
      <c r="B24962" t="s">
        <v>15452</v>
      </c>
      <c r="C24962" t="s">
        <v>15453</v>
      </c>
      <c r="D24962" t="s">
        <v>15454</v>
      </c>
      <c r="E24962" t="s">
        <v>15241</v>
      </c>
      <c r="F24962" t="s">
        <v>15242</v>
      </c>
      <c r="G24962" t="s">
        <v>10734</v>
      </c>
      <c r="H24962" t="s">
        <v>10735</v>
      </c>
      <c r="I24962" s="2">
        <v>1</v>
      </c>
      <c r="J24962" s="2">
        <v>0</v>
      </c>
      <c r="K24962" s="2">
        <v>0</v>
      </c>
      <c r="L24962" t="s">
        <v>120</v>
      </c>
      <c r="M24962" t="s">
        <v>83</v>
      </c>
      <c r="N24962" t="s">
        <v>84</v>
      </c>
      <c r="O24962" t="s">
        <v>85</v>
      </c>
      <c r="P24962" t="s">
        <v>86</v>
      </c>
      <c r="Q24962">
        <v>32</v>
      </c>
      <c r="R24962">
        <v>32</v>
      </c>
      <c r="S24962">
        <v>32</v>
      </c>
      <c r="T24962">
        <v>33</v>
      </c>
      <c r="U24962">
        <v>33</v>
      </c>
      <c r="V24962">
        <v>34</v>
      </c>
      <c r="W24962">
        <v>34</v>
      </c>
      <c r="X24962">
        <v>35</v>
      </c>
      <c r="Y24962">
        <v>35</v>
      </c>
      <c r="Z24962">
        <v>36</v>
      </c>
      <c r="AA24962">
        <v>36</v>
      </c>
      <c r="AB24962">
        <v>36</v>
      </c>
      <c r="AC24962">
        <v>37</v>
      </c>
      <c r="AD24962">
        <v>37</v>
      </c>
      <c r="AE24962">
        <v>38</v>
      </c>
      <c r="AF24962">
        <v>38</v>
      </c>
      <c r="AG24962">
        <v>38</v>
      </c>
      <c r="AH24962">
        <v>39</v>
      </c>
      <c r="AI24962">
        <v>39</v>
      </c>
      <c r="AJ24962">
        <v>40</v>
      </c>
      <c r="AK24962">
        <v>40</v>
      </c>
      <c r="AL24962">
        <v>40</v>
      </c>
      <c r="AM24962">
        <v>40</v>
      </c>
      <c r="AN24962">
        <v>40</v>
      </c>
      <c r="AO24962">
        <v>40</v>
      </c>
      <c r="AP24962">
        <v>40</v>
      </c>
      <c r="AQ24962">
        <v>40</v>
      </c>
    </row>
    <row r="24963" spans="1:43">
      <c r="A24963" t="s">
        <v>15451</v>
      </c>
      <c r="B24963" t="s">
        <v>15452</v>
      </c>
      <c r="C24963" t="s">
        <v>15453</v>
      </c>
      <c r="D24963" t="s">
        <v>15454</v>
      </c>
      <c r="E24963" t="s">
        <v>15241</v>
      </c>
      <c r="F24963" t="s">
        <v>15242</v>
      </c>
      <c r="G24963" t="s">
        <v>10734</v>
      </c>
      <c r="H24963" t="s">
        <v>10735</v>
      </c>
      <c r="I24963" s="2">
        <v>1</v>
      </c>
      <c r="J24963" s="2">
        <v>0</v>
      </c>
      <c r="K24963" s="2">
        <v>0</v>
      </c>
      <c r="L24963" t="s">
        <v>120</v>
      </c>
      <c r="M24963" t="s">
        <v>87</v>
      </c>
      <c r="N24963" t="s">
        <v>88</v>
      </c>
      <c r="O24963" t="s">
        <v>85</v>
      </c>
      <c r="P24963" t="s">
        <v>86</v>
      </c>
      <c r="Q24963">
        <v>32</v>
      </c>
      <c r="R24963">
        <v>32</v>
      </c>
      <c r="S24963">
        <v>33</v>
      </c>
      <c r="T24963">
        <v>33</v>
      </c>
      <c r="U24963">
        <v>33</v>
      </c>
      <c r="V24963">
        <v>33</v>
      </c>
      <c r="W24963">
        <v>33</v>
      </c>
      <c r="X24963">
        <v>33</v>
      </c>
      <c r="Y24963">
        <v>34</v>
      </c>
      <c r="Z24963">
        <v>34</v>
      </c>
      <c r="AA24963">
        <v>34</v>
      </c>
      <c r="AB24963">
        <v>34</v>
      </c>
      <c r="AC24963">
        <v>34</v>
      </c>
      <c r="AD24963">
        <v>34</v>
      </c>
      <c r="AE24963">
        <v>35</v>
      </c>
      <c r="AF24963">
        <v>35</v>
      </c>
      <c r="AG24963">
        <v>35</v>
      </c>
      <c r="AH24963">
        <v>35</v>
      </c>
      <c r="AI24963">
        <v>35</v>
      </c>
      <c r="AJ24963">
        <v>35</v>
      </c>
      <c r="AK24963">
        <v>35</v>
      </c>
      <c r="AL24963">
        <v>36</v>
      </c>
      <c r="AM24963">
        <v>36</v>
      </c>
      <c r="AN24963">
        <v>36</v>
      </c>
      <c r="AO24963">
        <v>36</v>
      </c>
      <c r="AP24963">
        <v>36</v>
      </c>
      <c r="AQ24963">
        <v>36</v>
      </c>
    </row>
    <row r="24964" spans="1:43">
      <c r="A24964" t="s">
        <v>15451</v>
      </c>
      <c r="B24964" t="s">
        <v>15452</v>
      </c>
      <c r="C24964" t="s">
        <v>15453</v>
      </c>
      <c r="D24964" t="s">
        <v>15454</v>
      </c>
      <c r="E24964" t="s">
        <v>15241</v>
      </c>
      <c r="F24964" t="s">
        <v>15242</v>
      </c>
      <c r="G24964" t="s">
        <v>10734</v>
      </c>
      <c r="H24964" t="s">
        <v>10735</v>
      </c>
      <c r="I24964" s="2">
        <v>1</v>
      </c>
      <c r="J24964" s="2">
        <v>0</v>
      </c>
      <c r="K24964" s="2">
        <v>0</v>
      </c>
      <c r="L24964" t="s">
        <v>120</v>
      </c>
      <c r="M24964" t="s">
        <v>89</v>
      </c>
      <c r="N24964" t="s">
        <v>90</v>
      </c>
      <c r="O24964" t="s">
        <v>85</v>
      </c>
      <c r="P24964" t="s">
        <v>86</v>
      </c>
      <c r="Q24964">
        <v>32</v>
      </c>
      <c r="R24964">
        <v>33</v>
      </c>
      <c r="S24964">
        <v>33</v>
      </c>
      <c r="T24964">
        <v>34</v>
      </c>
      <c r="U24964">
        <v>35</v>
      </c>
      <c r="V24964">
        <v>35</v>
      </c>
      <c r="W24964">
        <v>36</v>
      </c>
      <c r="X24964">
        <v>37</v>
      </c>
      <c r="Y24964">
        <v>37</v>
      </c>
      <c r="Z24964">
        <v>38</v>
      </c>
      <c r="AA24964">
        <v>38</v>
      </c>
      <c r="AB24964">
        <v>39</v>
      </c>
      <c r="AC24964">
        <v>39</v>
      </c>
      <c r="AD24964">
        <v>40</v>
      </c>
      <c r="AE24964">
        <v>40</v>
      </c>
      <c r="AF24964">
        <v>40</v>
      </c>
      <c r="AG24964">
        <v>40</v>
      </c>
      <c r="AH24964">
        <v>40</v>
      </c>
      <c r="AI24964">
        <v>40</v>
      </c>
      <c r="AJ24964">
        <v>40</v>
      </c>
      <c r="AK24964">
        <v>40</v>
      </c>
      <c r="AL24964">
        <v>40</v>
      </c>
      <c r="AM24964">
        <v>40</v>
      </c>
      <c r="AN24964">
        <v>40</v>
      </c>
      <c r="AO24964">
        <v>41</v>
      </c>
      <c r="AP24964">
        <v>41</v>
      </c>
      <c r="AQ24964">
        <v>41</v>
      </c>
    </row>
    <row r="24965" spans="1:43">
      <c r="A24965" t="s">
        <v>15451</v>
      </c>
      <c r="B24965" t="s">
        <v>15452</v>
      </c>
      <c r="C24965" t="s">
        <v>15453</v>
      </c>
      <c r="D24965" t="s">
        <v>15454</v>
      </c>
      <c r="E24965" t="s">
        <v>15241</v>
      </c>
      <c r="F24965" t="s">
        <v>15242</v>
      </c>
      <c r="G24965" t="s">
        <v>10734</v>
      </c>
      <c r="H24965" t="s">
        <v>10735</v>
      </c>
      <c r="I24965" s="2">
        <v>1</v>
      </c>
      <c r="J24965" s="2">
        <v>0</v>
      </c>
      <c r="K24965" s="2">
        <v>0</v>
      </c>
      <c r="L24965" t="s">
        <v>120</v>
      </c>
      <c r="M24965" t="s">
        <v>83</v>
      </c>
      <c r="N24965" t="s">
        <v>91</v>
      </c>
      <c r="O24965" t="s">
        <v>85</v>
      </c>
      <c r="P24965" t="s">
        <v>86</v>
      </c>
      <c r="Q24965">
        <v>32</v>
      </c>
      <c r="R24965">
        <v>32</v>
      </c>
      <c r="S24965">
        <v>32</v>
      </c>
      <c r="T24965">
        <v>33</v>
      </c>
      <c r="U24965">
        <v>33</v>
      </c>
      <c r="V24965">
        <v>34</v>
      </c>
      <c r="W24965">
        <v>34</v>
      </c>
      <c r="X24965">
        <v>35</v>
      </c>
      <c r="Y24965">
        <v>35</v>
      </c>
      <c r="Z24965">
        <v>36</v>
      </c>
      <c r="AA24965">
        <v>36</v>
      </c>
      <c r="AB24965">
        <v>36</v>
      </c>
      <c r="AC24965">
        <v>37</v>
      </c>
      <c r="AD24965">
        <v>37</v>
      </c>
      <c r="AE24965">
        <v>38</v>
      </c>
      <c r="AF24965">
        <v>38</v>
      </c>
      <c r="AG24965">
        <v>38</v>
      </c>
      <c r="AH24965">
        <v>39</v>
      </c>
      <c r="AI24965">
        <v>39</v>
      </c>
      <c r="AJ24965">
        <v>40</v>
      </c>
      <c r="AK24965">
        <v>40</v>
      </c>
      <c r="AL24965">
        <v>40</v>
      </c>
      <c r="AM24965">
        <v>40</v>
      </c>
      <c r="AN24965">
        <v>40</v>
      </c>
      <c r="AO24965">
        <v>40</v>
      </c>
      <c r="AP24965">
        <v>40</v>
      </c>
      <c r="AQ24965">
        <v>40</v>
      </c>
    </row>
    <row r="24966" spans="1:43">
      <c r="A24966" t="s">
        <v>15455</v>
      </c>
      <c r="B24966" t="s">
        <v>15456</v>
      </c>
      <c r="C24966" t="s">
        <v>15267</v>
      </c>
      <c r="D24966" t="s">
        <v>15268</v>
      </c>
      <c r="E24966" t="s">
        <v>15241</v>
      </c>
      <c r="F24966" t="s">
        <v>15242</v>
      </c>
      <c r="G24966" t="s">
        <v>10734</v>
      </c>
      <c r="H24966" t="s">
        <v>10735</v>
      </c>
      <c r="I24966" s="2">
        <v>1</v>
      </c>
      <c r="J24966" s="2">
        <v>0</v>
      </c>
      <c r="K24966" s="2">
        <v>0</v>
      </c>
      <c r="L24966" t="s">
        <v>120</v>
      </c>
      <c r="M24966" t="s">
        <v>83</v>
      </c>
      <c r="N24966" t="s">
        <v>84</v>
      </c>
      <c r="O24966" t="s">
        <v>85</v>
      </c>
      <c r="P24966" t="s">
        <v>86</v>
      </c>
      <c r="Q24966">
        <v>28</v>
      </c>
      <c r="R24966">
        <v>28</v>
      </c>
      <c r="S24966">
        <v>29</v>
      </c>
      <c r="T24966">
        <v>29</v>
      </c>
      <c r="U24966">
        <v>30</v>
      </c>
      <c r="V24966">
        <v>30</v>
      </c>
      <c r="W24966">
        <v>30</v>
      </c>
      <c r="X24966">
        <v>31</v>
      </c>
      <c r="Y24966">
        <v>31</v>
      </c>
      <c r="Z24966">
        <v>32</v>
      </c>
      <c r="AA24966">
        <v>32</v>
      </c>
      <c r="AB24966">
        <v>32</v>
      </c>
      <c r="AC24966">
        <v>33</v>
      </c>
      <c r="AD24966">
        <v>33</v>
      </c>
      <c r="AE24966">
        <v>33</v>
      </c>
      <c r="AF24966">
        <v>34</v>
      </c>
      <c r="AG24966">
        <v>34</v>
      </c>
      <c r="AH24966">
        <v>34</v>
      </c>
      <c r="AI24966">
        <v>35</v>
      </c>
      <c r="AJ24966">
        <v>35</v>
      </c>
      <c r="AK24966">
        <v>35</v>
      </c>
      <c r="AL24966">
        <v>35</v>
      </c>
      <c r="AM24966">
        <v>36</v>
      </c>
      <c r="AN24966">
        <v>36</v>
      </c>
      <c r="AO24966">
        <v>36</v>
      </c>
      <c r="AP24966">
        <v>36</v>
      </c>
      <c r="AQ24966">
        <v>36</v>
      </c>
    </row>
    <row r="24967" spans="1:43">
      <c r="A24967" t="s">
        <v>15455</v>
      </c>
      <c r="B24967" t="s">
        <v>15456</v>
      </c>
      <c r="C24967" t="s">
        <v>15267</v>
      </c>
      <c r="D24967" t="s">
        <v>15268</v>
      </c>
      <c r="E24967" t="s">
        <v>15241</v>
      </c>
      <c r="F24967" t="s">
        <v>15242</v>
      </c>
      <c r="G24967" t="s">
        <v>10734</v>
      </c>
      <c r="H24967" t="s">
        <v>10735</v>
      </c>
      <c r="I24967" s="2">
        <v>1</v>
      </c>
      <c r="J24967" s="2">
        <v>0</v>
      </c>
      <c r="K24967" s="2">
        <v>0</v>
      </c>
      <c r="L24967" t="s">
        <v>120</v>
      </c>
      <c r="M24967" t="s">
        <v>87</v>
      </c>
      <c r="N24967" t="s">
        <v>88</v>
      </c>
      <c r="O24967" t="s">
        <v>85</v>
      </c>
      <c r="P24967" t="s">
        <v>86</v>
      </c>
      <c r="Q24967">
        <v>28</v>
      </c>
      <c r="R24967">
        <v>28</v>
      </c>
      <c r="S24967">
        <v>28</v>
      </c>
      <c r="T24967">
        <v>28</v>
      </c>
      <c r="U24967">
        <v>28</v>
      </c>
      <c r="V24967">
        <v>28</v>
      </c>
      <c r="W24967">
        <v>29</v>
      </c>
      <c r="X24967">
        <v>29</v>
      </c>
      <c r="Y24967">
        <v>29</v>
      </c>
      <c r="Z24967">
        <v>29</v>
      </c>
      <c r="AA24967">
        <v>29</v>
      </c>
      <c r="AB24967">
        <v>29</v>
      </c>
      <c r="AC24967">
        <v>29</v>
      </c>
      <c r="AD24967">
        <v>30</v>
      </c>
      <c r="AE24967">
        <v>30</v>
      </c>
      <c r="AF24967">
        <v>30</v>
      </c>
      <c r="AG24967">
        <v>30</v>
      </c>
      <c r="AH24967">
        <v>30</v>
      </c>
      <c r="AI24967">
        <v>30</v>
      </c>
      <c r="AJ24967">
        <v>30</v>
      </c>
      <c r="AK24967">
        <v>30</v>
      </c>
      <c r="AL24967">
        <v>31</v>
      </c>
      <c r="AM24967">
        <v>31</v>
      </c>
      <c r="AN24967">
        <v>31</v>
      </c>
      <c r="AO24967">
        <v>31</v>
      </c>
      <c r="AP24967">
        <v>31</v>
      </c>
      <c r="AQ24967">
        <v>31</v>
      </c>
    </row>
    <row r="24968" spans="1:43">
      <c r="A24968" t="s">
        <v>15455</v>
      </c>
      <c r="B24968" t="s">
        <v>15456</v>
      </c>
      <c r="C24968" t="s">
        <v>15267</v>
      </c>
      <c r="D24968" t="s">
        <v>15268</v>
      </c>
      <c r="E24968" t="s">
        <v>15241</v>
      </c>
      <c r="F24968" t="s">
        <v>15242</v>
      </c>
      <c r="G24968" t="s">
        <v>10734</v>
      </c>
      <c r="H24968" t="s">
        <v>10735</v>
      </c>
      <c r="I24968" s="2">
        <v>1</v>
      </c>
      <c r="J24968" s="2">
        <v>0</v>
      </c>
      <c r="K24968" s="2">
        <v>0</v>
      </c>
      <c r="L24968" t="s">
        <v>120</v>
      </c>
      <c r="M24968" t="s">
        <v>89</v>
      </c>
      <c r="N24968" t="s">
        <v>90</v>
      </c>
      <c r="O24968" t="s">
        <v>85</v>
      </c>
      <c r="P24968" t="s">
        <v>86</v>
      </c>
      <c r="Q24968">
        <v>28</v>
      </c>
      <c r="R24968">
        <v>29</v>
      </c>
      <c r="S24968">
        <v>30</v>
      </c>
      <c r="T24968">
        <v>30</v>
      </c>
      <c r="U24968">
        <v>31</v>
      </c>
      <c r="V24968">
        <v>31</v>
      </c>
      <c r="W24968">
        <v>32</v>
      </c>
      <c r="X24968">
        <v>32</v>
      </c>
      <c r="Y24968">
        <v>33</v>
      </c>
      <c r="Z24968">
        <v>33</v>
      </c>
      <c r="AA24968">
        <v>34</v>
      </c>
      <c r="AB24968">
        <v>34</v>
      </c>
      <c r="AC24968">
        <v>35</v>
      </c>
      <c r="AD24968">
        <v>35</v>
      </c>
      <c r="AE24968">
        <v>36</v>
      </c>
      <c r="AF24968">
        <v>36</v>
      </c>
      <c r="AG24968">
        <v>36</v>
      </c>
      <c r="AH24968">
        <v>36</v>
      </c>
      <c r="AI24968">
        <v>36</v>
      </c>
      <c r="AJ24968">
        <v>36</v>
      </c>
      <c r="AK24968">
        <v>36</v>
      </c>
      <c r="AL24968">
        <v>36</v>
      </c>
      <c r="AM24968">
        <v>36</v>
      </c>
      <c r="AN24968">
        <v>36</v>
      </c>
      <c r="AO24968">
        <v>36</v>
      </c>
      <c r="AP24968">
        <v>36</v>
      </c>
      <c r="AQ24968">
        <v>36</v>
      </c>
    </row>
    <row r="24969" spans="1:43">
      <c r="A24969" t="s">
        <v>15455</v>
      </c>
      <c r="B24969" t="s">
        <v>15456</v>
      </c>
      <c r="C24969" t="s">
        <v>15267</v>
      </c>
      <c r="D24969" t="s">
        <v>15268</v>
      </c>
      <c r="E24969" t="s">
        <v>15241</v>
      </c>
      <c r="F24969" t="s">
        <v>15242</v>
      </c>
      <c r="G24969" t="s">
        <v>10734</v>
      </c>
      <c r="H24969" t="s">
        <v>10735</v>
      </c>
      <c r="I24969" s="2">
        <v>1</v>
      </c>
      <c r="J24969" s="2">
        <v>0</v>
      </c>
      <c r="K24969" s="2">
        <v>0</v>
      </c>
      <c r="L24969" t="s">
        <v>120</v>
      </c>
      <c r="M24969" t="s">
        <v>83</v>
      </c>
      <c r="N24969" t="s">
        <v>91</v>
      </c>
      <c r="O24969" t="s">
        <v>85</v>
      </c>
      <c r="P24969" t="s">
        <v>86</v>
      </c>
      <c r="Q24969">
        <v>28</v>
      </c>
      <c r="R24969">
        <v>28</v>
      </c>
      <c r="S24969">
        <v>29</v>
      </c>
      <c r="T24969">
        <v>29</v>
      </c>
      <c r="U24969">
        <v>30</v>
      </c>
      <c r="V24969">
        <v>30</v>
      </c>
      <c r="W24969">
        <v>30</v>
      </c>
      <c r="X24969">
        <v>31</v>
      </c>
      <c r="Y24969">
        <v>31</v>
      </c>
      <c r="Z24969">
        <v>32</v>
      </c>
      <c r="AA24969">
        <v>32</v>
      </c>
      <c r="AB24969">
        <v>32</v>
      </c>
      <c r="AC24969">
        <v>33</v>
      </c>
      <c r="AD24969">
        <v>33</v>
      </c>
      <c r="AE24969">
        <v>33</v>
      </c>
      <c r="AF24969">
        <v>34</v>
      </c>
      <c r="AG24969">
        <v>34</v>
      </c>
      <c r="AH24969">
        <v>34</v>
      </c>
      <c r="AI24969">
        <v>35</v>
      </c>
      <c r="AJ24969">
        <v>35</v>
      </c>
      <c r="AK24969">
        <v>35</v>
      </c>
      <c r="AL24969">
        <v>35</v>
      </c>
      <c r="AM24969">
        <v>36</v>
      </c>
      <c r="AN24969">
        <v>36</v>
      </c>
      <c r="AO24969">
        <v>36</v>
      </c>
      <c r="AP24969">
        <v>36</v>
      </c>
      <c r="AQ24969">
        <v>36</v>
      </c>
    </row>
    <row r="24970" spans="1:43">
      <c r="A24970" t="s">
        <v>15457</v>
      </c>
      <c r="B24970" t="s">
        <v>15458</v>
      </c>
      <c r="C24970" t="s">
        <v>15267</v>
      </c>
      <c r="D24970" t="s">
        <v>15268</v>
      </c>
      <c r="E24970" t="s">
        <v>15241</v>
      </c>
      <c r="F24970" t="s">
        <v>15242</v>
      </c>
      <c r="G24970" t="s">
        <v>10734</v>
      </c>
      <c r="H24970" t="s">
        <v>10735</v>
      </c>
      <c r="I24970" s="2">
        <v>1</v>
      </c>
      <c r="J24970" s="2">
        <v>0</v>
      </c>
      <c r="K24970" s="2">
        <v>0</v>
      </c>
      <c r="L24970" t="s">
        <v>120</v>
      </c>
      <c r="M24970" t="s">
        <v>83</v>
      </c>
      <c r="N24970" t="s">
        <v>84</v>
      </c>
      <c r="O24970" t="s">
        <v>85</v>
      </c>
      <c r="P24970" t="s">
        <v>86</v>
      </c>
      <c r="Q24970">
        <v>7</v>
      </c>
      <c r="R24970">
        <v>7</v>
      </c>
      <c r="S24970">
        <v>7</v>
      </c>
      <c r="T24970">
        <v>7</v>
      </c>
      <c r="U24970">
        <v>7</v>
      </c>
      <c r="V24970">
        <v>7</v>
      </c>
      <c r="W24970">
        <v>8</v>
      </c>
      <c r="X24970">
        <v>8</v>
      </c>
      <c r="Y24970">
        <v>8</v>
      </c>
      <c r="Z24970">
        <v>8</v>
      </c>
      <c r="AA24970">
        <v>8</v>
      </c>
      <c r="AB24970">
        <v>8</v>
      </c>
      <c r="AC24970">
        <v>8</v>
      </c>
      <c r="AD24970">
        <v>8</v>
      </c>
      <c r="AE24970">
        <v>8</v>
      </c>
      <c r="AF24970">
        <v>8</v>
      </c>
      <c r="AG24970">
        <v>8</v>
      </c>
      <c r="AH24970">
        <v>8</v>
      </c>
      <c r="AI24970">
        <v>9</v>
      </c>
      <c r="AJ24970">
        <v>9</v>
      </c>
      <c r="AK24970">
        <v>9</v>
      </c>
      <c r="AL24970">
        <v>9</v>
      </c>
      <c r="AM24970">
        <v>9</v>
      </c>
      <c r="AN24970">
        <v>9</v>
      </c>
      <c r="AO24970">
        <v>9</v>
      </c>
      <c r="AP24970">
        <v>9</v>
      </c>
      <c r="AQ24970">
        <v>9</v>
      </c>
    </row>
    <row r="24971" spans="1:43">
      <c r="A24971" t="s">
        <v>15457</v>
      </c>
      <c r="B24971" t="s">
        <v>15458</v>
      </c>
      <c r="C24971" t="s">
        <v>15267</v>
      </c>
      <c r="D24971" t="s">
        <v>15268</v>
      </c>
      <c r="E24971" t="s">
        <v>15241</v>
      </c>
      <c r="F24971" t="s">
        <v>15242</v>
      </c>
      <c r="G24971" t="s">
        <v>10734</v>
      </c>
      <c r="H24971" t="s">
        <v>10735</v>
      </c>
      <c r="I24971" s="2">
        <v>1</v>
      </c>
      <c r="J24971" s="2">
        <v>0</v>
      </c>
      <c r="K24971" s="2">
        <v>0</v>
      </c>
      <c r="L24971" t="s">
        <v>120</v>
      </c>
      <c r="M24971" t="s">
        <v>87</v>
      </c>
      <c r="N24971" t="s">
        <v>88</v>
      </c>
      <c r="O24971" t="s">
        <v>85</v>
      </c>
      <c r="P24971" t="s">
        <v>86</v>
      </c>
      <c r="Q24971">
        <v>7</v>
      </c>
      <c r="R24971">
        <v>7</v>
      </c>
      <c r="S24971">
        <v>7</v>
      </c>
      <c r="T24971">
        <v>7</v>
      </c>
      <c r="U24971">
        <v>7</v>
      </c>
      <c r="V24971">
        <v>7</v>
      </c>
      <c r="W24971">
        <v>7</v>
      </c>
      <c r="X24971">
        <v>7</v>
      </c>
      <c r="Y24971">
        <v>7</v>
      </c>
      <c r="Z24971">
        <v>7</v>
      </c>
      <c r="AA24971">
        <v>7</v>
      </c>
      <c r="AB24971">
        <v>7</v>
      </c>
      <c r="AC24971">
        <v>7</v>
      </c>
      <c r="AD24971">
        <v>7</v>
      </c>
      <c r="AE24971">
        <v>7</v>
      </c>
      <c r="AF24971">
        <v>7</v>
      </c>
      <c r="AG24971">
        <v>7</v>
      </c>
      <c r="AH24971">
        <v>7</v>
      </c>
      <c r="AI24971">
        <v>7</v>
      </c>
      <c r="AJ24971">
        <v>7</v>
      </c>
      <c r="AK24971">
        <v>7</v>
      </c>
      <c r="AL24971">
        <v>7</v>
      </c>
      <c r="AM24971">
        <v>8</v>
      </c>
      <c r="AN24971">
        <v>8</v>
      </c>
      <c r="AO24971">
        <v>8</v>
      </c>
      <c r="AP24971">
        <v>8</v>
      </c>
      <c r="AQ24971">
        <v>8</v>
      </c>
    </row>
    <row r="24972" spans="1:43">
      <c r="A24972" t="s">
        <v>15457</v>
      </c>
      <c r="B24972" t="s">
        <v>15458</v>
      </c>
      <c r="C24972" t="s">
        <v>15267</v>
      </c>
      <c r="D24972" t="s">
        <v>15268</v>
      </c>
      <c r="E24972" t="s">
        <v>15241</v>
      </c>
      <c r="F24972" t="s">
        <v>15242</v>
      </c>
      <c r="G24972" t="s">
        <v>10734</v>
      </c>
      <c r="H24972" t="s">
        <v>10735</v>
      </c>
      <c r="I24972" s="2">
        <v>1</v>
      </c>
      <c r="J24972" s="2">
        <v>0</v>
      </c>
      <c r="K24972" s="2">
        <v>0</v>
      </c>
      <c r="L24972" t="s">
        <v>120</v>
      </c>
      <c r="M24972" t="s">
        <v>89</v>
      </c>
      <c r="N24972" t="s">
        <v>90</v>
      </c>
      <c r="O24972" t="s">
        <v>85</v>
      </c>
      <c r="P24972" t="s">
        <v>86</v>
      </c>
      <c r="Q24972">
        <v>7</v>
      </c>
      <c r="R24972">
        <v>7</v>
      </c>
      <c r="S24972">
        <v>7</v>
      </c>
      <c r="T24972">
        <v>7</v>
      </c>
      <c r="U24972">
        <v>8</v>
      </c>
      <c r="V24972">
        <v>8</v>
      </c>
      <c r="W24972">
        <v>8</v>
      </c>
      <c r="X24972">
        <v>8</v>
      </c>
      <c r="Y24972">
        <v>8</v>
      </c>
      <c r="Z24972">
        <v>8</v>
      </c>
      <c r="AA24972">
        <v>8</v>
      </c>
      <c r="AB24972">
        <v>8</v>
      </c>
      <c r="AC24972">
        <v>9</v>
      </c>
      <c r="AD24972">
        <v>9</v>
      </c>
      <c r="AE24972">
        <v>9</v>
      </c>
      <c r="AF24972">
        <v>9</v>
      </c>
      <c r="AG24972">
        <v>9</v>
      </c>
      <c r="AH24972">
        <v>9</v>
      </c>
      <c r="AI24972">
        <v>9</v>
      </c>
      <c r="AJ24972">
        <v>9</v>
      </c>
      <c r="AK24972">
        <v>9</v>
      </c>
      <c r="AL24972">
        <v>9</v>
      </c>
      <c r="AM24972">
        <v>9</v>
      </c>
      <c r="AN24972">
        <v>9</v>
      </c>
      <c r="AO24972">
        <v>9</v>
      </c>
      <c r="AP24972">
        <v>9</v>
      </c>
      <c r="AQ24972">
        <v>9</v>
      </c>
    </row>
    <row r="24973" spans="1:43">
      <c r="A24973" t="s">
        <v>15457</v>
      </c>
      <c r="B24973" t="s">
        <v>15458</v>
      </c>
      <c r="C24973" t="s">
        <v>15267</v>
      </c>
      <c r="D24973" t="s">
        <v>15268</v>
      </c>
      <c r="E24973" t="s">
        <v>15241</v>
      </c>
      <c r="F24973" t="s">
        <v>15242</v>
      </c>
      <c r="G24973" t="s">
        <v>10734</v>
      </c>
      <c r="H24973" t="s">
        <v>10735</v>
      </c>
      <c r="I24973" s="2">
        <v>1</v>
      </c>
      <c r="J24973" s="2">
        <v>0</v>
      </c>
      <c r="K24973" s="2">
        <v>0</v>
      </c>
      <c r="L24973" t="s">
        <v>120</v>
      </c>
      <c r="M24973" t="s">
        <v>83</v>
      </c>
      <c r="N24973" t="s">
        <v>91</v>
      </c>
      <c r="O24973" t="s">
        <v>85</v>
      </c>
      <c r="P24973" t="s">
        <v>86</v>
      </c>
      <c r="Q24973">
        <v>7</v>
      </c>
      <c r="R24973">
        <v>7</v>
      </c>
      <c r="S24973">
        <v>7</v>
      </c>
      <c r="T24973">
        <v>7</v>
      </c>
      <c r="U24973">
        <v>7</v>
      </c>
      <c r="V24973">
        <v>7</v>
      </c>
      <c r="W24973">
        <v>8</v>
      </c>
      <c r="X24973">
        <v>8</v>
      </c>
      <c r="Y24973">
        <v>8</v>
      </c>
      <c r="Z24973">
        <v>8</v>
      </c>
      <c r="AA24973">
        <v>8</v>
      </c>
      <c r="AB24973">
        <v>8</v>
      </c>
      <c r="AC24973">
        <v>8</v>
      </c>
      <c r="AD24973">
        <v>8</v>
      </c>
      <c r="AE24973">
        <v>8</v>
      </c>
      <c r="AF24973">
        <v>8</v>
      </c>
      <c r="AG24973">
        <v>8</v>
      </c>
      <c r="AH24973">
        <v>8</v>
      </c>
      <c r="AI24973">
        <v>9</v>
      </c>
      <c r="AJ24973">
        <v>9</v>
      </c>
      <c r="AK24973">
        <v>9</v>
      </c>
      <c r="AL24973">
        <v>9</v>
      </c>
      <c r="AM24973">
        <v>9</v>
      </c>
      <c r="AN24973">
        <v>9</v>
      </c>
      <c r="AO24973">
        <v>9</v>
      </c>
      <c r="AP24973">
        <v>9</v>
      </c>
      <c r="AQ24973">
        <v>9</v>
      </c>
    </row>
    <row r="24974" spans="1:43">
      <c r="A24974" t="s">
        <v>15459</v>
      </c>
      <c r="B24974" t="s">
        <v>15460</v>
      </c>
      <c r="C24974" t="s">
        <v>15337</v>
      </c>
      <c r="D24974" t="s">
        <v>15338</v>
      </c>
      <c r="E24974" t="s">
        <v>15241</v>
      </c>
      <c r="F24974" t="s">
        <v>15242</v>
      </c>
      <c r="G24974" t="s">
        <v>10734</v>
      </c>
      <c r="H24974" t="s">
        <v>10735</v>
      </c>
      <c r="I24974" s="2">
        <v>1</v>
      </c>
      <c r="J24974" s="2">
        <v>0</v>
      </c>
      <c r="K24974" s="2">
        <v>0</v>
      </c>
      <c r="L24974" t="s">
        <v>120</v>
      </c>
      <c r="M24974" t="s">
        <v>83</v>
      </c>
      <c r="N24974" t="s">
        <v>84</v>
      </c>
      <c r="O24974" t="s">
        <v>85</v>
      </c>
      <c r="P24974" t="s">
        <v>86</v>
      </c>
      <c r="Q24974">
        <v>34</v>
      </c>
      <c r="R24974">
        <v>34</v>
      </c>
      <c r="S24974">
        <v>35</v>
      </c>
      <c r="T24974">
        <v>35</v>
      </c>
      <c r="U24974">
        <v>36</v>
      </c>
      <c r="V24974">
        <v>36</v>
      </c>
      <c r="W24974">
        <v>37</v>
      </c>
      <c r="X24974">
        <v>37</v>
      </c>
      <c r="Y24974">
        <v>37</v>
      </c>
      <c r="Z24974">
        <v>38</v>
      </c>
      <c r="AA24974">
        <v>38</v>
      </c>
      <c r="AB24974">
        <v>39</v>
      </c>
      <c r="AC24974">
        <v>39</v>
      </c>
      <c r="AD24974">
        <v>40</v>
      </c>
      <c r="AE24974">
        <v>40</v>
      </c>
      <c r="AF24974">
        <v>40</v>
      </c>
      <c r="AG24974">
        <v>41</v>
      </c>
      <c r="AH24974">
        <v>41</v>
      </c>
      <c r="AI24974">
        <v>42</v>
      </c>
      <c r="AJ24974">
        <v>42</v>
      </c>
      <c r="AK24974">
        <v>42</v>
      </c>
      <c r="AL24974">
        <v>42</v>
      </c>
      <c r="AM24974">
        <v>42</v>
      </c>
      <c r="AN24974">
        <v>42</v>
      </c>
      <c r="AO24974">
        <v>42</v>
      </c>
      <c r="AP24974">
        <v>43</v>
      </c>
      <c r="AQ24974">
        <v>43</v>
      </c>
    </row>
    <row r="24975" spans="1:43">
      <c r="A24975" t="s">
        <v>15459</v>
      </c>
      <c r="B24975" t="s">
        <v>15460</v>
      </c>
      <c r="C24975" t="s">
        <v>15337</v>
      </c>
      <c r="D24975" t="s">
        <v>15338</v>
      </c>
      <c r="E24975" t="s">
        <v>15241</v>
      </c>
      <c r="F24975" t="s">
        <v>15242</v>
      </c>
      <c r="G24975" t="s">
        <v>10734</v>
      </c>
      <c r="H24975" t="s">
        <v>10735</v>
      </c>
      <c r="I24975" s="2">
        <v>1</v>
      </c>
      <c r="J24975" s="2">
        <v>0</v>
      </c>
      <c r="K24975" s="2">
        <v>0</v>
      </c>
      <c r="L24975" t="s">
        <v>120</v>
      </c>
      <c r="M24975" t="s">
        <v>87</v>
      </c>
      <c r="N24975" t="s">
        <v>88</v>
      </c>
      <c r="O24975" t="s">
        <v>85</v>
      </c>
      <c r="P24975" t="s">
        <v>86</v>
      </c>
      <c r="Q24975">
        <v>34</v>
      </c>
      <c r="R24975">
        <v>35</v>
      </c>
      <c r="S24975">
        <v>35</v>
      </c>
      <c r="T24975">
        <v>35</v>
      </c>
      <c r="U24975">
        <v>35</v>
      </c>
      <c r="V24975">
        <v>35</v>
      </c>
      <c r="W24975">
        <v>35</v>
      </c>
      <c r="X24975">
        <v>35</v>
      </c>
      <c r="Y24975">
        <v>36</v>
      </c>
      <c r="Z24975">
        <v>36</v>
      </c>
      <c r="AA24975">
        <v>36</v>
      </c>
      <c r="AB24975">
        <v>36</v>
      </c>
      <c r="AC24975">
        <v>36</v>
      </c>
      <c r="AD24975">
        <v>36</v>
      </c>
      <c r="AE24975">
        <v>37</v>
      </c>
      <c r="AF24975">
        <v>37</v>
      </c>
      <c r="AG24975">
        <v>37</v>
      </c>
      <c r="AH24975">
        <v>37</v>
      </c>
      <c r="AI24975">
        <v>37</v>
      </c>
      <c r="AJ24975">
        <v>37</v>
      </c>
      <c r="AK24975">
        <v>37</v>
      </c>
      <c r="AL24975">
        <v>38</v>
      </c>
      <c r="AM24975">
        <v>38</v>
      </c>
      <c r="AN24975">
        <v>38</v>
      </c>
      <c r="AO24975">
        <v>38</v>
      </c>
      <c r="AP24975">
        <v>38</v>
      </c>
      <c r="AQ24975">
        <v>38</v>
      </c>
    </row>
    <row r="24976" spans="1:43">
      <c r="A24976" t="s">
        <v>15459</v>
      </c>
      <c r="B24976" t="s">
        <v>15460</v>
      </c>
      <c r="C24976" t="s">
        <v>15337</v>
      </c>
      <c r="D24976" t="s">
        <v>15338</v>
      </c>
      <c r="E24976" t="s">
        <v>15241</v>
      </c>
      <c r="F24976" t="s">
        <v>15242</v>
      </c>
      <c r="G24976" t="s">
        <v>10734</v>
      </c>
      <c r="H24976" t="s">
        <v>10735</v>
      </c>
      <c r="I24976" s="2">
        <v>1</v>
      </c>
      <c r="J24976" s="2">
        <v>0</v>
      </c>
      <c r="K24976" s="2">
        <v>0</v>
      </c>
      <c r="L24976" t="s">
        <v>120</v>
      </c>
      <c r="M24976" t="s">
        <v>89</v>
      </c>
      <c r="N24976" t="s">
        <v>90</v>
      </c>
      <c r="O24976" t="s">
        <v>85</v>
      </c>
      <c r="P24976" t="s">
        <v>86</v>
      </c>
      <c r="Q24976">
        <v>34</v>
      </c>
      <c r="R24976">
        <v>35</v>
      </c>
      <c r="S24976">
        <v>36</v>
      </c>
      <c r="T24976">
        <v>36</v>
      </c>
      <c r="U24976">
        <v>37</v>
      </c>
      <c r="V24976">
        <v>38</v>
      </c>
      <c r="W24976">
        <v>38</v>
      </c>
      <c r="X24976">
        <v>39</v>
      </c>
      <c r="Y24976">
        <v>39</v>
      </c>
      <c r="Z24976">
        <v>40</v>
      </c>
      <c r="AA24976">
        <v>41</v>
      </c>
      <c r="AB24976">
        <v>41</v>
      </c>
      <c r="AC24976">
        <v>42</v>
      </c>
      <c r="AD24976">
        <v>42</v>
      </c>
      <c r="AE24976">
        <v>43</v>
      </c>
      <c r="AF24976">
        <v>43</v>
      </c>
      <c r="AG24976">
        <v>43</v>
      </c>
      <c r="AH24976">
        <v>43</v>
      </c>
      <c r="AI24976">
        <v>43</v>
      </c>
      <c r="AJ24976">
        <v>43</v>
      </c>
      <c r="AK24976">
        <v>43</v>
      </c>
      <c r="AL24976">
        <v>43</v>
      </c>
      <c r="AM24976">
        <v>43</v>
      </c>
      <c r="AN24976">
        <v>43</v>
      </c>
      <c r="AO24976">
        <v>43</v>
      </c>
      <c r="AP24976">
        <v>43</v>
      </c>
      <c r="AQ24976">
        <v>43</v>
      </c>
    </row>
    <row r="24977" spans="1:43">
      <c r="A24977" t="s">
        <v>15459</v>
      </c>
      <c r="B24977" t="s">
        <v>15460</v>
      </c>
      <c r="C24977" t="s">
        <v>15337</v>
      </c>
      <c r="D24977" t="s">
        <v>15338</v>
      </c>
      <c r="E24977" t="s">
        <v>15241</v>
      </c>
      <c r="F24977" t="s">
        <v>15242</v>
      </c>
      <c r="G24977" t="s">
        <v>10734</v>
      </c>
      <c r="H24977" t="s">
        <v>10735</v>
      </c>
      <c r="I24977" s="2">
        <v>1</v>
      </c>
      <c r="J24977" s="2">
        <v>0</v>
      </c>
      <c r="K24977" s="2">
        <v>0</v>
      </c>
      <c r="L24977" t="s">
        <v>120</v>
      </c>
      <c r="M24977" t="s">
        <v>83</v>
      </c>
      <c r="N24977" t="s">
        <v>91</v>
      </c>
      <c r="O24977" t="s">
        <v>85</v>
      </c>
      <c r="P24977" t="s">
        <v>86</v>
      </c>
      <c r="Q24977">
        <v>34</v>
      </c>
      <c r="R24977">
        <v>34</v>
      </c>
      <c r="S24977">
        <v>35</v>
      </c>
      <c r="T24977">
        <v>35</v>
      </c>
      <c r="U24977">
        <v>36</v>
      </c>
      <c r="V24977">
        <v>36</v>
      </c>
      <c r="W24977">
        <v>37</v>
      </c>
      <c r="X24977">
        <v>37</v>
      </c>
      <c r="Y24977">
        <v>37</v>
      </c>
      <c r="Z24977">
        <v>38</v>
      </c>
      <c r="AA24977">
        <v>38</v>
      </c>
      <c r="AB24977">
        <v>39</v>
      </c>
      <c r="AC24977">
        <v>39</v>
      </c>
      <c r="AD24977">
        <v>40</v>
      </c>
      <c r="AE24977">
        <v>40</v>
      </c>
      <c r="AF24977">
        <v>40</v>
      </c>
      <c r="AG24977">
        <v>41</v>
      </c>
      <c r="AH24977">
        <v>41</v>
      </c>
      <c r="AI24977">
        <v>42</v>
      </c>
      <c r="AJ24977">
        <v>42</v>
      </c>
      <c r="AK24977">
        <v>42</v>
      </c>
      <c r="AL24977">
        <v>42</v>
      </c>
      <c r="AM24977">
        <v>42</v>
      </c>
      <c r="AN24977">
        <v>42</v>
      </c>
      <c r="AO24977">
        <v>42</v>
      </c>
      <c r="AP24977">
        <v>43</v>
      </c>
      <c r="AQ24977">
        <v>43</v>
      </c>
    </row>
    <row r="24978" spans="1:43">
      <c r="A24978" t="s">
        <v>15461</v>
      </c>
      <c r="B24978" t="s">
        <v>15462</v>
      </c>
      <c r="C24978" t="s">
        <v>15285</v>
      </c>
      <c r="D24978" t="s">
        <v>15286</v>
      </c>
      <c r="E24978" t="s">
        <v>15241</v>
      </c>
      <c r="F24978" t="s">
        <v>15242</v>
      </c>
      <c r="G24978" t="s">
        <v>10734</v>
      </c>
      <c r="H24978" t="s">
        <v>10735</v>
      </c>
      <c r="I24978" s="2">
        <v>1</v>
      </c>
      <c r="J24978" s="2">
        <v>0</v>
      </c>
      <c r="K24978" s="2">
        <v>0</v>
      </c>
      <c r="L24978" t="s">
        <v>120</v>
      </c>
      <c r="M24978" t="s">
        <v>83</v>
      </c>
      <c r="N24978" t="s">
        <v>84</v>
      </c>
      <c r="O24978" t="s">
        <v>85</v>
      </c>
      <c r="P24978" t="s">
        <v>86</v>
      </c>
      <c r="Q24978">
        <v>7</v>
      </c>
      <c r="R24978">
        <v>7</v>
      </c>
      <c r="S24978">
        <v>7</v>
      </c>
      <c r="T24978">
        <v>7</v>
      </c>
      <c r="U24978">
        <v>7</v>
      </c>
      <c r="V24978">
        <v>7</v>
      </c>
      <c r="W24978">
        <v>7</v>
      </c>
      <c r="X24978">
        <v>7</v>
      </c>
      <c r="Y24978">
        <v>8</v>
      </c>
      <c r="Z24978">
        <v>8</v>
      </c>
      <c r="AA24978">
        <v>8</v>
      </c>
      <c r="AB24978">
        <v>8</v>
      </c>
      <c r="AC24978">
        <v>8</v>
      </c>
      <c r="AD24978">
        <v>8</v>
      </c>
      <c r="AE24978">
        <v>8</v>
      </c>
      <c r="AF24978">
        <v>8</v>
      </c>
      <c r="AG24978">
        <v>8</v>
      </c>
      <c r="AH24978">
        <v>8</v>
      </c>
      <c r="AI24978">
        <v>8</v>
      </c>
      <c r="AJ24978">
        <v>8</v>
      </c>
      <c r="AK24978">
        <v>9</v>
      </c>
      <c r="AL24978">
        <v>9</v>
      </c>
      <c r="AM24978">
        <v>9</v>
      </c>
      <c r="AN24978">
        <v>9</v>
      </c>
      <c r="AO24978">
        <v>9</v>
      </c>
      <c r="AP24978">
        <v>9</v>
      </c>
      <c r="AQ24978">
        <v>9</v>
      </c>
    </row>
    <row r="24979" spans="1:43">
      <c r="A24979" t="s">
        <v>15461</v>
      </c>
      <c r="B24979" t="s">
        <v>15462</v>
      </c>
      <c r="C24979" t="s">
        <v>15285</v>
      </c>
      <c r="D24979" t="s">
        <v>15286</v>
      </c>
      <c r="E24979" t="s">
        <v>15241</v>
      </c>
      <c r="F24979" t="s">
        <v>15242</v>
      </c>
      <c r="G24979" t="s">
        <v>10734</v>
      </c>
      <c r="H24979" t="s">
        <v>10735</v>
      </c>
      <c r="I24979" s="2">
        <v>1</v>
      </c>
      <c r="J24979" s="2">
        <v>0</v>
      </c>
      <c r="K24979" s="2">
        <v>0</v>
      </c>
      <c r="L24979" t="s">
        <v>120</v>
      </c>
      <c r="M24979" t="s">
        <v>87</v>
      </c>
      <c r="N24979" t="s">
        <v>88</v>
      </c>
      <c r="O24979" t="s">
        <v>85</v>
      </c>
      <c r="P24979" t="s">
        <v>86</v>
      </c>
      <c r="Q24979">
        <v>7</v>
      </c>
      <c r="R24979">
        <v>7</v>
      </c>
      <c r="S24979">
        <v>7</v>
      </c>
      <c r="T24979">
        <v>7</v>
      </c>
      <c r="U24979">
        <v>7</v>
      </c>
      <c r="V24979">
        <v>7</v>
      </c>
      <c r="W24979">
        <v>7</v>
      </c>
      <c r="X24979">
        <v>7</v>
      </c>
      <c r="Y24979">
        <v>7</v>
      </c>
      <c r="Z24979">
        <v>7</v>
      </c>
      <c r="AA24979">
        <v>7</v>
      </c>
      <c r="AB24979">
        <v>7</v>
      </c>
      <c r="AC24979">
        <v>7</v>
      </c>
      <c r="AD24979">
        <v>7</v>
      </c>
      <c r="AE24979">
        <v>7</v>
      </c>
      <c r="AF24979">
        <v>7</v>
      </c>
      <c r="AG24979">
        <v>7</v>
      </c>
      <c r="AH24979">
        <v>7</v>
      </c>
      <c r="AI24979">
        <v>7</v>
      </c>
      <c r="AJ24979">
        <v>7</v>
      </c>
      <c r="AK24979">
        <v>7</v>
      </c>
      <c r="AL24979">
        <v>7</v>
      </c>
      <c r="AM24979">
        <v>7</v>
      </c>
      <c r="AN24979">
        <v>7</v>
      </c>
      <c r="AO24979">
        <v>7</v>
      </c>
      <c r="AP24979">
        <v>7</v>
      </c>
      <c r="AQ24979">
        <v>7</v>
      </c>
    </row>
    <row r="24980" spans="1:43">
      <c r="A24980" t="s">
        <v>15461</v>
      </c>
      <c r="B24980" t="s">
        <v>15462</v>
      </c>
      <c r="C24980" t="s">
        <v>15285</v>
      </c>
      <c r="D24980" t="s">
        <v>15286</v>
      </c>
      <c r="E24980" t="s">
        <v>15241</v>
      </c>
      <c r="F24980" t="s">
        <v>15242</v>
      </c>
      <c r="G24980" t="s">
        <v>10734</v>
      </c>
      <c r="H24980" t="s">
        <v>10735</v>
      </c>
      <c r="I24980" s="2">
        <v>1</v>
      </c>
      <c r="J24980" s="2">
        <v>0</v>
      </c>
      <c r="K24980" s="2">
        <v>0</v>
      </c>
      <c r="L24980" t="s">
        <v>120</v>
      </c>
      <c r="M24980" t="s">
        <v>89</v>
      </c>
      <c r="N24980" t="s">
        <v>90</v>
      </c>
      <c r="O24980" t="s">
        <v>85</v>
      </c>
      <c r="P24980" t="s">
        <v>86</v>
      </c>
      <c r="Q24980">
        <v>7</v>
      </c>
      <c r="R24980">
        <v>7</v>
      </c>
      <c r="S24980">
        <v>7</v>
      </c>
      <c r="T24980">
        <v>7</v>
      </c>
      <c r="U24980">
        <v>7</v>
      </c>
      <c r="V24980">
        <v>8</v>
      </c>
      <c r="W24980">
        <v>8</v>
      </c>
      <c r="X24980">
        <v>8</v>
      </c>
      <c r="Y24980">
        <v>8</v>
      </c>
      <c r="Z24980">
        <v>8</v>
      </c>
      <c r="AA24980">
        <v>8</v>
      </c>
      <c r="AB24980">
        <v>8</v>
      </c>
      <c r="AC24980">
        <v>8</v>
      </c>
      <c r="AD24980">
        <v>9</v>
      </c>
      <c r="AE24980">
        <v>9</v>
      </c>
      <c r="AF24980">
        <v>9</v>
      </c>
      <c r="AG24980">
        <v>9</v>
      </c>
      <c r="AH24980">
        <v>9</v>
      </c>
      <c r="AI24980">
        <v>9</v>
      </c>
      <c r="AJ24980">
        <v>9</v>
      </c>
      <c r="AK24980">
        <v>9</v>
      </c>
      <c r="AL24980">
        <v>9</v>
      </c>
      <c r="AM24980">
        <v>9</v>
      </c>
      <c r="AN24980">
        <v>9</v>
      </c>
      <c r="AO24980">
        <v>9</v>
      </c>
      <c r="AP24980">
        <v>9</v>
      </c>
      <c r="AQ24980">
        <v>9</v>
      </c>
    </row>
    <row r="24981" spans="1:43">
      <c r="A24981" t="s">
        <v>15461</v>
      </c>
      <c r="B24981" t="s">
        <v>15462</v>
      </c>
      <c r="C24981" t="s">
        <v>15285</v>
      </c>
      <c r="D24981" t="s">
        <v>15286</v>
      </c>
      <c r="E24981" t="s">
        <v>15241</v>
      </c>
      <c r="F24981" t="s">
        <v>15242</v>
      </c>
      <c r="G24981" t="s">
        <v>10734</v>
      </c>
      <c r="H24981" t="s">
        <v>10735</v>
      </c>
      <c r="I24981" s="2">
        <v>1</v>
      </c>
      <c r="J24981" s="2">
        <v>0</v>
      </c>
      <c r="K24981" s="2">
        <v>0</v>
      </c>
      <c r="L24981" t="s">
        <v>120</v>
      </c>
      <c r="M24981" t="s">
        <v>83</v>
      </c>
      <c r="N24981" t="s">
        <v>91</v>
      </c>
      <c r="O24981" t="s">
        <v>85</v>
      </c>
      <c r="P24981" t="s">
        <v>86</v>
      </c>
      <c r="Q24981">
        <v>7</v>
      </c>
      <c r="R24981">
        <v>7</v>
      </c>
      <c r="S24981">
        <v>7</v>
      </c>
      <c r="T24981">
        <v>7</v>
      </c>
      <c r="U24981">
        <v>7</v>
      </c>
      <c r="V24981">
        <v>7</v>
      </c>
      <c r="W24981">
        <v>7</v>
      </c>
      <c r="X24981">
        <v>7</v>
      </c>
      <c r="Y24981">
        <v>8</v>
      </c>
      <c r="Z24981">
        <v>8</v>
      </c>
      <c r="AA24981">
        <v>8</v>
      </c>
      <c r="AB24981">
        <v>8</v>
      </c>
      <c r="AC24981">
        <v>8</v>
      </c>
      <c r="AD24981">
        <v>8</v>
      </c>
      <c r="AE24981">
        <v>8</v>
      </c>
      <c r="AF24981">
        <v>8</v>
      </c>
      <c r="AG24981">
        <v>8</v>
      </c>
      <c r="AH24981">
        <v>8</v>
      </c>
      <c r="AI24981">
        <v>8</v>
      </c>
      <c r="AJ24981">
        <v>8</v>
      </c>
      <c r="AK24981">
        <v>9</v>
      </c>
      <c r="AL24981">
        <v>9</v>
      </c>
      <c r="AM24981">
        <v>9</v>
      </c>
      <c r="AN24981">
        <v>9</v>
      </c>
      <c r="AO24981">
        <v>9</v>
      </c>
      <c r="AP24981">
        <v>9</v>
      </c>
      <c r="AQ24981">
        <v>9</v>
      </c>
    </row>
    <row r="24982" spans="1:43">
      <c r="A24982" t="s">
        <v>15463</v>
      </c>
      <c r="B24982" t="s">
        <v>15464</v>
      </c>
      <c r="C24982" t="s">
        <v>15285</v>
      </c>
      <c r="D24982" t="s">
        <v>15286</v>
      </c>
      <c r="E24982" t="s">
        <v>15241</v>
      </c>
      <c r="F24982" t="s">
        <v>15242</v>
      </c>
      <c r="G24982" t="s">
        <v>10734</v>
      </c>
      <c r="H24982" t="s">
        <v>10735</v>
      </c>
      <c r="I24982" s="2">
        <v>1</v>
      </c>
      <c r="J24982" s="2">
        <v>0</v>
      </c>
      <c r="K24982" s="2">
        <v>0</v>
      </c>
      <c r="L24982" t="s">
        <v>120</v>
      </c>
      <c r="M24982" t="s">
        <v>83</v>
      </c>
      <c r="N24982" t="s">
        <v>84</v>
      </c>
      <c r="O24982" t="s">
        <v>85</v>
      </c>
      <c r="P24982" t="s">
        <v>86</v>
      </c>
      <c r="Q24982">
        <v>32</v>
      </c>
      <c r="R24982">
        <v>32</v>
      </c>
      <c r="S24982">
        <v>33</v>
      </c>
      <c r="T24982">
        <v>33</v>
      </c>
      <c r="U24982">
        <v>34</v>
      </c>
      <c r="V24982">
        <v>34</v>
      </c>
      <c r="W24982">
        <v>35</v>
      </c>
      <c r="X24982">
        <v>35</v>
      </c>
      <c r="Y24982">
        <v>35</v>
      </c>
      <c r="Z24982">
        <v>36</v>
      </c>
      <c r="AA24982">
        <v>36</v>
      </c>
      <c r="AB24982">
        <v>37</v>
      </c>
      <c r="AC24982">
        <v>37</v>
      </c>
      <c r="AD24982">
        <v>37</v>
      </c>
      <c r="AE24982">
        <v>38</v>
      </c>
      <c r="AF24982">
        <v>38</v>
      </c>
      <c r="AG24982">
        <v>38</v>
      </c>
      <c r="AH24982">
        <v>39</v>
      </c>
      <c r="AI24982">
        <v>39</v>
      </c>
      <c r="AJ24982">
        <v>40</v>
      </c>
      <c r="AK24982">
        <v>40</v>
      </c>
      <c r="AL24982">
        <v>40</v>
      </c>
      <c r="AM24982">
        <v>40</v>
      </c>
      <c r="AN24982">
        <v>40</v>
      </c>
      <c r="AO24982">
        <v>40</v>
      </c>
      <c r="AP24982">
        <v>40</v>
      </c>
      <c r="AQ24982">
        <v>40</v>
      </c>
    </row>
    <row r="24983" spans="1:43">
      <c r="A24983" t="s">
        <v>15463</v>
      </c>
      <c r="B24983" t="s">
        <v>15464</v>
      </c>
      <c r="C24983" t="s">
        <v>15285</v>
      </c>
      <c r="D24983" t="s">
        <v>15286</v>
      </c>
      <c r="E24983" t="s">
        <v>15241</v>
      </c>
      <c r="F24983" t="s">
        <v>15242</v>
      </c>
      <c r="G24983" t="s">
        <v>10734</v>
      </c>
      <c r="H24983" t="s">
        <v>10735</v>
      </c>
      <c r="I24983" s="2">
        <v>1</v>
      </c>
      <c r="J24983" s="2">
        <v>0</v>
      </c>
      <c r="K24983" s="2">
        <v>0</v>
      </c>
      <c r="L24983" t="s">
        <v>120</v>
      </c>
      <c r="M24983" t="s">
        <v>87</v>
      </c>
      <c r="N24983" t="s">
        <v>88</v>
      </c>
      <c r="O24983" t="s">
        <v>85</v>
      </c>
      <c r="P24983" t="s">
        <v>86</v>
      </c>
      <c r="Q24983">
        <v>32</v>
      </c>
      <c r="R24983">
        <v>32</v>
      </c>
      <c r="S24983">
        <v>32</v>
      </c>
      <c r="T24983">
        <v>32</v>
      </c>
      <c r="U24983">
        <v>32</v>
      </c>
      <c r="V24983">
        <v>32</v>
      </c>
      <c r="W24983">
        <v>32</v>
      </c>
      <c r="X24983">
        <v>33</v>
      </c>
      <c r="Y24983">
        <v>33</v>
      </c>
      <c r="Z24983">
        <v>33</v>
      </c>
      <c r="AA24983">
        <v>33</v>
      </c>
      <c r="AB24983">
        <v>33</v>
      </c>
      <c r="AC24983">
        <v>33</v>
      </c>
      <c r="AD24983">
        <v>33</v>
      </c>
      <c r="AE24983">
        <v>33</v>
      </c>
      <c r="AF24983">
        <v>34</v>
      </c>
      <c r="AG24983">
        <v>34</v>
      </c>
      <c r="AH24983">
        <v>34</v>
      </c>
      <c r="AI24983">
        <v>34</v>
      </c>
      <c r="AJ24983">
        <v>34</v>
      </c>
      <c r="AK24983">
        <v>34</v>
      </c>
      <c r="AL24983">
        <v>34</v>
      </c>
      <c r="AM24983">
        <v>34</v>
      </c>
      <c r="AN24983">
        <v>34</v>
      </c>
      <c r="AO24983">
        <v>35</v>
      </c>
      <c r="AP24983">
        <v>35</v>
      </c>
      <c r="AQ24983">
        <v>35</v>
      </c>
    </row>
    <row r="24984" spans="1:43">
      <c r="A24984" t="s">
        <v>15463</v>
      </c>
      <c r="B24984" t="s">
        <v>15464</v>
      </c>
      <c r="C24984" t="s">
        <v>15285</v>
      </c>
      <c r="D24984" t="s">
        <v>15286</v>
      </c>
      <c r="E24984" t="s">
        <v>15241</v>
      </c>
      <c r="F24984" t="s">
        <v>15242</v>
      </c>
      <c r="G24984" t="s">
        <v>10734</v>
      </c>
      <c r="H24984" t="s">
        <v>10735</v>
      </c>
      <c r="I24984" s="2">
        <v>1</v>
      </c>
      <c r="J24984" s="2">
        <v>0</v>
      </c>
      <c r="K24984" s="2">
        <v>0</v>
      </c>
      <c r="L24984" t="s">
        <v>120</v>
      </c>
      <c r="M24984" t="s">
        <v>89</v>
      </c>
      <c r="N24984" t="s">
        <v>90</v>
      </c>
      <c r="O24984" t="s">
        <v>85</v>
      </c>
      <c r="P24984" t="s">
        <v>86</v>
      </c>
      <c r="Q24984">
        <v>32</v>
      </c>
      <c r="R24984">
        <v>33</v>
      </c>
      <c r="S24984">
        <v>34</v>
      </c>
      <c r="T24984">
        <v>34</v>
      </c>
      <c r="U24984">
        <v>35</v>
      </c>
      <c r="V24984">
        <v>36</v>
      </c>
      <c r="W24984">
        <v>36</v>
      </c>
      <c r="X24984">
        <v>37</v>
      </c>
      <c r="Y24984">
        <v>37</v>
      </c>
      <c r="Z24984">
        <v>38</v>
      </c>
      <c r="AA24984">
        <v>39</v>
      </c>
      <c r="AB24984">
        <v>39</v>
      </c>
      <c r="AC24984">
        <v>40</v>
      </c>
      <c r="AD24984">
        <v>40</v>
      </c>
      <c r="AE24984">
        <v>40</v>
      </c>
      <c r="AF24984">
        <v>40</v>
      </c>
      <c r="AG24984">
        <v>40</v>
      </c>
      <c r="AH24984">
        <v>40</v>
      </c>
      <c r="AI24984">
        <v>40</v>
      </c>
      <c r="AJ24984">
        <v>40</v>
      </c>
      <c r="AK24984">
        <v>40</v>
      </c>
      <c r="AL24984">
        <v>40</v>
      </c>
      <c r="AM24984">
        <v>40</v>
      </c>
      <c r="AN24984">
        <v>40</v>
      </c>
      <c r="AO24984">
        <v>40</v>
      </c>
      <c r="AP24984">
        <v>40</v>
      </c>
      <c r="AQ24984">
        <v>40</v>
      </c>
    </row>
    <row r="24985" spans="1:43">
      <c r="A24985" t="s">
        <v>15463</v>
      </c>
      <c r="B24985" t="s">
        <v>15464</v>
      </c>
      <c r="C24985" t="s">
        <v>15285</v>
      </c>
      <c r="D24985" t="s">
        <v>15286</v>
      </c>
      <c r="E24985" t="s">
        <v>15241</v>
      </c>
      <c r="F24985" t="s">
        <v>15242</v>
      </c>
      <c r="G24985" t="s">
        <v>10734</v>
      </c>
      <c r="H24985" t="s">
        <v>10735</v>
      </c>
      <c r="I24985" s="2">
        <v>1</v>
      </c>
      <c r="J24985" s="2">
        <v>0</v>
      </c>
      <c r="K24985" s="2">
        <v>0</v>
      </c>
      <c r="L24985" t="s">
        <v>120</v>
      </c>
      <c r="M24985" t="s">
        <v>83</v>
      </c>
      <c r="N24985" t="s">
        <v>91</v>
      </c>
      <c r="O24985" t="s">
        <v>85</v>
      </c>
      <c r="P24985" t="s">
        <v>86</v>
      </c>
      <c r="Q24985">
        <v>32</v>
      </c>
      <c r="R24985">
        <v>32</v>
      </c>
      <c r="S24985">
        <v>33</v>
      </c>
      <c r="T24985">
        <v>33</v>
      </c>
      <c r="U24985">
        <v>34</v>
      </c>
      <c r="V24985">
        <v>34</v>
      </c>
      <c r="W24985">
        <v>35</v>
      </c>
      <c r="X24985">
        <v>35</v>
      </c>
      <c r="Y24985">
        <v>35</v>
      </c>
      <c r="Z24985">
        <v>36</v>
      </c>
      <c r="AA24985">
        <v>36</v>
      </c>
      <c r="AB24985">
        <v>37</v>
      </c>
      <c r="AC24985">
        <v>37</v>
      </c>
      <c r="AD24985">
        <v>37</v>
      </c>
      <c r="AE24985">
        <v>38</v>
      </c>
      <c r="AF24985">
        <v>38</v>
      </c>
      <c r="AG24985">
        <v>38</v>
      </c>
      <c r="AH24985">
        <v>39</v>
      </c>
      <c r="AI24985">
        <v>39</v>
      </c>
      <c r="AJ24985">
        <v>40</v>
      </c>
      <c r="AK24985">
        <v>40</v>
      </c>
      <c r="AL24985">
        <v>40</v>
      </c>
      <c r="AM24985">
        <v>40</v>
      </c>
      <c r="AN24985">
        <v>40</v>
      </c>
      <c r="AO24985">
        <v>40</v>
      </c>
      <c r="AP24985">
        <v>40</v>
      </c>
      <c r="AQ24985">
        <v>40</v>
      </c>
    </row>
    <row r="24986" spans="1:43">
      <c r="A24986" t="s">
        <v>15465</v>
      </c>
      <c r="B24986" t="s">
        <v>15466</v>
      </c>
      <c r="C24986" t="s">
        <v>15285</v>
      </c>
      <c r="D24986" t="s">
        <v>15286</v>
      </c>
      <c r="E24986" t="s">
        <v>15241</v>
      </c>
      <c r="F24986" t="s">
        <v>15242</v>
      </c>
      <c r="G24986" t="s">
        <v>10734</v>
      </c>
      <c r="H24986" t="s">
        <v>10735</v>
      </c>
      <c r="I24986" s="2">
        <v>1</v>
      </c>
      <c r="J24986" s="2">
        <v>0</v>
      </c>
      <c r="K24986" s="2">
        <v>0</v>
      </c>
      <c r="L24986" t="s">
        <v>120</v>
      </c>
      <c r="M24986" t="s">
        <v>83</v>
      </c>
      <c r="N24986" t="s">
        <v>84</v>
      </c>
      <c r="O24986" t="s">
        <v>85</v>
      </c>
      <c r="P24986" t="s">
        <v>86</v>
      </c>
      <c r="Q24986">
        <v>42</v>
      </c>
      <c r="R24986">
        <v>43</v>
      </c>
      <c r="S24986">
        <v>43</v>
      </c>
      <c r="T24986">
        <v>44</v>
      </c>
      <c r="U24986">
        <v>44</v>
      </c>
      <c r="V24986">
        <v>45</v>
      </c>
      <c r="W24986">
        <v>46</v>
      </c>
      <c r="X24986">
        <v>46</v>
      </c>
      <c r="Y24986">
        <v>47</v>
      </c>
      <c r="Z24986">
        <v>47</v>
      </c>
      <c r="AA24986">
        <v>48</v>
      </c>
      <c r="AB24986">
        <v>48</v>
      </c>
      <c r="AC24986">
        <v>49</v>
      </c>
      <c r="AD24986">
        <v>49</v>
      </c>
      <c r="AE24986">
        <v>50</v>
      </c>
      <c r="AF24986">
        <v>50</v>
      </c>
      <c r="AG24986">
        <v>51</v>
      </c>
      <c r="AH24986">
        <v>51</v>
      </c>
      <c r="AI24986">
        <v>52</v>
      </c>
      <c r="AJ24986">
        <v>52</v>
      </c>
      <c r="AK24986">
        <v>53</v>
      </c>
      <c r="AL24986">
        <v>53</v>
      </c>
      <c r="AM24986">
        <v>53</v>
      </c>
      <c r="AN24986">
        <v>53</v>
      </c>
      <c r="AO24986">
        <v>53</v>
      </c>
      <c r="AP24986">
        <v>53</v>
      </c>
      <c r="AQ24986">
        <v>53</v>
      </c>
    </row>
    <row r="24987" spans="1:43">
      <c r="A24987" t="s">
        <v>15465</v>
      </c>
      <c r="B24987" t="s">
        <v>15466</v>
      </c>
      <c r="C24987" t="s">
        <v>15285</v>
      </c>
      <c r="D24987" t="s">
        <v>15286</v>
      </c>
      <c r="E24987" t="s">
        <v>15241</v>
      </c>
      <c r="F24987" t="s">
        <v>15242</v>
      </c>
      <c r="G24987" t="s">
        <v>10734</v>
      </c>
      <c r="H24987" t="s">
        <v>10735</v>
      </c>
      <c r="I24987" s="2">
        <v>1</v>
      </c>
      <c r="J24987" s="2">
        <v>0</v>
      </c>
      <c r="K24987" s="2">
        <v>0</v>
      </c>
      <c r="L24987" t="s">
        <v>120</v>
      </c>
      <c r="M24987" t="s">
        <v>87</v>
      </c>
      <c r="N24987" t="s">
        <v>88</v>
      </c>
      <c r="O24987" t="s">
        <v>85</v>
      </c>
      <c r="P24987" t="s">
        <v>86</v>
      </c>
      <c r="Q24987">
        <v>42</v>
      </c>
      <c r="R24987">
        <v>42</v>
      </c>
      <c r="S24987">
        <v>42</v>
      </c>
      <c r="T24987">
        <v>42</v>
      </c>
      <c r="U24987">
        <v>42</v>
      </c>
      <c r="V24987">
        <v>43</v>
      </c>
      <c r="W24987">
        <v>43</v>
      </c>
      <c r="X24987">
        <v>43</v>
      </c>
      <c r="Y24987">
        <v>43</v>
      </c>
      <c r="Z24987">
        <v>43</v>
      </c>
      <c r="AA24987">
        <v>43</v>
      </c>
      <c r="AB24987">
        <v>44</v>
      </c>
      <c r="AC24987">
        <v>44</v>
      </c>
      <c r="AD24987">
        <v>44</v>
      </c>
      <c r="AE24987">
        <v>44</v>
      </c>
      <c r="AF24987">
        <v>44</v>
      </c>
      <c r="AG24987">
        <v>44</v>
      </c>
      <c r="AH24987">
        <v>45</v>
      </c>
      <c r="AI24987">
        <v>45</v>
      </c>
      <c r="AJ24987">
        <v>45</v>
      </c>
      <c r="AK24987">
        <v>45</v>
      </c>
      <c r="AL24987">
        <v>45</v>
      </c>
      <c r="AM24987">
        <v>45</v>
      </c>
      <c r="AN24987">
        <v>45</v>
      </c>
      <c r="AO24987">
        <v>46</v>
      </c>
      <c r="AP24987">
        <v>46</v>
      </c>
      <c r="AQ24987">
        <v>46</v>
      </c>
    </row>
    <row r="24988" spans="1:43">
      <c r="A24988" t="s">
        <v>15465</v>
      </c>
      <c r="B24988" t="s">
        <v>15466</v>
      </c>
      <c r="C24988" t="s">
        <v>15285</v>
      </c>
      <c r="D24988" t="s">
        <v>15286</v>
      </c>
      <c r="E24988" t="s">
        <v>15241</v>
      </c>
      <c r="F24988" t="s">
        <v>15242</v>
      </c>
      <c r="G24988" t="s">
        <v>10734</v>
      </c>
      <c r="H24988" t="s">
        <v>10735</v>
      </c>
      <c r="I24988" s="2">
        <v>1</v>
      </c>
      <c r="J24988" s="2">
        <v>0</v>
      </c>
      <c r="K24988" s="2">
        <v>0</v>
      </c>
      <c r="L24988" t="s">
        <v>120</v>
      </c>
      <c r="M24988" t="s">
        <v>89</v>
      </c>
      <c r="N24988" t="s">
        <v>90</v>
      </c>
      <c r="O24988" t="s">
        <v>85</v>
      </c>
      <c r="P24988" t="s">
        <v>86</v>
      </c>
      <c r="Q24988">
        <v>42</v>
      </c>
      <c r="R24988">
        <v>43</v>
      </c>
      <c r="S24988">
        <v>44</v>
      </c>
      <c r="T24988">
        <v>45</v>
      </c>
      <c r="U24988">
        <v>46</v>
      </c>
      <c r="V24988">
        <v>47</v>
      </c>
      <c r="W24988">
        <v>48</v>
      </c>
      <c r="X24988">
        <v>49</v>
      </c>
      <c r="Y24988">
        <v>49</v>
      </c>
      <c r="Z24988">
        <v>50</v>
      </c>
      <c r="AA24988">
        <v>51</v>
      </c>
      <c r="AB24988">
        <v>51</v>
      </c>
      <c r="AC24988">
        <v>52</v>
      </c>
      <c r="AD24988">
        <v>53</v>
      </c>
      <c r="AE24988">
        <v>53</v>
      </c>
      <c r="AF24988">
        <v>53</v>
      </c>
      <c r="AG24988">
        <v>53</v>
      </c>
      <c r="AH24988">
        <v>53</v>
      </c>
      <c r="AI24988">
        <v>53</v>
      </c>
      <c r="AJ24988">
        <v>53</v>
      </c>
      <c r="AK24988">
        <v>53</v>
      </c>
      <c r="AL24988">
        <v>53</v>
      </c>
      <c r="AM24988">
        <v>53</v>
      </c>
      <c r="AN24988">
        <v>53</v>
      </c>
      <c r="AO24988">
        <v>53</v>
      </c>
      <c r="AP24988">
        <v>53</v>
      </c>
      <c r="AQ24988">
        <v>53</v>
      </c>
    </row>
    <row r="24989" spans="1:43">
      <c r="A24989" t="s">
        <v>15465</v>
      </c>
      <c r="B24989" t="s">
        <v>15466</v>
      </c>
      <c r="C24989" t="s">
        <v>15285</v>
      </c>
      <c r="D24989" t="s">
        <v>15286</v>
      </c>
      <c r="E24989" t="s">
        <v>15241</v>
      </c>
      <c r="F24989" t="s">
        <v>15242</v>
      </c>
      <c r="G24989" t="s">
        <v>10734</v>
      </c>
      <c r="H24989" t="s">
        <v>10735</v>
      </c>
      <c r="I24989" s="2">
        <v>1</v>
      </c>
      <c r="J24989" s="2">
        <v>0</v>
      </c>
      <c r="K24989" s="2">
        <v>0</v>
      </c>
      <c r="L24989" t="s">
        <v>120</v>
      </c>
      <c r="M24989" t="s">
        <v>83</v>
      </c>
      <c r="N24989" t="s">
        <v>91</v>
      </c>
      <c r="O24989" t="s">
        <v>85</v>
      </c>
      <c r="P24989" t="s">
        <v>86</v>
      </c>
      <c r="Q24989">
        <v>42</v>
      </c>
      <c r="R24989">
        <v>43</v>
      </c>
      <c r="S24989">
        <v>43</v>
      </c>
      <c r="T24989">
        <v>44</v>
      </c>
      <c r="U24989">
        <v>44</v>
      </c>
      <c r="V24989">
        <v>45</v>
      </c>
      <c r="W24989">
        <v>46</v>
      </c>
      <c r="X24989">
        <v>46</v>
      </c>
      <c r="Y24989">
        <v>47</v>
      </c>
      <c r="Z24989">
        <v>47</v>
      </c>
      <c r="AA24989">
        <v>48</v>
      </c>
      <c r="AB24989">
        <v>48</v>
      </c>
      <c r="AC24989">
        <v>49</v>
      </c>
      <c r="AD24989">
        <v>49</v>
      </c>
      <c r="AE24989">
        <v>50</v>
      </c>
      <c r="AF24989">
        <v>50</v>
      </c>
      <c r="AG24989">
        <v>51</v>
      </c>
      <c r="AH24989">
        <v>51</v>
      </c>
      <c r="AI24989">
        <v>52</v>
      </c>
      <c r="AJ24989">
        <v>52</v>
      </c>
      <c r="AK24989">
        <v>53</v>
      </c>
      <c r="AL24989">
        <v>53</v>
      </c>
      <c r="AM24989">
        <v>53</v>
      </c>
      <c r="AN24989">
        <v>53</v>
      </c>
      <c r="AO24989">
        <v>53</v>
      </c>
      <c r="AP24989">
        <v>53</v>
      </c>
      <c r="AQ24989">
        <v>53</v>
      </c>
    </row>
    <row r="24990" spans="1:43">
      <c r="A24990" t="s">
        <v>15467</v>
      </c>
      <c r="B24990" t="s">
        <v>15468</v>
      </c>
      <c r="C24990" t="s">
        <v>15285</v>
      </c>
      <c r="D24990" t="s">
        <v>15286</v>
      </c>
      <c r="E24990" t="s">
        <v>15241</v>
      </c>
      <c r="F24990" t="s">
        <v>15242</v>
      </c>
      <c r="G24990" t="s">
        <v>10734</v>
      </c>
      <c r="H24990" t="s">
        <v>10735</v>
      </c>
      <c r="I24990" s="2">
        <v>1</v>
      </c>
      <c r="J24990" s="2">
        <v>0</v>
      </c>
      <c r="K24990" s="2">
        <v>0</v>
      </c>
      <c r="L24990" t="s">
        <v>120</v>
      </c>
      <c r="M24990" t="s">
        <v>83</v>
      </c>
      <c r="N24990" t="s">
        <v>84</v>
      </c>
      <c r="O24990" t="s">
        <v>85</v>
      </c>
      <c r="P24990" t="s">
        <v>86</v>
      </c>
      <c r="Q24990">
        <v>10</v>
      </c>
      <c r="R24990">
        <v>10</v>
      </c>
      <c r="S24990">
        <v>10</v>
      </c>
      <c r="T24990">
        <v>10</v>
      </c>
      <c r="U24990">
        <v>10</v>
      </c>
      <c r="V24990">
        <v>10</v>
      </c>
      <c r="W24990">
        <v>10</v>
      </c>
      <c r="X24990">
        <v>11</v>
      </c>
      <c r="Y24990">
        <v>11</v>
      </c>
      <c r="Z24990">
        <v>11</v>
      </c>
      <c r="AA24990">
        <v>11</v>
      </c>
      <c r="AB24990">
        <v>11</v>
      </c>
      <c r="AC24990">
        <v>11</v>
      </c>
      <c r="AD24990">
        <v>11</v>
      </c>
      <c r="AE24990">
        <v>11</v>
      </c>
      <c r="AF24990">
        <v>11</v>
      </c>
      <c r="AG24990">
        <v>12</v>
      </c>
      <c r="AH24990">
        <v>12</v>
      </c>
      <c r="AI24990">
        <v>12</v>
      </c>
      <c r="AJ24990">
        <v>12</v>
      </c>
      <c r="AK24990">
        <v>12</v>
      </c>
      <c r="AL24990">
        <v>12</v>
      </c>
      <c r="AM24990">
        <v>12</v>
      </c>
      <c r="AN24990">
        <v>12</v>
      </c>
      <c r="AO24990">
        <v>12</v>
      </c>
      <c r="AP24990">
        <v>12</v>
      </c>
      <c r="AQ24990">
        <v>12</v>
      </c>
    </row>
    <row r="24991" spans="1:43">
      <c r="A24991" t="s">
        <v>15467</v>
      </c>
      <c r="B24991" t="s">
        <v>15468</v>
      </c>
      <c r="C24991" t="s">
        <v>15285</v>
      </c>
      <c r="D24991" t="s">
        <v>15286</v>
      </c>
      <c r="E24991" t="s">
        <v>15241</v>
      </c>
      <c r="F24991" t="s">
        <v>15242</v>
      </c>
      <c r="G24991" t="s">
        <v>10734</v>
      </c>
      <c r="H24991" t="s">
        <v>10735</v>
      </c>
      <c r="I24991" s="2">
        <v>1</v>
      </c>
      <c r="J24991" s="2">
        <v>0</v>
      </c>
      <c r="K24991" s="2">
        <v>0</v>
      </c>
      <c r="L24991" t="s">
        <v>120</v>
      </c>
      <c r="M24991" t="s">
        <v>87</v>
      </c>
      <c r="N24991" t="s">
        <v>88</v>
      </c>
      <c r="O24991" t="s">
        <v>85</v>
      </c>
      <c r="P24991" t="s">
        <v>86</v>
      </c>
      <c r="Q24991">
        <v>10</v>
      </c>
      <c r="R24991">
        <v>10</v>
      </c>
      <c r="S24991">
        <v>10</v>
      </c>
      <c r="T24991">
        <v>10</v>
      </c>
      <c r="U24991">
        <v>10</v>
      </c>
      <c r="V24991">
        <v>10</v>
      </c>
      <c r="W24991">
        <v>10</v>
      </c>
      <c r="X24991">
        <v>10</v>
      </c>
      <c r="Y24991">
        <v>10</v>
      </c>
      <c r="Z24991">
        <v>10</v>
      </c>
      <c r="AA24991">
        <v>10</v>
      </c>
      <c r="AB24991">
        <v>10</v>
      </c>
      <c r="AC24991">
        <v>10</v>
      </c>
      <c r="AD24991">
        <v>10</v>
      </c>
      <c r="AE24991">
        <v>10</v>
      </c>
      <c r="AF24991">
        <v>10</v>
      </c>
      <c r="AG24991">
        <v>10</v>
      </c>
      <c r="AH24991">
        <v>10</v>
      </c>
      <c r="AI24991">
        <v>10</v>
      </c>
      <c r="AJ24991">
        <v>10</v>
      </c>
      <c r="AK24991">
        <v>10</v>
      </c>
      <c r="AL24991">
        <v>10</v>
      </c>
      <c r="AM24991">
        <v>10</v>
      </c>
      <c r="AN24991">
        <v>10</v>
      </c>
      <c r="AO24991">
        <v>10</v>
      </c>
      <c r="AP24991">
        <v>10</v>
      </c>
      <c r="AQ24991">
        <v>10</v>
      </c>
    </row>
    <row r="24992" spans="1:43">
      <c r="A24992" t="s">
        <v>15467</v>
      </c>
      <c r="B24992" t="s">
        <v>15468</v>
      </c>
      <c r="C24992" t="s">
        <v>15285</v>
      </c>
      <c r="D24992" t="s">
        <v>15286</v>
      </c>
      <c r="E24992" t="s">
        <v>15241</v>
      </c>
      <c r="F24992" t="s">
        <v>15242</v>
      </c>
      <c r="G24992" t="s">
        <v>10734</v>
      </c>
      <c r="H24992" t="s">
        <v>10735</v>
      </c>
      <c r="I24992" s="2">
        <v>1</v>
      </c>
      <c r="J24992" s="2">
        <v>0</v>
      </c>
      <c r="K24992" s="2">
        <v>0</v>
      </c>
      <c r="L24992" t="s">
        <v>120</v>
      </c>
      <c r="M24992" t="s">
        <v>89</v>
      </c>
      <c r="N24992" t="s">
        <v>90</v>
      </c>
      <c r="O24992" t="s">
        <v>85</v>
      </c>
      <c r="P24992" t="s">
        <v>86</v>
      </c>
      <c r="Q24992">
        <v>10</v>
      </c>
      <c r="R24992">
        <v>10</v>
      </c>
      <c r="S24992">
        <v>10</v>
      </c>
      <c r="T24992">
        <v>10</v>
      </c>
      <c r="U24992">
        <v>11</v>
      </c>
      <c r="V24992">
        <v>11</v>
      </c>
      <c r="W24992">
        <v>11</v>
      </c>
      <c r="X24992">
        <v>11</v>
      </c>
      <c r="Y24992">
        <v>11</v>
      </c>
      <c r="Z24992">
        <v>11</v>
      </c>
      <c r="AA24992">
        <v>12</v>
      </c>
      <c r="AB24992">
        <v>12</v>
      </c>
      <c r="AC24992">
        <v>12</v>
      </c>
      <c r="AD24992">
        <v>12</v>
      </c>
      <c r="AE24992">
        <v>12</v>
      </c>
      <c r="AF24992">
        <v>12</v>
      </c>
      <c r="AG24992">
        <v>12</v>
      </c>
      <c r="AH24992">
        <v>12</v>
      </c>
      <c r="AI24992">
        <v>12</v>
      </c>
      <c r="AJ24992">
        <v>12</v>
      </c>
      <c r="AK24992">
        <v>12</v>
      </c>
      <c r="AL24992">
        <v>12</v>
      </c>
      <c r="AM24992">
        <v>12</v>
      </c>
      <c r="AN24992">
        <v>12</v>
      </c>
      <c r="AO24992">
        <v>12</v>
      </c>
      <c r="AP24992">
        <v>12</v>
      </c>
      <c r="AQ24992">
        <v>12</v>
      </c>
    </row>
    <row r="24993" spans="1:43">
      <c r="A24993" t="s">
        <v>15467</v>
      </c>
      <c r="B24993" t="s">
        <v>15468</v>
      </c>
      <c r="C24993" t="s">
        <v>15285</v>
      </c>
      <c r="D24993" t="s">
        <v>15286</v>
      </c>
      <c r="E24993" t="s">
        <v>15241</v>
      </c>
      <c r="F24993" t="s">
        <v>15242</v>
      </c>
      <c r="G24993" t="s">
        <v>10734</v>
      </c>
      <c r="H24993" t="s">
        <v>10735</v>
      </c>
      <c r="I24993" s="2">
        <v>1</v>
      </c>
      <c r="J24993" s="2">
        <v>0</v>
      </c>
      <c r="K24993" s="2">
        <v>0</v>
      </c>
      <c r="L24993" t="s">
        <v>120</v>
      </c>
      <c r="M24993" t="s">
        <v>83</v>
      </c>
      <c r="N24993" t="s">
        <v>91</v>
      </c>
      <c r="O24993" t="s">
        <v>85</v>
      </c>
      <c r="P24993" t="s">
        <v>86</v>
      </c>
      <c r="Q24993">
        <v>10</v>
      </c>
      <c r="R24993">
        <v>10</v>
      </c>
      <c r="S24993">
        <v>10</v>
      </c>
      <c r="T24993">
        <v>10</v>
      </c>
      <c r="U24993">
        <v>10</v>
      </c>
      <c r="V24993">
        <v>10</v>
      </c>
      <c r="W24993">
        <v>10</v>
      </c>
      <c r="X24993">
        <v>11</v>
      </c>
      <c r="Y24993">
        <v>11</v>
      </c>
      <c r="Z24993">
        <v>11</v>
      </c>
      <c r="AA24993">
        <v>11</v>
      </c>
      <c r="AB24993">
        <v>11</v>
      </c>
      <c r="AC24993">
        <v>11</v>
      </c>
      <c r="AD24993">
        <v>11</v>
      </c>
      <c r="AE24993">
        <v>11</v>
      </c>
      <c r="AF24993">
        <v>11</v>
      </c>
      <c r="AG24993">
        <v>12</v>
      </c>
      <c r="AH24993">
        <v>12</v>
      </c>
      <c r="AI24993">
        <v>12</v>
      </c>
      <c r="AJ24993">
        <v>12</v>
      </c>
      <c r="AK24993">
        <v>12</v>
      </c>
      <c r="AL24993">
        <v>12</v>
      </c>
      <c r="AM24993">
        <v>12</v>
      </c>
      <c r="AN24993">
        <v>12</v>
      </c>
      <c r="AO24993">
        <v>12</v>
      </c>
      <c r="AP24993">
        <v>12</v>
      </c>
      <c r="AQ24993">
        <v>12</v>
      </c>
    </row>
    <row r="24994" spans="1:43">
      <c r="A24994" t="s">
        <v>15469</v>
      </c>
      <c r="B24994" t="s">
        <v>15470</v>
      </c>
      <c r="C24994" t="s">
        <v>15285</v>
      </c>
      <c r="D24994" t="s">
        <v>15286</v>
      </c>
      <c r="E24994" t="s">
        <v>15241</v>
      </c>
      <c r="F24994" t="s">
        <v>15242</v>
      </c>
      <c r="G24994" t="s">
        <v>10734</v>
      </c>
      <c r="H24994" t="s">
        <v>10735</v>
      </c>
      <c r="I24994" s="2">
        <v>1</v>
      </c>
      <c r="J24994" s="2">
        <v>0</v>
      </c>
      <c r="K24994" s="2">
        <v>0</v>
      </c>
      <c r="L24994" t="s">
        <v>120</v>
      </c>
      <c r="M24994" t="s">
        <v>83</v>
      </c>
      <c r="N24994" t="s">
        <v>84</v>
      </c>
      <c r="O24994" t="s">
        <v>85</v>
      </c>
      <c r="P24994" t="s">
        <v>86</v>
      </c>
      <c r="Q24994">
        <v>8</v>
      </c>
      <c r="R24994">
        <v>9</v>
      </c>
      <c r="S24994">
        <v>9</v>
      </c>
      <c r="T24994">
        <v>9</v>
      </c>
      <c r="U24994">
        <v>9</v>
      </c>
      <c r="V24994">
        <v>9</v>
      </c>
      <c r="W24994">
        <v>9</v>
      </c>
      <c r="X24994">
        <v>9</v>
      </c>
      <c r="Y24994">
        <v>9</v>
      </c>
      <c r="Z24994">
        <v>9</v>
      </c>
      <c r="AA24994">
        <v>10</v>
      </c>
      <c r="AB24994">
        <v>10</v>
      </c>
      <c r="AC24994">
        <v>10</v>
      </c>
      <c r="AD24994">
        <v>10</v>
      </c>
      <c r="AE24994">
        <v>10</v>
      </c>
      <c r="AF24994">
        <v>10</v>
      </c>
      <c r="AG24994">
        <v>10</v>
      </c>
      <c r="AH24994">
        <v>10</v>
      </c>
      <c r="AI24994">
        <v>10</v>
      </c>
      <c r="AJ24994">
        <v>10</v>
      </c>
      <c r="AK24994">
        <v>11</v>
      </c>
      <c r="AL24994">
        <v>11</v>
      </c>
      <c r="AM24994">
        <v>11</v>
      </c>
      <c r="AN24994">
        <v>11</v>
      </c>
      <c r="AO24994">
        <v>11</v>
      </c>
      <c r="AP24994">
        <v>11</v>
      </c>
      <c r="AQ24994">
        <v>11</v>
      </c>
    </row>
    <row r="24995" spans="1:43">
      <c r="A24995" t="s">
        <v>15469</v>
      </c>
      <c r="B24995" t="s">
        <v>15470</v>
      </c>
      <c r="C24995" t="s">
        <v>15285</v>
      </c>
      <c r="D24995" t="s">
        <v>15286</v>
      </c>
      <c r="E24995" t="s">
        <v>15241</v>
      </c>
      <c r="F24995" t="s">
        <v>15242</v>
      </c>
      <c r="G24995" t="s">
        <v>10734</v>
      </c>
      <c r="H24995" t="s">
        <v>10735</v>
      </c>
      <c r="I24995" s="2">
        <v>1</v>
      </c>
      <c r="J24995" s="2">
        <v>0</v>
      </c>
      <c r="K24995" s="2">
        <v>0</v>
      </c>
      <c r="L24995" t="s">
        <v>120</v>
      </c>
      <c r="M24995" t="s">
        <v>87</v>
      </c>
      <c r="N24995" t="s">
        <v>88</v>
      </c>
      <c r="O24995" t="s">
        <v>85</v>
      </c>
      <c r="P24995" t="s">
        <v>86</v>
      </c>
      <c r="Q24995">
        <v>8</v>
      </c>
      <c r="R24995">
        <v>8</v>
      </c>
      <c r="S24995">
        <v>8</v>
      </c>
      <c r="T24995">
        <v>8</v>
      </c>
      <c r="U24995">
        <v>8</v>
      </c>
      <c r="V24995">
        <v>9</v>
      </c>
      <c r="W24995">
        <v>9</v>
      </c>
      <c r="X24995">
        <v>9</v>
      </c>
      <c r="Y24995">
        <v>9</v>
      </c>
      <c r="Z24995">
        <v>9</v>
      </c>
      <c r="AA24995">
        <v>9</v>
      </c>
      <c r="AB24995">
        <v>9</v>
      </c>
      <c r="AC24995">
        <v>9</v>
      </c>
      <c r="AD24995">
        <v>9</v>
      </c>
      <c r="AE24995">
        <v>9</v>
      </c>
      <c r="AF24995">
        <v>9</v>
      </c>
      <c r="AG24995">
        <v>9</v>
      </c>
      <c r="AH24995">
        <v>9</v>
      </c>
      <c r="AI24995">
        <v>9</v>
      </c>
      <c r="AJ24995">
        <v>9</v>
      </c>
      <c r="AK24995">
        <v>9</v>
      </c>
      <c r="AL24995">
        <v>9</v>
      </c>
      <c r="AM24995">
        <v>9</v>
      </c>
      <c r="AN24995">
        <v>9</v>
      </c>
      <c r="AO24995">
        <v>9</v>
      </c>
      <c r="AP24995">
        <v>9</v>
      </c>
      <c r="AQ24995">
        <v>9</v>
      </c>
    </row>
    <row r="24996" spans="1:43">
      <c r="A24996" t="s">
        <v>15469</v>
      </c>
      <c r="B24996" t="s">
        <v>15470</v>
      </c>
      <c r="C24996" t="s">
        <v>15285</v>
      </c>
      <c r="D24996" t="s">
        <v>15286</v>
      </c>
      <c r="E24996" t="s">
        <v>15241</v>
      </c>
      <c r="F24996" t="s">
        <v>15242</v>
      </c>
      <c r="G24996" t="s">
        <v>10734</v>
      </c>
      <c r="H24996" t="s">
        <v>10735</v>
      </c>
      <c r="I24996" s="2">
        <v>1</v>
      </c>
      <c r="J24996" s="2">
        <v>0</v>
      </c>
      <c r="K24996" s="2">
        <v>0</v>
      </c>
      <c r="L24996" t="s">
        <v>120</v>
      </c>
      <c r="M24996" t="s">
        <v>89</v>
      </c>
      <c r="N24996" t="s">
        <v>90</v>
      </c>
      <c r="O24996" t="s">
        <v>85</v>
      </c>
      <c r="P24996" t="s">
        <v>86</v>
      </c>
      <c r="Q24996">
        <v>8</v>
      </c>
      <c r="R24996">
        <v>8</v>
      </c>
      <c r="S24996">
        <v>8</v>
      </c>
      <c r="T24996">
        <v>8</v>
      </c>
      <c r="U24996">
        <v>8</v>
      </c>
      <c r="V24996">
        <v>8</v>
      </c>
      <c r="W24996">
        <v>9</v>
      </c>
      <c r="X24996">
        <v>9</v>
      </c>
      <c r="Y24996">
        <v>9</v>
      </c>
      <c r="Z24996">
        <v>9</v>
      </c>
      <c r="AA24996">
        <v>9</v>
      </c>
      <c r="AB24996">
        <v>9</v>
      </c>
      <c r="AC24996">
        <v>9</v>
      </c>
      <c r="AD24996">
        <v>10</v>
      </c>
      <c r="AE24996">
        <v>10</v>
      </c>
      <c r="AF24996">
        <v>10</v>
      </c>
      <c r="AG24996">
        <v>10</v>
      </c>
      <c r="AH24996">
        <v>10</v>
      </c>
      <c r="AI24996">
        <v>10</v>
      </c>
      <c r="AJ24996">
        <v>10</v>
      </c>
      <c r="AK24996">
        <v>10</v>
      </c>
      <c r="AL24996">
        <v>10</v>
      </c>
      <c r="AM24996">
        <v>10</v>
      </c>
      <c r="AN24996">
        <v>10</v>
      </c>
      <c r="AO24996">
        <v>10</v>
      </c>
      <c r="AP24996">
        <v>10</v>
      </c>
      <c r="AQ24996">
        <v>10</v>
      </c>
    </row>
    <row r="24997" spans="1:43">
      <c r="A24997" t="s">
        <v>15469</v>
      </c>
      <c r="B24997" t="s">
        <v>15470</v>
      </c>
      <c r="C24997" t="s">
        <v>15285</v>
      </c>
      <c r="D24997" t="s">
        <v>15286</v>
      </c>
      <c r="E24997" t="s">
        <v>15241</v>
      </c>
      <c r="F24997" t="s">
        <v>15242</v>
      </c>
      <c r="G24997" t="s">
        <v>10734</v>
      </c>
      <c r="H24997" t="s">
        <v>10735</v>
      </c>
      <c r="I24997" s="2">
        <v>1</v>
      </c>
      <c r="J24997" s="2">
        <v>0</v>
      </c>
      <c r="K24997" s="2">
        <v>0</v>
      </c>
      <c r="L24997" t="s">
        <v>120</v>
      </c>
      <c r="M24997" t="s">
        <v>83</v>
      </c>
      <c r="N24997" t="s">
        <v>91</v>
      </c>
      <c r="O24997" t="s">
        <v>85</v>
      </c>
      <c r="P24997" t="s">
        <v>86</v>
      </c>
      <c r="Q24997">
        <v>8</v>
      </c>
      <c r="R24997">
        <v>9</v>
      </c>
      <c r="S24997">
        <v>9</v>
      </c>
      <c r="T24997">
        <v>9</v>
      </c>
      <c r="U24997">
        <v>9</v>
      </c>
      <c r="V24997">
        <v>9</v>
      </c>
      <c r="W24997">
        <v>9</v>
      </c>
      <c r="X24997">
        <v>9</v>
      </c>
      <c r="Y24997">
        <v>9</v>
      </c>
      <c r="Z24997">
        <v>9</v>
      </c>
      <c r="AA24997">
        <v>10</v>
      </c>
      <c r="AB24997">
        <v>10</v>
      </c>
      <c r="AC24997">
        <v>10</v>
      </c>
      <c r="AD24997">
        <v>10</v>
      </c>
      <c r="AE24997">
        <v>10</v>
      </c>
      <c r="AF24997">
        <v>10</v>
      </c>
      <c r="AG24997">
        <v>10</v>
      </c>
      <c r="AH24997">
        <v>10</v>
      </c>
      <c r="AI24997">
        <v>10</v>
      </c>
      <c r="AJ24997">
        <v>10</v>
      </c>
      <c r="AK24997">
        <v>11</v>
      </c>
      <c r="AL24997">
        <v>11</v>
      </c>
      <c r="AM24997">
        <v>11</v>
      </c>
      <c r="AN24997">
        <v>11</v>
      </c>
      <c r="AO24997">
        <v>11</v>
      </c>
      <c r="AP24997">
        <v>11</v>
      </c>
      <c r="AQ24997">
        <v>11</v>
      </c>
    </row>
    <row r="24998" spans="1:43">
      <c r="A24998" t="s">
        <v>15471</v>
      </c>
      <c r="B24998" t="s">
        <v>15472</v>
      </c>
      <c r="C24998" t="s">
        <v>15473</v>
      </c>
      <c r="D24998" t="s">
        <v>15474</v>
      </c>
      <c r="E24998" t="s">
        <v>15475</v>
      </c>
      <c r="F24998" t="s">
        <v>15476</v>
      </c>
      <c r="G24998" t="s">
        <v>10734</v>
      </c>
      <c r="H24998" t="s">
        <v>10735</v>
      </c>
      <c r="I24998" s="2">
        <v>1</v>
      </c>
      <c r="J24998" s="2">
        <v>0</v>
      </c>
      <c r="K24998" s="2">
        <v>0</v>
      </c>
      <c r="L24998" t="s">
        <v>120</v>
      </c>
      <c r="M24998" t="s">
        <v>83</v>
      </c>
      <c r="N24998" t="s">
        <v>84</v>
      </c>
      <c r="O24998" t="s">
        <v>85</v>
      </c>
      <c r="P24998" t="s">
        <v>86</v>
      </c>
      <c r="Q24998">
        <v>11</v>
      </c>
      <c r="R24998">
        <v>12</v>
      </c>
      <c r="S24998">
        <v>12</v>
      </c>
      <c r="T24998">
        <v>12</v>
      </c>
      <c r="U24998">
        <v>12</v>
      </c>
      <c r="V24998">
        <v>12</v>
      </c>
      <c r="W24998">
        <v>12</v>
      </c>
      <c r="X24998">
        <v>13</v>
      </c>
      <c r="Y24998">
        <v>13</v>
      </c>
      <c r="Z24998">
        <v>13</v>
      </c>
      <c r="AA24998">
        <v>13</v>
      </c>
      <c r="AB24998">
        <v>13</v>
      </c>
      <c r="AC24998">
        <v>13</v>
      </c>
      <c r="AD24998">
        <v>13</v>
      </c>
      <c r="AE24998">
        <v>14</v>
      </c>
      <c r="AF24998">
        <v>14</v>
      </c>
      <c r="AG24998">
        <v>14</v>
      </c>
      <c r="AH24998">
        <v>14</v>
      </c>
      <c r="AI24998">
        <v>14</v>
      </c>
      <c r="AJ24998">
        <v>14</v>
      </c>
      <c r="AK24998">
        <v>14</v>
      </c>
      <c r="AL24998">
        <v>14</v>
      </c>
      <c r="AM24998">
        <v>14</v>
      </c>
      <c r="AN24998">
        <v>14</v>
      </c>
      <c r="AO24998">
        <v>14</v>
      </c>
      <c r="AP24998">
        <v>14</v>
      </c>
      <c r="AQ24998">
        <v>14</v>
      </c>
    </row>
    <row r="24999" spans="1:43">
      <c r="A24999" t="s">
        <v>15471</v>
      </c>
      <c r="B24999" t="s">
        <v>15472</v>
      </c>
      <c r="C24999" t="s">
        <v>15473</v>
      </c>
      <c r="D24999" t="s">
        <v>15474</v>
      </c>
      <c r="E24999" t="s">
        <v>15475</v>
      </c>
      <c r="F24999" t="s">
        <v>15476</v>
      </c>
      <c r="G24999" t="s">
        <v>10734</v>
      </c>
      <c r="H24999" t="s">
        <v>10735</v>
      </c>
      <c r="I24999" s="2">
        <v>1</v>
      </c>
      <c r="J24999" s="2">
        <v>0</v>
      </c>
      <c r="K24999" s="2">
        <v>0</v>
      </c>
      <c r="L24999" t="s">
        <v>120</v>
      </c>
      <c r="M24999" t="s">
        <v>87</v>
      </c>
      <c r="N24999" t="s">
        <v>88</v>
      </c>
      <c r="O24999" t="s">
        <v>85</v>
      </c>
      <c r="P24999" t="s">
        <v>86</v>
      </c>
      <c r="Q24999">
        <v>11</v>
      </c>
      <c r="R24999">
        <v>11</v>
      </c>
      <c r="S24999">
        <v>11</v>
      </c>
      <c r="T24999">
        <v>12</v>
      </c>
      <c r="U24999">
        <v>12</v>
      </c>
      <c r="V24999">
        <v>12</v>
      </c>
      <c r="W24999">
        <v>12</v>
      </c>
      <c r="X24999">
        <v>12</v>
      </c>
      <c r="Y24999">
        <v>12</v>
      </c>
      <c r="Z24999">
        <v>12</v>
      </c>
      <c r="AA24999">
        <v>12</v>
      </c>
      <c r="AB24999">
        <v>12</v>
      </c>
      <c r="AC24999">
        <v>12</v>
      </c>
      <c r="AD24999">
        <v>12</v>
      </c>
      <c r="AE24999">
        <v>12</v>
      </c>
      <c r="AF24999">
        <v>12</v>
      </c>
      <c r="AG24999">
        <v>12</v>
      </c>
      <c r="AH24999">
        <v>12</v>
      </c>
      <c r="AI24999">
        <v>12</v>
      </c>
      <c r="AJ24999">
        <v>12</v>
      </c>
      <c r="AK24999">
        <v>12</v>
      </c>
      <c r="AL24999">
        <v>12</v>
      </c>
      <c r="AM24999">
        <v>12</v>
      </c>
      <c r="AN24999">
        <v>12</v>
      </c>
      <c r="AO24999">
        <v>12</v>
      </c>
      <c r="AP24999">
        <v>12</v>
      </c>
      <c r="AQ24999">
        <v>12</v>
      </c>
    </row>
    <row r="25000" spans="1:43">
      <c r="A25000" t="s">
        <v>15471</v>
      </c>
      <c r="B25000" t="s">
        <v>15472</v>
      </c>
      <c r="C25000" t="s">
        <v>15473</v>
      </c>
      <c r="D25000" t="s">
        <v>15474</v>
      </c>
      <c r="E25000" t="s">
        <v>15475</v>
      </c>
      <c r="F25000" t="s">
        <v>15476</v>
      </c>
      <c r="G25000" t="s">
        <v>10734</v>
      </c>
      <c r="H25000" t="s">
        <v>10735</v>
      </c>
      <c r="I25000" s="2">
        <v>1</v>
      </c>
      <c r="J25000" s="2">
        <v>0</v>
      </c>
      <c r="K25000" s="2">
        <v>0</v>
      </c>
      <c r="L25000" t="s">
        <v>120</v>
      </c>
      <c r="M25000" t="s">
        <v>89</v>
      </c>
      <c r="N25000" t="s">
        <v>90</v>
      </c>
      <c r="O25000" t="s">
        <v>85</v>
      </c>
      <c r="P25000" t="s">
        <v>86</v>
      </c>
      <c r="Q25000">
        <v>11</v>
      </c>
      <c r="R25000">
        <v>11</v>
      </c>
      <c r="S25000">
        <v>11</v>
      </c>
      <c r="T25000">
        <v>11</v>
      </c>
      <c r="U25000">
        <v>12</v>
      </c>
      <c r="V25000">
        <v>12</v>
      </c>
      <c r="W25000">
        <v>12</v>
      </c>
      <c r="X25000">
        <v>12</v>
      </c>
      <c r="Y25000">
        <v>12</v>
      </c>
      <c r="Z25000">
        <v>13</v>
      </c>
      <c r="AA25000">
        <v>13</v>
      </c>
      <c r="AB25000">
        <v>13</v>
      </c>
      <c r="AC25000">
        <v>13</v>
      </c>
      <c r="AD25000">
        <v>13</v>
      </c>
      <c r="AE25000">
        <v>13</v>
      </c>
      <c r="AF25000">
        <v>13</v>
      </c>
      <c r="AG25000">
        <v>13</v>
      </c>
      <c r="AH25000">
        <v>13</v>
      </c>
      <c r="AI25000">
        <v>13</v>
      </c>
      <c r="AJ25000">
        <v>13</v>
      </c>
      <c r="AK25000">
        <v>14</v>
      </c>
      <c r="AL25000">
        <v>14</v>
      </c>
      <c r="AM25000">
        <v>14</v>
      </c>
      <c r="AN25000">
        <v>14</v>
      </c>
      <c r="AO25000">
        <v>14</v>
      </c>
      <c r="AP25000">
        <v>14</v>
      </c>
      <c r="AQ25000">
        <v>14</v>
      </c>
    </row>
    <row r="25001" spans="1:43">
      <c r="A25001" t="s">
        <v>15471</v>
      </c>
      <c r="B25001" t="s">
        <v>15472</v>
      </c>
      <c r="C25001" t="s">
        <v>15473</v>
      </c>
      <c r="D25001" t="s">
        <v>15474</v>
      </c>
      <c r="E25001" t="s">
        <v>15475</v>
      </c>
      <c r="F25001" t="s">
        <v>15476</v>
      </c>
      <c r="G25001" t="s">
        <v>10734</v>
      </c>
      <c r="H25001" t="s">
        <v>10735</v>
      </c>
      <c r="I25001" s="2">
        <v>1</v>
      </c>
      <c r="J25001" s="2">
        <v>0</v>
      </c>
      <c r="K25001" s="2">
        <v>0</v>
      </c>
      <c r="L25001" t="s">
        <v>120</v>
      </c>
      <c r="M25001" t="s">
        <v>83</v>
      </c>
      <c r="N25001" t="s">
        <v>91</v>
      </c>
      <c r="O25001" t="s">
        <v>85</v>
      </c>
      <c r="P25001" t="s">
        <v>86</v>
      </c>
      <c r="Q25001">
        <v>11</v>
      </c>
      <c r="R25001">
        <v>12</v>
      </c>
      <c r="S25001">
        <v>12</v>
      </c>
      <c r="T25001">
        <v>12</v>
      </c>
      <c r="U25001">
        <v>12</v>
      </c>
      <c r="V25001">
        <v>12</v>
      </c>
      <c r="W25001">
        <v>12</v>
      </c>
      <c r="X25001">
        <v>13</v>
      </c>
      <c r="Y25001">
        <v>13</v>
      </c>
      <c r="Z25001">
        <v>13</v>
      </c>
      <c r="AA25001">
        <v>13</v>
      </c>
      <c r="AB25001">
        <v>13</v>
      </c>
      <c r="AC25001">
        <v>13</v>
      </c>
      <c r="AD25001">
        <v>13</v>
      </c>
      <c r="AE25001">
        <v>14</v>
      </c>
      <c r="AF25001">
        <v>14</v>
      </c>
      <c r="AG25001">
        <v>14</v>
      </c>
      <c r="AH25001">
        <v>14</v>
      </c>
      <c r="AI25001">
        <v>14</v>
      </c>
      <c r="AJ25001">
        <v>14</v>
      </c>
      <c r="AK25001">
        <v>14</v>
      </c>
      <c r="AL25001">
        <v>14</v>
      </c>
      <c r="AM25001">
        <v>14</v>
      </c>
      <c r="AN25001">
        <v>14</v>
      </c>
      <c r="AO25001">
        <v>14</v>
      </c>
      <c r="AP25001">
        <v>14</v>
      </c>
      <c r="AQ25001">
        <v>14</v>
      </c>
    </row>
    <row r="25002" spans="1:43">
      <c r="A25002" t="s">
        <v>15477</v>
      </c>
      <c r="B25002" t="s">
        <v>15478</v>
      </c>
      <c r="C25002" t="s">
        <v>15473</v>
      </c>
      <c r="D25002" t="s">
        <v>15474</v>
      </c>
      <c r="E25002" t="s">
        <v>15475</v>
      </c>
      <c r="F25002" t="s">
        <v>15476</v>
      </c>
      <c r="G25002" t="s">
        <v>10734</v>
      </c>
      <c r="H25002" t="s">
        <v>10735</v>
      </c>
      <c r="I25002" s="2">
        <v>1</v>
      </c>
      <c r="J25002" s="2">
        <v>0</v>
      </c>
      <c r="K25002" s="2">
        <v>0</v>
      </c>
      <c r="L25002" t="s">
        <v>120</v>
      </c>
      <c r="M25002" t="s">
        <v>83</v>
      </c>
      <c r="N25002" t="s">
        <v>84</v>
      </c>
      <c r="O25002" t="s">
        <v>85</v>
      </c>
      <c r="P25002" t="s">
        <v>86</v>
      </c>
      <c r="Q25002">
        <v>20</v>
      </c>
      <c r="R25002">
        <v>20</v>
      </c>
      <c r="S25002">
        <v>20</v>
      </c>
      <c r="T25002">
        <v>21</v>
      </c>
      <c r="U25002">
        <v>21</v>
      </c>
      <c r="V25002">
        <v>21</v>
      </c>
      <c r="W25002">
        <v>21</v>
      </c>
      <c r="X25002">
        <v>22</v>
      </c>
      <c r="Y25002">
        <v>22</v>
      </c>
      <c r="Z25002">
        <v>22</v>
      </c>
      <c r="AA25002">
        <v>22</v>
      </c>
      <c r="AB25002">
        <v>23</v>
      </c>
      <c r="AC25002">
        <v>23</v>
      </c>
      <c r="AD25002">
        <v>23</v>
      </c>
      <c r="AE25002">
        <v>23</v>
      </c>
      <c r="AF25002">
        <v>23</v>
      </c>
      <c r="AG25002">
        <v>24</v>
      </c>
      <c r="AH25002">
        <v>24</v>
      </c>
      <c r="AI25002">
        <v>24</v>
      </c>
      <c r="AJ25002">
        <v>24</v>
      </c>
      <c r="AK25002">
        <v>25</v>
      </c>
      <c r="AL25002">
        <v>25</v>
      </c>
      <c r="AM25002">
        <v>25</v>
      </c>
      <c r="AN25002">
        <v>25</v>
      </c>
      <c r="AO25002">
        <v>25</v>
      </c>
      <c r="AP25002">
        <v>25</v>
      </c>
      <c r="AQ25002">
        <v>25</v>
      </c>
    </row>
    <row r="25003" spans="1:43">
      <c r="A25003" t="s">
        <v>15477</v>
      </c>
      <c r="B25003" t="s">
        <v>15478</v>
      </c>
      <c r="C25003" t="s">
        <v>15473</v>
      </c>
      <c r="D25003" t="s">
        <v>15474</v>
      </c>
      <c r="E25003" t="s">
        <v>15475</v>
      </c>
      <c r="F25003" t="s">
        <v>15476</v>
      </c>
      <c r="G25003" t="s">
        <v>10734</v>
      </c>
      <c r="H25003" t="s">
        <v>10735</v>
      </c>
      <c r="I25003" s="2">
        <v>1</v>
      </c>
      <c r="J25003" s="2">
        <v>0</v>
      </c>
      <c r="K25003" s="2">
        <v>0</v>
      </c>
      <c r="L25003" t="s">
        <v>120</v>
      </c>
      <c r="M25003" t="s">
        <v>87</v>
      </c>
      <c r="N25003" t="s">
        <v>88</v>
      </c>
      <c r="O25003" t="s">
        <v>85</v>
      </c>
      <c r="P25003" t="s">
        <v>86</v>
      </c>
      <c r="Q25003">
        <v>20</v>
      </c>
      <c r="R25003">
        <v>20</v>
      </c>
      <c r="S25003">
        <v>20</v>
      </c>
      <c r="T25003">
        <v>20</v>
      </c>
      <c r="U25003">
        <v>20</v>
      </c>
      <c r="V25003">
        <v>20</v>
      </c>
      <c r="W25003">
        <v>20</v>
      </c>
      <c r="X25003">
        <v>20</v>
      </c>
      <c r="Y25003">
        <v>20</v>
      </c>
      <c r="Z25003">
        <v>20</v>
      </c>
      <c r="AA25003">
        <v>20</v>
      </c>
      <c r="AB25003">
        <v>20</v>
      </c>
      <c r="AC25003">
        <v>20</v>
      </c>
      <c r="AD25003">
        <v>21</v>
      </c>
      <c r="AE25003">
        <v>21</v>
      </c>
      <c r="AF25003">
        <v>21</v>
      </c>
      <c r="AG25003">
        <v>21</v>
      </c>
      <c r="AH25003">
        <v>21</v>
      </c>
      <c r="AI25003">
        <v>21</v>
      </c>
      <c r="AJ25003">
        <v>21</v>
      </c>
      <c r="AK25003">
        <v>21</v>
      </c>
      <c r="AL25003">
        <v>21</v>
      </c>
      <c r="AM25003">
        <v>21</v>
      </c>
      <c r="AN25003">
        <v>21</v>
      </c>
      <c r="AO25003">
        <v>21</v>
      </c>
      <c r="AP25003">
        <v>21</v>
      </c>
      <c r="AQ25003">
        <v>21</v>
      </c>
    </row>
    <row r="25004" spans="1:43">
      <c r="A25004" t="s">
        <v>15477</v>
      </c>
      <c r="B25004" t="s">
        <v>15478</v>
      </c>
      <c r="C25004" t="s">
        <v>15473</v>
      </c>
      <c r="D25004" t="s">
        <v>15474</v>
      </c>
      <c r="E25004" t="s">
        <v>15475</v>
      </c>
      <c r="F25004" t="s">
        <v>15476</v>
      </c>
      <c r="G25004" t="s">
        <v>10734</v>
      </c>
      <c r="H25004" t="s">
        <v>10735</v>
      </c>
      <c r="I25004" s="2">
        <v>1</v>
      </c>
      <c r="J25004" s="2">
        <v>0</v>
      </c>
      <c r="K25004" s="2">
        <v>0</v>
      </c>
      <c r="L25004" t="s">
        <v>120</v>
      </c>
      <c r="M25004" t="s">
        <v>89</v>
      </c>
      <c r="N25004" t="s">
        <v>90</v>
      </c>
      <c r="O25004" t="s">
        <v>85</v>
      </c>
      <c r="P25004" t="s">
        <v>86</v>
      </c>
      <c r="Q25004">
        <v>20</v>
      </c>
      <c r="R25004">
        <v>20</v>
      </c>
      <c r="S25004">
        <v>21</v>
      </c>
      <c r="T25004">
        <v>21</v>
      </c>
      <c r="U25004">
        <v>22</v>
      </c>
      <c r="V25004">
        <v>22</v>
      </c>
      <c r="W25004">
        <v>22</v>
      </c>
      <c r="X25004">
        <v>23</v>
      </c>
      <c r="Y25004">
        <v>23</v>
      </c>
      <c r="Z25004">
        <v>23</v>
      </c>
      <c r="AA25004">
        <v>24</v>
      </c>
      <c r="AB25004">
        <v>24</v>
      </c>
      <c r="AC25004">
        <v>24</v>
      </c>
      <c r="AD25004">
        <v>25</v>
      </c>
      <c r="AE25004">
        <v>25</v>
      </c>
      <c r="AF25004">
        <v>25</v>
      </c>
      <c r="AG25004">
        <v>25</v>
      </c>
      <c r="AH25004">
        <v>25</v>
      </c>
      <c r="AI25004">
        <v>25</v>
      </c>
      <c r="AJ25004">
        <v>25</v>
      </c>
      <c r="AK25004">
        <v>25</v>
      </c>
      <c r="AL25004">
        <v>25</v>
      </c>
      <c r="AM25004">
        <v>25</v>
      </c>
      <c r="AN25004">
        <v>25</v>
      </c>
      <c r="AO25004">
        <v>25</v>
      </c>
      <c r="AP25004">
        <v>25</v>
      </c>
      <c r="AQ25004">
        <v>25</v>
      </c>
    </row>
    <row r="25005" spans="1:43">
      <c r="A25005" t="s">
        <v>15477</v>
      </c>
      <c r="B25005" t="s">
        <v>15478</v>
      </c>
      <c r="C25005" t="s">
        <v>15473</v>
      </c>
      <c r="D25005" t="s">
        <v>15474</v>
      </c>
      <c r="E25005" t="s">
        <v>15475</v>
      </c>
      <c r="F25005" t="s">
        <v>15476</v>
      </c>
      <c r="G25005" t="s">
        <v>10734</v>
      </c>
      <c r="H25005" t="s">
        <v>10735</v>
      </c>
      <c r="I25005" s="2">
        <v>1</v>
      </c>
      <c r="J25005" s="2">
        <v>0</v>
      </c>
      <c r="K25005" s="2">
        <v>0</v>
      </c>
      <c r="L25005" t="s">
        <v>120</v>
      </c>
      <c r="M25005" t="s">
        <v>83</v>
      </c>
      <c r="N25005" t="s">
        <v>91</v>
      </c>
      <c r="O25005" t="s">
        <v>85</v>
      </c>
      <c r="P25005" t="s">
        <v>86</v>
      </c>
      <c r="Q25005">
        <v>20</v>
      </c>
      <c r="R25005">
        <v>20</v>
      </c>
      <c r="S25005">
        <v>20</v>
      </c>
      <c r="T25005">
        <v>21</v>
      </c>
      <c r="U25005">
        <v>21</v>
      </c>
      <c r="V25005">
        <v>21</v>
      </c>
      <c r="W25005">
        <v>21</v>
      </c>
      <c r="X25005">
        <v>22</v>
      </c>
      <c r="Y25005">
        <v>22</v>
      </c>
      <c r="Z25005">
        <v>22</v>
      </c>
      <c r="AA25005">
        <v>22</v>
      </c>
      <c r="AB25005">
        <v>23</v>
      </c>
      <c r="AC25005">
        <v>23</v>
      </c>
      <c r="AD25005">
        <v>23</v>
      </c>
      <c r="AE25005">
        <v>23</v>
      </c>
      <c r="AF25005">
        <v>23</v>
      </c>
      <c r="AG25005">
        <v>24</v>
      </c>
      <c r="AH25005">
        <v>24</v>
      </c>
      <c r="AI25005">
        <v>24</v>
      </c>
      <c r="AJ25005">
        <v>24</v>
      </c>
      <c r="AK25005">
        <v>25</v>
      </c>
      <c r="AL25005">
        <v>25</v>
      </c>
      <c r="AM25005">
        <v>25</v>
      </c>
      <c r="AN25005">
        <v>25</v>
      </c>
      <c r="AO25005">
        <v>25</v>
      </c>
      <c r="AP25005">
        <v>25</v>
      </c>
      <c r="AQ25005">
        <v>25</v>
      </c>
    </row>
    <row r="25006" spans="1:43">
      <c r="A25006" t="s">
        <v>15479</v>
      </c>
      <c r="B25006" t="s">
        <v>15480</v>
      </c>
      <c r="C25006" t="s">
        <v>15473</v>
      </c>
      <c r="D25006" t="s">
        <v>15474</v>
      </c>
      <c r="E25006" t="s">
        <v>15475</v>
      </c>
      <c r="F25006" t="s">
        <v>15476</v>
      </c>
      <c r="G25006" t="s">
        <v>10734</v>
      </c>
      <c r="H25006" t="s">
        <v>10735</v>
      </c>
      <c r="I25006" s="2">
        <v>1</v>
      </c>
      <c r="J25006" s="2">
        <v>0</v>
      </c>
      <c r="K25006" s="2">
        <v>0</v>
      </c>
      <c r="L25006" t="s">
        <v>120</v>
      </c>
      <c r="M25006" t="s">
        <v>83</v>
      </c>
      <c r="N25006" t="s">
        <v>84</v>
      </c>
      <c r="O25006" t="s">
        <v>85</v>
      </c>
      <c r="P25006" t="s">
        <v>86</v>
      </c>
      <c r="Q25006">
        <v>33</v>
      </c>
      <c r="R25006">
        <v>33</v>
      </c>
      <c r="S25006">
        <v>34</v>
      </c>
      <c r="T25006">
        <v>34</v>
      </c>
      <c r="U25006">
        <v>35</v>
      </c>
      <c r="V25006">
        <v>35</v>
      </c>
      <c r="W25006">
        <v>36</v>
      </c>
      <c r="X25006">
        <v>36</v>
      </c>
      <c r="Y25006">
        <v>36</v>
      </c>
      <c r="Z25006">
        <v>37</v>
      </c>
      <c r="AA25006">
        <v>37</v>
      </c>
      <c r="AB25006">
        <v>38</v>
      </c>
      <c r="AC25006">
        <v>38</v>
      </c>
      <c r="AD25006">
        <v>38</v>
      </c>
      <c r="AE25006">
        <v>39</v>
      </c>
      <c r="AF25006">
        <v>39</v>
      </c>
      <c r="AG25006">
        <v>39</v>
      </c>
      <c r="AH25006">
        <v>40</v>
      </c>
      <c r="AI25006">
        <v>40</v>
      </c>
      <c r="AJ25006">
        <v>41</v>
      </c>
      <c r="AK25006">
        <v>41</v>
      </c>
      <c r="AL25006">
        <v>41</v>
      </c>
      <c r="AM25006">
        <v>41</v>
      </c>
      <c r="AN25006">
        <v>41</v>
      </c>
      <c r="AO25006">
        <v>41</v>
      </c>
      <c r="AP25006">
        <v>41</v>
      </c>
      <c r="AQ25006">
        <v>41</v>
      </c>
    </row>
    <row r="25007" spans="1:43">
      <c r="A25007" t="s">
        <v>15479</v>
      </c>
      <c r="B25007" t="s">
        <v>15480</v>
      </c>
      <c r="C25007" t="s">
        <v>15473</v>
      </c>
      <c r="D25007" t="s">
        <v>15474</v>
      </c>
      <c r="E25007" t="s">
        <v>15475</v>
      </c>
      <c r="F25007" t="s">
        <v>15476</v>
      </c>
      <c r="G25007" t="s">
        <v>10734</v>
      </c>
      <c r="H25007" t="s">
        <v>10735</v>
      </c>
      <c r="I25007" s="2">
        <v>1</v>
      </c>
      <c r="J25007" s="2">
        <v>0</v>
      </c>
      <c r="K25007" s="2">
        <v>0</v>
      </c>
      <c r="L25007" t="s">
        <v>120</v>
      </c>
      <c r="M25007" t="s">
        <v>87</v>
      </c>
      <c r="N25007" t="s">
        <v>88</v>
      </c>
      <c r="O25007" t="s">
        <v>85</v>
      </c>
      <c r="P25007" t="s">
        <v>86</v>
      </c>
      <c r="Q25007">
        <v>33</v>
      </c>
      <c r="R25007">
        <v>33</v>
      </c>
      <c r="S25007">
        <v>33</v>
      </c>
      <c r="T25007">
        <v>33</v>
      </c>
      <c r="U25007">
        <v>33</v>
      </c>
      <c r="V25007">
        <v>33</v>
      </c>
      <c r="W25007">
        <v>33</v>
      </c>
      <c r="X25007">
        <v>34</v>
      </c>
      <c r="Y25007">
        <v>34</v>
      </c>
      <c r="Z25007">
        <v>34</v>
      </c>
      <c r="AA25007">
        <v>34</v>
      </c>
      <c r="AB25007">
        <v>34</v>
      </c>
      <c r="AC25007">
        <v>34</v>
      </c>
      <c r="AD25007">
        <v>34</v>
      </c>
      <c r="AE25007">
        <v>34</v>
      </c>
      <c r="AF25007">
        <v>35</v>
      </c>
      <c r="AG25007">
        <v>35</v>
      </c>
      <c r="AH25007">
        <v>35</v>
      </c>
      <c r="AI25007">
        <v>35</v>
      </c>
      <c r="AJ25007">
        <v>35</v>
      </c>
      <c r="AK25007">
        <v>35</v>
      </c>
      <c r="AL25007">
        <v>35</v>
      </c>
      <c r="AM25007">
        <v>35</v>
      </c>
      <c r="AN25007">
        <v>35</v>
      </c>
      <c r="AO25007">
        <v>36</v>
      </c>
      <c r="AP25007">
        <v>36</v>
      </c>
      <c r="AQ25007">
        <v>36</v>
      </c>
    </row>
    <row r="25008" spans="1:43">
      <c r="A25008" t="s">
        <v>15479</v>
      </c>
      <c r="B25008" t="s">
        <v>15480</v>
      </c>
      <c r="C25008" t="s">
        <v>15473</v>
      </c>
      <c r="D25008" t="s">
        <v>15474</v>
      </c>
      <c r="E25008" t="s">
        <v>15475</v>
      </c>
      <c r="F25008" t="s">
        <v>15476</v>
      </c>
      <c r="G25008" t="s">
        <v>10734</v>
      </c>
      <c r="H25008" t="s">
        <v>10735</v>
      </c>
      <c r="I25008" s="2">
        <v>1</v>
      </c>
      <c r="J25008" s="2">
        <v>0</v>
      </c>
      <c r="K25008" s="2">
        <v>0</v>
      </c>
      <c r="L25008" t="s">
        <v>120</v>
      </c>
      <c r="M25008" t="s">
        <v>89</v>
      </c>
      <c r="N25008" t="s">
        <v>90</v>
      </c>
      <c r="O25008" t="s">
        <v>85</v>
      </c>
      <c r="P25008" t="s">
        <v>86</v>
      </c>
      <c r="Q25008">
        <v>33</v>
      </c>
      <c r="R25008">
        <v>34</v>
      </c>
      <c r="S25008">
        <v>35</v>
      </c>
      <c r="T25008">
        <v>35</v>
      </c>
      <c r="U25008">
        <v>36</v>
      </c>
      <c r="V25008">
        <v>37</v>
      </c>
      <c r="W25008">
        <v>37</v>
      </c>
      <c r="X25008">
        <v>38</v>
      </c>
      <c r="Y25008">
        <v>38</v>
      </c>
      <c r="Z25008">
        <v>39</v>
      </c>
      <c r="AA25008">
        <v>40</v>
      </c>
      <c r="AB25008">
        <v>40</v>
      </c>
      <c r="AC25008">
        <v>41</v>
      </c>
      <c r="AD25008">
        <v>41</v>
      </c>
      <c r="AE25008">
        <v>41</v>
      </c>
      <c r="AF25008">
        <v>41</v>
      </c>
      <c r="AG25008">
        <v>41</v>
      </c>
      <c r="AH25008">
        <v>41</v>
      </c>
      <c r="AI25008">
        <v>42</v>
      </c>
      <c r="AJ25008">
        <v>42</v>
      </c>
      <c r="AK25008">
        <v>42</v>
      </c>
      <c r="AL25008">
        <v>42</v>
      </c>
      <c r="AM25008">
        <v>42</v>
      </c>
      <c r="AN25008">
        <v>42</v>
      </c>
      <c r="AO25008">
        <v>42</v>
      </c>
      <c r="AP25008">
        <v>42</v>
      </c>
      <c r="AQ25008">
        <v>42</v>
      </c>
    </row>
    <row r="25009" spans="1:43">
      <c r="A25009" t="s">
        <v>15479</v>
      </c>
      <c r="B25009" t="s">
        <v>15480</v>
      </c>
      <c r="C25009" t="s">
        <v>15473</v>
      </c>
      <c r="D25009" t="s">
        <v>15474</v>
      </c>
      <c r="E25009" t="s">
        <v>15475</v>
      </c>
      <c r="F25009" t="s">
        <v>15476</v>
      </c>
      <c r="G25009" t="s">
        <v>10734</v>
      </c>
      <c r="H25009" t="s">
        <v>10735</v>
      </c>
      <c r="I25009" s="2">
        <v>1</v>
      </c>
      <c r="J25009" s="2">
        <v>0</v>
      </c>
      <c r="K25009" s="2">
        <v>0</v>
      </c>
      <c r="L25009" t="s">
        <v>120</v>
      </c>
      <c r="M25009" t="s">
        <v>83</v>
      </c>
      <c r="N25009" t="s">
        <v>91</v>
      </c>
      <c r="O25009" t="s">
        <v>85</v>
      </c>
      <c r="P25009" t="s">
        <v>86</v>
      </c>
      <c r="Q25009">
        <v>33</v>
      </c>
      <c r="R25009">
        <v>33</v>
      </c>
      <c r="S25009">
        <v>34</v>
      </c>
      <c r="T25009">
        <v>34</v>
      </c>
      <c r="U25009">
        <v>35</v>
      </c>
      <c r="V25009">
        <v>35</v>
      </c>
      <c r="W25009">
        <v>36</v>
      </c>
      <c r="X25009">
        <v>36</v>
      </c>
      <c r="Y25009">
        <v>36</v>
      </c>
      <c r="Z25009">
        <v>37</v>
      </c>
      <c r="AA25009">
        <v>37</v>
      </c>
      <c r="AB25009">
        <v>38</v>
      </c>
      <c r="AC25009">
        <v>38</v>
      </c>
      <c r="AD25009">
        <v>38</v>
      </c>
      <c r="AE25009">
        <v>39</v>
      </c>
      <c r="AF25009">
        <v>39</v>
      </c>
      <c r="AG25009">
        <v>39</v>
      </c>
      <c r="AH25009">
        <v>40</v>
      </c>
      <c r="AI25009">
        <v>40</v>
      </c>
      <c r="AJ25009">
        <v>41</v>
      </c>
      <c r="AK25009">
        <v>41</v>
      </c>
      <c r="AL25009">
        <v>41</v>
      </c>
      <c r="AM25009">
        <v>41</v>
      </c>
      <c r="AN25009">
        <v>41</v>
      </c>
      <c r="AO25009">
        <v>41</v>
      </c>
      <c r="AP25009">
        <v>41</v>
      </c>
      <c r="AQ25009">
        <v>41</v>
      </c>
    </row>
    <row r="25010" spans="1:43">
      <c r="A25010" t="s">
        <v>15481</v>
      </c>
      <c r="B25010" t="s">
        <v>15482</v>
      </c>
      <c r="C25010" t="s">
        <v>15473</v>
      </c>
      <c r="D25010" t="s">
        <v>15474</v>
      </c>
      <c r="E25010" t="s">
        <v>15475</v>
      </c>
      <c r="F25010" t="s">
        <v>15476</v>
      </c>
      <c r="G25010" t="s">
        <v>10734</v>
      </c>
      <c r="H25010" t="s">
        <v>10735</v>
      </c>
      <c r="I25010" s="2">
        <v>1</v>
      </c>
      <c r="J25010" s="2">
        <v>0</v>
      </c>
      <c r="K25010" s="2">
        <v>0</v>
      </c>
      <c r="L25010" t="s">
        <v>120</v>
      </c>
      <c r="M25010" t="s">
        <v>83</v>
      </c>
      <c r="N25010" t="s">
        <v>84</v>
      </c>
      <c r="O25010" t="s">
        <v>85</v>
      </c>
      <c r="P25010" t="s">
        <v>86</v>
      </c>
      <c r="Q25010">
        <v>4</v>
      </c>
      <c r="R25010">
        <v>4</v>
      </c>
      <c r="S25010">
        <v>5</v>
      </c>
      <c r="T25010">
        <v>5</v>
      </c>
      <c r="U25010">
        <v>5</v>
      </c>
      <c r="V25010">
        <v>5</v>
      </c>
      <c r="W25010">
        <v>5</v>
      </c>
      <c r="X25010">
        <v>5</v>
      </c>
      <c r="Y25010">
        <v>5</v>
      </c>
      <c r="Z25010">
        <v>5</v>
      </c>
      <c r="AA25010">
        <v>5</v>
      </c>
      <c r="AB25010">
        <v>5</v>
      </c>
      <c r="AC25010">
        <v>5</v>
      </c>
      <c r="AD25010">
        <v>5</v>
      </c>
      <c r="AE25010">
        <v>5</v>
      </c>
      <c r="AF25010">
        <v>5</v>
      </c>
      <c r="AG25010">
        <v>5</v>
      </c>
      <c r="AH25010">
        <v>5</v>
      </c>
      <c r="AI25010">
        <v>5</v>
      </c>
      <c r="AJ25010">
        <v>5</v>
      </c>
      <c r="AK25010">
        <v>5</v>
      </c>
      <c r="AL25010">
        <v>5</v>
      </c>
      <c r="AM25010">
        <v>5</v>
      </c>
      <c r="AN25010">
        <v>5</v>
      </c>
      <c r="AO25010">
        <v>5</v>
      </c>
      <c r="AP25010">
        <v>5</v>
      </c>
      <c r="AQ25010">
        <v>5</v>
      </c>
    </row>
    <row r="25011" spans="1:43">
      <c r="A25011" t="s">
        <v>15481</v>
      </c>
      <c r="B25011" t="s">
        <v>15482</v>
      </c>
      <c r="C25011" t="s">
        <v>15473</v>
      </c>
      <c r="D25011" t="s">
        <v>15474</v>
      </c>
      <c r="E25011" t="s">
        <v>15475</v>
      </c>
      <c r="F25011" t="s">
        <v>15476</v>
      </c>
      <c r="G25011" t="s">
        <v>10734</v>
      </c>
      <c r="H25011" t="s">
        <v>10735</v>
      </c>
      <c r="I25011" s="2">
        <v>1</v>
      </c>
      <c r="J25011" s="2">
        <v>0</v>
      </c>
      <c r="K25011" s="2">
        <v>0</v>
      </c>
      <c r="L25011" t="s">
        <v>120</v>
      </c>
      <c r="M25011" t="s">
        <v>87</v>
      </c>
      <c r="N25011" t="s">
        <v>88</v>
      </c>
      <c r="O25011" t="s">
        <v>85</v>
      </c>
      <c r="P25011" t="s">
        <v>86</v>
      </c>
      <c r="Q25011">
        <v>4</v>
      </c>
      <c r="R25011">
        <v>4</v>
      </c>
      <c r="S25011">
        <v>4</v>
      </c>
      <c r="T25011">
        <v>4</v>
      </c>
      <c r="U25011">
        <v>4</v>
      </c>
      <c r="V25011">
        <v>4</v>
      </c>
      <c r="W25011">
        <v>4</v>
      </c>
      <c r="X25011">
        <v>4</v>
      </c>
      <c r="Y25011">
        <v>4</v>
      </c>
      <c r="Z25011">
        <v>5</v>
      </c>
      <c r="AA25011">
        <v>5</v>
      </c>
      <c r="AB25011">
        <v>5</v>
      </c>
      <c r="AC25011">
        <v>5</v>
      </c>
      <c r="AD25011">
        <v>5</v>
      </c>
      <c r="AE25011">
        <v>5</v>
      </c>
      <c r="AF25011">
        <v>5</v>
      </c>
      <c r="AG25011">
        <v>5</v>
      </c>
      <c r="AH25011">
        <v>5</v>
      </c>
      <c r="AI25011">
        <v>5</v>
      </c>
      <c r="AJ25011">
        <v>5</v>
      </c>
      <c r="AK25011">
        <v>5</v>
      </c>
      <c r="AL25011">
        <v>5</v>
      </c>
      <c r="AM25011">
        <v>5</v>
      </c>
      <c r="AN25011">
        <v>5</v>
      </c>
      <c r="AO25011">
        <v>5</v>
      </c>
      <c r="AP25011">
        <v>5</v>
      </c>
      <c r="AQ25011">
        <v>5</v>
      </c>
    </row>
    <row r="25012" spans="1:43">
      <c r="A25012" t="s">
        <v>15481</v>
      </c>
      <c r="B25012" t="s">
        <v>15482</v>
      </c>
      <c r="C25012" t="s">
        <v>15473</v>
      </c>
      <c r="D25012" t="s">
        <v>15474</v>
      </c>
      <c r="E25012" t="s">
        <v>15475</v>
      </c>
      <c r="F25012" t="s">
        <v>15476</v>
      </c>
      <c r="G25012" t="s">
        <v>10734</v>
      </c>
      <c r="H25012" t="s">
        <v>10735</v>
      </c>
      <c r="I25012" s="2">
        <v>1</v>
      </c>
      <c r="J25012" s="2">
        <v>0</v>
      </c>
      <c r="K25012" s="2">
        <v>0</v>
      </c>
      <c r="L25012" t="s">
        <v>120</v>
      </c>
      <c r="M25012" t="s">
        <v>89</v>
      </c>
      <c r="N25012" t="s">
        <v>90</v>
      </c>
      <c r="O25012" t="s">
        <v>85</v>
      </c>
      <c r="P25012" t="s">
        <v>86</v>
      </c>
      <c r="Q25012">
        <v>4</v>
      </c>
      <c r="R25012">
        <v>5</v>
      </c>
      <c r="S25012">
        <v>5</v>
      </c>
      <c r="T25012">
        <v>5</v>
      </c>
      <c r="U25012">
        <v>5</v>
      </c>
      <c r="V25012">
        <v>5</v>
      </c>
      <c r="W25012">
        <v>5</v>
      </c>
      <c r="X25012">
        <v>5</v>
      </c>
      <c r="Y25012">
        <v>5</v>
      </c>
      <c r="Z25012">
        <v>5</v>
      </c>
      <c r="AA25012">
        <v>5</v>
      </c>
      <c r="AB25012">
        <v>5</v>
      </c>
      <c r="AC25012">
        <v>5</v>
      </c>
      <c r="AD25012">
        <v>5</v>
      </c>
      <c r="AE25012">
        <v>6</v>
      </c>
      <c r="AF25012">
        <v>6</v>
      </c>
      <c r="AG25012">
        <v>6</v>
      </c>
      <c r="AH25012">
        <v>6</v>
      </c>
      <c r="AI25012">
        <v>6</v>
      </c>
      <c r="AJ25012">
        <v>6</v>
      </c>
      <c r="AK25012">
        <v>6</v>
      </c>
      <c r="AL25012">
        <v>6</v>
      </c>
      <c r="AM25012">
        <v>6</v>
      </c>
      <c r="AN25012">
        <v>6</v>
      </c>
      <c r="AO25012">
        <v>6</v>
      </c>
      <c r="AP25012">
        <v>6</v>
      </c>
      <c r="AQ25012">
        <v>6</v>
      </c>
    </row>
    <row r="25013" spans="1:43">
      <c r="A25013" t="s">
        <v>15481</v>
      </c>
      <c r="B25013" t="s">
        <v>15482</v>
      </c>
      <c r="C25013" t="s">
        <v>15473</v>
      </c>
      <c r="D25013" t="s">
        <v>15474</v>
      </c>
      <c r="E25013" t="s">
        <v>15475</v>
      </c>
      <c r="F25013" t="s">
        <v>15476</v>
      </c>
      <c r="G25013" t="s">
        <v>10734</v>
      </c>
      <c r="H25013" t="s">
        <v>10735</v>
      </c>
      <c r="I25013" s="2">
        <v>1</v>
      </c>
      <c r="J25013" s="2">
        <v>0</v>
      </c>
      <c r="K25013" s="2">
        <v>0</v>
      </c>
      <c r="L25013" t="s">
        <v>120</v>
      </c>
      <c r="M25013" t="s">
        <v>83</v>
      </c>
      <c r="N25013" t="s">
        <v>91</v>
      </c>
      <c r="O25013" t="s">
        <v>85</v>
      </c>
      <c r="P25013" t="s">
        <v>86</v>
      </c>
      <c r="Q25013">
        <v>4</v>
      </c>
      <c r="R25013">
        <v>4</v>
      </c>
      <c r="S25013">
        <v>5</v>
      </c>
      <c r="T25013">
        <v>5</v>
      </c>
      <c r="U25013">
        <v>5</v>
      </c>
      <c r="V25013">
        <v>5</v>
      </c>
      <c r="W25013">
        <v>5</v>
      </c>
      <c r="X25013">
        <v>5</v>
      </c>
      <c r="Y25013">
        <v>5</v>
      </c>
      <c r="Z25013">
        <v>5</v>
      </c>
      <c r="AA25013">
        <v>5</v>
      </c>
      <c r="AB25013">
        <v>5</v>
      </c>
      <c r="AC25013">
        <v>5</v>
      </c>
      <c r="AD25013">
        <v>5</v>
      </c>
      <c r="AE25013">
        <v>5</v>
      </c>
      <c r="AF25013">
        <v>5</v>
      </c>
      <c r="AG25013">
        <v>5</v>
      </c>
      <c r="AH25013">
        <v>5</v>
      </c>
      <c r="AI25013">
        <v>5</v>
      </c>
      <c r="AJ25013">
        <v>5</v>
      </c>
      <c r="AK25013">
        <v>5</v>
      </c>
      <c r="AL25013">
        <v>5</v>
      </c>
      <c r="AM25013">
        <v>5</v>
      </c>
      <c r="AN25013">
        <v>5</v>
      </c>
      <c r="AO25013">
        <v>5</v>
      </c>
      <c r="AP25013">
        <v>5</v>
      </c>
      <c r="AQ25013">
        <v>5</v>
      </c>
    </row>
    <row r="25014" spans="1:43">
      <c r="A25014" t="s">
        <v>15483</v>
      </c>
      <c r="B25014" t="s">
        <v>15484</v>
      </c>
      <c r="C25014" t="s">
        <v>15473</v>
      </c>
      <c r="D25014" t="s">
        <v>15474</v>
      </c>
      <c r="E25014" t="s">
        <v>15475</v>
      </c>
      <c r="F25014" t="s">
        <v>15476</v>
      </c>
      <c r="G25014" t="s">
        <v>10734</v>
      </c>
      <c r="H25014" t="s">
        <v>10735</v>
      </c>
      <c r="I25014" s="2">
        <v>1</v>
      </c>
      <c r="J25014" s="2">
        <v>0</v>
      </c>
      <c r="K25014" s="2">
        <v>0</v>
      </c>
      <c r="L25014" t="s">
        <v>120</v>
      </c>
      <c r="M25014" t="s">
        <v>83</v>
      </c>
      <c r="N25014" t="s">
        <v>84</v>
      </c>
      <c r="O25014" t="s">
        <v>85</v>
      </c>
      <c r="P25014" t="s">
        <v>86</v>
      </c>
      <c r="Q25014">
        <v>5</v>
      </c>
      <c r="R25014">
        <v>5</v>
      </c>
      <c r="S25014">
        <v>5</v>
      </c>
      <c r="T25014">
        <v>5</v>
      </c>
      <c r="U25014">
        <v>5</v>
      </c>
      <c r="V25014">
        <v>5</v>
      </c>
      <c r="W25014">
        <v>5</v>
      </c>
      <c r="X25014">
        <v>5</v>
      </c>
      <c r="Y25014">
        <v>5</v>
      </c>
      <c r="Z25014">
        <v>5</v>
      </c>
      <c r="AA25014">
        <v>5</v>
      </c>
      <c r="AB25014">
        <v>5</v>
      </c>
      <c r="AC25014">
        <v>5</v>
      </c>
      <c r="AD25014">
        <v>5</v>
      </c>
      <c r="AE25014">
        <v>5</v>
      </c>
      <c r="AF25014">
        <v>5</v>
      </c>
      <c r="AG25014">
        <v>5</v>
      </c>
      <c r="AH25014">
        <v>6</v>
      </c>
      <c r="AI25014">
        <v>6</v>
      </c>
      <c r="AJ25014">
        <v>6</v>
      </c>
      <c r="AK25014">
        <v>6</v>
      </c>
      <c r="AL25014">
        <v>6</v>
      </c>
      <c r="AM25014">
        <v>6</v>
      </c>
      <c r="AN25014">
        <v>6</v>
      </c>
      <c r="AO25014">
        <v>6</v>
      </c>
      <c r="AP25014">
        <v>6</v>
      </c>
      <c r="AQ25014">
        <v>6</v>
      </c>
    </row>
    <row r="25015" spans="1:43">
      <c r="A25015" t="s">
        <v>15483</v>
      </c>
      <c r="B25015" t="s">
        <v>15484</v>
      </c>
      <c r="C25015" t="s">
        <v>15473</v>
      </c>
      <c r="D25015" t="s">
        <v>15474</v>
      </c>
      <c r="E25015" t="s">
        <v>15475</v>
      </c>
      <c r="F25015" t="s">
        <v>15476</v>
      </c>
      <c r="G25015" t="s">
        <v>10734</v>
      </c>
      <c r="H25015" t="s">
        <v>10735</v>
      </c>
      <c r="I25015" s="2">
        <v>1</v>
      </c>
      <c r="J25015" s="2">
        <v>0</v>
      </c>
      <c r="K25015" s="2">
        <v>0</v>
      </c>
      <c r="L25015" t="s">
        <v>120</v>
      </c>
      <c r="M25015" t="s">
        <v>87</v>
      </c>
      <c r="N25015" t="s">
        <v>88</v>
      </c>
      <c r="O25015" t="s">
        <v>85</v>
      </c>
      <c r="P25015" t="s">
        <v>86</v>
      </c>
      <c r="Q25015">
        <v>5</v>
      </c>
      <c r="R25015">
        <v>5</v>
      </c>
      <c r="S25015">
        <v>5</v>
      </c>
      <c r="T25015">
        <v>5</v>
      </c>
      <c r="U25015">
        <v>5</v>
      </c>
      <c r="V25015">
        <v>5</v>
      </c>
      <c r="W25015">
        <v>5</v>
      </c>
      <c r="X25015">
        <v>5</v>
      </c>
      <c r="Y25015">
        <v>5</v>
      </c>
      <c r="Z25015">
        <v>5</v>
      </c>
      <c r="AA25015">
        <v>5</v>
      </c>
      <c r="AB25015">
        <v>5</v>
      </c>
      <c r="AC25015">
        <v>5</v>
      </c>
      <c r="AD25015">
        <v>5</v>
      </c>
      <c r="AE25015">
        <v>5</v>
      </c>
      <c r="AF25015">
        <v>5</v>
      </c>
      <c r="AG25015">
        <v>5</v>
      </c>
      <c r="AH25015">
        <v>5</v>
      </c>
      <c r="AI25015">
        <v>5</v>
      </c>
      <c r="AJ25015">
        <v>5</v>
      </c>
      <c r="AK25015">
        <v>5</v>
      </c>
      <c r="AL25015">
        <v>5</v>
      </c>
      <c r="AM25015">
        <v>5</v>
      </c>
      <c r="AN25015">
        <v>5</v>
      </c>
      <c r="AO25015">
        <v>5</v>
      </c>
      <c r="AP25015">
        <v>5</v>
      </c>
      <c r="AQ25015">
        <v>5</v>
      </c>
    </row>
    <row r="25016" spans="1:43">
      <c r="A25016" t="s">
        <v>15483</v>
      </c>
      <c r="B25016" t="s">
        <v>15484</v>
      </c>
      <c r="C25016" t="s">
        <v>15473</v>
      </c>
      <c r="D25016" t="s">
        <v>15474</v>
      </c>
      <c r="E25016" t="s">
        <v>15475</v>
      </c>
      <c r="F25016" t="s">
        <v>15476</v>
      </c>
      <c r="G25016" t="s">
        <v>10734</v>
      </c>
      <c r="H25016" t="s">
        <v>10735</v>
      </c>
      <c r="I25016" s="2">
        <v>1</v>
      </c>
      <c r="J25016" s="2">
        <v>0</v>
      </c>
      <c r="K25016" s="2">
        <v>0</v>
      </c>
      <c r="L25016" t="s">
        <v>120</v>
      </c>
      <c r="M25016" t="s">
        <v>89</v>
      </c>
      <c r="N25016" t="s">
        <v>90</v>
      </c>
      <c r="O25016" t="s">
        <v>85</v>
      </c>
      <c r="P25016" t="s">
        <v>86</v>
      </c>
      <c r="Q25016">
        <v>5</v>
      </c>
      <c r="R25016">
        <v>5</v>
      </c>
      <c r="S25016">
        <v>5</v>
      </c>
      <c r="T25016">
        <v>5</v>
      </c>
      <c r="U25016">
        <v>5</v>
      </c>
      <c r="V25016">
        <v>5</v>
      </c>
      <c r="W25016">
        <v>5</v>
      </c>
      <c r="X25016">
        <v>5</v>
      </c>
      <c r="Y25016">
        <v>5</v>
      </c>
      <c r="Z25016">
        <v>5</v>
      </c>
      <c r="AA25016">
        <v>6</v>
      </c>
      <c r="AB25016">
        <v>6</v>
      </c>
      <c r="AC25016">
        <v>6</v>
      </c>
      <c r="AD25016">
        <v>6</v>
      </c>
      <c r="AE25016">
        <v>6</v>
      </c>
      <c r="AF25016">
        <v>6</v>
      </c>
      <c r="AG25016">
        <v>6</v>
      </c>
      <c r="AH25016">
        <v>6</v>
      </c>
      <c r="AI25016">
        <v>6</v>
      </c>
      <c r="AJ25016">
        <v>6</v>
      </c>
      <c r="AK25016">
        <v>6</v>
      </c>
      <c r="AL25016">
        <v>6</v>
      </c>
      <c r="AM25016">
        <v>6</v>
      </c>
      <c r="AN25016">
        <v>6</v>
      </c>
      <c r="AO25016">
        <v>6</v>
      </c>
      <c r="AP25016">
        <v>6</v>
      </c>
      <c r="AQ25016">
        <v>6</v>
      </c>
    </row>
    <row r="25017" spans="1:43">
      <c r="A25017" t="s">
        <v>15483</v>
      </c>
      <c r="B25017" t="s">
        <v>15484</v>
      </c>
      <c r="C25017" t="s">
        <v>15473</v>
      </c>
      <c r="D25017" t="s">
        <v>15474</v>
      </c>
      <c r="E25017" t="s">
        <v>15475</v>
      </c>
      <c r="F25017" t="s">
        <v>15476</v>
      </c>
      <c r="G25017" t="s">
        <v>10734</v>
      </c>
      <c r="H25017" t="s">
        <v>10735</v>
      </c>
      <c r="I25017" s="2">
        <v>1</v>
      </c>
      <c r="J25017" s="2">
        <v>0</v>
      </c>
      <c r="K25017" s="2">
        <v>0</v>
      </c>
      <c r="L25017" t="s">
        <v>120</v>
      </c>
      <c r="M25017" t="s">
        <v>83</v>
      </c>
      <c r="N25017" t="s">
        <v>91</v>
      </c>
      <c r="O25017" t="s">
        <v>85</v>
      </c>
      <c r="P25017" t="s">
        <v>86</v>
      </c>
      <c r="Q25017">
        <v>5</v>
      </c>
      <c r="R25017">
        <v>5</v>
      </c>
      <c r="S25017">
        <v>5</v>
      </c>
      <c r="T25017">
        <v>5</v>
      </c>
      <c r="U25017">
        <v>5</v>
      </c>
      <c r="V25017">
        <v>5</v>
      </c>
      <c r="W25017">
        <v>5</v>
      </c>
      <c r="X25017">
        <v>5</v>
      </c>
      <c r="Y25017">
        <v>5</v>
      </c>
      <c r="Z25017">
        <v>5</v>
      </c>
      <c r="AA25017">
        <v>5</v>
      </c>
      <c r="AB25017">
        <v>5</v>
      </c>
      <c r="AC25017">
        <v>5</v>
      </c>
      <c r="AD25017">
        <v>5</v>
      </c>
      <c r="AE25017">
        <v>5</v>
      </c>
      <c r="AF25017">
        <v>5</v>
      </c>
      <c r="AG25017">
        <v>5</v>
      </c>
      <c r="AH25017">
        <v>6</v>
      </c>
      <c r="AI25017">
        <v>6</v>
      </c>
      <c r="AJ25017">
        <v>6</v>
      </c>
      <c r="AK25017">
        <v>6</v>
      </c>
      <c r="AL25017">
        <v>6</v>
      </c>
      <c r="AM25017">
        <v>6</v>
      </c>
      <c r="AN25017">
        <v>6</v>
      </c>
      <c r="AO25017">
        <v>6</v>
      </c>
      <c r="AP25017">
        <v>6</v>
      </c>
      <c r="AQ25017">
        <v>6</v>
      </c>
    </row>
    <row r="25018" spans="1:43">
      <c r="A25018" t="s">
        <v>15485</v>
      </c>
      <c r="B25018" t="s">
        <v>15486</v>
      </c>
      <c r="C25018" t="s">
        <v>15473</v>
      </c>
      <c r="D25018" t="s">
        <v>15474</v>
      </c>
      <c r="E25018" t="s">
        <v>15475</v>
      </c>
      <c r="F25018" t="s">
        <v>15476</v>
      </c>
      <c r="G25018" t="s">
        <v>10734</v>
      </c>
      <c r="H25018" t="s">
        <v>10735</v>
      </c>
      <c r="I25018" s="2">
        <v>1</v>
      </c>
      <c r="J25018" s="2">
        <v>0</v>
      </c>
      <c r="K25018" s="2">
        <v>0</v>
      </c>
      <c r="L25018" t="s">
        <v>120</v>
      </c>
      <c r="M25018" t="s">
        <v>83</v>
      </c>
      <c r="N25018" t="s">
        <v>84</v>
      </c>
      <c r="O25018" t="s">
        <v>85</v>
      </c>
      <c r="P25018" t="s">
        <v>86</v>
      </c>
      <c r="Q25018">
        <v>15</v>
      </c>
      <c r="R25018">
        <v>16</v>
      </c>
      <c r="S25018">
        <v>16</v>
      </c>
      <c r="T25018">
        <v>16</v>
      </c>
      <c r="U25018">
        <v>16</v>
      </c>
      <c r="V25018">
        <v>16</v>
      </c>
      <c r="W25018">
        <v>17</v>
      </c>
      <c r="X25018">
        <v>17</v>
      </c>
      <c r="Y25018">
        <v>17</v>
      </c>
      <c r="Z25018">
        <v>17</v>
      </c>
      <c r="AA25018">
        <v>17</v>
      </c>
      <c r="AB25018">
        <v>18</v>
      </c>
      <c r="AC25018">
        <v>18</v>
      </c>
      <c r="AD25018">
        <v>18</v>
      </c>
      <c r="AE25018">
        <v>18</v>
      </c>
      <c r="AF25018">
        <v>18</v>
      </c>
      <c r="AG25018">
        <v>18</v>
      </c>
      <c r="AH25018">
        <v>19</v>
      </c>
      <c r="AI25018">
        <v>19</v>
      </c>
      <c r="AJ25018">
        <v>19</v>
      </c>
      <c r="AK25018">
        <v>19</v>
      </c>
      <c r="AL25018">
        <v>19</v>
      </c>
      <c r="AM25018">
        <v>19</v>
      </c>
      <c r="AN25018">
        <v>19</v>
      </c>
      <c r="AO25018">
        <v>19</v>
      </c>
      <c r="AP25018">
        <v>19</v>
      </c>
      <c r="AQ25018">
        <v>19</v>
      </c>
    </row>
    <row r="25019" spans="1:43">
      <c r="A25019" t="s">
        <v>15485</v>
      </c>
      <c r="B25019" t="s">
        <v>15486</v>
      </c>
      <c r="C25019" t="s">
        <v>15473</v>
      </c>
      <c r="D25019" t="s">
        <v>15474</v>
      </c>
      <c r="E25019" t="s">
        <v>15475</v>
      </c>
      <c r="F25019" t="s">
        <v>15476</v>
      </c>
      <c r="G25019" t="s">
        <v>10734</v>
      </c>
      <c r="H25019" t="s">
        <v>10735</v>
      </c>
      <c r="I25019" s="2">
        <v>1</v>
      </c>
      <c r="J25019" s="2">
        <v>0</v>
      </c>
      <c r="K25019" s="2">
        <v>0</v>
      </c>
      <c r="L25019" t="s">
        <v>120</v>
      </c>
      <c r="M25019" t="s">
        <v>87</v>
      </c>
      <c r="N25019" t="s">
        <v>88</v>
      </c>
      <c r="O25019" t="s">
        <v>85</v>
      </c>
      <c r="P25019" t="s">
        <v>86</v>
      </c>
      <c r="Q25019">
        <v>15</v>
      </c>
      <c r="R25019">
        <v>15</v>
      </c>
      <c r="S25019">
        <v>15</v>
      </c>
      <c r="T25019">
        <v>15</v>
      </c>
      <c r="U25019">
        <v>15</v>
      </c>
      <c r="V25019">
        <v>16</v>
      </c>
      <c r="W25019">
        <v>16</v>
      </c>
      <c r="X25019">
        <v>16</v>
      </c>
      <c r="Y25019">
        <v>16</v>
      </c>
      <c r="Z25019">
        <v>16</v>
      </c>
      <c r="AA25019">
        <v>16</v>
      </c>
      <c r="AB25019">
        <v>16</v>
      </c>
      <c r="AC25019">
        <v>16</v>
      </c>
      <c r="AD25019">
        <v>16</v>
      </c>
      <c r="AE25019">
        <v>16</v>
      </c>
      <c r="AF25019">
        <v>16</v>
      </c>
      <c r="AG25019">
        <v>16</v>
      </c>
      <c r="AH25019">
        <v>16</v>
      </c>
      <c r="AI25019">
        <v>16</v>
      </c>
      <c r="AJ25019">
        <v>16</v>
      </c>
      <c r="AK25019">
        <v>17</v>
      </c>
      <c r="AL25019">
        <v>17</v>
      </c>
      <c r="AM25019">
        <v>17</v>
      </c>
      <c r="AN25019">
        <v>17</v>
      </c>
      <c r="AO25019">
        <v>17</v>
      </c>
      <c r="AP25019">
        <v>17</v>
      </c>
      <c r="AQ25019">
        <v>17</v>
      </c>
    </row>
    <row r="25020" spans="1:43">
      <c r="A25020" t="s">
        <v>15485</v>
      </c>
      <c r="B25020" t="s">
        <v>15486</v>
      </c>
      <c r="C25020" t="s">
        <v>15473</v>
      </c>
      <c r="D25020" t="s">
        <v>15474</v>
      </c>
      <c r="E25020" t="s">
        <v>15475</v>
      </c>
      <c r="F25020" t="s">
        <v>15476</v>
      </c>
      <c r="G25020" t="s">
        <v>10734</v>
      </c>
      <c r="H25020" t="s">
        <v>10735</v>
      </c>
      <c r="I25020" s="2">
        <v>1</v>
      </c>
      <c r="J25020" s="2">
        <v>0</v>
      </c>
      <c r="K25020" s="2">
        <v>0</v>
      </c>
      <c r="L25020" t="s">
        <v>120</v>
      </c>
      <c r="M25020" t="s">
        <v>89</v>
      </c>
      <c r="N25020" t="s">
        <v>90</v>
      </c>
      <c r="O25020" t="s">
        <v>85</v>
      </c>
      <c r="P25020" t="s">
        <v>86</v>
      </c>
      <c r="Q25020">
        <v>15</v>
      </c>
      <c r="R25020">
        <v>16</v>
      </c>
      <c r="S25020">
        <v>16</v>
      </c>
      <c r="T25020">
        <v>17</v>
      </c>
      <c r="U25020">
        <v>17</v>
      </c>
      <c r="V25020">
        <v>17</v>
      </c>
      <c r="W25020">
        <v>17</v>
      </c>
      <c r="X25020">
        <v>18</v>
      </c>
      <c r="Y25020">
        <v>18</v>
      </c>
      <c r="Z25020">
        <v>18</v>
      </c>
      <c r="AA25020">
        <v>18</v>
      </c>
      <c r="AB25020">
        <v>19</v>
      </c>
      <c r="AC25020">
        <v>19</v>
      </c>
      <c r="AD25020">
        <v>19</v>
      </c>
      <c r="AE25020">
        <v>19</v>
      </c>
      <c r="AF25020">
        <v>19</v>
      </c>
      <c r="AG25020">
        <v>19</v>
      </c>
      <c r="AH25020">
        <v>19</v>
      </c>
      <c r="AI25020">
        <v>19</v>
      </c>
      <c r="AJ25020">
        <v>19</v>
      </c>
      <c r="AK25020">
        <v>19</v>
      </c>
      <c r="AL25020">
        <v>19</v>
      </c>
      <c r="AM25020">
        <v>19</v>
      </c>
      <c r="AN25020">
        <v>19</v>
      </c>
      <c r="AO25020">
        <v>20</v>
      </c>
      <c r="AP25020">
        <v>20</v>
      </c>
      <c r="AQ25020">
        <v>20</v>
      </c>
    </row>
    <row r="25021" spans="1:43">
      <c r="A25021" t="s">
        <v>15485</v>
      </c>
      <c r="B25021" t="s">
        <v>15486</v>
      </c>
      <c r="C25021" t="s">
        <v>15473</v>
      </c>
      <c r="D25021" t="s">
        <v>15474</v>
      </c>
      <c r="E25021" t="s">
        <v>15475</v>
      </c>
      <c r="F25021" t="s">
        <v>15476</v>
      </c>
      <c r="G25021" t="s">
        <v>10734</v>
      </c>
      <c r="H25021" t="s">
        <v>10735</v>
      </c>
      <c r="I25021" s="2">
        <v>1</v>
      </c>
      <c r="J25021" s="2">
        <v>0</v>
      </c>
      <c r="K25021" s="2">
        <v>0</v>
      </c>
      <c r="L25021" t="s">
        <v>120</v>
      </c>
      <c r="M25021" t="s">
        <v>83</v>
      </c>
      <c r="N25021" t="s">
        <v>91</v>
      </c>
      <c r="O25021" t="s">
        <v>85</v>
      </c>
      <c r="P25021" t="s">
        <v>86</v>
      </c>
      <c r="Q25021">
        <v>15</v>
      </c>
      <c r="R25021">
        <v>16</v>
      </c>
      <c r="S25021">
        <v>16</v>
      </c>
      <c r="T25021">
        <v>16</v>
      </c>
      <c r="U25021">
        <v>16</v>
      </c>
      <c r="V25021">
        <v>16</v>
      </c>
      <c r="W25021">
        <v>17</v>
      </c>
      <c r="X25021">
        <v>17</v>
      </c>
      <c r="Y25021">
        <v>17</v>
      </c>
      <c r="Z25021">
        <v>17</v>
      </c>
      <c r="AA25021">
        <v>17</v>
      </c>
      <c r="AB25021">
        <v>18</v>
      </c>
      <c r="AC25021">
        <v>18</v>
      </c>
      <c r="AD25021">
        <v>18</v>
      </c>
      <c r="AE25021">
        <v>18</v>
      </c>
      <c r="AF25021">
        <v>18</v>
      </c>
      <c r="AG25021">
        <v>18</v>
      </c>
      <c r="AH25021">
        <v>19</v>
      </c>
      <c r="AI25021">
        <v>19</v>
      </c>
      <c r="AJ25021">
        <v>19</v>
      </c>
      <c r="AK25021">
        <v>19</v>
      </c>
      <c r="AL25021">
        <v>19</v>
      </c>
      <c r="AM25021">
        <v>19</v>
      </c>
      <c r="AN25021">
        <v>19</v>
      </c>
      <c r="AO25021">
        <v>19</v>
      </c>
      <c r="AP25021">
        <v>19</v>
      </c>
      <c r="AQ25021">
        <v>19</v>
      </c>
    </row>
    <row r="25022" spans="1:43">
      <c r="A25022" t="s">
        <v>15487</v>
      </c>
      <c r="B25022" t="s">
        <v>15488</v>
      </c>
      <c r="C25022" t="s">
        <v>15489</v>
      </c>
      <c r="D25022" t="s">
        <v>15490</v>
      </c>
      <c r="E25022" t="s">
        <v>15475</v>
      </c>
      <c r="F25022" t="s">
        <v>15476</v>
      </c>
      <c r="G25022" t="s">
        <v>10734</v>
      </c>
      <c r="H25022" t="s">
        <v>10735</v>
      </c>
      <c r="I25022" s="2">
        <v>1</v>
      </c>
      <c r="J25022" s="2">
        <v>0</v>
      </c>
      <c r="K25022" s="2">
        <v>0</v>
      </c>
      <c r="L25022" t="s">
        <v>120</v>
      </c>
      <c r="M25022" t="s">
        <v>83</v>
      </c>
      <c r="N25022" t="s">
        <v>84</v>
      </c>
      <c r="O25022" t="s">
        <v>85</v>
      </c>
      <c r="P25022" t="s">
        <v>86</v>
      </c>
      <c r="Q25022">
        <v>42</v>
      </c>
      <c r="R25022">
        <v>42</v>
      </c>
      <c r="S25022">
        <v>43</v>
      </c>
      <c r="T25022">
        <v>43</v>
      </c>
      <c r="U25022">
        <v>44</v>
      </c>
      <c r="V25022">
        <v>44</v>
      </c>
      <c r="W25022">
        <v>45</v>
      </c>
      <c r="X25022">
        <v>45</v>
      </c>
      <c r="Y25022">
        <v>46</v>
      </c>
      <c r="Z25022">
        <v>46</v>
      </c>
      <c r="AA25022">
        <v>47</v>
      </c>
      <c r="AB25022">
        <v>47</v>
      </c>
      <c r="AC25022">
        <v>48</v>
      </c>
      <c r="AD25022">
        <v>48</v>
      </c>
      <c r="AE25022">
        <v>49</v>
      </c>
      <c r="AF25022">
        <v>49</v>
      </c>
      <c r="AG25022">
        <v>49</v>
      </c>
      <c r="AH25022">
        <v>50</v>
      </c>
      <c r="AI25022">
        <v>50</v>
      </c>
      <c r="AJ25022">
        <v>51</v>
      </c>
      <c r="AK25022">
        <v>51</v>
      </c>
      <c r="AL25022">
        <v>51</v>
      </c>
      <c r="AM25022">
        <v>51</v>
      </c>
      <c r="AN25022">
        <v>51</v>
      </c>
      <c r="AO25022">
        <v>51</v>
      </c>
      <c r="AP25022">
        <v>51</v>
      </c>
      <c r="AQ25022">
        <v>51</v>
      </c>
    </row>
    <row r="25023" spans="1:43">
      <c r="A25023" t="s">
        <v>15487</v>
      </c>
      <c r="B25023" t="s">
        <v>15488</v>
      </c>
      <c r="C25023" t="s">
        <v>15489</v>
      </c>
      <c r="D25023" t="s">
        <v>15490</v>
      </c>
      <c r="E25023" t="s">
        <v>15475</v>
      </c>
      <c r="F25023" t="s">
        <v>15476</v>
      </c>
      <c r="G25023" t="s">
        <v>10734</v>
      </c>
      <c r="H25023" t="s">
        <v>10735</v>
      </c>
      <c r="I25023" s="2">
        <v>1</v>
      </c>
      <c r="J25023" s="2">
        <v>0</v>
      </c>
      <c r="K25023" s="2">
        <v>0</v>
      </c>
      <c r="L25023" t="s">
        <v>120</v>
      </c>
      <c r="M25023" t="s">
        <v>87</v>
      </c>
      <c r="N25023" t="s">
        <v>88</v>
      </c>
      <c r="O25023" t="s">
        <v>85</v>
      </c>
      <c r="P25023" t="s">
        <v>86</v>
      </c>
      <c r="Q25023">
        <v>42</v>
      </c>
      <c r="R25023">
        <v>42</v>
      </c>
      <c r="S25023">
        <v>43</v>
      </c>
      <c r="T25023">
        <v>43</v>
      </c>
      <c r="U25023">
        <v>43</v>
      </c>
      <c r="V25023">
        <v>43</v>
      </c>
      <c r="W25023">
        <v>43</v>
      </c>
      <c r="X25023">
        <v>43</v>
      </c>
      <c r="Y25023">
        <v>43</v>
      </c>
      <c r="Z25023">
        <v>43</v>
      </c>
      <c r="AA25023">
        <v>44</v>
      </c>
      <c r="AB25023">
        <v>44</v>
      </c>
      <c r="AC25023">
        <v>44</v>
      </c>
      <c r="AD25023">
        <v>44</v>
      </c>
      <c r="AE25023">
        <v>44</v>
      </c>
      <c r="AF25023">
        <v>44</v>
      </c>
      <c r="AG25023">
        <v>44</v>
      </c>
      <c r="AH25023">
        <v>44</v>
      </c>
      <c r="AI25023">
        <v>45</v>
      </c>
      <c r="AJ25023">
        <v>45</v>
      </c>
      <c r="AK25023">
        <v>45</v>
      </c>
      <c r="AL25023">
        <v>45</v>
      </c>
      <c r="AM25023">
        <v>45</v>
      </c>
      <c r="AN25023">
        <v>45</v>
      </c>
      <c r="AO25023">
        <v>45</v>
      </c>
      <c r="AP25023">
        <v>45</v>
      </c>
      <c r="AQ25023">
        <v>45</v>
      </c>
    </row>
    <row r="25024" spans="1:43">
      <c r="A25024" t="s">
        <v>15487</v>
      </c>
      <c r="B25024" t="s">
        <v>15488</v>
      </c>
      <c r="C25024" t="s">
        <v>15489</v>
      </c>
      <c r="D25024" t="s">
        <v>15490</v>
      </c>
      <c r="E25024" t="s">
        <v>15475</v>
      </c>
      <c r="F25024" t="s">
        <v>15476</v>
      </c>
      <c r="G25024" t="s">
        <v>10734</v>
      </c>
      <c r="H25024" t="s">
        <v>10735</v>
      </c>
      <c r="I25024" s="2">
        <v>1</v>
      </c>
      <c r="J25024" s="2">
        <v>0</v>
      </c>
      <c r="K25024" s="2">
        <v>0</v>
      </c>
      <c r="L25024" t="s">
        <v>120</v>
      </c>
      <c r="M25024" t="s">
        <v>89</v>
      </c>
      <c r="N25024" t="s">
        <v>90</v>
      </c>
      <c r="O25024" t="s">
        <v>85</v>
      </c>
      <c r="P25024" t="s">
        <v>86</v>
      </c>
      <c r="Q25024">
        <v>42</v>
      </c>
      <c r="R25024">
        <v>43</v>
      </c>
      <c r="S25024">
        <v>44</v>
      </c>
      <c r="T25024">
        <v>45</v>
      </c>
      <c r="U25024">
        <v>46</v>
      </c>
      <c r="V25024">
        <v>46</v>
      </c>
      <c r="W25024">
        <v>47</v>
      </c>
      <c r="X25024">
        <v>48</v>
      </c>
      <c r="Y25024">
        <v>48</v>
      </c>
      <c r="Z25024">
        <v>49</v>
      </c>
      <c r="AA25024">
        <v>50</v>
      </c>
      <c r="AB25024">
        <v>50</v>
      </c>
      <c r="AC25024">
        <v>51</v>
      </c>
      <c r="AD25024">
        <v>52</v>
      </c>
      <c r="AE25024">
        <v>52</v>
      </c>
      <c r="AF25024">
        <v>52</v>
      </c>
      <c r="AG25024">
        <v>52</v>
      </c>
      <c r="AH25024">
        <v>52</v>
      </c>
      <c r="AI25024">
        <v>52</v>
      </c>
      <c r="AJ25024">
        <v>52</v>
      </c>
      <c r="AK25024">
        <v>52</v>
      </c>
      <c r="AL25024">
        <v>52</v>
      </c>
      <c r="AM25024">
        <v>52</v>
      </c>
      <c r="AN25024">
        <v>52</v>
      </c>
      <c r="AO25024">
        <v>52</v>
      </c>
      <c r="AP25024">
        <v>51</v>
      </c>
      <c r="AQ25024">
        <v>51</v>
      </c>
    </row>
    <row r="25025" spans="1:43">
      <c r="A25025" t="s">
        <v>15487</v>
      </c>
      <c r="B25025" t="s">
        <v>15488</v>
      </c>
      <c r="C25025" t="s">
        <v>15489</v>
      </c>
      <c r="D25025" t="s">
        <v>15490</v>
      </c>
      <c r="E25025" t="s">
        <v>15475</v>
      </c>
      <c r="F25025" t="s">
        <v>15476</v>
      </c>
      <c r="G25025" t="s">
        <v>10734</v>
      </c>
      <c r="H25025" t="s">
        <v>10735</v>
      </c>
      <c r="I25025" s="2">
        <v>1</v>
      </c>
      <c r="J25025" s="2">
        <v>0</v>
      </c>
      <c r="K25025" s="2">
        <v>0</v>
      </c>
      <c r="L25025" t="s">
        <v>120</v>
      </c>
      <c r="M25025" t="s">
        <v>83</v>
      </c>
      <c r="N25025" t="s">
        <v>91</v>
      </c>
      <c r="O25025" t="s">
        <v>85</v>
      </c>
      <c r="P25025" t="s">
        <v>86</v>
      </c>
      <c r="Q25025">
        <v>42</v>
      </c>
      <c r="R25025">
        <v>42</v>
      </c>
      <c r="S25025">
        <v>43</v>
      </c>
      <c r="T25025">
        <v>43</v>
      </c>
      <c r="U25025">
        <v>44</v>
      </c>
      <c r="V25025">
        <v>44</v>
      </c>
      <c r="W25025">
        <v>45</v>
      </c>
      <c r="X25025">
        <v>45</v>
      </c>
      <c r="Y25025">
        <v>46</v>
      </c>
      <c r="Z25025">
        <v>46</v>
      </c>
      <c r="AA25025">
        <v>47</v>
      </c>
      <c r="AB25025">
        <v>47</v>
      </c>
      <c r="AC25025">
        <v>48</v>
      </c>
      <c r="AD25025">
        <v>48</v>
      </c>
      <c r="AE25025">
        <v>49</v>
      </c>
      <c r="AF25025">
        <v>49</v>
      </c>
      <c r="AG25025">
        <v>49</v>
      </c>
      <c r="AH25025">
        <v>50</v>
      </c>
      <c r="AI25025">
        <v>50</v>
      </c>
      <c r="AJ25025">
        <v>51</v>
      </c>
      <c r="AK25025">
        <v>51</v>
      </c>
      <c r="AL25025">
        <v>51</v>
      </c>
      <c r="AM25025">
        <v>51</v>
      </c>
      <c r="AN25025">
        <v>51</v>
      </c>
      <c r="AO25025">
        <v>51</v>
      </c>
      <c r="AP25025">
        <v>51</v>
      </c>
      <c r="AQ25025">
        <v>51</v>
      </c>
    </row>
    <row r="25026" spans="1:43">
      <c r="A25026" t="s">
        <v>15491</v>
      </c>
      <c r="B25026" t="s">
        <v>15492</v>
      </c>
      <c r="C25026" t="s">
        <v>15489</v>
      </c>
      <c r="D25026" t="s">
        <v>15490</v>
      </c>
      <c r="E25026" t="s">
        <v>15475</v>
      </c>
      <c r="F25026" t="s">
        <v>15476</v>
      </c>
      <c r="G25026" t="s">
        <v>10734</v>
      </c>
      <c r="H25026" t="s">
        <v>10735</v>
      </c>
      <c r="I25026" s="2">
        <v>1</v>
      </c>
      <c r="J25026" s="2">
        <v>0</v>
      </c>
      <c r="K25026" s="2">
        <v>0</v>
      </c>
      <c r="L25026" t="s">
        <v>120</v>
      </c>
      <c r="M25026" t="s">
        <v>83</v>
      </c>
      <c r="N25026" t="s">
        <v>84</v>
      </c>
      <c r="O25026" t="s">
        <v>85</v>
      </c>
      <c r="P25026" t="s">
        <v>86</v>
      </c>
      <c r="Q25026">
        <v>41</v>
      </c>
      <c r="R25026">
        <v>42</v>
      </c>
      <c r="S25026">
        <v>42</v>
      </c>
      <c r="T25026">
        <v>43</v>
      </c>
      <c r="U25026">
        <v>43</v>
      </c>
      <c r="V25026">
        <v>43</v>
      </c>
      <c r="W25026">
        <v>44</v>
      </c>
      <c r="X25026">
        <v>44</v>
      </c>
      <c r="Y25026">
        <v>45</v>
      </c>
      <c r="Z25026">
        <v>45</v>
      </c>
      <c r="AA25026">
        <v>46</v>
      </c>
      <c r="AB25026">
        <v>46</v>
      </c>
      <c r="AC25026">
        <v>47</v>
      </c>
      <c r="AD25026">
        <v>47</v>
      </c>
      <c r="AE25026">
        <v>47</v>
      </c>
      <c r="AF25026">
        <v>48</v>
      </c>
      <c r="AG25026">
        <v>48</v>
      </c>
      <c r="AH25026">
        <v>49</v>
      </c>
      <c r="AI25026">
        <v>49</v>
      </c>
      <c r="AJ25026">
        <v>49</v>
      </c>
      <c r="AK25026">
        <v>50</v>
      </c>
      <c r="AL25026">
        <v>50</v>
      </c>
      <c r="AM25026">
        <v>50</v>
      </c>
      <c r="AN25026">
        <v>50</v>
      </c>
      <c r="AO25026">
        <v>50</v>
      </c>
      <c r="AP25026">
        <v>50</v>
      </c>
      <c r="AQ25026">
        <v>50</v>
      </c>
    </row>
    <row r="25027" spans="1:43">
      <c r="A25027" t="s">
        <v>15491</v>
      </c>
      <c r="B25027" t="s">
        <v>15492</v>
      </c>
      <c r="C25027" t="s">
        <v>15489</v>
      </c>
      <c r="D25027" t="s">
        <v>15490</v>
      </c>
      <c r="E25027" t="s">
        <v>15475</v>
      </c>
      <c r="F25027" t="s">
        <v>15476</v>
      </c>
      <c r="G25027" t="s">
        <v>10734</v>
      </c>
      <c r="H25027" t="s">
        <v>10735</v>
      </c>
      <c r="I25027" s="2">
        <v>1</v>
      </c>
      <c r="J25027" s="2">
        <v>0</v>
      </c>
      <c r="K25027" s="2">
        <v>0</v>
      </c>
      <c r="L25027" t="s">
        <v>120</v>
      </c>
      <c r="M25027" t="s">
        <v>87</v>
      </c>
      <c r="N25027" t="s">
        <v>88</v>
      </c>
      <c r="O25027" t="s">
        <v>85</v>
      </c>
      <c r="P25027" t="s">
        <v>86</v>
      </c>
      <c r="Q25027">
        <v>41</v>
      </c>
      <c r="R25027">
        <v>41</v>
      </c>
      <c r="S25027">
        <v>41</v>
      </c>
      <c r="T25027">
        <v>41</v>
      </c>
      <c r="U25027">
        <v>41</v>
      </c>
      <c r="V25027">
        <v>41</v>
      </c>
      <c r="W25027">
        <v>41</v>
      </c>
      <c r="X25027">
        <v>41</v>
      </c>
      <c r="Y25027">
        <v>41</v>
      </c>
      <c r="Z25027">
        <v>42</v>
      </c>
      <c r="AA25027">
        <v>42</v>
      </c>
      <c r="AB25027">
        <v>42</v>
      </c>
      <c r="AC25027">
        <v>42</v>
      </c>
      <c r="AD25027">
        <v>42</v>
      </c>
      <c r="AE25027">
        <v>42</v>
      </c>
      <c r="AF25027">
        <v>42</v>
      </c>
      <c r="AG25027">
        <v>42</v>
      </c>
      <c r="AH25027">
        <v>42</v>
      </c>
      <c r="AI25027">
        <v>42</v>
      </c>
      <c r="AJ25027">
        <v>42</v>
      </c>
      <c r="AK25027">
        <v>43</v>
      </c>
      <c r="AL25027">
        <v>43</v>
      </c>
      <c r="AM25027">
        <v>43</v>
      </c>
      <c r="AN25027">
        <v>43</v>
      </c>
      <c r="AO25027">
        <v>43</v>
      </c>
      <c r="AP25027">
        <v>43</v>
      </c>
      <c r="AQ25027">
        <v>43</v>
      </c>
    </row>
    <row r="25028" spans="1:43">
      <c r="A25028" t="s">
        <v>15491</v>
      </c>
      <c r="B25028" t="s">
        <v>15492</v>
      </c>
      <c r="C25028" t="s">
        <v>15489</v>
      </c>
      <c r="D25028" t="s">
        <v>15490</v>
      </c>
      <c r="E25028" t="s">
        <v>15475</v>
      </c>
      <c r="F25028" t="s">
        <v>15476</v>
      </c>
      <c r="G25028" t="s">
        <v>10734</v>
      </c>
      <c r="H25028" t="s">
        <v>10735</v>
      </c>
      <c r="I25028" s="2">
        <v>1</v>
      </c>
      <c r="J25028" s="2">
        <v>0</v>
      </c>
      <c r="K25028" s="2">
        <v>0</v>
      </c>
      <c r="L25028" t="s">
        <v>120</v>
      </c>
      <c r="M25028" t="s">
        <v>89</v>
      </c>
      <c r="N25028" t="s">
        <v>90</v>
      </c>
      <c r="O25028" t="s">
        <v>85</v>
      </c>
      <c r="P25028" t="s">
        <v>86</v>
      </c>
      <c r="Q25028">
        <v>41</v>
      </c>
      <c r="R25028">
        <v>42</v>
      </c>
      <c r="S25028">
        <v>43</v>
      </c>
      <c r="T25028">
        <v>44</v>
      </c>
      <c r="U25028">
        <v>45</v>
      </c>
      <c r="V25028">
        <v>45</v>
      </c>
      <c r="W25028">
        <v>46</v>
      </c>
      <c r="X25028">
        <v>47</v>
      </c>
      <c r="Y25028">
        <v>47</v>
      </c>
      <c r="Z25028">
        <v>48</v>
      </c>
      <c r="AA25028">
        <v>49</v>
      </c>
      <c r="AB25028">
        <v>49</v>
      </c>
      <c r="AC25028">
        <v>50</v>
      </c>
      <c r="AD25028">
        <v>51</v>
      </c>
      <c r="AE25028">
        <v>51</v>
      </c>
      <c r="AF25028">
        <v>51</v>
      </c>
      <c r="AG25028">
        <v>51</v>
      </c>
      <c r="AH25028">
        <v>51</v>
      </c>
      <c r="AI25028">
        <v>51</v>
      </c>
      <c r="AJ25028">
        <v>51</v>
      </c>
      <c r="AK25028">
        <v>50</v>
      </c>
      <c r="AL25028">
        <v>50</v>
      </c>
      <c r="AM25028">
        <v>50</v>
      </c>
      <c r="AN25028">
        <v>50</v>
      </c>
      <c r="AO25028">
        <v>50</v>
      </c>
      <c r="AP25028">
        <v>50</v>
      </c>
      <c r="AQ25028">
        <v>50</v>
      </c>
    </row>
    <row r="25029" spans="1:43">
      <c r="A25029" t="s">
        <v>15491</v>
      </c>
      <c r="B25029" t="s">
        <v>15492</v>
      </c>
      <c r="C25029" t="s">
        <v>15489</v>
      </c>
      <c r="D25029" t="s">
        <v>15490</v>
      </c>
      <c r="E25029" t="s">
        <v>15475</v>
      </c>
      <c r="F25029" t="s">
        <v>15476</v>
      </c>
      <c r="G25029" t="s">
        <v>10734</v>
      </c>
      <c r="H25029" t="s">
        <v>10735</v>
      </c>
      <c r="I25029" s="2">
        <v>1</v>
      </c>
      <c r="J25029" s="2">
        <v>0</v>
      </c>
      <c r="K25029" s="2">
        <v>0</v>
      </c>
      <c r="L25029" t="s">
        <v>120</v>
      </c>
      <c r="M25029" t="s">
        <v>83</v>
      </c>
      <c r="N25029" t="s">
        <v>91</v>
      </c>
      <c r="O25029" t="s">
        <v>85</v>
      </c>
      <c r="P25029" t="s">
        <v>86</v>
      </c>
      <c r="Q25029">
        <v>41</v>
      </c>
      <c r="R25029">
        <v>42</v>
      </c>
      <c r="S25029">
        <v>42</v>
      </c>
      <c r="T25029">
        <v>43</v>
      </c>
      <c r="U25029">
        <v>43</v>
      </c>
      <c r="V25029">
        <v>43</v>
      </c>
      <c r="W25029">
        <v>44</v>
      </c>
      <c r="X25029">
        <v>44</v>
      </c>
      <c r="Y25029">
        <v>45</v>
      </c>
      <c r="Z25029">
        <v>45</v>
      </c>
      <c r="AA25029">
        <v>46</v>
      </c>
      <c r="AB25029">
        <v>46</v>
      </c>
      <c r="AC25029">
        <v>47</v>
      </c>
      <c r="AD25029">
        <v>47</v>
      </c>
      <c r="AE25029">
        <v>47</v>
      </c>
      <c r="AF25029">
        <v>48</v>
      </c>
      <c r="AG25029">
        <v>48</v>
      </c>
      <c r="AH25029">
        <v>49</v>
      </c>
      <c r="AI25029">
        <v>49</v>
      </c>
      <c r="AJ25029">
        <v>49</v>
      </c>
      <c r="AK25029">
        <v>50</v>
      </c>
      <c r="AL25029">
        <v>50</v>
      </c>
      <c r="AM25029">
        <v>50</v>
      </c>
      <c r="AN25029">
        <v>50</v>
      </c>
      <c r="AO25029">
        <v>50</v>
      </c>
      <c r="AP25029">
        <v>50</v>
      </c>
      <c r="AQ25029">
        <v>50</v>
      </c>
    </row>
    <row r="25030" spans="1:43">
      <c r="A25030" t="s">
        <v>15493</v>
      </c>
      <c r="B25030" t="s">
        <v>15494</v>
      </c>
      <c r="C25030" t="s">
        <v>15489</v>
      </c>
      <c r="D25030" t="s">
        <v>15490</v>
      </c>
      <c r="E25030" t="s">
        <v>15475</v>
      </c>
      <c r="F25030" t="s">
        <v>15476</v>
      </c>
      <c r="G25030" t="s">
        <v>10734</v>
      </c>
      <c r="H25030" t="s">
        <v>10735</v>
      </c>
      <c r="I25030" s="2">
        <v>1</v>
      </c>
      <c r="J25030" s="2">
        <v>0</v>
      </c>
      <c r="K25030" s="2">
        <v>0</v>
      </c>
      <c r="L25030" t="s">
        <v>120</v>
      </c>
      <c r="M25030" t="s">
        <v>83</v>
      </c>
      <c r="N25030" t="s">
        <v>84</v>
      </c>
      <c r="O25030" t="s">
        <v>85</v>
      </c>
      <c r="P25030" t="s">
        <v>86</v>
      </c>
      <c r="Q25030">
        <v>8</v>
      </c>
      <c r="R25030">
        <v>8</v>
      </c>
      <c r="S25030">
        <v>8</v>
      </c>
      <c r="T25030">
        <v>8</v>
      </c>
      <c r="U25030">
        <v>8</v>
      </c>
      <c r="V25030">
        <v>9</v>
      </c>
      <c r="W25030">
        <v>9</v>
      </c>
      <c r="X25030">
        <v>9</v>
      </c>
      <c r="Y25030">
        <v>9</v>
      </c>
      <c r="Z25030">
        <v>9</v>
      </c>
      <c r="AA25030">
        <v>9</v>
      </c>
      <c r="AB25030">
        <v>9</v>
      </c>
      <c r="AC25030">
        <v>9</v>
      </c>
      <c r="AD25030">
        <v>9</v>
      </c>
      <c r="AE25030">
        <v>9</v>
      </c>
      <c r="AF25030">
        <v>9</v>
      </c>
      <c r="AG25030">
        <v>10</v>
      </c>
      <c r="AH25030">
        <v>10</v>
      </c>
      <c r="AI25030">
        <v>10</v>
      </c>
      <c r="AJ25030">
        <v>10</v>
      </c>
      <c r="AK25030">
        <v>10</v>
      </c>
      <c r="AL25030">
        <v>10</v>
      </c>
      <c r="AM25030">
        <v>10</v>
      </c>
      <c r="AN25030">
        <v>10</v>
      </c>
      <c r="AO25030">
        <v>10</v>
      </c>
      <c r="AP25030">
        <v>10</v>
      </c>
      <c r="AQ25030">
        <v>10</v>
      </c>
    </row>
    <row r="25031" spans="1:43">
      <c r="A25031" t="s">
        <v>15493</v>
      </c>
      <c r="B25031" t="s">
        <v>15494</v>
      </c>
      <c r="C25031" t="s">
        <v>15489</v>
      </c>
      <c r="D25031" t="s">
        <v>15490</v>
      </c>
      <c r="E25031" t="s">
        <v>15475</v>
      </c>
      <c r="F25031" t="s">
        <v>15476</v>
      </c>
      <c r="G25031" t="s">
        <v>10734</v>
      </c>
      <c r="H25031" t="s">
        <v>10735</v>
      </c>
      <c r="I25031" s="2">
        <v>1</v>
      </c>
      <c r="J25031" s="2">
        <v>0</v>
      </c>
      <c r="K25031" s="2">
        <v>0</v>
      </c>
      <c r="L25031" t="s">
        <v>120</v>
      </c>
      <c r="M25031" t="s">
        <v>87</v>
      </c>
      <c r="N25031" t="s">
        <v>88</v>
      </c>
      <c r="O25031" t="s">
        <v>85</v>
      </c>
      <c r="P25031" t="s">
        <v>86</v>
      </c>
      <c r="Q25031">
        <v>8</v>
      </c>
      <c r="R25031">
        <v>8</v>
      </c>
      <c r="S25031">
        <v>8</v>
      </c>
      <c r="T25031">
        <v>8</v>
      </c>
      <c r="U25031">
        <v>8</v>
      </c>
      <c r="V25031">
        <v>8</v>
      </c>
      <c r="W25031">
        <v>8</v>
      </c>
      <c r="X25031">
        <v>8</v>
      </c>
      <c r="Y25031">
        <v>8</v>
      </c>
      <c r="Z25031">
        <v>8</v>
      </c>
      <c r="AA25031">
        <v>8</v>
      </c>
      <c r="AB25031">
        <v>8</v>
      </c>
      <c r="AC25031">
        <v>8</v>
      </c>
      <c r="AD25031">
        <v>8</v>
      </c>
      <c r="AE25031">
        <v>8</v>
      </c>
      <c r="AF25031">
        <v>8</v>
      </c>
      <c r="AG25031">
        <v>8</v>
      </c>
      <c r="AH25031">
        <v>8</v>
      </c>
      <c r="AI25031">
        <v>8</v>
      </c>
      <c r="AJ25031">
        <v>8</v>
      </c>
      <c r="AK25031">
        <v>8</v>
      </c>
      <c r="AL25031">
        <v>8</v>
      </c>
      <c r="AM25031">
        <v>8</v>
      </c>
      <c r="AN25031">
        <v>8</v>
      </c>
      <c r="AO25031">
        <v>8</v>
      </c>
      <c r="AP25031">
        <v>9</v>
      </c>
      <c r="AQ25031">
        <v>9</v>
      </c>
    </row>
    <row r="25032" spans="1:43">
      <c r="A25032" t="s">
        <v>15493</v>
      </c>
      <c r="B25032" t="s">
        <v>15494</v>
      </c>
      <c r="C25032" t="s">
        <v>15489</v>
      </c>
      <c r="D25032" t="s">
        <v>15490</v>
      </c>
      <c r="E25032" t="s">
        <v>15475</v>
      </c>
      <c r="F25032" t="s">
        <v>15476</v>
      </c>
      <c r="G25032" t="s">
        <v>10734</v>
      </c>
      <c r="H25032" t="s">
        <v>10735</v>
      </c>
      <c r="I25032" s="2">
        <v>1</v>
      </c>
      <c r="J25032" s="2">
        <v>0</v>
      </c>
      <c r="K25032" s="2">
        <v>0</v>
      </c>
      <c r="L25032" t="s">
        <v>120</v>
      </c>
      <c r="M25032" t="s">
        <v>89</v>
      </c>
      <c r="N25032" t="s">
        <v>90</v>
      </c>
      <c r="O25032" t="s">
        <v>85</v>
      </c>
      <c r="P25032" t="s">
        <v>86</v>
      </c>
      <c r="Q25032">
        <v>8</v>
      </c>
      <c r="R25032">
        <v>8</v>
      </c>
      <c r="S25032">
        <v>8</v>
      </c>
      <c r="T25032">
        <v>9</v>
      </c>
      <c r="U25032">
        <v>9</v>
      </c>
      <c r="V25032">
        <v>9</v>
      </c>
      <c r="W25032">
        <v>9</v>
      </c>
      <c r="X25032">
        <v>9</v>
      </c>
      <c r="Y25032">
        <v>9</v>
      </c>
      <c r="Z25032">
        <v>9</v>
      </c>
      <c r="AA25032">
        <v>10</v>
      </c>
      <c r="AB25032">
        <v>10</v>
      </c>
      <c r="AC25032">
        <v>10</v>
      </c>
      <c r="AD25032">
        <v>10</v>
      </c>
      <c r="AE25032">
        <v>10</v>
      </c>
      <c r="AF25032">
        <v>10</v>
      </c>
      <c r="AG25032">
        <v>10</v>
      </c>
      <c r="AH25032">
        <v>10</v>
      </c>
      <c r="AI25032">
        <v>10</v>
      </c>
      <c r="AJ25032">
        <v>10</v>
      </c>
      <c r="AK25032">
        <v>10</v>
      </c>
      <c r="AL25032">
        <v>10</v>
      </c>
      <c r="AM25032">
        <v>10</v>
      </c>
      <c r="AN25032">
        <v>10</v>
      </c>
      <c r="AO25032">
        <v>10</v>
      </c>
      <c r="AP25032">
        <v>10</v>
      </c>
      <c r="AQ25032">
        <v>10</v>
      </c>
    </row>
    <row r="25033" spans="1:43">
      <c r="A25033" t="s">
        <v>15493</v>
      </c>
      <c r="B25033" t="s">
        <v>15494</v>
      </c>
      <c r="C25033" t="s">
        <v>15489</v>
      </c>
      <c r="D25033" t="s">
        <v>15490</v>
      </c>
      <c r="E25033" t="s">
        <v>15475</v>
      </c>
      <c r="F25033" t="s">
        <v>15476</v>
      </c>
      <c r="G25033" t="s">
        <v>10734</v>
      </c>
      <c r="H25033" t="s">
        <v>10735</v>
      </c>
      <c r="I25033" s="2">
        <v>1</v>
      </c>
      <c r="J25033" s="2">
        <v>0</v>
      </c>
      <c r="K25033" s="2">
        <v>0</v>
      </c>
      <c r="L25033" t="s">
        <v>120</v>
      </c>
      <c r="M25033" t="s">
        <v>83</v>
      </c>
      <c r="N25033" t="s">
        <v>91</v>
      </c>
      <c r="O25033" t="s">
        <v>85</v>
      </c>
      <c r="P25033" t="s">
        <v>86</v>
      </c>
      <c r="Q25033">
        <v>8</v>
      </c>
      <c r="R25033">
        <v>8</v>
      </c>
      <c r="S25033">
        <v>8</v>
      </c>
      <c r="T25033">
        <v>8</v>
      </c>
      <c r="U25033">
        <v>8</v>
      </c>
      <c r="V25033">
        <v>9</v>
      </c>
      <c r="W25033">
        <v>9</v>
      </c>
      <c r="X25033">
        <v>9</v>
      </c>
      <c r="Y25033">
        <v>9</v>
      </c>
      <c r="Z25033">
        <v>9</v>
      </c>
      <c r="AA25033">
        <v>9</v>
      </c>
      <c r="AB25033">
        <v>9</v>
      </c>
      <c r="AC25033">
        <v>9</v>
      </c>
      <c r="AD25033">
        <v>9</v>
      </c>
      <c r="AE25033">
        <v>9</v>
      </c>
      <c r="AF25033">
        <v>9</v>
      </c>
      <c r="AG25033">
        <v>10</v>
      </c>
      <c r="AH25033">
        <v>10</v>
      </c>
      <c r="AI25033">
        <v>10</v>
      </c>
      <c r="AJ25033">
        <v>10</v>
      </c>
      <c r="AK25033">
        <v>10</v>
      </c>
      <c r="AL25033">
        <v>10</v>
      </c>
      <c r="AM25033">
        <v>10</v>
      </c>
      <c r="AN25033">
        <v>10</v>
      </c>
      <c r="AO25033">
        <v>10</v>
      </c>
      <c r="AP25033">
        <v>10</v>
      </c>
      <c r="AQ25033">
        <v>10</v>
      </c>
    </row>
    <row r="25034" spans="1:43">
      <c r="A25034" t="s">
        <v>15495</v>
      </c>
      <c r="B25034" t="s">
        <v>15496</v>
      </c>
      <c r="C25034" t="s">
        <v>15497</v>
      </c>
      <c r="D25034" t="s">
        <v>15498</v>
      </c>
      <c r="E25034" t="s">
        <v>15475</v>
      </c>
      <c r="F25034" t="s">
        <v>15476</v>
      </c>
      <c r="G25034" t="s">
        <v>10734</v>
      </c>
      <c r="H25034" t="s">
        <v>10735</v>
      </c>
      <c r="I25034" s="2">
        <v>1</v>
      </c>
      <c r="J25034" s="2">
        <v>0</v>
      </c>
      <c r="K25034" s="2">
        <v>0</v>
      </c>
      <c r="L25034" t="s">
        <v>120</v>
      </c>
      <c r="M25034" t="s">
        <v>83</v>
      </c>
      <c r="N25034" t="s">
        <v>84</v>
      </c>
      <c r="O25034" t="s">
        <v>85</v>
      </c>
      <c r="P25034" t="s">
        <v>86</v>
      </c>
      <c r="Q25034">
        <v>106</v>
      </c>
      <c r="R25034">
        <v>107</v>
      </c>
      <c r="S25034">
        <v>109</v>
      </c>
      <c r="T25034">
        <v>110</v>
      </c>
      <c r="U25034">
        <v>112</v>
      </c>
      <c r="V25034">
        <v>113</v>
      </c>
      <c r="W25034">
        <v>114</v>
      </c>
      <c r="X25034">
        <v>116</v>
      </c>
      <c r="Y25034">
        <v>117</v>
      </c>
      <c r="Z25034">
        <v>118</v>
      </c>
      <c r="AA25034">
        <v>120</v>
      </c>
      <c r="AB25034">
        <v>121</v>
      </c>
      <c r="AC25034">
        <v>122</v>
      </c>
      <c r="AD25034">
        <v>123</v>
      </c>
      <c r="AE25034">
        <v>125</v>
      </c>
      <c r="AF25034">
        <v>126</v>
      </c>
      <c r="AG25034">
        <v>127</v>
      </c>
      <c r="AH25034">
        <v>128</v>
      </c>
      <c r="AI25034">
        <v>129</v>
      </c>
      <c r="AJ25034">
        <v>131</v>
      </c>
      <c r="AK25034">
        <v>132</v>
      </c>
      <c r="AL25034">
        <v>132</v>
      </c>
      <c r="AM25034">
        <v>132</v>
      </c>
      <c r="AN25034">
        <v>132</v>
      </c>
      <c r="AO25034">
        <v>132</v>
      </c>
      <c r="AP25034">
        <v>133</v>
      </c>
      <c r="AQ25034">
        <v>133</v>
      </c>
    </row>
    <row r="25035" spans="1:43">
      <c r="A25035" t="s">
        <v>15495</v>
      </c>
      <c r="B25035" t="s">
        <v>15496</v>
      </c>
      <c r="C25035" t="s">
        <v>15497</v>
      </c>
      <c r="D25035" t="s">
        <v>15498</v>
      </c>
      <c r="E25035" t="s">
        <v>15475</v>
      </c>
      <c r="F25035" t="s">
        <v>15476</v>
      </c>
      <c r="G25035" t="s">
        <v>10734</v>
      </c>
      <c r="H25035" t="s">
        <v>10735</v>
      </c>
      <c r="I25035" s="2">
        <v>1</v>
      </c>
      <c r="J25035" s="2">
        <v>0</v>
      </c>
      <c r="K25035" s="2">
        <v>0</v>
      </c>
      <c r="L25035" t="s">
        <v>120</v>
      </c>
      <c r="M25035" t="s">
        <v>87</v>
      </c>
      <c r="N25035" t="s">
        <v>88</v>
      </c>
      <c r="O25035" t="s">
        <v>85</v>
      </c>
      <c r="P25035" t="s">
        <v>86</v>
      </c>
      <c r="Q25035">
        <v>106</v>
      </c>
      <c r="R25035">
        <v>106</v>
      </c>
      <c r="S25035">
        <v>107</v>
      </c>
      <c r="T25035">
        <v>107</v>
      </c>
      <c r="U25035">
        <v>108</v>
      </c>
      <c r="V25035">
        <v>108</v>
      </c>
      <c r="W25035">
        <v>108</v>
      </c>
      <c r="X25035">
        <v>109</v>
      </c>
      <c r="Y25035">
        <v>109</v>
      </c>
      <c r="Z25035">
        <v>110</v>
      </c>
      <c r="AA25035">
        <v>110</v>
      </c>
      <c r="AB25035">
        <v>111</v>
      </c>
      <c r="AC25035">
        <v>111</v>
      </c>
      <c r="AD25035">
        <v>111</v>
      </c>
      <c r="AE25035">
        <v>112</v>
      </c>
      <c r="AF25035">
        <v>112</v>
      </c>
      <c r="AG25035">
        <v>113</v>
      </c>
      <c r="AH25035">
        <v>113</v>
      </c>
      <c r="AI25035">
        <v>113</v>
      </c>
      <c r="AJ25035">
        <v>114</v>
      </c>
      <c r="AK25035">
        <v>114</v>
      </c>
      <c r="AL25035">
        <v>114</v>
      </c>
      <c r="AM25035">
        <v>115</v>
      </c>
      <c r="AN25035">
        <v>115</v>
      </c>
      <c r="AO25035">
        <v>115</v>
      </c>
      <c r="AP25035">
        <v>116</v>
      </c>
      <c r="AQ25035">
        <v>116</v>
      </c>
    </row>
    <row r="25036" spans="1:43">
      <c r="A25036" t="s">
        <v>15495</v>
      </c>
      <c r="B25036" t="s">
        <v>15496</v>
      </c>
      <c r="C25036" t="s">
        <v>15497</v>
      </c>
      <c r="D25036" t="s">
        <v>15498</v>
      </c>
      <c r="E25036" t="s">
        <v>15475</v>
      </c>
      <c r="F25036" t="s">
        <v>15476</v>
      </c>
      <c r="G25036" t="s">
        <v>10734</v>
      </c>
      <c r="H25036" t="s">
        <v>10735</v>
      </c>
      <c r="I25036" s="2">
        <v>1</v>
      </c>
      <c r="J25036" s="2">
        <v>0</v>
      </c>
      <c r="K25036" s="2">
        <v>0</v>
      </c>
      <c r="L25036" t="s">
        <v>120</v>
      </c>
      <c r="M25036" t="s">
        <v>89</v>
      </c>
      <c r="N25036" t="s">
        <v>90</v>
      </c>
      <c r="O25036" t="s">
        <v>85</v>
      </c>
      <c r="P25036" t="s">
        <v>86</v>
      </c>
      <c r="Q25036">
        <v>106</v>
      </c>
      <c r="R25036">
        <v>108</v>
      </c>
      <c r="S25036">
        <v>111</v>
      </c>
      <c r="T25036">
        <v>113</v>
      </c>
      <c r="U25036">
        <v>115</v>
      </c>
      <c r="V25036">
        <v>117</v>
      </c>
      <c r="W25036">
        <v>119</v>
      </c>
      <c r="X25036">
        <v>121</v>
      </c>
      <c r="Y25036">
        <v>123</v>
      </c>
      <c r="Z25036">
        <v>124</v>
      </c>
      <c r="AA25036">
        <v>126</v>
      </c>
      <c r="AB25036">
        <v>128</v>
      </c>
      <c r="AC25036">
        <v>130</v>
      </c>
      <c r="AD25036">
        <v>131</v>
      </c>
      <c r="AE25036">
        <v>132</v>
      </c>
      <c r="AF25036">
        <v>133</v>
      </c>
      <c r="AG25036">
        <v>133</v>
      </c>
      <c r="AH25036">
        <v>133</v>
      </c>
      <c r="AI25036">
        <v>133</v>
      </c>
      <c r="AJ25036">
        <v>133</v>
      </c>
      <c r="AK25036">
        <v>133</v>
      </c>
      <c r="AL25036">
        <v>133</v>
      </c>
      <c r="AM25036">
        <v>133</v>
      </c>
      <c r="AN25036">
        <v>133</v>
      </c>
      <c r="AO25036">
        <v>133</v>
      </c>
      <c r="AP25036">
        <v>133</v>
      </c>
      <c r="AQ25036">
        <v>133</v>
      </c>
    </row>
    <row r="25037" spans="1:43">
      <c r="A25037" t="s">
        <v>15495</v>
      </c>
      <c r="B25037" t="s">
        <v>15496</v>
      </c>
      <c r="C25037" t="s">
        <v>15497</v>
      </c>
      <c r="D25037" t="s">
        <v>15498</v>
      </c>
      <c r="E25037" t="s">
        <v>15475</v>
      </c>
      <c r="F25037" t="s">
        <v>15476</v>
      </c>
      <c r="G25037" t="s">
        <v>10734</v>
      </c>
      <c r="H25037" t="s">
        <v>10735</v>
      </c>
      <c r="I25037" s="2">
        <v>1</v>
      </c>
      <c r="J25037" s="2">
        <v>0</v>
      </c>
      <c r="K25037" s="2">
        <v>0</v>
      </c>
      <c r="L25037" t="s">
        <v>120</v>
      </c>
      <c r="M25037" t="s">
        <v>83</v>
      </c>
      <c r="N25037" t="s">
        <v>91</v>
      </c>
      <c r="O25037" t="s">
        <v>85</v>
      </c>
      <c r="P25037" t="s">
        <v>86</v>
      </c>
      <c r="Q25037">
        <v>106</v>
      </c>
      <c r="R25037">
        <v>107</v>
      </c>
      <c r="S25037">
        <v>109</v>
      </c>
      <c r="T25037">
        <v>110</v>
      </c>
      <c r="U25037">
        <v>112</v>
      </c>
      <c r="V25037">
        <v>113</v>
      </c>
      <c r="W25037">
        <v>114</v>
      </c>
      <c r="X25037">
        <v>116</v>
      </c>
      <c r="Y25037">
        <v>117</v>
      </c>
      <c r="Z25037">
        <v>118</v>
      </c>
      <c r="AA25037">
        <v>120</v>
      </c>
      <c r="AB25037">
        <v>121</v>
      </c>
      <c r="AC25037">
        <v>122</v>
      </c>
      <c r="AD25037">
        <v>123</v>
      </c>
      <c r="AE25037">
        <v>125</v>
      </c>
      <c r="AF25037">
        <v>126</v>
      </c>
      <c r="AG25037">
        <v>127</v>
      </c>
      <c r="AH25037">
        <v>128</v>
      </c>
      <c r="AI25037">
        <v>129</v>
      </c>
      <c r="AJ25037">
        <v>131</v>
      </c>
      <c r="AK25037">
        <v>132</v>
      </c>
      <c r="AL25037">
        <v>132</v>
      </c>
      <c r="AM25037">
        <v>132</v>
      </c>
      <c r="AN25037">
        <v>132</v>
      </c>
      <c r="AO25037">
        <v>132</v>
      </c>
      <c r="AP25037">
        <v>133</v>
      </c>
      <c r="AQ25037">
        <v>133</v>
      </c>
    </row>
    <row r="25038" spans="1:43">
      <c r="A25038" t="s">
        <v>15499</v>
      </c>
      <c r="B25038" t="s">
        <v>15500</v>
      </c>
      <c r="C25038" t="s">
        <v>15497</v>
      </c>
      <c r="D25038" t="s">
        <v>15498</v>
      </c>
      <c r="E25038" t="s">
        <v>15475</v>
      </c>
      <c r="F25038" t="s">
        <v>15476</v>
      </c>
      <c r="G25038" t="s">
        <v>10734</v>
      </c>
      <c r="H25038" t="s">
        <v>10735</v>
      </c>
      <c r="I25038" s="2">
        <v>1</v>
      </c>
      <c r="J25038" s="2">
        <v>0</v>
      </c>
      <c r="K25038" s="2">
        <v>0</v>
      </c>
      <c r="L25038" t="s">
        <v>120</v>
      </c>
      <c r="M25038" t="s">
        <v>83</v>
      </c>
      <c r="N25038" t="s">
        <v>84</v>
      </c>
      <c r="O25038" t="s">
        <v>85</v>
      </c>
      <c r="P25038" t="s">
        <v>86</v>
      </c>
      <c r="Q25038">
        <v>29</v>
      </c>
      <c r="R25038">
        <v>30</v>
      </c>
      <c r="S25038">
        <v>30</v>
      </c>
      <c r="T25038">
        <v>30</v>
      </c>
      <c r="U25038">
        <v>31</v>
      </c>
      <c r="V25038">
        <v>31</v>
      </c>
      <c r="W25038">
        <v>32</v>
      </c>
      <c r="X25038">
        <v>32</v>
      </c>
      <c r="Y25038">
        <v>32</v>
      </c>
      <c r="Z25038">
        <v>33</v>
      </c>
      <c r="AA25038">
        <v>33</v>
      </c>
      <c r="AB25038">
        <v>33</v>
      </c>
      <c r="AC25038">
        <v>34</v>
      </c>
      <c r="AD25038">
        <v>34</v>
      </c>
      <c r="AE25038">
        <v>34</v>
      </c>
      <c r="AF25038">
        <v>35</v>
      </c>
      <c r="AG25038">
        <v>35</v>
      </c>
      <c r="AH25038">
        <v>36</v>
      </c>
      <c r="AI25038">
        <v>36</v>
      </c>
      <c r="AJ25038">
        <v>36</v>
      </c>
      <c r="AK25038">
        <v>37</v>
      </c>
      <c r="AL25038">
        <v>37</v>
      </c>
      <c r="AM25038">
        <v>37</v>
      </c>
      <c r="AN25038">
        <v>37</v>
      </c>
      <c r="AO25038">
        <v>37</v>
      </c>
      <c r="AP25038">
        <v>37</v>
      </c>
      <c r="AQ25038">
        <v>37</v>
      </c>
    </row>
    <row r="25039" spans="1:43">
      <c r="A25039" t="s">
        <v>15499</v>
      </c>
      <c r="B25039" t="s">
        <v>15500</v>
      </c>
      <c r="C25039" t="s">
        <v>15497</v>
      </c>
      <c r="D25039" t="s">
        <v>15498</v>
      </c>
      <c r="E25039" t="s">
        <v>15475</v>
      </c>
      <c r="F25039" t="s">
        <v>15476</v>
      </c>
      <c r="G25039" t="s">
        <v>10734</v>
      </c>
      <c r="H25039" t="s">
        <v>10735</v>
      </c>
      <c r="I25039" s="2">
        <v>1</v>
      </c>
      <c r="J25039" s="2">
        <v>0</v>
      </c>
      <c r="K25039" s="2">
        <v>0</v>
      </c>
      <c r="L25039" t="s">
        <v>120</v>
      </c>
      <c r="M25039" t="s">
        <v>87</v>
      </c>
      <c r="N25039" t="s">
        <v>88</v>
      </c>
      <c r="O25039" t="s">
        <v>85</v>
      </c>
      <c r="P25039" t="s">
        <v>86</v>
      </c>
      <c r="Q25039">
        <v>29</v>
      </c>
      <c r="R25039">
        <v>29</v>
      </c>
      <c r="S25039">
        <v>29</v>
      </c>
      <c r="T25039">
        <v>29</v>
      </c>
      <c r="U25039">
        <v>29</v>
      </c>
      <c r="V25039">
        <v>29</v>
      </c>
      <c r="W25039">
        <v>30</v>
      </c>
      <c r="X25039">
        <v>30</v>
      </c>
      <c r="Y25039">
        <v>30</v>
      </c>
      <c r="Z25039">
        <v>30</v>
      </c>
      <c r="AA25039">
        <v>30</v>
      </c>
      <c r="AB25039">
        <v>30</v>
      </c>
      <c r="AC25039">
        <v>30</v>
      </c>
      <c r="AD25039">
        <v>30</v>
      </c>
      <c r="AE25039">
        <v>31</v>
      </c>
      <c r="AF25039">
        <v>31</v>
      </c>
      <c r="AG25039">
        <v>31</v>
      </c>
      <c r="AH25039">
        <v>31</v>
      </c>
      <c r="AI25039">
        <v>31</v>
      </c>
      <c r="AJ25039">
        <v>31</v>
      </c>
      <c r="AK25039">
        <v>31</v>
      </c>
      <c r="AL25039">
        <v>31</v>
      </c>
      <c r="AM25039">
        <v>31</v>
      </c>
      <c r="AN25039">
        <v>32</v>
      </c>
      <c r="AO25039">
        <v>32</v>
      </c>
      <c r="AP25039">
        <v>32</v>
      </c>
      <c r="AQ25039">
        <v>32</v>
      </c>
    </row>
    <row r="25040" spans="1:43">
      <c r="A25040" t="s">
        <v>15499</v>
      </c>
      <c r="B25040" t="s">
        <v>15500</v>
      </c>
      <c r="C25040" t="s">
        <v>15497</v>
      </c>
      <c r="D25040" t="s">
        <v>15498</v>
      </c>
      <c r="E25040" t="s">
        <v>15475</v>
      </c>
      <c r="F25040" t="s">
        <v>15476</v>
      </c>
      <c r="G25040" t="s">
        <v>10734</v>
      </c>
      <c r="H25040" t="s">
        <v>10735</v>
      </c>
      <c r="I25040" s="2">
        <v>1</v>
      </c>
      <c r="J25040" s="2">
        <v>0</v>
      </c>
      <c r="K25040" s="2">
        <v>0</v>
      </c>
      <c r="L25040" t="s">
        <v>120</v>
      </c>
      <c r="M25040" t="s">
        <v>89</v>
      </c>
      <c r="N25040" t="s">
        <v>90</v>
      </c>
      <c r="O25040" t="s">
        <v>85</v>
      </c>
      <c r="P25040" t="s">
        <v>86</v>
      </c>
      <c r="Q25040">
        <v>29</v>
      </c>
      <c r="R25040">
        <v>30</v>
      </c>
      <c r="S25040">
        <v>31</v>
      </c>
      <c r="T25040">
        <v>31</v>
      </c>
      <c r="U25040">
        <v>32</v>
      </c>
      <c r="V25040">
        <v>33</v>
      </c>
      <c r="W25040">
        <v>33</v>
      </c>
      <c r="X25040">
        <v>34</v>
      </c>
      <c r="Y25040">
        <v>34</v>
      </c>
      <c r="Z25040">
        <v>35</v>
      </c>
      <c r="AA25040">
        <v>35</v>
      </c>
      <c r="AB25040">
        <v>36</v>
      </c>
      <c r="AC25040">
        <v>36</v>
      </c>
      <c r="AD25040">
        <v>37</v>
      </c>
      <c r="AE25040">
        <v>37</v>
      </c>
      <c r="AF25040">
        <v>37</v>
      </c>
      <c r="AG25040">
        <v>37</v>
      </c>
      <c r="AH25040">
        <v>37</v>
      </c>
      <c r="AI25040">
        <v>37</v>
      </c>
      <c r="AJ25040">
        <v>37</v>
      </c>
      <c r="AK25040">
        <v>37</v>
      </c>
      <c r="AL25040">
        <v>37</v>
      </c>
      <c r="AM25040">
        <v>38</v>
      </c>
      <c r="AN25040">
        <v>38</v>
      </c>
      <c r="AO25040">
        <v>38</v>
      </c>
      <c r="AP25040">
        <v>38</v>
      </c>
      <c r="AQ25040">
        <v>38</v>
      </c>
    </row>
    <row r="25041" spans="1:43">
      <c r="A25041" t="s">
        <v>15499</v>
      </c>
      <c r="B25041" t="s">
        <v>15500</v>
      </c>
      <c r="C25041" t="s">
        <v>15497</v>
      </c>
      <c r="D25041" t="s">
        <v>15498</v>
      </c>
      <c r="E25041" t="s">
        <v>15475</v>
      </c>
      <c r="F25041" t="s">
        <v>15476</v>
      </c>
      <c r="G25041" t="s">
        <v>10734</v>
      </c>
      <c r="H25041" t="s">
        <v>10735</v>
      </c>
      <c r="I25041" s="2">
        <v>1</v>
      </c>
      <c r="J25041" s="2">
        <v>0</v>
      </c>
      <c r="K25041" s="2">
        <v>0</v>
      </c>
      <c r="L25041" t="s">
        <v>120</v>
      </c>
      <c r="M25041" t="s">
        <v>83</v>
      </c>
      <c r="N25041" t="s">
        <v>91</v>
      </c>
      <c r="O25041" t="s">
        <v>85</v>
      </c>
      <c r="P25041" t="s">
        <v>86</v>
      </c>
      <c r="Q25041">
        <v>29</v>
      </c>
      <c r="R25041">
        <v>30</v>
      </c>
      <c r="S25041">
        <v>30</v>
      </c>
      <c r="T25041">
        <v>30</v>
      </c>
      <c r="U25041">
        <v>31</v>
      </c>
      <c r="V25041">
        <v>31</v>
      </c>
      <c r="W25041">
        <v>32</v>
      </c>
      <c r="X25041">
        <v>32</v>
      </c>
      <c r="Y25041">
        <v>32</v>
      </c>
      <c r="Z25041">
        <v>33</v>
      </c>
      <c r="AA25041">
        <v>33</v>
      </c>
      <c r="AB25041">
        <v>33</v>
      </c>
      <c r="AC25041">
        <v>34</v>
      </c>
      <c r="AD25041">
        <v>34</v>
      </c>
      <c r="AE25041">
        <v>34</v>
      </c>
      <c r="AF25041">
        <v>35</v>
      </c>
      <c r="AG25041">
        <v>35</v>
      </c>
      <c r="AH25041">
        <v>36</v>
      </c>
      <c r="AI25041">
        <v>36</v>
      </c>
      <c r="AJ25041">
        <v>36</v>
      </c>
      <c r="AK25041">
        <v>37</v>
      </c>
      <c r="AL25041">
        <v>37</v>
      </c>
      <c r="AM25041">
        <v>37</v>
      </c>
      <c r="AN25041">
        <v>37</v>
      </c>
      <c r="AO25041">
        <v>37</v>
      </c>
      <c r="AP25041">
        <v>37</v>
      </c>
      <c r="AQ25041">
        <v>37</v>
      </c>
    </row>
    <row r="25042" spans="1:43">
      <c r="A25042" t="s">
        <v>15501</v>
      </c>
      <c r="B25042" t="s">
        <v>15502</v>
      </c>
      <c r="C25042" t="s">
        <v>15497</v>
      </c>
      <c r="D25042" t="s">
        <v>15498</v>
      </c>
      <c r="E25042" t="s">
        <v>15475</v>
      </c>
      <c r="F25042" t="s">
        <v>15476</v>
      </c>
      <c r="G25042" t="s">
        <v>10734</v>
      </c>
      <c r="H25042" t="s">
        <v>10735</v>
      </c>
      <c r="I25042" s="2">
        <v>1</v>
      </c>
      <c r="J25042" s="2">
        <v>0</v>
      </c>
      <c r="K25042" s="2">
        <v>0</v>
      </c>
      <c r="L25042" t="s">
        <v>120</v>
      </c>
      <c r="M25042" t="s">
        <v>83</v>
      </c>
      <c r="N25042" t="s">
        <v>84</v>
      </c>
      <c r="O25042" t="s">
        <v>85</v>
      </c>
      <c r="P25042" t="s">
        <v>86</v>
      </c>
      <c r="Q25042">
        <v>125</v>
      </c>
      <c r="R25042">
        <v>126</v>
      </c>
      <c r="S25042">
        <v>128</v>
      </c>
      <c r="T25042">
        <v>130</v>
      </c>
      <c r="U25042">
        <v>131</v>
      </c>
      <c r="V25042">
        <v>133</v>
      </c>
      <c r="W25042">
        <v>134</v>
      </c>
      <c r="X25042">
        <v>136</v>
      </c>
      <c r="Y25042">
        <v>138</v>
      </c>
      <c r="Z25042">
        <v>139</v>
      </c>
      <c r="AA25042">
        <v>141</v>
      </c>
      <c r="AB25042">
        <v>142</v>
      </c>
      <c r="AC25042">
        <v>143</v>
      </c>
      <c r="AD25042">
        <v>145</v>
      </c>
      <c r="AE25042">
        <v>146</v>
      </c>
      <c r="AF25042">
        <v>148</v>
      </c>
      <c r="AG25042">
        <v>149</v>
      </c>
      <c r="AH25042">
        <v>151</v>
      </c>
      <c r="AI25042">
        <v>152</v>
      </c>
      <c r="AJ25042">
        <v>153</v>
      </c>
      <c r="AK25042">
        <v>155</v>
      </c>
      <c r="AL25042">
        <v>155</v>
      </c>
      <c r="AM25042">
        <v>155</v>
      </c>
      <c r="AN25042">
        <v>155</v>
      </c>
      <c r="AO25042">
        <v>155</v>
      </c>
      <c r="AP25042">
        <v>155</v>
      </c>
      <c r="AQ25042">
        <v>155</v>
      </c>
    </row>
    <row r="25043" spans="1:43">
      <c r="A25043" t="s">
        <v>15501</v>
      </c>
      <c r="B25043" t="s">
        <v>15502</v>
      </c>
      <c r="C25043" t="s">
        <v>15497</v>
      </c>
      <c r="D25043" t="s">
        <v>15498</v>
      </c>
      <c r="E25043" t="s">
        <v>15475</v>
      </c>
      <c r="F25043" t="s">
        <v>15476</v>
      </c>
      <c r="G25043" t="s">
        <v>10734</v>
      </c>
      <c r="H25043" t="s">
        <v>10735</v>
      </c>
      <c r="I25043" s="2">
        <v>1</v>
      </c>
      <c r="J25043" s="2">
        <v>0</v>
      </c>
      <c r="K25043" s="2">
        <v>0</v>
      </c>
      <c r="L25043" t="s">
        <v>120</v>
      </c>
      <c r="M25043" t="s">
        <v>87</v>
      </c>
      <c r="N25043" t="s">
        <v>88</v>
      </c>
      <c r="O25043" t="s">
        <v>85</v>
      </c>
      <c r="P25043" t="s">
        <v>86</v>
      </c>
      <c r="Q25043">
        <v>125</v>
      </c>
      <c r="R25043">
        <v>126</v>
      </c>
      <c r="S25043">
        <v>126</v>
      </c>
      <c r="T25043">
        <v>127</v>
      </c>
      <c r="U25043">
        <v>127</v>
      </c>
      <c r="V25043">
        <v>128</v>
      </c>
      <c r="W25043">
        <v>128</v>
      </c>
      <c r="X25043">
        <v>129</v>
      </c>
      <c r="Y25043">
        <v>129</v>
      </c>
      <c r="Z25043">
        <v>130</v>
      </c>
      <c r="AA25043">
        <v>130</v>
      </c>
      <c r="AB25043">
        <v>131</v>
      </c>
      <c r="AC25043">
        <v>131</v>
      </c>
      <c r="AD25043">
        <v>131</v>
      </c>
      <c r="AE25043">
        <v>132</v>
      </c>
      <c r="AF25043">
        <v>132</v>
      </c>
      <c r="AG25043">
        <v>133</v>
      </c>
      <c r="AH25043">
        <v>133</v>
      </c>
      <c r="AI25043">
        <v>134</v>
      </c>
      <c r="AJ25043">
        <v>134</v>
      </c>
      <c r="AK25043">
        <v>134</v>
      </c>
      <c r="AL25043">
        <v>135</v>
      </c>
      <c r="AM25043">
        <v>135</v>
      </c>
      <c r="AN25043">
        <v>136</v>
      </c>
      <c r="AO25043">
        <v>136</v>
      </c>
      <c r="AP25043">
        <v>136</v>
      </c>
      <c r="AQ25043">
        <v>137</v>
      </c>
    </row>
    <row r="25044" spans="1:43">
      <c r="A25044" t="s">
        <v>15501</v>
      </c>
      <c r="B25044" t="s">
        <v>15502</v>
      </c>
      <c r="C25044" t="s">
        <v>15497</v>
      </c>
      <c r="D25044" t="s">
        <v>15498</v>
      </c>
      <c r="E25044" t="s">
        <v>15475</v>
      </c>
      <c r="F25044" t="s">
        <v>15476</v>
      </c>
      <c r="G25044" t="s">
        <v>10734</v>
      </c>
      <c r="H25044" t="s">
        <v>10735</v>
      </c>
      <c r="I25044" s="2">
        <v>1</v>
      </c>
      <c r="J25044" s="2">
        <v>0</v>
      </c>
      <c r="K25044" s="2">
        <v>0</v>
      </c>
      <c r="L25044" t="s">
        <v>120</v>
      </c>
      <c r="M25044" t="s">
        <v>89</v>
      </c>
      <c r="N25044" t="s">
        <v>90</v>
      </c>
      <c r="O25044" t="s">
        <v>85</v>
      </c>
      <c r="P25044" t="s">
        <v>86</v>
      </c>
      <c r="Q25044">
        <v>125</v>
      </c>
      <c r="R25044">
        <v>128</v>
      </c>
      <c r="S25044">
        <v>130</v>
      </c>
      <c r="T25044">
        <v>133</v>
      </c>
      <c r="U25044">
        <v>135</v>
      </c>
      <c r="V25044">
        <v>138</v>
      </c>
      <c r="W25044">
        <v>140</v>
      </c>
      <c r="X25044">
        <v>142</v>
      </c>
      <c r="Y25044">
        <v>144</v>
      </c>
      <c r="Z25044">
        <v>146</v>
      </c>
      <c r="AA25044">
        <v>148</v>
      </c>
      <c r="AB25044">
        <v>150</v>
      </c>
      <c r="AC25044">
        <v>153</v>
      </c>
      <c r="AD25044">
        <v>155</v>
      </c>
      <c r="AE25044">
        <v>156</v>
      </c>
      <c r="AF25044">
        <v>156</v>
      </c>
      <c r="AG25044">
        <v>156</v>
      </c>
      <c r="AH25044">
        <v>156</v>
      </c>
      <c r="AI25044">
        <v>156</v>
      </c>
      <c r="AJ25044">
        <v>156</v>
      </c>
      <c r="AK25044">
        <v>156</v>
      </c>
      <c r="AL25044">
        <v>156</v>
      </c>
      <c r="AM25044">
        <v>156</v>
      </c>
      <c r="AN25044">
        <v>156</v>
      </c>
      <c r="AO25044">
        <v>156</v>
      </c>
      <c r="AP25044">
        <v>156</v>
      </c>
      <c r="AQ25044">
        <v>156</v>
      </c>
    </row>
    <row r="25045" spans="1:43">
      <c r="A25045" t="s">
        <v>15501</v>
      </c>
      <c r="B25045" t="s">
        <v>15502</v>
      </c>
      <c r="C25045" t="s">
        <v>15497</v>
      </c>
      <c r="D25045" t="s">
        <v>15498</v>
      </c>
      <c r="E25045" t="s">
        <v>15475</v>
      </c>
      <c r="F25045" t="s">
        <v>15476</v>
      </c>
      <c r="G25045" t="s">
        <v>10734</v>
      </c>
      <c r="H25045" t="s">
        <v>10735</v>
      </c>
      <c r="I25045" s="2">
        <v>1</v>
      </c>
      <c r="J25045" s="2">
        <v>0</v>
      </c>
      <c r="K25045" s="2">
        <v>0</v>
      </c>
      <c r="L25045" t="s">
        <v>120</v>
      </c>
      <c r="M25045" t="s">
        <v>83</v>
      </c>
      <c r="N25045" t="s">
        <v>91</v>
      </c>
      <c r="O25045" t="s">
        <v>85</v>
      </c>
      <c r="P25045" t="s">
        <v>86</v>
      </c>
      <c r="Q25045">
        <v>125</v>
      </c>
      <c r="R25045">
        <v>126</v>
      </c>
      <c r="S25045">
        <v>128</v>
      </c>
      <c r="T25045">
        <v>130</v>
      </c>
      <c r="U25045">
        <v>131</v>
      </c>
      <c r="V25045">
        <v>133</v>
      </c>
      <c r="W25045">
        <v>134</v>
      </c>
      <c r="X25045">
        <v>136</v>
      </c>
      <c r="Y25045">
        <v>138</v>
      </c>
      <c r="Z25045">
        <v>139</v>
      </c>
      <c r="AA25045">
        <v>141</v>
      </c>
      <c r="AB25045">
        <v>142</v>
      </c>
      <c r="AC25045">
        <v>143</v>
      </c>
      <c r="AD25045">
        <v>145</v>
      </c>
      <c r="AE25045">
        <v>146</v>
      </c>
      <c r="AF25045">
        <v>148</v>
      </c>
      <c r="AG25045">
        <v>149</v>
      </c>
      <c r="AH25045">
        <v>151</v>
      </c>
      <c r="AI25045">
        <v>152</v>
      </c>
      <c r="AJ25045">
        <v>153</v>
      </c>
      <c r="AK25045">
        <v>155</v>
      </c>
      <c r="AL25045">
        <v>155</v>
      </c>
      <c r="AM25045">
        <v>155</v>
      </c>
      <c r="AN25045">
        <v>155</v>
      </c>
      <c r="AO25045">
        <v>155</v>
      </c>
      <c r="AP25045">
        <v>155</v>
      </c>
      <c r="AQ25045">
        <v>155</v>
      </c>
    </row>
    <row r="25046" spans="1:43">
      <c r="A25046" t="s">
        <v>15503</v>
      </c>
      <c r="B25046" t="s">
        <v>15504</v>
      </c>
      <c r="C25046" t="s">
        <v>15497</v>
      </c>
      <c r="D25046" t="s">
        <v>15498</v>
      </c>
      <c r="E25046" t="s">
        <v>15475</v>
      </c>
      <c r="F25046" t="s">
        <v>15476</v>
      </c>
      <c r="G25046" t="s">
        <v>10734</v>
      </c>
      <c r="H25046" t="s">
        <v>10735</v>
      </c>
      <c r="I25046" s="2">
        <v>1</v>
      </c>
      <c r="J25046" s="2">
        <v>0</v>
      </c>
      <c r="K25046" s="2">
        <v>0</v>
      </c>
      <c r="L25046" t="s">
        <v>120</v>
      </c>
      <c r="M25046" t="s">
        <v>83</v>
      </c>
      <c r="N25046" t="s">
        <v>84</v>
      </c>
      <c r="O25046" t="s">
        <v>85</v>
      </c>
      <c r="P25046" t="s">
        <v>86</v>
      </c>
      <c r="Q25046">
        <v>55</v>
      </c>
      <c r="R25046">
        <v>56</v>
      </c>
      <c r="S25046">
        <v>57</v>
      </c>
      <c r="T25046">
        <v>58</v>
      </c>
      <c r="U25046">
        <v>58</v>
      </c>
      <c r="V25046">
        <v>59</v>
      </c>
      <c r="W25046">
        <v>60</v>
      </c>
      <c r="X25046">
        <v>61</v>
      </c>
      <c r="Y25046">
        <v>61</v>
      </c>
      <c r="Z25046">
        <v>62</v>
      </c>
      <c r="AA25046">
        <v>63</v>
      </c>
      <c r="AB25046">
        <v>63</v>
      </c>
      <c r="AC25046">
        <v>64</v>
      </c>
      <c r="AD25046">
        <v>65</v>
      </c>
      <c r="AE25046">
        <v>65</v>
      </c>
      <c r="AF25046">
        <v>66</v>
      </c>
      <c r="AG25046">
        <v>67</v>
      </c>
      <c r="AH25046">
        <v>68</v>
      </c>
      <c r="AI25046">
        <v>68</v>
      </c>
      <c r="AJ25046">
        <v>69</v>
      </c>
      <c r="AK25046">
        <v>70</v>
      </c>
      <c r="AL25046">
        <v>70</v>
      </c>
      <c r="AM25046">
        <v>70</v>
      </c>
      <c r="AN25046">
        <v>70</v>
      </c>
      <c r="AO25046">
        <v>70</v>
      </c>
      <c r="AP25046">
        <v>70</v>
      </c>
      <c r="AQ25046">
        <v>71</v>
      </c>
    </row>
    <row r="25047" spans="1:43">
      <c r="A25047" t="s">
        <v>15503</v>
      </c>
      <c r="B25047" t="s">
        <v>15504</v>
      </c>
      <c r="C25047" t="s">
        <v>15497</v>
      </c>
      <c r="D25047" t="s">
        <v>15498</v>
      </c>
      <c r="E25047" t="s">
        <v>15475</v>
      </c>
      <c r="F25047" t="s">
        <v>15476</v>
      </c>
      <c r="G25047" t="s">
        <v>10734</v>
      </c>
      <c r="H25047" t="s">
        <v>10735</v>
      </c>
      <c r="I25047" s="2">
        <v>1</v>
      </c>
      <c r="J25047" s="2">
        <v>0</v>
      </c>
      <c r="K25047" s="2">
        <v>0</v>
      </c>
      <c r="L25047" t="s">
        <v>120</v>
      </c>
      <c r="M25047" t="s">
        <v>87</v>
      </c>
      <c r="N25047" t="s">
        <v>88</v>
      </c>
      <c r="O25047" t="s">
        <v>85</v>
      </c>
      <c r="P25047" t="s">
        <v>86</v>
      </c>
      <c r="Q25047">
        <v>55</v>
      </c>
      <c r="R25047">
        <v>55</v>
      </c>
      <c r="S25047">
        <v>55</v>
      </c>
      <c r="T25047">
        <v>56</v>
      </c>
      <c r="U25047">
        <v>56</v>
      </c>
      <c r="V25047">
        <v>56</v>
      </c>
      <c r="W25047">
        <v>56</v>
      </c>
      <c r="X25047">
        <v>56</v>
      </c>
      <c r="Y25047">
        <v>57</v>
      </c>
      <c r="Z25047">
        <v>57</v>
      </c>
      <c r="AA25047">
        <v>57</v>
      </c>
      <c r="AB25047">
        <v>57</v>
      </c>
      <c r="AC25047">
        <v>58</v>
      </c>
      <c r="AD25047">
        <v>58</v>
      </c>
      <c r="AE25047">
        <v>58</v>
      </c>
      <c r="AF25047">
        <v>58</v>
      </c>
      <c r="AG25047">
        <v>58</v>
      </c>
      <c r="AH25047">
        <v>59</v>
      </c>
      <c r="AI25047">
        <v>59</v>
      </c>
      <c r="AJ25047">
        <v>59</v>
      </c>
      <c r="AK25047">
        <v>59</v>
      </c>
      <c r="AL25047">
        <v>60</v>
      </c>
      <c r="AM25047">
        <v>60</v>
      </c>
      <c r="AN25047">
        <v>60</v>
      </c>
      <c r="AO25047">
        <v>60</v>
      </c>
      <c r="AP25047">
        <v>60</v>
      </c>
      <c r="AQ25047">
        <v>61</v>
      </c>
    </row>
    <row r="25048" spans="1:43">
      <c r="A25048" t="s">
        <v>15503</v>
      </c>
      <c r="B25048" t="s">
        <v>15504</v>
      </c>
      <c r="C25048" t="s">
        <v>15497</v>
      </c>
      <c r="D25048" t="s">
        <v>15498</v>
      </c>
      <c r="E25048" t="s">
        <v>15475</v>
      </c>
      <c r="F25048" t="s">
        <v>15476</v>
      </c>
      <c r="G25048" t="s">
        <v>10734</v>
      </c>
      <c r="H25048" t="s">
        <v>10735</v>
      </c>
      <c r="I25048" s="2">
        <v>1</v>
      </c>
      <c r="J25048" s="2">
        <v>0</v>
      </c>
      <c r="K25048" s="2">
        <v>0</v>
      </c>
      <c r="L25048" t="s">
        <v>120</v>
      </c>
      <c r="M25048" t="s">
        <v>89</v>
      </c>
      <c r="N25048" t="s">
        <v>90</v>
      </c>
      <c r="O25048" t="s">
        <v>85</v>
      </c>
      <c r="P25048" t="s">
        <v>86</v>
      </c>
      <c r="Q25048">
        <v>55</v>
      </c>
      <c r="R25048">
        <v>56</v>
      </c>
      <c r="S25048">
        <v>57</v>
      </c>
      <c r="T25048">
        <v>58</v>
      </c>
      <c r="U25048">
        <v>60</v>
      </c>
      <c r="V25048">
        <v>61</v>
      </c>
      <c r="W25048">
        <v>62</v>
      </c>
      <c r="X25048">
        <v>63</v>
      </c>
      <c r="Y25048">
        <v>64</v>
      </c>
      <c r="Z25048">
        <v>65</v>
      </c>
      <c r="AA25048">
        <v>66</v>
      </c>
      <c r="AB25048">
        <v>67</v>
      </c>
      <c r="AC25048">
        <v>68</v>
      </c>
      <c r="AD25048">
        <v>69</v>
      </c>
      <c r="AE25048">
        <v>69</v>
      </c>
      <c r="AF25048">
        <v>69</v>
      </c>
      <c r="AG25048">
        <v>70</v>
      </c>
      <c r="AH25048">
        <v>70</v>
      </c>
      <c r="AI25048">
        <v>70</v>
      </c>
      <c r="AJ25048">
        <v>70</v>
      </c>
      <c r="AK25048">
        <v>70</v>
      </c>
      <c r="AL25048">
        <v>70</v>
      </c>
      <c r="AM25048">
        <v>70</v>
      </c>
      <c r="AN25048">
        <v>71</v>
      </c>
      <c r="AO25048">
        <v>71</v>
      </c>
      <c r="AP25048">
        <v>71</v>
      </c>
      <c r="AQ25048">
        <v>71</v>
      </c>
    </row>
    <row r="25049" spans="1:43">
      <c r="A25049" t="s">
        <v>15503</v>
      </c>
      <c r="B25049" t="s">
        <v>15504</v>
      </c>
      <c r="C25049" t="s">
        <v>15497</v>
      </c>
      <c r="D25049" t="s">
        <v>15498</v>
      </c>
      <c r="E25049" t="s">
        <v>15475</v>
      </c>
      <c r="F25049" t="s">
        <v>15476</v>
      </c>
      <c r="G25049" t="s">
        <v>10734</v>
      </c>
      <c r="H25049" t="s">
        <v>10735</v>
      </c>
      <c r="I25049" s="2">
        <v>1</v>
      </c>
      <c r="J25049" s="2">
        <v>0</v>
      </c>
      <c r="K25049" s="2">
        <v>0</v>
      </c>
      <c r="L25049" t="s">
        <v>120</v>
      </c>
      <c r="M25049" t="s">
        <v>83</v>
      </c>
      <c r="N25049" t="s">
        <v>91</v>
      </c>
      <c r="O25049" t="s">
        <v>85</v>
      </c>
      <c r="P25049" t="s">
        <v>86</v>
      </c>
      <c r="Q25049">
        <v>55</v>
      </c>
      <c r="R25049">
        <v>56</v>
      </c>
      <c r="S25049">
        <v>57</v>
      </c>
      <c r="T25049">
        <v>58</v>
      </c>
      <c r="U25049">
        <v>58</v>
      </c>
      <c r="V25049">
        <v>59</v>
      </c>
      <c r="W25049">
        <v>60</v>
      </c>
      <c r="X25049">
        <v>61</v>
      </c>
      <c r="Y25049">
        <v>61</v>
      </c>
      <c r="Z25049">
        <v>62</v>
      </c>
      <c r="AA25049">
        <v>63</v>
      </c>
      <c r="AB25049">
        <v>63</v>
      </c>
      <c r="AC25049">
        <v>64</v>
      </c>
      <c r="AD25049">
        <v>65</v>
      </c>
      <c r="AE25049">
        <v>65</v>
      </c>
      <c r="AF25049">
        <v>66</v>
      </c>
      <c r="AG25049">
        <v>67</v>
      </c>
      <c r="AH25049">
        <v>68</v>
      </c>
      <c r="AI25049">
        <v>68</v>
      </c>
      <c r="AJ25049">
        <v>69</v>
      </c>
      <c r="AK25049">
        <v>70</v>
      </c>
      <c r="AL25049">
        <v>70</v>
      </c>
      <c r="AM25049">
        <v>70</v>
      </c>
      <c r="AN25049">
        <v>70</v>
      </c>
      <c r="AO25049">
        <v>70</v>
      </c>
      <c r="AP25049">
        <v>70</v>
      </c>
      <c r="AQ25049">
        <v>71</v>
      </c>
    </row>
    <row r="25050" spans="1:43">
      <c r="A25050" t="s">
        <v>15505</v>
      </c>
      <c r="B25050" t="s">
        <v>15506</v>
      </c>
      <c r="C25050" t="s">
        <v>15507</v>
      </c>
      <c r="D25050" t="s">
        <v>15508</v>
      </c>
      <c r="E25050" t="s">
        <v>15475</v>
      </c>
      <c r="F25050" t="s">
        <v>15476</v>
      </c>
      <c r="G25050" t="s">
        <v>10734</v>
      </c>
      <c r="H25050" t="s">
        <v>10735</v>
      </c>
      <c r="I25050" s="2">
        <v>1</v>
      </c>
      <c r="J25050" s="2">
        <v>0</v>
      </c>
      <c r="K25050" s="2">
        <v>0</v>
      </c>
      <c r="L25050" t="s">
        <v>120</v>
      </c>
      <c r="M25050" t="s">
        <v>83</v>
      </c>
      <c r="N25050" t="s">
        <v>84</v>
      </c>
      <c r="O25050" t="s">
        <v>85</v>
      </c>
      <c r="P25050" t="s">
        <v>86</v>
      </c>
      <c r="Q25050">
        <v>41</v>
      </c>
      <c r="R25050">
        <v>42</v>
      </c>
      <c r="S25050">
        <v>42</v>
      </c>
      <c r="T25050">
        <v>43</v>
      </c>
      <c r="U25050">
        <v>44</v>
      </c>
      <c r="V25050">
        <v>44</v>
      </c>
      <c r="W25050">
        <v>45</v>
      </c>
      <c r="X25050">
        <v>45</v>
      </c>
      <c r="Y25050">
        <v>46</v>
      </c>
      <c r="Z25050">
        <v>46</v>
      </c>
      <c r="AA25050">
        <v>47</v>
      </c>
      <c r="AB25050">
        <v>47</v>
      </c>
      <c r="AC25050">
        <v>48</v>
      </c>
      <c r="AD25050">
        <v>48</v>
      </c>
      <c r="AE25050">
        <v>49</v>
      </c>
      <c r="AF25050">
        <v>49</v>
      </c>
      <c r="AG25050">
        <v>49</v>
      </c>
      <c r="AH25050">
        <v>50</v>
      </c>
      <c r="AI25050">
        <v>50</v>
      </c>
      <c r="AJ25050">
        <v>51</v>
      </c>
      <c r="AK25050">
        <v>51</v>
      </c>
      <c r="AL25050">
        <v>51</v>
      </c>
      <c r="AM25050">
        <v>51</v>
      </c>
      <c r="AN25050">
        <v>51</v>
      </c>
      <c r="AO25050">
        <v>51</v>
      </c>
      <c r="AP25050">
        <v>51</v>
      </c>
      <c r="AQ25050">
        <v>51</v>
      </c>
    </row>
    <row r="25051" spans="1:43">
      <c r="A25051" t="s">
        <v>15505</v>
      </c>
      <c r="B25051" t="s">
        <v>15506</v>
      </c>
      <c r="C25051" t="s">
        <v>15507</v>
      </c>
      <c r="D25051" t="s">
        <v>15508</v>
      </c>
      <c r="E25051" t="s">
        <v>15475</v>
      </c>
      <c r="F25051" t="s">
        <v>15476</v>
      </c>
      <c r="G25051" t="s">
        <v>10734</v>
      </c>
      <c r="H25051" t="s">
        <v>10735</v>
      </c>
      <c r="I25051" s="2">
        <v>1</v>
      </c>
      <c r="J25051" s="2">
        <v>0</v>
      </c>
      <c r="K25051" s="2">
        <v>0</v>
      </c>
      <c r="L25051" t="s">
        <v>120</v>
      </c>
      <c r="M25051" t="s">
        <v>87</v>
      </c>
      <c r="N25051" t="s">
        <v>88</v>
      </c>
      <c r="O25051" t="s">
        <v>85</v>
      </c>
      <c r="P25051" t="s">
        <v>86</v>
      </c>
      <c r="Q25051">
        <v>41</v>
      </c>
      <c r="R25051">
        <v>41</v>
      </c>
      <c r="S25051">
        <v>41</v>
      </c>
      <c r="T25051">
        <v>41</v>
      </c>
      <c r="U25051">
        <v>42</v>
      </c>
      <c r="V25051">
        <v>42</v>
      </c>
      <c r="W25051">
        <v>42</v>
      </c>
      <c r="X25051">
        <v>42</v>
      </c>
      <c r="Y25051">
        <v>42</v>
      </c>
      <c r="Z25051">
        <v>42</v>
      </c>
      <c r="AA25051">
        <v>43</v>
      </c>
      <c r="AB25051">
        <v>43</v>
      </c>
      <c r="AC25051">
        <v>43</v>
      </c>
      <c r="AD25051">
        <v>43</v>
      </c>
      <c r="AE25051">
        <v>43</v>
      </c>
      <c r="AF25051">
        <v>43</v>
      </c>
      <c r="AG25051">
        <v>44</v>
      </c>
      <c r="AH25051">
        <v>44</v>
      </c>
      <c r="AI25051">
        <v>44</v>
      </c>
      <c r="AJ25051">
        <v>44</v>
      </c>
      <c r="AK25051">
        <v>44</v>
      </c>
      <c r="AL25051">
        <v>44</v>
      </c>
      <c r="AM25051">
        <v>44</v>
      </c>
      <c r="AN25051">
        <v>45</v>
      </c>
      <c r="AO25051">
        <v>45</v>
      </c>
      <c r="AP25051">
        <v>45</v>
      </c>
      <c r="AQ25051">
        <v>45</v>
      </c>
    </row>
    <row r="25052" spans="1:43">
      <c r="A25052" t="s">
        <v>15505</v>
      </c>
      <c r="B25052" t="s">
        <v>15506</v>
      </c>
      <c r="C25052" t="s">
        <v>15507</v>
      </c>
      <c r="D25052" t="s">
        <v>15508</v>
      </c>
      <c r="E25052" t="s">
        <v>15475</v>
      </c>
      <c r="F25052" t="s">
        <v>15476</v>
      </c>
      <c r="G25052" t="s">
        <v>10734</v>
      </c>
      <c r="H25052" t="s">
        <v>10735</v>
      </c>
      <c r="I25052" s="2">
        <v>1</v>
      </c>
      <c r="J25052" s="2">
        <v>0</v>
      </c>
      <c r="K25052" s="2">
        <v>0</v>
      </c>
      <c r="L25052" t="s">
        <v>120</v>
      </c>
      <c r="M25052" t="s">
        <v>89</v>
      </c>
      <c r="N25052" t="s">
        <v>90</v>
      </c>
      <c r="O25052" t="s">
        <v>85</v>
      </c>
      <c r="P25052" t="s">
        <v>86</v>
      </c>
      <c r="Q25052">
        <v>41</v>
      </c>
      <c r="R25052">
        <v>42</v>
      </c>
      <c r="S25052">
        <v>43</v>
      </c>
      <c r="T25052">
        <v>43</v>
      </c>
      <c r="U25052">
        <v>44</v>
      </c>
      <c r="V25052">
        <v>45</v>
      </c>
      <c r="W25052">
        <v>46</v>
      </c>
      <c r="X25052">
        <v>46</v>
      </c>
      <c r="Y25052">
        <v>47</v>
      </c>
      <c r="Z25052">
        <v>48</v>
      </c>
      <c r="AA25052">
        <v>48</v>
      </c>
      <c r="AB25052">
        <v>49</v>
      </c>
      <c r="AC25052">
        <v>50</v>
      </c>
      <c r="AD25052">
        <v>50</v>
      </c>
      <c r="AE25052">
        <v>51</v>
      </c>
      <c r="AF25052">
        <v>51</v>
      </c>
      <c r="AG25052">
        <v>51</v>
      </c>
      <c r="AH25052">
        <v>51</v>
      </c>
      <c r="AI25052">
        <v>51</v>
      </c>
      <c r="AJ25052">
        <v>51</v>
      </c>
      <c r="AK25052">
        <v>51</v>
      </c>
      <c r="AL25052">
        <v>51</v>
      </c>
      <c r="AM25052">
        <v>51</v>
      </c>
      <c r="AN25052">
        <v>51</v>
      </c>
      <c r="AO25052">
        <v>51</v>
      </c>
      <c r="AP25052">
        <v>51</v>
      </c>
      <c r="AQ25052">
        <v>51</v>
      </c>
    </row>
    <row r="25053" spans="1:43">
      <c r="A25053" t="s">
        <v>15505</v>
      </c>
      <c r="B25053" t="s">
        <v>15506</v>
      </c>
      <c r="C25053" t="s">
        <v>15507</v>
      </c>
      <c r="D25053" t="s">
        <v>15508</v>
      </c>
      <c r="E25053" t="s">
        <v>15475</v>
      </c>
      <c r="F25053" t="s">
        <v>15476</v>
      </c>
      <c r="G25053" t="s">
        <v>10734</v>
      </c>
      <c r="H25053" t="s">
        <v>10735</v>
      </c>
      <c r="I25053" s="2">
        <v>1</v>
      </c>
      <c r="J25053" s="2">
        <v>0</v>
      </c>
      <c r="K25053" s="2">
        <v>0</v>
      </c>
      <c r="L25053" t="s">
        <v>120</v>
      </c>
      <c r="M25053" t="s">
        <v>83</v>
      </c>
      <c r="N25053" t="s">
        <v>91</v>
      </c>
      <c r="O25053" t="s">
        <v>85</v>
      </c>
      <c r="P25053" t="s">
        <v>86</v>
      </c>
      <c r="Q25053">
        <v>41</v>
      </c>
      <c r="R25053">
        <v>42</v>
      </c>
      <c r="S25053">
        <v>42</v>
      </c>
      <c r="T25053">
        <v>43</v>
      </c>
      <c r="U25053">
        <v>44</v>
      </c>
      <c r="V25053">
        <v>44</v>
      </c>
      <c r="W25053">
        <v>45</v>
      </c>
      <c r="X25053">
        <v>45</v>
      </c>
      <c r="Y25053">
        <v>46</v>
      </c>
      <c r="Z25053">
        <v>46</v>
      </c>
      <c r="AA25053">
        <v>47</v>
      </c>
      <c r="AB25053">
        <v>47</v>
      </c>
      <c r="AC25053">
        <v>48</v>
      </c>
      <c r="AD25053">
        <v>48</v>
      </c>
      <c r="AE25053">
        <v>49</v>
      </c>
      <c r="AF25053">
        <v>49</v>
      </c>
      <c r="AG25053">
        <v>49</v>
      </c>
      <c r="AH25053">
        <v>50</v>
      </c>
      <c r="AI25053">
        <v>50</v>
      </c>
      <c r="AJ25053">
        <v>51</v>
      </c>
      <c r="AK25053">
        <v>51</v>
      </c>
      <c r="AL25053">
        <v>51</v>
      </c>
      <c r="AM25053">
        <v>51</v>
      </c>
      <c r="AN25053">
        <v>51</v>
      </c>
      <c r="AO25053">
        <v>51</v>
      </c>
      <c r="AP25053">
        <v>51</v>
      </c>
      <c r="AQ25053">
        <v>51</v>
      </c>
    </row>
    <row r="25054" spans="1:43">
      <c r="A25054" t="s">
        <v>15509</v>
      </c>
      <c r="B25054" t="s">
        <v>15510</v>
      </c>
      <c r="C25054" t="s">
        <v>15507</v>
      </c>
      <c r="D25054" t="s">
        <v>15508</v>
      </c>
      <c r="E25054" t="s">
        <v>15475</v>
      </c>
      <c r="F25054" t="s">
        <v>15476</v>
      </c>
      <c r="G25054" t="s">
        <v>10734</v>
      </c>
      <c r="H25054" t="s">
        <v>10735</v>
      </c>
      <c r="I25054" s="2">
        <v>1</v>
      </c>
      <c r="J25054" s="2">
        <v>0</v>
      </c>
      <c r="K25054" s="2">
        <v>0</v>
      </c>
      <c r="L25054" t="s">
        <v>120</v>
      </c>
      <c r="M25054" t="s">
        <v>83</v>
      </c>
      <c r="N25054" t="s">
        <v>84</v>
      </c>
      <c r="O25054" t="s">
        <v>85</v>
      </c>
      <c r="P25054" t="s">
        <v>86</v>
      </c>
      <c r="Q25054">
        <v>25</v>
      </c>
      <c r="R25054">
        <v>25</v>
      </c>
      <c r="S25054">
        <v>26</v>
      </c>
      <c r="T25054">
        <v>26</v>
      </c>
      <c r="U25054">
        <v>26</v>
      </c>
      <c r="V25054">
        <v>27</v>
      </c>
      <c r="W25054">
        <v>27</v>
      </c>
      <c r="X25054">
        <v>27</v>
      </c>
      <c r="Y25054">
        <v>28</v>
      </c>
      <c r="Z25054">
        <v>28</v>
      </c>
      <c r="AA25054">
        <v>28</v>
      </c>
      <c r="AB25054">
        <v>28</v>
      </c>
      <c r="AC25054">
        <v>29</v>
      </c>
      <c r="AD25054">
        <v>29</v>
      </c>
      <c r="AE25054">
        <v>29</v>
      </c>
      <c r="AF25054">
        <v>30</v>
      </c>
      <c r="AG25054">
        <v>30</v>
      </c>
      <c r="AH25054">
        <v>30</v>
      </c>
      <c r="AI25054">
        <v>30</v>
      </c>
      <c r="AJ25054">
        <v>31</v>
      </c>
      <c r="AK25054">
        <v>31</v>
      </c>
      <c r="AL25054">
        <v>31</v>
      </c>
      <c r="AM25054">
        <v>31</v>
      </c>
      <c r="AN25054">
        <v>31</v>
      </c>
      <c r="AO25054">
        <v>31</v>
      </c>
      <c r="AP25054">
        <v>31</v>
      </c>
      <c r="AQ25054">
        <v>31</v>
      </c>
    </row>
    <row r="25055" spans="1:43">
      <c r="A25055" t="s">
        <v>15509</v>
      </c>
      <c r="B25055" t="s">
        <v>15510</v>
      </c>
      <c r="C25055" t="s">
        <v>15507</v>
      </c>
      <c r="D25055" t="s">
        <v>15508</v>
      </c>
      <c r="E25055" t="s">
        <v>15475</v>
      </c>
      <c r="F25055" t="s">
        <v>15476</v>
      </c>
      <c r="G25055" t="s">
        <v>10734</v>
      </c>
      <c r="H25055" t="s">
        <v>10735</v>
      </c>
      <c r="I25055" s="2">
        <v>1</v>
      </c>
      <c r="J25055" s="2">
        <v>0</v>
      </c>
      <c r="K25055" s="2">
        <v>0</v>
      </c>
      <c r="L25055" t="s">
        <v>120</v>
      </c>
      <c r="M25055" t="s">
        <v>87</v>
      </c>
      <c r="N25055" t="s">
        <v>88</v>
      </c>
      <c r="O25055" t="s">
        <v>85</v>
      </c>
      <c r="P25055" t="s">
        <v>86</v>
      </c>
      <c r="Q25055">
        <v>25</v>
      </c>
      <c r="R25055">
        <v>25</v>
      </c>
      <c r="S25055">
        <v>25</v>
      </c>
      <c r="T25055">
        <v>25</v>
      </c>
      <c r="U25055">
        <v>25</v>
      </c>
      <c r="V25055">
        <v>25</v>
      </c>
      <c r="W25055">
        <v>25</v>
      </c>
      <c r="X25055">
        <v>25</v>
      </c>
      <c r="Y25055">
        <v>26</v>
      </c>
      <c r="Z25055">
        <v>26</v>
      </c>
      <c r="AA25055">
        <v>26</v>
      </c>
      <c r="AB25055">
        <v>26</v>
      </c>
      <c r="AC25055">
        <v>26</v>
      </c>
      <c r="AD25055">
        <v>26</v>
      </c>
      <c r="AE25055">
        <v>26</v>
      </c>
      <c r="AF25055">
        <v>26</v>
      </c>
      <c r="AG25055">
        <v>26</v>
      </c>
      <c r="AH25055">
        <v>26</v>
      </c>
      <c r="AI25055">
        <v>26</v>
      </c>
      <c r="AJ25055">
        <v>26</v>
      </c>
      <c r="AK25055">
        <v>27</v>
      </c>
      <c r="AL25055">
        <v>27</v>
      </c>
      <c r="AM25055">
        <v>27</v>
      </c>
      <c r="AN25055">
        <v>27</v>
      </c>
      <c r="AO25055">
        <v>27</v>
      </c>
      <c r="AP25055">
        <v>27</v>
      </c>
      <c r="AQ25055">
        <v>27</v>
      </c>
    </row>
    <row r="25056" spans="1:43">
      <c r="A25056" t="s">
        <v>15509</v>
      </c>
      <c r="B25056" t="s">
        <v>15510</v>
      </c>
      <c r="C25056" t="s">
        <v>15507</v>
      </c>
      <c r="D25056" t="s">
        <v>15508</v>
      </c>
      <c r="E25056" t="s">
        <v>15475</v>
      </c>
      <c r="F25056" t="s">
        <v>15476</v>
      </c>
      <c r="G25056" t="s">
        <v>10734</v>
      </c>
      <c r="H25056" t="s">
        <v>10735</v>
      </c>
      <c r="I25056" s="2">
        <v>1</v>
      </c>
      <c r="J25056" s="2">
        <v>0</v>
      </c>
      <c r="K25056" s="2">
        <v>0</v>
      </c>
      <c r="L25056" t="s">
        <v>120</v>
      </c>
      <c r="M25056" t="s">
        <v>89</v>
      </c>
      <c r="N25056" t="s">
        <v>90</v>
      </c>
      <c r="O25056" t="s">
        <v>85</v>
      </c>
      <c r="P25056" t="s">
        <v>86</v>
      </c>
      <c r="Q25056">
        <v>25</v>
      </c>
      <c r="R25056">
        <v>26</v>
      </c>
      <c r="S25056">
        <v>26</v>
      </c>
      <c r="T25056">
        <v>27</v>
      </c>
      <c r="U25056">
        <v>27</v>
      </c>
      <c r="V25056">
        <v>28</v>
      </c>
      <c r="W25056">
        <v>28</v>
      </c>
      <c r="X25056">
        <v>29</v>
      </c>
      <c r="Y25056">
        <v>29</v>
      </c>
      <c r="Z25056">
        <v>29</v>
      </c>
      <c r="AA25056">
        <v>30</v>
      </c>
      <c r="AB25056">
        <v>30</v>
      </c>
      <c r="AC25056">
        <v>31</v>
      </c>
      <c r="AD25056">
        <v>31</v>
      </c>
      <c r="AE25056">
        <v>31</v>
      </c>
      <c r="AF25056">
        <v>31</v>
      </c>
      <c r="AG25056">
        <v>31</v>
      </c>
      <c r="AH25056">
        <v>31</v>
      </c>
      <c r="AI25056">
        <v>31</v>
      </c>
      <c r="AJ25056">
        <v>31</v>
      </c>
      <c r="AK25056">
        <v>31</v>
      </c>
      <c r="AL25056">
        <v>31</v>
      </c>
      <c r="AM25056">
        <v>31</v>
      </c>
      <c r="AN25056">
        <v>31</v>
      </c>
      <c r="AO25056">
        <v>31</v>
      </c>
      <c r="AP25056">
        <v>31</v>
      </c>
      <c r="AQ25056">
        <v>31</v>
      </c>
    </row>
    <row r="25057" spans="1:43">
      <c r="A25057" t="s">
        <v>15509</v>
      </c>
      <c r="B25057" t="s">
        <v>15510</v>
      </c>
      <c r="C25057" t="s">
        <v>15507</v>
      </c>
      <c r="D25057" t="s">
        <v>15508</v>
      </c>
      <c r="E25057" t="s">
        <v>15475</v>
      </c>
      <c r="F25057" t="s">
        <v>15476</v>
      </c>
      <c r="G25057" t="s">
        <v>10734</v>
      </c>
      <c r="H25057" t="s">
        <v>10735</v>
      </c>
      <c r="I25057" s="2">
        <v>1</v>
      </c>
      <c r="J25057" s="2">
        <v>0</v>
      </c>
      <c r="K25057" s="2">
        <v>0</v>
      </c>
      <c r="L25057" t="s">
        <v>120</v>
      </c>
      <c r="M25057" t="s">
        <v>83</v>
      </c>
      <c r="N25057" t="s">
        <v>91</v>
      </c>
      <c r="O25057" t="s">
        <v>85</v>
      </c>
      <c r="P25057" t="s">
        <v>86</v>
      </c>
      <c r="Q25057">
        <v>25</v>
      </c>
      <c r="R25057">
        <v>25</v>
      </c>
      <c r="S25057">
        <v>26</v>
      </c>
      <c r="T25057">
        <v>26</v>
      </c>
      <c r="U25057">
        <v>26</v>
      </c>
      <c r="V25057">
        <v>27</v>
      </c>
      <c r="W25057">
        <v>27</v>
      </c>
      <c r="X25057">
        <v>27</v>
      </c>
      <c r="Y25057">
        <v>28</v>
      </c>
      <c r="Z25057">
        <v>28</v>
      </c>
      <c r="AA25057">
        <v>28</v>
      </c>
      <c r="AB25057">
        <v>28</v>
      </c>
      <c r="AC25057">
        <v>29</v>
      </c>
      <c r="AD25057">
        <v>29</v>
      </c>
      <c r="AE25057">
        <v>29</v>
      </c>
      <c r="AF25057">
        <v>30</v>
      </c>
      <c r="AG25057">
        <v>30</v>
      </c>
      <c r="AH25057">
        <v>30</v>
      </c>
      <c r="AI25057">
        <v>30</v>
      </c>
      <c r="AJ25057">
        <v>31</v>
      </c>
      <c r="AK25057">
        <v>31</v>
      </c>
      <c r="AL25057">
        <v>31</v>
      </c>
      <c r="AM25057">
        <v>31</v>
      </c>
      <c r="AN25057">
        <v>31</v>
      </c>
      <c r="AO25057">
        <v>31</v>
      </c>
      <c r="AP25057">
        <v>31</v>
      </c>
      <c r="AQ25057">
        <v>31</v>
      </c>
    </row>
    <row r="25058" spans="1:43">
      <c r="A25058" t="s">
        <v>15511</v>
      </c>
      <c r="B25058" t="s">
        <v>15512</v>
      </c>
      <c r="C25058" t="s">
        <v>15507</v>
      </c>
      <c r="D25058" t="s">
        <v>15508</v>
      </c>
      <c r="E25058" t="s">
        <v>15475</v>
      </c>
      <c r="F25058" t="s">
        <v>15476</v>
      </c>
      <c r="G25058" t="s">
        <v>10734</v>
      </c>
      <c r="H25058" t="s">
        <v>10735</v>
      </c>
      <c r="I25058" s="2">
        <v>1</v>
      </c>
      <c r="J25058" s="2">
        <v>0</v>
      </c>
      <c r="K25058" s="2">
        <v>0</v>
      </c>
      <c r="L25058" t="s">
        <v>120</v>
      </c>
      <c r="M25058" t="s">
        <v>83</v>
      </c>
      <c r="N25058" t="s">
        <v>84</v>
      </c>
      <c r="O25058" t="s">
        <v>85</v>
      </c>
      <c r="P25058" t="s">
        <v>86</v>
      </c>
      <c r="Q25058">
        <v>12</v>
      </c>
      <c r="R25058">
        <v>12</v>
      </c>
      <c r="S25058">
        <v>12</v>
      </c>
      <c r="T25058">
        <v>12</v>
      </c>
      <c r="U25058">
        <v>12</v>
      </c>
      <c r="V25058">
        <v>12</v>
      </c>
      <c r="W25058">
        <v>12</v>
      </c>
      <c r="X25058">
        <v>13</v>
      </c>
      <c r="Y25058">
        <v>13</v>
      </c>
      <c r="Z25058">
        <v>13</v>
      </c>
      <c r="AA25058">
        <v>13</v>
      </c>
      <c r="AB25058">
        <v>13</v>
      </c>
      <c r="AC25058">
        <v>13</v>
      </c>
      <c r="AD25058">
        <v>13</v>
      </c>
      <c r="AE25058">
        <v>13</v>
      </c>
      <c r="AF25058">
        <v>14</v>
      </c>
      <c r="AG25058">
        <v>14</v>
      </c>
      <c r="AH25058">
        <v>14</v>
      </c>
      <c r="AI25058">
        <v>14</v>
      </c>
      <c r="AJ25058">
        <v>14</v>
      </c>
      <c r="AK25058">
        <v>14</v>
      </c>
      <c r="AL25058">
        <v>14</v>
      </c>
      <c r="AM25058">
        <v>14</v>
      </c>
      <c r="AN25058">
        <v>14</v>
      </c>
      <c r="AO25058">
        <v>14</v>
      </c>
      <c r="AP25058">
        <v>14</v>
      </c>
      <c r="AQ25058">
        <v>14</v>
      </c>
    </row>
    <row r="25059" spans="1:43">
      <c r="A25059" t="s">
        <v>15511</v>
      </c>
      <c r="B25059" t="s">
        <v>15512</v>
      </c>
      <c r="C25059" t="s">
        <v>15507</v>
      </c>
      <c r="D25059" t="s">
        <v>15508</v>
      </c>
      <c r="E25059" t="s">
        <v>15475</v>
      </c>
      <c r="F25059" t="s">
        <v>15476</v>
      </c>
      <c r="G25059" t="s">
        <v>10734</v>
      </c>
      <c r="H25059" t="s">
        <v>10735</v>
      </c>
      <c r="I25059" s="2">
        <v>1</v>
      </c>
      <c r="J25059" s="2">
        <v>0</v>
      </c>
      <c r="K25059" s="2">
        <v>0</v>
      </c>
      <c r="L25059" t="s">
        <v>120</v>
      </c>
      <c r="M25059" t="s">
        <v>87</v>
      </c>
      <c r="N25059" t="s">
        <v>88</v>
      </c>
      <c r="O25059" t="s">
        <v>85</v>
      </c>
      <c r="P25059" t="s">
        <v>86</v>
      </c>
      <c r="Q25059">
        <v>12</v>
      </c>
      <c r="R25059">
        <v>12</v>
      </c>
      <c r="S25059">
        <v>12</v>
      </c>
      <c r="T25059">
        <v>13</v>
      </c>
      <c r="U25059">
        <v>13</v>
      </c>
      <c r="V25059">
        <v>13</v>
      </c>
      <c r="W25059">
        <v>13</v>
      </c>
      <c r="X25059">
        <v>13</v>
      </c>
      <c r="Y25059">
        <v>13</v>
      </c>
      <c r="Z25059">
        <v>13</v>
      </c>
      <c r="AA25059">
        <v>13</v>
      </c>
      <c r="AB25059">
        <v>13</v>
      </c>
      <c r="AC25059">
        <v>13</v>
      </c>
      <c r="AD25059">
        <v>13</v>
      </c>
      <c r="AE25059">
        <v>13</v>
      </c>
      <c r="AF25059">
        <v>13</v>
      </c>
      <c r="AG25059">
        <v>13</v>
      </c>
      <c r="AH25059">
        <v>13</v>
      </c>
      <c r="AI25059">
        <v>13</v>
      </c>
      <c r="AJ25059">
        <v>13</v>
      </c>
      <c r="AK25059">
        <v>13</v>
      </c>
      <c r="AL25059">
        <v>13</v>
      </c>
      <c r="AM25059">
        <v>13</v>
      </c>
      <c r="AN25059">
        <v>13</v>
      </c>
      <c r="AO25059">
        <v>13</v>
      </c>
      <c r="AP25059">
        <v>13</v>
      </c>
      <c r="AQ25059">
        <v>13</v>
      </c>
    </row>
    <row r="25060" spans="1:43">
      <c r="A25060" t="s">
        <v>15511</v>
      </c>
      <c r="B25060" t="s">
        <v>15512</v>
      </c>
      <c r="C25060" t="s">
        <v>15507</v>
      </c>
      <c r="D25060" t="s">
        <v>15508</v>
      </c>
      <c r="E25060" t="s">
        <v>15475</v>
      </c>
      <c r="F25060" t="s">
        <v>15476</v>
      </c>
      <c r="G25060" t="s">
        <v>10734</v>
      </c>
      <c r="H25060" t="s">
        <v>10735</v>
      </c>
      <c r="I25060" s="2">
        <v>1</v>
      </c>
      <c r="J25060" s="2">
        <v>0</v>
      </c>
      <c r="K25060" s="2">
        <v>0</v>
      </c>
      <c r="L25060" t="s">
        <v>120</v>
      </c>
      <c r="M25060" t="s">
        <v>89</v>
      </c>
      <c r="N25060" t="s">
        <v>90</v>
      </c>
      <c r="O25060" t="s">
        <v>85</v>
      </c>
      <c r="P25060" t="s">
        <v>86</v>
      </c>
      <c r="Q25060">
        <v>12</v>
      </c>
      <c r="R25060">
        <v>12</v>
      </c>
      <c r="S25060">
        <v>12</v>
      </c>
      <c r="T25060">
        <v>12</v>
      </c>
      <c r="U25060">
        <v>13</v>
      </c>
      <c r="V25060">
        <v>13</v>
      </c>
      <c r="W25060">
        <v>13</v>
      </c>
      <c r="X25060">
        <v>13</v>
      </c>
      <c r="Y25060">
        <v>13</v>
      </c>
      <c r="Z25060">
        <v>14</v>
      </c>
      <c r="AA25060">
        <v>14</v>
      </c>
      <c r="AB25060">
        <v>14</v>
      </c>
      <c r="AC25060">
        <v>14</v>
      </c>
      <c r="AD25060">
        <v>14</v>
      </c>
      <c r="AE25060">
        <v>14</v>
      </c>
      <c r="AF25060">
        <v>14</v>
      </c>
      <c r="AG25060">
        <v>14</v>
      </c>
      <c r="AH25060">
        <v>14</v>
      </c>
      <c r="AI25060">
        <v>14</v>
      </c>
      <c r="AJ25060">
        <v>14</v>
      </c>
      <c r="AK25060">
        <v>14</v>
      </c>
      <c r="AL25060">
        <v>14</v>
      </c>
      <c r="AM25060">
        <v>14</v>
      </c>
      <c r="AN25060">
        <v>14</v>
      </c>
      <c r="AO25060">
        <v>14</v>
      </c>
      <c r="AP25060">
        <v>14</v>
      </c>
      <c r="AQ25060">
        <v>14</v>
      </c>
    </row>
    <row r="25061" spans="1:43">
      <c r="A25061" t="s">
        <v>15511</v>
      </c>
      <c r="B25061" t="s">
        <v>15512</v>
      </c>
      <c r="C25061" t="s">
        <v>15507</v>
      </c>
      <c r="D25061" t="s">
        <v>15508</v>
      </c>
      <c r="E25061" t="s">
        <v>15475</v>
      </c>
      <c r="F25061" t="s">
        <v>15476</v>
      </c>
      <c r="G25061" t="s">
        <v>10734</v>
      </c>
      <c r="H25061" t="s">
        <v>10735</v>
      </c>
      <c r="I25061" s="2">
        <v>1</v>
      </c>
      <c r="J25061" s="2">
        <v>0</v>
      </c>
      <c r="K25061" s="2">
        <v>0</v>
      </c>
      <c r="L25061" t="s">
        <v>120</v>
      </c>
      <c r="M25061" t="s">
        <v>83</v>
      </c>
      <c r="N25061" t="s">
        <v>91</v>
      </c>
      <c r="O25061" t="s">
        <v>85</v>
      </c>
      <c r="P25061" t="s">
        <v>86</v>
      </c>
      <c r="Q25061">
        <v>12</v>
      </c>
      <c r="R25061">
        <v>12</v>
      </c>
      <c r="S25061">
        <v>12</v>
      </c>
      <c r="T25061">
        <v>12</v>
      </c>
      <c r="U25061">
        <v>12</v>
      </c>
      <c r="V25061">
        <v>12</v>
      </c>
      <c r="W25061">
        <v>12</v>
      </c>
      <c r="X25061">
        <v>13</v>
      </c>
      <c r="Y25061">
        <v>13</v>
      </c>
      <c r="Z25061">
        <v>13</v>
      </c>
      <c r="AA25061">
        <v>13</v>
      </c>
      <c r="AB25061">
        <v>13</v>
      </c>
      <c r="AC25061">
        <v>13</v>
      </c>
      <c r="AD25061">
        <v>13</v>
      </c>
      <c r="AE25061">
        <v>13</v>
      </c>
      <c r="AF25061">
        <v>14</v>
      </c>
      <c r="AG25061">
        <v>14</v>
      </c>
      <c r="AH25061">
        <v>14</v>
      </c>
      <c r="AI25061">
        <v>14</v>
      </c>
      <c r="AJ25061">
        <v>14</v>
      </c>
      <c r="AK25061">
        <v>14</v>
      </c>
      <c r="AL25061">
        <v>14</v>
      </c>
      <c r="AM25061">
        <v>14</v>
      </c>
      <c r="AN25061">
        <v>14</v>
      </c>
      <c r="AO25061">
        <v>14</v>
      </c>
      <c r="AP25061">
        <v>14</v>
      </c>
      <c r="AQ25061">
        <v>14</v>
      </c>
    </row>
    <row r="25062" spans="1:43">
      <c r="A25062" t="s">
        <v>15513</v>
      </c>
      <c r="B25062" t="s">
        <v>15514</v>
      </c>
      <c r="C25062" t="s">
        <v>15515</v>
      </c>
      <c r="D25062" t="s">
        <v>15516</v>
      </c>
      <c r="E25062" t="s">
        <v>15475</v>
      </c>
      <c r="F25062" t="s">
        <v>15476</v>
      </c>
      <c r="G25062" t="s">
        <v>10734</v>
      </c>
      <c r="H25062" t="s">
        <v>10735</v>
      </c>
      <c r="I25062" s="2">
        <v>1</v>
      </c>
      <c r="J25062" s="2">
        <v>0</v>
      </c>
      <c r="K25062" s="2">
        <v>0</v>
      </c>
      <c r="L25062" t="s">
        <v>120</v>
      </c>
      <c r="M25062" t="s">
        <v>83</v>
      </c>
      <c r="N25062" t="s">
        <v>84</v>
      </c>
      <c r="O25062" t="s">
        <v>85</v>
      </c>
      <c r="P25062" t="s">
        <v>86</v>
      </c>
      <c r="Q25062">
        <v>71</v>
      </c>
      <c r="R25062">
        <v>72</v>
      </c>
      <c r="S25062">
        <v>73</v>
      </c>
      <c r="T25062">
        <v>74</v>
      </c>
      <c r="U25062">
        <v>74</v>
      </c>
      <c r="V25062">
        <v>75</v>
      </c>
      <c r="W25062">
        <v>76</v>
      </c>
      <c r="X25062">
        <v>77</v>
      </c>
      <c r="Y25062">
        <v>77</v>
      </c>
      <c r="Z25062">
        <v>78</v>
      </c>
      <c r="AA25062">
        <v>79</v>
      </c>
      <c r="AB25062">
        <v>79</v>
      </c>
      <c r="AC25062">
        <v>80</v>
      </c>
      <c r="AD25062">
        <v>81</v>
      </c>
      <c r="AE25062">
        <v>81</v>
      </c>
      <c r="AF25062">
        <v>82</v>
      </c>
      <c r="AG25062">
        <v>83</v>
      </c>
      <c r="AH25062">
        <v>83</v>
      </c>
      <c r="AI25062">
        <v>84</v>
      </c>
      <c r="AJ25062">
        <v>85</v>
      </c>
      <c r="AK25062">
        <v>85</v>
      </c>
      <c r="AL25062">
        <v>85</v>
      </c>
      <c r="AM25062">
        <v>85</v>
      </c>
      <c r="AN25062">
        <v>85</v>
      </c>
      <c r="AO25062">
        <v>85</v>
      </c>
      <c r="AP25062">
        <v>85</v>
      </c>
      <c r="AQ25062">
        <v>85</v>
      </c>
    </row>
    <row r="25063" spans="1:43">
      <c r="A25063" t="s">
        <v>15513</v>
      </c>
      <c r="B25063" t="s">
        <v>15514</v>
      </c>
      <c r="C25063" t="s">
        <v>15515</v>
      </c>
      <c r="D25063" t="s">
        <v>15516</v>
      </c>
      <c r="E25063" t="s">
        <v>15475</v>
      </c>
      <c r="F25063" t="s">
        <v>15476</v>
      </c>
      <c r="G25063" t="s">
        <v>10734</v>
      </c>
      <c r="H25063" t="s">
        <v>10735</v>
      </c>
      <c r="I25063" s="2">
        <v>1</v>
      </c>
      <c r="J25063" s="2">
        <v>0</v>
      </c>
      <c r="K25063" s="2">
        <v>0</v>
      </c>
      <c r="L25063" t="s">
        <v>120</v>
      </c>
      <c r="M25063" t="s">
        <v>87</v>
      </c>
      <c r="N25063" t="s">
        <v>88</v>
      </c>
      <c r="O25063" t="s">
        <v>85</v>
      </c>
      <c r="P25063" t="s">
        <v>86</v>
      </c>
      <c r="Q25063">
        <v>71</v>
      </c>
      <c r="R25063">
        <v>71</v>
      </c>
      <c r="S25063">
        <v>72</v>
      </c>
      <c r="T25063">
        <v>72</v>
      </c>
      <c r="U25063">
        <v>72</v>
      </c>
      <c r="V25063">
        <v>72</v>
      </c>
      <c r="W25063">
        <v>72</v>
      </c>
      <c r="X25063">
        <v>73</v>
      </c>
      <c r="Y25063">
        <v>73</v>
      </c>
      <c r="Z25063">
        <v>73</v>
      </c>
      <c r="AA25063">
        <v>73</v>
      </c>
      <c r="AB25063">
        <v>73</v>
      </c>
      <c r="AC25063">
        <v>73</v>
      </c>
      <c r="AD25063">
        <v>73</v>
      </c>
      <c r="AE25063">
        <v>74</v>
      </c>
      <c r="AF25063">
        <v>74</v>
      </c>
      <c r="AG25063">
        <v>74</v>
      </c>
      <c r="AH25063">
        <v>74</v>
      </c>
      <c r="AI25063">
        <v>74</v>
      </c>
      <c r="AJ25063">
        <v>74</v>
      </c>
      <c r="AK25063">
        <v>74</v>
      </c>
      <c r="AL25063">
        <v>75</v>
      </c>
      <c r="AM25063">
        <v>75</v>
      </c>
      <c r="AN25063">
        <v>75</v>
      </c>
      <c r="AO25063">
        <v>75</v>
      </c>
      <c r="AP25063">
        <v>75</v>
      </c>
      <c r="AQ25063">
        <v>75</v>
      </c>
    </row>
    <row r="25064" spans="1:43">
      <c r="A25064" t="s">
        <v>15513</v>
      </c>
      <c r="B25064" t="s">
        <v>15514</v>
      </c>
      <c r="C25064" t="s">
        <v>15515</v>
      </c>
      <c r="D25064" t="s">
        <v>15516</v>
      </c>
      <c r="E25064" t="s">
        <v>15475</v>
      </c>
      <c r="F25064" t="s">
        <v>15476</v>
      </c>
      <c r="G25064" t="s">
        <v>10734</v>
      </c>
      <c r="H25064" t="s">
        <v>10735</v>
      </c>
      <c r="I25064" s="2">
        <v>1</v>
      </c>
      <c r="J25064" s="2">
        <v>0</v>
      </c>
      <c r="K25064" s="2">
        <v>0</v>
      </c>
      <c r="L25064" t="s">
        <v>120</v>
      </c>
      <c r="M25064" t="s">
        <v>89</v>
      </c>
      <c r="N25064" t="s">
        <v>90</v>
      </c>
      <c r="O25064" t="s">
        <v>85</v>
      </c>
      <c r="P25064" t="s">
        <v>86</v>
      </c>
      <c r="Q25064">
        <v>71</v>
      </c>
      <c r="R25064">
        <v>72</v>
      </c>
      <c r="S25064">
        <v>73</v>
      </c>
      <c r="T25064">
        <v>75</v>
      </c>
      <c r="U25064">
        <v>76</v>
      </c>
      <c r="V25064">
        <v>77</v>
      </c>
      <c r="W25064">
        <v>78</v>
      </c>
      <c r="X25064">
        <v>80</v>
      </c>
      <c r="Y25064">
        <v>81</v>
      </c>
      <c r="Z25064">
        <v>82</v>
      </c>
      <c r="AA25064">
        <v>83</v>
      </c>
      <c r="AB25064">
        <v>83</v>
      </c>
      <c r="AC25064">
        <v>85</v>
      </c>
      <c r="AD25064">
        <v>85</v>
      </c>
      <c r="AE25064">
        <v>86</v>
      </c>
      <c r="AF25064">
        <v>86</v>
      </c>
      <c r="AG25064">
        <v>86</v>
      </c>
      <c r="AH25064">
        <v>86</v>
      </c>
      <c r="AI25064">
        <v>85</v>
      </c>
      <c r="AJ25064">
        <v>85</v>
      </c>
      <c r="AK25064">
        <v>85</v>
      </c>
      <c r="AL25064">
        <v>85</v>
      </c>
      <c r="AM25064">
        <v>85</v>
      </c>
      <c r="AN25064">
        <v>85</v>
      </c>
      <c r="AO25064">
        <v>85</v>
      </c>
      <c r="AP25064">
        <v>84</v>
      </c>
      <c r="AQ25064">
        <v>84</v>
      </c>
    </row>
    <row r="25065" spans="1:43">
      <c r="A25065" t="s">
        <v>15513</v>
      </c>
      <c r="B25065" t="s">
        <v>15514</v>
      </c>
      <c r="C25065" t="s">
        <v>15515</v>
      </c>
      <c r="D25065" t="s">
        <v>15516</v>
      </c>
      <c r="E25065" t="s">
        <v>15475</v>
      </c>
      <c r="F25065" t="s">
        <v>15476</v>
      </c>
      <c r="G25065" t="s">
        <v>10734</v>
      </c>
      <c r="H25065" t="s">
        <v>10735</v>
      </c>
      <c r="I25065" s="2">
        <v>1</v>
      </c>
      <c r="J25065" s="2">
        <v>0</v>
      </c>
      <c r="K25065" s="2">
        <v>0</v>
      </c>
      <c r="L25065" t="s">
        <v>120</v>
      </c>
      <c r="M25065" t="s">
        <v>83</v>
      </c>
      <c r="N25065" t="s">
        <v>91</v>
      </c>
      <c r="O25065" t="s">
        <v>85</v>
      </c>
      <c r="P25065" t="s">
        <v>86</v>
      </c>
      <c r="Q25065">
        <v>71</v>
      </c>
      <c r="R25065">
        <v>72</v>
      </c>
      <c r="S25065">
        <v>73</v>
      </c>
      <c r="T25065">
        <v>74</v>
      </c>
      <c r="U25065">
        <v>74</v>
      </c>
      <c r="V25065">
        <v>75</v>
      </c>
      <c r="W25065">
        <v>76</v>
      </c>
      <c r="X25065">
        <v>77</v>
      </c>
      <c r="Y25065">
        <v>77</v>
      </c>
      <c r="Z25065">
        <v>78</v>
      </c>
      <c r="AA25065">
        <v>79</v>
      </c>
      <c r="AB25065">
        <v>79</v>
      </c>
      <c r="AC25065">
        <v>80</v>
      </c>
      <c r="AD25065">
        <v>81</v>
      </c>
      <c r="AE25065">
        <v>81</v>
      </c>
      <c r="AF25065">
        <v>82</v>
      </c>
      <c r="AG25065">
        <v>83</v>
      </c>
      <c r="AH25065">
        <v>83</v>
      </c>
      <c r="AI25065">
        <v>84</v>
      </c>
      <c r="AJ25065">
        <v>85</v>
      </c>
      <c r="AK25065">
        <v>85</v>
      </c>
      <c r="AL25065">
        <v>85</v>
      </c>
      <c r="AM25065">
        <v>85</v>
      </c>
      <c r="AN25065">
        <v>85</v>
      </c>
      <c r="AO25065">
        <v>85</v>
      </c>
      <c r="AP25065">
        <v>85</v>
      </c>
      <c r="AQ25065">
        <v>85</v>
      </c>
    </row>
    <row r="25066" spans="1:43">
      <c r="A25066" t="s">
        <v>15517</v>
      </c>
      <c r="B25066" t="s">
        <v>15518</v>
      </c>
      <c r="C25066" t="s">
        <v>15515</v>
      </c>
      <c r="D25066" t="s">
        <v>15516</v>
      </c>
      <c r="E25066" t="s">
        <v>15475</v>
      </c>
      <c r="F25066" t="s">
        <v>15476</v>
      </c>
      <c r="G25066" t="s">
        <v>10734</v>
      </c>
      <c r="H25066" t="s">
        <v>10735</v>
      </c>
      <c r="I25066" s="2">
        <v>1</v>
      </c>
      <c r="J25066" s="2">
        <v>0</v>
      </c>
      <c r="K25066" s="2">
        <v>0</v>
      </c>
      <c r="L25066" t="s">
        <v>120</v>
      </c>
      <c r="M25066" t="s">
        <v>83</v>
      </c>
      <c r="N25066" t="s">
        <v>84</v>
      </c>
      <c r="O25066" t="s">
        <v>85</v>
      </c>
      <c r="P25066" t="s">
        <v>86</v>
      </c>
      <c r="Q25066">
        <v>49</v>
      </c>
      <c r="R25066">
        <v>49</v>
      </c>
      <c r="S25066">
        <v>50</v>
      </c>
      <c r="T25066">
        <v>50</v>
      </c>
      <c r="U25066">
        <v>51</v>
      </c>
      <c r="V25066">
        <v>52</v>
      </c>
      <c r="W25066">
        <v>52</v>
      </c>
      <c r="X25066">
        <v>53</v>
      </c>
      <c r="Y25066">
        <v>53</v>
      </c>
      <c r="Z25066">
        <v>54</v>
      </c>
      <c r="AA25066">
        <v>55</v>
      </c>
      <c r="AB25066">
        <v>55</v>
      </c>
      <c r="AC25066">
        <v>56</v>
      </c>
      <c r="AD25066">
        <v>56</v>
      </c>
      <c r="AE25066">
        <v>57</v>
      </c>
      <c r="AF25066">
        <v>57</v>
      </c>
      <c r="AG25066">
        <v>58</v>
      </c>
      <c r="AH25066">
        <v>58</v>
      </c>
      <c r="AI25066">
        <v>59</v>
      </c>
      <c r="AJ25066">
        <v>59</v>
      </c>
      <c r="AK25066">
        <v>60</v>
      </c>
      <c r="AL25066">
        <v>60</v>
      </c>
      <c r="AM25066">
        <v>60</v>
      </c>
      <c r="AN25066">
        <v>60</v>
      </c>
      <c r="AO25066">
        <v>60</v>
      </c>
      <c r="AP25066">
        <v>60</v>
      </c>
      <c r="AQ25066">
        <v>60</v>
      </c>
    </row>
    <row r="25067" spans="1:43">
      <c r="A25067" t="s">
        <v>15517</v>
      </c>
      <c r="B25067" t="s">
        <v>15518</v>
      </c>
      <c r="C25067" t="s">
        <v>15515</v>
      </c>
      <c r="D25067" t="s">
        <v>15516</v>
      </c>
      <c r="E25067" t="s">
        <v>15475</v>
      </c>
      <c r="F25067" t="s">
        <v>15476</v>
      </c>
      <c r="G25067" t="s">
        <v>10734</v>
      </c>
      <c r="H25067" t="s">
        <v>10735</v>
      </c>
      <c r="I25067" s="2">
        <v>1</v>
      </c>
      <c r="J25067" s="2">
        <v>0</v>
      </c>
      <c r="K25067" s="2">
        <v>0</v>
      </c>
      <c r="L25067" t="s">
        <v>120</v>
      </c>
      <c r="M25067" t="s">
        <v>87</v>
      </c>
      <c r="N25067" t="s">
        <v>88</v>
      </c>
      <c r="O25067" t="s">
        <v>85</v>
      </c>
      <c r="P25067" t="s">
        <v>86</v>
      </c>
      <c r="Q25067">
        <v>49</v>
      </c>
      <c r="R25067">
        <v>49</v>
      </c>
      <c r="S25067">
        <v>49</v>
      </c>
      <c r="T25067">
        <v>50</v>
      </c>
      <c r="U25067">
        <v>50</v>
      </c>
      <c r="V25067">
        <v>50</v>
      </c>
      <c r="W25067">
        <v>50</v>
      </c>
      <c r="X25067">
        <v>50</v>
      </c>
      <c r="Y25067">
        <v>50</v>
      </c>
      <c r="Z25067">
        <v>51</v>
      </c>
      <c r="AA25067">
        <v>51</v>
      </c>
      <c r="AB25067">
        <v>51</v>
      </c>
      <c r="AC25067">
        <v>51</v>
      </c>
      <c r="AD25067">
        <v>51</v>
      </c>
      <c r="AE25067">
        <v>51</v>
      </c>
      <c r="AF25067">
        <v>52</v>
      </c>
      <c r="AG25067">
        <v>52</v>
      </c>
      <c r="AH25067">
        <v>52</v>
      </c>
      <c r="AI25067">
        <v>52</v>
      </c>
      <c r="AJ25067">
        <v>52</v>
      </c>
      <c r="AK25067">
        <v>52</v>
      </c>
      <c r="AL25067">
        <v>52</v>
      </c>
      <c r="AM25067">
        <v>53</v>
      </c>
      <c r="AN25067">
        <v>53</v>
      </c>
      <c r="AO25067">
        <v>53</v>
      </c>
      <c r="AP25067">
        <v>53</v>
      </c>
      <c r="AQ25067">
        <v>53</v>
      </c>
    </row>
    <row r="25068" spans="1:43">
      <c r="A25068" t="s">
        <v>15517</v>
      </c>
      <c r="B25068" t="s">
        <v>15518</v>
      </c>
      <c r="C25068" t="s">
        <v>15515</v>
      </c>
      <c r="D25068" t="s">
        <v>15516</v>
      </c>
      <c r="E25068" t="s">
        <v>15475</v>
      </c>
      <c r="F25068" t="s">
        <v>15476</v>
      </c>
      <c r="G25068" t="s">
        <v>10734</v>
      </c>
      <c r="H25068" t="s">
        <v>10735</v>
      </c>
      <c r="I25068" s="2">
        <v>1</v>
      </c>
      <c r="J25068" s="2">
        <v>0</v>
      </c>
      <c r="K25068" s="2">
        <v>0</v>
      </c>
      <c r="L25068" t="s">
        <v>120</v>
      </c>
      <c r="M25068" t="s">
        <v>89</v>
      </c>
      <c r="N25068" t="s">
        <v>90</v>
      </c>
      <c r="O25068" t="s">
        <v>85</v>
      </c>
      <c r="P25068" t="s">
        <v>86</v>
      </c>
      <c r="Q25068">
        <v>49</v>
      </c>
      <c r="R25068">
        <v>50</v>
      </c>
      <c r="S25068">
        <v>51</v>
      </c>
      <c r="T25068">
        <v>52</v>
      </c>
      <c r="U25068">
        <v>53</v>
      </c>
      <c r="V25068">
        <v>54</v>
      </c>
      <c r="W25068">
        <v>55</v>
      </c>
      <c r="X25068">
        <v>56</v>
      </c>
      <c r="Y25068">
        <v>56</v>
      </c>
      <c r="Z25068">
        <v>57</v>
      </c>
      <c r="AA25068">
        <v>58</v>
      </c>
      <c r="AB25068">
        <v>59</v>
      </c>
      <c r="AC25068">
        <v>60</v>
      </c>
      <c r="AD25068">
        <v>60</v>
      </c>
      <c r="AE25068">
        <v>61</v>
      </c>
      <c r="AF25068">
        <v>61</v>
      </c>
      <c r="AG25068">
        <v>61</v>
      </c>
      <c r="AH25068">
        <v>61</v>
      </c>
      <c r="AI25068">
        <v>61</v>
      </c>
      <c r="AJ25068">
        <v>61</v>
      </c>
      <c r="AK25068">
        <v>61</v>
      </c>
      <c r="AL25068">
        <v>61</v>
      </c>
      <c r="AM25068">
        <v>61</v>
      </c>
      <c r="AN25068">
        <v>60</v>
      </c>
      <c r="AO25068">
        <v>60</v>
      </c>
      <c r="AP25068">
        <v>60</v>
      </c>
      <c r="AQ25068">
        <v>60</v>
      </c>
    </row>
    <row r="25069" spans="1:43">
      <c r="A25069" t="s">
        <v>15517</v>
      </c>
      <c r="B25069" t="s">
        <v>15518</v>
      </c>
      <c r="C25069" t="s">
        <v>15515</v>
      </c>
      <c r="D25069" t="s">
        <v>15516</v>
      </c>
      <c r="E25069" t="s">
        <v>15475</v>
      </c>
      <c r="F25069" t="s">
        <v>15476</v>
      </c>
      <c r="G25069" t="s">
        <v>10734</v>
      </c>
      <c r="H25069" t="s">
        <v>10735</v>
      </c>
      <c r="I25069" s="2">
        <v>1</v>
      </c>
      <c r="J25069" s="2">
        <v>0</v>
      </c>
      <c r="K25069" s="2">
        <v>0</v>
      </c>
      <c r="L25069" t="s">
        <v>120</v>
      </c>
      <c r="M25069" t="s">
        <v>83</v>
      </c>
      <c r="N25069" t="s">
        <v>91</v>
      </c>
      <c r="O25069" t="s">
        <v>85</v>
      </c>
      <c r="P25069" t="s">
        <v>86</v>
      </c>
      <c r="Q25069">
        <v>49</v>
      </c>
      <c r="R25069">
        <v>49</v>
      </c>
      <c r="S25069">
        <v>50</v>
      </c>
      <c r="T25069">
        <v>50</v>
      </c>
      <c r="U25069">
        <v>51</v>
      </c>
      <c r="V25069">
        <v>52</v>
      </c>
      <c r="W25069">
        <v>52</v>
      </c>
      <c r="X25069">
        <v>53</v>
      </c>
      <c r="Y25069">
        <v>53</v>
      </c>
      <c r="Z25069">
        <v>54</v>
      </c>
      <c r="AA25069">
        <v>55</v>
      </c>
      <c r="AB25069">
        <v>55</v>
      </c>
      <c r="AC25069">
        <v>56</v>
      </c>
      <c r="AD25069">
        <v>56</v>
      </c>
      <c r="AE25069">
        <v>57</v>
      </c>
      <c r="AF25069">
        <v>57</v>
      </c>
      <c r="AG25069">
        <v>58</v>
      </c>
      <c r="AH25069">
        <v>58</v>
      </c>
      <c r="AI25069">
        <v>59</v>
      </c>
      <c r="AJ25069">
        <v>59</v>
      </c>
      <c r="AK25069">
        <v>60</v>
      </c>
      <c r="AL25069">
        <v>60</v>
      </c>
      <c r="AM25069">
        <v>60</v>
      </c>
      <c r="AN25069">
        <v>60</v>
      </c>
      <c r="AO25069">
        <v>60</v>
      </c>
      <c r="AP25069">
        <v>60</v>
      </c>
      <c r="AQ25069">
        <v>60</v>
      </c>
    </row>
    <row r="25070" spans="1:43">
      <c r="A25070" t="s">
        <v>15519</v>
      </c>
      <c r="B25070" t="s">
        <v>15520</v>
      </c>
      <c r="C25070" t="s">
        <v>15521</v>
      </c>
      <c r="D25070" t="s">
        <v>15522</v>
      </c>
      <c r="E25070" t="s">
        <v>15475</v>
      </c>
      <c r="F25070" t="s">
        <v>15476</v>
      </c>
      <c r="G25070" t="s">
        <v>10734</v>
      </c>
      <c r="H25070" t="s">
        <v>10735</v>
      </c>
      <c r="I25070" s="2">
        <v>1</v>
      </c>
      <c r="J25070" s="2">
        <v>0</v>
      </c>
      <c r="K25070" s="2">
        <v>0</v>
      </c>
      <c r="L25070" t="s">
        <v>120</v>
      </c>
      <c r="M25070" t="s">
        <v>83</v>
      </c>
      <c r="N25070" t="s">
        <v>84</v>
      </c>
      <c r="O25070" t="s">
        <v>85</v>
      </c>
      <c r="P25070" t="s">
        <v>86</v>
      </c>
      <c r="Q25070">
        <v>21</v>
      </c>
      <c r="R25070">
        <v>21</v>
      </c>
      <c r="S25070">
        <v>21</v>
      </c>
      <c r="T25070">
        <v>22</v>
      </c>
      <c r="U25070">
        <v>22</v>
      </c>
      <c r="V25070">
        <v>22</v>
      </c>
      <c r="W25070">
        <v>23</v>
      </c>
      <c r="X25070">
        <v>23</v>
      </c>
      <c r="Y25070">
        <v>23</v>
      </c>
      <c r="Z25070">
        <v>23</v>
      </c>
      <c r="AA25070">
        <v>24</v>
      </c>
      <c r="AB25070">
        <v>24</v>
      </c>
      <c r="AC25070">
        <v>24</v>
      </c>
      <c r="AD25070">
        <v>24</v>
      </c>
      <c r="AE25070">
        <v>24</v>
      </c>
      <c r="AF25070">
        <v>25</v>
      </c>
      <c r="AG25070">
        <v>25</v>
      </c>
      <c r="AH25070">
        <v>25</v>
      </c>
      <c r="AI25070">
        <v>25</v>
      </c>
      <c r="AJ25070">
        <v>26</v>
      </c>
      <c r="AK25070">
        <v>26</v>
      </c>
      <c r="AL25070">
        <v>26</v>
      </c>
      <c r="AM25070">
        <v>26</v>
      </c>
      <c r="AN25070">
        <v>26</v>
      </c>
      <c r="AO25070">
        <v>26</v>
      </c>
      <c r="AP25070">
        <v>26</v>
      </c>
      <c r="AQ25070">
        <v>26</v>
      </c>
    </row>
    <row r="25071" spans="1:43">
      <c r="A25071" t="s">
        <v>15519</v>
      </c>
      <c r="B25071" t="s">
        <v>15520</v>
      </c>
      <c r="C25071" t="s">
        <v>15521</v>
      </c>
      <c r="D25071" t="s">
        <v>15522</v>
      </c>
      <c r="E25071" t="s">
        <v>15475</v>
      </c>
      <c r="F25071" t="s">
        <v>15476</v>
      </c>
      <c r="G25071" t="s">
        <v>10734</v>
      </c>
      <c r="H25071" t="s">
        <v>10735</v>
      </c>
      <c r="I25071" s="2">
        <v>1</v>
      </c>
      <c r="J25071" s="2">
        <v>0</v>
      </c>
      <c r="K25071" s="2">
        <v>0</v>
      </c>
      <c r="L25071" t="s">
        <v>120</v>
      </c>
      <c r="M25071" t="s">
        <v>87</v>
      </c>
      <c r="N25071" t="s">
        <v>88</v>
      </c>
      <c r="O25071" t="s">
        <v>85</v>
      </c>
      <c r="P25071" t="s">
        <v>86</v>
      </c>
      <c r="Q25071">
        <v>21</v>
      </c>
      <c r="R25071">
        <v>21</v>
      </c>
      <c r="S25071">
        <v>21</v>
      </c>
      <c r="T25071">
        <v>21</v>
      </c>
      <c r="U25071">
        <v>21</v>
      </c>
      <c r="V25071">
        <v>21</v>
      </c>
      <c r="W25071">
        <v>21</v>
      </c>
      <c r="X25071">
        <v>21</v>
      </c>
      <c r="Y25071">
        <v>21</v>
      </c>
      <c r="Z25071">
        <v>21</v>
      </c>
      <c r="AA25071">
        <v>21</v>
      </c>
      <c r="AB25071">
        <v>22</v>
      </c>
      <c r="AC25071">
        <v>22</v>
      </c>
      <c r="AD25071">
        <v>22</v>
      </c>
      <c r="AE25071">
        <v>22</v>
      </c>
      <c r="AF25071">
        <v>22</v>
      </c>
      <c r="AG25071">
        <v>22</v>
      </c>
      <c r="AH25071">
        <v>22</v>
      </c>
      <c r="AI25071">
        <v>22</v>
      </c>
      <c r="AJ25071">
        <v>22</v>
      </c>
      <c r="AK25071">
        <v>22</v>
      </c>
      <c r="AL25071">
        <v>22</v>
      </c>
      <c r="AM25071">
        <v>22</v>
      </c>
      <c r="AN25071">
        <v>22</v>
      </c>
      <c r="AO25071">
        <v>23</v>
      </c>
      <c r="AP25071">
        <v>23</v>
      </c>
      <c r="AQ25071">
        <v>23</v>
      </c>
    </row>
    <row r="25072" spans="1:43">
      <c r="A25072" t="s">
        <v>15519</v>
      </c>
      <c r="B25072" t="s">
        <v>15520</v>
      </c>
      <c r="C25072" t="s">
        <v>15521</v>
      </c>
      <c r="D25072" t="s">
        <v>15522</v>
      </c>
      <c r="E25072" t="s">
        <v>15475</v>
      </c>
      <c r="F25072" t="s">
        <v>15476</v>
      </c>
      <c r="G25072" t="s">
        <v>10734</v>
      </c>
      <c r="H25072" t="s">
        <v>10735</v>
      </c>
      <c r="I25072" s="2">
        <v>1</v>
      </c>
      <c r="J25072" s="2">
        <v>0</v>
      </c>
      <c r="K25072" s="2">
        <v>0</v>
      </c>
      <c r="L25072" t="s">
        <v>120</v>
      </c>
      <c r="M25072" t="s">
        <v>89</v>
      </c>
      <c r="N25072" t="s">
        <v>90</v>
      </c>
      <c r="O25072" t="s">
        <v>85</v>
      </c>
      <c r="P25072" t="s">
        <v>86</v>
      </c>
      <c r="Q25072">
        <v>21</v>
      </c>
      <c r="R25072">
        <v>22</v>
      </c>
      <c r="S25072">
        <v>22</v>
      </c>
      <c r="T25072">
        <v>22</v>
      </c>
      <c r="U25072">
        <v>23</v>
      </c>
      <c r="V25072">
        <v>23</v>
      </c>
      <c r="W25072">
        <v>24</v>
      </c>
      <c r="X25072">
        <v>24</v>
      </c>
      <c r="Y25072">
        <v>24</v>
      </c>
      <c r="Z25072">
        <v>25</v>
      </c>
      <c r="AA25072">
        <v>25</v>
      </c>
      <c r="AB25072">
        <v>25</v>
      </c>
      <c r="AC25072">
        <v>26</v>
      </c>
      <c r="AD25072">
        <v>26</v>
      </c>
      <c r="AE25072">
        <v>26</v>
      </c>
      <c r="AF25072">
        <v>26</v>
      </c>
      <c r="AG25072">
        <v>26</v>
      </c>
      <c r="AH25072">
        <v>26</v>
      </c>
      <c r="AI25072">
        <v>26</v>
      </c>
      <c r="AJ25072">
        <v>26</v>
      </c>
      <c r="AK25072">
        <v>26</v>
      </c>
      <c r="AL25072">
        <v>26</v>
      </c>
      <c r="AM25072">
        <v>26</v>
      </c>
      <c r="AN25072">
        <v>26</v>
      </c>
      <c r="AO25072">
        <v>26</v>
      </c>
      <c r="AP25072">
        <v>26</v>
      </c>
      <c r="AQ25072">
        <v>26</v>
      </c>
    </row>
    <row r="25073" spans="1:43">
      <c r="A25073" t="s">
        <v>15519</v>
      </c>
      <c r="B25073" t="s">
        <v>15520</v>
      </c>
      <c r="C25073" t="s">
        <v>15521</v>
      </c>
      <c r="D25073" t="s">
        <v>15522</v>
      </c>
      <c r="E25073" t="s">
        <v>15475</v>
      </c>
      <c r="F25073" t="s">
        <v>15476</v>
      </c>
      <c r="G25073" t="s">
        <v>10734</v>
      </c>
      <c r="H25073" t="s">
        <v>10735</v>
      </c>
      <c r="I25073" s="2">
        <v>1</v>
      </c>
      <c r="J25073" s="2">
        <v>0</v>
      </c>
      <c r="K25073" s="2">
        <v>0</v>
      </c>
      <c r="L25073" t="s">
        <v>120</v>
      </c>
      <c r="M25073" t="s">
        <v>83</v>
      </c>
      <c r="N25073" t="s">
        <v>91</v>
      </c>
      <c r="O25073" t="s">
        <v>85</v>
      </c>
      <c r="P25073" t="s">
        <v>86</v>
      </c>
      <c r="Q25073">
        <v>21</v>
      </c>
      <c r="R25073">
        <v>21</v>
      </c>
      <c r="S25073">
        <v>21</v>
      </c>
      <c r="T25073">
        <v>22</v>
      </c>
      <c r="U25073">
        <v>22</v>
      </c>
      <c r="V25073">
        <v>22</v>
      </c>
      <c r="W25073">
        <v>23</v>
      </c>
      <c r="X25073">
        <v>23</v>
      </c>
      <c r="Y25073">
        <v>23</v>
      </c>
      <c r="Z25073">
        <v>23</v>
      </c>
      <c r="AA25073">
        <v>24</v>
      </c>
      <c r="AB25073">
        <v>24</v>
      </c>
      <c r="AC25073">
        <v>24</v>
      </c>
      <c r="AD25073">
        <v>24</v>
      </c>
      <c r="AE25073">
        <v>24</v>
      </c>
      <c r="AF25073">
        <v>25</v>
      </c>
      <c r="AG25073">
        <v>25</v>
      </c>
      <c r="AH25073">
        <v>25</v>
      </c>
      <c r="AI25073">
        <v>25</v>
      </c>
      <c r="AJ25073">
        <v>26</v>
      </c>
      <c r="AK25073">
        <v>26</v>
      </c>
      <c r="AL25073">
        <v>26</v>
      </c>
      <c r="AM25073">
        <v>26</v>
      </c>
      <c r="AN25073">
        <v>26</v>
      </c>
      <c r="AO25073">
        <v>26</v>
      </c>
      <c r="AP25073">
        <v>26</v>
      </c>
      <c r="AQ25073">
        <v>26</v>
      </c>
    </row>
    <row r="25074" spans="1:43">
      <c r="A25074" t="s">
        <v>15523</v>
      </c>
      <c r="B25074" t="s">
        <v>15524</v>
      </c>
      <c r="C25074" t="s">
        <v>15521</v>
      </c>
      <c r="D25074" t="s">
        <v>15522</v>
      </c>
      <c r="E25074" t="s">
        <v>15475</v>
      </c>
      <c r="F25074" t="s">
        <v>15476</v>
      </c>
      <c r="G25074" t="s">
        <v>10734</v>
      </c>
      <c r="H25074" t="s">
        <v>10735</v>
      </c>
      <c r="I25074" s="2">
        <v>1</v>
      </c>
      <c r="J25074" s="2">
        <v>0</v>
      </c>
      <c r="K25074" s="2">
        <v>0</v>
      </c>
      <c r="L25074" t="s">
        <v>120</v>
      </c>
      <c r="M25074" t="s">
        <v>83</v>
      </c>
      <c r="N25074" t="s">
        <v>84</v>
      </c>
      <c r="O25074" t="s">
        <v>85</v>
      </c>
      <c r="P25074" t="s">
        <v>86</v>
      </c>
      <c r="Q25074">
        <v>16</v>
      </c>
      <c r="R25074">
        <v>16</v>
      </c>
      <c r="S25074">
        <v>16</v>
      </c>
      <c r="T25074">
        <v>16</v>
      </c>
      <c r="U25074">
        <v>17</v>
      </c>
      <c r="V25074">
        <v>17</v>
      </c>
      <c r="W25074">
        <v>17</v>
      </c>
      <c r="X25074">
        <v>17</v>
      </c>
      <c r="Y25074">
        <v>17</v>
      </c>
      <c r="Z25074">
        <v>18</v>
      </c>
      <c r="AA25074">
        <v>18</v>
      </c>
      <c r="AB25074">
        <v>18</v>
      </c>
      <c r="AC25074">
        <v>18</v>
      </c>
      <c r="AD25074">
        <v>18</v>
      </c>
      <c r="AE25074">
        <v>18</v>
      </c>
      <c r="AF25074">
        <v>19</v>
      </c>
      <c r="AG25074">
        <v>19</v>
      </c>
      <c r="AH25074">
        <v>19</v>
      </c>
      <c r="AI25074">
        <v>19</v>
      </c>
      <c r="AJ25074">
        <v>19</v>
      </c>
      <c r="AK25074">
        <v>20</v>
      </c>
      <c r="AL25074">
        <v>20</v>
      </c>
      <c r="AM25074">
        <v>20</v>
      </c>
      <c r="AN25074">
        <v>20</v>
      </c>
      <c r="AO25074">
        <v>20</v>
      </c>
      <c r="AP25074">
        <v>19</v>
      </c>
      <c r="AQ25074">
        <v>19</v>
      </c>
    </row>
    <row r="25075" spans="1:43">
      <c r="A25075" t="s">
        <v>15523</v>
      </c>
      <c r="B25075" t="s">
        <v>15524</v>
      </c>
      <c r="C25075" t="s">
        <v>15521</v>
      </c>
      <c r="D25075" t="s">
        <v>15522</v>
      </c>
      <c r="E25075" t="s">
        <v>15475</v>
      </c>
      <c r="F25075" t="s">
        <v>15476</v>
      </c>
      <c r="G25075" t="s">
        <v>10734</v>
      </c>
      <c r="H25075" t="s">
        <v>10735</v>
      </c>
      <c r="I25075" s="2">
        <v>1</v>
      </c>
      <c r="J25075" s="2">
        <v>0</v>
      </c>
      <c r="K25075" s="2">
        <v>0</v>
      </c>
      <c r="L25075" t="s">
        <v>120</v>
      </c>
      <c r="M25075" t="s">
        <v>87</v>
      </c>
      <c r="N25075" t="s">
        <v>88</v>
      </c>
      <c r="O25075" t="s">
        <v>85</v>
      </c>
      <c r="P25075" t="s">
        <v>86</v>
      </c>
      <c r="Q25075">
        <v>16</v>
      </c>
      <c r="R25075">
        <v>16</v>
      </c>
      <c r="S25075">
        <v>16</v>
      </c>
      <c r="T25075">
        <v>16</v>
      </c>
      <c r="U25075">
        <v>16</v>
      </c>
      <c r="V25075">
        <v>16</v>
      </c>
      <c r="W25075">
        <v>16</v>
      </c>
      <c r="X25075">
        <v>16</v>
      </c>
      <c r="Y25075">
        <v>16</v>
      </c>
      <c r="Z25075">
        <v>16</v>
      </c>
      <c r="AA25075">
        <v>16</v>
      </c>
      <c r="AB25075">
        <v>16</v>
      </c>
      <c r="AC25075">
        <v>16</v>
      </c>
      <c r="AD25075">
        <v>16</v>
      </c>
      <c r="AE25075">
        <v>16</v>
      </c>
      <c r="AF25075">
        <v>16</v>
      </c>
      <c r="AG25075">
        <v>17</v>
      </c>
      <c r="AH25075">
        <v>17</v>
      </c>
      <c r="AI25075">
        <v>17</v>
      </c>
      <c r="AJ25075">
        <v>17</v>
      </c>
      <c r="AK25075">
        <v>17</v>
      </c>
      <c r="AL25075">
        <v>17</v>
      </c>
      <c r="AM25075">
        <v>17</v>
      </c>
      <c r="AN25075">
        <v>17</v>
      </c>
      <c r="AO25075">
        <v>17</v>
      </c>
      <c r="AP25075">
        <v>17</v>
      </c>
      <c r="AQ25075">
        <v>17</v>
      </c>
    </row>
    <row r="25076" spans="1:43">
      <c r="A25076" t="s">
        <v>15523</v>
      </c>
      <c r="B25076" t="s">
        <v>15524</v>
      </c>
      <c r="C25076" t="s">
        <v>15521</v>
      </c>
      <c r="D25076" t="s">
        <v>15522</v>
      </c>
      <c r="E25076" t="s">
        <v>15475</v>
      </c>
      <c r="F25076" t="s">
        <v>15476</v>
      </c>
      <c r="G25076" t="s">
        <v>10734</v>
      </c>
      <c r="H25076" t="s">
        <v>10735</v>
      </c>
      <c r="I25076" s="2">
        <v>1</v>
      </c>
      <c r="J25076" s="2">
        <v>0</v>
      </c>
      <c r="K25076" s="2">
        <v>0</v>
      </c>
      <c r="L25076" t="s">
        <v>120</v>
      </c>
      <c r="M25076" t="s">
        <v>89</v>
      </c>
      <c r="N25076" t="s">
        <v>90</v>
      </c>
      <c r="O25076" t="s">
        <v>85</v>
      </c>
      <c r="P25076" t="s">
        <v>86</v>
      </c>
      <c r="Q25076">
        <v>16</v>
      </c>
      <c r="R25076">
        <v>16</v>
      </c>
      <c r="S25076">
        <v>17</v>
      </c>
      <c r="T25076">
        <v>17</v>
      </c>
      <c r="U25076">
        <v>17</v>
      </c>
      <c r="V25076">
        <v>18</v>
      </c>
      <c r="W25076">
        <v>18</v>
      </c>
      <c r="X25076">
        <v>18</v>
      </c>
      <c r="Y25076">
        <v>18</v>
      </c>
      <c r="Z25076">
        <v>19</v>
      </c>
      <c r="AA25076">
        <v>19</v>
      </c>
      <c r="AB25076">
        <v>19</v>
      </c>
      <c r="AC25076">
        <v>19</v>
      </c>
      <c r="AD25076">
        <v>20</v>
      </c>
      <c r="AE25076">
        <v>20</v>
      </c>
      <c r="AF25076">
        <v>20</v>
      </c>
      <c r="AG25076">
        <v>20</v>
      </c>
      <c r="AH25076">
        <v>20</v>
      </c>
      <c r="AI25076">
        <v>20</v>
      </c>
      <c r="AJ25076">
        <v>20</v>
      </c>
      <c r="AK25076">
        <v>20</v>
      </c>
      <c r="AL25076">
        <v>20</v>
      </c>
      <c r="AM25076">
        <v>20</v>
      </c>
      <c r="AN25076">
        <v>20</v>
      </c>
      <c r="AO25076">
        <v>20</v>
      </c>
      <c r="AP25076">
        <v>20</v>
      </c>
      <c r="AQ25076">
        <v>20</v>
      </c>
    </row>
    <row r="25077" spans="1:43">
      <c r="A25077" t="s">
        <v>15523</v>
      </c>
      <c r="B25077" t="s">
        <v>15524</v>
      </c>
      <c r="C25077" t="s">
        <v>15521</v>
      </c>
      <c r="D25077" t="s">
        <v>15522</v>
      </c>
      <c r="E25077" t="s">
        <v>15475</v>
      </c>
      <c r="F25077" t="s">
        <v>15476</v>
      </c>
      <c r="G25077" t="s">
        <v>10734</v>
      </c>
      <c r="H25077" t="s">
        <v>10735</v>
      </c>
      <c r="I25077" s="2">
        <v>1</v>
      </c>
      <c r="J25077" s="2">
        <v>0</v>
      </c>
      <c r="K25077" s="2">
        <v>0</v>
      </c>
      <c r="L25077" t="s">
        <v>120</v>
      </c>
      <c r="M25077" t="s">
        <v>83</v>
      </c>
      <c r="N25077" t="s">
        <v>91</v>
      </c>
      <c r="O25077" t="s">
        <v>85</v>
      </c>
      <c r="P25077" t="s">
        <v>86</v>
      </c>
      <c r="Q25077">
        <v>16</v>
      </c>
      <c r="R25077">
        <v>16</v>
      </c>
      <c r="S25077">
        <v>16</v>
      </c>
      <c r="T25077">
        <v>16</v>
      </c>
      <c r="U25077">
        <v>17</v>
      </c>
      <c r="V25077">
        <v>17</v>
      </c>
      <c r="W25077">
        <v>17</v>
      </c>
      <c r="X25077">
        <v>17</v>
      </c>
      <c r="Y25077">
        <v>17</v>
      </c>
      <c r="Z25077">
        <v>18</v>
      </c>
      <c r="AA25077">
        <v>18</v>
      </c>
      <c r="AB25077">
        <v>18</v>
      </c>
      <c r="AC25077">
        <v>18</v>
      </c>
      <c r="AD25077">
        <v>18</v>
      </c>
      <c r="AE25077">
        <v>18</v>
      </c>
      <c r="AF25077">
        <v>19</v>
      </c>
      <c r="AG25077">
        <v>19</v>
      </c>
      <c r="AH25077">
        <v>19</v>
      </c>
      <c r="AI25077">
        <v>19</v>
      </c>
      <c r="AJ25077">
        <v>19</v>
      </c>
      <c r="AK25077">
        <v>20</v>
      </c>
      <c r="AL25077">
        <v>20</v>
      </c>
      <c r="AM25077">
        <v>20</v>
      </c>
      <c r="AN25077">
        <v>20</v>
      </c>
      <c r="AO25077">
        <v>20</v>
      </c>
      <c r="AP25077">
        <v>19</v>
      </c>
      <c r="AQ25077">
        <v>19</v>
      </c>
    </row>
    <row r="25078" spans="1:43">
      <c r="A25078" t="s">
        <v>15525</v>
      </c>
      <c r="B25078" t="s">
        <v>15526</v>
      </c>
      <c r="C25078" t="s">
        <v>15515</v>
      </c>
      <c r="D25078" t="s">
        <v>15516</v>
      </c>
      <c r="E25078" t="s">
        <v>15475</v>
      </c>
      <c r="F25078" t="s">
        <v>15476</v>
      </c>
      <c r="G25078" t="s">
        <v>10734</v>
      </c>
      <c r="H25078" t="s">
        <v>10735</v>
      </c>
      <c r="I25078" s="2">
        <v>1</v>
      </c>
      <c r="J25078" s="2">
        <v>0</v>
      </c>
      <c r="K25078" s="2">
        <v>0</v>
      </c>
      <c r="L25078" t="s">
        <v>120</v>
      </c>
      <c r="M25078" t="s">
        <v>83</v>
      </c>
      <c r="N25078" t="s">
        <v>84</v>
      </c>
      <c r="O25078" t="s">
        <v>85</v>
      </c>
      <c r="P25078" t="s">
        <v>86</v>
      </c>
      <c r="Q25078">
        <v>62</v>
      </c>
      <c r="R25078">
        <v>63</v>
      </c>
      <c r="S25078">
        <v>64</v>
      </c>
      <c r="T25078">
        <v>64</v>
      </c>
      <c r="U25078">
        <v>65</v>
      </c>
      <c r="V25078">
        <v>66</v>
      </c>
      <c r="W25078">
        <v>67</v>
      </c>
      <c r="X25078">
        <v>68</v>
      </c>
      <c r="Y25078">
        <v>68</v>
      </c>
      <c r="Z25078">
        <v>69</v>
      </c>
      <c r="AA25078">
        <v>70</v>
      </c>
      <c r="AB25078">
        <v>70</v>
      </c>
      <c r="AC25078">
        <v>71</v>
      </c>
      <c r="AD25078">
        <v>72</v>
      </c>
      <c r="AE25078">
        <v>72</v>
      </c>
      <c r="AF25078">
        <v>73</v>
      </c>
      <c r="AG25078">
        <v>73</v>
      </c>
      <c r="AH25078">
        <v>74</v>
      </c>
      <c r="AI25078">
        <v>75</v>
      </c>
      <c r="AJ25078">
        <v>75</v>
      </c>
      <c r="AK25078">
        <v>76</v>
      </c>
      <c r="AL25078">
        <v>76</v>
      </c>
      <c r="AM25078">
        <v>76</v>
      </c>
      <c r="AN25078">
        <v>76</v>
      </c>
      <c r="AO25078">
        <v>76</v>
      </c>
      <c r="AP25078">
        <v>76</v>
      </c>
      <c r="AQ25078">
        <v>76</v>
      </c>
    </row>
    <row r="25079" spans="1:43">
      <c r="A25079" t="s">
        <v>15525</v>
      </c>
      <c r="B25079" t="s">
        <v>15526</v>
      </c>
      <c r="C25079" t="s">
        <v>15515</v>
      </c>
      <c r="D25079" t="s">
        <v>15516</v>
      </c>
      <c r="E25079" t="s">
        <v>15475</v>
      </c>
      <c r="F25079" t="s">
        <v>15476</v>
      </c>
      <c r="G25079" t="s">
        <v>10734</v>
      </c>
      <c r="H25079" t="s">
        <v>10735</v>
      </c>
      <c r="I25079" s="2">
        <v>1</v>
      </c>
      <c r="J25079" s="2">
        <v>0</v>
      </c>
      <c r="K25079" s="2">
        <v>0</v>
      </c>
      <c r="L25079" t="s">
        <v>120</v>
      </c>
      <c r="M25079" t="s">
        <v>87</v>
      </c>
      <c r="N25079" t="s">
        <v>88</v>
      </c>
      <c r="O25079" t="s">
        <v>85</v>
      </c>
      <c r="P25079" t="s">
        <v>86</v>
      </c>
      <c r="Q25079">
        <v>62</v>
      </c>
      <c r="R25079">
        <v>63</v>
      </c>
      <c r="S25079">
        <v>63</v>
      </c>
      <c r="T25079">
        <v>63</v>
      </c>
      <c r="U25079">
        <v>63</v>
      </c>
      <c r="V25079">
        <v>63</v>
      </c>
      <c r="W25079">
        <v>64</v>
      </c>
      <c r="X25079">
        <v>64</v>
      </c>
      <c r="Y25079">
        <v>64</v>
      </c>
      <c r="Z25079">
        <v>64</v>
      </c>
      <c r="AA25079">
        <v>65</v>
      </c>
      <c r="AB25079">
        <v>65</v>
      </c>
      <c r="AC25079">
        <v>65</v>
      </c>
      <c r="AD25079">
        <v>65</v>
      </c>
      <c r="AE25079">
        <v>66</v>
      </c>
      <c r="AF25079">
        <v>66</v>
      </c>
      <c r="AG25079">
        <v>66</v>
      </c>
      <c r="AH25079">
        <v>66</v>
      </c>
      <c r="AI25079">
        <v>66</v>
      </c>
      <c r="AJ25079">
        <v>67</v>
      </c>
      <c r="AK25079">
        <v>67</v>
      </c>
      <c r="AL25079">
        <v>67</v>
      </c>
      <c r="AM25079">
        <v>67</v>
      </c>
      <c r="AN25079">
        <v>67</v>
      </c>
      <c r="AO25079">
        <v>68</v>
      </c>
      <c r="AP25079">
        <v>68</v>
      </c>
      <c r="AQ25079">
        <v>68</v>
      </c>
    </row>
    <row r="25080" spans="1:43">
      <c r="A25080" t="s">
        <v>15525</v>
      </c>
      <c r="B25080" t="s">
        <v>15526</v>
      </c>
      <c r="C25080" t="s">
        <v>15515</v>
      </c>
      <c r="D25080" t="s">
        <v>15516</v>
      </c>
      <c r="E25080" t="s">
        <v>15475</v>
      </c>
      <c r="F25080" t="s">
        <v>15476</v>
      </c>
      <c r="G25080" t="s">
        <v>10734</v>
      </c>
      <c r="H25080" t="s">
        <v>10735</v>
      </c>
      <c r="I25080" s="2">
        <v>1</v>
      </c>
      <c r="J25080" s="2">
        <v>0</v>
      </c>
      <c r="K25080" s="2">
        <v>0</v>
      </c>
      <c r="L25080" t="s">
        <v>120</v>
      </c>
      <c r="M25080" t="s">
        <v>89</v>
      </c>
      <c r="N25080" t="s">
        <v>90</v>
      </c>
      <c r="O25080" t="s">
        <v>85</v>
      </c>
      <c r="P25080" t="s">
        <v>86</v>
      </c>
      <c r="Q25080">
        <v>62</v>
      </c>
      <c r="R25080">
        <v>64</v>
      </c>
      <c r="S25080">
        <v>65</v>
      </c>
      <c r="T25080">
        <v>66</v>
      </c>
      <c r="U25080">
        <v>68</v>
      </c>
      <c r="V25080">
        <v>69</v>
      </c>
      <c r="W25080">
        <v>70</v>
      </c>
      <c r="X25080">
        <v>71</v>
      </c>
      <c r="Y25080">
        <v>72</v>
      </c>
      <c r="Z25080">
        <v>73</v>
      </c>
      <c r="AA25080">
        <v>74</v>
      </c>
      <c r="AB25080">
        <v>74</v>
      </c>
      <c r="AC25080">
        <v>75</v>
      </c>
      <c r="AD25080">
        <v>76</v>
      </c>
      <c r="AE25080">
        <v>77</v>
      </c>
      <c r="AF25080">
        <v>77</v>
      </c>
      <c r="AG25080">
        <v>77</v>
      </c>
      <c r="AH25080">
        <v>77</v>
      </c>
      <c r="AI25080">
        <v>77</v>
      </c>
      <c r="AJ25080">
        <v>77</v>
      </c>
      <c r="AK25080">
        <v>77</v>
      </c>
      <c r="AL25080">
        <v>77</v>
      </c>
      <c r="AM25080">
        <v>77</v>
      </c>
      <c r="AN25080">
        <v>76</v>
      </c>
      <c r="AO25080">
        <v>76</v>
      </c>
      <c r="AP25080">
        <v>76</v>
      </c>
      <c r="AQ25080">
        <v>76</v>
      </c>
    </row>
    <row r="25081" spans="1:43">
      <c r="A25081" t="s">
        <v>15525</v>
      </c>
      <c r="B25081" t="s">
        <v>15526</v>
      </c>
      <c r="C25081" t="s">
        <v>15515</v>
      </c>
      <c r="D25081" t="s">
        <v>15516</v>
      </c>
      <c r="E25081" t="s">
        <v>15475</v>
      </c>
      <c r="F25081" t="s">
        <v>15476</v>
      </c>
      <c r="G25081" t="s">
        <v>10734</v>
      </c>
      <c r="H25081" t="s">
        <v>10735</v>
      </c>
      <c r="I25081" s="2">
        <v>1</v>
      </c>
      <c r="J25081" s="2">
        <v>0</v>
      </c>
      <c r="K25081" s="2">
        <v>0</v>
      </c>
      <c r="L25081" t="s">
        <v>120</v>
      </c>
      <c r="M25081" t="s">
        <v>83</v>
      </c>
      <c r="N25081" t="s">
        <v>91</v>
      </c>
      <c r="O25081" t="s">
        <v>85</v>
      </c>
      <c r="P25081" t="s">
        <v>86</v>
      </c>
      <c r="Q25081">
        <v>62</v>
      </c>
      <c r="R25081">
        <v>63</v>
      </c>
      <c r="S25081">
        <v>64</v>
      </c>
      <c r="T25081">
        <v>64</v>
      </c>
      <c r="U25081">
        <v>65</v>
      </c>
      <c r="V25081">
        <v>66</v>
      </c>
      <c r="W25081">
        <v>67</v>
      </c>
      <c r="X25081">
        <v>68</v>
      </c>
      <c r="Y25081">
        <v>68</v>
      </c>
      <c r="Z25081">
        <v>69</v>
      </c>
      <c r="AA25081">
        <v>70</v>
      </c>
      <c r="AB25081">
        <v>70</v>
      </c>
      <c r="AC25081">
        <v>71</v>
      </c>
      <c r="AD25081">
        <v>72</v>
      </c>
      <c r="AE25081">
        <v>72</v>
      </c>
      <c r="AF25081">
        <v>73</v>
      </c>
      <c r="AG25081">
        <v>73</v>
      </c>
      <c r="AH25081">
        <v>74</v>
      </c>
      <c r="AI25081">
        <v>75</v>
      </c>
      <c r="AJ25081">
        <v>75</v>
      </c>
      <c r="AK25081">
        <v>76</v>
      </c>
      <c r="AL25081">
        <v>76</v>
      </c>
      <c r="AM25081">
        <v>76</v>
      </c>
      <c r="AN25081">
        <v>76</v>
      </c>
      <c r="AO25081">
        <v>76</v>
      </c>
      <c r="AP25081">
        <v>76</v>
      </c>
      <c r="AQ25081">
        <v>76</v>
      </c>
    </row>
    <row r="25082" spans="1:43">
      <c r="A25082" t="s">
        <v>15527</v>
      </c>
      <c r="B25082" t="s">
        <v>15528</v>
      </c>
      <c r="C25082" t="s">
        <v>15529</v>
      </c>
      <c r="D25082" t="s">
        <v>15530</v>
      </c>
      <c r="E25082" t="s">
        <v>15475</v>
      </c>
      <c r="F25082" t="s">
        <v>15476</v>
      </c>
      <c r="G25082" t="s">
        <v>10734</v>
      </c>
      <c r="H25082" t="s">
        <v>10735</v>
      </c>
      <c r="I25082" s="2">
        <v>1</v>
      </c>
      <c r="J25082" s="2">
        <v>0</v>
      </c>
      <c r="K25082" s="2">
        <v>0</v>
      </c>
      <c r="L25082" t="s">
        <v>120</v>
      </c>
      <c r="M25082" t="s">
        <v>83</v>
      </c>
      <c r="N25082" t="s">
        <v>84</v>
      </c>
      <c r="O25082" t="s">
        <v>85</v>
      </c>
      <c r="P25082" t="s">
        <v>86</v>
      </c>
      <c r="Q25082">
        <v>43</v>
      </c>
      <c r="R25082">
        <v>43</v>
      </c>
      <c r="S25082">
        <v>44</v>
      </c>
      <c r="T25082">
        <v>44</v>
      </c>
      <c r="U25082">
        <v>45</v>
      </c>
      <c r="V25082">
        <v>46</v>
      </c>
      <c r="W25082">
        <v>46</v>
      </c>
      <c r="X25082">
        <v>47</v>
      </c>
      <c r="Y25082">
        <v>47</v>
      </c>
      <c r="Z25082">
        <v>48</v>
      </c>
      <c r="AA25082">
        <v>48</v>
      </c>
      <c r="AB25082">
        <v>49</v>
      </c>
      <c r="AC25082">
        <v>49</v>
      </c>
      <c r="AD25082">
        <v>50</v>
      </c>
      <c r="AE25082">
        <v>50</v>
      </c>
      <c r="AF25082">
        <v>50</v>
      </c>
      <c r="AG25082">
        <v>51</v>
      </c>
      <c r="AH25082">
        <v>51</v>
      </c>
      <c r="AI25082">
        <v>52</v>
      </c>
      <c r="AJ25082">
        <v>52</v>
      </c>
      <c r="AK25082">
        <v>53</v>
      </c>
      <c r="AL25082">
        <v>53</v>
      </c>
      <c r="AM25082">
        <v>53</v>
      </c>
      <c r="AN25082">
        <v>53</v>
      </c>
      <c r="AO25082">
        <v>53</v>
      </c>
      <c r="AP25082">
        <v>53</v>
      </c>
      <c r="AQ25082">
        <v>53</v>
      </c>
    </row>
    <row r="25083" spans="1:43">
      <c r="A25083" t="s">
        <v>15527</v>
      </c>
      <c r="B25083" t="s">
        <v>15528</v>
      </c>
      <c r="C25083" t="s">
        <v>15529</v>
      </c>
      <c r="D25083" t="s">
        <v>15530</v>
      </c>
      <c r="E25083" t="s">
        <v>15475</v>
      </c>
      <c r="F25083" t="s">
        <v>15476</v>
      </c>
      <c r="G25083" t="s">
        <v>10734</v>
      </c>
      <c r="H25083" t="s">
        <v>10735</v>
      </c>
      <c r="I25083" s="2">
        <v>1</v>
      </c>
      <c r="J25083" s="2">
        <v>0</v>
      </c>
      <c r="K25083" s="2">
        <v>0</v>
      </c>
      <c r="L25083" t="s">
        <v>120</v>
      </c>
      <c r="M25083" t="s">
        <v>87</v>
      </c>
      <c r="N25083" t="s">
        <v>88</v>
      </c>
      <c r="O25083" t="s">
        <v>85</v>
      </c>
      <c r="P25083" t="s">
        <v>86</v>
      </c>
      <c r="Q25083">
        <v>43</v>
      </c>
      <c r="R25083">
        <v>43</v>
      </c>
      <c r="S25083">
        <v>44</v>
      </c>
      <c r="T25083">
        <v>44</v>
      </c>
      <c r="U25083">
        <v>44</v>
      </c>
      <c r="V25083">
        <v>44</v>
      </c>
      <c r="W25083">
        <v>44</v>
      </c>
      <c r="X25083">
        <v>44</v>
      </c>
      <c r="Y25083">
        <v>45</v>
      </c>
      <c r="Z25083">
        <v>45</v>
      </c>
      <c r="AA25083">
        <v>45</v>
      </c>
      <c r="AB25083">
        <v>45</v>
      </c>
      <c r="AC25083">
        <v>45</v>
      </c>
      <c r="AD25083">
        <v>45</v>
      </c>
      <c r="AE25083">
        <v>45</v>
      </c>
      <c r="AF25083">
        <v>46</v>
      </c>
      <c r="AG25083">
        <v>46</v>
      </c>
      <c r="AH25083">
        <v>46</v>
      </c>
      <c r="AI25083">
        <v>46</v>
      </c>
      <c r="AJ25083">
        <v>46</v>
      </c>
      <c r="AK25083">
        <v>46</v>
      </c>
      <c r="AL25083">
        <v>46</v>
      </c>
      <c r="AM25083">
        <v>47</v>
      </c>
      <c r="AN25083">
        <v>47</v>
      </c>
      <c r="AO25083">
        <v>47</v>
      </c>
      <c r="AP25083">
        <v>47</v>
      </c>
      <c r="AQ25083">
        <v>47</v>
      </c>
    </row>
    <row r="25084" spans="1:43">
      <c r="A25084" t="s">
        <v>15527</v>
      </c>
      <c r="B25084" t="s">
        <v>15528</v>
      </c>
      <c r="C25084" t="s">
        <v>15529</v>
      </c>
      <c r="D25084" t="s">
        <v>15530</v>
      </c>
      <c r="E25084" t="s">
        <v>15475</v>
      </c>
      <c r="F25084" t="s">
        <v>15476</v>
      </c>
      <c r="G25084" t="s">
        <v>10734</v>
      </c>
      <c r="H25084" t="s">
        <v>10735</v>
      </c>
      <c r="I25084" s="2">
        <v>1</v>
      </c>
      <c r="J25084" s="2">
        <v>0</v>
      </c>
      <c r="K25084" s="2">
        <v>0</v>
      </c>
      <c r="L25084" t="s">
        <v>120</v>
      </c>
      <c r="M25084" t="s">
        <v>89</v>
      </c>
      <c r="N25084" t="s">
        <v>90</v>
      </c>
      <c r="O25084" t="s">
        <v>85</v>
      </c>
      <c r="P25084" t="s">
        <v>86</v>
      </c>
      <c r="Q25084">
        <v>43</v>
      </c>
      <c r="R25084">
        <v>44</v>
      </c>
      <c r="S25084">
        <v>45</v>
      </c>
      <c r="T25084">
        <v>46</v>
      </c>
      <c r="U25084">
        <v>47</v>
      </c>
      <c r="V25084">
        <v>48</v>
      </c>
      <c r="W25084">
        <v>48</v>
      </c>
      <c r="X25084">
        <v>49</v>
      </c>
      <c r="Y25084">
        <v>50</v>
      </c>
      <c r="Z25084">
        <v>50</v>
      </c>
      <c r="AA25084">
        <v>51</v>
      </c>
      <c r="AB25084">
        <v>52</v>
      </c>
      <c r="AC25084">
        <v>52</v>
      </c>
      <c r="AD25084">
        <v>53</v>
      </c>
      <c r="AE25084">
        <v>53</v>
      </c>
      <c r="AF25084">
        <v>53</v>
      </c>
      <c r="AG25084">
        <v>53</v>
      </c>
      <c r="AH25084">
        <v>53</v>
      </c>
      <c r="AI25084">
        <v>53</v>
      </c>
      <c r="AJ25084">
        <v>53</v>
      </c>
      <c r="AK25084">
        <v>53</v>
      </c>
      <c r="AL25084">
        <v>53</v>
      </c>
      <c r="AM25084">
        <v>53</v>
      </c>
      <c r="AN25084">
        <v>53</v>
      </c>
      <c r="AO25084">
        <v>53</v>
      </c>
      <c r="AP25084">
        <v>53</v>
      </c>
      <c r="AQ25084">
        <v>53</v>
      </c>
    </row>
    <row r="25085" spans="1:43">
      <c r="A25085" t="s">
        <v>15527</v>
      </c>
      <c r="B25085" t="s">
        <v>15528</v>
      </c>
      <c r="C25085" t="s">
        <v>15529</v>
      </c>
      <c r="D25085" t="s">
        <v>15530</v>
      </c>
      <c r="E25085" t="s">
        <v>15475</v>
      </c>
      <c r="F25085" t="s">
        <v>15476</v>
      </c>
      <c r="G25085" t="s">
        <v>10734</v>
      </c>
      <c r="H25085" t="s">
        <v>10735</v>
      </c>
      <c r="I25085" s="2">
        <v>1</v>
      </c>
      <c r="J25085" s="2">
        <v>0</v>
      </c>
      <c r="K25085" s="2">
        <v>0</v>
      </c>
      <c r="L25085" t="s">
        <v>120</v>
      </c>
      <c r="M25085" t="s">
        <v>83</v>
      </c>
      <c r="N25085" t="s">
        <v>91</v>
      </c>
      <c r="O25085" t="s">
        <v>85</v>
      </c>
      <c r="P25085" t="s">
        <v>86</v>
      </c>
      <c r="Q25085">
        <v>43</v>
      </c>
      <c r="R25085">
        <v>43</v>
      </c>
      <c r="S25085">
        <v>44</v>
      </c>
      <c r="T25085">
        <v>44</v>
      </c>
      <c r="U25085">
        <v>45</v>
      </c>
      <c r="V25085">
        <v>46</v>
      </c>
      <c r="W25085">
        <v>46</v>
      </c>
      <c r="X25085">
        <v>47</v>
      </c>
      <c r="Y25085">
        <v>47</v>
      </c>
      <c r="Z25085">
        <v>48</v>
      </c>
      <c r="AA25085">
        <v>48</v>
      </c>
      <c r="AB25085">
        <v>49</v>
      </c>
      <c r="AC25085">
        <v>49</v>
      </c>
      <c r="AD25085">
        <v>50</v>
      </c>
      <c r="AE25085">
        <v>50</v>
      </c>
      <c r="AF25085">
        <v>50</v>
      </c>
      <c r="AG25085">
        <v>51</v>
      </c>
      <c r="AH25085">
        <v>51</v>
      </c>
      <c r="AI25085">
        <v>52</v>
      </c>
      <c r="AJ25085">
        <v>52</v>
      </c>
      <c r="AK25085">
        <v>53</v>
      </c>
      <c r="AL25085">
        <v>53</v>
      </c>
      <c r="AM25085">
        <v>53</v>
      </c>
      <c r="AN25085">
        <v>53</v>
      </c>
      <c r="AO25085">
        <v>53</v>
      </c>
      <c r="AP25085">
        <v>53</v>
      </c>
      <c r="AQ25085">
        <v>53</v>
      </c>
    </row>
    <row r="25086" spans="1:43">
      <c r="A25086" t="s">
        <v>15531</v>
      </c>
      <c r="B25086" t="s">
        <v>15532</v>
      </c>
      <c r="C25086" t="s">
        <v>15515</v>
      </c>
      <c r="D25086" t="s">
        <v>15516</v>
      </c>
      <c r="E25086" t="s">
        <v>15475</v>
      </c>
      <c r="F25086" t="s">
        <v>15476</v>
      </c>
      <c r="G25086" t="s">
        <v>10734</v>
      </c>
      <c r="H25086" t="s">
        <v>10735</v>
      </c>
      <c r="I25086" s="2">
        <v>1</v>
      </c>
      <c r="J25086" s="2">
        <v>0</v>
      </c>
      <c r="K25086" s="2">
        <v>0</v>
      </c>
      <c r="L25086" t="s">
        <v>120</v>
      </c>
      <c r="M25086" t="s">
        <v>83</v>
      </c>
      <c r="N25086" t="s">
        <v>84</v>
      </c>
      <c r="O25086" t="s">
        <v>85</v>
      </c>
      <c r="P25086" t="s">
        <v>86</v>
      </c>
      <c r="Q25086">
        <v>13</v>
      </c>
      <c r="R25086">
        <v>13</v>
      </c>
      <c r="S25086">
        <v>13</v>
      </c>
      <c r="T25086">
        <v>13</v>
      </c>
      <c r="U25086">
        <v>13</v>
      </c>
      <c r="V25086">
        <v>14</v>
      </c>
      <c r="W25086">
        <v>14</v>
      </c>
      <c r="X25086">
        <v>14</v>
      </c>
      <c r="Y25086">
        <v>14</v>
      </c>
      <c r="Z25086">
        <v>14</v>
      </c>
      <c r="AA25086">
        <v>14</v>
      </c>
      <c r="AB25086">
        <v>14</v>
      </c>
      <c r="AC25086">
        <v>15</v>
      </c>
      <c r="AD25086">
        <v>15</v>
      </c>
      <c r="AE25086">
        <v>15</v>
      </c>
      <c r="AF25086">
        <v>15</v>
      </c>
      <c r="AG25086">
        <v>15</v>
      </c>
      <c r="AH25086">
        <v>15</v>
      </c>
      <c r="AI25086">
        <v>15</v>
      </c>
      <c r="AJ25086">
        <v>16</v>
      </c>
      <c r="AK25086">
        <v>16</v>
      </c>
      <c r="AL25086">
        <v>16</v>
      </c>
      <c r="AM25086">
        <v>16</v>
      </c>
      <c r="AN25086">
        <v>16</v>
      </c>
      <c r="AO25086">
        <v>16</v>
      </c>
      <c r="AP25086">
        <v>16</v>
      </c>
      <c r="AQ25086">
        <v>16</v>
      </c>
    </row>
    <row r="25087" spans="1:43">
      <c r="A25087" t="s">
        <v>15531</v>
      </c>
      <c r="B25087" t="s">
        <v>15532</v>
      </c>
      <c r="C25087" t="s">
        <v>15515</v>
      </c>
      <c r="D25087" t="s">
        <v>15516</v>
      </c>
      <c r="E25087" t="s">
        <v>15475</v>
      </c>
      <c r="F25087" t="s">
        <v>15476</v>
      </c>
      <c r="G25087" t="s">
        <v>10734</v>
      </c>
      <c r="H25087" t="s">
        <v>10735</v>
      </c>
      <c r="I25087" s="2">
        <v>1</v>
      </c>
      <c r="J25087" s="2">
        <v>0</v>
      </c>
      <c r="K25087" s="2">
        <v>0</v>
      </c>
      <c r="L25087" t="s">
        <v>120</v>
      </c>
      <c r="M25087" t="s">
        <v>87</v>
      </c>
      <c r="N25087" t="s">
        <v>88</v>
      </c>
      <c r="O25087" t="s">
        <v>85</v>
      </c>
      <c r="P25087" t="s">
        <v>86</v>
      </c>
      <c r="Q25087">
        <v>13</v>
      </c>
      <c r="R25087">
        <v>13</v>
      </c>
      <c r="S25087">
        <v>13</v>
      </c>
      <c r="T25087">
        <v>13</v>
      </c>
      <c r="U25087">
        <v>13</v>
      </c>
      <c r="V25087">
        <v>13</v>
      </c>
      <c r="W25087">
        <v>13</v>
      </c>
      <c r="X25087">
        <v>13</v>
      </c>
      <c r="Y25087">
        <v>13</v>
      </c>
      <c r="Z25087">
        <v>13</v>
      </c>
      <c r="AA25087">
        <v>13</v>
      </c>
      <c r="AB25087">
        <v>13</v>
      </c>
      <c r="AC25087">
        <v>13</v>
      </c>
      <c r="AD25087">
        <v>13</v>
      </c>
      <c r="AE25087">
        <v>13</v>
      </c>
      <c r="AF25087">
        <v>13</v>
      </c>
      <c r="AG25087">
        <v>13</v>
      </c>
      <c r="AH25087">
        <v>13</v>
      </c>
      <c r="AI25087">
        <v>13</v>
      </c>
      <c r="AJ25087">
        <v>14</v>
      </c>
      <c r="AK25087">
        <v>14</v>
      </c>
      <c r="AL25087">
        <v>14</v>
      </c>
      <c r="AM25087">
        <v>14</v>
      </c>
      <c r="AN25087">
        <v>14</v>
      </c>
      <c r="AO25087">
        <v>14</v>
      </c>
      <c r="AP25087">
        <v>14</v>
      </c>
      <c r="AQ25087">
        <v>14</v>
      </c>
    </row>
    <row r="25088" spans="1:43">
      <c r="A25088" t="s">
        <v>15531</v>
      </c>
      <c r="B25088" t="s">
        <v>15532</v>
      </c>
      <c r="C25088" t="s">
        <v>15515</v>
      </c>
      <c r="D25088" t="s">
        <v>15516</v>
      </c>
      <c r="E25088" t="s">
        <v>15475</v>
      </c>
      <c r="F25088" t="s">
        <v>15476</v>
      </c>
      <c r="G25088" t="s">
        <v>10734</v>
      </c>
      <c r="H25088" t="s">
        <v>10735</v>
      </c>
      <c r="I25088" s="2">
        <v>1</v>
      </c>
      <c r="J25088" s="2">
        <v>0</v>
      </c>
      <c r="K25088" s="2">
        <v>0</v>
      </c>
      <c r="L25088" t="s">
        <v>120</v>
      </c>
      <c r="M25088" t="s">
        <v>89</v>
      </c>
      <c r="N25088" t="s">
        <v>90</v>
      </c>
      <c r="O25088" t="s">
        <v>85</v>
      </c>
      <c r="P25088" t="s">
        <v>86</v>
      </c>
      <c r="Q25088">
        <v>13</v>
      </c>
      <c r="R25088">
        <v>13</v>
      </c>
      <c r="S25088">
        <v>13</v>
      </c>
      <c r="T25088">
        <v>14</v>
      </c>
      <c r="U25088">
        <v>14</v>
      </c>
      <c r="V25088">
        <v>14</v>
      </c>
      <c r="W25088">
        <v>14</v>
      </c>
      <c r="X25088">
        <v>15</v>
      </c>
      <c r="Y25088">
        <v>15</v>
      </c>
      <c r="Z25088">
        <v>15</v>
      </c>
      <c r="AA25088">
        <v>15</v>
      </c>
      <c r="AB25088">
        <v>15</v>
      </c>
      <c r="AC25088">
        <v>16</v>
      </c>
      <c r="AD25088">
        <v>16</v>
      </c>
      <c r="AE25088">
        <v>16</v>
      </c>
      <c r="AF25088">
        <v>16</v>
      </c>
      <c r="AG25088">
        <v>16</v>
      </c>
      <c r="AH25088">
        <v>16</v>
      </c>
      <c r="AI25088">
        <v>16</v>
      </c>
      <c r="AJ25088">
        <v>16</v>
      </c>
      <c r="AK25088">
        <v>16</v>
      </c>
      <c r="AL25088">
        <v>16</v>
      </c>
      <c r="AM25088">
        <v>16</v>
      </c>
      <c r="AN25088">
        <v>16</v>
      </c>
      <c r="AO25088">
        <v>16</v>
      </c>
      <c r="AP25088">
        <v>16</v>
      </c>
      <c r="AQ25088">
        <v>16</v>
      </c>
    </row>
    <row r="25089" spans="1:43">
      <c r="A25089" t="s">
        <v>15531</v>
      </c>
      <c r="B25089" t="s">
        <v>15532</v>
      </c>
      <c r="C25089" t="s">
        <v>15515</v>
      </c>
      <c r="D25089" t="s">
        <v>15516</v>
      </c>
      <c r="E25089" t="s">
        <v>15475</v>
      </c>
      <c r="F25089" t="s">
        <v>15476</v>
      </c>
      <c r="G25089" t="s">
        <v>10734</v>
      </c>
      <c r="H25089" t="s">
        <v>10735</v>
      </c>
      <c r="I25089" s="2">
        <v>1</v>
      </c>
      <c r="J25089" s="2">
        <v>0</v>
      </c>
      <c r="K25089" s="2">
        <v>0</v>
      </c>
      <c r="L25089" t="s">
        <v>120</v>
      </c>
      <c r="M25089" t="s">
        <v>83</v>
      </c>
      <c r="N25089" t="s">
        <v>91</v>
      </c>
      <c r="O25089" t="s">
        <v>85</v>
      </c>
      <c r="P25089" t="s">
        <v>86</v>
      </c>
      <c r="Q25089">
        <v>13</v>
      </c>
      <c r="R25089">
        <v>13</v>
      </c>
      <c r="S25089">
        <v>13</v>
      </c>
      <c r="T25089">
        <v>13</v>
      </c>
      <c r="U25089">
        <v>13</v>
      </c>
      <c r="V25089">
        <v>14</v>
      </c>
      <c r="W25089">
        <v>14</v>
      </c>
      <c r="X25089">
        <v>14</v>
      </c>
      <c r="Y25089">
        <v>14</v>
      </c>
      <c r="Z25089">
        <v>14</v>
      </c>
      <c r="AA25089">
        <v>14</v>
      </c>
      <c r="AB25089">
        <v>14</v>
      </c>
      <c r="AC25089">
        <v>15</v>
      </c>
      <c r="AD25089">
        <v>15</v>
      </c>
      <c r="AE25089">
        <v>15</v>
      </c>
      <c r="AF25089">
        <v>15</v>
      </c>
      <c r="AG25089">
        <v>15</v>
      </c>
      <c r="AH25089">
        <v>15</v>
      </c>
      <c r="AI25089">
        <v>15</v>
      </c>
      <c r="AJ25089">
        <v>16</v>
      </c>
      <c r="AK25089">
        <v>16</v>
      </c>
      <c r="AL25089">
        <v>16</v>
      </c>
      <c r="AM25089">
        <v>16</v>
      </c>
      <c r="AN25089">
        <v>16</v>
      </c>
      <c r="AO25089">
        <v>16</v>
      </c>
      <c r="AP25089">
        <v>16</v>
      </c>
      <c r="AQ25089">
        <v>16</v>
      </c>
    </row>
    <row r="25090" spans="1:43">
      <c r="A25090" t="s">
        <v>15533</v>
      </c>
      <c r="B25090" t="s">
        <v>15534</v>
      </c>
      <c r="C25090" t="s">
        <v>15535</v>
      </c>
      <c r="D25090" t="s">
        <v>15536</v>
      </c>
      <c r="E25090" t="s">
        <v>15475</v>
      </c>
      <c r="F25090" t="s">
        <v>15476</v>
      </c>
      <c r="G25090" t="s">
        <v>10734</v>
      </c>
      <c r="H25090" t="s">
        <v>10735</v>
      </c>
      <c r="I25090" s="2">
        <v>1</v>
      </c>
      <c r="J25090" s="2">
        <v>0</v>
      </c>
      <c r="K25090" s="2">
        <v>0</v>
      </c>
      <c r="L25090" t="s">
        <v>120</v>
      </c>
      <c r="M25090" t="s">
        <v>83</v>
      </c>
      <c r="N25090" t="s">
        <v>84</v>
      </c>
      <c r="O25090" t="s">
        <v>85</v>
      </c>
      <c r="P25090" t="s">
        <v>86</v>
      </c>
      <c r="Q25090">
        <v>43</v>
      </c>
      <c r="R25090">
        <v>44</v>
      </c>
      <c r="S25090">
        <v>45</v>
      </c>
      <c r="T25090">
        <v>45</v>
      </c>
      <c r="U25090">
        <v>46</v>
      </c>
      <c r="V25090">
        <v>46</v>
      </c>
      <c r="W25090">
        <v>47</v>
      </c>
      <c r="X25090">
        <v>47</v>
      </c>
      <c r="Y25090">
        <v>48</v>
      </c>
      <c r="Z25090">
        <v>48</v>
      </c>
      <c r="AA25090">
        <v>49</v>
      </c>
      <c r="AB25090">
        <v>49</v>
      </c>
      <c r="AC25090">
        <v>50</v>
      </c>
      <c r="AD25090">
        <v>50</v>
      </c>
      <c r="AE25090">
        <v>51</v>
      </c>
      <c r="AF25090">
        <v>51</v>
      </c>
      <c r="AG25090">
        <v>52</v>
      </c>
      <c r="AH25090">
        <v>52</v>
      </c>
      <c r="AI25090">
        <v>53</v>
      </c>
      <c r="AJ25090">
        <v>53</v>
      </c>
      <c r="AK25090">
        <v>54</v>
      </c>
      <c r="AL25090">
        <v>54</v>
      </c>
      <c r="AM25090">
        <v>54</v>
      </c>
      <c r="AN25090">
        <v>54</v>
      </c>
      <c r="AO25090">
        <v>54</v>
      </c>
      <c r="AP25090">
        <v>53</v>
      </c>
      <c r="AQ25090">
        <v>53</v>
      </c>
    </row>
    <row r="25091" spans="1:43">
      <c r="A25091" t="s">
        <v>15533</v>
      </c>
      <c r="B25091" t="s">
        <v>15534</v>
      </c>
      <c r="C25091" t="s">
        <v>15535</v>
      </c>
      <c r="D25091" t="s">
        <v>15536</v>
      </c>
      <c r="E25091" t="s">
        <v>15475</v>
      </c>
      <c r="F25091" t="s">
        <v>15476</v>
      </c>
      <c r="G25091" t="s">
        <v>10734</v>
      </c>
      <c r="H25091" t="s">
        <v>10735</v>
      </c>
      <c r="I25091" s="2">
        <v>1</v>
      </c>
      <c r="J25091" s="2">
        <v>0</v>
      </c>
      <c r="K25091" s="2">
        <v>0</v>
      </c>
      <c r="L25091" t="s">
        <v>120</v>
      </c>
      <c r="M25091" t="s">
        <v>87</v>
      </c>
      <c r="N25091" t="s">
        <v>88</v>
      </c>
      <c r="O25091" t="s">
        <v>85</v>
      </c>
      <c r="P25091" t="s">
        <v>86</v>
      </c>
      <c r="Q25091">
        <v>43</v>
      </c>
      <c r="R25091">
        <v>43</v>
      </c>
      <c r="S25091">
        <v>43</v>
      </c>
      <c r="T25091">
        <v>44</v>
      </c>
      <c r="U25091">
        <v>44</v>
      </c>
      <c r="V25091">
        <v>44</v>
      </c>
      <c r="W25091">
        <v>44</v>
      </c>
      <c r="X25091">
        <v>44</v>
      </c>
      <c r="Y25091">
        <v>44</v>
      </c>
      <c r="Z25091">
        <v>44</v>
      </c>
      <c r="AA25091">
        <v>45</v>
      </c>
      <c r="AB25091">
        <v>45</v>
      </c>
      <c r="AC25091">
        <v>45</v>
      </c>
      <c r="AD25091">
        <v>45</v>
      </c>
      <c r="AE25091">
        <v>45</v>
      </c>
      <c r="AF25091">
        <v>45</v>
      </c>
      <c r="AG25091">
        <v>45</v>
      </c>
      <c r="AH25091">
        <v>45</v>
      </c>
      <c r="AI25091">
        <v>46</v>
      </c>
      <c r="AJ25091">
        <v>46</v>
      </c>
      <c r="AK25091">
        <v>46</v>
      </c>
      <c r="AL25091">
        <v>46</v>
      </c>
      <c r="AM25091">
        <v>46</v>
      </c>
      <c r="AN25091">
        <v>46</v>
      </c>
      <c r="AO25091">
        <v>46</v>
      </c>
      <c r="AP25091">
        <v>46</v>
      </c>
      <c r="AQ25091">
        <v>46</v>
      </c>
    </row>
    <row r="25092" spans="1:43">
      <c r="A25092" t="s">
        <v>15533</v>
      </c>
      <c r="B25092" t="s">
        <v>15534</v>
      </c>
      <c r="C25092" t="s">
        <v>15535</v>
      </c>
      <c r="D25092" t="s">
        <v>15536</v>
      </c>
      <c r="E25092" t="s">
        <v>15475</v>
      </c>
      <c r="F25092" t="s">
        <v>15476</v>
      </c>
      <c r="G25092" t="s">
        <v>10734</v>
      </c>
      <c r="H25092" t="s">
        <v>10735</v>
      </c>
      <c r="I25092" s="2">
        <v>1</v>
      </c>
      <c r="J25092" s="2">
        <v>0</v>
      </c>
      <c r="K25092" s="2">
        <v>0</v>
      </c>
      <c r="L25092" t="s">
        <v>120</v>
      </c>
      <c r="M25092" t="s">
        <v>89</v>
      </c>
      <c r="N25092" t="s">
        <v>90</v>
      </c>
      <c r="O25092" t="s">
        <v>85</v>
      </c>
      <c r="P25092" t="s">
        <v>86</v>
      </c>
      <c r="Q25092">
        <v>43</v>
      </c>
      <c r="R25092">
        <v>44</v>
      </c>
      <c r="S25092">
        <v>45</v>
      </c>
      <c r="T25092">
        <v>46</v>
      </c>
      <c r="U25092">
        <v>46</v>
      </c>
      <c r="V25092">
        <v>47</v>
      </c>
      <c r="W25092">
        <v>48</v>
      </c>
      <c r="X25092">
        <v>49</v>
      </c>
      <c r="Y25092">
        <v>50</v>
      </c>
      <c r="Z25092">
        <v>50</v>
      </c>
      <c r="AA25092">
        <v>51</v>
      </c>
      <c r="AB25092">
        <v>52</v>
      </c>
      <c r="AC25092">
        <v>52</v>
      </c>
      <c r="AD25092">
        <v>53</v>
      </c>
      <c r="AE25092">
        <v>53</v>
      </c>
      <c r="AF25092">
        <v>53</v>
      </c>
      <c r="AG25092">
        <v>53</v>
      </c>
      <c r="AH25092">
        <v>53</v>
      </c>
      <c r="AI25092">
        <v>53</v>
      </c>
      <c r="AJ25092">
        <v>53</v>
      </c>
      <c r="AK25092">
        <v>53</v>
      </c>
      <c r="AL25092">
        <v>53</v>
      </c>
      <c r="AM25092">
        <v>53</v>
      </c>
      <c r="AN25092">
        <v>53</v>
      </c>
      <c r="AO25092">
        <v>53</v>
      </c>
      <c r="AP25092">
        <v>53</v>
      </c>
      <c r="AQ25092">
        <v>53</v>
      </c>
    </row>
    <row r="25093" spans="1:43">
      <c r="A25093" t="s">
        <v>15533</v>
      </c>
      <c r="B25093" t="s">
        <v>15534</v>
      </c>
      <c r="C25093" t="s">
        <v>15535</v>
      </c>
      <c r="D25093" t="s">
        <v>15536</v>
      </c>
      <c r="E25093" t="s">
        <v>15475</v>
      </c>
      <c r="F25093" t="s">
        <v>15476</v>
      </c>
      <c r="G25093" t="s">
        <v>10734</v>
      </c>
      <c r="H25093" t="s">
        <v>10735</v>
      </c>
      <c r="I25093" s="2">
        <v>1</v>
      </c>
      <c r="J25093" s="2">
        <v>0</v>
      </c>
      <c r="K25093" s="2">
        <v>0</v>
      </c>
      <c r="L25093" t="s">
        <v>120</v>
      </c>
      <c r="M25093" t="s">
        <v>83</v>
      </c>
      <c r="N25093" t="s">
        <v>91</v>
      </c>
      <c r="O25093" t="s">
        <v>85</v>
      </c>
      <c r="P25093" t="s">
        <v>86</v>
      </c>
      <c r="Q25093">
        <v>43</v>
      </c>
      <c r="R25093">
        <v>44</v>
      </c>
      <c r="S25093">
        <v>45</v>
      </c>
      <c r="T25093">
        <v>45</v>
      </c>
      <c r="U25093">
        <v>46</v>
      </c>
      <c r="V25093">
        <v>46</v>
      </c>
      <c r="W25093">
        <v>47</v>
      </c>
      <c r="X25093">
        <v>47</v>
      </c>
      <c r="Y25093">
        <v>48</v>
      </c>
      <c r="Z25093">
        <v>48</v>
      </c>
      <c r="AA25093">
        <v>49</v>
      </c>
      <c r="AB25093">
        <v>49</v>
      </c>
      <c r="AC25093">
        <v>50</v>
      </c>
      <c r="AD25093">
        <v>50</v>
      </c>
      <c r="AE25093">
        <v>51</v>
      </c>
      <c r="AF25093">
        <v>51</v>
      </c>
      <c r="AG25093">
        <v>52</v>
      </c>
      <c r="AH25093">
        <v>52</v>
      </c>
      <c r="AI25093">
        <v>53</v>
      </c>
      <c r="AJ25093">
        <v>53</v>
      </c>
      <c r="AK25093">
        <v>54</v>
      </c>
      <c r="AL25093">
        <v>54</v>
      </c>
      <c r="AM25093">
        <v>54</v>
      </c>
      <c r="AN25093">
        <v>54</v>
      </c>
      <c r="AO25093">
        <v>54</v>
      </c>
      <c r="AP25093">
        <v>53</v>
      </c>
      <c r="AQ25093">
        <v>53</v>
      </c>
    </row>
    <row r="25094" spans="1:43">
      <c r="A25094" t="s">
        <v>15537</v>
      </c>
      <c r="B25094" t="s">
        <v>15538</v>
      </c>
      <c r="C25094" t="s">
        <v>15535</v>
      </c>
      <c r="D25094" t="s">
        <v>15536</v>
      </c>
      <c r="E25094" t="s">
        <v>15475</v>
      </c>
      <c r="F25094" t="s">
        <v>15476</v>
      </c>
      <c r="G25094" t="s">
        <v>10734</v>
      </c>
      <c r="H25094" t="s">
        <v>10735</v>
      </c>
      <c r="I25094" s="2">
        <v>1</v>
      </c>
      <c r="J25094" s="2">
        <v>0</v>
      </c>
      <c r="K25094" s="2">
        <v>0</v>
      </c>
      <c r="L25094" t="s">
        <v>120</v>
      </c>
      <c r="M25094" t="s">
        <v>83</v>
      </c>
      <c r="N25094" t="s">
        <v>84</v>
      </c>
      <c r="O25094" t="s">
        <v>85</v>
      </c>
      <c r="P25094" t="s">
        <v>86</v>
      </c>
      <c r="Q25094">
        <v>44</v>
      </c>
      <c r="R25094">
        <v>44</v>
      </c>
      <c r="S25094">
        <v>45</v>
      </c>
      <c r="T25094">
        <v>45</v>
      </c>
      <c r="U25094">
        <v>46</v>
      </c>
      <c r="V25094">
        <v>46</v>
      </c>
      <c r="W25094">
        <v>47</v>
      </c>
      <c r="X25094">
        <v>48</v>
      </c>
      <c r="Y25094">
        <v>48</v>
      </c>
      <c r="Z25094">
        <v>49</v>
      </c>
      <c r="AA25094">
        <v>49</v>
      </c>
      <c r="AB25094">
        <v>50</v>
      </c>
      <c r="AC25094">
        <v>50</v>
      </c>
      <c r="AD25094">
        <v>51</v>
      </c>
      <c r="AE25094">
        <v>51</v>
      </c>
      <c r="AF25094">
        <v>52</v>
      </c>
      <c r="AG25094">
        <v>52</v>
      </c>
      <c r="AH25094">
        <v>53</v>
      </c>
      <c r="AI25094">
        <v>53</v>
      </c>
      <c r="AJ25094">
        <v>53</v>
      </c>
      <c r="AK25094">
        <v>54</v>
      </c>
      <c r="AL25094">
        <v>54</v>
      </c>
      <c r="AM25094">
        <v>54</v>
      </c>
      <c r="AN25094">
        <v>54</v>
      </c>
      <c r="AO25094">
        <v>54</v>
      </c>
      <c r="AP25094">
        <v>54</v>
      </c>
      <c r="AQ25094">
        <v>54</v>
      </c>
    </row>
    <row r="25095" spans="1:43">
      <c r="A25095" t="s">
        <v>15537</v>
      </c>
      <c r="B25095" t="s">
        <v>15538</v>
      </c>
      <c r="C25095" t="s">
        <v>15535</v>
      </c>
      <c r="D25095" t="s">
        <v>15536</v>
      </c>
      <c r="E25095" t="s">
        <v>15475</v>
      </c>
      <c r="F25095" t="s">
        <v>15476</v>
      </c>
      <c r="G25095" t="s">
        <v>10734</v>
      </c>
      <c r="H25095" t="s">
        <v>10735</v>
      </c>
      <c r="I25095" s="2">
        <v>1</v>
      </c>
      <c r="J25095" s="2">
        <v>0</v>
      </c>
      <c r="K25095" s="2">
        <v>0</v>
      </c>
      <c r="L25095" t="s">
        <v>120</v>
      </c>
      <c r="M25095" t="s">
        <v>87</v>
      </c>
      <c r="N25095" t="s">
        <v>88</v>
      </c>
      <c r="O25095" t="s">
        <v>85</v>
      </c>
      <c r="P25095" t="s">
        <v>86</v>
      </c>
      <c r="Q25095">
        <v>44</v>
      </c>
      <c r="R25095">
        <v>44</v>
      </c>
      <c r="S25095">
        <v>45</v>
      </c>
      <c r="T25095">
        <v>45</v>
      </c>
      <c r="U25095">
        <v>45</v>
      </c>
      <c r="V25095">
        <v>45</v>
      </c>
      <c r="W25095">
        <v>45</v>
      </c>
      <c r="X25095">
        <v>45</v>
      </c>
      <c r="Y25095">
        <v>45</v>
      </c>
      <c r="Z25095">
        <v>46</v>
      </c>
      <c r="AA25095">
        <v>46</v>
      </c>
      <c r="AB25095">
        <v>46</v>
      </c>
      <c r="AC25095">
        <v>46</v>
      </c>
      <c r="AD25095">
        <v>46</v>
      </c>
      <c r="AE25095">
        <v>46</v>
      </c>
      <c r="AF25095">
        <v>46</v>
      </c>
      <c r="AG25095">
        <v>47</v>
      </c>
      <c r="AH25095">
        <v>47</v>
      </c>
      <c r="AI25095">
        <v>47</v>
      </c>
      <c r="AJ25095">
        <v>47</v>
      </c>
      <c r="AK25095">
        <v>47</v>
      </c>
      <c r="AL25095">
        <v>47</v>
      </c>
      <c r="AM25095">
        <v>47</v>
      </c>
      <c r="AN25095">
        <v>48</v>
      </c>
      <c r="AO25095">
        <v>48</v>
      </c>
      <c r="AP25095">
        <v>48</v>
      </c>
      <c r="AQ25095">
        <v>48</v>
      </c>
    </row>
    <row r="25096" spans="1:43">
      <c r="A25096" t="s">
        <v>15537</v>
      </c>
      <c r="B25096" t="s">
        <v>15538</v>
      </c>
      <c r="C25096" t="s">
        <v>15535</v>
      </c>
      <c r="D25096" t="s">
        <v>15536</v>
      </c>
      <c r="E25096" t="s">
        <v>15475</v>
      </c>
      <c r="F25096" t="s">
        <v>15476</v>
      </c>
      <c r="G25096" t="s">
        <v>10734</v>
      </c>
      <c r="H25096" t="s">
        <v>10735</v>
      </c>
      <c r="I25096" s="2">
        <v>1</v>
      </c>
      <c r="J25096" s="2">
        <v>0</v>
      </c>
      <c r="K25096" s="2">
        <v>0</v>
      </c>
      <c r="L25096" t="s">
        <v>120</v>
      </c>
      <c r="M25096" t="s">
        <v>89</v>
      </c>
      <c r="N25096" t="s">
        <v>90</v>
      </c>
      <c r="O25096" t="s">
        <v>85</v>
      </c>
      <c r="P25096" t="s">
        <v>86</v>
      </c>
      <c r="Q25096">
        <v>44</v>
      </c>
      <c r="R25096">
        <v>45</v>
      </c>
      <c r="S25096">
        <v>46</v>
      </c>
      <c r="T25096">
        <v>47</v>
      </c>
      <c r="U25096">
        <v>48</v>
      </c>
      <c r="V25096">
        <v>48</v>
      </c>
      <c r="W25096">
        <v>49</v>
      </c>
      <c r="X25096">
        <v>50</v>
      </c>
      <c r="Y25096">
        <v>51</v>
      </c>
      <c r="Z25096">
        <v>52</v>
      </c>
      <c r="AA25096">
        <v>52</v>
      </c>
      <c r="AB25096">
        <v>53</v>
      </c>
      <c r="AC25096">
        <v>54</v>
      </c>
      <c r="AD25096">
        <v>54</v>
      </c>
      <c r="AE25096">
        <v>55</v>
      </c>
      <c r="AF25096">
        <v>55</v>
      </c>
      <c r="AG25096">
        <v>55</v>
      </c>
      <c r="AH25096">
        <v>55</v>
      </c>
      <c r="AI25096">
        <v>55</v>
      </c>
      <c r="AJ25096">
        <v>55</v>
      </c>
      <c r="AK25096">
        <v>55</v>
      </c>
      <c r="AL25096">
        <v>55</v>
      </c>
      <c r="AM25096">
        <v>55</v>
      </c>
      <c r="AN25096">
        <v>55</v>
      </c>
      <c r="AO25096">
        <v>55</v>
      </c>
      <c r="AP25096">
        <v>55</v>
      </c>
      <c r="AQ25096">
        <v>55</v>
      </c>
    </row>
    <row r="25097" spans="1:43">
      <c r="A25097" t="s">
        <v>15537</v>
      </c>
      <c r="B25097" t="s">
        <v>15538</v>
      </c>
      <c r="C25097" t="s">
        <v>15535</v>
      </c>
      <c r="D25097" t="s">
        <v>15536</v>
      </c>
      <c r="E25097" t="s">
        <v>15475</v>
      </c>
      <c r="F25097" t="s">
        <v>15476</v>
      </c>
      <c r="G25097" t="s">
        <v>10734</v>
      </c>
      <c r="H25097" t="s">
        <v>10735</v>
      </c>
      <c r="I25097" s="2">
        <v>1</v>
      </c>
      <c r="J25097" s="2">
        <v>0</v>
      </c>
      <c r="K25097" s="2">
        <v>0</v>
      </c>
      <c r="L25097" t="s">
        <v>120</v>
      </c>
      <c r="M25097" t="s">
        <v>83</v>
      </c>
      <c r="N25097" t="s">
        <v>91</v>
      </c>
      <c r="O25097" t="s">
        <v>85</v>
      </c>
      <c r="P25097" t="s">
        <v>86</v>
      </c>
      <c r="Q25097">
        <v>44</v>
      </c>
      <c r="R25097">
        <v>44</v>
      </c>
      <c r="S25097">
        <v>45</v>
      </c>
      <c r="T25097">
        <v>45</v>
      </c>
      <c r="U25097">
        <v>46</v>
      </c>
      <c r="V25097">
        <v>46</v>
      </c>
      <c r="W25097">
        <v>47</v>
      </c>
      <c r="X25097">
        <v>48</v>
      </c>
      <c r="Y25097">
        <v>48</v>
      </c>
      <c r="Z25097">
        <v>49</v>
      </c>
      <c r="AA25097">
        <v>49</v>
      </c>
      <c r="AB25097">
        <v>50</v>
      </c>
      <c r="AC25097">
        <v>50</v>
      </c>
      <c r="AD25097">
        <v>51</v>
      </c>
      <c r="AE25097">
        <v>51</v>
      </c>
      <c r="AF25097">
        <v>52</v>
      </c>
      <c r="AG25097">
        <v>52</v>
      </c>
      <c r="AH25097">
        <v>53</v>
      </c>
      <c r="AI25097">
        <v>53</v>
      </c>
      <c r="AJ25097">
        <v>53</v>
      </c>
      <c r="AK25097">
        <v>54</v>
      </c>
      <c r="AL25097">
        <v>54</v>
      </c>
      <c r="AM25097">
        <v>54</v>
      </c>
      <c r="AN25097">
        <v>54</v>
      </c>
      <c r="AO25097">
        <v>54</v>
      </c>
      <c r="AP25097">
        <v>54</v>
      </c>
      <c r="AQ25097">
        <v>54</v>
      </c>
    </row>
    <row r="25098" spans="1:43">
      <c r="A25098" t="s">
        <v>15539</v>
      </c>
      <c r="B25098" t="s">
        <v>15540</v>
      </c>
      <c r="C25098" t="s">
        <v>15521</v>
      </c>
      <c r="D25098" t="s">
        <v>15522</v>
      </c>
      <c r="E25098" t="s">
        <v>15475</v>
      </c>
      <c r="F25098" t="s">
        <v>15476</v>
      </c>
      <c r="G25098" t="s">
        <v>10734</v>
      </c>
      <c r="H25098" t="s">
        <v>10735</v>
      </c>
      <c r="I25098" s="2">
        <v>1</v>
      </c>
      <c r="J25098" s="2">
        <v>0</v>
      </c>
      <c r="K25098" s="2">
        <v>0</v>
      </c>
      <c r="L25098" t="s">
        <v>120</v>
      </c>
      <c r="M25098" t="s">
        <v>83</v>
      </c>
      <c r="N25098" t="s">
        <v>84</v>
      </c>
      <c r="O25098" t="s">
        <v>85</v>
      </c>
      <c r="P25098" t="s">
        <v>86</v>
      </c>
      <c r="Q25098">
        <v>81</v>
      </c>
      <c r="R25098">
        <v>82</v>
      </c>
      <c r="S25098">
        <v>83</v>
      </c>
      <c r="T25098">
        <v>84</v>
      </c>
      <c r="U25098">
        <v>85</v>
      </c>
      <c r="V25098">
        <v>86</v>
      </c>
      <c r="W25098">
        <v>87</v>
      </c>
      <c r="X25098">
        <v>88</v>
      </c>
      <c r="Y25098">
        <v>89</v>
      </c>
      <c r="Z25098">
        <v>90</v>
      </c>
      <c r="AA25098">
        <v>91</v>
      </c>
      <c r="AB25098">
        <v>92</v>
      </c>
      <c r="AC25098">
        <v>93</v>
      </c>
      <c r="AD25098">
        <v>94</v>
      </c>
      <c r="AE25098">
        <v>95</v>
      </c>
      <c r="AF25098">
        <v>96</v>
      </c>
      <c r="AG25098">
        <v>97</v>
      </c>
      <c r="AH25098">
        <v>98</v>
      </c>
      <c r="AI25098">
        <v>98</v>
      </c>
      <c r="AJ25098">
        <v>99</v>
      </c>
      <c r="AK25098">
        <v>100</v>
      </c>
      <c r="AL25098">
        <v>101</v>
      </c>
      <c r="AM25098">
        <v>101</v>
      </c>
      <c r="AN25098">
        <v>101</v>
      </c>
      <c r="AO25098">
        <v>101</v>
      </c>
      <c r="AP25098">
        <v>101</v>
      </c>
      <c r="AQ25098">
        <v>101</v>
      </c>
    </row>
    <row r="25099" spans="1:43">
      <c r="A25099" t="s">
        <v>15539</v>
      </c>
      <c r="B25099" t="s">
        <v>15540</v>
      </c>
      <c r="C25099" t="s">
        <v>15521</v>
      </c>
      <c r="D25099" t="s">
        <v>15522</v>
      </c>
      <c r="E25099" t="s">
        <v>15475</v>
      </c>
      <c r="F25099" t="s">
        <v>15476</v>
      </c>
      <c r="G25099" t="s">
        <v>10734</v>
      </c>
      <c r="H25099" t="s">
        <v>10735</v>
      </c>
      <c r="I25099" s="2">
        <v>1</v>
      </c>
      <c r="J25099" s="2">
        <v>0</v>
      </c>
      <c r="K25099" s="2">
        <v>0</v>
      </c>
      <c r="L25099" t="s">
        <v>120</v>
      </c>
      <c r="M25099" t="s">
        <v>87</v>
      </c>
      <c r="N25099" t="s">
        <v>88</v>
      </c>
      <c r="O25099" t="s">
        <v>85</v>
      </c>
      <c r="P25099" t="s">
        <v>86</v>
      </c>
      <c r="Q25099">
        <v>81</v>
      </c>
      <c r="R25099">
        <v>81</v>
      </c>
      <c r="S25099">
        <v>82</v>
      </c>
      <c r="T25099">
        <v>82</v>
      </c>
      <c r="U25099">
        <v>82</v>
      </c>
      <c r="V25099">
        <v>83</v>
      </c>
      <c r="W25099">
        <v>83</v>
      </c>
      <c r="X25099">
        <v>83</v>
      </c>
      <c r="Y25099">
        <v>83</v>
      </c>
      <c r="Z25099">
        <v>84</v>
      </c>
      <c r="AA25099">
        <v>84</v>
      </c>
      <c r="AB25099">
        <v>84</v>
      </c>
      <c r="AC25099">
        <v>85</v>
      </c>
      <c r="AD25099">
        <v>85</v>
      </c>
      <c r="AE25099">
        <v>85</v>
      </c>
      <c r="AF25099">
        <v>86</v>
      </c>
      <c r="AG25099">
        <v>86</v>
      </c>
      <c r="AH25099">
        <v>86</v>
      </c>
      <c r="AI25099">
        <v>86</v>
      </c>
      <c r="AJ25099">
        <v>87</v>
      </c>
      <c r="AK25099">
        <v>87</v>
      </c>
      <c r="AL25099">
        <v>87</v>
      </c>
      <c r="AM25099">
        <v>88</v>
      </c>
      <c r="AN25099">
        <v>88</v>
      </c>
      <c r="AO25099">
        <v>88</v>
      </c>
      <c r="AP25099">
        <v>88</v>
      </c>
      <c r="AQ25099">
        <v>89</v>
      </c>
    </row>
    <row r="25100" spans="1:43">
      <c r="A25100" t="s">
        <v>15539</v>
      </c>
      <c r="B25100" t="s">
        <v>15540</v>
      </c>
      <c r="C25100" t="s">
        <v>15521</v>
      </c>
      <c r="D25100" t="s">
        <v>15522</v>
      </c>
      <c r="E25100" t="s">
        <v>15475</v>
      </c>
      <c r="F25100" t="s">
        <v>15476</v>
      </c>
      <c r="G25100" t="s">
        <v>10734</v>
      </c>
      <c r="H25100" t="s">
        <v>10735</v>
      </c>
      <c r="I25100" s="2">
        <v>1</v>
      </c>
      <c r="J25100" s="2">
        <v>0</v>
      </c>
      <c r="K25100" s="2">
        <v>0</v>
      </c>
      <c r="L25100" t="s">
        <v>120</v>
      </c>
      <c r="M25100" t="s">
        <v>89</v>
      </c>
      <c r="N25100" t="s">
        <v>90</v>
      </c>
      <c r="O25100" t="s">
        <v>85</v>
      </c>
      <c r="P25100" t="s">
        <v>86</v>
      </c>
      <c r="Q25100">
        <v>81</v>
      </c>
      <c r="R25100">
        <v>83</v>
      </c>
      <c r="S25100">
        <v>85</v>
      </c>
      <c r="T25100">
        <v>87</v>
      </c>
      <c r="U25100">
        <v>88</v>
      </c>
      <c r="V25100">
        <v>90</v>
      </c>
      <c r="W25100">
        <v>91</v>
      </c>
      <c r="X25100">
        <v>93</v>
      </c>
      <c r="Y25100">
        <v>94</v>
      </c>
      <c r="Z25100">
        <v>95</v>
      </c>
      <c r="AA25100">
        <v>97</v>
      </c>
      <c r="AB25100">
        <v>98</v>
      </c>
      <c r="AC25100">
        <v>99</v>
      </c>
      <c r="AD25100">
        <v>101</v>
      </c>
      <c r="AE25100">
        <v>101</v>
      </c>
      <c r="AF25100">
        <v>101</v>
      </c>
      <c r="AG25100">
        <v>102</v>
      </c>
      <c r="AH25100">
        <v>102</v>
      </c>
      <c r="AI25100">
        <v>102</v>
      </c>
      <c r="AJ25100">
        <v>102</v>
      </c>
      <c r="AK25100">
        <v>102</v>
      </c>
      <c r="AL25100">
        <v>102</v>
      </c>
      <c r="AM25100">
        <v>102</v>
      </c>
      <c r="AN25100">
        <v>102</v>
      </c>
      <c r="AO25100">
        <v>102</v>
      </c>
      <c r="AP25100">
        <v>102</v>
      </c>
      <c r="AQ25100">
        <v>102</v>
      </c>
    </row>
    <row r="25101" spans="1:43">
      <c r="A25101" t="s">
        <v>15539</v>
      </c>
      <c r="B25101" t="s">
        <v>15540</v>
      </c>
      <c r="C25101" t="s">
        <v>15521</v>
      </c>
      <c r="D25101" t="s">
        <v>15522</v>
      </c>
      <c r="E25101" t="s">
        <v>15475</v>
      </c>
      <c r="F25101" t="s">
        <v>15476</v>
      </c>
      <c r="G25101" t="s">
        <v>10734</v>
      </c>
      <c r="H25101" t="s">
        <v>10735</v>
      </c>
      <c r="I25101" s="2">
        <v>1</v>
      </c>
      <c r="J25101" s="2">
        <v>0</v>
      </c>
      <c r="K25101" s="2">
        <v>0</v>
      </c>
      <c r="L25101" t="s">
        <v>120</v>
      </c>
      <c r="M25101" t="s">
        <v>83</v>
      </c>
      <c r="N25101" t="s">
        <v>91</v>
      </c>
      <c r="O25101" t="s">
        <v>85</v>
      </c>
      <c r="P25101" t="s">
        <v>86</v>
      </c>
      <c r="Q25101">
        <v>81</v>
      </c>
      <c r="R25101">
        <v>82</v>
      </c>
      <c r="S25101">
        <v>83</v>
      </c>
      <c r="T25101">
        <v>84</v>
      </c>
      <c r="U25101">
        <v>85</v>
      </c>
      <c r="V25101">
        <v>86</v>
      </c>
      <c r="W25101">
        <v>87</v>
      </c>
      <c r="X25101">
        <v>88</v>
      </c>
      <c r="Y25101">
        <v>89</v>
      </c>
      <c r="Z25101">
        <v>90</v>
      </c>
      <c r="AA25101">
        <v>91</v>
      </c>
      <c r="AB25101">
        <v>92</v>
      </c>
      <c r="AC25101">
        <v>93</v>
      </c>
      <c r="AD25101">
        <v>94</v>
      </c>
      <c r="AE25101">
        <v>95</v>
      </c>
      <c r="AF25101">
        <v>96</v>
      </c>
      <c r="AG25101">
        <v>97</v>
      </c>
      <c r="AH25101">
        <v>98</v>
      </c>
      <c r="AI25101">
        <v>98</v>
      </c>
      <c r="AJ25101">
        <v>99</v>
      </c>
      <c r="AK25101">
        <v>100</v>
      </c>
      <c r="AL25101">
        <v>101</v>
      </c>
      <c r="AM25101">
        <v>101</v>
      </c>
      <c r="AN25101">
        <v>101</v>
      </c>
      <c r="AO25101">
        <v>101</v>
      </c>
      <c r="AP25101">
        <v>101</v>
      </c>
      <c r="AQ25101">
        <v>101</v>
      </c>
    </row>
    <row r="25102" spans="1:43">
      <c r="A25102" t="s">
        <v>15541</v>
      </c>
      <c r="B25102" t="s">
        <v>15542</v>
      </c>
      <c r="C25102" t="s">
        <v>15521</v>
      </c>
      <c r="D25102" t="s">
        <v>15522</v>
      </c>
      <c r="E25102" t="s">
        <v>15475</v>
      </c>
      <c r="F25102" t="s">
        <v>15476</v>
      </c>
      <c r="G25102" t="s">
        <v>10734</v>
      </c>
      <c r="H25102" t="s">
        <v>10735</v>
      </c>
      <c r="I25102" s="2">
        <v>1</v>
      </c>
      <c r="J25102" s="2">
        <v>0</v>
      </c>
      <c r="K25102" s="2">
        <v>0</v>
      </c>
      <c r="L25102" t="s">
        <v>120</v>
      </c>
      <c r="M25102" t="s">
        <v>83</v>
      </c>
      <c r="N25102" t="s">
        <v>84</v>
      </c>
      <c r="O25102" t="s">
        <v>85</v>
      </c>
      <c r="P25102" t="s">
        <v>86</v>
      </c>
      <c r="Q25102">
        <v>12</v>
      </c>
      <c r="R25102">
        <v>12</v>
      </c>
      <c r="S25102">
        <v>13</v>
      </c>
      <c r="T25102">
        <v>13</v>
      </c>
      <c r="U25102">
        <v>13</v>
      </c>
      <c r="V25102">
        <v>13</v>
      </c>
      <c r="W25102">
        <v>13</v>
      </c>
      <c r="X25102">
        <v>13</v>
      </c>
      <c r="Y25102">
        <v>13</v>
      </c>
      <c r="Z25102">
        <v>14</v>
      </c>
      <c r="AA25102">
        <v>14</v>
      </c>
      <c r="AB25102">
        <v>14</v>
      </c>
      <c r="AC25102">
        <v>14</v>
      </c>
      <c r="AD25102">
        <v>14</v>
      </c>
      <c r="AE25102">
        <v>14</v>
      </c>
      <c r="AF25102">
        <v>14</v>
      </c>
      <c r="AG25102">
        <v>15</v>
      </c>
      <c r="AH25102">
        <v>15</v>
      </c>
      <c r="AI25102">
        <v>15</v>
      </c>
      <c r="AJ25102">
        <v>15</v>
      </c>
      <c r="AK25102">
        <v>15</v>
      </c>
      <c r="AL25102">
        <v>15</v>
      </c>
      <c r="AM25102">
        <v>15</v>
      </c>
      <c r="AN25102">
        <v>15</v>
      </c>
      <c r="AO25102">
        <v>15</v>
      </c>
      <c r="AP25102">
        <v>15</v>
      </c>
      <c r="AQ25102">
        <v>15</v>
      </c>
    </row>
    <row r="25103" spans="1:43">
      <c r="A25103" t="s">
        <v>15541</v>
      </c>
      <c r="B25103" t="s">
        <v>15542</v>
      </c>
      <c r="C25103" t="s">
        <v>15521</v>
      </c>
      <c r="D25103" t="s">
        <v>15522</v>
      </c>
      <c r="E25103" t="s">
        <v>15475</v>
      </c>
      <c r="F25103" t="s">
        <v>15476</v>
      </c>
      <c r="G25103" t="s">
        <v>10734</v>
      </c>
      <c r="H25103" t="s">
        <v>10735</v>
      </c>
      <c r="I25103" s="2">
        <v>1</v>
      </c>
      <c r="J25103" s="2">
        <v>0</v>
      </c>
      <c r="K25103" s="2">
        <v>0</v>
      </c>
      <c r="L25103" t="s">
        <v>120</v>
      </c>
      <c r="M25103" t="s">
        <v>87</v>
      </c>
      <c r="N25103" t="s">
        <v>88</v>
      </c>
      <c r="O25103" t="s">
        <v>85</v>
      </c>
      <c r="P25103" t="s">
        <v>86</v>
      </c>
      <c r="Q25103">
        <v>12</v>
      </c>
      <c r="R25103">
        <v>12</v>
      </c>
      <c r="S25103">
        <v>12</v>
      </c>
      <c r="T25103">
        <v>12</v>
      </c>
      <c r="U25103">
        <v>12</v>
      </c>
      <c r="V25103">
        <v>12</v>
      </c>
      <c r="W25103">
        <v>12</v>
      </c>
      <c r="X25103">
        <v>12</v>
      </c>
      <c r="Y25103">
        <v>12</v>
      </c>
      <c r="Z25103">
        <v>13</v>
      </c>
      <c r="AA25103">
        <v>13</v>
      </c>
      <c r="AB25103">
        <v>13</v>
      </c>
      <c r="AC25103">
        <v>13</v>
      </c>
      <c r="AD25103">
        <v>13</v>
      </c>
      <c r="AE25103">
        <v>13</v>
      </c>
      <c r="AF25103">
        <v>13</v>
      </c>
      <c r="AG25103">
        <v>13</v>
      </c>
      <c r="AH25103">
        <v>13</v>
      </c>
      <c r="AI25103">
        <v>13</v>
      </c>
      <c r="AJ25103">
        <v>13</v>
      </c>
      <c r="AK25103">
        <v>13</v>
      </c>
      <c r="AL25103">
        <v>13</v>
      </c>
      <c r="AM25103">
        <v>13</v>
      </c>
      <c r="AN25103">
        <v>13</v>
      </c>
      <c r="AO25103">
        <v>13</v>
      </c>
      <c r="AP25103">
        <v>13</v>
      </c>
      <c r="AQ25103">
        <v>13</v>
      </c>
    </row>
    <row r="25104" spans="1:43">
      <c r="A25104" t="s">
        <v>15541</v>
      </c>
      <c r="B25104" t="s">
        <v>15542</v>
      </c>
      <c r="C25104" t="s">
        <v>15521</v>
      </c>
      <c r="D25104" t="s">
        <v>15522</v>
      </c>
      <c r="E25104" t="s">
        <v>15475</v>
      </c>
      <c r="F25104" t="s">
        <v>15476</v>
      </c>
      <c r="G25104" t="s">
        <v>10734</v>
      </c>
      <c r="H25104" t="s">
        <v>10735</v>
      </c>
      <c r="I25104" s="2">
        <v>1</v>
      </c>
      <c r="J25104" s="2">
        <v>0</v>
      </c>
      <c r="K25104" s="2">
        <v>0</v>
      </c>
      <c r="L25104" t="s">
        <v>120</v>
      </c>
      <c r="M25104" t="s">
        <v>89</v>
      </c>
      <c r="N25104" t="s">
        <v>90</v>
      </c>
      <c r="O25104" t="s">
        <v>85</v>
      </c>
      <c r="P25104" t="s">
        <v>86</v>
      </c>
      <c r="Q25104">
        <v>12</v>
      </c>
      <c r="R25104">
        <v>13</v>
      </c>
      <c r="S25104">
        <v>13</v>
      </c>
      <c r="T25104">
        <v>13</v>
      </c>
      <c r="U25104">
        <v>13</v>
      </c>
      <c r="V25104">
        <v>14</v>
      </c>
      <c r="W25104">
        <v>14</v>
      </c>
      <c r="X25104">
        <v>14</v>
      </c>
      <c r="Y25104">
        <v>14</v>
      </c>
      <c r="Z25104">
        <v>14</v>
      </c>
      <c r="AA25104">
        <v>15</v>
      </c>
      <c r="AB25104">
        <v>15</v>
      </c>
      <c r="AC25104">
        <v>15</v>
      </c>
      <c r="AD25104">
        <v>15</v>
      </c>
      <c r="AE25104">
        <v>15</v>
      </c>
      <c r="AF25104">
        <v>15</v>
      </c>
      <c r="AG25104">
        <v>15</v>
      </c>
      <c r="AH25104">
        <v>15</v>
      </c>
      <c r="AI25104">
        <v>15</v>
      </c>
      <c r="AJ25104">
        <v>15</v>
      </c>
      <c r="AK25104">
        <v>15</v>
      </c>
      <c r="AL25104">
        <v>15</v>
      </c>
      <c r="AM25104">
        <v>15</v>
      </c>
      <c r="AN25104">
        <v>15</v>
      </c>
      <c r="AO25104">
        <v>15</v>
      </c>
      <c r="AP25104">
        <v>15</v>
      </c>
      <c r="AQ25104">
        <v>15</v>
      </c>
    </row>
    <row r="25105" spans="1:43">
      <c r="A25105" t="s">
        <v>15541</v>
      </c>
      <c r="B25105" t="s">
        <v>15542</v>
      </c>
      <c r="C25105" t="s">
        <v>15521</v>
      </c>
      <c r="D25105" t="s">
        <v>15522</v>
      </c>
      <c r="E25105" t="s">
        <v>15475</v>
      </c>
      <c r="F25105" t="s">
        <v>15476</v>
      </c>
      <c r="G25105" t="s">
        <v>10734</v>
      </c>
      <c r="H25105" t="s">
        <v>10735</v>
      </c>
      <c r="I25105" s="2">
        <v>1</v>
      </c>
      <c r="J25105" s="2">
        <v>0</v>
      </c>
      <c r="K25105" s="2">
        <v>0</v>
      </c>
      <c r="L25105" t="s">
        <v>120</v>
      </c>
      <c r="M25105" t="s">
        <v>83</v>
      </c>
      <c r="N25105" t="s">
        <v>91</v>
      </c>
      <c r="O25105" t="s">
        <v>85</v>
      </c>
      <c r="P25105" t="s">
        <v>86</v>
      </c>
      <c r="Q25105">
        <v>12</v>
      </c>
      <c r="R25105">
        <v>12</v>
      </c>
      <c r="S25105">
        <v>13</v>
      </c>
      <c r="T25105">
        <v>13</v>
      </c>
      <c r="U25105">
        <v>13</v>
      </c>
      <c r="V25105">
        <v>13</v>
      </c>
      <c r="W25105">
        <v>13</v>
      </c>
      <c r="X25105">
        <v>13</v>
      </c>
      <c r="Y25105">
        <v>13</v>
      </c>
      <c r="Z25105">
        <v>14</v>
      </c>
      <c r="AA25105">
        <v>14</v>
      </c>
      <c r="AB25105">
        <v>14</v>
      </c>
      <c r="AC25105">
        <v>14</v>
      </c>
      <c r="AD25105">
        <v>14</v>
      </c>
      <c r="AE25105">
        <v>14</v>
      </c>
      <c r="AF25105">
        <v>14</v>
      </c>
      <c r="AG25105">
        <v>15</v>
      </c>
      <c r="AH25105">
        <v>15</v>
      </c>
      <c r="AI25105">
        <v>15</v>
      </c>
      <c r="AJ25105">
        <v>15</v>
      </c>
      <c r="AK25105">
        <v>15</v>
      </c>
      <c r="AL25105">
        <v>15</v>
      </c>
      <c r="AM25105">
        <v>15</v>
      </c>
      <c r="AN25105">
        <v>15</v>
      </c>
      <c r="AO25105">
        <v>15</v>
      </c>
      <c r="AP25105">
        <v>15</v>
      </c>
      <c r="AQ25105">
        <v>15</v>
      </c>
    </row>
    <row r="25106" spans="1:43">
      <c r="A25106" t="s">
        <v>15543</v>
      </c>
      <c r="B25106" t="s">
        <v>15544</v>
      </c>
      <c r="C25106" t="s">
        <v>15521</v>
      </c>
      <c r="D25106" t="s">
        <v>15522</v>
      </c>
      <c r="E25106" t="s">
        <v>15475</v>
      </c>
      <c r="F25106" t="s">
        <v>15476</v>
      </c>
      <c r="G25106" t="s">
        <v>10734</v>
      </c>
      <c r="H25106" t="s">
        <v>10735</v>
      </c>
      <c r="I25106" s="2">
        <v>1</v>
      </c>
      <c r="J25106" s="2">
        <v>0</v>
      </c>
      <c r="K25106" s="2">
        <v>0</v>
      </c>
      <c r="L25106" t="s">
        <v>120</v>
      </c>
      <c r="M25106" t="s">
        <v>83</v>
      </c>
      <c r="N25106" t="s">
        <v>84</v>
      </c>
      <c r="O25106" t="s">
        <v>85</v>
      </c>
      <c r="P25106" t="s">
        <v>86</v>
      </c>
      <c r="Q25106">
        <v>33</v>
      </c>
      <c r="R25106">
        <v>33</v>
      </c>
      <c r="S25106">
        <v>34</v>
      </c>
      <c r="T25106">
        <v>34</v>
      </c>
      <c r="U25106">
        <v>35</v>
      </c>
      <c r="V25106">
        <v>35</v>
      </c>
      <c r="W25106">
        <v>36</v>
      </c>
      <c r="X25106">
        <v>36</v>
      </c>
      <c r="Y25106">
        <v>36</v>
      </c>
      <c r="Z25106">
        <v>37</v>
      </c>
      <c r="AA25106">
        <v>37</v>
      </c>
      <c r="AB25106">
        <v>38</v>
      </c>
      <c r="AC25106">
        <v>38</v>
      </c>
      <c r="AD25106">
        <v>38</v>
      </c>
      <c r="AE25106">
        <v>39</v>
      </c>
      <c r="AF25106">
        <v>39</v>
      </c>
      <c r="AG25106">
        <v>39</v>
      </c>
      <c r="AH25106">
        <v>40</v>
      </c>
      <c r="AI25106">
        <v>40</v>
      </c>
      <c r="AJ25106">
        <v>41</v>
      </c>
      <c r="AK25106">
        <v>41</v>
      </c>
      <c r="AL25106">
        <v>41</v>
      </c>
      <c r="AM25106">
        <v>41</v>
      </c>
      <c r="AN25106">
        <v>41</v>
      </c>
      <c r="AO25106">
        <v>41</v>
      </c>
      <c r="AP25106">
        <v>41</v>
      </c>
      <c r="AQ25106">
        <v>41</v>
      </c>
    </row>
    <row r="25107" spans="1:43">
      <c r="A25107" t="s">
        <v>15543</v>
      </c>
      <c r="B25107" t="s">
        <v>15544</v>
      </c>
      <c r="C25107" t="s">
        <v>15521</v>
      </c>
      <c r="D25107" t="s">
        <v>15522</v>
      </c>
      <c r="E25107" t="s">
        <v>15475</v>
      </c>
      <c r="F25107" t="s">
        <v>15476</v>
      </c>
      <c r="G25107" t="s">
        <v>10734</v>
      </c>
      <c r="H25107" t="s">
        <v>10735</v>
      </c>
      <c r="I25107" s="2">
        <v>1</v>
      </c>
      <c r="J25107" s="2">
        <v>0</v>
      </c>
      <c r="K25107" s="2">
        <v>0</v>
      </c>
      <c r="L25107" t="s">
        <v>120</v>
      </c>
      <c r="M25107" t="s">
        <v>87</v>
      </c>
      <c r="N25107" t="s">
        <v>88</v>
      </c>
      <c r="O25107" t="s">
        <v>85</v>
      </c>
      <c r="P25107" t="s">
        <v>86</v>
      </c>
      <c r="Q25107">
        <v>33</v>
      </c>
      <c r="R25107">
        <v>33</v>
      </c>
      <c r="S25107">
        <v>33</v>
      </c>
      <c r="T25107">
        <v>33</v>
      </c>
      <c r="U25107">
        <v>33</v>
      </c>
      <c r="V25107">
        <v>33</v>
      </c>
      <c r="W25107">
        <v>33</v>
      </c>
      <c r="X25107">
        <v>34</v>
      </c>
      <c r="Y25107">
        <v>34</v>
      </c>
      <c r="Z25107">
        <v>34</v>
      </c>
      <c r="AA25107">
        <v>34</v>
      </c>
      <c r="AB25107">
        <v>34</v>
      </c>
      <c r="AC25107">
        <v>34</v>
      </c>
      <c r="AD25107">
        <v>34</v>
      </c>
      <c r="AE25107">
        <v>34</v>
      </c>
      <c r="AF25107">
        <v>35</v>
      </c>
      <c r="AG25107">
        <v>35</v>
      </c>
      <c r="AH25107">
        <v>35</v>
      </c>
      <c r="AI25107">
        <v>35</v>
      </c>
      <c r="AJ25107">
        <v>35</v>
      </c>
      <c r="AK25107">
        <v>35</v>
      </c>
      <c r="AL25107">
        <v>35</v>
      </c>
      <c r="AM25107">
        <v>35</v>
      </c>
      <c r="AN25107">
        <v>36</v>
      </c>
      <c r="AO25107">
        <v>36</v>
      </c>
      <c r="AP25107">
        <v>36</v>
      </c>
      <c r="AQ25107">
        <v>36</v>
      </c>
    </row>
    <row r="25108" spans="1:43">
      <c r="A25108" t="s">
        <v>15543</v>
      </c>
      <c r="B25108" t="s">
        <v>15544</v>
      </c>
      <c r="C25108" t="s">
        <v>15521</v>
      </c>
      <c r="D25108" t="s">
        <v>15522</v>
      </c>
      <c r="E25108" t="s">
        <v>15475</v>
      </c>
      <c r="F25108" t="s">
        <v>15476</v>
      </c>
      <c r="G25108" t="s">
        <v>10734</v>
      </c>
      <c r="H25108" t="s">
        <v>10735</v>
      </c>
      <c r="I25108" s="2">
        <v>1</v>
      </c>
      <c r="J25108" s="2">
        <v>0</v>
      </c>
      <c r="K25108" s="2">
        <v>0</v>
      </c>
      <c r="L25108" t="s">
        <v>120</v>
      </c>
      <c r="M25108" t="s">
        <v>89</v>
      </c>
      <c r="N25108" t="s">
        <v>90</v>
      </c>
      <c r="O25108" t="s">
        <v>85</v>
      </c>
      <c r="P25108" t="s">
        <v>86</v>
      </c>
      <c r="Q25108">
        <v>33</v>
      </c>
      <c r="R25108">
        <v>34</v>
      </c>
      <c r="S25108">
        <v>35</v>
      </c>
      <c r="T25108">
        <v>35</v>
      </c>
      <c r="U25108">
        <v>36</v>
      </c>
      <c r="V25108">
        <v>37</v>
      </c>
      <c r="W25108">
        <v>37</v>
      </c>
      <c r="X25108">
        <v>38</v>
      </c>
      <c r="Y25108">
        <v>38</v>
      </c>
      <c r="Z25108">
        <v>39</v>
      </c>
      <c r="AA25108">
        <v>40</v>
      </c>
      <c r="AB25108">
        <v>40</v>
      </c>
      <c r="AC25108">
        <v>41</v>
      </c>
      <c r="AD25108">
        <v>41</v>
      </c>
      <c r="AE25108">
        <v>41</v>
      </c>
      <c r="AF25108">
        <v>41</v>
      </c>
      <c r="AG25108">
        <v>42</v>
      </c>
      <c r="AH25108">
        <v>42</v>
      </c>
      <c r="AI25108">
        <v>42</v>
      </c>
      <c r="AJ25108">
        <v>42</v>
      </c>
      <c r="AK25108">
        <v>42</v>
      </c>
      <c r="AL25108">
        <v>42</v>
      </c>
      <c r="AM25108">
        <v>42</v>
      </c>
      <c r="AN25108">
        <v>42</v>
      </c>
      <c r="AO25108">
        <v>42</v>
      </c>
      <c r="AP25108">
        <v>42</v>
      </c>
      <c r="AQ25108">
        <v>42</v>
      </c>
    </row>
    <row r="25109" spans="1:43">
      <c r="A25109" t="s">
        <v>15543</v>
      </c>
      <c r="B25109" t="s">
        <v>15544</v>
      </c>
      <c r="C25109" t="s">
        <v>15521</v>
      </c>
      <c r="D25109" t="s">
        <v>15522</v>
      </c>
      <c r="E25109" t="s">
        <v>15475</v>
      </c>
      <c r="F25109" t="s">
        <v>15476</v>
      </c>
      <c r="G25109" t="s">
        <v>10734</v>
      </c>
      <c r="H25109" t="s">
        <v>10735</v>
      </c>
      <c r="I25109" s="2">
        <v>1</v>
      </c>
      <c r="J25109" s="2">
        <v>0</v>
      </c>
      <c r="K25109" s="2">
        <v>0</v>
      </c>
      <c r="L25109" t="s">
        <v>120</v>
      </c>
      <c r="M25109" t="s">
        <v>83</v>
      </c>
      <c r="N25109" t="s">
        <v>91</v>
      </c>
      <c r="O25109" t="s">
        <v>85</v>
      </c>
      <c r="P25109" t="s">
        <v>86</v>
      </c>
      <c r="Q25109">
        <v>33</v>
      </c>
      <c r="R25109">
        <v>33</v>
      </c>
      <c r="S25109">
        <v>34</v>
      </c>
      <c r="T25109">
        <v>34</v>
      </c>
      <c r="U25109">
        <v>35</v>
      </c>
      <c r="V25109">
        <v>35</v>
      </c>
      <c r="W25109">
        <v>36</v>
      </c>
      <c r="X25109">
        <v>36</v>
      </c>
      <c r="Y25109">
        <v>36</v>
      </c>
      <c r="Z25109">
        <v>37</v>
      </c>
      <c r="AA25109">
        <v>37</v>
      </c>
      <c r="AB25109">
        <v>38</v>
      </c>
      <c r="AC25109">
        <v>38</v>
      </c>
      <c r="AD25109">
        <v>38</v>
      </c>
      <c r="AE25109">
        <v>39</v>
      </c>
      <c r="AF25109">
        <v>39</v>
      </c>
      <c r="AG25109">
        <v>39</v>
      </c>
      <c r="AH25109">
        <v>40</v>
      </c>
      <c r="AI25109">
        <v>40</v>
      </c>
      <c r="AJ25109">
        <v>41</v>
      </c>
      <c r="AK25109">
        <v>41</v>
      </c>
      <c r="AL25109">
        <v>41</v>
      </c>
      <c r="AM25109">
        <v>41</v>
      </c>
      <c r="AN25109">
        <v>41</v>
      </c>
      <c r="AO25109">
        <v>41</v>
      </c>
      <c r="AP25109">
        <v>41</v>
      </c>
      <c r="AQ25109">
        <v>41</v>
      </c>
    </row>
    <row r="25110" spans="1:43">
      <c r="A25110" t="s">
        <v>15545</v>
      </c>
      <c r="B25110" t="s">
        <v>15546</v>
      </c>
      <c r="C25110" t="s">
        <v>15521</v>
      </c>
      <c r="D25110" t="s">
        <v>15522</v>
      </c>
      <c r="E25110" t="s">
        <v>15475</v>
      </c>
      <c r="F25110" t="s">
        <v>15476</v>
      </c>
      <c r="G25110" t="s">
        <v>10734</v>
      </c>
      <c r="H25110" t="s">
        <v>10735</v>
      </c>
      <c r="I25110" s="2">
        <v>1</v>
      </c>
      <c r="J25110" s="2">
        <v>0</v>
      </c>
      <c r="K25110" s="2">
        <v>0</v>
      </c>
      <c r="L25110" t="s">
        <v>120</v>
      </c>
      <c r="M25110" t="s">
        <v>83</v>
      </c>
      <c r="N25110" t="s">
        <v>84</v>
      </c>
      <c r="O25110" t="s">
        <v>85</v>
      </c>
      <c r="P25110" t="s">
        <v>86</v>
      </c>
      <c r="Q25110">
        <v>19</v>
      </c>
      <c r="R25110">
        <v>20</v>
      </c>
      <c r="S25110">
        <v>20</v>
      </c>
      <c r="T25110">
        <v>20</v>
      </c>
      <c r="U25110">
        <v>20</v>
      </c>
      <c r="V25110">
        <v>21</v>
      </c>
      <c r="W25110">
        <v>21</v>
      </c>
      <c r="X25110">
        <v>21</v>
      </c>
      <c r="Y25110">
        <v>21</v>
      </c>
      <c r="Z25110">
        <v>22</v>
      </c>
      <c r="AA25110">
        <v>22</v>
      </c>
      <c r="AB25110">
        <v>22</v>
      </c>
      <c r="AC25110">
        <v>22</v>
      </c>
      <c r="AD25110">
        <v>23</v>
      </c>
      <c r="AE25110">
        <v>23</v>
      </c>
      <c r="AF25110">
        <v>23</v>
      </c>
      <c r="AG25110">
        <v>23</v>
      </c>
      <c r="AH25110">
        <v>23</v>
      </c>
      <c r="AI25110">
        <v>24</v>
      </c>
      <c r="AJ25110">
        <v>24</v>
      </c>
      <c r="AK25110">
        <v>24</v>
      </c>
      <c r="AL25110">
        <v>24</v>
      </c>
      <c r="AM25110">
        <v>24</v>
      </c>
      <c r="AN25110">
        <v>24</v>
      </c>
      <c r="AO25110">
        <v>24</v>
      </c>
      <c r="AP25110">
        <v>24</v>
      </c>
      <c r="AQ25110">
        <v>24</v>
      </c>
    </row>
    <row r="25111" spans="1:43">
      <c r="A25111" t="s">
        <v>15545</v>
      </c>
      <c r="B25111" t="s">
        <v>15546</v>
      </c>
      <c r="C25111" t="s">
        <v>15521</v>
      </c>
      <c r="D25111" t="s">
        <v>15522</v>
      </c>
      <c r="E25111" t="s">
        <v>15475</v>
      </c>
      <c r="F25111" t="s">
        <v>15476</v>
      </c>
      <c r="G25111" t="s">
        <v>10734</v>
      </c>
      <c r="H25111" t="s">
        <v>10735</v>
      </c>
      <c r="I25111" s="2">
        <v>1</v>
      </c>
      <c r="J25111" s="2">
        <v>0</v>
      </c>
      <c r="K25111" s="2">
        <v>0</v>
      </c>
      <c r="L25111" t="s">
        <v>120</v>
      </c>
      <c r="M25111" t="s">
        <v>87</v>
      </c>
      <c r="N25111" t="s">
        <v>88</v>
      </c>
      <c r="O25111" t="s">
        <v>85</v>
      </c>
      <c r="P25111" t="s">
        <v>86</v>
      </c>
      <c r="Q25111">
        <v>19</v>
      </c>
      <c r="R25111">
        <v>19</v>
      </c>
      <c r="S25111">
        <v>19</v>
      </c>
      <c r="T25111">
        <v>19</v>
      </c>
      <c r="U25111">
        <v>20</v>
      </c>
      <c r="V25111">
        <v>20</v>
      </c>
      <c r="W25111">
        <v>20</v>
      </c>
      <c r="X25111">
        <v>20</v>
      </c>
      <c r="Y25111">
        <v>20</v>
      </c>
      <c r="Z25111">
        <v>20</v>
      </c>
      <c r="AA25111">
        <v>20</v>
      </c>
      <c r="AB25111">
        <v>20</v>
      </c>
      <c r="AC25111">
        <v>20</v>
      </c>
      <c r="AD25111">
        <v>20</v>
      </c>
      <c r="AE25111">
        <v>20</v>
      </c>
      <c r="AF25111">
        <v>20</v>
      </c>
      <c r="AG25111">
        <v>20</v>
      </c>
      <c r="AH25111">
        <v>21</v>
      </c>
      <c r="AI25111">
        <v>21</v>
      </c>
      <c r="AJ25111">
        <v>21</v>
      </c>
      <c r="AK25111">
        <v>21</v>
      </c>
      <c r="AL25111">
        <v>21</v>
      </c>
      <c r="AM25111">
        <v>21</v>
      </c>
      <c r="AN25111">
        <v>21</v>
      </c>
      <c r="AO25111">
        <v>21</v>
      </c>
      <c r="AP25111">
        <v>21</v>
      </c>
      <c r="AQ25111">
        <v>21</v>
      </c>
    </row>
    <row r="25112" spans="1:43">
      <c r="A25112" t="s">
        <v>15545</v>
      </c>
      <c r="B25112" t="s">
        <v>15546</v>
      </c>
      <c r="C25112" t="s">
        <v>15521</v>
      </c>
      <c r="D25112" t="s">
        <v>15522</v>
      </c>
      <c r="E25112" t="s">
        <v>15475</v>
      </c>
      <c r="F25112" t="s">
        <v>15476</v>
      </c>
      <c r="G25112" t="s">
        <v>10734</v>
      </c>
      <c r="H25112" t="s">
        <v>10735</v>
      </c>
      <c r="I25112" s="2">
        <v>1</v>
      </c>
      <c r="J25112" s="2">
        <v>0</v>
      </c>
      <c r="K25112" s="2">
        <v>0</v>
      </c>
      <c r="L25112" t="s">
        <v>120</v>
      </c>
      <c r="M25112" t="s">
        <v>89</v>
      </c>
      <c r="N25112" t="s">
        <v>90</v>
      </c>
      <c r="O25112" t="s">
        <v>85</v>
      </c>
      <c r="P25112" t="s">
        <v>86</v>
      </c>
      <c r="Q25112">
        <v>19</v>
      </c>
      <c r="R25112">
        <v>19</v>
      </c>
      <c r="S25112">
        <v>19</v>
      </c>
      <c r="T25112">
        <v>20</v>
      </c>
      <c r="U25112">
        <v>20</v>
      </c>
      <c r="V25112">
        <v>21</v>
      </c>
      <c r="W25112">
        <v>21</v>
      </c>
      <c r="X25112">
        <v>21</v>
      </c>
      <c r="Y25112">
        <v>22</v>
      </c>
      <c r="Z25112">
        <v>22</v>
      </c>
      <c r="AA25112">
        <v>22</v>
      </c>
      <c r="AB25112">
        <v>23</v>
      </c>
      <c r="AC25112">
        <v>23</v>
      </c>
      <c r="AD25112">
        <v>23</v>
      </c>
      <c r="AE25112">
        <v>23</v>
      </c>
      <c r="AF25112">
        <v>23</v>
      </c>
      <c r="AG25112">
        <v>23</v>
      </c>
      <c r="AH25112">
        <v>23</v>
      </c>
      <c r="AI25112">
        <v>23</v>
      </c>
      <c r="AJ25112">
        <v>23</v>
      </c>
      <c r="AK25112">
        <v>23</v>
      </c>
      <c r="AL25112">
        <v>23</v>
      </c>
      <c r="AM25112">
        <v>24</v>
      </c>
      <c r="AN25112">
        <v>24</v>
      </c>
      <c r="AO25112">
        <v>24</v>
      </c>
      <c r="AP25112">
        <v>24</v>
      </c>
      <c r="AQ25112">
        <v>24</v>
      </c>
    </row>
    <row r="25113" spans="1:43">
      <c r="A25113" t="s">
        <v>15545</v>
      </c>
      <c r="B25113" t="s">
        <v>15546</v>
      </c>
      <c r="C25113" t="s">
        <v>15521</v>
      </c>
      <c r="D25113" t="s">
        <v>15522</v>
      </c>
      <c r="E25113" t="s">
        <v>15475</v>
      </c>
      <c r="F25113" t="s">
        <v>15476</v>
      </c>
      <c r="G25113" t="s">
        <v>10734</v>
      </c>
      <c r="H25113" t="s">
        <v>10735</v>
      </c>
      <c r="I25113" s="2">
        <v>1</v>
      </c>
      <c r="J25113" s="2">
        <v>0</v>
      </c>
      <c r="K25113" s="2">
        <v>0</v>
      </c>
      <c r="L25113" t="s">
        <v>120</v>
      </c>
      <c r="M25113" t="s">
        <v>83</v>
      </c>
      <c r="N25113" t="s">
        <v>91</v>
      </c>
      <c r="O25113" t="s">
        <v>85</v>
      </c>
      <c r="P25113" t="s">
        <v>86</v>
      </c>
      <c r="Q25113">
        <v>19</v>
      </c>
      <c r="R25113">
        <v>20</v>
      </c>
      <c r="S25113">
        <v>20</v>
      </c>
      <c r="T25113">
        <v>20</v>
      </c>
      <c r="U25113">
        <v>20</v>
      </c>
      <c r="V25113">
        <v>21</v>
      </c>
      <c r="W25113">
        <v>21</v>
      </c>
      <c r="X25113">
        <v>21</v>
      </c>
      <c r="Y25113">
        <v>21</v>
      </c>
      <c r="Z25113">
        <v>22</v>
      </c>
      <c r="AA25113">
        <v>22</v>
      </c>
      <c r="AB25113">
        <v>22</v>
      </c>
      <c r="AC25113">
        <v>22</v>
      </c>
      <c r="AD25113">
        <v>23</v>
      </c>
      <c r="AE25113">
        <v>23</v>
      </c>
      <c r="AF25113">
        <v>23</v>
      </c>
      <c r="AG25113">
        <v>23</v>
      </c>
      <c r="AH25113">
        <v>23</v>
      </c>
      <c r="AI25113">
        <v>24</v>
      </c>
      <c r="AJ25113">
        <v>24</v>
      </c>
      <c r="AK25113">
        <v>24</v>
      </c>
      <c r="AL25113">
        <v>24</v>
      </c>
      <c r="AM25113">
        <v>24</v>
      </c>
      <c r="AN25113">
        <v>24</v>
      </c>
      <c r="AO25113">
        <v>24</v>
      </c>
      <c r="AP25113">
        <v>24</v>
      </c>
      <c r="AQ25113">
        <v>24</v>
      </c>
    </row>
    <row r="25114" spans="1:43">
      <c r="A25114" t="s">
        <v>15547</v>
      </c>
      <c r="B25114" t="s">
        <v>15548</v>
      </c>
      <c r="C25114" t="s">
        <v>15549</v>
      </c>
      <c r="D25114" t="s">
        <v>15550</v>
      </c>
      <c r="E25114" t="s">
        <v>15475</v>
      </c>
      <c r="F25114" t="s">
        <v>15476</v>
      </c>
      <c r="G25114" t="s">
        <v>10734</v>
      </c>
      <c r="H25114" t="s">
        <v>10735</v>
      </c>
      <c r="I25114" s="2">
        <v>1</v>
      </c>
      <c r="J25114" s="2">
        <v>0</v>
      </c>
      <c r="K25114" s="2">
        <v>0</v>
      </c>
      <c r="L25114" t="s">
        <v>120</v>
      </c>
      <c r="M25114" t="s">
        <v>83</v>
      </c>
      <c r="N25114" t="s">
        <v>84</v>
      </c>
      <c r="O25114" t="s">
        <v>85</v>
      </c>
      <c r="P25114" t="s">
        <v>86</v>
      </c>
      <c r="Q25114">
        <v>25</v>
      </c>
      <c r="R25114">
        <v>25</v>
      </c>
      <c r="S25114">
        <v>25</v>
      </c>
      <c r="T25114">
        <v>26</v>
      </c>
      <c r="U25114">
        <v>26</v>
      </c>
      <c r="V25114">
        <v>27</v>
      </c>
      <c r="W25114">
        <v>27</v>
      </c>
      <c r="X25114">
        <v>27</v>
      </c>
      <c r="Y25114">
        <v>27</v>
      </c>
      <c r="Z25114">
        <v>28</v>
      </c>
      <c r="AA25114">
        <v>28</v>
      </c>
      <c r="AB25114">
        <v>28</v>
      </c>
      <c r="AC25114">
        <v>29</v>
      </c>
      <c r="AD25114">
        <v>29</v>
      </c>
      <c r="AE25114">
        <v>29</v>
      </c>
      <c r="AF25114">
        <v>29</v>
      </c>
      <c r="AG25114">
        <v>30</v>
      </c>
      <c r="AH25114">
        <v>30</v>
      </c>
      <c r="AI25114">
        <v>30</v>
      </c>
      <c r="AJ25114">
        <v>31</v>
      </c>
      <c r="AK25114">
        <v>31</v>
      </c>
      <c r="AL25114">
        <v>31</v>
      </c>
      <c r="AM25114">
        <v>31</v>
      </c>
      <c r="AN25114">
        <v>31</v>
      </c>
      <c r="AO25114">
        <v>31</v>
      </c>
      <c r="AP25114">
        <v>31</v>
      </c>
      <c r="AQ25114">
        <v>31</v>
      </c>
    </row>
    <row r="25115" spans="1:43">
      <c r="A25115" t="s">
        <v>15547</v>
      </c>
      <c r="B25115" t="s">
        <v>15548</v>
      </c>
      <c r="C25115" t="s">
        <v>15549</v>
      </c>
      <c r="D25115" t="s">
        <v>15550</v>
      </c>
      <c r="E25115" t="s">
        <v>15475</v>
      </c>
      <c r="F25115" t="s">
        <v>15476</v>
      </c>
      <c r="G25115" t="s">
        <v>10734</v>
      </c>
      <c r="H25115" t="s">
        <v>10735</v>
      </c>
      <c r="I25115" s="2">
        <v>1</v>
      </c>
      <c r="J25115" s="2">
        <v>0</v>
      </c>
      <c r="K25115" s="2">
        <v>0</v>
      </c>
      <c r="L25115" t="s">
        <v>120</v>
      </c>
      <c r="M25115" t="s">
        <v>87</v>
      </c>
      <c r="N25115" t="s">
        <v>88</v>
      </c>
      <c r="O25115" t="s">
        <v>85</v>
      </c>
      <c r="P25115" t="s">
        <v>86</v>
      </c>
      <c r="Q25115">
        <v>25</v>
      </c>
      <c r="R25115">
        <v>25</v>
      </c>
      <c r="S25115">
        <v>25</v>
      </c>
      <c r="T25115">
        <v>25</v>
      </c>
      <c r="U25115">
        <v>25</v>
      </c>
      <c r="V25115">
        <v>25</v>
      </c>
      <c r="W25115">
        <v>25</v>
      </c>
      <c r="X25115">
        <v>25</v>
      </c>
      <c r="Y25115">
        <v>25</v>
      </c>
      <c r="Z25115">
        <v>26</v>
      </c>
      <c r="AA25115">
        <v>26</v>
      </c>
      <c r="AB25115">
        <v>26</v>
      </c>
      <c r="AC25115">
        <v>26</v>
      </c>
      <c r="AD25115">
        <v>26</v>
      </c>
      <c r="AE25115">
        <v>26</v>
      </c>
      <c r="AF25115">
        <v>26</v>
      </c>
      <c r="AG25115">
        <v>26</v>
      </c>
      <c r="AH25115">
        <v>26</v>
      </c>
      <c r="AI25115">
        <v>26</v>
      </c>
      <c r="AJ25115">
        <v>27</v>
      </c>
      <c r="AK25115">
        <v>27</v>
      </c>
      <c r="AL25115">
        <v>27</v>
      </c>
      <c r="AM25115">
        <v>27</v>
      </c>
      <c r="AN25115">
        <v>27</v>
      </c>
      <c r="AO25115">
        <v>27</v>
      </c>
      <c r="AP25115">
        <v>27</v>
      </c>
      <c r="AQ25115">
        <v>27</v>
      </c>
    </row>
    <row r="25116" spans="1:43">
      <c r="A25116" t="s">
        <v>15547</v>
      </c>
      <c r="B25116" t="s">
        <v>15548</v>
      </c>
      <c r="C25116" t="s">
        <v>15549</v>
      </c>
      <c r="D25116" t="s">
        <v>15550</v>
      </c>
      <c r="E25116" t="s">
        <v>15475</v>
      </c>
      <c r="F25116" t="s">
        <v>15476</v>
      </c>
      <c r="G25116" t="s">
        <v>10734</v>
      </c>
      <c r="H25116" t="s">
        <v>10735</v>
      </c>
      <c r="I25116" s="2">
        <v>1</v>
      </c>
      <c r="J25116" s="2">
        <v>0</v>
      </c>
      <c r="K25116" s="2">
        <v>0</v>
      </c>
      <c r="L25116" t="s">
        <v>120</v>
      </c>
      <c r="M25116" t="s">
        <v>89</v>
      </c>
      <c r="N25116" t="s">
        <v>90</v>
      </c>
      <c r="O25116" t="s">
        <v>85</v>
      </c>
      <c r="P25116" t="s">
        <v>86</v>
      </c>
      <c r="Q25116">
        <v>25</v>
      </c>
      <c r="R25116">
        <v>26</v>
      </c>
      <c r="S25116">
        <v>26</v>
      </c>
      <c r="T25116">
        <v>27</v>
      </c>
      <c r="U25116">
        <v>27</v>
      </c>
      <c r="V25116">
        <v>28</v>
      </c>
      <c r="W25116">
        <v>28</v>
      </c>
      <c r="X25116">
        <v>29</v>
      </c>
      <c r="Y25116">
        <v>29</v>
      </c>
      <c r="Z25116">
        <v>29</v>
      </c>
      <c r="AA25116">
        <v>30</v>
      </c>
      <c r="AB25116">
        <v>30</v>
      </c>
      <c r="AC25116">
        <v>30</v>
      </c>
      <c r="AD25116">
        <v>31</v>
      </c>
      <c r="AE25116">
        <v>31</v>
      </c>
      <c r="AF25116">
        <v>31</v>
      </c>
      <c r="AG25116">
        <v>31</v>
      </c>
      <c r="AH25116">
        <v>31</v>
      </c>
      <c r="AI25116">
        <v>31</v>
      </c>
      <c r="AJ25116">
        <v>31</v>
      </c>
      <c r="AK25116">
        <v>31</v>
      </c>
      <c r="AL25116">
        <v>31</v>
      </c>
      <c r="AM25116">
        <v>31</v>
      </c>
      <c r="AN25116">
        <v>31</v>
      </c>
      <c r="AO25116">
        <v>31</v>
      </c>
      <c r="AP25116">
        <v>31</v>
      </c>
      <c r="AQ25116">
        <v>31</v>
      </c>
    </row>
    <row r="25117" spans="1:43">
      <c r="A25117" t="s">
        <v>15547</v>
      </c>
      <c r="B25117" t="s">
        <v>15548</v>
      </c>
      <c r="C25117" t="s">
        <v>15549</v>
      </c>
      <c r="D25117" t="s">
        <v>15550</v>
      </c>
      <c r="E25117" t="s">
        <v>15475</v>
      </c>
      <c r="F25117" t="s">
        <v>15476</v>
      </c>
      <c r="G25117" t="s">
        <v>10734</v>
      </c>
      <c r="H25117" t="s">
        <v>10735</v>
      </c>
      <c r="I25117" s="2">
        <v>1</v>
      </c>
      <c r="J25117" s="2">
        <v>0</v>
      </c>
      <c r="K25117" s="2">
        <v>0</v>
      </c>
      <c r="L25117" t="s">
        <v>120</v>
      </c>
      <c r="M25117" t="s">
        <v>83</v>
      </c>
      <c r="N25117" t="s">
        <v>91</v>
      </c>
      <c r="O25117" t="s">
        <v>85</v>
      </c>
      <c r="P25117" t="s">
        <v>86</v>
      </c>
      <c r="Q25117">
        <v>25</v>
      </c>
      <c r="R25117">
        <v>25</v>
      </c>
      <c r="S25117">
        <v>25</v>
      </c>
      <c r="T25117">
        <v>26</v>
      </c>
      <c r="U25117">
        <v>26</v>
      </c>
      <c r="V25117">
        <v>27</v>
      </c>
      <c r="W25117">
        <v>27</v>
      </c>
      <c r="X25117">
        <v>27</v>
      </c>
      <c r="Y25117">
        <v>27</v>
      </c>
      <c r="Z25117">
        <v>28</v>
      </c>
      <c r="AA25117">
        <v>28</v>
      </c>
      <c r="AB25117">
        <v>28</v>
      </c>
      <c r="AC25117">
        <v>29</v>
      </c>
      <c r="AD25117">
        <v>29</v>
      </c>
      <c r="AE25117">
        <v>29</v>
      </c>
      <c r="AF25117">
        <v>29</v>
      </c>
      <c r="AG25117">
        <v>30</v>
      </c>
      <c r="AH25117">
        <v>30</v>
      </c>
      <c r="AI25117">
        <v>30</v>
      </c>
      <c r="AJ25117">
        <v>31</v>
      </c>
      <c r="AK25117">
        <v>31</v>
      </c>
      <c r="AL25117">
        <v>31</v>
      </c>
      <c r="AM25117">
        <v>31</v>
      </c>
      <c r="AN25117">
        <v>31</v>
      </c>
      <c r="AO25117">
        <v>31</v>
      </c>
      <c r="AP25117">
        <v>31</v>
      </c>
      <c r="AQ25117">
        <v>31</v>
      </c>
    </row>
    <row r="25118" spans="1:43">
      <c r="A25118" t="s">
        <v>15551</v>
      </c>
      <c r="B25118" t="s">
        <v>15552</v>
      </c>
      <c r="C25118" t="s">
        <v>15549</v>
      </c>
      <c r="D25118" t="s">
        <v>15550</v>
      </c>
      <c r="E25118" t="s">
        <v>15475</v>
      </c>
      <c r="F25118" t="s">
        <v>15476</v>
      </c>
      <c r="G25118" t="s">
        <v>10734</v>
      </c>
      <c r="H25118" t="s">
        <v>10735</v>
      </c>
      <c r="I25118" s="2">
        <v>1</v>
      </c>
      <c r="J25118" s="2">
        <v>0</v>
      </c>
      <c r="K25118" s="2">
        <v>0</v>
      </c>
      <c r="L25118" t="s">
        <v>120</v>
      </c>
      <c r="M25118" t="s">
        <v>83</v>
      </c>
      <c r="N25118" t="s">
        <v>84</v>
      </c>
      <c r="O25118" t="s">
        <v>85</v>
      </c>
      <c r="P25118" t="s">
        <v>86</v>
      </c>
      <c r="Q25118">
        <v>28</v>
      </c>
      <c r="R25118">
        <v>29</v>
      </c>
      <c r="S25118">
        <v>29</v>
      </c>
      <c r="T25118">
        <v>30</v>
      </c>
      <c r="U25118">
        <v>30</v>
      </c>
      <c r="V25118">
        <v>30</v>
      </c>
      <c r="W25118">
        <v>31</v>
      </c>
      <c r="X25118">
        <v>31</v>
      </c>
      <c r="Y25118">
        <v>32</v>
      </c>
      <c r="Z25118">
        <v>32</v>
      </c>
      <c r="AA25118">
        <v>32</v>
      </c>
      <c r="AB25118">
        <v>33</v>
      </c>
      <c r="AC25118">
        <v>33</v>
      </c>
      <c r="AD25118">
        <v>33</v>
      </c>
      <c r="AE25118">
        <v>34</v>
      </c>
      <c r="AF25118">
        <v>34</v>
      </c>
      <c r="AG25118">
        <v>34</v>
      </c>
      <c r="AH25118">
        <v>34</v>
      </c>
      <c r="AI25118">
        <v>35</v>
      </c>
      <c r="AJ25118">
        <v>35</v>
      </c>
      <c r="AK25118">
        <v>35</v>
      </c>
      <c r="AL25118">
        <v>36</v>
      </c>
      <c r="AM25118">
        <v>36</v>
      </c>
      <c r="AN25118">
        <v>36</v>
      </c>
      <c r="AO25118">
        <v>36</v>
      </c>
      <c r="AP25118">
        <v>36</v>
      </c>
      <c r="AQ25118">
        <v>36</v>
      </c>
    </row>
    <row r="25119" spans="1:43">
      <c r="A25119" t="s">
        <v>15551</v>
      </c>
      <c r="B25119" t="s">
        <v>15552</v>
      </c>
      <c r="C25119" t="s">
        <v>15549</v>
      </c>
      <c r="D25119" t="s">
        <v>15550</v>
      </c>
      <c r="E25119" t="s">
        <v>15475</v>
      </c>
      <c r="F25119" t="s">
        <v>15476</v>
      </c>
      <c r="G25119" t="s">
        <v>10734</v>
      </c>
      <c r="H25119" t="s">
        <v>10735</v>
      </c>
      <c r="I25119" s="2">
        <v>1</v>
      </c>
      <c r="J25119" s="2">
        <v>0</v>
      </c>
      <c r="K25119" s="2">
        <v>0</v>
      </c>
      <c r="L25119" t="s">
        <v>120</v>
      </c>
      <c r="M25119" t="s">
        <v>87</v>
      </c>
      <c r="N25119" t="s">
        <v>88</v>
      </c>
      <c r="O25119" t="s">
        <v>85</v>
      </c>
      <c r="P25119" t="s">
        <v>86</v>
      </c>
      <c r="Q25119">
        <v>28</v>
      </c>
      <c r="R25119">
        <v>28</v>
      </c>
      <c r="S25119">
        <v>28</v>
      </c>
      <c r="T25119">
        <v>29</v>
      </c>
      <c r="U25119">
        <v>29</v>
      </c>
      <c r="V25119">
        <v>29</v>
      </c>
      <c r="W25119">
        <v>29</v>
      </c>
      <c r="X25119">
        <v>29</v>
      </c>
      <c r="Y25119">
        <v>29</v>
      </c>
      <c r="Z25119">
        <v>29</v>
      </c>
      <c r="AA25119">
        <v>29</v>
      </c>
      <c r="AB25119">
        <v>30</v>
      </c>
      <c r="AC25119">
        <v>30</v>
      </c>
      <c r="AD25119">
        <v>30</v>
      </c>
      <c r="AE25119">
        <v>30</v>
      </c>
      <c r="AF25119">
        <v>30</v>
      </c>
      <c r="AG25119">
        <v>30</v>
      </c>
      <c r="AH25119">
        <v>30</v>
      </c>
      <c r="AI25119">
        <v>30</v>
      </c>
      <c r="AJ25119">
        <v>31</v>
      </c>
      <c r="AK25119">
        <v>31</v>
      </c>
      <c r="AL25119">
        <v>31</v>
      </c>
      <c r="AM25119">
        <v>31</v>
      </c>
      <c r="AN25119">
        <v>31</v>
      </c>
      <c r="AO25119">
        <v>31</v>
      </c>
      <c r="AP25119">
        <v>31</v>
      </c>
      <c r="AQ25119">
        <v>31</v>
      </c>
    </row>
    <row r="25120" spans="1:43">
      <c r="A25120" t="s">
        <v>15551</v>
      </c>
      <c r="B25120" t="s">
        <v>15552</v>
      </c>
      <c r="C25120" t="s">
        <v>15549</v>
      </c>
      <c r="D25120" t="s">
        <v>15550</v>
      </c>
      <c r="E25120" t="s">
        <v>15475</v>
      </c>
      <c r="F25120" t="s">
        <v>15476</v>
      </c>
      <c r="G25120" t="s">
        <v>10734</v>
      </c>
      <c r="H25120" t="s">
        <v>10735</v>
      </c>
      <c r="I25120" s="2">
        <v>1</v>
      </c>
      <c r="J25120" s="2">
        <v>0</v>
      </c>
      <c r="K25120" s="2">
        <v>0</v>
      </c>
      <c r="L25120" t="s">
        <v>120</v>
      </c>
      <c r="M25120" t="s">
        <v>89</v>
      </c>
      <c r="N25120" t="s">
        <v>90</v>
      </c>
      <c r="O25120" t="s">
        <v>85</v>
      </c>
      <c r="P25120" t="s">
        <v>86</v>
      </c>
      <c r="Q25120">
        <v>28</v>
      </c>
      <c r="R25120">
        <v>28</v>
      </c>
      <c r="S25120">
        <v>29</v>
      </c>
      <c r="T25120">
        <v>30</v>
      </c>
      <c r="U25120">
        <v>30</v>
      </c>
      <c r="V25120">
        <v>31</v>
      </c>
      <c r="W25120">
        <v>31</v>
      </c>
      <c r="X25120">
        <v>32</v>
      </c>
      <c r="Y25120">
        <v>32</v>
      </c>
      <c r="Z25120">
        <v>33</v>
      </c>
      <c r="AA25120">
        <v>33</v>
      </c>
      <c r="AB25120">
        <v>34</v>
      </c>
      <c r="AC25120">
        <v>34</v>
      </c>
      <c r="AD25120">
        <v>34</v>
      </c>
      <c r="AE25120">
        <v>35</v>
      </c>
      <c r="AF25120">
        <v>35</v>
      </c>
      <c r="AG25120">
        <v>35</v>
      </c>
      <c r="AH25120">
        <v>35</v>
      </c>
      <c r="AI25120">
        <v>35</v>
      </c>
      <c r="AJ25120">
        <v>35</v>
      </c>
      <c r="AK25120">
        <v>35</v>
      </c>
      <c r="AL25120">
        <v>35</v>
      </c>
      <c r="AM25120">
        <v>35</v>
      </c>
      <c r="AN25120">
        <v>35</v>
      </c>
      <c r="AO25120">
        <v>35</v>
      </c>
      <c r="AP25120">
        <v>35</v>
      </c>
      <c r="AQ25120">
        <v>35</v>
      </c>
    </row>
    <row r="25121" spans="1:43">
      <c r="A25121" t="s">
        <v>15551</v>
      </c>
      <c r="B25121" t="s">
        <v>15552</v>
      </c>
      <c r="C25121" t="s">
        <v>15549</v>
      </c>
      <c r="D25121" t="s">
        <v>15550</v>
      </c>
      <c r="E25121" t="s">
        <v>15475</v>
      </c>
      <c r="F25121" t="s">
        <v>15476</v>
      </c>
      <c r="G25121" t="s">
        <v>10734</v>
      </c>
      <c r="H25121" t="s">
        <v>10735</v>
      </c>
      <c r="I25121" s="2">
        <v>1</v>
      </c>
      <c r="J25121" s="2">
        <v>0</v>
      </c>
      <c r="K25121" s="2">
        <v>0</v>
      </c>
      <c r="L25121" t="s">
        <v>120</v>
      </c>
      <c r="M25121" t="s">
        <v>83</v>
      </c>
      <c r="N25121" t="s">
        <v>91</v>
      </c>
      <c r="O25121" t="s">
        <v>85</v>
      </c>
      <c r="P25121" t="s">
        <v>86</v>
      </c>
      <c r="Q25121">
        <v>28</v>
      </c>
      <c r="R25121">
        <v>29</v>
      </c>
      <c r="S25121">
        <v>29</v>
      </c>
      <c r="T25121">
        <v>30</v>
      </c>
      <c r="U25121">
        <v>30</v>
      </c>
      <c r="V25121">
        <v>30</v>
      </c>
      <c r="W25121">
        <v>31</v>
      </c>
      <c r="X25121">
        <v>31</v>
      </c>
      <c r="Y25121">
        <v>32</v>
      </c>
      <c r="Z25121">
        <v>32</v>
      </c>
      <c r="AA25121">
        <v>32</v>
      </c>
      <c r="AB25121">
        <v>33</v>
      </c>
      <c r="AC25121">
        <v>33</v>
      </c>
      <c r="AD25121">
        <v>33</v>
      </c>
      <c r="AE25121">
        <v>34</v>
      </c>
      <c r="AF25121">
        <v>34</v>
      </c>
      <c r="AG25121">
        <v>34</v>
      </c>
      <c r="AH25121">
        <v>34</v>
      </c>
      <c r="AI25121">
        <v>35</v>
      </c>
      <c r="AJ25121">
        <v>35</v>
      </c>
      <c r="AK25121">
        <v>35</v>
      </c>
      <c r="AL25121">
        <v>36</v>
      </c>
      <c r="AM25121">
        <v>36</v>
      </c>
      <c r="AN25121">
        <v>36</v>
      </c>
      <c r="AO25121">
        <v>36</v>
      </c>
      <c r="AP25121">
        <v>36</v>
      </c>
      <c r="AQ25121">
        <v>36</v>
      </c>
    </row>
    <row r="25122" spans="1:43">
      <c r="A25122" t="s">
        <v>15553</v>
      </c>
      <c r="B25122" t="s">
        <v>15554</v>
      </c>
      <c r="C25122" t="s">
        <v>15549</v>
      </c>
      <c r="D25122" t="s">
        <v>15550</v>
      </c>
      <c r="E25122" t="s">
        <v>15475</v>
      </c>
      <c r="F25122" t="s">
        <v>15476</v>
      </c>
      <c r="G25122" t="s">
        <v>10734</v>
      </c>
      <c r="H25122" t="s">
        <v>10735</v>
      </c>
      <c r="I25122" s="2">
        <v>1</v>
      </c>
      <c r="J25122" s="2">
        <v>0</v>
      </c>
      <c r="K25122" s="2">
        <v>0</v>
      </c>
      <c r="L25122" t="s">
        <v>120</v>
      </c>
      <c r="M25122" t="s">
        <v>83</v>
      </c>
      <c r="N25122" t="s">
        <v>84</v>
      </c>
      <c r="O25122" t="s">
        <v>85</v>
      </c>
      <c r="P25122" t="s">
        <v>86</v>
      </c>
      <c r="Q25122">
        <v>17</v>
      </c>
      <c r="R25122">
        <v>17</v>
      </c>
      <c r="S25122">
        <v>17</v>
      </c>
      <c r="T25122">
        <v>18</v>
      </c>
      <c r="U25122">
        <v>18</v>
      </c>
      <c r="V25122">
        <v>18</v>
      </c>
      <c r="W25122">
        <v>18</v>
      </c>
      <c r="X25122">
        <v>18</v>
      </c>
      <c r="Y25122">
        <v>19</v>
      </c>
      <c r="Z25122">
        <v>19</v>
      </c>
      <c r="AA25122">
        <v>19</v>
      </c>
      <c r="AB25122">
        <v>19</v>
      </c>
      <c r="AC25122">
        <v>19</v>
      </c>
      <c r="AD25122">
        <v>20</v>
      </c>
      <c r="AE25122">
        <v>20</v>
      </c>
      <c r="AF25122">
        <v>20</v>
      </c>
      <c r="AG25122">
        <v>20</v>
      </c>
      <c r="AH25122">
        <v>20</v>
      </c>
      <c r="AI25122">
        <v>21</v>
      </c>
      <c r="AJ25122">
        <v>21</v>
      </c>
      <c r="AK25122">
        <v>21</v>
      </c>
      <c r="AL25122">
        <v>21</v>
      </c>
      <c r="AM25122">
        <v>21</v>
      </c>
      <c r="AN25122">
        <v>21</v>
      </c>
      <c r="AO25122">
        <v>21</v>
      </c>
      <c r="AP25122">
        <v>21</v>
      </c>
      <c r="AQ25122">
        <v>21</v>
      </c>
    </row>
    <row r="25123" spans="1:43">
      <c r="A25123" t="s">
        <v>15553</v>
      </c>
      <c r="B25123" t="s">
        <v>15554</v>
      </c>
      <c r="C25123" t="s">
        <v>15549</v>
      </c>
      <c r="D25123" t="s">
        <v>15550</v>
      </c>
      <c r="E25123" t="s">
        <v>15475</v>
      </c>
      <c r="F25123" t="s">
        <v>15476</v>
      </c>
      <c r="G25123" t="s">
        <v>10734</v>
      </c>
      <c r="H25123" t="s">
        <v>10735</v>
      </c>
      <c r="I25123" s="2">
        <v>1</v>
      </c>
      <c r="J25123" s="2">
        <v>0</v>
      </c>
      <c r="K25123" s="2">
        <v>0</v>
      </c>
      <c r="L25123" t="s">
        <v>120</v>
      </c>
      <c r="M25123" t="s">
        <v>87</v>
      </c>
      <c r="N25123" t="s">
        <v>88</v>
      </c>
      <c r="O25123" t="s">
        <v>85</v>
      </c>
      <c r="P25123" t="s">
        <v>86</v>
      </c>
      <c r="Q25123">
        <v>17</v>
      </c>
      <c r="R25123">
        <v>17</v>
      </c>
      <c r="S25123">
        <v>17</v>
      </c>
      <c r="T25123">
        <v>17</v>
      </c>
      <c r="U25123">
        <v>17</v>
      </c>
      <c r="V25123">
        <v>17</v>
      </c>
      <c r="W25123">
        <v>17</v>
      </c>
      <c r="X25123">
        <v>17</v>
      </c>
      <c r="Y25123">
        <v>17</v>
      </c>
      <c r="Z25123">
        <v>17</v>
      </c>
      <c r="AA25123">
        <v>17</v>
      </c>
      <c r="AB25123">
        <v>17</v>
      </c>
      <c r="AC25123">
        <v>18</v>
      </c>
      <c r="AD25123">
        <v>18</v>
      </c>
      <c r="AE25123">
        <v>18</v>
      </c>
      <c r="AF25123">
        <v>18</v>
      </c>
      <c r="AG25123">
        <v>18</v>
      </c>
      <c r="AH25123">
        <v>18</v>
      </c>
      <c r="AI25123">
        <v>18</v>
      </c>
      <c r="AJ25123">
        <v>18</v>
      </c>
      <c r="AK25123">
        <v>18</v>
      </c>
      <c r="AL25123">
        <v>18</v>
      </c>
      <c r="AM25123">
        <v>18</v>
      </c>
      <c r="AN25123">
        <v>18</v>
      </c>
      <c r="AO25123">
        <v>18</v>
      </c>
      <c r="AP25123">
        <v>18</v>
      </c>
      <c r="AQ25123">
        <v>18</v>
      </c>
    </row>
    <row r="25124" spans="1:43">
      <c r="A25124" t="s">
        <v>15553</v>
      </c>
      <c r="B25124" t="s">
        <v>15554</v>
      </c>
      <c r="C25124" t="s">
        <v>15549</v>
      </c>
      <c r="D25124" t="s">
        <v>15550</v>
      </c>
      <c r="E25124" t="s">
        <v>15475</v>
      </c>
      <c r="F25124" t="s">
        <v>15476</v>
      </c>
      <c r="G25124" t="s">
        <v>10734</v>
      </c>
      <c r="H25124" t="s">
        <v>10735</v>
      </c>
      <c r="I25124" s="2">
        <v>1</v>
      </c>
      <c r="J25124" s="2">
        <v>0</v>
      </c>
      <c r="K25124" s="2">
        <v>0</v>
      </c>
      <c r="L25124" t="s">
        <v>120</v>
      </c>
      <c r="M25124" t="s">
        <v>89</v>
      </c>
      <c r="N25124" t="s">
        <v>90</v>
      </c>
      <c r="O25124" t="s">
        <v>85</v>
      </c>
      <c r="P25124" t="s">
        <v>86</v>
      </c>
      <c r="Q25124">
        <v>17</v>
      </c>
      <c r="R25124">
        <v>17</v>
      </c>
      <c r="S25124">
        <v>18</v>
      </c>
      <c r="T25124">
        <v>18</v>
      </c>
      <c r="U25124">
        <v>18</v>
      </c>
      <c r="V25124">
        <v>19</v>
      </c>
      <c r="W25124">
        <v>19</v>
      </c>
      <c r="X25124">
        <v>19</v>
      </c>
      <c r="Y25124">
        <v>20</v>
      </c>
      <c r="Z25124">
        <v>20</v>
      </c>
      <c r="AA25124">
        <v>20</v>
      </c>
      <c r="AB25124">
        <v>20</v>
      </c>
      <c r="AC25124">
        <v>21</v>
      </c>
      <c r="AD25124">
        <v>21</v>
      </c>
      <c r="AE25124">
        <v>21</v>
      </c>
      <c r="AF25124">
        <v>21</v>
      </c>
      <c r="AG25124">
        <v>21</v>
      </c>
      <c r="AH25124">
        <v>21</v>
      </c>
      <c r="AI25124">
        <v>21</v>
      </c>
      <c r="AJ25124">
        <v>21</v>
      </c>
      <c r="AK25124">
        <v>21</v>
      </c>
      <c r="AL25124">
        <v>21</v>
      </c>
      <c r="AM25124">
        <v>21</v>
      </c>
      <c r="AN25124">
        <v>21</v>
      </c>
      <c r="AO25124">
        <v>21</v>
      </c>
      <c r="AP25124">
        <v>21</v>
      </c>
      <c r="AQ25124">
        <v>21</v>
      </c>
    </row>
    <row r="25125" spans="1:43">
      <c r="A25125" t="s">
        <v>15553</v>
      </c>
      <c r="B25125" t="s">
        <v>15554</v>
      </c>
      <c r="C25125" t="s">
        <v>15549</v>
      </c>
      <c r="D25125" t="s">
        <v>15550</v>
      </c>
      <c r="E25125" t="s">
        <v>15475</v>
      </c>
      <c r="F25125" t="s">
        <v>15476</v>
      </c>
      <c r="G25125" t="s">
        <v>10734</v>
      </c>
      <c r="H25125" t="s">
        <v>10735</v>
      </c>
      <c r="I25125" s="2">
        <v>1</v>
      </c>
      <c r="J25125" s="2">
        <v>0</v>
      </c>
      <c r="K25125" s="2">
        <v>0</v>
      </c>
      <c r="L25125" t="s">
        <v>120</v>
      </c>
      <c r="M25125" t="s">
        <v>83</v>
      </c>
      <c r="N25125" t="s">
        <v>91</v>
      </c>
      <c r="O25125" t="s">
        <v>85</v>
      </c>
      <c r="P25125" t="s">
        <v>86</v>
      </c>
      <c r="Q25125">
        <v>17</v>
      </c>
      <c r="R25125">
        <v>17</v>
      </c>
      <c r="S25125">
        <v>17</v>
      </c>
      <c r="T25125">
        <v>18</v>
      </c>
      <c r="U25125">
        <v>18</v>
      </c>
      <c r="V25125">
        <v>18</v>
      </c>
      <c r="W25125">
        <v>18</v>
      </c>
      <c r="X25125">
        <v>18</v>
      </c>
      <c r="Y25125">
        <v>19</v>
      </c>
      <c r="Z25125">
        <v>19</v>
      </c>
      <c r="AA25125">
        <v>19</v>
      </c>
      <c r="AB25125">
        <v>19</v>
      </c>
      <c r="AC25125">
        <v>19</v>
      </c>
      <c r="AD25125">
        <v>20</v>
      </c>
      <c r="AE25125">
        <v>20</v>
      </c>
      <c r="AF25125">
        <v>20</v>
      </c>
      <c r="AG25125">
        <v>20</v>
      </c>
      <c r="AH25125">
        <v>20</v>
      </c>
      <c r="AI25125">
        <v>21</v>
      </c>
      <c r="AJ25125">
        <v>21</v>
      </c>
      <c r="AK25125">
        <v>21</v>
      </c>
      <c r="AL25125">
        <v>21</v>
      </c>
      <c r="AM25125">
        <v>21</v>
      </c>
      <c r="AN25125">
        <v>21</v>
      </c>
      <c r="AO25125">
        <v>21</v>
      </c>
      <c r="AP25125">
        <v>21</v>
      </c>
      <c r="AQ25125">
        <v>21</v>
      </c>
    </row>
    <row r="25126" spans="1:43">
      <c r="A25126" t="s">
        <v>15555</v>
      </c>
      <c r="B25126" t="s">
        <v>15556</v>
      </c>
      <c r="C25126" t="s">
        <v>15549</v>
      </c>
      <c r="D25126" t="s">
        <v>15550</v>
      </c>
      <c r="E25126" t="s">
        <v>15475</v>
      </c>
      <c r="F25126" t="s">
        <v>15476</v>
      </c>
      <c r="G25126" t="s">
        <v>10734</v>
      </c>
      <c r="H25126" t="s">
        <v>10735</v>
      </c>
      <c r="I25126" s="2">
        <v>1</v>
      </c>
      <c r="J25126" s="2">
        <v>0</v>
      </c>
      <c r="K25126" s="2">
        <v>0</v>
      </c>
      <c r="L25126" t="s">
        <v>120</v>
      </c>
      <c r="M25126" t="s">
        <v>83</v>
      </c>
      <c r="N25126" t="s">
        <v>84</v>
      </c>
      <c r="O25126" t="s">
        <v>85</v>
      </c>
      <c r="P25126" t="s">
        <v>86</v>
      </c>
      <c r="Q25126">
        <v>14</v>
      </c>
      <c r="R25126">
        <v>14</v>
      </c>
      <c r="S25126">
        <v>14</v>
      </c>
      <c r="T25126">
        <v>14</v>
      </c>
      <c r="U25126">
        <v>15</v>
      </c>
      <c r="V25126">
        <v>15</v>
      </c>
      <c r="W25126">
        <v>15</v>
      </c>
      <c r="X25126">
        <v>15</v>
      </c>
      <c r="Y25126">
        <v>15</v>
      </c>
      <c r="Z25126">
        <v>15</v>
      </c>
      <c r="AA25126">
        <v>16</v>
      </c>
      <c r="AB25126">
        <v>16</v>
      </c>
      <c r="AC25126">
        <v>16</v>
      </c>
      <c r="AD25126">
        <v>16</v>
      </c>
      <c r="AE25126">
        <v>16</v>
      </c>
      <c r="AF25126">
        <v>16</v>
      </c>
      <c r="AG25126">
        <v>17</v>
      </c>
      <c r="AH25126">
        <v>17</v>
      </c>
      <c r="AI25126">
        <v>17</v>
      </c>
      <c r="AJ25126">
        <v>17</v>
      </c>
      <c r="AK25126">
        <v>17</v>
      </c>
      <c r="AL25126">
        <v>17</v>
      </c>
      <c r="AM25126">
        <v>17</v>
      </c>
      <c r="AN25126">
        <v>17</v>
      </c>
      <c r="AO25126">
        <v>17</v>
      </c>
      <c r="AP25126">
        <v>17</v>
      </c>
      <c r="AQ25126">
        <v>17</v>
      </c>
    </row>
    <row r="25127" spans="1:43">
      <c r="A25127" t="s">
        <v>15555</v>
      </c>
      <c r="B25127" t="s">
        <v>15556</v>
      </c>
      <c r="C25127" t="s">
        <v>15549</v>
      </c>
      <c r="D25127" t="s">
        <v>15550</v>
      </c>
      <c r="E25127" t="s">
        <v>15475</v>
      </c>
      <c r="F25127" t="s">
        <v>15476</v>
      </c>
      <c r="G25127" t="s">
        <v>10734</v>
      </c>
      <c r="H25127" t="s">
        <v>10735</v>
      </c>
      <c r="I25127" s="2">
        <v>1</v>
      </c>
      <c r="J25127" s="2">
        <v>0</v>
      </c>
      <c r="K25127" s="2">
        <v>0</v>
      </c>
      <c r="L25127" t="s">
        <v>120</v>
      </c>
      <c r="M25127" t="s">
        <v>87</v>
      </c>
      <c r="N25127" t="s">
        <v>88</v>
      </c>
      <c r="O25127" t="s">
        <v>85</v>
      </c>
      <c r="P25127" t="s">
        <v>86</v>
      </c>
      <c r="Q25127">
        <v>14</v>
      </c>
      <c r="R25127">
        <v>14</v>
      </c>
      <c r="S25127">
        <v>14</v>
      </c>
      <c r="T25127">
        <v>14</v>
      </c>
      <c r="U25127">
        <v>14</v>
      </c>
      <c r="V25127">
        <v>14</v>
      </c>
      <c r="W25127">
        <v>14</v>
      </c>
      <c r="X25127">
        <v>14</v>
      </c>
      <c r="Y25127">
        <v>14</v>
      </c>
      <c r="Z25127">
        <v>14</v>
      </c>
      <c r="AA25127">
        <v>14</v>
      </c>
      <c r="AB25127">
        <v>14</v>
      </c>
      <c r="AC25127">
        <v>14</v>
      </c>
      <c r="AD25127">
        <v>14</v>
      </c>
      <c r="AE25127">
        <v>14</v>
      </c>
      <c r="AF25127">
        <v>15</v>
      </c>
      <c r="AG25127">
        <v>15</v>
      </c>
      <c r="AH25127">
        <v>15</v>
      </c>
      <c r="AI25127">
        <v>15</v>
      </c>
      <c r="AJ25127">
        <v>15</v>
      </c>
      <c r="AK25127">
        <v>15</v>
      </c>
      <c r="AL25127">
        <v>15</v>
      </c>
      <c r="AM25127">
        <v>15</v>
      </c>
      <c r="AN25127">
        <v>15</v>
      </c>
      <c r="AO25127">
        <v>15</v>
      </c>
      <c r="AP25127">
        <v>15</v>
      </c>
      <c r="AQ25127">
        <v>15</v>
      </c>
    </row>
    <row r="25128" spans="1:43">
      <c r="A25128" t="s">
        <v>15555</v>
      </c>
      <c r="B25128" t="s">
        <v>15556</v>
      </c>
      <c r="C25128" t="s">
        <v>15549</v>
      </c>
      <c r="D25128" t="s">
        <v>15550</v>
      </c>
      <c r="E25128" t="s">
        <v>15475</v>
      </c>
      <c r="F25128" t="s">
        <v>15476</v>
      </c>
      <c r="G25128" t="s">
        <v>10734</v>
      </c>
      <c r="H25128" t="s">
        <v>10735</v>
      </c>
      <c r="I25128" s="2">
        <v>1</v>
      </c>
      <c r="J25128" s="2">
        <v>0</v>
      </c>
      <c r="K25128" s="2">
        <v>0</v>
      </c>
      <c r="L25128" t="s">
        <v>120</v>
      </c>
      <c r="M25128" t="s">
        <v>89</v>
      </c>
      <c r="N25128" t="s">
        <v>90</v>
      </c>
      <c r="O25128" t="s">
        <v>85</v>
      </c>
      <c r="P25128" t="s">
        <v>86</v>
      </c>
      <c r="Q25128">
        <v>14</v>
      </c>
      <c r="R25128">
        <v>14</v>
      </c>
      <c r="S25128">
        <v>15</v>
      </c>
      <c r="T25128">
        <v>15</v>
      </c>
      <c r="U25128">
        <v>15</v>
      </c>
      <c r="V25128">
        <v>15</v>
      </c>
      <c r="W25128">
        <v>16</v>
      </c>
      <c r="X25128">
        <v>16</v>
      </c>
      <c r="Y25128">
        <v>16</v>
      </c>
      <c r="Z25128">
        <v>16</v>
      </c>
      <c r="AA25128">
        <v>17</v>
      </c>
      <c r="AB25128">
        <v>17</v>
      </c>
      <c r="AC25128">
        <v>17</v>
      </c>
      <c r="AD25128">
        <v>17</v>
      </c>
      <c r="AE25128">
        <v>17</v>
      </c>
      <c r="AF25128">
        <v>17</v>
      </c>
      <c r="AG25128">
        <v>17</v>
      </c>
      <c r="AH25128">
        <v>17</v>
      </c>
      <c r="AI25128">
        <v>17</v>
      </c>
      <c r="AJ25128">
        <v>17</v>
      </c>
      <c r="AK25128">
        <v>17</v>
      </c>
      <c r="AL25128">
        <v>17</v>
      </c>
      <c r="AM25128">
        <v>17</v>
      </c>
      <c r="AN25128">
        <v>17</v>
      </c>
      <c r="AO25128">
        <v>17</v>
      </c>
      <c r="AP25128">
        <v>17</v>
      </c>
      <c r="AQ25128">
        <v>17</v>
      </c>
    </row>
    <row r="25129" spans="1:43">
      <c r="A25129" t="s">
        <v>15555</v>
      </c>
      <c r="B25129" t="s">
        <v>15556</v>
      </c>
      <c r="C25129" t="s">
        <v>15549</v>
      </c>
      <c r="D25129" t="s">
        <v>15550</v>
      </c>
      <c r="E25129" t="s">
        <v>15475</v>
      </c>
      <c r="F25129" t="s">
        <v>15476</v>
      </c>
      <c r="G25129" t="s">
        <v>10734</v>
      </c>
      <c r="H25129" t="s">
        <v>10735</v>
      </c>
      <c r="I25129" s="2">
        <v>1</v>
      </c>
      <c r="J25129" s="2">
        <v>0</v>
      </c>
      <c r="K25129" s="2">
        <v>0</v>
      </c>
      <c r="L25129" t="s">
        <v>120</v>
      </c>
      <c r="M25129" t="s">
        <v>83</v>
      </c>
      <c r="N25129" t="s">
        <v>91</v>
      </c>
      <c r="O25129" t="s">
        <v>85</v>
      </c>
      <c r="P25129" t="s">
        <v>86</v>
      </c>
      <c r="Q25129">
        <v>14</v>
      </c>
      <c r="R25129">
        <v>14</v>
      </c>
      <c r="S25129">
        <v>14</v>
      </c>
      <c r="T25129">
        <v>14</v>
      </c>
      <c r="U25129">
        <v>15</v>
      </c>
      <c r="V25129">
        <v>15</v>
      </c>
      <c r="W25129">
        <v>15</v>
      </c>
      <c r="X25129">
        <v>15</v>
      </c>
      <c r="Y25129">
        <v>15</v>
      </c>
      <c r="Z25129">
        <v>15</v>
      </c>
      <c r="AA25129">
        <v>16</v>
      </c>
      <c r="AB25129">
        <v>16</v>
      </c>
      <c r="AC25129">
        <v>16</v>
      </c>
      <c r="AD25129">
        <v>16</v>
      </c>
      <c r="AE25129">
        <v>16</v>
      </c>
      <c r="AF25129">
        <v>16</v>
      </c>
      <c r="AG25129">
        <v>17</v>
      </c>
      <c r="AH25129">
        <v>17</v>
      </c>
      <c r="AI25129">
        <v>17</v>
      </c>
      <c r="AJ25129">
        <v>17</v>
      </c>
      <c r="AK25129">
        <v>17</v>
      </c>
      <c r="AL25129">
        <v>17</v>
      </c>
      <c r="AM25129">
        <v>17</v>
      </c>
      <c r="AN25129">
        <v>17</v>
      </c>
      <c r="AO25129">
        <v>17</v>
      </c>
      <c r="AP25129">
        <v>17</v>
      </c>
      <c r="AQ25129">
        <v>17</v>
      </c>
    </row>
    <row r="25130" spans="1:43">
      <c r="A25130" t="s">
        <v>15557</v>
      </c>
      <c r="B25130" t="s">
        <v>15558</v>
      </c>
      <c r="C25130" t="s">
        <v>15559</v>
      </c>
      <c r="D25130" t="s">
        <v>15560</v>
      </c>
      <c r="E25130" t="s">
        <v>15475</v>
      </c>
      <c r="F25130" t="s">
        <v>15476</v>
      </c>
      <c r="G25130" t="s">
        <v>10734</v>
      </c>
      <c r="H25130" t="s">
        <v>10735</v>
      </c>
      <c r="I25130" s="2">
        <v>1</v>
      </c>
      <c r="J25130" s="2">
        <v>0</v>
      </c>
      <c r="K25130" s="2">
        <v>0</v>
      </c>
      <c r="L25130" t="s">
        <v>120</v>
      </c>
      <c r="M25130" t="s">
        <v>83</v>
      </c>
      <c r="N25130" t="s">
        <v>84</v>
      </c>
      <c r="O25130" t="s">
        <v>85</v>
      </c>
      <c r="P25130" t="s">
        <v>86</v>
      </c>
      <c r="Q25130">
        <v>13</v>
      </c>
      <c r="R25130">
        <v>13</v>
      </c>
      <c r="S25130">
        <v>13</v>
      </c>
      <c r="T25130">
        <v>13</v>
      </c>
      <c r="U25130">
        <v>13</v>
      </c>
      <c r="V25130">
        <v>14</v>
      </c>
      <c r="W25130">
        <v>14</v>
      </c>
      <c r="X25130">
        <v>14</v>
      </c>
      <c r="Y25130">
        <v>14</v>
      </c>
      <c r="Z25130">
        <v>14</v>
      </c>
      <c r="AA25130">
        <v>14</v>
      </c>
      <c r="AB25130">
        <v>15</v>
      </c>
      <c r="AC25130">
        <v>15</v>
      </c>
      <c r="AD25130">
        <v>15</v>
      </c>
      <c r="AE25130">
        <v>15</v>
      </c>
      <c r="AF25130">
        <v>15</v>
      </c>
      <c r="AG25130">
        <v>15</v>
      </c>
      <c r="AH25130">
        <v>15</v>
      </c>
      <c r="AI25130">
        <v>16</v>
      </c>
      <c r="AJ25130">
        <v>16</v>
      </c>
      <c r="AK25130">
        <v>16</v>
      </c>
      <c r="AL25130">
        <v>16</v>
      </c>
      <c r="AM25130">
        <v>16</v>
      </c>
      <c r="AN25130">
        <v>16</v>
      </c>
      <c r="AO25130">
        <v>16</v>
      </c>
      <c r="AP25130">
        <v>16</v>
      </c>
      <c r="AQ25130">
        <v>16</v>
      </c>
    </row>
    <row r="25131" spans="1:43">
      <c r="A25131" t="s">
        <v>15557</v>
      </c>
      <c r="B25131" t="s">
        <v>15558</v>
      </c>
      <c r="C25131" t="s">
        <v>15559</v>
      </c>
      <c r="D25131" t="s">
        <v>15560</v>
      </c>
      <c r="E25131" t="s">
        <v>15475</v>
      </c>
      <c r="F25131" t="s">
        <v>15476</v>
      </c>
      <c r="G25131" t="s">
        <v>10734</v>
      </c>
      <c r="H25131" t="s">
        <v>10735</v>
      </c>
      <c r="I25131" s="2">
        <v>1</v>
      </c>
      <c r="J25131" s="2">
        <v>0</v>
      </c>
      <c r="K25131" s="2">
        <v>0</v>
      </c>
      <c r="L25131" t="s">
        <v>120</v>
      </c>
      <c r="M25131" t="s">
        <v>87</v>
      </c>
      <c r="N25131" t="s">
        <v>88</v>
      </c>
      <c r="O25131" t="s">
        <v>85</v>
      </c>
      <c r="P25131" t="s">
        <v>86</v>
      </c>
      <c r="Q25131">
        <v>13</v>
      </c>
      <c r="R25131">
        <v>13</v>
      </c>
      <c r="S25131">
        <v>13</v>
      </c>
      <c r="T25131">
        <v>13</v>
      </c>
      <c r="U25131">
        <v>13</v>
      </c>
      <c r="V25131">
        <v>13</v>
      </c>
      <c r="W25131">
        <v>13</v>
      </c>
      <c r="X25131">
        <v>13</v>
      </c>
      <c r="Y25131">
        <v>13</v>
      </c>
      <c r="Z25131">
        <v>13</v>
      </c>
      <c r="AA25131">
        <v>13</v>
      </c>
      <c r="AB25131">
        <v>13</v>
      </c>
      <c r="AC25131">
        <v>13</v>
      </c>
      <c r="AD25131">
        <v>13</v>
      </c>
      <c r="AE25131">
        <v>13</v>
      </c>
      <c r="AF25131">
        <v>13</v>
      </c>
      <c r="AG25131">
        <v>14</v>
      </c>
      <c r="AH25131">
        <v>14</v>
      </c>
      <c r="AI25131">
        <v>14</v>
      </c>
      <c r="AJ25131">
        <v>14</v>
      </c>
      <c r="AK25131">
        <v>14</v>
      </c>
      <c r="AL25131">
        <v>14</v>
      </c>
      <c r="AM25131">
        <v>14</v>
      </c>
      <c r="AN25131">
        <v>14</v>
      </c>
      <c r="AO25131">
        <v>14</v>
      </c>
      <c r="AP25131">
        <v>14</v>
      </c>
      <c r="AQ25131">
        <v>14</v>
      </c>
    </row>
    <row r="25132" spans="1:43">
      <c r="A25132" t="s">
        <v>15557</v>
      </c>
      <c r="B25132" t="s">
        <v>15558</v>
      </c>
      <c r="C25132" t="s">
        <v>15559</v>
      </c>
      <c r="D25132" t="s">
        <v>15560</v>
      </c>
      <c r="E25132" t="s">
        <v>15475</v>
      </c>
      <c r="F25132" t="s">
        <v>15476</v>
      </c>
      <c r="G25132" t="s">
        <v>10734</v>
      </c>
      <c r="H25132" t="s">
        <v>10735</v>
      </c>
      <c r="I25132" s="2">
        <v>1</v>
      </c>
      <c r="J25132" s="2">
        <v>0</v>
      </c>
      <c r="K25132" s="2">
        <v>0</v>
      </c>
      <c r="L25132" t="s">
        <v>120</v>
      </c>
      <c r="M25132" t="s">
        <v>89</v>
      </c>
      <c r="N25132" t="s">
        <v>90</v>
      </c>
      <c r="O25132" t="s">
        <v>85</v>
      </c>
      <c r="P25132" t="s">
        <v>86</v>
      </c>
      <c r="Q25132">
        <v>13</v>
      </c>
      <c r="R25132">
        <v>13</v>
      </c>
      <c r="S25132">
        <v>13</v>
      </c>
      <c r="T25132">
        <v>14</v>
      </c>
      <c r="U25132">
        <v>14</v>
      </c>
      <c r="V25132">
        <v>14</v>
      </c>
      <c r="W25132">
        <v>14</v>
      </c>
      <c r="X25132">
        <v>15</v>
      </c>
      <c r="Y25132">
        <v>15</v>
      </c>
      <c r="Z25132">
        <v>15</v>
      </c>
      <c r="AA25132">
        <v>15</v>
      </c>
      <c r="AB25132">
        <v>15</v>
      </c>
      <c r="AC25132">
        <v>16</v>
      </c>
      <c r="AD25132">
        <v>16</v>
      </c>
      <c r="AE25132">
        <v>16</v>
      </c>
      <c r="AF25132">
        <v>16</v>
      </c>
      <c r="AG25132">
        <v>16</v>
      </c>
      <c r="AH25132">
        <v>16</v>
      </c>
      <c r="AI25132">
        <v>16</v>
      </c>
      <c r="AJ25132">
        <v>16</v>
      </c>
      <c r="AK25132">
        <v>16</v>
      </c>
      <c r="AL25132">
        <v>16</v>
      </c>
      <c r="AM25132">
        <v>16</v>
      </c>
      <c r="AN25132">
        <v>16</v>
      </c>
      <c r="AO25132">
        <v>16</v>
      </c>
      <c r="AP25132">
        <v>16</v>
      </c>
      <c r="AQ25132">
        <v>16</v>
      </c>
    </row>
    <row r="25133" spans="1:43">
      <c r="A25133" t="s">
        <v>15557</v>
      </c>
      <c r="B25133" t="s">
        <v>15558</v>
      </c>
      <c r="C25133" t="s">
        <v>15559</v>
      </c>
      <c r="D25133" t="s">
        <v>15560</v>
      </c>
      <c r="E25133" t="s">
        <v>15475</v>
      </c>
      <c r="F25133" t="s">
        <v>15476</v>
      </c>
      <c r="G25133" t="s">
        <v>10734</v>
      </c>
      <c r="H25133" t="s">
        <v>10735</v>
      </c>
      <c r="I25133" s="2">
        <v>1</v>
      </c>
      <c r="J25133" s="2">
        <v>0</v>
      </c>
      <c r="K25133" s="2">
        <v>0</v>
      </c>
      <c r="L25133" t="s">
        <v>120</v>
      </c>
      <c r="M25133" t="s">
        <v>83</v>
      </c>
      <c r="N25133" t="s">
        <v>91</v>
      </c>
      <c r="O25133" t="s">
        <v>85</v>
      </c>
      <c r="P25133" t="s">
        <v>86</v>
      </c>
      <c r="Q25133">
        <v>13</v>
      </c>
      <c r="R25133">
        <v>13</v>
      </c>
      <c r="S25133">
        <v>13</v>
      </c>
      <c r="T25133">
        <v>13</v>
      </c>
      <c r="U25133">
        <v>13</v>
      </c>
      <c r="V25133">
        <v>14</v>
      </c>
      <c r="W25133">
        <v>14</v>
      </c>
      <c r="X25133">
        <v>14</v>
      </c>
      <c r="Y25133">
        <v>14</v>
      </c>
      <c r="Z25133">
        <v>14</v>
      </c>
      <c r="AA25133">
        <v>14</v>
      </c>
      <c r="AB25133">
        <v>15</v>
      </c>
      <c r="AC25133">
        <v>15</v>
      </c>
      <c r="AD25133">
        <v>15</v>
      </c>
      <c r="AE25133">
        <v>15</v>
      </c>
      <c r="AF25133">
        <v>15</v>
      </c>
      <c r="AG25133">
        <v>15</v>
      </c>
      <c r="AH25133">
        <v>15</v>
      </c>
      <c r="AI25133">
        <v>16</v>
      </c>
      <c r="AJ25133">
        <v>16</v>
      </c>
      <c r="AK25133">
        <v>16</v>
      </c>
      <c r="AL25133">
        <v>16</v>
      </c>
      <c r="AM25133">
        <v>16</v>
      </c>
      <c r="AN25133">
        <v>16</v>
      </c>
      <c r="AO25133">
        <v>16</v>
      </c>
      <c r="AP25133">
        <v>16</v>
      </c>
      <c r="AQ25133">
        <v>16</v>
      </c>
    </row>
    <row r="25134" spans="1:43">
      <c r="A25134" t="s">
        <v>15561</v>
      </c>
      <c r="B25134" t="s">
        <v>15562</v>
      </c>
      <c r="C25134" t="s">
        <v>15559</v>
      </c>
      <c r="D25134" t="s">
        <v>15560</v>
      </c>
      <c r="E25134" t="s">
        <v>15475</v>
      </c>
      <c r="F25134" t="s">
        <v>15476</v>
      </c>
      <c r="G25134" t="s">
        <v>10734</v>
      </c>
      <c r="H25134" t="s">
        <v>10735</v>
      </c>
      <c r="I25134" s="2">
        <v>1</v>
      </c>
      <c r="J25134" s="2">
        <v>0</v>
      </c>
      <c r="K25134" s="2">
        <v>0</v>
      </c>
      <c r="L25134" t="s">
        <v>120</v>
      </c>
      <c r="M25134" t="s">
        <v>83</v>
      </c>
      <c r="N25134" t="s">
        <v>84</v>
      </c>
      <c r="O25134" t="s">
        <v>85</v>
      </c>
      <c r="P25134" t="s">
        <v>86</v>
      </c>
      <c r="Q25134">
        <v>4</v>
      </c>
      <c r="R25134">
        <v>4</v>
      </c>
      <c r="S25134">
        <v>4</v>
      </c>
      <c r="T25134">
        <v>4</v>
      </c>
      <c r="U25134">
        <v>4</v>
      </c>
      <c r="V25134">
        <v>4</v>
      </c>
      <c r="W25134">
        <v>4</v>
      </c>
      <c r="X25134">
        <v>4</v>
      </c>
      <c r="Y25134">
        <v>4</v>
      </c>
      <c r="Z25134">
        <v>4</v>
      </c>
      <c r="AA25134">
        <v>4</v>
      </c>
      <c r="AB25134">
        <v>4</v>
      </c>
      <c r="AC25134">
        <v>4</v>
      </c>
      <c r="AD25134">
        <v>4</v>
      </c>
      <c r="AE25134">
        <v>4</v>
      </c>
      <c r="AF25134">
        <v>4</v>
      </c>
      <c r="AG25134">
        <v>4</v>
      </c>
      <c r="AH25134">
        <v>4</v>
      </c>
      <c r="AI25134">
        <v>4</v>
      </c>
      <c r="AJ25134">
        <v>4</v>
      </c>
      <c r="AK25134">
        <v>4</v>
      </c>
      <c r="AL25134">
        <v>4</v>
      </c>
      <c r="AM25134">
        <v>4</v>
      </c>
      <c r="AN25134">
        <v>4</v>
      </c>
      <c r="AO25134">
        <v>4</v>
      </c>
      <c r="AP25134">
        <v>4</v>
      </c>
      <c r="AQ25134">
        <v>4</v>
      </c>
    </row>
    <row r="25135" spans="1:43">
      <c r="A25135" t="s">
        <v>15561</v>
      </c>
      <c r="B25135" t="s">
        <v>15562</v>
      </c>
      <c r="C25135" t="s">
        <v>15559</v>
      </c>
      <c r="D25135" t="s">
        <v>15560</v>
      </c>
      <c r="E25135" t="s">
        <v>15475</v>
      </c>
      <c r="F25135" t="s">
        <v>15476</v>
      </c>
      <c r="G25135" t="s">
        <v>10734</v>
      </c>
      <c r="H25135" t="s">
        <v>10735</v>
      </c>
      <c r="I25135" s="2">
        <v>1</v>
      </c>
      <c r="J25135" s="2">
        <v>0</v>
      </c>
      <c r="K25135" s="2">
        <v>0</v>
      </c>
      <c r="L25135" t="s">
        <v>120</v>
      </c>
      <c r="M25135" t="s">
        <v>87</v>
      </c>
      <c r="N25135" t="s">
        <v>88</v>
      </c>
      <c r="O25135" t="s">
        <v>85</v>
      </c>
      <c r="P25135" t="s">
        <v>86</v>
      </c>
      <c r="Q25135">
        <v>4</v>
      </c>
      <c r="R25135">
        <v>4</v>
      </c>
      <c r="S25135">
        <v>4</v>
      </c>
      <c r="T25135">
        <v>4</v>
      </c>
      <c r="U25135">
        <v>4</v>
      </c>
      <c r="V25135">
        <v>4</v>
      </c>
      <c r="W25135">
        <v>4</v>
      </c>
      <c r="X25135">
        <v>4</v>
      </c>
      <c r="Y25135">
        <v>4</v>
      </c>
      <c r="Z25135">
        <v>4</v>
      </c>
      <c r="AA25135">
        <v>4</v>
      </c>
      <c r="AB25135">
        <v>4</v>
      </c>
      <c r="AC25135">
        <v>4</v>
      </c>
      <c r="AD25135">
        <v>4</v>
      </c>
      <c r="AE25135">
        <v>4</v>
      </c>
      <c r="AF25135">
        <v>4</v>
      </c>
      <c r="AG25135">
        <v>4</v>
      </c>
      <c r="AH25135">
        <v>4</v>
      </c>
      <c r="AI25135">
        <v>4</v>
      </c>
      <c r="AJ25135">
        <v>4</v>
      </c>
      <c r="AK25135">
        <v>4</v>
      </c>
      <c r="AL25135">
        <v>4</v>
      </c>
      <c r="AM25135">
        <v>4</v>
      </c>
      <c r="AN25135">
        <v>4</v>
      </c>
      <c r="AO25135">
        <v>4</v>
      </c>
      <c r="AP25135">
        <v>4</v>
      </c>
      <c r="AQ25135">
        <v>4</v>
      </c>
    </row>
    <row r="25136" spans="1:43">
      <c r="A25136" t="s">
        <v>15561</v>
      </c>
      <c r="B25136" t="s">
        <v>15562</v>
      </c>
      <c r="C25136" t="s">
        <v>15559</v>
      </c>
      <c r="D25136" t="s">
        <v>15560</v>
      </c>
      <c r="E25136" t="s">
        <v>15475</v>
      </c>
      <c r="F25136" t="s">
        <v>15476</v>
      </c>
      <c r="G25136" t="s">
        <v>10734</v>
      </c>
      <c r="H25136" t="s">
        <v>10735</v>
      </c>
      <c r="I25136" s="2">
        <v>1</v>
      </c>
      <c r="J25136" s="2">
        <v>0</v>
      </c>
      <c r="K25136" s="2">
        <v>0</v>
      </c>
      <c r="L25136" t="s">
        <v>120</v>
      </c>
      <c r="M25136" t="s">
        <v>89</v>
      </c>
      <c r="N25136" t="s">
        <v>90</v>
      </c>
      <c r="O25136" t="s">
        <v>85</v>
      </c>
      <c r="P25136" t="s">
        <v>86</v>
      </c>
      <c r="Q25136">
        <v>4</v>
      </c>
      <c r="R25136">
        <v>4</v>
      </c>
      <c r="S25136">
        <v>4</v>
      </c>
      <c r="T25136">
        <v>4</v>
      </c>
      <c r="U25136">
        <v>4</v>
      </c>
      <c r="V25136">
        <v>4</v>
      </c>
      <c r="W25136">
        <v>4</v>
      </c>
      <c r="X25136">
        <v>4</v>
      </c>
      <c r="Y25136">
        <v>4</v>
      </c>
      <c r="Z25136">
        <v>4</v>
      </c>
      <c r="AA25136">
        <v>4</v>
      </c>
      <c r="AB25136">
        <v>4</v>
      </c>
      <c r="AC25136">
        <v>4</v>
      </c>
      <c r="AD25136">
        <v>4</v>
      </c>
      <c r="AE25136">
        <v>4</v>
      </c>
      <c r="AF25136">
        <v>4</v>
      </c>
      <c r="AG25136">
        <v>4</v>
      </c>
      <c r="AH25136">
        <v>4</v>
      </c>
      <c r="AI25136">
        <v>5</v>
      </c>
      <c r="AJ25136">
        <v>5</v>
      </c>
      <c r="AK25136">
        <v>4</v>
      </c>
      <c r="AL25136">
        <v>4</v>
      </c>
      <c r="AM25136">
        <v>4</v>
      </c>
      <c r="AN25136">
        <v>4</v>
      </c>
      <c r="AO25136">
        <v>4</v>
      </c>
      <c r="AP25136">
        <v>4</v>
      </c>
      <c r="AQ25136">
        <v>4</v>
      </c>
    </row>
    <row r="25137" spans="1:43">
      <c r="A25137" t="s">
        <v>15561</v>
      </c>
      <c r="B25137" t="s">
        <v>15562</v>
      </c>
      <c r="C25137" t="s">
        <v>15559</v>
      </c>
      <c r="D25137" t="s">
        <v>15560</v>
      </c>
      <c r="E25137" t="s">
        <v>15475</v>
      </c>
      <c r="F25137" t="s">
        <v>15476</v>
      </c>
      <c r="G25137" t="s">
        <v>10734</v>
      </c>
      <c r="H25137" t="s">
        <v>10735</v>
      </c>
      <c r="I25137" s="2">
        <v>1</v>
      </c>
      <c r="J25137" s="2">
        <v>0</v>
      </c>
      <c r="K25137" s="2">
        <v>0</v>
      </c>
      <c r="L25137" t="s">
        <v>120</v>
      </c>
      <c r="M25137" t="s">
        <v>83</v>
      </c>
      <c r="N25137" t="s">
        <v>91</v>
      </c>
      <c r="O25137" t="s">
        <v>85</v>
      </c>
      <c r="P25137" t="s">
        <v>86</v>
      </c>
      <c r="Q25137">
        <v>4</v>
      </c>
      <c r="R25137">
        <v>4</v>
      </c>
      <c r="S25137">
        <v>4</v>
      </c>
      <c r="T25137">
        <v>4</v>
      </c>
      <c r="U25137">
        <v>4</v>
      </c>
      <c r="V25137">
        <v>4</v>
      </c>
      <c r="W25137">
        <v>4</v>
      </c>
      <c r="X25137">
        <v>4</v>
      </c>
      <c r="Y25137">
        <v>4</v>
      </c>
      <c r="Z25137">
        <v>4</v>
      </c>
      <c r="AA25137">
        <v>4</v>
      </c>
      <c r="AB25137">
        <v>4</v>
      </c>
      <c r="AC25137">
        <v>4</v>
      </c>
      <c r="AD25137">
        <v>4</v>
      </c>
      <c r="AE25137">
        <v>4</v>
      </c>
      <c r="AF25137">
        <v>4</v>
      </c>
      <c r="AG25137">
        <v>4</v>
      </c>
      <c r="AH25137">
        <v>4</v>
      </c>
      <c r="AI25137">
        <v>4</v>
      </c>
      <c r="AJ25137">
        <v>4</v>
      </c>
      <c r="AK25137">
        <v>4</v>
      </c>
      <c r="AL25137">
        <v>4</v>
      </c>
      <c r="AM25137">
        <v>4</v>
      </c>
      <c r="AN25137">
        <v>4</v>
      </c>
      <c r="AO25137">
        <v>4</v>
      </c>
      <c r="AP25137">
        <v>4</v>
      </c>
      <c r="AQ25137">
        <v>4</v>
      </c>
    </row>
    <row r="25138" spans="1:43">
      <c r="A25138" t="s">
        <v>15563</v>
      </c>
      <c r="B25138" t="s">
        <v>15564</v>
      </c>
      <c r="C25138" t="s">
        <v>15559</v>
      </c>
      <c r="D25138" t="s">
        <v>15560</v>
      </c>
      <c r="E25138" t="s">
        <v>15475</v>
      </c>
      <c r="F25138" t="s">
        <v>15476</v>
      </c>
      <c r="G25138" t="s">
        <v>10734</v>
      </c>
      <c r="H25138" t="s">
        <v>10735</v>
      </c>
      <c r="I25138" s="2">
        <v>1</v>
      </c>
      <c r="J25138" s="2">
        <v>0</v>
      </c>
      <c r="K25138" s="2">
        <v>0</v>
      </c>
      <c r="L25138" t="s">
        <v>120</v>
      </c>
      <c r="M25138" t="s">
        <v>83</v>
      </c>
      <c r="N25138" t="s">
        <v>84</v>
      </c>
      <c r="O25138" t="s">
        <v>85</v>
      </c>
      <c r="P25138" t="s">
        <v>86</v>
      </c>
      <c r="Q25138">
        <v>26</v>
      </c>
      <c r="R25138">
        <v>26</v>
      </c>
      <c r="S25138">
        <v>26</v>
      </c>
      <c r="T25138">
        <v>27</v>
      </c>
      <c r="U25138">
        <v>27</v>
      </c>
      <c r="V25138">
        <v>28</v>
      </c>
      <c r="W25138">
        <v>28</v>
      </c>
      <c r="X25138">
        <v>28</v>
      </c>
      <c r="Y25138">
        <v>29</v>
      </c>
      <c r="Z25138">
        <v>29</v>
      </c>
      <c r="AA25138">
        <v>29</v>
      </c>
      <c r="AB25138">
        <v>29</v>
      </c>
      <c r="AC25138">
        <v>30</v>
      </c>
      <c r="AD25138">
        <v>30</v>
      </c>
      <c r="AE25138">
        <v>30</v>
      </c>
      <c r="AF25138">
        <v>31</v>
      </c>
      <c r="AG25138">
        <v>31</v>
      </c>
      <c r="AH25138">
        <v>31</v>
      </c>
      <c r="AI25138">
        <v>31</v>
      </c>
      <c r="AJ25138">
        <v>32</v>
      </c>
      <c r="AK25138">
        <v>32</v>
      </c>
      <c r="AL25138">
        <v>32</v>
      </c>
      <c r="AM25138">
        <v>32</v>
      </c>
      <c r="AN25138">
        <v>32</v>
      </c>
      <c r="AO25138">
        <v>32</v>
      </c>
      <c r="AP25138">
        <v>32</v>
      </c>
      <c r="AQ25138">
        <v>32</v>
      </c>
    </row>
    <row r="25139" spans="1:43">
      <c r="A25139" t="s">
        <v>15563</v>
      </c>
      <c r="B25139" t="s">
        <v>15564</v>
      </c>
      <c r="C25139" t="s">
        <v>15559</v>
      </c>
      <c r="D25139" t="s">
        <v>15560</v>
      </c>
      <c r="E25139" t="s">
        <v>15475</v>
      </c>
      <c r="F25139" t="s">
        <v>15476</v>
      </c>
      <c r="G25139" t="s">
        <v>10734</v>
      </c>
      <c r="H25139" t="s">
        <v>10735</v>
      </c>
      <c r="I25139" s="2">
        <v>1</v>
      </c>
      <c r="J25139" s="2">
        <v>0</v>
      </c>
      <c r="K25139" s="2">
        <v>0</v>
      </c>
      <c r="L25139" t="s">
        <v>120</v>
      </c>
      <c r="M25139" t="s">
        <v>87</v>
      </c>
      <c r="N25139" t="s">
        <v>88</v>
      </c>
      <c r="O25139" t="s">
        <v>85</v>
      </c>
      <c r="P25139" t="s">
        <v>86</v>
      </c>
      <c r="Q25139">
        <v>26</v>
      </c>
      <c r="R25139">
        <v>26</v>
      </c>
      <c r="S25139">
        <v>26</v>
      </c>
      <c r="T25139">
        <v>26</v>
      </c>
      <c r="U25139">
        <v>26</v>
      </c>
      <c r="V25139">
        <v>26</v>
      </c>
      <c r="W25139">
        <v>26</v>
      </c>
      <c r="X25139">
        <v>26</v>
      </c>
      <c r="Y25139">
        <v>26</v>
      </c>
      <c r="Z25139">
        <v>27</v>
      </c>
      <c r="AA25139">
        <v>27</v>
      </c>
      <c r="AB25139">
        <v>27</v>
      </c>
      <c r="AC25139">
        <v>27</v>
      </c>
      <c r="AD25139">
        <v>27</v>
      </c>
      <c r="AE25139">
        <v>27</v>
      </c>
      <c r="AF25139">
        <v>27</v>
      </c>
      <c r="AG25139">
        <v>27</v>
      </c>
      <c r="AH25139">
        <v>27</v>
      </c>
      <c r="AI25139">
        <v>28</v>
      </c>
      <c r="AJ25139">
        <v>28</v>
      </c>
      <c r="AK25139">
        <v>28</v>
      </c>
      <c r="AL25139">
        <v>28</v>
      </c>
      <c r="AM25139">
        <v>28</v>
      </c>
      <c r="AN25139">
        <v>28</v>
      </c>
      <c r="AO25139">
        <v>28</v>
      </c>
      <c r="AP25139">
        <v>28</v>
      </c>
      <c r="AQ25139">
        <v>28</v>
      </c>
    </row>
    <row r="25140" spans="1:43">
      <c r="A25140" t="s">
        <v>15563</v>
      </c>
      <c r="B25140" t="s">
        <v>15564</v>
      </c>
      <c r="C25140" t="s">
        <v>15559</v>
      </c>
      <c r="D25140" t="s">
        <v>15560</v>
      </c>
      <c r="E25140" t="s">
        <v>15475</v>
      </c>
      <c r="F25140" t="s">
        <v>15476</v>
      </c>
      <c r="G25140" t="s">
        <v>10734</v>
      </c>
      <c r="H25140" t="s">
        <v>10735</v>
      </c>
      <c r="I25140" s="2">
        <v>1</v>
      </c>
      <c r="J25140" s="2">
        <v>0</v>
      </c>
      <c r="K25140" s="2">
        <v>0</v>
      </c>
      <c r="L25140" t="s">
        <v>120</v>
      </c>
      <c r="M25140" t="s">
        <v>89</v>
      </c>
      <c r="N25140" t="s">
        <v>90</v>
      </c>
      <c r="O25140" t="s">
        <v>85</v>
      </c>
      <c r="P25140" t="s">
        <v>86</v>
      </c>
      <c r="Q25140">
        <v>26</v>
      </c>
      <c r="R25140">
        <v>27</v>
      </c>
      <c r="S25140">
        <v>27</v>
      </c>
      <c r="T25140">
        <v>28</v>
      </c>
      <c r="U25140">
        <v>28</v>
      </c>
      <c r="V25140">
        <v>29</v>
      </c>
      <c r="W25140">
        <v>29</v>
      </c>
      <c r="X25140">
        <v>30</v>
      </c>
      <c r="Y25140">
        <v>30</v>
      </c>
      <c r="Z25140">
        <v>30</v>
      </c>
      <c r="AA25140">
        <v>31</v>
      </c>
      <c r="AB25140">
        <v>31</v>
      </c>
      <c r="AC25140">
        <v>32</v>
      </c>
      <c r="AD25140">
        <v>32</v>
      </c>
      <c r="AE25140">
        <v>32</v>
      </c>
      <c r="AF25140">
        <v>32</v>
      </c>
      <c r="AG25140">
        <v>32</v>
      </c>
      <c r="AH25140">
        <v>32</v>
      </c>
      <c r="AI25140">
        <v>32</v>
      </c>
      <c r="AJ25140">
        <v>32</v>
      </c>
      <c r="AK25140">
        <v>32</v>
      </c>
      <c r="AL25140">
        <v>32</v>
      </c>
      <c r="AM25140">
        <v>32</v>
      </c>
      <c r="AN25140">
        <v>32</v>
      </c>
      <c r="AO25140">
        <v>32</v>
      </c>
      <c r="AP25140">
        <v>32</v>
      </c>
      <c r="AQ25140">
        <v>32</v>
      </c>
    </row>
    <row r="25141" spans="1:43">
      <c r="A25141" t="s">
        <v>15563</v>
      </c>
      <c r="B25141" t="s">
        <v>15564</v>
      </c>
      <c r="C25141" t="s">
        <v>15559</v>
      </c>
      <c r="D25141" t="s">
        <v>15560</v>
      </c>
      <c r="E25141" t="s">
        <v>15475</v>
      </c>
      <c r="F25141" t="s">
        <v>15476</v>
      </c>
      <c r="G25141" t="s">
        <v>10734</v>
      </c>
      <c r="H25141" t="s">
        <v>10735</v>
      </c>
      <c r="I25141" s="2">
        <v>1</v>
      </c>
      <c r="J25141" s="2">
        <v>0</v>
      </c>
      <c r="K25141" s="2">
        <v>0</v>
      </c>
      <c r="L25141" t="s">
        <v>120</v>
      </c>
      <c r="M25141" t="s">
        <v>83</v>
      </c>
      <c r="N25141" t="s">
        <v>91</v>
      </c>
      <c r="O25141" t="s">
        <v>85</v>
      </c>
      <c r="P25141" t="s">
        <v>86</v>
      </c>
      <c r="Q25141">
        <v>26</v>
      </c>
      <c r="R25141">
        <v>26</v>
      </c>
      <c r="S25141">
        <v>26</v>
      </c>
      <c r="T25141">
        <v>27</v>
      </c>
      <c r="U25141">
        <v>27</v>
      </c>
      <c r="V25141">
        <v>28</v>
      </c>
      <c r="W25141">
        <v>28</v>
      </c>
      <c r="X25141">
        <v>28</v>
      </c>
      <c r="Y25141">
        <v>29</v>
      </c>
      <c r="Z25141">
        <v>29</v>
      </c>
      <c r="AA25141">
        <v>29</v>
      </c>
      <c r="AB25141">
        <v>29</v>
      </c>
      <c r="AC25141">
        <v>30</v>
      </c>
      <c r="AD25141">
        <v>30</v>
      </c>
      <c r="AE25141">
        <v>30</v>
      </c>
      <c r="AF25141">
        <v>31</v>
      </c>
      <c r="AG25141">
        <v>31</v>
      </c>
      <c r="AH25141">
        <v>31</v>
      </c>
      <c r="AI25141">
        <v>31</v>
      </c>
      <c r="AJ25141">
        <v>32</v>
      </c>
      <c r="AK25141">
        <v>32</v>
      </c>
      <c r="AL25141">
        <v>32</v>
      </c>
      <c r="AM25141">
        <v>32</v>
      </c>
      <c r="AN25141">
        <v>32</v>
      </c>
      <c r="AO25141">
        <v>32</v>
      </c>
      <c r="AP25141">
        <v>32</v>
      </c>
      <c r="AQ25141">
        <v>32</v>
      </c>
    </row>
    <row r="25142" spans="1:43">
      <c r="A25142" t="s">
        <v>15565</v>
      </c>
      <c r="B25142" t="s">
        <v>15566</v>
      </c>
      <c r="C25142" t="s">
        <v>15559</v>
      </c>
      <c r="D25142" t="s">
        <v>15560</v>
      </c>
      <c r="E25142" t="s">
        <v>15475</v>
      </c>
      <c r="F25142" t="s">
        <v>15476</v>
      </c>
      <c r="G25142" t="s">
        <v>10734</v>
      </c>
      <c r="H25142" t="s">
        <v>10735</v>
      </c>
      <c r="I25142" s="2">
        <v>1</v>
      </c>
      <c r="J25142" s="2">
        <v>0</v>
      </c>
      <c r="K25142" s="2">
        <v>0</v>
      </c>
      <c r="L25142" t="s">
        <v>120</v>
      </c>
      <c r="M25142" t="s">
        <v>83</v>
      </c>
      <c r="N25142" t="s">
        <v>84</v>
      </c>
      <c r="O25142" t="s">
        <v>85</v>
      </c>
      <c r="P25142" t="s">
        <v>86</v>
      </c>
      <c r="Q25142">
        <v>25</v>
      </c>
      <c r="R25142">
        <v>25</v>
      </c>
      <c r="S25142">
        <v>25</v>
      </c>
      <c r="T25142">
        <v>26</v>
      </c>
      <c r="U25142">
        <v>26</v>
      </c>
      <c r="V25142">
        <v>26</v>
      </c>
      <c r="W25142">
        <v>27</v>
      </c>
      <c r="X25142">
        <v>27</v>
      </c>
      <c r="Y25142">
        <v>27</v>
      </c>
      <c r="Z25142">
        <v>27</v>
      </c>
      <c r="AA25142">
        <v>28</v>
      </c>
      <c r="AB25142">
        <v>28</v>
      </c>
      <c r="AC25142">
        <v>28</v>
      </c>
      <c r="AD25142">
        <v>29</v>
      </c>
      <c r="AE25142">
        <v>29</v>
      </c>
      <c r="AF25142">
        <v>29</v>
      </c>
      <c r="AG25142">
        <v>29</v>
      </c>
      <c r="AH25142">
        <v>30</v>
      </c>
      <c r="AI25142">
        <v>30</v>
      </c>
      <c r="AJ25142">
        <v>30</v>
      </c>
      <c r="AK25142">
        <v>30</v>
      </c>
      <c r="AL25142">
        <v>30</v>
      </c>
      <c r="AM25142">
        <v>30</v>
      </c>
      <c r="AN25142">
        <v>30</v>
      </c>
      <c r="AO25142">
        <v>30</v>
      </c>
      <c r="AP25142">
        <v>30</v>
      </c>
      <c r="AQ25142">
        <v>30</v>
      </c>
    </row>
    <row r="25143" spans="1:43">
      <c r="A25143" t="s">
        <v>15565</v>
      </c>
      <c r="B25143" t="s">
        <v>15566</v>
      </c>
      <c r="C25143" t="s">
        <v>15559</v>
      </c>
      <c r="D25143" t="s">
        <v>15560</v>
      </c>
      <c r="E25143" t="s">
        <v>15475</v>
      </c>
      <c r="F25143" t="s">
        <v>15476</v>
      </c>
      <c r="G25143" t="s">
        <v>10734</v>
      </c>
      <c r="H25143" t="s">
        <v>10735</v>
      </c>
      <c r="I25143" s="2">
        <v>1</v>
      </c>
      <c r="J25143" s="2">
        <v>0</v>
      </c>
      <c r="K25143" s="2">
        <v>0</v>
      </c>
      <c r="L25143" t="s">
        <v>120</v>
      </c>
      <c r="M25143" t="s">
        <v>87</v>
      </c>
      <c r="N25143" t="s">
        <v>88</v>
      </c>
      <c r="O25143" t="s">
        <v>85</v>
      </c>
      <c r="P25143" t="s">
        <v>86</v>
      </c>
      <c r="Q25143">
        <v>25</v>
      </c>
      <c r="R25143">
        <v>25</v>
      </c>
      <c r="S25143">
        <v>26</v>
      </c>
      <c r="T25143">
        <v>26</v>
      </c>
      <c r="U25143">
        <v>26</v>
      </c>
      <c r="V25143">
        <v>26</v>
      </c>
      <c r="W25143">
        <v>26</v>
      </c>
      <c r="X25143">
        <v>26</v>
      </c>
      <c r="Y25143">
        <v>26</v>
      </c>
      <c r="Z25143">
        <v>26</v>
      </c>
      <c r="AA25143">
        <v>26</v>
      </c>
      <c r="AB25143">
        <v>26</v>
      </c>
      <c r="AC25143">
        <v>27</v>
      </c>
      <c r="AD25143">
        <v>27</v>
      </c>
      <c r="AE25143">
        <v>27</v>
      </c>
      <c r="AF25143">
        <v>27</v>
      </c>
      <c r="AG25143">
        <v>27</v>
      </c>
      <c r="AH25143">
        <v>27</v>
      </c>
      <c r="AI25143">
        <v>27</v>
      </c>
      <c r="AJ25143">
        <v>27</v>
      </c>
      <c r="AK25143">
        <v>27</v>
      </c>
      <c r="AL25143">
        <v>27</v>
      </c>
      <c r="AM25143">
        <v>27</v>
      </c>
      <c r="AN25143">
        <v>27</v>
      </c>
      <c r="AO25143">
        <v>28</v>
      </c>
      <c r="AP25143">
        <v>28</v>
      </c>
      <c r="AQ25143">
        <v>28</v>
      </c>
    </row>
    <row r="25144" spans="1:43">
      <c r="A25144" t="s">
        <v>15565</v>
      </c>
      <c r="B25144" t="s">
        <v>15566</v>
      </c>
      <c r="C25144" t="s">
        <v>15559</v>
      </c>
      <c r="D25144" t="s">
        <v>15560</v>
      </c>
      <c r="E25144" t="s">
        <v>15475</v>
      </c>
      <c r="F25144" t="s">
        <v>15476</v>
      </c>
      <c r="G25144" t="s">
        <v>10734</v>
      </c>
      <c r="H25144" t="s">
        <v>10735</v>
      </c>
      <c r="I25144" s="2">
        <v>1</v>
      </c>
      <c r="J25144" s="2">
        <v>0</v>
      </c>
      <c r="K25144" s="2">
        <v>0</v>
      </c>
      <c r="L25144" t="s">
        <v>120</v>
      </c>
      <c r="M25144" t="s">
        <v>89</v>
      </c>
      <c r="N25144" t="s">
        <v>90</v>
      </c>
      <c r="O25144" t="s">
        <v>85</v>
      </c>
      <c r="P25144" t="s">
        <v>86</v>
      </c>
      <c r="Q25144">
        <v>25</v>
      </c>
      <c r="R25144">
        <v>25</v>
      </c>
      <c r="S25144">
        <v>26</v>
      </c>
      <c r="T25144">
        <v>26</v>
      </c>
      <c r="U25144">
        <v>27</v>
      </c>
      <c r="V25144">
        <v>27</v>
      </c>
      <c r="W25144">
        <v>28</v>
      </c>
      <c r="X25144">
        <v>28</v>
      </c>
      <c r="Y25144">
        <v>29</v>
      </c>
      <c r="Z25144">
        <v>29</v>
      </c>
      <c r="AA25144">
        <v>29</v>
      </c>
      <c r="AB25144">
        <v>30</v>
      </c>
      <c r="AC25144">
        <v>30</v>
      </c>
      <c r="AD25144">
        <v>31</v>
      </c>
      <c r="AE25144">
        <v>31</v>
      </c>
      <c r="AF25144">
        <v>31</v>
      </c>
      <c r="AG25144">
        <v>31</v>
      </c>
      <c r="AH25144">
        <v>31</v>
      </c>
      <c r="AI25144">
        <v>31</v>
      </c>
      <c r="AJ25144">
        <v>31</v>
      </c>
      <c r="AK25144">
        <v>31</v>
      </c>
      <c r="AL25144">
        <v>31</v>
      </c>
      <c r="AM25144">
        <v>31</v>
      </c>
      <c r="AN25144">
        <v>31</v>
      </c>
      <c r="AO25144">
        <v>31</v>
      </c>
      <c r="AP25144">
        <v>31</v>
      </c>
      <c r="AQ25144">
        <v>31</v>
      </c>
    </row>
    <row r="25145" spans="1:43">
      <c r="A25145" t="s">
        <v>15565</v>
      </c>
      <c r="B25145" t="s">
        <v>15566</v>
      </c>
      <c r="C25145" t="s">
        <v>15559</v>
      </c>
      <c r="D25145" t="s">
        <v>15560</v>
      </c>
      <c r="E25145" t="s">
        <v>15475</v>
      </c>
      <c r="F25145" t="s">
        <v>15476</v>
      </c>
      <c r="G25145" t="s">
        <v>10734</v>
      </c>
      <c r="H25145" t="s">
        <v>10735</v>
      </c>
      <c r="I25145" s="2">
        <v>1</v>
      </c>
      <c r="J25145" s="2">
        <v>0</v>
      </c>
      <c r="K25145" s="2">
        <v>0</v>
      </c>
      <c r="L25145" t="s">
        <v>120</v>
      </c>
      <c r="M25145" t="s">
        <v>83</v>
      </c>
      <c r="N25145" t="s">
        <v>91</v>
      </c>
      <c r="O25145" t="s">
        <v>85</v>
      </c>
      <c r="P25145" t="s">
        <v>86</v>
      </c>
      <c r="Q25145">
        <v>25</v>
      </c>
      <c r="R25145">
        <v>25</v>
      </c>
      <c r="S25145">
        <v>25</v>
      </c>
      <c r="T25145">
        <v>26</v>
      </c>
      <c r="U25145">
        <v>26</v>
      </c>
      <c r="V25145">
        <v>26</v>
      </c>
      <c r="W25145">
        <v>27</v>
      </c>
      <c r="X25145">
        <v>27</v>
      </c>
      <c r="Y25145">
        <v>27</v>
      </c>
      <c r="Z25145">
        <v>27</v>
      </c>
      <c r="AA25145">
        <v>28</v>
      </c>
      <c r="AB25145">
        <v>28</v>
      </c>
      <c r="AC25145">
        <v>28</v>
      </c>
      <c r="AD25145">
        <v>29</v>
      </c>
      <c r="AE25145">
        <v>29</v>
      </c>
      <c r="AF25145">
        <v>29</v>
      </c>
      <c r="AG25145">
        <v>29</v>
      </c>
      <c r="AH25145">
        <v>30</v>
      </c>
      <c r="AI25145">
        <v>30</v>
      </c>
      <c r="AJ25145">
        <v>30</v>
      </c>
      <c r="AK25145">
        <v>30</v>
      </c>
      <c r="AL25145">
        <v>30</v>
      </c>
      <c r="AM25145">
        <v>30</v>
      </c>
      <c r="AN25145">
        <v>30</v>
      </c>
      <c r="AO25145">
        <v>30</v>
      </c>
      <c r="AP25145">
        <v>30</v>
      </c>
      <c r="AQ25145">
        <v>30</v>
      </c>
    </row>
    <row r="25146" spans="1:43">
      <c r="A25146" t="s">
        <v>15567</v>
      </c>
      <c r="B25146" t="s">
        <v>15568</v>
      </c>
      <c r="C25146" t="s">
        <v>15535</v>
      </c>
      <c r="D25146" t="s">
        <v>15536</v>
      </c>
      <c r="E25146" t="s">
        <v>15475</v>
      </c>
      <c r="F25146" t="s">
        <v>15476</v>
      </c>
      <c r="G25146" t="s">
        <v>10734</v>
      </c>
      <c r="H25146" t="s">
        <v>10735</v>
      </c>
      <c r="I25146" s="2">
        <v>1</v>
      </c>
      <c r="J25146" s="2">
        <v>0</v>
      </c>
      <c r="K25146" s="2">
        <v>0</v>
      </c>
      <c r="L25146" t="s">
        <v>120</v>
      </c>
      <c r="M25146" t="s">
        <v>83</v>
      </c>
      <c r="N25146" t="s">
        <v>84</v>
      </c>
      <c r="O25146" t="s">
        <v>85</v>
      </c>
      <c r="P25146" t="s">
        <v>86</v>
      </c>
      <c r="Q25146">
        <v>21</v>
      </c>
      <c r="R25146">
        <v>21</v>
      </c>
      <c r="S25146">
        <v>22</v>
      </c>
      <c r="T25146">
        <v>22</v>
      </c>
      <c r="U25146">
        <v>22</v>
      </c>
      <c r="V25146">
        <v>23</v>
      </c>
      <c r="W25146">
        <v>23</v>
      </c>
      <c r="X25146">
        <v>23</v>
      </c>
      <c r="Y25146">
        <v>23</v>
      </c>
      <c r="Z25146">
        <v>24</v>
      </c>
      <c r="AA25146">
        <v>24</v>
      </c>
      <c r="AB25146">
        <v>24</v>
      </c>
      <c r="AC25146">
        <v>24</v>
      </c>
      <c r="AD25146">
        <v>25</v>
      </c>
      <c r="AE25146">
        <v>25</v>
      </c>
      <c r="AF25146">
        <v>25</v>
      </c>
      <c r="AG25146">
        <v>25</v>
      </c>
      <c r="AH25146">
        <v>26</v>
      </c>
      <c r="AI25146">
        <v>26</v>
      </c>
      <c r="AJ25146">
        <v>26</v>
      </c>
      <c r="AK25146">
        <v>26</v>
      </c>
      <c r="AL25146">
        <v>26</v>
      </c>
      <c r="AM25146">
        <v>26</v>
      </c>
      <c r="AN25146">
        <v>26</v>
      </c>
      <c r="AO25146">
        <v>26</v>
      </c>
      <c r="AP25146">
        <v>26</v>
      </c>
      <c r="AQ25146">
        <v>26</v>
      </c>
    </row>
    <row r="25147" spans="1:43">
      <c r="A25147" t="s">
        <v>15567</v>
      </c>
      <c r="B25147" t="s">
        <v>15568</v>
      </c>
      <c r="C25147" t="s">
        <v>15535</v>
      </c>
      <c r="D25147" t="s">
        <v>15536</v>
      </c>
      <c r="E25147" t="s">
        <v>15475</v>
      </c>
      <c r="F25147" t="s">
        <v>15476</v>
      </c>
      <c r="G25147" t="s">
        <v>10734</v>
      </c>
      <c r="H25147" t="s">
        <v>10735</v>
      </c>
      <c r="I25147" s="2">
        <v>1</v>
      </c>
      <c r="J25147" s="2">
        <v>0</v>
      </c>
      <c r="K25147" s="2">
        <v>0</v>
      </c>
      <c r="L25147" t="s">
        <v>120</v>
      </c>
      <c r="M25147" t="s">
        <v>87</v>
      </c>
      <c r="N25147" t="s">
        <v>88</v>
      </c>
      <c r="O25147" t="s">
        <v>85</v>
      </c>
      <c r="P25147" t="s">
        <v>86</v>
      </c>
      <c r="Q25147">
        <v>21</v>
      </c>
      <c r="R25147">
        <v>21</v>
      </c>
      <c r="S25147">
        <v>21</v>
      </c>
      <c r="T25147">
        <v>21</v>
      </c>
      <c r="U25147">
        <v>21</v>
      </c>
      <c r="V25147">
        <v>21</v>
      </c>
      <c r="W25147">
        <v>21</v>
      </c>
      <c r="X25147">
        <v>22</v>
      </c>
      <c r="Y25147">
        <v>22</v>
      </c>
      <c r="Z25147">
        <v>22</v>
      </c>
      <c r="AA25147">
        <v>22</v>
      </c>
      <c r="AB25147">
        <v>22</v>
      </c>
      <c r="AC25147">
        <v>22</v>
      </c>
      <c r="AD25147">
        <v>22</v>
      </c>
      <c r="AE25147">
        <v>22</v>
      </c>
      <c r="AF25147">
        <v>22</v>
      </c>
      <c r="AG25147">
        <v>22</v>
      </c>
      <c r="AH25147">
        <v>22</v>
      </c>
      <c r="AI25147">
        <v>22</v>
      </c>
      <c r="AJ25147">
        <v>22</v>
      </c>
      <c r="AK25147">
        <v>22</v>
      </c>
      <c r="AL25147">
        <v>22</v>
      </c>
      <c r="AM25147">
        <v>23</v>
      </c>
      <c r="AN25147">
        <v>23</v>
      </c>
      <c r="AO25147">
        <v>23</v>
      </c>
      <c r="AP25147">
        <v>23</v>
      </c>
      <c r="AQ25147">
        <v>23</v>
      </c>
    </row>
    <row r="25148" spans="1:43">
      <c r="A25148" t="s">
        <v>15567</v>
      </c>
      <c r="B25148" t="s">
        <v>15568</v>
      </c>
      <c r="C25148" t="s">
        <v>15535</v>
      </c>
      <c r="D25148" t="s">
        <v>15536</v>
      </c>
      <c r="E25148" t="s">
        <v>15475</v>
      </c>
      <c r="F25148" t="s">
        <v>15476</v>
      </c>
      <c r="G25148" t="s">
        <v>10734</v>
      </c>
      <c r="H25148" t="s">
        <v>10735</v>
      </c>
      <c r="I25148" s="2">
        <v>1</v>
      </c>
      <c r="J25148" s="2">
        <v>0</v>
      </c>
      <c r="K25148" s="2">
        <v>0</v>
      </c>
      <c r="L25148" t="s">
        <v>120</v>
      </c>
      <c r="M25148" t="s">
        <v>89</v>
      </c>
      <c r="N25148" t="s">
        <v>90</v>
      </c>
      <c r="O25148" t="s">
        <v>85</v>
      </c>
      <c r="P25148" t="s">
        <v>86</v>
      </c>
      <c r="Q25148">
        <v>21</v>
      </c>
      <c r="R25148">
        <v>22</v>
      </c>
      <c r="S25148">
        <v>22</v>
      </c>
      <c r="T25148">
        <v>23</v>
      </c>
      <c r="U25148">
        <v>23</v>
      </c>
      <c r="V25148">
        <v>24</v>
      </c>
      <c r="W25148">
        <v>24</v>
      </c>
      <c r="X25148">
        <v>24</v>
      </c>
      <c r="Y25148">
        <v>25</v>
      </c>
      <c r="Z25148">
        <v>25</v>
      </c>
      <c r="AA25148">
        <v>25</v>
      </c>
      <c r="AB25148">
        <v>26</v>
      </c>
      <c r="AC25148">
        <v>26</v>
      </c>
      <c r="AD25148">
        <v>26</v>
      </c>
      <c r="AE25148">
        <v>27</v>
      </c>
      <c r="AF25148">
        <v>27</v>
      </c>
      <c r="AG25148">
        <v>27</v>
      </c>
      <c r="AH25148">
        <v>27</v>
      </c>
      <c r="AI25148">
        <v>27</v>
      </c>
      <c r="AJ25148">
        <v>27</v>
      </c>
      <c r="AK25148">
        <v>27</v>
      </c>
      <c r="AL25148">
        <v>27</v>
      </c>
      <c r="AM25148">
        <v>27</v>
      </c>
      <c r="AN25148">
        <v>27</v>
      </c>
      <c r="AO25148">
        <v>27</v>
      </c>
      <c r="AP25148">
        <v>27</v>
      </c>
      <c r="AQ25148">
        <v>27</v>
      </c>
    </row>
    <row r="25149" spans="1:43">
      <c r="A25149" t="s">
        <v>15567</v>
      </c>
      <c r="B25149" t="s">
        <v>15568</v>
      </c>
      <c r="C25149" t="s">
        <v>15535</v>
      </c>
      <c r="D25149" t="s">
        <v>15536</v>
      </c>
      <c r="E25149" t="s">
        <v>15475</v>
      </c>
      <c r="F25149" t="s">
        <v>15476</v>
      </c>
      <c r="G25149" t="s">
        <v>10734</v>
      </c>
      <c r="H25149" t="s">
        <v>10735</v>
      </c>
      <c r="I25149" s="2">
        <v>1</v>
      </c>
      <c r="J25149" s="2">
        <v>0</v>
      </c>
      <c r="K25149" s="2">
        <v>0</v>
      </c>
      <c r="L25149" t="s">
        <v>120</v>
      </c>
      <c r="M25149" t="s">
        <v>83</v>
      </c>
      <c r="N25149" t="s">
        <v>91</v>
      </c>
      <c r="O25149" t="s">
        <v>85</v>
      </c>
      <c r="P25149" t="s">
        <v>86</v>
      </c>
      <c r="Q25149">
        <v>21</v>
      </c>
      <c r="R25149">
        <v>21</v>
      </c>
      <c r="S25149">
        <v>22</v>
      </c>
      <c r="T25149">
        <v>22</v>
      </c>
      <c r="U25149">
        <v>22</v>
      </c>
      <c r="V25149">
        <v>23</v>
      </c>
      <c r="W25149">
        <v>23</v>
      </c>
      <c r="X25149">
        <v>23</v>
      </c>
      <c r="Y25149">
        <v>23</v>
      </c>
      <c r="Z25149">
        <v>24</v>
      </c>
      <c r="AA25149">
        <v>24</v>
      </c>
      <c r="AB25149">
        <v>24</v>
      </c>
      <c r="AC25149">
        <v>24</v>
      </c>
      <c r="AD25149">
        <v>25</v>
      </c>
      <c r="AE25149">
        <v>25</v>
      </c>
      <c r="AF25149">
        <v>25</v>
      </c>
      <c r="AG25149">
        <v>25</v>
      </c>
      <c r="AH25149">
        <v>26</v>
      </c>
      <c r="AI25149">
        <v>26</v>
      </c>
      <c r="AJ25149">
        <v>26</v>
      </c>
      <c r="AK25149">
        <v>26</v>
      </c>
      <c r="AL25149">
        <v>26</v>
      </c>
      <c r="AM25149">
        <v>26</v>
      </c>
      <c r="AN25149">
        <v>26</v>
      </c>
      <c r="AO25149">
        <v>26</v>
      </c>
      <c r="AP25149">
        <v>26</v>
      </c>
      <c r="AQ25149">
        <v>26</v>
      </c>
    </row>
    <row r="25150" spans="1:43">
      <c r="A25150" t="s">
        <v>15569</v>
      </c>
      <c r="B25150" t="s">
        <v>15570</v>
      </c>
      <c r="C25150" t="s">
        <v>15535</v>
      </c>
      <c r="D25150" t="s">
        <v>15536</v>
      </c>
      <c r="E25150" t="s">
        <v>15475</v>
      </c>
      <c r="F25150" t="s">
        <v>15476</v>
      </c>
      <c r="G25150" t="s">
        <v>10734</v>
      </c>
      <c r="H25150" t="s">
        <v>10735</v>
      </c>
      <c r="I25150" s="2">
        <v>1</v>
      </c>
      <c r="J25150" s="2">
        <v>0</v>
      </c>
      <c r="K25150" s="2">
        <v>0</v>
      </c>
      <c r="L25150" t="s">
        <v>120</v>
      </c>
      <c r="M25150" t="s">
        <v>83</v>
      </c>
      <c r="N25150" t="s">
        <v>84</v>
      </c>
      <c r="O25150" t="s">
        <v>85</v>
      </c>
      <c r="P25150" t="s">
        <v>86</v>
      </c>
      <c r="Q25150">
        <v>36</v>
      </c>
      <c r="R25150">
        <v>36</v>
      </c>
      <c r="S25150">
        <v>37</v>
      </c>
      <c r="T25150">
        <v>37</v>
      </c>
      <c r="U25150">
        <v>38</v>
      </c>
      <c r="V25150">
        <v>38</v>
      </c>
      <c r="W25150">
        <v>39</v>
      </c>
      <c r="X25150">
        <v>39</v>
      </c>
      <c r="Y25150">
        <v>39</v>
      </c>
      <c r="Z25150">
        <v>40</v>
      </c>
      <c r="AA25150">
        <v>40</v>
      </c>
      <c r="AB25150">
        <v>41</v>
      </c>
      <c r="AC25150">
        <v>41</v>
      </c>
      <c r="AD25150">
        <v>42</v>
      </c>
      <c r="AE25150">
        <v>42</v>
      </c>
      <c r="AF25150">
        <v>42</v>
      </c>
      <c r="AG25150">
        <v>43</v>
      </c>
      <c r="AH25150">
        <v>43</v>
      </c>
      <c r="AI25150">
        <v>44</v>
      </c>
      <c r="AJ25150">
        <v>44</v>
      </c>
      <c r="AK25150">
        <v>44</v>
      </c>
      <c r="AL25150">
        <v>44</v>
      </c>
      <c r="AM25150">
        <v>44</v>
      </c>
      <c r="AN25150">
        <v>44</v>
      </c>
      <c r="AO25150">
        <v>44</v>
      </c>
      <c r="AP25150">
        <v>44</v>
      </c>
      <c r="AQ25150">
        <v>44</v>
      </c>
    </row>
    <row r="25151" spans="1:43">
      <c r="A25151" t="s">
        <v>15569</v>
      </c>
      <c r="B25151" t="s">
        <v>15570</v>
      </c>
      <c r="C25151" t="s">
        <v>15535</v>
      </c>
      <c r="D25151" t="s">
        <v>15536</v>
      </c>
      <c r="E25151" t="s">
        <v>15475</v>
      </c>
      <c r="F25151" t="s">
        <v>15476</v>
      </c>
      <c r="G25151" t="s">
        <v>10734</v>
      </c>
      <c r="H25151" t="s">
        <v>10735</v>
      </c>
      <c r="I25151" s="2">
        <v>1</v>
      </c>
      <c r="J25151" s="2">
        <v>0</v>
      </c>
      <c r="K25151" s="2">
        <v>0</v>
      </c>
      <c r="L25151" t="s">
        <v>120</v>
      </c>
      <c r="M25151" t="s">
        <v>87</v>
      </c>
      <c r="N25151" t="s">
        <v>88</v>
      </c>
      <c r="O25151" t="s">
        <v>85</v>
      </c>
      <c r="P25151" t="s">
        <v>86</v>
      </c>
      <c r="Q25151">
        <v>36</v>
      </c>
      <c r="R25151">
        <v>36</v>
      </c>
      <c r="S25151">
        <v>36</v>
      </c>
      <c r="T25151">
        <v>36</v>
      </c>
      <c r="U25151">
        <v>36</v>
      </c>
      <c r="V25151">
        <v>36</v>
      </c>
      <c r="W25151">
        <v>36</v>
      </c>
      <c r="X25151">
        <v>36</v>
      </c>
      <c r="Y25151">
        <v>37</v>
      </c>
      <c r="Z25151">
        <v>37</v>
      </c>
      <c r="AA25151">
        <v>37</v>
      </c>
      <c r="AB25151">
        <v>37</v>
      </c>
      <c r="AC25151">
        <v>37</v>
      </c>
      <c r="AD25151">
        <v>37</v>
      </c>
      <c r="AE25151">
        <v>37</v>
      </c>
      <c r="AF25151">
        <v>37</v>
      </c>
      <c r="AG25151">
        <v>37</v>
      </c>
      <c r="AH25151">
        <v>38</v>
      </c>
      <c r="AI25151">
        <v>38</v>
      </c>
      <c r="AJ25151">
        <v>38</v>
      </c>
      <c r="AK25151">
        <v>38</v>
      </c>
      <c r="AL25151">
        <v>38</v>
      </c>
      <c r="AM25151">
        <v>38</v>
      </c>
      <c r="AN25151">
        <v>38</v>
      </c>
      <c r="AO25151">
        <v>38</v>
      </c>
      <c r="AP25151">
        <v>38</v>
      </c>
      <c r="AQ25151">
        <v>39</v>
      </c>
    </row>
    <row r="25152" spans="1:43">
      <c r="A25152" t="s">
        <v>15569</v>
      </c>
      <c r="B25152" t="s">
        <v>15570</v>
      </c>
      <c r="C25152" t="s">
        <v>15535</v>
      </c>
      <c r="D25152" t="s">
        <v>15536</v>
      </c>
      <c r="E25152" t="s">
        <v>15475</v>
      </c>
      <c r="F25152" t="s">
        <v>15476</v>
      </c>
      <c r="G25152" t="s">
        <v>10734</v>
      </c>
      <c r="H25152" t="s">
        <v>10735</v>
      </c>
      <c r="I25152" s="2">
        <v>1</v>
      </c>
      <c r="J25152" s="2">
        <v>0</v>
      </c>
      <c r="K25152" s="2">
        <v>0</v>
      </c>
      <c r="L25152" t="s">
        <v>120</v>
      </c>
      <c r="M25152" t="s">
        <v>89</v>
      </c>
      <c r="N25152" t="s">
        <v>90</v>
      </c>
      <c r="O25152" t="s">
        <v>85</v>
      </c>
      <c r="P25152" t="s">
        <v>86</v>
      </c>
      <c r="Q25152">
        <v>36</v>
      </c>
      <c r="R25152">
        <v>37</v>
      </c>
      <c r="S25152">
        <v>38</v>
      </c>
      <c r="T25152">
        <v>38</v>
      </c>
      <c r="U25152">
        <v>39</v>
      </c>
      <c r="V25152">
        <v>40</v>
      </c>
      <c r="W25152">
        <v>41</v>
      </c>
      <c r="X25152">
        <v>41</v>
      </c>
      <c r="Y25152">
        <v>42</v>
      </c>
      <c r="Z25152">
        <v>42</v>
      </c>
      <c r="AA25152">
        <v>43</v>
      </c>
      <c r="AB25152">
        <v>43</v>
      </c>
      <c r="AC25152">
        <v>44</v>
      </c>
      <c r="AD25152">
        <v>45</v>
      </c>
      <c r="AE25152">
        <v>45</v>
      </c>
      <c r="AF25152">
        <v>45</v>
      </c>
      <c r="AG25152">
        <v>45</v>
      </c>
      <c r="AH25152">
        <v>45</v>
      </c>
      <c r="AI25152">
        <v>45</v>
      </c>
      <c r="AJ25152">
        <v>45</v>
      </c>
      <c r="AK25152">
        <v>45</v>
      </c>
      <c r="AL25152">
        <v>45</v>
      </c>
      <c r="AM25152">
        <v>45</v>
      </c>
      <c r="AN25152">
        <v>45</v>
      </c>
      <c r="AO25152">
        <v>45</v>
      </c>
      <c r="AP25152">
        <v>45</v>
      </c>
      <c r="AQ25152">
        <v>45</v>
      </c>
    </row>
    <row r="25153" spans="1:43">
      <c r="A25153" t="s">
        <v>15569</v>
      </c>
      <c r="B25153" t="s">
        <v>15570</v>
      </c>
      <c r="C25153" t="s">
        <v>15535</v>
      </c>
      <c r="D25153" t="s">
        <v>15536</v>
      </c>
      <c r="E25153" t="s">
        <v>15475</v>
      </c>
      <c r="F25153" t="s">
        <v>15476</v>
      </c>
      <c r="G25153" t="s">
        <v>10734</v>
      </c>
      <c r="H25153" t="s">
        <v>10735</v>
      </c>
      <c r="I25153" s="2">
        <v>1</v>
      </c>
      <c r="J25153" s="2">
        <v>0</v>
      </c>
      <c r="K25153" s="2">
        <v>0</v>
      </c>
      <c r="L25153" t="s">
        <v>120</v>
      </c>
      <c r="M25153" t="s">
        <v>83</v>
      </c>
      <c r="N25153" t="s">
        <v>91</v>
      </c>
      <c r="O25153" t="s">
        <v>85</v>
      </c>
      <c r="P25153" t="s">
        <v>86</v>
      </c>
      <c r="Q25153">
        <v>36</v>
      </c>
      <c r="R25153">
        <v>36</v>
      </c>
      <c r="S25153">
        <v>37</v>
      </c>
      <c r="T25153">
        <v>37</v>
      </c>
      <c r="U25153">
        <v>38</v>
      </c>
      <c r="V25153">
        <v>38</v>
      </c>
      <c r="W25153">
        <v>39</v>
      </c>
      <c r="X25153">
        <v>39</v>
      </c>
      <c r="Y25153">
        <v>39</v>
      </c>
      <c r="Z25153">
        <v>40</v>
      </c>
      <c r="AA25153">
        <v>40</v>
      </c>
      <c r="AB25153">
        <v>41</v>
      </c>
      <c r="AC25153">
        <v>41</v>
      </c>
      <c r="AD25153">
        <v>42</v>
      </c>
      <c r="AE25153">
        <v>42</v>
      </c>
      <c r="AF25153">
        <v>42</v>
      </c>
      <c r="AG25153">
        <v>43</v>
      </c>
      <c r="AH25153">
        <v>43</v>
      </c>
      <c r="AI25153">
        <v>44</v>
      </c>
      <c r="AJ25153">
        <v>44</v>
      </c>
      <c r="AK25153">
        <v>44</v>
      </c>
      <c r="AL25153">
        <v>44</v>
      </c>
      <c r="AM25153">
        <v>44</v>
      </c>
      <c r="AN25153">
        <v>44</v>
      </c>
      <c r="AO25153">
        <v>44</v>
      </c>
      <c r="AP25153">
        <v>44</v>
      </c>
      <c r="AQ25153">
        <v>44</v>
      </c>
    </row>
    <row r="25154" spans="1:43">
      <c r="A25154" t="s">
        <v>15571</v>
      </c>
      <c r="B25154" t="s">
        <v>15572</v>
      </c>
      <c r="C25154" t="s">
        <v>15573</v>
      </c>
      <c r="D25154" t="s">
        <v>15574</v>
      </c>
      <c r="E25154" t="s">
        <v>15475</v>
      </c>
      <c r="F25154" t="s">
        <v>15476</v>
      </c>
      <c r="G25154" t="s">
        <v>10734</v>
      </c>
      <c r="H25154" t="s">
        <v>10735</v>
      </c>
      <c r="I25154" s="2">
        <v>1</v>
      </c>
      <c r="J25154" s="2">
        <v>0</v>
      </c>
      <c r="K25154" s="2">
        <v>0</v>
      </c>
      <c r="L25154" t="s">
        <v>120</v>
      </c>
      <c r="M25154" t="s">
        <v>83</v>
      </c>
      <c r="N25154" t="s">
        <v>84</v>
      </c>
      <c r="O25154" t="s">
        <v>85</v>
      </c>
      <c r="P25154" t="s">
        <v>86</v>
      </c>
      <c r="Q25154">
        <v>71</v>
      </c>
      <c r="R25154">
        <v>72</v>
      </c>
      <c r="S25154">
        <v>73</v>
      </c>
      <c r="T25154">
        <v>74</v>
      </c>
      <c r="U25154">
        <v>75</v>
      </c>
      <c r="V25154">
        <v>76</v>
      </c>
      <c r="W25154">
        <v>77</v>
      </c>
      <c r="X25154">
        <v>77</v>
      </c>
      <c r="Y25154">
        <v>78</v>
      </c>
      <c r="Z25154">
        <v>79</v>
      </c>
      <c r="AA25154">
        <v>80</v>
      </c>
      <c r="AB25154">
        <v>81</v>
      </c>
      <c r="AC25154">
        <v>82</v>
      </c>
      <c r="AD25154">
        <v>83</v>
      </c>
      <c r="AE25154">
        <v>83</v>
      </c>
      <c r="AF25154">
        <v>84</v>
      </c>
      <c r="AG25154">
        <v>85</v>
      </c>
      <c r="AH25154">
        <v>86</v>
      </c>
      <c r="AI25154">
        <v>87</v>
      </c>
      <c r="AJ25154">
        <v>87</v>
      </c>
      <c r="AK25154">
        <v>88</v>
      </c>
      <c r="AL25154">
        <v>88</v>
      </c>
      <c r="AM25154">
        <v>89</v>
      </c>
      <c r="AN25154">
        <v>89</v>
      </c>
      <c r="AO25154">
        <v>89</v>
      </c>
      <c r="AP25154">
        <v>89</v>
      </c>
      <c r="AQ25154">
        <v>89</v>
      </c>
    </row>
    <row r="25155" spans="1:43">
      <c r="A25155" t="s">
        <v>15571</v>
      </c>
      <c r="B25155" t="s">
        <v>15572</v>
      </c>
      <c r="C25155" t="s">
        <v>15573</v>
      </c>
      <c r="D25155" t="s">
        <v>15574</v>
      </c>
      <c r="E25155" t="s">
        <v>15475</v>
      </c>
      <c r="F25155" t="s">
        <v>15476</v>
      </c>
      <c r="G25155" t="s">
        <v>10734</v>
      </c>
      <c r="H25155" t="s">
        <v>10735</v>
      </c>
      <c r="I25155" s="2">
        <v>1</v>
      </c>
      <c r="J25155" s="2">
        <v>0</v>
      </c>
      <c r="K25155" s="2">
        <v>0</v>
      </c>
      <c r="L25155" t="s">
        <v>120</v>
      </c>
      <c r="M25155" t="s">
        <v>87</v>
      </c>
      <c r="N25155" t="s">
        <v>88</v>
      </c>
      <c r="O25155" t="s">
        <v>85</v>
      </c>
      <c r="P25155" t="s">
        <v>86</v>
      </c>
      <c r="Q25155">
        <v>71</v>
      </c>
      <c r="R25155">
        <v>71</v>
      </c>
      <c r="S25155">
        <v>72</v>
      </c>
      <c r="T25155">
        <v>72</v>
      </c>
      <c r="U25155">
        <v>72</v>
      </c>
      <c r="V25155">
        <v>73</v>
      </c>
      <c r="W25155">
        <v>73</v>
      </c>
      <c r="X25155">
        <v>73</v>
      </c>
      <c r="Y25155">
        <v>74</v>
      </c>
      <c r="Z25155">
        <v>74</v>
      </c>
      <c r="AA25155">
        <v>74</v>
      </c>
      <c r="AB25155">
        <v>74</v>
      </c>
      <c r="AC25155">
        <v>75</v>
      </c>
      <c r="AD25155">
        <v>75</v>
      </c>
      <c r="AE25155">
        <v>75</v>
      </c>
      <c r="AF25155">
        <v>76</v>
      </c>
      <c r="AG25155">
        <v>76</v>
      </c>
      <c r="AH25155">
        <v>76</v>
      </c>
      <c r="AI25155">
        <v>76</v>
      </c>
      <c r="AJ25155">
        <v>77</v>
      </c>
      <c r="AK25155">
        <v>77</v>
      </c>
      <c r="AL25155">
        <v>77</v>
      </c>
      <c r="AM25155">
        <v>77</v>
      </c>
      <c r="AN25155">
        <v>78</v>
      </c>
      <c r="AO25155">
        <v>78</v>
      </c>
      <c r="AP25155">
        <v>78</v>
      </c>
      <c r="AQ25155">
        <v>79</v>
      </c>
    </row>
    <row r="25156" spans="1:43">
      <c r="A25156" t="s">
        <v>15571</v>
      </c>
      <c r="B25156" t="s">
        <v>15572</v>
      </c>
      <c r="C25156" t="s">
        <v>15573</v>
      </c>
      <c r="D25156" t="s">
        <v>15574</v>
      </c>
      <c r="E25156" t="s">
        <v>15475</v>
      </c>
      <c r="F25156" t="s">
        <v>15476</v>
      </c>
      <c r="G25156" t="s">
        <v>10734</v>
      </c>
      <c r="H25156" t="s">
        <v>10735</v>
      </c>
      <c r="I25156" s="2">
        <v>1</v>
      </c>
      <c r="J25156" s="2">
        <v>0</v>
      </c>
      <c r="K25156" s="2">
        <v>0</v>
      </c>
      <c r="L25156" t="s">
        <v>120</v>
      </c>
      <c r="M25156" t="s">
        <v>89</v>
      </c>
      <c r="N25156" t="s">
        <v>90</v>
      </c>
      <c r="O25156" t="s">
        <v>85</v>
      </c>
      <c r="P25156" t="s">
        <v>86</v>
      </c>
      <c r="Q25156">
        <v>71</v>
      </c>
      <c r="R25156">
        <v>73</v>
      </c>
      <c r="S25156">
        <v>75</v>
      </c>
      <c r="T25156">
        <v>76</v>
      </c>
      <c r="U25156">
        <v>78</v>
      </c>
      <c r="V25156">
        <v>79</v>
      </c>
      <c r="W25156">
        <v>80</v>
      </c>
      <c r="X25156">
        <v>81</v>
      </c>
      <c r="Y25156">
        <v>83</v>
      </c>
      <c r="Z25156">
        <v>84</v>
      </c>
      <c r="AA25156">
        <v>85</v>
      </c>
      <c r="AB25156">
        <v>86</v>
      </c>
      <c r="AC25156">
        <v>87</v>
      </c>
      <c r="AD25156">
        <v>88</v>
      </c>
      <c r="AE25156">
        <v>89</v>
      </c>
      <c r="AF25156">
        <v>89</v>
      </c>
      <c r="AG25156">
        <v>89</v>
      </c>
      <c r="AH25156">
        <v>89</v>
      </c>
      <c r="AI25156">
        <v>89</v>
      </c>
      <c r="AJ25156">
        <v>89</v>
      </c>
      <c r="AK25156">
        <v>89</v>
      </c>
      <c r="AL25156">
        <v>90</v>
      </c>
      <c r="AM25156">
        <v>90</v>
      </c>
      <c r="AN25156">
        <v>90</v>
      </c>
      <c r="AO25156">
        <v>90</v>
      </c>
      <c r="AP25156">
        <v>90</v>
      </c>
      <c r="AQ25156">
        <v>90</v>
      </c>
    </row>
    <row r="25157" spans="1:43">
      <c r="A25157" t="s">
        <v>15571</v>
      </c>
      <c r="B25157" t="s">
        <v>15572</v>
      </c>
      <c r="C25157" t="s">
        <v>15573</v>
      </c>
      <c r="D25157" t="s">
        <v>15574</v>
      </c>
      <c r="E25157" t="s">
        <v>15475</v>
      </c>
      <c r="F25157" t="s">
        <v>15476</v>
      </c>
      <c r="G25157" t="s">
        <v>10734</v>
      </c>
      <c r="H25157" t="s">
        <v>10735</v>
      </c>
      <c r="I25157" s="2">
        <v>1</v>
      </c>
      <c r="J25157" s="2">
        <v>0</v>
      </c>
      <c r="K25157" s="2">
        <v>0</v>
      </c>
      <c r="L25157" t="s">
        <v>120</v>
      </c>
      <c r="M25157" t="s">
        <v>83</v>
      </c>
      <c r="N25157" t="s">
        <v>91</v>
      </c>
      <c r="O25157" t="s">
        <v>85</v>
      </c>
      <c r="P25157" t="s">
        <v>86</v>
      </c>
      <c r="Q25157">
        <v>71</v>
      </c>
      <c r="R25157">
        <v>72</v>
      </c>
      <c r="S25157">
        <v>73</v>
      </c>
      <c r="T25157">
        <v>74</v>
      </c>
      <c r="U25157">
        <v>75</v>
      </c>
      <c r="V25157">
        <v>76</v>
      </c>
      <c r="W25157">
        <v>77</v>
      </c>
      <c r="X25157">
        <v>77</v>
      </c>
      <c r="Y25157">
        <v>78</v>
      </c>
      <c r="Z25157">
        <v>79</v>
      </c>
      <c r="AA25157">
        <v>80</v>
      </c>
      <c r="AB25157">
        <v>81</v>
      </c>
      <c r="AC25157">
        <v>82</v>
      </c>
      <c r="AD25157">
        <v>83</v>
      </c>
      <c r="AE25157">
        <v>83</v>
      </c>
      <c r="AF25157">
        <v>84</v>
      </c>
      <c r="AG25157">
        <v>85</v>
      </c>
      <c r="AH25157">
        <v>86</v>
      </c>
      <c r="AI25157">
        <v>87</v>
      </c>
      <c r="AJ25157">
        <v>87</v>
      </c>
      <c r="AK25157">
        <v>88</v>
      </c>
      <c r="AL25157">
        <v>88</v>
      </c>
      <c r="AM25157">
        <v>89</v>
      </c>
      <c r="AN25157">
        <v>89</v>
      </c>
      <c r="AO25157">
        <v>89</v>
      </c>
      <c r="AP25157">
        <v>89</v>
      </c>
      <c r="AQ25157">
        <v>89</v>
      </c>
    </row>
    <row r="25158" spans="1:43">
      <c r="A25158" t="s">
        <v>15575</v>
      </c>
      <c r="B25158" t="s">
        <v>15576</v>
      </c>
      <c r="C25158" t="s">
        <v>15573</v>
      </c>
      <c r="D25158" t="s">
        <v>15574</v>
      </c>
      <c r="E25158" t="s">
        <v>15475</v>
      </c>
      <c r="F25158" t="s">
        <v>15476</v>
      </c>
      <c r="G25158" t="s">
        <v>10734</v>
      </c>
      <c r="H25158" t="s">
        <v>10735</v>
      </c>
      <c r="I25158" s="2">
        <v>1</v>
      </c>
      <c r="J25158" s="2">
        <v>0</v>
      </c>
      <c r="K25158" s="2">
        <v>0</v>
      </c>
      <c r="L25158" t="s">
        <v>120</v>
      </c>
      <c r="M25158" t="s">
        <v>83</v>
      </c>
      <c r="N25158" t="s">
        <v>84</v>
      </c>
      <c r="O25158" t="s">
        <v>85</v>
      </c>
      <c r="P25158" t="s">
        <v>86</v>
      </c>
      <c r="Q25158">
        <v>17</v>
      </c>
      <c r="R25158">
        <v>17</v>
      </c>
      <c r="S25158">
        <v>18</v>
      </c>
      <c r="T25158">
        <v>18</v>
      </c>
      <c r="U25158">
        <v>18</v>
      </c>
      <c r="V25158">
        <v>18</v>
      </c>
      <c r="W25158">
        <v>19</v>
      </c>
      <c r="X25158">
        <v>19</v>
      </c>
      <c r="Y25158">
        <v>19</v>
      </c>
      <c r="Z25158">
        <v>19</v>
      </c>
      <c r="AA25158">
        <v>20</v>
      </c>
      <c r="AB25158">
        <v>20</v>
      </c>
      <c r="AC25158">
        <v>20</v>
      </c>
      <c r="AD25158">
        <v>20</v>
      </c>
      <c r="AE25158">
        <v>20</v>
      </c>
      <c r="AF25158">
        <v>21</v>
      </c>
      <c r="AG25158">
        <v>21</v>
      </c>
      <c r="AH25158">
        <v>21</v>
      </c>
      <c r="AI25158">
        <v>21</v>
      </c>
      <c r="AJ25158">
        <v>21</v>
      </c>
      <c r="AK25158">
        <v>22</v>
      </c>
      <c r="AL25158">
        <v>22</v>
      </c>
      <c r="AM25158">
        <v>22</v>
      </c>
      <c r="AN25158">
        <v>22</v>
      </c>
      <c r="AO25158">
        <v>22</v>
      </c>
      <c r="AP25158">
        <v>22</v>
      </c>
      <c r="AQ25158">
        <v>22</v>
      </c>
    </row>
    <row r="25159" spans="1:43">
      <c r="A25159" t="s">
        <v>15575</v>
      </c>
      <c r="B25159" t="s">
        <v>15576</v>
      </c>
      <c r="C25159" t="s">
        <v>15573</v>
      </c>
      <c r="D25159" t="s">
        <v>15574</v>
      </c>
      <c r="E25159" t="s">
        <v>15475</v>
      </c>
      <c r="F25159" t="s">
        <v>15476</v>
      </c>
      <c r="G25159" t="s">
        <v>10734</v>
      </c>
      <c r="H25159" t="s">
        <v>10735</v>
      </c>
      <c r="I25159" s="2">
        <v>1</v>
      </c>
      <c r="J25159" s="2">
        <v>0</v>
      </c>
      <c r="K25159" s="2">
        <v>0</v>
      </c>
      <c r="L25159" t="s">
        <v>120</v>
      </c>
      <c r="M25159" t="s">
        <v>87</v>
      </c>
      <c r="N25159" t="s">
        <v>88</v>
      </c>
      <c r="O25159" t="s">
        <v>85</v>
      </c>
      <c r="P25159" t="s">
        <v>86</v>
      </c>
      <c r="Q25159">
        <v>17</v>
      </c>
      <c r="R25159">
        <v>17</v>
      </c>
      <c r="S25159">
        <v>17</v>
      </c>
      <c r="T25159">
        <v>17</v>
      </c>
      <c r="U25159">
        <v>17</v>
      </c>
      <c r="V25159">
        <v>17</v>
      </c>
      <c r="W25159">
        <v>18</v>
      </c>
      <c r="X25159">
        <v>18</v>
      </c>
      <c r="Y25159">
        <v>18</v>
      </c>
      <c r="Z25159">
        <v>18</v>
      </c>
      <c r="AA25159">
        <v>18</v>
      </c>
      <c r="AB25159">
        <v>18</v>
      </c>
      <c r="AC25159">
        <v>18</v>
      </c>
      <c r="AD25159">
        <v>18</v>
      </c>
      <c r="AE25159">
        <v>18</v>
      </c>
      <c r="AF25159">
        <v>18</v>
      </c>
      <c r="AG25159">
        <v>18</v>
      </c>
      <c r="AH25159">
        <v>18</v>
      </c>
      <c r="AI25159">
        <v>18</v>
      </c>
      <c r="AJ25159">
        <v>18</v>
      </c>
      <c r="AK25159">
        <v>19</v>
      </c>
      <c r="AL25159">
        <v>19</v>
      </c>
      <c r="AM25159">
        <v>19</v>
      </c>
      <c r="AN25159">
        <v>19</v>
      </c>
      <c r="AO25159">
        <v>19</v>
      </c>
      <c r="AP25159">
        <v>19</v>
      </c>
      <c r="AQ25159">
        <v>19</v>
      </c>
    </row>
    <row r="25160" spans="1:43">
      <c r="A25160" t="s">
        <v>15575</v>
      </c>
      <c r="B25160" t="s">
        <v>15576</v>
      </c>
      <c r="C25160" t="s">
        <v>15573</v>
      </c>
      <c r="D25160" t="s">
        <v>15574</v>
      </c>
      <c r="E25160" t="s">
        <v>15475</v>
      </c>
      <c r="F25160" t="s">
        <v>15476</v>
      </c>
      <c r="G25160" t="s">
        <v>10734</v>
      </c>
      <c r="H25160" t="s">
        <v>10735</v>
      </c>
      <c r="I25160" s="2">
        <v>1</v>
      </c>
      <c r="J25160" s="2">
        <v>0</v>
      </c>
      <c r="K25160" s="2">
        <v>0</v>
      </c>
      <c r="L25160" t="s">
        <v>120</v>
      </c>
      <c r="M25160" t="s">
        <v>89</v>
      </c>
      <c r="N25160" t="s">
        <v>90</v>
      </c>
      <c r="O25160" t="s">
        <v>85</v>
      </c>
      <c r="P25160" t="s">
        <v>86</v>
      </c>
      <c r="Q25160">
        <v>17</v>
      </c>
      <c r="R25160">
        <v>18</v>
      </c>
      <c r="S25160">
        <v>18</v>
      </c>
      <c r="T25160">
        <v>19</v>
      </c>
      <c r="U25160">
        <v>19</v>
      </c>
      <c r="V25160">
        <v>19</v>
      </c>
      <c r="W25160">
        <v>20</v>
      </c>
      <c r="X25160">
        <v>20</v>
      </c>
      <c r="Y25160">
        <v>20</v>
      </c>
      <c r="Z25160">
        <v>20</v>
      </c>
      <c r="AA25160">
        <v>21</v>
      </c>
      <c r="AB25160">
        <v>21</v>
      </c>
      <c r="AC25160">
        <v>21</v>
      </c>
      <c r="AD25160">
        <v>22</v>
      </c>
      <c r="AE25160">
        <v>22</v>
      </c>
      <c r="AF25160">
        <v>22</v>
      </c>
      <c r="AG25160">
        <v>22</v>
      </c>
      <c r="AH25160">
        <v>22</v>
      </c>
      <c r="AI25160">
        <v>22</v>
      </c>
      <c r="AJ25160">
        <v>22</v>
      </c>
      <c r="AK25160">
        <v>22</v>
      </c>
      <c r="AL25160">
        <v>22</v>
      </c>
      <c r="AM25160">
        <v>22</v>
      </c>
      <c r="AN25160">
        <v>22</v>
      </c>
      <c r="AO25160">
        <v>22</v>
      </c>
      <c r="AP25160">
        <v>22</v>
      </c>
      <c r="AQ25160">
        <v>22</v>
      </c>
    </row>
    <row r="25161" spans="1:43">
      <c r="A25161" t="s">
        <v>15575</v>
      </c>
      <c r="B25161" t="s">
        <v>15576</v>
      </c>
      <c r="C25161" t="s">
        <v>15573</v>
      </c>
      <c r="D25161" t="s">
        <v>15574</v>
      </c>
      <c r="E25161" t="s">
        <v>15475</v>
      </c>
      <c r="F25161" t="s">
        <v>15476</v>
      </c>
      <c r="G25161" t="s">
        <v>10734</v>
      </c>
      <c r="H25161" t="s">
        <v>10735</v>
      </c>
      <c r="I25161" s="2">
        <v>1</v>
      </c>
      <c r="J25161" s="2">
        <v>0</v>
      </c>
      <c r="K25161" s="2">
        <v>0</v>
      </c>
      <c r="L25161" t="s">
        <v>120</v>
      </c>
      <c r="M25161" t="s">
        <v>83</v>
      </c>
      <c r="N25161" t="s">
        <v>91</v>
      </c>
      <c r="O25161" t="s">
        <v>85</v>
      </c>
      <c r="P25161" t="s">
        <v>86</v>
      </c>
      <c r="Q25161">
        <v>17</v>
      </c>
      <c r="R25161">
        <v>17</v>
      </c>
      <c r="S25161">
        <v>18</v>
      </c>
      <c r="T25161">
        <v>18</v>
      </c>
      <c r="U25161">
        <v>18</v>
      </c>
      <c r="V25161">
        <v>18</v>
      </c>
      <c r="W25161">
        <v>19</v>
      </c>
      <c r="X25161">
        <v>19</v>
      </c>
      <c r="Y25161">
        <v>19</v>
      </c>
      <c r="Z25161">
        <v>19</v>
      </c>
      <c r="AA25161">
        <v>20</v>
      </c>
      <c r="AB25161">
        <v>20</v>
      </c>
      <c r="AC25161">
        <v>20</v>
      </c>
      <c r="AD25161">
        <v>20</v>
      </c>
      <c r="AE25161">
        <v>20</v>
      </c>
      <c r="AF25161">
        <v>21</v>
      </c>
      <c r="AG25161">
        <v>21</v>
      </c>
      <c r="AH25161">
        <v>21</v>
      </c>
      <c r="AI25161">
        <v>21</v>
      </c>
      <c r="AJ25161">
        <v>21</v>
      </c>
      <c r="AK25161">
        <v>22</v>
      </c>
      <c r="AL25161">
        <v>22</v>
      </c>
      <c r="AM25161">
        <v>22</v>
      </c>
      <c r="AN25161">
        <v>22</v>
      </c>
      <c r="AO25161">
        <v>22</v>
      </c>
      <c r="AP25161">
        <v>22</v>
      </c>
      <c r="AQ25161">
        <v>22</v>
      </c>
    </row>
    <row r="25162" spans="1:43">
      <c r="A25162" t="s">
        <v>15577</v>
      </c>
      <c r="B25162" t="s">
        <v>15578</v>
      </c>
      <c r="C25162" t="s">
        <v>15573</v>
      </c>
      <c r="D25162" t="s">
        <v>15574</v>
      </c>
      <c r="E25162" t="s">
        <v>15475</v>
      </c>
      <c r="F25162" t="s">
        <v>15476</v>
      </c>
      <c r="G25162" t="s">
        <v>10734</v>
      </c>
      <c r="H25162" t="s">
        <v>10735</v>
      </c>
      <c r="I25162" s="2">
        <v>1</v>
      </c>
      <c r="J25162" s="2">
        <v>0</v>
      </c>
      <c r="K25162" s="2">
        <v>0</v>
      </c>
      <c r="L25162" t="s">
        <v>120</v>
      </c>
      <c r="M25162" t="s">
        <v>83</v>
      </c>
      <c r="N25162" t="s">
        <v>84</v>
      </c>
      <c r="O25162" t="s">
        <v>85</v>
      </c>
      <c r="P25162" t="s">
        <v>86</v>
      </c>
      <c r="Q25162">
        <v>8</v>
      </c>
      <c r="R25162">
        <v>8</v>
      </c>
      <c r="S25162">
        <v>8</v>
      </c>
      <c r="T25162">
        <v>8</v>
      </c>
      <c r="U25162">
        <v>8</v>
      </c>
      <c r="V25162">
        <v>8</v>
      </c>
      <c r="W25162">
        <v>8</v>
      </c>
      <c r="X25162">
        <v>9</v>
      </c>
      <c r="Y25162">
        <v>9</v>
      </c>
      <c r="Z25162">
        <v>9</v>
      </c>
      <c r="AA25162">
        <v>9</v>
      </c>
      <c r="AB25162">
        <v>9</v>
      </c>
      <c r="AC25162">
        <v>9</v>
      </c>
      <c r="AD25162">
        <v>9</v>
      </c>
      <c r="AE25162">
        <v>9</v>
      </c>
      <c r="AF25162">
        <v>9</v>
      </c>
      <c r="AG25162">
        <v>9</v>
      </c>
      <c r="AH25162">
        <v>9</v>
      </c>
      <c r="AI25162">
        <v>10</v>
      </c>
      <c r="AJ25162">
        <v>10</v>
      </c>
      <c r="AK25162">
        <v>10</v>
      </c>
      <c r="AL25162">
        <v>10</v>
      </c>
      <c r="AM25162">
        <v>10</v>
      </c>
      <c r="AN25162">
        <v>10</v>
      </c>
      <c r="AO25162">
        <v>10</v>
      </c>
      <c r="AP25162">
        <v>10</v>
      </c>
      <c r="AQ25162">
        <v>10</v>
      </c>
    </row>
    <row r="25163" spans="1:43">
      <c r="A25163" t="s">
        <v>15577</v>
      </c>
      <c r="B25163" t="s">
        <v>15578</v>
      </c>
      <c r="C25163" t="s">
        <v>15573</v>
      </c>
      <c r="D25163" t="s">
        <v>15574</v>
      </c>
      <c r="E25163" t="s">
        <v>15475</v>
      </c>
      <c r="F25163" t="s">
        <v>15476</v>
      </c>
      <c r="G25163" t="s">
        <v>10734</v>
      </c>
      <c r="H25163" t="s">
        <v>10735</v>
      </c>
      <c r="I25163" s="2">
        <v>1</v>
      </c>
      <c r="J25163" s="2">
        <v>0</v>
      </c>
      <c r="K25163" s="2">
        <v>0</v>
      </c>
      <c r="L25163" t="s">
        <v>120</v>
      </c>
      <c r="M25163" t="s">
        <v>87</v>
      </c>
      <c r="N25163" t="s">
        <v>88</v>
      </c>
      <c r="O25163" t="s">
        <v>85</v>
      </c>
      <c r="P25163" t="s">
        <v>86</v>
      </c>
      <c r="Q25163">
        <v>8</v>
      </c>
      <c r="R25163">
        <v>8</v>
      </c>
      <c r="S25163">
        <v>8</v>
      </c>
      <c r="T25163">
        <v>8</v>
      </c>
      <c r="U25163">
        <v>8</v>
      </c>
      <c r="V25163">
        <v>8</v>
      </c>
      <c r="W25163">
        <v>8</v>
      </c>
      <c r="X25163">
        <v>8</v>
      </c>
      <c r="Y25163">
        <v>8</v>
      </c>
      <c r="Z25163">
        <v>8</v>
      </c>
      <c r="AA25163">
        <v>8</v>
      </c>
      <c r="AB25163">
        <v>8</v>
      </c>
      <c r="AC25163">
        <v>8</v>
      </c>
      <c r="AD25163">
        <v>8</v>
      </c>
      <c r="AE25163">
        <v>8</v>
      </c>
      <c r="AF25163">
        <v>8</v>
      </c>
      <c r="AG25163">
        <v>8</v>
      </c>
      <c r="AH25163">
        <v>8</v>
      </c>
      <c r="AI25163">
        <v>8</v>
      </c>
      <c r="AJ25163">
        <v>8</v>
      </c>
      <c r="AK25163">
        <v>8</v>
      </c>
      <c r="AL25163">
        <v>8</v>
      </c>
      <c r="AM25163">
        <v>8</v>
      </c>
      <c r="AN25163">
        <v>8</v>
      </c>
      <c r="AO25163">
        <v>8</v>
      </c>
      <c r="AP25163">
        <v>8</v>
      </c>
      <c r="AQ25163">
        <v>8</v>
      </c>
    </row>
    <row r="25164" spans="1:43">
      <c r="A25164" t="s">
        <v>15577</v>
      </c>
      <c r="B25164" t="s">
        <v>15578</v>
      </c>
      <c r="C25164" t="s">
        <v>15573</v>
      </c>
      <c r="D25164" t="s">
        <v>15574</v>
      </c>
      <c r="E25164" t="s">
        <v>15475</v>
      </c>
      <c r="F25164" t="s">
        <v>15476</v>
      </c>
      <c r="G25164" t="s">
        <v>10734</v>
      </c>
      <c r="H25164" t="s">
        <v>10735</v>
      </c>
      <c r="I25164" s="2">
        <v>1</v>
      </c>
      <c r="J25164" s="2">
        <v>0</v>
      </c>
      <c r="K25164" s="2">
        <v>0</v>
      </c>
      <c r="L25164" t="s">
        <v>120</v>
      </c>
      <c r="M25164" t="s">
        <v>89</v>
      </c>
      <c r="N25164" t="s">
        <v>90</v>
      </c>
      <c r="O25164" t="s">
        <v>85</v>
      </c>
      <c r="P25164" t="s">
        <v>86</v>
      </c>
      <c r="Q25164">
        <v>8</v>
      </c>
      <c r="R25164">
        <v>8</v>
      </c>
      <c r="S25164">
        <v>8</v>
      </c>
      <c r="T25164">
        <v>8</v>
      </c>
      <c r="U25164">
        <v>9</v>
      </c>
      <c r="V25164">
        <v>9</v>
      </c>
      <c r="W25164">
        <v>9</v>
      </c>
      <c r="X25164">
        <v>9</v>
      </c>
      <c r="Y25164">
        <v>9</v>
      </c>
      <c r="Z25164">
        <v>9</v>
      </c>
      <c r="AA25164">
        <v>9</v>
      </c>
      <c r="AB25164">
        <v>10</v>
      </c>
      <c r="AC25164">
        <v>10</v>
      </c>
      <c r="AD25164">
        <v>10</v>
      </c>
      <c r="AE25164">
        <v>10</v>
      </c>
      <c r="AF25164">
        <v>10</v>
      </c>
      <c r="AG25164">
        <v>10</v>
      </c>
      <c r="AH25164">
        <v>10</v>
      </c>
      <c r="AI25164">
        <v>10</v>
      </c>
      <c r="AJ25164">
        <v>10</v>
      </c>
      <c r="AK25164">
        <v>10</v>
      </c>
      <c r="AL25164">
        <v>10</v>
      </c>
      <c r="AM25164">
        <v>10</v>
      </c>
      <c r="AN25164">
        <v>10</v>
      </c>
      <c r="AO25164">
        <v>10</v>
      </c>
      <c r="AP25164">
        <v>10</v>
      </c>
      <c r="AQ25164">
        <v>10</v>
      </c>
    </row>
    <row r="25165" spans="1:43">
      <c r="A25165" t="s">
        <v>15577</v>
      </c>
      <c r="B25165" t="s">
        <v>15578</v>
      </c>
      <c r="C25165" t="s">
        <v>15573</v>
      </c>
      <c r="D25165" t="s">
        <v>15574</v>
      </c>
      <c r="E25165" t="s">
        <v>15475</v>
      </c>
      <c r="F25165" t="s">
        <v>15476</v>
      </c>
      <c r="G25165" t="s">
        <v>10734</v>
      </c>
      <c r="H25165" t="s">
        <v>10735</v>
      </c>
      <c r="I25165" s="2">
        <v>1</v>
      </c>
      <c r="J25165" s="2">
        <v>0</v>
      </c>
      <c r="K25165" s="2">
        <v>0</v>
      </c>
      <c r="L25165" t="s">
        <v>120</v>
      </c>
      <c r="M25165" t="s">
        <v>83</v>
      </c>
      <c r="N25165" t="s">
        <v>91</v>
      </c>
      <c r="O25165" t="s">
        <v>85</v>
      </c>
      <c r="P25165" t="s">
        <v>86</v>
      </c>
      <c r="Q25165">
        <v>8</v>
      </c>
      <c r="R25165">
        <v>8</v>
      </c>
      <c r="S25165">
        <v>8</v>
      </c>
      <c r="T25165">
        <v>8</v>
      </c>
      <c r="U25165">
        <v>8</v>
      </c>
      <c r="V25165">
        <v>8</v>
      </c>
      <c r="W25165">
        <v>8</v>
      </c>
      <c r="X25165">
        <v>9</v>
      </c>
      <c r="Y25165">
        <v>9</v>
      </c>
      <c r="Z25165">
        <v>9</v>
      </c>
      <c r="AA25165">
        <v>9</v>
      </c>
      <c r="AB25165">
        <v>9</v>
      </c>
      <c r="AC25165">
        <v>9</v>
      </c>
      <c r="AD25165">
        <v>9</v>
      </c>
      <c r="AE25165">
        <v>9</v>
      </c>
      <c r="AF25165">
        <v>9</v>
      </c>
      <c r="AG25165">
        <v>9</v>
      </c>
      <c r="AH25165">
        <v>9</v>
      </c>
      <c r="AI25165">
        <v>10</v>
      </c>
      <c r="AJ25165">
        <v>10</v>
      </c>
      <c r="AK25165">
        <v>10</v>
      </c>
      <c r="AL25165">
        <v>10</v>
      </c>
      <c r="AM25165">
        <v>10</v>
      </c>
      <c r="AN25165">
        <v>10</v>
      </c>
      <c r="AO25165">
        <v>10</v>
      </c>
      <c r="AP25165">
        <v>10</v>
      </c>
      <c r="AQ25165">
        <v>10</v>
      </c>
    </row>
    <row r="25166" spans="1:43">
      <c r="A25166" t="s">
        <v>15579</v>
      </c>
      <c r="B25166" t="s">
        <v>15580</v>
      </c>
      <c r="C25166" t="s">
        <v>15573</v>
      </c>
      <c r="D25166" t="s">
        <v>15574</v>
      </c>
      <c r="E25166" t="s">
        <v>15475</v>
      </c>
      <c r="F25166" t="s">
        <v>15476</v>
      </c>
      <c r="G25166" t="s">
        <v>10734</v>
      </c>
      <c r="H25166" t="s">
        <v>10735</v>
      </c>
      <c r="I25166" s="2">
        <v>1</v>
      </c>
      <c r="J25166" s="2">
        <v>0</v>
      </c>
      <c r="K25166" s="2">
        <v>0</v>
      </c>
      <c r="L25166" t="s">
        <v>120</v>
      </c>
      <c r="M25166" t="s">
        <v>83</v>
      </c>
      <c r="N25166" t="s">
        <v>84</v>
      </c>
      <c r="O25166" t="s">
        <v>85</v>
      </c>
      <c r="P25166" t="s">
        <v>86</v>
      </c>
      <c r="Q25166">
        <v>0</v>
      </c>
      <c r="R25166">
        <v>0</v>
      </c>
      <c r="S25166">
        <v>0</v>
      </c>
      <c r="T25166">
        <v>0</v>
      </c>
      <c r="U25166">
        <v>0</v>
      </c>
      <c r="V25166">
        <v>0</v>
      </c>
      <c r="W25166">
        <v>0</v>
      </c>
      <c r="X25166">
        <v>0</v>
      </c>
      <c r="Y25166">
        <v>0</v>
      </c>
      <c r="Z25166">
        <v>0</v>
      </c>
      <c r="AA25166">
        <v>0</v>
      </c>
      <c r="AB25166">
        <v>0</v>
      </c>
      <c r="AC25166">
        <v>0</v>
      </c>
      <c r="AD25166">
        <v>0</v>
      </c>
      <c r="AE25166">
        <v>0</v>
      </c>
      <c r="AF25166">
        <v>0</v>
      </c>
      <c r="AG25166">
        <v>0</v>
      </c>
      <c r="AH25166">
        <v>0</v>
      </c>
      <c r="AI25166">
        <v>0</v>
      </c>
      <c r="AJ25166">
        <v>0</v>
      </c>
      <c r="AK25166">
        <v>0</v>
      </c>
      <c r="AL25166">
        <v>0</v>
      </c>
      <c r="AM25166">
        <v>0</v>
      </c>
      <c r="AN25166">
        <v>0</v>
      </c>
      <c r="AO25166">
        <v>0</v>
      </c>
      <c r="AP25166">
        <v>0</v>
      </c>
      <c r="AQ25166">
        <v>0</v>
      </c>
    </row>
    <row r="25167" spans="1:43">
      <c r="A25167" t="s">
        <v>15579</v>
      </c>
      <c r="B25167" t="s">
        <v>15580</v>
      </c>
      <c r="C25167" t="s">
        <v>15573</v>
      </c>
      <c r="D25167" t="s">
        <v>15574</v>
      </c>
      <c r="E25167" t="s">
        <v>15475</v>
      </c>
      <c r="F25167" t="s">
        <v>15476</v>
      </c>
      <c r="G25167" t="s">
        <v>10734</v>
      </c>
      <c r="H25167" t="s">
        <v>10735</v>
      </c>
      <c r="I25167" s="2">
        <v>1</v>
      </c>
      <c r="J25167" s="2">
        <v>0</v>
      </c>
      <c r="K25167" s="2">
        <v>0</v>
      </c>
      <c r="L25167" t="s">
        <v>120</v>
      </c>
      <c r="M25167" t="s">
        <v>87</v>
      </c>
      <c r="N25167" t="s">
        <v>88</v>
      </c>
      <c r="O25167" t="s">
        <v>85</v>
      </c>
      <c r="P25167" t="s">
        <v>86</v>
      </c>
      <c r="Q25167">
        <v>0</v>
      </c>
      <c r="R25167">
        <v>0</v>
      </c>
      <c r="S25167">
        <v>0</v>
      </c>
      <c r="T25167">
        <v>0</v>
      </c>
      <c r="U25167">
        <v>0</v>
      </c>
      <c r="V25167">
        <v>0</v>
      </c>
      <c r="W25167">
        <v>0</v>
      </c>
      <c r="X25167">
        <v>0</v>
      </c>
      <c r="Y25167">
        <v>0</v>
      </c>
      <c r="Z25167">
        <v>0</v>
      </c>
      <c r="AA25167">
        <v>0</v>
      </c>
      <c r="AB25167">
        <v>0</v>
      </c>
      <c r="AC25167">
        <v>0</v>
      </c>
      <c r="AD25167">
        <v>0</v>
      </c>
      <c r="AE25167">
        <v>0</v>
      </c>
      <c r="AF25167">
        <v>0</v>
      </c>
      <c r="AG25167">
        <v>0</v>
      </c>
      <c r="AH25167">
        <v>0</v>
      </c>
      <c r="AI25167">
        <v>0</v>
      </c>
      <c r="AJ25167">
        <v>0</v>
      </c>
      <c r="AK25167">
        <v>0</v>
      </c>
      <c r="AL25167">
        <v>0</v>
      </c>
      <c r="AM25167">
        <v>0</v>
      </c>
      <c r="AN25167">
        <v>0</v>
      </c>
      <c r="AO25167">
        <v>0</v>
      </c>
      <c r="AP25167">
        <v>0</v>
      </c>
      <c r="AQ25167">
        <v>0</v>
      </c>
    </row>
    <row r="25168" spans="1:43">
      <c r="A25168" t="s">
        <v>15579</v>
      </c>
      <c r="B25168" t="s">
        <v>15580</v>
      </c>
      <c r="C25168" t="s">
        <v>15573</v>
      </c>
      <c r="D25168" t="s">
        <v>15574</v>
      </c>
      <c r="E25168" t="s">
        <v>15475</v>
      </c>
      <c r="F25168" t="s">
        <v>15476</v>
      </c>
      <c r="G25168" t="s">
        <v>10734</v>
      </c>
      <c r="H25168" t="s">
        <v>10735</v>
      </c>
      <c r="I25168" s="2">
        <v>1</v>
      </c>
      <c r="J25168" s="2">
        <v>0</v>
      </c>
      <c r="K25168" s="2">
        <v>0</v>
      </c>
      <c r="L25168" t="s">
        <v>120</v>
      </c>
      <c r="M25168" t="s">
        <v>89</v>
      </c>
      <c r="N25168" t="s">
        <v>90</v>
      </c>
      <c r="O25168" t="s">
        <v>85</v>
      </c>
      <c r="P25168" t="s">
        <v>86</v>
      </c>
      <c r="Q25168">
        <v>0</v>
      </c>
      <c r="R25168">
        <v>0</v>
      </c>
      <c r="S25168">
        <v>0</v>
      </c>
      <c r="T25168">
        <v>0</v>
      </c>
      <c r="U25168">
        <v>0</v>
      </c>
      <c r="V25168">
        <v>0</v>
      </c>
      <c r="W25168">
        <v>0</v>
      </c>
      <c r="X25168">
        <v>0</v>
      </c>
      <c r="Y25168">
        <v>0</v>
      </c>
      <c r="Z25168">
        <v>0</v>
      </c>
      <c r="AA25168">
        <v>0</v>
      </c>
      <c r="AB25168">
        <v>0</v>
      </c>
      <c r="AC25168">
        <v>0</v>
      </c>
      <c r="AD25168">
        <v>0</v>
      </c>
      <c r="AE25168">
        <v>0</v>
      </c>
      <c r="AF25168">
        <v>0</v>
      </c>
      <c r="AG25168">
        <v>0</v>
      </c>
      <c r="AH25168">
        <v>0</v>
      </c>
      <c r="AI25168">
        <v>0</v>
      </c>
      <c r="AJ25168">
        <v>0</v>
      </c>
      <c r="AK25168">
        <v>0</v>
      </c>
      <c r="AL25168">
        <v>0</v>
      </c>
      <c r="AM25168">
        <v>0</v>
      </c>
      <c r="AN25168">
        <v>0</v>
      </c>
      <c r="AO25168">
        <v>0</v>
      </c>
      <c r="AP25168">
        <v>0</v>
      </c>
      <c r="AQ25168">
        <v>0</v>
      </c>
    </row>
    <row r="25169" spans="1:43">
      <c r="A25169" t="s">
        <v>15579</v>
      </c>
      <c r="B25169" t="s">
        <v>15580</v>
      </c>
      <c r="C25169" t="s">
        <v>15573</v>
      </c>
      <c r="D25169" t="s">
        <v>15574</v>
      </c>
      <c r="E25169" t="s">
        <v>15475</v>
      </c>
      <c r="F25169" t="s">
        <v>15476</v>
      </c>
      <c r="G25169" t="s">
        <v>10734</v>
      </c>
      <c r="H25169" t="s">
        <v>10735</v>
      </c>
      <c r="I25169" s="2">
        <v>1</v>
      </c>
      <c r="J25169" s="2">
        <v>0</v>
      </c>
      <c r="K25169" s="2">
        <v>0</v>
      </c>
      <c r="L25169" t="s">
        <v>120</v>
      </c>
      <c r="M25169" t="s">
        <v>83</v>
      </c>
      <c r="N25169" t="s">
        <v>91</v>
      </c>
      <c r="O25169" t="s">
        <v>85</v>
      </c>
      <c r="P25169" t="s">
        <v>86</v>
      </c>
      <c r="Q25169">
        <v>0</v>
      </c>
      <c r="R25169">
        <v>0</v>
      </c>
      <c r="S25169">
        <v>0</v>
      </c>
      <c r="T25169">
        <v>0</v>
      </c>
      <c r="U25169">
        <v>0</v>
      </c>
      <c r="V25169">
        <v>0</v>
      </c>
      <c r="W25169">
        <v>0</v>
      </c>
      <c r="X25169">
        <v>0</v>
      </c>
      <c r="Y25169">
        <v>0</v>
      </c>
      <c r="Z25169">
        <v>0</v>
      </c>
      <c r="AA25169">
        <v>0</v>
      </c>
      <c r="AB25169">
        <v>0</v>
      </c>
      <c r="AC25169">
        <v>0</v>
      </c>
      <c r="AD25169">
        <v>0</v>
      </c>
      <c r="AE25169">
        <v>0</v>
      </c>
      <c r="AF25169">
        <v>0</v>
      </c>
      <c r="AG25169">
        <v>0</v>
      </c>
      <c r="AH25169">
        <v>0</v>
      </c>
      <c r="AI25169">
        <v>0</v>
      </c>
      <c r="AJ25169">
        <v>0</v>
      </c>
      <c r="AK25169">
        <v>0</v>
      </c>
      <c r="AL25169">
        <v>0</v>
      </c>
      <c r="AM25169">
        <v>0</v>
      </c>
      <c r="AN25169">
        <v>0</v>
      </c>
      <c r="AO25169">
        <v>0</v>
      </c>
      <c r="AP25169">
        <v>0</v>
      </c>
      <c r="AQ25169">
        <v>0</v>
      </c>
    </row>
    <row r="25170" spans="1:43">
      <c r="A25170" t="s">
        <v>15581</v>
      </c>
      <c r="B25170" t="s">
        <v>15582</v>
      </c>
      <c r="C25170" t="s">
        <v>15583</v>
      </c>
      <c r="D25170" t="s">
        <v>15584</v>
      </c>
      <c r="E25170" t="s">
        <v>15475</v>
      </c>
      <c r="F25170" t="s">
        <v>15476</v>
      </c>
      <c r="G25170" t="s">
        <v>10734</v>
      </c>
      <c r="H25170" t="s">
        <v>10735</v>
      </c>
      <c r="I25170" s="2">
        <v>1</v>
      </c>
      <c r="J25170" s="2">
        <v>0</v>
      </c>
      <c r="K25170" s="2">
        <v>0</v>
      </c>
      <c r="L25170" t="s">
        <v>120</v>
      </c>
      <c r="M25170" t="s">
        <v>83</v>
      </c>
      <c r="N25170" t="s">
        <v>84</v>
      </c>
      <c r="O25170" t="s">
        <v>85</v>
      </c>
      <c r="P25170" t="s">
        <v>86</v>
      </c>
      <c r="Q25170">
        <v>3</v>
      </c>
      <c r="R25170">
        <v>3</v>
      </c>
      <c r="S25170">
        <v>3</v>
      </c>
      <c r="T25170">
        <v>3</v>
      </c>
      <c r="U25170">
        <v>3</v>
      </c>
      <c r="V25170">
        <v>3</v>
      </c>
      <c r="W25170">
        <v>3</v>
      </c>
      <c r="X25170">
        <v>4</v>
      </c>
      <c r="Y25170">
        <v>4</v>
      </c>
      <c r="Z25170">
        <v>4</v>
      </c>
      <c r="AA25170">
        <v>4</v>
      </c>
      <c r="AB25170">
        <v>4</v>
      </c>
      <c r="AC25170">
        <v>4</v>
      </c>
      <c r="AD25170">
        <v>4</v>
      </c>
      <c r="AE25170">
        <v>4</v>
      </c>
      <c r="AF25170">
        <v>4</v>
      </c>
      <c r="AG25170">
        <v>4</v>
      </c>
      <c r="AH25170">
        <v>4</v>
      </c>
      <c r="AI25170">
        <v>4</v>
      </c>
      <c r="AJ25170">
        <v>4</v>
      </c>
      <c r="AK25170">
        <v>4</v>
      </c>
      <c r="AL25170">
        <v>4</v>
      </c>
      <c r="AM25170">
        <v>4</v>
      </c>
      <c r="AN25170">
        <v>4</v>
      </c>
      <c r="AO25170">
        <v>4</v>
      </c>
      <c r="AP25170">
        <v>4</v>
      </c>
      <c r="AQ25170">
        <v>4</v>
      </c>
    </row>
    <row r="25171" spans="1:43">
      <c r="A25171" t="s">
        <v>15581</v>
      </c>
      <c r="B25171" t="s">
        <v>15582</v>
      </c>
      <c r="C25171" t="s">
        <v>15583</v>
      </c>
      <c r="D25171" t="s">
        <v>15584</v>
      </c>
      <c r="E25171" t="s">
        <v>15475</v>
      </c>
      <c r="F25171" t="s">
        <v>15476</v>
      </c>
      <c r="G25171" t="s">
        <v>10734</v>
      </c>
      <c r="H25171" t="s">
        <v>10735</v>
      </c>
      <c r="I25171" s="2">
        <v>1</v>
      </c>
      <c r="J25171" s="2">
        <v>0</v>
      </c>
      <c r="K25171" s="2">
        <v>0</v>
      </c>
      <c r="L25171" t="s">
        <v>120</v>
      </c>
      <c r="M25171" t="s">
        <v>87</v>
      </c>
      <c r="N25171" t="s">
        <v>88</v>
      </c>
      <c r="O25171" t="s">
        <v>85</v>
      </c>
      <c r="P25171" t="s">
        <v>86</v>
      </c>
      <c r="Q25171">
        <v>3</v>
      </c>
      <c r="R25171">
        <v>3</v>
      </c>
      <c r="S25171">
        <v>3</v>
      </c>
      <c r="T25171">
        <v>3</v>
      </c>
      <c r="U25171">
        <v>3</v>
      </c>
      <c r="V25171">
        <v>3</v>
      </c>
      <c r="W25171">
        <v>3</v>
      </c>
      <c r="X25171">
        <v>3</v>
      </c>
      <c r="Y25171">
        <v>3</v>
      </c>
      <c r="Z25171">
        <v>3</v>
      </c>
      <c r="AA25171">
        <v>3</v>
      </c>
      <c r="AB25171">
        <v>3</v>
      </c>
      <c r="AC25171">
        <v>3</v>
      </c>
      <c r="AD25171">
        <v>3</v>
      </c>
      <c r="AE25171">
        <v>3</v>
      </c>
      <c r="AF25171">
        <v>3</v>
      </c>
      <c r="AG25171">
        <v>3</v>
      </c>
      <c r="AH25171">
        <v>3</v>
      </c>
      <c r="AI25171">
        <v>3</v>
      </c>
      <c r="AJ25171">
        <v>3</v>
      </c>
      <c r="AK25171">
        <v>3</v>
      </c>
      <c r="AL25171">
        <v>3</v>
      </c>
      <c r="AM25171">
        <v>4</v>
      </c>
      <c r="AN25171">
        <v>4</v>
      </c>
      <c r="AO25171">
        <v>4</v>
      </c>
      <c r="AP25171">
        <v>4</v>
      </c>
      <c r="AQ25171">
        <v>4</v>
      </c>
    </row>
    <row r="25172" spans="1:43">
      <c r="A25172" t="s">
        <v>15581</v>
      </c>
      <c r="B25172" t="s">
        <v>15582</v>
      </c>
      <c r="C25172" t="s">
        <v>15583</v>
      </c>
      <c r="D25172" t="s">
        <v>15584</v>
      </c>
      <c r="E25172" t="s">
        <v>15475</v>
      </c>
      <c r="F25172" t="s">
        <v>15476</v>
      </c>
      <c r="G25172" t="s">
        <v>10734</v>
      </c>
      <c r="H25172" t="s">
        <v>10735</v>
      </c>
      <c r="I25172" s="2">
        <v>1</v>
      </c>
      <c r="J25172" s="2">
        <v>0</v>
      </c>
      <c r="K25172" s="2">
        <v>0</v>
      </c>
      <c r="L25172" t="s">
        <v>120</v>
      </c>
      <c r="M25172" t="s">
        <v>89</v>
      </c>
      <c r="N25172" t="s">
        <v>90</v>
      </c>
      <c r="O25172" t="s">
        <v>85</v>
      </c>
      <c r="P25172" t="s">
        <v>86</v>
      </c>
      <c r="Q25172">
        <v>3</v>
      </c>
      <c r="R25172">
        <v>3</v>
      </c>
      <c r="S25172">
        <v>3</v>
      </c>
      <c r="T25172">
        <v>3</v>
      </c>
      <c r="U25172">
        <v>4</v>
      </c>
      <c r="V25172">
        <v>4</v>
      </c>
      <c r="W25172">
        <v>4</v>
      </c>
      <c r="X25172">
        <v>4</v>
      </c>
      <c r="Y25172">
        <v>4</v>
      </c>
      <c r="Z25172">
        <v>4</v>
      </c>
      <c r="AA25172">
        <v>4</v>
      </c>
      <c r="AB25172">
        <v>4</v>
      </c>
      <c r="AC25172">
        <v>4</v>
      </c>
      <c r="AD25172">
        <v>4</v>
      </c>
      <c r="AE25172">
        <v>4</v>
      </c>
      <c r="AF25172">
        <v>4</v>
      </c>
      <c r="AG25172">
        <v>4</v>
      </c>
      <c r="AH25172">
        <v>4</v>
      </c>
      <c r="AI25172">
        <v>4</v>
      </c>
      <c r="AJ25172">
        <v>4</v>
      </c>
      <c r="AK25172">
        <v>4</v>
      </c>
      <c r="AL25172">
        <v>4</v>
      </c>
      <c r="AM25172">
        <v>4</v>
      </c>
      <c r="AN25172">
        <v>4</v>
      </c>
      <c r="AO25172">
        <v>4</v>
      </c>
      <c r="AP25172">
        <v>4</v>
      </c>
      <c r="AQ25172">
        <v>4</v>
      </c>
    </row>
    <row r="25173" spans="1:43">
      <c r="A25173" t="s">
        <v>15581</v>
      </c>
      <c r="B25173" t="s">
        <v>15582</v>
      </c>
      <c r="C25173" t="s">
        <v>15583</v>
      </c>
      <c r="D25173" t="s">
        <v>15584</v>
      </c>
      <c r="E25173" t="s">
        <v>15475</v>
      </c>
      <c r="F25173" t="s">
        <v>15476</v>
      </c>
      <c r="G25173" t="s">
        <v>10734</v>
      </c>
      <c r="H25173" t="s">
        <v>10735</v>
      </c>
      <c r="I25173" s="2">
        <v>1</v>
      </c>
      <c r="J25173" s="2">
        <v>0</v>
      </c>
      <c r="K25173" s="2">
        <v>0</v>
      </c>
      <c r="L25173" t="s">
        <v>120</v>
      </c>
      <c r="M25173" t="s">
        <v>83</v>
      </c>
      <c r="N25173" t="s">
        <v>91</v>
      </c>
      <c r="O25173" t="s">
        <v>85</v>
      </c>
      <c r="P25173" t="s">
        <v>86</v>
      </c>
      <c r="Q25173">
        <v>3</v>
      </c>
      <c r="R25173">
        <v>3</v>
      </c>
      <c r="S25173">
        <v>3</v>
      </c>
      <c r="T25173">
        <v>3</v>
      </c>
      <c r="U25173">
        <v>3</v>
      </c>
      <c r="V25173">
        <v>3</v>
      </c>
      <c r="W25173">
        <v>3</v>
      </c>
      <c r="X25173">
        <v>4</v>
      </c>
      <c r="Y25173">
        <v>4</v>
      </c>
      <c r="Z25173">
        <v>4</v>
      </c>
      <c r="AA25173">
        <v>4</v>
      </c>
      <c r="AB25173">
        <v>4</v>
      </c>
      <c r="AC25173">
        <v>4</v>
      </c>
      <c r="AD25173">
        <v>4</v>
      </c>
      <c r="AE25173">
        <v>4</v>
      </c>
      <c r="AF25173">
        <v>4</v>
      </c>
      <c r="AG25173">
        <v>4</v>
      </c>
      <c r="AH25173">
        <v>4</v>
      </c>
      <c r="AI25173">
        <v>4</v>
      </c>
      <c r="AJ25173">
        <v>4</v>
      </c>
      <c r="AK25173">
        <v>4</v>
      </c>
      <c r="AL25173">
        <v>4</v>
      </c>
      <c r="AM25173">
        <v>4</v>
      </c>
      <c r="AN25173">
        <v>4</v>
      </c>
      <c r="AO25173">
        <v>4</v>
      </c>
      <c r="AP25173">
        <v>4</v>
      </c>
      <c r="AQ25173">
        <v>4</v>
      </c>
    </row>
    <row r="25174" spans="1:43">
      <c r="A25174" t="s">
        <v>15585</v>
      </c>
      <c r="B25174" t="s">
        <v>15586</v>
      </c>
      <c r="C25174" t="s">
        <v>15583</v>
      </c>
      <c r="D25174" t="s">
        <v>15584</v>
      </c>
      <c r="E25174" t="s">
        <v>15475</v>
      </c>
      <c r="F25174" t="s">
        <v>15476</v>
      </c>
      <c r="G25174" t="s">
        <v>10734</v>
      </c>
      <c r="H25174" t="s">
        <v>10735</v>
      </c>
      <c r="I25174" s="2">
        <v>1</v>
      </c>
      <c r="J25174" s="2">
        <v>0</v>
      </c>
      <c r="K25174" s="2">
        <v>0</v>
      </c>
      <c r="L25174" t="s">
        <v>120</v>
      </c>
      <c r="M25174" t="s">
        <v>83</v>
      </c>
      <c r="N25174" t="s">
        <v>84</v>
      </c>
      <c r="O25174" t="s">
        <v>85</v>
      </c>
      <c r="P25174" t="s">
        <v>86</v>
      </c>
      <c r="Q25174">
        <v>9</v>
      </c>
      <c r="R25174">
        <v>9</v>
      </c>
      <c r="S25174">
        <v>9</v>
      </c>
      <c r="T25174">
        <v>9</v>
      </c>
      <c r="U25174">
        <v>10</v>
      </c>
      <c r="V25174">
        <v>10</v>
      </c>
      <c r="W25174">
        <v>10</v>
      </c>
      <c r="X25174">
        <v>10</v>
      </c>
      <c r="Y25174">
        <v>10</v>
      </c>
      <c r="Z25174">
        <v>10</v>
      </c>
      <c r="AA25174">
        <v>10</v>
      </c>
      <c r="AB25174">
        <v>10</v>
      </c>
      <c r="AC25174">
        <v>10</v>
      </c>
      <c r="AD25174">
        <v>11</v>
      </c>
      <c r="AE25174">
        <v>11</v>
      </c>
      <c r="AF25174">
        <v>11</v>
      </c>
      <c r="AG25174">
        <v>11</v>
      </c>
      <c r="AH25174">
        <v>11</v>
      </c>
      <c r="AI25174">
        <v>11</v>
      </c>
      <c r="AJ25174">
        <v>11</v>
      </c>
      <c r="AK25174">
        <v>11</v>
      </c>
      <c r="AL25174">
        <v>11</v>
      </c>
      <c r="AM25174">
        <v>11</v>
      </c>
      <c r="AN25174">
        <v>11</v>
      </c>
      <c r="AO25174">
        <v>11</v>
      </c>
      <c r="AP25174">
        <v>11</v>
      </c>
      <c r="AQ25174">
        <v>11</v>
      </c>
    </row>
    <row r="25175" spans="1:43">
      <c r="A25175" t="s">
        <v>15585</v>
      </c>
      <c r="B25175" t="s">
        <v>15586</v>
      </c>
      <c r="C25175" t="s">
        <v>15583</v>
      </c>
      <c r="D25175" t="s">
        <v>15584</v>
      </c>
      <c r="E25175" t="s">
        <v>15475</v>
      </c>
      <c r="F25175" t="s">
        <v>15476</v>
      </c>
      <c r="G25175" t="s">
        <v>10734</v>
      </c>
      <c r="H25175" t="s">
        <v>10735</v>
      </c>
      <c r="I25175" s="2">
        <v>1</v>
      </c>
      <c r="J25175" s="2">
        <v>0</v>
      </c>
      <c r="K25175" s="2">
        <v>0</v>
      </c>
      <c r="L25175" t="s">
        <v>120</v>
      </c>
      <c r="M25175" t="s">
        <v>87</v>
      </c>
      <c r="N25175" t="s">
        <v>88</v>
      </c>
      <c r="O25175" t="s">
        <v>85</v>
      </c>
      <c r="P25175" t="s">
        <v>86</v>
      </c>
      <c r="Q25175">
        <v>9</v>
      </c>
      <c r="R25175">
        <v>9</v>
      </c>
      <c r="S25175">
        <v>9</v>
      </c>
      <c r="T25175">
        <v>9</v>
      </c>
      <c r="U25175">
        <v>9</v>
      </c>
      <c r="V25175">
        <v>9</v>
      </c>
      <c r="W25175">
        <v>9</v>
      </c>
      <c r="X25175">
        <v>9</v>
      </c>
      <c r="Y25175">
        <v>9</v>
      </c>
      <c r="Z25175">
        <v>9</v>
      </c>
      <c r="AA25175">
        <v>9</v>
      </c>
      <c r="AB25175">
        <v>9</v>
      </c>
      <c r="AC25175">
        <v>9</v>
      </c>
      <c r="AD25175">
        <v>9</v>
      </c>
      <c r="AE25175">
        <v>10</v>
      </c>
      <c r="AF25175">
        <v>10</v>
      </c>
      <c r="AG25175">
        <v>10</v>
      </c>
      <c r="AH25175">
        <v>10</v>
      </c>
      <c r="AI25175">
        <v>10</v>
      </c>
      <c r="AJ25175">
        <v>10</v>
      </c>
      <c r="AK25175">
        <v>10</v>
      </c>
      <c r="AL25175">
        <v>10</v>
      </c>
      <c r="AM25175">
        <v>10</v>
      </c>
      <c r="AN25175">
        <v>10</v>
      </c>
      <c r="AO25175">
        <v>10</v>
      </c>
      <c r="AP25175">
        <v>10</v>
      </c>
      <c r="AQ25175">
        <v>10</v>
      </c>
    </row>
    <row r="25176" spans="1:43">
      <c r="A25176" t="s">
        <v>15585</v>
      </c>
      <c r="B25176" t="s">
        <v>15586</v>
      </c>
      <c r="C25176" t="s">
        <v>15583</v>
      </c>
      <c r="D25176" t="s">
        <v>15584</v>
      </c>
      <c r="E25176" t="s">
        <v>15475</v>
      </c>
      <c r="F25176" t="s">
        <v>15476</v>
      </c>
      <c r="G25176" t="s">
        <v>10734</v>
      </c>
      <c r="H25176" t="s">
        <v>10735</v>
      </c>
      <c r="I25176" s="2">
        <v>1</v>
      </c>
      <c r="J25176" s="2">
        <v>0</v>
      </c>
      <c r="K25176" s="2">
        <v>0</v>
      </c>
      <c r="L25176" t="s">
        <v>120</v>
      </c>
      <c r="M25176" t="s">
        <v>89</v>
      </c>
      <c r="N25176" t="s">
        <v>90</v>
      </c>
      <c r="O25176" t="s">
        <v>85</v>
      </c>
      <c r="P25176" t="s">
        <v>86</v>
      </c>
      <c r="Q25176">
        <v>9</v>
      </c>
      <c r="R25176">
        <v>9</v>
      </c>
      <c r="S25176">
        <v>10</v>
      </c>
      <c r="T25176">
        <v>10</v>
      </c>
      <c r="U25176">
        <v>10</v>
      </c>
      <c r="V25176">
        <v>10</v>
      </c>
      <c r="W25176">
        <v>10</v>
      </c>
      <c r="X25176">
        <v>10</v>
      </c>
      <c r="Y25176">
        <v>11</v>
      </c>
      <c r="Z25176">
        <v>11</v>
      </c>
      <c r="AA25176">
        <v>11</v>
      </c>
      <c r="AB25176">
        <v>11</v>
      </c>
      <c r="AC25176">
        <v>11</v>
      </c>
      <c r="AD25176">
        <v>11</v>
      </c>
      <c r="AE25176">
        <v>11</v>
      </c>
      <c r="AF25176">
        <v>11</v>
      </c>
      <c r="AG25176">
        <v>11</v>
      </c>
      <c r="AH25176">
        <v>11</v>
      </c>
      <c r="AI25176">
        <v>11</v>
      </c>
      <c r="AJ25176">
        <v>11</v>
      </c>
      <c r="AK25176">
        <v>11</v>
      </c>
      <c r="AL25176">
        <v>11</v>
      </c>
      <c r="AM25176">
        <v>11</v>
      </c>
      <c r="AN25176">
        <v>11</v>
      </c>
      <c r="AO25176">
        <v>11</v>
      </c>
      <c r="AP25176">
        <v>11</v>
      </c>
      <c r="AQ25176">
        <v>11</v>
      </c>
    </row>
    <row r="25177" spans="1:43">
      <c r="A25177" t="s">
        <v>15585</v>
      </c>
      <c r="B25177" t="s">
        <v>15586</v>
      </c>
      <c r="C25177" t="s">
        <v>15583</v>
      </c>
      <c r="D25177" t="s">
        <v>15584</v>
      </c>
      <c r="E25177" t="s">
        <v>15475</v>
      </c>
      <c r="F25177" t="s">
        <v>15476</v>
      </c>
      <c r="G25177" t="s">
        <v>10734</v>
      </c>
      <c r="H25177" t="s">
        <v>10735</v>
      </c>
      <c r="I25177" s="2">
        <v>1</v>
      </c>
      <c r="J25177" s="2">
        <v>0</v>
      </c>
      <c r="K25177" s="2">
        <v>0</v>
      </c>
      <c r="L25177" t="s">
        <v>120</v>
      </c>
      <c r="M25177" t="s">
        <v>83</v>
      </c>
      <c r="N25177" t="s">
        <v>91</v>
      </c>
      <c r="O25177" t="s">
        <v>85</v>
      </c>
      <c r="P25177" t="s">
        <v>86</v>
      </c>
      <c r="Q25177">
        <v>9</v>
      </c>
      <c r="R25177">
        <v>9</v>
      </c>
      <c r="S25177">
        <v>9</v>
      </c>
      <c r="T25177">
        <v>9</v>
      </c>
      <c r="U25177">
        <v>10</v>
      </c>
      <c r="V25177">
        <v>10</v>
      </c>
      <c r="W25177">
        <v>10</v>
      </c>
      <c r="X25177">
        <v>10</v>
      </c>
      <c r="Y25177">
        <v>10</v>
      </c>
      <c r="Z25177">
        <v>10</v>
      </c>
      <c r="AA25177">
        <v>10</v>
      </c>
      <c r="AB25177">
        <v>10</v>
      </c>
      <c r="AC25177">
        <v>10</v>
      </c>
      <c r="AD25177">
        <v>11</v>
      </c>
      <c r="AE25177">
        <v>11</v>
      </c>
      <c r="AF25177">
        <v>11</v>
      </c>
      <c r="AG25177">
        <v>11</v>
      </c>
      <c r="AH25177">
        <v>11</v>
      </c>
      <c r="AI25177">
        <v>11</v>
      </c>
      <c r="AJ25177">
        <v>11</v>
      </c>
      <c r="AK25177">
        <v>11</v>
      </c>
      <c r="AL25177">
        <v>11</v>
      </c>
      <c r="AM25177">
        <v>11</v>
      </c>
      <c r="AN25177">
        <v>11</v>
      </c>
      <c r="AO25177">
        <v>11</v>
      </c>
      <c r="AP25177">
        <v>11</v>
      </c>
      <c r="AQ25177">
        <v>11</v>
      </c>
    </row>
    <row r="25178" spans="1:43">
      <c r="A25178" t="s">
        <v>15587</v>
      </c>
      <c r="B25178" t="s">
        <v>15588</v>
      </c>
      <c r="C25178" t="s">
        <v>15583</v>
      </c>
      <c r="D25178" t="s">
        <v>15584</v>
      </c>
      <c r="E25178" t="s">
        <v>15475</v>
      </c>
      <c r="F25178" t="s">
        <v>15476</v>
      </c>
      <c r="G25178" t="s">
        <v>10734</v>
      </c>
      <c r="H25178" t="s">
        <v>10735</v>
      </c>
      <c r="I25178" s="2">
        <v>1</v>
      </c>
      <c r="J25178" s="2">
        <v>0</v>
      </c>
      <c r="K25178" s="2">
        <v>0</v>
      </c>
      <c r="L25178" t="s">
        <v>120</v>
      </c>
      <c r="M25178" t="s">
        <v>83</v>
      </c>
      <c r="N25178" t="s">
        <v>84</v>
      </c>
      <c r="O25178" t="s">
        <v>85</v>
      </c>
      <c r="P25178" t="s">
        <v>86</v>
      </c>
      <c r="Q25178">
        <v>13</v>
      </c>
      <c r="R25178">
        <v>14</v>
      </c>
      <c r="S25178">
        <v>14</v>
      </c>
      <c r="T25178">
        <v>14</v>
      </c>
      <c r="U25178">
        <v>14</v>
      </c>
      <c r="V25178">
        <v>14</v>
      </c>
      <c r="W25178">
        <v>15</v>
      </c>
      <c r="X25178">
        <v>15</v>
      </c>
      <c r="Y25178">
        <v>15</v>
      </c>
      <c r="Z25178">
        <v>15</v>
      </c>
      <c r="AA25178">
        <v>15</v>
      </c>
      <c r="AB25178">
        <v>15</v>
      </c>
      <c r="AC25178">
        <v>16</v>
      </c>
      <c r="AD25178">
        <v>16</v>
      </c>
      <c r="AE25178">
        <v>16</v>
      </c>
      <c r="AF25178">
        <v>16</v>
      </c>
      <c r="AG25178">
        <v>16</v>
      </c>
      <c r="AH25178">
        <v>16</v>
      </c>
      <c r="AI25178">
        <v>16</v>
      </c>
      <c r="AJ25178">
        <v>17</v>
      </c>
      <c r="AK25178">
        <v>17</v>
      </c>
      <c r="AL25178">
        <v>17</v>
      </c>
      <c r="AM25178">
        <v>17</v>
      </c>
      <c r="AN25178">
        <v>17</v>
      </c>
      <c r="AO25178">
        <v>17</v>
      </c>
      <c r="AP25178">
        <v>17</v>
      </c>
      <c r="AQ25178">
        <v>17</v>
      </c>
    </row>
    <row r="25179" spans="1:43">
      <c r="A25179" t="s">
        <v>15587</v>
      </c>
      <c r="B25179" t="s">
        <v>15588</v>
      </c>
      <c r="C25179" t="s">
        <v>15583</v>
      </c>
      <c r="D25179" t="s">
        <v>15584</v>
      </c>
      <c r="E25179" t="s">
        <v>15475</v>
      </c>
      <c r="F25179" t="s">
        <v>15476</v>
      </c>
      <c r="G25179" t="s">
        <v>10734</v>
      </c>
      <c r="H25179" t="s">
        <v>10735</v>
      </c>
      <c r="I25179" s="2">
        <v>1</v>
      </c>
      <c r="J25179" s="2">
        <v>0</v>
      </c>
      <c r="K25179" s="2">
        <v>0</v>
      </c>
      <c r="L25179" t="s">
        <v>120</v>
      </c>
      <c r="M25179" t="s">
        <v>87</v>
      </c>
      <c r="N25179" t="s">
        <v>88</v>
      </c>
      <c r="O25179" t="s">
        <v>85</v>
      </c>
      <c r="P25179" t="s">
        <v>86</v>
      </c>
      <c r="Q25179">
        <v>13</v>
      </c>
      <c r="R25179">
        <v>13</v>
      </c>
      <c r="S25179">
        <v>13</v>
      </c>
      <c r="T25179">
        <v>13</v>
      </c>
      <c r="U25179">
        <v>14</v>
      </c>
      <c r="V25179">
        <v>14</v>
      </c>
      <c r="W25179">
        <v>14</v>
      </c>
      <c r="X25179">
        <v>14</v>
      </c>
      <c r="Y25179">
        <v>14</v>
      </c>
      <c r="Z25179">
        <v>14</v>
      </c>
      <c r="AA25179">
        <v>14</v>
      </c>
      <c r="AB25179">
        <v>14</v>
      </c>
      <c r="AC25179">
        <v>14</v>
      </c>
      <c r="AD25179">
        <v>14</v>
      </c>
      <c r="AE25179">
        <v>14</v>
      </c>
      <c r="AF25179">
        <v>14</v>
      </c>
      <c r="AG25179">
        <v>14</v>
      </c>
      <c r="AH25179">
        <v>14</v>
      </c>
      <c r="AI25179">
        <v>14</v>
      </c>
      <c r="AJ25179">
        <v>14</v>
      </c>
      <c r="AK25179">
        <v>14</v>
      </c>
      <c r="AL25179">
        <v>14</v>
      </c>
      <c r="AM25179">
        <v>15</v>
      </c>
      <c r="AN25179">
        <v>15</v>
      </c>
      <c r="AO25179">
        <v>15</v>
      </c>
      <c r="AP25179">
        <v>15</v>
      </c>
      <c r="AQ25179">
        <v>15</v>
      </c>
    </row>
    <row r="25180" spans="1:43">
      <c r="A25180" t="s">
        <v>15587</v>
      </c>
      <c r="B25180" t="s">
        <v>15588</v>
      </c>
      <c r="C25180" t="s">
        <v>15583</v>
      </c>
      <c r="D25180" t="s">
        <v>15584</v>
      </c>
      <c r="E25180" t="s">
        <v>15475</v>
      </c>
      <c r="F25180" t="s">
        <v>15476</v>
      </c>
      <c r="G25180" t="s">
        <v>10734</v>
      </c>
      <c r="H25180" t="s">
        <v>10735</v>
      </c>
      <c r="I25180" s="2">
        <v>1</v>
      </c>
      <c r="J25180" s="2">
        <v>0</v>
      </c>
      <c r="K25180" s="2">
        <v>0</v>
      </c>
      <c r="L25180" t="s">
        <v>120</v>
      </c>
      <c r="M25180" t="s">
        <v>89</v>
      </c>
      <c r="N25180" t="s">
        <v>90</v>
      </c>
      <c r="O25180" t="s">
        <v>85</v>
      </c>
      <c r="P25180" t="s">
        <v>86</v>
      </c>
      <c r="Q25180">
        <v>13</v>
      </c>
      <c r="R25180">
        <v>13</v>
      </c>
      <c r="S25180">
        <v>13</v>
      </c>
      <c r="T25180">
        <v>13</v>
      </c>
      <c r="U25180">
        <v>14</v>
      </c>
      <c r="V25180">
        <v>14</v>
      </c>
      <c r="W25180">
        <v>14</v>
      </c>
      <c r="X25180">
        <v>14</v>
      </c>
      <c r="Y25180">
        <v>15</v>
      </c>
      <c r="Z25180">
        <v>15</v>
      </c>
      <c r="AA25180">
        <v>15</v>
      </c>
      <c r="AB25180">
        <v>15</v>
      </c>
      <c r="AC25180">
        <v>16</v>
      </c>
      <c r="AD25180">
        <v>16</v>
      </c>
      <c r="AE25180">
        <v>16</v>
      </c>
      <c r="AF25180">
        <v>16</v>
      </c>
      <c r="AG25180">
        <v>16</v>
      </c>
      <c r="AH25180">
        <v>16</v>
      </c>
      <c r="AI25180">
        <v>16</v>
      </c>
      <c r="AJ25180">
        <v>16</v>
      </c>
      <c r="AK25180">
        <v>16</v>
      </c>
      <c r="AL25180">
        <v>16</v>
      </c>
      <c r="AM25180">
        <v>16</v>
      </c>
      <c r="AN25180">
        <v>16</v>
      </c>
      <c r="AO25180">
        <v>16</v>
      </c>
      <c r="AP25180">
        <v>16</v>
      </c>
      <c r="AQ25180">
        <v>16</v>
      </c>
    </row>
    <row r="25181" spans="1:43">
      <c r="A25181" t="s">
        <v>15587</v>
      </c>
      <c r="B25181" t="s">
        <v>15588</v>
      </c>
      <c r="C25181" t="s">
        <v>15583</v>
      </c>
      <c r="D25181" t="s">
        <v>15584</v>
      </c>
      <c r="E25181" t="s">
        <v>15475</v>
      </c>
      <c r="F25181" t="s">
        <v>15476</v>
      </c>
      <c r="G25181" t="s">
        <v>10734</v>
      </c>
      <c r="H25181" t="s">
        <v>10735</v>
      </c>
      <c r="I25181" s="2">
        <v>1</v>
      </c>
      <c r="J25181" s="2">
        <v>0</v>
      </c>
      <c r="K25181" s="2">
        <v>0</v>
      </c>
      <c r="L25181" t="s">
        <v>120</v>
      </c>
      <c r="M25181" t="s">
        <v>83</v>
      </c>
      <c r="N25181" t="s">
        <v>91</v>
      </c>
      <c r="O25181" t="s">
        <v>85</v>
      </c>
      <c r="P25181" t="s">
        <v>86</v>
      </c>
      <c r="Q25181">
        <v>13</v>
      </c>
      <c r="R25181">
        <v>14</v>
      </c>
      <c r="S25181">
        <v>14</v>
      </c>
      <c r="T25181">
        <v>14</v>
      </c>
      <c r="U25181">
        <v>14</v>
      </c>
      <c r="V25181">
        <v>14</v>
      </c>
      <c r="W25181">
        <v>15</v>
      </c>
      <c r="X25181">
        <v>15</v>
      </c>
      <c r="Y25181">
        <v>15</v>
      </c>
      <c r="Z25181">
        <v>15</v>
      </c>
      <c r="AA25181">
        <v>15</v>
      </c>
      <c r="AB25181">
        <v>15</v>
      </c>
      <c r="AC25181">
        <v>16</v>
      </c>
      <c r="AD25181">
        <v>16</v>
      </c>
      <c r="AE25181">
        <v>16</v>
      </c>
      <c r="AF25181">
        <v>16</v>
      </c>
      <c r="AG25181">
        <v>16</v>
      </c>
      <c r="AH25181">
        <v>16</v>
      </c>
      <c r="AI25181">
        <v>16</v>
      </c>
      <c r="AJ25181">
        <v>17</v>
      </c>
      <c r="AK25181">
        <v>17</v>
      </c>
      <c r="AL25181">
        <v>17</v>
      </c>
      <c r="AM25181">
        <v>17</v>
      </c>
      <c r="AN25181">
        <v>17</v>
      </c>
      <c r="AO25181">
        <v>17</v>
      </c>
      <c r="AP25181">
        <v>17</v>
      </c>
      <c r="AQ25181">
        <v>17</v>
      </c>
    </row>
    <row r="25182" spans="1:43">
      <c r="A25182" t="s">
        <v>15589</v>
      </c>
      <c r="B25182" t="s">
        <v>15590</v>
      </c>
      <c r="C25182" t="s">
        <v>15583</v>
      </c>
      <c r="D25182" t="s">
        <v>15584</v>
      </c>
      <c r="E25182" t="s">
        <v>15475</v>
      </c>
      <c r="F25182" t="s">
        <v>15476</v>
      </c>
      <c r="G25182" t="s">
        <v>10734</v>
      </c>
      <c r="H25182" t="s">
        <v>10735</v>
      </c>
      <c r="I25182" s="2">
        <v>1</v>
      </c>
      <c r="J25182" s="2">
        <v>0</v>
      </c>
      <c r="K25182" s="2">
        <v>0</v>
      </c>
      <c r="L25182" t="s">
        <v>120</v>
      </c>
      <c r="M25182" t="s">
        <v>83</v>
      </c>
      <c r="N25182" t="s">
        <v>84</v>
      </c>
      <c r="O25182" t="s">
        <v>85</v>
      </c>
      <c r="P25182" t="s">
        <v>86</v>
      </c>
      <c r="Q25182">
        <v>14</v>
      </c>
      <c r="R25182">
        <v>14</v>
      </c>
      <c r="S25182">
        <v>14</v>
      </c>
      <c r="T25182">
        <v>14</v>
      </c>
      <c r="U25182">
        <v>14</v>
      </c>
      <c r="V25182">
        <v>15</v>
      </c>
      <c r="W25182">
        <v>15</v>
      </c>
      <c r="X25182">
        <v>15</v>
      </c>
      <c r="Y25182">
        <v>15</v>
      </c>
      <c r="Z25182">
        <v>15</v>
      </c>
      <c r="AA25182">
        <v>15</v>
      </c>
      <c r="AB25182">
        <v>16</v>
      </c>
      <c r="AC25182">
        <v>16</v>
      </c>
      <c r="AD25182">
        <v>16</v>
      </c>
      <c r="AE25182">
        <v>16</v>
      </c>
      <c r="AF25182">
        <v>16</v>
      </c>
      <c r="AG25182">
        <v>16</v>
      </c>
      <c r="AH25182">
        <v>17</v>
      </c>
      <c r="AI25182">
        <v>17</v>
      </c>
      <c r="AJ25182">
        <v>17</v>
      </c>
      <c r="AK25182">
        <v>17</v>
      </c>
      <c r="AL25182">
        <v>17</v>
      </c>
      <c r="AM25182">
        <v>17</v>
      </c>
      <c r="AN25182">
        <v>17</v>
      </c>
      <c r="AO25182">
        <v>17</v>
      </c>
      <c r="AP25182">
        <v>17</v>
      </c>
      <c r="AQ25182">
        <v>17</v>
      </c>
    </row>
    <row r="25183" spans="1:43">
      <c r="A25183" t="s">
        <v>15589</v>
      </c>
      <c r="B25183" t="s">
        <v>15590</v>
      </c>
      <c r="C25183" t="s">
        <v>15583</v>
      </c>
      <c r="D25183" t="s">
        <v>15584</v>
      </c>
      <c r="E25183" t="s">
        <v>15475</v>
      </c>
      <c r="F25183" t="s">
        <v>15476</v>
      </c>
      <c r="G25183" t="s">
        <v>10734</v>
      </c>
      <c r="H25183" t="s">
        <v>10735</v>
      </c>
      <c r="I25183" s="2">
        <v>1</v>
      </c>
      <c r="J25183" s="2">
        <v>0</v>
      </c>
      <c r="K25183" s="2">
        <v>0</v>
      </c>
      <c r="L25183" t="s">
        <v>120</v>
      </c>
      <c r="M25183" t="s">
        <v>87</v>
      </c>
      <c r="N25183" t="s">
        <v>88</v>
      </c>
      <c r="O25183" t="s">
        <v>85</v>
      </c>
      <c r="P25183" t="s">
        <v>86</v>
      </c>
      <c r="Q25183">
        <v>14</v>
      </c>
      <c r="R25183">
        <v>15</v>
      </c>
      <c r="S25183">
        <v>15</v>
      </c>
      <c r="T25183">
        <v>15</v>
      </c>
      <c r="U25183">
        <v>15</v>
      </c>
      <c r="V25183">
        <v>15</v>
      </c>
      <c r="W25183">
        <v>15</v>
      </c>
      <c r="X25183">
        <v>15</v>
      </c>
      <c r="Y25183">
        <v>15</v>
      </c>
      <c r="Z25183">
        <v>15</v>
      </c>
      <c r="AA25183">
        <v>15</v>
      </c>
      <c r="AB25183">
        <v>15</v>
      </c>
      <c r="AC25183">
        <v>15</v>
      </c>
      <c r="AD25183">
        <v>15</v>
      </c>
      <c r="AE25183">
        <v>15</v>
      </c>
      <c r="AF25183">
        <v>15</v>
      </c>
      <c r="AG25183">
        <v>15</v>
      </c>
      <c r="AH25183">
        <v>16</v>
      </c>
      <c r="AI25183">
        <v>16</v>
      </c>
      <c r="AJ25183">
        <v>16</v>
      </c>
      <c r="AK25183">
        <v>16</v>
      </c>
      <c r="AL25183">
        <v>16</v>
      </c>
      <c r="AM25183">
        <v>16</v>
      </c>
      <c r="AN25183">
        <v>16</v>
      </c>
      <c r="AO25183">
        <v>16</v>
      </c>
      <c r="AP25183">
        <v>16</v>
      </c>
      <c r="AQ25183">
        <v>16</v>
      </c>
    </row>
    <row r="25184" spans="1:43">
      <c r="A25184" t="s">
        <v>15589</v>
      </c>
      <c r="B25184" t="s">
        <v>15590</v>
      </c>
      <c r="C25184" t="s">
        <v>15583</v>
      </c>
      <c r="D25184" t="s">
        <v>15584</v>
      </c>
      <c r="E25184" t="s">
        <v>15475</v>
      </c>
      <c r="F25184" t="s">
        <v>15476</v>
      </c>
      <c r="G25184" t="s">
        <v>10734</v>
      </c>
      <c r="H25184" t="s">
        <v>10735</v>
      </c>
      <c r="I25184" s="2">
        <v>1</v>
      </c>
      <c r="J25184" s="2">
        <v>0</v>
      </c>
      <c r="K25184" s="2">
        <v>0</v>
      </c>
      <c r="L25184" t="s">
        <v>120</v>
      </c>
      <c r="M25184" t="s">
        <v>89</v>
      </c>
      <c r="N25184" t="s">
        <v>90</v>
      </c>
      <c r="O25184" t="s">
        <v>85</v>
      </c>
      <c r="P25184" t="s">
        <v>86</v>
      </c>
      <c r="Q25184">
        <v>14</v>
      </c>
      <c r="R25184">
        <v>14</v>
      </c>
      <c r="S25184">
        <v>14</v>
      </c>
      <c r="T25184">
        <v>15</v>
      </c>
      <c r="U25184">
        <v>15</v>
      </c>
      <c r="V25184">
        <v>15</v>
      </c>
      <c r="W25184">
        <v>15</v>
      </c>
      <c r="X25184">
        <v>16</v>
      </c>
      <c r="Y25184">
        <v>16</v>
      </c>
      <c r="Z25184">
        <v>16</v>
      </c>
      <c r="AA25184">
        <v>16</v>
      </c>
      <c r="AB25184">
        <v>17</v>
      </c>
      <c r="AC25184">
        <v>17</v>
      </c>
      <c r="AD25184">
        <v>17</v>
      </c>
      <c r="AE25184">
        <v>17</v>
      </c>
      <c r="AF25184">
        <v>17</v>
      </c>
      <c r="AG25184">
        <v>17</v>
      </c>
      <c r="AH25184">
        <v>17</v>
      </c>
      <c r="AI25184">
        <v>17</v>
      </c>
      <c r="AJ25184">
        <v>17</v>
      </c>
      <c r="AK25184">
        <v>17</v>
      </c>
      <c r="AL25184">
        <v>17</v>
      </c>
      <c r="AM25184">
        <v>17</v>
      </c>
      <c r="AN25184">
        <v>17</v>
      </c>
      <c r="AO25184">
        <v>17</v>
      </c>
      <c r="AP25184">
        <v>17</v>
      </c>
      <c r="AQ25184">
        <v>17</v>
      </c>
    </row>
    <row r="25185" spans="1:43">
      <c r="A25185" t="s">
        <v>15589</v>
      </c>
      <c r="B25185" t="s">
        <v>15590</v>
      </c>
      <c r="C25185" t="s">
        <v>15583</v>
      </c>
      <c r="D25185" t="s">
        <v>15584</v>
      </c>
      <c r="E25185" t="s">
        <v>15475</v>
      </c>
      <c r="F25185" t="s">
        <v>15476</v>
      </c>
      <c r="G25185" t="s">
        <v>10734</v>
      </c>
      <c r="H25185" t="s">
        <v>10735</v>
      </c>
      <c r="I25185" s="2">
        <v>1</v>
      </c>
      <c r="J25185" s="2">
        <v>0</v>
      </c>
      <c r="K25185" s="2">
        <v>0</v>
      </c>
      <c r="L25185" t="s">
        <v>120</v>
      </c>
      <c r="M25185" t="s">
        <v>83</v>
      </c>
      <c r="N25185" t="s">
        <v>91</v>
      </c>
      <c r="O25185" t="s">
        <v>85</v>
      </c>
      <c r="P25185" t="s">
        <v>86</v>
      </c>
      <c r="Q25185">
        <v>14</v>
      </c>
      <c r="R25185">
        <v>14</v>
      </c>
      <c r="S25185">
        <v>14</v>
      </c>
      <c r="T25185">
        <v>14</v>
      </c>
      <c r="U25185">
        <v>14</v>
      </c>
      <c r="V25185">
        <v>15</v>
      </c>
      <c r="W25185">
        <v>15</v>
      </c>
      <c r="X25185">
        <v>15</v>
      </c>
      <c r="Y25185">
        <v>15</v>
      </c>
      <c r="Z25185">
        <v>15</v>
      </c>
      <c r="AA25185">
        <v>15</v>
      </c>
      <c r="AB25185">
        <v>16</v>
      </c>
      <c r="AC25185">
        <v>16</v>
      </c>
      <c r="AD25185">
        <v>16</v>
      </c>
      <c r="AE25185">
        <v>16</v>
      </c>
      <c r="AF25185">
        <v>16</v>
      </c>
      <c r="AG25185">
        <v>16</v>
      </c>
      <c r="AH25185">
        <v>17</v>
      </c>
      <c r="AI25185">
        <v>17</v>
      </c>
      <c r="AJ25185">
        <v>17</v>
      </c>
      <c r="AK25185">
        <v>17</v>
      </c>
      <c r="AL25185">
        <v>17</v>
      </c>
      <c r="AM25185">
        <v>17</v>
      </c>
      <c r="AN25185">
        <v>17</v>
      </c>
      <c r="AO25185">
        <v>17</v>
      </c>
      <c r="AP25185">
        <v>17</v>
      </c>
      <c r="AQ25185">
        <v>17</v>
      </c>
    </row>
    <row r="25186" spans="1:43">
      <c r="A25186" t="s">
        <v>15591</v>
      </c>
      <c r="B25186" t="s">
        <v>15592</v>
      </c>
      <c r="C25186" t="s">
        <v>15583</v>
      </c>
      <c r="D25186" t="s">
        <v>15584</v>
      </c>
      <c r="E25186" t="s">
        <v>15475</v>
      </c>
      <c r="F25186" t="s">
        <v>15476</v>
      </c>
      <c r="G25186" t="s">
        <v>10734</v>
      </c>
      <c r="H25186" t="s">
        <v>10735</v>
      </c>
      <c r="I25186" s="2">
        <v>1</v>
      </c>
      <c r="J25186" s="2">
        <v>0</v>
      </c>
      <c r="K25186" s="2">
        <v>0</v>
      </c>
      <c r="L25186" t="s">
        <v>120</v>
      </c>
      <c r="M25186" t="s">
        <v>83</v>
      </c>
      <c r="N25186" t="s">
        <v>84</v>
      </c>
      <c r="O25186" t="s">
        <v>85</v>
      </c>
      <c r="P25186" t="s">
        <v>86</v>
      </c>
      <c r="Q25186">
        <v>14</v>
      </c>
      <c r="R25186">
        <v>14</v>
      </c>
      <c r="S25186">
        <v>14</v>
      </c>
      <c r="T25186">
        <v>14</v>
      </c>
      <c r="U25186">
        <v>15</v>
      </c>
      <c r="V25186">
        <v>15</v>
      </c>
      <c r="W25186">
        <v>15</v>
      </c>
      <c r="X25186">
        <v>15</v>
      </c>
      <c r="Y25186">
        <v>15</v>
      </c>
      <c r="Z25186">
        <v>15</v>
      </c>
      <c r="AA25186">
        <v>16</v>
      </c>
      <c r="AB25186">
        <v>16</v>
      </c>
      <c r="AC25186">
        <v>16</v>
      </c>
      <c r="AD25186">
        <v>16</v>
      </c>
      <c r="AE25186">
        <v>16</v>
      </c>
      <c r="AF25186">
        <v>16</v>
      </c>
      <c r="AG25186">
        <v>17</v>
      </c>
      <c r="AH25186">
        <v>17</v>
      </c>
      <c r="AI25186">
        <v>17</v>
      </c>
      <c r="AJ25186">
        <v>17</v>
      </c>
      <c r="AK25186">
        <v>17</v>
      </c>
      <c r="AL25186">
        <v>17</v>
      </c>
      <c r="AM25186">
        <v>17</v>
      </c>
      <c r="AN25186">
        <v>17</v>
      </c>
      <c r="AO25186">
        <v>17</v>
      </c>
      <c r="AP25186">
        <v>17</v>
      </c>
      <c r="AQ25186">
        <v>17</v>
      </c>
    </row>
    <row r="25187" spans="1:43">
      <c r="A25187" t="s">
        <v>15591</v>
      </c>
      <c r="B25187" t="s">
        <v>15592</v>
      </c>
      <c r="C25187" t="s">
        <v>15583</v>
      </c>
      <c r="D25187" t="s">
        <v>15584</v>
      </c>
      <c r="E25187" t="s">
        <v>15475</v>
      </c>
      <c r="F25187" t="s">
        <v>15476</v>
      </c>
      <c r="G25187" t="s">
        <v>10734</v>
      </c>
      <c r="H25187" t="s">
        <v>10735</v>
      </c>
      <c r="I25187" s="2">
        <v>1</v>
      </c>
      <c r="J25187" s="2">
        <v>0</v>
      </c>
      <c r="K25187" s="2">
        <v>0</v>
      </c>
      <c r="L25187" t="s">
        <v>120</v>
      </c>
      <c r="M25187" t="s">
        <v>87</v>
      </c>
      <c r="N25187" t="s">
        <v>88</v>
      </c>
      <c r="O25187" t="s">
        <v>85</v>
      </c>
      <c r="P25187" t="s">
        <v>86</v>
      </c>
      <c r="Q25187">
        <v>14</v>
      </c>
      <c r="R25187">
        <v>14</v>
      </c>
      <c r="S25187">
        <v>14</v>
      </c>
      <c r="T25187">
        <v>14</v>
      </c>
      <c r="U25187">
        <v>14</v>
      </c>
      <c r="V25187">
        <v>14</v>
      </c>
      <c r="W25187">
        <v>14</v>
      </c>
      <c r="X25187">
        <v>14</v>
      </c>
      <c r="Y25187">
        <v>14</v>
      </c>
      <c r="Z25187">
        <v>14</v>
      </c>
      <c r="AA25187">
        <v>14</v>
      </c>
      <c r="AB25187">
        <v>14</v>
      </c>
      <c r="AC25187">
        <v>14</v>
      </c>
      <c r="AD25187">
        <v>15</v>
      </c>
      <c r="AE25187">
        <v>15</v>
      </c>
      <c r="AF25187">
        <v>15</v>
      </c>
      <c r="AG25187">
        <v>15</v>
      </c>
      <c r="AH25187">
        <v>15</v>
      </c>
      <c r="AI25187">
        <v>15</v>
      </c>
      <c r="AJ25187">
        <v>15</v>
      </c>
      <c r="AK25187">
        <v>15</v>
      </c>
      <c r="AL25187">
        <v>15</v>
      </c>
      <c r="AM25187">
        <v>15</v>
      </c>
      <c r="AN25187">
        <v>15</v>
      </c>
      <c r="AO25187">
        <v>15</v>
      </c>
      <c r="AP25187">
        <v>15</v>
      </c>
      <c r="AQ25187">
        <v>15</v>
      </c>
    </row>
    <row r="25188" spans="1:43">
      <c r="A25188" t="s">
        <v>15591</v>
      </c>
      <c r="B25188" t="s">
        <v>15592</v>
      </c>
      <c r="C25188" t="s">
        <v>15583</v>
      </c>
      <c r="D25188" t="s">
        <v>15584</v>
      </c>
      <c r="E25188" t="s">
        <v>15475</v>
      </c>
      <c r="F25188" t="s">
        <v>15476</v>
      </c>
      <c r="G25188" t="s">
        <v>10734</v>
      </c>
      <c r="H25188" t="s">
        <v>10735</v>
      </c>
      <c r="I25188" s="2">
        <v>1</v>
      </c>
      <c r="J25188" s="2">
        <v>0</v>
      </c>
      <c r="K25188" s="2">
        <v>0</v>
      </c>
      <c r="L25188" t="s">
        <v>120</v>
      </c>
      <c r="M25188" t="s">
        <v>89</v>
      </c>
      <c r="N25188" t="s">
        <v>90</v>
      </c>
      <c r="O25188" t="s">
        <v>85</v>
      </c>
      <c r="P25188" t="s">
        <v>86</v>
      </c>
      <c r="Q25188">
        <v>14</v>
      </c>
      <c r="R25188">
        <v>14</v>
      </c>
      <c r="S25188">
        <v>15</v>
      </c>
      <c r="T25188">
        <v>15</v>
      </c>
      <c r="U25188">
        <v>15</v>
      </c>
      <c r="V25188">
        <v>15</v>
      </c>
      <c r="W25188">
        <v>16</v>
      </c>
      <c r="X25188">
        <v>16</v>
      </c>
      <c r="Y25188">
        <v>16</v>
      </c>
      <c r="Z25188">
        <v>16</v>
      </c>
      <c r="AA25188">
        <v>17</v>
      </c>
      <c r="AB25188">
        <v>17</v>
      </c>
      <c r="AC25188">
        <v>17</v>
      </c>
      <c r="AD25188">
        <v>17</v>
      </c>
      <c r="AE25188">
        <v>17</v>
      </c>
      <c r="AF25188">
        <v>17</v>
      </c>
      <c r="AG25188">
        <v>17</v>
      </c>
      <c r="AH25188">
        <v>17</v>
      </c>
      <c r="AI25188">
        <v>17</v>
      </c>
      <c r="AJ25188">
        <v>17</v>
      </c>
      <c r="AK25188">
        <v>17</v>
      </c>
      <c r="AL25188">
        <v>17</v>
      </c>
      <c r="AM25188">
        <v>17</v>
      </c>
      <c r="AN25188">
        <v>17</v>
      </c>
      <c r="AO25188">
        <v>18</v>
      </c>
      <c r="AP25188">
        <v>18</v>
      </c>
      <c r="AQ25188">
        <v>18</v>
      </c>
    </row>
    <row r="25189" spans="1:43">
      <c r="A25189" t="s">
        <v>15591</v>
      </c>
      <c r="B25189" t="s">
        <v>15592</v>
      </c>
      <c r="C25189" t="s">
        <v>15583</v>
      </c>
      <c r="D25189" t="s">
        <v>15584</v>
      </c>
      <c r="E25189" t="s">
        <v>15475</v>
      </c>
      <c r="F25189" t="s">
        <v>15476</v>
      </c>
      <c r="G25189" t="s">
        <v>10734</v>
      </c>
      <c r="H25189" t="s">
        <v>10735</v>
      </c>
      <c r="I25189" s="2">
        <v>1</v>
      </c>
      <c r="J25189" s="2">
        <v>0</v>
      </c>
      <c r="K25189" s="2">
        <v>0</v>
      </c>
      <c r="L25189" t="s">
        <v>120</v>
      </c>
      <c r="M25189" t="s">
        <v>83</v>
      </c>
      <c r="N25189" t="s">
        <v>91</v>
      </c>
      <c r="O25189" t="s">
        <v>85</v>
      </c>
      <c r="P25189" t="s">
        <v>86</v>
      </c>
      <c r="Q25189">
        <v>14</v>
      </c>
      <c r="R25189">
        <v>14</v>
      </c>
      <c r="S25189">
        <v>14</v>
      </c>
      <c r="T25189">
        <v>14</v>
      </c>
      <c r="U25189">
        <v>15</v>
      </c>
      <c r="V25189">
        <v>15</v>
      </c>
      <c r="W25189">
        <v>15</v>
      </c>
      <c r="X25189">
        <v>15</v>
      </c>
      <c r="Y25189">
        <v>15</v>
      </c>
      <c r="Z25189">
        <v>15</v>
      </c>
      <c r="AA25189">
        <v>16</v>
      </c>
      <c r="AB25189">
        <v>16</v>
      </c>
      <c r="AC25189">
        <v>16</v>
      </c>
      <c r="AD25189">
        <v>16</v>
      </c>
      <c r="AE25189">
        <v>16</v>
      </c>
      <c r="AF25189">
        <v>16</v>
      </c>
      <c r="AG25189">
        <v>17</v>
      </c>
      <c r="AH25189">
        <v>17</v>
      </c>
      <c r="AI25189">
        <v>17</v>
      </c>
      <c r="AJ25189">
        <v>17</v>
      </c>
      <c r="AK25189">
        <v>17</v>
      </c>
      <c r="AL25189">
        <v>17</v>
      </c>
      <c r="AM25189">
        <v>17</v>
      </c>
      <c r="AN25189">
        <v>17</v>
      </c>
      <c r="AO25189">
        <v>17</v>
      </c>
      <c r="AP25189">
        <v>17</v>
      </c>
      <c r="AQ25189">
        <v>17</v>
      </c>
    </row>
    <row r="25190" spans="1:43">
      <c r="A25190" t="s">
        <v>15593</v>
      </c>
      <c r="B25190" t="s">
        <v>15594</v>
      </c>
      <c r="C25190" t="s">
        <v>15489</v>
      </c>
      <c r="D25190" t="s">
        <v>15490</v>
      </c>
      <c r="E25190" t="s">
        <v>15475</v>
      </c>
      <c r="F25190" t="s">
        <v>15476</v>
      </c>
      <c r="G25190" t="s">
        <v>10734</v>
      </c>
      <c r="H25190" t="s">
        <v>10735</v>
      </c>
      <c r="I25190" s="2">
        <v>1</v>
      </c>
      <c r="J25190" s="2">
        <v>0</v>
      </c>
      <c r="K25190" s="2">
        <v>0</v>
      </c>
      <c r="L25190" t="s">
        <v>120</v>
      </c>
      <c r="M25190" t="s">
        <v>83</v>
      </c>
      <c r="N25190" t="s">
        <v>84</v>
      </c>
      <c r="O25190" t="s">
        <v>85</v>
      </c>
      <c r="P25190" t="s">
        <v>86</v>
      </c>
      <c r="Q25190">
        <v>47</v>
      </c>
      <c r="R25190">
        <v>48</v>
      </c>
      <c r="S25190">
        <v>49</v>
      </c>
      <c r="T25190">
        <v>49</v>
      </c>
      <c r="U25190">
        <v>50</v>
      </c>
      <c r="V25190">
        <v>50</v>
      </c>
      <c r="W25190">
        <v>51</v>
      </c>
      <c r="X25190">
        <v>52</v>
      </c>
      <c r="Y25190">
        <v>52</v>
      </c>
      <c r="Z25190">
        <v>53</v>
      </c>
      <c r="AA25190">
        <v>53</v>
      </c>
      <c r="AB25190">
        <v>54</v>
      </c>
      <c r="AC25190">
        <v>54</v>
      </c>
      <c r="AD25190">
        <v>55</v>
      </c>
      <c r="AE25190">
        <v>55</v>
      </c>
      <c r="AF25190">
        <v>56</v>
      </c>
      <c r="AG25190">
        <v>56</v>
      </c>
      <c r="AH25190">
        <v>57</v>
      </c>
      <c r="AI25190">
        <v>57</v>
      </c>
      <c r="AJ25190">
        <v>58</v>
      </c>
      <c r="AK25190">
        <v>58</v>
      </c>
      <c r="AL25190">
        <v>59</v>
      </c>
      <c r="AM25190">
        <v>59</v>
      </c>
      <c r="AN25190">
        <v>59</v>
      </c>
      <c r="AO25190">
        <v>59</v>
      </c>
      <c r="AP25190">
        <v>59</v>
      </c>
      <c r="AQ25190">
        <v>59</v>
      </c>
    </row>
    <row r="25191" spans="1:43">
      <c r="A25191" t="s">
        <v>15593</v>
      </c>
      <c r="B25191" t="s">
        <v>15594</v>
      </c>
      <c r="C25191" t="s">
        <v>15489</v>
      </c>
      <c r="D25191" t="s">
        <v>15490</v>
      </c>
      <c r="E25191" t="s">
        <v>15475</v>
      </c>
      <c r="F25191" t="s">
        <v>15476</v>
      </c>
      <c r="G25191" t="s">
        <v>10734</v>
      </c>
      <c r="H25191" t="s">
        <v>10735</v>
      </c>
      <c r="I25191" s="2">
        <v>1</v>
      </c>
      <c r="J25191" s="2">
        <v>0</v>
      </c>
      <c r="K25191" s="2">
        <v>0</v>
      </c>
      <c r="L25191" t="s">
        <v>120</v>
      </c>
      <c r="M25191" t="s">
        <v>87</v>
      </c>
      <c r="N25191" t="s">
        <v>88</v>
      </c>
      <c r="O25191" t="s">
        <v>85</v>
      </c>
      <c r="P25191" t="s">
        <v>86</v>
      </c>
      <c r="Q25191">
        <v>47</v>
      </c>
      <c r="R25191">
        <v>47</v>
      </c>
      <c r="S25191">
        <v>47</v>
      </c>
      <c r="T25191">
        <v>47</v>
      </c>
      <c r="U25191">
        <v>48</v>
      </c>
      <c r="V25191">
        <v>48</v>
      </c>
      <c r="W25191">
        <v>48</v>
      </c>
      <c r="X25191">
        <v>48</v>
      </c>
      <c r="Y25191">
        <v>48</v>
      </c>
      <c r="Z25191">
        <v>48</v>
      </c>
      <c r="AA25191">
        <v>49</v>
      </c>
      <c r="AB25191">
        <v>49</v>
      </c>
      <c r="AC25191">
        <v>49</v>
      </c>
      <c r="AD25191">
        <v>49</v>
      </c>
      <c r="AE25191">
        <v>49</v>
      </c>
      <c r="AF25191">
        <v>49</v>
      </c>
      <c r="AG25191">
        <v>50</v>
      </c>
      <c r="AH25191">
        <v>50</v>
      </c>
      <c r="AI25191">
        <v>50</v>
      </c>
      <c r="AJ25191">
        <v>50</v>
      </c>
      <c r="AK25191">
        <v>50</v>
      </c>
      <c r="AL25191">
        <v>50</v>
      </c>
      <c r="AM25191">
        <v>51</v>
      </c>
      <c r="AN25191">
        <v>51</v>
      </c>
      <c r="AO25191">
        <v>51</v>
      </c>
      <c r="AP25191">
        <v>51</v>
      </c>
      <c r="AQ25191">
        <v>51</v>
      </c>
    </row>
    <row r="25192" spans="1:43">
      <c r="A25192" t="s">
        <v>15593</v>
      </c>
      <c r="B25192" t="s">
        <v>15594</v>
      </c>
      <c r="C25192" t="s">
        <v>15489</v>
      </c>
      <c r="D25192" t="s">
        <v>15490</v>
      </c>
      <c r="E25192" t="s">
        <v>15475</v>
      </c>
      <c r="F25192" t="s">
        <v>15476</v>
      </c>
      <c r="G25192" t="s">
        <v>10734</v>
      </c>
      <c r="H25192" t="s">
        <v>10735</v>
      </c>
      <c r="I25192" s="2">
        <v>1</v>
      </c>
      <c r="J25192" s="2">
        <v>0</v>
      </c>
      <c r="K25192" s="2">
        <v>0</v>
      </c>
      <c r="L25192" t="s">
        <v>120</v>
      </c>
      <c r="M25192" t="s">
        <v>89</v>
      </c>
      <c r="N25192" t="s">
        <v>90</v>
      </c>
      <c r="O25192" t="s">
        <v>85</v>
      </c>
      <c r="P25192" t="s">
        <v>86</v>
      </c>
      <c r="Q25192">
        <v>47</v>
      </c>
      <c r="R25192">
        <v>48</v>
      </c>
      <c r="S25192">
        <v>49</v>
      </c>
      <c r="T25192">
        <v>50</v>
      </c>
      <c r="U25192">
        <v>51</v>
      </c>
      <c r="V25192">
        <v>52</v>
      </c>
      <c r="W25192">
        <v>52</v>
      </c>
      <c r="X25192">
        <v>53</v>
      </c>
      <c r="Y25192">
        <v>54</v>
      </c>
      <c r="Z25192">
        <v>55</v>
      </c>
      <c r="AA25192">
        <v>56</v>
      </c>
      <c r="AB25192">
        <v>56</v>
      </c>
      <c r="AC25192">
        <v>57</v>
      </c>
      <c r="AD25192">
        <v>58</v>
      </c>
      <c r="AE25192">
        <v>58</v>
      </c>
      <c r="AF25192">
        <v>58</v>
      </c>
      <c r="AG25192">
        <v>58</v>
      </c>
      <c r="AH25192">
        <v>58</v>
      </c>
      <c r="AI25192">
        <v>58</v>
      </c>
      <c r="AJ25192">
        <v>58</v>
      </c>
      <c r="AK25192">
        <v>58</v>
      </c>
      <c r="AL25192">
        <v>58</v>
      </c>
      <c r="AM25192">
        <v>58</v>
      </c>
      <c r="AN25192">
        <v>58</v>
      </c>
      <c r="AO25192">
        <v>58</v>
      </c>
      <c r="AP25192">
        <v>58</v>
      </c>
      <c r="AQ25192">
        <v>58</v>
      </c>
    </row>
    <row r="25193" spans="1:43">
      <c r="A25193" t="s">
        <v>15593</v>
      </c>
      <c r="B25193" t="s">
        <v>15594</v>
      </c>
      <c r="C25193" t="s">
        <v>15489</v>
      </c>
      <c r="D25193" t="s">
        <v>15490</v>
      </c>
      <c r="E25193" t="s">
        <v>15475</v>
      </c>
      <c r="F25193" t="s">
        <v>15476</v>
      </c>
      <c r="G25193" t="s">
        <v>10734</v>
      </c>
      <c r="H25193" t="s">
        <v>10735</v>
      </c>
      <c r="I25193" s="2">
        <v>1</v>
      </c>
      <c r="J25193" s="2">
        <v>0</v>
      </c>
      <c r="K25193" s="2">
        <v>0</v>
      </c>
      <c r="L25193" t="s">
        <v>120</v>
      </c>
      <c r="M25193" t="s">
        <v>83</v>
      </c>
      <c r="N25193" t="s">
        <v>91</v>
      </c>
      <c r="O25193" t="s">
        <v>85</v>
      </c>
      <c r="P25193" t="s">
        <v>86</v>
      </c>
      <c r="Q25193">
        <v>47</v>
      </c>
      <c r="R25193">
        <v>48</v>
      </c>
      <c r="S25193">
        <v>49</v>
      </c>
      <c r="T25193">
        <v>49</v>
      </c>
      <c r="U25193">
        <v>50</v>
      </c>
      <c r="V25193">
        <v>50</v>
      </c>
      <c r="W25193">
        <v>51</v>
      </c>
      <c r="X25193">
        <v>52</v>
      </c>
      <c r="Y25193">
        <v>52</v>
      </c>
      <c r="Z25193">
        <v>53</v>
      </c>
      <c r="AA25193">
        <v>53</v>
      </c>
      <c r="AB25193">
        <v>54</v>
      </c>
      <c r="AC25193">
        <v>54</v>
      </c>
      <c r="AD25193">
        <v>55</v>
      </c>
      <c r="AE25193">
        <v>55</v>
      </c>
      <c r="AF25193">
        <v>56</v>
      </c>
      <c r="AG25193">
        <v>56</v>
      </c>
      <c r="AH25193">
        <v>57</v>
      </c>
      <c r="AI25193">
        <v>57</v>
      </c>
      <c r="AJ25193">
        <v>58</v>
      </c>
      <c r="AK25193">
        <v>58</v>
      </c>
      <c r="AL25193">
        <v>59</v>
      </c>
      <c r="AM25193">
        <v>59</v>
      </c>
      <c r="AN25193">
        <v>59</v>
      </c>
      <c r="AO25193">
        <v>59</v>
      </c>
      <c r="AP25193">
        <v>59</v>
      </c>
      <c r="AQ25193">
        <v>59</v>
      </c>
    </row>
    <row r="25194" spans="1:43">
      <c r="A25194" t="s">
        <v>15595</v>
      </c>
      <c r="B25194" t="s">
        <v>15596</v>
      </c>
      <c r="C25194" t="s">
        <v>15489</v>
      </c>
      <c r="D25194" t="s">
        <v>15490</v>
      </c>
      <c r="E25194" t="s">
        <v>15475</v>
      </c>
      <c r="F25194" t="s">
        <v>15476</v>
      </c>
      <c r="G25194" t="s">
        <v>10734</v>
      </c>
      <c r="H25194" t="s">
        <v>10735</v>
      </c>
      <c r="I25194" s="2">
        <v>1</v>
      </c>
      <c r="J25194" s="2">
        <v>0</v>
      </c>
      <c r="K25194" s="2">
        <v>0</v>
      </c>
      <c r="L25194" t="s">
        <v>120</v>
      </c>
      <c r="M25194" t="s">
        <v>83</v>
      </c>
      <c r="N25194" t="s">
        <v>84</v>
      </c>
      <c r="O25194" t="s">
        <v>85</v>
      </c>
      <c r="P25194" t="s">
        <v>86</v>
      </c>
      <c r="Q25194">
        <v>15</v>
      </c>
      <c r="R25194">
        <v>15</v>
      </c>
      <c r="S25194">
        <v>15</v>
      </c>
      <c r="T25194">
        <v>16</v>
      </c>
      <c r="U25194">
        <v>16</v>
      </c>
      <c r="V25194">
        <v>16</v>
      </c>
      <c r="W25194">
        <v>16</v>
      </c>
      <c r="X25194">
        <v>16</v>
      </c>
      <c r="Y25194">
        <v>17</v>
      </c>
      <c r="Z25194">
        <v>17</v>
      </c>
      <c r="AA25194">
        <v>17</v>
      </c>
      <c r="AB25194">
        <v>17</v>
      </c>
      <c r="AC25194">
        <v>17</v>
      </c>
      <c r="AD25194">
        <v>17</v>
      </c>
      <c r="AE25194">
        <v>18</v>
      </c>
      <c r="AF25194">
        <v>18</v>
      </c>
      <c r="AG25194">
        <v>18</v>
      </c>
      <c r="AH25194">
        <v>18</v>
      </c>
      <c r="AI25194">
        <v>18</v>
      </c>
      <c r="AJ25194">
        <v>18</v>
      </c>
      <c r="AK25194">
        <v>19</v>
      </c>
      <c r="AL25194">
        <v>19</v>
      </c>
      <c r="AM25194">
        <v>19</v>
      </c>
      <c r="AN25194">
        <v>19</v>
      </c>
      <c r="AO25194">
        <v>19</v>
      </c>
      <c r="AP25194">
        <v>19</v>
      </c>
      <c r="AQ25194">
        <v>19</v>
      </c>
    </row>
    <row r="25195" spans="1:43">
      <c r="A25195" t="s">
        <v>15595</v>
      </c>
      <c r="B25195" t="s">
        <v>15596</v>
      </c>
      <c r="C25195" t="s">
        <v>15489</v>
      </c>
      <c r="D25195" t="s">
        <v>15490</v>
      </c>
      <c r="E25195" t="s">
        <v>15475</v>
      </c>
      <c r="F25195" t="s">
        <v>15476</v>
      </c>
      <c r="G25195" t="s">
        <v>10734</v>
      </c>
      <c r="H25195" t="s">
        <v>10735</v>
      </c>
      <c r="I25195" s="2">
        <v>1</v>
      </c>
      <c r="J25195" s="2">
        <v>0</v>
      </c>
      <c r="K25195" s="2">
        <v>0</v>
      </c>
      <c r="L25195" t="s">
        <v>120</v>
      </c>
      <c r="M25195" t="s">
        <v>87</v>
      </c>
      <c r="N25195" t="s">
        <v>88</v>
      </c>
      <c r="O25195" t="s">
        <v>85</v>
      </c>
      <c r="P25195" t="s">
        <v>86</v>
      </c>
      <c r="Q25195">
        <v>15</v>
      </c>
      <c r="R25195">
        <v>15</v>
      </c>
      <c r="S25195">
        <v>15</v>
      </c>
      <c r="T25195">
        <v>15</v>
      </c>
      <c r="U25195">
        <v>15</v>
      </c>
      <c r="V25195">
        <v>15</v>
      </c>
      <c r="W25195">
        <v>15</v>
      </c>
      <c r="X25195">
        <v>15</v>
      </c>
      <c r="Y25195">
        <v>15</v>
      </c>
      <c r="Z25195">
        <v>15</v>
      </c>
      <c r="AA25195">
        <v>15</v>
      </c>
      <c r="AB25195">
        <v>16</v>
      </c>
      <c r="AC25195">
        <v>16</v>
      </c>
      <c r="AD25195">
        <v>16</v>
      </c>
      <c r="AE25195">
        <v>16</v>
      </c>
      <c r="AF25195">
        <v>16</v>
      </c>
      <c r="AG25195">
        <v>16</v>
      </c>
      <c r="AH25195">
        <v>16</v>
      </c>
      <c r="AI25195">
        <v>16</v>
      </c>
      <c r="AJ25195">
        <v>16</v>
      </c>
      <c r="AK25195">
        <v>16</v>
      </c>
      <c r="AL25195">
        <v>16</v>
      </c>
      <c r="AM25195">
        <v>16</v>
      </c>
      <c r="AN25195">
        <v>16</v>
      </c>
      <c r="AO25195">
        <v>16</v>
      </c>
      <c r="AP25195">
        <v>16</v>
      </c>
      <c r="AQ25195">
        <v>16</v>
      </c>
    </row>
    <row r="25196" spans="1:43">
      <c r="A25196" t="s">
        <v>15595</v>
      </c>
      <c r="B25196" t="s">
        <v>15596</v>
      </c>
      <c r="C25196" t="s">
        <v>15489</v>
      </c>
      <c r="D25196" t="s">
        <v>15490</v>
      </c>
      <c r="E25196" t="s">
        <v>15475</v>
      </c>
      <c r="F25196" t="s">
        <v>15476</v>
      </c>
      <c r="G25196" t="s">
        <v>10734</v>
      </c>
      <c r="H25196" t="s">
        <v>10735</v>
      </c>
      <c r="I25196" s="2">
        <v>1</v>
      </c>
      <c r="J25196" s="2">
        <v>0</v>
      </c>
      <c r="K25196" s="2">
        <v>0</v>
      </c>
      <c r="L25196" t="s">
        <v>120</v>
      </c>
      <c r="M25196" t="s">
        <v>89</v>
      </c>
      <c r="N25196" t="s">
        <v>90</v>
      </c>
      <c r="O25196" t="s">
        <v>85</v>
      </c>
      <c r="P25196" t="s">
        <v>86</v>
      </c>
      <c r="Q25196">
        <v>15</v>
      </c>
      <c r="R25196">
        <v>15</v>
      </c>
      <c r="S25196">
        <v>16</v>
      </c>
      <c r="T25196">
        <v>16</v>
      </c>
      <c r="U25196">
        <v>16</v>
      </c>
      <c r="V25196">
        <v>17</v>
      </c>
      <c r="W25196">
        <v>17</v>
      </c>
      <c r="X25196">
        <v>17</v>
      </c>
      <c r="Y25196">
        <v>17</v>
      </c>
      <c r="Z25196">
        <v>18</v>
      </c>
      <c r="AA25196">
        <v>18</v>
      </c>
      <c r="AB25196">
        <v>18</v>
      </c>
      <c r="AC25196">
        <v>18</v>
      </c>
      <c r="AD25196">
        <v>19</v>
      </c>
      <c r="AE25196">
        <v>19</v>
      </c>
      <c r="AF25196">
        <v>19</v>
      </c>
      <c r="AG25196">
        <v>19</v>
      </c>
      <c r="AH25196">
        <v>19</v>
      </c>
      <c r="AI25196">
        <v>19</v>
      </c>
      <c r="AJ25196">
        <v>19</v>
      </c>
      <c r="AK25196">
        <v>19</v>
      </c>
      <c r="AL25196">
        <v>19</v>
      </c>
      <c r="AM25196">
        <v>19</v>
      </c>
      <c r="AN25196">
        <v>19</v>
      </c>
      <c r="AO25196">
        <v>19</v>
      </c>
      <c r="AP25196">
        <v>19</v>
      </c>
      <c r="AQ25196">
        <v>19</v>
      </c>
    </row>
    <row r="25197" spans="1:43">
      <c r="A25197" t="s">
        <v>15595</v>
      </c>
      <c r="B25197" t="s">
        <v>15596</v>
      </c>
      <c r="C25197" t="s">
        <v>15489</v>
      </c>
      <c r="D25197" t="s">
        <v>15490</v>
      </c>
      <c r="E25197" t="s">
        <v>15475</v>
      </c>
      <c r="F25197" t="s">
        <v>15476</v>
      </c>
      <c r="G25197" t="s">
        <v>10734</v>
      </c>
      <c r="H25197" t="s">
        <v>10735</v>
      </c>
      <c r="I25197" s="2">
        <v>1</v>
      </c>
      <c r="J25197" s="2">
        <v>0</v>
      </c>
      <c r="K25197" s="2">
        <v>0</v>
      </c>
      <c r="L25197" t="s">
        <v>120</v>
      </c>
      <c r="M25197" t="s">
        <v>83</v>
      </c>
      <c r="N25197" t="s">
        <v>91</v>
      </c>
      <c r="O25197" t="s">
        <v>85</v>
      </c>
      <c r="P25197" t="s">
        <v>86</v>
      </c>
      <c r="Q25197">
        <v>15</v>
      </c>
      <c r="R25197">
        <v>15</v>
      </c>
      <c r="S25197">
        <v>15</v>
      </c>
      <c r="T25197">
        <v>16</v>
      </c>
      <c r="U25197">
        <v>16</v>
      </c>
      <c r="V25197">
        <v>16</v>
      </c>
      <c r="W25197">
        <v>16</v>
      </c>
      <c r="X25197">
        <v>16</v>
      </c>
      <c r="Y25197">
        <v>17</v>
      </c>
      <c r="Z25197">
        <v>17</v>
      </c>
      <c r="AA25197">
        <v>17</v>
      </c>
      <c r="AB25197">
        <v>17</v>
      </c>
      <c r="AC25197">
        <v>17</v>
      </c>
      <c r="AD25197">
        <v>17</v>
      </c>
      <c r="AE25197">
        <v>18</v>
      </c>
      <c r="AF25197">
        <v>18</v>
      </c>
      <c r="AG25197">
        <v>18</v>
      </c>
      <c r="AH25197">
        <v>18</v>
      </c>
      <c r="AI25197">
        <v>18</v>
      </c>
      <c r="AJ25197">
        <v>18</v>
      </c>
      <c r="AK25197">
        <v>19</v>
      </c>
      <c r="AL25197">
        <v>19</v>
      </c>
      <c r="AM25197">
        <v>19</v>
      </c>
      <c r="AN25197">
        <v>19</v>
      </c>
      <c r="AO25197">
        <v>19</v>
      </c>
      <c r="AP25197">
        <v>19</v>
      </c>
      <c r="AQ25197">
        <v>19</v>
      </c>
    </row>
    <row r="25198" spans="1:43">
      <c r="A25198" t="s">
        <v>15597</v>
      </c>
      <c r="B25198" t="s">
        <v>15598</v>
      </c>
      <c r="C25198" t="s">
        <v>15599</v>
      </c>
      <c r="D25198" t="s">
        <v>15600</v>
      </c>
      <c r="E25198" t="s">
        <v>15475</v>
      </c>
      <c r="F25198" t="s">
        <v>15476</v>
      </c>
      <c r="G25198" t="s">
        <v>10734</v>
      </c>
      <c r="H25198" t="s">
        <v>10735</v>
      </c>
      <c r="I25198" s="2">
        <v>1</v>
      </c>
      <c r="J25198" s="2">
        <v>0</v>
      </c>
      <c r="K25198" s="2">
        <v>0</v>
      </c>
      <c r="L25198" t="s">
        <v>120</v>
      </c>
      <c r="M25198" t="s">
        <v>83</v>
      </c>
      <c r="N25198" t="s">
        <v>84</v>
      </c>
      <c r="O25198" t="s">
        <v>85</v>
      </c>
      <c r="P25198" t="s">
        <v>86</v>
      </c>
      <c r="Q25198">
        <v>34</v>
      </c>
      <c r="R25198">
        <v>35</v>
      </c>
      <c r="S25198">
        <v>35</v>
      </c>
      <c r="T25198">
        <v>36</v>
      </c>
      <c r="U25198">
        <v>36</v>
      </c>
      <c r="V25198">
        <v>37</v>
      </c>
      <c r="W25198">
        <v>37</v>
      </c>
      <c r="X25198">
        <v>38</v>
      </c>
      <c r="Y25198">
        <v>38</v>
      </c>
      <c r="Z25198">
        <v>38</v>
      </c>
      <c r="AA25198">
        <v>39</v>
      </c>
      <c r="AB25198">
        <v>39</v>
      </c>
      <c r="AC25198">
        <v>39</v>
      </c>
      <c r="AD25198">
        <v>40</v>
      </c>
      <c r="AE25198">
        <v>40</v>
      </c>
      <c r="AF25198">
        <v>41</v>
      </c>
      <c r="AG25198">
        <v>41</v>
      </c>
      <c r="AH25198">
        <v>41</v>
      </c>
      <c r="AI25198">
        <v>42</v>
      </c>
      <c r="AJ25198">
        <v>42</v>
      </c>
      <c r="AK25198">
        <v>42</v>
      </c>
      <c r="AL25198">
        <v>43</v>
      </c>
      <c r="AM25198">
        <v>43</v>
      </c>
      <c r="AN25198">
        <v>43</v>
      </c>
      <c r="AO25198">
        <v>43</v>
      </c>
      <c r="AP25198">
        <v>43</v>
      </c>
      <c r="AQ25198">
        <v>43</v>
      </c>
    </row>
    <row r="25199" spans="1:43">
      <c r="A25199" t="s">
        <v>15597</v>
      </c>
      <c r="B25199" t="s">
        <v>15598</v>
      </c>
      <c r="C25199" t="s">
        <v>15599</v>
      </c>
      <c r="D25199" t="s">
        <v>15600</v>
      </c>
      <c r="E25199" t="s">
        <v>15475</v>
      </c>
      <c r="F25199" t="s">
        <v>15476</v>
      </c>
      <c r="G25199" t="s">
        <v>10734</v>
      </c>
      <c r="H25199" t="s">
        <v>10735</v>
      </c>
      <c r="I25199" s="2">
        <v>1</v>
      </c>
      <c r="J25199" s="2">
        <v>0</v>
      </c>
      <c r="K25199" s="2">
        <v>0</v>
      </c>
      <c r="L25199" t="s">
        <v>120</v>
      </c>
      <c r="M25199" t="s">
        <v>87</v>
      </c>
      <c r="N25199" t="s">
        <v>88</v>
      </c>
      <c r="O25199" t="s">
        <v>85</v>
      </c>
      <c r="P25199" t="s">
        <v>86</v>
      </c>
      <c r="Q25199">
        <v>34</v>
      </c>
      <c r="R25199">
        <v>34</v>
      </c>
      <c r="S25199">
        <v>34</v>
      </c>
      <c r="T25199">
        <v>34</v>
      </c>
      <c r="U25199">
        <v>35</v>
      </c>
      <c r="V25199">
        <v>35</v>
      </c>
      <c r="W25199">
        <v>35</v>
      </c>
      <c r="X25199">
        <v>35</v>
      </c>
      <c r="Y25199">
        <v>35</v>
      </c>
      <c r="Z25199">
        <v>35</v>
      </c>
      <c r="AA25199">
        <v>35</v>
      </c>
      <c r="AB25199">
        <v>35</v>
      </c>
      <c r="AC25199">
        <v>36</v>
      </c>
      <c r="AD25199">
        <v>36</v>
      </c>
      <c r="AE25199">
        <v>36</v>
      </c>
      <c r="AF25199">
        <v>36</v>
      </c>
      <c r="AG25199">
        <v>36</v>
      </c>
      <c r="AH25199">
        <v>36</v>
      </c>
      <c r="AI25199">
        <v>36</v>
      </c>
      <c r="AJ25199">
        <v>36</v>
      </c>
      <c r="AK25199">
        <v>37</v>
      </c>
      <c r="AL25199">
        <v>37</v>
      </c>
      <c r="AM25199">
        <v>37</v>
      </c>
      <c r="AN25199">
        <v>37</v>
      </c>
      <c r="AO25199">
        <v>37</v>
      </c>
      <c r="AP25199">
        <v>37</v>
      </c>
      <c r="AQ25199">
        <v>37</v>
      </c>
    </row>
    <row r="25200" spans="1:43">
      <c r="A25200" t="s">
        <v>15597</v>
      </c>
      <c r="B25200" t="s">
        <v>15598</v>
      </c>
      <c r="C25200" t="s">
        <v>15599</v>
      </c>
      <c r="D25200" t="s">
        <v>15600</v>
      </c>
      <c r="E25200" t="s">
        <v>15475</v>
      </c>
      <c r="F25200" t="s">
        <v>15476</v>
      </c>
      <c r="G25200" t="s">
        <v>10734</v>
      </c>
      <c r="H25200" t="s">
        <v>10735</v>
      </c>
      <c r="I25200" s="2">
        <v>1</v>
      </c>
      <c r="J25200" s="2">
        <v>0</v>
      </c>
      <c r="K25200" s="2">
        <v>0</v>
      </c>
      <c r="L25200" t="s">
        <v>120</v>
      </c>
      <c r="M25200" t="s">
        <v>89</v>
      </c>
      <c r="N25200" t="s">
        <v>90</v>
      </c>
      <c r="O25200" t="s">
        <v>85</v>
      </c>
      <c r="P25200" t="s">
        <v>86</v>
      </c>
      <c r="Q25200">
        <v>34</v>
      </c>
      <c r="R25200">
        <v>34</v>
      </c>
      <c r="S25200">
        <v>35</v>
      </c>
      <c r="T25200">
        <v>36</v>
      </c>
      <c r="U25200">
        <v>37</v>
      </c>
      <c r="V25200">
        <v>37</v>
      </c>
      <c r="W25200">
        <v>38</v>
      </c>
      <c r="X25200">
        <v>38</v>
      </c>
      <c r="Y25200">
        <v>39</v>
      </c>
      <c r="Z25200">
        <v>40</v>
      </c>
      <c r="AA25200">
        <v>40</v>
      </c>
      <c r="AB25200">
        <v>41</v>
      </c>
      <c r="AC25200">
        <v>41</v>
      </c>
      <c r="AD25200">
        <v>42</v>
      </c>
      <c r="AE25200">
        <v>42</v>
      </c>
      <c r="AF25200">
        <v>42</v>
      </c>
      <c r="AG25200">
        <v>42</v>
      </c>
      <c r="AH25200">
        <v>42</v>
      </c>
      <c r="AI25200">
        <v>42</v>
      </c>
      <c r="AJ25200">
        <v>42</v>
      </c>
      <c r="AK25200">
        <v>42</v>
      </c>
      <c r="AL25200">
        <v>42</v>
      </c>
      <c r="AM25200">
        <v>42</v>
      </c>
      <c r="AN25200">
        <v>42</v>
      </c>
      <c r="AO25200">
        <v>42</v>
      </c>
      <c r="AP25200">
        <v>42</v>
      </c>
      <c r="AQ25200">
        <v>42</v>
      </c>
    </row>
    <row r="25201" spans="1:43">
      <c r="A25201" t="s">
        <v>15597</v>
      </c>
      <c r="B25201" t="s">
        <v>15598</v>
      </c>
      <c r="C25201" t="s">
        <v>15599</v>
      </c>
      <c r="D25201" t="s">
        <v>15600</v>
      </c>
      <c r="E25201" t="s">
        <v>15475</v>
      </c>
      <c r="F25201" t="s">
        <v>15476</v>
      </c>
      <c r="G25201" t="s">
        <v>10734</v>
      </c>
      <c r="H25201" t="s">
        <v>10735</v>
      </c>
      <c r="I25201" s="2">
        <v>1</v>
      </c>
      <c r="J25201" s="2">
        <v>0</v>
      </c>
      <c r="K25201" s="2">
        <v>0</v>
      </c>
      <c r="L25201" t="s">
        <v>120</v>
      </c>
      <c r="M25201" t="s">
        <v>83</v>
      </c>
      <c r="N25201" t="s">
        <v>91</v>
      </c>
      <c r="O25201" t="s">
        <v>85</v>
      </c>
      <c r="P25201" t="s">
        <v>86</v>
      </c>
      <c r="Q25201">
        <v>34</v>
      </c>
      <c r="R25201">
        <v>35</v>
      </c>
      <c r="S25201">
        <v>35</v>
      </c>
      <c r="T25201">
        <v>36</v>
      </c>
      <c r="U25201">
        <v>36</v>
      </c>
      <c r="V25201">
        <v>37</v>
      </c>
      <c r="W25201">
        <v>37</v>
      </c>
      <c r="X25201">
        <v>38</v>
      </c>
      <c r="Y25201">
        <v>38</v>
      </c>
      <c r="Z25201">
        <v>38</v>
      </c>
      <c r="AA25201">
        <v>39</v>
      </c>
      <c r="AB25201">
        <v>39</v>
      </c>
      <c r="AC25201">
        <v>39</v>
      </c>
      <c r="AD25201">
        <v>40</v>
      </c>
      <c r="AE25201">
        <v>40</v>
      </c>
      <c r="AF25201">
        <v>41</v>
      </c>
      <c r="AG25201">
        <v>41</v>
      </c>
      <c r="AH25201">
        <v>41</v>
      </c>
      <c r="AI25201">
        <v>42</v>
      </c>
      <c r="AJ25201">
        <v>42</v>
      </c>
      <c r="AK25201">
        <v>42</v>
      </c>
      <c r="AL25201">
        <v>43</v>
      </c>
      <c r="AM25201">
        <v>43</v>
      </c>
      <c r="AN25201">
        <v>43</v>
      </c>
      <c r="AO25201">
        <v>43</v>
      </c>
      <c r="AP25201">
        <v>43</v>
      </c>
      <c r="AQ25201">
        <v>43</v>
      </c>
    </row>
    <row r="25202" spans="1:43">
      <c r="A25202" t="s">
        <v>15601</v>
      </c>
      <c r="B25202" t="s">
        <v>15602</v>
      </c>
      <c r="C25202" t="s">
        <v>15599</v>
      </c>
      <c r="D25202" t="s">
        <v>15600</v>
      </c>
      <c r="E25202" t="s">
        <v>15475</v>
      </c>
      <c r="F25202" t="s">
        <v>15476</v>
      </c>
      <c r="G25202" t="s">
        <v>10734</v>
      </c>
      <c r="H25202" t="s">
        <v>10735</v>
      </c>
      <c r="I25202" s="2">
        <v>1</v>
      </c>
      <c r="J25202" s="2">
        <v>0</v>
      </c>
      <c r="K25202" s="2">
        <v>0</v>
      </c>
      <c r="L25202" t="s">
        <v>120</v>
      </c>
      <c r="M25202" t="s">
        <v>83</v>
      </c>
      <c r="N25202" t="s">
        <v>84</v>
      </c>
      <c r="O25202" t="s">
        <v>85</v>
      </c>
      <c r="P25202" t="s">
        <v>86</v>
      </c>
      <c r="Q25202">
        <v>8</v>
      </c>
      <c r="R25202">
        <v>8</v>
      </c>
      <c r="S25202">
        <v>8</v>
      </c>
      <c r="T25202">
        <v>8</v>
      </c>
      <c r="U25202">
        <v>8</v>
      </c>
      <c r="V25202">
        <v>8</v>
      </c>
      <c r="W25202">
        <v>8</v>
      </c>
      <c r="X25202">
        <v>8</v>
      </c>
      <c r="Y25202">
        <v>8</v>
      </c>
      <c r="Z25202">
        <v>9</v>
      </c>
      <c r="AA25202">
        <v>9</v>
      </c>
      <c r="AB25202">
        <v>9</v>
      </c>
      <c r="AC25202">
        <v>9</v>
      </c>
      <c r="AD25202">
        <v>9</v>
      </c>
      <c r="AE25202">
        <v>9</v>
      </c>
      <c r="AF25202">
        <v>9</v>
      </c>
      <c r="AG25202">
        <v>9</v>
      </c>
      <c r="AH25202">
        <v>9</v>
      </c>
      <c r="AI25202">
        <v>9</v>
      </c>
      <c r="AJ25202">
        <v>9</v>
      </c>
      <c r="AK25202">
        <v>9</v>
      </c>
      <c r="AL25202">
        <v>9</v>
      </c>
      <c r="AM25202">
        <v>9</v>
      </c>
      <c r="AN25202">
        <v>9</v>
      </c>
      <c r="AO25202">
        <v>9</v>
      </c>
      <c r="AP25202">
        <v>9</v>
      </c>
      <c r="AQ25202">
        <v>9</v>
      </c>
    </row>
    <row r="25203" spans="1:43">
      <c r="A25203" t="s">
        <v>15601</v>
      </c>
      <c r="B25203" t="s">
        <v>15602</v>
      </c>
      <c r="C25203" t="s">
        <v>15599</v>
      </c>
      <c r="D25203" t="s">
        <v>15600</v>
      </c>
      <c r="E25203" t="s">
        <v>15475</v>
      </c>
      <c r="F25203" t="s">
        <v>15476</v>
      </c>
      <c r="G25203" t="s">
        <v>10734</v>
      </c>
      <c r="H25203" t="s">
        <v>10735</v>
      </c>
      <c r="I25203" s="2">
        <v>1</v>
      </c>
      <c r="J25203" s="2">
        <v>0</v>
      </c>
      <c r="K25203" s="2">
        <v>0</v>
      </c>
      <c r="L25203" t="s">
        <v>120</v>
      </c>
      <c r="M25203" t="s">
        <v>87</v>
      </c>
      <c r="N25203" t="s">
        <v>88</v>
      </c>
      <c r="O25203" t="s">
        <v>85</v>
      </c>
      <c r="P25203" t="s">
        <v>86</v>
      </c>
      <c r="Q25203">
        <v>8</v>
      </c>
      <c r="R25203">
        <v>8</v>
      </c>
      <c r="S25203">
        <v>8</v>
      </c>
      <c r="T25203">
        <v>8</v>
      </c>
      <c r="U25203">
        <v>8</v>
      </c>
      <c r="V25203">
        <v>8</v>
      </c>
      <c r="W25203">
        <v>8</v>
      </c>
      <c r="X25203">
        <v>8</v>
      </c>
      <c r="Y25203">
        <v>8</v>
      </c>
      <c r="Z25203">
        <v>8</v>
      </c>
      <c r="AA25203">
        <v>8</v>
      </c>
      <c r="AB25203">
        <v>8</v>
      </c>
      <c r="AC25203">
        <v>8</v>
      </c>
      <c r="AD25203">
        <v>8</v>
      </c>
      <c r="AE25203">
        <v>8</v>
      </c>
      <c r="AF25203">
        <v>8</v>
      </c>
      <c r="AG25203">
        <v>8</v>
      </c>
      <c r="AH25203">
        <v>8</v>
      </c>
      <c r="AI25203">
        <v>8</v>
      </c>
      <c r="AJ25203">
        <v>8</v>
      </c>
      <c r="AK25203">
        <v>8</v>
      </c>
      <c r="AL25203">
        <v>8</v>
      </c>
      <c r="AM25203">
        <v>8</v>
      </c>
      <c r="AN25203">
        <v>8</v>
      </c>
      <c r="AO25203">
        <v>8</v>
      </c>
      <c r="AP25203">
        <v>8</v>
      </c>
      <c r="AQ25203">
        <v>8</v>
      </c>
    </row>
    <row r="25204" spans="1:43">
      <c r="A25204" t="s">
        <v>15601</v>
      </c>
      <c r="B25204" t="s">
        <v>15602</v>
      </c>
      <c r="C25204" t="s">
        <v>15599</v>
      </c>
      <c r="D25204" t="s">
        <v>15600</v>
      </c>
      <c r="E25204" t="s">
        <v>15475</v>
      </c>
      <c r="F25204" t="s">
        <v>15476</v>
      </c>
      <c r="G25204" t="s">
        <v>10734</v>
      </c>
      <c r="H25204" t="s">
        <v>10735</v>
      </c>
      <c r="I25204" s="2">
        <v>1</v>
      </c>
      <c r="J25204" s="2">
        <v>0</v>
      </c>
      <c r="K25204" s="2">
        <v>0</v>
      </c>
      <c r="L25204" t="s">
        <v>120</v>
      </c>
      <c r="M25204" t="s">
        <v>89</v>
      </c>
      <c r="N25204" t="s">
        <v>90</v>
      </c>
      <c r="O25204" t="s">
        <v>85</v>
      </c>
      <c r="P25204" t="s">
        <v>86</v>
      </c>
      <c r="Q25204">
        <v>8</v>
      </c>
      <c r="R25204">
        <v>8</v>
      </c>
      <c r="S25204">
        <v>8</v>
      </c>
      <c r="T25204">
        <v>8</v>
      </c>
      <c r="U25204">
        <v>8</v>
      </c>
      <c r="V25204">
        <v>9</v>
      </c>
      <c r="W25204">
        <v>9</v>
      </c>
      <c r="X25204">
        <v>9</v>
      </c>
      <c r="Y25204">
        <v>9</v>
      </c>
      <c r="Z25204">
        <v>9</v>
      </c>
      <c r="AA25204">
        <v>9</v>
      </c>
      <c r="AB25204">
        <v>9</v>
      </c>
      <c r="AC25204">
        <v>9</v>
      </c>
      <c r="AD25204">
        <v>10</v>
      </c>
      <c r="AE25204">
        <v>10</v>
      </c>
      <c r="AF25204">
        <v>10</v>
      </c>
      <c r="AG25204">
        <v>10</v>
      </c>
      <c r="AH25204">
        <v>10</v>
      </c>
      <c r="AI25204">
        <v>10</v>
      </c>
      <c r="AJ25204">
        <v>10</v>
      </c>
      <c r="AK25204">
        <v>10</v>
      </c>
      <c r="AL25204">
        <v>10</v>
      </c>
      <c r="AM25204">
        <v>10</v>
      </c>
      <c r="AN25204">
        <v>10</v>
      </c>
      <c r="AO25204">
        <v>10</v>
      </c>
      <c r="AP25204">
        <v>10</v>
      </c>
      <c r="AQ25204">
        <v>10</v>
      </c>
    </row>
    <row r="25205" spans="1:43">
      <c r="A25205" t="s">
        <v>15601</v>
      </c>
      <c r="B25205" t="s">
        <v>15602</v>
      </c>
      <c r="C25205" t="s">
        <v>15599</v>
      </c>
      <c r="D25205" t="s">
        <v>15600</v>
      </c>
      <c r="E25205" t="s">
        <v>15475</v>
      </c>
      <c r="F25205" t="s">
        <v>15476</v>
      </c>
      <c r="G25205" t="s">
        <v>10734</v>
      </c>
      <c r="H25205" t="s">
        <v>10735</v>
      </c>
      <c r="I25205" s="2">
        <v>1</v>
      </c>
      <c r="J25205" s="2">
        <v>0</v>
      </c>
      <c r="K25205" s="2">
        <v>0</v>
      </c>
      <c r="L25205" t="s">
        <v>120</v>
      </c>
      <c r="M25205" t="s">
        <v>83</v>
      </c>
      <c r="N25205" t="s">
        <v>91</v>
      </c>
      <c r="O25205" t="s">
        <v>85</v>
      </c>
      <c r="P25205" t="s">
        <v>86</v>
      </c>
      <c r="Q25205">
        <v>8</v>
      </c>
      <c r="R25205">
        <v>8</v>
      </c>
      <c r="S25205">
        <v>8</v>
      </c>
      <c r="T25205">
        <v>8</v>
      </c>
      <c r="U25205">
        <v>8</v>
      </c>
      <c r="V25205">
        <v>8</v>
      </c>
      <c r="W25205">
        <v>8</v>
      </c>
      <c r="X25205">
        <v>8</v>
      </c>
      <c r="Y25205">
        <v>8</v>
      </c>
      <c r="Z25205">
        <v>9</v>
      </c>
      <c r="AA25205">
        <v>9</v>
      </c>
      <c r="AB25205">
        <v>9</v>
      </c>
      <c r="AC25205">
        <v>9</v>
      </c>
      <c r="AD25205">
        <v>9</v>
      </c>
      <c r="AE25205">
        <v>9</v>
      </c>
      <c r="AF25205">
        <v>9</v>
      </c>
      <c r="AG25205">
        <v>9</v>
      </c>
      <c r="AH25205">
        <v>9</v>
      </c>
      <c r="AI25205">
        <v>9</v>
      </c>
      <c r="AJ25205">
        <v>9</v>
      </c>
      <c r="AK25205">
        <v>9</v>
      </c>
      <c r="AL25205">
        <v>9</v>
      </c>
      <c r="AM25205">
        <v>9</v>
      </c>
      <c r="AN25205">
        <v>9</v>
      </c>
      <c r="AO25205">
        <v>9</v>
      </c>
      <c r="AP25205">
        <v>9</v>
      </c>
      <c r="AQ25205">
        <v>9</v>
      </c>
    </row>
    <row r="25206" spans="1:43">
      <c r="A25206" t="s">
        <v>15603</v>
      </c>
      <c r="B25206" t="s">
        <v>15604</v>
      </c>
      <c r="C25206" t="s">
        <v>15599</v>
      </c>
      <c r="D25206" t="s">
        <v>15600</v>
      </c>
      <c r="E25206" t="s">
        <v>15475</v>
      </c>
      <c r="F25206" t="s">
        <v>15476</v>
      </c>
      <c r="G25206" t="s">
        <v>10734</v>
      </c>
      <c r="H25206" t="s">
        <v>10735</v>
      </c>
      <c r="I25206" s="2">
        <v>1</v>
      </c>
      <c r="J25206" s="2">
        <v>0</v>
      </c>
      <c r="K25206" s="2">
        <v>0</v>
      </c>
      <c r="L25206" t="s">
        <v>120</v>
      </c>
      <c r="M25206" t="s">
        <v>83</v>
      </c>
      <c r="N25206" t="s">
        <v>84</v>
      </c>
      <c r="O25206" t="s">
        <v>85</v>
      </c>
      <c r="P25206" t="s">
        <v>86</v>
      </c>
      <c r="Q25206">
        <v>14</v>
      </c>
      <c r="R25206">
        <v>14</v>
      </c>
      <c r="S25206">
        <v>15</v>
      </c>
      <c r="T25206">
        <v>15</v>
      </c>
      <c r="U25206">
        <v>15</v>
      </c>
      <c r="V25206">
        <v>15</v>
      </c>
      <c r="W25206">
        <v>15</v>
      </c>
      <c r="X25206">
        <v>16</v>
      </c>
      <c r="Y25206">
        <v>16</v>
      </c>
      <c r="Z25206">
        <v>16</v>
      </c>
      <c r="AA25206">
        <v>16</v>
      </c>
      <c r="AB25206">
        <v>16</v>
      </c>
      <c r="AC25206">
        <v>16</v>
      </c>
      <c r="AD25206">
        <v>17</v>
      </c>
      <c r="AE25206">
        <v>17</v>
      </c>
      <c r="AF25206">
        <v>17</v>
      </c>
      <c r="AG25206">
        <v>17</v>
      </c>
      <c r="AH25206">
        <v>17</v>
      </c>
      <c r="AI25206">
        <v>17</v>
      </c>
      <c r="AJ25206">
        <v>18</v>
      </c>
      <c r="AK25206">
        <v>18</v>
      </c>
      <c r="AL25206">
        <v>18</v>
      </c>
      <c r="AM25206">
        <v>18</v>
      </c>
      <c r="AN25206">
        <v>18</v>
      </c>
      <c r="AO25206">
        <v>18</v>
      </c>
      <c r="AP25206">
        <v>18</v>
      </c>
      <c r="AQ25206">
        <v>18</v>
      </c>
    </row>
    <row r="25207" spans="1:43">
      <c r="A25207" t="s">
        <v>15603</v>
      </c>
      <c r="B25207" t="s">
        <v>15604</v>
      </c>
      <c r="C25207" t="s">
        <v>15599</v>
      </c>
      <c r="D25207" t="s">
        <v>15600</v>
      </c>
      <c r="E25207" t="s">
        <v>15475</v>
      </c>
      <c r="F25207" t="s">
        <v>15476</v>
      </c>
      <c r="G25207" t="s">
        <v>10734</v>
      </c>
      <c r="H25207" t="s">
        <v>10735</v>
      </c>
      <c r="I25207" s="2">
        <v>1</v>
      </c>
      <c r="J25207" s="2">
        <v>0</v>
      </c>
      <c r="K25207" s="2">
        <v>0</v>
      </c>
      <c r="L25207" t="s">
        <v>120</v>
      </c>
      <c r="M25207" t="s">
        <v>87</v>
      </c>
      <c r="N25207" t="s">
        <v>88</v>
      </c>
      <c r="O25207" t="s">
        <v>85</v>
      </c>
      <c r="P25207" t="s">
        <v>86</v>
      </c>
      <c r="Q25207">
        <v>14</v>
      </c>
      <c r="R25207">
        <v>14</v>
      </c>
      <c r="S25207">
        <v>14</v>
      </c>
      <c r="T25207">
        <v>14</v>
      </c>
      <c r="U25207">
        <v>14</v>
      </c>
      <c r="V25207">
        <v>14</v>
      </c>
      <c r="W25207">
        <v>15</v>
      </c>
      <c r="X25207">
        <v>15</v>
      </c>
      <c r="Y25207">
        <v>15</v>
      </c>
      <c r="Z25207">
        <v>15</v>
      </c>
      <c r="AA25207">
        <v>15</v>
      </c>
      <c r="AB25207">
        <v>15</v>
      </c>
      <c r="AC25207">
        <v>15</v>
      </c>
      <c r="AD25207">
        <v>15</v>
      </c>
      <c r="AE25207">
        <v>15</v>
      </c>
      <c r="AF25207">
        <v>15</v>
      </c>
      <c r="AG25207">
        <v>15</v>
      </c>
      <c r="AH25207">
        <v>15</v>
      </c>
      <c r="AI25207">
        <v>15</v>
      </c>
      <c r="AJ25207">
        <v>15</v>
      </c>
      <c r="AK25207">
        <v>15</v>
      </c>
      <c r="AL25207">
        <v>15</v>
      </c>
      <c r="AM25207">
        <v>15</v>
      </c>
      <c r="AN25207">
        <v>15</v>
      </c>
      <c r="AO25207">
        <v>15</v>
      </c>
      <c r="AP25207">
        <v>15</v>
      </c>
      <c r="AQ25207">
        <v>16</v>
      </c>
    </row>
    <row r="25208" spans="1:43">
      <c r="A25208" t="s">
        <v>15603</v>
      </c>
      <c r="B25208" t="s">
        <v>15604</v>
      </c>
      <c r="C25208" t="s">
        <v>15599</v>
      </c>
      <c r="D25208" t="s">
        <v>15600</v>
      </c>
      <c r="E25208" t="s">
        <v>15475</v>
      </c>
      <c r="F25208" t="s">
        <v>15476</v>
      </c>
      <c r="G25208" t="s">
        <v>10734</v>
      </c>
      <c r="H25208" t="s">
        <v>10735</v>
      </c>
      <c r="I25208" s="2">
        <v>1</v>
      </c>
      <c r="J25208" s="2">
        <v>0</v>
      </c>
      <c r="K25208" s="2">
        <v>0</v>
      </c>
      <c r="L25208" t="s">
        <v>120</v>
      </c>
      <c r="M25208" t="s">
        <v>89</v>
      </c>
      <c r="N25208" t="s">
        <v>90</v>
      </c>
      <c r="O25208" t="s">
        <v>85</v>
      </c>
      <c r="P25208" t="s">
        <v>86</v>
      </c>
      <c r="Q25208">
        <v>14</v>
      </c>
      <c r="R25208">
        <v>15</v>
      </c>
      <c r="S25208">
        <v>15</v>
      </c>
      <c r="T25208">
        <v>15</v>
      </c>
      <c r="U25208">
        <v>16</v>
      </c>
      <c r="V25208">
        <v>16</v>
      </c>
      <c r="W25208">
        <v>16</v>
      </c>
      <c r="X25208">
        <v>16</v>
      </c>
      <c r="Y25208">
        <v>17</v>
      </c>
      <c r="Z25208">
        <v>17</v>
      </c>
      <c r="AA25208">
        <v>17</v>
      </c>
      <c r="AB25208">
        <v>17</v>
      </c>
      <c r="AC25208">
        <v>18</v>
      </c>
      <c r="AD25208">
        <v>18</v>
      </c>
      <c r="AE25208">
        <v>18</v>
      </c>
      <c r="AF25208">
        <v>18</v>
      </c>
      <c r="AG25208">
        <v>18</v>
      </c>
      <c r="AH25208">
        <v>18</v>
      </c>
      <c r="AI25208">
        <v>18</v>
      </c>
      <c r="AJ25208">
        <v>18</v>
      </c>
      <c r="AK25208">
        <v>18</v>
      </c>
      <c r="AL25208">
        <v>18</v>
      </c>
      <c r="AM25208">
        <v>18</v>
      </c>
      <c r="AN25208">
        <v>18</v>
      </c>
      <c r="AO25208">
        <v>18</v>
      </c>
      <c r="AP25208">
        <v>18</v>
      </c>
      <c r="AQ25208">
        <v>18</v>
      </c>
    </row>
    <row r="25209" spans="1:43">
      <c r="A25209" t="s">
        <v>15603</v>
      </c>
      <c r="B25209" t="s">
        <v>15604</v>
      </c>
      <c r="C25209" t="s">
        <v>15599</v>
      </c>
      <c r="D25209" t="s">
        <v>15600</v>
      </c>
      <c r="E25209" t="s">
        <v>15475</v>
      </c>
      <c r="F25209" t="s">
        <v>15476</v>
      </c>
      <c r="G25209" t="s">
        <v>10734</v>
      </c>
      <c r="H25209" t="s">
        <v>10735</v>
      </c>
      <c r="I25209" s="2">
        <v>1</v>
      </c>
      <c r="J25209" s="2">
        <v>0</v>
      </c>
      <c r="K25209" s="2">
        <v>0</v>
      </c>
      <c r="L25209" t="s">
        <v>120</v>
      </c>
      <c r="M25209" t="s">
        <v>83</v>
      </c>
      <c r="N25209" t="s">
        <v>91</v>
      </c>
      <c r="O25209" t="s">
        <v>85</v>
      </c>
      <c r="P25209" t="s">
        <v>86</v>
      </c>
      <c r="Q25209">
        <v>14</v>
      </c>
      <c r="R25209">
        <v>14</v>
      </c>
      <c r="S25209">
        <v>15</v>
      </c>
      <c r="T25209">
        <v>15</v>
      </c>
      <c r="U25209">
        <v>15</v>
      </c>
      <c r="V25209">
        <v>15</v>
      </c>
      <c r="W25209">
        <v>15</v>
      </c>
      <c r="X25209">
        <v>16</v>
      </c>
      <c r="Y25209">
        <v>16</v>
      </c>
      <c r="Z25209">
        <v>16</v>
      </c>
      <c r="AA25209">
        <v>16</v>
      </c>
      <c r="AB25209">
        <v>16</v>
      </c>
      <c r="AC25209">
        <v>16</v>
      </c>
      <c r="AD25209">
        <v>17</v>
      </c>
      <c r="AE25209">
        <v>17</v>
      </c>
      <c r="AF25209">
        <v>17</v>
      </c>
      <c r="AG25209">
        <v>17</v>
      </c>
      <c r="AH25209">
        <v>17</v>
      </c>
      <c r="AI25209">
        <v>17</v>
      </c>
      <c r="AJ25209">
        <v>18</v>
      </c>
      <c r="AK25209">
        <v>18</v>
      </c>
      <c r="AL25209">
        <v>18</v>
      </c>
      <c r="AM25209">
        <v>18</v>
      </c>
      <c r="AN25209">
        <v>18</v>
      </c>
      <c r="AO25209">
        <v>18</v>
      </c>
      <c r="AP25209">
        <v>18</v>
      </c>
      <c r="AQ25209">
        <v>18</v>
      </c>
    </row>
    <row r="25210" spans="1:43">
      <c r="A25210" t="s">
        <v>15605</v>
      </c>
      <c r="B25210" t="s">
        <v>15606</v>
      </c>
      <c r="C25210" t="s">
        <v>15599</v>
      </c>
      <c r="D25210" t="s">
        <v>15600</v>
      </c>
      <c r="E25210" t="s">
        <v>15475</v>
      </c>
      <c r="F25210" t="s">
        <v>15476</v>
      </c>
      <c r="G25210" t="s">
        <v>10734</v>
      </c>
      <c r="H25210" t="s">
        <v>10735</v>
      </c>
      <c r="I25210" s="2">
        <v>1</v>
      </c>
      <c r="J25210" s="2">
        <v>0</v>
      </c>
      <c r="K25210" s="2">
        <v>0</v>
      </c>
      <c r="L25210" t="s">
        <v>120</v>
      </c>
      <c r="M25210" t="s">
        <v>83</v>
      </c>
      <c r="N25210" t="s">
        <v>84</v>
      </c>
      <c r="O25210" t="s">
        <v>85</v>
      </c>
      <c r="P25210" t="s">
        <v>86</v>
      </c>
      <c r="Q25210">
        <v>14</v>
      </c>
      <c r="R25210">
        <v>15</v>
      </c>
      <c r="S25210">
        <v>15</v>
      </c>
      <c r="T25210">
        <v>15</v>
      </c>
      <c r="U25210">
        <v>15</v>
      </c>
      <c r="V25210">
        <v>15</v>
      </c>
      <c r="W25210">
        <v>16</v>
      </c>
      <c r="X25210">
        <v>16</v>
      </c>
      <c r="Y25210">
        <v>16</v>
      </c>
      <c r="Z25210">
        <v>16</v>
      </c>
      <c r="AA25210">
        <v>16</v>
      </c>
      <c r="AB25210">
        <v>16</v>
      </c>
      <c r="AC25210">
        <v>17</v>
      </c>
      <c r="AD25210">
        <v>17</v>
      </c>
      <c r="AE25210">
        <v>17</v>
      </c>
      <c r="AF25210">
        <v>17</v>
      </c>
      <c r="AG25210">
        <v>17</v>
      </c>
      <c r="AH25210">
        <v>17</v>
      </c>
      <c r="AI25210">
        <v>18</v>
      </c>
      <c r="AJ25210">
        <v>18</v>
      </c>
      <c r="AK25210">
        <v>18</v>
      </c>
      <c r="AL25210">
        <v>18</v>
      </c>
      <c r="AM25210">
        <v>18</v>
      </c>
      <c r="AN25210">
        <v>18</v>
      </c>
      <c r="AO25210">
        <v>18</v>
      </c>
      <c r="AP25210">
        <v>18</v>
      </c>
      <c r="AQ25210">
        <v>18</v>
      </c>
    </row>
    <row r="25211" spans="1:43">
      <c r="A25211" t="s">
        <v>15605</v>
      </c>
      <c r="B25211" t="s">
        <v>15606</v>
      </c>
      <c r="C25211" t="s">
        <v>15599</v>
      </c>
      <c r="D25211" t="s">
        <v>15600</v>
      </c>
      <c r="E25211" t="s">
        <v>15475</v>
      </c>
      <c r="F25211" t="s">
        <v>15476</v>
      </c>
      <c r="G25211" t="s">
        <v>10734</v>
      </c>
      <c r="H25211" t="s">
        <v>10735</v>
      </c>
      <c r="I25211" s="2">
        <v>1</v>
      </c>
      <c r="J25211" s="2">
        <v>0</v>
      </c>
      <c r="K25211" s="2">
        <v>0</v>
      </c>
      <c r="L25211" t="s">
        <v>120</v>
      </c>
      <c r="M25211" t="s">
        <v>87</v>
      </c>
      <c r="N25211" t="s">
        <v>88</v>
      </c>
      <c r="O25211" t="s">
        <v>85</v>
      </c>
      <c r="P25211" t="s">
        <v>86</v>
      </c>
      <c r="Q25211">
        <v>14</v>
      </c>
      <c r="R25211">
        <v>14</v>
      </c>
      <c r="S25211">
        <v>14</v>
      </c>
      <c r="T25211">
        <v>14</v>
      </c>
      <c r="U25211">
        <v>15</v>
      </c>
      <c r="V25211">
        <v>15</v>
      </c>
      <c r="W25211">
        <v>15</v>
      </c>
      <c r="X25211">
        <v>15</v>
      </c>
      <c r="Y25211">
        <v>15</v>
      </c>
      <c r="Z25211">
        <v>15</v>
      </c>
      <c r="AA25211">
        <v>15</v>
      </c>
      <c r="AB25211">
        <v>15</v>
      </c>
      <c r="AC25211">
        <v>15</v>
      </c>
      <c r="AD25211">
        <v>15</v>
      </c>
      <c r="AE25211">
        <v>15</v>
      </c>
      <c r="AF25211">
        <v>15</v>
      </c>
      <c r="AG25211">
        <v>15</v>
      </c>
      <c r="AH25211">
        <v>15</v>
      </c>
      <c r="AI25211">
        <v>15</v>
      </c>
      <c r="AJ25211">
        <v>15</v>
      </c>
      <c r="AK25211">
        <v>15</v>
      </c>
      <c r="AL25211">
        <v>15</v>
      </c>
      <c r="AM25211">
        <v>15</v>
      </c>
      <c r="AN25211">
        <v>16</v>
      </c>
      <c r="AO25211">
        <v>16</v>
      </c>
      <c r="AP25211">
        <v>16</v>
      </c>
      <c r="AQ25211">
        <v>16</v>
      </c>
    </row>
    <row r="25212" spans="1:43">
      <c r="A25212" t="s">
        <v>15605</v>
      </c>
      <c r="B25212" t="s">
        <v>15606</v>
      </c>
      <c r="C25212" t="s">
        <v>15599</v>
      </c>
      <c r="D25212" t="s">
        <v>15600</v>
      </c>
      <c r="E25212" t="s">
        <v>15475</v>
      </c>
      <c r="F25212" t="s">
        <v>15476</v>
      </c>
      <c r="G25212" t="s">
        <v>10734</v>
      </c>
      <c r="H25212" t="s">
        <v>10735</v>
      </c>
      <c r="I25212" s="2">
        <v>1</v>
      </c>
      <c r="J25212" s="2">
        <v>0</v>
      </c>
      <c r="K25212" s="2">
        <v>0</v>
      </c>
      <c r="L25212" t="s">
        <v>120</v>
      </c>
      <c r="M25212" t="s">
        <v>89</v>
      </c>
      <c r="N25212" t="s">
        <v>90</v>
      </c>
      <c r="O25212" t="s">
        <v>85</v>
      </c>
      <c r="P25212" t="s">
        <v>86</v>
      </c>
      <c r="Q25212">
        <v>14</v>
      </c>
      <c r="R25212">
        <v>14</v>
      </c>
      <c r="S25212">
        <v>14</v>
      </c>
      <c r="T25212">
        <v>14</v>
      </c>
      <c r="U25212">
        <v>15</v>
      </c>
      <c r="V25212">
        <v>15</v>
      </c>
      <c r="W25212">
        <v>15</v>
      </c>
      <c r="X25212">
        <v>16</v>
      </c>
      <c r="Y25212">
        <v>16</v>
      </c>
      <c r="Z25212">
        <v>16</v>
      </c>
      <c r="AA25212">
        <v>16</v>
      </c>
      <c r="AB25212">
        <v>16</v>
      </c>
      <c r="AC25212">
        <v>17</v>
      </c>
      <c r="AD25212">
        <v>17</v>
      </c>
      <c r="AE25212">
        <v>17</v>
      </c>
      <c r="AF25212">
        <v>17</v>
      </c>
      <c r="AG25212">
        <v>17</v>
      </c>
      <c r="AH25212">
        <v>17</v>
      </c>
      <c r="AI25212">
        <v>17</v>
      </c>
      <c r="AJ25212">
        <v>17</v>
      </c>
      <c r="AK25212">
        <v>17</v>
      </c>
      <c r="AL25212">
        <v>17</v>
      </c>
      <c r="AM25212">
        <v>17</v>
      </c>
      <c r="AN25212">
        <v>17</v>
      </c>
      <c r="AO25212">
        <v>17</v>
      </c>
      <c r="AP25212">
        <v>17</v>
      </c>
      <c r="AQ25212">
        <v>17</v>
      </c>
    </row>
    <row r="25213" spans="1:43">
      <c r="A25213" t="s">
        <v>15605</v>
      </c>
      <c r="B25213" t="s">
        <v>15606</v>
      </c>
      <c r="C25213" t="s">
        <v>15599</v>
      </c>
      <c r="D25213" t="s">
        <v>15600</v>
      </c>
      <c r="E25213" t="s">
        <v>15475</v>
      </c>
      <c r="F25213" t="s">
        <v>15476</v>
      </c>
      <c r="G25213" t="s">
        <v>10734</v>
      </c>
      <c r="H25213" t="s">
        <v>10735</v>
      </c>
      <c r="I25213" s="2">
        <v>1</v>
      </c>
      <c r="J25213" s="2">
        <v>0</v>
      </c>
      <c r="K25213" s="2">
        <v>0</v>
      </c>
      <c r="L25213" t="s">
        <v>120</v>
      </c>
      <c r="M25213" t="s">
        <v>83</v>
      </c>
      <c r="N25213" t="s">
        <v>91</v>
      </c>
      <c r="O25213" t="s">
        <v>85</v>
      </c>
      <c r="P25213" t="s">
        <v>86</v>
      </c>
      <c r="Q25213">
        <v>14</v>
      </c>
      <c r="R25213">
        <v>15</v>
      </c>
      <c r="S25213">
        <v>15</v>
      </c>
      <c r="T25213">
        <v>15</v>
      </c>
      <c r="U25213">
        <v>15</v>
      </c>
      <c r="V25213">
        <v>15</v>
      </c>
      <c r="W25213">
        <v>16</v>
      </c>
      <c r="X25213">
        <v>16</v>
      </c>
      <c r="Y25213">
        <v>16</v>
      </c>
      <c r="Z25213">
        <v>16</v>
      </c>
      <c r="AA25213">
        <v>16</v>
      </c>
      <c r="AB25213">
        <v>16</v>
      </c>
      <c r="AC25213">
        <v>17</v>
      </c>
      <c r="AD25213">
        <v>17</v>
      </c>
      <c r="AE25213">
        <v>17</v>
      </c>
      <c r="AF25213">
        <v>17</v>
      </c>
      <c r="AG25213">
        <v>17</v>
      </c>
      <c r="AH25213">
        <v>17</v>
      </c>
      <c r="AI25213">
        <v>18</v>
      </c>
      <c r="AJ25213">
        <v>18</v>
      </c>
      <c r="AK25213">
        <v>18</v>
      </c>
      <c r="AL25213">
        <v>18</v>
      </c>
      <c r="AM25213">
        <v>18</v>
      </c>
      <c r="AN25213">
        <v>18</v>
      </c>
      <c r="AO25213">
        <v>18</v>
      </c>
      <c r="AP25213">
        <v>18</v>
      </c>
      <c r="AQ25213">
        <v>18</v>
      </c>
    </row>
    <row r="25214" spans="1:43">
      <c r="A25214" t="s">
        <v>15607</v>
      </c>
      <c r="B25214" t="s">
        <v>15608</v>
      </c>
      <c r="C25214" t="s">
        <v>15599</v>
      </c>
      <c r="D25214" t="s">
        <v>15600</v>
      </c>
      <c r="E25214" t="s">
        <v>15475</v>
      </c>
      <c r="F25214" t="s">
        <v>15476</v>
      </c>
      <c r="G25214" t="s">
        <v>10734</v>
      </c>
      <c r="H25214" t="s">
        <v>10735</v>
      </c>
      <c r="I25214" s="2">
        <v>1</v>
      </c>
      <c r="J25214" s="2">
        <v>0</v>
      </c>
      <c r="K25214" s="2">
        <v>0</v>
      </c>
      <c r="L25214" t="s">
        <v>120</v>
      </c>
      <c r="M25214" t="s">
        <v>83</v>
      </c>
      <c r="N25214" t="s">
        <v>84</v>
      </c>
      <c r="O25214" t="s">
        <v>85</v>
      </c>
      <c r="P25214" t="s">
        <v>86</v>
      </c>
      <c r="Q25214">
        <v>26</v>
      </c>
      <c r="R25214">
        <v>26</v>
      </c>
      <c r="S25214">
        <v>27</v>
      </c>
      <c r="T25214">
        <v>27</v>
      </c>
      <c r="U25214">
        <v>27</v>
      </c>
      <c r="V25214">
        <v>28</v>
      </c>
      <c r="W25214">
        <v>28</v>
      </c>
      <c r="X25214">
        <v>28</v>
      </c>
      <c r="Y25214">
        <v>29</v>
      </c>
      <c r="Z25214">
        <v>29</v>
      </c>
      <c r="AA25214">
        <v>29</v>
      </c>
      <c r="AB25214">
        <v>30</v>
      </c>
      <c r="AC25214">
        <v>30</v>
      </c>
      <c r="AD25214">
        <v>30</v>
      </c>
      <c r="AE25214">
        <v>30</v>
      </c>
      <c r="AF25214">
        <v>31</v>
      </c>
      <c r="AG25214">
        <v>31</v>
      </c>
      <c r="AH25214">
        <v>31</v>
      </c>
      <c r="AI25214">
        <v>32</v>
      </c>
      <c r="AJ25214">
        <v>32</v>
      </c>
      <c r="AK25214">
        <v>32</v>
      </c>
      <c r="AL25214">
        <v>32</v>
      </c>
      <c r="AM25214">
        <v>32</v>
      </c>
      <c r="AN25214">
        <v>32</v>
      </c>
      <c r="AO25214">
        <v>32</v>
      </c>
      <c r="AP25214">
        <v>32</v>
      </c>
      <c r="AQ25214">
        <v>32</v>
      </c>
    </row>
    <row r="25215" spans="1:43">
      <c r="A25215" t="s">
        <v>15607</v>
      </c>
      <c r="B25215" t="s">
        <v>15608</v>
      </c>
      <c r="C25215" t="s">
        <v>15599</v>
      </c>
      <c r="D25215" t="s">
        <v>15600</v>
      </c>
      <c r="E25215" t="s">
        <v>15475</v>
      </c>
      <c r="F25215" t="s">
        <v>15476</v>
      </c>
      <c r="G25215" t="s">
        <v>10734</v>
      </c>
      <c r="H25215" t="s">
        <v>10735</v>
      </c>
      <c r="I25215" s="2">
        <v>1</v>
      </c>
      <c r="J25215" s="2">
        <v>0</v>
      </c>
      <c r="K25215" s="2">
        <v>0</v>
      </c>
      <c r="L25215" t="s">
        <v>120</v>
      </c>
      <c r="M25215" t="s">
        <v>87</v>
      </c>
      <c r="N25215" t="s">
        <v>88</v>
      </c>
      <c r="O25215" t="s">
        <v>85</v>
      </c>
      <c r="P25215" t="s">
        <v>86</v>
      </c>
      <c r="Q25215">
        <v>26</v>
      </c>
      <c r="R25215">
        <v>26</v>
      </c>
      <c r="S25215">
        <v>26</v>
      </c>
      <c r="T25215">
        <v>26</v>
      </c>
      <c r="U25215">
        <v>26</v>
      </c>
      <c r="V25215">
        <v>26</v>
      </c>
      <c r="W25215">
        <v>26</v>
      </c>
      <c r="X25215">
        <v>26</v>
      </c>
      <c r="Y25215">
        <v>27</v>
      </c>
      <c r="Z25215">
        <v>27</v>
      </c>
      <c r="AA25215">
        <v>27</v>
      </c>
      <c r="AB25215">
        <v>27</v>
      </c>
      <c r="AC25215">
        <v>27</v>
      </c>
      <c r="AD25215">
        <v>27</v>
      </c>
      <c r="AE25215">
        <v>27</v>
      </c>
      <c r="AF25215">
        <v>27</v>
      </c>
      <c r="AG25215">
        <v>27</v>
      </c>
      <c r="AH25215">
        <v>27</v>
      </c>
      <c r="AI25215">
        <v>27</v>
      </c>
      <c r="AJ25215">
        <v>28</v>
      </c>
      <c r="AK25215">
        <v>28</v>
      </c>
      <c r="AL25215">
        <v>28</v>
      </c>
      <c r="AM25215">
        <v>28</v>
      </c>
      <c r="AN25215">
        <v>28</v>
      </c>
      <c r="AO25215">
        <v>28</v>
      </c>
      <c r="AP25215">
        <v>28</v>
      </c>
      <c r="AQ25215">
        <v>28</v>
      </c>
    </row>
    <row r="25216" spans="1:43">
      <c r="A25216" t="s">
        <v>15607</v>
      </c>
      <c r="B25216" t="s">
        <v>15608</v>
      </c>
      <c r="C25216" t="s">
        <v>15599</v>
      </c>
      <c r="D25216" t="s">
        <v>15600</v>
      </c>
      <c r="E25216" t="s">
        <v>15475</v>
      </c>
      <c r="F25216" t="s">
        <v>15476</v>
      </c>
      <c r="G25216" t="s">
        <v>10734</v>
      </c>
      <c r="H25216" t="s">
        <v>10735</v>
      </c>
      <c r="I25216" s="2">
        <v>1</v>
      </c>
      <c r="J25216" s="2">
        <v>0</v>
      </c>
      <c r="K25216" s="2">
        <v>0</v>
      </c>
      <c r="L25216" t="s">
        <v>120</v>
      </c>
      <c r="M25216" t="s">
        <v>89</v>
      </c>
      <c r="N25216" t="s">
        <v>90</v>
      </c>
      <c r="O25216" t="s">
        <v>85</v>
      </c>
      <c r="P25216" t="s">
        <v>86</v>
      </c>
      <c r="Q25216">
        <v>26</v>
      </c>
      <c r="R25216">
        <v>27</v>
      </c>
      <c r="S25216">
        <v>27</v>
      </c>
      <c r="T25216">
        <v>28</v>
      </c>
      <c r="U25216">
        <v>28</v>
      </c>
      <c r="V25216">
        <v>29</v>
      </c>
      <c r="W25216">
        <v>29</v>
      </c>
      <c r="X25216">
        <v>30</v>
      </c>
      <c r="Y25216">
        <v>30</v>
      </c>
      <c r="Z25216">
        <v>31</v>
      </c>
      <c r="AA25216">
        <v>31</v>
      </c>
      <c r="AB25216">
        <v>31</v>
      </c>
      <c r="AC25216">
        <v>32</v>
      </c>
      <c r="AD25216">
        <v>32</v>
      </c>
      <c r="AE25216">
        <v>32</v>
      </c>
      <c r="AF25216">
        <v>32</v>
      </c>
      <c r="AG25216">
        <v>32</v>
      </c>
      <c r="AH25216">
        <v>32</v>
      </c>
      <c r="AI25216">
        <v>32</v>
      </c>
      <c r="AJ25216">
        <v>32</v>
      </c>
      <c r="AK25216">
        <v>32</v>
      </c>
      <c r="AL25216">
        <v>32</v>
      </c>
      <c r="AM25216">
        <v>32</v>
      </c>
      <c r="AN25216">
        <v>32</v>
      </c>
      <c r="AO25216">
        <v>32</v>
      </c>
      <c r="AP25216">
        <v>32</v>
      </c>
      <c r="AQ25216">
        <v>32</v>
      </c>
    </row>
    <row r="25217" spans="1:43">
      <c r="A25217" t="s">
        <v>15607</v>
      </c>
      <c r="B25217" t="s">
        <v>15608</v>
      </c>
      <c r="C25217" t="s">
        <v>15599</v>
      </c>
      <c r="D25217" t="s">
        <v>15600</v>
      </c>
      <c r="E25217" t="s">
        <v>15475</v>
      </c>
      <c r="F25217" t="s">
        <v>15476</v>
      </c>
      <c r="G25217" t="s">
        <v>10734</v>
      </c>
      <c r="H25217" t="s">
        <v>10735</v>
      </c>
      <c r="I25217" s="2">
        <v>1</v>
      </c>
      <c r="J25217" s="2">
        <v>0</v>
      </c>
      <c r="K25217" s="2">
        <v>0</v>
      </c>
      <c r="L25217" t="s">
        <v>120</v>
      </c>
      <c r="M25217" t="s">
        <v>83</v>
      </c>
      <c r="N25217" t="s">
        <v>91</v>
      </c>
      <c r="O25217" t="s">
        <v>85</v>
      </c>
      <c r="P25217" t="s">
        <v>86</v>
      </c>
      <c r="Q25217">
        <v>26</v>
      </c>
      <c r="R25217">
        <v>26</v>
      </c>
      <c r="S25217">
        <v>27</v>
      </c>
      <c r="T25217">
        <v>27</v>
      </c>
      <c r="U25217">
        <v>27</v>
      </c>
      <c r="V25217">
        <v>28</v>
      </c>
      <c r="W25217">
        <v>28</v>
      </c>
      <c r="X25217">
        <v>28</v>
      </c>
      <c r="Y25217">
        <v>29</v>
      </c>
      <c r="Z25217">
        <v>29</v>
      </c>
      <c r="AA25217">
        <v>29</v>
      </c>
      <c r="AB25217">
        <v>30</v>
      </c>
      <c r="AC25217">
        <v>30</v>
      </c>
      <c r="AD25217">
        <v>30</v>
      </c>
      <c r="AE25217">
        <v>30</v>
      </c>
      <c r="AF25217">
        <v>31</v>
      </c>
      <c r="AG25217">
        <v>31</v>
      </c>
      <c r="AH25217">
        <v>31</v>
      </c>
      <c r="AI25217">
        <v>32</v>
      </c>
      <c r="AJ25217">
        <v>32</v>
      </c>
      <c r="AK25217">
        <v>32</v>
      </c>
      <c r="AL25217">
        <v>32</v>
      </c>
      <c r="AM25217">
        <v>32</v>
      </c>
      <c r="AN25217">
        <v>32</v>
      </c>
      <c r="AO25217">
        <v>32</v>
      </c>
      <c r="AP25217">
        <v>32</v>
      </c>
      <c r="AQ25217">
        <v>32</v>
      </c>
    </row>
    <row r="25218" spans="1:43">
      <c r="A25218" t="s">
        <v>15609</v>
      </c>
      <c r="B25218" t="s">
        <v>15610</v>
      </c>
      <c r="C25218" t="s">
        <v>15611</v>
      </c>
      <c r="D25218" t="s">
        <v>15612</v>
      </c>
      <c r="E25218" t="s">
        <v>15475</v>
      </c>
      <c r="F25218" t="s">
        <v>15476</v>
      </c>
      <c r="G25218" t="s">
        <v>10734</v>
      </c>
      <c r="H25218" t="s">
        <v>10735</v>
      </c>
      <c r="I25218" s="2">
        <v>1</v>
      </c>
      <c r="J25218" s="2">
        <v>0</v>
      </c>
      <c r="K25218" s="2">
        <v>0</v>
      </c>
      <c r="L25218" t="s">
        <v>120</v>
      </c>
      <c r="M25218" t="s">
        <v>83</v>
      </c>
      <c r="N25218" t="s">
        <v>84</v>
      </c>
      <c r="O25218" t="s">
        <v>85</v>
      </c>
      <c r="P25218" t="s">
        <v>86</v>
      </c>
      <c r="Q25218">
        <v>16</v>
      </c>
      <c r="R25218">
        <v>16</v>
      </c>
      <c r="S25218">
        <v>16</v>
      </c>
      <c r="T25218">
        <v>16</v>
      </c>
      <c r="U25218">
        <v>17</v>
      </c>
      <c r="V25218">
        <v>17</v>
      </c>
      <c r="W25218">
        <v>17</v>
      </c>
      <c r="X25218">
        <v>17</v>
      </c>
      <c r="Y25218">
        <v>17</v>
      </c>
      <c r="Z25218">
        <v>18</v>
      </c>
      <c r="AA25218">
        <v>18</v>
      </c>
      <c r="AB25218">
        <v>18</v>
      </c>
      <c r="AC25218">
        <v>18</v>
      </c>
      <c r="AD25218">
        <v>18</v>
      </c>
      <c r="AE25218">
        <v>19</v>
      </c>
      <c r="AF25218">
        <v>19</v>
      </c>
      <c r="AG25218">
        <v>19</v>
      </c>
      <c r="AH25218">
        <v>19</v>
      </c>
      <c r="AI25218">
        <v>19</v>
      </c>
      <c r="AJ25218">
        <v>19</v>
      </c>
      <c r="AK25218">
        <v>20</v>
      </c>
      <c r="AL25218">
        <v>20</v>
      </c>
      <c r="AM25218">
        <v>20</v>
      </c>
      <c r="AN25218">
        <v>20</v>
      </c>
      <c r="AO25218">
        <v>20</v>
      </c>
      <c r="AP25218">
        <v>20</v>
      </c>
      <c r="AQ25218">
        <v>20</v>
      </c>
    </row>
    <row r="25219" spans="1:43">
      <c r="A25219" t="s">
        <v>15609</v>
      </c>
      <c r="B25219" t="s">
        <v>15610</v>
      </c>
      <c r="C25219" t="s">
        <v>15611</v>
      </c>
      <c r="D25219" t="s">
        <v>15612</v>
      </c>
      <c r="E25219" t="s">
        <v>15475</v>
      </c>
      <c r="F25219" t="s">
        <v>15476</v>
      </c>
      <c r="G25219" t="s">
        <v>10734</v>
      </c>
      <c r="H25219" t="s">
        <v>10735</v>
      </c>
      <c r="I25219" s="2">
        <v>1</v>
      </c>
      <c r="J25219" s="2">
        <v>0</v>
      </c>
      <c r="K25219" s="2">
        <v>0</v>
      </c>
      <c r="L25219" t="s">
        <v>120</v>
      </c>
      <c r="M25219" t="s">
        <v>87</v>
      </c>
      <c r="N25219" t="s">
        <v>88</v>
      </c>
      <c r="O25219" t="s">
        <v>85</v>
      </c>
      <c r="P25219" t="s">
        <v>86</v>
      </c>
      <c r="Q25219">
        <v>16</v>
      </c>
      <c r="R25219">
        <v>16</v>
      </c>
      <c r="S25219">
        <v>16</v>
      </c>
      <c r="T25219">
        <v>16</v>
      </c>
      <c r="U25219">
        <v>16</v>
      </c>
      <c r="V25219">
        <v>16</v>
      </c>
      <c r="W25219">
        <v>16</v>
      </c>
      <c r="X25219">
        <v>16</v>
      </c>
      <c r="Y25219">
        <v>16</v>
      </c>
      <c r="Z25219">
        <v>16</v>
      </c>
      <c r="AA25219">
        <v>16</v>
      </c>
      <c r="AB25219">
        <v>16</v>
      </c>
      <c r="AC25219">
        <v>16</v>
      </c>
      <c r="AD25219">
        <v>16</v>
      </c>
      <c r="AE25219">
        <v>17</v>
      </c>
      <c r="AF25219">
        <v>17</v>
      </c>
      <c r="AG25219">
        <v>17</v>
      </c>
      <c r="AH25219">
        <v>17</v>
      </c>
      <c r="AI25219">
        <v>17</v>
      </c>
      <c r="AJ25219">
        <v>17</v>
      </c>
      <c r="AK25219">
        <v>17</v>
      </c>
      <c r="AL25219">
        <v>17</v>
      </c>
      <c r="AM25219">
        <v>17</v>
      </c>
      <c r="AN25219">
        <v>17</v>
      </c>
      <c r="AO25219">
        <v>17</v>
      </c>
      <c r="AP25219">
        <v>17</v>
      </c>
      <c r="AQ25219">
        <v>17</v>
      </c>
    </row>
    <row r="25220" spans="1:43">
      <c r="A25220" t="s">
        <v>15609</v>
      </c>
      <c r="B25220" t="s">
        <v>15610</v>
      </c>
      <c r="C25220" t="s">
        <v>15611</v>
      </c>
      <c r="D25220" t="s">
        <v>15612</v>
      </c>
      <c r="E25220" t="s">
        <v>15475</v>
      </c>
      <c r="F25220" t="s">
        <v>15476</v>
      </c>
      <c r="G25220" t="s">
        <v>10734</v>
      </c>
      <c r="H25220" t="s">
        <v>10735</v>
      </c>
      <c r="I25220" s="2">
        <v>1</v>
      </c>
      <c r="J25220" s="2">
        <v>0</v>
      </c>
      <c r="K25220" s="2">
        <v>0</v>
      </c>
      <c r="L25220" t="s">
        <v>120</v>
      </c>
      <c r="M25220" t="s">
        <v>89</v>
      </c>
      <c r="N25220" t="s">
        <v>90</v>
      </c>
      <c r="O25220" t="s">
        <v>85</v>
      </c>
      <c r="P25220" t="s">
        <v>86</v>
      </c>
      <c r="Q25220">
        <v>16</v>
      </c>
      <c r="R25220">
        <v>16</v>
      </c>
      <c r="S25220">
        <v>17</v>
      </c>
      <c r="T25220">
        <v>17</v>
      </c>
      <c r="U25220">
        <v>17</v>
      </c>
      <c r="V25220">
        <v>18</v>
      </c>
      <c r="W25220">
        <v>18</v>
      </c>
      <c r="X25220">
        <v>18</v>
      </c>
      <c r="Y25220">
        <v>18</v>
      </c>
      <c r="Z25220">
        <v>19</v>
      </c>
      <c r="AA25220">
        <v>19</v>
      </c>
      <c r="AB25220">
        <v>19</v>
      </c>
      <c r="AC25220">
        <v>19</v>
      </c>
      <c r="AD25220">
        <v>20</v>
      </c>
      <c r="AE25220">
        <v>20</v>
      </c>
      <c r="AF25220">
        <v>20</v>
      </c>
      <c r="AG25220">
        <v>20</v>
      </c>
      <c r="AH25220">
        <v>20</v>
      </c>
      <c r="AI25220">
        <v>20</v>
      </c>
      <c r="AJ25220">
        <v>20</v>
      </c>
      <c r="AK25220">
        <v>20</v>
      </c>
      <c r="AL25220">
        <v>20</v>
      </c>
      <c r="AM25220">
        <v>20</v>
      </c>
      <c r="AN25220">
        <v>20</v>
      </c>
      <c r="AO25220">
        <v>20</v>
      </c>
      <c r="AP25220">
        <v>20</v>
      </c>
      <c r="AQ25220">
        <v>20</v>
      </c>
    </row>
    <row r="25221" spans="1:43">
      <c r="A25221" t="s">
        <v>15609</v>
      </c>
      <c r="B25221" t="s">
        <v>15610</v>
      </c>
      <c r="C25221" t="s">
        <v>15611</v>
      </c>
      <c r="D25221" t="s">
        <v>15612</v>
      </c>
      <c r="E25221" t="s">
        <v>15475</v>
      </c>
      <c r="F25221" t="s">
        <v>15476</v>
      </c>
      <c r="G25221" t="s">
        <v>10734</v>
      </c>
      <c r="H25221" t="s">
        <v>10735</v>
      </c>
      <c r="I25221" s="2">
        <v>1</v>
      </c>
      <c r="J25221" s="2">
        <v>0</v>
      </c>
      <c r="K25221" s="2">
        <v>0</v>
      </c>
      <c r="L25221" t="s">
        <v>120</v>
      </c>
      <c r="M25221" t="s">
        <v>83</v>
      </c>
      <c r="N25221" t="s">
        <v>91</v>
      </c>
      <c r="O25221" t="s">
        <v>85</v>
      </c>
      <c r="P25221" t="s">
        <v>86</v>
      </c>
      <c r="Q25221">
        <v>16</v>
      </c>
      <c r="R25221">
        <v>16</v>
      </c>
      <c r="S25221">
        <v>16</v>
      </c>
      <c r="T25221">
        <v>16</v>
      </c>
      <c r="U25221">
        <v>17</v>
      </c>
      <c r="V25221">
        <v>17</v>
      </c>
      <c r="W25221">
        <v>17</v>
      </c>
      <c r="X25221">
        <v>17</v>
      </c>
      <c r="Y25221">
        <v>17</v>
      </c>
      <c r="Z25221">
        <v>18</v>
      </c>
      <c r="AA25221">
        <v>18</v>
      </c>
      <c r="AB25221">
        <v>18</v>
      </c>
      <c r="AC25221">
        <v>18</v>
      </c>
      <c r="AD25221">
        <v>18</v>
      </c>
      <c r="AE25221">
        <v>19</v>
      </c>
      <c r="AF25221">
        <v>19</v>
      </c>
      <c r="AG25221">
        <v>19</v>
      </c>
      <c r="AH25221">
        <v>19</v>
      </c>
      <c r="AI25221">
        <v>19</v>
      </c>
      <c r="AJ25221">
        <v>19</v>
      </c>
      <c r="AK25221">
        <v>20</v>
      </c>
      <c r="AL25221">
        <v>20</v>
      </c>
      <c r="AM25221">
        <v>20</v>
      </c>
      <c r="AN25221">
        <v>20</v>
      </c>
      <c r="AO25221">
        <v>20</v>
      </c>
      <c r="AP25221">
        <v>20</v>
      </c>
      <c r="AQ25221">
        <v>20</v>
      </c>
    </row>
    <row r="25222" spans="1:43">
      <c r="A25222" t="s">
        <v>15613</v>
      </c>
      <c r="B25222" t="s">
        <v>15614</v>
      </c>
      <c r="C25222" t="s">
        <v>15611</v>
      </c>
      <c r="D25222" t="s">
        <v>15612</v>
      </c>
      <c r="E25222" t="s">
        <v>15475</v>
      </c>
      <c r="F25222" t="s">
        <v>15476</v>
      </c>
      <c r="G25222" t="s">
        <v>10734</v>
      </c>
      <c r="H25222" t="s">
        <v>10735</v>
      </c>
      <c r="I25222" s="2">
        <v>1</v>
      </c>
      <c r="J25222" s="2">
        <v>0</v>
      </c>
      <c r="K25222" s="2">
        <v>0</v>
      </c>
      <c r="L25222" t="s">
        <v>120</v>
      </c>
      <c r="M25222" t="s">
        <v>83</v>
      </c>
      <c r="N25222" t="s">
        <v>84</v>
      </c>
      <c r="O25222" t="s">
        <v>85</v>
      </c>
      <c r="P25222" t="s">
        <v>86</v>
      </c>
      <c r="Q25222">
        <v>5</v>
      </c>
      <c r="R25222">
        <v>5</v>
      </c>
      <c r="S25222">
        <v>5</v>
      </c>
      <c r="T25222">
        <v>5</v>
      </c>
      <c r="U25222">
        <v>5</v>
      </c>
      <c r="V25222">
        <v>6</v>
      </c>
      <c r="W25222">
        <v>6</v>
      </c>
      <c r="X25222">
        <v>6</v>
      </c>
      <c r="Y25222">
        <v>6</v>
      </c>
      <c r="Z25222">
        <v>6</v>
      </c>
      <c r="AA25222">
        <v>6</v>
      </c>
      <c r="AB25222">
        <v>6</v>
      </c>
      <c r="AC25222">
        <v>6</v>
      </c>
      <c r="AD25222">
        <v>6</v>
      </c>
      <c r="AE25222">
        <v>6</v>
      </c>
      <c r="AF25222">
        <v>6</v>
      </c>
      <c r="AG25222">
        <v>6</v>
      </c>
      <c r="AH25222">
        <v>6</v>
      </c>
      <c r="AI25222">
        <v>6</v>
      </c>
      <c r="AJ25222">
        <v>6</v>
      </c>
      <c r="AK25222">
        <v>6</v>
      </c>
      <c r="AL25222">
        <v>6</v>
      </c>
      <c r="AM25222">
        <v>6</v>
      </c>
      <c r="AN25222">
        <v>6</v>
      </c>
      <c r="AO25222">
        <v>6</v>
      </c>
      <c r="AP25222">
        <v>6</v>
      </c>
      <c r="AQ25222">
        <v>6</v>
      </c>
    </row>
    <row r="25223" spans="1:43">
      <c r="A25223" t="s">
        <v>15613</v>
      </c>
      <c r="B25223" t="s">
        <v>15614</v>
      </c>
      <c r="C25223" t="s">
        <v>15611</v>
      </c>
      <c r="D25223" t="s">
        <v>15612</v>
      </c>
      <c r="E25223" t="s">
        <v>15475</v>
      </c>
      <c r="F25223" t="s">
        <v>15476</v>
      </c>
      <c r="G25223" t="s">
        <v>10734</v>
      </c>
      <c r="H25223" t="s">
        <v>10735</v>
      </c>
      <c r="I25223" s="2">
        <v>1</v>
      </c>
      <c r="J25223" s="2">
        <v>0</v>
      </c>
      <c r="K25223" s="2">
        <v>0</v>
      </c>
      <c r="L25223" t="s">
        <v>120</v>
      </c>
      <c r="M25223" t="s">
        <v>87</v>
      </c>
      <c r="N25223" t="s">
        <v>88</v>
      </c>
      <c r="O25223" t="s">
        <v>85</v>
      </c>
      <c r="P25223" t="s">
        <v>86</v>
      </c>
      <c r="Q25223">
        <v>5</v>
      </c>
      <c r="R25223">
        <v>5</v>
      </c>
      <c r="S25223">
        <v>5</v>
      </c>
      <c r="T25223">
        <v>5</v>
      </c>
      <c r="U25223">
        <v>5</v>
      </c>
      <c r="V25223">
        <v>5</v>
      </c>
      <c r="W25223">
        <v>5</v>
      </c>
      <c r="X25223">
        <v>5</v>
      </c>
      <c r="Y25223">
        <v>5</v>
      </c>
      <c r="Z25223">
        <v>5</v>
      </c>
      <c r="AA25223">
        <v>5</v>
      </c>
      <c r="AB25223">
        <v>5</v>
      </c>
      <c r="AC25223">
        <v>5</v>
      </c>
      <c r="AD25223">
        <v>5</v>
      </c>
      <c r="AE25223">
        <v>5</v>
      </c>
      <c r="AF25223">
        <v>5</v>
      </c>
      <c r="AG25223">
        <v>5</v>
      </c>
      <c r="AH25223">
        <v>6</v>
      </c>
      <c r="AI25223">
        <v>6</v>
      </c>
      <c r="AJ25223">
        <v>6</v>
      </c>
      <c r="AK25223">
        <v>6</v>
      </c>
      <c r="AL25223">
        <v>6</v>
      </c>
      <c r="AM25223">
        <v>6</v>
      </c>
      <c r="AN25223">
        <v>6</v>
      </c>
      <c r="AO25223">
        <v>6</v>
      </c>
      <c r="AP25223">
        <v>6</v>
      </c>
      <c r="AQ25223">
        <v>6</v>
      </c>
    </row>
    <row r="25224" spans="1:43">
      <c r="A25224" t="s">
        <v>15613</v>
      </c>
      <c r="B25224" t="s">
        <v>15614</v>
      </c>
      <c r="C25224" t="s">
        <v>15611</v>
      </c>
      <c r="D25224" t="s">
        <v>15612</v>
      </c>
      <c r="E25224" t="s">
        <v>15475</v>
      </c>
      <c r="F25224" t="s">
        <v>15476</v>
      </c>
      <c r="G25224" t="s">
        <v>10734</v>
      </c>
      <c r="H25224" t="s">
        <v>10735</v>
      </c>
      <c r="I25224" s="2">
        <v>1</v>
      </c>
      <c r="J25224" s="2">
        <v>0</v>
      </c>
      <c r="K25224" s="2">
        <v>0</v>
      </c>
      <c r="L25224" t="s">
        <v>120</v>
      </c>
      <c r="M25224" t="s">
        <v>89</v>
      </c>
      <c r="N25224" t="s">
        <v>90</v>
      </c>
      <c r="O25224" t="s">
        <v>85</v>
      </c>
      <c r="P25224" t="s">
        <v>86</v>
      </c>
      <c r="Q25224">
        <v>5</v>
      </c>
      <c r="R25224">
        <v>5</v>
      </c>
      <c r="S25224">
        <v>5</v>
      </c>
      <c r="T25224">
        <v>6</v>
      </c>
      <c r="U25224">
        <v>6</v>
      </c>
      <c r="V25224">
        <v>6</v>
      </c>
      <c r="W25224">
        <v>6</v>
      </c>
      <c r="X25224">
        <v>6</v>
      </c>
      <c r="Y25224">
        <v>6</v>
      </c>
      <c r="Z25224">
        <v>6</v>
      </c>
      <c r="AA25224">
        <v>6</v>
      </c>
      <c r="AB25224">
        <v>6</v>
      </c>
      <c r="AC25224">
        <v>6</v>
      </c>
      <c r="AD25224">
        <v>6</v>
      </c>
      <c r="AE25224">
        <v>7</v>
      </c>
      <c r="AF25224">
        <v>7</v>
      </c>
      <c r="AG25224">
        <v>7</v>
      </c>
      <c r="AH25224">
        <v>7</v>
      </c>
      <c r="AI25224">
        <v>7</v>
      </c>
      <c r="AJ25224">
        <v>7</v>
      </c>
      <c r="AK25224">
        <v>7</v>
      </c>
      <c r="AL25224">
        <v>7</v>
      </c>
      <c r="AM25224">
        <v>7</v>
      </c>
      <c r="AN25224">
        <v>7</v>
      </c>
      <c r="AO25224">
        <v>7</v>
      </c>
      <c r="AP25224">
        <v>7</v>
      </c>
      <c r="AQ25224">
        <v>7</v>
      </c>
    </row>
    <row r="25225" spans="1:43">
      <c r="A25225" t="s">
        <v>15613</v>
      </c>
      <c r="B25225" t="s">
        <v>15614</v>
      </c>
      <c r="C25225" t="s">
        <v>15611</v>
      </c>
      <c r="D25225" t="s">
        <v>15612</v>
      </c>
      <c r="E25225" t="s">
        <v>15475</v>
      </c>
      <c r="F25225" t="s">
        <v>15476</v>
      </c>
      <c r="G25225" t="s">
        <v>10734</v>
      </c>
      <c r="H25225" t="s">
        <v>10735</v>
      </c>
      <c r="I25225" s="2">
        <v>1</v>
      </c>
      <c r="J25225" s="2">
        <v>0</v>
      </c>
      <c r="K25225" s="2">
        <v>0</v>
      </c>
      <c r="L25225" t="s">
        <v>120</v>
      </c>
      <c r="M25225" t="s">
        <v>83</v>
      </c>
      <c r="N25225" t="s">
        <v>91</v>
      </c>
      <c r="O25225" t="s">
        <v>85</v>
      </c>
      <c r="P25225" t="s">
        <v>86</v>
      </c>
      <c r="Q25225">
        <v>5</v>
      </c>
      <c r="R25225">
        <v>5</v>
      </c>
      <c r="S25225">
        <v>5</v>
      </c>
      <c r="T25225">
        <v>5</v>
      </c>
      <c r="U25225">
        <v>5</v>
      </c>
      <c r="V25225">
        <v>6</v>
      </c>
      <c r="W25225">
        <v>6</v>
      </c>
      <c r="X25225">
        <v>6</v>
      </c>
      <c r="Y25225">
        <v>6</v>
      </c>
      <c r="Z25225">
        <v>6</v>
      </c>
      <c r="AA25225">
        <v>6</v>
      </c>
      <c r="AB25225">
        <v>6</v>
      </c>
      <c r="AC25225">
        <v>6</v>
      </c>
      <c r="AD25225">
        <v>6</v>
      </c>
      <c r="AE25225">
        <v>6</v>
      </c>
      <c r="AF25225">
        <v>6</v>
      </c>
      <c r="AG25225">
        <v>6</v>
      </c>
      <c r="AH25225">
        <v>6</v>
      </c>
      <c r="AI25225">
        <v>6</v>
      </c>
      <c r="AJ25225">
        <v>6</v>
      </c>
      <c r="AK25225">
        <v>6</v>
      </c>
      <c r="AL25225">
        <v>6</v>
      </c>
      <c r="AM25225">
        <v>6</v>
      </c>
      <c r="AN25225">
        <v>6</v>
      </c>
      <c r="AO25225">
        <v>6</v>
      </c>
      <c r="AP25225">
        <v>6</v>
      </c>
      <c r="AQ25225">
        <v>6</v>
      </c>
    </row>
    <row r="25226" spans="1:43">
      <c r="A25226" t="s">
        <v>15615</v>
      </c>
      <c r="B25226" t="s">
        <v>15616</v>
      </c>
      <c r="C25226" t="s">
        <v>15611</v>
      </c>
      <c r="D25226" t="s">
        <v>15612</v>
      </c>
      <c r="E25226" t="s">
        <v>15475</v>
      </c>
      <c r="F25226" t="s">
        <v>15476</v>
      </c>
      <c r="G25226" t="s">
        <v>10734</v>
      </c>
      <c r="H25226" t="s">
        <v>10735</v>
      </c>
      <c r="I25226" s="2">
        <v>1</v>
      </c>
      <c r="J25226" s="2">
        <v>0</v>
      </c>
      <c r="K25226" s="2">
        <v>0</v>
      </c>
      <c r="L25226" t="s">
        <v>120</v>
      </c>
      <c r="M25226" t="s">
        <v>83</v>
      </c>
      <c r="N25226" t="s">
        <v>84</v>
      </c>
      <c r="O25226" t="s">
        <v>85</v>
      </c>
      <c r="P25226" t="s">
        <v>86</v>
      </c>
      <c r="Q25226">
        <v>20</v>
      </c>
      <c r="R25226">
        <v>20</v>
      </c>
      <c r="S25226">
        <v>21</v>
      </c>
      <c r="T25226">
        <v>21</v>
      </c>
      <c r="U25226">
        <v>21</v>
      </c>
      <c r="V25226">
        <v>21</v>
      </c>
      <c r="W25226">
        <v>22</v>
      </c>
      <c r="X25226">
        <v>22</v>
      </c>
      <c r="Y25226">
        <v>22</v>
      </c>
      <c r="Z25226">
        <v>22</v>
      </c>
      <c r="AA25226">
        <v>23</v>
      </c>
      <c r="AB25226">
        <v>23</v>
      </c>
      <c r="AC25226">
        <v>23</v>
      </c>
      <c r="AD25226">
        <v>23</v>
      </c>
      <c r="AE25226">
        <v>23</v>
      </c>
      <c r="AF25226">
        <v>24</v>
      </c>
      <c r="AG25226">
        <v>24</v>
      </c>
      <c r="AH25226">
        <v>24</v>
      </c>
      <c r="AI25226">
        <v>24</v>
      </c>
      <c r="AJ25226">
        <v>24</v>
      </c>
      <c r="AK25226">
        <v>25</v>
      </c>
      <c r="AL25226">
        <v>25</v>
      </c>
      <c r="AM25226">
        <v>25</v>
      </c>
      <c r="AN25226">
        <v>25</v>
      </c>
      <c r="AO25226">
        <v>25</v>
      </c>
      <c r="AP25226">
        <v>25</v>
      </c>
      <c r="AQ25226">
        <v>25</v>
      </c>
    </row>
    <row r="25227" spans="1:43">
      <c r="A25227" t="s">
        <v>15615</v>
      </c>
      <c r="B25227" t="s">
        <v>15616</v>
      </c>
      <c r="C25227" t="s">
        <v>15611</v>
      </c>
      <c r="D25227" t="s">
        <v>15612</v>
      </c>
      <c r="E25227" t="s">
        <v>15475</v>
      </c>
      <c r="F25227" t="s">
        <v>15476</v>
      </c>
      <c r="G25227" t="s">
        <v>10734</v>
      </c>
      <c r="H25227" t="s">
        <v>10735</v>
      </c>
      <c r="I25227" s="2">
        <v>1</v>
      </c>
      <c r="J25227" s="2">
        <v>0</v>
      </c>
      <c r="K25227" s="2">
        <v>0</v>
      </c>
      <c r="L25227" t="s">
        <v>120</v>
      </c>
      <c r="M25227" t="s">
        <v>87</v>
      </c>
      <c r="N25227" t="s">
        <v>88</v>
      </c>
      <c r="O25227" t="s">
        <v>85</v>
      </c>
      <c r="P25227" t="s">
        <v>86</v>
      </c>
      <c r="Q25227">
        <v>20</v>
      </c>
      <c r="R25227">
        <v>20</v>
      </c>
      <c r="S25227">
        <v>20</v>
      </c>
      <c r="T25227">
        <v>20</v>
      </c>
      <c r="U25227">
        <v>20</v>
      </c>
      <c r="V25227">
        <v>20</v>
      </c>
      <c r="W25227">
        <v>20</v>
      </c>
      <c r="X25227">
        <v>20</v>
      </c>
      <c r="Y25227">
        <v>20</v>
      </c>
      <c r="Z25227">
        <v>20</v>
      </c>
      <c r="AA25227">
        <v>21</v>
      </c>
      <c r="AB25227">
        <v>21</v>
      </c>
      <c r="AC25227">
        <v>21</v>
      </c>
      <c r="AD25227">
        <v>21</v>
      </c>
      <c r="AE25227">
        <v>21</v>
      </c>
      <c r="AF25227">
        <v>21</v>
      </c>
      <c r="AG25227">
        <v>21</v>
      </c>
      <c r="AH25227">
        <v>21</v>
      </c>
      <c r="AI25227">
        <v>21</v>
      </c>
      <c r="AJ25227">
        <v>21</v>
      </c>
      <c r="AK25227">
        <v>21</v>
      </c>
      <c r="AL25227">
        <v>21</v>
      </c>
      <c r="AM25227">
        <v>21</v>
      </c>
      <c r="AN25227">
        <v>21</v>
      </c>
      <c r="AO25227">
        <v>21</v>
      </c>
      <c r="AP25227">
        <v>21</v>
      </c>
      <c r="AQ25227">
        <v>22</v>
      </c>
    </row>
    <row r="25228" spans="1:43">
      <c r="A25228" t="s">
        <v>15615</v>
      </c>
      <c r="B25228" t="s">
        <v>15616</v>
      </c>
      <c r="C25228" t="s">
        <v>15611</v>
      </c>
      <c r="D25228" t="s">
        <v>15612</v>
      </c>
      <c r="E25228" t="s">
        <v>15475</v>
      </c>
      <c r="F25228" t="s">
        <v>15476</v>
      </c>
      <c r="G25228" t="s">
        <v>10734</v>
      </c>
      <c r="H25228" t="s">
        <v>10735</v>
      </c>
      <c r="I25228" s="2">
        <v>1</v>
      </c>
      <c r="J25228" s="2">
        <v>0</v>
      </c>
      <c r="K25228" s="2">
        <v>0</v>
      </c>
      <c r="L25228" t="s">
        <v>120</v>
      </c>
      <c r="M25228" t="s">
        <v>89</v>
      </c>
      <c r="N25228" t="s">
        <v>90</v>
      </c>
      <c r="O25228" t="s">
        <v>85</v>
      </c>
      <c r="P25228" t="s">
        <v>86</v>
      </c>
      <c r="Q25228">
        <v>20</v>
      </c>
      <c r="R25228">
        <v>21</v>
      </c>
      <c r="S25228">
        <v>21</v>
      </c>
      <c r="T25228">
        <v>22</v>
      </c>
      <c r="U25228">
        <v>22</v>
      </c>
      <c r="V25228">
        <v>22</v>
      </c>
      <c r="W25228">
        <v>23</v>
      </c>
      <c r="X25228">
        <v>23</v>
      </c>
      <c r="Y25228">
        <v>23</v>
      </c>
      <c r="Z25228">
        <v>24</v>
      </c>
      <c r="AA25228">
        <v>24</v>
      </c>
      <c r="AB25228">
        <v>24</v>
      </c>
      <c r="AC25228">
        <v>24</v>
      </c>
      <c r="AD25228">
        <v>25</v>
      </c>
      <c r="AE25228">
        <v>25</v>
      </c>
      <c r="AF25228">
        <v>25</v>
      </c>
      <c r="AG25228">
        <v>25</v>
      </c>
      <c r="AH25228">
        <v>25</v>
      </c>
      <c r="AI25228">
        <v>25</v>
      </c>
      <c r="AJ25228">
        <v>25</v>
      </c>
      <c r="AK25228">
        <v>25</v>
      </c>
      <c r="AL25228">
        <v>25</v>
      </c>
      <c r="AM25228">
        <v>25</v>
      </c>
      <c r="AN25228">
        <v>25</v>
      </c>
      <c r="AO25228">
        <v>25</v>
      </c>
      <c r="AP25228">
        <v>25</v>
      </c>
      <c r="AQ25228">
        <v>25</v>
      </c>
    </row>
    <row r="25229" spans="1:43">
      <c r="A25229" t="s">
        <v>15615</v>
      </c>
      <c r="B25229" t="s">
        <v>15616</v>
      </c>
      <c r="C25229" t="s">
        <v>15611</v>
      </c>
      <c r="D25229" t="s">
        <v>15612</v>
      </c>
      <c r="E25229" t="s">
        <v>15475</v>
      </c>
      <c r="F25229" t="s">
        <v>15476</v>
      </c>
      <c r="G25229" t="s">
        <v>10734</v>
      </c>
      <c r="H25229" t="s">
        <v>10735</v>
      </c>
      <c r="I25229" s="2">
        <v>1</v>
      </c>
      <c r="J25229" s="2">
        <v>0</v>
      </c>
      <c r="K25229" s="2">
        <v>0</v>
      </c>
      <c r="L25229" t="s">
        <v>120</v>
      </c>
      <c r="M25229" t="s">
        <v>83</v>
      </c>
      <c r="N25229" t="s">
        <v>91</v>
      </c>
      <c r="O25229" t="s">
        <v>85</v>
      </c>
      <c r="P25229" t="s">
        <v>86</v>
      </c>
      <c r="Q25229">
        <v>20</v>
      </c>
      <c r="R25229">
        <v>20</v>
      </c>
      <c r="S25229">
        <v>21</v>
      </c>
      <c r="T25229">
        <v>21</v>
      </c>
      <c r="U25229">
        <v>21</v>
      </c>
      <c r="V25229">
        <v>21</v>
      </c>
      <c r="W25229">
        <v>22</v>
      </c>
      <c r="X25229">
        <v>22</v>
      </c>
      <c r="Y25229">
        <v>22</v>
      </c>
      <c r="Z25229">
        <v>22</v>
      </c>
      <c r="AA25229">
        <v>23</v>
      </c>
      <c r="AB25229">
        <v>23</v>
      </c>
      <c r="AC25229">
        <v>23</v>
      </c>
      <c r="AD25229">
        <v>23</v>
      </c>
      <c r="AE25229">
        <v>23</v>
      </c>
      <c r="AF25229">
        <v>24</v>
      </c>
      <c r="AG25229">
        <v>24</v>
      </c>
      <c r="AH25229">
        <v>24</v>
      </c>
      <c r="AI25229">
        <v>24</v>
      </c>
      <c r="AJ25229">
        <v>24</v>
      </c>
      <c r="AK25229">
        <v>25</v>
      </c>
      <c r="AL25229">
        <v>25</v>
      </c>
      <c r="AM25229">
        <v>25</v>
      </c>
      <c r="AN25229">
        <v>25</v>
      </c>
      <c r="AO25229">
        <v>25</v>
      </c>
      <c r="AP25229">
        <v>25</v>
      </c>
      <c r="AQ25229">
        <v>25</v>
      </c>
    </row>
    <row r="25230" spans="1:43">
      <c r="A25230" t="s">
        <v>15617</v>
      </c>
      <c r="B25230" t="s">
        <v>15618</v>
      </c>
      <c r="C25230" t="s">
        <v>15611</v>
      </c>
      <c r="D25230" t="s">
        <v>15612</v>
      </c>
      <c r="E25230" t="s">
        <v>15475</v>
      </c>
      <c r="F25230" t="s">
        <v>15476</v>
      </c>
      <c r="G25230" t="s">
        <v>10734</v>
      </c>
      <c r="H25230" t="s">
        <v>10735</v>
      </c>
      <c r="I25230" s="2">
        <v>1</v>
      </c>
      <c r="J25230" s="2">
        <v>0</v>
      </c>
      <c r="K25230" s="2">
        <v>0</v>
      </c>
      <c r="L25230" t="s">
        <v>120</v>
      </c>
      <c r="M25230" t="s">
        <v>83</v>
      </c>
      <c r="N25230" t="s">
        <v>84</v>
      </c>
      <c r="O25230" t="s">
        <v>85</v>
      </c>
      <c r="P25230" t="s">
        <v>86</v>
      </c>
      <c r="Q25230">
        <v>14</v>
      </c>
      <c r="R25230">
        <v>14</v>
      </c>
      <c r="S25230">
        <v>14</v>
      </c>
      <c r="T25230">
        <v>15</v>
      </c>
      <c r="U25230">
        <v>15</v>
      </c>
      <c r="V25230">
        <v>15</v>
      </c>
      <c r="W25230">
        <v>15</v>
      </c>
      <c r="X25230">
        <v>15</v>
      </c>
      <c r="Y25230">
        <v>15</v>
      </c>
      <c r="Z25230">
        <v>16</v>
      </c>
      <c r="AA25230">
        <v>16</v>
      </c>
      <c r="AB25230">
        <v>16</v>
      </c>
      <c r="AC25230">
        <v>16</v>
      </c>
      <c r="AD25230">
        <v>16</v>
      </c>
      <c r="AE25230">
        <v>16</v>
      </c>
      <c r="AF25230">
        <v>17</v>
      </c>
      <c r="AG25230">
        <v>17</v>
      </c>
      <c r="AH25230">
        <v>17</v>
      </c>
      <c r="AI25230">
        <v>17</v>
      </c>
      <c r="AJ25230">
        <v>17</v>
      </c>
      <c r="AK25230">
        <v>17</v>
      </c>
      <c r="AL25230">
        <v>17</v>
      </c>
      <c r="AM25230">
        <v>17</v>
      </c>
      <c r="AN25230">
        <v>17</v>
      </c>
      <c r="AO25230">
        <v>17</v>
      </c>
      <c r="AP25230">
        <v>17</v>
      </c>
      <c r="AQ25230">
        <v>17</v>
      </c>
    </row>
    <row r="25231" spans="1:43">
      <c r="A25231" t="s">
        <v>15617</v>
      </c>
      <c r="B25231" t="s">
        <v>15618</v>
      </c>
      <c r="C25231" t="s">
        <v>15611</v>
      </c>
      <c r="D25231" t="s">
        <v>15612</v>
      </c>
      <c r="E25231" t="s">
        <v>15475</v>
      </c>
      <c r="F25231" t="s">
        <v>15476</v>
      </c>
      <c r="G25231" t="s">
        <v>10734</v>
      </c>
      <c r="H25231" t="s">
        <v>10735</v>
      </c>
      <c r="I25231" s="2">
        <v>1</v>
      </c>
      <c r="J25231" s="2">
        <v>0</v>
      </c>
      <c r="K25231" s="2">
        <v>0</v>
      </c>
      <c r="L25231" t="s">
        <v>120</v>
      </c>
      <c r="M25231" t="s">
        <v>87</v>
      </c>
      <c r="N25231" t="s">
        <v>88</v>
      </c>
      <c r="O25231" t="s">
        <v>85</v>
      </c>
      <c r="P25231" t="s">
        <v>86</v>
      </c>
      <c r="Q25231">
        <v>14</v>
      </c>
      <c r="R25231">
        <v>14</v>
      </c>
      <c r="S25231">
        <v>14</v>
      </c>
      <c r="T25231">
        <v>14</v>
      </c>
      <c r="U25231">
        <v>14</v>
      </c>
      <c r="V25231">
        <v>14</v>
      </c>
      <c r="W25231">
        <v>14</v>
      </c>
      <c r="X25231">
        <v>14</v>
      </c>
      <c r="Y25231">
        <v>14</v>
      </c>
      <c r="Z25231">
        <v>14</v>
      </c>
      <c r="AA25231">
        <v>14</v>
      </c>
      <c r="AB25231">
        <v>14</v>
      </c>
      <c r="AC25231">
        <v>15</v>
      </c>
      <c r="AD25231">
        <v>15</v>
      </c>
      <c r="AE25231">
        <v>15</v>
      </c>
      <c r="AF25231">
        <v>15</v>
      </c>
      <c r="AG25231">
        <v>15</v>
      </c>
      <c r="AH25231">
        <v>15</v>
      </c>
      <c r="AI25231">
        <v>15</v>
      </c>
      <c r="AJ25231">
        <v>15</v>
      </c>
      <c r="AK25231">
        <v>15</v>
      </c>
      <c r="AL25231">
        <v>15</v>
      </c>
      <c r="AM25231">
        <v>15</v>
      </c>
      <c r="AN25231">
        <v>15</v>
      </c>
      <c r="AO25231">
        <v>15</v>
      </c>
      <c r="AP25231">
        <v>15</v>
      </c>
      <c r="AQ25231">
        <v>15</v>
      </c>
    </row>
    <row r="25232" spans="1:43">
      <c r="A25232" t="s">
        <v>15617</v>
      </c>
      <c r="B25232" t="s">
        <v>15618</v>
      </c>
      <c r="C25232" t="s">
        <v>15611</v>
      </c>
      <c r="D25232" t="s">
        <v>15612</v>
      </c>
      <c r="E25232" t="s">
        <v>15475</v>
      </c>
      <c r="F25232" t="s">
        <v>15476</v>
      </c>
      <c r="G25232" t="s">
        <v>10734</v>
      </c>
      <c r="H25232" t="s">
        <v>10735</v>
      </c>
      <c r="I25232" s="2">
        <v>1</v>
      </c>
      <c r="J25232" s="2">
        <v>0</v>
      </c>
      <c r="K25232" s="2">
        <v>0</v>
      </c>
      <c r="L25232" t="s">
        <v>120</v>
      </c>
      <c r="M25232" t="s">
        <v>89</v>
      </c>
      <c r="N25232" t="s">
        <v>90</v>
      </c>
      <c r="O25232" t="s">
        <v>85</v>
      </c>
      <c r="P25232" t="s">
        <v>86</v>
      </c>
      <c r="Q25232">
        <v>14</v>
      </c>
      <c r="R25232">
        <v>14</v>
      </c>
      <c r="S25232">
        <v>15</v>
      </c>
      <c r="T25232">
        <v>15</v>
      </c>
      <c r="U25232">
        <v>15</v>
      </c>
      <c r="V25232">
        <v>16</v>
      </c>
      <c r="W25232">
        <v>16</v>
      </c>
      <c r="X25232">
        <v>16</v>
      </c>
      <c r="Y25232">
        <v>16</v>
      </c>
      <c r="Z25232">
        <v>17</v>
      </c>
      <c r="AA25232">
        <v>17</v>
      </c>
      <c r="AB25232">
        <v>17</v>
      </c>
      <c r="AC25232">
        <v>17</v>
      </c>
      <c r="AD25232">
        <v>17</v>
      </c>
      <c r="AE25232">
        <v>18</v>
      </c>
      <c r="AF25232">
        <v>18</v>
      </c>
      <c r="AG25232">
        <v>18</v>
      </c>
      <c r="AH25232">
        <v>18</v>
      </c>
      <c r="AI25232">
        <v>18</v>
      </c>
      <c r="AJ25232">
        <v>18</v>
      </c>
      <c r="AK25232">
        <v>18</v>
      </c>
      <c r="AL25232">
        <v>18</v>
      </c>
      <c r="AM25232">
        <v>18</v>
      </c>
      <c r="AN25232">
        <v>18</v>
      </c>
      <c r="AO25232">
        <v>17</v>
      </c>
      <c r="AP25232">
        <v>17</v>
      </c>
      <c r="AQ25232">
        <v>17</v>
      </c>
    </row>
    <row r="25233" spans="1:43">
      <c r="A25233" t="s">
        <v>15617</v>
      </c>
      <c r="B25233" t="s">
        <v>15618</v>
      </c>
      <c r="C25233" t="s">
        <v>15611</v>
      </c>
      <c r="D25233" t="s">
        <v>15612</v>
      </c>
      <c r="E25233" t="s">
        <v>15475</v>
      </c>
      <c r="F25233" t="s">
        <v>15476</v>
      </c>
      <c r="G25233" t="s">
        <v>10734</v>
      </c>
      <c r="H25233" t="s">
        <v>10735</v>
      </c>
      <c r="I25233" s="2">
        <v>1</v>
      </c>
      <c r="J25233" s="2">
        <v>0</v>
      </c>
      <c r="K25233" s="2">
        <v>0</v>
      </c>
      <c r="L25233" t="s">
        <v>120</v>
      </c>
      <c r="M25233" t="s">
        <v>83</v>
      </c>
      <c r="N25233" t="s">
        <v>91</v>
      </c>
      <c r="O25233" t="s">
        <v>85</v>
      </c>
      <c r="P25233" t="s">
        <v>86</v>
      </c>
      <c r="Q25233">
        <v>14</v>
      </c>
      <c r="R25233">
        <v>14</v>
      </c>
      <c r="S25233">
        <v>14</v>
      </c>
      <c r="T25233">
        <v>15</v>
      </c>
      <c r="U25233">
        <v>15</v>
      </c>
      <c r="V25233">
        <v>15</v>
      </c>
      <c r="W25233">
        <v>15</v>
      </c>
      <c r="X25233">
        <v>15</v>
      </c>
      <c r="Y25233">
        <v>15</v>
      </c>
      <c r="Z25233">
        <v>16</v>
      </c>
      <c r="AA25233">
        <v>16</v>
      </c>
      <c r="AB25233">
        <v>16</v>
      </c>
      <c r="AC25233">
        <v>16</v>
      </c>
      <c r="AD25233">
        <v>16</v>
      </c>
      <c r="AE25233">
        <v>16</v>
      </c>
      <c r="AF25233">
        <v>17</v>
      </c>
      <c r="AG25233">
        <v>17</v>
      </c>
      <c r="AH25233">
        <v>17</v>
      </c>
      <c r="AI25233">
        <v>17</v>
      </c>
      <c r="AJ25233">
        <v>17</v>
      </c>
      <c r="AK25233">
        <v>17</v>
      </c>
      <c r="AL25233">
        <v>17</v>
      </c>
      <c r="AM25233">
        <v>17</v>
      </c>
      <c r="AN25233">
        <v>17</v>
      </c>
      <c r="AO25233">
        <v>17</v>
      </c>
      <c r="AP25233">
        <v>17</v>
      </c>
      <c r="AQ25233">
        <v>17</v>
      </c>
    </row>
    <row r="25234" spans="1:43">
      <c r="A25234" t="s">
        <v>15619</v>
      </c>
      <c r="B25234" t="s">
        <v>15620</v>
      </c>
      <c r="C25234" t="s">
        <v>15611</v>
      </c>
      <c r="D25234" t="s">
        <v>15612</v>
      </c>
      <c r="E25234" t="s">
        <v>15475</v>
      </c>
      <c r="F25234" t="s">
        <v>15476</v>
      </c>
      <c r="G25234" t="s">
        <v>10734</v>
      </c>
      <c r="H25234" t="s">
        <v>10735</v>
      </c>
      <c r="I25234" s="2">
        <v>1</v>
      </c>
      <c r="J25234" s="2">
        <v>0</v>
      </c>
      <c r="K25234" s="2">
        <v>0</v>
      </c>
      <c r="L25234" t="s">
        <v>120</v>
      </c>
      <c r="M25234" t="s">
        <v>83</v>
      </c>
      <c r="N25234" t="s">
        <v>84</v>
      </c>
      <c r="O25234" t="s">
        <v>85</v>
      </c>
      <c r="P25234" t="s">
        <v>86</v>
      </c>
      <c r="Q25234">
        <v>59</v>
      </c>
      <c r="R25234">
        <v>60</v>
      </c>
      <c r="S25234">
        <v>61</v>
      </c>
      <c r="T25234">
        <v>62</v>
      </c>
      <c r="U25234">
        <v>63</v>
      </c>
      <c r="V25234">
        <v>63</v>
      </c>
      <c r="W25234">
        <v>64</v>
      </c>
      <c r="X25234">
        <v>65</v>
      </c>
      <c r="Y25234">
        <v>66</v>
      </c>
      <c r="Z25234">
        <v>66</v>
      </c>
      <c r="AA25234">
        <v>67</v>
      </c>
      <c r="AB25234">
        <v>68</v>
      </c>
      <c r="AC25234">
        <v>68</v>
      </c>
      <c r="AD25234">
        <v>69</v>
      </c>
      <c r="AE25234">
        <v>70</v>
      </c>
      <c r="AF25234">
        <v>70</v>
      </c>
      <c r="AG25234">
        <v>71</v>
      </c>
      <c r="AH25234">
        <v>72</v>
      </c>
      <c r="AI25234">
        <v>72</v>
      </c>
      <c r="AJ25234">
        <v>73</v>
      </c>
      <c r="AK25234">
        <v>74</v>
      </c>
      <c r="AL25234">
        <v>74</v>
      </c>
      <c r="AM25234">
        <v>74</v>
      </c>
      <c r="AN25234">
        <v>74</v>
      </c>
      <c r="AO25234">
        <v>74</v>
      </c>
      <c r="AP25234">
        <v>74</v>
      </c>
      <c r="AQ25234">
        <v>74</v>
      </c>
    </row>
    <row r="25235" spans="1:43">
      <c r="A25235" t="s">
        <v>15619</v>
      </c>
      <c r="B25235" t="s">
        <v>15620</v>
      </c>
      <c r="C25235" t="s">
        <v>15611</v>
      </c>
      <c r="D25235" t="s">
        <v>15612</v>
      </c>
      <c r="E25235" t="s">
        <v>15475</v>
      </c>
      <c r="F25235" t="s">
        <v>15476</v>
      </c>
      <c r="G25235" t="s">
        <v>10734</v>
      </c>
      <c r="H25235" t="s">
        <v>10735</v>
      </c>
      <c r="I25235" s="2">
        <v>1</v>
      </c>
      <c r="J25235" s="2">
        <v>0</v>
      </c>
      <c r="K25235" s="2">
        <v>0</v>
      </c>
      <c r="L25235" t="s">
        <v>120</v>
      </c>
      <c r="M25235" t="s">
        <v>87</v>
      </c>
      <c r="N25235" t="s">
        <v>88</v>
      </c>
      <c r="O25235" t="s">
        <v>85</v>
      </c>
      <c r="P25235" t="s">
        <v>86</v>
      </c>
      <c r="Q25235">
        <v>59</v>
      </c>
      <c r="R25235">
        <v>59</v>
      </c>
      <c r="S25235">
        <v>59</v>
      </c>
      <c r="T25235">
        <v>60</v>
      </c>
      <c r="U25235">
        <v>60</v>
      </c>
      <c r="V25235">
        <v>60</v>
      </c>
      <c r="W25235">
        <v>60</v>
      </c>
      <c r="X25235">
        <v>60</v>
      </c>
      <c r="Y25235">
        <v>61</v>
      </c>
      <c r="Z25235">
        <v>61</v>
      </c>
      <c r="AA25235">
        <v>61</v>
      </c>
      <c r="AB25235">
        <v>61</v>
      </c>
      <c r="AC25235">
        <v>62</v>
      </c>
      <c r="AD25235">
        <v>62</v>
      </c>
      <c r="AE25235">
        <v>62</v>
      </c>
      <c r="AF25235">
        <v>62</v>
      </c>
      <c r="AG25235">
        <v>62</v>
      </c>
      <c r="AH25235">
        <v>63</v>
      </c>
      <c r="AI25235">
        <v>63</v>
      </c>
      <c r="AJ25235">
        <v>63</v>
      </c>
      <c r="AK25235">
        <v>63</v>
      </c>
      <c r="AL25235">
        <v>63</v>
      </c>
      <c r="AM25235">
        <v>63</v>
      </c>
      <c r="AN25235">
        <v>64</v>
      </c>
      <c r="AO25235">
        <v>64</v>
      </c>
      <c r="AP25235">
        <v>64</v>
      </c>
      <c r="AQ25235">
        <v>64</v>
      </c>
    </row>
    <row r="25236" spans="1:43">
      <c r="A25236" t="s">
        <v>15619</v>
      </c>
      <c r="B25236" t="s">
        <v>15620</v>
      </c>
      <c r="C25236" t="s">
        <v>15611</v>
      </c>
      <c r="D25236" t="s">
        <v>15612</v>
      </c>
      <c r="E25236" t="s">
        <v>15475</v>
      </c>
      <c r="F25236" t="s">
        <v>15476</v>
      </c>
      <c r="G25236" t="s">
        <v>10734</v>
      </c>
      <c r="H25236" t="s">
        <v>10735</v>
      </c>
      <c r="I25236" s="2">
        <v>1</v>
      </c>
      <c r="J25236" s="2">
        <v>0</v>
      </c>
      <c r="K25236" s="2">
        <v>0</v>
      </c>
      <c r="L25236" t="s">
        <v>120</v>
      </c>
      <c r="M25236" t="s">
        <v>89</v>
      </c>
      <c r="N25236" t="s">
        <v>90</v>
      </c>
      <c r="O25236" t="s">
        <v>85</v>
      </c>
      <c r="P25236" t="s">
        <v>86</v>
      </c>
      <c r="Q25236">
        <v>59</v>
      </c>
      <c r="R25236">
        <v>60</v>
      </c>
      <c r="S25236">
        <v>62</v>
      </c>
      <c r="T25236">
        <v>63</v>
      </c>
      <c r="U25236">
        <v>64</v>
      </c>
      <c r="V25236">
        <v>65</v>
      </c>
      <c r="W25236">
        <v>66</v>
      </c>
      <c r="X25236">
        <v>67</v>
      </c>
      <c r="Y25236">
        <v>68</v>
      </c>
      <c r="Z25236">
        <v>69</v>
      </c>
      <c r="AA25236">
        <v>70</v>
      </c>
      <c r="AB25236">
        <v>71</v>
      </c>
      <c r="AC25236">
        <v>72</v>
      </c>
      <c r="AD25236">
        <v>73</v>
      </c>
      <c r="AE25236">
        <v>74</v>
      </c>
      <c r="AF25236">
        <v>74</v>
      </c>
      <c r="AG25236">
        <v>74</v>
      </c>
      <c r="AH25236">
        <v>74</v>
      </c>
      <c r="AI25236">
        <v>74</v>
      </c>
      <c r="AJ25236">
        <v>74</v>
      </c>
      <c r="AK25236">
        <v>74</v>
      </c>
      <c r="AL25236">
        <v>74</v>
      </c>
      <c r="AM25236">
        <v>74</v>
      </c>
      <c r="AN25236">
        <v>74</v>
      </c>
      <c r="AO25236">
        <v>74</v>
      </c>
      <c r="AP25236">
        <v>74</v>
      </c>
      <c r="AQ25236">
        <v>74</v>
      </c>
    </row>
    <row r="25237" spans="1:43">
      <c r="A25237" t="s">
        <v>15619</v>
      </c>
      <c r="B25237" t="s">
        <v>15620</v>
      </c>
      <c r="C25237" t="s">
        <v>15611</v>
      </c>
      <c r="D25237" t="s">
        <v>15612</v>
      </c>
      <c r="E25237" t="s">
        <v>15475</v>
      </c>
      <c r="F25237" t="s">
        <v>15476</v>
      </c>
      <c r="G25237" t="s">
        <v>10734</v>
      </c>
      <c r="H25237" t="s">
        <v>10735</v>
      </c>
      <c r="I25237" s="2">
        <v>1</v>
      </c>
      <c r="J25237" s="2">
        <v>0</v>
      </c>
      <c r="K25237" s="2">
        <v>0</v>
      </c>
      <c r="L25237" t="s">
        <v>120</v>
      </c>
      <c r="M25237" t="s">
        <v>83</v>
      </c>
      <c r="N25237" t="s">
        <v>91</v>
      </c>
      <c r="O25237" t="s">
        <v>85</v>
      </c>
      <c r="P25237" t="s">
        <v>86</v>
      </c>
      <c r="Q25237">
        <v>59</v>
      </c>
      <c r="R25237">
        <v>60</v>
      </c>
      <c r="S25237">
        <v>61</v>
      </c>
      <c r="T25237">
        <v>62</v>
      </c>
      <c r="U25237">
        <v>63</v>
      </c>
      <c r="V25237">
        <v>63</v>
      </c>
      <c r="W25237">
        <v>64</v>
      </c>
      <c r="X25237">
        <v>65</v>
      </c>
      <c r="Y25237">
        <v>66</v>
      </c>
      <c r="Z25237">
        <v>66</v>
      </c>
      <c r="AA25237">
        <v>67</v>
      </c>
      <c r="AB25237">
        <v>68</v>
      </c>
      <c r="AC25237">
        <v>68</v>
      </c>
      <c r="AD25237">
        <v>69</v>
      </c>
      <c r="AE25237">
        <v>70</v>
      </c>
      <c r="AF25237">
        <v>70</v>
      </c>
      <c r="AG25237">
        <v>71</v>
      </c>
      <c r="AH25237">
        <v>72</v>
      </c>
      <c r="AI25237">
        <v>72</v>
      </c>
      <c r="AJ25237">
        <v>73</v>
      </c>
      <c r="AK25237">
        <v>74</v>
      </c>
      <c r="AL25237">
        <v>74</v>
      </c>
      <c r="AM25237">
        <v>74</v>
      </c>
      <c r="AN25237">
        <v>74</v>
      </c>
      <c r="AO25237">
        <v>74</v>
      </c>
      <c r="AP25237">
        <v>74</v>
      </c>
      <c r="AQ25237">
        <v>74</v>
      </c>
    </row>
    <row r="25238" spans="1:43">
      <c r="A25238" t="s">
        <v>15621</v>
      </c>
      <c r="B25238" t="s">
        <v>15622</v>
      </c>
      <c r="C25238" t="s">
        <v>15611</v>
      </c>
      <c r="D25238" t="s">
        <v>15612</v>
      </c>
      <c r="E25238" t="s">
        <v>15475</v>
      </c>
      <c r="F25238" t="s">
        <v>15476</v>
      </c>
      <c r="G25238" t="s">
        <v>10734</v>
      </c>
      <c r="H25238" t="s">
        <v>10735</v>
      </c>
      <c r="I25238" s="2">
        <v>1</v>
      </c>
      <c r="J25238" s="2">
        <v>0</v>
      </c>
      <c r="K25238" s="2">
        <v>0</v>
      </c>
      <c r="L25238" t="s">
        <v>120</v>
      </c>
      <c r="M25238" t="s">
        <v>83</v>
      </c>
      <c r="N25238" t="s">
        <v>84</v>
      </c>
      <c r="O25238" t="s">
        <v>85</v>
      </c>
      <c r="P25238" t="s">
        <v>86</v>
      </c>
      <c r="Q25238">
        <v>7</v>
      </c>
      <c r="R25238">
        <v>7</v>
      </c>
      <c r="S25238">
        <v>7</v>
      </c>
      <c r="T25238">
        <v>7</v>
      </c>
      <c r="U25238">
        <v>7</v>
      </c>
      <c r="V25238">
        <v>7</v>
      </c>
      <c r="W25238">
        <v>7</v>
      </c>
      <c r="X25238">
        <v>7</v>
      </c>
      <c r="Y25238">
        <v>7</v>
      </c>
      <c r="Z25238">
        <v>7</v>
      </c>
      <c r="AA25238">
        <v>7</v>
      </c>
      <c r="AB25238">
        <v>7</v>
      </c>
      <c r="AC25238">
        <v>7</v>
      </c>
      <c r="AD25238">
        <v>8</v>
      </c>
      <c r="AE25238">
        <v>8</v>
      </c>
      <c r="AF25238">
        <v>8</v>
      </c>
      <c r="AG25238">
        <v>8</v>
      </c>
      <c r="AH25238">
        <v>8</v>
      </c>
      <c r="AI25238">
        <v>8</v>
      </c>
      <c r="AJ25238">
        <v>8</v>
      </c>
      <c r="AK25238">
        <v>8</v>
      </c>
      <c r="AL25238">
        <v>8</v>
      </c>
      <c r="AM25238">
        <v>8</v>
      </c>
      <c r="AN25238">
        <v>8</v>
      </c>
      <c r="AO25238">
        <v>8</v>
      </c>
      <c r="AP25238">
        <v>8</v>
      </c>
      <c r="AQ25238">
        <v>8</v>
      </c>
    </row>
    <row r="25239" spans="1:43">
      <c r="A25239" t="s">
        <v>15621</v>
      </c>
      <c r="B25239" t="s">
        <v>15622</v>
      </c>
      <c r="C25239" t="s">
        <v>15611</v>
      </c>
      <c r="D25239" t="s">
        <v>15612</v>
      </c>
      <c r="E25239" t="s">
        <v>15475</v>
      </c>
      <c r="F25239" t="s">
        <v>15476</v>
      </c>
      <c r="G25239" t="s">
        <v>10734</v>
      </c>
      <c r="H25239" t="s">
        <v>10735</v>
      </c>
      <c r="I25239" s="2">
        <v>1</v>
      </c>
      <c r="J25239" s="2">
        <v>0</v>
      </c>
      <c r="K25239" s="2">
        <v>0</v>
      </c>
      <c r="L25239" t="s">
        <v>120</v>
      </c>
      <c r="M25239" t="s">
        <v>87</v>
      </c>
      <c r="N25239" t="s">
        <v>88</v>
      </c>
      <c r="O25239" t="s">
        <v>85</v>
      </c>
      <c r="P25239" t="s">
        <v>86</v>
      </c>
      <c r="Q25239">
        <v>7</v>
      </c>
      <c r="R25239">
        <v>7</v>
      </c>
      <c r="S25239">
        <v>8</v>
      </c>
      <c r="T25239">
        <v>8</v>
      </c>
      <c r="U25239">
        <v>8</v>
      </c>
      <c r="V25239">
        <v>8</v>
      </c>
      <c r="W25239">
        <v>8</v>
      </c>
      <c r="X25239">
        <v>8</v>
      </c>
      <c r="Y25239">
        <v>8</v>
      </c>
      <c r="Z25239">
        <v>8</v>
      </c>
      <c r="AA25239">
        <v>8</v>
      </c>
      <c r="AB25239">
        <v>8</v>
      </c>
      <c r="AC25239">
        <v>8</v>
      </c>
      <c r="AD25239">
        <v>8</v>
      </c>
      <c r="AE25239">
        <v>8</v>
      </c>
      <c r="AF25239">
        <v>8</v>
      </c>
      <c r="AG25239">
        <v>8</v>
      </c>
      <c r="AH25239">
        <v>8</v>
      </c>
      <c r="AI25239">
        <v>8</v>
      </c>
      <c r="AJ25239">
        <v>8</v>
      </c>
      <c r="AK25239">
        <v>8</v>
      </c>
      <c r="AL25239">
        <v>8</v>
      </c>
      <c r="AM25239">
        <v>8</v>
      </c>
      <c r="AN25239">
        <v>8</v>
      </c>
      <c r="AO25239">
        <v>8</v>
      </c>
      <c r="AP25239">
        <v>8</v>
      </c>
      <c r="AQ25239">
        <v>8</v>
      </c>
    </row>
    <row r="25240" spans="1:43">
      <c r="A25240" t="s">
        <v>15621</v>
      </c>
      <c r="B25240" t="s">
        <v>15622</v>
      </c>
      <c r="C25240" t="s">
        <v>15611</v>
      </c>
      <c r="D25240" t="s">
        <v>15612</v>
      </c>
      <c r="E25240" t="s">
        <v>15475</v>
      </c>
      <c r="F25240" t="s">
        <v>15476</v>
      </c>
      <c r="G25240" t="s">
        <v>10734</v>
      </c>
      <c r="H25240" t="s">
        <v>10735</v>
      </c>
      <c r="I25240" s="2">
        <v>1</v>
      </c>
      <c r="J25240" s="2">
        <v>0</v>
      </c>
      <c r="K25240" s="2">
        <v>0</v>
      </c>
      <c r="L25240" t="s">
        <v>120</v>
      </c>
      <c r="M25240" t="s">
        <v>89</v>
      </c>
      <c r="N25240" t="s">
        <v>90</v>
      </c>
      <c r="O25240" t="s">
        <v>85</v>
      </c>
      <c r="P25240" t="s">
        <v>86</v>
      </c>
      <c r="Q25240">
        <v>7</v>
      </c>
      <c r="R25240">
        <v>7</v>
      </c>
      <c r="S25240">
        <v>7</v>
      </c>
      <c r="T25240">
        <v>7</v>
      </c>
      <c r="U25240">
        <v>7</v>
      </c>
      <c r="V25240">
        <v>7</v>
      </c>
      <c r="W25240">
        <v>7</v>
      </c>
      <c r="X25240">
        <v>7</v>
      </c>
      <c r="Y25240">
        <v>8</v>
      </c>
      <c r="Z25240">
        <v>8</v>
      </c>
      <c r="AA25240">
        <v>8</v>
      </c>
      <c r="AB25240">
        <v>8</v>
      </c>
      <c r="AC25240">
        <v>8</v>
      </c>
      <c r="AD25240">
        <v>8</v>
      </c>
      <c r="AE25240">
        <v>8</v>
      </c>
      <c r="AF25240">
        <v>8</v>
      </c>
      <c r="AG25240">
        <v>8</v>
      </c>
      <c r="AH25240">
        <v>8</v>
      </c>
      <c r="AI25240">
        <v>8</v>
      </c>
      <c r="AJ25240">
        <v>8</v>
      </c>
      <c r="AK25240">
        <v>8</v>
      </c>
      <c r="AL25240">
        <v>8</v>
      </c>
      <c r="AM25240">
        <v>8</v>
      </c>
      <c r="AN25240">
        <v>8</v>
      </c>
      <c r="AO25240">
        <v>8</v>
      </c>
      <c r="AP25240">
        <v>8</v>
      </c>
      <c r="AQ25240">
        <v>8</v>
      </c>
    </row>
    <row r="25241" spans="1:43">
      <c r="A25241" t="s">
        <v>15621</v>
      </c>
      <c r="B25241" t="s">
        <v>15622</v>
      </c>
      <c r="C25241" t="s">
        <v>15611</v>
      </c>
      <c r="D25241" t="s">
        <v>15612</v>
      </c>
      <c r="E25241" t="s">
        <v>15475</v>
      </c>
      <c r="F25241" t="s">
        <v>15476</v>
      </c>
      <c r="G25241" t="s">
        <v>10734</v>
      </c>
      <c r="H25241" t="s">
        <v>10735</v>
      </c>
      <c r="I25241" s="2">
        <v>1</v>
      </c>
      <c r="J25241" s="2">
        <v>0</v>
      </c>
      <c r="K25241" s="2">
        <v>0</v>
      </c>
      <c r="L25241" t="s">
        <v>120</v>
      </c>
      <c r="M25241" t="s">
        <v>83</v>
      </c>
      <c r="N25241" t="s">
        <v>91</v>
      </c>
      <c r="O25241" t="s">
        <v>85</v>
      </c>
      <c r="P25241" t="s">
        <v>86</v>
      </c>
      <c r="Q25241">
        <v>7</v>
      </c>
      <c r="R25241">
        <v>7</v>
      </c>
      <c r="S25241">
        <v>7</v>
      </c>
      <c r="T25241">
        <v>7</v>
      </c>
      <c r="U25241">
        <v>7</v>
      </c>
      <c r="V25241">
        <v>7</v>
      </c>
      <c r="W25241">
        <v>7</v>
      </c>
      <c r="X25241">
        <v>7</v>
      </c>
      <c r="Y25241">
        <v>7</v>
      </c>
      <c r="Z25241">
        <v>7</v>
      </c>
      <c r="AA25241">
        <v>7</v>
      </c>
      <c r="AB25241">
        <v>7</v>
      </c>
      <c r="AC25241">
        <v>7</v>
      </c>
      <c r="AD25241">
        <v>8</v>
      </c>
      <c r="AE25241">
        <v>8</v>
      </c>
      <c r="AF25241">
        <v>8</v>
      </c>
      <c r="AG25241">
        <v>8</v>
      </c>
      <c r="AH25241">
        <v>8</v>
      </c>
      <c r="AI25241">
        <v>8</v>
      </c>
      <c r="AJ25241">
        <v>8</v>
      </c>
      <c r="AK25241">
        <v>8</v>
      </c>
      <c r="AL25241">
        <v>8</v>
      </c>
      <c r="AM25241">
        <v>8</v>
      </c>
      <c r="AN25241">
        <v>8</v>
      </c>
      <c r="AO25241">
        <v>8</v>
      </c>
      <c r="AP25241">
        <v>8</v>
      </c>
      <c r="AQ25241">
        <v>8</v>
      </c>
    </row>
    <row r="25242" spans="1:43">
      <c r="A25242" t="s">
        <v>15623</v>
      </c>
      <c r="B25242" t="s">
        <v>15624</v>
      </c>
      <c r="C25242" t="s">
        <v>15611</v>
      </c>
      <c r="D25242" t="s">
        <v>15612</v>
      </c>
      <c r="E25242" t="s">
        <v>15475</v>
      </c>
      <c r="F25242" t="s">
        <v>15476</v>
      </c>
      <c r="G25242" t="s">
        <v>10734</v>
      </c>
      <c r="H25242" t="s">
        <v>10735</v>
      </c>
      <c r="I25242" s="2">
        <v>1</v>
      </c>
      <c r="J25242" s="2">
        <v>0</v>
      </c>
      <c r="K25242" s="2">
        <v>0</v>
      </c>
      <c r="L25242" t="s">
        <v>120</v>
      </c>
      <c r="M25242" t="s">
        <v>83</v>
      </c>
      <c r="N25242" t="s">
        <v>84</v>
      </c>
      <c r="O25242" t="s">
        <v>85</v>
      </c>
      <c r="P25242" t="s">
        <v>86</v>
      </c>
      <c r="Q25242">
        <v>19</v>
      </c>
      <c r="R25242">
        <v>20</v>
      </c>
      <c r="S25242">
        <v>20</v>
      </c>
      <c r="T25242">
        <v>20</v>
      </c>
      <c r="U25242">
        <v>20</v>
      </c>
      <c r="V25242">
        <v>21</v>
      </c>
      <c r="W25242">
        <v>21</v>
      </c>
      <c r="X25242">
        <v>21</v>
      </c>
      <c r="Y25242">
        <v>21</v>
      </c>
      <c r="Z25242">
        <v>22</v>
      </c>
      <c r="AA25242">
        <v>22</v>
      </c>
      <c r="AB25242">
        <v>22</v>
      </c>
      <c r="AC25242">
        <v>22</v>
      </c>
      <c r="AD25242">
        <v>23</v>
      </c>
      <c r="AE25242">
        <v>23</v>
      </c>
      <c r="AF25242">
        <v>23</v>
      </c>
      <c r="AG25242">
        <v>23</v>
      </c>
      <c r="AH25242">
        <v>23</v>
      </c>
      <c r="AI25242">
        <v>24</v>
      </c>
      <c r="AJ25242">
        <v>24</v>
      </c>
      <c r="AK25242">
        <v>24</v>
      </c>
      <c r="AL25242">
        <v>24</v>
      </c>
      <c r="AM25242">
        <v>24</v>
      </c>
      <c r="AN25242">
        <v>24</v>
      </c>
      <c r="AO25242">
        <v>24</v>
      </c>
      <c r="AP25242">
        <v>24</v>
      </c>
      <c r="AQ25242">
        <v>24</v>
      </c>
    </row>
    <row r="25243" spans="1:43">
      <c r="A25243" t="s">
        <v>15623</v>
      </c>
      <c r="B25243" t="s">
        <v>15624</v>
      </c>
      <c r="C25243" t="s">
        <v>15611</v>
      </c>
      <c r="D25243" t="s">
        <v>15612</v>
      </c>
      <c r="E25243" t="s">
        <v>15475</v>
      </c>
      <c r="F25243" t="s">
        <v>15476</v>
      </c>
      <c r="G25243" t="s">
        <v>10734</v>
      </c>
      <c r="H25243" t="s">
        <v>10735</v>
      </c>
      <c r="I25243" s="2">
        <v>1</v>
      </c>
      <c r="J25243" s="2">
        <v>0</v>
      </c>
      <c r="K25243" s="2">
        <v>0</v>
      </c>
      <c r="L25243" t="s">
        <v>120</v>
      </c>
      <c r="M25243" t="s">
        <v>87</v>
      </c>
      <c r="N25243" t="s">
        <v>88</v>
      </c>
      <c r="O25243" t="s">
        <v>85</v>
      </c>
      <c r="P25243" t="s">
        <v>86</v>
      </c>
      <c r="Q25243">
        <v>19</v>
      </c>
      <c r="R25243">
        <v>19</v>
      </c>
      <c r="S25243">
        <v>19</v>
      </c>
      <c r="T25243">
        <v>19</v>
      </c>
      <c r="U25243">
        <v>20</v>
      </c>
      <c r="V25243">
        <v>20</v>
      </c>
      <c r="W25243">
        <v>20</v>
      </c>
      <c r="X25243">
        <v>20</v>
      </c>
      <c r="Y25243">
        <v>20</v>
      </c>
      <c r="Z25243">
        <v>20</v>
      </c>
      <c r="AA25243">
        <v>20</v>
      </c>
      <c r="AB25243">
        <v>20</v>
      </c>
      <c r="AC25243">
        <v>20</v>
      </c>
      <c r="AD25243">
        <v>20</v>
      </c>
      <c r="AE25243">
        <v>20</v>
      </c>
      <c r="AF25243">
        <v>20</v>
      </c>
      <c r="AG25243">
        <v>20</v>
      </c>
      <c r="AH25243">
        <v>20</v>
      </c>
      <c r="AI25243">
        <v>21</v>
      </c>
      <c r="AJ25243">
        <v>21</v>
      </c>
      <c r="AK25243">
        <v>21</v>
      </c>
      <c r="AL25243">
        <v>21</v>
      </c>
      <c r="AM25243">
        <v>21</v>
      </c>
      <c r="AN25243">
        <v>21</v>
      </c>
      <c r="AO25243">
        <v>21</v>
      </c>
      <c r="AP25243">
        <v>21</v>
      </c>
      <c r="AQ25243">
        <v>21</v>
      </c>
    </row>
    <row r="25244" spans="1:43">
      <c r="A25244" t="s">
        <v>15623</v>
      </c>
      <c r="B25244" t="s">
        <v>15624</v>
      </c>
      <c r="C25244" t="s">
        <v>15611</v>
      </c>
      <c r="D25244" t="s">
        <v>15612</v>
      </c>
      <c r="E25244" t="s">
        <v>15475</v>
      </c>
      <c r="F25244" t="s">
        <v>15476</v>
      </c>
      <c r="G25244" t="s">
        <v>10734</v>
      </c>
      <c r="H25244" t="s">
        <v>10735</v>
      </c>
      <c r="I25244" s="2">
        <v>1</v>
      </c>
      <c r="J25244" s="2">
        <v>0</v>
      </c>
      <c r="K25244" s="2">
        <v>0</v>
      </c>
      <c r="L25244" t="s">
        <v>120</v>
      </c>
      <c r="M25244" t="s">
        <v>89</v>
      </c>
      <c r="N25244" t="s">
        <v>90</v>
      </c>
      <c r="O25244" t="s">
        <v>85</v>
      </c>
      <c r="P25244" t="s">
        <v>86</v>
      </c>
      <c r="Q25244">
        <v>19</v>
      </c>
      <c r="R25244">
        <v>19</v>
      </c>
      <c r="S25244">
        <v>19</v>
      </c>
      <c r="T25244">
        <v>20</v>
      </c>
      <c r="U25244">
        <v>20</v>
      </c>
      <c r="V25244">
        <v>21</v>
      </c>
      <c r="W25244">
        <v>21</v>
      </c>
      <c r="X25244">
        <v>21</v>
      </c>
      <c r="Y25244">
        <v>22</v>
      </c>
      <c r="Z25244">
        <v>22</v>
      </c>
      <c r="AA25244">
        <v>22</v>
      </c>
      <c r="AB25244">
        <v>22</v>
      </c>
      <c r="AC25244">
        <v>23</v>
      </c>
      <c r="AD25244">
        <v>23</v>
      </c>
      <c r="AE25244">
        <v>23</v>
      </c>
      <c r="AF25244">
        <v>23</v>
      </c>
      <c r="AG25244">
        <v>23</v>
      </c>
      <c r="AH25244">
        <v>23</v>
      </c>
      <c r="AI25244">
        <v>23</v>
      </c>
      <c r="AJ25244">
        <v>23</v>
      </c>
      <c r="AK25244">
        <v>23</v>
      </c>
      <c r="AL25244">
        <v>23</v>
      </c>
      <c r="AM25244">
        <v>23</v>
      </c>
      <c r="AN25244">
        <v>23</v>
      </c>
      <c r="AO25244">
        <v>23</v>
      </c>
      <c r="AP25244">
        <v>23</v>
      </c>
      <c r="AQ25244">
        <v>23</v>
      </c>
    </row>
    <row r="25245" spans="1:43">
      <c r="A25245" t="s">
        <v>15623</v>
      </c>
      <c r="B25245" t="s">
        <v>15624</v>
      </c>
      <c r="C25245" t="s">
        <v>15611</v>
      </c>
      <c r="D25245" t="s">
        <v>15612</v>
      </c>
      <c r="E25245" t="s">
        <v>15475</v>
      </c>
      <c r="F25245" t="s">
        <v>15476</v>
      </c>
      <c r="G25245" t="s">
        <v>10734</v>
      </c>
      <c r="H25245" t="s">
        <v>10735</v>
      </c>
      <c r="I25245" s="2">
        <v>1</v>
      </c>
      <c r="J25245" s="2">
        <v>0</v>
      </c>
      <c r="K25245" s="2">
        <v>0</v>
      </c>
      <c r="L25245" t="s">
        <v>120</v>
      </c>
      <c r="M25245" t="s">
        <v>83</v>
      </c>
      <c r="N25245" t="s">
        <v>91</v>
      </c>
      <c r="O25245" t="s">
        <v>85</v>
      </c>
      <c r="P25245" t="s">
        <v>86</v>
      </c>
      <c r="Q25245">
        <v>19</v>
      </c>
      <c r="R25245">
        <v>20</v>
      </c>
      <c r="S25245">
        <v>20</v>
      </c>
      <c r="T25245">
        <v>20</v>
      </c>
      <c r="U25245">
        <v>20</v>
      </c>
      <c r="V25245">
        <v>21</v>
      </c>
      <c r="W25245">
        <v>21</v>
      </c>
      <c r="X25245">
        <v>21</v>
      </c>
      <c r="Y25245">
        <v>21</v>
      </c>
      <c r="Z25245">
        <v>22</v>
      </c>
      <c r="AA25245">
        <v>22</v>
      </c>
      <c r="AB25245">
        <v>22</v>
      </c>
      <c r="AC25245">
        <v>22</v>
      </c>
      <c r="AD25245">
        <v>23</v>
      </c>
      <c r="AE25245">
        <v>23</v>
      </c>
      <c r="AF25245">
        <v>23</v>
      </c>
      <c r="AG25245">
        <v>23</v>
      </c>
      <c r="AH25245">
        <v>23</v>
      </c>
      <c r="AI25245">
        <v>24</v>
      </c>
      <c r="AJ25245">
        <v>24</v>
      </c>
      <c r="AK25245">
        <v>24</v>
      </c>
      <c r="AL25245">
        <v>24</v>
      </c>
      <c r="AM25245">
        <v>24</v>
      </c>
      <c r="AN25245">
        <v>24</v>
      </c>
      <c r="AO25245">
        <v>24</v>
      </c>
      <c r="AP25245">
        <v>24</v>
      </c>
      <c r="AQ25245">
        <v>24</v>
      </c>
    </row>
    <row r="25246" spans="1:43">
      <c r="A25246" t="s">
        <v>15625</v>
      </c>
      <c r="B25246" t="s">
        <v>15626</v>
      </c>
      <c r="C25246" t="s">
        <v>15611</v>
      </c>
      <c r="D25246" t="s">
        <v>15612</v>
      </c>
      <c r="E25246" t="s">
        <v>15475</v>
      </c>
      <c r="F25246" t="s">
        <v>15476</v>
      </c>
      <c r="G25246" t="s">
        <v>10734</v>
      </c>
      <c r="H25246" t="s">
        <v>10735</v>
      </c>
      <c r="I25246" s="2">
        <v>1</v>
      </c>
      <c r="J25246" s="2">
        <v>0</v>
      </c>
      <c r="K25246" s="2">
        <v>0</v>
      </c>
      <c r="L25246" t="s">
        <v>120</v>
      </c>
      <c r="M25246" t="s">
        <v>83</v>
      </c>
      <c r="N25246" t="s">
        <v>84</v>
      </c>
      <c r="O25246" t="s">
        <v>85</v>
      </c>
      <c r="P25246" t="s">
        <v>86</v>
      </c>
      <c r="Q25246">
        <v>15</v>
      </c>
      <c r="R25246">
        <v>15</v>
      </c>
      <c r="S25246">
        <v>15</v>
      </c>
      <c r="T25246">
        <v>15</v>
      </c>
      <c r="U25246">
        <v>16</v>
      </c>
      <c r="V25246">
        <v>16</v>
      </c>
      <c r="W25246">
        <v>16</v>
      </c>
      <c r="X25246">
        <v>16</v>
      </c>
      <c r="Y25246">
        <v>16</v>
      </c>
      <c r="Z25246">
        <v>16</v>
      </c>
      <c r="AA25246">
        <v>17</v>
      </c>
      <c r="AB25246">
        <v>17</v>
      </c>
      <c r="AC25246">
        <v>17</v>
      </c>
      <c r="AD25246">
        <v>17</v>
      </c>
      <c r="AE25246">
        <v>17</v>
      </c>
      <c r="AF25246">
        <v>17</v>
      </c>
      <c r="AG25246">
        <v>18</v>
      </c>
      <c r="AH25246">
        <v>18</v>
      </c>
      <c r="AI25246">
        <v>18</v>
      </c>
      <c r="AJ25246">
        <v>18</v>
      </c>
      <c r="AK25246">
        <v>18</v>
      </c>
      <c r="AL25246">
        <v>18</v>
      </c>
      <c r="AM25246">
        <v>18</v>
      </c>
      <c r="AN25246">
        <v>18</v>
      </c>
      <c r="AO25246">
        <v>18</v>
      </c>
      <c r="AP25246">
        <v>18</v>
      </c>
      <c r="AQ25246">
        <v>18</v>
      </c>
    </row>
    <row r="25247" spans="1:43">
      <c r="A25247" t="s">
        <v>15625</v>
      </c>
      <c r="B25247" t="s">
        <v>15626</v>
      </c>
      <c r="C25247" t="s">
        <v>15611</v>
      </c>
      <c r="D25247" t="s">
        <v>15612</v>
      </c>
      <c r="E25247" t="s">
        <v>15475</v>
      </c>
      <c r="F25247" t="s">
        <v>15476</v>
      </c>
      <c r="G25247" t="s">
        <v>10734</v>
      </c>
      <c r="H25247" t="s">
        <v>10735</v>
      </c>
      <c r="I25247" s="2">
        <v>1</v>
      </c>
      <c r="J25247" s="2">
        <v>0</v>
      </c>
      <c r="K25247" s="2">
        <v>0</v>
      </c>
      <c r="L25247" t="s">
        <v>120</v>
      </c>
      <c r="M25247" t="s">
        <v>87</v>
      </c>
      <c r="N25247" t="s">
        <v>88</v>
      </c>
      <c r="O25247" t="s">
        <v>85</v>
      </c>
      <c r="P25247" t="s">
        <v>86</v>
      </c>
      <c r="Q25247">
        <v>15</v>
      </c>
      <c r="R25247">
        <v>15</v>
      </c>
      <c r="S25247">
        <v>15</v>
      </c>
      <c r="T25247">
        <v>15</v>
      </c>
      <c r="U25247">
        <v>15</v>
      </c>
      <c r="V25247">
        <v>15</v>
      </c>
      <c r="W25247">
        <v>15</v>
      </c>
      <c r="X25247">
        <v>15</v>
      </c>
      <c r="Y25247">
        <v>15</v>
      </c>
      <c r="Z25247">
        <v>15</v>
      </c>
      <c r="AA25247">
        <v>15</v>
      </c>
      <c r="AB25247">
        <v>15</v>
      </c>
      <c r="AC25247">
        <v>15</v>
      </c>
      <c r="AD25247">
        <v>15</v>
      </c>
      <c r="AE25247">
        <v>15</v>
      </c>
      <c r="AF25247">
        <v>15</v>
      </c>
      <c r="AG25247">
        <v>16</v>
      </c>
      <c r="AH25247">
        <v>16</v>
      </c>
      <c r="AI25247">
        <v>16</v>
      </c>
      <c r="AJ25247">
        <v>16</v>
      </c>
      <c r="AK25247">
        <v>16</v>
      </c>
      <c r="AL25247">
        <v>16</v>
      </c>
      <c r="AM25247">
        <v>16</v>
      </c>
      <c r="AN25247">
        <v>16</v>
      </c>
      <c r="AO25247">
        <v>16</v>
      </c>
      <c r="AP25247">
        <v>16</v>
      </c>
      <c r="AQ25247">
        <v>16</v>
      </c>
    </row>
    <row r="25248" spans="1:43">
      <c r="A25248" t="s">
        <v>15625</v>
      </c>
      <c r="B25248" t="s">
        <v>15626</v>
      </c>
      <c r="C25248" t="s">
        <v>15611</v>
      </c>
      <c r="D25248" t="s">
        <v>15612</v>
      </c>
      <c r="E25248" t="s">
        <v>15475</v>
      </c>
      <c r="F25248" t="s">
        <v>15476</v>
      </c>
      <c r="G25248" t="s">
        <v>10734</v>
      </c>
      <c r="H25248" t="s">
        <v>10735</v>
      </c>
      <c r="I25248" s="2">
        <v>1</v>
      </c>
      <c r="J25248" s="2">
        <v>0</v>
      </c>
      <c r="K25248" s="2">
        <v>0</v>
      </c>
      <c r="L25248" t="s">
        <v>120</v>
      </c>
      <c r="M25248" t="s">
        <v>89</v>
      </c>
      <c r="N25248" t="s">
        <v>90</v>
      </c>
      <c r="O25248" t="s">
        <v>85</v>
      </c>
      <c r="P25248" t="s">
        <v>86</v>
      </c>
      <c r="Q25248">
        <v>15</v>
      </c>
      <c r="R25248">
        <v>15</v>
      </c>
      <c r="S25248">
        <v>15</v>
      </c>
      <c r="T25248">
        <v>16</v>
      </c>
      <c r="U25248">
        <v>16</v>
      </c>
      <c r="V25248">
        <v>16</v>
      </c>
      <c r="W25248">
        <v>17</v>
      </c>
      <c r="X25248">
        <v>17</v>
      </c>
      <c r="Y25248">
        <v>17</v>
      </c>
      <c r="Z25248">
        <v>17</v>
      </c>
      <c r="AA25248">
        <v>18</v>
      </c>
      <c r="AB25248">
        <v>18</v>
      </c>
      <c r="AC25248">
        <v>18</v>
      </c>
      <c r="AD25248">
        <v>18</v>
      </c>
      <c r="AE25248">
        <v>18</v>
      </c>
      <c r="AF25248">
        <v>18</v>
      </c>
      <c r="AG25248">
        <v>18</v>
      </c>
      <c r="AH25248">
        <v>18</v>
      </c>
      <c r="AI25248">
        <v>18</v>
      </c>
      <c r="AJ25248">
        <v>18</v>
      </c>
      <c r="AK25248">
        <v>18</v>
      </c>
      <c r="AL25248">
        <v>18</v>
      </c>
      <c r="AM25248">
        <v>18</v>
      </c>
      <c r="AN25248">
        <v>18</v>
      </c>
      <c r="AO25248">
        <v>18</v>
      </c>
      <c r="AP25248">
        <v>18</v>
      </c>
      <c r="AQ25248">
        <v>18</v>
      </c>
    </row>
    <row r="25249" spans="1:43">
      <c r="A25249" t="s">
        <v>15625</v>
      </c>
      <c r="B25249" t="s">
        <v>15626</v>
      </c>
      <c r="C25249" t="s">
        <v>15611</v>
      </c>
      <c r="D25249" t="s">
        <v>15612</v>
      </c>
      <c r="E25249" t="s">
        <v>15475</v>
      </c>
      <c r="F25249" t="s">
        <v>15476</v>
      </c>
      <c r="G25249" t="s">
        <v>10734</v>
      </c>
      <c r="H25249" t="s">
        <v>10735</v>
      </c>
      <c r="I25249" s="2">
        <v>1</v>
      </c>
      <c r="J25249" s="2">
        <v>0</v>
      </c>
      <c r="K25249" s="2">
        <v>0</v>
      </c>
      <c r="L25249" t="s">
        <v>120</v>
      </c>
      <c r="M25249" t="s">
        <v>83</v>
      </c>
      <c r="N25249" t="s">
        <v>91</v>
      </c>
      <c r="O25249" t="s">
        <v>85</v>
      </c>
      <c r="P25249" t="s">
        <v>86</v>
      </c>
      <c r="Q25249">
        <v>15</v>
      </c>
      <c r="R25249">
        <v>15</v>
      </c>
      <c r="S25249">
        <v>15</v>
      </c>
      <c r="T25249">
        <v>15</v>
      </c>
      <c r="U25249">
        <v>16</v>
      </c>
      <c r="V25249">
        <v>16</v>
      </c>
      <c r="W25249">
        <v>16</v>
      </c>
      <c r="X25249">
        <v>16</v>
      </c>
      <c r="Y25249">
        <v>16</v>
      </c>
      <c r="Z25249">
        <v>16</v>
      </c>
      <c r="AA25249">
        <v>17</v>
      </c>
      <c r="AB25249">
        <v>17</v>
      </c>
      <c r="AC25249">
        <v>17</v>
      </c>
      <c r="AD25249">
        <v>17</v>
      </c>
      <c r="AE25249">
        <v>17</v>
      </c>
      <c r="AF25249">
        <v>17</v>
      </c>
      <c r="AG25249">
        <v>18</v>
      </c>
      <c r="AH25249">
        <v>18</v>
      </c>
      <c r="AI25249">
        <v>18</v>
      </c>
      <c r="AJ25249">
        <v>18</v>
      </c>
      <c r="AK25249">
        <v>18</v>
      </c>
      <c r="AL25249">
        <v>18</v>
      </c>
      <c r="AM25249">
        <v>18</v>
      </c>
      <c r="AN25249">
        <v>18</v>
      </c>
      <c r="AO25249">
        <v>18</v>
      </c>
      <c r="AP25249">
        <v>18</v>
      </c>
      <c r="AQ25249">
        <v>18</v>
      </c>
    </row>
    <row r="25250" spans="1:43">
      <c r="A25250" t="s">
        <v>15627</v>
      </c>
      <c r="B25250" t="s">
        <v>15628</v>
      </c>
      <c r="C25250" t="s">
        <v>15611</v>
      </c>
      <c r="D25250" t="s">
        <v>15612</v>
      </c>
      <c r="E25250" t="s">
        <v>15475</v>
      </c>
      <c r="F25250" t="s">
        <v>15476</v>
      </c>
      <c r="G25250" t="s">
        <v>10734</v>
      </c>
      <c r="H25250" t="s">
        <v>10735</v>
      </c>
      <c r="I25250" s="2">
        <v>1</v>
      </c>
      <c r="J25250" s="2">
        <v>0</v>
      </c>
      <c r="K25250" s="2">
        <v>0</v>
      </c>
      <c r="L25250" t="s">
        <v>120</v>
      </c>
      <c r="M25250" t="s">
        <v>83</v>
      </c>
      <c r="N25250" t="s">
        <v>84</v>
      </c>
      <c r="O25250" t="s">
        <v>85</v>
      </c>
      <c r="P25250" t="s">
        <v>86</v>
      </c>
      <c r="Q25250">
        <v>17</v>
      </c>
      <c r="R25250">
        <v>17</v>
      </c>
      <c r="S25250">
        <v>17</v>
      </c>
      <c r="T25250">
        <v>18</v>
      </c>
      <c r="U25250">
        <v>18</v>
      </c>
      <c r="V25250">
        <v>18</v>
      </c>
      <c r="W25250">
        <v>18</v>
      </c>
      <c r="X25250">
        <v>19</v>
      </c>
      <c r="Y25250">
        <v>19</v>
      </c>
      <c r="Z25250">
        <v>19</v>
      </c>
      <c r="AA25250">
        <v>19</v>
      </c>
      <c r="AB25250">
        <v>19</v>
      </c>
      <c r="AC25250">
        <v>20</v>
      </c>
      <c r="AD25250">
        <v>20</v>
      </c>
      <c r="AE25250">
        <v>20</v>
      </c>
      <c r="AF25250">
        <v>20</v>
      </c>
      <c r="AG25250">
        <v>20</v>
      </c>
      <c r="AH25250">
        <v>21</v>
      </c>
      <c r="AI25250">
        <v>21</v>
      </c>
      <c r="AJ25250">
        <v>21</v>
      </c>
      <c r="AK25250">
        <v>21</v>
      </c>
      <c r="AL25250">
        <v>21</v>
      </c>
      <c r="AM25250">
        <v>21</v>
      </c>
      <c r="AN25250">
        <v>21</v>
      </c>
      <c r="AO25250">
        <v>21</v>
      </c>
      <c r="AP25250">
        <v>21</v>
      </c>
      <c r="AQ25250">
        <v>21</v>
      </c>
    </row>
    <row r="25251" spans="1:43">
      <c r="A25251" t="s">
        <v>15627</v>
      </c>
      <c r="B25251" t="s">
        <v>15628</v>
      </c>
      <c r="C25251" t="s">
        <v>15611</v>
      </c>
      <c r="D25251" t="s">
        <v>15612</v>
      </c>
      <c r="E25251" t="s">
        <v>15475</v>
      </c>
      <c r="F25251" t="s">
        <v>15476</v>
      </c>
      <c r="G25251" t="s">
        <v>10734</v>
      </c>
      <c r="H25251" t="s">
        <v>10735</v>
      </c>
      <c r="I25251" s="2">
        <v>1</v>
      </c>
      <c r="J25251" s="2">
        <v>0</v>
      </c>
      <c r="K25251" s="2">
        <v>0</v>
      </c>
      <c r="L25251" t="s">
        <v>120</v>
      </c>
      <c r="M25251" t="s">
        <v>87</v>
      </c>
      <c r="N25251" t="s">
        <v>88</v>
      </c>
      <c r="O25251" t="s">
        <v>85</v>
      </c>
      <c r="P25251" t="s">
        <v>86</v>
      </c>
      <c r="Q25251">
        <v>17</v>
      </c>
      <c r="R25251">
        <v>17</v>
      </c>
      <c r="S25251">
        <v>17</v>
      </c>
      <c r="T25251">
        <v>17</v>
      </c>
      <c r="U25251">
        <v>17</v>
      </c>
      <c r="V25251">
        <v>17</v>
      </c>
      <c r="W25251">
        <v>17</v>
      </c>
      <c r="X25251">
        <v>17</v>
      </c>
      <c r="Y25251">
        <v>17</v>
      </c>
      <c r="Z25251">
        <v>17</v>
      </c>
      <c r="AA25251">
        <v>18</v>
      </c>
      <c r="AB25251">
        <v>18</v>
      </c>
      <c r="AC25251">
        <v>18</v>
      </c>
      <c r="AD25251">
        <v>18</v>
      </c>
      <c r="AE25251">
        <v>18</v>
      </c>
      <c r="AF25251">
        <v>18</v>
      </c>
      <c r="AG25251">
        <v>18</v>
      </c>
      <c r="AH25251">
        <v>18</v>
      </c>
      <c r="AI25251">
        <v>18</v>
      </c>
      <c r="AJ25251">
        <v>18</v>
      </c>
      <c r="AK25251">
        <v>18</v>
      </c>
      <c r="AL25251">
        <v>18</v>
      </c>
      <c r="AM25251">
        <v>18</v>
      </c>
      <c r="AN25251">
        <v>18</v>
      </c>
      <c r="AO25251">
        <v>18</v>
      </c>
      <c r="AP25251">
        <v>18</v>
      </c>
      <c r="AQ25251">
        <v>19</v>
      </c>
    </row>
    <row r="25252" spans="1:43">
      <c r="A25252" t="s">
        <v>15627</v>
      </c>
      <c r="B25252" t="s">
        <v>15628</v>
      </c>
      <c r="C25252" t="s">
        <v>15611</v>
      </c>
      <c r="D25252" t="s">
        <v>15612</v>
      </c>
      <c r="E25252" t="s">
        <v>15475</v>
      </c>
      <c r="F25252" t="s">
        <v>15476</v>
      </c>
      <c r="G25252" t="s">
        <v>10734</v>
      </c>
      <c r="H25252" t="s">
        <v>10735</v>
      </c>
      <c r="I25252" s="2">
        <v>1</v>
      </c>
      <c r="J25252" s="2">
        <v>0</v>
      </c>
      <c r="K25252" s="2">
        <v>0</v>
      </c>
      <c r="L25252" t="s">
        <v>120</v>
      </c>
      <c r="M25252" t="s">
        <v>89</v>
      </c>
      <c r="N25252" t="s">
        <v>90</v>
      </c>
      <c r="O25252" t="s">
        <v>85</v>
      </c>
      <c r="P25252" t="s">
        <v>86</v>
      </c>
      <c r="Q25252">
        <v>17</v>
      </c>
      <c r="R25252">
        <v>18</v>
      </c>
      <c r="S25252">
        <v>18</v>
      </c>
      <c r="T25252">
        <v>18</v>
      </c>
      <c r="U25252">
        <v>19</v>
      </c>
      <c r="V25252">
        <v>19</v>
      </c>
      <c r="W25252">
        <v>19</v>
      </c>
      <c r="X25252">
        <v>20</v>
      </c>
      <c r="Y25252">
        <v>20</v>
      </c>
      <c r="Z25252">
        <v>20</v>
      </c>
      <c r="AA25252">
        <v>20</v>
      </c>
      <c r="AB25252">
        <v>21</v>
      </c>
      <c r="AC25252">
        <v>21</v>
      </c>
      <c r="AD25252">
        <v>21</v>
      </c>
      <c r="AE25252">
        <v>21</v>
      </c>
      <c r="AF25252">
        <v>21</v>
      </c>
      <c r="AG25252">
        <v>21</v>
      </c>
      <c r="AH25252">
        <v>21</v>
      </c>
      <c r="AI25252">
        <v>21</v>
      </c>
      <c r="AJ25252">
        <v>21</v>
      </c>
      <c r="AK25252">
        <v>21</v>
      </c>
      <c r="AL25252">
        <v>21</v>
      </c>
      <c r="AM25252">
        <v>21</v>
      </c>
      <c r="AN25252">
        <v>21</v>
      </c>
      <c r="AO25252">
        <v>21</v>
      </c>
      <c r="AP25252">
        <v>21</v>
      </c>
      <c r="AQ25252">
        <v>21</v>
      </c>
    </row>
    <row r="25253" spans="1:43">
      <c r="A25253" t="s">
        <v>15627</v>
      </c>
      <c r="B25253" t="s">
        <v>15628</v>
      </c>
      <c r="C25253" t="s">
        <v>15611</v>
      </c>
      <c r="D25253" t="s">
        <v>15612</v>
      </c>
      <c r="E25253" t="s">
        <v>15475</v>
      </c>
      <c r="F25253" t="s">
        <v>15476</v>
      </c>
      <c r="G25253" t="s">
        <v>10734</v>
      </c>
      <c r="H25253" t="s">
        <v>10735</v>
      </c>
      <c r="I25253" s="2">
        <v>1</v>
      </c>
      <c r="J25253" s="2">
        <v>0</v>
      </c>
      <c r="K25253" s="2">
        <v>0</v>
      </c>
      <c r="L25253" t="s">
        <v>120</v>
      </c>
      <c r="M25253" t="s">
        <v>83</v>
      </c>
      <c r="N25253" t="s">
        <v>91</v>
      </c>
      <c r="O25253" t="s">
        <v>85</v>
      </c>
      <c r="P25253" t="s">
        <v>86</v>
      </c>
      <c r="Q25253">
        <v>17</v>
      </c>
      <c r="R25253">
        <v>17</v>
      </c>
      <c r="S25253">
        <v>17</v>
      </c>
      <c r="T25253">
        <v>18</v>
      </c>
      <c r="U25253">
        <v>18</v>
      </c>
      <c r="V25253">
        <v>18</v>
      </c>
      <c r="W25253">
        <v>18</v>
      </c>
      <c r="X25253">
        <v>19</v>
      </c>
      <c r="Y25253">
        <v>19</v>
      </c>
      <c r="Z25253">
        <v>19</v>
      </c>
      <c r="AA25253">
        <v>19</v>
      </c>
      <c r="AB25253">
        <v>19</v>
      </c>
      <c r="AC25253">
        <v>20</v>
      </c>
      <c r="AD25253">
        <v>20</v>
      </c>
      <c r="AE25253">
        <v>20</v>
      </c>
      <c r="AF25253">
        <v>20</v>
      </c>
      <c r="AG25253">
        <v>20</v>
      </c>
      <c r="AH25253">
        <v>21</v>
      </c>
      <c r="AI25253">
        <v>21</v>
      </c>
      <c r="AJ25253">
        <v>21</v>
      </c>
      <c r="AK25253">
        <v>21</v>
      </c>
      <c r="AL25253">
        <v>21</v>
      </c>
      <c r="AM25253">
        <v>21</v>
      </c>
      <c r="AN25253">
        <v>21</v>
      </c>
      <c r="AO25253">
        <v>21</v>
      </c>
      <c r="AP25253">
        <v>21</v>
      </c>
      <c r="AQ25253">
        <v>21</v>
      </c>
    </row>
    <row r="25254" spans="1:43">
      <c r="A25254" t="s">
        <v>15629</v>
      </c>
      <c r="B25254" t="s">
        <v>15630</v>
      </c>
      <c r="C25254" t="s">
        <v>15631</v>
      </c>
      <c r="D25254" t="s">
        <v>15632</v>
      </c>
      <c r="E25254" t="s">
        <v>15475</v>
      </c>
      <c r="F25254" t="s">
        <v>15476</v>
      </c>
      <c r="G25254" t="s">
        <v>10734</v>
      </c>
      <c r="H25254" t="s">
        <v>10735</v>
      </c>
      <c r="I25254" s="2">
        <v>1</v>
      </c>
      <c r="J25254" s="2">
        <v>0</v>
      </c>
      <c r="K25254" s="2">
        <v>0</v>
      </c>
      <c r="L25254" t="s">
        <v>120</v>
      </c>
      <c r="M25254" t="s">
        <v>83</v>
      </c>
      <c r="N25254" t="s">
        <v>84</v>
      </c>
      <c r="O25254" t="s">
        <v>85</v>
      </c>
      <c r="P25254" t="s">
        <v>86</v>
      </c>
      <c r="Q25254">
        <v>21</v>
      </c>
      <c r="R25254">
        <v>21</v>
      </c>
      <c r="S25254">
        <v>21</v>
      </c>
      <c r="T25254">
        <v>21</v>
      </c>
      <c r="U25254">
        <v>22</v>
      </c>
      <c r="V25254">
        <v>22</v>
      </c>
      <c r="W25254">
        <v>22</v>
      </c>
      <c r="X25254">
        <v>23</v>
      </c>
      <c r="Y25254">
        <v>23</v>
      </c>
      <c r="Z25254">
        <v>23</v>
      </c>
      <c r="AA25254">
        <v>23</v>
      </c>
      <c r="AB25254">
        <v>24</v>
      </c>
      <c r="AC25254">
        <v>24</v>
      </c>
      <c r="AD25254">
        <v>24</v>
      </c>
      <c r="AE25254">
        <v>24</v>
      </c>
      <c r="AF25254">
        <v>24</v>
      </c>
      <c r="AG25254">
        <v>25</v>
      </c>
      <c r="AH25254">
        <v>25</v>
      </c>
      <c r="AI25254">
        <v>25</v>
      </c>
      <c r="AJ25254">
        <v>25</v>
      </c>
      <c r="AK25254">
        <v>26</v>
      </c>
      <c r="AL25254">
        <v>26</v>
      </c>
      <c r="AM25254">
        <v>26</v>
      </c>
      <c r="AN25254">
        <v>26</v>
      </c>
      <c r="AO25254">
        <v>26</v>
      </c>
      <c r="AP25254">
        <v>26</v>
      </c>
      <c r="AQ25254">
        <v>26</v>
      </c>
    </row>
    <row r="25255" spans="1:43">
      <c r="A25255" t="s">
        <v>15629</v>
      </c>
      <c r="B25255" t="s">
        <v>15630</v>
      </c>
      <c r="C25255" t="s">
        <v>15631</v>
      </c>
      <c r="D25255" t="s">
        <v>15632</v>
      </c>
      <c r="E25255" t="s">
        <v>15475</v>
      </c>
      <c r="F25255" t="s">
        <v>15476</v>
      </c>
      <c r="G25255" t="s">
        <v>10734</v>
      </c>
      <c r="H25255" t="s">
        <v>10735</v>
      </c>
      <c r="I25255" s="2">
        <v>1</v>
      </c>
      <c r="J25255" s="2">
        <v>0</v>
      </c>
      <c r="K25255" s="2">
        <v>0</v>
      </c>
      <c r="L25255" t="s">
        <v>120</v>
      </c>
      <c r="M25255" t="s">
        <v>87</v>
      </c>
      <c r="N25255" t="s">
        <v>88</v>
      </c>
      <c r="O25255" t="s">
        <v>85</v>
      </c>
      <c r="P25255" t="s">
        <v>86</v>
      </c>
      <c r="Q25255">
        <v>21</v>
      </c>
      <c r="R25255">
        <v>21</v>
      </c>
      <c r="S25255">
        <v>22</v>
      </c>
      <c r="T25255">
        <v>22</v>
      </c>
      <c r="U25255">
        <v>22</v>
      </c>
      <c r="V25255">
        <v>22</v>
      </c>
      <c r="W25255">
        <v>22</v>
      </c>
      <c r="X25255">
        <v>22</v>
      </c>
      <c r="Y25255">
        <v>22</v>
      </c>
      <c r="Z25255">
        <v>22</v>
      </c>
      <c r="AA25255">
        <v>22</v>
      </c>
      <c r="AB25255">
        <v>22</v>
      </c>
      <c r="AC25255">
        <v>22</v>
      </c>
      <c r="AD25255">
        <v>23</v>
      </c>
      <c r="AE25255">
        <v>23</v>
      </c>
      <c r="AF25255">
        <v>23</v>
      </c>
      <c r="AG25255">
        <v>23</v>
      </c>
      <c r="AH25255">
        <v>23</v>
      </c>
      <c r="AI25255">
        <v>23</v>
      </c>
      <c r="AJ25255">
        <v>23</v>
      </c>
      <c r="AK25255">
        <v>23</v>
      </c>
      <c r="AL25255">
        <v>23</v>
      </c>
      <c r="AM25255">
        <v>23</v>
      </c>
      <c r="AN25255">
        <v>23</v>
      </c>
      <c r="AO25255">
        <v>23</v>
      </c>
      <c r="AP25255">
        <v>23</v>
      </c>
      <c r="AQ25255">
        <v>24</v>
      </c>
    </row>
    <row r="25256" spans="1:43">
      <c r="A25256" t="s">
        <v>15629</v>
      </c>
      <c r="B25256" t="s">
        <v>15630</v>
      </c>
      <c r="C25256" t="s">
        <v>15631</v>
      </c>
      <c r="D25256" t="s">
        <v>15632</v>
      </c>
      <c r="E25256" t="s">
        <v>15475</v>
      </c>
      <c r="F25256" t="s">
        <v>15476</v>
      </c>
      <c r="G25256" t="s">
        <v>10734</v>
      </c>
      <c r="H25256" t="s">
        <v>10735</v>
      </c>
      <c r="I25256" s="2">
        <v>1</v>
      </c>
      <c r="J25256" s="2">
        <v>0</v>
      </c>
      <c r="K25256" s="2">
        <v>0</v>
      </c>
      <c r="L25256" t="s">
        <v>120</v>
      </c>
      <c r="M25256" t="s">
        <v>89</v>
      </c>
      <c r="N25256" t="s">
        <v>90</v>
      </c>
      <c r="O25256" t="s">
        <v>85</v>
      </c>
      <c r="P25256" t="s">
        <v>86</v>
      </c>
      <c r="Q25256">
        <v>21</v>
      </c>
      <c r="R25256">
        <v>21</v>
      </c>
      <c r="S25256">
        <v>22</v>
      </c>
      <c r="T25256">
        <v>22</v>
      </c>
      <c r="U25256">
        <v>23</v>
      </c>
      <c r="V25256">
        <v>23</v>
      </c>
      <c r="W25256">
        <v>23</v>
      </c>
      <c r="X25256">
        <v>24</v>
      </c>
      <c r="Y25256">
        <v>24</v>
      </c>
      <c r="Z25256">
        <v>24</v>
      </c>
      <c r="AA25256">
        <v>25</v>
      </c>
      <c r="AB25256">
        <v>25</v>
      </c>
      <c r="AC25256">
        <v>25</v>
      </c>
      <c r="AD25256">
        <v>26</v>
      </c>
      <c r="AE25256">
        <v>26</v>
      </c>
      <c r="AF25256">
        <v>26</v>
      </c>
      <c r="AG25256">
        <v>26</v>
      </c>
      <c r="AH25256">
        <v>26</v>
      </c>
      <c r="AI25256">
        <v>26</v>
      </c>
      <c r="AJ25256">
        <v>26</v>
      </c>
      <c r="AK25256">
        <v>26</v>
      </c>
      <c r="AL25256">
        <v>26</v>
      </c>
      <c r="AM25256">
        <v>26</v>
      </c>
      <c r="AN25256">
        <v>26</v>
      </c>
      <c r="AO25256">
        <v>26</v>
      </c>
      <c r="AP25256">
        <v>26</v>
      </c>
      <c r="AQ25256">
        <v>26</v>
      </c>
    </row>
    <row r="25257" spans="1:43">
      <c r="A25257" t="s">
        <v>15629</v>
      </c>
      <c r="B25257" t="s">
        <v>15630</v>
      </c>
      <c r="C25257" t="s">
        <v>15631</v>
      </c>
      <c r="D25257" t="s">
        <v>15632</v>
      </c>
      <c r="E25257" t="s">
        <v>15475</v>
      </c>
      <c r="F25257" t="s">
        <v>15476</v>
      </c>
      <c r="G25257" t="s">
        <v>10734</v>
      </c>
      <c r="H25257" t="s">
        <v>10735</v>
      </c>
      <c r="I25257" s="2">
        <v>1</v>
      </c>
      <c r="J25257" s="2">
        <v>0</v>
      </c>
      <c r="K25257" s="2">
        <v>0</v>
      </c>
      <c r="L25257" t="s">
        <v>120</v>
      </c>
      <c r="M25257" t="s">
        <v>83</v>
      </c>
      <c r="N25257" t="s">
        <v>91</v>
      </c>
      <c r="O25257" t="s">
        <v>85</v>
      </c>
      <c r="P25257" t="s">
        <v>86</v>
      </c>
      <c r="Q25257">
        <v>21</v>
      </c>
      <c r="R25257">
        <v>21</v>
      </c>
      <c r="S25257">
        <v>21</v>
      </c>
      <c r="T25257">
        <v>21</v>
      </c>
      <c r="U25257">
        <v>22</v>
      </c>
      <c r="V25257">
        <v>22</v>
      </c>
      <c r="W25257">
        <v>22</v>
      </c>
      <c r="X25257">
        <v>23</v>
      </c>
      <c r="Y25257">
        <v>23</v>
      </c>
      <c r="Z25257">
        <v>23</v>
      </c>
      <c r="AA25257">
        <v>23</v>
      </c>
      <c r="AB25257">
        <v>24</v>
      </c>
      <c r="AC25257">
        <v>24</v>
      </c>
      <c r="AD25257">
        <v>24</v>
      </c>
      <c r="AE25257">
        <v>24</v>
      </c>
      <c r="AF25257">
        <v>24</v>
      </c>
      <c r="AG25257">
        <v>25</v>
      </c>
      <c r="AH25257">
        <v>25</v>
      </c>
      <c r="AI25257">
        <v>25</v>
      </c>
      <c r="AJ25257">
        <v>25</v>
      </c>
      <c r="AK25257">
        <v>26</v>
      </c>
      <c r="AL25257">
        <v>26</v>
      </c>
      <c r="AM25257">
        <v>26</v>
      </c>
      <c r="AN25257">
        <v>26</v>
      </c>
      <c r="AO25257">
        <v>26</v>
      </c>
      <c r="AP25257">
        <v>26</v>
      </c>
      <c r="AQ25257">
        <v>26</v>
      </c>
    </row>
    <row r="25258" spans="1:43">
      <c r="A25258" t="s">
        <v>15633</v>
      </c>
      <c r="B25258" t="s">
        <v>15634</v>
      </c>
      <c r="C25258" t="s">
        <v>15631</v>
      </c>
      <c r="D25258" t="s">
        <v>15632</v>
      </c>
      <c r="E25258" t="s">
        <v>15475</v>
      </c>
      <c r="F25258" t="s">
        <v>15476</v>
      </c>
      <c r="G25258" t="s">
        <v>10734</v>
      </c>
      <c r="H25258" t="s">
        <v>10735</v>
      </c>
      <c r="I25258" s="2">
        <v>1</v>
      </c>
      <c r="J25258" s="2">
        <v>0</v>
      </c>
      <c r="K25258" s="2">
        <v>0</v>
      </c>
      <c r="L25258" t="s">
        <v>120</v>
      </c>
      <c r="M25258" t="s">
        <v>83</v>
      </c>
      <c r="N25258" t="s">
        <v>84</v>
      </c>
      <c r="O25258" t="s">
        <v>85</v>
      </c>
      <c r="P25258" t="s">
        <v>86</v>
      </c>
      <c r="Q25258">
        <v>17</v>
      </c>
      <c r="R25258">
        <v>17</v>
      </c>
      <c r="S25258">
        <v>17</v>
      </c>
      <c r="T25258">
        <v>18</v>
      </c>
      <c r="U25258">
        <v>18</v>
      </c>
      <c r="V25258">
        <v>18</v>
      </c>
      <c r="W25258">
        <v>18</v>
      </c>
      <c r="X25258">
        <v>19</v>
      </c>
      <c r="Y25258">
        <v>19</v>
      </c>
      <c r="Z25258">
        <v>19</v>
      </c>
      <c r="AA25258">
        <v>19</v>
      </c>
      <c r="AB25258">
        <v>19</v>
      </c>
      <c r="AC25258">
        <v>20</v>
      </c>
      <c r="AD25258">
        <v>20</v>
      </c>
      <c r="AE25258">
        <v>20</v>
      </c>
      <c r="AF25258">
        <v>20</v>
      </c>
      <c r="AG25258">
        <v>20</v>
      </c>
      <c r="AH25258">
        <v>21</v>
      </c>
      <c r="AI25258">
        <v>21</v>
      </c>
      <c r="AJ25258">
        <v>21</v>
      </c>
      <c r="AK25258">
        <v>21</v>
      </c>
      <c r="AL25258">
        <v>21</v>
      </c>
      <c r="AM25258">
        <v>21</v>
      </c>
      <c r="AN25258">
        <v>21</v>
      </c>
      <c r="AO25258">
        <v>21</v>
      </c>
      <c r="AP25258">
        <v>21</v>
      </c>
      <c r="AQ25258">
        <v>21</v>
      </c>
    </row>
    <row r="25259" spans="1:43">
      <c r="A25259" t="s">
        <v>15633</v>
      </c>
      <c r="B25259" t="s">
        <v>15634</v>
      </c>
      <c r="C25259" t="s">
        <v>15631</v>
      </c>
      <c r="D25259" t="s">
        <v>15632</v>
      </c>
      <c r="E25259" t="s">
        <v>15475</v>
      </c>
      <c r="F25259" t="s">
        <v>15476</v>
      </c>
      <c r="G25259" t="s">
        <v>10734</v>
      </c>
      <c r="H25259" t="s">
        <v>10735</v>
      </c>
      <c r="I25259" s="2">
        <v>1</v>
      </c>
      <c r="J25259" s="2">
        <v>0</v>
      </c>
      <c r="K25259" s="2">
        <v>0</v>
      </c>
      <c r="L25259" t="s">
        <v>120</v>
      </c>
      <c r="M25259" t="s">
        <v>87</v>
      </c>
      <c r="N25259" t="s">
        <v>88</v>
      </c>
      <c r="O25259" t="s">
        <v>85</v>
      </c>
      <c r="P25259" t="s">
        <v>86</v>
      </c>
      <c r="Q25259">
        <v>17</v>
      </c>
      <c r="R25259">
        <v>17</v>
      </c>
      <c r="S25259">
        <v>17</v>
      </c>
      <c r="T25259">
        <v>17</v>
      </c>
      <c r="U25259">
        <v>17</v>
      </c>
      <c r="V25259">
        <v>17</v>
      </c>
      <c r="W25259">
        <v>17</v>
      </c>
      <c r="X25259">
        <v>17</v>
      </c>
      <c r="Y25259">
        <v>17</v>
      </c>
      <c r="Z25259">
        <v>18</v>
      </c>
      <c r="AA25259">
        <v>18</v>
      </c>
      <c r="AB25259">
        <v>18</v>
      </c>
      <c r="AC25259">
        <v>18</v>
      </c>
      <c r="AD25259">
        <v>18</v>
      </c>
      <c r="AE25259">
        <v>18</v>
      </c>
      <c r="AF25259">
        <v>18</v>
      </c>
      <c r="AG25259">
        <v>18</v>
      </c>
      <c r="AH25259">
        <v>18</v>
      </c>
      <c r="AI25259">
        <v>18</v>
      </c>
      <c r="AJ25259">
        <v>18</v>
      </c>
      <c r="AK25259">
        <v>18</v>
      </c>
      <c r="AL25259">
        <v>18</v>
      </c>
      <c r="AM25259">
        <v>18</v>
      </c>
      <c r="AN25259">
        <v>18</v>
      </c>
      <c r="AO25259">
        <v>19</v>
      </c>
      <c r="AP25259">
        <v>19</v>
      </c>
      <c r="AQ25259">
        <v>19</v>
      </c>
    </row>
    <row r="25260" spans="1:43">
      <c r="A25260" t="s">
        <v>15633</v>
      </c>
      <c r="B25260" t="s">
        <v>15634</v>
      </c>
      <c r="C25260" t="s">
        <v>15631</v>
      </c>
      <c r="D25260" t="s">
        <v>15632</v>
      </c>
      <c r="E25260" t="s">
        <v>15475</v>
      </c>
      <c r="F25260" t="s">
        <v>15476</v>
      </c>
      <c r="G25260" t="s">
        <v>10734</v>
      </c>
      <c r="H25260" t="s">
        <v>10735</v>
      </c>
      <c r="I25260" s="2">
        <v>1</v>
      </c>
      <c r="J25260" s="2">
        <v>0</v>
      </c>
      <c r="K25260" s="2">
        <v>0</v>
      </c>
      <c r="L25260" t="s">
        <v>120</v>
      </c>
      <c r="M25260" t="s">
        <v>89</v>
      </c>
      <c r="N25260" t="s">
        <v>90</v>
      </c>
      <c r="O25260" t="s">
        <v>85</v>
      </c>
      <c r="P25260" t="s">
        <v>86</v>
      </c>
      <c r="Q25260">
        <v>17</v>
      </c>
      <c r="R25260">
        <v>18</v>
      </c>
      <c r="S25260">
        <v>18</v>
      </c>
      <c r="T25260">
        <v>18</v>
      </c>
      <c r="U25260">
        <v>19</v>
      </c>
      <c r="V25260">
        <v>19</v>
      </c>
      <c r="W25260">
        <v>19</v>
      </c>
      <c r="X25260">
        <v>20</v>
      </c>
      <c r="Y25260">
        <v>20</v>
      </c>
      <c r="Z25260">
        <v>20</v>
      </c>
      <c r="AA25260">
        <v>20</v>
      </c>
      <c r="AB25260">
        <v>21</v>
      </c>
      <c r="AC25260">
        <v>21</v>
      </c>
      <c r="AD25260">
        <v>21</v>
      </c>
      <c r="AE25260">
        <v>21</v>
      </c>
      <c r="AF25260">
        <v>21</v>
      </c>
      <c r="AG25260">
        <v>21</v>
      </c>
      <c r="AH25260">
        <v>21</v>
      </c>
      <c r="AI25260">
        <v>21</v>
      </c>
      <c r="AJ25260">
        <v>21</v>
      </c>
      <c r="AK25260">
        <v>21</v>
      </c>
      <c r="AL25260">
        <v>21</v>
      </c>
      <c r="AM25260">
        <v>21</v>
      </c>
      <c r="AN25260">
        <v>22</v>
      </c>
      <c r="AO25260">
        <v>22</v>
      </c>
      <c r="AP25260">
        <v>22</v>
      </c>
      <c r="AQ25260">
        <v>22</v>
      </c>
    </row>
    <row r="25261" spans="1:43">
      <c r="A25261" t="s">
        <v>15633</v>
      </c>
      <c r="B25261" t="s">
        <v>15634</v>
      </c>
      <c r="C25261" t="s">
        <v>15631</v>
      </c>
      <c r="D25261" t="s">
        <v>15632</v>
      </c>
      <c r="E25261" t="s">
        <v>15475</v>
      </c>
      <c r="F25261" t="s">
        <v>15476</v>
      </c>
      <c r="G25261" t="s">
        <v>10734</v>
      </c>
      <c r="H25261" t="s">
        <v>10735</v>
      </c>
      <c r="I25261" s="2">
        <v>1</v>
      </c>
      <c r="J25261" s="2">
        <v>0</v>
      </c>
      <c r="K25261" s="2">
        <v>0</v>
      </c>
      <c r="L25261" t="s">
        <v>120</v>
      </c>
      <c r="M25261" t="s">
        <v>83</v>
      </c>
      <c r="N25261" t="s">
        <v>91</v>
      </c>
      <c r="O25261" t="s">
        <v>85</v>
      </c>
      <c r="P25261" t="s">
        <v>86</v>
      </c>
      <c r="Q25261">
        <v>17</v>
      </c>
      <c r="R25261">
        <v>17</v>
      </c>
      <c r="S25261">
        <v>17</v>
      </c>
      <c r="T25261">
        <v>18</v>
      </c>
      <c r="U25261">
        <v>18</v>
      </c>
      <c r="V25261">
        <v>18</v>
      </c>
      <c r="W25261">
        <v>18</v>
      </c>
      <c r="X25261">
        <v>19</v>
      </c>
      <c r="Y25261">
        <v>19</v>
      </c>
      <c r="Z25261">
        <v>19</v>
      </c>
      <c r="AA25261">
        <v>19</v>
      </c>
      <c r="AB25261">
        <v>19</v>
      </c>
      <c r="AC25261">
        <v>20</v>
      </c>
      <c r="AD25261">
        <v>20</v>
      </c>
      <c r="AE25261">
        <v>20</v>
      </c>
      <c r="AF25261">
        <v>20</v>
      </c>
      <c r="AG25261">
        <v>20</v>
      </c>
      <c r="AH25261">
        <v>21</v>
      </c>
      <c r="AI25261">
        <v>21</v>
      </c>
      <c r="AJ25261">
        <v>21</v>
      </c>
      <c r="AK25261">
        <v>21</v>
      </c>
      <c r="AL25261">
        <v>21</v>
      </c>
      <c r="AM25261">
        <v>21</v>
      </c>
      <c r="AN25261">
        <v>21</v>
      </c>
      <c r="AO25261">
        <v>21</v>
      </c>
      <c r="AP25261">
        <v>21</v>
      </c>
      <c r="AQ25261">
        <v>21</v>
      </c>
    </row>
    <row r="25262" spans="1:43">
      <c r="A25262" t="s">
        <v>15635</v>
      </c>
      <c r="B25262" t="s">
        <v>15636</v>
      </c>
      <c r="C25262" t="s">
        <v>15631</v>
      </c>
      <c r="D25262" t="s">
        <v>15632</v>
      </c>
      <c r="E25262" t="s">
        <v>15475</v>
      </c>
      <c r="F25262" t="s">
        <v>15476</v>
      </c>
      <c r="G25262" t="s">
        <v>10734</v>
      </c>
      <c r="H25262" t="s">
        <v>10735</v>
      </c>
      <c r="I25262" s="2">
        <v>1</v>
      </c>
      <c r="J25262" s="2">
        <v>0</v>
      </c>
      <c r="K25262" s="2">
        <v>0</v>
      </c>
      <c r="L25262" t="s">
        <v>120</v>
      </c>
      <c r="M25262" t="s">
        <v>83</v>
      </c>
      <c r="N25262" t="s">
        <v>84</v>
      </c>
      <c r="O25262" t="s">
        <v>85</v>
      </c>
      <c r="P25262" t="s">
        <v>86</v>
      </c>
      <c r="Q25262">
        <v>18</v>
      </c>
      <c r="R25262">
        <v>19</v>
      </c>
      <c r="S25262">
        <v>19</v>
      </c>
      <c r="T25262">
        <v>19</v>
      </c>
      <c r="U25262">
        <v>19</v>
      </c>
      <c r="V25262">
        <v>20</v>
      </c>
      <c r="W25262">
        <v>20</v>
      </c>
      <c r="X25262">
        <v>20</v>
      </c>
      <c r="Y25262">
        <v>20</v>
      </c>
      <c r="Z25262">
        <v>21</v>
      </c>
      <c r="AA25262">
        <v>21</v>
      </c>
      <c r="AB25262">
        <v>21</v>
      </c>
      <c r="AC25262">
        <v>21</v>
      </c>
      <c r="AD25262">
        <v>21</v>
      </c>
      <c r="AE25262">
        <v>22</v>
      </c>
      <c r="AF25262">
        <v>22</v>
      </c>
      <c r="AG25262">
        <v>22</v>
      </c>
      <c r="AH25262">
        <v>22</v>
      </c>
      <c r="AI25262">
        <v>22</v>
      </c>
      <c r="AJ25262">
        <v>23</v>
      </c>
      <c r="AK25262">
        <v>23</v>
      </c>
      <c r="AL25262">
        <v>23</v>
      </c>
      <c r="AM25262">
        <v>23</v>
      </c>
      <c r="AN25262">
        <v>23</v>
      </c>
      <c r="AO25262">
        <v>23</v>
      </c>
      <c r="AP25262">
        <v>23</v>
      </c>
      <c r="AQ25262">
        <v>23</v>
      </c>
    </row>
    <row r="25263" spans="1:43">
      <c r="A25263" t="s">
        <v>15635</v>
      </c>
      <c r="B25263" t="s">
        <v>15636</v>
      </c>
      <c r="C25263" t="s">
        <v>15631</v>
      </c>
      <c r="D25263" t="s">
        <v>15632</v>
      </c>
      <c r="E25263" t="s">
        <v>15475</v>
      </c>
      <c r="F25263" t="s">
        <v>15476</v>
      </c>
      <c r="G25263" t="s">
        <v>10734</v>
      </c>
      <c r="H25263" t="s">
        <v>10735</v>
      </c>
      <c r="I25263" s="2">
        <v>1</v>
      </c>
      <c r="J25263" s="2">
        <v>0</v>
      </c>
      <c r="K25263" s="2">
        <v>0</v>
      </c>
      <c r="L25263" t="s">
        <v>120</v>
      </c>
      <c r="M25263" t="s">
        <v>87</v>
      </c>
      <c r="N25263" t="s">
        <v>88</v>
      </c>
      <c r="O25263" t="s">
        <v>85</v>
      </c>
      <c r="P25263" t="s">
        <v>86</v>
      </c>
      <c r="Q25263">
        <v>18</v>
      </c>
      <c r="R25263">
        <v>18</v>
      </c>
      <c r="S25263">
        <v>18</v>
      </c>
      <c r="T25263">
        <v>18</v>
      </c>
      <c r="U25263">
        <v>19</v>
      </c>
      <c r="V25263">
        <v>19</v>
      </c>
      <c r="W25263">
        <v>19</v>
      </c>
      <c r="X25263">
        <v>19</v>
      </c>
      <c r="Y25263">
        <v>19</v>
      </c>
      <c r="Z25263">
        <v>19</v>
      </c>
      <c r="AA25263">
        <v>19</v>
      </c>
      <c r="AB25263">
        <v>19</v>
      </c>
      <c r="AC25263">
        <v>19</v>
      </c>
      <c r="AD25263">
        <v>19</v>
      </c>
      <c r="AE25263">
        <v>19</v>
      </c>
      <c r="AF25263">
        <v>19</v>
      </c>
      <c r="AG25263">
        <v>19</v>
      </c>
      <c r="AH25263">
        <v>19</v>
      </c>
      <c r="AI25263">
        <v>20</v>
      </c>
      <c r="AJ25263">
        <v>20</v>
      </c>
      <c r="AK25263">
        <v>20</v>
      </c>
      <c r="AL25263">
        <v>20</v>
      </c>
      <c r="AM25263">
        <v>20</v>
      </c>
      <c r="AN25263">
        <v>20</v>
      </c>
      <c r="AO25263">
        <v>20</v>
      </c>
      <c r="AP25263">
        <v>20</v>
      </c>
      <c r="AQ25263">
        <v>20</v>
      </c>
    </row>
    <row r="25264" spans="1:43">
      <c r="A25264" t="s">
        <v>15635</v>
      </c>
      <c r="B25264" t="s">
        <v>15636</v>
      </c>
      <c r="C25264" t="s">
        <v>15631</v>
      </c>
      <c r="D25264" t="s">
        <v>15632</v>
      </c>
      <c r="E25264" t="s">
        <v>15475</v>
      </c>
      <c r="F25264" t="s">
        <v>15476</v>
      </c>
      <c r="G25264" t="s">
        <v>10734</v>
      </c>
      <c r="H25264" t="s">
        <v>10735</v>
      </c>
      <c r="I25264" s="2">
        <v>1</v>
      </c>
      <c r="J25264" s="2">
        <v>0</v>
      </c>
      <c r="K25264" s="2">
        <v>0</v>
      </c>
      <c r="L25264" t="s">
        <v>120</v>
      </c>
      <c r="M25264" t="s">
        <v>89</v>
      </c>
      <c r="N25264" t="s">
        <v>90</v>
      </c>
      <c r="O25264" t="s">
        <v>85</v>
      </c>
      <c r="P25264" t="s">
        <v>86</v>
      </c>
      <c r="Q25264">
        <v>18</v>
      </c>
      <c r="R25264">
        <v>18</v>
      </c>
      <c r="S25264">
        <v>18</v>
      </c>
      <c r="T25264">
        <v>19</v>
      </c>
      <c r="U25264">
        <v>19</v>
      </c>
      <c r="V25264">
        <v>20</v>
      </c>
      <c r="W25264">
        <v>20</v>
      </c>
      <c r="X25264">
        <v>20</v>
      </c>
      <c r="Y25264">
        <v>20</v>
      </c>
      <c r="Z25264">
        <v>21</v>
      </c>
      <c r="AA25264">
        <v>21</v>
      </c>
      <c r="AB25264">
        <v>21</v>
      </c>
      <c r="AC25264">
        <v>22</v>
      </c>
      <c r="AD25264">
        <v>22</v>
      </c>
      <c r="AE25264">
        <v>22</v>
      </c>
      <c r="AF25264">
        <v>22</v>
      </c>
      <c r="AG25264">
        <v>22</v>
      </c>
      <c r="AH25264">
        <v>22</v>
      </c>
      <c r="AI25264">
        <v>22</v>
      </c>
      <c r="AJ25264">
        <v>22</v>
      </c>
      <c r="AK25264">
        <v>22</v>
      </c>
      <c r="AL25264">
        <v>22</v>
      </c>
      <c r="AM25264">
        <v>22</v>
      </c>
      <c r="AN25264">
        <v>22</v>
      </c>
      <c r="AO25264">
        <v>22</v>
      </c>
      <c r="AP25264">
        <v>22</v>
      </c>
      <c r="AQ25264">
        <v>22</v>
      </c>
    </row>
    <row r="25265" spans="1:43">
      <c r="A25265" t="s">
        <v>15635</v>
      </c>
      <c r="B25265" t="s">
        <v>15636</v>
      </c>
      <c r="C25265" t="s">
        <v>15631</v>
      </c>
      <c r="D25265" t="s">
        <v>15632</v>
      </c>
      <c r="E25265" t="s">
        <v>15475</v>
      </c>
      <c r="F25265" t="s">
        <v>15476</v>
      </c>
      <c r="G25265" t="s">
        <v>10734</v>
      </c>
      <c r="H25265" t="s">
        <v>10735</v>
      </c>
      <c r="I25265" s="2">
        <v>1</v>
      </c>
      <c r="J25265" s="2">
        <v>0</v>
      </c>
      <c r="K25265" s="2">
        <v>0</v>
      </c>
      <c r="L25265" t="s">
        <v>120</v>
      </c>
      <c r="M25265" t="s">
        <v>83</v>
      </c>
      <c r="N25265" t="s">
        <v>91</v>
      </c>
      <c r="O25265" t="s">
        <v>85</v>
      </c>
      <c r="P25265" t="s">
        <v>86</v>
      </c>
      <c r="Q25265">
        <v>18</v>
      </c>
      <c r="R25265">
        <v>19</v>
      </c>
      <c r="S25265">
        <v>19</v>
      </c>
      <c r="T25265">
        <v>19</v>
      </c>
      <c r="U25265">
        <v>19</v>
      </c>
      <c r="V25265">
        <v>20</v>
      </c>
      <c r="W25265">
        <v>20</v>
      </c>
      <c r="X25265">
        <v>20</v>
      </c>
      <c r="Y25265">
        <v>20</v>
      </c>
      <c r="Z25265">
        <v>21</v>
      </c>
      <c r="AA25265">
        <v>21</v>
      </c>
      <c r="AB25265">
        <v>21</v>
      </c>
      <c r="AC25265">
        <v>21</v>
      </c>
      <c r="AD25265">
        <v>21</v>
      </c>
      <c r="AE25265">
        <v>22</v>
      </c>
      <c r="AF25265">
        <v>22</v>
      </c>
      <c r="AG25265">
        <v>22</v>
      </c>
      <c r="AH25265">
        <v>22</v>
      </c>
      <c r="AI25265">
        <v>22</v>
      </c>
      <c r="AJ25265">
        <v>23</v>
      </c>
      <c r="AK25265">
        <v>23</v>
      </c>
      <c r="AL25265">
        <v>23</v>
      </c>
      <c r="AM25265">
        <v>23</v>
      </c>
      <c r="AN25265">
        <v>23</v>
      </c>
      <c r="AO25265">
        <v>23</v>
      </c>
      <c r="AP25265">
        <v>23</v>
      </c>
      <c r="AQ25265">
        <v>23</v>
      </c>
    </row>
    <row r="25266" spans="1:43">
      <c r="A25266" t="s">
        <v>15637</v>
      </c>
      <c r="B25266" t="s">
        <v>15638</v>
      </c>
      <c r="C25266" t="s">
        <v>15631</v>
      </c>
      <c r="D25266" t="s">
        <v>15632</v>
      </c>
      <c r="E25266" t="s">
        <v>15475</v>
      </c>
      <c r="F25266" t="s">
        <v>15476</v>
      </c>
      <c r="G25266" t="s">
        <v>10734</v>
      </c>
      <c r="H25266" t="s">
        <v>10735</v>
      </c>
      <c r="I25266" s="2">
        <v>1</v>
      </c>
      <c r="J25266" s="2">
        <v>0</v>
      </c>
      <c r="K25266" s="2">
        <v>0</v>
      </c>
      <c r="L25266" t="s">
        <v>120</v>
      </c>
      <c r="M25266" t="s">
        <v>83</v>
      </c>
      <c r="N25266" t="s">
        <v>84</v>
      </c>
      <c r="O25266" t="s">
        <v>85</v>
      </c>
      <c r="P25266" t="s">
        <v>86</v>
      </c>
      <c r="Q25266">
        <v>9</v>
      </c>
      <c r="R25266">
        <v>9</v>
      </c>
      <c r="S25266">
        <v>10</v>
      </c>
      <c r="T25266">
        <v>10</v>
      </c>
      <c r="U25266">
        <v>10</v>
      </c>
      <c r="V25266">
        <v>10</v>
      </c>
      <c r="W25266">
        <v>10</v>
      </c>
      <c r="X25266">
        <v>10</v>
      </c>
      <c r="Y25266">
        <v>10</v>
      </c>
      <c r="Z25266">
        <v>10</v>
      </c>
      <c r="AA25266">
        <v>11</v>
      </c>
      <c r="AB25266">
        <v>11</v>
      </c>
      <c r="AC25266">
        <v>11</v>
      </c>
      <c r="AD25266">
        <v>11</v>
      </c>
      <c r="AE25266">
        <v>11</v>
      </c>
      <c r="AF25266">
        <v>11</v>
      </c>
      <c r="AG25266">
        <v>11</v>
      </c>
      <c r="AH25266">
        <v>11</v>
      </c>
      <c r="AI25266">
        <v>11</v>
      </c>
      <c r="AJ25266">
        <v>12</v>
      </c>
      <c r="AK25266">
        <v>12</v>
      </c>
      <c r="AL25266">
        <v>12</v>
      </c>
      <c r="AM25266">
        <v>12</v>
      </c>
      <c r="AN25266">
        <v>12</v>
      </c>
      <c r="AO25266">
        <v>12</v>
      </c>
      <c r="AP25266">
        <v>12</v>
      </c>
      <c r="AQ25266">
        <v>12</v>
      </c>
    </row>
    <row r="25267" spans="1:43">
      <c r="A25267" t="s">
        <v>15637</v>
      </c>
      <c r="B25267" t="s">
        <v>15638</v>
      </c>
      <c r="C25267" t="s">
        <v>15631</v>
      </c>
      <c r="D25267" t="s">
        <v>15632</v>
      </c>
      <c r="E25267" t="s">
        <v>15475</v>
      </c>
      <c r="F25267" t="s">
        <v>15476</v>
      </c>
      <c r="G25267" t="s">
        <v>10734</v>
      </c>
      <c r="H25267" t="s">
        <v>10735</v>
      </c>
      <c r="I25267" s="2">
        <v>1</v>
      </c>
      <c r="J25267" s="2">
        <v>0</v>
      </c>
      <c r="K25267" s="2">
        <v>0</v>
      </c>
      <c r="L25267" t="s">
        <v>120</v>
      </c>
      <c r="M25267" t="s">
        <v>87</v>
      </c>
      <c r="N25267" t="s">
        <v>88</v>
      </c>
      <c r="O25267" t="s">
        <v>85</v>
      </c>
      <c r="P25267" t="s">
        <v>86</v>
      </c>
      <c r="Q25267">
        <v>9</v>
      </c>
      <c r="R25267">
        <v>9</v>
      </c>
      <c r="S25267">
        <v>9</v>
      </c>
      <c r="T25267">
        <v>9</v>
      </c>
      <c r="U25267">
        <v>9</v>
      </c>
      <c r="V25267">
        <v>9</v>
      </c>
      <c r="W25267">
        <v>10</v>
      </c>
      <c r="X25267">
        <v>10</v>
      </c>
      <c r="Y25267">
        <v>10</v>
      </c>
      <c r="Z25267">
        <v>10</v>
      </c>
      <c r="AA25267">
        <v>10</v>
      </c>
      <c r="AB25267">
        <v>10</v>
      </c>
      <c r="AC25267">
        <v>10</v>
      </c>
      <c r="AD25267">
        <v>10</v>
      </c>
      <c r="AE25267">
        <v>10</v>
      </c>
      <c r="AF25267">
        <v>10</v>
      </c>
      <c r="AG25267">
        <v>10</v>
      </c>
      <c r="AH25267">
        <v>10</v>
      </c>
      <c r="AI25267">
        <v>10</v>
      </c>
      <c r="AJ25267">
        <v>10</v>
      </c>
      <c r="AK25267">
        <v>10</v>
      </c>
      <c r="AL25267">
        <v>10</v>
      </c>
      <c r="AM25267">
        <v>10</v>
      </c>
      <c r="AN25267">
        <v>10</v>
      </c>
      <c r="AO25267">
        <v>10</v>
      </c>
      <c r="AP25267">
        <v>10</v>
      </c>
      <c r="AQ25267">
        <v>10</v>
      </c>
    </row>
    <row r="25268" spans="1:43">
      <c r="A25268" t="s">
        <v>15637</v>
      </c>
      <c r="B25268" t="s">
        <v>15638</v>
      </c>
      <c r="C25268" t="s">
        <v>15631</v>
      </c>
      <c r="D25268" t="s">
        <v>15632</v>
      </c>
      <c r="E25268" t="s">
        <v>15475</v>
      </c>
      <c r="F25268" t="s">
        <v>15476</v>
      </c>
      <c r="G25268" t="s">
        <v>10734</v>
      </c>
      <c r="H25268" t="s">
        <v>10735</v>
      </c>
      <c r="I25268" s="2">
        <v>1</v>
      </c>
      <c r="J25268" s="2">
        <v>0</v>
      </c>
      <c r="K25268" s="2">
        <v>0</v>
      </c>
      <c r="L25268" t="s">
        <v>120</v>
      </c>
      <c r="M25268" t="s">
        <v>89</v>
      </c>
      <c r="N25268" t="s">
        <v>90</v>
      </c>
      <c r="O25268" t="s">
        <v>85</v>
      </c>
      <c r="P25268" t="s">
        <v>86</v>
      </c>
      <c r="Q25268">
        <v>9</v>
      </c>
      <c r="R25268">
        <v>10</v>
      </c>
      <c r="S25268">
        <v>10</v>
      </c>
      <c r="T25268">
        <v>10</v>
      </c>
      <c r="U25268">
        <v>10</v>
      </c>
      <c r="V25268">
        <v>10</v>
      </c>
      <c r="W25268">
        <v>11</v>
      </c>
      <c r="X25268">
        <v>11</v>
      </c>
      <c r="Y25268">
        <v>11</v>
      </c>
      <c r="Z25268">
        <v>11</v>
      </c>
      <c r="AA25268">
        <v>11</v>
      </c>
      <c r="AB25268">
        <v>11</v>
      </c>
      <c r="AC25268">
        <v>11</v>
      </c>
      <c r="AD25268">
        <v>12</v>
      </c>
      <c r="AE25268">
        <v>12</v>
      </c>
      <c r="AF25268">
        <v>12</v>
      </c>
      <c r="AG25268">
        <v>12</v>
      </c>
      <c r="AH25268">
        <v>12</v>
      </c>
      <c r="AI25268">
        <v>12</v>
      </c>
      <c r="AJ25268">
        <v>12</v>
      </c>
      <c r="AK25268">
        <v>12</v>
      </c>
      <c r="AL25268">
        <v>12</v>
      </c>
      <c r="AM25268">
        <v>12</v>
      </c>
      <c r="AN25268">
        <v>12</v>
      </c>
      <c r="AO25268">
        <v>12</v>
      </c>
      <c r="AP25268">
        <v>12</v>
      </c>
      <c r="AQ25268">
        <v>12</v>
      </c>
    </row>
    <row r="25269" spans="1:43">
      <c r="A25269" t="s">
        <v>15637</v>
      </c>
      <c r="B25269" t="s">
        <v>15638</v>
      </c>
      <c r="C25269" t="s">
        <v>15631</v>
      </c>
      <c r="D25269" t="s">
        <v>15632</v>
      </c>
      <c r="E25269" t="s">
        <v>15475</v>
      </c>
      <c r="F25269" t="s">
        <v>15476</v>
      </c>
      <c r="G25269" t="s">
        <v>10734</v>
      </c>
      <c r="H25269" t="s">
        <v>10735</v>
      </c>
      <c r="I25269" s="2">
        <v>1</v>
      </c>
      <c r="J25269" s="2">
        <v>0</v>
      </c>
      <c r="K25269" s="2">
        <v>0</v>
      </c>
      <c r="L25269" t="s">
        <v>120</v>
      </c>
      <c r="M25269" t="s">
        <v>83</v>
      </c>
      <c r="N25269" t="s">
        <v>91</v>
      </c>
      <c r="O25269" t="s">
        <v>85</v>
      </c>
      <c r="P25269" t="s">
        <v>86</v>
      </c>
      <c r="Q25269">
        <v>9</v>
      </c>
      <c r="R25269">
        <v>9</v>
      </c>
      <c r="S25269">
        <v>10</v>
      </c>
      <c r="T25269">
        <v>10</v>
      </c>
      <c r="U25269">
        <v>10</v>
      </c>
      <c r="V25269">
        <v>10</v>
      </c>
      <c r="W25269">
        <v>10</v>
      </c>
      <c r="X25269">
        <v>10</v>
      </c>
      <c r="Y25269">
        <v>10</v>
      </c>
      <c r="Z25269">
        <v>10</v>
      </c>
      <c r="AA25269">
        <v>11</v>
      </c>
      <c r="AB25269">
        <v>11</v>
      </c>
      <c r="AC25269">
        <v>11</v>
      </c>
      <c r="AD25269">
        <v>11</v>
      </c>
      <c r="AE25269">
        <v>11</v>
      </c>
      <c r="AF25269">
        <v>11</v>
      </c>
      <c r="AG25269">
        <v>11</v>
      </c>
      <c r="AH25269">
        <v>11</v>
      </c>
      <c r="AI25269">
        <v>11</v>
      </c>
      <c r="AJ25269">
        <v>12</v>
      </c>
      <c r="AK25269">
        <v>12</v>
      </c>
      <c r="AL25269">
        <v>12</v>
      </c>
      <c r="AM25269">
        <v>12</v>
      </c>
      <c r="AN25269">
        <v>12</v>
      </c>
      <c r="AO25269">
        <v>12</v>
      </c>
      <c r="AP25269">
        <v>12</v>
      </c>
      <c r="AQ25269">
        <v>12</v>
      </c>
    </row>
    <row r="25270" spans="1:43">
      <c r="A25270" t="s">
        <v>15639</v>
      </c>
      <c r="B25270" t="s">
        <v>15640</v>
      </c>
      <c r="C25270" t="s">
        <v>15507</v>
      </c>
      <c r="D25270" t="s">
        <v>15508</v>
      </c>
      <c r="E25270" t="s">
        <v>15475</v>
      </c>
      <c r="F25270" t="s">
        <v>15476</v>
      </c>
      <c r="G25270" t="s">
        <v>10734</v>
      </c>
      <c r="H25270" t="s">
        <v>10735</v>
      </c>
      <c r="I25270" s="2">
        <v>1</v>
      </c>
      <c r="J25270" s="2">
        <v>0</v>
      </c>
      <c r="K25270" s="2">
        <v>0</v>
      </c>
      <c r="L25270" t="s">
        <v>120</v>
      </c>
      <c r="M25270" t="s">
        <v>83</v>
      </c>
      <c r="N25270" t="s">
        <v>84</v>
      </c>
      <c r="O25270" t="s">
        <v>85</v>
      </c>
      <c r="P25270" t="s">
        <v>86</v>
      </c>
      <c r="Q25270">
        <v>28</v>
      </c>
      <c r="R25270">
        <v>28</v>
      </c>
      <c r="S25270">
        <v>29</v>
      </c>
      <c r="T25270">
        <v>29</v>
      </c>
      <c r="U25270">
        <v>29</v>
      </c>
      <c r="V25270">
        <v>30</v>
      </c>
      <c r="W25270">
        <v>30</v>
      </c>
      <c r="X25270">
        <v>30</v>
      </c>
      <c r="Y25270">
        <v>31</v>
      </c>
      <c r="Z25270">
        <v>31</v>
      </c>
      <c r="AA25270">
        <v>31</v>
      </c>
      <c r="AB25270">
        <v>32</v>
      </c>
      <c r="AC25270">
        <v>32</v>
      </c>
      <c r="AD25270">
        <v>32</v>
      </c>
      <c r="AE25270">
        <v>33</v>
      </c>
      <c r="AF25270">
        <v>33</v>
      </c>
      <c r="AG25270">
        <v>33</v>
      </c>
      <c r="AH25270">
        <v>34</v>
      </c>
      <c r="AI25270">
        <v>34</v>
      </c>
      <c r="AJ25270">
        <v>34</v>
      </c>
      <c r="AK25270">
        <v>35</v>
      </c>
      <c r="AL25270">
        <v>35</v>
      </c>
      <c r="AM25270">
        <v>35</v>
      </c>
      <c r="AN25270">
        <v>35</v>
      </c>
      <c r="AO25270">
        <v>35</v>
      </c>
      <c r="AP25270">
        <v>35</v>
      </c>
      <c r="AQ25270">
        <v>35</v>
      </c>
    </row>
    <row r="25271" spans="1:43">
      <c r="A25271" t="s">
        <v>15639</v>
      </c>
      <c r="B25271" t="s">
        <v>15640</v>
      </c>
      <c r="C25271" t="s">
        <v>15507</v>
      </c>
      <c r="D25271" t="s">
        <v>15508</v>
      </c>
      <c r="E25271" t="s">
        <v>15475</v>
      </c>
      <c r="F25271" t="s">
        <v>15476</v>
      </c>
      <c r="G25271" t="s">
        <v>10734</v>
      </c>
      <c r="H25271" t="s">
        <v>10735</v>
      </c>
      <c r="I25271" s="2">
        <v>1</v>
      </c>
      <c r="J25271" s="2">
        <v>0</v>
      </c>
      <c r="K25271" s="2">
        <v>0</v>
      </c>
      <c r="L25271" t="s">
        <v>120</v>
      </c>
      <c r="M25271" t="s">
        <v>87</v>
      </c>
      <c r="N25271" t="s">
        <v>88</v>
      </c>
      <c r="O25271" t="s">
        <v>85</v>
      </c>
      <c r="P25271" t="s">
        <v>86</v>
      </c>
      <c r="Q25271">
        <v>28</v>
      </c>
      <c r="R25271">
        <v>28</v>
      </c>
      <c r="S25271">
        <v>28</v>
      </c>
      <c r="T25271">
        <v>28</v>
      </c>
      <c r="U25271">
        <v>28</v>
      </c>
      <c r="V25271">
        <v>28</v>
      </c>
      <c r="W25271">
        <v>28</v>
      </c>
      <c r="X25271">
        <v>28</v>
      </c>
      <c r="Y25271">
        <v>29</v>
      </c>
      <c r="Z25271">
        <v>29</v>
      </c>
      <c r="AA25271">
        <v>29</v>
      </c>
      <c r="AB25271">
        <v>29</v>
      </c>
      <c r="AC25271">
        <v>29</v>
      </c>
      <c r="AD25271">
        <v>29</v>
      </c>
      <c r="AE25271">
        <v>29</v>
      </c>
      <c r="AF25271">
        <v>29</v>
      </c>
      <c r="AG25271">
        <v>29</v>
      </c>
      <c r="AH25271">
        <v>30</v>
      </c>
      <c r="AI25271">
        <v>30</v>
      </c>
      <c r="AJ25271">
        <v>30</v>
      </c>
      <c r="AK25271">
        <v>30</v>
      </c>
      <c r="AL25271">
        <v>30</v>
      </c>
      <c r="AM25271">
        <v>30</v>
      </c>
      <c r="AN25271">
        <v>30</v>
      </c>
      <c r="AO25271">
        <v>30</v>
      </c>
      <c r="AP25271">
        <v>30</v>
      </c>
      <c r="AQ25271">
        <v>31</v>
      </c>
    </row>
    <row r="25272" spans="1:43">
      <c r="A25272" t="s">
        <v>15639</v>
      </c>
      <c r="B25272" t="s">
        <v>15640</v>
      </c>
      <c r="C25272" t="s">
        <v>15507</v>
      </c>
      <c r="D25272" t="s">
        <v>15508</v>
      </c>
      <c r="E25272" t="s">
        <v>15475</v>
      </c>
      <c r="F25272" t="s">
        <v>15476</v>
      </c>
      <c r="G25272" t="s">
        <v>10734</v>
      </c>
      <c r="H25272" t="s">
        <v>10735</v>
      </c>
      <c r="I25272" s="2">
        <v>1</v>
      </c>
      <c r="J25272" s="2">
        <v>0</v>
      </c>
      <c r="K25272" s="2">
        <v>0</v>
      </c>
      <c r="L25272" t="s">
        <v>120</v>
      </c>
      <c r="M25272" t="s">
        <v>89</v>
      </c>
      <c r="N25272" t="s">
        <v>90</v>
      </c>
      <c r="O25272" t="s">
        <v>85</v>
      </c>
      <c r="P25272" t="s">
        <v>86</v>
      </c>
      <c r="Q25272">
        <v>28</v>
      </c>
      <c r="R25272">
        <v>29</v>
      </c>
      <c r="S25272">
        <v>29</v>
      </c>
      <c r="T25272">
        <v>30</v>
      </c>
      <c r="U25272">
        <v>30</v>
      </c>
      <c r="V25272">
        <v>31</v>
      </c>
      <c r="W25272">
        <v>32</v>
      </c>
      <c r="X25272">
        <v>32</v>
      </c>
      <c r="Y25272">
        <v>32</v>
      </c>
      <c r="Z25272">
        <v>33</v>
      </c>
      <c r="AA25272">
        <v>33</v>
      </c>
      <c r="AB25272">
        <v>34</v>
      </c>
      <c r="AC25272">
        <v>34</v>
      </c>
      <c r="AD25272">
        <v>35</v>
      </c>
      <c r="AE25272">
        <v>35</v>
      </c>
      <c r="AF25272">
        <v>35</v>
      </c>
      <c r="AG25272">
        <v>35</v>
      </c>
      <c r="AH25272">
        <v>35</v>
      </c>
      <c r="AI25272">
        <v>35</v>
      </c>
      <c r="AJ25272">
        <v>35</v>
      </c>
      <c r="AK25272">
        <v>35</v>
      </c>
      <c r="AL25272">
        <v>35</v>
      </c>
      <c r="AM25272">
        <v>35</v>
      </c>
      <c r="AN25272">
        <v>35</v>
      </c>
      <c r="AO25272">
        <v>35</v>
      </c>
      <c r="AP25272">
        <v>35</v>
      </c>
      <c r="AQ25272">
        <v>35</v>
      </c>
    </row>
    <row r="25273" spans="1:43">
      <c r="A25273" t="s">
        <v>15639</v>
      </c>
      <c r="B25273" t="s">
        <v>15640</v>
      </c>
      <c r="C25273" t="s">
        <v>15507</v>
      </c>
      <c r="D25273" t="s">
        <v>15508</v>
      </c>
      <c r="E25273" t="s">
        <v>15475</v>
      </c>
      <c r="F25273" t="s">
        <v>15476</v>
      </c>
      <c r="G25273" t="s">
        <v>10734</v>
      </c>
      <c r="H25273" t="s">
        <v>10735</v>
      </c>
      <c r="I25273" s="2">
        <v>1</v>
      </c>
      <c r="J25273" s="2">
        <v>0</v>
      </c>
      <c r="K25273" s="2">
        <v>0</v>
      </c>
      <c r="L25273" t="s">
        <v>120</v>
      </c>
      <c r="M25273" t="s">
        <v>83</v>
      </c>
      <c r="N25273" t="s">
        <v>91</v>
      </c>
      <c r="O25273" t="s">
        <v>85</v>
      </c>
      <c r="P25273" t="s">
        <v>86</v>
      </c>
      <c r="Q25273">
        <v>28</v>
      </c>
      <c r="R25273">
        <v>28</v>
      </c>
      <c r="S25273">
        <v>29</v>
      </c>
      <c r="T25273">
        <v>29</v>
      </c>
      <c r="U25273">
        <v>29</v>
      </c>
      <c r="V25273">
        <v>30</v>
      </c>
      <c r="W25273">
        <v>30</v>
      </c>
      <c r="X25273">
        <v>30</v>
      </c>
      <c r="Y25273">
        <v>31</v>
      </c>
      <c r="Z25273">
        <v>31</v>
      </c>
      <c r="AA25273">
        <v>31</v>
      </c>
      <c r="AB25273">
        <v>32</v>
      </c>
      <c r="AC25273">
        <v>32</v>
      </c>
      <c r="AD25273">
        <v>32</v>
      </c>
      <c r="AE25273">
        <v>33</v>
      </c>
      <c r="AF25273">
        <v>33</v>
      </c>
      <c r="AG25273">
        <v>33</v>
      </c>
      <c r="AH25273">
        <v>34</v>
      </c>
      <c r="AI25273">
        <v>34</v>
      </c>
      <c r="AJ25273">
        <v>34</v>
      </c>
      <c r="AK25273">
        <v>35</v>
      </c>
      <c r="AL25273">
        <v>35</v>
      </c>
      <c r="AM25273">
        <v>35</v>
      </c>
      <c r="AN25273">
        <v>35</v>
      </c>
      <c r="AO25273">
        <v>35</v>
      </c>
      <c r="AP25273">
        <v>35</v>
      </c>
      <c r="AQ25273">
        <v>35</v>
      </c>
    </row>
    <row r="25274" spans="1:43">
      <c r="A25274" t="s">
        <v>15641</v>
      </c>
      <c r="B25274" t="s">
        <v>15642</v>
      </c>
      <c r="C25274" t="s">
        <v>15643</v>
      </c>
      <c r="D25274" t="s">
        <v>15644</v>
      </c>
      <c r="E25274" t="s">
        <v>15475</v>
      </c>
      <c r="F25274" t="s">
        <v>15476</v>
      </c>
      <c r="G25274" t="s">
        <v>10734</v>
      </c>
      <c r="H25274" t="s">
        <v>10735</v>
      </c>
      <c r="I25274" s="2">
        <v>1</v>
      </c>
      <c r="J25274" s="2">
        <v>0</v>
      </c>
      <c r="K25274" s="2">
        <v>0</v>
      </c>
      <c r="L25274" t="s">
        <v>120</v>
      </c>
      <c r="M25274" t="s">
        <v>83</v>
      </c>
      <c r="N25274" t="s">
        <v>84</v>
      </c>
      <c r="O25274" t="s">
        <v>85</v>
      </c>
      <c r="P25274" t="s">
        <v>86</v>
      </c>
      <c r="Q25274">
        <v>18</v>
      </c>
      <c r="R25274">
        <v>19</v>
      </c>
      <c r="S25274">
        <v>19</v>
      </c>
      <c r="T25274">
        <v>19</v>
      </c>
      <c r="U25274">
        <v>19</v>
      </c>
      <c r="V25274">
        <v>20</v>
      </c>
      <c r="W25274">
        <v>20</v>
      </c>
      <c r="X25274">
        <v>20</v>
      </c>
      <c r="Y25274">
        <v>20</v>
      </c>
      <c r="Z25274">
        <v>21</v>
      </c>
      <c r="AA25274">
        <v>21</v>
      </c>
      <c r="AB25274">
        <v>21</v>
      </c>
      <c r="AC25274">
        <v>21</v>
      </c>
      <c r="AD25274">
        <v>22</v>
      </c>
      <c r="AE25274">
        <v>22</v>
      </c>
      <c r="AF25274">
        <v>22</v>
      </c>
      <c r="AG25274">
        <v>22</v>
      </c>
      <c r="AH25274">
        <v>22</v>
      </c>
      <c r="AI25274">
        <v>23</v>
      </c>
      <c r="AJ25274">
        <v>23</v>
      </c>
      <c r="AK25274">
        <v>23</v>
      </c>
      <c r="AL25274">
        <v>23</v>
      </c>
      <c r="AM25274">
        <v>23</v>
      </c>
      <c r="AN25274">
        <v>23</v>
      </c>
      <c r="AO25274">
        <v>23</v>
      </c>
      <c r="AP25274">
        <v>23</v>
      </c>
      <c r="AQ25274">
        <v>23</v>
      </c>
    </row>
    <row r="25275" spans="1:43">
      <c r="A25275" t="s">
        <v>15641</v>
      </c>
      <c r="B25275" t="s">
        <v>15642</v>
      </c>
      <c r="C25275" t="s">
        <v>15643</v>
      </c>
      <c r="D25275" t="s">
        <v>15644</v>
      </c>
      <c r="E25275" t="s">
        <v>15475</v>
      </c>
      <c r="F25275" t="s">
        <v>15476</v>
      </c>
      <c r="G25275" t="s">
        <v>10734</v>
      </c>
      <c r="H25275" t="s">
        <v>10735</v>
      </c>
      <c r="I25275" s="2">
        <v>1</v>
      </c>
      <c r="J25275" s="2">
        <v>0</v>
      </c>
      <c r="K25275" s="2">
        <v>0</v>
      </c>
      <c r="L25275" t="s">
        <v>120</v>
      </c>
      <c r="M25275" t="s">
        <v>87</v>
      </c>
      <c r="N25275" t="s">
        <v>88</v>
      </c>
      <c r="O25275" t="s">
        <v>85</v>
      </c>
      <c r="P25275" t="s">
        <v>86</v>
      </c>
      <c r="Q25275">
        <v>18</v>
      </c>
      <c r="R25275">
        <v>18</v>
      </c>
      <c r="S25275">
        <v>18</v>
      </c>
      <c r="T25275">
        <v>19</v>
      </c>
      <c r="U25275">
        <v>19</v>
      </c>
      <c r="V25275">
        <v>19</v>
      </c>
      <c r="W25275">
        <v>19</v>
      </c>
      <c r="X25275">
        <v>19</v>
      </c>
      <c r="Y25275">
        <v>19</v>
      </c>
      <c r="Z25275">
        <v>19</v>
      </c>
      <c r="AA25275">
        <v>19</v>
      </c>
      <c r="AB25275">
        <v>19</v>
      </c>
      <c r="AC25275">
        <v>19</v>
      </c>
      <c r="AD25275">
        <v>19</v>
      </c>
      <c r="AE25275">
        <v>19</v>
      </c>
      <c r="AF25275">
        <v>19</v>
      </c>
      <c r="AG25275">
        <v>19</v>
      </c>
      <c r="AH25275">
        <v>20</v>
      </c>
      <c r="AI25275">
        <v>20</v>
      </c>
      <c r="AJ25275">
        <v>20</v>
      </c>
      <c r="AK25275">
        <v>20</v>
      </c>
      <c r="AL25275">
        <v>20</v>
      </c>
      <c r="AM25275">
        <v>20</v>
      </c>
      <c r="AN25275">
        <v>20</v>
      </c>
      <c r="AO25275">
        <v>20</v>
      </c>
      <c r="AP25275">
        <v>20</v>
      </c>
      <c r="AQ25275">
        <v>20</v>
      </c>
    </row>
    <row r="25276" spans="1:43">
      <c r="A25276" t="s">
        <v>15641</v>
      </c>
      <c r="B25276" t="s">
        <v>15642</v>
      </c>
      <c r="C25276" t="s">
        <v>15643</v>
      </c>
      <c r="D25276" t="s">
        <v>15644</v>
      </c>
      <c r="E25276" t="s">
        <v>15475</v>
      </c>
      <c r="F25276" t="s">
        <v>15476</v>
      </c>
      <c r="G25276" t="s">
        <v>10734</v>
      </c>
      <c r="H25276" t="s">
        <v>10735</v>
      </c>
      <c r="I25276" s="2">
        <v>1</v>
      </c>
      <c r="J25276" s="2">
        <v>0</v>
      </c>
      <c r="K25276" s="2">
        <v>0</v>
      </c>
      <c r="L25276" t="s">
        <v>120</v>
      </c>
      <c r="M25276" t="s">
        <v>89</v>
      </c>
      <c r="N25276" t="s">
        <v>90</v>
      </c>
      <c r="O25276" t="s">
        <v>85</v>
      </c>
      <c r="P25276" t="s">
        <v>86</v>
      </c>
      <c r="Q25276">
        <v>18</v>
      </c>
      <c r="R25276">
        <v>18</v>
      </c>
      <c r="S25276">
        <v>18</v>
      </c>
      <c r="T25276">
        <v>19</v>
      </c>
      <c r="U25276">
        <v>19</v>
      </c>
      <c r="V25276">
        <v>20</v>
      </c>
      <c r="W25276">
        <v>20</v>
      </c>
      <c r="X25276">
        <v>20</v>
      </c>
      <c r="Y25276">
        <v>21</v>
      </c>
      <c r="Z25276">
        <v>21</v>
      </c>
      <c r="AA25276">
        <v>21</v>
      </c>
      <c r="AB25276">
        <v>21</v>
      </c>
      <c r="AC25276">
        <v>22</v>
      </c>
      <c r="AD25276">
        <v>22</v>
      </c>
      <c r="AE25276">
        <v>22</v>
      </c>
      <c r="AF25276">
        <v>22</v>
      </c>
      <c r="AG25276">
        <v>22</v>
      </c>
      <c r="AH25276">
        <v>22</v>
      </c>
      <c r="AI25276">
        <v>22</v>
      </c>
      <c r="AJ25276">
        <v>22</v>
      </c>
      <c r="AK25276">
        <v>22</v>
      </c>
      <c r="AL25276">
        <v>22</v>
      </c>
      <c r="AM25276">
        <v>22</v>
      </c>
      <c r="AN25276">
        <v>22</v>
      </c>
      <c r="AO25276">
        <v>22</v>
      </c>
      <c r="AP25276">
        <v>22</v>
      </c>
      <c r="AQ25276">
        <v>22</v>
      </c>
    </row>
    <row r="25277" spans="1:43">
      <c r="A25277" t="s">
        <v>15641</v>
      </c>
      <c r="B25277" t="s">
        <v>15642</v>
      </c>
      <c r="C25277" t="s">
        <v>15643</v>
      </c>
      <c r="D25277" t="s">
        <v>15644</v>
      </c>
      <c r="E25277" t="s">
        <v>15475</v>
      </c>
      <c r="F25277" t="s">
        <v>15476</v>
      </c>
      <c r="G25277" t="s">
        <v>10734</v>
      </c>
      <c r="H25277" t="s">
        <v>10735</v>
      </c>
      <c r="I25277" s="2">
        <v>1</v>
      </c>
      <c r="J25277" s="2">
        <v>0</v>
      </c>
      <c r="K25277" s="2">
        <v>0</v>
      </c>
      <c r="L25277" t="s">
        <v>120</v>
      </c>
      <c r="M25277" t="s">
        <v>83</v>
      </c>
      <c r="N25277" t="s">
        <v>91</v>
      </c>
      <c r="O25277" t="s">
        <v>85</v>
      </c>
      <c r="P25277" t="s">
        <v>86</v>
      </c>
      <c r="Q25277">
        <v>18</v>
      </c>
      <c r="R25277">
        <v>19</v>
      </c>
      <c r="S25277">
        <v>19</v>
      </c>
      <c r="T25277">
        <v>19</v>
      </c>
      <c r="U25277">
        <v>19</v>
      </c>
      <c r="V25277">
        <v>20</v>
      </c>
      <c r="W25277">
        <v>20</v>
      </c>
      <c r="X25277">
        <v>20</v>
      </c>
      <c r="Y25277">
        <v>20</v>
      </c>
      <c r="Z25277">
        <v>21</v>
      </c>
      <c r="AA25277">
        <v>21</v>
      </c>
      <c r="AB25277">
        <v>21</v>
      </c>
      <c r="AC25277">
        <v>21</v>
      </c>
      <c r="AD25277">
        <v>22</v>
      </c>
      <c r="AE25277">
        <v>22</v>
      </c>
      <c r="AF25277">
        <v>22</v>
      </c>
      <c r="AG25277">
        <v>22</v>
      </c>
      <c r="AH25277">
        <v>22</v>
      </c>
      <c r="AI25277">
        <v>23</v>
      </c>
      <c r="AJ25277">
        <v>23</v>
      </c>
      <c r="AK25277">
        <v>23</v>
      </c>
      <c r="AL25277">
        <v>23</v>
      </c>
      <c r="AM25277">
        <v>23</v>
      </c>
      <c r="AN25277">
        <v>23</v>
      </c>
      <c r="AO25277">
        <v>23</v>
      </c>
      <c r="AP25277">
        <v>23</v>
      </c>
      <c r="AQ25277">
        <v>23</v>
      </c>
    </row>
    <row r="25278" spans="1:43">
      <c r="A25278" t="s">
        <v>15645</v>
      </c>
      <c r="B25278" t="s">
        <v>15646</v>
      </c>
      <c r="C25278" t="s">
        <v>15643</v>
      </c>
      <c r="D25278" t="s">
        <v>15644</v>
      </c>
      <c r="E25278" t="s">
        <v>15475</v>
      </c>
      <c r="F25278" t="s">
        <v>15476</v>
      </c>
      <c r="G25278" t="s">
        <v>10734</v>
      </c>
      <c r="H25278" t="s">
        <v>10735</v>
      </c>
      <c r="I25278" s="2">
        <v>1</v>
      </c>
      <c r="J25278" s="2">
        <v>0</v>
      </c>
      <c r="K25278" s="2">
        <v>0</v>
      </c>
      <c r="L25278" t="s">
        <v>120</v>
      </c>
      <c r="M25278" t="s">
        <v>83</v>
      </c>
      <c r="N25278" t="s">
        <v>84</v>
      </c>
      <c r="O25278" t="s">
        <v>85</v>
      </c>
      <c r="P25278" t="s">
        <v>86</v>
      </c>
      <c r="Q25278">
        <v>40</v>
      </c>
      <c r="R25278">
        <v>41</v>
      </c>
      <c r="S25278">
        <v>41</v>
      </c>
      <c r="T25278">
        <v>42</v>
      </c>
      <c r="U25278">
        <v>42</v>
      </c>
      <c r="V25278">
        <v>43</v>
      </c>
      <c r="W25278">
        <v>43</v>
      </c>
      <c r="X25278">
        <v>44</v>
      </c>
      <c r="Y25278">
        <v>44</v>
      </c>
      <c r="Z25278">
        <v>45</v>
      </c>
      <c r="AA25278">
        <v>45</v>
      </c>
      <c r="AB25278">
        <v>46</v>
      </c>
      <c r="AC25278">
        <v>46</v>
      </c>
      <c r="AD25278">
        <v>47</v>
      </c>
      <c r="AE25278">
        <v>47</v>
      </c>
      <c r="AF25278">
        <v>48</v>
      </c>
      <c r="AG25278">
        <v>48</v>
      </c>
      <c r="AH25278">
        <v>49</v>
      </c>
      <c r="AI25278">
        <v>49</v>
      </c>
      <c r="AJ25278">
        <v>50</v>
      </c>
      <c r="AK25278">
        <v>50</v>
      </c>
      <c r="AL25278">
        <v>50</v>
      </c>
      <c r="AM25278">
        <v>50</v>
      </c>
      <c r="AN25278">
        <v>50</v>
      </c>
      <c r="AO25278">
        <v>50</v>
      </c>
      <c r="AP25278">
        <v>50</v>
      </c>
      <c r="AQ25278">
        <v>50</v>
      </c>
    </row>
    <row r="25279" spans="1:43">
      <c r="A25279" t="s">
        <v>15645</v>
      </c>
      <c r="B25279" t="s">
        <v>15646</v>
      </c>
      <c r="C25279" t="s">
        <v>15643</v>
      </c>
      <c r="D25279" t="s">
        <v>15644</v>
      </c>
      <c r="E25279" t="s">
        <v>15475</v>
      </c>
      <c r="F25279" t="s">
        <v>15476</v>
      </c>
      <c r="G25279" t="s">
        <v>10734</v>
      </c>
      <c r="H25279" t="s">
        <v>10735</v>
      </c>
      <c r="I25279" s="2">
        <v>1</v>
      </c>
      <c r="J25279" s="2">
        <v>0</v>
      </c>
      <c r="K25279" s="2">
        <v>0</v>
      </c>
      <c r="L25279" t="s">
        <v>120</v>
      </c>
      <c r="M25279" t="s">
        <v>87</v>
      </c>
      <c r="N25279" t="s">
        <v>88</v>
      </c>
      <c r="O25279" t="s">
        <v>85</v>
      </c>
      <c r="P25279" t="s">
        <v>86</v>
      </c>
      <c r="Q25279">
        <v>40</v>
      </c>
      <c r="R25279">
        <v>40</v>
      </c>
      <c r="S25279">
        <v>40</v>
      </c>
      <c r="T25279">
        <v>40</v>
      </c>
      <c r="U25279">
        <v>41</v>
      </c>
      <c r="V25279">
        <v>41</v>
      </c>
      <c r="W25279">
        <v>41</v>
      </c>
      <c r="X25279">
        <v>41</v>
      </c>
      <c r="Y25279">
        <v>41</v>
      </c>
      <c r="Z25279">
        <v>41</v>
      </c>
      <c r="AA25279">
        <v>41</v>
      </c>
      <c r="AB25279">
        <v>42</v>
      </c>
      <c r="AC25279">
        <v>42</v>
      </c>
      <c r="AD25279">
        <v>42</v>
      </c>
      <c r="AE25279">
        <v>42</v>
      </c>
      <c r="AF25279">
        <v>42</v>
      </c>
      <c r="AG25279">
        <v>42</v>
      </c>
      <c r="AH25279">
        <v>42</v>
      </c>
      <c r="AI25279">
        <v>43</v>
      </c>
      <c r="AJ25279">
        <v>43</v>
      </c>
      <c r="AK25279">
        <v>43</v>
      </c>
      <c r="AL25279">
        <v>43</v>
      </c>
      <c r="AM25279">
        <v>43</v>
      </c>
      <c r="AN25279">
        <v>43</v>
      </c>
      <c r="AO25279">
        <v>43</v>
      </c>
      <c r="AP25279">
        <v>44</v>
      </c>
      <c r="AQ25279">
        <v>44</v>
      </c>
    </row>
    <row r="25280" spans="1:43">
      <c r="A25280" t="s">
        <v>15645</v>
      </c>
      <c r="B25280" t="s">
        <v>15646</v>
      </c>
      <c r="C25280" t="s">
        <v>15643</v>
      </c>
      <c r="D25280" t="s">
        <v>15644</v>
      </c>
      <c r="E25280" t="s">
        <v>15475</v>
      </c>
      <c r="F25280" t="s">
        <v>15476</v>
      </c>
      <c r="G25280" t="s">
        <v>10734</v>
      </c>
      <c r="H25280" t="s">
        <v>10735</v>
      </c>
      <c r="I25280" s="2">
        <v>1</v>
      </c>
      <c r="J25280" s="2">
        <v>0</v>
      </c>
      <c r="K25280" s="2">
        <v>0</v>
      </c>
      <c r="L25280" t="s">
        <v>120</v>
      </c>
      <c r="M25280" t="s">
        <v>89</v>
      </c>
      <c r="N25280" t="s">
        <v>90</v>
      </c>
      <c r="O25280" t="s">
        <v>85</v>
      </c>
      <c r="P25280" t="s">
        <v>86</v>
      </c>
      <c r="Q25280">
        <v>40</v>
      </c>
      <c r="R25280">
        <v>40</v>
      </c>
      <c r="S25280">
        <v>41</v>
      </c>
      <c r="T25280">
        <v>42</v>
      </c>
      <c r="U25280">
        <v>43</v>
      </c>
      <c r="V25280">
        <v>44</v>
      </c>
      <c r="W25280">
        <v>45</v>
      </c>
      <c r="X25280">
        <v>45</v>
      </c>
      <c r="Y25280">
        <v>46</v>
      </c>
      <c r="Z25280">
        <v>47</v>
      </c>
      <c r="AA25280">
        <v>47</v>
      </c>
      <c r="AB25280">
        <v>48</v>
      </c>
      <c r="AC25280">
        <v>49</v>
      </c>
      <c r="AD25280">
        <v>49</v>
      </c>
      <c r="AE25280">
        <v>50</v>
      </c>
      <c r="AF25280">
        <v>50</v>
      </c>
      <c r="AG25280">
        <v>50</v>
      </c>
      <c r="AH25280">
        <v>50</v>
      </c>
      <c r="AI25280">
        <v>50</v>
      </c>
      <c r="AJ25280">
        <v>50</v>
      </c>
      <c r="AK25280">
        <v>50</v>
      </c>
      <c r="AL25280">
        <v>50</v>
      </c>
      <c r="AM25280">
        <v>50</v>
      </c>
      <c r="AN25280">
        <v>50</v>
      </c>
      <c r="AO25280">
        <v>50</v>
      </c>
      <c r="AP25280">
        <v>50</v>
      </c>
      <c r="AQ25280">
        <v>50</v>
      </c>
    </row>
    <row r="25281" spans="1:43">
      <c r="A25281" t="s">
        <v>15645</v>
      </c>
      <c r="B25281" t="s">
        <v>15646</v>
      </c>
      <c r="C25281" t="s">
        <v>15643</v>
      </c>
      <c r="D25281" t="s">
        <v>15644</v>
      </c>
      <c r="E25281" t="s">
        <v>15475</v>
      </c>
      <c r="F25281" t="s">
        <v>15476</v>
      </c>
      <c r="G25281" t="s">
        <v>10734</v>
      </c>
      <c r="H25281" t="s">
        <v>10735</v>
      </c>
      <c r="I25281" s="2">
        <v>1</v>
      </c>
      <c r="J25281" s="2">
        <v>0</v>
      </c>
      <c r="K25281" s="2">
        <v>0</v>
      </c>
      <c r="L25281" t="s">
        <v>120</v>
      </c>
      <c r="M25281" t="s">
        <v>83</v>
      </c>
      <c r="N25281" t="s">
        <v>91</v>
      </c>
      <c r="O25281" t="s">
        <v>85</v>
      </c>
      <c r="P25281" t="s">
        <v>86</v>
      </c>
      <c r="Q25281">
        <v>40</v>
      </c>
      <c r="R25281">
        <v>41</v>
      </c>
      <c r="S25281">
        <v>41</v>
      </c>
      <c r="T25281">
        <v>42</v>
      </c>
      <c r="U25281">
        <v>42</v>
      </c>
      <c r="V25281">
        <v>43</v>
      </c>
      <c r="W25281">
        <v>43</v>
      </c>
      <c r="X25281">
        <v>44</v>
      </c>
      <c r="Y25281">
        <v>44</v>
      </c>
      <c r="Z25281">
        <v>45</v>
      </c>
      <c r="AA25281">
        <v>45</v>
      </c>
      <c r="AB25281">
        <v>46</v>
      </c>
      <c r="AC25281">
        <v>46</v>
      </c>
      <c r="AD25281">
        <v>47</v>
      </c>
      <c r="AE25281">
        <v>47</v>
      </c>
      <c r="AF25281">
        <v>48</v>
      </c>
      <c r="AG25281">
        <v>48</v>
      </c>
      <c r="AH25281">
        <v>49</v>
      </c>
      <c r="AI25281">
        <v>49</v>
      </c>
      <c r="AJ25281">
        <v>50</v>
      </c>
      <c r="AK25281">
        <v>50</v>
      </c>
      <c r="AL25281">
        <v>50</v>
      </c>
      <c r="AM25281">
        <v>50</v>
      </c>
      <c r="AN25281">
        <v>50</v>
      </c>
      <c r="AO25281">
        <v>50</v>
      </c>
      <c r="AP25281">
        <v>50</v>
      </c>
      <c r="AQ25281">
        <v>50</v>
      </c>
    </row>
    <row r="25282" spans="1:43">
      <c r="A25282" t="s">
        <v>15647</v>
      </c>
      <c r="B25282" t="s">
        <v>15648</v>
      </c>
      <c r="C25282" t="s">
        <v>15643</v>
      </c>
      <c r="D25282" t="s">
        <v>15644</v>
      </c>
      <c r="E25282" t="s">
        <v>15475</v>
      </c>
      <c r="F25282" t="s">
        <v>15476</v>
      </c>
      <c r="G25282" t="s">
        <v>10734</v>
      </c>
      <c r="H25282" t="s">
        <v>10735</v>
      </c>
      <c r="I25282" s="2">
        <v>1</v>
      </c>
      <c r="J25282" s="2">
        <v>0</v>
      </c>
      <c r="K25282" s="2">
        <v>0</v>
      </c>
      <c r="L25282" t="s">
        <v>120</v>
      </c>
      <c r="M25282" t="s">
        <v>83</v>
      </c>
      <c r="N25282" t="s">
        <v>84</v>
      </c>
      <c r="O25282" t="s">
        <v>85</v>
      </c>
      <c r="P25282" t="s">
        <v>86</v>
      </c>
      <c r="Q25282">
        <v>13</v>
      </c>
      <c r="R25282">
        <v>13</v>
      </c>
      <c r="S25282">
        <v>13</v>
      </c>
      <c r="T25282">
        <v>13</v>
      </c>
      <c r="U25282">
        <v>13</v>
      </c>
      <c r="V25282">
        <v>14</v>
      </c>
      <c r="W25282">
        <v>14</v>
      </c>
      <c r="X25282">
        <v>14</v>
      </c>
      <c r="Y25282">
        <v>14</v>
      </c>
      <c r="Z25282">
        <v>14</v>
      </c>
      <c r="AA25282">
        <v>14</v>
      </c>
      <c r="AB25282">
        <v>15</v>
      </c>
      <c r="AC25282">
        <v>15</v>
      </c>
      <c r="AD25282">
        <v>15</v>
      </c>
      <c r="AE25282">
        <v>15</v>
      </c>
      <c r="AF25282">
        <v>15</v>
      </c>
      <c r="AG25282">
        <v>15</v>
      </c>
      <c r="AH25282">
        <v>15</v>
      </c>
      <c r="AI25282">
        <v>16</v>
      </c>
      <c r="AJ25282">
        <v>16</v>
      </c>
      <c r="AK25282">
        <v>16</v>
      </c>
      <c r="AL25282">
        <v>16</v>
      </c>
      <c r="AM25282">
        <v>16</v>
      </c>
      <c r="AN25282">
        <v>16</v>
      </c>
      <c r="AO25282">
        <v>16</v>
      </c>
      <c r="AP25282">
        <v>16</v>
      </c>
      <c r="AQ25282">
        <v>16</v>
      </c>
    </row>
    <row r="25283" spans="1:43">
      <c r="A25283" t="s">
        <v>15647</v>
      </c>
      <c r="B25283" t="s">
        <v>15648</v>
      </c>
      <c r="C25283" t="s">
        <v>15643</v>
      </c>
      <c r="D25283" t="s">
        <v>15644</v>
      </c>
      <c r="E25283" t="s">
        <v>15475</v>
      </c>
      <c r="F25283" t="s">
        <v>15476</v>
      </c>
      <c r="G25283" t="s">
        <v>10734</v>
      </c>
      <c r="H25283" t="s">
        <v>10735</v>
      </c>
      <c r="I25283" s="2">
        <v>1</v>
      </c>
      <c r="J25283" s="2">
        <v>0</v>
      </c>
      <c r="K25283" s="2">
        <v>0</v>
      </c>
      <c r="L25283" t="s">
        <v>120</v>
      </c>
      <c r="M25283" t="s">
        <v>87</v>
      </c>
      <c r="N25283" t="s">
        <v>88</v>
      </c>
      <c r="O25283" t="s">
        <v>85</v>
      </c>
      <c r="P25283" t="s">
        <v>86</v>
      </c>
      <c r="Q25283">
        <v>13</v>
      </c>
      <c r="R25283">
        <v>13</v>
      </c>
      <c r="S25283">
        <v>13</v>
      </c>
      <c r="T25283">
        <v>13</v>
      </c>
      <c r="U25283">
        <v>13</v>
      </c>
      <c r="V25283">
        <v>13</v>
      </c>
      <c r="W25283">
        <v>13</v>
      </c>
      <c r="X25283">
        <v>13</v>
      </c>
      <c r="Y25283">
        <v>13</v>
      </c>
      <c r="Z25283">
        <v>13</v>
      </c>
      <c r="AA25283">
        <v>13</v>
      </c>
      <c r="AB25283">
        <v>13</v>
      </c>
      <c r="AC25283">
        <v>13</v>
      </c>
      <c r="AD25283">
        <v>13</v>
      </c>
      <c r="AE25283">
        <v>13</v>
      </c>
      <c r="AF25283">
        <v>13</v>
      </c>
      <c r="AG25283">
        <v>13</v>
      </c>
      <c r="AH25283">
        <v>14</v>
      </c>
      <c r="AI25283">
        <v>14</v>
      </c>
      <c r="AJ25283">
        <v>14</v>
      </c>
      <c r="AK25283">
        <v>14</v>
      </c>
      <c r="AL25283">
        <v>14</v>
      </c>
      <c r="AM25283">
        <v>14</v>
      </c>
      <c r="AN25283">
        <v>14</v>
      </c>
      <c r="AO25283">
        <v>14</v>
      </c>
      <c r="AP25283">
        <v>14</v>
      </c>
      <c r="AQ25283">
        <v>14</v>
      </c>
    </row>
    <row r="25284" spans="1:43">
      <c r="A25284" t="s">
        <v>15647</v>
      </c>
      <c r="B25284" t="s">
        <v>15648</v>
      </c>
      <c r="C25284" t="s">
        <v>15643</v>
      </c>
      <c r="D25284" t="s">
        <v>15644</v>
      </c>
      <c r="E25284" t="s">
        <v>15475</v>
      </c>
      <c r="F25284" t="s">
        <v>15476</v>
      </c>
      <c r="G25284" t="s">
        <v>10734</v>
      </c>
      <c r="H25284" t="s">
        <v>10735</v>
      </c>
      <c r="I25284" s="2">
        <v>1</v>
      </c>
      <c r="J25284" s="2">
        <v>0</v>
      </c>
      <c r="K25284" s="2">
        <v>0</v>
      </c>
      <c r="L25284" t="s">
        <v>120</v>
      </c>
      <c r="M25284" t="s">
        <v>89</v>
      </c>
      <c r="N25284" t="s">
        <v>90</v>
      </c>
      <c r="O25284" t="s">
        <v>85</v>
      </c>
      <c r="P25284" t="s">
        <v>86</v>
      </c>
      <c r="Q25284">
        <v>13</v>
      </c>
      <c r="R25284">
        <v>13</v>
      </c>
      <c r="S25284">
        <v>13</v>
      </c>
      <c r="T25284">
        <v>14</v>
      </c>
      <c r="U25284">
        <v>14</v>
      </c>
      <c r="V25284">
        <v>14</v>
      </c>
      <c r="W25284">
        <v>14</v>
      </c>
      <c r="X25284">
        <v>15</v>
      </c>
      <c r="Y25284">
        <v>15</v>
      </c>
      <c r="Z25284">
        <v>15</v>
      </c>
      <c r="AA25284">
        <v>15</v>
      </c>
      <c r="AB25284">
        <v>16</v>
      </c>
      <c r="AC25284">
        <v>16</v>
      </c>
      <c r="AD25284">
        <v>16</v>
      </c>
      <c r="AE25284">
        <v>16</v>
      </c>
      <c r="AF25284">
        <v>16</v>
      </c>
      <c r="AG25284">
        <v>16</v>
      </c>
      <c r="AH25284">
        <v>16</v>
      </c>
      <c r="AI25284">
        <v>16</v>
      </c>
      <c r="AJ25284">
        <v>16</v>
      </c>
      <c r="AK25284">
        <v>16</v>
      </c>
      <c r="AL25284">
        <v>16</v>
      </c>
      <c r="AM25284">
        <v>16</v>
      </c>
      <c r="AN25284">
        <v>16</v>
      </c>
      <c r="AO25284">
        <v>16</v>
      </c>
      <c r="AP25284">
        <v>16</v>
      </c>
      <c r="AQ25284">
        <v>16</v>
      </c>
    </row>
    <row r="25285" spans="1:43">
      <c r="A25285" t="s">
        <v>15647</v>
      </c>
      <c r="B25285" t="s">
        <v>15648</v>
      </c>
      <c r="C25285" t="s">
        <v>15643</v>
      </c>
      <c r="D25285" t="s">
        <v>15644</v>
      </c>
      <c r="E25285" t="s">
        <v>15475</v>
      </c>
      <c r="F25285" t="s">
        <v>15476</v>
      </c>
      <c r="G25285" t="s">
        <v>10734</v>
      </c>
      <c r="H25285" t="s">
        <v>10735</v>
      </c>
      <c r="I25285" s="2">
        <v>1</v>
      </c>
      <c r="J25285" s="2">
        <v>0</v>
      </c>
      <c r="K25285" s="2">
        <v>0</v>
      </c>
      <c r="L25285" t="s">
        <v>120</v>
      </c>
      <c r="M25285" t="s">
        <v>83</v>
      </c>
      <c r="N25285" t="s">
        <v>91</v>
      </c>
      <c r="O25285" t="s">
        <v>85</v>
      </c>
      <c r="P25285" t="s">
        <v>86</v>
      </c>
      <c r="Q25285">
        <v>13</v>
      </c>
      <c r="R25285">
        <v>13</v>
      </c>
      <c r="S25285">
        <v>13</v>
      </c>
      <c r="T25285">
        <v>13</v>
      </c>
      <c r="U25285">
        <v>13</v>
      </c>
      <c r="V25285">
        <v>14</v>
      </c>
      <c r="W25285">
        <v>14</v>
      </c>
      <c r="X25285">
        <v>14</v>
      </c>
      <c r="Y25285">
        <v>14</v>
      </c>
      <c r="Z25285">
        <v>14</v>
      </c>
      <c r="AA25285">
        <v>14</v>
      </c>
      <c r="AB25285">
        <v>15</v>
      </c>
      <c r="AC25285">
        <v>15</v>
      </c>
      <c r="AD25285">
        <v>15</v>
      </c>
      <c r="AE25285">
        <v>15</v>
      </c>
      <c r="AF25285">
        <v>15</v>
      </c>
      <c r="AG25285">
        <v>15</v>
      </c>
      <c r="AH25285">
        <v>15</v>
      </c>
      <c r="AI25285">
        <v>16</v>
      </c>
      <c r="AJ25285">
        <v>16</v>
      </c>
      <c r="AK25285">
        <v>16</v>
      </c>
      <c r="AL25285">
        <v>16</v>
      </c>
      <c r="AM25285">
        <v>16</v>
      </c>
      <c r="AN25285">
        <v>16</v>
      </c>
      <c r="AO25285">
        <v>16</v>
      </c>
      <c r="AP25285">
        <v>16</v>
      </c>
      <c r="AQ25285">
        <v>16</v>
      </c>
    </row>
    <row r="25286" spans="1:43">
      <c r="A25286" t="s">
        <v>15649</v>
      </c>
      <c r="B25286" t="s">
        <v>15650</v>
      </c>
      <c r="C25286" t="s">
        <v>15643</v>
      </c>
      <c r="D25286" t="s">
        <v>15644</v>
      </c>
      <c r="E25286" t="s">
        <v>15475</v>
      </c>
      <c r="F25286" t="s">
        <v>15476</v>
      </c>
      <c r="G25286" t="s">
        <v>10734</v>
      </c>
      <c r="H25286" t="s">
        <v>10735</v>
      </c>
      <c r="I25286" s="2">
        <v>1</v>
      </c>
      <c r="J25286" s="2">
        <v>0</v>
      </c>
      <c r="K25286" s="2">
        <v>0</v>
      </c>
      <c r="L25286" t="s">
        <v>120</v>
      </c>
      <c r="M25286" t="s">
        <v>83</v>
      </c>
      <c r="N25286" t="s">
        <v>84</v>
      </c>
      <c r="O25286" t="s">
        <v>85</v>
      </c>
      <c r="P25286" t="s">
        <v>86</v>
      </c>
      <c r="Q25286">
        <v>74</v>
      </c>
      <c r="R25286">
        <v>75</v>
      </c>
      <c r="S25286">
        <v>76</v>
      </c>
      <c r="T25286">
        <v>77</v>
      </c>
      <c r="U25286">
        <v>78</v>
      </c>
      <c r="V25286">
        <v>79</v>
      </c>
      <c r="W25286">
        <v>80</v>
      </c>
      <c r="X25286">
        <v>81</v>
      </c>
      <c r="Y25286">
        <v>82</v>
      </c>
      <c r="Z25286">
        <v>83</v>
      </c>
      <c r="AA25286">
        <v>84</v>
      </c>
      <c r="AB25286">
        <v>85</v>
      </c>
      <c r="AC25286">
        <v>85</v>
      </c>
      <c r="AD25286">
        <v>86</v>
      </c>
      <c r="AE25286">
        <v>87</v>
      </c>
      <c r="AF25286">
        <v>88</v>
      </c>
      <c r="AG25286">
        <v>89</v>
      </c>
      <c r="AH25286">
        <v>90</v>
      </c>
      <c r="AI25286">
        <v>91</v>
      </c>
      <c r="AJ25286">
        <v>91</v>
      </c>
      <c r="AK25286">
        <v>92</v>
      </c>
      <c r="AL25286">
        <v>92</v>
      </c>
      <c r="AM25286">
        <v>93</v>
      </c>
      <c r="AN25286">
        <v>93</v>
      </c>
      <c r="AO25286">
        <v>93</v>
      </c>
      <c r="AP25286">
        <v>93</v>
      </c>
      <c r="AQ25286">
        <v>93</v>
      </c>
    </row>
    <row r="25287" spans="1:43">
      <c r="A25287" t="s">
        <v>15649</v>
      </c>
      <c r="B25287" t="s">
        <v>15650</v>
      </c>
      <c r="C25287" t="s">
        <v>15643</v>
      </c>
      <c r="D25287" t="s">
        <v>15644</v>
      </c>
      <c r="E25287" t="s">
        <v>15475</v>
      </c>
      <c r="F25287" t="s">
        <v>15476</v>
      </c>
      <c r="G25287" t="s">
        <v>10734</v>
      </c>
      <c r="H25287" t="s">
        <v>10735</v>
      </c>
      <c r="I25287" s="2">
        <v>1</v>
      </c>
      <c r="J25287" s="2">
        <v>0</v>
      </c>
      <c r="K25287" s="2">
        <v>0</v>
      </c>
      <c r="L25287" t="s">
        <v>120</v>
      </c>
      <c r="M25287" t="s">
        <v>87</v>
      </c>
      <c r="N25287" t="s">
        <v>88</v>
      </c>
      <c r="O25287" t="s">
        <v>85</v>
      </c>
      <c r="P25287" t="s">
        <v>86</v>
      </c>
      <c r="Q25287">
        <v>74</v>
      </c>
      <c r="R25287">
        <v>75</v>
      </c>
      <c r="S25287">
        <v>75</v>
      </c>
      <c r="T25287">
        <v>75</v>
      </c>
      <c r="U25287">
        <v>76</v>
      </c>
      <c r="V25287">
        <v>76</v>
      </c>
      <c r="W25287">
        <v>76</v>
      </c>
      <c r="X25287">
        <v>77</v>
      </c>
      <c r="Y25287">
        <v>77</v>
      </c>
      <c r="Z25287">
        <v>77</v>
      </c>
      <c r="AA25287">
        <v>77</v>
      </c>
      <c r="AB25287">
        <v>78</v>
      </c>
      <c r="AC25287">
        <v>78</v>
      </c>
      <c r="AD25287">
        <v>78</v>
      </c>
      <c r="AE25287">
        <v>78</v>
      </c>
      <c r="AF25287">
        <v>79</v>
      </c>
      <c r="AG25287">
        <v>79</v>
      </c>
      <c r="AH25287">
        <v>79</v>
      </c>
      <c r="AI25287">
        <v>79</v>
      </c>
      <c r="AJ25287">
        <v>80</v>
      </c>
      <c r="AK25287">
        <v>80</v>
      </c>
      <c r="AL25287">
        <v>80</v>
      </c>
      <c r="AM25287">
        <v>80</v>
      </c>
      <c r="AN25287">
        <v>81</v>
      </c>
      <c r="AO25287">
        <v>81</v>
      </c>
      <c r="AP25287">
        <v>81</v>
      </c>
      <c r="AQ25287">
        <v>81</v>
      </c>
    </row>
    <row r="25288" spans="1:43">
      <c r="A25288" t="s">
        <v>15649</v>
      </c>
      <c r="B25288" t="s">
        <v>15650</v>
      </c>
      <c r="C25288" t="s">
        <v>15643</v>
      </c>
      <c r="D25288" t="s">
        <v>15644</v>
      </c>
      <c r="E25288" t="s">
        <v>15475</v>
      </c>
      <c r="F25288" t="s">
        <v>15476</v>
      </c>
      <c r="G25288" t="s">
        <v>10734</v>
      </c>
      <c r="H25288" t="s">
        <v>10735</v>
      </c>
      <c r="I25288" s="2">
        <v>1</v>
      </c>
      <c r="J25288" s="2">
        <v>0</v>
      </c>
      <c r="K25288" s="2">
        <v>0</v>
      </c>
      <c r="L25288" t="s">
        <v>120</v>
      </c>
      <c r="M25288" t="s">
        <v>89</v>
      </c>
      <c r="N25288" t="s">
        <v>90</v>
      </c>
      <c r="O25288" t="s">
        <v>85</v>
      </c>
      <c r="P25288" t="s">
        <v>86</v>
      </c>
      <c r="Q25288">
        <v>74</v>
      </c>
      <c r="R25288">
        <v>76</v>
      </c>
      <c r="S25288">
        <v>77</v>
      </c>
      <c r="T25288">
        <v>79</v>
      </c>
      <c r="U25288">
        <v>80</v>
      </c>
      <c r="V25288">
        <v>82</v>
      </c>
      <c r="W25288">
        <v>83</v>
      </c>
      <c r="X25288">
        <v>84</v>
      </c>
      <c r="Y25288">
        <v>86</v>
      </c>
      <c r="Z25288">
        <v>87</v>
      </c>
      <c r="AA25288">
        <v>88</v>
      </c>
      <c r="AB25288">
        <v>89</v>
      </c>
      <c r="AC25288">
        <v>90</v>
      </c>
      <c r="AD25288">
        <v>92</v>
      </c>
      <c r="AE25288">
        <v>92</v>
      </c>
      <c r="AF25288">
        <v>92</v>
      </c>
      <c r="AG25288">
        <v>92</v>
      </c>
      <c r="AH25288">
        <v>93</v>
      </c>
      <c r="AI25288">
        <v>93</v>
      </c>
      <c r="AJ25288">
        <v>93</v>
      </c>
      <c r="AK25288">
        <v>93</v>
      </c>
      <c r="AL25288">
        <v>93</v>
      </c>
      <c r="AM25288">
        <v>93</v>
      </c>
      <c r="AN25288">
        <v>93</v>
      </c>
      <c r="AO25288">
        <v>93</v>
      </c>
      <c r="AP25288">
        <v>93</v>
      </c>
      <c r="AQ25288">
        <v>93</v>
      </c>
    </row>
    <row r="25289" spans="1:43">
      <c r="A25289" t="s">
        <v>15649</v>
      </c>
      <c r="B25289" t="s">
        <v>15650</v>
      </c>
      <c r="C25289" t="s">
        <v>15643</v>
      </c>
      <c r="D25289" t="s">
        <v>15644</v>
      </c>
      <c r="E25289" t="s">
        <v>15475</v>
      </c>
      <c r="F25289" t="s">
        <v>15476</v>
      </c>
      <c r="G25289" t="s">
        <v>10734</v>
      </c>
      <c r="H25289" t="s">
        <v>10735</v>
      </c>
      <c r="I25289" s="2">
        <v>1</v>
      </c>
      <c r="J25289" s="2">
        <v>0</v>
      </c>
      <c r="K25289" s="2">
        <v>0</v>
      </c>
      <c r="L25289" t="s">
        <v>120</v>
      </c>
      <c r="M25289" t="s">
        <v>83</v>
      </c>
      <c r="N25289" t="s">
        <v>91</v>
      </c>
      <c r="O25289" t="s">
        <v>85</v>
      </c>
      <c r="P25289" t="s">
        <v>86</v>
      </c>
      <c r="Q25289">
        <v>74</v>
      </c>
      <c r="R25289">
        <v>75</v>
      </c>
      <c r="S25289">
        <v>76</v>
      </c>
      <c r="T25289">
        <v>77</v>
      </c>
      <c r="U25289">
        <v>78</v>
      </c>
      <c r="V25289">
        <v>79</v>
      </c>
      <c r="W25289">
        <v>80</v>
      </c>
      <c r="X25289">
        <v>81</v>
      </c>
      <c r="Y25289">
        <v>82</v>
      </c>
      <c r="Z25289">
        <v>83</v>
      </c>
      <c r="AA25289">
        <v>84</v>
      </c>
      <c r="AB25289">
        <v>85</v>
      </c>
      <c r="AC25289">
        <v>85</v>
      </c>
      <c r="AD25289">
        <v>86</v>
      </c>
      <c r="AE25289">
        <v>87</v>
      </c>
      <c r="AF25289">
        <v>88</v>
      </c>
      <c r="AG25289">
        <v>89</v>
      </c>
      <c r="AH25289">
        <v>90</v>
      </c>
      <c r="AI25289">
        <v>91</v>
      </c>
      <c r="AJ25289">
        <v>91</v>
      </c>
      <c r="AK25289">
        <v>92</v>
      </c>
      <c r="AL25289">
        <v>92</v>
      </c>
      <c r="AM25289">
        <v>93</v>
      </c>
      <c r="AN25289">
        <v>93</v>
      </c>
      <c r="AO25289">
        <v>93</v>
      </c>
      <c r="AP25289">
        <v>93</v>
      </c>
      <c r="AQ25289">
        <v>93</v>
      </c>
    </row>
    <row r="25290" spans="1:43">
      <c r="A25290" t="s">
        <v>15651</v>
      </c>
      <c r="B25290" t="s">
        <v>15652</v>
      </c>
      <c r="C25290" t="s">
        <v>15643</v>
      </c>
      <c r="D25290" t="s">
        <v>15644</v>
      </c>
      <c r="E25290" t="s">
        <v>15475</v>
      </c>
      <c r="F25290" t="s">
        <v>15476</v>
      </c>
      <c r="G25290" t="s">
        <v>10734</v>
      </c>
      <c r="H25290" t="s">
        <v>10735</v>
      </c>
      <c r="I25290" s="2">
        <v>1</v>
      </c>
      <c r="J25290" s="2">
        <v>0</v>
      </c>
      <c r="K25290" s="2">
        <v>0</v>
      </c>
      <c r="L25290" t="s">
        <v>120</v>
      </c>
      <c r="M25290" t="s">
        <v>83</v>
      </c>
      <c r="N25290" t="s">
        <v>84</v>
      </c>
      <c r="O25290" t="s">
        <v>85</v>
      </c>
      <c r="P25290" t="s">
        <v>86</v>
      </c>
      <c r="Q25290">
        <v>12</v>
      </c>
      <c r="R25290">
        <v>12</v>
      </c>
      <c r="S25290">
        <v>12</v>
      </c>
      <c r="T25290">
        <v>12</v>
      </c>
      <c r="U25290">
        <v>13</v>
      </c>
      <c r="V25290">
        <v>13</v>
      </c>
      <c r="W25290">
        <v>13</v>
      </c>
      <c r="X25290">
        <v>13</v>
      </c>
      <c r="Y25290">
        <v>13</v>
      </c>
      <c r="Z25290">
        <v>13</v>
      </c>
      <c r="AA25290">
        <v>13</v>
      </c>
      <c r="AB25290">
        <v>14</v>
      </c>
      <c r="AC25290">
        <v>14</v>
      </c>
      <c r="AD25290">
        <v>14</v>
      </c>
      <c r="AE25290">
        <v>14</v>
      </c>
      <c r="AF25290">
        <v>14</v>
      </c>
      <c r="AG25290">
        <v>14</v>
      </c>
      <c r="AH25290">
        <v>14</v>
      </c>
      <c r="AI25290">
        <v>15</v>
      </c>
      <c r="AJ25290">
        <v>15</v>
      </c>
      <c r="AK25290">
        <v>15</v>
      </c>
      <c r="AL25290">
        <v>15</v>
      </c>
      <c r="AM25290">
        <v>15</v>
      </c>
      <c r="AN25290">
        <v>15</v>
      </c>
      <c r="AO25290">
        <v>15</v>
      </c>
      <c r="AP25290">
        <v>15</v>
      </c>
      <c r="AQ25290">
        <v>15</v>
      </c>
    </row>
    <row r="25291" spans="1:43">
      <c r="A25291" t="s">
        <v>15651</v>
      </c>
      <c r="B25291" t="s">
        <v>15652</v>
      </c>
      <c r="C25291" t="s">
        <v>15643</v>
      </c>
      <c r="D25291" t="s">
        <v>15644</v>
      </c>
      <c r="E25291" t="s">
        <v>15475</v>
      </c>
      <c r="F25291" t="s">
        <v>15476</v>
      </c>
      <c r="G25291" t="s">
        <v>10734</v>
      </c>
      <c r="H25291" t="s">
        <v>10735</v>
      </c>
      <c r="I25291" s="2">
        <v>1</v>
      </c>
      <c r="J25291" s="2">
        <v>0</v>
      </c>
      <c r="K25291" s="2">
        <v>0</v>
      </c>
      <c r="L25291" t="s">
        <v>120</v>
      </c>
      <c r="M25291" t="s">
        <v>87</v>
      </c>
      <c r="N25291" t="s">
        <v>88</v>
      </c>
      <c r="O25291" t="s">
        <v>85</v>
      </c>
      <c r="P25291" t="s">
        <v>86</v>
      </c>
      <c r="Q25291">
        <v>12</v>
      </c>
      <c r="R25291">
        <v>12</v>
      </c>
      <c r="S25291">
        <v>12</v>
      </c>
      <c r="T25291">
        <v>12</v>
      </c>
      <c r="U25291">
        <v>12</v>
      </c>
      <c r="V25291">
        <v>12</v>
      </c>
      <c r="W25291">
        <v>12</v>
      </c>
      <c r="X25291">
        <v>12</v>
      </c>
      <c r="Y25291">
        <v>12</v>
      </c>
      <c r="Z25291">
        <v>12</v>
      </c>
      <c r="AA25291">
        <v>12</v>
      </c>
      <c r="AB25291">
        <v>12</v>
      </c>
      <c r="AC25291">
        <v>12</v>
      </c>
      <c r="AD25291">
        <v>12</v>
      </c>
      <c r="AE25291">
        <v>12</v>
      </c>
      <c r="AF25291">
        <v>12</v>
      </c>
      <c r="AG25291">
        <v>13</v>
      </c>
      <c r="AH25291">
        <v>13</v>
      </c>
      <c r="AI25291">
        <v>13</v>
      </c>
      <c r="AJ25291">
        <v>13</v>
      </c>
      <c r="AK25291">
        <v>13</v>
      </c>
      <c r="AL25291">
        <v>13</v>
      </c>
      <c r="AM25291">
        <v>13</v>
      </c>
      <c r="AN25291">
        <v>13</v>
      </c>
      <c r="AO25291">
        <v>13</v>
      </c>
      <c r="AP25291">
        <v>13</v>
      </c>
      <c r="AQ25291">
        <v>13</v>
      </c>
    </row>
    <row r="25292" spans="1:43">
      <c r="A25292" t="s">
        <v>15651</v>
      </c>
      <c r="B25292" t="s">
        <v>15652</v>
      </c>
      <c r="C25292" t="s">
        <v>15643</v>
      </c>
      <c r="D25292" t="s">
        <v>15644</v>
      </c>
      <c r="E25292" t="s">
        <v>15475</v>
      </c>
      <c r="F25292" t="s">
        <v>15476</v>
      </c>
      <c r="G25292" t="s">
        <v>10734</v>
      </c>
      <c r="H25292" t="s">
        <v>10735</v>
      </c>
      <c r="I25292" s="2">
        <v>1</v>
      </c>
      <c r="J25292" s="2">
        <v>0</v>
      </c>
      <c r="K25292" s="2">
        <v>0</v>
      </c>
      <c r="L25292" t="s">
        <v>120</v>
      </c>
      <c r="M25292" t="s">
        <v>89</v>
      </c>
      <c r="N25292" t="s">
        <v>90</v>
      </c>
      <c r="O25292" t="s">
        <v>85</v>
      </c>
      <c r="P25292" t="s">
        <v>86</v>
      </c>
      <c r="Q25292">
        <v>12</v>
      </c>
      <c r="R25292">
        <v>12</v>
      </c>
      <c r="S25292">
        <v>13</v>
      </c>
      <c r="T25292">
        <v>13</v>
      </c>
      <c r="U25292">
        <v>13</v>
      </c>
      <c r="V25292">
        <v>13</v>
      </c>
      <c r="W25292">
        <v>13</v>
      </c>
      <c r="X25292">
        <v>14</v>
      </c>
      <c r="Y25292">
        <v>14</v>
      </c>
      <c r="Z25292">
        <v>14</v>
      </c>
      <c r="AA25292">
        <v>14</v>
      </c>
      <c r="AB25292">
        <v>14</v>
      </c>
      <c r="AC25292">
        <v>15</v>
      </c>
      <c r="AD25292">
        <v>15</v>
      </c>
      <c r="AE25292">
        <v>15</v>
      </c>
      <c r="AF25292">
        <v>15</v>
      </c>
      <c r="AG25292">
        <v>15</v>
      </c>
      <c r="AH25292">
        <v>15</v>
      </c>
      <c r="AI25292">
        <v>15</v>
      </c>
      <c r="AJ25292">
        <v>15</v>
      </c>
      <c r="AK25292">
        <v>15</v>
      </c>
      <c r="AL25292">
        <v>15</v>
      </c>
      <c r="AM25292">
        <v>15</v>
      </c>
      <c r="AN25292">
        <v>15</v>
      </c>
      <c r="AO25292">
        <v>15</v>
      </c>
      <c r="AP25292">
        <v>15</v>
      </c>
      <c r="AQ25292">
        <v>15</v>
      </c>
    </row>
    <row r="25293" spans="1:43">
      <c r="A25293" t="s">
        <v>15651</v>
      </c>
      <c r="B25293" t="s">
        <v>15652</v>
      </c>
      <c r="C25293" t="s">
        <v>15643</v>
      </c>
      <c r="D25293" t="s">
        <v>15644</v>
      </c>
      <c r="E25293" t="s">
        <v>15475</v>
      </c>
      <c r="F25293" t="s">
        <v>15476</v>
      </c>
      <c r="G25293" t="s">
        <v>10734</v>
      </c>
      <c r="H25293" t="s">
        <v>10735</v>
      </c>
      <c r="I25293" s="2">
        <v>1</v>
      </c>
      <c r="J25293" s="2">
        <v>0</v>
      </c>
      <c r="K25293" s="2">
        <v>0</v>
      </c>
      <c r="L25293" t="s">
        <v>120</v>
      </c>
      <c r="M25293" t="s">
        <v>83</v>
      </c>
      <c r="N25293" t="s">
        <v>91</v>
      </c>
      <c r="O25293" t="s">
        <v>85</v>
      </c>
      <c r="P25293" t="s">
        <v>86</v>
      </c>
      <c r="Q25293">
        <v>12</v>
      </c>
      <c r="R25293">
        <v>12</v>
      </c>
      <c r="S25293">
        <v>12</v>
      </c>
      <c r="T25293">
        <v>12</v>
      </c>
      <c r="U25293">
        <v>13</v>
      </c>
      <c r="V25293">
        <v>13</v>
      </c>
      <c r="W25293">
        <v>13</v>
      </c>
      <c r="X25293">
        <v>13</v>
      </c>
      <c r="Y25293">
        <v>13</v>
      </c>
      <c r="Z25293">
        <v>13</v>
      </c>
      <c r="AA25293">
        <v>13</v>
      </c>
      <c r="AB25293">
        <v>14</v>
      </c>
      <c r="AC25293">
        <v>14</v>
      </c>
      <c r="AD25293">
        <v>14</v>
      </c>
      <c r="AE25293">
        <v>14</v>
      </c>
      <c r="AF25293">
        <v>14</v>
      </c>
      <c r="AG25293">
        <v>14</v>
      </c>
      <c r="AH25293">
        <v>14</v>
      </c>
      <c r="AI25293">
        <v>15</v>
      </c>
      <c r="AJ25293">
        <v>15</v>
      </c>
      <c r="AK25293">
        <v>15</v>
      </c>
      <c r="AL25293">
        <v>15</v>
      </c>
      <c r="AM25293">
        <v>15</v>
      </c>
      <c r="AN25293">
        <v>15</v>
      </c>
      <c r="AO25293">
        <v>15</v>
      </c>
      <c r="AP25293">
        <v>15</v>
      </c>
      <c r="AQ25293">
        <v>15</v>
      </c>
    </row>
    <row r="25294" spans="1:43">
      <c r="A25294" t="s">
        <v>15653</v>
      </c>
      <c r="B25294" t="s">
        <v>15654</v>
      </c>
      <c r="C25294" t="s">
        <v>15655</v>
      </c>
      <c r="D25294" t="s">
        <v>15656</v>
      </c>
      <c r="E25294" t="s">
        <v>15475</v>
      </c>
      <c r="F25294" t="s">
        <v>15476</v>
      </c>
      <c r="G25294" t="s">
        <v>10734</v>
      </c>
      <c r="H25294" t="s">
        <v>10735</v>
      </c>
      <c r="I25294" s="2">
        <v>1</v>
      </c>
      <c r="J25294" s="2">
        <v>0</v>
      </c>
      <c r="K25294" s="2">
        <v>0</v>
      </c>
      <c r="L25294" t="s">
        <v>120</v>
      </c>
      <c r="M25294" t="s">
        <v>83</v>
      </c>
      <c r="N25294" t="s">
        <v>84</v>
      </c>
      <c r="O25294" t="s">
        <v>85</v>
      </c>
      <c r="P25294" t="s">
        <v>86</v>
      </c>
      <c r="Q25294">
        <v>52</v>
      </c>
      <c r="R25294">
        <v>53</v>
      </c>
      <c r="S25294">
        <v>53</v>
      </c>
      <c r="T25294">
        <v>54</v>
      </c>
      <c r="U25294">
        <v>55</v>
      </c>
      <c r="V25294">
        <v>55</v>
      </c>
      <c r="W25294">
        <v>56</v>
      </c>
      <c r="X25294">
        <v>57</v>
      </c>
      <c r="Y25294">
        <v>57</v>
      </c>
      <c r="Z25294">
        <v>58</v>
      </c>
      <c r="AA25294">
        <v>58</v>
      </c>
      <c r="AB25294">
        <v>59</v>
      </c>
      <c r="AC25294">
        <v>60</v>
      </c>
      <c r="AD25294">
        <v>60</v>
      </c>
      <c r="AE25294">
        <v>61</v>
      </c>
      <c r="AF25294">
        <v>61</v>
      </c>
      <c r="AG25294">
        <v>62</v>
      </c>
      <c r="AH25294">
        <v>63</v>
      </c>
      <c r="AI25294">
        <v>63</v>
      </c>
      <c r="AJ25294">
        <v>64</v>
      </c>
      <c r="AK25294">
        <v>64</v>
      </c>
      <c r="AL25294">
        <v>64</v>
      </c>
      <c r="AM25294">
        <v>64</v>
      </c>
      <c r="AN25294">
        <v>64</v>
      </c>
      <c r="AO25294">
        <v>64</v>
      </c>
      <c r="AP25294">
        <v>64</v>
      </c>
      <c r="AQ25294">
        <v>64</v>
      </c>
    </row>
    <row r="25295" spans="1:43">
      <c r="A25295" t="s">
        <v>15653</v>
      </c>
      <c r="B25295" t="s">
        <v>15654</v>
      </c>
      <c r="C25295" t="s">
        <v>15655</v>
      </c>
      <c r="D25295" t="s">
        <v>15656</v>
      </c>
      <c r="E25295" t="s">
        <v>15475</v>
      </c>
      <c r="F25295" t="s">
        <v>15476</v>
      </c>
      <c r="G25295" t="s">
        <v>10734</v>
      </c>
      <c r="H25295" t="s">
        <v>10735</v>
      </c>
      <c r="I25295" s="2">
        <v>1</v>
      </c>
      <c r="J25295" s="2">
        <v>0</v>
      </c>
      <c r="K25295" s="2">
        <v>0</v>
      </c>
      <c r="L25295" t="s">
        <v>120</v>
      </c>
      <c r="M25295" t="s">
        <v>87</v>
      </c>
      <c r="N25295" t="s">
        <v>88</v>
      </c>
      <c r="O25295" t="s">
        <v>85</v>
      </c>
      <c r="P25295" t="s">
        <v>86</v>
      </c>
      <c r="Q25295">
        <v>52</v>
      </c>
      <c r="R25295">
        <v>53</v>
      </c>
      <c r="S25295">
        <v>53</v>
      </c>
      <c r="T25295">
        <v>53</v>
      </c>
      <c r="U25295">
        <v>53</v>
      </c>
      <c r="V25295">
        <v>53</v>
      </c>
      <c r="W25295">
        <v>54</v>
      </c>
      <c r="X25295">
        <v>54</v>
      </c>
      <c r="Y25295">
        <v>54</v>
      </c>
      <c r="Z25295">
        <v>54</v>
      </c>
      <c r="AA25295">
        <v>54</v>
      </c>
      <c r="AB25295">
        <v>54</v>
      </c>
      <c r="AC25295">
        <v>55</v>
      </c>
      <c r="AD25295">
        <v>55</v>
      </c>
      <c r="AE25295">
        <v>55</v>
      </c>
      <c r="AF25295">
        <v>55</v>
      </c>
      <c r="AG25295">
        <v>55</v>
      </c>
      <c r="AH25295">
        <v>55</v>
      </c>
      <c r="AI25295">
        <v>56</v>
      </c>
      <c r="AJ25295">
        <v>56</v>
      </c>
      <c r="AK25295">
        <v>56</v>
      </c>
      <c r="AL25295">
        <v>56</v>
      </c>
      <c r="AM25295">
        <v>56</v>
      </c>
      <c r="AN25295">
        <v>56</v>
      </c>
      <c r="AO25295">
        <v>57</v>
      </c>
      <c r="AP25295">
        <v>57</v>
      </c>
      <c r="AQ25295">
        <v>57</v>
      </c>
    </row>
    <row r="25296" spans="1:43">
      <c r="A25296" t="s">
        <v>15653</v>
      </c>
      <c r="B25296" t="s">
        <v>15654</v>
      </c>
      <c r="C25296" t="s">
        <v>15655</v>
      </c>
      <c r="D25296" t="s">
        <v>15656</v>
      </c>
      <c r="E25296" t="s">
        <v>15475</v>
      </c>
      <c r="F25296" t="s">
        <v>15476</v>
      </c>
      <c r="G25296" t="s">
        <v>10734</v>
      </c>
      <c r="H25296" t="s">
        <v>10735</v>
      </c>
      <c r="I25296" s="2">
        <v>1</v>
      </c>
      <c r="J25296" s="2">
        <v>0</v>
      </c>
      <c r="K25296" s="2">
        <v>0</v>
      </c>
      <c r="L25296" t="s">
        <v>120</v>
      </c>
      <c r="M25296" t="s">
        <v>89</v>
      </c>
      <c r="N25296" t="s">
        <v>90</v>
      </c>
      <c r="O25296" t="s">
        <v>85</v>
      </c>
      <c r="P25296" t="s">
        <v>86</v>
      </c>
      <c r="Q25296">
        <v>52</v>
      </c>
      <c r="R25296">
        <v>54</v>
      </c>
      <c r="S25296">
        <v>55</v>
      </c>
      <c r="T25296">
        <v>56</v>
      </c>
      <c r="U25296">
        <v>57</v>
      </c>
      <c r="V25296">
        <v>58</v>
      </c>
      <c r="W25296">
        <v>59</v>
      </c>
      <c r="X25296">
        <v>60</v>
      </c>
      <c r="Y25296">
        <v>60</v>
      </c>
      <c r="Z25296">
        <v>61</v>
      </c>
      <c r="AA25296">
        <v>62</v>
      </c>
      <c r="AB25296">
        <v>63</v>
      </c>
      <c r="AC25296">
        <v>64</v>
      </c>
      <c r="AD25296">
        <v>65</v>
      </c>
      <c r="AE25296">
        <v>65</v>
      </c>
      <c r="AF25296">
        <v>65</v>
      </c>
      <c r="AG25296">
        <v>65</v>
      </c>
      <c r="AH25296">
        <v>65</v>
      </c>
      <c r="AI25296">
        <v>65</v>
      </c>
      <c r="AJ25296">
        <v>65</v>
      </c>
      <c r="AK25296">
        <v>65</v>
      </c>
      <c r="AL25296">
        <v>65</v>
      </c>
      <c r="AM25296">
        <v>65</v>
      </c>
      <c r="AN25296">
        <v>65</v>
      </c>
      <c r="AO25296">
        <v>65</v>
      </c>
      <c r="AP25296">
        <v>65</v>
      </c>
      <c r="AQ25296">
        <v>65</v>
      </c>
    </row>
    <row r="25297" spans="1:43">
      <c r="A25297" t="s">
        <v>15653</v>
      </c>
      <c r="B25297" t="s">
        <v>15654</v>
      </c>
      <c r="C25297" t="s">
        <v>15655</v>
      </c>
      <c r="D25297" t="s">
        <v>15656</v>
      </c>
      <c r="E25297" t="s">
        <v>15475</v>
      </c>
      <c r="F25297" t="s">
        <v>15476</v>
      </c>
      <c r="G25297" t="s">
        <v>10734</v>
      </c>
      <c r="H25297" t="s">
        <v>10735</v>
      </c>
      <c r="I25297" s="2">
        <v>1</v>
      </c>
      <c r="J25297" s="2">
        <v>0</v>
      </c>
      <c r="K25297" s="2">
        <v>0</v>
      </c>
      <c r="L25297" t="s">
        <v>120</v>
      </c>
      <c r="M25297" t="s">
        <v>83</v>
      </c>
      <c r="N25297" t="s">
        <v>91</v>
      </c>
      <c r="O25297" t="s">
        <v>85</v>
      </c>
      <c r="P25297" t="s">
        <v>86</v>
      </c>
      <c r="Q25297">
        <v>52</v>
      </c>
      <c r="R25297">
        <v>53</v>
      </c>
      <c r="S25297">
        <v>53</v>
      </c>
      <c r="T25297">
        <v>54</v>
      </c>
      <c r="U25297">
        <v>55</v>
      </c>
      <c r="V25297">
        <v>55</v>
      </c>
      <c r="W25297">
        <v>56</v>
      </c>
      <c r="X25297">
        <v>57</v>
      </c>
      <c r="Y25297">
        <v>57</v>
      </c>
      <c r="Z25297">
        <v>58</v>
      </c>
      <c r="AA25297">
        <v>58</v>
      </c>
      <c r="AB25297">
        <v>59</v>
      </c>
      <c r="AC25297">
        <v>60</v>
      </c>
      <c r="AD25297">
        <v>60</v>
      </c>
      <c r="AE25297">
        <v>61</v>
      </c>
      <c r="AF25297">
        <v>61</v>
      </c>
      <c r="AG25297">
        <v>62</v>
      </c>
      <c r="AH25297">
        <v>63</v>
      </c>
      <c r="AI25297">
        <v>63</v>
      </c>
      <c r="AJ25297">
        <v>64</v>
      </c>
      <c r="AK25297">
        <v>64</v>
      </c>
      <c r="AL25297">
        <v>64</v>
      </c>
      <c r="AM25297">
        <v>64</v>
      </c>
      <c r="AN25297">
        <v>64</v>
      </c>
      <c r="AO25297">
        <v>64</v>
      </c>
      <c r="AP25297">
        <v>64</v>
      </c>
      <c r="AQ25297">
        <v>64</v>
      </c>
    </row>
    <row r="25298" spans="1:43">
      <c r="A25298" t="s">
        <v>15657</v>
      </c>
      <c r="B25298" t="s">
        <v>15658</v>
      </c>
      <c r="C25298" t="s">
        <v>15655</v>
      </c>
      <c r="D25298" t="s">
        <v>15656</v>
      </c>
      <c r="E25298" t="s">
        <v>15475</v>
      </c>
      <c r="F25298" t="s">
        <v>15476</v>
      </c>
      <c r="G25298" t="s">
        <v>10734</v>
      </c>
      <c r="H25298" t="s">
        <v>10735</v>
      </c>
      <c r="I25298" s="2">
        <v>1</v>
      </c>
      <c r="J25298" s="2">
        <v>0</v>
      </c>
      <c r="K25298" s="2">
        <v>0</v>
      </c>
      <c r="L25298" t="s">
        <v>120</v>
      </c>
      <c r="M25298" t="s">
        <v>83</v>
      </c>
      <c r="N25298" t="s">
        <v>84</v>
      </c>
      <c r="O25298" t="s">
        <v>85</v>
      </c>
      <c r="P25298" t="s">
        <v>86</v>
      </c>
      <c r="Q25298">
        <v>18</v>
      </c>
      <c r="R25298">
        <v>19</v>
      </c>
      <c r="S25298">
        <v>19</v>
      </c>
      <c r="T25298">
        <v>19</v>
      </c>
      <c r="U25298">
        <v>19</v>
      </c>
      <c r="V25298">
        <v>20</v>
      </c>
      <c r="W25298">
        <v>20</v>
      </c>
      <c r="X25298">
        <v>20</v>
      </c>
      <c r="Y25298">
        <v>20</v>
      </c>
      <c r="Z25298">
        <v>21</v>
      </c>
      <c r="AA25298">
        <v>21</v>
      </c>
      <c r="AB25298">
        <v>21</v>
      </c>
      <c r="AC25298">
        <v>21</v>
      </c>
      <c r="AD25298">
        <v>21</v>
      </c>
      <c r="AE25298">
        <v>22</v>
      </c>
      <c r="AF25298">
        <v>22</v>
      </c>
      <c r="AG25298">
        <v>22</v>
      </c>
      <c r="AH25298">
        <v>22</v>
      </c>
      <c r="AI25298">
        <v>22</v>
      </c>
      <c r="AJ25298">
        <v>23</v>
      </c>
      <c r="AK25298">
        <v>23</v>
      </c>
      <c r="AL25298">
        <v>23</v>
      </c>
      <c r="AM25298">
        <v>23</v>
      </c>
      <c r="AN25298">
        <v>23</v>
      </c>
      <c r="AO25298">
        <v>23</v>
      </c>
      <c r="AP25298">
        <v>23</v>
      </c>
      <c r="AQ25298">
        <v>23</v>
      </c>
    </row>
    <row r="25299" spans="1:43">
      <c r="A25299" t="s">
        <v>15657</v>
      </c>
      <c r="B25299" t="s">
        <v>15658</v>
      </c>
      <c r="C25299" t="s">
        <v>15655</v>
      </c>
      <c r="D25299" t="s">
        <v>15656</v>
      </c>
      <c r="E25299" t="s">
        <v>15475</v>
      </c>
      <c r="F25299" t="s">
        <v>15476</v>
      </c>
      <c r="G25299" t="s">
        <v>10734</v>
      </c>
      <c r="H25299" t="s">
        <v>10735</v>
      </c>
      <c r="I25299" s="2">
        <v>1</v>
      </c>
      <c r="J25299" s="2">
        <v>0</v>
      </c>
      <c r="K25299" s="2">
        <v>0</v>
      </c>
      <c r="L25299" t="s">
        <v>120</v>
      </c>
      <c r="M25299" t="s">
        <v>87</v>
      </c>
      <c r="N25299" t="s">
        <v>88</v>
      </c>
      <c r="O25299" t="s">
        <v>85</v>
      </c>
      <c r="P25299" t="s">
        <v>86</v>
      </c>
      <c r="Q25299">
        <v>18</v>
      </c>
      <c r="R25299">
        <v>18</v>
      </c>
      <c r="S25299">
        <v>18</v>
      </c>
      <c r="T25299">
        <v>19</v>
      </c>
      <c r="U25299">
        <v>19</v>
      </c>
      <c r="V25299">
        <v>19</v>
      </c>
      <c r="W25299">
        <v>19</v>
      </c>
      <c r="X25299">
        <v>19</v>
      </c>
      <c r="Y25299">
        <v>19</v>
      </c>
      <c r="Z25299">
        <v>19</v>
      </c>
      <c r="AA25299">
        <v>19</v>
      </c>
      <c r="AB25299">
        <v>19</v>
      </c>
      <c r="AC25299">
        <v>19</v>
      </c>
      <c r="AD25299">
        <v>19</v>
      </c>
      <c r="AE25299">
        <v>19</v>
      </c>
      <c r="AF25299">
        <v>19</v>
      </c>
      <c r="AG25299">
        <v>19</v>
      </c>
      <c r="AH25299">
        <v>19</v>
      </c>
      <c r="AI25299">
        <v>19</v>
      </c>
      <c r="AJ25299">
        <v>20</v>
      </c>
      <c r="AK25299">
        <v>20</v>
      </c>
      <c r="AL25299">
        <v>20</v>
      </c>
      <c r="AM25299">
        <v>20</v>
      </c>
      <c r="AN25299">
        <v>20</v>
      </c>
      <c r="AO25299">
        <v>20</v>
      </c>
      <c r="AP25299">
        <v>20</v>
      </c>
      <c r="AQ25299">
        <v>20</v>
      </c>
    </row>
    <row r="25300" spans="1:43">
      <c r="A25300" t="s">
        <v>15657</v>
      </c>
      <c r="B25300" t="s">
        <v>15658</v>
      </c>
      <c r="C25300" t="s">
        <v>15655</v>
      </c>
      <c r="D25300" t="s">
        <v>15656</v>
      </c>
      <c r="E25300" t="s">
        <v>15475</v>
      </c>
      <c r="F25300" t="s">
        <v>15476</v>
      </c>
      <c r="G25300" t="s">
        <v>10734</v>
      </c>
      <c r="H25300" t="s">
        <v>10735</v>
      </c>
      <c r="I25300" s="2">
        <v>1</v>
      </c>
      <c r="J25300" s="2">
        <v>0</v>
      </c>
      <c r="K25300" s="2">
        <v>0</v>
      </c>
      <c r="L25300" t="s">
        <v>120</v>
      </c>
      <c r="M25300" t="s">
        <v>89</v>
      </c>
      <c r="N25300" t="s">
        <v>90</v>
      </c>
      <c r="O25300" t="s">
        <v>85</v>
      </c>
      <c r="P25300" t="s">
        <v>86</v>
      </c>
      <c r="Q25300">
        <v>18</v>
      </c>
      <c r="R25300">
        <v>18</v>
      </c>
      <c r="S25300">
        <v>18</v>
      </c>
      <c r="T25300">
        <v>19</v>
      </c>
      <c r="U25300">
        <v>19</v>
      </c>
      <c r="V25300">
        <v>20</v>
      </c>
      <c r="W25300">
        <v>20</v>
      </c>
      <c r="X25300">
        <v>20</v>
      </c>
      <c r="Y25300">
        <v>21</v>
      </c>
      <c r="Z25300">
        <v>21</v>
      </c>
      <c r="AA25300">
        <v>21</v>
      </c>
      <c r="AB25300">
        <v>21</v>
      </c>
      <c r="AC25300">
        <v>22</v>
      </c>
      <c r="AD25300">
        <v>22</v>
      </c>
      <c r="AE25300">
        <v>22</v>
      </c>
      <c r="AF25300">
        <v>22</v>
      </c>
      <c r="AG25300">
        <v>22</v>
      </c>
      <c r="AH25300">
        <v>22</v>
      </c>
      <c r="AI25300">
        <v>22</v>
      </c>
      <c r="AJ25300">
        <v>22</v>
      </c>
      <c r="AK25300">
        <v>22</v>
      </c>
      <c r="AL25300">
        <v>22</v>
      </c>
      <c r="AM25300">
        <v>22</v>
      </c>
      <c r="AN25300">
        <v>22</v>
      </c>
      <c r="AO25300">
        <v>22</v>
      </c>
      <c r="AP25300">
        <v>22</v>
      </c>
      <c r="AQ25300">
        <v>22</v>
      </c>
    </row>
    <row r="25301" spans="1:43">
      <c r="A25301" t="s">
        <v>15657</v>
      </c>
      <c r="B25301" t="s">
        <v>15658</v>
      </c>
      <c r="C25301" t="s">
        <v>15655</v>
      </c>
      <c r="D25301" t="s">
        <v>15656</v>
      </c>
      <c r="E25301" t="s">
        <v>15475</v>
      </c>
      <c r="F25301" t="s">
        <v>15476</v>
      </c>
      <c r="G25301" t="s">
        <v>10734</v>
      </c>
      <c r="H25301" t="s">
        <v>10735</v>
      </c>
      <c r="I25301" s="2">
        <v>1</v>
      </c>
      <c r="J25301" s="2">
        <v>0</v>
      </c>
      <c r="K25301" s="2">
        <v>0</v>
      </c>
      <c r="L25301" t="s">
        <v>120</v>
      </c>
      <c r="M25301" t="s">
        <v>83</v>
      </c>
      <c r="N25301" t="s">
        <v>91</v>
      </c>
      <c r="O25301" t="s">
        <v>85</v>
      </c>
      <c r="P25301" t="s">
        <v>86</v>
      </c>
      <c r="Q25301">
        <v>18</v>
      </c>
      <c r="R25301">
        <v>19</v>
      </c>
      <c r="S25301">
        <v>19</v>
      </c>
      <c r="T25301">
        <v>19</v>
      </c>
      <c r="U25301">
        <v>19</v>
      </c>
      <c r="V25301">
        <v>20</v>
      </c>
      <c r="W25301">
        <v>20</v>
      </c>
      <c r="X25301">
        <v>20</v>
      </c>
      <c r="Y25301">
        <v>20</v>
      </c>
      <c r="Z25301">
        <v>21</v>
      </c>
      <c r="AA25301">
        <v>21</v>
      </c>
      <c r="AB25301">
        <v>21</v>
      </c>
      <c r="AC25301">
        <v>21</v>
      </c>
      <c r="AD25301">
        <v>21</v>
      </c>
      <c r="AE25301">
        <v>22</v>
      </c>
      <c r="AF25301">
        <v>22</v>
      </c>
      <c r="AG25301">
        <v>22</v>
      </c>
      <c r="AH25301">
        <v>22</v>
      </c>
      <c r="AI25301">
        <v>22</v>
      </c>
      <c r="AJ25301">
        <v>23</v>
      </c>
      <c r="AK25301">
        <v>23</v>
      </c>
      <c r="AL25301">
        <v>23</v>
      </c>
      <c r="AM25301">
        <v>23</v>
      </c>
      <c r="AN25301">
        <v>23</v>
      </c>
      <c r="AO25301">
        <v>23</v>
      </c>
      <c r="AP25301">
        <v>23</v>
      </c>
      <c r="AQ25301">
        <v>23</v>
      </c>
    </row>
    <row r="25302" spans="1:43">
      <c r="A25302" t="s">
        <v>15659</v>
      </c>
      <c r="B25302" t="s">
        <v>15660</v>
      </c>
      <c r="C25302" t="s">
        <v>15655</v>
      </c>
      <c r="D25302" t="s">
        <v>15656</v>
      </c>
      <c r="E25302" t="s">
        <v>15475</v>
      </c>
      <c r="F25302" t="s">
        <v>15476</v>
      </c>
      <c r="G25302" t="s">
        <v>10734</v>
      </c>
      <c r="H25302" t="s">
        <v>10735</v>
      </c>
      <c r="I25302" s="2">
        <v>1</v>
      </c>
      <c r="J25302" s="2">
        <v>0</v>
      </c>
      <c r="K25302" s="2">
        <v>0</v>
      </c>
      <c r="L25302" t="s">
        <v>120</v>
      </c>
      <c r="M25302" t="s">
        <v>83</v>
      </c>
      <c r="N25302" t="s">
        <v>84</v>
      </c>
      <c r="O25302" t="s">
        <v>85</v>
      </c>
      <c r="P25302" t="s">
        <v>86</v>
      </c>
      <c r="Q25302">
        <v>19</v>
      </c>
      <c r="R25302">
        <v>19</v>
      </c>
      <c r="S25302">
        <v>20</v>
      </c>
      <c r="T25302">
        <v>20</v>
      </c>
      <c r="U25302">
        <v>20</v>
      </c>
      <c r="V25302">
        <v>20</v>
      </c>
      <c r="W25302">
        <v>21</v>
      </c>
      <c r="X25302">
        <v>21</v>
      </c>
      <c r="Y25302">
        <v>21</v>
      </c>
      <c r="Z25302">
        <v>21</v>
      </c>
      <c r="AA25302">
        <v>22</v>
      </c>
      <c r="AB25302">
        <v>22</v>
      </c>
      <c r="AC25302">
        <v>22</v>
      </c>
      <c r="AD25302">
        <v>22</v>
      </c>
      <c r="AE25302">
        <v>22</v>
      </c>
      <c r="AF25302">
        <v>23</v>
      </c>
      <c r="AG25302">
        <v>23</v>
      </c>
      <c r="AH25302">
        <v>23</v>
      </c>
      <c r="AI25302">
        <v>23</v>
      </c>
      <c r="AJ25302">
        <v>24</v>
      </c>
      <c r="AK25302">
        <v>24</v>
      </c>
      <c r="AL25302">
        <v>24</v>
      </c>
      <c r="AM25302">
        <v>24</v>
      </c>
      <c r="AN25302">
        <v>24</v>
      </c>
      <c r="AO25302">
        <v>24</v>
      </c>
      <c r="AP25302">
        <v>24</v>
      </c>
      <c r="AQ25302">
        <v>24</v>
      </c>
    </row>
    <row r="25303" spans="1:43">
      <c r="A25303" t="s">
        <v>15659</v>
      </c>
      <c r="B25303" t="s">
        <v>15660</v>
      </c>
      <c r="C25303" t="s">
        <v>15655</v>
      </c>
      <c r="D25303" t="s">
        <v>15656</v>
      </c>
      <c r="E25303" t="s">
        <v>15475</v>
      </c>
      <c r="F25303" t="s">
        <v>15476</v>
      </c>
      <c r="G25303" t="s">
        <v>10734</v>
      </c>
      <c r="H25303" t="s">
        <v>10735</v>
      </c>
      <c r="I25303" s="2">
        <v>1</v>
      </c>
      <c r="J25303" s="2">
        <v>0</v>
      </c>
      <c r="K25303" s="2">
        <v>0</v>
      </c>
      <c r="L25303" t="s">
        <v>120</v>
      </c>
      <c r="M25303" t="s">
        <v>87</v>
      </c>
      <c r="N25303" t="s">
        <v>88</v>
      </c>
      <c r="O25303" t="s">
        <v>85</v>
      </c>
      <c r="P25303" t="s">
        <v>86</v>
      </c>
      <c r="Q25303">
        <v>19</v>
      </c>
      <c r="R25303">
        <v>19</v>
      </c>
      <c r="S25303">
        <v>19</v>
      </c>
      <c r="T25303">
        <v>19</v>
      </c>
      <c r="U25303">
        <v>19</v>
      </c>
      <c r="V25303">
        <v>19</v>
      </c>
      <c r="W25303">
        <v>19</v>
      </c>
      <c r="X25303">
        <v>19</v>
      </c>
      <c r="Y25303">
        <v>20</v>
      </c>
      <c r="Z25303">
        <v>20</v>
      </c>
      <c r="AA25303">
        <v>20</v>
      </c>
      <c r="AB25303">
        <v>20</v>
      </c>
      <c r="AC25303">
        <v>20</v>
      </c>
      <c r="AD25303">
        <v>20</v>
      </c>
      <c r="AE25303">
        <v>20</v>
      </c>
      <c r="AF25303">
        <v>20</v>
      </c>
      <c r="AG25303">
        <v>20</v>
      </c>
      <c r="AH25303">
        <v>20</v>
      </c>
      <c r="AI25303">
        <v>20</v>
      </c>
      <c r="AJ25303">
        <v>20</v>
      </c>
      <c r="AK25303">
        <v>20</v>
      </c>
      <c r="AL25303">
        <v>20</v>
      </c>
      <c r="AM25303">
        <v>20</v>
      </c>
      <c r="AN25303">
        <v>20</v>
      </c>
      <c r="AO25303">
        <v>21</v>
      </c>
      <c r="AP25303">
        <v>21</v>
      </c>
      <c r="AQ25303">
        <v>21</v>
      </c>
    </row>
    <row r="25304" spans="1:43">
      <c r="A25304" t="s">
        <v>15659</v>
      </c>
      <c r="B25304" t="s">
        <v>15660</v>
      </c>
      <c r="C25304" t="s">
        <v>15655</v>
      </c>
      <c r="D25304" t="s">
        <v>15656</v>
      </c>
      <c r="E25304" t="s">
        <v>15475</v>
      </c>
      <c r="F25304" t="s">
        <v>15476</v>
      </c>
      <c r="G25304" t="s">
        <v>10734</v>
      </c>
      <c r="H25304" t="s">
        <v>10735</v>
      </c>
      <c r="I25304" s="2">
        <v>1</v>
      </c>
      <c r="J25304" s="2">
        <v>0</v>
      </c>
      <c r="K25304" s="2">
        <v>0</v>
      </c>
      <c r="L25304" t="s">
        <v>120</v>
      </c>
      <c r="M25304" t="s">
        <v>89</v>
      </c>
      <c r="N25304" t="s">
        <v>90</v>
      </c>
      <c r="O25304" t="s">
        <v>85</v>
      </c>
      <c r="P25304" t="s">
        <v>86</v>
      </c>
      <c r="Q25304">
        <v>19</v>
      </c>
      <c r="R25304">
        <v>20</v>
      </c>
      <c r="S25304">
        <v>20</v>
      </c>
      <c r="T25304">
        <v>21</v>
      </c>
      <c r="U25304">
        <v>21</v>
      </c>
      <c r="V25304">
        <v>21</v>
      </c>
      <c r="W25304">
        <v>22</v>
      </c>
      <c r="X25304">
        <v>22</v>
      </c>
      <c r="Y25304">
        <v>22</v>
      </c>
      <c r="Z25304">
        <v>23</v>
      </c>
      <c r="AA25304">
        <v>23</v>
      </c>
      <c r="AB25304">
        <v>23</v>
      </c>
      <c r="AC25304">
        <v>24</v>
      </c>
      <c r="AD25304">
        <v>24</v>
      </c>
      <c r="AE25304">
        <v>24</v>
      </c>
      <c r="AF25304">
        <v>24</v>
      </c>
      <c r="AG25304">
        <v>24</v>
      </c>
      <c r="AH25304">
        <v>24</v>
      </c>
      <c r="AI25304">
        <v>24</v>
      </c>
      <c r="AJ25304">
        <v>24</v>
      </c>
      <c r="AK25304">
        <v>24</v>
      </c>
      <c r="AL25304">
        <v>24</v>
      </c>
      <c r="AM25304">
        <v>24</v>
      </c>
      <c r="AN25304">
        <v>24</v>
      </c>
      <c r="AO25304">
        <v>24</v>
      </c>
      <c r="AP25304">
        <v>24</v>
      </c>
      <c r="AQ25304">
        <v>24</v>
      </c>
    </row>
    <row r="25305" spans="1:43">
      <c r="A25305" t="s">
        <v>15659</v>
      </c>
      <c r="B25305" t="s">
        <v>15660</v>
      </c>
      <c r="C25305" t="s">
        <v>15655</v>
      </c>
      <c r="D25305" t="s">
        <v>15656</v>
      </c>
      <c r="E25305" t="s">
        <v>15475</v>
      </c>
      <c r="F25305" t="s">
        <v>15476</v>
      </c>
      <c r="G25305" t="s">
        <v>10734</v>
      </c>
      <c r="H25305" t="s">
        <v>10735</v>
      </c>
      <c r="I25305" s="2">
        <v>1</v>
      </c>
      <c r="J25305" s="2">
        <v>0</v>
      </c>
      <c r="K25305" s="2">
        <v>0</v>
      </c>
      <c r="L25305" t="s">
        <v>120</v>
      </c>
      <c r="M25305" t="s">
        <v>83</v>
      </c>
      <c r="N25305" t="s">
        <v>91</v>
      </c>
      <c r="O25305" t="s">
        <v>85</v>
      </c>
      <c r="P25305" t="s">
        <v>86</v>
      </c>
      <c r="Q25305">
        <v>19</v>
      </c>
      <c r="R25305">
        <v>19</v>
      </c>
      <c r="S25305">
        <v>20</v>
      </c>
      <c r="T25305">
        <v>20</v>
      </c>
      <c r="U25305">
        <v>20</v>
      </c>
      <c r="V25305">
        <v>20</v>
      </c>
      <c r="W25305">
        <v>21</v>
      </c>
      <c r="X25305">
        <v>21</v>
      </c>
      <c r="Y25305">
        <v>21</v>
      </c>
      <c r="Z25305">
        <v>21</v>
      </c>
      <c r="AA25305">
        <v>22</v>
      </c>
      <c r="AB25305">
        <v>22</v>
      </c>
      <c r="AC25305">
        <v>22</v>
      </c>
      <c r="AD25305">
        <v>22</v>
      </c>
      <c r="AE25305">
        <v>22</v>
      </c>
      <c r="AF25305">
        <v>23</v>
      </c>
      <c r="AG25305">
        <v>23</v>
      </c>
      <c r="AH25305">
        <v>23</v>
      </c>
      <c r="AI25305">
        <v>23</v>
      </c>
      <c r="AJ25305">
        <v>24</v>
      </c>
      <c r="AK25305">
        <v>24</v>
      </c>
      <c r="AL25305">
        <v>24</v>
      </c>
      <c r="AM25305">
        <v>24</v>
      </c>
      <c r="AN25305">
        <v>24</v>
      </c>
      <c r="AO25305">
        <v>24</v>
      </c>
      <c r="AP25305">
        <v>24</v>
      </c>
      <c r="AQ25305">
        <v>24</v>
      </c>
    </row>
    <row r="25306" spans="1:43">
      <c r="A25306" t="s">
        <v>15661</v>
      </c>
      <c r="B25306" t="s">
        <v>15662</v>
      </c>
      <c r="C25306" t="s">
        <v>15655</v>
      </c>
      <c r="D25306" t="s">
        <v>15656</v>
      </c>
      <c r="E25306" t="s">
        <v>15475</v>
      </c>
      <c r="F25306" t="s">
        <v>15476</v>
      </c>
      <c r="G25306" t="s">
        <v>10734</v>
      </c>
      <c r="H25306" t="s">
        <v>10735</v>
      </c>
      <c r="I25306" s="2">
        <v>1</v>
      </c>
      <c r="J25306" s="2">
        <v>0</v>
      </c>
      <c r="K25306" s="2">
        <v>0</v>
      </c>
      <c r="L25306" t="s">
        <v>120</v>
      </c>
      <c r="M25306" t="s">
        <v>83</v>
      </c>
      <c r="N25306" t="s">
        <v>84</v>
      </c>
      <c r="O25306" t="s">
        <v>85</v>
      </c>
      <c r="P25306" t="s">
        <v>86</v>
      </c>
      <c r="Q25306">
        <v>15</v>
      </c>
      <c r="R25306">
        <v>15</v>
      </c>
      <c r="S25306">
        <v>15</v>
      </c>
      <c r="T25306">
        <v>15</v>
      </c>
      <c r="U25306">
        <v>15</v>
      </c>
      <c r="V25306">
        <v>16</v>
      </c>
      <c r="W25306">
        <v>16</v>
      </c>
      <c r="X25306">
        <v>16</v>
      </c>
      <c r="Y25306">
        <v>16</v>
      </c>
      <c r="Z25306">
        <v>16</v>
      </c>
      <c r="AA25306">
        <v>16</v>
      </c>
      <c r="AB25306">
        <v>17</v>
      </c>
      <c r="AC25306">
        <v>17</v>
      </c>
      <c r="AD25306">
        <v>17</v>
      </c>
      <c r="AE25306">
        <v>17</v>
      </c>
      <c r="AF25306">
        <v>17</v>
      </c>
      <c r="AG25306">
        <v>17</v>
      </c>
      <c r="AH25306">
        <v>18</v>
      </c>
      <c r="AI25306">
        <v>18</v>
      </c>
      <c r="AJ25306">
        <v>18</v>
      </c>
      <c r="AK25306">
        <v>18</v>
      </c>
      <c r="AL25306">
        <v>18</v>
      </c>
      <c r="AM25306">
        <v>18</v>
      </c>
      <c r="AN25306">
        <v>18</v>
      </c>
      <c r="AO25306">
        <v>18</v>
      </c>
      <c r="AP25306">
        <v>18</v>
      </c>
      <c r="AQ25306">
        <v>18</v>
      </c>
    </row>
    <row r="25307" spans="1:43">
      <c r="A25307" t="s">
        <v>15661</v>
      </c>
      <c r="B25307" t="s">
        <v>15662</v>
      </c>
      <c r="C25307" t="s">
        <v>15655</v>
      </c>
      <c r="D25307" t="s">
        <v>15656</v>
      </c>
      <c r="E25307" t="s">
        <v>15475</v>
      </c>
      <c r="F25307" t="s">
        <v>15476</v>
      </c>
      <c r="G25307" t="s">
        <v>10734</v>
      </c>
      <c r="H25307" t="s">
        <v>10735</v>
      </c>
      <c r="I25307" s="2">
        <v>1</v>
      </c>
      <c r="J25307" s="2">
        <v>0</v>
      </c>
      <c r="K25307" s="2">
        <v>0</v>
      </c>
      <c r="L25307" t="s">
        <v>120</v>
      </c>
      <c r="M25307" t="s">
        <v>87</v>
      </c>
      <c r="N25307" t="s">
        <v>88</v>
      </c>
      <c r="O25307" t="s">
        <v>85</v>
      </c>
      <c r="P25307" t="s">
        <v>86</v>
      </c>
      <c r="Q25307">
        <v>15</v>
      </c>
      <c r="R25307">
        <v>15</v>
      </c>
      <c r="S25307">
        <v>15</v>
      </c>
      <c r="T25307">
        <v>15</v>
      </c>
      <c r="U25307">
        <v>15</v>
      </c>
      <c r="V25307">
        <v>15</v>
      </c>
      <c r="W25307">
        <v>15</v>
      </c>
      <c r="X25307">
        <v>15</v>
      </c>
      <c r="Y25307">
        <v>15</v>
      </c>
      <c r="Z25307">
        <v>15</v>
      </c>
      <c r="AA25307">
        <v>15</v>
      </c>
      <c r="AB25307">
        <v>15</v>
      </c>
      <c r="AC25307">
        <v>15</v>
      </c>
      <c r="AD25307">
        <v>15</v>
      </c>
      <c r="AE25307">
        <v>15</v>
      </c>
      <c r="AF25307">
        <v>15</v>
      </c>
      <c r="AG25307">
        <v>15</v>
      </c>
      <c r="AH25307">
        <v>15</v>
      </c>
      <c r="AI25307">
        <v>15</v>
      </c>
      <c r="AJ25307">
        <v>15</v>
      </c>
      <c r="AK25307">
        <v>16</v>
      </c>
      <c r="AL25307">
        <v>16</v>
      </c>
      <c r="AM25307">
        <v>16</v>
      </c>
      <c r="AN25307">
        <v>16</v>
      </c>
      <c r="AO25307">
        <v>16</v>
      </c>
      <c r="AP25307">
        <v>16</v>
      </c>
      <c r="AQ25307">
        <v>16</v>
      </c>
    </row>
    <row r="25308" spans="1:43">
      <c r="A25308" t="s">
        <v>15661</v>
      </c>
      <c r="B25308" t="s">
        <v>15662</v>
      </c>
      <c r="C25308" t="s">
        <v>15655</v>
      </c>
      <c r="D25308" t="s">
        <v>15656</v>
      </c>
      <c r="E25308" t="s">
        <v>15475</v>
      </c>
      <c r="F25308" t="s">
        <v>15476</v>
      </c>
      <c r="G25308" t="s">
        <v>10734</v>
      </c>
      <c r="H25308" t="s">
        <v>10735</v>
      </c>
      <c r="I25308" s="2">
        <v>1</v>
      </c>
      <c r="J25308" s="2">
        <v>0</v>
      </c>
      <c r="K25308" s="2">
        <v>0</v>
      </c>
      <c r="L25308" t="s">
        <v>120</v>
      </c>
      <c r="M25308" t="s">
        <v>89</v>
      </c>
      <c r="N25308" t="s">
        <v>90</v>
      </c>
      <c r="O25308" t="s">
        <v>85</v>
      </c>
      <c r="P25308" t="s">
        <v>86</v>
      </c>
      <c r="Q25308">
        <v>15</v>
      </c>
      <c r="R25308">
        <v>15</v>
      </c>
      <c r="S25308">
        <v>15</v>
      </c>
      <c r="T25308">
        <v>16</v>
      </c>
      <c r="U25308">
        <v>16</v>
      </c>
      <c r="V25308">
        <v>16</v>
      </c>
      <c r="W25308">
        <v>17</v>
      </c>
      <c r="X25308">
        <v>17</v>
      </c>
      <c r="Y25308">
        <v>17</v>
      </c>
      <c r="Z25308">
        <v>17</v>
      </c>
      <c r="AA25308">
        <v>18</v>
      </c>
      <c r="AB25308">
        <v>18</v>
      </c>
      <c r="AC25308">
        <v>18</v>
      </c>
      <c r="AD25308">
        <v>18</v>
      </c>
      <c r="AE25308">
        <v>18</v>
      </c>
      <c r="AF25308">
        <v>18</v>
      </c>
      <c r="AG25308">
        <v>18</v>
      </c>
      <c r="AH25308">
        <v>18</v>
      </c>
      <c r="AI25308">
        <v>18</v>
      </c>
      <c r="AJ25308">
        <v>18</v>
      </c>
      <c r="AK25308">
        <v>18</v>
      </c>
      <c r="AL25308">
        <v>18</v>
      </c>
      <c r="AM25308">
        <v>18</v>
      </c>
      <c r="AN25308">
        <v>18</v>
      </c>
      <c r="AO25308">
        <v>18</v>
      </c>
      <c r="AP25308">
        <v>18</v>
      </c>
      <c r="AQ25308">
        <v>18</v>
      </c>
    </row>
    <row r="25309" spans="1:43">
      <c r="A25309" t="s">
        <v>15661</v>
      </c>
      <c r="B25309" t="s">
        <v>15662</v>
      </c>
      <c r="C25309" t="s">
        <v>15655</v>
      </c>
      <c r="D25309" t="s">
        <v>15656</v>
      </c>
      <c r="E25309" t="s">
        <v>15475</v>
      </c>
      <c r="F25309" t="s">
        <v>15476</v>
      </c>
      <c r="G25309" t="s">
        <v>10734</v>
      </c>
      <c r="H25309" t="s">
        <v>10735</v>
      </c>
      <c r="I25309" s="2">
        <v>1</v>
      </c>
      <c r="J25309" s="2">
        <v>0</v>
      </c>
      <c r="K25309" s="2">
        <v>0</v>
      </c>
      <c r="L25309" t="s">
        <v>120</v>
      </c>
      <c r="M25309" t="s">
        <v>83</v>
      </c>
      <c r="N25309" t="s">
        <v>91</v>
      </c>
      <c r="O25309" t="s">
        <v>85</v>
      </c>
      <c r="P25309" t="s">
        <v>86</v>
      </c>
      <c r="Q25309">
        <v>15</v>
      </c>
      <c r="R25309">
        <v>15</v>
      </c>
      <c r="S25309">
        <v>15</v>
      </c>
      <c r="T25309">
        <v>15</v>
      </c>
      <c r="U25309">
        <v>15</v>
      </c>
      <c r="V25309">
        <v>16</v>
      </c>
      <c r="W25309">
        <v>16</v>
      </c>
      <c r="X25309">
        <v>16</v>
      </c>
      <c r="Y25309">
        <v>16</v>
      </c>
      <c r="Z25309">
        <v>16</v>
      </c>
      <c r="AA25309">
        <v>16</v>
      </c>
      <c r="AB25309">
        <v>17</v>
      </c>
      <c r="AC25309">
        <v>17</v>
      </c>
      <c r="AD25309">
        <v>17</v>
      </c>
      <c r="AE25309">
        <v>17</v>
      </c>
      <c r="AF25309">
        <v>17</v>
      </c>
      <c r="AG25309">
        <v>17</v>
      </c>
      <c r="AH25309">
        <v>18</v>
      </c>
      <c r="AI25309">
        <v>18</v>
      </c>
      <c r="AJ25309">
        <v>18</v>
      </c>
      <c r="AK25309">
        <v>18</v>
      </c>
      <c r="AL25309">
        <v>18</v>
      </c>
      <c r="AM25309">
        <v>18</v>
      </c>
      <c r="AN25309">
        <v>18</v>
      </c>
      <c r="AO25309">
        <v>18</v>
      </c>
      <c r="AP25309">
        <v>18</v>
      </c>
      <c r="AQ25309">
        <v>18</v>
      </c>
    </row>
    <row r="25310" spans="1:43">
      <c r="A25310" t="s">
        <v>15663</v>
      </c>
      <c r="B25310" t="s">
        <v>15664</v>
      </c>
      <c r="C25310" t="s">
        <v>15655</v>
      </c>
      <c r="D25310" t="s">
        <v>15656</v>
      </c>
      <c r="E25310" t="s">
        <v>15475</v>
      </c>
      <c r="F25310" t="s">
        <v>15476</v>
      </c>
      <c r="G25310" t="s">
        <v>10734</v>
      </c>
      <c r="H25310" t="s">
        <v>10735</v>
      </c>
      <c r="I25310" s="2">
        <v>1</v>
      </c>
      <c r="J25310" s="2">
        <v>0</v>
      </c>
      <c r="K25310" s="2">
        <v>0</v>
      </c>
      <c r="L25310" t="s">
        <v>120</v>
      </c>
      <c r="M25310" t="s">
        <v>83</v>
      </c>
      <c r="N25310" t="s">
        <v>84</v>
      </c>
      <c r="O25310" t="s">
        <v>85</v>
      </c>
      <c r="P25310" t="s">
        <v>86</v>
      </c>
      <c r="Q25310">
        <v>21</v>
      </c>
      <c r="R25310">
        <v>22</v>
      </c>
      <c r="S25310">
        <v>22</v>
      </c>
      <c r="T25310">
        <v>22</v>
      </c>
      <c r="U25310">
        <v>22</v>
      </c>
      <c r="V25310">
        <v>23</v>
      </c>
      <c r="W25310">
        <v>23</v>
      </c>
      <c r="X25310">
        <v>23</v>
      </c>
      <c r="Y25310">
        <v>23</v>
      </c>
      <c r="Z25310">
        <v>24</v>
      </c>
      <c r="AA25310">
        <v>24</v>
      </c>
      <c r="AB25310">
        <v>24</v>
      </c>
      <c r="AC25310">
        <v>24</v>
      </c>
      <c r="AD25310">
        <v>25</v>
      </c>
      <c r="AE25310">
        <v>25</v>
      </c>
      <c r="AF25310">
        <v>25</v>
      </c>
      <c r="AG25310">
        <v>25</v>
      </c>
      <c r="AH25310">
        <v>26</v>
      </c>
      <c r="AI25310">
        <v>26</v>
      </c>
      <c r="AJ25310">
        <v>26</v>
      </c>
      <c r="AK25310">
        <v>26</v>
      </c>
      <c r="AL25310">
        <v>26</v>
      </c>
      <c r="AM25310">
        <v>26</v>
      </c>
      <c r="AN25310">
        <v>26</v>
      </c>
      <c r="AO25310">
        <v>26</v>
      </c>
      <c r="AP25310">
        <v>26</v>
      </c>
      <c r="AQ25310">
        <v>26</v>
      </c>
    </row>
    <row r="25311" spans="1:43">
      <c r="A25311" t="s">
        <v>15663</v>
      </c>
      <c r="B25311" t="s">
        <v>15664</v>
      </c>
      <c r="C25311" t="s">
        <v>15655</v>
      </c>
      <c r="D25311" t="s">
        <v>15656</v>
      </c>
      <c r="E25311" t="s">
        <v>15475</v>
      </c>
      <c r="F25311" t="s">
        <v>15476</v>
      </c>
      <c r="G25311" t="s">
        <v>10734</v>
      </c>
      <c r="H25311" t="s">
        <v>10735</v>
      </c>
      <c r="I25311" s="2">
        <v>1</v>
      </c>
      <c r="J25311" s="2">
        <v>0</v>
      </c>
      <c r="K25311" s="2">
        <v>0</v>
      </c>
      <c r="L25311" t="s">
        <v>120</v>
      </c>
      <c r="M25311" t="s">
        <v>87</v>
      </c>
      <c r="N25311" t="s">
        <v>88</v>
      </c>
      <c r="O25311" t="s">
        <v>85</v>
      </c>
      <c r="P25311" t="s">
        <v>86</v>
      </c>
      <c r="Q25311">
        <v>21</v>
      </c>
      <c r="R25311">
        <v>21</v>
      </c>
      <c r="S25311">
        <v>21</v>
      </c>
      <c r="T25311">
        <v>21</v>
      </c>
      <c r="U25311">
        <v>21</v>
      </c>
      <c r="V25311">
        <v>21</v>
      </c>
      <c r="W25311">
        <v>22</v>
      </c>
      <c r="X25311">
        <v>22</v>
      </c>
      <c r="Y25311">
        <v>22</v>
      </c>
      <c r="Z25311">
        <v>22</v>
      </c>
      <c r="AA25311">
        <v>22</v>
      </c>
      <c r="AB25311">
        <v>22</v>
      </c>
      <c r="AC25311">
        <v>22</v>
      </c>
      <c r="AD25311">
        <v>22</v>
      </c>
      <c r="AE25311">
        <v>22</v>
      </c>
      <c r="AF25311">
        <v>22</v>
      </c>
      <c r="AG25311">
        <v>22</v>
      </c>
      <c r="AH25311">
        <v>22</v>
      </c>
      <c r="AI25311">
        <v>22</v>
      </c>
      <c r="AJ25311">
        <v>22</v>
      </c>
      <c r="AK25311">
        <v>23</v>
      </c>
      <c r="AL25311">
        <v>23</v>
      </c>
      <c r="AM25311">
        <v>23</v>
      </c>
      <c r="AN25311">
        <v>23</v>
      </c>
      <c r="AO25311">
        <v>23</v>
      </c>
      <c r="AP25311">
        <v>23</v>
      </c>
      <c r="AQ25311">
        <v>23</v>
      </c>
    </row>
    <row r="25312" spans="1:43">
      <c r="A25312" t="s">
        <v>15663</v>
      </c>
      <c r="B25312" t="s">
        <v>15664</v>
      </c>
      <c r="C25312" t="s">
        <v>15655</v>
      </c>
      <c r="D25312" t="s">
        <v>15656</v>
      </c>
      <c r="E25312" t="s">
        <v>15475</v>
      </c>
      <c r="F25312" t="s">
        <v>15476</v>
      </c>
      <c r="G25312" t="s">
        <v>10734</v>
      </c>
      <c r="H25312" t="s">
        <v>10735</v>
      </c>
      <c r="I25312" s="2">
        <v>1</v>
      </c>
      <c r="J25312" s="2">
        <v>0</v>
      </c>
      <c r="K25312" s="2">
        <v>0</v>
      </c>
      <c r="L25312" t="s">
        <v>120</v>
      </c>
      <c r="M25312" t="s">
        <v>89</v>
      </c>
      <c r="N25312" t="s">
        <v>90</v>
      </c>
      <c r="O25312" t="s">
        <v>85</v>
      </c>
      <c r="P25312" t="s">
        <v>86</v>
      </c>
      <c r="Q25312">
        <v>21</v>
      </c>
      <c r="R25312">
        <v>22</v>
      </c>
      <c r="S25312">
        <v>22</v>
      </c>
      <c r="T25312">
        <v>23</v>
      </c>
      <c r="U25312">
        <v>23</v>
      </c>
      <c r="V25312">
        <v>24</v>
      </c>
      <c r="W25312">
        <v>24</v>
      </c>
      <c r="X25312">
        <v>24</v>
      </c>
      <c r="Y25312">
        <v>25</v>
      </c>
      <c r="Z25312">
        <v>25</v>
      </c>
      <c r="AA25312">
        <v>25</v>
      </c>
      <c r="AB25312">
        <v>26</v>
      </c>
      <c r="AC25312">
        <v>26</v>
      </c>
      <c r="AD25312">
        <v>27</v>
      </c>
      <c r="AE25312">
        <v>27</v>
      </c>
      <c r="AF25312">
        <v>27</v>
      </c>
      <c r="AG25312">
        <v>27</v>
      </c>
      <c r="AH25312">
        <v>27</v>
      </c>
      <c r="AI25312">
        <v>27</v>
      </c>
      <c r="AJ25312">
        <v>27</v>
      </c>
      <c r="AK25312">
        <v>27</v>
      </c>
      <c r="AL25312">
        <v>27</v>
      </c>
      <c r="AM25312">
        <v>27</v>
      </c>
      <c r="AN25312">
        <v>27</v>
      </c>
      <c r="AO25312">
        <v>27</v>
      </c>
      <c r="AP25312">
        <v>27</v>
      </c>
      <c r="AQ25312">
        <v>27</v>
      </c>
    </row>
    <row r="25313" spans="1:43">
      <c r="A25313" t="s">
        <v>15663</v>
      </c>
      <c r="B25313" t="s">
        <v>15664</v>
      </c>
      <c r="C25313" t="s">
        <v>15655</v>
      </c>
      <c r="D25313" t="s">
        <v>15656</v>
      </c>
      <c r="E25313" t="s">
        <v>15475</v>
      </c>
      <c r="F25313" t="s">
        <v>15476</v>
      </c>
      <c r="G25313" t="s">
        <v>10734</v>
      </c>
      <c r="H25313" t="s">
        <v>10735</v>
      </c>
      <c r="I25313" s="2">
        <v>1</v>
      </c>
      <c r="J25313" s="2">
        <v>0</v>
      </c>
      <c r="K25313" s="2">
        <v>0</v>
      </c>
      <c r="L25313" t="s">
        <v>120</v>
      </c>
      <c r="M25313" t="s">
        <v>83</v>
      </c>
      <c r="N25313" t="s">
        <v>91</v>
      </c>
      <c r="O25313" t="s">
        <v>85</v>
      </c>
      <c r="P25313" t="s">
        <v>86</v>
      </c>
      <c r="Q25313">
        <v>21</v>
      </c>
      <c r="R25313">
        <v>22</v>
      </c>
      <c r="S25313">
        <v>22</v>
      </c>
      <c r="T25313">
        <v>22</v>
      </c>
      <c r="U25313">
        <v>22</v>
      </c>
      <c r="V25313">
        <v>23</v>
      </c>
      <c r="W25313">
        <v>23</v>
      </c>
      <c r="X25313">
        <v>23</v>
      </c>
      <c r="Y25313">
        <v>23</v>
      </c>
      <c r="Z25313">
        <v>24</v>
      </c>
      <c r="AA25313">
        <v>24</v>
      </c>
      <c r="AB25313">
        <v>24</v>
      </c>
      <c r="AC25313">
        <v>24</v>
      </c>
      <c r="AD25313">
        <v>25</v>
      </c>
      <c r="AE25313">
        <v>25</v>
      </c>
      <c r="AF25313">
        <v>25</v>
      </c>
      <c r="AG25313">
        <v>25</v>
      </c>
      <c r="AH25313">
        <v>26</v>
      </c>
      <c r="AI25313">
        <v>26</v>
      </c>
      <c r="AJ25313">
        <v>26</v>
      </c>
      <c r="AK25313">
        <v>26</v>
      </c>
      <c r="AL25313">
        <v>26</v>
      </c>
      <c r="AM25313">
        <v>26</v>
      </c>
      <c r="AN25313">
        <v>26</v>
      </c>
      <c r="AO25313">
        <v>26</v>
      </c>
      <c r="AP25313">
        <v>26</v>
      </c>
      <c r="AQ25313">
        <v>26</v>
      </c>
    </row>
    <row r="25314" spans="1:43">
      <c r="A25314" t="s">
        <v>15665</v>
      </c>
      <c r="B25314" t="s">
        <v>15666</v>
      </c>
      <c r="C25314" t="s">
        <v>15529</v>
      </c>
      <c r="D25314" t="s">
        <v>15530</v>
      </c>
      <c r="E25314" t="s">
        <v>15475</v>
      </c>
      <c r="F25314" t="s">
        <v>15476</v>
      </c>
      <c r="G25314" t="s">
        <v>10734</v>
      </c>
      <c r="H25314" t="s">
        <v>10735</v>
      </c>
      <c r="I25314" s="2">
        <v>1</v>
      </c>
      <c r="J25314" s="2">
        <v>0</v>
      </c>
      <c r="K25314" s="2">
        <v>0</v>
      </c>
      <c r="L25314" t="s">
        <v>120</v>
      </c>
      <c r="M25314" t="s">
        <v>83</v>
      </c>
      <c r="N25314" t="s">
        <v>84</v>
      </c>
      <c r="O25314" t="s">
        <v>85</v>
      </c>
      <c r="P25314" t="s">
        <v>86</v>
      </c>
      <c r="Q25314">
        <v>28</v>
      </c>
      <c r="R25314">
        <v>28</v>
      </c>
      <c r="S25314">
        <v>28</v>
      </c>
      <c r="T25314">
        <v>29</v>
      </c>
      <c r="U25314">
        <v>29</v>
      </c>
      <c r="V25314">
        <v>29</v>
      </c>
      <c r="W25314">
        <v>30</v>
      </c>
      <c r="X25314">
        <v>30</v>
      </c>
      <c r="Y25314">
        <v>30</v>
      </c>
      <c r="Z25314">
        <v>31</v>
      </c>
      <c r="AA25314">
        <v>31</v>
      </c>
      <c r="AB25314">
        <v>31</v>
      </c>
      <c r="AC25314">
        <v>32</v>
      </c>
      <c r="AD25314">
        <v>32</v>
      </c>
      <c r="AE25314">
        <v>32</v>
      </c>
      <c r="AF25314">
        <v>33</v>
      </c>
      <c r="AG25314">
        <v>33</v>
      </c>
      <c r="AH25314">
        <v>33</v>
      </c>
      <c r="AI25314">
        <v>34</v>
      </c>
      <c r="AJ25314">
        <v>34</v>
      </c>
      <c r="AK25314">
        <v>34</v>
      </c>
      <c r="AL25314">
        <v>34</v>
      </c>
      <c r="AM25314">
        <v>34</v>
      </c>
      <c r="AN25314">
        <v>34</v>
      </c>
      <c r="AO25314">
        <v>34</v>
      </c>
      <c r="AP25314">
        <v>34</v>
      </c>
      <c r="AQ25314">
        <v>34</v>
      </c>
    </row>
    <row r="25315" spans="1:43">
      <c r="A25315" t="s">
        <v>15665</v>
      </c>
      <c r="B25315" t="s">
        <v>15666</v>
      </c>
      <c r="C25315" t="s">
        <v>15529</v>
      </c>
      <c r="D25315" t="s">
        <v>15530</v>
      </c>
      <c r="E25315" t="s">
        <v>15475</v>
      </c>
      <c r="F25315" t="s">
        <v>15476</v>
      </c>
      <c r="G25315" t="s">
        <v>10734</v>
      </c>
      <c r="H25315" t="s">
        <v>10735</v>
      </c>
      <c r="I25315" s="2">
        <v>1</v>
      </c>
      <c r="J25315" s="2">
        <v>0</v>
      </c>
      <c r="K25315" s="2">
        <v>0</v>
      </c>
      <c r="L25315" t="s">
        <v>120</v>
      </c>
      <c r="M25315" t="s">
        <v>87</v>
      </c>
      <c r="N25315" t="s">
        <v>88</v>
      </c>
      <c r="O25315" t="s">
        <v>85</v>
      </c>
      <c r="P25315" t="s">
        <v>86</v>
      </c>
      <c r="Q25315">
        <v>28</v>
      </c>
      <c r="R25315">
        <v>28</v>
      </c>
      <c r="S25315">
        <v>29</v>
      </c>
      <c r="T25315">
        <v>29</v>
      </c>
      <c r="U25315">
        <v>29</v>
      </c>
      <c r="V25315">
        <v>29</v>
      </c>
      <c r="W25315">
        <v>29</v>
      </c>
      <c r="X25315">
        <v>29</v>
      </c>
      <c r="Y25315">
        <v>29</v>
      </c>
      <c r="Z25315">
        <v>29</v>
      </c>
      <c r="AA25315">
        <v>29</v>
      </c>
      <c r="AB25315">
        <v>29</v>
      </c>
      <c r="AC25315">
        <v>30</v>
      </c>
      <c r="AD25315">
        <v>30</v>
      </c>
      <c r="AE25315">
        <v>30</v>
      </c>
      <c r="AF25315">
        <v>30</v>
      </c>
      <c r="AG25315">
        <v>30</v>
      </c>
      <c r="AH25315">
        <v>30</v>
      </c>
      <c r="AI25315">
        <v>30</v>
      </c>
      <c r="AJ25315">
        <v>30</v>
      </c>
      <c r="AK25315">
        <v>30</v>
      </c>
      <c r="AL25315">
        <v>30</v>
      </c>
      <c r="AM25315">
        <v>30</v>
      </c>
      <c r="AN25315">
        <v>31</v>
      </c>
      <c r="AO25315">
        <v>31</v>
      </c>
      <c r="AP25315">
        <v>31</v>
      </c>
      <c r="AQ25315">
        <v>31</v>
      </c>
    </row>
    <row r="25316" spans="1:43">
      <c r="A25316" t="s">
        <v>15665</v>
      </c>
      <c r="B25316" t="s">
        <v>15666</v>
      </c>
      <c r="C25316" t="s">
        <v>15529</v>
      </c>
      <c r="D25316" t="s">
        <v>15530</v>
      </c>
      <c r="E25316" t="s">
        <v>15475</v>
      </c>
      <c r="F25316" t="s">
        <v>15476</v>
      </c>
      <c r="G25316" t="s">
        <v>10734</v>
      </c>
      <c r="H25316" t="s">
        <v>10735</v>
      </c>
      <c r="I25316" s="2">
        <v>1</v>
      </c>
      <c r="J25316" s="2">
        <v>0</v>
      </c>
      <c r="K25316" s="2">
        <v>0</v>
      </c>
      <c r="L25316" t="s">
        <v>120</v>
      </c>
      <c r="M25316" t="s">
        <v>89</v>
      </c>
      <c r="N25316" t="s">
        <v>90</v>
      </c>
      <c r="O25316" t="s">
        <v>85</v>
      </c>
      <c r="P25316" t="s">
        <v>86</v>
      </c>
      <c r="Q25316">
        <v>28</v>
      </c>
      <c r="R25316">
        <v>29</v>
      </c>
      <c r="S25316">
        <v>29</v>
      </c>
      <c r="T25316">
        <v>30</v>
      </c>
      <c r="U25316">
        <v>30</v>
      </c>
      <c r="V25316">
        <v>31</v>
      </c>
      <c r="W25316">
        <v>31</v>
      </c>
      <c r="X25316">
        <v>32</v>
      </c>
      <c r="Y25316">
        <v>32</v>
      </c>
      <c r="Z25316">
        <v>33</v>
      </c>
      <c r="AA25316">
        <v>33</v>
      </c>
      <c r="AB25316">
        <v>33</v>
      </c>
      <c r="AC25316">
        <v>34</v>
      </c>
      <c r="AD25316">
        <v>34</v>
      </c>
      <c r="AE25316">
        <v>35</v>
      </c>
      <c r="AF25316">
        <v>35</v>
      </c>
      <c r="AG25316">
        <v>35</v>
      </c>
      <c r="AH25316">
        <v>35</v>
      </c>
      <c r="AI25316">
        <v>35</v>
      </c>
      <c r="AJ25316">
        <v>35</v>
      </c>
      <c r="AK25316">
        <v>35</v>
      </c>
      <c r="AL25316">
        <v>35</v>
      </c>
      <c r="AM25316">
        <v>34</v>
      </c>
      <c r="AN25316">
        <v>34</v>
      </c>
      <c r="AO25316">
        <v>34</v>
      </c>
      <c r="AP25316">
        <v>34</v>
      </c>
      <c r="AQ25316">
        <v>34</v>
      </c>
    </row>
    <row r="25317" spans="1:43">
      <c r="A25317" t="s">
        <v>15665</v>
      </c>
      <c r="B25317" t="s">
        <v>15666</v>
      </c>
      <c r="C25317" t="s">
        <v>15529</v>
      </c>
      <c r="D25317" t="s">
        <v>15530</v>
      </c>
      <c r="E25317" t="s">
        <v>15475</v>
      </c>
      <c r="F25317" t="s">
        <v>15476</v>
      </c>
      <c r="G25317" t="s">
        <v>10734</v>
      </c>
      <c r="H25317" t="s">
        <v>10735</v>
      </c>
      <c r="I25317" s="2">
        <v>1</v>
      </c>
      <c r="J25317" s="2">
        <v>0</v>
      </c>
      <c r="K25317" s="2">
        <v>0</v>
      </c>
      <c r="L25317" t="s">
        <v>120</v>
      </c>
      <c r="M25317" t="s">
        <v>83</v>
      </c>
      <c r="N25317" t="s">
        <v>91</v>
      </c>
      <c r="O25317" t="s">
        <v>85</v>
      </c>
      <c r="P25317" t="s">
        <v>86</v>
      </c>
      <c r="Q25317">
        <v>28</v>
      </c>
      <c r="R25317">
        <v>28</v>
      </c>
      <c r="S25317">
        <v>28</v>
      </c>
      <c r="T25317">
        <v>29</v>
      </c>
      <c r="U25317">
        <v>29</v>
      </c>
      <c r="V25317">
        <v>29</v>
      </c>
      <c r="W25317">
        <v>30</v>
      </c>
      <c r="X25317">
        <v>30</v>
      </c>
      <c r="Y25317">
        <v>30</v>
      </c>
      <c r="Z25317">
        <v>31</v>
      </c>
      <c r="AA25317">
        <v>31</v>
      </c>
      <c r="AB25317">
        <v>31</v>
      </c>
      <c r="AC25317">
        <v>32</v>
      </c>
      <c r="AD25317">
        <v>32</v>
      </c>
      <c r="AE25317">
        <v>32</v>
      </c>
      <c r="AF25317">
        <v>33</v>
      </c>
      <c r="AG25317">
        <v>33</v>
      </c>
      <c r="AH25317">
        <v>33</v>
      </c>
      <c r="AI25317">
        <v>34</v>
      </c>
      <c r="AJ25317">
        <v>34</v>
      </c>
      <c r="AK25317">
        <v>34</v>
      </c>
      <c r="AL25317">
        <v>34</v>
      </c>
      <c r="AM25317">
        <v>34</v>
      </c>
      <c r="AN25317">
        <v>34</v>
      </c>
      <c r="AO25317">
        <v>34</v>
      </c>
      <c r="AP25317">
        <v>34</v>
      </c>
      <c r="AQ25317">
        <v>34</v>
      </c>
    </row>
    <row r="25318" spans="1:43">
      <c r="A25318" t="s">
        <v>15667</v>
      </c>
      <c r="B25318" t="s">
        <v>15668</v>
      </c>
      <c r="C25318" t="s">
        <v>15529</v>
      </c>
      <c r="D25318" t="s">
        <v>15530</v>
      </c>
      <c r="E25318" t="s">
        <v>15475</v>
      </c>
      <c r="F25318" t="s">
        <v>15476</v>
      </c>
      <c r="G25318" t="s">
        <v>10734</v>
      </c>
      <c r="H25318" t="s">
        <v>10735</v>
      </c>
      <c r="I25318" s="2">
        <v>1</v>
      </c>
      <c r="J25318" s="2">
        <v>0</v>
      </c>
      <c r="K25318" s="2">
        <v>0</v>
      </c>
      <c r="L25318" t="s">
        <v>120</v>
      </c>
      <c r="M25318" t="s">
        <v>83</v>
      </c>
      <c r="N25318" t="s">
        <v>84</v>
      </c>
      <c r="O25318" t="s">
        <v>85</v>
      </c>
      <c r="P25318" t="s">
        <v>86</v>
      </c>
      <c r="Q25318">
        <v>11</v>
      </c>
      <c r="R25318">
        <v>11</v>
      </c>
      <c r="S25318">
        <v>11</v>
      </c>
      <c r="T25318">
        <v>11</v>
      </c>
      <c r="U25318">
        <v>11</v>
      </c>
      <c r="V25318">
        <v>11</v>
      </c>
      <c r="W25318">
        <v>12</v>
      </c>
      <c r="X25318">
        <v>12</v>
      </c>
      <c r="Y25318">
        <v>12</v>
      </c>
      <c r="Z25318">
        <v>12</v>
      </c>
      <c r="AA25318">
        <v>12</v>
      </c>
      <c r="AB25318">
        <v>12</v>
      </c>
      <c r="AC25318">
        <v>12</v>
      </c>
      <c r="AD25318">
        <v>13</v>
      </c>
      <c r="AE25318">
        <v>13</v>
      </c>
      <c r="AF25318">
        <v>13</v>
      </c>
      <c r="AG25318">
        <v>13</v>
      </c>
      <c r="AH25318">
        <v>13</v>
      </c>
      <c r="AI25318">
        <v>13</v>
      </c>
      <c r="AJ25318">
        <v>13</v>
      </c>
      <c r="AK25318">
        <v>13</v>
      </c>
      <c r="AL25318">
        <v>13</v>
      </c>
      <c r="AM25318">
        <v>13</v>
      </c>
      <c r="AN25318">
        <v>13</v>
      </c>
      <c r="AO25318">
        <v>13</v>
      </c>
      <c r="AP25318">
        <v>13</v>
      </c>
      <c r="AQ25318">
        <v>13</v>
      </c>
    </row>
    <row r="25319" spans="1:43">
      <c r="A25319" t="s">
        <v>15667</v>
      </c>
      <c r="B25319" t="s">
        <v>15668</v>
      </c>
      <c r="C25319" t="s">
        <v>15529</v>
      </c>
      <c r="D25319" t="s">
        <v>15530</v>
      </c>
      <c r="E25319" t="s">
        <v>15475</v>
      </c>
      <c r="F25319" t="s">
        <v>15476</v>
      </c>
      <c r="G25319" t="s">
        <v>10734</v>
      </c>
      <c r="H25319" t="s">
        <v>10735</v>
      </c>
      <c r="I25319" s="2">
        <v>1</v>
      </c>
      <c r="J25319" s="2">
        <v>0</v>
      </c>
      <c r="K25319" s="2">
        <v>0</v>
      </c>
      <c r="L25319" t="s">
        <v>120</v>
      </c>
      <c r="M25319" t="s">
        <v>87</v>
      </c>
      <c r="N25319" t="s">
        <v>88</v>
      </c>
      <c r="O25319" t="s">
        <v>85</v>
      </c>
      <c r="P25319" t="s">
        <v>86</v>
      </c>
      <c r="Q25319">
        <v>11</v>
      </c>
      <c r="R25319">
        <v>11</v>
      </c>
      <c r="S25319">
        <v>11</v>
      </c>
      <c r="T25319">
        <v>11</v>
      </c>
      <c r="U25319">
        <v>11</v>
      </c>
      <c r="V25319">
        <v>11</v>
      </c>
      <c r="W25319">
        <v>11</v>
      </c>
      <c r="X25319">
        <v>11</v>
      </c>
      <c r="Y25319">
        <v>11</v>
      </c>
      <c r="Z25319">
        <v>11</v>
      </c>
      <c r="AA25319">
        <v>11</v>
      </c>
      <c r="AB25319">
        <v>11</v>
      </c>
      <c r="AC25319">
        <v>11</v>
      </c>
      <c r="AD25319">
        <v>11</v>
      </c>
      <c r="AE25319">
        <v>11</v>
      </c>
      <c r="AF25319">
        <v>11</v>
      </c>
      <c r="AG25319">
        <v>11</v>
      </c>
      <c r="AH25319">
        <v>11</v>
      </c>
      <c r="AI25319">
        <v>11</v>
      </c>
      <c r="AJ25319">
        <v>11</v>
      </c>
      <c r="AK25319">
        <v>11</v>
      </c>
      <c r="AL25319">
        <v>11</v>
      </c>
      <c r="AM25319">
        <v>12</v>
      </c>
      <c r="AN25319">
        <v>12</v>
      </c>
      <c r="AO25319">
        <v>12</v>
      </c>
      <c r="AP25319">
        <v>12</v>
      </c>
      <c r="AQ25319">
        <v>12</v>
      </c>
    </row>
    <row r="25320" spans="1:43">
      <c r="A25320" t="s">
        <v>15667</v>
      </c>
      <c r="B25320" t="s">
        <v>15668</v>
      </c>
      <c r="C25320" t="s">
        <v>15529</v>
      </c>
      <c r="D25320" t="s">
        <v>15530</v>
      </c>
      <c r="E25320" t="s">
        <v>15475</v>
      </c>
      <c r="F25320" t="s">
        <v>15476</v>
      </c>
      <c r="G25320" t="s">
        <v>10734</v>
      </c>
      <c r="H25320" t="s">
        <v>10735</v>
      </c>
      <c r="I25320" s="2">
        <v>1</v>
      </c>
      <c r="J25320" s="2">
        <v>0</v>
      </c>
      <c r="K25320" s="2">
        <v>0</v>
      </c>
      <c r="L25320" t="s">
        <v>120</v>
      </c>
      <c r="M25320" t="s">
        <v>89</v>
      </c>
      <c r="N25320" t="s">
        <v>90</v>
      </c>
      <c r="O25320" t="s">
        <v>85</v>
      </c>
      <c r="P25320" t="s">
        <v>86</v>
      </c>
      <c r="Q25320">
        <v>11</v>
      </c>
      <c r="R25320">
        <v>11</v>
      </c>
      <c r="S25320">
        <v>11</v>
      </c>
      <c r="T25320">
        <v>12</v>
      </c>
      <c r="U25320">
        <v>12</v>
      </c>
      <c r="V25320">
        <v>12</v>
      </c>
      <c r="W25320">
        <v>12</v>
      </c>
      <c r="X25320">
        <v>12</v>
      </c>
      <c r="Y25320">
        <v>13</v>
      </c>
      <c r="Z25320">
        <v>13</v>
      </c>
      <c r="AA25320">
        <v>13</v>
      </c>
      <c r="AB25320">
        <v>13</v>
      </c>
      <c r="AC25320">
        <v>13</v>
      </c>
      <c r="AD25320">
        <v>13</v>
      </c>
      <c r="AE25320">
        <v>14</v>
      </c>
      <c r="AF25320">
        <v>14</v>
      </c>
      <c r="AG25320">
        <v>14</v>
      </c>
      <c r="AH25320">
        <v>13</v>
      </c>
      <c r="AI25320">
        <v>13</v>
      </c>
      <c r="AJ25320">
        <v>13</v>
      </c>
      <c r="AK25320">
        <v>13</v>
      </c>
      <c r="AL25320">
        <v>13</v>
      </c>
      <c r="AM25320">
        <v>13</v>
      </c>
      <c r="AN25320">
        <v>13</v>
      </c>
      <c r="AO25320">
        <v>13</v>
      </c>
      <c r="AP25320">
        <v>13</v>
      </c>
      <c r="AQ25320">
        <v>13</v>
      </c>
    </row>
    <row r="25321" spans="1:43">
      <c r="A25321" t="s">
        <v>15667</v>
      </c>
      <c r="B25321" t="s">
        <v>15668</v>
      </c>
      <c r="C25321" t="s">
        <v>15529</v>
      </c>
      <c r="D25321" t="s">
        <v>15530</v>
      </c>
      <c r="E25321" t="s">
        <v>15475</v>
      </c>
      <c r="F25321" t="s">
        <v>15476</v>
      </c>
      <c r="G25321" t="s">
        <v>10734</v>
      </c>
      <c r="H25321" t="s">
        <v>10735</v>
      </c>
      <c r="I25321" s="2">
        <v>1</v>
      </c>
      <c r="J25321" s="2">
        <v>0</v>
      </c>
      <c r="K25321" s="2">
        <v>0</v>
      </c>
      <c r="L25321" t="s">
        <v>120</v>
      </c>
      <c r="M25321" t="s">
        <v>83</v>
      </c>
      <c r="N25321" t="s">
        <v>91</v>
      </c>
      <c r="O25321" t="s">
        <v>85</v>
      </c>
      <c r="P25321" t="s">
        <v>86</v>
      </c>
      <c r="Q25321">
        <v>11</v>
      </c>
      <c r="R25321">
        <v>11</v>
      </c>
      <c r="S25321">
        <v>11</v>
      </c>
      <c r="T25321">
        <v>11</v>
      </c>
      <c r="U25321">
        <v>11</v>
      </c>
      <c r="V25321">
        <v>11</v>
      </c>
      <c r="W25321">
        <v>12</v>
      </c>
      <c r="X25321">
        <v>12</v>
      </c>
      <c r="Y25321">
        <v>12</v>
      </c>
      <c r="Z25321">
        <v>12</v>
      </c>
      <c r="AA25321">
        <v>12</v>
      </c>
      <c r="AB25321">
        <v>12</v>
      </c>
      <c r="AC25321">
        <v>12</v>
      </c>
      <c r="AD25321">
        <v>13</v>
      </c>
      <c r="AE25321">
        <v>13</v>
      </c>
      <c r="AF25321">
        <v>13</v>
      </c>
      <c r="AG25321">
        <v>13</v>
      </c>
      <c r="AH25321">
        <v>13</v>
      </c>
      <c r="AI25321">
        <v>13</v>
      </c>
      <c r="AJ25321">
        <v>13</v>
      </c>
      <c r="AK25321">
        <v>13</v>
      </c>
      <c r="AL25321">
        <v>13</v>
      </c>
      <c r="AM25321">
        <v>13</v>
      </c>
      <c r="AN25321">
        <v>13</v>
      </c>
      <c r="AO25321">
        <v>13</v>
      </c>
      <c r="AP25321">
        <v>13</v>
      </c>
      <c r="AQ25321">
        <v>13</v>
      </c>
    </row>
    <row r="25322" spans="1:43">
      <c r="A25322" t="s">
        <v>15669</v>
      </c>
      <c r="B25322" t="s">
        <v>15670</v>
      </c>
      <c r="C25322" t="s">
        <v>15529</v>
      </c>
      <c r="D25322" t="s">
        <v>15530</v>
      </c>
      <c r="E25322" t="s">
        <v>15475</v>
      </c>
      <c r="F25322" t="s">
        <v>15476</v>
      </c>
      <c r="G25322" t="s">
        <v>10734</v>
      </c>
      <c r="H25322" t="s">
        <v>10735</v>
      </c>
      <c r="I25322" s="2">
        <v>1</v>
      </c>
      <c r="J25322" s="2">
        <v>0</v>
      </c>
      <c r="K25322" s="2">
        <v>0</v>
      </c>
      <c r="L25322" t="s">
        <v>120</v>
      </c>
      <c r="M25322" t="s">
        <v>83</v>
      </c>
      <c r="N25322" t="s">
        <v>84</v>
      </c>
      <c r="O25322" t="s">
        <v>85</v>
      </c>
      <c r="P25322" t="s">
        <v>86</v>
      </c>
      <c r="Q25322">
        <v>28</v>
      </c>
      <c r="R25322">
        <v>28</v>
      </c>
      <c r="S25322">
        <v>29</v>
      </c>
      <c r="T25322">
        <v>29</v>
      </c>
      <c r="U25322">
        <v>29</v>
      </c>
      <c r="V25322">
        <v>30</v>
      </c>
      <c r="W25322">
        <v>30</v>
      </c>
      <c r="X25322">
        <v>31</v>
      </c>
      <c r="Y25322">
        <v>31</v>
      </c>
      <c r="Z25322">
        <v>31</v>
      </c>
      <c r="AA25322">
        <v>32</v>
      </c>
      <c r="AB25322">
        <v>32</v>
      </c>
      <c r="AC25322">
        <v>32</v>
      </c>
      <c r="AD25322">
        <v>33</v>
      </c>
      <c r="AE25322">
        <v>33</v>
      </c>
      <c r="AF25322">
        <v>33</v>
      </c>
      <c r="AG25322">
        <v>33</v>
      </c>
      <c r="AH25322">
        <v>34</v>
      </c>
      <c r="AI25322">
        <v>34</v>
      </c>
      <c r="AJ25322">
        <v>34</v>
      </c>
      <c r="AK25322">
        <v>35</v>
      </c>
      <c r="AL25322">
        <v>35</v>
      </c>
      <c r="AM25322">
        <v>35</v>
      </c>
      <c r="AN25322">
        <v>35</v>
      </c>
      <c r="AO25322">
        <v>35</v>
      </c>
      <c r="AP25322">
        <v>35</v>
      </c>
      <c r="AQ25322">
        <v>35</v>
      </c>
    </row>
    <row r="25323" spans="1:43">
      <c r="A25323" t="s">
        <v>15669</v>
      </c>
      <c r="B25323" t="s">
        <v>15670</v>
      </c>
      <c r="C25323" t="s">
        <v>15529</v>
      </c>
      <c r="D25323" t="s">
        <v>15530</v>
      </c>
      <c r="E25323" t="s">
        <v>15475</v>
      </c>
      <c r="F25323" t="s">
        <v>15476</v>
      </c>
      <c r="G25323" t="s">
        <v>10734</v>
      </c>
      <c r="H25323" t="s">
        <v>10735</v>
      </c>
      <c r="I25323" s="2">
        <v>1</v>
      </c>
      <c r="J25323" s="2">
        <v>0</v>
      </c>
      <c r="K25323" s="2">
        <v>0</v>
      </c>
      <c r="L25323" t="s">
        <v>120</v>
      </c>
      <c r="M25323" t="s">
        <v>87</v>
      </c>
      <c r="N25323" t="s">
        <v>88</v>
      </c>
      <c r="O25323" t="s">
        <v>85</v>
      </c>
      <c r="P25323" t="s">
        <v>86</v>
      </c>
      <c r="Q25323">
        <v>28</v>
      </c>
      <c r="R25323">
        <v>28</v>
      </c>
      <c r="S25323">
        <v>28</v>
      </c>
      <c r="T25323">
        <v>28</v>
      </c>
      <c r="U25323">
        <v>28</v>
      </c>
      <c r="V25323">
        <v>28</v>
      </c>
      <c r="W25323">
        <v>28</v>
      </c>
      <c r="X25323">
        <v>28</v>
      </c>
      <c r="Y25323">
        <v>29</v>
      </c>
      <c r="Z25323">
        <v>29</v>
      </c>
      <c r="AA25323">
        <v>29</v>
      </c>
      <c r="AB25323">
        <v>29</v>
      </c>
      <c r="AC25323">
        <v>29</v>
      </c>
      <c r="AD25323">
        <v>29</v>
      </c>
      <c r="AE25323">
        <v>29</v>
      </c>
      <c r="AF25323">
        <v>29</v>
      </c>
      <c r="AG25323">
        <v>29</v>
      </c>
      <c r="AH25323">
        <v>30</v>
      </c>
      <c r="AI25323">
        <v>30</v>
      </c>
      <c r="AJ25323">
        <v>30</v>
      </c>
      <c r="AK25323">
        <v>30</v>
      </c>
      <c r="AL25323">
        <v>30</v>
      </c>
      <c r="AM25323">
        <v>30</v>
      </c>
      <c r="AN25323">
        <v>30</v>
      </c>
      <c r="AO25323">
        <v>30</v>
      </c>
      <c r="AP25323">
        <v>30</v>
      </c>
      <c r="AQ25323">
        <v>30</v>
      </c>
    </row>
    <row r="25324" spans="1:43">
      <c r="A25324" t="s">
        <v>15669</v>
      </c>
      <c r="B25324" t="s">
        <v>15670</v>
      </c>
      <c r="C25324" t="s">
        <v>15529</v>
      </c>
      <c r="D25324" t="s">
        <v>15530</v>
      </c>
      <c r="E25324" t="s">
        <v>15475</v>
      </c>
      <c r="F25324" t="s">
        <v>15476</v>
      </c>
      <c r="G25324" t="s">
        <v>10734</v>
      </c>
      <c r="H25324" t="s">
        <v>10735</v>
      </c>
      <c r="I25324" s="2">
        <v>1</v>
      </c>
      <c r="J25324" s="2">
        <v>0</v>
      </c>
      <c r="K25324" s="2">
        <v>0</v>
      </c>
      <c r="L25324" t="s">
        <v>120</v>
      </c>
      <c r="M25324" t="s">
        <v>89</v>
      </c>
      <c r="N25324" t="s">
        <v>90</v>
      </c>
      <c r="O25324" t="s">
        <v>85</v>
      </c>
      <c r="P25324" t="s">
        <v>86</v>
      </c>
      <c r="Q25324">
        <v>28</v>
      </c>
      <c r="R25324">
        <v>29</v>
      </c>
      <c r="S25324">
        <v>29</v>
      </c>
      <c r="T25324">
        <v>30</v>
      </c>
      <c r="U25324">
        <v>31</v>
      </c>
      <c r="V25324">
        <v>31</v>
      </c>
      <c r="W25324">
        <v>32</v>
      </c>
      <c r="X25324">
        <v>32</v>
      </c>
      <c r="Y25324">
        <v>33</v>
      </c>
      <c r="Z25324">
        <v>33</v>
      </c>
      <c r="AA25324">
        <v>34</v>
      </c>
      <c r="AB25324">
        <v>34</v>
      </c>
      <c r="AC25324">
        <v>34</v>
      </c>
      <c r="AD25324">
        <v>35</v>
      </c>
      <c r="AE25324">
        <v>35</v>
      </c>
      <c r="AF25324">
        <v>35</v>
      </c>
      <c r="AG25324">
        <v>35</v>
      </c>
      <c r="AH25324">
        <v>35</v>
      </c>
      <c r="AI25324">
        <v>35</v>
      </c>
      <c r="AJ25324">
        <v>35</v>
      </c>
      <c r="AK25324">
        <v>35</v>
      </c>
      <c r="AL25324">
        <v>35</v>
      </c>
      <c r="AM25324">
        <v>35</v>
      </c>
      <c r="AN25324">
        <v>35</v>
      </c>
      <c r="AO25324">
        <v>35</v>
      </c>
      <c r="AP25324">
        <v>35</v>
      </c>
      <c r="AQ25324">
        <v>35</v>
      </c>
    </row>
    <row r="25325" spans="1:43">
      <c r="A25325" t="s">
        <v>15669</v>
      </c>
      <c r="B25325" t="s">
        <v>15670</v>
      </c>
      <c r="C25325" t="s">
        <v>15529</v>
      </c>
      <c r="D25325" t="s">
        <v>15530</v>
      </c>
      <c r="E25325" t="s">
        <v>15475</v>
      </c>
      <c r="F25325" t="s">
        <v>15476</v>
      </c>
      <c r="G25325" t="s">
        <v>10734</v>
      </c>
      <c r="H25325" t="s">
        <v>10735</v>
      </c>
      <c r="I25325" s="2">
        <v>1</v>
      </c>
      <c r="J25325" s="2">
        <v>0</v>
      </c>
      <c r="K25325" s="2">
        <v>0</v>
      </c>
      <c r="L25325" t="s">
        <v>120</v>
      </c>
      <c r="M25325" t="s">
        <v>83</v>
      </c>
      <c r="N25325" t="s">
        <v>91</v>
      </c>
      <c r="O25325" t="s">
        <v>85</v>
      </c>
      <c r="P25325" t="s">
        <v>86</v>
      </c>
      <c r="Q25325">
        <v>28</v>
      </c>
      <c r="R25325">
        <v>28</v>
      </c>
      <c r="S25325">
        <v>29</v>
      </c>
      <c r="T25325">
        <v>29</v>
      </c>
      <c r="U25325">
        <v>29</v>
      </c>
      <c r="V25325">
        <v>30</v>
      </c>
      <c r="W25325">
        <v>30</v>
      </c>
      <c r="X25325">
        <v>31</v>
      </c>
      <c r="Y25325">
        <v>31</v>
      </c>
      <c r="Z25325">
        <v>31</v>
      </c>
      <c r="AA25325">
        <v>32</v>
      </c>
      <c r="AB25325">
        <v>32</v>
      </c>
      <c r="AC25325">
        <v>32</v>
      </c>
      <c r="AD25325">
        <v>33</v>
      </c>
      <c r="AE25325">
        <v>33</v>
      </c>
      <c r="AF25325">
        <v>33</v>
      </c>
      <c r="AG25325">
        <v>33</v>
      </c>
      <c r="AH25325">
        <v>34</v>
      </c>
      <c r="AI25325">
        <v>34</v>
      </c>
      <c r="AJ25325">
        <v>34</v>
      </c>
      <c r="AK25325">
        <v>35</v>
      </c>
      <c r="AL25325">
        <v>35</v>
      </c>
      <c r="AM25325">
        <v>35</v>
      </c>
      <c r="AN25325">
        <v>35</v>
      </c>
      <c r="AO25325">
        <v>35</v>
      </c>
      <c r="AP25325">
        <v>35</v>
      </c>
      <c r="AQ25325">
        <v>35</v>
      </c>
    </row>
    <row r="25326" spans="1:43">
      <c r="A25326" t="s">
        <v>15671</v>
      </c>
      <c r="B25326" t="s">
        <v>15672</v>
      </c>
      <c r="C25326" t="s">
        <v>15673</v>
      </c>
      <c r="D25326" t="s">
        <v>15674</v>
      </c>
      <c r="E25326" t="s">
        <v>15475</v>
      </c>
      <c r="F25326" t="s">
        <v>15476</v>
      </c>
      <c r="G25326" t="s">
        <v>10734</v>
      </c>
      <c r="H25326" t="s">
        <v>10735</v>
      </c>
      <c r="I25326" s="2">
        <v>1</v>
      </c>
      <c r="J25326" s="2">
        <v>0</v>
      </c>
      <c r="K25326" s="2">
        <v>0</v>
      </c>
      <c r="L25326" t="s">
        <v>120</v>
      </c>
      <c r="M25326" t="s">
        <v>83</v>
      </c>
      <c r="N25326" t="s">
        <v>84</v>
      </c>
      <c r="O25326" t="s">
        <v>85</v>
      </c>
      <c r="P25326" t="s">
        <v>86</v>
      </c>
      <c r="Q25326">
        <v>13</v>
      </c>
      <c r="R25326">
        <v>13</v>
      </c>
      <c r="S25326">
        <v>14</v>
      </c>
      <c r="T25326">
        <v>14</v>
      </c>
      <c r="U25326">
        <v>14</v>
      </c>
      <c r="V25326">
        <v>14</v>
      </c>
      <c r="W25326">
        <v>14</v>
      </c>
      <c r="X25326">
        <v>14</v>
      </c>
      <c r="Y25326">
        <v>15</v>
      </c>
      <c r="Z25326">
        <v>15</v>
      </c>
      <c r="AA25326">
        <v>15</v>
      </c>
      <c r="AB25326">
        <v>15</v>
      </c>
      <c r="AC25326">
        <v>15</v>
      </c>
      <c r="AD25326">
        <v>15</v>
      </c>
      <c r="AE25326">
        <v>16</v>
      </c>
      <c r="AF25326">
        <v>16</v>
      </c>
      <c r="AG25326">
        <v>16</v>
      </c>
      <c r="AH25326">
        <v>16</v>
      </c>
      <c r="AI25326">
        <v>16</v>
      </c>
      <c r="AJ25326">
        <v>16</v>
      </c>
      <c r="AK25326">
        <v>16</v>
      </c>
      <c r="AL25326">
        <v>16</v>
      </c>
      <c r="AM25326">
        <v>17</v>
      </c>
      <c r="AN25326">
        <v>17</v>
      </c>
      <c r="AO25326">
        <v>17</v>
      </c>
      <c r="AP25326">
        <v>17</v>
      </c>
      <c r="AQ25326">
        <v>17</v>
      </c>
    </row>
    <row r="25327" spans="1:43">
      <c r="A25327" t="s">
        <v>15671</v>
      </c>
      <c r="B25327" t="s">
        <v>15672</v>
      </c>
      <c r="C25327" t="s">
        <v>15673</v>
      </c>
      <c r="D25327" t="s">
        <v>15674</v>
      </c>
      <c r="E25327" t="s">
        <v>15475</v>
      </c>
      <c r="F25327" t="s">
        <v>15476</v>
      </c>
      <c r="G25327" t="s">
        <v>10734</v>
      </c>
      <c r="H25327" t="s">
        <v>10735</v>
      </c>
      <c r="I25327" s="2">
        <v>1</v>
      </c>
      <c r="J25327" s="2">
        <v>0</v>
      </c>
      <c r="K25327" s="2">
        <v>0</v>
      </c>
      <c r="L25327" t="s">
        <v>120</v>
      </c>
      <c r="M25327" t="s">
        <v>87</v>
      </c>
      <c r="N25327" t="s">
        <v>88</v>
      </c>
      <c r="O25327" t="s">
        <v>85</v>
      </c>
      <c r="P25327" t="s">
        <v>86</v>
      </c>
      <c r="Q25327">
        <v>13</v>
      </c>
      <c r="R25327">
        <v>13</v>
      </c>
      <c r="S25327">
        <v>13</v>
      </c>
      <c r="T25327">
        <v>13</v>
      </c>
      <c r="U25327">
        <v>13</v>
      </c>
      <c r="V25327">
        <v>13</v>
      </c>
      <c r="W25327">
        <v>13</v>
      </c>
      <c r="X25327">
        <v>14</v>
      </c>
      <c r="Y25327">
        <v>14</v>
      </c>
      <c r="Z25327">
        <v>14</v>
      </c>
      <c r="AA25327">
        <v>14</v>
      </c>
      <c r="AB25327">
        <v>14</v>
      </c>
      <c r="AC25327">
        <v>14</v>
      </c>
      <c r="AD25327">
        <v>14</v>
      </c>
      <c r="AE25327">
        <v>14</v>
      </c>
      <c r="AF25327">
        <v>14</v>
      </c>
      <c r="AG25327">
        <v>14</v>
      </c>
      <c r="AH25327">
        <v>14</v>
      </c>
      <c r="AI25327">
        <v>14</v>
      </c>
      <c r="AJ25327">
        <v>14</v>
      </c>
      <c r="AK25327">
        <v>14</v>
      </c>
      <c r="AL25327">
        <v>14</v>
      </c>
      <c r="AM25327">
        <v>14</v>
      </c>
      <c r="AN25327">
        <v>14</v>
      </c>
      <c r="AO25327">
        <v>14</v>
      </c>
      <c r="AP25327">
        <v>14</v>
      </c>
      <c r="AQ25327">
        <v>14</v>
      </c>
    </row>
    <row r="25328" spans="1:43">
      <c r="A25328" t="s">
        <v>15671</v>
      </c>
      <c r="B25328" t="s">
        <v>15672</v>
      </c>
      <c r="C25328" t="s">
        <v>15673</v>
      </c>
      <c r="D25328" t="s">
        <v>15674</v>
      </c>
      <c r="E25328" t="s">
        <v>15475</v>
      </c>
      <c r="F25328" t="s">
        <v>15476</v>
      </c>
      <c r="G25328" t="s">
        <v>10734</v>
      </c>
      <c r="H25328" t="s">
        <v>10735</v>
      </c>
      <c r="I25328" s="2">
        <v>1</v>
      </c>
      <c r="J25328" s="2">
        <v>0</v>
      </c>
      <c r="K25328" s="2">
        <v>0</v>
      </c>
      <c r="L25328" t="s">
        <v>120</v>
      </c>
      <c r="M25328" t="s">
        <v>89</v>
      </c>
      <c r="N25328" t="s">
        <v>90</v>
      </c>
      <c r="O25328" t="s">
        <v>85</v>
      </c>
      <c r="P25328" t="s">
        <v>86</v>
      </c>
      <c r="Q25328">
        <v>13</v>
      </c>
      <c r="R25328">
        <v>14</v>
      </c>
      <c r="S25328">
        <v>14</v>
      </c>
      <c r="T25328">
        <v>14</v>
      </c>
      <c r="U25328">
        <v>15</v>
      </c>
      <c r="V25328">
        <v>15</v>
      </c>
      <c r="W25328">
        <v>15</v>
      </c>
      <c r="X25328">
        <v>15</v>
      </c>
      <c r="Y25328">
        <v>15</v>
      </c>
      <c r="Z25328">
        <v>16</v>
      </c>
      <c r="AA25328">
        <v>16</v>
      </c>
      <c r="AB25328">
        <v>16</v>
      </c>
      <c r="AC25328">
        <v>16</v>
      </c>
      <c r="AD25328">
        <v>17</v>
      </c>
      <c r="AE25328">
        <v>17</v>
      </c>
      <c r="AF25328">
        <v>17</v>
      </c>
      <c r="AG25328">
        <v>17</v>
      </c>
      <c r="AH25328">
        <v>17</v>
      </c>
      <c r="AI25328">
        <v>17</v>
      </c>
      <c r="AJ25328">
        <v>17</v>
      </c>
      <c r="AK25328">
        <v>17</v>
      </c>
      <c r="AL25328">
        <v>17</v>
      </c>
      <c r="AM25328">
        <v>17</v>
      </c>
      <c r="AN25328">
        <v>17</v>
      </c>
      <c r="AO25328">
        <v>17</v>
      </c>
      <c r="AP25328">
        <v>17</v>
      </c>
      <c r="AQ25328">
        <v>17</v>
      </c>
    </row>
    <row r="25329" spans="1:43">
      <c r="A25329" t="s">
        <v>15671</v>
      </c>
      <c r="B25329" t="s">
        <v>15672</v>
      </c>
      <c r="C25329" t="s">
        <v>15673</v>
      </c>
      <c r="D25329" t="s">
        <v>15674</v>
      </c>
      <c r="E25329" t="s">
        <v>15475</v>
      </c>
      <c r="F25329" t="s">
        <v>15476</v>
      </c>
      <c r="G25329" t="s">
        <v>10734</v>
      </c>
      <c r="H25329" t="s">
        <v>10735</v>
      </c>
      <c r="I25329" s="2">
        <v>1</v>
      </c>
      <c r="J25329" s="2">
        <v>0</v>
      </c>
      <c r="K25329" s="2">
        <v>0</v>
      </c>
      <c r="L25329" t="s">
        <v>120</v>
      </c>
      <c r="M25329" t="s">
        <v>83</v>
      </c>
      <c r="N25329" t="s">
        <v>91</v>
      </c>
      <c r="O25329" t="s">
        <v>85</v>
      </c>
      <c r="P25329" t="s">
        <v>86</v>
      </c>
      <c r="Q25329">
        <v>13</v>
      </c>
      <c r="R25329">
        <v>13</v>
      </c>
      <c r="S25329">
        <v>14</v>
      </c>
      <c r="T25329">
        <v>14</v>
      </c>
      <c r="U25329">
        <v>14</v>
      </c>
      <c r="V25329">
        <v>14</v>
      </c>
      <c r="W25329">
        <v>14</v>
      </c>
      <c r="X25329">
        <v>14</v>
      </c>
      <c r="Y25329">
        <v>15</v>
      </c>
      <c r="Z25329">
        <v>15</v>
      </c>
      <c r="AA25329">
        <v>15</v>
      </c>
      <c r="AB25329">
        <v>15</v>
      </c>
      <c r="AC25329">
        <v>15</v>
      </c>
      <c r="AD25329">
        <v>15</v>
      </c>
      <c r="AE25329">
        <v>16</v>
      </c>
      <c r="AF25329">
        <v>16</v>
      </c>
      <c r="AG25329">
        <v>16</v>
      </c>
      <c r="AH25329">
        <v>16</v>
      </c>
      <c r="AI25329">
        <v>16</v>
      </c>
      <c r="AJ25329">
        <v>16</v>
      </c>
      <c r="AK25329">
        <v>16</v>
      </c>
      <c r="AL25329">
        <v>16</v>
      </c>
      <c r="AM25329">
        <v>17</v>
      </c>
      <c r="AN25329">
        <v>17</v>
      </c>
      <c r="AO25329">
        <v>17</v>
      </c>
      <c r="AP25329">
        <v>17</v>
      </c>
      <c r="AQ25329">
        <v>17</v>
      </c>
    </row>
    <row r="25330" spans="1:43">
      <c r="A25330" t="s">
        <v>15675</v>
      </c>
      <c r="B25330" t="s">
        <v>15676</v>
      </c>
      <c r="C25330" t="s">
        <v>15673</v>
      </c>
      <c r="D25330" t="s">
        <v>15674</v>
      </c>
      <c r="E25330" t="s">
        <v>15475</v>
      </c>
      <c r="F25330" t="s">
        <v>15476</v>
      </c>
      <c r="G25330" t="s">
        <v>10734</v>
      </c>
      <c r="H25330" t="s">
        <v>10735</v>
      </c>
      <c r="I25330" s="2">
        <v>1</v>
      </c>
      <c r="J25330" s="2">
        <v>0</v>
      </c>
      <c r="K25330" s="2">
        <v>0</v>
      </c>
      <c r="L25330" t="s">
        <v>120</v>
      </c>
      <c r="M25330" t="s">
        <v>83</v>
      </c>
      <c r="N25330" t="s">
        <v>84</v>
      </c>
      <c r="O25330" t="s">
        <v>85</v>
      </c>
      <c r="P25330" t="s">
        <v>86</v>
      </c>
      <c r="Q25330">
        <v>27</v>
      </c>
      <c r="R25330">
        <v>27</v>
      </c>
      <c r="S25330">
        <v>28</v>
      </c>
      <c r="T25330">
        <v>28</v>
      </c>
      <c r="U25330">
        <v>28</v>
      </c>
      <c r="V25330">
        <v>29</v>
      </c>
      <c r="W25330">
        <v>29</v>
      </c>
      <c r="X25330">
        <v>29</v>
      </c>
      <c r="Y25330">
        <v>30</v>
      </c>
      <c r="Z25330">
        <v>30</v>
      </c>
      <c r="AA25330">
        <v>30</v>
      </c>
      <c r="AB25330">
        <v>31</v>
      </c>
      <c r="AC25330">
        <v>31</v>
      </c>
      <c r="AD25330">
        <v>31</v>
      </c>
      <c r="AE25330">
        <v>32</v>
      </c>
      <c r="AF25330">
        <v>32</v>
      </c>
      <c r="AG25330">
        <v>32</v>
      </c>
      <c r="AH25330">
        <v>32</v>
      </c>
      <c r="AI25330">
        <v>33</v>
      </c>
      <c r="AJ25330">
        <v>33</v>
      </c>
      <c r="AK25330">
        <v>33</v>
      </c>
      <c r="AL25330">
        <v>33</v>
      </c>
      <c r="AM25330">
        <v>33</v>
      </c>
      <c r="AN25330">
        <v>33</v>
      </c>
      <c r="AO25330">
        <v>33</v>
      </c>
      <c r="AP25330">
        <v>33</v>
      </c>
      <c r="AQ25330">
        <v>33</v>
      </c>
    </row>
    <row r="25331" spans="1:43">
      <c r="A25331" t="s">
        <v>15675</v>
      </c>
      <c r="B25331" t="s">
        <v>15676</v>
      </c>
      <c r="C25331" t="s">
        <v>15673</v>
      </c>
      <c r="D25331" t="s">
        <v>15674</v>
      </c>
      <c r="E25331" t="s">
        <v>15475</v>
      </c>
      <c r="F25331" t="s">
        <v>15476</v>
      </c>
      <c r="G25331" t="s">
        <v>10734</v>
      </c>
      <c r="H25331" t="s">
        <v>10735</v>
      </c>
      <c r="I25331" s="2">
        <v>1</v>
      </c>
      <c r="J25331" s="2">
        <v>0</v>
      </c>
      <c r="K25331" s="2">
        <v>0</v>
      </c>
      <c r="L25331" t="s">
        <v>120</v>
      </c>
      <c r="M25331" t="s">
        <v>87</v>
      </c>
      <c r="N25331" t="s">
        <v>88</v>
      </c>
      <c r="O25331" t="s">
        <v>85</v>
      </c>
      <c r="P25331" t="s">
        <v>86</v>
      </c>
      <c r="Q25331">
        <v>27</v>
      </c>
      <c r="R25331">
        <v>27</v>
      </c>
      <c r="S25331">
        <v>27</v>
      </c>
      <c r="T25331">
        <v>27</v>
      </c>
      <c r="U25331">
        <v>27</v>
      </c>
      <c r="V25331">
        <v>27</v>
      </c>
      <c r="W25331">
        <v>27</v>
      </c>
      <c r="X25331">
        <v>27</v>
      </c>
      <c r="Y25331">
        <v>27</v>
      </c>
      <c r="Z25331">
        <v>28</v>
      </c>
      <c r="AA25331">
        <v>28</v>
      </c>
      <c r="AB25331">
        <v>28</v>
      </c>
      <c r="AC25331">
        <v>28</v>
      </c>
      <c r="AD25331">
        <v>28</v>
      </c>
      <c r="AE25331">
        <v>28</v>
      </c>
      <c r="AF25331">
        <v>28</v>
      </c>
      <c r="AG25331">
        <v>28</v>
      </c>
      <c r="AH25331">
        <v>28</v>
      </c>
      <c r="AI25331">
        <v>28</v>
      </c>
      <c r="AJ25331">
        <v>29</v>
      </c>
      <c r="AK25331">
        <v>29</v>
      </c>
      <c r="AL25331">
        <v>29</v>
      </c>
      <c r="AM25331">
        <v>29</v>
      </c>
      <c r="AN25331">
        <v>29</v>
      </c>
      <c r="AO25331">
        <v>29</v>
      </c>
      <c r="AP25331">
        <v>29</v>
      </c>
      <c r="AQ25331">
        <v>29</v>
      </c>
    </row>
    <row r="25332" spans="1:43">
      <c r="A25332" t="s">
        <v>15675</v>
      </c>
      <c r="B25332" t="s">
        <v>15676</v>
      </c>
      <c r="C25332" t="s">
        <v>15673</v>
      </c>
      <c r="D25332" t="s">
        <v>15674</v>
      </c>
      <c r="E25332" t="s">
        <v>15475</v>
      </c>
      <c r="F25332" t="s">
        <v>15476</v>
      </c>
      <c r="G25332" t="s">
        <v>10734</v>
      </c>
      <c r="H25332" t="s">
        <v>10735</v>
      </c>
      <c r="I25332" s="2">
        <v>1</v>
      </c>
      <c r="J25332" s="2">
        <v>0</v>
      </c>
      <c r="K25332" s="2">
        <v>0</v>
      </c>
      <c r="L25332" t="s">
        <v>120</v>
      </c>
      <c r="M25332" t="s">
        <v>89</v>
      </c>
      <c r="N25332" t="s">
        <v>90</v>
      </c>
      <c r="O25332" t="s">
        <v>85</v>
      </c>
      <c r="P25332" t="s">
        <v>86</v>
      </c>
      <c r="Q25332">
        <v>27</v>
      </c>
      <c r="R25332">
        <v>28</v>
      </c>
      <c r="S25332">
        <v>28</v>
      </c>
      <c r="T25332">
        <v>29</v>
      </c>
      <c r="U25332">
        <v>29</v>
      </c>
      <c r="V25332">
        <v>30</v>
      </c>
      <c r="W25332">
        <v>30</v>
      </c>
      <c r="X25332">
        <v>31</v>
      </c>
      <c r="Y25332">
        <v>31</v>
      </c>
      <c r="Z25332">
        <v>32</v>
      </c>
      <c r="AA25332">
        <v>32</v>
      </c>
      <c r="AB25332">
        <v>33</v>
      </c>
      <c r="AC25332">
        <v>33</v>
      </c>
      <c r="AD25332">
        <v>34</v>
      </c>
      <c r="AE25332">
        <v>34</v>
      </c>
      <c r="AF25332">
        <v>34</v>
      </c>
      <c r="AG25332">
        <v>34</v>
      </c>
      <c r="AH25332">
        <v>34</v>
      </c>
      <c r="AI25332">
        <v>34</v>
      </c>
      <c r="AJ25332">
        <v>34</v>
      </c>
      <c r="AK25332">
        <v>34</v>
      </c>
      <c r="AL25332">
        <v>34</v>
      </c>
      <c r="AM25332">
        <v>34</v>
      </c>
      <c r="AN25332">
        <v>34</v>
      </c>
      <c r="AO25332">
        <v>34</v>
      </c>
      <c r="AP25332">
        <v>34</v>
      </c>
      <c r="AQ25332">
        <v>34</v>
      </c>
    </row>
    <row r="25333" spans="1:43">
      <c r="A25333" t="s">
        <v>15675</v>
      </c>
      <c r="B25333" t="s">
        <v>15676</v>
      </c>
      <c r="C25333" t="s">
        <v>15673</v>
      </c>
      <c r="D25333" t="s">
        <v>15674</v>
      </c>
      <c r="E25333" t="s">
        <v>15475</v>
      </c>
      <c r="F25333" t="s">
        <v>15476</v>
      </c>
      <c r="G25333" t="s">
        <v>10734</v>
      </c>
      <c r="H25333" t="s">
        <v>10735</v>
      </c>
      <c r="I25333" s="2">
        <v>1</v>
      </c>
      <c r="J25333" s="2">
        <v>0</v>
      </c>
      <c r="K25333" s="2">
        <v>0</v>
      </c>
      <c r="L25333" t="s">
        <v>120</v>
      </c>
      <c r="M25333" t="s">
        <v>83</v>
      </c>
      <c r="N25333" t="s">
        <v>91</v>
      </c>
      <c r="O25333" t="s">
        <v>85</v>
      </c>
      <c r="P25333" t="s">
        <v>86</v>
      </c>
      <c r="Q25333">
        <v>27</v>
      </c>
      <c r="R25333">
        <v>27</v>
      </c>
      <c r="S25333">
        <v>28</v>
      </c>
      <c r="T25333">
        <v>28</v>
      </c>
      <c r="U25333">
        <v>28</v>
      </c>
      <c r="V25333">
        <v>29</v>
      </c>
      <c r="W25333">
        <v>29</v>
      </c>
      <c r="X25333">
        <v>29</v>
      </c>
      <c r="Y25333">
        <v>30</v>
      </c>
      <c r="Z25333">
        <v>30</v>
      </c>
      <c r="AA25333">
        <v>30</v>
      </c>
      <c r="AB25333">
        <v>31</v>
      </c>
      <c r="AC25333">
        <v>31</v>
      </c>
      <c r="AD25333">
        <v>31</v>
      </c>
      <c r="AE25333">
        <v>32</v>
      </c>
      <c r="AF25333">
        <v>32</v>
      </c>
      <c r="AG25333">
        <v>32</v>
      </c>
      <c r="AH25333">
        <v>32</v>
      </c>
      <c r="AI25333">
        <v>33</v>
      </c>
      <c r="AJ25333">
        <v>33</v>
      </c>
      <c r="AK25333">
        <v>33</v>
      </c>
      <c r="AL25333">
        <v>33</v>
      </c>
      <c r="AM25333">
        <v>33</v>
      </c>
      <c r="AN25333">
        <v>33</v>
      </c>
      <c r="AO25333">
        <v>33</v>
      </c>
      <c r="AP25333">
        <v>33</v>
      </c>
      <c r="AQ25333">
        <v>33</v>
      </c>
    </row>
    <row r="25334" spans="1:43">
      <c r="A25334" t="s">
        <v>15677</v>
      </c>
      <c r="B25334" t="s">
        <v>15678</v>
      </c>
      <c r="C25334" t="s">
        <v>15673</v>
      </c>
      <c r="D25334" t="s">
        <v>15674</v>
      </c>
      <c r="E25334" t="s">
        <v>15475</v>
      </c>
      <c r="F25334" t="s">
        <v>15476</v>
      </c>
      <c r="G25334" t="s">
        <v>10734</v>
      </c>
      <c r="H25334" t="s">
        <v>10735</v>
      </c>
      <c r="I25334" s="2">
        <v>1</v>
      </c>
      <c r="J25334" s="2">
        <v>0</v>
      </c>
      <c r="K25334" s="2">
        <v>0</v>
      </c>
      <c r="L25334" t="s">
        <v>120</v>
      </c>
      <c r="M25334" t="s">
        <v>83</v>
      </c>
      <c r="N25334" t="s">
        <v>84</v>
      </c>
      <c r="O25334" t="s">
        <v>85</v>
      </c>
      <c r="P25334" t="s">
        <v>86</v>
      </c>
      <c r="Q25334">
        <v>10</v>
      </c>
      <c r="R25334">
        <v>10</v>
      </c>
      <c r="S25334">
        <v>10</v>
      </c>
      <c r="T25334">
        <v>10</v>
      </c>
      <c r="U25334">
        <v>11</v>
      </c>
      <c r="V25334">
        <v>11</v>
      </c>
      <c r="W25334">
        <v>11</v>
      </c>
      <c r="X25334">
        <v>11</v>
      </c>
      <c r="Y25334">
        <v>11</v>
      </c>
      <c r="Z25334">
        <v>11</v>
      </c>
      <c r="AA25334">
        <v>11</v>
      </c>
      <c r="AB25334">
        <v>11</v>
      </c>
      <c r="AC25334">
        <v>11</v>
      </c>
      <c r="AD25334">
        <v>12</v>
      </c>
      <c r="AE25334">
        <v>12</v>
      </c>
      <c r="AF25334">
        <v>12</v>
      </c>
      <c r="AG25334">
        <v>12</v>
      </c>
      <c r="AH25334">
        <v>12</v>
      </c>
      <c r="AI25334">
        <v>12</v>
      </c>
      <c r="AJ25334">
        <v>12</v>
      </c>
      <c r="AK25334">
        <v>12</v>
      </c>
      <c r="AL25334">
        <v>12</v>
      </c>
      <c r="AM25334">
        <v>12</v>
      </c>
      <c r="AN25334">
        <v>12</v>
      </c>
      <c r="AO25334">
        <v>12</v>
      </c>
      <c r="AP25334">
        <v>12</v>
      </c>
      <c r="AQ25334">
        <v>12</v>
      </c>
    </row>
    <row r="25335" spans="1:43">
      <c r="A25335" t="s">
        <v>15677</v>
      </c>
      <c r="B25335" t="s">
        <v>15678</v>
      </c>
      <c r="C25335" t="s">
        <v>15673</v>
      </c>
      <c r="D25335" t="s">
        <v>15674</v>
      </c>
      <c r="E25335" t="s">
        <v>15475</v>
      </c>
      <c r="F25335" t="s">
        <v>15476</v>
      </c>
      <c r="G25335" t="s">
        <v>10734</v>
      </c>
      <c r="H25335" t="s">
        <v>10735</v>
      </c>
      <c r="I25335" s="2">
        <v>1</v>
      </c>
      <c r="J25335" s="2">
        <v>0</v>
      </c>
      <c r="K25335" s="2">
        <v>0</v>
      </c>
      <c r="L25335" t="s">
        <v>120</v>
      </c>
      <c r="M25335" t="s">
        <v>87</v>
      </c>
      <c r="N25335" t="s">
        <v>88</v>
      </c>
      <c r="O25335" t="s">
        <v>85</v>
      </c>
      <c r="P25335" t="s">
        <v>86</v>
      </c>
      <c r="Q25335">
        <v>10</v>
      </c>
      <c r="R25335">
        <v>10</v>
      </c>
      <c r="S25335">
        <v>10</v>
      </c>
      <c r="T25335">
        <v>10</v>
      </c>
      <c r="U25335">
        <v>10</v>
      </c>
      <c r="V25335">
        <v>10</v>
      </c>
      <c r="W25335">
        <v>10</v>
      </c>
      <c r="X25335">
        <v>10</v>
      </c>
      <c r="Y25335">
        <v>10</v>
      </c>
      <c r="Z25335">
        <v>10</v>
      </c>
      <c r="AA25335">
        <v>10</v>
      </c>
      <c r="AB25335">
        <v>10</v>
      </c>
      <c r="AC25335">
        <v>10</v>
      </c>
      <c r="AD25335">
        <v>10</v>
      </c>
      <c r="AE25335">
        <v>10</v>
      </c>
      <c r="AF25335">
        <v>10</v>
      </c>
      <c r="AG25335">
        <v>10</v>
      </c>
      <c r="AH25335">
        <v>11</v>
      </c>
      <c r="AI25335">
        <v>11</v>
      </c>
      <c r="AJ25335">
        <v>11</v>
      </c>
      <c r="AK25335">
        <v>11</v>
      </c>
      <c r="AL25335">
        <v>11</v>
      </c>
      <c r="AM25335">
        <v>11</v>
      </c>
      <c r="AN25335">
        <v>11</v>
      </c>
      <c r="AO25335">
        <v>11</v>
      </c>
      <c r="AP25335">
        <v>11</v>
      </c>
      <c r="AQ25335">
        <v>11</v>
      </c>
    </row>
    <row r="25336" spans="1:43">
      <c r="A25336" t="s">
        <v>15677</v>
      </c>
      <c r="B25336" t="s">
        <v>15678</v>
      </c>
      <c r="C25336" t="s">
        <v>15673</v>
      </c>
      <c r="D25336" t="s">
        <v>15674</v>
      </c>
      <c r="E25336" t="s">
        <v>15475</v>
      </c>
      <c r="F25336" t="s">
        <v>15476</v>
      </c>
      <c r="G25336" t="s">
        <v>10734</v>
      </c>
      <c r="H25336" t="s">
        <v>10735</v>
      </c>
      <c r="I25336" s="2">
        <v>1</v>
      </c>
      <c r="J25336" s="2">
        <v>0</v>
      </c>
      <c r="K25336" s="2">
        <v>0</v>
      </c>
      <c r="L25336" t="s">
        <v>120</v>
      </c>
      <c r="M25336" t="s">
        <v>89</v>
      </c>
      <c r="N25336" t="s">
        <v>90</v>
      </c>
      <c r="O25336" t="s">
        <v>85</v>
      </c>
      <c r="P25336" t="s">
        <v>86</v>
      </c>
      <c r="Q25336">
        <v>10</v>
      </c>
      <c r="R25336">
        <v>10</v>
      </c>
      <c r="S25336">
        <v>11</v>
      </c>
      <c r="T25336">
        <v>11</v>
      </c>
      <c r="U25336">
        <v>11</v>
      </c>
      <c r="V25336">
        <v>11</v>
      </c>
      <c r="W25336">
        <v>11</v>
      </c>
      <c r="X25336">
        <v>11</v>
      </c>
      <c r="Y25336">
        <v>12</v>
      </c>
      <c r="Z25336">
        <v>12</v>
      </c>
      <c r="AA25336">
        <v>12</v>
      </c>
      <c r="AB25336">
        <v>12</v>
      </c>
      <c r="AC25336">
        <v>12</v>
      </c>
      <c r="AD25336">
        <v>12</v>
      </c>
      <c r="AE25336">
        <v>13</v>
      </c>
      <c r="AF25336">
        <v>13</v>
      </c>
      <c r="AG25336">
        <v>13</v>
      </c>
      <c r="AH25336">
        <v>13</v>
      </c>
      <c r="AI25336">
        <v>13</v>
      </c>
      <c r="AJ25336">
        <v>13</v>
      </c>
      <c r="AK25336">
        <v>13</v>
      </c>
      <c r="AL25336">
        <v>13</v>
      </c>
      <c r="AM25336">
        <v>13</v>
      </c>
      <c r="AN25336">
        <v>13</v>
      </c>
      <c r="AO25336">
        <v>13</v>
      </c>
      <c r="AP25336">
        <v>13</v>
      </c>
      <c r="AQ25336">
        <v>13</v>
      </c>
    </row>
    <row r="25337" spans="1:43">
      <c r="A25337" t="s">
        <v>15677</v>
      </c>
      <c r="B25337" t="s">
        <v>15678</v>
      </c>
      <c r="C25337" t="s">
        <v>15673</v>
      </c>
      <c r="D25337" t="s">
        <v>15674</v>
      </c>
      <c r="E25337" t="s">
        <v>15475</v>
      </c>
      <c r="F25337" t="s">
        <v>15476</v>
      </c>
      <c r="G25337" t="s">
        <v>10734</v>
      </c>
      <c r="H25337" t="s">
        <v>10735</v>
      </c>
      <c r="I25337" s="2">
        <v>1</v>
      </c>
      <c r="J25337" s="2">
        <v>0</v>
      </c>
      <c r="K25337" s="2">
        <v>0</v>
      </c>
      <c r="L25337" t="s">
        <v>120</v>
      </c>
      <c r="M25337" t="s">
        <v>83</v>
      </c>
      <c r="N25337" t="s">
        <v>91</v>
      </c>
      <c r="O25337" t="s">
        <v>85</v>
      </c>
      <c r="P25337" t="s">
        <v>86</v>
      </c>
      <c r="Q25337">
        <v>10</v>
      </c>
      <c r="R25337">
        <v>10</v>
      </c>
      <c r="S25337">
        <v>10</v>
      </c>
      <c r="T25337">
        <v>10</v>
      </c>
      <c r="U25337">
        <v>11</v>
      </c>
      <c r="V25337">
        <v>11</v>
      </c>
      <c r="W25337">
        <v>11</v>
      </c>
      <c r="X25337">
        <v>11</v>
      </c>
      <c r="Y25337">
        <v>11</v>
      </c>
      <c r="Z25337">
        <v>11</v>
      </c>
      <c r="AA25337">
        <v>11</v>
      </c>
      <c r="AB25337">
        <v>11</v>
      </c>
      <c r="AC25337">
        <v>11</v>
      </c>
      <c r="AD25337">
        <v>12</v>
      </c>
      <c r="AE25337">
        <v>12</v>
      </c>
      <c r="AF25337">
        <v>12</v>
      </c>
      <c r="AG25337">
        <v>12</v>
      </c>
      <c r="AH25337">
        <v>12</v>
      </c>
      <c r="AI25337">
        <v>12</v>
      </c>
      <c r="AJ25337">
        <v>12</v>
      </c>
      <c r="AK25337">
        <v>12</v>
      </c>
      <c r="AL25337">
        <v>12</v>
      </c>
      <c r="AM25337">
        <v>12</v>
      </c>
      <c r="AN25337">
        <v>12</v>
      </c>
      <c r="AO25337">
        <v>12</v>
      </c>
      <c r="AP25337">
        <v>12</v>
      </c>
      <c r="AQ25337">
        <v>12</v>
      </c>
    </row>
    <row r="25338" spans="1:43">
      <c r="A25338" t="s">
        <v>15679</v>
      </c>
      <c r="B25338" t="s">
        <v>15680</v>
      </c>
      <c r="C25338" t="s">
        <v>15673</v>
      </c>
      <c r="D25338" t="s">
        <v>15674</v>
      </c>
      <c r="E25338" t="s">
        <v>15475</v>
      </c>
      <c r="F25338" t="s">
        <v>15476</v>
      </c>
      <c r="G25338" t="s">
        <v>10734</v>
      </c>
      <c r="H25338" t="s">
        <v>10735</v>
      </c>
      <c r="I25338" s="2">
        <v>1</v>
      </c>
      <c r="J25338" s="2">
        <v>0</v>
      </c>
      <c r="K25338" s="2">
        <v>0</v>
      </c>
      <c r="L25338" t="s">
        <v>120</v>
      </c>
      <c r="M25338" t="s">
        <v>83</v>
      </c>
      <c r="N25338" t="s">
        <v>84</v>
      </c>
      <c r="O25338" t="s">
        <v>85</v>
      </c>
      <c r="P25338" t="s">
        <v>86</v>
      </c>
      <c r="Q25338">
        <v>20</v>
      </c>
      <c r="R25338">
        <v>20</v>
      </c>
      <c r="S25338">
        <v>21</v>
      </c>
      <c r="T25338">
        <v>21</v>
      </c>
      <c r="U25338">
        <v>21</v>
      </c>
      <c r="V25338">
        <v>21</v>
      </c>
      <c r="W25338">
        <v>22</v>
      </c>
      <c r="X25338">
        <v>22</v>
      </c>
      <c r="Y25338">
        <v>22</v>
      </c>
      <c r="Z25338">
        <v>22</v>
      </c>
      <c r="AA25338">
        <v>23</v>
      </c>
      <c r="AB25338">
        <v>23</v>
      </c>
      <c r="AC25338">
        <v>23</v>
      </c>
      <c r="AD25338">
        <v>23</v>
      </c>
      <c r="AE25338">
        <v>24</v>
      </c>
      <c r="AF25338">
        <v>24</v>
      </c>
      <c r="AG25338">
        <v>24</v>
      </c>
      <c r="AH25338">
        <v>24</v>
      </c>
      <c r="AI25338">
        <v>24</v>
      </c>
      <c r="AJ25338">
        <v>25</v>
      </c>
      <c r="AK25338">
        <v>25</v>
      </c>
      <c r="AL25338">
        <v>25</v>
      </c>
      <c r="AM25338">
        <v>25</v>
      </c>
      <c r="AN25338">
        <v>25</v>
      </c>
      <c r="AO25338">
        <v>25</v>
      </c>
      <c r="AP25338">
        <v>25</v>
      </c>
      <c r="AQ25338">
        <v>25</v>
      </c>
    </row>
    <row r="25339" spans="1:43">
      <c r="A25339" t="s">
        <v>15679</v>
      </c>
      <c r="B25339" t="s">
        <v>15680</v>
      </c>
      <c r="C25339" t="s">
        <v>15673</v>
      </c>
      <c r="D25339" t="s">
        <v>15674</v>
      </c>
      <c r="E25339" t="s">
        <v>15475</v>
      </c>
      <c r="F25339" t="s">
        <v>15476</v>
      </c>
      <c r="G25339" t="s">
        <v>10734</v>
      </c>
      <c r="H25339" t="s">
        <v>10735</v>
      </c>
      <c r="I25339" s="2">
        <v>1</v>
      </c>
      <c r="J25339" s="2">
        <v>0</v>
      </c>
      <c r="K25339" s="2">
        <v>0</v>
      </c>
      <c r="L25339" t="s">
        <v>120</v>
      </c>
      <c r="M25339" t="s">
        <v>87</v>
      </c>
      <c r="N25339" t="s">
        <v>88</v>
      </c>
      <c r="O25339" t="s">
        <v>85</v>
      </c>
      <c r="P25339" t="s">
        <v>86</v>
      </c>
      <c r="Q25339">
        <v>20</v>
      </c>
      <c r="R25339">
        <v>20</v>
      </c>
      <c r="S25339">
        <v>20</v>
      </c>
      <c r="T25339">
        <v>20</v>
      </c>
      <c r="U25339">
        <v>20</v>
      </c>
      <c r="V25339">
        <v>20</v>
      </c>
      <c r="W25339">
        <v>20</v>
      </c>
      <c r="X25339">
        <v>20</v>
      </c>
      <c r="Y25339">
        <v>21</v>
      </c>
      <c r="Z25339">
        <v>21</v>
      </c>
      <c r="AA25339">
        <v>21</v>
      </c>
      <c r="AB25339">
        <v>21</v>
      </c>
      <c r="AC25339">
        <v>21</v>
      </c>
      <c r="AD25339">
        <v>21</v>
      </c>
      <c r="AE25339">
        <v>21</v>
      </c>
      <c r="AF25339">
        <v>21</v>
      </c>
      <c r="AG25339">
        <v>21</v>
      </c>
      <c r="AH25339">
        <v>21</v>
      </c>
      <c r="AI25339">
        <v>21</v>
      </c>
      <c r="AJ25339">
        <v>21</v>
      </c>
      <c r="AK25339">
        <v>21</v>
      </c>
      <c r="AL25339">
        <v>21</v>
      </c>
      <c r="AM25339">
        <v>21</v>
      </c>
      <c r="AN25339">
        <v>22</v>
      </c>
      <c r="AO25339">
        <v>22</v>
      </c>
      <c r="AP25339">
        <v>22</v>
      </c>
      <c r="AQ25339">
        <v>22</v>
      </c>
    </row>
    <row r="25340" spans="1:43">
      <c r="A25340" t="s">
        <v>15679</v>
      </c>
      <c r="B25340" t="s">
        <v>15680</v>
      </c>
      <c r="C25340" t="s">
        <v>15673</v>
      </c>
      <c r="D25340" t="s">
        <v>15674</v>
      </c>
      <c r="E25340" t="s">
        <v>15475</v>
      </c>
      <c r="F25340" t="s">
        <v>15476</v>
      </c>
      <c r="G25340" t="s">
        <v>10734</v>
      </c>
      <c r="H25340" t="s">
        <v>10735</v>
      </c>
      <c r="I25340" s="2">
        <v>1</v>
      </c>
      <c r="J25340" s="2">
        <v>0</v>
      </c>
      <c r="K25340" s="2">
        <v>0</v>
      </c>
      <c r="L25340" t="s">
        <v>120</v>
      </c>
      <c r="M25340" t="s">
        <v>89</v>
      </c>
      <c r="N25340" t="s">
        <v>90</v>
      </c>
      <c r="O25340" t="s">
        <v>85</v>
      </c>
      <c r="P25340" t="s">
        <v>86</v>
      </c>
      <c r="Q25340">
        <v>20</v>
      </c>
      <c r="R25340">
        <v>21</v>
      </c>
      <c r="S25340">
        <v>21</v>
      </c>
      <c r="T25340">
        <v>22</v>
      </c>
      <c r="U25340">
        <v>22</v>
      </c>
      <c r="V25340">
        <v>22</v>
      </c>
      <c r="W25340">
        <v>23</v>
      </c>
      <c r="X25340">
        <v>23</v>
      </c>
      <c r="Y25340">
        <v>23</v>
      </c>
      <c r="Z25340">
        <v>24</v>
      </c>
      <c r="AA25340">
        <v>24</v>
      </c>
      <c r="AB25340">
        <v>24</v>
      </c>
      <c r="AC25340">
        <v>25</v>
      </c>
      <c r="AD25340">
        <v>25</v>
      </c>
      <c r="AE25340">
        <v>25</v>
      </c>
      <c r="AF25340">
        <v>25</v>
      </c>
      <c r="AG25340">
        <v>25</v>
      </c>
      <c r="AH25340">
        <v>25</v>
      </c>
      <c r="AI25340">
        <v>25</v>
      </c>
      <c r="AJ25340">
        <v>25</v>
      </c>
      <c r="AK25340">
        <v>25</v>
      </c>
      <c r="AL25340">
        <v>25</v>
      </c>
      <c r="AM25340">
        <v>25</v>
      </c>
      <c r="AN25340">
        <v>25</v>
      </c>
      <c r="AO25340">
        <v>25</v>
      </c>
      <c r="AP25340">
        <v>25</v>
      </c>
      <c r="AQ25340">
        <v>25</v>
      </c>
    </row>
    <row r="25341" spans="1:43">
      <c r="A25341" t="s">
        <v>15679</v>
      </c>
      <c r="B25341" t="s">
        <v>15680</v>
      </c>
      <c r="C25341" t="s">
        <v>15673</v>
      </c>
      <c r="D25341" t="s">
        <v>15674</v>
      </c>
      <c r="E25341" t="s">
        <v>15475</v>
      </c>
      <c r="F25341" t="s">
        <v>15476</v>
      </c>
      <c r="G25341" t="s">
        <v>10734</v>
      </c>
      <c r="H25341" t="s">
        <v>10735</v>
      </c>
      <c r="I25341" s="2">
        <v>1</v>
      </c>
      <c r="J25341" s="2">
        <v>0</v>
      </c>
      <c r="K25341" s="2">
        <v>0</v>
      </c>
      <c r="L25341" t="s">
        <v>120</v>
      </c>
      <c r="M25341" t="s">
        <v>83</v>
      </c>
      <c r="N25341" t="s">
        <v>91</v>
      </c>
      <c r="O25341" t="s">
        <v>85</v>
      </c>
      <c r="P25341" t="s">
        <v>86</v>
      </c>
      <c r="Q25341">
        <v>20</v>
      </c>
      <c r="R25341">
        <v>20</v>
      </c>
      <c r="S25341">
        <v>21</v>
      </c>
      <c r="T25341">
        <v>21</v>
      </c>
      <c r="U25341">
        <v>21</v>
      </c>
      <c r="V25341">
        <v>21</v>
      </c>
      <c r="W25341">
        <v>22</v>
      </c>
      <c r="X25341">
        <v>22</v>
      </c>
      <c r="Y25341">
        <v>22</v>
      </c>
      <c r="Z25341">
        <v>22</v>
      </c>
      <c r="AA25341">
        <v>23</v>
      </c>
      <c r="AB25341">
        <v>23</v>
      </c>
      <c r="AC25341">
        <v>23</v>
      </c>
      <c r="AD25341">
        <v>23</v>
      </c>
      <c r="AE25341">
        <v>24</v>
      </c>
      <c r="AF25341">
        <v>24</v>
      </c>
      <c r="AG25341">
        <v>24</v>
      </c>
      <c r="AH25341">
        <v>24</v>
      </c>
      <c r="AI25341">
        <v>24</v>
      </c>
      <c r="AJ25341">
        <v>25</v>
      </c>
      <c r="AK25341">
        <v>25</v>
      </c>
      <c r="AL25341">
        <v>25</v>
      </c>
      <c r="AM25341">
        <v>25</v>
      </c>
      <c r="AN25341">
        <v>25</v>
      </c>
      <c r="AO25341">
        <v>25</v>
      </c>
      <c r="AP25341">
        <v>25</v>
      </c>
      <c r="AQ25341">
        <v>25</v>
      </c>
    </row>
    <row r="25342" spans="1:43">
      <c r="A25342" t="s">
        <v>15681</v>
      </c>
      <c r="B25342" t="s">
        <v>15682</v>
      </c>
      <c r="C25342" t="s">
        <v>15673</v>
      </c>
      <c r="D25342" t="s">
        <v>15674</v>
      </c>
      <c r="E25342" t="s">
        <v>15475</v>
      </c>
      <c r="F25342" t="s">
        <v>15476</v>
      </c>
      <c r="G25342" t="s">
        <v>10734</v>
      </c>
      <c r="H25342" t="s">
        <v>10735</v>
      </c>
      <c r="I25342" s="2">
        <v>1</v>
      </c>
      <c r="J25342" s="2">
        <v>0</v>
      </c>
      <c r="K25342" s="2">
        <v>0</v>
      </c>
      <c r="L25342" t="s">
        <v>120</v>
      </c>
      <c r="M25342" t="s">
        <v>83</v>
      </c>
      <c r="N25342" t="s">
        <v>84</v>
      </c>
      <c r="O25342" t="s">
        <v>85</v>
      </c>
      <c r="P25342" t="s">
        <v>86</v>
      </c>
      <c r="Q25342">
        <v>52</v>
      </c>
      <c r="R25342">
        <v>53</v>
      </c>
      <c r="S25342">
        <v>53</v>
      </c>
      <c r="T25342">
        <v>54</v>
      </c>
      <c r="U25342">
        <v>55</v>
      </c>
      <c r="V25342">
        <v>55</v>
      </c>
      <c r="W25342">
        <v>56</v>
      </c>
      <c r="X25342">
        <v>57</v>
      </c>
      <c r="Y25342">
        <v>57</v>
      </c>
      <c r="Z25342">
        <v>58</v>
      </c>
      <c r="AA25342">
        <v>58</v>
      </c>
      <c r="AB25342">
        <v>59</v>
      </c>
      <c r="AC25342">
        <v>60</v>
      </c>
      <c r="AD25342">
        <v>60</v>
      </c>
      <c r="AE25342">
        <v>61</v>
      </c>
      <c r="AF25342">
        <v>61</v>
      </c>
      <c r="AG25342">
        <v>62</v>
      </c>
      <c r="AH25342">
        <v>63</v>
      </c>
      <c r="AI25342">
        <v>63</v>
      </c>
      <c r="AJ25342">
        <v>64</v>
      </c>
      <c r="AK25342">
        <v>64</v>
      </c>
      <c r="AL25342">
        <v>64</v>
      </c>
      <c r="AM25342">
        <v>64</v>
      </c>
      <c r="AN25342">
        <v>64</v>
      </c>
      <c r="AO25342">
        <v>64</v>
      </c>
      <c r="AP25342">
        <v>64</v>
      </c>
      <c r="AQ25342">
        <v>64</v>
      </c>
    </row>
    <row r="25343" spans="1:43">
      <c r="A25343" t="s">
        <v>15681</v>
      </c>
      <c r="B25343" t="s">
        <v>15682</v>
      </c>
      <c r="C25343" t="s">
        <v>15673</v>
      </c>
      <c r="D25343" t="s">
        <v>15674</v>
      </c>
      <c r="E25343" t="s">
        <v>15475</v>
      </c>
      <c r="F25343" t="s">
        <v>15476</v>
      </c>
      <c r="G25343" t="s">
        <v>10734</v>
      </c>
      <c r="H25343" t="s">
        <v>10735</v>
      </c>
      <c r="I25343" s="2">
        <v>1</v>
      </c>
      <c r="J25343" s="2">
        <v>0</v>
      </c>
      <c r="K25343" s="2">
        <v>0</v>
      </c>
      <c r="L25343" t="s">
        <v>120</v>
      </c>
      <c r="M25343" t="s">
        <v>87</v>
      </c>
      <c r="N25343" t="s">
        <v>88</v>
      </c>
      <c r="O25343" t="s">
        <v>85</v>
      </c>
      <c r="P25343" t="s">
        <v>86</v>
      </c>
      <c r="Q25343">
        <v>52</v>
      </c>
      <c r="R25343">
        <v>53</v>
      </c>
      <c r="S25343">
        <v>53</v>
      </c>
      <c r="T25343">
        <v>53</v>
      </c>
      <c r="U25343">
        <v>53</v>
      </c>
      <c r="V25343">
        <v>53</v>
      </c>
      <c r="W25343">
        <v>54</v>
      </c>
      <c r="X25343">
        <v>54</v>
      </c>
      <c r="Y25343">
        <v>54</v>
      </c>
      <c r="Z25343">
        <v>54</v>
      </c>
      <c r="AA25343">
        <v>54</v>
      </c>
      <c r="AB25343">
        <v>54</v>
      </c>
      <c r="AC25343">
        <v>55</v>
      </c>
      <c r="AD25343">
        <v>55</v>
      </c>
      <c r="AE25343">
        <v>55</v>
      </c>
      <c r="AF25343">
        <v>55</v>
      </c>
      <c r="AG25343">
        <v>55</v>
      </c>
      <c r="AH25343">
        <v>56</v>
      </c>
      <c r="AI25343">
        <v>56</v>
      </c>
      <c r="AJ25343">
        <v>56</v>
      </c>
      <c r="AK25343">
        <v>56</v>
      </c>
      <c r="AL25343">
        <v>56</v>
      </c>
      <c r="AM25343">
        <v>56</v>
      </c>
      <c r="AN25343">
        <v>57</v>
      </c>
      <c r="AO25343">
        <v>57</v>
      </c>
      <c r="AP25343">
        <v>57</v>
      </c>
      <c r="AQ25343">
        <v>57</v>
      </c>
    </row>
    <row r="25344" spans="1:43">
      <c r="A25344" t="s">
        <v>15681</v>
      </c>
      <c r="B25344" t="s">
        <v>15682</v>
      </c>
      <c r="C25344" t="s">
        <v>15673</v>
      </c>
      <c r="D25344" t="s">
        <v>15674</v>
      </c>
      <c r="E25344" t="s">
        <v>15475</v>
      </c>
      <c r="F25344" t="s">
        <v>15476</v>
      </c>
      <c r="G25344" t="s">
        <v>10734</v>
      </c>
      <c r="H25344" t="s">
        <v>10735</v>
      </c>
      <c r="I25344" s="2">
        <v>1</v>
      </c>
      <c r="J25344" s="2">
        <v>0</v>
      </c>
      <c r="K25344" s="2">
        <v>0</v>
      </c>
      <c r="L25344" t="s">
        <v>120</v>
      </c>
      <c r="M25344" t="s">
        <v>89</v>
      </c>
      <c r="N25344" t="s">
        <v>90</v>
      </c>
      <c r="O25344" t="s">
        <v>85</v>
      </c>
      <c r="P25344" t="s">
        <v>86</v>
      </c>
      <c r="Q25344">
        <v>52</v>
      </c>
      <c r="R25344">
        <v>53</v>
      </c>
      <c r="S25344">
        <v>55</v>
      </c>
      <c r="T25344">
        <v>56</v>
      </c>
      <c r="U25344">
        <v>57</v>
      </c>
      <c r="V25344">
        <v>58</v>
      </c>
      <c r="W25344">
        <v>59</v>
      </c>
      <c r="X25344">
        <v>60</v>
      </c>
      <c r="Y25344">
        <v>60</v>
      </c>
      <c r="Z25344">
        <v>61</v>
      </c>
      <c r="AA25344">
        <v>62</v>
      </c>
      <c r="AB25344">
        <v>63</v>
      </c>
      <c r="AC25344">
        <v>64</v>
      </c>
      <c r="AD25344">
        <v>65</v>
      </c>
      <c r="AE25344">
        <v>65</v>
      </c>
      <c r="AF25344">
        <v>65</v>
      </c>
      <c r="AG25344">
        <v>65</v>
      </c>
      <c r="AH25344">
        <v>65</v>
      </c>
      <c r="AI25344">
        <v>65</v>
      </c>
      <c r="AJ25344">
        <v>65</v>
      </c>
      <c r="AK25344">
        <v>65</v>
      </c>
      <c r="AL25344">
        <v>65</v>
      </c>
      <c r="AM25344">
        <v>65</v>
      </c>
      <c r="AN25344">
        <v>65</v>
      </c>
      <c r="AO25344">
        <v>65</v>
      </c>
      <c r="AP25344">
        <v>65</v>
      </c>
      <c r="AQ25344">
        <v>65</v>
      </c>
    </row>
    <row r="25345" spans="1:43">
      <c r="A25345" t="s">
        <v>15681</v>
      </c>
      <c r="B25345" t="s">
        <v>15682</v>
      </c>
      <c r="C25345" t="s">
        <v>15673</v>
      </c>
      <c r="D25345" t="s">
        <v>15674</v>
      </c>
      <c r="E25345" t="s">
        <v>15475</v>
      </c>
      <c r="F25345" t="s">
        <v>15476</v>
      </c>
      <c r="G25345" t="s">
        <v>10734</v>
      </c>
      <c r="H25345" t="s">
        <v>10735</v>
      </c>
      <c r="I25345" s="2">
        <v>1</v>
      </c>
      <c r="J25345" s="2">
        <v>0</v>
      </c>
      <c r="K25345" s="2">
        <v>0</v>
      </c>
      <c r="L25345" t="s">
        <v>120</v>
      </c>
      <c r="M25345" t="s">
        <v>83</v>
      </c>
      <c r="N25345" t="s">
        <v>91</v>
      </c>
      <c r="O25345" t="s">
        <v>85</v>
      </c>
      <c r="P25345" t="s">
        <v>86</v>
      </c>
      <c r="Q25345">
        <v>52</v>
      </c>
      <c r="R25345">
        <v>53</v>
      </c>
      <c r="S25345">
        <v>53</v>
      </c>
      <c r="T25345">
        <v>54</v>
      </c>
      <c r="U25345">
        <v>55</v>
      </c>
      <c r="V25345">
        <v>55</v>
      </c>
      <c r="W25345">
        <v>56</v>
      </c>
      <c r="X25345">
        <v>57</v>
      </c>
      <c r="Y25345">
        <v>57</v>
      </c>
      <c r="Z25345">
        <v>58</v>
      </c>
      <c r="AA25345">
        <v>58</v>
      </c>
      <c r="AB25345">
        <v>59</v>
      </c>
      <c r="AC25345">
        <v>60</v>
      </c>
      <c r="AD25345">
        <v>60</v>
      </c>
      <c r="AE25345">
        <v>61</v>
      </c>
      <c r="AF25345">
        <v>61</v>
      </c>
      <c r="AG25345">
        <v>62</v>
      </c>
      <c r="AH25345">
        <v>63</v>
      </c>
      <c r="AI25345">
        <v>63</v>
      </c>
      <c r="AJ25345">
        <v>64</v>
      </c>
      <c r="AK25345">
        <v>64</v>
      </c>
      <c r="AL25345">
        <v>64</v>
      </c>
      <c r="AM25345">
        <v>64</v>
      </c>
      <c r="AN25345">
        <v>64</v>
      </c>
      <c r="AO25345">
        <v>64</v>
      </c>
      <c r="AP25345">
        <v>64</v>
      </c>
      <c r="AQ25345">
        <v>64</v>
      </c>
    </row>
    <row r="25346" spans="1:43">
      <c r="A25346" t="s">
        <v>15683</v>
      </c>
      <c r="B25346" t="s">
        <v>15684</v>
      </c>
      <c r="C25346" t="s">
        <v>15685</v>
      </c>
      <c r="D25346" t="s">
        <v>15686</v>
      </c>
      <c r="E25346" t="s">
        <v>15475</v>
      </c>
      <c r="F25346" t="s">
        <v>15476</v>
      </c>
      <c r="G25346" t="s">
        <v>10734</v>
      </c>
      <c r="H25346" t="s">
        <v>10735</v>
      </c>
      <c r="I25346" s="2">
        <v>1</v>
      </c>
      <c r="J25346" s="2">
        <v>0</v>
      </c>
      <c r="K25346" s="2">
        <v>0</v>
      </c>
      <c r="L25346" t="s">
        <v>120</v>
      </c>
      <c r="M25346" t="s">
        <v>83</v>
      </c>
      <c r="N25346" t="s">
        <v>84</v>
      </c>
      <c r="O25346" t="s">
        <v>85</v>
      </c>
      <c r="P25346" t="s">
        <v>86</v>
      </c>
      <c r="Q25346">
        <v>20</v>
      </c>
      <c r="R25346">
        <v>20</v>
      </c>
      <c r="S25346">
        <v>21</v>
      </c>
      <c r="T25346">
        <v>21</v>
      </c>
      <c r="U25346">
        <v>21</v>
      </c>
      <c r="V25346">
        <v>21</v>
      </c>
      <c r="W25346">
        <v>22</v>
      </c>
      <c r="X25346">
        <v>22</v>
      </c>
      <c r="Y25346">
        <v>22</v>
      </c>
      <c r="Z25346">
        <v>22</v>
      </c>
      <c r="AA25346">
        <v>22</v>
      </c>
      <c r="AB25346">
        <v>23</v>
      </c>
      <c r="AC25346">
        <v>23</v>
      </c>
      <c r="AD25346">
        <v>23</v>
      </c>
      <c r="AE25346">
        <v>23</v>
      </c>
      <c r="AF25346">
        <v>23</v>
      </c>
      <c r="AG25346">
        <v>24</v>
      </c>
      <c r="AH25346">
        <v>24</v>
      </c>
      <c r="AI25346">
        <v>24</v>
      </c>
      <c r="AJ25346">
        <v>24</v>
      </c>
      <c r="AK25346">
        <v>24</v>
      </c>
      <c r="AL25346">
        <v>24</v>
      </c>
      <c r="AM25346">
        <v>24</v>
      </c>
      <c r="AN25346">
        <v>24</v>
      </c>
      <c r="AO25346">
        <v>24</v>
      </c>
      <c r="AP25346">
        <v>24</v>
      </c>
      <c r="AQ25346">
        <v>24</v>
      </c>
    </row>
    <row r="25347" spans="1:43">
      <c r="A25347" t="s">
        <v>15683</v>
      </c>
      <c r="B25347" t="s">
        <v>15684</v>
      </c>
      <c r="C25347" t="s">
        <v>15685</v>
      </c>
      <c r="D25347" t="s">
        <v>15686</v>
      </c>
      <c r="E25347" t="s">
        <v>15475</v>
      </c>
      <c r="F25347" t="s">
        <v>15476</v>
      </c>
      <c r="G25347" t="s">
        <v>10734</v>
      </c>
      <c r="H25347" t="s">
        <v>10735</v>
      </c>
      <c r="I25347" s="2">
        <v>1</v>
      </c>
      <c r="J25347" s="2">
        <v>0</v>
      </c>
      <c r="K25347" s="2">
        <v>0</v>
      </c>
      <c r="L25347" t="s">
        <v>120</v>
      </c>
      <c r="M25347" t="s">
        <v>87</v>
      </c>
      <c r="N25347" t="s">
        <v>88</v>
      </c>
      <c r="O25347" t="s">
        <v>85</v>
      </c>
      <c r="P25347" t="s">
        <v>86</v>
      </c>
      <c r="Q25347">
        <v>20</v>
      </c>
      <c r="R25347">
        <v>20</v>
      </c>
      <c r="S25347">
        <v>20</v>
      </c>
      <c r="T25347">
        <v>20</v>
      </c>
      <c r="U25347">
        <v>20</v>
      </c>
      <c r="V25347">
        <v>20</v>
      </c>
      <c r="W25347">
        <v>20</v>
      </c>
      <c r="X25347">
        <v>20</v>
      </c>
      <c r="Y25347">
        <v>20</v>
      </c>
      <c r="Z25347">
        <v>20</v>
      </c>
      <c r="AA25347">
        <v>20</v>
      </c>
      <c r="AB25347">
        <v>20</v>
      </c>
      <c r="AC25347">
        <v>21</v>
      </c>
      <c r="AD25347">
        <v>21</v>
      </c>
      <c r="AE25347">
        <v>21</v>
      </c>
      <c r="AF25347">
        <v>21</v>
      </c>
      <c r="AG25347">
        <v>21</v>
      </c>
      <c r="AH25347">
        <v>21</v>
      </c>
      <c r="AI25347">
        <v>21</v>
      </c>
      <c r="AJ25347">
        <v>21</v>
      </c>
      <c r="AK25347">
        <v>21</v>
      </c>
      <c r="AL25347">
        <v>21</v>
      </c>
      <c r="AM25347">
        <v>21</v>
      </c>
      <c r="AN25347">
        <v>21</v>
      </c>
      <c r="AO25347">
        <v>21</v>
      </c>
      <c r="AP25347">
        <v>21</v>
      </c>
      <c r="AQ25347">
        <v>21</v>
      </c>
    </row>
    <row r="25348" spans="1:43">
      <c r="A25348" t="s">
        <v>15683</v>
      </c>
      <c r="B25348" t="s">
        <v>15684</v>
      </c>
      <c r="C25348" t="s">
        <v>15685</v>
      </c>
      <c r="D25348" t="s">
        <v>15686</v>
      </c>
      <c r="E25348" t="s">
        <v>15475</v>
      </c>
      <c r="F25348" t="s">
        <v>15476</v>
      </c>
      <c r="G25348" t="s">
        <v>10734</v>
      </c>
      <c r="H25348" t="s">
        <v>10735</v>
      </c>
      <c r="I25348" s="2">
        <v>1</v>
      </c>
      <c r="J25348" s="2">
        <v>0</v>
      </c>
      <c r="K25348" s="2">
        <v>0</v>
      </c>
      <c r="L25348" t="s">
        <v>120</v>
      </c>
      <c r="M25348" t="s">
        <v>89</v>
      </c>
      <c r="N25348" t="s">
        <v>90</v>
      </c>
      <c r="O25348" t="s">
        <v>85</v>
      </c>
      <c r="P25348" t="s">
        <v>86</v>
      </c>
      <c r="Q25348">
        <v>20</v>
      </c>
      <c r="R25348">
        <v>21</v>
      </c>
      <c r="S25348">
        <v>21</v>
      </c>
      <c r="T25348">
        <v>22</v>
      </c>
      <c r="U25348">
        <v>22</v>
      </c>
      <c r="V25348">
        <v>22</v>
      </c>
      <c r="W25348">
        <v>23</v>
      </c>
      <c r="X25348">
        <v>23</v>
      </c>
      <c r="Y25348">
        <v>23</v>
      </c>
      <c r="Z25348">
        <v>24</v>
      </c>
      <c r="AA25348">
        <v>24</v>
      </c>
      <c r="AB25348">
        <v>24</v>
      </c>
      <c r="AC25348">
        <v>24</v>
      </c>
      <c r="AD25348">
        <v>25</v>
      </c>
      <c r="AE25348">
        <v>25</v>
      </c>
      <c r="AF25348">
        <v>25</v>
      </c>
      <c r="AG25348">
        <v>25</v>
      </c>
      <c r="AH25348">
        <v>25</v>
      </c>
      <c r="AI25348">
        <v>25</v>
      </c>
      <c r="AJ25348">
        <v>25</v>
      </c>
      <c r="AK25348">
        <v>25</v>
      </c>
      <c r="AL25348">
        <v>25</v>
      </c>
      <c r="AM25348">
        <v>24</v>
      </c>
      <c r="AN25348">
        <v>24</v>
      </c>
      <c r="AO25348">
        <v>24</v>
      </c>
      <c r="AP25348">
        <v>24</v>
      </c>
      <c r="AQ25348">
        <v>24</v>
      </c>
    </row>
    <row r="25349" spans="1:43">
      <c r="A25349" t="s">
        <v>15683</v>
      </c>
      <c r="B25349" t="s">
        <v>15684</v>
      </c>
      <c r="C25349" t="s">
        <v>15685</v>
      </c>
      <c r="D25349" t="s">
        <v>15686</v>
      </c>
      <c r="E25349" t="s">
        <v>15475</v>
      </c>
      <c r="F25349" t="s">
        <v>15476</v>
      </c>
      <c r="G25349" t="s">
        <v>10734</v>
      </c>
      <c r="H25349" t="s">
        <v>10735</v>
      </c>
      <c r="I25349" s="2">
        <v>1</v>
      </c>
      <c r="J25349" s="2">
        <v>0</v>
      </c>
      <c r="K25349" s="2">
        <v>0</v>
      </c>
      <c r="L25349" t="s">
        <v>120</v>
      </c>
      <c r="M25349" t="s">
        <v>83</v>
      </c>
      <c r="N25349" t="s">
        <v>91</v>
      </c>
      <c r="O25349" t="s">
        <v>85</v>
      </c>
      <c r="P25349" t="s">
        <v>86</v>
      </c>
      <c r="Q25349">
        <v>20</v>
      </c>
      <c r="R25349">
        <v>20</v>
      </c>
      <c r="S25349">
        <v>21</v>
      </c>
      <c r="T25349">
        <v>21</v>
      </c>
      <c r="U25349">
        <v>21</v>
      </c>
      <c r="V25349">
        <v>21</v>
      </c>
      <c r="W25349">
        <v>22</v>
      </c>
      <c r="X25349">
        <v>22</v>
      </c>
      <c r="Y25349">
        <v>22</v>
      </c>
      <c r="Z25349">
        <v>22</v>
      </c>
      <c r="AA25349">
        <v>22</v>
      </c>
      <c r="AB25349">
        <v>23</v>
      </c>
      <c r="AC25349">
        <v>23</v>
      </c>
      <c r="AD25349">
        <v>23</v>
      </c>
      <c r="AE25349">
        <v>23</v>
      </c>
      <c r="AF25349">
        <v>23</v>
      </c>
      <c r="AG25349">
        <v>24</v>
      </c>
      <c r="AH25349">
        <v>24</v>
      </c>
      <c r="AI25349">
        <v>24</v>
      </c>
      <c r="AJ25349">
        <v>24</v>
      </c>
      <c r="AK25349">
        <v>24</v>
      </c>
      <c r="AL25349">
        <v>24</v>
      </c>
      <c r="AM25349">
        <v>24</v>
      </c>
      <c r="AN25349">
        <v>24</v>
      </c>
      <c r="AO25349">
        <v>24</v>
      </c>
      <c r="AP25349">
        <v>24</v>
      </c>
      <c r="AQ25349">
        <v>24</v>
      </c>
    </row>
    <row r="25350" spans="1:43">
      <c r="A25350" t="s">
        <v>15687</v>
      </c>
      <c r="B25350" t="s">
        <v>15688</v>
      </c>
      <c r="C25350" t="s">
        <v>15685</v>
      </c>
      <c r="D25350" t="s">
        <v>15686</v>
      </c>
      <c r="E25350" t="s">
        <v>15475</v>
      </c>
      <c r="F25350" t="s">
        <v>15476</v>
      </c>
      <c r="G25350" t="s">
        <v>10734</v>
      </c>
      <c r="H25350" t="s">
        <v>10735</v>
      </c>
      <c r="I25350" s="2">
        <v>1</v>
      </c>
      <c r="J25350" s="2">
        <v>0</v>
      </c>
      <c r="K25350" s="2">
        <v>0</v>
      </c>
      <c r="L25350" t="s">
        <v>120</v>
      </c>
      <c r="M25350" t="s">
        <v>83</v>
      </c>
      <c r="N25350" t="s">
        <v>84</v>
      </c>
      <c r="O25350" t="s">
        <v>85</v>
      </c>
      <c r="P25350" t="s">
        <v>86</v>
      </c>
      <c r="Q25350">
        <v>6</v>
      </c>
      <c r="R25350">
        <v>6</v>
      </c>
      <c r="S25350">
        <v>6</v>
      </c>
      <c r="T25350">
        <v>7</v>
      </c>
      <c r="U25350">
        <v>7</v>
      </c>
      <c r="V25350">
        <v>7</v>
      </c>
      <c r="W25350">
        <v>7</v>
      </c>
      <c r="X25350">
        <v>7</v>
      </c>
      <c r="Y25350">
        <v>7</v>
      </c>
      <c r="Z25350">
        <v>7</v>
      </c>
      <c r="AA25350">
        <v>7</v>
      </c>
      <c r="AB25350">
        <v>7</v>
      </c>
      <c r="AC25350">
        <v>7</v>
      </c>
      <c r="AD25350">
        <v>7</v>
      </c>
      <c r="AE25350">
        <v>7</v>
      </c>
      <c r="AF25350">
        <v>7</v>
      </c>
      <c r="AG25350">
        <v>8</v>
      </c>
      <c r="AH25350">
        <v>8</v>
      </c>
      <c r="AI25350">
        <v>8</v>
      </c>
      <c r="AJ25350">
        <v>8</v>
      </c>
      <c r="AK25350">
        <v>8</v>
      </c>
      <c r="AL25350">
        <v>8</v>
      </c>
      <c r="AM25350">
        <v>8</v>
      </c>
      <c r="AN25350">
        <v>8</v>
      </c>
      <c r="AO25350">
        <v>8</v>
      </c>
      <c r="AP25350">
        <v>8</v>
      </c>
      <c r="AQ25350">
        <v>8</v>
      </c>
    </row>
    <row r="25351" spans="1:43">
      <c r="A25351" t="s">
        <v>15687</v>
      </c>
      <c r="B25351" t="s">
        <v>15688</v>
      </c>
      <c r="C25351" t="s">
        <v>15685</v>
      </c>
      <c r="D25351" t="s">
        <v>15686</v>
      </c>
      <c r="E25351" t="s">
        <v>15475</v>
      </c>
      <c r="F25351" t="s">
        <v>15476</v>
      </c>
      <c r="G25351" t="s">
        <v>10734</v>
      </c>
      <c r="H25351" t="s">
        <v>10735</v>
      </c>
      <c r="I25351" s="2">
        <v>1</v>
      </c>
      <c r="J25351" s="2">
        <v>0</v>
      </c>
      <c r="K25351" s="2">
        <v>0</v>
      </c>
      <c r="L25351" t="s">
        <v>120</v>
      </c>
      <c r="M25351" t="s">
        <v>87</v>
      </c>
      <c r="N25351" t="s">
        <v>88</v>
      </c>
      <c r="O25351" t="s">
        <v>85</v>
      </c>
      <c r="P25351" t="s">
        <v>86</v>
      </c>
      <c r="Q25351">
        <v>6</v>
      </c>
      <c r="R25351">
        <v>6</v>
      </c>
      <c r="S25351">
        <v>6</v>
      </c>
      <c r="T25351">
        <v>6</v>
      </c>
      <c r="U25351">
        <v>6</v>
      </c>
      <c r="V25351">
        <v>6</v>
      </c>
      <c r="W25351">
        <v>6</v>
      </c>
      <c r="X25351">
        <v>6</v>
      </c>
      <c r="Y25351">
        <v>6</v>
      </c>
      <c r="Z25351">
        <v>6</v>
      </c>
      <c r="AA25351">
        <v>6</v>
      </c>
      <c r="AB25351">
        <v>6</v>
      </c>
      <c r="AC25351">
        <v>7</v>
      </c>
      <c r="AD25351">
        <v>7</v>
      </c>
      <c r="AE25351">
        <v>7</v>
      </c>
      <c r="AF25351">
        <v>7</v>
      </c>
      <c r="AG25351">
        <v>7</v>
      </c>
      <c r="AH25351">
        <v>7</v>
      </c>
      <c r="AI25351">
        <v>7</v>
      </c>
      <c r="AJ25351">
        <v>7</v>
      </c>
      <c r="AK25351">
        <v>7</v>
      </c>
      <c r="AL25351">
        <v>7</v>
      </c>
      <c r="AM25351">
        <v>7</v>
      </c>
      <c r="AN25351">
        <v>7</v>
      </c>
      <c r="AO25351">
        <v>7</v>
      </c>
      <c r="AP25351">
        <v>7</v>
      </c>
      <c r="AQ25351">
        <v>7</v>
      </c>
    </row>
    <row r="25352" spans="1:43">
      <c r="A25352" t="s">
        <v>15687</v>
      </c>
      <c r="B25352" t="s">
        <v>15688</v>
      </c>
      <c r="C25352" t="s">
        <v>15685</v>
      </c>
      <c r="D25352" t="s">
        <v>15686</v>
      </c>
      <c r="E25352" t="s">
        <v>15475</v>
      </c>
      <c r="F25352" t="s">
        <v>15476</v>
      </c>
      <c r="G25352" t="s">
        <v>10734</v>
      </c>
      <c r="H25352" t="s">
        <v>10735</v>
      </c>
      <c r="I25352" s="2">
        <v>1</v>
      </c>
      <c r="J25352" s="2">
        <v>0</v>
      </c>
      <c r="K25352" s="2">
        <v>0</v>
      </c>
      <c r="L25352" t="s">
        <v>120</v>
      </c>
      <c r="M25352" t="s">
        <v>89</v>
      </c>
      <c r="N25352" t="s">
        <v>90</v>
      </c>
      <c r="O25352" t="s">
        <v>85</v>
      </c>
      <c r="P25352" t="s">
        <v>86</v>
      </c>
      <c r="Q25352">
        <v>6</v>
      </c>
      <c r="R25352">
        <v>7</v>
      </c>
      <c r="S25352">
        <v>7</v>
      </c>
      <c r="T25352">
        <v>7</v>
      </c>
      <c r="U25352">
        <v>7</v>
      </c>
      <c r="V25352">
        <v>7</v>
      </c>
      <c r="W25352">
        <v>7</v>
      </c>
      <c r="X25352">
        <v>7</v>
      </c>
      <c r="Y25352">
        <v>7</v>
      </c>
      <c r="Z25352">
        <v>7</v>
      </c>
      <c r="AA25352">
        <v>8</v>
      </c>
      <c r="AB25352">
        <v>8</v>
      </c>
      <c r="AC25352">
        <v>8</v>
      </c>
      <c r="AD25352">
        <v>8</v>
      </c>
      <c r="AE25352">
        <v>8</v>
      </c>
      <c r="AF25352">
        <v>8</v>
      </c>
      <c r="AG25352">
        <v>8</v>
      </c>
      <c r="AH25352">
        <v>8</v>
      </c>
      <c r="AI25352">
        <v>8</v>
      </c>
      <c r="AJ25352">
        <v>8</v>
      </c>
      <c r="AK25352">
        <v>8</v>
      </c>
      <c r="AL25352">
        <v>8</v>
      </c>
      <c r="AM25352">
        <v>8</v>
      </c>
      <c r="AN25352">
        <v>8</v>
      </c>
      <c r="AO25352">
        <v>8</v>
      </c>
      <c r="AP25352">
        <v>8</v>
      </c>
      <c r="AQ25352">
        <v>8</v>
      </c>
    </row>
    <row r="25353" spans="1:43">
      <c r="A25353" t="s">
        <v>15687</v>
      </c>
      <c r="B25353" t="s">
        <v>15688</v>
      </c>
      <c r="C25353" t="s">
        <v>15685</v>
      </c>
      <c r="D25353" t="s">
        <v>15686</v>
      </c>
      <c r="E25353" t="s">
        <v>15475</v>
      </c>
      <c r="F25353" t="s">
        <v>15476</v>
      </c>
      <c r="G25353" t="s">
        <v>10734</v>
      </c>
      <c r="H25353" t="s">
        <v>10735</v>
      </c>
      <c r="I25353" s="2">
        <v>1</v>
      </c>
      <c r="J25353" s="2">
        <v>0</v>
      </c>
      <c r="K25353" s="2">
        <v>0</v>
      </c>
      <c r="L25353" t="s">
        <v>120</v>
      </c>
      <c r="M25353" t="s">
        <v>83</v>
      </c>
      <c r="N25353" t="s">
        <v>91</v>
      </c>
      <c r="O25353" t="s">
        <v>85</v>
      </c>
      <c r="P25353" t="s">
        <v>86</v>
      </c>
      <c r="Q25353">
        <v>6</v>
      </c>
      <c r="R25353">
        <v>6</v>
      </c>
      <c r="S25353">
        <v>6</v>
      </c>
      <c r="T25353">
        <v>7</v>
      </c>
      <c r="U25353">
        <v>7</v>
      </c>
      <c r="V25353">
        <v>7</v>
      </c>
      <c r="W25353">
        <v>7</v>
      </c>
      <c r="X25353">
        <v>7</v>
      </c>
      <c r="Y25353">
        <v>7</v>
      </c>
      <c r="Z25353">
        <v>7</v>
      </c>
      <c r="AA25353">
        <v>7</v>
      </c>
      <c r="AB25353">
        <v>7</v>
      </c>
      <c r="AC25353">
        <v>7</v>
      </c>
      <c r="AD25353">
        <v>7</v>
      </c>
      <c r="AE25353">
        <v>7</v>
      </c>
      <c r="AF25353">
        <v>7</v>
      </c>
      <c r="AG25353">
        <v>8</v>
      </c>
      <c r="AH25353">
        <v>8</v>
      </c>
      <c r="AI25353">
        <v>8</v>
      </c>
      <c r="AJ25353">
        <v>8</v>
      </c>
      <c r="AK25353">
        <v>8</v>
      </c>
      <c r="AL25353">
        <v>8</v>
      </c>
      <c r="AM25353">
        <v>8</v>
      </c>
      <c r="AN25353">
        <v>8</v>
      </c>
      <c r="AO25353">
        <v>8</v>
      </c>
      <c r="AP25353">
        <v>8</v>
      </c>
      <c r="AQ25353">
        <v>8</v>
      </c>
    </row>
    <row r="25354" spans="1:43">
      <c r="A25354" t="s">
        <v>15689</v>
      </c>
      <c r="B25354" t="s">
        <v>15690</v>
      </c>
      <c r="C25354" t="s">
        <v>15685</v>
      </c>
      <c r="D25354" t="s">
        <v>15686</v>
      </c>
      <c r="E25354" t="s">
        <v>15475</v>
      </c>
      <c r="F25354" t="s">
        <v>15476</v>
      </c>
      <c r="G25354" t="s">
        <v>10734</v>
      </c>
      <c r="H25354" t="s">
        <v>10735</v>
      </c>
      <c r="I25354" s="2">
        <v>1</v>
      </c>
      <c r="J25354" s="2">
        <v>0</v>
      </c>
      <c r="K25354" s="2">
        <v>0</v>
      </c>
      <c r="L25354" t="s">
        <v>120</v>
      </c>
      <c r="M25354" t="s">
        <v>83</v>
      </c>
      <c r="N25354" t="s">
        <v>84</v>
      </c>
      <c r="O25354" t="s">
        <v>85</v>
      </c>
      <c r="P25354" t="s">
        <v>86</v>
      </c>
      <c r="Q25354">
        <v>66</v>
      </c>
      <c r="R25354">
        <v>67</v>
      </c>
      <c r="S25354">
        <v>68</v>
      </c>
      <c r="T25354">
        <v>69</v>
      </c>
      <c r="U25354">
        <v>69</v>
      </c>
      <c r="V25354">
        <v>70</v>
      </c>
      <c r="W25354">
        <v>71</v>
      </c>
      <c r="X25354">
        <v>72</v>
      </c>
      <c r="Y25354">
        <v>73</v>
      </c>
      <c r="Z25354">
        <v>73</v>
      </c>
      <c r="AA25354">
        <v>74</v>
      </c>
      <c r="AB25354">
        <v>75</v>
      </c>
      <c r="AC25354">
        <v>76</v>
      </c>
      <c r="AD25354">
        <v>76</v>
      </c>
      <c r="AE25354">
        <v>77</v>
      </c>
      <c r="AF25354">
        <v>78</v>
      </c>
      <c r="AG25354">
        <v>78</v>
      </c>
      <c r="AH25354">
        <v>79</v>
      </c>
      <c r="AI25354">
        <v>80</v>
      </c>
      <c r="AJ25354">
        <v>81</v>
      </c>
      <c r="AK25354">
        <v>81</v>
      </c>
      <c r="AL25354">
        <v>81</v>
      </c>
      <c r="AM25354">
        <v>81</v>
      </c>
      <c r="AN25354">
        <v>81</v>
      </c>
      <c r="AO25354">
        <v>81</v>
      </c>
      <c r="AP25354">
        <v>81</v>
      </c>
      <c r="AQ25354">
        <v>81</v>
      </c>
    </row>
    <row r="25355" spans="1:43">
      <c r="A25355" t="s">
        <v>15689</v>
      </c>
      <c r="B25355" t="s">
        <v>15690</v>
      </c>
      <c r="C25355" t="s">
        <v>15685</v>
      </c>
      <c r="D25355" t="s">
        <v>15686</v>
      </c>
      <c r="E25355" t="s">
        <v>15475</v>
      </c>
      <c r="F25355" t="s">
        <v>15476</v>
      </c>
      <c r="G25355" t="s">
        <v>10734</v>
      </c>
      <c r="H25355" t="s">
        <v>10735</v>
      </c>
      <c r="I25355" s="2">
        <v>1</v>
      </c>
      <c r="J25355" s="2">
        <v>0</v>
      </c>
      <c r="K25355" s="2">
        <v>0</v>
      </c>
      <c r="L25355" t="s">
        <v>120</v>
      </c>
      <c r="M25355" t="s">
        <v>87</v>
      </c>
      <c r="N25355" t="s">
        <v>88</v>
      </c>
      <c r="O25355" t="s">
        <v>85</v>
      </c>
      <c r="P25355" t="s">
        <v>86</v>
      </c>
      <c r="Q25355">
        <v>66</v>
      </c>
      <c r="R25355">
        <v>67</v>
      </c>
      <c r="S25355">
        <v>67</v>
      </c>
      <c r="T25355">
        <v>67</v>
      </c>
      <c r="U25355">
        <v>67</v>
      </c>
      <c r="V25355">
        <v>68</v>
      </c>
      <c r="W25355">
        <v>68</v>
      </c>
      <c r="X25355">
        <v>68</v>
      </c>
      <c r="Y25355">
        <v>68</v>
      </c>
      <c r="Z25355">
        <v>68</v>
      </c>
      <c r="AA25355">
        <v>69</v>
      </c>
      <c r="AB25355">
        <v>69</v>
      </c>
      <c r="AC25355">
        <v>69</v>
      </c>
      <c r="AD25355">
        <v>69</v>
      </c>
      <c r="AE25355">
        <v>70</v>
      </c>
      <c r="AF25355">
        <v>70</v>
      </c>
      <c r="AG25355">
        <v>70</v>
      </c>
      <c r="AH25355">
        <v>70</v>
      </c>
      <c r="AI25355">
        <v>70</v>
      </c>
      <c r="AJ25355">
        <v>71</v>
      </c>
      <c r="AK25355">
        <v>71</v>
      </c>
      <c r="AL25355">
        <v>71</v>
      </c>
      <c r="AM25355">
        <v>71</v>
      </c>
      <c r="AN25355">
        <v>71</v>
      </c>
      <c r="AO25355">
        <v>71</v>
      </c>
      <c r="AP25355">
        <v>72</v>
      </c>
      <c r="AQ25355">
        <v>72</v>
      </c>
    </row>
    <row r="25356" spans="1:43">
      <c r="A25356" t="s">
        <v>15689</v>
      </c>
      <c r="B25356" t="s">
        <v>15690</v>
      </c>
      <c r="C25356" t="s">
        <v>15685</v>
      </c>
      <c r="D25356" t="s">
        <v>15686</v>
      </c>
      <c r="E25356" t="s">
        <v>15475</v>
      </c>
      <c r="F25356" t="s">
        <v>15476</v>
      </c>
      <c r="G25356" t="s">
        <v>10734</v>
      </c>
      <c r="H25356" t="s">
        <v>10735</v>
      </c>
      <c r="I25356" s="2">
        <v>1</v>
      </c>
      <c r="J25356" s="2">
        <v>0</v>
      </c>
      <c r="K25356" s="2">
        <v>0</v>
      </c>
      <c r="L25356" t="s">
        <v>120</v>
      </c>
      <c r="M25356" t="s">
        <v>89</v>
      </c>
      <c r="N25356" t="s">
        <v>90</v>
      </c>
      <c r="O25356" t="s">
        <v>85</v>
      </c>
      <c r="P25356" t="s">
        <v>86</v>
      </c>
      <c r="Q25356">
        <v>66</v>
      </c>
      <c r="R25356">
        <v>67</v>
      </c>
      <c r="S25356">
        <v>68</v>
      </c>
      <c r="T25356">
        <v>70</v>
      </c>
      <c r="U25356">
        <v>71</v>
      </c>
      <c r="V25356">
        <v>72</v>
      </c>
      <c r="W25356">
        <v>73</v>
      </c>
      <c r="X25356">
        <v>75</v>
      </c>
      <c r="Y25356">
        <v>76</v>
      </c>
      <c r="Z25356">
        <v>77</v>
      </c>
      <c r="AA25356">
        <v>78</v>
      </c>
      <c r="AB25356">
        <v>79</v>
      </c>
      <c r="AC25356">
        <v>80</v>
      </c>
      <c r="AD25356">
        <v>81</v>
      </c>
      <c r="AE25356">
        <v>81</v>
      </c>
      <c r="AF25356">
        <v>81</v>
      </c>
      <c r="AG25356">
        <v>81</v>
      </c>
      <c r="AH25356">
        <v>81</v>
      </c>
      <c r="AI25356">
        <v>81</v>
      </c>
      <c r="AJ25356">
        <v>81</v>
      </c>
      <c r="AK25356">
        <v>81</v>
      </c>
      <c r="AL25356">
        <v>81</v>
      </c>
      <c r="AM25356">
        <v>81</v>
      </c>
      <c r="AN25356">
        <v>81</v>
      </c>
      <c r="AO25356">
        <v>81</v>
      </c>
      <c r="AP25356">
        <v>80</v>
      </c>
      <c r="AQ25356">
        <v>80</v>
      </c>
    </row>
    <row r="25357" spans="1:43">
      <c r="A25357" t="s">
        <v>15689</v>
      </c>
      <c r="B25357" t="s">
        <v>15690</v>
      </c>
      <c r="C25357" t="s">
        <v>15685</v>
      </c>
      <c r="D25357" t="s">
        <v>15686</v>
      </c>
      <c r="E25357" t="s">
        <v>15475</v>
      </c>
      <c r="F25357" t="s">
        <v>15476</v>
      </c>
      <c r="G25357" t="s">
        <v>10734</v>
      </c>
      <c r="H25357" t="s">
        <v>10735</v>
      </c>
      <c r="I25357" s="2">
        <v>1</v>
      </c>
      <c r="J25357" s="2">
        <v>0</v>
      </c>
      <c r="K25357" s="2">
        <v>0</v>
      </c>
      <c r="L25357" t="s">
        <v>120</v>
      </c>
      <c r="M25357" t="s">
        <v>83</v>
      </c>
      <c r="N25357" t="s">
        <v>91</v>
      </c>
      <c r="O25357" t="s">
        <v>85</v>
      </c>
      <c r="P25357" t="s">
        <v>86</v>
      </c>
      <c r="Q25357">
        <v>66</v>
      </c>
      <c r="R25357">
        <v>67</v>
      </c>
      <c r="S25357">
        <v>68</v>
      </c>
      <c r="T25357">
        <v>69</v>
      </c>
      <c r="U25357">
        <v>69</v>
      </c>
      <c r="V25357">
        <v>70</v>
      </c>
      <c r="W25357">
        <v>71</v>
      </c>
      <c r="X25357">
        <v>72</v>
      </c>
      <c r="Y25357">
        <v>73</v>
      </c>
      <c r="Z25357">
        <v>73</v>
      </c>
      <c r="AA25357">
        <v>74</v>
      </c>
      <c r="AB25357">
        <v>75</v>
      </c>
      <c r="AC25357">
        <v>76</v>
      </c>
      <c r="AD25357">
        <v>76</v>
      </c>
      <c r="AE25357">
        <v>77</v>
      </c>
      <c r="AF25357">
        <v>78</v>
      </c>
      <c r="AG25357">
        <v>78</v>
      </c>
      <c r="AH25357">
        <v>79</v>
      </c>
      <c r="AI25357">
        <v>80</v>
      </c>
      <c r="AJ25357">
        <v>81</v>
      </c>
      <c r="AK25357">
        <v>81</v>
      </c>
      <c r="AL25357">
        <v>81</v>
      </c>
      <c r="AM25357">
        <v>81</v>
      </c>
      <c r="AN25357">
        <v>81</v>
      </c>
      <c r="AO25357">
        <v>81</v>
      </c>
      <c r="AP25357">
        <v>81</v>
      </c>
      <c r="AQ25357">
        <v>81</v>
      </c>
    </row>
    <row r="25358" spans="1:43">
      <c r="A25358" t="s">
        <v>15691</v>
      </c>
      <c r="B25358" t="s">
        <v>15692</v>
      </c>
      <c r="C25358" t="s">
        <v>15685</v>
      </c>
      <c r="D25358" t="s">
        <v>15686</v>
      </c>
      <c r="E25358" t="s">
        <v>15475</v>
      </c>
      <c r="F25358" t="s">
        <v>15476</v>
      </c>
      <c r="G25358" t="s">
        <v>10734</v>
      </c>
      <c r="H25358" t="s">
        <v>10735</v>
      </c>
      <c r="I25358" s="2">
        <v>1</v>
      </c>
      <c r="J25358" s="2">
        <v>0</v>
      </c>
      <c r="K25358" s="2">
        <v>0</v>
      </c>
      <c r="L25358" t="s">
        <v>120</v>
      </c>
      <c r="M25358" t="s">
        <v>83</v>
      </c>
      <c r="N25358" t="s">
        <v>84</v>
      </c>
      <c r="O25358" t="s">
        <v>85</v>
      </c>
      <c r="P25358" t="s">
        <v>86</v>
      </c>
      <c r="Q25358">
        <v>5</v>
      </c>
      <c r="R25358">
        <v>5</v>
      </c>
      <c r="S25358">
        <v>5</v>
      </c>
      <c r="T25358">
        <v>5</v>
      </c>
      <c r="U25358">
        <v>5</v>
      </c>
      <c r="V25358">
        <v>6</v>
      </c>
      <c r="W25358">
        <v>6</v>
      </c>
      <c r="X25358">
        <v>6</v>
      </c>
      <c r="Y25358">
        <v>6</v>
      </c>
      <c r="Z25358">
        <v>6</v>
      </c>
      <c r="AA25358">
        <v>6</v>
      </c>
      <c r="AB25358">
        <v>6</v>
      </c>
      <c r="AC25358">
        <v>6</v>
      </c>
      <c r="AD25358">
        <v>6</v>
      </c>
      <c r="AE25358">
        <v>6</v>
      </c>
      <c r="AF25358">
        <v>6</v>
      </c>
      <c r="AG25358">
        <v>6</v>
      </c>
      <c r="AH25358">
        <v>6</v>
      </c>
      <c r="AI25358">
        <v>6</v>
      </c>
      <c r="AJ25358">
        <v>6</v>
      </c>
      <c r="AK25358">
        <v>6</v>
      </c>
      <c r="AL25358">
        <v>6</v>
      </c>
      <c r="AM25358">
        <v>6</v>
      </c>
      <c r="AN25358">
        <v>6</v>
      </c>
      <c r="AO25358">
        <v>6</v>
      </c>
      <c r="AP25358">
        <v>6</v>
      </c>
      <c r="AQ25358">
        <v>6</v>
      </c>
    </row>
    <row r="25359" spans="1:43">
      <c r="A25359" t="s">
        <v>15691</v>
      </c>
      <c r="B25359" t="s">
        <v>15692</v>
      </c>
      <c r="C25359" t="s">
        <v>15685</v>
      </c>
      <c r="D25359" t="s">
        <v>15686</v>
      </c>
      <c r="E25359" t="s">
        <v>15475</v>
      </c>
      <c r="F25359" t="s">
        <v>15476</v>
      </c>
      <c r="G25359" t="s">
        <v>10734</v>
      </c>
      <c r="H25359" t="s">
        <v>10735</v>
      </c>
      <c r="I25359" s="2">
        <v>1</v>
      </c>
      <c r="J25359" s="2">
        <v>0</v>
      </c>
      <c r="K25359" s="2">
        <v>0</v>
      </c>
      <c r="L25359" t="s">
        <v>120</v>
      </c>
      <c r="M25359" t="s">
        <v>87</v>
      </c>
      <c r="N25359" t="s">
        <v>88</v>
      </c>
      <c r="O25359" t="s">
        <v>85</v>
      </c>
      <c r="P25359" t="s">
        <v>86</v>
      </c>
      <c r="Q25359">
        <v>5</v>
      </c>
      <c r="R25359">
        <v>5</v>
      </c>
      <c r="S25359">
        <v>5</v>
      </c>
      <c r="T25359">
        <v>5</v>
      </c>
      <c r="U25359">
        <v>5</v>
      </c>
      <c r="V25359">
        <v>5</v>
      </c>
      <c r="W25359">
        <v>5</v>
      </c>
      <c r="X25359">
        <v>5</v>
      </c>
      <c r="Y25359">
        <v>5</v>
      </c>
      <c r="Z25359">
        <v>5</v>
      </c>
      <c r="AA25359">
        <v>5</v>
      </c>
      <c r="AB25359">
        <v>5</v>
      </c>
      <c r="AC25359">
        <v>5</v>
      </c>
      <c r="AD25359">
        <v>5</v>
      </c>
      <c r="AE25359">
        <v>5</v>
      </c>
      <c r="AF25359">
        <v>5</v>
      </c>
      <c r="AG25359">
        <v>5</v>
      </c>
      <c r="AH25359">
        <v>5</v>
      </c>
      <c r="AI25359">
        <v>5</v>
      </c>
      <c r="AJ25359">
        <v>5</v>
      </c>
      <c r="AK25359">
        <v>5</v>
      </c>
      <c r="AL25359">
        <v>6</v>
      </c>
      <c r="AM25359">
        <v>6</v>
      </c>
      <c r="AN25359">
        <v>6</v>
      </c>
      <c r="AO25359">
        <v>6</v>
      </c>
      <c r="AP25359">
        <v>6</v>
      </c>
      <c r="AQ25359">
        <v>6</v>
      </c>
    </row>
    <row r="25360" spans="1:43">
      <c r="A25360" t="s">
        <v>15691</v>
      </c>
      <c r="B25360" t="s">
        <v>15692</v>
      </c>
      <c r="C25360" t="s">
        <v>15685</v>
      </c>
      <c r="D25360" t="s">
        <v>15686</v>
      </c>
      <c r="E25360" t="s">
        <v>15475</v>
      </c>
      <c r="F25360" t="s">
        <v>15476</v>
      </c>
      <c r="G25360" t="s">
        <v>10734</v>
      </c>
      <c r="H25360" t="s">
        <v>10735</v>
      </c>
      <c r="I25360" s="2">
        <v>1</v>
      </c>
      <c r="J25360" s="2">
        <v>0</v>
      </c>
      <c r="K25360" s="2">
        <v>0</v>
      </c>
      <c r="L25360" t="s">
        <v>120</v>
      </c>
      <c r="M25360" t="s">
        <v>89</v>
      </c>
      <c r="N25360" t="s">
        <v>90</v>
      </c>
      <c r="O25360" t="s">
        <v>85</v>
      </c>
      <c r="P25360" t="s">
        <v>86</v>
      </c>
      <c r="Q25360">
        <v>5</v>
      </c>
      <c r="R25360">
        <v>5</v>
      </c>
      <c r="S25360">
        <v>5</v>
      </c>
      <c r="T25360">
        <v>6</v>
      </c>
      <c r="U25360">
        <v>6</v>
      </c>
      <c r="V25360">
        <v>6</v>
      </c>
      <c r="W25360">
        <v>6</v>
      </c>
      <c r="X25360">
        <v>6</v>
      </c>
      <c r="Y25360">
        <v>6</v>
      </c>
      <c r="Z25360">
        <v>6</v>
      </c>
      <c r="AA25360">
        <v>6</v>
      </c>
      <c r="AB25360">
        <v>6</v>
      </c>
      <c r="AC25360">
        <v>6</v>
      </c>
      <c r="AD25360">
        <v>6</v>
      </c>
      <c r="AE25360">
        <v>6</v>
      </c>
      <c r="AF25360">
        <v>6</v>
      </c>
      <c r="AG25360">
        <v>6</v>
      </c>
      <c r="AH25360">
        <v>6</v>
      </c>
      <c r="AI25360">
        <v>6</v>
      </c>
      <c r="AJ25360">
        <v>6</v>
      </c>
      <c r="AK25360">
        <v>6</v>
      </c>
      <c r="AL25360">
        <v>6</v>
      </c>
      <c r="AM25360">
        <v>6</v>
      </c>
      <c r="AN25360">
        <v>6</v>
      </c>
      <c r="AO25360">
        <v>6</v>
      </c>
      <c r="AP25360">
        <v>6</v>
      </c>
      <c r="AQ25360">
        <v>6</v>
      </c>
    </row>
    <row r="25361" spans="1:43">
      <c r="A25361" t="s">
        <v>15691</v>
      </c>
      <c r="B25361" t="s">
        <v>15692</v>
      </c>
      <c r="C25361" t="s">
        <v>15685</v>
      </c>
      <c r="D25361" t="s">
        <v>15686</v>
      </c>
      <c r="E25361" t="s">
        <v>15475</v>
      </c>
      <c r="F25361" t="s">
        <v>15476</v>
      </c>
      <c r="G25361" t="s">
        <v>10734</v>
      </c>
      <c r="H25361" t="s">
        <v>10735</v>
      </c>
      <c r="I25361" s="2">
        <v>1</v>
      </c>
      <c r="J25361" s="2">
        <v>0</v>
      </c>
      <c r="K25361" s="2">
        <v>0</v>
      </c>
      <c r="L25361" t="s">
        <v>120</v>
      </c>
      <c r="M25361" t="s">
        <v>83</v>
      </c>
      <c r="N25361" t="s">
        <v>91</v>
      </c>
      <c r="O25361" t="s">
        <v>85</v>
      </c>
      <c r="P25361" t="s">
        <v>86</v>
      </c>
      <c r="Q25361">
        <v>5</v>
      </c>
      <c r="R25361">
        <v>5</v>
      </c>
      <c r="S25361">
        <v>5</v>
      </c>
      <c r="T25361">
        <v>5</v>
      </c>
      <c r="U25361">
        <v>5</v>
      </c>
      <c r="V25361">
        <v>6</v>
      </c>
      <c r="W25361">
        <v>6</v>
      </c>
      <c r="X25361">
        <v>6</v>
      </c>
      <c r="Y25361">
        <v>6</v>
      </c>
      <c r="Z25361">
        <v>6</v>
      </c>
      <c r="AA25361">
        <v>6</v>
      </c>
      <c r="AB25361">
        <v>6</v>
      </c>
      <c r="AC25361">
        <v>6</v>
      </c>
      <c r="AD25361">
        <v>6</v>
      </c>
      <c r="AE25361">
        <v>6</v>
      </c>
      <c r="AF25361">
        <v>6</v>
      </c>
      <c r="AG25361">
        <v>6</v>
      </c>
      <c r="AH25361">
        <v>6</v>
      </c>
      <c r="AI25361">
        <v>6</v>
      </c>
      <c r="AJ25361">
        <v>6</v>
      </c>
      <c r="AK25361">
        <v>6</v>
      </c>
      <c r="AL25361">
        <v>6</v>
      </c>
      <c r="AM25361">
        <v>6</v>
      </c>
      <c r="AN25361">
        <v>6</v>
      </c>
      <c r="AO25361">
        <v>6</v>
      </c>
      <c r="AP25361">
        <v>6</v>
      </c>
      <c r="AQ25361">
        <v>6</v>
      </c>
    </row>
    <row r="25362" spans="1:43">
      <c r="A25362" t="s">
        <v>15693</v>
      </c>
      <c r="B25362" t="s">
        <v>15694</v>
      </c>
      <c r="C25362" t="s">
        <v>15685</v>
      </c>
      <c r="D25362" t="s">
        <v>15686</v>
      </c>
      <c r="E25362" t="s">
        <v>15475</v>
      </c>
      <c r="F25362" t="s">
        <v>15476</v>
      </c>
      <c r="G25362" t="s">
        <v>10734</v>
      </c>
      <c r="H25362" t="s">
        <v>10735</v>
      </c>
      <c r="I25362" s="2">
        <v>1</v>
      </c>
      <c r="J25362" s="2">
        <v>0</v>
      </c>
      <c r="K25362" s="2">
        <v>0</v>
      </c>
      <c r="L25362" t="s">
        <v>120</v>
      </c>
      <c r="M25362" t="s">
        <v>83</v>
      </c>
      <c r="N25362" t="s">
        <v>84</v>
      </c>
      <c r="O25362" t="s">
        <v>85</v>
      </c>
      <c r="P25362" t="s">
        <v>86</v>
      </c>
      <c r="Q25362">
        <v>18</v>
      </c>
      <c r="R25362">
        <v>18</v>
      </c>
      <c r="S25362">
        <v>18</v>
      </c>
      <c r="T25362">
        <v>18</v>
      </c>
      <c r="U25362">
        <v>18</v>
      </c>
      <c r="V25362">
        <v>19</v>
      </c>
      <c r="W25362">
        <v>19</v>
      </c>
      <c r="X25362">
        <v>19</v>
      </c>
      <c r="Y25362">
        <v>19</v>
      </c>
      <c r="Z25362">
        <v>19</v>
      </c>
      <c r="AA25362">
        <v>20</v>
      </c>
      <c r="AB25362">
        <v>20</v>
      </c>
      <c r="AC25362">
        <v>20</v>
      </c>
      <c r="AD25362">
        <v>20</v>
      </c>
      <c r="AE25362">
        <v>20</v>
      </c>
      <c r="AF25362">
        <v>21</v>
      </c>
      <c r="AG25362">
        <v>21</v>
      </c>
      <c r="AH25362">
        <v>21</v>
      </c>
      <c r="AI25362">
        <v>21</v>
      </c>
      <c r="AJ25362">
        <v>21</v>
      </c>
      <c r="AK25362">
        <v>22</v>
      </c>
      <c r="AL25362">
        <v>22</v>
      </c>
      <c r="AM25362">
        <v>22</v>
      </c>
      <c r="AN25362">
        <v>22</v>
      </c>
      <c r="AO25362">
        <v>22</v>
      </c>
      <c r="AP25362">
        <v>21</v>
      </c>
      <c r="AQ25362">
        <v>21</v>
      </c>
    </row>
    <row r="25363" spans="1:43">
      <c r="A25363" t="s">
        <v>15693</v>
      </c>
      <c r="B25363" t="s">
        <v>15694</v>
      </c>
      <c r="C25363" t="s">
        <v>15685</v>
      </c>
      <c r="D25363" t="s">
        <v>15686</v>
      </c>
      <c r="E25363" t="s">
        <v>15475</v>
      </c>
      <c r="F25363" t="s">
        <v>15476</v>
      </c>
      <c r="G25363" t="s">
        <v>10734</v>
      </c>
      <c r="H25363" t="s">
        <v>10735</v>
      </c>
      <c r="I25363" s="2">
        <v>1</v>
      </c>
      <c r="J25363" s="2">
        <v>0</v>
      </c>
      <c r="K25363" s="2">
        <v>0</v>
      </c>
      <c r="L25363" t="s">
        <v>120</v>
      </c>
      <c r="M25363" t="s">
        <v>87</v>
      </c>
      <c r="N25363" t="s">
        <v>88</v>
      </c>
      <c r="O25363" t="s">
        <v>85</v>
      </c>
      <c r="P25363" t="s">
        <v>86</v>
      </c>
      <c r="Q25363">
        <v>18</v>
      </c>
      <c r="R25363">
        <v>18</v>
      </c>
      <c r="S25363">
        <v>18</v>
      </c>
      <c r="T25363">
        <v>19</v>
      </c>
      <c r="U25363">
        <v>19</v>
      </c>
      <c r="V25363">
        <v>19</v>
      </c>
      <c r="W25363">
        <v>19</v>
      </c>
      <c r="X25363">
        <v>19</v>
      </c>
      <c r="Y25363">
        <v>19</v>
      </c>
      <c r="Z25363">
        <v>19</v>
      </c>
      <c r="AA25363">
        <v>19</v>
      </c>
      <c r="AB25363">
        <v>19</v>
      </c>
      <c r="AC25363">
        <v>19</v>
      </c>
      <c r="AD25363">
        <v>19</v>
      </c>
      <c r="AE25363">
        <v>19</v>
      </c>
      <c r="AF25363">
        <v>19</v>
      </c>
      <c r="AG25363">
        <v>19</v>
      </c>
      <c r="AH25363">
        <v>19</v>
      </c>
      <c r="AI25363">
        <v>19</v>
      </c>
      <c r="AJ25363">
        <v>19</v>
      </c>
      <c r="AK25363">
        <v>19</v>
      </c>
      <c r="AL25363">
        <v>20</v>
      </c>
      <c r="AM25363">
        <v>20</v>
      </c>
      <c r="AN25363">
        <v>20</v>
      </c>
      <c r="AO25363">
        <v>20</v>
      </c>
      <c r="AP25363">
        <v>20</v>
      </c>
      <c r="AQ25363">
        <v>20</v>
      </c>
    </row>
    <row r="25364" spans="1:43">
      <c r="A25364" t="s">
        <v>15693</v>
      </c>
      <c r="B25364" t="s">
        <v>15694</v>
      </c>
      <c r="C25364" t="s">
        <v>15685</v>
      </c>
      <c r="D25364" t="s">
        <v>15686</v>
      </c>
      <c r="E25364" t="s">
        <v>15475</v>
      </c>
      <c r="F25364" t="s">
        <v>15476</v>
      </c>
      <c r="G25364" t="s">
        <v>10734</v>
      </c>
      <c r="H25364" t="s">
        <v>10735</v>
      </c>
      <c r="I25364" s="2">
        <v>1</v>
      </c>
      <c r="J25364" s="2">
        <v>0</v>
      </c>
      <c r="K25364" s="2">
        <v>0</v>
      </c>
      <c r="L25364" t="s">
        <v>120</v>
      </c>
      <c r="M25364" t="s">
        <v>89</v>
      </c>
      <c r="N25364" t="s">
        <v>90</v>
      </c>
      <c r="O25364" t="s">
        <v>85</v>
      </c>
      <c r="P25364" t="s">
        <v>86</v>
      </c>
      <c r="Q25364">
        <v>18</v>
      </c>
      <c r="R25364">
        <v>18</v>
      </c>
      <c r="S25364">
        <v>18</v>
      </c>
      <c r="T25364">
        <v>19</v>
      </c>
      <c r="U25364">
        <v>19</v>
      </c>
      <c r="V25364">
        <v>19</v>
      </c>
      <c r="W25364">
        <v>20</v>
      </c>
      <c r="X25364">
        <v>20</v>
      </c>
      <c r="Y25364">
        <v>20</v>
      </c>
      <c r="Z25364">
        <v>21</v>
      </c>
      <c r="AA25364">
        <v>21</v>
      </c>
      <c r="AB25364">
        <v>21</v>
      </c>
      <c r="AC25364">
        <v>21</v>
      </c>
      <c r="AD25364">
        <v>22</v>
      </c>
      <c r="AE25364">
        <v>22</v>
      </c>
      <c r="AF25364">
        <v>22</v>
      </c>
      <c r="AG25364">
        <v>22</v>
      </c>
      <c r="AH25364">
        <v>22</v>
      </c>
      <c r="AI25364">
        <v>22</v>
      </c>
      <c r="AJ25364">
        <v>22</v>
      </c>
      <c r="AK25364">
        <v>22</v>
      </c>
      <c r="AL25364">
        <v>22</v>
      </c>
      <c r="AM25364">
        <v>22</v>
      </c>
      <c r="AN25364">
        <v>22</v>
      </c>
      <c r="AO25364">
        <v>22</v>
      </c>
      <c r="AP25364">
        <v>22</v>
      </c>
      <c r="AQ25364">
        <v>22</v>
      </c>
    </row>
    <row r="25365" spans="1:43">
      <c r="A25365" t="s">
        <v>15693</v>
      </c>
      <c r="B25365" t="s">
        <v>15694</v>
      </c>
      <c r="C25365" t="s">
        <v>15685</v>
      </c>
      <c r="D25365" t="s">
        <v>15686</v>
      </c>
      <c r="E25365" t="s">
        <v>15475</v>
      </c>
      <c r="F25365" t="s">
        <v>15476</v>
      </c>
      <c r="G25365" t="s">
        <v>10734</v>
      </c>
      <c r="H25365" t="s">
        <v>10735</v>
      </c>
      <c r="I25365" s="2">
        <v>1</v>
      </c>
      <c r="J25365" s="2">
        <v>0</v>
      </c>
      <c r="K25365" s="2">
        <v>0</v>
      </c>
      <c r="L25365" t="s">
        <v>120</v>
      </c>
      <c r="M25365" t="s">
        <v>83</v>
      </c>
      <c r="N25365" t="s">
        <v>91</v>
      </c>
      <c r="O25365" t="s">
        <v>85</v>
      </c>
      <c r="P25365" t="s">
        <v>86</v>
      </c>
      <c r="Q25365">
        <v>18</v>
      </c>
      <c r="R25365">
        <v>18</v>
      </c>
      <c r="S25365">
        <v>18</v>
      </c>
      <c r="T25365">
        <v>18</v>
      </c>
      <c r="U25365">
        <v>18</v>
      </c>
      <c r="V25365">
        <v>19</v>
      </c>
      <c r="W25365">
        <v>19</v>
      </c>
      <c r="X25365">
        <v>19</v>
      </c>
      <c r="Y25365">
        <v>19</v>
      </c>
      <c r="Z25365">
        <v>19</v>
      </c>
      <c r="AA25365">
        <v>20</v>
      </c>
      <c r="AB25365">
        <v>20</v>
      </c>
      <c r="AC25365">
        <v>20</v>
      </c>
      <c r="AD25365">
        <v>20</v>
      </c>
      <c r="AE25365">
        <v>20</v>
      </c>
      <c r="AF25365">
        <v>21</v>
      </c>
      <c r="AG25365">
        <v>21</v>
      </c>
      <c r="AH25365">
        <v>21</v>
      </c>
      <c r="AI25365">
        <v>21</v>
      </c>
      <c r="AJ25365">
        <v>21</v>
      </c>
      <c r="AK25365">
        <v>22</v>
      </c>
      <c r="AL25365">
        <v>22</v>
      </c>
      <c r="AM25365">
        <v>22</v>
      </c>
      <c r="AN25365">
        <v>22</v>
      </c>
      <c r="AO25365">
        <v>22</v>
      </c>
      <c r="AP25365">
        <v>21</v>
      </c>
      <c r="AQ25365">
        <v>21</v>
      </c>
    </row>
    <row r="25366" spans="1:43">
      <c r="A25366" t="s">
        <v>15695</v>
      </c>
      <c r="B25366" t="s">
        <v>15696</v>
      </c>
      <c r="C25366" t="s">
        <v>15697</v>
      </c>
      <c r="D25366" t="s">
        <v>15698</v>
      </c>
      <c r="E25366" t="s">
        <v>15699</v>
      </c>
      <c r="F25366" t="s">
        <v>15700</v>
      </c>
      <c r="G25366" t="s">
        <v>10734</v>
      </c>
      <c r="H25366" t="s">
        <v>10735</v>
      </c>
      <c r="I25366" s="2">
        <v>1</v>
      </c>
      <c r="J25366" s="2">
        <v>0</v>
      </c>
      <c r="K25366" s="2">
        <v>0</v>
      </c>
      <c r="L25366" t="s">
        <v>120</v>
      </c>
      <c r="M25366" t="s">
        <v>83</v>
      </c>
      <c r="N25366" t="s">
        <v>84</v>
      </c>
      <c r="O25366" t="s">
        <v>85</v>
      </c>
      <c r="P25366" t="s">
        <v>86</v>
      </c>
      <c r="Q25366">
        <v>59</v>
      </c>
      <c r="R25366">
        <v>60</v>
      </c>
      <c r="S25366">
        <v>62</v>
      </c>
      <c r="T25366">
        <v>63</v>
      </c>
      <c r="U25366">
        <v>65</v>
      </c>
      <c r="V25366">
        <v>66</v>
      </c>
      <c r="W25366">
        <v>68</v>
      </c>
      <c r="X25366">
        <v>69</v>
      </c>
      <c r="Y25366">
        <v>71</v>
      </c>
      <c r="Z25366">
        <v>72</v>
      </c>
      <c r="AA25366">
        <v>74</v>
      </c>
      <c r="AB25366">
        <v>75</v>
      </c>
      <c r="AC25366">
        <v>77</v>
      </c>
      <c r="AD25366">
        <v>79</v>
      </c>
      <c r="AE25366">
        <v>80</v>
      </c>
      <c r="AF25366">
        <v>82</v>
      </c>
      <c r="AG25366">
        <v>84</v>
      </c>
      <c r="AH25366">
        <v>85</v>
      </c>
      <c r="AI25366">
        <v>87</v>
      </c>
      <c r="AJ25366">
        <v>89</v>
      </c>
      <c r="AK25366">
        <v>91</v>
      </c>
      <c r="AL25366">
        <v>92</v>
      </c>
      <c r="AM25366">
        <v>93</v>
      </c>
      <c r="AN25366">
        <v>94</v>
      </c>
      <c r="AO25366">
        <v>95</v>
      </c>
      <c r="AP25366">
        <v>96</v>
      </c>
      <c r="AQ25366">
        <v>98</v>
      </c>
    </row>
    <row r="25367" spans="1:43">
      <c r="A25367" t="s">
        <v>15695</v>
      </c>
      <c r="B25367" t="s">
        <v>15696</v>
      </c>
      <c r="C25367" t="s">
        <v>15697</v>
      </c>
      <c r="D25367" t="s">
        <v>15698</v>
      </c>
      <c r="E25367" t="s">
        <v>15699</v>
      </c>
      <c r="F25367" t="s">
        <v>15700</v>
      </c>
      <c r="G25367" t="s">
        <v>10734</v>
      </c>
      <c r="H25367" t="s">
        <v>10735</v>
      </c>
      <c r="I25367" s="2">
        <v>1</v>
      </c>
      <c r="J25367" s="2">
        <v>0</v>
      </c>
      <c r="K25367" s="2">
        <v>0</v>
      </c>
      <c r="L25367" t="s">
        <v>120</v>
      </c>
      <c r="M25367" t="s">
        <v>87</v>
      </c>
      <c r="N25367" t="s">
        <v>88</v>
      </c>
      <c r="O25367" t="s">
        <v>85</v>
      </c>
      <c r="P25367" t="s">
        <v>86</v>
      </c>
      <c r="Q25367">
        <v>59</v>
      </c>
      <c r="R25367">
        <v>59</v>
      </c>
      <c r="S25367">
        <v>60</v>
      </c>
      <c r="T25367">
        <v>61</v>
      </c>
      <c r="U25367">
        <v>62</v>
      </c>
      <c r="V25367">
        <v>63</v>
      </c>
      <c r="W25367">
        <v>64</v>
      </c>
      <c r="X25367">
        <v>64</v>
      </c>
      <c r="Y25367">
        <v>65</v>
      </c>
      <c r="Z25367">
        <v>66</v>
      </c>
      <c r="AA25367">
        <v>67</v>
      </c>
      <c r="AB25367">
        <v>68</v>
      </c>
      <c r="AC25367">
        <v>69</v>
      </c>
      <c r="AD25367">
        <v>70</v>
      </c>
      <c r="AE25367">
        <v>71</v>
      </c>
      <c r="AF25367">
        <v>72</v>
      </c>
      <c r="AG25367">
        <v>73</v>
      </c>
      <c r="AH25367">
        <v>74</v>
      </c>
      <c r="AI25367">
        <v>75</v>
      </c>
      <c r="AJ25367">
        <v>76</v>
      </c>
      <c r="AK25367">
        <v>77</v>
      </c>
      <c r="AL25367">
        <v>79</v>
      </c>
      <c r="AM25367">
        <v>80</v>
      </c>
      <c r="AN25367">
        <v>81</v>
      </c>
      <c r="AO25367">
        <v>82</v>
      </c>
      <c r="AP25367">
        <v>83</v>
      </c>
      <c r="AQ25367">
        <v>84</v>
      </c>
    </row>
    <row r="25368" spans="1:43">
      <c r="A25368" t="s">
        <v>15695</v>
      </c>
      <c r="B25368" t="s">
        <v>15696</v>
      </c>
      <c r="C25368" t="s">
        <v>15697</v>
      </c>
      <c r="D25368" t="s">
        <v>15698</v>
      </c>
      <c r="E25368" t="s">
        <v>15699</v>
      </c>
      <c r="F25368" t="s">
        <v>15700</v>
      </c>
      <c r="G25368" t="s">
        <v>10734</v>
      </c>
      <c r="H25368" t="s">
        <v>10735</v>
      </c>
      <c r="I25368" s="2">
        <v>1</v>
      </c>
      <c r="J25368" s="2">
        <v>0</v>
      </c>
      <c r="K25368" s="2">
        <v>0</v>
      </c>
      <c r="L25368" t="s">
        <v>120</v>
      </c>
      <c r="M25368" t="s">
        <v>89</v>
      </c>
      <c r="N25368" t="s">
        <v>90</v>
      </c>
      <c r="O25368" t="s">
        <v>85</v>
      </c>
      <c r="P25368" t="s">
        <v>86</v>
      </c>
      <c r="Q25368">
        <v>59</v>
      </c>
      <c r="R25368">
        <v>61</v>
      </c>
      <c r="S25368">
        <v>63</v>
      </c>
      <c r="T25368">
        <v>64</v>
      </c>
      <c r="U25368">
        <v>66</v>
      </c>
      <c r="V25368">
        <v>68</v>
      </c>
      <c r="W25368">
        <v>70</v>
      </c>
      <c r="X25368">
        <v>72</v>
      </c>
      <c r="Y25368">
        <v>74</v>
      </c>
      <c r="Z25368">
        <v>76</v>
      </c>
      <c r="AA25368">
        <v>78</v>
      </c>
      <c r="AB25368">
        <v>80</v>
      </c>
      <c r="AC25368">
        <v>82</v>
      </c>
      <c r="AD25368">
        <v>84</v>
      </c>
      <c r="AE25368">
        <v>85</v>
      </c>
      <c r="AF25368">
        <v>86</v>
      </c>
      <c r="AG25368">
        <v>87</v>
      </c>
      <c r="AH25368">
        <v>88</v>
      </c>
      <c r="AI25368">
        <v>89</v>
      </c>
      <c r="AJ25368">
        <v>90</v>
      </c>
      <c r="AK25368">
        <v>91</v>
      </c>
      <c r="AL25368">
        <v>92</v>
      </c>
      <c r="AM25368">
        <v>93</v>
      </c>
      <c r="AN25368">
        <v>94</v>
      </c>
      <c r="AO25368">
        <v>95</v>
      </c>
      <c r="AP25368">
        <v>96</v>
      </c>
      <c r="AQ25368">
        <v>97</v>
      </c>
    </row>
    <row r="25369" spans="1:43">
      <c r="A25369" t="s">
        <v>15695</v>
      </c>
      <c r="B25369" t="s">
        <v>15696</v>
      </c>
      <c r="C25369" t="s">
        <v>15697</v>
      </c>
      <c r="D25369" t="s">
        <v>15698</v>
      </c>
      <c r="E25369" t="s">
        <v>15699</v>
      </c>
      <c r="F25369" t="s">
        <v>15700</v>
      </c>
      <c r="G25369" t="s">
        <v>10734</v>
      </c>
      <c r="H25369" t="s">
        <v>10735</v>
      </c>
      <c r="I25369" s="2">
        <v>1</v>
      </c>
      <c r="J25369" s="2">
        <v>0</v>
      </c>
      <c r="K25369" s="2">
        <v>0</v>
      </c>
      <c r="L25369" t="s">
        <v>120</v>
      </c>
      <c r="M25369" t="s">
        <v>83</v>
      </c>
      <c r="N25369" t="s">
        <v>91</v>
      </c>
      <c r="O25369" t="s">
        <v>85</v>
      </c>
      <c r="P25369" t="s">
        <v>86</v>
      </c>
      <c r="Q25369">
        <v>59</v>
      </c>
      <c r="R25369">
        <v>60</v>
      </c>
      <c r="S25369">
        <v>62</v>
      </c>
      <c r="T25369">
        <v>63</v>
      </c>
      <c r="U25369">
        <v>65</v>
      </c>
      <c r="V25369">
        <v>66</v>
      </c>
      <c r="W25369">
        <v>68</v>
      </c>
      <c r="X25369">
        <v>69</v>
      </c>
      <c r="Y25369">
        <v>71</v>
      </c>
      <c r="Z25369">
        <v>72</v>
      </c>
      <c r="AA25369">
        <v>74</v>
      </c>
      <c r="AB25369">
        <v>75</v>
      </c>
      <c r="AC25369">
        <v>77</v>
      </c>
      <c r="AD25369">
        <v>79</v>
      </c>
      <c r="AE25369">
        <v>80</v>
      </c>
      <c r="AF25369">
        <v>82</v>
      </c>
      <c r="AG25369">
        <v>84</v>
      </c>
      <c r="AH25369">
        <v>85</v>
      </c>
      <c r="AI25369">
        <v>87</v>
      </c>
      <c r="AJ25369">
        <v>89</v>
      </c>
      <c r="AK25369">
        <v>91</v>
      </c>
      <c r="AL25369">
        <v>92</v>
      </c>
      <c r="AM25369">
        <v>93</v>
      </c>
      <c r="AN25369">
        <v>94</v>
      </c>
      <c r="AO25369">
        <v>95</v>
      </c>
      <c r="AP25369">
        <v>96</v>
      </c>
      <c r="AQ25369">
        <v>98</v>
      </c>
    </row>
    <row r="25370" spans="1:43">
      <c r="A25370" t="s">
        <v>15701</v>
      </c>
      <c r="B25370" t="s">
        <v>15702</v>
      </c>
      <c r="C25370" t="s">
        <v>15703</v>
      </c>
      <c r="D25370" t="s">
        <v>15704</v>
      </c>
      <c r="E25370" t="s">
        <v>15699</v>
      </c>
      <c r="F25370" t="s">
        <v>15700</v>
      </c>
      <c r="G25370" t="s">
        <v>10734</v>
      </c>
      <c r="H25370" t="s">
        <v>10735</v>
      </c>
      <c r="I25370" s="2">
        <v>0</v>
      </c>
      <c r="J25370" s="2">
        <v>1</v>
      </c>
      <c r="K25370" s="2">
        <v>0</v>
      </c>
      <c r="L25370" t="s">
        <v>82</v>
      </c>
      <c r="M25370" t="s">
        <v>83</v>
      </c>
      <c r="N25370" t="s">
        <v>84</v>
      </c>
      <c r="O25370" t="s">
        <v>85</v>
      </c>
      <c r="P25370" t="s">
        <v>86</v>
      </c>
      <c r="Q25370">
        <v>12</v>
      </c>
      <c r="R25370">
        <v>13</v>
      </c>
      <c r="S25370">
        <v>13</v>
      </c>
      <c r="T25370">
        <v>13</v>
      </c>
      <c r="U25370">
        <v>13</v>
      </c>
      <c r="V25370">
        <v>14</v>
      </c>
      <c r="W25370">
        <v>14</v>
      </c>
      <c r="X25370">
        <v>14</v>
      </c>
      <c r="Y25370">
        <v>15</v>
      </c>
      <c r="Z25370">
        <v>15</v>
      </c>
      <c r="AA25370">
        <v>15</v>
      </c>
      <c r="AB25370">
        <v>16</v>
      </c>
      <c r="AC25370">
        <v>16</v>
      </c>
      <c r="AD25370">
        <v>16</v>
      </c>
      <c r="AE25370">
        <v>17</v>
      </c>
      <c r="AF25370">
        <v>17</v>
      </c>
      <c r="AG25370">
        <v>17</v>
      </c>
      <c r="AH25370">
        <v>18</v>
      </c>
      <c r="AI25370">
        <v>18</v>
      </c>
      <c r="AJ25370">
        <v>19</v>
      </c>
      <c r="AK25370">
        <v>19</v>
      </c>
      <c r="AL25370">
        <v>19</v>
      </c>
      <c r="AM25370">
        <v>19</v>
      </c>
      <c r="AN25370">
        <v>20</v>
      </c>
      <c r="AO25370">
        <v>20</v>
      </c>
      <c r="AP25370">
        <v>20</v>
      </c>
      <c r="AQ25370">
        <v>20</v>
      </c>
    </row>
    <row r="25371" spans="1:43">
      <c r="A25371" t="s">
        <v>15701</v>
      </c>
      <c r="B25371" t="s">
        <v>15702</v>
      </c>
      <c r="C25371" t="s">
        <v>15703</v>
      </c>
      <c r="D25371" t="s">
        <v>15704</v>
      </c>
      <c r="E25371" t="s">
        <v>15699</v>
      </c>
      <c r="F25371" t="s">
        <v>15700</v>
      </c>
      <c r="G25371" t="s">
        <v>10734</v>
      </c>
      <c r="H25371" t="s">
        <v>10735</v>
      </c>
      <c r="I25371" s="2">
        <v>0</v>
      </c>
      <c r="J25371" s="2">
        <v>1</v>
      </c>
      <c r="K25371" s="2">
        <v>0</v>
      </c>
      <c r="L25371" t="s">
        <v>82</v>
      </c>
      <c r="M25371" t="s">
        <v>87</v>
      </c>
      <c r="N25371" t="s">
        <v>88</v>
      </c>
      <c r="O25371" t="s">
        <v>85</v>
      </c>
      <c r="P25371" t="s">
        <v>86</v>
      </c>
      <c r="Q25371">
        <v>12</v>
      </c>
      <c r="R25371">
        <v>12</v>
      </c>
      <c r="S25371">
        <v>13</v>
      </c>
      <c r="T25371">
        <v>13</v>
      </c>
      <c r="U25371">
        <v>13</v>
      </c>
      <c r="V25371">
        <v>13</v>
      </c>
      <c r="W25371">
        <v>13</v>
      </c>
      <c r="X25371">
        <v>13</v>
      </c>
      <c r="Y25371">
        <v>14</v>
      </c>
      <c r="Z25371">
        <v>14</v>
      </c>
      <c r="AA25371">
        <v>14</v>
      </c>
      <c r="AB25371">
        <v>14</v>
      </c>
      <c r="AC25371">
        <v>14</v>
      </c>
      <c r="AD25371">
        <v>15</v>
      </c>
      <c r="AE25371">
        <v>15</v>
      </c>
      <c r="AF25371">
        <v>15</v>
      </c>
      <c r="AG25371">
        <v>15</v>
      </c>
      <c r="AH25371">
        <v>16</v>
      </c>
      <c r="AI25371">
        <v>16</v>
      </c>
      <c r="AJ25371">
        <v>16</v>
      </c>
      <c r="AK25371">
        <v>16</v>
      </c>
      <c r="AL25371">
        <v>16</v>
      </c>
      <c r="AM25371">
        <v>17</v>
      </c>
      <c r="AN25371">
        <v>17</v>
      </c>
      <c r="AO25371">
        <v>17</v>
      </c>
      <c r="AP25371">
        <v>17</v>
      </c>
      <c r="AQ25371">
        <v>18</v>
      </c>
    </row>
    <row r="25372" spans="1:43">
      <c r="A25372" t="s">
        <v>15701</v>
      </c>
      <c r="B25372" t="s">
        <v>15702</v>
      </c>
      <c r="C25372" t="s">
        <v>15703</v>
      </c>
      <c r="D25372" t="s">
        <v>15704</v>
      </c>
      <c r="E25372" t="s">
        <v>15699</v>
      </c>
      <c r="F25372" t="s">
        <v>15700</v>
      </c>
      <c r="G25372" t="s">
        <v>10734</v>
      </c>
      <c r="H25372" t="s">
        <v>10735</v>
      </c>
      <c r="I25372" s="2">
        <v>0</v>
      </c>
      <c r="J25372" s="2">
        <v>1</v>
      </c>
      <c r="K25372" s="2">
        <v>0</v>
      </c>
      <c r="L25372" t="s">
        <v>82</v>
      </c>
      <c r="M25372" t="s">
        <v>89</v>
      </c>
      <c r="N25372" t="s">
        <v>90</v>
      </c>
      <c r="O25372" t="s">
        <v>85</v>
      </c>
      <c r="P25372" t="s">
        <v>86</v>
      </c>
      <c r="Q25372">
        <v>12</v>
      </c>
      <c r="R25372">
        <v>13</v>
      </c>
      <c r="S25372">
        <v>13</v>
      </c>
      <c r="T25372">
        <v>14</v>
      </c>
      <c r="U25372">
        <v>14</v>
      </c>
      <c r="V25372">
        <v>14</v>
      </c>
      <c r="W25372">
        <v>15</v>
      </c>
      <c r="X25372">
        <v>15</v>
      </c>
      <c r="Y25372">
        <v>16</v>
      </c>
      <c r="Z25372">
        <v>16</v>
      </c>
      <c r="AA25372">
        <v>16</v>
      </c>
      <c r="AB25372">
        <v>17</v>
      </c>
      <c r="AC25372">
        <v>17</v>
      </c>
      <c r="AD25372">
        <v>18</v>
      </c>
      <c r="AE25372">
        <v>18</v>
      </c>
      <c r="AF25372">
        <v>18</v>
      </c>
      <c r="AG25372">
        <v>18</v>
      </c>
      <c r="AH25372">
        <v>19</v>
      </c>
      <c r="AI25372">
        <v>19</v>
      </c>
      <c r="AJ25372">
        <v>19</v>
      </c>
      <c r="AK25372">
        <v>19</v>
      </c>
      <c r="AL25372">
        <v>19</v>
      </c>
      <c r="AM25372">
        <v>20</v>
      </c>
      <c r="AN25372">
        <v>20</v>
      </c>
      <c r="AO25372">
        <v>20</v>
      </c>
      <c r="AP25372">
        <v>20</v>
      </c>
      <c r="AQ25372">
        <v>20</v>
      </c>
    </row>
    <row r="25373" spans="1:43">
      <c r="A25373" t="s">
        <v>15701</v>
      </c>
      <c r="B25373" t="s">
        <v>15702</v>
      </c>
      <c r="C25373" t="s">
        <v>15703</v>
      </c>
      <c r="D25373" t="s">
        <v>15704</v>
      </c>
      <c r="E25373" t="s">
        <v>15699</v>
      </c>
      <c r="F25373" t="s">
        <v>15700</v>
      </c>
      <c r="G25373" t="s">
        <v>10734</v>
      </c>
      <c r="H25373" t="s">
        <v>10735</v>
      </c>
      <c r="I25373" s="2">
        <v>0</v>
      </c>
      <c r="J25373" s="2">
        <v>1</v>
      </c>
      <c r="K25373" s="2">
        <v>0</v>
      </c>
      <c r="L25373" t="s">
        <v>82</v>
      </c>
      <c r="M25373" t="s">
        <v>83</v>
      </c>
      <c r="N25373" t="s">
        <v>91</v>
      </c>
      <c r="O25373" t="s">
        <v>85</v>
      </c>
      <c r="P25373" t="s">
        <v>86</v>
      </c>
      <c r="Q25373">
        <v>12</v>
      </c>
      <c r="R25373">
        <v>13</v>
      </c>
      <c r="S25373">
        <v>13</v>
      </c>
      <c r="T25373">
        <v>13</v>
      </c>
      <c r="U25373">
        <v>13</v>
      </c>
      <c r="V25373">
        <v>14</v>
      </c>
      <c r="W25373">
        <v>14</v>
      </c>
      <c r="X25373">
        <v>14</v>
      </c>
      <c r="Y25373">
        <v>15</v>
      </c>
      <c r="Z25373">
        <v>15</v>
      </c>
      <c r="AA25373">
        <v>15</v>
      </c>
      <c r="AB25373">
        <v>16</v>
      </c>
      <c r="AC25373">
        <v>16</v>
      </c>
      <c r="AD25373">
        <v>16</v>
      </c>
      <c r="AE25373">
        <v>17</v>
      </c>
      <c r="AF25373">
        <v>17</v>
      </c>
      <c r="AG25373">
        <v>17</v>
      </c>
      <c r="AH25373">
        <v>18</v>
      </c>
      <c r="AI25373">
        <v>18</v>
      </c>
      <c r="AJ25373">
        <v>19</v>
      </c>
      <c r="AK25373">
        <v>19</v>
      </c>
      <c r="AL25373">
        <v>19</v>
      </c>
      <c r="AM25373">
        <v>19</v>
      </c>
      <c r="AN25373">
        <v>20</v>
      </c>
      <c r="AO25373">
        <v>20</v>
      </c>
      <c r="AP25373">
        <v>20</v>
      </c>
      <c r="AQ25373">
        <v>20</v>
      </c>
    </row>
    <row r="25374" spans="1:43">
      <c r="A25374" t="s">
        <v>15705</v>
      </c>
      <c r="B25374" t="s">
        <v>15706</v>
      </c>
      <c r="C25374" t="s">
        <v>15703</v>
      </c>
      <c r="D25374" t="s">
        <v>15704</v>
      </c>
      <c r="E25374" t="s">
        <v>15699</v>
      </c>
      <c r="F25374" t="s">
        <v>15700</v>
      </c>
      <c r="G25374" t="s">
        <v>10734</v>
      </c>
      <c r="H25374" t="s">
        <v>10735</v>
      </c>
      <c r="I25374" s="2">
        <v>0</v>
      </c>
      <c r="J25374" s="2">
        <v>1</v>
      </c>
      <c r="K25374" s="2">
        <v>0</v>
      </c>
      <c r="L25374" t="s">
        <v>82</v>
      </c>
      <c r="M25374" t="s">
        <v>83</v>
      </c>
      <c r="N25374" t="s">
        <v>84</v>
      </c>
      <c r="O25374" t="s">
        <v>85</v>
      </c>
      <c r="P25374" t="s">
        <v>86</v>
      </c>
      <c r="Q25374">
        <v>24</v>
      </c>
      <c r="R25374">
        <v>24</v>
      </c>
      <c r="S25374">
        <v>25</v>
      </c>
      <c r="T25374">
        <v>25</v>
      </c>
      <c r="U25374">
        <v>26</v>
      </c>
      <c r="V25374">
        <v>26</v>
      </c>
      <c r="W25374">
        <v>27</v>
      </c>
      <c r="X25374">
        <v>28</v>
      </c>
      <c r="Y25374">
        <v>28</v>
      </c>
      <c r="Z25374">
        <v>29</v>
      </c>
      <c r="AA25374">
        <v>30</v>
      </c>
      <c r="AB25374">
        <v>30</v>
      </c>
      <c r="AC25374">
        <v>31</v>
      </c>
      <c r="AD25374">
        <v>31</v>
      </c>
      <c r="AE25374">
        <v>32</v>
      </c>
      <c r="AF25374">
        <v>33</v>
      </c>
      <c r="AG25374">
        <v>33</v>
      </c>
      <c r="AH25374">
        <v>34</v>
      </c>
      <c r="AI25374">
        <v>35</v>
      </c>
      <c r="AJ25374">
        <v>36</v>
      </c>
      <c r="AK25374">
        <v>36</v>
      </c>
      <c r="AL25374">
        <v>37</v>
      </c>
      <c r="AM25374">
        <v>37</v>
      </c>
      <c r="AN25374">
        <v>38</v>
      </c>
      <c r="AO25374">
        <v>38</v>
      </c>
      <c r="AP25374">
        <v>39</v>
      </c>
      <c r="AQ25374">
        <v>39</v>
      </c>
    </row>
    <row r="25375" spans="1:43">
      <c r="A25375" t="s">
        <v>15705</v>
      </c>
      <c r="B25375" t="s">
        <v>15706</v>
      </c>
      <c r="C25375" t="s">
        <v>15703</v>
      </c>
      <c r="D25375" t="s">
        <v>15704</v>
      </c>
      <c r="E25375" t="s">
        <v>15699</v>
      </c>
      <c r="F25375" t="s">
        <v>15700</v>
      </c>
      <c r="G25375" t="s">
        <v>10734</v>
      </c>
      <c r="H25375" t="s">
        <v>10735</v>
      </c>
      <c r="I25375" s="2">
        <v>0</v>
      </c>
      <c r="J25375" s="2">
        <v>1</v>
      </c>
      <c r="K25375" s="2">
        <v>0</v>
      </c>
      <c r="L25375" t="s">
        <v>82</v>
      </c>
      <c r="M25375" t="s">
        <v>87</v>
      </c>
      <c r="N25375" t="s">
        <v>88</v>
      </c>
      <c r="O25375" t="s">
        <v>85</v>
      </c>
      <c r="P25375" t="s">
        <v>86</v>
      </c>
      <c r="Q25375">
        <v>24</v>
      </c>
      <c r="R25375">
        <v>25</v>
      </c>
      <c r="S25375">
        <v>25</v>
      </c>
      <c r="T25375">
        <v>25</v>
      </c>
      <c r="U25375">
        <v>26</v>
      </c>
      <c r="V25375">
        <v>26</v>
      </c>
      <c r="W25375">
        <v>26</v>
      </c>
      <c r="X25375">
        <v>27</v>
      </c>
      <c r="Y25375">
        <v>27</v>
      </c>
      <c r="Z25375">
        <v>27</v>
      </c>
      <c r="AA25375">
        <v>28</v>
      </c>
      <c r="AB25375">
        <v>28</v>
      </c>
      <c r="AC25375">
        <v>29</v>
      </c>
      <c r="AD25375">
        <v>29</v>
      </c>
      <c r="AE25375">
        <v>29</v>
      </c>
      <c r="AF25375">
        <v>30</v>
      </c>
      <c r="AG25375">
        <v>30</v>
      </c>
      <c r="AH25375">
        <v>31</v>
      </c>
      <c r="AI25375">
        <v>31</v>
      </c>
      <c r="AJ25375">
        <v>32</v>
      </c>
      <c r="AK25375">
        <v>32</v>
      </c>
      <c r="AL25375">
        <v>32</v>
      </c>
      <c r="AM25375">
        <v>33</v>
      </c>
      <c r="AN25375">
        <v>33</v>
      </c>
      <c r="AO25375">
        <v>34</v>
      </c>
      <c r="AP25375">
        <v>34</v>
      </c>
      <c r="AQ25375">
        <v>35</v>
      </c>
    </row>
    <row r="25376" spans="1:43">
      <c r="A25376" t="s">
        <v>15705</v>
      </c>
      <c r="B25376" t="s">
        <v>15706</v>
      </c>
      <c r="C25376" t="s">
        <v>15703</v>
      </c>
      <c r="D25376" t="s">
        <v>15704</v>
      </c>
      <c r="E25376" t="s">
        <v>15699</v>
      </c>
      <c r="F25376" t="s">
        <v>15700</v>
      </c>
      <c r="G25376" t="s">
        <v>10734</v>
      </c>
      <c r="H25376" t="s">
        <v>10735</v>
      </c>
      <c r="I25376" s="2">
        <v>0</v>
      </c>
      <c r="J25376" s="2">
        <v>1</v>
      </c>
      <c r="K25376" s="2">
        <v>0</v>
      </c>
      <c r="L25376" t="s">
        <v>82</v>
      </c>
      <c r="M25376" t="s">
        <v>89</v>
      </c>
      <c r="N25376" t="s">
        <v>90</v>
      </c>
      <c r="O25376" t="s">
        <v>85</v>
      </c>
      <c r="P25376" t="s">
        <v>86</v>
      </c>
      <c r="Q25376">
        <v>24</v>
      </c>
      <c r="R25376">
        <v>25</v>
      </c>
      <c r="S25376">
        <v>25</v>
      </c>
      <c r="T25376">
        <v>26</v>
      </c>
      <c r="U25376">
        <v>27</v>
      </c>
      <c r="V25376">
        <v>28</v>
      </c>
      <c r="W25376">
        <v>28</v>
      </c>
      <c r="X25376">
        <v>29</v>
      </c>
      <c r="Y25376">
        <v>30</v>
      </c>
      <c r="Z25376">
        <v>31</v>
      </c>
      <c r="AA25376">
        <v>31</v>
      </c>
      <c r="AB25376">
        <v>32</v>
      </c>
      <c r="AC25376">
        <v>33</v>
      </c>
      <c r="AD25376">
        <v>34</v>
      </c>
      <c r="AE25376">
        <v>34</v>
      </c>
      <c r="AF25376">
        <v>35</v>
      </c>
      <c r="AG25376">
        <v>35</v>
      </c>
      <c r="AH25376">
        <v>36</v>
      </c>
      <c r="AI25376">
        <v>36</v>
      </c>
      <c r="AJ25376">
        <v>36</v>
      </c>
      <c r="AK25376">
        <v>37</v>
      </c>
      <c r="AL25376">
        <v>37</v>
      </c>
      <c r="AM25376">
        <v>38</v>
      </c>
      <c r="AN25376">
        <v>38</v>
      </c>
      <c r="AO25376">
        <v>38</v>
      </c>
      <c r="AP25376">
        <v>39</v>
      </c>
      <c r="AQ25376">
        <v>39</v>
      </c>
    </row>
    <row r="25377" spans="1:43">
      <c r="A25377" t="s">
        <v>15705</v>
      </c>
      <c r="B25377" t="s">
        <v>15706</v>
      </c>
      <c r="C25377" t="s">
        <v>15703</v>
      </c>
      <c r="D25377" t="s">
        <v>15704</v>
      </c>
      <c r="E25377" t="s">
        <v>15699</v>
      </c>
      <c r="F25377" t="s">
        <v>15700</v>
      </c>
      <c r="G25377" t="s">
        <v>10734</v>
      </c>
      <c r="H25377" t="s">
        <v>10735</v>
      </c>
      <c r="I25377" s="2">
        <v>0</v>
      </c>
      <c r="J25377" s="2">
        <v>1</v>
      </c>
      <c r="K25377" s="2">
        <v>0</v>
      </c>
      <c r="L25377" t="s">
        <v>82</v>
      </c>
      <c r="M25377" t="s">
        <v>83</v>
      </c>
      <c r="N25377" t="s">
        <v>91</v>
      </c>
      <c r="O25377" t="s">
        <v>85</v>
      </c>
      <c r="P25377" t="s">
        <v>86</v>
      </c>
      <c r="Q25377">
        <v>24</v>
      </c>
      <c r="R25377">
        <v>24</v>
      </c>
      <c r="S25377">
        <v>25</v>
      </c>
      <c r="T25377">
        <v>25</v>
      </c>
      <c r="U25377">
        <v>26</v>
      </c>
      <c r="V25377">
        <v>26</v>
      </c>
      <c r="W25377">
        <v>27</v>
      </c>
      <c r="X25377">
        <v>28</v>
      </c>
      <c r="Y25377">
        <v>28</v>
      </c>
      <c r="Z25377">
        <v>29</v>
      </c>
      <c r="AA25377">
        <v>30</v>
      </c>
      <c r="AB25377">
        <v>30</v>
      </c>
      <c r="AC25377">
        <v>31</v>
      </c>
      <c r="AD25377">
        <v>31</v>
      </c>
      <c r="AE25377">
        <v>32</v>
      </c>
      <c r="AF25377">
        <v>33</v>
      </c>
      <c r="AG25377">
        <v>33</v>
      </c>
      <c r="AH25377">
        <v>34</v>
      </c>
      <c r="AI25377">
        <v>35</v>
      </c>
      <c r="AJ25377">
        <v>36</v>
      </c>
      <c r="AK25377">
        <v>36</v>
      </c>
      <c r="AL25377">
        <v>37</v>
      </c>
      <c r="AM25377">
        <v>37</v>
      </c>
      <c r="AN25377">
        <v>38</v>
      </c>
      <c r="AO25377">
        <v>38</v>
      </c>
      <c r="AP25377">
        <v>39</v>
      </c>
      <c r="AQ25377">
        <v>39</v>
      </c>
    </row>
    <row r="25378" spans="1:43">
      <c r="A25378" t="s">
        <v>15707</v>
      </c>
      <c r="B25378" t="s">
        <v>15708</v>
      </c>
      <c r="C25378" t="s">
        <v>15703</v>
      </c>
      <c r="D25378" t="s">
        <v>15704</v>
      </c>
      <c r="E25378" t="s">
        <v>15699</v>
      </c>
      <c r="F25378" t="s">
        <v>15700</v>
      </c>
      <c r="G25378" t="s">
        <v>10734</v>
      </c>
      <c r="H25378" t="s">
        <v>10735</v>
      </c>
      <c r="I25378" s="2">
        <v>0</v>
      </c>
      <c r="J25378" s="2">
        <v>1</v>
      </c>
      <c r="K25378" s="2">
        <v>0</v>
      </c>
      <c r="L25378" t="s">
        <v>82</v>
      </c>
      <c r="M25378" t="s">
        <v>83</v>
      </c>
      <c r="N25378" t="s">
        <v>84</v>
      </c>
      <c r="O25378" t="s">
        <v>85</v>
      </c>
      <c r="P25378" t="s">
        <v>86</v>
      </c>
      <c r="Q25378">
        <v>23</v>
      </c>
      <c r="R25378">
        <v>23</v>
      </c>
      <c r="S25378">
        <v>24</v>
      </c>
      <c r="T25378">
        <v>24</v>
      </c>
      <c r="U25378">
        <v>25</v>
      </c>
      <c r="V25378">
        <v>26</v>
      </c>
      <c r="W25378">
        <v>26</v>
      </c>
      <c r="X25378">
        <v>27</v>
      </c>
      <c r="Y25378">
        <v>27</v>
      </c>
      <c r="Z25378">
        <v>28</v>
      </c>
      <c r="AA25378">
        <v>29</v>
      </c>
      <c r="AB25378">
        <v>29</v>
      </c>
      <c r="AC25378">
        <v>30</v>
      </c>
      <c r="AD25378">
        <v>30</v>
      </c>
      <c r="AE25378">
        <v>31</v>
      </c>
      <c r="AF25378">
        <v>32</v>
      </c>
      <c r="AG25378">
        <v>32</v>
      </c>
      <c r="AH25378">
        <v>33</v>
      </c>
      <c r="AI25378">
        <v>34</v>
      </c>
      <c r="AJ25378">
        <v>34</v>
      </c>
      <c r="AK25378">
        <v>35</v>
      </c>
      <c r="AL25378">
        <v>36</v>
      </c>
      <c r="AM25378">
        <v>36</v>
      </c>
      <c r="AN25378">
        <v>36</v>
      </c>
      <c r="AO25378">
        <v>37</v>
      </c>
      <c r="AP25378">
        <v>37</v>
      </c>
      <c r="AQ25378">
        <v>38</v>
      </c>
    </row>
    <row r="25379" spans="1:43">
      <c r="A25379" t="s">
        <v>15707</v>
      </c>
      <c r="B25379" t="s">
        <v>15708</v>
      </c>
      <c r="C25379" t="s">
        <v>15703</v>
      </c>
      <c r="D25379" t="s">
        <v>15704</v>
      </c>
      <c r="E25379" t="s">
        <v>15699</v>
      </c>
      <c r="F25379" t="s">
        <v>15700</v>
      </c>
      <c r="G25379" t="s">
        <v>10734</v>
      </c>
      <c r="H25379" t="s">
        <v>10735</v>
      </c>
      <c r="I25379" s="2">
        <v>0</v>
      </c>
      <c r="J25379" s="2">
        <v>1</v>
      </c>
      <c r="K25379" s="2">
        <v>0</v>
      </c>
      <c r="L25379" t="s">
        <v>82</v>
      </c>
      <c r="M25379" t="s">
        <v>87</v>
      </c>
      <c r="N25379" t="s">
        <v>88</v>
      </c>
      <c r="O25379" t="s">
        <v>85</v>
      </c>
      <c r="P25379" t="s">
        <v>86</v>
      </c>
      <c r="Q25379">
        <v>23</v>
      </c>
      <c r="R25379">
        <v>23</v>
      </c>
      <c r="S25379">
        <v>23</v>
      </c>
      <c r="T25379">
        <v>24</v>
      </c>
      <c r="U25379">
        <v>24</v>
      </c>
      <c r="V25379">
        <v>24</v>
      </c>
      <c r="W25379">
        <v>25</v>
      </c>
      <c r="X25379">
        <v>25</v>
      </c>
      <c r="Y25379">
        <v>25</v>
      </c>
      <c r="Z25379">
        <v>26</v>
      </c>
      <c r="AA25379">
        <v>26</v>
      </c>
      <c r="AB25379">
        <v>26</v>
      </c>
      <c r="AC25379">
        <v>27</v>
      </c>
      <c r="AD25379">
        <v>27</v>
      </c>
      <c r="AE25379">
        <v>27</v>
      </c>
      <c r="AF25379">
        <v>28</v>
      </c>
      <c r="AG25379">
        <v>28</v>
      </c>
      <c r="AH25379">
        <v>29</v>
      </c>
      <c r="AI25379">
        <v>29</v>
      </c>
      <c r="AJ25379">
        <v>30</v>
      </c>
      <c r="AK25379">
        <v>30</v>
      </c>
      <c r="AL25379">
        <v>30</v>
      </c>
      <c r="AM25379">
        <v>31</v>
      </c>
      <c r="AN25379">
        <v>31</v>
      </c>
      <c r="AO25379">
        <v>32</v>
      </c>
      <c r="AP25379">
        <v>32</v>
      </c>
      <c r="AQ25379">
        <v>33</v>
      </c>
    </row>
    <row r="25380" spans="1:43">
      <c r="A25380" t="s">
        <v>15707</v>
      </c>
      <c r="B25380" t="s">
        <v>15708</v>
      </c>
      <c r="C25380" t="s">
        <v>15703</v>
      </c>
      <c r="D25380" t="s">
        <v>15704</v>
      </c>
      <c r="E25380" t="s">
        <v>15699</v>
      </c>
      <c r="F25380" t="s">
        <v>15700</v>
      </c>
      <c r="G25380" t="s">
        <v>10734</v>
      </c>
      <c r="H25380" t="s">
        <v>10735</v>
      </c>
      <c r="I25380" s="2">
        <v>0</v>
      </c>
      <c r="J25380" s="2">
        <v>1</v>
      </c>
      <c r="K25380" s="2">
        <v>0</v>
      </c>
      <c r="L25380" t="s">
        <v>82</v>
      </c>
      <c r="M25380" t="s">
        <v>89</v>
      </c>
      <c r="N25380" t="s">
        <v>90</v>
      </c>
      <c r="O25380" t="s">
        <v>85</v>
      </c>
      <c r="P25380" t="s">
        <v>86</v>
      </c>
      <c r="Q25380">
        <v>23</v>
      </c>
      <c r="R25380">
        <v>24</v>
      </c>
      <c r="S25380">
        <v>24</v>
      </c>
      <c r="T25380">
        <v>25</v>
      </c>
      <c r="U25380">
        <v>26</v>
      </c>
      <c r="V25380">
        <v>27</v>
      </c>
      <c r="W25380">
        <v>27</v>
      </c>
      <c r="X25380">
        <v>28</v>
      </c>
      <c r="Y25380">
        <v>29</v>
      </c>
      <c r="Z25380">
        <v>30</v>
      </c>
      <c r="AA25380">
        <v>30</v>
      </c>
      <c r="AB25380">
        <v>31</v>
      </c>
      <c r="AC25380">
        <v>32</v>
      </c>
      <c r="AD25380">
        <v>33</v>
      </c>
      <c r="AE25380">
        <v>33</v>
      </c>
      <c r="AF25380">
        <v>34</v>
      </c>
      <c r="AG25380">
        <v>34</v>
      </c>
      <c r="AH25380">
        <v>34</v>
      </c>
      <c r="AI25380">
        <v>35</v>
      </c>
      <c r="AJ25380">
        <v>35</v>
      </c>
      <c r="AK25380">
        <v>35</v>
      </c>
      <c r="AL25380">
        <v>36</v>
      </c>
      <c r="AM25380">
        <v>36</v>
      </c>
      <c r="AN25380">
        <v>37</v>
      </c>
      <c r="AO25380">
        <v>37</v>
      </c>
      <c r="AP25380">
        <v>37</v>
      </c>
      <c r="AQ25380">
        <v>38</v>
      </c>
    </row>
    <row r="25381" spans="1:43">
      <c r="A25381" t="s">
        <v>15707</v>
      </c>
      <c r="B25381" t="s">
        <v>15708</v>
      </c>
      <c r="C25381" t="s">
        <v>15703</v>
      </c>
      <c r="D25381" t="s">
        <v>15704</v>
      </c>
      <c r="E25381" t="s">
        <v>15699</v>
      </c>
      <c r="F25381" t="s">
        <v>15700</v>
      </c>
      <c r="G25381" t="s">
        <v>10734</v>
      </c>
      <c r="H25381" t="s">
        <v>10735</v>
      </c>
      <c r="I25381" s="2">
        <v>0</v>
      </c>
      <c r="J25381" s="2">
        <v>1</v>
      </c>
      <c r="K25381" s="2">
        <v>0</v>
      </c>
      <c r="L25381" t="s">
        <v>82</v>
      </c>
      <c r="M25381" t="s">
        <v>83</v>
      </c>
      <c r="N25381" t="s">
        <v>91</v>
      </c>
      <c r="O25381" t="s">
        <v>85</v>
      </c>
      <c r="P25381" t="s">
        <v>86</v>
      </c>
      <c r="Q25381">
        <v>23</v>
      </c>
      <c r="R25381">
        <v>23</v>
      </c>
      <c r="S25381">
        <v>24</v>
      </c>
      <c r="T25381">
        <v>24</v>
      </c>
      <c r="U25381">
        <v>25</v>
      </c>
      <c r="V25381">
        <v>26</v>
      </c>
      <c r="W25381">
        <v>26</v>
      </c>
      <c r="X25381">
        <v>27</v>
      </c>
      <c r="Y25381">
        <v>27</v>
      </c>
      <c r="Z25381">
        <v>28</v>
      </c>
      <c r="AA25381">
        <v>29</v>
      </c>
      <c r="AB25381">
        <v>29</v>
      </c>
      <c r="AC25381">
        <v>30</v>
      </c>
      <c r="AD25381">
        <v>30</v>
      </c>
      <c r="AE25381">
        <v>31</v>
      </c>
      <c r="AF25381">
        <v>32</v>
      </c>
      <c r="AG25381">
        <v>32</v>
      </c>
      <c r="AH25381">
        <v>33</v>
      </c>
      <c r="AI25381">
        <v>34</v>
      </c>
      <c r="AJ25381">
        <v>34</v>
      </c>
      <c r="AK25381">
        <v>35</v>
      </c>
      <c r="AL25381">
        <v>36</v>
      </c>
      <c r="AM25381">
        <v>36</v>
      </c>
      <c r="AN25381">
        <v>36</v>
      </c>
      <c r="AO25381">
        <v>37</v>
      </c>
      <c r="AP25381">
        <v>37</v>
      </c>
      <c r="AQ25381">
        <v>38</v>
      </c>
    </row>
    <row r="25382" spans="1:43">
      <c r="A25382" t="s">
        <v>15709</v>
      </c>
      <c r="B25382" t="s">
        <v>15710</v>
      </c>
      <c r="C25382" t="s">
        <v>15703</v>
      </c>
      <c r="D25382" t="s">
        <v>15704</v>
      </c>
      <c r="E25382" t="s">
        <v>15699</v>
      </c>
      <c r="F25382" t="s">
        <v>15700</v>
      </c>
      <c r="G25382" t="s">
        <v>10734</v>
      </c>
      <c r="H25382" t="s">
        <v>10735</v>
      </c>
      <c r="I25382" s="2">
        <v>0</v>
      </c>
      <c r="J25382" s="2">
        <v>1</v>
      </c>
      <c r="K25382" s="2">
        <v>0</v>
      </c>
      <c r="L25382" t="s">
        <v>82</v>
      </c>
      <c r="M25382" t="s">
        <v>83</v>
      </c>
      <c r="N25382" t="s">
        <v>84</v>
      </c>
      <c r="O25382" t="s">
        <v>85</v>
      </c>
      <c r="P25382" t="s">
        <v>86</v>
      </c>
      <c r="Q25382">
        <v>41</v>
      </c>
      <c r="R25382">
        <v>42</v>
      </c>
      <c r="S25382">
        <v>42</v>
      </c>
      <c r="T25382">
        <v>43</v>
      </c>
      <c r="U25382">
        <v>43</v>
      </c>
      <c r="V25382">
        <v>44</v>
      </c>
      <c r="W25382">
        <v>44</v>
      </c>
      <c r="X25382">
        <v>45</v>
      </c>
      <c r="Y25382">
        <v>46</v>
      </c>
      <c r="Z25382">
        <v>46</v>
      </c>
      <c r="AA25382">
        <v>47</v>
      </c>
      <c r="AB25382">
        <v>47</v>
      </c>
      <c r="AC25382">
        <v>48</v>
      </c>
      <c r="AD25382">
        <v>48</v>
      </c>
      <c r="AE25382">
        <v>49</v>
      </c>
      <c r="AF25382">
        <v>49</v>
      </c>
      <c r="AG25382">
        <v>50</v>
      </c>
      <c r="AH25382">
        <v>51</v>
      </c>
      <c r="AI25382">
        <v>51</v>
      </c>
      <c r="AJ25382">
        <v>52</v>
      </c>
      <c r="AK25382">
        <v>52</v>
      </c>
      <c r="AL25382">
        <v>52</v>
      </c>
      <c r="AM25382">
        <v>52</v>
      </c>
      <c r="AN25382">
        <v>53</v>
      </c>
      <c r="AO25382">
        <v>53</v>
      </c>
      <c r="AP25382">
        <v>53</v>
      </c>
      <c r="AQ25382">
        <v>53</v>
      </c>
    </row>
    <row r="25383" spans="1:43">
      <c r="A25383" t="s">
        <v>15709</v>
      </c>
      <c r="B25383" t="s">
        <v>15710</v>
      </c>
      <c r="C25383" t="s">
        <v>15703</v>
      </c>
      <c r="D25383" t="s">
        <v>15704</v>
      </c>
      <c r="E25383" t="s">
        <v>15699</v>
      </c>
      <c r="F25383" t="s">
        <v>15700</v>
      </c>
      <c r="G25383" t="s">
        <v>10734</v>
      </c>
      <c r="H25383" t="s">
        <v>10735</v>
      </c>
      <c r="I25383" s="2">
        <v>0</v>
      </c>
      <c r="J25383" s="2">
        <v>1</v>
      </c>
      <c r="K25383" s="2">
        <v>0</v>
      </c>
      <c r="L25383" t="s">
        <v>82</v>
      </c>
      <c r="M25383" t="s">
        <v>87</v>
      </c>
      <c r="N25383" t="s">
        <v>88</v>
      </c>
      <c r="O25383" t="s">
        <v>85</v>
      </c>
      <c r="P25383" t="s">
        <v>86</v>
      </c>
      <c r="Q25383">
        <v>41</v>
      </c>
      <c r="R25383">
        <v>41</v>
      </c>
      <c r="S25383">
        <v>41</v>
      </c>
      <c r="T25383">
        <v>41</v>
      </c>
      <c r="U25383">
        <v>41</v>
      </c>
      <c r="V25383">
        <v>42</v>
      </c>
      <c r="W25383">
        <v>42</v>
      </c>
      <c r="X25383">
        <v>42</v>
      </c>
      <c r="Y25383">
        <v>42</v>
      </c>
      <c r="Z25383">
        <v>42</v>
      </c>
      <c r="AA25383">
        <v>43</v>
      </c>
      <c r="AB25383">
        <v>43</v>
      </c>
      <c r="AC25383">
        <v>43</v>
      </c>
      <c r="AD25383">
        <v>43</v>
      </c>
      <c r="AE25383">
        <v>43</v>
      </c>
      <c r="AF25383">
        <v>44</v>
      </c>
      <c r="AG25383">
        <v>44</v>
      </c>
      <c r="AH25383">
        <v>44</v>
      </c>
      <c r="AI25383">
        <v>44</v>
      </c>
      <c r="AJ25383">
        <v>44</v>
      </c>
      <c r="AK25383">
        <v>45</v>
      </c>
      <c r="AL25383">
        <v>45</v>
      </c>
      <c r="AM25383">
        <v>45</v>
      </c>
      <c r="AN25383">
        <v>45</v>
      </c>
      <c r="AO25383">
        <v>45</v>
      </c>
      <c r="AP25383">
        <v>46</v>
      </c>
      <c r="AQ25383">
        <v>46</v>
      </c>
    </row>
    <row r="25384" spans="1:43">
      <c r="A25384" t="s">
        <v>15709</v>
      </c>
      <c r="B25384" t="s">
        <v>15710</v>
      </c>
      <c r="C25384" t="s">
        <v>15703</v>
      </c>
      <c r="D25384" t="s">
        <v>15704</v>
      </c>
      <c r="E25384" t="s">
        <v>15699</v>
      </c>
      <c r="F25384" t="s">
        <v>15700</v>
      </c>
      <c r="G25384" t="s">
        <v>10734</v>
      </c>
      <c r="H25384" t="s">
        <v>10735</v>
      </c>
      <c r="I25384" s="2">
        <v>0</v>
      </c>
      <c r="J25384" s="2">
        <v>1</v>
      </c>
      <c r="K25384" s="2">
        <v>0</v>
      </c>
      <c r="L25384" t="s">
        <v>82</v>
      </c>
      <c r="M25384" t="s">
        <v>89</v>
      </c>
      <c r="N25384" t="s">
        <v>90</v>
      </c>
      <c r="O25384" t="s">
        <v>85</v>
      </c>
      <c r="P25384" t="s">
        <v>86</v>
      </c>
      <c r="Q25384">
        <v>41</v>
      </c>
      <c r="R25384">
        <v>42</v>
      </c>
      <c r="S25384">
        <v>43</v>
      </c>
      <c r="T25384">
        <v>44</v>
      </c>
      <c r="U25384">
        <v>45</v>
      </c>
      <c r="V25384">
        <v>46</v>
      </c>
      <c r="W25384">
        <v>47</v>
      </c>
      <c r="X25384">
        <v>48</v>
      </c>
      <c r="Y25384">
        <v>48</v>
      </c>
      <c r="Z25384">
        <v>49</v>
      </c>
      <c r="AA25384">
        <v>50</v>
      </c>
      <c r="AB25384">
        <v>50</v>
      </c>
      <c r="AC25384">
        <v>51</v>
      </c>
      <c r="AD25384">
        <v>52</v>
      </c>
      <c r="AE25384">
        <v>52</v>
      </c>
      <c r="AF25384">
        <v>52</v>
      </c>
      <c r="AG25384">
        <v>53</v>
      </c>
      <c r="AH25384">
        <v>53</v>
      </c>
      <c r="AI25384">
        <v>53</v>
      </c>
      <c r="AJ25384">
        <v>53</v>
      </c>
      <c r="AK25384">
        <v>53</v>
      </c>
      <c r="AL25384">
        <v>53</v>
      </c>
      <c r="AM25384">
        <v>53</v>
      </c>
      <c r="AN25384">
        <v>53</v>
      </c>
      <c r="AO25384">
        <v>53</v>
      </c>
      <c r="AP25384">
        <v>53</v>
      </c>
      <c r="AQ25384">
        <v>53</v>
      </c>
    </row>
    <row r="25385" spans="1:43">
      <c r="A25385" t="s">
        <v>15709</v>
      </c>
      <c r="B25385" t="s">
        <v>15710</v>
      </c>
      <c r="C25385" t="s">
        <v>15703</v>
      </c>
      <c r="D25385" t="s">
        <v>15704</v>
      </c>
      <c r="E25385" t="s">
        <v>15699</v>
      </c>
      <c r="F25385" t="s">
        <v>15700</v>
      </c>
      <c r="G25385" t="s">
        <v>10734</v>
      </c>
      <c r="H25385" t="s">
        <v>10735</v>
      </c>
      <c r="I25385" s="2">
        <v>0</v>
      </c>
      <c r="J25385" s="2">
        <v>1</v>
      </c>
      <c r="K25385" s="2">
        <v>0</v>
      </c>
      <c r="L25385" t="s">
        <v>82</v>
      </c>
      <c r="M25385" t="s">
        <v>83</v>
      </c>
      <c r="N25385" t="s">
        <v>91</v>
      </c>
      <c r="O25385" t="s">
        <v>85</v>
      </c>
      <c r="P25385" t="s">
        <v>86</v>
      </c>
      <c r="Q25385">
        <v>41</v>
      </c>
      <c r="R25385">
        <v>42</v>
      </c>
      <c r="S25385">
        <v>42</v>
      </c>
      <c r="T25385">
        <v>43</v>
      </c>
      <c r="U25385">
        <v>43</v>
      </c>
      <c r="V25385">
        <v>44</v>
      </c>
      <c r="W25385">
        <v>44</v>
      </c>
      <c r="X25385">
        <v>45</v>
      </c>
      <c r="Y25385">
        <v>46</v>
      </c>
      <c r="Z25385">
        <v>46</v>
      </c>
      <c r="AA25385">
        <v>47</v>
      </c>
      <c r="AB25385">
        <v>47</v>
      </c>
      <c r="AC25385">
        <v>48</v>
      </c>
      <c r="AD25385">
        <v>48</v>
      </c>
      <c r="AE25385">
        <v>49</v>
      </c>
      <c r="AF25385">
        <v>49</v>
      </c>
      <c r="AG25385">
        <v>50</v>
      </c>
      <c r="AH25385">
        <v>51</v>
      </c>
      <c r="AI25385">
        <v>51</v>
      </c>
      <c r="AJ25385">
        <v>52</v>
      </c>
      <c r="AK25385">
        <v>52</v>
      </c>
      <c r="AL25385">
        <v>52</v>
      </c>
      <c r="AM25385">
        <v>52</v>
      </c>
      <c r="AN25385">
        <v>53</v>
      </c>
      <c r="AO25385">
        <v>53</v>
      </c>
      <c r="AP25385">
        <v>53</v>
      </c>
      <c r="AQ25385">
        <v>53</v>
      </c>
    </row>
    <row r="25386" spans="1:43">
      <c r="A25386" t="s">
        <v>15711</v>
      </c>
      <c r="B25386" t="s">
        <v>15712</v>
      </c>
      <c r="C25386" t="s">
        <v>15703</v>
      </c>
      <c r="D25386" t="s">
        <v>15704</v>
      </c>
      <c r="E25386" t="s">
        <v>15699</v>
      </c>
      <c r="F25386" t="s">
        <v>15700</v>
      </c>
      <c r="G25386" t="s">
        <v>10734</v>
      </c>
      <c r="H25386" t="s">
        <v>10735</v>
      </c>
      <c r="I25386" s="2">
        <v>0</v>
      </c>
      <c r="J25386" s="2">
        <v>1</v>
      </c>
      <c r="K25386" s="2">
        <v>0</v>
      </c>
      <c r="L25386" t="s">
        <v>82</v>
      </c>
      <c r="M25386" t="s">
        <v>83</v>
      </c>
      <c r="N25386" t="s">
        <v>84</v>
      </c>
      <c r="O25386" t="s">
        <v>85</v>
      </c>
      <c r="P25386" t="s">
        <v>86</v>
      </c>
      <c r="Q25386">
        <v>45</v>
      </c>
      <c r="R25386">
        <v>46</v>
      </c>
      <c r="S25386">
        <v>47</v>
      </c>
      <c r="T25386">
        <v>48</v>
      </c>
      <c r="U25386">
        <v>49</v>
      </c>
      <c r="V25386">
        <v>50</v>
      </c>
      <c r="W25386">
        <v>51</v>
      </c>
      <c r="X25386">
        <v>53</v>
      </c>
      <c r="Y25386">
        <v>54</v>
      </c>
      <c r="Z25386">
        <v>55</v>
      </c>
      <c r="AA25386">
        <v>56</v>
      </c>
      <c r="AB25386">
        <v>57</v>
      </c>
      <c r="AC25386">
        <v>59</v>
      </c>
      <c r="AD25386">
        <v>60</v>
      </c>
      <c r="AE25386">
        <v>61</v>
      </c>
      <c r="AF25386">
        <v>62</v>
      </c>
      <c r="AG25386">
        <v>64</v>
      </c>
      <c r="AH25386">
        <v>65</v>
      </c>
      <c r="AI25386">
        <v>66</v>
      </c>
      <c r="AJ25386">
        <v>68</v>
      </c>
      <c r="AK25386">
        <v>69</v>
      </c>
      <c r="AL25386">
        <v>70</v>
      </c>
      <c r="AM25386">
        <v>71</v>
      </c>
      <c r="AN25386">
        <v>72</v>
      </c>
      <c r="AO25386">
        <v>72</v>
      </c>
      <c r="AP25386">
        <v>73</v>
      </c>
      <c r="AQ25386">
        <v>74</v>
      </c>
    </row>
    <row r="25387" spans="1:43">
      <c r="A25387" t="s">
        <v>15711</v>
      </c>
      <c r="B25387" t="s">
        <v>15712</v>
      </c>
      <c r="C25387" t="s">
        <v>15703</v>
      </c>
      <c r="D25387" t="s">
        <v>15704</v>
      </c>
      <c r="E25387" t="s">
        <v>15699</v>
      </c>
      <c r="F25387" t="s">
        <v>15700</v>
      </c>
      <c r="G25387" t="s">
        <v>10734</v>
      </c>
      <c r="H25387" t="s">
        <v>10735</v>
      </c>
      <c r="I25387" s="2">
        <v>0</v>
      </c>
      <c r="J25387" s="2">
        <v>1</v>
      </c>
      <c r="K25387" s="2">
        <v>0</v>
      </c>
      <c r="L25387" t="s">
        <v>82</v>
      </c>
      <c r="M25387" t="s">
        <v>87</v>
      </c>
      <c r="N25387" t="s">
        <v>88</v>
      </c>
      <c r="O25387" t="s">
        <v>85</v>
      </c>
      <c r="P25387" t="s">
        <v>86</v>
      </c>
      <c r="Q25387">
        <v>45</v>
      </c>
      <c r="R25387">
        <v>46</v>
      </c>
      <c r="S25387">
        <v>47</v>
      </c>
      <c r="T25387">
        <v>47</v>
      </c>
      <c r="U25387">
        <v>48</v>
      </c>
      <c r="V25387">
        <v>49</v>
      </c>
      <c r="W25387">
        <v>49</v>
      </c>
      <c r="X25387">
        <v>50</v>
      </c>
      <c r="Y25387">
        <v>51</v>
      </c>
      <c r="Z25387">
        <v>51</v>
      </c>
      <c r="AA25387">
        <v>52</v>
      </c>
      <c r="AB25387">
        <v>53</v>
      </c>
      <c r="AC25387">
        <v>54</v>
      </c>
      <c r="AD25387">
        <v>54</v>
      </c>
      <c r="AE25387">
        <v>55</v>
      </c>
      <c r="AF25387">
        <v>56</v>
      </c>
      <c r="AG25387">
        <v>57</v>
      </c>
      <c r="AH25387">
        <v>57</v>
      </c>
      <c r="AI25387">
        <v>58</v>
      </c>
      <c r="AJ25387">
        <v>59</v>
      </c>
      <c r="AK25387">
        <v>60</v>
      </c>
      <c r="AL25387">
        <v>61</v>
      </c>
      <c r="AM25387">
        <v>62</v>
      </c>
      <c r="AN25387">
        <v>63</v>
      </c>
      <c r="AO25387">
        <v>63</v>
      </c>
      <c r="AP25387">
        <v>64</v>
      </c>
      <c r="AQ25387">
        <v>65</v>
      </c>
    </row>
    <row r="25388" spans="1:43">
      <c r="A25388" t="s">
        <v>15711</v>
      </c>
      <c r="B25388" t="s">
        <v>15712</v>
      </c>
      <c r="C25388" t="s">
        <v>15703</v>
      </c>
      <c r="D25388" t="s">
        <v>15704</v>
      </c>
      <c r="E25388" t="s">
        <v>15699</v>
      </c>
      <c r="F25388" t="s">
        <v>15700</v>
      </c>
      <c r="G25388" t="s">
        <v>10734</v>
      </c>
      <c r="H25388" t="s">
        <v>10735</v>
      </c>
      <c r="I25388" s="2">
        <v>0</v>
      </c>
      <c r="J25388" s="2">
        <v>1</v>
      </c>
      <c r="K25388" s="2">
        <v>0</v>
      </c>
      <c r="L25388" t="s">
        <v>82</v>
      </c>
      <c r="M25388" t="s">
        <v>89</v>
      </c>
      <c r="N25388" t="s">
        <v>90</v>
      </c>
      <c r="O25388" t="s">
        <v>85</v>
      </c>
      <c r="P25388" t="s">
        <v>86</v>
      </c>
      <c r="Q25388">
        <v>45</v>
      </c>
      <c r="R25388">
        <v>47</v>
      </c>
      <c r="S25388">
        <v>48</v>
      </c>
      <c r="T25388">
        <v>50</v>
      </c>
      <c r="U25388">
        <v>51</v>
      </c>
      <c r="V25388">
        <v>53</v>
      </c>
      <c r="W25388">
        <v>54</v>
      </c>
      <c r="X25388">
        <v>56</v>
      </c>
      <c r="Y25388">
        <v>57</v>
      </c>
      <c r="Z25388">
        <v>58</v>
      </c>
      <c r="AA25388">
        <v>60</v>
      </c>
      <c r="AB25388">
        <v>61</v>
      </c>
      <c r="AC25388">
        <v>63</v>
      </c>
      <c r="AD25388">
        <v>64</v>
      </c>
      <c r="AE25388">
        <v>65</v>
      </c>
      <c r="AF25388">
        <v>66</v>
      </c>
      <c r="AG25388">
        <v>67</v>
      </c>
      <c r="AH25388">
        <v>68</v>
      </c>
      <c r="AI25388">
        <v>68</v>
      </c>
      <c r="AJ25388">
        <v>69</v>
      </c>
      <c r="AK25388">
        <v>70</v>
      </c>
      <c r="AL25388">
        <v>71</v>
      </c>
      <c r="AM25388">
        <v>71</v>
      </c>
      <c r="AN25388">
        <v>72</v>
      </c>
      <c r="AO25388">
        <v>73</v>
      </c>
      <c r="AP25388">
        <v>74</v>
      </c>
      <c r="AQ25388">
        <v>75</v>
      </c>
    </row>
    <row r="25389" spans="1:43">
      <c r="A25389" t="s">
        <v>15711</v>
      </c>
      <c r="B25389" t="s">
        <v>15712</v>
      </c>
      <c r="C25389" t="s">
        <v>15703</v>
      </c>
      <c r="D25389" t="s">
        <v>15704</v>
      </c>
      <c r="E25389" t="s">
        <v>15699</v>
      </c>
      <c r="F25389" t="s">
        <v>15700</v>
      </c>
      <c r="G25389" t="s">
        <v>10734</v>
      </c>
      <c r="H25389" t="s">
        <v>10735</v>
      </c>
      <c r="I25389" s="2">
        <v>0</v>
      </c>
      <c r="J25389" s="2">
        <v>1</v>
      </c>
      <c r="K25389" s="2">
        <v>0</v>
      </c>
      <c r="L25389" t="s">
        <v>82</v>
      </c>
      <c r="M25389" t="s">
        <v>83</v>
      </c>
      <c r="N25389" t="s">
        <v>91</v>
      </c>
      <c r="O25389" t="s">
        <v>85</v>
      </c>
      <c r="P25389" t="s">
        <v>86</v>
      </c>
      <c r="Q25389">
        <v>45</v>
      </c>
      <c r="R25389">
        <v>46</v>
      </c>
      <c r="S25389">
        <v>47</v>
      </c>
      <c r="T25389">
        <v>48</v>
      </c>
      <c r="U25389">
        <v>49</v>
      </c>
      <c r="V25389">
        <v>50</v>
      </c>
      <c r="W25389">
        <v>51</v>
      </c>
      <c r="X25389">
        <v>53</v>
      </c>
      <c r="Y25389">
        <v>54</v>
      </c>
      <c r="Z25389">
        <v>55</v>
      </c>
      <c r="AA25389">
        <v>56</v>
      </c>
      <c r="AB25389">
        <v>57</v>
      </c>
      <c r="AC25389">
        <v>59</v>
      </c>
      <c r="AD25389">
        <v>60</v>
      </c>
      <c r="AE25389">
        <v>61</v>
      </c>
      <c r="AF25389">
        <v>62</v>
      </c>
      <c r="AG25389">
        <v>64</v>
      </c>
      <c r="AH25389">
        <v>65</v>
      </c>
      <c r="AI25389">
        <v>66</v>
      </c>
      <c r="AJ25389">
        <v>68</v>
      </c>
      <c r="AK25389">
        <v>69</v>
      </c>
      <c r="AL25389">
        <v>70</v>
      </c>
      <c r="AM25389">
        <v>71</v>
      </c>
      <c r="AN25389">
        <v>72</v>
      </c>
      <c r="AO25389">
        <v>72</v>
      </c>
      <c r="AP25389">
        <v>73</v>
      </c>
      <c r="AQ25389">
        <v>74</v>
      </c>
    </row>
    <row r="25390" spans="1:43">
      <c r="A25390" t="s">
        <v>15713</v>
      </c>
      <c r="B25390" t="s">
        <v>15714</v>
      </c>
      <c r="C25390" t="s">
        <v>15703</v>
      </c>
      <c r="D25390" t="s">
        <v>15704</v>
      </c>
      <c r="E25390" t="s">
        <v>15699</v>
      </c>
      <c r="F25390" t="s">
        <v>15700</v>
      </c>
      <c r="G25390" t="s">
        <v>10734</v>
      </c>
      <c r="H25390" t="s">
        <v>10735</v>
      </c>
      <c r="I25390" s="2">
        <v>0</v>
      </c>
      <c r="J25390" s="2">
        <v>1</v>
      </c>
      <c r="K25390" s="2">
        <v>0</v>
      </c>
      <c r="L25390" t="s">
        <v>82</v>
      </c>
      <c r="M25390" t="s">
        <v>83</v>
      </c>
      <c r="N25390" t="s">
        <v>84</v>
      </c>
      <c r="O25390" t="s">
        <v>85</v>
      </c>
      <c r="P25390" t="s">
        <v>86</v>
      </c>
      <c r="Q25390">
        <v>55</v>
      </c>
      <c r="R25390">
        <v>56</v>
      </c>
      <c r="S25390">
        <v>58</v>
      </c>
      <c r="T25390">
        <v>59</v>
      </c>
      <c r="U25390">
        <v>60</v>
      </c>
      <c r="V25390">
        <v>62</v>
      </c>
      <c r="W25390">
        <v>63</v>
      </c>
      <c r="X25390">
        <v>65</v>
      </c>
      <c r="Y25390">
        <v>66</v>
      </c>
      <c r="Z25390">
        <v>67</v>
      </c>
      <c r="AA25390">
        <v>69</v>
      </c>
      <c r="AB25390">
        <v>70</v>
      </c>
      <c r="AC25390">
        <v>72</v>
      </c>
      <c r="AD25390">
        <v>73</v>
      </c>
      <c r="AE25390">
        <v>75</v>
      </c>
      <c r="AF25390">
        <v>77</v>
      </c>
      <c r="AG25390">
        <v>78</v>
      </c>
      <c r="AH25390">
        <v>80</v>
      </c>
      <c r="AI25390">
        <v>81</v>
      </c>
      <c r="AJ25390">
        <v>83</v>
      </c>
      <c r="AK25390">
        <v>85</v>
      </c>
      <c r="AL25390">
        <v>86</v>
      </c>
      <c r="AM25390">
        <v>87</v>
      </c>
      <c r="AN25390">
        <v>88</v>
      </c>
      <c r="AO25390">
        <v>89</v>
      </c>
      <c r="AP25390">
        <v>90</v>
      </c>
      <c r="AQ25390">
        <v>91</v>
      </c>
    </row>
    <row r="25391" spans="1:43">
      <c r="A25391" t="s">
        <v>15713</v>
      </c>
      <c r="B25391" t="s">
        <v>15714</v>
      </c>
      <c r="C25391" t="s">
        <v>15703</v>
      </c>
      <c r="D25391" t="s">
        <v>15704</v>
      </c>
      <c r="E25391" t="s">
        <v>15699</v>
      </c>
      <c r="F25391" t="s">
        <v>15700</v>
      </c>
      <c r="G25391" t="s">
        <v>10734</v>
      </c>
      <c r="H25391" t="s">
        <v>10735</v>
      </c>
      <c r="I25391" s="2">
        <v>0</v>
      </c>
      <c r="J25391" s="2">
        <v>1</v>
      </c>
      <c r="K25391" s="2">
        <v>0</v>
      </c>
      <c r="L25391" t="s">
        <v>82</v>
      </c>
      <c r="M25391" t="s">
        <v>87</v>
      </c>
      <c r="N25391" t="s">
        <v>88</v>
      </c>
      <c r="O25391" t="s">
        <v>85</v>
      </c>
      <c r="P25391" t="s">
        <v>86</v>
      </c>
      <c r="Q25391">
        <v>55</v>
      </c>
      <c r="R25391">
        <v>55</v>
      </c>
      <c r="S25391">
        <v>56</v>
      </c>
      <c r="T25391">
        <v>57</v>
      </c>
      <c r="U25391">
        <v>58</v>
      </c>
      <c r="V25391">
        <v>59</v>
      </c>
      <c r="W25391">
        <v>59</v>
      </c>
      <c r="X25391">
        <v>60</v>
      </c>
      <c r="Y25391">
        <v>61</v>
      </c>
      <c r="Z25391">
        <v>62</v>
      </c>
      <c r="AA25391">
        <v>63</v>
      </c>
      <c r="AB25391">
        <v>64</v>
      </c>
      <c r="AC25391">
        <v>65</v>
      </c>
      <c r="AD25391">
        <v>65</v>
      </c>
      <c r="AE25391">
        <v>66</v>
      </c>
      <c r="AF25391">
        <v>67</v>
      </c>
      <c r="AG25391">
        <v>68</v>
      </c>
      <c r="AH25391">
        <v>69</v>
      </c>
      <c r="AI25391">
        <v>70</v>
      </c>
      <c r="AJ25391">
        <v>71</v>
      </c>
      <c r="AK25391">
        <v>72</v>
      </c>
      <c r="AL25391">
        <v>73</v>
      </c>
      <c r="AM25391">
        <v>75</v>
      </c>
      <c r="AN25391">
        <v>76</v>
      </c>
      <c r="AO25391">
        <v>77</v>
      </c>
      <c r="AP25391">
        <v>78</v>
      </c>
      <c r="AQ25391">
        <v>79</v>
      </c>
    </row>
    <row r="25392" spans="1:43">
      <c r="A25392" t="s">
        <v>15713</v>
      </c>
      <c r="B25392" t="s">
        <v>15714</v>
      </c>
      <c r="C25392" t="s">
        <v>15703</v>
      </c>
      <c r="D25392" t="s">
        <v>15704</v>
      </c>
      <c r="E25392" t="s">
        <v>15699</v>
      </c>
      <c r="F25392" t="s">
        <v>15700</v>
      </c>
      <c r="G25392" t="s">
        <v>10734</v>
      </c>
      <c r="H25392" t="s">
        <v>10735</v>
      </c>
      <c r="I25392" s="2">
        <v>0</v>
      </c>
      <c r="J25392" s="2">
        <v>1</v>
      </c>
      <c r="K25392" s="2">
        <v>0</v>
      </c>
      <c r="L25392" t="s">
        <v>82</v>
      </c>
      <c r="M25392" t="s">
        <v>89</v>
      </c>
      <c r="N25392" t="s">
        <v>90</v>
      </c>
      <c r="O25392" t="s">
        <v>85</v>
      </c>
      <c r="P25392" t="s">
        <v>86</v>
      </c>
      <c r="Q25392">
        <v>55</v>
      </c>
      <c r="R25392">
        <v>56</v>
      </c>
      <c r="S25392">
        <v>58</v>
      </c>
      <c r="T25392">
        <v>60</v>
      </c>
      <c r="U25392">
        <v>62</v>
      </c>
      <c r="V25392">
        <v>64</v>
      </c>
      <c r="W25392">
        <v>65</v>
      </c>
      <c r="X25392">
        <v>67</v>
      </c>
      <c r="Y25392">
        <v>69</v>
      </c>
      <c r="Z25392">
        <v>71</v>
      </c>
      <c r="AA25392">
        <v>72</v>
      </c>
      <c r="AB25392">
        <v>74</v>
      </c>
      <c r="AC25392">
        <v>76</v>
      </c>
      <c r="AD25392">
        <v>78</v>
      </c>
      <c r="AE25392">
        <v>79</v>
      </c>
      <c r="AF25392">
        <v>80</v>
      </c>
      <c r="AG25392">
        <v>81</v>
      </c>
      <c r="AH25392">
        <v>82</v>
      </c>
      <c r="AI25392">
        <v>83</v>
      </c>
      <c r="AJ25392">
        <v>84</v>
      </c>
      <c r="AK25392">
        <v>85</v>
      </c>
      <c r="AL25392">
        <v>86</v>
      </c>
      <c r="AM25392">
        <v>87</v>
      </c>
      <c r="AN25392">
        <v>88</v>
      </c>
      <c r="AO25392">
        <v>89</v>
      </c>
      <c r="AP25392">
        <v>90</v>
      </c>
      <c r="AQ25392">
        <v>91</v>
      </c>
    </row>
    <row r="25393" spans="1:43">
      <c r="A25393" t="s">
        <v>15713</v>
      </c>
      <c r="B25393" t="s">
        <v>15714</v>
      </c>
      <c r="C25393" t="s">
        <v>15703</v>
      </c>
      <c r="D25393" t="s">
        <v>15704</v>
      </c>
      <c r="E25393" t="s">
        <v>15699</v>
      </c>
      <c r="F25393" t="s">
        <v>15700</v>
      </c>
      <c r="G25393" t="s">
        <v>10734</v>
      </c>
      <c r="H25393" t="s">
        <v>10735</v>
      </c>
      <c r="I25393" s="2">
        <v>0</v>
      </c>
      <c r="J25393" s="2">
        <v>1</v>
      </c>
      <c r="K25393" s="2">
        <v>0</v>
      </c>
      <c r="L25393" t="s">
        <v>82</v>
      </c>
      <c r="M25393" t="s">
        <v>83</v>
      </c>
      <c r="N25393" t="s">
        <v>91</v>
      </c>
      <c r="O25393" t="s">
        <v>85</v>
      </c>
      <c r="P25393" t="s">
        <v>86</v>
      </c>
      <c r="Q25393">
        <v>55</v>
      </c>
      <c r="R25393">
        <v>56</v>
      </c>
      <c r="S25393">
        <v>58</v>
      </c>
      <c r="T25393">
        <v>59</v>
      </c>
      <c r="U25393">
        <v>60</v>
      </c>
      <c r="V25393">
        <v>62</v>
      </c>
      <c r="W25393">
        <v>63</v>
      </c>
      <c r="X25393">
        <v>65</v>
      </c>
      <c r="Y25393">
        <v>66</v>
      </c>
      <c r="Z25393">
        <v>67</v>
      </c>
      <c r="AA25393">
        <v>69</v>
      </c>
      <c r="AB25393">
        <v>70</v>
      </c>
      <c r="AC25393">
        <v>72</v>
      </c>
      <c r="AD25393">
        <v>73</v>
      </c>
      <c r="AE25393">
        <v>75</v>
      </c>
      <c r="AF25393">
        <v>77</v>
      </c>
      <c r="AG25393">
        <v>78</v>
      </c>
      <c r="AH25393">
        <v>80</v>
      </c>
      <c r="AI25393">
        <v>81</v>
      </c>
      <c r="AJ25393">
        <v>83</v>
      </c>
      <c r="AK25393">
        <v>85</v>
      </c>
      <c r="AL25393">
        <v>86</v>
      </c>
      <c r="AM25393">
        <v>87</v>
      </c>
      <c r="AN25393">
        <v>88</v>
      </c>
      <c r="AO25393">
        <v>89</v>
      </c>
      <c r="AP25393">
        <v>90</v>
      </c>
      <c r="AQ25393">
        <v>91</v>
      </c>
    </row>
    <row r="25394" spans="1:43">
      <c r="A25394" t="s">
        <v>15715</v>
      </c>
      <c r="B25394" t="s">
        <v>15716</v>
      </c>
      <c r="C25394" t="s">
        <v>15703</v>
      </c>
      <c r="D25394" t="s">
        <v>15704</v>
      </c>
      <c r="E25394" t="s">
        <v>15699</v>
      </c>
      <c r="F25394" t="s">
        <v>15700</v>
      </c>
      <c r="G25394" t="s">
        <v>10734</v>
      </c>
      <c r="H25394" t="s">
        <v>10735</v>
      </c>
      <c r="I25394" s="2">
        <v>0</v>
      </c>
      <c r="J25394" s="2">
        <v>1</v>
      </c>
      <c r="K25394" s="2">
        <v>0</v>
      </c>
      <c r="L25394" t="s">
        <v>82</v>
      </c>
      <c r="M25394" t="s">
        <v>83</v>
      </c>
      <c r="N25394" t="s">
        <v>84</v>
      </c>
      <c r="O25394" t="s">
        <v>85</v>
      </c>
      <c r="P25394" t="s">
        <v>86</v>
      </c>
      <c r="Q25394">
        <v>48</v>
      </c>
      <c r="R25394">
        <v>49</v>
      </c>
      <c r="S25394">
        <v>50</v>
      </c>
      <c r="T25394">
        <v>52</v>
      </c>
      <c r="U25394">
        <v>53</v>
      </c>
      <c r="V25394">
        <v>54</v>
      </c>
      <c r="W25394">
        <v>55</v>
      </c>
      <c r="X25394">
        <v>56</v>
      </c>
      <c r="Y25394">
        <v>58</v>
      </c>
      <c r="Z25394">
        <v>59</v>
      </c>
      <c r="AA25394">
        <v>60</v>
      </c>
      <c r="AB25394">
        <v>61</v>
      </c>
      <c r="AC25394">
        <v>63</v>
      </c>
      <c r="AD25394">
        <v>64</v>
      </c>
      <c r="AE25394">
        <v>65</v>
      </c>
      <c r="AF25394">
        <v>67</v>
      </c>
      <c r="AG25394">
        <v>68</v>
      </c>
      <c r="AH25394">
        <v>70</v>
      </c>
      <c r="AI25394">
        <v>71</v>
      </c>
      <c r="AJ25394">
        <v>72</v>
      </c>
      <c r="AK25394">
        <v>74</v>
      </c>
      <c r="AL25394">
        <v>75</v>
      </c>
      <c r="AM25394">
        <v>76</v>
      </c>
      <c r="AN25394">
        <v>77</v>
      </c>
      <c r="AO25394">
        <v>78</v>
      </c>
      <c r="AP25394">
        <v>79</v>
      </c>
      <c r="AQ25394">
        <v>79</v>
      </c>
    </row>
    <row r="25395" spans="1:43">
      <c r="A25395" t="s">
        <v>15715</v>
      </c>
      <c r="B25395" t="s">
        <v>15716</v>
      </c>
      <c r="C25395" t="s">
        <v>15703</v>
      </c>
      <c r="D25395" t="s">
        <v>15704</v>
      </c>
      <c r="E25395" t="s">
        <v>15699</v>
      </c>
      <c r="F25395" t="s">
        <v>15700</v>
      </c>
      <c r="G25395" t="s">
        <v>10734</v>
      </c>
      <c r="H25395" t="s">
        <v>10735</v>
      </c>
      <c r="I25395" s="2">
        <v>0</v>
      </c>
      <c r="J25395" s="2">
        <v>1</v>
      </c>
      <c r="K25395" s="2">
        <v>0</v>
      </c>
      <c r="L25395" t="s">
        <v>82</v>
      </c>
      <c r="M25395" t="s">
        <v>87</v>
      </c>
      <c r="N25395" t="s">
        <v>88</v>
      </c>
      <c r="O25395" t="s">
        <v>85</v>
      </c>
      <c r="P25395" t="s">
        <v>86</v>
      </c>
      <c r="Q25395">
        <v>48</v>
      </c>
      <c r="R25395">
        <v>48</v>
      </c>
      <c r="S25395">
        <v>49</v>
      </c>
      <c r="T25395">
        <v>50</v>
      </c>
      <c r="U25395">
        <v>50</v>
      </c>
      <c r="V25395">
        <v>51</v>
      </c>
      <c r="W25395">
        <v>52</v>
      </c>
      <c r="X25395">
        <v>52</v>
      </c>
      <c r="Y25395">
        <v>53</v>
      </c>
      <c r="Z25395">
        <v>54</v>
      </c>
      <c r="AA25395">
        <v>55</v>
      </c>
      <c r="AB25395">
        <v>56</v>
      </c>
      <c r="AC25395">
        <v>56</v>
      </c>
      <c r="AD25395">
        <v>57</v>
      </c>
      <c r="AE25395">
        <v>58</v>
      </c>
      <c r="AF25395">
        <v>59</v>
      </c>
      <c r="AG25395">
        <v>60</v>
      </c>
      <c r="AH25395">
        <v>60</v>
      </c>
      <c r="AI25395">
        <v>61</v>
      </c>
      <c r="AJ25395">
        <v>62</v>
      </c>
      <c r="AK25395">
        <v>63</v>
      </c>
      <c r="AL25395">
        <v>64</v>
      </c>
      <c r="AM25395">
        <v>65</v>
      </c>
      <c r="AN25395">
        <v>66</v>
      </c>
      <c r="AO25395">
        <v>67</v>
      </c>
      <c r="AP25395">
        <v>68</v>
      </c>
      <c r="AQ25395">
        <v>69</v>
      </c>
    </row>
    <row r="25396" spans="1:43">
      <c r="A25396" t="s">
        <v>15715</v>
      </c>
      <c r="B25396" t="s">
        <v>15716</v>
      </c>
      <c r="C25396" t="s">
        <v>15703</v>
      </c>
      <c r="D25396" t="s">
        <v>15704</v>
      </c>
      <c r="E25396" t="s">
        <v>15699</v>
      </c>
      <c r="F25396" t="s">
        <v>15700</v>
      </c>
      <c r="G25396" t="s">
        <v>10734</v>
      </c>
      <c r="H25396" t="s">
        <v>10735</v>
      </c>
      <c r="I25396" s="2">
        <v>0</v>
      </c>
      <c r="J25396" s="2">
        <v>1</v>
      </c>
      <c r="K25396" s="2">
        <v>0</v>
      </c>
      <c r="L25396" t="s">
        <v>82</v>
      </c>
      <c r="M25396" t="s">
        <v>89</v>
      </c>
      <c r="N25396" t="s">
        <v>90</v>
      </c>
      <c r="O25396" t="s">
        <v>85</v>
      </c>
      <c r="P25396" t="s">
        <v>86</v>
      </c>
      <c r="Q25396">
        <v>48</v>
      </c>
      <c r="R25396">
        <v>50</v>
      </c>
      <c r="S25396">
        <v>52</v>
      </c>
      <c r="T25396">
        <v>53</v>
      </c>
      <c r="U25396">
        <v>55</v>
      </c>
      <c r="V25396">
        <v>56</v>
      </c>
      <c r="W25396">
        <v>58</v>
      </c>
      <c r="X25396">
        <v>59</v>
      </c>
      <c r="Y25396">
        <v>61</v>
      </c>
      <c r="Z25396">
        <v>62</v>
      </c>
      <c r="AA25396">
        <v>64</v>
      </c>
      <c r="AB25396">
        <v>66</v>
      </c>
      <c r="AC25396">
        <v>67</v>
      </c>
      <c r="AD25396">
        <v>69</v>
      </c>
      <c r="AE25396">
        <v>70</v>
      </c>
      <c r="AF25396">
        <v>71</v>
      </c>
      <c r="AG25396">
        <v>72</v>
      </c>
      <c r="AH25396">
        <v>72</v>
      </c>
      <c r="AI25396">
        <v>73</v>
      </c>
      <c r="AJ25396">
        <v>74</v>
      </c>
      <c r="AK25396">
        <v>75</v>
      </c>
      <c r="AL25396">
        <v>76</v>
      </c>
      <c r="AM25396">
        <v>76</v>
      </c>
      <c r="AN25396">
        <v>77</v>
      </c>
      <c r="AO25396">
        <v>78</v>
      </c>
      <c r="AP25396">
        <v>79</v>
      </c>
      <c r="AQ25396">
        <v>80</v>
      </c>
    </row>
    <row r="25397" spans="1:43">
      <c r="A25397" t="s">
        <v>15715</v>
      </c>
      <c r="B25397" t="s">
        <v>15716</v>
      </c>
      <c r="C25397" t="s">
        <v>15703</v>
      </c>
      <c r="D25397" t="s">
        <v>15704</v>
      </c>
      <c r="E25397" t="s">
        <v>15699</v>
      </c>
      <c r="F25397" t="s">
        <v>15700</v>
      </c>
      <c r="G25397" t="s">
        <v>10734</v>
      </c>
      <c r="H25397" t="s">
        <v>10735</v>
      </c>
      <c r="I25397" s="2">
        <v>0</v>
      </c>
      <c r="J25397" s="2">
        <v>1</v>
      </c>
      <c r="K25397" s="2">
        <v>0</v>
      </c>
      <c r="L25397" t="s">
        <v>82</v>
      </c>
      <c r="M25397" t="s">
        <v>83</v>
      </c>
      <c r="N25397" t="s">
        <v>91</v>
      </c>
      <c r="O25397" t="s">
        <v>85</v>
      </c>
      <c r="P25397" t="s">
        <v>86</v>
      </c>
      <c r="Q25397">
        <v>48</v>
      </c>
      <c r="R25397">
        <v>49</v>
      </c>
      <c r="S25397">
        <v>50</v>
      </c>
      <c r="T25397">
        <v>52</v>
      </c>
      <c r="U25397">
        <v>53</v>
      </c>
      <c r="V25397">
        <v>54</v>
      </c>
      <c r="W25397">
        <v>55</v>
      </c>
      <c r="X25397">
        <v>56</v>
      </c>
      <c r="Y25397">
        <v>58</v>
      </c>
      <c r="Z25397">
        <v>59</v>
      </c>
      <c r="AA25397">
        <v>60</v>
      </c>
      <c r="AB25397">
        <v>61</v>
      </c>
      <c r="AC25397">
        <v>63</v>
      </c>
      <c r="AD25397">
        <v>64</v>
      </c>
      <c r="AE25397">
        <v>65</v>
      </c>
      <c r="AF25397">
        <v>67</v>
      </c>
      <c r="AG25397">
        <v>68</v>
      </c>
      <c r="AH25397">
        <v>70</v>
      </c>
      <c r="AI25397">
        <v>71</v>
      </c>
      <c r="AJ25397">
        <v>72</v>
      </c>
      <c r="AK25397">
        <v>74</v>
      </c>
      <c r="AL25397">
        <v>75</v>
      </c>
      <c r="AM25397">
        <v>76</v>
      </c>
      <c r="AN25397">
        <v>77</v>
      </c>
      <c r="AO25397">
        <v>78</v>
      </c>
      <c r="AP25397">
        <v>79</v>
      </c>
      <c r="AQ25397">
        <v>79</v>
      </c>
    </row>
    <row r="25398" spans="1:43">
      <c r="A25398" t="s">
        <v>15717</v>
      </c>
      <c r="B25398" t="s">
        <v>15718</v>
      </c>
      <c r="C25398" t="s">
        <v>15719</v>
      </c>
      <c r="D25398" t="s">
        <v>15720</v>
      </c>
      <c r="E25398" t="s">
        <v>15699</v>
      </c>
      <c r="F25398" t="s">
        <v>15700</v>
      </c>
      <c r="G25398" t="s">
        <v>10734</v>
      </c>
      <c r="H25398" t="s">
        <v>10735</v>
      </c>
      <c r="I25398" s="2">
        <v>0.01</v>
      </c>
      <c r="J25398" s="2">
        <v>0.99</v>
      </c>
      <c r="K25398" s="2">
        <v>0</v>
      </c>
      <c r="L25398" t="s">
        <v>82</v>
      </c>
      <c r="M25398" t="s">
        <v>83</v>
      </c>
      <c r="N25398" t="s">
        <v>84</v>
      </c>
      <c r="O25398" t="s">
        <v>85</v>
      </c>
      <c r="P25398" t="s">
        <v>86</v>
      </c>
      <c r="Q25398">
        <v>39</v>
      </c>
      <c r="R25398">
        <v>40</v>
      </c>
      <c r="S25398">
        <v>41</v>
      </c>
      <c r="T25398">
        <v>42</v>
      </c>
      <c r="U25398">
        <v>43</v>
      </c>
      <c r="V25398">
        <v>44</v>
      </c>
      <c r="W25398">
        <v>45</v>
      </c>
      <c r="X25398">
        <v>46</v>
      </c>
      <c r="Y25398">
        <v>47</v>
      </c>
      <c r="Z25398">
        <v>48</v>
      </c>
      <c r="AA25398">
        <v>49</v>
      </c>
      <c r="AB25398">
        <v>50</v>
      </c>
      <c r="AC25398">
        <v>51</v>
      </c>
      <c r="AD25398">
        <v>52</v>
      </c>
      <c r="AE25398">
        <v>53</v>
      </c>
      <c r="AF25398">
        <v>54</v>
      </c>
      <c r="AG25398">
        <v>55</v>
      </c>
      <c r="AH25398">
        <v>57</v>
      </c>
      <c r="AI25398">
        <v>58</v>
      </c>
      <c r="AJ25398">
        <v>59</v>
      </c>
      <c r="AK25398">
        <v>60</v>
      </c>
      <c r="AL25398">
        <v>61</v>
      </c>
      <c r="AM25398">
        <v>62</v>
      </c>
      <c r="AN25398">
        <v>62</v>
      </c>
      <c r="AO25398">
        <v>63</v>
      </c>
      <c r="AP25398">
        <v>64</v>
      </c>
      <c r="AQ25398">
        <v>65</v>
      </c>
    </row>
    <row r="25399" spans="1:43">
      <c r="A25399" t="s">
        <v>15717</v>
      </c>
      <c r="B25399" t="s">
        <v>15718</v>
      </c>
      <c r="C25399" t="s">
        <v>15719</v>
      </c>
      <c r="D25399" t="s">
        <v>15720</v>
      </c>
      <c r="E25399" t="s">
        <v>15699</v>
      </c>
      <c r="F25399" t="s">
        <v>15700</v>
      </c>
      <c r="G25399" t="s">
        <v>10734</v>
      </c>
      <c r="H25399" t="s">
        <v>10735</v>
      </c>
      <c r="I25399" s="2">
        <v>0.01</v>
      </c>
      <c r="J25399" s="2">
        <v>0.99</v>
      </c>
      <c r="K25399" s="2">
        <v>0</v>
      </c>
      <c r="L25399" t="s">
        <v>82</v>
      </c>
      <c r="M25399" t="s">
        <v>87</v>
      </c>
      <c r="N25399" t="s">
        <v>88</v>
      </c>
      <c r="O25399" t="s">
        <v>85</v>
      </c>
      <c r="P25399" t="s">
        <v>86</v>
      </c>
      <c r="Q25399">
        <v>39</v>
      </c>
      <c r="R25399">
        <v>39</v>
      </c>
      <c r="S25399">
        <v>40</v>
      </c>
      <c r="T25399">
        <v>40</v>
      </c>
      <c r="U25399">
        <v>41</v>
      </c>
      <c r="V25399">
        <v>42</v>
      </c>
      <c r="W25399">
        <v>42</v>
      </c>
      <c r="X25399">
        <v>43</v>
      </c>
      <c r="Y25399">
        <v>43</v>
      </c>
      <c r="Z25399">
        <v>44</v>
      </c>
      <c r="AA25399">
        <v>45</v>
      </c>
      <c r="AB25399">
        <v>45</v>
      </c>
      <c r="AC25399">
        <v>46</v>
      </c>
      <c r="AD25399">
        <v>46</v>
      </c>
      <c r="AE25399">
        <v>47</v>
      </c>
      <c r="AF25399">
        <v>48</v>
      </c>
      <c r="AG25399">
        <v>48</v>
      </c>
      <c r="AH25399">
        <v>49</v>
      </c>
      <c r="AI25399">
        <v>50</v>
      </c>
      <c r="AJ25399">
        <v>51</v>
      </c>
      <c r="AK25399">
        <v>51</v>
      </c>
      <c r="AL25399">
        <v>52</v>
      </c>
      <c r="AM25399">
        <v>53</v>
      </c>
      <c r="AN25399">
        <v>54</v>
      </c>
      <c r="AO25399">
        <v>55</v>
      </c>
      <c r="AP25399">
        <v>55</v>
      </c>
      <c r="AQ25399">
        <v>56</v>
      </c>
    </row>
    <row r="25400" spans="1:43">
      <c r="A25400" t="s">
        <v>15717</v>
      </c>
      <c r="B25400" t="s">
        <v>15718</v>
      </c>
      <c r="C25400" t="s">
        <v>15719</v>
      </c>
      <c r="D25400" t="s">
        <v>15720</v>
      </c>
      <c r="E25400" t="s">
        <v>15699</v>
      </c>
      <c r="F25400" t="s">
        <v>15700</v>
      </c>
      <c r="G25400" t="s">
        <v>10734</v>
      </c>
      <c r="H25400" t="s">
        <v>10735</v>
      </c>
      <c r="I25400" s="2">
        <v>0.01</v>
      </c>
      <c r="J25400" s="2">
        <v>0.99</v>
      </c>
      <c r="K25400" s="2">
        <v>0</v>
      </c>
      <c r="L25400" t="s">
        <v>82</v>
      </c>
      <c r="M25400" t="s">
        <v>89</v>
      </c>
      <c r="N25400" t="s">
        <v>90</v>
      </c>
      <c r="O25400" t="s">
        <v>85</v>
      </c>
      <c r="P25400" t="s">
        <v>86</v>
      </c>
      <c r="Q25400">
        <v>39</v>
      </c>
      <c r="R25400">
        <v>41</v>
      </c>
      <c r="S25400">
        <v>42</v>
      </c>
      <c r="T25400">
        <v>43</v>
      </c>
      <c r="U25400">
        <v>45</v>
      </c>
      <c r="V25400">
        <v>46</v>
      </c>
      <c r="W25400">
        <v>47</v>
      </c>
      <c r="X25400">
        <v>48</v>
      </c>
      <c r="Y25400">
        <v>50</v>
      </c>
      <c r="Z25400">
        <v>51</v>
      </c>
      <c r="AA25400">
        <v>52</v>
      </c>
      <c r="AB25400">
        <v>53</v>
      </c>
      <c r="AC25400">
        <v>55</v>
      </c>
      <c r="AD25400">
        <v>56</v>
      </c>
      <c r="AE25400">
        <v>57</v>
      </c>
      <c r="AF25400">
        <v>58</v>
      </c>
      <c r="AG25400">
        <v>58</v>
      </c>
      <c r="AH25400">
        <v>59</v>
      </c>
      <c r="AI25400">
        <v>60</v>
      </c>
      <c r="AJ25400">
        <v>60</v>
      </c>
      <c r="AK25400">
        <v>61</v>
      </c>
      <c r="AL25400">
        <v>62</v>
      </c>
      <c r="AM25400">
        <v>62</v>
      </c>
      <c r="AN25400">
        <v>63</v>
      </c>
      <c r="AO25400">
        <v>64</v>
      </c>
      <c r="AP25400">
        <v>64</v>
      </c>
      <c r="AQ25400">
        <v>65</v>
      </c>
    </row>
    <row r="25401" spans="1:43">
      <c r="A25401" t="s">
        <v>15717</v>
      </c>
      <c r="B25401" t="s">
        <v>15718</v>
      </c>
      <c r="C25401" t="s">
        <v>15719</v>
      </c>
      <c r="D25401" t="s">
        <v>15720</v>
      </c>
      <c r="E25401" t="s">
        <v>15699</v>
      </c>
      <c r="F25401" t="s">
        <v>15700</v>
      </c>
      <c r="G25401" t="s">
        <v>10734</v>
      </c>
      <c r="H25401" t="s">
        <v>10735</v>
      </c>
      <c r="I25401" s="2">
        <v>0.01</v>
      </c>
      <c r="J25401" s="2">
        <v>0.99</v>
      </c>
      <c r="K25401" s="2">
        <v>0</v>
      </c>
      <c r="L25401" t="s">
        <v>82</v>
      </c>
      <c r="M25401" t="s">
        <v>83</v>
      </c>
      <c r="N25401" t="s">
        <v>91</v>
      </c>
      <c r="O25401" t="s">
        <v>85</v>
      </c>
      <c r="P25401" t="s">
        <v>86</v>
      </c>
      <c r="Q25401">
        <v>39</v>
      </c>
      <c r="R25401">
        <v>40</v>
      </c>
      <c r="S25401">
        <v>41</v>
      </c>
      <c r="T25401">
        <v>42</v>
      </c>
      <c r="U25401">
        <v>43</v>
      </c>
      <c r="V25401">
        <v>44</v>
      </c>
      <c r="W25401">
        <v>45</v>
      </c>
      <c r="X25401">
        <v>46</v>
      </c>
      <c r="Y25401">
        <v>47</v>
      </c>
      <c r="Z25401">
        <v>48</v>
      </c>
      <c r="AA25401">
        <v>49</v>
      </c>
      <c r="AB25401">
        <v>50</v>
      </c>
      <c r="AC25401">
        <v>51</v>
      </c>
      <c r="AD25401">
        <v>52</v>
      </c>
      <c r="AE25401">
        <v>53</v>
      </c>
      <c r="AF25401">
        <v>54</v>
      </c>
      <c r="AG25401">
        <v>55</v>
      </c>
      <c r="AH25401">
        <v>57</v>
      </c>
      <c r="AI25401">
        <v>58</v>
      </c>
      <c r="AJ25401">
        <v>59</v>
      </c>
      <c r="AK25401">
        <v>60</v>
      </c>
      <c r="AL25401">
        <v>61</v>
      </c>
      <c r="AM25401">
        <v>62</v>
      </c>
      <c r="AN25401">
        <v>62</v>
      </c>
      <c r="AO25401">
        <v>63</v>
      </c>
      <c r="AP25401">
        <v>64</v>
      </c>
      <c r="AQ25401">
        <v>65</v>
      </c>
    </row>
    <row r="25402" spans="1:43">
      <c r="A25402" t="s">
        <v>15721</v>
      </c>
      <c r="B25402" t="s">
        <v>15722</v>
      </c>
      <c r="C25402" t="s">
        <v>15719</v>
      </c>
      <c r="D25402" t="s">
        <v>15720</v>
      </c>
      <c r="E25402" t="s">
        <v>15699</v>
      </c>
      <c r="F25402" t="s">
        <v>15700</v>
      </c>
      <c r="G25402" t="s">
        <v>10734</v>
      </c>
      <c r="H25402" t="s">
        <v>10735</v>
      </c>
      <c r="I25402" s="2">
        <v>0.05</v>
      </c>
      <c r="J25402" s="2">
        <v>0.95</v>
      </c>
      <c r="K25402" s="2">
        <v>0</v>
      </c>
      <c r="L25402" t="s">
        <v>82</v>
      </c>
      <c r="M25402" t="s">
        <v>83</v>
      </c>
      <c r="N25402" t="s">
        <v>84</v>
      </c>
      <c r="O25402" t="s">
        <v>85</v>
      </c>
      <c r="P25402" t="s">
        <v>86</v>
      </c>
      <c r="Q25402">
        <v>63</v>
      </c>
      <c r="R25402">
        <v>65</v>
      </c>
      <c r="S25402">
        <v>66</v>
      </c>
      <c r="T25402">
        <v>68</v>
      </c>
      <c r="U25402">
        <v>69</v>
      </c>
      <c r="V25402">
        <v>71</v>
      </c>
      <c r="W25402">
        <v>73</v>
      </c>
      <c r="X25402">
        <v>74</v>
      </c>
      <c r="Y25402">
        <v>76</v>
      </c>
      <c r="Z25402">
        <v>78</v>
      </c>
      <c r="AA25402">
        <v>79</v>
      </c>
      <c r="AB25402">
        <v>81</v>
      </c>
      <c r="AC25402">
        <v>83</v>
      </c>
      <c r="AD25402">
        <v>84</v>
      </c>
      <c r="AE25402">
        <v>86</v>
      </c>
      <c r="AF25402">
        <v>88</v>
      </c>
      <c r="AG25402">
        <v>90</v>
      </c>
      <c r="AH25402">
        <v>92</v>
      </c>
      <c r="AI25402">
        <v>94</v>
      </c>
      <c r="AJ25402">
        <v>95</v>
      </c>
      <c r="AK25402">
        <v>97</v>
      </c>
      <c r="AL25402">
        <v>99</v>
      </c>
      <c r="AM25402">
        <v>100</v>
      </c>
      <c r="AN25402">
        <v>101</v>
      </c>
      <c r="AO25402">
        <v>102</v>
      </c>
      <c r="AP25402">
        <v>103</v>
      </c>
      <c r="AQ25402">
        <v>105</v>
      </c>
    </row>
    <row r="25403" spans="1:43">
      <c r="A25403" t="s">
        <v>15721</v>
      </c>
      <c r="B25403" t="s">
        <v>15722</v>
      </c>
      <c r="C25403" t="s">
        <v>15719</v>
      </c>
      <c r="D25403" t="s">
        <v>15720</v>
      </c>
      <c r="E25403" t="s">
        <v>15699</v>
      </c>
      <c r="F25403" t="s">
        <v>15700</v>
      </c>
      <c r="G25403" t="s">
        <v>10734</v>
      </c>
      <c r="H25403" t="s">
        <v>10735</v>
      </c>
      <c r="I25403" s="2">
        <v>0.05</v>
      </c>
      <c r="J25403" s="2">
        <v>0.95</v>
      </c>
      <c r="K25403" s="2">
        <v>0</v>
      </c>
      <c r="L25403" t="s">
        <v>82</v>
      </c>
      <c r="M25403" t="s">
        <v>87</v>
      </c>
      <c r="N25403" t="s">
        <v>88</v>
      </c>
      <c r="O25403" t="s">
        <v>85</v>
      </c>
      <c r="P25403" t="s">
        <v>86</v>
      </c>
      <c r="Q25403">
        <v>63</v>
      </c>
      <c r="R25403">
        <v>64</v>
      </c>
      <c r="S25403">
        <v>65</v>
      </c>
      <c r="T25403">
        <v>65</v>
      </c>
      <c r="U25403">
        <v>66</v>
      </c>
      <c r="V25403">
        <v>67</v>
      </c>
      <c r="W25403">
        <v>68</v>
      </c>
      <c r="X25403">
        <v>69</v>
      </c>
      <c r="Y25403">
        <v>70</v>
      </c>
      <c r="Z25403">
        <v>71</v>
      </c>
      <c r="AA25403">
        <v>72</v>
      </c>
      <c r="AB25403">
        <v>73</v>
      </c>
      <c r="AC25403">
        <v>74</v>
      </c>
      <c r="AD25403">
        <v>75</v>
      </c>
      <c r="AE25403">
        <v>76</v>
      </c>
      <c r="AF25403">
        <v>77</v>
      </c>
      <c r="AG25403">
        <v>78</v>
      </c>
      <c r="AH25403">
        <v>80</v>
      </c>
      <c r="AI25403">
        <v>81</v>
      </c>
      <c r="AJ25403">
        <v>82</v>
      </c>
      <c r="AK25403">
        <v>83</v>
      </c>
      <c r="AL25403">
        <v>84</v>
      </c>
      <c r="AM25403">
        <v>86</v>
      </c>
      <c r="AN25403">
        <v>87</v>
      </c>
      <c r="AO25403">
        <v>88</v>
      </c>
      <c r="AP25403">
        <v>90</v>
      </c>
      <c r="AQ25403">
        <v>91</v>
      </c>
    </row>
    <row r="25404" spans="1:43">
      <c r="A25404" t="s">
        <v>15721</v>
      </c>
      <c r="B25404" t="s">
        <v>15722</v>
      </c>
      <c r="C25404" t="s">
        <v>15719</v>
      </c>
      <c r="D25404" t="s">
        <v>15720</v>
      </c>
      <c r="E25404" t="s">
        <v>15699</v>
      </c>
      <c r="F25404" t="s">
        <v>15700</v>
      </c>
      <c r="G25404" t="s">
        <v>10734</v>
      </c>
      <c r="H25404" t="s">
        <v>10735</v>
      </c>
      <c r="I25404" s="2">
        <v>0.05</v>
      </c>
      <c r="J25404" s="2">
        <v>0.95</v>
      </c>
      <c r="K25404" s="2">
        <v>0</v>
      </c>
      <c r="L25404" t="s">
        <v>82</v>
      </c>
      <c r="M25404" t="s">
        <v>89</v>
      </c>
      <c r="N25404" t="s">
        <v>90</v>
      </c>
      <c r="O25404" t="s">
        <v>85</v>
      </c>
      <c r="P25404" t="s">
        <v>86</v>
      </c>
      <c r="Q25404">
        <v>63</v>
      </c>
      <c r="R25404">
        <v>65</v>
      </c>
      <c r="S25404">
        <v>67</v>
      </c>
      <c r="T25404">
        <v>69</v>
      </c>
      <c r="U25404">
        <v>71</v>
      </c>
      <c r="V25404">
        <v>73</v>
      </c>
      <c r="W25404">
        <v>75</v>
      </c>
      <c r="X25404">
        <v>77</v>
      </c>
      <c r="Y25404">
        <v>79</v>
      </c>
      <c r="Z25404">
        <v>81</v>
      </c>
      <c r="AA25404">
        <v>83</v>
      </c>
      <c r="AB25404">
        <v>85</v>
      </c>
      <c r="AC25404">
        <v>87</v>
      </c>
      <c r="AD25404">
        <v>90</v>
      </c>
      <c r="AE25404">
        <v>91</v>
      </c>
      <c r="AF25404">
        <v>92</v>
      </c>
      <c r="AG25404">
        <v>93</v>
      </c>
      <c r="AH25404">
        <v>94</v>
      </c>
      <c r="AI25404">
        <v>95</v>
      </c>
      <c r="AJ25404">
        <v>96</v>
      </c>
      <c r="AK25404">
        <v>98</v>
      </c>
      <c r="AL25404">
        <v>99</v>
      </c>
      <c r="AM25404">
        <v>100</v>
      </c>
      <c r="AN25404">
        <v>101</v>
      </c>
      <c r="AO25404">
        <v>102</v>
      </c>
      <c r="AP25404">
        <v>103</v>
      </c>
      <c r="AQ25404">
        <v>104</v>
      </c>
    </row>
    <row r="25405" spans="1:43">
      <c r="A25405" t="s">
        <v>15721</v>
      </c>
      <c r="B25405" t="s">
        <v>15722</v>
      </c>
      <c r="C25405" t="s">
        <v>15719</v>
      </c>
      <c r="D25405" t="s">
        <v>15720</v>
      </c>
      <c r="E25405" t="s">
        <v>15699</v>
      </c>
      <c r="F25405" t="s">
        <v>15700</v>
      </c>
      <c r="G25405" t="s">
        <v>10734</v>
      </c>
      <c r="H25405" t="s">
        <v>10735</v>
      </c>
      <c r="I25405" s="2">
        <v>0.05</v>
      </c>
      <c r="J25405" s="2">
        <v>0.95</v>
      </c>
      <c r="K25405" s="2">
        <v>0</v>
      </c>
      <c r="L25405" t="s">
        <v>82</v>
      </c>
      <c r="M25405" t="s">
        <v>83</v>
      </c>
      <c r="N25405" t="s">
        <v>91</v>
      </c>
      <c r="O25405" t="s">
        <v>85</v>
      </c>
      <c r="P25405" t="s">
        <v>86</v>
      </c>
      <c r="Q25405">
        <v>63</v>
      </c>
      <c r="R25405">
        <v>65</v>
      </c>
      <c r="S25405">
        <v>66</v>
      </c>
      <c r="T25405">
        <v>68</v>
      </c>
      <c r="U25405">
        <v>69</v>
      </c>
      <c r="V25405">
        <v>71</v>
      </c>
      <c r="W25405">
        <v>73</v>
      </c>
      <c r="X25405">
        <v>74</v>
      </c>
      <c r="Y25405">
        <v>76</v>
      </c>
      <c r="Z25405">
        <v>78</v>
      </c>
      <c r="AA25405">
        <v>79</v>
      </c>
      <c r="AB25405">
        <v>81</v>
      </c>
      <c r="AC25405">
        <v>83</v>
      </c>
      <c r="AD25405">
        <v>84</v>
      </c>
      <c r="AE25405">
        <v>86</v>
      </c>
      <c r="AF25405">
        <v>88</v>
      </c>
      <c r="AG25405">
        <v>90</v>
      </c>
      <c r="AH25405">
        <v>92</v>
      </c>
      <c r="AI25405">
        <v>94</v>
      </c>
      <c r="AJ25405">
        <v>95</v>
      </c>
      <c r="AK25405">
        <v>97</v>
      </c>
      <c r="AL25405">
        <v>99</v>
      </c>
      <c r="AM25405">
        <v>100</v>
      </c>
      <c r="AN25405">
        <v>101</v>
      </c>
      <c r="AO25405">
        <v>102</v>
      </c>
      <c r="AP25405">
        <v>103</v>
      </c>
      <c r="AQ25405">
        <v>105</v>
      </c>
    </row>
    <row r="25406" spans="1:43">
      <c r="A25406" t="s">
        <v>15723</v>
      </c>
      <c r="B25406" t="s">
        <v>15724</v>
      </c>
      <c r="C25406" t="s">
        <v>15719</v>
      </c>
      <c r="D25406" t="s">
        <v>15720</v>
      </c>
      <c r="E25406" t="s">
        <v>15699</v>
      </c>
      <c r="F25406" t="s">
        <v>15700</v>
      </c>
      <c r="G25406" t="s">
        <v>10734</v>
      </c>
      <c r="H25406" t="s">
        <v>10735</v>
      </c>
      <c r="I25406" s="2">
        <v>0</v>
      </c>
      <c r="J25406" s="2">
        <v>1</v>
      </c>
      <c r="K25406" s="2">
        <v>0</v>
      </c>
      <c r="L25406" t="s">
        <v>82</v>
      </c>
      <c r="M25406" t="s">
        <v>83</v>
      </c>
      <c r="N25406" t="s">
        <v>84</v>
      </c>
      <c r="O25406" t="s">
        <v>85</v>
      </c>
      <c r="P25406" t="s">
        <v>86</v>
      </c>
      <c r="Q25406">
        <v>12</v>
      </c>
      <c r="R25406">
        <v>12</v>
      </c>
      <c r="S25406">
        <v>12</v>
      </c>
      <c r="T25406">
        <v>12</v>
      </c>
      <c r="U25406">
        <v>13</v>
      </c>
      <c r="V25406">
        <v>13</v>
      </c>
      <c r="W25406">
        <v>13</v>
      </c>
      <c r="X25406">
        <v>13</v>
      </c>
      <c r="Y25406">
        <v>14</v>
      </c>
      <c r="Z25406">
        <v>14</v>
      </c>
      <c r="AA25406">
        <v>14</v>
      </c>
      <c r="AB25406">
        <v>15</v>
      </c>
      <c r="AC25406">
        <v>15</v>
      </c>
      <c r="AD25406">
        <v>15</v>
      </c>
      <c r="AE25406">
        <v>16</v>
      </c>
      <c r="AF25406">
        <v>16</v>
      </c>
      <c r="AG25406">
        <v>16</v>
      </c>
      <c r="AH25406">
        <v>17</v>
      </c>
      <c r="AI25406">
        <v>17</v>
      </c>
      <c r="AJ25406">
        <v>17</v>
      </c>
      <c r="AK25406">
        <v>18</v>
      </c>
      <c r="AL25406">
        <v>18</v>
      </c>
      <c r="AM25406">
        <v>18</v>
      </c>
      <c r="AN25406">
        <v>18</v>
      </c>
      <c r="AO25406">
        <v>19</v>
      </c>
      <c r="AP25406">
        <v>19</v>
      </c>
      <c r="AQ25406">
        <v>19</v>
      </c>
    </row>
    <row r="25407" spans="1:43">
      <c r="A25407" t="s">
        <v>15723</v>
      </c>
      <c r="B25407" t="s">
        <v>15724</v>
      </c>
      <c r="C25407" t="s">
        <v>15719</v>
      </c>
      <c r="D25407" t="s">
        <v>15720</v>
      </c>
      <c r="E25407" t="s">
        <v>15699</v>
      </c>
      <c r="F25407" t="s">
        <v>15700</v>
      </c>
      <c r="G25407" t="s">
        <v>10734</v>
      </c>
      <c r="H25407" t="s">
        <v>10735</v>
      </c>
      <c r="I25407" s="2">
        <v>0</v>
      </c>
      <c r="J25407" s="2">
        <v>1</v>
      </c>
      <c r="K25407" s="2">
        <v>0</v>
      </c>
      <c r="L25407" t="s">
        <v>82</v>
      </c>
      <c r="M25407" t="s">
        <v>87</v>
      </c>
      <c r="N25407" t="s">
        <v>88</v>
      </c>
      <c r="O25407" t="s">
        <v>85</v>
      </c>
      <c r="P25407" t="s">
        <v>86</v>
      </c>
      <c r="Q25407">
        <v>12</v>
      </c>
      <c r="R25407">
        <v>13</v>
      </c>
      <c r="S25407">
        <v>13</v>
      </c>
      <c r="T25407">
        <v>13</v>
      </c>
      <c r="U25407">
        <v>13</v>
      </c>
      <c r="V25407">
        <v>13</v>
      </c>
      <c r="W25407">
        <v>13</v>
      </c>
      <c r="X25407">
        <v>14</v>
      </c>
      <c r="Y25407">
        <v>14</v>
      </c>
      <c r="Z25407">
        <v>14</v>
      </c>
      <c r="AA25407">
        <v>14</v>
      </c>
      <c r="AB25407">
        <v>14</v>
      </c>
      <c r="AC25407">
        <v>14</v>
      </c>
      <c r="AD25407">
        <v>15</v>
      </c>
      <c r="AE25407">
        <v>15</v>
      </c>
      <c r="AF25407">
        <v>15</v>
      </c>
      <c r="AG25407">
        <v>15</v>
      </c>
      <c r="AH25407">
        <v>15</v>
      </c>
      <c r="AI25407">
        <v>16</v>
      </c>
      <c r="AJ25407">
        <v>16</v>
      </c>
      <c r="AK25407">
        <v>16</v>
      </c>
      <c r="AL25407">
        <v>16</v>
      </c>
      <c r="AM25407">
        <v>17</v>
      </c>
      <c r="AN25407">
        <v>17</v>
      </c>
      <c r="AO25407">
        <v>17</v>
      </c>
      <c r="AP25407">
        <v>17</v>
      </c>
      <c r="AQ25407">
        <v>18</v>
      </c>
    </row>
    <row r="25408" spans="1:43">
      <c r="A25408" t="s">
        <v>15723</v>
      </c>
      <c r="B25408" t="s">
        <v>15724</v>
      </c>
      <c r="C25408" t="s">
        <v>15719</v>
      </c>
      <c r="D25408" t="s">
        <v>15720</v>
      </c>
      <c r="E25408" t="s">
        <v>15699</v>
      </c>
      <c r="F25408" t="s">
        <v>15700</v>
      </c>
      <c r="G25408" t="s">
        <v>10734</v>
      </c>
      <c r="H25408" t="s">
        <v>10735</v>
      </c>
      <c r="I25408" s="2">
        <v>0</v>
      </c>
      <c r="J25408" s="2">
        <v>1</v>
      </c>
      <c r="K25408" s="2">
        <v>0</v>
      </c>
      <c r="L25408" t="s">
        <v>82</v>
      </c>
      <c r="M25408" t="s">
        <v>89</v>
      </c>
      <c r="N25408" t="s">
        <v>90</v>
      </c>
      <c r="O25408" t="s">
        <v>85</v>
      </c>
      <c r="P25408" t="s">
        <v>86</v>
      </c>
      <c r="Q25408">
        <v>12</v>
      </c>
      <c r="R25408">
        <v>12</v>
      </c>
      <c r="S25408">
        <v>12</v>
      </c>
      <c r="T25408">
        <v>13</v>
      </c>
      <c r="U25408">
        <v>13</v>
      </c>
      <c r="V25408">
        <v>14</v>
      </c>
      <c r="W25408">
        <v>14</v>
      </c>
      <c r="X25408">
        <v>14</v>
      </c>
      <c r="Y25408">
        <v>15</v>
      </c>
      <c r="Z25408">
        <v>15</v>
      </c>
      <c r="AA25408">
        <v>15</v>
      </c>
      <c r="AB25408">
        <v>16</v>
      </c>
      <c r="AC25408">
        <v>16</v>
      </c>
      <c r="AD25408">
        <v>17</v>
      </c>
      <c r="AE25408">
        <v>17</v>
      </c>
      <c r="AF25408">
        <v>17</v>
      </c>
      <c r="AG25408">
        <v>17</v>
      </c>
      <c r="AH25408">
        <v>17</v>
      </c>
      <c r="AI25408">
        <v>18</v>
      </c>
      <c r="AJ25408">
        <v>18</v>
      </c>
      <c r="AK25408">
        <v>18</v>
      </c>
      <c r="AL25408">
        <v>18</v>
      </c>
      <c r="AM25408">
        <v>18</v>
      </c>
      <c r="AN25408">
        <v>19</v>
      </c>
      <c r="AO25408">
        <v>19</v>
      </c>
      <c r="AP25408">
        <v>19</v>
      </c>
      <c r="AQ25408">
        <v>19</v>
      </c>
    </row>
    <row r="25409" spans="1:43">
      <c r="A25409" t="s">
        <v>15723</v>
      </c>
      <c r="B25409" t="s">
        <v>15724</v>
      </c>
      <c r="C25409" t="s">
        <v>15719</v>
      </c>
      <c r="D25409" t="s">
        <v>15720</v>
      </c>
      <c r="E25409" t="s">
        <v>15699</v>
      </c>
      <c r="F25409" t="s">
        <v>15700</v>
      </c>
      <c r="G25409" t="s">
        <v>10734</v>
      </c>
      <c r="H25409" t="s">
        <v>10735</v>
      </c>
      <c r="I25409" s="2">
        <v>0</v>
      </c>
      <c r="J25409" s="2">
        <v>1</v>
      </c>
      <c r="K25409" s="2">
        <v>0</v>
      </c>
      <c r="L25409" t="s">
        <v>82</v>
      </c>
      <c r="M25409" t="s">
        <v>83</v>
      </c>
      <c r="N25409" t="s">
        <v>91</v>
      </c>
      <c r="O25409" t="s">
        <v>85</v>
      </c>
      <c r="P25409" t="s">
        <v>86</v>
      </c>
      <c r="Q25409">
        <v>12</v>
      </c>
      <c r="R25409">
        <v>12</v>
      </c>
      <c r="S25409">
        <v>12</v>
      </c>
      <c r="T25409">
        <v>12</v>
      </c>
      <c r="U25409">
        <v>13</v>
      </c>
      <c r="V25409">
        <v>13</v>
      </c>
      <c r="W25409">
        <v>13</v>
      </c>
      <c r="X25409">
        <v>13</v>
      </c>
      <c r="Y25409">
        <v>14</v>
      </c>
      <c r="Z25409">
        <v>14</v>
      </c>
      <c r="AA25409">
        <v>14</v>
      </c>
      <c r="AB25409">
        <v>15</v>
      </c>
      <c r="AC25409">
        <v>15</v>
      </c>
      <c r="AD25409">
        <v>15</v>
      </c>
      <c r="AE25409">
        <v>16</v>
      </c>
      <c r="AF25409">
        <v>16</v>
      </c>
      <c r="AG25409">
        <v>16</v>
      </c>
      <c r="AH25409">
        <v>17</v>
      </c>
      <c r="AI25409">
        <v>17</v>
      </c>
      <c r="AJ25409">
        <v>17</v>
      </c>
      <c r="AK25409">
        <v>18</v>
      </c>
      <c r="AL25409">
        <v>18</v>
      </c>
      <c r="AM25409">
        <v>18</v>
      </c>
      <c r="AN25409">
        <v>18</v>
      </c>
      <c r="AO25409">
        <v>19</v>
      </c>
      <c r="AP25409">
        <v>19</v>
      </c>
      <c r="AQ25409">
        <v>19</v>
      </c>
    </row>
    <row r="25410" spans="1:43">
      <c r="A25410" t="s">
        <v>15725</v>
      </c>
      <c r="B25410" t="s">
        <v>15726</v>
      </c>
      <c r="C25410" t="s">
        <v>15719</v>
      </c>
      <c r="D25410" t="s">
        <v>15720</v>
      </c>
      <c r="E25410" t="s">
        <v>15699</v>
      </c>
      <c r="F25410" t="s">
        <v>15700</v>
      </c>
      <c r="G25410" t="s">
        <v>10734</v>
      </c>
      <c r="H25410" t="s">
        <v>10735</v>
      </c>
      <c r="I25410" s="2">
        <v>0</v>
      </c>
      <c r="J25410" s="2">
        <v>1</v>
      </c>
      <c r="K25410" s="2">
        <v>0</v>
      </c>
      <c r="L25410" t="s">
        <v>82</v>
      </c>
      <c r="M25410" t="s">
        <v>83</v>
      </c>
      <c r="N25410" t="s">
        <v>84</v>
      </c>
      <c r="O25410" t="s">
        <v>85</v>
      </c>
      <c r="P25410" t="s">
        <v>86</v>
      </c>
      <c r="Q25410">
        <v>9</v>
      </c>
      <c r="R25410">
        <v>9</v>
      </c>
      <c r="S25410">
        <v>9</v>
      </c>
      <c r="T25410">
        <v>9</v>
      </c>
      <c r="U25410">
        <v>10</v>
      </c>
      <c r="V25410">
        <v>10</v>
      </c>
      <c r="W25410">
        <v>10</v>
      </c>
      <c r="X25410">
        <v>10</v>
      </c>
      <c r="Y25410">
        <v>10</v>
      </c>
      <c r="Z25410">
        <v>11</v>
      </c>
      <c r="AA25410">
        <v>11</v>
      </c>
      <c r="AB25410">
        <v>11</v>
      </c>
      <c r="AC25410">
        <v>11</v>
      </c>
      <c r="AD25410">
        <v>12</v>
      </c>
      <c r="AE25410">
        <v>12</v>
      </c>
      <c r="AF25410">
        <v>12</v>
      </c>
      <c r="AG25410">
        <v>12</v>
      </c>
      <c r="AH25410">
        <v>13</v>
      </c>
      <c r="AI25410">
        <v>13</v>
      </c>
      <c r="AJ25410">
        <v>13</v>
      </c>
      <c r="AK25410">
        <v>13</v>
      </c>
      <c r="AL25410">
        <v>14</v>
      </c>
      <c r="AM25410">
        <v>14</v>
      </c>
      <c r="AN25410">
        <v>14</v>
      </c>
      <c r="AO25410">
        <v>14</v>
      </c>
      <c r="AP25410">
        <v>14</v>
      </c>
      <c r="AQ25410">
        <v>14</v>
      </c>
    </row>
    <row r="25411" spans="1:43">
      <c r="A25411" t="s">
        <v>15725</v>
      </c>
      <c r="B25411" t="s">
        <v>15726</v>
      </c>
      <c r="C25411" t="s">
        <v>15719</v>
      </c>
      <c r="D25411" t="s">
        <v>15720</v>
      </c>
      <c r="E25411" t="s">
        <v>15699</v>
      </c>
      <c r="F25411" t="s">
        <v>15700</v>
      </c>
      <c r="G25411" t="s">
        <v>10734</v>
      </c>
      <c r="H25411" t="s">
        <v>10735</v>
      </c>
      <c r="I25411" s="2">
        <v>0</v>
      </c>
      <c r="J25411" s="2">
        <v>1</v>
      </c>
      <c r="K25411" s="2">
        <v>0</v>
      </c>
      <c r="L25411" t="s">
        <v>82</v>
      </c>
      <c r="M25411" t="s">
        <v>87</v>
      </c>
      <c r="N25411" t="s">
        <v>88</v>
      </c>
      <c r="O25411" t="s">
        <v>85</v>
      </c>
      <c r="P25411" t="s">
        <v>86</v>
      </c>
      <c r="Q25411">
        <v>9</v>
      </c>
      <c r="R25411">
        <v>9</v>
      </c>
      <c r="S25411">
        <v>9</v>
      </c>
      <c r="T25411">
        <v>9</v>
      </c>
      <c r="U25411">
        <v>9</v>
      </c>
      <c r="V25411">
        <v>9</v>
      </c>
      <c r="W25411">
        <v>9</v>
      </c>
      <c r="X25411">
        <v>9</v>
      </c>
      <c r="Y25411">
        <v>10</v>
      </c>
      <c r="Z25411">
        <v>10</v>
      </c>
      <c r="AA25411">
        <v>10</v>
      </c>
      <c r="AB25411">
        <v>10</v>
      </c>
      <c r="AC25411">
        <v>10</v>
      </c>
      <c r="AD25411">
        <v>10</v>
      </c>
      <c r="AE25411">
        <v>10</v>
      </c>
      <c r="AF25411">
        <v>11</v>
      </c>
      <c r="AG25411">
        <v>11</v>
      </c>
      <c r="AH25411">
        <v>11</v>
      </c>
      <c r="AI25411">
        <v>11</v>
      </c>
      <c r="AJ25411">
        <v>11</v>
      </c>
      <c r="AK25411">
        <v>11</v>
      </c>
      <c r="AL25411">
        <v>12</v>
      </c>
      <c r="AM25411">
        <v>12</v>
      </c>
      <c r="AN25411">
        <v>12</v>
      </c>
      <c r="AO25411">
        <v>12</v>
      </c>
      <c r="AP25411">
        <v>12</v>
      </c>
      <c r="AQ25411">
        <v>12</v>
      </c>
    </row>
    <row r="25412" spans="1:43">
      <c r="A25412" t="s">
        <v>15725</v>
      </c>
      <c r="B25412" t="s">
        <v>15726</v>
      </c>
      <c r="C25412" t="s">
        <v>15719</v>
      </c>
      <c r="D25412" t="s">
        <v>15720</v>
      </c>
      <c r="E25412" t="s">
        <v>15699</v>
      </c>
      <c r="F25412" t="s">
        <v>15700</v>
      </c>
      <c r="G25412" t="s">
        <v>10734</v>
      </c>
      <c r="H25412" t="s">
        <v>10735</v>
      </c>
      <c r="I25412" s="2">
        <v>0</v>
      </c>
      <c r="J25412" s="2">
        <v>1</v>
      </c>
      <c r="K25412" s="2">
        <v>0</v>
      </c>
      <c r="L25412" t="s">
        <v>82</v>
      </c>
      <c r="M25412" t="s">
        <v>89</v>
      </c>
      <c r="N25412" t="s">
        <v>90</v>
      </c>
      <c r="O25412" t="s">
        <v>85</v>
      </c>
      <c r="P25412" t="s">
        <v>86</v>
      </c>
      <c r="Q25412">
        <v>9</v>
      </c>
      <c r="R25412">
        <v>9</v>
      </c>
      <c r="S25412">
        <v>9</v>
      </c>
      <c r="T25412">
        <v>10</v>
      </c>
      <c r="U25412">
        <v>10</v>
      </c>
      <c r="V25412">
        <v>10</v>
      </c>
      <c r="W25412">
        <v>10</v>
      </c>
      <c r="X25412">
        <v>11</v>
      </c>
      <c r="Y25412">
        <v>11</v>
      </c>
      <c r="Z25412">
        <v>11</v>
      </c>
      <c r="AA25412">
        <v>12</v>
      </c>
      <c r="AB25412">
        <v>12</v>
      </c>
      <c r="AC25412">
        <v>12</v>
      </c>
      <c r="AD25412">
        <v>12</v>
      </c>
      <c r="AE25412">
        <v>13</v>
      </c>
      <c r="AF25412">
        <v>13</v>
      </c>
      <c r="AG25412">
        <v>13</v>
      </c>
      <c r="AH25412">
        <v>13</v>
      </c>
      <c r="AI25412">
        <v>13</v>
      </c>
      <c r="AJ25412">
        <v>13</v>
      </c>
      <c r="AK25412">
        <v>14</v>
      </c>
      <c r="AL25412">
        <v>14</v>
      </c>
      <c r="AM25412">
        <v>14</v>
      </c>
      <c r="AN25412">
        <v>14</v>
      </c>
      <c r="AO25412">
        <v>14</v>
      </c>
      <c r="AP25412">
        <v>14</v>
      </c>
      <c r="AQ25412">
        <v>14</v>
      </c>
    </row>
    <row r="25413" spans="1:43">
      <c r="A25413" t="s">
        <v>15725</v>
      </c>
      <c r="B25413" t="s">
        <v>15726</v>
      </c>
      <c r="C25413" t="s">
        <v>15719</v>
      </c>
      <c r="D25413" t="s">
        <v>15720</v>
      </c>
      <c r="E25413" t="s">
        <v>15699</v>
      </c>
      <c r="F25413" t="s">
        <v>15700</v>
      </c>
      <c r="G25413" t="s">
        <v>10734</v>
      </c>
      <c r="H25413" t="s">
        <v>10735</v>
      </c>
      <c r="I25413" s="2">
        <v>0</v>
      </c>
      <c r="J25413" s="2">
        <v>1</v>
      </c>
      <c r="K25413" s="2">
        <v>0</v>
      </c>
      <c r="L25413" t="s">
        <v>82</v>
      </c>
      <c r="M25413" t="s">
        <v>83</v>
      </c>
      <c r="N25413" t="s">
        <v>91</v>
      </c>
      <c r="O25413" t="s">
        <v>85</v>
      </c>
      <c r="P25413" t="s">
        <v>86</v>
      </c>
      <c r="Q25413">
        <v>9</v>
      </c>
      <c r="R25413">
        <v>9</v>
      </c>
      <c r="S25413">
        <v>9</v>
      </c>
      <c r="T25413">
        <v>9</v>
      </c>
      <c r="U25413">
        <v>10</v>
      </c>
      <c r="V25413">
        <v>10</v>
      </c>
      <c r="W25413">
        <v>10</v>
      </c>
      <c r="X25413">
        <v>10</v>
      </c>
      <c r="Y25413">
        <v>10</v>
      </c>
      <c r="Z25413">
        <v>11</v>
      </c>
      <c r="AA25413">
        <v>11</v>
      </c>
      <c r="AB25413">
        <v>11</v>
      </c>
      <c r="AC25413">
        <v>11</v>
      </c>
      <c r="AD25413">
        <v>12</v>
      </c>
      <c r="AE25413">
        <v>12</v>
      </c>
      <c r="AF25413">
        <v>12</v>
      </c>
      <c r="AG25413">
        <v>12</v>
      </c>
      <c r="AH25413">
        <v>13</v>
      </c>
      <c r="AI25413">
        <v>13</v>
      </c>
      <c r="AJ25413">
        <v>13</v>
      </c>
      <c r="AK25413">
        <v>13</v>
      </c>
      <c r="AL25413">
        <v>14</v>
      </c>
      <c r="AM25413">
        <v>14</v>
      </c>
      <c r="AN25413">
        <v>14</v>
      </c>
      <c r="AO25413">
        <v>14</v>
      </c>
      <c r="AP25413">
        <v>14</v>
      </c>
      <c r="AQ25413">
        <v>14</v>
      </c>
    </row>
    <row r="25414" spans="1:43">
      <c r="A25414" t="s">
        <v>15727</v>
      </c>
      <c r="B25414" t="s">
        <v>15728</v>
      </c>
      <c r="C25414" t="s">
        <v>15729</v>
      </c>
      <c r="D25414" t="s">
        <v>15730</v>
      </c>
      <c r="E25414" t="s">
        <v>15699</v>
      </c>
      <c r="F25414" t="s">
        <v>15700</v>
      </c>
      <c r="G25414" t="s">
        <v>10734</v>
      </c>
      <c r="H25414" t="s">
        <v>10735</v>
      </c>
      <c r="I25414" s="2">
        <v>1</v>
      </c>
      <c r="J25414" s="2">
        <v>0</v>
      </c>
      <c r="K25414" s="2">
        <v>0</v>
      </c>
      <c r="L25414" t="s">
        <v>120</v>
      </c>
      <c r="M25414" t="s">
        <v>83</v>
      </c>
      <c r="N25414" t="s">
        <v>84</v>
      </c>
      <c r="O25414" t="s">
        <v>85</v>
      </c>
      <c r="P25414" t="s">
        <v>86</v>
      </c>
      <c r="Q25414">
        <v>44</v>
      </c>
      <c r="R25414">
        <v>45</v>
      </c>
      <c r="S25414">
        <v>46</v>
      </c>
      <c r="T25414">
        <v>47</v>
      </c>
      <c r="U25414">
        <v>48</v>
      </c>
      <c r="V25414">
        <v>49</v>
      </c>
      <c r="W25414">
        <v>51</v>
      </c>
      <c r="X25414">
        <v>52</v>
      </c>
      <c r="Y25414">
        <v>53</v>
      </c>
      <c r="Z25414">
        <v>54</v>
      </c>
      <c r="AA25414">
        <v>55</v>
      </c>
      <c r="AB25414">
        <v>56</v>
      </c>
      <c r="AC25414">
        <v>57</v>
      </c>
      <c r="AD25414">
        <v>59</v>
      </c>
      <c r="AE25414">
        <v>60</v>
      </c>
      <c r="AF25414">
        <v>61</v>
      </c>
      <c r="AG25414">
        <v>62</v>
      </c>
      <c r="AH25414">
        <v>64</v>
      </c>
      <c r="AI25414">
        <v>65</v>
      </c>
      <c r="AJ25414">
        <v>66</v>
      </c>
      <c r="AK25414">
        <v>68</v>
      </c>
      <c r="AL25414">
        <v>69</v>
      </c>
      <c r="AM25414">
        <v>69</v>
      </c>
      <c r="AN25414">
        <v>70</v>
      </c>
      <c r="AO25414">
        <v>71</v>
      </c>
      <c r="AP25414">
        <v>72</v>
      </c>
      <c r="AQ25414">
        <v>73</v>
      </c>
    </row>
    <row r="25415" spans="1:43">
      <c r="A25415" t="s">
        <v>15727</v>
      </c>
      <c r="B25415" t="s">
        <v>15728</v>
      </c>
      <c r="C25415" t="s">
        <v>15729</v>
      </c>
      <c r="D25415" t="s">
        <v>15730</v>
      </c>
      <c r="E25415" t="s">
        <v>15699</v>
      </c>
      <c r="F25415" t="s">
        <v>15700</v>
      </c>
      <c r="G25415" t="s">
        <v>10734</v>
      </c>
      <c r="H25415" t="s">
        <v>10735</v>
      </c>
      <c r="I25415" s="2">
        <v>1</v>
      </c>
      <c r="J25415" s="2">
        <v>0</v>
      </c>
      <c r="K25415" s="2">
        <v>0</v>
      </c>
      <c r="L25415" t="s">
        <v>120</v>
      </c>
      <c r="M25415" t="s">
        <v>87</v>
      </c>
      <c r="N25415" t="s">
        <v>88</v>
      </c>
      <c r="O25415" t="s">
        <v>85</v>
      </c>
      <c r="P25415" t="s">
        <v>86</v>
      </c>
      <c r="Q25415">
        <v>44</v>
      </c>
      <c r="R25415">
        <v>44</v>
      </c>
      <c r="S25415">
        <v>45</v>
      </c>
      <c r="T25415">
        <v>46</v>
      </c>
      <c r="U25415">
        <v>46</v>
      </c>
      <c r="V25415">
        <v>47</v>
      </c>
      <c r="W25415">
        <v>48</v>
      </c>
      <c r="X25415">
        <v>48</v>
      </c>
      <c r="Y25415">
        <v>49</v>
      </c>
      <c r="Z25415">
        <v>49</v>
      </c>
      <c r="AA25415">
        <v>50</v>
      </c>
      <c r="AB25415">
        <v>51</v>
      </c>
      <c r="AC25415">
        <v>52</v>
      </c>
      <c r="AD25415">
        <v>52</v>
      </c>
      <c r="AE25415">
        <v>53</v>
      </c>
      <c r="AF25415">
        <v>54</v>
      </c>
      <c r="AG25415">
        <v>55</v>
      </c>
      <c r="AH25415">
        <v>55</v>
      </c>
      <c r="AI25415">
        <v>56</v>
      </c>
      <c r="AJ25415">
        <v>57</v>
      </c>
      <c r="AK25415">
        <v>58</v>
      </c>
      <c r="AL25415">
        <v>59</v>
      </c>
      <c r="AM25415">
        <v>59</v>
      </c>
      <c r="AN25415">
        <v>60</v>
      </c>
      <c r="AO25415">
        <v>61</v>
      </c>
      <c r="AP25415">
        <v>62</v>
      </c>
      <c r="AQ25415">
        <v>63</v>
      </c>
    </row>
    <row r="25416" spans="1:43">
      <c r="A25416" t="s">
        <v>15727</v>
      </c>
      <c r="B25416" t="s">
        <v>15728</v>
      </c>
      <c r="C25416" t="s">
        <v>15729</v>
      </c>
      <c r="D25416" t="s">
        <v>15730</v>
      </c>
      <c r="E25416" t="s">
        <v>15699</v>
      </c>
      <c r="F25416" t="s">
        <v>15700</v>
      </c>
      <c r="G25416" t="s">
        <v>10734</v>
      </c>
      <c r="H25416" t="s">
        <v>10735</v>
      </c>
      <c r="I25416" s="2">
        <v>1</v>
      </c>
      <c r="J25416" s="2">
        <v>0</v>
      </c>
      <c r="K25416" s="2">
        <v>0</v>
      </c>
      <c r="L25416" t="s">
        <v>120</v>
      </c>
      <c r="M25416" t="s">
        <v>89</v>
      </c>
      <c r="N25416" t="s">
        <v>90</v>
      </c>
      <c r="O25416" t="s">
        <v>85</v>
      </c>
      <c r="P25416" t="s">
        <v>86</v>
      </c>
      <c r="Q25416">
        <v>44</v>
      </c>
      <c r="R25416">
        <v>45</v>
      </c>
      <c r="S25416">
        <v>46</v>
      </c>
      <c r="T25416">
        <v>48</v>
      </c>
      <c r="U25416">
        <v>49</v>
      </c>
      <c r="V25416">
        <v>51</v>
      </c>
      <c r="W25416">
        <v>52</v>
      </c>
      <c r="X25416">
        <v>53</v>
      </c>
      <c r="Y25416">
        <v>55</v>
      </c>
      <c r="Z25416">
        <v>56</v>
      </c>
      <c r="AA25416">
        <v>58</v>
      </c>
      <c r="AB25416">
        <v>59</v>
      </c>
      <c r="AC25416">
        <v>61</v>
      </c>
      <c r="AD25416">
        <v>62</v>
      </c>
      <c r="AE25416">
        <v>63</v>
      </c>
      <c r="AF25416">
        <v>64</v>
      </c>
      <c r="AG25416">
        <v>65</v>
      </c>
      <c r="AH25416">
        <v>65</v>
      </c>
      <c r="AI25416">
        <v>66</v>
      </c>
      <c r="AJ25416">
        <v>67</v>
      </c>
      <c r="AK25416">
        <v>68</v>
      </c>
      <c r="AL25416">
        <v>68</v>
      </c>
      <c r="AM25416">
        <v>69</v>
      </c>
      <c r="AN25416">
        <v>70</v>
      </c>
      <c r="AO25416">
        <v>71</v>
      </c>
      <c r="AP25416">
        <v>72</v>
      </c>
      <c r="AQ25416">
        <v>72</v>
      </c>
    </row>
    <row r="25417" spans="1:43">
      <c r="A25417" t="s">
        <v>15727</v>
      </c>
      <c r="B25417" t="s">
        <v>15728</v>
      </c>
      <c r="C25417" t="s">
        <v>15729</v>
      </c>
      <c r="D25417" t="s">
        <v>15730</v>
      </c>
      <c r="E25417" t="s">
        <v>15699</v>
      </c>
      <c r="F25417" t="s">
        <v>15700</v>
      </c>
      <c r="G25417" t="s">
        <v>10734</v>
      </c>
      <c r="H25417" t="s">
        <v>10735</v>
      </c>
      <c r="I25417" s="2">
        <v>1</v>
      </c>
      <c r="J25417" s="2">
        <v>0</v>
      </c>
      <c r="K25417" s="2">
        <v>0</v>
      </c>
      <c r="L25417" t="s">
        <v>120</v>
      </c>
      <c r="M25417" t="s">
        <v>83</v>
      </c>
      <c r="N25417" t="s">
        <v>91</v>
      </c>
      <c r="O25417" t="s">
        <v>85</v>
      </c>
      <c r="P25417" t="s">
        <v>86</v>
      </c>
      <c r="Q25417">
        <v>44</v>
      </c>
      <c r="R25417">
        <v>45</v>
      </c>
      <c r="S25417">
        <v>46</v>
      </c>
      <c r="T25417">
        <v>47</v>
      </c>
      <c r="U25417">
        <v>48</v>
      </c>
      <c r="V25417">
        <v>49</v>
      </c>
      <c r="W25417">
        <v>51</v>
      </c>
      <c r="X25417">
        <v>52</v>
      </c>
      <c r="Y25417">
        <v>53</v>
      </c>
      <c r="Z25417">
        <v>54</v>
      </c>
      <c r="AA25417">
        <v>55</v>
      </c>
      <c r="AB25417">
        <v>56</v>
      </c>
      <c r="AC25417">
        <v>57</v>
      </c>
      <c r="AD25417">
        <v>59</v>
      </c>
      <c r="AE25417">
        <v>60</v>
      </c>
      <c r="AF25417">
        <v>61</v>
      </c>
      <c r="AG25417">
        <v>62</v>
      </c>
      <c r="AH25417">
        <v>64</v>
      </c>
      <c r="AI25417">
        <v>65</v>
      </c>
      <c r="AJ25417">
        <v>66</v>
      </c>
      <c r="AK25417">
        <v>68</v>
      </c>
      <c r="AL25417">
        <v>69</v>
      </c>
      <c r="AM25417">
        <v>69</v>
      </c>
      <c r="AN25417">
        <v>70</v>
      </c>
      <c r="AO25417">
        <v>71</v>
      </c>
      <c r="AP25417">
        <v>72</v>
      </c>
      <c r="AQ25417">
        <v>73</v>
      </c>
    </row>
    <row r="25418" spans="1:43">
      <c r="A25418" t="s">
        <v>15731</v>
      </c>
      <c r="B25418" t="s">
        <v>15732</v>
      </c>
      <c r="C25418" t="s">
        <v>15729</v>
      </c>
      <c r="D25418" t="s">
        <v>15730</v>
      </c>
      <c r="E25418" t="s">
        <v>15699</v>
      </c>
      <c r="F25418" t="s">
        <v>15700</v>
      </c>
      <c r="G25418" t="s">
        <v>10734</v>
      </c>
      <c r="H25418" t="s">
        <v>10735</v>
      </c>
      <c r="I25418" s="2">
        <v>1</v>
      </c>
      <c r="J25418" s="2">
        <v>0</v>
      </c>
      <c r="K25418" s="2">
        <v>0</v>
      </c>
      <c r="L25418" t="s">
        <v>120</v>
      </c>
      <c r="M25418" t="s">
        <v>83</v>
      </c>
      <c r="N25418" t="s">
        <v>84</v>
      </c>
      <c r="O25418" t="s">
        <v>85</v>
      </c>
      <c r="P25418" t="s">
        <v>86</v>
      </c>
      <c r="Q25418">
        <v>17</v>
      </c>
      <c r="R25418">
        <v>17</v>
      </c>
      <c r="S25418">
        <v>18</v>
      </c>
      <c r="T25418">
        <v>18</v>
      </c>
      <c r="U25418">
        <v>19</v>
      </c>
      <c r="V25418">
        <v>19</v>
      </c>
      <c r="W25418">
        <v>19</v>
      </c>
      <c r="X25418">
        <v>20</v>
      </c>
      <c r="Y25418">
        <v>20</v>
      </c>
      <c r="Z25418">
        <v>21</v>
      </c>
      <c r="AA25418">
        <v>21</v>
      </c>
      <c r="AB25418">
        <v>22</v>
      </c>
      <c r="AC25418">
        <v>22</v>
      </c>
      <c r="AD25418">
        <v>22</v>
      </c>
      <c r="AE25418">
        <v>23</v>
      </c>
      <c r="AF25418">
        <v>23</v>
      </c>
      <c r="AG25418">
        <v>24</v>
      </c>
      <c r="AH25418">
        <v>24</v>
      </c>
      <c r="AI25418">
        <v>25</v>
      </c>
      <c r="AJ25418">
        <v>25</v>
      </c>
      <c r="AK25418">
        <v>26</v>
      </c>
      <c r="AL25418">
        <v>26</v>
      </c>
      <c r="AM25418">
        <v>27</v>
      </c>
      <c r="AN25418">
        <v>27</v>
      </c>
      <c r="AO25418">
        <v>27</v>
      </c>
      <c r="AP25418">
        <v>28</v>
      </c>
      <c r="AQ25418">
        <v>28</v>
      </c>
    </row>
    <row r="25419" spans="1:43">
      <c r="A25419" t="s">
        <v>15731</v>
      </c>
      <c r="B25419" t="s">
        <v>15732</v>
      </c>
      <c r="C25419" t="s">
        <v>15729</v>
      </c>
      <c r="D25419" t="s">
        <v>15730</v>
      </c>
      <c r="E25419" t="s">
        <v>15699</v>
      </c>
      <c r="F25419" t="s">
        <v>15700</v>
      </c>
      <c r="G25419" t="s">
        <v>10734</v>
      </c>
      <c r="H25419" t="s">
        <v>10735</v>
      </c>
      <c r="I25419" s="2">
        <v>1</v>
      </c>
      <c r="J25419" s="2">
        <v>0</v>
      </c>
      <c r="K25419" s="2">
        <v>0</v>
      </c>
      <c r="L25419" t="s">
        <v>120</v>
      </c>
      <c r="M25419" t="s">
        <v>87</v>
      </c>
      <c r="N25419" t="s">
        <v>88</v>
      </c>
      <c r="O25419" t="s">
        <v>85</v>
      </c>
      <c r="P25419" t="s">
        <v>86</v>
      </c>
      <c r="Q25419">
        <v>17</v>
      </c>
      <c r="R25419">
        <v>17</v>
      </c>
      <c r="S25419">
        <v>17</v>
      </c>
      <c r="T25419">
        <v>17</v>
      </c>
      <c r="U25419">
        <v>18</v>
      </c>
      <c r="V25419">
        <v>18</v>
      </c>
      <c r="W25419">
        <v>18</v>
      </c>
      <c r="X25419">
        <v>18</v>
      </c>
      <c r="Y25419">
        <v>19</v>
      </c>
      <c r="Z25419">
        <v>19</v>
      </c>
      <c r="AA25419">
        <v>19</v>
      </c>
      <c r="AB25419">
        <v>19</v>
      </c>
      <c r="AC25419">
        <v>20</v>
      </c>
      <c r="AD25419">
        <v>20</v>
      </c>
      <c r="AE25419">
        <v>20</v>
      </c>
      <c r="AF25419">
        <v>21</v>
      </c>
      <c r="AG25419">
        <v>21</v>
      </c>
      <c r="AH25419">
        <v>21</v>
      </c>
      <c r="AI25419">
        <v>21</v>
      </c>
      <c r="AJ25419">
        <v>22</v>
      </c>
      <c r="AK25419">
        <v>22</v>
      </c>
      <c r="AL25419">
        <v>22</v>
      </c>
      <c r="AM25419">
        <v>23</v>
      </c>
      <c r="AN25419">
        <v>23</v>
      </c>
      <c r="AO25419">
        <v>23</v>
      </c>
      <c r="AP25419">
        <v>24</v>
      </c>
      <c r="AQ25419">
        <v>24</v>
      </c>
    </row>
    <row r="25420" spans="1:43">
      <c r="A25420" t="s">
        <v>15731</v>
      </c>
      <c r="B25420" t="s">
        <v>15732</v>
      </c>
      <c r="C25420" t="s">
        <v>15729</v>
      </c>
      <c r="D25420" t="s">
        <v>15730</v>
      </c>
      <c r="E25420" t="s">
        <v>15699</v>
      </c>
      <c r="F25420" t="s">
        <v>15700</v>
      </c>
      <c r="G25420" t="s">
        <v>10734</v>
      </c>
      <c r="H25420" t="s">
        <v>10735</v>
      </c>
      <c r="I25420" s="2">
        <v>1</v>
      </c>
      <c r="J25420" s="2">
        <v>0</v>
      </c>
      <c r="K25420" s="2">
        <v>0</v>
      </c>
      <c r="L25420" t="s">
        <v>120</v>
      </c>
      <c r="M25420" t="s">
        <v>89</v>
      </c>
      <c r="N25420" t="s">
        <v>90</v>
      </c>
      <c r="O25420" t="s">
        <v>85</v>
      </c>
      <c r="P25420" t="s">
        <v>86</v>
      </c>
      <c r="Q25420">
        <v>17</v>
      </c>
      <c r="R25420">
        <v>18</v>
      </c>
      <c r="S25420">
        <v>18</v>
      </c>
      <c r="T25420">
        <v>19</v>
      </c>
      <c r="U25420">
        <v>19</v>
      </c>
      <c r="V25420">
        <v>20</v>
      </c>
      <c r="W25420">
        <v>20</v>
      </c>
      <c r="X25420">
        <v>21</v>
      </c>
      <c r="Y25420">
        <v>21</v>
      </c>
      <c r="Z25420">
        <v>22</v>
      </c>
      <c r="AA25420">
        <v>22</v>
      </c>
      <c r="AB25420">
        <v>23</v>
      </c>
      <c r="AC25420">
        <v>24</v>
      </c>
      <c r="AD25420">
        <v>24</v>
      </c>
      <c r="AE25420">
        <v>25</v>
      </c>
      <c r="AF25420">
        <v>25</v>
      </c>
      <c r="AG25420">
        <v>25</v>
      </c>
      <c r="AH25420">
        <v>25</v>
      </c>
      <c r="AI25420">
        <v>26</v>
      </c>
      <c r="AJ25420">
        <v>26</v>
      </c>
      <c r="AK25420">
        <v>26</v>
      </c>
      <c r="AL25420">
        <v>27</v>
      </c>
      <c r="AM25420">
        <v>27</v>
      </c>
      <c r="AN25420">
        <v>27</v>
      </c>
      <c r="AO25420">
        <v>27</v>
      </c>
      <c r="AP25420">
        <v>28</v>
      </c>
      <c r="AQ25420">
        <v>28</v>
      </c>
    </row>
    <row r="25421" spans="1:43">
      <c r="A25421" t="s">
        <v>15731</v>
      </c>
      <c r="B25421" t="s">
        <v>15732</v>
      </c>
      <c r="C25421" t="s">
        <v>15729</v>
      </c>
      <c r="D25421" t="s">
        <v>15730</v>
      </c>
      <c r="E25421" t="s">
        <v>15699</v>
      </c>
      <c r="F25421" t="s">
        <v>15700</v>
      </c>
      <c r="G25421" t="s">
        <v>10734</v>
      </c>
      <c r="H25421" t="s">
        <v>10735</v>
      </c>
      <c r="I25421" s="2">
        <v>1</v>
      </c>
      <c r="J25421" s="2">
        <v>0</v>
      </c>
      <c r="K25421" s="2">
        <v>0</v>
      </c>
      <c r="L25421" t="s">
        <v>120</v>
      </c>
      <c r="M25421" t="s">
        <v>83</v>
      </c>
      <c r="N25421" t="s">
        <v>91</v>
      </c>
      <c r="O25421" t="s">
        <v>85</v>
      </c>
      <c r="P25421" t="s">
        <v>86</v>
      </c>
      <c r="Q25421">
        <v>17</v>
      </c>
      <c r="R25421">
        <v>17</v>
      </c>
      <c r="S25421">
        <v>18</v>
      </c>
      <c r="T25421">
        <v>18</v>
      </c>
      <c r="U25421">
        <v>19</v>
      </c>
      <c r="V25421">
        <v>19</v>
      </c>
      <c r="W25421">
        <v>19</v>
      </c>
      <c r="X25421">
        <v>20</v>
      </c>
      <c r="Y25421">
        <v>20</v>
      </c>
      <c r="Z25421">
        <v>21</v>
      </c>
      <c r="AA25421">
        <v>21</v>
      </c>
      <c r="AB25421">
        <v>22</v>
      </c>
      <c r="AC25421">
        <v>22</v>
      </c>
      <c r="AD25421">
        <v>22</v>
      </c>
      <c r="AE25421">
        <v>23</v>
      </c>
      <c r="AF25421">
        <v>23</v>
      </c>
      <c r="AG25421">
        <v>24</v>
      </c>
      <c r="AH25421">
        <v>24</v>
      </c>
      <c r="AI25421">
        <v>25</v>
      </c>
      <c r="AJ25421">
        <v>25</v>
      </c>
      <c r="AK25421">
        <v>26</v>
      </c>
      <c r="AL25421">
        <v>26</v>
      </c>
      <c r="AM25421">
        <v>27</v>
      </c>
      <c r="AN25421">
        <v>27</v>
      </c>
      <c r="AO25421">
        <v>27</v>
      </c>
      <c r="AP25421">
        <v>28</v>
      </c>
      <c r="AQ25421">
        <v>28</v>
      </c>
    </row>
    <row r="25422" spans="1:43">
      <c r="A25422" t="s">
        <v>15733</v>
      </c>
      <c r="B25422" t="s">
        <v>15734</v>
      </c>
      <c r="C25422" t="s">
        <v>15729</v>
      </c>
      <c r="D25422" t="s">
        <v>15730</v>
      </c>
      <c r="E25422" t="s">
        <v>15699</v>
      </c>
      <c r="F25422" t="s">
        <v>15700</v>
      </c>
      <c r="G25422" t="s">
        <v>10734</v>
      </c>
      <c r="H25422" t="s">
        <v>10735</v>
      </c>
      <c r="I25422" s="2">
        <v>1</v>
      </c>
      <c r="J25422" s="2">
        <v>0</v>
      </c>
      <c r="K25422" s="2">
        <v>0</v>
      </c>
      <c r="L25422" t="s">
        <v>120</v>
      </c>
      <c r="M25422" t="s">
        <v>83</v>
      </c>
      <c r="N25422" t="s">
        <v>84</v>
      </c>
      <c r="O25422" t="s">
        <v>85</v>
      </c>
      <c r="P25422" t="s">
        <v>86</v>
      </c>
      <c r="Q25422">
        <v>30</v>
      </c>
      <c r="R25422">
        <v>31</v>
      </c>
      <c r="S25422">
        <v>32</v>
      </c>
      <c r="T25422">
        <v>32</v>
      </c>
      <c r="U25422">
        <v>33</v>
      </c>
      <c r="V25422">
        <v>34</v>
      </c>
      <c r="W25422">
        <v>34</v>
      </c>
      <c r="X25422">
        <v>35</v>
      </c>
      <c r="Y25422">
        <v>36</v>
      </c>
      <c r="Z25422">
        <v>37</v>
      </c>
      <c r="AA25422">
        <v>38</v>
      </c>
      <c r="AB25422">
        <v>38</v>
      </c>
      <c r="AC25422">
        <v>39</v>
      </c>
      <c r="AD25422">
        <v>40</v>
      </c>
      <c r="AE25422">
        <v>41</v>
      </c>
      <c r="AF25422">
        <v>42</v>
      </c>
      <c r="AG25422">
        <v>43</v>
      </c>
      <c r="AH25422">
        <v>43</v>
      </c>
      <c r="AI25422">
        <v>44</v>
      </c>
      <c r="AJ25422">
        <v>45</v>
      </c>
      <c r="AK25422">
        <v>46</v>
      </c>
      <c r="AL25422">
        <v>47</v>
      </c>
      <c r="AM25422">
        <v>47</v>
      </c>
      <c r="AN25422">
        <v>48</v>
      </c>
      <c r="AO25422">
        <v>49</v>
      </c>
      <c r="AP25422">
        <v>49</v>
      </c>
      <c r="AQ25422">
        <v>50</v>
      </c>
    </row>
    <row r="25423" spans="1:43">
      <c r="A25423" t="s">
        <v>15733</v>
      </c>
      <c r="B25423" t="s">
        <v>15734</v>
      </c>
      <c r="C25423" t="s">
        <v>15729</v>
      </c>
      <c r="D25423" t="s">
        <v>15730</v>
      </c>
      <c r="E25423" t="s">
        <v>15699</v>
      </c>
      <c r="F25423" t="s">
        <v>15700</v>
      </c>
      <c r="G25423" t="s">
        <v>10734</v>
      </c>
      <c r="H25423" t="s">
        <v>10735</v>
      </c>
      <c r="I25423" s="2">
        <v>1</v>
      </c>
      <c r="J25423" s="2">
        <v>0</v>
      </c>
      <c r="K25423" s="2">
        <v>0</v>
      </c>
      <c r="L25423" t="s">
        <v>120</v>
      </c>
      <c r="M25423" t="s">
        <v>87</v>
      </c>
      <c r="N25423" t="s">
        <v>88</v>
      </c>
      <c r="O25423" t="s">
        <v>85</v>
      </c>
      <c r="P25423" t="s">
        <v>86</v>
      </c>
      <c r="Q25423">
        <v>30</v>
      </c>
      <c r="R25423">
        <v>30</v>
      </c>
      <c r="S25423">
        <v>31</v>
      </c>
      <c r="T25423">
        <v>31</v>
      </c>
      <c r="U25423">
        <v>32</v>
      </c>
      <c r="V25423">
        <v>32</v>
      </c>
      <c r="W25423">
        <v>32</v>
      </c>
      <c r="X25423">
        <v>33</v>
      </c>
      <c r="Y25423">
        <v>33</v>
      </c>
      <c r="Z25423">
        <v>34</v>
      </c>
      <c r="AA25423">
        <v>34</v>
      </c>
      <c r="AB25423">
        <v>35</v>
      </c>
      <c r="AC25423">
        <v>35</v>
      </c>
      <c r="AD25423">
        <v>36</v>
      </c>
      <c r="AE25423">
        <v>36</v>
      </c>
      <c r="AF25423">
        <v>37</v>
      </c>
      <c r="AG25423">
        <v>37</v>
      </c>
      <c r="AH25423">
        <v>38</v>
      </c>
      <c r="AI25423">
        <v>38</v>
      </c>
      <c r="AJ25423">
        <v>39</v>
      </c>
      <c r="AK25423">
        <v>39</v>
      </c>
      <c r="AL25423">
        <v>40</v>
      </c>
      <c r="AM25423">
        <v>41</v>
      </c>
      <c r="AN25423">
        <v>41</v>
      </c>
      <c r="AO25423">
        <v>42</v>
      </c>
      <c r="AP25423">
        <v>42</v>
      </c>
      <c r="AQ25423">
        <v>43</v>
      </c>
    </row>
    <row r="25424" spans="1:43">
      <c r="A25424" t="s">
        <v>15733</v>
      </c>
      <c r="B25424" t="s">
        <v>15734</v>
      </c>
      <c r="C25424" t="s">
        <v>15729</v>
      </c>
      <c r="D25424" t="s">
        <v>15730</v>
      </c>
      <c r="E25424" t="s">
        <v>15699</v>
      </c>
      <c r="F25424" t="s">
        <v>15700</v>
      </c>
      <c r="G25424" t="s">
        <v>10734</v>
      </c>
      <c r="H25424" t="s">
        <v>10735</v>
      </c>
      <c r="I25424" s="2">
        <v>1</v>
      </c>
      <c r="J25424" s="2">
        <v>0</v>
      </c>
      <c r="K25424" s="2">
        <v>0</v>
      </c>
      <c r="L25424" t="s">
        <v>120</v>
      </c>
      <c r="M25424" t="s">
        <v>89</v>
      </c>
      <c r="N25424" t="s">
        <v>90</v>
      </c>
      <c r="O25424" t="s">
        <v>85</v>
      </c>
      <c r="P25424" t="s">
        <v>86</v>
      </c>
      <c r="Q25424">
        <v>30</v>
      </c>
      <c r="R25424">
        <v>31</v>
      </c>
      <c r="S25424">
        <v>32</v>
      </c>
      <c r="T25424">
        <v>33</v>
      </c>
      <c r="U25424">
        <v>34</v>
      </c>
      <c r="V25424">
        <v>35</v>
      </c>
      <c r="W25424">
        <v>36</v>
      </c>
      <c r="X25424">
        <v>37</v>
      </c>
      <c r="Y25424">
        <v>38</v>
      </c>
      <c r="Z25424">
        <v>39</v>
      </c>
      <c r="AA25424">
        <v>40</v>
      </c>
      <c r="AB25424">
        <v>41</v>
      </c>
      <c r="AC25424">
        <v>42</v>
      </c>
      <c r="AD25424">
        <v>43</v>
      </c>
      <c r="AE25424">
        <v>44</v>
      </c>
      <c r="AF25424">
        <v>44</v>
      </c>
      <c r="AG25424">
        <v>45</v>
      </c>
      <c r="AH25424">
        <v>45</v>
      </c>
      <c r="AI25424">
        <v>46</v>
      </c>
      <c r="AJ25424">
        <v>46</v>
      </c>
      <c r="AK25424">
        <v>47</v>
      </c>
      <c r="AL25424">
        <v>47</v>
      </c>
      <c r="AM25424">
        <v>48</v>
      </c>
      <c r="AN25424">
        <v>48</v>
      </c>
      <c r="AO25424">
        <v>49</v>
      </c>
      <c r="AP25424">
        <v>50</v>
      </c>
      <c r="AQ25424">
        <v>50</v>
      </c>
    </row>
    <row r="25425" spans="1:43">
      <c r="A25425" t="s">
        <v>15733</v>
      </c>
      <c r="B25425" t="s">
        <v>15734</v>
      </c>
      <c r="C25425" t="s">
        <v>15729</v>
      </c>
      <c r="D25425" t="s">
        <v>15730</v>
      </c>
      <c r="E25425" t="s">
        <v>15699</v>
      </c>
      <c r="F25425" t="s">
        <v>15700</v>
      </c>
      <c r="G25425" t="s">
        <v>10734</v>
      </c>
      <c r="H25425" t="s">
        <v>10735</v>
      </c>
      <c r="I25425" s="2">
        <v>1</v>
      </c>
      <c r="J25425" s="2">
        <v>0</v>
      </c>
      <c r="K25425" s="2">
        <v>0</v>
      </c>
      <c r="L25425" t="s">
        <v>120</v>
      </c>
      <c r="M25425" t="s">
        <v>83</v>
      </c>
      <c r="N25425" t="s">
        <v>91</v>
      </c>
      <c r="O25425" t="s">
        <v>85</v>
      </c>
      <c r="P25425" t="s">
        <v>86</v>
      </c>
      <c r="Q25425">
        <v>30</v>
      </c>
      <c r="R25425">
        <v>31</v>
      </c>
      <c r="S25425">
        <v>32</v>
      </c>
      <c r="T25425">
        <v>32</v>
      </c>
      <c r="U25425">
        <v>33</v>
      </c>
      <c r="V25425">
        <v>34</v>
      </c>
      <c r="W25425">
        <v>34</v>
      </c>
      <c r="X25425">
        <v>35</v>
      </c>
      <c r="Y25425">
        <v>36</v>
      </c>
      <c r="Z25425">
        <v>37</v>
      </c>
      <c r="AA25425">
        <v>38</v>
      </c>
      <c r="AB25425">
        <v>38</v>
      </c>
      <c r="AC25425">
        <v>39</v>
      </c>
      <c r="AD25425">
        <v>40</v>
      </c>
      <c r="AE25425">
        <v>41</v>
      </c>
      <c r="AF25425">
        <v>42</v>
      </c>
      <c r="AG25425">
        <v>43</v>
      </c>
      <c r="AH25425">
        <v>43</v>
      </c>
      <c r="AI25425">
        <v>44</v>
      </c>
      <c r="AJ25425">
        <v>45</v>
      </c>
      <c r="AK25425">
        <v>46</v>
      </c>
      <c r="AL25425">
        <v>47</v>
      </c>
      <c r="AM25425">
        <v>47</v>
      </c>
      <c r="AN25425">
        <v>48</v>
      </c>
      <c r="AO25425">
        <v>49</v>
      </c>
      <c r="AP25425">
        <v>49</v>
      </c>
      <c r="AQ25425">
        <v>50</v>
      </c>
    </row>
    <row r="25426" spans="1:43">
      <c r="A25426" t="s">
        <v>15735</v>
      </c>
      <c r="B25426" t="s">
        <v>15736</v>
      </c>
      <c r="C25426" t="s">
        <v>15737</v>
      </c>
      <c r="D25426" t="s">
        <v>15738</v>
      </c>
      <c r="E25426" t="s">
        <v>15699</v>
      </c>
      <c r="F25426" t="s">
        <v>15700</v>
      </c>
      <c r="G25426" t="s">
        <v>10734</v>
      </c>
      <c r="H25426" t="s">
        <v>10735</v>
      </c>
      <c r="I25426" s="2">
        <v>1</v>
      </c>
      <c r="J25426" s="2">
        <v>0</v>
      </c>
      <c r="K25426" s="2">
        <v>0</v>
      </c>
      <c r="L25426" t="s">
        <v>120</v>
      </c>
      <c r="M25426" t="s">
        <v>83</v>
      </c>
      <c r="N25426" t="s">
        <v>84</v>
      </c>
      <c r="O25426" t="s">
        <v>85</v>
      </c>
      <c r="P25426" t="s">
        <v>86</v>
      </c>
      <c r="Q25426">
        <v>17</v>
      </c>
      <c r="R25426">
        <v>18</v>
      </c>
      <c r="S25426">
        <v>18</v>
      </c>
      <c r="T25426">
        <v>19</v>
      </c>
      <c r="U25426">
        <v>19</v>
      </c>
      <c r="V25426">
        <v>20</v>
      </c>
      <c r="W25426">
        <v>20</v>
      </c>
      <c r="X25426">
        <v>20</v>
      </c>
      <c r="Y25426">
        <v>21</v>
      </c>
      <c r="Z25426">
        <v>21</v>
      </c>
      <c r="AA25426">
        <v>22</v>
      </c>
      <c r="AB25426">
        <v>22</v>
      </c>
      <c r="AC25426">
        <v>23</v>
      </c>
      <c r="AD25426">
        <v>23</v>
      </c>
      <c r="AE25426">
        <v>24</v>
      </c>
      <c r="AF25426">
        <v>24</v>
      </c>
      <c r="AG25426">
        <v>25</v>
      </c>
      <c r="AH25426">
        <v>25</v>
      </c>
      <c r="AI25426">
        <v>26</v>
      </c>
      <c r="AJ25426">
        <v>26</v>
      </c>
      <c r="AK25426">
        <v>27</v>
      </c>
      <c r="AL25426">
        <v>27</v>
      </c>
      <c r="AM25426">
        <v>28</v>
      </c>
      <c r="AN25426">
        <v>28</v>
      </c>
      <c r="AO25426">
        <v>28</v>
      </c>
      <c r="AP25426">
        <v>28</v>
      </c>
      <c r="AQ25426">
        <v>29</v>
      </c>
    </row>
    <row r="25427" spans="1:43">
      <c r="A25427" t="s">
        <v>15735</v>
      </c>
      <c r="B25427" t="s">
        <v>15736</v>
      </c>
      <c r="C25427" t="s">
        <v>15737</v>
      </c>
      <c r="D25427" t="s">
        <v>15738</v>
      </c>
      <c r="E25427" t="s">
        <v>15699</v>
      </c>
      <c r="F25427" t="s">
        <v>15700</v>
      </c>
      <c r="G25427" t="s">
        <v>10734</v>
      </c>
      <c r="H25427" t="s">
        <v>10735</v>
      </c>
      <c r="I25427" s="2">
        <v>1</v>
      </c>
      <c r="J25427" s="2">
        <v>0</v>
      </c>
      <c r="K25427" s="2">
        <v>0</v>
      </c>
      <c r="L25427" t="s">
        <v>120</v>
      </c>
      <c r="M25427" t="s">
        <v>87</v>
      </c>
      <c r="N25427" t="s">
        <v>88</v>
      </c>
      <c r="O25427" t="s">
        <v>85</v>
      </c>
      <c r="P25427" t="s">
        <v>86</v>
      </c>
      <c r="Q25427">
        <v>17</v>
      </c>
      <c r="R25427">
        <v>18</v>
      </c>
      <c r="S25427">
        <v>18</v>
      </c>
      <c r="T25427">
        <v>18</v>
      </c>
      <c r="U25427">
        <v>18</v>
      </c>
      <c r="V25427">
        <v>19</v>
      </c>
      <c r="W25427">
        <v>19</v>
      </c>
      <c r="X25427">
        <v>19</v>
      </c>
      <c r="Y25427">
        <v>19</v>
      </c>
      <c r="Z25427">
        <v>20</v>
      </c>
      <c r="AA25427">
        <v>20</v>
      </c>
      <c r="AB25427">
        <v>20</v>
      </c>
      <c r="AC25427">
        <v>20</v>
      </c>
      <c r="AD25427">
        <v>21</v>
      </c>
      <c r="AE25427">
        <v>21</v>
      </c>
      <c r="AF25427">
        <v>21</v>
      </c>
      <c r="AG25427">
        <v>22</v>
      </c>
      <c r="AH25427">
        <v>22</v>
      </c>
      <c r="AI25427">
        <v>22</v>
      </c>
      <c r="AJ25427">
        <v>23</v>
      </c>
      <c r="AK25427">
        <v>23</v>
      </c>
      <c r="AL25427">
        <v>23</v>
      </c>
      <c r="AM25427">
        <v>24</v>
      </c>
      <c r="AN25427">
        <v>24</v>
      </c>
      <c r="AO25427">
        <v>24</v>
      </c>
      <c r="AP25427">
        <v>25</v>
      </c>
      <c r="AQ25427">
        <v>25</v>
      </c>
    </row>
    <row r="25428" spans="1:43">
      <c r="A25428" t="s">
        <v>15735</v>
      </c>
      <c r="B25428" t="s">
        <v>15736</v>
      </c>
      <c r="C25428" t="s">
        <v>15737</v>
      </c>
      <c r="D25428" t="s">
        <v>15738</v>
      </c>
      <c r="E25428" t="s">
        <v>15699</v>
      </c>
      <c r="F25428" t="s">
        <v>15700</v>
      </c>
      <c r="G25428" t="s">
        <v>10734</v>
      </c>
      <c r="H25428" t="s">
        <v>10735</v>
      </c>
      <c r="I25428" s="2">
        <v>1</v>
      </c>
      <c r="J25428" s="2">
        <v>0</v>
      </c>
      <c r="K25428" s="2">
        <v>0</v>
      </c>
      <c r="L25428" t="s">
        <v>120</v>
      </c>
      <c r="M25428" t="s">
        <v>89</v>
      </c>
      <c r="N25428" t="s">
        <v>90</v>
      </c>
      <c r="O25428" t="s">
        <v>85</v>
      </c>
      <c r="P25428" t="s">
        <v>86</v>
      </c>
      <c r="Q25428">
        <v>17</v>
      </c>
      <c r="R25428">
        <v>17</v>
      </c>
      <c r="S25428">
        <v>18</v>
      </c>
      <c r="T25428">
        <v>18</v>
      </c>
      <c r="U25428">
        <v>19</v>
      </c>
      <c r="V25428">
        <v>19</v>
      </c>
      <c r="W25428">
        <v>20</v>
      </c>
      <c r="X25428">
        <v>21</v>
      </c>
      <c r="Y25428">
        <v>21</v>
      </c>
      <c r="Z25428">
        <v>22</v>
      </c>
      <c r="AA25428">
        <v>22</v>
      </c>
      <c r="AB25428">
        <v>23</v>
      </c>
      <c r="AC25428">
        <v>23</v>
      </c>
      <c r="AD25428">
        <v>24</v>
      </c>
      <c r="AE25428">
        <v>24</v>
      </c>
      <c r="AF25428">
        <v>25</v>
      </c>
      <c r="AG25428">
        <v>25</v>
      </c>
      <c r="AH25428">
        <v>25</v>
      </c>
      <c r="AI25428">
        <v>26</v>
      </c>
      <c r="AJ25428">
        <v>26</v>
      </c>
      <c r="AK25428">
        <v>26</v>
      </c>
      <c r="AL25428">
        <v>26</v>
      </c>
      <c r="AM25428">
        <v>27</v>
      </c>
      <c r="AN25428">
        <v>27</v>
      </c>
      <c r="AO25428">
        <v>27</v>
      </c>
      <c r="AP25428">
        <v>28</v>
      </c>
      <c r="AQ25428">
        <v>28</v>
      </c>
    </row>
    <row r="25429" spans="1:43">
      <c r="A25429" t="s">
        <v>15735</v>
      </c>
      <c r="B25429" t="s">
        <v>15736</v>
      </c>
      <c r="C25429" t="s">
        <v>15737</v>
      </c>
      <c r="D25429" t="s">
        <v>15738</v>
      </c>
      <c r="E25429" t="s">
        <v>15699</v>
      </c>
      <c r="F25429" t="s">
        <v>15700</v>
      </c>
      <c r="G25429" t="s">
        <v>10734</v>
      </c>
      <c r="H25429" t="s">
        <v>10735</v>
      </c>
      <c r="I25429" s="2">
        <v>1</v>
      </c>
      <c r="J25429" s="2">
        <v>0</v>
      </c>
      <c r="K25429" s="2">
        <v>0</v>
      </c>
      <c r="L25429" t="s">
        <v>120</v>
      </c>
      <c r="M25429" t="s">
        <v>83</v>
      </c>
      <c r="N25429" t="s">
        <v>91</v>
      </c>
      <c r="O25429" t="s">
        <v>85</v>
      </c>
      <c r="P25429" t="s">
        <v>86</v>
      </c>
      <c r="Q25429">
        <v>17</v>
      </c>
      <c r="R25429">
        <v>18</v>
      </c>
      <c r="S25429">
        <v>18</v>
      </c>
      <c r="T25429">
        <v>19</v>
      </c>
      <c r="U25429">
        <v>19</v>
      </c>
      <c r="V25429">
        <v>20</v>
      </c>
      <c r="W25429">
        <v>20</v>
      </c>
      <c r="X25429">
        <v>20</v>
      </c>
      <c r="Y25429">
        <v>21</v>
      </c>
      <c r="Z25429">
        <v>21</v>
      </c>
      <c r="AA25429">
        <v>22</v>
      </c>
      <c r="AB25429">
        <v>22</v>
      </c>
      <c r="AC25429">
        <v>23</v>
      </c>
      <c r="AD25429">
        <v>23</v>
      </c>
      <c r="AE25429">
        <v>24</v>
      </c>
      <c r="AF25429">
        <v>24</v>
      </c>
      <c r="AG25429">
        <v>25</v>
      </c>
      <c r="AH25429">
        <v>25</v>
      </c>
      <c r="AI25429">
        <v>26</v>
      </c>
      <c r="AJ25429">
        <v>26</v>
      </c>
      <c r="AK25429">
        <v>27</v>
      </c>
      <c r="AL25429">
        <v>27</v>
      </c>
      <c r="AM25429">
        <v>28</v>
      </c>
      <c r="AN25429">
        <v>28</v>
      </c>
      <c r="AO25429">
        <v>28</v>
      </c>
      <c r="AP25429">
        <v>28</v>
      </c>
      <c r="AQ25429">
        <v>29</v>
      </c>
    </row>
    <row r="25430" spans="1:43">
      <c r="A25430" t="s">
        <v>15739</v>
      </c>
      <c r="B25430" t="s">
        <v>15740</v>
      </c>
      <c r="C25430" t="s">
        <v>15737</v>
      </c>
      <c r="D25430" t="s">
        <v>15738</v>
      </c>
      <c r="E25430" t="s">
        <v>15699</v>
      </c>
      <c r="F25430" t="s">
        <v>15700</v>
      </c>
      <c r="G25430" t="s">
        <v>10734</v>
      </c>
      <c r="H25430" t="s">
        <v>10735</v>
      </c>
      <c r="I25430" s="2">
        <v>1</v>
      </c>
      <c r="J25430" s="2">
        <v>0</v>
      </c>
      <c r="K25430" s="2">
        <v>0</v>
      </c>
      <c r="L25430" t="s">
        <v>120</v>
      </c>
      <c r="M25430" t="s">
        <v>83</v>
      </c>
      <c r="N25430" t="s">
        <v>84</v>
      </c>
      <c r="O25430" t="s">
        <v>85</v>
      </c>
      <c r="P25430" t="s">
        <v>86</v>
      </c>
      <c r="Q25430">
        <v>62</v>
      </c>
      <c r="R25430">
        <v>63</v>
      </c>
      <c r="S25430">
        <v>65</v>
      </c>
      <c r="T25430">
        <v>66</v>
      </c>
      <c r="U25430">
        <v>68</v>
      </c>
      <c r="V25430">
        <v>69</v>
      </c>
      <c r="W25430">
        <v>71</v>
      </c>
      <c r="X25430">
        <v>73</v>
      </c>
      <c r="Y25430">
        <v>74</v>
      </c>
      <c r="Z25430">
        <v>76</v>
      </c>
      <c r="AA25430">
        <v>77</v>
      </c>
      <c r="AB25430">
        <v>79</v>
      </c>
      <c r="AC25430">
        <v>80</v>
      </c>
      <c r="AD25430">
        <v>82</v>
      </c>
      <c r="AE25430">
        <v>84</v>
      </c>
      <c r="AF25430">
        <v>85</v>
      </c>
      <c r="AG25430">
        <v>87</v>
      </c>
      <c r="AH25430">
        <v>89</v>
      </c>
      <c r="AI25430">
        <v>91</v>
      </c>
      <c r="AJ25430">
        <v>93</v>
      </c>
      <c r="AK25430">
        <v>95</v>
      </c>
      <c r="AL25430">
        <v>96</v>
      </c>
      <c r="AM25430">
        <v>97</v>
      </c>
      <c r="AN25430">
        <v>98</v>
      </c>
      <c r="AO25430">
        <v>99</v>
      </c>
      <c r="AP25430">
        <v>101</v>
      </c>
      <c r="AQ25430">
        <v>102</v>
      </c>
    </row>
    <row r="25431" spans="1:43">
      <c r="A25431" t="s">
        <v>15739</v>
      </c>
      <c r="B25431" t="s">
        <v>15740</v>
      </c>
      <c r="C25431" t="s">
        <v>15737</v>
      </c>
      <c r="D25431" t="s">
        <v>15738</v>
      </c>
      <c r="E25431" t="s">
        <v>15699</v>
      </c>
      <c r="F25431" t="s">
        <v>15700</v>
      </c>
      <c r="G25431" t="s">
        <v>10734</v>
      </c>
      <c r="H25431" t="s">
        <v>10735</v>
      </c>
      <c r="I25431" s="2">
        <v>1</v>
      </c>
      <c r="J25431" s="2">
        <v>0</v>
      </c>
      <c r="K25431" s="2">
        <v>0</v>
      </c>
      <c r="L25431" t="s">
        <v>120</v>
      </c>
      <c r="M25431" t="s">
        <v>87</v>
      </c>
      <c r="N25431" t="s">
        <v>88</v>
      </c>
      <c r="O25431" t="s">
        <v>85</v>
      </c>
      <c r="P25431" t="s">
        <v>86</v>
      </c>
      <c r="Q25431">
        <v>62</v>
      </c>
      <c r="R25431">
        <v>63</v>
      </c>
      <c r="S25431">
        <v>64</v>
      </c>
      <c r="T25431">
        <v>65</v>
      </c>
      <c r="U25431">
        <v>66</v>
      </c>
      <c r="V25431">
        <v>67</v>
      </c>
      <c r="W25431">
        <v>68</v>
      </c>
      <c r="X25431">
        <v>69</v>
      </c>
      <c r="Y25431">
        <v>70</v>
      </c>
      <c r="Z25431">
        <v>70</v>
      </c>
      <c r="AA25431">
        <v>71</v>
      </c>
      <c r="AB25431">
        <v>72</v>
      </c>
      <c r="AC25431">
        <v>73</v>
      </c>
      <c r="AD25431">
        <v>74</v>
      </c>
      <c r="AE25431">
        <v>75</v>
      </c>
      <c r="AF25431">
        <v>76</v>
      </c>
      <c r="AG25431">
        <v>78</v>
      </c>
      <c r="AH25431">
        <v>79</v>
      </c>
      <c r="AI25431">
        <v>80</v>
      </c>
      <c r="AJ25431">
        <v>81</v>
      </c>
      <c r="AK25431">
        <v>82</v>
      </c>
      <c r="AL25431">
        <v>83</v>
      </c>
      <c r="AM25431">
        <v>84</v>
      </c>
      <c r="AN25431">
        <v>86</v>
      </c>
      <c r="AO25431">
        <v>87</v>
      </c>
      <c r="AP25431">
        <v>88</v>
      </c>
      <c r="AQ25431">
        <v>89</v>
      </c>
    </row>
    <row r="25432" spans="1:43">
      <c r="A25432" t="s">
        <v>15739</v>
      </c>
      <c r="B25432" t="s">
        <v>15740</v>
      </c>
      <c r="C25432" t="s">
        <v>15737</v>
      </c>
      <c r="D25432" t="s">
        <v>15738</v>
      </c>
      <c r="E25432" t="s">
        <v>15699</v>
      </c>
      <c r="F25432" t="s">
        <v>15700</v>
      </c>
      <c r="G25432" t="s">
        <v>10734</v>
      </c>
      <c r="H25432" t="s">
        <v>10735</v>
      </c>
      <c r="I25432" s="2">
        <v>1</v>
      </c>
      <c r="J25432" s="2">
        <v>0</v>
      </c>
      <c r="K25432" s="2">
        <v>0</v>
      </c>
      <c r="L25432" t="s">
        <v>120</v>
      </c>
      <c r="M25432" t="s">
        <v>89</v>
      </c>
      <c r="N25432" t="s">
        <v>90</v>
      </c>
      <c r="O25432" t="s">
        <v>85</v>
      </c>
      <c r="P25432" t="s">
        <v>86</v>
      </c>
      <c r="Q25432">
        <v>62</v>
      </c>
      <c r="R25432">
        <v>65</v>
      </c>
      <c r="S25432">
        <v>67</v>
      </c>
      <c r="T25432">
        <v>69</v>
      </c>
      <c r="U25432">
        <v>71</v>
      </c>
      <c r="V25432">
        <v>72</v>
      </c>
      <c r="W25432">
        <v>74</v>
      </c>
      <c r="X25432">
        <v>76</v>
      </c>
      <c r="Y25432">
        <v>78</v>
      </c>
      <c r="Z25432">
        <v>80</v>
      </c>
      <c r="AA25432">
        <v>82</v>
      </c>
      <c r="AB25432">
        <v>84</v>
      </c>
      <c r="AC25432">
        <v>86</v>
      </c>
      <c r="AD25432">
        <v>88</v>
      </c>
      <c r="AE25432">
        <v>90</v>
      </c>
      <c r="AF25432">
        <v>91</v>
      </c>
      <c r="AG25432">
        <v>92</v>
      </c>
      <c r="AH25432">
        <v>93</v>
      </c>
      <c r="AI25432">
        <v>94</v>
      </c>
      <c r="AJ25432">
        <v>95</v>
      </c>
      <c r="AK25432">
        <v>96</v>
      </c>
      <c r="AL25432">
        <v>97</v>
      </c>
      <c r="AM25432">
        <v>98</v>
      </c>
      <c r="AN25432">
        <v>99</v>
      </c>
      <c r="AO25432">
        <v>101</v>
      </c>
      <c r="AP25432">
        <v>102</v>
      </c>
      <c r="AQ25432">
        <v>103</v>
      </c>
    </row>
    <row r="25433" spans="1:43">
      <c r="A25433" t="s">
        <v>15739</v>
      </c>
      <c r="B25433" t="s">
        <v>15740</v>
      </c>
      <c r="C25433" t="s">
        <v>15737</v>
      </c>
      <c r="D25433" t="s">
        <v>15738</v>
      </c>
      <c r="E25433" t="s">
        <v>15699</v>
      </c>
      <c r="F25433" t="s">
        <v>15700</v>
      </c>
      <c r="G25433" t="s">
        <v>10734</v>
      </c>
      <c r="H25433" t="s">
        <v>10735</v>
      </c>
      <c r="I25433" s="2">
        <v>1</v>
      </c>
      <c r="J25433" s="2">
        <v>0</v>
      </c>
      <c r="K25433" s="2">
        <v>0</v>
      </c>
      <c r="L25433" t="s">
        <v>120</v>
      </c>
      <c r="M25433" t="s">
        <v>83</v>
      </c>
      <c r="N25433" t="s">
        <v>91</v>
      </c>
      <c r="O25433" t="s">
        <v>85</v>
      </c>
      <c r="P25433" t="s">
        <v>86</v>
      </c>
      <c r="Q25433">
        <v>62</v>
      </c>
      <c r="R25433">
        <v>63</v>
      </c>
      <c r="S25433">
        <v>65</v>
      </c>
      <c r="T25433">
        <v>66</v>
      </c>
      <c r="U25433">
        <v>68</v>
      </c>
      <c r="V25433">
        <v>69</v>
      </c>
      <c r="W25433">
        <v>71</v>
      </c>
      <c r="X25433">
        <v>73</v>
      </c>
      <c r="Y25433">
        <v>74</v>
      </c>
      <c r="Z25433">
        <v>76</v>
      </c>
      <c r="AA25433">
        <v>77</v>
      </c>
      <c r="AB25433">
        <v>79</v>
      </c>
      <c r="AC25433">
        <v>80</v>
      </c>
      <c r="AD25433">
        <v>82</v>
      </c>
      <c r="AE25433">
        <v>84</v>
      </c>
      <c r="AF25433">
        <v>85</v>
      </c>
      <c r="AG25433">
        <v>87</v>
      </c>
      <c r="AH25433">
        <v>89</v>
      </c>
      <c r="AI25433">
        <v>91</v>
      </c>
      <c r="AJ25433">
        <v>93</v>
      </c>
      <c r="AK25433">
        <v>95</v>
      </c>
      <c r="AL25433">
        <v>96</v>
      </c>
      <c r="AM25433">
        <v>97</v>
      </c>
      <c r="AN25433">
        <v>98</v>
      </c>
      <c r="AO25433">
        <v>99</v>
      </c>
      <c r="AP25433">
        <v>101</v>
      </c>
      <c r="AQ25433">
        <v>102</v>
      </c>
    </row>
    <row r="25434" spans="1:43">
      <c r="A25434" t="s">
        <v>15741</v>
      </c>
      <c r="B25434" t="s">
        <v>15742</v>
      </c>
      <c r="C25434" t="s">
        <v>15737</v>
      </c>
      <c r="D25434" t="s">
        <v>15738</v>
      </c>
      <c r="E25434" t="s">
        <v>15699</v>
      </c>
      <c r="F25434" t="s">
        <v>15700</v>
      </c>
      <c r="G25434" t="s">
        <v>10734</v>
      </c>
      <c r="H25434" t="s">
        <v>10735</v>
      </c>
      <c r="I25434" s="2">
        <v>1</v>
      </c>
      <c r="J25434" s="2">
        <v>0</v>
      </c>
      <c r="K25434" s="2">
        <v>0</v>
      </c>
      <c r="L25434" t="s">
        <v>120</v>
      </c>
      <c r="M25434" t="s">
        <v>83</v>
      </c>
      <c r="N25434" t="s">
        <v>84</v>
      </c>
      <c r="O25434" t="s">
        <v>85</v>
      </c>
      <c r="P25434" t="s">
        <v>86</v>
      </c>
      <c r="Q25434">
        <v>21</v>
      </c>
      <c r="R25434">
        <v>21</v>
      </c>
      <c r="S25434">
        <v>22</v>
      </c>
      <c r="T25434">
        <v>22</v>
      </c>
      <c r="U25434">
        <v>23</v>
      </c>
      <c r="V25434">
        <v>23</v>
      </c>
      <c r="W25434">
        <v>24</v>
      </c>
      <c r="X25434">
        <v>24</v>
      </c>
      <c r="Y25434">
        <v>25</v>
      </c>
      <c r="Z25434">
        <v>25</v>
      </c>
      <c r="AA25434">
        <v>26</v>
      </c>
      <c r="AB25434">
        <v>26</v>
      </c>
      <c r="AC25434">
        <v>27</v>
      </c>
      <c r="AD25434">
        <v>28</v>
      </c>
      <c r="AE25434">
        <v>28</v>
      </c>
      <c r="AF25434">
        <v>29</v>
      </c>
      <c r="AG25434">
        <v>29</v>
      </c>
      <c r="AH25434">
        <v>30</v>
      </c>
      <c r="AI25434">
        <v>30</v>
      </c>
      <c r="AJ25434">
        <v>31</v>
      </c>
      <c r="AK25434">
        <v>32</v>
      </c>
      <c r="AL25434">
        <v>32</v>
      </c>
      <c r="AM25434">
        <v>33</v>
      </c>
      <c r="AN25434">
        <v>33</v>
      </c>
      <c r="AO25434">
        <v>33</v>
      </c>
      <c r="AP25434">
        <v>34</v>
      </c>
      <c r="AQ25434">
        <v>34</v>
      </c>
    </row>
    <row r="25435" spans="1:43">
      <c r="A25435" t="s">
        <v>15741</v>
      </c>
      <c r="B25435" t="s">
        <v>15742</v>
      </c>
      <c r="C25435" t="s">
        <v>15737</v>
      </c>
      <c r="D25435" t="s">
        <v>15738</v>
      </c>
      <c r="E25435" t="s">
        <v>15699</v>
      </c>
      <c r="F25435" t="s">
        <v>15700</v>
      </c>
      <c r="G25435" t="s">
        <v>10734</v>
      </c>
      <c r="H25435" t="s">
        <v>10735</v>
      </c>
      <c r="I25435" s="2">
        <v>1</v>
      </c>
      <c r="J25435" s="2">
        <v>0</v>
      </c>
      <c r="K25435" s="2">
        <v>0</v>
      </c>
      <c r="L25435" t="s">
        <v>120</v>
      </c>
      <c r="M25435" t="s">
        <v>87</v>
      </c>
      <c r="N25435" t="s">
        <v>88</v>
      </c>
      <c r="O25435" t="s">
        <v>85</v>
      </c>
      <c r="P25435" t="s">
        <v>86</v>
      </c>
      <c r="Q25435">
        <v>21</v>
      </c>
      <c r="R25435">
        <v>21</v>
      </c>
      <c r="S25435">
        <v>21</v>
      </c>
      <c r="T25435">
        <v>21</v>
      </c>
      <c r="U25435">
        <v>22</v>
      </c>
      <c r="V25435">
        <v>22</v>
      </c>
      <c r="W25435">
        <v>22</v>
      </c>
      <c r="X25435">
        <v>23</v>
      </c>
      <c r="Y25435">
        <v>23</v>
      </c>
      <c r="Z25435">
        <v>23</v>
      </c>
      <c r="AA25435">
        <v>24</v>
      </c>
      <c r="AB25435">
        <v>24</v>
      </c>
      <c r="AC25435">
        <v>24</v>
      </c>
      <c r="AD25435">
        <v>25</v>
      </c>
      <c r="AE25435">
        <v>25</v>
      </c>
      <c r="AF25435">
        <v>25</v>
      </c>
      <c r="AG25435">
        <v>26</v>
      </c>
      <c r="AH25435">
        <v>26</v>
      </c>
      <c r="AI25435">
        <v>26</v>
      </c>
      <c r="AJ25435">
        <v>27</v>
      </c>
      <c r="AK25435">
        <v>27</v>
      </c>
      <c r="AL25435">
        <v>28</v>
      </c>
      <c r="AM25435">
        <v>28</v>
      </c>
      <c r="AN25435">
        <v>28</v>
      </c>
      <c r="AO25435">
        <v>29</v>
      </c>
      <c r="AP25435">
        <v>29</v>
      </c>
      <c r="AQ25435">
        <v>30</v>
      </c>
    </row>
    <row r="25436" spans="1:43">
      <c r="A25436" t="s">
        <v>15741</v>
      </c>
      <c r="B25436" t="s">
        <v>15742</v>
      </c>
      <c r="C25436" t="s">
        <v>15737</v>
      </c>
      <c r="D25436" t="s">
        <v>15738</v>
      </c>
      <c r="E25436" t="s">
        <v>15699</v>
      </c>
      <c r="F25436" t="s">
        <v>15700</v>
      </c>
      <c r="G25436" t="s">
        <v>10734</v>
      </c>
      <c r="H25436" t="s">
        <v>10735</v>
      </c>
      <c r="I25436" s="2">
        <v>1</v>
      </c>
      <c r="J25436" s="2">
        <v>0</v>
      </c>
      <c r="K25436" s="2">
        <v>0</v>
      </c>
      <c r="L25436" t="s">
        <v>120</v>
      </c>
      <c r="M25436" t="s">
        <v>89</v>
      </c>
      <c r="N25436" t="s">
        <v>90</v>
      </c>
      <c r="O25436" t="s">
        <v>85</v>
      </c>
      <c r="P25436" t="s">
        <v>86</v>
      </c>
      <c r="Q25436">
        <v>21</v>
      </c>
      <c r="R25436">
        <v>22</v>
      </c>
      <c r="S25436">
        <v>22</v>
      </c>
      <c r="T25436">
        <v>23</v>
      </c>
      <c r="U25436">
        <v>24</v>
      </c>
      <c r="V25436">
        <v>24</v>
      </c>
      <c r="W25436">
        <v>25</v>
      </c>
      <c r="X25436">
        <v>26</v>
      </c>
      <c r="Y25436">
        <v>26</v>
      </c>
      <c r="Z25436">
        <v>27</v>
      </c>
      <c r="AA25436">
        <v>28</v>
      </c>
      <c r="AB25436">
        <v>28</v>
      </c>
      <c r="AC25436">
        <v>29</v>
      </c>
      <c r="AD25436">
        <v>30</v>
      </c>
      <c r="AE25436">
        <v>30</v>
      </c>
      <c r="AF25436">
        <v>30</v>
      </c>
      <c r="AG25436">
        <v>31</v>
      </c>
      <c r="AH25436">
        <v>31</v>
      </c>
      <c r="AI25436">
        <v>32</v>
      </c>
      <c r="AJ25436">
        <v>32</v>
      </c>
      <c r="AK25436">
        <v>32</v>
      </c>
      <c r="AL25436">
        <v>33</v>
      </c>
      <c r="AM25436">
        <v>33</v>
      </c>
      <c r="AN25436">
        <v>33</v>
      </c>
      <c r="AO25436">
        <v>34</v>
      </c>
      <c r="AP25436">
        <v>34</v>
      </c>
      <c r="AQ25436">
        <v>35</v>
      </c>
    </row>
    <row r="25437" spans="1:43">
      <c r="A25437" t="s">
        <v>15741</v>
      </c>
      <c r="B25437" t="s">
        <v>15742</v>
      </c>
      <c r="C25437" t="s">
        <v>15737</v>
      </c>
      <c r="D25437" t="s">
        <v>15738</v>
      </c>
      <c r="E25437" t="s">
        <v>15699</v>
      </c>
      <c r="F25437" t="s">
        <v>15700</v>
      </c>
      <c r="G25437" t="s">
        <v>10734</v>
      </c>
      <c r="H25437" t="s">
        <v>10735</v>
      </c>
      <c r="I25437" s="2">
        <v>1</v>
      </c>
      <c r="J25437" s="2">
        <v>0</v>
      </c>
      <c r="K25437" s="2">
        <v>0</v>
      </c>
      <c r="L25437" t="s">
        <v>120</v>
      </c>
      <c r="M25437" t="s">
        <v>83</v>
      </c>
      <c r="N25437" t="s">
        <v>91</v>
      </c>
      <c r="O25437" t="s">
        <v>85</v>
      </c>
      <c r="P25437" t="s">
        <v>86</v>
      </c>
      <c r="Q25437">
        <v>21</v>
      </c>
      <c r="R25437">
        <v>21</v>
      </c>
      <c r="S25437">
        <v>22</v>
      </c>
      <c r="T25437">
        <v>22</v>
      </c>
      <c r="U25437">
        <v>23</v>
      </c>
      <c r="V25437">
        <v>23</v>
      </c>
      <c r="W25437">
        <v>24</v>
      </c>
      <c r="X25437">
        <v>24</v>
      </c>
      <c r="Y25437">
        <v>25</v>
      </c>
      <c r="Z25437">
        <v>25</v>
      </c>
      <c r="AA25437">
        <v>26</v>
      </c>
      <c r="AB25437">
        <v>26</v>
      </c>
      <c r="AC25437">
        <v>27</v>
      </c>
      <c r="AD25437">
        <v>28</v>
      </c>
      <c r="AE25437">
        <v>28</v>
      </c>
      <c r="AF25437">
        <v>29</v>
      </c>
      <c r="AG25437">
        <v>29</v>
      </c>
      <c r="AH25437">
        <v>30</v>
      </c>
      <c r="AI25437">
        <v>30</v>
      </c>
      <c r="AJ25437">
        <v>31</v>
      </c>
      <c r="AK25437">
        <v>32</v>
      </c>
      <c r="AL25437">
        <v>32</v>
      </c>
      <c r="AM25437">
        <v>33</v>
      </c>
      <c r="AN25437">
        <v>33</v>
      </c>
      <c r="AO25437">
        <v>33</v>
      </c>
      <c r="AP25437">
        <v>34</v>
      </c>
      <c r="AQ25437">
        <v>34</v>
      </c>
    </row>
    <row r="25438" spans="1:43">
      <c r="A25438" t="s">
        <v>15743</v>
      </c>
      <c r="B25438" t="s">
        <v>15744</v>
      </c>
      <c r="C25438" t="s">
        <v>15737</v>
      </c>
      <c r="D25438" t="s">
        <v>15738</v>
      </c>
      <c r="E25438" t="s">
        <v>15699</v>
      </c>
      <c r="F25438" t="s">
        <v>15700</v>
      </c>
      <c r="G25438" t="s">
        <v>10734</v>
      </c>
      <c r="H25438" t="s">
        <v>10735</v>
      </c>
      <c r="I25438" s="2">
        <v>1</v>
      </c>
      <c r="J25438" s="2">
        <v>0</v>
      </c>
      <c r="K25438" s="2">
        <v>0</v>
      </c>
      <c r="L25438" t="s">
        <v>120</v>
      </c>
      <c r="M25438" t="s">
        <v>83</v>
      </c>
      <c r="N25438" t="s">
        <v>84</v>
      </c>
      <c r="O25438" t="s">
        <v>85</v>
      </c>
      <c r="P25438" t="s">
        <v>86</v>
      </c>
      <c r="Q25438">
        <v>23</v>
      </c>
      <c r="R25438">
        <v>24</v>
      </c>
      <c r="S25438">
        <v>24</v>
      </c>
      <c r="T25438">
        <v>24</v>
      </c>
      <c r="U25438">
        <v>25</v>
      </c>
      <c r="V25438">
        <v>25</v>
      </c>
      <c r="W25438">
        <v>25</v>
      </c>
      <c r="X25438">
        <v>26</v>
      </c>
      <c r="Y25438">
        <v>26</v>
      </c>
      <c r="Z25438">
        <v>26</v>
      </c>
      <c r="AA25438">
        <v>27</v>
      </c>
      <c r="AB25438">
        <v>27</v>
      </c>
      <c r="AC25438">
        <v>27</v>
      </c>
      <c r="AD25438">
        <v>28</v>
      </c>
      <c r="AE25438">
        <v>28</v>
      </c>
      <c r="AF25438">
        <v>28</v>
      </c>
      <c r="AG25438">
        <v>29</v>
      </c>
      <c r="AH25438">
        <v>29</v>
      </c>
      <c r="AI25438">
        <v>29</v>
      </c>
      <c r="AJ25438">
        <v>29</v>
      </c>
      <c r="AK25438">
        <v>30</v>
      </c>
      <c r="AL25438">
        <v>30</v>
      </c>
      <c r="AM25438">
        <v>30</v>
      </c>
      <c r="AN25438">
        <v>30</v>
      </c>
      <c r="AO25438">
        <v>30</v>
      </c>
      <c r="AP25438">
        <v>30</v>
      </c>
      <c r="AQ25438">
        <v>30</v>
      </c>
    </row>
    <row r="25439" spans="1:43">
      <c r="A25439" t="s">
        <v>15743</v>
      </c>
      <c r="B25439" t="s">
        <v>15744</v>
      </c>
      <c r="C25439" t="s">
        <v>15737</v>
      </c>
      <c r="D25439" t="s">
        <v>15738</v>
      </c>
      <c r="E25439" t="s">
        <v>15699</v>
      </c>
      <c r="F25439" t="s">
        <v>15700</v>
      </c>
      <c r="G25439" t="s">
        <v>10734</v>
      </c>
      <c r="H25439" t="s">
        <v>10735</v>
      </c>
      <c r="I25439" s="2">
        <v>1</v>
      </c>
      <c r="J25439" s="2">
        <v>0</v>
      </c>
      <c r="K25439" s="2">
        <v>0</v>
      </c>
      <c r="L25439" t="s">
        <v>120</v>
      </c>
      <c r="M25439" t="s">
        <v>87</v>
      </c>
      <c r="N25439" t="s">
        <v>88</v>
      </c>
      <c r="O25439" t="s">
        <v>85</v>
      </c>
      <c r="P25439" t="s">
        <v>86</v>
      </c>
      <c r="Q25439">
        <v>23</v>
      </c>
      <c r="R25439">
        <v>23</v>
      </c>
      <c r="S25439">
        <v>23</v>
      </c>
      <c r="T25439">
        <v>24</v>
      </c>
      <c r="U25439">
        <v>24</v>
      </c>
      <c r="V25439">
        <v>24</v>
      </c>
      <c r="W25439">
        <v>24</v>
      </c>
      <c r="X25439">
        <v>24</v>
      </c>
      <c r="Y25439">
        <v>24</v>
      </c>
      <c r="Z25439">
        <v>24</v>
      </c>
      <c r="AA25439">
        <v>24</v>
      </c>
      <c r="AB25439">
        <v>24</v>
      </c>
      <c r="AC25439">
        <v>25</v>
      </c>
      <c r="AD25439">
        <v>25</v>
      </c>
      <c r="AE25439">
        <v>25</v>
      </c>
      <c r="AF25439">
        <v>25</v>
      </c>
      <c r="AG25439">
        <v>25</v>
      </c>
      <c r="AH25439">
        <v>25</v>
      </c>
      <c r="AI25439">
        <v>25</v>
      </c>
      <c r="AJ25439">
        <v>25</v>
      </c>
      <c r="AK25439">
        <v>25</v>
      </c>
      <c r="AL25439">
        <v>26</v>
      </c>
      <c r="AM25439">
        <v>26</v>
      </c>
      <c r="AN25439">
        <v>26</v>
      </c>
      <c r="AO25439">
        <v>26</v>
      </c>
      <c r="AP25439">
        <v>26</v>
      </c>
      <c r="AQ25439">
        <v>26</v>
      </c>
    </row>
    <row r="25440" spans="1:43">
      <c r="A25440" t="s">
        <v>15743</v>
      </c>
      <c r="B25440" t="s">
        <v>15744</v>
      </c>
      <c r="C25440" t="s">
        <v>15737</v>
      </c>
      <c r="D25440" t="s">
        <v>15738</v>
      </c>
      <c r="E25440" t="s">
        <v>15699</v>
      </c>
      <c r="F25440" t="s">
        <v>15700</v>
      </c>
      <c r="G25440" t="s">
        <v>10734</v>
      </c>
      <c r="H25440" t="s">
        <v>10735</v>
      </c>
      <c r="I25440" s="2">
        <v>1</v>
      </c>
      <c r="J25440" s="2">
        <v>0</v>
      </c>
      <c r="K25440" s="2">
        <v>0</v>
      </c>
      <c r="L25440" t="s">
        <v>120</v>
      </c>
      <c r="M25440" t="s">
        <v>89</v>
      </c>
      <c r="N25440" t="s">
        <v>90</v>
      </c>
      <c r="O25440" t="s">
        <v>85</v>
      </c>
      <c r="P25440" t="s">
        <v>86</v>
      </c>
      <c r="Q25440">
        <v>23</v>
      </c>
      <c r="R25440">
        <v>23</v>
      </c>
      <c r="S25440">
        <v>24</v>
      </c>
      <c r="T25440">
        <v>24</v>
      </c>
      <c r="U25440">
        <v>25</v>
      </c>
      <c r="V25440">
        <v>25</v>
      </c>
      <c r="W25440">
        <v>26</v>
      </c>
      <c r="X25440">
        <v>26</v>
      </c>
      <c r="Y25440">
        <v>27</v>
      </c>
      <c r="Z25440">
        <v>27</v>
      </c>
      <c r="AA25440">
        <v>27</v>
      </c>
      <c r="AB25440">
        <v>28</v>
      </c>
      <c r="AC25440">
        <v>28</v>
      </c>
      <c r="AD25440">
        <v>29</v>
      </c>
      <c r="AE25440">
        <v>29</v>
      </c>
      <c r="AF25440">
        <v>29</v>
      </c>
      <c r="AG25440">
        <v>29</v>
      </c>
      <c r="AH25440">
        <v>29</v>
      </c>
      <c r="AI25440">
        <v>29</v>
      </c>
      <c r="AJ25440">
        <v>29</v>
      </c>
      <c r="AK25440">
        <v>29</v>
      </c>
      <c r="AL25440">
        <v>29</v>
      </c>
      <c r="AM25440">
        <v>29</v>
      </c>
      <c r="AN25440">
        <v>29</v>
      </c>
      <c r="AO25440">
        <v>29</v>
      </c>
      <c r="AP25440">
        <v>29</v>
      </c>
      <c r="AQ25440">
        <v>29</v>
      </c>
    </row>
    <row r="25441" spans="1:43">
      <c r="A25441" t="s">
        <v>15743</v>
      </c>
      <c r="B25441" t="s">
        <v>15744</v>
      </c>
      <c r="C25441" t="s">
        <v>15737</v>
      </c>
      <c r="D25441" t="s">
        <v>15738</v>
      </c>
      <c r="E25441" t="s">
        <v>15699</v>
      </c>
      <c r="F25441" t="s">
        <v>15700</v>
      </c>
      <c r="G25441" t="s">
        <v>10734</v>
      </c>
      <c r="H25441" t="s">
        <v>10735</v>
      </c>
      <c r="I25441" s="2">
        <v>1</v>
      </c>
      <c r="J25441" s="2">
        <v>0</v>
      </c>
      <c r="K25441" s="2">
        <v>0</v>
      </c>
      <c r="L25441" t="s">
        <v>120</v>
      </c>
      <c r="M25441" t="s">
        <v>83</v>
      </c>
      <c r="N25441" t="s">
        <v>91</v>
      </c>
      <c r="O25441" t="s">
        <v>85</v>
      </c>
      <c r="P25441" t="s">
        <v>86</v>
      </c>
      <c r="Q25441">
        <v>23</v>
      </c>
      <c r="R25441">
        <v>24</v>
      </c>
      <c r="S25441">
        <v>24</v>
      </c>
      <c r="T25441">
        <v>24</v>
      </c>
      <c r="U25441">
        <v>25</v>
      </c>
      <c r="V25441">
        <v>25</v>
      </c>
      <c r="W25441">
        <v>25</v>
      </c>
      <c r="X25441">
        <v>26</v>
      </c>
      <c r="Y25441">
        <v>26</v>
      </c>
      <c r="Z25441">
        <v>26</v>
      </c>
      <c r="AA25441">
        <v>27</v>
      </c>
      <c r="AB25441">
        <v>27</v>
      </c>
      <c r="AC25441">
        <v>27</v>
      </c>
      <c r="AD25441">
        <v>28</v>
      </c>
      <c r="AE25441">
        <v>28</v>
      </c>
      <c r="AF25441">
        <v>28</v>
      </c>
      <c r="AG25441">
        <v>29</v>
      </c>
      <c r="AH25441">
        <v>29</v>
      </c>
      <c r="AI25441">
        <v>29</v>
      </c>
      <c r="AJ25441">
        <v>29</v>
      </c>
      <c r="AK25441">
        <v>30</v>
      </c>
      <c r="AL25441">
        <v>30</v>
      </c>
      <c r="AM25441">
        <v>30</v>
      </c>
      <c r="AN25441">
        <v>30</v>
      </c>
      <c r="AO25441">
        <v>30</v>
      </c>
      <c r="AP25441">
        <v>30</v>
      </c>
      <c r="AQ25441">
        <v>30</v>
      </c>
    </row>
    <row r="25442" spans="1:43">
      <c r="A25442" t="s">
        <v>15745</v>
      </c>
      <c r="B25442" t="s">
        <v>15746</v>
      </c>
      <c r="C25442" t="s">
        <v>15747</v>
      </c>
      <c r="D25442" t="s">
        <v>15748</v>
      </c>
      <c r="E25442" t="s">
        <v>15699</v>
      </c>
      <c r="F25442" t="s">
        <v>15700</v>
      </c>
      <c r="G25442" t="s">
        <v>10734</v>
      </c>
      <c r="H25442" t="s">
        <v>10735</v>
      </c>
      <c r="I25442" s="2">
        <v>1</v>
      </c>
      <c r="J25442" s="2">
        <v>0</v>
      </c>
      <c r="K25442" s="2">
        <v>0</v>
      </c>
      <c r="L25442" t="s">
        <v>120</v>
      </c>
      <c r="M25442" t="s">
        <v>83</v>
      </c>
      <c r="N25442" t="s">
        <v>84</v>
      </c>
      <c r="O25442" t="s">
        <v>85</v>
      </c>
      <c r="P25442" t="s">
        <v>86</v>
      </c>
      <c r="Q25442">
        <v>19</v>
      </c>
      <c r="R25442">
        <v>19</v>
      </c>
      <c r="S25442">
        <v>20</v>
      </c>
      <c r="T25442">
        <v>20</v>
      </c>
      <c r="U25442">
        <v>21</v>
      </c>
      <c r="V25442">
        <v>21</v>
      </c>
      <c r="W25442">
        <v>22</v>
      </c>
      <c r="X25442">
        <v>22</v>
      </c>
      <c r="Y25442">
        <v>23</v>
      </c>
      <c r="Z25442">
        <v>23</v>
      </c>
      <c r="AA25442">
        <v>23</v>
      </c>
      <c r="AB25442">
        <v>24</v>
      </c>
      <c r="AC25442">
        <v>24</v>
      </c>
      <c r="AD25442">
        <v>25</v>
      </c>
      <c r="AE25442">
        <v>26</v>
      </c>
      <c r="AF25442">
        <v>26</v>
      </c>
      <c r="AG25442">
        <v>27</v>
      </c>
      <c r="AH25442">
        <v>27</v>
      </c>
      <c r="AI25442">
        <v>28</v>
      </c>
      <c r="AJ25442">
        <v>28</v>
      </c>
      <c r="AK25442">
        <v>29</v>
      </c>
      <c r="AL25442">
        <v>29</v>
      </c>
      <c r="AM25442">
        <v>30</v>
      </c>
      <c r="AN25442">
        <v>30</v>
      </c>
      <c r="AO25442">
        <v>30</v>
      </c>
      <c r="AP25442">
        <v>31</v>
      </c>
      <c r="AQ25442">
        <v>31</v>
      </c>
    </row>
    <row r="25443" spans="1:43">
      <c r="A25443" t="s">
        <v>15745</v>
      </c>
      <c r="B25443" t="s">
        <v>15746</v>
      </c>
      <c r="C25443" t="s">
        <v>15747</v>
      </c>
      <c r="D25443" t="s">
        <v>15748</v>
      </c>
      <c r="E25443" t="s">
        <v>15699</v>
      </c>
      <c r="F25443" t="s">
        <v>15700</v>
      </c>
      <c r="G25443" t="s">
        <v>10734</v>
      </c>
      <c r="H25443" t="s">
        <v>10735</v>
      </c>
      <c r="I25443" s="2">
        <v>1</v>
      </c>
      <c r="J25443" s="2">
        <v>0</v>
      </c>
      <c r="K25443" s="2">
        <v>0</v>
      </c>
      <c r="L25443" t="s">
        <v>120</v>
      </c>
      <c r="M25443" t="s">
        <v>87</v>
      </c>
      <c r="N25443" t="s">
        <v>88</v>
      </c>
      <c r="O25443" t="s">
        <v>85</v>
      </c>
      <c r="P25443" t="s">
        <v>86</v>
      </c>
      <c r="Q25443">
        <v>19</v>
      </c>
      <c r="R25443">
        <v>19</v>
      </c>
      <c r="S25443">
        <v>19</v>
      </c>
      <c r="T25443">
        <v>19</v>
      </c>
      <c r="U25443">
        <v>20</v>
      </c>
      <c r="V25443">
        <v>20</v>
      </c>
      <c r="W25443">
        <v>20</v>
      </c>
      <c r="X25443">
        <v>21</v>
      </c>
      <c r="Y25443">
        <v>21</v>
      </c>
      <c r="Z25443">
        <v>21</v>
      </c>
      <c r="AA25443">
        <v>21</v>
      </c>
      <c r="AB25443">
        <v>22</v>
      </c>
      <c r="AC25443">
        <v>22</v>
      </c>
      <c r="AD25443">
        <v>22</v>
      </c>
      <c r="AE25443">
        <v>23</v>
      </c>
      <c r="AF25443">
        <v>23</v>
      </c>
      <c r="AG25443">
        <v>23</v>
      </c>
      <c r="AH25443">
        <v>24</v>
      </c>
      <c r="AI25443">
        <v>24</v>
      </c>
      <c r="AJ25443">
        <v>24</v>
      </c>
      <c r="AK25443">
        <v>25</v>
      </c>
      <c r="AL25443">
        <v>25</v>
      </c>
      <c r="AM25443">
        <v>25</v>
      </c>
      <c r="AN25443">
        <v>26</v>
      </c>
      <c r="AO25443">
        <v>26</v>
      </c>
      <c r="AP25443">
        <v>27</v>
      </c>
      <c r="AQ25443">
        <v>27</v>
      </c>
    </row>
    <row r="25444" spans="1:43">
      <c r="A25444" t="s">
        <v>15745</v>
      </c>
      <c r="B25444" t="s">
        <v>15746</v>
      </c>
      <c r="C25444" t="s">
        <v>15747</v>
      </c>
      <c r="D25444" t="s">
        <v>15748</v>
      </c>
      <c r="E25444" t="s">
        <v>15699</v>
      </c>
      <c r="F25444" t="s">
        <v>15700</v>
      </c>
      <c r="G25444" t="s">
        <v>10734</v>
      </c>
      <c r="H25444" t="s">
        <v>10735</v>
      </c>
      <c r="I25444" s="2">
        <v>1</v>
      </c>
      <c r="J25444" s="2">
        <v>0</v>
      </c>
      <c r="K25444" s="2">
        <v>0</v>
      </c>
      <c r="L25444" t="s">
        <v>120</v>
      </c>
      <c r="M25444" t="s">
        <v>89</v>
      </c>
      <c r="N25444" t="s">
        <v>90</v>
      </c>
      <c r="O25444" t="s">
        <v>85</v>
      </c>
      <c r="P25444" t="s">
        <v>86</v>
      </c>
      <c r="Q25444">
        <v>19</v>
      </c>
      <c r="R25444">
        <v>20</v>
      </c>
      <c r="S25444">
        <v>20</v>
      </c>
      <c r="T25444">
        <v>21</v>
      </c>
      <c r="U25444">
        <v>21</v>
      </c>
      <c r="V25444">
        <v>22</v>
      </c>
      <c r="W25444">
        <v>23</v>
      </c>
      <c r="X25444">
        <v>23</v>
      </c>
      <c r="Y25444">
        <v>24</v>
      </c>
      <c r="Z25444">
        <v>24</v>
      </c>
      <c r="AA25444">
        <v>25</v>
      </c>
      <c r="AB25444">
        <v>26</v>
      </c>
      <c r="AC25444">
        <v>26</v>
      </c>
      <c r="AD25444">
        <v>27</v>
      </c>
      <c r="AE25444">
        <v>27</v>
      </c>
      <c r="AF25444">
        <v>28</v>
      </c>
      <c r="AG25444">
        <v>28</v>
      </c>
      <c r="AH25444">
        <v>28</v>
      </c>
      <c r="AI25444">
        <v>29</v>
      </c>
      <c r="AJ25444">
        <v>29</v>
      </c>
      <c r="AK25444">
        <v>29</v>
      </c>
      <c r="AL25444">
        <v>30</v>
      </c>
      <c r="AM25444">
        <v>30</v>
      </c>
      <c r="AN25444">
        <v>30</v>
      </c>
      <c r="AO25444">
        <v>31</v>
      </c>
      <c r="AP25444">
        <v>31</v>
      </c>
      <c r="AQ25444">
        <v>31</v>
      </c>
    </row>
    <row r="25445" spans="1:43">
      <c r="A25445" t="s">
        <v>15745</v>
      </c>
      <c r="B25445" t="s">
        <v>15746</v>
      </c>
      <c r="C25445" t="s">
        <v>15747</v>
      </c>
      <c r="D25445" t="s">
        <v>15748</v>
      </c>
      <c r="E25445" t="s">
        <v>15699</v>
      </c>
      <c r="F25445" t="s">
        <v>15700</v>
      </c>
      <c r="G25445" t="s">
        <v>10734</v>
      </c>
      <c r="H25445" t="s">
        <v>10735</v>
      </c>
      <c r="I25445" s="2">
        <v>1</v>
      </c>
      <c r="J25445" s="2">
        <v>0</v>
      </c>
      <c r="K25445" s="2">
        <v>0</v>
      </c>
      <c r="L25445" t="s">
        <v>120</v>
      </c>
      <c r="M25445" t="s">
        <v>83</v>
      </c>
      <c r="N25445" t="s">
        <v>91</v>
      </c>
      <c r="O25445" t="s">
        <v>85</v>
      </c>
      <c r="P25445" t="s">
        <v>86</v>
      </c>
      <c r="Q25445">
        <v>19</v>
      </c>
      <c r="R25445">
        <v>19</v>
      </c>
      <c r="S25445">
        <v>20</v>
      </c>
      <c r="T25445">
        <v>20</v>
      </c>
      <c r="U25445">
        <v>21</v>
      </c>
      <c r="V25445">
        <v>21</v>
      </c>
      <c r="W25445">
        <v>22</v>
      </c>
      <c r="X25445">
        <v>22</v>
      </c>
      <c r="Y25445">
        <v>23</v>
      </c>
      <c r="Z25445">
        <v>23</v>
      </c>
      <c r="AA25445">
        <v>23</v>
      </c>
      <c r="AB25445">
        <v>24</v>
      </c>
      <c r="AC25445">
        <v>24</v>
      </c>
      <c r="AD25445">
        <v>25</v>
      </c>
      <c r="AE25445">
        <v>26</v>
      </c>
      <c r="AF25445">
        <v>26</v>
      </c>
      <c r="AG25445">
        <v>27</v>
      </c>
      <c r="AH25445">
        <v>27</v>
      </c>
      <c r="AI25445">
        <v>28</v>
      </c>
      <c r="AJ25445">
        <v>28</v>
      </c>
      <c r="AK25445">
        <v>29</v>
      </c>
      <c r="AL25445">
        <v>29</v>
      </c>
      <c r="AM25445">
        <v>30</v>
      </c>
      <c r="AN25445">
        <v>30</v>
      </c>
      <c r="AO25445">
        <v>30</v>
      </c>
      <c r="AP25445">
        <v>31</v>
      </c>
      <c r="AQ25445">
        <v>31</v>
      </c>
    </row>
    <row r="25446" spans="1:43">
      <c r="A25446" t="s">
        <v>15749</v>
      </c>
      <c r="B25446" t="s">
        <v>15750</v>
      </c>
      <c r="C25446" t="s">
        <v>15747</v>
      </c>
      <c r="D25446" t="s">
        <v>15748</v>
      </c>
      <c r="E25446" t="s">
        <v>15699</v>
      </c>
      <c r="F25446" t="s">
        <v>15700</v>
      </c>
      <c r="G25446" t="s">
        <v>10734</v>
      </c>
      <c r="H25446" t="s">
        <v>10735</v>
      </c>
      <c r="I25446" s="2">
        <v>1</v>
      </c>
      <c r="J25446" s="2">
        <v>0</v>
      </c>
      <c r="K25446" s="2">
        <v>0</v>
      </c>
      <c r="L25446" t="s">
        <v>120</v>
      </c>
      <c r="M25446" t="s">
        <v>83</v>
      </c>
      <c r="N25446" t="s">
        <v>84</v>
      </c>
      <c r="O25446" t="s">
        <v>85</v>
      </c>
      <c r="P25446" t="s">
        <v>86</v>
      </c>
      <c r="Q25446">
        <v>69</v>
      </c>
      <c r="R25446">
        <v>71</v>
      </c>
      <c r="S25446">
        <v>72</v>
      </c>
      <c r="T25446">
        <v>74</v>
      </c>
      <c r="U25446">
        <v>76</v>
      </c>
      <c r="V25446">
        <v>78</v>
      </c>
      <c r="W25446">
        <v>79</v>
      </c>
      <c r="X25446">
        <v>81</v>
      </c>
      <c r="Y25446">
        <v>83</v>
      </c>
      <c r="Z25446">
        <v>85</v>
      </c>
      <c r="AA25446">
        <v>86</v>
      </c>
      <c r="AB25446">
        <v>88</v>
      </c>
      <c r="AC25446">
        <v>90</v>
      </c>
      <c r="AD25446">
        <v>92</v>
      </c>
      <c r="AE25446">
        <v>94</v>
      </c>
      <c r="AF25446">
        <v>96</v>
      </c>
      <c r="AG25446">
        <v>98</v>
      </c>
      <c r="AH25446">
        <v>100</v>
      </c>
      <c r="AI25446">
        <v>102</v>
      </c>
      <c r="AJ25446">
        <v>104</v>
      </c>
      <c r="AK25446">
        <v>106</v>
      </c>
      <c r="AL25446">
        <v>108</v>
      </c>
      <c r="AM25446">
        <v>109</v>
      </c>
      <c r="AN25446">
        <v>110</v>
      </c>
      <c r="AO25446">
        <v>111</v>
      </c>
      <c r="AP25446">
        <v>113</v>
      </c>
      <c r="AQ25446">
        <v>114</v>
      </c>
    </row>
    <row r="25447" spans="1:43">
      <c r="A25447" t="s">
        <v>15749</v>
      </c>
      <c r="B25447" t="s">
        <v>15750</v>
      </c>
      <c r="C25447" t="s">
        <v>15747</v>
      </c>
      <c r="D25447" t="s">
        <v>15748</v>
      </c>
      <c r="E25447" t="s">
        <v>15699</v>
      </c>
      <c r="F25447" t="s">
        <v>15700</v>
      </c>
      <c r="G25447" t="s">
        <v>10734</v>
      </c>
      <c r="H25447" t="s">
        <v>10735</v>
      </c>
      <c r="I25447" s="2">
        <v>1</v>
      </c>
      <c r="J25447" s="2">
        <v>0</v>
      </c>
      <c r="K25447" s="2">
        <v>0</v>
      </c>
      <c r="L25447" t="s">
        <v>120</v>
      </c>
      <c r="M25447" t="s">
        <v>87</v>
      </c>
      <c r="N25447" t="s">
        <v>88</v>
      </c>
      <c r="O25447" t="s">
        <v>85</v>
      </c>
      <c r="P25447" t="s">
        <v>86</v>
      </c>
      <c r="Q25447">
        <v>69</v>
      </c>
      <c r="R25447">
        <v>70</v>
      </c>
      <c r="S25447">
        <v>71</v>
      </c>
      <c r="T25447">
        <v>72</v>
      </c>
      <c r="U25447">
        <v>73</v>
      </c>
      <c r="V25447">
        <v>74</v>
      </c>
      <c r="W25447">
        <v>75</v>
      </c>
      <c r="X25447">
        <v>77</v>
      </c>
      <c r="Y25447">
        <v>78</v>
      </c>
      <c r="Z25447">
        <v>79</v>
      </c>
      <c r="AA25447">
        <v>80</v>
      </c>
      <c r="AB25447">
        <v>81</v>
      </c>
      <c r="AC25447">
        <v>82</v>
      </c>
      <c r="AD25447">
        <v>83</v>
      </c>
      <c r="AE25447">
        <v>84</v>
      </c>
      <c r="AF25447">
        <v>86</v>
      </c>
      <c r="AG25447">
        <v>87</v>
      </c>
      <c r="AH25447">
        <v>88</v>
      </c>
      <c r="AI25447">
        <v>89</v>
      </c>
      <c r="AJ25447">
        <v>91</v>
      </c>
      <c r="AK25447">
        <v>92</v>
      </c>
      <c r="AL25447">
        <v>93</v>
      </c>
      <c r="AM25447">
        <v>95</v>
      </c>
      <c r="AN25447">
        <v>96</v>
      </c>
      <c r="AO25447">
        <v>97</v>
      </c>
      <c r="AP25447">
        <v>99</v>
      </c>
      <c r="AQ25447">
        <v>100</v>
      </c>
    </row>
    <row r="25448" spans="1:43">
      <c r="A25448" t="s">
        <v>15749</v>
      </c>
      <c r="B25448" t="s">
        <v>15750</v>
      </c>
      <c r="C25448" t="s">
        <v>15747</v>
      </c>
      <c r="D25448" t="s">
        <v>15748</v>
      </c>
      <c r="E25448" t="s">
        <v>15699</v>
      </c>
      <c r="F25448" t="s">
        <v>15700</v>
      </c>
      <c r="G25448" t="s">
        <v>10734</v>
      </c>
      <c r="H25448" t="s">
        <v>10735</v>
      </c>
      <c r="I25448" s="2">
        <v>1</v>
      </c>
      <c r="J25448" s="2">
        <v>0</v>
      </c>
      <c r="K25448" s="2">
        <v>0</v>
      </c>
      <c r="L25448" t="s">
        <v>120</v>
      </c>
      <c r="M25448" t="s">
        <v>89</v>
      </c>
      <c r="N25448" t="s">
        <v>90</v>
      </c>
      <c r="O25448" t="s">
        <v>85</v>
      </c>
      <c r="P25448" t="s">
        <v>86</v>
      </c>
      <c r="Q25448">
        <v>69</v>
      </c>
      <c r="R25448">
        <v>71</v>
      </c>
      <c r="S25448">
        <v>73</v>
      </c>
      <c r="T25448">
        <v>76</v>
      </c>
      <c r="U25448">
        <v>78</v>
      </c>
      <c r="V25448">
        <v>80</v>
      </c>
      <c r="W25448">
        <v>82</v>
      </c>
      <c r="X25448">
        <v>84</v>
      </c>
      <c r="Y25448">
        <v>86</v>
      </c>
      <c r="Z25448">
        <v>89</v>
      </c>
      <c r="AA25448">
        <v>91</v>
      </c>
      <c r="AB25448">
        <v>93</v>
      </c>
      <c r="AC25448">
        <v>95</v>
      </c>
      <c r="AD25448">
        <v>98</v>
      </c>
      <c r="AE25448">
        <v>99</v>
      </c>
      <c r="AF25448">
        <v>101</v>
      </c>
      <c r="AG25448">
        <v>102</v>
      </c>
      <c r="AH25448">
        <v>103</v>
      </c>
      <c r="AI25448">
        <v>104</v>
      </c>
      <c r="AJ25448">
        <v>105</v>
      </c>
      <c r="AK25448">
        <v>106</v>
      </c>
      <c r="AL25448">
        <v>107</v>
      </c>
      <c r="AM25448">
        <v>109</v>
      </c>
      <c r="AN25448">
        <v>110</v>
      </c>
      <c r="AO25448">
        <v>111</v>
      </c>
      <c r="AP25448">
        <v>112</v>
      </c>
      <c r="AQ25448">
        <v>114</v>
      </c>
    </row>
    <row r="25449" spans="1:43">
      <c r="A25449" t="s">
        <v>15749</v>
      </c>
      <c r="B25449" t="s">
        <v>15750</v>
      </c>
      <c r="C25449" t="s">
        <v>15747</v>
      </c>
      <c r="D25449" t="s">
        <v>15748</v>
      </c>
      <c r="E25449" t="s">
        <v>15699</v>
      </c>
      <c r="F25449" t="s">
        <v>15700</v>
      </c>
      <c r="G25449" t="s">
        <v>10734</v>
      </c>
      <c r="H25449" t="s">
        <v>10735</v>
      </c>
      <c r="I25449" s="2">
        <v>1</v>
      </c>
      <c r="J25449" s="2">
        <v>0</v>
      </c>
      <c r="K25449" s="2">
        <v>0</v>
      </c>
      <c r="L25449" t="s">
        <v>120</v>
      </c>
      <c r="M25449" t="s">
        <v>83</v>
      </c>
      <c r="N25449" t="s">
        <v>91</v>
      </c>
      <c r="O25449" t="s">
        <v>85</v>
      </c>
      <c r="P25449" t="s">
        <v>86</v>
      </c>
      <c r="Q25449">
        <v>69</v>
      </c>
      <c r="R25449">
        <v>71</v>
      </c>
      <c r="S25449">
        <v>72</v>
      </c>
      <c r="T25449">
        <v>74</v>
      </c>
      <c r="U25449">
        <v>76</v>
      </c>
      <c r="V25449">
        <v>78</v>
      </c>
      <c r="W25449">
        <v>79</v>
      </c>
      <c r="X25449">
        <v>81</v>
      </c>
      <c r="Y25449">
        <v>83</v>
      </c>
      <c r="Z25449">
        <v>85</v>
      </c>
      <c r="AA25449">
        <v>86</v>
      </c>
      <c r="AB25449">
        <v>88</v>
      </c>
      <c r="AC25449">
        <v>90</v>
      </c>
      <c r="AD25449">
        <v>92</v>
      </c>
      <c r="AE25449">
        <v>94</v>
      </c>
      <c r="AF25449">
        <v>96</v>
      </c>
      <c r="AG25449">
        <v>98</v>
      </c>
      <c r="AH25449">
        <v>100</v>
      </c>
      <c r="AI25449">
        <v>102</v>
      </c>
      <c r="AJ25449">
        <v>104</v>
      </c>
      <c r="AK25449">
        <v>106</v>
      </c>
      <c r="AL25449">
        <v>108</v>
      </c>
      <c r="AM25449">
        <v>109</v>
      </c>
      <c r="AN25449">
        <v>110</v>
      </c>
      <c r="AO25449">
        <v>111</v>
      </c>
      <c r="AP25449">
        <v>113</v>
      </c>
      <c r="AQ25449">
        <v>114</v>
      </c>
    </row>
    <row r="25450" spans="1:43">
      <c r="A25450" t="s">
        <v>15751</v>
      </c>
      <c r="B25450" t="s">
        <v>15752</v>
      </c>
      <c r="C25450" t="s">
        <v>15747</v>
      </c>
      <c r="D25450" t="s">
        <v>15748</v>
      </c>
      <c r="E25450" t="s">
        <v>15699</v>
      </c>
      <c r="F25450" t="s">
        <v>15700</v>
      </c>
      <c r="G25450" t="s">
        <v>10734</v>
      </c>
      <c r="H25450" t="s">
        <v>10735</v>
      </c>
      <c r="I25450" s="2">
        <v>1</v>
      </c>
      <c r="J25450" s="2">
        <v>0</v>
      </c>
      <c r="K25450" s="2">
        <v>0</v>
      </c>
      <c r="L25450" t="s">
        <v>120</v>
      </c>
      <c r="M25450" t="s">
        <v>83</v>
      </c>
      <c r="N25450" t="s">
        <v>84</v>
      </c>
      <c r="O25450" t="s">
        <v>85</v>
      </c>
      <c r="P25450" t="s">
        <v>86</v>
      </c>
      <c r="Q25450">
        <v>88</v>
      </c>
      <c r="R25450">
        <v>90</v>
      </c>
      <c r="S25450">
        <v>92</v>
      </c>
      <c r="T25450">
        <v>94</v>
      </c>
      <c r="U25450">
        <v>96</v>
      </c>
      <c r="V25450">
        <v>98</v>
      </c>
      <c r="W25450">
        <v>100</v>
      </c>
      <c r="X25450">
        <v>103</v>
      </c>
      <c r="Y25450">
        <v>105</v>
      </c>
      <c r="Z25450">
        <v>107</v>
      </c>
      <c r="AA25450">
        <v>109</v>
      </c>
      <c r="AB25450">
        <v>112</v>
      </c>
      <c r="AC25450">
        <v>114</v>
      </c>
      <c r="AD25450">
        <v>116</v>
      </c>
      <c r="AE25450">
        <v>119</v>
      </c>
      <c r="AF25450">
        <v>121</v>
      </c>
      <c r="AG25450">
        <v>124</v>
      </c>
      <c r="AH25450">
        <v>126</v>
      </c>
      <c r="AI25450">
        <v>129</v>
      </c>
      <c r="AJ25450">
        <v>131</v>
      </c>
      <c r="AK25450">
        <v>134</v>
      </c>
      <c r="AL25450">
        <v>136</v>
      </c>
      <c r="AM25450">
        <v>138</v>
      </c>
      <c r="AN25450">
        <v>139</v>
      </c>
      <c r="AO25450">
        <v>141</v>
      </c>
      <c r="AP25450">
        <v>143</v>
      </c>
      <c r="AQ25450">
        <v>144</v>
      </c>
    </row>
    <row r="25451" spans="1:43">
      <c r="A25451" t="s">
        <v>15751</v>
      </c>
      <c r="B25451" t="s">
        <v>15752</v>
      </c>
      <c r="C25451" t="s">
        <v>15747</v>
      </c>
      <c r="D25451" t="s">
        <v>15748</v>
      </c>
      <c r="E25451" t="s">
        <v>15699</v>
      </c>
      <c r="F25451" t="s">
        <v>15700</v>
      </c>
      <c r="G25451" t="s">
        <v>10734</v>
      </c>
      <c r="H25451" t="s">
        <v>10735</v>
      </c>
      <c r="I25451" s="2">
        <v>1</v>
      </c>
      <c r="J25451" s="2">
        <v>0</v>
      </c>
      <c r="K25451" s="2">
        <v>0</v>
      </c>
      <c r="L25451" t="s">
        <v>120</v>
      </c>
      <c r="M25451" t="s">
        <v>87</v>
      </c>
      <c r="N25451" t="s">
        <v>88</v>
      </c>
      <c r="O25451" t="s">
        <v>85</v>
      </c>
      <c r="P25451" t="s">
        <v>86</v>
      </c>
      <c r="Q25451">
        <v>88</v>
      </c>
      <c r="R25451">
        <v>89</v>
      </c>
      <c r="S25451">
        <v>90</v>
      </c>
      <c r="T25451">
        <v>92</v>
      </c>
      <c r="U25451">
        <v>93</v>
      </c>
      <c r="V25451">
        <v>94</v>
      </c>
      <c r="W25451">
        <v>95</v>
      </c>
      <c r="X25451">
        <v>97</v>
      </c>
      <c r="Y25451">
        <v>98</v>
      </c>
      <c r="Z25451">
        <v>99</v>
      </c>
      <c r="AA25451">
        <v>101</v>
      </c>
      <c r="AB25451">
        <v>102</v>
      </c>
      <c r="AC25451">
        <v>103</v>
      </c>
      <c r="AD25451">
        <v>105</v>
      </c>
      <c r="AE25451">
        <v>106</v>
      </c>
      <c r="AF25451">
        <v>108</v>
      </c>
      <c r="AG25451">
        <v>109</v>
      </c>
      <c r="AH25451">
        <v>111</v>
      </c>
      <c r="AI25451">
        <v>113</v>
      </c>
      <c r="AJ25451">
        <v>114</v>
      </c>
      <c r="AK25451">
        <v>116</v>
      </c>
      <c r="AL25451">
        <v>118</v>
      </c>
      <c r="AM25451">
        <v>119</v>
      </c>
      <c r="AN25451">
        <v>121</v>
      </c>
      <c r="AO25451">
        <v>123</v>
      </c>
      <c r="AP25451">
        <v>125</v>
      </c>
      <c r="AQ25451">
        <v>126</v>
      </c>
    </row>
    <row r="25452" spans="1:43">
      <c r="A25452" t="s">
        <v>15751</v>
      </c>
      <c r="B25452" t="s">
        <v>15752</v>
      </c>
      <c r="C25452" t="s">
        <v>15747</v>
      </c>
      <c r="D25452" t="s">
        <v>15748</v>
      </c>
      <c r="E25452" t="s">
        <v>15699</v>
      </c>
      <c r="F25452" t="s">
        <v>15700</v>
      </c>
      <c r="G25452" t="s">
        <v>10734</v>
      </c>
      <c r="H25452" t="s">
        <v>10735</v>
      </c>
      <c r="I25452" s="2">
        <v>1</v>
      </c>
      <c r="J25452" s="2">
        <v>0</v>
      </c>
      <c r="K25452" s="2">
        <v>0</v>
      </c>
      <c r="L25452" t="s">
        <v>120</v>
      </c>
      <c r="M25452" t="s">
        <v>89</v>
      </c>
      <c r="N25452" t="s">
        <v>90</v>
      </c>
      <c r="O25452" t="s">
        <v>85</v>
      </c>
      <c r="P25452" t="s">
        <v>86</v>
      </c>
      <c r="Q25452">
        <v>88</v>
      </c>
      <c r="R25452">
        <v>91</v>
      </c>
      <c r="S25452">
        <v>94</v>
      </c>
      <c r="T25452">
        <v>97</v>
      </c>
      <c r="U25452">
        <v>100</v>
      </c>
      <c r="V25452">
        <v>103</v>
      </c>
      <c r="W25452">
        <v>105</v>
      </c>
      <c r="X25452">
        <v>108</v>
      </c>
      <c r="Y25452">
        <v>111</v>
      </c>
      <c r="Z25452">
        <v>113</v>
      </c>
      <c r="AA25452">
        <v>116</v>
      </c>
      <c r="AB25452">
        <v>119</v>
      </c>
      <c r="AC25452">
        <v>122</v>
      </c>
      <c r="AD25452">
        <v>125</v>
      </c>
      <c r="AE25452">
        <v>127</v>
      </c>
      <c r="AF25452">
        <v>129</v>
      </c>
      <c r="AG25452">
        <v>130</v>
      </c>
      <c r="AH25452">
        <v>131</v>
      </c>
      <c r="AI25452">
        <v>133</v>
      </c>
      <c r="AJ25452">
        <v>134</v>
      </c>
      <c r="AK25452">
        <v>136</v>
      </c>
      <c r="AL25452">
        <v>137</v>
      </c>
      <c r="AM25452">
        <v>139</v>
      </c>
      <c r="AN25452">
        <v>141</v>
      </c>
      <c r="AO25452">
        <v>142</v>
      </c>
      <c r="AP25452">
        <v>144</v>
      </c>
      <c r="AQ25452">
        <v>145</v>
      </c>
    </row>
    <row r="25453" spans="1:43">
      <c r="A25453" t="s">
        <v>15751</v>
      </c>
      <c r="B25453" t="s">
        <v>15752</v>
      </c>
      <c r="C25453" t="s">
        <v>15747</v>
      </c>
      <c r="D25453" t="s">
        <v>15748</v>
      </c>
      <c r="E25453" t="s">
        <v>15699</v>
      </c>
      <c r="F25453" t="s">
        <v>15700</v>
      </c>
      <c r="G25453" t="s">
        <v>10734</v>
      </c>
      <c r="H25453" t="s">
        <v>10735</v>
      </c>
      <c r="I25453" s="2">
        <v>1</v>
      </c>
      <c r="J25453" s="2">
        <v>0</v>
      </c>
      <c r="K25453" s="2">
        <v>0</v>
      </c>
      <c r="L25453" t="s">
        <v>120</v>
      </c>
      <c r="M25453" t="s">
        <v>83</v>
      </c>
      <c r="N25453" t="s">
        <v>91</v>
      </c>
      <c r="O25453" t="s">
        <v>85</v>
      </c>
      <c r="P25453" t="s">
        <v>86</v>
      </c>
      <c r="Q25453">
        <v>88</v>
      </c>
      <c r="R25453">
        <v>90</v>
      </c>
      <c r="S25453">
        <v>92</v>
      </c>
      <c r="T25453">
        <v>94</v>
      </c>
      <c r="U25453">
        <v>96</v>
      </c>
      <c r="V25453">
        <v>98</v>
      </c>
      <c r="W25453">
        <v>100</v>
      </c>
      <c r="X25453">
        <v>103</v>
      </c>
      <c r="Y25453">
        <v>105</v>
      </c>
      <c r="Z25453">
        <v>107</v>
      </c>
      <c r="AA25453">
        <v>109</v>
      </c>
      <c r="AB25453">
        <v>112</v>
      </c>
      <c r="AC25453">
        <v>114</v>
      </c>
      <c r="AD25453">
        <v>116</v>
      </c>
      <c r="AE25453">
        <v>119</v>
      </c>
      <c r="AF25453">
        <v>121</v>
      </c>
      <c r="AG25453">
        <v>124</v>
      </c>
      <c r="AH25453">
        <v>126</v>
      </c>
      <c r="AI25453">
        <v>129</v>
      </c>
      <c r="AJ25453">
        <v>131</v>
      </c>
      <c r="AK25453">
        <v>134</v>
      </c>
      <c r="AL25453">
        <v>136</v>
      </c>
      <c r="AM25453">
        <v>138</v>
      </c>
      <c r="AN25453">
        <v>139</v>
      </c>
      <c r="AO25453">
        <v>141</v>
      </c>
      <c r="AP25453">
        <v>143</v>
      </c>
      <c r="AQ25453">
        <v>144</v>
      </c>
    </row>
    <row r="25454" spans="1:43">
      <c r="A25454" t="s">
        <v>15753</v>
      </c>
      <c r="B25454" t="s">
        <v>15754</v>
      </c>
      <c r="C25454" t="s">
        <v>15747</v>
      </c>
      <c r="D25454" t="s">
        <v>15748</v>
      </c>
      <c r="E25454" t="s">
        <v>15699</v>
      </c>
      <c r="F25454" t="s">
        <v>15700</v>
      </c>
      <c r="G25454" t="s">
        <v>10734</v>
      </c>
      <c r="H25454" t="s">
        <v>10735</v>
      </c>
      <c r="I25454" s="2">
        <v>1</v>
      </c>
      <c r="J25454" s="2">
        <v>0</v>
      </c>
      <c r="K25454" s="2">
        <v>0</v>
      </c>
      <c r="L25454" t="s">
        <v>120</v>
      </c>
      <c r="M25454" t="s">
        <v>83</v>
      </c>
      <c r="N25454" t="s">
        <v>84</v>
      </c>
      <c r="O25454" t="s">
        <v>85</v>
      </c>
      <c r="P25454" t="s">
        <v>86</v>
      </c>
      <c r="Q25454">
        <v>18</v>
      </c>
      <c r="R25454">
        <v>18</v>
      </c>
      <c r="S25454">
        <v>18</v>
      </c>
      <c r="T25454">
        <v>19</v>
      </c>
      <c r="U25454">
        <v>19</v>
      </c>
      <c r="V25454">
        <v>20</v>
      </c>
      <c r="W25454">
        <v>20</v>
      </c>
      <c r="X25454">
        <v>21</v>
      </c>
      <c r="Y25454">
        <v>21</v>
      </c>
      <c r="Z25454">
        <v>22</v>
      </c>
      <c r="AA25454">
        <v>22</v>
      </c>
      <c r="AB25454">
        <v>22</v>
      </c>
      <c r="AC25454">
        <v>23</v>
      </c>
      <c r="AD25454">
        <v>23</v>
      </c>
      <c r="AE25454">
        <v>24</v>
      </c>
      <c r="AF25454">
        <v>24</v>
      </c>
      <c r="AG25454">
        <v>25</v>
      </c>
      <c r="AH25454">
        <v>25</v>
      </c>
      <c r="AI25454">
        <v>26</v>
      </c>
      <c r="AJ25454">
        <v>27</v>
      </c>
      <c r="AK25454">
        <v>27</v>
      </c>
      <c r="AL25454">
        <v>27</v>
      </c>
      <c r="AM25454">
        <v>28</v>
      </c>
      <c r="AN25454">
        <v>28</v>
      </c>
      <c r="AO25454">
        <v>28</v>
      </c>
      <c r="AP25454">
        <v>29</v>
      </c>
      <c r="AQ25454">
        <v>29</v>
      </c>
    </row>
    <row r="25455" spans="1:43">
      <c r="A25455" t="s">
        <v>15753</v>
      </c>
      <c r="B25455" t="s">
        <v>15754</v>
      </c>
      <c r="C25455" t="s">
        <v>15747</v>
      </c>
      <c r="D25455" t="s">
        <v>15748</v>
      </c>
      <c r="E25455" t="s">
        <v>15699</v>
      </c>
      <c r="F25455" t="s">
        <v>15700</v>
      </c>
      <c r="G25455" t="s">
        <v>10734</v>
      </c>
      <c r="H25455" t="s">
        <v>10735</v>
      </c>
      <c r="I25455" s="2">
        <v>1</v>
      </c>
      <c r="J25455" s="2">
        <v>0</v>
      </c>
      <c r="K25455" s="2">
        <v>0</v>
      </c>
      <c r="L25455" t="s">
        <v>120</v>
      </c>
      <c r="M25455" t="s">
        <v>87</v>
      </c>
      <c r="N25455" t="s">
        <v>88</v>
      </c>
      <c r="O25455" t="s">
        <v>85</v>
      </c>
      <c r="P25455" t="s">
        <v>86</v>
      </c>
      <c r="Q25455">
        <v>18</v>
      </c>
      <c r="R25455">
        <v>19</v>
      </c>
      <c r="S25455">
        <v>19</v>
      </c>
      <c r="T25455">
        <v>19</v>
      </c>
      <c r="U25455">
        <v>19</v>
      </c>
      <c r="V25455">
        <v>20</v>
      </c>
      <c r="W25455">
        <v>20</v>
      </c>
      <c r="X25455">
        <v>20</v>
      </c>
      <c r="Y25455">
        <v>20</v>
      </c>
      <c r="Z25455">
        <v>21</v>
      </c>
      <c r="AA25455">
        <v>21</v>
      </c>
      <c r="AB25455">
        <v>21</v>
      </c>
      <c r="AC25455">
        <v>22</v>
      </c>
      <c r="AD25455">
        <v>22</v>
      </c>
      <c r="AE25455">
        <v>22</v>
      </c>
      <c r="AF25455">
        <v>23</v>
      </c>
      <c r="AG25455">
        <v>23</v>
      </c>
      <c r="AH25455">
        <v>23</v>
      </c>
      <c r="AI25455">
        <v>23</v>
      </c>
      <c r="AJ25455">
        <v>24</v>
      </c>
      <c r="AK25455">
        <v>24</v>
      </c>
      <c r="AL25455">
        <v>24</v>
      </c>
      <c r="AM25455">
        <v>25</v>
      </c>
      <c r="AN25455">
        <v>25</v>
      </c>
      <c r="AO25455">
        <v>26</v>
      </c>
      <c r="AP25455">
        <v>26</v>
      </c>
      <c r="AQ25455">
        <v>26</v>
      </c>
    </row>
    <row r="25456" spans="1:43">
      <c r="A25456" t="s">
        <v>15753</v>
      </c>
      <c r="B25456" t="s">
        <v>15754</v>
      </c>
      <c r="C25456" t="s">
        <v>15747</v>
      </c>
      <c r="D25456" t="s">
        <v>15748</v>
      </c>
      <c r="E25456" t="s">
        <v>15699</v>
      </c>
      <c r="F25456" t="s">
        <v>15700</v>
      </c>
      <c r="G25456" t="s">
        <v>10734</v>
      </c>
      <c r="H25456" t="s">
        <v>10735</v>
      </c>
      <c r="I25456" s="2">
        <v>1</v>
      </c>
      <c r="J25456" s="2">
        <v>0</v>
      </c>
      <c r="K25456" s="2">
        <v>0</v>
      </c>
      <c r="L25456" t="s">
        <v>120</v>
      </c>
      <c r="M25456" t="s">
        <v>89</v>
      </c>
      <c r="N25456" t="s">
        <v>90</v>
      </c>
      <c r="O25456" t="s">
        <v>85</v>
      </c>
      <c r="P25456" t="s">
        <v>86</v>
      </c>
      <c r="Q25456">
        <v>18</v>
      </c>
      <c r="R25456">
        <v>18</v>
      </c>
      <c r="S25456">
        <v>19</v>
      </c>
      <c r="T25456">
        <v>19</v>
      </c>
      <c r="U25456">
        <v>20</v>
      </c>
      <c r="V25456">
        <v>21</v>
      </c>
      <c r="W25456">
        <v>21</v>
      </c>
      <c r="X25456">
        <v>22</v>
      </c>
      <c r="Y25456">
        <v>22</v>
      </c>
      <c r="Z25456">
        <v>23</v>
      </c>
      <c r="AA25456">
        <v>23</v>
      </c>
      <c r="AB25456">
        <v>24</v>
      </c>
      <c r="AC25456">
        <v>25</v>
      </c>
      <c r="AD25456">
        <v>25</v>
      </c>
      <c r="AE25456">
        <v>26</v>
      </c>
      <c r="AF25456">
        <v>26</v>
      </c>
      <c r="AG25456">
        <v>26</v>
      </c>
      <c r="AH25456">
        <v>26</v>
      </c>
      <c r="AI25456">
        <v>27</v>
      </c>
      <c r="AJ25456">
        <v>27</v>
      </c>
      <c r="AK25456">
        <v>27</v>
      </c>
      <c r="AL25456">
        <v>28</v>
      </c>
      <c r="AM25456">
        <v>28</v>
      </c>
      <c r="AN25456">
        <v>28</v>
      </c>
      <c r="AO25456">
        <v>29</v>
      </c>
      <c r="AP25456">
        <v>29</v>
      </c>
      <c r="AQ25456">
        <v>29</v>
      </c>
    </row>
    <row r="25457" spans="1:43">
      <c r="A25457" t="s">
        <v>15753</v>
      </c>
      <c r="B25457" t="s">
        <v>15754</v>
      </c>
      <c r="C25457" t="s">
        <v>15747</v>
      </c>
      <c r="D25457" t="s">
        <v>15748</v>
      </c>
      <c r="E25457" t="s">
        <v>15699</v>
      </c>
      <c r="F25457" t="s">
        <v>15700</v>
      </c>
      <c r="G25457" t="s">
        <v>10734</v>
      </c>
      <c r="H25457" t="s">
        <v>10735</v>
      </c>
      <c r="I25457" s="2">
        <v>1</v>
      </c>
      <c r="J25457" s="2">
        <v>0</v>
      </c>
      <c r="K25457" s="2">
        <v>0</v>
      </c>
      <c r="L25457" t="s">
        <v>120</v>
      </c>
      <c r="M25457" t="s">
        <v>83</v>
      </c>
      <c r="N25457" t="s">
        <v>91</v>
      </c>
      <c r="O25457" t="s">
        <v>85</v>
      </c>
      <c r="P25457" t="s">
        <v>86</v>
      </c>
      <c r="Q25457">
        <v>18</v>
      </c>
      <c r="R25457">
        <v>18</v>
      </c>
      <c r="S25457">
        <v>18</v>
      </c>
      <c r="T25457">
        <v>19</v>
      </c>
      <c r="U25457">
        <v>19</v>
      </c>
      <c r="V25457">
        <v>20</v>
      </c>
      <c r="W25457">
        <v>20</v>
      </c>
      <c r="X25457">
        <v>21</v>
      </c>
      <c r="Y25457">
        <v>21</v>
      </c>
      <c r="Z25457">
        <v>22</v>
      </c>
      <c r="AA25457">
        <v>22</v>
      </c>
      <c r="AB25457">
        <v>22</v>
      </c>
      <c r="AC25457">
        <v>23</v>
      </c>
      <c r="AD25457">
        <v>23</v>
      </c>
      <c r="AE25457">
        <v>24</v>
      </c>
      <c r="AF25457">
        <v>24</v>
      </c>
      <c r="AG25457">
        <v>25</v>
      </c>
      <c r="AH25457">
        <v>25</v>
      </c>
      <c r="AI25457">
        <v>26</v>
      </c>
      <c r="AJ25457">
        <v>27</v>
      </c>
      <c r="AK25457">
        <v>27</v>
      </c>
      <c r="AL25457">
        <v>27</v>
      </c>
      <c r="AM25457">
        <v>28</v>
      </c>
      <c r="AN25457">
        <v>28</v>
      </c>
      <c r="AO25457">
        <v>28</v>
      </c>
      <c r="AP25457">
        <v>29</v>
      </c>
      <c r="AQ25457">
        <v>29</v>
      </c>
    </row>
    <row r="25458" spans="1:43">
      <c r="A25458" t="s">
        <v>15755</v>
      </c>
      <c r="B25458" t="s">
        <v>15756</v>
      </c>
      <c r="C25458" t="s">
        <v>15757</v>
      </c>
      <c r="D25458" t="s">
        <v>15758</v>
      </c>
      <c r="E25458" t="s">
        <v>15699</v>
      </c>
      <c r="F25458" t="s">
        <v>15700</v>
      </c>
      <c r="G25458" t="s">
        <v>10734</v>
      </c>
      <c r="H25458" t="s">
        <v>10735</v>
      </c>
      <c r="I25458" s="2">
        <v>0</v>
      </c>
      <c r="J25458" s="2">
        <v>1</v>
      </c>
      <c r="K25458" s="2">
        <v>0</v>
      </c>
      <c r="L25458" t="s">
        <v>82</v>
      </c>
      <c r="M25458" t="s">
        <v>83</v>
      </c>
      <c r="N25458" t="s">
        <v>84</v>
      </c>
      <c r="O25458" t="s">
        <v>85</v>
      </c>
      <c r="P25458" t="s">
        <v>86</v>
      </c>
      <c r="Q25458">
        <v>12</v>
      </c>
      <c r="R25458">
        <v>12</v>
      </c>
      <c r="S25458">
        <v>12</v>
      </c>
      <c r="T25458">
        <v>13</v>
      </c>
      <c r="U25458">
        <v>13</v>
      </c>
      <c r="V25458">
        <v>13</v>
      </c>
      <c r="W25458">
        <v>13</v>
      </c>
      <c r="X25458">
        <v>14</v>
      </c>
      <c r="Y25458">
        <v>14</v>
      </c>
      <c r="Z25458">
        <v>14</v>
      </c>
      <c r="AA25458">
        <v>15</v>
      </c>
      <c r="AB25458">
        <v>15</v>
      </c>
      <c r="AC25458">
        <v>15</v>
      </c>
      <c r="AD25458">
        <v>16</v>
      </c>
      <c r="AE25458">
        <v>16</v>
      </c>
      <c r="AF25458">
        <v>16</v>
      </c>
      <c r="AG25458">
        <v>17</v>
      </c>
      <c r="AH25458">
        <v>17</v>
      </c>
      <c r="AI25458">
        <v>17</v>
      </c>
      <c r="AJ25458">
        <v>18</v>
      </c>
      <c r="AK25458">
        <v>18</v>
      </c>
      <c r="AL25458">
        <v>18</v>
      </c>
      <c r="AM25458">
        <v>19</v>
      </c>
      <c r="AN25458">
        <v>19</v>
      </c>
      <c r="AO25458">
        <v>19</v>
      </c>
      <c r="AP25458">
        <v>19</v>
      </c>
      <c r="AQ25458">
        <v>19</v>
      </c>
    </row>
    <row r="25459" spans="1:43">
      <c r="A25459" t="s">
        <v>15755</v>
      </c>
      <c r="B25459" t="s">
        <v>15756</v>
      </c>
      <c r="C25459" t="s">
        <v>15757</v>
      </c>
      <c r="D25459" t="s">
        <v>15758</v>
      </c>
      <c r="E25459" t="s">
        <v>15699</v>
      </c>
      <c r="F25459" t="s">
        <v>15700</v>
      </c>
      <c r="G25459" t="s">
        <v>10734</v>
      </c>
      <c r="H25459" t="s">
        <v>10735</v>
      </c>
      <c r="I25459" s="2">
        <v>0</v>
      </c>
      <c r="J25459" s="2">
        <v>1</v>
      </c>
      <c r="K25459" s="2">
        <v>0</v>
      </c>
      <c r="L25459" t="s">
        <v>82</v>
      </c>
      <c r="M25459" t="s">
        <v>87</v>
      </c>
      <c r="N25459" t="s">
        <v>88</v>
      </c>
      <c r="O25459" t="s">
        <v>85</v>
      </c>
      <c r="P25459" t="s">
        <v>86</v>
      </c>
      <c r="Q25459">
        <v>12</v>
      </c>
      <c r="R25459">
        <v>12</v>
      </c>
      <c r="S25459">
        <v>12</v>
      </c>
      <c r="T25459">
        <v>12</v>
      </c>
      <c r="U25459">
        <v>12</v>
      </c>
      <c r="V25459">
        <v>12</v>
      </c>
      <c r="W25459">
        <v>13</v>
      </c>
      <c r="X25459">
        <v>13</v>
      </c>
      <c r="Y25459">
        <v>13</v>
      </c>
      <c r="Z25459">
        <v>13</v>
      </c>
      <c r="AA25459">
        <v>13</v>
      </c>
      <c r="AB25459">
        <v>14</v>
      </c>
      <c r="AC25459">
        <v>14</v>
      </c>
      <c r="AD25459">
        <v>14</v>
      </c>
      <c r="AE25459">
        <v>14</v>
      </c>
      <c r="AF25459">
        <v>14</v>
      </c>
      <c r="AG25459">
        <v>15</v>
      </c>
      <c r="AH25459">
        <v>15</v>
      </c>
      <c r="AI25459">
        <v>15</v>
      </c>
      <c r="AJ25459">
        <v>15</v>
      </c>
      <c r="AK25459">
        <v>15</v>
      </c>
      <c r="AL25459">
        <v>16</v>
      </c>
      <c r="AM25459">
        <v>16</v>
      </c>
      <c r="AN25459">
        <v>16</v>
      </c>
      <c r="AO25459">
        <v>16</v>
      </c>
      <c r="AP25459">
        <v>17</v>
      </c>
      <c r="AQ25459">
        <v>17</v>
      </c>
    </row>
    <row r="25460" spans="1:43">
      <c r="A25460" t="s">
        <v>15755</v>
      </c>
      <c r="B25460" t="s">
        <v>15756</v>
      </c>
      <c r="C25460" t="s">
        <v>15757</v>
      </c>
      <c r="D25460" t="s">
        <v>15758</v>
      </c>
      <c r="E25460" t="s">
        <v>15699</v>
      </c>
      <c r="F25460" t="s">
        <v>15700</v>
      </c>
      <c r="G25460" t="s">
        <v>10734</v>
      </c>
      <c r="H25460" t="s">
        <v>10735</v>
      </c>
      <c r="I25460" s="2">
        <v>0</v>
      </c>
      <c r="J25460" s="2">
        <v>1</v>
      </c>
      <c r="K25460" s="2">
        <v>0</v>
      </c>
      <c r="L25460" t="s">
        <v>82</v>
      </c>
      <c r="M25460" t="s">
        <v>89</v>
      </c>
      <c r="N25460" t="s">
        <v>90</v>
      </c>
      <c r="O25460" t="s">
        <v>85</v>
      </c>
      <c r="P25460" t="s">
        <v>86</v>
      </c>
      <c r="Q25460">
        <v>12</v>
      </c>
      <c r="R25460">
        <v>12</v>
      </c>
      <c r="S25460">
        <v>13</v>
      </c>
      <c r="T25460">
        <v>13</v>
      </c>
      <c r="U25460">
        <v>13</v>
      </c>
      <c r="V25460">
        <v>14</v>
      </c>
      <c r="W25460">
        <v>14</v>
      </c>
      <c r="X25460">
        <v>14</v>
      </c>
      <c r="Y25460">
        <v>15</v>
      </c>
      <c r="Z25460">
        <v>15</v>
      </c>
      <c r="AA25460">
        <v>16</v>
      </c>
      <c r="AB25460">
        <v>16</v>
      </c>
      <c r="AC25460">
        <v>16</v>
      </c>
      <c r="AD25460">
        <v>17</v>
      </c>
      <c r="AE25460">
        <v>17</v>
      </c>
      <c r="AF25460">
        <v>17</v>
      </c>
      <c r="AG25460">
        <v>17</v>
      </c>
      <c r="AH25460">
        <v>18</v>
      </c>
      <c r="AI25460">
        <v>18</v>
      </c>
      <c r="AJ25460">
        <v>18</v>
      </c>
      <c r="AK25460">
        <v>18</v>
      </c>
      <c r="AL25460">
        <v>18</v>
      </c>
      <c r="AM25460">
        <v>19</v>
      </c>
      <c r="AN25460">
        <v>19</v>
      </c>
      <c r="AO25460">
        <v>19</v>
      </c>
      <c r="AP25460">
        <v>19</v>
      </c>
      <c r="AQ25460">
        <v>19</v>
      </c>
    </row>
    <row r="25461" spans="1:43">
      <c r="A25461" t="s">
        <v>15755</v>
      </c>
      <c r="B25461" t="s">
        <v>15756</v>
      </c>
      <c r="C25461" t="s">
        <v>15757</v>
      </c>
      <c r="D25461" t="s">
        <v>15758</v>
      </c>
      <c r="E25461" t="s">
        <v>15699</v>
      </c>
      <c r="F25461" t="s">
        <v>15700</v>
      </c>
      <c r="G25461" t="s">
        <v>10734</v>
      </c>
      <c r="H25461" t="s">
        <v>10735</v>
      </c>
      <c r="I25461" s="2">
        <v>0</v>
      </c>
      <c r="J25461" s="2">
        <v>1</v>
      </c>
      <c r="K25461" s="2">
        <v>0</v>
      </c>
      <c r="L25461" t="s">
        <v>82</v>
      </c>
      <c r="M25461" t="s">
        <v>83</v>
      </c>
      <c r="N25461" t="s">
        <v>91</v>
      </c>
      <c r="O25461" t="s">
        <v>85</v>
      </c>
      <c r="P25461" t="s">
        <v>86</v>
      </c>
      <c r="Q25461">
        <v>12</v>
      </c>
      <c r="R25461">
        <v>12</v>
      </c>
      <c r="S25461">
        <v>12</v>
      </c>
      <c r="T25461">
        <v>13</v>
      </c>
      <c r="U25461">
        <v>13</v>
      </c>
      <c r="V25461">
        <v>13</v>
      </c>
      <c r="W25461">
        <v>13</v>
      </c>
      <c r="X25461">
        <v>14</v>
      </c>
      <c r="Y25461">
        <v>14</v>
      </c>
      <c r="Z25461">
        <v>14</v>
      </c>
      <c r="AA25461">
        <v>15</v>
      </c>
      <c r="AB25461">
        <v>15</v>
      </c>
      <c r="AC25461">
        <v>15</v>
      </c>
      <c r="AD25461">
        <v>16</v>
      </c>
      <c r="AE25461">
        <v>16</v>
      </c>
      <c r="AF25461">
        <v>16</v>
      </c>
      <c r="AG25461">
        <v>17</v>
      </c>
      <c r="AH25461">
        <v>17</v>
      </c>
      <c r="AI25461">
        <v>17</v>
      </c>
      <c r="AJ25461">
        <v>18</v>
      </c>
      <c r="AK25461">
        <v>18</v>
      </c>
      <c r="AL25461">
        <v>18</v>
      </c>
      <c r="AM25461">
        <v>19</v>
      </c>
      <c r="AN25461">
        <v>19</v>
      </c>
      <c r="AO25461">
        <v>19</v>
      </c>
      <c r="AP25461">
        <v>19</v>
      </c>
      <c r="AQ25461">
        <v>19</v>
      </c>
    </row>
    <row r="25462" spans="1:43">
      <c r="A25462" t="s">
        <v>15759</v>
      </c>
      <c r="B25462" t="s">
        <v>15760</v>
      </c>
      <c r="C25462" t="s">
        <v>15757</v>
      </c>
      <c r="D25462" t="s">
        <v>15758</v>
      </c>
      <c r="E25462" t="s">
        <v>15699</v>
      </c>
      <c r="F25462" t="s">
        <v>15700</v>
      </c>
      <c r="G25462" t="s">
        <v>10734</v>
      </c>
      <c r="H25462" t="s">
        <v>10735</v>
      </c>
      <c r="I25462" s="2">
        <v>0</v>
      </c>
      <c r="J25462" s="2">
        <v>1</v>
      </c>
      <c r="K25462" s="2">
        <v>0</v>
      </c>
      <c r="L25462" t="s">
        <v>82</v>
      </c>
      <c r="M25462" t="s">
        <v>83</v>
      </c>
      <c r="N25462" t="s">
        <v>84</v>
      </c>
      <c r="O25462" t="s">
        <v>85</v>
      </c>
      <c r="P25462" t="s">
        <v>86</v>
      </c>
      <c r="Q25462">
        <v>25</v>
      </c>
      <c r="R25462">
        <v>26</v>
      </c>
      <c r="S25462">
        <v>26</v>
      </c>
      <c r="T25462">
        <v>27</v>
      </c>
      <c r="U25462">
        <v>28</v>
      </c>
      <c r="V25462">
        <v>28</v>
      </c>
      <c r="W25462">
        <v>29</v>
      </c>
      <c r="X25462">
        <v>30</v>
      </c>
      <c r="Y25462">
        <v>30</v>
      </c>
      <c r="Z25462">
        <v>31</v>
      </c>
      <c r="AA25462">
        <v>32</v>
      </c>
      <c r="AB25462">
        <v>32</v>
      </c>
      <c r="AC25462">
        <v>33</v>
      </c>
      <c r="AD25462">
        <v>34</v>
      </c>
      <c r="AE25462">
        <v>34</v>
      </c>
      <c r="AF25462">
        <v>35</v>
      </c>
      <c r="AG25462">
        <v>36</v>
      </c>
      <c r="AH25462">
        <v>37</v>
      </c>
      <c r="AI25462">
        <v>37</v>
      </c>
      <c r="AJ25462">
        <v>38</v>
      </c>
      <c r="AK25462">
        <v>39</v>
      </c>
      <c r="AL25462">
        <v>40</v>
      </c>
      <c r="AM25462">
        <v>40</v>
      </c>
      <c r="AN25462">
        <v>40</v>
      </c>
      <c r="AO25462">
        <v>41</v>
      </c>
      <c r="AP25462">
        <v>41</v>
      </c>
      <c r="AQ25462">
        <v>42</v>
      </c>
    </row>
    <row r="25463" spans="1:43">
      <c r="A25463" t="s">
        <v>15759</v>
      </c>
      <c r="B25463" t="s">
        <v>15760</v>
      </c>
      <c r="C25463" t="s">
        <v>15757</v>
      </c>
      <c r="D25463" t="s">
        <v>15758</v>
      </c>
      <c r="E25463" t="s">
        <v>15699</v>
      </c>
      <c r="F25463" t="s">
        <v>15700</v>
      </c>
      <c r="G25463" t="s">
        <v>10734</v>
      </c>
      <c r="H25463" t="s">
        <v>10735</v>
      </c>
      <c r="I25463" s="2">
        <v>0</v>
      </c>
      <c r="J25463" s="2">
        <v>1</v>
      </c>
      <c r="K25463" s="2">
        <v>0</v>
      </c>
      <c r="L25463" t="s">
        <v>82</v>
      </c>
      <c r="M25463" t="s">
        <v>87</v>
      </c>
      <c r="N25463" t="s">
        <v>88</v>
      </c>
      <c r="O25463" t="s">
        <v>85</v>
      </c>
      <c r="P25463" t="s">
        <v>86</v>
      </c>
      <c r="Q25463">
        <v>25</v>
      </c>
      <c r="R25463">
        <v>25</v>
      </c>
      <c r="S25463">
        <v>26</v>
      </c>
      <c r="T25463">
        <v>26</v>
      </c>
      <c r="U25463">
        <v>26</v>
      </c>
      <c r="V25463">
        <v>27</v>
      </c>
      <c r="W25463">
        <v>27</v>
      </c>
      <c r="X25463">
        <v>28</v>
      </c>
      <c r="Y25463">
        <v>28</v>
      </c>
      <c r="Z25463">
        <v>28</v>
      </c>
      <c r="AA25463">
        <v>29</v>
      </c>
      <c r="AB25463">
        <v>29</v>
      </c>
      <c r="AC25463">
        <v>30</v>
      </c>
      <c r="AD25463">
        <v>30</v>
      </c>
      <c r="AE25463">
        <v>30</v>
      </c>
      <c r="AF25463">
        <v>31</v>
      </c>
      <c r="AG25463">
        <v>31</v>
      </c>
      <c r="AH25463">
        <v>32</v>
      </c>
      <c r="AI25463">
        <v>32</v>
      </c>
      <c r="AJ25463">
        <v>33</v>
      </c>
      <c r="AK25463">
        <v>33</v>
      </c>
      <c r="AL25463">
        <v>34</v>
      </c>
      <c r="AM25463">
        <v>34</v>
      </c>
      <c r="AN25463">
        <v>35</v>
      </c>
      <c r="AO25463">
        <v>35</v>
      </c>
      <c r="AP25463">
        <v>36</v>
      </c>
      <c r="AQ25463">
        <v>36</v>
      </c>
    </row>
    <row r="25464" spans="1:43">
      <c r="A25464" t="s">
        <v>15759</v>
      </c>
      <c r="B25464" t="s">
        <v>15760</v>
      </c>
      <c r="C25464" t="s">
        <v>15757</v>
      </c>
      <c r="D25464" t="s">
        <v>15758</v>
      </c>
      <c r="E25464" t="s">
        <v>15699</v>
      </c>
      <c r="F25464" t="s">
        <v>15700</v>
      </c>
      <c r="G25464" t="s">
        <v>10734</v>
      </c>
      <c r="H25464" t="s">
        <v>10735</v>
      </c>
      <c r="I25464" s="2">
        <v>0</v>
      </c>
      <c r="J25464" s="2">
        <v>1</v>
      </c>
      <c r="K25464" s="2">
        <v>0</v>
      </c>
      <c r="L25464" t="s">
        <v>82</v>
      </c>
      <c r="M25464" t="s">
        <v>89</v>
      </c>
      <c r="N25464" t="s">
        <v>90</v>
      </c>
      <c r="O25464" t="s">
        <v>85</v>
      </c>
      <c r="P25464" t="s">
        <v>86</v>
      </c>
      <c r="Q25464">
        <v>25</v>
      </c>
      <c r="R25464">
        <v>26</v>
      </c>
      <c r="S25464">
        <v>27</v>
      </c>
      <c r="T25464">
        <v>28</v>
      </c>
      <c r="U25464">
        <v>29</v>
      </c>
      <c r="V25464">
        <v>30</v>
      </c>
      <c r="W25464">
        <v>30</v>
      </c>
      <c r="X25464">
        <v>31</v>
      </c>
      <c r="Y25464">
        <v>32</v>
      </c>
      <c r="Z25464">
        <v>33</v>
      </c>
      <c r="AA25464">
        <v>34</v>
      </c>
      <c r="AB25464">
        <v>34</v>
      </c>
      <c r="AC25464">
        <v>35</v>
      </c>
      <c r="AD25464">
        <v>36</v>
      </c>
      <c r="AE25464">
        <v>37</v>
      </c>
      <c r="AF25464">
        <v>37</v>
      </c>
      <c r="AG25464">
        <v>38</v>
      </c>
      <c r="AH25464">
        <v>38</v>
      </c>
      <c r="AI25464">
        <v>38</v>
      </c>
      <c r="AJ25464">
        <v>39</v>
      </c>
      <c r="AK25464">
        <v>39</v>
      </c>
      <c r="AL25464">
        <v>40</v>
      </c>
      <c r="AM25464">
        <v>40</v>
      </c>
      <c r="AN25464">
        <v>41</v>
      </c>
      <c r="AO25464">
        <v>41</v>
      </c>
      <c r="AP25464">
        <v>42</v>
      </c>
      <c r="AQ25464">
        <v>42</v>
      </c>
    </row>
    <row r="25465" spans="1:43">
      <c r="A25465" t="s">
        <v>15759</v>
      </c>
      <c r="B25465" t="s">
        <v>15760</v>
      </c>
      <c r="C25465" t="s">
        <v>15757</v>
      </c>
      <c r="D25465" t="s">
        <v>15758</v>
      </c>
      <c r="E25465" t="s">
        <v>15699</v>
      </c>
      <c r="F25465" t="s">
        <v>15700</v>
      </c>
      <c r="G25465" t="s">
        <v>10734</v>
      </c>
      <c r="H25465" t="s">
        <v>10735</v>
      </c>
      <c r="I25465" s="2">
        <v>0</v>
      </c>
      <c r="J25465" s="2">
        <v>1</v>
      </c>
      <c r="K25465" s="2">
        <v>0</v>
      </c>
      <c r="L25465" t="s">
        <v>82</v>
      </c>
      <c r="M25465" t="s">
        <v>83</v>
      </c>
      <c r="N25465" t="s">
        <v>91</v>
      </c>
      <c r="O25465" t="s">
        <v>85</v>
      </c>
      <c r="P25465" t="s">
        <v>86</v>
      </c>
      <c r="Q25465">
        <v>25</v>
      </c>
      <c r="R25465">
        <v>26</v>
      </c>
      <c r="S25465">
        <v>26</v>
      </c>
      <c r="T25465">
        <v>27</v>
      </c>
      <c r="U25465">
        <v>28</v>
      </c>
      <c r="V25465">
        <v>28</v>
      </c>
      <c r="W25465">
        <v>29</v>
      </c>
      <c r="X25465">
        <v>30</v>
      </c>
      <c r="Y25465">
        <v>30</v>
      </c>
      <c r="Z25465">
        <v>31</v>
      </c>
      <c r="AA25465">
        <v>32</v>
      </c>
      <c r="AB25465">
        <v>32</v>
      </c>
      <c r="AC25465">
        <v>33</v>
      </c>
      <c r="AD25465">
        <v>34</v>
      </c>
      <c r="AE25465">
        <v>34</v>
      </c>
      <c r="AF25465">
        <v>35</v>
      </c>
      <c r="AG25465">
        <v>36</v>
      </c>
      <c r="AH25465">
        <v>37</v>
      </c>
      <c r="AI25465">
        <v>37</v>
      </c>
      <c r="AJ25465">
        <v>38</v>
      </c>
      <c r="AK25465">
        <v>39</v>
      </c>
      <c r="AL25465">
        <v>40</v>
      </c>
      <c r="AM25465">
        <v>40</v>
      </c>
      <c r="AN25465">
        <v>40</v>
      </c>
      <c r="AO25465">
        <v>41</v>
      </c>
      <c r="AP25465">
        <v>41</v>
      </c>
      <c r="AQ25465">
        <v>42</v>
      </c>
    </row>
    <row r="25466" spans="1:43">
      <c r="A25466" t="s">
        <v>15761</v>
      </c>
      <c r="B25466" t="s">
        <v>15762</v>
      </c>
      <c r="C25466" t="s">
        <v>15757</v>
      </c>
      <c r="D25466" t="s">
        <v>15758</v>
      </c>
      <c r="E25466" t="s">
        <v>15699</v>
      </c>
      <c r="F25466" t="s">
        <v>15700</v>
      </c>
      <c r="G25466" t="s">
        <v>10734</v>
      </c>
      <c r="H25466" t="s">
        <v>10735</v>
      </c>
      <c r="I25466" s="2">
        <v>0</v>
      </c>
      <c r="J25466" s="2">
        <v>1</v>
      </c>
      <c r="K25466" s="2">
        <v>0</v>
      </c>
      <c r="L25466" t="s">
        <v>82</v>
      </c>
      <c r="M25466" t="s">
        <v>83</v>
      </c>
      <c r="N25466" t="s">
        <v>84</v>
      </c>
      <c r="O25466" t="s">
        <v>85</v>
      </c>
      <c r="P25466" t="s">
        <v>86</v>
      </c>
      <c r="Q25466">
        <v>14</v>
      </c>
      <c r="R25466">
        <v>14</v>
      </c>
      <c r="S25466">
        <v>14</v>
      </c>
      <c r="T25466">
        <v>15</v>
      </c>
      <c r="U25466">
        <v>15</v>
      </c>
      <c r="V25466">
        <v>15</v>
      </c>
      <c r="W25466">
        <v>16</v>
      </c>
      <c r="X25466">
        <v>16</v>
      </c>
      <c r="Y25466">
        <v>16</v>
      </c>
      <c r="Z25466">
        <v>17</v>
      </c>
      <c r="AA25466">
        <v>17</v>
      </c>
      <c r="AB25466">
        <v>17</v>
      </c>
      <c r="AC25466">
        <v>18</v>
      </c>
      <c r="AD25466">
        <v>18</v>
      </c>
      <c r="AE25466">
        <v>19</v>
      </c>
      <c r="AF25466">
        <v>19</v>
      </c>
      <c r="AG25466">
        <v>19</v>
      </c>
      <c r="AH25466">
        <v>20</v>
      </c>
      <c r="AI25466">
        <v>20</v>
      </c>
      <c r="AJ25466">
        <v>21</v>
      </c>
      <c r="AK25466">
        <v>21</v>
      </c>
      <c r="AL25466">
        <v>21</v>
      </c>
      <c r="AM25466">
        <v>22</v>
      </c>
      <c r="AN25466">
        <v>22</v>
      </c>
      <c r="AO25466">
        <v>22</v>
      </c>
      <c r="AP25466">
        <v>22</v>
      </c>
      <c r="AQ25466">
        <v>23</v>
      </c>
    </row>
    <row r="25467" spans="1:43">
      <c r="A25467" t="s">
        <v>15761</v>
      </c>
      <c r="B25467" t="s">
        <v>15762</v>
      </c>
      <c r="C25467" t="s">
        <v>15757</v>
      </c>
      <c r="D25467" t="s">
        <v>15758</v>
      </c>
      <c r="E25467" t="s">
        <v>15699</v>
      </c>
      <c r="F25467" t="s">
        <v>15700</v>
      </c>
      <c r="G25467" t="s">
        <v>10734</v>
      </c>
      <c r="H25467" t="s">
        <v>10735</v>
      </c>
      <c r="I25467" s="2">
        <v>0</v>
      </c>
      <c r="J25467" s="2">
        <v>1</v>
      </c>
      <c r="K25467" s="2">
        <v>0</v>
      </c>
      <c r="L25467" t="s">
        <v>82</v>
      </c>
      <c r="M25467" t="s">
        <v>87</v>
      </c>
      <c r="N25467" t="s">
        <v>88</v>
      </c>
      <c r="O25467" t="s">
        <v>85</v>
      </c>
      <c r="P25467" t="s">
        <v>86</v>
      </c>
      <c r="Q25467">
        <v>14</v>
      </c>
      <c r="R25467">
        <v>14</v>
      </c>
      <c r="S25467">
        <v>14</v>
      </c>
      <c r="T25467">
        <v>14</v>
      </c>
      <c r="U25467">
        <v>14</v>
      </c>
      <c r="V25467">
        <v>15</v>
      </c>
      <c r="W25467">
        <v>15</v>
      </c>
      <c r="X25467">
        <v>15</v>
      </c>
      <c r="Y25467">
        <v>15</v>
      </c>
      <c r="Z25467">
        <v>15</v>
      </c>
      <c r="AA25467">
        <v>16</v>
      </c>
      <c r="AB25467">
        <v>16</v>
      </c>
      <c r="AC25467">
        <v>16</v>
      </c>
      <c r="AD25467">
        <v>16</v>
      </c>
      <c r="AE25467">
        <v>16</v>
      </c>
      <c r="AF25467">
        <v>17</v>
      </c>
      <c r="AG25467">
        <v>17</v>
      </c>
      <c r="AH25467">
        <v>17</v>
      </c>
      <c r="AI25467">
        <v>17</v>
      </c>
      <c r="AJ25467">
        <v>18</v>
      </c>
      <c r="AK25467">
        <v>18</v>
      </c>
      <c r="AL25467">
        <v>18</v>
      </c>
      <c r="AM25467">
        <v>19</v>
      </c>
      <c r="AN25467">
        <v>19</v>
      </c>
      <c r="AO25467">
        <v>19</v>
      </c>
      <c r="AP25467">
        <v>19</v>
      </c>
      <c r="AQ25467">
        <v>20</v>
      </c>
    </row>
    <row r="25468" spans="1:43">
      <c r="A25468" t="s">
        <v>15761</v>
      </c>
      <c r="B25468" t="s">
        <v>15762</v>
      </c>
      <c r="C25468" t="s">
        <v>15757</v>
      </c>
      <c r="D25468" t="s">
        <v>15758</v>
      </c>
      <c r="E25468" t="s">
        <v>15699</v>
      </c>
      <c r="F25468" t="s">
        <v>15700</v>
      </c>
      <c r="G25468" t="s">
        <v>10734</v>
      </c>
      <c r="H25468" t="s">
        <v>10735</v>
      </c>
      <c r="I25468" s="2">
        <v>0</v>
      </c>
      <c r="J25468" s="2">
        <v>1</v>
      </c>
      <c r="K25468" s="2">
        <v>0</v>
      </c>
      <c r="L25468" t="s">
        <v>82</v>
      </c>
      <c r="M25468" t="s">
        <v>89</v>
      </c>
      <c r="N25468" t="s">
        <v>90</v>
      </c>
      <c r="O25468" t="s">
        <v>85</v>
      </c>
      <c r="P25468" t="s">
        <v>86</v>
      </c>
      <c r="Q25468">
        <v>14</v>
      </c>
      <c r="R25468">
        <v>14</v>
      </c>
      <c r="S25468">
        <v>15</v>
      </c>
      <c r="T25468">
        <v>15</v>
      </c>
      <c r="U25468">
        <v>16</v>
      </c>
      <c r="V25468">
        <v>16</v>
      </c>
      <c r="W25468">
        <v>16</v>
      </c>
      <c r="X25468">
        <v>17</v>
      </c>
      <c r="Y25468">
        <v>17</v>
      </c>
      <c r="Z25468">
        <v>18</v>
      </c>
      <c r="AA25468">
        <v>18</v>
      </c>
      <c r="AB25468">
        <v>19</v>
      </c>
      <c r="AC25468">
        <v>19</v>
      </c>
      <c r="AD25468">
        <v>20</v>
      </c>
      <c r="AE25468">
        <v>20</v>
      </c>
      <c r="AF25468">
        <v>20</v>
      </c>
      <c r="AG25468">
        <v>20</v>
      </c>
      <c r="AH25468">
        <v>21</v>
      </c>
      <c r="AI25468">
        <v>21</v>
      </c>
      <c r="AJ25468">
        <v>21</v>
      </c>
      <c r="AK25468">
        <v>21</v>
      </c>
      <c r="AL25468">
        <v>21</v>
      </c>
      <c r="AM25468">
        <v>22</v>
      </c>
      <c r="AN25468">
        <v>22</v>
      </c>
      <c r="AO25468">
        <v>22</v>
      </c>
      <c r="AP25468">
        <v>22</v>
      </c>
      <c r="AQ25468">
        <v>23</v>
      </c>
    </row>
    <row r="25469" spans="1:43">
      <c r="A25469" t="s">
        <v>15761</v>
      </c>
      <c r="B25469" t="s">
        <v>15762</v>
      </c>
      <c r="C25469" t="s">
        <v>15757</v>
      </c>
      <c r="D25469" t="s">
        <v>15758</v>
      </c>
      <c r="E25469" t="s">
        <v>15699</v>
      </c>
      <c r="F25469" t="s">
        <v>15700</v>
      </c>
      <c r="G25469" t="s">
        <v>10734</v>
      </c>
      <c r="H25469" t="s">
        <v>10735</v>
      </c>
      <c r="I25469" s="2">
        <v>0</v>
      </c>
      <c r="J25469" s="2">
        <v>1</v>
      </c>
      <c r="K25469" s="2">
        <v>0</v>
      </c>
      <c r="L25469" t="s">
        <v>82</v>
      </c>
      <c r="M25469" t="s">
        <v>83</v>
      </c>
      <c r="N25469" t="s">
        <v>91</v>
      </c>
      <c r="O25469" t="s">
        <v>85</v>
      </c>
      <c r="P25469" t="s">
        <v>86</v>
      </c>
      <c r="Q25469">
        <v>14</v>
      </c>
      <c r="R25469">
        <v>14</v>
      </c>
      <c r="S25469">
        <v>14</v>
      </c>
      <c r="T25469">
        <v>15</v>
      </c>
      <c r="U25469">
        <v>15</v>
      </c>
      <c r="V25469">
        <v>15</v>
      </c>
      <c r="W25469">
        <v>16</v>
      </c>
      <c r="X25469">
        <v>16</v>
      </c>
      <c r="Y25469">
        <v>16</v>
      </c>
      <c r="Z25469">
        <v>17</v>
      </c>
      <c r="AA25469">
        <v>17</v>
      </c>
      <c r="AB25469">
        <v>17</v>
      </c>
      <c r="AC25469">
        <v>18</v>
      </c>
      <c r="AD25469">
        <v>18</v>
      </c>
      <c r="AE25469">
        <v>19</v>
      </c>
      <c r="AF25469">
        <v>19</v>
      </c>
      <c r="AG25469">
        <v>19</v>
      </c>
      <c r="AH25469">
        <v>20</v>
      </c>
      <c r="AI25469">
        <v>20</v>
      </c>
      <c r="AJ25469">
        <v>21</v>
      </c>
      <c r="AK25469">
        <v>21</v>
      </c>
      <c r="AL25469">
        <v>21</v>
      </c>
      <c r="AM25469">
        <v>22</v>
      </c>
      <c r="AN25469">
        <v>22</v>
      </c>
      <c r="AO25469">
        <v>22</v>
      </c>
      <c r="AP25469">
        <v>22</v>
      </c>
      <c r="AQ25469">
        <v>23</v>
      </c>
    </row>
    <row r="25470" spans="1:43">
      <c r="A25470" t="s">
        <v>15763</v>
      </c>
      <c r="B25470" t="s">
        <v>15764</v>
      </c>
      <c r="C25470" t="s">
        <v>15757</v>
      </c>
      <c r="D25470" t="s">
        <v>15758</v>
      </c>
      <c r="E25470" t="s">
        <v>15699</v>
      </c>
      <c r="F25470" t="s">
        <v>15700</v>
      </c>
      <c r="G25470" t="s">
        <v>10734</v>
      </c>
      <c r="H25470" t="s">
        <v>10735</v>
      </c>
      <c r="I25470" s="2">
        <v>0</v>
      </c>
      <c r="J25470" s="2">
        <v>1</v>
      </c>
      <c r="K25470" s="2">
        <v>0</v>
      </c>
      <c r="L25470" t="s">
        <v>82</v>
      </c>
      <c r="M25470" t="s">
        <v>83</v>
      </c>
      <c r="N25470" t="s">
        <v>84</v>
      </c>
      <c r="O25470" t="s">
        <v>85</v>
      </c>
      <c r="P25470" t="s">
        <v>86</v>
      </c>
      <c r="Q25470">
        <v>14</v>
      </c>
      <c r="R25470">
        <v>15</v>
      </c>
      <c r="S25470">
        <v>15</v>
      </c>
      <c r="T25470">
        <v>15</v>
      </c>
      <c r="U25470">
        <v>16</v>
      </c>
      <c r="V25470">
        <v>16</v>
      </c>
      <c r="W25470">
        <v>17</v>
      </c>
      <c r="X25470">
        <v>17</v>
      </c>
      <c r="Y25470">
        <v>17</v>
      </c>
      <c r="Z25470">
        <v>18</v>
      </c>
      <c r="AA25470">
        <v>18</v>
      </c>
      <c r="AB25470">
        <v>18</v>
      </c>
      <c r="AC25470">
        <v>19</v>
      </c>
      <c r="AD25470">
        <v>19</v>
      </c>
      <c r="AE25470">
        <v>20</v>
      </c>
      <c r="AF25470">
        <v>20</v>
      </c>
      <c r="AG25470">
        <v>21</v>
      </c>
      <c r="AH25470">
        <v>21</v>
      </c>
      <c r="AI25470">
        <v>21</v>
      </c>
      <c r="AJ25470">
        <v>22</v>
      </c>
      <c r="AK25470">
        <v>22</v>
      </c>
      <c r="AL25470">
        <v>23</v>
      </c>
      <c r="AM25470">
        <v>23</v>
      </c>
      <c r="AN25470">
        <v>23</v>
      </c>
      <c r="AO25470">
        <v>23</v>
      </c>
      <c r="AP25470">
        <v>24</v>
      </c>
      <c r="AQ25470">
        <v>24</v>
      </c>
    </row>
    <row r="25471" spans="1:43">
      <c r="A25471" t="s">
        <v>15763</v>
      </c>
      <c r="B25471" t="s">
        <v>15764</v>
      </c>
      <c r="C25471" t="s">
        <v>15757</v>
      </c>
      <c r="D25471" t="s">
        <v>15758</v>
      </c>
      <c r="E25471" t="s">
        <v>15699</v>
      </c>
      <c r="F25471" t="s">
        <v>15700</v>
      </c>
      <c r="G25471" t="s">
        <v>10734</v>
      </c>
      <c r="H25471" t="s">
        <v>10735</v>
      </c>
      <c r="I25471" s="2">
        <v>0</v>
      </c>
      <c r="J25471" s="2">
        <v>1</v>
      </c>
      <c r="K25471" s="2">
        <v>0</v>
      </c>
      <c r="L25471" t="s">
        <v>82</v>
      </c>
      <c r="M25471" t="s">
        <v>87</v>
      </c>
      <c r="N25471" t="s">
        <v>88</v>
      </c>
      <c r="O25471" t="s">
        <v>85</v>
      </c>
      <c r="P25471" t="s">
        <v>86</v>
      </c>
      <c r="Q25471">
        <v>14</v>
      </c>
      <c r="R25471">
        <v>15</v>
      </c>
      <c r="S25471">
        <v>15</v>
      </c>
      <c r="T25471">
        <v>15</v>
      </c>
      <c r="U25471">
        <v>15</v>
      </c>
      <c r="V25471">
        <v>15</v>
      </c>
      <c r="W25471">
        <v>16</v>
      </c>
      <c r="X25471">
        <v>16</v>
      </c>
      <c r="Y25471">
        <v>16</v>
      </c>
      <c r="Z25471">
        <v>16</v>
      </c>
      <c r="AA25471">
        <v>16</v>
      </c>
      <c r="AB25471">
        <v>17</v>
      </c>
      <c r="AC25471">
        <v>17</v>
      </c>
      <c r="AD25471">
        <v>17</v>
      </c>
      <c r="AE25471">
        <v>17</v>
      </c>
      <c r="AF25471">
        <v>18</v>
      </c>
      <c r="AG25471">
        <v>18</v>
      </c>
      <c r="AH25471">
        <v>18</v>
      </c>
      <c r="AI25471">
        <v>18</v>
      </c>
      <c r="AJ25471">
        <v>19</v>
      </c>
      <c r="AK25471">
        <v>19</v>
      </c>
      <c r="AL25471">
        <v>19</v>
      </c>
      <c r="AM25471">
        <v>20</v>
      </c>
      <c r="AN25471">
        <v>20</v>
      </c>
      <c r="AO25471">
        <v>20</v>
      </c>
      <c r="AP25471">
        <v>20</v>
      </c>
      <c r="AQ25471">
        <v>21</v>
      </c>
    </row>
    <row r="25472" spans="1:43">
      <c r="A25472" t="s">
        <v>15763</v>
      </c>
      <c r="B25472" t="s">
        <v>15764</v>
      </c>
      <c r="C25472" t="s">
        <v>15757</v>
      </c>
      <c r="D25472" t="s">
        <v>15758</v>
      </c>
      <c r="E25472" t="s">
        <v>15699</v>
      </c>
      <c r="F25472" t="s">
        <v>15700</v>
      </c>
      <c r="G25472" t="s">
        <v>10734</v>
      </c>
      <c r="H25472" t="s">
        <v>10735</v>
      </c>
      <c r="I25472" s="2">
        <v>0</v>
      </c>
      <c r="J25472" s="2">
        <v>1</v>
      </c>
      <c r="K25472" s="2">
        <v>0</v>
      </c>
      <c r="L25472" t="s">
        <v>82</v>
      </c>
      <c r="M25472" t="s">
        <v>89</v>
      </c>
      <c r="N25472" t="s">
        <v>90</v>
      </c>
      <c r="O25472" t="s">
        <v>85</v>
      </c>
      <c r="P25472" t="s">
        <v>86</v>
      </c>
      <c r="Q25472">
        <v>14</v>
      </c>
      <c r="R25472">
        <v>14</v>
      </c>
      <c r="S25472">
        <v>15</v>
      </c>
      <c r="T25472">
        <v>15</v>
      </c>
      <c r="U25472">
        <v>15</v>
      </c>
      <c r="V25472">
        <v>16</v>
      </c>
      <c r="W25472">
        <v>16</v>
      </c>
      <c r="X25472">
        <v>17</v>
      </c>
      <c r="Y25472">
        <v>17</v>
      </c>
      <c r="Z25472">
        <v>18</v>
      </c>
      <c r="AA25472">
        <v>18</v>
      </c>
      <c r="AB25472">
        <v>19</v>
      </c>
      <c r="AC25472">
        <v>19</v>
      </c>
      <c r="AD25472">
        <v>20</v>
      </c>
      <c r="AE25472">
        <v>20</v>
      </c>
      <c r="AF25472">
        <v>20</v>
      </c>
      <c r="AG25472">
        <v>21</v>
      </c>
      <c r="AH25472">
        <v>21</v>
      </c>
      <c r="AI25472">
        <v>21</v>
      </c>
      <c r="AJ25472">
        <v>21</v>
      </c>
      <c r="AK25472">
        <v>22</v>
      </c>
      <c r="AL25472">
        <v>22</v>
      </c>
      <c r="AM25472">
        <v>22</v>
      </c>
      <c r="AN25472">
        <v>22</v>
      </c>
      <c r="AO25472">
        <v>23</v>
      </c>
      <c r="AP25472">
        <v>23</v>
      </c>
      <c r="AQ25472">
        <v>23</v>
      </c>
    </row>
    <row r="25473" spans="1:43">
      <c r="A25473" t="s">
        <v>15763</v>
      </c>
      <c r="B25473" t="s">
        <v>15764</v>
      </c>
      <c r="C25473" t="s">
        <v>15757</v>
      </c>
      <c r="D25473" t="s">
        <v>15758</v>
      </c>
      <c r="E25473" t="s">
        <v>15699</v>
      </c>
      <c r="F25473" t="s">
        <v>15700</v>
      </c>
      <c r="G25473" t="s">
        <v>10734</v>
      </c>
      <c r="H25473" t="s">
        <v>10735</v>
      </c>
      <c r="I25473" s="2">
        <v>0</v>
      </c>
      <c r="J25473" s="2">
        <v>1</v>
      </c>
      <c r="K25473" s="2">
        <v>0</v>
      </c>
      <c r="L25473" t="s">
        <v>82</v>
      </c>
      <c r="M25473" t="s">
        <v>83</v>
      </c>
      <c r="N25473" t="s">
        <v>91</v>
      </c>
      <c r="O25473" t="s">
        <v>85</v>
      </c>
      <c r="P25473" t="s">
        <v>86</v>
      </c>
      <c r="Q25473">
        <v>14</v>
      </c>
      <c r="R25473">
        <v>15</v>
      </c>
      <c r="S25473">
        <v>15</v>
      </c>
      <c r="T25473">
        <v>15</v>
      </c>
      <c r="U25473">
        <v>16</v>
      </c>
      <c r="V25473">
        <v>16</v>
      </c>
      <c r="W25473">
        <v>17</v>
      </c>
      <c r="X25473">
        <v>17</v>
      </c>
      <c r="Y25473">
        <v>17</v>
      </c>
      <c r="Z25473">
        <v>18</v>
      </c>
      <c r="AA25473">
        <v>18</v>
      </c>
      <c r="AB25473">
        <v>18</v>
      </c>
      <c r="AC25473">
        <v>19</v>
      </c>
      <c r="AD25473">
        <v>19</v>
      </c>
      <c r="AE25473">
        <v>20</v>
      </c>
      <c r="AF25473">
        <v>20</v>
      </c>
      <c r="AG25473">
        <v>21</v>
      </c>
      <c r="AH25473">
        <v>21</v>
      </c>
      <c r="AI25473">
        <v>21</v>
      </c>
      <c r="AJ25473">
        <v>22</v>
      </c>
      <c r="AK25473">
        <v>22</v>
      </c>
      <c r="AL25473">
        <v>23</v>
      </c>
      <c r="AM25473">
        <v>23</v>
      </c>
      <c r="AN25473">
        <v>23</v>
      </c>
      <c r="AO25473">
        <v>23</v>
      </c>
      <c r="AP25473">
        <v>24</v>
      </c>
      <c r="AQ25473">
        <v>24</v>
      </c>
    </row>
    <row r="25474" spans="1:43">
      <c r="A25474" t="s">
        <v>15765</v>
      </c>
      <c r="B25474" t="s">
        <v>15766</v>
      </c>
      <c r="C25474" t="s">
        <v>15767</v>
      </c>
      <c r="D25474" t="s">
        <v>15768</v>
      </c>
      <c r="E25474" t="s">
        <v>15699</v>
      </c>
      <c r="F25474" t="s">
        <v>15700</v>
      </c>
      <c r="G25474" t="s">
        <v>10734</v>
      </c>
      <c r="H25474" t="s">
        <v>10735</v>
      </c>
      <c r="I25474" s="2">
        <v>1</v>
      </c>
      <c r="J25474" s="2">
        <v>0</v>
      </c>
      <c r="K25474" s="2">
        <v>0</v>
      </c>
      <c r="L25474" t="s">
        <v>120</v>
      </c>
      <c r="M25474" t="s">
        <v>83</v>
      </c>
      <c r="N25474" t="s">
        <v>84</v>
      </c>
      <c r="O25474" t="s">
        <v>85</v>
      </c>
      <c r="P25474" t="s">
        <v>86</v>
      </c>
      <c r="Q25474">
        <v>44</v>
      </c>
      <c r="R25474">
        <v>45</v>
      </c>
      <c r="S25474">
        <v>46</v>
      </c>
      <c r="T25474">
        <v>47</v>
      </c>
      <c r="U25474">
        <v>48</v>
      </c>
      <c r="V25474">
        <v>49</v>
      </c>
      <c r="W25474">
        <v>50</v>
      </c>
      <c r="X25474">
        <v>51</v>
      </c>
      <c r="Y25474">
        <v>52</v>
      </c>
      <c r="Z25474">
        <v>54</v>
      </c>
      <c r="AA25474">
        <v>55</v>
      </c>
      <c r="AB25474">
        <v>56</v>
      </c>
      <c r="AC25474">
        <v>57</v>
      </c>
      <c r="AD25474">
        <v>58</v>
      </c>
      <c r="AE25474">
        <v>59</v>
      </c>
      <c r="AF25474">
        <v>61</v>
      </c>
      <c r="AG25474">
        <v>62</v>
      </c>
      <c r="AH25474">
        <v>63</v>
      </c>
      <c r="AI25474">
        <v>65</v>
      </c>
      <c r="AJ25474">
        <v>66</v>
      </c>
      <c r="AK25474">
        <v>67</v>
      </c>
      <c r="AL25474">
        <v>68</v>
      </c>
      <c r="AM25474">
        <v>69</v>
      </c>
      <c r="AN25474">
        <v>70</v>
      </c>
      <c r="AO25474">
        <v>71</v>
      </c>
      <c r="AP25474">
        <v>71</v>
      </c>
      <c r="AQ25474">
        <v>72</v>
      </c>
    </row>
    <row r="25475" spans="1:43">
      <c r="A25475" t="s">
        <v>15765</v>
      </c>
      <c r="B25475" t="s">
        <v>15766</v>
      </c>
      <c r="C25475" t="s">
        <v>15767</v>
      </c>
      <c r="D25475" t="s">
        <v>15768</v>
      </c>
      <c r="E25475" t="s">
        <v>15699</v>
      </c>
      <c r="F25475" t="s">
        <v>15700</v>
      </c>
      <c r="G25475" t="s">
        <v>10734</v>
      </c>
      <c r="H25475" t="s">
        <v>10735</v>
      </c>
      <c r="I25475" s="2">
        <v>1</v>
      </c>
      <c r="J25475" s="2">
        <v>0</v>
      </c>
      <c r="K25475" s="2">
        <v>0</v>
      </c>
      <c r="L25475" t="s">
        <v>120</v>
      </c>
      <c r="M25475" t="s">
        <v>87</v>
      </c>
      <c r="N25475" t="s">
        <v>88</v>
      </c>
      <c r="O25475" t="s">
        <v>85</v>
      </c>
      <c r="P25475" t="s">
        <v>86</v>
      </c>
      <c r="Q25475">
        <v>44</v>
      </c>
      <c r="R25475">
        <v>45</v>
      </c>
      <c r="S25475">
        <v>46</v>
      </c>
      <c r="T25475">
        <v>46</v>
      </c>
      <c r="U25475">
        <v>47</v>
      </c>
      <c r="V25475">
        <v>48</v>
      </c>
      <c r="W25475">
        <v>48</v>
      </c>
      <c r="X25475">
        <v>49</v>
      </c>
      <c r="Y25475">
        <v>49</v>
      </c>
      <c r="Z25475">
        <v>50</v>
      </c>
      <c r="AA25475">
        <v>51</v>
      </c>
      <c r="AB25475">
        <v>52</v>
      </c>
      <c r="AC25475">
        <v>52</v>
      </c>
      <c r="AD25475">
        <v>53</v>
      </c>
      <c r="AE25475">
        <v>54</v>
      </c>
      <c r="AF25475">
        <v>55</v>
      </c>
      <c r="AG25475">
        <v>55</v>
      </c>
      <c r="AH25475">
        <v>56</v>
      </c>
      <c r="AI25475">
        <v>57</v>
      </c>
      <c r="AJ25475">
        <v>58</v>
      </c>
      <c r="AK25475">
        <v>59</v>
      </c>
      <c r="AL25475">
        <v>59</v>
      </c>
      <c r="AM25475">
        <v>60</v>
      </c>
      <c r="AN25475">
        <v>61</v>
      </c>
      <c r="AO25475">
        <v>62</v>
      </c>
      <c r="AP25475">
        <v>63</v>
      </c>
      <c r="AQ25475">
        <v>64</v>
      </c>
    </row>
    <row r="25476" spans="1:43">
      <c r="A25476" t="s">
        <v>15765</v>
      </c>
      <c r="B25476" t="s">
        <v>15766</v>
      </c>
      <c r="C25476" t="s">
        <v>15767</v>
      </c>
      <c r="D25476" t="s">
        <v>15768</v>
      </c>
      <c r="E25476" t="s">
        <v>15699</v>
      </c>
      <c r="F25476" t="s">
        <v>15700</v>
      </c>
      <c r="G25476" t="s">
        <v>10734</v>
      </c>
      <c r="H25476" t="s">
        <v>10735</v>
      </c>
      <c r="I25476" s="2">
        <v>1</v>
      </c>
      <c r="J25476" s="2">
        <v>0</v>
      </c>
      <c r="K25476" s="2">
        <v>0</v>
      </c>
      <c r="L25476" t="s">
        <v>120</v>
      </c>
      <c r="M25476" t="s">
        <v>89</v>
      </c>
      <c r="N25476" t="s">
        <v>90</v>
      </c>
      <c r="O25476" t="s">
        <v>85</v>
      </c>
      <c r="P25476" t="s">
        <v>86</v>
      </c>
      <c r="Q25476">
        <v>44</v>
      </c>
      <c r="R25476">
        <v>46</v>
      </c>
      <c r="S25476">
        <v>47</v>
      </c>
      <c r="T25476">
        <v>48</v>
      </c>
      <c r="U25476">
        <v>50</v>
      </c>
      <c r="V25476">
        <v>51</v>
      </c>
      <c r="W25476">
        <v>53</v>
      </c>
      <c r="X25476">
        <v>54</v>
      </c>
      <c r="Y25476">
        <v>55</v>
      </c>
      <c r="Z25476">
        <v>57</v>
      </c>
      <c r="AA25476">
        <v>58</v>
      </c>
      <c r="AB25476">
        <v>60</v>
      </c>
      <c r="AC25476">
        <v>61</v>
      </c>
      <c r="AD25476">
        <v>63</v>
      </c>
      <c r="AE25476">
        <v>64</v>
      </c>
      <c r="AF25476">
        <v>64</v>
      </c>
      <c r="AG25476">
        <v>65</v>
      </c>
      <c r="AH25476">
        <v>66</v>
      </c>
      <c r="AI25476">
        <v>67</v>
      </c>
      <c r="AJ25476">
        <v>67</v>
      </c>
      <c r="AK25476">
        <v>68</v>
      </c>
      <c r="AL25476">
        <v>69</v>
      </c>
      <c r="AM25476">
        <v>70</v>
      </c>
      <c r="AN25476">
        <v>70</v>
      </c>
      <c r="AO25476">
        <v>71</v>
      </c>
      <c r="AP25476">
        <v>72</v>
      </c>
      <c r="AQ25476">
        <v>73</v>
      </c>
    </row>
    <row r="25477" spans="1:43">
      <c r="A25477" t="s">
        <v>15765</v>
      </c>
      <c r="B25477" t="s">
        <v>15766</v>
      </c>
      <c r="C25477" t="s">
        <v>15767</v>
      </c>
      <c r="D25477" t="s">
        <v>15768</v>
      </c>
      <c r="E25477" t="s">
        <v>15699</v>
      </c>
      <c r="F25477" t="s">
        <v>15700</v>
      </c>
      <c r="G25477" t="s">
        <v>10734</v>
      </c>
      <c r="H25477" t="s">
        <v>10735</v>
      </c>
      <c r="I25477" s="2">
        <v>1</v>
      </c>
      <c r="J25477" s="2">
        <v>0</v>
      </c>
      <c r="K25477" s="2">
        <v>0</v>
      </c>
      <c r="L25477" t="s">
        <v>120</v>
      </c>
      <c r="M25477" t="s">
        <v>83</v>
      </c>
      <c r="N25477" t="s">
        <v>91</v>
      </c>
      <c r="O25477" t="s">
        <v>85</v>
      </c>
      <c r="P25477" t="s">
        <v>86</v>
      </c>
      <c r="Q25477">
        <v>44</v>
      </c>
      <c r="R25477">
        <v>45</v>
      </c>
      <c r="S25477">
        <v>46</v>
      </c>
      <c r="T25477">
        <v>47</v>
      </c>
      <c r="U25477">
        <v>48</v>
      </c>
      <c r="V25477">
        <v>49</v>
      </c>
      <c r="W25477">
        <v>50</v>
      </c>
      <c r="X25477">
        <v>51</v>
      </c>
      <c r="Y25477">
        <v>52</v>
      </c>
      <c r="Z25477">
        <v>54</v>
      </c>
      <c r="AA25477">
        <v>55</v>
      </c>
      <c r="AB25477">
        <v>56</v>
      </c>
      <c r="AC25477">
        <v>57</v>
      </c>
      <c r="AD25477">
        <v>58</v>
      </c>
      <c r="AE25477">
        <v>59</v>
      </c>
      <c r="AF25477">
        <v>61</v>
      </c>
      <c r="AG25477">
        <v>62</v>
      </c>
      <c r="AH25477">
        <v>63</v>
      </c>
      <c r="AI25477">
        <v>65</v>
      </c>
      <c r="AJ25477">
        <v>66</v>
      </c>
      <c r="AK25477">
        <v>67</v>
      </c>
      <c r="AL25477">
        <v>68</v>
      </c>
      <c r="AM25477">
        <v>69</v>
      </c>
      <c r="AN25477">
        <v>70</v>
      </c>
      <c r="AO25477">
        <v>71</v>
      </c>
      <c r="AP25477">
        <v>71</v>
      </c>
      <c r="AQ25477">
        <v>72</v>
      </c>
    </row>
    <row r="25478" spans="1:43">
      <c r="A25478" t="s">
        <v>15769</v>
      </c>
      <c r="B25478" t="s">
        <v>15770</v>
      </c>
      <c r="C25478" t="s">
        <v>15771</v>
      </c>
      <c r="D25478" t="s">
        <v>15772</v>
      </c>
      <c r="E25478" t="s">
        <v>15699</v>
      </c>
      <c r="F25478" t="s">
        <v>15700</v>
      </c>
      <c r="G25478" t="s">
        <v>10734</v>
      </c>
      <c r="H25478" t="s">
        <v>10735</v>
      </c>
      <c r="I25478" s="2">
        <v>1</v>
      </c>
      <c r="J25478" s="2">
        <v>0</v>
      </c>
      <c r="K25478" s="2">
        <v>0</v>
      </c>
      <c r="L25478" t="s">
        <v>120</v>
      </c>
      <c r="M25478" t="s">
        <v>83</v>
      </c>
      <c r="N25478" t="s">
        <v>84</v>
      </c>
      <c r="O25478" t="s">
        <v>85</v>
      </c>
      <c r="P25478" t="s">
        <v>86</v>
      </c>
      <c r="Q25478">
        <v>64</v>
      </c>
      <c r="R25478">
        <v>65</v>
      </c>
      <c r="S25478">
        <v>67</v>
      </c>
      <c r="T25478">
        <v>68</v>
      </c>
      <c r="U25478">
        <v>70</v>
      </c>
      <c r="V25478">
        <v>71</v>
      </c>
      <c r="W25478">
        <v>73</v>
      </c>
      <c r="X25478">
        <v>75</v>
      </c>
      <c r="Y25478">
        <v>76</v>
      </c>
      <c r="Z25478">
        <v>78</v>
      </c>
      <c r="AA25478">
        <v>79</v>
      </c>
      <c r="AB25478">
        <v>81</v>
      </c>
      <c r="AC25478">
        <v>83</v>
      </c>
      <c r="AD25478">
        <v>85</v>
      </c>
      <c r="AE25478">
        <v>86</v>
      </c>
      <c r="AF25478">
        <v>88</v>
      </c>
      <c r="AG25478">
        <v>90</v>
      </c>
      <c r="AH25478">
        <v>92</v>
      </c>
      <c r="AI25478">
        <v>94</v>
      </c>
      <c r="AJ25478">
        <v>96</v>
      </c>
      <c r="AK25478">
        <v>98</v>
      </c>
      <c r="AL25478">
        <v>99</v>
      </c>
      <c r="AM25478">
        <v>100</v>
      </c>
      <c r="AN25478">
        <v>102</v>
      </c>
      <c r="AO25478">
        <v>103</v>
      </c>
      <c r="AP25478">
        <v>104</v>
      </c>
      <c r="AQ25478">
        <v>105</v>
      </c>
    </row>
    <row r="25479" spans="1:43">
      <c r="A25479" t="s">
        <v>15769</v>
      </c>
      <c r="B25479" t="s">
        <v>15770</v>
      </c>
      <c r="C25479" t="s">
        <v>15771</v>
      </c>
      <c r="D25479" t="s">
        <v>15772</v>
      </c>
      <c r="E25479" t="s">
        <v>15699</v>
      </c>
      <c r="F25479" t="s">
        <v>15700</v>
      </c>
      <c r="G25479" t="s">
        <v>10734</v>
      </c>
      <c r="H25479" t="s">
        <v>10735</v>
      </c>
      <c r="I25479" s="2">
        <v>1</v>
      </c>
      <c r="J25479" s="2">
        <v>0</v>
      </c>
      <c r="K25479" s="2">
        <v>0</v>
      </c>
      <c r="L25479" t="s">
        <v>120</v>
      </c>
      <c r="M25479" t="s">
        <v>87</v>
      </c>
      <c r="N25479" t="s">
        <v>88</v>
      </c>
      <c r="O25479" t="s">
        <v>85</v>
      </c>
      <c r="P25479" t="s">
        <v>86</v>
      </c>
      <c r="Q25479">
        <v>64</v>
      </c>
      <c r="R25479">
        <v>65</v>
      </c>
      <c r="S25479">
        <v>66</v>
      </c>
      <c r="T25479">
        <v>67</v>
      </c>
      <c r="U25479">
        <v>68</v>
      </c>
      <c r="V25479">
        <v>69</v>
      </c>
      <c r="W25479">
        <v>70</v>
      </c>
      <c r="X25479">
        <v>71</v>
      </c>
      <c r="Y25479">
        <v>71</v>
      </c>
      <c r="Z25479">
        <v>72</v>
      </c>
      <c r="AA25479">
        <v>73</v>
      </c>
      <c r="AB25479">
        <v>74</v>
      </c>
      <c r="AC25479">
        <v>75</v>
      </c>
      <c r="AD25479">
        <v>77</v>
      </c>
      <c r="AE25479">
        <v>78</v>
      </c>
      <c r="AF25479">
        <v>79</v>
      </c>
      <c r="AG25479">
        <v>80</v>
      </c>
      <c r="AH25479">
        <v>81</v>
      </c>
      <c r="AI25479">
        <v>82</v>
      </c>
      <c r="AJ25479">
        <v>83</v>
      </c>
      <c r="AK25479">
        <v>84</v>
      </c>
      <c r="AL25479">
        <v>86</v>
      </c>
      <c r="AM25479">
        <v>87</v>
      </c>
      <c r="AN25479">
        <v>88</v>
      </c>
      <c r="AO25479">
        <v>89</v>
      </c>
      <c r="AP25479">
        <v>91</v>
      </c>
      <c r="AQ25479">
        <v>92</v>
      </c>
    </row>
    <row r="25480" spans="1:43">
      <c r="A25480" t="s">
        <v>15769</v>
      </c>
      <c r="B25480" t="s">
        <v>15770</v>
      </c>
      <c r="C25480" t="s">
        <v>15771</v>
      </c>
      <c r="D25480" t="s">
        <v>15772</v>
      </c>
      <c r="E25480" t="s">
        <v>15699</v>
      </c>
      <c r="F25480" t="s">
        <v>15700</v>
      </c>
      <c r="G25480" t="s">
        <v>10734</v>
      </c>
      <c r="H25480" t="s">
        <v>10735</v>
      </c>
      <c r="I25480" s="2">
        <v>1</v>
      </c>
      <c r="J25480" s="2">
        <v>0</v>
      </c>
      <c r="K25480" s="2">
        <v>0</v>
      </c>
      <c r="L25480" t="s">
        <v>120</v>
      </c>
      <c r="M25480" t="s">
        <v>89</v>
      </c>
      <c r="N25480" t="s">
        <v>90</v>
      </c>
      <c r="O25480" t="s">
        <v>85</v>
      </c>
      <c r="P25480" t="s">
        <v>86</v>
      </c>
      <c r="Q25480">
        <v>64</v>
      </c>
      <c r="R25480">
        <v>66</v>
      </c>
      <c r="S25480">
        <v>68</v>
      </c>
      <c r="T25480">
        <v>71</v>
      </c>
      <c r="U25480">
        <v>73</v>
      </c>
      <c r="V25480">
        <v>75</v>
      </c>
      <c r="W25480">
        <v>77</v>
      </c>
      <c r="X25480">
        <v>79</v>
      </c>
      <c r="Y25480">
        <v>81</v>
      </c>
      <c r="Z25480">
        <v>83</v>
      </c>
      <c r="AA25480">
        <v>85</v>
      </c>
      <c r="AB25480">
        <v>87</v>
      </c>
      <c r="AC25480">
        <v>89</v>
      </c>
      <c r="AD25480">
        <v>91</v>
      </c>
      <c r="AE25480">
        <v>93</v>
      </c>
      <c r="AF25480">
        <v>94</v>
      </c>
      <c r="AG25480">
        <v>95</v>
      </c>
      <c r="AH25480">
        <v>96</v>
      </c>
      <c r="AI25480">
        <v>97</v>
      </c>
      <c r="AJ25480">
        <v>98</v>
      </c>
      <c r="AK25480">
        <v>99</v>
      </c>
      <c r="AL25480">
        <v>100</v>
      </c>
      <c r="AM25480">
        <v>101</v>
      </c>
      <c r="AN25480">
        <v>102</v>
      </c>
      <c r="AO25480">
        <v>104</v>
      </c>
      <c r="AP25480">
        <v>105</v>
      </c>
      <c r="AQ25480">
        <v>106</v>
      </c>
    </row>
    <row r="25481" spans="1:43">
      <c r="A25481" t="s">
        <v>15769</v>
      </c>
      <c r="B25481" t="s">
        <v>15770</v>
      </c>
      <c r="C25481" t="s">
        <v>15771</v>
      </c>
      <c r="D25481" t="s">
        <v>15772</v>
      </c>
      <c r="E25481" t="s">
        <v>15699</v>
      </c>
      <c r="F25481" t="s">
        <v>15700</v>
      </c>
      <c r="G25481" t="s">
        <v>10734</v>
      </c>
      <c r="H25481" t="s">
        <v>10735</v>
      </c>
      <c r="I25481" s="2">
        <v>1</v>
      </c>
      <c r="J25481" s="2">
        <v>0</v>
      </c>
      <c r="K25481" s="2">
        <v>0</v>
      </c>
      <c r="L25481" t="s">
        <v>120</v>
      </c>
      <c r="M25481" t="s">
        <v>83</v>
      </c>
      <c r="N25481" t="s">
        <v>91</v>
      </c>
      <c r="O25481" t="s">
        <v>85</v>
      </c>
      <c r="P25481" t="s">
        <v>86</v>
      </c>
      <c r="Q25481">
        <v>64</v>
      </c>
      <c r="R25481">
        <v>65</v>
      </c>
      <c r="S25481">
        <v>67</v>
      </c>
      <c r="T25481">
        <v>68</v>
      </c>
      <c r="U25481">
        <v>70</v>
      </c>
      <c r="V25481">
        <v>71</v>
      </c>
      <c r="W25481">
        <v>73</v>
      </c>
      <c r="X25481">
        <v>75</v>
      </c>
      <c r="Y25481">
        <v>76</v>
      </c>
      <c r="Z25481">
        <v>78</v>
      </c>
      <c r="AA25481">
        <v>79</v>
      </c>
      <c r="AB25481">
        <v>81</v>
      </c>
      <c r="AC25481">
        <v>83</v>
      </c>
      <c r="AD25481">
        <v>85</v>
      </c>
      <c r="AE25481">
        <v>86</v>
      </c>
      <c r="AF25481">
        <v>88</v>
      </c>
      <c r="AG25481">
        <v>90</v>
      </c>
      <c r="AH25481">
        <v>92</v>
      </c>
      <c r="AI25481">
        <v>94</v>
      </c>
      <c r="AJ25481">
        <v>96</v>
      </c>
      <c r="AK25481">
        <v>98</v>
      </c>
      <c r="AL25481">
        <v>99</v>
      </c>
      <c r="AM25481">
        <v>100</v>
      </c>
      <c r="AN25481">
        <v>102</v>
      </c>
      <c r="AO25481">
        <v>103</v>
      </c>
      <c r="AP25481">
        <v>104</v>
      </c>
      <c r="AQ25481">
        <v>105</v>
      </c>
    </row>
    <row r="25482" spans="1:43">
      <c r="A25482" t="s">
        <v>15773</v>
      </c>
      <c r="B25482" t="s">
        <v>15774</v>
      </c>
      <c r="C25482" t="s">
        <v>15775</v>
      </c>
      <c r="D25482" t="s">
        <v>15776</v>
      </c>
      <c r="E25482" t="s">
        <v>15699</v>
      </c>
      <c r="F25482" t="s">
        <v>15700</v>
      </c>
      <c r="G25482" t="s">
        <v>10734</v>
      </c>
      <c r="H25482" t="s">
        <v>10735</v>
      </c>
      <c r="I25482" s="2">
        <v>1</v>
      </c>
      <c r="J25482" s="2">
        <v>0</v>
      </c>
      <c r="K25482" s="2">
        <v>0</v>
      </c>
      <c r="L25482" t="s">
        <v>120</v>
      </c>
      <c r="M25482" t="s">
        <v>83</v>
      </c>
      <c r="N25482" t="s">
        <v>84</v>
      </c>
      <c r="O25482" t="s">
        <v>85</v>
      </c>
      <c r="P25482" t="s">
        <v>86</v>
      </c>
      <c r="Q25482">
        <v>47</v>
      </c>
      <c r="R25482">
        <v>48</v>
      </c>
      <c r="S25482">
        <v>49</v>
      </c>
      <c r="T25482">
        <v>51</v>
      </c>
      <c r="U25482">
        <v>52</v>
      </c>
      <c r="V25482">
        <v>53</v>
      </c>
      <c r="W25482">
        <v>54</v>
      </c>
      <c r="X25482">
        <v>55</v>
      </c>
      <c r="Y25482">
        <v>56</v>
      </c>
      <c r="Z25482">
        <v>58</v>
      </c>
      <c r="AA25482">
        <v>59</v>
      </c>
      <c r="AB25482">
        <v>60</v>
      </c>
      <c r="AC25482">
        <v>61</v>
      </c>
      <c r="AD25482">
        <v>63</v>
      </c>
      <c r="AE25482">
        <v>64</v>
      </c>
      <c r="AF25482">
        <v>65</v>
      </c>
      <c r="AG25482">
        <v>67</v>
      </c>
      <c r="AH25482">
        <v>68</v>
      </c>
      <c r="AI25482">
        <v>70</v>
      </c>
      <c r="AJ25482">
        <v>71</v>
      </c>
      <c r="AK25482">
        <v>72</v>
      </c>
      <c r="AL25482">
        <v>74</v>
      </c>
      <c r="AM25482">
        <v>74</v>
      </c>
      <c r="AN25482">
        <v>75</v>
      </c>
      <c r="AO25482">
        <v>76</v>
      </c>
      <c r="AP25482">
        <v>77</v>
      </c>
      <c r="AQ25482">
        <v>78</v>
      </c>
    </row>
    <row r="25483" spans="1:43">
      <c r="A25483" t="s">
        <v>15773</v>
      </c>
      <c r="B25483" t="s">
        <v>15774</v>
      </c>
      <c r="C25483" t="s">
        <v>15775</v>
      </c>
      <c r="D25483" t="s">
        <v>15776</v>
      </c>
      <c r="E25483" t="s">
        <v>15699</v>
      </c>
      <c r="F25483" t="s">
        <v>15700</v>
      </c>
      <c r="G25483" t="s">
        <v>10734</v>
      </c>
      <c r="H25483" t="s">
        <v>10735</v>
      </c>
      <c r="I25483" s="2">
        <v>1</v>
      </c>
      <c r="J25483" s="2">
        <v>0</v>
      </c>
      <c r="K25483" s="2">
        <v>0</v>
      </c>
      <c r="L25483" t="s">
        <v>120</v>
      </c>
      <c r="M25483" t="s">
        <v>87</v>
      </c>
      <c r="N25483" t="s">
        <v>88</v>
      </c>
      <c r="O25483" t="s">
        <v>85</v>
      </c>
      <c r="P25483" t="s">
        <v>86</v>
      </c>
      <c r="Q25483">
        <v>47</v>
      </c>
      <c r="R25483">
        <v>47</v>
      </c>
      <c r="S25483">
        <v>48</v>
      </c>
      <c r="T25483">
        <v>49</v>
      </c>
      <c r="U25483">
        <v>49</v>
      </c>
      <c r="V25483">
        <v>50</v>
      </c>
      <c r="W25483">
        <v>51</v>
      </c>
      <c r="X25483">
        <v>51</v>
      </c>
      <c r="Y25483">
        <v>52</v>
      </c>
      <c r="Z25483">
        <v>53</v>
      </c>
      <c r="AA25483">
        <v>54</v>
      </c>
      <c r="AB25483">
        <v>54</v>
      </c>
      <c r="AC25483">
        <v>55</v>
      </c>
      <c r="AD25483">
        <v>56</v>
      </c>
      <c r="AE25483">
        <v>57</v>
      </c>
      <c r="AF25483">
        <v>57</v>
      </c>
      <c r="AG25483">
        <v>58</v>
      </c>
      <c r="AH25483">
        <v>59</v>
      </c>
      <c r="AI25483">
        <v>60</v>
      </c>
      <c r="AJ25483">
        <v>61</v>
      </c>
      <c r="AK25483">
        <v>62</v>
      </c>
      <c r="AL25483">
        <v>63</v>
      </c>
      <c r="AM25483">
        <v>63</v>
      </c>
      <c r="AN25483">
        <v>64</v>
      </c>
      <c r="AO25483">
        <v>65</v>
      </c>
      <c r="AP25483">
        <v>66</v>
      </c>
      <c r="AQ25483">
        <v>67</v>
      </c>
    </row>
    <row r="25484" spans="1:43">
      <c r="A25484" t="s">
        <v>15773</v>
      </c>
      <c r="B25484" t="s">
        <v>15774</v>
      </c>
      <c r="C25484" t="s">
        <v>15775</v>
      </c>
      <c r="D25484" t="s">
        <v>15776</v>
      </c>
      <c r="E25484" t="s">
        <v>15699</v>
      </c>
      <c r="F25484" t="s">
        <v>15700</v>
      </c>
      <c r="G25484" t="s">
        <v>10734</v>
      </c>
      <c r="H25484" t="s">
        <v>10735</v>
      </c>
      <c r="I25484" s="2">
        <v>1</v>
      </c>
      <c r="J25484" s="2">
        <v>0</v>
      </c>
      <c r="K25484" s="2">
        <v>0</v>
      </c>
      <c r="L25484" t="s">
        <v>120</v>
      </c>
      <c r="M25484" t="s">
        <v>89</v>
      </c>
      <c r="N25484" t="s">
        <v>90</v>
      </c>
      <c r="O25484" t="s">
        <v>85</v>
      </c>
      <c r="P25484" t="s">
        <v>86</v>
      </c>
      <c r="Q25484">
        <v>47</v>
      </c>
      <c r="R25484">
        <v>48</v>
      </c>
      <c r="S25484">
        <v>50</v>
      </c>
      <c r="T25484">
        <v>51</v>
      </c>
      <c r="U25484">
        <v>53</v>
      </c>
      <c r="V25484">
        <v>54</v>
      </c>
      <c r="W25484">
        <v>56</v>
      </c>
      <c r="X25484">
        <v>57</v>
      </c>
      <c r="Y25484">
        <v>59</v>
      </c>
      <c r="Z25484">
        <v>60</v>
      </c>
      <c r="AA25484">
        <v>62</v>
      </c>
      <c r="AB25484">
        <v>63</v>
      </c>
      <c r="AC25484">
        <v>65</v>
      </c>
      <c r="AD25484">
        <v>66</v>
      </c>
      <c r="AE25484">
        <v>68</v>
      </c>
      <c r="AF25484">
        <v>68</v>
      </c>
      <c r="AG25484">
        <v>69</v>
      </c>
      <c r="AH25484">
        <v>70</v>
      </c>
      <c r="AI25484">
        <v>71</v>
      </c>
      <c r="AJ25484">
        <v>72</v>
      </c>
      <c r="AK25484">
        <v>72</v>
      </c>
      <c r="AL25484">
        <v>73</v>
      </c>
      <c r="AM25484">
        <v>74</v>
      </c>
      <c r="AN25484">
        <v>75</v>
      </c>
      <c r="AO25484">
        <v>76</v>
      </c>
      <c r="AP25484">
        <v>77</v>
      </c>
      <c r="AQ25484">
        <v>78</v>
      </c>
    </row>
    <row r="25485" spans="1:43">
      <c r="A25485" t="s">
        <v>15773</v>
      </c>
      <c r="B25485" t="s">
        <v>15774</v>
      </c>
      <c r="C25485" t="s">
        <v>15775</v>
      </c>
      <c r="D25485" t="s">
        <v>15776</v>
      </c>
      <c r="E25485" t="s">
        <v>15699</v>
      </c>
      <c r="F25485" t="s">
        <v>15700</v>
      </c>
      <c r="G25485" t="s">
        <v>10734</v>
      </c>
      <c r="H25485" t="s">
        <v>10735</v>
      </c>
      <c r="I25485" s="2">
        <v>1</v>
      </c>
      <c r="J25485" s="2">
        <v>0</v>
      </c>
      <c r="K25485" s="2">
        <v>0</v>
      </c>
      <c r="L25485" t="s">
        <v>120</v>
      </c>
      <c r="M25485" t="s">
        <v>83</v>
      </c>
      <c r="N25485" t="s">
        <v>91</v>
      </c>
      <c r="O25485" t="s">
        <v>85</v>
      </c>
      <c r="P25485" t="s">
        <v>86</v>
      </c>
      <c r="Q25485">
        <v>47</v>
      </c>
      <c r="R25485">
        <v>48</v>
      </c>
      <c r="S25485">
        <v>49</v>
      </c>
      <c r="T25485">
        <v>51</v>
      </c>
      <c r="U25485">
        <v>52</v>
      </c>
      <c r="V25485">
        <v>53</v>
      </c>
      <c r="W25485">
        <v>54</v>
      </c>
      <c r="X25485">
        <v>55</v>
      </c>
      <c r="Y25485">
        <v>56</v>
      </c>
      <c r="Z25485">
        <v>58</v>
      </c>
      <c r="AA25485">
        <v>59</v>
      </c>
      <c r="AB25485">
        <v>60</v>
      </c>
      <c r="AC25485">
        <v>61</v>
      </c>
      <c r="AD25485">
        <v>63</v>
      </c>
      <c r="AE25485">
        <v>64</v>
      </c>
      <c r="AF25485">
        <v>65</v>
      </c>
      <c r="AG25485">
        <v>67</v>
      </c>
      <c r="AH25485">
        <v>68</v>
      </c>
      <c r="AI25485">
        <v>70</v>
      </c>
      <c r="AJ25485">
        <v>71</v>
      </c>
      <c r="AK25485">
        <v>72</v>
      </c>
      <c r="AL25485">
        <v>74</v>
      </c>
      <c r="AM25485">
        <v>74</v>
      </c>
      <c r="AN25485">
        <v>75</v>
      </c>
      <c r="AO25485">
        <v>76</v>
      </c>
      <c r="AP25485">
        <v>77</v>
      </c>
      <c r="AQ25485">
        <v>78</v>
      </c>
    </row>
    <row r="25486" spans="1:43">
      <c r="A25486" t="s">
        <v>15777</v>
      </c>
      <c r="B25486" t="s">
        <v>15778</v>
      </c>
      <c r="C25486" t="s">
        <v>15779</v>
      </c>
      <c r="D25486" t="s">
        <v>15780</v>
      </c>
      <c r="E25486" t="s">
        <v>15699</v>
      </c>
      <c r="F25486" t="s">
        <v>15700</v>
      </c>
      <c r="G25486" t="s">
        <v>10734</v>
      </c>
      <c r="H25486" t="s">
        <v>10735</v>
      </c>
      <c r="I25486" s="2">
        <v>0</v>
      </c>
      <c r="J25486" s="2">
        <v>1</v>
      </c>
      <c r="K25486" s="2">
        <v>0</v>
      </c>
      <c r="L25486" t="s">
        <v>82</v>
      </c>
      <c r="M25486" t="s">
        <v>83</v>
      </c>
      <c r="N25486" t="s">
        <v>84</v>
      </c>
      <c r="O25486" t="s">
        <v>85</v>
      </c>
      <c r="P25486" t="s">
        <v>86</v>
      </c>
      <c r="Q25486">
        <v>31</v>
      </c>
      <c r="R25486">
        <v>32</v>
      </c>
      <c r="S25486">
        <v>32</v>
      </c>
      <c r="T25486">
        <v>33</v>
      </c>
      <c r="U25486">
        <v>34</v>
      </c>
      <c r="V25486">
        <v>35</v>
      </c>
      <c r="W25486">
        <v>35</v>
      </c>
      <c r="X25486">
        <v>36</v>
      </c>
      <c r="Y25486">
        <v>37</v>
      </c>
      <c r="Z25486">
        <v>38</v>
      </c>
      <c r="AA25486">
        <v>39</v>
      </c>
      <c r="AB25486">
        <v>39</v>
      </c>
      <c r="AC25486">
        <v>40</v>
      </c>
      <c r="AD25486">
        <v>41</v>
      </c>
      <c r="AE25486">
        <v>42</v>
      </c>
      <c r="AF25486">
        <v>43</v>
      </c>
      <c r="AG25486">
        <v>44</v>
      </c>
      <c r="AH25486">
        <v>45</v>
      </c>
      <c r="AI25486">
        <v>45</v>
      </c>
      <c r="AJ25486">
        <v>46</v>
      </c>
      <c r="AK25486">
        <v>47</v>
      </c>
      <c r="AL25486">
        <v>48</v>
      </c>
      <c r="AM25486">
        <v>49</v>
      </c>
      <c r="AN25486">
        <v>49</v>
      </c>
      <c r="AO25486">
        <v>50</v>
      </c>
      <c r="AP25486">
        <v>50</v>
      </c>
      <c r="AQ25486">
        <v>51</v>
      </c>
    </row>
    <row r="25487" spans="1:43">
      <c r="A25487" t="s">
        <v>15777</v>
      </c>
      <c r="B25487" t="s">
        <v>15778</v>
      </c>
      <c r="C25487" t="s">
        <v>15779</v>
      </c>
      <c r="D25487" t="s">
        <v>15780</v>
      </c>
      <c r="E25487" t="s">
        <v>15699</v>
      </c>
      <c r="F25487" t="s">
        <v>15700</v>
      </c>
      <c r="G25487" t="s">
        <v>10734</v>
      </c>
      <c r="H25487" t="s">
        <v>10735</v>
      </c>
      <c r="I25487" s="2">
        <v>0</v>
      </c>
      <c r="J25487" s="2">
        <v>1</v>
      </c>
      <c r="K25487" s="2">
        <v>0</v>
      </c>
      <c r="L25487" t="s">
        <v>82</v>
      </c>
      <c r="M25487" t="s">
        <v>87</v>
      </c>
      <c r="N25487" t="s">
        <v>88</v>
      </c>
      <c r="O25487" t="s">
        <v>85</v>
      </c>
      <c r="P25487" t="s">
        <v>86</v>
      </c>
      <c r="Q25487">
        <v>31</v>
      </c>
      <c r="R25487">
        <v>31</v>
      </c>
      <c r="S25487">
        <v>31</v>
      </c>
      <c r="T25487">
        <v>32</v>
      </c>
      <c r="U25487">
        <v>32</v>
      </c>
      <c r="V25487">
        <v>33</v>
      </c>
      <c r="W25487">
        <v>33</v>
      </c>
      <c r="X25487">
        <v>34</v>
      </c>
      <c r="Y25487">
        <v>34</v>
      </c>
      <c r="Z25487">
        <v>35</v>
      </c>
      <c r="AA25487">
        <v>35</v>
      </c>
      <c r="AB25487">
        <v>36</v>
      </c>
      <c r="AC25487">
        <v>36</v>
      </c>
      <c r="AD25487">
        <v>37</v>
      </c>
      <c r="AE25487">
        <v>37</v>
      </c>
      <c r="AF25487">
        <v>38</v>
      </c>
      <c r="AG25487">
        <v>38</v>
      </c>
      <c r="AH25487">
        <v>39</v>
      </c>
      <c r="AI25487">
        <v>39</v>
      </c>
      <c r="AJ25487">
        <v>40</v>
      </c>
      <c r="AK25487">
        <v>40</v>
      </c>
      <c r="AL25487">
        <v>41</v>
      </c>
      <c r="AM25487">
        <v>42</v>
      </c>
      <c r="AN25487">
        <v>42</v>
      </c>
      <c r="AO25487">
        <v>43</v>
      </c>
      <c r="AP25487">
        <v>43</v>
      </c>
      <c r="AQ25487">
        <v>44</v>
      </c>
    </row>
    <row r="25488" spans="1:43">
      <c r="A25488" t="s">
        <v>15777</v>
      </c>
      <c r="B25488" t="s">
        <v>15778</v>
      </c>
      <c r="C25488" t="s">
        <v>15779</v>
      </c>
      <c r="D25488" t="s">
        <v>15780</v>
      </c>
      <c r="E25488" t="s">
        <v>15699</v>
      </c>
      <c r="F25488" t="s">
        <v>15700</v>
      </c>
      <c r="G25488" t="s">
        <v>10734</v>
      </c>
      <c r="H25488" t="s">
        <v>10735</v>
      </c>
      <c r="I25488" s="2">
        <v>0</v>
      </c>
      <c r="J25488" s="2">
        <v>1</v>
      </c>
      <c r="K25488" s="2">
        <v>0</v>
      </c>
      <c r="L25488" t="s">
        <v>82</v>
      </c>
      <c r="M25488" t="s">
        <v>89</v>
      </c>
      <c r="N25488" t="s">
        <v>90</v>
      </c>
      <c r="O25488" t="s">
        <v>85</v>
      </c>
      <c r="P25488" t="s">
        <v>86</v>
      </c>
      <c r="Q25488">
        <v>31</v>
      </c>
      <c r="R25488">
        <v>32</v>
      </c>
      <c r="S25488">
        <v>33</v>
      </c>
      <c r="T25488">
        <v>34</v>
      </c>
      <c r="U25488">
        <v>35</v>
      </c>
      <c r="V25488">
        <v>36</v>
      </c>
      <c r="W25488">
        <v>37</v>
      </c>
      <c r="X25488">
        <v>38</v>
      </c>
      <c r="Y25488">
        <v>39</v>
      </c>
      <c r="Z25488">
        <v>40</v>
      </c>
      <c r="AA25488">
        <v>41</v>
      </c>
      <c r="AB25488">
        <v>42</v>
      </c>
      <c r="AC25488">
        <v>43</v>
      </c>
      <c r="AD25488">
        <v>44</v>
      </c>
      <c r="AE25488">
        <v>45</v>
      </c>
      <c r="AF25488">
        <v>45</v>
      </c>
      <c r="AG25488">
        <v>46</v>
      </c>
      <c r="AH25488">
        <v>46</v>
      </c>
      <c r="AI25488">
        <v>47</v>
      </c>
      <c r="AJ25488">
        <v>47</v>
      </c>
      <c r="AK25488">
        <v>48</v>
      </c>
      <c r="AL25488">
        <v>49</v>
      </c>
      <c r="AM25488">
        <v>49</v>
      </c>
      <c r="AN25488">
        <v>50</v>
      </c>
      <c r="AO25488">
        <v>50</v>
      </c>
      <c r="AP25488">
        <v>51</v>
      </c>
      <c r="AQ25488">
        <v>51</v>
      </c>
    </row>
    <row r="25489" spans="1:43">
      <c r="A25489" t="s">
        <v>15777</v>
      </c>
      <c r="B25489" t="s">
        <v>15778</v>
      </c>
      <c r="C25489" t="s">
        <v>15779</v>
      </c>
      <c r="D25489" t="s">
        <v>15780</v>
      </c>
      <c r="E25489" t="s">
        <v>15699</v>
      </c>
      <c r="F25489" t="s">
        <v>15700</v>
      </c>
      <c r="G25489" t="s">
        <v>10734</v>
      </c>
      <c r="H25489" t="s">
        <v>10735</v>
      </c>
      <c r="I25489" s="2">
        <v>0</v>
      </c>
      <c r="J25489" s="2">
        <v>1</v>
      </c>
      <c r="K25489" s="2">
        <v>0</v>
      </c>
      <c r="L25489" t="s">
        <v>82</v>
      </c>
      <c r="M25489" t="s">
        <v>83</v>
      </c>
      <c r="N25489" t="s">
        <v>91</v>
      </c>
      <c r="O25489" t="s">
        <v>85</v>
      </c>
      <c r="P25489" t="s">
        <v>86</v>
      </c>
      <c r="Q25489">
        <v>31</v>
      </c>
      <c r="R25489">
        <v>32</v>
      </c>
      <c r="S25489">
        <v>32</v>
      </c>
      <c r="T25489">
        <v>33</v>
      </c>
      <c r="U25489">
        <v>34</v>
      </c>
      <c r="V25489">
        <v>35</v>
      </c>
      <c r="W25489">
        <v>35</v>
      </c>
      <c r="X25489">
        <v>36</v>
      </c>
      <c r="Y25489">
        <v>37</v>
      </c>
      <c r="Z25489">
        <v>38</v>
      </c>
      <c r="AA25489">
        <v>39</v>
      </c>
      <c r="AB25489">
        <v>39</v>
      </c>
      <c r="AC25489">
        <v>40</v>
      </c>
      <c r="AD25489">
        <v>41</v>
      </c>
      <c r="AE25489">
        <v>42</v>
      </c>
      <c r="AF25489">
        <v>43</v>
      </c>
      <c r="AG25489">
        <v>44</v>
      </c>
      <c r="AH25489">
        <v>45</v>
      </c>
      <c r="AI25489">
        <v>45</v>
      </c>
      <c r="AJ25489">
        <v>46</v>
      </c>
      <c r="AK25489">
        <v>47</v>
      </c>
      <c r="AL25489">
        <v>48</v>
      </c>
      <c r="AM25489">
        <v>49</v>
      </c>
      <c r="AN25489">
        <v>49</v>
      </c>
      <c r="AO25489">
        <v>50</v>
      </c>
      <c r="AP25489">
        <v>50</v>
      </c>
      <c r="AQ25489">
        <v>51</v>
      </c>
    </row>
    <row r="25490" spans="1:43">
      <c r="A25490" t="s">
        <v>15781</v>
      </c>
      <c r="B25490" t="s">
        <v>15782</v>
      </c>
      <c r="C25490" t="s">
        <v>15779</v>
      </c>
      <c r="D25490" t="s">
        <v>15780</v>
      </c>
      <c r="E25490" t="s">
        <v>15699</v>
      </c>
      <c r="F25490" t="s">
        <v>15700</v>
      </c>
      <c r="G25490" t="s">
        <v>10734</v>
      </c>
      <c r="H25490" t="s">
        <v>10735</v>
      </c>
      <c r="I25490" s="2">
        <v>0</v>
      </c>
      <c r="J25490" s="2">
        <v>1</v>
      </c>
      <c r="K25490" s="2">
        <v>0</v>
      </c>
      <c r="L25490" t="s">
        <v>82</v>
      </c>
      <c r="M25490" t="s">
        <v>83</v>
      </c>
      <c r="N25490" t="s">
        <v>84</v>
      </c>
      <c r="O25490" t="s">
        <v>85</v>
      </c>
      <c r="P25490" t="s">
        <v>86</v>
      </c>
      <c r="Q25490">
        <v>28</v>
      </c>
      <c r="R25490">
        <v>29</v>
      </c>
      <c r="S25490">
        <v>29</v>
      </c>
      <c r="T25490">
        <v>30</v>
      </c>
      <c r="U25490">
        <v>31</v>
      </c>
      <c r="V25490">
        <v>32</v>
      </c>
      <c r="W25490">
        <v>32</v>
      </c>
      <c r="X25490">
        <v>33</v>
      </c>
      <c r="Y25490">
        <v>34</v>
      </c>
      <c r="Z25490">
        <v>34</v>
      </c>
      <c r="AA25490">
        <v>35</v>
      </c>
      <c r="AB25490">
        <v>36</v>
      </c>
      <c r="AC25490">
        <v>37</v>
      </c>
      <c r="AD25490">
        <v>37</v>
      </c>
      <c r="AE25490">
        <v>38</v>
      </c>
      <c r="AF25490">
        <v>39</v>
      </c>
      <c r="AG25490">
        <v>40</v>
      </c>
      <c r="AH25490">
        <v>41</v>
      </c>
      <c r="AI25490">
        <v>42</v>
      </c>
      <c r="AJ25490">
        <v>42</v>
      </c>
      <c r="AK25490">
        <v>43</v>
      </c>
      <c r="AL25490">
        <v>44</v>
      </c>
      <c r="AM25490">
        <v>44</v>
      </c>
      <c r="AN25490">
        <v>45</v>
      </c>
      <c r="AO25490">
        <v>45</v>
      </c>
      <c r="AP25490">
        <v>46</v>
      </c>
      <c r="AQ25490">
        <v>46</v>
      </c>
    </row>
    <row r="25491" spans="1:43">
      <c r="A25491" t="s">
        <v>15781</v>
      </c>
      <c r="B25491" t="s">
        <v>15782</v>
      </c>
      <c r="C25491" t="s">
        <v>15779</v>
      </c>
      <c r="D25491" t="s">
        <v>15780</v>
      </c>
      <c r="E25491" t="s">
        <v>15699</v>
      </c>
      <c r="F25491" t="s">
        <v>15700</v>
      </c>
      <c r="G25491" t="s">
        <v>10734</v>
      </c>
      <c r="H25491" t="s">
        <v>10735</v>
      </c>
      <c r="I25491" s="2">
        <v>0</v>
      </c>
      <c r="J25491" s="2">
        <v>1</v>
      </c>
      <c r="K25491" s="2">
        <v>0</v>
      </c>
      <c r="L25491" t="s">
        <v>82</v>
      </c>
      <c r="M25491" t="s">
        <v>87</v>
      </c>
      <c r="N25491" t="s">
        <v>88</v>
      </c>
      <c r="O25491" t="s">
        <v>85</v>
      </c>
      <c r="P25491" t="s">
        <v>86</v>
      </c>
      <c r="Q25491">
        <v>28</v>
      </c>
      <c r="R25491">
        <v>28</v>
      </c>
      <c r="S25491">
        <v>29</v>
      </c>
      <c r="T25491">
        <v>29</v>
      </c>
      <c r="U25491">
        <v>29</v>
      </c>
      <c r="V25491">
        <v>30</v>
      </c>
      <c r="W25491">
        <v>30</v>
      </c>
      <c r="X25491">
        <v>31</v>
      </c>
      <c r="Y25491">
        <v>31</v>
      </c>
      <c r="Z25491">
        <v>32</v>
      </c>
      <c r="AA25491">
        <v>32</v>
      </c>
      <c r="AB25491">
        <v>32</v>
      </c>
      <c r="AC25491">
        <v>33</v>
      </c>
      <c r="AD25491">
        <v>33</v>
      </c>
      <c r="AE25491">
        <v>34</v>
      </c>
      <c r="AF25491">
        <v>34</v>
      </c>
      <c r="AG25491">
        <v>35</v>
      </c>
      <c r="AH25491">
        <v>35</v>
      </c>
      <c r="AI25491">
        <v>36</v>
      </c>
      <c r="AJ25491">
        <v>36</v>
      </c>
      <c r="AK25491">
        <v>37</v>
      </c>
      <c r="AL25491">
        <v>37</v>
      </c>
      <c r="AM25491">
        <v>38</v>
      </c>
      <c r="AN25491">
        <v>39</v>
      </c>
      <c r="AO25491">
        <v>39</v>
      </c>
      <c r="AP25491">
        <v>40</v>
      </c>
      <c r="AQ25491">
        <v>40</v>
      </c>
    </row>
    <row r="25492" spans="1:43">
      <c r="A25492" t="s">
        <v>15781</v>
      </c>
      <c r="B25492" t="s">
        <v>15782</v>
      </c>
      <c r="C25492" t="s">
        <v>15779</v>
      </c>
      <c r="D25492" t="s">
        <v>15780</v>
      </c>
      <c r="E25492" t="s">
        <v>15699</v>
      </c>
      <c r="F25492" t="s">
        <v>15700</v>
      </c>
      <c r="G25492" t="s">
        <v>10734</v>
      </c>
      <c r="H25492" t="s">
        <v>10735</v>
      </c>
      <c r="I25492" s="2">
        <v>0</v>
      </c>
      <c r="J25492" s="2">
        <v>1</v>
      </c>
      <c r="K25492" s="2">
        <v>0</v>
      </c>
      <c r="L25492" t="s">
        <v>82</v>
      </c>
      <c r="M25492" t="s">
        <v>89</v>
      </c>
      <c r="N25492" t="s">
        <v>90</v>
      </c>
      <c r="O25492" t="s">
        <v>85</v>
      </c>
      <c r="P25492" t="s">
        <v>86</v>
      </c>
      <c r="Q25492">
        <v>28</v>
      </c>
      <c r="R25492">
        <v>29</v>
      </c>
      <c r="S25492">
        <v>30</v>
      </c>
      <c r="T25492">
        <v>31</v>
      </c>
      <c r="U25492">
        <v>32</v>
      </c>
      <c r="V25492">
        <v>33</v>
      </c>
      <c r="W25492">
        <v>34</v>
      </c>
      <c r="X25492">
        <v>35</v>
      </c>
      <c r="Y25492">
        <v>36</v>
      </c>
      <c r="Z25492">
        <v>37</v>
      </c>
      <c r="AA25492">
        <v>37</v>
      </c>
      <c r="AB25492">
        <v>38</v>
      </c>
      <c r="AC25492">
        <v>39</v>
      </c>
      <c r="AD25492">
        <v>40</v>
      </c>
      <c r="AE25492">
        <v>41</v>
      </c>
      <c r="AF25492">
        <v>41</v>
      </c>
      <c r="AG25492">
        <v>42</v>
      </c>
      <c r="AH25492">
        <v>42</v>
      </c>
      <c r="AI25492">
        <v>43</v>
      </c>
      <c r="AJ25492">
        <v>43</v>
      </c>
      <c r="AK25492">
        <v>44</v>
      </c>
      <c r="AL25492">
        <v>44</v>
      </c>
      <c r="AM25492">
        <v>45</v>
      </c>
      <c r="AN25492">
        <v>45</v>
      </c>
      <c r="AO25492">
        <v>46</v>
      </c>
      <c r="AP25492">
        <v>46</v>
      </c>
      <c r="AQ25492">
        <v>47</v>
      </c>
    </row>
    <row r="25493" spans="1:43">
      <c r="A25493" t="s">
        <v>15781</v>
      </c>
      <c r="B25493" t="s">
        <v>15782</v>
      </c>
      <c r="C25493" t="s">
        <v>15779</v>
      </c>
      <c r="D25493" t="s">
        <v>15780</v>
      </c>
      <c r="E25493" t="s">
        <v>15699</v>
      </c>
      <c r="F25493" t="s">
        <v>15700</v>
      </c>
      <c r="G25493" t="s">
        <v>10734</v>
      </c>
      <c r="H25493" t="s">
        <v>10735</v>
      </c>
      <c r="I25493" s="2">
        <v>0</v>
      </c>
      <c r="J25493" s="2">
        <v>1</v>
      </c>
      <c r="K25493" s="2">
        <v>0</v>
      </c>
      <c r="L25493" t="s">
        <v>82</v>
      </c>
      <c r="M25493" t="s">
        <v>83</v>
      </c>
      <c r="N25493" t="s">
        <v>91</v>
      </c>
      <c r="O25493" t="s">
        <v>85</v>
      </c>
      <c r="P25493" t="s">
        <v>86</v>
      </c>
      <c r="Q25493">
        <v>28</v>
      </c>
      <c r="R25493">
        <v>29</v>
      </c>
      <c r="S25493">
        <v>29</v>
      </c>
      <c r="T25493">
        <v>30</v>
      </c>
      <c r="U25493">
        <v>31</v>
      </c>
      <c r="V25493">
        <v>32</v>
      </c>
      <c r="W25493">
        <v>32</v>
      </c>
      <c r="X25493">
        <v>33</v>
      </c>
      <c r="Y25493">
        <v>34</v>
      </c>
      <c r="Z25493">
        <v>34</v>
      </c>
      <c r="AA25493">
        <v>35</v>
      </c>
      <c r="AB25493">
        <v>36</v>
      </c>
      <c r="AC25493">
        <v>37</v>
      </c>
      <c r="AD25493">
        <v>37</v>
      </c>
      <c r="AE25493">
        <v>38</v>
      </c>
      <c r="AF25493">
        <v>39</v>
      </c>
      <c r="AG25493">
        <v>40</v>
      </c>
      <c r="AH25493">
        <v>41</v>
      </c>
      <c r="AI25493">
        <v>42</v>
      </c>
      <c r="AJ25493">
        <v>42</v>
      </c>
      <c r="AK25493">
        <v>43</v>
      </c>
      <c r="AL25493">
        <v>44</v>
      </c>
      <c r="AM25493">
        <v>44</v>
      </c>
      <c r="AN25493">
        <v>45</v>
      </c>
      <c r="AO25493">
        <v>45</v>
      </c>
      <c r="AP25493">
        <v>46</v>
      </c>
      <c r="AQ25493">
        <v>46</v>
      </c>
    </row>
    <row r="25494" spans="1:43">
      <c r="A25494" t="s">
        <v>15783</v>
      </c>
      <c r="B25494" t="s">
        <v>15784</v>
      </c>
      <c r="C25494" t="s">
        <v>15779</v>
      </c>
      <c r="D25494" t="s">
        <v>15780</v>
      </c>
      <c r="E25494" t="s">
        <v>15699</v>
      </c>
      <c r="F25494" t="s">
        <v>15700</v>
      </c>
      <c r="G25494" t="s">
        <v>10734</v>
      </c>
      <c r="H25494" t="s">
        <v>10735</v>
      </c>
      <c r="I25494" s="2">
        <v>0</v>
      </c>
      <c r="J25494" s="2">
        <v>1</v>
      </c>
      <c r="K25494" s="2">
        <v>0</v>
      </c>
      <c r="L25494" t="s">
        <v>82</v>
      </c>
      <c r="M25494" t="s">
        <v>83</v>
      </c>
      <c r="N25494" t="s">
        <v>84</v>
      </c>
      <c r="O25494" t="s">
        <v>85</v>
      </c>
      <c r="P25494" t="s">
        <v>86</v>
      </c>
      <c r="Q25494">
        <v>19</v>
      </c>
      <c r="R25494">
        <v>20</v>
      </c>
      <c r="S25494">
        <v>20</v>
      </c>
      <c r="T25494">
        <v>21</v>
      </c>
      <c r="U25494">
        <v>21</v>
      </c>
      <c r="V25494">
        <v>21</v>
      </c>
      <c r="W25494">
        <v>22</v>
      </c>
      <c r="X25494">
        <v>22</v>
      </c>
      <c r="Y25494">
        <v>23</v>
      </c>
      <c r="Z25494">
        <v>23</v>
      </c>
      <c r="AA25494">
        <v>24</v>
      </c>
      <c r="AB25494">
        <v>24</v>
      </c>
      <c r="AC25494">
        <v>25</v>
      </c>
      <c r="AD25494">
        <v>25</v>
      </c>
      <c r="AE25494">
        <v>26</v>
      </c>
      <c r="AF25494">
        <v>27</v>
      </c>
      <c r="AG25494">
        <v>27</v>
      </c>
      <c r="AH25494">
        <v>28</v>
      </c>
      <c r="AI25494">
        <v>28</v>
      </c>
      <c r="AJ25494">
        <v>29</v>
      </c>
      <c r="AK25494">
        <v>29</v>
      </c>
      <c r="AL25494">
        <v>30</v>
      </c>
      <c r="AM25494">
        <v>30</v>
      </c>
      <c r="AN25494">
        <v>31</v>
      </c>
      <c r="AO25494">
        <v>31</v>
      </c>
      <c r="AP25494">
        <v>31</v>
      </c>
      <c r="AQ25494">
        <v>32</v>
      </c>
    </row>
    <row r="25495" spans="1:43">
      <c r="A25495" t="s">
        <v>15783</v>
      </c>
      <c r="B25495" t="s">
        <v>15784</v>
      </c>
      <c r="C25495" t="s">
        <v>15779</v>
      </c>
      <c r="D25495" t="s">
        <v>15780</v>
      </c>
      <c r="E25495" t="s">
        <v>15699</v>
      </c>
      <c r="F25495" t="s">
        <v>15700</v>
      </c>
      <c r="G25495" t="s">
        <v>10734</v>
      </c>
      <c r="H25495" t="s">
        <v>10735</v>
      </c>
      <c r="I25495" s="2">
        <v>0</v>
      </c>
      <c r="J25495" s="2">
        <v>1</v>
      </c>
      <c r="K25495" s="2">
        <v>0</v>
      </c>
      <c r="L25495" t="s">
        <v>82</v>
      </c>
      <c r="M25495" t="s">
        <v>87</v>
      </c>
      <c r="N25495" t="s">
        <v>88</v>
      </c>
      <c r="O25495" t="s">
        <v>85</v>
      </c>
      <c r="P25495" t="s">
        <v>86</v>
      </c>
      <c r="Q25495">
        <v>19</v>
      </c>
      <c r="R25495">
        <v>19</v>
      </c>
      <c r="S25495">
        <v>20</v>
      </c>
      <c r="T25495">
        <v>20</v>
      </c>
      <c r="U25495">
        <v>20</v>
      </c>
      <c r="V25495">
        <v>20</v>
      </c>
      <c r="W25495">
        <v>21</v>
      </c>
      <c r="X25495">
        <v>21</v>
      </c>
      <c r="Y25495">
        <v>21</v>
      </c>
      <c r="Z25495">
        <v>21</v>
      </c>
      <c r="AA25495">
        <v>22</v>
      </c>
      <c r="AB25495">
        <v>22</v>
      </c>
      <c r="AC25495">
        <v>22</v>
      </c>
      <c r="AD25495">
        <v>23</v>
      </c>
      <c r="AE25495">
        <v>23</v>
      </c>
      <c r="AF25495">
        <v>23</v>
      </c>
      <c r="AG25495">
        <v>24</v>
      </c>
      <c r="AH25495">
        <v>24</v>
      </c>
      <c r="AI25495">
        <v>24</v>
      </c>
      <c r="AJ25495">
        <v>25</v>
      </c>
      <c r="AK25495">
        <v>25</v>
      </c>
      <c r="AL25495">
        <v>25</v>
      </c>
      <c r="AM25495">
        <v>26</v>
      </c>
      <c r="AN25495">
        <v>26</v>
      </c>
      <c r="AO25495">
        <v>27</v>
      </c>
      <c r="AP25495">
        <v>27</v>
      </c>
      <c r="AQ25495">
        <v>27</v>
      </c>
    </row>
    <row r="25496" spans="1:43">
      <c r="A25496" t="s">
        <v>15783</v>
      </c>
      <c r="B25496" t="s">
        <v>15784</v>
      </c>
      <c r="C25496" t="s">
        <v>15779</v>
      </c>
      <c r="D25496" t="s">
        <v>15780</v>
      </c>
      <c r="E25496" t="s">
        <v>15699</v>
      </c>
      <c r="F25496" t="s">
        <v>15700</v>
      </c>
      <c r="G25496" t="s">
        <v>10734</v>
      </c>
      <c r="H25496" t="s">
        <v>10735</v>
      </c>
      <c r="I25496" s="2">
        <v>0</v>
      </c>
      <c r="J25496" s="2">
        <v>1</v>
      </c>
      <c r="K25496" s="2">
        <v>0</v>
      </c>
      <c r="L25496" t="s">
        <v>82</v>
      </c>
      <c r="M25496" t="s">
        <v>89</v>
      </c>
      <c r="N25496" t="s">
        <v>90</v>
      </c>
      <c r="O25496" t="s">
        <v>85</v>
      </c>
      <c r="P25496" t="s">
        <v>86</v>
      </c>
      <c r="Q25496">
        <v>19</v>
      </c>
      <c r="R25496">
        <v>20</v>
      </c>
      <c r="S25496">
        <v>21</v>
      </c>
      <c r="T25496">
        <v>21</v>
      </c>
      <c r="U25496">
        <v>22</v>
      </c>
      <c r="V25496">
        <v>22</v>
      </c>
      <c r="W25496">
        <v>23</v>
      </c>
      <c r="X25496">
        <v>24</v>
      </c>
      <c r="Y25496">
        <v>24</v>
      </c>
      <c r="Z25496">
        <v>25</v>
      </c>
      <c r="AA25496">
        <v>25</v>
      </c>
      <c r="AB25496">
        <v>26</v>
      </c>
      <c r="AC25496">
        <v>27</v>
      </c>
      <c r="AD25496">
        <v>27</v>
      </c>
      <c r="AE25496">
        <v>28</v>
      </c>
      <c r="AF25496">
        <v>28</v>
      </c>
      <c r="AG25496">
        <v>29</v>
      </c>
      <c r="AH25496">
        <v>29</v>
      </c>
      <c r="AI25496">
        <v>29</v>
      </c>
      <c r="AJ25496">
        <v>29</v>
      </c>
      <c r="AK25496">
        <v>30</v>
      </c>
      <c r="AL25496">
        <v>30</v>
      </c>
      <c r="AM25496">
        <v>30</v>
      </c>
      <c r="AN25496">
        <v>31</v>
      </c>
      <c r="AO25496">
        <v>31</v>
      </c>
      <c r="AP25496">
        <v>32</v>
      </c>
      <c r="AQ25496">
        <v>32</v>
      </c>
    </row>
    <row r="25497" spans="1:43">
      <c r="A25497" t="s">
        <v>15783</v>
      </c>
      <c r="B25497" t="s">
        <v>15784</v>
      </c>
      <c r="C25497" t="s">
        <v>15779</v>
      </c>
      <c r="D25497" t="s">
        <v>15780</v>
      </c>
      <c r="E25497" t="s">
        <v>15699</v>
      </c>
      <c r="F25497" t="s">
        <v>15700</v>
      </c>
      <c r="G25497" t="s">
        <v>10734</v>
      </c>
      <c r="H25497" t="s">
        <v>10735</v>
      </c>
      <c r="I25497" s="2">
        <v>0</v>
      </c>
      <c r="J25497" s="2">
        <v>1</v>
      </c>
      <c r="K25497" s="2">
        <v>0</v>
      </c>
      <c r="L25497" t="s">
        <v>82</v>
      </c>
      <c r="M25497" t="s">
        <v>83</v>
      </c>
      <c r="N25497" t="s">
        <v>91</v>
      </c>
      <c r="O25497" t="s">
        <v>85</v>
      </c>
      <c r="P25497" t="s">
        <v>86</v>
      </c>
      <c r="Q25497">
        <v>19</v>
      </c>
      <c r="R25497">
        <v>20</v>
      </c>
      <c r="S25497">
        <v>20</v>
      </c>
      <c r="T25497">
        <v>21</v>
      </c>
      <c r="U25497">
        <v>21</v>
      </c>
      <c r="V25497">
        <v>21</v>
      </c>
      <c r="W25497">
        <v>22</v>
      </c>
      <c r="X25497">
        <v>22</v>
      </c>
      <c r="Y25497">
        <v>23</v>
      </c>
      <c r="Z25497">
        <v>23</v>
      </c>
      <c r="AA25497">
        <v>24</v>
      </c>
      <c r="AB25497">
        <v>24</v>
      </c>
      <c r="AC25497">
        <v>25</v>
      </c>
      <c r="AD25497">
        <v>25</v>
      </c>
      <c r="AE25497">
        <v>26</v>
      </c>
      <c r="AF25497">
        <v>27</v>
      </c>
      <c r="AG25497">
        <v>27</v>
      </c>
      <c r="AH25497">
        <v>28</v>
      </c>
      <c r="AI25497">
        <v>28</v>
      </c>
      <c r="AJ25497">
        <v>29</v>
      </c>
      <c r="AK25497">
        <v>29</v>
      </c>
      <c r="AL25497">
        <v>30</v>
      </c>
      <c r="AM25497">
        <v>30</v>
      </c>
      <c r="AN25497">
        <v>31</v>
      </c>
      <c r="AO25497">
        <v>31</v>
      </c>
      <c r="AP25497">
        <v>31</v>
      </c>
      <c r="AQ25497">
        <v>32</v>
      </c>
    </row>
    <row r="25498" spans="1:43">
      <c r="A25498" t="s">
        <v>15785</v>
      </c>
      <c r="B25498" t="s">
        <v>15786</v>
      </c>
      <c r="C25498" t="s">
        <v>15787</v>
      </c>
      <c r="D25498" t="s">
        <v>15788</v>
      </c>
      <c r="E25498" t="s">
        <v>15699</v>
      </c>
      <c r="F25498" t="s">
        <v>15700</v>
      </c>
      <c r="G25498" t="s">
        <v>10734</v>
      </c>
      <c r="H25498" t="s">
        <v>10735</v>
      </c>
      <c r="I25498" s="2">
        <v>0</v>
      </c>
      <c r="J25498" s="2">
        <v>1</v>
      </c>
      <c r="K25498" s="2">
        <v>0</v>
      </c>
      <c r="L25498" t="s">
        <v>82</v>
      </c>
      <c r="M25498" t="s">
        <v>83</v>
      </c>
      <c r="N25498" t="s">
        <v>84</v>
      </c>
      <c r="O25498" t="s">
        <v>85</v>
      </c>
      <c r="P25498" t="s">
        <v>86</v>
      </c>
      <c r="Q25498">
        <v>6</v>
      </c>
      <c r="R25498">
        <v>6</v>
      </c>
      <c r="S25498">
        <v>6</v>
      </c>
      <c r="T25498">
        <v>6</v>
      </c>
      <c r="U25498">
        <v>6</v>
      </c>
      <c r="V25498">
        <v>6</v>
      </c>
      <c r="W25498">
        <v>6</v>
      </c>
      <c r="X25498">
        <v>7</v>
      </c>
      <c r="Y25498">
        <v>7</v>
      </c>
      <c r="Z25498">
        <v>7</v>
      </c>
      <c r="AA25498">
        <v>7</v>
      </c>
      <c r="AB25498">
        <v>7</v>
      </c>
      <c r="AC25498">
        <v>7</v>
      </c>
      <c r="AD25498">
        <v>8</v>
      </c>
      <c r="AE25498">
        <v>8</v>
      </c>
      <c r="AF25498">
        <v>8</v>
      </c>
      <c r="AG25498">
        <v>8</v>
      </c>
      <c r="AH25498">
        <v>8</v>
      </c>
      <c r="AI25498">
        <v>8</v>
      </c>
      <c r="AJ25498">
        <v>9</v>
      </c>
      <c r="AK25498">
        <v>9</v>
      </c>
      <c r="AL25498">
        <v>9</v>
      </c>
      <c r="AM25498">
        <v>9</v>
      </c>
      <c r="AN25498">
        <v>9</v>
      </c>
      <c r="AO25498">
        <v>9</v>
      </c>
      <c r="AP25498">
        <v>9</v>
      </c>
      <c r="AQ25498">
        <v>9</v>
      </c>
    </row>
    <row r="25499" spans="1:43">
      <c r="A25499" t="s">
        <v>15785</v>
      </c>
      <c r="B25499" t="s">
        <v>15786</v>
      </c>
      <c r="C25499" t="s">
        <v>15787</v>
      </c>
      <c r="D25499" t="s">
        <v>15788</v>
      </c>
      <c r="E25499" t="s">
        <v>15699</v>
      </c>
      <c r="F25499" t="s">
        <v>15700</v>
      </c>
      <c r="G25499" t="s">
        <v>10734</v>
      </c>
      <c r="H25499" t="s">
        <v>10735</v>
      </c>
      <c r="I25499" s="2">
        <v>0</v>
      </c>
      <c r="J25499" s="2">
        <v>1</v>
      </c>
      <c r="K25499" s="2">
        <v>0</v>
      </c>
      <c r="L25499" t="s">
        <v>82</v>
      </c>
      <c r="M25499" t="s">
        <v>87</v>
      </c>
      <c r="N25499" t="s">
        <v>88</v>
      </c>
      <c r="O25499" t="s">
        <v>85</v>
      </c>
      <c r="P25499" t="s">
        <v>86</v>
      </c>
      <c r="Q25499">
        <v>6</v>
      </c>
      <c r="R25499">
        <v>6</v>
      </c>
      <c r="S25499">
        <v>6</v>
      </c>
      <c r="T25499">
        <v>6</v>
      </c>
      <c r="U25499">
        <v>6</v>
      </c>
      <c r="V25499">
        <v>6</v>
      </c>
      <c r="W25499">
        <v>6</v>
      </c>
      <c r="X25499">
        <v>6</v>
      </c>
      <c r="Y25499">
        <v>6</v>
      </c>
      <c r="Z25499">
        <v>6</v>
      </c>
      <c r="AA25499">
        <v>6</v>
      </c>
      <c r="AB25499">
        <v>7</v>
      </c>
      <c r="AC25499">
        <v>7</v>
      </c>
      <c r="AD25499">
        <v>7</v>
      </c>
      <c r="AE25499">
        <v>7</v>
      </c>
      <c r="AF25499">
        <v>7</v>
      </c>
      <c r="AG25499">
        <v>7</v>
      </c>
      <c r="AH25499">
        <v>7</v>
      </c>
      <c r="AI25499">
        <v>7</v>
      </c>
      <c r="AJ25499">
        <v>7</v>
      </c>
      <c r="AK25499">
        <v>7</v>
      </c>
      <c r="AL25499">
        <v>8</v>
      </c>
      <c r="AM25499">
        <v>8</v>
      </c>
      <c r="AN25499">
        <v>8</v>
      </c>
      <c r="AO25499">
        <v>8</v>
      </c>
      <c r="AP25499">
        <v>8</v>
      </c>
      <c r="AQ25499">
        <v>8</v>
      </c>
    </row>
    <row r="25500" spans="1:43">
      <c r="A25500" t="s">
        <v>15785</v>
      </c>
      <c r="B25500" t="s">
        <v>15786</v>
      </c>
      <c r="C25500" t="s">
        <v>15787</v>
      </c>
      <c r="D25500" t="s">
        <v>15788</v>
      </c>
      <c r="E25500" t="s">
        <v>15699</v>
      </c>
      <c r="F25500" t="s">
        <v>15700</v>
      </c>
      <c r="G25500" t="s">
        <v>10734</v>
      </c>
      <c r="H25500" t="s">
        <v>10735</v>
      </c>
      <c r="I25500" s="2">
        <v>0</v>
      </c>
      <c r="J25500" s="2">
        <v>1</v>
      </c>
      <c r="K25500" s="2">
        <v>0</v>
      </c>
      <c r="L25500" t="s">
        <v>82</v>
      </c>
      <c r="M25500" t="s">
        <v>89</v>
      </c>
      <c r="N25500" t="s">
        <v>90</v>
      </c>
      <c r="O25500" t="s">
        <v>85</v>
      </c>
      <c r="P25500" t="s">
        <v>86</v>
      </c>
      <c r="Q25500">
        <v>6</v>
      </c>
      <c r="R25500">
        <v>6</v>
      </c>
      <c r="S25500">
        <v>6</v>
      </c>
      <c r="T25500">
        <v>6</v>
      </c>
      <c r="U25500">
        <v>6</v>
      </c>
      <c r="V25500">
        <v>7</v>
      </c>
      <c r="W25500">
        <v>7</v>
      </c>
      <c r="X25500">
        <v>7</v>
      </c>
      <c r="Y25500">
        <v>7</v>
      </c>
      <c r="Z25500">
        <v>7</v>
      </c>
      <c r="AA25500">
        <v>8</v>
      </c>
      <c r="AB25500">
        <v>8</v>
      </c>
      <c r="AC25500">
        <v>8</v>
      </c>
      <c r="AD25500">
        <v>8</v>
      </c>
      <c r="AE25500">
        <v>8</v>
      </c>
      <c r="AF25500">
        <v>8</v>
      </c>
      <c r="AG25500">
        <v>8</v>
      </c>
      <c r="AH25500">
        <v>8</v>
      </c>
      <c r="AI25500">
        <v>9</v>
      </c>
      <c r="AJ25500">
        <v>9</v>
      </c>
      <c r="AK25500">
        <v>9</v>
      </c>
      <c r="AL25500">
        <v>9</v>
      </c>
      <c r="AM25500">
        <v>9</v>
      </c>
      <c r="AN25500">
        <v>9</v>
      </c>
      <c r="AO25500">
        <v>9</v>
      </c>
      <c r="AP25500">
        <v>9</v>
      </c>
      <c r="AQ25500">
        <v>9</v>
      </c>
    </row>
    <row r="25501" spans="1:43">
      <c r="A25501" t="s">
        <v>15785</v>
      </c>
      <c r="B25501" t="s">
        <v>15786</v>
      </c>
      <c r="C25501" t="s">
        <v>15787</v>
      </c>
      <c r="D25501" t="s">
        <v>15788</v>
      </c>
      <c r="E25501" t="s">
        <v>15699</v>
      </c>
      <c r="F25501" t="s">
        <v>15700</v>
      </c>
      <c r="G25501" t="s">
        <v>10734</v>
      </c>
      <c r="H25501" t="s">
        <v>10735</v>
      </c>
      <c r="I25501" s="2">
        <v>0</v>
      </c>
      <c r="J25501" s="2">
        <v>1</v>
      </c>
      <c r="K25501" s="2">
        <v>0</v>
      </c>
      <c r="L25501" t="s">
        <v>82</v>
      </c>
      <c r="M25501" t="s">
        <v>83</v>
      </c>
      <c r="N25501" t="s">
        <v>91</v>
      </c>
      <c r="O25501" t="s">
        <v>85</v>
      </c>
      <c r="P25501" t="s">
        <v>86</v>
      </c>
      <c r="Q25501">
        <v>6</v>
      </c>
      <c r="R25501">
        <v>6</v>
      </c>
      <c r="S25501">
        <v>6</v>
      </c>
      <c r="T25501">
        <v>6</v>
      </c>
      <c r="U25501">
        <v>6</v>
      </c>
      <c r="V25501">
        <v>6</v>
      </c>
      <c r="W25501">
        <v>6</v>
      </c>
      <c r="X25501">
        <v>7</v>
      </c>
      <c r="Y25501">
        <v>7</v>
      </c>
      <c r="Z25501">
        <v>7</v>
      </c>
      <c r="AA25501">
        <v>7</v>
      </c>
      <c r="AB25501">
        <v>7</v>
      </c>
      <c r="AC25501">
        <v>7</v>
      </c>
      <c r="AD25501">
        <v>8</v>
      </c>
      <c r="AE25501">
        <v>8</v>
      </c>
      <c r="AF25501">
        <v>8</v>
      </c>
      <c r="AG25501">
        <v>8</v>
      </c>
      <c r="AH25501">
        <v>8</v>
      </c>
      <c r="AI25501">
        <v>8</v>
      </c>
      <c r="AJ25501">
        <v>9</v>
      </c>
      <c r="AK25501">
        <v>9</v>
      </c>
      <c r="AL25501">
        <v>9</v>
      </c>
      <c r="AM25501">
        <v>9</v>
      </c>
      <c r="AN25501">
        <v>9</v>
      </c>
      <c r="AO25501">
        <v>9</v>
      </c>
      <c r="AP25501">
        <v>9</v>
      </c>
      <c r="AQ25501">
        <v>9</v>
      </c>
    </row>
    <row r="25502" spans="1:43">
      <c r="A25502" t="s">
        <v>15789</v>
      </c>
      <c r="B25502" t="s">
        <v>15790</v>
      </c>
      <c r="C25502" t="s">
        <v>15787</v>
      </c>
      <c r="D25502" t="s">
        <v>15788</v>
      </c>
      <c r="E25502" t="s">
        <v>15699</v>
      </c>
      <c r="F25502" t="s">
        <v>15700</v>
      </c>
      <c r="G25502" t="s">
        <v>10734</v>
      </c>
      <c r="H25502" t="s">
        <v>10735</v>
      </c>
      <c r="I25502" s="2">
        <v>0</v>
      </c>
      <c r="J25502" s="2">
        <v>1</v>
      </c>
      <c r="K25502" s="2">
        <v>0</v>
      </c>
      <c r="L25502" t="s">
        <v>82</v>
      </c>
      <c r="M25502" t="s">
        <v>83</v>
      </c>
      <c r="N25502" t="s">
        <v>84</v>
      </c>
      <c r="O25502" t="s">
        <v>85</v>
      </c>
      <c r="P25502" t="s">
        <v>86</v>
      </c>
      <c r="Q25502">
        <v>11</v>
      </c>
      <c r="R25502">
        <v>11</v>
      </c>
      <c r="S25502">
        <v>12</v>
      </c>
      <c r="T25502">
        <v>12</v>
      </c>
      <c r="U25502">
        <v>12</v>
      </c>
      <c r="V25502">
        <v>12</v>
      </c>
      <c r="W25502">
        <v>13</v>
      </c>
      <c r="X25502">
        <v>13</v>
      </c>
      <c r="Y25502">
        <v>13</v>
      </c>
      <c r="Z25502">
        <v>14</v>
      </c>
      <c r="AA25502">
        <v>14</v>
      </c>
      <c r="AB25502">
        <v>14</v>
      </c>
      <c r="AC25502">
        <v>15</v>
      </c>
      <c r="AD25502">
        <v>15</v>
      </c>
      <c r="AE25502">
        <v>15</v>
      </c>
      <c r="AF25502">
        <v>15</v>
      </c>
      <c r="AG25502">
        <v>16</v>
      </c>
      <c r="AH25502">
        <v>16</v>
      </c>
      <c r="AI25502">
        <v>16</v>
      </c>
      <c r="AJ25502">
        <v>17</v>
      </c>
      <c r="AK25502">
        <v>17</v>
      </c>
      <c r="AL25502">
        <v>17</v>
      </c>
      <c r="AM25502">
        <v>18</v>
      </c>
      <c r="AN25502">
        <v>18</v>
      </c>
      <c r="AO25502">
        <v>18</v>
      </c>
      <c r="AP25502">
        <v>18</v>
      </c>
      <c r="AQ25502">
        <v>18</v>
      </c>
    </row>
    <row r="25503" spans="1:43">
      <c r="A25503" t="s">
        <v>15789</v>
      </c>
      <c r="B25503" t="s">
        <v>15790</v>
      </c>
      <c r="C25503" t="s">
        <v>15787</v>
      </c>
      <c r="D25503" t="s">
        <v>15788</v>
      </c>
      <c r="E25503" t="s">
        <v>15699</v>
      </c>
      <c r="F25503" t="s">
        <v>15700</v>
      </c>
      <c r="G25503" t="s">
        <v>10734</v>
      </c>
      <c r="H25503" t="s">
        <v>10735</v>
      </c>
      <c r="I25503" s="2">
        <v>0</v>
      </c>
      <c r="J25503" s="2">
        <v>1</v>
      </c>
      <c r="K25503" s="2">
        <v>0</v>
      </c>
      <c r="L25503" t="s">
        <v>82</v>
      </c>
      <c r="M25503" t="s">
        <v>87</v>
      </c>
      <c r="N25503" t="s">
        <v>88</v>
      </c>
      <c r="O25503" t="s">
        <v>85</v>
      </c>
      <c r="P25503" t="s">
        <v>86</v>
      </c>
      <c r="Q25503">
        <v>11</v>
      </c>
      <c r="R25503">
        <v>11</v>
      </c>
      <c r="S25503">
        <v>11</v>
      </c>
      <c r="T25503">
        <v>12</v>
      </c>
      <c r="U25503">
        <v>12</v>
      </c>
      <c r="V25503">
        <v>12</v>
      </c>
      <c r="W25503">
        <v>12</v>
      </c>
      <c r="X25503">
        <v>12</v>
      </c>
      <c r="Y25503">
        <v>12</v>
      </c>
      <c r="Z25503">
        <v>13</v>
      </c>
      <c r="AA25503">
        <v>13</v>
      </c>
      <c r="AB25503">
        <v>13</v>
      </c>
      <c r="AC25503">
        <v>13</v>
      </c>
      <c r="AD25503">
        <v>13</v>
      </c>
      <c r="AE25503">
        <v>13</v>
      </c>
      <c r="AF25503">
        <v>14</v>
      </c>
      <c r="AG25503">
        <v>14</v>
      </c>
      <c r="AH25503">
        <v>14</v>
      </c>
      <c r="AI25503">
        <v>14</v>
      </c>
      <c r="AJ25503">
        <v>14</v>
      </c>
      <c r="AK25503">
        <v>15</v>
      </c>
      <c r="AL25503">
        <v>15</v>
      </c>
      <c r="AM25503">
        <v>15</v>
      </c>
      <c r="AN25503">
        <v>15</v>
      </c>
      <c r="AO25503">
        <v>16</v>
      </c>
      <c r="AP25503">
        <v>16</v>
      </c>
      <c r="AQ25503">
        <v>16</v>
      </c>
    </row>
    <row r="25504" spans="1:43">
      <c r="A25504" t="s">
        <v>15789</v>
      </c>
      <c r="B25504" t="s">
        <v>15790</v>
      </c>
      <c r="C25504" t="s">
        <v>15787</v>
      </c>
      <c r="D25504" t="s">
        <v>15788</v>
      </c>
      <c r="E25504" t="s">
        <v>15699</v>
      </c>
      <c r="F25504" t="s">
        <v>15700</v>
      </c>
      <c r="G25504" t="s">
        <v>10734</v>
      </c>
      <c r="H25504" t="s">
        <v>10735</v>
      </c>
      <c r="I25504" s="2">
        <v>0</v>
      </c>
      <c r="J25504" s="2">
        <v>1</v>
      </c>
      <c r="K25504" s="2">
        <v>0</v>
      </c>
      <c r="L25504" t="s">
        <v>82</v>
      </c>
      <c r="M25504" t="s">
        <v>89</v>
      </c>
      <c r="N25504" t="s">
        <v>90</v>
      </c>
      <c r="O25504" t="s">
        <v>85</v>
      </c>
      <c r="P25504" t="s">
        <v>86</v>
      </c>
      <c r="Q25504">
        <v>11</v>
      </c>
      <c r="R25504">
        <v>12</v>
      </c>
      <c r="S25504">
        <v>12</v>
      </c>
      <c r="T25504">
        <v>12</v>
      </c>
      <c r="U25504">
        <v>13</v>
      </c>
      <c r="V25504">
        <v>13</v>
      </c>
      <c r="W25504">
        <v>13</v>
      </c>
      <c r="X25504">
        <v>14</v>
      </c>
      <c r="Y25504">
        <v>14</v>
      </c>
      <c r="Z25504">
        <v>14</v>
      </c>
      <c r="AA25504">
        <v>15</v>
      </c>
      <c r="AB25504">
        <v>15</v>
      </c>
      <c r="AC25504">
        <v>16</v>
      </c>
      <c r="AD25504">
        <v>16</v>
      </c>
      <c r="AE25504">
        <v>16</v>
      </c>
      <c r="AF25504">
        <v>16</v>
      </c>
      <c r="AG25504">
        <v>17</v>
      </c>
      <c r="AH25504">
        <v>17</v>
      </c>
      <c r="AI25504">
        <v>17</v>
      </c>
      <c r="AJ25504">
        <v>17</v>
      </c>
      <c r="AK25504">
        <v>17</v>
      </c>
      <c r="AL25504">
        <v>18</v>
      </c>
      <c r="AM25504">
        <v>18</v>
      </c>
      <c r="AN25504">
        <v>18</v>
      </c>
      <c r="AO25504">
        <v>18</v>
      </c>
      <c r="AP25504">
        <v>18</v>
      </c>
      <c r="AQ25504">
        <v>19</v>
      </c>
    </row>
    <row r="25505" spans="1:43">
      <c r="A25505" t="s">
        <v>15789</v>
      </c>
      <c r="B25505" t="s">
        <v>15790</v>
      </c>
      <c r="C25505" t="s">
        <v>15787</v>
      </c>
      <c r="D25505" t="s">
        <v>15788</v>
      </c>
      <c r="E25505" t="s">
        <v>15699</v>
      </c>
      <c r="F25505" t="s">
        <v>15700</v>
      </c>
      <c r="G25505" t="s">
        <v>10734</v>
      </c>
      <c r="H25505" t="s">
        <v>10735</v>
      </c>
      <c r="I25505" s="2">
        <v>0</v>
      </c>
      <c r="J25505" s="2">
        <v>1</v>
      </c>
      <c r="K25505" s="2">
        <v>0</v>
      </c>
      <c r="L25505" t="s">
        <v>82</v>
      </c>
      <c r="M25505" t="s">
        <v>83</v>
      </c>
      <c r="N25505" t="s">
        <v>91</v>
      </c>
      <c r="O25505" t="s">
        <v>85</v>
      </c>
      <c r="P25505" t="s">
        <v>86</v>
      </c>
      <c r="Q25505">
        <v>11</v>
      </c>
      <c r="R25505">
        <v>11</v>
      </c>
      <c r="S25505">
        <v>12</v>
      </c>
      <c r="T25505">
        <v>12</v>
      </c>
      <c r="U25505">
        <v>12</v>
      </c>
      <c r="V25505">
        <v>12</v>
      </c>
      <c r="W25505">
        <v>13</v>
      </c>
      <c r="X25505">
        <v>13</v>
      </c>
      <c r="Y25505">
        <v>13</v>
      </c>
      <c r="Z25505">
        <v>14</v>
      </c>
      <c r="AA25505">
        <v>14</v>
      </c>
      <c r="AB25505">
        <v>14</v>
      </c>
      <c r="AC25505">
        <v>15</v>
      </c>
      <c r="AD25505">
        <v>15</v>
      </c>
      <c r="AE25505">
        <v>15</v>
      </c>
      <c r="AF25505">
        <v>15</v>
      </c>
      <c r="AG25505">
        <v>16</v>
      </c>
      <c r="AH25505">
        <v>16</v>
      </c>
      <c r="AI25505">
        <v>16</v>
      </c>
      <c r="AJ25505">
        <v>17</v>
      </c>
      <c r="AK25505">
        <v>17</v>
      </c>
      <c r="AL25505">
        <v>17</v>
      </c>
      <c r="AM25505">
        <v>18</v>
      </c>
      <c r="AN25505">
        <v>18</v>
      </c>
      <c r="AO25505">
        <v>18</v>
      </c>
      <c r="AP25505">
        <v>18</v>
      </c>
      <c r="AQ25505">
        <v>18</v>
      </c>
    </row>
    <row r="25506" spans="1:43">
      <c r="A25506" t="s">
        <v>15791</v>
      </c>
      <c r="B25506" t="s">
        <v>15792</v>
      </c>
      <c r="C25506" t="s">
        <v>15787</v>
      </c>
      <c r="D25506" t="s">
        <v>15788</v>
      </c>
      <c r="E25506" t="s">
        <v>15699</v>
      </c>
      <c r="F25506" t="s">
        <v>15700</v>
      </c>
      <c r="G25506" t="s">
        <v>10734</v>
      </c>
      <c r="H25506" t="s">
        <v>10735</v>
      </c>
      <c r="I25506" s="2">
        <v>0</v>
      </c>
      <c r="J25506" s="2">
        <v>1</v>
      </c>
      <c r="K25506" s="2">
        <v>0</v>
      </c>
      <c r="L25506" t="s">
        <v>82</v>
      </c>
      <c r="M25506" t="s">
        <v>83</v>
      </c>
      <c r="N25506" t="s">
        <v>84</v>
      </c>
      <c r="O25506" t="s">
        <v>85</v>
      </c>
      <c r="P25506" t="s">
        <v>86</v>
      </c>
      <c r="Q25506">
        <v>106</v>
      </c>
      <c r="R25506">
        <v>109</v>
      </c>
      <c r="S25506">
        <v>112</v>
      </c>
      <c r="T25506">
        <v>114</v>
      </c>
      <c r="U25506">
        <v>117</v>
      </c>
      <c r="V25506">
        <v>119</v>
      </c>
      <c r="W25506">
        <v>122</v>
      </c>
      <c r="X25506">
        <v>125</v>
      </c>
      <c r="Y25506">
        <v>128</v>
      </c>
      <c r="Z25506">
        <v>130</v>
      </c>
      <c r="AA25506">
        <v>133</v>
      </c>
      <c r="AB25506">
        <v>136</v>
      </c>
      <c r="AC25506">
        <v>139</v>
      </c>
      <c r="AD25506">
        <v>142</v>
      </c>
      <c r="AE25506">
        <v>145</v>
      </c>
      <c r="AF25506">
        <v>148</v>
      </c>
      <c r="AG25506">
        <v>151</v>
      </c>
      <c r="AH25506">
        <v>154</v>
      </c>
      <c r="AI25506">
        <v>157</v>
      </c>
      <c r="AJ25506">
        <v>161</v>
      </c>
      <c r="AK25506">
        <v>164</v>
      </c>
      <c r="AL25506">
        <v>166</v>
      </c>
      <c r="AM25506">
        <v>168</v>
      </c>
      <c r="AN25506">
        <v>170</v>
      </c>
      <c r="AO25506">
        <v>172</v>
      </c>
      <c r="AP25506">
        <v>174</v>
      </c>
      <c r="AQ25506">
        <v>176</v>
      </c>
    </row>
    <row r="25507" spans="1:43">
      <c r="A25507" t="s">
        <v>15791</v>
      </c>
      <c r="B25507" t="s">
        <v>15792</v>
      </c>
      <c r="C25507" t="s">
        <v>15787</v>
      </c>
      <c r="D25507" t="s">
        <v>15788</v>
      </c>
      <c r="E25507" t="s">
        <v>15699</v>
      </c>
      <c r="F25507" t="s">
        <v>15700</v>
      </c>
      <c r="G25507" t="s">
        <v>10734</v>
      </c>
      <c r="H25507" t="s">
        <v>10735</v>
      </c>
      <c r="I25507" s="2">
        <v>0</v>
      </c>
      <c r="J25507" s="2">
        <v>1</v>
      </c>
      <c r="K25507" s="2">
        <v>0</v>
      </c>
      <c r="L25507" t="s">
        <v>82</v>
      </c>
      <c r="M25507" t="s">
        <v>87</v>
      </c>
      <c r="N25507" t="s">
        <v>88</v>
      </c>
      <c r="O25507" t="s">
        <v>85</v>
      </c>
      <c r="P25507" t="s">
        <v>86</v>
      </c>
      <c r="Q25507">
        <v>106</v>
      </c>
      <c r="R25507">
        <v>108</v>
      </c>
      <c r="S25507">
        <v>110</v>
      </c>
      <c r="T25507">
        <v>111</v>
      </c>
      <c r="U25507">
        <v>113</v>
      </c>
      <c r="V25507">
        <v>114</v>
      </c>
      <c r="W25507">
        <v>116</v>
      </c>
      <c r="X25507">
        <v>117</v>
      </c>
      <c r="Y25507">
        <v>119</v>
      </c>
      <c r="Z25507">
        <v>121</v>
      </c>
      <c r="AA25507">
        <v>122</v>
      </c>
      <c r="AB25507">
        <v>124</v>
      </c>
      <c r="AC25507">
        <v>126</v>
      </c>
      <c r="AD25507">
        <v>127</v>
      </c>
      <c r="AE25507">
        <v>129</v>
      </c>
      <c r="AF25507">
        <v>131</v>
      </c>
      <c r="AG25507">
        <v>133</v>
      </c>
      <c r="AH25507">
        <v>135</v>
      </c>
      <c r="AI25507">
        <v>137</v>
      </c>
      <c r="AJ25507">
        <v>139</v>
      </c>
      <c r="AK25507">
        <v>141</v>
      </c>
      <c r="AL25507">
        <v>143</v>
      </c>
      <c r="AM25507">
        <v>145</v>
      </c>
      <c r="AN25507">
        <v>147</v>
      </c>
      <c r="AO25507">
        <v>149</v>
      </c>
      <c r="AP25507">
        <v>151</v>
      </c>
      <c r="AQ25507">
        <v>154</v>
      </c>
    </row>
    <row r="25508" spans="1:43">
      <c r="A25508" t="s">
        <v>15791</v>
      </c>
      <c r="B25508" t="s">
        <v>15792</v>
      </c>
      <c r="C25508" t="s">
        <v>15787</v>
      </c>
      <c r="D25508" t="s">
        <v>15788</v>
      </c>
      <c r="E25508" t="s">
        <v>15699</v>
      </c>
      <c r="F25508" t="s">
        <v>15700</v>
      </c>
      <c r="G25508" t="s">
        <v>10734</v>
      </c>
      <c r="H25508" t="s">
        <v>10735</v>
      </c>
      <c r="I25508" s="2">
        <v>0</v>
      </c>
      <c r="J25508" s="2">
        <v>1</v>
      </c>
      <c r="K25508" s="2">
        <v>0</v>
      </c>
      <c r="L25508" t="s">
        <v>82</v>
      </c>
      <c r="M25508" t="s">
        <v>89</v>
      </c>
      <c r="N25508" t="s">
        <v>90</v>
      </c>
      <c r="O25508" t="s">
        <v>85</v>
      </c>
      <c r="P25508" t="s">
        <v>86</v>
      </c>
      <c r="Q25508">
        <v>106</v>
      </c>
      <c r="R25508">
        <v>110</v>
      </c>
      <c r="S25508">
        <v>113</v>
      </c>
      <c r="T25508">
        <v>117</v>
      </c>
      <c r="U25508">
        <v>120</v>
      </c>
      <c r="V25508">
        <v>124</v>
      </c>
      <c r="W25508">
        <v>127</v>
      </c>
      <c r="X25508">
        <v>131</v>
      </c>
      <c r="Y25508">
        <v>134</v>
      </c>
      <c r="Z25508">
        <v>138</v>
      </c>
      <c r="AA25508">
        <v>141</v>
      </c>
      <c r="AB25508">
        <v>144</v>
      </c>
      <c r="AC25508">
        <v>148</v>
      </c>
      <c r="AD25508">
        <v>152</v>
      </c>
      <c r="AE25508">
        <v>154</v>
      </c>
      <c r="AF25508">
        <v>156</v>
      </c>
      <c r="AG25508">
        <v>158</v>
      </c>
      <c r="AH25508">
        <v>160</v>
      </c>
      <c r="AI25508">
        <v>161</v>
      </c>
      <c r="AJ25508">
        <v>163</v>
      </c>
      <c r="AK25508">
        <v>165</v>
      </c>
      <c r="AL25508">
        <v>167</v>
      </c>
      <c r="AM25508">
        <v>169</v>
      </c>
      <c r="AN25508">
        <v>171</v>
      </c>
      <c r="AO25508">
        <v>172</v>
      </c>
      <c r="AP25508">
        <v>174</v>
      </c>
      <c r="AQ25508">
        <v>176</v>
      </c>
    </row>
    <row r="25509" spans="1:43">
      <c r="A25509" t="s">
        <v>15791</v>
      </c>
      <c r="B25509" t="s">
        <v>15792</v>
      </c>
      <c r="C25509" t="s">
        <v>15787</v>
      </c>
      <c r="D25509" t="s">
        <v>15788</v>
      </c>
      <c r="E25509" t="s">
        <v>15699</v>
      </c>
      <c r="F25509" t="s">
        <v>15700</v>
      </c>
      <c r="G25509" t="s">
        <v>10734</v>
      </c>
      <c r="H25509" t="s">
        <v>10735</v>
      </c>
      <c r="I25509" s="2">
        <v>0</v>
      </c>
      <c r="J25509" s="2">
        <v>1</v>
      </c>
      <c r="K25509" s="2">
        <v>0</v>
      </c>
      <c r="L25509" t="s">
        <v>82</v>
      </c>
      <c r="M25509" t="s">
        <v>83</v>
      </c>
      <c r="N25509" t="s">
        <v>91</v>
      </c>
      <c r="O25509" t="s">
        <v>85</v>
      </c>
      <c r="P25509" t="s">
        <v>86</v>
      </c>
      <c r="Q25509">
        <v>106</v>
      </c>
      <c r="R25509">
        <v>109</v>
      </c>
      <c r="S25509">
        <v>112</v>
      </c>
      <c r="T25509">
        <v>114</v>
      </c>
      <c r="U25509">
        <v>117</v>
      </c>
      <c r="V25509">
        <v>119</v>
      </c>
      <c r="W25509">
        <v>122</v>
      </c>
      <c r="X25509">
        <v>125</v>
      </c>
      <c r="Y25509">
        <v>128</v>
      </c>
      <c r="Z25509">
        <v>130</v>
      </c>
      <c r="AA25509">
        <v>133</v>
      </c>
      <c r="AB25509">
        <v>136</v>
      </c>
      <c r="AC25509">
        <v>139</v>
      </c>
      <c r="AD25509">
        <v>142</v>
      </c>
      <c r="AE25509">
        <v>145</v>
      </c>
      <c r="AF25509">
        <v>148</v>
      </c>
      <c r="AG25509">
        <v>151</v>
      </c>
      <c r="AH25509">
        <v>154</v>
      </c>
      <c r="AI25509">
        <v>157</v>
      </c>
      <c r="AJ25509">
        <v>161</v>
      </c>
      <c r="AK25509">
        <v>164</v>
      </c>
      <c r="AL25509">
        <v>166</v>
      </c>
      <c r="AM25509">
        <v>168</v>
      </c>
      <c r="AN25509">
        <v>170</v>
      </c>
      <c r="AO25509">
        <v>172</v>
      </c>
      <c r="AP25509">
        <v>174</v>
      </c>
      <c r="AQ25509">
        <v>176</v>
      </c>
    </row>
    <row r="25510" spans="1:43">
      <c r="A25510" t="s">
        <v>15793</v>
      </c>
      <c r="B25510" t="s">
        <v>15794</v>
      </c>
      <c r="C25510" t="s">
        <v>15787</v>
      </c>
      <c r="D25510" t="s">
        <v>15788</v>
      </c>
      <c r="E25510" t="s">
        <v>15699</v>
      </c>
      <c r="F25510" t="s">
        <v>15700</v>
      </c>
      <c r="G25510" t="s">
        <v>10734</v>
      </c>
      <c r="H25510" t="s">
        <v>10735</v>
      </c>
      <c r="I25510" s="2">
        <v>0</v>
      </c>
      <c r="J25510" s="2">
        <v>1</v>
      </c>
      <c r="K25510" s="2">
        <v>0</v>
      </c>
      <c r="L25510" t="s">
        <v>82</v>
      </c>
      <c r="M25510" t="s">
        <v>83</v>
      </c>
      <c r="N25510" t="s">
        <v>84</v>
      </c>
      <c r="O25510" t="s">
        <v>85</v>
      </c>
      <c r="P25510" t="s">
        <v>86</v>
      </c>
      <c r="Q25510">
        <v>21</v>
      </c>
      <c r="R25510">
        <v>21</v>
      </c>
      <c r="S25510">
        <v>22</v>
      </c>
      <c r="T25510">
        <v>22</v>
      </c>
      <c r="U25510">
        <v>23</v>
      </c>
      <c r="V25510">
        <v>23</v>
      </c>
      <c r="W25510">
        <v>24</v>
      </c>
      <c r="X25510">
        <v>25</v>
      </c>
      <c r="Y25510">
        <v>25</v>
      </c>
      <c r="Z25510">
        <v>26</v>
      </c>
      <c r="AA25510">
        <v>26</v>
      </c>
      <c r="AB25510">
        <v>27</v>
      </c>
      <c r="AC25510">
        <v>27</v>
      </c>
      <c r="AD25510">
        <v>28</v>
      </c>
      <c r="AE25510">
        <v>29</v>
      </c>
      <c r="AF25510">
        <v>29</v>
      </c>
      <c r="AG25510">
        <v>30</v>
      </c>
      <c r="AH25510">
        <v>30</v>
      </c>
      <c r="AI25510">
        <v>31</v>
      </c>
      <c r="AJ25510">
        <v>32</v>
      </c>
      <c r="AK25510">
        <v>32</v>
      </c>
      <c r="AL25510">
        <v>33</v>
      </c>
      <c r="AM25510">
        <v>33</v>
      </c>
      <c r="AN25510">
        <v>34</v>
      </c>
      <c r="AO25510">
        <v>34</v>
      </c>
      <c r="AP25510">
        <v>34</v>
      </c>
      <c r="AQ25510">
        <v>35</v>
      </c>
    </row>
    <row r="25511" spans="1:43">
      <c r="A25511" t="s">
        <v>15793</v>
      </c>
      <c r="B25511" t="s">
        <v>15794</v>
      </c>
      <c r="C25511" t="s">
        <v>15787</v>
      </c>
      <c r="D25511" t="s">
        <v>15788</v>
      </c>
      <c r="E25511" t="s">
        <v>15699</v>
      </c>
      <c r="F25511" t="s">
        <v>15700</v>
      </c>
      <c r="G25511" t="s">
        <v>10734</v>
      </c>
      <c r="H25511" t="s">
        <v>10735</v>
      </c>
      <c r="I25511" s="2">
        <v>0</v>
      </c>
      <c r="J25511" s="2">
        <v>1</v>
      </c>
      <c r="K25511" s="2">
        <v>0</v>
      </c>
      <c r="L25511" t="s">
        <v>82</v>
      </c>
      <c r="M25511" t="s">
        <v>87</v>
      </c>
      <c r="N25511" t="s">
        <v>88</v>
      </c>
      <c r="O25511" t="s">
        <v>85</v>
      </c>
      <c r="P25511" t="s">
        <v>86</v>
      </c>
      <c r="Q25511">
        <v>21</v>
      </c>
      <c r="R25511">
        <v>21</v>
      </c>
      <c r="S25511">
        <v>21</v>
      </c>
      <c r="T25511">
        <v>22</v>
      </c>
      <c r="U25511">
        <v>22</v>
      </c>
      <c r="V25511">
        <v>22</v>
      </c>
      <c r="W25511">
        <v>23</v>
      </c>
      <c r="X25511">
        <v>23</v>
      </c>
      <c r="Y25511">
        <v>23</v>
      </c>
      <c r="Z25511">
        <v>24</v>
      </c>
      <c r="AA25511">
        <v>24</v>
      </c>
      <c r="AB25511">
        <v>24</v>
      </c>
      <c r="AC25511">
        <v>25</v>
      </c>
      <c r="AD25511">
        <v>25</v>
      </c>
      <c r="AE25511">
        <v>25</v>
      </c>
      <c r="AF25511">
        <v>26</v>
      </c>
      <c r="AG25511">
        <v>26</v>
      </c>
      <c r="AH25511">
        <v>26</v>
      </c>
      <c r="AI25511">
        <v>27</v>
      </c>
      <c r="AJ25511">
        <v>27</v>
      </c>
      <c r="AK25511">
        <v>28</v>
      </c>
      <c r="AL25511">
        <v>28</v>
      </c>
      <c r="AM25511">
        <v>28</v>
      </c>
      <c r="AN25511">
        <v>29</v>
      </c>
      <c r="AO25511">
        <v>29</v>
      </c>
      <c r="AP25511">
        <v>30</v>
      </c>
      <c r="AQ25511">
        <v>30</v>
      </c>
    </row>
    <row r="25512" spans="1:43">
      <c r="A25512" t="s">
        <v>15793</v>
      </c>
      <c r="B25512" t="s">
        <v>15794</v>
      </c>
      <c r="C25512" t="s">
        <v>15787</v>
      </c>
      <c r="D25512" t="s">
        <v>15788</v>
      </c>
      <c r="E25512" t="s">
        <v>15699</v>
      </c>
      <c r="F25512" t="s">
        <v>15700</v>
      </c>
      <c r="G25512" t="s">
        <v>10734</v>
      </c>
      <c r="H25512" t="s">
        <v>10735</v>
      </c>
      <c r="I25512" s="2">
        <v>0</v>
      </c>
      <c r="J25512" s="2">
        <v>1</v>
      </c>
      <c r="K25512" s="2">
        <v>0</v>
      </c>
      <c r="L25512" t="s">
        <v>82</v>
      </c>
      <c r="M25512" t="s">
        <v>89</v>
      </c>
      <c r="N25512" t="s">
        <v>90</v>
      </c>
      <c r="O25512" t="s">
        <v>85</v>
      </c>
      <c r="P25512" t="s">
        <v>86</v>
      </c>
      <c r="Q25512">
        <v>21</v>
      </c>
      <c r="R25512">
        <v>22</v>
      </c>
      <c r="S25512">
        <v>22</v>
      </c>
      <c r="T25512">
        <v>23</v>
      </c>
      <c r="U25512">
        <v>24</v>
      </c>
      <c r="V25512">
        <v>25</v>
      </c>
      <c r="W25512">
        <v>25</v>
      </c>
      <c r="X25512">
        <v>26</v>
      </c>
      <c r="Y25512">
        <v>27</v>
      </c>
      <c r="Z25512">
        <v>27</v>
      </c>
      <c r="AA25512">
        <v>28</v>
      </c>
      <c r="AB25512">
        <v>29</v>
      </c>
      <c r="AC25512">
        <v>29</v>
      </c>
      <c r="AD25512">
        <v>30</v>
      </c>
      <c r="AE25512">
        <v>31</v>
      </c>
      <c r="AF25512">
        <v>31</v>
      </c>
      <c r="AG25512">
        <v>31</v>
      </c>
      <c r="AH25512">
        <v>32</v>
      </c>
      <c r="AI25512">
        <v>32</v>
      </c>
      <c r="AJ25512">
        <v>32</v>
      </c>
      <c r="AK25512">
        <v>33</v>
      </c>
      <c r="AL25512">
        <v>33</v>
      </c>
      <c r="AM25512">
        <v>33</v>
      </c>
      <c r="AN25512">
        <v>34</v>
      </c>
      <c r="AO25512">
        <v>34</v>
      </c>
      <c r="AP25512">
        <v>34</v>
      </c>
      <c r="AQ25512">
        <v>35</v>
      </c>
    </row>
    <row r="25513" spans="1:43">
      <c r="A25513" t="s">
        <v>15793</v>
      </c>
      <c r="B25513" t="s">
        <v>15794</v>
      </c>
      <c r="C25513" t="s">
        <v>15787</v>
      </c>
      <c r="D25513" t="s">
        <v>15788</v>
      </c>
      <c r="E25513" t="s">
        <v>15699</v>
      </c>
      <c r="F25513" t="s">
        <v>15700</v>
      </c>
      <c r="G25513" t="s">
        <v>10734</v>
      </c>
      <c r="H25513" t="s">
        <v>10735</v>
      </c>
      <c r="I25513" s="2">
        <v>0</v>
      </c>
      <c r="J25513" s="2">
        <v>1</v>
      </c>
      <c r="K25513" s="2">
        <v>0</v>
      </c>
      <c r="L25513" t="s">
        <v>82</v>
      </c>
      <c r="M25513" t="s">
        <v>83</v>
      </c>
      <c r="N25513" t="s">
        <v>91</v>
      </c>
      <c r="O25513" t="s">
        <v>85</v>
      </c>
      <c r="P25513" t="s">
        <v>86</v>
      </c>
      <c r="Q25513">
        <v>21</v>
      </c>
      <c r="R25513">
        <v>21</v>
      </c>
      <c r="S25513">
        <v>22</v>
      </c>
      <c r="T25513">
        <v>22</v>
      </c>
      <c r="U25513">
        <v>23</v>
      </c>
      <c r="V25513">
        <v>23</v>
      </c>
      <c r="W25513">
        <v>24</v>
      </c>
      <c r="X25513">
        <v>25</v>
      </c>
      <c r="Y25513">
        <v>25</v>
      </c>
      <c r="Z25513">
        <v>26</v>
      </c>
      <c r="AA25513">
        <v>26</v>
      </c>
      <c r="AB25513">
        <v>27</v>
      </c>
      <c r="AC25513">
        <v>27</v>
      </c>
      <c r="AD25513">
        <v>28</v>
      </c>
      <c r="AE25513">
        <v>29</v>
      </c>
      <c r="AF25513">
        <v>29</v>
      </c>
      <c r="AG25513">
        <v>30</v>
      </c>
      <c r="AH25513">
        <v>30</v>
      </c>
      <c r="AI25513">
        <v>31</v>
      </c>
      <c r="AJ25513">
        <v>32</v>
      </c>
      <c r="AK25513">
        <v>32</v>
      </c>
      <c r="AL25513">
        <v>33</v>
      </c>
      <c r="AM25513">
        <v>33</v>
      </c>
      <c r="AN25513">
        <v>34</v>
      </c>
      <c r="AO25513">
        <v>34</v>
      </c>
      <c r="AP25513">
        <v>34</v>
      </c>
      <c r="AQ25513">
        <v>35</v>
      </c>
    </row>
    <row r="25514" spans="1:43">
      <c r="A25514" t="s">
        <v>15795</v>
      </c>
      <c r="B25514" t="s">
        <v>15796</v>
      </c>
      <c r="C25514" t="s">
        <v>15787</v>
      </c>
      <c r="D25514" t="s">
        <v>15788</v>
      </c>
      <c r="E25514" t="s">
        <v>15699</v>
      </c>
      <c r="F25514" t="s">
        <v>15700</v>
      </c>
      <c r="G25514" t="s">
        <v>10734</v>
      </c>
      <c r="H25514" t="s">
        <v>10735</v>
      </c>
      <c r="I25514" s="2">
        <v>0</v>
      </c>
      <c r="J25514" s="2">
        <v>1</v>
      </c>
      <c r="K25514" s="2">
        <v>0</v>
      </c>
      <c r="L25514" t="s">
        <v>82</v>
      </c>
      <c r="M25514" t="s">
        <v>83</v>
      </c>
      <c r="N25514" t="s">
        <v>84</v>
      </c>
      <c r="O25514" t="s">
        <v>85</v>
      </c>
      <c r="P25514" t="s">
        <v>86</v>
      </c>
      <c r="Q25514">
        <v>8</v>
      </c>
      <c r="R25514">
        <v>9</v>
      </c>
      <c r="S25514">
        <v>9</v>
      </c>
      <c r="T25514">
        <v>9</v>
      </c>
      <c r="U25514">
        <v>9</v>
      </c>
      <c r="V25514">
        <v>10</v>
      </c>
      <c r="W25514">
        <v>10</v>
      </c>
      <c r="X25514">
        <v>10</v>
      </c>
      <c r="Y25514">
        <v>10</v>
      </c>
      <c r="Z25514">
        <v>10</v>
      </c>
      <c r="AA25514">
        <v>11</v>
      </c>
      <c r="AB25514">
        <v>11</v>
      </c>
      <c r="AC25514">
        <v>11</v>
      </c>
      <c r="AD25514">
        <v>11</v>
      </c>
      <c r="AE25514">
        <v>12</v>
      </c>
      <c r="AF25514">
        <v>12</v>
      </c>
      <c r="AG25514">
        <v>12</v>
      </c>
      <c r="AH25514">
        <v>12</v>
      </c>
      <c r="AI25514">
        <v>13</v>
      </c>
      <c r="AJ25514">
        <v>13</v>
      </c>
      <c r="AK25514">
        <v>13</v>
      </c>
      <c r="AL25514">
        <v>13</v>
      </c>
      <c r="AM25514">
        <v>13</v>
      </c>
      <c r="AN25514">
        <v>14</v>
      </c>
      <c r="AO25514">
        <v>14</v>
      </c>
      <c r="AP25514">
        <v>14</v>
      </c>
      <c r="AQ25514">
        <v>14</v>
      </c>
    </row>
    <row r="25515" spans="1:43">
      <c r="A25515" t="s">
        <v>15795</v>
      </c>
      <c r="B25515" t="s">
        <v>15796</v>
      </c>
      <c r="C25515" t="s">
        <v>15787</v>
      </c>
      <c r="D25515" t="s">
        <v>15788</v>
      </c>
      <c r="E25515" t="s">
        <v>15699</v>
      </c>
      <c r="F25515" t="s">
        <v>15700</v>
      </c>
      <c r="G25515" t="s">
        <v>10734</v>
      </c>
      <c r="H25515" t="s">
        <v>10735</v>
      </c>
      <c r="I25515" s="2">
        <v>0</v>
      </c>
      <c r="J25515" s="2">
        <v>1</v>
      </c>
      <c r="K25515" s="2">
        <v>0</v>
      </c>
      <c r="L25515" t="s">
        <v>82</v>
      </c>
      <c r="M25515" t="s">
        <v>87</v>
      </c>
      <c r="N25515" t="s">
        <v>88</v>
      </c>
      <c r="O25515" t="s">
        <v>85</v>
      </c>
      <c r="P25515" t="s">
        <v>86</v>
      </c>
      <c r="Q25515">
        <v>8</v>
      </c>
      <c r="R25515">
        <v>9</v>
      </c>
      <c r="S25515">
        <v>9</v>
      </c>
      <c r="T25515">
        <v>9</v>
      </c>
      <c r="U25515">
        <v>9</v>
      </c>
      <c r="V25515">
        <v>9</v>
      </c>
      <c r="W25515">
        <v>9</v>
      </c>
      <c r="X25515">
        <v>9</v>
      </c>
      <c r="Y25515">
        <v>9</v>
      </c>
      <c r="Z25515">
        <v>10</v>
      </c>
      <c r="AA25515">
        <v>10</v>
      </c>
      <c r="AB25515">
        <v>10</v>
      </c>
      <c r="AC25515">
        <v>10</v>
      </c>
      <c r="AD25515">
        <v>10</v>
      </c>
      <c r="AE25515">
        <v>10</v>
      </c>
      <c r="AF25515">
        <v>10</v>
      </c>
      <c r="AG25515">
        <v>11</v>
      </c>
      <c r="AH25515">
        <v>11</v>
      </c>
      <c r="AI25515">
        <v>11</v>
      </c>
      <c r="AJ25515">
        <v>11</v>
      </c>
      <c r="AK25515">
        <v>11</v>
      </c>
      <c r="AL25515">
        <v>11</v>
      </c>
      <c r="AM25515">
        <v>12</v>
      </c>
      <c r="AN25515">
        <v>12</v>
      </c>
      <c r="AO25515">
        <v>12</v>
      </c>
      <c r="AP25515">
        <v>12</v>
      </c>
      <c r="AQ25515">
        <v>12</v>
      </c>
    </row>
    <row r="25516" spans="1:43">
      <c r="A25516" t="s">
        <v>15795</v>
      </c>
      <c r="B25516" t="s">
        <v>15796</v>
      </c>
      <c r="C25516" t="s">
        <v>15787</v>
      </c>
      <c r="D25516" t="s">
        <v>15788</v>
      </c>
      <c r="E25516" t="s">
        <v>15699</v>
      </c>
      <c r="F25516" t="s">
        <v>15700</v>
      </c>
      <c r="G25516" t="s">
        <v>10734</v>
      </c>
      <c r="H25516" t="s">
        <v>10735</v>
      </c>
      <c r="I25516" s="2">
        <v>0</v>
      </c>
      <c r="J25516" s="2">
        <v>1</v>
      </c>
      <c r="K25516" s="2">
        <v>0</v>
      </c>
      <c r="L25516" t="s">
        <v>82</v>
      </c>
      <c r="M25516" t="s">
        <v>89</v>
      </c>
      <c r="N25516" t="s">
        <v>90</v>
      </c>
      <c r="O25516" t="s">
        <v>85</v>
      </c>
      <c r="P25516" t="s">
        <v>86</v>
      </c>
      <c r="Q25516">
        <v>8</v>
      </c>
      <c r="R25516">
        <v>8</v>
      </c>
      <c r="S25516">
        <v>8</v>
      </c>
      <c r="T25516">
        <v>8</v>
      </c>
      <c r="U25516">
        <v>9</v>
      </c>
      <c r="V25516">
        <v>9</v>
      </c>
      <c r="W25516">
        <v>9</v>
      </c>
      <c r="X25516">
        <v>10</v>
      </c>
      <c r="Y25516">
        <v>10</v>
      </c>
      <c r="Z25516">
        <v>10</v>
      </c>
      <c r="AA25516">
        <v>10</v>
      </c>
      <c r="AB25516">
        <v>11</v>
      </c>
      <c r="AC25516">
        <v>11</v>
      </c>
      <c r="AD25516">
        <v>11</v>
      </c>
      <c r="AE25516">
        <v>11</v>
      </c>
      <c r="AF25516">
        <v>12</v>
      </c>
      <c r="AG25516">
        <v>12</v>
      </c>
      <c r="AH25516">
        <v>12</v>
      </c>
      <c r="AI25516">
        <v>12</v>
      </c>
      <c r="AJ25516">
        <v>12</v>
      </c>
      <c r="AK25516">
        <v>12</v>
      </c>
      <c r="AL25516">
        <v>12</v>
      </c>
      <c r="AM25516">
        <v>13</v>
      </c>
      <c r="AN25516">
        <v>13</v>
      </c>
      <c r="AO25516">
        <v>13</v>
      </c>
      <c r="AP25516">
        <v>13</v>
      </c>
      <c r="AQ25516">
        <v>13</v>
      </c>
    </row>
    <row r="25517" spans="1:43">
      <c r="A25517" t="s">
        <v>15795</v>
      </c>
      <c r="B25517" t="s">
        <v>15796</v>
      </c>
      <c r="C25517" t="s">
        <v>15787</v>
      </c>
      <c r="D25517" t="s">
        <v>15788</v>
      </c>
      <c r="E25517" t="s">
        <v>15699</v>
      </c>
      <c r="F25517" t="s">
        <v>15700</v>
      </c>
      <c r="G25517" t="s">
        <v>10734</v>
      </c>
      <c r="H25517" t="s">
        <v>10735</v>
      </c>
      <c r="I25517" s="2">
        <v>0</v>
      </c>
      <c r="J25517" s="2">
        <v>1</v>
      </c>
      <c r="K25517" s="2">
        <v>0</v>
      </c>
      <c r="L25517" t="s">
        <v>82</v>
      </c>
      <c r="M25517" t="s">
        <v>83</v>
      </c>
      <c r="N25517" t="s">
        <v>91</v>
      </c>
      <c r="O25517" t="s">
        <v>85</v>
      </c>
      <c r="P25517" t="s">
        <v>86</v>
      </c>
      <c r="Q25517">
        <v>8</v>
      </c>
      <c r="R25517">
        <v>9</v>
      </c>
      <c r="S25517">
        <v>9</v>
      </c>
      <c r="T25517">
        <v>9</v>
      </c>
      <c r="U25517">
        <v>9</v>
      </c>
      <c r="V25517">
        <v>10</v>
      </c>
      <c r="W25517">
        <v>10</v>
      </c>
      <c r="X25517">
        <v>10</v>
      </c>
      <c r="Y25517">
        <v>10</v>
      </c>
      <c r="Z25517">
        <v>10</v>
      </c>
      <c r="AA25517">
        <v>11</v>
      </c>
      <c r="AB25517">
        <v>11</v>
      </c>
      <c r="AC25517">
        <v>11</v>
      </c>
      <c r="AD25517">
        <v>11</v>
      </c>
      <c r="AE25517">
        <v>12</v>
      </c>
      <c r="AF25517">
        <v>12</v>
      </c>
      <c r="AG25517">
        <v>12</v>
      </c>
      <c r="AH25517">
        <v>12</v>
      </c>
      <c r="AI25517">
        <v>13</v>
      </c>
      <c r="AJ25517">
        <v>13</v>
      </c>
      <c r="AK25517">
        <v>13</v>
      </c>
      <c r="AL25517">
        <v>13</v>
      </c>
      <c r="AM25517">
        <v>13</v>
      </c>
      <c r="AN25517">
        <v>14</v>
      </c>
      <c r="AO25517">
        <v>14</v>
      </c>
      <c r="AP25517">
        <v>14</v>
      </c>
      <c r="AQ25517">
        <v>14</v>
      </c>
    </row>
    <row r="25518" spans="1:43">
      <c r="A25518" t="s">
        <v>15797</v>
      </c>
      <c r="B25518" t="s">
        <v>15798</v>
      </c>
      <c r="C25518" t="s">
        <v>15787</v>
      </c>
      <c r="D25518" t="s">
        <v>15788</v>
      </c>
      <c r="E25518" t="s">
        <v>15699</v>
      </c>
      <c r="F25518" t="s">
        <v>15700</v>
      </c>
      <c r="G25518" t="s">
        <v>10734</v>
      </c>
      <c r="H25518" t="s">
        <v>10735</v>
      </c>
      <c r="I25518" s="2">
        <v>0</v>
      </c>
      <c r="J25518" s="2">
        <v>1</v>
      </c>
      <c r="K25518" s="2">
        <v>0</v>
      </c>
      <c r="L25518" t="s">
        <v>82</v>
      </c>
      <c r="M25518" t="s">
        <v>83</v>
      </c>
      <c r="N25518" t="s">
        <v>84</v>
      </c>
      <c r="O25518" t="s">
        <v>85</v>
      </c>
      <c r="P25518" t="s">
        <v>86</v>
      </c>
      <c r="Q25518">
        <v>10</v>
      </c>
      <c r="R25518">
        <v>11</v>
      </c>
      <c r="S25518">
        <v>11</v>
      </c>
      <c r="T25518">
        <v>11</v>
      </c>
      <c r="U25518">
        <v>11</v>
      </c>
      <c r="V25518">
        <v>12</v>
      </c>
      <c r="W25518">
        <v>12</v>
      </c>
      <c r="X25518">
        <v>12</v>
      </c>
      <c r="Y25518">
        <v>12</v>
      </c>
      <c r="Z25518">
        <v>13</v>
      </c>
      <c r="AA25518">
        <v>13</v>
      </c>
      <c r="AB25518">
        <v>13</v>
      </c>
      <c r="AC25518">
        <v>13</v>
      </c>
      <c r="AD25518">
        <v>14</v>
      </c>
      <c r="AE25518">
        <v>14</v>
      </c>
      <c r="AF25518">
        <v>14</v>
      </c>
      <c r="AG25518">
        <v>15</v>
      </c>
      <c r="AH25518">
        <v>15</v>
      </c>
      <c r="AI25518">
        <v>15</v>
      </c>
      <c r="AJ25518">
        <v>16</v>
      </c>
      <c r="AK25518">
        <v>16</v>
      </c>
      <c r="AL25518">
        <v>16</v>
      </c>
      <c r="AM25518">
        <v>16</v>
      </c>
      <c r="AN25518">
        <v>16</v>
      </c>
      <c r="AO25518">
        <v>17</v>
      </c>
      <c r="AP25518">
        <v>17</v>
      </c>
      <c r="AQ25518">
        <v>17</v>
      </c>
    </row>
    <row r="25519" spans="1:43">
      <c r="A25519" t="s">
        <v>15797</v>
      </c>
      <c r="B25519" t="s">
        <v>15798</v>
      </c>
      <c r="C25519" t="s">
        <v>15787</v>
      </c>
      <c r="D25519" t="s">
        <v>15788</v>
      </c>
      <c r="E25519" t="s">
        <v>15699</v>
      </c>
      <c r="F25519" t="s">
        <v>15700</v>
      </c>
      <c r="G25519" t="s">
        <v>10734</v>
      </c>
      <c r="H25519" t="s">
        <v>10735</v>
      </c>
      <c r="I25519" s="2">
        <v>0</v>
      </c>
      <c r="J25519" s="2">
        <v>1</v>
      </c>
      <c r="K25519" s="2">
        <v>0</v>
      </c>
      <c r="L25519" t="s">
        <v>82</v>
      </c>
      <c r="M25519" t="s">
        <v>87</v>
      </c>
      <c r="N25519" t="s">
        <v>88</v>
      </c>
      <c r="O25519" t="s">
        <v>85</v>
      </c>
      <c r="P25519" t="s">
        <v>86</v>
      </c>
      <c r="Q25519">
        <v>10</v>
      </c>
      <c r="R25519">
        <v>10</v>
      </c>
      <c r="S25519">
        <v>10</v>
      </c>
      <c r="T25519">
        <v>11</v>
      </c>
      <c r="U25519">
        <v>11</v>
      </c>
      <c r="V25519">
        <v>11</v>
      </c>
      <c r="W25519">
        <v>11</v>
      </c>
      <c r="X25519">
        <v>11</v>
      </c>
      <c r="Y25519">
        <v>11</v>
      </c>
      <c r="Z25519">
        <v>12</v>
      </c>
      <c r="AA25519">
        <v>12</v>
      </c>
      <c r="AB25519">
        <v>12</v>
      </c>
      <c r="AC25519">
        <v>12</v>
      </c>
      <c r="AD25519">
        <v>12</v>
      </c>
      <c r="AE25519">
        <v>12</v>
      </c>
      <c r="AF25519">
        <v>13</v>
      </c>
      <c r="AG25519">
        <v>13</v>
      </c>
      <c r="AH25519">
        <v>13</v>
      </c>
      <c r="AI25519">
        <v>13</v>
      </c>
      <c r="AJ25519">
        <v>13</v>
      </c>
      <c r="AK25519">
        <v>14</v>
      </c>
      <c r="AL25519">
        <v>14</v>
      </c>
      <c r="AM25519">
        <v>14</v>
      </c>
      <c r="AN25519">
        <v>14</v>
      </c>
      <c r="AO25519">
        <v>14</v>
      </c>
      <c r="AP25519">
        <v>15</v>
      </c>
      <c r="AQ25519">
        <v>15</v>
      </c>
    </row>
    <row r="25520" spans="1:43">
      <c r="A25520" t="s">
        <v>15797</v>
      </c>
      <c r="B25520" t="s">
        <v>15798</v>
      </c>
      <c r="C25520" t="s">
        <v>15787</v>
      </c>
      <c r="D25520" t="s">
        <v>15788</v>
      </c>
      <c r="E25520" t="s">
        <v>15699</v>
      </c>
      <c r="F25520" t="s">
        <v>15700</v>
      </c>
      <c r="G25520" t="s">
        <v>10734</v>
      </c>
      <c r="H25520" t="s">
        <v>10735</v>
      </c>
      <c r="I25520" s="2">
        <v>0</v>
      </c>
      <c r="J25520" s="2">
        <v>1</v>
      </c>
      <c r="K25520" s="2">
        <v>0</v>
      </c>
      <c r="L25520" t="s">
        <v>82</v>
      </c>
      <c r="M25520" t="s">
        <v>89</v>
      </c>
      <c r="N25520" t="s">
        <v>90</v>
      </c>
      <c r="O25520" t="s">
        <v>85</v>
      </c>
      <c r="P25520" t="s">
        <v>86</v>
      </c>
      <c r="Q25520">
        <v>10</v>
      </c>
      <c r="R25520">
        <v>11</v>
      </c>
      <c r="S25520">
        <v>11</v>
      </c>
      <c r="T25520">
        <v>11</v>
      </c>
      <c r="U25520">
        <v>12</v>
      </c>
      <c r="V25520">
        <v>12</v>
      </c>
      <c r="W25520">
        <v>12</v>
      </c>
      <c r="X25520">
        <v>13</v>
      </c>
      <c r="Y25520">
        <v>13</v>
      </c>
      <c r="Z25520">
        <v>13</v>
      </c>
      <c r="AA25520">
        <v>14</v>
      </c>
      <c r="AB25520">
        <v>14</v>
      </c>
      <c r="AC25520">
        <v>14</v>
      </c>
      <c r="AD25520">
        <v>15</v>
      </c>
      <c r="AE25520">
        <v>15</v>
      </c>
      <c r="AF25520">
        <v>15</v>
      </c>
      <c r="AG25520">
        <v>15</v>
      </c>
      <c r="AH25520">
        <v>16</v>
      </c>
      <c r="AI25520">
        <v>16</v>
      </c>
      <c r="AJ25520">
        <v>16</v>
      </c>
      <c r="AK25520">
        <v>16</v>
      </c>
      <c r="AL25520">
        <v>16</v>
      </c>
      <c r="AM25520">
        <v>16</v>
      </c>
      <c r="AN25520">
        <v>17</v>
      </c>
      <c r="AO25520">
        <v>17</v>
      </c>
      <c r="AP25520">
        <v>17</v>
      </c>
      <c r="AQ25520">
        <v>17</v>
      </c>
    </row>
    <row r="25521" spans="1:43">
      <c r="A25521" t="s">
        <v>15797</v>
      </c>
      <c r="B25521" t="s">
        <v>15798</v>
      </c>
      <c r="C25521" t="s">
        <v>15787</v>
      </c>
      <c r="D25521" t="s">
        <v>15788</v>
      </c>
      <c r="E25521" t="s">
        <v>15699</v>
      </c>
      <c r="F25521" t="s">
        <v>15700</v>
      </c>
      <c r="G25521" t="s">
        <v>10734</v>
      </c>
      <c r="H25521" t="s">
        <v>10735</v>
      </c>
      <c r="I25521" s="2">
        <v>0</v>
      </c>
      <c r="J25521" s="2">
        <v>1</v>
      </c>
      <c r="K25521" s="2">
        <v>0</v>
      </c>
      <c r="L25521" t="s">
        <v>82</v>
      </c>
      <c r="M25521" t="s">
        <v>83</v>
      </c>
      <c r="N25521" t="s">
        <v>91</v>
      </c>
      <c r="O25521" t="s">
        <v>85</v>
      </c>
      <c r="P25521" t="s">
        <v>86</v>
      </c>
      <c r="Q25521">
        <v>10</v>
      </c>
      <c r="R25521">
        <v>11</v>
      </c>
      <c r="S25521">
        <v>11</v>
      </c>
      <c r="T25521">
        <v>11</v>
      </c>
      <c r="U25521">
        <v>11</v>
      </c>
      <c r="V25521">
        <v>12</v>
      </c>
      <c r="W25521">
        <v>12</v>
      </c>
      <c r="X25521">
        <v>12</v>
      </c>
      <c r="Y25521">
        <v>12</v>
      </c>
      <c r="Z25521">
        <v>13</v>
      </c>
      <c r="AA25521">
        <v>13</v>
      </c>
      <c r="AB25521">
        <v>13</v>
      </c>
      <c r="AC25521">
        <v>13</v>
      </c>
      <c r="AD25521">
        <v>14</v>
      </c>
      <c r="AE25521">
        <v>14</v>
      </c>
      <c r="AF25521">
        <v>14</v>
      </c>
      <c r="AG25521">
        <v>15</v>
      </c>
      <c r="AH25521">
        <v>15</v>
      </c>
      <c r="AI25521">
        <v>15</v>
      </c>
      <c r="AJ25521">
        <v>16</v>
      </c>
      <c r="AK25521">
        <v>16</v>
      </c>
      <c r="AL25521">
        <v>16</v>
      </c>
      <c r="AM25521">
        <v>16</v>
      </c>
      <c r="AN25521">
        <v>16</v>
      </c>
      <c r="AO25521">
        <v>17</v>
      </c>
      <c r="AP25521">
        <v>17</v>
      </c>
      <c r="AQ25521">
        <v>17</v>
      </c>
    </row>
    <row r="25522" spans="1:43">
      <c r="A25522" t="s">
        <v>15799</v>
      </c>
      <c r="B25522" t="s">
        <v>15800</v>
      </c>
      <c r="C25522" t="s">
        <v>15801</v>
      </c>
      <c r="D25522" t="s">
        <v>15802</v>
      </c>
      <c r="E25522" t="s">
        <v>15699</v>
      </c>
      <c r="F25522" t="s">
        <v>15700</v>
      </c>
      <c r="G25522" t="s">
        <v>10734</v>
      </c>
      <c r="H25522" t="s">
        <v>10735</v>
      </c>
      <c r="I25522" s="2">
        <v>0</v>
      </c>
      <c r="J25522" s="2">
        <v>1</v>
      </c>
      <c r="K25522" s="2">
        <v>0</v>
      </c>
      <c r="L25522" t="s">
        <v>82</v>
      </c>
      <c r="M25522" t="s">
        <v>83</v>
      </c>
      <c r="N25522" t="s">
        <v>84</v>
      </c>
      <c r="O25522" t="s">
        <v>85</v>
      </c>
      <c r="P25522" t="s">
        <v>86</v>
      </c>
      <c r="Q25522">
        <v>17</v>
      </c>
      <c r="R25522">
        <v>17</v>
      </c>
      <c r="S25522">
        <v>18</v>
      </c>
      <c r="T25522">
        <v>18</v>
      </c>
      <c r="U25522">
        <v>19</v>
      </c>
      <c r="V25522">
        <v>19</v>
      </c>
      <c r="W25522">
        <v>20</v>
      </c>
      <c r="X25522">
        <v>20</v>
      </c>
      <c r="Y25522">
        <v>20</v>
      </c>
      <c r="Z25522">
        <v>21</v>
      </c>
      <c r="AA25522">
        <v>21</v>
      </c>
      <c r="AB25522">
        <v>22</v>
      </c>
      <c r="AC25522">
        <v>22</v>
      </c>
      <c r="AD25522">
        <v>23</v>
      </c>
      <c r="AE25522">
        <v>23</v>
      </c>
      <c r="AF25522">
        <v>24</v>
      </c>
      <c r="AG25522">
        <v>24</v>
      </c>
      <c r="AH25522">
        <v>25</v>
      </c>
      <c r="AI25522">
        <v>25</v>
      </c>
      <c r="AJ25522">
        <v>26</v>
      </c>
      <c r="AK25522">
        <v>26</v>
      </c>
      <c r="AL25522">
        <v>27</v>
      </c>
      <c r="AM25522">
        <v>27</v>
      </c>
      <c r="AN25522">
        <v>27</v>
      </c>
      <c r="AO25522">
        <v>28</v>
      </c>
      <c r="AP25522">
        <v>28</v>
      </c>
      <c r="AQ25522">
        <v>28</v>
      </c>
    </row>
    <row r="25523" spans="1:43">
      <c r="A25523" t="s">
        <v>15799</v>
      </c>
      <c r="B25523" t="s">
        <v>15800</v>
      </c>
      <c r="C25523" t="s">
        <v>15801</v>
      </c>
      <c r="D25523" t="s">
        <v>15802</v>
      </c>
      <c r="E25523" t="s">
        <v>15699</v>
      </c>
      <c r="F25523" t="s">
        <v>15700</v>
      </c>
      <c r="G25523" t="s">
        <v>10734</v>
      </c>
      <c r="H25523" t="s">
        <v>10735</v>
      </c>
      <c r="I25523" s="2">
        <v>0</v>
      </c>
      <c r="J25523" s="2">
        <v>1</v>
      </c>
      <c r="K25523" s="2">
        <v>0</v>
      </c>
      <c r="L25523" t="s">
        <v>82</v>
      </c>
      <c r="M25523" t="s">
        <v>87</v>
      </c>
      <c r="N25523" t="s">
        <v>88</v>
      </c>
      <c r="O25523" t="s">
        <v>85</v>
      </c>
      <c r="P25523" t="s">
        <v>86</v>
      </c>
      <c r="Q25523">
        <v>17</v>
      </c>
      <c r="R25523">
        <v>17</v>
      </c>
      <c r="S25523">
        <v>17</v>
      </c>
      <c r="T25523">
        <v>18</v>
      </c>
      <c r="U25523">
        <v>18</v>
      </c>
      <c r="V25523">
        <v>18</v>
      </c>
      <c r="W25523">
        <v>18</v>
      </c>
      <c r="X25523">
        <v>19</v>
      </c>
      <c r="Y25523">
        <v>19</v>
      </c>
      <c r="Z25523">
        <v>19</v>
      </c>
      <c r="AA25523">
        <v>19</v>
      </c>
      <c r="AB25523">
        <v>20</v>
      </c>
      <c r="AC25523">
        <v>20</v>
      </c>
      <c r="AD25523">
        <v>20</v>
      </c>
      <c r="AE25523">
        <v>21</v>
      </c>
      <c r="AF25523">
        <v>21</v>
      </c>
      <c r="AG25523">
        <v>21</v>
      </c>
      <c r="AH25523">
        <v>21</v>
      </c>
      <c r="AI25523">
        <v>22</v>
      </c>
      <c r="AJ25523">
        <v>22</v>
      </c>
      <c r="AK25523">
        <v>22</v>
      </c>
      <c r="AL25523">
        <v>23</v>
      </c>
      <c r="AM25523">
        <v>23</v>
      </c>
      <c r="AN25523">
        <v>23</v>
      </c>
      <c r="AO25523">
        <v>24</v>
      </c>
      <c r="AP25523">
        <v>24</v>
      </c>
      <c r="AQ25523">
        <v>24</v>
      </c>
    </row>
    <row r="25524" spans="1:43">
      <c r="A25524" t="s">
        <v>15799</v>
      </c>
      <c r="B25524" t="s">
        <v>15800</v>
      </c>
      <c r="C25524" t="s">
        <v>15801</v>
      </c>
      <c r="D25524" t="s">
        <v>15802</v>
      </c>
      <c r="E25524" t="s">
        <v>15699</v>
      </c>
      <c r="F25524" t="s">
        <v>15700</v>
      </c>
      <c r="G25524" t="s">
        <v>10734</v>
      </c>
      <c r="H25524" t="s">
        <v>10735</v>
      </c>
      <c r="I25524" s="2">
        <v>0</v>
      </c>
      <c r="J25524" s="2">
        <v>1</v>
      </c>
      <c r="K25524" s="2">
        <v>0</v>
      </c>
      <c r="L25524" t="s">
        <v>82</v>
      </c>
      <c r="M25524" t="s">
        <v>89</v>
      </c>
      <c r="N25524" t="s">
        <v>90</v>
      </c>
      <c r="O25524" t="s">
        <v>85</v>
      </c>
      <c r="P25524" t="s">
        <v>86</v>
      </c>
      <c r="Q25524">
        <v>17</v>
      </c>
      <c r="R25524">
        <v>18</v>
      </c>
      <c r="S25524">
        <v>18</v>
      </c>
      <c r="T25524">
        <v>19</v>
      </c>
      <c r="U25524">
        <v>19</v>
      </c>
      <c r="V25524">
        <v>20</v>
      </c>
      <c r="W25524">
        <v>21</v>
      </c>
      <c r="X25524">
        <v>21</v>
      </c>
      <c r="Y25524">
        <v>22</v>
      </c>
      <c r="Z25524">
        <v>22</v>
      </c>
      <c r="AA25524">
        <v>23</v>
      </c>
      <c r="AB25524">
        <v>23</v>
      </c>
      <c r="AC25524">
        <v>24</v>
      </c>
      <c r="AD25524">
        <v>24</v>
      </c>
      <c r="AE25524">
        <v>25</v>
      </c>
      <c r="AF25524">
        <v>25</v>
      </c>
      <c r="AG25524">
        <v>25</v>
      </c>
      <c r="AH25524">
        <v>26</v>
      </c>
      <c r="AI25524">
        <v>26</v>
      </c>
      <c r="AJ25524">
        <v>26</v>
      </c>
      <c r="AK25524">
        <v>27</v>
      </c>
      <c r="AL25524">
        <v>27</v>
      </c>
      <c r="AM25524">
        <v>27</v>
      </c>
      <c r="AN25524">
        <v>27</v>
      </c>
      <c r="AO25524">
        <v>28</v>
      </c>
      <c r="AP25524">
        <v>28</v>
      </c>
      <c r="AQ25524">
        <v>28</v>
      </c>
    </row>
    <row r="25525" spans="1:43">
      <c r="A25525" t="s">
        <v>15799</v>
      </c>
      <c r="B25525" t="s">
        <v>15800</v>
      </c>
      <c r="C25525" t="s">
        <v>15801</v>
      </c>
      <c r="D25525" t="s">
        <v>15802</v>
      </c>
      <c r="E25525" t="s">
        <v>15699</v>
      </c>
      <c r="F25525" t="s">
        <v>15700</v>
      </c>
      <c r="G25525" t="s">
        <v>10734</v>
      </c>
      <c r="H25525" t="s">
        <v>10735</v>
      </c>
      <c r="I25525" s="2">
        <v>0</v>
      </c>
      <c r="J25525" s="2">
        <v>1</v>
      </c>
      <c r="K25525" s="2">
        <v>0</v>
      </c>
      <c r="L25525" t="s">
        <v>82</v>
      </c>
      <c r="M25525" t="s">
        <v>83</v>
      </c>
      <c r="N25525" t="s">
        <v>91</v>
      </c>
      <c r="O25525" t="s">
        <v>85</v>
      </c>
      <c r="P25525" t="s">
        <v>86</v>
      </c>
      <c r="Q25525">
        <v>17</v>
      </c>
      <c r="R25525">
        <v>17</v>
      </c>
      <c r="S25525">
        <v>18</v>
      </c>
      <c r="T25525">
        <v>18</v>
      </c>
      <c r="U25525">
        <v>19</v>
      </c>
      <c r="V25525">
        <v>19</v>
      </c>
      <c r="W25525">
        <v>20</v>
      </c>
      <c r="X25525">
        <v>20</v>
      </c>
      <c r="Y25525">
        <v>20</v>
      </c>
      <c r="Z25525">
        <v>21</v>
      </c>
      <c r="AA25525">
        <v>21</v>
      </c>
      <c r="AB25525">
        <v>22</v>
      </c>
      <c r="AC25525">
        <v>22</v>
      </c>
      <c r="AD25525">
        <v>23</v>
      </c>
      <c r="AE25525">
        <v>23</v>
      </c>
      <c r="AF25525">
        <v>24</v>
      </c>
      <c r="AG25525">
        <v>24</v>
      </c>
      <c r="AH25525">
        <v>25</v>
      </c>
      <c r="AI25525">
        <v>25</v>
      </c>
      <c r="AJ25525">
        <v>26</v>
      </c>
      <c r="AK25525">
        <v>26</v>
      </c>
      <c r="AL25525">
        <v>27</v>
      </c>
      <c r="AM25525">
        <v>27</v>
      </c>
      <c r="AN25525">
        <v>27</v>
      </c>
      <c r="AO25525">
        <v>28</v>
      </c>
      <c r="AP25525">
        <v>28</v>
      </c>
      <c r="AQ25525">
        <v>28</v>
      </c>
    </row>
    <row r="25526" spans="1:43">
      <c r="A25526" t="s">
        <v>15803</v>
      </c>
      <c r="B25526" t="s">
        <v>15804</v>
      </c>
      <c r="C25526" t="s">
        <v>15801</v>
      </c>
      <c r="D25526" t="s">
        <v>15802</v>
      </c>
      <c r="E25526" t="s">
        <v>15699</v>
      </c>
      <c r="F25526" t="s">
        <v>15700</v>
      </c>
      <c r="G25526" t="s">
        <v>10734</v>
      </c>
      <c r="H25526" t="s">
        <v>10735</v>
      </c>
      <c r="I25526" s="2">
        <v>0</v>
      </c>
      <c r="J25526" s="2">
        <v>1</v>
      </c>
      <c r="K25526" s="2">
        <v>0</v>
      </c>
      <c r="L25526" t="s">
        <v>82</v>
      </c>
      <c r="M25526" t="s">
        <v>83</v>
      </c>
      <c r="N25526" t="s">
        <v>84</v>
      </c>
      <c r="O25526" t="s">
        <v>85</v>
      </c>
      <c r="P25526" t="s">
        <v>86</v>
      </c>
      <c r="Q25526">
        <v>75</v>
      </c>
      <c r="R25526">
        <v>77</v>
      </c>
      <c r="S25526">
        <v>79</v>
      </c>
      <c r="T25526">
        <v>81</v>
      </c>
      <c r="U25526">
        <v>83</v>
      </c>
      <c r="V25526">
        <v>85</v>
      </c>
      <c r="W25526">
        <v>86</v>
      </c>
      <c r="X25526">
        <v>88</v>
      </c>
      <c r="Y25526">
        <v>90</v>
      </c>
      <c r="Z25526">
        <v>92</v>
      </c>
      <c r="AA25526">
        <v>94</v>
      </c>
      <c r="AB25526">
        <v>96</v>
      </c>
      <c r="AC25526">
        <v>99</v>
      </c>
      <c r="AD25526">
        <v>101</v>
      </c>
      <c r="AE25526">
        <v>103</v>
      </c>
      <c r="AF25526">
        <v>105</v>
      </c>
      <c r="AG25526">
        <v>107</v>
      </c>
      <c r="AH25526">
        <v>109</v>
      </c>
      <c r="AI25526">
        <v>112</v>
      </c>
      <c r="AJ25526">
        <v>114</v>
      </c>
      <c r="AK25526">
        <v>116</v>
      </c>
      <c r="AL25526">
        <v>118</v>
      </c>
      <c r="AM25526">
        <v>119</v>
      </c>
      <c r="AN25526">
        <v>121</v>
      </c>
      <c r="AO25526">
        <v>122</v>
      </c>
      <c r="AP25526">
        <v>123</v>
      </c>
      <c r="AQ25526">
        <v>125</v>
      </c>
    </row>
    <row r="25527" spans="1:43">
      <c r="A25527" t="s">
        <v>15803</v>
      </c>
      <c r="B25527" t="s">
        <v>15804</v>
      </c>
      <c r="C25527" t="s">
        <v>15801</v>
      </c>
      <c r="D25527" t="s">
        <v>15802</v>
      </c>
      <c r="E25527" t="s">
        <v>15699</v>
      </c>
      <c r="F25527" t="s">
        <v>15700</v>
      </c>
      <c r="G25527" t="s">
        <v>10734</v>
      </c>
      <c r="H25527" t="s">
        <v>10735</v>
      </c>
      <c r="I25527" s="2">
        <v>0</v>
      </c>
      <c r="J25527" s="2">
        <v>1</v>
      </c>
      <c r="K25527" s="2">
        <v>0</v>
      </c>
      <c r="L25527" t="s">
        <v>82</v>
      </c>
      <c r="M25527" t="s">
        <v>87</v>
      </c>
      <c r="N25527" t="s">
        <v>88</v>
      </c>
      <c r="O25527" t="s">
        <v>85</v>
      </c>
      <c r="P25527" t="s">
        <v>86</v>
      </c>
      <c r="Q25527">
        <v>75</v>
      </c>
      <c r="R25527">
        <v>76</v>
      </c>
      <c r="S25527">
        <v>77</v>
      </c>
      <c r="T25527">
        <v>78</v>
      </c>
      <c r="U25527">
        <v>79</v>
      </c>
      <c r="V25527">
        <v>80</v>
      </c>
      <c r="W25527">
        <v>81</v>
      </c>
      <c r="X25527">
        <v>82</v>
      </c>
      <c r="Y25527">
        <v>84</v>
      </c>
      <c r="Z25527">
        <v>85</v>
      </c>
      <c r="AA25527">
        <v>86</v>
      </c>
      <c r="AB25527">
        <v>87</v>
      </c>
      <c r="AC25527">
        <v>88</v>
      </c>
      <c r="AD25527">
        <v>90</v>
      </c>
      <c r="AE25527">
        <v>91</v>
      </c>
      <c r="AF25527">
        <v>92</v>
      </c>
      <c r="AG25527">
        <v>94</v>
      </c>
      <c r="AH25527">
        <v>95</v>
      </c>
      <c r="AI25527">
        <v>96</v>
      </c>
      <c r="AJ25527">
        <v>98</v>
      </c>
      <c r="AK25527">
        <v>99</v>
      </c>
      <c r="AL25527">
        <v>101</v>
      </c>
      <c r="AM25527">
        <v>102</v>
      </c>
      <c r="AN25527">
        <v>104</v>
      </c>
      <c r="AO25527">
        <v>105</v>
      </c>
      <c r="AP25527">
        <v>107</v>
      </c>
      <c r="AQ25527">
        <v>108</v>
      </c>
    </row>
    <row r="25528" spans="1:43">
      <c r="A25528" t="s">
        <v>15803</v>
      </c>
      <c r="B25528" t="s">
        <v>15804</v>
      </c>
      <c r="C25528" t="s">
        <v>15801</v>
      </c>
      <c r="D25528" t="s">
        <v>15802</v>
      </c>
      <c r="E25528" t="s">
        <v>15699</v>
      </c>
      <c r="F25528" t="s">
        <v>15700</v>
      </c>
      <c r="G25528" t="s">
        <v>10734</v>
      </c>
      <c r="H25528" t="s">
        <v>10735</v>
      </c>
      <c r="I25528" s="2">
        <v>0</v>
      </c>
      <c r="J25528" s="2">
        <v>1</v>
      </c>
      <c r="K25528" s="2">
        <v>0</v>
      </c>
      <c r="L25528" t="s">
        <v>82</v>
      </c>
      <c r="M25528" t="s">
        <v>89</v>
      </c>
      <c r="N25528" t="s">
        <v>90</v>
      </c>
      <c r="O25528" t="s">
        <v>85</v>
      </c>
      <c r="P25528" t="s">
        <v>86</v>
      </c>
      <c r="Q25528">
        <v>75</v>
      </c>
      <c r="R25528">
        <v>78</v>
      </c>
      <c r="S25528">
        <v>80</v>
      </c>
      <c r="T25528">
        <v>83</v>
      </c>
      <c r="U25528">
        <v>85</v>
      </c>
      <c r="V25528">
        <v>87</v>
      </c>
      <c r="W25528">
        <v>90</v>
      </c>
      <c r="X25528">
        <v>92</v>
      </c>
      <c r="Y25528">
        <v>95</v>
      </c>
      <c r="Z25528">
        <v>97</v>
      </c>
      <c r="AA25528">
        <v>100</v>
      </c>
      <c r="AB25528">
        <v>102</v>
      </c>
      <c r="AC25528">
        <v>105</v>
      </c>
      <c r="AD25528">
        <v>107</v>
      </c>
      <c r="AE25528">
        <v>109</v>
      </c>
      <c r="AF25528">
        <v>110</v>
      </c>
      <c r="AG25528">
        <v>112</v>
      </c>
      <c r="AH25528">
        <v>113</v>
      </c>
      <c r="AI25528">
        <v>114</v>
      </c>
      <c r="AJ25528">
        <v>115</v>
      </c>
      <c r="AK25528">
        <v>116</v>
      </c>
      <c r="AL25528">
        <v>118</v>
      </c>
      <c r="AM25528">
        <v>119</v>
      </c>
      <c r="AN25528">
        <v>120</v>
      </c>
      <c r="AO25528">
        <v>122</v>
      </c>
      <c r="AP25528">
        <v>123</v>
      </c>
      <c r="AQ25528">
        <v>124</v>
      </c>
    </row>
    <row r="25529" spans="1:43">
      <c r="A25529" t="s">
        <v>15803</v>
      </c>
      <c r="B25529" t="s">
        <v>15804</v>
      </c>
      <c r="C25529" t="s">
        <v>15801</v>
      </c>
      <c r="D25529" t="s">
        <v>15802</v>
      </c>
      <c r="E25529" t="s">
        <v>15699</v>
      </c>
      <c r="F25529" t="s">
        <v>15700</v>
      </c>
      <c r="G25529" t="s">
        <v>10734</v>
      </c>
      <c r="H25529" t="s">
        <v>10735</v>
      </c>
      <c r="I25529" s="2">
        <v>0</v>
      </c>
      <c r="J25529" s="2">
        <v>1</v>
      </c>
      <c r="K25529" s="2">
        <v>0</v>
      </c>
      <c r="L25529" t="s">
        <v>82</v>
      </c>
      <c r="M25529" t="s">
        <v>83</v>
      </c>
      <c r="N25529" t="s">
        <v>91</v>
      </c>
      <c r="O25529" t="s">
        <v>85</v>
      </c>
      <c r="P25529" t="s">
        <v>86</v>
      </c>
      <c r="Q25529">
        <v>75</v>
      </c>
      <c r="R25529">
        <v>77</v>
      </c>
      <c r="S25529">
        <v>79</v>
      </c>
      <c r="T25529">
        <v>81</v>
      </c>
      <c r="U25529">
        <v>83</v>
      </c>
      <c r="V25529">
        <v>85</v>
      </c>
      <c r="W25529">
        <v>86</v>
      </c>
      <c r="X25529">
        <v>88</v>
      </c>
      <c r="Y25529">
        <v>90</v>
      </c>
      <c r="Z25529">
        <v>92</v>
      </c>
      <c r="AA25529">
        <v>94</v>
      </c>
      <c r="AB25529">
        <v>96</v>
      </c>
      <c r="AC25529">
        <v>99</v>
      </c>
      <c r="AD25529">
        <v>101</v>
      </c>
      <c r="AE25529">
        <v>103</v>
      </c>
      <c r="AF25529">
        <v>105</v>
      </c>
      <c r="AG25529">
        <v>107</v>
      </c>
      <c r="AH25529">
        <v>109</v>
      </c>
      <c r="AI25529">
        <v>112</v>
      </c>
      <c r="AJ25529">
        <v>114</v>
      </c>
      <c r="AK25529">
        <v>116</v>
      </c>
      <c r="AL25529">
        <v>118</v>
      </c>
      <c r="AM25529">
        <v>119</v>
      </c>
      <c r="AN25529">
        <v>121</v>
      </c>
      <c r="AO25529">
        <v>122</v>
      </c>
      <c r="AP25529">
        <v>123</v>
      </c>
      <c r="AQ25529">
        <v>125</v>
      </c>
    </row>
    <row r="25530" spans="1:43">
      <c r="A25530" t="s">
        <v>15805</v>
      </c>
      <c r="B25530" t="s">
        <v>15806</v>
      </c>
      <c r="C25530" t="s">
        <v>15801</v>
      </c>
      <c r="D25530" t="s">
        <v>15802</v>
      </c>
      <c r="E25530" t="s">
        <v>15699</v>
      </c>
      <c r="F25530" t="s">
        <v>15700</v>
      </c>
      <c r="G25530" t="s">
        <v>10734</v>
      </c>
      <c r="H25530" t="s">
        <v>10735</v>
      </c>
      <c r="I25530" s="2">
        <v>0</v>
      </c>
      <c r="J25530" s="2">
        <v>1</v>
      </c>
      <c r="K25530" s="2">
        <v>0</v>
      </c>
      <c r="L25530" t="s">
        <v>82</v>
      </c>
      <c r="M25530" t="s">
        <v>83</v>
      </c>
      <c r="N25530" t="s">
        <v>84</v>
      </c>
      <c r="O25530" t="s">
        <v>85</v>
      </c>
      <c r="P25530" t="s">
        <v>86</v>
      </c>
      <c r="Q25530">
        <v>31</v>
      </c>
      <c r="R25530">
        <v>31</v>
      </c>
      <c r="S25530">
        <v>32</v>
      </c>
      <c r="T25530">
        <v>33</v>
      </c>
      <c r="U25530">
        <v>34</v>
      </c>
      <c r="V25530">
        <v>34</v>
      </c>
      <c r="W25530">
        <v>35</v>
      </c>
      <c r="X25530">
        <v>36</v>
      </c>
      <c r="Y25530">
        <v>37</v>
      </c>
      <c r="Z25530">
        <v>38</v>
      </c>
      <c r="AA25530">
        <v>38</v>
      </c>
      <c r="AB25530">
        <v>39</v>
      </c>
      <c r="AC25530">
        <v>40</v>
      </c>
      <c r="AD25530">
        <v>41</v>
      </c>
      <c r="AE25530">
        <v>42</v>
      </c>
      <c r="AF25530">
        <v>43</v>
      </c>
      <c r="AG25530">
        <v>44</v>
      </c>
      <c r="AH25530">
        <v>44</v>
      </c>
      <c r="AI25530">
        <v>45</v>
      </c>
      <c r="AJ25530">
        <v>46</v>
      </c>
      <c r="AK25530">
        <v>47</v>
      </c>
      <c r="AL25530">
        <v>48</v>
      </c>
      <c r="AM25530">
        <v>49</v>
      </c>
      <c r="AN25530">
        <v>49</v>
      </c>
      <c r="AO25530">
        <v>50</v>
      </c>
      <c r="AP25530">
        <v>50</v>
      </c>
      <c r="AQ25530">
        <v>51</v>
      </c>
    </row>
    <row r="25531" spans="1:43">
      <c r="A25531" t="s">
        <v>15805</v>
      </c>
      <c r="B25531" t="s">
        <v>15806</v>
      </c>
      <c r="C25531" t="s">
        <v>15801</v>
      </c>
      <c r="D25531" t="s">
        <v>15802</v>
      </c>
      <c r="E25531" t="s">
        <v>15699</v>
      </c>
      <c r="F25531" t="s">
        <v>15700</v>
      </c>
      <c r="G25531" t="s">
        <v>10734</v>
      </c>
      <c r="H25531" t="s">
        <v>10735</v>
      </c>
      <c r="I25531" s="2">
        <v>0</v>
      </c>
      <c r="J25531" s="2">
        <v>1</v>
      </c>
      <c r="K25531" s="2">
        <v>0</v>
      </c>
      <c r="L25531" t="s">
        <v>82</v>
      </c>
      <c r="M25531" t="s">
        <v>87</v>
      </c>
      <c r="N25531" t="s">
        <v>88</v>
      </c>
      <c r="O25531" t="s">
        <v>85</v>
      </c>
      <c r="P25531" t="s">
        <v>86</v>
      </c>
      <c r="Q25531">
        <v>31</v>
      </c>
      <c r="R25531">
        <v>32</v>
      </c>
      <c r="S25531">
        <v>32</v>
      </c>
      <c r="T25531">
        <v>33</v>
      </c>
      <c r="U25531">
        <v>33</v>
      </c>
      <c r="V25531">
        <v>34</v>
      </c>
      <c r="W25531">
        <v>34</v>
      </c>
      <c r="X25531">
        <v>35</v>
      </c>
      <c r="Y25531">
        <v>35</v>
      </c>
      <c r="Z25531">
        <v>35</v>
      </c>
      <c r="AA25531">
        <v>36</v>
      </c>
      <c r="AB25531">
        <v>36</v>
      </c>
      <c r="AC25531">
        <v>37</v>
      </c>
      <c r="AD25531">
        <v>37</v>
      </c>
      <c r="AE25531">
        <v>38</v>
      </c>
      <c r="AF25531">
        <v>39</v>
      </c>
      <c r="AG25531">
        <v>39</v>
      </c>
      <c r="AH25531">
        <v>40</v>
      </c>
      <c r="AI25531">
        <v>40</v>
      </c>
      <c r="AJ25531">
        <v>41</v>
      </c>
      <c r="AK25531">
        <v>41</v>
      </c>
      <c r="AL25531">
        <v>42</v>
      </c>
      <c r="AM25531">
        <v>43</v>
      </c>
      <c r="AN25531">
        <v>43</v>
      </c>
      <c r="AO25531">
        <v>44</v>
      </c>
      <c r="AP25531">
        <v>44</v>
      </c>
      <c r="AQ25531">
        <v>45</v>
      </c>
    </row>
    <row r="25532" spans="1:43">
      <c r="A25532" t="s">
        <v>15805</v>
      </c>
      <c r="B25532" t="s">
        <v>15806</v>
      </c>
      <c r="C25532" t="s">
        <v>15801</v>
      </c>
      <c r="D25532" t="s">
        <v>15802</v>
      </c>
      <c r="E25532" t="s">
        <v>15699</v>
      </c>
      <c r="F25532" t="s">
        <v>15700</v>
      </c>
      <c r="G25532" t="s">
        <v>10734</v>
      </c>
      <c r="H25532" t="s">
        <v>10735</v>
      </c>
      <c r="I25532" s="2">
        <v>0</v>
      </c>
      <c r="J25532" s="2">
        <v>1</v>
      </c>
      <c r="K25532" s="2">
        <v>0</v>
      </c>
      <c r="L25532" t="s">
        <v>82</v>
      </c>
      <c r="M25532" t="s">
        <v>89</v>
      </c>
      <c r="N25532" t="s">
        <v>90</v>
      </c>
      <c r="O25532" t="s">
        <v>85</v>
      </c>
      <c r="P25532" t="s">
        <v>86</v>
      </c>
      <c r="Q25532">
        <v>31</v>
      </c>
      <c r="R25532">
        <v>32</v>
      </c>
      <c r="S25532">
        <v>33</v>
      </c>
      <c r="T25532">
        <v>34</v>
      </c>
      <c r="U25532">
        <v>35</v>
      </c>
      <c r="V25532">
        <v>36</v>
      </c>
      <c r="W25532">
        <v>37</v>
      </c>
      <c r="X25532">
        <v>38</v>
      </c>
      <c r="Y25532">
        <v>39</v>
      </c>
      <c r="Z25532">
        <v>40</v>
      </c>
      <c r="AA25532">
        <v>41</v>
      </c>
      <c r="AB25532">
        <v>42</v>
      </c>
      <c r="AC25532">
        <v>43</v>
      </c>
      <c r="AD25532">
        <v>44</v>
      </c>
      <c r="AE25532">
        <v>45</v>
      </c>
      <c r="AF25532">
        <v>45</v>
      </c>
      <c r="AG25532">
        <v>46</v>
      </c>
      <c r="AH25532">
        <v>46</v>
      </c>
      <c r="AI25532">
        <v>47</v>
      </c>
      <c r="AJ25532">
        <v>47</v>
      </c>
      <c r="AK25532">
        <v>48</v>
      </c>
      <c r="AL25532">
        <v>48</v>
      </c>
      <c r="AM25532">
        <v>49</v>
      </c>
      <c r="AN25532">
        <v>49</v>
      </c>
      <c r="AO25532">
        <v>50</v>
      </c>
      <c r="AP25532">
        <v>50</v>
      </c>
      <c r="AQ25532">
        <v>51</v>
      </c>
    </row>
    <row r="25533" spans="1:43">
      <c r="A25533" t="s">
        <v>15805</v>
      </c>
      <c r="B25533" t="s">
        <v>15806</v>
      </c>
      <c r="C25533" t="s">
        <v>15801</v>
      </c>
      <c r="D25533" t="s">
        <v>15802</v>
      </c>
      <c r="E25533" t="s">
        <v>15699</v>
      </c>
      <c r="F25533" t="s">
        <v>15700</v>
      </c>
      <c r="G25533" t="s">
        <v>10734</v>
      </c>
      <c r="H25533" t="s">
        <v>10735</v>
      </c>
      <c r="I25533" s="2">
        <v>0</v>
      </c>
      <c r="J25533" s="2">
        <v>1</v>
      </c>
      <c r="K25533" s="2">
        <v>0</v>
      </c>
      <c r="L25533" t="s">
        <v>82</v>
      </c>
      <c r="M25533" t="s">
        <v>83</v>
      </c>
      <c r="N25533" t="s">
        <v>91</v>
      </c>
      <c r="O25533" t="s">
        <v>85</v>
      </c>
      <c r="P25533" t="s">
        <v>86</v>
      </c>
      <c r="Q25533">
        <v>31</v>
      </c>
      <c r="R25533">
        <v>31</v>
      </c>
      <c r="S25533">
        <v>32</v>
      </c>
      <c r="T25533">
        <v>33</v>
      </c>
      <c r="U25533">
        <v>34</v>
      </c>
      <c r="V25533">
        <v>34</v>
      </c>
      <c r="W25533">
        <v>35</v>
      </c>
      <c r="X25533">
        <v>36</v>
      </c>
      <c r="Y25533">
        <v>37</v>
      </c>
      <c r="Z25533">
        <v>38</v>
      </c>
      <c r="AA25533">
        <v>38</v>
      </c>
      <c r="AB25533">
        <v>39</v>
      </c>
      <c r="AC25533">
        <v>40</v>
      </c>
      <c r="AD25533">
        <v>41</v>
      </c>
      <c r="AE25533">
        <v>42</v>
      </c>
      <c r="AF25533">
        <v>43</v>
      </c>
      <c r="AG25533">
        <v>44</v>
      </c>
      <c r="AH25533">
        <v>44</v>
      </c>
      <c r="AI25533">
        <v>45</v>
      </c>
      <c r="AJ25533">
        <v>46</v>
      </c>
      <c r="AK25533">
        <v>47</v>
      </c>
      <c r="AL25533">
        <v>48</v>
      </c>
      <c r="AM25533">
        <v>49</v>
      </c>
      <c r="AN25533">
        <v>49</v>
      </c>
      <c r="AO25533">
        <v>50</v>
      </c>
      <c r="AP25533">
        <v>50</v>
      </c>
      <c r="AQ25533">
        <v>51</v>
      </c>
    </row>
    <row r="25534" spans="1:43">
      <c r="A25534" t="s">
        <v>15807</v>
      </c>
      <c r="B25534" t="s">
        <v>15808</v>
      </c>
      <c r="C25534" t="s">
        <v>15779</v>
      </c>
      <c r="D25534" t="s">
        <v>15780</v>
      </c>
      <c r="E25534" t="s">
        <v>15699</v>
      </c>
      <c r="F25534" t="s">
        <v>15700</v>
      </c>
      <c r="G25534" t="s">
        <v>10734</v>
      </c>
      <c r="H25534" t="s">
        <v>10735</v>
      </c>
      <c r="I25534" s="2">
        <v>0</v>
      </c>
      <c r="J25534" s="2">
        <v>1</v>
      </c>
      <c r="K25534" s="2">
        <v>0</v>
      </c>
      <c r="L25534" t="s">
        <v>82</v>
      </c>
      <c r="M25534" t="s">
        <v>83</v>
      </c>
      <c r="N25534" t="s">
        <v>84</v>
      </c>
      <c r="O25534" t="s">
        <v>85</v>
      </c>
      <c r="P25534" t="s">
        <v>86</v>
      </c>
      <c r="Q25534">
        <v>23</v>
      </c>
      <c r="R25534">
        <v>24</v>
      </c>
      <c r="S25534">
        <v>25</v>
      </c>
      <c r="T25534">
        <v>25</v>
      </c>
      <c r="U25534">
        <v>26</v>
      </c>
      <c r="V25534">
        <v>26</v>
      </c>
      <c r="W25534">
        <v>27</v>
      </c>
      <c r="X25534">
        <v>27</v>
      </c>
      <c r="Y25534">
        <v>28</v>
      </c>
      <c r="Z25534">
        <v>29</v>
      </c>
      <c r="AA25534">
        <v>29</v>
      </c>
      <c r="AB25534">
        <v>30</v>
      </c>
      <c r="AC25534">
        <v>30</v>
      </c>
      <c r="AD25534">
        <v>31</v>
      </c>
      <c r="AE25534">
        <v>32</v>
      </c>
      <c r="AF25534">
        <v>32</v>
      </c>
      <c r="AG25534">
        <v>33</v>
      </c>
      <c r="AH25534">
        <v>34</v>
      </c>
      <c r="AI25534">
        <v>35</v>
      </c>
      <c r="AJ25534">
        <v>35</v>
      </c>
      <c r="AK25534">
        <v>36</v>
      </c>
      <c r="AL25534">
        <v>37</v>
      </c>
      <c r="AM25534">
        <v>37</v>
      </c>
      <c r="AN25534">
        <v>37</v>
      </c>
      <c r="AO25534">
        <v>38</v>
      </c>
      <c r="AP25534">
        <v>38</v>
      </c>
      <c r="AQ25534">
        <v>39</v>
      </c>
    </row>
    <row r="25535" spans="1:43">
      <c r="A25535" t="s">
        <v>15807</v>
      </c>
      <c r="B25535" t="s">
        <v>15808</v>
      </c>
      <c r="C25535" t="s">
        <v>15779</v>
      </c>
      <c r="D25535" t="s">
        <v>15780</v>
      </c>
      <c r="E25535" t="s">
        <v>15699</v>
      </c>
      <c r="F25535" t="s">
        <v>15700</v>
      </c>
      <c r="G25535" t="s">
        <v>10734</v>
      </c>
      <c r="H25535" t="s">
        <v>10735</v>
      </c>
      <c r="I25535" s="2">
        <v>0</v>
      </c>
      <c r="J25535" s="2">
        <v>1</v>
      </c>
      <c r="K25535" s="2">
        <v>0</v>
      </c>
      <c r="L25535" t="s">
        <v>82</v>
      </c>
      <c r="M25535" t="s">
        <v>87</v>
      </c>
      <c r="N25535" t="s">
        <v>88</v>
      </c>
      <c r="O25535" t="s">
        <v>85</v>
      </c>
      <c r="P25535" t="s">
        <v>86</v>
      </c>
      <c r="Q25535">
        <v>23</v>
      </c>
      <c r="R25535">
        <v>23</v>
      </c>
      <c r="S25535">
        <v>24</v>
      </c>
      <c r="T25535">
        <v>24</v>
      </c>
      <c r="U25535">
        <v>25</v>
      </c>
      <c r="V25535">
        <v>25</v>
      </c>
      <c r="W25535">
        <v>25</v>
      </c>
      <c r="X25535">
        <v>26</v>
      </c>
      <c r="Y25535">
        <v>26</v>
      </c>
      <c r="Z25535">
        <v>26</v>
      </c>
      <c r="AA25535">
        <v>27</v>
      </c>
      <c r="AB25535">
        <v>27</v>
      </c>
      <c r="AC25535">
        <v>27</v>
      </c>
      <c r="AD25535">
        <v>28</v>
      </c>
      <c r="AE25535">
        <v>28</v>
      </c>
      <c r="AF25535">
        <v>29</v>
      </c>
      <c r="AG25535">
        <v>29</v>
      </c>
      <c r="AH25535">
        <v>29</v>
      </c>
      <c r="AI25535">
        <v>30</v>
      </c>
      <c r="AJ25535">
        <v>30</v>
      </c>
      <c r="AK25535">
        <v>31</v>
      </c>
      <c r="AL25535">
        <v>31</v>
      </c>
      <c r="AM25535">
        <v>32</v>
      </c>
      <c r="AN25535">
        <v>32</v>
      </c>
      <c r="AO25535">
        <v>33</v>
      </c>
      <c r="AP25535">
        <v>33</v>
      </c>
      <c r="AQ25535">
        <v>33</v>
      </c>
    </row>
    <row r="25536" spans="1:43">
      <c r="A25536" t="s">
        <v>15807</v>
      </c>
      <c r="B25536" t="s">
        <v>15808</v>
      </c>
      <c r="C25536" t="s">
        <v>15779</v>
      </c>
      <c r="D25536" t="s">
        <v>15780</v>
      </c>
      <c r="E25536" t="s">
        <v>15699</v>
      </c>
      <c r="F25536" t="s">
        <v>15700</v>
      </c>
      <c r="G25536" t="s">
        <v>10734</v>
      </c>
      <c r="H25536" t="s">
        <v>10735</v>
      </c>
      <c r="I25536" s="2">
        <v>0</v>
      </c>
      <c r="J25536" s="2">
        <v>1</v>
      </c>
      <c r="K25536" s="2">
        <v>0</v>
      </c>
      <c r="L25536" t="s">
        <v>82</v>
      </c>
      <c r="M25536" t="s">
        <v>89</v>
      </c>
      <c r="N25536" t="s">
        <v>90</v>
      </c>
      <c r="O25536" t="s">
        <v>85</v>
      </c>
      <c r="P25536" t="s">
        <v>86</v>
      </c>
      <c r="Q25536">
        <v>23</v>
      </c>
      <c r="R25536">
        <v>23</v>
      </c>
      <c r="S25536">
        <v>24</v>
      </c>
      <c r="T25536">
        <v>25</v>
      </c>
      <c r="U25536">
        <v>26</v>
      </c>
      <c r="V25536">
        <v>26</v>
      </c>
      <c r="W25536">
        <v>27</v>
      </c>
      <c r="X25536">
        <v>28</v>
      </c>
      <c r="Y25536">
        <v>29</v>
      </c>
      <c r="Z25536">
        <v>29</v>
      </c>
      <c r="AA25536">
        <v>30</v>
      </c>
      <c r="AB25536">
        <v>31</v>
      </c>
      <c r="AC25536">
        <v>32</v>
      </c>
      <c r="AD25536">
        <v>32</v>
      </c>
      <c r="AE25536">
        <v>33</v>
      </c>
      <c r="AF25536">
        <v>33</v>
      </c>
      <c r="AG25536">
        <v>34</v>
      </c>
      <c r="AH25536">
        <v>34</v>
      </c>
      <c r="AI25536">
        <v>35</v>
      </c>
      <c r="AJ25536">
        <v>35</v>
      </c>
      <c r="AK25536">
        <v>35</v>
      </c>
      <c r="AL25536">
        <v>36</v>
      </c>
      <c r="AM25536">
        <v>36</v>
      </c>
      <c r="AN25536">
        <v>37</v>
      </c>
      <c r="AO25536">
        <v>37</v>
      </c>
      <c r="AP25536">
        <v>38</v>
      </c>
      <c r="AQ25536">
        <v>38</v>
      </c>
    </row>
    <row r="25537" spans="1:43">
      <c r="A25537" t="s">
        <v>15807</v>
      </c>
      <c r="B25537" t="s">
        <v>15808</v>
      </c>
      <c r="C25537" t="s">
        <v>15779</v>
      </c>
      <c r="D25537" t="s">
        <v>15780</v>
      </c>
      <c r="E25537" t="s">
        <v>15699</v>
      </c>
      <c r="F25537" t="s">
        <v>15700</v>
      </c>
      <c r="G25537" t="s">
        <v>10734</v>
      </c>
      <c r="H25537" t="s">
        <v>10735</v>
      </c>
      <c r="I25537" s="2">
        <v>0</v>
      </c>
      <c r="J25537" s="2">
        <v>1</v>
      </c>
      <c r="K25537" s="2">
        <v>0</v>
      </c>
      <c r="L25537" t="s">
        <v>82</v>
      </c>
      <c r="M25537" t="s">
        <v>83</v>
      </c>
      <c r="N25537" t="s">
        <v>91</v>
      </c>
      <c r="O25537" t="s">
        <v>85</v>
      </c>
      <c r="P25537" t="s">
        <v>86</v>
      </c>
      <c r="Q25537">
        <v>23</v>
      </c>
      <c r="R25537">
        <v>24</v>
      </c>
      <c r="S25537">
        <v>25</v>
      </c>
      <c r="T25537">
        <v>25</v>
      </c>
      <c r="U25537">
        <v>26</v>
      </c>
      <c r="V25537">
        <v>26</v>
      </c>
      <c r="W25537">
        <v>27</v>
      </c>
      <c r="X25537">
        <v>27</v>
      </c>
      <c r="Y25537">
        <v>28</v>
      </c>
      <c r="Z25537">
        <v>29</v>
      </c>
      <c r="AA25537">
        <v>29</v>
      </c>
      <c r="AB25537">
        <v>30</v>
      </c>
      <c r="AC25537">
        <v>30</v>
      </c>
      <c r="AD25537">
        <v>31</v>
      </c>
      <c r="AE25537">
        <v>32</v>
      </c>
      <c r="AF25537">
        <v>32</v>
      </c>
      <c r="AG25537">
        <v>33</v>
      </c>
      <c r="AH25537">
        <v>34</v>
      </c>
      <c r="AI25537">
        <v>35</v>
      </c>
      <c r="AJ25537">
        <v>35</v>
      </c>
      <c r="AK25537">
        <v>36</v>
      </c>
      <c r="AL25537">
        <v>37</v>
      </c>
      <c r="AM25537">
        <v>37</v>
      </c>
      <c r="AN25537">
        <v>37</v>
      </c>
      <c r="AO25537">
        <v>38</v>
      </c>
      <c r="AP25537">
        <v>38</v>
      </c>
      <c r="AQ25537">
        <v>39</v>
      </c>
    </row>
    <row r="25538" spans="1:43">
      <c r="A25538" t="s">
        <v>15809</v>
      </c>
      <c r="B25538" t="s">
        <v>15810</v>
      </c>
      <c r="C25538" t="s">
        <v>15779</v>
      </c>
      <c r="D25538" t="s">
        <v>15780</v>
      </c>
      <c r="E25538" t="s">
        <v>15699</v>
      </c>
      <c r="F25538" t="s">
        <v>15700</v>
      </c>
      <c r="G25538" t="s">
        <v>10734</v>
      </c>
      <c r="H25538" t="s">
        <v>10735</v>
      </c>
      <c r="I25538" s="2">
        <v>0</v>
      </c>
      <c r="J25538" s="2">
        <v>1</v>
      </c>
      <c r="K25538" s="2">
        <v>0</v>
      </c>
      <c r="L25538" t="s">
        <v>82</v>
      </c>
      <c r="M25538" t="s">
        <v>83</v>
      </c>
      <c r="N25538" t="s">
        <v>84</v>
      </c>
      <c r="O25538" t="s">
        <v>85</v>
      </c>
      <c r="P25538" t="s">
        <v>86</v>
      </c>
      <c r="Q25538">
        <v>17</v>
      </c>
      <c r="R25538">
        <v>17</v>
      </c>
      <c r="S25538">
        <v>18</v>
      </c>
      <c r="T25538">
        <v>18</v>
      </c>
      <c r="U25538">
        <v>19</v>
      </c>
      <c r="V25538">
        <v>19</v>
      </c>
      <c r="W25538">
        <v>19</v>
      </c>
      <c r="X25538">
        <v>20</v>
      </c>
      <c r="Y25538">
        <v>20</v>
      </c>
      <c r="Z25538">
        <v>21</v>
      </c>
      <c r="AA25538">
        <v>21</v>
      </c>
      <c r="AB25538">
        <v>22</v>
      </c>
      <c r="AC25538">
        <v>22</v>
      </c>
      <c r="AD25538">
        <v>23</v>
      </c>
      <c r="AE25538">
        <v>23</v>
      </c>
      <c r="AF25538">
        <v>23</v>
      </c>
      <c r="AG25538">
        <v>24</v>
      </c>
      <c r="AH25538">
        <v>24</v>
      </c>
      <c r="AI25538">
        <v>25</v>
      </c>
      <c r="AJ25538">
        <v>25</v>
      </c>
      <c r="AK25538">
        <v>26</v>
      </c>
      <c r="AL25538">
        <v>26</v>
      </c>
      <c r="AM25538">
        <v>27</v>
      </c>
      <c r="AN25538">
        <v>27</v>
      </c>
      <c r="AO25538">
        <v>27</v>
      </c>
      <c r="AP25538">
        <v>28</v>
      </c>
      <c r="AQ25538">
        <v>28</v>
      </c>
    </row>
    <row r="25539" spans="1:43">
      <c r="A25539" t="s">
        <v>15809</v>
      </c>
      <c r="B25539" t="s">
        <v>15810</v>
      </c>
      <c r="C25539" t="s">
        <v>15779</v>
      </c>
      <c r="D25539" t="s">
        <v>15780</v>
      </c>
      <c r="E25539" t="s">
        <v>15699</v>
      </c>
      <c r="F25539" t="s">
        <v>15700</v>
      </c>
      <c r="G25539" t="s">
        <v>10734</v>
      </c>
      <c r="H25539" t="s">
        <v>10735</v>
      </c>
      <c r="I25539" s="2">
        <v>0</v>
      </c>
      <c r="J25539" s="2">
        <v>1</v>
      </c>
      <c r="K25539" s="2">
        <v>0</v>
      </c>
      <c r="L25539" t="s">
        <v>82</v>
      </c>
      <c r="M25539" t="s">
        <v>87</v>
      </c>
      <c r="N25539" t="s">
        <v>88</v>
      </c>
      <c r="O25539" t="s">
        <v>85</v>
      </c>
      <c r="P25539" t="s">
        <v>86</v>
      </c>
      <c r="Q25539">
        <v>17</v>
      </c>
      <c r="R25539">
        <v>17</v>
      </c>
      <c r="S25539">
        <v>17</v>
      </c>
      <c r="T25539">
        <v>17</v>
      </c>
      <c r="U25539">
        <v>18</v>
      </c>
      <c r="V25539">
        <v>18</v>
      </c>
      <c r="W25539">
        <v>18</v>
      </c>
      <c r="X25539">
        <v>18</v>
      </c>
      <c r="Y25539">
        <v>19</v>
      </c>
      <c r="Z25539">
        <v>19</v>
      </c>
      <c r="AA25539">
        <v>19</v>
      </c>
      <c r="AB25539">
        <v>20</v>
      </c>
      <c r="AC25539">
        <v>20</v>
      </c>
      <c r="AD25539">
        <v>20</v>
      </c>
      <c r="AE25539">
        <v>20</v>
      </c>
      <c r="AF25539">
        <v>21</v>
      </c>
      <c r="AG25539">
        <v>21</v>
      </c>
      <c r="AH25539">
        <v>21</v>
      </c>
      <c r="AI25539">
        <v>22</v>
      </c>
      <c r="AJ25539">
        <v>22</v>
      </c>
      <c r="AK25539">
        <v>22</v>
      </c>
      <c r="AL25539">
        <v>22</v>
      </c>
      <c r="AM25539">
        <v>23</v>
      </c>
      <c r="AN25539">
        <v>23</v>
      </c>
      <c r="AO25539">
        <v>24</v>
      </c>
      <c r="AP25539">
        <v>24</v>
      </c>
      <c r="AQ25539">
        <v>24</v>
      </c>
    </row>
    <row r="25540" spans="1:43">
      <c r="A25540" t="s">
        <v>15809</v>
      </c>
      <c r="B25540" t="s">
        <v>15810</v>
      </c>
      <c r="C25540" t="s">
        <v>15779</v>
      </c>
      <c r="D25540" t="s">
        <v>15780</v>
      </c>
      <c r="E25540" t="s">
        <v>15699</v>
      </c>
      <c r="F25540" t="s">
        <v>15700</v>
      </c>
      <c r="G25540" t="s">
        <v>10734</v>
      </c>
      <c r="H25540" t="s">
        <v>10735</v>
      </c>
      <c r="I25540" s="2">
        <v>0</v>
      </c>
      <c r="J25540" s="2">
        <v>1</v>
      </c>
      <c r="K25540" s="2">
        <v>0</v>
      </c>
      <c r="L25540" t="s">
        <v>82</v>
      </c>
      <c r="M25540" t="s">
        <v>89</v>
      </c>
      <c r="N25540" t="s">
        <v>90</v>
      </c>
      <c r="O25540" t="s">
        <v>85</v>
      </c>
      <c r="P25540" t="s">
        <v>86</v>
      </c>
      <c r="Q25540">
        <v>17</v>
      </c>
      <c r="R25540">
        <v>18</v>
      </c>
      <c r="S25540">
        <v>18</v>
      </c>
      <c r="T25540">
        <v>19</v>
      </c>
      <c r="U25540">
        <v>19</v>
      </c>
      <c r="V25540">
        <v>20</v>
      </c>
      <c r="W25540">
        <v>20</v>
      </c>
      <c r="X25540">
        <v>21</v>
      </c>
      <c r="Y25540">
        <v>21</v>
      </c>
      <c r="Z25540">
        <v>22</v>
      </c>
      <c r="AA25540">
        <v>23</v>
      </c>
      <c r="AB25540">
        <v>23</v>
      </c>
      <c r="AC25540">
        <v>24</v>
      </c>
      <c r="AD25540">
        <v>24</v>
      </c>
      <c r="AE25540">
        <v>25</v>
      </c>
      <c r="AF25540">
        <v>25</v>
      </c>
      <c r="AG25540">
        <v>25</v>
      </c>
      <c r="AH25540">
        <v>25</v>
      </c>
      <c r="AI25540">
        <v>26</v>
      </c>
      <c r="AJ25540">
        <v>26</v>
      </c>
      <c r="AK25540">
        <v>26</v>
      </c>
      <c r="AL25540">
        <v>27</v>
      </c>
      <c r="AM25540">
        <v>27</v>
      </c>
      <c r="AN25540">
        <v>27</v>
      </c>
      <c r="AO25540">
        <v>28</v>
      </c>
      <c r="AP25540">
        <v>28</v>
      </c>
      <c r="AQ25540">
        <v>28</v>
      </c>
    </row>
    <row r="25541" spans="1:43">
      <c r="A25541" t="s">
        <v>15809</v>
      </c>
      <c r="B25541" t="s">
        <v>15810</v>
      </c>
      <c r="C25541" t="s">
        <v>15779</v>
      </c>
      <c r="D25541" t="s">
        <v>15780</v>
      </c>
      <c r="E25541" t="s">
        <v>15699</v>
      </c>
      <c r="F25541" t="s">
        <v>15700</v>
      </c>
      <c r="G25541" t="s">
        <v>10734</v>
      </c>
      <c r="H25541" t="s">
        <v>10735</v>
      </c>
      <c r="I25541" s="2">
        <v>0</v>
      </c>
      <c r="J25541" s="2">
        <v>1</v>
      </c>
      <c r="K25541" s="2">
        <v>0</v>
      </c>
      <c r="L25541" t="s">
        <v>82</v>
      </c>
      <c r="M25541" t="s">
        <v>83</v>
      </c>
      <c r="N25541" t="s">
        <v>91</v>
      </c>
      <c r="O25541" t="s">
        <v>85</v>
      </c>
      <c r="P25541" t="s">
        <v>86</v>
      </c>
      <c r="Q25541">
        <v>17</v>
      </c>
      <c r="R25541">
        <v>17</v>
      </c>
      <c r="S25541">
        <v>18</v>
      </c>
      <c r="T25541">
        <v>18</v>
      </c>
      <c r="U25541">
        <v>19</v>
      </c>
      <c r="V25541">
        <v>19</v>
      </c>
      <c r="W25541">
        <v>19</v>
      </c>
      <c r="X25541">
        <v>20</v>
      </c>
      <c r="Y25541">
        <v>20</v>
      </c>
      <c r="Z25541">
        <v>21</v>
      </c>
      <c r="AA25541">
        <v>21</v>
      </c>
      <c r="AB25541">
        <v>22</v>
      </c>
      <c r="AC25541">
        <v>22</v>
      </c>
      <c r="AD25541">
        <v>23</v>
      </c>
      <c r="AE25541">
        <v>23</v>
      </c>
      <c r="AF25541">
        <v>23</v>
      </c>
      <c r="AG25541">
        <v>24</v>
      </c>
      <c r="AH25541">
        <v>24</v>
      </c>
      <c r="AI25541">
        <v>25</v>
      </c>
      <c r="AJ25541">
        <v>25</v>
      </c>
      <c r="AK25541">
        <v>26</v>
      </c>
      <c r="AL25541">
        <v>26</v>
      </c>
      <c r="AM25541">
        <v>27</v>
      </c>
      <c r="AN25541">
        <v>27</v>
      </c>
      <c r="AO25541">
        <v>27</v>
      </c>
      <c r="AP25541">
        <v>28</v>
      </c>
      <c r="AQ25541">
        <v>28</v>
      </c>
    </row>
    <row r="25542" spans="1:43">
      <c r="A25542" t="s">
        <v>15811</v>
      </c>
      <c r="B25542" t="s">
        <v>15812</v>
      </c>
      <c r="C25542" t="s">
        <v>15801</v>
      </c>
      <c r="D25542" t="s">
        <v>15802</v>
      </c>
      <c r="E25542" t="s">
        <v>15699</v>
      </c>
      <c r="F25542" t="s">
        <v>15700</v>
      </c>
      <c r="G25542" t="s">
        <v>10734</v>
      </c>
      <c r="H25542" t="s">
        <v>10735</v>
      </c>
      <c r="I25542" s="2">
        <v>0</v>
      </c>
      <c r="J25542" s="2">
        <v>1</v>
      </c>
      <c r="K25542" s="2">
        <v>0</v>
      </c>
      <c r="L25542" t="s">
        <v>82</v>
      </c>
      <c r="M25542" t="s">
        <v>83</v>
      </c>
      <c r="N25542" t="s">
        <v>84</v>
      </c>
      <c r="O25542" t="s">
        <v>85</v>
      </c>
      <c r="P25542" t="s">
        <v>86</v>
      </c>
      <c r="Q25542">
        <v>17</v>
      </c>
      <c r="R25542">
        <v>17</v>
      </c>
      <c r="S25542">
        <v>17</v>
      </c>
      <c r="T25542">
        <v>18</v>
      </c>
      <c r="U25542">
        <v>18</v>
      </c>
      <c r="V25542">
        <v>19</v>
      </c>
      <c r="W25542">
        <v>19</v>
      </c>
      <c r="X25542">
        <v>19</v>
      </c>
      <c r="Y25542">
        <v>20</v>
      </c>
      <c r="Z25542">
        <v>20</v>
      </c>
      <c r="AA25542">
        <v>21</v>
      </c>
      <c r="AB25542">
        <v>21</v>
      </c>
      <c r="AC25542">
        <v>22</v>
      </c>
      <c r="AD25542">
        <v>22</v>
      </c>
      <c r="AE25542">
        <v>22</v>
      </c>
      <c r="AF25542">
        <v>23</v>
      </c>
      <c r="AG25542">
        <v>23</v>
      </c>
      <c r="AH25542">
        <v>24</v>
      </c>
      <c r="AI25542">
        <v>24</v>
      </c>
      <c r="AJ25542">
        <v>25</v>
      </c>
      <c r="AK25542">
        <v>25</v>
      </c>
      <c r="AL25542">
        <v>26</v>
      </c>
      <c r="AM25542">
        <v>26</v>
      </c>
      <c r="AN25542">
        <v>26</v>
      </c>
      <c r="AO25542">
        <v>27</v>
      </c>
      <c r="AP25542">
        <v>27</v>
      </c>
      <c r="AQ25542">
        <v>27</v>
      </c>
    </row>
    <row r="25543" spans="1:43">
      <c r="A25543" t="s">
        <v>15811</v>
      </c>
      <c r="B25543" t="s">
        <v>15812</v>
      </c>
      <c r="C25543" t="s">
        <v>15801</v>
      </c>
      <c r="D25543" t="s">
        <v>15802</v>
      </c>
      <c r="E25543" t="s">
        <v>15699</v>
      </c>
      <c r="F25543" t="s">
        <v>15700</v>
      </c>
      <c r="G25543" t="s">
        <v>10734</v>
      </c>
      <c r="H25543" t="s">
        <v>10735</v>
      </c>
      <c r="I25543" s="2">
        <v>0</v>
      </c>
      <c r="J25543" s="2">
        <v>1</v>
      </c>
      <c r="K25543" s="2">
        <v>0</v>
      </c>
      <c r="L25543" t="s">
        <v>82</v>
      </c>
      <c r="M25543" t="s">
        <v>87</v>
      </c>
      <c r="N25543" t="s">
        <v>88</v>
      </c>
      <c r="O25543" t="s">
        <v>85</v>
      </c>
      <c r="P25543" t="s">
        <v>86</v>
      </c>
      <c r="Q25543">
        <v>17</v>
      </c>
      <c r="R25543">
        <v>18</v>
      </c>
      <c r="S25543">
        <v>18</v>
      </c>
      <c r="T25543">
        <v>18</v>
      </c>
      <c r="U25543">
        <v>18</v>
      </c>
      <c r="V25543">
        <v>19</v>
      </c>
      <c r="W25543">
        <v>19</v>
      </c>
      <c r="X25543">
        <v>19</v>
      </c>
      <c r="Y25543">
        <v>19</v>
      </c>
      <c r="Z25543">
        <v>20</v>
      </c>
      <c r="AA25543">
        <v>20</v>
      </c>
      <c r="AB25543">
        <v>20</v>
      </c>
      <c r="AC25543">
        <v>20</v>
      </c>
      <c r="AD25543">
        <v>21</v>
      </c>
      <c r="AE25543">
        <v>21</v>
      </c>
      <c r="AF25543">
        <v>21</v>
      </c>
      <c r="AG25543">
        <v>21</v>
      </c>
      <c r="AH25543">
        <v>22</v>
      </c>
      <c r="AI25543">
        <v>22</v>
      </c>
      <c r="AJ25543">
        <v>22</v>
      </c>
      <c r="AK25543">
        <v>23</v>
      </c>
      <c r="AL25543">
        <v>23</v>
      </c>
      <c r="AM25543">
        <v>23</v>
      </c>
      <c r="AN25543">
        <v>24</v>
      </c>
      <c r="AO25543">
        <v>24</v>
      </c>
      <c r="AP25543">
        <v>24</v>
      </c>
      <c r="AQ25543">
        <v>25</v>
      </c>
    </row>
    <row r="25544" spans="1:43">
      <c r="A25544" t="s">
        <v>15811</v>
      </c>
      <c r="B25544" t="s">
        <v>15812</v>
      </c>
      <c r="C25544" t="s">
        <v>15801</v>
      </c>
      <c r="D25544" t="s">
        <v>15802</v>
      </c>
      <c r="E25544" t="s">
        <v>15699</v>
      </c>
      <c r="F25544" t="s">
        <v>15700</v>
      </c>
      <c r="G25544" t="s">
        <v>10734</v>
      </c>
      <c r="H25544" t="s">
        <v>10735</v>
      </c>
      <c r="I25544" s="2">
        <v>0</v>
      </c>
      <c r="J25544" s="2">
        <v>1</v>
      </c>
      <c r="K25544" s="2">
        <v>0</v>
      </c>
      <c r="L25544" t="s">
        <v>82</v>
      </c>
      <c r="M25544" t="s">
        <v>89</v>
      </c>
      <c r="N25544" t="s">
        <v>90</v>
      </c>
      <c r="O25544" t="s">
        <v>85</v>
      </c>
      <c r="P25544" t="s">
        <v>86</v>
      </c>
      <c r="Q25544">
        <v>17</v>
      </c>
      <c r="R25544">
        <v>17</v>
      </c>
      <c r="S25544">
        <v>18</v>
      </c>
      <c r="T25544">
        <v>18</v>
      </c>
      <c r="U25544">
        <v>19</v>
      </c>
      <c r="V25544">
        <v>19</v>
      </c>
      <c r="W25544">
        <v>20</v>
      </c>
      <c r="X25544">
        <v>20</v>
      </c>
      <c r="Y25544">
        <v>21</v>
      </c>
      <c r="Z25544">
        <v>22</v>
      </c>
      <c r="AA25544">
        <v>22</v>
      </c>
      <c r="AB25544">
        <v>23</v>
      </c>
      <c r="AC25544">
        <v>23</v>
      </c>
      <c r="AD25544">
        <v>24</v>
      </c>
      <c r="AE25544">
        <v>24</v>
      </c>
      <c r="AF25544">
        <v>24</v>
      </c>
      <c r="AG25544">
        <v>25</v>
      </c>
      <c r="AH25544">
        <v>25</v>
      </c>
      <c r="AI25544">
        <v>25</v>
      </c>
      <c r="AJ25544">
        <v>26</v>
      </c>
      <c r="AK25544">
        <v>26</v>
      </c>
      <c r="AL25544">
        <v>26</v>
      </c>
      <c r="AM25544">
        <v>26</v>
      </c>
      <c r="AN25544">
        <v>27</v>
      </c>
      <c r="AO25544">
        <v>27</v>
      </c>
      <c r="AP25544">
        <v>27</v>
      </c>
      <c r="AQ25544">
        <v>28</v>
      </c>
    </row>
    <row r="25545" spans="1:43">
      <c r="A25545" t="s">
        <v>15811</v>
      </c>
      <c r="B25545" t="s">
        <v>15812</v>
      </c>
      <c r="C25545" t="s">
        <v>15801</v>
      </c>
      <c r="D25545" t="s">
        <v>15802</v>
      </c>
      <c r="E25545" t="s">
        <v>15699</v>
      </c>
      <c r="F25545" t="s">
        <v>15700</v>
      </c>
      <c r="G25545" t="s">
        <v>10734</v>
      </c>
      <c r="H25545" t="s">
        <v>10735</v>
      </c>
      <c r="I25545" s="2">
        <v>0</v>
      </c>
      <c r="J25545" s="2">
        <v>1</v>
      </c>
      <c r="K25545" s="2">
        <v>0</v>
      </c>
      <c r="L25545" t="s">
        <v>82</v>
      </c>
      <c r="M25545" t="s">
        <v>83</v>
      </c>
      <c r="N25545" t="s">
        <v>91</v>
      </c>
      <c r="O25545" t="s">
        <v>85</v>
      </c>
      <c r="P25545" t="s">
        <v>86</v>
      </c>
      <c r="Q25545">
        <v>17</v>
      </c>
      <c r="R25545">
        <v>17</v>
      </c>
      <c r="S25545">
        <v>17</v>
      </c>
      <c r="T25545">
        <v>18</v>
      </c>
      <c r="U25545">
        <v>18</v>
      </c>
      <c r="V25545">
        <v>19</v>
      </c>
      <c r="W25545">
        <v>19</v>
      </c>
      <c r="X25545">
        <v>19</v>
      </c>
      <c r="Y25545">
        <v>20</v>
      </c>
      <c r="Z25545">
        <v>20</v>
      </c>
      <c r="AA25545">
        <v>21</v>
      </c>
      <c r="AB25545">
        <v>21</v>
      </c>
      <c r="AC25545">
        <v>22</v>
      </c>
      <c r="AD25545">
        <v>22</v>
      </c>
      <c r="AE25545">
        <v>22</v>
      </c>
      <c r="AF25545">
        <v>23</v>
      </c>
      <c r="AG25545">
        <v>23</v>
      </c>
      <c r="AH25545">
        <v>24</v>
      </c>
      <c r="AI25545">
        <v>24</v>
      </c>
      <c r="AJ25545">
        <v>25</v>
      </c>
      <c r="AK25545">
        <v>25</v>
      </c>
      <c r="AL25545">
        <v>26</v>
      </c>
      <c r="AM25545">
        <v>26</v>
      </c>
      <c r="AN25545">
        <v>26</v>
      </c>
      <c r="AO25545">
        <v>27</v>
      </c>
      <c r="AP25545">
        <v>27</v>
      </c>
      <c r="AQ25545">
        <v>27</v>
      </c>
    </row>
    <row r="25546" spans="1:43">
      <c r="A25546" t="s">
        <v>15813</v>
      </c>
      <c r="B25546" t="s">
        <v>15814</v>
      </c>
      <c r="C25546" t="s">
        <v>15815</v>
      </c>
      <c r="D25546" t="s">
        <v>15816</v>
      </c>
      <c r="E25546" t="s">
        <v>15699</v>
      </c>
      <c r="F25546" t="s">
        <v>15700</v>
      </c>
      <c r="G25546" t="s">
        <v>10734</v>
      </c>
      <c r="H25546" t="s">
        <v>10735</v>
      </c>
      <c r="I25546" s="2">
        <v>0</v>
      </c>
      <c r="J25546" s="2">
        <v>1</v>
      </c>
      <c r="K25546" s="2">
        <v>0</v>
      </c>
      <c r="L25546" t="s">
        <v>82</v>
      </c>
      <c r="M25546" t="s">
        <v>83</v>
      </c>
      <c r="N25546" t="s">
        <v>84</v>
      </c>
      <c r="O25546" t="s">
        <v>85</v>
      </c>
      <c r="P25546" t="s">
        <v>86</v>
      </c>
      <c r="Q25546">
        <v>57</v>
      </c>
      <c r="R25546">
        <v>59</v>
      </c>
      <c r="S25546">
        <v>60</v>
      </c>
      <c r="T25546">
        <v>62</v>
      </c>
      <c r="U25546">
        <v>63</v>
      </c>
      <c r="V25546">
        <v>64</v>
      </c>
      <c r="W25546">
        <v>66</v>
      </c>
      <c r="X25546">
        <v>67</v>
      </c>
      <c r="Y25546">
        <v>69</v>
      </c>
      <c r="Z25546">
        <v>70</v>
      </c>
      <c r="AA25546">
        <v>72</v>
      </c>
      <c r="AB25546">
        <v>73</v>
      </c>
      <c r="AC25546">
        <v>75</v>
      </c>
      <c r="AD25546">
        <v>76</v>
      </c>
      <c r="AE25546">
        <v>78</v>
      </c>
      <c r="AF25546">
        <v>80</v>
      </c>
      <c r="AG25546">
        <v>81</v>
      </c>
      <c r="AH25546">
        <v>83</v>
      </c>
      <c r="AI25546">
        <v>85</v>
      </c>
      <c r="AJ25546">
        <v>87</v>
      </c>
      <c r="AK25546">
        <v>88</v>
      </c>
      <c r="AL25546">
        <v>90</v>
      </c>
      <c r="AM25546">
        <v>91</v>
      </c>
      <c r="AN25546">
        <v>92</v>
      </c>
      <c r="AO25546">
        <v>93</v>
      </c>
      <c r="AP25546">
        <v>94</v>
      </c>
      <c r="AQ25546">
        <v>95</v>
      </c>
    </row>
    <row r="25547" spans="1:43">
      <c r="A25547" t="s">
        <v>15813</v>
      </c>
      <c r="B25547" t="s">
        <v>15814</v>
      </c>
      <c r="C25547" t="s">
        <v>15815</v>
      </c>
      <c r="D25547" t="s">
        <v>15816</v>
      </c>
      <c r="E25547" t="s">
        <v>15699</v>
      </c>
      <c r="F25547" t="s">
        <v>15700</v>
      </c>
      <c r="G25547" t="s">
        <v>10734</v>
      </c>
      <c r="H25547" t="s">
        <v>10735</v>
      </c>
      <c r="I25547" s="2">
        <v>0</v>
      </c>
      <c r="J25547" s="2">
        <v>1</v>
      </c>
      <c r="K25547" s="2">
        <v>0</v>
      </c>
      <c r="L25547" t="s">
        <v>82</v>
      </c>
      <c r="M25547" t="s">
        <v>87</v>
      </c>
      <c r="N25547" t="s">
        <v>88</v>
      </c>
      <c r="O25547" t="s">
        <v>85</v>
      </c>
      <c r="P25547" t="s">
        <v>86</v>
      </c>
      <c r="Q25547">
        <v>57</v>
      </c>
      <c r="R25547">
        <v>58</v>
      </c>
      <c r="S25547">
        <v>58</v>
      </c>
      <c r="T25547">
        <v>59</v>
      </c>
      <c r="U25547">
        <v>60</v>
      </c>
      <c r="V25547">
        <v>61</v>
      </c>
      <c r="W25547">
        <v>62</v>
      </c>
      <c r="X25547">
        <v>63</v>
      </c>
      <c r="Y25547">
        <v>64</v>
      </c>
      <c r="Z25547">
        <v>64</v>
      </c>
      <c r="AA25547">
        <v>65</v>
      </c>
      <c r="AB25547">
        <v>66</v>
      </c>
      <c r="AC25547">
        <v>67</v>
      </c>
      <c r="AD25547">
        <v>68</v>
      </c>
      <c r="AE25547">
        <v>69</v>
      </c>
      <c r="AF25547">
        <v>70</v>
      </c>
      <c r="AG25547">
        <v>71</v>
      </c>
      <c r="AH25547">
        <v>72</v>
      </c>
      <c r="AI25547">
        <v>73</v>
      </c>
      <c r="AJ25547">
        <v>74</v>
      </c>
      <c r="AK25547">
        <v>75</v>
      </c>
      <c r="AL25547">
        <v>76</v>
      </c>
      <c r="AM25547">
        <v>78</v>
      </c>
      <c r="AN25547">
        <v>79</v>
      </c>
      <c r="AO25547">
        <v>80</v>
      </c>
      <c r="AP25547">
        <v>81</v>
      </c>
      <c r="AQ25547">
        <v>82</v>
      </c>
    </row>
    <row r="25548" spans="1:43">
      <c r="A25548" t="s">
        <v>15813</v>
      </c>
      <c r="B25548" t="s">
        <v>15814</v>
      </c>
      <c r="C25548" t="s">
        <v>15815</v>
      </c>
      <c r="D25548" t="s">
        <v>15816</v>
      </c>
      <c r="E25548" t="s">
        <v>15699</v>
      </c>
      <c r="F25548" t="s">
        <v>15700</v>
      </c>
      <c r="G25548" t="s">
        <v>10734</v>
      </c>
      <c r="H25548" t="s">
        <v>10735</v>
      </c>
      <c r="I25548" s="2">
        <v>0</v>
      </c>
      <c r="J25548" s="2">
        <v>1</v>
      </c>
      <c r="K25548" s="2">
        <v>0</v>
      </c>
      <c r="L25548" t="s">
        <v>82</v>
      </c>
      <c r="M25548" t="s">
        <v>89</v>
      </c>
      <c r="N25548" t="s">
        <v>90</v>
      </c>
      <c r="O25548" t="s">
        <v>85</v>
      </c>
      <c r="P25548" t="s">
        <v>86</v>
      </c>
      <c r="Q25548">
        <v>57</v>
      </c>
      <c r="R25548">
        <v>59</v>
      </c>
      <c r="S25548">
        <v>61</v>
      </c>
      <c r="T25548">
        <v>63</v>
      </c>
      <c r="U25548">
        <v>64</v>
      </c>
      <c r="V25548">
        <v>66</v>
      </c>
      <c r="W25548">
        <v>68</v>
      </c>
      <c r="X25548">
        <v>70</v>
      </c>
      <c r="Y25548">
        <v>72</v>
      </c>
      <c r="Z25548">
        <v>74</v>
      </c>
      <c r="AA25548">
        <v>75</v>
      </c>
      <c r="AB25548">
        <v>77</v>
      </c>
      <c r="AC25548">
        <v>79</v>
      </c>
      <c r="AD25548">
        <v>81</v>
      </c>
      <c r="AE25548">
        <v>83</v>
      </c>
      <c r="AF25548">
        <v>84</v>
      </c>
      <c r="AG25548">
        <v>85</v>
      </c>
      <c r="AH25548">
        <v>85</v>
      </c>
      <c r="AI25548">
        <v>86</v>
      </c>
      <c r="AJ25548">
        <v>87</v>
      </c>
      <c r="AK25548">
        <v>88</v>
      </c>
      <c r="AL25548">
        <v>89</v>
      </c>
      <c r="AM25548">
        <v>90</v>
      </c>
      <c r="AN25548">
        <v>91</v>
      </c>
      <c r="AO25548">
        <v>92</v>
      </c>
      <c r="AP25548">
        <v>93</v>
      </c>
      <c r="AQ25548">
        <v>94</v>
      </c>
    </row>
    <row r="25549" spans="1:43">
      <c r="A25549" t="s">
        <v>15813</v>
      </c>
      <c r="B25549" t="s">
        <v>15814</v>
      </c>
      <c r="C25549" t="s">
        <v>15815</v>
      </c>
      <c r="D25549" t="s">
        <v>15816</v>
      </c>
      <c r="E25549" t="s">
        <v>15699</v>
      </c>
      <c r="F25549" t="s">
        <v>15700</v>
      </c>
      <c r="G25549" t="s">
        <v>10734</v>
      </c>
      <c r="H25549" t="s">
        <v>10735</v>
      </c>
      <c r="I25549" s="2">
        <v>0</v>
      </c>
      <c r="J25549" s="2">
        <v>1</v>
      </c>
      <c r="K25549" s="2">
        <v>0</v>
      </c>
      <c r="L25549" t="s">
        <v>82</v>
      </c>
      <c r="M25549" t="s">
        <v>83</v>
      </c>
      <c r="N25549" t="s">
        <v>91</v>
      </c>
      <c r="O25549" t="s">
        <v>85</v>
      </c>
      <c r="P25549" t="s">
        <v>86</v>
      </c>
      <c r="Q25549">
        <v>57</v>
      </c>
      <c r="R25549">
        <v>59</v>
      </c>
      <c r="S25549">
        <v>60</v>
      </c>
      <c r="T25549">
        <v>62</v>
      </c>
      <c r="U25549">
        <v>63</v>
      </c>
      <c r="V25549">
        <v>64</v>
      </c>
      <c r="W25549">
        <v>66</v>
      </c>
      <c r="X25549">
        <v>67</v>
      </c>
      <c r="Y25549">
        <v>69</v>
      </c>
      <c r="Z25549">
        <v>70</v>
      </c>
      <c r="AA25549">
        <v>72</v>
      </c>
      <c r="AB25549">
        <v>73</v>
      </c>
      <c r="AC25549">
        <v>75</v>
      </c>
      <c r="AD25549">
        <v>76</v>
      </c>
      <c r="AE25549">
        <v>78</v>
      </c>
      <c r="AF25549">
        <v>80</v>
      </c>
      <c r="AG25549">
        <v>81</v>
      </c>
      <c r="AH25549">
        <v>83</v>
      </c>
      <c r="AI25549">
        <v>85</v>
      </c>
      <c r="AJ25549">
        <v>87</v>
      </c>
      <c r="AK25549">
        <v>88</v>
      </c>
      <c r="AL25549">
        <v>90</v>
      </c>
      <c r="AM25549">
        <v>91</v>
      </c>
      <c r="AN25549">
        <v>92</v>
      </c>
      <c r="AO25549">
        <v>93</v>
      </c>
      <c r="AP25549">
        <v>94</v>
      </c>
      <c r="AQ25549">
        <v>95</v>
      </c>
    </row>
    <row r="25550" spans="1:43">
      <c r="A25550" t="s">
        <v>15817</v>
      </c>
      <c r="B25550" t="s">
        <v>15818</v>
      </c>
      <c r="C25550" t="s">
        <v>15815</v>
      </c>
      <c r="D25550" t="s">
        <v>15816</v>
      </c>
      <c r="E25550" t="s">
        <v>15699</v>
      </c>
      <c r="F25550" t="s">
        <v>15700</v>
      </c>
      <c r="G25550" t="s">
        <v>10734</v>
      </c>
      <c r="H25550" t="s">
        <v>10735</v>
      </c>
      <c r="I25550" s="2">
        <v>0</v>
      </c>
      <c r="J25550" s="2">
        <v>1</v>
      </c>
      <c r="K25550" s="2">
        <v>0</v>
      </c>
      <c r="L25550" t="s">
        <v>82</v>
      </c>
      <c r="M25550" t="s">
        <v>83</v>
      </c>
      <c r="N25550" t="s">
        <v>84</v>
      </c>
      <c r="O25550" t="s">
        <v>85</v>
      </c>
      <c r="P25550" t="s">
        <v>86</v>
      </c>
      <c r="Q25550">
        <v>44</v>
      </c>
      <c r="R25550">
        <v>45</v>
      </c>
      <c r="S25550">
        <v>46</v>
      </c>
      <c r="T25550">
        <v>47</v>
      </c>
      <c r="U25550">
        <v>48</v>
      </c>
      <c r="V25550">
        <v>49</v>
      </c>
      <c r="W25550">
        <v>50</v>
      </c>
      <c r="X25550">
        <v>51</v>
      </c>
      <c r="Y25550">
        <v>52</v>
      </c>
      <c r="Z25550">
        <v>54</v>
      </c>
      <c r="AA25550">
        <v>55</v>
      </c>
      <c r="AB25550">
        <v>56</v>
      </c>
      <c r="AC25550">
        <v>57</v>
      </c>
      <c r="AD25550">
        <v>58</v>
      </c>
      <c r="AE25550">
        <v>59</v>
      </c>
      <c r="AF25550">
        <v>61</v>
      </c>
      <c r="AG25550">
        <v>62</v>
      </c>
      <c r="AH25550">
        <v>63</v>
      </c>
      <c r="AI25550">
        <v>65</v>
      </c>
      <c r="AJ25550">
        <v>66</v>
      </c>
      <c r="AK25550">
        <v>67</v>
      </c>
      <c r="AL25550">
        <v>68</v>
      </c>
      <c r="AM25550">
        <v>69</v>
      </c>
      <c r="AN25550">
        <v>70</v>
      </c>
      <c r="AO25550">
        <v>71</v>
      </c>
      <c r="AP25550">
        <v>71</v>
      </c>
      <c r="AQ25550">
        <v>72</v>
      </c>
    </row>
    <row r="25551" spans="1:43">
      <c r="A25551" t="s">
        <v>15817</v>
      </c>
      <c r="B25551" t="s">
        <v>15818</v>
      </c>
      <c r="C25551" t="s">
        <v>15815</v>
      </c>
      <c r="D25551" t="s">
        <v>15816</v>
      </c>
      <c r="E25551" t="s">
        <v>15699</v>
      </c>
      <c r="F25551" t="s">
        <v>15700</v>
      </c>
      <c r="G25551" t="s">
        <v>10734</v>
      </c>
      <c r="H25551" t="s">
        <v>10735</v>
      </c>
      <c r="I25551" s="2">
        <v>0</v>
      </c>
      <c r="J25551" s="2">
        <v>1</v>
      </c>
      <c r="K25551" s="2">
        <v>0</v>
      </c>
      <c r="L25551" t="s">
        <v>82</v>
      </c>
      <c r="M25551" t="s">
        <v>87</v>
      </c>
      <c r="N25551" t="s">
        <v>88</v>
      </c>
      <c r="O25551" t="s">
        <v>85</v>
      </c>
      <c r="P25551" t="s">
        <v>86</v>
      </c>
      <c r="Q25551">
        <v>44</v>
      </c>
      <c r="R25551">
        <v>45</v>
      </c>
      <c r="S25551">
        <v>46</v>
      </c>
      <c r="T25551">
        <v>46</v>
      </c>
      <c r="U25551">
        <v>47</v>
      </c>
      <c r="V25551">
        <v>47</v>
      </c>
      <c r="W25551">
        <v>48</v>
      </c>
      <c r="X25551">
        <v>49</v>
      </c>
      <c r="Y25551">
        <v>49</v>
      </c>
      <c r="Z25551">
        <v>50</v>
      </c>
      <c r="AA25551">
        <v>51</v>
      </c>
      <c r="AB25551">
        <v>51</v>
      </c>
      <c r="AC25551">
        <v>52</v>
      </c>
      <c r="AD25551">
        <v>53</v>
      </c>
      <c r="AE25551">
        <v>54</v>
      </c>
      <c r="AF25551">
        <v>54</v>
      </c>
      <c r="AG25551">
        <v>55</v>
      </c>
      <c r="AH25551">
        <v>56</v>
      </c>
      <c r="AI25551">
        <v>57</v>
      </c>
      <c r="AJ25551">
        <v>58</v>
      </c>
      <c r="AK25551">
        <v>58</v>
      </c>
      <c r="AL25551">
        <v>59</v>
      </c>
      <c r="AM25551">
        <v>60</v>
      </c>
      <c r="AN25551">
        <v>61</v>
      </c>
      <c r="AO25551">
        <v>62</v>
      </c>
      <c r="AP25551">
        <v>63</v>
      </c>
      <c r="AQ25551">
        <v>64</v>
      </c>
    </row>
    <row r="25552" spans="1:43">
      <c r="A25552" t="s">
        <v>15817</v>
      </c>
      <c r="B25552" t="s">
        <v>15818</v>
      </c>
      <c r="C25552" t="s">
        <v>15815</v>
      </c>
      <c r="D25552" t="s">
        <v>15816</v>
      </c>
      <c r="E25552" t="s">
        <v>15699</v>
      </c>
      <c r="F25552" t="s">
        <v>15700</v>
      </c>
      <c r="G25552" t="s">
        <v>10734</v>
      </c>
      <c r="H25552" t="s">
        <v>10735</v>
      </c>
      <c r="I25552" s="2">
        <v>0</v>
      </c>
      <c r="J25552" s="2">
        <v>1</v>
      </c>
      <c r="K25552" s="2">
        <v>0</v>
      </c>
      <c r="L25552" t="s">
        <v>82</v>
      </c>
      <c r="M25552" t="s">
        <v>89</v>
      </c>
      <c r="N25552" t="s">
        <v>90</v>
      </c>
      <c r="O25552" t="s">
        <v>85</v>
      </c>
      <c r="P25552" t="s">
        <v>86</v>
      </c>
      <c r="Q25552">
        <v>44</v>
      </c>
      <c r="R25552">
        <v>46</v>
      </c>
      <c r="S25552">
        <v>47</v>
      </c>
      <c r="T25552">
        <v>48</v>
      </c>
      <c r="U25552">
        <v>50</v>
      </c>
      <c r="V25552">
        <v>51</v>
      </c>
      <c r="W25552">
        <v>53</v>
      </c>
      <c r="X25552">
        <v>54</v>
      </c>
      <c r="Y25552">
        <v>56</v>
      </c>
      <c r="Z25552">
        <v>57</v>
      </c>
      <c r="AA25552">
        <v>58</v>
      </c>
      <c r="AB25552">
        <v>60</v>
      </c>
      <c r="AC25552">
        <v>61</v>
      </c>
      <c r="AD25552">
        <v>63</v>
      </c>
      <c r="AE25552">
        <v>64</v>
      </c>
      <c r="AF25552">
        <v>64</v>
      </c>
      <c r="AG25552">
        <v>65</v>
      </c>
      <c r="AH25552">
        <v>66</v>
      </c>
      <c r="AI25552">
        <v>67</v>
      </c>
      <c r="AJ25552">
        <v>67</v>
      </c>
      <c r="AK25552">
        <v>68</v>
      </c>
      <c r="AL25552">
        <v>69</v>
      </c>
      <c r="AM25552">
        <v>70</v>
      </c>
      <c r="AN25552">
        <v>70</v>
      </c>
      <c r="AO25552">
        <v>71</v>
      </c>
      <c r="AP25552">
        <v>72</v>
      </c>
      <c r="AQ25552">
        <v>73</v>
      </c>
    </row>
    <row r="25553" spans="1:43">
      <c r="A25553" t="s">
        <v>15817</v>
      </c>
      <c r="B25553" t="s">
        <v>15818</v>
      </c>
      <c r="C25553" t="s">
        <v>15815</v>
      </c>
      <c r="D25553" t="s">
        <v>15816</v>
      </c>
      <c r="E25553" t="s">
        <v>15699</v>
      </c>
      <c r="F25553" t="s">
        <v>15700</v>
      </c>
      <c r="G25553" t="s">
        <v>10734</v>
      </c>
      <c r="H25553" t="s">
        <v>10735</v>
      </c>
      <c r="I25553" s="2">
        <v>0</v>
      </c>
      <c r="J25553" s="2">
        <v>1</v>
      </c>
      <c r="K25553" s="2">
        <v>0</v>
      </c>
      <c r="L25553" t="s">
        <v>82</v>
      </c>
      <c r="M25553" t="s">
        <v>83</v>
      </c>
      <c r="N25553" t="s">
        <v>91</v>
      </c>
      <c r="O25553" t="s">
        <v>85</v>
      </c>
      <c r="P25553" t="s">
        <v>86</v>
      </c>
      <c r="Q25553">
        <v>44</v>
      </c>
      <c r="R25553">
        <v>45</v>
      </c>
      <c r="S25553">
        <v>46</v>
      </c>
      <c r="T25553">
        <v>47</v>
      </c>
      <c r="U25553">
        <v>48</v>
      </c>
      <c r="V25553">
        <v>49</v>
      </c>
      <c r="W25553">
        <v>50</v>
      </c>
      <c r="X25553">
        <v>51</v>
      </c>
      <c r="Y25553">
        <v>52</v>
      </c>
      <c r="Z25553">
        <v>54</v>
      </c>
      <c r="AA25553">
        <v>55</v>
      </c>
      <c r="AB25553">
        <v>56</v>
      </c>
      <c r="AC25553">
        <v>57</v>
      </c>
      <c r="AD25553">
        <v>58</v>
      </c>
      <c r="AE25553">
        <v>59</v>
      </c>
      <c r="AF25553">
        <v>61</v>
      </c>
      <c r="AG25553">
        <v>62</v>
      </c>
      <c r="AH25553">
        <v>63</v>
      </c>
      <c r="AI25553">
        <v>65</v>
      </c>
      <c r="AJ25553">
        <v>66</v>
      </c>
      <c r="AK25553">
        <v>67</v>
      </c>
      <c r="AL25553">
        <v>68</v>
      </c>
      <c r="AM25553">
        <v>69</v>
      </c>
      <c r="AN25553">
        <v>70</v>
      </c>
      <c r="AO25553">
        <v>71</v>
      </c>
      <c r="AP25553">
        <v>71</v>
      </c>
      <c r="AQ25553">
        <v>72</v>
      </c>
    </row>
    <row r="25554" spans="1:43">
      <c r="A25554" t="s">
        <v>15819</v>
      </c>
      <c r="B25554" t="s">
        <v>15820</v>
      </c>
      <c r="C25554" t="s">
        <v>15815</v>
      </c>
      <c r="D25554" t="s">
        <v>15816</v>
      </c>
      <c r="E25554" t="s">
        <v>15699</v>
      </c>
      <c r="F25554" t="s">
        <v>15700</v>
      </c>
      <c r="G25554" t="s">
        <v>10734</v>
      </c>
      <c r="H25554" t="s">
        <v>10735</v>
      </c>
      <c r="I25554" s="2">
        <v>0</v>
      </c>
      <c r="J25554" s="2">
        <v>1</v>
      </c>
      <c r="K25554" s="2">
        <v>0</v>
      </c>
      <c r="L25554" t="s">
        <v>82</v>
      </c>
      <c r="M25554" t="s">
        <v>83</v>
      </c>
      <c r="N25554" t="s">
        <v>84</v>
      </c>
      <c r="O25554" t="s">
        <v>85</v>
      </c>
      <c r="P25554" t="s">
        <v>86</v>
      </c>
      <c r="Q25554">
        <v>15</v>
      </c>
      <c r="R25554">
        <v>15</v>
      </c>
      <c r="S25554">
        <v>16</v>
      </c>
      <c r="T25554">
        <v>16</v>
      </c>
      <c r="U25554">
        <v>16</v>
      </c>
      <c r="V25554">
        <v>17</v>
      </c>
      <c r="W25554">
        <v>17</v>
      </c>
      <c r="X25554">
        <v>17</v>
      </c>
      <c r="Y25554">
        <v>18</v>
      </c>
      <c r="Z25554">
        <v>18</v>
      </c>
      <c r="AA25554">
        <v>19</v>
      </c>
      <c r="AB25554">
        <v>19</v>
      </c>
      <c r="AC25554">
        <v>19</v>
      </c>
      <c r="AD25554">
        <v>20</v>
      </c>
      <c r="AE25554">
        <v>20</v>
      </c>
      <c r="AF25554">
        <v>21</v>
      </c>
      <c r="AG25554">
        <v>21</v>
      </c>
      <c r="AH25554">
        <v>22</v>
      </c>
      <c r="AI25554">
        <v>22</v>
      </c>
      <c r="AJ25554">
        <v>22</v>
      </c>
      <c r="AK25554">
        <v>23</v>
      </c>
      <c r="AL25554">
        <v>23</v>
      </c>
      <c r="AM25554">
        <v>23</v>
      </c>
      <c r="AN25554">
        <v>24</v>
      </c>
      <c r="AO25554">
        <v>24</v>
      </c>
      <c r="AP25554">
        <v>24</v>
      </c>
      <c r="AQ25554">
        <v>25</v>
      </c>
    </row>
    <row r="25555" spans="1:43">
      <c r="A25555" t="s">
        <v>15819</v>
      </c>
      <c r="B25555" t="s">
        <v>15820</v>
      </c>
      <c r="C25555" t="s">
        <v>15815</v>
      </c>
      <c r="D25555" t="s">
        <v>15816</v>
      </c>
      <c r="E25555" t="s">
        <v>15699</v>
      </c>
      <c r="F25555" t="s">
        <v>15700</v>
      </c>
      <c r="G25555" t="s">
        <v>10734</v>
      </c>
      <c r="H25555" t="s">
        <v>10735</v>
      </c>
      <c r="I25555" s="2">
        <v>0</v>
      </c>
      <c r="J25555" s="2">
        <v>1</v>
      </c>
      <c r="K25555" s="2">
        <v>0</v>
      </c>
      <c r="L25555" t="s">
        <v>82</v>
      </c>
      <c r="M25555" t="s">
        <v>87</v>
      </c>
      <c r="N25555" t="s">
        <v>88</v>
      </c>
      <c r="O25555" t="s">
        <v>85</v>
      </c>
      <c r="P25555" t="s">
        <v>86</v>
      </c>
      <c r="Q25555">
        <v>15</v>
      </c>
      <c r="R25555">
        <v>15</v>
      </c>
      <c r="S25555">
        <v>15</v>
      </c>
      <c r="T25555">
        <v>15</v>
      </c>
      <c r="U25555">
        <v>16</v>
      </c>
      <c r="V25555">
        <v>16</v>
      </c>
      <c r="W25555">
        <v>16</v>
      </c>
      <c r="X25555">
        <v>16</v>
      </c>
      <c r="Y25555">
        <v>16</v>
      </c>
      <c r="Z25555">
        <v>17</v>
      </c>
      <c r="AA25555">
        <v>17</v>
      </c>
      <c r="AB25555">
        <v>17</v>
      </c>
      <c r="AC25555">
        <v>17</v>
      </c>
      <c r="AD25555">
        <v>18</v>
      </c>
      <c r="AE25555">
        <v>18</v>
      </c>
      <c r="AF25555">
        <v>18</v>
      </c>
      <c r="AG25555">
        <v>18</v>
      </c>
      <c r="AH25555">
        <v>19</v>
      </c>
      <c r="AI25555">
        <v>19</v>
      </c>
      <c r="AJ25555">
        <v>19</v>
      </c>
      <c r="AK25555">
        <v>20</v>
      </c>
      <c r="AL25555">
        <v>20</v>
      </c>
      <c r="AM25555">
        <v>20</v>
      </c>
      <c r="AN25555">
        <v>20</v>
      </c>
      <c r="AO25555">
        <v>21</v>
      </c>
      <c r="AP25555">
        <v>21</v>
      </c>
      <c r="AQ25555">
        <v>21</v>
      </c>
    </row>
    <row r="25556" spans="1:43">
      <c r="A25556" t="s">
        <v>15819</v>
      </c>
      <c r="B25556" t="s">
        <v>15820</v>
      </c>
      <c r="C25556" t="s">
        <v>15815</v>
      </c>
      <c r="D25556" t="s">
        <v>15816</v>
      </c>
      <c r="E25556" t="s">
        <v>15699</v>
      </c>
      <c r="F25556" t="s">
        <v>15700</v>
      </c>
      <c r="G25556" t="s">
        <v>10734</v>
      </c>
      <c r="H25556" t="s">
        <v>10735</v>
      </c>
      <c r="I25556" s="2">
        <v>0</v>
      </c>
      <c r="J25556" s="2">
        <v>1</v>
      </c>
      <c r="K25556" s="2">
        <v>0</v>
      </c>
      <c r="L25556" t="s">
        <v>82</v>
      </c>
      <c r="M25556" t="s">
        <v>89</v>
      </c>
      <c r="N25556" t="s">
        <v>90</v>
      </c>
      <c r="O25556" t="s">
        <v>85</v>
      </c>
      <c r="P25556" t="s">
        <v>86</v>
      </c>
      <c r="Q25556">
        <v>15</v>
      </c>
      <c r="R25556">
        <v>15</v>
      </c>
      <c r="S25556">
        <v>16</v>
      </c>
      <c r="T25556">
        <v>16</v>
      </c>
      <c r="U25556">
        <v>17</v>
      </c>
      <c r="V25556">
        <v>17</v>
      </c>
      <c r="W25556">
        <v>18</v>
      </c>
      <c r="X25556">
        <v>18</v>
      </c>
      <c r="Y25556">
        <v>19</v>
      </c>
      <c r="Z25556">
        <v>19</v>
      </c>
      <c r="AA25556">
        <v>20</v>
      </c>
      <c r="AB25556">
        <v>20</v>
      </c>
      <c r="AC25556">
        <v>21</v>
      </c>
      <c r="AD25556">
        <v>21</v>
      </c>
      <c r="AE25556">
        <v>22</v>
      </c>
      <c r="AF25556">
        <v>22</v>
      </c>
      <c r="AG25556">
        <v>22</v>
      </c>
      <c r="AH25556">
        <v>22</v>
      </c>
      <c r="AI25556">
        <v>23</v>
      </c>
      <c r="AJ25556">
        <v>23</v>
      </c>
      <c r="AK25556">
        <v>23</v>
      </c>
      <c r="AL25556">
        <v>23</v>
      </c>
      <c r="AM25556">
        <v>24</v>
      </c>
      <c r="AN25556">
        <v>24</v>
      </c>
      <c r="AO25556">
        <v>24</v>
      </c>
      <c r="AP25556">
        <v>24</v>
      </c>
      <c r="AQ25556">
        <v>25</v>
      </c>
    </row>
    <row r="25557" spans="1:43">
      <c r="A25557" t="s">
        <v>15819</v>
      </c>
      <c r="B25557" t="s">
        <v>15820</v>
      </c>
      <c r="C25557" t="s">
        <v>15815</v>
      </c>
      <c r="D25557" t="s">
        <v>15816</v>
      </c>
      <c r="E25557" t="s">
        <v>15699</v>
      </c>
      <c r="F25557" t="s">
        <v>15700</v>
      </c>
      <c r="G25557" t="s">
        <v>10734</v>
      </c>
      <c r="H25557" t="s">
        <v>10735</v>
      </c>
      <c r="I25557" s="2">
        <v>0</v>
      </c>
      <c r="J25557" s="2">
        <v>1</v>
      </c>
      <c r="K25557" s="2">
        <v>0</v>
      </c>
      <c r="L25557" t="s">
        <v>82</v>
      </c>
      <c r="M25557" t="s">
        <v>83</v>
      </c>
      <c r="N25557" t="s">
        <v>91</v>
      </c>
      <c r="O25557" t="s">
        <v>85</v>
      </c>
      <c r="P25557" t="s">
        <v>86</v>
      </c>
      <c r="Q25557">
        <v>15</v>
      </c>
      <c r="R25557">
        <v>15</v>
      </c>
      <c r="S25557">
        <v>16</v>
      </c>
      <c r="T25557">
        <v>16</v>
      </c>
      <c r="U25557">
        <v>16</v>
      </c>
      <c r="V25557">
        <v>17</v>
      </c>
      <c r="W25557">
        <v>17</v>
      </c>
      <c r="X25557">
        <v>17</v>
      </c>
      <c r="Y25557">
        <v>18</v>
      </c>
      <c r="Z25557">
        <v>18</v>
      </c>
      <c r="AA25557">
        <v>19</v>
      </c>
      <c r="AB25557">
        <v>19</v>
      </c>
      <c r="AC25557">
        <v>19</v>
      </c>
      <c r="AD25557">
        <v>20</v>
      </c>
      <c r="AE25557">
        <v>20</v>
      </c>
      <c r="AF25557">
        <v>21</v>
      </c>
      <c r="AG25557">
        <v>21</v>
      </c>
      <c r="AH25557">
        <v>22</v>
      </c>
      <c r="AI25557">
        <v>22</v>
      </c>
      <c r="AJ25557">
        <v>22</v>
      </c>
      <c r="AK25557">
        <v>23</v>
      </c>
      <c r="AL25557">
        <v>23</v>
      </c>
      <c r="AM25557">
        <v>23</v>
      </c>
      <c r="AN25557">
        <v>24</v>
      </c>
      <c r="AO25557">
        <v>24</v>
      </c>
      <c r="AP25557">
        <v>24</v>
      </c>
      <c r="AQ25557">
        <v>25</v>
      </c>
    </row>
    <row r="25558" spans="1:43">
      <c r="A25558" t="s">
        <v>15821</v>
      </c>
      <c r="B25558" t="s">
        <v>15822</v>
      </c>
      <c r="C25558" t="s">
        <v>15815</v>
      </c>
      <c r="D25558" t="s">
        <v>15816</v>
      </c>
      <c r="E25558" t="s">
        <v>15699</v>
      </c>
      <c r="F25558" t="s">
        <v>15700</v>
      </c>
      <c r="G25558" t="s">
        <v>10734</v>
      </c>
      <c r="H25558" t="s">
        <v>10735</v>
      </c>
      <c r="I25558" s="2">
        <v>0</v>
      </c>
      <c r="J25558" s="2">
        <v>1</v>
      </c>
      <c r="K25558" s="2">
        <v>0</v>
      </c>
      <c r="L25558" t="s">
        <v>82</v>
      </c>
      <c r="M25558" t="s">
        <v>83</v>
      </c>
      <c r="N25558" t="s">
        <v>84</v>
      </c>
      <c r="O25558" t="s">
        <v>85</v>
      </c>
      <c r="P25558" t="s">
        <v>86</v>
      </c>
      <c r="Q25558">
        <v>20</v>
      </c>
      <c r="R25558">
        <v>20</v>
      </c>
      <c r="S25558">
        <v>21</v>
      </c>
      <c r="T25558">
        <v>21</v>
      </c>
      <c r="U25558">
        <v>22</v>
      </c>
      <c r="V25558">
        <v>22</v>
      </c>
      <c r="W25558">
        <v>23</v>
      </c>
      <c r="X25558">
        <v>23</v>
      </c>
      <c r="Y25558">
        <v>24</v>
      </c>
      <c r="Z25558">
        <v>24</v>
      </c>
      <c r="AA25558">
        <v>25</v>
      </c>
      <c r="AB25558">
        <v>25</v>
      </c>
      <c r="AC25558">
        <v>26</v>
      </c>
      <c r="AD25558">
        <v>26</v>
      </c>
      <c r="AE25558">
        <v>27</v>
      </c>
      <c r="AF25558">
        <v>27</v>
      </c>
      <c r="AG25558">
        <v>28</v>
      </c>
      <c r="AH25558">
        <v>29</v>
      </c>
      <c r="AI25558">
        <v>29</v>
      </c>
      <c r="AJ25558">
        <v>30</v>
      </c>
      <c r="AK25558">
        <v>30</v>
      </c>
      <c r="AL25558">
        <v>31</v>
      </c>
      <c r="AM25558">
        <v>31</v>
      </c>
      <c r="AN25558">
        <v>31</v>
      </c>
      <c r="AO25558">
        <v>32</v>
      </c>
      <c r="AP25558">
        <v>32</v>
      </c>
      <c r="AQ25558">
        <v>33</v>
      </c>
    </row>
    <row r="25559" spans="1:43">
      <c r="A25559" t="s">
        <v>15821</v>
      </c>
      <c r="B25559" t="s">
        <v>15822</v>
      </c>
      <c r="C25559" t="s">
        <v>15815</v>
      </c>
      <c r="D25559" t="s">
        <v>15816</v>
      </c>
      <c r="E25559" t="s">
        <v>15699</v>
      </c>
      <c r="F25559" t="s">
        <v>15700</v>
      </c>
      <c r="G25559" t="s">
        <v>10734</v>
      </c>
      <c r="H25559" t="s">
        <v>10735</v>
      </c>
      <c r="I25559" s="2">
        <v>0</v>
      </c>
      <c r="J25559" s="2">
        <v>1</v>
      </c>
      <c r="K25559" s="2">
        <v>0</v>
      </c>
      <c r="L25559" t="s">
        <v>82</v>
      </c>
      <c r="M25559" t="s">
        <v>87</v>
      </c>
      <c r="N25559" t="s">
        <v>88</v>
      </c>
      <c r="O25559" t="s">
        <v>85</v>
      </c>
      <c r="P25559" t="s">
        <v>86</v>
      </c>
      <c r="Q25559">
        <v>20</v>
      </c>
      <c r="R25559">
        <v>20</v>
      </c>
      <c r="S25559">
        <v>20</v>
      </c>
      <c r="T25559">
        <v>20</v>
      </c>
      <c r="U25559">
        <v>21</v>
      </c>
      <c r="V25559">
        <v>21</v>
      </c>
      <c r="W25559">
        <v>21</v>
      </c>
      <c r="X25559">
        <v>22</v>
      </c>
      <c r="Y25559">
        <v>22</v>
      </c>
      <c r="Z25559">
        <v>22</v>
      </c>
      <c r="AA25559">
        <v>22</v>
      </c>
      <c r="AB25559">
        <v>23</v>
      </c>
      <c r="AC25559">
        <v>23</v>
      </c>
      <c r="AD25559">
        <v>23</v>
      </c>
      <c r="AE25559">
        <v>24</v>
      </c>
      <c r="AF25559">
        <v>24</v>
      </c>
      <c r="AG25559">
        <v>24</v>
      </c>
      <c r="AH25559">
        <v>25</v>
      </c>
      <c r="AI25559">
        <v>25</v>
      </c>
      <c r="AJ25559">
        <v>25</v>
      </c>
      <c r="AK25559">
        <v>26</v>
      </c>
      <c r="AL25559">
        <v>26</v>
      </c>
      <c r="AM25559">
        <v>27</v>
      </c>
      <c r="AN25559">
        <v>27</v>
      </c>
      <c r="AO25559">
        <v>27</v>
      </c>
      <c r="AP25559">
        <v>28</v>
      </c>
      <c r="AQ25559">
        <v>28</v>
      </c>
    </row>
    <row r="25560" spans="1:43">
      <c r="A25560" t="s">
        <v>15821</v>
      </c>
      <c r="B25560" t="s">
        <v>15822</v>
      </c>
      <c r="C25560" t="s">
        <v>15815</v>
      </c>
      <c r="D25560" t="s">
        <v>15816</v>
      </c>
      <c r="E25560" t="s">
        <v>15699</v>
      </c>
      <c r="F25560" t="s">
        <v>15700</v>
      </c>
      <c r="G25560" t="s">
        <v>10734</v>
      </c>
      <c r="H25560" t="s">
        <v>10735</v>
      </c>
      <c r="I25560" s="2">
        <v>0</v>
      </c>
      <c r="J25560" s="2">
        <v>1</v>
      </c>
      <c r="K25560" s="2">
        <v>0</v>
      </c>
      <c r="L25560" t="s">
        <v>82</v>
      </c>
      <c r="M25560" t="s">
        <v>89</v>
      </c>
      <c r="N25560" t="s">
        <v>90</v>
      </c>
      <c r="O25560" t="s">
        <v>85</v>
      </c>
      <c r="P25560" t="s">
        <v>86</v>
      </c>
      <c r="Q25560">
        <v>20</v>
      </c>
      <c r="R25560">
        <v>21</v>
      </c>
      <c r="S25560">
        <v>21</v>
      </c>
      <c r="T25560">
        <v>22</v>
      </c>
      <c r="U25560">
        <v>22</v>
      </c>
      <c r="V25560">
        <v>23</v>
      </c>
      <c r="W25560">
        <v>24</v>
      </c>
      <c r="X25560">
        <v>24</v>
      </c>
      <c r="Y25560">
        <v>25</v>
      </c>
      <c r="Z25560">
        <v>26</v>
      </c>
      <c r="AA25560">
        <v>26</v>
      </c>
      <c r="AB25560">
        <v>27</v>
      </c>
      <c r="AC25560">
        <v>28</v>
      </c>
      <c r="AD25560">
        <v>28</v>
      </c>
      <c r="AE25560">
        <v>29</v>
      </c>
      <c r="AF25560">
        <v>29</v>
      </c>
      <c r="AG25560">
        <v>29</v>
      </c>
      <c r="AH25560">
        <v>30</v>
      </c>
      <c r="AI25560">
        <v>30</v>
      </c>
      <c r="AJ25560">
        <v>30</v>
      </c>
      <c r="AK25560">
        <v>31</v>
      </c>
      <c r="AL25560">
        <v>31</v>
      </c>
      <c r="AM25560">
        <v>31</v>
      </c>
      <c r="AN25560">
        <v>32</v>
      </c>
      <c r="AO25560">
        <v>32</v>
      </c>
      <c r="AP25560">
        <v>32</v>
      </c>
      <c r="AQ25560">
        <v>33</v>
      </c>
    </row>
    <row r="25561" spans="1:43">
      <c r="A25561" t="s">
        <v>15821</v>
      </c>
      <c r="B25561" t="s">
        <v>15822</v>
      </c>
      <c r="C25561" t="s">
        <v>15815</v>
      </c>
      <c r="D25561" t="s">
        <v>15816</v>
      </c>
      <c r="E25561" t="s">
        <v>15699</v>
      </c>
      <c r="F25561" t="s">
        <v>15700</v>
      </c>
      <c r="G25561" t="s">
        <v>10734</v>
      </c>
      <c r="H25561" t="s">
        <v>10735</v>
      </c>
      <c r="I25561" s="2">
        <v>0</v>
      </c>
      <c r="J25561" s="2">
        <v>1</v>
      </c>
      <c r="K25561" s="2">
        <v>0</v>
      </c>
      <c r="L25561" t="s">
        <v>82</v>
      </c>
      <c r="M25561" t="s">
        <v>83</v>
      </c>
      <c r="N25561" t="s">
        <v>91</v>
      </c>
      <c r="O25561" t="s">
        <v>85</v>
      </c>
      <c r="P25561" t="s">
        <v>86</v>
      </c>
      <c r="Q25561">
        <v>20</v>
      </c>
      <c r="R25561">
        <v>20</v>
      </c>
      <c r="S25561">
        <v>21</v>
      </c>
      <c r="T25561">
        <v>21</v>
      </c>
      <c r="U25561">
        <v>22</v>
      </c>
      <c r="V25561">
        <v>22</v>
      </c>
      <c r="W25561">
        <v>23</v>
      </c>
      <c r="X25561">
        <v>23</v>
      </c>
      <c r="Y25561">
        <v>24</v>
      </c>
      <c r="Z25561">
        <v>24</v>
      </c>
      <c r="AA25561">
        <v>25</v>
      </c>
      <c r="AB25561">
        <v>25</v>
      </c>
      <c r="AC25561">
        <v>26</v>
      </c>
      <c r="AD25561">
        <v>26</v>
      </c>
      <c r="AE25561">
        <v>27</v>
      </c>
      <c r="AF25561">
        <v>27</v>
      </c>
      <c r="AG25561">
        <v>28</v>
      </c>
      <c r="AH25561">
        <v>29</v>
      </c>
      <c r="AI25561">
        <v>29</v>
      </c>
      <c r="AJ25561">
        <v>30</v>
      </c>
      <c r="AK25561">
        <v>30</v>
      </c>
      <c r="AL25561">
        <v>31</v>
      </c>
      <c r="AM25561">
        <v>31</v>
      </c>
      <c r="AN25561">
        <v>31</v>
      </c>
      <c r="AO25561">
        <v>32</v>
      </c>
      <c r="AP25561">
        <v>32</v>
      </c>
      <c r="AQ25561">
        <v>33</v>
      </c>
    </row>
    <row r="25562" spans="1:43">
      <c r="A25562" t="s">
        <v>15823</v>
      </c>
      <c r="B25562" t="s">
        <v>15824</v>
      </c>
      <c r="C25562" t="s">
        <v>15815</v>
      </c>
      <c r="D25562" t="s">
        <v>15816</v>
      </c>
      <c r="E25562" t="s">
        <v>15699</v>
      </c>
      <c r="F25562" t="s">
        <v>15700</v>
      </c>
      <c r="G25562" t="s">
        <v>10734</v>
      </c>
      <c r="H25562" t="s">
        <v>10735</v>
      </c>
      <c r="I25562" s="2">
        <v>0</v>
      </c>
      <c r="J25562" s="2">
        <v>1</v>
      </c>
      <c r="K25562" s="2">
        <v>0</v>
      </c>
      <c r="L25562" t="s">
        <v>82</v>
      </c>
      <c r="M25562" t="s">
        <v>83</v>
      </c>
      <c r="N25562" t="s">
        <v>84</v>
      </c>
      <c r="O25562" t="s">
        <v>85</v>
      </c>
      <c r="P25562" t="s">
        <v>86</v>
      </c>
      <c r="Q25562">
        <v>19</v>
      </c>
      <c r="R25562">
        <v>19</v>
      </c>
      <c r="S25562">
        <v>20</v>
      </c>
      <c r="T25562">
        <v>20</v>
      </c>
      <c r="U25562">
        <v>21</v>
      </c>
      <c r="V25562">
        <v>21</v>
      </c>
      <c r="W25562">
        <v>22</v>
      </c>
      <c r="X25562">
        <v>22</v>
      </c>
      <c r="Y25562">
        <v>23</v>
      </c>
      <c r="Z25562">
        <v>23</v>
      </c>
      <c r="AA25562">
        <v>24</v>
      </c>
      <c r="AB25562">
        <v>24</v>
      </c>
      <c r="AC25562">
        <v>25</v>
      </c>
      <c r="AD25562">
        <v>25</v>
      </c>
      <c r="AE25562">
        <v>26</v>
      </c>
      <c r="AF25562">
        <v>26</v>
      </c>
      <c r="AG25562">
        <v>27</v>
      </c>
      <c r="AH25562">
        <v>27</v>
      </c>
      <c r="AI25562">
        <v>28</v>
      </c>
      <c r="AJ25562">
        <v>29</v>
      </c>
      <c r="AK25562">
        <v>29</v>
      </c>
      <c r="AL25562">
        <v>30</v>
      </c>
      <c r="AM25562">
        <v>30</v>
      </c>
      <c r="AN25562">
        <v>30</v>
      </c>
      <c r="AO25562">
        <v>31</v>
      </c>
      <c r="AP25562">
        <v>31</v>
      </c>
      <c r="AQ25562">
        <v>31</v>
      </c>
    </row>
    <row r="25563" spans="1:43">
      <c r="A25563" t="s">
        <v>15823</v>
      </c>
      <c r="B25563" t="s">
        <v>15824</v>
      </c>
      <c r="C25563" t="s">
        <v>15815</v>
      </c>
      <c r="D25563" t="s">
        <v>15816</v>
      </c>
      <c r="E25563" t="s">
        <v>15699</v>
      </c>
      <c r="F25563" t="s">
        <v>15700</v>
      </c>
      <c r="G25563" t="s">
        <v>10734</v>
      </c>
      <c r="H25563" t="s">
        <v>10735</v>
      </c>
      <c r="I25563" s="2">
        <v>0</v>
      </c>
      <c r="J25563" s="2">
        <v>1</v>
      </c>
      <c r="K25563" s="2">
        <v>0</v>
      </c>
      <c r="L25563" t="s">
        <v>82</v>
      </c>
      <c r="M25563" t="s">
        <v>87</v>
      </c>
      <c r="N25563" t="s">
        <v>88</v>
      </c>
      <c r="O25563" t="s">
        <v>85</v>
      </c>
      <c r="P25563" t="s">
        <v>86</v>
      </c>
      <c r="Q25563">
        <v>19</v>
      </c>
      <c r="R25563">
        <v>19</v>
      </c>
      <c r="S25563">
        <v>19</v>
      </c>
      <c r="T25563">
        <v>20</v>
      </c>
      <c r="U25563">
        <v>20</v>
      </c>
      <c r="V25563">
        <v>20</v>
      </c>
      <c r="W25563">
        <v>20</v>
      </c>
      <c r="X25563">
        <v>21</v>
      </c>
      <c r="Y25563">
        <v>21</v>
      </c>
      <c r="Z25563">
        <v>21</v>
      </c>
      <c r="AA25563">
        <v>22</v>
      </c>
      <c r="AB25563">
        <v>22</v>
      </c>
      <c r="AC25563">
        <v>22</v>
      </c>
      <c r="AD25563">
        <v>22</v>
      </c>
      <c r="AE25563">
        <v>23</v>
      </c>
      <c r="AF25563">
        <v>23</v>
      </c>
      <c r="AG25563">
        <v>23</v>
      </c>
      <c r="AH25563">
        <v>24</v>
      </c>
      <c r="AI25563">
        <v>24</v>
      </c>
      <c r="AJ25563">
        <v>25</v>
      </c>
      <c r="AK25563">
        <v>25</v>
      </c>
      <c r="AL25563">
        <v>25</v>
      </c>
      <c r="AM25563">
        <v>26</v>
      </c>
      <c r="AN25563">
        <v>26</v>
      </c>
      <c r="AO25563">
        <v>26</v>
      </c>
      <c r="AP25563">
        <v>27</v>
      </c>
      <c r="AQ25563">
        <v>27</v>
      </c>
    </row>
    <row r="25564" spans="1:43">
      <c r="A25564" t="s">
        <v>15823</v>
      </c>
      <c r="B25564" t="s">
        <v>15824</v>
      </c>
      <c r="C25564" t="s">
        <v>15815</v>
      </c>
      <c r="D25564" t="s">
        <v>15816</v>
      </c>
      <c r="E25564" t="s">
        <v>15699</v>
      </c>
      <c r="F25564" t="s">
        <v>15700</v>
      </c>
      <c r="G25564" t="s">
        <v>10734</v>
      </c>
      <c r="H25564" t="s">
        <v>10735</v>
      </c>
      <c r="I25564" s="2">
        <v>0</v>
      </c>
      <c r="J25564" s="2">
        <v>1</v>
      </c>
      <c r="K25564" s="2">
        <v>0</v>
      </c>
      <c r="L25564" t="s">
        <v>82</v>
      </c>
      <c r="M25564" t="s">
        <v>89</v>
      </c>
      <c r="N25564" t="s">
        <v>90</v>
      </c>
      <c r="O25564" t="s">
        <v>85</v>
      </c>
      <c r="P25564" t="s">
        <v>86</v>
      </c>
      <c r="Q25564">
        <v>19</v>
      </c>
      <c r="R25564">
        <v>20</v>
      </c>
      <c r="S25564">
        <v>20</v>
      </c>
      <c r="T25564">
        <v>21</v>
      </c>
      <c r="U25564">
        <v>22</v>
      </c>
      <c r="V25564">
        <v>22</v>
      </c>
      <c r="W25564">
        <v>23</v>
      </c>
      <c r="X25564">
        <v>23</v>
      </c>
      <c r="Y25564">
        <v>24</v>
      </c>
      <c r="Z25564">
        <v>25</v>
      </c>
      <c r="AA25564">
        <v>25</v>
      </c>
      <c r="AB25564">
        <v>26</v>
      </c>
      <c r="AC25564">
        <v>27</v>
      </c>
      <c r="AD25564">
        <v>27</v>
      </c>
      <c r="AE25564">
        <v>28</v>
      </c>
      <c r="AF25564">
        <v>28</v>
      </c>
      <c r="AG25564">
        <v>28</v>
      </c>
      <c r="AH25564">
        <v>29</v>
      </c>
      <c r="AI25564">
        <v>29</v>
      </c>
      <c r="AJ25564">
        <v>29</v>
      </c>
      <c r="AK25564">
        <v>30</v>
      </c>
      <c r="AL25564">
        <v>30</v>
      </c>
      <c r="AM25564">
        <v>30</v>
      </c>
      <c r="AN25564">
        <v>31</v>
      </c>
      <c r="AO25564">
        <v>31</v>
      </c>
      <c r="AP25564">
        <v>31</v>
      </c>
      <c r="AQ25564">
        <v>32</v>
      </c>
    </row>
    <row r="25565" spans="1:43">
      <c r="A25565" t="s">
        <v>15823</v>
      </c>
      <c r="B25565" t="s">
        <v>15824</v>
      </c>
      <c r="C25565" t="s">
        <v>15815</v>
      </c>
      <c r="D25565" t="s">
        <v>15816</v>
      </c>
      <c r="E25565" t="s">
        <v>15699</v>
      </c>
      <c r="F25565" t="s">
        <v>15700</v>
      </c>
      <c r="G25565" t="s">
        <v>10734</v>
      </c>
      <c r="H25565" t="s">
        <v>10735</v>
      </c>
      <c r="I25565" s="2">
        <v>0</v>
      </c>
      <c r="J25565" s="2">
        <v>1</v>
      </c>
      <c r="K25565" s="2">
        <v>0</v>
      </c>
      <c r="L25565" t="s">
        <v>82</v>
      </c>
      <c r="M25565" t="s">
        <v>83</v>
      </c>
      <c r="N25565" t="s">
        <v>91</v>
      </c>
      <c r="O25565" t="s">
        <v>85</v>
      </c>
      <c r="P25565" t="s">
        <v>86</v>
      </c>
      <c r="Q25565">
        <v>19</v>
      </c>
      <c r="R25565">
        <v>19</v>
      </c>
      <c r="S25565">
        <v>20</v>
      </c>
      <c r="T25565">
        <v>20</v>
      </c>
      <c r="U25565">
        <v>21</v>
      </c>
      <c r="V25565">
        <v>21</v>
      </c>
      <c r="W25565">
        <v>22</v>
      </c>
      <c r="X25565">
        <v>22</v>
      </c>
      <c r="Y25565">
        <v>23</v>
      </c>
      <c r="Z25565">
        <v>23</v>
      </c>
      <c r="AA25565">
        <v>24</v>
      </c>
      <c r="AB25565">
        <v>24</v>
      </c>
      <c r="AC25565">
        <v>25</v>
      </c>
      <c r="AD25565">
        <v>25</v>
      </c>
      <c r="AE25565">
        <v>26</v>
      </c>
      <c r="AF25565">
        <v>26</v>
      </c>
      <c r="AG25565">
        <v>27</v>
      </c>
      <c r="AH25565">
        <v>27</v>
      </c>
      <c r="AI25565">
        <v>28</v>
      </c>
      <c r="AJ25565">
        <v>29</v>
      </c>
      <c r="AK25565">
        <v>29</v>
      </c>
      <c r="AL25565">
        <v>30</v>
      </c>
      <c r="AM25565">
        <v>30</v>
      </c>
      <c r="AN25565">
        <v>30</v>
      </c>
      <c r="AO25565">
        <v>31</v>
      </c>
      <c r="AP25565">
        <v>31</v>
      </c>
      <c r="AQ25565">
        <v>31</v>
      </c>
    </row>
    <row r="25566" spans="1:43">
      <c r="A25566" t="s">
        <v>15825</v>
      </c>
      <c r="B25566" t="s">
        <v>15826</v>
      </c>
      <c r="C25566" t="s">
        <v>15815</v>
      </c>
      <c r="D25566" t="s">
        <v>15816</v>
      </c>
      <c r="E25566" t="s">
        <v>15699</v>
      </c>
      <c r="F25566" t="s">
        <v>15700</v>
      </c>
      <c r="G25566" t="s">
        <v>10734</v>
      </c>
      <c r="H25566" t="s">
        <v>10735</v>
      </c>
      <c r="I25566" s="2">
        <v>0</v>
      </c>
      <c r="J25566" s="2">
        <v>1</v>
      </c>
      <c r="K25566" s="2">
        <v>0</v>
      </c>
      <c r="L25566" t="s">
        <v>82</v>
      </c>
      <c r="M25566" t="s">
        <v>83</v>
      </c>
      <c r="N25566" t="s">
        <v>84</v>
      </c>
      <c r="O25566" t="s">
        <v>85</v>
      </c>
      <c r="P25566" t="s">
        <v>86</v>
      </c>
      <c r="Q25566">
        <v>79</v>
      </c>
      <c r="R25566">
        <v>81</v>
      </c>
      <c r="S25566">
        <v>83</v>
      </c>
      <c r="T25566">
        <v>85</v>
      </c>
      <c r="U25566">
        <v>87</v>
      </c>
      <c r="V25566">
        <v>89</v>
      </c>
      <c r="W25566">
        <v>91</v>
      </c>
      <c r="X25566">
        <v>93</v>
      </c>
      <c r="Y25566">
        <v>95</v>
      </c>
      <c r="Z25566">
        <v>97</v>
      </c>
      <c r="AA25566">
        <v>99</v>
      </c>
      <c r="AB25566">
        <v>101</v>
      </c>
      <c r="AC25566">
        <v>103</v>
      </c>
      <c r="AD25566">
        <v>105</v>
      </c>
      <c r="AE25566">
        <v>107</v>
      </c>
      <c r="AF25566">
        <v>110</v>
      </c>
      <c r="AG25566">
        <v>112</v>
      </c>
      <c r="AH25566">
        <v>114</v>
      </c>
      <c r="AI25566">
        <v>117</v>
      </c>
      <c r="AJ25566">
        <v>119</v>
      </c>
      <c r="AK25566">
        <v>122</v>
      </c>
      <c r="AL25566">
        <v>123</v>
      </c>
      <c r="AM25566">
        <v>125</v>
      </c>
      <c r="AN25566">
        <v>126</v>
      </c>
      <c r="AO25566">
        <v>128</v>
      </c>
      <c r="AP25566">
        <v>129</v>
      </c>
      <c r="AQ25566">
        <v>131</v>
      </c>
    </row>
    <row r="25567" spans="1:43">
      <c r="A25567" t="s">
        <v>15825</v>
      </c>
      <c r="B25567" t="s">
        <v>15826</v>
      </c>
      <c r="C25567" t="s">
        <v>15815</v>
      </c>
      <c r="D25567" t="s">
        <v>15816</v>
      </c>
      <c r="E25567" t="s">
        <v>15699</v>
      </c>
      <c r="F25567" t="s">
        <v>15700</v>
      </c>
      <c r="G25567" t="s">
        <v>10734</v>
      </c>
      <c r="H25567" t="s">
        <v>10735</v>
      </c>
      <c r="I25567" s="2">
        <v>0</v>
      </c>
      <c r="J25567" s="2">
        <v>1</v>
      </c>
      <c r="K25567" s="2">
        <v>0</v>
      </c>
      <c r="L25567" t="s">
        <v>82</v>
      </c>
      <c r="M25567" t="s">
        <v>87</v>
      </c>
      <c r="N25567" t="s">
        <v>88</v>
      </c>
      <c r="O25567" t="s">
        <v>85</v>
      </c>
      <c r="P25567" t="s">
        <v>86</v>
      </c>
      <c r="Q25567">
        <v>79</v>
      </c>
      <c r="R25567">
        <v>80</v>
      </c>
      <c r="S25567">
        <v>82</v>
      </c>
      <c r="T25567">
        <v>83</v>
      </c>
      <c r="U25567">
        <v>84</v>
      </c>
      <c r="V25567">
        <v>85</v>
      </c>
      <c r="W25567">
        <v>86</v>
      </c>
      <c r="X25567">
        <v>87</v>
      </c>
      <c r="Y25567">
        <v>88</v>
      </c>
      <c r="Z25567">
        <v>90</v>
      </c>
      <c r="AA25567">
        <v>91</v>
      </c>
      <c r="AB25567">
        <v>92</v>
      </c>
      <c r="AC25567">
        <v>93</v>
      </c>
      <c r="AD25567">
        <v>95</v>
      </c>
      <c r="AE25567">
        <v>96</v>
      </c>
      <c r="AF25567">
        <v>97</v>
      </c>
      <c r="AG25567">
        <v>99</v>
      </c>
      <c r="AH25567">
        <v>100</v>
      </c>
      <c r="AI25567">
        <v>102</v>
      </c>
      <c r="AJ25567">
        <v>103</v>
      </c>
      <c r="AK25567">
        <v>105</v>
      </c>
      <c r="AL25567">
        <v>106</v>
      </c>
      <c r="AM25567">
        <v>108</v>
      </c>
      <c r="AN25567">
        <v>109</v>
      </c>
      <c r="AO25567">
        <v>111</v>
      </c>
      <c r="AP25567">
        <v>113</v>
      </c>
      <c r="AQ25567">
        <v>114</v>
      </c>
    </row>
    <row r="25568" spans="1:43">
      <c r="A25568" t="s">
        <v>15825</v>
      </c>
      <c r="B25568" t="s">
        <v>15826</v>
      </c>
      <c r="C25568" t="s">
        <v>15815</v>
      </c>
      <c r="D25568" t="s">
        <v>15816</v>
      </c>
      <c r="E25568" t="s">
        <v>15699</v>
      </c>
      <c r="F25568" t="s">
        <v>15700</v>
      </c>
      <c r="G25568" t="s">
        <v>10734</v>
      </c>
      <c r="H25568" t="s">
        <v>10735</v>
      </c>
      <c r="I25568" s="2">
        <v>0</v>
      </c>
      <c r="J25568" s="2">
        <v>1</v>
      </c>
      <c r="K25568" s="2">
        <v>0</v>
      </c>
      <c r="L25568" t="s">
        <v>82</v>
      </c>
      <c r="M25568" t="s">
        <v>89</v>
      </c>
      <c r="N25568" t="s">
        <v>90</v>
      </c>
      <c r="O25568" t="s">
        <v>85</v>
      </c>
      <c r="P25568" t="s">
        <v>86</v>
      </c>
      <c r="Q25568">
        <v>79</v>
      </c>
      <c r="R25568">
        <v>81</v>
      </c>
      <c r="S25568">
        <v>84</v>
      </c>
      <c r="T25568">
        <v>87</v>
      </c>
      <c r="U25568">
        <v>89</v>
      </c>
      <c r="V25568">
        <v>92</v>
      </c>
      <c r="W25568">
        <v>94</v>
      </c>
      <c r="X25568">
        <v>97</v>
      </c>
      <c r="Y25568">
        <v>99</v>
      </c>
      <c r="Z25568">
        <v>102</v>
      </c>
      <c r="AA25568">
        <v>104</v>
      </c>
      <c r="AB25568">
        <v>107</v>
      </c>
      <c r="AC25568">
        <v>109</v>
      </c>
      <c r="AD25568">
        <v>112</v>
      </c>
      <c r="AE25568">
        <v>114</v>
      </c>
      <c r="AF25568">
        <v>115</v>
      </c>
      <c r="AG25568">
        <v>117</v>
      </c>
      <c r="AH25568">
        <v>118</v>
      </c>
      <c r="AI25568">
        <v>119</v>
      </c>
      <c r="AJ25568">
        <v>121</v>
      </c>
      <c r="AK25568">
        <v>122</v>
      </c>
      <c r="AL25568">
        <v>123</v>
      </c>
      <c r="AM25568">
        <v>125</v>
      </c>
      <c r="AN25568">
        <v>126</v>
      </c>
      <c r="AO25568">
        <v>128</v>
      </c>
      <c r="AP25568">
        <v>129</v>
      </c>
      <c r="AQ25568">
        <v>131</v>
      </c>
    </row>
    <row r="25569" spans="1:43">
      <c r="A25569" t="s">
        <v>15825</v>
      </c>
      <c r="B25569" t="s">
        <v>15826</v>
      </c>
      <c r="C25569" t="s">
        <v>15815</v>
      </c>
      <c r="D25569" t="s">
        <v>15816</v>
      </c>
      <c r="E25569" t="s">
        <v>15699</v>
      </c>
      <c r="F25569" t="s">
        <v>15700</v>
      </c>
      <c r="G25569" t="s">
        <v>10734</v>
      </c>
      <c r="H25569" t="s">
        <v>10735</v>
      </c>
      <c r="I25569" s="2">
        <v>0</v>
      </c>
      <c r="J25569" s="2">
        <v>1</v>
      </c>
      <c r="K25569" s="2">
        <v>0</v>
      </c>
      <c r="L25569" t="s">
        <v>82</v>
      </c>
      <c r="M25569" t="s">
        <v>83</v>
      </c>
      <c r="N25569" t="s">
        <v>91</v>
      </c>
      <c r="O25569" t="s">
        <v>85</v>
      </c>
      <c r="P25569" t="s">
        <v>86</v>
      </c>
      <c r="Q25569">
        <v>79</v>
      </c>
      <c r="R25569">
        <v>81</v>
      </c>
      <c r="S25569">
        <v>83</v>
      </c>
      <c r="T25569">
        <v>85</v>
      </c>
      <c r="U25569">
        <v>87</v>
      </c>
      <c r="V25569">
        <v>89</v>
      </c>
      <c r="W25569">
        <v>91</v>
      </c>
      <c r="X25569">
        <v>93</v>
      </c>
      <c r="Y25569">
        <v>95</v>
      </c>
      <c r="Z25569">
        <v>97</v>
      </c>
      <c r="AA25569">
        <v>99</v>
      </c>
      <c r="AB25569">
        <v>101</v>
      </c>
      <c r="AC25569">
        <v>103</v>
      </c>
      <c r="AD25569">
        <v>105</v>
      </c>
      <c r="AE25569">
        <v>107</v>
      </c>
      <c r="AF25569">
        <v>110</v>
      </c>
      <c r="AG25569">
        <v>112</v>
      </c>
      <c r="AH25569">
        <v>114</v>
      </c>
      <c r="AI25569">
        <v>117</v>
      </c>
      <c r="AJ25569">
        <v>119</v>
      </c>
      <c r="AK25569">
        <v>122</v>
      </c>
      <c r="AL25569">
        <v>123</v>
      </c>
      <c r="AM25569">
        <v>125</v>
      </c>
      <c r="AN25569">
        <v>126</v>
      </c>
      <c r="AO25569">
        <v>128</v>
      </c>
      <c r="AP25569">
        <v>129</v>
      </c>
      <c r="AQ25569">
        <v>131</v>
      </c>
    </row>
    <row r="25570" spans="1:43">
      <c r="A25570" t="s">
        <v>15827</v>
      </c>
      <c r="B25570" t="s">
        <v>15828</v>
      </c>
      <c r="C25570" t="s">
        <v>15697</v>
      </c>
      <c r="D25570" t="s">
        <v>15698</v>
      </c>
      <c r="E25570" t="s">
        <v>15699</v>
      </c>
      <c r="F25570" t="s">
        <v>15700</v>
      </c>
      <c r="G25570" t="s">
        <v>10734</v>
      </c>
      <c r="H25570" t="s">
        <v>10735</v>
      </c>
      <c r="I25570" s="2">
        <v>1</v>
      </c>
      <c r="J25570" s="2">
        <v>0</v>
      </c>
      <c r="K25570" s="2">
        <v>0</v>
      </c>
      <c r="L25570" t="s">
        <v>120</v>
      </c>
      <c r="M25570" t="s">
        <v>83</v>
      </c>
      <c r="N25570" t="s">
        <v>84</v>
      </c>
      <c r="O25570" t="s">
        <v>85</v>
      </c>
      <c r="P25570" t="s">
        <v>86</v>
      </c>
      <c r="Q25570">
        <v>80</v>
      </c>
      <c r="R25570">
        <v>82</v>
      </c>
      <c r="S25570">
        <v>84</v>
      </c>
      <c r="T25570">
        <v>86</v>
      </c>
      <c r="U25570">
        <v>88</v>
      </c>
      <c r="V25570">
        <v>90</v>
      </c>
      <c r="W25570">
        <v>92</v>
      </c>
      <c r="X25570">
        <v>94</v>
      </c>
      <c r="Y25570">
        <v>96</v>
      </c>
      <c r="Z25570">
        <v>98</v>
      </c>
      <c r="AA25570">
        <v>100</v>
      </c>
      <c r="AB25570">
        <v>103</v>
      </c>
      <c r="AC25570">
        <v>105</v>
      </c>
      <c r="AD25570">
        <v>107</v>
      </c>
      <c r="AE25570">
        <v>109</v>
      </c>
      <c r="AF25570">
        <v>112</v>
      </c>
      <c r="AG25570">
        <v>114</v>
      </c>
      <c r="AH25570">
        <v>116</v>
      </c>
      <c r="AI25570">
        <v>119</v>
      </c>
      <c r="AJ25570">
        <v>121</v>
      </c>
      <c r="AK25570">
        <v>124</v>
      </c>
      <c r="AL25570">
        <v>126</v>
      </c>
      <c r="AM25570">
        <v>127</v>
      </c>
      <c r="AN25570">
        <v>128</v>
      </c>
      <c r="AO25570">
        <v>130</v>
      </c>
      <c r="AP25570">
        <v>131</v>
      </c>
      <c r="AQ25570">
        <v>133</v>
      </c>
    </row>
    <row r="25571" spans="1:43">
      <c r="A25571" t="s">
        <v>15827</v>
      </c>
      <c r="B25571" t="s">
        <v>15828</v>
      </c>
      <c r="C25571" t="s">
        <v>15697</v>
      </c>
      <c r="D25571" t="s">
        <v>15698</v>
      </c>
      <c r="E25571" t="s">
        <v>15699</v>
      </c>
      <c r="F25571" t="s">
        <v>15700</v>
      </c>
      <c r="G25571" t="s">
        <v>10734</v>
      </c>
      <c r="H25571" t="s">
        <v>10735</v>
      </c>
      <c r="I25571" s="2">
        <v>1</v>
      </c>
      <c r="J25571" s="2">
        <v>0</v>
      </c>
      <c r="K25571" s="2">
        <v>0</v>
      </c>
      <c r="L25571" t="s">
        <v>120</v>
      </c>
      <c r="M25571" t="s">
        <v>87</v>
      </c>
      <c r="N25571" t="s">
        <v>88</v>
      </c>
      <c r="O25571" t="s">
        <v>85</v>
      </c>
      <c r="P25571" t="s">
        <v>86</v>
      </c>
      <c r="Q25571">
        <v>80</v>
      </c>
      <c r="R25571">
        <v>81</v>
      </c>
      <c r="S25571">
        <v>82</v>
      </c>
      <c r="T25571">
        <v>83</v>
      </c>
      <c r="U25571">
        <v>84</v>
      </c>
      <c r="V25571">
        <v>85</v>
      </c>
      <c r="W25571">
        <v>87</v>
      </c>
      <c r="X25571">
        <v>88</v>
      </c>
      <c r="Y25571">
        <v>89</v>
      </c>
      <c r="Z25571">
        <v>90</v>
      </c>
      <c r="AA25571">
        <v>91</v>
      </c>
      <c r="AB25571">
        <v>93</v>
      </c>
      <c r="AC25571">
        <v>94</v>
      </c>
      <c r="AD25571">
        <v>95</v>
      </c>
      <c r="AE25571">
        <v>97</v>
      </c>
      <c r="AF25571">
        <v>98</v>
      </c>
      <c r="AG25571">
        <v>99</v>
      </c>
      <c r="AH25571">
        <v>101</v>
      </c>
      <c r="AI25571">
        <v>102</v>
      </c>
      <c r="AJ25571">
        <v>104</v>
      </c>
      <c r="AK25571">
        <v>105</v>
      </c>
      <c r="AL25571">
        <v>107</v>
      </c>
      <c r="AM25571">
        <v>108</v>
      </c>
      <c r="AN25571">
        <v>110</v>
      </c>
      <c r="AO25571">
        <v>112</v>
      </c>
      <c r="AP25571">
        <v>113</v>
      </c>
      <c r="AQ25571">
        <v>115</v>
      </c>
    </row>
    <row r="25572" spans="1:43">
      <c r="A25572" t="s">
        <v>15827</v>
      </c>
      <c r="B25572" t="s">
        <v>15828</v>
      </c>
      <c r="C25572" t="s">
        <v>15697</v>
      </c>
      <c r="D25572" t="s">
        <v>15698</v>
      </c>
      <c r="E25572" t="s">
        <v>15699</v>
      </c>
      <c r="F25572" t="s">
        <v>15700</v>
      </c>
      <c r="G25572" t="s">
        <v>10734</v>
      </c>
      <c r="H25572" t="s">
        <v>10735</v>
      </c>
      <c r="I25572" s="2">
        <v>1</v>
      </c>
      <c r="J25572" s="2">
        <v>0</v>
      </c>
      <c r="K25572" s="2">
        <v>0</v>
      </c>
      <c r="L25572" t="s">
        <v>120</v>
      </c>
      <c r="M25572" t="s">
        <v>89</v>
      </c>
      <c r="N25572" t="s">
        <v>90</v>
      </c>
      <c r="O25572" t="s">
        <v>85</v>
      </c>
      <c r="P25572" t="s">
        <v>86</v>
      </c>
      <c r="Q25572">
        <v>80</v>
      </c>
      <c r="R25572">
        <v>83</v>
      </c>
      <c r="S25572">
        <v>85</v>
      </c>
      <c r="T25572">
        <v>88</v>
      </c>
      <c r="U25572">
        <v>91</v>
      </c>
      <c r="V25572">
        <v>93</v>
      </c>
      <c r="W25572">
        <v>96</v>
      </c>
      <c r="X25572">
        <v>98</v>
      </c>
      <c r="Y25572">
        <v>101</v>
      </c>
      <c r="Z25572">
        <v>103</v>
      </c>
      <c r="AA25572">
        <v>106</v>
      </c>
      <c r="AB25572">
        <v>109</v>
      </c>
      <c r="AC25572">
        <v>111</v>
      </c>
      <c r="AD25572">
        <v>114</v>
      </c>
      <c r="AE25572">
        <v>116</v>
      </c>
      <c r="AF25572">
        <v>118</v>
      </c>
      <c r="AG25572">
        <v>119</v>
      </c>
      <c r="AH25572">
        <v>120</v>
      </c>
      <c r="AI25572">
        <v>122</v>
      </c>
      <c r="AJ25572">
        <v>123</v>
      </c>
      <c r="AK25572">
        <v>124</v>
      </c>
      <c r="AL25572">
        <v>126</v>
      </c>
      <c r="AM25572">
        <v>127</v>
      </c>
      <c r="AN25572">
        <v>129</v>
      </c>
      <c r="AO25572">
        <v>130</v>
      </c>
      <c r="AP25572">
        <v>131</v>
      </c>
      <c r="AQ25572">
        <v>133</v>
      </c>
    </row>
    <row r="25573" spans="1:43">
      <c r="A25573" t="s">
        <v>15827</v>
      </c>
      <c r="B25573" t="s">
        <v>15828</v>
      </c>
      <c r="C25573" t="s">
        <v>15697</v>
      </c>
      <c r="D25573" t="s">
        <v>15698</v>
      </c>
      <c r="E25573" t="s">
        <v>15699</v>
      </c>
      <c r="F25573" t="s">
        <v>15700</v>
      </c>
      <c r="G25573" t="s">
        <v>10734</v>
      </c>
      <c r="H25573" t="s">
        <v>10735</v>
      </c>
      <c r="I25573" s="2">
        <v>1</v>
      </c>
      <c r="J25573" s="2">
        <v>0</v>
      </c>
      <c r="K25573" s="2">
        <v>0</v>
      </c>
      <c r="L25573" t="s">
        <v>120</v>
      </c>
      <c r="M25573" t="s">
        <v>83</v>
      </c>
      <c r="N25573" t="s">
        <v>91</v>
      </c>
      <c r="O25573" t="s">
        <v>85</v>
      </c>
      <c r="P25573" t="s">
        <v>86</v>
      </c>
      <c r="Q25573">
        <v>80</v>
      </c>
      <c r="R25573">
        <v>82</v>
      </c>
      <c r="S25573">
        <v>84</v>
      </c>
      <c r="T25573">
        <v>86</v>
      </c>
      <c r="U25573">
        <v>88</v>
      </c>
      <c r="V25573">
        <v>90</v>
      </c>
      <c r="W25573">
        <v>92</v>
      </c>
      <c r="X25573">
        <v>94</v>
      </c>
      <c r="Y25573">
        <v>96</v>
      </c>
      <c r="Z25573">
        <v>98</v>
      </c>
      <c r="AA25573">
        <v>100</v>
      </c>
      <c r="AB25573">
        <v>103</v>
      </c>
      <c r="AC25573">
        <v>105</v>
      </c>
      <c r="AD25573">
        <v>107</v>
      </c>
      <c r="AE25573">
        <v>109</v>
      </c>
      <c r="AF25573">
        <v>112</v>
      </c>
      <c r="AG25573">
        <v>114</v>
      </c>
      <c r="AH25573">
        <v>116</v>
      </c>
      <c r="AI25573">
        <v>119</v>
      </c>
      <c r="AJ25573">
        <v>121</v>
      </c>
      <c r="AK25573">
        <v>124</v>
      </c>
      <c r="AL25573">
        <v>126</v>
      </c>
      <c r="AM25573">
        <v>127</v>
      </c>
      <c r="AN25573">
        <v>128</v>
      </c>
      <c r="AO25573">
        <v>130</v>
      </c>
      <c r="AP25573">
        <v>131</v>
      </c>
      <c r="AQ25573">
        <v>133</v>
      </c>
    </row>
    <row r="25574" spans="1:43">
      <c r="A25574" t="s">
        <v>15829</v>
      </c>
      <c r="B25574" t="s">
        <v>15830</v>
      </c>
      <c r="C25574" t="s">
        <v>15697</v>
      </c>
      <c r="D25574" t="s">
        <v>15698</v>
      </c>
      <c r="E25574" t="s">
        <v>15699</v>
      </c>
      <c r="F25574" t="s">
        <v>15700</v>
      </c>
      <c r="G25574" t="s">
        <v>10734</v>
      </c>
      <c r="H25574" t="s">
        <v>10735</v>
      </c>
      <c r="I25574" s="2">
        <v>1</v>
      </c>
      <c r="J25574" s="2">
        <v>0</v>
      </c>
      <c r="K25574" s="2">
        <v>0</v>
      </c>
      <c r="L25574" t="s">
        <v>120</v>
      </c>
      <c r="M25574" t="s">
        <v>83</v>
      </c>
      <c r="N25574" t="s">
        <v>84</v>
      </c>
      <c r="O25574" t="s">
        <v>85</v>
      </c>
      <c r="P25574" t="s">
        <v>86</v>
      </c>
      <c r="Q25574">
        <v>22</v>
      </c>
      <c r="R25574">
        <v>22</v>
      </c>
      <c r="S25574">
        <v>23</v>
      </c>
      <c r="T25574">
        <v>23</v>
      </c>
      <c r="U25574">
        <v>24</v>
      </c>
      <c r="V25574">
        <v>24</v>
      </c>
      <c r="W25574">
        <v>25</v>
      </c>
      <c r="X25574">
        <v>25</v>
      </c>
      <c r="Y25574">
        <v>26</v>
      </c>
      <c r="Z25574">
        <v>26</v>
      </c>
      <c r="AA25574">
        <v>27</v>
      </c>
      <c r="AB25574">
        <v>27</v>
      </c>
      <c r="AC25574">
        <v>28</v>
      </c>
      <c r="AD25574">
        <v>29</v>
      </c>
      <c r="AE25574">
        <v>29</v>
      </c>
      <c r="AF25574">
        <v>30</v>
      </c>
      <c r="AG25574">
        <v>31</v>
      </c>
      <c r="AH25574">
        <v>31</v>
      </c>
      <c r="AI25574">
        <v>32</v>
      </c>
      <c r="AJ25574">
        <v>33</v>
      </c>
      <c r="AK25574">
        <v>33</v>
      </c>
      <c r="AL25574">
        <v>34</v>
      </c>
      <c r="AM25574">
        <v>34</v>
      </c>
      <c r="AN25574">
        <v>34</v>
      </c>
      <c r="AO25574">
        <v>35</v>
      </c>
      <c r="AP25574">
        <v>35</v>
      </c>
      <c r="AQ25574">
        <v>36</v>
      </c>
    </row>
    <row r="25575" spans="1:43">
      <c r="A25575" t="s">
        <v>15829</v>
      </c>
      <c r="B25575" t="s">
        <v>15830</v>
      </c>
      <c r="C25575" t="s">
        <v>15697</v>
      </c>
      <c r="D25575" t="s">
        <v>15698</v>
      </c>
      <c r="E25575" t="s">
        <v>15699</v>
      </c>
      <c r="F25575" t="s">
        <v>15700</v>
      </c>
      <c r="G25575" t="s">
        <v>10734</v>
      </c>
      <c r="H25575" t="s">
        <v>10735</v>
      </c>
      <c r="I25575" s="2">
        <v>1</v>
      </c>
      <c r="J25575" s="2">
        <v>0</v>
      </c>
      <c r="K25575" s="2">
        <v>0</v>
      </c>
      <c r="L25575" t="s">
        <v>120</v>
      </c>
      <c r="M25575" t="s">
        <v>87</v>
      </c>
      <c r="N25575" t="s">
        <v>88</v>
      </c>
      <c r="O25575" t="s">
        <v>85</v>
      </c>
      <c r="P25575" t="s">
        <v>86</v>
      </c>
      <c r="Q25575">
        <v>22</v>
      </c>
      <c r="R25575">
        <v>23</v>
      </c>
      <c r="S25575">
        <v>23</v>
      </c>
      <c r="T25575">
        <v>23</v>
      </c>
      <c r="U25575">
        <v>24</v>
      </c>
      <c r="V25575">
        <v>24</v>
      </c>
      <c r="W25575">
        <v>24</v>
      </c>
      <c r="X25575">
        <v>24</v>
      </c>
      <c r="Y25575">
        <v>25</v>
      </c>
      <c r="Z25575">
        <v>25</v>
      </c>
      <c r="AA25575">
        <v>25</v>
      </c>
      <c r="AB25575">
        <v>26</v>
      </c>
      <c r="AC25575">
        <v>26</v>
      </c>
      <c r="AD25575">
        <v>27</v>
      </c>
      <c r="AE25575">
        <v>27</v>
      </c>
      <c r="AF25575">
        <v>27</v>
      </c>
      <c r="AG25575">
        <v>28</v>
      </c>
      <c r="AH25575">
        <v>28</v>
      </c>
      <c r="AI25575">
        <v>28</v>
      </c>
      <c r="AJ25575">
        <v>29</v>
      </c>
      <c r="AK25575">
        <v>29</v>
      </c>
      <c r="AL25575">
        <v>30</v>
      </c>
      <c r="AM25575">
        <v>30</v>
      </c>
      <c r="AN25575">
        <v>30</v>
      </c>
      <c r="AO25575">
        <v>31</v>
      </c>
      <c r="AP25575">
        <v>31</v>
      </c>
      <c r="AQ25575">
        <v>32</v>
      </c>
    </row>
    <row r="25576" spans="1:43">
      <c r="A25576" t="s">
        <v>15829</v>
      </c>
      <c r="B25576" t="s">
        <v>15830</v>
      </c>
      <c r="C25576" t="s">
        <v>15697</v>
      </c>
      <c r="D25576" t="s">
        <v>15698</v>
      </c>
      <c r="E25576" t="s">
        <v>15699</v>
      </c>
      <c r="F25576" t="s">
        <v>15700</v>
      </c>
      <c r="G25576" t="s">
        <v>10734</v>
      </c>
      <c r="H25576" t="s">
        <v>10735</v>
      </c>
      <c r="I25576" s="2">
        <v>1</v>
      </c>
      <c r="J25576" s="2">
        <v>0</v>
      </c>
      <c r="K25576" s="2">
        <v>0</v>
      </c>
      <c r="L25576" t="s">
        <v>120</v>
      </c>
      <c r="M25576" t="s">
        <v>89</v>
      </c>
      <c r="N25576" t="s">
        <v>90</v>
      </c>
      <c r="O25576" t="s">
        <v>85</v>
      </c>
      <c r="P25576" t="s">
        <v>86</v>
      </c>
      <c r="Q25576">
        <v>22</v>
      </c>
      <c r="R25576">
        <v>22</v>
      </c>
      <c r="S25576">
        <v>23</v>
      </c>
      <c r="T25576">
        <v>24</v>
      </c>
      <c r="U25576">
        <v>25</v>
      </c>
      <c r="V25576">
        <v>25</v>
      </c>
      <c r="W25576">
        <v>26</v>
      </c>
      <c r="X25576">
        <v>27</v>
      </c>
      <c r="Y25576">
        <v>27</v>
      </c>
      <c r="Z25576">
        <v>28</v>
      </c>
      <c r="AA25576">
        <v>29</v>
      </c>
      <c r="AB25576">
        <v>29</v>
      </c>
      <c r="AC25576">
        <v>30</v>
      </c>
      <c r="AD25576">
        <v>31</v>
      </c>
      <c r="AE25576">
        <v>31</v>
      </c>
      <c r="AF25576">
        <v>32</v>
      </c>
      <c r="AG25576">
        <v>32</v>
      </c>
      <c r="AH25576">
        <v>33</v>
      </c>
      <c r="AI25576">
        <v>33</v>
      </c>
      <c r="AJ25576">
        <v>33</v>
      </c>
      <c r="AK25576">
        <v>34</v>
      </c>
      <c r="AL25576">
        <v>34</v>
      </c>
      <c r="AM25576">
        <v>34</v>
      </c>
      <c r="AN25576">
        <v>35</v>
      </c>
      <c r="AO25576">
        <v>35</v>
      </c>
      <c r="AP25576">
        <v>36</v>
      </c>
      <c r="AQ25576">
        <v>36</v>
      </c>
    </row>
    <row r="25577" spans="1:43">
      <c r="A25577" t="s">
        <v>15829</v>
      </c>
      <c r="B25577" t="s">
        <v>15830</v>
      </c>
      <c r="C25577" t="s">
        <v>15697</v>
      </c>
      <c r="D25577" t="s">
        <v>15698</v>
      </c>
      <c r="E25577" t="s">
        <v>15699</v>
      </c>
      <c r="F25577" t="s">
        <v>15700</v>
      </c>
      <c r="G25577" t="s">
        <v>10734</v>
      </c>
      <c r="H25577" t="s">
        <v>10735</v>
      </c>
      <c r="I25577" s="2">
        <v>1</v>
      </c>
      <c r="J25577" s="2">
        <v>0</v>
      </c>
      <c r="K25577" s="2">
        <v>0</v>
      </c>
      <c r="L25577" t="s">
        <v>120</v>
      </c>
      <c r="M25577" t="s">
        <v>83</v>
      </c>
      <c r="N25577" t="s">
        <v>91</v>
      </c>
      <c r="O25577" t="s">
        <v>85</v>
      </c>
      <c r="P25577" t="s">
        <v>86</v>
      </c>
      <c r="Q25577">
        <v>22</v>
      </c>
      <c r="R25577">
        <v>22</v>
      </c>
      <c r="S25577">
        <v>23</v>
      </c>
      <c r="T25577">
        <v>23</v>
      </c>
      <c r="U25577">
        <v>24</v>
      </c>
      <c r="V25577">
        <v>24</v>
      </c>
      <c r="W25577">
        <v>25</v>
      </c>
      <c r="X25577">
        <v>25</v>
      </c>
      <c r="Y25577">
        <v>26</v>
      </c>
      <c r="Z25577">
        <v>26</v>
      </c>
      <c r="AA25577">
        <v>27</v>
      </c>
      <c r="AB25577">
        <v>27</v>
      </c>
      <c r="AC25577">
        <v>28</v>
      </c>
      <c r="AD25577">
        <v>29</v>
      </c>
      <c r="AE25577">
        <v>29</v>
      </c>
      <c r="AF25577">
        <v>30</v>
      </c>
      <c r="AG25577">
        <v>31</v>
      </c>
      <c r="AH25577">
        <v>31</v>
      </c>
      <c r="AI25577">
        <v>32</v>
      </c>
      <c r="AJ25577">
        <v>33</v>
      </c>
      <c r="AK25577">
        <v>33</v>
      </c>
      <c r="AL25577">
        <v>34</v>
      </c>
      <c r="AM25577">
        <v>34</v>
      </c>
      <c r="AN25577">
        <v>34</v>
      </c>
      <c r="AO25577">
        <v>35</v>
      </c>
      <c r="AP25577">
        <v>35</v>
      </c>
      <c r="AQ25577">
        <v>36</v>
      </c>
    </row>
    <row r="25578" spans="1:43">
      <c r="A25578" t="s">
        <v>15831</v>
      </c>
      <c r="B25578" t="s">
        <v>15832</v>
      </c>
      <c r="C25578" t="s">
        <v>15697</v>
      </c>
      <c r="D25578" t="s">
        <v>15698</v>
      </c>
      <c r="E25578" t="s">
        <v>15699</v>
      </c>
      <c r="F25578" t="s">
        <v>15700</v>
      </c>
      <c r="G25578" t="s">
        <v>10734</v>
      </c>
      <c r="H25578" t="s">
        <v>10735</v>
      </c>
      <c r="I25578" s="2">
        <v>1</v>
      </c>
      <c r="J25578" s="2">
        <v>0</v>
      </c>
      <c r="K25578" s="2">
        <v>0</v>
      </c>
      <c r="L25578" t="s">
        <v>120</v>
      </c>
      <c r="M25578" t="s">
        <v>83</v>
      </c>
      <c r="N25578" t="s">
        <v>84</v>
      </c>
      <c r="O25578" t="s">
        <v>85</v>
      </c>
      <c r="P25578" t="s">
        <v>86</v>
      </c>
      <c r="Q25578">
        <v>15</v>
      </c>
      <c r="R25578">
        <v>15</v>
      </c>
      <c r="S25578">
        <v>15</v>
      </c>
      <c r="T25578">
        <v>16</v>
      </c>
      <c r="U25578">
        <v>16</v>
      </c>
      <c r="V25578">
        <v>16</v>
      </c>
      <c r="W25578">
        <v>17</v>
      </c>
      <c r="X25578">
        <v>17</v>
      </c>
      <c r="Y25578">
        <v>17</v>
      </c>
      <c r="Z25578">
        <v>18</v>
      </c>
      <c r="AA25578">
        <v>18</v>
      </c>
      <c r="AB25578">
        <v>19</v>
      </c>
      <c r="AC25578">
        <v>19</v>
      </c>
      <c r="AD25578">
        <v>19</v>
      </c>
      <c r="AE25578">
        <v>20</v>
      </c>
      <c r="AF25578">
        <v>20</v>
      </c>
      <c r="AG25578">
        <v>21</v>
      </c>
      <c r="AH25578">
        <v>21</v>
      </c>
      <c r="AI25578">
        <v>21</v>
      </c>
      <c r="AJ25578">
        <v>22</v>
      </c>
      <c r="AK25578">
        <v>22</v>
      </c>
      <c r="AL25578">
        <v>23</v>
      </c>
      <c r="AM25578">
        <v>23</v>
      </c>
      <c r="AN25578">
        <v>23</v>
      </c>
      <c r="AO25578">
        <v>23</v>
      </c>
      <c r="AP25578">
        <v>24</v>
      </c>
      <c r="AQ25578">
        <v>24</v>
      </c>
    </row>
    <row r="25579" spans="1:43">
      <c r="A25579" t="s">
        <v>15831</v>
      </c>
      <c r="B25579" t="s">
        <v>15832</v>
      </c>
      <c r="C25579" t="s">
        <v>15697</v>
      </c>
      <c r="D25579" t="s">
        <v>15698</v>
      </c>
      <c r="E25579" t="s">
        <v>15699</v>
      </c>
      <c r="F25579" t="s">
        <v>15700</v>
      </c>
      <c r="G25579" t="s">
        <v>10734</v>
      </c>
      <c r="H25579" t="s">
        <v>10735</v>
      </c>
      <c r="I25579" s="2">
        <v>1</v>
      </c>
      <c r="J25579" s="2">
        <v>0</v>
      </c>
      <c r="K25579" s="2">
        <v>0</v>
      </c>
      <c r="L25579" t="s">
        <v>120</v>
      </c>
      <c r="M25579" t="s">
        <v>87</v>
      </c>
      <c r="N25579" t="s">
        <v>88</v>
      </c>
      <c r="O25579" t="s">
        <v>85</v>
      </c>
      <c r="P25579" t="s">
        <v>86</v>
      </c>
      <c r="Q25579">
        <v>15</v>
      </c>
      <c r="R25579">
        <v>16</v>
      </c>
      <c r="S25579">
        <v>16</v>
      </c>
      <c r="T25579">
        <v>16</v>
      </c>
      <c r="U25579">
        <v>16</v>
      </c>
      <c r="V25579">
        <v>16</v>
      </c>
      <c r="W25579">
        <v>17</v>
      </c>
      <c r="X25579">
        <v>17</v>
      </c>
      <c r="Y25579">
        <v>17</v>
      </c>
      <c r="Z25579">
        <v>17</v>
      </c>
      <c r="AA25579">
        <v>18</v>
      </c>
      <c r="AB25579">
        <v>18</v>
      </c>
      <c r="AC25579">
        <v>18</v>
      </c>
      <c r="AD25579">
        <v>18</v>
      </c>
      <c r="AE25579">
        <v>18</v>
      </c>
      <c r="AF25579">
        <v>19</v>
      </c>
      <c r="AG25579">
        <v>19</v>
      </c>
      <c r="AH25579">
        <v>19</v>
      </c>
      <c r="AI25579">
        <v>19</v>
      </c>
      <c r="AJ25579">
        <v>20</v>
      </c>
      <c r="AK25579">
        <v>20</v>
      </c>
      <c r="AL25579">
        <v>20</v>
      </c>
      <c r="AM25579">
        <v>21</v>
      </c>
      <c r="AN25579">
        <v>21</v>
      </c>
      <c r="AO25579">
        <v>21</v>
      </c>
      <c r="AP25579">
        <v>21</v>
      </c>
      <c r="AQ25579">
        <v>22</v>
      </c>
    </row>
    <row r="25580" spans="1:43">
      <c r="A25580" t="s">
        <v>15831</v>
      </c>
      <c r="B25580" t="s">
        <v>15832</v>
      </c>
      <c r="C25580" t="s">
        <v>15697</v>
      </c>
      <c r="D25580" t="s">
        <v>15698</v>
      </c>
      <c r="E25580" t="s">
        <v>15699</v>
      </c>
      <c r="F25580" t="s">
        <v>15700</v>
      </c>
      <c r="G25580" t="s">
        <v>10734</v>
      </c>
      <c r="H25580" t="s">
        <v>10735</v>
      </c>
      <c r="I25580" s="2">
        <v>1</v>
      </c>
      <c r="J25580" s="2">
        <v>0</v>
      </c>
      <c r="K25580" s="2">
        <v>0</v>
      </c>
      <c r="L25580" t="s">
        <v>120</v>
      </c>
      <c r="M25580" t="s">
        <v>89</v>
      </c>
      <c r="N25580" t="s">
        <v>90</v>
      </c>
      <c r="O25580" t="s">
        <v>85</v>
      </c>
      <c r="P25580" t="s">
        <v>86</v>
      </c>
      <c r="Q25580">
        <v>15</v>
      </c>
      <c r="R25580">
        <v>15</v>
      </c>
      <c r="S25580">
        <v>16</v>
      </c>
      <c r="T25580">
        <v>16</v>
      </c>
      <c r="U25580">
        <v>17</v>
      </c>
      <c r="V25580">
        <v>17</v>
      </c>
      <c r="W25580">
        <v>17</v>
      </c>
      <c r="X25580">
        <v>18</v>
      </c>
      <c r="Y25580">
        <v>18</v>
      </c>
      <c r="Z25580">
        <v>19</v>
      </c>
      <c r="AA25580">
        <v>19</v>
      </c>
      <c r="AB25580">
        <v>20</v>
      </c>
      <c r="AC25580">
        <v>20</v>
      </c>
      <c r="AD25580">
        <v>21</v>
      </c>
      <c r="AE25580">
        <v>21</v>
      </c>
      <c r="AF25580">
        <v>21</v>
      </c>
      <c r="AG25580">
        <v>22</v>
      </c>
      <c r="AH25580">
        <v>22</v>
      </c>
      <c r="AI25580">
        <v>22</v>
      </c>
      <c r="AJ25580">
        <v>22</v>
      </c>
      <c r="AK25580">
        <v>23</v>
      </c>
      <c r="AL25580">
        <v>23</v>
      </c>
      <c r="AM25580">
        <v>23</v>
      </c>
      <c r="AN25580">
        <v>23</v>
      </c>
      <c r="AO25580">
        <v>24</v>
      </c>
      <c r="AP25580">
        <v>24</v>
      </c>
      <c r="AQ25580">
        <v>24</v>
      </c>
    </row>
    <row r="25581" spans="1:43">
      <c r="A25581" t="s">
        <v>15831</v>
      </c>
      <c r="B25581" t="s">
        <v>15832</v>
      </c>
      <c r="C25581" t="s">
        <v>15697</v>
      </c>
      <c r="D25581" t="s">
        <v>15698</v>
      </c>
      <c r="E25581" t="s">
        <v>15699</v>
      </c>
      <c r="F25581" t="s">
        <v>15700</v>
      </c>
      <c r="G25581" t="s">
        <v>10734</v>
      </c>
      <c r="H25581" t="s">
        <v>10735</v>
      </c>
      <c r="I25581" s="2">
        <v>1</v>
      </c>
      <c r="J25581" s="2">
        <v>0</v>
      </c>
      <c r="K25581" s="2">
        <v>0</v>
      </c>
      <c r="L25581" t="s">
        <v>120</v>
      </c>
      <c r="M25581" t="s">
        <v>83</v>
      </c>
      <c r="N25581" t="s">
        <v>91</v>
      </c>
      <c r="O25581" t="s">
        <v>85</v>
      </c>
      <c r="P25581" t="s">
        <v>86</v>
      </c>
      <c r="Q25581">
        <v>15</v>
      </c>
      <c r="R25581">
        <v>15</v>
      </c>
      <c r="S25581">
        <v>15</v>
      </c>
      <c r="T25581">
        <v>16</v>
      </c>
      <c r="U25581">
        <v>16</v>
      </c>
      <c r="V25581">
        <v>16</v>
      </c>
      <c r="W25581">
        <v>17</v>
      </c>
      <c r="X25581">
        <v>17</v>
      </c>
      <c r="Y25581">
        <v>17</v>
      </c>
      <c r="Z25581">
        <v>18</v>
      </c>
      <c r="AA25581">
        <v>18</v>
      </c>
      <c r="AB25581">
        <v>19</v>
      </c>
      <c r="AC25581">
        <v>19</v>
      </c>
      <c r="AD25581">
        <v>19</v>
      </c>
      <c r="AE25581">
        <v>20</v>
      </c>
      <c r="AF25581">
        <v>20</v>
      </c>
      <c r="AG25581">
        <v>21</v>
      </c>
      <c r="AH25581">
        <v>21</v>
      </c>
      <c r="AI25581">
        <v>21</v>
      </c>
      <c r="AJ25581">
        <v>22</v>
      </c>
      <c r="AK25581">
        <v>22</v>
      </c>
      <c r="AL25581">
        <v>23</v>
      </c>
      <c r="AM25581">
        <v>23</v>
      </c>
      <c r="AN25581">
        <v>23</v>
      </c>
      <c r="AO25581">
        <v>23</v>
      </c>
      <c r="AP25581">
        <v>24</v>
      </c>
      <c r="AQ25581">
        <v>24</v>
      </c>
    </row>
    <row r="25582" spans="1:43">
      <c r="A25582" t="s">
        <v>15833</v>
      </c>
      <c r="B25582" t="s">
        <v>15834</v>
      </c>
      <c r="C25582" t="s">
        <v>15767</v>
      </c>
      <c r="D25582" t="s">
        <v>15768</v>
      </c>
      <c r="E25582" t="s">
        <v>15699</v>
      </c>
      <c r="F25582" t="s">
        <v>15700</v>
      </c>
      <c r="G25582" t="s">
        <v>10734</v>
      </c>
      <c r="H25582" t="s">
        <v>10735</v>
      </c>
      <c r="I25582" s="2">
        <v>1</v>
      </c>
      <c r="J25582" s="2">
        <v>0</v>
      </c>
      <c r="K25582" s="2">
        <v>0</v>
      </c>
      <c r="L25582" t="s">
        <v>120</v>
      </c>
      <c r="M25582" t="s">
        <v>83</v>
      </c>
      <c r="N25582" t="s">
        <v>84</v>
      </c>
      <c r="O25582" t="s">
        <v>85</v>
      </c>
      <c r="P25582" t="s">
        <v>86</v>
      </c>
      <c r="Q25582">
        <v>53</v>
      </c>
      <c r="R25582">
        <v>54</v>
      </c>
      <c r="S25582">
        <v>56</v>
      </c>
      <c r="T25582">
        <v>57</v>
      </c>
      <c r="U25582">
        <v>58</v>
      </c>
      <c r="V25582">
        <v>60</v>
      </c>
      <c r="W25582">
        <v>61</v>
      </c>
      <c r="X25582">
        <v>62</v>
      </c>
      <c r="Y25582">
        <v>64</v>
      </c>
      <c r="Z25582">
        <v>65</v>
      </c>
      <c r="AA25582">
        <v>66</v>
      </c>
      <c r="AB25582">
        <v>68</v>
      </c>
      <c r="AC25582">
        <v>69</v>
      </c>
      <c r="AD25582">
        <v>71</v>
      </c>
      <c r="AE25582">
        <v>72</v>
      </c>
      <c r="AF25582">
        <v>74</v>
      </c>
      <c r="AG25582">
        <v>75</v>
      </c>
      <c r="AH25582">
        <v>77</v>
      </c>
      <c r="AI25582">
        <v>78</v>
      </c>
      <c r="AJ25582">
        <v>80</v>
      </c>
      <c r="AK25582">
        <v>81</v>
      </c>
      <c r="AL25582">
        <v>83</v>
      </c>
      <c r="AM25582">
        <v>84</v>
      </c>
      <c r="AN25582">
        <v>85</v>
      </c>
      <c r="AO25582">
        <v>86</v>
      </c>
      <c r="AP25582">
        <v>87</v>
      </c>
      <c r="AQ25582">
        <v>88</v>
      </c>
    </row>
    <row r="25583" spans="1:43">
      <c r="A25583" t="s">
        <v>15833</v>
      </c>
      <c r="B25583" t="s">
        <v>15834</v>
      </c>
      <c r="C25583" t="s">
        <v>15767</v>
      </c>
      <c r="D25583" t="s">
        <v>15768</v>
      </c>
      <c r="E25583" t="s">
        <v>15699</v>
      </c>
      <c r="F25583" t="s">
        <v>15700</v>
      </c>
      <c r="G25583" t="s">
        <v>10734</v>
      </c>
      <c r="H25583" t="s">
        <v>10735</v>
      </c>
      <c r="I25583" s="2">
        <v>1</v>
      </c>
      <c r="J25583" s="2">
        <v>0</v>
      </c>
      <c r="K25583" s="2">
        <v>0</v>
      </c>
      <c r="L25583" t="s">
        <v>120</v>
      </c>
      <c r="M25583" t="s">
        <v>87</v>
      </c>
      <c r="N25583" t="s">
        <v>88</v>
      </c>
      <c r="O25583" t="s">
        <v>85</v>
      </c>
      <c r="P25583" t="s">
        <v>86</v>
      </c>
      <c r="Q25583">
        <v>53</v>
      </c>
      <c r="R25583">
        <v>53</v>
      </c>
      <c r="S25583">
        <v>54</v>
      </c>
      <c r="T25583">
        <v>55</v>
      </c>
      <c r="U25583">
        <v>56</v>
      </c>
      <c r="V25583">
        <v>56</v>
      </c>
      <c r="W25583">
        <v>57</v>
      </c>
      <c r="X25583">
        <v>58</v>
      </c>
      <c r="Y25583">
        <v>59</v>
      </c>
      <c r="Z25583">
        <v>60</v>
      </c>
      <c r="AA25583">
        <v>60</v>
      </c>
      <c r="AB25583">
        <v>61</v>
      </c>
      <c r="AC25583">
        <v>62</v>
      </c>
      <c r="AD25583">
        <v>63</v>
      </c>
      <c r="AE25583">
        <v>64</v>
      </c>
      <c r="AF25583">
        <v>65</v>
      </c>
      <c r="AG25583">
        <v>66</v>
      </c>
      <c r="AH25583">
        <v>67</v>
      </c>
      <c r="AI25583">
        <v>68</v>
      </c>
      <c r="AJ25583">
        <v>69</v>
      </c>
      <c r="AK25583">
        <v>70</v>
      </c>
      <c r="AL25583">
        <v>71</v>
      </c>
      <c r="AM25583">
        <v>72</v>
      </c>
      <c r="AN25583">
        <v>73</v>
      </c>
      <c r="AO25583">
        <v>74</v>
      </c>
      <c r="AP25583">
        <v>75</v>
      </c>
      <c r="AQ25583">
        <v>76</v>
      </c>
    </row>
    <row r="25584" spans="1:43">
      <c r="A25584" t="s">
        <v>15833</v>
      </c>
      <c r="B25584" t="s">
        <v>15834</v>
      </c>
      <c r="C25584" t="s">
        <v>15767</v>
      </c>
      <c r="D25584" t="s">
        <v>15768</v>
      </c>
      <c r="E25584" t="s">
        <v>15699</v>
      </c>
      <c r="F25584" t="s">
        <v>15700</v>
      </c>
      <c r="G25584" t="s">
        <v>10734</v>
      </c>
      <c r="H25584" t="s">
        <v>10735</v>
      </c>
      <c r="I25584" s="2">
        <v>1</v>
      </c>
      <c r="J25584" s="2">
        <v>0</v>
      </c>
      <c r="K25584" s="2">
        <v>0</v>
      </c>
      <c r="L25584" t="s">
        <v>120</v>
      </c>
      <c r="M25584" t="s">
        <v>89</v>
      </c>
      <c r="N25584" t="s">
        <v>90</v>
      </c>
      <c r="O25584" t="s">
        <v>85</v>
      </c>
      <c r="P25584" t="s">
        <v>86</v>
      </c>
      <c r="Q25584">
        <v>53</v>
      </c>
      <c r="R25584">
        <v>54</v>
      </c>
      <c r="S25584">
        <v>56</v>
      </c>
      <c r="T25584">
        <v>58</v>
      </c>
      <c r="U25584">
        <v>59</v>
      </c>
      <c r="V25584">
        <v>61</v>
      </c>
      <c r="W25584">
        <v>63</v>
      </c>
      <c r="X25584">
        <v>64</v>
      </c>
      <c r="Y25584">
        <v>66</v>
      </c>
      <c r="Z25584">
        <v>68</v>
      </c>
      <c r="AA25584">
        <v>70</v>
      </c>
      <c r="AB25584">
        <v>71</v>
      </c>
      <c r="AC25584">
        <v>73</v>
      </c>
      <c r="AD25584">
        <v>75</v>
      </c>
      <c r="AE25584">
        <v>76</v>
      </c>
      <c r="AF25584">
        <v>77</v>
      </c>
      <c r="AG25584">
        <v>78</v>
      </c>
      <c r="AH25584">
        <v>79</v>
      </c>
      <c r="AI25584">
        <v>80</v>
      </c>
      <c r="AJ25584">
        <v>81</v>
      </c>
      <c r="AK25584">
        <v>81</v>
      </c>
      <c r="AL25584">
        <v>82</v>
      </c>
      <c r="AM25584">
        <v>83</v>
      </c>
      <c r="AN25584">
        <v>84</v>
      </c>
      <c r="AO25584">
        <v>85</v>
      </c>
      <c r="AP25584">
        <v>86</v>
      </c>
      <c r="AQ25584">
        <v>87</v>
      </c>
    </row>
    <row r="25585" spans="1:43">
      <c r="A25585" t="s">
        <v>15833</v>
      </c>
      <c r="B25585" t="s">
        <v>15834</v>
      </c>
      <c r="C25585" t="s">
        <v>15767</v>
      </c>
      <c r="D25585" t="s">
        <v>15768</v>
      </c>
      <c r="E25585" t="s">
        <v>15699</v>
      </c>
      <c r="F25585" t="s">
        <v>15700</v>
      </c>
      <c r="G25585" t="s">
        <v>10734</v>
      </c>
      <c r="H25585" t="s">
        <v>10735</v>
      </c>
      <c r="I25585" s="2">
        <v>1</v>
      </c>
      <c r="J25585" s="2">
        <v>0</v>
      </c>
      <c r="K25585" s="2">
        <v>0</v>
      </c>
      <c r="L25585" t="s">
        <v>120</v>
      </c>
      <c r="M25585" t="s">
        <v>83</v>
      </c>
      <c r="N25585" t="s">
        <v>91</v>
      </c>
      <c r="O25585" t="s">
        <v>85</v>
      </c>
      <c r="P25585" t="s">
        <v>86</v>
      </c>
      <c r="Q25585">
        <v>53</v>
      </c>
      <c r="R25585">
        <v>54</v>
      </c>
      <c r="S25585">
        <v>56</v>
      </c>
      <c r="T25585">
        <v>57</v>
      </c>
      <c r="U25585">
        <v>58</v>
      </c>
      <c r="V25585">
        <v>60</v>
      </c>
      <c r="W25585">
        <v>61</v>
      </c>
      <c r="X25585">
        <v>62</v>
      </c>
      <c r="Y25585">
        <v>64</v>
      </c>
      <c r="Z25585">
        <v>65</v>
      </c>
      <c r="AA25585">
        <v>66</v>
      </c>
      <c r="AB25585">
        <v>68</v>
      </c>
      <c r="AC25585">
        <v>69</v>
      </c>
      <c r="AD25585">
        <v>71</v>
      </c>
      <c r="AE25585">
        <v>72</v>
      </c>
      <c r="AF25585">
        <v>74</v>
      </c>
      <c r="AG25585">
        <v>75</v>
      </c>
      <c r="AH25585">
        <v>77</v>
      </c>
      <c r="AI25585">
        <v>78</v>
      </c>
      <c r="AJ25585">
        <v>80</v>
      </c>
      <c r="AK25585">
        <v>81</v>
      </c>
      <c r="AL25585">
        <v>83</v>
      </c>
      <c r="AM25585">
        <v>84</v>
      </c>
      <c r="AN25585">
        <v>85</v>
      </c>
      <c r="AO25585">
        <v>86</v>
      </c>
      <c r="AP25585">
        <v>87</v>
      </c>
      <c r="AQ25585">
        <v>88</v>
      </c>
    </row>
    <row r="25586" spans="1:43">
      <c r="A25586" t="s">
        <v>15835</v>
      </c>
      <c r="B25586" t="s">
        <v>15836</v>
      </c>
      <c r="C25586" t="s">
        <v>15771</v>
      </c>
      <c r="D25586" t="s">
        <v>15772</v>
      </c>
      <c r="E25586" t="s">
        <v>15699</v>
      </c>
      <c r="F25586" t="s">
        <v>15700</v>
      </c>
      <c r="G25586" t="s">
        <v>10734</v>
      </c>
      <c r="H25586" t="s">
        <v>10735</v>
      </c>
      <c r="I25586" s="2">
        <v>1</v>
      </c>
      <c r="J25586" s="2">
        <v>0</v>
      </c>
      <c r="K25586" s="2">
        <v>0</v>
      </c>
      <c r="L25586" t="s">
        <v>120</v>
      </c>
      <c r="M25586" t="s">
        <v>83</v>
      </c>
      <c r="N25586" t="s">
        <v>84</v>
      </c>
      <c r="O25586" t="s">
        <v>85</v>
      </c>
      <c r="P25586" t="s">
        <v>86</v>
      </c>
      <c r="Q25586">
        <v>57</v>
      </c>
      <c r="R25586">
        <v>58</v>
      </c>
      <c r="S25586">
        <v>60</v>
      </c>
      <c r="T25586">
        <v>61</v>
      </c>
      <c r="U25586">
        <v>63</v>
      </c>
      <c r="V25586">
        <v>64</v>
      </c>
      <c r="W25586">
        <v>65</v>
      </c>
      <c r="X25586">
        <v>67</v>
      </c>
      <c r="Y25586">
        <v>68</v>
      </c>
      <c r="Z25586">
        <v>70</v>
      </c>
      <c r="AA25586">
        <v>71</v>
      </c>
      <c r="AB25586">
        <v>73</v>
      </c>
      <c r="AC25586">
        <v>74</v>
      </c>
      <c r="AD25586">
        <v>76</v>
      </c>
      <c r="AE25586">
        <v>77</v>
      </c>
      <c r="AF25586">
        <v>79</v>
      </c>
      <c r="AG25586">
        <v>81</v>
      </c>
      <c r="AH25586">
        <v>82</v>
      </c>
      <c r="AI25586">
        <v>84</v>
      </c>
      <c r="AJ25586">
        <v>86</v>
      </c>
      <c r="AK25586">
        <v>88</v>
      </c>
      <c r="AL25586">
        <v>89</v>
      </c>
      <c r="AM25586">
        <v>90</v>
      </c>
      <c r="AN25586">
        <v>91</v>
      </c>
      <c r="AO25586">
        <v>92</v>
      </c>
      <c r="AP25586">
        <v>93</v>
      </c>
      <c r="AQ25586">
        <v>94</v>
      </c>
    </row>
    <row r="25587" spans="1:43">
      <c r="A25587" t="s">
        <v>15835</v>
      </c>
      <c r="B25587" t="s">
        <v>15836</v>
      </c>
      <c r="C25587" t="s">
        <v>15771</v>
      </c>
      <c r="D25587" t="s">
        <v>15772</v>
      </c>
      <c r="E25587" t="s">
        <v>15699</v>
      </c>
      <c r="F25587" t="s">
        <v>15700</v>
      </c>
      <c r="G25587" t="s">
        <v>10734</v>
      </c>
      <c r="H25587" t="s">
        <v>10735</v>
      </c>
      <c r="I25587" s="2">
        <v>1</v>
      </c>
      <c r="J25587" s="2">
        <v>0</v>
      </c>
      <c r="K25587" s="2">
        <v>0</v>
      </c>
      <c r="L25587" t="s">
        <v>120</v>
      </c>
      <c r="M25587" t="s">
        <v>87</v>
      </c>
      <c r="N25587" t="s">
        <v>88</v>
      </c>
      <c r="O25587" t="s">
        <v>85</v>
      </c>
      <c r="P25587" t="s">
        <v>86</v>
      </c>
      <c r="Q25587">
        <v>57</v>
      </c>
      <c r="R25587">
        <v>57</v>
      </c>
      <c r="S25587">
        <v>58</v>
      </c>
      <c r="T25587">
        <v>59</v>
      </c>
      <c r="U25587">
        <v>60</v>
      </c>
      <c r="V25587">
        <v>61</v>
      </c>
      <c r="W25587">
        <v>61</v>
      </c>
      <c r="X25587">
        <v>62</v>
      </c>
      <c r="Y25587">
        <v>63</v>
      </c>
      <c r="Z25587">
        <v>64</v>
      </c>
      <c r="AA25587">
        <v>65</v>
      </c>
      <c r="AB25587">
        <v>66</v>
      </c>
      <c r="AC25587">
        <v>67</v>
      </c>
      <c r="AD25587">
        <v>68</v>
      </c>
      <c r="AE25587">
        <v>69</v>
      </c>
      <c r="AF25587">
        <v>70</v>
      </c>
      <c r="AG25587">
        <v>71</v>
      </c>
      <c r="AH25587">
        <v>72</v>
      </c>
      <c r="AI25587">
        <v>73</v>
      </c>
      <c r="AJ25587">
        <v>74</v>
      </c>
      <c r="AK25587">
        <v>75</v>
      </c>
      <c r="AL25587">
        <v>76</v>
      </c>
      <c r="AM25587">
        <v>77</v>
      </c>
      <c r="AN25587">
        <v>78</v>
      </c>
      <c r="AO25587">
        <v>79</v>
      </c>
      <c r="AP25587">
        <v>81</v>
      </c>
      <c r="AQ25587">
        <v>82</v>
      </c>
    </row>
    <row r="25588" spans="1:43">
      <c r="A25588" t="s">
        <v>15835</v>
      </c>
      <c r="B25588" t="s">
        <v>15836</v>
      </c>
      <c r="C25588" t="s">
        <v>15771</v>
      </c>
      <c r="D25588" t="s">
        <v>15772</v>
      </c>
      <c r="E25588" t="s">
        <v>15699</v>
      </c>
      <c r="F25588" t="s">
        <v>15700</v>
      </c>
      <c r="G25588" t="s">
        <v>10734</v>
      </c>
      <c r="H25588" t="s">
        <v>10735</v>
      </c>
      <c r="I25588" s="2">
        <v>1</v>
      </c>
      <c r="J25588" s="2">
        <v>0</v>
      </c>
      <c r="K25588" s="2">
        <v>0</v>
      </c>
      <c r="L25588" t="s">
        <v>120</v>
      </c>
      <c r="M25588" t="s">
        <v>89</v>
      </c>
      <c r="N25588" t="s">
        <v>90</v>
      </c>
      <c r="O25588" t="s">
        <v>85</v>
      </c>
      <c r="P25588" t="s">
        <v>86</v>
      </c>
      <c r="Q25588">
        <v>57</v>
      </c>
      <c r="R25588">
        <v>58</v>
      </c>
      <c r="S25588">
        <v>60</v>
      </c>
      <c r="T25588">
        <v>62</v>
      </c>
      <c r="U25588">
        <v>64</v>
      </c>
      <c r="V25588">
        <v>66</v>
      </c>
      <c r="W25588">
        <v>68</v>
      </c>
      <c r="X25588">
        <v>69</v>
      </c>
      <c r="Y25588">
        <v>71</v>
      </c>
      <c r="Z25588">
        <v>73</v>
      </c>
      <c r="AA25588">
        <v>75</v>
      </c>
      <c r="AB25588">
        <v>77</v>
      </c>
      <c r="AC25588">
        <v>79</v>
      </c>
      <c r="AD25588">
        <v>81</v>
      </c>
      <c r="AE25588">
        <v>82</v>
      </c>
      <c r="AF25588">
        <v>83</v>
      </c>
      <c r="AG25588">
        <v>84</v>
      </c>
      <c r="AH25588">
        <v>85</v>
      </c>
      <c r="AI25588">
        <v>86</v>
      </c>
      <c r="AJ25588">
        <v>87</v>
      </c>
      <c r="AK25588">
        <v>88</v>
      </c>
      <c r="AL25588">
        <v>89</v>
      </c>
      <c r="AM25588">
        <v>90</v>
      </c>
      <c r="AN25588">
        <v>91</v>
      </c>
      <c r="AO25588">
        <v>92</v>
      </c>
      <c r="AP25588">
        <v>93</v>
      </c>
      <c r="AQ25588">
        <v>94</v>
      </c>
    </row>
    <row r="25589" spans="1:43">
      <c r="A25589" t="s">
        <v>15835</v>
      </c>
      <c r="B25589" t="s">
        <v>15836</v>
      </c>
      <c r="C25589" t="s">
        <v>15771</v>
      </c>
      <c r="D25589" t="s">
        <v>15772</v>
      </c>
      <c r="E25589" t="s">
        <v>15699</v>
      </c>
      <c r="F25589" t="s">
        <v>15700</v>
      </c>
      <c r="G25589" t="s">
        <v>10734</v>
      </c>
      <c r="H25589" t="s">
        <v>10735</v>
      </c>
      <c r="I25589" s="2">
        <v>1</v>
      </c>
      <c r="J25589" s="2">
        <v>0</v>
      </c>
      <c r="K25589" s="2">
        <v>0</v>
      </c>
      <c r="L25589" t="s">
        <v>120</v>
      </c>
      <c r="M25589" t="s">
        <v>83</v>
      </c>
      <c r="N25589" t="s">
        <v>91</v>
      </c>
      <c r="O25589" t="s">
        <v>85</v>
      </c>
      <c r="P25589" t="s">
        <v>86</v>
      </c>
      <c r="Q25589">
        <v>57</v>
      </c>
      <c r="R25589">
        <v>58</v>
      </c>
      <c r="S25589">
        <v>60</v>
      </c>
      <c r="T25589">
        <v>61</v>
      </c>
      <c r="U25589">
        <v>63</v>
      </c>
      <c r="V25589">
        <v>64</v>
      </c>
      <c r="W25589">
        <v>65</v>
      </c>
      <c r="X25589">
        <v>67</v>
      </c>
      <c r="Y25589">
        <v>68</v>
      </c>
      <c r="Z25589">
        <v>70</v>
      </c>
      <c r="AA25589">
        <v>71</v>
      </c>
      <c r="AB25589">
        <v>73</v>
      </c>
      <c r="AC25589">
        <v>74</v>
      </c>
      <c r="AD25589">
        <v>76</v>
      </c>
      <c r="AE25589">
        <v>77</v>
      </c>
      <c r="AF25589">
        <v>79</v>
      </c>
      <c r="AG25589">
        <v>81</v>
      </c>
      <c r="AH25589">
        <v>82</v>
      </c>
      <c r="AI25589">
        <v>84</v>
      </c>
      <c r="AJ25589">
        <v>86</v>
      </c>
      <c r="AK25589">
        <v>88</v>
      </c>
      <c r="AL25589">
        <v>89</v>
      </c>
      <c r="AM25589">
        <v>90</v>
      </c>
      <c r="AN25589">
        <v>91</v>
      </c>
      <c r="AO25589">
        <v>92</v>
      </c>
      <c r="AP25589">
        <v>93</v>
      </c>
      <c r="AQ25589">
        <v>94</v>
      </c>
    </row>
    <row r="25590" spans="1:43">
      <c r="A25590" t="s">
        <v>15837</v>
      </c>
      <c r="B25590" t="s">
        <v>15838</v>
      </c>
      <c r="C25590" t="s">
        <v>15767</v>
      </c>
      <c r="D25590" t="s">
        <v>15768</v>
      </c>
      <c r="E25590" t="s">
        <v>15699</v>
      </c>
      <c r="F25590" t="s">
        <v>15700</v>
      </c>
      <c r="G25590" t="s">
        <v>10734</v>
      </c>
      <c r="H25590" t="s">
        <v>10735</v>
      </c>
      <c r="I25590" s="2">
        <v>1</v>
      </c>
      <c r="J25590" s="2">
        <v>0</v>
      </c>
      <c r="K25590" s="2">
        <v>0</v>
      </c>
      <c r="L25590" t="s">
        <v>120</v>
      </c>
      <c r="M25590" t="s">
        <v>83</v>
      </c>
      <c r="N25590" t="s">
        <v>84</v>
      </c>
      <c r="O25590" t="s">
        <v>85</v>
      </c>
      <c r="P25590" t="s">
        <v>86</v>
      </c>
      <c r="Q25590">
        <v>16</v>
      </c>
      <c r="R25590">
        <v>16</v>
      </c>
      <c r="S25590">
        <v>17</v>
      </c>
      <c r="T25590">
        <v>17</v>
      </c>
      <c r="U25590">
        <v>17</v>
      </c>
      <c r="V25590">
        <v>18</v>
      </c>
      <c r="W25590">
        <v>18</v>
      </c>
      <c r="X25590">
        <v>19</v>
      </c>
      <c r="Y25590">
        <v>19</v>
      </c>
      <c r="Z25590">
        <v>19</v>
      </c>
      <c r="AA25590">
        <v>20</v>
      </c>
      <c r="AB25590">
        <v>20</v>
      </c>
      <c r="AC25590">
        <v>21</v>
      </c>
      <c r="AD25590">
        <v>21</v>
      </c>
      <c r="AE25590">
        <v>22</v>
      </c>
      <c r="AF25590">
        <v>22</v>
      </c>
      <c r="AG25590">
        <v>22</v>
      </c>
      <c r="AH25590">
        <v>23</v>
      </c>
      <c r="AI25590">
        <v>23</v>
      </c>
      <c r="AJ25590">
        <v>24</v>
      </c>
      <c r="AK25590">
        <v>24</v>
      </c>
      <c r="AL25590">
        <v>25</v>
      </c>
      <c r="AM25590">
        <v>25</v>
      </c>
      <c r="AN25590">
        <v>25</v>
      </c>
      <c r="AO25590">
        <v>26</v>
      </c>
      <c r="AP25590">
        <v>26</v>
      </c>
      <c r="AQ25590">
        <v>26</v>
      </c>
    </row>
    <row r="25591" spans="1:43">
      <c r="A25591" t="s">
        <v>15837</v>
      </c>
      <c r="B25591" t="s">
        <v>15838</v>
      </c>
      <c r="C25591" t="s">
        <v>15767</v>
      </c>
      <c r="D25591" t="s">
        <v>15768</v>
      </c>
      <c r="E25591" t="s">
        <v>15699</v>
      </c>
      <c r="F25591" t="s">
        <v>15700</v>
      </c>
      <c r="G25591" t="s">
        <v>10734</v>
      </c>
      <c r="H25591" t="s">
        <v>10735</v>
      </c>
      <c r="I25591" s="2">
        <v>1</v>
      </c>
      <c r="J25591" s="2">
        <v>0</v>
      </c>
      <c r="K25591" s="2">
        <v>0</v>
      </c>
      <c r="L25591" t="s">
        <v>120</v>
      </c>
      <c r="M25591" t="s">
        <v>87</v>
      </c>
      <c r="N25591" t="s">
        <v>88</v>
      </c>
      <c r="O25591" t="s">
        <v>85</v>
      </c>
      <c r="P25591" t="s">
        <v>86</v>
      </c>
      <c r="Q25591">
        <v>16</v>
      </c>
      <c r="R25591">
        <v>16</v>
      </c>
      <c r="S25591">
        <v>16</v>
      </c>
      <c r="T25591">
        <v>16</v>
      </c>
      <c r="U25591">
        <v>17</v>
      </c>
      <c r="V25591">
        <v>17</v>
      </c>
      <c r="W25591">
        <v>17</v>
      </c>
      <c r="X25591">
        <v>17</v>
      </c>
      <c r="Y25591">
        <v>18</v>
      </c>
      <c r="Z25591">
        <v>18</v>
      </c>
      <c r="AA25591">
        <v>18</v>
      </c>
      <c r="AB25591">
        <v>18</v>
      </c>
      <c r="AC25591">
        <v>19</v>
      </c>
      <c r="AD25591">
        <v>19</v>
      </c>
      <c r="AE25591">
        <v>19</v>
      </c>
      <c r="AF25591">
        <v>19</v>
      </c>
      <c r="AG25591">
        <v>20</v>
      </c>
      <c r="AH25591">
        <v>20</v>
      </c>
      <c r="AI25591">
        <v>20</v>
      </c>
      <c r="AJ25591">
        <v>21</v>
      </c>
      <c r="AK25591">
        <v>21</v>
      </c>
      <c r="AL25591">
        <v>21</v>
      </c>
      <c r="AM25591">
        <v>22</v>
      </c>
      <c r="AN25591">
        <v>22</v>
      </c>
      <c r="AO25591">
        <v>22</v>
      </c>
      <c r="AP25591">
        <v>23</v>
      </c>
      <c r="AQ25591">
        <v>23</v>
      </c>
    </row>
    <row r="25592" spans="1:43">
      <c r="A25592" t="s">
        <v>15837</v>
      </c>
      <c r="B25592" t="s">
        <v>15838</v>
      </c>
      <c r="C25592" t="s">
        <v>15767</v>
      </c>
      <c r="D25592" t="s">
        <v>15768</v>
      </c>
      <c r="E25592" t="s">
        <v>15699</v>
      </c>
      <c r="F25592" t="s">
        <v>15700</v>
      </c>
      <c r="G25592" t="s">
        <v>10734</v>
      </c>
      <c r="H25592" t="s">
        <v>10735</v>
      </c>
      <c r="I25592" s="2">
        <v>1</v>
      </c>
      <c r="J25592" s="2">
        <v>0</v>
      </c>
      <c r="K25592" s="2">
        <v>0</v>
      </c>
      <c r="L25592" t="s">
        <v>120</v>
      </c>
      <c r="M25592" t="s">
        <v>89</v>
      </c>
      <c r="N25592" t="s">
        <v>90</v>
      </c>
      <c r="O25592" t="s">
        <v>85</v>
      </c>
      <c r="P25592" t="s">
        <v>86</v>
      </c>
      <c r="Q25592">
        <v>16</v>
      </c>
      <c r="R25592">
        <v>17</v>
      </c>
      <c r="S25592">
        <v>17</v>
      </c>
      <c r="T25592">
        <v>18</v>
      </c>
      <c r="U25592">
        <v>18</v>
      </c>
      <c r="V25592">
        <v>19</v>
      </c>
      <c r="W25592">
        <v>19</v>
      </c>
      <c r="X25592">
        <v>20</v>
      </c>
      <c r="Y25592">
        <v>20</v>
      </c>
      <c r="Z25592">
        <v>21</v>
      </c>
      <c r="AA25592">
        <v>21</v>
      </c>
      <c r="AB25592">
        <v>22</v>
      </c>
      <c r="AC25592">
        <v>22</v>
      </c>
      <c r="AD25592">
        <v>23</v>
      </c>
      <c r="AE25592">
        <v>23</v>
      </c>
      <c r="AF25592">
        <v>23</v>
      </c>
      <c r="AG25592">
        <v>24</v>
      </c>
      <c r="AH25592">
        <v>24</v>
      </c>
      <c r="AI25592">
        <v>24</v>
      </c>
      <c r="AJ25592">
        <v>24</v>
      </c>
      <c r="AK25592">
        <v>25</v>
      </c>
      <c r="AL25592">
        <v>25</v>
      </c>
      <c r="AM25592">
        <v>25</v>
      </c>
      <c r="AN25592">
        <v>26</v>
      </c>
      <c r="AO25592">
        <v>26</v>
      </c>
      <c r="AP25592">
        <v>26</v>
      </c>
      <c r="AQ25592">
        <v>26</v>
      </c>
    </row>
    <row r="25593" spans="1:43">
      <c r="A25593" t="s">
        <v>15837</v>
      </c>
      <c r="B25593" t="s">
        <v>15838</v>
      </c>
      <c r="C25593" t="s">
        <v>15767</v>
      </c>
      <c r="D25593" t="s">
        <v>15768</v>
      </c>
      <c r="E25593" t="s">
        <v>15699</v>
      </c>
      <c r="F25593" t="s">
        <v>15700</v>
      </c>
      <c r="G25593" t="s">
        <v>10734</v>
      </c>
      <c r="H25593" t="s">
        <v>10735</v>
      </c>
      <c r="I25593" s="2">
        <v>1</v>
      </c>
      <c r="J25593" s="2">
        <v>0</v>
      </c>
      <c r="K25593" s="2">
        <v>0</v>
      </c>
      <c r="L25593" t="s">
        <v>120</v>
      </c>
      <c r="M25593" t="s">
        <v>83</v>
      </c>
      <c r="N25593" t="s">
        <v>91</v>
      </c>
      <c r="O25593" t="s">
        <v>85</v>
      </c>
      <c r="P25593" t="s">
        <v>86</v>
      </c>
      <c r="Q25593">
        <v>16</v>
      </c>
      <c r="R25593">
        <v>16</v>
      </c>
      <c r="S25593">
        <v>17</v>
      </c>
      <c r="T25593">
        <v>17</v>
      </c>
      <c r="U25593">
        <v>17</v>
      </c>
      <c r="V25593">
        <v>18</v>
      </c>
      <c r="W25593">
        <v>18</v>
      </c>
      <c r="X25593">
        <v>19</v>
      </c>
      <c r="Y25593">
        <v>19</v>
      </c>
      <c r="Z25593">
        <v>19</v>
      </c>
      <c r="AA25593">
        <v>20</v>
      </c>
      <c r="AB25593">
        <v>20</v>
      </c>
      <c r="AC25593">
        <v>21</v>
      </c>
      <c r="AD25593">
        <v>21</v>
      </c>
      <c r="AE25593">
        <v>22</v>
      </c>
      <c r="AF25593">
        <v>22</v>
      </c>
      <c r="AG25593">
        <v>22</v>
      </c>
      <c r="AH25593">
        <v>23</v>
      </c>
      <c r="AI25593">
        <v>23</v>
      </c>
      <c r="AJ25593">
        <v>24</v>
      </c>
      <c r="AK25593">
        <v>24</v>
      </c>
      <c r="AL25593">
        <v>25</v>
      </c>
      <c r="AM25593">
        <v>25</v>
      </c>
      <c r="AN25593">
        <v>25</v>
      </c>
      <c r="AO25593">
        <v>26</v>
      </c>
      <c r="AP25593">
        <v>26</v>
      </c>
      <c r="AQ25593">
        <v>26</v>
      </c>
    </row>
    <row r="25594" spans="1:43">
      <c r="A25594" t="s">
        <v>15839</v>
      </c>
      <c r="B25594" t="s">
        <v>15840</v>
      </c>
      <c r="C25594" t="s">
        <v>15767</v>
      </c>
      <c r="D25594" t="s">
        <v>15768</v>
      </c>
      <c r="E25594" t="s">
        <v>15699</v>
      </c>
      <c r="F25594" t="s">
        <v>15700</v>
      </c>
      <c r="G25594" t="s">
        <v>10734</v>
      </c>
      <c r="H25594" t="s">
        <v>10735</v>
      </c>
      <c r="I25594" s="2">
        <v>1</v>
      </c>
      <c r="J25594" s="2">
        <v>0</v>
      </c>
      <c r="K25594" s="2">
        <v>0</v>
      </c>
      <c r="L25594" t="s">
        <v>120</v>
      </c>
      <c r="M25594" t="s">
        <v>83</v>
      </c>
      <c r="N25594" t="s">
        <v>84</v>
      </c>
      <c r="O25594" t="s">
        <v>85</v>
      </c>
      <c r="P25594" t="s">
        <v>86</v>
      </c>
      <c r="Q25594">
        <v>18</v>
      </c>
      <c r="R25594">
        <v>19</v>
      </c>
      <c r="S25594">
        <v>19</v>
      </c>
      <c r="T25594">
        <v>20</v>
      </c>
      <c r="U25594">
        <v>20</v>
      </c>
      <c r="V25594">
        <v>20</v>
      </c>
      <c r="W25594">
        <v>21</v>
      </c>
      <c r="X25594">
        <v>21</v>
      </c>
      <c r="Y25594">
        <v>22</v>
      </c>
      <c r="Z25594">
        <v>22</v>
      </c>
      <c r="AA25594">
        <v>23</v>
      </c>
      <c r="AB25594">
        <v>23</v>
      </c>
      <c r="AC25594">
        <v>24</v>
      </c>
      <c r="AD25594">
        <v>24</v>
      </c>
      <c r="AE25594">
        <v>25</v>
      </c>
      <c r="AF25594">
        <v>25</v>
      </c>
      <c r="AG25594">
        <v>26</v>
      </c>
      <c r="AH25594">
        <v>26</v>
      </c>
      <c r="AI25594">
        <v>27</v>
      </c>
      <c r="AJ25594">
        <v>27</v>
      </c>
      <c r="AK25594">
        <v>28</v>
      </c>
      <c r="AL25594">
        <v>28</v>
      </c>
      <c r="AM25594">
        <v>29</v>
      </c>
      <c r="AN25594">
        <v>29</v>
      </c>
      <c r="AO25594">
        <v>29</v>
      </c>
      <c r="AP25594">
        <v>30</v>
      </c>
      <c r="AQ25594">
        <v>30</v>
      </c>
    </row>
    <row r="25595" spans="1:43">
      <c r="A25595" t="s">
        <v>15839</v>
      </c>
      <c r="B25595" t="s">
        <v>15840</v>
      </c>
      <c r="C25595" t="s">
        <v>15767</v>
      </c>
      <c r="D25595" t="s">
        <v>15768</v>
      </c>
      <c r="E25595" t="s">
        <v>15699</v>
      </c>
      <c r="F25595" t="s">
        <v>15700</v>
      </c>
      <c r="G25595" t="s">
        <v>10734</v>
      </c>
      <c r="H25595" t="s">
        <v>10735</v>
      </c>
      <c r="I25595" s="2">
        <v>1</v>
      </c>
      <c r="J25595" s="2">
        <v>0</v>
      </c>
      <c r="K25595" s="2">
        <v>0</v>
      </c>
      <c r="L25595" t="s">
        <v>120</v>
      </c>
      <c r="M25595" t="s">
        <v>87</v>
      </c>
      <c r="N25595" t="s">
        <v>88</v>
      </c>
      <c r="O25595" t="s">
        <v>85</v>
      </c>
      <c r="P25595" t="s">
        <v>86</v>
      </c>
      <c r="Q25595">
        <v>18</v>
      </c>
      <c r="R25595">
        <v>18</v>
      </c>
      <c r="S25595">
        <v>19</v>
      </c>
      <c r="T25595">
        <v>19</v>
      </c>
      <c r="U25595">
        <v>19</v>
      </c>
      <c r="V25595">
        <v>19</v>
      </c>
      <c r="W25595">
        <v>20</v>
      </c>
      <c r="X25595">
        <v>20</v>
      </c>
      <c r="Y25595">
        <v>20</v>
      </c>
      <c r="Z25595">
        <v>21</v>
      </c>
      <c r="AA25595">
        <v>21</v>
      </c>
      <c r="AB25595">
        <v>21</v>
      </c>
      <c r="AC25595">
        <v>21</v>
      </c>
      <c r="AD25595">
        <v>22</v>
      </c>
      <c r="AE25595">
        <v>22</v>
      </c>
      <c r="AF25595">
        <v>22</v>
      </c>
      <c r="AG25595">
        <v>23</v>
      </c>
      <c r="AH25595">
        <v>23</v>
      </c>
      <c r="AI25595">
        <v>23</v>
      </c>
      <c r="AJ25595">
        <v>24</v>
      </c>
      <c r="AK25595">
        <v>24</v>
      </c>
      <c r="AL25595">
        <v>24</v>
      </c>
      <c r="AM25595">
        <v>25</v>
      </c>
      <c r="AN25595">
        <v>25</v>
      </c>
      <c r="AO25595">
        <v>25</v>
      </c>
      <c r="AP25595">
        <v>26</v>
      </c>
      <c r="AQ25595">
        <v>26</v>
      </c>
    </row>
    <row r="25596" spans="1:43">
      <c r="A25596" t="s">
        <v>15839</v>
      </c>
      <c r="B25596" t="s">
        <v>15840</v>
      </c>
      <c r="C25596" t="s">
        <v>15767</v>
      </c>
      <c r="D25596" t="s">
        <v>15768</v>
      </c>
      <c r="E25596" t="s">
        <v>15699</v>
      </c>
      <c r="F25596" t="s">
        <v>15700</v>
      </c>
      <c r="G25596" t="s">
        <v>10734</v>
      </c>
      <c r="H25596" t="s">
        <v>10735</v>
      </c>
      <c r="I25596" s="2">
        <v>1</v>
      </c>
      <c r="J25596" s="2">
        <v>0</v>
      </c>
      <c r="K25596" s="2">
        <v>0</v>
      </c>
      <c r="L25596" t="s">
        <v>120</v>
      </c>
      <c r="M25596" t="s">
        <v>89</v>
      </c>
      <c r="N25596" t="s">
        <v>90</v>
      </c>
      <c r="O25596" t="s">
        <v>85</v>
      </c>
      <c r="P25596" t="s">
        <v>86</v>
      </c>
      <c r="Q25596">
        <v>18</v>
      </c>
      <c r="R25596">
        <v>19</v>
      </c>
      <c r="S25596">
        <v>20</v>
      </c>
      <c r="T25596">
        <v>20</v>
      </c>
      <c r="U25596">
        <v>21</v>
      </c>
      <c r="V25596">
        <v>21</v>
      </c>
      <c r="W25596">
        <v>22</v>
      </c>
      <c r="X25596">
        <v>23</v>
      </c>
      <c r="Y25596">
        <v>23</v>
      </c>
      <c r="Z25596">
        <v>24</v>
      </c>
      <c r="AA25596">
        <v>24</v>
      </c>
      <c r="AB25596">
        <v>25</v>
      </c>
      <c r="AC25596">
        <v>25</v>
      </c>
      <c r="AD25596">
        <v>26</v>
      </c>
      <c r="AE25596">
        <v>27</v>
      </c>
      <c r="AF25596">
        <v>27</v>
      </c>
      <c r="AG25596">
        <v>27</v>
      </c>
      <c r="AH25596">
        <v>27</v>
      </c>
      <c r="AI25596">
        <v>28</v>
      </c>
      <c r="AJ25596">
        <v>28</v>
      </c>
      <c r="AK25596">
        <v>28</v>
      </c>
      <c r="AL25596">
        <v>29</v>
      </c>
      <c r="AM25596">
        <v>29</v>
      </c>
      <c r="AN25596">
        <v>29</v>
      </c>
      <c r="AO25596">
        <v>30</v>
      </c>
      <c r="AP25596">
        <v>30</v>
      </c>
      <c r="AQ25596">
        <v>30</v>
      </c>
    </row>
    <row r="25597" spans="1:43">
      <c r="A25597" t="s">
        <v>15839</v>
      </c>
      <c r="B25597" t="s">
        <v>15840</v>
      </c>
      <c r="C25597" t="s">
        <v>15767</v>
      </c>
      <c r="D25597" t="s">
        <v>15768</v>
      </c>
      <c r="E25597" t="s">
        <v>15699</v>
      </c>
      <c r="F25597" t="s">
        <v>15700</v>
      </c>
      <c r="G25597" t="s">
        <v>10734</v>
      </c>
      <c r="H25597" t="s">
        <v>10735</v>
      </c>
      <c r="I25597" s="2">
        <v>1</v>
      </c>
      <c r="J25597" s="2">
        <v>0</v>
      </c>
      <c r="K25597" s="2">
        <v>0</v>
      </c>
      <c r="L25597" t="s">
        <v>120</v>
      </c>
      <c r="M25597" t="s">
        <v>83</v>
      </c>
      <c r="N25597" t="s">
        <v>91</v>
      </c>
      <c r="O25597" t="s">
        <v>85</v>
      </c>
      <c r="P25597" t="s">
        <v>86</v>
      </c>
      <c r="Q25597">
        <v>18</v>
      </c>
      <c r="R25597">
        <v>19</v>
      </c>
      <c r="S25597">
        <v>19</v>
      </c>
      <c r="T25597">
        <v>20</v>
      </c>
      <c r="U25597">
        <v>20</v>
      </c>
      <c r="V25597">
        <v>20</v>
      </c>
      <c r="W25597">
        <v>21</v>
      </c>
      <c r="X25597">
        <v>21</v>
      </c>
      <c r="Y25597">
        <v>22</v>
      </c>
      <c r="Z25597">
        <v>22</v>
      </c>
      <c r="AA25597">
        <v>23</v>
      </c>
      <c r="AB25597">
        <v>23</v>
      </c>
      <c r="AC25597">
        <v>24</v>
      </c>
      <c r="AD25597">
        <v>24</v>
      </c>
      <c r="AE25597">
        <v>25</v>
      </c>
      <c r="AF25597">
        <v>25</v>
      </c>
      <c r="AG25597">
        <v>26</v>
      </c>
      <c r="AH25597">
        <v>26</v>
      </c>
      <c r="AI25597">
        <v>27</v>
      </c>
      <c r="AJ25597">
        <v>27</v>
      </c>
      <c r="AK25597">
        <v>28</v>
      </c>
      <c r="AL25597">
        <v>28</v>
      </c>
      <c r="AM25597">
        <v>29</v>
      </c>
      <c r="AN25597">
        <v>29</v>
      </c>
      <c r="AO25597">
        <v>29</v>
      </c>
      <c r="AP25597">
        <v>30</v>
      </c>
      <c r="AQ25597">
        <v>30</v>
      </c>
    </row>
    <row r="25598" spans="1:43">
      <c r="A25598" t="s">
        <v>15841</v>
      </c>
      <c r="B25598" t="s">
        <v>15842</v>
      </c>
      <c r="C25598" t="s">
        <v>15767</v>
      </c>
      <c r="D25598" t="s">
        <v>15768</v>
      </c>
      <c r="E25598" t="s">
        <v>15699</v>
      </c>
      <c r="F25598" t="s">
        <v>15700</v>
      </c>
      <c r="G25598" t="s">
        <v>10734</v>
      </c>
      <c r="H25598" t="s">
        <v>10735</v>
      </c>
      <c r="I25598" s="2">
        <v>1</v>
      </c>
      <c r="J25598" s="2">
        <v>0</v>
      </c>
      <c r="K25598" s="2">
        <v>0</v>
      </c>
      <c r="L25598" t="s">
        <v>120</v>
      </c>
      <c r="M25598" t="s">
        <v>83</v>
      </c>
      <c r="N25598" t="s">
        <v>84</v>
      </c>
      <c r="O25598" t="s">
        <v>85</v>
      </c>
      <c r="P25598" t="s">
        <v>86</v>
      </c>
      <c r="Q25598">
        <v>37</v>
      </c>
      <c r="R25598">
        <v>38</v>
      </c>
      <c r="S25598">
        <v>39</v>
      </c>
      <c r="T25598">
        <v>40</v>
      </c>
      <c r="U25598">
        <v>41</v>
      </c>
      <c r="V25598">
        <v>41</v>
      </c>
      <c r="W25598">
        <v>42</v>
      </c>
      <c r="X25598">
        <v>43</v>
      </c>
      <c r="Y25598">
        <v>44</v>
      </c>
      <c r="Z25598">
        <v>45</v>
      </c>
      <c r="AA25598">
        <v>46</v>
      </c>
      <c r="AB25598">
        <v>47</v>
      </c>
      <c r="AC25598">
        <v>48</v>
      </c>
      <c r="AD25598">
        <v>49</v>
      </c>
      <c r="AE25598">
        <v>50</v>
      </c>
      <c r="AF25598">
        <v>51</v>
      </c>
      <c r="AG25598">
        <v>52</v>
      </c>
      <c r="AH25598">
        <v>53</v>
      </c>
      <c r="AI25598">
        <v>54</v>
      </c>
      <c r="AJ25598">
        <v>56</v>
      </c>
      <c r="AK25598">
        <v>57</v>
      </c>
      <c r="AL25598">
        <v>58</v>
      </c>
      <c r="AM25598">
        <v>58</v>
      </c>
      <c r="AN25598">
        <v>59</v>
      </c>
      <c r="AO25598">
        <v>60</v>
      </c>
      <c r="AP25598">
        <v>60</v>
      </c>
      <c r="AQ25598">
        <v>61</v>
      </c>
    </row>
    <row r="25599" spans="1:43">
      <c r="A25599" t="s">
        <v>15841</v>
      </c>
      <c r="B25599" t="s">
        <v>15842</v>
      </c>
      <c r="C25599" t="s">
        <v>15767</v>
      </c>
      <c r="D25599" t="s">
        <v>15768</v>
      </c>
      <c r="E25599" t="s">
        <v>15699</v>
      </c>
      <c r="F25599" t="s">
        <v>15700</v>
      </c>
      <c r="G25599" t="s">
        <v>10734</v>
      </c>
      <c r="H25599" t="s">
        <v>10735</v>
      </c>
      <c r="I25599" s="2">
        <v>1</v>
      </c>
      <c r="J25599" s="2">
        <v>0</v>
      </c>
      <c r="K25599" s="2">
        <v>0</v>
      </c>
      <c r="L25599" t="s">
        <v>120</v>
      </c>
      <c r="M25599" t="s">
        <v>87</v>
      </c>
      <c r="N25599" t="s">
        <v>88</v>
      </c>
      <c r="O25599" t="s">
        <v>85</v>
      </c>
      <c r="P25599" t="s">
        <v>86</v>
      </c>
      <c r="Q25599">
        <v>37</v>
      </c>
      <c r="R25599">
        <v>37</v>
      </c>
      <c r="S25599">
        <v>38</v>
      </c>
      <c r="T25599">
        <v>38</v>
      </c>
      <c r="U25599">
        <v>39</v>
      </c>
      <c r="V25599">
        <v>39</v>
      </c>
      <c r="W25599">
        <v>40</v>
      </c>
      <c r="X25599">
        <v>40</v>
      </c>
      <c r="Y25599">
        <v>41</v>
      </c>
      <c r="Z25599">
        <v>41</v>
      </c>
      <c r="AA25599">
        <v>42</v>
      </c>
      <c r="AB25599">
        <v>43</v>
      </c>
      <c r="AC25599">
        <v>43</v>
      </c>
      <c r="AD25599">
        <v>44</v>
      </c>
      <c r="AE25599">
        <v>45</v>
      </c>
      <c r="AF25599">
        <v>45</v>
      </c>
      <c r="AG25599">
        <v>46</v>
      </c>
      <c r="AH25599">
        <v>46</v>
      </c>
      <c r="AI25599">
        <v>47</v>
      </c>
      <c r="AJ25599">
        <v>48</v>
      </c>
      <c r="AK25599">
        <v>49</v>
      </c>
      <c r="AL25599">
        <v>49</v>
      </c>
      <c r="AM25599">
        <v>50</v>
      </c>
      <c r="AN25599">
        <v>51</v>
      </c>
      <c r="AO25599">
        <v>52</v>
      </c>
      <c r="AP25599">
        <v>52</v>
      </c>
      <c r="AQ25599">
        <v>53</v>
      </c>
    </row>
    <row r="25600" spans="1:43">
      <c r="A25600" t="s">
        <v>15841</v>
      </c>
      <c r="B25600" t="s">
        <v>15842</v>
      </c>
      <c r="C25600" t="s">
        <v>15767</v>
      </c>
      <c r="D25600" t="s">
        <v>15768</v>
      </c>
      <c r="E25600" t="s">
        <v>15699</v>
      </c>
      <c r="F25600" t="s">
        <v>15700</v>
      </c>
      <c r="G25600" t="s">
        <v>10734</v>
      </c>
      <c r="H25600" t="s">
        <v>10735</v>
      </c>
      <c r="I25600" s="2">
        <v>1</v>
      </c>
      <c r="J25600" s="2">
        <v>0</v>
      </c>
      <c r="K25600" s="2">
        <v>0</v>
      </c>
      <c r="L25600" t="s">
        <v>120</v>
      </c>
      <c r="M25600" t="s">
        <v>89</v>
      </c>
      <c r="N25600" t="s">
        <v>90</v>
      </c>
      <c r="O25600" t="s">
        <v>85</v>
      </c>
      <c r="P25600" t="s">
        <v>86</v>
      </c>
      <c r="Q25600">
        <v>37</v>
      </c>
      <c r="R25600">
        <v>38</v>
      </c>
      <c r="S25600">
        <v>40</v>
      </c>
      <c r="T25600">
        <v>41</v>
      </c>
      <c r="U25600">
        <v>42</v>
      </c>
      <c r="V25600">
        <v>43</v>
      </c>
      <c r="W25600">
        <v>44</v>
      </c>
      <c r="X25600">
        <v>46</v>
      </c>
      <c r="Y25600">
        <v>47</v>
      </c>
      <c r="Z25600">
        <v>48</v>
      </c>
      <c r="AA25600">
        <v>49</v>
      </c>
      <c r="AB25600">
        <v>50</v>
      </c>
      <c r="AC25600">
        <v>51</v>
      </c>
      <c r="AD25600">
        <v>53</v>
      </c>
      <c r="AE25600">
        <v>54</v>
      </c>
      <c r="AF25600">
        <v>54</v>
      </c>
      <c r="AG25600">
        <v>55</v>
      </c>
      <c r="AH25600">
        <v>55</v>
      </c>
      <c r="AI25600">
        <v>56</v>
      </c>
      <c r="AJ25600">
        <v>57</v>
      </c>
      <c r="AK25600">
        <v>57</v>
      </c>
      <c r="AL25600">
        <v>58</v>
      </c>
      <c r="AM25600">
        <v>59</v>
      </c>
      <c r="AN25600">
        <v>59</v>
      </c>
      <c r="AO25600">
        <v>60</v>
      </c>
      <c r="AP25600">
        <v>61</v>
      </c>
      <c r="AQ25600">
        <v>61</v>
      </c>
    </row>
    <row r="25601" spans="1:43">
      <c r="A25601" t="s">
        <v>15841</v>
      </c>
      <c r="B25601" t="s">
        <v>15842</v>
      </c>
      <c r="C25601" t="s">
        <v>15767</v>
      </c>
      <c r="D25601" t="s">
        <v>15768</v>
      </c>
      <c r="E25601" t="s">
        <v>15699</v>
      </c>
      <c r="F25601" t="s">
        <v>15700</v>
      </c>
      <c r="G25601" t="s">
        <v>10734</v>
      </c>
      <c r="H25601" t="s">
        <v>10735</v>
      </c>
      <c r="I25601" s="2">
        <v>1</v>
      </c>
      <c r="J25601" s="2">
        <v>0</v>
      </c>
      <c r="K25601" s="2">
        <v>0</v>
      </c>
      <c r="L25601" t="s">
        <v>120</v>
      </c>
      <c r="M25601" t="s">
        <v>83</v>
      </c>
      <c r="N25601" t="s">
        <v>91</v>
      </c>
      <c r="O25601" t="s">
        <v>85</v>
      </c>
      <c r="P25601" t="s">
        <v>86</v>
      </c>
      <c r="Q25601">
        <v>37</v>
      </c>
      <c r="R25601">
        <v>38</v>
      </c>
      <c r="S25601">
        <v>39</v>
      </c>
      <c r="T25601">
        <v>40</v>
      </c>
      <c r="U25601">
        <v>41</v>
      </c>
      <c r="V25601">
        <v>41</v>
      </c>
      <c r="W25601">
        <v>42</v>
      </c>
      <c r="X25601">
        <v>43</v>
      </c>
      <c r="Y25601">
        <v>44</v>
      </c>
      <c r="Z25601">
        <v>45</v>
      </c>
      <c r="AA25601">
        <v>46</v>
      </c>
      <c r="AB25601">
        <v>47</v>
      </c>
      <c r="AC25601">
        <v>48</v>
      </c>
      <c r="AD25601">
        <v>49</v>
      </c>
      <c r="AE25601">
        <v>50</v>
      </c>
      <c r="AF25601">
        <v>51</v>
      </c>
      <c r="AG25601">
        <v>52</v>
      </c>
      <c r="AH25601">
        <v>53</v>
      </c>
      <c r="AI25601">
        <v>54</v>
      </c>
      <c r="AJ25601">
        <v>56</v>
      </c>
      <c r="AK25601">
        <v>57</v>
      </c>
      <c r="AL25601">
        <v>58</v>
      </c>
      <c r="AM25601">
        <v>58</v>
      </c>
      <c r="AN25601">
        <v>59</v>
      </c>
      <c r="AO25601">
        <v>60</v>
      </c>
      <c r="AP25601">
        <v>60</v>
      </c>
      <c r="AQ25601">
        <v>61</v>
      </c>
    </row>
    <row r="25602" spans="1:43">
      <c r="A25602" t="s">
        <v>15843</v>
      </c>
      <c r="B25602" t="s">
        <v>15844</v>
      </c>
      <c r="C25602" t="s">
        <v>15771</v>
      </c>
      <c r="D25602" t="s">
        <v>15772</v>
      </c>
      <c r="E25602" t="s">
        <v>15699</v>
      </c>
      <c r="F25602" t="s">
        <v>15700</v>
      </c>
      <c r="G25602" t="s">
        <v>10734</v>
      </c>
      <c r="H25602" t="s">
        <v>10735</v>
      </c>
      <c r="I25602" s="2">
        <v>1</v>
      </c>
      <c r="J25602" s="2">
        <v>0</v>
      </c>
      <c r="K25602" s="2">
        <v>0</v>
      </c>
      <c r="L25602" t="s">
        <v>120</v>
      </c>
      <c r="M25602" t="s">
        <v>83</v>
      </c>
      <c r="N25602" t="s">
        <v>84</v>
      </c>
      <c r="O25602" t="s">
        <v>85</v>
      </c>
      <c r="P25602" t="s">
        <v>86</v>
      </c>
      <c r="Q25602">
        <v>78</v>
      </c>
      <c r="R25602">
        <v>80</v>
      </c>
      <c r="S25602">
        <v>82</v>
      </c>
      <c r="T25602">
        <v>83</v>
      </c>
      <c r="U25602">
        <v>85</v>
      </c>
      <c r="V25602">
        <v>87</v>
      </c>
      <c r="W25602">
        <v>89</v>
      </c>
      <c r="X25602">
        <v>91</v>
      </c>
      <c r="Y25602">
        <v>93</v>
      </c>
      <c r="Z25602">
        <v>95</v>
      </c>
      <c r="AA25602">
        <v>97</v>
      </c>
      <c r="AB25602">
        <v>98</v>
      </c>
      <c r="AC25602">
        <v>101</v>
      </c>
      <c r="AD25602">
        <v>103</v>
      </c>
      <c r="AE25602">
        <v>105</v>
      </c>
      <c r="AF25602">
        <v>107</v>
      </c>
      <c r="AG25602">
        <v>109</v>
      </c>
      <c r="AH25602">
        <v>111</v>
      </c>
      <c r="AI25602">
        <v>113</v>
      </c>
      <c r="AJ25602">
        <v>116</v>
      </c>
      <c r="AK25602">
        <v>118</v>
      </c>
      <c r="AL25602">
        <v>120</v>
      </c>
      <c r="AM25602">
        <v>121</v>
      </c>
      <c r="AN25602">
        <v>122</v>
      </c>
      <c r="AO25602">
        <v>124</v>
      </c>
      <c r="AP25602">
        <v>125</v>
      </c>
      <c r="AQ25602">
        <v>126</v>
      </c>
    </row>
    <row r="25603" spans="1:43">
      <c r="A25603" t="s">
        <v>15843</v>
      </c>
      <c r="B25603" t="s">
        <v>15844</v>
      </c>
      <c r="C25603" t="s">
        <v>15771</v>
      </c>
      <c r="D25603" t="s">
        <v>15772</v>
      </c>
      <c r="E25603" t="s">
        <v>15699</v>
      </c>
      <c r="F25603" t="s">
        <v>15700</v>
      </c>
      <c r="G25603" t="s">
        <v>10734</v>
      </c>
      <c r="H25603" t="s">
        <v>10735</v>
      </c>
      <c r="I25603" s="2">
        <v>1</v>
      </c>
      <c r="J25603" s="2">
        <v>0</v>
      </c>
      <c r="K25603" s="2">
        <v>0</v>
      </c>
      <c r="L25603" t="s">
        <v>120</v>
      </c>
      <c r="M25603" t="s">
        <v>87</v>
      </c>
      <c r="N25603" t="s">
        <v>88</v>
      </c>
      <c r="O25603" t="s">
        <v>85</v>
      </c>
      <c r="P25603" t="s">
        <v>86</v>
      </c>
      <c r="Q25603">
        <v>78</v>
      </c>
      <c r="R25603">
        <v>79</v>
      </c>
      <c r="S25603">
        <v>80</v>
      </c>
      <c r="T25603">
        <v>81</v>
      </c>
      <c r="U25603">
        <v>82</v>
      </c>
      <c r="V25603">
        <v>83</v>
      </c>
      <c r="W25603">
        <v>84</v>
      </c>
      <c r="X25603">
        <v>86</v>
      </c>
      <c r="Y25603">
        <v>87</v>
      </c>
      <c r="Z25603">
        <v>88</v>
      </c>
      <c r="AA25603">
        <v>89</v>
      </c>
      <c r="AB25603">
        <v>90</v>
      </c>
      <c r="AC25603">
        <v>91</v>
      </c>
      <c r="AD25603">
        <v>92</v>
      </c>
      <c r="AE25603">
        <v>94</v>
      </c>
      <c r="AF25603">
        <v>95</v>
      </c>
      <c r="AG25603">
        <v>96</v>
      </c>
      <c r="AH25603">
        <v>98</v>
      </c>
      <c r="AI25603">
        <v>99</v>
      </c>
      <c r="AJ25603">
        <v>100</v>
      </c>
      <c r="AK25603">
        <v>102</v>
      </c>
      <c r="AL25603">
        <v>103</v>
      </c>
      <c r="AM25603">
        <v>104</v>
      </c>
      <c r="AN25603">
        <v>106</v>
      </c>
      <c r="AO25603">
        <v>107</v>
      </c>
      <c r="AP25603">
        <v>109</v>
      </c>
      <c r="AQ25603">
        <v>110</v>
      </c>
    </row>
    <row r="25604" spans="1:43">
      <c r="A25604" t="s">
        <v>15843</v>
      </c>
      <c r="B25604" t="s">
        <v>15844</v>
      </c>
      <c r="C25604" t="s">
        <v>15771</v>
      </c>
      <c r="D25604" t="s">
        <v>15772</v>
      </c>
      <c r="E25604" t="s">
        <v>15699</v>
      </c>
      <c r="F25604" t="s">
        <v>15700</v>
      </c>
      <c r="G25604" t="s">
        <v>10734</v>
      </c>
      <c r="H25604" t="s">
        <v>10735</v>
      </c>
      <c r="I25604" s="2">
        <v>1</v>
      </c>
      <c r="J25604" s="2">
        <v>0</v>
      </c>
      <c r="K25604" s="2">
        <v>0</v>
      </c>
      <c r="L25604" t="s">
        <v>120</v>
      </c>
      <c r="M25604" t="s">
        <v>89</v>
      </c>
      <c r="N25604" t="s">
        <v>90</v>
      </c>
      <c r="O25604" t="s">
        <v>85</v>
      </c>
      <c r="P25604" t="s">
        <v>86</v>
      </c>
      <c r="Q25604">
        <v>78</v>
      </c>
      <c r="R25604">
        <v>80</v>
      </c>
      <c r="S25604">
        <v>83</v>
      </c>
      <c r="T25604">
        <v>85</v>
      </c>
      <c r="U25604">
        <v>88</v>
      </c>
      <c r="V25604">
        <v>90</v>
      </c>
      <c r="W25604">
        <v>92</v>
      </c>
      <c r="X25604">
        <v>95</v>
      </c>
      <c r="Y25604">
        <v>97</v>
      </c>
      <c r="Z25604">
        <v>99</v>
      </c>
      <c r="AA25604">
        <v>102</v>
      </c>
      <c r="AB25604">
        <v>104</v>
      </c>
      <c r="AC25604">
        <v>107</v>
      </c>
      <c r="AD25604">
        <v>109</v>
      </c>
      <c r="AE25604">
        <v>111</v>
      </c>
      <c r="AF25604">
        <v>113</v>
      </c>
      <c r="AG25604">
        <v>114</v>
      </c>
      <c r="AH25604">
        <v>115</v>
      </c>
      <c r="AI25604">
        <v>116</v>
      </c>
      <c r="AJ25604">
        <v>117</v>
      </c>
      <c r="AK25604">
        <v>118</v>
      </c>
      <c r="AL25604">
        <v>120</v>
      </c>
      <c r="AM25604">
        <v>121</v>
      </c>
      <c r="AN25604">
        <v>122</v>
      </c>
      <c r="AO25604">
        <v>123</v>
      </c>
      <c r="AP25604">
        <v>125</v>
      </c>
      <c r="AQ25604">
        <v>126</v>
      </c>
    </row>
    <row r="25605" spans="1:43">
      <c r="A25605" t="s">
        <v>15843</v>
      </c>
      <c r="B25605" t="s">
        <v>15844</v>
      </c>
      <c r="C25605" t="s">
        <v>15771</v>
      </c>
      <c r="D25605" t="s">
        <v>15772</v>
      </c>
      <c r="E25605" t="s">
        <v>15699</v>
      </c>
      <c r="F25605" t="s">
        <v>15700</v>
      </c>
      <c r="G25605" t="s">
        <v>10734</v>
      </c>
      <c r="H25605" t="s">
        <v>10735</v>
      </c>
      <c r="I25605" s="2">
        <v>1</v>
      </c>
      <c r="J25605" s="2">
        <v>0</v>
      </c>
      <c r="K25605" s="2">
        <v>0</v>
      </c>
      <c r="L25605" t="s">
        <v>120</v>
      </c>
      <c r="M25605" t="s">
        <v>83</v>
      </c>
      <c r="N25605" t="s">
        <v>91</v>
      </c>
      <c r="O25605" t="s">
        <v>85</v>
      </c>
      <c r="P25605" t="s">
        <v>86</v>
      </c>
      <c r="Q25605">
        <v>78</v>
      </c>
      <c r="R25605">
        <v>80</v>
      </c>
      <c r="S25605">
        <v>82</v>
      </c>
      <c r="T25605">
        <v>83</v>
      </c>
      <c r="U25605">
        <v>85</v>
      </c>
      <c r="V25605">
        <v>87</v>
      </c>
      <c r="W25605">
        <v>89</v>
      </c>
      <c r="X25605">
        <v>91</v>
      </c>
      <c r="Y25605">
        <v>93</v>
      </c>
      <c r="Z25605">
        <v>95</v>
      </c>
      <c r="AA25605">
        <v>97</v>
      </c>
      <c r="AB25605">
        <v>98</v>
      </c>
      <c r="AC25605">
        <v>101</v>
      </c>
      <c r="AD25605">
        <v>103</v>
      </c>
      <c r="AE25605">
        <v>105</v>
      </c>
      <c r="AF25605">
        <v>107</v>
      </c>
      <c r="AG25605">
        <v>109</v>
      </c>
      <c r="AH25605">
        <v>111</v>
      </c>
      <c r="AI25605">
        <v>113</v>
      </c>
      <c r="AJ25605">
        <v>116</v>
      </c>
      <c r="AK25605">
        <v>118</v>
      </c>
      <c r="AL25605">
        <v>120</v>
      </c>
      <c r="AM25605">
        <v>121</v>
      </c>
      <c r="AN25605">
        <v>122</v>
      </c>
      <c r="AO25605">
        <v>124</v>
      </c>
      <c r="AP25605">
        <v>125</v>
      </c>
      <c r="AQ25605">
        <v>126</v>
      </c>
    </row>
    <row r="25606" spans="1:43">
      <c r="A25606" t="s">
        <v>15845</v>
      </c>
      <c r="B25606" t="s">
        <v>15846</v>
      </c>
      <c r="C25606" t="s">
        <v>15697</v>
      </c>
      <c r="D25606" t="s">
        <v>15698</v>
      </c>
      <c r="E25606" t="s">
        <v>15699</v>
      </c>
      <c r="F25606" t="s">
        <v>15700</v>
      </c>
      <c r="G25606" t="s">
        <v>10734</v>
      </c>
      <c r="H25606" t="s">
        <v>10735</v>
      </c>
      <c r="I25606" s="2">
        <v>1</v>
      </c>
      <c r="J25606" s="2">
        <v>0</v>
      </c>
      <c r="K25606" s="2">
        <v>0</v>
      </c>
      <c r="L25606" t="s">
        <v>120</v>
      </c>
      <c r="M25606" t="s">
        <v>83</v>
      </c>
      <c r="N25606" t="s">
        <v>84</v>
      </c>
      <c r="O25606" t="s">
        <v>85</v>
      </c>
      <c r="P25606" t="s">
        <v>86</v>
      </c>
      <c r="Q25606">
        <v>47</v>
      </c>
      <c r="R25606">
        <v>48</v>
      </c>
      <c r="S25606">
        <v>49</v>
      </c>
      <c r="T25606">
        <v>50</v>
      </c>
      <c r="U25606">
        <v>51</v>
      </c>
      <c r="V25606">
        <v>53</v>
      </c>
      <c r="W25606">
        <v>54</v>
      </c>
      <c r="X25606">
        <v>55</v>
      </c>
      <c r="Y25606">
        <v>56</v>
      </c>
      <c r="Z25606">
        <v>57</v>
      </c>
      <c r="AA25606">
        <v>59</v>
      </c>
      <c r="AB25606">
        <v>60</v>
      </c>
      <c r="AC25606">
        <v>61</v>
      </c>
      <c r="AD25606">
        <v>62</v>
      </c>
      <c r="AE25606">
        <v>64</v>
      </c>
      <c r="AF25606">
        <v>65</v>
      </c>
      <c r="AG25606">
        <v>66</v>
      </c>
      <c r="AH25606">
        <v>68</v>
      </c>
      <c r="AI25606">
        <v>69</v>
      </c>
      <c r="AJ25606">
        <v>71</v>
      </c>
      <c r="AK25606">
        <v>72</v>
      </c>
      <c r="AL25606">
        <v>73</v>
      </c>
      <c r="AM25606">
        <v>74</v>
      </c>
      <c r="AN25606">
        <v>75</v>
      </c>
      <c r="AO25606">
        <v>76</v>
      </c>
      <c r="AP25606">
        <v>77</v>
      </c>
      <c r="AQ25606">
        <v>78</v>
      </c>
    </row>
    <row r="25607" spans="1:43">
      <c r="A25607" t="s">
        <v>15845</v>
      </c>
      <c r="B25607" t="s">
        <v>15846</v>
      </c>
      <c r="C25607" t="s">
        <v>15697</v>
      </c>
      <c r="D25607" t="s">
        <v>15698</v>
      </c>
      <c r="E25607" t="s">
        <v>15699</v>
      </c>
      <c r="F25607" t="s">
        <v>15700</v>
      </c>
      <c r="G25607" t="s">
        <v>10734</v>
      </c>
      <c r="H25607" t="s">
        <v>10735</v>
      </c>
      <c r="I25607" s="2">
        <v>1</v>
      </c>
      <c r="J25607" s="2">
        <v>0</v>
      </c>
      <c r="K25607" s="2">
        <v>0</v>
      </c>
      <c r="L25607" t="s">
        <v>120</v>
      </c>
      <c r="M25607" t="s">
        <v>87</v>
      </c>
      <c r="N25607" t="s">
        <v>88</v>
      </c>
      <c r="O25607" t="s">
        <v>85</v>
      </c>
      <c r="P25607" t="s">
        <v>86</v>
      </c>
      <c r="Q25607">
        <v>47</v>
      </c>
      <c r="R25607">
        <v>48</v>
      </c>
      <c r="S25607">
        <v>49</v>
      </c>
      <c r="T25607">
        <v>50</v>
      </c>
      <c r="U25607">
        <v>50</v>
      </c>
      <c r="V25607">
        <v>51</v>
      </c>
      <c r="W25607">
        <v>52</v>
      </c>
      <c r="X25607">
        <v>52</v>
      </c>
      <c r="Y25607">
        <v>53</v>
      </c>
      <c r="Z25607">
        <v>54</v>
      </c>
      <c r="AA25607">
        <v>54</v>
      </c>
      <c r="AB25607">
        <v>55</v>
      </c>
      <c r="AC25607">
        <v>56</v>
      </c>
      <c r="AD25607">
        <v>57</v>
      </c>
      <c r="AE25607">
        <v>57</v>
      </c>
      <c r="AF25607">
        <v>58</v>
      </c>
      <c r="AG25607">
        <v>59</v>
      </c>
      <c r="AH25607">
        <v>60</v>
      </c>
      <c r="AI25607">
        <v>61</v>
      </c>
      <c r="AJ25607">
        <v>62</v>
      </c>
      <c r="AK25607">
        <v>62</v>
      </c>
      <c r="AL25607">
        <v>63</v>
      </c>
      <c r="AM25607">
        <v>64</v>
      </c>
      <c r="AN25607">
        <v>65</v>
      </c>
      <c r="AO25607">
        <v>66</v>
      </c>
      <c r="AP25607">
        <v>67</v>
      </c>
      <c r="AQ25607">
        <v>68</v>
      </c>
    </row>
    <row r="25608" spans="1:43">
      <c r="A25608" t="s">
        <v>15845</v>
      </c>
      <c r="B25608" t="s">
        <v>15846</v>
      </c>
      <c r="C25608" t="s">
        <v>15697</v>
      </c>
      <c r="D25608" t="s">
        <v>15698</v>
      </c>
      <c r="E25608" t="s">
        <v>15699</v>
      </c>
      <c r="F25608" t="s">
        <v>15700</v>
      </c>
      <c r="G25608" t="s">
        <v>10734</v>
      </c>
      <c r="H25608" t="s">
        <v>10735</v>
      </c>
      <c r="I25608" s="2">
        <v>1</v>
      </c>
      <c r="J25608" s="2">
        <v>0</v>
      </c>
      <c r="K25608" s="2">
        <v>0</v>
      </c>
      <c r="L25608" t="s">
        <v>120</v>
      </c>
      <c r="M25608" t="s">
        <v>89</v>
      </c>
      <c r="N25608" t="s">
        <v>90</v>
      </c>
      <c r="O25608" t="s">
        <v>85</v>
      </c>
      <c r="P25608" t="s">
        <v>86</v>
      </c>
      <c r="Q25608">
        <v>47</v>
      </c>
      <c r="R25608">
        <v>49</v>
      </c>
      <c r="S25608">
        <v>50</v>
      </c>
      <c r="T25608">
        <v>52</v>
      </c>
      <c r="U25608">
        <v>54</v>
      </c>
      <c r="V25608">
        <v>55</v>
      </c>
      <c r="W25608">
        <v>56</v>
      </c>
      <c r="X25608">
        <v>58</v>
      </c>
      <c r="Y25608">
        <v>59</v>
      </c>
      <c r="Z25608">
        <v>61</v>
      </c>
      <c r="AA25608">
        <v>63</v>
      </c>
      <c r="AB25608">
        <v>64</v>
      </c>
      <c r="AC25608">
        <v>66</v>
      </c>
      <c r="AD25608">
        <v>67</v>
      </c>
      <c r="AE25608">
        <v>69</v>
      </c>
      <c r="AF25608">
        <v>69</v>
      </c>
      <c r="AG25608">
        <v>70</v>
      </c>
      <c r="AH25608">
        <v>71</v>
      </c>
      <c r="AI25608">
        <v>72</v>
      </c>
      <c r="AJ25608">
        <v>72</v>
      </c>
      <c r="AK25608">
        <v>73</v>
      </c>
      <c r="AL25608">
        <v>74</v>
      </c>
      <c r="AM25608">
        <v>75</v>
      </c>
      <c r="AN25608">
        <v>76</v>
      </c>
      <c r="AO25608">
        <v>76</v>
      </c>
      <c r="AP25608">
        <v>77</v>
      </c>
      <c r="AQ25608">
        <v>78</v>
      </c>
    </row>
    <row r="25609" spans="1:43">
      <c r="A25609" t="s">
        <v>15845</v>
      </c>
      <c r="B25609" t="s">
        <v>15846</v>
      </c>
      <c r="C25609" t="s">
        <v>15697</v>
      </c>
      <c r="D25609" t="s">
        <v>15698</v>
      </c>
      <c r="E25609" t="s">
        <v>15699</v>
      </c>
      <c r="F25609" t="s">
        <v>15700</v>
      </c>
      <c r="G25609" t="s">
        <v>10734</v>
      </c>
      <c r="H25609" t="s">
        <v>10735</v>
      </c>
      <c r="I25609" s="2">
        <v>1</v>
      </c>
      <c r="J25609" s="2">
        <v>0</v>
      </c>
      <c r="K25609" s="2">
        <v>0</v>
      </c>
      <c r="L25609" t="s">
        <v>120</v>
      </c>
      <c r="M25609" t="s">
        <v>83</v>
      </c>
      <c r="N25609" t="s">
        <v>91</v>
      </c>
      <c r="O25609" t="s">
        <v>85</v>
      </c>
      <c r="P25609" t="s">
        <v>86</v>
      </c>
      <c r="Q25609">
        <v>47</v>
      </c>
      <c r="R25609">
        <v>48</v>
      </c>
      <c r="S25609">
        <v>49</v>
      </c>
      <c r="T25609">
        <v>50</v>
      </c>
      <c r="U25609">
        <v>51</v>
      </c>
      <c r="V25609">
        <v>53</v>
      </c>
      <c r="W25609">
        <v>54</v>
      </c>
      <c r="X25609">
        <v>55</v>
      </c>
      <c r="Y25609">
        <v>56</v>
      </c>
      <c r="Z25609">
        <v>57</v>
      </c>
      <c r="AA25609">
        <v>59</v>
      </c>
      <c r="AB25609">
        <v>60</v>
      </c>
      <c r="AC25609">
        <v>61</v>
      </c>
      <c r="AD25609">
        <v>62</v>
      </c>
      <c r="AE25609">
        <v>64</v>
      </c>
      <c r="AF25609">
        <v>65</v>
      </c>
      <c r="AG25609">
        <v>66</v>
      </c>
      <c r="AH25609">
        <v>68</v>
      </c>
      <c r="AI25609">
        <v>69</v>
      </c>
      <c r="AJ25609">
        <v>71</v>
      </c>
      <c r="AK25609">
        <v>72</v>
      </c>
      <c r="AL25609">
        <v>73</v>
      </c>
      <c r="AM25609">
        <v>74</v>
      </c>
      <c r="AN25609">
        <v>75</v>
      </c>
      <c r="AO25609">
        <v>76</v>
      </c>
      <c r="AP25609">
        <v>77</v>
      </c>
      <c r="AQ25609">
        <v>78</v>
      </c>
    </row>
    <row r="25610" spans="1:43">
      <c r="A25610" t="s">
        <v>15847</v>
      </c>
      <c r="B25610" t="s">
        <v>15848</v>
      </c>
      <c r="C25610" t="s">
        <v>15729</v>
      </c>
      <c r="D25610" t="s">
        <v>15730</v>
      </c>
      <c r="E25610" t="s">
        <v>15699</v>
      </c>
      <c r="F25610" t="s">
        <v>15700</v>
      </c>
      <c r="G25610" t="s">
        <v>10734</v>
      </c>
      <c r="H25610" t="s">
        <v>10735</v>
      </c>
      <c r="I25610" s="2">
        <v>1</v>
      </c>
      <c r="J25610" s="2">
        <v>0</v>
      </c>
      <c r="K25610" s="2">
        <v>0</v>
      </c>
      <c r="L25610" t="s">
        <v>120</v>
      </c>
      <c r="M25610" t="s">
        <v>83</v>
      </c>
      <c r="N25610" t="s">
        <v>84</v>
      </c>
      <c r="O25610" t="s">
        <v>85</v>
      </c>
      <c r="P25610" t="s">
        <v>86</v>
      </c>
      <c r="Q25610">
        <v>32</v>
      </c>
      <c r="R25610">
        <v>33</v>
      </c>
      <c r="S25610">
        <v>34</v>
      </c>
      <c r="T25610">
        <v>35</v>
      </c>
      <c r="U25610">
        <v>35</v>
      </c>
      <c r="V25610">
        <v>36</v>
      </c>
      <c r="W25610">
        <v>37</v>
      </c>
      <c r="X25610">
        <v>38</v>
      </c>
      <c r="Y25610">
        <v>39</v>
      </c>
      <c r="Z25610">
        <v>39</v>
      </c>
      <c r="AA25610">
        <v>40</v>
      </c>
      <c r="AB25610">
        <v>41</v>
      </c>
      <c r="AC25610">
        <v>42</v>
      </c>
      <c r="AD25610">
        <v>43</v>
      </c>
      <c r="AE25610">
        <v>44</v>
      </c>
      <c r="AF25610">
        <v>45</v>
      </c>
      <c r="AG25610">
        <v>46</v>
      </c>
      <c r="AH25610">
        <v>47</v>
      </c>
      <c r="AI25610">
        <v>48</v>
      </c>
      <c r="AJ25610">
        <v>49</v>
      </c>
      <c r="AK25610">
        <v>50</v>
      </c>
      <c r="AL25610">
        <v>50</v>
      </c>
      <c r="AM25610">
        <v>51</v>
      </c>
      <c r="AN25610">
        <v>51</v>
      </c>
      <c r="AO25610">
        <v>52</v>
      </c>
      <c r="AP25610">
        <v>53</v>
      </c>
      <c r="AQ25610">
        <v>53</v>
      </c>
    </row>
    <row r="25611" spans="1:43">
      <c r="A25611" t="s">
        <v>15847</v>
      </c>
      <c r="B25611" t="s">
        <v>15848</v>
      </c>
      <c r="C25611" t="s">
        <v>15729</v>
      </c>
      <c r="D25611" t="s">
        <v>15730</v>
      </c>
      <c r="E25611" t="s">
        <v>15699</v>
      </c>
      <c r="F25611" t="s">
        <v>15700</v>
      </c>
      <c r="G25611" t="s">
        <v>10734</v>
      </c>
      <c r="H25611" t="s">
        <v>10735</v>
      </c>
      <c r="I25611" s="2">
        <v>1</v>
      </c>
      <c r="J25611" s="2">
        <v>0</v>
      </c>
      <c r="K25611" s="2">
        <v>0</v>
      </c>
      <c r="L25611" t="s">
        <v>120</v>
      </c>
      <c r="M25611" t="s">
        <v>87</v>
      </c>
      <c r="N25611" t="s">
        <v>88</v>
      </c>
      <c r="O25611" t="s">
        <v>85</v>
      </c>
      <c r="P25611" t="s">
        <v>86</v>
      </c>
      <c r="Q25611">
        <v>32</v>
      </c>
      <c r="R25611">
        <v>32</v>
      </c>
      <c r="S25611">
        <v>33</v>
      </c>
      <c r="T25611">
        <v>33</v>
      </c>
      <c r="U25611">
        <v>34</v>
      </c>
      <c r="V25611">
        <v>34</v>
      </c>
      <c r="W25611">
        <v>35</v>
      </c>
      <c r="X25611">
        <v>35</v>
      </c>
      <c r="Y25611">
        <v>36</v>
      </c>
      <c r="Z25611">
        <v>36</v>
      </c>
      <c r="AA25611">
        <v>37</v>
      </c>
      <c r="AB25611">
        <v>37</v>
      </c>
      <c r="AC25611">
        <v>38</v>
      </c>
      <c r="AD25611">
        <v>38</v>
      </c>
      <c r="AE25611">
        <v>39</v>
      </c>
      <c r="AF25611">
        <v>39</v>
      </c>
      <c r="AG25611">
        <v>40</v>
      </c>
      <c r="AH25611">
        <v>41</v>
      </c>
      <c r="AI25611">
        <v>41</v>
      </c>
      <c r="AJ25611">
        <v>42</v>
      </c>
      <c r="AK25611">
        <v>42</v>
      </c>
      <c r="AL25611">
        <v>43</v>
      </c>
      <c r="AM25611">
        <v>44</v>
      </c>
      <c r="AN25611">
        <v>44</v>
      </c>
      <c r="AO25611">
        <v>45</v>
      </c>
      <c r="AP25611">
        <v>46</v>
      </c>
      <c r="AQ25611">
        <v>46</v>
      </c>
    </row>
    <row r="25612" spans="1:43">
      <c r="A25612" t="s">
        <v>15847</v>
      </c>
      <c r="B25612" t="s">
        <v>15848</v>
      </c>
      <c r="C25612" t="s">
        <v>15729</v>
      </c>
      <c r="D25612" t="s">
        <v>15730</v>
      </c>
      <c r="E25612" t="s">
        <v>15699</v>
      </c>
      <c r="F25612" t="s">
        <v>15700</v>
      </c>
      <c r="G25612" t="s">
        <v>10734</v>
      </c>
      <c r="H25612" t="s">
        <v>10735</v>
      </c>
      <c r="I25612" s="2">
        <v>1</v>
      </c>
      <c r="J25612" s="2">
        <v>0</v>
      </c>
      <c r="K25612" s="2">
        <v>0</v>
      </c>
      <c r="L25612" t="s">
        <v>120</v>
      </c>
      <c r="M25612" t="s">
        <v>89</v>
      </c>
      <c r="N25612" t="s">
        <v>90</v>
      </c>
      <c r="O25612" t="s">
        <v>85</v>
      </c>
      <c r="P25612" t="s">
        <v>86</v>
      </c>
      <c r="Q25612">
        <v>32</v>
      </c>
      <c r="R25612">
        <v>33</v>
      </c>
      <c r="S25612">
        <v>34</v>
      </c>
      <c r="T25612">
        <v>35</v>
      </c>
      <c r="U25612">
        <v>36</v>
      </c>
      <c r="V25612">
        <v>37</v>
      </c>
      <c r="W25612">
        <v>38</v>
      </c>
      <c r="X25612">
        <v>39</v>
      </c>
      <c r="Y25612">
        <v>40</v>
      </c>
      <c r="Z25612">
        <v>41</v>
      </c>
      <c r="AA25612">
        <v>42</v>
      </c>
      <c r="AB25612">
        <v>43</v>
      </c>
      <c r="AC25612">
        <v>44</v>
      </c>
      <c r="AD25612">
        <v>45</v>
      </c>
      <c r="AE25612">
        <v>46</v>
      </c>
      <c r="AF25612">
        <v>46</v>
      </c>
      <c r="AG25612">
        <v>47</v>
      </c>
      <c r="AH25612">
        <v>48</v>
      </c>
      <c r="AI25612">
        <v>48</v>
      </c>
      <c r="AJ25612">
        <v>49</v>
      </c>
      <c r="AK25612">
        <v>49</v>
      </c>
      <c r="AL25612">
        <v>50</v>
      </c>
      <c r="AM25612">
        <v>50</v>
      </c>
      <c r="AN25612">
        <v>51</v>
      </c>
      <c r="AO25612">
        <v>51</v>
      </c>
      <c r="AP25612">
        <v>52</v>
      </c>
      <c r="AQ25612">
        <v>53</v>
      </c>
    </row>
    <row r="25613" spans="1:43">
      <c r="A25613" t="s">
        <v>15847</v>
      </c>
      <c r="B25613" t="s">
        <v>15848</v>
      </c>
      <c r="C25613" t="s">
        <v>15729</v>
      </c>
      <c r="D25613" t="s">
        <v>15730</v>
      </c>
      <c r="E25613" t="s">
        <v>15699</v>
      </c>
      <c r="F25613" t="s">
        <v>15700</v>
      </c>
      <c r="G25613" t="s">
        <v>10734</v>
      </c>
      <c r="H25613" t="s">
        <v>10735</v>
      </c>
      <c r="I25613" s="2">
        <v>1</v>
      </c>
      <c r="J25613" s="2">
        <v>0</v>
      </c>
      <c r="K25613" s="2">
        <v>0</v>
      </c>
      <c r="L25613" t="s">
        <v>120</v>
      </c>
      <c r="M25613" t="s">
        <v>83</v>
      </c>
      <c r="N25613" t="s">
        <v>91</v>
      </c>
      <c r="O25613" t="s">
        <v>85</v>
      </c>
      <c r="P25613" t="s">
        <v>86</v>
      </c>
      <c r="Q25613">
        <v>32</v>
      </c>
      <c r="R25613">
        <v>33</v>
      </c>
      <c r="S25613">
        <v>34</v>
      </c>
      <c r="T25613">
        <v>35</v>
      </c>
      <c r="U25613">
        <v>35</v>
      </c>
      <c r="V25613">
        <v>36</v>
      </c>
      <c r="W25613">
        <v>37</v>
      </c>
      <c r="X25613">
        <v>38</v>
      </c>
      <c r="Y25613">
        <v>39</v>
      </c>
      <c r="Z25613">
        <v>39</v>
      </c>
      <c r="AA25613">
        <v>40</v>
      </c>
      <c r="AB25613">
        <v>41</v>
      </c>
      <c r="AC25613">
        <v>42</v>
      </c>
      <c r="AD25613">
        <v>43</v>
      </c>
      <c r="AE25613">
        <v>44</v>
      </c>
      <c r="AF25613">
        <v>45</v>
      </c>
      <c r="AG25613">
        <v>46</v>
      </c>
      <c r="AH25613">
        <v>47</v>
      </c>
      <c r="AI25613">
        <v>48</v>
      </c>
      <c r="AJ25613">
        <v>49</v>
      </c>
      <c r="AK25613">
        <v>50</v>
      </c>
      <c r="AL25613">
        <v>50</v>
      </c>
      <c r="AM25613">
        <v>51</v>
      </c>
      <c r="AN25613">
        <v>51</v>
      </c>
      <c r="AO25613">
        <v>52</v>
      </c>
      <c r="AP25613">
        <v>53</v>
      </c>
      <c r="AQ25613">
        <v>53</v>
      </c>
    </row>
    <row r="25614" spans="1:43">
      <c r="A25614" t="s">
        <v>15849</v>
      </c>
      <c r="B25614" t="s">
        <v>15850</v>
      </c>
      <c r="C25614" t="s">
        <v>15775</v>
      </c>
      <c r="D25614" t="s">
        <v>15776</v>
      </c>
      <c r="E25614" t="s">
        <v>15699</v>
      </c>
      <c r="F25614" t="s">
        <v>15700</v>
      </c>
      <c r="G25614" t="s">
        <v>10734</v>
      </c>
      <c r="H25614" t="s">
        <v>10735</v>
      </c>
      <c r="I25614" s="2">
        <v>1</v>
      </c>
      <c r="J25614" s="2">
        <v>0</v>
      </c>
      <c r="K25614" s="2">
        <v>0</v>
      </c>
      <c r="L25614" t="s">
        <v>120</v>
      </c>
      <c r="M25614" t="s">
        <v>83</v>
      </c>
      <c r="N25614" t="s">
        <v>84</v>
      </c>
      <c r="O25614" t="s">
        <v>85</v>
      </c>
      <c r="P25614" t="s">
        <v>86</v>
      </c>
      <c r="Q25614">
        <v>5</v>
      </c>
      <c r="R25614">
        <v>5</v>
      </c>
      <c r="S25614">
        <v>5</v>
      </c>
      <c r="T25614">
        <v>5</v>
      </c>
      <c r="U25614">
        <v>5</v>
      </c>
      <c r="V25614">
        <v>5</v>
      </c>
      <c r="W25614">
        <v>5</v>
      </c>
      <c r="X25614">
        <v>6</v>
      </c>
      <c r="Y25614">
        <v>6</v>
      </c>
      <c r="Z25614">
        <v>6</v>
      </c>
      <c r="AA25614">
        <v>6</v>
      </c>
      <c r="AB25614">
        <v>6</v>
      </c>
      <c r="AC25614">
        <v>6</v>
      </c>
      <c r="AD25614">
        <v>6</v>
      </c>
      <c r="AE25614">
        <v>6</v>
      </c>
      <c r="AF25614">
        <v>7</v>
      </c>
      <c r="AG25614">
        <v>7</v>
      </c>
      <c r="AH25614">
        <v>7</v>
      </c>
      <c r="AI25614">
        <v>7</v>
      </c>
      <c r="AJ25614">
        <v>7</v>
      </c>
      <c r="AK25614">
        <v>7</v>
      </c>
      <c r="AL25614">
        <v>7</v>
      </c>
      <c r="AM25614">
        <v>7</v>
      </c>
      <c r="AN25614">
        <v>8</v>
      </c>
      <c r="AO25614">
        <v>8</v>
      </c>
      <c r="AP25614">
        <v>8</v>
      </c>
      <c r="AQ25614">
        <v>8</v>
      </c>
    </row>
    <row r="25615" spans="1:43">
      <c r="A25615" t="s">
        <v>15849</v>
      </c>
      <c r="B25615" t="s">
        <v>15850</v>
      </c>
      <c r="C25615" t="s">
        <v>15775</v>
      </c>
      <c r="D25615" t="s">
        <v>15776</v>
      </c>
      <c r="E25615" t="s">
        <v>15699</v>
      </c>
      <c r="F25615" t="s">
        <v>15700</v>
      </c>
      <c r="G25615" t="s">
        <v>10734</v>
      </c>
      <c r="H25615" t="s">
        <v>10735</v>
      </c>
      <c r="I25615" s="2">
        <v>1</v>
      </c>
      <c r="J25615" s="2">
        <v>0</v>
      </c>
      <c r="K25615" s="2">
        <v>0</v>
      </c>
      <c r="L25615" t="s">
        <v>120</v>
      </c>
      <c r="M25615" t="s">
        <v>87</v>
      </c>
      <c r="N25615" t="s">
        <v>88</v>
      </c>
      <c r="O25615" t="s">
        <v>85</v>
      </c>
      <c r="P25615" t="s">
        <v>86</v>
      </c>
      <c r="Q25615">
        <v>5</v>
      </c>
      <c r="R25615">
        <v>5</v>
      </c>
      <c r="S25615">
        <v>5</v>
      </c>
      <c r="T25615">
        <v>5</v>
      </c>
      <c r="U25615">
        <v>5</v>
      </c>
      <c r="V25615">
        <v>5</v>
      </c>
      <c r="W25615">
        <v>5</v>
      </c>
      <c r="X25615">
        <v>5</v>
      </c>
      <c r="Y25615">
        <v>5</v>
      </c>
      <c r="Z25615">
        <v>5</v>
      </c>
      <c r="AA25615">
        <v>5</v>
      </c>
      <c r="AB25615">
        <v>5</v>
      </c>
      <c r="AC25615">
        <v>6</v>
      </c>
      <c r="AD25615">
        <v>6</v>
      </c>
      <c r="AE25615">
        <v>6</v>
      </c>
      <c r="AF25615">
        <v>6</v>
      </c>
      <c r="AG25615">
        <v>6</v>
      </c>
      <c r="AH25615">
        <v>6</v>
      </c>
      <c r="AI25615">
        <v>6</v>
      </c>
      <c r="AJ25615">
        <v>6</v>
      </c>
      <c r="AK25615">
        <v>6</v>
      </c>
      <c r="AL25615">
        <v>6</v>
      </c>
      <c r="AM25615">
        <v>6</v>
      </c>
      <c r="AN25615">
        <v>7</v>
      </c>
      <c r="AO25615">
        <v>7</v>
      </c>
      <c r="AP25615">
        <v>7</v>
      </c>
      <c r="AQ25615">
        <v>7</v>
      </c>
    </row>
    <row r="25616" spans="1:43">
      <c r="A25616" t="s">
        <v>15849</v>
      </c>
      <c r="B25616" t="s">
        <v>15850</v>
      </c>
      <c r="C25616" t="s">
        <v>15775</v>
      </c>
      <c r="D25616" t="s">
        <v>15776</v>
      </c>
      <c r="E25616" t="s">
        <v>15699</v>
      </c>
      <c r="F25616" t="s">
        <v>15700</v>
      </c>
      <c r="G25616" t="s">
        <v>10734</v>
      </c>
      <c r="H25616" t="s">
        <v>10735</v>
      </c>
      <c r="I25616" s="2">
        <v>1</v>
      </c>
      <c r="J25616" s="2">
        <v>0</v>
      </c>
      <c r="K25616" s="2">
        <v>0</v>
      </c>
      <c r="L25616" t="s">
        <v>120</v>
      </c>
      <c r="M25616" t="s">
        <v>89</v>
      </c>
      <c r="N25616" t="s">
        <v>90</v>
      </c>
      <c r="O25616" t="s">
        <v>85</v>
      </c>
      <c r="P25616" t="s">
        <v>86</v>
      </c>
      <c r="Q25616">
        <v>5</v>
      </c>
      <c r="R25616">
        <v>5</v>
      </c>
      <c r="S25616">
        <v>5</v>
      </c>
      <c r="T25616">
        <v>5</v>
      </c>
      <c r="U25616">
        <v>5</v>
      </c>
      <c r="V25616">
        <v>6</v>
      </c>
      <c r="W25616">
        <v>6</v>
      </c>
      <c r="X25616">
        <v>6</v>
      </c>
      <c r="Y25616">
        <v>6</v>
      </c>
      <c r="Z25616">
        <v>6</v>
      </c>
      <c r="AA25616">
        <v>6</v>
      </c>
      <c r="AB25616">
        <v>6</v>
      </c>
      <c r="AC25616">
        <v>7</v>
      </c>
      <c r="AD25616">
        <v>7</v>
      </c>
      <c r="AE25616">
        <v>7</v>
      </c>
      <c r="AF25616">
        <v>7</v>
      </c>
      <c r="AG25616">
        <v>7</v>
      </c>
      <c r="AH25616">
        <v>7</v>
      </c>
      <c r="AI25616">
        <v>7</v>
      </c>
      <c r="AJ25616">
        <v>7</v>
      </c>
      <c r="AK25616">
        <v>7</v>
      </c>
      <c r="AL25616">
        <v>7</v>
      </c>
      <c r="AM25616">
        <v>8</v>
      </c>
      <c r="AN25616">
        <v>8</v>
      </c>
      <c r="AO25616">
        <v>8</v>
      </c>
      <c r="AP25616">
        <v>8</v>
      </c>
      <c r="AQ25616">
        <v>8</v>
      </c>
    </row>
    <row r="25617" spans="1:43">
      <c r="A25617" t="s">
        <v>15849</v>
      </c>
      <c r="B25617" t="s">
        <v>15850</v>
      </c>
      <c r="C25617" t="s">
        <v>15775</v>
      </c>
      <c r="D25617" t="s">
        <v>15776</v>
      </c>
      <c r="E25617" t="s">
        <v>15699</v>
      </c>
      <c r="F25617" t="s">
        <v>15700</v>
      </c>
      <c r="G25617" t="s">
        <v>10734</v>
      </c>
      <c r="H25617" t="s">
        <v>10735</v>
      </c>
      <c r="I25617" s="2">
        <v>1</v>
      </c>
      <c r="J25617" s="2">
        <v>0</v>
      </c>
      <c r="K25617" s="2">
        <v>0</v>
      </c>
      <c r="L25617" t="s">
        <v>120</v>
      </c>
      <c r="M25617" t="s">
        <v>83</v>
      </c>
      <c r="N25617" t="s">
        <v>91</v>
      </c>
      <c r="O25617" t="s">
        <v>85</v>
      </c>
      <c r="P25617" t="s">
        <v>86</v>
      </c>
      <c r="Q25617">
        <v>5</v>
      </c>
      <c r="R25617">
        <v>5</v>
      </c>
      <c r="S25617">
        <v>5</v>
      </c>
      <c r="T25617">
        <v>5</v>
      </c>
      <c r="U25617">
        <v>5</v>
      </c>
      <c r="V25617">
        <v>5</v>
      </c>
      <c r="W25617">
        <v>5</v>
      </c>
      <c r="X25617">
        <v>6</v>
      </c>
      <c r="Y25617">
        <v>6</v>
      </c>
      <c r="Z25617">
        <v>6</v>
      </c>
      <c r="AA25617">
        <v>6</v>
      </c>
      <c r="AB25617">
        <v>6</v>
      </c>
      <c r="AC25617">
        <v>6</v>
      </c>
      <c r="AD25617">
        <v>6</v>
      </c>
      <c r="AE25617">
        <v>6</v>
      </c>
      <c r="AF25617">
        <v>7</v>
      </c>
      <c r="AG25617">
        <v>7</v>
      </c>
      <c r="AH25617">
        <v>7</v>
      </c>
      <c r="AI25617">
        <v>7</v>
      </c>
      <c r="AJ25617">
        <v>7</v>
      </c>
      <c r="AK25617">
        <v>7</v>
      </c>
      <c r="AL25617">
        <v>7</v>
      </c>
      <c r="AM25617">
        <v>7</v>
      </c>
      <c r="AN25617">
        <v>8</v>
      </c>
      <c r="AO25617">
        <v>8</v>
      </c>
      <c r="AP25617">
        <v>8</v>
      </c>
      <c r="AQ25617">
        <v>8</v>
      </c>
    </row>
    <row r="25618" spans="1:43">
      <c r="A25618" t="s">
        <v>15851</v>
      </c>
      <c r="B25618" t="s">
        <v>15852</v>
      </c>
      <c r="C25618" t="s">
        <v>15775</v>
      </c>
      <c r="D25618" t="s">
        <v>15776</v>
      </c>
      <c r="E25618" t="s">
        <v>15699</v>
      </c>
      <c r="F25618" t="s">
        <v>15700</v>
      </c>
      <c r="G25618" t="s">
        <v>10734</v>
      </c>
      <c r="H25618" t="s">
        <v>10735</v>
      </c>
      <c r="I25618" s="2">
        <v>1</v>
      </c>
      <c r="J25618" s="2">
        <v>0</v>
      </c>
      <c r="K25618" s="2">
        <v>0</v>
      </c>
      <c r="L25618" t="s">
        <v>120</v>
      </c>
      <c r="M25618" t="s">
        <v>83</v>
      </c>
      <c r="N25618" t="s">
        <v>84</v>
      </c>
      <c r="O25618" t="s">
        <v>85</v>
      </c>
      <c r="P25618" t="s">
        <v>86</v>
      </c>
      <c r="Q25618">
        <v>47</v>
      </c>
      <c r="R25618">
        <v>48</v>
      </c>
      <c r="S25618">
        <v>49</v>
      </c>
      <c r="T25618">
        <v>50</v>
      </c>
      <c r="U25618">
        <v>51</v>
      </c>
      <c r="V25618">
        <v>52</v>
      </c>
      <c r="W25618">
        <v>53</v>
      </c>
      <c r="X25618">
        <v>55</v>
      </c>
      <c r="Y25618">
        <v>56</v>
      </c>
      <c r="Z25618">
        <v>57</v>
      </c>
      <c r="AA25618">
        <v>58</v>
      </c>
      <c r="AB25618">
        <v>59</v>
      </c>
      <c r="AC25618">
        <v>61</v>
      </c>
      <c r="AD25618">
        <v>62</v>
      </c>
      <c r="AE25618">
        <v>63</v>
      </c>
      <c r="AF25618">
        <v>65</v>
      </c>
      <c r="AG25618">
        <v>66</v>
      </c>
      <c r="AH25618">
        <v>67</v>
      </c>
      <c r="AI25618">
        <v>69</v>
      </c>
      <c r="AJ25618">
        <v>70</v>
      </c>
      <c r="AK25618">
        <v>72</v>
      </c>
      <c r="AL25618">
        <v>73</v>
      </c>
      <c r="AM25618">
        <v>74</v>
      </c>
      <c r="AN25618">
        <v>74</v>
      </c>
      <c r="AO25618">
        <v>75</v>
      </c>
      <c r="AP25618">
        <v>76</v>
      </c>
      <c r="AQ25618">
        <v>77</v>
      </c>
    </row>
    <row r="25619" spans="1:43">
      <c r="A25619" t="s">
        <v>15851</v>
      </c>
      <c r="B25619" t="s">
        <v>15852</v>
      </c>
      <c r="C25619" t="s">
        <v>15775</v>
      </c>
      <c r="D25619" t="s">
        <v>15776</v>
      </c>
      <c r="E25619" t="s">
        <v>15699</v>
      </c>
      <c r="F25619" t="s">
        <v>15700</v>
      </c>
      <c r="G25619" t="s">
        <v>10734</v>
      </c>
      <c r="H25619" t="s">
        <v>10735</v>
      </c>
      <c r="I25619" s="2">
        <v>1</v>
      </c>
      <c r="J25619" s="2">
        <v>0</v>
      </c>
      <c r="K25619" s="2">
        <v>0</v>
      </c>
      <c r="L25619" t="s">
        <v>120</v>
      </c>
      <c r="M25619" t="s">
        <v>87</v>
      </c>
      <c r="N25619" t="s">
        <v>88</v>
      </c>
      <c r="O25619" t="s">
        <v>85</v>
      </c>
      <c r="P25619" t="s">
        <v>86</v>
      </c>
      <c r="Q25619">
        <v>47</v>
      </c>
      <c r="R25619">
        <v>48</v>
      </c>
      <c r="S25619">
        <v>49</v>
      </c>
      <c r="T25619">
        <v>49</v>
      </c>
      <c r="U25619">
        <v>50</v>
      </c>
      <c r="V25619">
        <v>51</v>
      </c>
      <c r="W25619">
        <v>51</v>
      </c>
      <c r="X25619">
        <v>52</v>
      </c>
      <c r="Y25619">
        <v>53</v>
      </c>
      <c r="Z25619">
        <v>53</v>
      </c>
      <c r="AA25619">
        <v>54</v>
      </c>
      <c r="AB25619">
        <v>55</v>
      </c>
      <c r="AC25619">
        <v>56</v>
      </c>
      <c r="AD25619">
        <v>56</v>
      </c>
      <c r="AE25619">
        <v>57</v>
      </c>
      <c r="AF25619">
        <v>58</v>
      </c>
      <c r="AG25619">
        <v>59</v>
      </c>
      <c r="AH25619">
        <v>60</v>
      </c>
      <c r="AI25619">
        <v>60</v>
      </c>
      <c r="AJ25619">
        <v>61</v>
      </c>
      <c r="AK25619">
        <v>62</v>
      </c>
      <c r="AL25619">
        <v>63</v>
      </c>
      <c r="AM25619">
        <v>64</v>
      </c>
      <c r="AN25619">
        <v>65</v>
      </c>
      <c r="AO25619">
        <v>66</v>
      </c>
      <c r="AP25619">
        <v>67</v>
      </c>
      <c r="AQ25619">
        <v>68</v>
      </c>
    </row>
    <row r="25620" spans="1:43">
      <c r="A25620" t="s">
        <v>15851</v>
      </c>
      <c r="B25620" t="s">
        <v>15852</v>
      </c>
      <c r="C25620" t="s">
        <v>15775</v>
      </c>
      <c r="D25620" t="s">
        <v>15776</v>
      </c>
      <c r="E25620" t="s">
        <v>15699</v>
      </c>
      <c r="F25620" t="s">
        <v>15700</v>
      </c>
      <c r="G25620" t="s">
        <v>10734</v>
      </c>
      <c r="H25620" t="s">
        <v>10735</v>
      </c>
      <c r="I25620" s="2">
        <v>1</v>
      </c>
      <c r="J25620" s="2">
        <v>0</v>
      </c>
      <c r="K25620" s="2">
        <v>0</v>
      </c>
      <c r="L25620" t="s">
        <v>120</v>
      </c>
      <c r="M25620" t="s">
        <v>89</v>
      </c>
      <c r="N25620" t="s">
        <v>90</v>
      </c>
      <c r="O25620" t="s">
        <v>85</v>
      </c>
      <c r="P25620" t="s">
        <v>86</v>
      </c>
      <c r="Q25620">
        <v>47</v>
      </c>
      <c r="R25620">
        <v>49</v>
      </c>
      <c r="S25620">
        <v>50</v>
      </c>
      <c r="T25620">
        <v>52</v>
      </c>
      <c r="U25620">
        <v>53</v>
      </c>
      <c r="V25620">
        <v>55</v>
      </c>
      <c r="W25620">
        <v>56</v>
      </c>
      <c r="X25620">
        <v>58</v>
      </c>
      <c r="Y25620">
        <v>59</v>
      </c>
      <c r="Z25620">
        <v>61</v>
      </c>
      <c r="AA25620">
        <v>62</v>
      </c>
      <c r="AB25620">
        <v>63</v>
      </c>
      <c r="AC25620">
        <v>65</v>
      </c>
      <c r="AD25620">
        <v>67</v>
      </c>
      <c r="AE25620">
        <v>68</v>
      </c>
      <c r="AF25620">
        <v>69</v>
      </c>
      <c r="AG25620">
        <v>69</v>
      </c>
      <c r="AH25620">
        <v>70</v>
      </c>
      <c r="AI25620">
        <v>71</v>
      </c>
      <c r="AJ25620">
        <v>72</v>
      </c>
      <c r="AK25620">
        <v>72</v>
      </c>
      <c r="AL25620">
        <v>73</v>
      </c>
      <c r="AM25620">
        <v>74</v>
      </c>
      <c r="AN25620">
        <v>75</v>
      </c>
      <c r="AO25620">
        <v>76</v>
      </c>
      <c r="AP25620">
        <v>77</v>
      </c>
      <c r="AQ25620">
        <v>77</v>
      </c>
    </row>
    <row r="25621" spans="1:43">
      <c r="A25621" t="s">
        <v>15851</v>
      </c>
      <c r="B25621" t="s">
        <v>15852</v>
      </c>
      <c r="C25621" t="s">
        <v>15775</v>
      </c>
      <c r="D25621" t="s">
        <v>15776</v>
      </c>
      <c r="E25621" t="s">
        <v>15699</v>
      </c>
      <c r="F25621" t="s">
        <v>15700</v>
      </c>
      <c r="G25621" t="s">
        <v>10734</v>
      </c>
      <c r="H25621" t="s">
        <v>10735</v>
      </c>
      <c r="I25621" s="2">
        <v>1</v>
      </c>
      <c r="J25621" s="2">
        <v>0</v>
      </c>
      <c r="K25621" s="2">
        <v>0</v>
      </c>
      <c r="L25621" t="s">
        <v>120</v>
      </c>
      <c r="M25621" t="s">
        <v>83</v>
      </c>
      <c r="N25621" t="s">
        <v>91</v>
      </c>
      <c r="O25621" t="s">
        <v>85</v>
      </c>
      <c r="P25621" t="s">
        <v>86</v>
      </c>
      <c r="Q25621">
        <v>47</v>
      </c>
      <c r="R25621">
        <v>48</v>
      </c>
      <c r="S25621">
        <v>49</v>
      </c>
      <c r="T25621">
        <v>50</v>
      </c>
      <c r="U25621">
        <v>51</v>
      </c>
      <c r="V25621">
        <v>52</v>
      </c>
      <c r="W25621">
        <v>53</v>
      </c>
      <c r="X25621">
        <v>55</v>
      </c>
      <c r="Y25621">
        <v>56</v>
      </c>
      <c r="Z25621">
        <v>57</v>
      </c>
      <c r="AA25621">
        <v>58</v>
      </c>
      <c r="AB25621">
        <v>59</v>
      </c>
      <c r="AC25621">
        <v>61</v>
      </c>
      <c r="AD25621">
        <v>62</v>
      </c>
      <c r="AE25621">
        <v>63</v>
      </c>
      <c r="AF25621">
        <v>65</v>
      </c>
      <c r="AG25621">
        <v>66</v>
      </c>
      <c r="AH25621">
        <v>67</v>
      </c>
      <c r="AI25621">
        <v>69</v>
      </c>
      <c r="AJ25621">
        <v>70</v>
      </c>
      <c r="AK25621">
        <v>72</v>
      </c>
      <c r="AL25621">
        <v>73</v>
      </c>
      <c r="AM25621">
        <v>74</v>
      </c>
      <c r="AN25621">
        <v>74</v>
      </c>
      <c r="AO25621">
        <v>75</v>
      </c>
      <c r="AP25621">
        <v>76</v>
      </c>
      <c r="AQ25621">
        <v>77</v>
      </c>
    </row>
    <row r="25622" spans="1:43">
      <c r="A25622" t="s">
        <v>15853</v>
      </c>
      <c r="B25622" t="s">
        <v>15854</v>
      </c>
      <c r="C25622" t="s">
        <v>15775</v>
      </c>
      <c r="D25622" t="s">
        <v>15776</v>
      </c>
      <c r="E25622" t="s">
        <v>15699</v>
      </c>
      <c r="F25622" t="s">
        <v>15700</v>
      </c>
      <c r="G25622" t="s">
        <v>10734</v>
      </c>
      <c r="H25622" t="s">
        <v>10735</v>
      </c>
      <c r="I25622" s="2">
        <v>1</v>
      </c>
      <c r="J25622" s="2">
        <v>0</v>
      </c>
      <c r="K25622" s="2">
        <v>0</v>
      </c>
      <c r="L25622" t="s">
        <v>120</v>
      </c>
      <c r="M25622" t="s">
        <v>83</v>
      </c>
      <c r="N25622" t="s">
        <v>84</v>
      </c>
      <c r="O25622" t="s">
        <v>85</v>
      </c>
      <c r="P25622" t="s">
        <v>86</v>
      </c>
      <c r="Q25622">
        <v>10</v>
      </c>
      <c r="R25622">
        <v>11</v>
      </c>
      <c r="S25622">
        <v>11</v>
      </c>
      <c r="T25622">
        <v>11</v>
      </c>
      <c r="U25622">
        <v>11</v>
      </c>
      <c r="V25622">
        <v>12</v>
      </c>
      <c r="W25622">
        <v>12</v>
      </c>
      <c r="X25622">
        <v>12</v>
      </c>
      <c r="Y25622">
        <v>12</v>
      </c>
      <c r="Z25622">
        <v>13</v>
      </c>
      <c r="AA25622">
        <v>13</v>
      </c>
      <c r="AB25622">
        <v>13</v>
      </c>
      <c r="AC25622">
        <v>13</v>
      </c>
      <c r="AD25622">
        <v>14</v>
      </c>
      <c r="AE25622">
        <v>14</v>
      </c>
      <c r="AF25622">
        <v>14</v>
      </c>
      <c r="AG25622">
        <v>15</v>
      </c>
      <c r="AH25622">
        <v>15</v>
      </c>
      <c r="AI25622">
        <v>15</v>
      </c>
      <c r="AJ25622">
        <v>16</v>
      </c>
      <c r="AK25622">
        <v>16</v>
      </c>
      <c r="AL25622">
        <v>16</v>
      </c>
      <c r="AM25622">
        <v>16</v>
      </c>
      <c r="AN25622">
        <v>17</v>
      </c>
      <c r="AO25622">
        <v>17</v>
      </c>
      <c r="AP25622">
        <v>17</v>
      </c>
      <c r="AQ25622">
        <v>17</v>
      </c>
    </row>
    <row r="25623" spans="1:43">
      <c r="A25623" t="s">
        <v>15853</v>
      </c>
      <c r="B25623" t="s">
        <v>15854</v>
      </c>
      <c r="C25623" t="s">
        <v>15775</v>
      </c>
      <c r="D25623" t="s">
        <v>15776</v>
      </c>
      <c r="E25623" t="s">
        <v>15699</v>
      </c>
      <c r="F25623" t="s">
        <v>15700</v>
      </c>
      <c r="G25623" t="s">
        <v>10734</v>
      </c>
      <c r="H25623" t="s">
        <v>10735</v>
      </c>
      <c r="I25623" s="2">
        <v>1</v>
      </c>
      <c r="J25623" s="2">
        <v>0</v>
      </c>
      <c r="K25623" s="2">
        <v>0</v>
      </c>
      <c r="L25623" t="s">
        <v>120</v>
      </c>
      <c r="M25623" t="s">
        <v>87</v>
      </c>
      <c r="N25623" t="s">
        <v>88</v>
      </c>
      <c r="O25623" t="s">
        <v>85</v>
      </c>
      <c r="P25623" t="s">
        <v>86</v>
      </c>
      <c r="Q25623">
        <v>10</v>
      </c>
      <c r="R25623">
        <v>10</v>
      </c>
      <c r="S25623">
        <v>11</v>
      </c>
      <c r="T25623">
        <v>11</v>
      </c>
      <c r="U25623">
        <v>11</v>
      </c>
      <c r="V25623">
        <v>11</v>
      </c>
      <c r="W25623">
        <v>11</v>
      </c>
      <c r="X25623">
        <v>11</v>
      </c>
      <c r="Y25623">
        <v>11</v>
      </c>
      <c r="Z25623">
        <v>12</v>
      </c>
      <c r="AA25623">
        <v>12</v>
      </c>
      <c r="AB25623">
        <v>12</v>
      </c>
      <c r="AC25623">
        <v>12</v>
      </c>
      <c r="AD25623">
        <v>12</v>
      </c>
      <c r="AE25623">
        <v>12</v>
      </c>
      <c r="AF25623">
        <v>13</v>
      </c>
      <c r="AG25623">
        <v>13</v>
      </c>
      <c r="AH25623">
        <v>13</v>
      </c>
      <c r="AI25623">
        <v>13</v>
      </c>
      <c r="AJ25623">
        <v>13</v>
      </c>
      <c r="AK25623">
        <v>14</v>
      </c>
      <c r="AL25623">
        <v>14</v>
      </c>
      <c r="AM25623">
        <v>14</v>
      </c>
      <c r="AN25623">
        <v>14</v>
      </c>
      <c r="AO25623">
        <v>14</v>
      </c>
      <c r="AP25623">
        <v>15</v>
      </c>
      <c r="AQ25623">
        <v>15</v>
      </c>
    </row>
    <row r="25624" spans="1:43">
      <c r="A25624" t="s">
        <v>15853</v>
      </c>
      <c r="B25624" t="s">
        <v>15854</v>
      </c>
      <c r="C25624" t="s">
        <v>15775</v>
      </c>
      <c r="D25624" t="s">
        <v>15776</v>
      </c>
      <c r="E25624" t="s">
        <v>15699</v>
      </c>
      <c r="F25624" t="s">
        <v>15700</v>
      </c>
      <c r="G25624" t="s">
        <v>10734</v>
      </c>
      <c r="H25624" t="s">
        <v>10735</v>
      </c>
      <c r="I25624" s="2">
        <v>1</v>
      </c>
      <c r="J25624" s="2">
        <v>0</v>
      </c>
      <c r="K25624" s="2">
        <v>0</v>
      </c>
      <c r="L25624" t="s">
        <v>120</v>
      </c>
      <c r="M25624" t="s">
        <v>89</v>
      </c>
      <c r="N25624" t="s">
        <v>90</v>
      </c>
      <c r="O25624" t="s">
        <v>85</v>
      </c>
      <c r="P25624" t="s">
        <v>86</v>
      </c>
      <c r="Q25624">
        <v>10</v>
      </c>
      <c r="R25624">
        <v>11</v>
      </c>
      <c r="S25624">
        <v>11</v>
      </c>
      <c r="T25624">
        <v>11</v>
      </c>
      <c r="U25624">
        <v>12</v>
      </c>
      <c r="V25624">
        <v>12</v>
      </c>
      <c r="W25624">
        <v>12</v>
      </c>
      <c r="X25624">
        <v>13</v>
      </c>
      <c r="Y25624">
        <v>13</v>
      </c>
      <c r="Z25624">
        <v>13</v>
      </c>
      <c r="AA25624">
        <v>14</v>
      </c>
      <c r="AB25624">
        <v>14</v>
      </c>
      <c r="AC25624">
        <v>14</v>
      </c>
      <c r="AD25624">
        <v>15</v>
      </c>
      <c r="AE25624">
        <v>15</v>
      </c>
      <c r="AF25624">
        <v>15</v>
      </c>
      <c r="AG25624">
        <v>15</v>
      </c>
      <c r="AH25624">
        <v>16</v>
      </c>
      <c r="AI25624">
        <v>16</v>
      </c>
      <c r="AJ25624">
        <v>16</v>
      </c>
      <c r="AK25624">
        <v>16</v>
      </c>
      <c r="AL25624">
        <v>16</v>
      </c>
      <c r="AM25624">
        <v>16</v>
      </c>
      <c r="AN25624">
        <v>17</v>
      </c>
      <c r="AO25624">
        <v>17</v>
      </c>
      <c r="AP25624">
        <v>17</v>
      </c>
      <c r="AQ25624">
        <v>17</v>
      </c>
    </row>
    <row r="25625" spans="1:43">
      <c r="A25625" t="s">
        <v>15853</v>
      </c>
      <c r="B25625" t="s">
        <v>15854</v>
      </c>
      <c r="C25625" t="s">
        <v>15775</v>
      </c>
      <c r="D25625" t="s">
        <v>15776</v>
      </c>
      <c r="E25625" t="s">
        <v>15699</v>
      </c>
      <c r="F25625" t="s">
        <v>15700</v>
      </c>
      <c r="G25625" t="s">
        <v>10734</v>
      </c>
      <c r="H25625" t="s">
        <v>10735</v>
      </c>
      <c r="I25625" s="2">
        <v>1</v>
      </c>
      <c r="J25625" s="2">
        <v>0</v>
      </c>
      <c r="K25625" s="2">
        <v>0</v>
      </c>
      <c r="L25625" t="s">
        <v>120</v>
      </c>
      <c r="M25625" t="s">
        <v>83</v>
      </c>
      <c r="N25625" t="s">
        <v>91</v>
      </c>
      <c r="O25625" t="s">
        <v>85</v>
      </c>
      <c r="P25625" t="s">
        <v>86</v>
      </c>
      <c r="Q25625">
        <v>10</v>
      </c>
      <c r="R25625">
        <v>11</v>
      </c>
      <c r="S25625">
        <v>11</v>
      </c>
      <c r="T25625">
        <v>11</v>
      </c>
      <c r="U25625">
        <v>11</v>
      </c>
      <c r="V25625">
        <v>12</v>
      </c>
      <c r="W25625">
        <v>12</v>
      </c>
      <c r="X25625">
        <v>12</v>
      </c>
      <c r="Y25625">
        <v>12</v>
      </c>
      <c r="Z25625">
        <v>13</v>
      </c>
      <c r="AA25625">
        <v>13</v>
      </c>
      <c r="AB25625">
        <v>13</v>
      </c>
      <c r="AC25625">
        <v>13</v>
      </c>
      <c r="AD25625">
        <v>14</v>
      </c>
      <c r="AE25625">
        <v>14</v>
      </c>
      <c r="AF25625">
        <v>14</v>
      </c>
      <c r="AG25625">
        <v>15</v>
      </c>
      <c r="AH25625">
        <v>15</v>
      </c>
      <c r="AI25625">
        <v>15</v>
      </c>
      <c r="AJ25625">
        <v>16</v>
      </c>
      <c r="AK25625">
        <v>16</v>
      </c>
      <c r="AL25625">
        <v>16</v>
      </c>
      <c r="AM25625">
        <v>16</v>
      </c>
      <c r="AN25625">
        <v>17</v>
      </c>
      <c r="AO25625">
        <v>17</v>
      </c>
      <c r="AP25625">
        <v>17</v>
      </c>
      <c r="AQ25625">
        <v>17</v>
      </c>
    </row>
    <row r="25626" spans="1:43">
      <c r="A25626" t="s">
        <v>15855</v>
      </c>
      <c r="B25626" t="s">
        <v>15856</v>
      </c>
      <c r="C25626" t="s">
        <v>15857</v>
      </c>
      <c r="D25626" t="s">
        <v>15858</v>
      </c>
      <c r="E25626" t="s">
        <v>15699</v>
      </c>
      <c r="F25626" t="s">
        <v>15700</v>
      </c>
      <c r="G25626" t="s">
        <v>10734</v>
      </c>
      <c r="H25626" t="s">
        <v>10735</v>
      </c>
      <c r="I25626" s="2">
        <v>1</v>
      </c>
      <c r="J25626" s="2">
        <v>0</v>
      </c>
      <c r="K25626" s="2">
        <v>0</v>
      </c>
      <c r="L25626" t="s">
        <v>120</v>
      </c>
      <c r="M25626" t="s">
        <v>83</v>
      </c>
      <c r="N25626" t="s">
        <v>84</v>
      </c>
      <c r="O25626" t="s">
        <v>85</v>
      </c>
      <c r="P25626" t="s">
        <v>86</v>
      </c>
      <c r="Q25626">
        <v>97</v>
      </c>
      <c r="R25626">
        <v>100</v>
      </c>
      <c r="S25626">
        <v>102</v>
      </c>
      <c r="T25626">
        <v>104</v>
      </c>
      <c r="U25626">
        <v>107</v>
      </c>
      <c r="V25626">
        <v>109</v>
      </c>
      <c r="W25626">
        <v>112</v>
      </c>
      <c r="X25626">
        <v>114</v>
      </c>
      <c r="Y25626">
        <v>116</v>
      </c>
      <c r="Z25626">
        <v>119</v>
      </c>
      <c r="AA25626">
        <v>121</v>
      </c>
      <c r="AB25626">
        <v>124</v>
      </c>
      <c r="AC25626">
        <v>127</v>
      </c>
      <c r="AD25626">
        <v>129</v>
      </c>
      <c r="AE25626">
        <v>132</v>
      </c>
      <c r="AF25626">
        <v>135</v>
      </c>
      <c r="AG25626">
        <v>138</v>
      </c>
      <c r="AH25626">
        <v>140</v>
      </c>
      <c r="AI25626">
        <v>143</v>
      </c>
      <c r="AJ25626">
        <v>146</v>
      </c>
      <c r="AK25626">
        <v>149</v>
      </c>
      <c r="AL25626">
        <v>151</v>
      </c>
      <c r="AM25626">
        <v>153</v>
      </c>
      <c r="AN25626">
        <v>155</v>
      </c>
      <c r="AO25626">
        <v>157</v>
      </c>
      <c r="AP25626">
        <v>158</v>
      </c>
      <c r="AQ25626">
        <v>160</v>
      </c>
    </row>
    <row r="25627" spans="1:43">
      <c r="A25627" t="s">
        <v>15855</v>
      </c>
      <c r="B25627" t="s">
        <v>15856</v>
      </c>
      <c r="C25627" t="s">
        <v>15857</v>
      </c>
      <c r="D25627" t="s">
        <v>15858</v>
      </c>
      <c r="E25627" t="s">
        <v>15699</v>
      </c>
      <c r="F25627" t="s">
        <v>15700</v>
      </c>
      <c r="G25627" t="s">
        <v>10734</v>
      </c>
      <c r="H25627" t="s">
        <v>10735</v>
      </c>
      <c r="I25627" s="2">
        <v>1</v>
      </c>
      <c r="J25627" s="2">
        <v>0</v>
      </c>
      <c r="K25627" s="2">
        <v>0</v>
      </c>
      <c r="L25627" t="s">
        <v>120</v>
      </c>
      <c r="M25627" t="s">
        <v>87</v>
      </c>
      <c r="N25627" t="s">
        <v>88</v>
      </c>
      <c r="O25627" t="s">
        <v>85</v>
      </c>
      <c r="P25627" t="s">
        <v>86</v>
      </c>
      <c r="Q25627">
        <v>97</v>
      </c>
      <c r="R25627">
        <v>99</v>
      </c>
      <c r="S25627">
        <v>100</v>
      </c>
      <c r="T25627">
        <v>102</v>
      </c>
      <c r="U25627">
        <v>103</v>
      </c>
      <c r="V25627">
        <v>104</v>
      </c>
      <c r="W25627">
        <v>106</v>
      </c>
      <c r="X25627">
        <v>107</v>
      </c>
      <c r="Y25627">
        <v>109</v>
      </c>
      <c r="Z25627">
        <v>110</v>
      </c>
      <c r="AA25627">
        <v>112</v>
      </c>
      <c r="AB25627">
        <v>113</v>
      </c>
      <c r="AC25627">
        <v>115</v>
      </c>
      <c r="AD25627">
        <v>117</v>
      </c>
      <c r="AE25627">
        <v>118</v>
      </c>
      <c r="AF25627">
        <v>120</v>
      </c>
      <c r="AG25627">
        <v>122</v>
      </c>
      <c r="AH25627">
        <v>123</v>
      </c>
      <c r="AI25627">
        <v>125</v>
      </c>
      <c r="AJ25627">
        <v>127</v>
      </c>
      <c r="AK25627">
        <v>129</v>
      </c>
      <c r="AL25627">
        <v>131</v>
      </c>
      <c r="AM25627">
        <v>133</v>
      </c>
      <c r="AN25627">
        <v>135</v>
      </c>
      <c r="AO25627">
        <v>137</v>
      </c>
      <c r="AP25627">
        <v>139</v>
      </c>
      <c r="AQ25627">
        <v>141</v>
      </c>
    </row>
    <row r="25628" spans="1:43">
      <c r="A25628" t="s">
        <v>15855</v>
      </c>
      <c r="B25628" t="s">
        <v>15856</v>
      </c>
      <c r="C25628" t="s">
        <v>15857</v>
      </c>
      <c r="D25628" t="s">
        <v>15858</v>
      </c>
      <c r="E25628" t="s">
        <v>15699</v>
      </c>
      <c r="F25628" t="s">
        <v>15700</v>
      </c>
      <c r="G25628" t="s">
        <v>10734</v>
      </c>
      <c r="H25628" t="s">
        <v>10735</v>
      </c>
      <c r="I25628" s="2">
        <v>1</v>
      </c>
      <c r="J25628" s="2">
        <v>0</v>
      </c>
      <c r="K25628" s="2">
        <v>0</v>
      </c>
      <c r="L25628" t="s">
        <v>120</v>
      </c>
      <c r="M25628" t="s">
        <v>89</v>
      </c>
      <c r="N25628" t="s">
        <v>90</v>
      </c>
      <c r="O25628" t="s">
        <v>85</v>
      </c>
      <c r="P25628" t="s">
        <v>86</v>
      </c>
      <c r="Q25628">
        <v>97</v>
      </c>
      <c r="R25628">
        <v>100</v>
      </c>
      <c r="S25628">
        <v>104</v>
      </c>
      <c r="T25628">
        <v>107</v>
      </c>
      <c r="U25628">
        <v>110</v>
      </c>
      <c r="V25628">
        <v>113</v>
      </c>
      <c r="W25628">
        <v>116</v>
      </c>
      <c r="X25628">
        <v>119</v>
      </c>
      <c r="Y25628">
        <v>122</v>
      </c>
      <c r="Z25628">
        <v>125</v>
      </c>
      <c r="AA25628">
        <v>128</v>
      </c>
      <c r="AB25628">
        <v>131</v>
      </c>
      <c r="AC25628">
        <v>135</v>
      </c>
      <c r="AD25628">
        <v>138</v>
      </c>
      <c r="AE25628">
        <v>140</v>
      </c>
      <c r="AF25628">
        <v>142</v>
      </c>
      <c r="AG25628">
        <v>143</v>
      </c>
      <c r="AH25628">
        <v>145</v>
      </c>
      <c r="AI25628">
        <v>147</v>
      </c>
      <c r="AJ25628">
        <v>148</v>
      </c>
      <c r="AK25628">
        <v>150</v>
      </c>
      <c r="AL25628">
        <v>151</v>
      </c>
      <c r="AM25628">
        <v>153</v>
      </c>
      <c r="AN25628">
        <v>155</v>
      </c>
      <c r="AO25628">
        <v>156</v>
      </c>
      <c r="AP25628">
        <v>158</v>
      </c>
      <c r="AQ25628">
        <v>160</v>
      </c>
    </row>
    <row r="25629" spans="1:43">
      <c r="A25629" t="s">
        <v>15855</v>
      </c>
      <c r="B25629" t="s">
        <v>15856</v>
      </c>
      <c r="C25629" t="s">
        <v>15857</v>
      </c>
      <c r="D25629" t="s">
        <v>15858</v>
      </c>
      <c r="E25629" t="s">
        <v>15699</v>
      </c>
      <c r="F25629" t="s">
        <v>15700</v>
      </c>
      <c r="G25629" t="s">
        <v>10734</v>
      </c>
      <c r="H25629" t="s">
        <v>10735</v>
      </c>
      <c r="I25629" s="2">
        <v>1</v>
      </c>
      <c r="J25629" s="2">
        <v>0</v>
      </c>
      <c r="K25629" s="2">
        <v>0</v>
      </c>
      <c r="L25629" t="s">
        <v>120</v>
      </c>
      <c r="M25629" t="s">
        <v>83</v>
      </c>
      <c r="N25629" t="s">
        <v>91</v>
      </c>
      <c r="O25629" t="s">
        <v>85</v>
      </c>
      <c r="P25629" t="s">
        <v>86</v>
      </c>
      <c r="Q25629">
        <v>97</v>
      </c>
      <c r="R25629">
        <v>100</v>
      </c>
      <c r="S25629">
        <v>102</v>
      </c>
      <c r="T25629">
        <v>104</v>
      </c>
      <c r="U25629">
        <v>107</v>
      </c>
      <c r="V25629">
        <v>109</v>
      </c>
      <c r="W25629">
        <v>112</v>
      </c>
      <c r="X25629">
        <v>114</v>
      </c>
      <c r="Y25629">
        <v>116</v>
      </c>
      <c r="Z25629">
        <v>119</v>
      </c>
      <c r="AA25629">
        <v>121</v>
      </c>
      <c r="AB25629">
        <v>124</v>
      </c>
      <c r="AC25629">
        <v>127</v>
      </c>
      <c r="AD25629">
        <v>129</v>
      </c>
      <c r="AE25629">
        <v>132</v>
      </c>
      <c r="AF25629">
        <v>135</v>
      </c>
      <c r="AG25629">
        <v>138</v>
      </c>
      <c r="AH25629">
        <v>140</v>
      </c>
      <c r="AI25629">
        <v>143</v>
      </c>
      <c r="AJ25629">
        <v>146</v>
      </c>
      <c r="AK25629">
        <v>149</v>
      </c>
      <c r="AL25629">
        <v>151</v>
      </c>
      <c r="AM25629">
        <v>153</v>
      </c>
      <c r="AN25629">
        <v>155</v>
      </c>
      <c r="AO25629">
        <v>157</v>
      </c>
      <c r="AP25629">
        <v>158</v>
      </c>
      <c r="AQ25629">
        <v>160</v>
      </c>
    </row>
    <row r="25630" spans="1:43">
      <c r="A25630" t="s">
        <v>15859</v>
      </c>
      <c r="B25630" t="s">
        <v>15860</v>
      </c>
      <c r="C25630" t="s">
        <v>15861</v>
      </c>
      <c r="D25630" t="s">
        <v>15862</v>
      </c>
      <c r="E25630" t="s">
        <v>15699</v>
      </c>
      <c r="F25630" t="s">
        <v>15700</v>
      </c>
      <c r="G25630" t="s">
        <v>10734</v>
      </c>
      <c r="H25630" t="s">
        <v>10735</v>
      </c>
      <c r="I25630" s="2">
        <v>1</v>
      </c>
      <c r="J25630" s="2">
        <v>0</v>
      </c>
      <c r="K25630" s="2">
        <v>0</v>
      </c>
      <c r="L25630" t="s">
        <v>120</v>
      </c>
      <c r="M25630" t="s">
        <v>83</v>
      </c>
      <c r="N25630" t="s">
        <v>84</v>
      </c>
      <c r="O25630" t="s">
        <v>85</v>
      </c>
      <c r="P25630" t="s">
        <v>86</v>
      </c>
      <c r="Q25630">
        <v>10</v>
      </c>
      <c r="R25630">
        <v>10</v>
      </c>
      <c r="S25630">
        <v>10</v>
      </c>
      <c r="T25630">
        <v>10</v>
      </c>
      <c r="U25630">
        <v>10</v>
      </c>
      <c r="V25630">
        <v>11</v>
      </c>
      <c r="W25630">
        <v>11</v>
      </c>
      <c r="X25630">
        <v>11</v>
      </c>
      <c r="Y25630">
        <v>11</v>
      </c>
      <c r="Z25630">
        <v>12</v>
      </c>
      <c r="AA25630">
        <v>12</v>
      </c>
      <c r="AB25630">
        <v>12</v>
      </c>
      <c r="AC25630">
        <v>12</v>
      </c>
      <c r="AD25630">
        <v>13</v>
      </c>
      <c r="AE25630">
        <v>13</v>
      </c>
      <c r="AF25630">
        <v>13</v>
      </c>
      <c r="AG25630">
        <v>14</v>
      </c>
      <c r="AH25630">
        <v>14</v>
      </c>
      <c r="AI25630">
        <v>14</v>
      </c>
      <c r="AJ25630">
        <v>14</v>
      </c>
      <c r="AK25630">
        <v>15</v>
      </c>
      <c r="AL25630">
        <v>15</v>
      </c>
      <c r="AM25630">
        <v>15</v>
      </c>
      <c r="AN25630">
        <v>15</v>
      </c>
      <c r="AO25630">
        <v>15</v>
      </c>
      <c r="AP25630">
        <v>16</v>
      </c>
      <c r="AQ25630">
        <v>16</v>
      </c>
    </row>
    <row r="25631" spans="1:43">
      <c r="A25631" t="s">
        <v>15859</v>
      </c>
      <c r="B25631" t="s">
        <v>15860</v>
      </c>
      <c r="C25631" t="s">
        <v>15861</v>
      </c>
      <c r="D25631" t="s">
        <v>15862</v>
      </c>
      <c r="E25631" t="s">
        <v>15699</v>
      </c>
      <c r="F25631" t="s">
        <v>15700</v>
      </c>
      <c r="G25631" t="s">
        <v>10734</v>
      </c>
      <c r="H25631" t="s">
        <v>10735</v>
      </c>
      <c r="I25631" s="2">
        <v>1</v>
      </c>
      <c r="J25631" s="2">
        <v>0</v>
      </c>
      <c r="K25631" s="2">
        <v>0</v>
      </c>
      <c r="L25631" t="s">
        <v>120</v>
      </c>
      <c r="M25631" t="s">
        <v>87</v>
      </c>
      <c r="N25631" t="s">
        <v>88</v>
      </c>
      <c r="O25631" t="s">
        <v>85</v>
      </c>
      <c r="P25631" t="s">
        <v>86</v>
      </c>
      <c r="Q25631">
        <v>10</v>
      </c>
      <c r="R25631">
        <v>11</v>
      </c>
      <c r="S25631">
        <v>11</v>
      </c>
      <c r="T25631">
        <v>11</v>
      </c>
      <c r="U25631">
        <v>11</v>
      </c>
      <c r="V25631">
        <v>11</v>
      </c>
      <c r="W25631">
        <v>11</v>
      </c>
      <c r="X25631">
        <v>11</v>
      </c>
      <c r="Y25631">
        <v>12</v>
      </c>
      <c r="Z25631">
        <v>12</v>
      </c>
      <c r="AA25631">
        <v>12</v>
      </c>
      <c r="AB25631">
        <v>12</v>
      </c>
      <c r="AC25631">
        <v>12</v>
      </c>
      <c r="AD25631">
        <v>12</v>
      </c>
      <c r="AE25631">
        <v>13</v>
      </c>
      <c r="AF25631">
        <v>13</v>
      </c>
      <c r="AG25631">
        <v>13</v>
      </c>
      <c r="AH25631">
        <v>13</v>
      </c>
      <c r="AI25631">
        <v>13</v>
      </c>
      <c r="AJ25631">
        <v>13</v>
      </c>
      <c r="AK25631">
        <v>14</v>
      </c>
      <c r="AL25631">
        <v>14</v>
      </c>
      <c r="AM25631">
        <v>14</v>
      </c>
      <c r="AN25631">
        <v>14</v>
      </c>
      <c r="AO25631">
        <v>14</v>
      </c>
      <c r="AP25631">
        <v>15</v>
      </c>
      <c r="AQ25631">
        <v>15</v>
      </c>
    </row>
    <row r="25632" spans="1:43">
      <c r="A25632" t="s">
        <v>15859</v>
      </c>
      <c r="B25632" t="s">
        <v>15860</v>
      </c>
      <c r="C25632" t="s">
        <v>15861</v>
      </c>
      <c r="D25632" t="s">
        <v>15862</v>
      </c>
      <c r="E25632" t="s">
        <v>15699</v>
      </c>
      <c r="F25632" t="s">
        <v>15700</v>
      </c>
      <c r="G25632" t="s">
        <v>10734</v>
      </c>
      <c r="H25632" t="s">
        <v>10735</v>
      </c>
      <c r="I25632" s="2">
        <v>1</v>
      </c>
      <c r="J25632" s="2">
        <v>0</v>
      </c>
      <c r="K25632" s="2">
        <v>0</v>
      </c>
      <c r="L25632" t="s">
        <v>120</v>
      </c>
      <c r="M25632" t="s">
        <v>89</v>
      </c>
      <c r="N25632" t="s">
        <v>90</v>
      </c>
      <c r="O25632" t="s">
        <v>85</v>
      </c>
      <c r="P25632" t="s">
        <v>86</v>
      </c>
      <c r="Q25632">
        <v>10</v>
      </c>
      <c r="R25632">
        <v>10</v>
      </c>
      <c r="S25632">
        <v>10</v>
      </c>
      <c r="T25632">
        <v>11</v>
      </c>
      <c r="U25632">
        <v>11</v>
      </c>
      <c r="V25632">
        <v>11</v>
      </c>
      <c r="W25632">
        <v>11</v>
      </c>
      <c r="X25632">
        <v>12</v>
      </c>
      <c r="Y25632">
        <v>12</v>
      </c>
      <c r="Z25632">
        <v>12</v>
      </c>
      <c r="AA25632">
        <v>13</v>
      </c>
      <c r="AB25632">
        <v>13</v>
      </c>
      <c r="AC25632">
        <v>13</v>
      </c>
      <c r="AD25632">
        <v>14</v>
      </c>
      <c r="AE25632">
        <v>14</v>
      </c>
      <c r="AF25632">
        <v>14</v>
      </c>
      <c r="AG25632">
        <v>14</v>
      </c>
      <c r="AH25632">
        <v>14</v>
      </c>
      <c r="AI25632">
        <v>15</v>
      </c>
      <c r="AJ25632">
        <v>15</v>
      </c>
      <c r="AK25632">
        <v>15</v>
      </c>
      <c r="AL25632">
        <v>15</v>
      </c>
      <c r="AM25632">
        <v>15</v>
      </c>
      <c r="AN25632">
        <v>15</v>
      </c>
      <c r="AO25632">
        <v>16</v>
      </c>
      <c r="AP25632">
        <v>16</v>
      </c>
      <c r="AQ25632">
        <v>16</v>
      </c>
    </row>
    <row r="25633" spans="1:43">
      <c r="A25633" t="s">
        <v>15859</v>
      </c>
      <c r="B25633" t="s">
        <v>15860</v>
      </c>
      <c r="C25633" t="s">
        <v>15861</v>
      </c>
      <c r="D25633" t="s">
        <v>15862</v>
      </c>
      <c r="E25633" t="s">
        <v>15699</v>
      </c>
      <c r="F25633" t="s">
        <v>15700</v>
      </c>
      <c r="G25633" t="s">
        <v>10734</v>
      </c>
      <c r="H25633" t="s">
        <v>10735</v>
      </c>
      <c r="I25633" s="2">
        <v>1</v>
      </c>
      <c r="J25633" s="2">
        <v>0</v>
      </c>
      <c r="K25633" s="2">
        <v>0</v>
      </c>
      <c r="L25633" t="s">
        <v>120</v>
      </c>
      <c r="M25633" t="s">
        <v>83</v>
      </c>
      <c r="N25633" t="s">
        <v>91</v>
      </c>
      <c r="O25633" t="s">
        <v>85</v>
      </c>
      <c r="P25633" t="s">
        <v>86</v>
      </c>
      <c r="Q25633">
        <v>10</v>
      </c>
      <c r="R25633">
        <v>10</v>
      </c>
      <c r="S25633">
        <v>10</v>
      </c>
      <c r="T25633">
        <v>10</v>
      </c>
      <c r="U25633">
        <v>10</v>
      </c>
      <c r="V25633">
        <v>11</v>
      </c>
      <c r="W25633">
        <v>11</v>
      </c>
      <c r="X25633">
        <v>11</v>
      </c>
      <c r="Y25633">
        <v>11</v>
      </c>
      <c r="Z25633">
        <v>12</v>
      </c>
      <c r="AA25633">
        <v>12</v>
      </c>
      <c r="AB25633">
        <v>12</v>
      </c>
      <c r="AC25633">
        <v>12</v>
      </c>
      <c r="AD25633">
        <v>13</v>
      </c>
      <c r="AE25633">
        <v>13</v>
      </c>
      <c r="AF25633">
        <v>13</v>
      </c>
      <c r="AG25633">
        <v>14</v>
      </c>
      <c r="AH25633">
        <v>14</v>
      </c>
      <c r="AI25633">
        <v>14</v>
      </c>
      <c r="AJ25633">
        <v>14</v>
      </c>
      <c r="AK25633">
        <v>15</v>
      </c>
      <c r="AL25633">
        <v>15</v>
      </c>
      <c r="AM25633">
        <v>15</v>
      </c>
      <c r="AN25633">
        <v>15</v>
      </c>
      <c r="AO25633">
        <v>15</v>
      </c>
      <c r="AP25633">
        <v>16</v>
      </c>
      <c r="AQ25633">
        <v>16</v>
      </c>
    </row>
    <row r="25634" spans="1:43">
      <c r="A25634" t="s">
        <v>15863</v>
      </c>
      <c r="B25634" t="s">
        <v>15864</v>
      </c>
      <c r="C25634" t="s">
        <v>15861</v>
      </c>
      <c r="D25634" t="s">
        <v>15862</v>
      </c>
      <c r="E25634" t="s">
        <v>15699</v>
      </c>
      <c r="F25634" t="s">
        <v>15700</v>
      </c>
      <c r="G25634" t="s">
        <v>10734</v>
      </c>
      <c r="H25634" t="s">
        <v>10735</v>
      </c>
      <c r="I25634" s="2">
        <v>1</v>
      </c>
      <c r="J25634" s="2">
        <v>0</v>
      </c>
      <c r="K25634" s="2">
        <v>0</v>
      </c>
      <c r="L25634" t="s">
        <v>120</v>
      </c>
      <c r="M25634" t="s">
        <v>83</v>
      </c>
      <c r="N25634" t="s">
        <v>84</v>
      </c>
      <c r="O25634" t="s">
        <v>85</v>
      </c>
      <c r="P25634" t="s">
        <v>86</v>
      </c>
      <c r="Q25634">
        <v>6</v>
      </c>
      <c r="R25634">
        <v>6</v>
      </c>
      <c r="S25634">
        <v>6</v>
      </c>
      <c r="T25634">
        <v>6</v>
      </c>
      <c r="U25634">
        <v>6</v>
      </c>
      <c r="V25634">
        <v>7</v>
      </c>
      <c r="W25634">
        <v>7</v>
      </c>
      <c r="X25634">
        <v>7</v>
      </c>
      <c r="Y25634">
        <v>7</v>
      </c>
      <c r="Z25634">
        <v>7</v>
      </c>
      <c r="AA25634">
        <v>7</v>
      </c>
      <c r="AB25634">
        <v>7</v>
      </c>
      <c r="AC25634">
        <v>8</v>
      </c>
      <c r="AD25634">
        <v>8</v>
      </c>
      <c r="AE25634">
        <v>8</v>
      </c>
      <c r="AF25634">
        <v>8</v>
      </c>
      <c r="AG25634">
        <v>8</v>
      </c>
      <c r="AH25634">
        <v>8</v>
      </c>
      <c r="AI25634">
        <v>9</v>
      </c>
      <c r="AJ25634">
        <v>9</v>
      </c>
      <c r="AK25634">
        <v>9</v>
      </c>
      <c r="AL25634">
        <v>9</v>
      </c>
      <c r="AM25634">
        <v>9</v>
      </c>
      <c r="AN25634">
        <v>9</v>
      </c>
      <c r="AO25634">
        <v>9</v>
      </c>
      <c r="AP25634">
        <v>9</v>
      </c>
      <c r="AQ25634">
        <v>10</v>
      </c>
    </row>
    <row r="25635" spans="1:43">
      <c r="A25635" t="s">
        <v>15863</v>
      </c>
      <c r="B25635" t="s">
        <v>15864</v>
      </c>
      <c r="C25635" t="s">
        <v>15861</v>
      </c>
      <c r="D25635" t="s">
        <v>15862</v>
      </c>
      <c r="E25635" t="s">
        <v>15699</v>
      </c>
      <c r="F25635" t="s">
        <v>15700</v>
      </c>
      <c r="G25635" t="s">
        <v>10734</v>
      </c>
      <c r="H25635" t="s">
        <v>10735</v>
      </c>
      <c r="I25635" s="2">
        <v>1</v>
      </c>
      <c r="J25635" s="2">
        <v>0</v>
      </c>
      <c r="K25635" s="2">
        <v>0</v>
      </c>
      <c r="L25635" t="s">
        <v>120</v>
      </c>
      <c r="M25635" t="s">
        <v>87</v>
      </c>
      <c r="N25635" t="s">
        <v>88</v>
      </c>
      <c r="O25635" t="s">
        <v>85</v>
      </c>
      <c r="P25635" t="s">
        <v>86</v>
      </c>
      <c r="Q25635">
        <v>6</v>
      </c>
      <c r="R25635">
        <v>6</v>
      </c>
      <c r="S25635">
        <v>6</v>
      </c>
      <c r="T25635">
        <v>6</v>
      </c>
      <c r="U25635">
        <v>6</v>
      </c>
      <c r="V25635">
        <v>6</v>
      </c>
      <c r="W25635">
        <v>6</v>
      </c>
      <c r="X25635">
        <v>6</v>
      </c>
      <c r="Y25635">
        <v>6</v>
      </c>
      <c r="Z25635">
        <v>7</v>
      </c>
      <c r="AA25635">
        <v>7</v>
      </c>
      <c r="AB25635">
        <v>7</v>
      </c>
      <c r="AC25635">
        <v>7</v>
      </c>
      <c r="AD25635">
        <v>7</v>
      </c>
      <c r="AE25635">
        <v>7</v>
      </c>
      <c r="AF25635">
        <v>7</v>
      </c>
      <c r="AG25635">
        <v>7</v>
      </c>
      <c r="AH25635">
        <v>7</v>
      </c>
      <c r="AI25635">
        <v>7</v>
      </c>
      <c r="AJ25635">
        <v>8</v>
      </c>
      <c r="AK25635">
        <v>8</v>
      </c>
      <c r="AL25635">
        <v>8</v>
      </c>
      <c r="AM25635">
        <v>8</v>
      </c>
      <c r="AN25635">
        <v>8</v>
      </c>
      <c r="AO25635">
        <v>8</v>
      </c>
      <c r="AP25635">
        <v>8</v>
      </c>
      <c r="AQ25635">
        <v>8</v>
      </c>
    </row>
    <row r="25636" spans="1:43">
      <c r="A25636" t="s">
        <v>15863</v>
      </c>
      <c r="B25636" t="s">
        <v>15864</v>
      </c>
      <c r="C25636" t="s">
        <v>15861</v>
      </c>
      <c r="D25636" t="s">
        <v>15862</v>
      </c>
      <c r="E25636" t="s">
        <v>15699</v>
      </c>
      <c r="F25636" t="s">
        <v>15700</v>
      </c>
      <c r="G25636" t="s">
        <v>10734</v>
      </c>
      <c r="H25636" t="s">
        <v>10735</v>
      </c>
      <c r="I25636" s="2">
        <v>1</v>
      </c>
      <c r="J25636" s="2">
        <v>0</v>
      </c>
      <c r="K25636" s="2">
        <v>0</v>
      </c>
      <c r="L25636" t="s">
        <v>120</v>
      </c>
      <c r="M25636" t="s">
        <v>89</v>
      </c>
      <c r="N25636" t="s">
        <v>90</v>
      </c>
      <c r="O25636" t="s">
        <v>85</v>
      </c>
      <c r="P25636" t="s">
        <v>86</v>
      </c>
      <c r="Q25636">
        <v>6</v>
      </c>
      <c r="R25636">
        <v>6</v>
      </c>
      <c r="S25636">
        <v>6</v>
      </c>
      <c r="T25636">
        <v>6</v>
      </c>
      <c r="U25636">
        <v>7</v>
      </c>
      <c r="V25636">
        <v>7</v>
      </c>
      <c r="W25636">
        <v>7</v>
      </c>
      <c r="X25636">
        <v>7</v>
      </c>
      <c r="Y25636">
        <v>7</v>
      </c>
      <c r="Z25636">
        <v>8</v>
      </c>
      <c r="AA25636">
        <v>8</v>
      </c>
      <c r="AB25636">
        <v>8</v>
      </c>
      <c r="AC25636">
        <v>8</v>
      </c>
      <c r="AD25636">
        <v>8</v>
      </c>
      <c r="AE25636">
        <v>8</v>
      </c>
      <c r="AF25636">
        <v>9</v>
      </c>
      <c r="AG25636">
        <v>9</v>
      </c>
      <c r="AH25636">
        <v>9</v>
      </c>
      <c r="AI25636">
        <v>9</v>
      </c>
      <c r="AJ25636">
        <v>9</v>
      </c>
      <c r="AK25636">
        <v>9</v>
      </c>
      <c r="AL25636">
        <v>9</v>
      </c>
      <c r="AM25636">
        <v>9</v>
      </c>
      <c r="AN25636">
        <v>9</v>
      </c>
      <c r="AO25636">
        <v>9</v>
      </c>
      <c r="AP25636">
        <v>10</v>
      </c>
      <c r="AQ25636">
        <v>10</v>
      </c>
    </row>
    <row r="25637" spans="1:43">
      <c r="A25637" t="s">
        <v>15863</v>
      </c>
      <c r="B25637" t="s">
        <v>15864</v>
      </c>
      <c r="C25637" t="s">
        <v>15861</v>
      </c>
      <c r="D25637" t="s">
        <v>15862</v>
      </c>
      <c r="E25637" t="s">
        <v>15699</v>
      </c>
      <c r="F25637" t="s">
        <v>15700</v>
      </c>
      <c r="G25637" t="s">
        <v>10734</v>
      </c>
      <c r="H25637" t="s">
        <v>10735</v>
      </c>
      <c r="I25637" s="2">
        <v>1</v>
      </c>
      <c r="J25637" s="2">
        <v>0</v>
      </c>
      <c r="K25637" s="2">
        <v>0</v>
      </c>
      <c r="L25637" t="s">
        <v>120</v>
      </c>
      <c r="M25637" t="s">
        <v>83</v>
      </c>
      <c r="N25637" t="s">
        <v>91</v>
      </c>
      <c r="O25637" t="s">
        <v>85</v>
      </c>
      <c r="P25637" t="s">
        <v>86</v>
      </c>
      <c r="Q25637">
        <v>6</v>
      </c>
      <c r="R25637">
        <v>6</v>
      </c>
      <c r="S25637">
        <v>6</v>
      </c>
      <c r="T25637">
        <v>6</v>
      </c>
      <c r="U25637">
        <v>6</v>
      </c>
      <c r="V25637">
        <v>7</v>
      </c>
      <c r="W25637">
        <v>7</v>
      </c>
      <c r="X25637">
        <v>7</v>
      </c>
      <c r="Y25637">
        <v>7</v>
      </c>
      <c r="Z25637">
        <v>7</v>
      </c>
      <c r="AA25637">
        <v>7</v>
      </c>
      <c r="AB25637">
        <v>7</v>
      </c>
      <c r="AC25637">
        <v>8</v>
      </c>
      <c r="AD25637">
        <v>8</v>
      </c>
      <c r="AE25637">
        <v>8</v>
      </c>
      <c r="AF25637">
        <v>8</v>
      </c>
      <c r="AG25637">
        <v>8</v>
      </c>
      <c r="AH25637">
        <v>8</v>
      </c>
      <c r="AI25637">
        <v>9</v>
      </c>
      <c r="AJ25637">
        <v>9</v>
      </c>
      <c r="AK25637">
        <v>9</v>
      </c>
      <c r="AL25637">
        <v>9</v>
      </c>
      <c r="AM25637">
        <v>9</v>
      </c>
      <c r="AN25637">
        <v>9</v>
      </c>
      <c r="AO25637">
        <v>9</v>
      </c>
      <c r="AP25637">
        <v>9</v>
      </c>
      <c r="AQ25637">
        <v>10</v>
      </c>
    </row>
    <row r="25638" spans="1:43">
      <c r="A25638" t="s">
        <v>15865</v>
      </c>
      <c r="B25638" t="s">
        <v>15866</v>
      </c>
      <c r="C25638" t="s">
        <v>15861</v>
      </c>
      <c r="D25638" t="s">
        <v>15862</v>
      </c>
      <c r="E25638" t="s">
        <v>15699</v>
      </c>
      <c r="F25638" t="s">
        <v>15700</v>
      </c>
      <c r="G25638" t="s">
        <v>10734</v>
      </c>
      <c r="H25638" t="s">
        <v>10735</v>
      </c>
      <c r="I25638" s="2">
        <v>1</v>
      </c>
      <c r="J25638" s="2">
        <v>0</v>
      </c>
      <c r="K25638" s="2">
        <v>0</v>
      </c>
      <c r="L25638" t="s">
        <v>120</v>
      </c>
      <c r="M25638" t="s">
        <v>83</v>
      </c>
      <c r="N25638" t="s">
        <v>84</v>
      </c>
      <c r="O25638" t="s">
        <v>85</v>
      </c>
      <c r="P25638" t="s">
        <v>86</v>
      </c>
      <c r="Q25638">
        <v>11</v>
      </c>
      <c r="R25638">
        <v>12</v>
      </c>
      <c r="S25638">
        <v>12</v>
      </c>
      <c r="T25638">
        <v>12</v>
      </c>
      <c r="U25638">
        <v>12</v>
      </c>
      <c r="V25638">
        <v>13</v>
      </c>
      <c r="W25638">
        <v>13</v>
      </c>
      <c r="X25638">
        <v>13</v>
      </c>
      <c r="Y25638">
        <v>14</v>
      </c>
      <c r="Z25638">
        <v>14</v>
      </c>
      <c r="AA25638">
        <v>14</v>
      </c>
      <c r="AB25638">
        <v>15</v>
      </c>
      <c r="AC25638">
        <v>15</v>
      </c>
      <c r="AD25638">
        <v>15</v>
      </c>
      <c r="AE25638">
        <v>15</v>
      </c>
      <c r="AF25638">
        <v>16</v>
      </c>
      <c r="AG25638">
        <v>16</v>
      </c>
      <c r="AH25638">
        <v>16</v>
      </c>
      <c r="AI25638">
        <v>17</v>
      </c>
      <c r="AJ25638">
        <v>17</v>
      </c>
      <c r="AK25638">
        <v>17</v>
      </c>
      <c r="AL25638">
        <v>18</v>
      </c>
      <c r="AM25638">
        <v>18</v>
      </c>
      <c r="AN25638">
        <v>18</v>
      </c>
      <c r="AO25638">
        <v>18</v>
      </c>
      <c r="AP25638">
        <v>19</v>
      </c>
      <c r="AQ25638">
        <v>19</v>
      </c>
    </row>
    <row r="25639" spans="1:43">
      <c r="A25639" t="s">
        <v>15865</v>
      </c>
      <c r="B25639" t="s">
        <v>15866</v>
      </c>
      <c r="C25639" t="s">
        <v>15861</v>
      </c>
      <c r="D25639" t="s">
        <v>15862</v>
      </c>
      <c r="E25639" t="s">
        <v>15699</v>
      </c>
      <c r="F25639" t="s">
        <v>15700</v>
      </c>
      <c r="G25639" t="s">
        <v>10734</v>
      </c>
      <c r="H25639" t="s">
        <v>10735</v>
      </c>
      <c r="I25639" s="2">
        <v>1</v>
      </c>
      <c r="J25639" s="2">
        <v>0</v>
      </c>
      <c r="K25639" s="2">
        <v>0</v>
      </c>
      <c r="L25639" t="s">
        <v>120</v>
      </c>
      <c r="M25639" t="s">
        <v>87</v>
      </c>
      <c r="N25639" t="s">
        <v>88</v>
      </c>
      <c r="O25639" t="s">
        <v>85</v>
      </c>
      <c r="P25639" t="s">
        <v>86</v>
      </c>
      <c r="Q25639">
        <v>11</v>
      </c>
      <c r="R25639">
        <v>11</v>
      </c>
      <c r="S25639">
        <v>12</v>
      </c>
      <c r="T25639">
        <v>12</v>
      </c>
      <c r="U25639">
        <v>12</v>
      </c>
      <c r="V25639">
        <v>12</v>
      </c>
      <c r="W25639">
        <v>12</v>
      </c>
      <c r="X25639">
        <v>12</v>
      </c>
      <c r="Y25639">
        <v>13</v>
      </c>
      <c r="Z25639">
        <v>13</v>
      </c>
      <c r="AA25639">
        <v>13</v>
      </c>
      <c r="AB25639">
        <v>13</v>
      </c>
      <c r="AC25639">
        <v>13</v>
      </c>
      <c r="AD25639">
        <v>14</v>
      </c>
      <c r="AE25639">
        <v>14</v>
      </c>
      <c r="AF25639">
        <v>14</v>
      </c>
      <c r="AG25639">
        <v>14</v>
      </c>
      <c r="AH25639">
        <v>14</v>
      </c>
      <c r="AI25639">
        <v>15</v>
      </c>
      <c r="AJ25639">
        <v>15</v>
      </c>
      <c r="AK25639">
        <v>15</v>
      </c>
      <c r="AL25639">
        <v>15</v>
      </c>
      <c r="AM25639">
        <v>15</v>
      </c>
      <c r="AN25639">
        <v>16</v>
      </c>
      <c r="AO25639">
        <v>16</v>
      </c>
      <c r="AP25639">
        <v>16</v>
      </c>
      <c r="AQ25639">
        <v>16</v>
      </c>
    </row>
    <row r="25640" spans="1:43">
      <c r="A25640" t="s">
        <v>15865</v>
      </c>
      <c r="B25640" t="s">
        <v>15866</v>
      </c>
      <c r="C25640" t="s">
        <v>15861</v>
      </c>
      <c r="D25640" t="s">
        <v>15862</v>
      </c>
      <c r="E25640" t="s">
        <v>15699</v>
      </c>
      <c r="F25640" t="s">
        <v>15700</v>
      </c>
      <c r="G25640" t="s">
        <v>10734</v>
      </c>
      <c r="H25640" t="s">
        <v>10735</v>
      </c>
      <c r="I25640" s="2">
        <v>1</v>
      </c>
      <c r="J25640" s="2">
        <v>0</v>
      </c>
      <c r="K25640" s="2">
        <v>0</v>
      </c>
      <c r="L25640" t="s">
        <v>120</v>
      </c>
      <c r="M25640" t="s">
        <v>89</v>
      </c>
      <c r="N25640" t="s">
        <v>90</v>
      </c>
      <c r="O25640" t="s">
        <v>85</v>
      </c>
      <c r="P25640" t="s">
        <v>86</v>
      </c>
      <c r="Q25640">
        <v>11</v>
      </c>
      <c r="R25640">
        <v>12</v>
      </c>
      <c r="S25640">
        <v>12</v>
      </c>
      <c r="T25640">
        <v>13</v>
      </c>
      <c r="U25640">
        <v>13</v>
      </c>
      <c r="V25640">
        <v>13</v>
      </c>
      <c r="W25640">
        <v>14</v>
      </c>
      <c r="X25640">
        <v>14</v>
      </c>
      <c r="Y25640">
        <v>14</v>
      </c>
      <c r="Z25640">
        <v>15</v>
      </c>
      <c r="AA25640">
        <v>15</v>
      </c>
      <c r="AB25640">
        <v>15</v>
      </c>
      <c r="AC25640">
        <v>16</v>
      </c>
      <c r="AD25640">
        <v>16</v>
      </c>
      <c r="AE25640">
        <v>17</v>
      </c>
      <c r="AF25640">
        <v>17</v>
      </c>
      <c r="AG25640">
        <v>17</v>
      </c>
      <c r="AH25640">
        <v>17</v>
      </c>
      <c r="AI25640">
        <v>17</v>
      </c>
      <c r="AJ25640">
        <v>17</v>
      </c>
      <c r="AK25640">
        <v>18</v>
      </c>
      <c r="AL25640">
        <v>18</v>
      </c>
      <c r="AM25640">
        <v>18</v>
      </c>
      <c r="AN25640">
        <v>18</v>
      </c>
      <c r="AO25640">
        <v>18</v>
      </c>
      <c r="AP25640">
        <v>19</v>
      </c>
      <c r="AQ25640">
        <v>19</v>
      </c>
    </row>
    <row r="25641" spans="1:43">
      <c r="A25641" t="s">
        <v>15865</v>
      </c>
      <c r="B25641" t="s">
        <v>15866</v>
      </c>
      <c r="C25641" t="s">
        <v>15861</v>
      </c>
      <c r="D25641" t="s">
        <v>15862</v>
      </c>
      <c r="E25641" t="s">
        <v>15699</v>
      </c>
      <c r="F25641" t="s">
        <v>15700</v>
      </c>
      <c r="G25641" t="s">
        <v>10734</v>
      </c>
      <c r="H25641" t="s">
        <v>10735</v>
      </c>
      <c r="I25641" s="2">
        <v>1</v>
      </c>
      <c r="J25641" s="2">
        <v>0</v>
      </c>
      <c r="K25641" s="2">
        <v>0</v>
      </c>
      <c r="L25641" t="s">
        <v>120</v>
      </c>
      <c r="M25641" t="s">
        <v>83</v>
      </c>
      <c r="N25641" t="s">
        <v>91</v>
      </c>
      <c r="O25641" t="s">
        <v>85</v>
      </c>
      <c r="P25641" t="s">
        <v>86</v>
      </c>
      <c r="Q25641">
        <v>11</v>
      </c>
      <c r="R25641">
        <v>12</v>
      </c>
      <c r="S25641">
        <v>12</v>
      </c>
      <c r="T25641">
        <v>12</v>
      </c>
      <c r="U25641">
        <v>12</v>
      </c>
      <c r="V25641">
        <v>13</v>
      </c>
      <c r="W25641">
        <v>13</v>
      </c>
      <c r="X25641">
        <v>13</v>
      </c>
      <c r="Y25641">
        <v>14</v>
      </c>
      <c r="Z25641">
        <v>14</v>
      </c>
      <c r="AA25641">
        <v>14</v>
      </c>
      <c r="AB25641">
        <v>15</v>
      </c>
      <c r="AC25641">
        <v>15</v>
      </c>
      <c r="AD25641">
        <v>15</v>
      </c>
      <c r="AE25641">
        <v>15</v>
      </c>
      <c r="AF25641">
        <v>16</v>
      </c>
      <c r="AG25641">
        <v>16</v>
      </c>
      <c r="AH25641">
        <v>16</v>
      </c>
      <c r="AI25641">
        <v>17</v>
      </c>
      <c r="AJ25641">
        <v>17</v>
      </c>
      <c r="AK25641">
        <v>17</v>
      </c>
      <c r="AL25641">
        <v>18</v>
      </c>
      <c r="AM25641">
        <v>18</v>
      </c>
      <c r="AN25641">
        <v>18</v>
      </c>
      <c r="AO25641">
        <v>18</v>
      </c>
      <c r="AP25641">
        <v>19</v>
      </c>
      <c r="AQ25641">
        <v>19</v>
      </c>
    </row>
    <row r="25642" spans="1:43">
      <c r="A25642" t="s">
        <v>15867</v>
      </c>
      <c r="B25642" t="s">
        <v>15868</v>
      </c>
      <c r="C25642" t="s">
        <v>15861</v>
      </c>
      <c r="D25642" t="s">
        <v>15862</v>
      </c>
      <c r="E25642" t="s">
        <v>15699</v>
      </c>
      <c r="F25642" t="s">
        <v>15700</v>
      </c>
      <c r="G25642" t="s">
        <v>10734</v>
      </c>
      <c r="H25642" t="s">
        <v>10735</v>
      </c>
      <c r="I25642" s="2">
        <v>1</v>
      </c>
      <c r="J25642" s="2">
        <v>0</v>
      </c>
      <c r="K25642" s="2">
        <v>0</v>
      </c>
      <c r="L25642" t="s">
        <v>120</v>
      </c>
      <c r="M25642" t="s">
        <v>83</v>
      </c>
      <c r="N25642" t="s">
        <v>84</v>
      </c>
      <c r="O25642" t="s">
        <v>85</v>
      </c>
      <c r="P25642" t="s">
        <v>86</v>
      </c>
      <c r="Q25642">
        <v>31</v>
      </c>
      <c r="R25642">
        <v>32</v>
      </c>
      <c r="S25642">
        <v>33</v>
      </c>
      <c r="T25642">
        <v>33</v>
      </c>
      <c r="U25642">
        <v>34</v>
      </c>
      <c r="V25642">
        <v>35</v>
      </c>
      <c r="W25642">
        <v>36</v>
      </c>
      <c r="X25642">
        <v>37</v>
      </c>
      <c r="Y25642">
        <v>37</v>
      </c>
      <c r="Z25642">
        <v>38</v>
      </c>
      <c r="AA25642">
        <v>39</v>
      </c>
      <c r="AB25642">
        <v>40</v>
      </c>
      <c r="AC25642">
        <v>41</v>
      </c>
      <c r="AD25642">
        <v>42</v>
      </c>
      <c r="AE25642">
        <v>42</v>
      </c>
      <c r="AF25642">
        <v>43</v>
      </c>
      <c r="AG25642">
        <v>44</v>
      </c>
      <c r="AH25642">
        <v>45</v>
      </c>
      <c r="AI25642">
        <v>46</v>
      </c>
      <c r="AJ25642">
        <v>47</v>
      </c>
      <c r="AK25642">
        <v>48</v>
      </c>
      <c r="AL25642">
        <v>49</v>
      </c>
      <c r="AM25642">
        <v>49</v>
      </c>
      <c r="AN25642">
        <v>50</v>
      </c>
      <c r="AO25642">
        <v>50</v>
      </c>
      <c r="AP25642">
        <v>51</v>
      </c>
      <c r="AQ25642">
        <v>51</v>
      </c>
    </row>
    <row r="25643" spans="1:43">
      <c r="A25643" t="s">
        <v>15867</v>
      </c>
      <c r="B25643" t="s">
        <v>15868</v>
      </c>
      <c r="C25643" t="s">
        <v>15861</v>
      </c>
      <c r="D25643" t="s">
        <v>15862</v>
      </c>
      <c r="E25643" t="s">
        <v>15699</v>
      </c>
      <c r="F25643" t="s">
        <v>15700</v>
      </c>
      <c r="G25643" t="s">
        <v>10734</v>
      </c>
      <c r="H25643" t="s">
        <v>10735</v>
      </c>
      <c r="I25643" s="2">
        <v>1</v>
      </c>
      <c r="J25643" s="2">
        <v>0</v>
      </c>
      <c r="K25643" s="2">
        <v>0</v>
      </c>
      <c r="L25643" t="s">
        <v>120</v>
      </c>
      <c r="M25643" t="s">
        <v>87</v>
      </c>
      <c r="N25643" t="s">
        <v>88</v>
      </c>
      <c r="O25643" t="s">
        <v>85</v>
      </c>
      <c r="P25643" t="s">
        <v>86</v>
      </c>
      <c r="Q25643">
        <v>31</v>
      </c>
      <c r="R25643">
        <v>31</v>
      </c>
      <c r="S25643">
        <v>32</v>
      </c>
      <c r="T25643">
        <v>32</v>
      </c>
      <c r="U25643">
        <v>33</v>
      </c>
      <c r="V25643">
        <v>33</v>
      </c>
      <c r="W25643">
        <v>34</v>
      </c>
      <c r="X25643">
        <v>34</v>
      </c>
      <c r="Y25643">
        <v>35</v>
      </c>
      <c r="Z25643">
        <v>35</v>
      </c>
      <c r="AA25643">
        <v>36</v>
      </c>
      <c r="AB25643">
        <v>36</v>
      </c>
      <c r="AC25643">
        <v>37</v>
      </c>
      <c r="AD25643">
        <v>37</v>
      </c>
      <c r="AE25643">
        <v>38</v>
      </c>
      <c r="AF25643">
        <v>38</v>
      </c>
      <c r="AG25643">
        <v>39</v>
      </c>
      <c r="AH25643">
        <v>39</v>
      </c>
      <c r="AI25643">
        <v>40</v>
      </c>
      <c r="AJ25643">
        <v>41</v>
      </c>
      <c r="AK25643">
        <v>41</v>
      </c>
      <c r="AL25643">
        <v>42</v>
      </c>
      <c r="AM25643">
        <v>42</v>
      </c>
      <c r="AN25643">
        <v>43</v>
      </c>
      <c r="AO25643">
        <v>44</v>
      </c>
      <c r="AP25643">
        <v>44</v>
      </c>
      <c r="AQ25643">
        <v>45</v>
      </c>
    </row>
    <row r="25644" spans="1:43">
      <c r="A25644" t="s">
        <v>15867</v>
      </c>
      <c r="B25644" t="s">
        <v>15868</v>
      </c>
      <c r="C25644" t="s">
        <v>15861</v>
      </c>
      <c r="D25644" t="s">
        <v>15862</v>
      </c>
      <c r="E25644" t="s">
        <v>15699</v>
      </c>
      <c r="F25644" t="s">
        <v>15700</v>
      </c>
      <c r="G25644" t="s">
        <v>10734</v>
      </c>
      <c r="H25644" t="s">
        <v>10735</v>
      </c>
      <c r="I25644" s="2">
        <v>1</v>
      </c>
      <c r="J25644" s="2">
        <v>0</v>
      </c>
      <c r="K25644" s="2">
        <v>0</v>
      </c>
      <c r="L25644" t="s">
        <v>120</v>
      </c>
      <c r="M25644" t="s">
        <v>89</v>
      </c>
      <c r="N25644" t="s">
        <v>90</v>
      </c>
      <c r="O25644" t="s">
        <v>85</v>
      </c>
      <c r="P25644" t="s">
        <v>86</v>
      </c>
      <c r="Q25644">
        <v>31</v>
      </c>
      <c r="R25644">
        <v>32</v>
      </c>
      <c r="S25644">
        <v>34</v>
      </c>
      <c r="T25644">
        <v>35</v>
      </c>
      <c r="U25644">
        <v>36</v>
      </c>
      <c r="V25644">
        <v>37</v>
      </c>
      <c r="W25644">
        <v>38</v>
      </c>
      <c r="X25644">
        <v>39</v>
      </c>
      <c r="Y25644">
        <v>39</v>
      </c>
      <c r="Z25644">
        <v>40</v>
      </c>
      <c r="AA25644">
        <v>41</v>
      </c>
      <c r="AB25644">
        <v>42</v>
      </c>
      <c r="AC25644">
        <v>44</v>
      </c>
      <c r="AD25644">
        <v>45</v>
      </c>
      <c r="AE25644">
        <v>45</v>
      </c>
      <c r="AF25644">
        <v>46</v>
      </c>
      <c r="AG25644">
        <v>46</v>
      </c>
      <c r="AH25644">
        <v>47</v>
      </c>
      <c r="AI25644">
        <v>47</v>
      </c>
      <c r="AJ25644">
        <v>48</v>
      </c>
      <c r="AK25644">
        <v>48</v>
      </c>
      <c r="AL25644">
        <v>49</v>
      </c>
      <c r="AM25644">
        <v>49</v>
      </c>
      <c r="AN25644">
        <v>50</v>
      </c>
      <c r="AO25644">
        <v>51</v>
      </c>
      <c r="AP25644">
        <v>51</v>
      </c>
      <c r="AQ25644">
        <v>52</v>
      </c>
    </row>
    <row r="25645" spans="1:43">
      <c r="A25645" t="s">
        <v>15867</v>
      </c>
      <c r="B25645" t="s">
        <v>15868</v>
      </c>
      <c r="C25645" t="s">
        <v>15861</v>
      </c>
      <c r="D25645" t="s">
        <v>15862</v>
      </c>
      <c r="E25645" t="s">
        <v>15699</v>
      </c>
      <c r="F25645" t="s">
        <v>15700</v>
      </c>
      <c r="G25645" t="s">
        <v>10734</v>
      </c>
      <c r="H25645" t="s">
        <v>10735</v>
      </c>
      <c r="I25645" s="2">
        <v>1</v>
      </c>
      <c r="J25645" s="2">
        <v>0</v>
      </c>
      <c r="K25645" s="2">
        <v>0</v>
      </c>
      <c r="L25645" t="s">
        <v>120</v>
      </c>
      <c r="M25645" t="s">
        <v>83</v>
      </c>
      <c r="N25645" t="s">
        <v>91</v>
      </c>
      <c r="O25645" t="s">
        <v>85</v>
      </c>
      <c r="P25645" t="s">
        <v>86</v>
      </c>
      <c r="Q25645">
        <v>31</v>
      </c>
      <c r="R25645">
        <v>32</v>
      </c>
      <c r="S25645">
        <v>33</v>
      </c>
      <c r="T25645">
        <v>33</v>
      </c>
      <c r="U25645">
        <v>34</v>
      </c>
      <c r="V25645">
        <v>35</v>
      </c>
      <c r="W25645">
        <v>36</v>
      </c>
      <c r="X25645">
        <v>37</v>
      </c>
      <c r="Y25645">
        <v>37</v>
      </c>
      <c r="Z25645">
        <v>38</v>
      </c>
      <c r="AA25645">
        <v>39</v>
      </c>
      <c r="AB25645">
        <v>40</v>
      </c>
      <c r="AC25645">
        <v>41</v>
      </c>
      <c r="AD25645">
        <v>42</v>
      </c>
      <c r="AE25645">
        <v>42</v>
      </c>
      <c r="AF25645">
        <v>43</v>
      </c>
      <c r="AG25645">
        <v>44</v>
      </c>
      <c r="AH25645">
        <v>45</v>
      </c>
      <c r="AI25645">
        <v>46</v>
      </c>
      <c r="AJ25645">
        <v>47</v>
      </c>
      <c r="AK25645">
        <v>48</v>
      </c>
      <c r="AL25645">
        <v>49</v>
      </c>
      <c r="AM25645">
        <v>49</v>
      </c>
      <c r="AN25645">
        <v>50</v>
      </c>
      <c r="AO25645">
        <v>50</v>
      </c>
      <c r="AP25645">
        <v>51</v>
      </c>
      <c r="AQ25645">
        <v>51</v>
      </c>
    </row>
    <row r="25646" spans="1:43">
      <c r="A25646" t="s">
        <v>15869</v>
      </c>
      <c r="B25646" t="s">
        <v>15870</v>
      </c>
      <c r="C25646" t="s">
        <v>15871</v>
      </c>
      <c r="D25646" t="s">
        <v>15872</v>
      </c>
      <c r="E25646" t="s">
        <v>15699</v>
      </c>
      <c r="F25646" t="s">
        <v>15700</v>
      </c>
      <c r="G25646" t="s">
        <v>10734</v>
      </c>
      <c r="H25646" t="s">
        <v>10735</v>
      </c>
      <c r="I25646" s="2">
        <v>1</v>
      </c>
      <c r="J25646" s="2">
        <v>0</v>
      </c>
      <c r="K25646" s="2">
        <v>0</v>
      </c>
      <c r="L25646" t="s">
        <v>120</v>
      </c>
      <c r="M25646" t="s">
        <v>83</v>
      </c>
      <c r="N25646" t="s">
        <v>84</v>
      </c>
      <c r="O25646" t="s">
        <v>85</v>
      </c>
      <c r="P25646" t="s">
        <v>86</v>
      </c>
      <c r="Q25646">
        <v>9</v>
      </c>
      <c r="R25646">
        <v>10</v>
      </c>
      <c r="S25646">
        <v>10</v>
      </c>
      <c r="T25646">
        <v>10</v>
      </c>
      <c r="U25646">
        <v>10</v>
      </c>
      <c r="V25646">
        <v>10</v>
      </c>
      <c r="W25646">
        <v>11</v>
      </c>
      <c r="X25646">
        <v>11</v>
      </c>
      <c r="Y25646">
        <v>11</v>
      </c>
      <c r="Z25646">
        <v>11</v>
      </c>
      <c r="AA25646">
        <v>12</v>
      </c>
      <c r="AB25646">
        <v>12</v>
      </c>
      <c r="AC25646">
        <v>12</v>
      </c>
      <c r="AD25646">
        <v>12</v>
      </c>
      <c r="AE25646">
        <v>13</v>
      </c>
      <c r="AF25646">
        <v>13</v>
      </c>
      <c r="AG25646">
        <v>13</v>
      </c>
      <c r="AH25646">
        <v>13</v>
      </c>
      <c r="AI25646">
        <v>14</v>
      </c>
      <c r="AJ25646">
        <v>14</v>
      </c>
      <c r="AK25646">
        <v>14</v>
      </c>
      <c r="AL25646">
        <v>14</v>
      </c>
      <c r="AM25646">
        <v>15</v>
      </c>
      <c r="AN25646">
        <v>15</v>
      </c>
      <c r="AO25646">
        <v>15</v>
      </c>
      <c r="AP25646">
        <v>15</v>
      </c>
      <c r="AQ25646">
        <v>15</v>
      </c>
    </row>
    <row r="25647" spans="1:43">
      <c r="A25647" t="s">
        <v>15869</v>
      </c>
      <c r="B25647" t="s">
        <v>15870</v>
      </c>
      <c r="C25647" t="s">
        <v>15871</v>
      </c>
      <c r="D25647" t="s">
        <v>15872</v>
      </c>
      <c r="E25647" t="s">
        <v>15699</v>
      </c>
      <c r="F25647" t="s">
        <v>15700</v>
      </c>
      <c r="G25647" t="s">
        <v>10734</v>
      </c>
      <c r="H25647" t="s">
        <v>10735</v>
      </c>
      <c r="I25647" s="2">
        <v>1</v>
      </c>
      <c r="J25647" s="2">
        <v>0</v>
      </c>
      <c r="K25647" s="2">
        <v>0</v>
      </c>
      <c r="L25647" t="s">
        <v>120</v>
      </c>
      <c r="M25647" t="s">
        <v>87</v>
      </c>
      <c r="N25647" t="s">
        <v>88</v>
      </c>
      <c r="O25647" t="s">
        <v>85</v>
      </c>
      <c r="P25647" t="s">
        <v>86</v>
      </c>
      <c r="Q25647">
        <v>9</v>
      </c>
      <c r="R25647">
        <v>9</v>
      </c>
      <c r="S25647">
        <v>9</v>
      </c>
      <c r="T25647">
        <v>10</v>
      </c>
      <c r="U25647">
        <v>10</v>
      </c>
      <c r="V25647">
        <v>10</v>
      </c>
      <c r="W25647">
        <v>10</v>
      </c>
      <c r="X25647">
        <v>10</v>
      </c>
      <c r="Y25647">
        <v>10</v>
      </c>
      <c r="Z25647">
        <v>10</v>
      </c>
      <c r="AA25647">
        <v>11</v>
      </c>
      <c r="AB25647">
        <v>11</v>
      </c>
      <c r="AC25647">
        <v>11</v>
      </c>
      <c r="AD25647">
        <v>11</v>
      </c>
      <c r="AE25647">
        <v>11</v>
      </c>
      <c r="AF25647">
        <v>11</v>
      </c>
      <c r="AG25647">
        <v>11</v>
      </c>
      <c r="AH25647">
        <v>12</v>
      </c>
      <c r="AI25647">
        <v>12</v>
      </c>
      <c r="AJ25647">
        <v>12</v>
      </c>
      <c r="AK25647">
        <v>12</v>
      </c>
      <c r="AL25647">
        <v>12</v>
      </c>
      <c r="AM25647">
        <v>13</v>
      </c>
      <c r="AN25647">
        <v>13</v>
      </c>
      <c r="AO25647">
        <v>13</v>
      </c>
      <c r="AP25647">
        <v>13</v>
      </c>
      <c r="AQ25647">
        <v>13</v>
      </c>
    </row>
    <row r="25648" spans="1:43">
      <c r="A25648" t="s">
        <v>15869</v>
      </c>
      <c r="B25648" t="s">
        <v>15870</v>
      </c>
      <c r="C25648" t="s">
        <v>15871</v>
      </c>
      <c r="D25648" t="s">
        <v>15872</v>
      </c>
      <c r="E25648" t="s">
        <v>15699</v>
      </c>
      <c r="F25648" t="s">
        <v>15700</v>
      </c>
      <c r="G25648" t="s">
        <v>10734</v>
      </c>
      <c r="H25648" t="s">
        <v>10735</v>
      </c>
      <c r="I25648" s="2">
        <v>1</v>
      </c>
      <c r="J25648" s="2">
        <v>0</v>
      </c>
      <c r="K25648" s="2">
        <v>0</v>
      </c>
      <c r="L25648" t="s">
        <v>120</v>
      </c>
      <c r="M25648" t="s">
        <v>89</v>
      </c>
      <c r="N25648" t="s">
        <v>90</v>
      </c>
      <c r="O25648" t="s">
        <v>85</v>
      </c>
      <c r="P25648" t="s">
        <v>86</v>
      </c>
      <c r="Q25648">
        <v>9</v>
      </c>
      <c r="R25648">
        <v>10</v>
      </c>
      <c r="S25648">
        <v>10</v>
      </c>
      <c r="T25648">
        <v>10</v>
      </c>
      <c r="U25648">
        <v>11</v>
      </c>
      <c r="V25648">
        <v>11</v>
      </c>
      <c r="W25648">
        <v>11</v>
      </c>
      <c r="X25648">
        <v>11</v>
      </c>
      <c r="Y25648">
        <v>12</v>
      </c>
      <c r="Z25648">
        <v>12</v>
      </c>
      <c r="AA25648">
        <v>12</v>
      </c>
      <c r="AB25648">
        <v>13</v>
      </c>
      <c r="AC25648">
        <v>13</v>
      </c>
      <c r="AD25648">
        <v>13</v>
      </c>
      <c r="AE25648">
        <v>13</v>
      </c>
      <c r="AF25648">
        <v>14</v>
      </c>
      <c r="AG25648">
        <v>14</v>
      </c>
      <c r="AH25648">
        <v>14</v>
      </c>
      <c r="AI25648">
        <v>14</v>
      </c>
      <c r="AJ25648">
        <v>14</v>
      </c>
      <c r="AK25648">
        <v>14</v>
      </c>
      <c r="AL25648">
        <v>15</v>
      </c>
      <c r="AM25648">
        <v>15</v>
      </c>
      <c r="AN25648">
        <v>15</v>
      </c>
      <c r="AO25648">
        <v>15</v>
      </c>
      <c r="AP25648">
        <v>15</v>
      </c>
      <c r="AQ25648">
        <v>15</v>
      </c>
    </row>
    <row r="25649" spans="1:43">
      <c r="A25649" t="s">
        <v>15869</v>
      </c>
      <c r="B25649" t="s">
        <v>15870</v>
      </c>
      <c r="C25649" t="s">
        <v>15871</v>
      </c>
      <c r="D25649" t="s">
        <v>15872</v>
      </c>
      <c r="E25649" t="s">
        <v>15699</v>
      </c>
      <c r="F25649" t="s">
        <v>15700</v>
      </c>
      <c r="G25649" t="s">
        <v>10734</v>
      </c>
      <c r="H25649" t="s">
        <v>10735</v>
      </c>
      <c r="I25649" s="2">
        <v>1</v>
      </c>
      <c r="J25649" s="2">
        <v>0</v>
      </c>
      <c r="K25649" s="2">
        <v>0</v>
      </c>
      <c r="L25649" t="s">
        <v>120</v>
      </c>
      <c r="M25649" t="s">
        <v>83</v>
      </c>
      <c r="N25649" t="s">
        <v>91</v>
      </c>
      <c r="O25649" t="s">
        <v>85</v>
      </c>
      <c r="P25649" t="s">
        <v>86</v>
      </c>
      <c r="Q25649">
        <v>9</v>
      </c>
      <c r="R25649">
        <v>10</v>
      </c>
      <c r="S25649">
        <v>10</v>
      </c>
      <c r="T25649">
        <v>10</v>
      </c>
      <c r="U25649">
        <v>10</v>
      </c>
      <c r="V25649">
        <v>10</v>
      </c>
      <c r="W25649">
        <v>11</v>
      </c>
      <c r="X25649">
        <v>11</v>
      </c>
      <c r="Y25649">
        <v>11</v>
      </c>
      <c r="Z25649">
        <v>11</v>
      </c>
      <c r="AA25649">
        <v>12</v>
      </c>
      <c r="AB25649">
        <v>12</v>
      </c>
      <c r="AC25649">
        <v>12</v>
      </c>
      <c r="AD25649">
        <v>12</v>
      </c>
      <c r="AE25649">
        <v>13</v>
      </c>
      <c r="AF25649">
        <v>13</v>
      </c>
      <c r="AG25649">
        <v>13</v>
      </c>
      <c r="AH25649">
        <v>13</v>
      </c>
      <c r="AI25649">
        <v>14</v>
      </c>
      <c r="AJ25649">
        <v>14</v>
      </c>
      <c r="AK25649">
        <v>14</v>
      </c>
      <c r="AL25649">
        <v>14</v>
      </c>
      <c r="AM25649">
        <v>15</v>
      </c>
      <c r="AN25649">
        <v>15</v>
      </c>
      <c r="AO25649">
        <v>15</v>
      </c>
      <c r="AP25649">
        <v>15</v>
      </c>
      <c r="AQ25649">
        <v>15</v>
      </c>
    </row>
    <row r="25650" spans="1:43">
      <c r="A25650" t="s">
        <v>15873</v>
      </c>
      <c r="B25650" t="s">
        <v>15874</v>
      </c>
      <c r="C25650" t="s">
        <v>15857</v>
      </c>
      <c r="D25650" t="s">
        <v>15858</v>
      </c>
      <c r="E25650" t="s">
        <v>15699</v>
      </c>
      <c r="F25650" t="s">
        <v>15700</v>
      </c>
      <c r="G25650" t="s">
        <v>10734</v>
      </c>
      <c r="H25650" t="s">
        <v>10735</v>
      </c>
      <c r="I25650" s="2">
        <v>1</v>
      </c>
      <c r="J25650" s="2">
        <v>0</v>
      </c>
      <c r="K25650" s="2">
        <v>0</v>
      </c>
      <c r="L25650" t="s">
        <v>120</v>
      </c>
      <c r="M25650" t="s">
        <v>83</v>
      </c>
      <c r="N25650" t="s">
        <v>84</v>
      </c>
      <c r="O25650" t="s">
        <v>85</v>
      </c>
      <c r="P25650" t="s">
        <v>86</v>
      </c>
      <c r="Q25650">
        <v>19</v>
      </c>
      <c r="R25650">
        <v>19</v>
      </c>
      <c r="S25650">
        <v>20</v>
      </c>
      <c r="T25650">
        <v>20</v>
      </c>
      <c r="U25650">
        <v>20</v>
      </c>
      <c r="V25650">
        <v>21</v>
      </c>
      <c r="W25650">
        <v>21</v>
      </c>
      <c r="X25650">
        <v>22</v>
      </c>
      <c r="Y25650">
        <v>22</v>
      </c>
      <c r="Z25650">
        <v>23</v>
      </c>
      <c r="AA25650">
        <v>23</v>
      </c>
      <c r="AB25650">
        <v>24</v>
      </c>
      <c r="AC25650">
        <v>24</v>
      </c>
      <c r="AD25650">
        <v>25</v>
      </c>
      <c r="AE25650">
        <v>25</v>
      </c>
      <c r="AF25650">
        <v>26</v>
      </c>
      <c r="AG25650">
        <v>26</v>
      </c>
      <c r="AH25650">
        <v>27</v>
      </c>
      <c r="AI25650">
        <v>28</v>
      </c>
      <c r="AJ25650">
        <v>28</v>
      </c>
      <c r="AK25650">
        <v>29</v>
      </c>
      <c r="AL25650">
        <v>29</v>
      </c>
      <c r="AM25650">
        <v>29</v>
      </c>
      <c r="AN25650">
        <v>30</v>
      </c>
      <c r="AO25650">
        <v>30</v>
      </c>
      <c r="AP25650">
        <v>31</v>
      </c>
      <c r="AQ25650">
        <v>31</v>
      </c>
    </row>
    <row r="25651" spans="1:43">
      <c r="A25651" t="s">
        <v>15873</v>
      </c>
      <c r="B25651" t="s">
        <v>15874</v>
      </c>
      <c r="C25651" t="s">
        <v>15857</v>
      </c>
      <c r="D25651" t="s">
        <v>15858</v>
      </c>
      <c r="E25651" t="s">
        <v>15699</v>
      </c>
      <c r="F25651" t="s">
        <v>15700</v>
      </c>
      <c r="G25651" t="s">
        <v>10734</v>
      </c>
      <c r="H25651" t="s">
        <v>10735</v>
      </c>
      <c r="I25651" s="2">
        <v>1</v>
      </c>
      <c r="J25651" s="2">
        <v>0</v>
      </c>
      <c r="K25651" s="2">
        <v>0</v>
      </c>
      <c r="L25651" t="s">
        <v>120</v>
      </c>
      <c r="M25651" t="s">
        <v>87</v>
      </c>
      <c r="N25651" t="s">
        <v>88</v>
      </c>
      <c r="O25651" t="s">
        <v>85</v>
      </c>
      <c r="P25651" t="s">
        <v>86</v>
      </c>
      <c r="Q25651">
        <v>19</v>
      </c>
      <c r="R25651">
        <v>19</v>
      </c>
      <c r="S25651">
        <v>19</v>
      </c>
      <c r="T25651">
        <v>19</v>
      </c>
      <c r="U25651">
        <v>20</v>
      </c>
      <c r="V25651">
        <v>20</v>
      </c>
      <c r="W25651">
        <v>20</v>
      </c>
      <c r="X25651">
        <v>20</v>
      </c>
      <c r="Y25651">
        <v>21</v>
      </c>
      <c r="Z25651">
        <v>21</v>
      </c>
      <c r="AA25651">
        <v>21</v>
      </c>
      <c r="AB25651">
        <v>22</v>
      </c>
      <c r="AC25651">
        <v>22</v>
      </c>
      <c r="AD25651">
        <v>22</v>
      </c>
      <c r="AE25651">
        <v>22</v>
      </c>
      <c r="AF25651">
        <v>23</v>
      </c>
      <c r="AG25651">
        <v>23</v>
      </c>
      <c r="AH25651">
        <v>23</v>
      </c>
      <c r="AI25651">
        <v>24</v>
      </c>
      <c r="AJ25651">
        <v>24</v>
      </c>
      <c r="AK25651">
        <v>24</v>
      </c>
      <c r="AL25651">
        <v>25</v>
      </c>
      <c r="AM25651">
        <v>25</v>
      </c>
      <c r="AN25651">
        <v>25</v>
      </c>
      <c r="AO25651">
        <v>26</v>
      </c>
      <c r="AP25651">
        <v>26</v>
      </c>
      <c r="AQ25651">
        <v>27</v>
      </c>
    </row>
    <row r="25652" spans="1:43">
      <c r="A25652" t="s">
        <v>15873</v>
      </c>
      <c r="B25652" t="s">
        <v>15874</v>
      </c>
      <c r="C25652" t="s">
        <v>15857</v>
      </c>
      <c r="D25652" t="s">
        <v>15858</v>
      </c>
      <c r="E25652" t="s">
        <v>15699</v>
      </c>
      <c r="F25652" t="s">
        <v>15700</v>
      </c>
      <c r="G25652" t="s">
        <v>10734</v>
      </c>
      <c r="H25652" t="s">
        <v>10735</v>
      </c>
      <c r="I25652" s="2">
        <v>1</v>
      </c>
      <c r="J25652" s="2">
        <v>0</v>
      </c>
      <c r="K25652" s="2">
        <v>0</v>
      </c>
      <c r="L25652" t="s">
        <v>120</v>
      </c>
      <c r="M25652" t="s">
        <v>89</v>
      </c>
      <c r="N25652" t="s">
        <v>90</v>
      </c>
      <c r="O25652" t="s">
        <v>85</v>
      </c>
      <c r="P25652" t="s">
        <v>86</v>
      </c>
      <c r="Q25652">
        <v>19</v>
      </c>
      <c r="R25652">
        <v>19</v>
      </c>
      <c r="S25652">
        <v>20</v>
      </c>
      <c r="T25652">
        <v>21</v>
      </c>
      <c r="U25652">
        <v>21</v>
      </c>
      <c r="V25652">
        <v>22</v>
      </c>
      <c r="W25652">
        <v>22</v>
      </c>
      <c r="X25652">
        <v>23</v>
      </c>
      <c r="Y25652">
        <v>24</v>
      </c>
      <c r="Z25652">
        <v>24</v>
      </c>
      <c r="AA25652">
        <v>25</v>
      </c>
      <c r="AB25652">
        <v>25</v>
      </c>
      <c r="AC25652">
        <v>26</v>
      </c>
      <c r="AD25652">
        <v>27</v>
      </c>
      <c r="AE25652">
        <v>27</v>
      </c>
      <c r="AF25652">
        <v>28</v>
      </c>
      <c r="AG25652">
        <v>28</v>
      </c>
      <c r="AH25652">
        <v>28</v>
      </c>
      <c r="AI25652">
        <v>28</v>
      </c>
      <c r="AJ25652">
        <v>29</v>
      </c>
      <c r="AK25652">
        <v>29</v>
      </c>
      <c r="AL25652">
        <v>29</v>
      </c>
      <c r="AM25652">
        <v>30</v>
      </c>
      <c r="AN25652">
        <v>30</v>
      </c>
      <c r="AO25652">
        <v>30</v>
      </c>
      <c r="AP25652">
        <v>31</v>
      </c>
      <c r="AQ25652">
        <v>31</v>
      </c>
    </row>
    <row r="25653" spans="1:43">
      <c r="A25653" t="s">
        <v>15873</v>
      </c>
      <c r="B25653" t="s">
        <v>15874</v>
      </c>
      <c r="C25653" t="s">
        <v>15857</v>
      </c>
      <c r="D25653" t="s">
        <v>15858</v>
      </c>
      <c r="E25653" t="s">
        <v>15699</v>
      </c>
      <c r="F25653" t="s">
        <v>15700</v>
      </c>
      <c r="G25653" t="s">
        <v>10734</v>
      </c>
      <c r="H25653" t="s">
        <v>10735</v>
      </c>
      <c r="I25653" s="2">
        <v>1</v>
      </c>
      <c r="J25653" s="2">
        <v>0</v>
      </c>
      <c r="K25653" s="2">
        <v>0</v>
      </c>
      <c r="L25653" t="s">
        <v>120</v>
      </c>
      <c r="M25653" t="s">
        <v>83</v>
      </c>
      <c r="N25653" t="s">
        <v>91</v>
      </c>
      <c r="O25653" t="s">
        <v>85</v>
      </c>
      <c r="P25653" t="s">
        <v>86</v>
      </c>
      <c r="Q25653">
        <v>19</v>
      </c>
      <c r="R25653">
        <v>19</v>
      </c>
      <c r="S25653">
        <v>20</v>
      </c>
      <c r="T25653">
        <v>20</v>
      </c>
      <c r="U25653">
        <v>20</v>
      </c>
      <c r="V25653">
        <v>21</v>
      </c>
      <c r="W25653">
        <v>21</v>
      </c>
      <c r="X25653">
        <v>22</v>
      </c>
      <c r="Y25653">
        <v>22</v>
      </c>
      <c r="Z25653">
        <v>23</v>
      </c>
      <c r="AA25653">
        <v>23</v>
      </c>
      <c r="AB25653">
        <v>24</v>
      </c>
      <c r="AC25653">
        <v>24</v>
      </c>
      <c r="AD25653">
        <v>25</v>
      </c>
      <c r="AE25653">
        <v>25</v>
      </c>
      <c r="AF25653">
        <v>26</v>
      </c>
      <c r="AG25653">
        <v>26</v>
      </c>
      <c r="AH25653">
        <v>27</v>
      </c>
      <c r="AI25653">
        <v>28</v>
      </c>
      <c r="AJ25653">
        <v>28</v>
      </c>
      <c r="AK25653">
        <v>29</v>
      </c>
      <c r="AL25653">
        <v>29</v>
      </c>
      <c r="AM25653">
        <v>29</v>
      </c>
      <c r="AN25653">
        <v>30</v>
      </c>
      <c r="AO25653">
        <v>30</v>
      </c>
      <c r="AP25653">
        <v>31</v>
      </c>
      <c r="AQ25653">
        <v>31</v>
      </c>
    </row>
    <row r="25654" spans="1:43">
      <c r="A25654" t="s">
        <v>15875</v>
      </c>
      <c r="B25654" t="s">
        <v>15876</v>
      </c>
      <c r="C25654" t="s">
        <v>15871</v>
      </c>
      <c r="D25654" t="s">
        <v>15872</v>
      </c>
      <c r="E25654" t="s">
        <v>15699</v>
      </c>
      <c r="F25654" t="s">
        <v>15700</v>
      </c>
      <c r="G25654" t="s">
        <v>10734</v>
      </c>
      <c r="H25654" t="s">
        <v>10735</v>
      </c>
      <c r="I25654" s="2">
        <v>1</v>
      </c>
      <c r="J25654" s="2">
        <v>0</v>
      </c>
      <c r="K25654" s="2">
        <v>0</v>
      </c>
      <c r="L25654" t="s">
        <v>120</v>
      </c>
      <c r="M25654" t="s">
        <v>83</v>
      </c>
      <c r="N25654" t="s">
        <v>84</v>
      </c>
      <c r="O25654" t="s">
        <v>85</v>
      </c>
      <c r="P25654" t="s">
        <v>86</v>
      </c>
      <c r="Q25654">
        <v>5</v>
      </c>
      <c r="R25654">
        <v>5</v>
      </c>
      <c r="S25654">
        <v>5</v>
      </c>
      <c r="T25654">
        <v>6</v>
      </c>
      <c r="U25654">
        <v>6</v>
      </c>
      <c r="V25654">
        <v>6</v>
      </c>
      <c r="W25654">
        <v>6</v>
      </c>
      <c r="X25654">
        <v>6</v>
      </c>
      <c r="Y25654">
        <v>6</v>
      </c>
      <c r="Z25654">
        <v>6</v>
      </c>
      <c r="AA25654">
        <v>6</v>
      </c>
      <c r="AB25654">
        <v>7</v>
      </c>
      <c r="AC25654">
        <v>7</v>
      </c>
      <c r="AD25654">
        <v>7</v>
      </c>
      <c r="AE25654">
        <v>7</v>
      </c>
      <c r="AF25654">
        <v>7</v>
      </c>
      <c r="AG25654">
        <v>7</v>
      </c>
      <c r="AH25654">
        <v>7</v>
      </c>
      <c r="AI25654">
        <v>8</v>
      </c>
      <c r="AJ25654">
        <v>8</v>
      </c>
      <c r="AK25654">
        <v>8</v>
      </c>
      <c r="AL25654">
        <v>8</v>
      </c>
      <c r="AM25654">
        <v>8</v>
      </c>
      <c r="AN25654">
        <v>8</v>
      </c>
      <c r="AO25654">
        <v>8</v>
      </c>
      <c r="AP25654">
        <v>8</v>
      </c>
      <c r="AQ25654">
        <v>9</v>
      </c>
    </row>
    <row r="25655" spans="1:43">
      <c r="A25655" t="s">
        <v>15875</v>
      </c>
      <c r="B25655" t="s">
        <v>15876</v>
      </c>
      <c r="C25655" t="s">
        <v>15871</v>
      </c>
      <c r="D25655" t="s">
        <v>15872</v>
      </c>
      <c r="E25655" t="s">
        <v>15699</v>
      </c>
      <c r="F25655" t="s">
        <v>15700</v>
      </c>
      <c r="G25655" t="s">
        <v>10734</v>
      </c>
      <c r="H25655" t="s">
        <v>10735</v>
      </c>
      <c r="I25655" s="2">
        <v>1</v>
      </c>
      <c r="J25655" s="2">
        <v>0</v>
      </c>
      <c r="K25655" s="2">
        <v>0</v>
      </c>
      <c r="L25655" t="s">
        <v>120</v>
      </c>
      <c r="M25655" t="s">
        <v>87</v>
      </c>
      <c r="N25655" t="s">
        <v>88</v>
      </c>
      <c r="O25655" t="s">
        <v>85</v>
      </c>
      <c r="P25655" t="s">
        <v>86</v>
      </c>
      <c r="Q25655">
        <v>5</v>
      </c>
      <c r="R25655">
        <v>5</v>
      </c>
      <c r="S25655">
        <v>5</v>
      </c>
      <c r="T25655">
        <v>5</v>
      </c>
      <c r="U25655">
        <v>5</v>
      </c>
      <c r="V25655">
        <v>6</v>
      </c>
      <c r="W25655">
        <v>6</v>
      </c>
      <c r="X25655">
        <v>6</v>
      </c>
      <c r="Y25655">
        <v>6</v>
      </c>
      <c r="Z25655">
        <v>6</v>
      </c>
      <c r="AA25655">
        <v>6</v>
      </c>
      <c r="AB25655">
        <v>6</v>
      </c>
      <c r="AC25655">
        <v>6</v>
      </c>
      <c r="AD25655">
        <v>6</v>
      </c>
      <c r="AE25655">
        <v>6</v>
      </c>
      <c r="AF25655">
        <v>6</v>
      </c>
      <c r="AG25655">
        <v>6</v>
      </c>
      <c r="AH25655">
        <v>7</v>
      </c>
      <c r="AI25655">
        <v>7</v>
      </c>
      <c r="AJ25655">
        <v>7</v>
      </c>
      <c r="AK25655">
        <v>7</v>
      </c>
      <c r="AL25655">
        <v>7</v>
      </c>
      <c r="AM25655">
        <v>7</v>
      </c>
      <c r="AN25655">
        <v>7</v>
      </c>
      <c r="AO25655">
        <v>7</v>
      </c>
      <c r="AP25655">
        <v>7</v>
      </c>
      <c r="AQ25655">
        <v>7</v>
      </c>
    </row>
    <row r="25656" spans="1:43">
      <c r="A25656" t="s">
        <v>15875</v>
      </c>
      <c r="B25656" t="s">
        <v>15876</v>
      </c>
      <c r="C25656" t="s">
        <v>15871</v>
      </c>
      <c r="D25656" t="s">
        <v>15872</v>
      </c>
      <c r="E25656" t="s">
        <v>15699</v>
      </c>
      <c r="F25656" t="s">
        <v>15700</v>
      </c>
      <c r="G25656" t="s">
        <v>10734</v>
      </c>
      <c r="H25656" t="s">
        <v>10735</v>
      </c>
      <c r="I25656" s="2">
        <v>1</v>
      </c>
      <c r="J25656" s="2">
        <v>0</v>
      </c>
      <c r="K25656" s="2">
        <v>0</v>
      </c>
      <c r="L25656" t="s">
        <v>120</v>
      </c>
      <c r="M25656" t="s">
        <v>89</v>
      </c>
      <c r="N25656" t="s">
        <v>90</v>
      </c>
      <c r="O25656" t="s">
        <v>85</v>
      </c>
      <c r="P25656" t="s">
        <v>86</v>
      </c>
      <c r="Q25656">
        <v>5</v>
      </c>
      <c r="R25656">
        <v>5</v>
      </c>
      <c r="S25656">
        <v>6</v>
      </c>
      <c r="T25656">
        <v>6</v>
      </c>
      <c r="U25656">
        <v>6</v>
      </c>
      <c r="V25656">
        <v>6</v>
      </c>
      <c r="W25656">
        <v>6</v>
      </c>
      <c r="X25656">
        <v>6</v>
      </c>
      <c r="Y25656">
        <v>7</v>
      </c>
      <c r="Z25656">
        <v>7</v>
      </c>
      <c r="AA25656">
        <v>7</v>
      </c>
      <c r="AB25656">
        <v>7</v>
      </c>
      <c r="AC25656">
        <v>7</v>
      </c>
      <c r="AD25656">
        <v>7</v>
      </c>
      <c r="AE25656">
        <v>8</v>
      </c>
      <c r="AF25656">
        <v>8</v>
      </c>
      <c r="AG25656">
        <v>8</v>
      </c>
      <c r="AH25656">
        <v>8</v>
      </c>
      <c r="AI25656">
        <v>8</v>
      </c>
      <c r="AJ25656">
        <v>8</v>
      </c>
      <c r="AK25656">
        <v>8</v>
      </c>
      <c r="AL25656">
        <v>8</v>
      </c>
      <c r="AM25656">
        <v>8</v>
      </c>
      <c r="AN25656">
        <v>8</v>
      </c>
      <c r="AO25656">
        <v>8</v>
      </c>
      <c r="AP25656">
        <v>9</v>
      </c>
      <c r="AQ25656">
        <v>9</v>
      </c>
    </row>
    <row r="25657" spans="1:43">
      <c r="A25657" t="s">
        <v>15875</v>
      </c>
      <c r="B25657" t="s">
        <v>15876</v>
      </c>
      <c r="C25657" t="s">
        <v>15871</v>
      </c>
      <c r="D25657" t="s">
        <v>15872</v>
      </c>
      <c r="E25657" t="s">
        <v>15699</v>
      </c>
      <c r="F25657" t="s">
        <v>15700</v>
      </c>
      <c r="G25657" t="s">
        <v>10734</v>
      </c>
      <c r="H25657" t="s">
        <v>10735</v>
      </c>
      <c r="I25657" s="2">
        <v>1</v>
      </c>
      <c r="J25657" s="2">
        <v>0</v>
      </c>
      <c r="K25657" s="2">
        <v>0</v>
      </c>
      <c r="L25657" t="s">
        <v>120</v>
      </c>
      <c r="M25657" t="s">
        <v>83</v>
      </c>
      <c r="N25657" t="s">
        <v>91</v>
      </c>
      <c r="O25657" t="s">
        <v>85</v>
      </c>
      <c r="P25657" t="s">
        <v>86</v>
      </c>
      <c r="Q25657">
        <v>5</v>
      </c>
      <c r="R25657">
        <v>5</v>
      </c>
      <c r="S25657">
        <v>5</v>
      </c>
      <c r="T25657">
        <v>6</v>
      </c>
      <c r="U25657">
        <v>6</v>
      </c>
      <c r="V25657">
        <v>6</v>
      </c>
      <c r="W25657">
        <v>6</v>
      </c>
      <c r="X25657">
        <v>6</v>
      </c>
      <c r="Y25657">
        <v>6</v>
      </c>
      <c r="Z25657">
        <v>6</v>
      </c>
      <c r="AA25657">
        <v>6</v>
      </c>
      <c r="AB25657">
        <v>7</v>
      </c>
      <c r="AC25657">
        <v>7</v>
      </c>
      <c r="AD25657">
        <v>7</v>
      </c>
      <c r="AE25657">
        <v>7</v>
      </c>
      <c r="AF25657">
        <v>7</v>
      </c>
      <c r="AG25657">
        <v>7</v>
      </c>
      <c r="AH25657">
        <v>7</v>
      </c>
      <c r="AI25657">
        <v>8</v>
      </c>
      <c r="AJ25657">
        <v>8</v>
      </c>
      <c r="AK25657">
        <v>8</v>
      </c>
      <c r="AL25657">
        <v>8</v>
      </c>
      <c r="AM25657">
        <v>8</v>
      </c>
      <c r="AN25657">
        <v>8</v>
      </c>
      <c r="AO25657">
        <v>8</v>
      </c>
      <c r="AP25657">
        <v>8</v>
      </c>
      <c r="AQ25657">
        <v>9</v>
      </c>
    </row>
    <row r="25658" spans="1:43">
      <c r="A25658" t="s">
        <v>15877</v>
      </c>
      <c r="B25658" t="s">
        <v>15878</v>
      </c>
      <c r="C25658" t="s">
        <v>15871</v>
      </c>
      <c r="D25658" t="s">
        <v>15872</v>
      </c>
      <c r="E25658" t="s">
        <v>15699</v>
      </c>
      <c r="F25658" t="s">
        <v>15700</v>
      </c>
      <c r="G25658" t="s">
        <v>10734</v>
      </c>
      <c r="H25658" t="s">
        <v>10735</v>
      </c>
      <c r="I25658" s="2">
        <v>1</v>
      </c>
      <c r="J25658" s="2">
        <v>0</v>
      </c>
      <c r="K25658" s="2">
        <v>0</v>
      </c>
      <c r="L25658" t="s">
        <v>120</v>
      </c>
      <c r="M25658" t="s">
        <v>83</v>
      </c>
      <c r="N25658" t="s">
        <v>84</v>
      </c>
      <c r="O25658" t="s">
        <v>85</v>
      </c>
      <c r="P25658" t="s">
        <v>86</v>
      </c>
      <c r="Q25658">
        <v>14</v>
      </c>
      <c r="R25658">
        <v>15</v>
      </c>
      <c r="S25658">
        <v>15</v>
      </c>
      <c r="T25658">
        <v>15</v>
      </c>
      <c r="U25658">
        <v>16</v>
      </c>
      <c r="V25658">
        <v>16</v>
      </c>
      <c r="W25658">
        <v>17</v>
      </c>
      <c r="X25658">
        <v>17</v>
      </c>
      <c r="Y25658">
        <v>17</v>
      </c>
      <c r="Z25658">
        <v>18</v>
      </c>
      <c r="AA25658">
        <v>18</v>
      </c>
      <c r="AB25658">
        <v>18</v>
      </c>
      <c r="AC25658">
        <v>19</v>
      </c>
      <c r="AD25658">
        <v>19</v>
      </c>
      <c r="AE25658">
        <v>20</v>
      </c>
      <c r="AF25658">
        <v>20</v>
      </c>
      <c r="AG25658">
        <v>20</v>
      </c>
      <c r="AH25658">
        <v>21</v>
      </c>
      <c r="AI25658">
        <v>21</v>
      </c>
      <c r="AJ25658">
        <v>22</v>
      </c>
      <c r="AK25658">
        <v>22</v>
      </c>
      <c r="AL25658">
        <v>22</v>
      </c>
      <c r="AM25658">
        <v>23</v>
      </c>
      <c r="AN25658">
        <v>23</v>
      </c>
      <c r="AO25658">
        <v>23</v>
      </c>
      <c r="AP25658">
        <v>23</v>
      </c>
      <c r="AQ25658">
        <v>24</v>
      </c>
    </row>
    <row r="25659" spans="1:43">
      <c r="A25659" t="s">
        <v>15877</v>
      </c>
      <c r="B25659" t="s">
        <v>15878</v>
      </c>
      <c r="C25659" t="s">
        <v>15871</v>
      </c>
      <c r="D25659" t="s">
        <v>15872</v>
      </c>
      <c r="E25659" t="s">
        <v>15699</v>
      </c>
      <c r="F25659" t="s">
        <v>15700</v>
      </c>
      <c r="G25659" t="s">
        <v>10734</v>
      </c>
      <c r="H25659" t="s">
        <v>10735</v>
      </c>
      <c r="I25659" s="2">
        <v>1</v>
      </c>
      <c r="J25659" s="2">
        <v>0</v>
      </c>
      <c r="K25659" s="2">
        <v>0</v>
      </c>
      <c r="L25659" t="s">
        <v>120</v>
      </c>
      <c r="M25659" t="s">
        <v>87</v>
      </c>
      <c r="N25659" t="s">
        <v>88</v>
      </c>
      <c r="O25659" t="s">
        <v>85</v>
      </c>
      <c r="P25659" t="s">
        <v>86</v>
      </c>
      <c r="Q25659">
        <v>14</v>
      </c>
      <c r="R25659">
        <v>14</v>
      </c>
      <c r="S25659">
        <v>15</v>
      </c>
      <c r="T25659">
        <v>15</v>
      </c>
      <c r="U25659">
        <v>15</v>
      </c>
      <c r="V25659">
        <v>15</v>
      </c>
      <c r="W25659">
        <v>16</v>
      </c>
      <c r="X25659">
        <v>16</v>
      </c>
      <c r="Y25659">
        <v>16</v>
      </c>
      <c r="Z25659">
        <v>16</v>
      </c>
      <c r="AA25659">
        <v>16</v>
      </c>
      <c r="AB25659">
        <v>17</v>
      </c>
      <c r="AC25659">
        <v>17</v>
      </c>
      <c r="AD25659">
        <v>17</v>
      </c>
      <c r="AE25659">
        <v>17</v>
      </c>
      <c r="AF25659">
        <v>18</v>
      </c>
      <c r="AG25659">
        <v>18</v>
      </c>
      <c r="AH25659">
        <v>18</v>
      </c>
      <c r="AI25659">
        <v>18</v>
      </c>
      <c r="AJ25659">
        <v>19</v>
      </c>
      <c r="AK25659">
        <v>19</v>
      </c>
      <c r="AL25659">
        <v>19</v>
      </c>
      <c r="AM25659">
        <v>20</v>
      </c>
      <c r="AN25659">
        <v>20</v>
      </c>
      <c r="AO25659">
        <v>20</v>
      </c>
      <c r="AP25659">
        <v>20</v>
      </c>
      <c r="AQ25659">
        <v>21</v>
      </c>
    </row>
    <row r="25660" spans="1:43">
      <c r="A25660" t="s">
        <v>15877</v>
      </c>
      <c r="B25660" t="s">
        <v>15878</v>
      </c>
      <c r="C25660" t="s">
        <v>15871</v>
      </c>
      <c r="D25660" t="s">
        <v>15872</v>
      </c>
      <c r="E25660" t="s">
        <v>15699</v>
      </c>
      <c r="F25660" t="s">
        <v>15700</v>
      </c>
      <c r="G25660" t="s">
        <v>10734</v>
      </c>
      <c r="H25660" t="s">
        <v>10735</v>
      </c>
      <c r="I25660" s="2">
        <v>1</v>
      </c>
      <c r="J25660" s="2">
        <v>0</v>
      </c>
      <c r="K25660" s="2">
        <v>0</v>
      </c>
      <c r="L25660" t="s">
        <v>120</v>
      </c>
      <c r="M25660" t="s">
        <v>89</v>
      </c>
      <c r="N25660" t="s">
        <v>90</v>
      </c>
      <c r="O25660" t="s">
        <v>85</v>
      </c>
      <c r="P25660" t="s">
        <v>86</v>
      </c>
      <c r="Q25660">
        <v>14</v>
      </c>
      <c r="R25660">
        <v>15</v>
      </c>
      <c r="S25660">
        <v>15</v>
      </c>
      <c r="T25660">
        <v>16</v>
      </c>
      <c r="U25660">
        <v>16</v>
      </c>
      <c r="V25660">
        <v>17</v>
      </c>
      <c r="W25660">
        <v>17</v>
      </c>
      <c r="X25660">
        <v>18</v>
      </c>
      <c r="Y25660">
        <v>18</v>
      </c>
      <c r="Z25660">
        <v>19</v>
      </c>
      <c r="AA25660">
        <v>19</v>
      </c>
      <c r="AB25660">
        <v>20</v>
      </c>
      <c r="AC25660">
        <v>20</v>
      </c>
      <c r="AD25660">
        <v>21</v>
      </c>
      <c r="AE25660">
        <v>21</v>
      </c>
      <c r="AF25660">
        <v>21</v>
      </c>
      <c r="AG25660">
        <v>21</v>
      </c>
      <c r="AH25660">
        <v>22</v>
      </c>
      <c r="AI25660">
        <v>22</v>
      </c>
      <c r="AJ25660">
        <v>22</v>
      </c>
      <c r="AK25660">
        <v>22</v>
      </c>
      <c r="AL25660">
        <v>23</v>
      </c>
      <c r="AM25660">
        <v>23</v>
      </c>
      <c r="AN25660">
        <v>23</v>
      </c>
      <c r="AO25660">
        <v>23</v>
      </c>
      <c r="AP25660">
        <v>24</v>
      </c>
      <c r="AQ25660">
        <v>24</v>
      </c>
    </row>
    <row r="25661" spans="1:43">
      <c r="A25661" t="s">
        <v>15877</v>
      </c>
      <c r="B25661" t="s">
        <v>15878</v>
      </c>
      <c r="C25661" t="s">
        <v>15871</v>
      </c>
      <c r="D25661" t="s">
        <v>15872</v>
      </c>
      <c r="E25661" t="s">
        <v>15699</v>
      </c>
      <c r="F25661" t="s">
        <v>15700</v>
      </c>
      <c r="G25661" t="s">
        <v>10734</v>
      </c>
      <c r="H25661" t="s">
        <v>10735</v>
      </c>
      <c r="I25661" s="2">
        <v>1</v>
      </c>
      <c r="J25661" s="2">
        <v>0</v>
      </c>
      <c r="K25661" s="2">
        <v>0</v>
      </c>
      <c r="L25661" t="s">
        <v>120</v>
      </c>
      <c r="M25661" t="s">
        <v>83</v>
      </c>
      <c r="N25661" t="s">
        <v>91</v>
      </c>
      <c r="O25661" t="s">
        <v>85</v>
      </c>
      <c r="P25661" t="s">
        <v>86</v>
      </c>
      <c r="Q25661">
        <v>14</v>
      </c>
      <c r="R25661">
        <v>15</v>
      </c>
      <c r="S25661">
        <v>15</v>
      </c>
      <c r="T25661">
        <v>15</v>
      </c>
      <c r="U25661">
        <v>16</v>
      </c>
      <c r="V25661">
        <v>16</v>
      </c>
      <c r="W25661">
        <v>17</v>
      </c>
      <c r="X25661">
        <v>17</v>
      </c>
      <c r="Y25661">
        <v>17</v>
      </c>
      <c r="Z25661">
        <v>18</v>
      </c>
      <c r="AA25661">
        <v>18</v>
      </c>
      <c r="AB25661">
        <v>18</v>
      </c>
      <c r="AC25661">
        <v>19</v>
      </c>
      <c r="AD25661">
        <v>19</v>
      </c>
      <c r="AE25661">
        <v>20</v>
      </c>
      <c r="AF25661">
        <v>20</v>
      </c>
      <c r="AG25661">
        <v>20</v>
      </c>
      <c r="AH25661">
        <v>21</v>
      </c>
      <c r="AI25661">
        <v>21</v>
      </c>
      <c r="AJ25661">
        <v>22</v>
      </c>
      <c r="AK25661">
        <v>22</v>
      </c>
      <c r="AL25661">
        <v>22</v>
      </c>
      <c r="AM25661">
        <v>23</v>
      </c>
      <c r="AN25661">
        <v>23</v>
      </c>
      <c r="AO25661">
        <v>23</v>
      </c>
      <c r="AP25661">
        <v>23</v>
      </c>
      <c r="AQ25661">
        <v>24</v>
      </c>
    </row>
    <row r="25662" spans="1:43">
      <c r="A25662" t="s">
        <v>15879</v>
      </c>
      <c r="B25662" t="s">
        <v>15880</v>
      </c>
      <c r="C25662" t="s">
        <v>15871</v>
      </c>
      <c r="D25662" t="s">
        <v>15872</v>
      </c>
      <c r="E25662" t="s">
        <v>15699</v>
      </c>
      <c r="F25662" t="s">
        <v>15700</v>
      </c>
      <c r="G25662" t="s">
        <v>10734</v>
      </c>
      <c r="H25662" t="s">
        <v>10735</v>
      </c>
      <c r="I25662" s="2">
        <v>1</v>
      </c>
      <c r="J25662" s="2">
        <v>0</v>
      </c>
      <c r="K25662" s="2">
        <v>0</v>
      </c>
      <c r="L25662" t="s">
        <v>120</v>
      </c>
      <c r="M25662" t="s">
        <v>83</v>
      </c>
      <c r="N25662" t="s">
        <v>84</v>
      </c>
      <c r="O25662" t="s">
        <v>85</v>
      </c>
      <c r="P25662" t="s">
        <v>86</v>
      </c>
      <c r="Q25662">
        <v>12</v>
      </c>
      <c r="R25662">
        <v>13</v>
      </c>
      <c r="S25662">
        <v>13</v>
      </c>
      <c r="T25662">
        <v>13</v>
      </c>
      <c r="U25662">
        <v>14</v>
      </c>
      <c r="V25662">
        <v>14</v>
      </c>
      <c r="W25662">
        <v>14</v>
      </c>
      <c r="X25662">
        <v>15</v>
      </c>
      <c r="Y25662">
        <v>15</v>
      </c>
      <c r="Z25662">
        <v>15</v>
      </c>
      <c r="AA25662">
        <v>16</v>
      </c>
      <c r="AB25662">
        <v>16</v>
      </c>
      <c r="AC25662">
        <v>16</v>
      </c>
      <c r="AD25662">
        <v>17</v>
      </c>
      <c r="AE25662">
        <v>17</v>
      </c>
      <c r="AF25662">
        <v>17</v>
      </c>
      <c r="AG25662">
        <v>18</v>
      </c>
      <c r="AH25662">
        <v>18</v>
      </c>
      <c r="AI25662">
        <v>18</v>
      </c>
      <c r="AJ25662">
        <v>19</v>
      </c>
      <c r="AK25662">
        <v>19</v>
      </c>
      <c r="AL25662">
        <v>19</v>
      </c>
      <c r="AM25662">
        <v>20</v>
      </c>
      <c r="AN25662">
        <v>20</v>
      </c>
      <c r="AO25662">
        <v>20</v>
      </c>
      <c r="AP25662">
        <v>20</v>
      </c>
      <c r="AQ25662">
        <v>20</v>
      </c>
    </row>
    <row r="25663" spans="1:43">
      <c r="A25663" t="s">
        <v>15879</v>
      </c>
      <c r="B25663" t="s">
        <v>15880</v>
      </c>
      <c r="C25663" t="s">
        <v>15871</v>
      </c>
      <c r="D25663" t="s">
        <v>15872</v>
      </c>
      <c r="E25663" t="s">
        <v>15699</v>
      </c>
      <c r="F25663" t="s">
        <v>15700</v>
      </c>
      <c r="G25663" t="s">
        <v>10734</v>
      </c>
      <c r="H25663" t="s">
        <v>10735</v>
      </c>
      <c r="I25663" s="2">
        <v>1</v>
      </c>
      <c r="J25663" s="2">
        <v>0</v>
      </c>
      <c r="K25663" s="2">
        <v>0</v>
      </c>
      <c r="L25663" t="s">
        <v>120</v>
      </c>
      <c r="M25663" t="s">
        <v>87</v>
      </c>
      <c r="N25663" t="s">
        <v>88</v>
      </c>
      <c r="O25663" t="s">
        <v>85</v>
      </c>
      <c r="P25663" t="s">
        <v>86</v>
      </c>
      <c r="Q25663">
        <v>12</v>
      </c>
      <c r="R25663">
        <v>12</v>
      </c>
      <c r="S25663">
        <v>13</v>
      </c>
      <c r="T25663">
        <v>13</v>
      </c>
      <c r="U25663">
        <v>13</v>
      </c>
      <c r="V25663">
        <v>13</v>
      </c>
      <c r="W25663">
        <v>13</v>
      </c>
      <c r="X25663">
        <v>14</v>
      </c>
      <c r="Y25663">
        <v>14</v>
      </c>
      <c r="Z25663">
        <v>14</v>
      </c>
      <c r="AA25663">
        <v>14</v>
      </c>
      <c r="AB25663">
        <v>14</v>
      </c>
      <c r="AC25663">
        <v>15</v>
      </c>
      <c r="AD25663">
        <v>15</v>
      </c>
      <c r="AE25663">
        <v>15</v>
      </c>
      <c r="AF25663">
        <v>15</v>
      </c>
      <c r="AG25663">
        <v>15</v>
      </c>
      <c r="AH25663">
        <v>16</v>
      </c>
      <c r="AI25663">
        <v>16</v>
      </c>
      <c r="AJ25663">
        <v>16</v>
      </c>
      <c r="AK25663">
        <v>16</v>
      </c>
      <c r="AL25663">
        <v>17</v>
      </c>
      <c r="AM25663">
        <v>17</v>
      </c>
      <c r="AN25663">
        <v>17</v>
      </c>
      <c r="AO25663">
        <v>17</v>
      </c>
      <c r="AP25663">
        <v>18</v>
      </c>
      <c r="AQ25663">
        <v>18</v>
      </c>
    </row>
    <row r="25664" spans="1:43">
      <c r="A25664" t="s">
        <v>15879</v>
      </c>
      <c r="B25664" t="s">
        <v>15880</v>
      </c>
      <c r="C25664" t="s">
        <v>15871</v>
      </c>
      <c r="D25664" t="s">
        <v>15872</v>
      </c>
      <c r="E25664" t="s">
        <v>15699</v>
      </c>
      <c r="F25664" t="s">
        <v>15700</v>
      </c>
      <c r="G25664" t="s">
        <v>10734</v>
      </c>
      <c r="H25664" t="s">
        <v>10735</v>
      </c>
      <c r="I25664" s="2">
        <v>1</v>
      </c>
      <c r="J25664" s="2">
        <v>0</v>
      </c>
      <c r="K25664" s="2">
        <v>0</v>
      </c>
      <c r="L25664" t="s">
        <v>120</v>
      </c>
      <c r="M25664" t="s">
        <v>89</v>
      </c>
      <c r="N25664" t="s">
        <v>90</v>
      </c>
      <c r="O25664" t="s">
        <v>85</v>
      </c>
      <c r="P25664" t="s">
        <v>86</v>
      </c>
      <c r="Q25664">
        <v>12</v>
      </c>
      <c r="R25664">
        <v>12</v>
      </c>
      <c r="S25664">
        <v>12</v>
      </c>
      <c r="T25664">
        <v>13</v>
      </c>
      <c r="U25664">
        <v>13</v>
      </c>
      <c r="V25664">
        <v>14</v>
      </c>
      <c r="W25664">
        <v>14</v>
      </c>
      <c r="X25664">
        <v>14</v>
      </c>
      <c r="Y25664">
        <v>15</v>
      </c>
      <c r="Z25664">
        <v>15</v>
      </c>
      <c r="AA25664">
        <v>15</v>
      </c>
      <c r="AB25664">
        <v>16</v>
      </c>
      <c r="AC25664">
        <v>16</v>
      </c>
      <c r="AD25664">
        <v>17</v>
      </c>
      <c r="AE25664">
        <v>17</v>
      </c>
      <c r="AF25664">
        <v>17</v>
      </c>
      <c r="AG25664">
        <v>17</v>
      </c>
      <c r="AH25664">
        <v>18</v>
      </c>
      <c r="AI25664">
        <v>18</v>
      </c>
      <c r="AJ25664">
        <v>18</v>
      </c>
      <c r="AK25664">
        <v>18</v>
      </c>
      <c r="AL25664">
        <v>18</v>
      </c>
      <c r="AM25664">
        <v>19</v>
      </c>
      <c r="AN25664">
        <v>19</v>
      </c>
      <c r="AO25664">
        <v>19</v>
      </c>
      <c r="AP25664">
        <v>19</v>
      </c>
      <c r="AQ25664">
        <v>20</v>
      </c>
    </row>
    <row r="25665" spans="1:43">
      <c r="A25665" t="s">
        <v>15879</v>
      </c>
      <c r="B25665" t="s">
        <v>15880</v>
      </c>
      <c r="C25665" t="s">
        <v>15871</v>
      </c>
      <c r="D25665" t="s">
        <v>15872</v>
      </c>
      <c r="E25665" t="s">
        <v>15699</v>
      </c>
      <c r="F25665" t="s">
        <v>15700</v>
      </c>
      <c r="G25665" t="s">
        <v>10734</v>
      </c>
      <c r="H25665" t="s">
        <v>10735</v>
      </c>
      <c r="I25665" s="2">
        <v>1</v>
      </c>
      <c r="J25665" s="2">
        <v>0</v>
      </c>
      <c r="K25665" s="2">
        <v>0</v>
      </c>
      <c r="L25665" t="s">
        <v>120</v>
      </c>
      <c r="M25665" t="s">
        <v>83</v>
      </c>
      <c r="N25665" t="s">
        <v>91</v>
      </c>
      <c r="O25665" t="s">
        <v>85</v>
      </c>
      <c r="P25665" t="s">
        <v>86</v>
      </c>
      <c r="Q25665">
        <v>12</v>
      </c>
      <c r="R25665">
        <v>13</v>
      </c>
      <c r="S25665">
        <v>13</v>
      </c>
      <c r="T25665">
        <v>13</v>
      </c>
      <c r="U25665">
        <v>14</v>
      </c>
      <c r="V25665">
        <v>14</v>
      </c>
      <c r="W25665">
        <v>14</v>
      </c>
      <c r="X25665">
        <v>15</v>
      </c>
      <c r="Y25665">
        <v>15</v>
      </c>
      <c r="Z25665">
        <v>15</v>
      </c>
      <c r="AA25665">
        <v>16</v>
      </c>
      <c r="AB25665">
        <v>16</v>
      </c>
      <c r="AC25665">
        <v>16</v>
      </c>
      <c r="AD25665">
        <v>17</v>
      </c>
      <c r="AE25665">
        <v>17</v>
      </c>
      <c r="AF25665">
        <v>17</v>
      </c>
      <c r="AG25665">
        <v>18</v>
      </c>
      <c r="AH25665">
        <v>18</v>
      </c>
      <c r="AI25665">
        <v>18</v>
      </c>
      <c r="AJ25665">
        <v>19</v>
      </c>
      <c r="AK25665">
        <v>19</v>
      </c>
      <c r="AL25665">
        <v>19</v>
      </c>
      <c r="AM25665">
        <v>20</v>
      </c>
      <c r="AN25665">
        <v>20</v>
      </c>
      <c r="AO25665">
        <v>20</v>
      </c>
      <c r="AP25665">
        <v>20</v>
      </c>
      <c r="AQ25665">
        <v>20</v>
      </c>
    </row>
    <row r="25666" spans="1:43">
      <c r="A25666" t="s">
        <v>15881</v>
      </c>
      <c r="B25666" t="s">
        <v>15882</v>
      </c>
      <c r="C25666" t="s">
        <v>15871</v>
      </c>
      <c r="D25666" t="s">
        <v>15872</v>
      </c>
      <c r="E25666" t="s">
        <v>15699</v>
      </c>
      <c r="F25666" t="s">
        <v>15700</v>
      </c>
      <c r="G25666" t="s">
        <v>10734</v>
      </c>
      <c r="H25666" t="s">
        <v>10735</v>
      </c>
      <c r="I25666" s="2">
        <v>1</v>
      </c>
      <c r="J25666" s="2">
        <v>0</v>
      </c>
      <c r="K25666" s="2">
        <v>0</v>
      </c>
      <c r="L25666" t="s">
        <v>120</v>
      </c>
      <c r="M25666" t="s">
        <v>83</v>
      </c>
      <c r="N25666" t="s">
        <v>84</v>
      </c>
      <c r="O25666" t="s">
        <v>85</v>
      </c>
      <c r="P25666" t="s">
        <v>86</v>
      </c>
      <c r="Q25666">
        <v>23</v>
      </c>
      <c r="R25666">
        <v>23</v>
      </c>
      <c r="S25666">
        <v>24</v>
      </c>
      <c r="T25666">
        <v>25</v>
      </c>
      <c r="U25666">
        <v>25</v>
      </c>
      <c r="V25666">
        <v>26</v>
      </c>
      <c r="W25666">
        <v>26</v>
      </c>
      <c r="X25666">
        <v>27</v>
      </c>
      <c r="Y25666">
        <v>27</v>
      </c>
      <c r="Z25666">
        <v>28</v>
      </c>
      <c r="AA25666">
        <v>29</v>
      </c>
      <c r="AB25666">
        <v>29</v>
      </c>
      <c r="AC25666">
        <v>30</v>
      </c>
      <c r="AD25666">
        <v>30</v>
      </c>
      <c r="AE25666">
        <v>31</v>
      </c>
      <c r="AF25666">
        <v>32</v>
      </c>
      <c r="AG25666">
        <v>32</v>
      </c>
      <c r="AH25666">
        <v>33</v>
      </c>
      <c r="AI25666">
        <v>34</v>
      </c>
      <c r="AJ25666">
        <v>34</v>
      </c>
      <c r="AK25666">
        <v>35</v>
      </c>
      <c r="AL25666">
        <v>36</v>
      </c>
      <c r="AM25666">
        <v>36</v>
      </c>
      <c r="AN25666">
        <v>36</v>
      </c>
      <c r="AO25666">
        <v>37</v>
      </c>
      <c r="AP25666">
        <v>37</v>
      </c>
      <c r="AQ25666">
        <v>38</v>
      </c>
    </row>
    <row r="25667" spans="1:43">
      <c r="A25667" t="s">
        <v>15881</v>
      </c>
      <c r="B25667" t="s">
        <v>15882</v>
      </c>
      <c r="C25667" t="s">
        <v>15871</v>
      </c>
      <c r="D25667" t="s">
        <v>15872</v>
      </c>
      <c r="E25667" t="s">
        <v>15699</v>
      </c>
      <c r="F25667" t="s">
        <v>15700</v>
      </c>
      <c r="G25667" t="s">
        <v>10734</v>
      </c>
      <c r="H25667" t="s">
        <v>10735</v>
      </c>
      <c r="I25667" s="2">
        <v>1</v>
      </c>
      <c r="J25667" s="2">
        <v>0</v>
      </c>
      <c r="K25667" s="2">
        <v>0</v>
      </c>
      <c r="L25667" t="s">
        <v>120</v>
      </c>
      <c r="M25667" t="s">
        <v>87</v>
      </c>
      <c r="N25667" t="s">
        <v>88</v>
      </c>
      <c r="O25667" t="s">
        <v>85</v>
      </c>
      <c r="P25667" t="s">
        <v>86</v>
      </c>
      <c r="Q25667">
        <v>23</v>
      </c>
      <c r="R25667">
        <v>23</v>
      </c>
      <c r="S25667">
        <v>23</v>
      </c>
      <c r="T25667">
        <v>24</v>
      </c>
      <c r="U25667">
        <v>24</v>
      </c>
      <c r="V25667">
        <v>24</v>
      </c>
      <c r="W25667">
        <v>25</v>
      </c>
      <c r="X25667">
        <v>25</v>
      </c>
      <c r="Y25667">
        <v>25</v>
      </c>
      <c r="Z25667">
        <v>26</v>
      </c>
      <c r="AA25667">
        <v>26</v>
      </c>
      <c r="AB25667">
        <v>26</v>
      </c>
      <c r="AC25667">
        <v>27</v>
      </c>
      <c r="AD25667">
        <v>27</v>
      </c>
      <c r="AE25667">
        <v>28</v>
      </c>
      <c r="AF25667">
        <v>28</v>
      </c>
      <c r="AG25667">
        <v>28</v>
      </c>
      <c r="AH25667">
        <v>29</v>
      </c>
      <c r="AI25667">
        <v>29</v>
      </c>
      <c r="AJ25667">
        <v>30</v>
      </c>
      <c r="AK25667">
        <v>30</v>
      </c>
      <c r="AL25667">
        <v>31</v>
      </c>
      <c r="AM25667">
        <v>31</v>
      </c>
      <c r="AN25667">
        <v>31</v>
      </c>
      <c r="AO25667">
        <v>32</v>
      </c>
      <c r="AP25667">
        <v>32</v>
      </c>
      <c r="AQ25667">
        <v>33</v>
      </c>
    </row>
    <row r="25668" spans="1:43">
      <c r="A25668" t="s">
        <v>15881</v>
      </c>
      <c r="B25668" t="s">
        <v>15882</v>
      </c>
      <c r="C25668" t="s">
        <v>15871</v>
      </c>
      <c r="D25668" t="s">
        <v>15872</v>
      </c>
      <c r="E25668" t="s">
        <v>15699</v>
      </c>
      <c r="F25668" t="s">
        <v>15700</v>
      </c>
      <c r="G25668" t="s">
        <v>10734</v>
      </c>
      <c r="H25668" t="s">
        <v>10735</v>
      </c>
      <c r="I25668" s="2">
        <v>1</v>
      </c>
      <c r="J25668" s="2">
        <v>0</v>
      </c>
      <c r="K25668" s="2">
        <v>0</v>
      </c>
      <c r="L25668" t="s">
        <v>120</v>
      </c>
      <c r="M25668" t="s">
        <v>89</v>
      </c>
      <c r="N25668" t="s">
        <v>90</v>
      </c>
      <c r="O25668" t="s">
        <v>85</v>
      </c>
      <c r="P25668" t="s">
        <v>86</v>
      </c>
      <c r="Q25668">
        <v>23</v>
      </c>
      <c r="R25668">
        <v>24</v>
      </c>
      <c r="S25668">
        <v>25</v>
      </c>
      <c r="T25668">
        <v>25</v>
      </c>
      <c r="U25668">
        <v>26</v>
      </c>
      <c r="V25668">
        <v>27</v>
      </c>
      <c r="W25668">
        <v>27</v>
      </c>
      <c r="X25668">
        <v>28</v>
      </c>
      <c r="Y25668">
        <v>29</v>
      </c>
      <c r="Z25668">
        <v>30</v>
      </c>
      <c r="AA25668">
        <v>30</v>
      </c>
      <c r="AB25668">
        <v>31</v>
      </c>
      <c r="AC25668">
        <v>32</v>
      </c>
      <c r="AD25668">
        <v>33</v>
      </c>
      <c r="AE25668">
        <v>33</v>
      </c>
      <c r="AF25668">
        <v>34</v>
      </c>
      <c r="AG25668">
        <v>34</v>
      </c>
      <c r="AH25668">
        <v>34</v>
      </c>
      <c r="AI25668">
        <v>35</v>
      </c>
      <c r="AJ25668">
        <v>35</v>
      </c>
      <c r="AK25668">
        <v>35</v>
      </c>
      <c r="AL25668">
        <v>36</v>
      </c>
      <c r="AM25668">
        <v>36</v>
      </c>
      <c r="AN25668">
        <v>37</v>
      </c>
      <c r="AO25668">
        <v>37</v>
      </c>
      <c r="AP25668">
        <v>37</v>
      </c>
      <c r="AQ25668">
        <v>38</v>
      </c>
    </row>
    <row r="25669" spans="1:43">
      <c r="A25669" t="s">
        <v>15881</v>
      </c>
      <c r="B25669" t="s">
        <v>15882</v>
      </c>
      <c r="C25669" t="s">
        <v>15871</v>
      </c>
      <c r="D25669" t="s">
        <v>15872</v>
      </c>
      <c r="E25669" t="s">
        <v>15699</v>
      </c>
      <c r="F25669" t="s">
        <v>15700</v>
      </c>
      <c r="G25669" t="s">
        <v>10734</v>
      </c>
      <c r="H25669" t="s">
        <v>10735</v>
      </c>
      <c r="I25669" s="2">
        <v>1</v>
      </c>
      <c r="J25669" s="2">
        <v>0</v>
      </c>
      <c r="K25669" s="2">
        <v>0</v>
      </c>
      <c r="L25669" t="s">
        <v>120</v>
      </c>
      <c r="M25669" t="s">
        <v>83</v>
      </c>
      <c r="N25669" t="s">
        <v>91</v>
      </c>
      <c r="O25669" t="s">
        <v>85</v>
      </c>
      <c r="P25669" t="s">
        <v>86</v>
      </c>
      <c r="Q25669">
        <v>23</v>
      </c>
      <c r="R25669">
        <v>23</v>
      </c>
      <c r="S25669">
        <v>24</v>
      </c>
      <c r="T25669">
        <v>25</v>
      </c>
      <c r="U25669">
        <v>25</v>
      </c>
      <c r="V25669">
        <v>26</v>
      </c>
      <c r="W25669">
        <v>26</v>
      </c>
      <c r="X25669">
        <v>27</v>
      </c>
      <c r="Y25669">
        <v>27</v>
      </c>
      <c r="Z25669">
        <v>28</v>
      </c>
      <c r="AA25669">
        <v>29</v>
      </c>
      <c r="AB25669">
        <v>29</v>
      </c>
      <c r="AC25669">
        <v>30</v>
      </c>
      <c r="AD25669">
        <v>30</v>
      </c>
      <c r="AE25669">
        <v>31</v>
      </c>
      <c r="AF25669">
        <v>32</v>
      </c>
      <c r="AG25669">
        <v>32</v>
      </c>
      <c r="AH25669">
        <v>33</v>
      </c>
      <c r="AI25669">
        <v>34</v>
      </c>
      <c r="AJ25669">
        <v>34</v>
      </c>
      <c r="AK25669">
        <v>35</v>
      </c>
      <c r="AL25669">
        <v>36</v>
      </c>
      <c r="AM25669">
        <v>36</v>
      </c>
      <c r="AN25669">
        <v>36</v>
      </c>
      <c r="AO25669">
        <v>37</v>
      </c>
      <c r="AP25669">
        <v>37</v>
      </c>
      <c r="AQ25669">
        <v>38</v>
      </c>
    </row>
    <row r="25670" spans="1:43">
      <c r="A25670" t="s">
        <v>15883</v>
      </c>
      <c r="B25670" t="s">
        <v>15884</v>
      </c>
      <c r="C25670" t="s">
        <v>15861</v>
      </c>
      <c r="D25670" t="s">
        <v>15862</v>
      </c>
      <c r="E25670" t="s">
        <v>15699</v>
      </c>
      <c r="F25670" t="s">
        <v>15700</v>
      </c>
      <c r="G25670" t="s">
        <v>10734</v>
      </c>
      <c r="H25670" t="s">
        <v>10735</v>
      </c>
      <c r="I25670" s="2">
        <v>1</v>
      </c>
      <c r="J25670" s="2">
        <v>0</v>
      </c>
      <c r="K25670" s="2">
        <v>0</v>
      </c>
      <c r="L25670" t="s">
        <v>120</v>
      </c>
      <c r="M25670" t="s">
        <v>83</v>
      </c>
      <c r="N25670" t="s">
        <v>84</v>
      </c>
      <c r="O25670" t="s">
        <v>85</v>
      </c>
      <c r="P25670" t="s">
        <v>86</v>
      </c>
      <c r="Q25670">
        <v>75</v>
      </c>
      <c r="R25670">
        <v>77</v>
      </c>
      <c r="S25670">
        <v>78</v>
      </c>
      <c r="T25670">
        <v>80</v>
      </c>
      <c r="U25670">
        <v>82</v>
      </c>
      <c r="V25670">
        <v>84</v>
      </c>
      <c r="W25670">
        <v>86</v>
      </c>
      <c r="X25670">
        <v>88</v>
      </c>
      <c r="Y25670">
        <v>90</v>
      </c>
      <c r="Z25670">
        <v>91</v>
      </c>
      <c r="AA25670">
        <v>93</v>
      </c>
      <c r="AB25670">
        <v>95</v>
      </c>
      <c r="AC25670">
        <v>97</v>
      </c>
      <c r="AD25670">
        <v>99</v>
      </c>
      <c r="AE25670">
        <v>101</v>
      </c>
      <c r="AF25670">
        <v>104</v>
      </c>
      <c r="AG25670">
        <v>106</v>
      </c>
      <c r="AH25670">
        <v>108</v>
      </c>
      <c r="AI25670">
        <v>110</v>
      </c>
      <c r="AJ25670">
        <v>112</v>
      </c>
      <c r="AK25670">
        <v>115</v>
      </c>
      <c r="AL25670">
        <v>116</v>
      </c>
      <c r="AM25670">
        <v>118</v>
      </c>
      <c r="AN25670">
        <v>119</v>
      </c>
      <c r="AO25670">
        <v>120</v>
      </c>
      <c r="AP25670">
        <v>122</v>
      </c>
      <c r="AQ25670">
        <v>123</v>
      </c>
    </row>
    <row r="25671" spans="1:43">
      <c r="A25671" t="s">
        <v>15883</v>
      </c>
      <c r="B25671" t="s">
        <v>15884</v>
      </c>
      <c r="C25671" t="s">
        <v>15861</v>
      </c>
      <c r="D25671" t="s">
        <v>15862</v>
      </c>
      <c r="E25671" t="s">
        <v>15699</v>
      </c>
      <c r="F25671" t="s">
        <v>15700</v>
      </c>
      <c r="G25671" t="s">
        <v>10734</v>
      </c>
      <c r="H25671" t="s">
        <v>10735</v>
      </c>
      <c r="I25671" s="2">
        <v>1</v>
      </c>
      <c r="J25671" s="2">
        <v>0</v>
      </c>
      <c r="K25671" s="2">
        <v>0</v>
      </c>
      <c r="L25671" t="s">
        <v>120</v>
      </c>
      <c r="M25671" t="s">
        <v>87</v>
      </c>
      <c r="N25671" t="s">
        <v>88</v>
      </c>
      <c r="O25671" t="s">
        <v>85</v>
      </c>
      <c r="P25671" t="s">
        <v>86</v>
      </c>
      <c r="Q25671">
        <v>75</v>
      </c>
      <c r="R25671">
        <v>76</v>
      </c>
      <c r="S25671">
        <v>77</v>
      </c>
      <c r="T25671">
        <v>78</v>
      </c>
      <c r="U25671">
        <v>79</v>
      </c>
      <c r="V25671">
        <v>80</v>
      </c>
      <c r="W25671">
        <v>82</v>
      </c>
      <c r="X25671">
        <v>83</v>
      </c>
      <c r="Y25671">
        <v>84</v>
      </c>
      <c r="Z25671">
        <v>85</v>
      </c>
      <c r="AA25671">
        <v>86</v>
      </c>
      <c r="AB25671">
        <v>87</v>
      </c>
      <c r="AC25671">
        <v>89</v>
      </c>
      <c r="AD25671">
        <v>90</v>
      </c>
      <c r="AE25671">
        <v>91</v>
      </c>
      <c r="AF25671">
        <v>92</v>
      </c>
      <c r="AG25671">
        <v>94</v>
      </c>
      <c r="AH25671">
        <v>95</v>
      </c>
      <c r="AI25671">
        <v>96</v>
      </c>
      <c r="AJ25671">
        <v>98</v>
      </c>
      <c r="AK25671">
        <v>99</v>
      </c>
      <c r="AL25671">
        <v>101</v>
      </c>
      <c r="AM25671">
        <v>102</v>
      </c>
      <c r="AN25671">
        <v>104</v>
      </c>
      <c r="AO25671">
        <v>105</v>
      </c>
      <c r="AP25671">
        <v>107</v>
      </c>
      <c r="AQ25671">
        <v>108</v>
      </c>
    </row>
    <row r="25672" spans="1:43">
      <c r="A25672" t="s">
        <v>15883</v>
      </c>
      <c r="B25672" t="s">
        <v>15884</v>
      </c>
      <c r="C25672" t="s">
        <v>15861</v>
      </c>
      <c r="D25672" t="s">
        <v>15862</v>
      </c>
      <c r="E25672" t="s">
        <v>15699</v>
      </c>
      <c r="F25672" t="s">
        <v>15700</v>
      </c>
      <c r="G25672" t="s">
        <v>10734</v>
      </c>
      <c r="H25672" t="s">
        <v>10735</v>
      </c>
      <c r="I25672" s="2">
        <v>1</v>
      </c>
      <c r="J25672" s="2">
        <v>0</v>
      </c>
      <c r="K25672" s="2">
        <v>0</v>
      </c>
      <c r="L25672" t="s">
        <v>120</v>
      </c>
      <c r="M25672" t="s">
        <v>89</v>
      </c>
      <c r="N25672" t="s">
        <v>90</v>
      </c>
      <c r="O25672" t="s">
        <v>85</v>
      </c>
      <c r="P25672" t="s">
        <v>86</v>
      </c>
      <c r="Q25672">
        <v>75</v>
      </c>
      <c r="R25672">
        <v>78</v>
      </c>
      <c r="S25672">
        <v>80</v>
      </c>
      <c r="T25672">
        <v>83</v>
      </c>
      <c r="U25672">
        <v>85</v>
      </c>
      <c r="V25672">
        <v>88</v>
      </c>
      <c r="W25672">
        <v>90</v>
      </c>
      <c r="X25672">
        <v>92</v>
      </c>
      <c r="Y25672">
        <v>95</v>
      </c>
      <c r="Z25672">
        <v>97</v>
      </c>
      <c r="AA25672">
        <v>99</v>
      </c>
      <c r="AB25672">
        <v>102</v>
      </c>
      <c r="AC25672">
        <v>104</v>
      </c>
      <c r="AD25672">
        <v>107</v>
      </c>
      <c r="AE25672">
        <v>109</v>
      </c>
      <c r="AF25672">
        <v>110</v>
      </c>
      <c r="AG25672">
        <v>111</v>
      </c>
      <c r="AH25672">
        <v>112</v>
      </c>
      <c r="AI25672">
        <v>114</v>
      </c>
      <c r="AJ25672">
        <v>115</v>
      </c>
      <c r="AK25672">
        <v>116</v>
      </c>
      <c r="AL25672">
        <v>117</v>
      </c>
      <c r="AM25672">
        <v>119</v>
      </c>
      <c r="AN25672">
        <v>120</v>
      </c>
      <c r="AO25672">
        <v>122</v>
      </c>
      <c r="AP25672">
        <v>123</v>
      </c>
      <c r="AQ25672">
        <v>124</v>
      </c>
    </row>
    <row r="25673" spans="1:43">
      <c r="A25673" t="s">
        <v>15883</v>
      </c>
      <c r="B25673" t="s">
        <v>15884</v>
      </c>
      <c r="C25673" t="s">
        <v>15861</v>
      </c>
      <c r="D25673" t="s">
        <v>15862</v>
      </c>
      <c r="E25673" t="s">
        <v>15699</v>
      </c>
      <c r="F25673" t="s">
        <v>15700</v>
      </c>
      <c r="G25673" t="s">
        <v>10734</v>
      </c>
      <c r="H25673" t="s">
        <v>10735</v>
      </c>
      <c r="I25673" s="2">
        <v>1</v>
      </c>
      <c r="J25673" s="2">
        <v>0</v>
      </c>
      <c r="K25673" s="2">
        <v>0</v>
      </c>
      <c r="L25673" t="s">
        <v>120</v>
      </c>
      <c r="M25673" t="s">
        <v>83</v>
      </c>
      <c r="N25673" t="s">
        <v>91</v>
      </c>
      <c r="O25673" t="s">
        <v>85</v>
      </c>
      <c r="P25673" t="s">
        <v>86</v>
      </c>
      <c r="Q25673">
        <v>75</v>
      </c>
      <c r="R25673">
        <v>77</v>
      </c>
      <c r="S25673">
        <v>78</v>
      </c>
      <c r="T25673">
        <v>80</v>
      </c>
      <c r="U25673">
        <v>82</v>
      </c>
      <c r="V25673">
        <v>84</v>
      </c>
      <c r="W25673">
        <v>86</v>
      </c>
      <c r="X25673">
        <v>88</v>
      </c>
      <c r="Y25673">
        <v>90</v>
      </c>
      <c r="Z25673">
        <v>91</v>
      </c>
      <c r="AA25673">
        <v>93</v>
      </c>
      <c r="AB25673">
        <v>95</v>
      </c>
      <c r="AC25673">
        <v>97</v>
      </c>
      <c r="AD25673">
        <v>99</v>
      </c>
      <c r="AE25673">
        <v>101</v>
      </c>
      <c r="AF25673">
        <v>104</v>
      </c>
      <c r="AG25673">
        <v>106</v>
      </c>
      <c r="AH25673">
        <v>108</v>
      </c>
      <c r="AI25673">
        <v>110</v>
      </c>
      <c r="AJ25673">
        <v>112</v>
      </c>
      <c r="AK25673">
        <v>115</v>
      </c>
      <c r="AL25673">
        <v>116</v>
      </c>
      <c r="AM25673">
        <v>118</v>
      </c>
      <c r="AN25673">
        <v>119</v>
      </c>
      <c r="AO25673">
        <v>120</v>
      </c>
      <c r="AP25673">
        <v>122</v>
      </c>
      <c r="AQ25673">
        <v>123</v>
      </c>
    </row>
    <row r="25674" spans="1:43">
      <c r="A25674" t="s">
        <v>15885</v>
      </c>
      <c r="B25674" t="s">
        <v>15886</v>
      </c>
      <c r="C25674" t="s">
        <v>15857</v>
      </c>
      <c r="D25674" t="s">
        <v>15858</v>
      </c>
      <c r="E25674" t="s">
        <v>15699</v>
      </c>
      <c r="F25674" t="s">
        <v>15700</v>
      </c>
      <c r="G25674" t="s">
        <v>10734</v>
      </c>
      <c r="H25674" t="s">
        <v>10735</v>
      </c>
      <c r="I25674" s="2">
        <v>1</v>
      </c>
      <c r="J25674" s="2">
        <v>0</v>
      </c>
      <c r="K25674" s="2">
        <v>0</v>
      </c>
      <c r="L25674" t="s">
        <v>120</v>
      </c>
      <c r="M25674" t="s">
        <v>83</v>
      </c>
      <c r="N25674" t="s">
        <v>84</v>
      </c>
      <c r="O25674" t="s">
        <v>85</v>
      </c>
      <c r="P25674" t="s">
        <v>86</v>
      </c>
      <c r="Q25674">
        <v>113</v>
      </c>
      <c r="R25674">
        <v>116</v>
      </c>
      <c r="S25674">
        <v>119</v>
      </c>
      <c r="T25674">
        <v>122</v>
      </c>
      <c r="U25674">
        <v>124</v>
      </c>
      <c r="V25674">
        <v>127</v>
      </c>
      <c r="W25674">
        <v>130</v>
      </c>
      <c r="X25674">
        <v>133</v>
      </c>
      <c r="Y25674">
        <v>136</v>
      </c>
      <c r="Z25674">
        <v>139</v>
      </c>
      <c r="AA25674">
        <v>141</v>
      </c>
      <c r="AB25674">
        <v>144</v>
      </c>
      <c r="AC25674">
        <v>147</v>
      </c>
      <c r="AD25674">
        <v>151</v>
      </c>
      <c r="AE25674">
        <v>154</v>
      </c>
      <c r="AF25674">
        <v>157</v>
      </c>
      <c r="AG25674">
        <v>160</v>
      </c>
      <c r="AH25674">
        <v>163</v>
      </c>
      <c r="AI25674">
        <v>167</v>
      </c>
      <c r="AJ25674">
        <v>170</v>
      </c>
      <c r="AK25674">
        <v>174</v>
      </c>
      <c r="AL25674">
        <v>176</v>
      </c>
      <c r="AM25674">
        <v>178</v>
      </c>
      <c r="AN25674">
        <v>180</v>
      </c>
      <c r="AO25674">
        <v>183</v>
      </c>
      <c r="AP25674">
        <v>185</v>
      </c>
      <c r="AQ25674">
        <v>187</v>
      </c>
    </row>
    <row r="25675" spans="1:43">
      <c r="A25675" t="s">
        <v>15885</v>
      </c>
      <c r="B25675" t="s">
        <v>15886</v>
      </c>
      <c r="C25675" t="s">
        <v>15857</v>
      </c>
      <c r="D25675" t="s">
        <v>15858</v>
      </c>
      <c r="E25675" t="s">
        <v>15699</v>
      </c>
      <c r="F25675" t="s">
        <v>15700</v>
      </c>
      <c r="G25675" t="s">
        <v>10734</v>
      </c>
      <c r="H25675" t="s">
        <v>10735</v>
      </c>
      <c r="I25675" s="2">
        <v>1</v>
      </c>
      <c r="J25675" s="2">
        <v>0</v>
      </c>
      <c r="K25675" s="2">
        <v>0</v>
      </c>
      <c r="L25675" t="s">
        <v>120</v>
      </c>
      <c r="M25675" t="s">
        <v>87</v>
      </c>
      <c r="N25675" t="s">
        <v>88</v>
      </c>
      <c r="O25675" t="s">
        <v>85</v>
      </c>
      <c r="P25675" t="s">
        <v>86</v>
      </c>
      <c r="Q25675">
        <v>113</v>
      </c>
      <c r="R25675">
        <v>115</v>
      </c>
      <c r="S25675">
        <v>117</v>
      </c>
      <c r="T25675">
        <v>118</v>
      </c>
      <c r="U25675">
        <v>120</v>
      </c>
      <c r="V25675">
        <v>121</v>
      </c>
      <c r="W25675">
        <v>123</v>
      </c>
      <c r="X25675">
        <v>125</v>
      </c>
      <c r="Y25675">
        <v>127</v>
      </c>
      <c r="Z25675">
        <v>128</v>
      </c>
      <c r="AA25675">
        <v>130</v>
      </c>
      <c r="AB25675">
        <v>132</v>
      </c>
      <c r="AC25675">
        <v>134</v>
      </c>
      <c r="AD25675">
        <v>136</v>
      </c>
      <c r="AE25675">
        <v>137</v>
      </c>
      <c r="AF25675">
        <v>139</v>
      </c>
      <c r="AG25675">
        <v>141</v>
      </c>
      <c r="AH25675">
        <v>143</v>
      </c>
      <c r="AI25675">
        <v>145</v>
      </c>
      <c r="AJ25675">
        <v>148</v>
      </c>
      <c r="AK25675">
        <v>150</v>
      </c>
      <c r="AL25675">
        <v>152</v>
      </c>
      <c r="AM25675">
        <v>154</v>
      </c>
      <c r="AN25675">
        <v>156</v>
      </c>
      <c r="AO25675">
        <v>159</v>
      </c>
      <c r="AP25675">
        <v>161</v>
      </c>
      <c r="AQ25675">
        <v>163</v>
      </c>
    </row>
    <row r="25676" spans="1:43">
      <c r="A25676" t="s">
        <v>15885</v>
      </c>
      <c r="B25676" t="s">
        <v>15886</v>
      </c>
      <c r="C25676" t="s">
        <v>15857</v>
      </c>
      <c r="D25676" t="s">
        <v>15858</v>
      </c>
      <c r="E25676" t="s">
        <v>15699</v>
      </c>
      <c r="F25676" t="s">
        <v>15700</v>
      </c>
      <c r="G25676" t="s">
        <v>10734</v>
      </c>
      <c r="H25676" t="s">
        <v>10735</v>
      </c>
      <c r="I25676" s="2">
        <v>1</v>
      </c>
      <c r="J25676" s="2">
        <v>0</v>
      </c>
      <c r="K25676" s="2">
        <v>0</v>
      </c>
      <c r="L25676" t="s">
        <v>120</v>
      </c>
      <c r="M25676" t="s">
        <v>89</v>
      </c>
      <c r="N25676" t="s">
        <v>90</v>
      </c>
      <c r="O25676" t="s">
        <v>85</v>
      </c>
      <c r="P25676" t="s">
        <v>86</v>
      </c>
      <c r="Q25676">
        <v>113</v>
      </c>
      <c r="R25676">
        <v>117</v>
      </c>
      <c r="S25676">
        <v>121</v>
      </c>
      <c r="T25676">
        <v>125</v>
      </c>
      <c r="U25676">
        <v>128</v>
      </c>
      <c r="V25676">
        <v>132</v>
      </c>
      <c r="W25676">
        <v>135</v>
      </c>
      <c r="X25676">
        <v>139</v>
      </c>
      <c r="Y25676">
        <v>142</v>
      </c>
      <c r="Z25676">
        <v>146</v>
      </c>
      <c r="AA25676">
        <v>149</v>
      </c>
      <c r="AB25676">
        <v>153</v>
      </c>
      <c r="AC25676">
        <v>157</v>
      </c>
      <c r="AD25676">
        <v>161</v>
      </c>
      <c r="AE25676">
        <v>164</v>
      </c>
      <c r="AF25676">
        <v>166</v>
      </c>
      <c r="AG25676">
        <v>167</v>
      </c>
      <c r="AH25676">
        <v>169</v>
      </c>
      <c r="AI25676">
        <v>171</v>
      </c>
      <c r="AJ25676">
        <v>173</v>
      </c>
      <c r="AK25676">
        <v>175</v>
      </c>
      <c r="AL25676">
        <v>177</v>
      </c>
      <c r="AM25676">
        <v>179</v>
      </c>
      <c r="AN25676">
        <v>181</v>
      </c>
      <c r="AO25676">
        <v>183</v>
      </c>
      <c r="AP25676">
        <v>185</v>
      </c>
      <c r="AQ25676">
        <v>188</v>
      </c>
    </row>
    <row r="25677" spans="1:43">
      <c r="A25677" t="s">
        <v>15885</v>
      </c>
      <c r="B25677" t="s">
        <v>15886</v>
      </c>
      <c r="C25677" t="s">
        <v>15857</v>
      </c>
      <c r="D25677" t="s">
        <v>15858</v>
      </c>
      <c r="E25677" t="s">
        <v>15699</v>
      </c>
      <c r="F25677" t="s">
        <v>15700</v>
      </c>
      <c r="G25677" t="s">
        <v>10734</v>
      </c>
      <c r="H25677" t="s">
        <v>10735</v>
      </c>
      <c r="I25677" s="2">
        <v>1</v>
      </c>
      <c r="J25677" s="2">
        <v>0</v>
      </c>
      <c r="K25677" s="2">
        <v>0</v>
      </c>
      <c r="L25677" t="s">
        <v>120</v>
      </c>
      <c r="M25677" t="s">
        <v>83</v>
      </c>
      <c r="N25677" t="s">
        <v>91</v>
      </c>
      <c r="O25677" t="s">
        <v>85</v>
      </c>
      <c r="P25677" t="s">
        <v>86</v>
      </c>
      <c r="Q25677">
        <v>113</v>
      </c>
      <c r="R25677">
        <v>116</v>
      </c>
      <c r="S25677">
        <v>119</v>
      </c>
      <c r="T25677">
        <v>122</v>
      </c>
      <c r="U25677">
        <v>124</v>
      </c>
      <c r="V25677">
        <v>127</v>
      </c>
      <c r="W25677">
        <v>130</v>
      </c>
      <c r="X25677">
        <v>133</v>
      </c>
      <c r="Y25677">
        <v>136</v>
      </c>
      <c r="Z25677">
        <v>139</v>
      </c>
      <c r="AA25677">
        <v>141</v>
      </c>
      <c r="AB25677">
        <v>144</v>
      </c>
      <c r="AC25677">
        <v>147</v>
      </c>
      <c r="AD25677">
        <v>151</v>
      </c>
      <c r="AE25677">
        <v>154</v>
      </c>
      <c r="AF25677">
        <v>157</v>
      </c>
      <c r="AG25677">
        <v>160</v>
      </c>
      <c r="AH25677">
        <v>163</v>
      </c>
      <c r="AI25677">
        <v>167</v>
      </c>
      <c r="AJ25677">
        <v>170</v>
      </c>
      <c r="AK25677">
        <v>174</v>
      </c>
      <c r="AL25677">
        <v>176</v>
      </c>
      <c r="AM25677">
        <v>178</v>
      </c>
      <c r="AN25677">
        <v>180</v>
      </c>
      <c r="AO25677">
        <v>183</v>
      </c>
      <c r="AP25677">
        <v>185</v>
      </c>
      <c r="AQ25677">
        <v>187</v>
      </c>
    </row>
    <row r="25678" spans="1:43">
      <c r="A25678" t="s">
        <v>15887</v>
      </c>
      <c r="B25678" t="s">
        <v>15888</v>
      </c>
      <c r="C25678" t="s">
        <v>15889</v>
      </c>
      <c r="D25678" t="s">
        <v>15890</v>
      </c>
      <c r="E25678" t="s">
        <v>15891</v>
      </c>
      <c r="F25678" t="s">
        <v>15892</v>
      </c>
      <c r="G25678" t="s">
        <v>10734</v>
      </c>
      <c r="H25678" t="s">
        <v>10735</v>
      </c>
      <c r="I25678" s="2">
        <v>1</v>
      </c>
      <c r="J25678" s="2">
        <v>0</v>
      </c>
      <c r="K25678" s="2">
        <v>0</v>
      </c>
      <c r="L25678" t="s">
        <v>120</v>
      </c>
      <c r="M25678" t="s">
        <v>83</v>
      </c>
      <c r="N25678" t="s">
        <v>84</v>
      </c>
      <c r="O25678" t="s">
        <v>85</v>
      </c>
      <c r="P25678" t="s">
        <v>86</v>
      </c>
      <c r="Q25678">
        <v>14</v>
      </c>
      <c r="R25678">
        <v>14</v>
      </c>
      <c r="S25678">
        <v>14</v>
      </c>
      <c r="T25678">
        <v>15</v>
      </c>
      <c r="U25678">
        <v>15</v>
      </c>
      <c r="V25678">
        <v>15</v>
      </c>
      <c r="W25678">
        <v>15</v>
      </c>
      <c r="X25678">
        <v>15</v>
      </c>
      <c r="Y25678">
        <v>15</v>
      </c>
      <c r="Z25678">
        <v>15</v>
      </c>
      <c r="AA25678">
        <v>15</v>
      </c>
      <c r="AB25678">
        <v>15</v>
      </c>
      <c r="AC25678">
        <v>15</v>
      </c>
      <c r="AD25678">
        <v>15</v>
      </c>
      <c r="AE25678">
        <v>16</v>
      </c>
      <c r="AF25678">
        <v>16</v>
      </c>
      <c r="AG25678">
        <v>16</v>
      </c>
      <c r="AH25678">
        <v>16</v>
      </c>
      <c r="AI25678">
        <v>16</v>
      </c>
      <c r="AJ25678">
        <v>16</v>
      </c>
      <c r="AK25678">
        <v>16</v>
      </c>
      <c r="AL25678">
        <v>16</v>
      </c>
      <c r="AM25678">
        <v>16</v>
      </c>
      <c r="AN25678">
        <v>16</v>
      </c>
      <c r="AO25678">
        <v>16</v>
      </c>
      <c r="AP25678">
        <v>16</v>
      </c>
      <c r="AQ25678">
        <v>16</v>
      </c>
    </row>
    <row r="25679" spans="1:43">
      <c r="A25679" t="s">
        <v>15887</v>
      </c>
      <c r="B25679" t="s">
        <v>15888</v>
      </c>
      <c r="C25679" t="s">
        <v>15889</v>
      </c>
      <c r="D25679" t="s">
        <v>15890</v>
      </c>
      <c r="E25679" t="s">
        <v>15891</v>
      </c>
      <c r="F25679" t="s">
        <v>15892</v>
      </c>
      <c r="G25679" t="s">
        <v>10734</v>
      </c>
      <c r="H25679" t="s">
        <v>10735</v>
      </c>
      <c r="I25679" s="2">
        <v>1</v>
      </c>
      <c r="J25679" s="2">
        <v>0</v>
      </c>
      <c r="K25679" s="2">
        <v>0</v>
      </c>
      <c r="L25679" t="s">
        <v>120</v>
      </c>
      <c r="M25679" t="s">
        <v>87</v>
      </c>
      <c r="N25679" t="s">
        <v>88</v>
      </c>
      <c r="O25679" t="s">
        <v>85</v>
      </c>
      <c r="P25679" t="s">
        <v>86</v>
      </c>
      <c r="Q25679">
        <v>14</v>
      </c>
      <c r="R25679">
        <v>14</v>
      </c>
      <c r="S25679">
        <v>14</v>
      </c>
      <c r="T25679">
        <v>14</v>
      </c>
      <c r="U25679">
        <v>14</v>
      </c>
      <c r="V25679">
        <v>14</v>
      </c>
      <c r="W25679">
        <v>14</v>
      </c>
      <c r="X25679">
        <v>14</v>
      </c>
      <c r="Y25679">
        <v>14</v>
      </c>
      <c r="Z25679">
        <v>14</v>
      </c>
      <c r="AA25679">
        <v>14</v>
      </c>
      <c r="AB25679">
        <v>14</v>
      </c>
      <c r="AC25679">
        <v>14</v>
      </c>
      <c r="AD25679">
        <v>14</v>
      </c>
      <c r="AE25679">
        <v>14</v>
      </c>
      <c r="AF25679">
        <v>14</v>
      </c>
      <c r="AG25679">
        <v>14</v>
      </c>
      <c r="AH25679">
        <v>14</v>
      </c>
      <c r="AI25679">
        <v>14</v>
      </c>
      <c r="AJ25679">
        <v>14</v>
      </c>
      <c r="AK25679">
        <v>14</v>
      </c>
      <c r="AL25679">
        <v>14</v>
      </c>
      <c r="AM25679">
        <v>14</v>
      </c>
      <c r="AN25679">
        <v>14</v>
      </c>
      <c r="AO25679">
        <v>14</v>
      </c>
      <c r="AP25679">
        <v>14</v>
      </c>
      <c r="AQ25679">
        <v>14</v>
      </c>
    </row>
    <row r="25680" spans="1:43">
      <c r="A25680" t="s">
        <v>15887</v>
      </c>
      <c r="B25680" t="s">
        <v>15888</v>
      </c>
      <c r="C25680" t="s">
        <v>15889</v>
      </c>
      <c r="D25680" t="s">
        <v>15890</v>
      </c>
      <c r="E25680" t="s">
        <v>15891</v>
      </c>
      <c r="F25680" t="s">
        <v>15892</v>
      </c>
      <c r="G25680" t="s">
        <v>10734</v>
      </c>
      <c r="H25680" t="s">
        <v>10735</v>
      </c>
      <c r="I25680" s="2">
        <v>1</v>
      </c>
      <c r="J25680" s="2">
        <v>0</v>
      </c>
      <c r="K25680" s="2">
        <v>0</v>
      </c>
      <c r="L25680" t="s">
        <v>120</v>
      </c>
      <c r="M25680" t="s">
        <v>89</v>
      </c>
      <c r="N25680" t="s">
        <v>90</v>
      </c>
      <c r="O25680" t="s">
        <v>85</v>
      </c>
      <c r="P25680" t="s">
        <v>86</v>
      </c>
      <c r="Q25680">
        <v>14</v>
      </c>
      <c r="R25680">
        <v>15</v>
      </c>
      <c r="S25680">
        <v>15</v>
      </c>
      <c r="T25680">
        <v>15</v>
      </c>
      <c r="U25680">
        <v>15</v>
      </c>
      <c r="V25680">
        <v>15</v>
      </c>
      <c r="W25680">
        <v>16</v>
      </c>
      <c r="X25680">
        <v>16</v>
      </c>
      <c r="Y25680">
        <v>16</v>
      </c>
      <c r="Z25680">
        <v>16</v>
      </c>
      <c r="AA25680">
        <v>16</v>
      </c>
      <c r="AB25680">
        <v>16</v>
      </c>
      <c r="AC25680">
        <v>16</v>
      </c>
      <c r="AD25680">
        <v>17</v>
      </c>
      <c r="AE25680">
        <v>17</v>
      </c>
      <c r="AF25680">
        <v>17</v>
      </c>
      <c r="AG25680">
        <v>16</v>
      </c>
      <c r="AH25680">
        <v>16</v>
      </c>
      <c r="AI25680">
        <v>16</v>
      </c>
      <c r="AJ25680">
        <v>16</v>
      </c>
      <c r="AK25680">
        <v>16</v>
      </c>
      <c r="AL25680">
        <v>16</v>
      </c>
      <c r="AM25680">
        <v>16</v>
      </c>
      <c r="AN25680">
        <v>16</v>
      </c>
      <c r="AO25680">
        <v>16</v>
      </c>
      <c r="AP25680">
        <v>16</v>
      </c>
      <c r="AQ25680">
        <v>16</v>
      </c>
    </row>
    <row r="25681" spans="1:43">
      <c r="A25681" t="s">
        <v>15887</v>
      </c>
      <c r="B25681" t="s">
        <v>15888</v>
      </c>
      <c r="C25681" t="s">
        <v>15889</v>
      </c>
      <c r="D25681" t="s">
        <v>15890</v>
      </c>
      <c r="E25681" t="s">
        <v>15891</v>
      </c>
      <c r="F25681" t="s">
        <v>15892</v>
      </c>
      <c r="G25681" t="s">
        <v>10734</v>
      </c>
      <c r="H25681" t="s">
        <v>10735</v>
      </c>
      <c r="I25681" s="2">
        <v>1</v>
      </c>
      <c r="J25681" s="2">
        <v>0</v>
      </c>
      <c r="K25681" s="2">
        <v>0</v>
      </c>
      <c r="L25681" t="s">
        <v>120</v>
      </c>
      <c r="M25681" t="s">
        <v>83</v>
      </c>
      <c r="N25681" t="s">
        <v>91</v>
      </c>
      <c r="O25681" t="s">
        <v>85</v>
      </c>
      <c r="P25681" t="s">
        <v>86</v>
      </c>
      <c r="Q25681">
        <v>14</v>
      </c>
      <c r="R25681">
        <v>14</v>
      </c>
      <c r="S25681">
        <v>14</v>
      </c>
      <c r="T25681">
        <v>15</v>
      </c>
      <c r="U25681">
        <v>15</v>
      </c>
      <c r="V25681">
        <v>15</v>
      </c>
      <c r="W25681">
        <v>15</v>
      </c>
      <c r="X25681">
        <v>15</v>
      </c>
      <c r="Y25681">
        <v>15</v>
      </c>
      <c r="Z25681">
        <v>15</v>
      </c>
      <c r="AA25681">
        <v>15</v>
      </c>
      <c r="AB25681">
        <v>15</v>
      </c>
      <c r="AC25681">
        <v>15</v>
      </c>
      <c r="AD25681">
        <v>15</v>
      </c>
      <c r="AE25681">
        <v>16</v>
      </c>
      <c r="AF25681">
        <v>16</v>
      </c>
      <c r="AG25681">
        <v>16</v>
      </c>
      <c r="AH25681">
        <v>16</v>
      </c>
      <c r="AI25681">
        <v>16</v>
      </c>
      <c r="AJ25681">
        <v>16</v>
      </c>
      <c r="AK25681">
        <v>16</v>
      </c>
      <c r="AL25681">
        <v>16</v>
      </c>
      <c r="AM25681">
        <v>16</v>
      </c>
      <c r="AN25681">
        <v>16</v>
      </c>
      <c r="AO25681">
        <v>16</v>
      </c>
      <c r="AP25681">
        <v>16</v>
      </c>
      <c r="AQ25681">
        <v>16</v>
      </c>
    </row>
    <row r="25682" spans="1:43">
      <c r="A25682" t="s">
        <v>15893</v>
      </c>
      <c r="B25682" t="s">
        <v>15894</v>
      </c>
      <c r="C25682" t="s">
        <v>15889</v>
      </c>
      <c r="D25682" t="s">
        <v>15890</v>
      </c>
      <c r="E25682" t="s">
        <v>15891</v>
      </c>
      <c r="F25682" t="s">
        <v>15892</v>
      </c>
      <c r="G25682" t="s">
        <v>10734</v>
      </c>
      <c r="H25682" t="s">
        <v>10735</v>
      </c>
      <c r="I25682" s="2">
        <v>1</v>
      </c>
      <c r="J25682" s="2">
        <v>0</v>
      </c>
      <c r="K25682" s="2">
        <v>0</v>
      </c>
      <c r="L25682" t="s">
        <v>120</v>
      </c>
      <c r="M25682" t="s">
        <v>83</v>
      </c>
      <c r="N25682" t="s">
        <v>84</v>
      </c>
      <c r="O25682" t="s">
        <v>85</v>
      </c>
      <c r="P25682" t="s">
        <v>86</v>
      </c>
      <c r="Q25682">
        <v>14</v>
      </c>
      <c r="R25682">
        <v>14</v>
      </c>
      <c r="S25682">
        <v>15</v>
      </c>
      <c r="T25682">
        <v>15</v>
      </c>
      <c r="U25682">
        <v>15</v>
      </c>
      <c r="V25682">
        <v>15</v>
      </c>
      <c r="W25682">
        <v>15</v>
      </c>
      <c r="X25682">
        <v>15</v>
      </c>
      <c r="Y25682">
        <v>15</v>
      </c>
      <c r="Z25682">
        <v>15</v>
      </c>
      <c r="AA25682">
        <v>15</v>
      </c>
      <c r="AB25682">
        <v>15</v>
      </c>
      <c r="AC25682">
        <v>16</v>
      </c>
      <c r="AD25682">
        <v>16</v>
      </c>
      <c r="AE25682">
        <v>16</v>
      </c>
      <c r="AF25682">
        <v>16</v>
      </c>
      <c r="AG25682">
        <v>16</v>
      </c>
      <c r="AH25682">
        <v>16</v>
      </c>
      <c r="AI25682">
        <v>16</v>
      </c>
      <c r="AJ25682">
        <v>16</v>
      </c>
      <c r="AK25682">
        <v>16</v>
      </c>
      <c r="AL25682">
        <v>16</v>
      </c>
      <c r="AM25682">
        <v>16</v>
      </c>
      <c r="AN25682">
        <v>16</v>
      </c>
      <c r="AO25682">
        <v>16</v>
      </c>
      <c r="AP25682">
        <v>16</v>
      </c>
      <c r="AQ25682">
        <v>16</v>
      </c>
    </row>
    <row r="25683" spans="1:43">
      <c r="A25683" t="s">
        <v>15893</v>
      </c>
      <c r="B25683" t="s">
        <v>15894</v>
      </c>
      <c r="C25683" t="s">
        <v>15889</v>
      </c>
      <c r="D25683" t="s">
        <v>15890</v>
      </c>
      <c r="E25683" t="s">
        <v>15891</v>
      </c>
      <c r="F25683" t="s">
        <v>15892</v>
      </c>
      <c r="G25683" t="s">
        <v>10734</v>
      </c>
      <c r="H25683" t="s">
        <v>10735</v>
      </c>
      <c r="I25683" s="2">
        <v>1</v>
      </c>
      <c r="J25683" s="2">
        <v>0</v>
      </c>
      <c r="K25683" s="2">
        <v>0</v>
      </c>
      <c r="L25683" t="s">
        <v>120</v>
      </c>
      <c r="M25683" t="s">
        <v>87</v>
      </c>
      <c r="N25683" t="s">
        <v>88</v>
      </c>
      <c r="O25683" t="s">
        <v>85</v>
      </c>
      <c r="P25683" t="s">
        <v>86</v>
      </c>
      <c r="Q25683">
        <v>14</v>
      </c>
      <c r="R25683">
        <v>14</v>
      </c>
      <c r="S25683">
        <v>14</v>
      </c>
      <c r="T25683">
        <v>14</v>
      </c>
      <c r="U25683">
        <v>14</v>
      </c>
      <c r="V25683">
        <v>14</v>
      </c>
      <c r="W25683">
        <v>14</v>
      </c>
      <c r="X25683">
        <v>14</v>
      </c>
      <c r="Y25683">
        <v>14</v>
      </c>
      <c r="Z25683">
        <v>14</v>
      </c>
      <c r="AA25683">
        <v>14</v>
      </c>
      <c r="AB25683">
        <v>14</v>
      </c>
      <c r="AC25683">
        <v>14</v>
      </c>
      <c r="AD25683">
        <v>14</v>
      </c>
      <c r="AE25683">
        <v>14</v>
      </c>
      <c r="AF25683">
        <v>14</v>
      </c>
      <c r="AG25683">
        <v>14</v>
      </c>
      <c r="AH25683">
        <v>14</v>
      </c>
      <c r="AI25683">
        <v>14</v>
      </c>
      <c r="AJ25683">
        <v>14</v>
      </c>
      <c r="AK25683">
        <v>14</v>
      </c>
      <c r="AL25683">
        <v>14</v>
      </c>
      <c r="AM25683">
        <v>14</v>
      </c>
      <c r="AN25683">
        <v>14</v>
      </c>
      <c r="AO25683">
        <v>14</v>
      </c>
      <c r="AP25683">
        <v>14</v>
      </c>
      <c r="AQ25683">
        <v>14</v>
      </c>
    </row>
    <row r="25684" spans="1:43">
      <c r="A25684" t="s">
        <v>15893</v>
      </c>
      <c r="B25684" t="s">
        <v>15894</v>
      </c>
      <c r="C25684" t="s">
        <v>15889</v>
      </c>
      <c r="D25684" t="s">
        <v>15890</v>
      </c>
      <c r="E25684" t="s">
        <v>15891</v>
      </c>
      <c r="F25684" t="s">
        <v>15892</v>
      </c>
      <c r="G25684" t="s">
        <v>10734</v>
      </c>
      <c r="H25684" t="s">
        <v>10735</v>
      </c>
      <c r="I25684" s="2">
        <v>1</v>
      </c>
      <c r="J25684" s="2">
        <v>0</v>
      </c>
      <c r="K25684" s="2">
        <v>0</v>
      </c>
      <c r="L25684" t="s">
        <v>120</v>
      </c>
      <c r="M25684" t="s">
        <v>89</v>
      </c>
      <c r="N25684" t="s">
        <v>90</v>
      </c>
      <c r="O25684" t="s">
        <v>85</v>
      </c>
      <c r="P25684" t="s">
        <v>86</v>
      </c>
      <c r="Q25684">
        <v>14</v>
      </c>
      <c r="R25684">
        <v>15</v>
      </c>
      <c r="S25684">
        <v>15</v>
      </c>
      <c r="T25684">
        <v>15</v>
      </c>
      <c r="U25684">
        <v>15</v>
      </c>
      <c r="V25684">
        <v>16</v>
      </c>
      <c r="W25684">
        <v>16</v>
      </c>
      <c r="X25684">
        <v>16</v>
      </c>
      <c r="Y25684">
        <v>16</v>
      </c>
      <c r="Z25684">
        <v>16</v>
      </c>
      <c r="AA25684">
        <v>16</v>
      </c>
      <c r="AB25684">
        <v>16</v>
      </c>
      <c r="AC25684">
        <v>17</v>
      </c>
      <c r="AD25684">
        <v>17</v>
      </c>
      <c r="AE25684">
        <v>17</v>
      </c>
      <c r="AF25684">
        <v>17</v>
      </c>
      <c r="AG25684">
        <v>17</v>
      </c>
      <c r="AH25684">
        <v>17</v>
      </c>
      <c r="AI25684">
        <v>16</v>
      </c>
      <c r="AJ25684">
        <v>16</v>
      </c>
      <c r="AK25684">
        <v>16</v>
      </c>
      <c r="AL25684">
        <v>16</v>
      </c>
      <c r="AM25684">
        <v>16</v>
      </c>
      <c r="AN25684">
        <v>16</v>
      </c>
      <c r="AO25684">
        <v>16</v>
      </c>
      <c r="AP25684">
        <v>16</v>
      </c>
      <c r="AQ25684">
        <v>16</v>
      </c>
    </row>
    <row r="25685" spans="1:43">
      <c r="A25685" t="s">
        <v>15893</v>
      </c>
      <c r="B25685" t="s">
        <v>15894</v>
      </c>
      <c r="C25685" t="s">
        <v>15889</v>
      </c>
      <c r="D25685" t="s">
        <v>15890</v>
      </c>
      <c r="E25685" t="s">
        <v>15891</v>
      </c>
      <c r="F25685" t="s">
        <v>15892</v>
      </c>
      <c r="G25685" t="s">
        <v>10734</v>
      </c>
      <c r="H25685" t="s">
        <v>10735</v>
      </c>
      <c r="I25685" s="2">
        <v>1</v>
      </c>
      <c r="J25685" s="2">
        <v>0</v>
      </c>
      <c r="K25685" s="2">
        <v>0</v>
      </c>
      <c r="L25685" t="s">
        <v>120</v>
      </c>
      <c r="M25685" t="s">
        <v>83</v>
      </c>
      <c r="N25685" t="s">
        <v>91</v>
      </c>
      <c r="O25685" t="s">
        <v>85</v>
      </c>
      <c r="P25685" t="s">
        <v>86</v>
      </c>
      <c r="Q25685">
        <v>14</v>
      </c>
      <c r="R25685">
        <v>14</v>
      </c>
      <c r="S25685">
        <v>15</v>
      </c>
      <c r="T25685">
        <v>15</v>
      </c>
      <c r="U25685">
        <v>15</v>
      </c>
      <c r="V25685">
        <v>15</v>
      </c>
      <c r="W25685">
        <v>15</v>
      </c>
      <c r="X25685">
        <v>15</v>
      </c>
      <c r="Y25685">
        <v>15</v>
      </c>
      <c r="Z25685">
        <v>15</v>
      </c>
      <c r="AA25685">
        <v>15</v>
      </c>
      <c r="AB25685">
        <v>15</v>
      </c>
      <c r="AC25685">
        <v>16</v>
      </c>
      <c r="AD25685">
        <v>16</v>
      </c>
      <c r="AE25685">
        <v>16</v>
      </c>
      <c r="AF25685">
        <v>16</v>
      </c>
      <c r="AG25685">
        <v>16</v>
      </c>
      <c r="AH25685">
        <v>16</v>
      </c>
      <c r="AI25685">
        <v>16</v>
      </c>
      <c r="AJ25685">
        <v>16</v>
      </c>
      <c r="AK25685">
        <v>16</v>
      </c>
      <c r="AL25685">
        <v>16</v>
      </c>
      <c r="AM25685">
        <v>16</v>
      </c>
      <c r="AN25685">
        <v>16</v>
      </c>
      <c r="AO25685">
        <v>16</v>
      </c>
      <c r="AP25685">
        <v>16</v>
      </c>
      <c r="AQ25685">
        <v>16</v>
      </c>
    </row>
    <row r="25686" spans="1:43">
      <c r="A25686" t="s">
        <v>15895</v>
      </c>
      <c r="B25686" t="s">
        <v>15896</v>
      </c>
      <c r="C25686" t="s">
        <v>15897</v>
      </c>
      <c r="D25686" t="s">
        <v>15898</v>
      </c>
      <c r="E25686" t="s">
        <v>15891</v>
      </c>
      <c r="F25686" t="s">
        <v>15892</v>
      </c>
      <c r="G25686" t="s">
        <v>10734</v>
      </c>
      <c r="H25686" t="s">
        <v>10735</v>
      </c>
      <c r="I25686" s="2">
        <v>1</v>
      </c>
      <c r="J25686" s="2">
        <v>0</v>
      </c>
      <c r="K25686" s="2">
        <v>0</v>
      </c>
      <c r="L25686" t="s">
        <v>120</v>
      </c>
      <c r="M25686" t="s">
        <v>83</v>
      </c>
      <c r="N25686" t="s">
        <v>84</v>
      </c>
      <c r="O25686" t="s">
        <v>85</v>
      </c>
      <c r="P25686" t="s">
        <v>86</v>
      </c>
      <c r="Q25686">
        <v>6</v>
      </c>
      <c r="R25686">
        <v>7</v>
      </c>
      <c r="S25686">
        <v>7</v>
      </c>
      <c r="T25686">
        <v>7</v>
      </c>
      <c r="U25686">
        <v>7</v>
      </c>
      <c r="V25686">
        <v>7</v>
      </c>
      <c r="W25686">
        <v>7</v>
      </c>
      <c r="X25686">
        <v>7</v>
      </c>
      <c r="Y25686">
        <v>7</v>
      </c>
      <c r="Z25686">
        <v>7</v>
      </c>
      <c r="AA25686">
        <v>7</v>
      </c>
      <c r="AB25686">
        <v>7</v>
      </c>
      <c r="AC25686">
        <v>7</v>
      </c>
      <c r="AD25686">
        <v>7</v>
      </c>
      <c r="AE25686">
        <v>7</v>
      </c>
      <c r="AF25686">
        <v>7</v>
      </c>
      <c r="AG25686">
        <v>7</v>
      </c>
      <c r="AH25686">
        <v>7</v>
      </c>
      <c r="AI25686">
        <v>7</v>
      </c>
      <c r="AJ25686">
        <v>7</v>
      </c>
      <c r="AK25686">
        <v>7</v>
      </c>
      <c r="AL25686">
        <v>7</v>
      </c>
      <c r="AM25686">
        <v>7</v>
      </c>
      <c r="AN25686">
        <v>7</v>
      </c>
      <c r="AO25686">
        <v>7</v>
      </c>
      <c r="AP25686">
        <v>7</v>
      </c>
      <c r="AQ25686">
        <v>7</v>
      </c>
    </row>
    <row r="25687" spans="1:43">
      <c r="A25687" t="s">
        <v>15895</v>
      </c>
      <c r="B25687" t="s">
        <v>15896</v>
      </c>
      <c r="C25687" t="s">
        <v>15897</v>
      </c>
      <c r="D25687" t="s">
        <v>15898</v>
      </c>
      <c r="E25687" t="s">
        <v>15891</v>
      </c>
      <c r="F25687" t="s">
        <v>15892</v>
      </c>
      <c r="G25687" t="s">
        <v>10734</v>
      </c>
      <c r="H25687" t="s">
        <v>10735</v>
      </c>
      <c r="I25687" s="2">
        <v>1</v>
      </c>
      <c r="J25687" s="2">
        <v>0</v>
      </c>
      <c r="K25687" s="2">
        <v>0</v>
      </c>
      <c r="L25687" t="s">
        <v>120</v>
      </c>
      <c r="M25687" t="s">
        <v>87</v>
      </c>
      <c r="N25687" t="s">
        <v>88</v>
      </c>
      <c r="O25687" t="s">
        <v>85</v>
      </c>
      <c r="P25687" t="s">
        <v>86</v>
      </c>
      <c r="Q25687">
        <v>6</v>
      </c>
      <c r="R25687">
        <v>6</v>
      </c>
      <c r="S25687">
        <v>6</v>
      </c>
      <c r="T25687">
        <v>6</v>
      </c>
      <c r="U25687">
        <v>6</v>
      </c>
      <c r="V25687">
        <v>6</v>
      </c>
      <c r="W25687">
        <v>6</v>
      </c>
      <c r="X25687">
        <v>6</v>
      </c>
      <c r="Y25687">
        <v>6</v>
      </c>
      <c r="Z25687">
        <v>6</v>
      </c>
      <c r="AA25687">
        <v>6</v>
      </c>
      <c r="AB25687">
        <v>6</v>
      </c>
      <c r="AC25687">
        <v>6</v>
      </c>
      <c r="AD25687">
        <v>6</v>
      </c>
      <c r="AE25687">
        <v>6</v>
      </c>
      <c r="AF25687">
        <v>6</v>
      </c>
      <c r="AG25687">
        <v>6</v>
      </c>
      <c r="AH25687">
        <v>6</v>
      </c>
      <c r="AI25687">
        <v>6</v>
      </c>
      <c r="AJ25687">
        <v>6</v>
      </c>
      <c r="AK25687">
        <v>6</v>
      </c>
      <c r="AL25687">
        <v>6</v>
      </c>
      <c r="AM25687">
        <v>6</v>
      </c>
      <c r="AN25687">
        <v>6</v>
      </c>
      <c r="AO25687">
        <v>6</v>
      </c>
      <c r="AP25687">
        <v>6</v>
      </c>
      <c r="AQ25687">
        <v>6</v>
      </c>
    </row>
    <row r="25688" spans="1:43">
      <c r="A25688" t="s">
        <v>15895</v>
      </c>
      <c r="B25688" t="s">
        <v>15896</v>
      </c>
      <c r="C25688" t="s">
        <v>15897</v>
      </c>
      <c r="D25688" t="s">
        <v>15898</v>
      </c>
      <c r="E25688" t="s">
        <v>15891</v>
      </c>
      <c r="F25688" t="s">
        <v>15892</v>
      </c>
      <c r="G25688" t="s">
        <v>10734</v>
      </c>
      <c r="H25688" t="s">
        <v>10735</v>
      </c>
      <c r="I25688" s="2">
        <v>1</v>
      </c>
      <c r="J25688" s="2">
        <v>0</v>
      </c>
      <c r="K25688" s="2">
        <v>0</v>
      </c>
      <c r="L25688" t="s">
        <v>120</v>
      </c>
      <c r="M25688" t="s">
        <v>89</v>
      </c>
      <c r="N25688" t="s">
        <v>90</v>
      </c>
      <c r="O25688" t="s">
        <v>85</v>
      </c>
      <c r="P25688" t="s">
        <v>86</v>
      </c>
      <c r="Q25688">
        <v>6</v>
      </c>
      <c r="R25688">
        <v>6</v>
      </c>
      <c r="S25688">
        <v>6</v>
      </c>
      <c r="T25688">
        <v>6</v>
      </c>
      <c r="U25688">
        <v>6</v>
      </c>
      <c r="V25688">
        <v>6</v>
      </c>
      <c r="W25688">
        <v>6</v>
      </c>
      <c r="X25688">
        <v>6</v>
      </c>
      <c r="Y25688">
        <v>6</v>
      </c>
      <c r="Z25688">
        <v>6</v>
      </c>
      <c r="AA25688">
        <v>6</v>
      </c>
      <c r="AB25688">
        <v>6</v>
      </c>
      <c r="AC25688">
        <v>7</v>
      </c>
      <c r="AD25688">
        <v>7</v>
      </c>
      <c r="AE25688">
        <v>7</v>
      </c>
      <c r="AF25688">
        <v>7</v>
      </c>
      <c r="AG25688">
        <v>7</v>
      </c>
      <c r="AH25688">
        <v>7</v>
      </c>
      <c r="AI25688">
        <v>6</v>
      </c>
      <c r="AJ25688">
        <v>6</v>
      </c>
      <c r="AK25688">
        <v>6</v>
      </c>
      <c r="AL25688">
        <v>6</v>
      </c>
      <c r="AM25688">
        <v>6</v>
      </c>
      <c r="AN25688">
        <v>6</v>
      </c>
      <c r="AO25688">
        <v>6</v>
      </c>
      <c r="AP25688">
        <v>6</v>
      </c>
      <c r="AQ25688">
        <v>6</v>
      </c>
    </row>
    <row r="25689" spans="1:43">
      <c r="A25689" t="s">
        <v>15895</v>
      </c>
      <c r="B25689" t="s">
        <v>15896</v>
      </c>
      <c r="C25689" t="s">
        <v>15897</v>
      </c>
      <c r="D25689" t="s">
        <v>15898</v>
      </c>
      <c r="E25689" t="s">
        <v>15891</v>
      </c>
      <c r="F25689" t="s">
        <v>15892</v>
      </c>
      <c r="G25689" t="s">
        <v>10734</v>
      </c>
      <c r="H25689" t="s">
        <v>10735</v>
      </c>
      <c r="I25689" s="2">
        <v>1</v>
      </c>
      <c r="J25689" s="2">
        <v>0</v>
      </c>
      <c r="K25689" s="2">
        <v>0</v>
      </c>
      <c r="L25689" t="s">
        <v>120</v>
      </c>
      <c r="M25689" t="s">
        <v>83</v>
      </c>
      <c r="N25689" t="s">
        <v>91</v>
      </c>
      <c r="O25689" t="s">
        <v>85</v>
      </c>
      <c r="P25689" t="s">
        <v>86</v>
      </c>
      <c r="Q25689">
        <v>6</v>
      </c>
      <c r="R25689">
        <v>7</v>
      </c>
      <c r="S25689">
        <v>7</v>
      </c>
      <c r="T25689">
        <v>7</v>
      </c>
      <c r="U25689">
        <v>7</v>
      </c>
      <c r="V25689">
        <v>7</v>
      </c>
      <c r="W25689">
        <v>7</v>
      </c>
      <c r="X25689">
        <v>7</v>
      </c>
      <c r="Y25689">
        <v>7</v>
      </c>
      <c r="Z25689">
        <v>7</v>
      </c>
      <c r="AA25689">
        <v>7</v>
      </c>
      <c r="AB25689">
        <v>7</v>
      </c>
      <c r="AC25689">
        <v>7</v>
      </c>
      <c r="AD25689">
        <v>7</v>
      </c>
      <c r="AE25689">
        <v>7</v>
      </c>
      <c r="AF25689">
        <v>7</v>
      </c>
      <c r="AG25689">
        <v>7</v>
      </c>
      <c r="AH25689">
        <v>7</v>
      </c>
      <c r="AI25689">
        <v>7</v>
      </c>
      <c r="AJ25689">
        <v>7</v>
      </c>
      <c r="AK25689">
        <v>7</v>
      </c>
      <c r="AL25689">
        <v>7</v>
      </c>
      <c r="AM25689">
        <v>7</v>
      </c>
      <c r="AN25689">
        <v>7</v>
      </c>
      <c r="AO25689">
        <v>7</v>
      </c>
      <c r="AP25689">
        <v>7</v>
      </c>
      <c r="AQ25689">
        <v>7</v>
      </c>
    </row>
    <row r="25690" spans="1:43">
      <c r="A25690" t="s">
        <v>15899</v>
      </c>
      <c r="B25690" t="s">
        <v>15900</v>
      </c>
      <c r="C25690" t="s">
        <v>15889</v>
      </c>
      <c r="D25690" t="s">
        <v>15890</v>
      </c>
      <c r="E25690" t="s">
        <v>15891</v>
      </c>
      <c r="F25690" t="s">
        <v>15892</v>
      </c>
      <c r="G25690" t="s">
        <v>10734</v>
      </c>
      <c r="H25690" t="s">
        <v>10735</v>
      </c>
      <c r="I25690" s="2">
        <v>1</v>
      </c>
      <c r="J25690" s="2">
        <v>0</v>
      </c>
      <c r="K25690" s="2">
        <v>0</v>
      </c>
      <c r="L25690" t="s">
        <v>120</v>
      </c>
      <c r="M25690" t="s">
        <v>83</v>
      </c>
      <c r="N25690" t="s">
        <v>84</v>
      </c>
      <c r="O25690" t="s">
        <v>85</v>
      </c>
      <c r="P25690" t="s">
        <v>86</v>
      </c>
      <c r="Q25690">
        <v>14</v>
      </c>
      <c r="R25690">
        <v>14</v>
      </c>
      <c r="S25690">
        <v>15</v>
      </c>
      <c r="T25690">
        <v>15</v>
      </c>
      <c r="U25690">
        <v>15</v>
      </c>
      <c r="V25690">
        <v>15</v>
      </c>
      <c r="W25690">
        <v>15</v>
      </c>
      <c r="X25690">
        <v>15</v>
      </c>
      <c r="Y25690">
        <v>15</v>
      </c>
      <c r="Z25690">
        <v>15</v>
      </c>
      <c r="AA25690">
        <v>15</v>
      </c>
      <c r="AB25690">
        <v>16</v>
      </c>
      <c r="AC25690">
        <v>16</v>
      </c>
      <c r="AD25690">
        <v>16</v>
      </c>
      <c r="AE25690">
        <v>16</v>
      </c>
      <c r="AF25690">
        <v>16</v>
      </c>
      <c r="AG25690">
        <v>16</v>
      </c>
      <c r="AH25690">
        <v>16</v>
      </c>
      <c r="AI25690">
        <v>16</v>
      </c>
      <c r="AJ25690">
        <v>16</v>
      </c>
      <c r="AK25690">
        <v>16</v>
      </c>
      <c r="AL25690">
        <v>16</v>
      </c>
      <c r="AM25690">
        <v>16</v>
      </c>
      <c r="AN25690">
        <v>16</v>
      </c>
      <c r="AO25690">
        <v>16</v>
      </c>
      <c r="AP25690">
        <v>16</v>
      </c>
      <c r="AQ25690">
        <v>16</v>
      </c>
    </row>
    <row r="25691" spans="1:43">
      <c r="A25691" t="s">
        <v>15899</v>
      </c>
      <c r="B25691" t="s">
        <v>15900</v>
      </c>
      <c r="C25691" t="s">
        <v>15889</v>
      </c>
      <c r="D25691" t="s">
        <v>15890</v>
      </c>
      <c r="E25691" t="s">
        <v>15891</v>
      </c>
      <c r="F25691" t="s">
        <v>15892</v>
      </c>
      <c r="G25691" t="s">
        <v>10734</v>
      </c>
      <c r="H25691" t="s">
        <v>10735</v>
      </c>
      <c r="I25691" s="2">
        <v>1</v>
      </c>
      <c r="J25691" s="2">
        <v>0</v>
      </c>
      <c r="K25691" s="2">
        <v>0</v>
      </c>
      <c r="L25691" t="s">
        <v>120</v>
      </c>
      <c r="M25691" t="s">
        <v>87</v>
      </c>
      <c r="N25691" t="s">
        <v>88</v>
      </c>
      <c r="O25691" t="s">
        <v>85</v>
      </c>
      <c r="P25691" t="s">
        <v>86</v>
      </c>
      <c r="Q25691">
        <v>14</v>
      </c>
      <c r="R25691">
        <v>14</v>
      </c>
      <c r="S25691">
        <v>14</v>
      </c>
      <c r="T25691">
        <v>14</v>
      </c>
      <c r="U25691">
        <v>14</v>
      </c>
      <c r="V25691">
        <v>14</v>
      </c>
      <c r="W25691">
        <v>14</v>
      </c>
      <c r="X25691">
        <v>14</v>
      </c>
      <c r="Y25691">
        <v>14</v>
      </c>
      <c r="Z25691">
        <v>14</v>
      </c>
      <c r="AA25691">
        <v>14</v>
      </c>
      <c r="AB25691">
        <v>14</v>
      </c>
      <c r="AC25691">
        <v>14</v>
      </c>
      <c r="AD25691">
        <v>14</v>
      </c>
      <c r="AE25691">
        <v>14</v>
      </c>
      <c r="AF25691">
        <v>14</v>
      </c>
      <c r="AG25691">
        <v>14</v>
      </c>
      <c r="AH25691">
        <v>14</v>
      </c>
      <c r="AI25691">
        <v>14</v>
      </c>
      <c r="AJ25691">
        <v>14</v>
      </c>
      <c r="AK25691">
        <v>14</v>
      </c>
      <c r="AL25691">
        <v>14</v>
      </c>
      <c r="AM25691">
        <v>14</v>
      </c>
      <c r="AN25691">
        <v>14</v>
      </c>
      <c r="AO25691">
        <v>14</v>
      </c>
      <c r="AP25691">
        <v>14</v>
      </c>
      <c r="AQ25691">
        <v>14</v>
      </c>
    </row>
    <row r="25692" spans="1:43">
      <c r="A25692" t="s">
        <v>15899</v>
      </c>
      <c r="B25692" t="s">
        <v>15900</v>
      </c>
      <c r="C25692" t="s">
        <v>15889</v>
      </c>
      <c r="D25692" t="s">
        <v>15890</v>
      </c>
      <c r="E25692" t="s">
        <v>15891</v>
      </c>
      <c r="F25692" t="s">
        <v>15892</v>
      </c>
      <c r="G25692" t="s">
        <v>10734</v>
      </c>
      <c r="H25692" t="s">
        <v>10735</v>
      </c>
      <c r="I25692" s="2">
        <v>1</v>
      </c>
      <c r="J25692" s="2">
        <v>0</v>
      </c>
      <c r="K25692" s="2">
        <v>0</v>
      </c>
      <c r="L25692" t="s">
        <v>120</v>
      </c>
      <c r="M25692" t="s">
        <v>89</v>
      </c>
      <c r="N25692" t="s">
        <v>90</v>
      </c>
      <c r="O25692" t="s">
        <v>85</v>
      </c>
      <c r="P25692" t="s">
        <v>86</v>
      </c>
      <c r="Q25692">
        <v>14</v>
      </c>
      <c r="R25692">
        <v>15</v>
      </c>
      <c r="S25692">
        <v>15</v>
      </c>
      <c r="T25692">
        <v>15</v>
      </c>
      <c r="U25692">
        <v>15</v>
      </c>
      <c r="V25692">
        <v>16</v>
      </c>
      <c r="W25692">
        <v>16</v>
      </c>
      <c r="X25692">
        <v>16</v>
      </c>
      <c r="Y25692">
        <v>16</v>
      </c>
      <c r="Z25692">
        <v>16</v>
      </c>
      <c r="AA25692">
        <v>16</v>
      </c>
      <c r="AB25692">
        <v>17</v>
      </c>
      <c r="AC25692">
        <v>17</v>
      </c>
      <c r="AD25692">
        <v>17</v>
      </c>
      <c r="AE25692">
        <v>17</v>
      </c>
      <c r="AF25692">
        <v>17</v>
      </c>
      <c r="AG25692">
        <v>17</v>
      </c>
      <c r="AH25692">
        <v>17</v>
      </c>
      <c r="AI25692">
        <v>17</v>
      </c>
      <c r="AJ25692">
        <v>17</v>
      </c>
      <c r="AK25692">
        <v>16</v>
      </c>
      <c r="AL25692">
        <v>16</v>
      </c>
      <c r="AM25692">
        <v>16</v>
      </c>
      <c r="AN25692">
        <v>16</v>
      </c>
      <c r="AO25692">
        <v>16</v>
      </c>
      <c r="AP25692">
        <v>16</v>
      </c>
      <c r="AQ25692">
        <v>16</v>
      </c>
    </row>
    <row r="25693" spans="1:43">
      <c r="A25693" t="s">
        <v>15899</v>
      </c>
      <c r="B25693" t="s">
        <v>15900</v>
      </c>
      <c r="C25693" t="s">
        <v>15889</v>
      </c>
      <c r="D25693" t="s">
        <v>15890</v>
      </c>
      <c r="E25693" t="s">
        <v>15891</v>
      </c>
      <c r="F25693" t="s">
        <v>15892</v>
      </c>
      <c r="G25693" t="s">
        <v>10734</v>
      </c>
      <c r="H25693" t="s">
        <v>10735</v>
      </c>
      <c r="I25693" s="2">
        <v>1</v>
      </c>
      <c r="J25693" s="2">
        <v>0</v>
      </c>
      <c r="K25693" s="2">
        <v>0</v>
      </c>
      <c r="L25693" t="s">
        <v>120</v>
      </c>
      <c r="M25693" t="s">
        <v>83</v>
      </c>
      <c r="N25693" t="s">
        <v>91</v>
      </c>
      <c r="O25693" t="s">
        <v>85</v>
      </c>
      <c r="P25693" t="s">
        <v>86</v>
      </c>
      <c r="Q25693">
        <v>14</v>
      </c>
      <c r="R25693">
        <v>14</v>
      </c>
      <c r="S25693">
        <v>15</v>
      </c>
      <c r="T25693">
        <v>15</v>
      </c>
      <c r="U25693">
        <v>15</v>
      </c>
      <c r="V25693">
        <v>15</v>
      </c>
      <c r="W25693">
        <v>15</v>
      </c>
      <c r="X25693">
        <v>15</v>
      </c>
      <c r="Y25693">
        <v>15</v>
      </c>
      <c r="Z25693">
        <v>15</v>
      </c>
      <c r="AA25693">
        <v>15</v>
      </c>
      <c r="AB25693">
        <v>16</v>
      </c>
      <c r="AC25693">
        <v>16</v>
      </c>
      <c r="AD25693">
        <v>16</v>
      </c>
      <c r="AE25693">
        <v>16</v>
      </c>
      <c r="AF25693">
        <v>16</v>
      </c>
      <c r="AG25693">
        <v>16</v>
      </c>
      <c r="AH25693">
        <v>16</v>
      </c>
      <c r="AI25693">
        <v>16</v>
      </c>
      <c r="AJ25693">
        <v>16</v>
      </c>
      <c r="AK25693">
        <v>16</v>
      </c>
      <c r="AL25693">
        <v>16</v>
      </c>
      <c r="AM25693">
        <v>16</v>
      </c>
      <c r="AN25693">
        <v>16</v>
      </c>
      <c r="AO25693">
        <v>16</v>
      </c>
      <c r="AP25693">
        <v>16</v>
      </c>
      <c r="AQ25693">
        <v>16</v>
      </c>
    </row>
    <row r="25694" spans="1:43">
      <c r="A25694" t="s">
        <v>15901</v>
      </c>
      <c r="B25694" t="s">
        <v>15902</v>
      </c>
      <c r="C25694" t="s">
        <v>15889</v>
      </c>
      <c r="D25694" t="s">
        <v>15890</v>
      </c>
      <c r="E25694" t="s">
        <v>15891</v>
      </c>
      <c r="F25694" t="s">
        <v>15892</v>
      </c>
      <c r="G25694" t="s">
        <v>10734</v>
      </c>
      <c r="H25694" t="s">
        <v>10735</v>
      </c>
      <c r="I25694" s="2">
        <v>1</v>
      </c>
      <c r="J25694" s="2">
        <v>0</v>
      </c>
      <c r="K25694" s="2">
        <v>0</v>
      </c>
      <c r="L25694" t="s">
        <v>120</v>
      </c>
      <c r="M25694" t="s">
        <v>83</v>
      </c>
      <c r="N25694" t="s">
        <v>84</v>
      </c>
      <c r="O25694" t="s">
        <v>85</v>
      </c>
      <c r="P25694" t="s">
        <v>86</v>
      </c>
      <c r="Q25694">
        <v>61</v>
      </c>
      <c r="R25694">
        <v>62</v>
      </c>
      <c r="S25694">
        <v>62</v>
      </c>
      <c r="T25694">
        <v>63</v>
      </c>
      <c r="U25694">
        <v>64</v>
      </c>
      <c r="V25694">
        <v>64</v>
      </c>
      <c r="W25694">
        <v>65</v>
      </c>
      <c r="X25694">
        <v>65</v>
      </c>
      <c r="Y25694">
        <v>65</v>
      </c>
      <c r="Z25694">
        <v>66</v>
      </c>
      <c r="AA25694">
        <v>66</v>
      </c>
      <c r="AB25694">
        <v>66</v>
      </c>
      <c r="AC25694">
        <v>67</v>
      </c>
      <c r="AD25694">
        <v>67</v>
      </c>
      <c r="AE25694">
        <v>68</v>
      </c>
      <c r="AF25694">
        <v>68</v>
      </c>
      <c r="AG25694">
        <v>68</v>
      </c>
      <c r="AH25694">
        <v>68</v>
      </c>
      <c r="AI25694">
        <v>69</v>
      </c>
      <c r="AJ25694">
        <v>69</v>
      </c>
      <c r="AK25694">
        <v>69</v>
      </c>
      <c r="AL25694">
        <v>69</v>
      </c>
      <c r="AM25694">
        <v>69</v>
      </c>
      <c r="AN25694">
        <v>69</v>
      </c>
      <c r="AO25694">
        <v>68</v>
      </c>
      <c r="AP25694">
        <v>68</v>
      </c>
      <c r="AQ25694">
        <v>68</v>
      </c>
    </row>
    <row r="25695" spans="1:43">
      <c r="A25695" t="s">
        <v>15901</v>
      </c>
      <c r="B25695" t="s">
        <v>15902</v>
      </c>
      <c r="C25695" t="s">
        <v>15889</v>
      </c>
      <c r="D25695" t="s">
        <v>15890</v>
      </c>
      <c r="E25695" t="s">
        <v>15891</v>
      </c>
      <c r="F25695" t="s">
        <v>15892</v>
      </c>
      <c r="G25695" t="s">
        <v>10734</v>
      </c>
      <c r="H25695" t="s">
        <v>10735</v>
      </c>
      <c r="I25695" s="2">
        <v>1</v>
      </c>
      <c r="J25695" s="2">
        <v>0</v>
      </c>
      <c r="K25695" s="2">
        <v>0</v>
      </c>
      <c r="L25695" t="s">
        <v>120</v>
      </c>
      <c r="M25695" t="s">
        <v>87</v>
      </c>
      <c r="N25695" t="s">
        <v>88</v>
      </c>
      <c r="O25695" t="s">
        <v>85</v>
      </c>
      <c r="P25695" t="s">
        <v>86</v>
      </c>
      <c r="Q25695">
        <v>61</v>
      </c>
      <c r="R25695">
        <v>61</v>
      </c>
      <c r="S25695">
        <v>61</v>
      </c>
      <c r="T25695">
        <v>61</v>
      </c>
      <c r="U25695">
        <v>61</v>
      </c>
      <c r="V25695">
        <v>61</v>
      </c>
      <c r="W25695">
        <v>61</v>
      </c>
      <c r="X25695">
        <v>61</v>
      </c>
      <c r="Y25695">
        <v>61</v>
      </c>
      <c r="Z25695">
        <v>60</v>
      </c>
      <c r="AA25695">
        <v>60</v>
      </c>
      <c r="AB25695">
        <v>60</v>
      </c>
      <c r="AC25695">
        <v>60</v>
      </c>
      <c r="AD25695">
        <v>60</v>
      </c>
      <c r="AE25695">
        <v>60</v>
      </c>
      <c r="AF25695">
        <v>60</v>
      </c>
      <c r="AG25695">
        <v>60</v>
      </c>
      <c r="AH25695">
        <v>60</v>
      </c>
      <c r="AI25695">
        <v>60</v>
      </c>
      <c r="AJ25695">
        <v>60</v>
      </c>
      <c r="AK25695">
        <v>60</v>
      </c>
      <c r="AL25695">
        <v>60</v>
      </c>
      <c r="AM25695">
        <v>60</v>
      </c>
      <c r="AN25695">
        <v>60</v>
      </c>
      <c r="AO25695">
        <v>60</v>
      </c>
      <c r="AP25695">
        <v>59</v>
      </c>
      <c r="AQ25695">
        <v>59</v>
      </c>
    </row>
    <row r="25696" spans="1:43">
      <c r="A25696" t="s">
        <v>15901</v>
      </c>
      <c r="B25696" t="s">
        <v>15902</v>
      </c>
      <c r="C25696" t="s">
        <v>15889</v>
      </c>
      <c r="D25696" t="s">
        <v>15890</v>
      </c>
      <c r="E25696" t="s">
        <v>15891</v>
      </c>
      <c r="F25696" t="s">
        <v>15892</v>
      </c>
      <c r="G25696" t="s">
        <v>10734</v>
      </c>
      <c r="H25696" t="s">
        <v>10735</v>
      </c>
      <c r="I25696" s="2">
        <v>1</v>
      </c>
      <c r="J25696" s="2">
        <v>0</v>
      </c>
      <c r="K25696" s="2">
        <v>0</v>
      </c>
      <c r="L25696" t="s">
        <v>120</v>
      </c>
      <c r="M25696" t="s">
        <v>89</v>
      </c>
      <c r="N25696" t="s">
        <v>90</v>
      </c>
      <c r="O25696" t="s">
        <v>85</v>
      </c>
      <c r="P25696" t="s">
        <v>86</v>
      </c>
      <c r="Q25696">
        <v>61</v>
      </c>
      <c r="R25696">
        <v>62</v>
      </c>
      <c r="S25696">
        <v>63</v>
      </c>
      <c r="T25696">
        <v>64</v>
      </c>
      <c r="U25696">
        <v>65</v>
      </c>
      <c r="V25696">
        <v>66</v>
      </c>
      <c r="W25696">
        <v>67</v>
      </c>
      <c r="X25696">
        <v>67</v>
      </c>
      <c r="Y25696">
        <v>68</v>
      </c>
      <c r="Z25696">
        <v>69</v>
      </c>
      <c r="AA25696">
        <v>69</v>
      </c>
      <c r="AB25696">
        <v>70</v>
      </c>
      <c r="AC25696">
        <v>70</v>
      </c>
      <c r="AD25696">
        <v>71</v>
      </c>
      <c r="AE25696">
        <v>71</v>
      </c>
      <c r="AF25696">
        <v>71</v>
      </c>
      <c r="AG25696">
        <v>70</v>
      </c>
      <c r="AH25696">
        <v>70</v>
      </c>
      <c r="AI25696">
        <v>70</v>
      </c>
      <c r="AJ25696">
        <v>70</v>
      </c>
      <c r="AK25696">
        <v>69</v>
      </c>
      <c r="AL25696">
        <v>69</v>
      </c>
      <c r="AM25696">
        <v>69</v>
      </c>
      <c r="AN25696">
        <v>68</v>
      </c>
      <c r="AO25696">
        <v>68</v>
      </c>
      <c r="AP25696">
        <v>68</v>
      </c>
      <c r="AQ25696">
        <v>68</v>
      </c>
    </row>
    <row r="25697" spans="1:43">
      <c r="A25697" t="s">
        <v>15901</v>
      </c>
      <c r="B25697" t="s">
        <v>15902</v>
      </c>
      <c r="C25697" t="s">
        <v>15889</v>
      </c>
      <c r="D25697" t="s">
        <v>15890</v>
      </c>
      <c r="E25697" t="s">
        <v>15891</v>
      </c>
      <c r="F25697" t="s">
        <v>15892</v>
      </c>
      <c r="G25697" t="s">
        <v>10734</v>
      </c>
      <c r="H25697" t="s">
        <v>10735</v>
      </c>
      <c r="I25697" s="2">
        <v>1</v>
      </c>
      <c r="J25697" s="2">
        <v>0</v>
      </c>
      <c r="K25697" s="2">
        <v>0</v>
      </c>
      <c r="L25697" t="s">
        <v>120</v>
      </c>
      <c r="M25697" t="s">
        <v>83</v>
      </c>
      <c r="N25697" t="s">
        <v>91</v>
      </c>
      <c r="O25697" t="s">
        <v>85</v>
      </c>
      <c r="P25697" t="s">
        <v>86</v>
      </c>
      <c r="Q25697">
        <v>61</v>
      </c>
      <c r="R25697">
        <v>62</v>
      </c>
      <c r="S25697">
        <v>62</v>
      </c>
      <c r="T25697">
        <v>63</v>
      </c>
      <c r="U25697">
        <v>64</v>
      </c>
      <c r="V25697">
        <v>64</v>
      </c>
      <c r="W25697">
        <v>65</v>
      </c>
      <c r="X25697">
        <v>65</v>
      </c>
      <c r="Y25697">
        <v>65</v>
      </c>
      <c r="Z25697">
        <v>66</v>
      </c>
      <c r="AA25697">
        <v>66</v>
      </c>
      <c r="AB25697">
        <v>66</v>
      </c>
      <c r="AC25697">
        <v>67</v>
      </c>
      <c r="AD25697">
        <v>67</v>
      </c>
      <c r="AE25697">
        <v>68</v>
      </c>
      <c r="AF25697">
        <v>68</v>
      </c>
      <c r="AG25697">
        <v>68</v>
      </c>
      <c r="AH25697">
        <v>68</v>
      </c>
      <c r="AI25697">
        <v>69</v>
      </c>
      <c r="AJ25697">
        <v>69</v>
      </c>
      <c r="AK25697">
        <v>69</v>
      </c>
      <c r="AL25697">
        <v>69</v>
      </c>
      <c r="AM25697">
        <v>69</v>
      </c>
      <c r="AN25697">
        <v>69</v>
      </c>
      <c r="AO25697">
        <v>68</v>
      </c>
      <c r="AP25697">
        <v>68</v>
      </c>
      <c r="AQ25697">
        <v>68</v>
      </c>
    </row>
    <row r="25698" spans="1:43">
      <c r="A25698" t="s">
        <v>15903</v>
      </c>
      <c r="B25698" t="s">
        <v>15904</v>
      </c>
      <c r="C25698" t="s">
        <v>15905</v>
      </c>
      <c r="D25698" t="s">
        <v>15906</v>
      </c>
      <c r="E25698" t="s">
        <v>15891</v>
      </c>
      <c r="F25698" t="s">
        <v>15892</v>
      </c>
      <c r="G25698" t="s">
        <v>10734</v>
      </c>
      <c r="H25698" t="s">
        <v>10735</v>
      </c>
      <c r="I25698" s="2">
        <v>1</v>
      </c>
      <c r="J25698" s="2">
        <v>0</v>
      </c>
      <c r="K25698" s="2">
        <v>0</v>
      </c>
      <c r="L25698" t="s">
        <v>120</v>
      </c>
      <c r="M25698" t="s">
        <v>83</v>
      </c>
      <c r="N25698" t="s">
        <v>84</v>
      </c>
      <c r="O25698" t="s">
        <v>85</v>
      </c>
      <c r="P25698" t="s">
        <v>86</v>
      </c>
      <c r="Q25698">
        <v>7</v>
      </c>
      <c r="R25698">
        <v>7</v>
      </c>
      <c r="S25698">
        <v>7</v>
      </c>
      <c r="T25698">
        <v>7</v>
      </c>
      <c r="U25698">
        <v>8</v>
      </c>
      <c r="V25698">
        <v>8</v>
      </c>
      <c r="W25698">
        <v>8</v>
      </c>
      <c r="X25698">
        <v>8</v>
      </c>
      <c r="Y25698">
        <v>8</v>
      </c>
      <c r="Z25698">
        <v>8</v>
      </c>
      <c r="AA25698">
        <v>8</v>
      </c>
      <c r="AB25698">
        <v>8</v>
      </c>
      <c r="AC25698">
        <v>8</v>
      </c>
      <c r="AD25698">
        <v>8</v>
      </c>
      <c r="AE25698">
        <v>8</v>
      </c>
      <c r="AF25698">
        <v>8</v>
      </c>
      <c r="AG25698">
        <v>8</v>
      </c>
      <c r="AH25698">
        <v>8</v>
      </c>
      <c r="AI25698">
        <v>8</v>
      </c>
      <c r="AJ25698">
        <v>8</v>
      </c>
      <c r="AK25698">
        <v>8</v>
      </c>
      <c r="AL25698">
        <v>8</v>
      </c>
      <c r="AM25698">
        <v>8</v>
      </c>
      <c r="AN25698">
        <v>8</v>
      </c>
      <c r="AO25698">
        <v>8</v>
      </c>
      <c r="AP25698">
        <v>8</v>
      </c>
      <c r="AQ25698">
        <v>8</v>
      </c>
    </row>
    <row r="25699" spans="1:43">
      <c r="A25699" t="s">
        <v>15903</v>
      </c>
      <c r="B25699" t="s">
        <v>15904</v>
      </c>
      <c r="C25699" t="s">
        <v>15905</v>
      </c>
      <c r="D25699" t="s">
        <v>15906</v>
      </c>
      <c r="E25699" t="s">
        <v>15891</v>
      </c>
      <c r="F25699" t="s">
        <v>15892</v>
      </c>
      <c r="G25699" t="s">
        <v>10734</v>
      </c>
      <c r="H25699" t="s">
        <v>10735</v>
      </c>
      <c r="I25699" s="2">
        <v>1</v>
      </c>
      <c r="J25699" s="2">
        <v>0</v>
      </c>
      <c r="K25699" s="2">
        <v>0</v>
      </c>
      <c r="L25699" t="s">
        <v>120</v>
      </c>
      <c r="M25699" t="s">
        <v>87</v>
      </c>
      <c r="N25699" t="s">
        <v>88</v>
      </c>
      <c r="O25699" t="s">
        <v>85</v>
      </c>
      <c r="P25699" t="s">
        <v>86</v>
      </c>
      <c r="Q25699">
        <v>7</v>
      </c>
      <c r="R25699">
        <v>7</v>
      </c>
      <c r="S25699">
        <v>7</v>
      </c>
      <c r="T25699">
        <v>7</v>
      </c>
      <c r="U25699">
        <v>7</v>
      </c>
      <c r="V25699">
        <v>7</v>
      </c>
      <c r="W25699">
        <v>7</v>
      </c>
      <c r="X25699">
        <v>7</v>
      </c>
      <c r="Y25699">
        <v>7</v>
      </c>
      <c r="Z25699">
        <v>7</v>
      </c>
      <c r="AA25699">
        <v>7</v>
      </c>
      <c r="AB25699">
        <v>7</v>
      </c>
      <c r="AC25699">
        <v>7</v>
      </c>
      <c r="AD25699">
        <v>7</v>
      </c>
      <c r="AE25699">
        <v>7</v>
      </c>
      <c r="AF25699">
        <v>7</v>
      </c>
      <c r="AG25699">
        <v>7</v>
      </c>
      <c r="AH25699">
        <v>7</v>
      </c>
      <c r="AI25699">
        <v>7</v>
      </c>
      <c r="AJ25699">
        <v>7</v>
      </c>
      <c r="AK25699">
        <v>7</v>
      </c>
      <c r="AL25699">
        <v>7</v>
      </c>
      <c r="AM25699">
        <v>7</v>
      </c>
      <c r="AN25699">
        <v>7</v>
      </c>
      <c r="AO25699">
        <v>7</v>
      </c>
      <c r="AP25699">
        <v>7</v>
      </c>
      <c r="AQ25699">
        <v>7</v>
      </c>
    </row>
    <row r="25700" spans="1:43">
      <c r="A25700" t="s">
        <v>15903</v>
      </c>
      <c r="B25700" t="s">
        <v>15904</v>
      </c>
      <c r="C25700" t="s">
        <v>15905</v>
      </c>
      <c r="D25700" t="s">
        <v>15906</v>
      </c>
      <c r="E25700" t="s">
        <v>15891</v>
      </c>
      <c r="F25700" t="s">
        <v>15892</v>
      </c>
      <c r="G25700" t="s">
        <v>10734</v>
      </c>
      <c r="H25700" t="s">
        <v>10735</v>
      </c>
      <c r="I25700" s="2">
        <v>1</v>
      </c>
      <c r="J25700" s="2">
        <v>0</v>
      </c>
      <c r="K25700" s="2">
        <v>0</v>
      </c>
      <c r="L25700" t="s">
        <v>120</v>
      </c>
      <c r="M25700" t="s">
        <v>89</v>
      </c>
      <c r="N25700" t="s">
        <v>90</v>
      </c>
      <c r="O25700" t="s">
        <v>85</v>
      </c>
      <c r="P25700" t="s">
        <v>86</v>
      </c>
      <c r="Q25700">
        <v>7</v>
      </c>
      <c r="R25700">
        <v>7</v>
      </c>
      <c r="S25700">
        <v>8</v>
      </c>
      <c r="T25700">
        <v>8</v>
      </c>
      <c r="U25700">
        <v>8</v>
      </c>
      <c r="V25700">
        <v>8</v>
      </c>
      <c r="W25700">
        <v>8</v>
      </c>
      <c r="X25700">
        <v>8</v>
      </c>
      <c r="Y25700">
        <v>8</v>
      </c>
      <c r="Z25700">
        <v>8</v>
      </c>
      <c r="AA25700">
        <v>8</v>
      </c>
      <c r="AB25700">
        <v>8</v>
      </c>
      <c r="AC25700">
        <v>8</v>
      </c>
      <c r="AD25700">
        <v>9</v>
      </c>
      <c r="AE25700">
        <v>9</v>
      </c>
      <c r="AF25700">
        <v>8</v>
      </c>
      <c r="AG25700">
        <v>8</v>
      </c>
      <c r="AH25700">
        <v>8</v>
      </c>
      <c r="AI25700">
        <v>8</v>
      </c>
      <c r="AJ25700">
        <v>8</v>
      </c>
      <c r="AK25700">
        <v>8</v>
      </c>
      <c r="AL25700">
        <v>8</v>
      </c>
      <c r="AM25700">
        <v>8</v>
      </c>
      <c r="AN25700">
        <v>8</v>
      </c>
      <c r="AO25700">
        <v>8</v>
      </c>
      <c r="AP25700">
        <v>8</v>
      </c>
      <c r="AQ25700">
        <v>8</v>
      </c>
    </row>
    <row r="25701" spans="1:43">
      <c r="A25701" t="s">
        <v>15903</v>
      </c>
      <c r="B25701" t="s">
        <v>15904</v>
      </c>
      <c r="C25701" t="s">
        <v>15905</v>
      </c>
      <c r="D25701" t="s">
        <v>15906</v>
      </c>
      <c r="E25701" t="s">
        <v>15891</v>
      </c>
      <c r="F25701" t="s">
        <v>15892</v>
      </c>
      <c r="G25701" t="s">
        <v>10734</v>
      </c>
      <c r="H25701" t="s">
        <v>10735</v>
      </c>
      <c r="I25701" s="2">
        <v>1</v>
      </c>
      <c r="J25701" s="2">
        <v>0</v>
      </c>
      <c r="K25701" s="2">
        <v>0</v>
      </c>
      <c r="L25701" t="s">
        <v>120</v>
      </c>
      <c r="M25701" t="s">
        <v>83</v>
      </c>
      <c r="N25701" t="s">
        <v>91</v>
      </c>
      <c r="O25701" t="s">
        <v>85</v>
      </c>
      <c r="P25701" t="s">
        <v>86</v>
      </c>
      <c r="Q25701">
        <v>7</v>
      </c>
      <c r="R25701">
        <v>7</v>
      </c>
      <c r="S25701">
        <v>7</v>
      </c>
      <c r="T25701">
        <v>7</v>
      </c>
      <c r="U25701">
        <v>8</v>
      </c>
      <c r="V25701">
        <v>8</v>
      </c>
      <c r="W25701">
        <v>8</v>
      </c>
      <c r="X25701">
        <v>8</v>
      </c>
      <c r="Y25701">
        <v>8</v>
      </c>
      <c r="Z25701">
        <v>8</v>
      </c>
      <c r="AA25701">
        <v>8</v>
      </c>
      <c r="AB25701">
        <v>8</v>
      </c>
      <c r="AC25701">
        <v>8</v>
      </c>
      <c r="AD25701">
        <v>8</v>
      </c>
      <c r="AE25701">
        <v>8</v>
      </c>
      <c r="AF25701">
        <v>8</v>
      </c>
      <c r="AG25701">
        <v>8</v>
      </c>
      <c r="AH25701">
        <v>8</v>
      </c>
      <c r="AI25701">
        <v>8</v>
      </c>
      <c r="AJ25701">
        <v>8</v>
      </c>
      <c r="AK25701">
        <v>8</v>
      </c>
      <c r="AL25701">
        <v>8</v>
      </c>
      <c r="AM25701">
        <v>8</v>
      </c>
      <c r="AN25701">
        <v>8</v>
      </c>
      <c r="AO25701">
        <v>8</v>
      </c>
      <c r="AP25701">
        <v>8</v>
      </c>
      <c r="AQ25701">
        <v>8</v>
      </c>
    </row>
    <row r="25702" spans="1:43">
      <c r="A25702" t="s">
        <v>15907</v>
      </c>
      <c r="B25702" t="s">
        <v>15908</v>
      </c>
      <c r="C25702" t="s">
        <v>15905</v>
      </c>
      <c r="D25702" t="s">
        <v>15906</v>
      </c>
      <c r="E25702" t="s">
        <v>15891</v>
      </c>
      <c r="F25702" t="s">
        <v>15892</v>
      </c>
      <c r="G25702" t="s">
        <v>10734</v>
      </c>
      <c r="H25702" t="s">
        <v>10735</v>
      </c>
      <c r="I25702" s="2">
        <v>1</v>
      </c>
      <c r="J25702" s="2">
        <v>0</v>
      </c>
      <c r="K25702" s="2">
        <v>0</v>
      </c>
      <c r="L25702" t="s">
        <v>120</v>
      </c>
      <c r="M25702" t="s">
        <v>83</v>
      </c>
      <c r="N25702" t="s">
        <v>84</v>
      </c>
      <c r="O25702" t="s">
        <v>85</v>
      </c>
      <c r="P25702" t="s">
        <v>86</v>
      </c>
      <c r="Q25702">
        <v>12</v>
      </c>
      <c r="R25702">
        <v>12</v>
      </c>
      <c r="S25702">
        <v>12</v>
      </c>
      <c r="T25702">
        <v>12</v>
      </c>
      <c r="U25702">
        <v>12</v>
      </c>
      <c r="V25702">
        <v>12</v>
      </c>
      <c r="W25702">
        <v>12</v>
      </c>
      <c r="X25702">
        <v>12</v>
      </c>
      <c r="Y25702">
        <v>12</v>
      </c>
      <c r="Z25702">
        <v>12</v>
      </c>
      <c r="AA25702">
        <v>12</v>
      </c>
      <c r="AB25702">
        <v>12</v>
      </c>
      <c r="AC25702">
        <v>13</v>
      </c>
      <c r="AD25702">
        <v>13</v>
      </c>
      <c r="AE25702">
        <v>13</v>
      </c>
      <c r="AF25702">
        <v>13</v>
      </c>
      <c r="AG25702">
        <v>13</v>
      </c>
      <c r="AH25702">
        <v>13</v>
      </c>
      <c r="AI25702">
        <v>13</v>
      </c>
      <c r="AJ25702">
        <v>13</v>
      </c>
      <c r="AK25702">
        <v>13</v>
      </c>
      <c r="AL25702">
        <v>13</v>
      </c>
      <c r="AM25702">
        <v>13</v>
      </c>
      <c r="AN25702">
        <v>13</v>
      </c>
      <c r="AO25702">
        <v>13</v>
      </c>
      <c r="AP25702">
        <v>13</v>
      </c>
      <c r="AQ25702">
        <v>13</v>
      </c>
    </row>
    <row r="25703" spans="1:43">
      <c r="A25703" t="s">
        <v>15907</v>
      </c>
      <c r="B25703" t="s">
        <v>15908</v>
      </c>
      <c r="C25703" t="s">
        <v>15905</v>
      </c>
      <c r="D25703" t="s">
        <v>15906</v>
      </c>
      <c r="E25703" t="s">
        <v>15891</v>
      </c>
      <c r="F25703" t="s">
        <v>15892</v>
      </c>
      <c r="G25703" t="s">
        <v>10734</v>
      </c>
      <c r="H25703" t="s">
        <v>10735</v>
      </c>
      <c r="I25703" s="2">
        <v>1</v>
      </c>
      <c r="J25703" s="2">
        <v>0</v>
      </c>
      <c r="K25703" s="2">
        <v>0</v>
      </c>
      <c r="L25703" t="s">
        <v>120</v>
      </c>
      <c r="M25703" t="s">
        <v>87</v>
      </c>
      <c r="N25703" t="s">
        <v>88</v>
      </c>
      <c r="O25703" t="s">
        <v>85</v>
      </c>
      <c r="P25703" t="s">
        <v>86</v>
      </c>
      <c r="Q25703">
        <v>12</v>
      </c>
      <c r="R25703">
        <v>12</v>
      </c>
      <c r="S25703">
        <v>12</v>
      </c>
      <c r="T25703">
        <v>12</v>
      </c>
      <c r="U25703">
        <v>12</v>
      </c>
      <c r="V25703">
        <v>12</v>
      </c>
      <c r="W25703">
        <v>12</v>
      </c>
      <c r="X25703">
        <v>12</v>
      </c>
      <c r="Y25703">
        <v>12</v>
      </c>
      <c r="Z25703">
        <v>12</v>
      </c>
      <c r="AA25703">
        <v>12</v>
      </c>
      <c r="AB25703">
        <v>12</v>
      </c>
      <c r="AC25703">
        <v>12</v>
      </c>
      <c r="AD25703">
        <v>12</v>
      </c>
      <c r="AE25703">
        <v>12</v>
      </c>
      <c r="AF25703">
        <v>12</v>
      </c>
      <c r="AG25703">
        <v>12</v>
      </c>
      <c r="AH25703">
        <v>12</v>
      </c>
      <c r="AI25703">
        <v>12</v>
      </c>
      <c r="AJ25703">
        <v>12</v>
      </c>
      <c r="AK25703">
        <v>12</v>
      </c>
      <c r="AL25703">
        <v>12</v>
      </c>
      <c r="AM25703">
        <v>12</v>
      </c>
      <c r="AN25703">
        <v>12</v>
      </c>
      <c r="AO25703">
        <v>12</v>
      </c>
      <c r="AP25703">
        <v>12</v>
      </c>
      <c r="AQ25703">
        <v>12</v>
      </c>
    </row>
    <row r="25704" spans="1:43">
      <c r="A25704" t="s">
        <v>15907</v>
      </c>
      <c r="B25704" t="s">
        <v>15908</v>
      </c>
      <c r="C25704" t="s">
        <v>15905</v>
      </c>
      <c r="D25704" t="s">
        <v>15906</v>
      </c>
      <c r="E25704" t="s">
        <v>15891</v>
      </c>
      <c r="F25704" t="s">
        <v>15892</v>
      </c>
      <c r="G25704" t="s">
        <v>10734</v>
      </c>
      <c r="H25704" t="s">
        <v>10735</v>
      </c>
      <c r="I25704" s="2">
        <v>1</v>
      </c>
      <c r="J25704" s="2">
        <v>0</v>
      </c>
      <c r="K25704" s="2">
        <v>0</v>
      </c>
      <c r="L25704" t="s">
        <v>120</v>
      </c>
      <c r="M25704" t="s">
        <v>89</v>
      </c>
      <c r="N25704" t="s">
        <v>90</v>
      </c>
      <c r="O25704" t="s">
        <v>85</v>
      </c>
      <c r="P25704" t="s">
        <v>86</v>
      </c>
      <c r="Q25704">
        <v>12</v>
      </c>
      <c r="R25704">
        <v>12</v>
      </c>
      <c r="S25704">
        <v>12</v>
      </c>
      <c r="T25704">
        <v>12</v>
      </c>
      <c r="U25704">
        <v>12</v>
      </c>
      <c r="V25704">
        <v>13</v>
      </c>
      <c r="W25704">
        <v>13</v>
      </c>
      <c r="X25704">
        <v>13</v>
      </c>
      <c r="Y25704">
        <v>13</v>
      </c>
      <c r="Z25704">
        <v>13</v>
      </c>
      <c r="AA25704">
        <v>13</v>
      </c>
      <c r="AB25704">
        <v>13</v>
      </c>
      <c r="AC25704">
        <v>13</v>
      </c>
      <c r="AD25704">
        <v>13</v>
      </c>
      <c r="AE25704">
        <v>14</v>
      </c>
      <c r="AF25704">
        <v>13</v>
      </c>
      <c r="AG25704">
        <v>13</v>
      </c>
      <c r="AH25704">
        <v>13</v>
      </c>
      <c r="AI25704">
        <v>13</v>
      </c>
      <c r="AJ25704">
        <v>13</v>
      </c>
      <c r="AK25704">
        <v>13</v>
      </c>
      <c r="AL25704">
        <v>13</v>
      </c>
      <c r="AM25704">
        <v>13</v>
      </c>
      <c r="AN25704">
        <v>13</v>
      </c>
      <c r="AO25704">
        <v>13</v>
      </c>
      <c r="AP25704">
        <v>13</v>
      </c>
      <c r="AQ25704">
        <v>13</v>
      </c>
    </row>
    <row r="25705" spans="1:43">
      <c r="A25705" t="s">
        <v>15907</v>
      </c>
      <c r="B25705" t="s">
        <v>15908</v>
      </c>
      <c r="C25705" t="s">
        <v>15905</v>
      </c>
      <c r="D25705" t="s">
        <v>15906</v>
      </c>
      <c r="E25705" t="s">
        <v>15891</v>
      </c>
      <c r="F25705" t="s">
        <v>15892</v>
      </c>
      <c r="G25705" t="s">
        <v>10734</v>
      </c>
      <c r="H25705" t="s">
        <v>10735</v>
      </c>
      <c r="I25705" s="2">
        <v>1</v>
      </c>
      <c r="J25705" s="2">
        <v>0</v>
      </c>
      <c r="K25705" s="2">
        <v>0</v>
      </c>
      <c r="L25705" t="s">
        <v>120</v>
      </c>
      <c r="M25705" t="s">
        <v>83</v>
      </c>
      <c r="N25705" t="s">
        <v>91</v>
      </c>
      <c r="O25705" t="s">
        <v>85</v>
      </c>
      <c r="P25705" t="s">
        <v>86</v>
      </c>
      <c r="Q25705">
        <v>12</v>
      </c>
      <c r="R25705">
        <v>12</v>
      </c>
      <c r="S25705">
        <v>12</v>
      </c>
      <c r="T25705">
        <v>12</v>
      </c>
      <c r="U25705">
        <v>12</v>
      </c>
      <c r="V25705">
        <v>12</v>
      </c>
      <c r="W25705">
        <v>12</v>
      </c>
      <c r="X25705">
        <v>12</v>
      </c>
      <c r="Y25705">
        <v>12</v>
      </c>
      <c r="Z25705">
        <v>12</v>
      </c>
      <c r="AA25705">
        <v>12</v>
      </c>
      <c r="AB25705">
        <v>12</v>
      </c>
      <c r="AC25705">
        <v>13</v>
      </c>
      <c r="AD25705">
        <v>13</v>
      </c>
      <c r="AE25705">
        <v>13</v>
      </c>
      <c r="AF25705">
        <v>13</v>
      </c>
      <c r="AG25705">
        <v>13</v>
      </c>
      <c r="AH25705">
        <v>13</v>
      </c>
      <c r="AI25705">
        <v>13</v>
      </c>
      <c r="AJ25705">
        <v>13</v>
      </c>
      <c r="AK25705">
        <v>13</v>
      </c>
      <c r="AL25705">
        <v>13</v>
      </c>
      <c r="AM25705">
        <v>13</v>
      </c>
      <c r="AN25705">
        <v>13</v>
      </c>
      <c r="AO25705">
        <v>13</v>
      </c>
      <c r="AP25705">
        <v>13</v>
      </c>
      <c r="AQ25705">
        <v>13</v>
      </c>
    </row>
    <row r="25706" spans="1:43">
      <c r="A25706" t="s">
        <v>15909</v>
      </c>
      <c r="B25706" t="s">
        <v>15910</v>
      </c>
      <c r="C25706" t="s">
        <v>15905</v>
      </c>
      <c r="D25706" t="s">
        <v>15906</v>
      </c>
      <c r="E25706" t="s">
        <v>15891</v>
      </c>
      <c r="F25706" t="s">
        <v>15892</v>
      </c>
      <c r="G25706" t="s">
        <v>10734</v>
      </c>
      <c r="H25706" t="s">
        <v>10735</v>
      </c>
      <c r="I25706" s="2">
        <v>1</v>
      </c>
      <c r="J25706" s="2">
        <v>0</v>
      </c>
      <c r="K25706" s="2">
        <v>0</v>
      </c>
      <c r="L25706" t="s">
        <v>120</v>
      </c>
      <c r="M25706" t="s">
        <v>83</v>
      </c>
      <c r="N25706" t="s">
        <v>84</v>
      </c>
      <c r="O25706" t="s">
        <v>85</v>
      </c>
      <c r="P25706" t="s">
        <v>86</v>
      </c>
      <c r="Q25706">
        <v>4</v>
      </c>
      <c r="R25706">
        <v>4</v>
      </c>
      <c r="S25706">
        <v>4</v>
      </c>
      <c r="T25706">
        <v>4</v>
      </c>
      <c r="U25706">
        <v>4</v>
      </c>
      <c r="V25706">
        <v>4</v>
      </c>
      <c r="W25706">
        <v>4</v>
      </c>
      <c r="X25706">
        <v>4</v>
      </c>
      <c r="Y25706">
        <v>4</v>
      </c>
      <c r="Z25706">
        <v>4</v>
      </c>
      <c r="AA25706">
        <v>4</v>
      </c>
      <c r="AB25706">
        <v>4</v>
      </c>
      <c r="AC25706">
        <v>4</v>
      </c>
      <c r="AD25706">
        <v>4</v>
      </c>
      <c r="AE25706">
        <v>4</v>
      </c>
      <c r="AF25706">
        <v>4</v>
      </c>
      <c r="AG25706">
        <v>4</v>
      </c>
      <c r="AH25706">
        <v>4</v>
      </c>
      <c r="AI25706">
        <v>4</v>
      </c>
      <c r="AJ25706">
        <v>4</v>
      </c>
      <c r="AK25706">
        <v>4</v>
      </c>
      <c r="AL25706">
        <v>4</v>
      </c>
      <c r="AM25706">
        <v>4</v>
      </c>
      <c r="AN25706">
        <v>4</v>
      </c>
      <c r="AO25706">
        <v>4</v>
      </c>
      <c r="AP25706">
        <v>4</v>
      </c>
      <c r="AQ25706">
        <v>4</v>
      </c>
    </row>
    <row r="25707" spans="1:43">
      <c r="A25707" t="s">
        <v>15909</v>
      </c>
      <c r="B25707" t="s">
        <v>15910</v>
      </c>
      <c r="C25707" t="s">
        <v>15905</v>
      </c>
      <c r="D25707" t="s">
        <v>15906</v>
      </c>
      <c r="E25707" t="s">
        <v>15891</v>
      </c>
      <c r="F25707" t="s">
        <v>15892</v>
      </c>
      <c r="G25707" t="s">
        <v>10734</v>
      </c>
      <c r="H25707" t="s">
        <v>10735</v>
      </c>
      <c r="I25707" s="2">
        <v>1</v>
      </c>
      <c r="J25707" s="2">
        <v>0</v>
      </c>
      <c r="K25707" s="2">
        <v>0</v>
      </c>
      <c r="L25707" t="s">
        <v>120</v>
      </c>
      <c r="M25707" t="s">
        <v>87</v>
      </c>
      <c r="N25707" t="s">
        <v>88</v>
      </c>
      <c r="O25707" t="s">
        <v>85</v>
      </c>
      <c r="P25707" t="s">
        <v>86</v>
      </c>
      <c r="Q25707">
        <v>4</v>
      </c>
      <c r="R25707">
        <v>4</v>
      </c>
      <c r="S25707">
        <v>4</v>
      </c>
      <c r="T25707">
        <v>4</v>
      </c>
      <c r="U25707">
        <v>4</v>
      </c>
      <c r="V25707">
        <v>4</v>
      </c>
      <c r="W25707">
        <v>4</v>
      </c>
      <c r="X25707">
        <v>4</v>
      </c>
      <c r="Y25707">
        <v>4</v>
      </c>
      <c r="Z25707">
        <v>4</v>
      </c>
      <c r="AA25707">
        <v>4</v>
      </c>
      <c r="AB25707">
        <v>4</v>
      </c>
      <c r="AC25707">
        <v>3</v>
      </c>
      <c r="AD25707">
        <v>3</v>
      </c>
      <c r="AE25707">
        <v>3</v>
      </c>
      <c r="AF25707">
        <v>3</v>
      </c>
      <c r="AG25707">
        <v>3</v>
      </c>
      <c r="AH25707">
        <v>3</v>
      </c>
      <c r="AI25707">
        <v>3</v>
      </c>
      <c r="AJ25707">
        <v>3</v>
      </c>
      <c r="AK25707">
        <v>3</v>
      </c>
      <c r="AL25707">
        <v>3</v>
      </c>
      <c r="AM25707">
        <v>3</v>
      </c>
      <c r="AN25707">
        <v>3</v>
      </c>
      <c r="AO25707">
        <v>3</v>
      </c>
      <c r="AP25707">
        <v>3</v>
      </c>
      <c r="AQ25707">
        <v>3</v>
      </c>
    </row>
    <row r="25708" spans="1:43">
      <c r="A25708" t="s">
        <v>15909</v>
      </c>
      <c r="B25708" t="s">
        <v>15910</v>
      </c>
      <c r="C25708" t="s">
        <v>15905</v>
      </c>
      <c r="D25708" t="s">
        <v>15906</v>
      </c>
      <c r="E25708" t="s">
        <v>15891</v>
      </c>
      <c r="F25708" t="s">
        <v>15892</v>
      </c>
      <c r="G25708" t="s">
        <v>10734</v>
      </c>
      <c r="H25708" t="s">
        <v>10735</v>
      </c>
      <c r="I25708" s="2">
        <v>1</v>
      </c>
      <c r="J25708" s="2">
        <v>0</v>
      </c>
      <c r="K25708" s="2">
        <v>0</v>
      </c>
      <c r="L25708" t="s">
        <v>120</v>
      </c>
      <c r="M25708" t="s">
        <v>89</v>
      </c>
      <c r="N25708" t="s">
        <v>90</v>
      </c>
      <c r="O25708" t="s">
        <v>85</v>
      </c>
      <c r="P25708" t="s">
        <v>86</v>
      </c>
      <c r="Q25708">
        <v>4</v>
      </c>
      <c r="R25708">
        <v>4</v>
      </c>
      <c r="S25708">
        <v>4</v>
      </c>
      <c r="T25708">
        <v>4</v>
      </c>
      <c r="U25708">
        <v>4</v>
      </c>
      <c r="V25708">
        <v>4</v>
      </c>
      <c r="W25708">
        <v>4</v>
      </c>
      <c r="X25708">
        <v>4</v>
      </c>
      <c r="Y25708">
        <v>4</v>
      </c>
      <c r="Z25708">
        <v>4</v>
      </c>
      <c r="AA25708">
        <v>4</v>
      </c>
      <c r="AB25708">
        <v>4</v>
      </c>
      <c r="AC25708">
        <v>4</v>
      </c>
      <c r="AD25708">
        <v>4</v>
      </c>
      <c r="AE25708">
        <v>4</v>
      </c>
      <c r="AF25708">
        <v>4</v>
      </c>
      <c r="AG25708">
        <v>4</v>
      </c>
      <c r="AH25708">
        <v>4</v>
      </c>
      <c r="AI25708">
        <v>4</v>
      </c>
      <c r="AJ25708">
        <v>4</v>
      </c>
      <c r="AK25708">
        <v>4</v>
      </c>
      <c r="AL25708">
        <v>4</v>
      </c>
      <c r="AM25708">
        <v>4</v>
      </c>
      <c r="AN25708">
        <v>4</v>
      </c>
      <c r="AO25708">
        <v>4</v>
      </c>
      <c r="AP25708">
        <v>4</v>
      </c>
      <c r="AQ25708">
        <v>4</v>
      </c>
    </row>
    <row r="25709" spans="1:43">
      <c r="A25709" t="s">
        <v>15909</v>
      </c>
      <c r="B25709" t="s">
        <v>15910</v>
      </c>
      <c r="C25709" t="s">
        <v>15905</v>
      </c>
      <c r="D25709" t="s">
        <v>15906</v>
      </c>
      <c r="E25709" t="s">
        <v>15891</v>
      </c>
      <c r="F25709" t="s">
        <v>15892</v>
      </c>
      <c r="G25709" t="s">
        <v>10734</v>
      </c>
      <c r="H25709" t="s">
        <v>10735</v>
      </c>
      <c r="I25709" s="2">
        <v>1</v>
      </c>
      <c r="J25709" s="2">
        <v>0</v>
      </c>
      <c r="K25709" s="2">
        <v>0</v>
      </c>
      <c r="L25709" t="s">
        <v>120</v>
      </c>
      <c r="M25709" t="s">
        <v>83</v>
      </c>
      <c r="N25709" t="s">
        <v>91</v>
      </c>
      <c r="O25709" t="s">
        <v>85</v>
      </c>
      <c r="P25709" t="s">
        <v>86</v>
      </c>
      <c r="Q25709">
        <v>4</v>
      </c>
      <c r="R25709">
        <v>4</v>
      </c>
      <c r="S25709">
        <v>4</v>
      </c>
      <c r="T25709">
        <v>4</v>
      </c>
      <c r="U25709">
        <v>4</v>
      </c>
      <c r="V25709">
        <v>4</v>
      </c>
      <c r="W25709">
        <v>4</v>
      </c>
      <c r="X25709">
        <v>4</v>
      </c>
      <c r="Y25709">
        <v>4</v>
      </c>
      <c r="Z25709">
        <v>4</v>
      </c>
      <c r="AA25709">
        <v>4</v>
      </c>
      <c r="AB25709">
        <v>4</v>
      </c>
      <c r="AC25709">
        <v>4</v>
      </c>
      <c r="AD25709">
        <v>4</v>
      </c>
      <c r="AE25709">
        <v>4</v>
      </c>
      <c r="AF25709">
        <v>4</v>
      </c>
      <c r="AG25709">
        <v>4</v>
      </c>
      <c r="AH25709">
        <v>4</v>
      </c>
      <c r="AI25709">
        <v>4</v>
      </c>
      <c r="AJ25709">
        <v>4</v>
      </c>
      <c r="AK25709">
        <v>4</v>
      </c>
      <c r="AL25709">
        <v>4</v>
      </c>
      <c r="AM25709">
        <v>4</v>
      </c>
      <c r="AN25709">
        <v>4</v>
      </c>
      <c r="AO25709">
        <v>4</v>
      </c>
      <c r="AP25709">
        <v>4</v>
      </c>
      <c r="AQ25709">
        <v>4</v>
      </c>
    </row>
    <row r="25710" spans="1:43">
      <c r="A25710" t="s">
        <v>15911</v>
      </c>
      <c r="B25710" t="s">
        <v>15912</v>
      </c>
      <c r="C25710" t="s">
        <v>15905</v>
      </c>
      <c r="D25710" t="s">
        <v>15906</v>
      </c>
      <c r="E25710" t="s">
        <v>15891</v>
      </c>
      <c r="F25710" t="s">
        <v>15892</v>
      </c>
      <c r="G25710" t="s">
        <v>10734</v>
      </c>
      <c r="H25710" t="s">
        <v>10735</v>
      </c>
      <c r="I25710" s="2">
        <v>1</v>
      </c>
      <c r="J25710" s="2">
        <v>0</v>
      </c>
      <c r="K25710" s="2">
        <v>0</v>
      </c>
      <c r="L25710" t="s">
        <v>120</v>
      </c>
      <c r="M25710" t="s">
        <v>83</v>
      </c>
      <c r="N25710" t="s">
        <v>84</v>
      </c>
      <c r="O25710" t="s">
        <v>85</v>
      </c>
      <c r="P25710" t="s">
        <v>86</v>
      </c>
      <c r="Q25710">
        <v>26</v>
      </c>
      <c r="R25710">
        <v>26</v>
      </c>
      <c r="S25710">
        <v>26</v>
      </c>
      <c r="T25710">
        <v>27</v>
      </c>
      <c r="U25710">
        <v>27</v>
      </c>
      <c r="V25710">
        <v>27</v>
      </c>
      <c r="W25710">
        <v>27</v>
      </c>
      <c r="X25710">
        <v>27</v>
      </c>
      <c r="Y25710">
        <v>28</v>
      </c>
      <c r="Z25710">
        <v>28</v>
      </c>
      <c r="AA25710">
        <v>28</v>
      </c>
      <c r="AB25710">
        <v>28</v>
      </c>
      <c r="AC25710">
        <v>28</v>
      </c>
      <c r="AD25710">
        <v>28</v>
      </c>
      <c r="AE25710">
        <v>28</v>
      </c>
      <c r="AF25710">
        <v>29</v>
      </c>
      <c r="AG25710">
        <v>29</v>
      </c>
      <c r="AH25710">
        <v>29</v>
      </c>
      <c r="AI25710">
        <v>29</v>
      </c>
      <c r="AJ25710">
        <v>29</v>
      </c>
      <c r="AK25710">
        <v>29</v>
      </c>
      <c r="AL25710">
        <v>29</v>
      </c>
      <c r="AM25710">
        <v>29</v>
      </c>
      <c r="AN25710">
        <v>29</v>
      </c>
      <c r="AO25710">
        <v>29</v>
      </c>
      <c r="AP25710">
        <v>28</v>
      </c>
      <c r="AQ25710">
        <v>28</v>
      </c>
    </row>
    <row r="25711" spans="1:43">
      <c r="A25711" t="s">
        <v>15911</v>
      </c>
      <c r="B25711" t="s">
        <v>15912</v>
      </c>
      <c r="C25711" t="s">
        <v>15905</v>
      </c>
      <c r="D25711" t="s">
        <v>15906</v>
      </c>
      <c r="E25711" t="s">
        <v>15891</v>
      </c>
      <c r="F25711" t="s">
        <v>15892</v>
      </c>
      <c r="G25711" t="s">
        <v>10734</v>
      </c>
      <c r="H25711" t="s">
        <v>10735</v>
      </c>
      <c r="I25711" s="2">
        <v>1</v>
      </c>
      <c r="J25711" s="2">
        <v>0</v>
      </c>
      <c r="K25711" s="2">
        <v>0</v>
      </c>
      <c r="L25711" t="s">
        <v>120</v>
      </c>
      <c r="M25711" t="s">
        <v>87</v>
      </c>
      <c r="N25711" t="s">
        <v>88</v>
      </c>
      <c r="O25711" t="s">
        <v>85</v>
      </c>
      <c r="P25711" t="s">
        <v>86</v>
      </c>
      <c r="Q25711">
        <v>26</v>
      </c>
      <c r="R25711">
        <v>26</v>
      </c>
      <c r="S25711">
        <v>26</v>
      </c>
      <c r="T25711">
        <v>26</v>
      </c>
      <c r="U25711">
        <v>26</v>
      </c>
      <c r="V25711">
        <v>26</v>
      </c>
      <c r="W25711">
        <v>26</v>
      </c>
      <c r="X25711">
        <v>26</v>
      </c>
      <c r="Y25711">
        <v>25</v>
      </c>
      <c r="Z25711">
        <v>25</v>
      </c>
      <c r="AA25711">
        <v>25</v>
      </c>
      <c r="AB25711">
        <v>25</v>
      </c>
      <c r="AC25711">
        <v>25</v>
      </c>
      <c r="AD25711">
        <v>25</v>
      </c>
      <c r="AE25711">
        <v>25</v>
      </c>
      <c r="AF25711">
        <v>25</v>
      </c>
      <c r="AG25711">
        <v>25</v>
      </c>
      <c r="AH25711">
        <v>25</v>
      </c>
      <c r="AI25711">
        <v>25</v>
      </c>
      <c r="AJ25711">
        <v>25</v>
      </c>
      <c r="AK25711">
        <v>25</v>
      </c>
      <c r="AL25711">
        <v>25</v>
      </c>
      <c r="AM25711">
        <v>25</v>
      </c>
      <c r="AN25711">
        <v>25</v>
      </c>
      <c r="AO25711">
        <v>25</v>
      </c>
      <c r="AP25711">
        <v>25</v>
      </c>
      <c r="AQ25711">
        <v>25</v>
      </c>
    </row>
    <row r="25712" spans="1:43">
      <c r="A25712" t="s">
        <v>15911</v>
      </c>
      <c r="B25712" t="s">
        <v>15912</v>
      </c>
      <c r="C25712" t="s">
        <v>15905</v>
      </c>
      <c r="D25712" t="s">
        <v>15906</v>
      </c>
      <c r="E25712" t="s">
        <v>15891</v>
      </c>
      <c r="F25712" t="s">
        <v>15892</v>
      </c>
      <c r="G25712" t="s">
        <v>10734</v>
      </c>
      <c r="H25712" t="s">
        <v>10735</v>
      </c>
      <c r="I25712" s="2">
        <v>1</v>
      </c>
      <c r="J25712" s="2">
        <v>0</v>
      </c>
      <c r="K25712" s="2">
        <v>0</v>
      </c>
      <c r="L25712" t="s">
        <v>120</v>
      </c>
      <c r="M25712" t="s">
        <v>89</v>
      </c>
      <c r="N25712" t="s">
        <v>90</v>
      </c>
      <c r="O25712" t="s">
        <v>85</v>
      </c>
      <c r="P25712" t="s">
        <v>86</v>
      </c>
      <c r="Q25712">
        <v>26</v>
      </c>
      <c r="R25712">
        <v>27</v>
      </c>
      <c r="S25712">
        <v>27</v>
      </c>
      <c r="T25712">
        <v>28</v>
      </c>
      <c r="U25712">
        <v>28</v>
      </c>
      <c r="V25712">
        <v>28</v>
      </c>
      <c r="W25712">
        <v>29</v>
      </c>
      <c r="X25712">
        <v>29</v>
      </c>
      <c r="Y25712">
        <v>29</v>
      </c>
      <c r="Z25712">
        <v>29</v>
      </c>
      <c r="AA25712">
        <v>30</v>
      </c>
      <c r="AB25712">
        <v>30</v>
      </c>
      <c r="AC25712">
        <v>30</v>
      </c>
      <c r="AD25712">
        <v>30</v>
      </c>
      <c r="AE25712">
        <v>30</v>
      </c>
      <c r="AF25712">
        <v>30</v>
      </c>
      <c r="AG25712">
        <v>30</v>
      </c>
      <c r="AH25712">
        <v>30</v>
      </c>
      <c r="AI25712">
        <v>30</v>
      </c>
      <c r="AJ25712">
        <v>30</v>
      </c>
      <c r="AK25712">
        <v>29</v>
      </c>
      <c r="AL25712">
        <v>29</v>
      </c>
      <c r="AM25712">
        <v>29</v>
      </c>
      <c r="AN25712">
        <v>29</v>
      </c>
      <c r="AO25712">
        <v>29</v>
      </c>
      <c r="AP25712">
        <v>29</v>
      </c>
      <c r="AQ25712">
        <v>29</v>
      </c>
    </row>
    <row r="25713" spans="1:43">
      <c r="A25713" t="s">
        <v>15911</v>
      </c>
      <c r="B25713" t="s">
        <v>15912</v>
      </c>
      <c r="C25713" t="s">
        <v>15905</v>
      </c>
      <c r="D25713" t="s">
        <v>15906</v>
      </c>
      <c r="E25713" t="s">
        <v>15891</v>
      </c>
      <c r="F25713" t="s">
        <v>15892</v>
      </c>
      <c r="G25713" t="s">
        <v>10734</v>
      </c>
      <c r="H25713" t="s">
        <v>10735</v>
      </c>
      <c r="I25713" s="2">
        <v>1</v>
      </c>
      <c r="J25713" s="2">
        <v>0</v>
      </c>
      <c r="K25713" s="2">
        <v>0</v>
      </c>
      <c r="L25713" t="s">
        <v>120</v>
      </c>
      <c r="M25713" t="s">
        <v>83</v>
      </c>
      <c r="N25713" t="s">
        <v>91</v>
      </c>
      <c r="O25713" t="s">
        <v>85</v>
      </c>
      <c r="P25713" t="s">
        <v>86</v>
      </c>
      <c r="Q25713">
        <v>26</v>
      </c>
      <c r="R25713">
        <v>26</v>
      </c>
      <c r="S25713">
        <v>26</v>
      </c>
      <c r="T25713">
        <v>27</v>
      </c>
      <c r="U25713">
        <v>27</v>
      </c>
      <c r="V25713">
        <v>27</v>
      </c>
      <c r="W25713">
        <v>27</v>
      </c>
      <c r="X25713">
        <v>27</v>
      </c>
      <c r="Y25713">
        <v>28</v>
      </c>
      <c r="Z25713">
        <v>28</v>
      </c>
      <c r="AA25713">
        <v>28</v>
      </c>
      <c r="AB25713">
        <v>28</v>
      </c>
      <c r="AC25713">
        <v>28</v>
      </c>
      <c r="AD25713">
        <v>28</v>
      </c>
      <c r="AE25713">
        <v>28</v>
      </c>
      <c r="AF25713">
        <v>29</v>
      </c>
      <c r="AG25713">
        <v>29</v>
      </c>
      <c r="AH25713">
        <v>29</v>
      </c>
      <c r="AI25713">
        <v>29</v>
      </c>
      <c r="AJ25713">
        <v>29</v>
      </c>
      <c r="AK25713">
        <v>29</v>
      </c>
      <c r="AL25713">
        <v>29</v>
      </c>
      <c r="AM25713">
        <v>29</v>
      </c>
      <c r="AN25713">
        <v>29</v>
      </c>
      <c r="AO25713">
        <v>29</v>
      </c>
      <c r="AP25713">
        <v>28</v>
      </c>
      <c r="AQ25713">
        <v>28</v>
      </c>
    </row>
    <row r="25714" spans="1:43">
      <c r="A25714" t="s">
        <v>15913</v>
      </c>
      <c r="B25714" t="s">
        <v>15914</v>
      </c>
      <c r="C25714" t="s">
        <v>15905</v>
      </c>
      <c r="D25714" t="s">
        <v>15906</v>
      </c>
      <c r="E25714" t="s">
        <v>15891</v>
      </c>
      <c r="F25714" t="s">
        <v>15892</v>
      </c>
      <c r="G25714" t="s">
        <v>10734</v>
      </c>
      <c r="H25714" t="s">
        <v>10735</v>
      </c>
      <c r="I25714" s="2">
        <v>1</v>
      </c>
      <c r="J25714" s="2">
        <v>0</v>
      </c>
      <c r="K25714" s="2">
        <v>0</v>
      </c>
      <c r="L25714" t="s">
        <v>120</v>
      </c>
      <c r="M25714" t="s">
        <v>83</v>
      </c>
      <c r="N25714" t="s">
        <v>84</v>
      </c>
      <c r="O25714" t="s">
        <v>85</v>
      </c>
      <c r="P25714" t="s">
        <v>86</v>
      </c>
      <c r="Q25714">
        <v>10</v>
      </c>
      <c r="R25714">
        <v>10</v>
      </c>
      <c r="S25714">
        <v>10</v>
      </c>
      <c r="T25714">
        <v>10</v>
      </c>
      <c r="U25714">
        <v>11</v>
      </c>
      <c r="V25714">
        <v>11</v>
      </c>
      <c r="W25714">
        <v>11</v>
      </c>
      <c r="X25714">
        <v>11</v>
      </c>
      <c r="Y25714">
        <v>11</v>
      </c>
      <c r="Z25714">
        <v>11</v>
      </c>
      <c r="AA25714">
        <v>11</v>
      </c>
      <c r="AB25714">
        <v>11</v>
      </c>
      <c r="AC25714">
        <v>11</v>
      </c>
      <c r="AD25714">
        <v>11</v>
      </c>
      <c r="AE25714">
        <v>11</v>
      </c>
      <c r="AF25714">
        <v>11</v>
      </c>
      <c r="AG25714">
        <v>11</v>
      </c>
      <c r="AH25714">
        <v>11</v>
      </c>
      <c r="AI25714">
        <v>11</v>
      </c>
      <c r="AJ25714">
        <v>11</v>
      </c>
      <c r="AK25714">
        <v>11</v>
      </c>
      <c r="AL25714">
        <v>11</v>
      </c>
      <c r="AM25714">
        <v>11</v>
      </c>
      <c r="AN25714">
        <v>11</v>
      </c>
      <c r="AO25714">
        <v>11</v>
      </c>
      <c r="AP25714">
        <v>11</v>
      </c>
      <c r="AQ25714">
        <v>11</v>
      </c>
    </row>
    <row r="25715" spans="1:43">
      <c r="A25715" t="s">
        <v>15913</v>
      </c>
      <c r="B25715" t="s">
        <v>15914</v>
      </c>
      <c r="C25715" t="s">
        <v>15905</v>
      </c>
      <c r="D25715" t="s">
        <v>15906</v>
      </c>
      <c r="E25715" t="s">
        <v>15891</v>
      </c>
      <c r="F25715" t="s">
        <v>15892</v>
      </c>
      <c r="G25715" t="s">
        <v>10734</v>
      </c>
      <c r="H25715" t="s">
        <v>10735</v>
      </c>
      <c r="I25715" s="2">
        <v>1</v>
      </c>
      <c r="J25715" s="2">
        <v>0</v>
      </c>
      <c r="K25715" s="2">
        <v>0</v>
      </c>
      <c r="L25715" t="s">
        <v>120</v>
      </c>
      <c r="M25715" t="s">
        <v>87</v>
      </c>
      <c r="N25715" t="s">
        <v>88</v>
      </c>
      <c r="O25715" t="s">
        <v>85</v>
      </c>
      <c r="P25715" t="s">
        <v>86</v>
      </c>
      <c r="Q25715">
        <v>10</v>
      </c>
      <c r="R25715">
        <v>10</v>
      </c>
      <c r="S25715">
        <v>10</v>
      </c>
      <c r="T25715">
        <v>10</v>
      </c>
      <c r="U25715">
        <v>10</v>
      </c>
      <c r="V25715">
        <v>10</v>
      </c>
      <c r="W25715">
        <v>10</v>
      </c>
      <c r="X25715">
        <v>10</v>
      </c>
      <c r="Y25715">
        <v>10</v>
      </c>
      <c r="Z25715">
        <v>10</v>
      </c>
      <c r="AA25715">
        <v>10</v>
      </c>
      <c r="AB25715">
        <v>10</v>
      </c>
      <c r="AC25715">
        <v>10</v>
      </c>
      <c r="AD25715">
        <v>10</v>
      </c>
      <c r="AE25715">
        <v>10</v>
      </c>
      <c r="AF25715">
        <v>10</v>
      </c>
      <c r="AG25715">
        <v>10</v>
      </c>
      <c r="AH25715">
        <v>10</v>
      </c>
      <c r="AI25715">
        <v>10</v>
      </c>
      <c r="AJ25715">
        <v>10</v>
      </c>
      <c r="AK25715">
        <v>10</v>
      </c>
      <c r="AL25715">
        <v>10</v>
      </c>
      <c r="AM25715">
        <v>10</v>
      </c>
      <c r="AN25715">
        <v>10</v>
      </c>
      <c r="AO25715">
        <v>10</v>
      </c>
      <c r="AP25715">
        <v>10</v>
      </c>
      <c r="AQ25715">
        <v>10</v>
      </c>
    </row>
    <row r="25716" spans="1:43">
      <c r="A25716" t="s">
        <v>15913</v>
      </c>
      <c r="B25716" t="s">
        <v>15914</v>
      </c>
      <c r="C25716" t="s">
        <v>15905</v>
      </c>
      <c r="D25716" t="s">
        <v>15906</v>
      </c>
      <c r="E25716" t="s">
        <v>15891</v>
      </c>
      <c r="F25716" t="s">
        <v>15892</v>
      </c>
      <c r="G25716" t="s">
        <v>10734</v>
      </c>
      <c r="H25716" t="s">
        <v>10735</v>
      </c>
      <c r="I25716" s="2">
        <v>1</v>
      </c>
      <c r="J25716" s="2">
        <v>0</v>
      </c>
      <c r="K25716" s="2">
        <v>0</v>
      </c>
      <c r="L25716" t="s">
        <v>120</v>
      </c>
      <c r="M25716" t="s">
        <v>89</v>
      </c>
      <c r="N25716" t="s">
        <v>90</v>
      </c>
      <c r="O25716" t="s">
        <v>85</v>
      </c>
      <c r="P25716" t="s">
        <v>86</v>
      </c>
      <c r="Q25716">
        <v>10</v>
      </c>
      <c r="R25716">
        <v>10</v>
      </c>
      <c r="S25716">
        <v>11</v>
      </c>
      <c r="T25716">
        <v>11</v>
      </c>
      <c r="U25716">
        <v>11</v>
      </c>
      <c r="V25716">
        <v>11</v>
      </c>
      <c r="W25716">
        <v>11</v>
      </c>
      <c r="X25716">
        <v>11</v>
      </c>
      <c r="Y25716">
        <v>11</v>
      </c>
      <c r="Z25716">
        <v>12</v>
      </c>
      <c r="AA25716">
        <v>12</v>
      </c>
      <c r="AB25716">
        <v>12</v>
      </c>
      <c r="AC25716">
        <v>12</v>
      </c>
      <c r="AD25716">
        <v>12</v>
      </c>
      <c r="AE25716">
        <v>12</v>
      </c>
      <c r="AF25716">
        <v>12</v>
      </c>
      <c r="AG25716">
        <v>12</v>
      </c>
      <c r="AH25716">
        <v>12</v>
      </c>
      <c r="AI25716">
        <v>12</v>
      </c>
      <c r="AJ25716">
        <v>12</v>
      </c>
      <c r="AK25716">
        <v>12</v>
      </c>
      <c r="AL25716">
        <v>12</v>
      </c>
      <c r="AM25716">
        <v>11</v>
      </c>
      <c r="AN25716">
        <v>11</v>
      </c>
      <c r="AO25716">
        <v>11</v>
      </c>
      <c r="AP25716">
        <v>11</v>
      </c>
      <c r="AQ25716">
        <v>11</v>
      </c>
    </row>
    <row r="25717" spans="1:43">
      <c r="A25717" t="s">
        <v>15913</v>
      </c>
      <c r="B25717" t="s">
        <v>15914</v>
      </c>
      <c r="C25717" t="s">
        <v>15905</v>
      </c>
      <c r="D25717" t="s">
        <v>15906</v>
      </c>
      <c r="E25717" t="s">
        <v>15891</v>
      </c>
      <c r="F25717" t="s">
        <v>15892</v>
      </c>
      <c r="G25717" t="s">
        <v>10734</v>
      </c>
      <c r="H25717" t="s">
        <v>10735</v>
      </c>
      <c r="I25717" s="2">
        <v>1</v>
      </c>
      <c r="J25717" s="2">
        <v>0</v>
      </c>
      <c r="K25717" s="2">
        <v>0</v>
      </c>
      <c r="L25717" t="s">
        <v>120</v>
      </c>
      <c r="M25717" t="s">
        <v>83</v>
      </c>
      <c r="N25717" t="s">
        <v>91</v>
      </c>
      <c r="O25717" t="s">
        <v>85</v>
      </c>
      <c r="P25717" t="s">
        <v>86</v>
      </c>
      <c r="Q25717">
        <v>10</v>
      </c>
      <c r="R25717">
        <v>10</v>
      </c>
      <c r="S25717">
        <v>10</v>
      </c>
      <c r="T25717">
        <v>10</v>
      </c>
      <c r="U25717">
        <v>11</v>
      </c>
      <c r="V25717">
        <v>11</v>
      </c>
      <c r="W25717">
        <v>11</v>
      </c>
      <c r="X25717">
        <v>11</v>
      </c>
      <c r="Y25717">
        <v>11</v>
      </c>
      <c r="Z25717">
        <v>11</v>
      </c>
      <c r="AA25717">
        <v>11</v>
      </c>
      <c r="AB25717">
        <v>11</v>
      </c>
      <c r="AC25717">
        <v>11</v>
      </c>
      <c r="AD25717">
        <v>11</v>
      </c>
      <c r="AE25717">
        <v>11</v>
      </c>
      <c r="AF25717">
        <v>11</v>
      </c>
      <c r="AG25717">
        <v>11</v>
      </c>
      <c r="AH25717">
        <v>11</v>
      </c>
      <c r="AI25717">
        <v>11</v>
      </c>
      <c r="AJ25717">
        <v>11</v>
      </c>
      <c r="AK25717">
        <v>11</v>
      </c>
      <c r="AL25717">
        <v>11</v>
      </c>
      <c r="AM25717">
        <v>11</v>
      </c>
      <c r="AN25717">
        <v>11</v>
      </c>
      <c r="AO25717">
        <v>11</v>
      </c>
      <c r="AP25717">
        <v>11</v>
      </c>
      <c r="AQ25717">
        <v>11</v>
      </c>
    </row>
    <row r="25718" spans="1:43">
      <c r="A25718" t="s">
        <v>15915</v>
      </c>
      <c r="B25718" t="s">
        <v>15916</v>
      </c>
      <c r="C25718" t="s">
        <v>15917</v>
      </c>
      <c r="D25718" t="s">
        <v>15918</v>
      </c>
      <c r="E25718" t="s">
        <v>15891</v>
      </c>
      <c r="F25718" t="s">
        <v>15892</v>
      </c>
      <c r="G25718" t="s">
        <v>10734</v>
      </c>
      <c r="H25718" t="s">
        <v>10735</v>
      </c>
      <c r="I25718" s="2">
        <v>1</v>
      </c>
      <c r="J25718" s="2">
        <v>0</v>
      </c>
      <c r="K25718" s="2">
        <v>0</v>
      </c>
      <c r="L25718" t="s">
        <v>120</v>
      </c>
      <c r="M25718" t="s">
        <v>83</v>
      </c>
      <c r="N25718" t="s">
        <v>84</v>
      </c>
      <c r="O25718" t="s">
        <v>85</v>
      </c>
      <c r="P25718" t="s">
        <v>86</v>
      </c>
      <c r="Q25718">
        <v>15</v>
      </c>
      <c r="R25718">
        <v>15</v>
      </c>
      <c r="S25718">
        <v>16</v>
      </c>
      <c r="T25718">
        <v>16</v>
      </c>
      <c r="U25718">
        <v>16</v>
      </c>
      <c r="V25718">
        <v>16</v>
      </c>
      <c r="W25718">
        <v>16</v>
      </c>
      <c r="X25718">
        <v>16</v>
      </c>
      <c r="Y25718">
        <v>16</v>
      </c>
      <c r="Z25718">
        <v>16</v>
      </c>
      <c r="AA25718">
        <v>16</v>
      </c>
      <c r="AB25718">
        <v>17</v>
      </c>
      <c r="AC25718">
        <v>17</v>
      </c>
      <c r="AD25718">
        <v>17</v>
      </c>
      <c r="AE25718">
        <v>17</v>
      </c>
      <c r="AF25718">
        <v>17</v>
      </c>
      <c r="AG25718">
        <v>17</v>
      </c>
      <c r="AH25718">
        <v>17</v>
      </c>
      <c r="AI25718">
        <v>17</v>
      </c>
      <c r="AJ25718">
        <v>17</v>
      </c>
      <c r="AK25718">
        <v>17</v>
      </c>
      <c r="AL25718">
        <v>17</v>
      </c>
      <c r="AM25718">
        <v>17</v>
      </c>
      <c r="AN25718">
        <v>17</v>
      </c>
      <c r="AO25718">
        <v>17</v>
      </c>
      <c r="AP25718">
        <v>17</v>
      </c>
      <c r="AQ25718">
        <v>17</v>
      </c>
    </row>
    <row r="25719" spans="1:43">
      <c r="A25719" t="s">
        <v>15915</v>
      </c>
      <c r="B25719" t="s">
        <v>15916</v>
      </c>
      <c r="C25719" t="s">
        <v>15917</v>
      </c>
      <c r="D25719" t="s">
        <v>15918</v>
      </c>
      <c r="E25719" t="s">
        <v>15891</v>
      </c>
      <c r="F25719" t="s">
        <v>15892</v>
      </c>
      <c r="G25719" t="s">
        <v>10734</v>
      </c>
      <c r="H25719" t="s">
        <v>10735</v>
      </c>
      <c r="I25719" s="2">
        <v>1</v>
      </c>
      <c r="J25719" s="2">
        <v>0</v>
      </c>
      <c r="K25719" s="2">
        <v>0</v>
      </c>
      <c r="L25719" t="s">
        <v>120</v>
      </c>
      <c r="M25719" t="s">
        <v>87</v>
      </c>
      <c r="N25719" t="s">
        <v>88</v>
      </c>
      <c r="O25719" t="s">
        <v>85</v>
      </c>
      <c r="P25719" t="s">
        <v>86</v>
      </c>
      <c r="Q25719">
        <v>15</v>
      </c>
      <c r="R25719">
        <v>15</v>
      </c>
      <c r="S25719">
        <v>15</v>
      </c>
      <c r="T25719">
        <v>15</v>
      </c>
      <c r="U25719">
        <v>15</v>
      </c>
      <c r="V25719">
        <v>15</v>
      </c>
      <c r="W25719">
        <v>15</v>
      </c>
      <c r="X25719">
        <v>15</v>
      </c>
      <c r="Y25719">
        <v>15</v>
      </c>
      <c r="Z25719">
        <v>15</v>
      </c>
      <c r="AA25719">
        <v>15</v>
      </c>
      <c r="AB25719">
        <v>15</v>
      </c>
      <c r="AC25719">
        <v>15</v>
      </c>
      <c r="AD25719">
        <v>15</v>
      </c>
      <c r="AE25719">
        <v>15</v>
      </c>
      <c r="AF25719">
        <v>15</v>
      </c>
      <c r="AG25719">
        <v>15</v>
      </c>
      <c r="AH25719">
        <v>15</v>
      </c>
      <c r="AI25719">
        <v>15</v>
      </c>
      <c r="AJ25719">
        <v>15</v>
      </c>
      <c r="AK25719">
        <v>15</v>
      </c>
      <c r="AL25719">
        <v>15</v>
      </c>
      <c r="AM25719">
        <v>15</v>
      </c>
      <c r="AN25719">
        <v>15</v>
      </c>
      <c r="AO25719">
        <v>15</v>
      </c>
      <c r="AP25719">
        <v>15</v>
      </c>
      <c r="AQ25719">
        <v>14</v>
      </c>
    </row>
    <row r="25720" spans="1:43">
      <c r="A25720" t="s">
        <v>15915</v>
      </c>
      <c r="B25720" t="s">
        <v>15916</v>
      </c>
      <c r="C25720" t="s">
        <v>15917</v>
      </c>
      <c r="D25720" t="s">
        <v>15918</v>
      </c>
      <c r="E25720" t="s">
        <v>15891</v>
      </c>
      <c r="F25720" t="s">
        <v>15892</v>
      </c>
      <c r="G25720" t="s">
        <v>10734</v>
      </c>
      <c r="H25720" t="s">
        <v>10735</v>
      </c>
      <c r="I25720" s="2">
        <v>1</v>
      </c>
      <c r="J25720" s="2">
        <v>0</v>
      </c>
      <c r="K25720" s="2">
        <v>0</v>
      </c>
      <c r="L25720" t="s">
        <v>120</v>
      </c>
      <c r="M25720" t="s">
        <v>89</v>
      </c>
      <c r="N25720" t="s">
        <v>90</v>
      </c>
      <c r="O25720" t="s">
        <v>85</v>
      </c>
      <c r="P25720" t="s">
        <v>86</v>
      </c>
      <c r="Q25720">
        <v>15</v>
      </c>
      <c r="R25720">
        <v>15</v>
      </c>
      <c r="S25720">
        <v>15</v>
      </c>
      <c r="T25720">
        <v>15</v>
      </c>
      <c r="U25720">
        <v>15</v>
      </c>
      <c r="V25720">
        <v>16</v>
      </c>
      <c r="W25720">
        <v>16</v>
      </c>
      <c r="X25720">
        <v>16</v>
      </c>
      <c r="Y25720">
        <v>16</v>
      </c>
      <c r="Z25720">
        <v>16</v>
      </c>
      <c r="AA25720">
        <v>17</v>
      </c>
      <c r="AB25720">
        <v>17</v>
      </c>
      <c r="AC25720">
        <v>17</v>
      </c>
      <c r="AD25720">
        <v>17</v>
      </c>
      <c r="AE25720">
        <v>17</v>
      </c>
      <c r="AF25720">
        <v>17</v>
      </c>
      <c r="AG25720">
        <v>17</v>
      </c>
      <c r="AH25720">
        <v>17</v>
      </c>
      <c r="AI25720">
        <v>17</v>
      </c>
      <c r="AJ25720">
        <v>17</v>
      </c>
      <c r="AK25720">
        <v>17</v>
      </c>
      <c r="AL25720">
        <v>16</v>
      </c>
      <c r="AM25720">
        <v>16</v>
      </c>
      <c r="AN25720">
        <v>16</v>
      </c>
      <c r="AO25720">
        <v>16</v>
      </c>
      <c r="AP25720">
        <v>16</v>
      </c>
      <c r="AQ25720">
        <v>16</v>
      </c>
    </row>
    <row r="25721" spans="1:43">
      <c r="A25721" t="s">
        <v>15915</v>
      </c>
      <c r="B25721" t="s">
        <v>15916</v>
      </c>
      <c r="C25721" t="s">
        <v>15917</v>
      </c>
      <c r="D25721" t="s">
        <v>15918</v>
      </c>
      <c r="E25721" t="s">
        <v>15891</v>
      </c>
      <c r="F25721" t="s">
        <v>15892</v>
      </c>
      <c r="G25721" t="s">
        <v>10734</v>
      </c>
      <c r="H25721" t="s">
        <v>10735</v>
      </c>
      <c r="I25721" s="2">
        <v>1</v>
      </c>
      <c r="J25721" s="2">
        <v>0</v>
      </c>
      <c r="K25721" s="2">
        <v>0</v>
      </c>
      <c r="L25721" t="s">
        <v>120</v>
      </c>
      <c r="M25721" t="s">
        <v>83</v>
      </c>
      <c r="N25721" t="s">
        <v>91</v>
      </c>
      <c r="O25721" t="s">
        <v>85</v>
      </c>
      <c r="P25721" t="s">
        <v>86</v>
      </c>
      <c r="Q25721">
        <v>15</v>
      </c>
      <c r="R25721">
        <v>15</v>
      </c>
      <c r="S25721">
        <v>16</v>
      </c>
      <c r="T25721">
        <v>16</v>
      </c>
      <c r="U25721">
        <v>16</v>
      </c>
      <c r="V25721">
        <v>16</v>
      </c>
      <c r="W25721">
        <v>16</v>
      </c>
      <c r="X25721">
        <v>16</v>
      </c>
      <c r="Y25721">
        <v>16</v>
      </c>
      <c r="Z25721">
        <v>16</v>
      </c>
      <c r="AA25721">
        <v>16</v>
      </c>
      <c r="AB25721">
        <v>17</v>
      </c>
      <c r="AC25721">
        <v>17</v>
      </c>
      <c r="AD25721">
        <v>17</v>
      </c>
      <c r="AE25721">
        <v>17</v>
      </c>
      <c r="AF25721">
        <v>17</v>
      </c>
      <c r="AG25721">
        <v>17</v>
      </c>
      <c r="AH25721">
        <v>17</v>
      </c>
      <c r="AI25721">
        <v>17</v>
      </c>
      <c r="AJ25721">
        <v>17</v>
      </c>
      <c r="AK25721">
        <v>17</v>
      </c>
      <c r="AL25721">
        <v>17</v>
      </c>
      <c r="AM25721">
        <v>17</v>
      </c>
      <c r="AN25721">
        <v>17</v>
      </c>
      <c r="AO25721">
        <v>17</v>
      </c>
      <c r="AP25721">
        <v>17</v>
      </c>
      <c r="AQ25721">
        <v>17</v>
      </c>
    </row>
    <row r="25722" spans="1:43">
      <c r="A25722" t="s">
        <v>15919</v>
      </c>
      <c r="B25722" t="s">
        <v>15920</v>
      </c>
      <c r="C25722" t="s">
        <v>15917</v>
      </c>
      <c r="D25722" t="s">
        <v>15918</v>
      </c>
      <c r="E25722" t="s">
        <v>15891</v>
      </c>
      <c r="F25722" t="s">
        <v>15892</v>
      </c>
      <c r="G25722" t="s">
        <v>10734</v>
      </c>
      <c r="H25722" t="s">
        <v>10735</v>
      </c>
      <c r="I25722" s="2">
        <v>1</v>
      </c>
      <c r="J25722" s="2">
        <v>0</v>
      </c>
      <c r="K25722" s="2">
        <v>0</v>
      </c>
      <c r="L25722" t="s">
        <v>120</v>
      </c>
      <c r="M25722" t="s">
        <v>83</v>
      </c>
      <c r="N25722" t="s">
        <v>84</v>
      </c>
      <c r="O25722" t="s">
        <v>85</v>
      </c>
      <c r="P25722" t="s">
        <v>86</v>
      </c>
      <c r="Q25722">
        <v>13</v>
      </c>
      <c r="R25722">
        <v>13</v>
      </c>
      <c r="S25722">
        <v>13</v>
      </c>
      <c r="T25722">
        <v>13</v>
      </c>
      <c r="U25722">
        <v>13</v>
      </c>
      <c r="V25722">
        <v>14</v>
      </c>
      <c r="W25722">
        <v>14</v>
      </c>
      <c r="X25722">
        <v>14</v>
      </c>
      <c r="Y25722">
        <v>14</v>
      </c>
      <c r="Z25722">
        <v>14</v>
      </c>
      <c r="AA25722">
        <v>14</v>
      </c>
      <c r="AB25722">
        <v>14</v>
      </c>
      <c r="AC25722">
        <v>14</v>
      </c>
      <c r="AD25722">
        <v>14</v>
      </c>
      <c r="AE25722">
        <v>14</v>
      </c>
      <c r="AF25722">
        <v>14</v>
      </c>
      <c r="AG25722">
        <v>14</v>
      </c>
      <c r="AH25722">
        <v>14</v>
      </c>
      <c r="AI25722">
        <v>14</v>
      </c>
      <c r="AJ25722">
        <v>14</v>
      </c>
      <c r="AK25722">
        <v>14</v>
      </c>
      <c r="AL25722">
        <v>14</v>
      </c>
      <c r="AM25722">
        <v>14</v>
      </c>
      <c r="AN25722">
        <v>14</v>
      </c>
      <c r="AO25722">
        <v>14</v>
      </c>
      <c r="AP25722">
        <v>14</v>
      </c>
      <c r="AQ25722">
        <v>14</v>
      </c>
    </row>
    <row r="25723" spans="1:43">
      <c r="A25723" t="s">
        <v>15919</v>
      </c>
      <c r="B25723" t="s">
        <v>15920</v>
      </c>
      <c r="C25723" t="s">
        <v>15917</v>
      </c>
      <c r="D25723" t="s">
        <v>15918</v>
      </c>
      <c r="E25723" t="s">
        <v>15891</v>
      </c>
      <c r="F25723" t="s">
        <v>15892</v>
      </c>
      <c r="G25723" t="s">
        <v>10734</v>
      </c>
      <c r="H25723" t="s">
        <v>10735</v>
      </c>
      <c r="I25723" s="2">
        <v>1</v>
      </c>
      <c r="J25723" s="2">
        <v>0</v>
      </c>
      <c r="K25723" s="2">
        <v>0</v>
      </c>
      <c r="L25723" t="s">
        <v>120</v>
      </c>
      <c r="M25723" t="s">
        <v>87</v>
      </c>
      <c r="N25723" t="s">
        <v>88</v>
      </c>
      <c r="O25723" t="s">
        <v>85</v>
      </c>
      <c r="P25723" t="s">
        <v>86</v>
      </c>
      <c r="Q25723">
        <v>13</v>
      </c>
      <c r="R25723">
        <v>13</v>
      </c>
      <c r="S25723">
        <v>13</v>
      </c>
      <c r="T25723">
        <v>13</v>
      </c>
      <c r="U25723">
        <v>13</v>
      </c>
      <c r="V25723">
        <v>13</v>
      </c>
      <c r="W25723">
        <v>13</v>
      </c>
      <c r="X25723">
        <v>13</v>
      </c>
      <c r="Y25723">
        <v>13</v>
      </c>
      <c r="Z25723">
        <v>13</v>
      </c>
      <c r="AA25723">
        <v>13</v>
      </c>
      <c r="AB25723">
        <v>13</v>
      </c>
      <c r="AC25723">
        <v>13</v>
      </c>
      <c r="AD25723">
        <v>13</v>
      </c>
      <c r="AE25723">
        <v>13</v>
      </c>
      <c r="AF25723">
        <v>13</v>
      </c>
      <c r="AG25723">
        <v>13</v>
      </c>
      <c r="AH25723">
        <v>12</v>
      </c>
      <c r="AI25723">
        <v>12</v>
      </c>
      <c r="AJ25723">
        <v>12</v>
      </c>
      <c r="AK25723">
        <v>12</v>
      </c>
      <c r="AL25723">
        <v>12</v>
      </c>
      <c r="AM25723">
        <v>12</v>
      </c>
      <c r="AN25723">
        <v>12</v>
      </c>
      <c r="AO25723">
        <v>12</v>
      </c>
      <c r="AP25723">
        <v>12</v>
      </c>
      <c r="AQ25723">
        <v>12</v>
      </c>
    </row>
    <row r="25724" spans="1:43">
      <c r="A25724" t="s">
        <v>15919</v>
      </c>
      <c r="B25724" t="s">
        <v>15920</v>
      </c>
      <c r="C25724" t="s">
        <v>15917</v>
      </c>
      <c r="D25724" t="s">
        <v>15918</v>
      </c>
      <c r="E25724" t="s">
        <v>15891</v>
      </c>
      <c r="F25724" t="s">
        <v>15892</v>
      </c>
      <c r="G25724" t="s">
        <v>10734</v>
      </c>
      <c r="H25724" t="s">
        <v>10735</v>
      </c>
      <c r="I25724" s="2">
        <v>1</v>
      </c>
      <c r="J25724" s="2">
        <v>0</v>
      </c>
      <c r="K25724" s="2">
        <v>0</v>
      </c>
      <c r="L25724" t="s">
        <v>120</v>
      </c>
      <c r="M25724" t="s">
        <v>89</v>
      </c>
      <c r="N25724" t="s">
        <v>90</v>
      </c>
      <c r="O25724" t="s">
        <v>85</v>
      </c>
      <c r="P25724" t="s">
        <v>86</v>
      </c>
      <c r="Q25724">
        <v>13</v>
      </c>
      <c r="R25724">
        <v>13</v>
      </c>
      <c r="S25724">
        <v>14</v>
      </c>
      <c r="T25724">
        <v>14</v>
      </c>
      <c r="U25724">
        <v>14</v>
      </c>
      <c r="V25724">
        <v>14</v>
      </c>
      <c r="W25724">
        <v>14</v>
      </c>
      <c r="X25724">
        <v>14</v>
      </c>
      <c r="Y25724">
        <v>15</v>
      </c>
      <c r="Z25724">
        <v>15</v>
      </c>
      <c r="AA25724">
        <v>15</v>
      </c>
      <c r="AB25724">
        <v>15</v>
      </c>
      <c r="AC25724">
        <v>15</v>
      </c>
      <c r="AD25724">
        <v>15</v>
      </c>
      <c r="AE25724">
        <v>15</v>
      </c>
      <c r="AF25724">
        <v>15</v>
      </c>
      <c r="AG25724">
        <v>15</v>
      </c>
      <c r="AH25724">
        <v>15</v>
      </c>
      <c r="AI25724">
        <v>15</v>
      </c>
      <c r="AJ25724">
        <v>15</v>
      </c>
      <c r="AK25724">
        <v>15</v>
      </c>
      <c r="AL25724">
        <v>15</v>
      </c>
      <c r="AM25724">
        <v>14</v>
      </c>
      <c r="AN25724">
        <v>14</v>
      </c>
      <c r="AO25724">
        <v>14</v>
      </c>
      <c r="AP25724">
        <v>14</v>
      </c>
      <c r="AQ25724">
        <v>14</v>
      </c>
    </row>
    <row r="25725" spans="1:43">
      <c r="A25725" t="s">
        <v>15919</v>
      </c>
      <c r="B25725" t="s">
        <v>15920</v>
      </c>
      <c r="C25725" t="s">
        <v>15917</v>
      </c>
      <c r="D25725" t="s">
        <v>15918</v>
      </c>
      <c r="E25725" t="s">
        <v>15891</v>
      </c>
      <c r="F25725" t="s">
        <v>15892</v>
      </c>
      <c r="G25725" t="s">
        <v>10734</v>
      </c>
      <c r="H25725" t="s">
        <v>10735</v>
      </c>
      <c r="I25725" s="2">
        <v>1</v>
      </c>
      <c r="J25725" s="2">
        <v>0</v>
      </c>
      <c r="K25725" s="2">
        <v>0</v>
      </c>
      <c r="L25725" t="s">
        <v>120</v>
      </c>
      <c r="M25725" t="s">
        <v>83</v>
      </c>
      <c r="N25725" t="s">
        <v>91</v>
      </c>
      <c r="O25725" t="s">
        <v>85</v>
      </c>
      <c r="P25725" t="s">
        <v>86</v>
      </c>
      <c r="Q25725">
        <v>13</v>
      </c>
      <c r="R25725">
        <v>13</v>
      </c>
      <c r="S25725">
        <v>13</v>
      </c>
      <c r="T25725">
        <v>13</v>
      </c>
      <c r="U25725">
        <v>13</v>
      </c>
      <c r="V25725">
        <v>14</v>
      </c>
      <c r="W25725">
        <v>14</v>
      </c>
      <c r="X25725">
        <v>14</v>
      </c>
      <c r="Y25725">
        <v>14</v>
      </c>
      <c r="Z25725">
        <v>14</v>
      </c>
      <c r="AA25725">
        <v>14</v>
      </c>
      <c r="AB25725">
        <v>14</v>
      </c>
      <c r="AC25725">
        <v>14</v>
      </c>
      <c r="AD25725">
        <v>14</v>
      </c>
      <c r="AE25725">
        <v>14</v>
      </c>
      <c r="AF25725">
        <v>14</v>
      </c>
      <c r="AG25725">
        <v>14</v>
      </c>
      <c r="AH25725">
        <v>14</v>
      </c>
      <c r="AI25725">
        <v>14</v>
      </c>
      <c r="AJ25725">
        <v>14</v>
      </c>
      <c r="AK25725">
        <v>14</v>
      </c>
      <c r="AL25725">
        <v>14</v>
      </c>
      <c r="AM25725">
        <v>14</v>
      </c>
      <c r="AN25725">
        <v>14</v>
      </c>
      <c r="AO25725">
        <v>14</v>
      </c>
      <c r="AP25725">
        <v>14</v>
      </c>
      <c r="AQ25725">
        <v>14</v>
      </c>
    </row>
    <row r="25726" spans="1:43">
      <c r="A25726" t="s">
        <v>15921</v>
      </c>
      <c r="B25726" t="s">
        <v>15922</v>
      </c>
      <c r="C25726" t="s">
        <v>15923</v>
      </c>
      <c r="D25726" t="s">
        <v>15924</v>
      </c>
      <c r="E25726" t="s">
        <v>15891</v>
      </c>
      <c r="F25726" t="s">
        <v>15892</v>
      </c>
      <c r="G25726" t="s">
        <v>10734</v>
      </c>
      <c r="H25726" t="s">
        <v>10735</v>
      </c>
      <c r="I25726" s="2">
        <v>1</v>
      </c>
      <c r="J25726" s="2">
        <v>0</v>
      </c>
      <c r="K25726" s="2">
        <v>0</v>
      </c>
      <c r="L25726" t="s">
        <v>120</v>
      </c>
      <c r="M25726" t="s">
        <v>83</v>
      </c>
      <c r="N25726" t="s">
        <v>84</v>
      </c>
      <c r="O25726" t="s">
        <v>85</v>
      </c>
      <c r="P25726" t="s">
        <v>86</v>
      </c>
      <c r="Q25726">
        <v>15</v>
      </c>
      <c r="R25726">
        <v>15</v>
      </c>
      <c r="S25726">
        <v>15</v>
      </c>
      <c r="T25726">
        <v>15</v>
      </c>
      <c r="U25726">
        <v>15</v>
      </c>
      <c r="V25726">
        <v>15</v>
      </c>
      <c r="W25726">
        <v>15</v>
      </c>
      <c r="X25726">
        <v>15</v>
      </c>
      <c r="Y25726">
        <v>16</v>
      </c>
      <c r="Z25726">
        <v>16</v>
      </c>
      <c r="AA25726">
        <v>16</v>
      </c>
      <c r="AB25726">
        <v>16</v>
      </c>
      <c r="AC25726">
        <v>16</v>
      </c>
      <c r="AD25726">
        <v>16</v>
      </c>
      <c r="AE25726">
        <v>16</v>
      </c>
      <c r="AF25726">
        <v>16</v>
      </c>
      <c r="AG25726">
        <v>16</v>
      </c>
      <c r="AH25726">
        <v>16</v>
      </c>
      <c r="AI25726">
        <v>16</v>
      </c>
      <c r="AJ25726">
        <v>16</v>
      </c>
      <c r="AK25726">
        <v>16</v>
      </c>
      <c r="AL25726">
        <v>16</v>
      </c>
      <c r="AM25726">
        <v>16</v>
      </c>
      <c r="AN25726">
        <v>16</v>
      </c>
      <c r="AO25726">
        <v>16</v>
      </c>
      <c r="AP25726">
        <v>16</v>
      </c>
      <c r="AQ25726">
        <v>16</v>
      </c>
    </row>
    <row r="25727" spans="1:43">
      <c r="A25727" t="s">
        <v>15921</v>
      </c>
      <c r="B25727" t="s">
        <v>15922</v>
      </c>
      <c r="C25727" t="s">
        <v>15923</v>
      </c>
      <c r="D25727" t="s">
        <v>15924</v>
      </c>
      <c r="E25727" t="s">
        <v>15891</v>
      </c>
      <c r="F25727" t="s">
        <v>15892</v>
      </c>
      <c r="G25727" t="s">
        <v>10734</v>
      </c>
      <c r="H25727" t="s">
        <v>10735</v>
      </c>
      <c r="I25727" s="2">
        <v>1</v>
      </c>
      <c r="J25727" s="2">
        <v>0</v>
      </c>
      <c r="K25727" s="2">
        <v>0</v>
      </c>
      <c r="L25727" t="s">
        <v>120</v>
      </c>
      <c r="M25727" t="s">
        <v>87</v>
      </c>
      <c r="N25727" t="s">
        <v>88</v>
      </c>
      <c r="O25727" t="s">
        <v>85</v>
      </c>
      <c r="P25727" t="s">
        <v>86</v>
      </c>
      <c r="Q25727">
        <v>15</v>
      </c>
      <c r="R25727">
        <v>15</v>
      </c>
      <c r="S25727">
        <v>15</v>
      </c>
      <c r="T25727">
        <v>15</v>
      </c>
      <c r="U25727">
        <v>15</v>
      </c>
      <c r="V25727">
        <v>14</v>
      </c>
      <c r="W25727">
        <v>14</v>
      </c>
      <c r="X25727">
        <v>14</v>
      </c>
      <c r="Y25727">
        <v>14</v>
      </c>
      <c r="Z25727">
        <v>14</v>
      </c>
      <c r="AA25727">
        <v>14</v>
      </c>
      <c r="AB25727">
        <v>14</v>
      </c>
      <c r="AC25727">
        <v>14</v>
      </c>
      <c r="AD25727">
        <v>14</v>
      </c>
      <c r="AE25727">
        <v>14</v>
      </c>
      <c r="AF25727">
        <v>14</v>
      </c>
      <c r="AG25727">
        <v>14</v>
      </c>
      <c r="AH25727">
        <v>14</v>
      </c>
      <c r="AI25727">
        <v>14</v>
      </c>
      <c r="AJ25727">
        <v>14</v>
      </c>
      <c r="AK25727">
        <v>14</v>
      </c>
      <c r="AL25727">
        <v>14</v>
      </c>
      <c r="AM25727">
        <v>14</v>
      </c>
      <c r="AN25727">
        <v>14</v>
      </c>
      <c r="AO25727">
        <v>14</v>
      </c>
      <c r="AP25727">
        <v>14</v>
      </c>
      <c r="AQ25727">
        <v>14</v>
      </c>
    </row>
    <row r="25728" spans="1:43">
      <c r="A25728" t="s">
        <v>15921</v>
      </c>
      <c r="B25728" t="s">
        <v>15922</v>
      </c>
      <c r="C25728" t="s">
        <v>15923</v>
      </c>
      <c r="D25728" t="s">
        <v>15924</v>
      </c>
      <c r="E25728" t="s">
        <v>15891</v>
      </c>
      <c r="F25728" t="s">
        <v>15892</v>
      </c>
      <c r="G25728" t="s">
        <v>10734</v>
      </c>
      <c r="H25728" t="s">
        <v>10735</v>
      </c>
      <c r="I25728" s="2">
        <v>1</v>
      </c>
      <c r="J25728" s="2">
        <v>0</v>
      </c>
      <c r="K25728" s="2">
        <v>0</v>
      </c>
      <c r="L25728" t="s">
        <v>120</v>
      </c>
      <c r="M25728" t="s">
        <v>89</v>
      </c>
      <c r="N25728" t="s">
        <v>90</v>
      </c>
      <c r="O25728" t="s">
        <v>85</v>
      </c>
      <c r="P25728" t="s">
        <v>86</v>
      </c>
      <c r="Q25728">
        <v>15</v>
      </c>
      <c r="R25728">
        <v>15</v>
      </c>
      <c r="S25728">
        <v>15</v>
      </c>
      <c r="T25728">
        <v>16</v>
      </c>
      <c r="U25728">
        <v>16</v>
      </c>
      <c r="V25728">
        <v>16</v>
      </c>
      <c r="W25728">
        <v>16</v>
      </c>
      <c r="X25728">
        <v>16</v>
      </c>
      <c r="Y25728">
        <v>16</v>
      </c>
      <c r="Z25728">
        <v>17</v>
      </c>
      <c r="AA25728">
        <v>17</v>
      </c>
      <c r="AB25728">
        <v>17</v>
      </c>
      <c r="AC25728">
        <v>17</v>
      </c>
      <c r="AD25728">
        <v>17</v>
      </c>
      <c r="AE25728">
        <v>17</v>
      </c>
      <c r="AF25728">
        <v>17</v>
      </c>
      <c r="AG25728">
        <v>17</v>
      </c>
      <c r="AH25728">
        <v>17</v>
      </c>
      <c r="AI25728">
        <v>17</v>
      </c>
      <c r="AJ25728">
        <v>17</v>
      </c>
      <c r="AK25728">
        <v>16</v>
      </c>
      <c r="AL25728">
        <v>16</v>
      </c>
      <c r="AM25728">
        <v>16</v>
      </c>
      <c r="AN25728">
        <v>16</v>
      </c>
      <c r="AO25728">
        <v>16</v>
      </c>
      <c r="AP25728">
        <v>16</v>
      </c>
      <c r="AQ25728">
        <v>16</v>
      </c>
    </row>
    <row r="25729" spans="1:43">
      <c r="A25729" t="s">
        <v>15921</v>
      </c>
      <c r="B25729" t="s">
        <v>15922</v>
      </c>
      <c r="C25729" t="s">
        <v>15923</v>
      </c>
      <c r="D25729" t="s">
        <v>15924</v>
      </c>
      <c r="E25729" t="s">
        <v>15891</v>
      </c>
      <c r="F25729" t="s">
        <v>15892</v>
      </c>
      <c r="G25729" t="s">
        <v>10734</v>
      </c>
      <c r="H25729" t="s">
        <v>10735</v>
      </c>
      <c r="I25729" s="2">
        <v>1</v>
      </c>
      <c r="J25729" s="2">
        <v>0</v>
      </c>
      <c r="K25729" s="2">
        <v>0</v>
      </c>
      <c r="L25729" t="s">
        <v>120</v>
      </c>
      <c r="M25729" t="s">
        <v>83</v>
      </c>
      <c r="N25729" t="s">
        <v>91</v>
      </c>
      <c r="O25729" t="s">
        <v>85</v>
      </c>
      <c r="P25729" t="s">
        <v>86</v>
      </c>
      <c r="Q25729">
        <v>15</v>
      </c>
      <c r="R25729">
        <v>15</v>
      </c>
      <c r="S25729">
        <v>15</v>
      </c>
      <c r="T25729">
        <v>15</v>
      </c>
      <c r="U25729">
        <v>15</v>
      </c>
      <c r="V25729">
        <v>15</v>
      </c>
      <c r="W25729">
        <v>15</v>
      </c>
      <c r="X25729">
        <v>15</v>
      </c>
      <c r="Y25729">
        <v>16</v>
      </c>
      <c r="Z25729">
        <v>16</v>
      </c>
      <c r="AA25729">
        <v>16</v>
      </c>
      <c r="AB25729">
        <v>16</v>
      </c>
      <c r="AC25729">
        <v>16</v>
      </c>
      <c r="AD25729">
        <v>16</v>
      </c>
      <c r="AE25729">
        <v>16</v>
      </c>
      <c r="AF25729">
        <v>16</v>
      </c>
      <c r="AG25729">
        <v>16</v>
      </c>
      <c r="AH25729">
        <v>16</v>
      </c>
      <c r="AI25729">
        <v>16</v>
      </c>
      <c r="AJ25729">
        <v>16</v>
      </c>
      <c r="AK25729">
        <v>16</v>
      </c>
      <c r="AL25729">
        <v>16</v>
      </c>
      <c r="AM25729">
        <v>16</v>
      </c>
      <c r="AN25729">
        <v>16</v>
      </c>
      <c r="AO25729">
        <v>16</v>
      </c>
      <c r="AP25729">
        <v>16</v>
      </c>
      <c r="AQ25729">
        <v>16</v>
      </c>
    </row>
    <row r="25730" spans="1:43">
      <c r="A25730" t="s">
        <v>15925</v>
      </c>
      <c r="B25730" t="s">
        <v>15926</v>
      </c>
      <c r="C25730" t="s">
        <v>15917</v>
      </c>
      <c r="D25730" t="s">
        <v>15918</v>
      </c>
      <c r="E25730" t="s">
        <v>15891</v>
      </c>
      <c r="F25730" t="s">
        <v>15892</v>
      </c>
      <c r="G25730" t="s">
        <v>10734</v>
      </c>
      <c r="H25730" t="s">
        <v>10735</v>
      </c>
      <c r="I25730" s="2">
        <v>1</v>
      </c>
      <c r="J25730" s="2">
        <v>0</v>
      </c>
      <c r="K25730" s="2">
        <v>0</v>
      </c>
      <c r="L25730" t="s">
        <v>120</v>
      </c>
      <c r="M25730" t="s">
        <v>83</v>
      </c>
      <c r="N25730" t="s">
        <v>84</v>
      </c>
      <c r="O25730" t="s">
        <v>85</v>
      </c>
      <c r="P25730" t="s">
        <v>86</v>
      </c>
      <c r="Q25730">
        <v>8</v>
      </c>
      <c r="R25730">
        <v>8</v>
      </c>
      <c r="S25730">
        <v>8</v>
      </c>
      <c r="T25730">
        <v>8</v>
      </c>
      <c r="U25730">
        <v>8</v>
      </c>
      <c r="V25730">
        <v>8</v>
      </c>
      <c r="W25730">
        <v>8</v>
      </c>
      <c r="X25730">
        <v>8</v>
      </c>
      <c r="Y25730">
        <v>9</v>
      </c>
      <c r="Z25730">
        <v>9</v>
      </c>
      <c r="AA25730">
        <v>9</v>
      </c>
      <c r="AB25730">
        <v>9</v>
      </c>
      <c r="AC25730">
        <v>9</v>
      </c>
      <c r="AD25730">
        <v>9</v>
      </c>
      <c r="AE25730">
        <v>9</v>
      </c>
      <c r="AF25730">
        <v>9</v>
      </c>
      <c r="AG25730">
        <v>9</v>
      </c>
      <c r="AH25730">
        <v>9</v>
      </c>
      <c r="AI25730">
        <v>9</v>
      </c>
      <c r="AJ25730">
        <v>9</v>
      </c>
      <c r="AK25730">
        <v>9</v>
      </c>
      <c r="AL25730">
        <v>9</v>
      </c>
      <c r="AM25730">
        <v>9</v>
      </c>
      <c r="AN25730">
        <v>9</v>
      </c>
      <c r="AO25730">
        <v>9</v>
      </c>
      <c r="AP25730">
        <v>9</v>
      </c>
      <c r="AQ25730">
        <v>9</v>
      </c>
    </row>
    <row r="25731" spans="1:43">
      <c r="A25731" t="s">
        <v>15925</v>
      </c>
      <c r="B25731" t="s">
        <v>15926</v>
      </c>
      <c r="C25731" t="s">
        <v>15917</v>
      </c>
      <c r="D25731" t="s">
        <v>15918</v>
      </c>
      <c r="E25731" t="s">
        <v>15891</v>
      </c>
      <c r="F25731" t="s">
        <v>15892</v>
      </c>
      <c r="G25731" t="s">
        <v>10734</v>
      </c>
      <c r="H25731" t="s">
        <v>10735</v>
      </c>
      <c r="I25731" s="2">
        <v>1</v>
      </c>
      <c r="J25731" s="2">
        <v>0</v>
      </c>
      <c r="K25731" s="2">
        <v>0</v>
      </c>
      <c r="L25731" t="s">
        <v>120</v>
      </c>
      <c r="M25731" t="s">
        <v>87</v>
      </c>
      <c r="N25731" t="s">
        <v>88</v>
      </c>
      <c r="O25731" t="s">
        <v>85</v>
      </c>
      <c r="P25731" t="s">
        <v>86</v>
      </c>
      <c r="Q25731">
        <v>8</v>
      </c>
      <c r="R25731">
        <v>8</v>
      </c>
      <c r="S25731">
        <v>8</v>
      </c>
      <c r="T25731">
        <v>8</v>
      </c>
      <c r="U25731">
        <v>8</v>
      </c>
      <c r="V25731">
        <v>8</v>
      </c>
      <c r="W25731">
        <v>8</v>
      </c>
      <c r="X25731">
        <v>8</v>
      </c>
      <c r="Y25731">
        <v>8</v>
      </c>
      <c r="Z25731">
        <v>8</v>
      </c>
      <c r="AA25731">
        <v>8</v>
      </c>
      <c r="AB25731">
        <v>8</v>
      </c>
      <c r="AC25731">
        <v>8</v>
      </c>
      <c r="AD25731">
        <v>8</v>
      </c>
      <c r="AE25731">
        <v>8</v>
      </c>
      <c r="AF25731">
        <v>8</v>
      </c>
      <c r="AG25731">
        <v>8</v>
      </c>
      <c r="AH25731">
        <v>8</v>
      </c>
      <c r="AI25731">
        <v>8</v>
      </c>
      <c r="AJ25731">
        <v>8</v>
      </c>
      <c r="AK25731">
        <v>8</v>
      </c>
      <c r="AL25731">
        <v>8</v>
      </c>
      <c r="AM25731">
        <v>8</v>
      </c>
      <c r="AN25731">
        <v>8</v>
      </c>
      <c r="AO25731">
        <v>8</v>
      </c>
      <c r="AP25731">
        <v>8</v>
      </c>
      <c r="AQ25731">
        <v>8</v>
      </c>
    </row>
    <row r="25732" spans="1:43">
      <c r="A25732" t="s">
        <v>15925</v>
      </c>
      <c r="B25732" t="s">
        <v>15926</v>
      </c>
      <c r="C25732" t="s">
        <v>15917</v>
      </c>
      <c r="D25732" t="s">
        <v>15918</v>
      </c>
      <c r="E25732" t="s">
        <v>15891</v>
      </c>
      <c r="F25732" t="s">
        <v>15892</v>
      </c>
      <c r="G25732" t="s">
        <v>10734</v>
      </c>
      <c r="H25732" t="s">
        <v>10735</v>
      </c>
      <c r="I25732" s="2">
        <v>1</v>
      </c>
      <c r="J25732" s="2">
        <v>0</v>
      </c>
      <c r="K25732" s="2">
        <v>0</v>
      </c>
      <c r="L25732" t="s">
        <v>120</v>
      </c>
      <c r="M25732" t="s">
        <v>89</v>
      </c>
      <c r="N25732" t="s">
        <v>90</v>
      </c>
      <c r="O25732" t="s">
        <v>85</v>
      </c>
      <c r="P25732" t="s">
        <v>86</v>
      </c>
      <c r="Q25732">
        <v>8</v>
      </c>
      <c r="R25732">
        <v>8</v>
      </c>
      <c r="S25732">
        <v>8</v>
      </c>
      <c r="T25732">
        <v>9</v>
      </c>
      <c r="U25732">
        <v>9</v>
      </c>
      <c r="V25732">
        <v>9</v>
      </c>
      <c r="W25732">
        <v>9</v>
      </c>
      <c r="X25732">
        <v>9</v>
      </c>
      <c r="Y25732">
        <v>9</v>
      </c>
      <c r="Z25732">
        <v>9</v>
      </c>
      <c r="AA25732">
        <v>9</v>
      </c>
      <c r="AB25732">
        <v>9</v>
      </c>
      <c r="AC25732">
        <v>9</v>
      </c>
      <c r="AD25732">
        <v>9</v>
      </c>
      <c r="AE25732">
        <v>9</v>
      </c>
      <c r="AF25732">
        <v>9</v>
      </c>
      <c r="AG25732">
        <v>9</v>
      </c>
      <c r="AH25732">
        <v>9</v>
      </c>
      <c r="AI25732">
        <v>9</v>
      </c>
      <c r="AJ25732">
        <v>9</v>
      </c>
      <c r="AK25732">
        <v>9</v>
      </c>
      <c r="AL25732">
        <v>9</v>
      </c>
      <c r="AM25732">
        <v>9</v>
      </c>
      <c r="AN25732">
        <v>9</v>
      </c>
      <c r="AO25732">
        <v>9</v>
      </c>
      <c r="AP25732">
        <v>9</v>
      </c>
      <c r="AQ25732">
        <v>9</v>
      </c>
    </row>
    <row r="25733" spans="1:43">
      <c r="A25733" t="s">
        <v>15925</v>
      </c>
      <c r="B25733" t="s">
        <v>15926</v>
      </c>
      <c r="C25733" t="s">
        <v>15917</v>
      </c>
      <c r="D25733" t="s">
        <v>15918</v>
      </c>
      <c r="E25733" t="s">
        <v>15891</v>
      </c>
      <c r="F25733" t="s">
        <v>15892</v>
      </c>
      <c r="G25733" t="s">
        <v>10734</v>
      </c>
      <c r="H25733" t="s">
        <v>10735</v>
      </c>
      <c r="I25733" s="2">
        <v>1</v>
      </c>
      <c r="J25733" s="2">
        <v>0</v>
      </c>
      <c r="K25733" s="2">
        <v>0</v>
      </c>
      <c r="L25733" t="s">
        <v>120</v>
      </c>
      <c r="M25733" t="s">
        <v>83</v>
      </c>
      <c r="N25733" t="s">
        <v>91</v>
      </c>
      <c r="O25733" t="s">
        <v>85</v>
      </c>
      <c r="P25733" t="s">
        <v>86</v>
      </c>
      <c r="Q25733">
        <v>8</v>
      </c>
      <c r="R25733">
        <v>8</v>
      </c>
      <c r="S25733">
        <v>8</v>
      </c>
      <c r="T25733">
        <v>8</v>
      </c>
      <c r="U25733">
        <v>8</v>
      </c>
      <c r="V25733">
        <v>8</v>
      </c>
      <c r="W25733">
        <v>8</v>
      </c>
      <c r="X25733">
        <v>8</v>
      </c>
      <c r="Y25733">
        <v>9</v>
      </c>
      <c r="Z25733">
        <v>9</v>
      </c>
      <c r="AA25733">
        <v>9</v>
      </c>
      <c r="AB25733">
        <v>9</v>
      </c>
      <c r="AC25733">
        <v>9</v>
      </c>
      <c r="AD25733">
        <v>9</v>
      </c>
      <c r="AE25733">
        <v>9</v>
      </c>
      <c r="AF25733">
        <v>9</v>
      </c>
      <c r="AG25733">
        <v>9</v>
      </c>
      <c r="AH25733">
        <v>9</v>
      </c>
      <c r="AI25733">
        <v>9</v>
      </c>
      <c r="AJ25733">
        <v>9</v>
      </c>
      <c r="AK25733">
        <v>9</v>
      </c>
      <c r="AL25733">
        <v>9</v>
      </c>
      <c r="AM25733">
        <v>9</v>
      </c>
      <c r="AN25733">
        <v>9</v>
      </c>
      <c r="AO25733">
        <v>9</v>
      </c>
      <c r="AP25733">
        <v>9</v>
      </c>
      <c r="AQ25733">
        <v>9</v>
      </c>
    </row>
    <row r="25734" spans="1:43">
      <c r="A25734" t="s">
        <v>15927</v>
      </c>
      <c r="B25734" t="s">
        <v>15928</v>
      </c>
      <c r="C25734" t="s">
        <v>15917</v>
      </c>
      <c r="D25734" t="s">
        <v>15918</v>
      </c>
      <c r="E25734" t="s">
        <v>15891</v>
      </c>
      <c r="F25734" t="s">
        <v>15892</v>
      </c>
      <c r="G25734" t="s">
        <v>10734</v>
      </c>
      <c r="H25734" t="s">
        <v>10735</v>
      </c>
      <c r="I25734" s="2">
        <v>1</v>
      </c>
      <c r="J25734" s="2">
        <v>0</v>
      </c>
      <c r="K25734" s="2">
        <v>0</v>
      </c>
      <c r="L25734" t="s">
        <v>120</v>
      </c>
      <c r="M25734" t="s">
        <v>83</v>
      </c>
      <c r="N25734" t="s">
        <v>84</v>
      </c>
      <c r="O25734" t="s">
        <v>85</v>
      </c>
      <c r="P25734" t="s">
        <v>86</v>
      </c>
      <c r="Q25734">
        <v>13</v>
      </c>
      <c r="R25734">
        <v>13</v>
      </c>
      <c r="S25734">
        <v>13</v>
      </c>
      <c r="T25734">
        <v>13</v>
      </c>
      <c r="U25734">
        <v>13</v>
      </c>
      <c r="V25734">
        <v>13</v>
      </c>
      <c r="W25734">
        <v>13</v>
      </c>
      <c r="X25734">
        <v>13</v>
      </c>
      <c r="Y25734">
        <v>13</v>
      </c>
      <c r="Z25734">
        <v>14</v>
      </c>
      <c r="AA25734">
        <v>14</v>
      </c>
      <c r="AB25734">
        <v>14</v>
      </c>
      <c r="AC25734">
        <v>14</v>
      </c>
      <c r="AD25734">
        <v>14</v>
      </c>
      <c r="AE25734">
        <v>14</v>
      </c>
      <c r="AF25734">
        <v>14</v>
      </c>
      <c r="AG25734">
        <v>14</v>
      </c>
      <c r="AH25734">
        <v>14</v>
      </c>
      <c r="AI25734">
        <v>14</v>
      </c>
      <c r="AJ25734">
        <v>14</v>
      </c>
      <c r="AK25734">
        <v>14</v>
      </c>
      <c r="AL25734">
        <v>14</v>
      </c>
      <c r="AM25734">
        <v>14</v>
      </c>
      <c r="AN25734">
        <v>14</v>
      </c>
      <c r="AO25734">
        <v>14</v>
      </c>
      <c r="AP25734">
        <v>14</v>
      </c>
      <c r="AQ25734">
        <v>14</v>
      </c>
    </row>
    <row r="25735" spans="1:43">
      <c r="A25735" t="s">
        <v>15927</v>
      </c>
      <c r="B25735" t="s">
        <v>15928</v>
      </c>
      <c r="C25735" t="s">
        <v>15917</v>
      </c>
      <c r="D25735" t="s">
        <v>15918</v>
      </c>
      <c r="E25735" t="s">
        <v>15891</v>
      </c>
      <c r="F25735" t="s">
        <v>15892</v>
      </c>
      <c r="G25735" t="s">
        <v>10734</v>
      </c>
      <c r="H25735" t="s">
        <v>10735</v>
      </c>
      <c r="I25735" s="2">
        <v>1</v>
      </c>
      <c r="J25735" s="2">
        <v>0</v>
      </c>
      <c r="K25735" s="2">
        <v>0</v>
      </c>
      <c r="L25735" t="s">
        <v>120</v>
      </c>
      <c r="M25735" t="s">
        <v>87</v>
      </c>
      <c r="N25735" t="s">
        <v>88</v>
      </c>
      <c r="O25735" t="s">
        <v>85</v>
      </c>
      <c r="P25735" t="s">
        <v>86</v>
      </c>
      <c r="Q25735">
        <v>13</v>
      </c>
      <c r="R25735">
        <v>13</v>
      </c>
      <c r="S25735">
        <v>13</v>
      </c>
      <c r="T25735">
        <v>13</v>
      </c>
      <c r="U25735">
        <v>13</v>
      </c>
      <c r="V25735">
        <v>13</v>
      </c>
      <c r="W25735">
        <v>13</v>
      </c>
      <c r="X25735">
        <v>13</v>
      </c>
      <c r="Y25735">
        <v>12</v>
      </c>
      <c r="Z25735">
        <v>12</v>
      </c>
      <c r="AA25735">
        <v>12</v>
      </c>
      <c r="AB25735">
        <v>12</v>
      </c>
      <c r="AC25735">
        <v>12</v>
      </c>
      <c r="AD25735">
        <v>12</v>
      </c>
      <c r="AE25735">
        <v>12</v>
      </c>
      <c r="AF25735">
        <v>12</v>
      </c>
      <c r="AG25735">
        <v>12</v>
      </c>
      <c r="AH25735">
        <v>12</v>
      </c>
      <c r="AI25735">
        <v>12</v>
      </c>
      <c r="AJ25735">
        <v>12</v>
      </c>
      <c r="AK25735">
        <v>12</v>
      </c>
      <c r="AL25735">
        <v>12</v>
      </c>
      <c r="AM25735">
        <v>12</v>
      </c>
      <c r="AN25735">
        <v>12</v>
      </c>
      <c r="AO25735">
        <v>12</v>
      </c>
      <c r="AP25735">
        <v>12</v>
      </c>
      <c r="AQ25735">
        <v>12</v>
      </c>
    </row>
    <row r="25736" spans="1:43">
      <c r="A25736" t="s">
        <v>15927</v>
      </c>
      <c r="B25736" t="s">
        <v>15928</v>
      </c>
      <c r="C25736" t="s">
        <v>15917</v>
      </c>
      <c r="D25736" t="s">
        <v>15918</v>
      </c>
      <c r="E25736" t="s">
        <v>15891</v>
      </c>
      <c r="F25736" t="s">
        <v>15892</v>
      </c>
      <c r="G25736" t="s">
        <v>10734</v>
      </c>
      <c r="H25736" t="s">
        <v>10735</v>
      </c>
      <c r="I25736" s="2">
        <v>1</v>
      </c>
      <c r="J25736" s="2">
        <v>0</v>
      </c>
      <c r="K25736" s="2">
        <v>0</v>
      </c>
      <c r="L25736" t="s">
        <v>120</v>
      </c>
      <c r="M25736" t="s">
        <v>89</v>
      </c>
      <c r="N25736" t="s">
        <v>90</v>
      </c>
      <c r="O25736" t="s">
        <v>85</v>
      </c>
      <c r="P25736" t="s">
        <v>86</v>
      </c>
      <c r="Q25736">
        <v>13</v>
      </c>
      <c r="R25736">
        <v>13</v>
      </c>
      <c r="S25736">
        <v>13</v>
      </c>
      <c r="T25736">
        <v>14</v>
      </c>
      <c r="U25736">
        <v>14</v>
      </c>
      <c r="V25736">
        <v>14</v>
      </c>
      <c r="W25736">
        <v>14</v>
      </c>
      <c r="X25736">
        <v>14</v>
      </c>
      <c r="Y25736">
        <v>14</v>
      </c>
      <c r="Z25736">
        <v>14</v>
      </c>
      <c r="AA25736">
        <v>14</v>
      </c>
      <c r="AB25736">
        <v>15</v>
      </c>
      <c r="AC25736">
        <v>15</v>
      </c>
      <c r="AD25736">
        <v>15</v>
      </c>
      <c r="AE25736">
        <v>15</v>
      </c>
      <c r="AF25736">
        <v>15</v>
      </c>
      <c r="AG25736">
        <v>15</v>
      </c>
      <c r="AH25736">
        <v>15</v>
      </c>
      <c r="AI25736">
        <v>14</v>
      </c>
      <c r="AJ25736">
        <v>14</v>
      </c>
      <c r="AK25736">
        <v>14</v>
      </c>
      <c r="AL25736">
        <v>14</v>
      </c>
      <c r="AM25736">
        <v>14</v>
      </c>
      <c r="AN25736">
        <v>14</v>
      </c>
      <c r="AO25736">
        <v>14</v>
      </c>
      <c r="AP25736">
        <v>14</v>
      </c>
      <c r="AQ25736">
        <v>14</v>
      </c>
    </row>
    <row r="25737" spans="1:43">
      <c r="A25737" t="s">
        <v>15927</v>
      </c>
      <c r="B25737" t="s">
        <v>15928</v>
      </c>
      <c r="C25737" t="s">
        <v>15917</v>
      </c>
      <c r="D25737" t="s">
        <v>15918</v>
      </c>
      <c r="E25737" t="s">
        <v>15891</v>
      </c>
      <c r="F25737" t="s">
        <v>15892</v>
      </c>
      <c r="G25737" t="s">
        <v>10734</v>
      </c>
      <c r="H25737" t="s">
        <v>10735</v>
      </c>
      <c r="I25737" s="2">
        <v>1</v>
      </c>
      <c r="J25737" s="2">
        <v>0</v>
      </c>
      <c r="K25737" s="2">
        <v>0</v>
      </c>
      <c r="L25737" t="s">
        <v>120</v>
      </c>
      <c r="M25737" t="s">
        <v>83</v>
      </c>
      <c r="N25737" t="s">
        <v>91</v>
      </c>
      <c r="O25737" t="s">
        <v>85</v>
      </c>
      <c r="P25737" t="s">
        <v>86</v>
      </c>
      <c r="Q25737">
        <v>13</v>
      </c>
      <c r="R25737">
        <v>13</v>
      </c>
      <c r="S25737">
        <v>13</v>
      </c>
      <c r="T25737">
        <v>13</v>
      </c>
      <c r="U25737">
        <v>13</v>
      </c>
      <c r="V25737">
        <v>13</v>
      </c>
      <c r="W25737">
        <v>13</v>
      </c>
      <c r="X25737">
        <v>13</v>
      </c>
      <c r="Y25737">
        <v>13</v>
      </c>
      <c r="Z25737">
        <v>14</v>
      </c>
      <c r="AA25737">
        <v>14</v>
      </c>
      <c r="AB25737">
        <v>14</v>
      </c>
      <c r="AC25737">
        <v>14</v>
      </c>
      <c r="AD25737">
        <v>14</v>
      </c>
      <c r="AE25737">
        <v>14</v>
      </c>
      <c r="AF25737">
        <v>14</v>
      </c>
      <c r="AG25737">
        <v>14</v>
      </c>
      <c r="AH25737">
        <v>14</v>
      </c>
      <c r="AI25737">
        <v>14</v>
      </c>
      <c r="AJ25737">
        <v>14</v>
      </c>
      <c r="AK25737">
        <v>14</v>
      </c>
      <c r="AL25737">
        <v>14</v>
      </c>
      <c r="AM25737">
        <v>14</v>
      </c>
      <c r="AN25737">
        <v>14</v>
      </c>
      <c r="AO25737">
        <v>14</v>
      </c>
      <c r="AP25737">
        <v>14</v>
      </c>
      <c r="AQ25737">
        <v>14</v>
      </c>
    </row>
    <row r="25738" spans="1:43">
      <c r="A25738" t="s">
        <v>15929</v>
      </c>
      <c r="B25738" t="s">
        <v>15930</v>
      </c>
      <c r="C25738" t="s">
        <v>15897</v>
      </c>
      <c r="D25738" t="s">
        <v>15898</v>
      </c>
      <c r="E25738" t="s">
        <v>15891</v>
      </c>
      <c r="F25738" t="s">
        <v>15892</v>
      </c>
      <c r="G25738" t="s">
        <v>10734</v>
      </c>
      <c r="H25738" t="s">
        <v>10735</v>
      </c>
      <c r="I25738" s="2">
        <v>1</v>
      </c>
      <c r="J25738" s="2">
        <v>0</v>
      </c>
      <c r="K25738" s="2">
        <v>0</v>
      </c>
      <c r="L25738" t="s">
        <v>120</v>
      </c>
      <c r="M25738" t="s">
        <v>83</v>
      </c>
      <c r="N25738" t="s">
        <v>84</v>
      </c>
      <c r="O25738" t="s">
        <v>85</v>
      </c>
      <c r="P25738" t="s">
        <v>86</v>
      </c>
      <c r="Q25738">
        <v>18</v>
      </c>
      <c r="R25738">
        <v>18</v>
      </c>
      <c r="S25738">
        <v>18</v>
      </c>
      <c r="T25738">
        <v>19</v>
      </c>
      <c r="U25738">
        <v>19</v>
      </c>
      <c r="V25738">
        <v>19</v>
      </c>
      <c r="W25738">
        <v>19</v>
      </c>
      <c r="X25738">
        <v>19</v>
      </c>
      <c r="Y25738">
        <v>19</v>
      </c>
      <c r="Z25738">
        <v>19</v>
      </c>
      <c r="AA25738">
        <v>19</v>
      </c>
      <c r="AB25738">
        <v>20</v>
      </c>
      <c r="AC25738">
        <v>20</v>
      </c>
      <c r="AD25738">
        <v>20</v>
      </c>
      <c r="AE25738">
        <v>20</v>
      </c>
      <c r="AF25738">
        <v>20</v>
      </c>
      <c r="AG25738">
        <v>20</v>
      </c>
      <c r="AH25738">
        <v>20</v>
      </c>
      <c r="AI25738">
        <v>20</v>
      </c>
      <c r="AJ25738">
        <v>20</v>
      </c>
      <c r="AK25738">
        <v>20</v>
      </c>
      <c r="AL25738">
        <v>20</v>
      </c>
      <c r="AM25738">
        <v>20</v>
      </c>
      <c r="AN25738">
        <v>20</v>
      </c>
      <c r="AO25738">
        <v>20</v>
      </c>
      <c r="AP25738">
        <v>20</v>
      </c>
      <c r="AQ25738">
        <v>20</v>
      </c>
    </row>
    <row r="25739" spans="1:43">
      <c r="A25739" t="s">
        <v>15929</v>
      </c>
      <c r="B25739" t="s">
        <v>15930</v>
      </c>
      <c r="C25739" t="s">
        <v>15897</v>
      </c>
      <c r="D25739" t="s">
        <v>15898</v>
      </c>
      <c r="E25739" t="s">
        <v>15891</v>
      </c>
      <c r="F25739" t="s">
        <v>15892</v>
      </c>
      <c r="G25739" t="s">
        <v>10734</v>
      </c>
      <c r="H25739" t="s">
        <v>10735</v>
      </c>
      <c r="I25739" s="2">
        <v>1</v>
      </c>
      <c r="J25739" s="2">
        <v>0</v>
      </c>
      <c r="K25739" s="2">
        <v>0</v>
      </c>
      <c r="L25739" t="s">
        <v>120</v>
      </c>
      <c r="M25739" t="s">
        <v>87</v>
      </c>
      <c r="N25739" t="s">
        <v>88</v>
      </c>
      <c r="O25739" t="s">
        <v>85</v>
      </c>
      <c r="P25739" t="s">
        <v>86</v>
      </c>
      <c r="Q25739">
        <v>18</v>
      </c>
      <c r="R25739">
        <v>18</v>
      </c>
      <c r="S25739">
        <v>18</v>
      </c>
      <c r="T25739">
        <v>18</v>
      </c>
      <c r="U25739">
        <v>18</v>
      </c>
      <c r="V25739">
        <v>18</v>
      </c>
      <c r="W25739">
        <v>18</v>
      </c>
      <c r="X25739">
        <v>18</v>
      </c>
      <c r="Y25739">
        <v>18</v>
      </c>
      <c r="Z25739">
        <v>18</v>
      </c>
      <c r="AA25739">
        <v>18</v>
      </c>
      <c r="AB25739">
        <v>18</v>
      </c>
      <c r="AC25739">
        <v>18</v>
      </c>
      <c r="AD25739">
        <v>18</v>
      </c>
      <c r="AE25739">
        <v>18</v>
      </c>
      <c r="AF25739">
        <v>18</v>
      </c>
      <c r="AG25739">
        <v>18</v>
      </c>
      <c r="AH25739">
        <v>17</v>
      </c>
      <c r="AI25739">
        <v>17</v>
      </c>
      <c r="AJ25739">
        <v>17</v>
      </c>
      <c r="AK25739">
        <v>17</v>
      </c>
      <c r="AL25739">
        <v>17</v>
      </c>
      <c r="AM25739">
        <v>17</v>
      </c>
      <c r="AN25739">
        <v>17</v>
      </c>
      <c r="AO25739">
        <v>17</v>
      </c>
      <c r="AP25739">
        <v>17</v>
      </c>
      <c r="AQ25739">
        <v>17</v>
      </c>
    </row>
    <row r="25740" spans="1:43">
      <c r="A25740" t="s">
        <v>15929</v>
      </c>
      <c r="B25740" t="s">
        <v>15930</v>
      </c>
      <c r="C25740" t="s">
        <v>15897</v>
      </c>
      <c r="D25740" t="s">
        <v>15898</v>
      </c>
      <c r="E25740" t="s">
        <v>15891</v>
      </c>
      <c r="F25740" t="s">
        <v>15892</v>
      </c>
      <c r="G25740" t="s">
        <v>10734</v>
      </c>
      <c r="H25740" t="s">
        <v>10735</v>
      </c>
      <c r="I25740" s="2">
        <v>1</v>
      </c>
      <c r="J25740" s="2">
        <v>0</v>
      </c>
      <c r="K25740" s="2">
        <v>0</v>
      </c>
      <c r="L25740" t="s">
        <v>120</v>
      </c>
      <c r="M25740" t="s">
        <v>89</v>
      </c>
      <c r="N25740" t="s">
        <v>90</v>
      </c>
      <c r="O25740" t="s">
        <v>85</v>
      </c>
      <c r="P25740" t="s">
        <v>86</v>
      </c>
      <c r="Q25740">
        <v>18</v>
      </c>
      <c r="R25740">
        <v>19</v>
      </c>
      <c r="S25740">
        <v>19</v>
      </c>
      <c r="T25740">
        <v>19</v>
      </c>
      <c r="U25740">
        <v>19</v>
      </c>
      <c r="V25740">
        <v>20</v>
      </c>
      <c r="W25740">
        <v>20</v>
      </c>
      <c r="X25740">
        <v>20</v>
      </c>
      <c r="Y25740">
        <v>20</v>
      </c>
      <c r="Z25740">
        <v>20</v>
      </c>
      <c r="AA25740">
        <v>21</v>
      </c>
      <c r="AB25740">
        <v>21</v>
      </c>
      <c r="AC25740">
        <v>21</v>
      </c>
      <c r="AD25740">
        <v>21</v>
      </c>
      <c r="AE25740">
        <v>21</v>
      </c>
      <c r="AF25740">
        <v>21</v>
      </c>
      <c r="AG25740">
        <v>21</v>
      </c>
      <c r="AH25740">
        <v>21</v>
      </c>
      <c r="AI25740">
        <v>21</v>
      </c>
      <c r="AJ25740">
        <v>21</v>
      </c>
      <c r="AK25740">
        <v>21</v>
      </c>
      <c r="AL25740">
        <v>20</v>
      </c>
      <c r="AM25740">
        <v>20</v>
      </c>
      <c r="AN25740">
        <v>20</v>
      </c>
      <c r="AO25740">
        <v>20</v>
      </c>
      <c r="AP25740">
        <v>20</v>
      </c>
      <c r="AQ25740">
        <v>20</v>
      </c>
    </row>
    <row r="25741" spans="1:43">
      <c r="A25741" t="s">
        <v>15929</v>
      </c>
      <c r="B25741" t="s">
        <v>15930</v>
      </c>
      <c r="C25741" t="s">
        <v>15897</v>
      </c>
      <c r="D25741" t="s">
        <v>15898</v>
      </c>
      <c r="E25741" t="s">
        <v>15891</v>
      </c>
      <c r="F25741" t="s">
        <v>15892</v>
      </c>
      <c r="G25741" t="s">
        <v>10734</v>
      </c>
      <c r="H25741" t="s">
        <v>10735</v>
      </c>
      <c r="I25741" s="2">
        <v>1</v>
      </c>
      <c r="J25741" s="2">
        <v>0</v>
      </c>
      <c r="K25741" s="2">
        <v>0</v>
      </c>
      <c r="L25741" t="s">
        <v>120</v>
      </c>
      <c r="M25741" t="s">
        <v>83</v>
      </c>
      <c r="N25741" t="s">
        <v>91</v>
      </c>
      <c r="O25741" t="s">
        <v>85</v>
      </c>
      <c r="P25741" t="s">
        <v>86</v>
      </c>
      <c r="Q25741">
        <v>18</v>
      </c>
      <c r="R25741">
        <v>18</v>
      </c>
      <c r="S25741">
        <v>18</v>
      </c>
      <c r="T25741">
        <v>19</v>
      </c>
      <c r="U25741">
        <v>19</v>
      </c>
      <c r="V25741">
        <v>19</v>
      </c>
      <c r="W25741">
        <v>19</v>
      </c>
      <c r="X25741">
        <v>19</v>
      </c>
      <c r="Y25741">
        <v>19</v>
      </c>
      <c r="Z25741">
        <v>19</v>
      </c>
      <c r="AA25741">
        <v>19</v>
      </c>
      <c r="AB25741">
        <v>20</v>
      </c>
      <c r="AC25741">
        <v>20</v>
      </c>
      <c r="AD25741">
        <v>20</v>
      </c>
      <c r="AE25741">
        <v>20</v>
      </c>
      <c r="AF25741">
        <v>20</v>
      </c>
      <c r="AG25741">
        <v>20</v>
      </c>
      <c r="AH25741">
        <v>20</v>
      </c>
      <c r="AI25741">
        <v>20</v>
      </c>
      <c r="AJ25741">
        <v>20</v>
      </c>
      <c r="AK25741">
        <v>20</v>
      </c>
      <c r="AL25741">
        <v>20</v>
      </c>
      <c r="AM25741">
        <v>20</v>
      </c>
      <c r="AN25741">
        <v>20</v>
      </c>
      <c r="AO25741">
        <v>20</v>
      </c>
      <c r="AP25741">
        <v>20</v>
      </c>
      <c r="AQ25741">
        <v>20</v>
      </c>
    </row>
    <row r="25742" spans="1:43">
      <c r="A25742" t="s">
        <v>15931</v>
      </c>
      <c r="B25742" t="s">
        <v>15932</v>
      </c>
      <c r="C25742" t="s">
        <v>15897</v>
      </c>
      <c r="D25742" t="s">
        <v>15898</v>
      </c>
      <c r="E25742" t="s">
        <v>15891</v>
      </c>
      <c r="F25742" t="s">
        <v>15892</v>
      </c>
      <c r="G25742" t="s">
        <v>10734</v>
      </c>
      <c r="H25742" t="s">
        <v>10735</v>
      </c>
      <c r="I25742" s="2">
        <v>1</v>
      </c>
      <c r="J25742" s="2">
        <v>0</v>
      </c>
      <c r="K25742" s="2">
        <v>0</v>
      </c>
      <c r="L25742" t="s">
        <v>120</v>
      </c>
      <c r="M25742" t="s">
        <v>83</v>
      </c>
      <c r="N25742" t="s">
        <v>84</v>
      </c>
      <c r="O25742" t="s">
        <v>85</v>
      </c>
      <c r="P25742" t="s">
        <v>86</v>
      </c>
      <c r="Q25742">
        <v>16</v>
      </c>
      <c r="R25742">
        <v>16</v>
      </c>
      <c r="S25742">
        <v>16</v>
      </c>
      <c r="T25742">
        <v>17</v>
      </c>
      <c r="U25742">
        <v>17</v>
      </c>
      <c r="V25742">
        <v>17</v>
      </c>
      <c r="W25742">
        <v>17</v>
      </c>
      <c r="X25742">
        <v>17</v>
      </c>
      <c r="Y25742">
        <v>17</v>
      </c>
      <c r="Z25742">
        <v>17</v>
      </c>
      <c r="AA25742">
        <v>17</v>
      </c>
      <c r="AB25742">
        <v>17</v>
      </c>
      <c r="AC25742">
        <v>17</v>
      </c>
      <c r="AD25742">
        <v>18</v>
      </c>
      <c r="AE25742">
        <v>18</v>
      </c>
      <c r="AF25742">
        <v>18</v>
      </c>
      <c r="AG25742">
        <v>18</v>
      </c>
      <c r="AH25742">
        <v>18</v>
      </c>
      <c r="AI25742">
        <v>18</v>
      </c>
      <c r="AJ25742">
        <v>18</v>
      </c>
      <c r="AK25742">
        <v>18</v>
      </c>
      <c r="AL25742">
        <v>18</v>
      </c>
      <c r="AM25742">
        <v>18</v>
      </c>
      <c r="AN25742">
        <v>18</v>
      </c>
      <c r="AO25742">
        <v>18</v>
      </c>
      <c r="AP25742">
        <v>18</v>
      </c>
      <c r="AQ25742">
        <v>18</v>
      </c>
    </row>
    <row r="25743" spans="1:43">
      <c r="A25743" t="s">
        <v>15931</v>
      </c>
      <c r="B25743" t="s">
        <v>15932</v>
      </c>
      <c r="C25743" t="s">
        <v>15897</v>
      </c>
      <c r="D25743" t="s">
        <v>15898</v>
      </c>
      <c r="E25743" t="s">
        <v>15891</v>
      </c>
      <c r="F25743" t="s">
        <v>15892</v>
      </c>
      <c r="G25743" t="s">
        <v>10734</v>
      </c>
      <c r="H25743" t="s">
        <v>10735</v>
      </c>
      <c r="I25743" s="2">
        <v>1</v>
      </c>
      <c r="J25743" s="2">
        <v>0</v>
      </c>
      <c r="K25743" s="2">
        <v>0</v>
      </c>
      <c r="L25743" t="s">
        <v>120</v>
      </c>
      <c r="M25743" t="s">
        <v>87</v>
      </c>
      <c r="N25743" t="s">
        <v>88</v>
      </c>
      <c r="O25743" t="s">
        <v>85</v>
      </c>
      <c r="P25743" t="s">
        <v>86</v>
      </c>
      <c r="Q25743">
        <v>16</v>
      </c>
      <c r="R25743">
        <v>16</v>
      </c>
      <c r="S25743">
        <v>16</v>
      </c>
      <c r="T25743">
        <v>16</v>
      </c>
      <c r="U25743">
        <v>16</v>
      </c>
      <c r="V25743">
        <v>16</v>
      </c>
      <c r="W25743">
        <v>16</v>
      </c>
      <c r="X25743">
        <v>16</v>
      </c>
      <c r="Y25743">
        <v>16</v>
      </c>
      <c r="Z25743">
        <v>16</v>
      </c>
      <c r="AA25743">
        <v>16</v>
      </c>
      <c r="AB25743">
        <v>16</v>
      </c>
      <c r="AC25743">
        <v>16</v>
      </c>
      <c r="AD25743">
        <v>16</v>
      </c>
      <c r="AE25743">
        <v>16</v>
      </c>
      <c r="AF25743">
        <v>16</v>
      </c>
      <c r="AG25743">
        <v>16</v>
      </c>
      <c r="AH25743">
        <v>16</v>
      </c>
      <c r="AI25743">
        <v>16</v>
      </c>
      <c r="AJ25743">
        <v>16</v>
      </c>
      <c r="AK25743">
        <v>15</v>
      </c>
      <c r="AL25743">
        <v>15</v>
      </c>
      <c r="AM25743">
        <v>15</v>
      </c>
      <c r="AN25743">
        <v>15</v>
      </c>
      <c r="AO25743">
        <v>15</v>
      </c>
      <c r="AP25743">
        <v>15</v>
      </c>
      <c r="AQ25743">
        <v>15</v>
      </c>
    </row>
    <row r="25744" spans="1:43">
      <c r="A25744" t="s">
        <v>15931</v>
      </c>
      <c r="B25744" t="s">
        <v>15932</v>
      </c>
      <c r="C25744" t="s">
        <v>15897</v>
      </c>
      <c r="D25744" t="s">
        <v>15898</v>
      </c>
      <c r="E25744" t="s">
        <v>15891</v>
      </c>
      <c r="F25744" t="s">
        <v>15892</v>
      </c>
      <c r="G25744" t="s">
        <v>10734</v>
      </c>
      <c r="H25744" t="s">
        <v>10735</v>
      </c>
      <c r="I25744" s="2">
        <v>1</v>
      </c>
      <c r="J25744" s="2">
        <v>0</v>
      </c>
      <c r="K25744" s="2">
        <v>0</v>
      </c>
      <c r="L25744" t="s">
        <v>120</v>
      </c>
      <c r="M25744" t="s">
        <v>89</v>
      </c>
      <c r="N25744" t="s">
        <v>90</v>
      </c>
      <c r="O25744" t="s">
        <v>85</v>
      </c>
      <c r="P25744" t="s">
        <v>86</v>
      </c>
      <c r="Q25744">
        <v>16</v>
      </c>
      <c r="R25744">
        <v>17</v>
      </c>
      <c r="S25744">
        <v>17</v>
      </c>
      <c r="T25744">
        <v>17</v>
      </c>
      <c r="U25744">
        <v>17</v>
      </c>
      <c r="V25744">
        <v>17</v>
      </c>
      <c r="W25744">
        <v>18</v>
      </c>
      <c r="X25744">
        <v>18</v>
      </c>
      <c r="Y25744">
        <v>18</v>
      </c>
      <c r="Z25744">
        <v>18</v>
      </c>
      <c r="AA25744">
        <v>18</v>
      </c>
      <c r="AB25744">
        <v>18</v>
      </c>
      <c r="AC25744">
        <v>19</v>
      </c>
      <c r="AD25744">
        <v>19</v>
      </c>
      <c r="AE25744">
        <v>19</v>
      </c>
      <c r="AF25744">
        <v>19</v>
      </c>
      <c r="AG25744">
        <v>19</v>
      </c>
      <c r="AH25744">
        <v>19</v>
      </c>
      <c r="AI25744">
        <v>18</v>
      </c>
      <c r="AJ25744">
        <v>18</v>
      </c>
      <c r="AK25744">
        <v>18</v>
      </c>
      <c r="AL25744">
        <v>18</v>
      </c>
      <c r="AM25744">
        <v>18</v>
      </c>
      <c r="AN25744">
        <v>18</v>
      </c>
      <c r="AO25744">
        <v>18</v>
      </c>
      <c r="AP25744">
        <v>18</v>
      </c>
      <c r="AQ25744">
        <v>18</v>
      </c>
    </row>
    <row r="25745" spans="1:43">
      <c r="A25745" t="s">
        <v>15931</v>
      </c>
      <c r="B25745" t="s">
        <v>15932</v>
      </c>
      <c r="C25745" t="s">
        <v>15897</v>
      </c>
      <c r="D25745" t="s">
        <v>15898</v>
      </c>
      <c r="E25745" t="s">
        <v>15891</v>
      </c>
      <c r="F25745" t="s">
        <v>15892</v>
      </c>
      <c r="G25745" t="s">
        <v>10734</v>
      </c>
      <c r="H25745" t="s">
        <v>10735</v>
      </c>
      <c r="I25745" s="2">
        <v>1</v>
      </c>
      <c r="J25745" s="2">
        <v>0</v>
      </c>
      <c r="K25745" s="2">
        <v>0</v>
      </c>
      <c r="L25745" t="s">
        <v>120</v>
      </c>
      <c r="M25745" t="s">
        <v>83</v>
      </c>
      <c r="N25745" t="s">
        <v>91</v>
      </c>
      <c r="O25745" t="s">
        <v>85</v>
      </c>
      <c r="P25745" t="s">
        <v>86</v>
      </c>
      <c r="Q25745">
        <v>16</v>
      </c>
      <c r="R25745">
        <v>16</v>
      </c>
      <c r="S25745">
        <v>16</v>
      </c>
      <c r="T25745">
        <v>17</v>
      </c>
      <c r="U25745">
        <v>17</v>
      </c>
      <c r="V25745">
        <v>17</v>
      </c>
      <c r="W25745">
        <v>17</v>
      </c>
      <c r="X25745">
        <v>17</v>
      </c>
      <c r="Y25745">
        <v>17</v>
      </c>
      <c r="Z25745">
        <v>17</v>
      </c>
      <c r="AA25745">
        <v>17</v>
      </c>
      <c r="AB25745">
        <v>17</v>
      </c>
      <c r="AC25745">
        <v>17</v>
      </c>
      <c r="AD25745">
        <v>18</v>
      </c>
      <c r="AE25745">
        <v>18</v>
      </c>
      <c r="AF25745">
        <v>18</v>
      </c>
      <c r="AG25745">
        <v>18</v>
      </c>
      <c r="AH25745">
        <v>18</v>
      </c>
      <c r="AI25745">
        <v>18</v>
      </c>
      <c r="AJ25745">
        <v>18</v>
      </c>
      <c r="AK25745">
        <v>18</v>
      </c>
      <c r="AL25745">
        <v>18</v>
      </c>
      <c r="AM25745">
        <v>18</v>
      </c>
      <c r="AN25745">
        <v>18</v>
      </c>
      <c r="AO25745">
        <v>18</v>
      </c>
      <c r="AP25745">
        <v>18</v>
      </c>
      <c r="AQ25745">
        <v>18</v>
      </c>
    </row>
    <row r="25746" spans="1:43">
      <c r="A25746" t="s">
        <v>15933</v>
      </c>
      <c r="B25746" t="s">
        <v>15934</v>
      </c>
      <c r="C25746" t="s">
        <v>15897</v>
      </c>
      <c r="D25746" t="s">
        <v>15898</v>
      </c>
      <c r="E25746" t="s">
        <v>15891</v>
      </c>
      <c r="F25746" t="s">
        <v>15892</v>
      </c>
      <c r="G25746" t="s">
        <v>10734</v>
      </c>
      <c r="H25746" t="s">
        <v>10735</v>
      </c>
      <c r="I25746" s="2">
        <v>1</v>
      </c>
      <c r="J25746" s="2">
        <v>0</v>
      </c>
      <c r="K25746" s="2">
        <v>0</v>
      </c>
      <c r="L25746" t="s">
        <v>120</v>
      </c>
      <c r="M25746" t="s">
        <v>83</v>
      </c>
      <c r="N25746" t="s">
        <v>84</v>
      </c>
      <c r="O25746" t="s">
        <v>85</v>
      </c>
      <c r="P25746" t="s">
        <v>86</v>
      </c>
      <c r="Q25746">
        <v>29</v>
      </c>
      <c r="R25746">
        <v>29</v>
      </c>
      <c r="S25746">
        <v>29</v>
      </c>
      <c r="T25746">
        <v>30</v>
      </c>
      <c r="U25746">
        <v>30</v>
      </c>
      <c r="V25746">
        <v>30</v>
      </c>
      <c r="W25746">
        <v>30</v>
      </c>
      <c r="X25746">
        <v>31</v>
      </c>
      <c r="Y25746">
        <v>31</v>
      </c>
      <c r="Z25746">
        <v>31</v>
      </c>
      <c r="AA25746">
        <v>31</v>
      </c>
      <c r="AB25746">
        <v>31</v>
      </c>
      <c r="AC25746">
        <v>31</v>
      </c>
      <c r="AD25746">
        <v>31</v>
      </c>
      <c r="AE25746">
        <v>32</v>
      </c>
      <c r="AF25746">
        <v>32</v>
      </c>
      <c r="AG25746">
        <v>32</v>
      </c>
      <c r="AH25746">
        <v>32</v>
      </c>
      <c r="AI25746">
        <v>32</v>
      </c>
      <c r="AJ25746">
        <v>32</v>
      </c>
      <c r="AK25746">
        <v>32</v>
      </c>
      <c r="AL25746">
        <v>32</v>
      </c>
      <c r="AM25746">
        <v>32</v>
      </c>
      <c r="AN25746">
        <v>32</v>
      </c>
      <c r="AO25746">
        <v>32</v>
      </c>
      <c r="AP25746">
        <v>32</v>
      </c>
      <c r="AQ25746">
        <v>31</v>
      </c>
    </row>
    <row r="25747" spans="1:43">
      <c r="A25747" t="s">
        <v>15933</v>
      </c>
      <c r="B25747" t="s">
        <v>15934</v>
      </c>
      <c r="C25747" t="s">
        <v>15897</v>
      </c>
      <c r="D25747" t="s">
        <v>15898</v>
      </c>
      <c r="E25747" t="s">
        <v>15891</v>
      </c>
      <c r="F25747" t="s">
        <v>15892</v>
      </c>
      <c r="G25747" t="s">
        <v>10734</v>
      </c>
      <c r="H25747" t="s">
        <v>10735</v>
      </c>
      <c r="I25747" s="2">
        <v>1</v>
      </c>
      <c r="J25747" s="2">
        <v>0</v>
      </c>
      <c r="K25747" s="2">
        <v>0</v>
      </c>
      <c r="L25747" t="s">
        <v>120</v>
      </c>
      <c r="M25747" t="s">
        <v>87</v>
      </c>
      <c r="N25747" t="s">
        <v>88</v>
      </c>
      <c r="O25747" t="s">
        <v>85</v>
      </c>
      <c r="P25747" t="s">
        <v>86</v>
      </c>
      <c r="Q25747">
        <v>29</v>
      </c>
      <c r="R25747">
        <v>29</v>
      </c>
      <c r="S25747">
        <v>29</v>
      </c>
      <c r="T25747">
        <v>29</v>
      </c>
      <c r="U25747">
        <v>29</v>
      </c>
      <c r="V25747">
        <v>29</v>
      </c>
      <c r="W25747">
        <v>29</v>
      </c>
      <c r="X25747">
        <v>28</v>
      </c>
      <c r="Y25747">
        <v>28</v>
      </c>
      <c r="Z25747">
        <v>28</v>
      </c>
      <c r="AA25747">
        <v>28</v>
      </c>
      <c r="AB25747">
        <v>28</v>
      </c>
      <c r="AC25747">
        <v>28</v>
      </c>
      <c r="AD25747">
        <v>28</v>
      </c>
      <c r="AE25747">
        <v>28</v>
      </c>
      <c r="AF25747">
        <v>28</v>
      </c>
      <c r="AG25747">
        <v>28</v>
      </c>
      <c r="AH25747">
        <v>28</v>
      </c>
      <c r="AI25747">
        <v>28</v>
      </c>
      <c r="AJ25747">
        <v>28</v>
      </c>
      <c r="AK25747">
        <v>28</v>
      </c>
      <c r="AL25747">
        <v>28</v>
      </c>
      <c r="AM25747">
        <v>28</v>
      </c>
      <c r="AN25747">
        <v>28</v>
      </c>
      <c r="AO25747">
        <v>28</v>
      </c>
      <c r="AP25747">
        <v>27</v>
      </c>
      <c r="AQ25747">
        <v>27</v>
      </c>
    </row>
    <row r="25748" spans="1:43">
      <c r="A25748" t="s">
        <v>15933</v>
      </c>
      <c r="B25748" t="s">
        <v>15934</v>
      </c>
      <c r="C25748" t="s">
        <v>15897</v>
      </c>
      <c r="D25748" t="s">
        <v>15898</v>
      </c>
      <c r="E25748" t="s">
        <v>15891</v>
      </c>
      <c r="F25748" t="s">
        <v>15892</v>
      </c>
      <c r="G25748" t="s">
        <v>10734</v>
      </c>
      <c r="H25748" t="s">
        <v>10735</v>
      </c>
      <c r="I25748" s="2">
        <v>1</v>
      </c>
      <c r="J25748" s="2">
        <v>0</v>
      </c>
      <c r="K25748" s="2">
        <v>0</v>
      </c>
      <c r="L25748" t="s">
        <v>120</v>
      </c>
      <c r="M25748" t="s">
        <v>89</v>
      </c>
      <c r="N25748" t="s">
        <v>90</v>
      </c>
      <c r="O25748" t="s">
        <v>85</v>
      </c>
      <c r="P25748" t="s">
        <v>86</v>
      </c>
      <c r="Q25748">
        <v>29</v>
      </c>
      <c r="R25748">
        <v>30</v>
      </c>
      <c r="S25748">
        <v>30</v>
      </c>
      <c r="T25748">
        <v>31</v>
      </c>
      <c r="U25748">
        <v>31</v>
      </c>
      <c r="V25748">
        <v>31</v>
      </c>
      <c r="W25748">
        <v>32</v>
      </c>
      <c r="X25748">
        <v>32</v>
      </c>
      <c r="Y25748">
        <v>32</v>
      </c>
      <c r="Z25748">
        <v>33</v>
      </c>
      <c r="AA25748">
        <v>33</v>
      </c>
      <c r="AB25748">
        <v>33</v>
      </c>
      <c r="AC25748">
        <v>34</v>
      </c>
      <c r="AD25748">
        <v>34</v>
      </c>
      <c r="AE25748">
        <v>34</v>
      </c>
      <c r="AF25748">
        <v>34</v>
      </c>
      <c r="AG25748">
        <v>34</v>
      </c>
      <c r="AH25748">
        <v>33</v>
      </c>
      <c r="AI25748">
        <v>33</v>
      </c>
      <c r="AJ25748">
        <v>33</v>
      </c>
      <c r="AK25748">
        <v>33</v>
      </c>
      <c r="AL25748">
        <v>33</v>
      </c>
      <c r="AM25748">
        <v>32</v>
      </c>
      <c r="AN25748">
        <v>32</v>
      </c>
      <c r="AO25748">
        <v>32</v>
      </c>
      <c r="AP25748">
        <v>32</v>
      </c>
      <c r="AQ25748">
        <v>32</v>
      </c>
    </row>
    <row r="25749" spans="1:43">
      <c r="A25749" t="s">
        <v>15933</v>
      </c>
      <c r="B25749" t="s">
        <v>15934</v>
      </c>
      <c r="C25749" t="s">
        <v>15897</v>
      </c>
      <c r="D25749" t="s">
        <v>15898</v>
      </c>
      <c r="E25749" t="s">
        <v>15891</v>
      </c>
      <c r="F25749" t="s">
        <v>15892</v>
      </c>
      <c r="G25749" t="s">
        <v>10734</v>
      </c>
      <c r="H25749" t="s">
        <v>10735</v>
      </c>
      <c r="I25749" s="2">
        <v>1</v>
      </c>
      <c r="J25749" s="2">
        <v>0</v>
      </c>
      <c r="K25749" s="2">
        <v>0</v>
      </c>
      <c r="L25749" t="s">
        <v>120</v>
      </c>
      <c r="M25749" t="s">
        <v>83</v>
      </c>
      <c r="N25749" t="s">
        <v>91</v>
      </c>
      <c r="O25749" t="s">
        <v>85</v>
      </c>
      <c r="P25749" t="s">
        <v>86</v>
      </c>
      <c r="Q25749">
        <v>29</v>
      </c>
      <c r="R25749">
        <v>29</v>
      </c>
      <c r="S25749">
        <v>29</v>
      </c>
      <c r="T25749">
        <v>30</v>
      </c>
      <c r="U25749">
        <v>30</v>
      </c>
      <c r="V25749">
        <v>30</v>
      </c>
      <c r="W25749">
        <v>30</v>
      </c>
      <c r="X25749">
        <v>31</v>
      </c>
      <c r="Y25749">
        <v>31</v>
      </c>
      <c r="Z25749">
        <v>31</v>
      </c>
      <c r="AA25749">
        <v>31</v>
      </c>
      <c r="AB25749">
        <v>31</v>
      </c>
      <c r="AC25749">
        <v>31</v>
      </c>
      <c r="AD25749">
        <v>31</v>
      </c>
      <c r="AE25749">
        <v>32</v>
      </c>
      <c r="AF25749">
        <v>32</v>
      </c>
      <c r="AG25749">
        <v>32</v>
      </c>
      <c r="AH25749">
        <v>32</v>
      </c>
      <c r="AI25749">
        <v>32</v>
      </c>
      <c r="AJ25749">
        <v>32</v>
      </c>
      <c r="AK25749">
        <v>32</v>
      </c>
      <c r="AL25749">
        <v>32</v>
      </c>
      <c r="AM25749">
        <v>32</v>
      </c>
      <c r="AN25749">
        <v>32</v>
      </c>
      <c r="AO25749">
        <v>32</v>
      </c>
      <c r="AP25749">
        <v>32</v>
      </c>
      <c r="AQ25749">
        <v>31</v>
      </c>
    </row>
    <row r="25750" spans="1:43">
      <c r="A25750" t="s">
        <v>15935</v>
      </c>
      <c r="B25750" t="s">
        <v>15936</v>
      </c>
      <c r="C25750" t="s">
        <v>15897</v>
      </c>
      <c r="D25750" t="s">
        <v>15898</v>
      </c>
      <c r="E25750" t="s">
        <v>15891</v>
      </c>
      <c r="F25750" t="s">
        <v>15892</v>
      </c>
      <c r="G25750" t="s">
        <v>10734</v>
      </c>
      <c r="H25750" t="s">
        <v>10735</v>
      </c>
      <c r="I25750" s="2">
        <v>1</v>
      </c>
      <c r="J25750" s="2">
        <v>0</v>
      </c>
      <c r="K25750" s="2">
        <v>0</v>
      </c>
      <c r="L25750" t="s">
        <v>120</v>
      </c>
      <c r="M25750" t="s">
        <v>83</v>
      </c>
      <c r="N25750" t="s">
        <v>84</v>
      </c>
      <c r="O25750" t="s">
        <v>85</v>
      </c>
      <c r="P25750" t="s">
        <v>86</v>
      </c>
      <c r="Q25750">
        <v>19</v>
      </c>
      <c r="R25750">
        <v>19</v>
      </c>
      <c r="S25750">
        <v>19</v>
      </c>
      <c r="T25750">
        <v>19</v>
      </c>
      <c r="U25750">
        <v>19</v>
      </c>
      <c r="V25750">
        <v>19</v>
      </c>
      <c r="W25750">
        <v>20</v>
      </c>
      <c r="X25750">
        <v>20</v>
      </c>
      <c r="Y25750">
        <v>20</v>
      </c>
      <c r="Z25750">
        <v>20</v>
      </c>
      <c r="AA25750">
        <v>20</v>
      </c>
      <c r="AB25750">
        <v>20</v>
      </c>
      <c r="AC25750">
        <v>20</v>
      </c>
      <c r="AD25750">
        <v>20</v>
      </c>
      <c r="AE25750">
        <v>20</v>
      </c>
      <c r="AF25750">
        <v>20</v>
      </c>
      <c r="AG25750">
        <v>20</v>
      </c>
      <c r="AH25750">
        <v>20</v>
      </c>
      <c r="AI25750">
        <v>20</v>
      </c>
      <c r="AJ25750">
        <v>20</v>
      </c>
      <c r="AK25750">
        <v>20</v>
      </c>
      <c r="AL25750">
        <v>20</v>
      </c>
      <c r="AM25750">
        <v>20</v>
      </c>
      <c r="AN25750">
        <v>20</v>
      </c>
      <c r="AO25750">
        <v>20</v>
      </c>
      <c r="AP25750">
        <v>20</v>
      </c>
      <c r="AQ25750">
        <v>20</v>
      </c>
    </row>
    <row r="25751" spans="1:43">
      <c r="A25751" t="s">
        <v>15935</v>
      </c>
      <c r="B25751" t="s">
        <v>15936</v>
      </c>
      <c r="C25751" t="s">
        <v>15897</v>
      </c>
      <c r="D25751" t="s">
        <v>15898</v>
      </c>
      <c r="E25751" t="s">
        <v>15891</v>
      </c>
      <c r="F25751" t="s">
        <v>15892</v>
      </c>
      <c r="G25751" t="s">
        <v>10734</v>
      </c>
      <c r="H25751" t="s">
        <v>10735</v>
      </c>
      <c r="I25751" s="2">
        <v>1</v>
      </c>
      <c r="J25751" s="2">
        <v>0</v>
      </c>
      <c r="K25751" s="2">
        <v>0</v>
      </c>
      <c r="L25751" t="s">
        <v>120</v>
      </c>
      <c r="M25751" t="s">
        <v>87</v>
      </c>
      <c r="N25751" t="s">
        <v>88</v>
      </c>
      <c r="O25751" t="s">
        <v>85</v>
      </c>
      <c r="P25751" t="s">
        <v>86</v>
      </c>
      <c r="Q25751">
        <v>19</v>
      </c>
      <c r="R25751">
        <v>19</v>
      </c>
      <c r="S25751">
        <v>19</v>
      </c>
      <c r="T25751">
        <v>18</v>
      </c>
      <c r="U25751">
        <v>18</v>
      </c>
      <c r="V25751">
        <v>18</v>
      </c>
      <c r="W25751">
        <v>18</v>
      </c>
      <c r="X25751">
        <v>18</v>
      </c>
      <c r="Y25751">
        <v>18</v>
      </c>
      <c r="Z25751">
        <v>18</v>
      </c>
      <c r="AA25751">
        <v>18</v>
      </c>
      <c r="AB25751">
        <v>18</v>
      </c>
      <c r="AC25751">
        <v>18</v>
      </c>
      <c r="AD25751">
        <v>18</v>
      </c>
      <c r="AE25751">
        <v>18</v>
      </c>
      <c r="AF25751">
        <v>18</v>
      </c>
      <c r="AG25751">
        <v>18</v>
      </c>
      <c r="AH25751">
        <v>18</v>
      </c>
      <c r="AI25751">
        <v>18</v>
      </c>
      <c r="AJ25751">
        <v>18</v>
      </c>
      <c r="AK25751">
        <v>18</v>
      </c>
      <c r="AL25751">
        <v>18</v>
      </c>
      <c r="AM25751">
        <v>17</v>
      </c>
      <c r="AN25751">
        <v>17</v>
      </c>
      <c r="AO25751">
        <v>17</v>
      </c>
      <c r="AP25751">
        <v>17</v>
      </c>
      <c r="AQ25751">
        <v>17</v>
      </c>
    </row>
    <row r="25752" spans="1:43">
      <c r="A25752" t="s">
        <v>15935</v>
      </c>
      <c r="B25752" t="s">
        <v>15936</v>
      </c>
      <c r="C25752" t="s">
        <v>15897</v>
      </c>
      <c r="D25752" t="s">
        <v>15898</v>
      </c>
      <c r="E25752" t="s">
        <v>15891</v>
      </c>
      <c r="F25752" t="s">
        <v>15892</v>
      </c>
      <c r="G25752" t="s">
        <v>10734</v>
      </c>
      <c r="H25752" t="s">
        <v>10735</v>
      </c>
      <c r="I25752" s="2">
        <v>1</v>
      </c>
      <c r="J25752" s="2">
        <v>0</v>
      </c>
      <c r="K25752" s="2">
        <v>0</v>
      </c>
      <c r="L25752" t="s">
        <v>120</v>
      </c>
      <c r="M25752" t="s">
        <v>89</v>
      </c>
      <c r="N25752" t="s">
        <v>90</v>
      </c>
      <c r="O25752" t="s">
        <v>85</v>
      </c>
      <c r="P25752" t="s">
        <v>86</v>
      </c>
      <c r="Q25752">
        <v>19</v>
      </c>
      <c r="R25752">
        <v>19</v>
      </c>
      <c r="S25752">
        <v>20</v>
      </c>
      <c r="T25752">
        <v>20</v>
      </c>
      <c r="U25752">
        <v>20</v>
      </c>
      <c r="V25752">
        <v>20</v>
      </c>
      <c r="W25752">
        <v>20</v>
      </c>
      <c r="X25752">
        <v>21</v>
      </c>
      <c r="Y25752">
        <v>21</v>
      </c>
      <c r="Z25752">
        <v>21</v>
      </c>
      <c r="AA25752">
        <v>21</v>
      </c>
      <c r="AB25752">
        <v>21</v>
      </c>
      <c r="AC25752">
        <v>21</v>
      </c>
      <c r="AD25752">
        <v>22</v>
      </c>
      <c r="AE25752">
        <v>22</v>
      </c>
      <c r="AF25752">
        <v>21</v>
      </c>
      <c r="AG25752">
        <v>21</v>
      </c>
      <c r="AH25752">
        <v>21</v>
      </c>
      <c r="AI25752">
        <v>21</v>
      </c>
      <c r="AJ25752">
        <v>21</v>
      </c>
      <c r="AK25752">
        <v>21</v>
      </c>
      <c r="AL25752">
        <v>21</v>
      </c>
      <c r="AM25752">
        <v>20</v>
      </c>
      <c r="AN25752">
        <v>20</v>
      </c>
      <c r="AO25752">
        <v>20</v>
      </c>
      <c r="AP25752">
        <v>20</v>
      </c>
      <c r="AQ25752">
        <v>20</v>
      </c>
    </row>
    <row r="25753" spans="1:43">
      <c r="A25753" t="s">
        <v>15935</v>
      </c>
      <c r="B25753" t="s">
        <v>15936</v>
      </c>
      <c r="C25753" t="s">
        <v>15897</v>
      </c>
      <c r="D25753" t="s">
        <v>15898</v>
      </c>
      <c r="E25753" t="s">
        <v>15891</v>
      </c>
      <c r="F25753" t="s">
        <v>15892</v>
      </c>
      <c r="G25753" t="s">
        <v>10734</v>
      </c>
      <c r="H25753" t="s">
        <v>10735</v>
      </c>
      <c r="I25753" s="2">
        <v>1</v>
      </c>
      <c r="J25753" s="2">
        <v>0</v>
      </c>
      <c r="K25753" s="2">
        <v>0</v>
      </c>
      <c r="L25753" t="s">
        <v>120</v>
      </c>
      <c r="M25753" t="s">
        <v>83</v>
      </c>
      <c r="N25753" t="s">
        <v>91</v>
      </c>
      <c r="O25753" t="s">
        <v>85</v>
      </c>
      <c r="P25753" t="s">
        <v>86</v>
      </c>
      <c r="Q25753">
        <v>19</v>
      </c>
      <c r="R25753">
        <v>19</v>
      </c>
      <c r="S25753">
        <v>19</v>
      </c>
      <c r="T25753">
        <v>19</v>
      </c>
      <c r="U25753">
        <v>19</v>
      </c>
      <c r="V25753">
        <v>19</v>
      </c>
      <c r="W25753">
        <v>20</v>
      </c>
      <c r="X25753">
        <v>20</v>
      </c>
      <c r="Y25753">
        <v>20</v>
      </c>
      <c r="Z25753">
        <v>20</v>
      </c>
      <c r="AA25753">
        <v>20</v>
      </c>
      <c r="AB25753">
        <v>20</v>
      </c>
      <c r="AC25753">
        <v>20</v>
      </c>
      <c r="AD25753">
        <v>20</v>
      </c>
      <c r="AE25753">
        <v>20</v>
      </c>
      <c r="AF25753">
        <v>20</v>
      </c>
      <c r="AG25753">
        <v>20</v>
      </c>
      <c r="AH25753">
        <v>20</v>
      </c>
      <c r="AI25753">
        <v>20</v>
      </c>
      <c r="AJ25753">
        <v>20</v>
      </c>
      <c r="AK25753">
        <v>20</v>
      </c>
      <c r="AL25753">
        <v>20</v>
      </c>
      <c r="AM25753">
        <v>20</v>
      </c>
      <c r="AN25753">
        <v>20</v>
      </c>
      <c r="AO25753">
        <v>20</v>
      </c>
      <c r="AP25753">
        <v>20</v>
      </c>
      <c r="AQ25753">
        <v>20</v>
      </c>
    </row>
    <row r="25754" spans="1:43">
      <c r="A25754" t="s">
        <v>15937</v>
      </c>
      <c r="B25754" t="s">
        <v>15938</v>
      </c>
      <c r="C25754" t="s">
        <v>15939</v>
      </c>
      <c r="D25754" t="s">
        <v>15940</v>
      </c>
      <c r="E25754" t="s">
        <v>15891</v>
      </c>
      <c r="F25754" t="s">
        <v>15892</v>
      </c>
      <c r="G25754" t="s">
        <v>10734</v>
      </c>
      <c r="H25754" t="s">
        <v>10735</v>
      </c>
      <c r="I25754" s="2">
        <v>1</v>
      </c>
      <c r="J25754" s="2">
        <v>0</v>
      </c>
      <c r="K25754" s="2">
        <v>0</v>
      </c>
      <c r="L25754" t="s">
        <v>120</v>
      </c>
      <c r="M25754" t="s">
        <v>83</v>
      </c>
      <c r="N25754" t="s">
        <v>84</v>
      </c>
      <c r="O25754" t="s">
        <v>85</v>
      </c>
      <c r="P25754" t="s">
        <v>86</v>
      </c>
      <c r="Q25754">
        <v>7</v>
      </c>
      <c r="R25754">
        <v>7</v>
      </c>
      <c r="S25754">
        <v>7</v>
      </c>
      <c r="T25754">
        <v>7</v>
      </c>
      <c r="U25754">
        <v>7</v>
      </c>
      <c r="V25754">
        <v>7</v>
      </c>
      <c r="W25754">
        <v>7</v>
      </c>
      <c r="X25754">
        <v>7</v>
      </c>
      <c r="Y25754">
        <v>7</v>
      </c>
      <c r="Z25754">
        <v>8</v>
      </c>
      <c r="AA25754">
        <v>8</v>
      </c>
      <c r="AB25754">
        <v>8</v>
      </c>
      <c r="AC25754">
        <v>8</v>
      </c>
      <c r="AD25754">
        <v>8</v>
      </c>
      <c r="AE25754">
        <v>8</v>
      </c>
      <c r="AF25754">
        <v>8</v>
      </c>
      <c r="AG25754">
        <v>8</v>
      </c>
      <c r="AH25754">
        <v>8</v>
      </c>
      <c r="AI25754">
        <v>8</v>
      </c>
      <c r="AJ25754">
        <v>8</v>
      </c>
      <c r="AK25754">
        <v>8</v>
      </c>
      <c r="AL25754">
        <v>8</v>
      </c>
      <c r="AM25754">
        <v>8</v>
      </c>
      <c r="AN25754">
        <v>8</v>
      </c>
      <c r="AO25754">
        <v>8</v>
      </c>
      <c r="AP25754">
        <v>8</v>
      </c>
      <c r="AQ25754">
        <v>8</v>
      </c>
    </row>
    <row r="25755" spans="1:43">
      <c r="A25755" t="s">
        <v>15937</v>
      </c>
      <c r="B25755" t="s">
        <v>15938</v>
      </c>
      <c r="C25755" t="s">
        <v>15939</v>
      </c>
      <c r="D25755" t="s">
        <v>15940</v>
      </c>
      <c r="E25755" t="s">
        <v>15891</v>
      </c>
      <c r="F25755" t="s">
        <v>15892</v>
      </c>
      <c r="G25755" t="s">
        <v>10734</v>
      </c>
      <c r="H25755" t="s">
        <v>10735</v>
      </c>
      <c r="I25755" s="2">
        <v>1</v>
      </c>
      <c r="J25755" s="2">
        <v>0</v>
      </c>
      <c r="K25755" s="2">
        <v>0</v>
      </c>
      <c r="L25755" t="s">
        <v>120</v>
      </c>
      <c r="M25755" t="s">
        <v>87</v>
      </c>
      <c r="N25755" t="s">
        <v>88</v>
      </c>
      <c r="O25755" t="s">
        <v>85</v>
      </c>
      <c r="P25755" t="s">
        <v>86</v>
      </c>
      <c r="Q25755">
        <v>7</v>
      </c>
      <c r="R25755">
        <v>7</v>
      </c>
      <c r="S25755">
        <v>7</v>
      </c>
      <c r="T25755">
        <v>7</v>
      </c>
      <c r="U25755">
        <v>7</v>
      </c>
      <c r="V25755">
        <v>7</v>
      </c>
      <c r="W25755">
        <v>7</v>
      </c>
      <c r="X25755">
        <v>7</v>
      </c>
      <c r="Y25755">
        <v>7</v>
      </c>
      <c r="Z25755">
        <v>7</v>
      </c>
      <c r="AA25755">
        <v>7</v>
      </c>
      <c r="AB25755">
        <v>7</v>
      </c>
      <c r="AC25755">
        <v>7</v>
      </c>
      <c r="AD25755">
        <v>7</v>
      </c>
      <c r="AE25755">
        <v>7</v>
      </c>
      <c r="AF25755">
        <v>7</v>
      </c>
      <c r="AG25755">
        <v>7</v>
      </c>
      <c r="AH25755">
        <v>7</v>
      </c>
      <c r="AI25755">
        <v>7</v>
      </c>
      <c r="AJ25755">
        <v>7</v>
      </c>
      <c r="AK25755">
        <v>7</v>
      </c>
      <c r="AL25755">
        <v>7</v>
      </c>
      <c r="AM25755">
        <v>7</v>
      </c>
      <c r="AN25755">
        <v>7</v>
      </c>
      <c r="AO25755">
        <v>7</v>
      </c>
      <c r="AP25755">
        <v>7</v>
      </c>
      <c r="AQ25755">
        <v>7</v>
      </c>
    </row>
    <row r="25756" spans="1:43">
      <c r="A25756" t="s">
        <v>15937</v>
      </c>
      <c r="B25756" t="s">
        <v>15938</v>
      </c>
      <c r="C25756" t="s">
        <v>15939</v>
      </c>
      <c r="D25756" t="s">
        <v>15940</v>
      </c>
      <c r="E25756" t="s">
        <v>15891</v>
      </c>
      <c r="F25756" t="s">
        <v>15892</v>
      </c>
      <c r="G25756" t="s">
        <v>10734</v>
      </c>
      <c r="H25756" t="s">
        <v>10735</v>
      </c>
      <c r="I25756" s="2">
        <v>1</v>
      </c>
      <c r="J25756" s="2">
        <v>0</v>
      </c>
      <c r="K25756" s="2">
        <v>0</v>
      </c>
      <c r="L25756" t="s">
        <v>120</v>
      </c>
      <c r="M25756" t="s">
        <v>89</v>
      </c>
      <c r="N25756" t="s">
        <v>90</v>
      </c>
      <c r="O25756" t="s">
        <v>85</v>
      </c>
      <c r="P25756" t="s">
        <v>86</v>
      </c>
      <c r="Q25756">
        <v>7</v>
      </c>
      <c r="R25756">
        <v>7</v>
      </c>
      <c r="S25756">
        <v>7</v>
      </c>
      <c r="T25756">
        <v>7</v>
      </c>
      <c r="U25756">
        <v>8</v>
      </c>
      <c r="V25756">
        <v>8</v>
      </c>
      <c r="W25756">
        <v>8</v>
      </c>
      <c r="X25756">
        <v>8</v>
      </c>
      <c r="Y25756">
        <v>8</v>
      </c>
      <c r="Z25756">
        <v>8</v>
      </c>
      <c r="AA25756">
        <v>8</v>
      </c>
      <c r="AB25756">
        <v>8</v>
      </c>
      <c r="AC25756">
        <v>8</v>
      </c>
      <c r="AD25756">
        <v>8</v>
      </c>
      <c r="AE25756">
        <v>8</v>
      </c>
      <c r="AF25756">
        <v>8</v>
      </c>
      <c r="AG25756">
        <v>8</v>
      </c>
      <c r="AH25756">
        <v>8</v>
      </c>
      <c r="AI25756">
        <v>8</v>
      </c>
      <c r="AJ25756">
        <v>8</v>
      </c>
      <c r="AK25756">
        <v>8</v>
      </c>
      <c r="AL25756">
        <v>8</v>
      </c>
      <c r="AM25756">
        <v>8</v>
      </c>
      <c r="AN25756">
        <v>8</v>
      </c>
      <c r="AO25756">
        <v>8</v>
      </c>
      <c r="AP25756">
        <v>8</v>
      </c>
      <c r="AQ25756">
        <v>8</v>
      </c>
    </row>
    <row r="25757" spans="1:43">
      <c r="A25757" t="s">
        <v>15937</v>
      </c>
      <c r="B25757" t="s">
        <v>15938</v>
      </c>
      <c r="C25757" t="s">
        <v>15939</v>
      </c>
      <c r="D25757" t="s">
        <v>15940</v>
      </c>
      <c r="E25757" t="s">
        <v>15891</v>
      </c>
      <c r="F25757" t="s">
        <v>15892</v>
      </c>
      <c r="G25757" t="s">
        <v>10734</v>
      </c>
      <c r="H25757" t="s">
        <v>10735</v>
      </c>
      <c r="I25757" s="2">
        <v>1</v>
      </c>
      <c r="J25757" s="2">
        <v>0</v>
      </c>
      <c r="K25757" s="2">
        <v>0</v>
      </c>
      <c r="L25757" t="s">
        <v>120</v>
      </c>
      <c r="M25757" t="s">
        <v>83</v>
      </c>
      <c r="N25757" t="s">
        <v>91</v>
      </c>
      <c r="O25757" t="s">
        <v>85</v>
      </c>
      <c r="P25757" t="s">
        <v>86</v>
      </c>
      <c r="Q25757">
        <v>7</v>
      </c>
      <c r="R25757">
        <v>7</v>
      </c>
      <c r="S25757">
        <v>7</v>
      </c>
      <c r="T25757">
        <v>7</v>
      </c>
      <c r="U25757">
        <v>7</v>
      </c>
      <c r="V25757">
        <v>7</v>
      </c>
      <c r="W25757">
        <v>7</v>
      </c>
      <c r="X25757">
        <v>7</v>
      </c>
      <c r="Y25757">
        <v>7</v>
      </c>
      <c r="Z25757">
        <v>8</v>
      </c>
      <c r="AA25757">
        <v>8</v>
      </c>
      <c r="AB25757">
        <v>8</v>
      </c>
      <c r="AC25757">
        <v>8</v>
      </c>
      <c r="AD25757">
        <v>8</v>
      </c>
      <c r="AE25757">
        <v>8</v>
      </c>
      <c r="AF25757">
        <v>8</v>
      </c>
      <c r="AG25757">
        <v>8</v>
      </c>
      <c r="AH25757">
        <v>8</v>
      </c>
      <c r="AI25757">
        <v>8</v>
      </c>
      <c r="AJ25757">
        <v>8</v>
      </c>
      <c r="AK25757">
        <v>8</v>
      </c>
      <c r="AL25757">
        <v>8</v>
      </c>
      <c r="AM25757">
        <v>8</v>
      </c>
      <c r="AN25757">
        <v>8</v>
      </c>
      <c r="AO25757">
        <v>8</v>
      </c>
      <c r="AP25757">
        <v>8</v>
      </c>
      <c r="AQ25757">
        <v>8</v>
      </c>
    </row>
    <row r="25758" spans="1:43">
      <c r="A25758" t="s">
        <v>15941</v>
      </c>
      <c r="B25758" t="s">
        <v>15942</v>
      </c>
      <c r="C25758" t="s">
        <v>15943</v>
      </c>
      <c r="D25758" t="s">
        <v>15944</v>
      </c>
      <c r="E25758" t="s">
        <v>15891</v>
      </c>
      <c r="F25758" t="s">
        <v>15892</v>
      </c>
      <c r="G25758" t="s">
        <v>10734</v>
      </c>
      <c r="H25758" t="s">
        <v>10735</v>
      </c>
      <c r="I25758" s="2">
        <v>1</v>
      </c>
      <c r="J25758" s="2">
        <v>0</v>
      </c>
      <c r="K25758" s="2">
        <v>0</v>
      </c>
      <c r="L25758" t="s">
        <v>120</v>
      </c>
      <c r="M25758" t="s">
        <v>83</v>
      </c>
      <c r="N25758" t="s">
        <v>84</v>
      </c>
      <c r="O25758" t="s">
        <v>85</v>
      </c>
      <c r="P25758" t="s">
        <v>86</v>
      </c>
      <c r="Q25758">
        <v>44</v>
      </c>
      <c r="R25758">
        <v>45</v>
      </c>
      <c r="S25758">
        <v>45</v>
      </c>
      <c r="T25758">
        <v>45</v>
      </c>
      <c r="U25758">
        <v>46</v>
      </c>
      <c r="V25758">
        <v>46</v>
      </c>
      <c r="W25758">
        <v>47</v>
      </c>
      <c r="X25758">
        <v>47</v>
      </c>
      <c r="Y25758">
        <v>47</v>
      </c>
      <c r="Z25758">
        <v>48</v>
      </c>
      <c r="AA25758">
        <v>48</v>
      </c>
      <c r="AB25758">
        <v>48</v>
      </c>
      <c r="AC25758">
        <v>49</v>
      </c>
      <c r="AD25758">
        <v>49</v>
      </c>
      <c r="AE25758">
        <v>49</v>
      </c>
      <c r="AF25758">
        <v>50</v>
      </c>
      <c r="AG25758">
        <v>50</v>
      </c>
      <c r="AH25758">
        <v>50</v>
      </c>
      <c r="AI25758">
        <v>51</v>
      </c>
      <c r="AJ25758">
        <v>51</v>
      </c>
      <c r="AK25758">
        <v>51</v>
      </c>
      <c r="AL25758">
        <v>51</v>
      </c>
      <c r="AM25758">
        <v>51</v>
      </c>
      <c r="AN25758">
        <v>51</v>
      </c>
      <c r="AO25758">
        <v>51</v>
      </c>
      <c r="AP25758">
        <v>51</v>
      </c>
      <c r="AQ25758">
        <v>51</v>
      </c>
    </row>
    <row r="25759" spans="1:43">
      <c r="A25759" t="s">
        <v>15941</v>
      </c>
      <c r="B25759" t="s">
        <v>15942</v>
      </c>
      <c r="C25759" t="s">
        <v>15943</v>
      </c>
      <c r="D25759" t="s">
        <v>15944</v>
      </c>
      <c r="E25759" t="s">
        <v>15891</v>
      </c>
      <c r="F25759" t="s">
        <v>15892</v>
      </c>
      <c r="G25759" t="s">
        <v>10734</v>
      </c>
      <c r="H25759" t="s">
        <v>10735</v>
      </c>
      <c r="I25759" s="2">
        <v>1</v>
      </c>
      <c r="J25759" s="2">
        <v>0</v>
      </c>
      <c r="K25759" s="2">
        <v>0</v>
      </c>
      <c r="L25759" t="s">
        <v>120</v>
      </c>
      <c r="M25759" t="s">
        <v>87</v>
      </c>
      <c r="N25759" t="s">
        <v>88</v>
      </c>
      <c r="O25759" t="s">
        <v>85</v>
      </c>
      <c r="P25759" t="s">
        <v>86</v>
      </c>
      <c r="Q25759">
        <v>44</v>
      </c>
      <c r="R25759">
        <v>44</v>
      </c>
      <c r="S25759">
        <v>44</v>
      </c>
      <c r="T25759">
        <v>44</v>
      </c>
      <c r="U25759">
        <v>44</v>
      </c>
      <c r="V25759">
        <v>44</v>
      </c>
      <c r="W25759">
        <v>44</v>
      </c>
      <c r="X25759">
        <v>44</v>
      </c>
      <c r="Y25759">
        <v>44</v>
      </c>
      <c r="Z25759">
        <v>44</v>
      </c>
      <c r="AA25759">
        <v>44</v>
      </c>
      <c r="AB25759">
        <v>44</v>
      </c>
      <c r="AC25759">
        <v>44</v>
      </c>
      <c r="AD25759">
        <v>44</v>
      </c>
      <c r="AE25759">
        <v>44</v>
      </c>
      <c r="AF25759">
        <v>44</v>
      </c>
      <c r="AG25759">
        <v>44</v>
      </c>
      <c r="AH25759">
        <v>44</v>
      </c>
      <c r="AI25759">
        <v>44</v>
      </c>
      <c r="AJ25759">
        <v>44</v>
      </c>
      <c r="AK25759">
        <v>44</v>
      </c>
      <c r="AL25759">
        <v>44</v>
      </c>
      <c r="AM25759">
        <v>44</v>
      </c>
      <c r="AN25759">
        <v>44</v>
      </c>
      <c r="AO25759">
        <v>44</v>
      </c>
      <c r="AP25759">
        <v>44</v>
      </c>
      <c r="AQ25759">
        <v>44</v>
      </c>
    </row>
    <row r="25760" spans="1:43">
      <c r="A25760" t="s">
        <v>15941</v>
      </c>
      <c r="B25760" t="s">
        <v>15942</v>
      </c>
      <c r="C25760" t="s">
        <v>15943</v>
      </c>
      <c r="D25760" t="s">
        <v>15944</v>
      </c>
      <c r="E25760" t="s">
        <v>15891</v>
      </c>
      <c r="F25760" t="s">
        <v>15892</v>
      </c>
      <c r="G25760" t="s">
        <v>10734</v>
      </c>
      <c r="H25760" t="s">
        <v>10735</v>
      </c>
      <c r="I25760" s="2">
        <v>1</v>
      </c>
      <c r="J25760" s="2">
        <v>0</v>
      </c>
      <c r="K25760" s="2">
        <v>0</v>
      </c>
      <c r="L25760" t="s">
        <v>120</v>
      </c>
      <c r="M25760" t="s">
        <v>89</v>
      </c>
      <c r="N25760" t="s">
        <v>90</v>
      </c>
      <c r="O25760" t="s">
        <v>85</v>
      </c>
      <c r="P25760" t="s">
        <v>86</v>
      </c>
      <c r="Q25760">
        <v>44</v>
      </c>
      <c r="R25760">
        <v>44</v>
      </c>
      <c r="S25760">
        <v>45</v>
      </c>
      <c r="T25760">
        <v>46</v>
      </c>
      <c r="U25760">
        <v>47</v>
      </c>
      <c r="V25760">
        <v>47</v>
      </c>
      <c r="W25760">
        <v>48</v>
      </c>
      <c r="X25760">
        <v>49</v>
      </c>
      <c r="Y25760">
        <v>49</v>
      </c>
      <c r="Z25760">
        <v>50</v>
      </c>
      <c r="AA25760">
        <v>50</v>
      </c>
      <c r="AB25760">
        <v>51</v>
      </c>
      <c r="AC25760">
        <v>51</v>
      </c>
      <c r="AD25760">
        <v>52</v>
      </c>
      <c r="AE25760">
        <v>52</v>
      </c>
      <c r="AF25760">
        <v>52</v>
      </c>
      <c r="AG25760">
        <v>52</v>
      </c>
      <c r="AH25760">
        <v>52</v>
      </c>
      <c r="AI25760">
        <v>52</v>
      </c>
      <c r="AJ25760">
        <v>51</v>
      </c>
      <c r="AK25760">
        <v>51</v>
      </c>
      <c r="AL25760">
        <v>51</v>
      </c>
      <c r="AM25760">
        <v>51</v>
      </c>
      <c r="AN25760">
        <v>51</v>
      </c>
      <c r="AO25760">
        <v>51</v>
      </c>
      <c r="AP25760">
        <v>51</v>
      </c>
      <c r="AQ25760">
        <v>51</v>
      </c>
    </row>
    <row r="25761" spans="1:43">
      <c r="A25761" t="s">
        <v>15941</v>
      </c>
      <c r="B25761" t="s">
        <v>15942</v>
      </c>
      <c r="C25761" t="s">
        <v>15943</v>
      </c>
      <c r="D25761" t="s">
        <v>15944</v>
      </c>
      <c r="E25761" t="s">
        <v>15891</v>
      </c>
      <c r="F25761" t="s">
        <v>15892</v>
      </c>
      <c r="G25761" t="s">
        <v>10734</v>
      </c>
      <c r="H25761" t="s">
        <v>10735</v>
      </c>
      <c r="I25761" s="2">
        <v>1</v>
      </c>
      <c r="J25761" s="2">
        <v>0</v>
      </c>
      <c r="K25761" s="2">
        <v>0</v>
      </c>
      <c r="L25761" t="s">
        <v>120</v>
      </c>
      <c r="M25761" t="s">
        <v>83</v>
      </c>
      <c r="N25761" t="s">
        <v>91</v>
      </c>
      <c r="O25761" t="s">
        <v>85</v>
      </c>
      <c r="P25761" t="s">
        <v>86</v>
      </c>
      <c r="Q25761">
        <v>44</v>
      </c>
      <c r="R25761">
        <v>45</v>
      </c>
      <c r="S25761">
        <v>45</v>
      </c>
      <c r="T25761">
        <v>45</v>
      </c>
      <c r="U25761">
        <v>46</v>
      </c>
      <c r="V25761">
        <v>46</v>
      </c>
      <c r="W25761">
        <v>47</v>
      </c>
      <c r="X25761">
        <v>47</v>
      </c>
      <c r="Y25761">
        <v>47</v>
      </c>
      <c r="Z25761">
        <v>48</v>
      </c>
      <c r="AA25761">
        <v>48</v>
      </c>
      <c r="AB25761">
        <v>48</v>
      </c>
      <c r="AC25761">
        <v>49</v>
      </c>
      <c r="AD25761">
        <v>49</v>
      </c>
      <c r="AE25761">
        <v>49</v>
      </c>
      <c r="AF25761">
        <v>50</v>
      </c>
      <c r="AG25761">
        <v>50</v>
      </c>
      <c r="AH25761">
        <v>50</v>
      </c>
      <c r="AI25761">
        <v>51</v>
      </c>
      <c r="AJ25761">
        <v>51</v>
      </c>
      <c r="AK25761">
        <v>51</v>
      </c>
      <c r="AL25761">
        <v>51</v>
      </c>
      <c r="AM25761">
        <v>51</v>
      </c>
      <c r="AN25761">
        <v>51</v>
      </c>
      <c r="AO25761">
        <v>51</v>
      </c>
      <c r="AP25761">
        <v>51</v>
      </c>
      <c r="AQ25761">
        <v>51</v>
      </c>
    </row>
    <row r="25762" spans="1:43">
      <c r="A25762" t="s">
        <v>15945</v>
      </c>
      <c r="B25762" t="s">
        <v>15946</v>
      </c>
      <c r="C25762" t="s">
        <v>15943</v>
      </c>
      <c r="D25762" t="s">
        <v>15944</v>
      </c>
      <c r="E25762" t="s">
        <v>15891</v>
      </c>
      <c r="F25762" t="s">
        <v>15892</v>
      </c>
      <c r="G25762" t="s">
        <v>10734</v>
      </c>
      <c r="H25762" t="s">
        <v>10735</v>
      </c>
      <c r="I25762" s="2">
        <v>1</v>
      </c>
      <c r="J25762" s="2">
        <v>0</v>
      </c>
      <c r="K25762" s="2">
        <v>0</v>
      </c>
      <c r="L25762" t="s">
        <v>120</v>
      </c>
      <c r="M25762" t="s">
        <v>83</v>
      </c>
      <c r="N25762" t="s">
        <v>84</v>
      </c>
      <c r="O25762" t="s">
        <v>85</v>
      </c>
      <c r="P25762" t="s">
        <v>86</v>
      </c>
      <c r="Q25762">
        <v>105</v>
      </c>
      <c r="R25762">
        <v>106</v>
      </c>
      <c r="S25762">
        <v>107</v>
      </c>
      <c r="T25762">
        <v>108</v>
      </c>
      <c r="U25762">
        <v>109</v>
      </c>
      <c r="V25762">
        <v>109</v>
      </c>
      <c r="W25762">
        <v>110</v>
      </c>
      <c r="X25762">
        <v>111</v>
      </c>
      <c r="Y25762">
        <v>112</v>
      </c>
      <c r="Z25762">
        <v>112</v>
      </c>
      <c r="AA25762">
        <v>113</v>
      </c>
      <c r="AB25762">
        <v>114</v>
      </c>
      <c r="AC25762">
        <v>114</v>
      </c>
      <c r="AD25762">
        <v>115</v>
      </c>
      <c r="AE25762">
        <v>115</v>
      </c>
      <c r="AF25762">
        <v>116</v>
      </c>
      <c r="AG25762">
        <v>117</v>
      </c>
      <c r="AH25762">
        <v>117</v>
      </c>
      <c r="AI25762">
        <v>118</v>
      </c>
      <c r="AJ25762">
        <v>118</v>
      </c>
      <c r="AK25762">
        <v>119</v>
      </c>
      <c r="AL25762">
        <v>119</v>
      </c>
      <c r="AM25762">
        <v>118</v>
      </c>
      <c r="AN25762">
        <v>118</v>
      </c>
      <c r="AO25762">
        <v>117</v>
      </c>
      <c r="AP25762">
        <v>117</v>
      </c>
      <c r="AQ25762">
        <v>116</v>
      </c>
    </row>
    <row r="25763" spans="1:43">
      <c r="A25763" t="s">
        <v>15945</v>
      </c>
      <c r="B25763" t="s">
        <v>15946</v>
      </c>
      <c r="C25763" t="s">
        <v>15943</v>
      </c>
      <c r="D25763" t="s">
        <v>15944</v>
      </c>
      <c r="E25763" t="s">
        <v>15891</v>
      </c>
      <c r="F25763" t="s">
        <v>15892</v>
      </c>
      <c r="G25763" t="s">
        <v>10734</v>
      </c>
      <c r="H25763" t="s">
        <v>10735</v>
      </c>
      <c r="I25763" s="2">
        <v>1</v>
      </c>
      <c r="J25763" s="2">
        <v>0</v>
      </c>
      <c r="K25763" s="2">
        <v>0</v>
      </c>
      <c r="L25763" t="s">
        <v>120</v>
      </c>
      <c r="M25763" t="s">
        <v>87</v>
      </c>
      <c r="N25763" t="s">
        <v>88</v>
      </c>
      <c r="O25763" t="s">
        <v>85</v>
      </c>
      <c r="P25763" t="s">
        <v>86</v>
      </c>
      <c r="Q25763">
        <v>105</v>
      </c>
      <c r="R25763">
        <v>105</v>
      </c>
      <c r="S25763">
        <v>105</v>
      </c>
      <c r="T25763">
        <v>105</v>
      </c>
      <c r="U25763">
        <v>105</v>
      </c>
      <c r="V25763">
        <v>105</v>
      </c>
      <c r="W25763">
        <v>104</v>
      </c>
      <c r="X25763">
        <v>104</v>
      </c>
      <c r="Y25763">
        <v>104</v>
      </c>
      <c r="Z25763">
        <v>104</v>
      </c>
      <c r="AA25763">
        <v>104</v>
      </c>
      <c r="AB25763">
        <v>104</v>
      </c>
      <c r="AC25763">
        <v>104</v>
      </c>
      <c r="AD25763">
        <v>103</v>
      </c>
      <c r="AE25763">
        <v>103</v>
      </c>
      <c r="AF25763">
        <v>103</v>
      </c>
      <c r="AG25763">
        <v>103</v>
      </c>
      <c r="AH25763">
        <v>103</v>
      </c>
      <c r="AI25763">
        <v>103</v>
      </c>
      <c r="AJ25763">
        <v>102</v>
      </c>
      <c r="AK25763">
        <v>102</v>
      </c>
      <c r="AL25763">
        <v>102</v>
      </c>
      <c r="AM25763">
        <v>102</v>
      </c>
      <c r="AN25763">
        <v>102</v>
      </c>
      <c r="AO25763">
        <v>101</v>
      </c>
      <c r="AP25763">
        <v>101</v>
      </c>
      <c r="AQ25763">
        <v>101</v>
      </c>
    </row>
    <row r="25764" spans="1:43">
      <c r="A25764" t="s">
        <v>15945</v>
      </c>
      <c r="B25764" t="s">
        <v>15946</v>
      </c>
      <c r="C25764" t="s">
        <v>15943</v>
      </c>
      <c r="D25764" t="s">
        <v>15944</v>
      </c>
      <c r="E25764" t="s">
        <v>15891</v>
      </c>
      <c r="F25764" t="s">
        <v>15892</v>
      </c>
      <c r="G25764" t="s">
        <v>10734</v>
      </c>
      <c r="H25764" t="s">
        <v>10735</v>
      </c>
      <c r="I25764" s="2">
        <v>1</v>
      </c>
      <c r="J25764" s="2">
        <v>0</v>
      </c>
      <c r="K25764" s="2">
        <v>0</v>
      </c>
      <c r="L25764" t="s">
        <v>120</v>
      </c>
      <c r="M25764" t="s">
        <v>89</v>
      </c>
      <c r="N25764" t="s">
        <v>90</v>
      </c>
      <c r="O25764" t="s">
        <v>85</v>
      </c>
      <c r="P25764" t="s">
        <v>86</v>
      </c>
      <c r="Q25764">
        <v>105</v>
      </c>
      <c r="R25764">
        <v>107</v>
      </c>
      <c r="S25764">
        <v>109</v>
      </c>
      <c r="T25764">
        <v>110</v>
      </c>
      <c r="U25764">
        <v>112</v>
      </c>
      <c r="V25764">
        <v>113</v>
      </c>
      <c r="W25764">
        <v>115</v>
      </c>
      <c r="X25764">
        <v>116</v>
      </c>
      <c r="Y25764">
        <v>117</v>
      </c>
      <c r="Z25764">
        <v>118</v>
      </c>
      <c r="AA25764">
        <v>119</v>
      </c>
      <c r="AB25764">
        <v>120</v>
      </c>
      <c r="AC25764">
        <v>122</v>
      </c>
      <c r="AD25764">
        <v>123</v>
      </c>
      <c r="AE25764">
        <v>123</v>
      </c>
      <c r="AF25764">
        <v>123</v>
      </c>
      <c r="AG25764">
        <v>122</v>
      </c>
      <c r="AH25764">
        <v>121</v>
      </c>
      <c r="AI25764">
        <v>121</v>
      </c>
      <c r="AJ25764">
        <v>120</v>
      </c>
      <c r="AK25764">
        <v>120</v>
      </c>
      <c r="AL25764">
        <v>119</v>
      </c>
      <c r="AM25764">
        <v>119</v>
      </c>
      <c r="AN25764">
        <v>118</v>
      </c>
      <c r="AO25764">
        <v>118</v>
      </c>
      <c r="AP25764">
        <v>117</v>
      </c>
      <c r="AQ25764">
        <v>117</v>
      </c>
    </row>
    <row r="25765" spans="1:43">
      <c r="A25765" t="s">
        <v>15945</v>
      </c>
      <c r="B25765" t="s">
        <v>15946</v>
      </c>
      <c r="C25765" t="s">
        <v>15943</v>
      </c>
      <c r="D25765" t="s">
        <v>15944</v>
      </c>
      <c r="E25765" t="s">
        <v>15891</v>
      </c>
      <c r="F25765" t="s">
        <v>15892</v>
      </c>
      <c r="G25765" t="s">
        <v>10734</v>
      </c>
      <c r="H25765" t="s">
        <v>10735</v>
      </c>
      <c r="I25765" s="2">
        <v>1</v>
      </c>
      <c r="J25765" s="2">
        <v>0</v>
      </c>
      <c r="K25765" s="2">
        <v>0</v>
      </c>
      <c r="L25765" t="s">
        <v>120</v>
      </c>
      <c r="M25765" t="s">
        <v>83</v>
      </c>
      <c r="N25765" t="s">
        <v>91</v>
      </c>
      <c r="O25765" t="s">
        <v>85</v>
      </c>
      <c r="P25765" t="s">
        <v>86</v>
      </c>
      <c r="Q25765">
        <v>105</v>
      </c>
      <c r="R25765">
        <v>106</v>
      </c>
      <c r="S25765">
        <v>107</v>
      </c>
      <c r="T25765">
        <v>108</v>
      </c>
      <c r="U25765">
        <v>109</v>
      </c>
      <c r="V25765">
        <v>109</v>
      </c>
      <c r="W25765">
        <v>110</v>
      </c>
      <c r="X25765">
        <v>111</v>
      </c>
      <c r="Y25765">
        <v>112</v>
      </c>
      <c r="Z25765">
        <v>112</v>
      </c>
      <c r="AA25765">
        <v>113</v>
      </c>
      <c r="AB25765">
        <v>114</v>
      </c>
      <c r="AC25765">
        <v>114</v>
      </c>
      <c r="AD25765">
        <v>115</v>
      </c>
      <c r="AE25765">
        <v>115</v>
      </c>
      <c r="AF25765">
        <v>116</v>
      </c>
      <c r="AG25765">
        <v>117</v>
      </c>
      <c r="AH25765">
        <v>117</v>
      </c>
      <c r="AI25765">
        <v>118</v>
      </c>
      <c r="AJ25765">
        <v>118</v>
      </c>
      <c r="AK25765">
        <v>119</v>
      </c>
      <c r="AL25765">
        <v>119</v>
      </c>
      <c r="AM25765">
        <v>118</v>
      </c>
      <c r="AN25765">
        <v>118</v>
      </c>
      <c r="AO25765">
        <v>117</v>
      </c>
      <c r="AP25765">
        <v>117</v>
      </c>
      <c r="AQ25765">
        <v>116</v>
      </c>
    </row>
    <row r="25766" spans="1:43">
      <c r="A25766" t="s">
        <v>15947</v>
      </c>
      <c r="B25766" t="s">
        <v>15948</v>
      </c>
      <c r="C25766" t="s">
        <v>15943</v>
      </c>
      <c r="D25766" t="s">
        <v>15944</v>
      </c>
      <c r="E25766" t="s">
        <v>15891</v>
      </c>
      <c r="F25766" t="s">
        <v>15892</v>
      </c>
      <c r="G25766" t="s">
        <v>10734</v>
      </c>
      <c r="H25766" t="s">
        <v>10735</v>
      </c>
      <c r="I25766" s="2">
        <v>1</v>
      </c>
      <c r="J25766" s="2">
        <v>0</v>
      </c>
      <c r="K25766" s="2">
        <v>0</v>
      </c>
      <c r="L25766" t="s">
        <v>120</v>
      </c>
      <c r="M25766" t="s">
        <v>83</v>
      </c>
      <c r="N25766" t="s">
        <v>84</v>
      </c>
      <c r="O25766" t="s">
        <v>85</v>
      </c>
      <c r="P25766" t="s">
        <v>86</v>
      </c>
      <c r="Q25766">
        <v>28</v>
      </c>
      <c r="R25766">
        <v>28</v>
      </c>
      <c r="S25766">
        <v>28</v>
      </c>
      <c r="T25766">
        <v>29</v>
      </c>
      <c r="U25766">
        <v>29</v>
      </c>
      <c r="V25766">
        <v>29</v>
      </c>
      <c r="W25766">
        <v>29</v>
      </c>
      <c r="X25766">
        <v>29</v>
      </c>
      <c r="Y25766">
        <v>30</v>
      </c>
      <c r="Z25766">
        <v>30</v>
      </c>
      <c r="AA25766">
        <v>30</v>
      </c>
      <c r="AB25766">
        <v>30</v>
      </c>
      <c r="AC25766">
        <v>30</v>
      </c>
      <c r="AD25766">
        <v>30</v>
      </c>
      <c r="AE25766">
        <v>31</v>
      </c>
      <c r="AF25766">
        <v>31</v>
      </c>
      <c r="AG25766">
        <v>31</v>
      </c>
      <c r="AH25766">
        <v>31</v>
      </c>
      <c r="AI25766">
        <v>31</v>
      </c>
      <c r="AJ25766">
        <v>31</v>
      </c>
      <c r="AK25766">
        <v>31</v>
      </c>
      <c r="AL25766">
        <v>31</v>
      </c>
      <c r="AM25766">
        <v>31</v>
      </c>
      <c r="AN25766">
        <v>31</v>
      </c>
      <c r="AO25766">
        <v>31</v>
      </c>
      <c r="AP25766">
        <v>31</v>
      </c>
      <c r="AQ25766">
        <v>31</v>
      </c>
    </row>
    <row r="25767" spans="1:43">
      <c r="A25767" t="s">
        <v>15947</v>
      </c>
      <c r="B25767" t="s">
        <v>15948</v>
      </c>
      <c r="C25767" t="s">
        <v>15943</v>
      </c>
      <c r="D25767" t="s">
        <v>15944</v>
      </c>
      <c r="E25767" t="s">
        <v>15891</v>
      </c>
      <c r="F25767" t="s">
        <v>15892</v>
      </c>
      <c r="G25767" t="s">
        <v>10734</v>
      </c>
      <c r="H25767" t="s">
        <v>10735</v>
      </c>
      <c r="I25767" s="2">
        <v>1</v>
      </c>
      <c r="J25767" s="2">
        <v>0</v>
      </c>
      <c r="K25767" s="2">
        <v>0</v>
      </c>
      <c r="L25767" t="s">
        <v>120</v>
      </c>
      <c r="M25767" t="s">
        <v>87</v>
      </c>
      <c r="N25767" t="s">
        <v>88</v>
      </c>
      <c r="O25767" t="s">
        <v>85</v>
      </c>
      <c r="P25767" t="s">
        <v>86</v>
      </c>
      <c r="Q25767">
        <v>28</v>
      </c>
      <c r="R25767">
        <v>28</v>
      </c>
      <c r="S25767">
        <v>28</v>
      </c>
      <c r="T25767">
        <v>28</v>
      </c>
      <c r="U25767">
        <v>27</v>
      </c>
      <c r="V25767">
        <v>27</v>
      </c>
      <c r="W25767">
        <v>27</v>
      </c>
      <c r="X25767">
        <v>27</v>
      </c>
      <c r="Y25767">
        <v>27</v>
      </c>
      <c r="Z25767">
        <v>27</v>
      </c>
      <c r="AA25767">
        <v>27</v>
      </c>
      <c r="AB25767">
        <v>27</v>
      </c>
      <c r="AC25767">
        <v>27</v>
      </c>
      <c r="AD25767">
        <v>27</v>
      </c>
      <c r="AE25767">
        <v>27</v>
      </c>
      <c r="AF25767">
        <v>27</v>
      </c>
      <c r="AG25767">
        <v>27</v>
      </c>
      <c r="AH25767">
        <v>27</v>
      </c>
      <c r="AI25767">
        <v>27</v>
      </c>
      <c r="AJ25767">
        <v>27</v>
      </c>
      <c r="AK25767">
        <v>27</v>
      </c>
      <c r="AL25767">
        <v>27</v>
      </c>
      <c r="AM25767">
        <v>27</v>
      </c>
      <c r="AN25767">
        <v>27</v>
      </c>
      <c r="AO25767">
        <v>27</v>
      </c>
      <c r="AP25767">
        <v>26</v>
      </c>
      <c r="AQ25767">
        <v>26</v>
      </c>
    </row>
    <row r="25768" spans="1:43">
      <c r="A25768" t="s">
        <v>15947</v>
      </c>
      <c r="B25768" t="s">
        <v>15948</v>
      </c>
      <c r="C25768" t="s">
        <v>15943</v>
      </c>
      <c r="D25768" t="s">
        <v>15944</v>
      </c>
      <c r="E25768" t="s">
        <v>15891</v>
      </c>
      <c r="F25768" t="s">
        <v>15892</v>
      </c>
      <c r="G25768" t="s">
        <v>10734</v>
      </c>
      <c r="H25768" t="s">
        <v>10735</v>
      </c>
      <c r="I25768" s="2">
        <v>1</v>
      </c>
      <c r="J25768" s="2">
        <v>0</v>
      </c>
      <c r="K25768" s="2">
        <v>0</v>
      </c>
      <c r="L25768" t="s">
        <v>120</v>
      </c>
      <c r="M25768" t="s">
        <v>89</v>
      </c>
      <c r="N25768" t="s">
        <v>90</v>
      </c>
      <c r="O25768" t="s">
        <v>85</v>
      </c>
      <c r="P25768" t="s">
        <v>86</v>
      </c>
      <c r="Q25768">
        <v>28</v>
      </c>
      <c r="R25768">
        <v>29</v>
      </c>
      <c r="S25768">
        <v>29</v>
      </c>
      <c r="T25768">
        <v>29</v>
      </c>
      <c r="U25768">
        <v>30</v>
      </c>
      <c r="V25768">
        <v>30</v>
      </c>
      <c r="W25768">
        <v>31</v>
      </c>
      <c r="X25768">
        <v>31</v>
      </c>
      <c r="Y25768">
        <v>31</v>
      </c>
      <c r="Z25768">
        <v>32</v>
      </c>
      <c r="AA25768">
        <v>32</v>
      </c>
      <c r="AB25768">
        <v>32</v>
      </c>
      <c r="AC25768">
        <v>32</v>
      </c>
      <c r="AD25768">
        <v>33</v>
      </c>
      <c r="AE25768">
        <v>33</v>
      </c>
      <c r="AF25768">
        <v>33</v>
      </c>
      <c r="AG25768">
        <v>33</v>
      </c>
      <c r="AH25768">
        <v>32</v>
      </c>
      <c r="AI25768">
        <v>32</v>
      </c>
      <c r="AJ25768">
        <v>32</v>
      </c>
      <c r="AK25768">
        <v>32</v>
      </c>
      <c r="AL25768">
        <v>32</v>
      </c>
      <c r="AM25768">
        <v>32</v>
      </c>
      <c r="AN25768">
        <v>32</v>
      </c>
      <c r="AO25768">
        <v>31</v>
      </c>
      <c r="AP25768">
        <v>31</v>
      </c>
      <c r="AQ25768">
        <v>31</v>
      </c>
    </row>
    <row r="25769" spans="1:43">
      <c r="A25769" t="s">
        <v>15947</v>
      </c>
      <c r="B25769" t="s">
        <v>15948</v>
      </c>
      <c r="C25769" t="s">
        <v>15943</v>
      </c>
      <c r="D25769" t="s">
        <v>15944</v>
      </c>
      <c r="E25769" t="s">
        <v>15891</v>
      </c>
      <c r="F25769" t="s">
        <v>15892</v>
      </c>
      <c r="G25769" t="s">
        <v>10734</v>
      </c>
      <c r="H25769" t="s">
        <v>10735</v>
      </c>
      <c r="I25769" s="2">
        <v>1</v>
      </c>
      <c r="J25769" s="2">
        <v>0</v>
      </c>
      <c r="K25769" s="2">
        <v>0</v>
      </c>
      <c r="L25769" t="s">
        <v>120</v>
      </c>
      <c r="M25769" t="s">
        <v>83</v>
      </c>
      <c r="N25769" t="s">
        <v>91</v>
      </c>
      <c r="O25769" t="s">
        <v>85</v>
      </c>
      <c r="P25769" t="s">
        <v>86</v>
      </c>
      <c r="Q25769">
        <v>28</v>
      </c>
      <c r="R25769">
        <v>28</v>
      </c>
      <c r="S25769">
        <v>28</v>
      </c>
      <c r="T25769">
        <v>29</v>
      </c>
      <c r="U25769">
        <v>29</v>
      </c>
      <c r="V25769">
        <v>29</v>
      </c>
      <c r="W25769">
        <v>29</v>
      </c>
      <c r="X25769">
        <v>29</v>
      </c>
      <c r="Y25769">
        <v>30</v>
      </c>
      <c r="Z25769">
        <v>30</v>
      </c>
      <c r="AA25769">
        <v>30</v>
      </c>
      <c r="AB25769">
        <v>30</v>
      </c>
      <c r="AC25769">
        <v>30</v>
      </c>
      <c r="AD25769">
        <v>30</v>
      </c>
      <c r="AE25769">
        <v>31</v>
      </c>
      <c r="AF25769">
        <v>31</v>
      </c>
      <c r="AG25769">
        <v>31</v>
      </c>
      <c r="AH25769">
        <v>31</v>
      </c>
      <c r="AI25769">
        <v>31</v>
      </c>
      <c r="AJ25769">
        <v>31</v>
      </c>
      <c r="AK25769">
        <v>31</v>
      </c>
      <c r="AL25769">
        <v>31</v>
      </c>
      <c r="AM25769">
        <v>31</v>
      </c>
      <c r="AN25769">
        <v>31</v>
      </c>
      <c r="AO25769">
        <v>31</v>
      </c>
      <c r="AP25769">
        <v>31</v>
      </c>
      <c r="AQ25769">
        <v>31</v>
      </c>
    </row>
    <row r="25770" spans="1:43">
      <c r="A25770" t="s">
        <v>15949</v>
      </c>
      <c r="B25770" t="s">
        <v>15950</v>
      </c>
      <c r="C25770" t="s">
        <v>15943</v>
      </c>
      <c r="D25770" t="s">
        <v>15944</v>
      </c>
      <c r="E25770" t="s">
        <v>15891</v>
      </c>
      <c r="F25770" t="s">
        <v>15892</v>
      </c>
      <c r="G25770" t="s">
        <v>10734</v>
      </c>
      <c r="H25770" t="s">
        <v>10735</v>
      </c>
      <c r="I25770" s="2">
        <v>1</v>
      </c>
      <c r="J25770" s="2">
        <v>0</v>
      </c>
      <c r="K25770" s="2">
        <v>0</v>
      </c>
      <c r="L25770" t="s">
        <v>120</v>
      </c>
      <c r="M25770" t="s">
        <v>83</v>
      </c>
      <c r="N25770" t="s">
        <v>84</v>
      </c>
      <c r="O25770" t="s">
        <v>85</v>
      </c>
      <c r="P25770" t="s">
        <v>86</v>
      </c>
      <c r="Q25770">
        <v>27</v>
      </c>
      <c r="R25770">
        <v>27</v>
      </c>
      <c r="S25770">
        <v>27</v>
      </c>
      <c r="T25770">
        <v>28</v>
      </c>
      <c r="U25770">
        <v>28</v>
      </c>
      <c r="V25770">
        <v>28</v>
      </c>
      <c r="W25770">
        <v>28</v>
      </c>
      <c r="X25770">
        <v>28</v>
      </c>
      <c r="Y25770">
        <v>29</v>
      </c>
      <c r="Z25770">
        <v>29</v>
      </c>
      <c r="AA25770">
        <v>29</v>
      </c>
      <c r="AB25770">
        <v>29</v>
      </c>
      <c r="AC25770">
        <v>29</v>
      </c>
      <c r="AD25770">
        <v>29</v>
      </c>
      <c r="AE25770">
        <v>29</v>
      </c>
      <c r="AF25770">
        <v>29</v>
      </c>
      <c r="AG25770">
        <v>30</v>
      </c>
      <c r="AH25770">
        <v>30</v>
      </c>
      <c r="AI25770">
        <v>30</v>
      </c>
      <c r="AJ25770">
        <v>30</v>
      </c>
      <c r="AK25770">
        <v>30</v>
      </c>
      <c r="AL25770">
        <v>30</v>
      </c>
      <c r="AM25770">
        <v>30</v>
      </c>
      <c r="AN25770">
        <v>29</v>
      </c>
      <c r="AO25770">
        <v>29</v>
      </c>
      <c r="AP25770">
        <v>29</v>
      </c>
      <c r="AQ25770">
        <v>29</v>
      </c>
    </row>
    <row r="25771" spans="1:43">
      <c r="A25771" t="s">
        <v>15949</v>
      </c>
      <c r="B25771" t="s">
        <v>15950</v>
      </c>
      <c r="C25771" t="s">
        <v>15943</v>
      </c>
      <c r="D25771" t="s">
        <v>15944</v>
      </c>
      <c r="E25771" t="s">
        <v>15891</v>
      </c>
      <c r="F25771" t="s">
        <v>15892</v>
      </c>
      <c r="G25771" t="s">
        <v>10734</v>
      </c>
      <c r="H25771" t="s">
        <v>10735</v>
      </c>
      <c r="I25771" s="2">
        <v>1</v>
      </c>
      <c r="J25771" s="2">
        <v>0</v>
      </c>
      <c r="K25771" s="2">
        <v>0</v>
      </c>
      <c r="L25771" t="s">
        <v>120</v>
      </c>
      <c r="M25771" t="s">
        <v>87</v>
      </c>
      <c r="N25771" t="s">
        <v>88</v>
      </c>
      <c r="O25771" t="s">
        <v>85</v>
      </c>
      <c r="P25771" t="s">
        <v>86</v>
      </c>
      <c r="Q25771">
        <v>27</v>
      </c>
      <c r="R25771">
        <v>27</v>
      </c>
      <c r="S25771">
        <v>27</v>
      </c>
      <c r="T25771">
        <v>27</v>
      </c>
      <c r="U25771">
        <v>27</v>
      </c>
      <c r="V25771">
        <v>27</v>
      </c>
      <c r="W25771">
        <v>26</v>
      </c>
      <c r="X25771">
        <v>26</v>
      </c>
      <c r="Y25771">
        <v>26</v>
      </c>
      <c r="Z25771">
        <v>26</v>
      </c>
      <c r="AA25771">
        <v>26</v>
      </c>
      <c r="AB25771">
        <v>26</v>
      </c>
      <c r="AC25771">
        <v>26</v>
      </c>
      <c r="AD25771">
        <v>26</v>
      </c>
      <c r="AE25771">
        <v>26</v>
      </c>
      <c r="AF25771">
        <v>26</v>
      </c>
      <c r="AG25771">
        <v>26</v>
      </c>
      <c r="AH25771">
        <v>26</v>
      </c>
      <c r="AI25771">
        <v>26</v>
      </c>
      <c r="AJ25771">
        <v>26</v>
      </c>
      <c r="AK25771">
        <v>26</v>
      </c>
      <c r="AL25771">
        <v>26</v>
      </c>
      <c r="AM25771">
        <v>26</v>
      </c>
      <c r="AN25771">
        <v>25</v>
      </c>
      <c r="AO25771">
        <v>25</v>
      </c>
      <c r="AP25771">
        <v>25</v>
      </c>
      <c r="AQ25771">
        <v>25</v>
      </c>
    </row>
    <row r="25772" spans="1:43">
      <c r="A25772" t="s">
        <v>15949</v>
      </c>
      <c r="B25772" t="s">
        <v>15950</v>
      </c>
      <c r="C25772" t="s">
        <v>15943</v>
      </c>
      <c r="D25772" t="s">
        <v>15944</v>
      </c>
      <c r="E25772" t="s">
        <v>15891</v>
      </c>
      <c r="F25772" t="s">
        <v>15892</v>
      </c>
      <c r="G25772" t="s">
        <v>10734</v>
      </c>
      <c r="H25772" t="s">
        <v>10735</v>
      </c>
      <c r="I25772" s="2">
        <v>1</v>
      </c>
      <c r="J25772" s="2">
        <v>0</v>
      </c>
      <c r="K25772" s="2">
        <v>0</v>
      </c>
      <c r="L25772" t="s">
        <v>120</v>
      </c>
      <c r="M25772" t="s">
        <v>89</v>
      </c>
      <c r="N25772" t="s">
        <v>90</v>
      </c>
      <c r="O25772" t="s">
        <v>85</v>
      </c>
      <c r="P25772" t="s">
        <v>86</v>
      </c>
      <c r="Q25772">
        <v>27</v>
      </c>
      <c r="R25772">
        <v>28</v>
      </c>
      <c r="S25772">
        <v>28</v>
      </c>
      <c r="T25772">
        <v>29</v>
      </c>
      <c r="U25772">
        <v>29</v>
      </c>
      <c r="V25772">
        <v>29</v>
      </c>
      <c r="W25772">
        <v>30</v>
      </c>
      <c r="X25772">
        <v>30</v>
      </c>
      <c r="Y25772">
        <v>30</v>
      </c>
      <c r="Z25772">
        <v>30</v>
      </c>
      <c r="AA25772">
        <v>31</v>
      </c>
      <c r="AB25772">
        <v>31</v>
      </c>
      <c r="AC25772">
        <v>31</v>
      </c>
      <c r="AD25772">
        <v>31</v>
      </c>
      <c r="AE25772">
        <v>31</v>
      </c>
      <c r="AF25772">
        <v>31</v>
      </c>
      <c r="AG25772">
        <v>31</v>
      </c>
      <c r="AH25772">
        <v>31</v>
      </c>
      <c r="AI25772">
        <v>31</v>
      </c>
      <c r="AJ25772">
        <v>30</v>
      </c>
      <c r="AK25772">
        <v>30</v>
      </c>
      <c r="AL25772">
        <v>30</v>
      </c>
      <c r="AM25772">
        <v>30</v>
      </c>
      <c r="AN25772">
        <v>30</v>
      </c>
      <c r="AO25772">
        <v>30</v>
      </c>
      <c r="AP25772">
        <v>29</v>
      </c>
      <c r="AQ25772">
        <v>29</v>
      </c>
    </row>
    <row r="25773" spans="1:43">
      <c r="A25773" t="s">
        <v>15949</v>
      </c>
      <c r="B25773" t="s">
        <v>15950</v>
      </c>
      <c r="C25773" t="s">
        <v>15943</v>
      </c>
      <c r="D25773" t="s">
        <v>15944</v>
      </c>
      <c r="E25773" t="s">
        <v>15891</v>
      </c>
      <c r="F25773" t="s">
        <v>15892</v>
      </c>
      <c r="G25773" t="s">
        <v>10734</v>
      </c>
      <c r="H25773" t="s">
        <v>10735</v>
      </c>
      <c r="I25773" s="2">
        <v>1</v>
      </c>
      <c r="J25773" s="2">
        <v>0</v>
      </c>
      <c r="K25773" s="2">
        <v>0</v>
      </c>
      <c r="L25773" t="s">
        <v>120</v>
      </c>
      <c r="M25773" t="s">
        <v>83</v>
      </c>
      <c r="N25773" t="s">
        <v>91</v>
      </c>
      <c r="O25773" t="s">
        <v>85</v>
      </c>
      <c r="P25773" t="s">
        <v>86</v>
      </c>
      <c r="Q25773">
        <v>27</v>
      </c>
      <c r="R25773">
        <v>27</v>
      </c>
      <c r="S25773">
        <v>27</v>
      </c>
      <c r="T25773">
        <v>28</v>
      </c>
      <c r="U25773">
        <v>28</v>
      </c>
      <c r="V25773">
        <v>28</v>
      </c>
      <c r="W25773">
        <v>28</v>
      </c>
      <c r="X25773">
        <v>28</v>
      </c>
      <c r="Y25773">
        <v>29</v>
      </c>
      <c r="Z25773">
        <v>29</v>
      </c>
      <c r="AA25773">
        <v>29</v>
      </c>
      <c r="AB25773">
        <v>29</v>
      </c>
      <c r="AC25773">
        <v>29</v>
      </c>
      <c r="AD25773">
        <v>29</v>
      </c>
      <c r="AE25773">
        <v>29</v>
      </c>
      <c r="AF25773">
        <v>29</v>
      </c>
      <c r="AG25773">
        <v>30</v>
      </c>
      <c r="AH25773">
        <v>30</v>
      </c>
      <c r="AI25773">
        <v>30</v>
      </c>
      <c r="AJ25773">
        <v>30</v>
      </c>
      <c r="AK25773">
        <v>30</v>
      </c>
      <c r="AL25773">
        <v>30</v>
      </c>
      <c r="AM25773">
        <v>30</v>
      </c>
      <c r="AN25773">
        <v>29</v>
      </c>
      <c r="AO25773">
        <v>29</v>
      </c>
      <c r="AP25773">
        <v>29</v>
      </c>
      <c r="AQ25773">
        <v>29</v>
      </c>
    </row>
    <row r="25774" spans="1:43">
      <c r="A25774" t="s">
        <v>15951</v>
      </c>
      <c r="B25774" t="s">
        <v>15952</v>
      </c>
      <c r="C25774" t="s">
        <v>15943</v>
      </c>
      <c r="D25774" t="s">
        <v>15944</v>
      </c>
      <c r="E25774" t="s">
        <v>15891</v>
      </c>
      <c r="F25774" t="s">
        <v>15892</v>
      </c>
      <c r="G25774" t="s">
        <v>10734</v>
      </c>
      <c r="H25774" t="s">
        <v>10735</v>
      </c>
      <c r="I25774" s="2">
        <v>1</v>
      </c>
      <c r="J25774" s="2">
        <v>0</v>
      </c>
      <c r="K25774" s="2">
        <v>0</v>
      </c>
      <c r="L25774" t="s">
        <v>120</v>
      </c>
      <c r="M25774" t="s">
        <v>83</v>
      </c>
      <c r="N25774" t="s">
        <v>84</v>
      </c>
      <c r="O25774" t="s">
        <v>85</v>
      </c>
      <c r="P25774" t="s">
        <v>86</v>
      </c>
      <c r="Q25774">
        <v>41</v>
      </c>
      <c r="R25774">
        <v>41</v>
      </c>
      <c r="S25774">
        <v>41</v>
      </c>
      <c r="T25774">
        <v>42</v>
      </c>
      <c r="U25774">
        <v>42</v>
      </c>
      <c r="V25774">
        <v>43</v>
      </c>
      <c r="W25774">
        <v>43</v>
      </c>
      <c r="X25774">
        <v>44</v>
      </c>
      <c r="Y25774">
        <v>44</v>
      </c>
      <c r="Z25774">
        <v>44</v>
      </c>
      <c r="AA25774">
        <v>45</v>
      </c>
      <c r="AB25774">
        <v>45</v>
      </c>
      <c r="AC25774">
        <v>45</v>
      </c>
      <c r="AD25774">
        <v>46</v>
      </c>
      <c r="AE25774">
        <v>46</v>
      </c>
      <c r="AF25774">
        <v>46</v>
      </c>
      <c r="AG25774">
        <v>47</v>
      </c>
      <c r="AH25774">
        <v>47</v>
      </c>
      <c r="AI25774">
        <v>47</v>
      </c>
      <c r="AJ25774">
        <v>48</v>
      </c>
      <c r="AK25774">
        <v>48</v>
      </c>
      <c r="AL25774">
        <v>48</v>
      </c>
      <c r="AM25774">
        <v>48</v>
      </c>
      <c r="AN25774">
        <v>48</v>
      </c>
      <c r="AO25774">
        <v>48</v>
      </c>
      <c r="AP25774">
        <v>48</v>
      </c>
      <c r="AQ25774">
        <v>48</v>
      </c>
    </row>
    <row r="25775" spans="1:43">
      <c r="A25775" t="s">
        <v>15951</v>
      </c>
      <c r="B25775" t="s">
        <v>15952</v>
      </c>
      <c r="C25775" t="s">
        <v>15943</v>
      </c>
      <c r="D25775" t="s">
        <v>15944</v>
      </c>
      <c r="E25775" t="s">
        <v>15891</v>
      </c>
      <c r="F25775" t="s">
        <v>15892</v>
      </c>
      <c r="G25775" t="s">
        <v>10734</v>
      </c>
      <c r="H25775" t="s">
        <v>10735</v>
      </c>
      <c r="I25775" s="2">
        <v>1</v>
      </c>
      <c r="J25775" s="2">
        <v>0</v>
      </c>
      <c r="K25775" s="2">
        <v>0</v>
      </c>
      <c r="L25775" t="s">
        <v>120</v>
      </c>
      <c r="M25775" t="s">
        <v>87</v>
      </c>
      <c r="N25775" t="s">
        <v>88</v>
      </c>
      <c r="O25775" t="s">
        <v>85</v>
      </c>
      <c r="P25775" t="s">
        <v>86</v>
      </c>
      <c r="Q25775">
        <v>41</v>
      </c>
      <c r="R25775">
        <v>41</v>
      </c>
      <c r="S25775">
        <v>41</v>
      </c>
      <c r="T25775">
        <v>41</v>
      </c>
      <c r="U25775">
        <v>41</v>
      </c>
      <c r="V25775">
        <v>41</v>
      </c>
      <c r="W25775">
        <v>42</v>
      </c>
      <c r="X25775">
        <v>42</v>
      </c>
      <c r="Y25775">
        <v>42</v>
      </c>
      <c r="Z25775">
        <v>42</v>
      </c>
      <c r="AA25775">
        <v>42</v>
      </c>
      <c r="AB25775">
        <v>42</v>
      </c>
      <c r="AC25775">
        <v>42</v>
      </c>
      <c r="AD25775">
        <v>42</v>
      </c>
      <c r="AE25775">
        <v>42</v>
      </c>
      <c r="AF25775">
        <v>42</v>
      </c>
      <c r="AG25775">
        <v>42</v>
      </c>
      <c r="AH25775">
        <v>42</v>
      </c>
      <c r="AI25775">
        <v>42</v>
      </c>
      <c r="AJ25775">
        <v>42</v>
      </c>
      <c r="AK25775">
        <v>42</v>
      </c>
      <c r="AL25775">
        <v>42</v>
      </c>
      <c r="AM25775">
        <v>42</v>
      </c>
      <c r="AN25775">
        <v>42</v>
      </c>
      <c r="AO25775">
        <v>42</v>
      </c>
      <c r="AP25775">
        <v>42</v>
      </c>
      <c r="AQ25775">
        <v>42</v>
      </c>
    </row>
    <row r="25776" spans="1:43">
      <c r="A25776" t="s">
        <v>15951</v>
      </c>
      <c r="B25776" t="s">
        <v>15952</v>
      </c>
      <c r="C25776" t="s">
        <v>15943</v>
      </c>
      <c r="D25776" t="s">
        <v>15944</v>
      </c>
      <c r="E25776" t="s">
        <v>15891</v>
      </c>
      <c r="F25776" t="s">
        <v>15892</v>
      </c>
      <c r="G25776" t="s">
        <v>10734</v>
      </c>
      <c r="H25776" t="s">
        <v>10735</v>
      </c>
      <c r="I25776" s="2">
        <v>1</v>
      </c>
      <c r="J25776" s="2">
        <v>0</v>
      </c>
      <c r="K25776" s="2">
        <v>0</v>
      </c>
      <c r="L25776" t="s">
        <v>120</v>
      </c>
      <c r="M25776" t="s">
        <v>89</v>
      </c>
      <c r="N25776" t="s">
        <v>90</v>
      </c>
      <c r="O25776" t="s">
        <v>85</v>
      </c>
      <c r="P25776" t="s">
        <v>86</v>
      </c>
      <c r="Q25776">
        <v>41</v>
      </c>
      <c r="R25776">
        <v>42</v>
      </c>
      <c r="S25776">
        <v>42</v>
      </c>
      <c r="T25776">
        <v>43</v>
      </c>
      <c r="U25776">
        <v>44</v>
      </c>
      <c r="V25776">
        <v>45</v>
      </c>
      <c r="W25776">
        <v>45</v>
      </c>
      <c r="X25776">
        <v>46</v>
      </c>
      <c r="Y25776">
        <v>46</v>
      </c>
      <c r="Z25776">
        <v>47</v>
      </c>
      <c r="AA25776">
        <v>47</v>
      </c>
      <c r="AB25776">
        <v>48</v>
      </c>
      <c r="AC25776">
        <v>48</v>
      </c>
      <c r="AD25776">
        <v>49</v>
      </c>
      <c r="AE25776">
        <v>49</v>
      </c>
      <c r="AF25776">
        <v>49</v>
      </c>
      <c r="AG25776">
        <v>49</v>
      </c>
      <c r="AH25776">
        <v>49</v>
      </c>
      <c r="AI25776">
        <v>49</v>
      </c>
      <c r="AJ25776">
        <v>49</v>
      </c>
      <c r="AK25776">
        <v>49</v>
      </c>
      <c r="AL25776">
        <v>49</v>
      </c>
      <c r="AM25776">
        <v>49</v>
      </c>
      <c r="AN25776">
        <v>49</v>
      </c>
      <c r="AO25776">
        <v>49</v>
      </c>
      <c r="AP25776">
        <v>49</v>
      </c>
      <c r="AQ25776">
        <v>49</v>
      </c>
    </row>
    <row r="25777" spans="1:43">
      <c r="A25777" t="s">
        <v>15951</v>
      </c>
      <c r="B25777" t="s">
        <v>15952</v>
      </c>
      <c r="C25777" t="s">
        <v>15943</v>
      </c>
      <c r="D25777" t="s">
        <v>15944</v>
      </c>
      <c r="E25777" t="s">
        <v>15891</v>
      </c>
      <c r="F25777" t="s">
        <v>15892</v>
      </c>
      <c r="G25777" t="s">
        <v>10734</v>
      </c>
      <c r="H25777" t="s">
        <v>10735</v>
      </c>
      <c r="I25777" s="2">
        <v>1</v>
      </c>
      <c r="J25777" s="2">
        <v>0</v>
      </c>
      <c r="K25777" s="2">
        <v>0</v>
      </c>
      <c r="L25777" t="s">
        <v>120</v>
      </c>
      <c r="M25777" t="s">
        <v>83</v>
      </c>
      <c r="N25777" t="s">
        <v>91</v>
      </c>
      <c r="O25777" t="s">
        <v>85</v>
      </c>
      <c r="P25777" t="s">
        <v>86</v>
      </c>
      <c r="Q25777">
        <v>41</v>
      </c>
      <c r="R25777">
        <v>41</v>
      </c>
      <c r="S25777">
        <v>41</v>
      </c>
      <c r="T25777">
        <v>42</v>
      </c>
      <c r="U25777">
        <v>42</v>
      </c>
      <c r="V25777">
        <v>43</v>
      </c>
      <c r="W25777">
        <v>43</v>
      </c>
      <c r="X25777">
        <v>44</v>
      </c>
      <c r="Y25777">
        <v>44</v>
      </c>
      <c r="Z25777">
        <v>44</v>
      </c>
      <c r="AA25777">
        <v>45</v>
      </c>
      <c r="AB25777">
        <v>45</v>
      </c>
      <c r="AC25777">
        <v>45</v>
      </c>
      <c r="AD25777">
        <v>46</v>
      </c>
      <c r="AE25777">
        <v>46</v>
      </c>
      <c r="AF25777">
        <v>46</v>
      </c>
      <c r="AG25777">
        <v>47</v>
      </c>
      <c r="AH25777">
        <v>47</v>
      </c>
      <c r="AI25777">
        <v>47</v>
      </c>
      <c r="AJ25777">
        <v>48</v>
      </c>
      <c r="AK25777">
        <v>48</v>
      </c>
      <c r="AL25777">
        <v>48</v>
      </c>
      <c r="AM25777">
        <v>48</v>
      </c>
      <c r="AN25777">
        <v>48</v>
      </c>
      <c r="AO25777">
        <v>48</v>
      </c>
      <c r="AP25777">
        <v>48</v>
      </c>
      <c r="AQ25777">
        <v>48</v>
      </c>
    </row>
    <row r="25778" spans="1:43">
      <c r="A25778" t="s">
        <v>15953</v>
      </c>
      <c r="B25778" t="s">
        <v>15954</v>
      </c>
      <c r="C25778" t="s">
        <v>15955</v>
      </c>
      <c r="D25778" t="s">
        <v>15956</v>
      </c>
      <c r="E25778" t="s">
        <v>15891</v>
      </c>
      <c r="F25778" t="s">
        <v>15892</v>
      </c>
      <c r="G25778" t="s">
        <v>10734</v>
      </c>
      <c r="H25778" t="s">
        <v>10735</v>
      </c>
      <c r="I25778" s="2">
        <v>1</v>
      </c>
      <c r="J25778" s="2">
        <v>0</v>
      </c>
      <c r="K25778" s="2">
        <v>0</v>
      </c>
      <c r="L25778" t="s">
        <v>120</v>
      </c>
      <c r="M25778" t="s">
        <v>83</v>
      </c>
      <c r="N25778" t="s">
        <v>84</v>
      </c>
      <c r="O25778" t="s">
        <v>85</v>
      </c>
      <c r="P25778" t="s">
        <v>86</v>
      </c>
      <c r="Q25778">
        <v>5</v>
      </c>
      <c r="R25778">
        <v>6</v>
      </c>
      <c r="S25778">
        <v>6</v>
      </c>
      <c r="T25778">
        <v>6</v>
      </c>
      <c r="U25778">
        <v>6</v>
      </c>
      <c r="V25778">
        <v>6</v>
      </c>
      <c r="W25778">
        <v>6</v>
      </c>
      <c r="X25778">
        <v>6</v>
      </c>
      <c r="Y25778">
        <v>6</v>
      </c>
      <c r="Z25778">
        <v>6</v>
      </c>
      <c r="AA25778">
        <v>6</v>
      </c>
      <c r="AB25778">
        <v>6</v>
      </c>
      <c r="AC25778">
        <v>6</v>
      </c>
      <c r="AD25778">
        <v>6</v>
      </c>
      <c r="AE25778">
        <v>6</v>
      </c>
      <c r="AF25778">
        <v>6</v>
      </c>
      <c r="AG25778">
        <v>6</v>
      </c>
      <c r="AH25778">
        <v>6</v>
      </c>
      <c r="AI25778">
        <v>6</v>
      </c>
      <c r="AJ25778">
        <v>6</v>
      </c>
      <c r="AK25778">
        <v>6</v>
      </c>
      <c r="AL25778">
        <v>6</v>
      </c>
      <c r="AM25778">
        <v>6</v>
      </c>
      <c r="AN25778">
        <v>6</v>
      </c>
      <c r="AO25778">
        <v>6</v>
      </c>
      <c r="AP25778">
        <v>6</v>
      </c>
      <c r="AQ25778">
        <v>6</v>
      </c>
    </row>
    <row r="25779" spans="1:43">
      <c r="A25779" t="s">
        <v>15953</v>
      </c>
      <c r="B25779" t="s">
        <v>15954</v>
      </c>
      <c r="C25779" t="s">
        <v>15955</v>
      </c>
      <c r="D25779" t="s">
        <v>15956</v>
      </c>
      <c r="E25779" t="s">
        <v>15891</v>
      </c>
      <c r="F25779" t="s">
        <v>15892</v>
      </c>
      <c r="G25779" t="s">
        <v>10734</v>
      </c>
      <c r="H25779" t="s">
        <v>10735</v>
      </c>
      <c r="I25779" s="2">
        <v>1</v>
      </c>
      <c r="J25779" s="2">
        <v>0</v>
      </c>
      <c r="K25779" s="2">
        <v>0</v>
      </c>
      <c r="L25779" t="s">
        <v>120</v>
      </c>
      <c r="M25779" t="s">
        <v>87</v>
      </c>
      <c r="N25779" t="s">
        <v>88</v>
      </c>
      <c r="O25779" t="s">
        <v>85</v>
      </c>
      <c r="P25779" t="s">
        <v>86</v>
      </c>
      <c r="Q25779">
        <v>5</v>
      </c>
      <c r="R25779">
        <v>5</v>
      </c>
      <c r="S25779">
        <v>5</v>
      </c>
      <c r="T25779">
        <v>5</v>
      </c>
      <c r="U25779">
        <v>5</v>
      </c>
      <c r="V25779">
        <v>5</v>
      </c>
      <c r="W25779">
        <v>5</v>
      </c>
      <c r="X25779">
        <v>5</v>
      </c>
      <c r="Y25779">
        <v>5</v>
      </c>
      <c r="Z25779">
        <v>5</v>
      </c>
      <c r="AA25779">
        <v>5</v>
      </c>
      <c r="AB25779">
        <v>5</v>
      </c>
      <c r="AC25779">
        <v>5</v>
      </c>
      <c r="AD25779">
        <v>5</v>
      </c>
      <c r="AE25779">
        <v>5</v>
      </c>
      <c r="AF25779">
        <v>5</v>
      </c>
      <c r="AG25779">
        <v>5</v>
      </c>
      <c r="AH25779">
        <v>5</v>
      </c>
      <c r="AI25779">
        <v>5</v>
      </c>
      <c r="AJ25779">
        <v>5</v>
      </c>
      <c r="AK25779">
        <v>5</v>
      </c>
      <c r="AL25779">
        <v>5</v>
      </c>
      <c r="AM25779">
        <v>5</v>
      </c>
      <c r="AN25779">
        <v>5</v>
      </c>
      <c r="AO25779">
        <v>5</v>
      </c>
      <c r="AP25779">
        <v>5</v>
      </c>
      <c r="AQ25779">
        <v>5</v>
      </c>
    </row>
    <row r="25780" spans="1:43">
      <c r="A25780" t="s">
        <v>15953</v>
      </c>
      <c r="B25780" t="s">
        <v>15954</v>
      </c>
      <c r="C25780" t="s">
        <v>15955</v>
      </c>
      <c r="D25780" t="s">
        <v>15956</v>
      </c>
      <c r="E25780" t="s">
        <v>15891</v>
      </c>
      <c r="F25780" t="s">
        <v>15892</v>
      </c>
      <c r="G25780" t="s">
        <v>10734</v>
      </c>
      <c r="H25780" t="s">
        <v>10735</v>
      </c>
      <c r="I25780" s="2">
        <v>1</v>
      </c>
      <c r="J25780" s="2">
        <v>0</v>
      </c>
      <c r="K25780" s="2">
        <v>0</v>
      </c>
      <c r="L25780" t="s">
        <v>120</v>
      </c>
      <c r="M25780" t="s">
        <v>89</v>
      </c>
      <c r="N25780" t="s">
        <v>90</v>
      </c>
      <c r="O25780" t="s">
        <v>85</v>
      </c>
      <c r="P25780" t="s">
        <v>86</v>
      </c>
      <c r="Q25780">
        <v>5</v>
      </c>
      <c r="R25780">
        <v>5</v>
      </c>
      <c r="S25780">
        <v>5</v>
      </c>
      <c r="T25780">
        <v>5</v>
      </c>
      <c r="U25780">
        <v>5</v>
      </c>
      <c r="V25780">
        <v>5</v>
      </c>
      <c r="W25780">
        <v>5</v>
      </c>
      <c r="X25780">
        <v>5</v>
      </c>
      <c r="Y25780">
        <v>5</v>
      </c>
      <c r="Z25780">
        <v>5</v>
      </c>
      <c r="AA25780">
        <v>5</v>
      </c>
      <c r="AB25780">
        <v>5</v>
      </c>
      <c r="AC25780">
        <v>5</v>
      </c>
      <c r="AD25780">
        <v>5</v>
      </c>
      <c r="AE25780">
        <v>5</v>
      </c>
      <c r="AF25780">
        <v>5</v>
      </c>
      <c r="AG25780">
        <v>5</v>
      </c>
      <c r="AH25780">
        <v>5</v>
      </c>
      <c r="AI25780">
        <v>5</v>
      </c>
      <c r="AJ25780">
        <v>5</v>
      </c>
      <c r="AK25780">
        <v>5</v>
      </c>
      <c r="AL25780">
        <v>5</v>
      </c>
      <c r="AM25780">
        <v>5</v>
      </c>
      <c r="AN25780">
        <v>5</v>
      </c>
      <c r="AO25780">
        <v>5</v>
      </c>
      <c r="AP25780">
        <v>5</v>
      </c>
      <c r="AQ25780">
        <v>5</v>
      </c>
    </row>
    <row r="25781" spans="1:43">
      <c r="A25781" t="s">
        <v>15953</v>
      </c>
      <c r="B25781" t="s">
        <v>15954</v>
      </c>
      <c r="C25781" t="s">
        <v>15955</v>
      </c>
      <c r="D25781" t="s">
        <v>15956</v>
      </c>
      <c r="E25781" t="s">
        <v>15891</v>
      </c>
      <c r="F25781" t="s">
        <v>15892</v>
      </c>
      <c r="G25781" t="s">
        <v>10734</v>
      </c>
      <c r="H25781" t="s">
        <v>10735</v>
      </c>
      <c r="I25781" s="2">
        <v>1</v>
      </c>
      <c r="J25781" s="2">
        <v>0</v>
      </c>
      <c r="K25781" s="2">
        <v>0</v>
      </c>
      <c r="L25781" t="s">
        <v>120</v>
      </c>
      <c r="M25781" t="s">
        <v>83</v>
      </c>
      <c r="N25781" t="s">
        <v>91</v>
      </c>
      <c r="O25781" t="s">
        <v>85</v>
      </c>
      <c r="P25781" t="s">
        <v>86</v>
      </c>
      <c r="Q25781">
        <v>5</v>
      </c>
      <c r="R25781">
        <v>6</v>
      </c>
      <c r="S25781">
        <v>6</v>
      </c>
      <c r="T25781">
        <v>6</v>
      </c>
      <c r="U25781">
        <v>6</v>
      </c>
      <c r="V25781">
        <v>6</v>
      </c>
      <c r="W25781">
        <v>6</v>
      </c>
      <c r="X25781">
        <v>6</v>
      </c>
      <c r="Y25781">
        <v>6</v>
      </c>
      <c r="Z25781">
        <v>6</v>
      </c>
      <c r="AA25781">
        <v>6</v>
      </c>
      <c r="AB25781">
        <v>6</v>
      </c>
      <c r="AC25781">
        <v>6</v>
      </c>
      <c r="AD25781">
        <v>6</v>
      </c>
      <c r="AE25781">
        <v>6</v>
      </c>
      <c r="AF25781">
        <v>6</v>
      </c>
      <c r="AG25781">
        <v>6</v>
      </c>
      <c r="AH25781">
        <v>6</v>
      </c>
      <c r="AI25781">
        <v>6</v>
      </c>
      <c r="AJ25781">
        <v>6</v>
      </c>
      <c r="AK25781">
        <v>6</v>
      </c>
      <c r="AL25781">
        <v>6</v>
      </c>
      <c r="AM25781">
        <v>6</v>
      </c>
      <c r="AN25781">
        <v>6</v>
      </c>
      <c r="AO25781">
        <v>6</v>
      </c>
      <c r="AP25781">
        <v>6</v>
      </c>
      <c r="AQ25781">
        <v>6</v>
      </c>
    </row>
    <row r="25782" spans="1:43">
      <c r="A25782" t="s">
        <v>15957</v>
      </c>
      <c r="B25782" t="s">
        <v>15958</v>
      </c>
      <c r="C25782" t="s">
        <v>15955</v>
      </c>
      <c r="D25782" t="s">
        <v>15956</v>
      </c>
      <c r="E25782" t="s">
        <v>15891</v>
      </c>
      <c r="F25782" t="s">
        <v>15892</v>
      </c>
      <c r="G25782" t="s">
        <v>10734</v>
      </c>
      <c r="H25782" t="s">
        <v>10735</v>
      </c>
      <c r="I25782" s="2">
        <v>1</v>
      </c>
      <c r="J25782" s="2">
        <v>0</v>
      </c>
      <c r="K25782" s="2">
        <v>0</v>
      </c>
      <c r="L25782" t="s">
        <v>120</v>
      </c>
      <c r="M25782" t="s">
        <v>83</v>
      </c>
      <c r="N25782" t="s">
        <v>84</v>
      </c>
      <c r="O25782" t="s">
        <v>85</v>
      </c>
      <c r="P25782" t="s">
        <v>86</v>
      </c>
      <c r="Q25782">
        <v>92</v>
      </c>
      <c r="R25782">
        <v>93</v>
      </c>
      <c r="S25782">
        <v>94</v>
      </c>
      <c r="T25782">
        <v>95</v>
      </c>
      <c r="U25782">
        <v>95</v>
      </c>
      <c r="V25782">
        <v>96</v>
      </c>
      <c r="W25782">
        <v>97</v>
      </c>
      <c r="X25782">
        <v>98</v>
      </c>
      <c r="Y25782">
        <v>98</v>
      </c>
      <c r="Z25782">
        <v>99</v>
      </c>
      <c r="AA25782">
        <v>99</v>
      </c>
      <c r="AB25782">
        <v>100</v>
      </c>
      <c r="AC25782">
        <v>101</v>
      </c>
      <c r="AD25782">
        <v>101</v>
      </c>
      <c r="AE25782">
        <v>102</v>
      </c>
      <c r="AF25782">
        <v>103</v>
      </c>
      <c r="AG25782">
        <v>103</v>
      </c>
      <c r="AH25782">
        <v>104</v>
      </c>
      <c r="AI25782">
        <v>104</v>
      </c>
      <c r="AJ25782">
        <v>105</v>
      </c>
      <c r="AK25782">
        <v>105</v>
      </c>
      <c r="AL25782">
        <v>105</v>
      </c>
      <c r="AM25782">
        <v>105</v>
      </c>
      <c r="AN25782">
        <v>105</v>
      </c>
      <c r="AO25782">
        <v>104</v>
      </c>
      <c r="AP25782">
        <v>104</v>
      </c>
      <c r="AQ25782">
        <v>104</v>
      </c>
    </row>
    <row r="25783" spans="1:43">
      <c r="A25783" t="s">
        <v>15957</v>
      </c>
      <c r="B25783" t="s">
        <v>15958</v>
      </c>
      <c r="C25783" t="s">
        <v>15955</v>
      </c>
      <c r="D25783" t="s">
        <v>15956</v>
      </c>
      <c r="E25783" t="s">
        <v>15891</v>
      </c>
      <c r="F25783" t="s">
        <v>15892</v>
      </c>
      <c r="G25783" t="s">
        <v>10734</v>
      </c>
      <c r="H25783" t="s">
        <v>10735</v>
      </c>
      <c r="I25783" s="2">
        <v>1</v>
      </c>
      <c r="J25783" s="2">
        <v>0</v>
      </c>
      <c r="K25783" s="2">
        <v>0</v>
      </c>
      <c r="L25783" t="s">
        <v>120</v>
      </c>
      <c r="M25783" t="s">
        <v>87</v>
      </c>
      <c r="N25783" t="s">
        <v>88</v>
      </c>
      <c r="O25783" t="s">
        <v>85</v>
      </c>
      <c r="P25783" t="s">
        <v>86</v>
      </c>
      <c r="Q25783">
        <v>92</v>
      </c>
      <c r="R25783">
        <v>92</v>
      </c>
      <c r="S25783">
        <v>92</v>
      </c>
      <c r="T25783">
        <v>92</v>
      </c>
      <c r="U25783">
        <v>92</v>
      </c>
      <c r="V25783">
        <v>92</v>
      </c>
      <c r="W25783">
        <v>92</v>
      </c>
      <c r="X25783">
        <v>92</v>
      </c>
      <c r="Y25783">
        <v>92</v>
      </c>
      <c r="Z25783">
        <v>92</v>
      </c>
      <c r="AA25783">
        <v>92</v>
      </c>
      <c r="AB25783">
        <v>92</v>
      </c>
      <c r="AC25783">
        <v>92</v>
      </c>
      <c r="AD25783">
        <v>91</v>
      </c>
      <c r="AE25783">
        <v>91</v>
      </c>
      <c r="AF25783">
        <v>91</v>
      </c>
      <c r="AG25783">
        <v>91</v>
      </c>
      <c r="AH25783">
        <v>91</v>
      </c>
      <c r="AI25783">
        <v>91</v>
      </c>
      <c r="AJ25783">
        <v>91</v>
      </c>
      <c r="AK25783">
        <v>91</v>
      </c>
      <c r="AL25783">
        <v>91</v>
      </c>
      <c r="AM25783">
        <v>91</v>
      </c>
      <c r="AN25783">
        <v>91</v>
      </c>
      <c r="AO25783">
        <v>90</v>
      </c>
      <c r="AP25783">
        <v>90</v>
      </c>
      <c r="AQ25783">
        <v>90</v>
      </c>
    </row>
    <row r="25784" spans="1:43">
      <c r="A25784" t="s">
        <v>15957</v>
      </c>
      <c r="B25784" t="s">
        <v>15958</v>
      </c>
      <c r="C25784" t="s">
        <v>15955</v>
      </c>
      <c r="D25784" t="s">
        <v>15956</v>
      </c>
      <c r="E25784" t="s">
        <v>15891</v>
      </c>
      <c r="F25784" t="s">
        <v>15892</v>
      </c>
      <c r="G25784" t="s">
        <v>10734</v>
      </c>
      <c r="H25784" t="s">
        <v>10735</v>
      </c>
      <c r="I25784" s="2">
        <v>1</v>
      </c>
      <c r="J25784" s="2">
        <v>0</v>
      </c>
      <c r="K25784" s="2">
        <v>0</v>
      </c>
      <c r="L25784" t="s">
        <v>120</v>
      </c>
      <c r="M25784" t="s">
        <v>89</v>
      </c>
      <c r="N25784" t="s">
        <v>90</v>
      </c>
      <c r="O25784" t="s">
        <v>85</v>
      </c>
      <c r="P25784" t="s">
        <v>86</v>
      </c>
      <c r="Q25784">
        <v>92</v>
      </c>
      <c r="R25784">
        <v>94</v>
      </c>
      <c r="S25784">
        <v>95</v>
      </c>
      <c r="T25784">
        <v>97</v>
      </c>
      <c r="U25784">
        <v>98</v>
      </c>
      <c r="V25784">
        <v>99</v>
      </c>
      <c r="W25784">
        <v>101</v>
      </c>
      <c r="X25784">
        <v>102</v>
      </c>
      <c r="Y25784">
        <v>103</v>
      </c>
      <c r="Z25784">
        <v>104</v>
      </c>
      <c r="AA25784">
        <v>105</v>
      </c>
      <c r="AB25784">
        <v>106</v>
      </c>
      <c r="AC25784">
        <v>107</v>
      </c>
      <c r="AD25784">
        <v>108</v>
      </c>
      <c r="AE25784">
        <v>108</v>
      </c>
      <c r="AF25784">
        <v>108</v>
      </c>
      <c r="AG25784">
        <v>108</v>
      </c>
      <c r="AH25784">
        <v>107</v>
      </c>
      <c r="AI25784">
        <v>107</v>
      </c>
      <c r="AJ25784">
        <v>107</v>
      </c>
      <c r="AK25784">
        <v>106</v>
      </c>
      <c r="AL25784">
        <v>106</v>
      </c>
      <c r="AM25784">
        <v>106</v>
      </c>
      <c r="AN25784">
        <v>105</v>
      </c>
      <c r="AO25784">
        <v>105</v>
      </c>
      <c r="AP25784">
        <v>105</v>
      </c>
      <c r="AQ25784">
        <v>104</v>
      </c>
    </row>
    <row r="25785" spans="1:43">
      <c r="A25785" t="s">
        <v>15957</v>
      </c>
      <c r="B25785" t="s">
        <v>15958</v>
      </c>
      <c r="C25785" t="s">
        <v>15955</v>
      </c>
      <c r="D25785" t="s">
        <v>15956</v>
      </c>
      <c r="E25785" t="s">
        <v>15891</v>
      </c>
      <c r="F25785" t="s">
        <v>15892</v>
      </c>
      <c r="G25785" t="s">
        <v>10734</v>
      </c>
      <c r="H25785" t="s">
        <v>10735</v>
      </c>
      <c r="I25785" s="2">
        <v>1</v>
      </c>
      <c r="J25785" s="2">
        <v>0</v>
      </c>
      <c r="K25785" s="2">
        <v>0</v>
      </c>
      <c r="L25785" t="s">
        <v>120</v>
      </c>
      <c r="M25785" t="s">
        <v>83</v>
      </c>
      <c r="N25785" t="s">
        <v>91</v>
      </c>
      <c r="O25785" t="s">
        <v>85</v>
      </c>
      <c r="P25785" t="s">
        <v>86</v>
      </c>
      <c r="Q25785">
        <v>92</v>
      </c>
      <c r="R25785">
        <v>93</v>
      </c>
      <c r="S25785">
        <v>94</v>
      </c>
      <c r="T25785">
        <v>95</v>
      </c>
      <c r="U25785">
        <v>95</v>
      </c>
      <c r="V25785">
        <v>96</v>
      </c>
      <c r="W25785">
        <v>97</v>
      </c>
      <c r="X25785">
        <v>98</v>
      </c>
      <c r="Y25785">
        <v>98</v>
      </c>
      <c r="Z25785">
        <v>99</v>
      </c>
      <c r="AA25785">
        <v>99</v>
      </c>
      <c r="AB25785">
        <v>100</v>
      </c>
      <c r="AC25785">
        <v>101</v>
      </c>
      <c r="AD25785">
        <v>101</v>
      </c>
      <c r="AE25785">
        <v>102</v>
      </c>
      <c r="AF25785">
        <v>103</v>
      </c>
      <c r="AG25785">
        <v>103</v>
      </c>
      <c r="AH25785">
        <v>104</v>
      </c>
      <c r="AI25785">
        <v>104</v>
      </c>
      <c r="AJ25785">
        <v>105</v>
      </c>
      <c r="AK25785">
        <v>105</v>
      </c>
      <c r="AL25785">
        <v>105</v>
      </c>
      <c r="AM25785">
        <v>105</v>
      </c>
      <c r="AN25785">
        <v>105</v>
      </c>
      <c r="AO25785">
        <v>104</v>
      </c>
      <c r="AP25785">
        <v>104</v>
      </c>
      <c r="AQ25785">
        <v>104</v>
      </c>
    </row>
    <row r="25786" spans="1:43">
      <c r="A25786" t="s">
        <v>15959</v>
      </c>
      <c r="B25786" t="s">
        <v>15960</v>
      </c>
      <c r="C25786" t="s">
        <v>15955</v>
      </c>
      <c r="D25786" t="s">
        <v>15956</v>
      </c>
      <c r="E25786" t="s">
        <v>15891</v>
      </c>
      <c r="F25786" t="s">
        <v>15892</v>
      </c>
      <c r="G25786" t="s">
        <v>10734</v>
      </c>
      <c r="H25786" t="s">
        <v>10735</v>
      </c>
      <c r="I25786" s="2">
        <v>1</v>
      </c>
      <c r="J25786" s="2">
        <v>0</v>
      </c>
      <c r="K25786" s="2">
        <v>0</v>
      </c>
      <c r="L25786" t="s">
        <v>120</v>
      </c>
      <c r="M25786" t="s">
        <v>83</v>
      </c>
      <c r="N25786" t="s">
        <v>84</v>
      </c>
      <c r="O25786" t="s">
        <v>85</v>
      </c>
      <c r="P25786" t="s">
        <v>86</v>
      </c>
      <c r="Q25786">
        <v>13</v>
      </c>
      <c r="R25786">
        <v>13</v>
      </c>
      <c r="S25786">
        <v>14</v>
      </c>
      <c r="T25786">
        <v>14</v>
      </c>
      <c r="U25786">
        <v>14</v>
      </c>
      <c r="V25786">
        <v>14</v>
      </c>
      <c r="W25786">
        <v>14</v>
      </c>
      <c r="X25786">
        <v>14</v>
      </c>
      <c r="Y25786">
        <v>14</v>
      </c>
      <c r="Z25786">
        <v>14</v>
      </c>
      <c r="AA25786">
        <v>14</v>
      </c>
      <c r="AB25786">
        <v>14</v>
      </c>
      <c r="AC25786">
        <v>14</v>
      </c>
      <c r="AD25786">
        <v>15</v>
      </c>
      <c r="AE25786">
        <v>15</v>
      </c>
      <c r="AF25786">
        <v>15</v>
      </c>
      <c r="AG25786">
        <v>15</v>
      </c>
      <c r="AH25786">
        <v>15</v>
      </c>
      <c r="AI25786">
        <v>15</v>
      </c>
      <c r="AJ25786">
        <v>15</v>
      </c>
      <c r="AK25786">
        <v>15</v>
      </c>
      <c r="AL25786">
        <v>15</v>
      </c>
      <c r="AM25786">
        <v>15</v>
      </c>
      <c r="AN25786">
        <v>15</v>
      </c>
      <c r="AO25786">
        <v>15</v>
      </c>
      <c r="AP25786">
        <v>15</v>
      </c>
      <c r="AQ25786">
        <v>15</v>
      </c>
    </row>
    <row r="25787" spans="1:43">
      <c r="A25787" t="s">
        <v>15959</v>
      </c>
      <c r="B25787" t="s">
        <v>15960</v>
      </c>
      <c r="C25787" t="s">
        <v>15955</v>
      </c>
      <c r="D25787" t="s">
        <v>15956</v>
      </c>
      <c r="E25787" t="s">
        <v>15891</v>
      </c>
      <c r="F25787" t="s">
        <v>15892</v>
      </c>
      <c r="G25787" t="s">
        <v>10734</v>
      </c>
      <c r="H25787" t="s">
        <v>10735</v>
      </c>
      <c r="I25787" s="2">
        <v>1</v>
      </c>
      <c r="J25787" s="2">
        <v>0</v>
      </c>
      <c r="K25787" s="2">
        <v>0</v>
      </c>
      <c r="L25787" t="s">
        <v>120</v>
      </c>
      <c r="M25787" t="s">
        <v>87</v>
      </c>
      <c r="N25787" t="s">
        <v>88</v>
      </c>
      <c r="O25787" t="s">
        <v>85</v>
      </c>
      <c r="P25787" t="s">
        <v>86</v>
      </c>
      <c r="Q25787">
        <v>13</v>
      </c>
      <c r="R25787">
        <v>13</v>
      </c>
      <c r="S25787">
        <v>13</v>
      </c>
      <c r="T25787">
        <v>13</v>
      </c>
      <c r="U25787">
        <v>13</v>
      </c>
      <c r="V25787">
        <v>13</v>
      </c>
      <c r="W25787">
        <v>13</v>
      </c>
      <c r="X25787">
        <v>13</v>
      </c>
      <c r="Y25787">
        <v>13</v>
      </c>
      <c r="Z25787">
        <v>13</v>
      </c>
      <c r="AA25787">
        <v>13</v>
      </c>
      <c r="AB25787">
        <v>13</v>
      </c>
      <c r="AC25787">
        <v>13</v>
      </c>
      <c r="AD25787">
        <v>13</v>
      </c>
      <c r="AE25787">
        <v>13</v>
      </c>
      <c r="AF25787">
        <v>13</v>
      </c>
      <c r="AG25787">
        <v>13</v>
      </c>
      <c r="AH25787">
        <v>13</v>
      </c>
      <c r="AI25787">
        <v>13</v>
      </c>
      <c r="AJ25787">
        <v>13</v>
      </c>
      <c r="AK25787">
        <v>13</v>
      </c>
      <c r="AL25787">
        <v>13</v>
      </c>
      <c r="AM25787">
        <v>13</v>
      </c>
      <c r="AN25787">
        <v>13</v>
      </c>
      <c r="AO25787">
        <v>13</v>
      </c>
      <c r="AP25787">
        <v>13</v>
      </c>
      <c r="AQ25787">
        <v>13</v>
      </c>
    </row>
    <row r="25788" spans="1:43">
      <c r="A25788" t="s">
        <v>15959</v>
      </c>
      <c r="B25788" t="s">
        <v>15960</v>
      </c>
      <c r="C25788" t="s">
        <v>15955</v>
      </c>
      <c r="D25788" t="s">
        <v>15956</v>
      </c>
      <c r="E25788" t="s">
        <v>15891</v>
      </c>
      <c r="F25788" t="s">
        <v>15892</v>
      </c>
      <c r="G25788" t="s">
        <v>10734</v>
      </c>
      <c r="H25788" t="s">
        <v>10735</v>
      </c>
      <c r="I25788" s="2">
        <v>1</v>
      </c>
      <c r="J25788" s="2">
        <v>0</v>
      </c>
      <c r="K25788" s="2">
        <v>0</v>
      </c>
      <c r="L25788" t="s">
        <v>120</v>
      </c>
      <c r="M25788" t="s">
        <v>89</v>
      </c>
      <c r="N25788" t="s">
        <v>90</v>
      </c>
      <c r="O25788" t="s">
        <v>85</v>
      </c>
      <c r="P25788" t="s">
        <v>86</v>
      </c>
      <c r="Q25788">
        <v>13</v>
      </c>
      <c r="R25788">
        <v>14</v>
      </c>
      <c r="S25788">
        <v>14</v>
      </c>
      <c r="T25788">
        <v>14</v>
      </c>
      <c r="U25788">
        <v>14</v>
      </c>
      <c r="V25788">
        <v>14</v>
      </c>
      <c r="W25788">
        <v>15</v>
      </c>
      <c r="X25788">
        <v>15</v>
      </c>
      <c r="Y25788">
        <v>15</v>
      </c>
      <c r="Z25788">
        <v>15</v>
      </c>
      <c r="AA25788">
        <v>15</v>
      </c>
      <c r="AB25788">
        <v>15</v>
      </c>
      <c r="AC25788">
        <v>15</v>
      </c>
      <c r="AD25788">
        <v>16</v>
      </c>
      <c r="AE25788">
        <v>16</v>
      </c>
      <c r="AF25788">
        <v>16</v>
      </c>
      <c r="AG25788">
        <v>15</v>
      </c>
      <c r="AH25788">
        <v>15</v>
      </c>
      <c r="AI25788">
        <v>15</v>
      </c>
      <c r="AJ25788">
        <v>15</v>
      </c>
      <c r="AK25788">
        <v>15</v>
      </c>
      <c r="AL25788">
        <v>15</v>
      </c>
      <c r="AM25788">
        <v>15</v>
      </c>
      <c r="AN25788">
        <v>15</v>
      </c>
      <c r="AO25788">
        <v>15</v>
      </c>
      <c r="AP25788">
        <v>15</v>
      </c>
      <c r="AQ25788">
        <v>15</v>
      </c>
    </row>
    <row r="25789" spans="1:43">
      <c r="A25789" t="s">
        <v>15959</v>
      </c>
      <c r="B25789" t="s">
        <v>15960</v>
      </c>
      <c r="C25789" t="s">
        <v>15955</v>
      </c>
      <c r="D25789" t="s">
        <v>15956</v>
      </c>
      <c r="E25789" t="s">
        <v>15891</v>
      </c>
      <c r="F25789" t="s">
        <v>15892</v>
      </c>
      <c r="G25789" t="s">
        <v>10734</v>
      </c>
      <c r="H25789" t="s">
        <v>10735</v>
      </c>
      <c r="I25789" s="2">
        <v>1</v>
      </c>
      <c r="J25789" s="2">
        <v>0</v>
      </c>
      <c r="K25789" s="2">
        <v>0</v>
      </c>
      <c r="L25789" t="s">
        <v>120</v>
      </c>
      <c r="M25789" t="s">
        <v>83</v>
      </c>
      <c r="N25789" t="s">
        <v>91</v>
      </c>
      <c r="O25789" t="s">
        <v>85</v>
      </c>
      <c r="P25789" t="s">
        <v>86</v>
      </c>
      <c r="Q25789">
        <v>13</v>
      </c>
      <c r="R25789">
        <v>13</v>
      </c>
      <c r="S25789">
        <v>14</v>
      </c>
      <c r="T25789">
        <v>14</v>
      </c>
      <c r="U25789">
        <v>14</v>
      </c>
      <c r="V25789">
        <v>14</v>
      </c>
      <c r="W25789">
        <v>14</v>
      </c>
      <c r="X25789">
        <v>14</v>
      </c>
      <c r="Y25789">
        <v>14</v>
      </c>
      <c r="Z25789">
        <v>14</v>
      </c>
      <c r="AA25789">
        <v>14</v>
      </c>
      <c r="AB25789">
        <v>14</v>
      </c>
      <c r="AC25789">
        <v>14</v>
      </c>
      <c r="AD25789">
        <v>15</v>
      </c>
      <c r="AE25789">
        <v>15</v>
      </c>
      <c r="AF25789">
        <v>15</v>
      </c>
      <c r="AG25789">
        <v>15</v>
      </c>
      <c r="AH25789">
        <v>15</v>
      </c>
      <c r="AI25789">
        <v>15</v>
      </c>
      <c r="AJ25789">
        <v>15</v>
      </c>
      <c r="AK25789">
        <v>15</v>
      </c>
      <c r="AL25789">
        <v>15</v>
      </c>
      <c r="AM25789">
        <v>15</v>
      </c>
      <c r="AN25789">
        <v>15</v>
      </c>
      <c r="AO25789">
        <v>15</v>
      </c>
      <c r="AP25789">
        <v>15</v>
      </c>
      <c r="AQ25789">
        <v>15</v>
      </c>
    </row>
    <row r="25790" spans="1:43">
      <c r="A25790" t="s">
        <v>15961</v>
      </c>
      <c r="B25790" t="s">
        <v>15962</v>
      </c>
      <c r="C25790" t="s">
        <v>15955</v>
      </c>
      <c r="D25790" t="s">
        <v>15956</v>
      </c>
      <c r="E25790" t="s">
        <v>15891</v>
      </c>
      <c r="F25790" t="s">
        <v>15892</v>
      </c>
      <c r="G25790" t="s">
        <v>10734</v>
      </c>
      <c r="H25790" t="s">
        <v>10735</v>
      </c>
      <c r="I25790" s="2">
        <v>1</v>
      </c>
      <c r="J25790" s="2">
        <v>0</v>
      </c>
      <c r="K25790" s="2">
        <v>0</v>
      </c>
      <c r="L25790" t="s">
        <v>120</v>
      </c>
      <c r="M25790" t="s">
        <v>83</v>
      </c>
      <c r="N25790" t="s">
        <v>84</v>
      </c>
      <c r="O25790" t="s">
        <v>85</v>
      </c>
      <c r="P25790" t="s">
        <v>86</v>
      </c>
      <c r="Q25790">
        <v>10</v>
      </c>
      <c r="R25790">
        <v>10</v>
      </c>
      <c r="S25790">
        <v>10</v>
      </c>
      <c r="T25790">
        <v>10</v>
      </c>
      <c r="U25790">
        <v>10</v>
      </c>
      <c r="V25790">
        <v>10</v>
      </c>
      <c r="W25790">
        <v>10</v>
      </c>
      <c r="X25790">
        <v>10</v>
      </c>
      <c r="Y25790">
        <v>10</v>
      </c>
      <c r="Z25790">
        <v>10</v>
      </c>
      <c r="AA25790">
        <v>10</v>
      </c>
      <c r="AB25790">
        <v>10</v>
      </c>
      <c r="AC25790">
        <v>10</v>
      </c>
      <c r="AD25790">
        <v>10</v>
      </c>
      <c r="AE25790">
        <v>11</v>
      </c>
      <c r="AF25790">
        <v>11</v>
      </c>
      <c r="AG25790">
        <v>11</v>
      </c>
      <c r="AH25790">
        <v>11</v>
      </c>
      <c r="AI25790">
        <v>11</v>
      </c>
      <c r="AJ25790">
        <v>11</v>
      </c>
      <c r="AK25790">
        <v>11</v>
      </c>
      <c r="AL25790">
        <v>11</v>
      </c>
      <c r="AM25790">
        <v>11</v>
      </c>
      <c r="AN25790">
        <v>11</v>
      </c>
      <c r="AO25790">
        <v>11</v>
      </c>
      <c r="AP25790">
        <v>11</v>
      </c>
      <c r="AQ25790">
        <v>11</v>
      </c>
    </row>
    <row r="25791" spans="1:43">
      <c r="A25791" t="s">
        <v>15961</v>
      </c>
      <c r="B25791" t="s">
        <v>15962</v>
      </c>
      <c r="C25791" t="s">
        <v>15955</v>
      </c>
      <c r="D25791" t="s">
        <v>15956</v>
      </c>
      <c r="E25791" t="s">
        <v>15891</v>
      </c>
      <c r="F25791" t="s">
        <v>15892</v>
      </c>
      <c r="G25791" t="s">
        <v>10734</v>
      </c>
      <c r="H25791" t="s">
        <v>10735</v>
      </c>
      <c r="I25791" s="2">
        <v>1</v>
      </c>
      <c r="J25791" s="2">
        <v>0</v>
      </c>
      <c r="K25791" s="2">
        <v>0</v>
      </c>
      <c r="L25791" t="s">
        <v>120</v>
      </c>
      <c r="M25791" t="s">
        <v>87</v>
      </c>
      <c r="N25791" t="s">
        <v>88</v>
      </c>
      <c r="O25791" t="s">
        <v>85</v>
      </c>
      <c r="P25791" t="s">
        <v>86</v>
      </c>
      <c r="Q25791">
        <v>10</v>
      </c>
      <c r="R25791">
        <v>10</v>
      </c>
      <c r="S25791">
        <v>10</v>
      </c>
      <c r="T25791">
        <v>10</v>
      </c>
      <c r="U25791">
        <v>10</v>
      </c>
      <c r="V25791">
        <v>10</v>
      </c>
      <c r="W25791">
        <v>10</v>
      </c>
      <c r="X25791">
        <v>10</v>
      </c>
      <c r="Y25791">
        <v>10</v>
      </c>
      <c r="Z25791">
        <v>10</v>
      </c>
      <c r="AA25791">
        <v>10</v>
      </c>
      <c r="AB25791">
        <v>10</v>
      </c>
      <c r="AC25791">
        <v>10</v>
      </c>
      <c r="AD25791">
        <v>10</v>
      </c>
      <c r="AE25791">
        <v>10</v>
      </c>
      <c r="AF25791">
        <v>10</v>
      </c>
      <c r="AG25791">
        <v>10</v>
      </c>
      <c r="AH25791">
        <v>10</v>
      </c>
      <c r="AI25791">
        <v>10</v>
      </c>
      <c r="AJ25791">
        <v>10</v>
      </c>
      <c r="AK25791">
        <v>10</v>
      </c>
      <c r="AL25791">
        <v>10</v>
      </c>
      <c r="AM25791">
        <v>10</v>
      </c>
      <c r="AN25791">
        <v>10</v>
      </c>
      <c r="AO25791">
        <v>10</v>
      </c>
      <c r="AP25791">
        <v>10</v>
      </c>
      <c r="AQ25791">
        <v>10</v>
      </c>
    </row>
    <row r="25792" spans="1:43">
      <c r="A25792" t="s">
        <v>15961</v>
      </c>
      <c r="B25792" t="s">
        <v>15962</v>
      </c>
      <c r="C25792" t="s">
        <v>15955</v>
      </c>
      <c r="D25792" t="s">
        <v>15956</v>
      </c>
      <c r="E25792" t="s">
        <v>15891</v>
      </c>
      <c r="F25792" t="s">
        <v>15892</v>
      </c>
      <c r="G25792" t="s">
        <v>10734</v>
      </c>
      <c r="H25792" t="s">
        <v>10735</v>
      </c>
      <c r="I25792" s="2">
        <v>1</v>
      </c>
      <c r="J25792" s="2">
        <v>0</v>
      </c>
      <c r="K25792" s="2">
        <v>0</v>
      </c>
      <c r="L25792" t="s">
        <v>120</v>
      </c>
      <c r="M25792" t="s">
        <v>89</v>
      </c>
      <c r="N25792" t="s">
        <v>90</v>
      </c>
      <c r="O25792" t="s">
        <v>85</v>
      </c>
      <c r="P25792" t="s">
        <v>86</v>
      </c>
      <c r="Q25792">
        <v>10</v>
      </c>
      <c r="R25792">
        <v>10</v>
      </c>
      <c r="S25792">
        <v>10</v>
      </c>
      <c r="T25792">
        <v>10</v>
      </c>
      <c r="U25792">
        <v>10</v>
      </c>
      <c r="V25792">
        <v>10</v>
      </c>
      <c r="W25792">
        <v>11</v>
      </c>
      <c r="X25792">
        <v>11</v>
      </c>
      <c r="Y25792">
        <v>11</v>
      </c>
      <c r="Z25792">
        <v>11</v>
      </c>
      <c r="AA25792">
        <v>11</v>
      </c>
      <c r="AB25792">
        <v>11</v>
      </c>
      <c r="AC25792">
        <v>11</v>
      </c>
      <c r="AD25792">
        <v>11</v>
      </c>
      <c r="AE25792">
        <v>11</v>
      </c>
      <c r="AF25792">
        <v>11</v>
      </c>
      <c r="AG25792">
        <v>11</v>
      </c>
      <c r="AH25792">
        <v>11</v>
      </c>
      <c r="AI25792">
        <v>11</v>
      </c>
      <c r="AJ25792">
        <v>11</v>
      </c>
      <c r="AK25792">
        <v>11</v>
      </c>
      <c r="AL25792">
        <v>11</v>
      </c>
      <c r="AM25792">
        <v>11</v>
      </c>
      <c r="AN25792">
        <v>11</v>
      </c>
      <c r="AO25792">
        <v>11</v>
      </c>
      <c r="AP25792">
        <v>11</v>
      </c>
      <c r="AQ25792">
        <v>11</v>
      </c>
    </row>
    <row r="25793" spans="1:43">
      <c r="A25793" t="s">
        <v>15961</v>
      </c>
      <c r="B25793" t="s">
        <v>15962</v>
      </c>
      <c r="C25793" t="s">
        <v>15955</v>
      </c>
      <c r="D25793" t="s">
        <v>15956</v>
      </c>
      <c r="E25793" t="s">
        <v>15891</v>
      </c>
      <c r="F25793" t="s">
        <v>15892</v>
      </c>
      <c r="G25793" t="s">
        <v>10734</v>
      </c>
      <c r="H25793" t="s">
        <v>10735</v>
      </c>
      <c r="I25793" s="2">
        <v>1</v>
      </c>
      <c r="J25793" s="2">
        <v>0</v>
      </c>
      <c r="K25793" s="2">
        <v>0</v>
      </c>
      <c r="L25793" t="s">
        <v>120</v>
      </c>
      <c r="M25793" t="s">
        <v>83</v>
      </c>
      <c r="N25793" t="s">
        <v>91</v>
      </c>
      <c r="O25793" t="s">
        <v>85</v>
      </c>
      <c r="P25793" t="s">
        <v>86</v>
      </c>
      <c r="Q25793">
        <v>10</v>
      </c>
      <c r="R25793">
        <v>10</v>
      </c>
      <c r="S25793">
        <v>10</v>
      </c>
      <c r="T25793">
        <v>10</v>
      </c>
      <c r="U25793">
        <v>10</v>
      </c>
      <c r="V25793">
        <v>10</v>
      </c>
      <c r="W25793">
        <v>10</v>
      </c>
      <c r="X25793">
        <v>10</v>
      </c>
      <c r="Y25793">
        <v>10</v>
      </c>
      <c r="Z25793">
        <v>10</v>
      </c>
      <c r="AA25793">
        <v>10</v>
      </c>
      <c r="AB25793">
        <v>10</v>
      </c>
      <c r="AC25793">
        <v>10</v>
      </c>
      <c r="AD25793">
        <v>10</v>
      </c>
      <c r="AE25793">
        <v>11</v>
      </c>
      <c r="AF25793">
        <v>11</v>
      </c>
      <c r="AG25793">
        <v>11</v>
      </c>
      <c r="AH25793">
        <v>11</v>
      </c>
      <c r="AI25793">
        <v>11</v>
      </c>
      <c r="AJ25793">
        <v>11</v>
      </c>
      <c r="AK25793">
        <v>11</v>
      </c>
      <c r="AL25793">
        <v>11</v>
      </c>
      <c r="AM25793">
        <v>11</v>
      </c>
      <c r="AN25793">
        <v>11</v>
      </c>
      <c r="AO25793">
        <v>11</v>
      </c>
      <c r="AP25793">
        <v>11</v>
      </c>
      <c r="AQ25793">
        <v>11</v>
      </c>
    </row>
    <row r="25794" spans="1:43">
      <c r="A25794" t="s">
        <v>15963</v>
      </c>
      <c r="B25794" t="s">
        <v>15964</v>
      </c>
      <c r="C25794" t="s">
        <v>15955</v>
      </c>
      <c r="D25794" t="s">
        <v>15956</v>
      </c>
      <c r="E25794" t="s">
        <v>15891</v>
      </c>
      <c r="F25794" t="s">
        <v>15892</v>
      </c>
      <c r="G25794" t="s">
        <v>10734</v>
      </c>
      <c r="H25794" t="s">
        <v>10735</v>
      </c>
      <c r="I25794" s="2">
        <v>1</v>
      </c>
      <c r="J25794" s="2">
        <v>0</v>
      </c>
      <c r="K25794" s="2">
        <v>0</v>
      </c>
      <c r="L25794" t="s">
        <v>120</v>
      </c>
      <c r="M25794" t="s">
        <v>83</v>
      </c>
      <c r="N25794" t="s">
        <v>84</v>
      </c>
      <c r="O25794" t="s">
        <v>85</v>
      </c>
      <c r="P25794" t="s">
        <v>86</v>
      </c>
      <c r="Q25794">
        <v>126</v>
      </c>
      <c r="R25794">
        <v>127</v>
      </c>
      <c r="S25794">
        <v>128</v>
      </c>
      <c r="T25794">
        <v>129</v>
      </c>
      <c r="U25794">
        <v>130</v>
      </c>
      <c r="V25794">
        <v>131</v>
      </c>
      <c r="W25794">
        <v>132</v>
      </c>
      <c r="X25794">
        <v>133</v>
      </c>
      <c r="Y25794">
        <v>134</v>
      </c>
      <c r="Z25794">
        <v>135</v>
      </c>
      <c r="AA25794">
        <v>136</v>
      </c>
      <c r="AB25794">
        <v>137</v>
      </c>
      <c r="AC25794">
        <v>138</v>
      </c>
      <c r="AD25794">
        <v>139</v>
      </c>
      <c r="AE25794">
        <v>140</v>
      </c>
      <c r="AF25794">
        <v>141</v>
      </c>
      <c r="AG25794">
        <v>141</v>
      </c>
      <c r="AH25794">
        <v>142</v>
      </c>
      <c r="AI25794">
        <v>143</v>
      </c>
      <c r="AJ25794">
        <v>144</v>
      </c>
      <c r="AK25794">
        <v>145</v>
      </c>
      <c r="AL25794">
        <v>145</v>
      </c>
      <c r="AM25794">
        <v>144</v>
      </c>
      <c r="AN25794">
        <v>144</v>
      </c>
      <c r="AO25794">
        <v>143</v>
      </c>
      <c r="AP25794">
        <v>143</v>
      </c>
      <c r="AQ25794">
        <v>143</v>
      </c>
    </row>
    <row r="25795" spans="1:43">
      <c r="A25795" t="s">
        <v>15963</v>
      </c>
      <c r="B25795" t="s">
        <v>15964</v>
      </c>
      <c r="C25795" t="s">
        <v>15955</v>
      </c>
      <c r="D25795" t="s">
        <v>15956</v>
      </c>
      <c r="E25795" t="s">
        <v>15891</v>
      </c>
      <c r="F25795" t="s">
        <v>15892</v>
      </c>
      <c r="G25795" t="s">
        <v>10734</v>
      </c>
      <c r="H25795" t="s">
        <v>10735</v>
      </c>
      <c r="I25795" s="2">
        <v>1</v>
      </c>
      <c r="J25795" s="2">
        <v>0</v>
      </c>
      <c r="K25795" s="2">
        <v>0</v>
      </c>
      <c r="L25795" t="s">
        <v>120</v>
      </c>
      <c r="M25795" t="s">
        <v>87</v>
      </c>
      <c r="N25795" t="s">
        <v>88</v>
      </c>
      <c r="O25795" t="s">
        <v>85</v>
      </c>
      <c r="P25795" t="s">
        <v>86</v>
      </c>
      <c r="Q25795">
        <v>126</v>
      </c>
      <c r="R25795">
        <v>126</v>
      </c>
      <c r="S25795">
        <v>126</v>
      </c>
      <c r="T25795">
        <v>126</v>
      </c>
      <c r="U25795">
        <v>126</v>
      </c>
      <c r="V25795">
        <v>125</v>
      </c>
      <c r="W25795">
        <v>125</v>
      </c>
      <c r="X25795">
        <v>125</v>
      </c>
      <c r="Y25795">
        <v>125</v>
      </c>
      <c r="Z25795">
        <v>125</v>
      </c>
      <c r="AA25795">
        <v>125</v>
      </c>
      <c r="AB25795">
        <v>125</v>
      </c>
      <c r="AC25795">
        <v>125</v>
      </c>
      <c r="AD25795">
        <v>125</v>
      </c>
      <c r="AE25795">
        <v>125</v>
      </c>
      <c r="AF25795">
        <v>125</v>
      </c>
      <c r="AG25795">
        <v>124</v>
      </c>
      <c r="AH25795">
        <v>124</v>
      </c>
      <c r="AI25795">
        <v>124</v>
      </c>
      <c r="AJ25795">
        <v>124</v>
      </c>
      <c r="AK25795">
        <v>124</v>
      </c>
      <c r="AL25795">
        <v>124</v>
      </c>
      <c r="AM25795">
        <v>124</v>
      </c>
      <c r="AN25795">
        <v>124</v>
      </c>
      <c r="AO25795">
        <v>124</v>
      </c>
      <c r="AP25795">
        <v>123</v>
      </c>
      <c r="AQ25795">
        <v>123</v>
      </c>
    </row>
    <row r="25796" spans="1:43">
      <c r="A25796" t="s">
        <v>15963</v>
      </c>
      <c r="B25796" t="s">
        <v>15964</v>
      </c>
      <c r="C25796" t="s">
        <v>15955</v>
      </c>
      <c r="D25796" t="s">
        <v>15956</v>
      </c>
      <c r="E25796" t="s">
        <v>15891</v>
      </c>
      <c r="F25796" t="s">
        <v>15892</v>
      </c>
      <c r="G25796" t="s">
        <v>10734</v>
      </c>
      <c r="H25796" t="s">
        <v>10735</v>
      </c>
      <c r="I25796" s="2">
        <v>1</v>
      </c>
      <c r="J25796" s="2">
        <v>0</v>
      </c>
      <c r="K25796" s="2">
        <v>0</v>
      </c>
      <c r="L25796" t="s">
        <v>120</v>
      </c>
      <c r="M25796" t="s">
        <v>89</v>
      </c>
      <c r="N25796" t="s">
        <v>90</v>
      </c>
      <c r="O25796" t="s">
        <v>85</v>
      </c>
      <c r="P25796" t="s">
        <v>86</v>
      </c>
      <c r="Q25796">
        <v>126</v>
      </c>
      <c r="R25796">
        <v>128</v>
      </c>
      <c r="S25796">
        <v>130</v>
      </c>
      <c r="T25796">
        <v>132</v>
      </c>
      <c r="U25796">
        <v>134</v>
      </c>
      <c r="V25796">
        <v>136</v>
      </c>
      <c r="W25796">
        <v>138</v>
      </c>
      <c r="X25796">
        <v>140</v>
      </c>
      <c r="Y25796">
        <v>141</v>
      </c>
      <c r="Z25796">
        <v>143</v>
      </c>
      <c r="AA25796">
        <v>144</v>
      </c>
      <c r="AB25796">
        <v>146</v>
      </c>
      <c r="AC25796">
        <v>147</v>
      </c>
      <c r="AD25796">
        <v>148</v>
      </c>
      <c r="AE25796">
        <v>149</v>
      </c>
      <c r="AF25796">
        <v>149</v>
      </c>
      <c r="AG25796">
        <v>148</v>
      </c>
      <c r="AH25796">
        <v>148</v>
      </c>
      <c r="AI25796">
        <v>147</v>
      </c>
      <c r="AJ25796">
        <v>147</v>
      </c>
      <c r="AK25796">
        <v>147</v>
      </c>
      <c r="AL25796">
        <v>146</v>
      </c>
      <c r="AM25796">
        <v>146</v>
      </c>
      <c r="AN25796">
        <v>145</v>
      </c>
      <c r="AO25796">
        <v>145</v>
      </c>
      <c r="AP25796">
        <v>145</v>
      </c>
      <c r="AQ25796">
        <v>144</v>
      </c>
    </row>
    <row r="25797" spans="1:43">
      <c r="A25797" t="s">
        <v>15963</v>
      </c>
      <c r="B25797" t="s">
        <v>15964</v>
      </c>
      <c r="C25797" t="s">
        <v>15955</v>
      </c>
      <c r="D25797" t="s">
        <v>15956</v>
      </c>
      <c r="E25797" t="s">
        <v>15891</v>
      </c>
      <c r="F25797" t="s">
        <v>15892</v>
      </c>
      <c r="G25797" t="s">
        <v>10734</v>
      </c>
      <c r="H25797" t="s">
        <v>10735</v>
      </c>
      <c r="I25797" s="2">
        <v>1</v>
      </c>
      <c r="J25797" s="2">
        <v>0</v>
      </c>
      <c r="K25797" s="2">
        <v>0</v>
      </c>
      <c r="L25797" t="s">
        <v>120</v>
      </c>
      <c r="M25797" t="s">
        <v>83</v>
      </c>
      <c r="N25797" t="s">
        <v>91</v>
      </c>
      <c r="O25797" t="s">
        <v>85</v>
      </c>
      <c r="P25797" t="s">
        <v>86</v>
      </c>
      <c r="Q25797">
        <v>126</v>
      </c>
      <c r="R25797">
        <v>127</v>
      </c>
      <c r="S25797">
        <v>128</v>
      </c>
      <c r="T25797">
        <v>129</v>
      </c>
      <c r="U25797">
        <v>130</v>
      </c>
      <c r="V25797">
        <v>131</v>
      </c>
      <c r="W25797">
        <v>132</v>
      </c>
      <c r="X25797">
        <v>133</v>
      </c>
      <c r="Y25797">
        <v>134</v>
      </c>
      <c r="Z25797">
        <v>135</v>
      </c>
      <c r="AA25797">
        <v>136</v>
      </c>
      <c r="AB25797">
        <v>137</v>
      </c>
      <c r="AC25797">
        <v>138</v>
      </c>
      <c r="AD25797">
        <v>139</v>
      </c>
      <c r="AE25797">
        <v>140</v>
      </c>
      <c r="AF25797">
        <v>141</v>
      </c>
      <c r="AG25797">
        <v>141</v>
      </c>
      <c r="AH25797">
        <v>142</v>
      </c>
      <c r="AI25797">
        <v>143</v>
      </c>
      <c r="AJ25797">
        <v>144</v>
      </c>
      <c r="AK25797">
        <v>145</v>
      </c>
      <c r="AL25797">
        <v>145</v>
      </c>
      <c r="AM25797">
        <v>144</v>
      </c>
      <c r="AN25797">
        <v>144</v>
      </c>
      <c r="AO25797">
        <v>143</v>
      </c>
      <c r="AP25797">
        <v>143</v>
      </c>
      <c r="AQ25797">
        <v>143</v>
      </c>
    </row>
    <row r="25798" spans="1:43">
      <c r="A25798" t="s">
        <v>15965</v>
      </c>
      <c r="B25798" t="s">
        <v>15966</v>
      </c>
      <c r="C25798" t="s">
        <v>15967</v>
      </c>
      <c r="D25798" t="s">
        <v>15968</v>
      </c>
      <c r="E25798" t="s">
        <v>15891</v>
      </c>
      <c r="F25798" t="s">
        <v>15892</v>
      </c>
      <c r="G25798" t="s">
        <v>10734</v>
      </c>
      <c r="H25798" t="s">
        <v>10735</v>
      </c>
      <c r="I25798" s="2">
        <v>1</v>
      </c>
      <c r="J25798" s="2">
        <v>0</v>
      </c>
      <c r="K25798" s="2">
        <v>0</v>
      </c>
      <c r="L25798" t="s">
        <v>120</v>
      </c>
      <c r="M25798" t="s">
        <v>83</v>
      </c>
      <c r="N25798" t="s">
        <v>84</v>
      </c>
      <c r="O25798" t="s">
        <v>85</v>
      </c>
      <c r="P25798" t="s">
        <v>86</v>
      </c>
      <c r="Q25798">
        <v>20</v>
      </c>
      <c r="R25798">
        <v>20</v>
      </c>
      <c r="S25798">
        <v>20</v>
      </c>
      <c r="T25798">
        <v>20</v>
      </c>
      <c r="U25798">
        <v>21</v>
      </c>
      <c r="V25798">
        <v>21</v>
      </c>
      <c r="W25798">
        <v>21</v>
      </c>
      <c r="X25798">
        <v>21</v>
      </c>
      <c r="Y25798">
        <v>21</v>
      </c>
      <c r="Z25798">
        <v>21</v>
      </c>
      <c r="AA25798">
        <v>21</v>
      </c>
      <c r="AB25798">
        <v>22</v>
      </c>
      <c r="AC25798">
        <v>22</v>
      </c>
      <c r="AD25798">
        <v>22</v>
      </c>
      <c r="AE25798">
        <v>22</v>
      </c>
      <c r="AF25798">
        <v>22</v>
      </c>
      <c r="AG25798">
        <v>22</v>
      </c>
      <c r="AH25798">
        <v>22</v>
      </c>
      <c r="AI25798">
        <v>22</v>
      </c>
      <c r="AJ25798">
        <v>22</v>
      </c>
      <c r="AK25798">
        <v>23</v>
      </c>
      <c r="AL25798">
        <v>23</v>
      </c>
      <c r="AM25798">
        <v>22</v>
      </c>
      <c r="AN25798">
        <v>22</v>
      </c>
      <c r="AO25798">
        <v>22</v>
      </c>
      <c r="AP25798">
        <v>22</v>
      </c>
      <c r="AQ25798">
        <v>22</v>
      </c>
    </row>
    <row r="25799" spans="1:43">
      <c r="A25799" t="s">
        <v>15965</v>
      </c>
      <c r="B25799" t="s">
        <v>15966</v>
      </c>
      <c r="C25799" t="s">
        <v>15967</v>
      </c>
      <c r="D25799" t="s">
        <v>15968</v>
      </c>
      <c r="E25799" t="s">
        <v>15891</v>
      </c>
      <c r="F25799" t="s">
        <v>15892</v>
      </c>
      <c r="G25799" t="s">
        <v>10734</v>
      </c>
      <c r="H25799" t="s">
        <v>10735</v>
      </c>
      <c r="I25799" s="2">
        <v>1</v>
      </c>
      <c r="J25799" s="2">
        <v>0</v>
      </c>
      <c r="K25799" s="2">
        <v>0</v>
      </c>
      <c r="L25799" t="s">
        <v>120</v>
      </c>
      <c r="M25799" t="s">
        <v>87</v>
      </c>
      <c r="N25799" t="s">
        <v>88</v>
      </c>
      <c r="O25799" t="s">
        <v>85</v>
      </c>
      <c r="P25799" t="s">
        <v>86</v>
      </c>
      <c r="Q25799">
        <v>20</v>
      </c>
      <c r="R25799">
        <v>20</v>
      </c>
      <c r="S25799">
        <v>20</v>
      </c>
      <c r="T25799">
        <v>20</v>
      </c>
      <c r="U25799">
        <v>20</v>
      </c>
      <c r="V25799">
        <v>20</v>
      </c>
      <c r="W25799">
        <v>20</v>
      </c>
      <c r="X25799">
        <v>20</v>
      </c>
      <c r="Y25799">
        <v>20</v>
      </c>
      <c r="Z25799">
        <v>20</v>
      </c>
      <c r="AA25799">
        <v>20</v>
      </c>
      <c r="AB25799">
        <v>20</v>
      </c>
      <c r="AC25799">
        <v>20</v>
      </c>
      <c r="AD25799">
        <v>20</v>
      </c>
      <c r="AE25799">
        <v>20</v>
      </c>
      <c r="AF25799">
        <v>19</v>
      </c>
      <c r="AG25799">
        <v>19</v>
      </c>
      <c r="AH25799">
        <v>19</v>
      </c>
      <c r="AI25799">
        <v>19</v>
      </c>
      <c r="AJ25799">
        <v>19</v>
      </c>
      <c r="AK25799">
        <v>19</v>
      </c>
      <c r="AL25799">
        <v>19</v>
      </c>
      <c r="AM25799">
        <v>19</v>
      </c>
      <c r="AN25799">
        <v>19</v>
      </c>
      <c r="AO25799">
        <v>19</v>
      </c>
      <c r="AP25799">
        <v>19</v>
      </c>
      <c r="AQ25799">
        <v>19</v>
      </c>
    </row>
    <row r="25800" spans="1:43">
      <c r="A25800" t="s">
        <v>15965</v>
      </c>
      <c r="B25800" t="s">
        <v>15966</v>
      </c>
      <c r="C25800" t="s">
        <v>15967</v>
      </c>
      <c r="D25800" t="s">
        <v>15968</v>
      </c>
      <c r="E25800" t="s">
        <v>15891</v>
      </c>
      <c r="F25800" t="s">
        <v>15892</v>
      </c>
      <c r="G25800" t="s">
        <v>10734</v>
      </c>
      <c r="H25800" t="s">
        <v>10735</v>
      </c>
      <c r="I25800" s="2">
        <v>1</v>
      </c>
      <c r="J25800" s="2">
        <v>0</v>
      </c>
      <c r="K25800" s="2">
        <v>0</v>
      </c>
      <c r="L25800" t="s">
        <v>120</v>
      </c>
      <c r="M25800" t="s">
        <v>89</v>
      </c>
      <c r="N25800" t="s">
        <v>90</v>
      </c>
      <c r="O25800" t="s">
        <v>85</v>
      </c>
      <c r="P25800" t="s">
        <v>86</v>
      </c>
      <c r="Q25800">
        <v>20</v>
      </c>
      <c r="R25800">
        <v>20</v>
      </c>
      <c r="S25800">
        <v>21</v>
      </c>
      <c r="T25800">
        <v>21</v>
      </c>
      <c r="U25800">
        <v>21</v>
      </c>
      <c r="V25800">
        <v>22</v>
      </c>
      <c r="W25800">
        <v>22</v>
      </c>
      <c r="X25800">
        <v>22</v>
      </c>
      <c r="Y25800">
        <v>22</v>
      </c>
      <c r="Z25800">
        <v>23</v>
      </c>
      <c r="AA25800">
        <v>23</v>
      </c>
      <c r="AB25800">
        <v>23</v>
      </c>
      <c r="AC25800">
        <v>23</v>
      </c>
      <c r="AD25800">
        <v>23</v>
      </c>
      <c r="AE25800">
        <v>23</v>
      </c>
      <c r="AF25800">
        <v>23</v>
      </c>
      <c r="AG25800">
        <v>23</v>
      </c>
      <c r="AH25800">
        <v>23</v>
      </c>
      <c r="AI25800">
        <v>23</v>
      </c>
      <c r="AJ25800">
        <v>23</v>
      </c>
      <c r="AK25800">
        <v>23</v>
      </c>
      <c r="AL25800">
        <v>23</v>
      </c>
      <c r="AM25800">
        <v>23</v>
      </c>
      <c r="AN25800">
        <v>23</v>
      </c>
      <c r="AO25800">
        <v>23</v>
      </c>
      <c r="AP25800">
        <v>22</v>
      </c>
      <c r="AQ25800">
        <v>22</v>
      </c>
    </row>
    <row r="25801" spans="1:43">
      <c r="A25801" t="s">
        <v>15965</v>
      </c>
      <c r="B25801" t="s">
        <v>15966</v>
      </c>
      <c r="C25801" t="s">
        <v>15967</v>
      </c>
      <c r="D25801" t="s">
        <v>15968</v>
      </c>
      <c r="E25801" t="s">
        <v>15891</v>
      </c>
      <c r="F25801" t="s">
        <v>15892</v>
      </c>
      <c r="G25801" t="s">
        <v>10734</v>
      </c>
      <c r="H25801" t="s">
        <v>10735</v>
      </c>
      <c r="I25801" s="2">
        <v>1</v>
      </c>
      <c r="J25801" s="2">
        <v>0</v>
      </c>
      <c r="K25801" s="2">
        <v>0</v>
      </c>
      <c r="L25801" t="s">
        <v>120</v>
      </c>
      <c r="M25801" t="s">
        <v>83</v>
      </c>
      <c r="N25801" t="s">
        <v>91</v>
      </c>
      <c r="O25801" t="s">
        <v>85</v>
      </c>
      <c r="P25801" t="s">
        <v>86</v>
      </c>
      <c r="Q25801">
        <v>20</v>
      </c>
      <c r="R25801">
        <v>20</v>
      </c>
      <c r="S25801">
        <v>20</v>
      </c>
      <c r="T25801">
        <v>20</v>
      </c>
      <c r="U25801">
        <v>21</v>
      </c>
      <c r="V25801">
        <v>21</v>
      </c>
      <c r="W25801">
        <v>21</v>
      </c>
      <c r="X25801">
        <v>21</v>
      </c>
      <c r="Y25801">
        <v>21</v>
      </c>
      <c r="Z25801">
        <v>21</v>
      </c>
      <c r="AA25801">
        <v>21</v>
      </c>
      <c r="AB25801">
        <v>22</v>
      </c>
      <c r="AC25801">
        <v>22</v>
      </c>
      <c r="AD25801">
        <v>22</v>
      </c>
      <c r="AE25801">
        <v>22</v>
      </c>
      <c r="AF25801">
        <v>22</v>
      </c>
      <c r="AG25801">
        <v>22</v>
      </c>
      <c r="AH25801">
        <v>22</v>
      </c>
      <c r="AI25801">
        <v>22</v>
      </c>
      <c r="AJ25801">
        <v>22</v>
      </c>
      <c r="AK25801">
        <v>23</v>
      </c>
      <c r="AL25801">
        <v>23</v>
      </c>
      <c r="AM25801">
        <v>22</v>
      </c>
      <c r="AN25801">
        <v>22</v>
      </c>
      <c r="AO25801">
        <v>22</v>
      </c>
      <c r="AP25801">
        <v>22</v>
      </c>
      <c r="AQ25801">
        <v>22</v>
      </c>
    </row>
    <row r="25802" spans="1:43">
      <c r="A25802" t="s">
        <v>15969</v>
      </c>
      <c r="B25802" t="s">
        <v>15970</v>
      </c>
      <c r="C25802" t="s">
        <v>15967</v>
      </c>
      <c r="D25802" t="s">
        <v>15968</v>
      </c>
      <c r="E25802" t="s">
        <v>15891</v>
      </c>
      <c r="F25802" t="s">
        <v>15892</v>
      </c>
      <c r="G25802" t="s">
        <v>10734</v>
      </c>
      <c r="H25802" t="s">
        <v>10735</v>
      </c>
      <c r="I25802" s="2">
        <v>1</v>
      </c>
      <c r="J25802" s="2">
        <v>0</v>
      </c>
      <c r="K25802" s="2">
        <v>0</v>
      </c>
      <c r="L25802" t="s">
        <v>120</v>
      </c>
      <c r="M25802" t="s">
        <v>83</v>
      </c>
      <c r="N25802" t="s">
        <v>84</v>
      </c>
      <c r="O25802" t="s">
        <v>85</v>
      </c>
      <c r="P25802" t="s">
        <v>86</v>
      </c>
      <c r="Q25802">
        <v>16</v>
      </c>
      <c r="R25802">
        <v>17</v>
      </c>
      <c r="S25802">
        <v>17</v>
      </c>
      <c r="T25802">
        <v>17</v>
      </c>
      <c r="U25802">
        <v>17</v>
      </c>
      <c r="V25802">
        <v>17</v>
      </c>
      <c r="W25802">
        <v>17</v>
      </c>
      <c r="X25802">
        <v>17</v>
      </c>
      <c r="Y25802">
        <v>17</v>
      </c>
      <c r="Z25802">
        <v>18</v>
      </c>
      <c r="AA25802">
        <v>18</v>
      </c>
      <c r="AB25802">
        <v>18</v>
      </c>
      <c r="AC25802">
        <v>18</v>
      </c>
      <c r="AD25802">
        <v>18</v>
      </c>
      <c r="AE25802">
        <v>18</v>
      </c>
      <c r="AF25802">
        <v>18</v>
      </c>
      <c r="AG25802">
        <v>18</v>
      </c>
      <c r="AH25802">
        <v>18</v>
      </c>
      <c r="AI25802">
        <v>18</v>
      </c>
      <c r="AJ25802">
        <v>18</v>
      </c>
      <c r="AK25802">
        <v>18</v>
      </c>
      <c r="AL25802">
        <v>18</v>
      </c>
      <c r="AM25802">
        <v>18</v>
      </c>
      <c r="AN25802">
        <v>18</v>
      </c>
      <c r="AO25802">
        <v>18</v>
      </c>
      <c r="AP25802">
        <v>18</v>
      </c>
      <c r="AQ25802">
        <v>18</v>
      </c>
    </row>
    <row r="25803" spans="1:43">
      <c r="A25803" t="s">
        <v>15969</v>
      </c>
      <c r="B25803" t="s">
        <v>15970</v>
      </c>
      <c r="C25803" t="s">
        <v>15967</v>
      </c>
      <c r="D25803" t="s">
        <v>15968</v>
      </c>
      <c r="E25803" t="s">
        <v>15891</v>
      </c>
      <c r="F25803" t="s">
        <v>15892</v>
      </c>
      <c r="G25803" t="s">
        <v>10734</v>
      </c>
      <c r="H25803" t="s">
        <v>10735</v>
      </c>
      <c r="I25803" s="2">
        <v>1</v>
      </c>
      <c r="J25803" s="2">
        <v>0</v>
      </c>
      <c r="K25803" s="2">
        <v>0</v>
      </c>
      <c r="L25803" t="s">
        <v>120</v>
      </c>
      <c r="M25803" t="s">
        <v>87</v>
      </c>
      <c r="N25803" t="s">
        <v>88</v>
      </c>
      <c r="O25803" t="s">
        <v>85</v>
      </c>
      <c r="P25803" t="s">
        <v>86</v>
      </c>
      <c r="Q25803">
        <v>16</v>
      </c>
      <c r="R25803">
        <v>16</v>
      </c>
      <c r="S25803">
        <v>16</v>
      </c>
      <c r="T25803">
        <v>16</v>
      </c>
      <c r="U25803">
        <v>16</v>
      </c>
      <c r="V25803">
        <v>16</v>
      </c>
      <c r="W25803">
        <v>16</v>
      </c>
      <c r="X25803">
        <v>16</v>
      </c>
      <c r="Y25803">
        <v>16</v>
      </c>
      <c r="Z25803">
        <v>16</v>
      </c>
      <c r="AA25803">
        <v>16</v>
      </c>
      <c r="AB25803">
        <v>16</v>
      </c>
      <c r="AC25803">
        <v>16</v>
      </c>
      <c r="AD25803">
        <v>16</v>
      </c>
      <c r="AE25803">
        <v>16</v>
      </c>
      <c r="AF25803">
        <v>16</v>
      </c>
      <c r="AG25803">
        <v>16</v>
      </c>
      <c r="AH25803">
        <v>16</v>
      </c>
      <c r="AI25803">
        <v>16</v>
      </c>
      <c r="AJ25803">
        <v>16</v>
      </c>
      <c r="AK25803">
        <v>16</v>
      </c>
      <c r="AL25803">
        <v>16</v>
      </c>
      <c r="AM25803">
        <v>16</v>
      </c>
      <c r="AN25803">
        <v>16</v>
      </c>
      <c r="AO25803">
        <v>16</v>
      </c>
      <c r="AP25803">
        <v>16</v>
      </c>
      <c r="AQ25803">
        <v>16</v>
      </c>
    </row>
    <row r="25804" spans="1:43">
      <c r="A25804" t="s">
        <v>15969</v>
      </c>
      <c r="B25804" t="s">
        <v>15970</v>
      </c>
      <c r="C25804" t="s">
        <v>15967</v>
      </c>
      <c r="D25804" t="s">
        <v>15968</v>
      </c>
      <c r="E25804" t="s">
        <v>15891</v>
      </c>
      <c r="F25804" t="s">
        <v>15892</v>
      </c>
      <c r="G25804" t="s">
        <v>10734</v>
      </c>
      <c r="H25804" t="s">
        <v>10735</v>
      </c>
      <c r="I25804" s="2">
        <v>1</v>
      </c>
      <c r="J25804" s="2">
        <v>0</v>
      </c>
      <c r="K25804" s="2">
        <v>0</v>
      </c>
      <c r="L25804" t="s">
        <v>120</v>
      </c>
      <c r="M25804" t="s">
        <v>89</v>
      </c>
      <c r="N25804" t="s">
        <v>90</v>
      </c>
      <c r="O25804" t="s">
        <v>85</v>
      </c>
      <c r="P25804" t="s">
        <v>86</v>
      </c>
      <c r="Q25804">
        <v>16</v>
      </c>
      <c r="R25804">
        <v>16</v>
      </c>
      <c r="S25804">
        <v>16</v>
      </c>
      <c r="T25804">
        <v>16</v>
      </c>
      <c r="U25804">
        <v>17</v>
      </c>
      <c r="V25804">
        <v>17</v>
      </c>
      <c r="W25804">
        <v>17</v>
      </c>
      <c r="X25804">
        <v>17</v>
      </c>
      <c r="Y25804">
        <v>17</v>
      </c>
      <c r="Z25804">
        <v>18</v>
      </c>
      <c r="AA25804">
        <v>18</v>
      </c>
      <c r="AB25804">
        <v>18</v>
      </c>
      <c r="AC25804">
        <v>18</v>
      </c>
      <c r="AD25804">
        <v>18</v>
      </c>
      <c r="AE25804">
        <v>18</v>
      </c>
      <c r="AF25804">
        <v>18</v>
      </c>
      <c r="AG25804">
        <v>18</v>
      </c>
      <c r="AH25804">
        <v>18</v>
      </c>
      <c r="AI25804">
        <v>18</v>
      </c>
      <c r="AJ25804">
        <v>18</v>
      </c>
      <c r="AK25804">
        <v>18</v>
      </c>
      <c r="AL25804">
        <v>18</v>
      </c>
      <c r="AM25804">
        <v>18</v>
      </c>
      <c r="AN25804">
        <v>18</v>
      </c>
      <c r="AO25804">
        <v>17</v>
      </c>
      <c r="AP25804">
        <v>17</v>
      </c>
      <c r="AQ25804">
        <v>17</v>
      </c>
    </row>
    <row r="25805" spans="1:43">
      <c r="A25805" t="s">
        <v>15969</v>
      </c>
      <c r="B25805" t="s">
        <v>15970</v>
      </c>
      <c r="C25805" t="s">
        <v>15967</v>
      </c>
      <c r="D25805" t="s">
        <v>15968</v>
      </c>
      <c r="E25805" t="s">
        <v>15891</v>
      </c>
      <c r="F25805" t="s">
        <v>15892</v>
      </c>
      <c r="G25805" t="s">
        <v>10734</v>
      </c>
      <c r="H25805" t="s">
        <v>10735</v>
      </c>
      <c r="I25805" s="2">
        <v>1</v>
      </c>
      <c r="J25805" s="2">
        <v>0</v>
      </c>
      <c r="K25805" s="2">
        <v>0</v>
      </c>
      <c r="L25805" t="s">
        <v>120</v>
      </c>
      <c r="M25805" t="s">
        <v>83</v>
      </c>
      <c r="N25805" t="s">
        <v>91</v>
      </c>
      <c r="O25805" t="s">
        <v>85</v>
      </c>
      <c r="P25805" t="s">
        <v>86</v>
      </c>
      <c r="Q25805">
        <v>16</v>
      </c>
      <c r="R25805">
        <v>17</v>
      </c>
      <c r="S25805">
        <v>17</v>
      </c>
      <c r="T25805">
        <v>17</v>
      </c>
      <c r="U25805">
        <v>17</v>
      </c>
      <c r="V25805">
        <v>17</v>
      </c>
      <c r="W25805">
        <v>17</v>
      </c>
      <c r="X25805">
        <v>17</v>
      </c>
      <c r="Y25805">
        <v>17</v>
      </c>
      <c r="Z25805">
        <v>18</v>
      </c>
      <c r="AA25805">
        <v>18</v>
      </c>
      <c r="AB25805">
        <v>18</v>
      </c>
      <c r="AC25805">
        <v>18</v>
      </c>
      <c r="AD25805">
        <v>18</v>
      </c>
      <c r="AE25805">
        <v>18</v>
      </c>
      <c r="AF25805">
        <v>18</v>
      </c>
      <c r="AG25805">
        <v>18</v>
      </c>
      <c r="AH25805">
        <v>18</v>
      </c>
      <c r="AI25805">
        <v>18</v>
      </c>
      <c r="AJ25805">
        <v>18</v>
      </c>
      <c r="AK25805">
        <v>18</v>
      </c>
      <c r="AL25805">
        <v>18</v>
      </c>
      <c r="AM25805">
        <v>18</v>
      </c>
      <c r="AN25805">
        <v>18</v>
      </c>
      <c r="AO25805">
        <v>18</v>
      </c>
      <c r="AP25805">
        <v>18</v>
      </c>
      <c r="AQ25805">
        <v>18</v>
      </c>
    </row>
    <row r="25806" spans="1:43">
      <c r="A25806" t="s">
        <v>15971</v>
      </c>
      <c r="B25806" t="s">
        <v>15972</v>
      </c>
      <c r="C25806" t="s">
        <v>15967</v>
      </c>
      <c r="D25806" t="s">
        <v>15968</v>
      </c>
      <c r="E25806" t="s">
        <v>15891</v>
      </c>
      <c r="F25806" t="s">
        <v>15892</v>
      </c>
      <c r="G25806" t="s">
        <v>10734</v>
      </c>
      <c r="H25806" t="s">
        <v>10735</v>
      </c>
      <c r="I25806" s="2">
        <v>1</v>
      </c>
      <c r="J25806" s="2">
        <v>0</v>
      </c>
      <c r="K25806" s="2">
        <v>0</v>
      </c>
      <c r="L25806" t="s">
        <v>120</v>
      </c>
      <c r="M25806" t="s">
        <v>83</v>
      </c>
      <c r="N25806" t="s">
        <v>84</v>
      </c>
      <c r="O25806" t="s">
        <v>85</v>
      </c>
      <c r="P25806" t="s">
        <v>86</v>
      </c>
      <c r="Q25806">
        <v>25</v>
      </c>
      <c r="R25806">
        <v>26</v>
      </c>
      <c r="S25806">
        <v>26</v>
      </c>
      <c r="T25806">
        <v>26</v>
      </c>
      <c r="U25806">
        <v>26</v>
      </c>
      <c r="V25806">
        <v>26</v>
      </c>
      <c r="W25806">
        <v>27</v>
      </c>
      <c r="X25806">
        <v>27</v>
      </c>
      <c r="Y25806">
        <v>27</v>
      </c>
      <c r="Z25806">
        <v>27</v>
      </c>
      <c r="AA25806">
        <v>27</v>
      </c>
      <c r="AB25806">
        <v>27</v>
      </c>
      <c r="AC25806">
        <v>28</v>
      </c>
      <c r="AD25806">
        <v>28</v>
      </c>
      <c r="AE25806">
        <v>28</v>
      </c>
      <c r="AF25806">
        <v>28</v>
      </c>
      <c r="AG25806">
        <v>28</v>
      </c>
      <c r="AH25806">
        <v>28</v>
      </c>
      <c r="AI25806">
        <v>29</v>
      </c>
      <c r="AJ25806">
        <v>29</v>
      </c>
      <c r="AK25806">
        <v>29</v>
      </c>
      <c r="AL25806">
        <v>29</v>
      </c>
      <c r="AM25806">
        <v>29</v>
      </c>
      <c r="AN25806">
        <v>29</v>
      </c>
      <c r="AO25806">
        <v>28</v>
      </c>
      <c r="AP25806">
        <v>28</v>
      </c>
      <c r="AQ25806">
        <v>28</v>
      </c>
    </row>
    <row r="25807" spans="1:43">
      <c r="A25807" t="s">
        <v>15971</v>
      </c>
      <c r="B25807" t="s">
        <v>15972</v>
      </c>
      <c r="C25807" t="s">
        <v>15967</v>
      </c>
      <c r="D25807" t="s">
        <v>15968</v>
      </c>
      <c r="E25807" t="s">
        <v>15891</v>
      </c>
      <c r="F25807" t="s">
        <v>15892</v>
      </c>
      <c r="G25807" t="s">
        <v>10734</v>
      </c>
      <c r="H25807" t="s">
        <v>10735</v>
      </c>
      <c r="I25807" s="2">
        <v>1</v>
      </c>
      <c r="J25807" s="2">
        <v>0</v>
      </c>
      <c r="K25807" s="2">
        <v>0</v>
      </c>
      <c r="L25807" t="s">
        <v>120</v>
      </c>
      <c r="M25807" t="s">
        <v>87</v>
      </c>
      <c r="N25807" t="s">
        <v>88</v>
      </c>
      <c r="O25807" t="s">
        <v>85</v>
      </c>
      <c r="P25807" t="s">
        <v>86</v>
      </c>
      <c r="Q25807">
        <v>25</v>
      </c>
      <c r="R25807">
        <v>25</v>
      </c>
      <c r="S25807">
        <v>25</v>
      </c>
      <c r="T25807">
        <v>25</v>
      </c>
      <c r="U25807">
        <v>25</v>
      </c>
      <c r="V25807">
        <v>25</v>
      </c>
      <c r="W25807">
        <v>25</v>
      </c>
      <c r="X25807">
        <v>25</v>
      </c>
      <c r="Y25807">
        <v>25</v>
      </c>
      <c r="Z25807">
        <v>25</v>
      </c>
      <c r="AA25807">
        <v>25</v>
      </c>
      <c r="AB25807">
        <v>25</v>
      </c>
      <c r="AC25807">
        <v>25</v>
      </c>
      <c r="AD25807">
        <v>25</v>
      </c>
      <c r="AE25807">
        <v>25</v>
      </c>
      <c r="AF25807">
        <v>25</v>
      </c>
      <c r="AG25807">
        <v>25</v>
      </c>
      <c r="AH25807">
        <v>25</v>
      </c>
      <c r="AI25807">
        <v>25</v>
      </c>
      <c r="AJ25807">
        <v>25</v>
      </c>
      <c r="AK25807">
        <v>25</v>
      </c>
      <c r="AL25807">
        <v>25</v>
      </c>
      <c r="AM25807">
        <v>25</v>
      </c>
      <c r="AN25807">
        <v>25</v>
      </c>
      <c r="AO25807">
        <v>25</v>
      </c>
      <c r="AP25807">
        <v>25</v>
      </c>
      <c r="AQ25807">
        <v>24</v>
      </c>
    </row>
    <row r="25808" spans="1:43">
      <c r="A25808" t="s">
        <v>15971</v>
      </c>
      <c r="B25808" t="s">
        <v>15972</v>
      </c>
      <c r="C25808" t="s">
        <v>15967</v>
      </c>
      <c r="D25808" t="s">
        <v>15968</v>
      </c>
      <c r="E25808" t="s">
        <v>15891</v>
      </c>
      <c r="F25808" t="s">
        <v>15892</v>
      </c>
      <c r="G25808" t="s">
        <v>10734</v>
      </c>
      <c r="H25808" t="s">
        <v>10735</v>
      </c>
      <c r="I25808" s="2">
        <v>1</v>
      </c>
      <c r="J25808" s="2">
        <v>0</v>
      </c>
      <c r="K25808" s="2">
        <v>0</v>
      </c>
      <c r="L25808" t="s">
        <v>120</v>
      </c>
      <c r="M25808" t="s">
        <v>89</v>
      </c>
      <c r="N25808" t="s">
        <v>90</v>
      </c>
      <c r="O25808" t="s">
        <v>85</v>
      </c>
      <c r="P25808" t="s">
        <v>86</v>
      </c>
      <c r="Q25808">
        <v>25</v>
      </c>
      <c r="R25808">
        <v>25</v>
      </c>
      <c r="S25808">
        <v>25</v>
      </c>
      <c r="T25808">
        <v>26</v>
      </c>
      <c r="U25808">
        <v>26</v>
      </c>
      <c r="V25808">
        <v>27</v>
      </c>
      <c r="W25808">
        <v>27</v>
      </c>
      <c r="X25808">
        <v>27</v>
      </c>
      <c r="Y25808">
        <v>28</v>
      </c>
      <c r="Z25808">
        <v>28</v>
      </c>
      <c r="AA25808">
        <v>28</v>
      </c>
      <c r="AB25808">
        <v>28</v>
      </c>
      <c r="AC25808">
        <v>29</v>
      </c>
      <c r="AD25808">
        <v>29</v>
      </c>
      <c r="AE25808">
        <v>29</v>
      </c>
      <c r="AF25808">
        <v>29</v>
      </c>
      <c r="AG25808">
        <v>29</v>
      </c>
      <c r="AH25808">
        <v>29</v>
      </c>
      <c r="AI25808">
        <v>29</v>
      </c>
      <c r="AJ25808">
        <v>28</v>
      </c>
      <c r="AK25808">
        <v>28</v>
      </c>
      <c r="AL25808">
        <v>28</v>
      </c>
      <c r="AM25808">
        <v>28</v>
      </c>
      <c r="AN25808">
        <v>28</v>
      </c>
      <c r="AO25808">
        <v>28</v>
      </c>
      <c r="AP25808">
        <v>28</v>
      </c>
      <c r="AQ25808">
        <v>28</v>
      </c>
    </row>
    <row r="25809" spans="1:43">
      <c r="A25809" t="s">
        <v>15971</v>
      </c>
      <c r="B25809" t="s">
        <v>15972</v>
      </c>
      <c r="C25809" t="s">
        <v>15967</v>
      </c>
      <c r="D25809" t="s">
        <v>15968</v>
      </c>
      <c r="E25809" t="s">
        <v>15891</v>
      </c>
      <c r="F25809" t="s">
        <v>15892</v>
      </c>
      <c r="G25809" t="s">
        <v>10734</v>
      </c>
      <c r="H25809" t="s">
        <v>10735</v>
      </c>
      <c r="I25809" s="2">
        <v>1</v>
      </c>
      <c r="J25809" s="2">
        <v>0</v>
      </c>
      <c r="K25809" s="2">
        <v>0</v>
      </c>
      <c r="L25809" t="s">
        <v>120</v>
      </c>
      <c r="M25809" t="s">
        <v>83</v>
      </c>
      <c r="N25809" t="s">
        <v>91</v>
      </c>
      <c r="O25809" t="s">
        <v>85</v>
      </c>
      <c r="P25809" t="s">
        <v>86</v>
      </c>
      <c r="Q25809">
        <v>25</v>
      </c>
      <c r="R25809">
        <v>26</v>
      </c>
      <c r="S25809">
        <v>26</v>
      </c>
      <c r="T25809">
        <v>26</v>
      </c>
      <c r="U25809">
        <v>26</v>
      </c>
      <c r="V25809">
        <v>26</v>
      </c>
      <c r="W25809">
        <v>27</v>
      </c>
      <c r="X25809">
        <v>27</v>
      </c>
      <c r="Y25809">
        <v>27</v>
      </c>
      <c r="Z25809">
        <v>27</v>
      </c>
      <c r="AA25809">
        <v>27</v>
      </c>
      <c r="AB25809">
        <v>27</v>
      </c>
      <c r="AC25809">
        <v>28</v>
      </c>
      <c r="AD25809">
        <v>28</v>
      </c>
      <c r="AE25809">
        <v>28</v>
      </c>
      <c r="AF25809">
        <v>28</v>
      </c>
      <c r="AG25809">
        <v>28</v>
      </c>
      <c r="AH25809">
        <v>28</v>
      </c>
      <c r="AI25809">
        <v>29</v>
      </c>
      <c r="AJ25809">
        <v>29</v>
      </c>
      <c r="AK25809">
        <v>29</v>
      </c>
      <c r="AL25809">
        <v>29</v>
      </c>
      <c r="AM25809">
        <v>29</v>
      </c>
      <c r="AN25809">
        <v>29</v>
      </c>
      <c r="AO25809">
        <v>28</v>
      </c>
      <c r="AP25809">
        <v>28</v>
      </c>
      <c r="AQ25809">
        <v>28</v>
      </c>
    </row>
    <row r="25810" spans="1:43">
      <c r="A25810" t="s">
        <v>15973</v>
      </c>
      <c r="B25810" t="s">
        <v>15974</v>
      </c>
      <c r="C25810" t="s">
        <v>15967</v>
      </c>
      <c r="D25810" t="s">
        <v>15968</v>
      </c>
      <c r="E25810" t="s">
        <v>15891</v>
      </c>
      <c r="F25810" t="s">
        <v>15892</v>
      </c>
      <c r="G25810" t="s">
        <v>10734</v>
      </c>
      <c r="H25810" t="s">
        <v>10735</v>
      </c>
      <c r="I25810" s="2">
        <v>1</v>
      </c>
      <c r="J25810" s="2">
        <v>0</v>
      </c>
      <c r="K25810" s="2">
        <v>0</v>
      </c>
      <c r="L25810" t="s">
        <v>120</v>
      </c>
      <c r="M25810" t="s">
        <v>83</v>
      </c>
      <c r="N25810" t="s">
        <v>84</v>
      </c>
      <c r="O25810" t="s">
        <v>85</v>
      </c>
      <c r="P25810" t="s">
        <v>86</v>
      </c>
      <c r="Q25810">
        <v>16</v>
      </c>
      <c r="R25810">
        <v>16</v>
      </c>
      <c r="S25810">
        <v>16</v>
      </c>
      <c r="T25810">
        <v>16</v>
      </c>
      <c r="U25810">
        <v>16</v>
      </c>
      <c r="V25810">
        <v>16</v>
      </c>
      <c r="W25810">
        <v>17</v>
      </c>
      <c r="X25810">
        <v>17</v>
      </c>
      <c r="Y25810">
        <v>17</v>
      </c>
      <c r="Z25810">
        <v>17</v>
      </c>
      <c r="AA25810">
        <v>17</v>
      </c>
      <c r="AB25810">
        <v>17</v>
      </c>
      <c r="AC25810">
        <v>17</v>
      </c>
      <c r="AD25810">
        <v>17</v>
      </c>
      <c r="AE25810">
        <v>17</v>
      </c>
      <c r="AF25810">
        <v>17</v>
      </c>
      <c r="AG25810">
        <v>18</v>
      </c>
      <c r="AH25810">
        <v>18</v>
      </c>
      <c r="AI25810">
        <v>18</v>
      </c>
      <c r="AJ25810">
        <v>18</v>
      </c>
      <c r="AK25810">
        <v>18</v>
      </c>
      <c r="AL25810">
        <v>18</v>
      </c>
      <c r="AM25810">
        <v>18</v>
      </c>
      <c r="AN25810">
        <v>18</v>
      </c>
      <c r="AO25810">
        <v>18</v>
      </c>
      <c r="AP25810">
        <v>18</v>
      </c>
      <c r="AQ25810">
        <v>17</v>
      </c>
    </row>
    <row r="25811" spans="1:43">
      <c r="A25811" t="s">
        <v>15973</v>
      </c>
      <c r="B25811" t="s">
        <v>15974</v>
      </c>
      <c r="C25811" t="s">
        <v>15967</v>
      </c>
      <c r="D25811" t="s">
        <v>15968</v>
      </c>
      <c r="E25811" t="s">
        <v>15891</v>
      </c>
      <c r="F25811" t="s">
        <v>15892</v>
      </c>
      <c r="G25811" t="s">
        <v>10734</v>
      </c>
      <c r="H25811" t="s">
        <v>10735</v>
      </c>
      <c r="I25811" s="2">
        <v>1</v>
      </c>
      <c r="J25811" s="2">
        <v>0</v>
      </c>
      <c r="K25811" s="2">
        <v>0</v>
      </c>
      <c r="L25811" t="s">
        <v>120</v>
      </c>
      <c r="M25811" t="s">
        <v>87</v>
      </c>
      <c r="N25811" t="s">
        <v>88</v>
      </c>
      <c r="O25811" t="s">
        <v>85</v>
      </c>
      <c r="P25811" t="s">
        <v>86</v>
      </c>
      <c r="Q25811">
        <v>16</v>
      </c>
      <c r="R25811">
        <v>16</v>
      </c>
      <c r="S25811">
        <v>16</v>
      </c>
      <c r="T25811">
        <v>16</v>
      </c>
      <c r="U25811">
        <v>16</v>
      </c>
      <c r="V25811">
        <v>16</v>
      </c>
      <c r="W25811">
        <v>16</v>
      </c>
      <c r="X25811">
        <v>16</v>
      </c>
      <c r="Y25811">
        <v>16</v>
      </c>
      <c r="Z25811">
        <v>16</v>
      </c>
      <c r="AA25811">
        <v>16</v>
      </c>
      <c r="AB25811">
        <v>15</v>
      </c>
      <c r="AC25811">
        <v>15</v>
      </c>
      <c r="AD25811">
        <v>15</v>
      </c>
      <c r="AE25811">
        <v>15</v>
      </c>
      <c r="AF25811">
        <v>15</v>
      </c>
      <c r="AG25811">
        <v>15</v>
      </c>
      <c r="AH25811">
        <v>15</v>
      </c>
      <c r="AI25811">
        <v>15</v>
      </c>
      <c r="AJ25811">
        <v>15</v>
      </c>
      <c r="AK25811">
        <v>15</v>
      </c>
      <c r="AL25811">
        <v>15</v>
      </c>
      <c r="AM25811">
        <v>15</v>
      </c>
      <c r="AN25811">
        <v>15</v>
      </c>
      <c r="AO25811">
        <v>15</v>
      </c>
      <c r="AP25811">
        <v>15</v>
      </c>
      <c r="AQ25811">
        <v>15</v>
      </c>
    </row>
    <row r="25812" spans="1:43">
      <c r="A25812" t="s">
        <v>15973</v>
      </c>
      <c r="B25812" t="s">
        <v>15974</v>
      </c>
      <c r="C25812" t="s">
        <v>15967</v>
      </c>
      <c r="D25812" t="s">
        <v>15968</v>
      </c>
      <c r="E25812" t="s">
        <v>15891</v>
      </c>
      <c r="F25812" t="s">
        <v>15892</v>
      </c>
      <c r="G25812" t="s">
        <v>10734</v>
      </c>
      <c r="H25812" t="s">
        <v>10735</v>
      </c>
      <c r="I25812" s="2">
        <v>1</v>
      </c>
      <c r="J25812" s="2">
        <v>0</v>
      </c>
      <c r="K25812" s="2">
        <v>0</v>
      </c>
      <c r="L25812" t="s">
        <v>120</v>
      </c>
      <c r="M25812" t="s">
        <v>89</v>
      </c>
      <c r="N25812" t="s">
        <v>90</v>
      </c>
      <c r="O25812" t="s">
        <v>85</v>
      </c>
      <c r="P25812" t="s">
        <v>86</v>
      </c>
      <c r="Q25812">
        <v>16</v>
      </c>
      <c r="R25812">
        <v>16</v>
      </c>
      <c r="S25812">
        <v>16</v>
      </c>
      <c r="T25812">
        <v>17</v>
      </c>
      <c r="U25812">
        <v>17</v>
      </c>
      <c r="V25812">
        <v>17</v>
      </c>
      <c r="W25812">
        <v>17</v>
      </c>
      <c r="X25812">
        <v>18</v>
      </c>
      <c r="Y25812">
        <v>18</v>
      </c>
      <c r="Z25812">
        <v>18</v>
      </c>
      <c r="AA25812">
        <v>18</v>
      </c>
      <c r="AB25812">
        <v>18</v>
      </c>
      <c r="AC25812">
        <v>18</v>
      </c>
      <c r="AD25812">
        <v>18</v>
      </c>
      <c r="AE25812">
        <v>19</v>
      </c>
      <c r="AF25812">
        <v>18</v>
      </c>
      <c r="AG25812">
        <v>18</v>
      </c>
      <c r="AH25812">
        <v>18</v>
      </c>
      <c r="AI25812">
        <v>18</v>
      </c>
      <c r="AJ25812">
        <v>18</v>
      </c>
      <c r="AK25812">
        <v>18</v>
      </c>
      <c r="AL25812">
        <v>18</v>
      </c>
      <c r="AM25812">
        <v>18</v>
      </c>
      <c r="AN25812">
        <v>18</v>
      </c>
      <c r="AO25812">
        <v>18</v>
      </c>
      <c r="AP25812">
        <v>18</v>
      </c>
      <c r="AQ25812">
        <v>18</v>
      </c>
    </row>
    <row r="25813" spans="1:43">
      <c r="A25813" t="s">
        <v>15973</v>
      </c>
      <c r="B25813" t="s">
        <v>15974</v>
      </c>
      <c r="C25813" t="s">
        <v>15967</v>
      </c>
      <c r="D25813" t="s">
        <v>15968</v>
      </c>
      <c r="E25813" t="s">
        <v>15891</v>
      </c>
      <c r="F25813" t="s">
        <v>15892</v>
      </c>
      <c r="G25813" t="s">
        <v>10734</v>
      </c>
      <c r="H25813" t="s">
        <v>10735</v>
      </c>
      <c r="I25813" s="2">
        <v>1</v>
      </c>
      <c r="J25813" s="2">
        <v>0</v>
      </c>
      <c r="K25813" s="2">
        <v>0</v>
      </c>
      <c r="L25813" t="s">
        <v>120</v>
      </c>
      <c r="M25813" t="s">
        <v>83</v>
      </c>
      <c r="N25813" t="s">
        <v>91</v>
      </c>
      <c r="O25813" t="s">
        <v>85</v>
      </c>
      <c r="P25813" t="s">
        <v>86</v>
      </c>
      <c r="Q25813">
        <v>16</v>
      </c>
      <c r="R25813">
        <v>16</v>
      </c>
      <c r="S25813">
        <v>16</v>
      </c>
      <c r="T25813">
        <v>16</v>
      </c>
      <c r="U25813">
        <v>16</v>
      </c>
      <c r="V25813">
        <v>16</v>
      </c>
      <c r="W25813">
        <v>17</v>
      </c>
      <c r="X25813">
        <v>17</v>
      </c>
      <c r="Y25813">
        <v>17</v>
      </c>
      <c r="Z25813">
        <v>17</v>
      </c>
      <c r="AA25813">
        <v>17</v>
      </c>
      <c r="AB25813">
        <v>17</v>
      </c>
      <c r="AC25813">
        <v>17</v>
      </c>
      <c r="AD25813">
        <v>17</v>
      </c>
      <c r="AE25813">
        <v>17</v>
      </c>
      <c r="AF25813">
        <v>17</v>
      </c>
      <c r="AG25813">
        <v>18</v>
      </c>
      <c r="AH25813">
        <v>18</v>
      </c>
      <c r="AI25813">
        <v>18</v>
      </c>
      <c r="AJ25813">
        <v>18</v>
      </c>
      <c r="AK25813">
        <v>18</v>
      </c>
      <c r="AL25813">
        <v>18</v>
      </c>
      <c r="AM25813">
        <v>18</v>
      </c>
      <c r="AN25813">
        <v>18</v>
      </c>
      <c r="AO25813">
        <v>18</v>
      </c>
      <c r="AP25813">
        <v>18</v>
      </c>
      <c r="AQ25813">
        <v>17</v>
      </c>
    </row>
    <row r="25814" spans="1:43">
      <c r="A25814" t="s">
        <v>15975</v>
      </c>
      <c r="B25814" t="s">
        <v>15976</v>
      </c>
      <c r="C25814" t="s">
        <v>15967</v>
      </c>
      <c r="D25814" t="s">
        <v>15968</v>
      </c>
      <c r="E25814" t="s">
        <v>15891</v>
      </c>
      <c r="F25814" t="s">
        <v>15892</v>
      </c>
      <c r="G25814" t="s">
        <v>10734</v>
      </c>
      <c r="H25814" t="s">
        <v>10735</v>
      </c>
      <c r="I25814" s="2">
        <v>1</v>
      </c>
      <c r="J25814" s="2">
        <v>0</v>
      </c>
      <c r="K25814" s="2">
        <v>0</v>
      </c>
      <c r="L25814" t="s">
        <v>120</v>
      </c>
      <c r="M25814" t="s">
        <v>83</v>
      </c>
      <c r="N25814" t="s">
        <v>84</v>
      </c>
      <c r="O25814" t="s">
        <v>85</v>
      </c>
      <c r="P25814" t="s">
        <v>86</v>
      </c>
      <c r="Q25814">
        <v>22</v>
      </c>
      <c r="R25814">
        <v>22</v>
      </c>
      <c r="S25814">
        <v>22</v>
      </c>
      <c r="T25814">
        <v>22</v>
      </c>
      <c r="U25814">
        <v>23</v>
      </c>
      <c r="V25814">
        <v>23</v>
      </c>
      <c r="W25814">
        <v>23</v>
      </c>
      <c r="X25814">
        <v>23</v>
      </c>
      <c r="Y25814">
        <v>23</v>
      </c>
      <c r="Z25814">
        <v>23</v>
      </c>
      <c r="AA25814">
        <v>24</v>
      </c>
      <c r="AB25814">
        <v>24</v>
      </c>
      <c r="AC25814">
        <v>24</v>
      </c>
      <c r="AD25814">
        <v>24</v>
      </c>
      <c r="AE25814">
        <v>24</v>
      </c>
      <c r="AF25814">
        <v>24</v>
      </c>
      <c r="AG25814">
        <v>24</v>
      </c>
      <c r="AH25814">
        <v>25</v>
      </c>
      <c r="AI25814">
        <v>25</v>
      </c>
      <c r="AJ25814">
        <v>25</v>
      </c>
      <c r="AK25814">
        <v>25</v>
      </c>
      <c r="AL25814">
        <v>25</v>
      </c>
      <c r="AM25814">
        <v>25</v>
      </c>
      <c r="AN25814">
        <v>25</v>
      </c>
      <c r="AO25814">
        <v>25</v>
      </c>
      <c r="AP25814">
        <v>25</v>
      </c>
      <c r="AQ25814">
        <v>25</v>
      </c>
    </row>
    <row r="25815" spans="1:43">
      <c r="A25815" t="s">
        <v>15975</v>
      </c>
      <c r="B25815" t="s">
        <v>15976</v>
      </c>
      <c r="C25815" t="s">
        <v>15967</v>
      </c>
      <c r="D25815" t="s">
        <v>15968</v>
      </c>
      <c r="E25815" t="s">
        <v>15891</v>
      </c>
      <c r="F25815" t="s">
        <v>15892</v>
      </c>
      <c r="G25815" t="s">
        <v>10734</v>
      </c>
      <c r="H25815" t="s">
        <v>10735</v>
      </c>
      <c r="I25815" s="2">
        <v>1</v>
      </c>
      <c r="J25815" s="2">
        <v>0</v>
      </c>
      <c r="K25815" s="2">
        <v>0</v>
      </c>
      <c r="L25815" t="s">
        <v>120</v>
      </c>
      <c r="M25815" t="s">
        <v>87</v>
      </c>
      <c r="N25815" t="s">
        <v>88</v>
      </c>
      <c r="O25815" t="s">
        <v>85</v>
      </c>
      <c r="P25815" t="s">
        <v>86</v>
      </c>
      <c r="Q25815">
        <v>22</v>
      </c>
      <c r="R25815">
        <v>22</v>
      </c>
      <c r="S25815">
        <v>22</v>
      </c>
      <c r="T25815">
        <v>22</v>
      </c>
      <c r="U25815">
        <v>22</v>
      </c>
      <c r="V25815">
        <v>22</v>
      </c>
      <c r="W25815">
        <v>22</v>
      </c>
      <c r="X25815">
        <v>21</v>
      </c>
      <c r="Y25815">
        <v>21</v>
      </c>
      <c r="Z25815">
        <v>21</v>
      </c>
      <c r="AA25815">
        <v>21</v>
      </c>
      <c r="AB25815">
        <v>21</v>
      </c>
      <c r="AC25815">
        <v>21</v>
      </c>
      <c r="AD25815">
        <v>21</v>
      </c>
      <c r="AE25815">
        <v>21</v>
      </c>
      <c r="AF25815">
        <v>21</v>
      </c>
      <c r="AG25815">
        <v>21</v>
      </c>
      <c r="AH25815">
        <v>21</v>
      </c>
      <c r="AI25815">
        <v>21</v>
      </c>
      <c r="AJ25815">
        <v>21</v>
      </c>
      <c r="AK25815">
        <v>21</v>
      </c>
      <c r="AL25815">
        <v>21</v>
      </c>
      <c r="AM25815">
        <v>21</v>
      </c>
      <c r="AN25815">
        <v>21</v>
      </c>
      <c r="AO25815">
        <v>21</v>
      </c>
      <c r="AP25815">
        <v>21</v>
      </c>
      <c r="AQ25815">
        <v>21</v>
      </c>
    </row>
    <row r="25816" spans="1:43">
      <c r="A25816" t="s">
        <v>15975</v>
      </c>
      <c r="B25816" t="s">
        <v>15976</v>
      </c>
      <c r="C25816" t="s">
        <v>15967</v>
      </c>
      <c r="D25816" t="s">
        <v>15968</v>
      </c>
      <c r="E25816" t="s">
        <v>15891</v>
      </c>
      <c r="F25816" t="s">
        <v>15892</v>
      </c>
      <c r="G25816" t="s">
        <v>10734</v>
      </c>
      <c r="H25816" t="s">
        <v>10735</v>
      </c>
      <c r="I25816" s="2">
        <v>1</v>
      </c>
      <c r="J25816" s="2">
        <v>0</v>
      </c>
      <c r="K25816" s="2">
        <v>0</v>
      </c>
      <c r="L25816" t="s">
        <v>120</v>
      </c>
      <c r="M25816" t="s">
        <v>89</v>
      </c>
      <c r="N25816" t="s">
        <v>90</v>
      </c>
      <c r="O25816" t="s">
        <v>85</v>
      </c>
      <c r="P25816" t="s">
        <v>86</v>
      </c>
      <c r="Q25816">
        <v>22</v>
      </c>
      <c r="R25816">
        <v>22</v>
      </c>
      <c r="S25816">
        <v>23</v>
      </c>
      <c r="T25816">
        <v>23</v>
      </c>
      <c r="U25816">
        <v>23</v>
      </c>
      <c r="V25816">
        <v>24</v>
      </c>
      <c r="W25816">
        <v>24</v>
      </c>
      <c r="X25816">
        <v>24</v>
      </c>
      <c r="Y25816">
        <v>25</v>
      </c>
      <c r="Z25816">
        <v>25</v>
      </c>
      <c r="AA25816">
        <v>25</v>
      </c>
      <c r="AB25816">
        <v>25</v>
      </c>
      <c r="AC25816">
        <v>26</v>
      </c>
      <c r="AD25816">
        <v>26</v>
      </c>
      <c r="AE25816">
        <v>26</v>
      </c>
      <c r="AF25816">
        <v>26</v>
      </c>
      <c r="AG25816">
        <v>26</v>
      </c>
      <c r="AH25816">
        <v>26</v>
      </c>
      <c r="AI25816">
        <v>26</v>
      </c>
      <c r="AJ25816">
        <v>26</v>
      </c>
      <c r="AK25816">
        <v>25</v>
      </c>
      <c r="AL25816">
        <v>25</v>
      </c>
      <c r="AM25816">
        <v>25</v>
      </c>
      <c r="AN25816">
        <v>25</v>
      </c>
      <c r="AO25816">
        <v>25</v>
      </c>
      <c r="AP25816">
        <v>25</v>
      </c>
      <c r="AQ25816">
        <v>25</v>
      </c>
    </row>
    <row r="25817" spans="1:43">
      <c r="A25817" t="s">
        <v>15975</v>
      </c>
      <c r="B25817" t="s">
        <v>15976</v>
      </c>
      <c r="C25817" t="s">
        <v>15967</v>
      </c>
      <c r="D25817" t="s">
        <v>15968</v>
      </c>
      <c r="E25817" t="s">
        <v>15891</v>
      </c>
      <c r="F25817" t="s">
        <v>15892</v>
      </c>
      <c r="G25817" t="s">
        <v>10734</v>
      </c>
      <c r="H25817" t="s">
        <v>10735</v>
      </c>
      <c r="I25817" s="2">
        <v>1</v>
      </c>
      <c r="J25817" s="2">
        <v>0</v>
      </c>
      <c r="K25817" s="2">
        <v>0</v>
      </c>
      <c r="L25817" t="s">
        <v>120</v>
      </c>
      <c r="M25817" t="s">
        <v>83</v>
      </c>
      <c r="N25817" t="s">
        <v>91</v>
      </c>
      <c r="O25817" t="s">
        <v>85</v>
      </c>
      <c r="P25817" t="s">
        <v>86</v>
      </c>
      <c r="Q25817">
        <v>22</v>
      </c>
      <c r="R25817">
        <v>22</v>
      </c>
      <c r="S25817">
        <v>22</v>
      </c>
      <c r="T25817">
        <v>22</v>
      </c>
      <c r="U25817">
        <v>23</v>
      </c>
      <c r="V25817">
        <v>23</v>
      </c>
      <c r="W25817">
        <v>23</v>
      </c>
      <c r="X25817">
        <v>23</v>
      </c>
      <c r="Y25817">
        <v>23</v>
      </c>
      <c r="Z25817">
        <v>23</v>
      </c>
      <c r="AA25817">
        <v>24</v>
      </c>
      <c r="AB25817">
        <v>24</v>
      </c>
      <c r="AC25817">
        <v>24</v>
      </c>
      <c r="AD25817">
        <v>24</v>
      </c>
      <c r="AE25817">
        <v>24</v>
      </c>
      <c r="AF25817">
        <v>24</v>
      </c>
      <c r="AG25817">
        <v>24</v>
      </c>
      <c r="AH25817">
        <v>25</v>
      </c>
      <c r="AI25817">
        <v>25</v>
      </c>
      <c r="AJ25817">
        <v>25</v>
      </c>
      <c r="AK25817">
        <v>25</v>
      </c>
      <c r="AL25817">
        <v>25</v>
      </c>
      <c r="AM25817">
        <v>25</v>
      </c>
      <c r="AN25817">
        <v>25</v>
      </c>
      <c r="AO25817">
        <v>25</v>
      </c>
      <c r="AP25817">
        <v>25</v>
      </c>
      <c r="AQ25817">
        <v>25</v>
      </c>
    </row>
    <row r="25818" spans="1:43">
      <c r="A25818" t="s">
        <v>15977</v>
      </c>
      <c r="B25818" t="s">
        <v>15978</v>
      </c>
      <c r="C25818" t="s">
        <v>15979</v>
      </c>
      <c r="D25818" t="s">
        <v>15980</v>
      </c>
      <c r="E25818" t="s">
        <v>15891</v>
      </c>
      <c r="F25818" t="s">
        <v>15892</v>
      </c>
      <c r="G25818" t="s">
        <v>10734</v>
      </c>
      <c r="H25818" t="s">
        <v>10735</v>
      </c>
      <c r="I25818" s="2">
        <v>1</v>
      </c>
      <c r="J25818" s="2">
        <v>0</v>
      </c>
      <c r="K25818" s="2">
        <v>0</v>
      </c>
      <c r="L25818" t="s">
        <v>120</v>
      </c>
      <c r="M25818" t="s">
        <v>83</v>
      </c>
      <c r="N25818" t="s">
        <v>84</v>
      </c>
      <c r="O25818" t="s">
        <v>85</v>
      </c>
      <c r="P25818" t="s">
        <v>86</v>
      </c>
      <c r="Q25818">
        <v>21</v>
      </c>
      <c r="R25818">
        <v>22</v>
      </c>
      <c r="S25818">
        <v>22</v>
      </c>
      <c r="T25818">
        <v>22</v>
      </c>
      <c r="U25818">
        <v>22</v>
      </c>
      <c r="V25818">
        <v>22</v>
      </c>
      <c r="W25818">
        <v>22</v>
      </c>
      <c r="X25818">
        <v>23</v>
      </c>
      <c r="Y25818">
        <v>23</v>
      </c>
      <c r="Z25818">
        <v>23</v>
      </c>
      <c r="AA25818">
        <v>23</v>
      </c>
      <c r="AB25818">
        <v>23</v>
      </c>
      <c r="AC25818">
        <v>23</v>
      </c>
      <c r="AD25818">
        <v>23</v>
      </c>
      <c r="AE25818">
        <v>23</v>
      </c>
      <c r="AF25818">
        <v>24</v>
      </c>
      <c r="AG25818">
        <v>24</v>
      </c>
      <c r="AH25818">
        <v>24</v>
      </c>
      <c r="AI25818">
        <v>24</v>
      </c>
      <c r="AJ25818">
        <v>24</v>
      </c>
      <c r="AK25818">
        <v>24</v>
      </c>
      <c r="AL25818">
        <v>24</v>
      </c>
      <c r="AM25818">
        <v>24</v>
      </c>
      <c r="AN25818">
        <v>24</v>
      </c>
      <c r="AO25818">
        <v>24</v>
      </c>
      <c r="AP25818">
        <v>24</v>
      </c>
      <c r="AQ25818">
        <v>23</v>
      </c>
    </row>
    <row r="25819" spans="1:43">
      <c r="A25819" t="s">
        <v>15977</v>
      </c>
      <c r="B25819" t="s">
        <v>15978</v>
      </c>
      <c r="C25819" t="s">
        <v>15979</v>
      </c>
      <c r="D25819" t="s">
        <v>15980</v>
      </c>
      <c r="E25819" t="s">
        <v>15891</v>
      </c>
      <c r="F25819" t="s">
        <v>15892</v>
      </c>
      <c r="G25819" t="s">
        <v>10734</v>
      </c>
      <c r="H25819" t="s">
        <v>10735</v>
      </c>
      <c r="I25819" s="2">
        <v>1</v>
      </c>
      <c r="J25819" s="2">
        <v>0</v>
      </c>
      <c r="K25819" s="2">
        <v>0</v>
      </c>
      <c r="L25819" t="s">
        <v>120</v>
      </c>
      <c r="M25819" t="s">
        <v>87</v>
      </c>
      <c r="N25819" t="s">
        <v>88</v>
      </c>
      <c r="O25819" t="s">
        <v>85</v>
      </c>
      <c r="P25819" t="s">
        <v>86</v>
      </c>
      <c r="Q25819">
        <v>21</v>
      </c>
      <c r="R25819">
        <v>21</v>
      </c>
      <c r="S25819">
        <v>21</v>
      </c>
      <c r="T25819">
        <v>21</v>
      </c>
      <c r="U25819">
        <v>21</v>
      </c>
      <c r="V25819">
        <v>21</v>
      </c>
      <c r="W25819">
        <v>21</v>
      </c>
      <c r="X25819">
        <v>21</v>
      </c>
      <c r="Y25819">
        <v>21</v>
      </c>
      <c r="Z25819">
        <v>21</v>
      </c>
      <c r="AA25819">
        <v>21</v>
      </c>
      <c r="AB25819">
        <v>21</v>
      </c>
      <c r="AC25819">
        <v>21</v>
      </c>
      <c r="AD25819">
        <v>21</v>
      </c>
      <c r="AE25819">
        <v>21</v>
      </c>
      <c r="AF25819">
        <v>21</v>
      </c>
      <c r="AG25819">
        <v>21</v>
      </c>
      <c r="AH25819">
        <v>21</v>
      </c>
      <c r="AI25819">
        <v>21</v>
      </c>
      <c r="AJ25819">
        <v>21</v>
      </c>
      <c r="AK25819">
        <v>21</v>
      </c>
      <c r="AL25819">
        <v>21</v>
      </c>
      <c r="AM25819">
        <v>20</v>
      </c>
      <c r="AN25819">
        <v>20</v>
      </c>
      <c r="AO25819">
        <v>20</v>
      </c>
      <c r="AP25819">
        <v>20</v>
      </c>
      <c r="AQ25819">
        <v>20</v>
      </c>
    </row>
    <row r="25820" spans="1:43">
      <c r="A25820" t="s">
        <v>15977</v>
      </c>
      <c r="B25820" t="s">
        <v>15978</v>
      </c>
      <c r="C25820" t="s">
        <v>15979</v>
      </c>
      <c r="D25820" t="s">
        <v>15980</v>
      </c>
      <c r="E25820" t="s">
        <v>15891</v>
      </c>
      <c r="F25820" t="s">
        <v>15892</v>
      </c>
      <c r="G25820" t="s">
        <v>10734</v>
      </c>
      <c r="H25820" t="s">
        <v>10735</v>
      </c>
      <c r="I25820" s="2">
        <v>1</v>
      </c>
      <c r="J25820" s="2">
        <v>0</v>
      </c>
      <c r="K25820" s="2">
        <v>0</v>
      </c>
      <c r="L25820" t="s">
        <v>120</v>
      </c>
      <c r="M25820" t="s">
        <v>89</v>
      </c>
      <c r="N25820" t="s">
        <v>90</v>
      </c>
      <c r="O25820" t="s">
        <v>85</v>
      </c>
      <c r="P25820" t="s">
        <v>86</v>
      </c>
      <c r="Q25820">
        <v>21</v>
      </c>
      <c r="R25820">
        <v>21</v>
      </c>
      <c r="S25820">
        <v>21</v>
      </c>
      <c r="T25820">
        <v>22</v>
      </c>
      <c r="U25820">
        <v>22</v>
      </c>
      <c r="V25820">
        <v>22</v>
      </c>
      <c r="W25820">
        <v>23</v>
      </c>
      <c r="X25820">
        <v>23</v>
      </c>
      <c r="Y25820">
        <v>23</v>
      </c>
      <c r="Z25820">
        <v>23</v>
      </c>
      <c r="AA25820">
        <v>23</v>
      </c>
      <c r="AB25820">
        <v>24</v>
      </c>
      <c r="AC25820">
        <v>24</v>
      </c>
      <c r="AD25820">
        <v>24</v>
      </c>
      <c r="AE25820">
        <v>24</v>
      </c>
      <c r="AF25820">
        <v>24</v>
      </c>
      <c r="AG25820">
        <v>24</v>
      </c>
      <c r="AH25820">
        <v>24</v>
      </c>
      <c r="AI25820">
        <v>24</v>
      </c>
      <c r="AJ25820">
        <v>24</v>
      </c>
      <c r="AK25820">
        <v>23</v>
      </c>
      <c r="AL25820">
        <v>23</v>
      </c>
      <c r="AM25820">
        <v>23</v>
      </c>
      <c r="AN25820">
        <v>23</v>
      </c>
      <c r="AO25820">
        <v>23</v>
      </c>
      <c r="AP25820">
        <v>23</v>
      </c>
      <c r="AQ25820">
        <v>23</v>
      </c>
    </row>
    <row r="25821" spans="1:43">
      <c r="A25821" t="s">
        <v>15977</v>
      </c>
      <c r="B25821" t="s">
        <v>15978</v>
      </c>
      <c r="C25821" t="s">
        <v>15979</v>
      </c>
      <c r="D25821" t="s">
        <v>15980</v>
      </c>
      <c r="E25821" t="s">
        <v>15891</v>
      </c>
      <c r="F25821" t="s">
        <v>15892</v>
      </c>
      <c r="G25821" t="s">
        <v>10734</v>
      </c>
      <c r="H25821" t="s">
        <v>10735</v>
      </c>
      <c r="I25821" s="2">
        <v>1</v>
      </c>
      <c r="J25821" s="2">
        <v>0</v>
      </c>
      <c r="K25821" s="2">
        <v>0</v>
      </c>
      <c r="L25821" t="s">
        <v>120</v>
      </c>
      <c r="M25821" t="s">
        <v>83</v>
      </c>
      <c r="N25821" t="s">
        <v>91</v>
      </c>
      <c r="O25821" t="s">
        <v>85</v>
      </c>
      <c r="P25821" t="s">
        <v>86</v>
      </c>
      <c r="Q25821">
        <v>21</v>
      </c>
      <c r="R25821">
        <v>22</v>
      </c>
      <c r="S25821">
        <v>22</v>
      </c>
      <c r="T25821">
        <v>22</v>
      </c>
      <c r="U25821">
        <v>22</v>
      </c>
      <c r="V25821">
        <v>22</v>
      </c>
      <c r="W25821">
        <v>22</v>
      </c>
      <c r="X25821">
        <v>23</v>
      </c>
      <c r="Y25821">
        <v>23</v>
      </c>
      <c r="Z25821">
        <v>23</v>
      </c>
      <c r="AA25821">
        <v>23</v>
      </c>
      <c r="AB25821">
        <v>23</v>
      </c>
      <c r="AC25821">
        <v>23</v>
      </c>
      <c r="AD25821">
        <v>23</v>
      </c>
      <c r="AE25821">
        <v>23</v>
      </c>
      <c r="AF25821">
        <v>24</v>
      </c>
      <c r="AG25821">
        <v>24</v>
      </c>
      <c r="AH25821">
        <v>24</v>
      </c>
      <c r="AI25821">
        <v>24</v>
      </c>
      <c r="AJ25821">
        <v>24</v>
      </c>
      <c r="AK25821">
        <v>24</v>
      </c>
      <c r="AL25821">
        <v>24</v>
      </c>
      <c r="AM25821">
        <v>24</v>
      </c>
      <c r="AN25821">
        <v>24</v>
      </c>
      <c r="AO25821">
        <v>24</v>
      </c>
      <c r="AP25821">
        <v>24</v>
      </c>
      <c r="AQ25821">
        <v>23</v>
      </c>
    </row>
    <row r="25822" spans="1:43">
      <c r="A25822" t="s">
        <v>15981</v>
      </c>
      <c r="B25822" t="s">
        <v>15982</v>
      </c>
      <c r="C25822" t="s">
        <v>15979</v>
      </c>
      <c r="D25822" t="s">
        <v>15980</v>
      </c>
      <c r="E25822" t="s">
        <v>15891</v>
      </c>
      <c r="F25822" t="s">
        <v>15892</v>
      </c>
      <c r="G25822" t="s">
        <v>10734</v>
      </c>
      <c r="H25822" t="s">
        <v>10735</v>
      </c>
      <c r="I25822" s="2">
        <v>1</v>
      </c>
      <c r="J25822" s="2">
        <v>0</v>
      </c>
      <c r="K25822" s="2">
        <v>0</v>
      </c>
      <c r="L25822" t="s">
        <v>120</v>
      </c>
      <c r="M25822" t="s">
        <v>83</v>
      </c>
      <c r="N25822" t="s">
        <v>84</v>
      </c>
      <c r="O25822" t="s">
        <v>85</v>
      </c>
      <c r="P25822" t="s">
        <v>86</v>
      </c>
      <c r="Q25822">
        <v>28</v>
      </c>
      <c r="R25822">
        <v>28</v>
      </c>
      <c r="S25822">
        <v>28</v>
      </c>
      <c r="T25822">
        <v>29</v>
      </c>
      <c r="U25822">
        <v>29</v>
      </c>
      <c r="V25822">
        <v>29</v>
      </c>
      <c r="W25822">
        <v>29</v>
      </c>
      <c r="X25822">
        <v>29</v>
      </c>
      <c r="Y25822">
        <v>30</v>
      </c>
      <c r="Z25822">
        <v>30</v>
      </c>
      <c r="AA25822">
        <v>30</v>
      </c>
      <c r="AB25822">
        <v>30</v>
      </c>
      <c r="AC25822">
        <v>30</v>
      </c>
      <c r="AD25822">
        <v>30</v>
      </c>
      <c r="AE25822">
        <v>30</v>
      </c>
      <c r="AF25822">
        <v>31</v>
      </c>
      <c r="AG25822">
        <v>31</v>
      </c>
      <c r="AH25822">
        <v>31</v>
      </c>
      <c r="AI25822">
        <v>31</v>
      </c>
      <c r="AJ25822">
        <v>31</v>
      </c>
      <c r="AK25822">
        <v>31</v>
      </c>
      <c r="AL25822">
        <v>31</v>
      </c>
      <c r="AM25822">
        <v>31</v>
      </c>
      <c r="AN25822">
        <v>31</v>
      </c>
      <c r="AO25822">
        <v>31</v>
      </c>
      <c r="AP25822">
        <v>31</v>
      </c>
      <c r="AQ25822">
        <v>30</v>
      </c>
    </row>
    <row r="25823" spans="1:43">
      <c r="A25823" t="s">
        <v>15981</v>
      </c>
      <c r="B25823" t="s">
        <v>15982</v>
      </c>
      <c r="C25823" t="s">
        <v>15979</v>
      </c>
      <c r="D25823" t="s">
        <v>15980</v>
      </c>
      <c r="E25823" t="s">
        <v>15891</v>
      </c>
      <c r="F25823" t="s">
        <v>15892</v>
      </c>
      <c r="G25823" t="s">
        <v>10734</v>
      </c>
      <c r="H25823" t="s">
        <v>10735</v>
      </c>
      <c r="I25823" s="2">
        <v>1</v>
      </c>
      <c r="J25823" s="2">
        <v>0</v>
      </c>
      <c r="K25823" s="2">
        <v>0</v>
      </c>
      <c r="L25823" t="s">
        <v>120</v>
      </c>
      <c r="M25823" t="s">
        <v>87</v>
      </c>
      <c r="N25823" t="s">
        <v>88</v>
      </c>
      <c r="O25823" t="s">
        <v>85</v>
      </c>
      <c r="P25823" t="s">
        <v>86</v>
      </c>
      <c r="Q25823">
        <v>28</v>
      </c>
      <c r="R25823">
        <v>28</v>
      </c>
      <c r="S25823">
        <v>28</v>
      </c>
      <c r="T25823">
        <v>28</v>
      </c>
      <c r="U25823">
        <v>27</v>
      </c>
      <c r="V25823">
        <v>27</v>
      </c>
      <c r="W25823">
        <v>27</v>
      </c>
      <c r="X25823">
        <v>27</v>
      </c>
      <c r="Y25823">
        <v>27</v>
      </c>
      <c r="Z25823">
        <v>27</v>
      </c>
      <c r="AA25823">
        <v>27</v>
      </c>
      <c r="AB25823">
        <v>27</v>
      </c>
      <c r="AC25823">
        <v>27</v>
      </c>
      <c r="AD25823">
        <v>27</v>
      </c>
      <c r="AE25823">
        <v>27</v>
      </c>
      <c r="AF25823">
        <v>27</v>
      </c>
      <c r="AG25823">
        <v>27</v>
      </c>
      <c r="AH25823">
        <v>27</v>
      </c>
      <c r="AI25823">
        <v>27</v>
      </c>
      <c r="AJ25823">
        <v>27</v>
      </c>
      <c r="AK25823">
        <v>27</v>
      </c>
      <c r="AL25823">
        <v>27</v>
      </c>
      <c r="AM25823">
        <v>27</v>
      </c>
      <c r="AN25823">
        <v>27</v>
      </c>
      <c r="AO25823">
        <v>26</v>
      </c>
      <c r="AP25823">
        <v>26</v>
      </c>
      <c r="AQ25823">
        <v>26</v>
      </c>
    </row>
    <row r="25824" spans="1:43">
      <c r="A25824" t="s">
        <v>15981</v>
      </c>
      <c r="B25824" t="s">
        <v>15982</v>
      </c>
      <c r="C25824" t="s">
        <v>15979</v>
      </c>
      <c r="D25824" t="s">
        <v>15980</v>
      </c>
      <c r="E25824" t="s">
        <v>15891</v>
      </c>
      <c r="F25824" t="s">
        <v>15892</v>
      </c>
      <c r="G25824" t="s">
        <v>10734</v>
      </c>
      <c r="H25824" t="s">
        <v>10735</v>
      </c>
      <c r="I25824" s="2">
        <v>1</v>
      </c>
      <c r="J25824" s="2">
        <v>0</v>
      </c>
      <c r="K25824" s="2">
        <v>0</v>
      </c>
      <c r="L25824" t="s">
        <v>120</v>
      </c>
      <c r="M25824" t="s">
        <v>89</v>
      </c>
      <c r="N25824" t="s">
        <v>90</v>
      </c>
      <c r="O25824" t="s">
        <v>85</v>
      </c>
      <c r="P25824" t="s">
        <v>86</v>
      </c>
      <c r="Q25824">
        <v>28</v>
      </c>
      <c r="R25824">
        <v>29</v>
      </c>
      <c r="S25824">
        <v>29</v>
      </c>
      <c r="T25824">
        <v>29</v>
      </c>
      <c r="U25824">
        <v>30</v>
      </c>
      <c r="V25824">
        <v>30</v>
      </c>
      <c r="W25824">
        <v>31</v>
      </c>
      <c r="X25824">
        <v>31</v>
      </c>
      <c r="Y25824">
        <v>31</v>
      </c>
      <c r="Z25824">
        <v>32</v>
      </c>
      <c r="AA25824">
        <v>32</v>
      </c>
      <c r="AB25824">
        <v>32</v>
      </c>
      <c r="AC25824">
        <v>32</v>
      </c>
      <c r="AD25824">
        <v>33</v>
      </c>
      <c r="AE25824">
        <v>33</v>
      </c>
      <c r="AF25824">
        <v>32</v>
      </c>
      <c r="AG25824">
        <v>32</v>
      </c>
      <c r="AH25824">
        <v>32</v>
      </c>
      <c r="AI25824">
        <v>32</v>
      </c>
      <c r="AJ25824">
        <v>32</v>
      </c>
      <c r="AK25824">
        <v>32</v>
      </c>
      <c r="AL25824">
        <v>32</v>
      </c>
      <c r="AM25824">
        <v>31</v>
      </c>
      <c r="AN25824">
        <v>31</v>
      </c>
      <c r="AO25824">
        <v>31</v>
      </c>
      <c r="AP25824">
        <v>31</v>
      </c>
      <c r="AQ25824">
        <v>31</v>
      </c>
    </row>
    <row r="25825" spans="1:43">
      <c r="A25825" t="s">
        <v>15981</v>
      </c>
      <c r="B25825" t="s">
        <v>15982</v>
      </c>
      <c r="C25825" t="s">
        <v>15979</v>
      </c>
      <c r="D25825" t="s">
        <v>15980</v>
      </c>
      <c r="E25825" t="s">
        <v>15891</v>
      </c>
      <c r="F25825" t="s">
        <v>15892</v>
      </c>
      <c r="G25825" t="s">
        <v>10734</v>
      </c>
      <c r="H25825" t="s">
        <v>10735</v>
      </c>
      <c r="I25825" s="2">
        <v>1</v>
      </c>
      <c r="J25825" s="2">
        <v>0</v>
      </c>
      <c r="K25825" s="2">
        <v>0</v>
      </c>
      <c r="L25825" t="s">
        <v>120</v>
      </c>
      <c r="M25825" t="s">
        <v>83</v>
      </c>
      <c r="N25825" t="s">
        <v>91</v>
      </c>
      <c r="O25825" t="s">
        <v>85</v>
      </c>
      <c r="P25825" t="s">
        <v>86</v>
      </c>
      <c r="Q25825">
        <v>28</v>
      </c>
      <c r="R25825">
        <v>28</v>
      </c>
      <c r="S25825">
        <v>28</v>
      </c>
      <c r="T25825">
        <v>29</v>
      </c>
      <c r="U25825">
        <v>29</v>
      </c>
      <c r="V25825">
        <v>29</v>
      </c>
      <c r="W25825">
        <v>29</v>
      </c>
      <c r="X25825">
        <v>29</v>
      </c>
      <c r="Y25825">
        <v>30</v>
      </c>
      <c r="Z25825">
        <v>30</v>
      </c>
      <c r="AA25825">
        <v>30</v>
      </c>
      <c r="AB25825">
        <v>30</v>
      </c>
      <c r="AC25825">
        <v>30</v>
      </c>
      <c r="AD25825">
        <v>30</v>
      </c>
      <c r="AE25825">
        <v>30</v>
      </c>
      <c r="AF25825">
        <v>31</v>
      </c>
      <c r="AG25825">
        <v>31</v>
      </c>
      <c r="AH25825">
        <v>31</v>
      </c>
      <c r="AI25825">
        <v>31</v>
      </c>
      <c r="AJ25825">
        <v>31</v>
      </c>
      <c r="AK25825">
        <v>31</v>
      </c>
      <c r="AL25825">
        <v>31</v>
      </c>
      <c r="AM25825">
        <v>31</v>
      </c>
      <c r="AN25825">
        <v>31</v>
      </c>
      <c r="AO25825">
        <v>31</v>
      </c>
      <c r="AP25825">
        <v>31</v>
      </c>
      <c r="AQ25825">
        <v>30</v>
      </c>
    </row>
    <row r="25826" spans="1:43">
      <c r="A25826" t="s">
        <v>15983</v>
      </c>
      <c r="B25826" t="s">
        <v>15984</v>
      </c>
      <c r="C25826" t="s">
        <v>15979</v>
      </c>
      <c r="D25826" t="s">
        <v>15980</v>
      </c>
      <c r="E25826" t="s">
        <v>15891</v>
      </c>
      <c r="F25826" t="s">
        <v>15892</v>
      </c>
      <c r="G25826" t="s">
        <v>10734</v>
      </c>
      <c r="H25826" t="s">
        <v>10735</v>
      </c>
      <c r="I25826" s="2">
        <v>1</v>
      </c>
      <c r="J25826" s="2">
        <v>0</v>
      </c>
      <c r="K25826" s="2">
        <v>0</v>
      </c>
      <c r="L25826" t="s">
        <v>120</v>
      </c>
      <c r="M25826" t="s">
        <v>83</v>
      </c>
      <c r="N25826" t="s">
        <v>84</v>
      </c>
      <c r="O25826" t="s">
        <v>85</v>
      </c>
      <c r="P25826" t="s">
        <v>86</v>
      </c>
      <c r="Q25826">
        <v>27</v>
      </c>
      <c r="R25826">
        <v>27</v>
      </c>
      <c r="S25826">
        <v>27</v>
      </c>
      <c r="T25826">
        <v>27</v>
      </c>
      <c r="U25826">
        <v>28</v>
      </c>
      <c r="V25826">
        <v>28</v>
      </c>
      <c r="W25826">
        <v>28</v>
      </c>
      <c r="X25826">
        <v>28</v>
      </c>
      <c r="Y25826">
        <v>28</v>
      </c>
      <c r="Z25826">
        <v>28</v>
      </c>
      <c r="AA25826">
        <v>29</v>
      </c>
      <c r="AB25826">
        <v>29</v>
      </c>
      <c r="AC25826">
        <v>29</v>
      </c>
      <c r="AD25826">
        <v>29</v>
      </c>
      <c r="AE25826">
        <v>29</v>
      </c>
      <c r="AF25826">
        <v>29</v>
      </c>
      <c r="AG25826">
        <v>29</v>
      </c>
      <c r="AH25826">
        <v>30</v>
      </c>
      <c r="AI25826">
        <v>30</v>
      </c>
      <c r="AJ25826">
        <v>30</v>
      </c>
      <c r="AK25826">
        <v>30</v>
      </c>
      <c r="AL25826">
        <v>30</v>
      </c>
      <c r="AM25826">
        <v>30</v>
      </c>
      <c r="AN25826">
        <v>30</v>
      </c>
      <c r="AO25826">
        <v>29</v>
      </c>
      <c r="AP25826">
        <v>29</v>
      </c>
      <c r="AQ25826">
        <v>29</v>
      </c>
    </row>
    <row r="25827" spans="1:43">
      <c r="A25827" t="s">
        <v>15983</v>
      </c>
      <c r="B25827" t="s">
        <v>15984</v>
      </c>
      <c r="C25827" t="s">
        <v>15979</v>
      </c>
      <c r="D25827" t="s">
        <v>15980</v>
      </c>
      <c r="E25827" t="s">
        <v>15891</v>
      </c>
      <c r="F25827" t="s">
        <v>15892</v>
      </c>
      <c r="G25827" t="s">
        <v>10734</v>
      </c>
      <c r="H25827" t="s">
        <v>10735</v>
      </c>
      <c r="I25827" s="2">
        <v>1</v>
      </c>
      <c r="J25827" s="2">
        <v>0</v>
      </c>
      <c r="K25827" s="2">
        <v>0</v>
      </c>
      <c r="L25827" t="s">
        <v>120</v>
      </c>
      <c r="M25827" t="s">
        <v>87</v>
      </c>
      <c r="N25827" t="s">
        <v>88</v>
      </c>
      <c r="O25827" t="s">
        <v>85</v>
      </c>
      <c r="P25827" t="s">
        <v>86</v>
      </c>
      <c r="Q25827">
        <v>27</v>
      </c>
      <c r="R25827">
        <v>27</v>
      </c>
      <c r="S25827">
        <v>27</v>
      </c>
      <c r="T25827">
        <v>27</v>
      </c>
      <c r="U25827">
        <v>27</v>
      </c>
      <c r="V25827">
        <v>27</v>
      </c>
      <c r="W25827">
        <v>27</v>
      </c>
      <c r="X25827">
        <v>27</v>
      </c>
      <c r="Y25827">
        <v>27</v>
      </c>
      <c r="Z25827">
        <v>27</v>
      </c>
      <c r="AA25827">
        <v>27</v>
      </c>
      <c r="AB25827">
        <v>27</v>
      </c>
      <c r="AC25827">
        <v>27</v>
      </c>
      <c r="AD25827">
        <v>27</v>
      </c>
      <c r="AE25827">
        <v>27</v>
      </c>
      <c r="AF25827">
        <v>27</v>
      </c>
      <c r="AG25827">
        <v>27</v>
      </c>
      <c r="AH25827">
        <v>27</v>
      </c>
      <c r="AI25827">
        <v>27</v>
      </c>
      <c r="AJ25827">
        <v>27</v>
      </c>
      <c r="AK25827">
        <v>27</v>
      </c>
      <c r="AL25827">
        <v>27</v>
      </c>
      <c r="AM25827">
        <v>26</v>
      </c>
      <c r="AN25827">
        <v>26</v>
      </c>
      <c r="AO25827">
        <v>26</v>
      </c>
      <c r="AP25827">
        <v>26</v>
      </c>
      <c r="AQ25827">
        <v>26</v>
      </c>
    </row>
    <row r="25828" spans="1:43">
      <c r="A25828" t="s">
        <v>15983</v>
      </c>
      <c r="B25828" t="s">
        <v>15984</v>
      </c>
      <c r="C25828" t="s">
        <v>15979</v>
      </c>
      <c r="D25828" t="s">
        <v>15980</v>
      </c>
      <c r="E25828" t="s">
        <v>15891</v>
      </c>
      <c r="F25828" t="s">
        <v>15892</v>
      </c>
      <c r="G25828" t="s">
        <v>10734</v>
      </c>
      <c r="H25828" t="s">
        <v>10735</v>
      </c>
      <c r="I25828" s="2">
        <v>1</v>
      </c>
      <c r="J25828" s="2">
        <v>0</v>
      </c>
      <c r="K25828" s="2">
        <v>0</v>
      </c>
      <c r="L25828" t="s">
        <v>120</v>
      </c>
      <c r="M25828" t="s">
        <v>89</v>
      </c>
      <c r="N25828" t="s">
        <v>90</v>
      </c>
      <c r="O25828" t="s">
        <v>85</v>
      </c>
      <c r="P25828" t="s">
        <v>86</v>
      </c>
      <c r="Q25828">
        <v>27</v>
      </c>
      <c r="R25828">
        <v>27</v>
      </c>
      <c r="S25828">
        <v>28</v>
      </c>
      <c r="T25828">
        <v>28</v>
      </c>
      <c r="U25828">
        <v>29</v>
      </c>
      <c r="V25828">
        <v>29</v>
      </c>
      <c r="W25828">
        <v>29</v>
      </c>
      <c r="X25828">
        <v>30</v>
      </c>
      <c r="Y25828">
        <v>30</v>
      </c>
      <c r="Z25828">
        <v>30</v>
      </c>
      <c r="AA25828">
        <v>30</v>
      </c>
      <c r="AB25828">
        <v>31</v>
      </c>
      <c r="AC25828">
        <v>31</v>
      </c>
      <c r="AD25828">
        <v>31</v>
      </c>
      <c r="AE25828">
        <v>31</v>
      </c>
      <c r="AF25828">
        <v>31</v>
      </c>
      <c r="AG25828">
        <v>31</v>
      </c>
      <c r="AH25828">
        <v>31</v>
      </c>
      <c r="AI25828">
        <v>31</v>
      </c>
      <c r="AJ25828">
        <v>31</v>
      </c>
      <c r="AK25828">
        <v>30</v>
      </c>
      <c r="AL25828">
        <v>30</v>
      </c>
      <c r="AM25828">
        <v>30</v>
      </c>
      <c r="AN25828">
        <v>30</v>
      </c>
      <c r="AO25828">
        <v>30</v>
      </c>
      <c r="AP25828">
        <v>30</v>
      </c>
      <c r="AQ25828">
        <v>29</v>
      </c>
    </row>
    <row r="25829" spans="1:43">
      <c r="A25829" t="s">
        <v>15983</v>
      </c>
      <c r="B25829" t="s">
        <v>15984</v>
      </c>
      <c r="C25829" t="s">
        <v>15979</v>
      </c>
      <c r="D25829" t="s">
        <v>15980</v>
      </c>
      <c r="E25829" t="s">
        <v>15891</v>
      </c>
      <c r="F25829" t="s">
        <v>15892</v>
      </c>
      <c r="G25829" t="s">
        <v>10734</v>
      </c>
      <c r="H25829" t="s">
        <v>10735</v>
      </c>
      <c r="I25829" s="2">
        <v>1</v>
      </c>
      <c r="J25829" s="2">
        <v>0</v>
      </c>
      <c r="K25829" s="2">
        <v>0</v>
      </c>
      <c r="L25829" t="s">
        <v>120</v>
      </c>
      <c r="M25829" t="s">
        <v>83</v>
      </c>
      <c r="N25829" t="s">
        <v>91</v>
      </c>
      <c r="O25829" t="s">
        <v>85</v>
      </c>
      <c r="P25829" t="s">
        <v>86</v>
      </c>
      <c r="Q25829">
        <v>27</v>
      </c>
      <c r="R25829">
        <v>27</v>
      </c>
      <c r="S25829">
        <v>27</v>
      </c>
      <c r="T25829">
        <v>27</v>
      </c>
      <c r="U25829">
        <v>28</v>
      </c>
      <c r="V25829">
        <v>28</v>
      </c>
      <c r="W25829">
        <v>28</v>
      </c>
      <c r="X25829">
        <v>28</v>
      </c>
      <c r="Y25829">
        <v>28</v>
      </c>
      <c r="Z25829">
        <v>28</v>
      </c>
      <c r="AA25829">
        <v>29</v>
      </c>
      <c r="AB25829">
        <v>29</v>
      </c>
      <c r="AC25829">
        <v>29</v>
      </c>
      <c r="AD25829">
        <v>29</v>
      </c>
      <c r="AE25829">
        <v>29</v>
      </c>
      <c r="AF25829">
        <v>29</v>
      </c>
      <c r="AG25829">
        <v>29</v>
      </c>
      <c r="AH25829">
        <v>30</v>
      </c>
      <c r="AI25829">
        <v>30</v>
      </c>
      <c r="AJ25829">
        <v>30</v>
      </c>
      <c r="AK25829">
        <v>30</v>
      </c>
      <c r="AL25829">
        <v>30</v>
      </c>
      <c r="AM25829">
        <v>30</v>
      </c>
      <c r="AN25829">
        <v>30</v>
      </c>
      <c r="AO25829">
        <v>29</v>
      </c>
      <c r="AP25829">
        <v>29</v>
      </c>
      <c r="AQ25829">
        <v>29</v>
      </c>
    </row>
    <row r="25830" spans="1:43">
      <c r="A25830" t="s">
        <v>15985</v>
      </c>
      <c r="B25830" t="s">
        <v>15986</v>
      </c>
      <c r="C25830" t="s">
        <v>15939</v>
      </c>
      <c r="D25830" t="s">
        <v>15940</v>
      </c>
      <c r="E25830" t="s">
        <v>15891</v>
      </c>
      <c r="F25830" t="s">
        <v>15892</v>
      </c>
      <c r="G25830" t="s">
        <v>10734</v>
      </c>
      <c r="H25830" t="s">
        <v>10735</v>
      </c>
      <c r="I25830" s="2">
        <v>1</v>
      </c>
      <c r="J25830" s="2">
        <v>0</v>
      </c>
      <c r="K25830" s="2">
        <v>0</v>
      </c>
      <c r="L25830" t="s">
        <v>120</v>
      </c>
      <c r="M25830" t="s">
        <v>83</v>
      </c>
      <c r="N25830" t="s">
        <v>84</v>
      </c>
      <c r="O25830" t="s">
        <v>85</v>
      </c>
      <c r="P25830" t="s">
        <v>86</v>
      </c>
      <c r="Q25830">
        <v>7</v>
      </c>
      <c r="R25830">
        <v>7</v>
      </c>
      <c r="S25830">
        <v>7</v>
      </c>
      <c r="T25830">
        <v>7</v>
      </c>
      <c r="U25830">
        <v>7</v>
      </c>
      <c r="V25830">
        <v>7</v>
      </c>
      <c r="W25830">
        <v>7</v>
      </c>
      <c r="X25830">
        <v>7</v>
      </c>
      <c r="Y25830">
        <v>7</v>
      </c>
      <c r="Z25830">
        <v>7</v>
      </c>
      <c r="AA25830">
        <v>7</v>
      </c>
      <c r="AB25830">
        <v>7</v>
      </c>
      <c r="AC25830">
        <v>8</v>
      </c>
      <c r="AD25830">
        <v>8</v>
      </c>
      <c r="AE25830">
        <v>8</v>
      </c>
      <c r="AF25830">
        <v>8</v>
      </c>
      <c r="AG25830">
        <v>8</v>
      </c>
      <c r="AH25830">
        <v>8</v>
      </c>
      <c r="AI25830">
        <v>8</v>
      </c>
      <c r="AJ25830">
        <v>8</v>
      </c>
      <c r="AK25830">
        <v>8</v>
      </c>
      <c r="AL25830">
        <v>8</v>
      </c>
      <c r="AM25830">
        <v>8</v>
      </c>
      <c r="AN25830">
        <v>8</v>
      </c>
      <c r="AO25830">
        <v>8</v>
      </c>
      <c r="AP25830">
        <v>8</v>
      </c>
      <c r="AQ25830">
        <v>8</v>
      </c>
    </row>
    <row r="25831" spans="1:43">
      <c r="A25831" t="s">
        <v>15985</v>
      </c>
      <c r="B25831" t="s">
        <v>15986</v>
      </c>
      <c r="C25831" t="s">
        <v>15939</v>
      </c>
      <c r="D25831" t="s">
        <v>15940</v>
      </c>
      <c r="E25831" t="s">
        <v>15891</v>
      </c>
      <c r="F25831" t="s">
        <v>15892</v>
      </c>
      <c r="G25831" t="s">
        <v>10734</v>
      </c>
      <c r="H25831" t="s">
        <v>10735</v>
      </c>
      <c r="I25831" s="2">
        <v>1</v>
      </c>
      <c r="J25831" s="2">
        <v>0</v>
      </c>
      <c r="K25831" s="2">
        <v>0</v>
      </c>
      <c r="L25831" t="s">
        <v>120</v>
      </c>
      <c r="M25831" t="s">
        <v>87</v>
      </c>
      <c r="N25831" t="s">
        <v>88</v>
      </c>
      <c r="O25831" t="s">
        <v>85</v>
      </c>
      <c r="P25831" t="s">
        <v>86</v>
      </c>
      <c r="Q25831">
        <v>7</v>
      </c>
      <c r="R25831">
        <v>7</v>
      </c>
      <c r="S25831">
        <v>7</v>
      </c>
      <c r="T25831">
        <v>7</v>
      </c>
      <c r="U25831">
        <v>7</v>
      </c>
      <c r="V25831">
        <v>7</v>
      </c>
      <c r="W25831">
        <v>7</v>
      </c>
      <c r="X25831">
        <v>7</v>
      </c>
      <c r="Y25831">
        <v>7</v>
      </c>
      <c r="Z25831">
        <v>7</v>
      </c>
      <c r="AA25831">
        <v>7</v>
      </c>
      <c r="AB25831">
        <v>7</v>
      </c>
      <c r="AC25831">
        <v>7</v>
      </c>
      <c r="AD25831">
        <v>7</v>
      </c>
      <c r="AE25831">
        <v>7</v>
      </c>
      <c r="AF25831">
        <v>7</v>
      </c>
      <c r="AG25831">
        <v>7</v>
      </c>
      <c r="AH25831">
        <v>7</v>
      </c>
      <c r="AI25831">
        <v>7</v>
      </c>
      <c r="AJ25831">
        <v>7</v>
      </c>
      <c r="AK25831">
        <v>7</v>
      </c>
      <c r="AL25831">
        <v>7</v>
      </c>
      <c r="AM25831">
        <v>7</v>
      </c>
      <c r="AN25831">
        <v>7</v>
      </c>
      <c r="AO25831">
        <v>7</v>
      </c>
      <c r="AP25831">
        <v>7</v>
      </c>
      <c r="AQ25831">
        <v>7</v>
      </c>
    </row>
    <row r="25832" spans="1:43">
      <c r="A25832" t="s">
        <v>15985</v>
      </c>
      <c r="B25832" t="s">
        <v>15986</v>
      </c>
      <c r="C25832" t="s">
        <v>15939</v>
      </c>
      <c r="D25832" t="s">
        <v>15940</v>
      </c>
      <c r="E25832" t="s">
        <v>15891</v>
      </c>
      <c r="F25832" t="s">
        <v>15892</v>
      </c>
      <c r="G25832" t="s">
        <v>10734</v>
      </c>
      <c r="H25832" t="s">
        <v>10735</v>
      </c>
      <c r="I25832" s="2">
        <v>1</v>
      </c>
      <c r="J25832" s="2">
        <v>0</v>
      </c>
      <c r="K25832" s="2">
        <v>0</v>
      </c>
      <c r="L25832" t="s">
        <v>120</v>
      </c>
      <c r="M25832" t="s">
        <v>89</v>
      </c>
      <c r="N25832" t="s">
        <v>90</v>
      </c>
      <c r="O25832" t="s">
        <v>85</v>
      </c>
      <c r="P25832" t="s">
        <v>86</v>
      </c>
      <c r="Q25832">
        <v>7</v>
      </c>
      <c r="R25832">
        <v>7</v>
      </c>
      <c r="S25832">
        <v>7</v>
      </c>
      <c r="T25832">
        <v>7</v>
      </c>
      <c r="U25832">
        <v>7</v>
      </c>
      <c r="V25832">
        <v>8</v>
      </c>
      <c r="W25832">
        <v>8</v>
      </c>
      <c r="X25832">
        <v>8</v>
      </c>
      <c r="Y25832">
        <v>8</v>
      </c>
      <c r="Z25832">
        <v>8</v>
      </c>
      <c r="AA25832">
        <v>8</v>
      </c>
      <c r="AB25832">
        <v>8</v>
      </c>
      <c r="AC25832">
        <v>8</v>
      </c>
      <c r="AD25832">
        <v>8</v>
      </c>
      <c r="AE25832">
        <v>8</v>
      </c>
      <c r="AF25832">
        <v>8</v>
      </c>
      <c r="AG25832">
        <v>8</v>
      </c>
      <c r="AH25832">
        <v>8</v>
      </c>
      <c r="AI25832">
        <v>8</v>
      </c>
      <c r="AJ25832">
        <v>8</v>
      </c>
      <c r="AK25832">
        <v>8</v>
      </c>
      <c r="AL25832">
        <v>8</v>
      </c>
      <c r="AM25832">
        <v>8</v>
      </c>
      <c r="AN25832">
        <v>8</v>
      </c>
      <c r="AO25832">
        <v>8</v>
      </c>
      <c r="AP25832">
        <v>8</v>
      </c>
      <c r="AQ25832">
        <v>8</v>
      </c>
    </row>
    <row r="25833" spans="1:43">
      <c r="A25833" t="s">
        <v>15985</v>
      </c>
      <c r="B25833" t="s">
        <v>15986</v>
      </c>
      <c r="C25833" t="s">
        <v>15939</v>
      </c>
      <c r="D25833" t="s">
        <v>15940</v>
      </c>
      <c r="E25833" t="s">
        <v>15891</v>
      </c>
      <c r="F25833" t="s">
        <v>15892</v>
      </c>
      <c r="G25833" t="s">
        <v>10734</v>
      </c>
      <c r="H25833" t="s">
        <v>10735</v>
      </c>
      <c r="I25833" s="2">
        <v>1</v>
      </c>
      <c r="J25833" s="2">
        <v>0</v>
      </c>
      <c r="K25833" s="2">
        <v>0</v>
      </c>
      <c r="L25833" t="s">
        <v>120</v>
      </c>
      <c r="M25833" t="s">
        <v>83</v>
      </c>
      <c r="N25833" t="s">
        <v>91</v>
      </c>
      <c r="O25833" t="s">
        <v>85</v>
      </c>
      <c r="P25833" t="s">
        <v>86</v>
      </c>
      <c r="Q25833">
        <v>7</v>
      </c>
      <c r="R25833">
        <v>7</v>
      </c>
      <c r="S25833">
        <v>7</v>
      </c>
      <c r="T25833">
        <v>7</v>
      </c>
      <c r="U25833">
        <v>7</v>
      </c>
      <c r="V25833">
        <v>7</v>
      </c>
      <c r="W25833">
        <v>7</v>
      </c>
      <c r="X25833">
        <v>7</v>
      </c>
      <c r="Y25833">
        <v>7</v>
      </c>
      <c r="Z25833">
        <v>7</v>
      </c>
      <c r="AA25833">
        <v>7</v>
      </c>
      <c r="AB25833">
        <v>7</v>
      </c>
      <c r="AC25833">
        <v>8</v>
      </c>
      <c r="AD25833">
        <v>8</v>
      </c>
      <c r="AE25833">
        <v>8</v>
      </c>
      <c r="AF25833">
        <v>8</v>
      </c>
      <c r="AG25833">
        <v>8</v>
      </c>
      <c r="AH25833">
        <v>8</v>
      </c>
      <c r="AI25833">
        <v>8</v>
      </c>
      <c r="AJ25833">
        <v>8</v>
      </c>
      <c r="AK25833">
        <v>8</v>
      </c>
      <c r="AL25833">
        <v>8</v>
      </c>
      <c r="AM25833">
        <v>8</v>
      </c>
      <c r="AN25833">
        <v>8</v>
      </c>
      <c r="AO25833">
        <v>8</v>
      </c>
      <c r="AP25833">
        <v>8</v>
      </c>
      <c r="AQ25833">
        <v>8</v>
      </c>
    </row>
    <row r="25834" spans="1:43">
      <c r="A25834" t="s">
        <v>15987</v>
      </c>
      <c r="B25834" t="s">
        <v>15988</v>
      </c>
      <c r="C25834" t="s">
        <v>15939</v>
      </c>
      <c r="D25834" t="s">
        <v>15940</v>
      </c>
      <c r="E25834" t="s">
        <v>15891</v>
      </c>
      <c r="F25834" t="s">
        <v>15892</v>
      </c>
      <c r="G25834" t="s">
        <v>10734</v>
      </c>
      <c r="H25834" t="s">
        <v>10735</v>
      </c>
      <c r="I25834" s="2">
        <v>1</v>
      </c>
      <c r="J25834" s="2">
        <v>0</v>
      </c>
      <c r="K25834" s="2">
        <v>0</v>
      </c>
      <c r="L25834" t="s">
        <v>120</v>
      </c>
      <c r="M25834" t="s">
        <v>83</v>
      </c>
      <c r="N25834" t="s">
        <v>84</v>
      </c>
      <c r="O25834" t="s">
        <v>85</v>
      </c>
      <c r="P25834" t="s">
        <v>86</v>
      </c>
      <c r="Q25834">
        <v>46</v>
      </c>
      <c r="R25834">
        <v>46</v>
      </c>
      <c r="S25834">
        <v>47</v>
      </c>
      <c r="T25834">
        <v>47</v>
      </c>
      <c r="U25834">
        <v>47</v>
      </c>
      <c r="V25834">
        <v>48</v>
      </c>
      <c r="W25834">
        <v>48</v>
      </c>
      <c r="X25834">
        <v>48</v>
      </c>
      <c r="Y25834">
        <v>49</v>
      </c>
      <c r="Z25834">
        <v>49</v>
      </c>
      <c r="AA25834">
        <v>49</v>
      </c>
      <c r="AB25834">
        <v>49</v>
      </c>
      <c r="AC25834">
        <v>50</v>
      </c>
      <c r="AD25834">
        <v>50</v>
      </c>
      <c r="AE25834">
        <v>50</v>
      </c>
      <c r="AF25834">
        <v>50</v>
      </c>
      <c r="AG25834">
        <v>51</v>
      </c>
      <c r="AH25834">
        <v>51</v>
      </c>
      <c r="AI25834">
        <v>51</v>
      </c>
      <c r="AJ25834">
        <v>51</v>
      </c>
      <c r="AK25834">
        <v>52</v>
      </c>
      <c r="AL25834">
        <v>51</v>
      </c>
      <c r="AM25834">
        <v>51</v>
      </c>
      <c r="AN25834">
        <v>51</v>
      </c>
      <c r="AO25834">
        <v>51</v>
      </c>
      <c r="AP25834">
        <v>51</v>
      </c>
      <c r="AQ25834">
        <v>50</v>
      </c>
    </row>
    <row r="25835" spans="1:43">
      <c r="A25835" t="s">
        <v>15987</v>
      </c>
      <c r="B25835" t="s">
        <v>15988</v>
      </c>
      <c r="C25835" t="s">
        <v>15939</v>
      </c>
      <c r="D25835" t="s">
        <v>15940</v>
      </c>
      <c r="E25835" t="s">
        <v>15891</v>
      </c>
      <c r="F25835" t="s">
        <v>15892</v>
      </c>
      <c r="G25835" t="s">
        <v>10734</v>
      </c>
      <c r="H25835" t="s">
        <v>10735</v>
      </c>
      <c r="I25835" s="2">
        <v>1</v>
      </c>
      <c r="J25835" s="2">
        <v>0</v>
      </c>
      <c r="K25835" s="2">
        <v>0</v>
      </c>
      <c r="L25835" t="s">
        <v>120</v>
      </c>
      <c r="M25835" t="s">
        <v>87</v>
      </c>
      <c r="N25835" t="s">
        <v>88</v>
      </c>
      <c r="O25835" t="s">
        <v>85</v>
      </c>
      <c r="P25835" t="s">
        <v>86</v>
      </c>
      <c r="Q25835">
        <v>46</v>
      </c>
      <c r="R25835">
        <v>46</v>
      </c>
      <c r="S25835">
        <v>46</v>
      </c>
      <c r="T25835">
        <v>46</v>
      </c>
      <c r="U25835">
        <v>46</v>
      </c>
      <c r="V25835">
        <v>46</v>
      </c>
      <c r="W25835">
        <v>46</v>
      </c>
      <c r="X25835">
        <v>46</v>
      </c>
      <c r="Y25835">
        <v>46</v>
      </c>
      <c r="Z25835">
        <v>46</v>
      </c>
      <c r="AA25835">
        <v>46</v>
      </c>
      <c r="AB25835">
        <v>46</v>
      </c>
      <c r="AC25835">
        <v>46</v>
      </c>
      <c r="AD25835">
        <v>46</v>
      </c>
      <c r="AE25835">
        <v>46</v>
      </c>
      <c r="AF25835">
        <v>46</v>
      </c>
      <c r="AG25835">
        <v>46</v>
      </c>
      <c r="AH25835">
        <v>46</v>
      </c>
      <c r="AI25835">
        <v>45</v>
      </c>
      <c r="AJ25835">
        <v>45</v>
      </c>
      <c r="AK25835">
        <v>45</v>
      </c>
      <c r="AL25835">
        <v>45</v>
      </c>
      <c r="AM25835">
        <v>45</v>
      </c>
      <c r="AN25835">
        <v>45</v>
      </c>
      <c r="AO25835">
        <v>45</v>
      </c>
      <c r="AP25835">
        <v>45</v>
      </c>
      <c r="AQ25835">
        <v>45</v>
      </c>
    </row>
    <row r="25836" spans="1:43">
      <c r="A25836" t="s">
        <v>15987</v>
      </c>
      <c r="B25836" t="s">
        <v>15988</v>
      </c>
      <c r="C25836" t="s">
        <v>15939</v>
      </c>
      <c r="D25836" t="s">
        <v>15940</v>
      </c>
      <c r="E25836" t="s">
        <v>15891</v>
      </c>
      <c r="F25836" t="s">
        <v>15892</v>
      </c>
      <c r="G25836" t="s">
        <v>10734</v>
      </c>
      <c r="H25836" t="s">
        <v>10735</v>
      </c>
      <c r="I25836" s="2">
        <v>1</v>
      </c>
      <c r="J25836" s="2">
        <v>0</v>
      </c>
      <c r="K25836" s="2">
        <v>0</v>
      </c>
      <c r="L25836" t="s">
        <v>120</v>
      </c>
      <c r="M25836" t="s">
        <v>89</v>
      </c>
      <c r="N25836" t="s">
        <v>90</v>
      </c>
      <c r="O25836" t="s">
        <v>85</v>
      </c>
      <c r="P25836" t="s">
        <v>86</v>
      </c>
      <c r="Q25836">
        <v>46</v>
      </c>
      <c r="R25836">
        <v>47</v>
      </c>
      <c r="S25836">
        <v>48</v>
      </c>
      <c r="T25836">
        <v>48</v>
      </c>
      <c r="U25836">
        <v>49</v>
      </c>
      <c r="V25836">
        <v>50</v>
      </c>
      <c r="W25836">
        <v>50</v>
      </c>
      <c r="X25836">
        <v>51</v>
      </c>
      <c r="Y25836">
        <v>51</v>
      </c>
      <c r="Z25836">
        <v>52</v>
      </c>
      <c r="AA25836">
        <v>52</v>
      </c>
      <c r="AB25836">
        <v>53</v>
      </c>
      <c r="AC25836">
        <v>53</v>
      </c>
      <c r="AD25836">
        <v>53</v>
      </c>
      <c r="AE25836">
        <v>54</v>
      </c>
      <c r="AF25836">
        <v>53</v>
      </c>
      <c r="AG25836">
        <v>53</v>
      </c>
      <c r="AH25836">
        <v>53</v>
      </c>
      <c r="AI25836">
        <v>53</v>
      </c>
      <c r="AJ25836">
        <v>53</v>
      </c>
      <c r="AK25836">
        <v>52</v>
      </c>
      <c r="AL25836">
        <v>52</v>
      </c>
      <c r="AM25836">
        <v>52</v>
      </c>
      <c r="AN25836">
        <v>52</v>
      </c>
      <c r="AO25836">
        <v>51</v>
      </c>
      <c r="AP25836">
        <v>51</v>
      </c>
      <c r="AQ25836">
        <v>51</v>
      </c>
    </row>
    <row r="25837" spans="1:43">
      <c r="A25837" t="s">
        <v>15987</v>
      </c>
      <c r="B25837" t="s">
        <v>15988</v>
      </c>
      <c r="C25837" t="s">
        <v>15939</v>
      </c>
      <c r="D25837" t="s">
        <v>15940</v>
      </c>
      <c r="E25837" t="s">
        <v>15891</v>
      </c>
      <c r="F25837" t="s">
        <v>15892</v>
      </c>
      <c r="G25837" t="s">
        <v>10734</v>
      </c>
      <c r="H25837" t="s">
        <v>10735</v>
      </c>
      <c r="I25837" s="2">
        <v>1</v>
      </c>
      <c r="J25837" s="2">
        <v>0</v>
      </c>
      <c r="K25837" s="2">
        <v>0</v>
      </c>
      <c r="L25837" t="s">
        <v>120</v>
      </c>
      <c r="M25837" t="s">
        <v>83</v>
      </c>
      <c r="N25837" t="s">
        <v>91</v>
      </c>
      <c r="O25837" t="s">
        <v>85</v>
      </c>
      <c r="P25837" t="s">
        <v>86</v>
      </c>
      <c r="Q25837">
        <v>46</v>
      </c>
      <c r="R25837">
        <v>46</v>
      </c>
      <c r="S25837">
        <v>47</v>
      </c>
      <c r="T25837">
        <v>47</v>
      </c>
      <c r="U25837">
        <v>47</v>
      </c>
      <c r="V25837">
        <v>48</v>
      </c>
      <c r="W25837">
        <v>48</v>
      </c>
      <c r="X25837">
        <v>48</v>
      </c>
      <c r="Y25837">
        <v>49</v>
      </c>
      <c r="Z25837">
        <v>49</v>
      </c>
      <c r="AA25837">
        <v>49</v>
      </c>
      <c r="AB25837">
        <v>49</v>
      </c>
      <c r="AC25837">
        <v>50</v>
      </c>
      <c r="AD25837">
        <v>50</v>
      </c>
      <c r="AE25837">
        <v>50</v>
      </c>
      <c r="AF25837">
        <v>50</v>
      </c>
      <c r="AG25837">
        <v>51</v>
      </c>
      <c r="AH25837">
        <v>51</v>
      </c>
      <c r="AI25837">
        <v>51</v>
      </c>
      <c r="AJ25837">
        <v>51</v>
      </c>
      <c r="AK25837">
        <v>52</v>
      </c>
      <c r="AL25837">
        <v>51</v>
      </c>
      <c r="AM25837">
        <v>51</v>
      </c>
      <c r="AN25837">
        <v>51</v>
      </c>
      <c r="AO25837">
        <v>51</v>
      </c>
      <c r="AP25837">
        <v>51</v>
      </c>
      <c r="AQ25837">
        <v>50</v>
      </c>
    </row>
    <row r="25838" spans="1:43">
      <c r="A25838" t="s">
        <v>15989</v>
      </c>
      <c r="B25838" t="s">
        <v>15990</v>
      </c>
      <c r="C25838" t="s">
        <v>15939</v>
      </c>
      <c r="D25838" t="s">
        <v>15940</v>
      </c>
      <c r="E25838" t="s">
        <v>15891</v>
      </c>
      <c r="F25838" t="s">
        <v>15892</v>
      </c>
      <c r="G25838" t="s">
        <v>10734</v>
      </c>
      <c r="H25838" t="s">
        <v>10735</v>
      </c>
      <c r="I25838" s="2">
        <v>1</v>
      </c>
      <c r="J25838" s="2">
        <v>0</v>
      </c>
      <c r="K25838" s="2">
        <v>0</v>
      </c>
      <c r="L25838" t="s">
        <v>120</v>
      </c>
      <c r="M25838" t="s">
        <v>83</v>
      </c>
      <c r="N25838" t="s">
        <v>84</v>
      </c>
      <c r="O25838" t="s">
        <v>85</v>
      </c>
      <c r="P25838" t="s">
        <v>86</v>
      </c>
      <c r="Q25838">
        <v>7</v>
      </c>
      <c r="R25838">
        <v>7</v>
      </c>
      <c r="S25838">
        <v>7</v>
      </c>
      <c r="T25838">
        <v>7</v>
      </c>
      <c r="U25838">
        <v>7</v>
      </c>
      <c r="V25838">
        <v>7</v>
      </c>
      <c r="W25838">
        <v>7</v>
      </c>
      <c r="X25838">
        <v>7</v>
      </c>
      <c r="Y25838">
        <v>7</v>
      </c>
      <c r="Z25838">
        <v>7</v>
      </c>
      <c r="AA25838">
        <v>7</v>
      </c>
      <c r="AB25838">
        <v>7</v>
      </c>
      <c r="AC25838">
        <v>7</v>
      </c>
      <c r="AD25838">
        <v>7</v>
      </c>
      <c r="AE25838">
        <v>7</v>
      </c>
      <c r="AF25838">
        <v>8</v>
      </c>
      <c r="AG25838">
        <v>8</v>
      </c>
      <c r="AH25838">
        <v>8</v>
      </c>
      <c r="AI25838">
        <v>8</v>
      </c>
      <c r="AJ25838">
        <v>8</v>
      </c>
      <c r="AK25838">
        <v>8</v>
      </c>
      <c r="AL25838">
        <v>8</v>
      </c>
      <c r="AM25838">
        <v>8</v>
      </c>
      <c r="AN25838">
        <v>8</v>
      </c>
      <c r="AO25838">
        <v>8</v>
      </c>
      <c r="AP25838">
        <v>8</v>
      </c>
      <c r="AQ25838">
        <v>8</v>
      </c>
    </row>
    <row r="25839" spans="1:43">
      <c r="A25839" t="s">
        <v>15989</v>
      </c>
      <c r="B25839" t="s">
        <v>15990</v>
      </c>
      <c r="C25839" t="s">
        <v>15939</v>
      </c>
      <c r="D25839" t="s">
        <v>15940</v>
      </c>
      <c r="E25839" t="s">
        <v>15891</v>
      </c>
      <c r="F25839" t="s">
        <v>15892</v>
      </c>
      <c r="G25839" t="s">
        <v>10734</v>
      </c>
      <c r="H25839" t="s">
        <v>10735</v>
      </c>
      <c r="I25839" s="2">
        <v>1</v>
      </c>
      <c r="J25839" s="2">
        <v>0</v>
      </c>
      <c r="K25839" s="2">
        <v>0</v>
      </c>
      <c r="L25839" t="s">
        <v>120</v>
      </c>
      <c r="M25839" t="s">
        <v>87</v>
      </c>
      <c r="N25839" t="s">
        <v>88</v>
      </c>
      <c r="O25839" t="s">
        <v>85</v>
      </c>
      <c r="P25839" t="s">
        <v>86</v>
      </c>
      <c r="Q25839">
        <v>7</v>
      </c>
      <c r="R25839">
        <v>7</v>
      </c>
      <c r="S25839">
        <v>7</v>
      </c>
      <c r="T25839">
        <v>7</v>
      </c>
      <c r="U25839">
        <v>7</v>
      </c>
      <c r="V25839">
        <v>7</v>
      </c>
      <c r="W25839">
        <v>7</v>
      </c>
      <c r="X25839">
        <v>7</v>
      </c>
      <c r="Y25839">
        <v>7</v>
      </c>
      <c r="Z25839">
        <v>7</v>
      </c>
      <c r="AA25839">
        <v>7</v>
      </c>
      <c r="AB25839">
        <v>7</v>
      </c>
      <c r="AC25839">
        <v>7</v>
      </c>
      <c r="AD25839">
        <v>7</v>
      </c>
      <c r="AE25839">
        <v>7</v>
      </c>
      <c r="AF25839">
        <v>7</v>
      </c>
      <c r="AG25839">
        <v>7</v>
      </c>
      <c r="AH25839">
        <v>7</v>
      </c>
      <c r="AI25839">
        <v>7</v>
      </c>
      <c r="AJ25839">
        <v>7</v>
      </c>
      <c r="AK25839">
        <v>7</v>
      </c>
      <c r="AL25839">
        <v>7</v>
      </c>
      <c r="AM25839">
        <v>7</v>
      </c>
      <c r="AN25839">
        <v>7</v>
      </c>
      <c r="AO25839">
        <v>7</v>
      </c>
      <c r="AP25839">
        <v>7</v>
      </c>
      <c r="AQ25839">
        <v>7</v>
      </c>
    </row>
    <row r="25840" spans="1:43">
      <c r="A25840" t="s">
        <v>15989</v>
      </c>
      <c r="B25840" t="s">
        <v>15990</v>
      </c>
      <c r="C25840" t="s">
        <v>15939</v>
      </c>
      <c r="D25840" t="s">
        <v>15940</v>
      </c>
      <c r="E25840" t="s">
        <v>15891</v>
      </c>
      <c r="F25840" t="s">
        <v>15892</v>
      </c>
      <c r="G25840" t="s">
        <v>10734</v>
      </c>
      <c r="H25840" t="s">
        <v>10735</v>
      </c>
      <c r="I25840" s="2">
        <v>1</v>
      </c>
      <c r="J25840" s="2">
        <v>0</v>
      </c>
      <c r="K25840" s="2">
        <v>0</v>
      </c>
      <c r="L25840" t="s">
        <v>120</v>
      </c>
      <c r="M25840" t="s">
        <v>89</v>
      </c>
      <c r="N25840" t="s">
        <v>90</v>
      </c>
      <c r="O25840" t="s">
        <v>85</v>
      </c>
      <c r="P25840" t="s">
        <v>86</v>
      </c>
      <c r="Q25840">
        <v>7</v>
      </c>
      <c r="R25840">
        <v>7</v>
      </c>
      <c r="S25840">
        <v>7</v>
      </c>
      <c r="T25840">
        <v>7</v>
      </c>
      <c r="U25840">
        <v>7</v>
      </c>
      <c r="V25840">
        <v>7</v>
      </c>
      <c r="W25840">
        <v>8</v>
      </c>
      <c r="X25840">
        <v>8</v>
      </c>
      <c r="Y25840">
        <v>8</v>
      </c>
      <c r="Z25840">
        <v>8</v>
      </c>
      <c r="AA25840">
        <v>8</v>
      </c>
      <c r="AB25840">
        <v>8</v>
      </c>
      <c r="AC25840">
        <v>8</v>
      </c>
      <c r="AD25840">
        <v>8</v>
      </c>
      <c r="AE25840">
        <v>8</v>
      </c>
      <c r="AF25840">
        <v>8</v>
      </c>
      <c r="AG25840">
        <v>8</v>
      </c>
      <c r="AH25840">
        <v>8</v>
      </c>
      <c r="AI25840">
        <v>8</v>
      </c>
      <c r="AJ25840">
        <v>8</v>
      </c>
      <c r="AK25840">
        <v>8</v>
      </c>
      <c r="AL25840">
        <v>8</v>
      </c>
      <c r="AM25840">
        <v>8</v>
      </c>
      <c r="AN25840">
        <v>8</v>
      </c>
      <c r="AO25840">
        <v>8</v>
      </c>
      <c r="AP25840">
        <v>8</v>
      </c>
      <c r="AQ25840">
        <v>8</v>
      </c>
    </row>
    <row r="25841" spans="1:43">
      <c r="A25841" t="s">
        <v>15989</v>
      </c>
      <c r="B25841" t="s">
        <v>15990</v>
      </c>
      <c r="C25841" t="s">
        <v>15939</v>
      </c>
      <c r="D25841" t="s">
        <v>15940</v>
      </c>
      <c r="E25841" t="s">
        <v>15891</v>
      </c>
      <c r="F25841" t="s">
        <v>15892</v>
      </c>
      <c r="G25841" t="s">
        <v>10734</v>
      </c>
      <c r="H25841" t="s">
        <v>10735</v>
      </c>
      <c r="I25841" s="2">
        <v>1</v>
      </c>
      <c r="J25841" s="2">
        <v>0</v>
      </c>
      <c r="K25841" s="2">
        <v>0</v>
      </c>
      <c r="L25841" t="s">
        <v>120</v>
      </c>
      <c r="M25841" t="s">
        <v>83</v>
      </c>
      <c r="N25841" t="s">
        <v>91</v>
      </c>
      <c r="O25841" t="s">
        <v>85</v>
      </c>
      <c r="P25841" t="s">
        <v>86</v>
      </c>
      <c r="Q25841">
        <v>7</v>
      </c>
      <c r="R25841">
        <v>7</v>
      </c>
      <c r="S25841">
        <v>7</v>
      </c>
      <c r="T25841">
        <v>7</v>
      </c>
      <c r="U25841">
        <v>7</v>
      </c>
      <c r="V25841">
        <v>7</v>
      </c>
      <c r="W25841">
        <v>7</v>
      </c>
      <c r="X25841">
        <v>7</v>
      </c>
      <c r="Y25841">
        <v>7</v>
      </c>
      <c r="Z25841">
        <v>7</v>
      </c>
      <c r="AA25841">
        <v>7</v>
      </c>
      <c r="AB25841">
        <v>7</v>
      </c>
      <c r="AC25841">
        <v>7</v>
      </c>
      <c r="AD25841">
        <v>7</v>
      </c>
      <c r="AE25841">
        <v>7</v>
      </c>
      <c r="AF25841">
        <v>8</v>
      </c>
      <c r="AG25841">
        <v>8</v>
      </c>
      <c r="AH25841">
        <v>8</v>
      </c>
      <c r="AI25841">
        <v>8</v>
      </c>
      <c r="AJ25841">
        <v>8</v>
      </c>
      <c r="AK25841">
        <v>8</v>
      </c>
      <c r="AL25841">
        <v>8</v>
      </c>
      <c r="AM25841">
        <v>8</v>
      </c>
      <c r="AN25841">
        <v>8</v>
      </c>
      <c r="AO25841">
        <v>8</v>
      </c>
      <c r="AP25841">
        <v>8</v>
      </c>
      <c r="AQ25841">
        <v>8</v>
      </c>
    </row>
    <row r="25842" spans="1:43">
      <c r="A25842" t="s">
        <v>15991</v>
      </c>
      <c r="B25842" t="s">
        <v>15992</v>
      </c>
      <c r="C25842" t="s">
        <v>15939</v>
      </c>
      <c r="D25842" t="s">
        <v>15940</v>
      </c>
      <c r="E25842" t="s">
        <v>15891</v>
      </c>
      <c r="F25842" t="s">
        <v>15892</v>
      </c>
      <c r="G25842" t="s">
        <v>10734</v>
      </c>
      <c r="H25842" t="s">
        <v>10735</v>
      </c>
      <c r="I25842" s="2">
        <v>1</v>
      </c>
      <c r="J25842" s="2">
        <v>0</v>
      </c>
      <c r="K25842" s="2">
        <v>0</v>
      </c>
      <c r="L25842" t="s">
        <v>120</v>
      </c>
      <c r="M25842" t="s">
        <v>83</v>
      </c>
      <c r="N25842" t="s">
        <v>84</v>
      </c>
      <c r="O25842" t="s">
        <v>85</v>
      </c>
      <c r="P25842" t="s">
        <v>86</v>
      </c>
      <c r="Q25842">
        <v>11</v>
      </c>
      <c r="R25842">
        <v>11</v>
      </c>
      <c r="S25842">
        <v>11</v>
      </c>
      <c r="T25842">
        <v>11</v>
      </c>
      <c r="U25842">
        <v>11</v>
      </c>
      <c r="V25842">
        <v>12</v>
      </c>
      <c r="W25842">
        <v>12</v>
      </c>
      <c r="X25842">
        <v>12</v>
      </c>
      <c r="Y25842">
        <v>12</v>
      </c>
      <c r="Z25842">
        <v>12</v>
      </c>
      <c r="AA25842">
        <v>12</v>
      </c>
      <c r="AB25842">
        <v>12</v>
      </c>
      <c r="AC25842">
        <v>12</v>
      </c>
      <c r="AD25842">
        <v>12</v>
      </c>
      <c r="AE25842">
        <v>12</v>
      </c>
      <c r="AF25842">
        <v>12</v>
      </c>
      <c r="AG25842">
        <v>12</v>
      </c>
      <c r="AH25842">
        <v>12</v>
      </c>
      <c r="AI25842">
        <v>12</v>
      </c>
      <c r="AJ25842">
        <v>12</v>
      </c>
      <c r="AK25842">
        <v>13</v>
      </c>
      <c r="AL25842">
        <v>13</v>
      </c>
      <c r="AM25842">
        <v>12</v>
      </c>
      <c r="AN25842">
        <v>12</v>
      </c>
      <c r="AO25842">
        <v>12</v>
      </c>
      <c r="AP25842">
        <v>12</v>
      </c>
      <c r="AQ25842">
        <v>12</v>
      </c>
    </row>
    <row r="25843" spans="1:43">
      <c r="A25843" t="s">
        <v>15991</v>
      </c>
      <c r="B25843" t="s">
        <v>15992</v>
      </c>
      <c r="C25843" t="s">
        <v>15939</v>
      </c>
      <c r="D25843" t="s">
        <v>15940</v>
      </c>
      <c r="E25843" t="s">
        <v>15891</v>
      </c>
      <c r="F25843" t="s">
        <v>15892</v>
      </c>
      <c r="G25843" t="s">
        <v>10734</v>
      </c>
      <c r="H25843" t="s">
        <v>10735</v>
      </c>
      <c r="I25843" s="2">
        <v>1</v>
      </c>
      <c r="J25843" s="2">
        <v>0</v>
      </c>
      <c r="K25843" s="2">
        <v>0</v>
      </c>
      <c r="L25843" t="s">
        <v>120</v>
      </c>
      <c r="M25843" t="s">
        <v>87</v>
      </c>
      <c r="N25843" t="s">
        <v>88</v>
      </c>
      <c r="O25843" t="s">
        <v>85</v>
      </c>
      <c r="P25843" t="s">
        <v>86</v>
      </c>
      <c r="Q25843">
        <v>11</v>
      </c>
      <c r="R25843">
        <v>11</v>
      </c>
      <c r="S25843">
        <v>11</v>
      </c>
      <c r="T25843">
        <v>11</v>
      </c>
      <c r="U25843">
        <v>11</v>
      </c>
      <c r="V25843">
        <v>11</v>
      </c>
      <c r="W25843">
        <v>11</v>
      </c>
      <c r="X25843">
        <v>11</v>
      </c>
      <c r="Y25843">
        <v>11</v>
      </c>
      <c r="Z25843">
        <v>11</v>
      </c>
      <c r="AA25843">
        <v>11</v>
      </c>
      <c r="AB25843">
        <v>11</v>
      </c>
      <c r="AC25843">
        <v>11</v>
      </c>
      <c r="AD25843">
        <v>11</v>
      </c>
      <c r="AE25843">
        <v>11</v>
      </c>
      <c r="AF25843">
        <v>11</v>
      </c>
      <c r="AG25843">
        <v>11</v>
      </c>
      <c r="AH25843">
        <v>11</v>
      </c>
      <c r="AI25843">
        <v>11</v>
      </c>
      <c r="AJ25843">
        <v>11</v>
      </c>
      <c r="AK25843">
        <v>11</v>
      </c>
      <c r="AL25843">
        <v>11</v>
      </c>
      <c r="AM25843">
        <v>11</v>
      </c>
      <c r="AN25843">
        <v>11</v>
      </c>
      <c r="AO25843">
        <v>11</v>
      </c>
      <c r="AP25843">
        <v>11</v>
      </c>
      <c r="AQ25843">
        <v>11</v>
      </c>
    </row>
    <row r="25844" spans="1:43">
      <c r="A25844" t="s">
        <v>15991</v>
      </c>
      <c r="B25844" t="s">
        <v>15992</v>
      </c>
      <c r="C25844" t="s">
        <v>15939</v>
      </c>
      <c r="D25844" t="s">
        <v>15940</v>
      </c>
      <c r="E25844" t="s">
        <v>15891</v>
      </c>
      <c r="F25844" t="s">
        <v>15892</v>
      </c>
      <c r="G25844" t="s">
        <v>10734</v>
      </c>
      <c r="H25844" t="s">
        <v>10735</v>
      </c>
      <c r="I25844" s="2">
        <v>1</v>
      </c>
      <c r="J25844" s="2">
        <v>0</v>
      </c>
      <c r="K25844" s="2">
        <v>0</v>
      </c>
      <c r="L25844" t="s">
        <v>120</v>
      </c>
      <c r="M25844" t="s">
        <v>89</v>
      </c>
      <c r="N25844" t="s">
        <v>90</v>
      </c>
      <c r="O25844" t="s">
        <v>85</v>
      </c>
      <c r="P25844" t="s">
        <v>86</v>
      </c>
      <c r="Q25844">
        <v>11</v>
      </c>
      <c r="R25844">
        <v>11</v>
      </c>
      <c r="S25844">
        <v>12</v>
      </c>
      <c r="T25844">
        <v>12</v>
      </c>
      <c r="U25844">
        <v>12</v>
      </c>
      <c r="V25844">
        <v>12</v>
      </c>
      <c r="W25844">
        <v>12</v>
      </c>
      <c r="X25844">
        <v>12</v>
      </c>
      <c r="Y25844">
        <v>12</v>
      </c>
      <c r="Z25844">
        <v>13</v>
      </c>
      <c r="AA25844">
        <v>13</v>
      </c>
      <c r="AB25844">
        <v>13</v>
      </c>
      <c r="AC25844">
        <v>13</v>
      </c>
      <c r="AD25844">
        <v>13</v>
      </c>
      <c r="AE25844">
        <v>13</v>
      </c>
      <c r="AF25844">
        <v>13</v>
      </c>
      <c r="AG25844">
        <v>13</v>
      </c>
      <c r="AH25844">
        <v>13</v>
      </c>
      <c r="AI25844">
        <v>13</v>
      </c>
      <c r="AJ25844">
        <v>13</v>
      </c>
      <c r="AK25844">
        <v>13</v>
      </c>
      <c r="AL25844">
        <v>13</v>
      </c>
      <c r="AM25844">
        <v>13</v>
      </c>
      <c r="AN25844">
        <v>13</v>
      </c>
      <c r="AO25844">
        <v>13</v>
      </c>
      <c r="AP25844">
        <v>12</v>
      </c>
      <c r="AQ25844">
        <v>12</v>
      </c>
    </row>
    <row r="25845" spans="1:43">
      <c r="A25845" t="s">
        <v>15991</v>
      </c>
      <c r="B25845" t="s">
        <v>15992</v>
      </c>
      <c r="C25845" t="s">
        <v>15939</v>
      </c>
      <c r="D25845" t="s">
        <v>15940</v>
      </c>
      <c r="E25845" t="s">
        <v>15891</v>
      </c>
      <c r="F25845" t="s">
        <v>15892</v>
      </c>
      <c r="G25845" t="s">
        <v>10734</v>
      </c>
      <c r="H25845" t="s">
        <v>10735</v>
      </c>
      <c r="I25845" s="2">
        <v>1</v>
      </c>
      <c r="J25845" s="2">
        <v>0</v>
      </c>
      <c r="K25845" s="2">
        <v>0</v>
      </c>
      <c r="L25845" t="s">
        <v>120</v>
      </c>
      <c r="M25845" t="s">
        <v>83</v>
      </c>
      <c r="N25845" t="s">
        <v>91</v>
      </c>
      <c r="O25845" t="s">
        <v>85</v>
      </c>
      <c r="P25845" t="s">
        <v>86</v>
      </c>
      <c r="Q25845">
        <v>11</v>
      </c>
      <c r="R25845">
        <v>11</v>
      </c>
      <c r="S25845">
        <v>11</v>
      </c>
      <c r="T25845">
        <v>11</v>
      </c>
      <c r="U25845">
        <v>11</v>
      </c>
      <c r="V25845">
        <v>12</v>
      </c>
      <c r="W25845">
        <v>12</v>
      </c>
      <c r="X25845">
        <v>12</v>
      </c>
      <c r="Y25845">
        <v>12</v>
      </c>
      <c r="Z25845">
        <v>12</v>
      </c>
      <c r="AA25845">
        <v>12</v>
      </c>
      <c r="AB25845">
        <v>12</v>
      </c>
      <c r="AC25845">
        <v>12</v>
      </c>
      <c r="AD25845">
        <v>12</v>
      </c>
      <c r="AE25845">
        <v>12</v>
      </c>
      <c r="AF25845">
        <v>12</v>
      </c>
      <c r="AG25845">
        <v>12</v>
      </c>
      <c r="AH25845">
        <v>12</v>
      </c>
      <c r="AI25845">
        <v>12</v>
      </c>
      <c r="AJ25845">
        <v>12</v>
      </c>
      <c r="AK25845">
        <v>13</v>
      </c>
      <c r="AL25845">
        <v>13</v>
      </c>
      <c r="AM25845">
        <v>12</v>
      </c>
      <c r="AN25845">
        <v>12</v>
      </c>
      <c r="AO25845">
        <v>12</v>
      </c>
      <c r="AP25845">
        <v>12</v>
      </c>
      <c r="AQ25845">
        <v>12</v>
      </c>
    </row>
    <row r="25846" spans="1:43">
      <c r="A25846" t="s">
        <v>15993</v>
      </c>
      <c r="B25846" t="s">
        <v>15994</v>
      </c>
      <c r="C25846" t="s">
        <v>15995</v>
      </c>
      <c r="D25846" t="s">
        <v>15996</v>
      </c>
      <c r="E25846" t="s">
        <v>15891</v>
      </c>
      <c r="F25846" t="s">
        <v>15892</v>
      </c>
      <c r="G25846" t="s">
        <v>10734</v>
      </c>
      <c r="H25846" t="s">
        <v>10735</v>
      </c>
      <c r="I25846" s="2">
        <v>1</v>
      </c>
      <c r="J25846" s="2">
        <v>0</v>
      </c>
      <c r="K25846" s="2">
        <v>0</v>
      </c>
      <c r="L25846" t="s">
        <v>120</v>
      </c>
      <c r="M25846" t="s">
        <v>83</v>
      </c>
      <c r="N25846" t="s">
        <v>84</v>
      </c>
      <c r="O25846" t="s">
        <v>85</v>
      </c>
      <c r="P25846" t="s">
        <v>86</v>
      </c>
      <c r="Q25846">
        <v>12</v>
      </c>
      <c r="R25846">
        <v>12</v>
      </c>
      <c r="S25846">
        <v>12</v>
      </c>
      <c r="T25846">
        <v>12</v>
      </c>
      <c r="U25846">
        <v>12</v>
      </c>
      <c r="V25846">
        <v>12</v>
      </c>
      <c r="W25846">
        <v>12</v>
      </c>
      <c r="X25846">
        <v>12</v>
      </c>
      <c r="Y25846">
        <v>12</v>
      </c>
      <c r="Z25846">
        <v>12</v>
      </c>
      <c r="AA25846">
        <v>12</v>
      </c>
      <c r="AB25846">
        <v>13</v>
      </c>
      <c r="AC25846">
        <v>13</v>
      </c>
      <c r="AD25846">
        <v>13</v>
      </c>
      <c r="AE25846">
        <v>13</v>
      </c>
      <c r="AF25846">
        <v>13</v>
      </c>
      <c r="AG25846">
        <v>13</v>
      </c>
      <c r="AH25846">
        <v>13</v>
      </c>
      <c r="AI25846">
        <v>13</v>
      </c>
      <c r="AJ25846">
        <v>13</v>
      </c>
      <c r="AK25846">
        <v>13</v>
      </c>
      <c r="AL25846">
        <v>13</v>
      </c>
      <c r="AM25846">
        <v>13</v>
      </c>
      <c r="AN25846">
        <v>13</v>
      </c>
      <c r="AO25846">
        <v>13</v>
      </c>
      <c r="AP25846">
        <v>13</v>
      </c>
      <c r="AQ25846">
        <v>13</v>
      </c>
    </row>
    <row r="25847" spans="1:43">
      <c r="A25847" t="s">
        <v>15993</v>
      </c>
      <c r="B25847" t="s">
        <v>15994</v>
      </c>
      <c r="C25847" t="s">
        <v>15995</v>
      </c>
      <c r="D25847" t="s">
        <v>15996</v>
      </c>
      <c r="E25847" t="s">
        <v>15891</v>
      </c>
      <c r="F25847" t="s">
        <v>15892</v>
      </c>
      <c r="G25847" t="s">
        <v>10734</v>
      </c>
      <c r="H25847" t="s">
        <v>10735</v>
      </c>
      <c r="I25847" s="2">
        <v>1</v>
      </c>
      <c r="J25847" s="2">
        <v>0</v>
      </c>
      <c r="K25847" s="2">
        <v>0</v>
      </c>
      <c r="L25847" t="s">
        <v>120</v>
      </c>
      <c r="M25847" t="s">
        <v>87</v>
      </c>
      <c r="N25847" t="s">
        <v>88</v>
      </c>
      <c r="O25847" t="s">
        <v>85</v>
      </c>
      <c r="P25847" t="s">
        <v>86</v>
      </c>
      <c r="Q25847">
        <v>12</v>
      </c>
      <c r="R25847">
        <v>11</v>
      </c>
      <c r="S25847">
        <v>11</v>
      </c>
      <c r="T25847">
        <v>11</v>
      </c>
      <c r="U25847">
        <v>11</v>
      </c>
      <c r="V25847">
        <v>11</v>
      </c>
      <c r="W25847">
        <v>11</v>
      </c>
      <c r="X25847">
        <v>11</v>
      </c>
      <c r="Y25847">
        <v>11</v>
      </c>
      <c r="Z25847">
        <v>11</v>
      </c>
      <c r="AA25847">
        <v>11</v>
      </c>
      <c r="AB25847">
        <v>11</v>
      </c>
      <c r="AC25847">
        <v>11</v>
      </c>
      <c r="AD25847">
        <v>11</v>
      </c>
      <c r="AE25847">
        <v>11</v>
      </c>
      <c r="AF25847">
        <v>11</v>
      </c>
      <c r="AG25847">
        <v>11</v>
      </c>
      <c r="AH25847">
        <v>11</v>
      </c>
      <c r="AI25847">
        <v>11</v>
      </c>
      <c r="AJ25847">
        <v>11</v>
      </c>
      <c r="AK25847">
        <v>11</v>
      </c>
      <c r="AL25847">
        <v>11</v>
      </c>
      <c r="AM25847">
        <v>11</v>
      </c>
      <c r="AN25847">
        <v>11</v>
      </c>
      <c r="AO25847">
        <v>11</v>
      </c>
      <c r="AP25847">
        <v>11</v>
      </c>
      <c r="AQ25847">
        <v>11</v>
      </c>
    </row>
    <row r="25848" spans="1:43">
      <c r="A25848" t="s">
        <v>15993</v>
      </c>
      <c r="B25848" t="s">
        <v>15994</v>
      </c>
      <c r="C25848" t="s">
        <v>15995</v>
      </c>
      <c r="D25848" t="s">
        <v>15996</v>
      </c>
      <c r="E25848" t="s">
        <v>15891</v>
      </c>
      <c r="F25848" t="s">
        <v>15892</v>
      </c>
      <c r="G25848" t="s">
        <v>10734</v>
      </c>
      <c r="H25848" t="s">
        <v>10735</v>
      </c>
      <c r="I25848" s="2">
        <v>1</v>
      </c>
      <c r="J25848" s="2">
        <v>0</v>
      </c>
      <c r="K25848" s="2">
        <v>0</v>
      </c>
      <c r="L25848" t="s">
        <v>120</v>
      </c>
      <c r="M25848" t="s">
        <v>89</v>
      </c>
      <c r="N25848" t="s">
        <v>90</v>
      </c>
      <c r="O25848" t="s">
        <v>85</v>
      </c>
      <c r="P25848" t="s">
        <v>86</v>
      </c>
      <c r="Q25848">
        <v>12</v>
      </c>
      <c r="R25848">
        <v>12</v>
      </c>
      <c r="S25848">
        <v>12</v>
      </c>
      <c r="T25848">
        <v>12</v>
      </c>
      <c r="U25848">
        <v>12</v>
      </c>
      <c r="V25848">
        <v>13</v>
      </c>
      <c r="W25848">
        <v>13</v>
      </c>
      <c r="X25848">
        <v>13</v>
      </c>
      <c r="Y25848">
        <v>13</v>
      </c>
      <c r="Z25848">
        <v>13</v>
      </c>
      <c r="AA25848">
        <v>13</v>
      </c>
      <c r="AB25848">
        <v>13</v>
      </c>
      <c r="AC25848">
        <v>13</v>
      </c>
      <c r="AD25848">
        <v>14</v>
      </c>
      <c r="AE25848">
        <v>14</v>
      </c>
      <c r="AF25848">
        <v>14</v>
      </c>
      <c r="AG25848">
        <v>14</v>
      </c>
      <c r="AH25848">
        <v>13</v>
      </c>
      <c r="AI25848">
        <v>13</v>
      </c>
      <c r="AJ25848">
        <v>13</v>
      </c>
      <c r="AK25848">
        <v>13</v>
      </c>
      <c r="AL25848">
        <v>13</v>
      </c>
      <c r="AM25848">
        <v>13</v>
      </c>
      <c r="AN25848">
        <v>13</v>
      </c>
      <c r="AO25848">
        <v>13</v>
      </c>
      <c r="AP25848">
        <v>13</v>
      </c>
      <c r="AQ25848">
        <v>13</v>
      </c>
    </row>
    <row r="25849" spans="1:43">
      <c r="A25849" t="s">
        <v>15993</v>
      </c>
      <c r="B25849" t="s">
        <v>15994</v>
      </c>
      <c r="C25849" t="s">
        <v>15995</v>
      </c>
      <c r="D25849" t="s">
        <v>15996</v>
      </c>
      <c r="E25849" t="s">
        <v>15891</v>
      </c>
      <c r="F25849" t="s">
        <v>15892</v>
      </c>
      <c r="G25849" t="s">
        <v>10734</v>
      </c>
      <c r="H25849" t="s">
        <v>10735</v>
      </c>
      <c r="I25849" s="2">
        <v>1</v>
      </c>
      <c r="J25849" s="2">
        <v>0</v>
      </c>
      <c r="K25849" s="2">
        <v>0</v>
      </c>
      <c r="L25849" t="s">
        <v>120</v>
      </c>
      <c r="M25849" t="s">
        <v>83</v>
      </c>
      <c r="N25849" t="s">
        <v>91</v>
      </c>
      <c r="O25849" t="s">
        <v>85</v>
      </c>
      <c r="P25849" t="s">
        <v>86</v>
      </c>
      <c r="Q25849">
        <v>12</v>
      </c>
      <c r="R25849">
        <v>12</v>
      </c>
      <c r="S25849">
        <v>12</v>
      </c>
      <c r="T25849">
        <v>12</v>
      </c>
      <c r="U25849">
        <v>12</v>
      </c>
      <c r="V25849">
        <v>12</v>
      </c>
      <c r="W25849">
        <v>12</v>
      </c>
      <c r="X25849">
        <v>12</v>
      </c>
      <c r="Y25849">
        <v>12</v>
      </c>
      <c r="Z25849">
        <v>12</v>
      </c>
      <c r="AA25849">
        <v>12</v>
      </c>
      <c r="AB25849">
        <v>13</v>
      </c>
      <c r="AC25849">
        <v>13</v>
      </c>
      <c r="AD25849">
        <v>13</v>
      </c>
      <c r="AE25849">
        <v>13</v>
      </c>
      <c r="AF25849">
        <v>13</v>
      </c>
      <c r="AG25849">
        <v>13</v>
      </c>
      <c r="AH25849">
        <v>13</v>
      </c>
      <c r="AI25849">
        <v>13</v>
      </c>
      <c r="AJ25849">
        <v>13</v>
      </c>
      <c r="AK25849">
        <v>13</v>
      </c>
      <c r="AL25849">
        <v>13</v>
      </c>
      <c r="AM25849">
        <v>13</v>
      </c>
      <c r="AN25849">
        <v>13</v>
      </c>
      <c r="AO25849">
        <v>13</v>
      </c>
      <c r="AP25849">
        <v>13</v>
      </c>
      <c r="AQ25849">
        <v>13</v>
      </c>
    </row>
    <row r="25850" spans="1:43">
      <c r="A25850" t="s">
        <v>15997</v>
      </c>
      <c r="B25850" t="s">
        <v>15998</v>
      </c>
      <c r="C25850" t="s">
        <v>15995</v>
      </c>
      <c r="D25850" t="s">
        <v>15996</v>
      </c>
      <c r="E25850" t="s">
        <v>15891</v>
      </c>
      <c r="F25850" t="s">
        <v>15892</v>
      </c>
      <c r="G25850" t="s">
        <v>10734</v>
      </c>
      <c r="H25850" t="s">
        <v>10735</v>
      </c>
      <c r="I25850" s="2">
        <v>1</v>
      </c>
      <c r="J25850" s="2">
        <v>0</v>
      </c>
      <c r="K25850" s="2">
        <v>0</v>
      </c>
      <c r="L25850" t="s">
        <v>120</v>
      </c>
      <c r="M25850" t="s">
        <v>83</v>
      </c>
      <c r="N25850" t="s">
        <v>84</v>
      </c>
      <c r="O25850" t="s">
        <v>85</v>
      </c>
      <c r="P25850" t="s">
        <v>86</v>
      </c>
      <c r="Q25850">
        <v>29</v>
      </c>
      <c r="R25850">
        <v>30</v>
      </c>
      <c r="S25850">
        <v>30</v>
      </c>
      <c r="T25850">
        <v>30</v>
      </c>
      <c r="U25850">
        <v>30</v>
      </c>
      <c r="V25850">
        <v>30</v>
      </c>
      <c r="W25850">
        <v>31</v>
      </c>
      <c r="X25850">
        <v>31</v>
      </c>
      <c r="Y25850">
        <v>31</v>
      </c>
      <c r="Z25850">
        <v>31</v>
      </c>
      <c r="AA25850">
        <v>31</v>
      </c>
      <c r="AB25850">
        <v>31</v>
      </c>
      <c r="AC25850">
        <v>31</v>
      </c>
      <c r="AD25850">
        <v>32</v>
      </c>
      <c r="AE25850">
        <v>32</v>
      </c>
      <c r="AF25850">
        <v>32</v>
      </c>
      <c r="AG25850">
        <v>32</v>
      </c>
      <c r="AH25850">
        <v>32</v>
      </c>
      <c r="AI25850">
        <v>32</v>
      </c>
      <c r="AJ25850">
        <v>32</v>
      </c>
      <c r="AK25850">
        <v>32</v>
      </c>
      <c r="AL25850">
        <v>32</v>
      </c>
      <c r="AM25850">
        <v>32</v>
      </c>
      <c r="AN25850">
        <v>32</v>
      </c>
      <c r="AO25850">
        <v>32</v>
      </c>
      <c r="AP25850">
        <v>31</v>
      </c>
      <c r="AQ25850">
        <v>31</v>
      </c>
    </row>
    <row r="25851" spans="1:43">
      <c r="A25851" t="s">
        <v>15997</v>
      </c>
      <c r="B25851" t="s">
        <v>15998</v>
      </c>
      <c r="C25851" t="s">
        <v>15995</v>
      </c>
      <c r="D25851" t="s">
        <v>15996</v>
      </c>
      <c r="E25851" t="s">
        <v>15891</v>
      </c>
      <c r="F25851" t="s">
        <v>15892</v>
      </c>
      <c r="G25851" t="s">
        <v>10734</v>
      </c>
      <c r="H25851" t="s">
        <v>10735</v>
      </c>
      <c r="I25851" s="2">
        <v>1</v>
      </c>
      <c r="J25851" s="2">
        <v>0</v>
      </c>
      <c r="K25851" s="2">
        <v>0</v>
      </c>
      <c r="L25851" t="s">
        <v>120</v>
      </c>
      <c r="M25851" t="s">
        <v>87</v>
      </c>
      <c r="N25851" t="s">
        <v>88</v>
      </c>
      <c r="O25851" t="s">
        <v>85</v>
      </c>
      <c r="P25851" t="s">
        <v>86</v>
      </c>
      <c r="Q25851">
        <v>29</v>
      </c>
      <c r="R25851">
        <v>29</v>
      </c>
      <c r="S25851">
        <v>29</v>
      </c>
      <c r="T25851">
        <v>29</v>
      </c>
      <c r="U25851">
        <v>29</v>
      </c>
      <c r="V25851">
        <v>29</v>
      </c>
      <c r="W25851">
        <v>29</v>
      </c>
      <c r="X25851">
        <v>29</v>
      </c>
      <c r="Y25851">
        <v>29</v>
      </c>
      <c r="Z25851">
        <v>29</v>
      </c>
      <c r="AA25851">
        <v>28</v>
      </c>
      <c r="AB25851">
        <v>28</v>
      </c>
      <c r="AC25851">
        <v>28</v>
      </c>
      <c r="AD25851">
        <v>28</v>
      </c>
      <c r="AE25851">
        <v>28</v>
      </c>
      <c r="AF25851">
        <v>28</v>
      </c>
      <c r="AG25851">
        <v>28</v>
      </c>
      <c r="AH25851">
        <v>28</v>
      </c>
      <c r="AI25851">
        <v>28</v>
      </c>
      <c r="AJ25851">
        <v>28</v>
      </c>
      <c r="AK25851">
        <v>28</v>
      </c>
      <c r="AL25851">
        <v>28</v>
      </c>
      <c r="AM25851">
        <v>28</v>
      </c>
      <c r="AN25851">
        <v>28</v>
      </c>
      <c r="AO25851">
        <v>27</v>
      </c>
      <c r="AP25851">
        <v>27</v>
      </c>
      <c r="AQ25851">
        <v>27</v>
      </c>
    </row>
    <row r="25852" spans="1:43">
      <c r="A25852" t="s">
        <v>15997</v>
      </c>
      <c r="B25852" t="s">
        <v>15998</v>
      </c>
      <c r="C25852" t="s">
        <v>15995</v>
      </c>
      <c r="D25852" t="s">
        <v>15996</v>
      </c>
      <c r="E25852" t="s">
        <v>15891</v>
      </c>
      <c r="F25852" t="s">
        <v>15892</v>
      </c>
      <c r="G25852" t="s">
        <v>10734</v>
      </c>
      <c r="H25852" t="s">
        <v>10735</v>
      </c>
      <c r="I25852" s="2">
        <v>1</v>
      </c>
      <c r="J25852" s="2">
        <v>0</v>
      </c>
      <c r="K25852" s="2">
        <v>0</v>
      </c>
      <c r="L25852" t="s">
        <v>120</v>
      </c>
      <c r="M25852" t="s">
        <v>89</v>
      </c>
      <c r="N25852" t="s">
        <v>90</v>
      </c>
      <c r="O25852" t="s">
        <v>85</v>
      </c>
      <c r="P25852" t="s">
        <v>86</v>
      </c>
      <c r="Q25852">
        <v>29</v>
      </c>
      <c r="R25852">
        <v>29</v>
      </c>
      <c r="S25852">
        <v>30</v>
      </c>
      <c r="T25852">
        <v>30</v>
      </c>
      <c r="U25852">
        <v>30</v>
      </c>
      <c r="V25852">
        <v>31</v>
      </c>
      <c r="W25852">
        <v>31</v>
      </c>
      <c r="X25852">
        <v>31</v>
      </c>
      <c r="Y25852">
        <v>32</v>
      </c>
      <c r="Z25852">
        <v>32</v>
      </c>
      <c r="AA25852">
        <v>32</v>
      </c>
      <c r="AB25852">
        <v>32</v>
      </c>
      <c r="AC25852">
        <v>33</v>
      </c>
      <c r="AD25852">
        <v>33</v>
      </c>
      <c r="AE25852">
        <v>33</v>
      </c>
      <c r="AF25852">
        <v>33</v>
      </c>
      <c r="AG25852">
        <v>33</v>
      </c>
      <c r="AH25852">
        <v>32</v>
      </c>
      <c r="AI25852">
        <v>32</v>
      </c>
      <c r="AJ25852">
        <v>32</v>
      </c>
      <c r="AK25852">
        <v>32</v>
      </c>
      <c r="AL25852">
        <v>32</v>
      </c>
      <c r="AM25852">
        <v>31</v>
      </c>
      <c r="AN25852">
        <v>31</v>
      </c>
      <c r="AO25852">
        <v>31</v>
      </c>
      <c r="AP25852">
        <v>31</v>
      </c>
      <c r="AQ25852">
        <v>31</v>
      </c>
    </row>
    <row r="25853" spans="1:43">
      <c r="A25853" t="s">
        <v>15997</v>
      </c>
      <c r="B25853" t="s">
        <v>15998</v>
      </c>
      <c r="C25853" t="s">
        <v>15995</v>
      </c>
      <c r="D25853" t="s">
        <v>15996</v>
      </c>
      <c r="E25853" t="s">
        <v>15891</v>
      </c>
      <c r="F25853" t="s">
        <v>15892</v>
      </c>
      <c r="G25853" t="s">
        <v>10734</v>
      </c>
      <c r="H25853" t="s">
        <v>10735</v>
      </c>
      <c r="I25853" s="2">
        <v>1</v>
      </c>
      <c r="J25853" s="2">
        <v>0</v>
      </c>
      <c r="K25853" s="2">
        <v>0</v>
      </c>
      <c r="L25853" t="s">
        <v>120</v>
      </c>
      <c r="M25853" t="s">
        <v>83</v>
      </c>
      <c r="N25853" t="s">
        <v>91</v>
      </c>
      <c r="O25853" t="s">
        <v>85</v>
      </c>
      <c r="P25853" t="s">
        <v>86</v>
      </c>
      <c r="Q25853">
        <v>29</v>
      </c>
      <c r="R25853">
        <v>30</v>
      </c>
      <c r="S25853">
        <v>30</v>
      </c>
      <c r="T25853">
        <v>30</v>
      </c>
      <c r="U25853">
        <v>30</v>
      </c>
      <c r="V25853">
        <v>30</v>
      </c>
      <c r="W25853">
        <v>31</v>
      </c>
      <c r="X25853">
        <v>31</v>
      </c>
      <c r="Y25853">
        <v>31</v>
      </c>
      <c r="Z25853">
        <v>31</v>
      </c>
      <c r="AA25853">
        <v>31</v>
      </c>
      <c r="AB25853">
        <v>31</v>
      </c>
      <c r="AC25853">
        <v>31</v>
      </c>
      <c r="AD25853">
        <v>32</v>
      </c>
      <c r="AE25853">
        <v>32</v>
      </c>
      <c r="AF25853">
        <v>32</v>
      </c>
      <c r="AG25853">
        <v>32</v>
      </c>
      <c r="AH25853">
        <v>32</v>
      </c>
      <c r="AI25853">
        <v>32</v>
      </c>
      <c r="AJ25853">
        <v>32</v>
      </c>
      <c r="AK25853">
        <v>32</v>
      </c>
      <c r="AL25853">
        <v>32</v>
      </c>
      <c r="AM25853">
        <v>32</v>
      </c>
      <c r="AN25853">
        <v>32</v>
      </c>
      <c r="AO25853">
        <v>32</v>
      </c>
      <c r="AP25853">
        <v>31</v>
      </c>
      <c r="AQ25853">
        <v>31</v>
      </c>
    </row>
    <row r="25854" spans="1:43">
      <c r="A25854" t="s">
        <v>15999</v>
      </c>
      <c r="B25854" t="s">
        <v>16000</v>
      </c>
      <c r="C25854" t="s">
        <v>15995</v>
      </c>
      <c r="D25854" t="s">
        <v>15996</v>
      </c>
      <c r="E25854" t="s">
        <v>15891</v>
      </c>
      <c r="F25854" t="s">
        <v>15892</v>
      </c>
      <c r="G25854" t="s">
        <v>10734</v>
      </c>
      <c r="H25854" t="s">
        <v>10735</v>
      </c>
      <c r="I25854" s="2">
        <v>1</v>
      </c>
      <c r="J25854" s="2">
        <v>0</v>
      </c>
      <c r="K25854" s="2">
        <v>0</v>
      </c>
      <c r="L25854" t="s">
        <v>120</v>
      </c>
      <c r="M25854" t="s">
        <v>83</v>
      </c>
      <c r="N25854" t="s">
        <v>84</v>
      </c>
      <c r="O25854" t="s">
        <v>85</v>
      </c>
      <c r="P25854" t="s">
        <v>86</v>
      </c>
      <c r="Q25854">
        <v>22</v>
      </c>
      <c r="R25854">
        <v>22</v>
      </c>
      <c r="S25854">
        <v>22</v>
      </c>
      <c r="T25854">
        <v>22</v>
      </c>
      <c r="U25854">
        <v>22</v>
      </c>
      <c r="V25854">
        <v>23</v>
      </c>
      <c r="W25854">
        <v>23</v>
      </c>
      <c r="X25854">
        <v>23</v>
      </c>
      <c r="Y25854">
        <v>23</v>
      </c>
      <c r="Z25854">
        <v>23</v>
      </c>
      <c r="AA25854">
        <v>23</v>
      </c>
      <c r="AB25854">
        <v>23</v>
      </c>
      <c r="AC25854">
        <v>23</v>
      </c>
      <c r="AD25854">
        <v>24</v>
      </c>
      <c r="AE25854">
        <v>24</v>
      </c>
      <c r="AF25854">
        <v>24</v>
      </c>
      <c r="AG25854">
        <v>24</v>
      </c>
      <c r="AH25854">
        <v>24</v>
      </c>
      <c r="AI25854">
        <v>24</v>
      </c>
      <c r="AJ25854">
        <v>24</v>
      </c>
      <c r="AK25854">
        <v>24</v>
      </c>
      <c r="AL25854">
        <v>24</v>
      </c>
      <c r="AM25854">
        <v>24</v>
      </c>
      <c r="AN25854">
        <v>24</v>
      </c>
      <c r="AO25854">
        <v>24</v>
      </c>
      <c r="AP25854">
        <v>24</v>
      </c>
      <c r="AQ25854">
        <v>23</v>
      </c>
    </row>
    <row r="25855" spans="1:43">
      <c r="A25855" t="s">
        <v>15999</v>
      </c>
      <c r="B25855" t="s">
        <v>16000</v>
      </c>
      <c r="C25855" t="s">
        <v>15995</v>
      </c>
      <c r="D25855" t="s">
        <v>15996</v>
      </c>
      <c r="E25855" t="s">
        <v>15891</v>
      </c>
      <c r="F25855" t="s">
        <v>15892</v>
      </c>
      <c r="G25855" t="s">
        <v>10734</v>
      </c>
      <c r="H25855" t="s">
        <v>10735</v>
      </c>
      <c r="I25855" s="2">
        <v>1</v>
      </c>
      <c r="J25855" s="2">
        <v>0</v>
      </c>
      <c r="K25855" s="2">
        <v>0</v>
      </c>
      <c r="L25855" t="s">
        <v>120</v>
      </c>
      <c r="M25855" t="s">
        <v>87</v>
      </c>
      <c r="N25855" t="s">
        <v>88</v>
      </c>
      <c r="O25855" t="s">
        <v>85</v>
      </c>
      <c r="P25855" t="s">
        <v>86</v>
      </c>
      <c r="Q25855">
        <v>22</v>
      </c>
      <c r="R25855">
        <v>22</v>
      </c>
      <c r="S25855">
        <v>22</v>
      </c>
      <c r="T25855">
        <v>21</v>
      </c>
      <c r="U25855">
        <v>21</v>
      </c>
      <c r="V25855">
        <v>21</v>
      </c>
      <c r="W25855">
        <v>21</v>
      </c>
      <c r="X25855">
        <v>21</v>
      </c>
      <c r="Y25855">
        <v>21</v>
      </c>
      <c r="Z25855">
        <v>21</v>
      </c>
      <c r="AA25855">
        <v>21</v>
      </c>
      <c r="AB25855">
        <v>21</v>
      </c>
      <c r="AC25855">
        <v>21</v>
      </c>
      <c r="AD25855">
        <v>21</v>
      </c>
      <c r="AE25855">
        <v>21</v>
      </c>
      <c r="AF25855">
        <v>21</v>
      </c>
      <c r="AG25855">
        <v>21</v>
      </c>
      <c r="AH25855">
        <v>21</v>
      </c>
      <c r="AI25855">
        <v>21</v>
      </c>
      <c r="AJ25855">
        <v>21</v>
      </c>
      <c r="AK25855">
        <v>21</v>
      </c>
      <c r="AL25855">
        <v>21</v>
      </c>
      <c r="AM25855">
        <v>21</v>
      </c>
      <c r="AN25855">
        <v>21</v>
      </c>
      <c r="AO25855">
        <v>20</v>
      </c>
      <c r="AP25855">
        <v>20</v>
      </c>
      <c r="AQ25855">
        <v>20</v>
      </c>
    </row>
    <row r="25856" spans="1:43">
      <c r="A25856" t="s">
        <v>15999</v>
      </c>
      <c r="B25856" t="s">
        <v>16000</v>
      </c>
      <c r="C25856" t="s">
        <v>15995</v>
      </c>
      <c r="D25856" t="s">
        <v>15996</v>
      </c>
      <c r="E25856" t="s">
        <v>15891</v>
      </c>
      <c r="F25856" t="s">
        <v>15892</v>
      </c>
      <c r="G25856" t="s">
        <v>10734</v>
      </c>
      <c r="H25856" t="s">
        <v>10735</v>
      </c>
      <c r="I25856" s="2">
        <v>1</v>
      </c>
      <c r="J25856" s="2">
        <v>0</v>
      </c>
      <c r="K25856" s="2">
        <v>0</v>
      </c>
      <c r="L25856" t="s">
        <v>120</v>
      </c>
      <c r="M25856" t="s">
        <v>89</v>
      </c>
      <c r="N25856" t="s">
        <v>90</v>
      </c>
      <c r="O25856" t="s">
        <v>85</v>
      </c>
      <c r="P25856" t="s">
        <v>86</v>
      </c>
      <c r="Q25856">
        <v>22</v>
      </c>
      <c r="R25856">
        <v>22</v>
      </c>
      <c r="S25856">
        <v>23</v>
      </c>
      <c r="T25856">
        <v>23</v>
      </c>
      <c r="U25856">
        <v>23</v>
      </c>
      <c r="V25856">
        <v>24</v>
      </c>
      <c r="W25856">
        <v>24</v>
      </c>
      <c r="X25856">
        <v>24</v>
      </c>
      <c r="Y25856">
        <v>24</v>
      </c>
      <c r="Z25856">
        <v>25</v>
      </c>
      <c r="AA25856">
        <v>25</v>
      </c>
      <c r="AB25856">
        <v>25</v>
      </c>
      <c r="AC25856">
        <v>25</v>
      </c>
      <c r="AD25856">
        <v>25</v>
      </c>
      <c r="AE25856">
        <v>25</v>
      </c>
      <c r="AF25856">
        <v>25</v>
      </c>
      <c r="AG25856">
        <v>25</v>
      </c>
      <c r="AH25856">
        <v>25</v>
      </c>
      <c r="AI25856">
        <v>25</v>
      </c>
      <c r="AJ25856">
        <v>25</v>
      </c>
      <c r="AK25856">
        <v>24</v>
      </c>
      <c r="AL25856">
        <v>24</v>
      </c>
      <c r="AM25856">
        <v>24</v>
      </c>
      <c r="AN25856">
        <v>24</v>
      </c>
      <c r="AO25856">
        <v>24</v>
      </c>
      <c r="AP25856">
        <v>24</v>
      </c>
      <c r="AQ25856">
        <v>24</v>
      </c>
    </row>
    <row r="25857" spans="1:43">
      <c r="A25857" t="s">
        <v>15999</v>
      </c>
      <c r="B25857" t="s">
        <v>16000</v>
      </c>
      <c r="C25857" t="s">
        <v>15995</v>
      </c>
      <c r="D25857" t="s">
        <v>15996</v>
      </c>
      <c r="E25857" t="s">
        <v>15891</v>
      </c>
      <c r="F25857" t="s">
        <v>15892</v>
      </c>
      <c r="G25857" t="s">
        <v>10734</v>
      </c>
      <c r="H25857" t="s">
        <v>10735</v>
      </c>
      <c r="I25857" s="2">
        <v>1</v>
      </c>
      <c r="J25857" s="2">
        <v>0</v>
      </c>
      <c r="K25857" s="2">
        <v>0</v>
      </c>
      <c r="L25857" t="s">
        <v>120</v>
      </c>
      <c r="M25857" t="s">
        <v>83</v>
      </c>
      <c r="N25857" t="s">
        <v>91</v>
      </c>
      <c r="O25857" t="s">
        <v>85</v>
      </c>
      <c r="P25857" t="s">
        <v>86</v>
      </c>
      <c r="Q25857">
        <v>22</v>
      </c>
      <c r="R25857">
        <v>22</v>
      </c>
      <c r="S25857">
        <v>22</v>
      </c>
      <c r="T25857">
        <v>22</v>
      </c>
      <c r="U25857">
        <v>22</v>
      </c>
      <c r="V25857">
        <v>23</v>
      </c>
      <c r="W25857">
        <v>23</v>
      </c>
      <c r="X25857">
        <v>23</v>
      </c>
      <c r="Y25857">
        <v>23</v>
      </c>
      <c r="Z25857">
        <v>23</v>
      </c>
      <c r="AA25857">
        <v>23</v>
      </c>
      <c r="AB25857">
        <v>23</v>
      </c>
      <c r="AC25857">
        <v>23</v>
      </c>
      <c r="AD25857">
        <v>24</v>
      </c>
      <c r="AE25857">
        <v>24</v>
      </c>
      <c r="AF25857">
        <v>24</v>
      </c>
      <c r="AG25857">
        <v>24</v>
      </c>
      <c r="AH25857">
        <v>24</v>
      </c>
      <c r="AI25857">
        <v>24</v>
      </c>
      <c r="AJ25857">
        <v>24</v>
      </c>
      <c r="AK25857">
        <v>24</v>
      </c>
      <c r="AL25857">
        <v>24</v>
      </c>
      <c r="AM25857">
        <v>24</v>
      </c>
      <c r="AN25857">
        <v>24</v>
      </c>
      <c r="AO25857">
        <v>24</v>
      </c>
      <c r="AP25857">
        <v>24</v>
      </c>
      <c r="AQ25857">
        <v>23</v>
      </c>
    </row>
    <row r="25858" spans="1:43">
      <c r="A25858" t="s">
        <v>16001</v>
      </c>
      <c r="B25858" t="s">
        <v>16002</v>
      </c>
      <c r="C25858" t="s">
        <v>15917</v>
      </c>
      <c r="D25858" t="s">
        <v>15918</v>
      </c>
      <c r="E25858" t="s">
        <v>15891</v>
      </c>
      <c r="F25858" t="s">
        <v>15892</v>
      </c>
      <c r="G25858" t="s">
        <v>10734</v>
      </c>
      <c r="H25858" t="s">
        <v>10735</v>
      </c>
      <c r="I25858" s="2">
        <v>1</v>
      </c>
      <c r="J25858" s="2">
        <v>0</v>
      </c>
      <c r="K25858" s="2">
        <v>0</v>
      </c>
      <c r="L25858" t="s">
        <v>120</v>
      </c>
      <c r="M25858" t="s">
        <v>83</v>
      </c>
      <c r="N25858" t="s">
        <v>84</v>
      </c>
      <c r="O25858" t="s">
        <v>85</v>
      </c>
      <c r="P25858" t="s">
        <v>86</v>
      </c>
      <c r="Q25858">
        <v>7</v>
      </c>
      <c r="R25858">
        <v>7</v>
      </c>
      <c r="S25858">
        <v>7</v>
      </c>
      <c r="T25858">
        <v>7</v>
      </c>
      <c r="U25858">
        <v>7</v>
      </c>
      <c r="V25858">
        <v>7</v>
      </c>
      <c r="W25858">
        <v>7</v>
      </c>
      <c r="X25858">
        <v>7</v>
      </c>
      <c r="Y25858">
        <v>8</v>
      </c>
      <c r="Z25858">
        <v>8</v>
      </c>
      <c r="AA25858">
        <v>8</v>
      </c>
      <c r="AB25858">
        <v>8</v>
      </c>
      <c r="AC25858">
        <v>8</v>
      </c>
      <c r="AD25858">
        <v>8</v>
      </c>
      <c r="AE25858">
        <v>8</v>
      </c>
      <c r="AF25858">
        <v>8</v>
      </c>
      <c r="AG25858">
        <v>8</v>
      </c>
      <c r="AH25858">
        <v>8</v>
      </c>
      <c r="AI25858">
        <v>8</v>
      </c>
      <c r="AJ25858">
        <v>8</v>
      </c>
      <c r="AK25858">
        <v>8</v>
      </c>
      <c r="AL25858">
        <v>8</v>
      </c>
      <c r="AM25858">
        <v>8</v>
      </c>
      <c r="AN25858">
        <v>8</v>
      </c>
      <c r="AO25858">
        <v>8</v>
      </c>
      <c r="AP25858">
        <v>8</v>
      </c>
      <c r="AQ25858">
        <v>8</v>
      </c>
    </row>
    <row r="25859" spans="1:43">
      <c r="A25859" t="s">
        <v>16001</v>
      </c>
      <c r="B25859" t="s">
        <v>16002</v>
      </c>
      <c r="C25859" t="s">
        <v>15917</v>
      </c>
      <c r="D25859" t="s">
        <v>15918</v>
      </c>
      <c r="E25859" t="s">
        <v>15891</v>
      </c>
      <c r="F25859" t="s">
        <v>15892</v>
      </c>
      <c r="G25859" t="s">
        <v>10734</v>
      </c>
      <c r="H25859" t="s">
        <v>10735</v>
      </c>
      <c r="I25859" s="2">
        <v>1</v>
      </c>
      <c r="J25859" s="2">
        <v>0</v>
      </c>
      <c r="K25859" s="2">
        <v>0</v>
      </c>
      <c r="L25859" t="s">
        <v>120</v>
      </c>
      <c r="M25859" t="s">
        <v>87</v>
      </c>
      <c r="N25859" t="s">
        <v>88</v>
      </c>
      <c r="O25859" t="s">
        <v>85</v>
      </c>
      <c r="P25859" t="s">
        <v>86</v>
      </c>
      <c r="Q25859">
        <v>7</v>
      </c>
      <c r="R25859">
        <v>7</v>
      </c>
      <c r="S25859">
        <v>7</v>
      </c>
      <c r="T25859">
        <v>7</v>
      </c>
      <c r="U25859">
        <v>7</v>
      </c>
      <c r="V25859">
        <v>7</v>
      </c>
      <c r="W25859">
        <v>7</v>
      </c>
      <c r="X25859">
        <v>7</v>
      </c>
      <c r="Y25859">
        <v>7</v>
      </c>
      <c r="Z25859">
        <v>7</v>
      </c>
      <c r="AA25859">
        <v>7</v>
      </c>
      <c r="AB25859">
        <v>7</v>
      </c>
      <c r="AC25859">
        <v>7</v>
      </c>
      <c r="AD25859">
        <v>7</v>
      </c>
      <c r="AE25859">
        <v>7</v>
      </c>
      <c r="AF25859">
        <v>7</v>
      </c>
      <c r="AG25859">
        <v>7</v>
      </c>
      <c r="AH25859">
        <v>7</v>
      </c>
      <c r="AI25859">
        <v>7</v>
      </c>
      <c r="AJ25859">
        <v>7</v>
      </c>
      <c r="AK25859">
        <v>7</v>
      </c>
      <c r="AL25859">
        <v>7</v>
      </c>
      <c r="AM25859">
        <v>7</v>
      </c>
      <c r="AN25859">
        <v>7</v>
      </c>
      <c r="AO25859">
        <v>7</v>
      </c>
      <c r="AP25859">
        <v>7</v>
      </c>
      <c r="AQ25859">
        <v>7</v>
      </c>
    </row>
    <row r="25860" spans="1:43">
      <c r="A25860" t="s">
        <v>16001</v>
      </c>
      <c r="B25860" t="s">
        <v>16002</v>
      </c>
      <c r="C25860" t="s">
        <v>15917</v>
      </c>
      <c r="D25860" t="s">
        <v>15918</v>
      </c>
      <c r="E25860" t="s">
        <v>15891</v>
      </c>
      <c r="F25860" t="s">
        <v>15892</v>
      </c>
      <c r="G25860" t="s">
        <v>10734</v>
      </c>
      <c r="H25860" t="s">
        <v>10735</v>
      </c>
      <c r="I25860" s="2">
        <v>1</v>
      </c>
      <c r="J25860" s="2">
        <v>0</v>
      </c>
      <c r="K25860" s="2">
        <v>0</v>
      </c>
      <c r="L25860" t="s">
        <v>120</v>
      </c>
      <c r="M25860" t="s">
        <v>89</v>
      </c>
      <c r="N25860" t="s">
        <v>90</v>
      </c>
      <c r="O25860" t="s">
        <v>85</v>
      </c>
      <c r="P25860" t="s">
        <v>86</v>
      </c>
      <c r="Q25860">
        <v>7</v>
      </c>
      <c r="R25860">
        <v>7</v>
      </c>
      <c r="S25860">
        <v>7</v>
      </c>
      <c r="T25860">
        <v>8</v>
      </c>
      <c r="U25860">
        <v>8</v>
      </c>
      <c r="V25860">
        <v>8</v>
      </c>
      <c r="W25860">
        <v>8</v>
      </c>
      <c r="X25860">
        <v>8</v>
      </c>
      <c r="Y25860">
        <v>8</v>
      </c>
      <c r="Z25860">
        <v>8</v>
      </c>
      <c r="AA25860">
        <v>8</v>
      </c>
      <c r="AB25860">
        <v>8</v>
      </c>
      <c r="AC25860">
        <v>8</v>
      </c>
      <c r="AD25860">
        <v>8</v>
      </c>
      <c r="AE25860">
        <v>8</v>
      </c>
      <c r="AF25860">
        <v>8</v>
      </c>
      <c r="AG25860">
        <v>8</v>
      </c>
      <c r="AH25860">
        <v>8</v>
      </c>
      <c r="AI25860">
        <v>8</v>
      </c>
      <c r="AJ25860">
        <v>8</v>
      </c>
      <c r="AK25860">
        <v>8</v>
      </c>
      <c r="AL25860">
        <v>8</v>
      </c>
      <c r="AM25860">
        <v>8</v>
      </c>
      <c r="AN25860">
        <v>8</v>
      </c>
      <c r="AO25860">
        <v>8</v>
      </c>
      <c r="AP25860">
        <v>8</v>
      </c>
      <c r="AQ25860">
        <v>8</v>
      </c>
    </row>
    <row r="25861" spans="1:43">
      <c r="A25861" t="s">
        <v>16001</v>
      </c>
      <c r="B25861" t="s">
        <v>16002</v>
      </c>
      <c r="C25861" t="s">
        <v>15917</v>
      </c>
      <c r="D25861" t="s">
        <v>15918</v>
      </c>
      <c r="E25861" t="s">
        <v>15891</v>
      </c>
      <c r="F25861" t="s">
        <v>15892</v>
      </c>
      <c r="G25861" t="s">
        <v>10734</v>
      </c>
      <c r="H25861" t="s">
        <v>10735</v>
      </c>
      <c r="I25861" s="2">
        <v>1</v>
      </c>
      <c r="J25861" s="2">
        <v>0</v>
      </c>
      <c r="K25861" s="2">
        <v>0</v>
      </c>
      <c r="L25861" t="s">
        <v>120</v>
      </c>
      <c r="M25861" t="s">
        <v>83</v>
      </c>
      <c r="N25861" t="s">
        <v>91</v>
      </c>
      <c r="O25861" t="s">
        <v>85</v>
      </c>
      <c r="P25861" t="s">
        <v>86</v>
      </c>
      <c r="Q25861">
        <v>7</v>
      </c>
      <c r="R25861">
        <v>7</v>
      </c>
      <c r="S25861">
        <v>7</v>
      </c>
      <c r="T25861">
        <v>7</v>
      </c>
      <c r="U25861">
        <v>7</v>
      </c>
      <c r="V25861">
        <v>7</v>
      </c>
      <c r="W25861">
        <v>7</v>
      </c>
      <c r="X25861">
        <v>7</v>
      </c>
      <c r="Y25861">
        <v>8</v>
      </c>
      <c r="Z25861">
        <v>8</v>
      </c>
      <c r="AA25861">
        <v>8</v>
      </c>
      <c r="AB25861">
        <v>8</v>
      </c>
      <c r="AC25861">
        <v>8</v>
      </c>
      <c r="AD25861">
        <v>8</v>
      </c>
      <c r="AE25861">
        <v>8</v>
      </c>
      <c r="AF25861">
        <v>8</v>
      </c>
      <c r="AG25861">
        <v>8</v>
      </c>
      <c r="AH25861">
        <v>8</v>
      </c>
      <c r="AI25861">
        <v>8</v>
      </c>
      <c r="AJ25861">
        <v>8</v>
      </c>
      <c r="AK25861">
        <v>8</v>
      </c>
      <c r="AL25861">
        <v>8</v>
      </c>
      <c r="AM25861">
        <v>8</v>
      </c>
      <c r="AN25861">
        <v>8</v>
      </c>
      <c r="AO25861">
        <v>8</v>
      </c>
      <c r="AP25861">
        <v>8</v>
      </c>
      <c r="AQ25861">
        <v>8</v>
      </c>
    </row>
    <row r="25862" spans="1:43">
      <c r="A25862" t="s">
        <v>16003</v>
      </c>
      <c r="B25862" t="s">
        <v>16004</v>
      </c>
      <c r="C25862" t="s">
        <v>15995</v>
      </c>
      <c r="D25862" t="s">
        <v>15996</v>
      </c>
      <c r="E25862" t="s">
        <v>15891</v>
      </c>
      <c r="F25862" t="s">
        <v>15892</v>
      </c>
      <c r="G25862" t="s">
        <v>10734</v>
      </c>
      <c r="H25862" t="s">
        <v>10735</v>
      </c>
      <c r="I25862" s="2">
        <v>1</v>
      </c>
      <c r="J25862" s="2">
        <v>0</v>
      </c>
      <c r="K25862" s="2">
        <v>0</v>
      </c>
      <c r="L25862" t="s">
        <v>120</v>
      </c>
      <c r="M25862" t="s">
        <v>83</v>
      </c>
      <c r="N25862" t="s">
        <v>84</v>
      </c>
      <c r="O25862" t="s">
        <v>85</v>
      </c>
      <c r="P25862" t="s">
        <v>86</v>
      </c>
      <c r="Q25862">
        <v>21</v>
      </c>
      <c r="R25862">
        <v>22</v>
      </c>
      <c r="S25862">
        <v>22</v>
      </c>
      <c r="T25862">
        <v>22</v>
      </c>
      <c r="U25862">
        <v>22</v>
      </c>
      <c r="V25862">
        <v>22</v>
      </c>
      <c r="W25862">
        <v>22</v>
      </c>
      <c r="X25862">
        <v>23</v>
      </c>
      <c r="Y25862">
        <v>23</v>
      </c>
      <c r="Z25862">
        <v>23</v>
      </c>
      <c r="AA25862">
        <v>23</v>
      </c>
      <c r="AB25862">
        <v>23</v>
      </c>
      <c r="AC25862">
        <v>23</v>
      </c>
      <c r="AD25862">
        <v>23</v>
      </c>
      <c r="AE25862">
        <v>23</v>
      </c>
      <c r="AF25862">
        <v>24</v>
      </c>
      <c r="AG25862">
        <v>24</v>
      </c>
      <c r="AH25862">
        <v>24</v>
      </c>
      <c r="AI25862">
        <v>24</v>
      </c>
      <c r="AJ25862">
        <v>24</v>
      </c>
      <c r="AK25862">
        <v>24</v>
      </c>
      <c r="AL25862">
        <v>24</v>
      </c>
      <c r="AM25862">
        <v>24</v>
      </c>
      <c r="AN25862">
        <v>24</v>
      </c>
      <c r="AO25862">
        <v>24</v>
      </c>
      <c r="AP25862">
        <v>24</v>
      </c>
      <c r="AQ25862">
        <v>24</v>
      </c>
    </row>
    <row r="25863" spans="1:43">
      <c r="A25863" t="s">
        <v>16003</v>
      </c>
      <c r="B25863" t="s">
        <v>16004</v>
      </c>
      <c r="C25863" t="s">
        <v>15995</v>
      </c>
      <c r="D25863" t="s">
        <v>15996</v>
      </c>
      <c r="E25863" t="s">
        <v>15891</v>
      </c>
      <c r="F25863" t="s">
        <v>15892</v>
      </c>
      <c r="G25863" t="s">
        <v>10734</v>
      </c>
      <c r="H25863" t="s">
        <v>10735</v>
      </c>
      <c r="I25863" s="2">
        <v>1</v>
      </c>
      <c r="J25863" s="2">
        <v>0</v>
      </c>
      <c r="K25863" s="2">
        <v>0</v>
      </c>
      <c r="L25863" t="s">
        <v>120</v>
      </c>
      <c r="M25863" t="s">
        <v>87</v>
      </c>
      <c r="N25863" t="s">
        <v>88</v>
      </c>
      <c r="O25863" t="s">
        <v>85</v>
      </c>
      <c r="P25863" t="s">
        <v>86</v>
      </c>
      <c r="Q25863">
        <v>21</v>
      </c>
      <c r="R25863">
        <v>21</v>
      </c>
      <c r="S25863">
        <v>21</v>
      </c>
      <c r="T25863">
        <v>21</v>
      </c>
      <c r="U25863">
        <v>21</v>
      </c>
      <c r="V25863">
        <v>21</v>
      </c>
      <c r="W25863">
        <v>21</v>
      </c>
      <c r="X25863">
        <v>21</v>
      </c>
      <c r="Y25863">
        <v>21</v>
      </c>
      <c r="Z25863">
        <v>21</v>
      </c>
      <c r="AA25863">
        <v>21</v>
      </c>
      <c r="AB25863">
        <v>21</v>
      </c>
      <c r="AC25863">
        <v>21</v>
      </c>
      <c r="AD25863">
        <v>21</v>
      </c>
      <c r="AE25863">
        <v>21</v>
      </c>
      <c r="AF25863">
        <v>21</v>
      </c>
      <c r="AG25863">
        <v>21</v>
      </c>
      <c r="AH25863">
        <v>21</v>
      </c>
      <c r="AI25863">
        <v>21</v>
      </c>
      <c r="AJ25863">
        <v>21</v>
      </c>
      <c r="AK25863">
        <v>21</v>
      </c>
      <c r="AL25863">
        <v>20</v>
      </c>
      <c r="AM25863">
        <v>20</v>
      </c>
      <c r="AN25863">
        <v>20</v>
      </c>
      <c r="AO25863">
        <v>20</v>
      </c>
      <c r="AP25863">
        <v>20</v>
      </c>
      <c r="AQ25863">
        <v>20</v>
      </c>
    </row>
    <row r="25864" spans="1:43">
      <c r="A25864" t="s">
        <v>16003</v>
      </c>
      <c r="B25864" t="s">
        <v>16004</v>
      </c>
      <c r="C25864" t="s">
        <v>15995</v>
      </c>
      <c r="D25864" t="s">
        <v>15996</v>
      </c>
      <c r="E25864" t="s">
        <v>15891</v>
      </c>
      <c r="F25864" t="s">
        <v>15892</v>
      </c>
      <c r="G25864" t="s">
        <v>10734</v>
      </c>
      <c r="H25864" t="s">
        <v>10735</v>
      </c>
      <c r="I25864" s="2">
        <v>1</v>
      </c>
      <c r="J25864" s="2">
        <v>0</v>
      </c>
      <c r="K25864" s="2">
        <v>0</v>
      </c>
      <c r="L25864" t="s">
        <v>120</v>
      </c>
      <c r="M25864" t="s">
        <v>89</v>
      </c>
      <c r="N25864" t="s">
        <v>90</v>
      </c>
      <c r="O25864" t="s">
        <v>85</v>
      </c>
      <c r="P25864" t="s">
        <v>86</v>
      </c>
      <c r="Q25864">
        <v>21</v>
      </c>
      <c r="R25864">
        <v>21</v>
      </c>
      <c r="S25864">
        <v>21</v>
      </c>
      <c r="T25864">
        <v>22</v>
      </c>
      <c r="U25864">
        <v>22</v>
      </c>
      <c r="V25864">
        <v>22</v>
      </c>
      <c r="W25864">
        <v>23</v>
      </c>
      <c r="X25864">
        <v>23</v>
      </c>
      <c r="Y25864">
        <v>23</v>
      </c>
      <c r="Z25864">
        <v>23</v>
      </c>
      <c r="AA25864">
        <v>24</v>
      </c>
      <c r="AB25864">
        <v>24</v>
      </c>
      <c r="AC25864">
        <v>24</v>
      </c>
      <c r="AD25864">
        <v>24</v>
      </c>
      <c r="AE25864">
        <v>24</v>
      </c>
      <c r="AF25864">
        <v>24</v>
      </c>
      <c r="AG25864">
        <v>24</v>
      </c>
      <c r="AH25864">
        <v>24</v>
      </c>
      <c r="AI25864">
        <v>24</v>
      </c>
      <c r="AJ25864">
        <v>24</v>
      </c>
      <c r="AK25864">
        <v>24</v>
      </c>
      <c r="AL25864">
        <v>23</v>
      </c>
      <c r="AM25864">
        <v>23</v>
      </c>
      <c r="AN25864">
        <v>23</v>
      </c>
      <c r="AO25864">
        <v>23</v>
      </c>
      <c r="AP25864">
        <v>23</v>
      </c>
      <c r="AQ25864">
        <v>23</v>
      </c>
    </row>
    <row r="25865" spans="1:43">
      <c r="A25865" t="s">
        <v>16003</v>
      </c>
      <c r="B25865" t="s">
        <v>16004</v>
      </c>
      <c r="C25865" t="s">
        <v>15995</v>
      </c>
      <c r="D25865" t="s">
        <v>15996</v>
      </c>
      <c r="E25865" t="s">
        <v>15891</v>
      </c>
      <c r="F25865" t="s">
        <v>15892</v>
      </c>
      <c r="G25865" t="s">
        <v>10734</v>
      </c>
      <c r="H25865" t="s">
        <v>10735</v>
      </c>
      <c r="I25865" s="2">
        <v>1</v>
      </c>
      <c r="J25865" s="2">
        <v>0</v>
      </c>
      <c r="K25865" s="2">
        <v>0</v>
      </c>
      <c r="L25865" t="s">
        <v>120</v>
      </c>
      <c r="M25865" t="s">
        <v>83</v>
      </c>
      <c r="N25865" t="s">
        <v>91</v>
      </c>
      <c r="O25865" t="s">
        <v>85</v>
      </c>
      <c r="P25865" t="s">
        <v>86</v>
      </c>
      <c r="Q25865">
        <v>21</v>
      </c>
      <c r="R25865">
        <v>22</v>
      </c>
      <c r="S25865">
        <v>22</v>
      </c>
      <c r="T25865">
        <v>22</v>
      </c>
      <c r="U25865">
        <v>22</v>
      </c>
      <c r="V25865">
        <v>22</v>
      </c>
      <c r="W25865">
        <v>22</v>
      </c>
      <c r="X25865">
        <v>23</v>
      </c>
      <c r="Y25865">
        <v>23</v>
      </c>
      <c r="Z25865">
        <v>23</v>
      </c>
      <c r="AA25865">
        <v>23</v>
      </c>
      <c r="AB25865">
        <v>23</v>
      </c>
      <c r="AC25865">
        <v>23</v>
      </c>
      <c r="AD25865">
        <v>23</v>
      </c>
      <c r="AE25865">
        <v>23</v>
      </c>
      <c r="AF25865">
        <v>24</v>
      </c>
      <c r="AG25865">
        <v>24</v>
      </c>
      <c r="AH25865">
        <v>24</v>
      </c>
      <c r="AI25865">
        <v>24</v>
      </c>
      <c r="AJ25865">
        <v>24</v>
      </c>
      <c r="AK25865">
        <v>24</v>
      </c>
      <c r="AL25865">
        <v>24</v>
      </c>
      <c r="AM25865">
        <v>24</v>
      </c>
      <c r="AN25865">
        <v>24</v>
      </c>
      <c r="AO25865">
        <v>24</v>
      </c>
      <c r="AP25865">
        <v>24</v>
      </c>
      <c r="AQ25865">
        <v>24</v>
      </c>
    </row>
    <row r="25866" spans="1:43">
      <c r="A25866" t="s">
        <v>16005</v>
      </c>
      <c r="B25866" t="s">
        <v>16006</v>
      </c>
      <c r="C25866" t="s">
        <v>15995</v>
      </c>
      <c r="D25866" t="s">
        <v>15996</v>
      </c>
      <c r="E25866" t="s">
        <v>15891</v>
      </c>
      <c r="F25866" t="s">
        <v>15892</v>
      </c>
      <c r="G25866" t="s">
        <v>10734</v>
      </c>
      <c r="H25866" t="s">
        <v>10735</v>
      </c>
      <c r="I25866" s="2">
        <v>1</v>
      </c>
      <c r="J25866" s="2">
        <v>0</v>
      </c>
      <c r="K25866" s="2">
        <v>0</v>
      </c>
      <c r="L25866" t="s">
        <v>120</v>
      </c>
      <c r="M25866" t="s">
        <v>83</v>
      </c>
      <c r="N25866" t="s">
        <v>84</v>
      </c>
      <c r="O25866" t="s">
        <v>85</v>
      </c>
      <c r="P25866" t="s">
        <v>86</v>
      </c>
      <c r="Q25866">
        <v>12</v>
      </c>
      <c r="R25866">
        <v>12</v>
      </c>
      <c r="S25866">
        <v>12</v>
      </c>
      <c r="T25866">
        <v>12</v>
      </c>
      <c r="U25866">
        <v>12</v>
      </c>
      <c r="V25866">
        <v>13</v>
      </c>
      <c r="W25866">
        <v>13</v>
      </c>
      <c r="X25866">
        <v>13</v>
      </c>
      <c r="Y25866">
        <v>13</v>
      </c>
      <c r="Z25866">
        <v>13</v>
      </c>
      <c r="AA25866">
        <v>13</v>
      </c>
      <c r="AB25866">
        <v>13</v>
      </c>
      <c r="AC25866">
        <v>13</v>
      </c>
      <c r="AD25866">
        <v>13</v>
      </c>
      <c r="AE25866">
        <v>13</v>
      </c>
      <c r="AF25866">
        <v>13</v>
      </c>
      <c r="AG25866">
        <v>13</v>
      </c>
      <c r="AH25866">
        <v>13</v>
      </c>
      <c r="AI25866">
        <v>13</v>
      </c>
      <c r="AJ25866">
        <v>13</v>
      </c>
      <c r="AK25866">
        <v>13</v>
      </c>
      <c r="AL25866">
        <v>13</v>
      </c>
      <c r="AM25866">
        <v>13</v>
      </c>
      <c r="AN25866">
        <v>13</v>
      </c>
      <c r="AO25866">
        <v>13</v>
      </c>
      <c r="AP25866">
        <v>13</v>
      </c>
      <c r="AQ25866">
        <v>13</v>
      </c>
    </row>
    <row r="25867" spans="1:43">
      <c r="A25867" t="s">
        <v>16005</v>
      </c>
      <c r="B25867" t="s">
        <v>16006</v>
      </c>
      <c r="C25867" t="s">
        <v>15995</v>
      </c>
      <c r="D25867" t="s">
        <v>15996</v>
      </c>
      <c r="E25867" t="s">
        <v>15891</v>
      </c>
      <c r="F25867" t="s">
        <v>15892</v>
      </c>
      <c r="G25867" t="s">
        <v>10734</v>
      </c>
      <c r="H25867" t="s">
        <v>10735</v>
      </c>
      <c r="I25867" s="2">
        <v>1</v>
      </c>
      <c r="J25867" s="2">
        <v>0</v>
      </c>
      <c r="K25867" s="2">
        <v>0</v>
      </c>
      <c r="L25867" t="s">
        <v>120</v>
      </c>
      <c r="M25867" t="s">
        <v>87</v>
      </c>
      <c r="N25867" t="s">
        <v>88</v>
      </c>
      <c r="O25867" t="s">
        <v>85</v>
      </c>
      <c r="P25867" t="s">
        <v>86</v>
      </c>
      <c r="Q25867">
        <v>12</v>
      </c>
      <c r="R25867">
        <v>12</v>
      </c>
      <c r="S25867">
        <v>12</v>
      </c>
      <c r="T25867">
        <v>12</v>
      </c>
      <c r="U25867">
        <v>12</v>
      </c>
      <c r="V25867">
        <v>12</v>
      </c>
      <c r="W25867">
        <v>12</v>
      </c>
      <c r="X25867">
        <v>12</v>
      </c>
      <c r="Y25867">
        <v>12</v>
      </c>
      <c r="Z25867">
        <v>12</v>
      </c>
      <c r="AA25867">
        <v>12</v>
      </c>
      <c r="AB25867">
        <v>12</v>
      </c>
      <c r="AC25867">
        <v>12</v>
      </c>
      <c r="AD25867">
        <v>12</v>
      </c>
      <c r="AE25867">
        <v>12</v>
      </c>
      <c r="AF25867">
        <v>12</v>
      </c>
      <c r="AG25867">
        <v>12</v>
      </c>
      <c r="AH25867">
        <v>12</v>
      </c>
      <c r="AI25867">
        <v>12</v>
      </c>
      <c r="AJ25867">
        <v>12</v>
      </c>
      <c r="AK25867">
        <v>12</v>
      </c>
      <c r="AL25867">
        <v>12</v>
      </c>
      <c r="AM25867">
        <v>11</v>
      </c>
      <c r="AN25867">
        <v>11</v>
      </c>
      <c r="AO25867">
        <v>11</v>
      </c>
      <c r="AP25867">
        <v>11</v>
      </c>
      <c r="AQ25867">
        <v>11</v>
      </c>
    </row>
    <row r="25868" spans="1:43">
      <c r="A25868" t="s">
        <v>16005</v>
      </c>
      <c r="B25868" t="s">
        <v>16006</v>
      </c>
      <c r="C25868" t="s">
        <v>15995</v>
      </c>
      <c r="D25868" t="s">
        <v>15996</v>
      </c>
      <c r="E25868" t="s">
        <v>15891</v>
      </c>
      <c r="F25868" t="s">
        <v>15892</v>
      </c>
      <c r="G25868" t="s">
        <v>10734</v>
      </c>
      <c r="H25868" t="s">
        <v>10735</v>
      </c>
      <c r="I25868" s="2">
        <v>1</v>
      </c>
      <c r="J25868" s="2">
        <v>0</v>
      </c>
      <c r="K25868" s="2">
        <v>0</v>
      </c>
      <c r="L25868" t="s">
        <v>120</v>
      </c>
      <c r="M25868" t="s">
        <v>89</v>
      </c>
      <c r="N25868" t="s">
        <v>90</v>
      </c>
      <c r="O25868" t="s">
        <v>85</v>
      </c>
      <c r="P25868" t="s">
        <v>86</v>
      </c>
      <c r="Q25868">
        <v>12</v>
      </c>
      <c r="R25868">
        <v>12</v>
      </c>
      <c r="S25868">
        <v>13</v>
      </c>
      <c r="T25868">
        <v>13</v>
      </c>
      <c r="U25868">
        <v>13</v>
      </c>
      <c r="V25868">
        <v>13</v>
      </c>
      <c r="W25868">
        <v>13</v>
      </c>
      <c r="X25868">
        <v>13</v>
      </c>
      <c r="Y25868">
        <v>13</v>
      </c>
      <c r="Z25868">
        <v>14</v>
      </c>
      <c r="AA25868">
        <v>14</v>
      </c>
      <c r="AB25868">
        <v>14</v>
      </c>
      <c r="AC25868">
        <v>14</v>
      </c>
      <c r="AD25868">
        <v>14</v>
      </c>
      <c r="AE25868">
        <v>14</v>
      </c>
      <c r="AF25868">
        <v>14</v>
      </c>
      <c r="AG25868">
        <v>14</v>
      </c>
      <c r="AH25868">
        <v>14</v>
      </c>
      <c r="AI25868">
        <v>14</v>
      </c>
      <c r="AJ25868">
        <v>14</v>
      </c>
      <c r="AK25868">
        <v>14</v>
      </c>
      <c r="AL25868">
        <v>14</v>
      </c>
      <c r="AM25868">
        <v>13</v>
      </c>
      <c r="AN25868">
        <v>13</v>
      </c>
      <c r="AO25868">
        <v>13</v>
      </c>
      <c r="AP25868">
        <v>13</v>
      </c>
      <c r="AQ25868">
        <v>13</v>
      </c>
    </row>
    <row r="25869" spans="1:43">
      <c r="A25869" t="s">
        <v>16005</v>
      </c>
      <c r="B25869" t="s">
        <v>16006</v>
      </c>
      <c r="C25869" t="s">
        <v>15995</v>
      </c>
      <c r="D25869" t="s">
        <v>15996</v>
      </c>
      <c r="E25869" t="s">
        <v>15891</v>
      </c>
      <c r="F25869" t="s">
        <v>15892</v>
      </c>
      <c r="G25869" t="s">
        <v>10734</v>
      </c>
      <c r="H25869" t="s">
        <v>10735</v>
      </c>
      <c r="I25869" s="2">
        <v>1</v>
      </c>
      <c r="J25869" s="2">
        <v>0</v>
      </c>
      <c r="K25869" s="2">
        <v>0</v>
      </c>
      <c r="L25869" t="s">
        <v>120</v>
      </c>
      <c r="M25869" t="s">
        <v>83</v>
      </c>
      <c r="N25869" t="s">
        <v>91</v>
      </c>
      <c r="O25869" t="s">
        <v>85</v>
      </c>
      <c r="P25869" t="s">
        <v>86</v>
      </c>
      <c r="Q25869">
        <v>12</v>
      </c>
      <c r="R25869">
        <v>12</v>
      </c>
      <c r="S25869">
        <v>12</v>
      </c>
      <c r="T25869">
        <v>12</v>
      </c>
      <c r="U25869">
        <v>12</v>
      </c>
      <c r="V25869">
        <v>13</v>
      </c>
      <c r="W25869">
        <v>13</v>
      </c>
      <c r="X25869">
        <v>13</v>
      </c>
      <c r="Y25869">
        <v>13</v>
      </c>
      <c r="Z25869">
        <v>13</v>
      </c>
      <c r="AA25869">
        <v>13</v>
      </c>
      <c r="AB25869">
        <v>13</v>
      </c>
      <c r="AC25869">
        <v>13</v>
      </c>
      <c r="AD25869">
        <v>13</v>
      </c>
      <c r="AE25869">
        <v>13</v>
      </c>
      <c r="AF25869">
        <v>13</v>
      </c>
      <c r="AG25869">
        <v>13</v>
      </c>
      <c r="AH25869">
        <v>13</v>
      </c>
      <c r="AI25869">
        <v>13</v>
      </c>
      <c r="AJ25869">
        <v>13</v>
      </c>
      <c r="AK25869">
        <v>13</v>
      </c>
      <c r="AL25869">
        <v>13</v>
      </c>
      <c r="AM25869">
        <v>13</v>
      </c>
      <c r="AN25869">
        <v>13</v>
      </c>
      <c r="AO25869">
        <v>13</v>
      </c>
      <c r="AP25869">
        <v>13</v>
      </c>
      <c r="AQ25869">
        <v>13</v>
      </c>
    </row>
    <row r="25870" spans="1:43">
      <c r="A25870" t="s">
        <v>16007</v>
      </c>
      <c r="B25870" t="s">
        <v>16008</v>
      </c>
      <c r="C25870" t="s">
        <v>15923</v>
      </c>
      <c r="D25870" t="s">
        <v>15924</v>
      </c>
      <c r="E25870" t="s">
        <v>15891</v>
      </c>
      <c r="F25870" t="s">
        <v>15892</v>
      </c>
      <c r="G25870" t="s">
        <v>10734</v>
      </c>
      <c r="H25870" t="s">
        <v>10735</v>
      </c>
      <c r="I25870" s="2">
        <v>1</v>
      </c>
      <c r="J25870" s="2">
        <v>0</v>
      </c>
      <c r="K25870" s="2">
        <v>0</v>
      </c>
      <c r="L25870" t="s">
        <v>120</v>
      </c>
      <c r="M25870" t="s">
        <v>83</v>
      </c>
      <c r="N25870" t="s">
        <v>84</v>
      </c>
      <c r="O25870" t="s">
        <v>85</v>
      </c>
      <c r="P25870" t="s">
        <v>86</v>
      </c>
      <c r="Q25870">
        <v>20</v>
      </c>
      <c r="R25870">
        <v>20</v>
      </c>
      <c r="S25870">
        <v>20</v>
      </c>
      <c r="T25870">
        <v>20</v>
      </c>
      <c r="U25870">
        <v>20</v>
      </c>
      <c r="V25870">
        <v>20</v>
      </c>
      <c r="W25870">
        <v>21</v>
      </c>
      <c r="X25870">
        <v>21</v>
      </c>
      <c r="Y25870">
        <v>21</v>
      </c>
      <c r="Z25870">
        <v>21</v>
      </c>
      <c r="AA25870">
        <v>21</v>
      </c>
      <c r="AB25870">
        <v>21</v>
      </c>
      <c r="AC25870">
        <v>21</v>
      </c>
      <c r="AD25870">
        <v>22</v>
      </c>
      <c r="AE25870">
        <v>22</v>
      </c>
      <c r="AF25870">
        <v>22</v>
      </c>
      <c r="AG25870">
        <v>22</v>
      </c>
      <c r="AH25870">
        <v>22</v>
      </c>
      <c r="AI25870">
        <v>22</v>
      </c>
      <c r="AJ25870">
        <v>22</v>
      </c>
      <c r="AK25870">
        <v>22</v>
      </c>
      <c r="AL25870">
        <v>22</v>
      </c>
      <c r="AM25870">
        <v>22</v>
      </c>
      <c r="AN25870">
        <v>22</v>
      </c>
      <c r="AO25870">
        <v>22</v>
      </c>
      <c r="AP25870">
        <v>22</v>
      </c>
      <c r="AQ25870">
        <v>22</v>
      </c>
    </row>
    <row r="25871" spans="1:43">
      <c r="A25871" t="s">
        <v>16007</v>
      </c>
      <c r="B25871" t="s">
        <v>16008</v>
      </c>
      <c r="C25871" t="s">
        <v>15923</v>
      </c>
      <c r="D25871" t="s">
        <v>15924</v>
      </c>
      <c r="E25871" t="s">
        <v>15891</v>
      </c>
      <c r="F25871" t="s">
        <v>15892</v>
      </c>
      <c r="G25871" t="s">
        <v>10734</v>
      </c>
      <c r="H25871" t="s">
        <v>10735</v>
      </c>
      <c r="I25871" s="2">
        <v>1</v>
      </c>
      <c r="J25871" s="2">
        <v>0</v>
      </c>
      <c r="K25871" s="2">
        <v>0</v>
      </c>
      <c r="L25871" t="s">
        <v>120</v>
      </c>
      <c r="M25871" t="s">
        <v>87</v>
      </c>
      <c r="N25871" t="s">
        <v>88</v>
      </c>
      <c r="O25871" t="s">
        <v>85</v>
      </c>
      <c r="P25871" t="s">
        <v>86</v>
      </c>
      <c r="Q25871">
        <v>20</v>
      </c>
      <c r="R25871">
        <v>20</v>
      </c>
      <c r="S25871">
        <v>20</v>
      </c>
      <c r="T25871">
        <v>20</v>
      </c>
      <c r="U25871">
        <v>20</v>
      </c>
      <c r="V25871">
        <v>20</v>
      </c>
      <c r="W25871">
        <v>20</v>
      </c>
      <c r="X25871">
        <v>20</v>
      </c>
      <c r="Y25871">
        <v>20</v>
      </c>
      <c r="Z25871">
        <v>20</v>
      </c>
      <c r="AA25871">
        <v>20</v>
      </c>
      <c r="AB25871">
        <v>20</v>
      </c>
      <c r="AC25871">
        <v>20</v>
      </c>
      <c r="AD25871">
        <v>20</v>
      </c>
      <c r="AE25871">
        <v>20</v>
      </c>
      <c r="AF25871">
        <v>20</v>
      </c>
      <c r="AG25871">
        <v>20</v>
      </c>
      <c r="AH25871">
        <v>20</v>
      </c>
      <c r="AI25871">
        <v>20</v>
      </c>
      <c r="AJ25871">
        <v>20</v>
      </c>
      <c r="AK25871">
        <v>20</v>
      </c>
      <c r="AL25871">
        <v>20</v>
      </c>
      <c r="AM25871">
        <v>20</v>
      </c>
      <c r="AN25871">
        <v>20</v>
      </c>
      <c r="AO25871">
        <v>20</v>
      </c>
      <c r="AP25871">
        <v>20</v>
      </c>
      <c r="AQ25871">
        <v>20</v>
      </c>
    </row>
    <row r="25872" spans="1:43">
      <c r="A25872" t="s">
        <v>16007</v>
      </c>
      <c r="B25872" t="s">
        <v>16008</v>
      </c>
      <c r="C25872" t="s">
        <v>15923</v>
      </c>
      <c r="D25872" t="s">
        <v>15924</v>
      </c>
      <c r="E25872" t="s">
        <v>15891</v>
      </c>
      <c r="F25872" t="s">
        <v>15892</v>
      </c>
      <c r="G25872" t="s">
        <v>10734</v>
      </c>
      <c r="H25872" t="s">
        <v>10735</v>
      </c>
      <c r="I25872" s="2">
        <v>1</v>
      </c>
      <c r="J25872" s="2">
        <v>0</v>
      </c>
      <c r="K25872" s="2">
        <v>0</v>
      </c>
      <c r="L25872" t="s">
        <v>120</v>
      </c>
      <c r="M25872" t="s">
        <v>89</v>
      </c>
      <c r="N25872" t="s">
        <v>90</v>
      </c>
      <c r="O25872" t="s">
        <v>85</v>
      </c>
      <c r="P25872" t="s">
        <v>86</v>
      </c>
      <c r="Q25872">
        <v>20</v>
      </c>
      <c r="R25872">
        <v>20</v>
      </c>
      <c r="S25872">
        <v>20</v>
      </c>
      <c r="T25872">
        <v>21</v>
      </c>
      <c r="U25872">
        <v>21</v>
      </c>
      <c r="V25872">
        <v>21</v>
      </c>
      <c r="W25872">
        <v>22</v>
      </c>
      <c r="X25872">
        <v>22</v>
      </c>
      <c r="Y25872">
        <v>22</v>
      </c>
      <c r="Z25872">
        <v>22</v>
      </c>
      <c r="AA25872">
        <v>22</v>
      </c>
      <c r="AB25872">
        <v>23</v>
      </c>
      <c r="AC25872">
        <v>23</v>
      </c>
      <c r="AD25872">
        <v>23</v>
      </c>
      <c r="AE25872">
        <v>23</v>
      </c>
      <c r="AF25872">
        <v>23</v>
      </c>
      <c r="AG25872">
        <v>23</v>
      </c>
      <c r="AH25872">
        <v>23</v>
      </c>
      <c r="AI25872">
        <v>23</v>
      </c>
      <c r="AJ25872">
        <v>23</v>
      </c>
      <c r="AK25872">
        <v>23</v>
      </c>
      <c r="AL25872">
        <v>23</v>
      </c>
      <c r="AM25872">
        <v>22</v>
      </c>
      <c r="AN25872">
        <v>22</v>
      </c>
      <c r="AO25872">
        <v>22</v>
      </c>
      <c r="AP25872">
        <v>22</v>
      </c>
      <c r="AQ25872">
        <v>22</v>
      </c>
    </row>
    <row r="25873" spans="1:43">
      <c r="A25873" t="s">
        <v>16007</v>
      </c>
      <c r="B25873" t="s">
        <v>16008</v>
      </c>
      <c r="C25873" t="s">
        <v>15923</v>
      </c>
      <c r="D25873" t="s">
        <v>15924</v>
      </c>
      <c r="E25873" t="s">
        <v>15891</v>
      </c>
      <c r="F25873" t="s">
        <v>15892</v>
      </c>
      <c r="G25873" t="s">
        <v>10734</v>
      </c>
      <c r="H25873" t="s">
        <v>10735</v>
      </c>
      <c r="I25873" s="2">
        <v>1</v>
      </c>
      <c r="J25873" s="2">
        <v>0</v>
      </c>
      <c r="K25873" s="2">
        <v>0</v>
      </c>
      <c r="L25873" t="s">
        <v>120</v>
      </c>
      <c r="M25873" t="s">
        <v>83</v>
      </c>
      <c r="N25873" t="s">
        <v>91</v>
      </c>
      <c r="O25873" t="s">
        <v>85</v>
      </c>
      <c r="P25873" t="s">
        <v>86</v>
      </c>
      <c r="Q25873">
        <v>20</v>
      </c>
      <c r="R25873">
        <v>20</v>
      </c>
      <c r="S25873">
        <v>20</v>
      </c>
      <c r="T25873">
        <v>20</v>
      </c>
      <c r="U25873">
        <v>20</v>
      </c>
      <c r="V25873">
        <v>20</v>
      </c>
      <c r="W25873">
        <v>21</v>
      </c>
      <c r="X25873">
        <v>21</v>
      </c>
      <c r="Y25873">
        <v>21</v>
      </c>
      <c r="Z25873">
        <v>21</v>
      </c>
      <c r="AA25873">
        <v>21</v>
      </c>
      <c r="AB25873">
        <v>21</v>
      </c>
      <c r="AC25873">
        <v>21</v>
      </c>
      <c r="AD25873">
        <v>22</v>
      </c>
      <c r="AE25873">
        <v>22</v>
      </c>
      <c r="AF25873">
        <v>22</v>
      </c>
      <c r="AG25873">
        <v>22</v>
      </c>
      <c r="AH25873">
        <v>22</v>
      </c>
      <c r="AI25873">
        <v>22</v>
      </c>
      <c r="AJ25873">
        <v>22</v>
      </c>
      <c r="AK25873">
        <v>22</v>
      </c>
      <c r="AL25873">
        <v>22</v>
      </c>
      <c r="AM25873">
        <v>22</v>
      </c>
      <c r="AN25873">
        <v>22</v>
      </c>
      <c r="AO25873">
        <v>22</v>
      </c>
      <c r="AP25873">
        <v>22</v>
      </c>
      <c r="AQ25873">
        <v>22</v>
      </c>
    </row>
    <row r="25874" spans="1:43">
      <c r="A25874" t="s">
        <v>16009</v>
      </c>
      <c r="B25874" t="s">
        <v>16010</v>
      </c>
      <c r="C25874" t="s">
        <v>15923</v>
      </c>
      <c r="D25874" t="s">
        <v>15924</v>
      </c>
      <c r="E25874" t="s">
        <v>15891</v>
      </c>
      <c r="F25874" t="s">
        <v>15892</v>
      </c>
      <c r="G25874" t="s">
        <v>10734</v>
      </c>
      <c r="H25874" t="s">
        <v>10735</v>
      </c>
      <c r="I25874" s="2">
        <v>1</v>
      </c>
      <c r="J25874" s="2">
        <v>0</v>
      </c>
      <c r="K25874" s="2">
        <v>0</v>
      </c>
      <c r="L25874" t="s">
        <v>120</v>
      </c>
      <c r="M25874" t="s">
        <v>83</v>
      </c>
      <c r="N25874" t="s">
        <v>84</v>
      </c>
      <c r="O25874" t="s">
        <v>85</v>
      </c>
      <c r="P25874" t="s">
        <v>86</v>
      </c>
      <c r="Q25874">
        <v>17</v>
      </c>
      <c r="R25874">
        <v>17</v>
      </c>
      <c r="S25874">
        <v>17</v>
      </c>
      <c r="T25874">
        <v>18</v>
      </c>
      <c r="U25874">
        <v>18</v>
      </c>
      <c r="V25874">
        <v>18</v>
      </c>
      <c r="W25874">
        <v>18</v>
      </c>
      <c r="X25874">
        <v>18</v>
      </c>
      <c r="Y25874">
        <v>18</v>
      </c>
      <c r="Z25874">
        <v>18</v>
      </c>
      <c r="AA25874">
        <v>19</v>
      </c>
      <c r="AB25874">
        <v>19</v>
      </c>
      <c r="AC25874">
        <v>19</v>
      </c>
      <c r="AD25874">
        <v>19</v>
      </c>
      <c r="AE25874">
        <v>19</v>
      </c>
      <c r="AF25874">
        <v>19</v>
      </c>
      <c r="AG25874">
        <v>19</v>
      </c>
      <c r="AH25874">
        <v>19</v>
      </c>
      <c r="AI25874">
        <v>19</v>
      </c>
      <c r="AJ25874">
        <v>19</v>
      </c>
      <c r="AK25874">
        <v>19</v>
      </c>
      <c r="AL25874">
        <v>19</v>
      </c>
      <c r="AM25874">
        <v>19</v>
      </c>
      <c r="AN25874">
        <v>19</v>
      </c>
      <c r="AO25874">
        <v>19</v>
      </c>
      <c r="AP25874">
        <v>19</v>
      </c>
      <c r="AQ25874">
        <v>19</v>
      </c>
    </row>
    <row r="25875" spans="1:43">
      <c r="A25875" t="s">
        <v>16009</v>
      </c>
      <c r="B25875" t="s">
        <v>16010</v>
      </c>
      <c r="C25875" t="s">
        <v>15923</v>
      </c>
      <c r="D25875" t="s">
        <v>15924</v>
      </c>
      <c r="E25875" t="s">
        <v>15891</v>
      </c>
      <c r="F25875" t="s">
        <v>15892</v>
      </c>
      <c r="G25875" t="s">
        <v>10734</v>
      </c>
      <c r="H25875" t="s">
        <v>10735</v>
      </c>
      <c r="I25875" s="2">
        <v>1</v>
      </c>
      <c r="J25875" s="2">
        <v>0</v>
      </c>
      <c r="K25875" s="2">
        <v>0</v>
      </c>
      <c r="L25875" t="s">
        <v>120</v>
      </c>
      <c r="M25875" t="s">
        <v>87</v>
      </c>
      <c r="N25875" t="s">
        <v>88</v>
      </c>
      <c r="O25875" t="s">
        <v>85</v>
      </c>
      <c r="P25875" t="s">
        <v>86</v>
      </c>
      <c r="Q25875">
        <v>17</v>
      </c>
      <c r="R25875">
        <v>17</v>
      </c>
      <c r="S25875">
        <v>17</v>
      </c>
      <c r="T25875">
        <v>17</v>
      </c>
      <c r="U25875">
        <v>17</v>
      </c>
      <c r="V25875">
        <v>17</v>
      </c>
      <c r="W25875">
        <v>17</v>
      </c>
      <c r="X25875">
        <v>17</v>
      </c>
      <c r="Y25875">
        <v>17</v>
      </c>
      <c r="Z25875">
        <v>17</v>
      </c>
      <c r="AA25875">
        <v>17</v>
      </c>
      <c r="AB25875">
        <v>17</v>
      </c>
      <c r="AC25875">
        <v>17</v>
      </c>
      <c r="AD25875">
        <v>17</v>
      </c>
      <c r="AE25875">
        <v>17</v>
      </c>
      <c r="AF25875">
        <v>17</v>
      </c>
      <c r="AG25875">
        <v>17</v>
      </c>
      <c r="AH25875">
        <v>17</v>
      </c>
      <c r="AI25875">
        <v>17</v>
      </c>
      <c r="AJ25875">
        <v>17</v>
      </c>
      <c r="AK25875">
        <v>17</v>
      </c>
      <c r="AL25875">
        <v>17</v>
      </c>
      <c r="AM25875">
        <v>17</v>
      </c>
      <c r="AN25875">
        <v>17</v>
      </c>
      <c r="AO25875">
        <v>17</v>
      </c>
      <c r="AP25875">
        <v>17</v>
      </c>
      <c r="AQ25875">
        <v>17</v>
      </c>
    </row>
    <row r="25876" spans="1:43">
      <c r="A25876" t="s">
        <v>16009</v>
      </c>
      <c r="B25876" t="s">
        <v>16010</v>
      </c>
      <c r="C25876" t="s">
        <v>15923</v>
      </c>
      <c r="D25876" t="s">
        <v>15924</v>
      </c>
      <c r="E25876" t="s">
        <v>15891</v>
      </c>
      <c r="F25876" t="s">
        <v>15892</v>
      </c>
      <c r="G25876" t="s">
        <v>10734</v>
      </c>
      <c r="H25876" t="s">
        <v>10735</v>
      </c>
      <c r="I25876" s="2">
        <v>1</v>
      </c>
      <c r="J25876" s="2">
        <v>0</v>
      </c>
      <c r="K25876" s="2">
        <v>0</v>
      </c>
      <c r="L25876" t="s">
        <v>120</v>
      </c>
      <c r="M25876" t="s">
        <v>89</v>
      </c>
      <c r="N25876" t="s">
        <v>90</v>
      </c>
      <c r="O25876" t="s">
        <v>85</v>
      </c>
      <c r="P25876" t="s">
        <v>86</v>
      </c>
      <c r="Q25876">
        <v>17</v>
      </c>
      <c r="R25876">
        <v>18</v>
      </c>
      <c r="S25876">
        <v>18</v>
      </c>
      <c r="T25876">
        <v>18</v>
      </c>
      <c r="U25876">
        <v>18</v>
      </c>
      <c r="V25876">
        <v>19</v>
      </c>
      <c r="W25876">
        <v>19</v>
      </c>
      <c r="X25876">
        <v>19</v>
      </c>
      <c r="Y25876">
        <v>19</v>
      </c>
      <c r="Z25876">
        <v>19</v>
      </c>
      <c r="AA25876">
        <v>20</v>
      </c>
      <c r="AB25876">
        <v>20</v>
      </c>
      <c r="AC25876">
        <v>20</v>
      </c>
      <c r="AD25876">
        <v>20</v>
      </c>
      <c r="AE25876">
        <v>20</v>
      </c>
      <c r="AF25876">
        <v>20</v>
      </c>
      <c r="AG25876">
        <v>20</v>
      </c>
      <c r="AH25876">
        <v>20</v>
      </c>
      <c r="AI25876">
        <v>20</v>
      </c>
      <c r="AJ25876">
        <v>20</v>
      </c>
      <c r="AK25876">
        <v>20</v>
      </c>
      <c r="AL25876">
        <v>20</v>
      </c>
      <c r="AM25876">
        <v>20</v>
      </c>
      <c r="AN25876">
        <v>19</v>
      </c>
      <c r="AO25876">
        <v>19</v>
      </c>
      <c r="AP25876">
        <v>19</v>
      </c>
      <c r="AQ25876">
        <v>19</v>
      </c>
    </row>
    <row r="25877" spans="1:43">
      <c r="A25877" t="s">
        <v>16009</v>
      </c>
      <c r="B25877" t="s">
        <v>16010</v>
      </c>
      <c r="C25877" t="s">
        <v>15923</v>
      </c>
      <c r="D25877" t="s">
        <v>15924</v>
      </c>
      <c r="E25877" t="s">
        <v>15891</v>
      </c>
      <c r="F25877" t="s">
        <v>15892</v>
      </c>
      <c r="G25877" t="s">
        <v>10734</v>
      </c>
      <c r="H25877" t="s">
        <v>10735</v>
      </c>
      <c r="I25877" s="2">
        <v>1</v>
      </c>
      <c r="J25877" s="2">
        <v>0</v>
      </c>
      <c r="K25877" s="2">
        <v>0</v>
      </c>
      <c r="L25877" t="s">
        <v>120</v>
      </c>
      <c r="M25877" t="s">
        <v>83</v>
      </c>
      <c r="N25877" t="s">
        <v>91</v>
      </c>
      <c r="O25877" t="s">
        <v>85</v>
      </c>
      <c r="P25877" t="s">
        <v>86</v>
      </c>
      <c r="Q25877">
        <v>17</v>
      </c>
      <c r="R25877">
        <v>17</v>
      </c>
      <c r="S25877">
        <v>17</v>
      </c>
      <c r="T25877">
        <v>18</v>
      </c>
      <c r="U25877">
        <v>18</v>
      </c>
      <c r="V25877">
        <v>18</v>
      </c>
      <c r="W25877">
        <v>18</v>
      </c>
      <c r="X25877">
        <v>18</v>
      </c>
      <c r="Y25877">
        <v>18</v>
      </c>
      <c r="Z25877">
        <v>18</v>
      </c>
      <c r="AA25877">
        <v>19</v>
      </c>
      <c r="AB25877">
        <v>19</v>
      </c>
      <c r="AC25877">
        <v>19</v>
      </c>
      <c r="AD25877">
        <v>19</v>
      </c>
      <c r="AE25877">
        <v>19</v>
      </c>
      <c r="AF25877">
        <v>19</v>
      </c>
      <c r="AG25877">
        <v>19</v>
      </c>
      <c r="AH25877">
        <v>19</v>
      </c>
      <c r="AI25877">
        <v>19</v>
      </c>
      <c r="AJ25877">
        <v>19</v>
      </c>
      <c r="AK25877">
        <v>19</v>
      </c>
      <c r="AL25877">
        <v>19</v>
      </c>
      <c r="AM25877">
        <v>19</v>
      </c>
      <c r="AN25877">
        <v>19</v>
      </c>
      <c r="AO25877">
        <v>19</v>
      </c>
      <c r="AP25877">
        <v>19</v>
      </c>
      <c r="AQ25877">
        <v>19</v>
      </c>
    </row>
    <row r="25878" spans="1:43">
      <c r="A25878" t="s">
        <v>16011</v>
      </c>
      <c r="B25878" t="s">
        <v>16012</v>
      </c>
      <c r="C25878" t="s">
        <v>15889</v>
      </c>
      <c r="D25878" t="s">
        <v>15890</v>
      </c>
      <c r="E25878" t="s">
        <v>15891</v>
      </c>
      <c r="F25878" t="s">
        <v>15892</v>
      </c>
      <c r="G25878" t="s">
        <v>10734</v>
      </c>
      <c r="H25878" t="s">
        <v>10735</v>
      </c>
      <c r="I25878" s="2">
        <v>1</v>
      </c>
      <c r="J25878" s="2">
        <v>0</v>
      </c>
      <c r="K25878" s="2">
        <v>0</v>
      </c>
      <c r="L25878" t="s">
        <v>120</v>
      </c>
      <c r="M25878" t="s">
        <v>83</v>
      </c>
      <c r="N25878" t="s">
        <v>84</v>
      </c>
      <c r="O25878" t="s">
        <v>85</v>
      </c>
      <c r="P25878" t="s">
        <v>86</v>
      </c>
      <c r="Q25878">
        <v>8</v>
      </c>
      <c r="R25878">
        <v>8</v>
      </c>
      <c r="S25878">
        <v>8</v>
      </c>
      <c r="T25878">
        <v>8</v>
      </c>
      <c r="U25878">
        <v>9</v>
      </c>
      <c r="V25878">
        <v>9</v>
      </c>
      <c r="W25878">
        <v>9</v>
      </c>
      <c r="X25878">
        <v>9</v>
      </c>
      <c r="Y25878">
        <v>9</v>
      </c>
      <c r="Z25878">
        <v>9</v>
      </c>
      <c r="AA25878">
        <v>9</v>
      </c>
      <c r="AB25878">
        <v>9</v>
      </c>
      <c r="AC25878">
        <v>9</v>
      </c>
      <c r="AD25878">
        <v>9</v>
      </c>
      <c r="AE25878">
        <v>9</v>
      </c>
      <c r="AF25878">
        <v>9</v>
      </c>
      <c r="AG25878">
        <v>9</v>
      </c>
      <c r="AH25878">
        <v>9</v>
      </c>
      <c r="AI25878">
        <v>9</v>
      </c>
      <c r="AJ25878">
        <v>9</v>
      </c>
      <c r="AK25878">
        <v>9</v>
      </c>
      <c r="AL25878">
        <v>9</v>
      </c>
      <c r="AM25878">
        <v>9</v>
      </c>
      <c r="AN25878">
        <v>9</v>
      </c>
      <c r="AO25878">
        <v>9</v>
      </c>
      <c r="AP25878">
        <v>9</v>
      </c>
      <c r="AQ25878">
        <v>9</v>
      </c>
    </row>
    <row r="25879" spans="1:43">
      <c r="A25879" t="s">
        <v>16011</v>
      </c>
      <c r="B25879" t="s">
        <v>16012</v>
      </c>
      <c r="C25879" t="s">
        <v>15889</v>
      </c>
      <c r="D25879" t="s">
        <v>15890</v>
      </c>
      <c r="E25879" t="s">
        <v>15891</v>
      </c>
      <c r="F25879" t="s">
        <v>15892</v>
      </c>
      <c r="G25879" t="s">
        <v>10734</v>
      </c>
      <c r="H25879" t="s">
        <v>10735</v>
      </c>
      <c r="I25879" s="2">
        <v>1</v>
      </c>
      <c r="J25879" s="2">
        <v>0</v>
      </c>
      <c r="K25879" s="2">
        <v>0</v>
      </c>
      <c r="L25879" t="s">
        <v>120</v>
      </c>
      <c r="M25879" t="s">
        <v>87</v>
      </c>
      <c r="N25879" t="s">
        <v>88</v>
      </c>
      <c r="O25879" t="s">
        <v>85</v>
      </c>
      <c r="P25879" t="s">
        <v>86</v>
      </c>
      <c r="Q25879">
        <v>8</v>
      </c>
      <c r="R25879">
        <v>8</v>
      </c>
      <c r="S25879">
        <v>8</v>
      </c>
      <c r="T25879">
        <v>8</v>
      </c>
      <c r="U25879">
        <v>8</v>
      </c>
      <c r="V25879">
        <v>8</v>
      </c>
      <c r="W25879">
        <v>8</v>
      </c>
      <c r="X25879">
        <v>8</v>
      </c>
      <c r="Y25879">
        <v>8</v>
      </c>
      <c r="Z25879">
        <v>8</v>
      </c>
      <c r="AA25879">
        <v>8</v>
      </c>
      <c r="AB25879">
        <v>8</v>
      </c>
      <c r="AC25879">
        <v>8</v>
      </c>
      <c r="AD25879">
        <v>8</v>
      </c>
      <c r="AE25879">
        <v>8</v>
      </c>
      <c r="AF25879">
        <v>8</v>
      </c>
      <c r="AG25879">
        <v>8</v>
      </c>
      <c r="AH25879">
        <v>8</v>
      </c>
      <c r="AI25879">
        <v>8</v>
      </c>
      <c r="AJ25879">
        <v>8</v>
      </c>
      <c r="AK25879">
        <v>8</v>
      </c>
      <c r="AL25879">
        <v>8</v>
      </c>
      <c r="AM25879">
        <v>8</v>
      </c>
      <c r="AN25879">
        <v>8</v>
      </c>
      <c r="AO25879">
        <v>8</v>
      </c>
      <c r="AP25879">
        <v>8</v>
      </c>
      <c r="AQ25879">
        <v>8</v>
      </c>
    </row>
    <row r="25880" spans="1:43">
      <c r="A25880" t="s">
        <v>16011</v>
      </c>
      <c r="B25880" t="s">
        <v>16012</v>
      </c>
      <c r="C25880" t="s">
        <v>15889</v>
      </c>
      <c r="D25880" t="s">
        <v>15890</v>
      </c>
      <c r="E25880" t="s">
        <v>15891</v>
      </c>
      <c r="F25880" t="s">
        <v>15892</v>
      </c>
      <c r="G25880" t="s">
        <v>10734</v>
      </c>
      <c r="H25880" t="s">
        <v>10735</v>
      </c>
      <c r="I25880" s="2">
        <v>1</v>
      </c>
      <c r="J25880" s="2">
        <v>0</v>
      </c>
      <c r="K25880" s="2">
        <v>0</v>
      </c>
      <c r="L25880" t="s">
        <v>120</v>
      </c>
      <c r="M25880" t="s">
        <v>89</v>
      </c>
      <c r="N25880" t="s">
        <v>90</v>
      </c>
      <c r="O25880" t="s">
        <v>85</v>
      </c>
      <c r="P25880" t="s">
        <v>86</v>
      </c>
      <c r="Q25880">
        <v>8</v>
      </c>
      <c r="R25880">
        <v>8</v>
      </c>
      <c r="S25880">
        <v>9</v>
      </c>
      <c r="T25880">
        <v>9</v>
      </c>
      <c r="U25880">
        <v>9</v>
      </c>
      <c r="V25880">
        <v>9</v>
      </c>
      <c r="W25880">
        <v>9</v>
      </c>
      <c r="X25880">
        <v>9</v>
      </c>
      <c r="Y25880">
        <v>9</v>
      </c>
      <c r="Z25880">
        <v>9</v>
      </c>
      <c r="AA25880">
        <v>9</v>
      </c>
      <c r="AB25880">
        <v>10</v>
      </c>
      <c r="AC25880">
        <v>10</v>
      </c>
      <c r="AD25880">
        <v>10</v>
      </c>
      <c r="AE25880">
        <v>10</v>
      </c>
      <c r="AF25880">
        <v>10</v>
      </c>
      <c r="AG25880">
        <v>10</v>
      </c>
      <c r="AH25880">
        <v>10</v>
      </c>
      <c r="AI25880">
        <v>10</v>
      </c>
      <c r="AJ25880">
        <v>10</v>
      </c>
      <c r="AK25880">
        <v>9</v>
      </c>
      <c r="AL25880">
        <v>9</v>
      </c>
      <c r="AM25880">
        <v>9</v>
      </c>
      <c r="AN25880">
        <v>9</v>
      </c>
      <c r="AO25880">
        <v>9</v>
      </c>
      <c r="AP25880">
        <v>9</v>
      </c>
      <c r="AQ25880">
        <v>9</v>
      </c>
    </row>
    <row r="25881" spans="1:43">
      <c r="A25881" t="s">
        <v>16011</v>
      </c>
      <c r="B25881" t="s">
        <v>16012</v>
      </c>
      <c r="C25881" t="s">
        <v>15889</v>
      </c>
      <c r="D25881" t="s">
        <v>15890</v>
      </c>
      <c r="E25881" t="s">
        <v>15891</v>
      </c>
      <c r="F25881" t="s">
        <v>15892</v>
      </c>
      <c r="G25881" t="s">
        <v>10734</v>
      </c>
      <c r="H25881" t="s">
        <v>10735</v>
      </c>
      <c r="I25881" s="2">
        <v>1</v>
      </c>
      <c r="J25881" s="2">
        <v>0</v>
      </c>
      <c r="K25881" s="2">
        <v>0</v>
      </c>
      <c r="L25881" t="s">
        <v>120</v>
      </c>
      <c r="M25881" t="s">
        <v>83</v>
      </c>
      <c r="N25881" t="s">
        <v>91</v>
      </c>
      <c r="O25881" t="s">
        <v>85</v>
      </c>
      <c r="P25881" t="s">
        <v>86</v>
      </c>
      <c r="Q25881">
        <v>8</v>
      </c>
      <c r="R25881">
        <v>8</v>
      </c>
      <c r="S25881">
        <v>8</v>
      </c>
      <c r="T25881">
        <v>8</v>
      </c>
      <c r="U25881">
        <v>9</v>
      </c>
      <c r="V25881">
        <v>9</v>
      </c>
      <c r="W25881">
        <v>9</v>
      </c>
      <c r="X25881">
        <v>9</v>
      </c>
      <c r="Y25881">
        <v>9</v>
      </c>
      <c r="Z25881">
        <v>9</v>
      </c>
      <c r="AA25881">
        <v>9</v>
      </c>
      <c r="AB25881">
        <v>9</v>
      </c>
      <c r="AC25881">
        <v>9</v>
      </c>
      <c r="AD25881">
        <v>9</v>
      </c>
      <c r="AE25881">
        <v>9</v>
      </c>
      <c r="AF25881">
        <v>9</v>
      </c>
      <c r="AG25881">
        <v>9</v>
      </c>
      <c r="AH25881">
        <v>9</v>
      </c>
      <c r="AI25881">
        <v>9</v>
      </c>
      <c r="AJ25881">
        <v>9</v>
      </c>
      <c r="AK25881">
        <v>9</v>
      </c>
      <c r="AL25881">
        <v>9</v>
      </c>
      <c r="AM25881">
        <v>9</v>
      </c>
      <c r="AN25881">
        <v>9</v>
      </c>
      <c r="AO25881">
        <v>9</v>
      </c>
      <c r="AP25881">
        <v>9</v>
      </c>
      <c r="AQ25881">
        <v>9</v>
      </c>
    </row>
    <row r="25882" spans="1:43">
      <c r="A25882" t="s">
        <v>16013</v>
      </c>
      <c r="B25882" t="s">
        <v>16014</v>
      </c>
      <c r="C25882" t="s">
        <v>15923</v>
      </c>
      <c r="D25882" t="s">
        <v>15924</v>
      </c>
      <c r="E25882" t="s">
        <v>15891</v>
      </c>
      <c r="F25882" t="s">
        <v>15892</v>
      </c>
      <c r="G25882" t="s">
        <v>10734</v>
      </c>
      <c r="H25882" t="s">
        <v>10735</v>
      </c>
      <c r="I25882" s="2">
        <v>1</v>
      </c>
      <c r="J25882" s="2">
        <v>0</v>
      </c>
      <c r="K25882" s="2">
        <v>0</v>
      </c>
      <c r="L25882" t="s">
        <v>120</v>
      </c>
      <c r="M25882" t="s">
        <v>83</v>
      </c>
      <c r="N25882" t="s">
        <v>84</v>
      </c>
      <c r="O25882" t="s">
        <v>85</v>
      </c>
      <c r="P25882" t="s">
        <v>86</v>
      </c>
      <c r="Q25882">
        <v>14</v>
      </c>
      <c r="R25882">
        <v>14</v>
      </c>
      <c r="S25882">
        <v>14</v>
      </c>
      <c r="T25882">
        <v>14</v>
      </c>
      <c r="U25882">
        <v>14</v>
      </c>
      <c r="V25882">
        <v>14</v>
      </c>
      <c r="W25882">
        <v>15</v>
      </c>
      <c r="X25882">
        <v>15</v>
      </c>
      <c r="Y25882">
        <v>15</v>
      </c>
      <c r="Z25882">
        <v>15</v>
      </c>
      <c r="AA25882">
        <v>15</v>
      </c>
      <c r="AB25882">
        <v>15</v>
      </c>
      <c r="AC25882">
        <v>15</v>
      </c>
      <c r="AD25882">
        <v>15</v>
      </c>
      <c r="AE25882">
        <v>15</v>
      </c>
      <c r="AF25882">
        <v>15</v>
      </c>
      <c r="AG25882">
        <v>15</v>
      </c>
      <c r="AH25882">
        <v>15</v>
      </c>
      <c r="AI25882">
        <v>16</v>
      </c>
      <c r="AJ25882">
        <v>16</v>
      </c>
      <c r="AK25882">
        <v>16</v>
      </c>
      <c r="AL25882">
        <v>16</v>
      </c>
      <c r="AM25882">
        <v>16</v>
      </c>
      <c r="AN25882">
        <v>16</v>
      </c>
      <c r="AO25882">
        <v>15</v>
      </c>
      <c r="AP25882">
        <v>15</v>
      </c>
      <c r="AQ25882">
        <v>15</v>
      </c>
    </row>
    <row r="25883" spans="1:43">
      <c r="A25883" t="s">
        <v>16013</v>
      </c>
      <c r="B25883" t="s">
        <v>16014</v>
      </c>
      <c r="C25883" t="s">
        <v>15923</v>
      </c>
      <c r="D25883" t="s">
        <v>15924</v>
      </c>
      <c r="E25883" t="s">
        <v>15891</v>
      </c>
      <c r="F25883" t="s">
        <v>15892</v>
      </c>
      <c r="G25883" t="s">
        <v>10734</v>
      </c>
      <c r="H25883" t="s">
        <v>10735</v>
      </c>
      <c r="I25883" s="2">
        <v>1</v>
      </c>
      <c r="J25883" s="2">
        <v>0</v>
      </c>
      <c r="K25883" s="2">
        <v>0</v>
      </c>
      <c r="L25883" t="s">
        <v>120</v>
      </c>
      <c r="M25883" t="s">
        <v>87</v>
      </c>
      <c r="N25883" t="s">
        <v>88</v>
      </c>
      <c r="O25883" t="s">
        <v>85</v>
      </c>
      <c r="P25883" t="s">
        <v>86</v>
      </c>
      <c r="Q25883">
        <v>14</v>
      </c>
      <c r="R25883">
        <v>14</v>
      </c>
      <c r="S25883">
        <v>14</v>
      </c>
      <c r="T25883">
        <v>14</v>
      </c>
      <c r="U25883">
        <v>14</v>
      </c>
      <c r="V25883">
        <v>14</v>
      </c>
      <c r="W25883">
        <v>14</v>
      </c>
      <c r="X25883">
        <v>14</v>
      </c>
      <c r="Y25883">
        <v>14</v>
      </c>
      <c r="Z25883">
        <v>14</v>
      </c>
      <c r="AA25883">
        <v>14</v>
      </c>
      <c r="AB25883">
        <v>14</v>
      </c>
      <c r="AC25883">
        <v>14</v>
      </c>
      <c r="AD25883">
        <v>14</v>
      </c>
      <c r="AE25883">
        <v>14</v>
      </c>
      <c r="AF25883">
        <v>14</v>
      </c>
      <c r="AG25883">
        <v>14</v>
      </c>
      <c r="AH25883">
        <v>14</v>
      </c>
      <c r="AI25883">
        <v>14</v>
      </c>
      <c r="AJ25883">
        <v>14</v>
      </c>
      <c r="AK25883">
        <v>14</v>
      </c>
      <c r="AL25883">
        <v>14</v>
      </c>
      <c r="AM25883">
        <v>13</v>
      </c>
      <c r="AN25883">
        <v>13</v>
      </c>
      <c r="AO25883">
        <v>13</v>
      </c>
      <c r="AP25883">
        <v>13</v>
      </c>
      <c r="AQ25883">
        <v>13</v>
      </c>
    </row>
    <row r="25884" spans="1:43">
      <c r="A25884" t="s">
        <v>16013</v>
      </c>
      <c r="B25884" t="s">
        <v>16014</v>
      </c>
      <c r="C25884" t="s">
        <v>15923</v>
      </c>
      <c r="D25884" t="s">
        <v>15924</v>
      </c>
      <c r="E25884" t="s">
        <v>15891</v>
      </c>
      <c r="F25884" t="s">
        <v>15892</v>
      </c>
      <c r="G25884" t="s">
        <v>10734</v>
      </c>
      <c r="H25884" t="s">
        <v>10735</v>
      </c>
      <c r="I25884" s="2">
        <v>1</v>
      </c>
      <c r="J25884" s="2">
        <v>0</v>
      </c>
      <c r="K25884" s="2">
        <v>0</v>
      </c>
      <c r="L25884" t="s">
        <v>120</v>
      </c>
      <c r="M25884" t="s">
        <v>89</v>
      </c>
      <c r="N25884" t="s">
        <v>90</v>
      </c>
      <c r="O25884" t="s">
        <v>85</v>
      </c>
      <c r="P25884" t="s">
        <v>86</v>
      </c>
      <c r="Q25884">
        <v>14</v>
      </c>
      <c r="R25884">
        <v>14</v>
      </c>
      <c r="S25884">
        <v>14</v>
      </c>
      <c r="T25884">
        <v>15</v>
      </c>
      <c r="U25884">
        <v>15</v>
      </c>
      <c r="V25884">
        <v>15</v>
      </c>
      <c r="W25884">
        <v>15</v>
      </c>
      <c r="X25884">
        <v>15</v>
      </c>
      <c r="Y25884">
        <v>16</v>
      </c>
      <c r="Z25884">
        <v>16</v>
      </c>
      <c r="AA25884">
        <v>16</v>
      </c>
      <c r="AB25884">
        <v>16</v>
      </c>
      <c r="AC25884">
        <v>16</v>
      </c>
      <c r="AD25884">
        <v>16</v>
      </c>
      <c r="AE25884">
        <v>16</v>
      </c>
      <c r="AF25884">
        <v>16</v>
      </c>
      <c r="AG25884">
        <v>16</v>
      </c>
      <c r="AH25884">
        <v>16</v>
      </c>
      <c r="AI25884">
        <v>16</v>
      </c>
      <c r="AJ25884">
        <v>16</v>
      </c>
      <c r="AK25884">
        <v>16</v>
      </c>
      <c r="AL25884">
        <v>16</v>
      </c>
      <c r="AM25884">
        <v>16</v>
      </c>
      <c r="AN25884">
        <v>16</v>
      </c>
      <c r="AO25884">
        <v>16</v>
      </c>
      <c r="AP25884">
        <v>16</v>
      </c>
      <c r="AQ25884">
        <v>16</v>
      </c>
    </row>
    <row r="25885" spans="1:43">
      <c r="A25885" t="s">
        <v>16013</v>
      </c>
      <c r="B25885" t="s">
        <v>16014</v>
      </c>
      <c r="C25885" t="s">
        <v>15923</v>
      </c>
      <c r="D25885" t="s">
        <v>15924</v>
      </c>
      <c r="E25885" t="s">
        <v>15891</v>
      </c>
      <c r="F25885" t="s">
        <v>15892</v>
      </c>
      <c r="G25885" t="s">
        <v>10734</v>
      </c>
      <c r="H25885" t="s">
        <v>10735</v>
      </c>
      <c r="I25885" s="2">
        <v>1</v>
      </c>
      <c r="J25885" s="2">
        <v>0</v>
      </c>
      <c r="K25885" s="2">
        <v>0</v>
      </c>
      <c r="L25885" t="s">
        <v>120</v>
      </c>
      <c r="M25885" t="s">
        <v>83</v>
      </c>
      <c r="N25885" t="s">
        <v>91</v>
      </c>
      <c r="O25885" t="s">
        <v>85</v>
      </c>
      <c r="P25885" t="s">
        <v>86</v>
      </c>
      <c r="Q25885">
        <v>14</v>
      </c>
      <c r="R25885">
        <v>14</v>
      </c>
      <c r="S25885">
        <v>14</v>
      </c>
      <c r="T25885">
        <v>14</v>
      </c>
      <c r="U25885">
        <v>14</v>
      </c>
      <c r="V25885">
        <v>14</v>
      </c>
      <c r="W25885">
        <v>15</v>
      </c>
      <c r="X25885">
        <v>15</v>
      </c>
      <c r="Y25885">
        <v>15</v>
      </c>
      <c r="Z25885">
        <v>15</v>
      </c>
      <c r="AA25885">
        <v>15</v>
      </c>
      <c r="AB25885">
        <v>15</v>
      </c>
      <c r="AC25885">
        <v>15</v>
      </c>
      <c r="AD25885">
        <v>15</v>
      </c>
      <c r="AE25885">
        <v>15</v>
      </c>
      <c r="AF25885">
        <v>15</v>
      </c>
      <c r="AG25885">
        <v>15</v>
      </c>
      <c r="AH25885">
        <v>15</v>
      </c>
      <c r="AI25885">
        <v>16</v>
      </c>
      <c r="AJ25885">
        <v>16</v>
      </c>
      <c r="AK25885">
        <v>16</v>
      </c>
      <c r="AL25885">
        <v>16</v>
      </c>
      <c r="AM25885">
        <v>16</v>
      </c>
      <c r="AN25885">
        <v>16</v>
      </c>
      <c r="AO25885">
        <v>15</v>
      </c>
      <c r="AP25885">
        <v>15</v>
      </c>
      <c r="AQ25885">
        <v>15</v>
      </c>
    </row>
    <row r="25886" spans="1:43">
      <c r="A25886" t="s">
        <v>16015</v>
      </c>
      <c r="B25886" t="s">
        <v>16016</v>
      </c>
      <c r="C25886" t="s">
        <v>16017</v>
      </c>
      <c r="D25886" t="s">
        <v>16018</v>
      </c>
      <c r="E25886" t="s">
        <v>16019</v>
      </c>
      <c r="F25886" t="s">
        <v>16020</v>
      </c>
      <c r="G25886" t="s">
        <v>10734</v>
      </c>
      <c r="H25886" t="s">
        <v>10735</v>
      </c>
      <c r="I25886" s="2">
        <v>1</v>
      </c>
      <c r="J25886" s="2">
        <v>0</v>
      </c>
      <c r="K25886" s="2">
        <v>0</v>
      </c>
      <c r="L25886" t="s">
        <v>120</v>
      </c>
      <c r="M25886" t="s">
        <v>83</v>
      </c>
      <c r="N25886" t="s">
        <v>84</v>
      </c>
      <c r="O25886" t="s">
        <v>85</v>
      </c>
      <c r="P25886" t="s">
        <v>86</v>
      </c>
      <c r="Q25886">
        <v>15</v>
      </c>
      <c r="R25886">
        <v>15</v>
      </c>
      <c r="S25886">
        <v>16</v>
      </c>
      <c r="T25886">
        <v>16</v>
      </c>
      <c r="U25886">
        <v>17</v>
      </c>
      <c r="V25886">
        <v>17</v>
      </c>
      <c r="W25886">
        <v>17</v>
      </c>
      <c r="X25886">
        <v>18</v>
      </c>
      <c r="Y25886">
        <v>18</v>
      </c>
      <c r="Z25886">
        <v>19</v>
      </c>
      <c r="AA25886">
        <v>19</v>
      </c>
      <c r="AB25886">
        <v>19</v>
      </c>
      <c r="AC25886">
        <v>20</v>
      </c>
      <c r="AD25886">
        <v>20</v>
      </c>
      <c r="AE25886">
        <v>21</v>
      </c>
      <c r="AF25886">
        <v>21</v>
      </c>
      <c r="AG25886">
        <v>22</v>
      </c>
      <c r="AH25886">
        <v>22</v>
      </c>
      <c r="AI25886">
        <v>23</v>
      </c>
      <c r="AJ25886">
        <v>23</v>
      </c>
      <c r="AK25886">
        <v>24</v>
      </c>
      <c r="AL25886">
        <v>24</v>
      </c>
      <c r="AM25886">
        <v>25</v>
      </c>
      <c r="AN25886">
        <v>25</v>
      </c>
      <c r="AO25886">
        <v>25</v>
      </c>
      <c r="AP25886">
        <v>26</v>
      </c>
      <c r="AQ25886">
        <v>26</v>
      </c>
    </row>
    <row r="25887" spans="1:43">
      <c r="A25887" t="s">
        <v>16015</v>
      </c>
      <c r="B25887" t="s">
        <v>16016</v>
      </c>
      <c r="C25887" t="s">
        <v>16017</v>
      </c>
      <c r="D25887" t="s">
        <v>16018</v>
      </c>
      <c r="E25887" t="s">
        <v>16019</v>
      </c>
      <c r="F25887" t="s">
        <v>16020</v>
      </c>
      <c r="G25887" t="s">
        <v>10734</v>
      </c>
      <c r="H25887" t="s">
        <v>10735</v>
      </c>
      <c r="I25887" s="2">
        <v>1</v>
      </c>
      <c r="J25887" s="2">
        <v>0</v>
      </c>
      <c r="K25887" s="2">
        <v>0</v>
      </c>
      <c r="L25887" t="s">
        <v>120</v>
      </c>
      <c r="M25887" t="s">
        <v>87</v>
      </c>
      <c r="N25887" t="s">
        <v>88</v>
      </c>
      <c r="O25887" t="s">
        <v>85</v>
      </c>
      <c r="P25887" t="s">
        <v>86</v>
      </c>
      <c r="Q25887">
        <v>15</v>
      </c>
      <c r="R25887">
        <v>15</v>
      </c>
      <c r="S25887">
        <v>15</v>
      </c>
      <c r="T25887">
        <v>16</v>
      </c>
      <c r="U25887">
        <v>16</v>
      </c>
      <c r="V25887">
        <v>16</v>
      </c>
      <c r="W25887">
        <v>16</v>
      </c>
      <c r="X25887">
        <v>17</v>
      </c>
      <c r="Y25887">
        <v>17</v>
      </c>
      <c r="Z25887">
        <v>17</v>
      </c>
      <c r="AA25887">
        <v>17</v>
      </c>
      <c r="AB25887">
        <v>18</v>
      </c>
      <c r="AC25887">
        <v>18</v>
      </c>
      <c r="AD25887">
        <v>18</v>
      </c>
      <c r="AE25887">
        <v>18</v>
      </c>
      <c r="AF25887">
        <v>19</v>
      </c>
      <c r="AG25887">
        <v>19</v>
      </c>
      <c r="AH25887">
        <v>19</v>
      </c>
      <c r="AI25887">
        <v>20</v>
      </c>
      <c r="AJ25887">
        <v>20</v>
      </c>
      <c r="AK25887">
        <v>20</v>
      </c>
      <c r="AL25887">
        <v>21</v>
      </c>
      <c r="AM25887">
        <v>21</v>
      </c>
      <c r="AN25887">
        <v>21</v>
      </c>
      <c r="AO25887">
        <v>22</v>
      </c>
      <c r="AP25887">
        <v>22</v>
      </c>
      <c r="AQ25887">
        <v>22</v>
      </c>
    </row>
    <row r="25888" spans="1:43">
      <c r="A25888" t="s">
        <v>16015</v>
      </c>
      <c r="B25888" t="s">
        <v>16016</v>
      </c>
      <c r="C25888" t="s">
        <v>16017</v>
      </c>
      <c r="D25888" t="s">
        <v>16018</v>
      </c>
      <c r="E25888" t="s">
        <v>16019</v>
      </c>
      <c r="F25888" t="s">
        <v>16020</v>
      </c>
      <c r="G25888" t="s">
        <v>10734</v>
      </c>
      <c r="H25888" t="s">
        <v>10735</v>
      </c>
      <c r="I25888" s="2">
        <v>1</v>
      </c>
      <c r="J25888" s="2">
        <v>0</v>
      </c>
      <c r="K25888" s="2">
        <v>0</v>
      </c>
      <c r="L25888" t="s">
        <v>120</v>
      </c>
      <c r="M25888" t="s">
        <v>89</v>
      </c>
      <c r="N25888" t="s">
        <v>90</v>
      </c>
      <c r="O25888" t="s">
        <v>85</v>
      </c>
      <c r="P25888" t="s">
        <v>86</v>
      </c>
      <c r="Q25888">
        <v>15</v>
      </c>
      <c r="R25888">
        <v>16</v>
      </c>
      <c r="S25888">
        <v>16</v>
      </c>
      <c r="T25888">
        <v>17</v>
      </c>
      <c r="U25888">
        <v>17</v>
      </c>
      <c r="V25888">
        <v>18</v>
      </c>
      <c r="W25888">
        <v>18</v>
      </c>
      <c r="X25888">
        <v>19</v>
      </c>
      <c r="Y25888">
        <v>19</v>
      </c>
      <c r="Z25888">
        <v>20</v>
      </c>
      <c r="AA25888">
        <v>20</v>
      </c>
      <c r="AB25888">
        <v>21</v>
      </c>
      <c r="AC25888">
        <v>21</v>
      </c>
      <c r="AD25888">
        <v>22</v>
      </c>
      <c r="AE25888">
        <v>22</v>
      </c>
      <c r="AF25888">
        <v>23</v>
      </c>
      <c r="AG25888">
        <v>23</v>
      </c>
      <c r="AH25888">
        <v>23</v>
      </c>
      <c r="AI25888">
        <v>23</v>
      </c>
      <c r="AJ25888">
        <v>24</v>
      </c>
      <c r="AK25888">
        <v>24</v>
      </c>
      <c r="AL25888">
        <v>24</v>
      </c>
      <c r="AM25888">
        <v>25</v>
      </c>
      <c r="AN25888">
        <v>25</v>
      </c>
      <c r="AO25888">
        <v>25</v>
      </c>
      <c r="AP25888">
        <v>26</v>
      </c>
      <c r="AQ25888">
        <v>26</v>
      </c>
    </row>
    <row r="25889" spans="1:43">
      <c r="A25889" t="s">
        <v>16015</v>
      </c>
      <c r="B25889" t="s">
        <v>16016</v>
      </c>
      <c r="C25889" t="s">
        <v>16017</v>
      </c>
      <c r="D25889" t="s">
        <v>16018</v>
      </c>
      <c r="E25889" t="s">
        <v>16019</v>
      </c>
      <c r="F25889" t="s">
        <v>16020</v>
      </c>
      <c r="G25889" t="s">
        <v>10734</v>
      </c>
      <c r="H25889" t="s">
        <v>10735</v>
      </c>
      <c r="I25889" s="2">
        <v>1</v>
      </c>
      <c r="J25889" s="2">
        <v>0</v>
      </c>
      <c r="K25889" s="2">
        <v>0</v>
      </c>
      <c r="L25889" t="s">
        <v>120</v>
      </c>
      <c r="M25889" t="s">
        <v>83</v>
      </c>
      <c r="N25889" t="s">
        <v>91</v>
      </c>
      <c r="O25889" t="s">
        <v>85</v>
      </c>
      <c r="P25889" t="s">
        <v>86</v>
      </c>
      <c r="Q25889">
        <v>15</v>
      </c>
      <c r="R25889">
        <v>15</v>
      </c>
      <c r="S25889">
        <v>16</v>
      </c>
      <c r="T25889">
        <v>16</v>
      </c>
      <c r="U25889">
        <v>17</v>
      </c>
      <c r="V25889">
        <v>17</v>
      </c>
      <c r="W25889">
        <v>17</v>
      </c>
      <c r="X25889">
        <v>18</v>
      </c>
      <c r="Y25889">
        <v>18</v>
      </c>
      <c r="Z25889">
        <v>19</v>
      </c>
      <c r="AA25889">
        <v>19</v>
      </c>
      <c r="AB25889">
        <v>19</v>
      </c>
      <c r="AC25889">
        <v>20</v>
      </c>
      <c r="AD25889">
        <v>20</v>
      </c>
      <c r="AE25889">
        <v>21</v>
      </c>
      <c r="AF25889">
        <v>21</v>
      </c>
      <c r="AG25889">
        <v>22</v>
      </c>
      <c r="AH25889">
        <v>22</v>
      </c>
      <c r="AI25889">
        <v>23</v>
      </c>
      <c r="AJ25889">
        <v>23</v>
      </c>
      <c r="AK25889">
        <v>24</v>
      </c>
      <c r="AL25889">
        <v>24</v>
      </c>
      <c r="AM25889">
        <v>25</v>
      </c>
      <c r="AN25889">
        <v>25</v>
      </c>
      <c r="AO25889">
        <v>25</v>
      </c>
      <c r="AP25889">
        <v>26</v>
      </c>
      <c r="AQ25889">
        <v>26</v>
      </c>
    </row>
    <row r="25890" spans="1:43">
      <c r="A25890" t="s">
        <v>16021</v>
      </c>
      <c r="B25890" t="s">
        <v>16022</v>
      </c>
      <c r="C25890" t="s">
        <v>16017</v>
      </c>
      <c r="D25890" t="s">
        <v>16018</v>
      </c>
      <c r="E25890" t="s">
        <v>16019</v>
      </c>
      <c r="F25890" t="s">
        <v>16020</v>
      </c>
      <c r="G25890" t="s">
        <v>10734</v>
      </c>
      <c r="H25890" t="s">
        <v>10735</v>
      </c>
      <c r="I25890" s="2">
        <v>0.95</v>
      </c>
      <c r="J25890" s="2">
        <v>0</v>
      </c>
      <c r="K25890" s="2">
        <v>0</v>
      </c>
      <c r="L25890" t="s">
        <v>120</v>
      </c>
      <c r="M25890" t="s">
        <v>83</v>
      </c>
      <c r="N25890" t="s">
        <v>84</v>
      </c>
      <c r="O25890" t="s">
        <v>85</v>
      </c>
      <c r="P25890" t="s">
        <v>86</v>
      </c>
      <c r="Q25890">
        <v>37</v>
      </c>
      <c r="R25890">
        <v>37</v>
      </c>
      <c r="S25890">
        <v>38</v>
      </c>
      <c r="T25890">
        <v>39</v>
      </c>
      <c r="U25890">
        <v>40</v>
      </c>
      <c r="V25890">
        <v>41</v>
      </c>
      <c r="W25890">
        <v>42</v>
      </c>
      <c r="X25890">
        <v>43</v>
      </c>
      <c r="Y25890">
        <v>44</v>
      </c>
      <c r="Z25890">
        <v>45</v>
      </c>
      <c r="AA25890">
        <v>46</v>
      </c>
      <c r="AB25890">
        <v>47</v>
      </c>
      <c r="AC25890">
        <v>48</v>
      </c>
      <c r="AD25890">
        <v>49</v>
      </c>
      <c r="AE25890">
        <v>50</v>
      </c>
      <c r="AF25890">
        <v>52</v>
      </c>
      <c r="AG25890">
        <v>53</v>
      </c>
      <c r="AH25890">
        <v>54</v>
      </c>
      <c r="AI25890">
        <v>55</v>
      </c>
      <c r="AJ25890">
        <v>56</v>
      </c>
      <c r="AK25890">
        <v>58</v>
      </c>
      <c r="AL25890">
        <v>59</v>
      </c>
      <c r="AM25890">
        <v>59</v>
      </c>
      <c r="AN25890">
        <v>60</v>
      </c>
      <c r="AO25890">
        <v>61</v>
      </c>
      <c r="AP25890">
        <v>62</v>
      </c>
      <c r="AQ25890">
        <v>63</v>
      </c>
    </row>
    <row r="25891" spans="1:43">
      <c r="A25891" t="s">
        <v>16021</v>
      </c>
      <c r="B25891" t="s">
        <v>16022</v>
      </c>
      <c r="C25891" t="s">
        <v>16017</v>
      </c>
      <c r="D25891" t="s">
        <v>16018</v>
      </c>
      <c r="E25891" t="s">
        <v>16019</v>
      </c>
      <c r="F25891" t="s">
        <v>16020</v>
      </c>
      <c r="G25891" t="s">
        <v>10734</v>
      </c>
      <c r="H25891" t="s">
        <v>10735</v>
      </c>
      <c r="I25891" s="2">
        <v>0.95</v>
      </c>
      <c r="J25891" s="2">
        <v>0</v>
      </c>
      <c r="K25891" s="2">
        <v>0</v>
      </c>
      <c r="L25891" t="s">
        <v>120</v>
      </c>
      <c r="M25891" t="s">
        <v>87</v>
      </c>
      <c r="N25891" t="s">
        <v>88</v>
      </c>
      <c r="O25891" t="s">
        <v>85</v>
      </c>
      <c r="P25891" t="s">
        <v>86</v>
      </c>
      <c r="Q25891">
        <v>37</v>
      </c>
      <c r="R25891">
        <v>38</v>
      </c>
      <c r="S25891">
        <v>38</v>
      </c>
      <c r="T25891">
        <v>39</v>
      </c>
      <c r="U25891">
        <v>39</v>
      </c>
      <c r="V25891">
        <v>40</v>
      </c>
      <c r="W25891">
        <v>41</v>
      </c>
      <c r="X25891">
        <v>41</v>
      </c>
      <c r="Y25891">
        <v>42</v>
      </c>
      <c r="Z25891">
        <v>42</v>
      </c>
      <c r="AA25891">
        <v>43</v>
      </c>
      <c r="AB25891">
        <v>44</v>
      </c>
      <c r="AC25891">
        <v>44</v>
      </c>
      <c r="AD25891">
        <v>45</v>
      </c>
      <c r="AE25891">
        <v>46</v>
      </c>
      <c r="AF25891">
        <v>46</v>
      </c>
      <c r="AG25891">
        <v>47</v>
      </c>
      <c r="AH25891">
        <v>48</v>
      </c>
      <c r="AI25891">
        <v>49</v>
      </c>
      <c r="AJ25891">
        <v>49</v>
      </c>
      <c r="AK25891">
        <v>50</v>
      </c>
      <c r="AL25891">
        <v>51</v>
      </c>
      <c r="AM25891">
        <v>52</v>
      </c>
      <c r="AN25891">
        <v>53</v>
      </c>
      <c r="AO25891">
        <v>54</v>
      </c>
      <c r="AP25891">
        <v>54</v>
      </c>
      <c r="AQ25891">
        <v>55</v>
      </c>
    </row>
    <row r="25892" spans="1:43">
      <c r="A25892" t="s">
        <v>16021</v>
      </c>
      <c r="B25892" t="s">
        <v>16022</v>
      </c>
      <c r="C25892" t="s">
        <v>16017</v>
      </c>
      <c r="D25892" t="s">
        <v>16018</v>
      </c>
      <c r="E25892" t="s">
        <v>16019</v>
      </c>
      <c r="F25892" t="s">
        <v>16020</v>
      </c>
      <c r="G25892" t="s">
        <v>10734</v>
      </c>
      <c r="H25892" t="s">
        <v>10735</v>
      </c>
      <c r="I25892" s="2">
        <v>0.95</v>
      </c>
      <c r="J25892" s="2">
        <v>0</v>
      </c>
      <c r="K25892" s="2">
        <v>0</v>
      </c>
      <c r="L25892" t="s">
        <v>120</v>
      </c>
      <c r="M25892" t="s">
        <v>89</v>
      </c>
      <c r="N25892" t="s">
        <v>90</v>
      </c>
      <c r="O25892" t="s">
        <v>85</v>
      </c>
      <c r="P25892" t="s">
        <v>86</v>
      </c>
      <c r="Q25892">
        <v>37</v>
      </c>
      <c r="R25892">
        <v>38</v>
      </c>
      <c r="S25892">
        <v>39</v>
      </c>
      <c r="T25892">
        <v>41</v>
      </c>
      <c r="U25892">
        <v>42</v>
      </c>
      <c r="V25892">
        <v>43</v>
      </c>
      <c r="W25892">
        <v>44</v>
      </c>
      <c r="X25892">
        <v>45</v>
      </c>
      <c r="Y25892">
        <v>47</v>
      </c>
      <c r="Z25892">
        <v>48</v>
      </c>
      <c r="AA25892">
        <v>49</v>
      </c>
      <c r="AB25892">
        <v>50</v>
      </c>
      <c r="AC25892">
        <v>52</v>
      </c>
      <c r="AD25892">
        <v>53</v>
      </c>
      <c r="AE25892">
        <v>54</v>
      </c>
      <c r="AF25892">
        <v>55</v>
      </c>
      <c r="AG25892">
        <v>55</v>
      </c>
      <c r="AH25892">
        <v>56</v>
      </c>
      <c r="AI25892">
        <v>57</v>
      </c>
      <c r="AJ25892">
        <v>58</v>
      </c>
      <c r="AK25892">
        <v>58</v>
      </c>
      <c r="AL25892">
        <v>59</v>
      </c>
      <c r="AM25892">
        <v>60</v>
      </c>
      <c r="AN25892">
        <v>61</v>
      </c>
      <c r="AO25892">
        <v>62</v>
      </c>
      <c r="AP25892">
        <v>62</v>
      </c>
      <c r="AQ25892">
        <v>63</v>
      </c>
    </row>
    <row r="25893" spans="1:43">
      <c r="A25893" t="s">
        <v>16021</v>
      </c>
      <c r="B25893" t="s">
        <v>16022</v>
      </c>
      <c r="C25893" t="s">
        <v>16017</v>
      </c>
      <c r="D25893" t="s">
        <v>16018</v>
      </c>
      <c r="E25893" t="s">
        <v>16019</v>
      </c>
      <c r="F25893" t="s">
        <v>16020</v>
      </c>
      <c r="G25893" t="s">
        <v>10734</v>
      </c>
      <c r="H25893" t="s">
        <v>10735</v>
      </c>
      <c r="I25893" s="2">
        <v>0.95</v>
      </c>
      <c r="J25893" s="2">
        <v>0</v>
      </c>
      <c r="K25893" s="2">
        <v>0</v>
      </c>
      <c r="L25893" t="s">
        <v>120</v>
      </c>
      <c r="M25893" t="s">
        <v>83</v>
      </c>
      <c r="N25893" t="s">
        <v>91</v>
      </c>
      <c r="O25893" t="s">
        <v>85</v>
      </c>
      <c r="P25893" t="s">
        <v>86</v>
      </c>
      <c r="Q25893">
        <v>37</v>
      </c>
      <c r="R25893">
        <v>37</v>
      </c>
      <c r="S25893">
        <v>38</v>
      </c>
      <c r="T25893">
        <v>39</v>
      </c>
      <c r="U25893">
        <v>40</v>
      </c>
      <c r="V25893">
        <v>41</v>
      </c>
      <c r="W25893">
        <v>42</v>
      </c>
      <c r="X25893">
        <v>43</v>
      </c>
      <c r="Y25893">
        <v>44</v>
      </c>
      <c r="Z25893">
        <v>45</v>
      </c>
      <c r="AA25893">
        <v>46</v>
      </c>
      <c r="AB25893">
        <v>47</v>
      </c>
      <c r="AC25893">
        <v>48</v>
      </c>
      <c r="AD25893">
        <v>49</v>
      </c>
      <c r="AE25893">
        <v>50</v>
      </c>
      <c r="AF25893">
        <v>52</v>
      </c>
      <c r="AG25893">
        <v>53</v>
      </c>
      <c r="AH25893">
        <v>54</v>
      </c>
      <c r="AI25893">
        <v>55</v>
      </c>
      <c r="AJ25893">
        <v>56</v>
      </c>
      <c r="AK25893">
        <v>58</v>
      </c>
      <c r="AL25893">
        <v>59</v>
      </c>
      <c r="AM25893">
        <v>59</v>
      </c>
      <c r="AN25893">
        <v>60</v>
      </c>
      <c r="AO25893">
        <v>61</v>
      </c>
      <c r="AP25893">
        <v>62</v>
      </c>
      <c r="AQ25893">
        <v>63</v>
      </c>
    </row>
    <row r="25894" spans="1:43">
      <c r="A25894" t="s">
        <v>16023</v>
      </c>
      <c r="B25894" t="s">
        <v>16024</v>
      </c>
      <c r="C25894" t="s">
        <v>16017</v>
      </c>
      <c r="D25894" t="s">
        <v>16018</v>
      </c>
      <c r="E25894" t="s">
        <v>16019</v>
      </c>
      <c r="F25894" t="s">
        <v>16020</v>
      </c>
      <c r="G25894" t="s">
        <v>10734</v>
      </c>
      <c r="H25894" t="s">
        <v>10735</v>
      </c>
      <c r="I25894" s="2">
        <v>1</v>
      </c>
      <c r="J25894" s="2">
        <v>0</v>
      </c>
      <c r="K25894" s="2">
        <v>0</v>
      </c>
      <c r="L25894" t="s">
        <v>120</v>
      </c>
      <c r="M25894" t="s">
        <v>83</v>
      </c>
      <c r="N25894" t="s">
        <v>84</v>
      </c>
      <c r="O25894" t="s">
        <v>85</v>
      </c>
      <c r="P25894" t="s">
        <v>86</v>
      </c>
      <c r="Q25894">
        <v>39</v>
      </c>
      <c r="R25894">
        <v>40</v>
      </c>
      <c r="S25894">
        <v>41</v>
      </c>
      <c r="T25894">
        <v>42</v>
      </c>
      <c r="U25894">
        <v>43</v>
      </c>
      <c r="V25894">
        <v>44</v>
      </c>
      <c r="W25894">
        <v>45</v>
      </c>
      <c r="X25894">
        <v>46</v>
      </c>
      <c r="Y25894">
        <v>47</v>
      </c>
      <c r="Z25894">
        <v>48</v>
      </c>
      <c r="AA25894">
        <v>49</v>
      </c>
      <c r="AB25894">
        <v>50</v>
      </c>
      <c r="AC25894">
        <v>51</v>
      </c>
      <c r="AD25894">
        <v>52</v>
      </c>
      <c r="AE25894">
        <v>53</v>
      </c>
      <c r="AF25894">
        <v>55</v>
      </c>
      <c r="AG25894">
        <v>56</v>
      </c>
      <c r="AH25894">
        <v>57</v>
      </c>
      <c r="AI25894">
        <v>58</v>
      </c>
      <c r="AJ25894">
        <v>60</v>
      </c>
      <c r="AK25894">
        <v>61</v>
      </c>
      <c r="AL25894">
        <v>62</v>
      </c>
      <c r="AM25894">
        <v>63</v>
      </c>
      <c r="AN25894">
        <v>64</v>
      </c>
      <c r="AO25894">
        <v>65</v>
      </c>
      <c r="AP25894">
        <v>66</v>
      </c>
      <c r="AQ25894">
        <v>67</v>
      </c>
    </row>
    <row r="25895" spans="1:43">
      <c r="A25895" t="s">
        <v>16023</v>
      </c>
      <c r="B25895" t="s">
        <v>16024</v>
      </c>
      <c r="C25895" t="s">
        <v>16017</v>
      </c>
      <c r="D25895" t="s">
        <v>16018</v>
      </c>
      <c r="E25895" t="s">
        <v>16019</v>
      </c>
      <c r="F25895" t="s">
        <v>16020</v>
      </c>
      <c r="G25895" t="s">
        <v>10734</v>
      </c>
      <c r="H25895" t="s">
        <v>10735</v>
      </c>
      <c r="I25895" s="2">
        <v>1</v>
      </c>
      <c r="J25895" s="2">
        <v>0</v>
      </c>
      <c r="K25895" s="2">
        <v>0</v>
      </c>
      <c r="L25895" t="s">
        <v>120</v>
      </c>
      <c r="M25895" t="s">
        <v>87</v>
      </c>
      <c r="N25895" t="s">
        <v>88</v>
      </c>
      <c r="O25895" t="s">
        <v>85</v>
      </c>
      <c r="P25895" t="s">
        <v>86</v>
      </c>
      <c r="Q25895">
        <v>39</v>
      </c>
      <c r="R25895">
        <v>40</v>
      </c>
      <c r="S25895">
        <v>40</v>
      </c>
      <c r="T25895">
        <v>41</v>
      </c>
      <c r="U25895">
        <v>42</v>
      </c>
      <c r="V25895">
        <v>42</v>
      </c>
      <c r="W25895">
        <v>43</v>
      </c>
      <c r="X25895">
        <v>44</v>
      </c>
      <c r="Y25895">
        <v>44</v>
      </c>
      <c r="Z25895">
        <v>45</v>
      </c>
      <c r="AA25895">
        <v>45</v>
      </c>
      <c r="AB25895">
        <v>46</v>
      </c>
      <c r="AC25895">
        <v>47</v>
      </c>
      <c r="AD25895">
        <v>48</v>
      </c>
      <c r="AE25895">
        <v>48</v>
      </c>
      <c r="AF25895">
        <v>49</v>
      </c>
      <c r="AG25895">
        <v>50</v>
      </c>
      <c r="AH25895">
        <v>51</v>
      </c>
      <c r="AI25895">
        <v>51</v>
      </c>
      <c r="AJ25895">
        <v>52</v>
      </c>
      <c r="AK25895">
        <v>53</v>
      </c>
      <c r="AL25895">
        <v>54</v>
      </c>
      <c r="AM25895">
        <v>55</v>
      </c>
      <c r="AN25895">
        <v>56</v>
      </c>
      <c r="AO25895">
        <v>57</v>
      </c>
      <c r="AP25895">
        <v>58</v>
      </c>
      <c r="AQ25895">
        <v>59</v>
      </c>
    </row>
    <row r="25896" spans="1:43">
      <c r="A25896" t="s">
        <v>16023</v>
      </c>
      <c r="B25896" t="s">
        <v>16024</v>
      </c>
      <c r="C25896" t="s">
        <v>16017</v>
      </c>
      <c r="D25896" t="s">
        <v>16018</v>
      </c>
      <c r="E25896" t="s">
        <v>16019</v>
      </c>
      <c r="F25896" t="s">
        <v>16020</v>
      </c>
      <c r="G25896" t="s">
        <v>10734</v>
      </c>
      <c r="H25896" t="s">
        <v>10735</v>
      </c>
      <c r="I25896" s="2">
        <v>1</v>
      </c>
      <c r="J25896" s="2">
        <v>0</v>
      </c>
      <c r="K25896" s="2">
        <v>0</v>
      </c>
      <c r="L25896" t="s">
        <v>120</v>
      </c>
      <c r="M25896" t="s">
        <v>89</v>
      </c>
      <c r="N25896" t="s">
        <v>90</v>
      </c>
      <c r="O25896" t="s">
        <v>85</v>
      </c>
      <c r="P25896" t="s">
        <v>86</v>
      </c>
      <c r="Q25896">
        <v>39</v>
      </c>
      <c r="R25896">
        <v>40</v>
      </c>
      <c r="S25896">
        <v>42</v>
      </c>
      <c r="T25896">
        <v>43</v>
      </c>
      <c r="U25896">
        <v>44</v>
      </c>
      <c r="V25896">
        <v>46</v>
      </c>
      <c r="W25896">
        <v>47</v>
      </c>
      <c r="X25896">
        <v>48</v>
      </c>
      <c r="Y25896">
        <v>49</v>
      </c>
      <c r="Z25896">
        <v>51</v>
      </c>
      <c r="AA25896">
        <v>52</v>
      </c>
      <c r="AB25896">
        <v>53</v>
      </c>
      <c r="AC25896">
        <v>55</v>
      </c>
      <c r="AD25896">
        <v>56</v>
      </c>
      <c r="AE25896">
        <v>57</v>
      </c>
      <c r="AF25896">
        <v>58</v>
      </c>
      <c r="AG25896">
        <v>59</v>
      </c>
      <c r="AH25896">
        <v>60</v>
      </c>
      <c r="AI25896">
        <v>60</v>
      </c>
      <c r="AJ25896">
        <v>61</v>
      </c>
      <c r="AK25896">
        <v>62</v>
      </c>
      <c r="AL25896">
        <v>63</v>
      </c>
      <c r="AM25896">
        <v>64</v>
      </c>
      <c r="AN25896">
        <v>65</v>
      </c>
      <c r="AO25896">
        <v>65</v>
      </c>
      <c r="AP25896">
        <v>66</v>
      </c>
      <c r="AQ25896">
        <v>67</v>
      </c>
    </row>
    <row r="25897" spans="1:43">
      <c r="A25897" t="s">
        <v>16023</v>
      </c>
      <c r="B25897" t="s">
        <v>16024</v>
      </c>
      <c r="C25897" t="s">
        <v>16017</v>
      </c>
      <c r="D25897" t="s">
        <v>16018</v>
      </c>
      <c r="E25897" t="s">
        <v>16019</v>
      </c>
      <c r="F25897" t="s">
        <v>16020</v>
      </c>
      <c r="G25897" t="s">
        <v>10734</v>
      </c>
      <c r="H25897" t="s">
        <v>10735</v>
      </c>
      <c r="I25897" s="2">
        <v>1</v>
      </c>
      <c r="J25897" s="2">
        <v>0</v>
      </c>
      <c r="K25897" s="2">
        <v>0</v>
      </c>
      <c r="L25897" t="s">
        <v>120</v>
      </c>
      <c r="M25897" t="s">
        <v>83</v>
      </c>
      <c r="N25897" t="s">
        <v>91</v>
      </c>
      <c r="O25897" t="s">
        <v>85</v>
      </c>
      <c r="P25897" t="s">
        <v>86</v>
      </c>
      <c r="Q25897">
        <v>39</v>
      </c>
      <c r="R25897">
        <v>40</v>
      </c>
      <c r="S25897">
        <v>41</v>
      </c>
      <c r="T25897">
        <v>42</v>
      </c>
      <c r="U25897">
        <v>43</v>
      </c>
      <c r="V25897">
        <v>44</v>
      </c>
      <c r="W25897">
        <v>45</v>
      </c>
      <c r="X25897">
        <v>46</v>
      </c>
      <c r="Y25897">
        <v>47</v>
      </c>
      <c r="Z25897">
        <v>48</v>
      </c>
      <c r="AA25897">
        <v>49</v>
      </c>
      <c r="AB25897">
        <v>50</v>
      </c>
      <c r="AC25897">
        <v>51</v>
      </c>
      <c r="AD25897">
        <v>52</v>
      </c>
      <c r="AE25897">
        <v>53</v>
      </c>
      <c r="AF25897">
        <v>55</v>
      </c>
      <c r="AG25897">
        <v>56</v>
      </c>
      <c r="AH25897">
        <v>57</v>
      </c>
      <c r="AI25897">
        <v>58</v>
      </c>
      <c r="AJ25897">
        <v>60</v>
      </c>
      <c r="AK25897">
        <v>61</v>
      </c>
      <c r="AL25897">
        <v>62</v>
      </c>
      <c r="AM25897">
        <v>63</v>
      </c>
      <c r="AN25897">
        <v>64</v>
      </c>
      <c r="AO25897">
        <v>65</v>
      </c>
      <c r="AP25897">
        <v>66</v>
      </c>
      <c r="AQ25897">
        <v>67</v>
      </c>
    </row>
    <row r="25898" spans="1:43">
      <c r="A25898" t="s">
        <v>16025</v>
      </c>
      <c r="B25898" t="s">
        <v>16026</v>
      </c>
      <c r="C25898" t="s">
        <v>16027</v>
      </c>
      <c r="D25898" t="s">
        <v>16028</v>
      </c>
      <c r="E25898" t="s">
        <v>16019</v>
      </c>
      <c r="F25898" t="s">
        <v>16020</v>
      </c>
      <c r="G25898" t="s">
        <v>10734</v>
      </c>
      <c r="H25898" t="s">
        <v>10735</v>
      </c>
      <c r="I25898" s="2">
        <v>1</v>
      </c>
      <c r="J25898" s="2">
        <v>0</v>
      </c>
      <c r="K25898" s="2">
        <v>0</v>
      </c>
      <c r="L25898" t="s">
        <v>120</v>
      </c>
      <c r="M25898" t="s">
        <v>83</v>
      </c>
      <c r="N25898" t="s">
        <v>84</v>
      </c>
      <c r="O25898" t="s">
        <v>85</v>
      </c>
      <c r="P25898" t="s">
        <v>86</v>
      </c>
      <c r="Q25898">
        <v>6</v>
      </c>
      <c r="R25898">
        <v>6</v>
      </c>
      <c r="S25898">
        <v>6</v>
      </c>
      <c r="T25898">
        <v>6</v>
      </c>
      <c r="U25898">
        <v>6</v>
      </c>
      <c r="V25898">
        <v>6</v>
      </c>
      <c r="W25898">
        <v>6</v>
      </c>
      <c r="X25898">
        <v>7</v>
      </c>
      <c r="Y25898">
        <v>7</v>
      </c>
      <c r="Z25898">
        <v>7</v>
      </c>
      <c r="AA25898">
        <v>7</v>
      </c>
      <c r="AB25898">
        <v>7</v>
      </c>
      <c r="AC25898">
        <v>7</v>
      </c>
      <c r="AD25898">
        <v>8</v>
      </c>
      <c r="AE25898">
        <v>8</v>
      </c>
      <c r="AF25898">
        <v>8</v>
      </c>
      <c r="AG25898">
        <v>8</v>
      </c>
      <c r="AH25898">
        <v>8</v>
      </c>
      <c r="AI25898">
        <v>8</v>
      </c>
      <c r="AJ25898">
        <v>9</v>
      </c>
      <c r="AK25898">
        <v>9</v>
      </c>
      <c r="AL25898">
        <v>9</v>
      </c>
      <c r="AM25898">
        <v>9</v>
      </c>
      <c r="AN25898">
        <v>9</v>
      </c>
      <c r="AO25898">
        <v>9</v>
      </c>
      <c r="AP25898">
        <v>10</v>
      </c>
      <c r="AQ25898">
        <v>10</v>
      </c>
    </row>
    <row r="25899" spans="1:43">
      <c r="A25899" t="s">
        <v>16025</v>
      </c>
      <c r="B25899" t="s">
        <v>16026</v>
      </c>
      <c r="C25899" t="s">
        <v>16027</v>
      </c>
      <c r="D25899" t="s">
        <v>16028</v>
      </c>
      <c r="E25899" t="s">
        <v>16019</v>
      </c>
      <c r="F25899" t="s">
        <v>16020</v>
      </c>
      <c r="G25899" t="s">
        <v>10734</v>
      </c>
      <c r="H25899" t="s">
        <v>10735</v>
      </c>
      <c r="I25899" s="2">
        <v>1</v>
      </c>
      <c r="J25899" s="2">
        <v>0</v>
      </c>
      <c r="K25899" s="2">
        <v>0</v>
      </c>
      <c r="L25899" t="s">
        <v>120</v>
      </c>
      <c r="M25899" t="s">
        <v>87</v>
      </c>
      <c r="N25899" t="s">
        <v>88</v>
      </c>
      <c r="O25899" t="s">
        <v>85</v>
      </c>
      <c r="P25899" t="s">
        <v>86</v>
      </c>
      <c r="Q25899">
        <v>6</v>
      </c>
      <c r="R25899">
        <v>6</v>
      </c>
      <c r="S25899">
        <v>6</v>
      </c>
      <c r="T25899">
        <v>6</v>
      </c>
      <c r="U25899">
        <v>6</v>
      </c>
      <c r="V25899">
        <v>6</v>
      </c>
      <c r="W25899">
        <v>6</v>
      </c>
      <c r="X25899">
        <v>6</v>
      </c>
      <c r="Y25899">
        <v>6</v>
      </c>
      <c r="Z25899">
        <v>6</v>
      </c>
      <c r="AA25899">
        <v>6</v>
      </c>
      <c r="AB25899">
        <v>7</v>
      </c>
      <c r="AC25899">
        <v>7</v>
      </c>
      <c r="AD25899">
        <v>7</v>
      </c>
      <c r="AE25899">
        <v>7</v>
      </c>
      <c r="AF25899">
        <v>7</v>
      </c>
      <c r="AG25899">
        <v>7</v>
      </c>
      <c r="AH25899">
        <v>7</v>
      </c>
      <c r="AI25899">
        <v>7</v>
      </c>
      <c r="AJ25899">
        <v>7</v>
      </c>
      <c r="AK25899">
        <v>8</v>
      </c>
      <c r="AL25899">
        <v>8</v>
      </c>
      <c r="AM25899">
        <v>8</v>
      </c>
      <c r="AN25899">
        <v>8</v>
      </c>
      <c r="AO25899">
        <v>8</v>
      </c>
      <c r="AP25899">
        <v>8</v>
      </c>
      <c r="AQ25899">
        <v>8</v>
      </c>
    </row>
    <row r="25900" spans="1:43">
      <c r="A25900" t="s">
        <v>16025</v>
      </c>
      <c r="B25900" t="s">
        <v>16026</v>
      </c>
      <c r="C25900" t="s">
        <v>16027</v>
      </c>
      <c r="D25900" t="s">
        <v>16028</v>
      </c>
      <c r="E25900" t="s">
        <v>16019</v>
      </c>
      <c r="F25900" t="s">
        <v>16020</v>
      </c>
      <c r="G25900" t="s">
        <v>10734</v>
      </c>
      <c r="H25900" t="s">
        <v>10735</v>
      </c>
      <c r="I25900" s="2">
        <v>1</v>
      </c>
      <c r="J25900" s="2">
        <v>0</v>
      </c>
      <c r="K25900" s="2">
        <v>0</v>
      </c>
      <c r="L25900" t="s">
        <v>120</v>
      </c>
      <c r="M25900" t="s">
        <v>89</v>
      </c>
      <c r="N25900" t="s">
        <v>90</v>
      </c>
      <c r="O25900" t="s">
        <v>85</v>
      </c>
      <c r="P25900" t="s">
        <v>86</v>
      </c>
      <c r="Q25900">
        <v>6</v>
      </c>
      <c r="R25900">
        <v>6</v>
      </c>
      <c r="S25900">
        <v>6</v>
      </c>
      <c r="T25900">
        <v>6</v>
      </c>
      <c r="U25900">
        <v>6</v>
      </c>
      <c r="V25900">
        <v>7</v>
      </c>
      <c r="W25900">
        <v>7</v>
      </c>
      <c r="X25900">
        <v>7</v>
      </c>
      <c r="Y25900">
        <v>7</v>
      </c>
      <c r="Z25900">
        <v>7</v>
      </c>
      <c r="AA25900">
        <v>8</v>
      </c>
      <c r="AB25900">
        <v>8</v>
      </c>
      <c r="AC25900">
        <v>8</v>
      </c>
      <c r="AD25900">
        <v>8</v>
      </c>
      <c r="AE25900">
        <v>8</v>
      </c>
      <c r="AF25900">
        <v>8</v>
      </c>
      <c r="AG25900">
        <v>9</v>
      </c>
      <c r="AH25900">
        <v>9</v>
      </c>
      <c r="AI25900">
        <v>9</v>
      </c>
      <c r="AJ25900">
        <v>9</v>
      </c>
      <c r="AK25900">
        <v>9</v>
      </c>
      <c r="AL25900">
        <v>9</v>
      </c>
      <c r="AM25900">
        <v>9</v>
      </c>
      <c r="AN25900">
        <v>9</v>
      </c>
      <c r="AO25900">
        <v>9</v>
      </c>
      <c r="AP25900">
        <v>10</v>
      </c>
      <c r="AQ25900">
        <v>10</v>
      </c>
    </row>
    <row r="25901" spans="1:43">
      <c r="A25901" t="s">
        <v>16025</v>
      </c>
      <c r="B25901" t="s">
        <v>16026</v>
      </c>
      <c r="C25901" t="s">
        <v>16027</v>
      </c>
      <c r="D25901" t="s">
        <v>16028</v>
      </c>
      <c r="E25901" t="s">
        <v>16019</v>
      </c>
      <c r="F25901" t="s">
        <v>16020</v>
      </c>
      <c r="G25901" t="s">
        <v>10734</v>
      </c>
      <c r="H25901" t="s">
        <v>10735</v>
      </c>
      <c r="I25901" s="2">
        <v>1</v>
      </c>
      <c r="J25901" s="2">
        <v>0</v>
      </c>
      <c r="K25901" s="2">
        <v>0</v>
      </c>
      <c r="L25901" t="s">
        <v>120</v>
      </c>
      <c r="M25901" t="s">
        <v>83</v>
      </c>
      <c r="N25901" t="s">
        <v>91</v>
      </c>
      <c r="O25901" t="s">
        <v>85</v>
      </c>
      <c r="P25901" t="s">
        <v>86</v>
      </c>
      <c r="Q25901">
        <v>6</v>
      </c>
      <c r="R25901">
        <v>6</v>
      </c>
      <c r="S25901">
        <v>6</v>
      </c>
      <c r="T25901">
        <v>6</v>
      </c>
      <c r="U25901">
        <v>6</v>
      </c>
      <c r="V25901">
        <v>6</v>
      </c>
      <c r="W25901">
        <v>6</v>
      </c>
      <c r="X25901">
        <v>7</v>
      </c>
      <c r="Y25901">
        <v>7</v>
      </c>
      <c r="Z25901">
        <v>7</v>
      </c>
      <c r="AA25901">
        <v>7</v>
      </c>
      <c r="AB25901">
        <v>7</v>
      </c>
      <c r="AC25901">
        <v>7</v>
      </c>
      <c r="AD25901">
        <v>8</v>
      </c>
      <c r="AE25901">
        <v>8</v>
      </c>
      <c r="AF25901">
        <v>8</v>
      </c>
      <c r="AG25901">
        <v>8</v>
      </c>
      <c r="AH25901">
        <v>8</v>
      </c>
      <c r="AI25901">
        <v>8</v>
      </c>
      <c r="AJ25901">
        <v>9</v>
      </c>
      <c r="AK25901">
        <v>9</v>
      </c>
      <c r="AL25901">
        <v>9</v>
      </c>
      <c r="AM25901">
        <v>9</v>
      </c>
      <c r="AN25901">
        <v>9</v>
      </c>
      <c r="AO25901">
        <v>9</v>
      </c>
      <c r="AP25901">
        <v>10</v>
      </c>
      <c r="AQ25901">
        <v>10</v>
      </c>
    </row>
    <row r="25902" spans="1:43">
      <c r="A25902" t="s">
        <v>16029</v>
      </c>
      <c r="B25902" t="s">
        <v>16030</v>
      </c>
      <c r="C25902" t="s">
        <v>16027</v>
      </c>
      <c r="D25902" t="s">
        <v>16028</v>
      </c>
      <c r="E25902" t="s">
        <v>16019</v>
      </c>
      <c r="F25902" t="s">
        <v>16020</v>
      </c>
      <c r="G25902" t="s">
        <v>10734</v>
      </c>
      <c r="H25902" t="s">
        <v>10735</v>
      </c>
      <c r="I25902" s="2">
        <v>1</v>
      </c>
      <c r="J25902" s="2">
        <v>0</v>
      </c>
      <c r="K25902" s="2">
        <v>0</v>
      </c>
      <c r="L25902" t="s">
        <v>120</v>
      </c>
      <c r="M25902" t="s">
        <v>83</v>
      </c>
      <c r="N25902" t="s">
        <v>84</v>
      </c>
      <c r="O25902" t="s">
        <v>85</v>
      </c>
      <c r="P25902" t="s">
        <v>86</v>
      </c>
      <c r="Q25902">
        <v>25</v>
      </c>
      <c r="R25902">
        <v>26</v>
      </c>
      <c r="S25902">
        <v>26</v>
      </c>
      <c r="T25902">
        <v>27</v>
      </c>
      <c r="U25902">
        <v>28</v>
      </c>
      <c r="V25902">
        <v>28</v>
      </c>
      <c r="W25902">
        <v>29</v>
      </c>
      <c r="X25902">
        <v>30</v>
      </c>
      <c r="Y25902">
        <v>30</v>
      </c>
      <c r="Z25902">
        <v>31</v>
      </c>
      <c r="AA25902">
        <v>32</v>
      </c>
      <c r="AB25902">
        <v>33</v>
      </c>
      <c r="AC25902">
        <v>33</v>
      </c>
      <c r="AD25902">
        <v>34</v>
      </c>
      <c r="AE25902">
        <v>35</v>
      </c>
      <c r="AF25902">
        <v>36</v>
      </c>
      <c r="AG25902">
        <v>36</v>
      </c>
      <c r="AH25902">
        <v>37</v>
      </c>
      <c r="AI25902">
        <v>38</v>
      </c>
      <c r="AJ25902">
        <v>39</v>
      </c>
      <c r="AK25902">
        <v>40</v>
      </c>
      <c r="AL25902">
        <v>40</v>
      </c>
      <c r="AM25902">
        <v>41</v>
      </c>
      <c r="AN25902">
        <v>42</v>
      </c>
      <c r="AO25902">
        <v>42</v>
      </c>
      <c r="AP25902">
        <v>43</v>
      </c>
      <c r="AQ25902">
        <v>43</v>
      </c>
    </row>
    <row r="25903" spans="1:43">
      <c r="A25903" t="s">
        <v>16029</v>
      </c>
      <c r="B25903" t="s">
        <v>16030</v>
      </c>
      <c r="C25903" t="s">
        <v>16027</v>
      </c>
      <c r="D25903" t="s">
        <v>16028</v>
      </c>
      <c r="E25903" t="s">
        <v>16019</v>
      </c>
      <c r="F25903" t="s">
        <v>16020</v>
      </c>
      <c r="G25903" t="s">
        <v>10734</v>
      </c>
      <c r="H25903" t="s">
        <v>10735</v>
      </c>
      <c r="I25903" s="2">
        <v>1</v>
      </c>
      <c r="J25903" s="2">
        <v>0</v>
      </c>
      <c r="K25903" s="2">
        <v>0</v>
      </c>
      <c r="L25903" t="s">
        <v>120</v>
      </c>
      <c r="M25903" t="s">
        <v>87</v>
      </c>
      <c r="N25903" t="s">
        <v>88</v>
      </c>
      <c r="O25903" t="s">
        <v>85</v>
      </c>
      <c r="P25903" t="s">
        <v>86</v>
      </c>
      <c r="Q25903">
        <v>25</v>
      </c>
      <c r="R25903">
        <v>25</v>
      </c>
      <c r="S25903">
        <v>26</v>
      </c>
      <c r="T25903">
        <v>26</v>
      </c>
      <c r="U25903">
        <v>27</v>
      </c>
      <c r="V25903">
        <v>27</v>
      </c>
      <c r="W25903">
        <v>27</v>
      </c>
      <c r="X25903">
        <v>28</v>
      </c>
      <c r="Y25903">
        <v>28</v>
      </c>
      <c r="Z25903">
        <v>29</v>
      </c>
      <c r="AA25903">
        <v>29</v>
      </c>
      <c r="AB25903">
        <v>29</v>
      </c>
      <c r="AC25903">
        <v>30</v>
      </c>
      <c r="AD25903">
        <v>30</v>
      </c>
      <c r="AE25903">
        <v>31</v>
      </c>
      <c r="AF25903">
        <v>31</v>
      </c>
      <c r="AG25903">
        <v>32</v>
      </c>
      <c r="AH25903">
        <v>32</v>
      </c>
      <c r="AI25903">
        <v>33</v>
      </c>
      <c r="AJ25903">
        <v>33</v>
      </c>
      <c r="AK25903">
        <v>34</v>
      </c>
      <c r="AL25903">
        <v>35</v>
      </c>
      <c r="AM25903">
        <v>35</v>
      </c>
      <c r="AN25903">
        <v>36</v>
      </c>
      <c r="AO25903">
        <v>36</v>
      </c>
      <c r="AP25903">
        <v>37</v>
      </c>
      <c r="AQ25903">
        <v>38</v>
      </c>
    </row>
    <row r="25904" spans="1:43">
      <c r="A25904" t="s">
        <v>16029</v>
      </c>
      <c r="B25904" t="s">
        <v>16030</v>
      </c>
      <c r="C25904" t="s">
        <v>16027</v>
      </c>
      <c r="D25904" t="s">
        <v>16028</v>
      </c>
      <c r="E25904" t="s">
        <v>16019</v>
      </c>
      <c r="F25904" t="s">
        <v>16020</v>
      </c>
      <c r="G25904" t="s">
        <v>10734</v>
      </c>
      <c r="H25904" t="s">
        <v>10735</v>
      </c>
      <c r="I25904" s="2">
        <v>1</v>
      </c>
      <c r="J25904" s="2">
        <v>0</v>
      </c>
      <c r="K25904" s="2">
        <v>0</v>
      </c>
      <c r="L25904" t="s">
        <v>120</v>
      </c>
      <c r="M25904" t="s">
        <v>89</v>
      </c>
      <c r="N25904" t="s">
        <v>90</v>
      </c>
      <c r="O25904" t="s">
        <v>85</v>
      </c>
      <c r="P25904" t="s">
        <v>86</v>
      </c>
      <c r="Q25904">
        <v>25</v>
      </c>
      <c r="R25904">
        <v>26</v>
      </c>
      <c r="S25904">
        <v>27</v>
      </c>
      <c r="T25904">
        <v>28</v>
      </c>
      <c r="U25904">
        <v>29</v>
      </c>
      <c r="V25904">
        <v>30</v>
      </c>
      <c r="W25904">
        <v>31</v>
      </c>
      <c r="X25904">
        <v>31</v>
      </c>
      <c r="Y25904">
        <v>32</v>
      </c>
      <c r="Z25904">
        <v>33</v>
      </c>
      <c r="AA25904">
        <v>34</v>
      </c>
      <c r="AB25904">
        <v>35</v>
      </c>
      <c r="AC25904">
        <v>36</v>
      </c>
      <c r="AD25904">
        <v>37</v>
      </c>
      <c r="AE25904">
        <v>37</v>
      </c>
      <c r="AF25904">
        <v>38</v>
      </c>
      <c r="AG25904">
        <v>38</v>
      </c>
      <c r="AH25904">
        <v>39</v>
      </c>
      <c r="AI25904">
        <v>39</v>
      </c>
      <c r="AJ25904">
        <v>40</v>
      </c>
      <c r="AK25904">
        <v>40</v>
      </c>
      <c r="AL25904">
        <v>41</v>
      </c>
      <c r="AM25904">
        <v>41</v>
      </c>
      <c r="AN25904">
        <v>42</v>
      </c>
      <c r="AO25904">
        <v>43</v>
      </c>
      <c r="AP25904">
        <v>43</v>
      </c>
      <c r="AQ25904">
        <v>44</v>
      </c>
    </row>
    <row r="25905" spans="1:43">
      <c r="A25905" t="s">
        <v>16029</v>
      </c>
      <c r="B25905" t="s">
        <v>16030</v>
      </c>
      <c r="C25905" t="s">
        <v>16027</v>
      </c>
      <c r="D25905" t="s">
        <v>16028</v>
      </c>
      <c r="E25905" t="s">
        <v>16019</v>
      </c>
      <c r="F25905" t="s">
        <v>16020</v>
      </c>
      <c r="G25905" t="s">
        <v>10734</v>
      </c>
      <c r="H25905" t="s">
        <v>10735</v>
      </c>
      <c r="I25905" s="2">
        <v>1</v>
      </c>
      <c r="J25905" s="2">
        <v>0</v>
      </c>
      <c r="K25905" s="2">
        <v>0</v>
      </c>
      <c r="L25905" t="s">
        <v>120</v>
      </c>
      <c r="M25905" t="s">
        <v>83</v>
      </c>
      <c r="N25905" t="s">
        <v>91</v>
      </c>
      <c r="O25905" t="s">
        <v>85</v>
      </c>
      <c r="P25905" t="s">
        <v>86</v>
      </c>
      <c r="Q25905">
        <v>25</v>
      </c>
      <c r="R25905">
        <v>26</v>
      </c>
      <c r="S25905">
        <v>26</v>
      </c>
      <c r="T25905">
        <v>27</v>
      </c>
      <c r="U25905">
        <v>28</v>
      </c>
      <c r="V25905">
        <v>28</v>
      </c>
      <c r="W25905">
        <v>29</v>
      </c>
      <c r="X25905">
        <v>30</v>
      </c>
      <c r="Y25905">
        <v>30</v>
      </c>
      <c r="Z25905">
        <v>31</v>
      </c>
      <c r="AA25905">
        <v>32</v>
      </c>
      <c r="AB25905">
        <v>33</v>
      </c>
      <c r="AC25905">
        <v>33</v>
      </c>
      <c r="AD25905">
        <v>34</v>
      </c>
      <c r="AE25905">
        <v>35</v>
      </c>
      <c r="AF25905">
        <v>36</v>
      </c>
      <c r="AG25905">
        <v>36</v>
      </c>
      <c r="AH25905">
        <v>37</v>
      </c>
      <c r="AI25905">
        <v>38</v>
      </c>
      <c r="AJ25905">
        <v>39</v>
      </c>
      <c r="AK25905">
        <v>40</v>
      </c>
      <c r="AL25905">
        <v>40</v>
      </c>
      <c r="AM25905">
        <v>41</v>
      </c>
      <c r="AN25905">
        <v>42</v>
      </c>
      <c r="AO25905">
        <v>42</v>
      </c>
      <c r="AP25905">
        <v>43</v>
      </c>
      <c r="AQ25905">
        <v>43</v>
      </c>
    </row>
    <row r="25906" spans="1:43">
      <c r="A25906" t="s">
        <v>16031</v>
      </c>
      <c r="B25906" t="s">
        <v>16032</v>
      </c>
      <c r="C25906" t="s">
        <v>16027</v>
      </c>
      <c r="D25906" t="s">
        <v>16028</v>
      </c>
      <c r="E25906" t="s">
        <v>16019</v>
      </c>
      <c r="F25906" t="s">
        <v>16020</v>
      </c>
      <c r="G25906" t="s">
        <v>10734</v>
      </c>
      <c r="H25906" t="s">
        <v>10735</v>
      </c>
      <c r="I25906" s="2">
        <v>1</v>
      </c>
      <c r="J25906" s="2">
        <v>0</v>
      </c>
      <c r="K25906" s="2">
        <v>0</v>
      </c>
      <c r="L25906" t="s">
        <v>120</v>
      </c>
      <c r="M25906" t="s">
        <v>83</v>
      </c>
      <c r="N25906" t="s">
        <v>84</v>
      </c>
      <c r="O25906" t="s">
        <v>85</v>
      </c>
      <c r="P25906" t="s">
        <v>86</v>
      </c>
      <c r="Q25906">
        <v>47</v>
      </c>
      <c r="R25906">
        <v>48</v>
      </c>
      <c r="S25906">
        <v>49</v>
      </c>
      <c r="T25906">
        <v>50</v>
      </c>
      <c r="U25906">
        <v>51</v>
      </c>
      <c r="V25906">
        <v>53</v>
      </c>
      <c r="W25906">
        <v>54</v>
      </c>
      <c r="X25906">
        <v>55</v>
      </c>
      <c r="Y25906">
        <v>56</v>
      </c>
      <c r="Z25906">
        <v>57</v>
      </c>
      <c r="AA25906">
        <v>59</v>
      </c>
      <c r="AB25906">
        <v>60</v>
      </c>
      <c r="AC25906">
        <v>61</v>
      </c>
      <c r="AD25906">
        <v>63</v>
      </c>
      <c r="AE25906">
        <v>64</v>
      </c>
      <c r="AF25906">
        <v>66</v>
      </c>
      <c r="AG25906">
        <v>67</v>
      </c>
      <c r="AH25906">
        <v>69</v>
      </c>
      <c r="AI25906">
        <v>70</v>
      </c>
      <c r="AJ25906">
        <v>72</v>
      </c>
      <c r="AK25906">
        <v>74</v>
      </c>
      <c r="AL25906">
        <v>75</v>
      </c>
      <c r="AM25906">
        <v>76</v>
      </c>
      <c r="AN25906">
        <v>77</v>
      </c>
      <c r="AO25906">
        <v>78</v>
      </c>
      <c r="AP25906">
        <v>79</v>
      </c>
      <c r="AQ25906">
        <v>80</v>
      </c>
    </row>
    <row r="25907" spans="1:43">
      <c r="A25907" t="s">
        <v>16031</v>
      </c>
      <c r="B25907" t="s">
        <v>16032</v>
      </c>
      <c r="C25907" t="s">
        <v>16027</v>
      </c>
      <c r="D25907" t="s">
        <v>16028</v>
      </c>
      <c r="E25907" t="s">
        <v>16019</v>
      </c>
      <c r="F25907" t="s">
        <v>16020</v>
      </c>
      <c r="G25907" t="s">
        <v>10734</v>
      </c>
      <c r="H25907" t="s">
        <v>10735</v>
      </c>
      <c r="I25907" s="2">
        <v>1</v>
      </c>
      <c r="J25907" s="2">
        <v>0</v>
      </c>
      <c r="K25907" s="2">
        <v>0</v>
      </c>
      <c r="L25907" t="s">
        <v>120</v>
      </c>
      <c r="M25907" t="s">
        <v>87</v>
      </c>
      <c r="N25907" t="s">
        <v>88</v>
      </c>
      <c r="O25907" t="s">
        <v>85</v>
      </c>
      <c r="P25907" t="s">
        <v>86</v>
      </c>
      <c r="Q25907">
        <v>47</v>
      </c>
      <c r="R25907">
        <v>48</v>
      </c>
      <c r="S25907">
        <v>49</v>
      </c>
      <c r="T25907">
        <v>49</v>
      </c>
      <c r="U25907">
        <v>50</v>
      </c>
      <c r="V25907">
        <v>51</v>
      </c>
      <c r="W25907">
        <v>51</v>
      </c>
      <c r="X25907">
        <v>52</v>
      </c>
      <c r="Y25907">
        <v>53</v>
      </c>
      <c r="Z25907">
        <v>54</v>
      </c>
      <c r="AA25907">
        <v>55</v>
      </c>
      <c r="AB25907">
        <v>55</v>
      </c>
      <c r="AC25907">
        <v>56</v>
      </c>
      <c r="AD25907">
        <v>57</v>
      </c>
      <c r="AE25907">
        <v>58</v>
      </c>
      <c r="AF25907">
        <v>59</v>
      </c>
      <c r="AG25907">
        <v>60</v>
      </c>
      <c r="AH25907">
        <v>61</v>
      </c>
      <c r="AI25907">
        <v>62</v>
      </c>
      <c r="AJ25907">
        <v>63</v>
      </c>
      <c r="AK25907">
        <v>64</v>
      </c>
      <c r="AL25907">
        <v>65</v>
      </c>
      <c r="AM25907">
        <v>66</v>
      </c>
      <c r="AN25907">
        <v>67</v>
      </c>
      <c r="AO25907">
        <v>68</v>
      </c>
      <c r="AP25907">
        <v>69</v>
      </c>
      <c r="AQ25907">
        <v>70</v>
      </c>
    </row>
    <row r="25908" spans="1:43">
      <c r="A25908" t="s">
        <v>16031</v>
      </c>
      <c r="B25908" t="s">
        <v>16032</v>
      </c>
      <c r="C25908" t="s">
        <v>16027</v>
      </c>
      <c r="D25908" t="s">
        <v>16028</v>
      </c>
      <c r="E25908" t="s">
        <v>16019</v>
      </c>
      <c r="F25908" t="s">
        <v>16020</v>
      </c>
      <c r="G25908" t="s">
        <v>10734</v>
      </c>
      <c r="H25908" t="s">
        <v>10735</v>
      </c>
      <c r="I25908" s="2">
        <v>1</v>
      </c>
      <c r="J25908" s="2">
        <v>0</v>
      </c>
      <c r="K25908" s="2">
        <v>0</v>
      </c>
      <c r="L25908" t="s">
        <v>120</v>
      </c>
      <c r="M25908" t="s">
        <v>89</v>
      </c>
      <c r="N25908" t="s">
        <v>90</v>
      </c>
      <c r="O25908" t="s">
        <v>85</v>
      </c>
      <c r="P25908" t="s">
        <v>86</v>
      </c>
      <c r="Q25908">
        <v>47</v>
      </c>
      <c r="R25908">
        <v>49</v>
      </c>
      <c r="S25908">
        <v>50</v>
      </c>
      <c r="T25908">
        <v>52</v>
      </c>
      <c r="U25908">
        <v>53</v>
      </c>
      <c r="V25908">
        <v>55</v>
      </c>
      <c r="W25908">
        <v>56</v>
      </c>
      <c r="X25908">
        <v>58</v>
      </c>
      <c r="Y25908">
        <v>59</v>
      </c>
      <c r="Z25908">
        <v>61</v>
      </c>
      <c r="AA25908">
        <v>63</v>
      </c>
      <c r="AB25908">
        <v>64</v>
      </c>
      <c r="AC25908">
        <v>66</v>
      </c>
      <c r="AD25908">
        <v>68</v>
      </c>
      <c r="AE25908">
        <v>69</v>
      </c>
      <c r="AF25908">
        <v>70</v>
      </c>
      <c r="AG25908">
        <v>71</v>
      </c>
      <c r="AH25908">
        <v>72</v>
      </c>
      <c r="AI25908">
        <v>73</v>
      </c>
      <c r="AJ25908">
        <v>74</v>
      </c>
      <c r="AK25908">
        <v>75</v>
      </c>
      <c r="AL25908">
        <v>76</v>
      </c>
      <c r="AM25908">
        <v>77</v>
      </c>
      <c r="AN25908">
        <v>78</v>
      </c>
      <c r="AO25908">
        <v>79</v>
      </c>
      <c r="AP25908">
        <v>80</v>
      </c>
      <c r="AQ25908">
        <v>81</v>
      </c>
    </row>
    <row r="25909" spans="1:43">
      <c r="A25909" t="s">
        <v>16031</v>
      </c>
      <c r="B25909" t="s">
        <v>16032</v>
      </c>
      <c r="C25909" t="s">
        <v>16027</v>
      </c>
      <c r="D25909" t="s">
        <v>16028</v>
      </c>
      <c r="E25909" t="s">
        <v>16019</v>
      </c>
      <c r="F25909" t="s">
        <v>16020</v>
      </c>
      <c r="G25909" t="s">
        <v>10734</v>
      </c>
      <c r="H25909" t="s">
        <v>10735</v>
      </c>
      <c r="I25909" s="2">
        <v>1</v>
      </c>
      <c r="J25909" s="2">
        <v>0</v>
      </c>
      <c r="K25909" s="2">
        <v>0</v>
      </c>
      <c r="L25909" t="s">
        <v>120</v>
      </c>
      <c r="M25909" t="s">
        <v>83</v>
      </c>
      <c r="N25909" t="s">
        <v>91</v>
      </c>
      <c r="O25909" t="s">
        <v>85</v>
      </c>
      <c r="P25909" t="s">
        <v>86</v>
      </c>
      <c r="Q25909">
        <v>47</v>
      </c>
      <c r="R25909">
        <v>48</v>
      </c>
      <c r="S25909">
        <v>49</v>
      </c>
      <c r="T25909">
        <v>50</v>
      </c>
      <c r="U25909">
        <v>51</v>
      </c>
      <c r="V25909">
        <v>53</v>
      </c>
      <c r="W25909">
        <v>54</v>
      </c>
      <c r="X25909">
        <v>55</v>
      </c>
      <c r="Y25909">
        <v>56</v>
      </c>
      <c r="Z25909">
        <v>57</v>
      </c>
      <c r="AA25909">
        <v>59</v>
      </c>
      <c r="AB25909">
        <v>60</v>
      </c>
      <c r="AC25909">
        <v>61</v>
      </c>
      <c r="AD25909">
        <v>63</v>
      </c>
      <c r="AE25909">
        <v>64</v>
      </c>
      <c r="AF25909">
        <v>66</v>
      </c>
      <c r="AG25909">
        <v>67</v>
      </c>
      <c r="AH25909">
        <v>69</v>
      </c>
      <c r="AI25909">
        <v>70</v>
      </c>
      <c r="AJ25909">
        <v>72</v>
      </c>
      <c r="AK25909">
        <v>74</v>
      </c>
      <c r="AL25909">
        <v>75</v>
      </c>
      <c r="AM25909">
        <v>76</v>
      </c>
      <c r="AN25909">
        <v>77</v>
      </c>
      <c r="AO25909">
        <v>78</v>
      </c>
      <c r="AP25909">
        <v>79</v>
      </c>
      <c r="AQ25909">
        <v>80</v>
      </c>
    </row>
    <row r="25910" spans="1:43">
      <c r="A25910" t="s">
        <v>16033</v>
      </c>
      <c r="B25910" t="s">
        <v>16034</v>
      </c>
      <c r="C25910" t="s">
        <v>16027</v>
      </c>
      <c r="D25910" t="s">
        <v>16028</v>
      </c>
      <c r="E25910" t="s">
        <v>16019</v>
      </c>
      <c r="F25910" t="s">
        <v>16020</v>
      </c>
      <c r="G25910" t="s">
        <v>10734</v>
      </c>
      <c r="H25910" t="s">
        <v>10735</v>
      </c>
      <c r="I25910" s="2">
        <v>1</v>
      </c>
      <c r="J25910" s="2">
        <v>0</v>
      </c>
      <c r="K25910" s="2">
        <v>0</v>
      </c>
      <c r="L25910" t="s">
        <v>120</v>
      </c>
      <c r="M25910" t="s">
        <v>83</v>
      </c>
      <c r="N25910" t="s">
        <v>84</v>
      </c>
      <c r="O25910" t="s">
        <v>85</v>
      </c>
      <c r="P25910" t="s">
        <v>86</v>
      </c>
      <c r="Q25910">
        <v>42</v>
      </c>
      <c r="R25910">
        <v>43</v>
      </c>
      <c r="S25910">
        <v>44</v>
      </c>
      <c r="T25910">
        <v>45</v>
      </c>
      <c r="U25910">
        <v>46</v>
      </c>
      <c r="V25910">
        <v>47</v>
      </c>
      <c r="W25910">
        <v>48</v>
      </c>
      <c r="X25910">
        <v>49</v>
      </c>
      <c r="Y25910">
        <v>50</v>
      </c>
      <c r="Z25910">
        <v>51</v>
      </c>
      <c r="AA25910">
        <v>53</v>
      </c>
      <c r="AB25910">
        <v>54</v>
      </c>
      <c r="AC25910">
        <v>55</v>
      </c>
      <c r="AD25910">
        <v>56</v>
      </c>
      <c r="AE25910">
        <v>57</v>
      </c>
      <c r="AF25910">
        <v>59</v>
      </c>
      <c r="AG25910">
        <v>60</v>
      </c>
      <c r="AH25910">
        <v>61</v>
      </c>
      <c r="AI25910">
        <v>63</v>
      </c>
      <c r="AJ25910">
        <v>64</v>
      </c>
      <c r="AK25910">
        <v>66</v>
      </c>
      <c r="AL25910">
        <v>67</v>
      </c>
      <c r="AM25910">
        <v>68</v>
      </c>
      <c r="AN25910">
        <v>69</v>
      </c>
      <c r="AO25910">
        <v>70</v>
      </c>
      <c r="AP25910">
        <v>71</v>
      </c>
      <c r="AQ25910">
        <v>72</v>
      </c>
    </row>
    <row r="25911" spans="1:43">
      <c r="A25911" t="s">
        <v>16033</v>
      </c>
      <c r="B25911" t="s">
        <v>16034</v>
      </c>
      <c r="C25911" t="s">
        <v>16027</v>
      </c>
      <c r="D25911" t="s">
        <v>16028</v>
      </c>
      <c r="E25911" t="s">
        <v>16019</v>
      </c>
      <c r="F25911" t="s">
        <v>16020</v>
      </c>
      <c r="G25911" t="s">
        <v>10734</v>
      </c>
      <c r="H25911" t="s">
        <v>10735</v>
      </c>
      <c r="I25911" s="2">
        <v>1</v>
      </c>
      <c r="J25911" s="2">
        <v>0</v>
      </c>
      <c r="K25911" s="2">
        <v>0</v>
      </c>
      <c r="L25911" t="s">
        <v>120</v>
      </c>
      <c r="M25911" t="s">
        <v>87</v>
      </c>
      <c r="N25911" t="s">
        <v>88</v>
      </c>
      <c r="O25911" t="s">
        <v>85</v>
      </c>
      <c r="P25911" t="s">
        <v>86</v>
      </c>
      <c r="Q25911">
        <v>42</v>
      </c>
      <c r="R25911">
        <v>43</v>
      </c>
      <c r="S25911">
        <v>44</v>
      </c>
      <c r="T25911">
        <v>44</v>
      </c>
      <c r="U25911">
        <v>45</v>
      </c>
      <c r="V25911">
        <v>45</v>
      </c>
      <c r="W25911">
        <v>46</v>
      </c>
      <c r="X25911">
        <v>47</v>
      </c>
      <c r="Y25911">
        <v>47</v>
      </c>
      <c r="Z25911">
        <v>48</v>
      </c>
      <c r="AA25911">
        <v>49</v>
      </c>
      <c r="AB25911">
        <v>50</v>
      </c>
      <c r="AC25911">
        <v>50</v>
      </c>
      <c r="AD25911">
        <v>51</v>
      </c>
      <c r="AE25911">
        <v>52</v>
      </c>
      <c r="AF25911">
        <v>53</v>
      </c>
      <c r="AG25911">
        <v>54</v>
      </c>
      <c r="AH25911">
        <v>54</v>
      </c>
      <c r="AI25911">
        <v>55</v>
      </c>
      <c r="AJ25911">
        <v>56</v>
      </c>
      <c r="AK25911">
        <v>57</v>
      </c>
      <c r="AL25911">
        <v>58</v>
      </c>
      <c r="AM25911">
        <v>59</v>
      </c>
      <c r="AN25911">
        <v>60</v>
      </c>
      <c r="AO25911">
        <v>61</v>
      </c>
      <c r="AP25911">
        <v>62</v>
      </c>
      <c r="AQ25911">
        <v>63</v>
      </c>
    </row>
    <row r="25912" spans="1:43">
      <c r="A25912" t="s">
        <v>16033</v>
      </c>
      <c r="B25912" t="s">
        <v>16034</v>
      </c>
      <c r="C25912" t="s">
        <v>16027</v>
      </c>
      <c r="D25912" t="s">
        <v>16028</v>
      </c>
      <c r="E25912" t="s">
        <v>16019</v>
      </c>
      <c r="F25912" t="s">
        <v>16020</v>
      </c>
      <c r="G25912" t="s">
        <v>10734</v>
      </c>
      <c r="H25912" t="s">
        <v>10735</v>
      </c>
      <c r="I25912" s="2">
        <v>1</v>
      </c>
      <c r="J25912" s="2">
        <v>0</v>
      </c>
      <c r="K25912" s="2">
        <v>0</v>
      </c>
      <c r="L25912" t="s">
        <v>120</v>
      </c>
      <c r="M25912" t="s">
        <v>89</v>
      </c>
      <c r="N25912" t="s">
        <v>90</v>
      </c>
      <c r="O25912" t="s">
        <v>85</v>
      </c>
      <c r="P25912" t="s">
        <v>86</v>
      </c>
      <c r="Q25912">
        <v>42</v>
      </c>
      <c r="R25912">
        <v>43</v>
      </c>
      <c r="S25912">
        <v>45</v>
      </c>
      <c r="T25912">
        <v>46</v>
      </c>
      <c r="U25912">
        <v>48</v>
      </c>
      <c r="V25912">
        <v>49</v>
      </c>
      <c r="W25912">
        <v>50</v>
      </c>
      <c r="X25912">
        <v>52</v>
      </c>
      <c r="Y25912">
        <v>53</v>
      </c>
      <c r="Z25912">
        <v>55</v>
      </c>
      <c r="AA25912">
        <v>56</v>
      </c>
      <c r="AB25912">
        <v>57</v>
      </c>
      <c r="AC25912">
        <v>59</v>
      </c>
      <c r="AD25912">
        <v>60</v>
      </c>
      <c r="AE25912">
        <v>62</v>
      </c>
      <c r="AF25912">
        <v>62</v>
      </c>
      <c r="AG25912">
        <v>63</v>
      </c>
      <c r="AH25912">
        <v>64</v>
      </c>
      <c r="AI25912">
        <v>65</v>
      </c>
      <c r="AJ25912">
        <v>66</v>
      </c>
      <c r="AK25912">
        <v>67</v>
      </c>
      <c r="AL25912">
        <v>68</v>
      </c>
      <c r="AM25912">
        <v>68</v>
      </c>
      <c r="AN25912">
        <v>69</v>
      </c>
      <c r="AO25912">
        <v>70</v>
      </c>
      <c r="AP25912">
        <v>71</v>
      </c>
      <c r="AQ25912">
        <v>72</v>
      </c>
    </row>
    <row r="25913" spans="1:43">
      <c r="A25913" t="s">
        <v>16033</v>
      </c>
      <c r="B25913" t="s">
        <v>16034</v>
      </c>
      <c r="C25913" t="s">
        <v>16027</v>
      </c>
      <c r="D25913" t="s">
        <v>16028</v>
      </c>
      <c r="E25913" t="s">
        <v>16019</v>
      </c>
      <c r="F25913" t="s">
        <v>16020</v>
      </c>
      <c r="G25913" t="s">
        <v>10734</v>
      </c>
      <c r="H25913" t="s">
        <v>10735</v>
      </c>
      <c r="I25913" s="2">
        <v>1</v>
      </c>
      <c r="J25913" s="2">
        <v>0</v>
      </c>
      <c r="K25913" s="2">
        <v>0</v>
      </c>
      <c r="L25913" t="s">
        <v>120</v>
      </c>
      <c r="M25913" t="s">
        <v>83</v>
      </c>
      <c r="N25913" t="s">
        <v>91</v>
      </c>
      <c r="O25913" t="s">
        <v>85</v>
      </c>
      <c r="P25913" t="s">
        <v>86</v>
      </c>
      <c r="Q25913">
        <v>42</v>
      </c>
      <c r="R25913">
        <v>43</v>
      </c>
      <c r="S25913">
        <v>44</v>
      </c>
      <c r="T25913">
        <v>45</v>
      </c>
      <c r="U25913">
        <v>46</v>
      </c>
      <c r="V25913">
        <v>47</v>
      </c>
      <c r="W25913">
        <v>48</v>
      </c>
      <c r="X25913">
        <v>49</v>
      </c>
      <c r="Y25913">
        <v>50</v>
      </c>
      <c r="Z25913">
        <v>51</v>
      </c>
      <c r="AA25913">
        <v>53</v>
      </c>
      <c r="AB25913">
        <v>54</v>
      </c>
      <c r="AC25913">
        <v>55</v>
      </c>
      <c r="AD25913">
        <v>56</v>
      </c>
      <c r="AE25913">
        <v>57</v>
      </c>
      <c r="AF25913">
        <v>59</v>
      </c>
      <c r="AG25913">
        <v>60</v>
      </c>
      <c r="AH25913">
        <v>61</v>
      </c>
      <c r="AI25913">
        <v>63</v>
      </c>
      <c r="AJ25913">
        <v>64</v>
      </c>
      <c r="AK25913">
        <v>66</v>
      </c>
      <c r="AL25913">
        <v>67</v>
      </c>
      <c r="AM25913">
        <v>68</v>
      </c>
      <c r="AN25913">
        <v>69</v>
      </c>
      <c r="AO25913">
        <v>70</v>
      </c>
      <c r="AP25913">
        <v>71</v>
      </c>
      <c r="AQ25913">
        <v>72</v>
      </c>
    </row>
    <row r="25914" spans="1:43">
      <c r="A25914" t="s">
        <v>16035</v>
      </c>
      <c r="B25914" t="s">
        <v>16036</v>
      </c>
      <c r="C25914" t="s">
        <v>16037</v>
      </c>
      <c r="D25914" t="s">
        <v>16038</v>
      </c>
      <c r="E25914" t="s">
        <v>16019</v>
      </c>
      <c r="F25914" t="s">
        <v>16020</v>
      </c>
      <c r="G25914" t="s">
        <v>10734</v>
      </c>
      <c r="H25914" t="s">
        <v>10735</v>
      </c>
      <c r="I25914" s="2">
        <v>1</v>
      </c>
      <c r="J25914" s="2">
        <v>0</v>
      </c>
      <c r="K25914" s="2">
        <v>0</v>
      </c>
      <c r="L25914" t="s">
        <v>120</v>
      </c>
      <c r="M25914" t="s">
        <v>83</v>
      </c>
      <c r="N25914" t="s">
        <v>84</v>
      </c>
      <c r="O25914" t="s">
        <v>85</v>
      </c>
      <c r="P25914" t="s">
        <v>86</v>
      </c>
      <c r="Q25914">
        <v>44</v>
      </c>
      <c r="R25914">
        <v>45</v>
      </c>
      <c r="S25914">
        <v>46</v>
      </c>
      <c r="T25914">
        <v>47</v>
      </c>
      <c r="U25914">
        <v>48</v>
      </c>
      <c r="V25914">
        <v>49</v>
      </c>
      <c r="W25914">
        <v>50</v>
      </c>
      <c r="X25914">
        <v>52</v>
      </c>
      <c r="Y25914">
        <v>53</v>
      </c>
      <c r="Z25914">
        <v>54</v>
      </c>
      <c r="AA25914">
        <v>55</v>
      </c>
      <c r="AB25914">
        <v>56</v>
      </c>
      <c r="AC25914">
        <v>58</v>
      </c>
      <c r="AD25914">
        <v>59</v>
      </c>
      <c r="AE25914">
        <v>60</v>
      </c>
      <c r="AF25914">
        <v>62</v>
      </c>
      <c r="AG25914">
        <v>63</v>
      </c>
      <c r="AH25914">
        <v>65</v>
      </c>
      <c r="AI25914">
        <v>66</v>
      </c>
      <c r="AJ25914">
        <v>68</v>
      </c>
      <c r="AK25914">
        <v>69</v>
      </c>
      <c r="AL25914">
        <v>70</v>
      </c>
      <c r="AM25914">
        <v>71</v>
      </c>
      <c r="AN25914">
        <v>72</v>
      </c>
      <c r="AO25914">
        <v>73</v>
      </c>
      <c r="AP25914">
        <v>74</v>
      </c>
      <c r="AQ25914">
        <v>75</v>
      </c>
    </row>
    <row r="25915" spans="1:43">
      <c r="A25915" t="s">
        <v>16035</v>
      </c>
      <c r="B25915" t="s">
        <v>16036</v>
      </c>
      <c r="C25915" t="s">
        <v>16037</v>
      </c>
      <c r="D25915" t="s">
        <v>16038</v>
      </c>
      <c r="E25915" t="s">
        <v>16019</v>
      </c>
      <c r="F25915" t="s">
        <v>16020</v>
      </c>
      <c r="G25915" t="s">
        <v>10734</v>
      </c>
      <c r="H25915" t="s">
        <v>10735</v>
      </c>
      <c r="I25915" s="2">
        <v>1</v>
      </c>
      <c r="J25915" s="2">
        <v>0</v>
      </c>
      <c r="K25915" s="2">
        <v>0</v>
      </c>
      <c r="L25915" t="s">
        <v>120</v>
      </c>
      <c r="M25915" t="s">
        <v>87</v>
      </c>
      <c r="N25915" t="s">
        <v>88</v>
      </c>
      <c r="O25915" t="s">
        <v>85</v>
      </c>
      <c r="P25915" t="s">
        <v>86</v>
      </c>
      <c r="Q25915">
        <v>44</v>
      </c>
      <c r="R25915">
        <v>45</v>
      </c>
      <c r="S25915">
        <v>46</v>
      </c>
      <c r="T25915">
        <v>46</v>
      </c>
      <c r="U25915">
        <v>47</v>
      </c>
      <c r="V25915">
        <v>48</v>
      </c>
      <c r="W25915">
        <v>48</v>
      </c>
      <c r="X25915">
        <v>49</v>
      </c>
      <c r="Y25915">
        <v>50</v>
      </c>
      <c r="Z25915">
        <v>51</v>
      </c>
      <c r="AA25915">
        <v>51</v>
      </c>
      <c r="AB25915">
        <v>52</v>
      </c>
      <c r="AC25915">
        <v>53</v>
      </c>
      <c r="AD25915">
        <v>54</v>
      </c>
      <c r="AE25915">
        <v>55</v>
      </c>
      <c r="AF25915">
        <v>55</v>
      </c>
      <c r="AG25915">
        <v>56</v>
      </c>
      <c r="AH25915">
        <v>57</v>
      </c>
      <c r="AI25915">
        <v>58</v>
      </c>
      <c r="AJ25915">
        <v>59</v>
      </c>
      <c r="AK25915">
        <v>60</v>
      </c>
      <c r="AL25915">
        <v>61</v>
      </c>
      <c r="AM25915">
        <v>62</v>
      </c>
      <c r="AN25915">
        <v>63</v>
      </c>
      <c r="AO25915">
        <v>64</v>
      </c>
      <c r="AP25915">
        <v>65</v>
      </c>
      <c r="AQ25915">
        <v>66</v>
      </c>
    </row>
    <row r="25916" spans="1:43">
      <c r="A25916" t="s">
        <v>16035</v>
      </c>
      <c r="B25916" t="s">
        <v>16036</v>
      </c>
      <c r="C25916" t="s">
        <v>16037</v>
      </c>
      <c r="D25916" t="s">
        <v>16038</v>
      </c>
      <c r="E25916" t="s">
        <v>16019</v>
      </c>
      <c r="F25916" t="s">
        <v>16020</v>
      </c>
      <c r="G25916" t="s">
        <v>10734</v>
      </c>
      <c r="H25916" t="s">
        <v>10735</v>
      </c>
      <c r="I25916" s="2">
        <v>1</v>
      </c>
      <c r="J25916" s="2">
        <v>0</v>
      </c>
      <c r="K25916" s="2">
        <v>0</v>
      </c>
      <c r="L25916" t="s">
        <v>120</v>
      </c>
      <c r="M25916" t="s">
        <v>89</v>
      </c>
      <c r="N25916" t="s">
        <v>90</v>
      </c>
      <c r="O25916" t="s">
        <v>85</v>
      </c>
      <c r="P25916" t="s">
        <v>86</v>
      </c>
      <c r="Q25916">
        <v>44</v>
      </c>
      <c r="R25916">
        <v>46</v>
      </c>
      <c r="S25916">
        <v>47</v>
      </c>
      <c r="T25916">
        <v>49</v>
      </c>
      <c r="U25916">
        <v>50</v>
      </c>
      <c r="V25916">
        <v>52</v>
      </c>
      <c r="W25916">
        <v>53</v>
      </c>
      <c r="X25916">
        <v>54</v>
      </c>
      <c r="Y25916">
        <v>56</v>
      </c>
      <c r="Z25916">
        <v>57</v>
      </c>
      <c r="AA25916">
        <v>59</v>
      </c>
      <c r="AB25916">
        <v>60</v>
      </c>
      <c r="AC25916">
        <v>62</v>
      </c>
      <c r="AD25916">
        <v>64</v>
      </c>
      <c r="AE25916">
        <v>65</v>
      </c>
      <c r="AF25916">
        <v>66</v>
      </c>
      <c r="AG25916">
        <v>67</v>
      </c>
      <c r="AH25916">
        <v>67</v>
      </c>
      <c r="AI25916">
        <v>68</v>
      </c>
      <c r="AJ25916">
        <v>69</v>
      </c>
      <c r="AK25916">
        <v>70</v>
      </c>
      <c r="AL25916">
        <v>71</v>
      </c>
      <c r="AM25916">
        <v>72</v>
      </c>
      <c r="AN25916">
        <v>73</v>
      </c>
      <c r="AO25916">
        <v>74</v>
      </c>
      <c r="AP25916">
        <v>75</v>
      </c>
      <c r="AQ25916">
        <v>76</v>
      </c>
    </row>
    <row r="25917" spans="1:43">
      <c r="A25917" t="s">
        <v>16035</v>
      </c>
      <c r="B25917" t="s">
        <v>16036</v>
      </c>
      <c r="C25917" t="s">
        <v>16037</v>
      </c>
      <c r="D25917" t="s">
        <v>16038</v>
      </c>
      <c r="E25917" t="s">
        <v>16019</v>
      </c>
      <c r="F25917" t="s">
        <v>16020</v>
      </c>
      <c r="G25917" t="s">
        <v>10734</v>
      </c>
      <c r="H25917" t="s">
        <v>10735</v>
      </c>
      <c r="I25917" s="2">
        <v>1</v>
      </c>
      <c r="J25917" s="2">
        <v>0</v>
      </c>
      <c r="K25917" s="2">
        <v>0</v>
      </c>
      <c r="L25917" t="s">
        <v>120</v>
      </c>
      <c r="M25917" t="s">
        <v>83</v>
      </c>
      <c r="N25917" t="s">
        <v>91</v>
      </c>
      <c r="O25917" t="s">
        <v>85</v>
      </c>
      <c r="P25917" t="s">
        <v>86</v>
      </c>
      <c r="Q25917">
        <v>44</v>
      </c>
      <c r="R25917">
        <v>45</v>
      </c>
      <c r="S25917">
        <v>46</v>
      </c>
      <c r="T25917">
        <v>47</v>
      </c>
      <c r="U25917">
        <v>48</v>
      </c>
      <c r="V25917">
        <v>49</v>
      </c>
      <c r="W25917">
        <v>50</v>
      </c>
      <c r="X25917">
        <v>52</v>
      </c>
      <c r="Y25917">
        <v>53</v>
      </c>
      <c r="Z25917">
        <v>54</v>
      </c>
      <c r="AA25917">
        <v>55</v>
      </c>
      <c r="AB25917">
        <v>56</v>
      </c>
      <c r="AC25917">
        <v>58</v>
      </c>
      <c r="AD25917">
        <v>59</v>
      </c>
      <c r="AE25917">
        <v>60</v>
      </c>
      <c r="AF25917">
        <v>62</v>
      </c>
      <c r="AG25917">
        <v>63</v>
      </c>
      <c r="AH25917">
        <v>65</v>
      </c>
      <c r="AI25917">
        <v>66</v>
      </c>
      <c r="AJ25917">
        <v>68</v>
      </c>
      <c r="AK25917">
        <v>69</v>
      </c>
      <c r="AL25917">
        <v>70</v>
      </c>
      <c r="AM25917">
        <v>71</v>
      </c>
      <c r="AN25917">
        <v>72</v>
      </c>
      <c r="AO25917">
        <v>73</v>
      </c>
      <c r="AP25917">
        <v>74</v>
      </c>
      <c r="AQ25917">
        <v>75</v>
      </c>
    </row>
    <row r="25918" spans="1:43">
      <c r="A25918" t="s">
        <v>16039</v>
      </c>
      <c r="B25918" t="s">
        <v>16040</v>
      </c>
      <c r="C25918" t="s">
        <v>16037</v>
      </c>
      <c r="D25918" t="s">
        <v>16038</v>
      </c>
      <c r="E25918" t="s">
        <v>16019</v>
      </c>
      <c r="F25918" t="s">
        <v>16020</v>
      </c>
      <c r="G25918" t="s">
        <v>10734</v>
      </c>
      <c r="H25918" t="s">
        <v>10735</v>
      </c>
      <c r="I25918" s="2">
        <v>1</v>
      </c>
      <c r="J25918" s="2">
        <v>0</v>
      </c>
      <c r="K25918" s="2">
        <v>0</v>
      </c>
      <c r="L25918" t="s">
        <v>120</v>
      </c>
      <c r="M25918" t="s">
        <v>83</v>
      </c>
      <c r="N25918" t="s">
        <v>84</v>
      </c>
      <c r="O25918" t="s">
        <v>85</v>
      </c>
      <c r="P25918" t="s">
        <v>86</v>
      </c>
      <c r="Q25918">
        <v>13</v>
      </c>
      <c r="R25918">
        <v>14</v>
      </c>
      <c r="S25918">
        <v>14</v>
      </c>
      <c r="T25918">
        <v>14</v>
      </c>
      <c r="U25918">
        <v>15</v>
      </c>
      <c r="V25918">
        <v>15</v>
      </c>
      <c r="W25918">
        <v>15</v>
      </c>
      <c r="X25918">
        <v>16</v>
      </c>
      <c r="Y25918">
        <v>16</v>
      </c>
      <c r="Z25918">
        <v>16</v>
      </c>
      <c r="AA25918">
        <v>17</v>
      </c>
      <c r="AB25918">
        <v>17</v>
      </c>
      <c r="AC25918">
        <v>17</v>
      </c>
      <c r="AD25918">
        <v>18</v>
      </c>
      <c r="AE25918">
        <v>18</v>
      </c>
      <c r="AF25918">
        <v>19</v>
      </c>
      <c r="AG25918">
        <v>19</v>
      </c>
      <c r="AH25918">
        <v>20</v>
      </c>
      <c r="AI25918">
        <v>20</v>
      </c>
      <c r="AJ25918">
        <v>20</v>
      </c>
      <c r="AK25918">
        <v>21</v>
      </c>
      <c r="AL25918">
        <v>21</v>
      </c>
      <c r="AM25918">
        <v>22</v>
      </c>
      <c r="AN25918">
        <v>22</v>
      </c>
      <c r="AO25918">
        <v>22</v>
      </c>
      <c r="AP25918">
        <v>22</v>
      </c>
      <c r="AQ25918">
        <v>23</v>
      </c>
    </row>
    <row r="25919" spans="1:43">
      <c r="A25919" t="s">
        <v>16039</v>
      </c>
      <c r="B25919" t="s">
        <v>16040</v>
      </c>
      <c r="C25919" t="s">
        <v>16037</v>
      </c>
      <c r="D25919" t="s">
        <v>16038</v>
      </c>
      <c r="E25919" t="s">
        <v>16019</v>
      </c>
      <c r="F25919" t="s">
        <v>16020</v>
      </c>
      <c r="G25919" t="s">
        <v>10734</v>
      </c>
      <c r="H25919" t="s">
        <v>10735</v>
      </c>
      <c r="I25919" s="2">
        <v>1</v>
      </c>
      <c r="J25919" s="2">
        <v>0</v>
      </c>
      <c r="K25919" s="2">
        <v>0</v>
      </c>
      <c r="L25919" t="s">
        <v>120</v>
      </c>
      <c r="M25919" t="s">
        <v>87</v>
      </c>
      <c r="N25919" t="s">
        <v>88</v>
      </c>
      <c r="O25919" t="s">
        <v>85</v>
      </c>
      <c r="P25919" t="s">
        <v>86</v>
      </c>
      <c r="Q25919">
        <v>13</v>
      </c>
      <c r="R25919">
        <v>13</v>
      </c>
      <c r="S25919">
        <v>13</v>
      </c>
      <c r="T25919">
        <v>14</v>
      </c>
      <c r="U25919">
        <v>14</v>
      </c>
      <c r="V25919">
        <v>14</v>
      </c>
      <c r="W25919">
        <v>14</v>
      </c>
      <c r="X25919">
        <v>15</v>
      </c>
      <c r="Y25919">
        <v>15</v>
      </c>
      <c r="Z25919">
        <v>15</v>
      </c>
      <c r="AA25919">
        <v>15</v>
      </c>
      <c r="AB25919">
        <v>15</v>
      </c>
      <c r="AC25919">
        <v>16</v>
      </c>
      <c r="AD25919">
        <v>16</v>
      </c>
      <c r="AE25919">
        <v>16</v>
      </c>
      <c r="AF25919">
        <v>16</v>
      </c>
      <c r="AG25919">
        <v>17</v>
      </c>
      <c r="AH25919">
        <v>17</v>
      </c>
      <c r="AI25919">
        <v>17</v>
      </c>
      <c r="AJ25919">
        <v>18</v>
      </c>
      <c r="AK25919">
        <v>18</v>
      </c>
      <c r="AL25919">
        <v>18</v>
      </c>
      <c r="AM25919">
        <v>18</v>
      </c>
      <c r="AN25919">
        <v>19</v>
      </c>
      <c r="AO25919">
        <v>19</v>
      </c>
      <c r="AP25919">
        <v>19</v>
      </c>
      <c r="AQ25919">
        <v>20</v>
      </c>
    </row>
    <row r="25920" spans="1:43">
      <c r="A25920" t="s">
        <v>16039</v>
      </c>
      <c r="B25920" t="s">
        <v>16040</v>
      </c>
      <c r="C25920" t="s">
        <v>16037</v>
      </c>
      <c r="D25920" t="s">
        <v>16038</v>
      </c>
      <c r="E25920" t="s">
        <v>16019</v>
      </c>
      <c r="F25920" t="s">
        <v>16020</v>
      </c>
      <c r="G25920" t="s">
        <v>10734</v>
      </c>
      <c r="H25920" t="s">
        <v>10735</v>
      </c>
      <c r="I25920" s="2">
        <v>1</v>
      </c>
      <c r="J25920" s="2">
        <v>0</v>
      </c>
      <c r="K25920" s="2">
        <v>0</v>
      </c>
      <c r="L25920" t="s">
        <v>120</v>
      </c>
      <c r="M25920" t="s">
        <v>89</v>
      </c>
      <c r="N25920" t="s">
        <v>90</v>
      </c>
      <c r="O25920" t="s">
        <v>85</v>
      </c>
      <c r="P25920" t="s">
        <v>86</v>
      </c>
      <c r="Q25920">
        <v>13</v>
      </c>
      <c r="R25920">
        <v>14</v>
      </c>
      <c r="S25920">
        <v>14</v>
      </c>
      <c r="T25920">
        <v>15</v>
      </c>
      <c r="U25920">
        <v>15</v>
      </c>
      <c r="V25920">
        <v>16</v>
      </c>
      <c r="W25920">
        <v>16</v>
      </c>
      <c r="X25920">
        <v>16</v>
      </c>
      <c r="Y25920">
        <v>17</v>
      </c>
      <c r="Z25920">
        <v>17</v>
      </c>
      <c r="AA25920">
        <v>18</v>
      </c>
      <c r="AB25920">
        <v>18</v>
      </c>
      <c r="AC25920">
        <v>19</v>
      </c>
      <c r="AD25920">
        <v>19</v>
      </c>
      <c r="AE25920">
        <v>20</v>
      </c>
      <c r="AF25920">
        <v>20</v>
      </c>
      <c r="AG25920">
        <v>20</v>
      </c>
      <c r="AH25920">
        <v>20</v>
      </c>
      <c r="AI25920">
        <v>21</v>
      </c>
      <c r="AJ25920">
        <v>21</v>
      </c>
      <c r="AK25920">
        <v>21</v>
      </c>
      <c r="AL25920">
        <v>21</v>
      </c>
      <c r="AM25920">
        <v>22</v>
      </c>
      <c r="AN25920">
        <v>22</v>
      </c>
      <c r="AO25920">
        <v>22</v>
      </c>
      <c r="AP25920">
        <v>23</v>
      </c>
      <c r="AQ25920">
        <v>23</v>
      </c>
    </row>
    <row r="25921" spans="1:43">
      <c r="A25921" t="s">
        <v>16039</v>
      </c>
      <c r="B25921" t="s">
        <v>16040</v>
      </c>
      <c r="C25921" t="s">
        <v>16037</v>
      </c>
      <c r="D25921" t="s">
        <v>16038</v>
      </c>
      <c r="E25921" t="s">
        <v>16019</v>
      </c>
      <c r="F25921" t="s">
        <v>16020</v>
      </c>
      <c r="G25921" t="s">
        <v>10734</v>
      </c>
      <c r="H25921" t="s">
        <v>10735</v>
      </c>
      <c r="I25921" s="2">
        <v>1</v>
      </c>
      <c r="J25921" s="2">
        <v>0</v>
      </c>
      <c r="K25921" s="2">
        <v>0</v>
      </c>
      <c r="L25921" t="s">
        <v>120</v>
      </c>
      <c r="M25921" t="s">
        <v>83</v>
      </c>
      <c r="N25921" t="s">
        <v>91</v>
      </c>
      <c r="O25921" t="s">
        <v>85</v>
      </c>
      <c r="P25921" t="s">
        <v>86</v>
      </c>
      <c r="Q25921">
        <v>13</v>
      </c>
      <c r="R25921">
        <v>14</v>
      </c>
      <c r="S25921">
        <v>14</v>
      </c>
      <c r="T25921">
        <v>14</v>
      </c>
      <c r="U25921">
        <v>15</v>
      </c>
      <c r="V25921">
        <v>15</v>
      </c>
      <c r="W25921">
        <v>15</v>
      </c>
      <c r="X25921">
        <v>16</v>
      </c>
      <c r="Y25921">
        <v>16</v>
      </c>
      <c r="Z25921">
        <v>16</v>
      </c>
      <c r="AA25921">
        <v>17</v>
      </c>
      <c r="AB25921">
        <v>17</v>
      </c>
      <c r="AC25921">
        <v>17</v>
      </c>
      <c r="AD25921">
        <v>18</v>
      </c>
      <c r="AE25921">
        <v>18</v>
      </c>
      <c r="AF25921">
        <v>19</v>
      </c>
      <c r="AG25921">
        <v>19</v>
      </c>
      <c r="AH25921">
        <v>20</v>
      </c>
      <c r="AI25921">
        <v>20</v>
      </c>
      <c r="AJ25921">
        <v>20</v>
      </c>
      <c r="AK25921">
        <v>21</v>
      </c>
      <c r="AL25921">
        <v>21</v>
      </c>
      <c r="AM25921">
        <v>22</v>
      </c>
      <c r="AN25921">
        <v>22</v>
      </c>
      <c r="AO25921">
        <v>22</v>
      </c>
      <c r="AP25921">
        <v>22</v>
      </c>
      <c r="AQ25921">
        <v>23</v>
      </c>
    </row>
    <row r="25922" spans="1:43">
      <c r="A25922" t="s">
        <v>16041</v>
      </c>
      <c r="B25922" t="s">
        <v>16042</v>
      </c>
      <c r="C25922" t="s">
        <v>16043</v>
      </c>
      <c r="D25922" t="s">
        <v>16044</v>
      </c>
      <c r="E25922" t="s">
        <v>16019</v>
      </c>
      <c r="F25922" t="s">
        <v>16020</v>
      </c>
      <c r="G25922" t="s">
        <v>10734</v>
      </c>
      <c r="H25922" t="s">
        <v>10735</v>
      </c>
      <c r="I25922" s="2">
        <v>1</v>
      </c>
      <c r="J25922" s="2">
        <v>0</v>
      </c>
      <c r="K25922" s="2">
        <v>0</v>
      </c>
      <c r="L25922" t="s">
        <v>120</v>
      </c>
      <c r="M25922" t="s">
        <v>83</v>
      </c>
      <c r="N25922" t="s">
        <v>84</v>
      </c>
      <c r="O25922" t="s">
        <v>85</v>
      </c>
      <c r="P25922" t="s">
        <v>86</v>
      </c>
      <c r="Q25922">
        <v>5</v>
      </c>
      <c r="R25922">
        <v>6</v>
      </c>
      <c r="S25922">
        <v>6</v>
      </c>
      <c r="T25922">
        <v>6</v>
      </c>
      <c r="U25922">
        <v>6</v>
      </c>
      <c r="V25922">
        <v>6</v>
      </c>
      <c r="W25922">
        <v>6</v>
      </c>
      <c r="X25922">
        <v>6</v>
      </c>
      <c r="Y25922">
        <v>7</v>
      </c>
      <c r="Z25922">
        <v>7</v>
      </c>
      <c r="AA25922">
        <v>7</v>
      </c>
      <c r="AB25922">
        <v>7</v>
      </c>
      <c r="AC25922">
        <v>7</v>
      </c>
      <c r="AD25922">
        <v>7</v>
      </c>
      <c r="AE25922">
        <v>8</v>
      </c>
      <c r="AF25922">
        <v>8</v>
      </c>
      <c r="AG25922">
        <v>8</v>
      </c>
      <c r="AH25922">
        <v>8</v>
      </c>
      <c r="AI25922">
        <v>8</v>
      </c>
      <c r="AJ25922">
        <v>8</v>
      </c>
      <c r="AK25922">
        <v>9</v>
      </c>
      <c r="AL25922">
        <v>9</v>
      </c>
      <c r="AM25922">
        <v>9</v>
      </c>
      <c r="AN25922">
        <v>9</v>
      </c>
      <c r="AO25922">
        <v>9</v>
      </c>
      <c r="AP25922">
        <v>9</v>
      </c>
      <c r="AQ25922">
        <v>9</v>
      </c>
    </row>
    <row r="25923" spans="1:43">
      <c r="A25923" t="s">
        <v>16041</v>
      </c>
      <c r="B25923" t="s">
        <v>16042</v>
      </c>
      <c r="C25923" t="s">
        <v>16043</v>
      </c>
      <c r="D25923" t="s">
        <v>16044</v>
      </c>
      <c r="E25923" t="s">
        <v>16019</v>
      </c>
      <c r="F25923" t="s">
        <v>16020</v>
      </c>
      <c r="G25923" t="s">
        <v>10734</v>
      </c>
      <c r="H25923" t="s">
        <v>10735</v>
      </c>
      <c r="I25923" s="2">
        <v>1</v>
      </c>
      <c r="J25923" s="2">
        <v>0</v>
      </c>
      <c r="K25923" s="2">
        <v>0</v>
      </c>
      <c r="L25923" t="s">
        <v>120</v>
      </c>
      <c r="M25923" t="s">
        <v>87</v>
      </c>
      <c r="N25923" t="s">
        <v>88</v>
      </c>
      <c r="O25923" t="s">
        <v>85</v>
      </c>
      <c r="P25923" t="s">
        <v>86</v>
      </c>
      <c r="Q25923">
        <v>5</v>
      </c>
      <c r="R25923">
        <v>6</v>
      </c>
      <c r="S25923">
        <v>6</v>
      </c>
      <c r="T25923">
        <v>6</v>
      </c>
      <c r="U25923">
        <v>6</v>
      </c>
      <c r="V25923">
        <v>6</v>
      </c>
      <c r="W25923">
        <v>6</v>
      </c>
      <c r="X25923">
        <v>6</v>
      </c>
      <c r="Y25923">
        <v>6</v>
      </c>
      <c r="Z25923">
        <v>6</v>
      </c>
      <c r="AA25923">
        <v>6</v>
      </c>
      <c r="AB25923">
        <v>6</v>
      </c>
      <c r="AC25923">
        <v>7</v>
      </c>
      <c r="AD25923">
        <v>7</v>
      </c>
      <c r="AE25923">
        <v>7</v>
      </c>
      <c r="AF25923">
        <v>7</v>
      </c>
      <c r="AG25923">
        <v>7</v>
      </c>
      <c r="AH25923">
        <v>7</v>
      </c>
      <c r="AI25923">
        <v>7</v>
      </c>
      <c r="AJ25923">
        <v>7</v>
      </c>
      <c r="AK25923">
        <v>7</v>
      </c>
      <c r="AL25923">
        <v>8</v>
      </c>
      <c r="AM25923">
        <v>8</v>
      </c>
      <c r="AN25923">
        <v>8</v>
      </c>
      <c r="AO25923">
        <v>8</v>
      </c>
      <c r="AP25923">
        <v>8</v>
      </c>
      <c r="AQ25923">
        <v>8</v>
      </c>
    </row>
    <row r="25924" spans="1:43">
      <c r="A25924" t="s">
        <v>16041</v>
      </c>
      <c r="B25924" t="s">
        <v>16042</v>
      </c>
      <c r="C25924" t="s">
        <v>16043</v>
      </c>
      <c r="D25924" t="s">
        <v>16044</v>
      </c>
      <c r="E25924" t="s">
        <v>16019</v>
      </c>
      <c r="F25924" t="s">
        <v>16020</v>
      </c>
      <c r="G25924" t="s">
        <v>10734</v>
      </c>
      <c r="H25924" t="s">
        <v>10735</v>
      </c>
      <c r="I25924" s="2">
        <v>1</v>
      </c>
      <c r="J25924" s="2">
        <v>0</v>
      </c>
      <c r="K25924" s="2">
        <v>0</v>
      </c>
      <c r="L25924" t="s">
        <v>120</v>
      </c>
      <c r="M25924" t="s">
        <v>89</v>
      </c>
      <c r="N25924" t="s">
        <v>90</v>
      </c>
      <c r="O25924" t="s">
        <v>85</v>
      </c>
      <c r="P25924" t="s">
        <v>86</v>
      </c>
      <c r="Q25924">
        <v>5</v>
      </c>
      <c r="R25924">
        <v>5</v>
      </c>
      <c r="S25924">
        <v>5</v>
      </c>
      <c r="T25924">
        <v>5</v>
      </c>
      <c r="U25924">
        <v>5</v>
      </c>
      <c r="V25924">
        <v>5</v>
      </c>
      <c r="W25924">
        <v>6</v>
      </c>
      <c r="X25924">
        <v>6</v>
      </c>
      <c r="Y25924">
        <v>6</v>
      </c>
      <c r="Z25924">
        <v>6</v>
      </c>
      <c r="AA25924">
        <v>6</v>
      </c>
      <c r="AB25924">
        <v>7</v>
      </c>
      <c r="AC25924">
        <v>7</v>
      </c>
      <c r="AD25924">
        <v>7</v>
      </c>
      <c r="AE25924">
        <v>7</v>
      </c>
      <c r="AF25924">
        <v>7</v>
      </c>
      <c r="AG25924">
        <v>7</v>
      </c>
      <c r="AH25924">
        <v>7</v>
      </c>
      <c r="AI25924">
        <v>8</v>
      </c>
      <c r="AJ25924">
        <v>8</v>
      </c>
      <c r="AK25924">
        <v>8</v>
      </c>
      <c r="AL25924">
        <v>8</v>
      </c>
      <c r="AM25924">
        <v>8</v>
      </c>
      <c r="AN25924">
        <v>8</v>
      </c>
      <c r="AO25924">
        <v>8</v>
      </c>
      <c r="AP25924">
        <v>8</v>
      </c>
      <c r="AQ25924">
        <v>9</v>
      </c>
    </row>
    <row r="25925" spans="1:43">
      <c r="A25925" t="s">
        <v>16041</v>
      </c>
      <c r="B25925" t="s">
        <v>16042</v>
      </c>
      <c r="C25925" t="s">
        <v>16043</v>
      </c>
      <c r="D25925" t="s">
        <v>16044</v>
      </c>
      <c r="E25925" t="s">
        <v>16019</v>
      </c>
      <c r="F25925" t="s">
        <v>16020</v>
      </c>
      <c r="G25925" t="s">
        <v>10734</v>
      </c>
      <c r="H25925" t="s">
        <v>10735</v>
      </c>
      <c r="I25925" s="2">
        <v>1</v>
      </c>
      <c r="J25925" s="2">
        <v>0</v>
      </c>
      <c r="K25925" s="2">
        <v>0</v>
      </c>
      <c r="L25925" t="s">
        <v>120</v>
      </c>
      <c r="M25925" t="s">
        <v>83</v>
      </c>
      <c r="N25925" t="s">
        <v>91</v>
      </c>
      <c r="O25925" t="s">
        <v>85</v>
      </c>
      <c r="P25925" t="s">
        <v>86</v>
      </c>
      <c r="Q25925">
        <v>5</v>
      </c>
      <c r="R25925">
        <v>6</v>
      </c>
      <c r="S25925">
        <v>6</v>
      </c>
      <c r="T25925">
        <v>6</v>
      </c>
      <c r="U25925">
        <v>6</v>
      </c>
      <c r="V25925">
        <v>6</v>
      </c>
      <c r="W25925">
        <v>6</v>
      </c>
      <c r="X25925">
        <v>6</v>
      </c>
      <c r="Y25925">
        <v>7</v>
      </c>
      <c r="Z25925">
        <v>7</v>
      </c>
      <c r="AA25925">
        <v>7</v>
      </c>
      <c r="AB25925">
        <v>7</v>
      </c>
      <c r="AC25925">
        <v>7</v>
      </c>
      <c r="AD25925">
        <v>7</v>
      </c>
      <c r="AE25925">
        <v>8</v>
      </c>
      <c r="AF25925">
        <v>8</v>
      </c>
      <c r="AG25925">
        <v>8</v>
      </c>
      <c r="AH25925">
        <v>8</v>
      </c>
      <c r="AI25925">
        <v>8</v>
      </c>
      <c r="AJ25925">
        <v>8</v>
      </c>
      <c r="AK25925">
        <v>9</v>
      </c>
      <c r="AL25925">
        <v>9</v>
      </c>
      <c r="AM25925">
        <v>9</v>
      </c>
      <c r="AN25925">
        <v>9</v>
      </c>
      <c r="AO25925">
        <v>9</v>
      </c>
      <c r="AP25925">
        <v>9</v>
      </c>
      <c r="AQ25925">
        <v>9</v>
      </c>
    </row>
    <row r="25926" spans="1:43">
      <c r="A25926" t="s">
        <v>16045</v>
      </c>
      <c r="B25926" t="s">
        <v>16046</v>
      </c>
      <c r="C25926" t="s">
        <v>16043</v>
      </c>
      <c r="D25926" t="s">
        <v>16044</v>
      </c>
      <c r="E25926" t="s">
        <v>16019</v>
      </c>
      <c r="F25926" t="s">
        <v>16020</v>
      </c>
      <c r="G25926" t="s">
        <v>10734</v>
      </c>
      <c r="H25926" t="s">
        <v>10735</v>
      </c>
      <c r="I25926" s="2">
        <v>1</v>
      </c>
      <c r="J25926" s="2">
        <v>0</v>
      </c>
      <c r="K25926" s="2">
        <v>0</v>
      </c>
      <c r="L25926" t="s">
        <v>120</v>
      </c>
      <c r="M25926" t="s">
        <v>83</v>
      </c>
      <c r="N25926" t="s">
        <v>84</v>
      </c>
      <c r="O25926" t="s">
        <v>85</v>
      </c>
      <c r="P25926" t="s">
        <v>86</v>
      </c>
      <c r="Q25926">
        <v>23</v>
      </c>
      <c r="R25926">
        <v>24</v>
      </c>
      <c r="S25926">
        <v>24</v>
      </c>
      <c r="T25926">
        <v>25</v>
      </c>
      <c r="U25926">
        <v>26</v>
      </c>
      <c r="V25926">
        <v>26</v>
      </c>
      <c r="W25926">
        <v>27</v>
      </c>
      <c r="X25926">
        <v>27</v>
      </c>
      <c r="Y25926">
        <v>28</v>
      </c>
      <c r="Z25926">
        <v>29</v>
      </c>
      <c r="AA25926">
        <v>29</v>
      </c>
      <c r="AB25926">
        <v>30</v>
      </c>
      <c r="AC25926">
        <v>31</v>
      </c>
      <c r="AD25926">
        <v>31</v>
      </c>
      <c r="AE25926">
        <v>32</v>
      </c>
      <c r="AF25926">
        <v>33</v>
      </c>
      <c r="AG25926">
        <v>34</v>
      </c>
      <c r="AH25926">
        <v>34</v>
      </c>
      <c r="AI25926">
        <v>35</v>
      </c>
      <c r="AJ25926">
        <v>36</v>
      </c>
      <c r="AK25926">
        <v>37</v>
      </c>
      <c r="AL25926">
        <v>37</v>
      </c>
      <c r="AM25926">
        <v>38</v>
      </c>
      <c r="AN25926">
        <v>39</v>
      </c>
      <c r="AO25926">
        <v>39</v>
      </c>
      <c r="AP25926">
        <v>40</v>
      </c>
      <c r="AQ25926">
        <v>40</v>
      </c>
    </row>
    <row r="25927" spans="1:43">
      <c r="A25927" t="s">
        <v>16045</v>
      </c>
      <c r="B25927" t="s">
        <v>16046</v>
      </c>
      <c r="C25927" t="s">
        <v>16043</v>
      </c>
      <c r="D25927" t="s">
        <v>16044</v>
      </c>
      <c r="E25927" t="s">
        <v>16019</v>
      </c>
      <c r="F25927" t="s">
        <v>16020</v>
      </c>
      <c r="G25927" t="s">
        <v>10734</v>
      </c>
      <c r="H25927" t="s">
        <v>10735</v>
      </c>
      <c r="I25927" s="2">
        <v>1</v>
      </c>
      <c r="J25927" s="2">
        <v>0</v>
      </c>
      <c r="K25927" s="2">
        <v>0</v>
      </c>
      <c r="L25927" t="s">
        <v>120</v>
      </c>
      <c r="M25927" t="s">
        <v>87</v>
      </c>
      <c r="N25927" t="s">
        <v>88</v>
      </c>
      <c r="O25927" t="s">
        <v>85</v>
      </c>
      <c r="P25927" t="s">
        <v>86</v>
      </c>
      <c r="Q25927">
        <v>23</v>
      </c>
      <c r="R25927">
        <v>23</v>
      </c>
      <c r="S25927">
        <v>24</v>
      </c>
      <c r="T25927">
        <v>24</v>
      </c>
      <c r="U25927">
        <v>24</v>
      </c>
      <c r="V25927">
        <v>25</v>
      </c>
      <c r="W25927">
        <v>25</v>
      </c>
      <c r="X25927">
        <v>26</v>
      </c>
      <c r="Y25927">
        <v>26</v>
      </c>
      <c r="Z25927">
        <v>26</v>
      </c>
      <c r="AA25927">
        <v>27</v>
      </c>
      <c r="AB25927">
        <v>27</v>
      </c>
      <c r="AC25927">
        <v>28</v>
      </c>
      <c r="AD25927">
        <v>28</v>
      </c>
      <c r="AE25927">
        <v>28</v>
      </c>
      <c r="AF25927">
        <v>29</v>
      </c>
      <c r="AG25927">
        <v>29</v>
      </c>
      <c r="AH25927">
        <v>30</v>
      </c>
      <c r="AI25927">
        <v>30</v>
      </c>
      <c r="AJ25927">
        <v>31</v>
      </c>
      <c r="AK25927">
        <v>31</v>
      </c>
      <c r="AL25927">
        <v>32</v>
      </c>
      <c r="AM25927">
        <v>32</v>
      </c>
      <c r="AN25927">
        <v>33</v>
      </c>
      <c r="AO25927">
        <v>34</v>
      </c>
      <c r="AP25927">
        <v>34</v>
      </c>
      <c r="AQ25927">
        <v>35</v>
      </c>
    </row>
    <row r="25928" spans="1:43">
      <c r="A25928" t="s">
        <v>16045</v>
      </c>
      <c r="B25928" t="s">
        <v>16046</v>
      </c>
      <c r="C25928" t="s">
        <v>16043</v>
      </c>
      <c r="D25928" t="s">
        <v>16044</v>
      </c>
      <c r="E25928" t="s">
        <v>16019</v>
      </c>
      <c r="F25928" t="s">
        <v>16020</v>
      </c>
      <c r="G25928" t="s">
        <v>10734</v>
      </c>
      <c r="H25928" t="s">
        <v>10735</v>
      </c>
      <c r="I25928" s="2">
        <v>1</v>
      </c>
      <c r="J25928" s="2">
        <v>0</v>
      </c>
      <c r="K25928" s="2">
        <v>0</v>
      </c>
      <c r="L25928" t="s">
        <v>120</v>
      </c>
      <c r="M25928" t="s">
        <v>89</v>
      </c>
      <c r="N25928" t="s">
        <v>90</v>
      </c>
      <c r="O25928" t="s">
        <v>85</v>
      </c>
      <c r="P25928" t="s">
        <v>86</v>
      </c>
      <c r="Q25928">
        <v>23</v>
      </c>
      <c r="R25928">
        <v>24</v>
      </c>
      <c r="S25928">
        <v>25</v>
      </c>
      <c r="T25928">
        <v>26</v>
      </c>
      <c r="U25928">
        <v>27</v>
      </c>
      <c r="V25928">
        <v>27</v>
      </c>
      <c r="W25928">
        <v>28</v>
      </c>
      <c r="X25928">
        <v>29</v>
      </c>
      <c r="Y25928">
        <v>30</v>
      </c>
      <c r="Z25928">
        <v>31</v>
      </c>
      <c r="AA25928">
        <v>31</v>
      </c>
      <c r="AB25928">
        <v>32</v>
      </c>
      <c r="AC25928">
        <v>33</v>
      </c>
      <c r="AD25928">
        <v>34</v>
      </c>
      <c r="AE25928">
        <v>35</v>
      </c>
      <c r="AF25928">
        <v>35</v>
      </c>
      <c r="AG25928">
        <v>35</v>
      </c>
      <c r="AH25928">
        <v>36</v>
      </c>
      <c r="AI25928">
        <v>36</v>
      </c>
      <c r="AJ25928">
        <v>37</v>
      </c>
      <c r="AK25928">
        <v>37</v>
      </c>
      <c r="AL25928">
        <v>38</v>
      </c>
      <c r="AM25928">
        <v>38</v>
      </c>
      <c r="AN25928">
        <v>39</v>
      </c>
      <c r="AO25928">
        <v>39</v>
      </c>
      <c r="AP25928">
        <v>40</v>
      </c>
      <c r="AQ25928">
        <v>40</v>
      </c>
    </row>
    <row r="25929" spans="1:43">
      <c r="A25929" t="s">
        <v>16045</v>
      </c>
      <c r="B25929" t="s">
        <v>16046</v>
      </c>
      <c r="C25929" t="s">
        <v>16043</v>
      </c>
      <c r="D25929" t="s">
        <v>16044</v>
      </c>
      <c r="E25929" t="s">
        <v>16019</v>
      </c>
      <c r="F25929" t="s">
        <v>16020</v>
      </c>
      <c r="G25929" t="s">
        <v>10734</v>
      </c>
      <c r="H25929" t="s">
        <v>10735</v>
      </c>
      <c r="I25929" s="2">
        <v>1</v>
      </c>
      <c r="J25929" s="2">
        <v>0</v>
      </c>
      <c r="K25929" s="2">
        <v>0</v>
      </c>
      <c r="L25929" t="s">
        <v>120</v>
      </c>
      <c r="M25929" t="s">
        <v>83</v>
      </c>
      <c r="N25929" t="s">
        <v>91</v>
      </c>
      <c r="O25929" t="s">
        <v>85</v>
      </c>
      <c r="P25929" t="s">
        <v>86</v>
      </c>
      <c r="Q25929">
        <v>23</v>
      </c>
      <c r="R25929">
        <v>24</v>
      </c>
      <c r="S25929">
        <v>24</v>
      </c>
      <c r="T25929">
        <v>25</v>
      </c>
      <c r="U25929">
        <v>26</v>
      </c>
      <c r="V25929">
        <v>26</v>
      </c>
      <c r="W25929">
        <v>27</v>
      </c>
      <c r="X25929">
        <v>27</v>
      </c>
      <c r="Y25929">
        <v>28</v>
      </c>
      <c r="Z25929">
        <v>29</v>
      </c>
      <c r="AA25929">
        <v>29</v>
      </c>
      <c r="AB25929">
        <v>30</v>
      </c>
      <c r="AC25929">
        <v>31</v>
      </c>
      <c r="AD25929">
        <v>31</v>
      </c>
      <c r="AE25929">
        <v>32</v>
      </c>
      <c r="AF25929">
        <v>33</v>
      </c>
      <c r="AG25929">
        <v>34</v>
      </c>
      <c r="AH25929">
        <v>34</v>
      </c>
      <c r="AI25929">
        <v>35</v>
      </c>
      <c r="AJ25929">
        <v>36</v>
      </c>
      <c r="AK25929">
        <v>37</v>
      </c>
      <c r="AL25929">
        <v>37</v>
      </c>
      <c r="AM25929">
        <v>38</v>
      </c>
      <c r="AN25929">
        <v>39</v>
      </c>
      <c r="AO25929">
        <v>39</v>
      </c>
      <c r="AP25929">
        <v>40</v>
      </c>
      <c r="AQ25929">
        <v>40</v>
      </c>
    </row>
    <row r="25930" spans="1:43">
      <c r="A25930" t="s">
        <v>16047</v>
      </c>
      <c r="B25930" t="s">
        <v>16048</v>
      </c>
      <c r="C25930" t="s">
        <v>16043</v>
      </c>
      <c r="D25930" t="s">
        <v>16044</v>
      </c>
      <c r="E25930" t="s">
        <v>16019</v>
      </c>
      <c r="F25930" t="s">
        <v>16020</v>
      </c>
      <c r="G25930" t="s">
        <v>10734</v>
      </c>
      <c r="H25930" t="s">
        <v>10735</v>
      </c>
      <c r="I25930" s="2">
        <v>1</v>
      </c>
      <c r="J25930" s="2">
        <v>0</v>
      </c>
      <c r="K25930" s="2">
        <v>0</v>
      </c>
      <c r="L25930" t="s">
        <v>120</v>
      </c>
      <c r="M25930" t="s">
        <v>83</v>
      </c>
      <c r="N25930" t="s">
        <v>84</v>
      </c>
      <c r="O25930" t="s">
        <v>85</v>
      </c>
      <c r="P25930" t="s">
        <v>86</v>
      </c>
      <c r="Q25930">
        <v>18</v>
      </c>
      <c r="R25930">
        <v>19</v>
      </c>
      <c r="S25930">
        <v>19</v>
      </c>
      <c r="T25930">
        <v>19</v>
      </c>
      <c r="U25930">
        <v>20</v>
      </c>
      <c r="V25930">
        <v>20</v>
      </c>
      <c r="W25930">
        <v>21</v>
      </c>
      <c r="X25930">
        <v>21</v>
      </c>
      <c r="Y25930">
        <v>22</v>
      </c>
      <c r="Z25930">
        <v>22</v>
      </c>
      <c r="AA25930">
        <v>23</v>
      </c>
      <c r="AB25930">
        <v>23</v>
      </c>
      <c r="AC25930">
        <v>24</v>
      </c>
      <c r="AD25930">
        <v>24</v>
      </c>
      <c r="AE25930">
        <v>25</v>
      </c>
      <c r="AF25930">
        <v>26</v>
      </c>
      <c r="AG25930">
        <v>26</v>
      </c>
      <c r="AH25930">
        <v>27</v>
      </c>
      <c r="AI25930">
        <v>27</v>
      </c>
      <c r="AJ25930">
        <v>28</v>
      </c>
      <c r="AK25930">
        <v>29</v>
      </c>
      <c r="AL25930">
        <v>29</v>
      </c>
      <c r="AM25930">
        <v>30</v>
      </c>
      <c r="AN25930">
        <v>30</v>
      </c>
      <c r="AO25930">
        <v>30</v>
      </c>
      <c r="AP25930">
        <v>31</v>
      </c>
      <c r="AQ25930">
        <v>31</v>
      </c>
    </row>
    <row r="25931" spans="1:43">
      <c r="A25931" t="s">
        <v>16047</v>
      </c>
      <c r="B25931" t="s">
        <v>16048</v>
      </c>
      <c r="C25931" t="s">
        <v>16043</v>
      </c>
      <c r="D25931" t="s">
        <v>16044</v>
      </c>
      <c r="E25931" t="s">
        <v>16019</v>
      </c>
      <c r="F25931" t="s">
        <v>16020</v>
      </c>
      <c r="G25931" t="s">
        <v>10734</v>
      </c>
      <c r="H25931" t="s">
        <v>10735</v>
      </c>
      <c r="I25931" s="2">
        <v>1</v>
      </c>
      <c r="J25931" s="2">
        <v>0</v>
      </c>
      <c r="K25931" s="2">
        <v>0</v>
      </c>
      <c r="L25931" t="s">
        <v>120</v>
      </c>
      <c r="M25931" t="s">
        <v>87</v>
      </c>
      <c r="N25931" t="s">
        <v>88</v>
      </c>
      <c r="O25931" t="s">
        <v>85</v>
      </c>
      <c r="P25931" t="s">
        <v>86</v>
      </c>
      <c r="Q25931">
        <v>18</v>
      </c>
      <c r="R25931">
        <v>18</v>
      </c>
      <c r="S25931">
        <v>18</v>
      </c>
      <c r="T25931">
        <v>19</v>
      </c>
      <c r="U25931">
        <v>19</v>
      </c>
      <c r="V25931">
        <v>19</v>
      </c>
      <c r="W25931">
        <v>20</v>
      </c>
      <c r="X25931">
        <v>20</v>
      </c>
      <c r="Y25931">
        <v>20</v>
      </c>
      <c r="Z25931">
        <v>21</v>
      </c>
      <c r="AA25931">
        <v>21</v>
      </c>
      <c r="AB25931">
        <v>21</v>
      </c>
      <c r="AC25931">
        <v>21</v>
      </c>
      <c r="AD25931">
        <v>22</v>
      </c>
      <c r="AE25931">
        <v>22</v>
      </c>
      <c r="AF25931">
        <v>22</v>
      </c>
      <c r="AG25931">
        <v>23</v>
      </c>
      <c r="AH25931">
        <v>23</v>
      </c>
      <c r="AI25931">
        <v>24</v>
      </c>
      <c r="AJ25931">
        <v>24</v>
      </c>
      <c r="AK25931">
        <v>24</v>
      </c>
      <c r="AL25931">
        <v>25</v>
      </c>
      <c r="AM25931">
        <v>25</v>
      </c>
      <c r="AN25931">
        <v>26</v>
      </c>
      <c r="AO25931">
        <v>26</v>
      </c>
      <c r="AP25931">
        <v>27</v>
      </c>
      <c r="AQ25931">
        <v>27</v>
      </c>
    </row>
    <row r="25932" spans="1:43">
      <c r="A25932" t="s">
        <v>16047</v>
      </c>
      <c r="B25932" t="s">
        <v>16048</v>
      </c>
      <c r="C25932" t="s">
        <v>16043</v>
      </c>
      <c r="D25932" t="s">
        <v>16044</v>
      </c>
      <c r="E25932" t="s">
        <v>16019</v>
      </c>
      <c r="F25932" t="s">
        <v>16020</v>
      </c>
      <c r="G25932" t="s">
        <v>10734</v>
      </c>
      <c r="H25932" t="s">
        <v>10735</v>
      </c>
      <c r="I25932" s="2">
        <v>1</v>
      </c>
      <c r="J25932" s="2">
        <v>0</v>
      </c>
      <c r="K25932" s="2">
        <v>0</v>
      </c>
      <c r="L25932" t="s">
        <v>120</v>
      </c>
      <c r="M25932" t="s">
        <v>89</v>
      </c>
      <c r="N25932" t="s">
        <v>90</v>
      </c>
      <c r="O25932" t="s">
        <v>85</v>
      </c>
      <c r="P25932" t="s">
        <v>86</v>
      </c>
      <c r="Q25932">
        <v>18</v>
      </c>
      <c r="R25932">
        <v>19</v>
      </c>
      <c r="S25932">
        <v>19</v>
      </c>
      <c r="T25932">
        <v>20</v>
      </c>
      <c r="U25932">
        <v>21</v>
      </c>
      <c r="V25932">
        <v>21</v>
      </c>
      <c r="W25932">
        <v>22</v>
      </c>
      <c r="X25932">
        <v>23</v>
      </c>
      <c r="Y25932">
        <v>23</v>
      </c>
      <c r="Z25932">
        <v>24</v>
      </c>
      <c r="AA25932">
        <v>24</v>
      </c>
      <c r="AB25932">
        <v>25</v>
      </c>
      <c r="AC25932">
        <v>26</v>
      </c>
      <c r="AD25932">
        <v>26</v>
      </c>
      <c r="AE25932">
        <v>27</v>
      </c>
      <c r="AF25932">
        <v>27</v>
      </c>
      <c r="AG25932">
        <v>28</v>
      </c>
      <c r="AH25932">
        <v>28</v>
      </c>
      <c r="AI25932">
        <v>28</v>
      </c>
      <c r="AJ25932">
        <v>29</v>
      </c>
      <c r="AK25932">
        <v>29</v>
      </c>
      <c r="AL25932">
        <v>29</v>
      </c>
      <c r="AM25932">
        <v>30</v>
      </c>
      <c r="AN25932">
        <v>30</v>
      </c>
      <c r="AO25932">
        <v>31</v>
      </c>
      <c r="AP25932">
        <v>31</v>
      </c>
      <c r="AQ25932">
        <v>31</v>
      </c>
    </row>
    <row r="25933" spans="1:43">
      <c r="A25933" t="s">
        <v>16047</v>
      </c>
      <c r="B25933" t="s">
        <v>16048</v>
      </c>
      <c r="C25933" t="s">
        <v>16043</v>
      </c>
      <c r="D25933" t="s">
        <v>16044</v>
      </c>
      <c r="E25933" t="s">
        <v>16019</v>
      </c>
      <c r="F25933" t="s">
        <v>16020</v>
      </c>
      <c r="G25933" t="s">
        <v>10734</v>
      </c>
      <c r="H25933" t="s">
        <v>10735</v>
      </c>
      <c r="I25933" s="2">
        <v>1</v>
      </c>
      <c r="J25933" s="2">
        <v>0</v>
      </c>
      <c r="K25933" s="2">
        <v>0</v>
      </c>
      <c r="L25933" t="s">
        <v>120</v>
      </c>
      <c r="M25933" t="s">
        <v>83</v>
      </c>
      <c r="N25933" t="s">
        <v>91</v>
      </c>
      <c r="O25933" t="s">
        <v>85</v>
      </c>
      <c r="P25933" t="s">
        <v>86</v>
      </c>
      <c r="Q25933">
        <v>18</v>
      </c>
      <c r="R25933">
        <v>19</v>
      </c>
      <c r="S25933">
        <v>19</v>
      </c>
      <c r="T25933">
        <v>19</v>
      </c>
      <c r="U25933">
        <v>20</v>
      </c>
      <c r="V25933">
        <v>20</v>
      </c>
      <c r="W25933">
        <v>21</v>
      </c>
      <c r="X25933">
        <v>21</v>
      </c>
      <c r="Y25933">
        <v>22</v>
      </c>
      <c r="Z25933">
        <v>22</v>
      </c>
      <c r="AA25933">
        <v>23</v>
      </c>
      <c r="AB25933">
        <v>23</v>
      </c>
      <c r="AC25933">
        <v>24</v>
      </c>
      <c r="AD25933">
        <v>24</v>
      </c>
      <c r="AE25933">
        <v>25</v>
      </c>
      <c r="AF25933">
        <v>26</v>
      </c>
      <c r="AG25933">
        <v>26</v>
      </c>
      <c r="AH25933">
        <v>27</v>
      </c>
      <c r="AI25933">
        <v>27</v>
      </c>
      <c r="AJ25933">
        <v>28</v>
      </c>
      <c r="AK25933">
        <v>29</v>
      </c>
      <c r="AL25933">
        <v>29</v>
      </c>
      <c r="AM25933">
        <v>30</v>
      </c>
      <c r="AN25933">
        <v>30</v>
      </c>
      <c r="AO25933">
        <v>30</v>
      </c>
      <c r="AP25933">
        <v>31</v>
      </c>
      <c r="AQ25933">
        <v>31</v>
      </c>
    </row>
    <row r="25934" spans="1:43">
      <c r="A25934" t="s">
        <v>16049</v>
      </c>
      <c r="B25934" t="s">
        <v>16050</v>
      </c>
      <c r="C25934" t="s">
        <v>16043</v>
      </c>
      <c r="D25934" t="s">
        <v>16044</v>
      </c>
      <c r="E25934" t="s">
        <v>16019</v>
      </c>
      <c r="F25934" t="s">
        <v>16020</v>
      </c>
      <c r="G25934" t="s">
        <v>10734</v>
      </c>
      <c r="H25934" t="s">
        <v>10735</v>
      </c>
      <c r="I25934" s="2">
        <v>1</v>
      </c>
      <c r="J25934" s="2">
        <v>0</v>
      </c>
      <c r="K25934" s="2">
        <v>0</v>
      </c>
      <c r="L25934" t="s">
        <v>120</v>
      </c>
      <c r="M25934" t="s">
        <v>83</v>
      </c>
      <c r="N25934" t="s">
        <v>84</v>
      </c>
      <c r="O25934" t="s">
        <v>85</v>
      </c>
      <c r="P25934" t="s">
        <v>86</v>
      </c>
      <c r="Q25934">
        <v>15</v>
      </c>
      <c r="R25934">
        <v>15</v>
      </c>
      <c r="S25934">
        <v>16</v>
      </c>
      <c r="T25934">
        <v>16</v>
      </c>
      <c r="U25934">
        <v>17</v>
      </c>
      <c r="V25934">
        <v>17</v>
      </c>
      <c r="W25934">
        <v>17</v>
      </c>
      <c r="X25934">
        <v>18</v>
      </c>
      <c r="Y25934">
        <v>18</v>
      </c>
      <c r="Z25934">
        <v>19</v>
      </c>
      <c r="AA25934">
        <v>19</v>
      </c>
      <c r="AB25934">
        <v>19</v>
      </c>
      <c r="AC25934">
        <v>20</v>
      </c>
      <c r="AD25934">
        <v>20</v>
      </c>
      <c r="AE25934">
        <v>21</v>
      </c>
      <c r="AF25934">
        <v>21</v>
      </c>
      <c r="AG25934">
        <v>22</v>
      </c>
      <c r="AH25934">
        <v>22</v>
      </c>
      <c r="AI25934">
        <v>23</v>
      </c>
      <c r="AJ25934">
        <v>23</v>
      </c>
      <c r="AK25934">
        <v>24</v>
      </c>
      <c r="AL25934">
        <v>24</v>
      </c>
      <c r="AM25934">
        <v>25</v>
      </c>
      <c r="AN25934">
        <v>25</v>
      </c>
      <c r="AO25934">
        <v>25</v>
      </c>
      <c r="AP25934">
        <v>26</v>
      </c>
      <c r="AQ25934">
        <v>26</v>
      </c>
    </row>
    <row r="25935" spans="1:43">
      <c r="A25935" t="s">
        <v>16049</v>
      </c>
      <c r="B25935" t="s">
        <v>16050</v>
      </c>
      <c r="C25935" t="s">
        <v>16043</v>
      </c>
      <c r="D25935" t="s">
        <v>16044</v>
      </c>
      <c r="E25935" t="s">
        <v>16019</v>
      </c>
      <c r="F25935" t="s">
        <v>16020</v>
      </c>
      <c r="G25935" t="s">
        <v>10734</v>
      </c>
      <c r="H25935" t="s">
        <v>10735</v>
      </c>
      <c r="I25935" s="2">
        <v>1</v>
      </c>
      <c r="J25935" s="2">
        <v>0</v>
      </c>
      <c r="K25935" s="2">
        <v>0</v>
      </c>
      <c r="L25935" t="s">
        <v>120</v>
      </c>
      <c r="M25935" t="s">
        <v>87</v>
      </c>
      <c r="N25935" t="s">
        <v>88</v>
      </c>
      <c r="O25935" t="s">
        <v>85</v>
      </c>
      <c r="P25935" t="s">
        <v>86</v>
      </c>
      <c r="Q25935">
        <v>15</v>
      </c>
      <c r="R25935">
        <v>15</v>
      </c>
      <c r="S25935">
        <v>15</v>
      </c>
      <c r="T25935">
        <v>16</v>
      </c>
      <c r="U25935">
        <v>16</v>
      </c>
      <c r="V25935">
        <v>16</v>
      </c>
      <c r="W25935">
        <v>16</v>
      </c>
      <c r="X25935">
        <v>17</v>
      </c>
      <c r="Y25935">
        <v>17</v>
      </c>
      <c r="Z25935">
        <v>17</v>
      </c>
      <c r="AA25935">
        <v>17</v>
      </c>
      <c r="AB25935">
        <v>18</v>
      </c>
      <c r="AC25935">
        <v>18</v>
      </c>
      <c r="AD25935">
        <v>18</v>
      </c>
      <c r="AE25935">
        <v>18</v>
      </c>
      <c r="AF25935">
        <v>19</v>
      </c>
      <c r="AG25935">
        <v>19</v>
      </c>
      <c r="AH25935">
        <v>19</v>
      </c>
      <c r="AI25935">
        <v>20</v>
      </c>
      <c r="AJ25935">
        <v>20</v>
      </c>
      <c r="AK25935">
        <v>20</v>
      </c>
      <c r="AL25935">
        <v>21</v>
      </c>
      <c r="AM25935">
        <v>21</v>
      </c>
      <c r="AN25935">
        <v>21</v>
      </c>
      <c r="AO25935">
        <v>22</v>
      </c>
      <c r="AP25935">
        <v>22</v>
      </c>
      <c r="AQ25935">
        <v>22</v>
      </c>
    </row>
    <row r="25936" spans="1:43">
      <c r="A25936" t="s">
        <v>16049</v>
      </c>
      <c r="B25936" t="s">
        <v>16050</v>
      </c>
      <c r="C25936" t="s">
        <v>16043</v>
      </c>
      <c r="D25936" t="s">
        <v>16044</v>
      </c>
      <c r="E25936" t="s">
        <v>16019</v>
      </c>
      <c r="F25936" t="s">
        <v>16020</v>
      </c>
      <c r="G25936" t="s">
        <v>10734</v>
      </c>
      <c r="H25936" t="s">
        <v>10735</v>
      </c>
      <c r="I25936" s="2">
        <v>1</v>
      </c>
      <c r="J25936" s="2">
        <v>0</v>
      </c>
      <c r="K25936" s="2">
        <v>0</v>
      </c>
      <c r="L25936" t="s">
        <v>120</v>
      </c>
      <c r="M25936" t="s">
        <v>89</v>
      </c>
      <c r="N25936" t="s">
        <v>90</v>
      </c>
      <c r="O25936" t="s">
        <v>85</v>
      </c>
      <c r="P25936" t="s">
        <v>86</v>
      </c>
      <c r="Q25936">
        <v>15</v>
      </c>
      <c r="R25936">
        <v>16</v>
      </c>
      <c r="S25936">
        <v>16</v>
      </c>
      <c r="T25936">
        <v>17</v>
      </c>
      <c r="U25936">
        <v>17</v>
      </c>
      <c r="V25936">
        <v>18</v>
      </c>
      <c r="W25936">
        <v>18</v>
      </c>
      <c r="X25936">
        <v>19</v>
      </c>
      <c r="Y25936">
        <v>19</v>
      </c>
      <c r="Z25936">
        <v>20</v>
      </c>
      <c r="AA25936">
        <v>20</v>
      </c>
      <c r="AB25936">
        <v>21</v>
      </c>
      <c r="AC25936">
        <v>21</v>
      </c>
      <c r="AD25936">
        <v>22</v>
      </c>
      <c r="AE25936">
        <v>22</v>
      </c>
      <c r="AF25936">
        <v>23</v>
      </c>
      <c r="AG25936">
        <v>23</v>
      </c>
      <c r="AH25936">
        <v>23</v>
      </c>
      <c r="AI25936">
        <v>24</v>
      </c>
      <c r="AJ25936">
        <v>24</v>
      </c>
      <c r="AK25936">
        <v>24</v>
      </c>
      <c r="AL25936">
        <v>24</v>
      </c>
      <c r="AM25936">
        <v>25</v>
      </c>
      <c r="AN25936">
        <v>25</v>
      </c>
      <c r="AO25936">
        <v>25</v>
      </c>
      <c r="AP25936">
        <v>26</v>
      </c>
      <c r="AQ25936">
        <v>26</v>
      </c>
    </row>
    <row r="25937" spans="1:43">
      <c r="A25937" t="s">
        <v>16049</v>
      </c>
      <c r="B25937" t="s">
        <v>16050</v>
      </c>
      <c r="C25937" t="s">
        <v>16043</v>
      </c>
      <c r="D25937" t="s">
        <v>16044</v>
      </c>
      <c r="E25937" t="s">
        <v>16019</v>
      </c>
      <c r="F25937" t="s">
        <v>16020</v>
      </c>
      <c r="G25937" t="s">
        <v>10734</v>
      </c>
      <c r="H25937" t="s">
        <v>10735</v>
      </c>
      <c r="I25937" s="2">
        <v>1</v>
      </c>
      <c r="J25937" s="2">
        <v>0</v>
      </c>
      <c r="K25937" s="2">
        <v>0</v>
      </c>
      <c r="L25937" t="s">
        <v>120</v>
      </c>
      <c r="M25937" t="s">
        <v>83</v>
      </c>
      <c r="N25937" t="s">
        <v>91</v>
      </c>
      <c r="O25937" t="s">
        <v>85</v>
      </c>
      <c r="P25937" t="s">
        <v>86</v>
      </c>
      <c r="Q25937">
        <v>15</v>
      </c>
      <c r="R25937">
        <v>15</v>
      </c>
      <c r="S25937">
        <v>16</v>
      </c>
      <c r="T25937">
        <v>16</v>
      </c>
      <c r="U25937">
        <v>17</v>
      </c>
      <c r="V25937">
        <v>17</v>
      </c>
      <c r="W25937">
        <v>17</v>
      </c>
      <c r="X25937">
        <v>18</v>
      </c>
      <c r="Y25937">
        <v>18</v>
      </c>
      <c r="Z25937">
        <v>19</v>
      </c>
      <c r="AA25937">
        <v>19</v>
      </c>
      <c r="AB25937">
        <v>19</v>
      </c>
      <c r="AC25937">
        <v>20</v>
      </c>
      <c r="AD25937">
        <v>20</v>
      </c>
      <c r="AE25937">
        <v>21</v>
      </c>
      <c r="AF25937">
        <v>21</v>
      </c>
      <c r="AG25937">
        <v>22</v>
      </c>
      <c r="AH25937">
        <v>22</v>
      </c>
      <c r="AI25937">
        <v>23</v>
      </c>
      <c r="AJ25937">
        <v>23</v>
      </c>
      <c r="AK25937">
        <v>24</v>
      </c>
      <c r="AL25937">
        <v>24</v>
      </c>
      <c r="AM25937">
        <v>25</v>
      </c>
      <c r="AN25937">
        <v>25</v>
      </c>
      <c r="AO25937">
        <v>25</v>
      </c>
      <c r="AP25937">
        <v>26</v>
      </c>
      <c r="AQ25937">
        <v>26</v>
      </c>
    </row>
    <row r="25938" spans="1:43">
      <c r="A25938" t="s">
        <v>16051</v>
      </c>
      <c r="B25938" t="s">
        <v>16052</v>
      </c>
      <c r="C25938" t="s">
        <v>16043</v>
      </c>
      <c r="D25938" t="s">
        <v>16044</v>
      </c>
      <c r="E25938" t="s">
        <v>16019</v>
      </c>
      <c r="F25938" t="s">
        <v>16020</v>
      </c>
      <c r="G25938" t="s">
        <v>10734</v>
      </c>
      <c r="H25938" t="s">
        <v>10735</v>
      </c>
      <c r="I25938" s="2">
        <v>1</v>
      </c>
      <c r="J25938" s="2">
        <v>0</v>
      </c>
      <c r="K25938" s="2">
        <v>0</v>
      </c>
      <c r="L25938" t="s">
        <v>120</v>
      </c>
      <c r="M25938" t="s">
        <v>83</v>
      </c>
      <c r="N25938" t="s">
        <v>84</v>
      </c>
      <c r="O25938" t="s">
        <v>85</v>
      </c>
      <c r="P25938" t="s">
        <v>86</v>
      </c>
      <c r="Q25938">
        <v>55</v>
      </c>
      <c r="R25938">
        <v>57</v>
      </c>
      <c r="S25938">
        <v>58</v>
      </c>
      <c r="T25938">
        <v>59</v>
      </c>
      <c r="U25938">
        <v>61</v>
      </c>
      <c r="V25938">
        <v>62</v>
      </c>
      <c r="W25938">
        <v>64</v>
      </c>
      <c r="X25938">
        <v>65</v>
      </c>
      <c r="Y25938">
        <v>67</v>
      </c>
      <c r="Z25938">
        <v>68</v>
      </c>
      <c r="AA25938">
        <v>70</v>
      </c>
      <c r="AB25938">
        <v>71</v>
      </c>
      <c r="AC25938">
        <v>73</v>
      </c>
      <c r="AD25938">
        <v>74</v>
      </c>
      <c r="AE25938">
        <v>76</v>
      </c>
      <c r="AF25938">
        <v>78</v>
      </c>
      <c r="AG25938">
        <v>80</v>
      </c>
      <c r="AH25938">
        <v>81</v>
      </c>
      <c r="AI25938">
        <v>83</v>
      </c>
      <c r="AJ25938">
        <v>85</v>
      </c>
      <c r="AK25938">
        <v>87</v>
      </c>
      <c r="AL25938">
        <v>89</v>
      </c>
      <c r="AM25938">
        <v>90</v>
      </c>
      <c r="AN25938">
        <v>91</v>
      </c>
      <c r="AO25938">
        <v>92</v>
      </c>
      <c r="AP25938">
        <v>94</v>
      </c>
      <c r="AQ25938">
        <v>95</v>
      </c>
    </row>
    <row r="25939" spans="1:43">
      <c r="A25939" t="s">
        <v>16051</v>
      </c>
      <c r="B25939" t="s">
        <v>16052</v>
      </c>
      <c r="C25939" t="s">
        <v>16043</v>
      </c>
      <c r="D25939" t="s">
        <v>16044</v>
      </c>
      <c r="E25939" t="s">
        <v>16019</v>
      </c>
      <c r="F25939" t="s">
        <v>16020</v>
      </c>
      <c r="G25939" t="s">
        <v>10734</v>
      </c>
      <c r="H25939" t="s">
        <v>10735</v>
      </c>
      <c r="I25939" s="2">
        <v>1</v>
      </c>
      <c r="J25939" s="2">
        <v>0</v>
      </c>
      <c r="K25939" s="2">
        <v>0</v>
      </c>
      <c r="L25939" t="s">
        <v>120</v>
      </c>
      <c r="M25939" t="s">
        <v>87</v>
      </c>
      <c r="N25939" t="s">
        <v>88</v>
      </c>
      <c r="O25939" t="s">
        <v>85</v>
      </c>
      <c r="P25939" t="s">
        <v>86</v>
      </c>
      <c r="Q25939">
        <v>55</v>
      </c>
      <c r="R25939">
        <v>55</v>
      </c>
      <c r="S25939">
        <v>56</v>
      </c>
      <c r="T25939">
        <v>57</v>
      </c>
      <c r="U25939">
        <v>58</v>
      </c>
      <c r="V25939">
        <v>59</v>
      </c>
      <c r="W25939">
        <v>60</v>
      </c>
      <c r="X25939">
        <v>61</v>
      </c>
      <c r="Y25939">
        <v>62</v>
      </c>
      <c r="Z25939">
        <v>62</v>
      </c>
      <c r="AA25939">
        <v>63</v>
      </c>
      <c r="AB25939">
        <v>64</v>
      </c>
      <c r="AC25939">
        <v>65</v>
      </c>
      <c r="AD25939">
        <v>66</v>
      </c>
      <c r="AE25939">
        <v>67</v>
      </c>
      <c r="AF25939">
        <v>68</v>
      </c>
      <c r="AG25939">
        <v>70</v>
      </c>
      <c r="AH25939">
        <v>71</v>
      </c>
      <c r="AI25939">
        <v>72</v>
      </c>
      <c r="AJ25939">
        <v>73</v>
      </c>
      <c r="AK25939">
        <v>74</v>
      </c>
      <c r="AL25939">
        <v>75</v>
      </c>
      <c r="AM25939">
        <v>77</v>
      </c>
      <c r="AN25939">
        <v>78</v>
      </c>
      <c r="AO25939">
        <v>79</v>
      </c>
      <c r="AP25939">
        <v>81</v>
      </c>
      <c r="AQ25939">
        <v>82</v>
      </c>
    </row>
    <row r="25940" spans="1:43">
      <c r="A25940" t="s">
        <v>16051</v>
      </c>
      <c r="B25940" t="s">
        <v>16052</v>
      </c>
      <c r="C25940" t="s">
        <v>16043</v>
      </c>
      <c r="D25940" t="s">
        <v>16044</v>
      </c>
      <c r="E25940" t="s">
        <v>16019</v>
      </c>
      <c r="F25940" t="s">
        <v>16020</v>
      </c>
      <c r="G25940" t="s">
        <v>10734</v>
      </c>
      <c r="H25940" t="s">
        <v>10735</v>
      </c>
      <c r="I25940" s="2">
        <v>1</v>
      </c>
      <c r="J25940" s="2">
        <v>0</v>
      </c>
      <c r="K25940" s="2">
        <v>0</v>
      </c>
      <c r="L25940" t="s">
        <v>120</v>
      </c>
      <c r="M25940" t="s">
        <v>89</v>
      </c>
      <c r="N25940" t="s">
        <v>90</v>
      </c>
      <c r="O25940" t="s">
        <v>85</v>
      </c>
      <c r="P25940" t="s">
        <v>86</v>
      </c>
      <c r="Q25940">
        <v>55</v>
      </c>
      <c r="R25940">
        <v>57</v>
      </c>
      <c r="S25940">
        <v>58</v>
      </c>
      <c r="T25940">
        <v>60</v>
      </c>
      <c r="U25940">
        <v>62</v>
      </c>
      <c r="V25940">
        <v>64</v>
      </c>
      <c r="W25940">
        <v>66</v>
      </c>
      <c r="X25940">
        <v>68</v>
      </c>
      <c r="Y25940">
        <v>69</v>
      </c>
      <c r="Z25940">
        <v>71</v>
      </c>
      <c r="AA25940">
        <v>73</v>
      </c>
      <c r="AB25940">
        <v>75</v>
      </c>
      <c r="AC25940">
        <v>77</v>
      </c>
      <c r="AD25940">
        <v>79</v>
      </c>
      <c r="AE25940">
        <v>81</v>
      </c>
      <c r="AF25940">
        <v>82</v>
      </c>
      <c r="AG25940">
        <v>83</v>
      </c>
      <c r="AH25940">
        <v>84</v>
      </c>
      <c r="AI25940">
        <v>85</v>
      </c>
      <c r="AJ25940">
        <v>86</v>
      </c>
      <c r="AK25940">
        <v>87</v>
      </c>
      <c r="AL25940">
        <v>88</v>
      </c>
      <c r="AM25940">
        <v>90</v>
      </c>
      <c r="AN25940">
        <v>91</v>
      </c>
      <c r="AO25940">
        <v>92</v>
      </c>
      <c r="AP25940">
        <v>93</v>
      </c>
      <c r="AQ25940">
        <v>95</v>
      </c>
    </row>
    <row r="25941" spans="1:43">
      <c r="A25941" t="s">
        <v>16051</v>
      </c>
      <c r="B25941" t="s">
        <v>16052</v>
      </c>
      <c r="C25941" t="s">
        <v>16043</v>
      </c>
      <c r="D25941" t="s">
        <v>16044</v>
      </c>
      <c r="E25941" t="s">
        <v>16019</v>
      </c>
      <c r="F25941" t="s">
        <v>16020</v>
      </c>
      <c r="G25941" t="s">
        <v>10734</v>
      </c>
      <c r="H25941" t="s">
        <v>10735</v>
      </c>
      <c r="I25941" s="2">
        <v>1</v>
      </c>
      <c r="J25941" s="2">
        <v>0</v>
      </c>
      <c r="K25941" s="2">
        <v>0</v>
      </c>
      <c r="L25941" t="s">
        <v>120</v>
      </c>
      <c r="M25941" t="s">
        <v>83</v>
      </c>
      <c r="N25941" t="s">
        <v>91</v>
      </c>
      <c r="O25941" t="s">
        <v>85</v>
      </c>
      <c r="P25941" t="s">
        <v>86</v>
      </c>
      <c r="Q25941">
        <v>55</v>
      </c>
      <c r="R25941">
        <v>57</v>
      </c>
      <c r="S25941">
        <v>58</v>
      </c>
      <c r="T25941">
        <v>59</v>
      </c>
      <c r="U25941">
        <v>61</v>
      </c>
      <c r="V25941">
        <v>62</v>
      </c>
      <c r="W25941">
        <v>64</v>
      </c>
      <c r="X25941">
        <v>65</v>
      </c>
      <c r="Y25941">
        <v>67</v>
      </c>
      <c r="Z25941">
        <v>68</v>
      </c>
      <c r="AA25941">
        <v>70</v>
      </c>
      <c r="AB25941">
        <v>71</v>
      </c>
      <c r="AC25941">
        <v>73</v>
      </c>
      <c r="AD25941">
        <v>74</v>
      </c>
      <c r="AE25941">
        <v>76</v>
      </c>
      <c r="AF25941">
        <v>78</v>
      </c>
      <c r="AG25941">
        <v>80</v>
      </c>
      <c r="AH25941">
        <v>81</v>
      </c>
      <c r="AI25941">
        <v>83</v>
      </c>
      <c r="AJ25941">
        <v>85</v>
      </c>
      <c r="AK25941">
        <v>87</v>
      </c>
      <c r="AL25941">
        <v>89</v>
      </c>
      <c r="AM25941">
        <v>90</v>
      </c>
      <c r="AN25941">
        <v>91</v>
      </c>
      <c r="AO25941">
        <v>92</v>
      </c>
      <c r="AP25941">
        <v>94</v>
      </c>
      <c r="AQ25941">
        <v>95</v>
      </c>
    </row>
    <row r="25942" spans="1:43">
      <c r="A25942" t="s">
        <v>16053</v>
      </c>
      <c r="B25942" t="s">
        <v>16054</v>
      </c>
      <c r="C25942" t="s">
        <v>16055</v>
      </c>
      <c r="D25942" t="s">
        <v>16056</v>
      </c>
      <c r="E25942" t="s">
        <v>16019</v>
      </c>
      <c r="F25942" t="s">
        <v>16020</v>
      </c>
      <c r="G25942" t="s">
        <v>10734</v>
      </c>
      <c r="H25942" t="s">
        <v>10735</v>
      </c>
      <c r="I25942" s="2">
        <v>1</v>
      </c>
      <c r="J25942" s="2">
        <v>0</v>
      </c>
      <c r="K25942" s="2">
        <v>0</v>
      </c>
      <c r="L25942" t="s">
        <v>120</v>
      </c>
      <c r="M25942" t="s">
        <v>83</v>
      </c>
      <c r="N25942" t="s">
        <v>84</v>
      </c>
      <c r="O25942" t="s">
        <v>85</v>
      </c>
      <c r="P25942" t="s">
        <v>86</v>
      </c>
      <c r="Q25942">
        <v>25</v>
      </c>
      <c r="R25942">
        <v>26</v>
      </c>
      <c r="S25942">
        <v>27</v>
      </c>
      <c r="T25942">
        <v>27</v>
      </c>
      <c r="U25942">
        <v>28</v>
      </c>
      <c r="V25942">
        <v>29</v>
      </c>
      <c r="W25942">
        <v>29</v>
      </c>
      <c r="X25942">
        <v>30</v>
      </c>
      <c r="Y25942">
        <v>31</v>
      </c>
      <c r="Z25942">
        <v>31</v>
      </c>
      <c r="AA25942">
        <v>32</v>
      </c>
      <c r="AB25942">
        <v>33</v>
      </c>
      <c r="AC25942">
        <v>33</v>
      </c>
      <c r="AD25942">
        <v>34</v>
      </c>
      <c r="AE25942">
        <v>35</v>
      </c>
      <c r="AF25942">
        <v>36</v>
      </c>
      <c r="AG25942">
        <v>37</v>
      </c>
      <c r="AH25942">
        <v>37</v>
      </c>
      <c r="AI25942">
        <v>38</v>
      </c>
      <c r="AJ25942">
        <v>39</v>
      </c>
      <c r="AK25942">
        <v>40</v>
      </c>
      <c r="AL25942">
        <v>41</v>
      </c>
      <c r="AM25942">
        <v>41</v>
      </c>
      <c r="AN25942">
        <v>42</v>
      </c>
      <c r="AO25942">
        <v>42</v>
      </c>
      <c r="AP25942">
        <v>43</v>
      </c>
      <c r="AQ25942">
        <v>44</v>
      </c>
    </row>
    <row r="25943" spans="1:43">
      <c r="A25943" t="s">
        <v>16053</v>
      </c>
      <c r="B25943" t="s">
        <v>16054</v>
      </c>
      <c r="C25943" t="s">
        <v>16055</v>
      </c>
      <c r="D25943" t="s">
        <v>16056</v>
      </c>
      <c r="E25943" t="s">
        <v>16019</v>
      </c>
      <c r="F25943" t="s">
        <v>16020</v>
      </c>
      <c r="G25943" t="s">
        <v>10734</v>
      </c>
      <c r="H25943" t="s">
        <v>10735</v>
      </c>
      <c r="I25943" s="2">
        <v>1</v>
      </c>
      <c r="J25943" s="2">
        <v>0</v>
      </c>
      <c r="K25943" s="2">
        <v>0</v>
      </c>
      <c r="L25943" t="s">
        <v>120</v>
      </c>
      <c r="M25943" t="s">
        <v>87</v>
      </c>
      <c r="N25943" t="s">
        <v>88</v>
      </c>
      <c r="O25943" t="s">
        <v>85</v>
      </c>
      <c r="P25943" t="s">
        <v>86</v>
      </c>
      <c r="Q25943">
        <v>25</v>
      </c>
      <c r="R25943">
        <v>26</v>
      </c>
      <c r="S25943">
        <v>26</v>
      </c>
      <c r="T25943">
        <v>26</v>
      </c>
      <c r="U25943">
        <v>27</v>
      </c>
      <c r="V25943">
        <v>27</v>
      </c>
      <c r="W25943">
        <v>27</v>
      </c>
      <c r="X25943">
        <v>28</v>
      </c>
      <c r="Y25943">
        <v>28</v>
      </c>
      <c r="Z25943">
        <v>29</v>
      </c>
      <c r="AA25943">
        <v>29</v>
      </c>
      <c r="AB25943">
        <v>30</v>
      </c>
      <c r="AC25943">
        <v>30</v>
      </c>
      <c r="AD25943">
        <v>31</v>
      </c>
      <c r="AE25943">
        <v>31</v>
      </c>
      <c r="AF25943">
        <v>32</v>
      </c>
      <c r="AG25943">
        <v>32</v>
      </c>
      <c r="AH25943">
        <v>33</v>
      </c>
      <c r="AI25943">
        <v>33</v>
      </c>
      <c r="AJ25943">
        <v>34</v>
      </c>
      <c r="AK25943">
        <v>34</v>
      </c>
      <c r="AL25943">
        <v>35</v>
      </c>
      <c r="AM25943">
        <v>35</v>
      </c>
      <c r="AN25943">
        <v>36</v>
      </c>
      <c r="AO25943">
        <v>37</v>
      </c>
      <c r="AP25943">
        <v>37</v>
      </c>
      <c r="AQ25943">
        <v>38</v>
      </c>
    </row>
    <row r="25944" spans="1:43">
      <c r="A25944" t="s">
        <v>16053</v>
      </c>
      <c r="B25944" t="s">
        <v>16054</v>
      </c>
      <c r="C25944" t="s">
        <v>16055</v>
      </c>
      <c r="D25944" t="s">
        <v>16056</v>
      </c>
      <c r="E25944" t="s">
        <v>16019</v>
      </c>
      <c r="F25944" t="s">
        <v>16020</v>
      </c>
      <c r="G25944" t="s">
        <v>10734</v>
      </c>
      <c r="H25944" t="s">
        <v>10735</v>
      </c>
      <c r="I25944" s="2">
        <v>1</v>
      </c>
      <c r="J25944" s="2">
        <v>0</v>
      </c>
      <c r="K25944" s="2">
        <v>0</v>
      </c>
      <c r="L25944" t="s">
        <v>120</v>
      </c>
      <c r="M25944" t="s">
        <v>89</v>
      </c>
      <c r="N25944" t="s">
        <v>90</v>
      </c>
      <c r="O25944" t="s">
        <v>85</v>
      </c>
      <c r="P25944" t="s">
        <v>86</v>
      </c>
      <c r="Q25944">
        <v>25</v>
      </c>
      <c r="R25944">
        <v>25</v>
      </c>
      <c r="S25944">
        <v>26</v>
      </c>
      <c r="T25944">
        <v>27</v>
      </c>
      <c r="U25944">
        <v>28</v>
      </c>
      <c r="V25944">
        <v>29</v>
      </c>
      <c r="W25944">
        <v>30</v>
      </c>
      <c r="X25944">
        <v>31</v>
      </c>
      <c r="Y25944">
        <v>31</v>
      </c>
      <c r="Z25944">
        <v>32</v>
      </c>
      <c r="AA25944">
        <v>33</v>
      </c>
      <c r="AB25944">
        <v>34</v>
      </c>
      <c r="AC25944">
        <v>35</v>
      </c>
      <c r="AD25944">
        <v>36</v>
      </c>
      <c r="AE25944">
        <v>36</v>
      </c>
      <c r="AF25944">
        <v>37</v>
      </c>
      <c r="AG25944">
        <v>38</v>
      </c>
      <c r="AH25944">
        <v>38</v>
      </c>
      <c r="AI25944">
        <v>39</v>
      </c>
      <c r="AJ25944">
        <v>39</v>
      </c>
      <c r="AK25944">
        <v>40</v>
      </c>
      <c r="AL25944">
        <v>40</v>
      </c>
      <c r="AM25944">
        <v>41</v>
      </c>
      <c r="AN25944">
        <v>41</v>
      </c>
      <c r="AO25944">
        <v>42</v>
      </c>
      <c r="AP25944">
        <v>43</v>
      </c>
      <c r="AQ25944">
        <v>43</v>
      </c>
    </row>
    <row r="25945" spans="1:43">
      <c r="A25945" t="s">
        <v>16053</v>
      </c>
      <c r="B25945" t="s">
        <v>16054</v>
      </c>
      <c r="C25945" t="s">
        <v>16055</v>
      </c>
      <c r="D25945" t="s">
        <v>16056</v>
      </c>
      <c r="E25945" t="s">
        <v>16019</v>
      </c>
      <c r="F25945" t="s">
        <v>16020</v>
      </c>
      <c r="G25945" t="s">
        <v>10734</v>
      </c>
      <c r="H25945" t="s">
        <v>10735</v>
      </c>
      <c r="I25945" s="2">
        <v>1</v>
      </c>
      <c r="J25945" s="2">
        <v>0</v>
      </c>
      <c r="K25945" s="2">
        <v>0</v>
      </c>
      <c r="L25945" t="s">
        <v>120</v>
      </c>
      <c r="M25945" t="s">
        <v>83</v>
      </c>
      <c r="N25945" t="s">
        <v>91</v>
      </c>
      <c r="O25945" t="s">
        <v>85</v>
      </c>
      <c r="P25945" t="s">
        <v>86</v>
      </c>
      <c r="Q25945">
        <v>25</v>
      </c>
      <c r="R25945">
        <v>26</v>
      </c>
      <c r="S25945">
        <v>27</v>
      </c>
      <c r="T25945">
        <v>27</v>
      </c>
      <c r="U25945">
        <v>28</v>
      </c>
      <c r="V25945">
        <v>29</v>
      </c>
      <c r="W25945">
        <v>29</v>
      </c>
      <c r="X25945">
        <v>30</v>
      </c>
      <c r="Y25945">
        <v>31</v>
      </c>
      <c r="Z25945">
        <v>31</v>
      </c>
      <c r="AA25945">
        <v>32</v>
      </c>
      <c r="AB25945">
        <v>33</v>
      </c>
      <c r="AC25945">
        <v>33</v>
      </c>
      <c r="AD25945">
        <v>34</v>
      </c>
      <c r="AE25945">
        <v>35</v>
      </c>
      <c r="AF25945">
        <v>36</v>
      </c>
      <c r="AG25945">
        <v>37</v>
      </c>
      <c r="AH25945">
        <v>37</v>
      </c>
      <c r="AI25945">
        <v>38</v>
      </c>
      <c r="AJ25945">
        <v>39</v>
      </c>
      <c r="AK25945">
        <v>40</v>
      </c>
      <c r="AL25945">
        <v>41</v>
      </c>
      <c r="AM25945">
        <v>41</v>
      </c>
      <c r="AN25945">
        <v>42</v>
      </c>
      <c r="AO25945">
        <v>42</v>
      </c>
      <c r="AP25945">
        <v>43</v>
      </c>
      <c r="AQ25945">
        <v>44</v>
      </c>
    </row>
    <row r="25946" spans="1:43">
      <c r="A25946" t="s">
        <v>16057</v>
      </c>
      <c r="B25946" t="s">
        <v>16058</v>
      </c>
      <c r="C25946" t="s">
        <v>16055</v>
      </c>
      <c r="D25946" t="s">
        <v>16056</v>
      </c>
      <c r="E25946" t="s">
        <v>16019</v>
      </c>
      <c r="F25946" t="s">
        <v>16020</v>
      </c>
      <c r="G25946" t="s">
        <v>10734</v>
      </c>
      <c r="H25946" t="s">
        <v>10735</v>
      </c>
      <c r="I25946" s="2">
        <v>1</v>
      </c>
      <c r="J25946" s="2">
        <v>0</v>
      </c>
      <c r="K25946" s="2">
        <v>0</v>
      </c>
      <c r="L25946" t="s">
        <v>120</v>
      </c>
      <c r="M25946" t="s">
        <v>83</v>
      </c>
      <c r="N25946" t="s">
        <v>84</v>
      </c>
      <c r="O25946" t="s">
        <v>85</v>
      </c>
      <c r="P25946" t="s">
        <v>86</v>
      </c>
      <c r="Q25946">
        <v>215</v>
      </c>
      <c r="R25946">
        <v>221</v>
      </c>
      <c r="S25946">
        <v>226</v>
      </c>
      <c r="T25946">
        <v>232</v>
      </c>
      <c r="U25946">
        <v>237</v>
      </c>
      <c r="V25946">
        <v>243</v>
      </c>
      <c r="W25946">
        <v>248</v>
      </c>
      <c r="X25946">
        <v>254</v>
      </c>
      <c r="Y25946">
        <v>260</v>
      </c>
      <c r="Z25946">
        <v>266</v>
      </c>
      <c r="AA25946">
        <v>272</v>
      </c>
      <c r="AB25946">
        <v>278</v>
      </c>
      <c r="AC25946">
        <v>284</v>
      </c>
      <c r="AD25946">
        <v>290</v>
      </c>
      <c r="AE25946">
        <v>297</v>
      </c>
      <c r="AF25946">
        <v>304</v>
      </c>
      <c r="AG25946">
        <v>311</v>
      </c>
      <c r="AH25946">
        <v>318</v>
      </c>
      <c r="AI25946">
        <v>325</v>
      </c>
      <c r="AJ25946">
        <v>332</v>
      </c>
      <c r="AK25946">
        <v>340</v>
      </c>
      <c r="AL25946">
        <v>346</v>
      </c>
      <c r="AM25946">
        <v>351</v>
      </c>
      <c r="AN25946">
        <v>356</v>
      </c>
      <c r="AO25946">
        <v>361</v>
      </c>
      <c r="AP25946">
        <v>366</v>
      </c>
      <c r="AQ25946">
        <v>371</v>
      </c>
    </row>
    <row r="25947" spans="1:43">
      <c r="A25947" t="s">
        <v>16057</v>
      </c>
      <c r="B25947" t="s">
        <v>16058</v>
      </c>
      <c r="C25947" t="s">
        <v>16055</v>
      </c>
      <c r="D25947" t="s">
        <v>16056</v>
      </c>
      <c r="E25947" t="s">
        <v>16019</v>
      </c>
      <c r="F25947" t="s">
        <v>16020</v>
      </c>
      <c r="G25947" t="s">
        <v>10734</v>
      </c>
      <c r="H25947" t="s">
        <v>10735</v>
      </c>
      <c r="I25947" s="2">
        <v>1</v>
      </c>
      <c r="J25947" s="2">
        <v>0</v>
      </c>
      <c r="K25947" s="2">
        <v>0</v>
      </c>
      <c r="L25947" t="s">
        <v>120</v>
      </c>
      <c r="M25947" t="s">
        <v>87</v>
      </c>
      <c r="N25947" t="s">
        <v>88</v>
      </c>
      <c r="O25947" t="s">
        <v>85</v>
      </c>
      <c r="P25947" t="s">
        <v>86</v>
      </c>
      <c r="Q25947">
        <v>215</v>
      </c>
      <c r="R25947">
        <v>218</v>
      </c>
      <c r="S25947">
        <v>222</v>
      </c>
      <c r="T25947">
        <v>225</v>
      </c>
      <c r="U25947">
        <v>229</v>
      </c>
      <c r="V25947">
        <v>232</v>
      </c>
      <c r="W25947">
        <v>235</v>
      </c>
      <c r="X25947">
        <v>239</v>
      </c>
      <c r="Y25947">
        <v>242</v>
      </c>
      <c r="Z25947">
        <v>246</v>
      </c>
      <c r="AA25947">
        <v>250</v>
      </c>
      <c r="AB25947">
        <v>253</v>
      </c>
      <c r="AC25947">
        <v>257</v>
      </c>
      <c r="AD25947">
        <v>261</v>
      </c>
      <c r="AE25947">
        <v>265</v>
      </c>
      <c r="AF25947">
        <v>270</v>
      </c>
      <c r="AG25947">
        <v>274</v>
      </c>
      <c r="AH25947">
        <v>278</v>
      </c>
      <c r="AI25947">
        <v>283</v>
      </c>
      <c r="AJ25947">
        <v>287</v>
      </c>
      <c r="AK25947">
        <v>292</v>
      </c>
      <c r="AL25947">
        <v>297</v>
      </c>
      <c r="AM25947">
        <v>302</v>
      </c>
      <c r="AN25947">
        <v>307</v>
      </c>
      <c r="AO25947">
        <v>312</v>
      </c>
      <c r="AP25947">
        <v>317</v>
      </c>
      <c r="AQ25947">
        <v>323</v>
      </c>
    </row>
    <row r="25948" spans="1:43">
      <c r="A25948" t="s">
        <v>16057</v>
      </c>
      <c r="B25948" t="s">
        <v>16058</v>
      </c>
      <c r="C25948" t="s">
        <v>16055</v>
      </c>
      <c r="D25948" t="s">
        <v>16056</v>
      </c>
      <c r="E25948" t="s">
        <v>16019</v>
      </c>
      <c r="F25948" t="s">
        <v>16020</v>
      </c>
      <c r="G25948" t="s">
        <v>10734</v>
      </c>
      <c r="H25948" t="s">
        <v>10735</v>
      </c>
      <c r="I25948" s="2">
        <v>1</v>
      </c>
      <c r="J25948" s="2">
        <v>0</v>
      </c>
      <c r="K25948" s="2">
        <v>0</v>
      </c>
      <c r="L25948" t="s">
        <v>120</v>
      </c>
      <c r="M25948" t="s">
        <v>89</v>
      </c>
      <c r="N25948" t="s">
        <v>90</v>
      </c>
      <c r="O25948" t="s">
        <v>85</v>
      </c>
      <c r="P25948" t="s">
        <v>86</v>
      </c>
      <c r="Q25948">
        <v>215</v>
      </c>
      <c r="R25948">
        <v>222</v>
      </c>
      <c r="S25948">
        <v>230</v>
      </c>
      <c r="T25948">
        <v>237</v>
      </c>
      <c r="U25948">
        <v>245</v>
      </c>
      <c r="V25948">
        <v>252</v>
      </c>
      <c r="W25948">
        <v>259</v>
      </c>
      <c r="X25948">
        <v>266</v>
      </c>
      <c r="Y25948">
        <v>273</v>
      </c>
      <c r="Z25948">
        <v>280</v>
      </c>
      <c r="AA25948">
        <v>287</v>
      </c>
      <c r="AB25948">
        <v>294</v>
      </c>
      <c r="AC25948">
        <v>302</v>
      </c>
      <c r="AD25948">
        <v>310</v>
      </c>
      <c r="AE25948">
        <v>316</v>
      </c>
      <c r="AF25948">
        <v>321</v>
      </c>
      <c r="AG25948">
        <v>325</v>
      </c>
      <c r="AH25948">
        <v>330</v>
      </c>
      <c r="AI25948">
        <v>334</v>
      </c>
      <c r="AJ25948">
        <v>339</v>
      </c>
      <c r="AK25948">
        <v>344</v>
      </c>
      <c r="AL25948">
        <v>348</v>
      </c>
      <c r="AM25948">
        <v>353</v>
      </c>
      <c r="AN25948">
        <v>358</v>
      </c>
      <c r="AO25948">
        <v>363</v>
      </c>
      <c r="AP25948">
        <v>369</v>
      </c>
      <c r="AQ25948">
        <v>374</v>
      </c>
    </row>
    <row r="25949" spans="1:43">
      <c r="A25949" t="s">
        <v>16057</v>
      </c>
      <c r="B25949" t="s">
        <v>16058</v>
      </c>
      <c r="C25949" t="s">
        <v>16055</v>
      </c>
      <c r="D25949" t="s">
        <v>16056</v>
      </c>
      <c r="E25949" t="s">
        <v>16019</v>
      </c>
      <c r="F25949" t="s">
        <v>16020</v>
      </c>
      <c r="G25949" t="s">
        <v>10734</v>
      </c>
      <c r="H25949" t="s">
        <v>10735</v>
      </c>
      <c r="I25949" s="2">
        <v>1</v>
      </c>
      <c r="J25949" s="2">
        <v>0</v>
      </c>
      <c r="K25949" s="2">
        <v>0</v>
      </c>
      <c r="L25949" t="s">
        <v>120</v>
      </c>
      <c r="M25949" t="s">
        <v>83</v>
      </c>
      <c r="N25949" t="s">
        <v>91</v>
      </c>
      <c r="O25949" t="s">
        <v>85</v>
      </c>
      <c r="P25949" t="s">
        <v>86</v>
      </c>
      <c r="Q25949">
        <v>215</v>
      </c>
      <c r="R25949">
        <v>221</v>
      </c>
      <c r="S25949">
        <v>226</v>
      </c>
      <c r="T25949">
        <v>232</v>
      </c>
      <c r="U25949">
        <v>237</v>
      </c>
      <c r="V25949">
        <v>243</v>
      </c>
      <c r="W25949">
        <v>248</v>
      </c>
      <c r="X25949">
        <v>254</v>
      </c>
      <c r="Y25949">
        <v>260</v>
      </c>
      <c r="Z25949">
        <v>266</v>
      </c>
      <c r="AA25949">
        <v>272</v>
      </c>
      <c r="AB25949">
        <v>278</v>
      </c>
      <c r="AC25949">
        <v>284</v>
      </c>
      <c r="AD25949">
        <v>290</v>
      </c>
      <c r="AE25949">
        <v>297</v>
      </c>
      <c r="AF25949">
        <v>304</v>
      </c>
      <c r="AG25949">
        <v>311</v>
      </c>
      <c r="AH25949">
        <v>318</v>
      </c>
      <c r="AI25949">
        <v>325</v>
      </c>
      <c r="AJ25949">
        <v>332</v>
      </c>
      <c r="AK25949">
        <v>340</v>
      </c>
      <c r="AL25949">
        <v>346</v>
      </c>
      <c r="AM25949">
        <v>351</v>
      </c>
      <c r="AN25949">
        <v>356</v>
      </c>
      <c r="AO25949">
        <v>361</v>
      </c>
      <c r="AP25949">
        <v>366</v>
      </c>
      <c r="AQ25949">
        <v>371</v>
      </c>
    </row>
    <row r="25950" spans="1:43">
      <c r="A25950" t="s">
        <v>16059</v>
      </c>
      <c r="B25950" t="s">
        <v>16060</v>
      </c>
      <c r="C25950" t="s">
        <v>16055</v>
      </c>
      <c r="D25950" t="s">
        <v>16056</v>
      </c>
      <c r="E25950" t="s">
        <v>16019</v>
      </c>
      <c r="F25950" t="s">
        <v>16020</v>
      </c>
      <c r="G25950" t="s">
        <v>10734</v>
      </c>
      <c r="H25950" t="s">
        <v>10735</v>
      </c>
      <c r="I25950" s="2">
        <v>1</v>
      </c>
      <c r="J25950" s="2">
        <v>0</v>
      </c>
      <c r="K25950" s="2">
        <v>0</v>
      </c>
      <c r="L25950" t="s">
        <v>120</v>
      </c>
      <c r="M25950" t="s">
        <v>83</v>
      </c>
      <c r="N25950" t="s">
        <v>84</v>
      </c>
      <c r="O25950" t="s">
        <v>85</v>
      </c>
      <c r="P25950" t="s">
        <v>86</v>
      </c>
      <c r="Q25950">
        <v>40</v>
      </c>
      <c r="R25950">
        <v>41</v>
      </c>
      <c r="S25950">
        <v>43</v>
      </c>
      <c r="T25950">
        <v>44</v>
      </c>
      <c r="U25950">
        <v>45</v>
      </c>
      <c r="V25950">
        <v>46</v>
      </c>
      <c r="W25950">
        <v>47</v>
      </c>
      <c r="X25950">
        <v>48</v>
      </c>
      <c r="Y25950">
        <v>49</v>
      </c>
      <c r="Z25950">
        <v>50</v>
      </c>
      <c r="AA25950">
        <v>51</v>
      </c>
      <c r="AB25950">
        <v>52</v>
      </c>
      <c r="AC25950">
        <v>53</v>
      </c>
      <c r="AD25950">
        <v>55</v>
      </c>
      <c r="AE25950">
        <v>56</v>
      </c>
      <c r="AF25950">
        <v>57</v>
      </c>
      <c r="AG25950">
        <v>58</v>
      </c>
      <c r="AH25950">
        <v>60</v>
      </c>
      <c r="AI25950">
        <v>61</v>
      </c>
      <c r="AJ25950">
        <v>62</v>
      </c>
      <c r="AK25950">
        <v>64</v>
      </c>
      <c r="AL25950">
        <v>65</v>
      </c>
      <c r="AM25950">
        <v>66</v>
      </c>
      <c r="AN25950">
        <v>67</v>
      </c>
      <c r="AO25950">
        <v>68</v>
      </c>
      <c r="AP25950">
        <v>69</v>
      </c>
      <c r="AQ25950">
        <v>70</v>
      </c>
    </row>
    <row r="25951" spans="1:43">
      <c r="A25951" t="s">
        <v>16059</v>
      </c>
      <c r="B25951" t="s">
        <v>16060</v>
      </c>
      <c r="C25951" t="s">
        <v>16055</v>
      </c>
      <c r="D25951" t="s">
        <v>16056</v>
      </c>
      <c r="E25951" t="s">
        <v>16019</v>
      </c>
      <c r="F25951" t="s">
        <v>16020</v>
      </c>
      <c r="G25951" t="s">
        <v>10734</v>
      </c>
      <c r="H25951" t="s">
        <v>10735</v>
      </c>
      <c r="I25951" s="2">
        <v>1</v>
      </c>
      <c r="J25951" s="2">
        <v>0</v>
      </c>
      <c r="K25951" s="2">
        <v>0</v>
      </c>
      <c r="L25951" t="s">
        <v>120</v>
      </c>
      <c r="M25951" t="s">
        <v>87</v>
      </c>
      <c r="N25951" t="s">
        <v>88</v>
      </c>
      <c r="O25951" t="s">
        <v>85</v>
      </c>
      <c r="P25951" t="s">
        <v>86</v>
      </c>
      <c r="Q25951">
        <v>40</v>
      </c>
      <c r="R25951">
        <v>41</v>
      </c>
      <c r="S25951">
        <v>41</v>
      </c>
      <c r="T25951">
        <v>42</v>
      </c>
      <c r="U25951">
        <v>43</v>
      </c>
      <c r="V25951">
        <v>43</v>
      </c>
      <c r="W25951">
        <v>44</v>
      </c>
      <c r="X25951">
        <v>44</v>
      </c>
      <c r="Y25951">
        <v>45</v>
      </c>
      <c r="Z25951">
        <v>46</v>
      </c>
      <c r="AA25951">
        <v>47</v>
      </c>
      <c r="AB25951">
        <v>47</v>
      </c>
      <c r="AC25951">
        <v>48</v>
      </c>
      <c r="AD25951">
        <v>49</v>
      </c>
      <c r="AE25951">
        <v>49</v>
      </c>
      <c r="AF25951">
        <v>50</v>
      </c>
      <c r="AG25951">
        <v>51</v>
      </c>
      <c r="AH25951">
        <v>52</v>
      </c>
      <c r="AI25951">
        <v>53</v>
      </c>
      <c r="AJ25951">
        <v>54</v>
      </c>
      <c r="AK25951">
        <v>54</v>
      </c>
      <c r="AL25951">
        <v>55</v>
      </c>
      <c r="AM25951">
        <v>56</v>
      </c>
      <c r="AN25951">
        <v>57</v>
      </c>
      <c r="AO25951">
        <v>58</v>
      </c>
      <c r="AP25951">
        <v>59</v>
      </c>
      <c r="AQ25951">
        <v>60</v>
      </c>
    </row>
    <row r="25952" spans="1:43">
      <c r="A25952" t="s">
        <v>16059</v>
      </c>
      <c r="B25952" t="s">
        <v>16060</v>
      </c>
      <c r="C25952" t="s">
        <v>16055</v>
      </c>
      <c r="D25952" t="s">
        <v>16056</v>
      </c>
      <c r="E25952" t="s">
        <v>16019</v>
      </c>
      <c r="F25952" t="s">
        <v>16020</v>
      </c>
      <c r="G25952" t="s">
        <v>10734</v>
      </c>
      <c r="H25952" t="s">
        <v>10735</v>
      </c>
      <c r="I25952" s="2">
        <v>1</v>
      </c>
      <c r="J25952" s="2">
        <v>0</v>
      </c>
      <c r="K25952" s="2">
        <v>0</v>
      </c>
      <c r="L25952" t="s">
        <v>120</v>
      </c>
      <c r="M25952" t="s">
        <v>89</v>
      </c>
      <c r="N25952" t="s">
        <v>90</v>
      </c>
      <c r="O25952" t="s">
        <v>85</v>
      </c>
      <c r="P25952" t="s">
        <v>86</v>
      </c>
      <c r="Q25952">
        <v>40</v>
      </c>
      <c r="R25952">
        <v>41</v>
      </c>
      <c r="S25952">
        <v>43</v>
      </c>
      <c r="T25952">
        <v>44</v>
      </c>
      <c r="U25952">
        <v>45</v>
      </c>
      <c r="V25952">
        <v>47</v>
      </c>
      <c r="W25952">
        <v>48</v>
      </c>
      <c r="X25952">
        <v>49</v>
      </c>
      <c r="Y25952">
        <v>51</v>
      </c>
      <c r="Z25952">
        <v>52</v>
      </c>
      <c r="AA25952">
        <v>53</v>
      </c>
      <c r="AB25952">
        <v>55</v>
      </c>
      <c r="AC25952">
        <v>56</v>
      </c>
      <c r="AD25952">
        <v>58</v>
      </c>
      <c r="AE25952">
        <v>59</v>
      </c>
      <c r="AF25952">
        <v>60</v>
      </c>
      <c r="AG25952">
        <v>60</v>
      </c>
      <c r="AH25952">
        <v>61</v>
      </c>
      <c r="AI25952">
        <v>62</v>
      </c>
      <c r="AJ25952">
        <v>63</v>
      </c>
      <c r="AK25952">
        <v>64</v>
      </c>
      <c r="AL25952">
        <v>65</v>
      </c>
      <c r="AM25952">
        <v>65</v>
      </c>
      <c r="AN25952">
        <v>66</v>
      </c>
      <c r="AO25952">
        <v>67</v>
      </c>
      <c r="AP25952">
        <v>68</v>
      </c>
      <c r="AQ25952">
        <v>69</v>
      </c>
    </row>
    <row r="25953" spans="1:43">
      <c r="A25953" t="s">
        <v>16059</v>
      </c>
      <c r="B25953" t="s">
        <v>16060</v>
      </c>
      <c r="C25953" t="s">
        <v>16055</v>
      </c>
      <c r="D25953" t="s">
        <v>16056</v>
      </c>
      <c r="E25953" t="s">
        <v>16019</v>
      </c>
      <c r="F25953" t="s">
        <v>16020</v>
      </c>
      <c r="G25953" t="s">
        <v>10734</v>
      </c>
      <c r="H25953" t="s">
        <v>10735</v>
      </c>
      <c r="I25953" s="2">
        <v>1</v>
      </c>
      <c r="J25953" s="2">
        <v>0</v>
      </c>
      <c r="K25953" s="2">
        <v>0</v>
      </c>
      <c r="L25953" t="s">
        <v>120</v>
      </c>
      <c r="M25953" t="s">
        <v>83</v>
      </c>
      <c r="N25953" t="s">
        <v>91</v>
      </c>
      <c r="O25953" t="s">
        <v>85</v>
      </c>
      <c r="P25953" t="s">
        <v>86</v>
      </c>
      <c r="Q25953">
        <v>40</v>
      </c>
      <c r="R25953">
        <v>41</v>
      </c>
      <c r="S25953">
        <v>43</v>
      </c>
      <c r="T25953">
        <v>44</v>
      </c>
      <c r="U25953">
        <v>45</v>
      </c>
      <c r="V25953">
        <v>46</v>
      </c>
      <c r="W25953">
        <v>47</v>
      </c>
      <c r="X25953">
        <v>48</v>
      </c>
      <c r="Y25953">
        <v>49</v>
      </c>
      <c r="Z25953">
        <v>50</v>
      </c>
      <c r="AA25953">
        <v>51</v>
      </c>
      <c r="AB25953">
        <v>52</v>
      </c>
      <c r="AC25953">
        <v>53</v>
      </c>
      <c r="AD25953">
        <v>55</v>
      </c>
      <c r="AE25953">
        <v>56</v>
      </c>
      <c r="AF25953">
        <v>57</v>
      </c>
      <c r="AG25953">
        <v>58</v>
      </c>
      <c r="AH25953">
        <v>60</v>
      </c>
      <c r="AI25953">
        <v>61</v>
      </c>
      <c r="AJ25953">
        <v>62</v>
      </c>
      <c r="AK25953">
        <v>64</v>
      </c>
      <c r="AL25953">
        <v>65</v>
      </c>
      <c r="AM25953">
        <v>66</v>
      </c>
      <c r="AN25953">
        <v>67</v>
      </c>
      <c r="AO25953">
        <v>68</v>
      </c>
      <c r="AP25953">
        <v>69</v>
      </c>
      <c r="AQ25953">
        <v>70</v>
      </c>
    </row>
    <row r="25954" spans="1:43">
      <c r="A25954" t="s">
        <v>16061</v>
      </c>
      <c r="B25954" t="s">
        <v>16062</v>
      </c>
      <c r="C25954" t="s">
        <v>16055</v>
      </c>
      <c r="D25954" t="s">
        <v>16056</v>
      </c>
      <c r="E25954" t="s">
        <v>16019</v>
      </c>
      <c r="F25954" t="s">
        <v>16020</v>
      </c>
      <c r="G25954" t="s">
        <v>10734</v>
      </c>
      <c r="H25954" t="s">
        <v>10735</v>
      </c>
      <c r="I25954" s="2">
        <v>1</v>
      </c>
      <c r="J25954" s="2">
        <v>0</v>
      </c>
      <c r="K25954" s="2">
        <v>0</v>
      </c>
      <c r="L25954" t="s">
        <v>120</v>
      </c>
      <c r="M25954" t="s">
        <v>83</v>
      </c>
      <c r="N25954" t="s">
        <v>84</v>
      </c>
      <c r="O25954" t="s">
        <v>85</v>
      </c>
      <c r="P25954" t="s">
        <v>86</v>
      </c>
      <c r="Q25954">
        <v>10</v>
      </c>
      <c r="R25954">
        <v>10</v>
      </c>
      <c r="S25954">
        <v>11</v>
      </c>
      <c r="T25954">
        <v>11</v>
      </c>
      <c r="U25954">
        <v>11</v>
      </c>
      <c r="V25954">
        <v>12</v>
      </c>
      <c r="W25954">
        <v>12</v>
      </c>
      <c r="X25954">
        <v>12</v>
      </c>
      <c r="Y25954">
        <v>12</v>
      </c>
      <c r="Z25954">
        <v>13</v>
      </c>
      <c r="AA25954">
        <v>13</v>
      </c>
      <c r="AB25954">
        <v>13</v>
      </c>
      <c r="AC25954">
        <v>13</v>
      </c>
      <c r="AD25954">
        <v>14</v>
      </c>
      <c r="AE25954">
        <v>14</v>
      </c>
      <c r="AF25954">
        <v>14</v>
      </c>
      <c r="AG25954">
        <v>15</v>
      </c>
      <c r="AH25954">
        <v>15</v>
      </c>
      <c r="AI25954">
        <v>15</v>
      </c>
      <c r="AJ25954">
        <v>16</v>
      </c>
      <c r="AK25954">
        <v>16</v>
      </c>
      <c r="AL25954">
        <v>16</v>
      </c>
      <c r="AM25954">
        <v>17</v>
      </c>
      <c r="AN25954">
        <v>17</v>
      </c>
      <c r="AO25954">
        <v>17</v>
      </c>
      <c r="AP25954">
        <v>17</v>
      </c>
      <c r="AQ25954">
        <v>18</v>
      </c>
    </row>
    <row r="25955" spans="1:43">
      <c r="A25955" t="s">
        <v>16061</v>
      </c>
      <c r="B25955" t="s">
        <v>16062</v>
      </c>
      <c r="C25955" t="s">
        <v>16055</v>
      </c>
      <c r="D25955" t="s">
        <v>16056</v>
      </c>
      <c r="E25955" t="s">
        <v>16019</v>
      </c>
      <c r="F25955" t="s">
        <v>16020</v>
      </c>
      <c r="G25955" t="s">
        <v>10734</v>
      </c>
      <c r="H25955" t="s">
        <v>10735</v>
      </c>
      <c r="I25955" s="2">
        <v>1</v>
      </c>
      <c r="J25955" s="2">
        <v>0</v>
      </c>
      <c r="K25955" s="2">
        <v>0</v>
      </c>
      <c r="L25955" t="s">
        <v>120</v>
      </c>
      <c r="M25955" t="s">
        <v>87</v>
      </c>
      <c r="N25955" t="s">
        <v>88</v>
      </c>
      <c r="O25955" t="s">
        <v>85</v>
      </c>
      <c r="P25955" t="s">
        <v>86</v>
      </c>
      <c r="Q25955">
        <v>10</v>
      </c>
      <c r="R25955">
        <v>10</v>
      </c>
      <c r="S25955">
        <v>10</v>
      </c>
      <c r="T25955">
        <v>11</v>
      </c>
      <c r="U25955">
        <v>11</v>
      </c>
      <c r="V25955">
        <v>11</v>
      </c>
      <c r="W25955">
        <v>11</v>
      </c>
      <c r="X25955">
        <v>11</v>
      </c>
      <c r="Y25955">
        <v>11</v>
      </c>
      <c r="Z25955">
        <v>12</v>
      </c>
      <c r="AA25955">
        <v>12</v>
      </c>
      <c r="AB25955">
        <v>12</v>
      </c>
      <c r="AC25955">
        <v>12</v>
      </c>
      <c r="AD25955">
        <v>12</v>
      </c>
      <c r="AE25955">
        <v>12</v>
      </c>
      <c r="AF25955">
        <v>13</v>
      </c>
      <c r="AG25955">
        <v>13</v>
      </c>
      <c r="AH25955">
        <v>13</v>
      </c>
      <c r="AI25955">
        <v>13</v>
      </c>
      <c r="AJ25955">
        <v>14</v>
      </c>
      <c r="AK25955">
        <v>14</v>
      </c>
      <c r="AL25955">
        <v>14</v>
      </c>
      <c r="AM25955">
        <v>14</v>
      </c>
      <c r="AN25955">
        <v>14</v>
      </c>
      <c r="AO25955">
        <v>15</v>
      </c>
      <c r="AP25955">
        <v>15</v>
      </c>
      <c r="AQ25955">
        <v>15</v>
      </c>
    </row>
    <row r="25956" spans="1:43">
      <c r="A25956" t="s">
        <v>16061</v>
      </c>
      <c r="B25956" t="s">
        <v>16062</v>
      </c>
      <c r="C25956" t="s">
        <v>16055</v>
      </c>
      <c r="D25956" t="s">
        <v>16056</v>
      </c>
      <c r="E25956" t="s">
        <v>16019</v>
      </c>
      <c r="F25956" t="s">
        <v>16020</v>
      </c>
      <c r="G25956" t="s">
        <v>10734</v>
      </c>
      <c r="H25956" t="s">
        <v>10735</v>
      </c>
      <c r="I25956" s="2">
        <v>1</v>
      </c>
      <c r="J25956" s="2">
        <v>0</v>
      </c>
      <c r="K25956" s="2">
        <v>0</v>
      </c>
      <c r="L25956" t="s">
        <v>120</v>
      </c>
      <c r="M25956" t="s">
        <v>89</v>
      </c>
      <c r="N25956" t="s">
        <v>90</v>
      </c>
      <c r="O25956" t="s">
        <v>85</v>
      </c>
      <c r="P25956" t="s">
        <v>86</v>
      </c>
      <c r="Q25956">
        <v>10</v>
      </c>
      <c r="R25956">
        <v>11</v>
      </c>
      <c r="S25956">
        <v>11</v>
      </c>
      <c r="T25956">
        <v>11</v>
      </c>
      <c r="U25956">
        <v>12</v>
      </c>
      <c r="V25956">
        <v>12</v>
      </c>
      <c r="W25956">
        <v>12</v>
      </c>
      <c r="X25956">
        <v>13</v>
      </c>
      <c r="Y25956">
        <v>13</v>
      </c>
      <c r="Z25956">
        <v>13</v>
      </c>
      <c r="AA25956">
        <v>14</v>
      </c>
      <c r="AB25956">
        <v>14</v>
      </c>
      <c r="AC25956">
        <v>14</v>
      </c>
      <c r="AD25956">
        <v>15</v>
      </c>
      <c r="AE25956">
        <v>15</v>
      </c>
      <c r="AF25956">
        <v>15</v>
      </c>
      <c r="AG25956">
        <v>16</v>
      </c>
      <c r="AH25956">
        <v>16</v>
      </c>
      <c r="AI25956">
        <v>16</v>
      </c>
      <c r="AJ25956">
        <v>16</v>
      </c>
      <c r="AK25956">
        <v>16</v>
      </c>
      <c r="AL25956">
        <v>17</v>
      </c>
      <c r="AM25956">
        <v>17</v>
      </c>
      <c r="AN25956">
        <v>17</v>
      </c>
      <c r="AO25956">
        <v>17</v>
      </c>
      <c r="AP25956">
        <v>17</v>
      </c>
      <c r="AQ25956">
        <v>18</v>
      </c>
    </row>
    <row r="25957" spans="1:43">
      <c r="A25957" t="s">
        <v>16061</v>
      </c>
      <c r="B25957" t="s">
        <v>16062</v>
      </c>
      <c r="C25957" t="s">
        <v>16055</v>
      </c>
      <c r="D25957" t="s">
        <v>16056</v>
      </c>
      <c r="E25957" t="s">
        <v>16019</v>
      </c>
      <c r="F25957" t="s">
        <v>16020</v>
      </c>
      <c r="G25957" t="s">
        <v>10734</v>
      </c>
      <c r="H25957" t="s">
        <v>10735</v>
      </c>
      <c r="I25957" s="2">
        <v>1</v>
      </c>
      <c r="J25957" s="2">
        <v>0</v>
      </c>
      <c r="K25957" s="2">
        <v>0</v>
      </c>
      <c r="L25957" t="s">
        <v>120</v>
      </c>
      <c r="M25957" t="s">
        <v>83</v>
      </c>
      <c r="N25957" t="s">
        <v>91</v>
      </c>
      <c r="O25957" t="s">
        <v>85</v>
      </c>
      <c r="P25957" t="s">
        <v>86</v>
      </c>
      <c r="Q25957">
        <v>10</v>
      </c>
      <c r="R25957">
        <v>10</v>
      </c>
      <c r="S25957">
        <v>11</v>
      </c>
      <c r="T25957">
        <v>11</v>
      </c>
      <c r="U25957">
        <v>11</v>
      </c>
      <c r="V25957">
        <v>12</v>
      </c>
      <c r="W25957">
        <v>12</v>
      </c>
      <c r="X25957">
        <v>12</v>
      </c>
      <c r="Y25957">
        <v>12</v>
      </c>
      <c r="Z25957">
        <v>13</v>
      </c>
      <c r="AA25957">
        <v>13</v>
      </c>
      <c r="AB25957">
        <v>13</v>
      </c>
      <c r="AC25957">
        <v>13</v>
      </c>
      <c r="AD25957">
        <v>14</v>
      </c>
      <c r="AE25957">
        <v>14</v>
      </c>
      <c r="AF25957">
        <v>14</v>
      </c>
      <c r="AG25957">
        <v>15</v>
      </c>
      <c r="AH25957">
        <v>15</v>
      </c>
      <c r="AI25957">
        <v>15</v>
      </c>
      <c r="AJ25957">
        <v>16</v>
      </c>
      <c r="AK25957">
        <v>16</v>
      </c>
      <c r="AL25957">
        <v>16</v>
      </c>
      <c r="AM25957">
        <v>17</v>
      </c>
      <c r="AN25957">
        <v>17</v>
      </c>
      <c r="AO25957">
        <v>17</v>
      </c>
      <c r="AP25957">
        <v>17</v>
      </c>
      <c r="AQ25957">
        <v>18</v>
      </c>
    </row>
    <row r="25958" spans="1:43">
      <c r="A25958" t="s">
        <v>16063</v>
      </c>
      <c r="B25958" t="s">
        <v>16064</v>
      </c>
      <c r="C25958" t="s">
        <v>16065</v>
      </c>
      <c r="D25958" t="s">
        <v>16066</v>
      </c>
      <c r="E25958" t="s">
        <v>16019</v>
      </c>
      <c r="F25958" t="s">
        <v>16020</v>
      </c>
      <c r="G25958" t="s">
        <v>10734</v>
      </c>
      <c r="H25958" t="s">
        <v>10735</v>
      </c>
      <c r="I25958" s="2">
        <v>1</v>
      </c>
      <c r="J25958" s="2">
        <v>0</v>
      </c>
      <c r="K25958" s="2">
        <v>0</v>
      </c>
      <c r="L25958" t="s">
        <v>120</v>
      </c>
      <c r="M25958" t="s">
        <v>83</v>
      </c>
      <c r="N25958" t="s">
        <v>84</v>
      </c>
      <c r="O25958" t="s">
        <v>85</v>
      </c>
      <c r="P25958" t="s">
        <v>86</v>
      </c>
      <c r="Q25958">
        <v>8</v>
      </c>
      <c r="R25958">
        <v>8</v>
      </c>
      <c r="S25958">
        <v>8</v>
      </c>
      <c r="T25958">
        <v>9</v>
      </c>
      <c r="U25958">
        <v>9</v>
      </c>
      <c r="V25958">
        <v>9</v>
      </c>
      <c r="W25958">
        <v>9</v>
      </c>
      <c r="X25958">
        <v>9</v>
      </c>
      <c r="Y25958">
        <v>10</v>
      </c>
      <c r="Z25958">
        <v>10</v>
      </c>
      <c r="AA25958">
        <v>10</v>
      </c>
      <c r="AB25958">
        <v>10</v>
      </c>
      <c r="AC25958">
        <v>11</v>
      </c>
      <c r="AD25958">
        <v>11</v>
      </c>
      <c r="AE25958">
        <v>11</v>
      </c>
      <c r="AF25958">
        <v>11</v>
      </c>
      <c r="AG25958">
        <v>12</v>
      </c>
      <c r="AH25958">
        <v>12</v>
      </c>
      <c r="AI25958">
        <v>12</v>
      </c>
      <c r="AJ25958">
        <v>12</v>
      </c>
      <c r="AK25958">
        <v>13</v>
      </c>
      <c r="AL25958">
        <v>13</v>
      </c>
      <c r="AM25958">
        <v>13</v>
      </c>
      <c r="AN25958">
        <v>13</v>
      </c>
      <c r="AO25958">
        <v>13</v>
      </c>
      <c r="AP25958">
        <v>14</v>
      </c>
      <c r="AQ25958">
        <v>14</v>
      </c>
    </row>
    <row r="25959" spans="1:43">
      <c r="A25959" t="s">
        <v>16063</v>
      </c>
      <c r="B25959" t="s">
        <v>16064</v>
      </c>
      <c r="C25959" t="s">
        <v>16065</v>
      </c>
      <c r="D25959" t="s">
        <v>16066</v>
      </c>
      <c r="E25959" t="s">
        <v>16019</v>
      </c>
      <c r="F25959" t="s">
        <v>16020</v>
      </c>
      <c r="G25959" t="s">
        <v>10734</v>
      </c>
      <c r="H25959" t="s">
        <v>10735</v>
      </c>
      <c r="I25959" s="2">
        <v>1</v>
      </c>
      <c r="J25959" s="2">
        <v>0</v>
      </c>
      <c r="K25959" s="2">
        <v>0</v>
      </c>
      <c r="L25959" t="s">
        <v>120</v>
      </c>
      <c r="M25959" t="s">
        <v>87</v>
      </c>
      <c r="N25959" t="s">
        <v>88</v>
      </c>
      <c r="O25959" t="s">
        <v>85</v>
      </c>
      <c r="P25959" t="s">
        <v>86</v>
      </c>
      <c r="Q25959">
        <v>8</v>
      </c>
      <c r="R25959">
        <v>8</v>
      </c>
      <c r="S25959">
        <v>8</v>
      </c>
      <c r="T25959">
        <v>8</v>
      </c>
      <c r="U25959">
        <v>8</v>
      </c>
      <c r="V25959">
        <v>9</v>
      </c>
      <c r="W25959">
        <v>9</v>
      </c>
      <c r="X25959">
        <v>9</v>
      </c>
      <c r="Y25959">
        <v>9</v>
      </c>
      <c r="Z25959">
        <v>9</v>
      </c>
      <c r="AA25959">
        <v>9</v>
      </c>
      <c r="AB25959">
        <v>9</v>
      </c>
      <c r="AC25959">
        <v>10</v>
      </c>
      <c r="AD25959">
        <v>10</v>
      </c>
      <c r="AE25959">
        <v>10</v>
      </c>
      <c r="AF25959">
        <v>10</v>
      </c>
      <c r="AG25959">
        <v>10</v>
      </c>
      <c r="AH25959">
        <v>10</v>
      </c>
      <c r="AI25959">
        <v>10</v>
      </c>
      <c r="AJ25959">
        <v>11</v>
      </c>
      <c r="AK25959">
        <v>11</v>
      </c>
      <c r="AL25959">
        <v>11</v>
      </c>
      <c r="AM25959">
        <v>11</v>
      </c>
      <c r="AN25959">
        <v>11</v>
      </c>
      <c r="AO25959">
        <v>12</v>
      </c>
      <c r="AP25959">
        <v>12</v>
      </c>
      <c r="AQ25959">
        <v>12</v>
      </c>
    </row>
    <row r="25960" spans="1:43">
      <c r="A25960" t="s">
        <v>16063</v>
      </c>
      <c r="B25960" t="s">
        <v>16064</v>
      </c>
      <c r="C25960" t="s">
        <v>16065</v>
      </c>
      <c r="D25960" t="s">
        <v>16066</v>
      </c>
      <c r="E25960" t="s">
        <v>16019</v>
      </c>
      <c r="F25960" t="s">
        <v>16020</v>
      </c>
      <c r="G25960" t="s">
        <v>10734</v>
      </c>
      <c r="H25960" t="s">
        <v>10735</v>
      </c>
      <c r="I25960" s="2">
        <v>1</v>
      </c>
      <c r="J25960" s="2">
        <v>0</v>
      </c>
      <c r="K25960" s="2">
        <v>0</v>
      </c>
      <c r="L25960" t="s">
        <v>120</v>
      </c>
      <c r="M25960" t="s">
        <v>89</v>
      </c>
      <c r="N25960" t="s">
        <v>90</v>
      </c>
      <c r="O25960" t="s">
        <v>85</v>
      </c>
      <c r="P25960" t="s">
        <v>86</v>
      </c>
      <c r="Q25960">
        <v>8</v>
      </c>
      <c r="R25960">
        <v>8</v>
      </c>
      <c r="S25960">
        <v>9</v>
      </c>
      <c r="T25960">
        <v>9</v>
      </c>
      <c r="U25960">
        <v>9</v>
      </c>
      <c r="V25960">
        <v>9</v>
      </c>
      <c r="W25960">
        <v>10</v>
      </c>
      <c r="X25960">
        <v>10</v>
      </c>
      <c r="Y25960">
        <v>10</v>
      </c>
      <c r="Z25960">
        <v>11</v>
      </c>
      <c r="AA25960">
        <v>11</v>
      </c>
      <c r="AB25960">
        <v>11</v>
      </c>
      <c r="AC25960">
        <v>11</v>
      </c>
      <c r="AD25960">
        <v>12</v>
      </c>
      <c r="AE25960">
        <v>12</v>
      </c>
      <c r="AF25960">
        <v>12</v>
      </c>
      <c r="AG25960">
        <v>12</v>
      </c>
      <c r="AH25960">
        <v>12</v>
      </c>
      <c r="AI25960">
        <v>12</v>
      </c>
      <c r="AJ25960">
        <v>13</v>
      </c>
      <c r="AK25960">
        <v>13</v>
      </c>
      <c r="AL25960">
        <v>13</v>
      </c>
      <c r="AM25960">
        <v>13</v>
      </c>
      <c r="AN25960">
        <v>13</v>
      </c>
      <c r="AO25960">
        <v>13</v>
      </c>
      <c r="AP25960">
        <v>14</v>
      </c>
      <c r="AQ25960">
        <v>14</v>
      </c>
    </row>
    <row r="25961" spans="1:43">
      <c r="A25961" t="s">
        <v>16063</v>
      </c>
      <c r="B25961" t="s">
        <v>16064</v>
      </c>
      <c r="C25961" t="s">
        <v>16065</v>
      </c>
      <c r="D25961" t="s">
        <v>16066</v>
      </c>
      <c r="E25961" t="s">
        <v>16019</v>
      </c>
      <c r="F25961" t="s">
        <v>16020</v>
      </c>
      <c r="G25961" t="s">
        <v>10734</v>
      </c>
      <c r="H25961" t="s">
        <v>10735</v>
      </c>
      <c r="I25961" s="2">
        <v>1</v>
      </c>
      <c r="J25961" s="2">
        <v>0</v>
      </c>
      <c r="K25961" s="2">
        <v>0</v>
      </c>
      <c r="L25961" t="s">
        <v>120</v>
      </c>
      <c r="M25961" t="s">
        <v>83</v>
      </c>
      <c r="N25961" t="s">
        <v>91</v>
      </c>
      <c r="O25961" t="s">
        <v>85</v>
      </c>
      <c r="P25961" t="s">
        <v>86</v>
      </c>
      <c r="Q25961">
        <v>8</v>
      </c>
      <c r="R25961">
        <v>8</v>
      </c>
      <c r="S25961">
        <v>8</v>
      </c>
      <c r="T25961">
        <v>9</v>
      </c>
      <c r="U25961">
        <v>9</v>
      </c>
      <c r="V25961">
        <v>9</v>
      </c>
      <c r="W25961">
        <v>9</v>
      </c>
      <c r="X25961">
        <v>9</v>
      </c>
      <c r="Y25961">
        <v>10</v>
      </c>
      <c r="Z25961">
        <v>10</v>
      </c>
      <c r="AA25961">
        <v>10</v>
      </c>
      <c r="AB25961">
        <v>10</v>
      </c>
      <c r="AC25961">
        <v>11</v>
      </c>
      <c r="AD25961">
        <v>11</v>
      </c>
      <c r="AE25961">
        <v>11</v>
      </c>
      <c r="AF25961">
        <v>11</v>
      </c>
      <c r="AG25961">
        <v>12</v>
      </c>
      <c r="AH25961">
        <v>12</v>
      </c>
      <c r="AI25961">
        <v>12</v>
      </c>
      <c r="AJ25961">
        <v>12</v>
      </c>
      <c r="AK25961">
        <v>13</v>
      </c>
      <c r="AL25961">
        <v>13</v>
      </c>
      <c r="AM25961">
        <v>13</v>
      </c>
      <c r="AN25961">
        <v>13</v>
      </c>
      <c r="AO25961">
        <v>13</v>
      </c>
      <c r="AP25961">
        <v>14</v>
      </c>
      <c r="AQ25961">
        <v>14</v>
      </c>
    </row>
    <row r="25962" spans="1:43">
      <c r="A25962" t="s">
        <v>16067</v>
      </c>
      <c r="B25962" t="s">
        <v>16068</v>
      </c>
      <c r="C25962" t="s">
        <v>16065</v>
      </c>
      <c r="D25962" t="s">
        <v>16066</v>
      </c>
      <c r="E25962" t="s">
        <v>16019</v>
      </c>
      <c r="F25962" t="s">
        <v>16020</v>
      </c>
      <c r="G25962" t="s">
        <v>10734</v>
      </c>
      <c r="H25962" t="s">
        <v>10735</v>
      </c>
      <c r="I25962" s="2">
        <v>1</v>
      </c>
      <c r="J25962" s="2">
        <v>0</v>
      </c>
      <c r="K25962" s="2">
        <v>0</v>
      </c>
      <c r="L25962" t="s">
        <v>120</v>
      </c>
      <c r="M25962" t="s">
        <v>83</v>
      </c>
      <c r="N25962" t="s">
        <v>84</v>
      </c>
      <c r="O25962" t="s">
        <v>85</v>
      </c>
      <c r="P25962" t="s">
        <v>86</v>
      </c>
      <c r="Q25962">
        <v>7</v>
      </c>
      <c r="R25962">
        <v>8</v>
      </c>
      <c r="S25962">
        <v>8</v>
      </c>
      <c r="T25962">
        <v>8</v>
      </c>
      <c r="U25962">
        <v>8</v>
      </c>
      <c r="V25962">
        <v>8</v>
      </c>
      <c r="W25962">
        <v>9</v>
      </c>
      <c r="X25962">
        <v>9</v>
      </c>
      <c r="Y25962">
        <v>9</v>
      </c>
      <c r="Z25962">
        <v>9</v>
      </c>
      <c r="AA25962">
        <v>9</v>
      </c>
      <c r="AB25962">
        <v>10</v>
      </c>
      <c r="AC25962">
        <v>10</v>
      </c>
      <c r="AD25962">
        <v>10</v>
      </c>
      <c r="AE25962">
        <v>10</v>
      </c>
      <c r="AF25962">
        <v>11</v>
      </c>
      <c r="AG25962">
        <v>11</v>
      </c>
      <c r="AH25962">
        <v>11</v>
      </c>
      <c r="AI25962">
        <v>11</v>
      </c>
      <c r="AJ25962">
        <v>12</v>
      </c>
      <c r="AK25962">
        <v>12</v>
      </c>
      <c r="AL25962">
        <v>12</v>
      </c>
      <c r="AM25962">
        <v>12</v>
      </c>
      <c r="AN25962">
        <v>12</v>
      </c>
      <c r="AO25962">
        <v>13</v>
      </c>
      <c r="AP25962">
        <v>13</v>
      </c>
      <c r="AQ25962">
        <v>13</v>
      </c>
    </row>
    <row r="25963" spans="1:43">
      <c r="A25963" t="s">
        <v>16067</v>
      </c>
      <c r="B25963" t="s">
        <v>16068</v>
      </c>
      <c r="C25963" t="s">
        <v>16065</v>
      </c>
      <c r="D25963" t="s">
        <v>16066</v>
      </c>
      <c r="E25963" t="s">
        <v>16019</v>
      </c>
      <c r="F25963" t="s">
        <v>16020</v>
      </c>
      <c r="G25963" t="s">
        <v>10734</v>
      </c>
      <c r="H25963" t="s">
        <v>10735</v>
      </c>
      <c r="I25963" s="2">
        <v>1</v>
      </c>
      <c r="J25963" s="2">
        <v>0</v>
      </c>
      <c r="K25963" s="2">
        <v>0</v>
      </c>
      <c r="L25963" t="s">
        <v>120</v>
      </c>
      <c r="M25963" t="s">
        <v>87</v>
      </c>
      <c r="N25963" t="s">
        <v>88</v>
      </c>
      <c r="O25963" t="s">
        <v>85</v>
      </c>
      <c r="P25963" t="s">
        <v>86</v>
      </c>
      <c r="Q25963">
        <v>7</v>
      </c>
      <c r="R25963">
        <v>8</v>
      </c>
      <c r="S25963">
        <v>8</v>
      </c>
      <c r="T25963">
        <v>8</v>
      </c>
      <c r="U25963">
        <v>8</v>
      </c>
      <c r="V25963">
        <v>8</v>
      </c>
      <c r="W25963">
        <v>8</v>
      </c>
      <c r="X25963">
        <v>8</v>
      </c>
      <c r="Y25963">
        <v>8</v>
      </c>
      <c r="Z25963">
        <v>8</v>
      </c>
      <c r="AA25963">
        <v>9</v>
      </c>
      <c r="AB25963">
        <v>9</v>
      </c>
      <c r="AC25963">
        <v>9</v>
      </c>
      <c r="AD25963">
        <v>9</v>
      </c>
      <c r="AE25963">
        <v>9</v>
      </c>
      <c r="AF25963">
        <v>9</v>
      </c>
      <c r="AG25963">
        <v>9</v>
      </c>
      <c r="AH25963">
        <v>10</v>
      </c>
      <c r="AI25963">
        <v>10</v>
      </c>
      <c r="AJ25963">
        <v>10</v>
      </c>
      <c r="AK25963">
        <v>10</v>
      </c>
      <c r="AL25963">
        <v>10</v>
      </c>
      <c r="AM25963">
        <v>10</v>
      </c>
      <c r="AN25963">
        <v>11</v>
      </c>
      <c r="AO25963">
        <v>11</v>
      </c>
      <c r="AP25963">
        <v>11</v>
      </c>
      <c r="AQ25963">
        <v>11</v>
      </c>
    </row>
    <row r="25964" spans="1:43">
      <c r="A25964" t="s">
        <v>16067</v>
      </c>
      <c r="B25964" t="s">
        <v>16068</v>
      </c>
      <c r="C25964" t="s">
        <v>16065</v>
      </c>
      <c r="D25964" t="s">
        <v>16066</v>
      </c>
      <c r="E25964" t="s">
        <v>16019</v>
      </c>
      <c r="F25964" t="s">
        <v>16020</v>
      </c>
      <c r="G25964" t="s">
        <v>10734</v>
      </c>
      <c r="H25964" t="s">
        <v>10735</v>
      </c>
      <c r="I25964" s="2">
        <v>1</v>
      </c>
      <c r="J25964" s="2">
        <v>0</v>
      </c>
      <c r="K25964" s="2">
        <v>0</v>
      </c>
      <c r="L25964" t="s">
        <v>120</v>
      </c>
      <c r="M25964" t="s">
        <v>89</v>
      </c>
      <c r="N25964" t="s">
        <v>90</v>
      </c>
      <c r="O25964" t="s">
        <v>85</v>
      </c>
      <c r="P25964" t="s">
        <v>86</v>
      </c>
      <c r="Q25964">
        <v>7</v>
      </c>
      <c r="R25964">
        <v>7</v>
      </c>
      <c r="S25964">
        <v>7</v>
      </c>
      <c r="T25964">
        <v>7</v>
      </c>
      <c r="U25964">
        <v>8</v>
      </c>
      <c r="V25964">
        <v>8</v>
      </c>
      <c r="W25964">
        <v>8</v>
      </c>
      <c r="X25964">
        <v>8</v>
      </c>
      <c r="Y25964">
        <v>9</v>
      </c>
      <c r="Z25964">
        <v>9</v>
      </c>
      <c r="AA25964">
        <v>9</v>
      </c>
      <c r="AB25964">
        <v>9</v>
      </c>
      <c r="AC25964">
        <v>10</v>
      </c>
      <c r="AD25964">
        <v>10</v>
      </c>
      <c r="AE25964">
        <v>10</v>
      </c>
      <c r="AF25964">
        <v>10</v>
      </c>
      <c r="AG25964">
        <v>10</v>
      </c>
      <c r="AH25964">
        <v>11</v>
      </c>
      <c r="AI25964">
        <v>11</v>
      </c>
      <c r="AJ25964">
        <v>11</v>
      </c>
      <c r="AK25964">
        <v>11</v>
      </c>
      <c r="AL25964">
        <v>11</v>
      </c>
      <c r="AM25964">
        <v>11</v>
      </c>
      <c r="AN25964">
        <v>11</v>
      </c>
      <c r="AO25964">
        <v>12</v>
      </c>
      <c r="AP25964">
        <v>12</v>
      </c>
      <c r="AQ25964">
        <v>12</v>
      </c>
    </row>
    <row r="25965" spans="1:43">
      <c r="A25965" t="s">
        <v>16067</v>
      </c>
      <c r="B25965" t="s">
        <v>16068</v>
      </c>
      <c r="C25965" t="s">
        <v>16065</v>
      </c>
      <c r="D25965" t="s">
        <v>16066</v>
      </c>
      <c r="E25965" t="s">
        <v>16019</v>
      </c>
      <c r="F25965" t="s">
        <v>16020</v>
      </c>
      <c r="G25965" t="s">
        <v>10734</v>
      </c>
      <c r="H25965" t="s">
        <v>10735</v>
      </c>
      <c r="I25965" s="2">
        <v>1</v>
      </c>
      <c r="J25965" s="2">
        <v>0</v>
      </c>
      <c r="K25965" s="2">
        <v>0</v>
      </c>
      <c r="L25965" t="s">
        <v>120</v>
      </c>
      <c r="M25965" t="s">
        <v>83</v>
      </c>
      <c r="N25965" t="s">
        <v>91</v>
      </c>
      <c r="O25965" t="s">
        <v>85</v>
      </c>
      <c r="P25965" t="s">
        <v>86</v>
      </c>
      <c r="Q25965">
        <v>7</v>
      </c>
      <c r="R25965">
        <v>8</v>
      </c>
      <c r="S25965">
        <v>8</v>
      </c>
      <c r="T25965">
        <v>8</v>
      </c>
      <c r="U25965">
        <v>8</v>
      </c>
      <c r="V25965">
        <v>8</v>
      </c>
      <c r="W25965">
        <v>9</v>
      </c>
      <c r="X25965">
        <v>9</v>
      </c>
      <c r="Y25965">
        <v>9</v>
      </c>
      <c r="Z25965">
        <v>9</v>
      </c>
      <c r="AA25965">
        <v>9</v>
      </c>
      <c r="AB25965">
        <v>10</v>
      </c>
      <c r="AC25965">
        <v>10</v>
      </c>
      <c r="AD25965">
        <v>10</v>
      </c>
      <c r="AE25965">
        <v>10</v>
      </c>
      <c r="AF25965">
        <v>11</v>
      </c>
      <c r="AG25965">
        <v>11</v>
      </c>
      <c r="AH25965">
        <v>11</v>
      </c>
      <c r="AI25965">
        <v>11</v>
      </c>
      <c r="AJ25965">
        <v>12</v>
      </c>
      <c r="AK25965">
        <v>12</v>
      </c>
      <c r="AL25965">
        <v>12</v>
      </c>
      <c r="AM25965">
        <v>12</v>
      </c>
      <c r="AN25965">
        <v>12</v>
      </c>
      <c r="AO25965">
        <v>13</v>
      </c>
      <c r="AP25965">
        <v>13</v>
      </c>
      <c r="AQ25965">
        <v>13</v>
      </c>
    </row>
    <row r="25966" spans="1:43">
      <c r="A25966" t="s">
        <v>16069</v>
      </c>
      <c r="B25966" t="s">
        <v>16070</v>
      </c>
      <c r="C25966" t="s">
        <v>16065</v>
      </c>
      <c r="D25966" t="s">
        <v>16066</v>
      </c>
      <c r="E25966" t="s">
        <v>16019</v>
      </c>
      <c r="F25966" t="s">
        <v>16020</v>
      </c>
      <c r="G25966" t="s">
        <v>10734</v>
      </c>
      <c r="H25966" t="s">
        <v>10735</v>
      </c>
      <c r="I25966" s="2">
        <v>1</v>
      </c>
      <c r="J25966" s="2">
        <v>0</v>
      </c>
      <c r="K25966" s="2">
        <v>0</v>
      </c>
      <c r="L25966" t="s">
        <v>120</v>
      </c>
      <c r="M25966" t="s">
        <v>83</v>
      </c>
      <c r="N25966" t="s">
        <v>84</v>
      </c>
      <c r="O25966" t="s">
        <v>85</v>
      </c>
      <c r="P25966" t="s">
        <v>86</v>
      </c>
      <c r="Q25966">
        <v>7</v>
      </c>
      <c r="R25966">
        <v>8</v>
      </c>
      <c r="S25966">
        <v>8</v>
      </c>
      <c r="T25966">
        <v>8</v>
      </c>
      <c r="U25966">
        <v>8</v>
      </c>
      <c r="V25966">
        <v>8</v>
      </c>
      <c r="W25966">
        <v>9</v>
      </c>
      <c r="X25966">
        <v>9</v>
      </c>
      <c r="Y25966">
        <v>9</v>
      </c>
      <c r="Z25966">
        <v>9</v>
      </c>
      <c r="AA25966">
        <v>9</v>
      </c>
      <c r="AB25966">
        <v>10</v>
      </c>
      <c r="AC25966">
        <v>10</v>
      </c>
      <c r="AD25966">
        <v>10</v>
      </c>
      <c r="AE25966">
        <v>10</v>
      </c>
      <c r="AF25966">
        <v>11</v>
      </c>
      <c r="AG25966">
        <v>11</v>
      </c>
      <c r="AH25966">
        <v>11</v>
      </c>
      <c r="AI25966">
        <v>11</v>
      </c>
      <c r="AJ25966">
        <v>12</v>
      </c>
      <c r="AK25966">
        <v>12</v>
      </c>
      <c r="AL25966">
        <v>12</v>
      </c>
      <c r="AM25966">
        <v>12</v>
      </c>
      <c r="AN25966">
        <v>12</v>
      </c>
      <c r="AO25966">
        <v>13</v>
      </c>
      <c r="AP25966">
        <v>13</v>
      </c>
      <c r="AQ25966">
        <v>13</v>
      </c>
    </row>
    <row r="25967" spans="1:43">
      <c r="A25967" t="s">
        <v>16069</v>
      </c>
      <c r="B25967" t="s">
        <v>16070</v>
      </c>
      <c r="C25967" t="s">
        <v>16065</v>
      </c>
      <c r="D25967" t="s">
        <v>16066</v>
      </c>
      <c r="E25967" t="s">
        <v>16019</v>
      </c>
      <c r="F25967" t="s">
        <v>16020</v>
      </c>
      <c r="G25967" t="s">
        <v>10734</v>
      </c>
      <c r="H25967" t="s">
        <v>10735</v>
      </c>
      <c r="I25967" s="2">
        <v>1</v>
      </c>
      <c r="J25967" s="2">
        <v>0</v>
      </c>
      <c r="K25967" s="2">
        <v>0</v>
      </c>
      <c r="L25967" t="s">
        <v>120</v>
      </c>
      <c r="M25967" t="s">
        <v>87</v>
      </c>
      <c r="N25967" t="s">
        <v>88</v>
      </c>
      <c r="O25967" t="s">
        <v>85</v>
      </c>
      <c r="P25967" t="s">
        <v>86</v>
      </c>
      <c r="Q25967">
        <v>7</v>
      </c>
      <c r="R25967">
        <v>8</v>
      </c>
      <c r="S25967">
        <v>8</v>
      </c>
      <c r="T25967">
        <v>8</v>
      </c>
      <c r="U25967">
        <v>8</v>
      </c>
      <c r="V25967">
        <v>8</v>
      </c>
      <c r="W25967">
        <v>8</v>
      </c>
      <c r="X25967">
        <v>8</v>
      </c>
      <c r="Y25967">
        <v>8</v>
      </c>
      <c r="Z25967">
        <v>8</v>
      </c>
      <c r="AA25967">
        <v>9</v>
      </c>
      <c r="AB25967">
        <v>9</v>
      </c>
      <c r="AC25967">
        <v>9</v>
      </c>
      <c r="AD25967">
        <v>9</v>
      </c>
      <c r="AE25967">
        <v>9</v>
      </c>
      <c r="AF25967">
        <v>9</v>
      </c>
      <c r="AG25967">
        <v>9</v>
      </c>
      <c r="AH25967">
        <v>10</v>
      </c>
      <c r="AI25967">
        <v>10</v>
      </c>
      <c r="AJ25967">
        <v>10</v>
      </c>
      <c r="AK25967">
        <v>10</v>
      </c>
      <c r="AL25967">
        <v>10</v>
      </c>
      <c r="AM25967">
        <v>10</v>
      </c>
      <c r="AN25967">
        <v>11</v>
      </c>
      <c r="AO25967">
        <v>11</v>
      </c>
      <c r="AP25967">
        <v>11</v>
      </c>
      <c r="AQ25967">
        <v>11</v>
      </c>
    </row>
    <row r="25968" spans="1:43">
      <c r="A25968" t="s">
        <v>16069</v>
      </c>
      <c r="B25968" t="s">
        <v>16070</v>
      </c>
      <c r="C25968" t="s">
        <v>16065</v>
      </c>
      <c r="D25968" t="s">
        <v>16066</v>
      </c>
      <c r="E25968" t="s">
        <v>16019</v>
      </c>
      <c r="F25968" t="s">
        <v>16020</v>
      </c>
      <c r="G25968" t="s">
        <v>10734</v>
      </c>
      <c r="H25968" t="s">
        <v>10735</v>
      </c>
      <c r="I25968" s="2">
        <v>1</v>
      </c>
      <c r="J25968" s="2">
        <v>0</v>
      </c>
      <c r="K25968" s="2">
        <v>0</v>
      </c>
      <c r="L25968" t="s">
        <v>120</v>
      </c>
      <c r="M25968" t="s">
        <v>89</v>
      </c>
      <c r="N25968" t="s">
        <v>90</v>
      </c>
      <c r="O25968" t="s">
        <v>85</v>
      </c>
      <c r="P25968" t="s">
        <v>86</v>
      </c>
      <c r="Q25968">
        <v>7</v>
      </c>
      <c r="R25968">
        <v>7</v>
      </c>
      <c r="S25968">
        <v>7</v>
      </c>
      <c r="T25968">
        <v>7</v>
      </c>
      <c r="U25968">
        <v>8</v>
      </c>
      <c r="V25968">
        <v>8</v>
      </c>
      <c r="W25968">
        <v>8</v>
      </c>
      <c r="X25968">
        <v>8</v>
      </c>
      <c r="Y25968">
        <v>9</v>
      </c>
      <c r="Z25968">
        <v>9</v>
      </c>
      <c r="AA25968">
        <v>9</v>
      </c>
      <c r="AB25968">
        <v>9</v>
      </c>
      <c r="AC25968">
        <v>10</v>
      </c>
      <c r="AD25968">
        <v>10</v>
      </c>
      <c r="AE25968">
        <v>10</v>
      </c>
      <c r="AF25968">
        <v>10</v>
      </c>
      <c r="AG25968">
        <v>10</v>
      </c>
      <c r="AH25968">
        <v>11</v>
      </c>
      <c r="AI25968">
        <v>11</v>
      </c>
      <c r="AJ25968">
        <v>11</v>
      </c>
      <c r="AK25968">
        <v>11</v>
      </c>
      <c r="AL25968">
        <v>11</v>
      </c>
      <c r="AM25968">
        <v>11</v>
      </c>
      <c r="AN25968">
        <v>11</v>
      </c>
      <c r="AO25968">
        <v>12</v>
      </c>
      <c r="AP25968">
        <v>12</v>
      </c>
      <c r="AQ25968">
        <v>12</v>
      </c>
    </row>
    <row r="25969" spans="1:43">
      <c r="A25969" t="s">
        <v>16069</v>
      </c>
      <c r="B25969" t="s">
        <v>16070</v>
      </c>
      <c r="C25969" t="s">
        <v>16065</v>
      </c>
      <c r="D25969" t="s">
        <v>16066</v>
      </c>
      <c r="E25969" t="s">
        <v>16019</v>
      </c>
      <c r="F25969" t="s">
        <v>16020</v>
      </c>
      <c r="G25969" t="s">
        <v>10734</v>
      </c>
      <c r="H25969" t="s">
        <v>10735</v>
      </c>
      <c r="I25969" s="2">
        <v>1</v>
      </c>
      <c r="J25969" s="2">
        <v>0</v>
      </c>
      <c r="K25969" s="2">
        <v>0</v>
      </c>
      <c r="L25969" t="s">
        <v>120</v>
      </c>
      <c r="M25969" t="s">
        <v>83</v>
      </c>
      <c r="N25969" t="s">
        <v>91</v>
      </c>
      <c r="O25969" t="s">
        <v>85</v>
      </c>
      <c r="P25969" t="s">
        <v>86</v>
      </c>
      <c r="Q25969">
        <v>7</v>
      </c>
      <c r="R25969">
        <v>8</v>
      </c>
      <c r="S25969">
        <v>8</v>
      </c>
      <c r="T25969">
        <v>8</v>
      </c>
      <c r="U25969">
        <v>8</v>
      </c>
      <c r="V25969">
        <v>8</v>
      </c>
      <c r="W25969">
        <v>9</v>
      </c>
      <c r="X25969">
        <v>9</v>
      </c>
      <c r="Y25969">
        <v>9</v>
      </c>
      <c r="Z25969">
        <v>9</v>
      </c>
      <c r="AA25969">
        <v>9</v>
      </c>
      <c r="AB25969">
        <v>10</v>
      </c>
      <c r="AC25969">
        <v>10</v>
      </c>
      <c r="AD25969">
        <v>10</v>
      </c>
      <c r="AE25969">
        <v>10</v>
      </c>
      <c r="AF25969">
        <v>11</v>
      </c>
      <c r="AG25969">
        <v>11</v>
      </c>
      <c r="AH25969">
        <v>11</v>
      </c>
      <c r="AI25969">
        <v>11</v>
      </c>
      <c r="AJ25969">
        <v>12</v>
      </c>
      <c r="AK25969">
        <v>12</v>
      </c>
      <c r="AL25969">
        <v>12</v>
      </c>
      <c r="AM25969">
        <v>12</v>
      </c>
      <c r="AN25969">
        <v>12</v>
      </c>
      <c r="AO25969">
        <v>13</v>
      </c>
      <c r="AP25969">
        <v>13</v>
      </c>
      <c r="AQ25969">
        <v>13</v>
      </c>
    </row>
    <row r="25970" spans="1:43">
      <c r="A25970" t="s">
        <v>16071</v>
      </c>
      <c r="B25970" t="s">
        <v>16072</v>
      </c>
      <c r="C25970" t="s">
        <v>16065</v>
      </c>
      <c r="D25970" t="s">
        <v>16066</v>
      </c>
      <c r="E25970" t="s">
        <v>16019</v>
      </c>
      <c r="F25970" t="s">
        <v>16020</v>
      </c>
      <c r="G25970" t="s">
        <v>10734</v>
      </c>
      <c r="H25970" t="s">
        <v>10735</v>
      </c>
      <c r="I25970" s="2">
        <v>1</v>
      </c>
      <c r="J25970" s="2">
        <v>0</v>
      </c>
      <c r="K25970" s="2">
        <v>0</v>
      </c>
      <c r="L25970" t="s">
        <v>120</v>
      </c>
      <c r="M25970" t="s">
        <v>83</v>
      </c>
      <c r="N25970" t="s">
        <v>84</v>
      </c>
      <c r="O25970" t="s">
        <v>85</v>
      </c>
      <c r="P25970" t="s">
        <v>86</v>
      </c>
      <c r="Q25970">
        <v>48</v>
      </c>
      <c r="R25970">
        <v>49</v>
      </c>
      <c r="S25970">
        <v>51</v>
      </c>
      <c r="T25970">
        <v>52</v>
      </c>
      <c r="U25970">
        <v>53</v>
      </c>
      <c r="V25970">
        <v>54</v>
      </c>
      <c r="W25970">
        <v>56</v>
      </c>
      <c r="X25970">
        <v>57</v>
      </c>
      <c r="Y25970">
        <v>58</v>
      </c>
      <c r="Z25970">
        <v>60</v>
      </c>
      <c r="AA25970">
        <v>61</v>
      </c>
      <c r="AB25970">
        <v>62</v>
      </c>
      <c r="AC25970">
        <v>64</v>
      </c>
      <c r="AD25970">
        <v>65</v>
      </c>
      <c r="AE25970">
        <v>67</v>
      </c>
      <c r="AF25970">
        <v>68</v>
      </c>
      <c r="AG25970">
        <v>70</v>
      </c>
      <c r="AH25970">
        <v>71</v>
      </c>
      <c r="AI25970">
        <v>73</v>
      </c>
      <c r="AJ25970">
        <v>74</v>
      </c>
      <c r="AK25970">
        <v>76</v>
      </c>
      <c r="AL25970">
        <v>77</v>
      </c>
      <c r="AM25970">
        <v>78</v>
      </c>
      <c r="AN25970">
        <v>80</v>
      </c>
      <c r="AO25970">
        <v>81</v>
      </c>
      <c r="AP25970">
        <v>82</v>
      </c>
      <c r="AQ25970">
        <v>83</v>
      </c>
    </row>
    <row r="25971" spans="1:43">
      <c r="A25971" t="s">
        <v>16071</v>
      </c>
      <c r="B25971" t="s">
        <v>16072</v>
      </c>
      <c r="C25971" t="s">
        <v>16065</v>
      </c>
      <c r="D25971" t="s">
        <v>16066</v>
      </c>
      <c r="E25971" t="s">
        <v>16019</v>
      </c>
      <c r="F25971" t="s">
        <v>16020</v>
      </c>
      <c r="G25971" t="s">
        <v>10734</v>
      </c>
      <c r="H25971" t="s">
        <v>10735</v>
      </c>
      <c r="I25971" s="2">
        <v>1</v>
      </c>
      <c r="J25971" s="2">
        <v>0</v>
      </c>
      <c r="K25971" s="2">
        <v>0</v>
      </c>
      <c r="L25971" t="s">
        <v>120</v>
      </c>
      <c r="M25971" t="s">
        <v>87</v>
      </c>
      <c r="N25971" t="s">
        <v>88</v>
      </c>
      <c r="O25971" t="s">
        <v>85</v>
      </c>
      <c r="P25971" t="s">
        <v>86</v>
      </c>
      <c r="Q25971">
        <v>48</v>
      </c>
      <c r="R25971">
        <v>49</v>
      </c>
      <c r="S25971">
        <v>49</v>
      </c>
      <c r="T25971">
        <v>50</v>
      </c>
      <c r="U25971">
        <v>51</v>
      </c>
      <c r="V25971">
        <v>52</v>
      </c>
      <c r="W25971">
        <v>52</v>
      </c>
      <c r="X25971">
        <v>53</v>
      </c>
      <c r="Y25971">
        <v>54</v>
      </c>
      <c r="Z25971">
        <v>55</v>
      </c>
      <c r="AA25971">
        <v>56</v>
      </c>
      <c r="AB25971">
        <v>56</v>
      </c>
      <c r="AC25971">
        <v>57</v>
      </c>
      <c r="AD25971">
        <v>58</v>
      </c>
      <c r="AE25971">
        <v>59</v>
      </c>
      <c r="AF25971">
        <v>60</v>
      </c>
      <c r="AG25971">
        <v>61</v>
      </c>
      <c r="AH25971">
        <v>62</v>
      </c>
      <c r="AI25971">
        <v>63</v>
      </c>
      <c r="AJ25971">
        <v>64</v>
      </c>
      <c r="AK25971">
        <v>65</v>
      </c>
      <c r="AL25971">
        <v>66</v>
      </c>
      <c r="AM25971">
        <v>67</v>
      </c>
      <c r="AN25971">
        <v>68</v>
      </c>
      <c r="AO25971">
        <v>69</v>
      </c>
      <c r="AP25971">
        <v>71</v>
      </c>
      <c r="AQ25971">
        <v>72</v>
      </c>
    </row>
    <row r="25972" spans="1:43">
      <c r="A25972" t="s">
        <v>16071</v>
      </c>
      <c r="B25972" t="s">
        <v>16072</v>
      </c>
      <c r="C25972" t="s">
        <v>16065</v>
      </c>
      <c r="D25972" t="s">
        <v>16066</v>
      </c>
      <c r="E25972" t="s">
        <v>16019</v>
      </c>
      <c r="F25972" t="s">
        <v>16020</v>
      </c>
      <c r="G25972" t="s">
        <v>10734</v>
      </c>
      <c r="H25972" t="s">
        <v>10735</v>
      </c>
      <c r="I25972" s="2">
        <v>1</v>
      </c>
      <c r="J25972" s="2">
        <v>0</v>
      </c>
      <c r="K25972" s="2">
        <v>0</v>
      </c>
      <c r="L25972" t="s">
        <v>120</v>
      </c>
      <c r="M25972" t="s">
        <v>89</v>
      </c>
      <c r="N25972" t="s">
        <v>90</v>
      </c>
      <c r="O25972" t="s">
        <v>85</v>
      </c>
      <c r="P25972" t="s">
        <v>86</v>
      </c>
      <c r="Q25972">
        <v>48</v>
      </c>
      <c r="R25972">
        <v>49</v>
      </c>
      <c r="S25972">
        <v>51</v>
      </c>
      <c r="T25972">
        <v>53</v>
      </c>
      <c r="U25972">
        <v>54</v>
      </c>
      <c r="V25972">
        <v>56</v>
      </c>
      <c r="W25972">
        <v>57</v>
      </c>
      <c r="X25972">
        <v>59</v>
      </c>
      <c r="Y25972">
        <v>61</v>
      </c>
      <c r="Z25972">
        <v>62</v>
      </c>
      <c r="AA25972">
        <v>64</v>
      </c>
      <c r="AB25972">
        <v>65</v>
      </c>
      <c r="AC25972">
        <v>67</v>
      </c>
      <c r="AD25972">
        <v>69</v>
      </c>
      <c r="AE25972">
        <v>70</v>
      </c>
      <c r="AF25972">
        <v>71</v>
      </c>
      <c r="AG25972">
        <v>72</v>
      </c>
      <c r="AH25972">
        <v>73</v>
      </c>
      <c r="AI25972">
        <v>74</v>
      </c>
      <c r="AJ25972">
        <v>75</v>
      </c>
      <c r="AK25972">
        <v>76</v>
      </c>
      <c r="AL25972">
        <v>77</v>
      </c>
      <c r="AM25972">
        <v>78</v>
      </c>
      <c r="AN25972">
        <v>79</v>
      </c>
      <c r="AO25972">
        <v>80</v>
      </c>
      <c r="AP25972">
        <v>81</v>
      </c>
      <c r="AQ25972">
        <v>82</v>
      </c>
    </row>
    <row r="25973" spans="1:43">
      <c r="A25973" t="s">
        <v>16071</v>
      </c>
      <c r="B25973" t="s">
        <v>16072</v>
      </c>
      <c r="C25973" t="s">
        <v>16065</v>
      </c>
      <c r="D25973" t="s">
        <v>16066</v>
      </c>
      <c r="E25973" t="s">
        <v>16019</v>
      </c>
      <c r="F25973" t="s">
        <v>16020</v>
      </c>
      <c r="G25973" t="s">
        <v>10734</v>
      </c>
      <c r="H25973" t="s">
        <v>10735</v>
      </c>
      <c r="I25973" s="2">
        <v>1</v>
      </c>
      <c r="J25973" s="2">
        <v>0</v>
      </c>
      <c r="K25973" s="2">
        <v>0</v>
      </c>
      <c r="L25973" t="s">
        <v>120</v>
      </c>
      <c r="M25973" t="s">
        <v>83</v>
      </c>
      <c r="N25973" t="s">
        <v>91</v>
      </c>
      <c r="O25973" t="s">
        <v>85</v>
      </c>
      <c r="P25973" t="s">
        <v>86</v>
      </c>
      <c r="Q25973">
        <v>48</v>
      </c>
      <c r="R25973">
        <v>49</v>
      </c>
      <c r="S25973">
        <v>51</v>
      </c>
      <c r="T25973">
        <v>52</v>
      </c>
      <c r="U25973">
        <v>53</v>
      </c>
      <c r="V25973">
        <v>54</v>
      </c>
      <c r="W25973">
        <v>56</v>
      </c>
      <c r="X25973">
        <v>57</v>
      </c>
      <c r="Y25973">
        <v>58</v>
      </c>
      <c r="Z25973">
        <v>60</v>
      </c>
      <c r="AA25973">
        <v>61</v>
      </c>
      <c r="AB25973">
        <v>62</v>
      </c>
      <c r="AC25973">
        <v>64</v>
      </c>
      <c r="AD25973">
        <v>65</v>
      </c>
      <c r="AE25973">
        <v>67</v>
      </c>
      <c r="AF25973">
        <v>68</v>
      </c>
      <c r="AG25973">
        <v>70</v>
      </c>
      <c r="AH25973">
        <v>71</v>
      </c>
      <c r="AI25973">
        <v>73</v>
      </c>
      <c r="AJ25973">
        <v>74</v>
      </c>
      <c r="AK25973">
        <v>76</v>
      </c>
      <c r="AL25973">
        <v>77</v>
      </c>
      <c r="AM25973">
        <v>78</v>
      </c>
      <c r="AN25973">
        <v>80</v>
      </c>
      <c r="AO25973">
        <v>81</v>
      </c>
      <c r="AP25973">
        <v>82</v>
      </c>
      <c r="AQ25973">
        <v>83</v>
      </c>
    </row>
    <row r="25974" spans="1:43">
      <c r="A25974" t="s">
        <v>16073</v>
      </c>
      <c r="B25974" t="s">
        <v>16074</v>
      </c>
      <c r="C25974" t="s">
        <v>16065</v>
      </c>
      <c r="D25974" t="s">
        <v>16066</v>
      </c>
      <c r="E25974" t="s">
        <v>16019</v>
      </c>
      <c r="F25974" t="s">
        <v>16020</v>
      </c>
      <c r="G25974" t="s">
        <v>10734</v>
      </c>
      <c r="H25974" t="s">
        <v>10735</v>
      </c>
      <c r="I25974" s="2">
        <v>1</v>
      </c>
      <c r="J25974" s="2">
        <v>0</v>
      </c>
      <c r="K25974" s="2">
        <v>0</v>
      </c>
      <c r="L25974" t="s">
        <v>120</v>
      </c>
      <c r="M25974" t="s">
        <v>83</v>
      </c>
      <c r="N25974" t="s">
        <v>84</v>
      </c>
      <c r="O25974" t="s">
        <v>85</v>
      </c>
      <c r="P25974" t="s">
        <v>86</v>
      </c>
      <c r="Q25974">
        <v>14</v>
      </c>
      <c r="R25974">
        <v>14</v>
      </c>
      <c r="S25974">
        <v>15</v>
      </c>
      <c r="T25974">
        <v>15</v>
      </c>
      <c r="U25974">
        <v>15</v>
      </c>
      <c r="V25974">
        <v>16</v>
      </c>
      <c r="W25974">
        <v>16</v>
      </c>
      <c r="X25974">
        <v>17</v>
      </c>
      <c r="Y25974">
        <v>17</v>
      </c>
      <c r="Z25974">
        <v>17</v>
      </c>
      <c r="AA25974">
        <v>18</v>
      </c>
      <c r="AB25974">
        <v>18</v>
      </c>
      <c r="AC25974">
        <v>19</v>
      </c>
      <c r="AD25974">
        <v>19</v>
      </c>
      <c r="AE25974">
        <v>19</v>
      </c>
      <c r="AF25974">
        <v>20</v>
      </c>
      <c r="AG25974">
        <v>20</v>
      </c>
      <c r="AH25974">
        <v>21</v>
      </c>
      <c r="AI25974">
        <v>21</v>
      </c>
      <c r="AJ25974">
        <v>22</v>
      </c>
      <c r="AK25974">
        <v>22</v>
      </c>
      <c r="AL25974">
        <v>23</v>
      </c>
      <c r="AM25974">
        <v>23</v>
      </c>
      <c r="AN25974">
        <v>23</v>
      </c>
      <c r="AO25974">
        <v>23</v>
      </c>
      <c r="AP25974">
        <v>24</v>
      </c>
      <c r="AQ25974">
        <v>24</v>
      </c>
    </row>
    <row r="25975" spans="1:43">
      <c r="A25975" t="s">
        <v>16073</v>
      </c>
      <c r="B25975" t="s">
        <v>16074</v>
      </c>
      <c r="C25975" t="s">
        <v>16065</v>
      </c>
      <c r="D25975" t="s">
        <v>16066</v>
      </c>
      <c r="E25975" t="s">
        <v>16019</v>
      </c>
      <c r="F25975" t="s">
        <v>16020</v>
      </c>
      <c r="G25975" t="s">
        <v>10734</v>
      </c>
      <c r="H25975" t="s">
        <v>10735</v>
      </c>
      <c r="I25975" s="2">
        <v>1</v>
      </c>
      <c r="J25975" s="2">
        <v>0</v>
      </c>
      <c r="K25975" s="2">
        <v>0</v>
      </c>
      <c r="L25975" t="s">
        <v>120</v>
      </c>
      <c r="M25975" t="s">
        <v>87</v>
      </c>
      <c r="N25975" t="s">
        <v>88</v>
      </c>
      <c r="O25975" t="s">
        <v>85</v>
      </c>
      <c r="P25975" t="s">
        <v>86</v>
      </c>
      <c r="Q25975">
        <v>14</v>
      </c>
      <c r="R25975">
        <v>14</v>
      </c>
      <c r="S25975">
        <v>14</v>
      </c>
      <c r="T25975">
        <v>15</v>
      </c>
      <c r="U25975">
        <v>15</v>
      </c>
      <c r="V25975">
        <v>15</v>
      </c>
      <c r="W25975">
        <v>15</v>
      </c>
      <c r="X25975">
        <v>15</v>
      </c>
      <c r="Y25975">
        <v>16</v>
      </c>
      <c r="Z25975">
        <v>16</v>
      </c>
      <c r="AA25975">
        <v>16</v>
      </c>
      <c r="AB25975">
        <v>16</v>
      </c>
      <c r="AC25975">
        <v>17</v>
      </c>
      <c r="AD25975">
        <v>17</v>
      </c>
      <c r="AE25975">
        <v>17</v>
      </c>
      <c r="AF25975">
        <v>17</v>
      </c>
      <c r="AG25975">
        <v>18</v>
      </c>
      <c r="AH25975">
        <v>18</v>
      </c>
      <c r="AI25975">
        <v>18</v>
      </c>
      <c r="AJ25975">
        <v>19</v>
      </c>
      <c r="AK25975">
        <v>19</v>
      </c>
      <c r="AL25975">
        <v>19</v>
      </c>
      <c r="AM25975">
        <v>20</v>
      </c>
      <c r="AN25975">
        <v>20</v>
      </c>
      <c r="AO25975">
        <v>20</v>
      </c>
      <c r="AP25975">
        <v>21</v>
      </c>
      <c r="AQ25975">
        <v>21</v>
      </c>
    </row>
    <row r="25976" spans="1:43">
      <c r="A25976" t="s">
        <v>16073</v>
      </c>
      <c r="B25976" t="s">
        <v>16074</v>
      </c>
      <c r="C25976" t="s">
        <v>16065</v>
      </c>
      <c r="D25976" t="s">
        <v>16066</v>
      </c>
      <c r="E25976" t="s">
        <v>16019</v>
      </c>
      <c r="F25976" t="s">
        <v>16020</v>
      </c>
      <c r="G25976" t="s">
        <v>10734</v>
      </c>
      <c r="H25976" t="s">
        <v>10735</v>
      </c>
      <c r="I25976" s="2">
        <v>1</v>
      </c>
      <c r="J25976" s="2">
        <v>0</v>
      </c>
      <c r="K25976" s="2">
        <v>0</v>
      </c>
      <c r="L25976" t="s">
        <v>120</v>
      </c>
      <c r="M25976" t="s">
        <v>89</v>
      </c>
      <c r="N25976" t="s">
        <v>90</v>
      </c>
      <c r="O25976" t="s">
        <v>85</v>
      </c>
      <c r="P25976" t="s">
        <v>86</v>
      </c>
      <c r="Q25976">
        <v>14</v>
      </c>
      <c r="R25976">
        <v>15</v>
      </c>
      <c r="S25976">
        <v>15</v>
      </c>
      <c r="T25976">
        <v>16</v>
      </c>
      <c r="U25976">
        <v>16</v>
      </c>
      <c r="V25976">
        <v>17</v>
      </c>
      <c r="W25976">
        <v>17</v>
      </c>
      <c r="X25976">
        <v>17</v>
      </c>
      <c r="Y25976">
        <v>18</v>
      </c>
      <c r="Z25976">
        <v>18</v>
      </c>
      <c r="AA25976">
        <v>19</v>
      </c>
      <c r="AB25976">
        <v>19</v>
      </c>
      <c r="AC25976">
        <v>20</v>
      </c>
      <c r="AD25976">
        <v>20</v>
      </c>
      <c r="AE25976">
        <v>21</v>
      </c>
      <c r="AF25976">
        <v>21</v>
      </c>
      <c r="AG25976">
        <v>21</v>
      </c>
      <c r="AH25976">
        <v>22</v>
      </c>
      <c r="AI25976">
        <v>22</v>
      </c>
      <c r="AJ25976">
        <v>22</v>
      </c>
      <c r="AK25976">
        <v>22</v>
      </c>
      <c r="AL25976">
        <v>23</v>
      </c>
      <c r="AM25976">
        <v>23</v>
      </c>
      <c r="AN25976">
        <v>23</v>
      </c>
      <c r="AO25976">
        <v>24</v>
      </c>
      <c r="AP25976">
        <v>24</v>
      </c>
      <c r="AQ25976">
        <v>24</v>
      </c>
    </row>
    <row r="25977" spans="1:43">
      <c r="A25977" t="s">
        <v>16073</v>
      </c>
      <c r="B25977" t="s">
        <v>16074</v>
      </c>
      <c r="C25977" t="s">
        <v>16065</v>
      </c>
      <c r="D25977" t="s">
        <v>16066</v>
      </c>
      <c r="E25977" t="s">
        <v>16019</v>
      </c>
      <c r="F25977" t="s">
        <v>16020</v>
      </c>
      <c r="G25977" t="s">
        <v>10734</v>
      </c>
      <c r="H25977" t="s">
        <v>10735</v>
      </c>
      <c r="I25977" s="2">
        <v>1</v>
      </c>
      <c r="J25977" s="2">
        <v>0</v>
      </c>
      <c r="K25977" s="2">
        <v>0</v>
      </c>
      <c r="L25977" t="s">
        <v>120</v>
      </c>
      <c r="M25977" t="s">
        <v>83</v>
      </c>
      <c r="N25977" t="s">
        <v>91</v>
      </c>
      <c r="O25977" t="s">
        <v>85</v>
      </c>
      <c r="P25977" t="s">
        <v>86</v>
      </c>
      <c r="Q25977">
        <v>14</v>
      </c>
      <c r="R25977">
        <v>14</v>
      </c>
      <c r="S25977">
        <v>15</v>
      </c>
      <c r="T25977">
        <v>15</v>
      </c>
      <c r="U25977">
        <v>15</v>
      </c>
      <c r="V25977">
        <v>16</v>
      </c>
      <c r="W25977">
        <v>16</v>
      </c>
      <c r="X25977">
        <v>17</v>
      </c>
      <c r="Y25977">
        <v>17</v>
      </c>
      <c r="Z25977">
        <v>17</v>
      </c>
      <c r="AA25977">
        <v>18</v>
      </c>
      <c r="AB25977">
        <v>18</v>
      </c>
      <c r="AC25977">
        <v>19</v>
      </c>
      <c r="AD25977">
        <v>19</v>
      </c>
      <c r="AE25977">
        <v>19</v>
      </c>
      <c r="AF25977">
        <v>20</v>
      </c>
      <c r="AG25977">
        <v>20</v>
      </c>
      <c r="AH25977">
        <v>21</v>
      </c>
      <c r="AI25977">
        <v>21</v>
      </c>
      <c r="AJ25977">
        <v>22</v>
      </c>
      <c r="AK25977">
        <v>22</v>
      </c>
      <c r="AL25977">
        <v>23</v>
      </c>
      <c r="AM25977">
        <v>23</v>
      </c>
      <c r="AN25977">
        <v>23</v>
      </c>
      <c r="AO25977">
        <v>23</v>
      </c>
      <c r="AP25977">
        <v>24</v>
      </c>
      <c r="AQ25977">
        <v>24</v>
      </c>
    </row>
    <row r="25978" spans="1:43">
      <c r="A25978" t="s">
        <v>16075</v>
      </c>
      <c r="B25978" t="s">
        <v>16076</v>
      </c>
      <c r="C25978" t="s">
        <v>16065</v>
      </c>
      <c r="D25978" t="s">
        <v>16066</v>
      </c>
      <c r="E25978" t="s">
        <v>16019</v>
      </c>
      <c r="F25978" t="s">
        <v>16020</v>
      </c>
      <c r="G25978" t="s">
        <v>10734</v>
      </c>
      <c r="H25978" t="s">
        <v>10735</v>
      </c>
      <c r="I25978" s="2">
        <v>1</v>
      </c>
      <c r="J25978" s="2">
        <v>0</v>
      </c>
      <c r="K25978" s="2">
        <v>0</v>
      </c>
      <c r="L25978" t="s">
        <v>120</v>
      </c>
      <c r="M25978" t="s">
        <v>83</v>
      </c>
      <c r="N25978" t="s">
        <v>84</v>
      </c>
      <c r="O25978" t="s">
        <v>85</v>
      </c>
      <c r="P25978" t="s">
        <v>86</v>
      </c>
      <c r="Q25978">
        <v>7</v>
      </c>
      <c r="R25978">
        <v>7</v>
      </c>
      <c r="S25978">
        <v>7</v>
      </c>
      <c r="T25978">
        <v>8</v>
      </c>
      <c r="U25978">
        <v>8</v>
      </c>
      <c r="V25978">
        <v>8</v>
      </c>
      <c r="W25978">
        <v>8</v>
      </c>
      <c r="X25978">
        <v>8</v>
      </c>
      <c r="Y25978">
        <v>9</v>
      </c>
      <c r="Z25978">
        <v>9</v>
      </c>
      <c r="AA25978">
        <v>9</v>
      </c>
      <c r="AB25978">
        <v>9</v>
      </c>
      <c r="AC25978">
        <v>9</v>
      </c>
      <c r="AD25978">
        <v>10</v>
      </c>
      <c r="AE25978">
        <v>10</v>
      </c>
      <c r="AF25978">
        <v>10</v>
      </c>
      <c r="AG25978">
        <v>10</v>
      </c>
      <c r="AH25978">
        <v>10</v>
      </c>
      <c r="AI25978">
        <v>11</v>
      </c>
      <c r="AJ25978">
        <v>11</v>
      </c>
      <c r="AK25978">
        <v>11</v>
      </c>
      <c r="AL25978">
        <v>11</v>
      </c>
      <c r="AM25978">
        <v>11</v>
      </c>
      <c r="AN25978">
        <v>12</v>
      </c>
      <c r="AO25978">
        <v>12</v>
      </c>
      <c r="AP25978">
        <v>12</v>
      </c>
      <c r="AQ25978">
        <v>12</v>
      </c>
    </row>
    <row r="25979" spans="1:43">
      <c r="A25979" t="s">
        <v>16075</v>
      </c>
      <c r="B25979" t="s">
        <v>16076</v>
      </c>
      <c r="C25979" t="s">
        <v>16065</v>
      </c>
      <c r="D25979" t="s">
        <v>16066</v>
      </c>
      <c r="E25979" t="s">
        <v>16019</v>
      </c>
      <c r="F25979" t="s">
        <v>16020</v>
      </c>
      <c r="G25979" t="s">
        <v>10734</v>
      </c>
      <c r="H25979" t="s">
        <v>10735</v>
      </c>
      <c r="I25979" s="2">
        <v>1</v>
      </c>
      <c r="J25979" s="2">
        <v>0</v>
      </c>
      <c r="K25979" s="2">
        <v>0</v>
      </c>
      <c r="L25979" t="s">
        <v>120</v>
      </c>
      <c r="M25979" t="s">
        <v>87</v>
      </c>
      <c r="N25979" t="s">
        <v>88</v>
      </c>
      <c r="O25979" t="s">
        <v>85</v>
      </c>
      <c r="P25979" t="s">
        <v>86</v>
      </c>
      <c r="Q25979">
        <v>7</v>
      </c>
      <c r="R25979">
        <v>7</v>
      </c>
      <c r="S25979">
        <v>7</v>
      </c>
      <c r="T25979">
        <v>7</v>
      </c>
      <c r="U25979">
        <v>7</v>
      </c>
      <c r="V25979">
        <v>8</v>
      </c>
      <c r="W25979">
        <v>8</v>
      </c>
      <c r="X25979">
        <v>8</v>
      </c>
      <c r="Y25979">
        <v>8</v>
      </c>
      <c r="Z25979">
        <v>8</v>
      </c>
      <c r="AA25979">
        <v>8</v>
      </c>
      <c r="AB25979">
        <v>8</v>
      </c>
      <c r="AC25979">
        <v>8</v>
      </c>
      <c r="AD25979">
        <v>8</v>
      </c>
      <c r="AE25979">
        <v>9</v>
      </c>
      <c r="AF25979">
        <v>9</v>
      </c>
      <c r="AG25979">
        <v>9</v>
      </c>
      <c r="AH25979">
        <v>9</v>
      </c>
      <c r="AI25979">
        <v>9</v>
      </c>
      <c r="AJ25979">
        <v>9</v>
      </c>
      <c r="AK25979">
        <v>9</v>
      </c>
      <c r="AL25979">
        <v>10</v>
      </c>
      <c r="AM25979">
        <v>10</v>
      </c>
      <c r="AN25979">
        <v>10</v>
      </c>
      <c r="AO25979">
        <v>10</v>
      </c>
      <c r="AP25979">
        <v>10</v>
      </c>
      <c r="AQ25979">
        <v>10</v>
      </c>
    </row>
    <row r="25980" spans="1:43">
      <c r="A25980" t="s">
        <v>16075</v>
      </c>
      <c r="B25980" t="s">
        <v>16076</v>
      </c>
      <c r="C25980" t="s">
        <v>16065</v>
      </c>
      <c r="D25980" t="s">
        <v>16066</v>
      </c>
      <c r="E25980" t="s">
        <v>16019</v>
      </c>
      <c r="F25980" t="s">
        <v>16020</v>
      </c>
      <c r="G25980" t="s">
        <v>10734</v>
      </c>
      <c r="H25980" t="s">
        <v>10735</v>
      </c>
      <c r="I25980" s="2">
        <v>1</v>
      </c>
      <c r="J25980" s="2">
        <v>0</v>
      </c>
      <c r="K25980" s="2">
        <v>0</v>
      </c>
      <c r="L25980" t="s">
        <v>120</v>
      </c>
      <c r="M25980" t="s">
        <v>89</v>
      </c>
      <c r="N25980" t="s">
        <v>90</v>
      </c>
      <c r="O25980" t="s">
        <v>85</v>
      </c>
      <c r="P25980" t="s">
        <v>86</v>
      </c>
      <c r="Q25980">
        <v>7</v>
      </c>
      <c r="R25980">
        <v>7</v>
      </c>
      <c r="S25980">
        <v>8</v>
      </c>
      <c r="T25980">
        <v>8</v>
      </c>
      <c r="U25980">
        <v>8</v>
      </c>
      <c r="V25980">
        <v>8</v>
      </c>
      <c r="W25980">
        <v>9</v>
      </c>
      <c r="X25980">
        <v>9</v>
      </c>
      <c r="Y25980">
        <v>9</v>
      </c>
      <c r="Z25980">
        <v>9</v>
      </c>
      <c r="AA25980">
        <v>9</v>
      </c>
      <c r="AB25980">
        <v>10</v>
      </c>
      <c r="AC25980">
        <v>10</v>
      </c>
      <c r="AD25980">
        <v>10</v>
      </c>
      <c r="AE25980">
        <v>10</v>
      </c>
      <c r="AF25980">
        <v>11</v>
      </c>
      <c r="AG25980">
        <v>11</v>
      </c>
      <c r="AH25980">
        <v>11</v>
      </c>
      <c r="AI25980">
        <v>11</v>
      </c>
      <c r="AJ25980">
        <v>11</v>
      </c>
      <c r="AK25980">
        <v>11</v>
      </c>
      <c r="AL25980">
        <v>11</v>
      </c>
      <c r="AM25980">
        <v>12</v>
      </c>
      <c r="AN25980">
        <v>12</v>
      </c>
      <c r="AO25980">
        <v>12</v>
      </c>
      <c r="AP25980">
        <v>12</v>
      </c>
      <c r="AQ25980">
        <v>12</v>
      </c>
    </row>
    <row r="25981" spans="1:43">
      <c r="A25981" t="s">
        <v>16075</v>
      </c>
      <c r="B25981" t="s">
        <v>16076</v>
      </c>
      <c r="C25981" t="s">
        <v>16065</v>
      </c>
      <c r="D25981" t="s">
        <v>16066</v>
      </c>
      <c r="E25981" t="s">
        <v>16019</v>
      </c>
      <c r="F25981" t="s">
        <v>16020</v>
      </c>
      <c r="G25981" t="s">
        <v>10734</v>
      </c>
      <c r="H25981" t="s">
        <v>10735</v>
      </c>
      <c r="I25981" s="2">
        <v>1</v>
      </c>
      <c r="J25981" s="2">
        <v>0</v>
      </c>
      <c r="K25981" s="2">
        <v>0</v>
      </c>
      <c r="L25981" t="s">
        <v>120</v>
      </c>
      <c r="M25981" t="s">
        <v>83</v>
      </c>
      <c r="N25981" t="s">
        <v>91</v>
      </c>
      <c r="O25981" t="s">
        <v>85</v>
      </c>
      <c r="P25981" t="s">
        <v>86</v>
      </c>
      <c r="Q25981">
        <v>7</v>
      </c>
      <c r="R25981">
        <v>7</v>
      </c>
      <c r="S25981">
        <v>7</v>
      </c>
      <c r="T25981">
        <v>8</v>
      </c>
      <c r="U25981">
        <v>8</v>
      </c>
      <c r="V25981">
        <v>8</v>
      </c>
      <c r="W25981">
        <v>8</v>
      </c>
      <c r="X25981">
        <v>8</v>
      </c>
      <c r="Y25981">
        <v>9</v>
      </c>
      <c r="Z25981">
        <v>9</v>
      </c>
      <c r="AA25981">
        <v>9</v>
      </c>
      <c r="AB25981">
        <v>9</v>
      </c>
      <c r="AC25981">
        <v>9</v>
      </c>
      <c r="AD25981">
        <v>10</v>
      </c>
      <c r="AE25981">
        <v>10</v>
      </c>
      <c r="AF25981">
        <v>10</v>
      </c>
      <c r="AG25981">
        <v>10</v>
      </c>
      <c r="AH25981">
        <v>10</v>
      </c>
      <c r="AI25981">
        <v>11</v>
      </c>
      <c r="AJ25981">
        <v>11</v>
      </c>
      <c r="AK25981">
        <v>11</v>
      </c>
      <c r="AL25981">
        <v>11</v>
      </c>
      <c r="AM25981">
        <v>11</v>
      </c>
      <c r="AN25981">
        <v>12</v>
      </c>
      <c r="AO25981">
        <v>12</v>
      </c>
      <c r="AP25981">
        <v>12</v>
      </c>
      <c r="AQ25981">
        <v>12</v>
      </c>
    </row>
    <row r="25982" spans="1:43">
      <c r="A25982" t="s">
        <v>16077</v>
      </c>
      <c r="B25982" t="s">
        <v>16078</v>
      </c>
      <c r="C25982" t="s">
        <v>16017</v>
      </c>
      <c r="D25982" t="s">
        <v>16018</v>
      </c>
      <c r="E25982" t="s">
        <v>16019</v>
      </c>
      <c r="F25982" t="s">
        <v>16020</v>
      </c>
      <c r="G25982" t="s">
        <v>10734</v>
      </c>
      <c r="H25982" t="s">
        <v>10735</v>
      </c>
      <c r="I25982" s="2">
        <v>1</v>
      </c>
      <c r="J25982" s="2">
        <v>0</v>
      </c>
      <c r="K25982" s="2">
        <v>0</v>
      </c>
      <c r="L25982" t="s">
        <v>120</v>
      </c>
      <c r="M25982" t="s">
        <v>83</v>
      </c>
      <c r="N25982" t="s">
        <v>84</v>
      </c>
      <c r="O25982" t="s">
        <v>85</v>
      </c>
      <c r="P25982" t="s">
        <v>86</v>
      </c>
      <c r="Q25982">
        <v>10</v>
      </c>
      <c r="R25982">
        <v>10</v>
      </c>
      <c r="S25982">
        <v>10</v>
      </c>
      <c r="T25982">
        <v>10</v>
      </c>
      <c r="U25982">
        <v>10</v>
      </c>
      <c r="V25982">
        <v>11</v>
      </c>
      <c r="W25982">
        <v>11</v>
      </c>
      <c r="X25982">
        <v>11</v>
      </c>
      <c r="Y25982">
        <v>11</v>
      </c>
      <c r="Z25982">
        <v>12</v>
      </c>
      <c r="AA25982">
        <v>12</v>
      </c>
      <c r="AB25982">
        <v>12</v>
      </c>
      <c r="AC25982">
        <v>12</v>
      </c>
      <c r="AD25982">
        <v>13</v>
      </c>
      <c r="AE25982">
        <v>13</v>
      </c>
      <c r="AF25982">
        <v>13</v>
      </c>
      <c r="AG25982">
        <v>14</v>
      </c>
      <c r="AH25982">
        <v>14</v>
      </c>
      <c r="AI25982">
        <v>14</v>
      </c>
      <c r="AJ25982">
        <v>14</v>
      </c>
      <c r="AK25982">
        <v>15</v>
      </c>
      <c r="AL25982">
        <v>15</v>
      </c>
      <c r="AM25982">
        <v>15</v>
      </c>
      <c r="AN25982">
        <v>15</v>
      </c>
      <c r="AO25982">
        <v>16</v>
      </c>
      <c r="AP25982">
        <v>16</v>
      </c>
      <c r="AQ25982">
        <v>16</v>
      </c>
    </row>
    <row r="25983" spans="1:43">
      <c r="A25983" t="s">
        <v>16077</v>
      </c>
      <c r="B25983" t="s">
        <v>16078</v>
      </c>
      <c r="C25983" t="s">
        <v>16017</v>
      </c>
      <c r="D25983" t="s">
        <v>16018</v>
      </c>
      <c r="E25983" t="s">
        <v>16019</v>
      </c>
      <c r="F25983" t="s">
        <v>16020</v>
      </c>
      <c r="G25983" t="s">
        <v>10734</v>
      </c>
      <c r="H25983" t="s">
        <v>10735</v>
      </c>
      <c r="I25983" s="2">
        <v>1</v>
      </c>
      <c r="J25983" s="2">
        <v>0</v>
      </c>
      <c r="K25983" s="2">
        <v>0</v>
      </c>
      <c r="L25983" t="s">
        <v>120</v>
      </c>
      <c r="M25983" t="s">
        <v>87</v>
      </c>
      <c r="N25983" t="s">
        <v>88</v>
      </c>
      <c r="O25983" t="s">
        <v>85</v>
      </c>
      <c r="P25983" t="s">
        <v>86</v>
      </c>
      <c r="Q25983">
        <v>10</v>
      </c>
      <c r="R25983">
        <v>11</v>
      </c>
      <c r="S25983">
        <v>11</v>
      </c>
      <c r="T25983">
        <v>11</v>
      </c>
      <c r="U25983">
        <v>11</v>
      </c>
      <c r="V25983">
        <v>11</v>
      </c>
      <c r="W25983">
        <v>11</v>
      </c>
      <c r="X25983">
        <v>11</v>
      </c>
      <c r="Y25983">
        <v>12</v>
      </c>
      <c r="Z25983">
        <v>12</v>
      </c>
      <c r="AA25983">
        <v>12</v>
      </c>
      <c r="AB25983">
        <v>12</v>
      </c>
      <c r="AC25983">
        <v>12</v>
      </c>
      <c r="AD25983">
        <v>12</v>
      </c>
      <c r="AE25983">
        <v>12</v>
      </c>
      <c r="AF25983">
        <v>13</v>
      </c>
      <c r="AG25983">
        <v>13</v>
      </c>
      <c r="AH25983">
        <v>13</v>
      </c>
      <c r="AI25983">
        <v>13</v>
      </c>
      <c r="AJ25983">
        <v>13</v>
      </c>
      <c r="AK25983">
        <v>14</v>
      </c>
      <c r="AL25983">
        <v>14</v>
      </c>
      <c r="AM25983">
        <v>14</v>
      </c>
      <c r="AN25983">
        <v>14</v>
      </c>
      <c r="AO25983">
        <v>14</v>
      </c>
      <c r="AP25983">
        <v>15</v>
      </c>
      <c r="AQ25983">
        <v>15</v>
      </c>
    </row>
    <row r="25984" spans="1:43">
      <c r="A25984" t="s">
        <v>16077</v>
      </c>
      <c r="B25984" t="s">
        <v>16078</v>
      </c>
      <c r="C25984" t="s">
        <v>16017</v>
      </c>
      <c r="D25984" t="s">
        <v>16018</v>
      </c>
      <c r="E25984" t="s">
        <v>16019</v>
      </c>
      <c r="F25984" t="s">
        <v>16020</v>
      </c>
      <c r="G25984" t="s">
        <v>10734</v>
      </c>
      <c r="H25984" t="s">
        <v>10735</v>
      </c>
      <c r="I25984" s="2">
        <v>1</v>
      </c>
      <c r="J25984" s="2">
        <v>0</v>
      </c>
      <c r="K25984" s="2">
        <v>0</v>
      </c>
      <c r="L25984" t="s">
        <v>120</v>
      </c>
      <c r="M25984" t="s">
        <v>89</v>
      </c>
      <c r="N25984" t="s">
        <v>90</v>
      </c>
      <c r="O25984" t="s">
        <v>85</v>
      </c>
      <c r="P25984" t="s">
        <v>86</v>
      </c>
      <c r="Q25984">
        <v>10</v>
      </c>
      <c r="R25984">
        <v>10</v>
      </c>
      <c r="S25984">
        <v>10</v>
      </c>
      <c r="T25984">
        <v>11</v>
      </c>
      <c r="U25984">
        <v>11</v>
      </c>
      <c r="V25984">
        <v>11</v>
      </c>
      <c r="W25984">
        <v>11</v>
      </c>
      <c r="X25984">
        <v>12</v>
      </c>
      <c r="Y25984">
        <v>12</v>
      </c>
      <c r="Z25984">
        <v>12</v>
      </c>
      <c r="AA25984">
        <v>13</v>
      </c>
      <c r="AB25984">
        <v>13</v>
      </c>
      <c r="AC25984">
        <v>13</v>
      </c>
      <c r="AD25984">
        <v>14</v>
      </c>
      <c r="AE25984">
        <v>14</v>
      </c>
      <c r="AF25984">
        <v>14</v>
      </c>
      <c r="AG25984">
        <v>14</v>
      </c>
      <c r="AH25984">
        <v>14</v>
      </c>
      <c r="AI25984">
        <v>15</v>
      </c>
      <c r="AJ25984">
        <v>15</v>
      </c>
      <c r="AK25984">
        <v>15</v>
      </c>
      <c r="AL25984">
        <v>15</v>
      </c>
      <c r="AM25984">
        <v>15</v>
      </c>
      <c r="AN25984">
        <v>15</v>
      </c>
      <c r="AO25984">
        <v>16</v>
      </c>
      <c r="AP25984">
        <v>16</v>
      </c>
      <c r="AQ25984">
        <v>16</v>
      </c>
    </row>
    <row r="25985" spans="1:43">
      <c r="A25985" t="s">
        <v>16077</v>
      </c>
      <c r="B25985" t="s">
        <v>16078</v>
      </c>
      <c r="C25985" t="s">
        <v>16017</v>
      </c>
      <c r="D25985" t="s">
        <v>16018</v>
      </c>
      <c r="E25985" t="s">
        <v>16019</v>
      </c>
      <c r="F25985" t="s">
        <v>16020</v>
      </c>
      <c r="G25985" t="s">
        <v>10734</v>
      </c>
      <c r="H25985" t="s">
        <v>10735</v>
      </c>
      <c r="I25985" s="2">
        <v>1</v>
      </c>
      <c r="J25985" s="2">
        <v>0</v>
      </c>
      <c r="K25985" s="2">
        <v>0</v>
      </c>
      <c r="L25985" t="s">
        <v>120</v>
      </c>
      <c r="M25985" t="s">
        <v>83</v>
      </c>
      <c r="N25985" t="s">
        <v>91</v>
      </c>
      <c r="O25985" t="s">
        <v>85</v>
      </c>
      <c r="P25985" t="s">
        <v>86</v>
      </c>
      <c r="Q25985">
        <v>10</v>
      </c>
      <c r="R25985">
        <v>10</v>
      </c>
      <c r="S25985">
        <v>10</v>
      </c>
      <c r="T25985">
        <v>10</v>
      </c>
      <c r="U25985">
        <v>10</v>
      </c>
      <c r="V25985">
        <v>11</v>
      </c>
      <c r="W25985">
        <v>11</v>
      </c>
      <c r="X25985">
        <v>11</v>
      </c>
      <c r="Y25985">
        <v>11</v>
      </c>
      <c r="Z25985">
        <v>12</v>
      </c>
      <c r="AA25985">
        <v>12</v>
      </c>
      <c r="AB25985">
        <v>12</v>
      </c>
      <c r="AC25985">
        <v>12</v>
      </c>
      <c r="AD25985">
        <v>13</v>
      </c>
      <c r="AE25985">
        <v>13</v>
      </c>
      <c r="AF25985">
        <v>13</v>
      </c>
      <c r="AG25985">
        <v>14</v>
      </c>
      <c r="AH25985">
        <v>14</v>
      </c>
      <c r="AI25985">
        <v>14</v>
      </c>
      <c r="AJ25985">
        <v>14</v>
      </c>
      <c r="AK25985">
        <v>15</v>
      </c>
      <c r="AL25985">
        <v>15</v>
      </c>
      <c r="AM25985">
        <v>15</v>
      </c>
      <c r="AN25985">
        <v>15</v>
      </c>
      <c r="AO25985">
        <v>16</v>
      </c>
      <c r="AP25985">
        <v>16</v>
      </c>
      <c r="AQ25985">
        <v>16</v>
      </c>
    </row>
    <row r="25986" spans="1:43">
      <c r="A25986" t="s">
        <v>16079</v>
      </c>
      <c r="B25986" t="s">
        <v>16080</v>
      </c>
      <c r="C25986" t="s">
        <v>16017</v>
      </c>
      <c r="D25986" t="s">
        <v>16018</v>
      </c>
      <c r="E25986" t="s">
        <v>16019</v>
      </c>
      <c r="F25986" t="s">
        <v>16020</v>
      </c>
      <c r="G25986" t="s">
        <v>10734</v>
      </c>
      <c r="H25986" t="s">
        <v>10735</v>
      </c>
      <c r="I25986" s="2">
        <v>1</v>
      </c>
      <c r="J25986" s="2">
        <v>0</v>
      </c>
      <c r="K25986" s="2">
        <v>0</v>
      </c>
      <c r="L25986" t="s">
        <v>120</v>
      </c>
      <c r="M25986" t="s">
        <v>83</v>
      </c>
      <c r="N25986" t="s">
        <v>84</v>
      </c>
      <c r="O25986" t="s">
        <v>85</v>
      </c>
      <c r="P25986" t="s">
        <v>86</v>
      </c>
      <c r="Q25986">
        <v>18</v>
      </c>
      <c r="R25986">
        <v>18</v>
      </c>
      <c r="S25986">
        <v>18</v>
      </c>
      <c r="T25986">
        <v>19</v>
      </c>
      <c r="U25986">
        <v>19</v>
      </c>
      <c r="V25986">
        <v>20</v>
      </c>
      <c r="W25986">
        <v>20</v>
      </c>
      <c r="X25986">
        <v>21</v>
      </c>
      <c r="Y25986">
        <v>21</v>
      </c>
      <c r="Z25986">
        <v>22</v>
      </c>
      <c r="AA25986">
        <v>22</v>
      </c>
      <c r="AB25986">
        <v>23</v>
      </c>
      <c r="AC25986">
        <v>23</v>
      </c>
      <c r="AD25986">
        <v>24</v>
      </c>
      <c r="AE25986">
        <v>24</v>
      </c>
      <c r="AF25986">
        <v>25</v>
      </c>
      <c r="AG25986">
        <v>25</v>
      </c>
      <c r="AH25986">
        <v>26</v>
      </c>
      <c r="AI25986">
        <v>26</v>
      </c>
      <c r="AJ25986">
        <v>27</v>
      </c>
      <c r="AK25986">
        <v>28</v>
      </c>
      <c r="AL25986">
        <v>28</v>
      </c>
      <c r="AM25986">
        <v>28</v>
      </c>
      <c r="AN25986">
        <v>29</v>
      </c>
      <c r="AO25986">
        <v>29</v>
      </c>
      <c r="AP25986">
        <v>30</v>
      </c>
      <c r="AQ25986">
        <v>30</v>
      </c>
    </row>
    <row r="25987" spans="1:43">
      <c r="A25987" t="s">
        <v>16079</v>
      </c>
      <c r="B25987" t="s">
        <v>16080</v>
      </c>
      <c r="C25987" t="s">
        <v>16017</v>
      </c>
      <c r="D25987" t="s">
        <v>16018</v>
      </c>
      <c r="E25987" t="s">
        <v>16019</v>
      </c>
      <c r="F25987" t="s">
        <v>16020</v>
      </c>
      <c r="G25987" t="s">
        <v>10734</v>
      </c>
      <c r="H25987" t="s">
        <v>10735</v>
      </c>
      <c r="I25987" s="2">
        <v>1</v>
      </c>
      <c r="J25987" s="2">
        <v>0</v>
      </c>
      <c r="K25987" s="2">
        <v>0</v>
      </c>
      <c r="L25987" t="s">
        <v>120</v>
      </c>
      <c r="M25987" t="s">
        <v>87</v>
      </c>
      <c r="N25987" t="s">
        <v>88</v>
      </c>
      <c r="O25987" t="s">
        <v>85</v>
      </c>
      <c r="P25987" t="s">
        <v>86</v>
      </c>
      <c r="Q25987">
        <v>18</v>
      </c>
      <c r="R25987">
        <v>19</v>
      </c>
      <c r="S25987">
        <v>19</v>
      </c>
      <c r="T25987">
        <v>19</v>
      </c>
      <c r="U25987">
        <v>19</v>
      </c>
      <c r="V25987">
        <v>20</v>
      </c>
      <c r="W25987">
        <v>20</v>
      </c>
      <c r="X25987">
        <v>20</v>
      </c>
      <c r="Y25987">
        <v>21</v>
      </c>
      <c r="Z25987">
        <v>21</v>
      </c>
      <c r="AA25987">
        <v>21</v>
      </c>
      <c r="AB25987">
        <v>21</v>
      </c>
      <c r="AC25987">
        <v>22</v>
      </c>
      <c r="AD25987">
        <v>22</v>
      </c>
      <c r="AE25987">
        <v>22</v>
      </c>
      <c r="AF25987">
        <v>23</v>
      </c>
      <c r="AG25987">
        <v>23</v>
      </c>
      <c r="AH25987">
        <v>23</v>
      </c>
      <c r="AI25987">
        <v>24</v>
      </c>
      <c r="AJ25987">
        <v>24</v>
      </c>
      <c r="AK25987">
        <v>25</v>
      </c>
      <c r="AL25987">
        <v>25</v>
      </c>
      <c r="AM25987">
        <v>25</v>
      </c>
      <c r="AN25987">
        <v>26</v>
      </c>
      <c r="AO25987">
        <v>26</v>
      </c>
      <c r="AP25987">
        <v>27</v>
      </c>
      <c r="AQ25987">
        <v>27</v>
      </c>
    </row>
    <row r="25988" spans="1:43">
      <c r="A25988" t="s">
        <v>16079</v>
      </c>
      <c r="B25988" t="s">
        <v>16080</v>
      </c>
      <c r="C25988" t="s">
        <v>16017</v>
      </c>
      <c r="D25988" t="s">
        <v>16018</v>
      </c>
      <c r="E25988" t="s">
        <v>16019</v>
      </c>
      <c r="F25988" t="s">
        <v>16020</v>
      </c>
      <c r="G25988" t="s">
        <v>10734</v>
      </c>
      <c r="H25988" t="s">
        <v>10735</v>
      </c>
      <c r="I25988" s="2">
        <v>1</v>
      </c>
      <c r="J25988" s="2">
        <v>0</v>
      </c>
      <c r="K25988" s="2">
        <v>0</v>
      </c>
      <c r="L25988" t="s">
        <v>120</v>
      </c>
      <c r="M25988" t="s">
        <v>89</v>
      </c>
      <c r="N25988" t="s">
        <v>90</v>
      </c>
      <c r="O25988" t="s">
        <v>85</v>
      </c>
      <c r="P25988" t="s">
        <v>86</v>
      </c>
      <c r="Q25988">
        <v>18</v>
      </c>
      <c r="R25988">
        <v>18</v>
      </c>
      <c r="S25988">
        <v>19</v>
      </c>
      <c r="T25988">
        <v>19</v>
      </c>
      <c r="U25988">
        <v>20</v>
      </c>
      <c r="V25988">
        <v>21</v>
      </c>
      <c r="W25988">
        <v>21</v>
      </c>
      <c r="X25988">
        <v>22</v>
      </c>
      <c r="Y25988">
        <v>22</v>
      </c>
      <c r="Z25988">
        <v>23</v>
      </c>
      <c r="AA25988">
        <v>24</v>
      </c>
      <c r="AB25988">
        <v>24</v>
      </c>
      <c r="AC25988">
        <v>25</v>
      </c>
      <c r="AD25988">
        <v>25</v>
      </c>
      <c r="AE25988">
        <v>26</v>
      </c>
      <c r="AF25988">
        <v>26</v>
      </c>
      <c r="AG25988">
        <v>27</v>
      </c>
      <c r="AH25988">
        <v>27</v>
      </c>
      <c r="AI25988">
        <v>27</v>
      </c>
      <c r="AJ25988">
        <v>28</v>
      </c>
      <c r="AK25988">
        <v>28</v>
      </c>
      <c r="AL25988">
        <v>28</v>
      </c>
      <c r="AM25988">
        <v>29</v>
      </c>
      <c r="AN25988">
        <v>29</v>
      </c>
      <c r="AO25988">
        <v>29</v>
      </c>
      <c r="AP25988">
        <v>30</v>
      </c>
      <c r="AQ25988">
        <v>30</v>
      </c>
    </row>
    <row r="25989" spans="1:43">
      <c r="A25989" t="s">
        <v>16079</v>
      </c>
      <c r="B25989" t="s">
        <v>16080</v>
      </c>
      <c r="C25989" t="s">
        <v>16017</v>
      </c>
      <c r="D25989" t="s">
        <v>16018</v>
      </c>
      <c r="E25989" t="s">
        <v>16019</v>
      </c>
      <c r="F25989" t="s">
        <v>16020</v>
      </c>
      <c r="G25989" t="s">
        <v>10734</v>
      </c>
      <c r="H25989" t="s">
        <v>10735</v>
      </c>
      <c r="I25989" s="2">
        <v>1</v>
      </c>
      <c r="J25989" s="2">
        <v>0</v>
      </c>
      <c r="K25989" s="2">
        <v>0</v>
      </c>
      <c r="L25989" t="s">
        <v>120</v>
      </c>
      <c r="M25989" t="s">
        <v>83</v>
      </c>
      <c r="N25989" t="s">
        <v>91</v>
      </c>
      <c r="O25989" t="s">
        <v>85</v>
      </c>
      <c r="P25989" t="s">
        <v>86</v>
      </c>
      <c r="Q25989">
        <v>18</v>
      </c>
      <c r="R25989">
        <v>18</v>
      </c>
      <c r="S25989">
        <v>18</v>
      </c>
      <c r="T25989">
        <v>19</v>
      </c>
      <c r="U25989">
        <v>19</v>
      </c>
      <c r="V25989">
        <v>20</v>
      </c>
      <c r="W25989">
        <v>20</v>
      </c>
      <c r="X25989">
        <v>21</v>
      </c>
      <c r="Y25989">
        <v>21</v>
      </c>
      <c r="Z25989">
        <v>22</v>
      </c>
      <c r="AA25989">
        <v>22</v>
      </c>
      <c r="AB25989">
        <v>23</v>
      </c>
      <c r="AC25989">
        <v>23</v>
      </c>
      <c r="AD25989">
        <v>24</v>
      </c>
      <c r="AE25989">
        <v>24</v>
      </c>
      <c r="AF25989">
        <v>25</v>
      </c>
      <c r="AG25989">
        <v>25</v>
      </c>
      <c r="AH25989">
        <v>26</v>
      </c>
      <c r="AI25989">
        <v>26</v>
      </c>
      <c r="AJ25989">
        <v>27</v>
      </c>
      <c r="AK25989">
        <v>28</v>
      </c>
      <c r="AL25989">
        <v>28</v>
      </c>
      <c r="AM25989">
        <v>28</v>
      </c>
      <c r="AN25989">
        <v>29</v>
      </c>
      <c r="AO25989">
        <v>29</v>
      </c>
      <c r="AP25989">
        <v>30</v>
      </c>
      <c r="AQ25989">
        <v>30</v>
      </c>
    </row>
    <row r="25990" spans="1:43">
      <c r="A25990" t="s">
        <v>16081</v>
      </c>
      <c r="B25990" t="s">
        <v>16082</v>
      </c>
      <c r="C25990" t="s">
        <v>16083</v>
      </c>
      <c r="D25990" t="s">
        <v>16084</v>
      </c>
      <c r="E25990" t="s">
        <v>16019</v>
      </c>
      <c r="F25990" t="s">
        <v>16020</v>
      </c>
      <c r="G25990" t="s">
        <v>10734</v>
      </c>
      <c r="H25990" t="s">
        <v>10735</v>
      </c>
      <c r="I25990" s="2">
        <v>1</v>
      </c>
      <c r="J25990" s="2">
        <v>0</v>
      </c>
      <c r="K25990" s="2">
        <v>0</v>
      </c>
      <c r="L25990" t="s">
        <v>120</v>
      </c>
      <c r="M25990" t="s">
        <v>83</v>
      </c>
      <c r="N25990" t="s">
        <v>84</v>
      </c>
      <c r="O25990" t="s">
        <v>85</v>
      </c>
      <c r="P25990" t="s">
        <v>86</v>
      </c>
      <c r="Q25990">
        <v>26</v>
      </c>
      <c r="R25990">
        <v>27</v>
      </c>
      <c r="S25990">
        <v>27</v>
      </c>
      <c r="T25990">
        <v>28</v>
      </c>
      <c r="U25990">
        <v>29</v>
      </c>
      <c r="V25990">
        <v>29</v>
      </c>
      <c r="W25990">
        <v>30</v>
      </c>
      <c r="X25990">
        <v>31</v>
      </c>
      <c r="Y25990">
        <v>31</v>
      </c>
      <c r="Z25990">
        <v>32</v>
      </c>
      <c r="AA25990">
        <v>33</v>
      </c>
      <c r="AB25990">
        <v>33</v>
      </c>
      <c r="AC25990">
        <v>34</v>
      </c>
      <c r="AD25990">
        <v>35</v>
      </c>
      <c r="AE25990">
        <v>36</v>
      </c>
      <c r="AF25990">
        <v>36</v>
      </c>
      <c r="AG25990">
        <v>37</v>
      </c>
      <c r="AH25990">
        <v>38</v>
      </c>
      <c r="AI25990">
        <v>39</v>
      </c>
      <c r="AJ25990">
        <v>40</v>
      </c>
      <c r="AK25990">
        <v>41</v>
      </c>
      <c r="AL25990">
        <v>41</v>
      </c>
      <c r="AM25990">
        <v>42</v>
      </c>
      <c r="AN25990">
        <v>43</v>
      </c>
      <c r="AO25990">
        <v>43</v>
      </c>
      <c r="AP25990">
        <v>44</v>
      </c>
      <c r="AQ25990">
        <v>44</v>
      </c>
    </row>
    <row r="25991" spans="1:43">
      <c r="A25991" t="s">
        <v>16081</v>
      </c>
      <c r="B25991" t="s">
        <v>16082</v>
      </c>
      <c r="C25991" t="s">
        <v>16083</v>
      </c>
      <c r="D25991" t="s">
        <v>16084</v>
      </c>
      <c r="E25991" t="s">
        <v>16019</v>
      </c>
      <c r="F25991" t="s">
        <v>16020</v>
      </c>
      <c r="G25991" t="s">
        <v>10734</v>
      </c>
      <c r="H25991" t="s">
        <v>10735</v>
      </c>
      <c r="I25991" s="2">
        <v>1</v>
      </c>
      <c r="J25991" s="2">
        <v>0</v>
      </c>
      <c r="K25991" s="2">
        <v>0</v>
      </c>
      <c r="L25991" t="s">
        <v>120</v>
      </c>
      <c r="M25991" t="s">
        <v>87</v>
      </c>
      <c r="N25991" t="s">
        <v>88</v>
      </c>
      <c r="O25991" t="s">
        <v>85</v>
      </c>
      <c r="P25991" t="s">
        <v>86</v>
      </c>
      <c r="Q25991">
        <v>26</v>
      </c>
      <c r="R25991">
        <v>26</v>
      </c>
      <c r="S25991">
        <v>27</v>
      </c>
      <c r="T25991">
        <v>27</v>
      </c>
      <c r="U25991">
        <v>27</v>
      </c>
      <c r="V25991">
        <v>28</v>
      </c>
      <c r="W25991">
        <v>28</v>
      </c>
      <c r="X25991">
        <v>29</v>
      </c>
      <c r="Y25991">
        <v>29</v>
      </c>
      <c r="Z25991">
        <v>29</v>
      </c>
      <c r="AA25991">
        <v>30</v>
      </c>
      <c r="AB25991">
        <v>30</v>
      </c>
      <c r="AC25991">
        <v>31</v>
      </c>
      <c r="AD25991">
        <v>31</v>
      </c>
      <c r="AE25991">
        <v>32</v>
      </c>
      <c r="AF25991">
        <v>32</v>
      </c>
      <c r="AG25991">
        <v>33</v>
      </c>
      <c r="AH25991">
        <v>33</v>
      </c>
      <c r="AI25991">
        <v>34</v>
      </c>
      <c r="AJ25991">
        <v>34</v>
      </c>
      <c r="AK25991">
        <v>35</v>
      </c>
      <c r="AL25991">
        <v>35</v>
      </c>
      <c r="AM25991">
        <v>36</v>
      </c>
      <c r="AN25991">
        <v>37</v>
      </c>
      <c r="AO25991">
        <v>37</v>
      </c>
      <c r="AP25991">
        <v>38</v>
      </c>
      <c r="AQ25991">
        <v>39</v>
      </c>
    </row>
    <row r="25992" spans="1:43">
      <c r="A25992" t="s">
        <v>16081</v>
      </c>
      <c r="B25992" t="s">
        <v>16082</v>
      </c>
      <c r="C25992" t="s">
        <v>16083</v>
      </c>
      <c r="D25992" t="s">
        <v>16084</v>
      </c>
      <c r="E25992" t="s">
        <v>16019</v>
      </c>
      <c r="F25992" t="s">
        <v>16020</v>
      </c>
      <c r="G25992" t="s">
        <v>10734</v>
      </c>
      <c r="H25992" t="s">
        <v>10735</v>
      </c>
      <c r="I25992" s="2">
        <v>1</v>
      </c>
      <c r="J25992" s="2">
        <v>0</v>
      </c>
      <c r="K25992" s="2">
        <v>0</v>
      </c>
      <c r="L25992" t="s">
        <v>120</v>
      </c>
      <c r="M25992" t="s">
        <v>89</v>
      </c>
      <c r="N25992" t="s">
        <v>90</v>
      </c>
      <c r="O25992" t="s">
        <v>85</v>
      </c>
      <c r="P25992" t="s">
        <v>86</v>
      </c>
      <c r="Q25992">
        <v>26</v>
      </c>
      <c r="R25992">
        <v>27</v>
      </c>
      <c r="S25992">
        <v>28</v>
      </c>
      <c r="T25992">
        <v>29</v>
      </c>
      <c r="U25992">
        <v>30</v>
      </c>
      <c r="V25992">
        <v>31</v>
      </c>
      <c r="W25992">
        <v>31</v>
      </c>
      <c r="X25992">
        <v>32</v>
      </c>
      <c r="Y25992">
        <v>33</v>
      </c>
      <c r="Z25992">
        <v>34</v>
      </c>
      <c r="AA25992">
        <v>35</v>
      </c>
      <c r="AB25992">
        <v>36</v>
      </c>
      <c r="AC25992">
        <v>37</v>
      </c>
      <c r="AD25992">
        <v>38</v>
      </c>
      <c r="AE25992">
        <v>38</v>
      </c>
      <c r="AF25992">
        <v>39</v>
      </c>
      <c r="AG25992">
        <v>39</v>
      </c>
      <c r="AH25992">
        <v>40</v>
      </c>
      <c r="AI25992">
        <v>40</v>
      </c>
      <c r="AJ25992">
        <v>41</v>
      </c>
      <c r="AK25992">
        <v>41</v>
      </c>
      <c r="AL25992">
        <v>42</v>
      </c>
      <c r="AM25992">
        <v>42</v>
      </c>
      <c r="AN25992">
        <v>43</v>
      </c>
      <c r="AO25992">
        <v>44</v>
      </c>
      <c r="AP25992">
        <v>44</v>
      </c>
      <c r="AQ25992">
        <v>45</v>
      </c>
    </row>
    <row r="25993" spans="1:43">
      <c r="A25993" t="s">
        <v>16081</v>
      </c>
      <c r="B25993" t="s">
        <v>16082</v>
      </c>
      <c r="C25993" t="s">
        <v>16083</v>
      </c>
      <c r="D25993" t="s">
        <v>16084</v>
      </c>
      <c r="E25993" t="s">
        <v>16019</v>
      </c>
      <c r="F25993" t="s">
        <v>16020</v>
      </c>
      <c r="G25993" t="s">
        <v>10734</v>
      </c>
      <c r="H25993" t="s">
        <v>10735</v>
      </c>
      <c r="I25993" s="2">
        <v>1</v>
      </c>
      <c r="J25993" s="2">
        <v>0</v>
      </c>
      <c r="K25993" s="2">
        <v>0</v>
      </c>
      <c r="L25993" t="s">
        <v>120</v>
      </c>
      <c r="M25993" t="s">
        <v>83</v>
      </c>
      <c r="N25993" t="s">
        <v>91</v>
      </c>
      <c r="O25993" t="s">
        <v>85</v>
      </c>
      <c r="P25993" t="s">
        <v>86</v>
      </c>
      <c r="Q25993">
        <v>26</v>
      </c>
      <c r="R25993">
        <v>27</v>
      </c>
      <c r="S25993">
        <v>27</v>
      </c>
      <c r="T25993">
        <v>28</v>
      </c>
      <c r="U25993">
        <v>29</v>
      </c>
      <c r="V25993">
        <v>29</v>
      </c>
      <c r="W25993">
        <v>30</v>
      </c>
      <c r="X25993">
        <v>31</v>
      </c>
      <c r="Y25993">
        <v>31</v>
      </c>
      <c r="Z25993">
        <v>32</v>
      </c>
      <c r="AA25993">
        <v>33</v>
      </c>
      <c r="AB25993">
        <v>33</v>
      </c>
      <c r="AC25993">
        <v>34</v>
      </c>
      <c r="AD25993">
        <v>35</v>
      </c>
      <c r="AE25993">
        <v>36</v>
      </c>
      <c r="AF25993">
        <v>36</v>
      </c>
      <c r="AG25993">
        <v>37</v>
      </c>
      <c r="AH25993">
        <v>38</v>
      </c>
      <c r="AI25993">
        <v>39</v>
      </c>
      <c r="AJ25993">
        <v>40</v>
      </c>
      <c r="AK25993">
        <v>41</v>
      </c>
      <c r="AL25993">
        <v>41</v>
      </c>
      <c r="AM25993">
        <v>42</v>
      </c>
      <c r="AN25993">
        <v>43</v>
      </c>
      <c r="AO25993">
        <v>43</v>
      </c>
      <c r="AP25993">
        <v>44</v>
      </c>
      <c r="AQ25993">
        <v>44</v>
      </c>
    </row>
    <row r="25994" spans="1:43">
      <c r="A25994" t="s">
        <v>16085</v>
      </c>
      <c r="B25994" t="s">
        <v>16086</v>
      </c>
      <c r="C25994" t="s">
        <v>16017</v>
      </c>
      <c r="D25994" t="s">
        <v>16018</v>
      </c>
      <c r="E25994" t="s">
        <v>16019</v>
      </c>
      <c r="F25994" t="s">
        <v>16020</v>
      </c>
      <c r="G25994" t="s">
        <v>10734</v>
      </c>
      <c r="H25994" t="s">
        <v>10735</v>
      </c>
      <c r="I25994" s="2">
        <v>1</v>
      </c>
      <c r="J25994" s="2">
        <v>0</v>
      </c>
      <c r="K25994" s="2">
        <v>0</v>
      </c>
      <c r="L25994" t="s">
        <v>120</v>
      </c>
      <c r="M25994" t="s">
        <v>83</v>
      </c>
      <c r="N25994" t="s">
        <v>84</v>
      </c>
      <c r="O25994" t="s">
        <v>85</v>
      </c>
      <c r="P25994" t="s">
        <v>86</v>
      </c>
      <c r="Q25994">
        <v>32</v>
      </c>
      <c r="R25994">
        <v>32</v>
      </c>
      <c r="S25994">
        <v>33</v>
      </c>
      <c r="T25994">
        <v>34</v>
      </c>
      <c r="U25994">
        <v>35</v>
      </c>
      <c r="V25994">
        <v>36</v>
      </c>
      <c r="W25994">
        <v>36</v>
      </c>
      <c r="X25994">
        <v>37</v>
      </c>
      <c r="Y25994">
        <v>38</v>
      </c>
      <c r="Z25994">
        <v>39</v>
      </c>
      <c r="AA25994">
        <v>40</v>
      </c>
      <c r="AB25994">
        <v>41</v>
      </c>
      <c r="AC25994">
        <v>42</v>
      </c>
      <c r="AD25994">
        <v>43</v>
      </c>
      <c r="AE25994">
        <v>44</v>
      </c>
      <c r="AF25994">
        <v>45</v>
      </c>
      <c r="AG25994">
        <v>46</v>
      </c>
      <c r="AH25994">
        <v>47</v>
      </c>
      <c r="AI25994">
        <v>48</v>
      </c>
      <c r="AJ25994">
        <v>49</v>
      </c>
      <c r="AK25994">
        <v>50</v>
      </c>
      <c r="AL25994">
        <v>51</v>
      </c>
      <c r="AM25994">
        <v>51</v>
      </c>
      <c r="AN25994">
        <v>52</v>
      </c>
      <c r="AO25994">
        <v>53</v>
      </c>
      <c r="AP25994">
        <v>54</v>
      </c>
      <c r="AQ25994">
        <v>54</v>
      </c>
    </row>
    <row r="25995" spans="1:43">
      <c r="A25995" t="s">
        <v>16085</v>
      </c>
      <c r="B25995" t="s">
        <v>16086</v>
      </c>
      <c r="C25995" t="s">
        <v>16017</v>
      </c>
      <c r="D25995" t="s">
        <v>16018</v>
      </c>
      <c r="E25995" t="s">
        <v>16019</v>
      </c>
      <c r="F25995" t="s">
        <v>16020</v>
      </c>
      <c r="G25995" t="s">
        <v>10734</v>
      </c>
      <c r="H25995" t="s">
        <v>10735</v>
      </c>
      <c r="I25995" s="2">
        <v>1</v>
      </c>
      <c r="J25995" s="2">
        <v>0</v>
      </c>
      <c r="K25995" s="2">
        <v>0</v>
      </c>
      <c r="L25995" t="s">
        <v>120</v>
      </c>
      <c r="M25995" t="s">
        <v>87</v>
      </c>
      <c r="N25995" t="s">
        <v>88</v>
      </c>
      <c r="O25995" t="s">
        <v>85</v>
      </c>
      <c r="P25995" t="s">
        <v>86</v>
      </c>
      <c r="Q25995">
        <v>32</v>
      </c>
      <c r="R25995">
        <v>33</v>
      </c>
      <c r="S25995">
        <v>33</v>
      </c>
      <c r="T25995">
        <v>34</v>
      </c>
      <c r="U25995">
        <v>34</v>
      </c>
      <c r="V25995">
        <v>35</v>
      </c>
      <c r="W25995">
        <v>35</v>
      </c>
      <c r="X25995">
        <v>36</v>
      </c>
      <c r="Y25995">
        <v>36</v>
      </c>
      <c r="Z25995">
        <v>37</v>
      </c>
      <c r="AA25995">
        <v>37</v>
      </c>
      <c r="AB25995">
        <v>38</v>
      </c>
      <c r="AC25995">
        <v>38</v>
      </c>
      <c r="AD25995">
        <v>39</v>
      </c>
      <c r="AE25995">
        <v>40</v>
      </c>
      <c r="AF25995">
        <v>40</v>
      </c>
      <c r="AG25995">
        <v>41</v>
      </c>
      <c r="AH25995">
        <v>41</v>
      </c>
      <c r="AI25995">
        <v>42</v>
      </c>
      <c r="AJ25995">
        <v>43</v>
      </c>
      <c r="AK25995">
        <v>43</v>
      </c>
      <c r="AL25995">
        <v>44</v>
      </c>
      <c r="AM25995">
        <v>45</v>
      </c>
      <c r="AN25995">
        <v>46</v>
      </c>
      <c r="AO25995">
        <v>46</v>
      </c>
      <c r="AP25995">
        <v>47</v>
      </c>
      <c r="AQ25995">
        <v>48</v>
      </c>
    </row>
    <row r="25996" spans="1:43">
      <c r="A25996" t="s">
        <v>16085</v>
      </c>
      <c r="B25996" t="s">
        <v>16086</v>
      </c>
      <c r="C25996" t="s">
        <v>16017</v>
      </c>
      <c r="D25996" t="s">
        <v>16018</v>
      </c>
      <c r="E25996" t="s">
        <v>16019</v>
      </c>
      <c r="F25996" t="s">
        <v>16020</v>
      </c>
      <c r="G25996" t="s">
        <v>10734</v>
      </c>
      <c r="H25996" t="s">
        <v>10735</v>
      </c>
      <c r="I25996" s="2">
        <v>1</v>
      </c>
      <c r="J25996" s="2">
        <v>0</v>
      </c>
      <c r="K25996" s="2">
        <v>0</v>
      </c>
      <c r="L25996" t="s">
        <v>120</v>
      </c>
      <c r="M25996" t="s">
        <v>89</v>
      </c>
      <c r="N25996" t="s">
        <v>90</v>
      </c>
      <c r="O25996" t="s">
        <v>85</v>
      </c>
      <c r="P25996" t="s">
        <v>86</v>
      </c>
      <c r="Q25996">
        <v>32</v>
      </c>
      <c r="R25996">
        <v>33</v>
      </c>
      <c r="S25996">
        <v>34</v>
      </c>
      <c r="T25996">
        <v>35</v>
      </c>
      <c r="U25996">
        <v>36</v>
      </c>
      <c r="V25996">
        <v>37</v>
      </c>
      <c r="W25996">
        <v>38</v>
      </c>
      <c r="X25996">
        <v>39</v>
      </c>
      <c r="Y25996">
        <v>40</v>
      </c>
      <c r="Z25996">
        <v>41</v>
      </c>
      <c r="AA25996">
        <v>43</v>
      </c>
      <c r="AB25996">
        <v>44</v>
      </c>
      <c r="AC25996">
        <v>45</v>
      </c>
      <c r="AD25996">
        <v>46</v>
      </c>
      <c r="AE25996">
        <v>47</v>
      </c>
      <c r="AF25996">
        <v>47</v>
      </c>
      <c r="AG25996">
        <v>48</v>
      </c>
      <c r="AH25996">
        <v>49</v>
      </c>
      <c r="AI25996">
        <v>49</v>
      </c>
      <c r="AJ25996">
        <v>50</v>
      </c>
      <c r="AK25996">
        <v>51</v>
      </c>
      <c r="AL25996">
        <v>51</v>
      </c>
      <c r="AM25996">
        <v>52</v>
      </c>
      <c r="AN25996">
        <v>53</v>
      </c>
      <c r="AO25996">
        <v>53</v>
      </c>
      <c r="AP25996">
        <v>54</v>
      </c>
      <c r="AQ25996">
        <v>55</v>
      </c>
    </row>
    <row r="25997" spans="1:43">
      <c r="A25997" t="s">
        <v>16085</v>
      </c>
      <c r="B25997" t="s">
        <v>16086</v>
      </c>
      <c r="C25997" t="s">
        <v>16017</v>
      </c>
      <c r="D25997" t="s">
        <v>16018</v>
      </c>
      <c r="E25997" t="s">
        <v>16019</v>
      </c>
      <c r="F25997" t="s">
        <v>16020</v>
      </c>
      <c r="G25997" t="s">
        <v>10734</v>
      </c>
      <c r="H25997" t="s">
        <v>10735</v>
      </c>
      <c r="I25997" s="2">
        <v>1</v>
      </c>
      <c r="J25997" s="2">
        <v>0</v>
      </c>
      <c r="K25997" s="2">
        <v>0</v>
      </c>
      <c r="L25997" t="s">
        <v>120</v>
      </c>
      <c r="M25997" t="s">
        <v>83</v>
      </c>
      <c r="N25997" t="s">
        <v>91</v>
      </c>
      <c r="O25997" t="s">
        <v>85</v>
      </c>
      <c r="P25997" t="s">
        <v>86</v>
      </c>
      <c r="Q25997">
        <v>32</v>
      </c>
      <c r="R25997">
        <v>32</v>
      </c>
      <c r="S25997">
        <v>33</v>
      </c>
      <c r="T25997">
        <v>34</v>
      </c>
      <c r="U25997">
        <v>35</v>
      </c>
      <c r="V25997">
        <v>36</v>
      </c>
      <c r="W25997">
        <v>36</v>
      </c>
      <c r="X25997">
        <v>37</v>
      </c>
      <c r="Y25997">
        <v>38</v>
      </c>
      <c r="Z25997">
        <v>39</v>
      </c>
      <c r="AA25997">
        <v>40</v>
      </c>
      <c r="AB25997">
        <v>41</v>
      </c>
      <c r="AC25997">
        <v>42</v>
      </c>
      <c r="AD25997">
        <v>43</v>
      </c>
      <c r="AE25997">
        <v>44</v>
      </c>
      <c r="AF25997">
        <v>45</v>
      </c>
      <c r="AG25997">
        <v>46</v>
      </c>
      <c r="AH25997">
        <v>47</v>
      </c>
      <c r="AI25997">
        <v>48</v>
      </c>
      <c r="AJ25997">
        <v>49</v>
      </c>
      <c r="AK25997">
        <v>50</v>
      </c>
      <c r="AL25997">
        <v>51</v>
      </c>
      <c r="AM25997">
        <v>51</v>
      </c>
      <c r="AN25997">
        <v>52</v>
      </c>
      <c r="AO25997">
        <v>53</v>
      </c>
      <c r="AP25997">
        <v>54</v>
      </c>
      <c r="AQ25997">
        <v>54</v>
      </c>
    </row>
    <row r="25998" spans="1:43">
      <c r="A25998" t="s">
        <v>16087</v>
      </c>
      <c r="B25998" t="s">
        <v>16088</v>
      </c>
      <c r="C25998" t="s">
        <v>16017</v>
      </c>
      <c r="D25998" t="s">
        <v>16018</v>
      </c>
      <c r="E25998" t="s">
        <v>16019</v>
      </c>
      <c r="F25998" t="s">
        <v>16020</v>
      </c>
      <c r="G25998" t="s">
        <v>10734</v>
      </c>
      <c r="H25998" t="s">
        <v>10735</v>
      </c>
      <c r="I25998" s="2">
        <v>1</v>
      </c>
      <c r="J25998" s="2">
        <v>0</v>
      </c>
      <c r="K25998" s="2">
        <v>0</v>
      </c>
      <c r="L25998" t="s">
        <v>120</v>
      </c>
      <c r="M25998" t="s">
        <v>83</v>
      </c>
      <c r="N25998" t="s">
        <v>84</v>
      </c>
      <c r="O25998" t="s">
        <v>85</v>
      </c>
      <c r="P25998" t="s">
        <v>86</v>
      </c>
      <c r="Q25998">
        <v>36</v>
      </c>
      <c r="R25998">
        <v>37</v>
      </c>
      <c r="S25998">
        <v>38</v>
      </c>
      <c r="T25998">
        <v>39</v>
      </c>
      <c r="U25998">
        <v>40</v>
      </c>
      <c r="V25998">
        <v>41</v>
      </c>
      <c r="W25998">
        <v>42</v>
      </c>
      <c r="X25998">
        <v>43</v>
      </c>
      <c r="Y25998">
        <v>44</v>
      </c>
      <c r="Z25998">
        <v>45</v>
      </c>
      <c r="AA25998">
        <v>46</v>
      </c>
      <c r="AB25998">
        <v>47</v>
      </c>
      <c r="AC25998">
        <v>48</v>
      </c>
      <c r="AD25998">
        <v>49</v>
      </c>
      <c r="AE25998">
        <v>50</v>
      </c>
      <c r="AF25998">
        <v>51</v>
      </c>
      <c r="AG25998">
        <v>52</v>
      </c>
      <c r="AH25998">
        <v>54</v>
      </c>
      <c r="AI25998">
        <v>55</v>
      </c>
      <c r="AJ25998">
        <v>56</v>
      </c>
      <c r="AK25998">
        <v>57</v>
      </c>
      <c r="AL25998">
        <v>58</v>
      </c>
      <c r="AM25998">
        <v>59</v>
      </c>
      <c r="AN25998">
        <v>60</v>
      </c>
      <c r="AO25998">
        <v>61</v>
      </c>
      <c r="AP25998">
        <v>62</v>
      </c>
      <c r="AQ25998">
        <v>62</v>
      </c>
    </row>
    <row r="25999" spans="1:43">
      <c r="A25999" t="s">
        <v>16087</v>
      </c>
      <c r="B25999" t="s">
        <v>16088</v>
      </c>
      <c r="C25999" t="s">
        <v>16017</v>
      </c>
      <c r="D25999" t="s">
        <v>16018</v>
      </c>
      <c r="E25999" t="s">
        <v>16019</v>
      </c>
      <c r="F25999" t="s">
        <v>16020</v>
      </c>
      <c r="G25999" t="s">
        <v>10734</v>
      </c>
      <c r="H25999" t="s">
        <v>10735</v>
      </c>
      <c r="I25999" s="2">
        <v>1</v>
      </c>
      <c r="J25999" s="2">
        <v>0</v>
      </c>
      <c r="K25999" s="2">
        <v>0</v>
      </c>
      <c r="L25999" t="s">
        <v>120</v>
      </c>
      <c r="M25999" t="s">
        <v>87</v>
      </c>
      <c r="N25999" t="s">
        <v>88</v>
      </c>
      <c r="O25999" t="s">
        <v>85</v>
      </c>
      <c r="P25999" t="s">
        <v>86</v>
      </c>
      <c r="Q25999">
        <v>36</v>
      </c>
      <c r="R25999">
        <v>36</v>
      </c>
      <c r="S25999">
        <v>37</v>
      </c>
      <c r="T25999">
        <v>38</v>
      </c>
      <c r="U25999">
        <v>38</v>
      </c>
      <c r="V25999">
        <v>39</v>
      </c>
      <c r="W25999">
        <v>39</v>
      </c>
      <c r="X25999">
        <v>40</v>
      </c>
      <c r="Y25999">
        <v>41</v>
      </c>
      <c r="Z25999">
        <v>41</v>
      </c>
      <c r="AA25999">
        <v>42</v>
      </c>
      <c r="AB25999">
        <v>42</v>
      </c>
      <c r="AC25999">
        <v>43</v>
      </c>
      <c r="AD25999">
        <v>44</v>
      </c>
      <c r="AE25999">
        <v>44</v>
      </c>
      <c r="AF25999">
        <v>45</v>
      </c>
      <c r="AG25999">
        <v>46</v>
      </c>
      <c r="AH25999">
        <v>47</v>
      </c>
      <c r="AI25999">
        <v>47</v>
      </c>
      <c r="AJ25999">
        <v>48</v>
      </c>
      <c r="AK25999">
        <v>49</v>
      </c>
      <c r="AL25999">
        <v>50</v>
      </c>
      <c r="AM25999">
        <v>51</v>
      </c>
      <c r="AN25999">
        <v>51</v>
      </c>
      <c r="AO25999">
        <v>52</v>
      </c>
      <c r="AP25999">
        <v>53</v>
      </c>
      <c r="AQ25999">
        <v>54</v>
      </c>
    </row>
    <row r="26000" spans="1:43">
      <c r="A26000" t="s">
        <v>16087</v>
      </c>
      <c r="B26000" t="s">
        <v>16088</v>
      </c>
      <c r="C26000" t="s">
        <v>16017</v>
      </c>
      <c r="D26000" t="s">
        <v>16018</v>
      </c>
      <c r="E26000" t="s">
        <v>16019</v>
      </c>
      <c r="F26000" t="s">
        <v>16020</v>
      </c>
      <c r="G26000" t="s">
        <v>10734</v>
      </c>
      <c r="H26000" t="s">
        <v>10735</v>
      </c>
      <c r="I26000" s="2">
        <v>1</v>
      </c>
      <c r="J26000" s="2">
        <v>0</v>
      </c>
      <c r="K26000" s="2">
        <v>0</v>
      </c>
      <c r="L26000" t="s">
        <v>120</v>
      </c>
      <c r="M26000" t="s">
        <v>89</v>
      </c>
      <c r="N26000" t="s">
        <v>90</v>
      </c>
      <c r="O26000" t="s">
        <v>85</v>
      </c>
      <c r="P26000" t="s">
        <v>86</v>
      </c>
      <c r="Q26000">
        <v>36</v>
      </c>
      <c r="R26000">
        <v>37</v>
      </c>
      <c r="S26000">
        <v>38</v>
      </c>
      <c r="T26000">
        <v>39</v>
      </c>
      <c r="U26000">
        <v>41</v>
      </c>
      <c r="V26000">
        <v>42</v>
      </c>
      <c r="W26000">
        <v>43</v>
      </c>
      <c r="X26000">
        <v>44</v>
      </c>
      <c r="Y26000">
        <v>45</v>
      </c>
      <c r="Z26000">
        <v>47</v>
      </c>
      <c r="AA26000">
        <v>48</v>
      </c>
      <c r="AB26000">
        <v>49</v>
      </c>
      <c r="AC26000">
        <v>50</v>
      </c>
      <c r="AD26000">
        <v>52</v>
      </c>
      <c r="AE26000">
        <v>53</v>
      </c>
      <c r="AF26000">
        <v>53</v>
      </c>
      <c r="AG26000">
        <v>54</v>
      </c>
      <c r="AH26000">
        <v>55</v>
      </c>
      <c r="AI26000">
        <v>56</v>
      </c>
      <c r="AJ26000">
        <v>56</v>
      </c>
      <c r="AK26000">
        <v>57</v>
      </c>
      <c r="AL26000">
        <v>58</v>
      </c>
      <c r="AM26000">
        <v>59</v>
      </c>
      <c r="AN26000">
        <v>60</v>
      </c>
      <c r="AO26000">
        <v>60</v>
      </c>
      <c r="AP26000">
        <v>61</v>
      </c>
      <c r="AQ26000">
        <v>62</v>
      </c>
    </row>
    <row r="26001" spans="1:43">
      <c r="A26001" t="s">
        <v>16087</v>
      </c>
      <c r="B26001" t="s">
        <v>16088</v>
      </c>
      <c r="C26001" t="s">
        <v>16017</v>
      </c>
      <c r="D26001" t="s">
        <v>16018</v>
      </c>
      <c r="E26001" t="s">
        <v>16019</v>
      </c>
      <c r="F26001" t="s">
        <v>16020</v>
      </c>
      <c r="G26001" t="s">
        <v>10734</v>
      </c>
      <c r="H26001" t="s">
        <v>10735</v>
      </c>
      <c r="I26001" s="2">
        <v>1</v>
      </c>
      <c r="J26001" s="2">
        <v>0</v>
      </c>
      <c r="K26001" s="2">
        <v>0</v>
      </c>
      <c r="L26001" t="s">
        <v>120</v>
      </c>
      <c r="M26001" t="s">
        <v>83</v>
      </c>
      <c r="N26001" t="s">
        <v>91</v>
      </c>
      <c r="O26001" t="s">
        <v>85</v>
      </c>
      <c r="P26001" t="s">
        <v>86</v>
      </c>
      <c r="Q26001">
        <v>36</v>
      </c>
      <c r="R26001">
        <v>37</v>
      </c>
      <c r="S26001">
        <v>38</v>
      </c>
      <c r="T26001">
        <v>39</v>
      </c>
      <c r="U26001">
        <v>40</v>
      </c>
      <c r="V26001">
        <v>41</v>
      </c>
      <c r="W26001">
        <v>42</v>
      </c>
      <c r="X26001">
        <v>43</v>
      </c>
      <c r="Y26001">
        <v>44</v>
      </c>
      <c r="Z26001">
        <v>45</v>
      </c>
      <c r="AA26001">
        <v>46</v>
      </c>
      <c r="AB26001">
        <v>47</v>
      </c>
      <c r="AC26001">
        <v>48</v>
      </c>
      <c r="AD26001">
        <v>49</v>
      </c>
      <c r="AE26001">
        <v>50</v>
      </c>
      <c r="AF26001">
        <v>51</v>
      </c>
      <c r="AG26001">
        <v>52</v>
      </c>
      <c r="AH26001">
        <v>54</v>
      </c>
      <c r="AI26001">
        <v>55</v>
      </c>
      <c r="AJ26001">
        <v>56</v>
      </c>
      <c r="AK26001">
        <v>57</v>
      </c>
      <c r="AL26001">
        <v>58</v>
      </c>
      <c r="AM26001">
        <v>59</v>
      </c>
      <c r="AN26001">
        <v>60</v>
      </c>
      <c r="AO26001">
        <v>61</v>
      </c>
      <c r="AP26001">
        <v>62</v>
      </c>
      <c r="AQ26001">
        <v>62</v>
      </c>
    </row>
    <row r="26002" spans="1:43">
      <c r="A26002" t="s">
        <v>16089</v>
      </c>
      <c r="B26002" t="s">
        <v>16090</v>
      </c>
      <c r="C26002" t="s">
        <v>16083</v>
      </c>
      <c r="D26002" t="s">
        <v>16084</v>
      </c>
      <c r="E26002" t="s">
        <v>16019</v>
      </c>
      <c r="F26002" t="s">
        <v>16020</v>
      </c>
      <c r="G26002" t="s">
        <v>10734</v>
      </c>
      <c r="H26002" t="s">
        <v>10735</v>
      </c>
      <c r="I26002" s="2">
        <v>1</v>
      </c>
      <c r="J26002" s="2">
        <v>0</v>
      </c>
      <c r="K26002" s="2">
        <v>0</v>
      </c>
      <c r="L26002" t="s">
        <v>120</v>
      </c>
      <c r="M26002" t="s">
        <v>83</v>
      </c>
      <c r="N26002" t="s">
        <v>84</v>
      </c>
      <c r="O26002" t="s">
        <v>85</v>
      </c>
      <c r="P26002" t="s">
        <v>86</v>
      </c>
      <c r="Q26002">
        <v>12</v>
      </c>
      <c r="R26002">
        <v>12</v>
      </c>
      <c r="S26002">
        <v>12</v>
      </c>
      <c r="T26002">
        <v>13</v>
      </c>
      <c r="U26002">
        <v>13</v>
      </c>
      <c r="V26002">
        <v>13</v>
      </c>
      <c r="W26002">
        <v>13</v>
      </c>
      <c r="X26002">
        <v>13</v>
      </c>
      <c r="Y26002">
        <v>13</v>
      </c>
      <c r="Z26002">
        <v>14</v>
      </c>
      <c r="AA26002">
        <v>14</v>
      </c>
      <c r="AB26002">
        <v>14</v>
      </c>
      <c r="AC26002">
        <v>14</v>
      </c>
      <c r="AD26002">
        <v>14</v>
      </c>
      <c r="AE26002">
        <v>14</v>
      </c>
      <c r="AF26002">
        <v>15</v>
      </c>
      <c r="AG26002">
        <v>15</v>
      </c>
      <c r="AH26002">
        <v>15</v>
      </c>
      <c r="AI26002">
        <v>15</v>
      </c>
      <c r="AJ26002">
        <v>15</v>
      </c>
      <c r="AK26002">
        <v>15</v>
      </c>
      <c r="AL26002">
        <v>15</v>
      </c>
      <c r="AM26002">
        <v>16</v>
      </c>
      <c r="AN26002">
        <v>16</v>
      </c>
      <c r="AO26002">
        <v>16</v>
      </c>
      <c r="AP26002">
        <v>16</v>
      </c>
      <c r="AQ26002">
        <v>16</v>
      </c>
    </row>
    <row r="26003" spans="1:43">
      <c r="A26003" t="s">
        <v>16089</v>
      </c>
      <c r="B26003" t="s">
        <v>16090</v>
      </c>
      <c r="C26003" t="s">
        <v>16083</v>
      </c>
      <c r="D26003" t="s">
        <v>16084</v>
      </c>
      <c r="E26003" t="s">
        <v>16019</v>
      </c>
      <c r="F26003" t="s">
        <v>16020</v>
      </c>
      <c r="G26003" t="s">
        <v>10734</v>
      </c>
      <c r="H26003" t="s">
        <v>10735</v>
      </c>
      <c r="I26003" s="2">
        <v>1</v>
      </c>
      <c r="J26003" s="2">
        <v>0</v>
      </c>
      <c r="K26003" s="2">
        <v>0</v>
      </c>
      <c r="L26003" t="s">
        <v>120</v>
      </c>
      <c r="M26003" t="s">
        <v>87</v>
      </c>
      <c r="N26003" t="s">
        <v>88</v>
      </c>
      <c r="O26003" t="s">
        <v>85</v>
      </c>
      <c r="P26003" t="s">
        <v>86</v>
      </c>
      <c r="Q26003">
        <v>12</v>
      </c>
      <c r="R26003">
        <v>12</v>
      </c>
      <c r="S26003">
        <v>12</v>
      </c>
      <c r="T26003">
        <v>12</v>
      </c>
      <c r="U26003">
        <v>12</v>
      </c>
      <c r="V26003">
        <v>12</v>
      </c>
      <c r="W26003">
        <v>12</v>
      </c>
      <c r="X26003">
        <v>12</v>
      </c>
      <c r="Y26003">
        <v>12</v>
      </c>
      <c r="Z26003">
        <v>13</v>
      </c>
      <c r="AA26003">
        <v>13</v>
      </c>
      <c r="AB26003">
        <v>13</v>
      </c>
      <c r="AC26003">
        <v>13</v>
      </c>
      <c r="AD26003">
        <v>13</v>
      </c>
      <c r="AE26003">
        <v>13</v>
      </c>
      <c r="AF26003">
        <v>13</v>
      </c>
      <c r="AG26003">
        <v>13</v>
      </c>
      <c r="AH26003">
        <v>13</v>
      </c>
      <c r="AI26003">
        <v>13</v>
      </c>
      <c r="AJ26003">
        <v>13</v>
      </c>
      <c r="AK26003">
        <v>13</v>
      </c>
      <c r="AL26003">
        <v>13</v>
      </c>
      <c r="AM26003">
        <v>13</v>
      </c>
      <c r="AN26003">
        <v>13</v>
      </c>
      <c r="AO26003">
        <v>13</v>
      </c>
      <c r="AP26003">
        <v>14</v>
      </c>
      <c r="AQ26003">
        <v>14</v>
      </c>
    </row>
    <row r="26004" spans="1:43">
      <c r="A26004" t="s">
        <v>16089</v>
      </c>
      <c r="B26004" t="s">
        <v>16090</v>
      </c>
      <c r="C26004" t="s">
        <v>16083</v>
      </c>
      <c r="D26004" t="s">
        <v>16084</v>
      </c>
      <c r="E26004" t="s">
        <v>16019</v>
      </c>
      <c r="F26004" t="s">
        <v>16020</v>
      </c>
      <c r="G26004" t="s">
        <v>10734</v>
      </c>
      <c r="H26004" t="s">
        <v>10735</v>
      </c>
      <c r="I26004" s="2">
        <v>1</v>
      </c>
      <c r="J26004" s="2">
        <v>0</v>
      </c>
      <c r="K26004" s="2">
        <v>0</v>
      </c>
      <c r="L26004" t="s">
        <v>120</v>
      </c>
      <c r="M26004" t="s">
        <v>89</v>
      </c>
      <c r="N26004" t="s">
        <v>90</v>
      </c>
      <c r="O26004" t="s">
        <v>85</v>
      </c>
      <c r="P26004" t="s">
        <v>86</v>
      </c>
      <c r="Q26004">
        <v>12</v>
      </c>
      <c r="R26004">
        <v>12</v>
      </c>
      <c r="S26004">
        <v>13</v>
      </c>
      <c r="T26004">
        <v>13</v>
      </c>
      <c r="U26004">
        <v>13</v>
      </c>
      <c r="V26004">
        <v>14</v>
      </c>
      <c r="W26004">
        <v>14</v>
      </c>
      <c r="X26004">
        <v>14</v>
      </c>
      <c r="Y26004">
        <v>14</v>
      </c>
      <c r="Z26004">
        <v>14</v>
      </c>
      <c r="AA26004">
        <v>15</v>
      </c>
      <c r="AB26004">
        <v>15</v>
      </c>
      <c r="AC26004">
        <v>15</v>
      </c>
      <c r="AD26004">
        <v>15</v>
      </c>
      <c r="AE26004">
        <v>15</v>
      </c>
      <c r="AF26004">
        <v>15</v>
      </c>
      <c r="AG26004">
        <v>16</v>
      </c>
      <c r="AH26004">
        <v>16</v>
      </c>
      <c r="AI26004">
        <v>16</v>
      </c>
      <c r="AJ26004">
        <v>16</v>
      </c>
      <c r="AK26004">
        <v>16</v>
      </c>
      <c r="AL26004">
        <v>16</v>
      </c>
      <c r="AM26004">
        <v>16</v>
      </c>
      <c r="AN26004">
        <v>16</v>
      </c>
      <c r="AO26004">
        <v>16</v>
      </c>
      <c r="AP26004">
        <v>16</v>
      </c>
      <c r="AQ26004">
        <v>16</v>
      </c>
    </row>
    <row r="26005" spans="1:43">
      <c r="A26005" t="s">
        <v>16089</v>
      </c>
      <c r="B26005" t="s">
        <v>16090</v>
      </c>
      <c r="C26005" t="s">
        <v>16083</v>
      </c>
      <c r="D26005" t="s">
        <v>16084</v>
      </c>
      <c r="E26005" t="s">
        <v>16019</v>
      </c>
      <c r="F26005" t="s">
        <v>16020</v>
      </c>
      <c r="G26005" t="s">
        <v>10734</v>
      </c>
      <c r="H26005" t="s">
        <v>10735</v>
      </c>
      <c r="I26005" s="2">
        <v>1</v>
      </c>
      <c r="J26005" s="2">
        <v>0</v>
      </c>
      <c r="K26005" s="2">
        <v>0</v>
      </c>
      <c r="L26005" t="s">
        <v>120</v>
      </c>
      <c r="M26005" t="s">
        <v>83</v>
      </c>
      <c r="N26005" t="s">
        <v>91</v>
      </c>
      <c r="O26005" t="s">
        <v>85</v>
      </c>
      <c r="P26005" t="s">
        <v>86</v>
      </c>
      <c r="Q26005">
        <v>12</v>
      </c>
      <c r="R26005">
        <v>12</v>
      </c>
      <c r="S26005">
        <v>12</v>
      </c>
      <c r="T26005">
        <v>13</v>
      </c>
      <c r="U26005">
        <v>13</v>
      </c>
      <c r="V26005">
        <v>13</v>
      </c>
      <c r="W26005">
        <v>13</v>
      </c>
      <c r="X26005">
        <v>13</v>
      </c>
      <c r="Y26005">
        <v>13</v>
      </c>
      <c r="Z26005">
        <v>14</v>
      </c>
      <c r="AA26005">
        <v>14</v>
      </c>
      <c r="AB26005">
        <v>14</v>
      </c>
      <c r="AC26005">
        <v>14</v>
      </c>
      <c r="AD26005">
        <v>14</v>
      </c>
      <c r="AE26005">
        <v>14</v>
      </c>
      <c r="AF26005">
        <v>15</v>
      </c>
      <c r="AG26005">
        <v>15</v>
      </c>
      <c r="AH26005">
        <v>15</v>
      </c>
      <c r="AI26005">
        <v>15</v>
      </c>
      <c r="AJ26005">
        <v>15</v>
      </c>
      <c r="AK26005">
        <v>15</v>
      </c>
      <c r="AL26005">
        <v>15</v>
      </c>
      <c r="AM26005">
        <v>16</v>
      </c>
      <c r="AN26005">
        <v>16</v>
      </c>
      <c r="AO26005">
        <v>16</v>
      </c>
      <c r="AP26005">
        <v>16</v>
      </c>
      <c r="AQ26005">
        <v>16</v>
      </c>
    </row>
    <row r="26006" spans="1:43">
      <c r="A26006" t="s">
        <v>16091</v>
      </c>
      <c r="B26006" t="s">
        <v>16092</v>
      </c>
      <c r="C26006" t="s">
        <v>16083</v>
      </c>
      <c r="D26006" t="s">
        <v>16084</v>
      </c>
      <c r="E26006" t="s">
        <v>16019</v>
      </c>
      <c r="F26006" t="s">
        <v>16020</v>
      </c>
      <c r="G26006" t="s">
        <v>10734</v>
      </c>
      <c r="H26006" t="s">
        <v>10735</v>
      </c>
      <c r="I26006" s="2">
        <v>1</v>
      </c>
      <c r="J26006" s="2">
        <v>0</v>
      </c>
      <c r="K26006" s="2">
        <v>0</v>
      </c>
      <c r="L26006" t="s">
        <v>120</v>
      </c>
      <c r="M26006" t="s">
        <v>83</v>
      </c>
      <c r="N26006" t="s">
        <v>84</v>
      </c>
      <c r="O26006" t="s">
        <v>85</v>
      </c>
      <c r="P26006" t="s">
        <v>86</v>
      </c>
      <c r="Q26006">
        <v>20</v>
      </c>
      <c r="R26006">
        <v>20</v>
      </c>
      <c r="S26006">
        <v>21</v>
      </c>
      <c r="T26006">
        <v>22</v>
      </c>
      <c r="U26006">
        <v>22</v>
      </c>
      <c r="V26006">
        <v>23</v>
      </c>
      <c r="W26006">
        <v>23</v>
      </c>
      <c r="X26006">
        <v>24</v>
      </c>
      <c r="Y26006">
        <v>24</v>
      </c>
      <c r="Z26006">
        <v>25</v>
      </c>
      <c r="AA26006">
        <v>25</v>
      </c>
      <c r="AB26006">
        <v>26</v>
      </c>
      <c r="AC26006">
        <v>26</v>
      </c>
      <c r="AD26006">
        <v>27</v>
      </c>
      <c r="AE26006">
        <v>27</v>
      </c>
      <c r="AF26006">
        <v>28</v>
      </c>
      <c r="AG26006">
        <v>29</v>
      </c>
      <c r="AH26006">
        <v>29</v>
      </c>
      <c r="AI26006">
        <v>30</v>
      </c>
      <c r="AJ26006">
        <v>31</v>
      </c>
      <c r="AK26006">
        <v>31</v>
      </c>
      <c r="AL26006">
        <v>32</v>
      </c>
      <c r="AM26006">
        <v>32</v>
      </c>
      <c r="AN26006">
        <v>33</v>
      </c>
      <c r="AO26006">
        <v>33</v>
      </c>
      <c r="AP26006">
        <v>34</v>
      </c>
      <c r="AQ26006">
        <v>34</v>
      </c>
    </row>
    <row r="26007" spans="1:43">
      <c r="A26007" t="s">
        <v>16091</v>
      </c>
      <c r="B26007" t="s">
        <v>16092</v>
      </c>
      <c r="C26007" t="s">
        <v>16083</v>
      </c>
      <c r="D26007" t="s">
        <v>16084</v>
      </c>
      <c r="E26007" t="s">
        <v>16019</v>
      </c>
      <c r="F26007" t="s">
        <v>16020</v>
      </c>
      <c r="G26007" t="s">
        <v>10734</v>
      </c>
      <c r="H26007" t="s">
        <v>10735</v>
      </c>
      <c r="I26007" s="2">
        <v>1</v>
      </c>
      <c r="J26007" s="2">
        <v>0</v>
      </c>
      <c r="K26007" s="2">
        <v>0</v>
      </c>
      <c r="L26007" t="s">
        <v>120</v>
      </c>
      <c r="M26007" t="s">
        <v>87</v>
      </c>
      <c r="N26007" t="s">
        <v>88</v>
      </c>
      <c r="O26007" t="s">
        <v>85</v>
      </c>
      <c r="P26007" t="s">
        <v>86</v>
      </c>
      <c r="Q26007">
        <v>20</v>
      </c>
      <c r="R26007">
        <v>20</v>
      </c>
      <c r="S26007">
        <v>20</v>
      </c>
      <c r="T26007">
        <v>21</v>
      </c>
      <c r="U26007">
        <v>21</v>
      </c>
      <c r="V26007">
        <v>21</v>
      </c>
      <c r="W26007">
        <v>22</v>
      </c>
      <c r="X26007">
        <v>22</v>
      </c>
      <c r="Y26007">
        <v>22</v>
      </c>
      <c r="Z26007">
        <v>23</v>
      </c>
      <c r="AA26007">
        <v>23</v>
      </c>
      <c r="AB26007">
        <v>23</v>
      </c>
      <c r="AC26007">
        <v>24</v>
      </c>
      <c r="AD26007">
        <v>24</v>
      </c>
      <c r="AE26007">
        <v>24</v>
      </c>
      <c r="AF26007">
        <v>25</v>
      </c>
      <c r="AG26007">
        <v>25</v>
      </c>
      <c r="AH26007">
        <v>26</v>
      </c>
      <c r="AI26007">
        <v>26</v>
      </c>
      <c r="AJ26007">
        <v>26</v>
      </c>
      <c r="AK26007">
        <v>27</v>
      </c>
      <c r="AL26007">
        <v>27</v>
      </c>
      <c r="AM26007">
        <v>28</v>
      </c>
      <c r="AN26007">
        <v>28</v>
      </c>
      <c r="AO26007">
        <v>29</v>
      </c>
      <c r="AP26007">
        <v>29</v>
      </c>
      <c r="AQ26007">
        <v>30</v>
      </c>
    </row>
    <row r="26008" spans="1:43">
      <c r="A26008" t="s">
        <v>16091</v>
      </c>
      <c r="B26008" t="s">
        <v>16092</v>
      </c>
      <c r="C26008" t="s">
        <v>16083</v>
      </c>
      <c r="D26008" t="s">
        <v>16084</v>
      </c>
      <c r="E26008" t="s">
        <v>16019</v>
      </c>
      <c r="F26008" t="s">
        <v>16020</v>
      </c>
      <c r="G26008" t="s">
        <v>10734</v>
      </c>
      <c r="H26008" t="s">
        <v>10735</v>
      </c>
      <c r="I26008" s="2">
        <v>1</v>
      </c>
      <c r="J26008" s="2">
        <v>0</v>
      </c>
      <c r="K26008" s="2">
        <v>0</v>
      </c>
      <c r="L26008" t="s">
        <v>120</v>
      </c>
      <c r="M26008" t="s">
        <v>89</v>
      </c>
      <c r="N26008" t="s">
        <v>90</v>
      </c>
      <c r="O26008" t="s">
        <v>85</v>
      </c>
      <c r="P26008" t="s">
        <v>86</v>
      </c>
      <c r="Q26008">
        <v>20</v>
      </c>
      <c r="R26008">
        <v>21</v>
      </c>
      <c r="S26008">
        <v>22</v>
      </c>
      <c r="T26008">
        <v>22</v>
      </c>
      <c r="U26008">
        <v>23</v>
      </c>
      <c r="V26008">
        <v>24</v>
      </c>
      <c r="W26008">
        <v>24</v>
      </c>
      <c r="X26008">
        <v>25</v>
      </c>
      <c r="Y26008">
        <v>25</v>
      </c>
      <c r="Z26008">
        <v>26</v>
      </c>
      <c r="AA26008">
        <v>27</v>
      </c>
      <c r="AB26008">
        <v>27</v>
      </c>
      <c r="AC26008">
        <v>28</v>
      </c>
      <c r="AD26008">
        <v>29</v>
      </c>
      <c r="AE26008">
        <v>29</v>
      </c>
      <c r="AF26008">
        <v>30</v>
      </c>
      <c r="AG26008">
        <v>30</v>
      </c>
      <c r="AH26008">
        <v>31</v>
      </c>
      <c r="AI26008">
        <v>31</v>
      </c>
      <c r="AJ26008">
        <v>31</v>
      </c>
      <c r="AK26008">
        <v>32</v>
      </c>
      <c r="AL26008">
        <v>32</v>
      </c>
      <c r="AM26008">
        <v>33</v>
      </c>
      <c r="AN26008">
        <v>33</v>
      </c>
      <c r="AO26008">
        <v>34</v>
      </c>
      <c r="AP26008">
        <v>34</v>
      </c>
      <c r="AQ26008">
        <v>34</v>
      </c>
    </row>
    <row r="26009" spans="1:43">
      <c r="A26009" t="s">
        <v>16091</v>
      </c>
      <c r="B26009" t="s">
        <v>16092</v>
      </c>
      <c r="C26009" t="s">
        <v>16083</v>
      </c>
      <c r="D26009" t="s">
        <v>16084</v>
      </c>
      <c r="E26009" t="s">
        <v>16019</v>
      </c>
      <c r="F26009" t="s">
        <v>16020</v>
      </c>
      <c r="G26009" t="s">
        <v>10734</v>
      </c>
      <c r="H26009" t="s">
        <v>10735</v>
      </c>
      <c r="I26009" s="2">
        <v>1</v>
      </c>
      <c r="J26009" s="2">
        <v>0</v>
      </c>
      <c r="K26009" s="2">
        <v>0</v>
      </c>
      <c r="L26009" t="s">
        <v>120</v>
      </c>
      <c r="M26009" t="s">
        <v>83</v>
      </c>
      <c r="N26009" t="s">
        <v>91</v>
      </c>
      <c r="O26009" t="s">
        <v>85</v>
      </c>
      <c r="P26009" t="s">
        <v>86</v>
      </c>
      <c r="Q26009">
        <v>20</v>
      </c>
      <c r="R26009">
        <v>20</v>
      </c>
      <c r="S26009">
        <v>21</v>
      </c>
      <c r="T26009">
        <v>22</v>
      </c>
      <c r="U26009">
        <v>22</v>
      </c>
      <c r="V26009">
        <v>23</v>
      </c>
      <c r="W26009">
        <v>23</v>
      </c>
      <c r="X26009">
        <v>24</v>
      </c>
      <c r="Y26009">
        <v>24</v>
      </c>
      <c r="Z26009">
        <v>25</v>
      </c>
      <c r="AA26009">
        <v>25</v>
      </c>
      <c r="AB26009">
        <v>26</v>
      </c>
      <c r="AC26009">
        <v>26</v>
      </c>
      <c r="AD26009">
        <v>27</v>
      </c>
      <c r="AE26009">
        <v>27</v>
      </c>
      <c r="AF26009">
        <v>28</v>
      </c>
      <c r="AG26009">
        <v>29</v>
      </c>
      <c r="AH26009">
        <v>29</v>
      </c>
      <c r="AI26009">
        <v>30</v>
      </c>
      <c r="AJ26009">
        <v>31</v>
      </c>
      <c r="AK26009">
        <v>31</v>
      </c>
      <c r="AL26009">
        <v>32</v>
      </c>
      <c r="AM26009">
        <v>32</v>
      </c>
      <c r="AN26009">
        <v>33</v>
      </c>
      <c r="AO26009">
        <v>33</v>
      </c>
      <c r="AP26009">
        <v>34</v>
      </c>
      <c r="AQ26009">
        <v>34</v>
      </c>
    </row>
    <row r="26010" spans="1:43">
      <c r="A26010" t="s">
        <v>16093</v>
      </c>
      <c r="B26010" t="s">
        <v>16094</v>
      </c>
      <c r="C26010" t="s">
        <v>16083</v>
      </c>
      <c r="D26010" t="s">
        <v>16084</v>
      </c>
      <c r="E26010" t="s">
        <v>16019</v>
      </c>
      <c r="F26010" t="s">
        <v>16020</v>
      </c>
      <c r="G26010" t="s">
        <v>10734</v>
      </c>
      <c r="H26010" t="s">
        <v>10735</v>
      </c>
      <c r="I26010" s="2">
        <v>1</v>
      </c>
      <c r="J26010" s="2">
        <v>0</v>
      </c>
      <c r="K26010" s="2">
        <v>0</v>
      </c>
      <c r="L26010" t="s">
        <v>120</v>
      </c>
      <c r="M26010" t="s">
        <v>83</v>
      </c>
      <c r="N26010" t="s">
        <v>84</v>
      </c>
      <c r="O26010" t="s">
        <v>85</v>
      </c>
      <c r="P26010" t="s">
        <v>86</v>
      </c>
      <c r="Q26010">
        <v>35</v>
      </c>
      <c r="R26010">
        <v>36</v>
      </c>
      <c r="S26010">
        <v>37</v>
      </c>
      <c r="T26010">
        <v>38</v>
      </c>
      <c r="U26010">
        <v>39</v>
      </c>
      <c r="V26010">
        <v>40</v>
      </c>
      <c r="W26010">
        <v>40</v>
      </c>
      <c r="X26010">
        <v>41</v>
      </c>
      <c r="Y26010">
        <v>42</v>
      </c>
      <c r="Z26010">
        <v>43</v>
      </c>
      <c r="AA26010">
        <v>44</v>
      </c>
      <c r="AB26010">
        <v>45</v>
      </c>
      <c r="AC26010">
        <v>46</v>
      </c>
      <c r="AD26010">
        <v>47</v>
      </c>
      <c r="AE26010">
        <v>48</v>
      </c>
      <c r="AF26010">
        <v>49</v>
      </c>
      <c r="AG26010">
        <v>50</v>
      </c>
      <c r="AH26010">
        <v>52</v>
      </c>
      <c r="AI26010">
        <v>53</v>
      </c>
      <c r="AJ26010">
        <v>54</v>
      </c>
      <c r="AK26010">
        <v>55</v>
      </c>
      <c r="AL26010">
        <v>56</v>
      </c>
      <c r="AM26010">
        <v>57</v>
      </c>
      <c r="AN26010">
        <v>58</v>
      </c>
      <c r="AO26010">
        <v>58</v>
      </c>
      <c r="AP26010">
        <v>59</v>
      </c>
      <c r="AQ26010">
        <v>60</v>
      </c>
    </row>
    <row r="26011" spans="1:43">
      <c r="A26011" t="s">
        <v>16093</v>
      </c>
      <c r="B26011" t="s">
        <v>16094</v>
      </c>
      <c r="C26011" t="s">
        <v>16083</v>
      </c>
      <c r="D26011" t="s">
        <v>16084</v>
      </c>
      <c r="E26011" t="s">
        <v>16019</v>
      </c>
      <c r="F26011" t="s">
        <v>16020</v>
      </c>
      <c r="G26011" t="s">
        <v>10734</v>
      </c>
      <c r="H26011" t="s">
        <v>10735</v>
      </c>
      <c r="I26011" s="2">
        <v>1</v>
      </c>
      <c r="J26011" s="2">
        <v>0</v>
      </c>
      <c r="K26011" s="2">
        <v>0</v>
      </c>
      <c r="L26011" t="s">
        <v>120</v>
      </c>
      <c r="M26011" t="s">
        <v>87</v>
      </c>
      <c r="N26011" t="s">
        <v>88</v>
      </c>
      <c r="O26011" t="s">
        <v>85</v>
      </c>
      <c r="P26011" t="s">
        <v>86</v>
      </c>
      <c r="Q26011">
        <v>35</v>
      </c>
      <c r="R26011">
        <v>35</v>
      </c>
      <c r="S26011">
        <v>36</v>
      </c>
      <c r="T26011">
        <v>36</v>
      </c>
      <c r="U26011">
        <v>37</v>
      </c>
      <c r="V26011">
        <v>37</v>
      </c>
      <c r="W26011">
        <v>38</v>
      </c>
      <c r="X26011">
        <v>39</v>
      </c>
      <c r="Y26011">
        <v>39</v>
      </c>
      <c r="Z26011">
        <v>40</v>
      </c>
      <c r="AA26011">
        <v>40</v>
      </c>
      <c r="AB26011">
        <v>41</v>
      </c>
      <c r="AC26011">
        <v>42</v>
      </c>
      <c r="AD26011">
        <v>42</v>
      </c>
      <c r="AE26011">
        <v>43</v>
      </c>
      <c r="AF26011">
        <v>44</v>
      </c>
      <c r="AG26011">
        <v>44</v>
      </c>
      <c r="AH26011">
        <v>45</v>
      </c>
      <c r="AI26011">
        <v>46</v>
      </c>
      <c r="AJ26011">
        <v>46</v>
      </c>
      <c r="AK26011">
        <v>47</v>
      </c>
      <c r="AL26011">
        <v>48</v>
      </c>
      <c r="AM26011">
        <v>49</v>
      </c>
      <c r="AN26011">
        <v>50</v>
      </c>
      <c r="AO26011">
        <v>50</v>
      </c>
      <c r="AP26011">
        <v>51</v>
      </c>
      <c r="AQ26011">
        <v>52</v>
      </c>
    </row>
    <row r="26012" spans="1:43">
      <c r="A26012" t="s">
        <v>16093</v>
      </c>
      <c r="B26012" t="s">
        <v>16094</v>
      </c>
      <c r="C26012" t="s">
        <v>16083</v>
      </c>
      <c r="D26012" t="s">
        <v>16084</v>
      </c>
      <c r="E26012" t="s">
        <v>16019</v>
      </c>
      <c r="F26012" t="s">
        <v>16020</v>
      </c>
      <c r="G26012" t="s">
        <v>10734</v>
      </c>
      <c r="H26012" t="s">
        <v>10735</v>
      </c>
      <c r="I26012" s="2">
        <v>1</v>
      </c>
      <c r="J26012" s="2">
        <v>0</v>
      </c>
      <c r="K26012" s="2">
        <v>0</v>
      </c>
      <c r="L26012" t="s">
        <v>120</v>
      </c>
      <c r="M26012" t="s">
        <v>89</v>
      </c>
      <c r="N26012" t="s">
        <v>90</v>
      </c>
      <c r="O26012" t="s">
        <v>85</v>
      </c>
      <c r="P26012" t="s">
        <v>86</v>
      </c>
      <c r="Q26012">
        <v>35</v>
      </c>
      <c r="R26012">
        <v>37</v>
      </c>
      <c r="S26012">
        <v>38</v>
      </c>
      <c r="T26012">
        <v>39</v>
      </c>
      <c r="U26012">
        <v>40</v>
      </c>
      <c r="V26012">
        <v>41</v>
      </c>
      <c r="W26012">
        <v>42</v>
      </c>
      <c r="X26012">
        <v>44</v>
      </c>
      <c r="Y26012">
        <v>45</v>
      </c>
      <c r="Z26012">
        <v>46</v>
      </c>
      <c r="AA26012">
        <v>47</v>
      </c>
      <c r="AB26012">
        <v>48</v>
      </c>
      <c r="AC26012">
        <v>50</v>
      </c>
      <c r="AD26012">
        <v>51</v>
      </c>
      <c r="AE26012">
        <v>52</v>
      </c>
      <c r="AF26012">
        <v>52</v>
      </c>
      <c r="AG26012">
        <v>53</v>
      </c>
      <c r="AH26012">
        <v>54</v>
      </c>
      <c r="AI26012">
        <v>54</v>
      </c>
      <c r="AJ26012">
        <v>55</v>
      </c>
      <c r="AK26012">
        <v>56</v>
      </c>
      <c r="AL26012">
        <v>57</v>
      </c>
      <c r="AM26012">
        <v>57</v>
      </c>
      <c r="AN26012">
        <v>58</v>
      </c>
      <c r="AO26012">
        <v>59</v>
      </c>
      <c r="AP26012">
        <v>60</v>
      </c>
      <c r="AQ26012">
        <v>61</v>
      </c>
    </row>
    <row r="26013" spans="1:43">
      <c r="A26013" t="s">
        <v>16093</v>
      </c>
      <c r="B26013" t="s">
        <v>16094</v>
      </c>
      <c r="C26013" t="s">
        <v>16083</v>
      </c>
      <c r="D26013" t="s">
        <v>16084</v>
      </c>
      <c r="E26013" t="s">
        <v>16019</v>
      </c>
      <c r="F26013" t="s">
        <v>16020</v>
      </c>
      <c r="G26013" t="s">
        <v>10734</v>
      </c>
      <c r="H26013" t="s">
        <v>10735</v>
      </c>
      <c r="I26013" s="2">
        <v>1</v>
      </c>
      <c r="J26013" s="2">
        <v>0</v>
      </c>
      <c r="K26013" s="2">
        <v>0</v>
      </c>
      <c r="L26013" t="s">
        <v>120</v>
      </c>
      <c r="M26013" t="s">
        <v>83</v>
      </c>
      <c r="N26013" t="s">
        <v>91</v>
      </c>
      <c r="O26013" t="s">
        <v>85</v>
      </c>
      <c r="P26013" t="s">
        <v>86</v>
      </c>
      <c r="Q26013">
        <v>35</v>
      </c>
      <c r="R26013">
        <v>36</v>
      </c>
      <c r="S26013">
        <v>37</v>
      </c>
      <c r="T26013">
        <v>38</v>
      </c>
      <c r="U26013">
        <v>39</v>
      </c>
      <c r="V26013">
        <v>40</v>
      </c>
      <c r="W26013">
        <v>40</v>
      </c>
      <c r="X26013">
        <v>41</v>
      </c>
      <c r="Y26013">
        <v>42</v>
      </c>
      <c r="Z26013">
        <v>43</v>
      </c>
      <c r="AA26013">
        <v>44</v>
      </c>
      <c r="AB26013">
        <v>45</v>
      </c>
      <c r="AC26013">
        <v>46</v>
      </c>
      <c r="AD26013">
        <v>47</v>
      </c>
      <c r="AE26013">
        <v>48</v>
      </c>
      <c r="AF26013">
        <v>49</v>
      </c>
      <c r="AG26013">
        <v>50</v>
      </c>
      <c r="AH26013">
        <v>52</v>
      </c>
      <c r="AI26013">
        <v>53</v>
      </c>
      <c r="AJ26013">
        <v>54</v>
      </c>
      <c r="AK26013">
        <v>55</v>
      </c>
      <c r="AL26013">
        <v>56</v>
      </c>
      <c r="AM26013">
        <v>57</v>
      </c>
      <c r="AN26013">
        <v>58</v>
      </c>
      <c r="AO26013">
        <v>58</v>
      </c>
      <c r="AP26013">
        <v>59</v>
      </c>
      <c r="AQ26013">
        <v>60</v>
      </c>
    </row>
    <row r="26014" spans="1:43">
      <c r="A26014" t="s">
        <v>16095</v>
      </c>
      <c r="B26014" t="s">
        <v>16096</v>
      </c>
      <c r="C26014" t="s">
        <v>16083</v>
      </c>
      <c r="D26014" t="s">
        <v>16084</v>
      </c>
      <c r="E26014" t="s">
        <v>16019</v>
      </c>
      <c r="F26014" t="s">
        <v>16020</v>
      </c>
      <c r="G26014" t="s">
        <v>10734</v>
      </c>
      <c r="H26014" t="s">
        <v>10735</v>
      </c>
      <c r="I26014" s="2">
        <v>1</v>
      </c>
      <c r="J26014" s="2">
        <v>0</v>
      </c>
      <c r="K26014" s="2">
        <v>0</v>
      </c>
      <c r="L26014" t="s">
        <v>120</v>
      </c>
      <c r="M26014" t="s">
        <v>83</v>
      </c>
      <c r="N26014" t="s">
        <v>84</v>
      </c>
      <c r="O26014" t="s">
        <v>85</v>
      </c>
      <c r="P26014" t="s">
        <v>86</v>
      </c>
      <c r="Q26014">
        <v>58</v>
      </c>
      <c r="R26014">
        <v>59</v>
      </c>
      <c r="S26014">
        <v>61</v>
      </c>
      <c r="T26014">
        <v>62</v>
      </c>
      <c r="U26014">
        <v>63</v>
      </c>
      <c r="V26014">
        <v>65</v>
      </c>
      <c r="W26014">
        <v>66</v>
      </c>
      <c r="X26014">
        <v>68</v>
      </c>
      <c r="Y26014">
        <v>69</v>
      </c>
      <c r="Z26014">
        <v>71</v>
      </c>
      <c r="AA26014">
        <v>72</v>
      </c>
      <c r="AB26014">
        <v>74</v>
      </c>
      <c r="AC26014">
        <v>76</v>
      </c>
      <c r="AD26014">
        <v>77</v>
      </c>
      <c r="AE26014">
        <v>79</v>
      </c>
      <c r="AF26014">
        <v>81</v>
      </c>
      <c r="AG26014">
        <v>82</v>
      </c>
      <c r="AH26014">
        <v>84</v>
      </c>
      <c r="AI26014">
        <v>86</v>
      </c>
      <c r="AJ26014">
        <v>88</v>
      </c>
      <c r="AK26014">
        <v>90</v>
      </c>
      <c r="AL26014">
        <v>91</v>
      </c>
      <c r="AM26014">
        <v>93</v>
      </c>
      <c r="AN26014">
        <v>94</v>
      </c>
      <c r="AO26014">
        <v>95</v>
      </c>
      <c r="AP26014">
        <v>96</v>
      </c>
      <c r="AQ26014">
        <v>98</v>
      </c>
    </row>
    <row r="26015" spans="1:43">
      <c r="A26015" t="s">
        <v>16095</v>
      </c>
      <c r="B26015" t="s">
        <v>16096</v>
      </c>
      <c r="C26015" t="s">
        <v>16083</v>
      </c>
      <c r="D26015" t="s">
        <v>16084</v>
      </c>
      <c r="E26015" t="s">
        <v>16019</v>
      </c>
      <c r="F26015" t="s">
        <v>16020</v>
      </c>
      <c r="G26015" t="s">
        <v>10734</v>
      </c>
      <c r="H26015" t="s">
        <v>10735</v>
      </c>
      <c r="I26015" s="2">
        <v>1</v>
      </c>
      <c r="J26015" s="2">
        <v>0</v>
      </c>
      <c r="K26015" s="2">
        <v>0</v>
      </c>
      <c r="L26015" t="s">
        <v>120</v>
      </c>
      <c r="M26015" t="s">
        <v>87</v>
      </c>
      <c r="N26015" t="s">
        <v>88</v>
      </c>
      <c r="O26015" t="s">
        <v>85</v>
      </c>
      <c r="P26015" t="s">
        <v>86</v>
      </c>
      <c r="Q26015">
        <v>58</v>
      </c>
      <c r="R26015">
        <v>59</v>
      </c>
      <c r="S26015">
        <v>60</v>
      </c>
      <c r="T26015">
        <v>61</v>
      </c>
      <c r="U26015">
        <v>62</v>
      </c>
      <c r="V26015">
        <v>62</v>
      </c>
      <c r="W26015">
        <v>63</v>
      </c>
      <c r="X26015">
        <v>64</v>
      </c>
      <c r="Y26015">
        <v>65</v>
      </c>
      <c r="Z26015">
        <v>66</v>
      </c>
      <c r="AA26015">
        <v>67</v>
      </c>
      <c r="AB26015">
        <v>68</v>
      </c>
      <c r="AC26015">
        <v>69</v>
      </c>
      <c r="AD26015">
        <v>70</v>
      </c>
      <c r="AE26015">
        <v>71</v>
      </c>
      <c r="AF26015">
        <v>72</v>
      </c>
      <c r="AG26015">
        <v>73</v>
      </c>
      <c r="AH26015">
        <v>74</v>
      </c>
      <c r="AI26015">
        <v>75</v>
      </c>
      <c r="AJ26015">
        <v>77</v>
      </c>
      <c r="AK26015">
        <v>78</v>
      </c>
      <c r="AL26015">
        <v>79</v>
      </c>
      <c r="AM26015">
        <v>80</v>
      </c>
      <c r="AN26015">
        <v>82</v>
      </c>
      <c r="AO26015">
        <v>83</v>
      </c>
      <c r="AP26015">
        <v>84</v>
      </c>
      <c r="AQ26015">
        <v>86</v>
      </c>
    </row>
    <row r="26016" spans="1:43">
      <c r="A26016" t="s">
        <v>16095</v>
      </c>
      <c r="B26016" t="s">
        <v>16096</v>
      </c>
      <c r="C26016" t="s">
        <v>16083</v>
      </c>
      <c r="D26016" t="s">
        <v>16084</v>
      </c>
      <c r="E26016" t="s">
        <v>16019</v>
      </c>
      <c r="F26016" t="s">
        <v>16020</v>
      </c>
      <c r="G26016" t="s">
        <v>10734</v>
      </c>
      <c r="H26016" t="s">
        <v>10735</v>
      </c>
      <c r="I26016" s="2">
        <v>1</v>
      </c>
      <c r="J26016" s="2">
        <v>0</v>
      </c>
      <c r="K26016" s="2">
        <v>0</v>
      </c>
      <c r="L26016" t="s">
        <v>120</v>
      </c>
      <c r="M26016" t="s">
        <v>89</v>
      </c>
      <c r="N26016" t="s">
        <v>90</v>
      </c>
      <c r="O26016" t="s">
        <v>85</v>
      </c>
      <c r="P26016" t="s">
        <v>86</v>
      </c>
      <c r="Q26016">
        <v>58</v>
      </c>
      <c r="R26016">
        <v>60</v>
      </c>
      <c r="S26016">
        <v>62</v>
      </c>
      <c r="T26016">
        <v>64</v>
      </c>
      <c r="U26016">
        <v>66</v>
      </c>
      <c r="V26016">
        <v>68</v>
      </c>
      <c r="W26016">
        <v>70</v>
      </c>
      <c r="X26016">
        <v>71</v>
      </c>
      <c r="Y26016">
        <v>73</v>
      </c>
      <c r="Z26016">
        <v>75</v>
      </c>
      <c r="AA26016">
        <v>77</v>
      </c>
      <c r="AB26016">
        <v>79</v>
      </c>
      <c r="AC26016">
        <v>81</v>
      </c>
      <c r="AD26016">
        <v>83</v>
      </c>
      <c r="AE26016">
        <v>85</v>
      </c>
      <c r="AF26016">
        <v>86</v>
      </c>
      <c r="AG26016">
        <v>87</v>
      </c>
      <c r="AH26016">
        <v>88</v>
      </c>
      <c r="AI26016">
        <v>89</v>
      </c>
      <c r="AJ26016">
        <v>90</v>
      </c>
      <c r="AK26016">
        <v>91</v>
      </c>
      <c r="AL26016">
        <v>92</v>
      </c>
      <c r="AM26016">
        <v>94</v>
      </c>
      <c r="AN26016">
        <v>95</v>
      </c>
      <c r="AO26016">
        <v>96</v>
      </c>
      <c r="AP26016">
        <v>97</v>
      </c>
      <c r="AQ26016">
        <v>98</v>
      </c>
    </row>
    <row r="26017" spans="1:43">
      <c r="A26017" t="s">
        <v>16095</v>
      </c>
      <c r="B26017" t="s">
        <v>16096</v>
      </c>
      <c r="C26017" t="s">
        <v>16083</v>
      </c>
      <c r="D26017" t="s">
        <v>16084</v>
      </c>
      <c r="E26017" t="s">
        <v>16019</v>
      </c>
      <c r="F26017" t="s">
        <v>16020</v>
      </c>
      <c r="G26017" t="s">
        <v>10734</v>
      </c>
      <c r="H26017" t="s">
        <v>10735</v>
      </c>
      <c r="I26017" s="2">
        <v>1</v>
      </c>
      <c r="J26017" s="2">
        <v>0</v>
      </c>
      <c r="K26017" s="2">
        <v>0</v>
      </c>
      <c r="L26017" t="s">
        <v>120</v>
      </c>
      <c r="M26017" t="s">
        <v>83</v>
      </c>
      <c r="N26017" t="s">
        <v>91</v>
      </c>
      <c r="O26017" t="s">
        <v>85</v>
      </c>
      <c r="P26017" t="s">
        <v>86</v>
      </c>
      <c r="Q26017">
        <v>58</v>
      </c>
      <c r="R26017">
        <v>59</v>
      </c>
      <c r="S26017">
        <v>61</v>
      </c>
      <c r="T26017">
        <v>62</v>
      </c>
      <c r="U26017">
        <v>63</v>
      </c>
      <c r="V26017">
        <v>65</v>
      </c>
      <c r="W26017">
        <v>66</v>
      </c>
      <c r="X26017">
        <v>68</v>
      </c>
      <c r="Y26017">
        <v>69</v>
      </c>
      <c r="Z26017">
        <v>71</v>
      </c>
      <c r="AA26017">
        <v>72</v>
      </c>
      <c r="AB26017">
        <v>74</v>
      </c>
      <c r="AC26017">
        <v>76</v>
      </c>
      <c r="AD26017">
        <v>77</v>
      </c>
      <c r="AE26017">
        <v>79</v>
      </c>
      <c r="AF26017">
        <v>81</v>
      </c>
      <c r="AG26017">
        <v>82</v>
      </c>
      <c r="AH26017">
        <v>84</v>
      </c>
      <c r="AI26017">
        <v>86</v>
      </c>
      <c r="AJ26017">
        <v>88</v>
      </c>
      <c r="AK26017">
        <v>90</v>
      </c>
      <c r="AL26017">
        <v>91</v>
      </c>
      <c r="AM26017">
        <v>93</v>
      </c>
      <c r="AN26017">
        <v>94</v>
      </c>
      <c r="AO26017">
        <v>95</v>
      </c>
      <c r="AP26017">
        <v>96</v>
      </c>
      <c r="AQ26017">
        <v>98</v>
      </c>
    </row>
    <row r="26018" spans="1:43">
      <c r="A26018" t="s">
        <v>16097</v>
      </c>
      <c r="B26018" t="s">
        <v>16098</v>
      </c>
      <c r="C26018" t="s">
        <v>16099</v>
      </c>
      <c r="D26018" t="s">
        <v>16100</v>
      </c>
      <c r="E26018" t="s">
        <v>16019</v>
      </c>
      <c r="F26018" t="s">
        <v>16020</v>
      </c>
      <c r="G26018" t="s">
        <v>10734</v>
      </c>
      <c r="H26018" t="s">
        <v>10735</v>
      </c>
      <c r="I26018" s="2">
        <v>1</v>
      </c>
      <c r="J26018" s="2">
        <v>0</v>
      </c>
      <c r="K26018" s="2">
        <v>0</v>
      </c>
      <c r="L26018" t="s">
        <v>120</v>
      </c>
      <c r="M26018" t="s">
        <v>83</v>
      </c>
      <c r="N26018" t="s">
        <v>84</v>
      </c>
      <c r="O26018" t="s">
        <v>85</v>
      </c>
      <c r="P26018" t="s">
        <v>86</v>
      </c>
      <c r="Q26018">
        <v>34</v>
      </c>
      <c r="R26018">
        <v>35</v>
      </c>
      <c r="S26018">
        <v>36</v>
      </c>
      <c r="T26018">
        <v>37</v>
      </c>
      <c r="U26018">
        <v>37</v>
      </c>
      <c r="V26018">
        <v>38</v>
      </c>
      <c r="W26018">
        <v>39</v>
      </c>
      <c r="X26018">
        <v>40</v>
      </c>
      <c r="Y26018">
        <v>41</v>
      </c>
      <c r="Z26018">
        <v>42</v>
      </c>
      <c r="AA26018">
        <v>43</v>
      </c>
      <c r="AB26018">
        <v>44</v>
      </c>
      <c r="AC26018">
        <v>45</v>
      </c>
      <c r="AD26018">
        <v>46</v>
      </c>
      <c r="AE26018">
        <v>47</v>
      </c>
      <c r="AF26018">
        <v>48</v>
      </c>
      <c r="AG26018">
        <v>49</v>
      </c>
      <c r="AH26018">
        <v>50</v>
      </c>
      <c r="AI26018">
        <v>51</v>
      </c>
      <c r="AJ26018">
        <v>53</v>
      </c>
      <c r="AK26018">
        <v>54</v>
      </c>
      <c r="AL26018">
        <v>55</v>
      </c>
      <c r="AM26018">
        <v>55</v>
      </c>
      <c r="AN26018">
        <v>56</v>
      </c>
      <c r="AO26018">
        <v>57</v>
      </c>
      <c r="AP26018">
        <v>58</v>
      </c>
      <c r="AQ26018">
        <v>59</v>
      </c>
    </row>
    <row r="26019" spans="1:43">
      <c r="A26019" t="s">
        <v>16097</v>
      </c>
      <c r="B26019" t="s">
        <v>16098</v>
      </c>
      <c r="C26019" t="s">
        <v>16099</v>
      </c>
      <c r="D26019" t="s">
        <v>16100</v>
      </c>
      <c r="E26019" t="s">
        <v>16019</v>
      </c>
      <c r="F26019" t="s">
        <v>16020</v>
      </c>
      <c r="G26019" t="s">
        <v>10734</v>
      </c>
      <c r="H26019" t="s">
        <v>10735</v>
      </c>
      <c r="I26019" s="2">
        <v>1</v>
      </c>
      <c r="J26019" s="2">
        <v>0</v>
      </c>
      <c r="K26019" s="2">
        <v>0</v>
      </c>
      <c r="L26019" t="s">
        <v>120</v>
      </c>
      <c r="M26019" t="s">
        <v>87</v>
      </c>
      <c r="N26019" t="s">
        <v>88</v>
      </c>
      <c r="O26019" t="s">
        <v>85</v>
      </c>
      <c r="P26019" t="s">
        <v>86</v>
      </c>
      <c r="Q26019">
        <v>34</v>
      </c>
      <c r="R26019">
        <v>34</v>
      </c>
      <c r="S26019">
        <v>35</v>
      </c>
      <c r="T26019">
        <v>35</v>
      </c>
      <c r="U26019">
        <v>36</v>
      </c>
      <c r="V26019">
        <v>36</v>
      </c>
      <c r="W26019">
        <v>37</v>
      </c>
      <c r="X26019">
        <v>37</v>
      </c>
      <c r="Y26019">
        <v>38</v>
      </c>
      <c r="Z26019">
        <v>39</v>
      </c>
      <c r="AA26019">
        <v>39</v>
      </c>
      <c r="AB26019">
        <v>40</v>
      </c>
      <c r="AC26019">
        <v>40</v>
      </c>
      <c r="AD26019">
        <v>41</v>
      </c>
      <c r="AE26019">
        <v>42</v>
      </c>
      <c r="AF26019">
        <v>42</v>
      </c>
      <c r="AG26019">
        <v>43</v>
      </c>
      <c r="AH26019">
        <v>44</v>
      </c>
      <c r="AI26019">
        <v>44</v>
      </c>
      <c r="AJ26019">
        <v>45</v>
      </c>
      <c r="AK26019">
        <v>46</v>
      </c>
      <c r="AL26019">
        <v>46</v>
      </c>
      <c r="AM26019">
        <v>47</v>
      </c>
      <c r="AN26019">
        <v>48</v>
      </c>
      <c r="AO26019">
        <v>49</v>
      </c>
      <c r="AP26019">
        <v>50</v>
      </c>
      <c r="AQ26019">
        <v>51</v>
      </c>
    </row>
    <row r="26020" spans="1:43">
      <c r="A26020" t="s">
        <v>16097</v>
      </c>
      <c r="B26020" t="s">
        <v>16098</v>
      </c>
      <c r="C26020" t="s">
        <v>16099</v>
      </c>
      <c r="D26020" t="s">
        <v>16100</v>
      </c>
      <c r="E26020" t="s">
        <v>16019</v>
      </c>
      <c r="F26020" t="s">
        <v>16020</v>
      </c>
      <c r="G26020" t="s">
        <v>10734</v>
      </c>
      <c r="H26020" t="s">
        <v>10735</v>
      </c>
      <c r="I26020" s="2">
        <v>1</v>
      </c>
      <c r="J26020" s="2">
        <v>0</v>
      </c>
      <c r="K26020" s="2">
        <v>0</v>
      </c>
      <c r="L26020" t="s">
        <v>120</v>
      </c>
      <c r="M26020" t="s">
        <v>89</v>
      </c>
      <c r="N26020" t="s">
        <v>90</v>
      </c>
      <c r="O26020" t="s">
        <v>85</v>
      </c>
      <c r="P26020" t="s">
        <v>86</v>
      </c>
      <c r="Q26020">
        <v>34</v>
      </c>
      <c r="R26020">
        <v>35</v>
      </c>
      <c r="S26020">
        <v>37</v>
      </c>
      <c r="T26020">
        <v>38</v>
      </c>
      <c r="U26020">
        <v>39</v>
      </c>
      <c r="V26020">
        <v>40</v>
      </c>
      <c r="W26020">
        <v>41</v>
      </c>
      <c r="X26020">
        <v>42</v>
      </c>
      <c r="Y26020">
        <v>43</v>
      </c>
      <c r="Z26020">
        <v>45</v>
      </c>
      <c r="AA26020">
        <v>46</v>
      </c>
      <c r="AB26020">
        <v>47</v>
      </c>
      <c r="AC26020">
        <v>48</v>
      </c>
      <c r="AD26020">
        <v>49</v>
      </c>
      <c r="AE26020">
        <v>50</v>
      </c>
      <c r="AF26020">
        <v>51</v>
      </c>
      <c r="AG26020">
        <v>52</v>
      </c>
      <c r="AH26020">
        <v>52</v>
      </c>
      <c r="AI26020">
        <v>53</v>
      </c>
      <c r="AJ26020">
        <v>54</v>
      </c>
      <c r="AK26020">
        <v>55</v>
      </c>
      <c r="AL26020">
        <v>55</v>
      </c>
      <c r="AM26020">
        <v>56</v>
      </c>
      <c r="AN26020">
        <v>57</v>
      </c>
      <c r="AO26020">
        <v>57</v>
      </c>
      <c r="AP26020">
        <v>58</v>
      </c>
      <c r="AQ26020">
        <v>59</v>
      </c>
    </row>
    <row r="26021" spans="1:43">
      <c r="A26021" t="s">
        <v>16097</v>
      </c>
      <c r="B26021" t="s">
        <v>16098</v>
      </c>
      <c r="C26021" t="s">
        <v>16099</v>
      </c>
      <c r="D26021" t="s">
        <v>16100</v>
      </c>
      <c r="E26021" t="s">
        <v>16019</v>
      </c>
      <c r="F26021" t="s">
        <v>16020</v>
      </c>
      <c r="G26021" t="s">
        <v>10734</v>
      </c>
      <c r="H26021" t="s">
        <v>10735</v>
      </c>
      <c r="I26021" s="2">
        <v>1</v>
      </c>
      <c r="J26021" s="2">
        <v>0</v>
      </c>
      <c r="K26021" s="2">
        <v>0</v>
      </c>
      <c r="L26021" t="s">
        <v>120</v>
      </c>
      <c r="M26021" t="s">
        <v>83</v>
      </c>
      <c r="N26021" t="s">
        <v>91</v>
      </c>
      <c r="O26021" t="s">
        <v>85</v>
      </c>
      <c r="P26021" t="s">
        <v>86</v>
      </c>
      <c r="Q26021">
        <v>34</v>
      </c>
      <c r="R26021">
        <v>35</v>
      </c>
      <c r="S26021">
        <v>36</v>
      </c>
      <c r="T26021">
        <v>37</v>
      </c>
      <c r="U26021">
        <v>37</v>
      </c>
      <c r="V26021">
        <v>38</v>
      </c>
      <c r="W26021">
        <v>39</v>
      </c>
      <c r="X26021">
        <v>40</v>
      </c>
      <c r="Y26021">
        <v>41</v>
      </c>
      <c r="Z26021">
        <v>42</v>
      </c>
      <c r="AA26021">
        <v>43</v>
      </c>
      <c r="AB26021">
        <v>44</v>
      </c>
      <c r="AC26021">
        <v>45</v>
      </c>
      <c r="AD26021">
        <v>46</v>
      </c>
      <c r="AE26021">
        <v>47</v>
      </c>
      <c r="AF26021">
        <v>48</v>
      </c>
      <c r="AG26021">
        <v>49</v>
      </c>
      <c r="AH26021">
        <v>50</v>
      </c>
      <c r="AI26021">
        <v>51</v>
      </c>
      <c r="AJ26021">
        <v>53</v>
      </c>
      <c r="AK26021">
        <v>54</v>
      </c>
      <c r="AL26021">
        <v>55</v>
      </c>
      <c r="AM26021">
        <v>55</v>
      </c>
      <c r="AN26021">
        <v>56</v>
      </c>
      <c r="AO26021">
        <v>57</v>
      </c>
      <c r="AP26021">
        <v>58</v>
      </c>
      <c r="AQ26021">
        <v>59</v>
      </c>
    </row>
    <row r="26022" spans="1:43">
      <c r="A26022" t="s">
        <v>16101</v>
      </c>
      <c r="B26022" t="s">
        <v>16102</v>
      </c>
      <c r="C26022" t="s">
        <v>16099</v>
      </c>
      <c r="D26022" t="s">
        <v>16100</v>
      </c>
      <c r="E26022" t="s">
        <v>16019</v>
      </c>
      <c r="F26022" t="s">
        <v>16020</v>
      </c>
      <c r="G26022" t="s">
        <v>10734</v>
      </c>
      <c r="H26022" t="s">
        <v>10735</v>
      </c>
      <c r="I26022" s="2">
        <v>0.96</v>
      </c>
      <c r="J26022" s="2">
        <v>0</v>
      </c>
      <c r="K26022" s="2">
        <v>0</v>
      </c>
      <c r="L26022" t="s">
        <v>120</v>
      </c>
      <c r="M26022" t="s">
        <v>83</v>
      </c>
      <c r="N26022" t="s">
        <v>84</v>
      </c>
      <c r="O26022" t="s">
        <v>85</v>
      </c>
      <c r="P26022" t="s">
        <v>86</v>
      </c>
      <c r="Q26022">
        <v>46</v>
      </c>
      <c r="R26022">
        <v>48</v>
      </c>
      <c r="S26022">
        <v>49</v>
      </c>
      <c r="T26022">
        <v>50</v>
      </c>
      <c r="U26022">
        <v>51</v>
      </c>
      <c r="V26022">
        <v>52</v>
      </c>
      <c r="W26022">
        <v>54</v>
      </c>
      <c r="X26022">
        <v>55</v>
      </c>
      <c r="Y26022">
        <v>56</v>
      </c>
      <c r="Z26022">
        <v>57</v>
      </c>
      <c r="AA26022">
        <v>59</v>
      </c>
      <c r="AB26022">
        <v>60</v>
      </c>
      <c r="AC26022">
        <v>61</v>
      </c>
      <c r="AD26022">
        <v>63</v>
      </c>
      <c r="AE26022">
        <v>64</v>
      </c>
      <c r="AF26022">
        <v>66</v>
      </c>
      <c r="AG26022">
        <v>67</v>
      </c>
      <c r="AH26022">
        <v>69</v>
      </c>
      <c r="AI26022">
        <v>70</v>
      </c>
      <c r="AJ26022">
        <v>72</v>
      </c>
      <c r="AK26022">
        <v>73</v>
      </c>
      <c r="AL26022">
        <v>75</v>
      </c>
      <c r="AM26022">
        <v>76</v>
      </c>
      <c r="AN26022">
        <v>77</v>
      </c>
      <c r="AO26022">
        <v>78</v>
      </c>
      <c r="AP26022">
        <v>79</v>
      </c>
      <c r="AQ26022">
        <v>80</v>
      </c>
    </row>
    <row r="26023" spans="1:43">
      <c r="A26023" t="s">
        <v>16101</v>
      </c>
      <c r="B26023" t="s">
        <v>16102</v>
      </c>
      <c r="C26023" t="s">
        <v>16099</v>
      </c>
      <c r="D26023" t="s">
        <v>16100</v>
      </c>
      <c r="E26023" t="s">
        <v>16019</v>
      </c>
      <c r="F26023" t="s">
        <v>16020</v>
      </c>
      <c r="G26023" t="s">
        <v>10734</v>
      </c>
      <c r="H26023" t="s">
        <v>10735</v>
      </c>
      <c r="I26023" s="2">
        <v>0.96</v>
      </c>
      <c r="J26023" s="2">
        <v>0</v>
      </c>
      <c r="K26023" s="2">
        <v>0</v>
      </c>
      <c r="L26023" t="s">
        <v>120</v>
      </c>
      <c r="M26023" t="s">
        <v>87</v>
      </c>
      <c r="N26023" t="s">
        <v>88</v>
      </c>
      <c r="O26023" t="s">
        <v>85</v>
      </c>
      <c r="P26023" t="s">
        <v>86</v>
      </c>
      <c r="Q26023">
        <v>46</v>
      </c>
      <c r="R26023">
        <v>47</v>
      </c>
      <c r="S26023">
        <v>47</v>
      </c>
      <c r="T26023">
        <v>48</v>
      </c>
      <c r="U26023">
        <v>49</v>
      </c>
      <c r="V26023">
        <v>50</v>
      </c>
      <c r="W26023">
        <v>50</v>
      </c>
      <c r="X26023">
        <v>51</v>
      </c>
      <c r="Y26023">
        <v>52</v>
      </c>
      <c r="Z26023">
        <v>53</v>
      </c>
      <c r="AA26023">
        <v>53</v>
      </c>
      <c r="AB26023">
        <v>54</v>
      </c>
      <c r="AC26023">
        <v>55</v>
      </c>
      <c r="AD26023">
        <v>56</v>
      </c>
      <c r="AE26023">
        <v>57</v>
      </c>
      <c r="AF26023">
        <v>58</v>
      </c>
      <c r="AG26023">
        <v>59</v>
      </c>
      <c r="AH26023">
        <v>59</v>
      </c>
      <c r="AI26023">
        <v>60</v>
      </c>
      <c r="AJ26023">
        <v>61</v>
      </c>
      <c r="AK26023">
        <v>62</v>
      </c>
      <c r="AL26023">
        <v>63</v>
      </c>
      <c r="AM26023">
        <v>64</v>
      </c>
      <c r="AN26023">
        <v>66</v>
      </c>
      <c r="AO26023">
        <v>67</v>
      </c>
      <c r="AP26023">
        <v>68</v>
      </c>
      <c r="AQ26023">
        <v>69</v>
      </c>
    </row>
    <row r="26024" spans="1:43">
      <c r="A26024" t="s">
        <v>16101</v>
      </c>
      <c r="B26024" t="s">
        <v>16102</v>
      </c>
      <c r="C26024" t="s">
        <v>16099</v>
      </c>
      <c r="D26024" t="s">
        <v>16100</v>
      </c>
      <c r="E26024" t="s">
        <v>16019</v>
      </c>
      <c r="F26024" t="s">
        <v>16020</v>
      </c>
      <c r="G26024" t="s">
        <v>10734</v>
      </c>
      <c r="H26024" t="s">
        <v>10735</v>
      </c>
      <c r="I26024" s="2">
        <v>0.96</v>
      </c>
      <c r="J26024" s="2">
        <v>0</v>
      </c>
      <c r="K26024" s="2">
        <v>0</v>
      </c>
      <c r="L26024" t="s">
        <v>120</v>
      </c>
      <c r="M26024" t="s">
        <v>89</v>
      </c>
      <c r="N26024" t="s">
        <v>90</v>
      </c>
      <c r="O26024" t="s">
        <v>85</v>
      </c>
      <c r="P26024" t="s">
        <v>86</v>
      </c>
      <c r="Q26024">
        <v>46</v>
      </c>
      <c r="R26024">
        <v>47</v>
      </c>
      <c r="S26024">
        <v>49</v>
      </c>
      <c r="T26024">
        <v>51</v>
      </c>
      <c r="U26024">
        <v>52</v>
      </c>
      <c r="V26024">
        <v>54</v>
      </c>
      <c r="W26024">
        <v>55</v>
      </c>
      <c r="X26024">
        <v>57</v>
      </c>
      <c r="Y26024">
        <v>58</v>
      </c>
      <c r="Z26024">
        <v>60</v>
      </c>
      <c r="AA26024">
        <v>61</v>
      </c>
      <c r="AB26024">
        <v>63</v>
      </c>
      <c r="AC26024">
        <v>65</v>
      </c>
      <c r="AD26024">
        <v>66</v>
      </c>
      <c r="AE26024">
        <v>68</v>
      </c>
      <c r="AF26024">
        <v>69</v>
      </c>
      <c r="AG26024">
        <v>70</v>
      </c>
      <c r="AH26024">
        <v>71</v>
      </c>
      <c r="AI26024">
        <v>71</v>
      </c>
      <c r="AJ26024">
        <v>72</v>
      </c>
      <c r="AK26024">
        <v>73</v>
      </c>
      <c r="AL26024">
        <v>74</v>
      </c>
      <c r="AM26024">
        <v>75</v>
      </c>
      <c r="AN26024">
        <v>76</v>
      </c>
      <c r="AO26024">
        <v>77</v>
      </c>
      <c r="AP26024">
        <v>79</v>
      </c>
      <c r="AQ26024">
        <v>80</v>
      </c>
    </row>
    <row r="26025" spans="1:43">
      <c r="A26025" t="s">
        <v>16101</v>
      </c>
      <c r="B26025" t="s">
        <v>16102</v>
      </c>
      <c r="C26025" t="s">
        <v>16099</v>
      </c>
      <c r="D26025" t="s">
        <v>16100</v>
      </c>
      <c r="E26025" t="s">
        <v>16019</v>
      </c>
      <c r="F26025" t="s">
        <v>16020</v>
      </c>
      <c r="G26025" t="s">
        <v>10734</v>
      </c>
      <c r="H26025" t="s">
        <v>10735</v>
      </c>
      <c r="I26025" s="2">
        <v>0.96</v>
      </c>
      <c r="J26025" s="2">
        <v>0</v>
      </c>
      <c r="K26025" s="2">
        <v>0</v>
      </c>
      <c r="L26025" t="s">
        <v>120</v>
      </c>
      <c r="M26025" t="s">
        <v>83</v>
      </c>
      <c r="N26025" t="s">
        <v>91</v>
      </c>
      <c r="O26025" t="s">
        <v>85</v>
      </c>
      <c r="P26025" t="s">
        <v>86</v>
      </c>
      <c r="Q26025">
        <v>46</v>
      </c>
      <c r="R26025">
        <v>48</v>
      </c>
      <c r="S26025">
        <v>49</v>
      </c>
      <c r="T26025">
        <v>50</v>
      </c>
      <c r="U26025">
        <v>51</v>
      </c>
      <c r="V26025">
        <v>52</v>
      </c>
      <c r="W26025">
        <v>54</v>
      </c>
      <c r="X26025">
        <v>55</v>
      </c>
      <c r="Y26025">
        <v>56</v>
      </c>
      <c r="Z26025">
        <v>57</v>
      </c>
      <c r="AA26025">
        <v>59</v>
      </c>
      <c r="AB26025">
        <v>60</v>
      </c>
      <c r="AC26025">
        <v>61</v>
      </c>
      <c r="AD26025">
        <v>63</v>
      </c>
      <c r="AE26025">
        <v>64</v>
      </c>
      <c r="AF26025">
        <v>66</v>
      </c>
      <c r="AG26025">
        <v>67</v>
      </c>
      <c r="AH26025">
        <v>69</v>
      </c>
      <c r="AI26025">
        <v>70</v>
      </c>
      <c r="AJ26025">
        <v>72</v>
      </c>
      <c r="AK26025">
        <v>73</v>
      </c>
      <c r="AL26025">
        <v>75</v>
      </c>
      <c r="AM26025">
        <v>76</v>
      </c>
      <c r="AN26025">
        <v>77</v>
      </c>
      <c r="AO26025">
        <v>78</v>
      </c>
      <c r="AP26025">
        <v>79</v>
      </c>
      <c r="AQ26025">
        <v>80</v>
      </c>
    </row>
    <row r="26026" spans="1:43">
      <c r="A26026" t="s">
        <v>16103</v>
      </c>
      <c r="B26026" t="s">
        <v>16104</v>
      </c>
      <c r="C26026" t="s">
        <v>16099</v>
      </c>
      <c r="D26026" t="s">
        <v>16100</v>
      </c>
      <c r="E26026" t="s">
        <v>16019</v>
      </c>
      <c r="F26026" t="s">
        <v>16020</v>
      </c>
      <c r="G26026" t="s">
        <v>10734</v>
      </c>
      <c r="H26026" t="s">
        <v>10735</v>
      </c>
      <c r="I26026" s="2">
        <v>1</v>
      </c>
      <c r="J26026" s="2">
        <v>0</v>
      </c>
      <c r="K26026" s="2">
        <v>0</v>
      </c>
      <c r="L26026" t="s">
        <v>120</v>
      </c>
      <c r="M26026" t="s">
        <v>83</v>
      </c>
      <c r="N26026" t="s">
        <v>84</v>
      </c>
      <c r="O26026" t="s">
        <v>85</v>
      </c>
      <c r="P26026" t="s">
        <v>86</v>
      </c>
      <c r="Q26026">
        <v>41</v>
      </c>
      <c r="R26026">
        <v>42</v>
      </c>
      <c r="S26026">
        <v>43</v>
      </c>
      <c r="T26026">
        <v>44</v>
      </c>
      <c r="U26026">
        <v>45</v>
      </c>
      <c r="V26026">
        <v>46</v>
      </c>
      <c r="W26026">
        <v>47</v>
      </c>
      <c r="X26026">
        <v>48</v>
      </c>
      <c r="Y26026">
        <v>50</v>
      </c>
      <c r="Z26026">
        <v>51</v>
      </c>
      <c r="AA26026">
        <v>52</v>
      </c>
      <c r="AB26026">
        <v>53</v>
      </c>
      <c r="AC26026">
        <v>54</v>
      </c>
      <c r="AD26026">
        <v>55</v>
      </c>
      <c r="AE26026">
        <v>57</v>
      </c>
      <c r="AF26026">
        <v>58</v>
      </c>
      <c r="AG26026">
        <v>59</v>
      </c>
      <c r="AH26026">
        <v>61</v>
      </c>
      <c r="AI26026">
        <v>62</v>
      </c>
      <c r="AJ26026">
        <v>63</v>
      </c>
      <c r="AK26026">
        <v>65</v>
      </c>
      <c r="AL26026">
        <v>66</v>
      </c>
      <c r="AM26026">
        <v>67</v>
      </c>
      <c r="AN26026">
        <v>68</v>
      </c>
      <c r="AO26026">
        <v>69</v>
      </c>
      <c r="AP26026">
        <v>70</v>
      </c>
      <c r="AQ26026">
        <v>71</v>
      </c>
    </row>
    <row r="26027" spans="1:43">
      <c r="A26027" t="s">
        <v>16103</v>
      </c>
      <c r="B26027" t="s">
        <v>16104</v>
      </c>
      <c r="C26027" t="s">
        <v>16099</v>
      </c>
      <c r="D26027" t="s">
        <v>16100</v>
      </c>
      <c r="E26027" t="s">
        <v>16019</v>
      </c>
      <c r="F26027" t="s">
        <v>16020</v>
      </c>
      <c r="G26027" t="s">
        <v>10734</v>
      </c>
      <c r="H26027" t="s">
        <v>10735</v>
      </c>
      <c r="I26027" s="2">
        <v>1</v>
      </c>
      <c r="J26027" s="2">
        <v>0</v>
      </c>
      <c r="K26027" s="2">
        <v>0</v>
      </c>
      <c r="L26027" t="s">
        <v>120</v>
      </c>
      <c r="M26027" t="s">
        <v>87</v>
      </c>
      <c r="N26027" t="s">
        <v>88</v>
      </c>
      <c r="O26027" t="s">
        <v>85</v>
      </c>
      <c r="P26027" t="s">
        <v>86</v>
      </c>
      <c r="Q26027">
        <v>41</v>
      </c>
      <c r="R26027">
        <v>41</v>
      </c>
      <c r="S26027">
        <v>42</v>
      </c>
      <c r="T26027">
        <v>43</v>
      </c>
      <c r="U26027">
        <v>43</v>
      </c>
      <c r="V26027">
        <v>44</v>
      </c>
      <c r="W26027">
        <v>44</v>
      </c>
      <c r="X26027">
        <v>45</v>
      </c>
      <c r="Y26027">
        <v>46</v>
      </c>
      <c r="Z26027">
        <v>46</v>
      </c>
      <c r="AA26027">
        <v>47</v>
      </c>
      <c r="AB26027">
        <v>48</v>
      </c>
      <c r="AC26027">
        <v>49</v>
      </c>
      <c r="AD26027">
        <v>49</v>
      </c>
      <c r="AE26027">
        <v>50</v>
      </c>
      <c r="AF26027">
        <v>51</v>
      </c>
      <c r="AG26027">
        <v>52</v>
      </c>
      <c r="AH26027">
        <v>53</v>
      </c>
      <c r="AI26027">
        <v>53</v>
      </c>
      <c r="AJ26027">
        <v>54</v>
      </c>
      <c r="AK26027">
        <v>55</v>
      </c>
      <c r="AL26027">
        <v>56</v>
      </c>
      <c r="AM26027">
        <v>57</v>
      </c>
      <c r="AN26027">
        <v>58</v>
      </c>
      <c r="AO26027">
        <v>59</v>
      </c>
      <c r="AP26027">
        <v>60</v>
      </c>
      <c r="AQ26027">
        <v>61</v>
      </c>
    </row>
    <row r="26028" spans="1:43">
      <c r="A26028" t="s">
        <v>16103</v>
      </c>
      <c r="B26028" t="s">
        <v>16104</v>
      </c>
      <c r="C26028" t="s">
        <v>16099</v>
      </c>
      <c r="D26028" t="s">
        <v>16100</v>
      </c>
      <c r="E26028" t="s">
        <v>16019</v>
      </c>
      <c r="F26028" t="s">
        <v>16020</v>
      </c>
      <c r="G26028" t="s">
        <v>10734</v>
      </c>
      <c r="H26028" t="s">
        <v>10735</v>
      </c>
      <c r="I26028" s="2">
        <v>1</v>
      </c>
      <c r="J26028" s="2">
        <v>0</v>
      </c>
      <c r="K26028" s="2">
        <v>0</v>
      </c>
      <c r="L26028" t="s">
        <v>120</v>
      </c>
      <c r="M26028" t="s">
        <v>89</v>
      </c>
      <c r="N26028" t="s">
        <v>90</v>
      </c>
      <c r="O26028" t="s">
        <v>85</v>
      </c>
      <c r="P26028" t="s">
        <v>86</v>
      </c>
      <c r="Q26028">
        <v>41</v>
      </c>
      <c r="R26028">
        <v>43</v>
      </c>
      <c r="S26028">
        <v>44</v>
      </c>
      <c r="T26028">
        <v>46</v>
      </c>
      <c r="U26028">
        <v>47</v>
      </c>
      <c r="V26028">
        <v>48</v>
      </c>
      <c r="W26028">
        <v>50</v>
      </c>
      <c r="X26028">
        <v>51</v>
      </c>
      <c r="Y26028">
        <v>52</v>
      </c>
      <c r="Z26028">
        <v>54</v>
      </c>
      <c r="AA26028">
        <v>55</v>
      </c>
      <c r="AB26028">
        <v>57</v>
      </c>
      <c r="AC26028">
        <v>58</v>
      </c>
      <c r="AD26028">
        <v>60</v>
      </c>
      <c r="AE26028">
        <v>61</v>
      </c>
      <c r="AF26028">
        <v>62</v>
      </c>
      <c r="AG26028">
        <v>62</v>
      </c>
      <c r="AH26028">
        <v>63</v>
      </c>
      <c r="AI26028">
        <v>64</v>
      </c>
      <c r="AJ26028">
        <v>65</v>
      </c>
      <c r="AK26028">
        <v>66</v>
      </c>
      <c r="AL26028">
        <v>67</v>
      </c>
      <c r="AM26028">
        <v>68</v>
      </c>
      <c r="AN26028">
        <v>68</v>
      </c>
      <c r="AO26028">
        <v>69</v>
      </c>
      <c r="AP26028">
        <v>70</v>
      </c>
      <c r="AQ26028">
        <v>71</v>
      </c>
    </row>
    <row r="26029" spans="1:43">
      <c r="A26029" t="s">
        <v>16103</v>
      </c>
      <c r="B26029" t="s">
        <v>16104</v>
      </c>
      <c r="C26029" t="s">
        <v>16099</v>
      </c>
      <c r="D26029" t="s">
        <v>16100</v>
      </c>
      <c r="E26029" t="s">
        <v>16019</v>
      </c>
      <c r="F26029" t="s">
        <v>16020</v>
      </c>
      <c r="G26029" t="s">
        <v>10734</v>
      </c>
      <c r="H26029" t="s">
        <v>10735</v>
      </c>
      <c r="I26029" s="2">
        <v>1</v>
      </c>
      <c r="J26029" s="2">
        <v>0</v>
      </c>
      <c r="K26029" s="2">
        <v>0</v>
      </c>
      <c r="L26029" t="s">
        <v>120</v>
      </c>
      <c r="M26029" t="s">
        <v>83</v>
      </c>
      <c r="N26029" t="s">
        <v>91</v>
      </c>
      <c r="O26029" t="s">
        <v>85</v>
      </c>
      <c r="P26029" t="s">
        <v>86</v>
      </c>
      <c r="Q26029">
        <v>41</v>
      </c>
      <c r="R26029">
        <v>42</v>
      </c>
      <c r="S26029">
        <v>43</v>
      </c>
      <c r="T26029">
        <v>44</v>
      </c>
      <c r="U26029">
        <v>45</v>
      </c>
      <c r="V26029">
        <v>46</v>
      </c>
      <c r="W26029">
        <v>47</v>
      </c>
      <c r="X26029">
        <v>48</v>
      </c>
      <c r="Y26029">
        <v>50</v>
      </c>
      <c r="Z26029">
        <v>51</v>
      </c>
      <c r="AA26029">
        <v>52</v>
      </c>
      <c r="AB26029">
        <v>53</v>
      </c>
      <c r="AC26029">
        <v>54</v>
      </c>
      <c r="AD26029">
        <v>55</v>
      </c>
      <c r="AE26029">
        <v>57</v>
      </c>
      <c r="AF26029">
        <v>58</v>
      </c>
      <c r="AG26029">
        <v>59</v>
      </c>
      <c r="AH26029">
        <v>61</v>
      </c>
      <c r="AI26029">
        <v>62</v>
      </c>
      <c r="AJ26029">
        <v>63</v>
      </c>
      <c r="AK26029">
        <v>65</v>
      </c>
      <c r="AL26029">
        <v>66</v>
      </c>
      <c r="AM26029">
        <v>67</v>
      </c>
      <c r="AN26029">
        <v>68</v>
      </c>
      <c r="AO26029">
        <v>69</v>
      </c>
      <c r="AP26029">
        <v>70</v>
      </c>
      <c r="AQ26029">
        <v>71</v>
      </c>
    </row>
    <row r="26030" spans="1:43">
      <c r="A26030" t="s">
        <v>16105</v>
      </c>
      <c r="B26030" t="s">
        <v>16106</v>
      </c>
      <c r="C26030" t="s">
        <v>16099</v>
      </c>
      <c r="D26030" t="s">
        <v>16100</v>
      </c>
      <c r="E26030" t="s">
        <v>16019</v>
      </c>
      <c r="F26030" t="s">
        <v>16020</v>
      </c>
      <c r="G26030" t="s">
        <v>10734</v>
      </c>
      <c r="H26030" t="s">
        <v>10735</v>
      </c>
      <c r="I26030" s="2">
        <v>1</v>
      </c>
      <c r="J26030" s="2">
        <v>0</v>
      </c>
      <c r="K26030" s="2">
        <v>0</v>
      </c>
      <c r="L26030" t="s">
        <v>120</v>
      </c>
      <c r="M26030" t="s">
        <v>83</v>
      </c>
      <c r="N26030" t="s">
        <v>84</v>
      </c>
      <c r="O26030" t="s">
        <v>85</v>
      </c>
      <c r="P26030" t="s">
        <v>86</v>
      </c>
      <c r="Q26030">
        <v>21</v>
      </c>
      <c r="R26030">
        <v>22</v>
      </c>
      <c r="S26030">
        <v>22</v>
      </c>
      <c r="T26030">
        <v>23</v>
      </c>
      <c r="U26030">
        <v>23</v>
      </c>
      <c r="V26030">
        <v>24</v>
      </c>
      <c r="W26030">
        <v>24</v>
      </c>
      <c r="X26030">
        <v>25</v>
      </c>
      <c r="Y26030">
        <v>26</v>
      </c>
      <c r="Z26030">
        <v>26</v>
      </c>
      <c r="AA26030">
        <v>27</v>
      </c>
      <c r="AB26030">
        <v>27</v>
      </c>
      <c r="AC26030">
        <v>28</v>
      </c>
      <c r="AD26030">
        <v>29</v>
      </c>
      <c r="AE26030">
        <v>29</v>
      </c>
      <c r="AF26030">
        <v>30</v>
      </c>
      <c r="AG26030">
        <v>31</v>
      </c>
      <c r="AH26030">
        <v>31</v>
      </c>
      <c r="AI26030">
        <v>32</v>
      </c>
      <c r="AJ26030">
        <v>33</v>
      </c>
      <c r="AK26030">
        <v>33</v>
      </c>
      <c r="AL26030">
        <v>34</v>
      </c>
      <c r="AM26030">
        <v>34</v>
      </c>
      <c r="AN26030">
        <v>35</v>
      </c>
      <c r="AO26030">
        <v>35</v>
      </c>
      <c r="AP26030">
        <v>36</v>
      </c>
      <c r="AQ26030">
        <v>36</v>
      </c>
    </row>
    <row r="26031" spans="1:43">
      <c r="A26031" t="s">
        <v>16105</v>
      </c>
      <c r="B26031" t="s">
        <v>16106</v>
      </c>
      <c r="C26031" t="s">
        <v>16099</v>
      </c>
      <c r="D26031" t="s">
        <v>16100</v>
      </c>
      <c r="E26031" t="s">
        <v>16019</v>
      </c>
      <c r="F26031" t="s">
        <v>16020</v>
      </c>
      <c r="G26031" t="s">
        <v>10734</v>
      </c>
      <c r="H26031" t="s">
        <v>10735</v>
      </c>
      <c r="I26031" s="2">
        <v>1</v>
      </c>
      <c r="J26031" s="2">
        <v>0</v>
      </c>
      <c r="K26031" s="2">
        <v>0</v>
      </c>
      <c r="L26031" t="s">
        <v>120</v>
      </c>
      <c r="M26031" t="s">
        <v>87</v>
      </c>
      <c r="N26031" t="s">
        <v>88</v>
      </c>
      <c r="O26031" t="s">
        <v>85</v>
      </c>
      <c r="P26031" t="s">
        <v>86</v>
      </c>
      <c r="Q26031">
        <v>21</v>
      </c>
      <c r="R26031">
        <v>21</v>
      </c>
      <c r="S26031">
        <v>22</v>
      </c>
      <c r="T26031">
        <v>22</v>
      </c>
      <c r="U26031">
        <v>22</v>
      </c>
      <c r="V26031">
        <v>23</v>
      </c>
      <c r="W26031">
        <v>23</v>
      </c>
      <c r="X26031">
        <v>23</v>
      </c>
      <c r="Y26031">
        <v>24</v>
      </c>
      <c r="Z26031">
        <v>24</v>
      </c>
      <c r="AA26031">
        <v>24</v>
      </c>
      <c r="AB26031">
        <v>25</v>
      </c>
      <c r="AC26031">
        <v>25</v>
      </c>
      <c r="AD26031">
        <v>26</v>
      </c>
      <c r="AE26031">
        <v>26</v>
      </c>
      <c r="AF26031">
        <v>26</v>
      </c>
      <c r="AG26031">
        <v>27</v>
      </c>
      <c r="AH26031">
        <v>27</v>
      </c>
      <c r="AI26031">
        <v>28</v>
      </c>
      <c r="AJ26031">
        <v>28</v>
      </c>
      <c r="AK26031">
        <v>28</v>
      </c>
      <c r="AL26031">
        <v>29</v>
      </c>
      <c r="AM26031">
        <v>29</v>
      </c>
      <c r="AN26031">
        <v>30</v>
      </c>
      <c r="AO26031">
        <v>30</v>
      </c>
      <c r="AP26031">
        <v>31</v>
      </c>
      <c r="AQ26031">
        <v>31</v>
      </c>
    </row>
    <row r="26032" spans="1:43">
      <c r="A26032" t="s">
        <v>16105</v>
      </c>
      <c r="B26032" t="s">
        <v>16106</v>
      </c>
      <c r="C26032" t="s">
        <v>16099</v>
      </c>
      <c r="D26032" t="s">
        <v>16100</v>
      </c>
      <c r="E26032" t="s">
        <v>16019</v>
      </c>
      <c r="F26032" t="s">
        <v>16020</v>
      </c>
      <c r="G26032" t="s">
        <v>10734</v>
      </c>
      <c r="H26032" t="s">
        <v>10735</v>
      </c>
      <c r="I26032" s="2">
        <v>1</v>
      </c>
      <c r="J26032" s="2">
        <v>0</v>
      </c>
      <c r="K26032" s="2">
        <v>0</v>
      </c>
      <c r="L26032" t="s">
        <v>120</v>
      </c>
      <c r="M26032" t="s">
        <v>89</v>
      </c>
      <c r="N26032" t="s">
        <v>90</v>
      </c>
      <c r="O26032" t="s">
        <v>85</v>
      </c>
      <c r="P26032" t="s">
        <v>86</v>
      </c>
      <c r="Q26032">
        <v>21</v>
      </c>
      <c r="R26032">
        <v>22</v>
      </c>
      <c r="S26032">
        <v>23</v>
      </c>
      <c r="T26032">
        <v>24</v>
      </c>
      <c r="U26032">
        <v>24</v>
      </c>
      <c r="V26032">
        <v>25</v>
      </c>
      <c r="W26032">
        <v>26</v>
      </c>
      <c r="X26032">
        <v>26</v>
      </c>
      <c r="Y26032">
        <v>27</v>
      </c>
      <c r="Z26032">
        <v>28</v>
      </c>
      <c r="AA26032">
        <v>29</v>
      </c>
      <c r="AB26032">
        <v>29</v>
      </c>
      <c r="AC26032">
        <v>30</v>
      </c>
      <c r="AD26032">
        <v>31</v>
      </c>
      <c r="AE26032">
        <v>31</v>
      </c>
      <c r="AF26032">
        <v>32</v>
      </c>
      <c r="AG26032">
        <v>32</v>
      </c>
      <c r="AH26032">
        <v>33</v>
      </c>
      <c r="AI26032">
        <v>33</v>
      </c>
      <c r="AJ26032">
        <v>33</v>
      </c>
      <c r="AK26032">
        <v>34</v>
      </c>
      <c r="AL26032">
        <v>34</v>
      </c>
      <c r="AM26032">
        <v>35</v>
      </c>
      <c r="AN26032">
        <v>35</v>
      </c>
      <c r="AO26032">
        <v>36</v>
      </c>
      <c r="AP26032">
        <v>36</v>
      </c>
      <c r="AQ26032">
        <v>37</v>
      </c>
    </row>
    <row r="26033" spans="1:43">
      <c r="A26033" t="s">
        <v>16105</v>
      </c>
      <c r="B26033" t="s">
        <v>16106</v>
      </c>
      <c r="C26033" t="s">
        <v>16099</v>
      </c>
      <c r="D26033" t="s">
        <v>16100</v>
      </c>
      <c r="E26033" t="s">
        <v>16019</v>
      </c>
      <c r="F26033" t="s">
        <v>16020</v>
      </c>
      <c r="G26033" t="s">
        <v>10734</v>
      </c>
      <c r="H26033" t="s">
        <v>10735</v>
      </c>
      <c r="I26033" s="2">
        <v>1</v>
      </c>
      <c r="J26033" s="2">
        <v>0</v>
      </c>
      <c r="K26033" s="2">
        <v>0</v>
      </c>
      <c r="L26033" t="s">
        <v>120</v>
      </c>
      <c r="M26033" t="s">
        <v>83</v>
      </c>
      <c r="N26033" t="s">
        <v>91</v>
      </c>
      <c r="O26033" t="s">
        <v>85</v>
      </c>
      <c r="P26033" t="s">
        <v>86</v>
      </c>
      <c r="Q26033">
        <v>21</v>
      </c>
      <c r="R26033">
        <v>22</v>
      </c>
      <c r="S26033">
        <v>22</v>
      </c>
      <c r="T26033">
        <v>23</v>
      </c>
      <c r="U26033">
        <v>23</v>
      </c>
      <c r="V26033">
        <v>24</v>
      </c>
      <c r="W26033">
        <v>24</v>
      </c>
      <c r="X26033">
        <v>25</v>
      </c>
      <c r="Y26033">
        <v>26</v>
      </c>
      <c r="Z26033">
        <v>26</v>
      </c>
      <c r="AA26033">
        <v>27</v>
      </c>
      <c r="AB26033">
        <v>27</v>
      </c>
      <c r="AC26033">
        <v>28</v>
      </c>
      <c r="AD26033">
        <v>29</v>
      </c>
      <c r="AE26033">
        <v>29</v>
      </c>
      <c r="AF26033">
        <v>30</v>
      </c>
      <c r="AG26033">
        <v>31</v>
      </c>
      <c r="AH26033">
        <v>31</v>
      </c>
      <c r="AI26033">
        <v>32</v>
      </c>
      <c r="AJ26033">
        <v>33</v>
      </c>
      <c r="AK26033">
        <v>33</v>
      </c>
      <c r="AL26033">
        <v>34</v>
      </c>
      <c r="AM26033">
        <v>34</v>
      </c>
      <c r="AN26033">
        <v>35</v>
      </c>
      <c r="AO26033">
        <v>35</v>
      </c>
      <c r="AP26033">
        <v>36</v>
      </c>
      <c r="AQ26033">
        <v>36</v>
      </c>
    </row>
    <row r="26034" spans="1:43">
      <c r="A26034" t="s">
        <v>16107</v>
      </c>
      <c r="B26034" t="s">
        <v>16108</v>
      </c>
      <c r="C26034" t="s">
        <v>16037</v>
      </c>
      <c r="D26034" t="s">
        <v>16038</v>
      </c>
      <c r="E26034" t="s">
        <v>16019</v>
      </c>
      <c r="F26034" t="s">
        <v>16020</v>
      </c>
      <c r="G26034" t="s">
        <v>10734</v>
      </c>
      <c r="H26034" t="s">
        <v>10735</v>
      </c>
      <c r="I26034" s="2">
        <v>1</v>
      </c>
      <c r="J26034" s="2">
        <v>0</v>
      </c>
      <c r="K26034" s="2">
        <v>0</v>
      </c>
      <c r="L26034" t="s">
        <v>120</v>
      </c>
      <c r="M26034" t="s">
        <v>83</v>
      </c>
      <c r="N26034" t="s">
        <v>84</v>
      </c>
      <c r="O26034" t="s">
        <v>85</v>
      </c>
      <c r="P26034" t="s">
        <v>86</v>
      </c>
      <c r="Q26034">
        <v>29</v>
      </c>
      <c r="R26034">
        <v>30</v>
      </c>
      <c r="S26034">
        <v>31</v>
      </c>
      <c r="T26034">
        <v>32</v>
      </c>
      <c r="U26034">
        <v>32</v>
      </c>
      <c r="V26034">
        <v>33</v>
      </c>
      <c r="W26034">
        <v>34</v>
      </c>
      <c r="X26034">
        <v>35</v>
      </c>
      <c r="Y26034">
        <v>36</v>
      </c>
      <c r="Z26034">
        <v>36</v>
      </c>
      <c r="AA26034">
        <v>37</v>
      </c>
      <c r="AB26034">
        <v>38</v>
      </c>
      <c r="AC26034">
        <v>39</v>
      </c>
      <c r="AD26034">
        <v>40</v>
      </c>
      <c r="AE26034">
        <v>41</v>
      </c>
      <c r="AF26034">
        <v>42</v>
      </c>
      <c r="AG26034">
        <v>43</v>
      </c>
      <c r="AH26034">
        <v>44</v>
      </c>
      <c r="AI26034">
        <v>45</v>
      </c>
      <c r="AJ26034">
        <v>46</v>
      </c>
      <c r="AK26034">
        <v>47</v>
      </c>
      <c r="AL26034">
        <v>47</v>
      </c>
      <c r="AM26034">
        <v>48</v>
      </c>
      <c r="AN26034">
        <v>49</v>
      </c>
      <c r="AO26034">
        <v>49</v>
      </c>
      <c r="AP26034">
        <v>50</v>
      </c>
      <c r="AQ26034">
        <v>51</v>
      </c>
    </row>
    <row r="26035" spans="1:43">
      <c r="A26035" t="s">
        <v>16107</v>
      </c>
      <c r="B26035" t="s">
        <v>16108</v>
      </c>
      <c r="C26035" t="s">
        <v>16037</v>
      </c>
      <c r="D26035" t="s">
        <v>16038</v>
      </c>
      <c r="E26035" t="s">
        <v>16019</v>
      </c>
      <c r="F26035" t="s">
        <v>16020</v>
      </c>
      <c r="G26035" t="s">
        <v>10734</v>
      </c>
      <c r="H26035" t="s">
        <v>10735</v>
      </c>
      <c r="I26035" s="2">
        <v>1</v>
      </c>
      <c r="J26035" s="2">
        <v>0</v>
      </c>
      <c r="K26035" s="2">
        <v>0</v>
      </c>
      <c r="L26035" t="s">
        <v>120</v>
      </c>
      <c r="M26035" t="s">
        <v>87</v>
      </c>
      <c r="N26035" t="s">
        <v>88</v>
      </c>
      <c r="O26035" t="s">
        <v>85</v>
      </c>
      <c r="P26035" t="s">
        <v>86</v>
      </c>
      <c r="Q26035">
        <v>29</v>
      </c>
      <c r="R26035">
        <v>30</v>
      </c>
      <c r="S26035">
        <v>30</v>
      </c>
      <c r="T26035">
        <v>31</v>
      </c>
      <c r="U26035">
        <v>31</v>
      </c>
      <c r="V26035">
        <v>31</v>
      </c>
      <c r="W26035">
        <v>32</v>
      </c>
      <c r="X26035">
        <v>32</v>
      </c>
      <c r="Y26035">
        <v>33</v>
      </c>
      <c r="Z26035">
        <v>33</v>
      </c>
      <c r="AA26035">
        <v>34</v>
      </c>
      <c r="AB26035">
        <v>34</v>
      </c>
      <c r="AC26035">
        <v>35</v>
      </c>
      <c r="AD26035">
        <v>36</v>
      </c>
      <c r="AE26035">
        <v>36</v>
      </c>
      <c r="AF26035">
        <v>37</v>
      </c>
      <c r="AG26035">
        <v>37</v>
      </c>
      <c r="AH26035">
        <v>38</v>
      </c>
      <c r="AI26035">
        <v>38</v>
      </c>
      <c r="AJ26035">
        <v>39</v>
      </c>
      <c r="AK26035">
        <v>40</v>
      </c>
      <c r="AL26035">
        <v>40</v>
      </c>
      <c r="AM26035">
        <v>41</v>
      </c>
      <c r="AN26035">
        <v>42</v>
      </c>
      <c r="AO26035">
        <v>43</v>
      </c>
      <c r="AP26035">
        <v>43</v>
      </c>
      <c r="AQ26035">
        <v>44</v>
      </c>
    </row>
    <row r="26036" spans="1:43">
      <c r="A26036" t="s">
        <v>16107</v>
      </c>
      <c r="B26036" t="s">
        <v>16108</v>
      </c>
      <c r="C26036" t="s">
        <v>16037</v>
      </c>
      <c r="D26036" t="s">
        <v>16038</v>
      </c>
      <c r="E26036" t="s">
        <v>16019</v>
      </c>
      <c r="F26036" t="s">
        <v>16020</v>
      </c>
      <c r="G26036" t="s">
        <v>10734</v>
      </c>
      <c r="H26036" t="s">
        <v>10735</v>
      </c>
      <c r="I26036" s="2">
        <v>1</v>
      </c>
      <c r="J26036" s="2">
        <v>0</v>
      </c>
      <c r="K26036" s="2">
        <v>0</v>
      </c>
      <c r="L26036" t="s">
        <v>120</v>
      </c>
      <c r="M26036" t="s">
        <v>89</v>
      </c>
      <c r="N26036" t="s">
        <v>90</v>
      </c>
      <c r="O26036" t="s">
        <v>85</v>
      </c>
      <c r="P26036" t="s">
        <v>86</v>
      </c>
      <c r="Q26036">
        <v>29</v>
      </c>
      <c r="R26036">
        <v>30</v>
      </c>
      <c r="S26036">
        <v>31</v>
      </c>
      <c r="T26036">
        <v>32</v>
      </c>
      <c r="U26036">
        <v>33</v>
      </c>
      <c r="V26036">
        <v>34</v>
      </c>
      <c r="W26036">
        <v>35</v>
      </c>
      <c r="X26036">
        <v>36</v>
      </c>
      <c r="Y26036">
        <v>37</v>
      </c>
      <c r="Z26036">
        <v>38</v>
      </c>
      <c r="AA26036">
        <v>39</v>
      </c>
      <c r="AB26036">
        <v>40</v>
      </c>
      <c r="AC26036">
        <v>41</v>
      </c>
      <c r="AD26036">
        <v>42</v>
      </c>
      <c r="AE26036">
        <v>43</v>
      </c>
      <c r="AF26036">
        <v>43</v>
      </c>
      <c r="AG26036">
        <v>44</v>
      </c>
      <c r="AH26036">
        <v>44</v>
      </c>
      <c r="AI26036">
        <v>45</v>
      </c>
      <c r="AJ26036">
        <v>46</v>
      </c>
      <c r="AK26036">
        <v>46</v>
      </c>
      <c r="AL26036">
        <v>47</v>
      </c>
      <c r="AM26036">
        <v>48</v>
      </c>
      <c r="AN26036">
        <v>48</v>
      </c>
      <c r="AO26036">
        <v>49</v>
      </c>
      <c r="AP26036">
        <v>50</v>
      </c>
      <c r="AQ26036">
        <v>50</v>
      </c>
    </row>
    <row r="26037" spans="1:43">
      <c r="A26037" t="s">
        <v>16107</v>
      </c>
      <c r="B26037" t="s">
        <v>16108</v>
      </c>
      <c r="C26037" t="s">
        <v>16037</v>
      </c>
      <c r="D26037" t="s">
        <v>16038</v>
      </c>
      <c r="E26037" t="s">
        <v>16019</v>
      </c>
      <c r="F26037" t="s">
        <v>16020</v>
      </c>
      <c r="G26037" t="s">
        <v>10734</v>
      </c>
      <c r="H26037" t="s">
        <v>10735</v>
      </c>
      <c r="I26037" s="2">
        <v>1</v>
      </c>
      <c r="J26037" s="2">
        <v>0</v>
      </c>
      <c r="K26037" s="2">
        <v>0</v>
      </c>
      <c r="L26037" t="s">
        <v>120</v>
      </c>
      <c r="M26037" t="s">
        <v>83</v>
      </c>
      <c r="N26037" t="s">
        <v>91</v>
      </c>
      <c r="O26037" t="s">
        <v>85</v>
      </c>
      <c r="P26037" t="s">
        <v>86</v>
      </c>
      <c r="Q26037">
        <v>29</v>
      </c>
      <c r="R26037">
        <v>30</v>
      </c>
      <c r="S26037">
        <v>31</v>
      </c>
      <c r="T26037">
        <v>32</v>
      </c>
      <c r="U26037">
        <v>32</v>
      </c>
      <c r="V26037">
        <v>33</v>
      </c>
      <c r="W26037">
        <v>34</v>
      </c>
      <c r="X26037">
        <v>35</v>
      </c>
      <c r="Y26037">
        <v>36</v>
      </c>
      <c r="Z26037">
        <v>36</v>
      </c>
      <c r="AA26037">
        <v>37</v>
      </c>
      <c r="AB26037">
        <v>38</v>
      </c>
      <c r="AC26037">
        <v>39</v>
      </c>
      <c r="AD26037">
        <v>40</v>
      </c>
      <c r="AE26037">
        <v>41</v>
      </c>
      <c r="AF26037">
        <v>42</v>
      </c>
      <c r="AG26037">
        <v>43</v>
      </c>
      <c r="AH26037">
        <v>44</v>
      </c>
      <c r="AI26037">
        <v>45</v>
      </c>
      <c r="AJ26037">
        <v>46</v>
      </c>
      <c r="AK26037">
        <v>47</v>
      </c>
      <c r="AL26037">
        <v>47</v>
      </c>
      <c r="AM26037">
        <v>48</v>
      </c>
      <c r="AN26037">
        <v>49</v>
      </c>
      <c r="AO26037">
        <v>49</v>
      </c>
      <c r="AP26037">
        <v>50</v>
      </c>
      <c r="AQ26037">
        <v>51</v>
      </c>
    </row>
    <row r="26038" spans="1:43">
      <c r="A26038" t="s">
        <v>16109</v>
      </c>
      <c r="B26038" t="s">
        <v>16110</v>
      </c>
      <c r="C26038" t="s">
        <v>16037</v>
      </c>
      <c r="D26038" t="s">
        <v>16038</v>
      </c>
      <c r="E26038" t="s">
        <v>16019</v>
      </c>
      <c r="F26038" t="s">
        <v>16020</v>
      </c>
      <c r="G26038" t="s">
        <v>10734</v>
      </c>
      <c r="H26038" t="s">
        <v>10735</v>
      </c>
      <c r="I26038" s="2">
        <v>1</v>
      </c>
      <c r="J26038" s="2">
        <v>0</v>
      </c>
      <c r="K26038" s="2">
        <v>0</v>
      </c>
      <c r="L26038" t="s">
        <v>120</v>
      </c>
      <c r="M26038" t="s">
        <v>83</v>
      </c>
      <c r="N26038" t="s">
        <v>84</v>
      </c>
      <c r="O26038" t="s">
        <v>85</v>
      </c>
      <c r="P26038" t="s">
        <v>86</v>
      </c>
      <c r="Q26038">
        <v>46</v>
      </c>
      <c r="R26038">
        <v>47</v>
      </c>
      <c r="S26038">
        <v>48</v>
      </c>
      <c r="T26038">
        <v>50</v>
      </c>
      <c r="U26038">
        <v>51</v>
      </c>
      <c r="V26038">
        <v>52</v>
      </c>
      <c r="W26038">
        <v>53</v>
      </c>
      <c r="X26038">
        <v>54</v>
      </c>
      <c r="Y26038">
        <v>56</v>
      </c>
      <c r="Z26038">
        <v>57</v>
      </c>
      <c r="AA26038">
        <v>58</v>
      </c>
      <c r="AB26038">
        <v>59</v>
      </c>
      <c r="AC26038">
        <v>61</v>
      </c>
      <c r="AD26038">
        <v>62</v>
      </c>
      <c r="AE26038">
        <v>63</v>
      </c>
      <c r="AF26038">
        <v>65</v>
      </c>
      <c r="AG26038">
        <v>66</v>
      </c>
      <c r="AH26038">
        <v>68</v>
      </c>
      <c r="AI26038">
        <v>69</v>
      </c>
      <c r="AJ26038">
        <v>71</v>
      </c>
      <c r="AK26038">
        <v>73</v>
      </c>
      <c r="AL26038">
        <v>74</v>
      </c>
      <c r="AM26038">
        <v>75</v>
      </c>
      <c r="AN26038">
        <v>76</v>
      </c>
      <c r="AO26038">
        <v>77</v>
      </c>
      <c r="AP26038">
        <v>78</v>
      </c>
      <c r="AQ26038">
        <v>79</v>
      </c>
    </row>
    <row r="26039" spans="1:43">
      <c r="A26039" t="s">
        <v>16109</v>
      </c>
      <c r="B26039" t="s">
        <v>16110</v>
      </c>
      <c r="C26039" t="s">
        <v>16037</v>
      </c>
      <c r="D26039" t="s">
        <v>16038</v>
      </c>
      <c r="E26039" t="s">
        <v>16019</v>
      </c>
      <c r="F26039" t="s">
        <v>16020</v>
      </c>
      <c r="G26039" t="s">
        <v>10734</v>
      </c>
      <c r="H26039" t="s">
        <v>10735</v>
      </c>
      <c r="I26039" s="2">
        <v>1</v>
      </c>
      <c r="J26039" s="2">
        <v>0</v>
      </c>
      <c r="K26039" s="2">
        <v>0</v>
      </c>
      <c r="L26039" t="s">
        <v>120</v>
      </c>
      <c r="M26039" t="s">
        <v>87</v>
      </c>
      <c r="N26039" t="s">
        <v>88</v>
      </c>
      <c r="O26039" t="s">
        <v>85</v>
      </c>
      <c r="P26039" t="s">
        <v>86</v>
      </c>
      <c r="Q26039">
        <v>46</v>
      </c>
      <c r="R26039">
        <v>46</v>
      </c>
      <c r="S26039">
        <v>47</v>
      </c>
      <c r="T26039">
        <v>48</v>
      </c>
      <c r="U26039">
        <v>48</v>
      </c>
      <c r="V26039">
        <v>49</v>
      </c>
      <c r="W26039">
        <v>50</v>
      </c>
      <c r="X26039">
        <v>51</v>
      </c>
      <c r="Y26039">
        <v>51</v>
      </c>
      <c r="Z26039">
        <v>52</v>
      </c>
      <c r="AA26039">
        <v>53</v>
      </c>
      <c r="AB26039">
        <v>54</v>
      </c>
      <c r="AC26039">
        <v>55</v>
      </c>
      <c r="AD26039">
        <v>55</v>
      </c>
      <c r="AE26039">
        <v>56</v>
      </c>
      <c r="AF26039">
        <v>57</v>
      </c>
      <c r="AG26039">
        <v>58</v>
      </c>
      <c r="AH26039">
        <v>59</v>
      </c>
      <c r="AI26039">
        <v>60</v>
      </c>
      <c r="AJ26039">
        <v>61</v>
      </c>
      <c r="AK26039">
        <v>62</v>
      </c>
      <c r="AL26039">
        <v>63</v>
      </c>
      <c r="AM26039">
        <v>64</v>
      </c>
      <c r="AN26039">
        <v>65</v>
      </c>
      <c r="AO26039">
        <v>66</v>
      </c>
      <c r="AP26039">
        <v>67</v>
      </c>
      <c r="AQ26039">
        <v>68</v>
      </c>
    </row>
    <row r="26040" spans="1:43">
      <c r="A26040" t="s">
        <v>16109</v>
      </c>
      <c r="B26040" t="s">
        <v>16110</v>
      </c>
      <c r="C26040" t="s">
        <v>16037</v>
      </c>
      <c r="D26040" t="s">
        <v>16038</v>
      </c>
      <c r="E26040" t="s">
        <v>16019</v>
      </c>
      <c r="F26040" t="s">
        <v>16020</v>
      </c>
      <c r="G26040" t="s">
        <v>10734</v>
      </c>
      <c r="H26040" t="s">
        <v>10735</v>
      </c>
      <c r="I26040" s="2">
        <v>1</v>
      </c>
      <c r="J26040" s="2">
        <v>0</v>
      </c>
      <c r="K26040" s="2">
        <v>0</v>
      </c>
      <c r="L26040" t="s">
        <v>120</v>
      </c>
      <c r="M26040" t="s">
        <v>89</v>
      </c>
      <c r="N26040" t="s">
        <v>90</v>
      </c>
      <c r="O26040" t="s">
        <v>85</v>
      </c>
      <c r="P26040" t="s">
        <v>86</v>
      </c>
      <c r="Q26040">
        <v>46</v>
      </c>
      <c r="R26040">
        <v>48</v>
      </c>
      <c r="S26040">
        <v>50</v>
      </c>
      <c r="T26040">
        <v>51</v>
      </c>
      <c r="U26040">
        <v>53</v>
      </c>
      <c r="V26040">
        <v>54</v>
      </c>
      <c r="W26040">
        <v>56</v>
      </c>
      <c r="X26040">
        <v>57</v>
      </c>
      <c r="Y26040">
        <v>59</v>
      </c>
      <c r="Z26040">
        <v>60</v>
      </c>
      <c r="AA26040">
        <v>62</v>
      </c>
      <c r="AB26040">
        <v>63</v>
      </c>
      <c r="AC26040">
        <v>65</v>
      </c>
      <c r="AD26040">
        <v>67</v>
      </c>
      <c r="AE26040">
        <v>68</v>
      </c>
      <c r="AF26040">
        <v>69</v>
      </c>
      <c r="AG26040">
        <v>70</v>
      </c>
      <c r="AH26040">
        <v>71</v>
      </c>
      <c r="AI26040">
        <v>72</v>
      </c>
      <c r="AJ26040">
        <v>73</v>
      </c>
      <c r="AK26040">
        <v>73</v>
      </c>
      <c r="AL26040">
        <v>74</v>
      </c>
      <c r="AM26040">
        <v>75</v>
      </c>
      <c r="AN26040">
        <v>76</v>
      </c>
      <c r="AO26040">
        <v>77</v>
      </c>
      <c r="AP26040">
        <v>78</v>
      </c>
      <c r="AQ26040">
        <v>80</v>
      </c>
    </row>
    <row r="26041" spans="1:43">
      <c r="A26041" t="s">
        <v>16109</v>
      </c>
      <c r="B26041" t="s">
        <v>16110</v>
      </c>
      <c r="C26041" t="s">
        <v>16037</v>
      </c>
      <c r="D26041" t="s">
        <v>16038</v>
      </c>
      <c r="E26041" t="s">
        <v>16019</v>
      </c>
      <c r="F26041" t="s">
        <v>16020</v>
      </c>
      <c r="G26041" t="s">
        <v>10734</v>
      </c>
      <c r="H26041" t="s">
        <v>10735</v>
      </c>
      <c r="I26041" s="2">
        <v>1</v>
      </c>
      <c r="J26041" s="2">
        <v>0</v>
      </c>
      <c r="K26041" s="2">
        <v>0</v>
      </c>
      <c r="L26041" t="s">
        <v>120</v>
      </c>
      <c r="M26041" t="s">
        <v>83</v>
      </c>
      <c r="N26041" t="s">
        <v>91</v>
      </c>
      <c r="O26041" t="s">
        <v>85</v>
      </c>
      <c r="P26041" t="s">
        <v>86</v>
      </c>
      <c r="Q26041">
        <v>46</v>
      </c>
      <c r="R26041">
        <v>47</v>
      </c>
      <c r="S26041">
        <v>48</v>
      </c>
      <c r="T26041">
        <v>50</v>
      </c>
      <c r="U26041">
        <v>51</v>
      </c>
      <c r="V26041">
        <v>52</v>
      </c>
      <c r="W26041">
        <v>53</v>
      </c>
      <c r="X26041">
        <v>54</v>
      </c>
      <c r="Y26041">
        <v>56</v>
      </c>
      <c r="Z26041">
        <v>57</v>
      </c>
      <c r="AA26041">
        <v>58</v>
      </c>
      <c r="AB26041">
        <v>59</v>
      </c>
      <c r="AC26041">
        <v>61</v>
      </c>
      <c r="AD26041">
        <v>62</v>
      </c>
      <c r="AE26041">
        <v>63</v>
      </c>
      <c r="AF26041">
        <v>65</v>
      </c>
      <c r="AG26041">
        <v>66</v>
      </c>
      <c r="AH26041">
        <v>68</v>
      </c>
      <c r="AI26041">
        <v>69</v>
      </c>
      <c r="AJ26041">
        <v>71</v>
      </c>
      <c r="AK26041">
        <v>73</v>
      </c>
      <c r="AL26041">
        <v>74</v>
      </c>
      <c r="AM26041">
        <v>75</v>
      </c>
      <c r="AN26041">
        <v>76</v>
      </c>
      <c r="AO26041">
        <v>77</v>
      </c>
      <c r="AP26041">
        <v>78</v>
      </c>
      <c r="AQ26041">
        <v>79</v>
      </c>
    </row>
    <row r="26042" spans="1:43">
      <c r="A26042" t="s">
        <v>16111</v>
      </c>
      <c r="B26042" t="s">
        <v>16112</v>
      </c>
      <c r="C26042" t="s">
        <v>16113</v>
      </c>
      <c r="D26042" t="s">
        <v>16114</v>
      </c>
      <c r="E26042" t="s">
        <v>16115</v>
      </c>
      <c r="F26042" t="s">
        <v>16116</v>
      </c>
      <c r="G26042" t="s">
        <v>10734</v>
      </c>
      <c r="H26042" t="s">
        <v>10735</v>
      </c>
      <c r="I26042" s="2">
        <v>1</v>
      </c>
      <c r="J26042" s="2">
        <v>0</v>
      </c>
      <c r="K26042" s="2">
        <v>0</v>
      </c>
      <c r="L26042" t="s">
        <v>120</v>
      </c>
      <c r="M26042" t="s">
        <v>83</v>
      </c>
      <c r="N26042" t="s">
        <v>84</v>
      </c>
      <c r="O26042" t="s">
        <v>85</v>
      </c>
      <c r="P26042" t="s">
        <v>86</v>
      </c>
      <c r="Q26042">
        <v>26</v>
      </c>
      <c r="R26042">
        <v>26</v>
      </c>
      <c r="S26042">
        <v>26</v>
      </c>
      <c r="T26042">
        <v>26</v>
      </c>
      <c r="U26042">
        <v>26</v>
      </c>
      <c r="V26042">
        <v>26</v>
      </c>
      <c r="W26042">
        <v>27</v>
      </c>
      <c r="X26042">
        <v>27</v>
      </c>
      <c r="Y26042">
        <v>27</v>
      </c>
      <c r="Z26042">
        <v>27</v>
      </c>
      <c r="AA26042">
        <v>27</v>
      </c>
      <c r="AB26042">
        <v>27</v>
      </c>
      <c r="AC26042">
        <v>27</v>
      </c>
      <c r="AD26042">
        <v>27</v>
      </c>
      <c r="AE26042">
        <v>27</v>
      </c>
      <c r="AF26042">
        <v>27</v>
      </c>
      <c r="AG26042">
        <v>27</v>
      </c>
      <c r="AH26042">
        <v>27</v>
      </c>
      <c r="AI26042">
        <v>27</v>
      </c>
      <c r="AJ26042">
        <v>27</v>
      </c>
      <c r="AK26042">
        <v>27</v>
      </c>
      <c r="AL26042">
        <v>26</v>
      </c>
      <c r="AM26042">
        <v>26</v>
      </c>
      <c r="AN26042">
        <v>26</v>
      </c>
      <c r="AO26042">
        <v>26</v>
      </c>
      <c r="AP26042">
        <v>25</v>
      </c>
      <c r="AQ26042">
        <v>25</v>
      </c>
    </row>
    <row r="26043" spans="1:43">
      <c r="A26043" t="s">
        <v>16111</v>
      </c>
      <c r="B26043" t="s">
        <v>16112</v>
      </c>
      <c r="C26043" t="s">
        <v>16113</v>
      </c>
      <c r="D26043" t="s">
        <v>16114</v>
      </c>
      <c r="E26043" t="s">
        <v>16115</v>
      </c>
      <c r="F26043" t="s">
        <v>16116</v>
      </c>
      <c r="G26043" t="s">
        <v>10734</v>
      </c>
      <c r="H26043" t="s">
        <v>10735</v>
      </c>
      <c r="I26043" s="2">
        <v>1</v>
      </c>
      <c r="J26043" s="2">
        <v>0</v>
      </c>
      <c r="K26043" s="2">
        <v>0</v>
      </c>
      <c r="L26043" t="s">
        <v>120</v>
      </c>
      <c r="M26043" t="s">
        <v>87</v>
      </c>
      <c r="N26043" t="s">
        <v>88</v>
      </c>
      <c r="O26043" t="s">
        <v>85</v>
      </c>
      <c r="P26043" t="s">
        <v>86</v>
      </c>
      <c r="Q26043">
        <v>26</v>
      </c>
      <c r="R26043">
        <v>26</v>
      </c>
      <c r="S26043">
        <v>26</v>
      </c>
      <c r="T26043">
        <v>25</v>
      </c>
      <c r="U26043">
        <v>25</v>
      </c>
      <c r="V26043">
        <v>25</v>
      </c>
      <c r="W26043">
        <v>25</v>
      </c>
      <c r="X26043">
        <v>25</v>
      </c>
      <c r="Y26043">
        <v>25</v>
      </c>
      <c r="Z26043">
        <v>24</v>
      </c>
      <c r="AA26043">
        <v>24</v>
      </c>
      <c r="AB26043">
        <v>24</v>
      </c>
      <c r="AC26043">
        <v>24</v>
      </c>
      <c r="AD26043">
        <v>24</v>
      </c>
      <c r="AE26043">
        <v>24</v>
      </c>
      <c r="AF26043">
        <v>23</v>
      </c>
      <c r="AG26043">
        <v>23</v>
      </c>
      <c r="AH26043">
        <v>23</v>
      </c>
      <c r="AI26043">
        <v>23</v>
      </c>
      <c r="AJ26043">
        <v>23</v>
      </c>
      <c r="AK26043">
        <v>23</v>
      </c>
      <c r="AL26043">
        <v>23</v>
      </c>
      <c r="AM26043">
        <v>22</v>
      </c>
      <c r="AN26043">
        <v>22</v>
      </c>
      <c r="AO26043">
        <v>22</v>
      </c>
      <c r="AP26043">
        <v>22</v>
      </c>
      <c r="AQ26043">
        <v>22</v>
      </c>
    </row>
    <row r="26044" spans="1:43">
      <c r="A26044" t="s">
        <v>16111</v>
      </c>
      <c r="B26044" t="s">
        <v>16112</v>
      </c>
      <c r="C26044" t="s">
        <v>16113</v>
      </c>
      <c r="D26044" t="s">
        <v>16114</v>
      </c>
      <c r="E26044" t="s">
        <v>16115</v>
      </c>
      <c r="F26044" t="s">
        <v>16116</v>
      </c>
      <c r="G26044" t="s">
        <v>10734</v>
      </c>
      <c r="H26044" t="s">
        <v>10735</v>
      </c>
      <c r="I26044" s="2">
        <v>1</v>
      </c>
      <c r="J26044" s="2">
        <v>0</v>
      </c>
      <c r="K26044" s="2">
        <v>0</v>
      </c>
      <c r="L26044" t="s">
        <v>120</v>
      </c>
      <c r="M26044" t="s">
        <v>89</v>
      </c>
      <c r="N26044" t="s">
        <v>90</v>
      </c>
      <c r="O26044" t="s">
        <v>85</v>
      </c>
      <c r="P26044" t="s">
        <v>86</v>
      </c>
      <c r="Q26044">
        <v>26</v>
      </c>
      <c r="R26044">
        <v>27</v>
      </c>
      <c r="S26044">
        <v>27</v>
      </c>
      <c r="T26044">
        <v>27</v>
      </c>
      <c r="U26044">
        <v>27</v>
      </c>
      <c r="V26044">
        <v>28</v>
      </c>
      <c r="W26044">
        <v>28</v>
      </c>
      <c r="X26044">
        <v>28</v>
      </c>
      <c r="Y26044">
        <v>28</v>
      </c>
      <c r="Z26044">
        <v>28</v>
      </c>
      <c r="AA26044">
        <v>28</v>
      </c>
      <c r="AB26044">
        <v>28</v>
      </c>
      <c r="AC26044">
        <v>29</v>
      </c>
      <c r="AD26044">
        <v>29</v>
      </c>
      <c r="AE26044">
        <v>29</v>
      </c>
      <c r="AF26044">
        <v>28</v>
      </c>
      <c r="AG26044">
        <v>28</v>
      </c>
      <c r="AH26044">
        <v>28</v>
      </c>
      <c r="AI26044">
        <v>27</v>
      </c>
      <c r="AJ26044">
        <v>27</v>
      </c>
      <c r="AK26044">
        <v>27</v>
      </c>
      <c r="AL26044">
        <v>27</v>
      </c>
      <c r="AM26044">
        <v>26</v>
      </c>
      <c r="AN26044">
        <v>26</v>
      </c>
      <c r="AO26044">
        <v>26</v>
      </c>
      <c r="AP26044">
        <v>25</v>
      </c>
      <c r="AQ26044">
        <v>25</v>
      </c>
    </row>
    <row r="26045" spans="1:43">
      <c r="A26045" t="s">
        <v>16111</v>
      </c>
      <c r="B26045" t="s">
        <v>16112</v>
      </c>
      <c r="C26045" t="s">
        <v>16113</v>
      </c>
      <c r="D26045" t="s">
        <v>16114</v>
      </c>
      <c r="E26045" t="s">
        <v>16115</v>
      </c>
      <c r="F26045" t="s">
        <v>16116</v>
      </c>
      <c r="G26045" t="s">
        <v>10734</v>
      </c>
      <c r="H26045" t="s">
        <v>10735</v>
      </c>
      <c r="I26045" s="2">
        <v>1</v>
      </c>
      <c r="J26045" s="2">
        <v>0</v>
      </c>
      <c r="K26045" s="2">
        <v>0</v>
      </c>
      <c r="L26045" t="s">
        <v>120</v>
      </c>
      <c r="M26045" t="s">
        <v>83</v>
      </c>
      <c r="N26045" t="s">
        <v>91</v>
      </c>
      <c r="O26045" t="s">
        <v>85</v>
      </c>
      <c r="P26045" t="s">
        <v>86</v>
      </c>
      <c r="Q26045">
        <v>26</v>
      </c>
      <c r="R26045">
        <v>26</v>
      </c>
      <c r="S26045">
        <v>26</v>
      </c>
      <c r="T26045">
        <v>26</v>
      </c>
      <c r="U26045">
        <v>26</v>
      </c>
      <c r="V26045">
        <v>26</v>
      </c>
      <c r="W26045">
        <v>27</v>
      </c>
      <c r="X26045">
        <v>27</v>
      </c>
      <c r="Y26045">
        <v>27</v>
      </c>
      <c r="Z26045">
        <v>27</v>
      </c>
      <c r="AA26045">
        <v>27</v>
      </c>
      <c r="AB26045">
        <v>27</v>
      </c>
      <c r="AC26045">
        <v>27</v>
      </c>
      <c r="AD26045">
        <v>27</v>
      </c>
      <c r="AE26045">
        <v>27</v>
      </c>
      <c r="AF26045">
        <v>27</v>
      </c>
      <c r="AG26045">
        <v>27</v>
      </c>
      <c r="AH26045">
        <v>27</v>
      </c>
      <c r="AI26045">
        <v>27</v>
      </c>
      <c r="AJ26045">
        <v>27</v>
      </c>
      <c r="AK26045">
        <v>27</v>
      </c>
      <c r="AL26045">
        <v>26</v>
      </c>
      <c r="AM26045">
        <v>26</v>
      </c>
      <c r="AN26045">
        <v>26</v>
      </c>
      <c r="AO26045">
        <v>26</v>
      </c>
      <c r="AP26045">
        <v>25</v>
      </c>
      <c r="AQ26045">
        <v>25</v>
      </c>
    </row>
    <row r="26046" spans="1:43">
      <c r="A26046" t="s">
        <v>16117</v>
      </c>
      <c r="B26046" t="s">
        <v>16118</v>
      </c>
      <c r="C26046" t="s">
        <v>16119</v>
      </c>
      <c r="D26046" t="s">
        <v>16120</v>
      </c>
      <c r="E26046" t="s">
        <v>16115</v>
      </c>
      <c r="F26046" t="s">
        <v>16116</v>
      </c>
      <c r="G26046" t="s">
        <v>10734</v>
      </c>
      <c r="H26046" t="s">
        <v>10735</v>
      </c>
      <c r="I26046" s="2">
        <v>1</v>
      </c>
      <c r="J26046" s="2">
        <v>0</v>
      </c>
      <c r="K26046" s="2">
        <v>0</v>
      </c>
      <c r="L26046" t="s">
        <v>120</v>
      </c>
      <c r="M26046" t="s">
        <v>83</v>
      </c>
      <c r="N26046" t="s">
        <v>84</v>
      </c>
      <c r="O26046" t="s">
        <v>85</v>
      </c>
      <c r="P26046" t="s">
        <v>86</v>
      </c>
      <c r="Q26046">
        <v>31</v>
      </c>
      <c r="R26046">
        <v>31</v>
      </c>
      <c r="S26046">
        <v>31</v>
      </c>
      <c r="T26046">
        <v>31</v>
      </c>
      <c r="U26046">
        <v>31</v>
      </c>
      <c r="V26046">
        <v>32</v>
      </c>
      <c r="W26046">
        <v>32</v>
      </c>
      <c r="X26046">
        <v>32</v>
      </c>
      <c r="Y26046">
        <v>32</v>
      </c>
      <c r="Z26046">
        <v>32</v>
      </c>
      <c r="AA26046">
        <v>32</v>
      </c>
      <c r="AB26046">
        <v>32</v>
      </c>
      <c r="AC26046">
        <v>32</v>
      </c>
      <c r="AD26046">
        <v>32</v>
      </c>
      <c r="AE26046">
        <v>32</v>
      </c>
      <c r="AF26046">
        <v>32</v>
      </c>
      <c r="AG26046">
        <v>32</v>
      </c>
      <c r="AH26046">
        <v>32</v>
      </c>
      <c r="AI26046">
        <v>32</v>
      </c>
      <c r="AJ26046">
        <v>32</v>
      </c>
      <c r="AK26046">
        <v>32</v>
      </c>
      <c r="AL26046">
        <v>31</v>
      </c>
      <c r="AM26046">
        <v>31</v>
      </c>
      <c r="AN26046">
        <v>31</v>
      </c>
      <c r="AO26046">
        <v>30</v>
      </c>
      <c r="AP26046">
        <v>30</v>
      </c>
      <c r="AQ26046">
        <v>30</v>
      </c>
    </row>
    <row r="26047" spans="1:43">
      <c r="A26047" t="s">
        <v>16117</v>
      </c>
      <c r="B26047" t="s">
        <v>16118</v>
      </c>
      <c r="C26047" t="s">
        <v>16119</v>
      </c>
      <c r="D26047" t="s">
        <v>16120</v>
      </c>
      <c r="E26047" t="s">
        <v>16115</v>
      </c>
      <c r="F26047" t="s">
        <v>16116</v>
      </c>
      <c r="G26047" t="s">
        <v>10734</v>
      </c>
      <c r="H26047" t="s">
        <v>10735</v>
      </c>
      <c r="I26047" s="2">
        <v>1</v>
      </c>
      <c r="J26047" s="2">
        <v>0</v>
      </c>
      <c r="K26047" s="2">
        <v>0</v>
      </c>
      <c r="L26047" t="s">
        <v>120</v>
      </c>
      <c r="M26047" t="s">
        <v>87</v>
      </c>
      <c r="N26047" t="s">
        <v>88</v>
      </c>
      <c r="O26047" t="s">
        <v>85</v>
      </c>
      <c r="P26047" t="s">
        <v>86</v>
      </c>
      <c r="Q26047">
        <v>31</v>
      </c>
      <c r="R26047">
        <v>31</v>
      </c>
      <c r="S26047">
        <v>30</v>
      </c>
      <c r="T26047">
        <v>30</v>
      </c>
      <c r="U26047">
        <v>30</v>
      </c>
      <c r="V26047">
        <v>30</v>
      </c>
      <c r="W26047">
        <v>30</v>
      </c>
      <c r="X26047">
        <v>29</v>
      </c>
      <c r="Y26047">
        <v>29</v>
      </c>
      <c r="Z26047">
        <v>29</v>
      </c>
      <c r="AA26047">
        <v>29</v>
      </c>
      <c r="AB26047">
        <v>29</v>
      </c>
      <c r="AC26047">
        <v>28</v>
      </c>
      <c r="AD26047">
        <v>28</v>
      </c>
      <c r="AE26047">
        <v>28</v>
      </c>
      <c r="AF26047">
        <v>28</v>
      </c>
      <c r="AG26047">
        <v>28</v>
      </c>
      <c r="AH26047">
        <v>28</v>
      </c>
      <c r="AI26047">
        <v>27</v>
      </c>
      <c r="AJ26047">
        <v>27</v>
      </c>
      <c r="AK26047">
        <v>27</v>
      </c>
      <c r="AL26047">
        <v>27</v>
      </c>
      <c r="AM26047">
        <v>27</v>
      </c>
      <c r="AN26047">
        <v>26</v>
      </c>
      <c r="AO26047">
        <v>26</v>
      </c>
      <c r="AP26047">
        <v>26</v>
      </c>
      <c r="AQ26047">
        <v>26</v>
      </c>
    </row>
    <row r="26048" spans="1:43">
      <c r="A26048" t="s">
        <v>16117</v>
      </c>
      <c r="B26048" t="s">
        <v>16118</v>
      </c>
      <c r="C26048" t="s">
        <v>16119</v>
      </c>
      <c r="D26048" t="s">
        <v>16120</v>
      </c>
      <c r="E26048" t="s">
        <v>16115</v>
      </c>
      <c r="F26048" t="s">
        <v>16116</v>
      </c>
      <c r="G26048" t="s">
        <v>10734</v>
      </c>
      <c r="H26048" t="s">
        <v>10735</v>
      </c>
      <c r="I26048" s="2">
        <v>1</v>
      </c>
      <c r="J26048" s="2">
        <v>0</v>
      </c>
      <c r="K26048" s="2">
        <v>0</v>
      </c>
      <c r="L26048" t="s">
        <v>120</v>
      </c>
      <c r="M26048" t="s">
        <v>89</v>
      </c>
      <c r="N26048" t="s">
        <v>90</v>
      </c>
      <c r="O26048" t="s">
        <v>85</v>
      </c>
      <c r="P26048" t="s">
        <v>86</v>
      </c>
      <c r="Q26048">
        <v>31</v>
      </c>
      <c r="R26048">
        <v>32</v>
      </c>
      <c r="S26048">
        <v>32</v>
      </c>
      <c r="T26048">
        <v>32</v>
      </c>
      <c r="U26048">
        <v>33</v>
      </c>
      <c r="V26048">
        <v>33</v>
      </c>
      <c r="W26048">
        <v>33</v>
      </c>
      <c r="X26048">
        <v>33</v>
      </c>
      <c r="Y26048">
        <v>33</v>
      </c>
      <c r="Z26048">
        <v>34</v>
      </c>
      <c r="AA26048">
        <v>34</v>
      </c>
      <c r="AB26048">
        <v>34</v>
      </c>
      <c r="AC26048">
        <v>34</v>
      </c>
      <c r="AD26048">
        <v>34</v>
      </c>
      <c r="AE26048">
        <v>34</v>
      </c>
      <c r="AF26048">
        <v>34</v>
      </c>
      <c r="AG26048">
        <v>33</v>
      </c>
      <c r="AH26048">
        <v>33</v>
      </c>
      <c r="AI26048">
        <v>33</v>
      </c>
      <c r="AJ26048">
        <v>32</v>
      </c>
      <c r="AK26048">
        <v>32</v>
      </c>
      <c r="AL26048">
        <v>32</v>
      </c>
      <c r="AM26048">
        <v>31</v>
      </c>
      <c r="AN26048">
        <v>31</v>
      </c>
      <c r="AO26048">
        <v>31</v>
      </c>
      <c r="AP26048">
        <v>30</v>
      </c>
      <c r="AQ26048">
        <v>30</v>
      </c>
    </row>
    <row r="26049" spans="1:43">
      <c r="A26049" t="s">
        <v>16117</v>
      </c>
      <c r="B26049" t="s">
        <v>16118</v>
      </c>
      <c r="C26049" t="s">
        <v>16119</v>
      </c>
      <c r="D26049" t="s">
        <v>16120</v>
      </c>
      <c r="E26049" t="s">
        <v>16115</v>
      </c>
      <c r="F26049" t="s">
        <v>16116</v>
      </c>
      <c r="G26049" t="s">
        <v>10734</v>
      </c>
      <c r="H26049" t="s">
        <v>10735</v>
      </c>
      <c r="I26049" s="2">
        <v>1</v>
      </c>
      <c r="J26049" s="2">
        <v>0</v>
      </c>
      <c r="K26049" s="2">
        <v>0</v>
      </c>
      <c r="L26049" t="s">
        <v>120</v>
      </c>
      <c r="M26049" t="s">
        <v>83</v>
      </c>
      <c r="N26049" t="s">
        <v>91</v>
      </c>
      <c r="O26049" t="s">
        <v>85</v>
      </c>
      <c r="P26049" t="s">
        <v>86</v>
      </c>
      <c r="Q26049">
        <v>31</v>
      </c>
      <c r="R26049">
        <v>31</v>
      </c>
      <c r="S26049">
        <v>31</v>
      </c>
      <c r="T26049">
        <v>31</v>
      </c>
      <c r="U26049">
        <v>31</v>
      </c>
      <c r="V26049">
        <v>32</v>
      </c>
      <c r="W26049">
        <v>32</v>
      </c>
      <c r="X26049">
        <v>32</v>
      </c>
      <c r="Y26049">
        <v>32</v>
      </c>
      <c r="Z26049">
        <v>32</v>
      </c>
      <c r="AA26049">
        <v>32</v>
      </c>
      <c r="AB26049">
        <v>32</v>
      </c>
      <c r="AC26049">
        <v>32</v>
      </c>
      <c r="AD26049">
        <v>32</v>
      </c>
      <c r="AE26049">
        <v>32</v>
      </c>
      <c r="AF26049">
        <v>32</v>
      </c>
      <c r="AG26049">
        <v>32</v>
      </c>
      <c r="AH26049">
        <v>32</v>
      </c>
      <c r="AI26049">
        <v>32</v>
      </c>
      <c r="AJ26049">
        <v>32</v>
      </c>
      <c r="AK26049">
        <v>32</v>
      </c>
      <c r="AL26049">
        <v>31</v>
      </c>
      <c r="AM26049">
        <v>31</v>
      </c>
      <c r="AN26049">
        <v>31</v>
      </c>
      <c r="AO26049">
        <v>30</v>
      </c>
      <c r="AP26049">
        <v>30</v>
      </c>
      <c r="AQ26049">
        <v>30</v>
      </c>
    </row>
    <row r="26050" spans="1:43">
      <c r="A26050" t="s">
        <v>16121</v>
      </c>
      <c r="B26050" t="s">
        <v>16122</v>
      </c>
      <c r="C26050" t="s">
        <v>16119</v>
      </c>
      <c r="D26050" t="s">
        <v>16120</v>
      </c>
      <c r="E26050" t="s">
        <v>16115</v>
      </c>
      <c r="F26050" t="s">
        <v>16116</v>
      </c>
      <c r="G26050" t="s">
        <v>10734</v>
      </c>
      <c r="H26050" t="s">
        <v>10735</v>
      </c>
      <c r="I26050" s="2">
        <v>1</v>
      </c>
      <c r="J26050" s="2">
        <v>0</v>
      </c>
      <c r="K26050" s="2">
        <v>0</v>
      </c>
      <c r="L26050" t="s">
        <v>120</v>
      </c>
      <c r="M26050" t="s">
        <v>83</v>
      </c>
      <c r="N26050" t="s">
        <v>84</v>
      </c>
      <c r="O26050" t="s">
        <v>85</v>
      </c>
      <c r="P26050" t="s">
        <v>86</v>
      </c>
      <c r="Q26050">
        <v>12</v>
      </c>
      <c r="R26050">
        <v>12</v>
      </c>
      <c r="S26050">
        <v>12</v>
      </c>
      <c r="T26050">
        <v>12</v>
      </c>
      <c r="U26050">
        <v>12</v>
      </c>
      <c r="V26050">
        <v>12</v>
      </c>
      <c r="W26050">
        <v>12</v>
      </c>
      <c r="X26050">
        <v>12</v>
      </c>
      <c r="Y26050">
        <v>12</v>
      </c>
      <c r="Z26050">
        <v>12</v>
      </c>
      <c r="AA26050">
        <v>12</v>
      </c>
      <c r="AB26050">
        <v>12</v>
      </c>
      <c r="AC26050">
        <v>12</v>
      </c>
      <c r="AD26050">
        <v>12</v>
      </c>
      <c r="AE26050">
        <v>12</v>
      </c>
      <c r="AF26050">
        <v>12</v>
      </c>
      <c r="AG26050">
        <v>12</v>
      </c>
      <c r="AH26050">
        <v>12</v>
      </c>
      <c r="AI26050">
        <v>12</v>
      </c>
      <c r="AJ26050">
        <v>12</v>
      </c>
      <c r="AK26050">
        <v>12</v>
      </c>
      <c r="AL26050">
        <v>12</v>
      </c>
      <c r="AM26050">
        <v>12</v>
      </c>
      <c r="AN26050">
        <v>12</v>
      </c>
      <c r="AO26050">
        <v>11</v>
      </c>
      <c r="AP26050">
        <v>11</v>
      </c>
      <c r="AQ26050">
        <v>11</v>
      </c>
    </row>
    <row r="26051" spans="1:43">
      <c r="A26051" t="s">
        <v>16121</v>
      </c>
      <c r="B26051" t="s">
        <v>16122</v>
      </c>
      <c r="C26051" t="s">
        <v>16119</v>
      </c>
      <c r="D26051" t="s">
        <v>16120</v>
      </c>
      <c r="E26051" t="s">
        <v>16115</v>
      </c>
      <c r="F26051" t="s">
        <v>16116</v>
      </c>
      <c r="G26051" t="s">
        <v>10734</v>
      </c>
      <c r="H26051" t="s">
        <v>10735</v>
      </c>
      <c r="I26051" s="2">
        <v>1</v>
      </c>
      <c r="J26051" s="2">
        <v>0</v>
      </c>
      <c r="K26051" s="2">
        <v>0</v>
      </c>
      <c r="L26051" t="s">
        <v>120</v>
      </c>
      <c r="M26051" t="s">
        <v>87</v>
      </c>
      <c r="N26051" t="s">
        <v>88</v>
      </c>
      <c r="O26051" t="s">
        <v>85</v>
      </c>
      <c r="P26051" t="s">
        <v>86</v>
      </c>
      <c r="Q26051">
        <v>12</v>
      </c>
      <c r="R26051">
        <v>12</v>
      </c>
      <c r="S26051">
        <v>12</v>
      </c>
      <c r="T26051">
        <v>11</v>
      </c>
      <c r="U26051">
        <v>11</v>
      </c>
      <c r="V26051">
        <v>11</v>
      </c>
      <c r="W26051">
        <v>11</v>
      </c>
      <c r="X26051">
        <v>11</v>
      </c>
      <c r="Y26051">
        <v>11</v>
      </c>
      <c r="Z26051">
        <v>11</v>
      </c>
      <c r="AA26051">
        <v>11</v>
      </c>
      <c r="AB26051">
        <v>11</v>
      </c>
      <c r="AC26051">
        <v>11</v>
      </c>
      <c r="AD26051">
        <v>11</v>
      </c>
      <c r="AE26051">
        <v>11</v>
      </c>
      <c r="AF26051">
        <v>11</v>
      </c>
      <c r="AG26051">
        <v>10</v>
      </c>
      <c r="AH26051">
        <v>10</v>
      </c>
      <c r="AI26051">
        <v>10</v>
      </c>
      <c r="AJ26051">
        <v>10</v>
      </c>
      <c r="AK26051">
        <v>10</v>
      </c>
      <c r="AL26051">
        <v>10</v>
      </c>
      <c r="AM26051">
        <v>10</v>
      </c>
      <c r="AN26051">
        <v>10</v>
      </c>
      <c r="AO26051">
        <v>10</v>
      </c>
      <c r="AP26051">
        <v>10</v>
      </c>
      <c r="AQ26051">
        <v>10</v>
      </c>
    </row>
    <row r="26052" spans="1:43">
      <c r="A26052" t="s">
        <v>16121</v>
      </c>
      <c r="B26052" t="s">
        <v>16122</v>
      </c>
      <c r="C26052" t="s">
        <v>16119</v>
      </c>
      <c r="D26052" t="s">
        <v>16120</v>
      </c>
      <c r="E26052" t="s">
        <v>16115</v>
      </c>
      <c r="F26052" t="s">
        <v>16116</v>
      </c>
      <c r="G26052" t="s">
        <v>10734</v>
      </c>
      <c r="H26052" t="s">
        <v>10735</v>
      </c>
      <c r="I26052" s="2">
        <v>1</v>
      </c>
      <c r="J26052" s="2">
        <v>0</v>
      </c>
      <c r="K26052" s="2">
        <v>0</v>
      </c>
      <c r="L26052" t="s">
        <v>120</v>
      </c>
      <c r="M26052" t="s">
        <v>89</v>
      </c>
      <c r="N26052" t="s">
        <v>90</v>
      </c>
      <c r="O26052" t="s">
        <v>85</v>
      </c>
      <c r="P26052" t="s">
        <v>86</v>
      </c>
      <c r="Q26052">
        <v>12</v>
      </c>
      <c r="R26052">
        <v>12</v>
      </c>
      <c r="S26052">
        <v>12</v>
      </c>
      <c r="T26052">
        <v>12</v>
      </c>
      <c r="U26052">
        <v>12</v>
      </c>
      <c r="V26052">
        <v>12</v>
      </c>
      <c r="W26052">
        <v>13</v>
      </c>
      <c r="X26052">
        <v>13</v>
      </c>
      <c r="Y26052">
        <v>13</v>
      </c>
      <c r="Z26052">
        <v>13</v>
      </c>
      <c r="AA26052">
        <v>13</v>
      </c>
      <c r="AB26052">
        <v>13</v>
      </c>
      <c r="AC26052">
        <v>13</v>
      </c>
      <c r="AD26052">
        <v>13</v>
      </c>
      <c r="AE26052">
        <v>13</v>
      </c>
      <c r="AF26052">
        <v>13</v>
      </c>
      <c r="AG26052">
        <v>13</v>
      </c>
      <c r="AH26052">
        <v>12</v>
      </c>
      <c r="AI26052">
        <v>12</v>
      </c>
      <c r="AJ26052">
        <v>12</v>
      </c>
      <c r="AK26052">
        <v>12</v>
      </c>
      <c r="AL26052">
        <v>12</v>
      </c>
      <c r="AM26052">
        <v>12</v>
      </c>
      <c r="AN26052">
        <v>12</v>
      </c>
      <c r="AO26052">
        <v>12</v>
      </c>
      <c r="AP26052">
        <v>11</v>
      </c>
      <c r="AQ26052">
        <v>11</v>
      </c>
    </row>
    <row r="26053" spans="1:43">
      <c r="A26053" t="s">
        <v>16121</v>
      </c>
      <c r="B26053" t="s">
        <v>16122</v>
      </c>
      <c r="C26053" t="s">
        <v>16119</v>
      </c>
      <c r="D26053" t="s">
        <v>16120</v>
      </c>
      <c r="E26053" t="s">
        <v>16115</v>
      </c>
      <c r="F26053" t="s">
        <v>16116</v>
      </c>
      <c r="G26053" t="s">
        <v>10734</v>
      </c>
      <c r="H26053" t="s">
        <v>10735</v>
      </c>
      <c r="I26053" s="2">
        <v>1</v>
      </c>
      <c r="J26053" s="2">
        <v>0</v>
      </c>
      <c r="K26053" s="2">
        <v>0</v>
      </c>
      <c r="L26053" t="s">
        <v>120</v>
      </c>
      <c r="M26053" t="s">
        <v>83</v>
      </c>
      <c r="N26053" t="s">
        <v>91</v>
      </c>
      <c r="O26053" t="s">
        <v>85</v>
      </c>
      <c r="P26053" t="s">
        <v>86</v>
      </c>
      <c r="Q26053">
        <v>12</v>
      </c>
      <c r="R26053">
        <v>12</v>
      </c>
      <c r="S26053">
        <v>12</v>
      </c>
      <c r="T26053">
        <v>12</v>
      </c>
      <c r="U26053">
        <v>12</v>
      </c>
      <c r="V26053">
        <v>12</v>
      </c>
      <c r="W26053">
        <v>12</v>
      </c>
      <c r="X26053">
        <v>12</v>
      </c>
      <c r="Y26053">
        <v>12</v>
      </c>
      <c r="Z26053">
        <v>12</v>
      </c>
      <c r="AA26053">
        <v>12</v>
      </c>
      <c r="AB26053">
        <v>12</v>
      </c>
      <c r="AC26053">
        <v>12</v>
      </c>
      <c r="AD26053">
        <v>12</v>
      </c>
      <c r="AE26053">
        <v>12</v>
      </c>
      <c r="AF26053">
        <v>12</v>
      </c>
      <c r="AG26053">
        <v>12</v>
      </c>
      <c r="AH26053">
        <v>12</v>
      </c>
      <c r="AI26053">
        <v>12</v>
      </c>
      <c r="AJ26053">
        <v>12</v>
      </c>
      <c r="AK26053">
        <v>12</v>
      </c>
      <c r="AL26053">
        <v>12</v>
      </c>
      <c r="AM26053">
        <v>12</v>
      </c>
      <c r="AN26053">
        <v>12</v>
      </c>
      <c r="AO26053">
        <v>11</v>
      </c>
      <c r="AP26053">
        <v>11</v>
      </c>
      <c r="AQ26053">
        <v>11</v>
      </c>
    </row>
    <row r="26054" spans="1:43">
      <c r="A26054" t="s">
        <v>16123</v>
      </c>
      <c r="B26054" t="s">
        <v>16124</v>
      </c>
      <c r="C26054" t="s">
        <v>16125</v>
      </c>
      <c r="D26054" t="s">
        <v>16126</v>
      </c>
      <c r="E26054" t="s">
        <v>16115</v>
      </c>
      <c r="F26054" t="s">
        <v>16116</v>
      </c>
      <c r="G26054" t="s">
        <v>10734</v>
      </c>
      <c r="H26054" t="s">
        <v>10735</v>
      </c>
      <c r="I26054" s="2">
        <v>1</v>
      </c>
      <c r="J26054" s="2">
        <v>0</v>
      </c>
      <c r="K26054" s="2">
        <v>0</v>
      </c>
      <c r="L26054" t="s">
        <v>120</v>
      </c>
      <c r="M26054" t="s">
        <v>83</v>
      </c>
      <c r="N26054" t="s">
        <v>84</v>
      </c>
      <c r="O26054" t="s">
        <v>85</v>
      </c>
      <c r="P26054" t="s">
        <v>86</v>
      </c>
      <c r="Q26054">
        <v>28</v>
      </c>
      <c r="R26054">
        <v>29</v>
      </c>
      <c r="S26054">
        <v>29</v>
      </c>
      <c r="T26054">
        <v>29</v>
      </c>
      <c r="U26054">
        <v>29</v>
      </c>
      <c r="V26054">
        <v>29</v>
      </c>
      <c r="W26054">
        <v>29</v>
      </c>
      <c r="X26054">
        <v>29</v>
      </c>
      <c r="Y26054">
        <v>29</v>
      </c>
      <c r="Z26054">
        <v>29</v>
      </c>
      <c r="AA26054">
        <v>29</v>
      </c>
      <c r="AB26054">
        <v>29</v>
      </c>
      <c r="AC26054">
        <v>29</v>
      </c>
      <c r="AD26054">
        <v>29</v>
      </c>
      <c r="AE26054">
        <v>29</v>
      </c>
      <c r="AF26054">
        <v>29</v>
      </c>
      <c r="AG26054">
        <v>29</v>
      </c>
      <c r="AH26054">
        <v>29</v>
      </c>
      <c r="AI26054">
        <v>29</v>
      </c>
      <c r="AJ26054">
        <v>29</v>
      </c>
      <c r="AK26054">
        <v>29</v>
      </c>
      <c r="AL26054">
        <v>29</v>
      </c>
      <c r="AM26054">
        <v>28</v>
      </c>
      <c r="AN26054">
        <v>28</v>
      </c>
      <c r="AO26054">
        <v>28</v>
      </c>
      <c r="AP26054">
        <v>28</v>
      </c>
      <c r="AQ26054">
        <v>27</v>
      </c>
    </row>
    <row r="26055" spans="1:43">
      <c r="A26055" t="s">
        <v>16123</v>
      </c>
      <c r="B26055" t="s">
        <v>16124</v>
      </c>
      <c r="C26055" t="s">
        <v>16125</v>
      </c>
      <c r="D26055" t="s">
        <v>16126</v>
      </c>
      <c r="E26055" t="s">
        <v>16115</v>
      </c>
      <c r="F26055" t="s">
        <v>16116</v>
      </c>
      <c r="G26055" t="s">
        <v>10734</v>
      </c>
      <c r="H26055" t="s">
        <v>10735</v>
      </c>
      <c r="I26055" s="2">
        <v>1</v>
      </c>
      <c r="J26055" s="2">
        <v>0</v>
      </c>
      <c r="K26055" s="2">
        <v>0</v>
      </c>
      <c r="L26055" t="s">
        <v>120</v>
      </c>
      <c r="M26055" t="s">
        <v>87</v>
      </c>
      <c r="N26055" t="s">
        <v>88</v>
      </c>
      <c r="O26055" t="s">
        <v>85</v>
      </c>
      <c r="P26055" t="s">
        <v>86</v>
      </c>
      <c r="Q26055">
        <v>28</v>
      </c>
      <c r="R26055">
        <v>28</v>
      </c>
      <c r="S26055">
        <v>28</v>
      </c>
      <c r="T26055">
        <v>28</v>
      </c>
      <c r="U26055">
        <v>27</v>
      </c>
      <c r="V26055">
        <v>27</v>
      </c>
      <c r="W26055">
        <v>27</v>
      </c>
      <c r="X26055">
        <v>27</v>
      </c>
      <c r="Y26055">
        <v>27</v>
      </c>
      <c r="Z26055">
        <v>27</v>
      </c>
      <c r="AA26055">
        <v>26</v>
      </c>
      <c r="AB26055">
        <v>26</v>
      </c>
      <c r="AC26055">
        <v>26</v>
      </c>
      <c r="AD26055">
        <v>26</v>
      </c>
      <c r="AE26055">
        <v>26</v>
      </c>
      <c r="AF26055">
        <v>26</v>
      </c>
      <c r="AG26055">
        <v>25</v>
      </c>
      <c r="AH26055">
        <v>25</v>
      </c>
      <c r="AI26055">
        <v>25</v>
      </c>
      <c r="AJ26055">
        <v>25</v>
      </c>
      <c r="AK26055">
        <v>25</v>
      </c>
      <c r="AL26055">
        <v>25</v>
      </c>
      <c r="AM26055">
        <v>24</v>
      </c>
      <c r="AN26055">
        <v>24</v>
      </c>
      <c r="AO26055">
        <v>24</v>
      </c>
      <c r="AP26055">
        <v>24</v>
      </c>
      <c r="AQ26055">
        <v>24</v>
      </c>
    </row>
    <row r="26056" spans="1:43">
      <c r="A26056" t="s">
        <v>16123</v>
      </c>
      <c r="B26056" t="s">
        <v>16124</v>
      </c>
      <c r="C26056" t="s">
        <v>16125</v>
      </c>
      <c r="D26056" t="s">
        <v>16126</v>
      </c>
      <c r="E26056" t="s">
        <v>16115</v>
      </c>
      <c r="F26056" t="s">
        <v>16116</v>
      </c>
      <c r="G26056" t="s">
        <v>10734</v>
      </c>
      <c r="H26056" t="s">
        <v>10735</v>
      </c>
      <c r="I26056" s="2">
        <v>1</v>
      </c>
      <c r="J26056" s="2">
        <v>0</v>
      </c>
      <c r="K26056" s="2">
        <v>0</v>
      </c>
      <c r="L26056" t="s">
        <v>120</v>
      </c>
      <c r="M26056" t="s">
        <v>89</v>
      </c>
      <c r="N26056" t="s">
        <v>90</v>
      </c>
      <c r="O26056" t="s">
        <v>85</v>
      </c>
      <c r="P26056" t="s">
        <v>86</v>
      </c>
      <c r="Q26056">
        <v>28</v>
      </c>
      <c r="R26056">
        <v>28</v>
      </c>
      <c r="S26056">
        <v>28</v>
      </c>
      <c r="T26056">
        <v>29</v>
      </c>
      <c r="U26056">
        <v>29</v>
      </c>
      <c r="V26056">
        <v>29</v>
      </c>
      <c r="W26056">
        <v>29</v>
      </c>
      <c r="X26056">
        <v>29</v>
      </c>
      <c r="Y26056">
        <v>30</v>
      </c>
      <c r="Z26056">
        <v>30</v>
      </c>
      <c r="AA26056">
        <v>30</v>
      </c>
      <c r="AB26056">
        <v>30</v>
      </c>
      <c r="AC26056">
        <v>30</v>
      </c>
      <c r="AD26056">
        <v>30</v>
      </c>
      <c r="AE26056">
        <v>30</v>
      </c>
      <c r="AF26056">
        <v>30</v>
      </c>
      <c r="AG26056">
        <v>29</v>
      </c>
      <c r="AH26056">
        <v>29</v>
      </c>
      <c r="AI26056">
        <v>29</v>
      </c>
      <c r="AJ26056">
        <v>29</v>
      </c>
      <c r="AK26056">
        <v>28</v>
      </c>
      <c r="AL26056">
        <v>28</v>
      </c>
      <c r="AM26056">
        <v>28</v>
      </c>
      <c r="AN26056">
        <v>27</v>
      </c>
      <c r="AO26056">
        <v>27</v>
      </c>
      <c r="AP26056">
        <v>27</v>
      </c>
      <c r="AQ26056">
        <v>27</v>
      </c>
    </row>
    <row r="26057" spans="1:43">
      <c r="A26057" t="s">
        <v>16123</v>
      </c>
      <c r="B26057" t="s">
        <v>16124</v>
      </c>
      <c r="C26057" t="s">
        <v>16125</v>
      </c>
      <c r="D26057" t="s">
        <v>16126</v>
      </c>
      <c r="E26057" t="s">
        <v>16115</v>
      </c>
      <c r="F26057" t="s">
        <v>16116</v>
      </c>
      <c r="G26057" t="s">
        <v>10734</v>
      </c>
      <c r="H26057" t="s">
        <v>10735</v>
      </c>
      <c r="I26057" s="2">
        <v>1</v>
      </c>
      <c r="J26057" s="2">
        <v>0</v>
      </c>
      <c r="K26057" s="2">
        <v>0</v>
      </c>
      <c r="L26057" t="s">
        <v>120</v>
      </c>
      <c r="M26057" t="s">
        <v>83</v>
      </c>
      <c r="N26057" t="s">
        <v>91</v>
      </c>
      <c r="O26057" t="s">
        <v>85</v>
      </c>
      <c r="P26057" t="s">
        <v>86</v>
      </c>
      <c r="Q26057">
        <v>28</v>
      </c>
      <c r="R26057">
        <v>29</v>
      </c>
      <c r="S26057">
        <v>29</v>
      </c>
      <c r="T26057">
        <v>29</v>
      </c>
      <c r="U26057">
        <v>29</v>
      </c>
      <c r="V26057">
        <v>29</v>
      </c>
      <c r="W26057">
        <v>29</v>
      </c>
      <c r="X26057">
        <v>29</v>
      </c>
      <c r="Y26057">
        <v>29</v>
      </c>
      <c r="Z26057">
        <v>29</v>
      </c>
      <c r="AA26057">
        <v>29</v>
      </c>
      <c r="AB26057">
        <v>29</v>
      </c>
      <c r="AC26057">
        <v>29</v>
      </c>
      <c r="AD26057">
        <v>29</v>
      </c>
      <c r="AE26057">
        <v>29</v>
      </c>
      <c r="AF26057">
        <v>29</v>
      </c>
      <c r="AG26057">
        <v>29</v>
      </c>
      <c r="AH26057">
        <v>29</v>
      </c>
      <c r="AI26057">
        <v>29</v>
      </c>
      <c r="AJ26057">
        <v>29</v>
      </c>
      <c r="AK26057">
        <v>29</v>
      </c>
      <c r="AL26057">
        <v>29</v>
      </c>
      <c r="AM26057">
        <v>28</v>
      </c>
      <c r="AN26057">
        <v>28</v>
      </c>
      <c r="AO26057">
        <v>28</v>
      </c>
      <c r="AP26057">
        <v>28</v>
      </c>
      <c r="AQ26057">
        <v>27</v>
      </c>
    </row>
    <row r="26058" spans="1:43">
      <c r="A26058" t="s">
        <v>16127</v>
      </c>
      <c r="B26058" t="s">
        <v>16128</v>
      </c>
      <c r="C26058" t="s">
        <v>16129</v>
      </c>
      <c r="D26058" t="s">
        <v>16130</v>
      </c>
      <c r="E26058" t="s">
        <v>16115</v>
      </c>
      <c r="F26058" t="s">
        <v>16116</v>
      </c>
      <c r="G26058" t="s">
        <v>10734</v>
      </c>
      <c r="H26058" t="s">
        <v>10735</v>
      </c>
      <c r="I26058" s="2">
        <v>1</v>
      </c>
      <c r="J26058" s="2">
        <v>0</v>
      </c>
      <c r="K26058" s="2">
        <v>0</v>
      </c>
      <c r="L26058" t="s">
        <v>120</v>
      </c>
      <c r="M26058" t="s">
        <v>83</v>
      </c>
      <c r="N26058" t="s">
        <v>84</v>
      </c>
      <c r="O26058" t="s">
        <v>85</v>
      </c>
      <c r="P26058" t="s">
        <v>86</v>
      </c>
      <c r="Q26058">
        <v>8</v>
      </c>
      <c r="R26058">
        <v>8</v>
      </c>
      <c r="S26058">
        <v>8</v>
      </c>
      <c r="T26058">
        <v>8</v>
      </c>
      <c r="U26058">
        <v>8</v>
      </c>
      <c r="V26058">
        <v>8</v>
      </c>
      <c r="W26058">
        <v>8</v>
      </c>
      <c r="X26058">
        <v>8</v>
      </c>
      <c r="Y26058">
        <v>8</v>
      </c>
      <c r="Z26058">
        <v>8</v>
      </c>
      <c r="AA26058">
        <v>8</v>
      </c>
      <c r="AB26058">
        <v>8</v>
      </c>
      <c r="AC26058">
        <v>8</v>
      </c>
      <c r="AD26058">
        <v>8</v>
      </c>
      <c r="AE26058">
        <v>8</v>
      </c>
      <c r="AF26058">
        <v>8</v>
      </c>
      <c r="AG26058">
        <v>8</v>
      </c>
      <c r="AH26058">
        <v>8</v>
      </c>
      <c r="AI26058">
        <v>8</v>
      </c>
      <c r="AJ26058">
        <v>8</v>
      </c>
      <c r="AK26058">
        <v>8</v>
      </c>
      <c r="AL26058">
        <v>8</v>
      </c>
      <c r="AM26058">
        <v>8</v>
      </c>
      <c r="AN26058">
        <v>8</v>
      </c>
      <c r="AO26058">
        <v>7</v>
      </c>
      <c r="AP26058">
        <v>7</v>
      </c>
      <c r="AQ26058">
        <v>7</v>
      </c>
    </row>
    <row r="26059" spans="1:43">
      <c r="A26059" t="s">
        <v>16127</v>
      </c>
      <c r="B26059" t="s">
        <v>16128</v>
      </c>
      <c r="C26059" t="s">
        <v>16129</v>
      </c>
      <c r="D26059" t="s">
        <v>16130</v>
      </c>
      <c r="E26059" t="s">
        <v>16115</v>
      </c>
      <c r="F26059" t="s">
        <v>16116</v>
      </c>
      <c r="G26059" t="s">
        <v>10734</v>
      </c>
      <c r="H26059" t="s">
        <v>10735</v>
      </c>
      <c r="I26059" s="2">
        <v>1</v>
      </c>
      <c r="J26059" s="2">
        <v>0</v>
      </c>
      <c r="K26059" s="2">
        <v>0</v>
      </c>
      <c r="L26059" t="s">
        <v>120</v>
      </c>
      <c r="M26059" t="s">
        <v>87</v>
      </c>
      <c r="N26059" t="s">
        <v>88</v>
      </c>
      <c r="O26059" t="s">
        <v>85</v>
      </c>
      <c r="P26059" t="s">
        <v>86</v>
      </c>
      <c r="Q26059">
        <v>8</v>
      </c>
      <c r="R26059">
        <v>8</v>
      </c>
      <c r="S26059">
        <v>8</v>
      </c>
      <c r="T26059">
        <v>8</v>
      </c>
      <c r="U26059">
        <v>8</v>
      </c>
      <c r="V26059">
        <v>8</v>
      </c>
      <c r="W26059">
        <v>8</v>
      </c>
      <c r="X26059">
        <v>8</v>
      </c>
      <c r="Y26059">
        <v>8</v>
      </c>
      <c r="Z26059">
        <v>8</v>
      </c>
      <c r="AA26059">
        <v>8</v>
      </c>
      <c r="AB26059">
        <v>8</v>
      </c>
      <c r="AC26059">
        <v>8</v>
      </c>
      <c r="AD26059">
        <v>8</v>
      </c>
      <c r="AE26059">
        <v>8</v>
      </c>
      <c r="AF26059">
        <v>8</v>
      </c>
      <c r="AG26059">
        <v>8</v>
      </c>
      <c r="AH26059">
        <v>8</v>
      </c>
      <c r="AI26059">
        <v>8</v>
      </c>
      <c r="AJ26059">
        <v>8</v>
      </c>
      <c r="AK26059">
        <v>8</v>
      </c>
      <c r="AL26059">
        <v>8</v>
      </c>
      <c r="AM26059">
        <v>8</v>
      </c>
      <c r="AN26059">
        <v>7</v>
      </c>
      <c r="AO26059">
        <v>7</v>
      </c>
      <c r="AP26059">
        <v>7</v>
      </c>
      <c r="AQ26059">
        <v>7</v>
      </c>
    </row>
    <row r="26060" spans="1:43">
      <c r="A26060" t="s">
        <v>16127</v>
      </c>
      <c r="B26060" t="s">
        <v>16128</v>
      </c>
      <c r="C26060" t="s">
        <v>16129</v>
      </c>
      <c r="D26060" t="s">
        <v>16130</v>
      </c>
      <c r="E26060" t="s">
        <v>16115</v>
      </c>
      <c r="F26060" t="s">
        <v>16116</v>
      </c>
      <c r="G26060" t="s">
        <v>10734</v>
      </c>
      <c r="H26060" t="s">
        <v>10735</v>
      </c>
      <c r="I26060" s="2">
        <v>1</v>
      </c>
      <c r="J26060" s="2">
        <v>0</v>
      </c>
      <c r="K26060" s="2">
        <v>0</v>
      </c>
      <c r="L26060" t="s">
        <v>120</v>
      </c>
      <c r="M26060" t="s">
        <v>89</v>
      </c>
      <c r="N26060" t="s">
        <v>90</v>
      </c>
      <c r="O26060" t="s">
        <v>85</v>
      </c>
      <c r="P26060" t="s">
        <v>86</v>
      </c>
      <c r="Q26060">
        <v>8</v>
      </c>
      <c r="R26060">
        <v>8</v>
      </c>
      <c r="S26060">
        <v>8</v>
      </c>
      <c r="T26060">
        <v>8</v>
      </c>
      <c r="U26060">
        <v>8</v>
      </c>
      <c r="V26060">
        <v>8</v>
      </c>
      <c r="W26060">
        <v>8</v>
      </c>
      <c r="X26060">
        <v>8</v>
      </c>
      <c r="Y26060">
        <v>8</v>
      </c>
      <c r="Z26060">
        <v>8</v>
      </c>
      <c r="AA26060">
        <v>8</v>
      </c>
      <c r="AB26060">
        <v>8</v>
      </c>
      <c r="AC26060">
        <v>8</v>
      </c>
      <c r="AD26060">
        <v>8</v>
      </c>
      <c r="AE26060">
        <v>8</v>
      </c>
      <c r="AF26060">
        <v>8</v>
      </c>
      <c r="AG26060">
        <v>8</v>
      </c>
      <c r="AH26060">
        <v>8</v>
      </c>
      <c r="AI26060">
        <v>8</v>
      </c>
      <c r="AJ26060">
        <v>8</v>
      </c>
      <c r="AK26060">
        <v>8</v>
      </c>
      <c r="AL26060">
        <v>8</v>
      </c>
      <c r="AM26060">
        <v>8</v>
      </c>
      <c r="AN26060">
        <v>8</v>
      </c>
      <c r="AO26060">
        <v>8</v>
      </c>
      <c r="AP26060">
        <v>7</v>
      </c>
      <c r="AQ26060">
        <v>7</v>
      </c>
    </row>
    <row r="26061" spans="1:43">
      <c r="A26061" t="s">
        <v>16127</v>
      </c>
      <c r="B26061" t="s">
        <v>16128</v>
      </c>
      <c r="C26061" t="s">
        <v>16129</v>
      </c>
      <c r="D26061" t="s">
        <v>16130</v>
      </c>
      <c r="E26061" t="s">
        <v>16115</v>
      </c>
      <c r="F26061" t="s">
        <v>16116</v>
      </c>
      <c r="G26061" t="s">
        <v>10734</v>
      </c>
      <c r="H26061" t="s">
        <v>10735</v>
      </c>
      <c r="I26061" s="2">
        <v>1</v>
      </c>
      <c r="J26061" s="2">
        <v>0</v>
      </c>
      <c r="K26061" s="2">
        <v>0</v>
      </c>
      <c r="L26061" t="s">
        <v>120</v>
      </c>
      <c r="M26061" t="s">
        <v>83</v>
      </c>
      <c r="N26061" t="s">
        <v>91</v>
      </c>
      <c r="O26061" t="s">
        <v>85</v>
      </c>
      <c r="P26061" t="s">
        <v>86</v>
      </c>
      <c r="Q26061">
        <v>8</v>
      </c>
      <c r="R26061">
        <v>8</v>
      </c>
      <c r="S26061">
        <v>8</v>
      </c>
      <c r="T26061">
        <v>8</v>
      </c>
      <c r="U26061">
        <v>8</v>
      </c>
      <c r="V26061">
        <v>8</v>
      </c>
      <c r="W26061">
        <v>8</v>
      </c>
      <c r="X26061">
        <v>8</v>
      </c>
      <c r="Y26061">
        <v>8</v>
      </c>
      <c r="Z26061">
        <v>8</v>
      </c>
      <c r="AA26061">
        <v>8</v>
      </c>
      <c r="AB26061">
        <v>8</v>
      </c>
      <c r="AC26061">
        <v>8</v>
      </c>
      <c r="AD26061">
        <v>8</v>
      </c>
      <c r="AE26061">
        <v>8</v>
      </c>
      <c r="AF26061">
        <v>8</v>
      </c>
      <c r="AG26061">
        <v>8</v>
      </c>
      <c r="AH26061">
        <v>8</v>
      </c>
      <c r="AI26061">
        <v>8</v>
      </c>
      <c r="AJ26061">
        <v>8</v>
      </c>
      <c r="AK26061">
        <v>8</v>
      </c>
      <c r="AL26061">
        <v>8</v>
      </c>
      <c r="AM26061">
        <v>8</v>
      </c>
      <c r="AN26061">
        <v>8</v>
      </c>
      <c r="AO26061">
        <v>7</v>
      </c>
      <c r="AP26061">
        <v>7</v>
      </c>
      <c r="AQ26061">
        <v>7</v>
      </c>
    </row>
    <row r="26062" spans="1:43">
      <c r="A26062" t="s">
        <v>16131</v>
      </c>
      <c r="B26062" t="s">
        <v>16132</v>
      </c>
      <c r="C26062" t="s">
        <v>16129</v>
      </c>
      <c r="D26062" t="s">
        <v>16130</v>
      </c>
      <c r="E26062" t="s">
        <v>16115</v>
      </c>
      <c r="F26062" t="s">
        <v>16116</v>
      </c>
      <c r="G26062" t="s">
        <v>10734</v>
      </c>
      <c r="H26062" t="s">
        <v>10735</v>
      </c>
      <c r="I26062" s="2">
        <v>1</v>
      </c>
      <c r="J26062" s="2">
        <v>0</v>
      </c>
      <c r="K26062" s="2">
        <v>0</v>
      </c>
      <c r="L26062" t="s">
        <v>120</v>
      </c>
      <c r="M26062" t="s">
        <v>83</v>
      </c>
      <c r="N26062" t="s">
        <v>84</v>
      </c>
      <c r="O26062" t="s">
        <v>85</v>
      </c>
      <c r="P26062" t="s">
        <v>86</v>
      </c>
      <c r="Q26062">
        <v>19</v>
      </c>
      <c r="R26062">
        <v>19</v>
      </c>
      <c r="S26062">
        <v>19</v>
      </c>
      <c r="T26062">
        <v>19</v>
      </c>
      <c r="U26062">
        <v>19</v>
      </c>
      <c r="V26062">
        <v>19</v>
      </c>
      <c r="W26062">
        <v>19</v>
      </c>
      <c r="X26062">
        <v>19</v>
      </c>
      <c r="Y26062">
        <v>19</v>
      </c>
      <c r="Z26062">
        <v>19</v>
      </c>
      <c r="AA26062">
        <v>19</v>
      </c>
      <c r="AB26062">
        <v>19</v>
      </c>
      <c r="AC26062">
        <v>19</v>
      </c>
      <c r="AD26062">
        <v>19</v>
      </c>
      <c r="AE26062">
        <v>19</v>
      </c>
      <c r="AF26062">
        <v>19</v>
      </c>
      <c r="AG26062">
        <v>19</v>
      </c>
      <c r="AH26062">
        <v>19</v>
      </c>
      <c r="AI26062">
        <v>19</v>
      </c>
      <c r="AJ26062">
        <v>19</v>
      </c>
      <c r="AK26062">
        <v>19</v>
      </c>
      <c r="AL26062">
        <v>19</v>
      </c>
      <c r="AM26062">
        <v>19</v>
      </c>
      <c r="AN26062">
        <v>19</v>
      </c>
      <c r="AO26062">
        <v>19</v>
      </c>
      <c r="AP26062">
        <v>18</v>
      </c>
      <c r="AQ26062">
        <v>18</v>
      </c>
    </row>
    <row r="26063" spans="1:43">
      <c r="A26063" t="s">
        <v>16131</v>
      </c>
      <c r="B26063" t="s">
        <v>16132</v>
      </c>
      <c r="C26063" t="s">
        <v>16129</v>
      </c>
      <c r="D26063" t="s">
        <v>16130</v>
      </c>
      <c r="E26063" t="s">
        <v>16115</v>
      </c>
      <c r="F26063" t="s">
        <v>16116</v>
      </c>
      <c r="G26063" t="s">
        <v>10734</v>
      </c>
      <c r="H26063" t="s">
        <v>10735</v>
      </c>
      <c r="I26063" s="2">
        <v>1</v>
      </c>
      <c r="J26063" s="2">
        <v>0</v>
      </c>
      <c r="K26063" s="2">
        <v>0</v>
      </c>
      <c r="L26063" t="s">
        <v>120</v>
      </c>
      <c r="M26063" t="s">
        <v>87</v>
      </c>
      <c r="N26063" t="s">
        <v>88</v>
      </c>
      <c r="O26063" t="s">
        <v>85</v>
      </c>
      <c r="P26063" t="s">
        <v>86</v>
      </c>
      <c r="Q26063">
        <v>19</v>
      </c>
      <c r="R26063">
        <v>19</v>
      </c>
      <c r="S26063">
        <v>18</v>
      </c>
      <c r="T26063">
        <v>18</v>
      </c>
      <c r="U26063">
        <v>18</v>
      </c>
      <c r="V26063">
        <v>18</v>
      </c>
      <c r="W26063">
        <v>18</v>
      </c>
      <c r="X26063">
        <v>18</v>
      </c>
      <c r="Y26063">
        <v>18</v>
      </c>
      <c r="Z26063">
        <v>18</v>
      </c>
      <c r="AA26063">
        <v>18</v>
      </c>
      <c r="AB26063">
        <v>17</v>
      </c>
      <c r="AC26063">
        <v>17</v>
      </c>
      <c r="AD26063">
        <v>17</v>
      </c>
      <c r="AE26063">
        <v>17</v>
      </c>
      <c r="AF26063">
        <v>17</v>
      </c>
      <c r="AG26063">
        <v>17</v>
      </c>
      <c r="AH26063">
        <v>17</v>
      </c>
      <c r="AI26063">
        <v>17</v>
      </c>
      <c r="AJ26063">
        <v>17</v>
      </c>
      <c r="AK26063">
        <v>17</v>
      </c>
      <c r="AL26063">
        <v>16</v>
      </c>
      <c r="AM26063">
        <v>16</v>
      </c>
      <c r="AN26063">
        <v>16</v>
      </c>
      <c r="AO26063">
        <v>16</v>
      </c>
      <c r="AP26063">
        <v>16</v>
      </c>
      <c r="AQ26063">
        <v>16</v>
      </c>
    </row>
    <row r="26064" spans="1:43">
      <c r="A26064" t="s">
        <v>16131</v>
      </c>
      <c r="B26064" t="s">
        <v>16132</v>
      </c>
      <c r="C26064" t="s">
        <v>16129</v>
      </c>
      <c r="D26064" t="s">
        <v>16130</v>
      </c>
      <c r="E26064" t="s">
        <v>16115</v>
      </c>
      <c r="F26064" t="s">
        <v>16116</v>
      </c>
      <c r="G26064" t="s">
        <v>10734</v>
      </c>
      <c r="H26064" t="s">
        <v>10735</v>
      </c>
      <c r="I26064" s="2">
        <v>1</v>
      </c>
      <c r="J26064" s="2">
        <v>0</v>
      </c>
      <c r="K26064" s="2">
        <v>0</v>
      </c>
      <c r="L26064" t="s">
        <v>120</v>
      </c>
      <c r="M26064" t="s">
        <v>89</v>
      </c>
      <c r="N26064" t="s">
        <v>90</v>
      </c>
      <c r="O26064" t="s">
        <v>85</v>
      </c>
      <c r="P26064" t="s">
        <v>86</v>
      </c>
      <c r="Q26064">
        <v>19</v>
      </c>
      <c r="R26064">
        <v>19</v>
      </c>
      <c r="S26064">
        <v>19</v>
      </c>
      <c r="T26064">
        <v>20</v>
      </c>
      <c r="U26064">
        <v>20</v>
      </c>
      <c r="V26064">
        <v>20</v>
      </c>
      <c r="W26064">
        <v>20</v>
      </c>
      <c r="X26064">
        <v>20</v>
      </c>
      <c r="Y26064">
        <v>20</v>
      </c>
      <c r="Z26064">
        <v>20</v>
      </c>
      <c r="AA26064">
        <v>20</v>
      </c>
      <c r="AB26064">
        <v>21</v>
      </c>
      <c r="AC26064">
        <v>21</v>
      </c>
      <c r="AD26064">
        <v>21</v>
      </c>
      <c r="AE26064">
        <v>21</v>
      </c>
      <c r="AF26064">
        <v>20</v>
      </c>
      <c r="AG26064">
        <v>20</v>
      </c>
      <c r="AH26064">
        <v>20</v>
      </c>
      <c r="AI26064">
        <v>20</v>
      </c>
      <c r="AJ26064">
        <v>20</v>
      </c>
      <c r="AK26064">
        <v>20</v>
      </c>
      <c r="AL26064">
        <v>19</v>
      </c>
      <c r="AM26064">
        <v>19</v>
      </c>
      <c r="AN26064">
        <v>19</v>
      </c>
      <c r="AO26064">
        <v>19</v>
      </c>
      <c r="AP26064">
        <v>19</v>
      </c>
      <c r="AQ26064">
        <v>18</v>
      </c>
    </row>
    <row r="26065" spans="1:43">
      <c r="A26065" t="s">
        <v>16131</v>
      </c>
      <c r="B26065" t="s">
        <v>16132</v>
      </c>
      <c r="C26065" t="s">
        <v>16129</v>
      </c>
      <c r="D26065" t="s">
        <v>16130</v>
      </c>
      <c r="E26065" t="s">
        <v>16115</v>
      </c>
      <c r="F26065" t="s">
        <v>16116</v>
      </c>
      <c r="G26065" t="s">
        <v>10734</v>
      </c>
      <c r="H26065" t="s">
        <v>10735</v>
      </c>
      <c r="I26065" s="2">
        <v>1</v>
      </c>
      <c r="J26065" s="2">
        <v>0</v>
      </c>
      <c r="K26065" s="2">
        <v>0</v>
      </c>
      <c r="L26065" t="s">
        <v>120</v>
      </c>
      <c r="M26065" t="s">
        <v>83</v>
      </c>
      <c r="N26065" t="s">
        <v>91</v>
      </c>
      <c r="O26065" t="s">
        <v>85</v>
      </c>
      <c r="P26065" t="s">
        <v>86</v>
      </c>
      <c r="Q26065">
        <v>19</v>
      </c>
      <c r="R26065">
        <v>19</v>
      </c>
      <c r="S26065">
        <v>19</v>
      </c>
      <c r="T26065">
        <v>19</v>
      </c>
      <c r="U26065">
        <v>19</v>
      </c>
      <c r="V26065">
        <v>19</v>
      </c>
      <c r="W26065">
        <v>19</v>
      </c>
      <c r="X26065">
        <v>19</v>
      </c>
      <c r="Y26065">
        <v>19</v>
      </c>
      <c r="Z26065">
        <v>19</v>
      </c>
      <c r="AA26065">
        <v>19</v>
      </c>
      <c r="AB26065">
        <v>19</v>
      </c>
      <c r="AC26065">
        <v>19</v>
      </c>
      <c r="AD26065">
        <v>19</v>
      </c>
      <c r="AE26065">
        <v>19</v>
      </c>
      <c r="AF26065">
        <v>19</v>
      </c>
      <c r="AG26065">
        <v>19</v>
      </c>
      <c r="AH26065">
        <v>19</v>
      </c>
      <c r="AI26065">
        <v>19</v>
      </c>
      <c r="AJ26065">
        <v>19</v>
      </c>
      <c r="AK26065">
        <v>19</v>
      </c>
      <c r="AL26065">
        <v>19</v>
      </c>
      <c r="AM26065">
        <v>19</v>
      </c>
      <c r="AN26065">
        <v>19</v>
      </c>
      <c r="AO26065">
        <v>19</v>
      </c>
      <c r="AP26065">
        <v>18</v>
      </c>
      <c r="AQ26065">
        <v>18</v>
      </c>
    </row>
    <row r="26066" spans="1:43">
      <c r="A26066" t="s">
        <v>16133</v>
      </c>
      <c r="B26066" t="s">
        <v>16134</v>
      </c>
      <c r="C26066" t="s">
        <v>16135</v>
      </c>
      <c r="D26066" t="s">
        <v>16136</v>
      </c>
      <c r="E26066" t="s">
        <v>16115</v>
      </c>
      <c r="F26066" t="s">
        <v>16116</v>
      </c>
      <c r="G26066" t="s">
        <v>10734</v>
      </c>
      <c r="H26066" t="s">
        <v>10735</v>
      </c>
      <c r="I26066" s="2">
        <v>1</v>
      </c>
      <c r="J26066" s="2">
        <v>0</v>
      </c>
      <c r="K26066" s="2">
        <v>0</v>
      </c>
      <c r="L26066" t="s">
        <v>120</v>
      </c>
      <c r="M26066" t="s">
        <v>83</v>
      </c>
      <c r="N26066" t="s">
        <v>84</v>
      </c>
      <c r="O26066" t="s">
        <v>85</v>
      </c>
      <c r="P26066" t="s">
        <v>86</v>
      </c>
      <c r="Q26066">
        <v>79</v>
      </c>
      <c r="R26066">
        <v>79</v>
      </c>
      <c r="S26066">
        <v>80</v>
      </c>
      <c r="T26066">
        <v>80</v>
      </c>
      <c r="U26066">
        <v>80</v>
      </c>
      <c r="V26066">
        <v>80</v>
      </c>
      <c r="W26066">
        <v>80</v>
      </c>
      <c r="X26066">
        <v>81</v>
      </c>
      <c r="Y26066">
        <v>81</v>
      </c>
      <c r="Z26066">
        <v>81</v>
      </c>
      <c r="AA26066">
        <v>81</v>
      </c>
      <c r="AB26066">
        <v>81</v>
      </c>
      <c r="AC26066">
        <v>81</v>
      </c>
      <c r="AD26066">
        <v>81</v>
      </c>
      <c r="AE26066">
        <v>81</v>
      </c>
      <c r="AF26066">
        <v>81</v>
      </c>
      <c r="AG26066">
        <v>81</v>
      </c>
      <c r="AH26066">
        <v>81</v>
      </c>
      <c r="AI26066">
        <v>81</v>
      </c>
      <c r="AJ26066">
        <v>81</v>
      </c>
      <c r="AK26066">
        <v>81</v>
      </c>
      <c r="AL26066">
        <v>80</v>
      </c>
      <c r="AM26066">
        <v>79</v>
      </c>
      <c r="AN26066">
        <v>79</v>
      </c>
      <c r="AO26066">
        <v>78</v>
      </c>
      <c r="AP26066">
        <v>77</v>
      </c>
      <c r="AQ26066">
        <v>76</v>
      </c>
    </row>
    <row r="26067" spans="1:43">
      <c r="A26067" t="s">
        <v>16133</v>
      </c>
      <c r="B26067" t="s">
        <v>16134</v>
      </c>
      <c r="C26067" t="s">
        <v>16135</v>
      </c>
      <c r="D26067" t="s">
        <v>16136</v>
      </c>
      <c r="E26067" t="s">
        <v>16115</v>
      </c>
      <c r="F26067" t="s">
        <v>16116</v>
      </c>
      <c r="G26067" t="s">
        <v>10734</v>
      </c>
      <c r="H26067" t="s">
        <v>10735</v>
      </c>
      <c r="I26067" s="2">
        <v>1</v>
      </c>
      <c r="J26067" s="2">
        <v>0</v>
      </c>
      <c r="K26067" s="2">
        <v>0</v>
      </c>
      <c r="L26067" t="s">
        <v>120</v>
      </c>
      <c r="M26067" t="s">
        <v>87</v>
      </c>
      <c r="N26067" t="s">
        <v>88</v>
      </c>
      <c r="O26067" t="s">
        <v>85</v>
      </c>
      <c r="P26067" t="s">
        <v>86</v>
      </c>
      <c r="Q26067">
        <v>79</v>
      </c>
      <c r="R26067">
        <v>79</v>
      </c>
      <c r="S26067">
        <v>78</v>
      </c>
      <c r="T26067">
        <v>78</v>
      </c>
      <c r="U26067">
        <v>78</v>
      </c>
      <c r="V26067">
        <v>77</v>
      </c>
      <c r="W26067">
        <v>77</v>
      </c>
      <c r="X26067">
        <v>76</v>
      </c>
      <c r="Y26067">
        <v>76</v>
      </c>
      <c r="Z26067">
        <v>75</v>
      </c>
      <c r="AA26067">
        <v>75</v>
      </c>
      <c r="AB26067">
        <v>74</v>
      </c>
      <c r="AC26067">
        <v>74</v>
      </c>
      <c r="AD26067">
        <v>73</v>
      </c>
      <c r="AE26067">
        <v>73</v>
      </c>
      <c r="AF26067">
        <v>72</v>
      </c>
      <c r="AG26067">
        <v>72</v>
      </c>
      <c r="AH26067">
        <v>72</v>
      </c>
      <c r="AI26067">
        <v>71</v>
      </c>
      <c r="AJ26067">
        <v>71</v>
      </c>
      <c r="AK26067">
        <v>70</v>
      </c>
      <c r="AL26067">
        <v>70</v>
      </c>
      <c r="AM26067">
        <v>69</v>
      </c>
      <c r="AN26067">
        <v>69</v>
      </c>
      <c r="AO26067">
        <v>68</v>
      </c>
      <c r="AP26067">
        <v>68</v>
      </c>
      <c r="AQ26067">
        <v>68</v>
      </c>
    </row>
    <row r="26068" spans="1:43">
      <c r="A26068" t="s">
        <v>16133</v>
      </c>
      <c r="B26068" t="s">
        <v>16134</v>
      </c>
      <c r="C26068" t="s">
        <v>16135</v>
      </c>
      <c r="D26068" t="s">
        <v>16136</v>
      </c>
      <c r="E26068" t="s">
        <v>16115</v>
      </c>
      <c r="F26068" t="s">
        <v>16116</v>
      </c>
      <c r="G26068" t="s">
        <v>10734</v>
      </c>
      <c r="H26068" t="s">
        <v>10735</v>
      </c>
      <c r="I26068" s="2">
        <v>1</v>
      </c>
      <c r="J26068" s="2">
        <v>0</v>
      </c>
      <c r="K26068" s="2">
        <v>0</v>
      </c>
      <c r="L26068" t="s">
        <v>120</v>
      </c>
      <c r="M26068" t="s">
        <v>89</v>
      </c>
      <c r="N26068" t="s">
        <v>90</v>
      </c>
      <c r="O26068" t="s">
        <v>85</v>
      </c>
      <c r="P26068" t="s">
        <v>86</v>
      </c>
      <c r="Q26068">
        <v>79</v>
      </c>
      <c r="R26068">
        <v>80</v>
      </c>
      <c r="S26068">
        <v>81</v>
      </c>
      <c r="T26068">
        <v>81</v>
      </c>
      <c r="U26068">
        <v>82</v>
      </c>
      <c r="V26068">
        <v>83</v>
      </c>
      <c r="W26068">
        <v>83</v>
      </c>
      <c r="X26068">
        <v>84</v>
      </c>
      <c r="Y26068">
        <v>84</v>
      </c>
      <c r="Z26068">
        <v>85</v>
      </c>
      <c r="AA26068">
        <v>85</v>
      </c>
      <c r="AB26068">
        <v>85</v>
      </c>
      <c r="AC26068">
        <v>86</v>
      </c>
      <c r="AD26068">
        <v>86</v>
      </c>
      <c r="AE26068">
        <v>86</v>
      </c>
      <c r="AF26068">
        <v>85</v>
      </c>
      <c r="AG26068">
        <v>84</v>
      </c>
      <c r="AH26068">
        <v>83</v>
      </c>
      <c r="AI26068">
        <v>82</v>
      </c>
      <c r="AJ26068">
        <v>82</v>
      </c>
      <c r="AK26068">
        <v>81</v>
      </c>
      <c r="AL26068">
        <v>80</v>
      </c>
      <c r="AM26068">
        <v>79</v>
      </c>
      <c r="AN26068">
        <v>79</v>
      </c>
      <c r="AO26068">
        <v>78</v>
      </c>
      <c r="AP26068">
        <v>77</v>
      </c>
      <c r="AQ26068">
        <v>76</v>
      </c>
    </row>
    <row r="26069" spans="1:43">
      <c r="A26069" t="s">
        <v>16133</v>
      </c>
      <c r="B26069" t="s">
        <v>16134</v>
      </c>
      <c r="C26069" t="s">
        <v>16135</v>
      </c>
      <c r="D26069" t="s">
        <v>16136</v>
      </c>
      <c r="E26069" t="s">
        <v>16115</v>
      </c>
      <c r="F26069" t="s">
        <v>16116</v>
      </c>
      <c r="G26069" t="s">
        <v>10734</v>
      </c>
      <c r="H26069" t="s">
        <v>10735</v>
      </c>
      <c r="I26069" s="2">
        <v>1</v>
      </c>
      <c r="J26069" s="2">
        <v>0</v>
      </c>
      <c r="K26069" s="2">
        <v>0</v>
      </c>
      <c r="L26069" t="s">
        <v>120</v>
      </c>
      <c r="M26069" t="s">
        <v>83</v>
      </c>
      <c r="N26069" t="s">
        <v>91</v>
      </c>
      <c r="O26069" t="s">
        <v>85</v>
      </c>
      <c r="P26069" t="s">
        <v>86</v>
      </c>
      <c r="Q26069">
        <v>79</v>
      </c>
      <c r="R26069">
        <v>79</v>
      </c>
      <c r="S26069">
        <v>80</v>
      </c>
      <c r="T26069">
        <v>80</v>
      </c>
      <c r="U26069">
        <v>80</v>
      </c>
      <c r="V26069">
        <v>80</v>
      </c>
      <c r="W26069">
        <v>80</v>
      </c>
      <c r="X26069">
        <v>81</v>
      </c>
      <c r="Y26069">
        <v>81</v>
      </c>
      <c r="Z26069">
        <v>81</v>
      </c>
      <c r="AA26069">
        <v>81</v>
      </c>
      <c r="AB26069">
        <v>81</v>
      </c>
      <c r="AC26069">
        <v>81</v>
      </c>
      <c r="AD26069">
        <v>81</v>
      </c>
      <c r="AE26069">
        <v>81</v>
      </c>
      <c r="AF26069">
        <v>81</v>
      </c>
      <c r="AG26069">
        <v>81</v>
      </c>
      <c r="AH26069">
        <v>81</v>
      </c>
      <c r="AI26069">
        <v>81</v>
      </c>
      <c r="AJ26069">
        <v>81</v>
      </c>
      <c r="AK26069">
        <v>81</v>
      </c>
      <c r="AL26069">
        <v>80</v>
      </c>
      <c r="AM26069">
        <v>79</v>
      </c>
      <c r="AN26069">
        <v>79</v>
      </c>
      <c r="AO26069">
        <v>78</v>
      </c>
      <c r="AP26069">
        <v>77</v>
      </c>
      <c r="AQ26069">
        <v>76</v>
      </c>
    </row>
    <row r="26070" spans="1:43">
      <c r="A26070" t="s">
        <v>16137</v>
      </c>
      <c r="B26070" t="s">
        <v>16138</v>
      </c>
      <c r="C26070" t="s">
        <v>16125</v>
      </c>
      <c r="D26070" t="s">
        <v>16126</v>
      </c>
      <c r="E26070" t="s">
        <v>16115</v>
      </c>
      <c r="F26070" t="s">
        <v>16116</v>
      </c>
      <c r="G26070" t="s">
        <v>10734</v>
      </c>
      <c r="H26070" t="s">
        <v>10735</v>
      </c>
      <c r="I26070" s="2">
        <v>1</v>
      </c>
      <c r="J26070" s="2">
        <v>0</v>
      </c>
      <c r="K26070" s="2">
        <v>0</v>
      </c>
      <c r="L26070" t="s">
        <v>120</v>
      </c>
      <c r="M26070" t="s">
        <v>83</v>
      </c>
      <c r="N26070" t="s">
        <v>84</v>
      </c>
      <c r="O26070" t="s">
        <v>85</v>
      </c>
      <c r="P26070" t="s">
        <v>86</v>
      </c>
      <c r="Q26070">
        <v>9</v>
      </c>
      <c r="R26070">
        <v>9</v>
      </c>
      <c r="S26070">
        <v>9</v>
      </c>
      <c r="T26070">
        <v>9</v>
      </c>
      <c r="U26070">
        <v>9</v>
      </c>
      <c r="V26070">
        <v>9</v>
      </c>
      <c r="W26070">
        <v>9</v>
      </c>
      <c r="X26070">
        <v>9</v>
      </c>
      <c r="Y26070">
        <v>9</v>
      </c>
      <c r="Z26070">
        <v>9</v>
      </c>
      <c r="AA26070">
        <v>9</v>
      </c>
      <c r="AB26070">
        <v>9</v>
      </c>
      <c r="AC26070">
        <v>9</v>
      </c>
      <c r="AD26070">
        <v>9</v>
      </c>
      <c r="AE26070">
        <v>9</v>
      </c>
      <c r="AF26070">
        <v>9</v>
      </c>
      <c r="AG26070">
        <v>9</v>
      </c>
      <c r="AH26070">
        <v>9</v>
      </c>
      <c r="AI26070">
        <v>9</v>
      </c>
      <c r="AJ26070">
        <v>9</v>
      </c>
      <c r="AK26070">
        <v>9</v>
      </c>
      <c r="AL26070">
        <v>9</v>
      </c>
      <c r="AM26070">
        <v>9</v>
      </c>
      <c r="AN26070">
        <v>9</v>
      </c>
      <c r="AO26070">
        <v>9</v>
      </c>
      <c r="AP26070">
        <v>9</v>
      </c>
      <c r="AQ26070">
        <v>9</v>
      </c>
    </row>
    <row r="26071" spans="1:43">
      <c r="A26071" t="s">
        <v>16137</v>
      </c>
      <c r="B26071" t="s">
        <v>16138</v>
      </c>
      <c r="C26071" t="s">
        <v>16125</v>
      </c>
      <c r="D26071" t="s">
        <v>16126</v>
      </c>
      <c r="E26071" t="s">
        <v>16115</v>
      </c>
      <c r="F26071" t="s">
        <v>16116</v>
      </c>
      <c r="G26071" t="s">
        <v>10734</v>
      </c>
      <c r="H26071" t="s">
        <v>10735</v>
      </c>
      <c r="I26071" s="2">
        <v>1</v>
      </c>
      <c r="J26071" s="2">
        <v>0</v>
      </c>
      <c r="K26071" s="2">
        <v>0</v>
      </c>
      <c r="L26071" t="s">
        <v>120</v>
      </c>
      <c r="M26071" t="s">
        <v>87</v>
      </c>
      <c r="N26071" t="s">
        <v>88</v>
      </c>
      <c r="O26071" t="s">
        <v>85</v>
      </c>
      <c r="P26071" t="s">
        <v>86</v>
      </c>
      <c r="Q26071">
        <v>9</v>
      </c>
      <c r="R26071">
        <v>9</v>
      </c>
      <c r="S26071">
        <v>9</v>
      </c>
      <c r="T26071">
        <v>9</v>
      </c>
      <c r="U26071">
        <v>9</v>
      </c>
      <c r="V26071">
        <v>9</v>
      </c>
      <c r="W26071">
        <v>9</v>
      </c>
      <c r="X26071">
        <v>9</v>
      </c>
      <c r="Y26071">
        <v>9</v>
      </c>
      <c r="Z26071">
        <v>9</v>
      </c>
      <c r="AA26071">
        <v>8</v>
      </c>
      <c r="AB26071">
        <v>8</v>
      </c>
      <c r="AC26071">
        <v>8</v>
      </c>
      <c r="AD26071">
        <v>8</v>
      </c>
      <c r="AE26071">
        <v>8</v>
      </c>
      <c r="AF26071">
        <v>8</v>
      </c>
      <c r="AG26071">
        <v>8</v>
      </c>
      <c r="AH26071">
        <v>8</v>
      </c>
      <c r="AI26071">
        <v>8</v>
      </c>
      <c r="AJ26071">
        <v>8</v>
      </c>
      <c r="AK26071">
        <v>8</v>
      </c>
      <c r="AL26071">
        <v>8</v>
      </c>
      <c r="AM26071">
        <v>8</v>
      </c>
      <c r="AN26071">
        <v>8</v>
      </c>
      <c r="AO26071">
        <v>8</v>
      </c>
      <c r="AP26071">
        <v>8</v>
      </c>
      <c r="AQ26071">
        <v>8</v>
      </c>
    </row>
    <row r="26072" spans="1:43">
      <c r="A26072" t="s">
        <v>16137</v>
      </c>
      <c r="B26072" t="s">
        <v>16138</v>
      </c>
      <c r="C26072" t="s">
        <v>16125</v>
      </c>
      <c r="D26072" t="s">
        <v>16126</v>
      </c>
      <c r="E26072" t="s">
        <v>16115</v>
      </c>
      <c r="F26072" t="s">
        <v>16116</v>
      </c>
      <c r="G26072" t="s">
        <v>10734</v>
      </c>
      <c r="H26072" t="s">
        <v>10735</v>
      </c>
      <c r="I26072" s="2">
        <v>1</v>
      </c>
      <c r="J26072" s="2">
        <v>0</v>
      </c>
      <c r="K26072" s="2">
        <v>0</v>
      </c>
      <c r="L26072" t="s">
        <v>120</v>
      </c>
      <c r="M26072" t="s">
        <v>89</v>
      </c>
      <c r="N26072" t="s">
        <v>90</v>
      </c>
      <c r="O26072" t="s">
        <v>85</v>
      </c>
      <c r="P26072" t="s">
        <v>86</v>
      </c>
      <c r="Q26072">
        <v>9</v>
      </c>
      <c r="R26072">
        <v>9</v>
      </c>
      <c r="S26072">
        <v>9</v>
      </c>
      <c r="T26072">
        <v>9</v>
      </c>
      <c r="U26072">
        <v>10</v>
      </c>
      <c r="V26072">
        <v>10</v>
      </c>
      <c r="W26072">
        <v>10</v>
      </c>
      <c r="X26072">
        <v>10</v>
      </c>
      <c r="Y26072">
        <v>10</v>
      </c>
      <c r="Z26072">
        <v>10</v>
      </c>
      <c r="AA26072">
        <v>10</v>
      </c>
      <c r="AB26072">
        <v>10</v>
      </c>
      <c r="AC26072">
        <v>10</v>
      </c>
      <c r="AD26072">
        <v>10</v>
      </c>
      <c r="AE26072">
        <v>10</v>
      </c>
      <c r="AF26072">
        <v>10</v>
      </c>
      <c r="AG26072">
        <v>10</v>
      </c>
      <c r="AH26072">
        <v>10</v>
      </c>
      <c r="AI26072">
        <v>10</v>
      </c>
      <c r="AJ26072">
        <v>10</v>
      </c>
      <c r="AK26072">
        <v>9</v>
      </c>
      <c r="AL26072">
        <v>9</v>
      </c>
      <c r="AM26072">
        <v>9</v>
      </c>
      <c r="AN26072">
        <v>9</v>
      </c>
      <c r="AO26072">
        <v>9</v>
      </c>
      <c r="AP26072">
        <v>9</v>
      </c>
      <c r="AQ26072">
        <v>9</v>
      </c>
    </row>
    <row r="26073" spans="1:43">
      <c r="A26073" t="s">
        <v>16137</v>
      </c>
      <c r="B26073" t="s">
        <v>16138</v>
      </c>
      <c r="C26073" t="s">
        <v>16125</v>
      </c>
      <c r="D26073" t="s">
        <v>16126</v>
      </c>
      <c r="E26073" t="s">
        <v>16115</v>
      </c>
      <c r="F26073" t="s">
        <v>16116</v>
      </c>
      <c r="G26073" t="s">
        <v>10734</v>
      </c>
      <c r="H26073" t="s">
        <v>10735</v>
      </c>
      <c r="I26073" s="2">
        <v>1</v>
      </c>
      <c r="J26073" s="2">
        <v>0</v>
      </c>
      <c r="K26073" s="2">
        <v>0</v>
      </c>
      <c r="L26073" t="s">
        <v>120</v>
      </c>
      <c r="M26073" t="s">
        <v>83</v>
      </c>
      <c r="N26073" t="s">
        <v>91</v>
      </c>
      <c r="O26073" t="s">
        <v>85</v>
      </c>
      <c r="P26073" t="s">
        <v>86</v>
      </c>
      <c r="Q26073">
        <v>9</v>
      </c>
      <c r="R26073">
        <v>9</v>
      </c>
      <c r="S26073">
        <v>9</v>
      </c>
      <c r="T26073">
        <v>9</v>
      </c>
      <c r="U26073">
        <v>9</v>
      </c>
      <c r="V26073">
        <v>9</v>
      </c>
      <c r="W26073">
        <v>9</v>
      </c>
      <c r="X26073">
        <v>9</v>
      </c>
      <c r="Y26073">
        <v>9</v>
      </c>
      <c r="Z26073">
        <v>9</v>
      </c>
      <c r="AA26073">
        <v>9</v>
      </c>
      <c r="AB26073">
        <v>9</v>
      </c>
      <c r="AC26073">
        <v>9</v>
      </c>
      <c r="AD26073">
        <v>9</v>
      </c>
      <c r="AE26073">
        <v>9</v>
      </c>
      <c r="AF26073">
        <v>9</v>
      </c>
      <c r="AG26073">
        <v>9</v>
      </c>
      <c r="AH26073">
        <v>9</v>
      </c>
      <c r="AI26073">
        <v>9</v>
      </c>
      <c r="AJ26073">
        <v>9</v>
      </c>
      <c r="AK26073">
        <v>9</v>
      </c>
      <c r="AL26073">
        <v>9</v>
      </c>
      <c r="AM26073">
        <v>9</v>
      </c>
      <c r="AN26073">
        <v>9</v>
      </c>
      <c r="AO26073">
        <v>9</v>
      </c>
      <c r="AP26073">
        <v>9</v>
      </c>
      <c r="AQ26073">
        <v>9</v>
      </c>
    </row>
    <row r="26074" spans="1:43">
      <c r="A26074" t="s">
        <v>16139</v>
      </c>
      <c r="B26074" t="s">
        <v>16140</v>
      </c>
      <c r="C26074" t="s">
        <v>16125</v>
      </c>
      <c r="D26074" t="s">
        <v>16126</v>
      </c>
      <c r="E26074" t="s">
        <v>16115</v>
      </c>
      <c r="F26074" t="s">
        <v>16116</v>
      </c>
      <c r="G26074" t="s">
        <v>10734</v>
      </c>
      <c r="H26074" t="s">
        <v>10735</v>
      </c>
      <c r="I26074" s="2">
        <v>1</v>
      </c>
      <c r="J26074" s="2">
        <v>0</v>
      </c>
      <c r="K26074" s="2">
        <v>0</v>
      </c>
      <c r="L26074" t="s">
        <v>120</v>
      </c>
      <c r="M26074" t="s">
        <v>83</v>
      </c>
      <c r="N26074" t="s">
        <v>84</v>
      </c>
      <c r="O26074" t="s">
        <v>85</v>
      </c>
      <c r="P26074" t="s">
        <v>86</v>
      </c>
      <c r="Q26074">
        <v>13</v>
      </c>
      <c r="R26074">
        <v>13</v>
      </c>
      <c r="S26074">
        <v>13</v>
      </c>
      <c r="T26074">
        <v>13</v>
      </c>
      <c r="U26074">
        <v>13</v>
      </c>
      <c r="V26074">
        <v>13</v>
      </c>
      <c r="W26074">
        <v>13</v>
      </c>
      <c r="X26074">
        <v>13</v>
      </c>
      <c r="Y26074">
        <v>13</v>
      </c>
      <c r="Z26074">
        <v>13</v>
      </c>
      <c r="AA26074">
        <v>13</v>
      </c>
      <c r="AB26074">
        <v>13</v>
      </c>
      <c r="AC26074">
        <v>13</v>
      </c>
      <c r="AD26074">
        <v>13</v>
      </c>
      <c r="AE26074">
        <v>13</v>
      </c>
      <c r="AF26074">
        <v>13</v>
      </c>
      <c r="AG26074">
        <v>13</v>
      </c>
      <c r="AH26074">
        <v>13</v>
      </c>
      <c r="AI26074">
        <v>13</v>
      </c>
      <c r="AJ26074">
        <v>13</v>
      </c>
      <c r="AK26074">
        <v>13</v>
      </c>
      <c r="AL26074">
        <v>13</v>
      </c>
      <c r="AM26074">
        <v>13</v>
      </c>
      <c r="AN26074">
        <v>13</v>
      </c>
      <c r="AO26074">
        <v>13</v>
      </c>
      <c r="AP26074">
        <v>13</v>
      </c>
      <c r="AQ26074">
        <v>12</v>
      </c>
    </row>
    <row r="26075" spans="1:43">
      <c r="A26075" t="s">
        <v>16139</v>
      </c>
      <c r="B26075" t="s">
        <v>16140</v>
      </c>
      <c r="C26075" t="s">
        <v>16125</v>
      </c>
      <c r="D26075" t="s">
        <v>16126</v>
      </c>
      <c r="E26075" t="s">
        <v>16115</v>
      </c>
      <c r="F26075" t="s">
        <v>16116</v>
      </c>
      <c r="G26075" t="s">
        <v>10734</v>
      </c>
      <c r="H26075" t="s">
        <v>10735</v>
      </c>
      <c r="I26075" s="2">
        <v>1</v>
      </c>
      <c r="J26075" s="2">
        <v>0</v>
      </c>
      <c r="K26075" s="2">
        <v>0</v>
      </c>
      <c r="L26075" t="s">
        <v>120</v>
      </c>
      <c r="M26075" t="s">
        <v>87</v>
      </c>
      <c r="N26075" t="s">
        <v>88</v>
      </c>
      <c r="O26075" t="s">
        <v>85</v>
      </c>
      <c r="P26075" t="s">
        <v>86</v>
      </c>
      <c r="Q26075">
        <v>13</v>
      </c>
      <c r="R26075">
        <v>13</v>
      </c>
      <c r="S26075">
        <v>13</v>
      </c>
      <c r="T26075">
        <v>13</v>
      </c>
      <c r="U26075">
        <v>13</v>
      </c>
      <c r="V26075">
        <v>12</v>
      </c>
      <c r="W26075">
        <v>12</v>
      </c>
      <c r="X26075">
        <v>12</v>
      </c>
      <c r="Y26075">
        <v>12</v>
      </c>
      <c r="Z26075">
        <v>12</v>
      </c>
      <c r="AA26075">
        <v>12</v>
      </c>
      <c r="AB26075">
        <v>12</v>
      </c>
      <c r="AC26075">
        <v>12</v>
      </c>
      <c r="AD26075">
        <v>12</v>
      </c>
      <c r="AE26075">
        <v>12</v>
      </c>
      <c r="AF26075">
        <v>12</v>
      </c>
      <c r="AG26075">
        <v>12</v>
      </c>
      <c r="AH26075">
        <v>11</v>
      </c>
      <c r="AI26075">
        <v>11</v>
      </c>
      <c r="AJ26075">
        <v>11</v>
      </c>
      <c r="AK26075">
        <v>11</v>
      </c>
      <c r="AL26075">
        <v>11</v>
      </c>
      <c r="AM26075">
        <v>11</v>
      </c>
      <c r="AN26075">
        <v>11</v>
      </c>
      <c r="AO26075">
        <v>11</v>
      </c>
      <c r="AP26075">
        <v>11</v>
      </c>
      <c r="AQ26075">
        <v>11</v>
      </c>
    </row>
    <row r="26076" spans="1:43">
      <c r="A26076" t="s">
        <v>16139</v>
      </c>
      <c r="B26076" t="s">
        <v>16140</v>
      </c>
      <c r="C26076" t="s">
        <v>16125</v>
      </c>
      <c r="D26076" t="s">
        <v>16126</v>
      </c>
      <c r="E26076" t="s">
        <v>16115</v>
      </c>
      <c r="F26076" t="s">
        <v>16116</v>
      </c>
      <c r="G26076" t="s">
        <v>10734</v>
      </c>
      <c r="H26076" t="s">
        <v>10735</v>
      </c>
      <c r="I26076" s="2">
        <v>1</v>
      </c>
      <c r="J26076" s="2">
        <v>0</v>
      </c>
      <c r="K26076" s="2">
        <v>0</v>
      </c>
      <c r="L26076" t="s">
        <v>120</v>
      </c>
      <c r="M26076" t="s">
        <v>89</v>
      </c>
      <c r="N26076" t="s">
        <v>90</v>
      </c>
      <c r="O26076" t="s">
        <v>85</v>
      </c>
      <c r="P26076" t="s">
        <v>86</v>
      </c>
      <c r="Q26076">
        <v>13</v>
      </c>
      <c r="R26076">
        <v>13</v>
      </c>
      <c r="S26076">
        <v>13</v>
      </c>
      <c r="T26076">
        <v>14</v>
      </c>
      <c r="U26076">
        <v>14</v>
      </c>
      <c r="V26076">
        <v>14</v>
      </c>
      <c r="W26076">
        <v>14</v>
      </c>
      <c r="X26076">
        <v>14</v>
      </c>
      <c r="Y26076">
        <v>14</v>
      </c>
      <c r="Z26076">
        <v>14</v>
      </c>
      <c r="AA26076">
        <v>14</v>
      </c>
      <c r="AB26076">
        <v>14</v>
      </c>
      <c r="AC26076">
        <v>14</v>
      </c>
      <c r="AD26076">
        <v>14</v>
      </c>
      <c r="AE26076">
        <v>14</v>
      </c>
      <c r="AF26076">
        <v>14</v>
      </c>
      <c r="AG26076">
        <v>14</v>
      </c>
      <c r="AH26076">
        <v>14</v>
      </c>
      <c r="AI26076">
        <v>14</v>
      </c>
      <c r="AJ26076">
        <v>13</v>
      </c>
      <c r="AK26076">
        <v>13</v>
      </c>
      <c r="AL26076">
        <v>13</v>
      </c>
      <c r="AM26076">
        <v>13</v>
      </c>
      <c r="AN26076">
        <v>13</v>
      </c>
      <c r="AO26076">
        <v>13</v>
      </c>
      <c r="AP26076">
        <v>13</v>
      </c>
      <c r="AQ26076">
        <v>12</v>
      </c>
    </row>
    <row r="26077" spans="1:43">
      <c r="A26077" t="s">
        <v>16139</v>
      </c>
      <c r="B26077" t="s">
        <v>16140</v>
      </c>
      <c r="C26077" t="s">
        <v>16125</v>
      </c>
      <c r="D26077" t="s">
        <v>16126</v>
      </c>
      <c r="E26077" t="s">
        <v>16115</v>
      </c>
      <c r="F26077" t="s">
        <v>16116</v>
      </c>
      <c r="G26077" t="s">
        <v>10734</v>
      </c>
      <c r="H26077" t="s">
        <v>10735</v>
      </c>
      <c r="I26077" s="2">
        <v>1</v>
      </c>
      <c r="J26077" s="2">
        <v>0</v>
      </c>
      <c r="K26077" s="2">
        <v>0</v>
      </c>
      <c r="L26077" t="s">
        <v>120</v>
      </c>
      <c r="M26077" t="s">
        <v>83</v>
      </c>
      <c r="N26077" t="s">
        <v>91</v>
      </c>
      <c r="O26077" t="s">
        <v>85</v>
      </c>
      <c r="P26077" t="s">
        <v>86</v>
      </c>
      <c r="Q26077">
        <v>13</v>
      </c>
      <c r="R26077">
        <v>13</v>
      </c>
      <c r="S26077">
        <v>13</v>
      </c>
      <c r="T26077">
        <v>13</v>
      </c>
      <c r="U26077">
        <v>13</v>
      </c>
      <c r="V26077">
        <v>13</v>
      </c>
      <c r="W26077">
        <v>13</v>
      </c>
      <c r="X26077">
        <v>13</v>
      </c>
      <c r="Y26077">
        <v>13</v>
      </c>
      <c r="Z26077">
        <v>13</v>
      </c>
      <c r="AA26077">
        <v>13</v>
      </c>
      <c r="AB26077">
        <v>13</v>
      </c>
      <c r="AC26077">
        <v>13</v>
      </c>
      <c r="AD26077">
        <v>13</v>
      </c>
      <c r="AE26077">
        <v>13</v>
      </c>
      <c r="AF26077">
        <v>13</v>
      </c>
      <c r="AG26077">
        <v>13</v>
      </c>
      <c r="AH26077">
        <v>13</v>
      </c>
      <c r="AI26077">
        <v>13</v>
      </c>
      <c r="AJ26077">
        <v>13</v>
      </c>
      <c r="AK26077">
        <v>13</v>
      </c>
      <c r="AL26077">
        <v>13</v>
      </c>
      <c r="AM26077">
        <v>13</v>
      </c>
      <c r="AN26077">
        <v>13</v>
      </c>
      <c r="AO26077">
        <v>13</v>
      </c>
      <c r="AP26077">
        <v>13</v>
      </c>
      <c r="AQ26077">
        <v>12</v>
      </c>
    </row>
    <row r="26078" spans="1:43">
      <c r="A26078" t="s">
        <v>16141</v>
      </c>
      <c r="B26078" t="s">
        <v>16142</v>
      </c>
      <c r="C26078" t="s">
        <v>16125</v>
      </c>
      <c r="D26078" t="s">
        <v>16126</v>
      </c>
      <c r="E26078" t="s">
        <v>16115</v>
      </c>
      <c r="F26078" t="s">
        <v>16116</v>
      </c>
      <c r="G26078" t="s">
        <v>10734</v>
      </c>
      <c r="H26078" t="s">
        <v>10735</v>
      </c>
      <c r="I26078" s="2">
        <v>1</v>
      </c>
      <c r="J26078" s="2">
        <v>0</v>
      </c>
      <c r="K26078" s="2">
        <v>0</v>
      </c>
      <c r="L26078" t="s">
        <v>120</v>
      </c>
      <c r="M26078" t="s">
        <v>83</v>
      </c>
      <c r="N26078" t="s">
        <v>84</v>
      </c>
      <c r="O26078" t="s">
        <v>85</v>
      </c>
      <c r="P26078" t="s">
        <v>86</v>
      </c>
      <c r="Q26078">
        <v>17</v>
      </c>
      <c r="R26078">
        <v>17</v>
      </c>
      <c r="S26078">
        <v>17</v>
      </c>
      <c r="T26078">
        <v>17</v>
      </c>
      <c r="U26078">
        <v>17</v>
      </c>
      <c r="V26078">
        <v>17</v>
      </c>
      <c r="W26078">
        <v>17</v>
      </c>
      <c r="X26078">
        <v>17</v>
      </c>
      <c r="Y26078">
        <v>17</v>
      </c>
      <c r="Z26078">
        <v>17</v>
      </c>
      <c r="AA26078">
        <v>17</v>
      </c>
      <c r="AB26078">
        <v>17</v>
      </c>
      <c r="AC26078">
        <v>17</v>
      </c>
      <c r="AD26078">
        <v>17</v>
      </c>
      <c r="AE26078">
        <v>17</v>
      </c>
      <c r="AF26078">
        <v>17</v>
      </c>
      <c r="AG26078">
        <v>17</v>
      </c>
      <c r="AH26078">
        <v>17</v>
      </c>
      <c r="AI26078">
        <v>17</v>
      </c>
      <c r="AJ26078">
        <v>17</v>
      </c>
      <c r="AK26078">
        <v>17</v>
      </c>
      <c r="AL26078">
        <v>17</v>
      </c>
      <c r="AM26078">
        <v>16</v>
      </c>
      <c r="AN26078">
        <v>16</v>
      </c>
      <c r="AO26078">
        <v>16</v>
      </c>
      <c r="AP26078">
        <v>16</v>
      </c>
      <c r="AQ26078">
        <v>16</v>
      </c>
    </row>
    <row r="26079" spans="1:43">
      <c r="A26079" t="s">
        <v>16141</v>
      </c>
      <c r="B26079" t="s">
        <v>16142</v>
      </c>
      <c r="C26079" t="s">
        <v>16125</v>
      </c>
      <c r="D26079" t="s">
        <v>16126</v>
      </c>
      <c r="E26079" t="s">
        <v>16115</v>
      </c>
      <c r="F26079" t="s">
        <v>16116</v>
      </c>
      <c r="G26079" t="s">
        <v>10734</v>
      </c>
      <c r="H26079" t="s">
        <v>10735</v>
      </c>
      <c r="I26079" s="2">
        <v>1</v>
      </c>
      <c r="J26079" s="2">
        <v>0</v>
      </c>
      <c r="K26079" s="2">
        <v>0</v>
      </c>
      <c r="L26079" t="s">
        <v>120</v>
      </c>
      <c r="M26079" t="s">
        <v>87</v>
      </c>
      <c r="N26079" t="s">
        <v>88</v>
      </c>
      <c r="O26079" t="s">
        <v>85</v>
      </c>
      <c r="P26079" t="s">
        <v>86</v>
      </c>
      <c r="Q26079">
        <v>17</v>
      </c>
      <c r="R26079">
        <v>17</v>
      </c>
      <c r="S26079">
        <v>17</v>
      </c>
      <c r="T26079">
        <v>17</v>
      </c>
      <c r="U26079">
        <v>17</v>
      </c>
      <c r="V26079">
        <v>17</v>
      </c>
      <c r="W26079">
        <v>17</v>
      </c>
      <c r="X26079">
        <v>17</v>
      </c>
      <c r="Y26079">
        <v>17</v>
      </c>
      <c r="Z26079">
        <v>16</v>
      </c>
      <c r="AA26079">
        <v>16</v>
      </c>
      <c r="AB26079">
        <v>16</v>
      </c>
      <c r="AC26079">
        <v>16</v>
      </c>
      <c r="AD26079">
        <v>16</v>
      </c>
      <c r="AE26079">
        <v>16</v>
      </c>
      <c r="AF26079">
        <v>16</v>
      </c>
      <c r="AG26079">
        <v>16</v>
      </c>
      <c r="AH26079">
        <v>16</v>
      </c>
      <c r="AI26079">
        <v>15</v>
      </c>
      <c r="AJ26079">
        <v>15</v>
      </c>
      <c r="AK26079">
        <v>15</v>
      </c>
      <c r="AL26079">
        <v>15</v>
      </c>
      <c r="AM26079">
        <v>15</v>
      </c>
      <c r="AN26079">
        <v>15</v>
      </c>
      <c r="AO26079">
        <v>15</v>
      </c>
      <c r="AP26079">
        <v>15</v>
      </c>
      <c r="AQ26079">
        <v>15</v>
      </c>
    </row>
    <row r="26080" spans="1:43">
      <c r="A26080" t="s">
        <v>16141</v>
      </c>
      <c r="B26080" t="s">
        <v>16142</v>
      </c>
      <c r="C26080" t="s">
        <v>16125</v>
      </c>
      <c r="D26080" t="s">
        <v>16126</v>
      </c>
      <c r="E26080" t="s">
        <v>16115</v>
      </c>
      <c r="F26080" t="s">
        <v>16116</v>
      </c>
      <c r="G26080" t="s">
        <v>10734</v>
      </c>
      <c r="H26080" t="s">
        <v>10735</v>
      </c>
      <c r="I26080" s="2">
        <v>1</v>
      </c>
      <c r="J26080" s="2">
        <v>0</v>
      </c>
      <c r="K26080" s="2">
        <v>0</v>
      </c>
      <c r="L26080" t="s">
        <v>120</v>
      </c>
      <c r="M26080" t="s">
        <v>89</v>
      </c>
      <c r="N26080" t="s">
        <v>90</v>
      </c>
      <c r="O26080" t="s">
        <v>85</v>
      </c>
      <c r="P26080" t="s">
        <v>86</v>
      </c>
      <c r="Q26080">
        <v>17</v>
      </c>
      <c r="R26080">
        <v>17</v>
      </c>
      <c r="S26080">
        <v>17</v>
      </c>
      <c r="T26080">
        <v>17</v>
      </c>
      <c r="U26080">
        <v>17</v>
      </c>
      <c r="V26080">
        <v>17</v>
      </c>
      <c r="W26080">
        <v>18</v>
      </c>
      <c r="X26080">
        <v>18</v>
      </c>
      <c r="Y26080">
        <v>18</v>
      </c>
      <c r="Z26080">
        <v>18</v>
      </c>
      <c r="AA26080">
        <v>18</v>
      </c>
      <c r="AB26080">
        <v>18</v>
      </c>
      <c r="AC26080">
        <v>18</v>
      </c>
      <c r="AD26080">
        <v>18</v>
      </c>
      <c r="AE26080">
        <v>18</v>
      </c>
      <c r="AF26080">
        <v>18</v>
      </c>
      <c r="AG26080">
        <v>18</v>
      </c>
      <c r="AH26080">
        <v>17</v>
      </c>
      <c r="AI26080">
        <v>17</v>
      </c>
      <c r="AJ26080">
        <v>17</v>
      </c>
      <c r="AK26080">
        <v>17</v>
      </c>
      <c r="AL26080">
        <v>17</v>
      </c>
      <c r="AM26080">
        <v>17</v>
      </c>
      <c r="AN26080">
        <v>16</v>
      </c>
      <c r="AO26080">
        <v>16</v>
      </c>
      <c r="AP26080">
        <v>16</v>
      </c>
      <c r="AQ26080">
        <v>16</v>
      </c>
    </row>
    <row r="26081" spans="1:43">
      <c r="A26081" t="s">
        <v>16141</v>
      </c>
      <c r="B26081" t="s">
        <v>16142</v>
      </c>
      <c r="C26081" t="s">
        <v>16125</v>
      </c>
      <c r="D26081" t="s">
        <v>16126</v>
      </c>
      <c r="E26081" t="s">
        <v>16115</v>
      </c>
      <c r="F26081" t="s">
        <v>16116</v>
      </c>
      <c r="G26081" t="s">
        <v>10734</v>
      </c>
      <c r="H26081" t="s">
        <v>10735</v>
      </c>
      <c r="I26081" s="2">
        <v>1</v>
      </c>
      <c r="J26081" s="2">
        <v>0</v>
      </c>
      <c r="K26081" s="2">
        <v>0</v>
      </c>
      <c r="L26081" t="s">
        <v>120</v>
      </c>
      <c r="M26081" t="s">
        <v>83</v>
      </c>
      <c r="N26081" t="s">
        <v>91</v>
      </c>
      <c r="O26081" t="s">
        <v>85</v>
      </c>
      <c r="P26081" t="s">
        <v>86</v>
      </c>
      <c r="Q26081">
        <v>17</v>
      </c>
      <c r="R26081">
        <v>17</v>
      </c>
      <c r="S26081">
        <v>17</v>
      </c>
      <c r="T26081">
        <v>17</v>
      </c>
      <c r="U26081">
        <v>17</v>
      </c>
      <c r="V26081">
        <v>17</v>
      </c>
      <c r="W26081">
        <v>17</v>
      </c>
      <c r="X26081">
        <v>17</v>
      </c>
      <c r="Y26081">
        <v>17</v>
      </c>
      <c r="Z26081">
        <v>17</v>
      </c>
      <c r="AA26081">
        <v>17</v>
      </c>
      <c r="AB26081">
        <v>17</v>
      </c>
      <c r="AC26081">
        <v>17</v>
      </c>
      <c r="AD26081">
        <v>17</v>
      </c>
      <c r="AE26081">
        <v>17</v>
      </c>
      <c r="AF26081">
        <v>17</v>
      </c>
      <c r="AG26081">
        <v>17</v>
      </c>
      <c r="AH26081">
        <v>17</v>
      </c>
      <c r="AI26081">
        <v>17</v>
      </c>
      <c r="AJ26081">
        <v>17</v>
      </c>
      <c r="AK26081">
        <v>17</v>
      </c>
      <c r="AL26081">
        <v>17</v>
      </c>
      <c r="AM26081">
        <v>16</v>
      </c>
      <c r="AN26081">
        <v>16</v>
      </c>
      <c r="AO26081">
        <v>16</v>
      </c>
      <c r="AP26081">
        <v>16</v>
      </c>
      <c r="AQ26081">
        <v>16</v>
      </c>
    </row>
    <row r="26082" spans="1:43">
      <c r="A26082" t="s">
        <v>16143</v>
      </c>
      <c r="B26082" t="s">
        <v>16144</v>
      </c>
      <c r="C26082" t="s">
        <v>16125</v>
      </c>
      <c r="D26082" t="s">
        <v>16126</v>
      </c>
      <c r="E26082" t="s">
        <v>16115</v>
      </c>
      <c r="F26082" t="s">
        <v>16116</v>
      </c>
      <c r="G26082" t="s">
        <v>10734</v>
      </c>
      <c r="H26082" t="s">
        <v>10735</v>
      </c>
      <c r="I26082" s="2">
        <v>1</v>
      </c>
      <c r="J26082" s="2">
        <v>0</v>
      </c>
      <c r="K26082" s="2">
        <v>0</v>
      </c>
      <c r="L26082" t="s">
        <v>120</v>
      </c>
      <c r="M26082" t="s">
        <v>83</v>
      </c>
      <c r="N26082" t="s">
        <v>84</v>
      </c>
      <c r="O26082" t="s">
        <v>85</v>
      </c>
      <c r="P26082" t="s">
        <v>86</v>
      </c>
      <c r="Q26082">
        <v>37</v>
      </c>
      <c r="R26082">
        <v>38</v>
      </c>
      <c r="S26082">
        <v>38</v>
      </c>
      <c r="T26082">
        <v>38</v>
      </c>
      <c r="U26082">
        <v>38</v>
      </c>
      <c r="V26082">
        <v>38</v>
      </c>
      <c r="W26082">
        <v>38</v>
      </c>
      <c r="X26082">
        <v>38</v>
      </c>
      <c r="Y26082">
        <v>38</v>
      </c>
      <c r="Z26082">
        <v>38</v>
      </c>
      <c r="AA26082">
        <v>38</v>
      </c>
      <c r="AB26082">
        <v>38</v>
      </c>
      <c r="AC26082">
        <v>38</v>
      </c>
      <c r="AD26082">
        <v>38</v>
      </c>
      <c r="AE26082">
        <v>38</v>
      </c>
      <c r="AF26082">
        <v>38</v>
      </c>
      <c r="AG26082">
        <v>38</v>
      </c>
      <c r="AH26082">
        <v>38</v>
      </c>
      <c r="AI26082">
        <v>38</v>
      </c>
      <c r="AJ26082">
        <v>38</v>
      </c>
      <c r="AK26082">
        <v>38</v>
      </c>
      <c r="AL26082">
        <v>38</v>
      </c>
      <c r="AM26082">
        <v>37</v>
      </c>
      <c r="AN26082">
        <v>37</v>
      </c>
      <c r="AO26082">
        <v>36</v>
      </c>
      <c r="AP26082">
        <v>36</v>
      </c>
      <c r="AQ26082">
        <v>36</v>
      </c>
    </row>
    <row r="26083" spans="1:43">
      <c r="A26083" t="s">
        <v>16143</v>
      </c>
      <c r="B26083" t="s">
        <v>16144</v>
      </c>
      <c r="C26083" t="s">
        <v>16125</v>
      </c>
      <c r="D26083" t="s">
        <v>16126</v>
      </c>
      <c r="E26083" t="s">
        <v>16115</v>
      </c>
      <c r="F26083" t="s">
        <v>16116</v>
      </c>
      <c r="G26083" t="s">
        <v>10734</v>
      </c>
      <c r="H26083" t="s">
        <v>10735</v>
      </c>
      <c r="I26083" s="2">
        <v>1</v>
      </c>
      <c r="J26083" s="2">
        <v>0</v>
      </c>
      <c r="K26083" s="2">
        <v>0</v>
      </c>
      <c r="L26083" t="s">
        <v>120</v>
      </c>
      <c r="M26083" t="s">
        <v>87</v>
      </c>
      <c r="N26083" t="s">
        <v>88</v>
      </c>
      <c r="O26083" t="s">
        <v>85</v>
      </c>
      <c r="P26083" t="s">
        <v>86</v>
      </c>
      <c r="Q26083">
        <v>37</v>
      </c>
      <c r="R26083">
        <v>37</v>
      </c>
      <c r="S26083">
        <v>37</v>
      </c>
      <c r="T26083">
        <v>36</v>
      </c>
      <c r="U26083">
        <v>36</v>
      </c>
      <c r="V26083">
        <v>36</v>
      </c>
      <c r="W26083">
        <v>36</v>
      </c>
      <c r="X26083">
        <v>35</v>
      </c>
      <c r="Y26083">
        <v>35</v>
      </c>
      <c r="Z26083">
        <v>35</v>
      </c>
      <c r="AA26083">
        <v>35</v>
      </c>
      <c r="AB26083">
        <v>34</v>
      </c>
      <c r="AC26083">
        <v>34</v>
      </c>
      <c r="AD26083">
        <v>34</v>
      </c>
      <c r="AE26083">
        <v>34</v>
      </c>
      <c r="AF26083">
        <v>33</v>
      </c>
      <c r="AG26083">
        <v>33</v>
      </c>
      <c r="AH26083">
        <v>33</v>
      </c>
      <c r="AI26083">
        <v>33</v>
      </c>
      <c r="AJ26083">
        <v>33</v>
      </c>
      <c r="AK26083">
        <v>32</v>
      </c>
      <c r="AL26083">
        <v>32</v>
      </c>
      <c r="AM26083">
        <v>32</v>
      </c>
      <c r="AN26083">
        <v>32</v>
      </c>
      <c r="AO26083">
        <v>31</v>
      </c>
      <c r="AP26083">
        <v>31</v>
      </c>
      <c r="AQ26083">
        <v>31</v>
      </c>
    </row>
    <row r="26084" spans="1:43">
      <c r="A26084" t="s">
        <v>16143</v>
      </c>
      <c r="B26084" t="s">
        <v>16144</v>
      </c>
      <c r="C26084" t="s">
        <v>16125</v>
      </c>
      <c r="D26084" t="s">
        <v>16126</v>
      </c>
      <c r="E26084" t="s">
        <v>16115</v>
      </c>
      <c r="F26084" t="s">
        <v>16116</v>
      </c>
      <c r="G26084" t="s">
        <v>10734</v>
      </c>
      <c r="H26084" t="s">
        <v>10735</v>
      </c>
      <c r="I26084" s="2">
        <v>1</v>
      </c>
      <c r="J26084" s="2">
        <v>0</v>
      </c>
      <c r="K26084" s="2">
        <v>0</v>
      </c>
      <c r="L26084" t="s">
        <v>120</v>
      </c>
      <c r="M26084" t="s">
        <v>89</v>
      </c>
      <c r="N26084" t="s">
        <v>90</v>
      </c>
      <c r="O26084" t="s">
        <v>85</v>
      </c>
      <c r="P26084" t="s">
        <v>86</v>
      </c>
      <c r="Q26084">
        <v>37</v>
      </c>
      <c r="R26084">
        <v>37</v>
      </c>
      <c r="S26084">
        <v>38</v>
      </c>
      <c r="T26084">
        <v>38</v>
      </c>
      <c r="U26084">
        <v>38</v>
      </c>
      <c r="V26084">
        <v>39</v>
      </c>
      <c r="W26084">
        <v>39</v>
      </c>
      <c r="X26084">
        <v>39</v>
      </c>
      <c r="Y26084">
        <v>39</v>
      </c>
      <c r="Z26084">
        <v>39</v>
      </c>
      <c r="AA26084">
        <v>40</v>
      </c>
      <c r="AB26084">
        <v>40</v>
      </c>
      <c r="AC26084">
        <v>40</v>
      </c>
      <c r="AD26084">
        <v>40</v>
      </c>
      <c r="AE26084">
        <v>40</v>
      </c>
      <c r="AF26084">
        <v>39</v>
      </c>
      <c r="AG26084">
        <v>39</v>
      </c>
      <c r="AH26084">
        <v>39</v>
      </c>
      <c r="AI26084">
        <v>38</v>
      </c>
      <c r="AJ26084">
        <v>38</v>
      </c>
      <c r="AK26084">
        <v>37</v>
      </c>
      <c r="AL26084">
        <v>37</v>
      </c>
      <c r="AM26084">
        <v>37</v>
      </c>
      <c r="AN26084">
        <v>36</v>
      </c>
      <c r="AO26084">
        <v>36</v>
      </c>
      <c r="AP26084">
        <v>35</v>
      </c>
      <c r="AQ26084">
        <v>35</v>
      </c>
    </row>
    <row r="26085" spans="1:43">
      <c r="A26085" t="s">
        <v>16143</v>
      </c>
      <c r="B26085" t="s">
        <v>16144</v>
      </c>
      <c r="C26085" t="s">
        <v>16125</v>
      </c>
      <c r="D26085" t="s">
        <v>16126</v>
      </c>
      <c r="E26085" t="s">
        <v>16115</v>
      </c>
      <c r="F26085" t="s">
        <v>16116</v>
      </c>
      <c r="G26085" t="s">
        <v>10734</v>
      </c>
      <c r="H26085" t="s">
        <v>10735</v>
      </c>
      <c r="I26085" s="2">
        <v>1</v>
      </c>
      <c r="J26085" s="2">
        <v>0</v>
      </c>
      <c r="K26085" s="2">
        <v>0</v>
      </c>
      <c r="L26085" t="s">
        <v>120</v>
      </c>
      <c r="M26085" t="s">
        <v>83</v>
      </c>
      <c r="N26085" t="s">
        <v>91</v>
      </c>
      <c r="O26085" t="s">
        <v>85</v>
      </c>
      <c r="P26085" t="s">
        <v>86</v>
      </c>
      <c r="Q26085">
        <v>37</v>
      </c>
      <c r="R26085">
        <v>38</v>
      </c>
      <c r="S26085">
        <v>38</v>
      </c>
      <c r="T26085">
        <v>38</v>
      </c>
      <c r="U26085">
        <v>38</v>
      </c>
      <c r="V26085">
        <v>38</v>
      </c>
      <c r="W26085">
        <v>38</v>
      </c>
      <c r="X26085">
        <v>38</v>
      </c>
      <c r="Y26085">
        <v>38</v>
      </c>
      <c r="Z26085">
        <v>38</v>
      </c>
      <c r="AA26085">
        <v>38</v>
      </c>
      <c r="AB26085">
        <v>38</v>
      </c>
      <c r="AC26085">
        <v>38</v>
      </c>
      <c r="AD26085">
        <v>38</v>
      </c>
      <c r="AE26085">
        <v>38</v>
      </c>
      <c r="AF26085">
        <v>38</v>
      </c>
      <c r="AG26085">
        <v>38</v>
      </c>
      <c r="AH26085">
        <v>38</v>
      </c>
      <c r="AI26085">
        <v>38</v>
      </c>
      <c r="AJ26085">
        <v>38</v>
      </c>
      <c r="AK26085">
        <v>38</v>
      </c>
      <c r="AL26085">
        <v>38</v>
      </c>
      <c r="AM26085">
        <v>37</v>
      </c>
      <c r="AN26085">
        <v>37</v>
      </c>
      <c r="AO26085">
        <v>36</v>
      </c>
      <c r="AP26085">
        <v>36</v>
      </c>
      <c r="AQ26085">
        <v>36</v>
      </c>
    </row>
    <row r="26086" spans="1:43">
      <c r="A26086" t="s">
        <v>16145</v>
      </c>
      <c r="B26086" t="s">
        <v>16146</v>
      </c>
      <c r="C26086" t="s">
        <v>16129</v>
      </c>
      <c r="D26086" t="s">
        <v>16130</v>
      </c>
      <c r="E26086" t="s">
        <v>16115</v>
      </c>
      <c r="F26086" t="s">
        <v>16116</v>
      </c>
      <c r="G26086" t="s">
        <v>10734</v>
      </c>
      <c r="H26086" t="s">
        <v>10735</v>
      </c>
      <c r="I26086" s="2">
        <v>1</v>
      </c>
      <c r="J26086" s="2">
        <v>0</v>
      </c>
      <c r="K26086" s="2">
        <v>0</v>
      </c>
      <c r="L26086" t="s">
        <v>120</v>
      </c>
      <c r="M26086" t="s">
        <v>83</v>
      </c>
      <c r="N26086" t="s">
        <v>84</v>
      </c>
      <c r="O26086" t="s">
        <v>85</v>
      </c>
      <c r="P26086" t="s">
        <v>86</v>
      </c>
      <c r="Q26086">
        <v>12</v>
      </c>
      <c r="R26086">
        <v>12</v>
      </c>
      <c r="S26086">
        <v>12</v>
      </c>
      <c r="T26086">
        <v>12</v>
      </c>
      <c r="U26086">
        <v>12</v>
      </c>
      <c r="V26086">
        <v>12</v>
      </c>
      <c r="W26086">
        <v>12</v>
      </c>
      <c r="X26086">
        <v>12</v>
      </c>
      <c r="Y26086">
        <v>12</v>
      </c>
      <c r="Z26086">
        <v>12</v>
      </c>
      <c r="AA26086">
        <v>12</v>
      </c>
      <c r="AB26086">
        <v>12</v>
      </c>
      <c r="AC26086">
        <v>12</v>
      </c>
      <c r="AD26086">
        <v>12</v>
      </c>
      <c r="AE26086">
        <v>12</v>
      </c>
      <c r="AF26086">
        <v>12</v>
      </c>
      <c r="AG26086">
        <v>12</v>
      </c>
      <c r="AH26086">
        <v>12</v>
      </c>
      <c r="AI26086">
        <v>12</v>
      </c>
      <c r="AJ26086">
        <v>12</v>
      </c>
      <c r="AK26086">
        <v>12</v>
      </c>
      <c r="AL26086">
        <v>12</v>
      </c>
      <c r="AM26086">
        <v>12</v>
      </c>
      <c r="AN26086">
        <v>12</v>
      </c>
      <c r="AO26086">
        <v>12</v>
      </c>
      <c r="AP26086">
        <v>12</v>
      </c>
      <c r="AQ26086">
        <v>12</v>
      </c>
    </row>
    <row r="26087" spans="1:43">
      <c r="A26087" t="s">
        <v>16145</v>
      </c>
      <c r="B26087" t="s">
        <v>16146</v>
      </c>
      <c r="C26087" t="s">
        <v>16129</v>
      </c>
      <c r="D26087" t="s">
        <v>16130</v>
      </c>
      <c r="E26087" t="s">
        <v>16115</v>
      </c>
      <c r="F26087" t="s">
        <v>16116</v>
      </c>
      <c r="G26087" t="s">
        <v>10734</v>
      </c>
      <c r="H26087" t="s">
        <v>10735</v>
      </c>
      <c r="I26087" s="2">
        <v>1</v>
      </c>
      <c r="J26087" s="2">
        <v>0</v>
      </c>
      <c r="K26087" s="2">
        <v>0</v>
      </c>
      <c r="L26087" t="s">
        <v>120</v>
      </c>
      <c r="M26087" t="s">
        <v>87</v>
      </c>
      <c r="N26087" t="s">
        <v>88</v>
      </c>
      <c r="O26087" t="s">
        <v>85</v>
      </c>
      <c r="P26087" t="s">
        <v>86</v>
      </c>
      <c r="Q26087">
        <v>12</v>
      </c>
      <c r="R26087">
        <v>12</v>
      </c>
      <c r="S26087">
        <v>12</v>
      </c>
      <c r="T26087">
        <v>12</v>
      </c>
      <c r="U26087">
        <v>12</v>
      </c>
      <c r="V26087">
        <v>12</v>
      </c>
      <c r="W26087">
        <v>12</v>
      </c>
      <c r="X26087">
        <v>11</v>
      </c>
      <c r="Y26087">
        <v>11</v>
      </c>
      <c r="Z26087">
        <v>11</v>
      </c>
      <c r="AA26087">
        <v>11</v>
      </c>
      <c r="AB26087">
        <v>11</v>
      </c>
      <c r="AC26087">
        <v>11</v>
      </c>
      <c r="AD26087">
        <v>11</v>
      </c>
      <c r="AE26087">
        <v>11</v>
      </c>
      <c r="AF26087">
        <v>11</v>
      </c>
      <c r="AG26087">
        <v>11</v>
      </c>
      <c r="AH26087">
        <v>11</v>
      </c>
      <c r="AI26087">
        <v>11</v>
      </c>
      <c r="AJ26087">
        <v>11</v>
      </c>
      <c r="AK26087">
        <v>11</v>
      </c>
      <c r="AL26087">
        <v>11</v>
      </c>
      <c r="AM26087">
        <v>10</v>
      </c>
      <c r="AN26087">
        <v>10</v>
      </c>
      <c r="AO26087">
        <v>10</v>
      </c>
      <c r="AP26087">
        <v>10</v>
      </c>
      <c r="AQ26087">
        <v>10</v>
      </c>
    </row>
    <row r="26088" spans="1:43">
      <c r="A26088" t="s">
        <v>16145</v>
      </c>
      <c r="B26088" t="s">
        <v>16146</v>
      </c>
      <c r="C26088" t="s">
        <v>16129</v>
      </c>
      <c r="D26088" t="s">
        <v>16130</v>
      </c>
      <c r="E26088" t="s">
        <v>16115</v>
      </c>
      <c r="F26088" t="s">
        <v>16116</v>
      </c>
      <c r="G26088" t="s">
        <v>10734</v>
      </c>
      <c r="H26088" t="s">
        <v>10735</v>
      </c>
      <c r="I26088" s="2">
        <v>1</v>
      </c>
      <c r="J26088" s="2">
        <v>0</v>
      </c>
      <c r="K26088" s="2">
        <v>0</v>
      </c>
      <c r="L26088" t="s">
        <v>120</v>
      </c>
      <c r="M26088" t="s">
        <v>89</v>
      </c>
      <c r="N26088" t="s">
        <v>90</v>
      </c>
      <c r="O26088" t="s">
        <v>85</v>
      </c>
      <c r="P26088" t="s">
        <v>86</v>
      </c>
      <c r="Q26088">
        <v>12</v>
      </c>
      <c r="R26088">
        <v>12</v>
      </c>
      <c r="S26088">
        <v>12</v>
      </c>
      <c r="T26088">
        <v>13</v>
      </c>
      <c r="U26088">
        <v>13</v>
      </c>
      <c r="V26088">
        <v>13</v>
      </c>
      <c r="W26088">
        <v>13</v>
      </c>
      <c r="X26088">
        <v>13</v>
      </c>
      <c r="Y26088">
        <v>13</v>
      </c>
      <c r="Z26088">
        <v>13</v>
      </c>
      <c r="AA26088">
        <v>13</v>
      </c>
      <c r="AB26088">
        <v>13</v>
      </c>
      <c r="AC26088">
        <v>13</v>
      </c>
      <c r="AD26088">
        <v>13</v>
      </c>
      <c r="AE26088">
        <v>13</v>
      </c>
      <c r="AF26088">
        <v>13</v>
      </c>
      <c r="AG26088">
        <v>13</v>
      </c>
      <c r="AH26088">
        <v>13</v>
      </c>
      <c r="AI26088">
        <v>13</v>
      </c>
      <c r="AJ26088">
        <v>13</v>
      </c>
      <c r="AK26088">
        <v>12</v>
      </c>
      <c r="AL26088">
        <v>12</v>
      </c>
      <c r="AM26088">
        <v>12</v>
      </c>
      <c r="AN26088">
        <v>12</v>
      </c>
      <c r="AO26088">
        <v>12</v>
      </c>
      <c r="AP26088">
        <v>12</v>
      </c>
      <c r="AQ26088">
        <v>12</v>
      </c>
    </row>
    <row r="26089" spans="1:43">
      <c r="A26089" t="s">
        <v>16145</v>
      </c>
      <c r="B26089" t="s">
        <v>16146</v>
      </c>
      <c r="C26089" t="s">
        <v>16129</v>
      </c>
      <c r="D26089" t="s">
        <v>16130</v>
      </c>
      <c r="E26089" t="s">
        <v>16115</v>
      </c>
      <c r="F26089" t="s">
        <v>16116</v>
      </c>
      <c r="G26089" t="s">
        <v>10734</v>
      </c>
      <c r="H26089" t="s">
        <v>10735</v>
      </c>
      <c r="I26089" s="2">
        <v>1</v>
      </c>
      <c r="J26089" s="2">
        <v>0</v>
      </c>
      <c r="K26089" s="2">
        <v>0</v>
      </c>
      <c r="L26089" t="s">
        <v>120</v>
      </c>
      <c r="M26089" t="s">
        <v>83</v>
      </c>
      <c r="N26089" t="s">
        <v>91</v>
      </c>
      <c r="O26089" t="s">
        <v>85</v>
      </c>
      <c r="P26089" t="s">
        <v>86</v>
      </c>
      <c r="Q26089">
        <v>12</v>
      </c>
      <c r="R26089">
        <v>12</v>
      </c>
      <c r="S26089">
        <v>12</v>
      </c>
      <c r="T26089">
        <v>12</v>
      </c>
      <c r="U26089">
        <v>12</v>
      </c>
      <c r="V26089">
        <v>12</v>
      </c>
      <c r="W26089">
        <v>12</v>
      </c>
      <c r="X26089">
        <v>12</v>
      </c>
      <c r="Y26089">
        <v>12</v>
      </c>
      <c r="Z26089">
        <v>12</v>
      </c>
      <c r="AA26089">
        <v>12</v>
      </c>
      <c r="AB26089">
        <v>12</v>
      </c>
      <c r="AC26089">
        <v>12</v>
      </c>
      <c r="AD26089">
        <v>12</v>
      </c>
      <c r="AE26089">
        <v>12</v>
      </c>
      <c r="AF26089">
        <v>12</v>
      </c>
      <c r="AG26089">
        <v>12</v>
      </c>
      <c r="AH26089">
        <v>12</v>
      </c>
      <c r="AI26089">
        <v>12</v>
      </c>
      <c r="AJ26089">
        <v>12</v>
      </c>
      <c r="AK26089">
        <v>12</v>
      </c>
      <c r="AL26089">
        <v>12</v>
      </c>
      <c r="AM26089">
        <v>12</v>
      </c>
      <c r="AN26089">
        <v>12</v>
      </c>
      <c r="AO26089">
        <v>12</v>
      </c>
      <c r="AP26089">
        <v>12</v>
      </c>
      <c r="AQ26089">
        <v>12</v>
      </c>
    </row>
    <row r="26090" spans="1:43">
      <c r="A26090" t="s">
        <v>16147</v>
      </c>
      <c r="B26090" t="s">
        <v>16148</v>
      </c>
      <c r="C26090" t="s">
        <v>16135</v>
      </c>
      <c r="D26090" t="s">
        <v>16136</v>
      </c>
      <c r="E26090" t="s">
        <v>16115</v>
      </c>
      <c r="F26090" t="s">
        <v>16116</v>
      </c>
      <c r="G26090" t="s">
        <v>10734</v>
      </c>
      <c r="H26090" t="s">
        <v>10735</v>
      </c>
      <c r="I26090" s="2">
        <v>1</v>
      </c>
      <c r="J26090" s="2">
        <v>0</v>
      </c>
      <c r="K26090" s="2">
        <v>0</v>
      </c>
      <c r="L26090" t="s">
        <v>120</v>
      </c>
      <c r="M26090" t="s">
        <v>83</v>
      </c>
      <c r="N26090" t="s">
        <v>84</v>
      </c>
      <c r="O26090" t="s">
        <v>85</v>
      </c>
      <c r="P26090" t="s">
        <v>86</v>
      </c>
      <c r="Q26090">
        <v>12</v>
      </c>
      <c r="R26090">
        <v>12</v>
      </c>
      <c r="S26090">
        <v>12</v>
      </c>
      <c r="T26090">
        <v>12</v>
      </c>
      <c r="U26090">
        <v>12</v>
      </c>
      <c r="V26090">
        <v>12</v>
      </c>
      <c r="W26090">
        <v>12</v>
      </c>
      <c r="X26090">
        <v>12</v>
      </c>
      <c r="Y26090">
        <v>12</v>
      </c>
      <c r="Z26090">
        <v>12</v>
      </c>
      <c r="AA26090">
        <v>12</v>
      </c>
      <c r="AB26090">
        <v>12</v>
      </c>
      <c r="AC26090">
        <v>12</v>
      </c>
      <c r="AD26090">
        <v>12</v>
      </c>
      <c r="AE26090">
        <v>12</v>
      </c>
      <c r="AF26090">
        <v>13</v>
      </c>
      <c r="AG26090">
        <v>13</v>
      </c>
      <c r="AH26090">
        <v>12</v>
      </c>
      <c r="AI26090">
        <v>12</v>
      </c>
      <c r="AJ26090">
        <v>12</v>
      </c>
      <c r="AK26090">
        <v>12</v>
      </c>
      <c r="AL26090">
        <v>12</v>
      </c>
      <c r="AM26090">
        <v>12</v>
      </c>
      <c r="AN26090">
        <v>12</v>
      </c>
      <c r="AO26090">
        <v>12</v>
      </c>
      <c r="AP26090">
        <v>12</v>
      </c>
      <c r="AQ26090">
        <v>12</v>
      </c>
    </row>
    <row r="26091" spans="1:43">
      <c r="A26091" t="s">
        <v>16147</v>
      </c>
      <c r="B26091" t="s">
        <v>16148</v>
      </c>
      <c r="C26091" t="s">
        <v>16135</v>
      </c>
      <c r="D26091" t="s">
        <v>16136</v>
      </c>
      <c r="E26091" t="s">
        <v>16115</v>
      </c>
      <c r="F26091" t="s">
        <v>16116</v>
      </c>
      <c r="G26091" t="s">
        <v>10734</v>
      </c>
      <c r="H26091" t="s">
        <v>10735</v>
      </c>
      <c r="I26091" s="2">
        <v>1</v>
      </c>
      <c r="J26091" s="2">
        <v>0</v>
      </c>
      <c r="K26091" s="2">
        <v>0</v>
      </c>
      <c r="L26091" t="s">
        <v>120</v>
      </c>
      <c r="M26091" t="s">
        <v>87</v>
      </c>
      <c r="N26091" t="s">
        <v>88</v>
      </c>
      <c r="O26091" t="s">
        <v>85</v>
      </c>
      <c r="P26091" t="s">
        <v>86</v>
      </c>
      <c r="Q26091">
        <v>12</v>
      </c>
      <c r="R26091">
        <v>12</v>
      </c>
      <c r="S26091">
        <v>12</v>
      </c>
      <c r="T26091">
        <v>12</v>
      </c>
      <c r="U26091">
        <v>12</v>
      </c>
      <c r="V26091">
        <v>12</v>
      </c>
      <c r="W26091">
        <v>12</v>
      </c>
      <c r="X26091">
        <v>12</v>
      </c>
      <c r="Y26091">
        <v>12</v>
      </c>
      <c r="Z26091">
        <v>11</v>
      </c>
      <c r="AA26091">
        <v>11</v>
      </c>
      <c r="AB26091">
        <v>11</v>
      </c>
      <c r="AC26091">
        <v>11</v>
      </c>
      <c r="AD26091">
        <v>11</v>
      </c>
      <c r="AE26091">
        <v>11</v>
      </c>
      <c r="AF26091">
        <v>11</v>
      </c>
      <c r="AG26091">
        <v>11</v>
      </c>
      <c r="AH26091">
        <v>11</v>
      </c>
      <c r="AI26091">
        <v>11</v>
      </c>
      <c r="AJ26091">
        <v>11</v>
      </c>
      <c r="AK26091">
        <v>11</v>
      </c>
      <c r="AL26091">
        <v>11</v>
      </c>
      <c r="AM26091">
        <v>11</v>
      </c>
      <c r="AN26091">
        <v>11</v>
      </c>
      <c r="AO26091">
        <v>10</v>
      </c>
      <c r="AP26091">
        <v>10</v>
      </c>
      <c r="AQ26091">
        <v>10</v>
      </c>
    </row>
    <row r="26092" spans="1:43">
      <c r="A26092" t="s">
        <v>16147</v>
      </c>
      <c r="B26092" t="s">
        <v>16148</v>
      </c>
      <c r="C26092" t="s">
        <v>16135</v>
      </c>
      <c r="D26092" t="s">
        <v>16136</v>
      </c>
      <c r="E26092" t="s">
        <v>16115</v>
      </c>
      <c r="F26092" t="s">
        <v>16116</v>
      </c>
      <c r="G26092" t="s">
        <v>10734</v>
      </c>
      <c r="H26092" t="s">
        <v>10735</v>
      </c>
      <c r="I26092" s="2">
        <v>1</v>
      </c>
      <c r="J26092" s="2">
        <v>0</v>
      </c>
      <c r="K26092" s="2">
        <v>0</v>
      </c>
      <c r="L26092" t="s">
        <v>120</v>
      </c>
      <c r="M26092" t="s">
        <v>89</v>
      </c>
      <c r="N26092" t="s">
        <v>90</v>
      </c>
      <c r="O26092" t="s">
        <v>85</v>
      </c>
      <c r="P26092" t="s">
        <v>86</v>
      </c>
      <c r="Q26092">
        <v>12</v>
      </c>
      <c r="R26092">
        <v>12</v>
      </c>
      <c r="S26092">
        <v>13</v>
      </c>
      <c r="T26092">
        <v>13</v>
      </c>
      <c r="U26092">
        <v>13</v>
      </c>
      <c r="V26092">
        <v>13</v>
      </c>
      <c r="W26092">
        <v>13</v>
      </c>
      <c r="X26092">
        <v>13</v>
      </c>
      <c r="Y26092">
        <v>13</v>
      </c>
      <c r="Z26092">
        <v>13</v>
      </c>
      <c r="AA26092">
        <v>13</v>
      </c>
      <c r="AB26092">
        <v>13</v>
      </c>
      <c r="AC26092">
        <v>13</v>
      </c>
      <c r="AD26092">
        <v>13</v>
      </c>
      <c r="AE26092">
        <v>13</v>
      </c>
      <c r="AF26092">
        <v>13</v>
      </c>
      <c r="AG26092">
        <v>13</v>
      </c>
      <c r="AH26092">
        <v>13</v>
      </c>
      <c r="AI26092">
        <v>13</v>
      </c>
      <c r="AJ26092">
        <v>13</v>
      </c>
      <c r="AK26092">
        <v>13</v>
      </c>
      <c r="AL26092">
        <v>13</v>
      </c>
      <c r="AM26092">
        <v>12</v>
      </c>
      <c r="AN26092">
        <v>12</v>
      </c>
      <c r="AO26092">
        <v>12</v>
      </c>
      <c r="AP26092">
        <v>12</v>
      </c>
      <c r="AQ26092">
        <v>12</v>
      </c>
    </row>
    <row r="26093" spans="1:43">
      <c r="A26093" t="s">
        <v>16147</v>
      </c>
      <c r="B26093" t="s">
        <v>16148</v>
      </c>
      <c r="C26093" t="s">
        <v>16135</v>
      </c>
      <c r="D26093" t="s">
        <v>16136</v>
      </c>
      <c r="E26093" t="s">
        <v>16115</v>
      </c>
      <c r="F26093" t="s">
        <v>16116</v>
      </c>
      <c r="G26093" t="s">
        <v>10734</v>
      </c>
      <c r="H26093" t="s">
        <v>10735</v>
      </c>
      <c r="I26093" s="2">
        <v>1</v>
      </c>
      <c r="J26093" s="2">
        <v>0</v>
      </c>
      <c r="K26093" s="2">
        <v>0</v>
      </c>
      <c r="L26093" t="s">
        <v>120</v>
      </c>
      <c r="M26093" t="s">
        <v>83</v>
      </c>
      <c r="N26093" t="s">
        <v>91</v>
      </c>
      <c r="O26093" t="s">
        <v>85</v>
      </c>
      <c r="P26093" t="s">
        <v>86</v>
      </c>
      <c r="Q26093">
        <v>12</v>
      </c>
      <c r="R26093">
        <v>12</v>
      </c>
      <c r="S26093">
        <v>12</v>
      </c>
      <c r="T26093">
        <v>12</v>
      </c>
      <c r="U26093">
        <v>12</v>
      </c>
      <c r="V26093">
        <v>12</v>
      </c>
      <c r="W26093">
        <v>12</v>
      </c>
      <c r="X26093">
        <v>12</v>
      </c>
      <c r="Y26093">
        <v>12</v>
      </c>
      <c r="Z26093">
        <v>12</v>
      </c>
      <c r="AA26093">
        <v>12</v>
      </c>
      <c r="AB26093">
        <v>12</v>
      </c>
      <c r="AC26093">
        <v>12</v>
      </c>
      <c r="AD26093">
        <v>12</v>
      </c>
      <c r="AE26093">
        <v>12</v>
      </c>
      <c r="AF26093">
        <v>13</v>
      </c>
      <c r="AG26093">
        <v>13</v>
      </c>
      <c r="AH26093">
        <v>12</v>
      </c>
      <c r="AI26093">
        <v>12</v>
      </c>
      <c r="AJ26093">
        <v>12</v>
      </c>
      <c r="AK26093">
        <v>12</v>
      </c>
      <c r="AL26093">
        <v>12</v>
      </c>
      <c r="AM26093">
        <v>12</v>
      </c>
      <c r="AN26093">
        <v>12</v>
      </c>
      <c r="AO26093">
        <v>12</v>
      </c>
      <c r="AP26093">
        <v>12</v>
      </c>
      <c r="AQ26093">
        <v>12</v>
      </c>
    </row>
    <row r="26094" spans="1:43">
      <c r="A26094" t="s">
        <v>16149</v>
      </c>
      <c r="B26094" t="s">
        <v>16150</v>
      </c>
      <c r="C26094" t="s">
        <v>16113</v>
      </c>
      <c r="D26094" t="s">
        <v>16114</v>
      </c>
      <c r="E26094" t="s">
        <v>16115</v>
      </c>
      <c r="F26094" t="s">
        <v>16116</v>
      </c>
      <c r="G26094" t="s">
        <v>10734</v>
      </c>
      <c r="H26094" t="s">
        <v>10735</v>
      </c>
      <c r="I26094" s="2">
        <v>1</v>
      </c>
      <c r="J26094" s="2">
        <v>0</v>
      </c>
      <c r="K26094" s="2">
        <v>0</v>
      </c>
      <c r="L26094" t="s">
        <v>120</v>
      </c>
      <c r="M26094" t="s">
        <v>83</v>
      </c>
      <c r="N26094" t="s">
        <v>84</v>
      </c>
      <c r="O26094" t="s">
        <v>85</v>
      </c>
      <c r="P26094" t="s">
        <v>86</v>
      </c>
      <c r="Q26094">
        <v>2</v>
      </c>
      <c r="R26094">
        <v>2</v>
      </c>
      <c r="S26094">
        <v>2</v>
      </c>
      <c r="T26094">
        <v>2</v>
      </c>
      <c r="U26094">
        <v>2</v>
      </c>
      <c r="V26094">
        <v>2</v>
      </c>
      <c r="W26094">
        <v>2</v>
      </c>
      <c r="X26094">
        <v>2</v>
      </c>
      <c r="Y26094">
        <v>2</v>
      </c>
      <c r="Z26094">
        <v>2</v>
      </c>
      <c r="AA26094">
        <v>2</v>
      </c>
      <c r="AB26094">
        <v>2</v>
      </c>
      <c r="AC26094">
        <v>2</v>
      </c>
      <c r="AD26094">
        <v>2</v>
      </c>
      <c r="AE26094">
        <v>2</v>
      </c>
      <c r="AF26094">
        <v>2</v>
      </c>
      <c r="AG26094">
        <v>2</v>
      </c>
      <c r="AH26094">
        <v>2</v>
      </c>
      <c r="AI26094">
        <v>2</v>
      </c>
      <c r="AJ26094">
        <v>2</v>
      </c>
      <c r="AK26094">
        <v>2</v>
      </c>
      <c r="AL26094">
        <v>2</v>
      </c>
      <c r="AM26094">
        <v>2</v>
      </c>
      <c r="AN26094">
        <v>2</v>
      </c>
      <c r="AO26094">
        <v>2</v>
      </c>
      <c r="AP26094">
        <v>2</v>
      </c>
      <c r="AQ26094">
        <v>2</v>
      </c>
    </row>
    <row r="26095" spans="1:43">
      <c r="A26095" t="s">
        <v>16149</v>
      </c>
      <c r="B26095" t="s">
        <v>16150</v>
      </c>
      <c r="C26095" t="s">
        <v>16113</v>
      </c>
      <c r="D26095" t="s">
        <v>16114</v>
      </c>
      <c r="E26095" t="s">
        <v>16115</v>
      </c>
      <c r="F26095" t="s">
        <v>16116</v>
      </c>
      <c r="G26095" t="s">
        <v>10734</v>
      </c>
      <c r="H26095" t="s">
        <v>10735</v>
      </c>
      <c r="I26095" s="2">
        <v>1</v>
      </c>
      <c r="J26095" s="2">
        <v>0</v>
      </c>
      <c r="K26095" s="2">
        <v>0</v>
      </c>
      <c r="L26095" t="s">
        <v>120</v>
      </c>
      <c r="M26095" t="s">
        <v>87</v>
      </c>
      <c r="N26095" t="s">
        <v>88</v>
      </c>
      <c r="O26095" t="s">
        <v>85</v>
      </c>
      <c r="P26095" t="s">
        <v>86</v>
      </c>
      <c r="Q26095">
        <v>2</v>
      </c>
      <c r="R26095">
        <v>2</v>
      </c>
      <c r="S26095">
        <v>2</v>
      </c>
      <c r="T26095">
        <v>2</v>
      </c>
      <c r="U26095">
        <v>2</v>
      </c>
      <c r="V26095">
        <v>2</v>
      </c>
      <c r="W26095">
        <v>2</v>
      </c>
      <c r="X26095">
        <v>2</v>
      </c>
      <c r="Y26095">
        <v>2</v>
      </c>
      <c r="Z26095">
        <v>2</v>
      </c>
      <c r="AA26095">
        <v>2</v>
      </c>
      <c r="AB26095">
        <v>2</v>
      </c>
      <c r="AC26095">
        <v>2</v>
      </c>
      <c r="AD26095">
        <v>2</v>
      </c>
      <c r="AE26095">
        <v>2</v>
      </c>
      <c r="AF26095">
        <v>2</v>
      </c>
      <c r="AG26095">
        <v>2</v>
      </c>
      <c r="AH26095">
        <v>2</v>
      </c>
      <c r="AI26095">
        <v>2</v>
      </c>
      <c r="AJ26095">
        <v>2</v>
      </c>
      <c r="AK26095">
        <v>2</v>
      </c>
      <c r="AL26095">
        <v>2</v>
      </c>
      <c r="AM26095">
        <v>2</v>
      </c>
      <c r="AN26095">
        <v>2</v>
      </c>
      <c r="AO26095">
        <v>2</v>
      </c>
      <c r="AP26095">
        <v>2</v>
      </c>
      <c r="AQ26095">
        <v>2</v>
      </c>
    </row>
    <row r="26096" spans="1:43">
      <c r="A26096" t="s">
        <v>16149</v>
      </c>
      <c r="B26096" t="s">
        <v>16150</v>
      </c>
      <c r="C26096" t="s">
        <v>16113</v>
      </c>
      <c r="D26096" t="s">
        <v>16114</v>
      </c>
      <c r="E26096" t="s">
        <v>16115</v>
      </c>
      <c r="F26096" t="s">
        <v>16116</v>
      </c>
      <c r="G26096" t="s">
        <v>10734</v>
      </c>
      <c r="H26096" t="s">
        <v>10735</v>
      </c>
      <c r="I26096" s="2">
        <v>1</v>
      </c>
      <c r="J26096" s="2">
        <v>0</v>
      </c>
      <c r="K26096" s="2">
        <v>0</v>
      </c>
      <c r="L26096" t="s">
        <v>120</v>
      </c>
      <c r="M26096" t="s">
        <v>89</v>
      </c>
      <c r="N26096" t="s">
        <v>90</v>
      </c>
      <c r="O26096" t="s">
        <v>85</v>
      </c>
      <c r="P26096" t="s">
        <v>86</v>
      </c>
      <c r="Q26096">
        <v>2</v>
      </c>
      <c r="R26096">
        <v>2</v>
      </c>
      <c r="S26096">
        <v>2</v>
      </c>
      <c r="T26096">
        <v>2</v>
      </c>
      <c r="U26096">
        <v>2</v>
      </c>
      <c r="V26096">
        <v>2</v>
      </c>
      <c r="W26096">
        <v>2</v>
      </c>
      <c r="X26096">
        <v>2</v>
      </c>
      <c r="Y26096">
        <v>2</v>
      </c>
      <c r="Z26096">
        <v>2</v>
      </c>
      <c r="AA26096">
        <v>2</v>
      </c>
      <c r="AB26096">
        <v>2</v>
      </c>
      <c r="AC26096">
        <v>2</v>
      </c>
      <c r="AD26096">
        <v>2</v>
      </c>
      <c r="AE26096">
        <v>2</v>
      </c>
      <c r="AF26096">
        <v>2</v>
      </c>
      <c r="AG26096">
        <v>2</v>
      </c>
      <c r="AH26096">
        <v>2</v>
      </c>
      <c r="AI26096">
        <v>2</v>
      </c>
      <c r="AJ26096">
        <v>2</v>
      </c>
      <c r="AK26096">
        <v>2</v>
      </c>
      <c r="AL26096">
        <v>2</v>
      </c>
      <c r="AM26096">
        <v>2</v>
      </c>
      <c r="AN26096">
        <v>2</v>
      </c>
      <c r="AO26096">
        <v>2</v>
      </c>
      <c r="AP26096">
        <v>2</v>
      </c>
      <c r="AQ26096">
        <v>2</v>
      </c>
    </row>
    <row r="26097" spans="1:43">
      <c r="A26097" t="s">
        <v>16149</v>
      </c>
      <c r="B26097" t="s">
        <v>16150</v>
      </c>
      <c r="C26097" t="s">
        <v>16113</v>
      </c>
      <c r="D26097" t="s">
        <v>16114</v>
      </c>
      <c r="E26097" t="s">
        <v>16115</v>
      </c>
      <c r="F26097" t="s">
        <v>16116</v>
      </c>
      <c r="G26097" t="s">
        <v>10734</v>
      </c>
      <c r="H26097" t="s">
        <v>10735</v>
      </c>
      <c r="I26097" s="2">
        <v>1</v>
      </c>
      <c r="J26097" s="2">
        <v>0</v>
      </c>
      <c r="K26097" s="2">
        <v>0</v>
      </c>
      <c r="L26097" t="s">
        <v>120</v>
      </c>
      <c r="M26097" t="s">
        <v>83</v>
      </c>
      <c r="N26097" t="s">
        <v>91</v>
      </c>
      <c r="O26097" t="s">
        <v>85</v>
      </c>
      <c r="P26097" t="s">
        <v>86</v>
      </c>
      <c r="Q26097">
        <v>2</v>
      </c>
      <c r="R26097">
        <v>2</v>
      </c>
      <c r="S26097">
        <v>2</v>
      </c>
      <c r="T26097">
        <v>2</v>
      </c>
      <c r="U26097">
        <v>2</v>
      </c>
      <c r="V26097">
        <v>2</v>
      </c>
      <c r="W26097">
        <v>2</v>
      </c>
      <c r="X26097">
        <v>2</v>
      </c>
      <c r="Y26097">
        <v>2</v>
      </c>
      <c r="Z26097">
        <v>2</v>
      </c>
      <c r="AA26097">
        <v>2</v>
      </c>
      <c r="AB26097">
        <v>2</v>
      </c>
      <c r="AC26097">
        <v>2</v>
      </c>
      <c r="AD26097">
        <v>2</v>
      </c>
      <c r="AE26097">
        <v>2</v>
      </c>
      <c r="AF26097">
        <v>2</v>
      </c>
      <c r="AG26097">
        <v>2</v>
      </c>
      <c r="AH26097">
        <v>2</v>
      </c>
      <c r="AI26097">
        <v>2</v>
      </c>
      <c r="AJ26097">
        <v>2</v>
      </c>
      <c r="AK26097">
        <v>2</v>
      </c>
      <c r="AL26097">
        <v>2</v>
      </c>
      <c r="AM26097">
        <v>2</v>
      </c>
      <c r="AN26097">
        <v>2</v>
      </c>
      <c r="AO26097">
        <v>2</v>
      </c>
      <c r="AP26097">
        <v>2</v>
      </c>
      <c r="AQ26097">
        <v>2</v>
      </c>
    </row>
    <row r="26098" spans="1:43">
      <c r="A26098" t="s">
        <v>16151</v>
      </c>
      <c r="B26098" t="s">
        <v>16152</v>
      </c>
      <c r="C26098" t="s">
        <v>16113</v>
      </c>
      <c r="D26098" t="s">
        <v>16114</v>
      </c>
      <c r="E26098" t="s">
        <v>16115</v>
      </c>
      <c r="F26098" t="s">
        <v>16116</v>
      </c>
      <c r="G26098" t="s">
        <v>10734</v>
      </c>
      <c r="H26098" t="s">
        <v>10735</v>
      </c>
      <c r="I26098" s="2">
        <v>1</v>
      </c>
      <c r="J26098" s="2">
        <v>0</v>
      </c>
      <c r="K26098" s="2">
        <v>0</v>
      </c>
      <c r="L26098" t="s">
        <v>120</v>
      </c>
      <c r="M26098" t="s">
        <v>83</v>
      </c>
      <c r="N26098" t="s">
        <v>84</v>
      </c>
      <c r="O26098" t="s">
        <v>85</v>
      </c>
      <c r="P26098" t="s">
        <v>86</v>
      </c>
      <c r="Q26098">
        <v>9</v>
      </c>
      <c r="R26098">
        <v>9</v>
      </c>
      <c r="S26098">
        <v>9</v>
      </c>
      <c r="T26098">
        <v>9</v>
      </c>
      <c r="U26098">
        <v>9</v>
      </c>
      <c r="V26098">
        <v>9</v>
      </c>
      <c r="W26098">
        <v>9</v>
      </c>
      <c r="X26098">
        <v>9</v>
      </c>
      <c r="Y26098">
        <v>9</v>
      </c>
      <c r="Z26098">
        <v>9</v>
      </c>
      <c r="AA26098">
        <v>9</v>
      </c>
      <c r="AB26098">
        <v>9</v>
      </c>
      <c r="AC26098">
        <v>9</v>
      </c>
      <c r="AD26098">
        <v>9</v>
      </c>
      <c r="AE26098">
        <v>9</v>
      </c>
      <c r="AF26098">
        <v>9</v>
      </c>
      <c r="AG26098">
        <v>9</v>
      </c>
      <c r="AH26098">
        <v>9</v>
      </c>
      <c r="AI26098">
        <v>9</v>
      </c>
      <c r="AJ26098">
        <v>9</v>
      </c>
      <c r="AK26098">
        <v>9</v>
      </c>
      <c r="AL26098">
        <v>9</v>
      </c>
      <c r="AM26098">
        <v>9</v>
      </c>
      <c r="AN26098">
        <v>9</v>
      </c>
      <c r="AO26098">
        <v>9</v>
      </c>
      <c r="AP26098">
        <v>9</v>
      </c>
      <c r="AQ26098">
        <v>8</v>
      </c>
    </row>
    <row r="26099" spans="1:43">
      <c r="A26099" t="s">
        <v>16151</v>
      </c>
      <c r="B26099" t="s">
        <v>16152</v>
      </c>
      <c r="C26099" t="s">
        <v>16113</v>
      </c>
      <c r="D26099" t="s">
        <v>16114</v>
      </c>
      <c r="E26099" t="s">
        <v>16115</v>
      </c>
      <c r="F26099" t="s">
        <v>16116</v>
      </c>
      <c r="G26099" t="s">
        <v>10734</v>
      </c>
      <c r="H26099" t="s">
        <v>10735</v>
      </c>
      <c r="I26099" s="2">
        <v>1</v>
      </c>
      <c r="J26099" s="2">
        <v>0</v>
      </c>
      <c r="K26099" s="2">
        <v>0</v>
      </c>
      <c r="L26099" t="s">
        <v>120</v>
      </c>
      <c r="M26099" t="s">
        <v>87</v>
      </c>
      <c r="N26099" t="s">
        <v>88</v>
      </c>
      <c r="O26099" t="s">
        <v>85</v>
      </c>
      <c r="P26099" t="s">
        <v>86</v>
      </c>
      <c r="Q26099">
        <v>9</v>
      </c>
      <c r="R26099">
        <v>9</v>
      </c>
      <c r="S26099">
        <v>9</v>
      </c>
      <c r="T26099">
        <v>9</v>
      </c>
      <c r="U26099">
        <v>8</v>
      </c>
      <c r="V26099">
        <v>8</v>
      </c>
      <c r="W26099">
        <v>8</v>
      </c>
      <c r="X26099">
        <v>8</v>
      </c>
      <c r="Y26099">
        <v>8</v>
      </c>
      <c r="Z26099">
        <v>8</v>
      </c>
      <c r="AA26099">
        <v>8</v>
      </c>
      <c r="AB26099">
        <v>8</v>
      </c>
      <c r="AC26099">
        <v>8</v>
      </c>
      <c r="AD26099">
        <v>8</v>
      </c>
      <c r="AE26099">
        <v>8</v>
      </c>
      <c r="AF26099">
        <v>8</v>
      </c>
      <c r="AG26099">
        <v>8</v>
      </c>
      <c r="AH26099">
        <v>8</v>
      </c>
      <c r="AI26099">
        <v>8</v>
      </c>
      <c r="AJ26099">
        <v>8</v>
      </c>
      <c r="AK26099">
        <v>8</v>
      </c>
      <c r="AL26099">
        <v>8</v>
      </c>
      <c r="AM26099">
        <v>8</v>
      </c>
      <c r="AN26099">
        <v>7</v>
      </c>
      <c r="AO26099">
        <v>7</v>
      </c>
      <c r="AP26099">
        <v>7</v>
      </c>
      <c r="AQ26099">
        <v>7</v>
      </c>
    </row>
    <row r="26100" spans="1:43">
      <c r="A26100" t="s">
        <v>16151</v>
      </c>
      <c r="B26100" t="s">
        <v>16152</v>
      </c>
      <c r="C26100" t="s">
        <v>16113</v>
      </c>
      <c r="D26100" t="s">
        <v>16114</v>
      </c>
      <c r="E26100" t="s">
        <v>16115</v>
      </c>
      <c r="F26100" t="s">
        <v>16116</v>
      </c>
      <c r="G26100" t="s">
        <v>10734</v>
      </c>
      <c r="H26100" t="s">
        <v>10735</v>
      </c>
      <c r="I26100" s="2">
        <v>1</v>
      </c>
      <c r="J26100" s="2">
        <v>0</v>
      </c>
      <c r="K26100" s="2">
        <v>0</v>
      </c>
      <c r="L26100" t="s">
        <v>120</v>
      </c>
      <c r="M26100" t="s">
        <v>89</v>
      </c>
      <c r="N26100" t="s">
        <v>90</v>
      </c>
      <c r="O26100" t="s">
        <v>85</v>
      </c>
      <c r="P26100" t="s">
        <v>86</v>
      </c>
      <c r="Q26100">
        <v>9</v>
      </c>
      <c r="R26100">
        <v>9</v>
      </c>
      <c r="S26100">
        <v>9</v>
      </c>
      <c r="T26100">
        <v>9</v>
      </c>
      <c r="U26100">
        <v>9</v>
      </c>
      <c r="V26100">
        <v>9</v>
      </c>
      <c r="W26100">
        <v>9</v>
      </c>
      <c r="X26100">
        <v>9</v>
      </c>
      <c r="Y26100">
        <v>9</v>
      </c>
      <c r="Z26100">
        <v>10</v>
      </c>
      <c r="AA26100">
        <v>10</v>
      </c>
      <c r="AB26100">
        <v>10</v>
      </c>
      <c r="AC26100">
        <v>10</v>
      </c>
      <c r="AD26100">
        <v>10</v>
      </c>
      <c r="AE26100">
        <v>10</v>
      </c>
      <c r="AF26100">
        <v>10</v>
      </c>
      <c r="AG26100">
        <v>9</v>
      </c>
      <c r="AH26100">
        <v>9</v>
      </c>
      <c r="AI26100">
        <v>9</v>
      </c>
      <c r="AJ26100">
        <v>9</v>
      </c>
      <c r="AK26100">
        <v>9</v>
      </c>
      <c r="AL26100">
        <v>9</v>
      </c>
      <c r="AM26100">
        <v>9</v>
      </c>
      <c r="AN26100">
        <v>9</v>
      </c>
      <c r="AO26100">
        <v>9</v>
      </c>
      <c r="AP26100">
        <v>9</v>
      </c>
      <c r="AQ26100">
        <v>9</v>
      </c>
    </row>
    <row r="26101" spans="1:43">
      <c r="A26101" t="s">
        <v>16151</v>
      </c>
      <c r="B26101" t="s">
        <v>16152</v>
      </c>
      <c r="C26101" t="s">
        <v>16113</v>
      </c>
      <c r="D26101" t="s">
        <v>16114</v>
      </c>
      <c r="E26101" t="s">
        <v>16115</v>
      </c>
      <c r="F26101" t="s">
        <v>16116</v>
      </c>
      <c r="G26101" t="s">
        <v>10734</v>
      </c>
      <c r="H26101" t="s">
        <v>10735</v>
      </c>
      <c r="I26101" s="2">
        <v>1</v>
      </c>
      <c r="J26101" s="2">
        <v>0</v>
      </c>
      <c r="K26101" s="2">
        <v>0</v>
      </c>
      <c r="L26101" t="s">
        <v>120</v>
      </c>
      <c r="M26101" t="s">
        <v>83</v>
      </c>
      <c r="N26101" t="s">
        <v>91</v>
      </c>
      <c r="O26101" t="s">
        <v>85</v>
      </c>
      <c r="P26101" t="s">
        <v>86</v>
      </c>
      <c r="Q26101">
        <v>9</v>
      </c>
      <c r="R26101">
        <v>9</v>
      </c>
      <c r="S26101">
        <v>9</v>
      </c>
      <c r="T26101">
        <v>9</v>
      </c>
      <c r="U26101">
        <v>9</v>
      </c>
      <c r="V26101">
        <v>9</v>
      </c>
      <c r="W26101">
        <v>9</v>
      </c>
      <c r="X26101">
        <v>9</v>
      </c>
      <c r="Y26101">
        <v>9</v>
      </c>
      <c r="Z26101">
        <v>9</v>
      </c>
      <c r="AA26101">
        <v>9</v>
      </c>
      <c r="AB26101">
        <v>9</v>
      </c>
      <c r="AC26101">
        <v>9</v>
      </c>
      <c r="AD26101">
        <v>9</v>
      </c>
      <c r="AE26101">
        <v>9</v>
      </c>
      <c r="AF26101">
        <v>9</v>
      </c>
      <c r="AG26101">
        <v>9</v>
      </c>
      <c r="AH26101">
        <v>9</v>
      </c>
      <c r="AI26101">
        <v>9</v>
      </c>
      <c r="AJ26101">
        <v>9</v>
      </c>
      <c r="AK26101">
        <v>9</v>
      </c>
      <c r="AL26101">
        <v>9</v>
      </c>
      <c r="AM26101">
        <v>9</v>
      </c>
      <c r="AN26101">
        <v>9</v>
      </c>
      <c r="AO26101">
        <v>9</v>
      </c>
      <c r="AP26101">
        <v>9</v>
      </c>
      <c r="AQ26101">
        <v>8</v>
      </c>
    </row>
    <row r="26102" spans="1:43">
      <c r="A26102" t="s">
        <v>16153</v>
      </c>
      <c r="B26102" t="s">
        <v>16154</v>
      </c>
      <c r="C26102" t="s">
        <v>16113</v>
      </c>
      <c r="D26102" t="s">
        <v>16114</v>
      </c>
      <c r="E26102" t="s">
        <v>16115</v>
      </c>
      <c r="F26102" t="s">
        <v>16116</v>
      </c>
      <c r="G26102" t="s">
        <v>10734</v>
      </c>
      <c r="H26102" t="s">
        <v>10735</v>
      </c>
      <c r="I26102" s="2">
        <v>1</v>
      </c>
      <c r="J26102" s="2">
        <v>0</v>
      </c>
      <c r="K26102" s="2">
        <v>0</v>
      </c>
      <c r="L26102" t="s">
        <v>120</v>
      </c>
      <c r="M26102" t="s">
        <v>83</v>
      </c>
      <c r="N26102" t="s">
        <v>84</v>
      </c>
      <c r="O26102" t="s">
        <v>85</v>
      </c>
      <c r="P26102" t="s">
        <v>86</v>
      </c>
      <c r="Q26102">
        <v>13</v>
      </c>
      <c r="R26102">
        <v>13</v>
      </c>
      <c r="S26102">
        <v>13</v>
      </c>
      <c r="T26102">
        <v>13</v>
      </c>
      <c r="U26102">
        <v>13</v>
      </c>
      <c r="V26102">
        <v>13</v>
      </c>
      <c r="W26102">
        <v>13</v>
      </c>
      <c r="X26102">
        <v>13</v>
      </c>
      <c r="Y26102">
        <v>13</v>
      </c>
      <c r="Z26102">
        <v>13</v>
      </c>
      <c r="AA26102">
        <v>13</v>
      </c>
      <c r="AB26102">
        <v>13</v>
      </c>
      <c r="AC26102">
        <v>13</v>
      </c>
      <c r="AD26102">
        <v>13</v>
      </c>
      <c r="AE26102">
        <v>13</v>
      </c>
      <c r="AF26102">
        <v>13</v>
      </c>
      <c r="AG26102">
        <v>13</v>
      </c>
      <c r="AH26102">
        <v>13</v>
      </c>
      <c r="AI26102">
        <v>13</v>
      </c>
      <c r="AJ26102">
        <v>13</v>
      </c>
      <c r="AK26102">
        <v>13</v>
      </c>
      <c r="AL26102">
        <v>13</v>
      </c>
      <c r="AM26102">
        <v>13</v>
      </c>
      <c r="AN26102">
        <v>13</v>
      </c>
      <c r="AO26102">
        <v>12</v>
      </c>
      <c r="AP26102">
        <v>12</v>
      </c>
      <c r="AQ26102">
        <v>12</v>
      </c>
    </row>
    <row r="26103" spans="1:43">
      <c r="A26103" t="s">
        <v>16153</v>
      </c>
      <c r="B26103" t="s">
        <v>16154</v>
      </c>
      <c r="C26103" t="s">
        <v>16113</v>
      </c>
      <c r="D26103" t="s">
        <v>16114</v>
      </c>
      <c r="E26103" t="s">
        <v>16115</v>
      </c>
      <c r="F26103" t="s">
        <v>16116</v>
      </c>
      <c r="G26103" t="s">
        <v>10734</v>
      </c>
      <c r="H26103" t="s">
        <v>10735</v>
      </c>
      <c r="I26103" s="2">
        <v>1</v>
      </c>
      <c r="J26103" s="2">
        <v>0</v>
      </c>
      <c r="K26103" s="2">
        <v>0</v>
      </c>
      <c r="L26103" t="s">
        <v>120</v>
      </c>
      <c r="M26103" t="s">
        <v>87</v>
      </c>
      <c r="N26103" t="s">
        <v>88</v>
      </c>
      <c r="O26103" t="s">
        <v>85</v>
      </c>
      <c r="P26103" t="s">
        <v>86</v>
      </c>
      <c r="Q26103">
        <v>13</v>
      </c>
      <c r="R26103">
        <v>13</v>
      </c>
      <c r="S26103">
        <v>13</v>
      </c>
      <c r="T26103">
        <v>12</v>
      </c>
      <c r="U26103">
        <v>12</v>
      </c>
      <c r="V26103">
        <v>12</v>
      </c>
      <c r="W26103">
        <v>12</v>
      </c>
      <c r="X26103">
        <v>12</v>
      </c>
      <c r="Y26103">
        <v>12</v>
      </c>
      <c r="Z26103">
        <v>12</v>
      </c>
      <c r="AA26103">
        <v>12</v>
      </c>
      <c r="AB26103">
        <v>12</v>
      </c>
      <c r="AC26103">
        <v>12</v>
      </c>
      <c r="AD26103">
        <v>12</v>
      </c>
      <c r="AE26103">
        <v>12</v>
      </c>
      <c r="AF26103">
        <v>11</v>
      </c>
      <c r="AG26103">
        <v>11</v>
      </c>
      <c r="AH26103">
        <v>11</v>
      </c>
      <c r="AI26103">
        <v>11</v>
      </c>
      <c r="AJ26103">
        <v>11</v>
      </c>
      <c r="AK26103">
        <v>11</v>
      </c>
      <c r="AL26103">
        <v>11</v>
      </c>
      <c r="AM26103">
        <v>11</v>
      </c>
      <c r="AN26103">
        <v>11</v>
      </c>
      <c r="AO26103">
        <v>11</v>
      </c>
      <c r="AP26103">
        <v>11</v>
      </c>
      <c r="AQ26103">
        <v>11</v>
      </c>
    </row>
    <row r="26104" spans="1:43">
      <c r="A26104" t="s">
        <v>16153</v>
      </c>
      <c r="B26104" t="s">
        <v>16154</v>
      </c>
      <c r="C26104" t="s">
        <v>16113</v>
      </c>
      <c r="D26104" t="s">
        <v>16114</v>
      </c>
      <c r="E26104" t="s">
        <v>16115</v>
      </c>
      <c r="F26104" t="s">
        <v>16116</v>
      </c>
      <c r="G26104" t="s">
        <v>10734</v>
      </c>
      <c r="H26104" t="s">
        <v>10735</v>
      </c>
      <c r="I26104" s="2">
        <v>1</v>
      </c>
      <c r="J26104" s="2">
        <v>0</v>
      </c>
      <c r="K26104" s="2">
        <v>0</v>
      </c>
      <c r="L26104" t="s">
        <v>120</v>
      </c>
      <c r="M26104" t="s">
        <v>89</v>
      </c>
      <c r="N26104" t="s">
        <v>90</v>
      </c>
      <c r="O26104" t="s">
        <v>85</v>
      </c>
      <c r="P26104" t="s">
        <v>86</v>
      </c>
      <c r="Q26104">
        <v>13</v>
      </c>
      <c r="R26104">
        <v>13</v>
      </c>
      <c r="S26104">
        <v>13</v>
      </c>
      <c r="T26104">
        <v>13</v>
      </c>
      <c r="U26104">
        <v>13</v>
      </c>
      <c r="V26104">
        <v>14</v>
      </c>
      <c r="W26104">
        <v>14</v>
      </c>
      <c r="X26104">
        <v>14</v>
      </c>
      <c r="Y26104">
        <v>14</v>
      </c>
      <c r="Z26104">
        <v>14</v>
      </c>
      <c r="AA26104">
        <v>14</v>
      </c>
      <c r="AB26104">
        <v>14</v>
      </c>
      <c r="AC26104">
        <v>14</v>
      </c>
      <c r="AD26104">
        <v>14</v>
      </c>
      <c r="AE26104">
        <v>14</v>
      </c>
      <c r="AF26104">
        <v>14</v>
      </c>
      <c r="AG26104">
        <v>14</v>
      </c>
      <c r="AH26104">
        <v>14</v>
      </c>
      <c r="AI26104">
        <v>13</v>
      </c>
      <c r="AJ26104">
        <v>13</v>
      </c>
      <c r="AK26104">
        <v>13</v>
      </c>
      <c r="AL26104">
        <v>13</v>
      </c>
      <c r="AM26104">
        <v>13</v>
      </c>
      <c r="AN26104">
        <v>13</v>
      </c>
      <c r="AO26104">
        <v>13</v>
      </c>
      <c r="AP26104">
        <v>12</v>
      </c>
      <c r="AQ26104">
        <v>12</v>
      </c>
    </row>
    <row r="26105" spans="1:43">
      <c r="A26105" t="s">
        <v>16153</v>
      </c>
      <c r="B26105" t="s">
        <v>16154</v>
      </c>
      <c r="C26105" t="s">
        <v>16113</v>
      </c>
      <c r="D26105" t="s">
        <v>16114</v>
      </c>
      <c r="E26105" t="s">
        <v>16115</v>
      </c>
      <c r="F26105" t="s">
        <v>16116</v>
      </c>
      <c r="G26105" t="s">
        <v>10734</v>
      </c>
      <c r="H26105" t="s">
        <v>10735</v>
      </c>
      <c r="I26105" s="2">
        <v>1</v>
      </c>
      <c r="J26105" s="2">
        <v>0</v>
      </c>
      <c r="K26105" s="2">
        <v>0</v>
      </c>
      <c r="L26105" t="s">
        <v>120</v>
      </c>
      <c r="M26105" t="s">
        <v>83</v>
      </c>
      <c r="N26105" t="s">
        <v>91</v>
      </c>
      <c r="O26105" t="s">
        <v>85</v>
      </c>
      <c r="P26105" t="s">
        <v>86</v>
      </c>
      <c r="Q26105">
        <v>13</v>
      </c>
      <c r="R26105">
        <v>13</v>
      </c>
      <c r="S26105">
        <v>13</v>
      </c>
      <c r="T26105">
        <v>13</v>
      </c>
      <c r="U26105">
        <v>13</v>
      </c>
      <c r="V26105">
        <v>13</v>
      </c>
      <c r="W26105">
        <v>13</v>
      </c>
      <c r="X26105">
        <v>13</v>
      </c>
      <c r="Y26105">
        <v>13</v>
      </c>
      <c r="Z26105">
        <v>13</v>
      </c>
      <c r="AA26105">
        <v>13</v>
      </c>
      <c r="AB26105">
        <v>13</v>
      </c>
      <c r="AC26105">
        <v>13</v>
      </c>
      <c r="AD26105">
        <v>13</v>
      </c>
      <c r="AE26105">
        <v>13</v>
      </c>
      <c r="AF26105">
        <v>13</v>
      </c>
      <c r="AG26105">
        <v>13</v>
      </c>
      <c r="AH26105">
        <v>13</v>
      </c>
      <c r="AI26105">
        <v>13</v>
      </c>
      <c r="AJ26105">
        <v>13</v>
      </c>
      <c r="AK26105">
        <v>13</v>
      </c>
      <c r="AL26105">
        <v>13</v>
      </c>
      <c r="AM26105">
        <v>13</v>
      </c>
      <c r="AN26105">
        <v>13</v>
      </c>
      <c r="AO26105">
        <v>12</v>
      </c>
      <c r="AP26105">
        <v>12</v>
      </c>
      <c r="AQ26105">
        <v>12</v>
      </c>
    </row>
    <row r="26106" spans="1:43">
      <c r="A26106" t="s">
        <v>16155</v>
      </c>
      <c r="B26106" t="s">
        <v>16156</v>
      </c>
      <c r="C26106" t="s">
        <v>16157</v>
      </c>
      <c r="D26106" t="s">
        <v>16158</v>
      </c>
      <c r="E26106" t="s">
        <v>16115</v>
      </c>
      <c r="F26106" t="s">
        <v>16116</v>
      </c>
      <c r="G26106" t="s">
        <v>10734</v>
      </c>
      <c r="H26106" t="s">
        <v>10735</v>
      </c>
      <c r="I26106" s="2">
        <v>1</v>
      </c>
      <c r="J26106" s="2">
        <v>0</v>
      </c>
      <c r="K26106" s="2">
        <v>0</v>
      </c>
      <c r="L26106" t="s">
        <v>120</v>
      </c>
      <c r="M26106" t="s">
        <v>83</v>
      </c>
      <c r="N26106" t="s">
        <v>84</v>
      </c>
      <c r="O26106" t="s">
        <v>85</v>
      </c>
      <c r="P26106" t="s">
        <v>86</v>
      </c>
      <c r="Q26106">
        <v>25</v>
      </c>
      <c r="R26106">
        <v>25</v>
      </c>
      <c r="S26106">
        <v>25</v>
      </c>
      <c r="T26106">
        <v>25</v>
      </c>
      <c r="U26106">
        <v>25</v>
      </c>
      <c r="V26106">
        <v>25</v>
      </c>
      <c r="W26106">
        <v>25</v>
      </c>
      <c r="X26106">
        <v>25</v>
      </c>
      <c r="Y26106">
        <v>25</v>
      </c>
      <c r="Z26106">
        <v>25</v>
      </c>
      <c r="AA26106">
        <v>25</v>
      </c>
      <c r="AB26106">
        <v>25</v>
      </c>
      <c r="AC26106">
        <v>25</v>
      </c>
      <c r="AD26106">
        <v>25</v>
      </c>
      <c r="AE26106">
        <v>25</v>
      </c>
      <c r="AF26106">
        <v>25</v>
      </c>
      <c r="AG26106">
        <v>25</v>
      </c>
      <c r="AH26106">
        <v>25</v>
      </c>
      <c r="AI26106">
        <v>25</v>
      </c>
      <c r="AJ26106">
        <v>25</v>
      </c>
      <c r="AK26106">
        <v>25</v>
      </c>
      <c r="AL26106">
        <v>25</v>
      </c>
      <c r="AM26106">
        <v>25</v>
      </c>
      <c r="AN26106">
        <v>25</v>
      </c>
      <c r="AO26106">
        <v>25</v>
      </c>
      <c r="AP26106">
        <v>24</v>
      </c>
      <c r="AQ26106">
        <v>24</v>
      </c>
    </row>
    <row r="26107" spans="1:43">
      <c r="A26107" t="s">
        <v>16155</v>
      </c>
      <c r="B26107" t="s">
        <v>16156</v>
      </c>
      <c r="C26107" t="s">
        <v>16157</v>
      </c>
      <c r="D26107" t="s">
        <v>16158</v>
      </c>
      <c r="E26107" t="s">
        <v>16115</v>
      </c>
      <c r="F26107" t="s">
        <v>16116</v>
      </c>
      <c r="G26107" t="s">
        <v>10734</v>
      </c>
      <c r="H26107" t="s">
        <v>10735</v>
      </c>
      <c r="I26107" s="2">
        <v>1</v>
      </c>
      <c r="J26107" s="2">
        <v>0</v>
      </c>
      <c r="K26107" s="2">
        <v>0</v>
      </c>
      <c r="L26107" t="s">
        <v>120</v>
      </c>
      <c r="M26107" t="s">
        <v>87</v>
      </c>
      <c r="N26107" t="s">
        <v>88</v>
      </c>
      <c r="O26107" t="s">
        <v>85</v>
      </c>
      <c r="P26107" t="s">
        <v>86</v>
      </c>
      <c r="Q26107">
        <v>25</v>
      </c>
      <c r="R26107">
        <v>25</v>
      </c>
      <c r="S26107">
        <v>25</v>
      </c>
      <c r="T26107">
        <v>25</v>
      </c>
      <c r="U26107">
        <v>25</v>
      </c>
      <c r="V26107">
        <v>25</v>
      </c>
      <c r="W26107">
        <v>25</v>
      </c>
      <c r="X26107">
        <v>24</v>
      </c>
      <c r="Y26107">
        <v>24</v>
      </c>
      <c r="Z26107">
        <v>24</v>
      </c>
      <c r="AA26107">
        <v>24</v>
      </c>
      <c r="AB26107">
        <v>24</v>
      </c>
      <c r="AC26107">
        <v>24</v>
      </c>
      <c r="AD26107">
        <v>24</v>
      </c>
      <c r="AE26107">
        <v>24</v>
      </c>
      <c r="AF26107">
        <v>23</v>
      </c>
      <c r="AG26107">
        <v>23</v>
      </c>
      <c r="AH26107">
        <v>23</v>
      </c>
      <c r="AI26107">
        <v>23</v>
      </c>
      <c r="AJ26107">
        <v>23</v>
      </c>
      <c r="AK26107">
        <v>23</v>
      </c>
      <c r="AL26107">
        <v>23</v>
      </c>
      <c r="AM26107">
        <v>23</v>
      </c>
      <c r="AN26107">
        <v>22</v>
      </c>
      <c r="AO26107">
        <v>22</v>
      </c>
      <c r="AP26107">
        <v>22</v>
      </c>
      <c r="AQ26107">
        <v>22</v>
      </c>
    </row>
    <row r="26108" spans="1:43">
      <c r="A26108" t="s">
        <v>16155</v>
      </c>
      <c r="B26108" t="s">
        <v>16156</v>
      </c>
      <c r="C26108" t="s">
        <v>16157</v>
      </c>
      <c r="D26108" t="s">
        <v>16158</v>
      </c>
      <c r="E26108" t="s">
        <v>16115</v>
      </c>
      <c r="F26108" t="s">
        <v>16116</v>
      </c>
      <c r="G26108" t="s">
        <v>10734</v>
      </c>
      <c r="H26108" t="s">
        <v>10735</v>
      </c>
      <c r="I26108" s="2">
        <v>1</v>
      </c>
      <c r="J26108" s="2">
        <v>0</v>
      </c>
      <c r="K26108" s="2">
        <v>0</v>
      </c>
      <c r="L26108" t="s">
        <v>120</v>
      </c>
      <c r="M26108" t="s">
        <v>89</v>
      </c>
      <c r="N26108" t="s">
        <v>90</v>
      </c>
      <c r="O26108" t="s">
        <v>85</v>
      </c>
      <c r="P26108" t="s">
        <v>86</v>
      </c>
      <c r="Q26108">
        <v>25</v>
      </c>
      <c r="R26108">
        <v>25</v>
      </c>
      <c r="S26108">
        <v>25</v>
      </c>
      <c r="T26108">
        <v>26</v>
      </c>
      <c r="U26108">
        <v>26</v>
      </c>
      <c r="V26108">
        <v>26</v>
      </c>
      <c r="W26108">
        <v>26</v>
      </c>
      <c r="X26108">
        <v>26</v>
      </c>
      <c r="Y26108">
        <v>27</v>
      </c>
      <c r="Z26108">
        <v>27</v>
      </c>
      <c r="AA26108">
        <v>27</v>
      </c>
      <c r="AB26108">
        <v>27</v>
      </c>
      <c r="AC26108">
        <v>27</v>
      </c>
      <c r="AD26108">
        <v>27</v>
      </c>
      <c r="AE26108">
        <v>27</v>
      </c>
      <c r="AF26108">
        <v>27</v>
      </c>
      <c r="AG26108">
        <v>27</v>
      </c>
      <c r="AH26108">
        <v>26</v>
      </c>
      <c r="AI26108">
        <v>26</v>
      </c>
      <c r="AJ26108">
        <v>26</v>
      </c>
      <c r="AK26108">
        <v>26</v>
      </c>
      <c r="AL26108">
        <v>26</v>
      </c>
      <c r="AM26108">
        <v>25</v>
      </c>
      <c r="AN26108">
        <v>25</v>
      </c>
      <c r="AO26108">
        <v>25</v>
      </c>
      <c r="AP26108">
        <v>25</v>
      </c>
      <c r="AQ26108">
        <v>24</v>
      </c>
    </row>
    <row r="26109" spans="1:43">
      <c r="A26109" t="s">
        <v>16155</v>
      </c>
      <c r="B26109" t="s">
        <v>16156</v>
      </c>
      <c r="C26109" t="s">
        <v>16157</v>
      </c>
      <c r="D26109" t="s">
        <v>16158</v>
      </c>
      <c r="E26109" t="s">
        <v>16115</v>
      </c>
      <c r="F26109" t="s">
        <v>16116</v>
      </c>
      <c r="G26109" t="s">
        <v>10734</v>
      </c>
      <c r="H26109" t="s">
        <v>10735</v>
      </c>
      <c r="I26109" s="2">
        <v>1</v>
      </c>
      <c r="J26109" s="2">
        <v>0</v>
      </c>
      <c r="K26109" s="2">
        <v>0</v>
      </c>
      <c r="L26109" t="s">
        <v>120</v>
      </c>
      <c r="M26109" t="s">
        <v>83</v>
      </c>
      <c r="N26109" t="s">
        <v>91</v>
      </c>
      <c r="O26109" t="s">
        <v>85</v>
      </c>
      <c r="P26109" t="s">
        <v>86</v>
      </c>
      <c r="Q26109">
        <v>25</v>
      </c>
      <c r="R26109">
        <v>25</v>
      </c>
      <c r="S26109">
        <v>25</v>
      </c>
      <c r="T26109">
        <v>25</v>
      </c>
      <c r="U26109">
        <v>25</v>
      </c>
      <c r="V26109">
        <v>25</v>
      </c>
      <c r="W26109">
        <v>25</v>
      </c>
      <c r="X26109">
        <v>25</v>
      </c>
      <c r="Y26109">
        <v>25</v>
      </c>
      <c r="Z26109">
        <v>25</v>
      </c>
      <c r="AA26109">
        <v>25</v>
      </c>
      <c r="AB26109">
        <v>25</v>
      </c>
      <c r="AC26109">
        <v>25</v>
      </c>
      <c r="AD26109">
        <v>25</v>
      </c>
      <c r="AE26109">
        <v>25</v>
      </c>
      <c r="AF26109">
        <v>25</v>
      </c>
      <c r="AG26109">
        <v>25</v>
      </c>
      <c r="AH26109">
        <v>25</v>
      </c>
      <c r="AI26109">
        <v>25</v>
      </c>
      <c r="AJ26109">
        <v>25</v>
      </c>
      <c r="AK26109">
        <v>25</v>
      </c>
      <c r="AL26109">
        <v>25</v>
      </c>
      <c r="AM26109">
        <v>25</v>
      </c>
      <c r="AN26109">
        <v>25</v>
      </c>
      <c r="AO26109">
        <v>25</v>
      </c>
      <c r="AP26109">
        <v>24</v>
      </c>
      <c r="AQ26109">
        <v>24</v>
      </c>
    </row>
    <row r="26110" spans="1:43">
      <c r="A26110" t="s">
        <v>16159</v>
      </c>
      <c r="B26110" t="s">
        <v>16160</v>
      </c>
      <c r="C26110" t="s">
        <v>16113</v>
      </c>
      <c r="D26110" t="s">
        <v>16114</v>
      </c>
      <c r="E26110" t="s">
        <v>16115</v>
      </c>
      <c r="F26110" t="s">
        <v>16116</v>
      </c>
      <c r="G26110" t="s">
        <v>10734</v>
      </c>
      <c r="H26110" t="s">
        <v>10735</v>
      </c>
      <c r="I26110" s="2">
        <v>1</v>
      </c>
      <c r="J26110" s="2">
        <v>0</v>
      </c>
      <c r="K26110" s="2">
        <v>0</v>
      </c>
      <c r="L26110" t="s">
        <v>120</v>
      </c>
      <c r="M26110" t="s">
        <v>83</v>
      </c>
      <c r="N26110" t="s">
        <v>84</v>
      </c>
      <c r="O26110" t="s">
        <v>85</v>
      </c>
      <c r="P26110" t="s">
        <v>86</v>
      </c>
      <c r="Q26110">
        <v>13</v>
      </c>
      <c r="R26110">
        <v>14</v>
      </c>
      <c r="S26110">
        <v>14</v>
      </c>
      <c r="T26110">
        <v>14</v>
      </c>
      <c r="U26110">
        <v>14</v>
      </c>
      <c r="V26110">
        <v>14</v>
      </c>
      <c r="W26110">
        <v>14</v>
      </c>
      <c r="X26110">
        <v>14</v>
      </c>
      <c r="Y26110">
        <v>14</v>
      </c>
      <c r="Z26110">
        <v>14</v>
      </c>
      <c r="AA26110">
        <v>14</v>
      </c>
      <c r="AB26110">
        <v>14</v>
      </c>
      <c r="AC26110">
        <v>14</v>
      </c>
      <c r="AD26110">
        <v>14</v>
      </c>
      <c r="AE26110">
        <v>14</v>
      </c>
      <c r="AF26110">
        <v>14</v>
      </c>
      <c r="AG26110">
        <v>14</v>
      </c>
      <c r="AH26110">
        <v>14</v>
      </c>
      <c r="AI26110">
        <v>14</v>
      </c>
      <c r="AJ26110">
        <v>14</v>
      </c>
      <c r="AK26110">
        <v>14</v>
      </c>
      <c r="AL26110">
        <v>14</v>
      </c>
      <c r="AM26110">
        <v>14</v>
      </c>
      <c r="AN26110">
        <v>13</v>
      </c>
      <c r="AO26110">
        <v>13</v>
      </c>
      <c r="AP26110">
        <v>13</v>
      </c>
      <c r="AQ26110">
        <v>13</v>
      </c>
    </row>
    <row r="26111" spans="1:43">
      <c r="A26111" t="s">
        <v>16159</v>
      </c>
      <c r="B26111" t="s">
        <v>16160</v>
      </c>
      <c r="C26111" t="s">
        <v>16113</v>
      </c>
      <c r="D26111" t="s">
        <v>16114</v>
      </c>
      <c r="E26111" t="s">
        <v>16115</v>
      </c>
      <c r="F26111" t="s">
        <v>16116</v>
      </c>
      <c r="G26111" t="s">
        <v>10734</v>
      </c>
      <c r="H26111" t="s">
        <v>10735</v>
      </c>
      <c r="I26111" s="2">
        <v>1</v>
      </c>
      <c r="J26111" s="2">
        <v>0</v>
      </c>
      <c r="K26111" s="2">
        <v>0</v>
      </c>
      <c r="L26111" t="s">
        <v>120</v>
      </c>
      <c r="M26111" t="s">
        <v>87</v>
      </c>
      <c r="N26111" t="s">
        <v>88</v>
      </c>
      <c r="O26111" t="s">
        <v>85</v>
      </c>
      <c r="P26111" t="s">
        <v>86</v>
      </c>
      <c r="Q26111">
        <v>13</v>
      </c>
      <c r="R26111">
        <v>13</v>
      </c>
      <c r="S26111">
        <v>13</v>
      </c>
      <c r="T26111">
        <v>13</v>
      </c>
      <c r="U26111">
        <v>13</v>
      </c>
      <c r="V26111">
        <v>13</v>
      </c>
      <c r="W26111">
        <v>13</v>
      </c>
      <c r="X26111">
        <v>13</v>
      </c>
      <c r="Y26111">
        <v>13</v>
      </c>
      <c r="Z26111">
        <v>13</v>
      </c>
      <c r="AA26111">
        <v>13</v>
      </c>
      <c r="AB26111">
        <v>12</v>
      </c>
      <c r="AC26111">
        <v>12</v>
      </c>
      <c r="AD26111">
        <v>12</v>
      </c>
      <c r="AE26111">
        <v>12</v>
      </c>
      <c r="AF26111">
        <v>12</v>
      </c>
      <c r="AG26111">
        <v>12</v>
      </c>
      <c r="AH26111">
        <v>12</v>
      </c>
      <c r="AI26111">
        <v>12</v>
      </c>
      <c r="AJ26111">
        <v>12</v>
      </c>
      <c r="AK26111">
        <v>12</v>
      </c>
      <c r="AL26111">
        <v>12</v>
      </c>
      <c r="AM26111">
        <v>12</v>
      </c>
      <c r="AN26111">
        <v>12</v>
      </c>
      <c r="AO26111">
        <v>11</v>
      </c>
      <c r="AP26111">
        <v>11</v>
      </c>
      <c r="AQ26111">
        <v>11</v>
      </c>
    </row>
    <row r="26112" spans="1:43">
      <c r="A26112" t="s">
        <v>16159</v>
      </c>
      <c r="B26112" t="s">
        <v>16160</v>
      </c>
      <c r="C26112" t="s">
        <v>16113</v>
      </c>
      <c r="D26112" t="s">
        <v>16114</v>
      </c>
      <c r="E26112" t="s">
        <v>16115</v>
      </c>
      <c r="F26112" t="s">
        <v>16116</v>
      </c>
      <c r="G26112" t="s">
        <v>10734</v>
      </c>
      <c r="H26112" t="s">
        <v>10735</v>
      </c>
      <c r="I26112" s="2">
        <v>1</v>
      </c>
      <c r="J26112" s="2">
        <v>0</v>
      </c>
      <c r="K26112" s="2">
        <v>0</v>
      </c>
      <c r="L26112" t="s">
        <v>120</v>
      </c>
      <c r="M26112" t="s">
        <v>89</v>
      </c>
      <c r="N26112" t="s">
        <v>90</v>
      </c>
      <c r="O26112" t="s">
        <v>85</v>
      </c>
      <c r="P26112" t="s">
        <v>86</v>
      </c>
      <c r="Q26112">
        <v>13</v>
      </c>
      <c r="R26112">
        <v>13</v>
      </c>
      <c r="S26112">
        <v>13</v>
      </c>
      <c r="T26112">
        <v>13</v>
      </c>
      <c r="U26112">
        <v>13</v>
      </c>
      <c r="V26112">
        <v>13</v>
      </c>
      <c r="W26112">
        <v>13</v>
      </c>
      <c r="X26112">
        <v>13</v>
      </c>
      <c r="Y26112">
        <v>14</v>
      </c>
      <c r="Z26112">
        <v>14</v>
      </c>
      <c r="AA26112">
        <v>14</v>
      </c>
      <c r="AB26112">
        <v>14</v>
      </c>
      <c r="AC26112">
        <v>14</v>
      </c>
      <c r="AD26112">
        <v>14</v>
      </c>
      <c r="AE26112">
        <v>14</v>
      </c>
      <c r="AF26112">
        <v>14</v>
      </c>
      <c r="AG26112">
        <v>13</v>
      </c>
      <c r="AH26112">
        <v>13</v>
      </c>
      <c r="AI26112">
        <v>13</v>
      </c>
      <c r="AJ26112">
        <v>13</v>
      </c>
      <c r="AK26112">
        <v>13</v>
      </c>
      <c r="AL26112">
        <v>13</v>
      </c>
      <c r="AM26112">
        <v>13</v>
      </c>
      <c r="AN26112">
        <v>13</v>
      </c>
      <c r="AO26112">
        <v>12</v>
      </c>
      <c r="AP26112">
        <v>12</v>
      </c>
      <c r="AQ26112">
        <v>12</v>
      </c>
    </row>
    <row r="26113" spans="1:43">
      <c r="A26113" t="s">
        <v>16159</v>
      </c>
      <c r="B26113" t="s">
        <v>16160</v>
      </c>
      <c r="C26113" t="s">
        <v>16113</v>
      </c>
      <c r="D26113" t="s">
        <v>16114</v>
      </c>
      <c r="E26113" t="s">
        <v>16115</v>
      </c>
      <c r="F26113" t="s">
        <v>16116</v>
      </c>
      <c r="G26113" t="s">
        <v>10734</v>
      </c>
      <c r="H26113" t="s">
        <v>10735</v>
      </c>
      <c r="I26113" s="2">
        <v>1</v>
      </c>
      <c r="J26113" s="2">
        <v>0</v>
      </c>
      <c r="K26113" s="2">
        <v>0</v>
      </c>
      <c r="L26113" t="s">
        <v>120</v>
      </c>
      <c r="M26113" t="s">
        <v>83</v>
      </c>
      <c r="N26113" t="s">
        <v>91</v>
      </c>
      <c r="O26113" t="s">
        <v>85</v>
      </c>
      <c r="P26113" t="s">
        <v>86</v>
      </c>
      <c r="Q26113">
        <v>13</v>
      </c>
      <c r="R26113">
        <v>14</v>
      </c>
      <c r="S26113">
        <v>14</v>
      </c>
      <c r="T26113">
        <v>14</v>
      </c>
      <c r="U26113">
        <v>14</v>
      </c>
      <c r="V26113">
        <v>14</v>
      </c>
      <c r="W26113">
        <v>14</v>
      </c>
      <c r="X26113">
        <v>14</v>
      </c>
      <c r="Y26113">
        <v>14</v>
      </c>
      <c r="Z26113">
        <v>14</v>
      </c>
      <c r="AA26113">
        <v>14</v>
      </c>
      <c r="AB26113">
        <v>14</v>
      </c>
      <c r="AC26113">
        <v>14</v>
      </c>
      <c r="AD26113">
        <v>14</v>
      </c>
      <c r="AE26113">
        <v>14</v>
      </c>
      <c r="AF26113">
        <v>14</v>
      </c>
      <c r="AG26113">
        <v>14</v>
      </c>
      <c r="AH26113">
        <v>14</v>
      </c>
      <c r="AI26113">
        <v>14</v>
      </c>
      <c r="AJ26113">
        <v>14</v>
      </c>
      <c r="AK26113">
        <v>14</v>
      </c>
      <c r="AL26113">
        <v>14</v>
      </c>
      <c r="AM26113">
        <v>14</v>
      </c>
      <c r="AN26113">
        <v>13</v>
      </c>
      <c r="AO26113">
        <v>13</v>
      </c>
      <c r="AP26113">
        <v>13</v>
      </c>
      <c r="AQ26113">
        <v>13</v>
      </c>
    </row>
    <row r="26114" spans="1:43">
      <c r="A26114" t="s">
        <v>16161</v>
      </c>
      <c r="B26114" t="s">
        <v>16162</v>
      </c>
      <c r="C26114" t="s">
        <v>16157</v>
      </c>
      <c r="D26114" t="s">
        <v>16158</v>
      </c>
      <c r="E26114" t="s">
        <v>16115</v>
      </c>
      <c r="F26114" t="s">
        <v>16116</v>
      </c>
      <c r="G26114" t="s">
        <v>10734</v>
      </c>
      <c r="H26114" t="s">
        <v>10735</v>
      </c>
      <c r="I26114" s="2">
        <v>1</v>
      </c>
      <c r="J26114" s="2">
        <v>0</v>
      </c>
      <c r="K26114" s="2">
        <v>0</v>
      </c>
      <c r="L26114" t="s">
        <v>120</v>
      </c>
      <c r="M26114" t="s">
        <v>83</v>
      </c>
      <c r="N26114" t="s">
        <v>84</v>
      </c>
      <c r="O26114" t="s">
        <v>85</v>
      </c>
      <c r="P26114" t="s">
        <v>86</v>
      </c>
      <c r="Q26114">
        <v>20</v>
      </c>
      <c r="R26114">
        <v>20</v>
      </c>
      <c r="S26114">
        <v>20</v>
      </c>
      <c r="T26114">
        <v>21</v>
      </c>
      <c r="U26114">
        <v>21</v>
      </c>
      <c r="V26114">
        <v>21</v>
      </c>
      <c r="W26114">
        <v>21</v>
      </c>
      <c r="X26114">
        <v>21</v>
      </c>
      <c r="Y26114">
        <v>21</v>
      </c>
      <c r="Z26114">
        <v>21</v>
      </c>
      <c r="AA26114">
        <v>21</v>
      </c>
      <c r="AB26114">
        <v>21</v>
      </c>
      <c r="AC26114">
        <v>21</v>
      </c>
      <c r="AD26114">
        <v>21</v>
      </c>
      <c r="AE26114">
        <v>21</v>
      </c>
      <c r="AF26114">
        <v>21</v>
      </c>
      <c r="AG26114">
        <v>21</v>
      </c>
      <c r="AH26114">
        <v>21</v>
      </c>
      <c r="AI26114">
        <v>21</v>
      </c>
      <c r="AJ26114">
        <v>21</v>
      </c>
      <c r="AK26114">
        <v>21</v>
      </c>
      <c r="AL26114">
        <v>21</v>
      </c>
      <c r="AM26114">
        <v>21</v>
      </c>
      <c r="AN26114">
        <v>20</v>
      </c>
      <c r="AO26114">
        <v>20</v>
      </c>
      <c r="AP26114">
        <v>20</v>
      </c>
      <c r="AQ26114">
        <v>20</v>
      </c>
    </row>
    <row r="26115" spans="1:43">
      <c r="A26115" t="s">
        <v>16161</v>
      </c>
      <c r="B26115" t="s">
        <v>16162</v>
      </c>
      <c r="C26115" t="s">
        <v>16157</v>
      </c>
      <c r="D26115" t="s">
        <v>16158</v>
      </c>
      <c r="E26115" t="s">
        <v>16115</v>
      </c>
      <c r="F26115" t="s">
        <v>16116</v>
      </c>
      <c r="G26115" t="s">
        <v>10734</v>
      </c>
      <c r="H26115" t="s">
        <v>10735</v>
      </c>
      <c r="I26115" s="2">
        <v>1</v>
      </c>
      <c r="J26115" s="2">
        <v>0</v>
      </c>
      <c r="K26115" s="2">
        <v>0</v>
      </c>
      <c r="L26115" t="s">
        <v>120</v>
      </c>
      <c r="M26115" t="s">
        <v>87</v>
      </c>
      <c r="N26115" t="s">
        <v>88</v>
      </c>
      <c r="O26115" t="s">
        <v>85</v>
      </c>
      <c r="P26115" t="s">
        <v>86</v>
      </c>
      <c r="Q26115">
        <v>20</v>
      </c>
      <c r="R26115">
        <v>20</v>
      </c>
      <c r="S26115">
        <v>20</v>
      </c>
      <c r="T26115">
        <v>20</v>
      </c>
      <c r="U26115">
        <v>20</v>
      </c>
      <c r="V26115">
        <v>20</v>
      </c>
      <c r="W26115">
        <v>19</v>
      </c>
      <c r="X26115">
        <v>19</v>
      </c>
      <c r="Y26115">
        <v>19</v>
      </c>
      <c r="Z26115">
        <v>19</v>
      </c>
      <c r="AA26115">
        <v>19</v>
      </c>
      <c r="AB26115">
        <v>19</v>
      </c>
      <c r="AC26115">
        <v>19</v>
      </c>
      <c r="AD26115">
        <v>19</v>
      </c>
      <c r="AE26115">
        <v>19</v>
      </c>
      <c r="AF26115">
        <v>19</v>
      </c>
      <c r="AG26115">
        <v>18</v>
      </c>
      <c r="AH26115">
        <v>18</v>
      </c>
      <c r="AI26115">
        <v>18</v>
      </c>
      <c r="AJ26115">
        <v>18</v>
      </c>
      <c r="AK26115">
        <v>18</v>
      </c>
      <c r="AL26115">
        <v>18</v>
      </c>
      <c r="AM26115">
        <v>18</v>
      </c>
      <c r="AN26115">
        <v>18</v>
      </c>
      <c r="AO26115">
        <v>18</v>
      </c>
      <c r="AP26115">
        <v>18</v>
      </c>
      <c r="AQ26115">
        <v>17</v>
      </c>
    </row>
    <row r="26116" spans="1:43">
      <c r="A26116" t="s">
        <v>16161</v>
      </c>
      <c r="B26116" t="s">
        <v>16162</v>
      </c>
      <c r="C26116" t="s">
        <v>16157</v>
      </c>
      <c r="D26116" t="s">
        <v>16158</v>
      </c>
      <c r="E26116" t="s">
        <v>16115</v>
      </c>
      <c r="F26116" t="s">
        <v>16116</v>
      </c>
      <c r="G26116" t="s">
        <v>10734</v>
      </c>
      <c r="H26116" t="s">
        <v>10735</v>
      </c>
      <c r="I26116" s="2">
        <v>1</v>
      </c>
      <c r="J26116" s="2">
        <v>0</v>
      </c>
      <c r="K26116" s="2">
        <v>0</v>
      </c>
      <c r="L26116" t="s">
        <v>120</v>
      </c>
      <c r="M26116" t="s">
        <v>89</v>
      </c>
      <c r="N26116" t="s">
        <v>90</v>
      </c>
      <c r="O26116" t="s">
        <v>85</v>
      </c>
      <c r="P26116" t="s">
        <v>86</v>
      </c>
      <c r="Q26116">
        <v>20</v>
      </c>
      <c r="R26116">
        <v>21</v>
      </c>
      <c r="S26116">
        <v>21</v>
      </c>
      <c r="T26116">
        <v>21</v>
      </c>
      <c r="U26116">
        <v>21</v>
      </c>
      <c r="V26116">
        <v>22</v>
      </c>
      <c r="W26116">
        <v>22</v>
      </c>
      <c r="X26116">
        <v>22</v>
      </c>
      <c r="Y26116">
        <v>22</v>
      </c>
      <c r="Z26116">
        <v>22</v>
      </c>
      <c r="AA26116">
        <v>22</v>
      </c>
      <c r="AB26116">
        <v>22</v>
      </c>
      <c r="AC26116">
        <v>22</v>
      </c>
      <c r="AD26116">
        <v>22</v>
      </c>
      <c r="AE26116">
        <v>22</v>
      </c>
      <c r="AF26116">
        <v>22</v>
      </c>
      <c r="AG26116">
        <v>22</v>
      </c>
      <c r="AH26116">
        <v>22</v>
      </c>
      <c r="AI26116">
        <v>22</v>
      </c>
      <c r="AJ26116">
        <v>21</v>
      </c>
      <c r="AK26116">
        <v>21</v>
      </c>
      <c r="AL26116">
        <v>21</v>
      </c>
      <c r="AM26116">
        <v>21</v>
      </c>
      <c r="AN26116">
        <v>21</v>
      </c>
      <c r="AO26116">
        <v>21</v>
      </c>
      <c r="AP26116">
        <v>20</v>
      </c>
      <c r="AQ26116">
        <v>20</v>
      </c>
    </row>
    <row r="26117" spans="1:43">
      <c r="A26117" t="s">
        <v>16161</v>
      </c>
      <c r="B26117" t="s">
        <v>16162</v>
      </c>
      <c r="C26117" t="s">
        <v>16157</v>
      </c>
      <c r="D26117" t="s">
        <v>16158</v>
      </c>
      <c r="E26117" t="s">
        <v>16115</v>
      </c>
      <c r="F26117" t="s">
        <v>16116</v>
      </c>
      <c r="G26117" t="s">
        <v>10734</v>
      </c>
      <c r="H26117" t="s">
        <v>10735</v>
      </c>
      <c r="I26117" s="2">
        <v>1</v>
      </c>
      <c r="J26117" s="2">
        <v>0</v>
      </c>
      <c r="K26117" s="2">
        <v>0</v>
      </c>
      <c r="L26117" t="s">
        <v>120</v>
      </c>
      <c r="M26117" t="s">
        <v>83</v>
      </c>
      <c r="N26117" t="s">
        <v>91</v>
      </c>
      <c r="O26117" t="s">
        <v>85</v>
      </c>
      <c r="P26117" t="s">
        <v>86</v>
      </c>
      <c r="Q26117">
        <v>20</v>
      </c>
      <c r="R26117">
        <v>20</v>
      </c>
      <c r="S26117">
        <v>20</v>
      </c>
      <c r="T26117">
        <v>21</v>
      </c>
      <c r="U26117">
        <v>21</v>
      </c>
      <c r="V26117">
        <v>21</v>
      </c>
      <c r="W26117">
        <v>21</v>
      </c>
      <c r="X26117">
        <v>21</v>
      </c>
      <c r="Y26117">
        <v>21</v>
      </c>
      <c r="Z26117">
        <v>21</v>
      </c>
      <c r="AA26117">
        <v>21</v>
      </c>
      <c r="AB26117">
        <v>21</v>
      </c>
      <c r="AC26117">
        <v>21</v>
      </c>
      <c r="AD26117">
        <v>21</v>
      </c>
      <c r="AE26117">
        <v>21</v>
      </c>
      <c r="AF26117">
        <v>21</v>
      </c>
      <c r="AG26117">
        <v>21</v>
      </c>
      <c r="AH26117">
        <v>21</v>
      </c>
      <c r="AI26117">
        <v>21</v>
      </c>
      <c r="AJ26117">
        <v>21</v>
      </c>
      <c r="AK26117">
        <v>21</v>
      </c>
      <c r="AL26117">
        <v>21</v>
      </c>
      <c r="AM26117">
        <v>21</v>
      </c>
      <c r="AN26117">
        <v>20</v>
      </c>
      <c r="AO26117">
        <v>20</v>
      </c>
      <c r="AP26117">
        <v>20</v>
      </c>
      <c r="AQ26117">
        <v>20</v>
      </c>
    </row>
    <row r="26118" spans="1:43">
      <c r="A26118" t="s">
        <v>16163</v>
      </c>
      <c r="B26118" t="s">
        <v>16164</v>
      </c>
      <c r="C26118" t="s">
        <v>16165</v>
      </c>
      <c r="D26118" t="s">
        <v>16166</v>
      </c>
      <c r="E26118" t="s">
        <v>16115</v>
      </c>
      <c r="F26118" t="s">
        <v>16116</v>
      </c>
      <c r="G26118" t="s">
        <v>10734</v>
      </c>
      <c r="H26118" t="s">
        <v>10735</v>
      </c>
      <c r="I26118" s="2">
        <v>1</v>
      </c>
      <c r="J26118" s="2">
        <v>0</v>
      </c>
      <c r="K26118" s="2">
        <v>0</v>
      </c>
      <c r="L26118" t="s">
        <v>120</v>
      </c>
      <c r="M26118" t="s">
        <v>83</v>
      </c>
      <c r="N26118" t="s">
        <v>84</v>
      </c>
      <c r="O26118" t="s">
        <v>85</v>
      </c>
      <c r="P26118" t="s">
        <v>86</v>
      </c>
      <c r="Q26118">
        <v>12</v>
      </c>
      <c r="R26118">
        <v>12</v>
      </c>
      <c r="S26118">
        <v>12</v>
      </c>
      <c r="T26118">
        <v>12</v>
      </c>
      <c r="U26118">
        <v>12</v>
      </c>
      <c r="V26118">
        <v>12</v>
      </c>
      <c r="W26118">
        <v>12</v>
      </c>
      <c r="X26118">
        <v>12</v>
      </c>
      <c r="Y26118">
        <v>12</v>
      </c>
      <c r="Z26118">
        <v>12</v>
      </c>
      <c r="AA26118">
        <v>12</v>
      </c>
      <c r="AB26118">
        <v>12</v>
      </c>
      <c r="AC26118">
        <v>12</v>
      </c>
      <c r="AD26118">
        <v>12</v>
      </c>
      <c r="AE26118">
        <v>12</v>
      </c>
      <c r="AF26118">
        <v>12</v>
      </c>
      <c r="AG26118">
        <v>12</v>
      </c>
      <c r="AH26118">
        <v>12</v>
      </c>
      <c r="AI26118">
        <v>12</v>
      </c>
      <c r="AJ26118">
        <v>12</v>
      </c>
      <c r="AK26118">
        <v>12</v>
      </c>
      <c r="AL26118">
        <v>12</v>
      </c>
      <c r="AM26118">
        <v>12</v>
      </c>
      <c r="AN26118">
        <v>12</v>
      </c>
      <c r="AO26118">
        <v>12</v>
      </c>
      <c r="AP26118">
        <v>12</v>
      </c>
      <c r="AQ26118">
        <v>12</v>
      </c>
    </row>
    <row r="26119" spans="1:43">
      <c r="A26119" t="s">
        <v>16163</v>
      </c>
      <c r="B26119" t="s">
        <v>16164</v>
      </c>
      <c r="C26119" t="s">
        <v>16165</v>
      </c>
      <c r="D26119" t="s">
        <v>16166</v>
      </c>
      <c r="E26119" t="s">
        <v>16115</v>
      </c>
      <c r="F26119" t="s">
        <v>16116</v>
      </c>
      <c r="G26119" t="s">
        <v>10734</v>
      </c>
      <c r="H26119" t="s">
        <v>10735</v>
      </c>
      <c r="I26119" s="2">
        <v>1</v>
      </c>
      <c r="J26119" s="2">
        <v>0</v>
      </c>
      <c r="K26119" s="2">
        <v>0</v>
      </c>
      <c r="L26119" t="s">
        <v>120</v>
      </c>
      <c r="M26119" t="s">
        <v>87</v>
      </c>
      <c r="N26119" t="s">
        <v>88</v>
      </c>
      <c r="O26119" t="s">
        <v>85</v>
      </c>
      <c r="P26119" t="s">
        <v>86</v>
      </c>
      <c r="Q26119">
        <v>12</v>
      </c>
      <c r="R26119">
        <v>12</v>
      </c>
      <c r="S26119">
        <v>12</v>
      </c>
      <c r="T26119">
        <v>12</v>
      </c>
      <c r="U26119">
        <v>12</v>
      </c>
      <c r="V26119">
        <v>12</v>
      </c>
      <c r="W26119">
        <v>12</v>
      </c>
      <c r="X26119">
        <v>11</v>
      </c>
      <c r="Y26119">
        <v>11</v>
      </c>
      <c r="Z26119">
        <v>11</v>
      </c>
      <c r="AA26119">
        <v>11</v>
      </c>
      <c r="AB26119">
        <v>11</v>
      </c>
      <c r="AC26119">
        <v>11</v>
      </c>
      <c r="AD26119">
        <v>11</v>
      </c>
      <c r="AE26119">
        <v>11</v>
      </c>
      <c r="AF26119">
        <v>11</v>
      </c>
      <c r="AG26119">
        <v>11</v>
      </c>
      <c r="AH26119">
        <v>11</v>
      </c>
      <c r="AI26119">
        <v>11</v>
      </c>
      <c r="AJ26119">
        <v>11</v>
      </c>
      <c r="AK26119">
        <v>11</v>
      </c>
      <c r="AL26119">
        <v>11</v>
      </c>
      <c r="AM26119">
        <v>11</v>
      </c>
      <c r="AN26119">
        <v>10</v>
      </c>
      <c r="AO26119">
        <v>10</v>
      </c>
      <c r="AP26119">
        <v>10</v>
      </c>
      <c r="AQ26119">
        <v>10</v>
      </c>
    </row>
    <row r="26120" spans="1:43">
      <c r="A26120" t="s">
        <v>16163</v>
      </c>
      <c r="B26120" t="s">
        <v>16164</v>
      </c>
      <c r="C26120" t="s">
        <v>16165</v>
      </c>
      <c r="D26120" t="s">
        <v>16166</v>
      </c>
      <c r="E26120" t="s">
        <v>16115</v>
      </c>
      <c r="F26120" t="s">
        <v>16116</v>
      </c>
      <c r="G26120" t="s">
        <v>10734</v>
      </c>
      <c r="H26120" t="s">
        <v>10735</v>
      </c>
      <c r="I26120" s="2">
        <v>1</v>
      </c>
      <c r="J26120" s="2">
        <v>0</v>
      </c>
      <c r="K26120" s="2">
        <v>0</v>
      </c>
      <c r="L26120" t="s">
        <v>120</v>
      </c>
      <c r="M26120" t="s">
        <v>89</v>
      </c>
      <c r="N26120" t="s">
        <v>90</v>
      </c>
      <c r="O26120" t="s">
        <v>85</v>
      </c>
      <c r="P26120" t="s">
        <v>86</v>
      </c>
      <c r="Q26120">
        <v>12</v>
      </c>
      <c r="R26120">
        <v>12</v>
      </c>
      <c r="S26120">
        <v>12</v>
      </c>
      <c r="T26120">
        <v>13</v>
      </c>
      <c r="U26120">
        <v>13</v>
      </c>
      <c r="V26120">
        <v>13</v>
      </c>
      <c r="W26120">
        <v>13</v>
      </c>
      <c r="X26120">
        <v>13</v>
      </c>
      <c r="Y26120">
        <v>13</v>
      </c>
      <c r="Z26120">
        <v>13</v>
      </c>
      <c r="AA26120">
        <v>13</v>
      </c>
      <c r="AB26120">
        <v>13</v>
      </c>
      <c r="AC26120">
        <v>13</v>
      </c>
      <c r="AD26120">
        <v>13</v>
      </c>
      <c r="AE26120">
        <v>13</v>
      </c>
      <c r="AF26120">
        <v>13</v>
      </c>
      <c r="AG26120">
        <v>13</v>
      </c>
      <c r="AH26120">
        <v>13</v>
      </c>
      <c r="AI26120">
        <v>13</v>
      </c>
      <c r="AJ26120">
        <v>13</v>
      </c>
      <c r="AK26120">
        <v>13</v>
      </c>
      <c r="AL26120">
        <v>12</v>
      </c>
      <c r="AM26120">
        <v>12</v>
      </c>
      <c r="AN26120">
        <v>12</v>
      </c>
      <c r="AO26120">
        <v>12</v>
      </c>
      <c r="AP26120">
        <v>12</v>
      </c>
      <c r="AQ26120">
        <v>12</v>
      </c>
    </row>
    <row r="26121" spans="1:43">
      <c r="A26121" t="s">
        <v>16163</v>
      </c>
      <c r="B26121" t="s">
        <v>16164</v>
      </c>
      <c r="C26121" t="s">
        <v>16165</v>
      </c>
      <c r="D26121" t="s">
        <v>16166</v>
      </c>
      <c r="E26121" t="s">
        <v>16115</v>
      </c>
      <c r="F26121" t="s">
        <v>16116</v>
      </c>
      <c r="G26121" t="s">
        <v>10734</v>
      </c>
      <c r="H26121" t="s">
        <v>10735</v>
      </c>
      <c r="I26121" s="2">
        <v>1</v>
      </c>
      <c r="J26121" s="2">
        <v>0</v>
      </c>
      <c r="K26121" s="2">
        <v>0</v>
      </c>
      <c r="L26121" t="s">
        <v>120</v>
      </c>
      <c r="M26121" t="s">
        <v>83</v>
      </c>
      <c r="N26121" t="s">
        <v>91</v>
      </c>
      <c r="O26121" t="s">
        <v>85</v>
      </c>
      <c r="P26121" t="s">
        <v>86</v>
      </c>
      <c r="Q26121">
        <v>12</v>
      </c>
      <c r="R26121">
        <v>12</v>
      </c>
      <c r="S26121">
        <v>12</v>
      </c>
      <c r="T26121">
        <v>12</v>
      </c>
      <c r="U26121">
        <v>12</v>
      </c>
      <c r="V26121">
        <v>12</v>
      </c>
      <c r="W26121">
        <v>12</v>
      </c>
      <c r="X26121">
        <v>12</v>
      </c>
      <c r="Y26121">
        <v>12</v>
      </c>
      <c r="Z26121">
        <v>12</v>
      </c>
      <c r="AA26121">
        <v>12</v>
      </c>
      <c r="AB26121">
        <v>12</v>
      </c>
      <c r="AC26121">
        <v>12</v>
      </c>
      <c r="AD26121">
        <v>12</v>
      </c>
      <c r="AE26121">
        <v>12</v>
      </c>
      <c r="AF26121">
        <v>12</v>
      </c>
      <c r="AG26121">
        <v>12</v>
      </c>
      <c r="AH26121">
        <v>12</v>
      </c>
      <c r="AI26121">
        <v>12</v>
      </c>
      <c r="AJ26121">
        <v>12</v>
      </c>
      <c r="AK26121">
        <v>12</v>
      </c>
      <c r="AL26121">
        <v>12</v>
      </c>
      <c r="AM26121">
        <v>12</v>
      </c>
      <c r="AN26121">
        <v>12</v>
      </c>
      <c r="AO26121">
        <v>12</v>
      </c>
      <c r="AP26121">
        <v>12</v>
      </c>
      <c r="AQ26121">
        <v>12</v>
      </c>
    </row>
    <row r="26122" spans="1:43">
      <c r="A26122" t="s">
        <v>16167</v>
      </c>
      <c r="B26122" t="s">
        <v>16168</v>
      </c>
      <c r="C26122" t="s">
        <v>16165</v>
      </c>
      <c r="D26122" t="s">
        <v>16166</v>
      </c>
      <c r="E26122" t="s">
        <v>16115</v>
      </c>
      <c r="F26122" t="s">
        <v>16116</v>
      </c>
      <c r="G26122" t="s">
        <v>10734</v>
      </c>
      <c r="H26122" t="s">
        <v>10735</v>
      </c>
      <c r="I26122" s="2">
        <v>1</v>
      </c>
      <c r="J26122" s="2">
        <v>0</v>
      </c>
      <c r="K26122" s="2">
        <v>0</v>
      </c>
      <c r="L26122" t="s">
        <v>120</v>
      </c>
      <c r="M26122" t="s">
        <v>83</v>
      </c>
      <c r="N26122" t="s">
        <v>84</v>
      </c>
      <c r="O26122" t="s">
        <v>85</v>
      </c>
      <c r="P26122" t="s">
        <v>86</v>
      </c>
      <c r="Q26122">
        <v>5</v>
      </c>
      <c r="R26122">
        <v>5</v>
      </c>
      <c r="S26122">
        <v>5</v>
      </c>
      <c r="T26122">
        <v>5</v>
      </c>
      <c r="U26122">
        <v>5</v>
      </c>
      <c r="V26122">
        <v>5</v>
      </c>
      <c r="W26122">
        <v>5</v>
      </c>
      <c r="X26122">
        <v>5</v>
      </c>
      <c r="Y26122">
        <v>5</v>
      </c>
      <c r="Z26122">
        <v>5</v>
      </c>
      <c r="AA26122">
        <v>5</v>
      </c>
      <c r="AB26122">
        <v>5</v>
      </c>
      <c r="AC26122">
        <v>5</v>
      </c>
      <c r="AD26122">
        <v>5</v>
      </c>
      <c r="AE26122">
        <v>5</v>
      </c>
      <c r="AF26122">
        <v>5</v>
      </c>
      <c r="AG26122">
        <v>5</v>
      </c>
      <c r="AH26122">
        <v>5</v>
      </c>
      <c r="AI26122">
        <v>5</v>
      </c>
      <c r="AJ26122">
        <v>5</v>
      </c>
      <c r="AK26122">
        <v>5</v>
      </c>
      <c r="AL26122">
        <v>5</v>
      </c>
      <c r="AM26122">
        <v>5</v>
      </c>
      <c r="AN26122">
        <v>5</v>
      </c>
      <c r="AO26122">
        <v>5</v>
      </c>
      <c r="AP26122">
        <v>5</v>
      </c>
      <c r="AQ26122">
        <v>5</v>
      </c>
    </row>
    <row r="26123" spans="1:43">
      <c r="A26123" t="s">
        <v>16167</v>
      </c>
      <c r="B26123" t="s">
        <v>16168</v>
      </c>
      <c r="C26123" t="s">
        <v>16165</v>
      </c>
      <c r="D26123" t="s">
        <v>16166</v>
      </c>
      <c r="E26123" t="s">
        <v>16115</v>
      </c>
      <c r="F26123" t="s">
        <v>16116</v>
      </c>
      <c r="G26123" t="s">
        <v>10734</v>
      </c>
      <c r="H26123" t="s">
        <v>10735</v>
      </c>
      <c r="I26123" s="2">
        <v>1</v>
      </c>
      <c r="J26123" s="2">
        <v>0</v>
      </c>
      <c r="K26123" s="2">
        <v>0</v>
      </c>
      <c r="L26123" t="s">
        <v>120</v>
      </c>
      <c r="M26123" t="s">
        <v>87</v>
      </c>
      <c r="N26123" t="s">
        <v>88</v>
      </c>
      <c r="O26123" t="s">
        <v>85</v>
      </c>
      <c r="P26123" t="s">
        <v>86</v>
      </c>
      <c r="Q26123">
        <v>5</v>
      </c>
      <c r="R26123">
        <v>5</v>
      </c>
      <c r="S26123">
        <v>5</v>
      </c>
      <c r="T26123">
        <v>5</v>
      </c>
      <c r="U26123">
        <v>5</v>
      </c>
      <c r="V26123">
        <v>5</v>
      </c>
      <c r="W26123">
        <v>5</v>
      </c>
      <c r="X26123">
        <v>5</v>
      </c>
      <c r="Y26123">
        <v>5</v>
      </c>
      <c r="Z26123">
        <v>5</v>
      </c>
      <c r="AA26123">
        <v>5</v>
      </c>
      <c r="AB26123">
        <v>5</v>
      </c>
      <c r="AC26123">
        <v>5</v>
      </c>
      <c r="AD26123">
        <v>5</v>
      </c>
      <c r="AE26123">
        <v>5</v>
      </c>
      <c r="AF26123">
        <v>5</v>
      </c>
      <c r="AG26123">
        <v>5</v>
      </c>
      <c r="AH26123">
        <v>5</v>
      </c>
      <c r="AI26123">
        <v>5</v>
      </c>
      <c r="AJ26123">
        <v>5</v>
      </c>
      <c r="AK26123">
        <v>4</v>
      </c>
      <c r="AL26123">
        <v>4</v>
      </c>
      <c r="AM26123">
        <v>4</v>
      </c>
      <c r="AN26123">
        <v>4</v>
      </c>
      <c r="AO26123">
        <v>4</v>
      </c>
      <c r="AP26123">
        <v>4</v>
      </c>
      <c r="AQ26123">
        <v>4</v>
      </c>
    </row>
    <row r="26124" spans="1:43">
      <c r="A26124" t="s">
        <v>16167</v>
      </c>
      <c r="B26124" t="s">
        <v>16168</v>
      </c>
      <c r="C26124" t="s">
        <v>16165</v>
      </c>
      <c r="D26124" t="s">
        <v>16166</v>
      </c>
      <c r="E26124" t="s">
        <v>16115</v>
      </c>
      <c r="F26124" t="s">
        <v>16116</v>
      </c>
      <c r="G26124" t="s">
        <v>10734</v>
      </c>
      <c r="H26124" t="s">
        <v>10735</v>
      </c>
      <c r="I26124" s="2">
        <v>1</v>
      </c>
      <c r="J26124" s="2">
        <v>0</v>
      </c>
      <c r="K26124" s="2">
        <v>0</v>
      </c>
      <c r="L26124" t="s">
        <v>120</v>
      </c>
      <c r="M26124" t="s">
        <v>89</v>
      </c>
      <c r="N26124" t="s">
        <v>90</v>
      </c>
      <c r="O26124" t="s">
        <v>85</v>
      </c>
      <c r="P26124" t="s">
        <v>86</v>
      </c>
      <c r="Q26124">
        <v>5</v>
      </c>
      <c r="R26124">
        <v>5</v>
      </c>
      <c r="S26124">
        <v>5</v>
      </c>
      <c r="T26124">
        <v>5</v>
      </c>
      <c r="U26124">
        <v>5</v>
      </c>
      <c r="V26124">
        <v>5</v>
      </c>
      <c r="W26124">
        <v>5</v>
      </c>
      <c r="X26124">
        <v>5</v>
      </c>
      <c r="Y26124">
        <v>5</v>
      </c>
      <c r="Z26124">
        <v>5</v>
      </c>
      <c r="AA26124">
        <v>6</v>
      </c>
      <c r="AB26124">
        <v>6</v>
      </c>
      <c r="AC26124">
        <v>6</v>
      </c>
      <c r="AD26124">
        <v>6</v>
      </c>
      <c r="AE26124">
        <v>6</v>
      </c>
      <c r="AF26124">
        <v>6</v>
      </c>
      <c r="AG26124">
        <v>5</v>
      </c>
      <c r="AH26124">
        <v>5</v>
      </c>
      <c r="AI26124">
        <v>5</v>
      </c>
      <c r="AJ26124">
        <v>5</v>
      </c>
      <c r="AK26124">
        <v>5</v>
      </c>
      <c r="AL26124">
        <v>5</v>
      </c>
      <c r="AM26124">
        <v>5</v>
      </c>
      <c r="AN26124">
        <v>5</v>
      </c>
      <c r="AO26124">
        <v>5</v>
      </c>
      <c r="AP26124">
        <v>5</v>
      </c>
      <c r="AQ26124">
        <v>5</v>
      </c>
    </row>
    <row r="26125" spans="1:43">
      <c r="A26125" t="s">
        <v>16167</v>
      </c>
      <c r="B26125" t="s">
        <v>16168</v>
      </c>
      <c r="C26125" t="s">
        <v>16165</v>
      </c>
      <c r="D26125" t="s">
        <v>16166</v>
      </c>
      <c r="E26125" t="s">
        <v>16115</v>
      </c>
      <c r="F26125" t="s">
        <v>16116</v>
      </c>
      <c r="G26125" t="s">
        <v>10734</v>
      </c>
      <c r="H26125" t="s">
        <v>10735</v>
      </c>
      <c r="I26125" s="2">
        <v>1</v>
      </c>
      <c r="J26125" s="2">
        <v>0</v>
      </c>
      <c r="K26125" s="2">
        <v>0</v>
      </c>
      <c r="L26125" t="s">
        <v>120</v>
      </c>
      <c r="M26125" t="s">
        <v>83</v>
      </c>
      <c r="N26125" t="s">
        <v>91</v>
      </c>
      <c r="O26125" t="s">
        <v>85</v>
      </c>
      <c r="P26125" t="s">
        <v>86</v>
      </c>
      <c r="Q26125">
        <v>5</v>
      </c>
      <c r="R26125">
        <v>5</v>
      </c>
      <c r="S26125">
        <v>5</v>
      </c>
      <c r="T26125">
        <v>5</v>
      </c>
      <c r="U26125">
        <v>5</v>
      </c>
      <c r="V26125">
        <v>5</v>
      </c>
      <c r="W26125">
        <v>5</v>
      </c>
      <c r="X26125">
        <v>5</v>
      </c>
      <c r="Y26125">
        <v>5</v>
      </c>
      <c r="Z26125">
        <v>5</v>
      </c>
      <c r="AA26125">
        <v>5</v>
      </c>
      <c r="AB26125">
        <v>5</v>
      </c>
      <c r="AC26125">
        <v>5</v>
      </c>
      <c r="AD26125">
        <v>5</v>
      </c>
      <c r="AE26125">
        <v>5</v>
      </c>
      <c r="AF26125">
        <v>5</v>
      </c>
      <c r="AG26125">
        <v>5</v>
      </c>
      <c r="AH26125">
        <v>5</v>
      </c>
      <c r="AI26125">
        <v>5</v>
      </c>
      <c r="AJ26125">
        <v>5</v>
      </c>
      <c r="AK26125">
        <v>5</v>
      </c>
      <c r="AL26125">
        <v>5</v>
      </c>
      <c r="AM26125">
        <v>5</v>
      </c>
      <c r="AN26125">
        <v>5</v>
      </c>
      <c r="AO26125">
        <v>5</v>
      </c>
      <c r="AP26125">
        <v>5</v>
      </c>
      <c r="AQ26125">
        <v>5</v>
      </c>
    </row>
    <row r="26126" spans="1:43">
      <c r="A26126" t="s">
        <v>16169</v>
      </c>
      <c r="B26126" t="s">
        <v>16170</v>
      </c>
      <c r="C26126" t="s">
        <v>16165</v>
      </c>
      <c r="D26126" t="s">
        <v>16166</v>
      </c>
      <c r="E26126" t="s">
        <v>16115</v>
      </c>
      <c r="F26126" t="s">
        <v>16116</v>
      </c>
      <c r="G26126" t="s">
        <v>10734</v>
      </c>
      <c r="H26126" t="s">
        <v>10735</v>
      </c>
      <c r="I26126" s="2">
        <v>1</v>
      </c>
      <c r="J26126" s="2">
        <v>0</v>
      </c>
      <c r="K26126" s="2">
        <v>0</v>
      </c>
      <c r="L26126" t="s">
        <v>120</v>
      </c>
      <c r="M26126" t="s">
        <v>83</v>
      </c>
      <c r="N26126" t="s">
        <v>84</v>
      </c>
      <c r="O26126" t="s">
        <v>85</v>
      </c>
      <c r="P26126" t="s">
        <v>86</v>
      </c>
      <c r="Q26126">
        <v>13</v>
      </c>
      <c r="R26126">
        <v>13</v>
      </c>
      <c r="S26126">
        <v>13</v>
      </c>
      <c r="T26126">
        <v>13</v>
      </c>
      <c r="U26126">
        <v>13</v>
      </c>
      <c r="V26126">
        <v>13</v>
      </c>
      <c r="W26126">
        <v>13</v>
      </c>
      <c r="X26126">
        <v>13</v>
      </c>
      <c r="Y26126">
        <v>13</v>
      </c>
      <c r="Z26126">
        <v>13</v>
      </c>
      <c r="AA26126">
        <v>13</v>
      </c>
      <c r="AB26126">
        <v>13</v>
      </c>
      <c r="AC26126">
        <v>13</v>
      </c>
      <c r="AD26126">
        <v>13</v>
      </c>
      <c r="AE26126">
        <v>13</v>
      </c>
      <c r="AF26126">
        <v>13</v>
      </c>
      <c r="AG26126">
        <v>13</v>
      </c>
      <c r="AH26126">
        <v>13</v>
      </c>
      <c r="AI26126">
        <v>13</v>
      </c>
      <c r="AJ26126">
        <v>13</v>
      </c>
      <c r="AK26126">
        <v>13</v>
      </c>
      <c r="AL26126">
        <v>13</v>
      </c>
      <c r="AM26126">
        <v>13</v>
      </c>
      <c r="AN26126">
        <v>13</v>
      </c>
      <c r="AO26126">
        <v>13</v>
      </c>
      <c r="AP26126">
        <v>13</v>
      </c>
      <c r="AQ26126">
        <v>13</v>
      </c>
    </row>
    <row r="26127" spans="1:43">
      <c r="A26127" t="s">
        <v>16169</v>
      </c>
      <c r="B26127" t="s">
        <v>16170</v>
      </c>
      <c r="C26127" t="s">
        <v>16165</v>
      </c>
      <c r="D26127" t="s">
        <v>16166</v>
      </c>
      <c r="E26127" t="s">
        <v>16115</v>
      </c>
      <c r="F26127" t="s">
        <v>16116</v>
      </c>
      <c r="G26127" t="s">
        <v>10734</v>
      </c>
      <c r="H26127" t="s">
        <v>10735</v>
      </c>
      <c r="I26127" s="2">
        <v>1</v>
      </c>
      <c r="J26127" s="2">
        <v>0</v>
      </c>
      <c r="K26127" s="2">
        <v>0</v>
      </c>
      <c r="L26127" t="s">
        <v>120</v>
      </c>
      <c r="M26127" t="s">
        <v>87</v>
      </c>
      <c r="N26127" t="s">
        <v>88</v>
      </c>
      <c r="O26127" t="s">
        <v>85</v>
      </c>
      <c r="P26127" t="s">
        <v>86</v>
      </c>
      <c r="Q26127">
        <v>13</v>
      </c>
      <c r="R26127">
        <v>13</v>
      </c>
      <c r="S26127">
        <v>13</v>
      </c>
      <c r="T26127">
        <v>13</v>
      </c>
      <c r="U26127">
        <v>13</v>
      </c>
      <c r="V26127">
        <v>13</v>
      </c>
      <c r="W26127">
        <v>12</v>
      </c>
      <c r="X26127">
        <v>12</v>
      </c>
      <c r="Y26127">
        <v>12</v>
      </c>
      <c r="Z26127">
        <v>12</v>
      </c>
      <c r="AA26127">
        <v>12</v>
      </c>
      <c r="AB26127">
        <v>12</v>
      </c>
      <c r="AC26127">
        <v>12</v>
      </c>
      <c r="AD26127">
        <v>12</v>
      </c>
      <c r="AE26127">
        <v>12</v>
      </c>
      <c r="AF26127">
        <v>12</v>
      </c>
      <c r="AG26127">
        <v>12</v>
      </c>
      <c r="AH26127">
        <v>12</v>
      </c>
      <c r="AI26127">
        <v>12</v>
      </c>
      <c r="AJ26127">
        <v>12</v>
      </c>
      <c r="AK26127">
        <v>11</v>
      </c>
      <c r="AL26127">
        <v>11</v>
      </c>
      <c r="AM26127">
        <v>11</v>
      </c>
      <c r="AN26127">
        <v>11</v>
      </c>
      <c r="AO26127">
        <v>11</v>
      </c>
      <c r="AP26127">
        <v>11</v>
      </c>
      <c r="AQ26127">
        <v>11</v>
      </c>
    </row>
    <row r="26128" spans="1:43">
      <c r="A26128" t="s">
        <v>16169</v>
      </c>
      <c r="B26128" t="s">
        <v>16170</v>
      </c>
      <c r="C26128" t="s">
        <v>16165</v>
      </c>
      <c r="D26128" t="s">
        <v>16166</v>
      </c>
      <c r="E26128" t="s">
        <v>16115</v>
      </c>
      <c r="F26128" t="s">
        <v>16116</v>
      </c>
      <c r="G26128" t="s">
        <v>10734</v>
      </c>
      <c r="H26128" t="s">
        <v>10735</v>
      </c>
      <c r="I26128" s="2">
        <v>1</v>
      </c>
      <c r="J26128" s="2">
        <v>0</v>
      </c>
      <c r="K26128" s="2">
        <v>0</v>
      </c>
      <c r="L26128" t="s">
        <v>120</v>
      </c>
      <c r="M26128" t="s">
        <v>89</v>
      </c>
      <c r="N26128" t="s">
        <v>90</v>
      </c>
      <c r="O26128" t="s">
        <v>85</v>
      </c>
      <c r="P26128" t="s">
        <v>86</v>
      </c>
      <c r="Q26128">
        <v>13</v>
      </c>
      <c r="R26128">
        <v>13</v>
      </c>
      <c r="S26128">
        <v>13</v>
      </c>
      <c r="T26128">
        <v>14</v>
      </c>
      <c r="U26128">
        <v>14</v>
      </c>
      <c r="V26128">
        <v>14</v>
      </c>
      <c r="W26128">
        <v>14</v>
      </c>
      <c r="X26128">
        <v>14</v>
      </c>
      <c r="Y26128">
        <v>14</v>
      </c>
      <c r="Z26128">
        <v>14</v>
      </c>
      <c r="AA26128">
        <v>14</v>
      </c>
      <c r="AB26128">
        <v>14</v>
      </c>
      <c r="AC26128">
        <v>14</v>
      </c>
      <c r="AD26128">
        <v>14</v>
      </c>
      <c r="AE26128">
        <v>14</v>
      </c>
      <c r="AF26128">
        <v>14</v>
      </c>
      <c r="AG26128">
        <v>14</v>
      </c>
      <c r="AH26128">
        <v>14</v>
      </c>
      <c r="AI26128">
        <v>14</v>
      </c>
      <c r="AJ26128">
        <v>14</v>
      </c>
      <c r="AK26128">
        <v>14</v>
      </c>
      <c r="AL26128">
        <v>13</v>
      </c>
      <c r="AM26128">
        <v>13</v>
      </c>
      <c r="AN26128">
        <v>13</v>
      </c>
      <c r="AO26128">
        <v>13</v>
      </c>
      <c r="AP26128">
        <v>13</v>
      </c>
      <c r="AQ26128">
        <v>13</v>
      </c>
    </row>
    <row r="26129" spans="1:43">
      <c r="A26129" t="s">
        <v>16169</v>
      </c>
      <c r="B26129" t="s">
        <v>16170</v>
      </c>
      <c r="C26129" t="s">
        <v>16165</v>
      </c>
      <c r="D26129" t="s">
        <v>16166</v>
      </c>
      <c r="E26129" t="s">
        <v>16115</v>
      </c>
      <c r="F26129" t="s">
        <v>16116</v>
      </c>
      <c r="G26129" t="s">
        <v>10734</v>
      </c>
      <c r="H26129" t="s">
        <v>10735</v>
      </c>
      <c r="I26129" s="2">
        <v>1</v>
      </c>
      <c r="J26129" s="2">
        <v>0</v>
      </c>
      <c r="K26129" s="2">
        <v>0</v>
      </c>
      <c r="L26129" t="s">
        <v>120</v>
      </c>
      <c r="M26129" t="s">
        <v>83</v>
      </c>
      <c r="N26129" t="s">
        <v>91</v>
      </c>
      <c r="O26129" t="s">
        <v>85</v>
      </c>
      <c r="P26129" t="s">
        <v>86</v>
      </c>
      <c r="Q26129">
        <v>13</v>
      </c>
      <c r="R26129">
        <v>13</v>
      </c>
      <c r="S26129">
        <v>13</v>
      </c>
      <c r="T26129">
        <v>13</v>
      </c>
      <c r="U26129">
        <v>13</v>
      </c>
      <c r="V26129">
        <v>13</v>
      </c>
      <c r="W26129">
        <v>13</v>
      </c>
      <c r="X26129">
        <v>13</v>
      </c>
      <c r="Y26129">
        <v>13</v>
      </c>
      <c r="Z26129">
        <v>13</v>
      </c>
      <c r="AA26129">
        <v>13</v>
      </c>
      <c r="AB26129">
        <v>13</v>
      </c>
      <c r="AC26129">
        <v>13</v>
      </c>
      <c r="AD26129">
        <v>13</v>
      </c>
      <c r="AE26129">
        <v>13</v>
      </c>
      <c r="AF26129">
        <v>13</v>
      </c>
      <c r="AG26129">
        <v>13</v>
      </c>
      <c r="AH26129">
        <v>13</v>
      </c>
      <c r="AI26129">
        <v>13</v>
      </c>
      <c r="AJ26129">
        <v>13</v>
      </c>
      <c r="AK26129">
        <v>13</v>
      </c>
      <c r="AL26129">
        <v>13</v>
      </c>
      <c r="AM26129">
        <v>13</v>
      </c>
      <c r="AN26129">
        <v>13</v>
      </c>
      <c r="AO26129">
        <v>13</v>
      </c>
      <c r="AP26129">
        <v>13</v>
      </c>
      <c r="AQ26129">
        <v>13</v>
      </c>
    </row>
    <row r="26130" spans="1:43">
      <c r="A26130" t="s">
        <v>16171</v>
      </c>
      <c r="B26130" t="s">
        <v>16172</v>
      </c>
      <c r="C26130" t="s">
        <v>16165</v>
      </c>
      <c r="D26130" t="s">
        <v>16166</v>
      </c>
      <c r="E26130" t="s">
        <v>16115</v>
      </c>
      <c r="F26130" t="s">
        <v>16116</v>
      </c>
      <c r="G26130" t="s">
        <v>10734</v>
      </c>
      <c r="H26130" t="s">
        <v>10735</v>
      </c>
      <c r="I26130" s="2">
        <v>1</v>
      </c>
      <c r="J26130" s="2">
        <v>0</v>
      </c>
      <c r="K26130" s="2">
        <v>0</v>
      </c>
      <c r="L26130" t="s">
        <v>120</v>
      </c>
      <c r="M26130" t="s">
        <v>83</v>
      </c>
      <c r="N26130" t="s">
        <v>84</v>
      </c>
      <c r="O26130" t="s">
        <v>85</v>
      </c>
      <c r="P26130" t="s">
        <v>86</v>
      </c>
      <c r="Q26130">
        <v>54</v>
      </c>
      <c r="R26130">
        <v>54</v>
      </c>
      <c r="S26130">
        <v>54</v>
      </c>
      <c r="T26130">
        <v>55</v>
      </c>
      <c r="U26130">
        <v>55</v>
      </c>
      <c r="V26130">
        <v>55</v>
      </c>
      <c r="W26130">
        <v>55</v>
      </c>
      <c r="X26130">
        <v>55</v>
      </c>
      <c r="Y26130">
        <v>55</v>
      </c>
      <c r="Z26130">
        <v>55</v>
      </c>
      <c r="AA26130">
        <v>55</v>
      </c>
      <c r="AB26130">
        <v>56</v>
      </c>
      <c r="AC26130">
        <v>56</v>
      </c>
      <c r="AD26130">
        <v>56</v>
      </c>
      <c r="AE26130">
        <v>56</v>
      </c>
      <c r="AF26130">
        <v>56</v>
      </c>
      <c r="AG26130">
        <v>56</v>
      </c>
      <c r="AH26130">
        <v>56</v>
      </c>
      <c r="AI26130">
        <v>56</v>
      </c>
      <c r="AJ26130">
        <v>56</v>
      </c>
      <c r="AK26130">
        <v>56</v>
      </c>
      <c r="AL26130">
        <v>55</v>
      </c>
      <c r="AM26130">
        <v>55</v>
      </c>
      <c r="AN26130">
        <v>54</v>
      </c>
      <c r="AO26130">
        <v>54</v>
      </c>
      <c r="AP26130">
        <v>53</v>
      </c>
      <c r="AQ26130">
        <v>53</v>
      </c>
    </row>
    <row r="26131" spans="1:43">
      <c r="A26131" t="s">
        <v>16171</v>
      </c>
      <c r="B26131" t="s">
        <v>16172</v>
      </c>
      <c r="C26131" t="s">
        <v>16165</v>
      </c>
      <c r="D26131" t="s">
        <v>16166</v>
      </c>
      <c r="E26131" t="s">
        <v>16115</v>
      </c>
      <c r="F26131" t="s">
        <v>16116</v>
      </c>
      <c r="G26131" t="s">
        <v>10734</v>
      </c>
      <c r="H26131" t="s">
        <v>10735</v>
      </c>
      <c r="I26131" s="2">
        <v>1</v>
      </c>
      <c r="J26131" s="2">
        <v>0</v>
      </c>
      <c r="K26131" s="2">
        <v>0</v>
      </c>
      <c r="L26131" t="s">
        <v>120</v>
      </c>
      <c r="M26131" t="s">
        <v>87</v>
      </c>
      <c r="N26131" t="s">
        <v>88</v>
      </c>
      <c r="O26131" t="s">
        <v>85</v>
      </c>
      <c r="P26131" t="s">
        <v>86</v>
      </c>
      <c r="Q26131">
        <v>54</v>
      </c>
      <c r="R26131">
        <v>53</v>
      </c>
      <c r="S26131">
        <v>53</v>
      </c>
      <c r="T26131">
        <v>53</v>
      </c>
      <c r="U26131">
        <v>52</v>
      </c>
      <c r="V26131">
        <v>52</v>
      </c>
      <c r="W26131">
        <v>52</v>
      </c>
      <c r="X26131">
        <v>51</v>
      </c>
      <c r="Y26131">
        <v>51</v>
      </c>
      <c r="Z26131">
        <v>51</v>
      </c>
      <c r="AA26131">
        <v>51</v>
      </c>
      <c r="AB26131">
        <v>50</v>
      </c>
      <c r="AC26131">
        <v>50</v>
      </c>
      <c r="AD26131">
        <v>50</v>
      </c>
      <c r="AE26131">
        <v>49</v>
      </c>
      <c r="AF26131">
        <v>49</v>
      </c>
      <c r="AG26131">
        <v>49</v>
      </c>
      <c r="AH26131">
        <v>49</v>
      </c>
      <c r="AI26131">
        <v>48</v>
      </c>
      <c r="AJ26131">
        <v>48</v>
      </c>
      <c r="AK26131">
        <v>48</v>
      </c>
      <c r="AL26131">
        <v>48</v>
      </c>
      <c r="AM26131">
        <v>47</v>
      </c>
      <c r="AN26131">
        <v>47</v>
      </c>
      <c r="AO26131">
        <v>47</v>
      </c>
      <c r="AP26131">
        <v>46</v>
      </c>
      <c r="AQ26131">
        <v>46</v>
      </c>
    </row>
    <row r="26132" spans="1:43">
      <c r="A26132" t="s">
        <v>16171</v>
      </c>
      <c r="B26132" t="s">
        <v>16172</v>
      </c>
      <c r="C26132" t="s">
        <v>16165</v>
      </c>
      <c r="D26132" t="s">
        <v>16166</v>
      </c>
      <c r="E26132" t="s">
        <v>16115</v>
      </c>
      <c r="F26132" t="s">
        <v>16116</v>
      </c>
      <c r="G26132" t="s">
        <v>10734</v>
      </c>
      <c r="H26132" t="s">
        <v>10735</v>
      </c>
      <c r="I26132" s="2">
        <v>1</v>
      </c>
      <c r="J26132" s="2">
        <v>0</v>
      </c>
      <c r="K26132" s="2">
        <v>0</v>
      </c>
      <c r="L26132" t="s">
        <v>120</v>
      </c>
      <c r="M26132" t="s">
        <v>89</v>
      </c>
      <c r="N26132" t="s">
        <v>90</v>
      </c>
      <c r="O26132" t="s">
        <v>85</v>
      </c>
      <c r="P26132" t="s">
        <v>86</v>
      </c>
      <c r="Q26132">
        <v>54</v>
      </c>
      <c r="R26132">
        <v>54</v>
      </c>
      <c r="S26132">
        <v>55</v>
      </c>
      <c r="T26132">
        <v>55</v>
      </c>
      <c r="U26132">
        <v>56</v>
      </c>
      <c r="V26132">
        <v>56</v>
      </c>
      <c r="W26132">
        <v>57</v>
      </c>
      <c r="X26132">
        <v>57</v>
      </c>
      <c r="Y26132">
        <v>57</v>
      </c>
      <c r="Z26132">
        <v>58</v>
      </c>
      <c r="AA26132">
        <v>58</v>
      </c>
      <c r="AB26132">
        <v>58</v>
      </c>
      <c r="AC26132">
        <v>58</v>
      </c>
      <c r="AD26132">
        <v>59</v>
      </c>
      <c r="AE26132">
        <v>58</v>
      </c>
      <c r="AF26132">
        <v>58</v>
      </c>
      <c r="AG26132">
        <v>57</v>
      </c>
      <c r="AH26132">
        <v>57</v>
      </c>
      <c r="AI26132">
        <v>56</v>
      </c>
      <c r="AJ26132">
        <v>56</v>
      </c>
      <c r="AK26132">
        <v>55</v>
      </c>
      <c r="AL26132">
        <v>55</v>
      </c>
      <c r="AM26132">
        <v>54</v>
      </c>
      <c r="AN26132">
        <v>54</v>
      </c>
      <c r="AO26132">
        <v>53</v>
      </c>
      <c r="AP26132">
        <v>53</v>
      </c>
      <c r="AQ26132">
        <v>52</v>
      </c>
    </row>
    <row r="26133" spans="1:43">
      <c r="A26133" t="s">
        <v>16171</v>
      </c>
      <c r="B26133" t="s">
        <v>16172</v>
      </c>
      <c r="C26133" t="s">
        <v>16165</v>
      </c>
      <c r="D26133" t="s">
        <v>16166</v>
      </c>
      <c r="E26133" t="s">
        <v>16115</v>
      </c>
      <c r="F26133" t="s">
        <v>16116</v>
      </c>
      <c r="G26133" t="s">
        <v>10734</v>
      </c>
      <c r="H26133" t="s">
        <v>10735</v>
      </c>
      <c r="I26133" s="2">
        <v>1</v>
      </c>
      <c r="J26133" s="2">
        <v>0</v>
      </c>
      <c r="K26133" s="2">
        <v>0</v>
      </c>
      <c r="L26133" t="s">
        <v>120</v>
      </c>
      <c r="M26133" t="s">
        <v>83</v>
      </c>
      <c r="N26133" t="s">
        <v>91</v>
      </c>
      <c r="O26133" t="s">
        <v>85</v>
      </c>
      <c r="P26133" t="s">
        <v>86</v>
      </c>
      <c r="Q26133">
        <v>54</v>
      </c>
      <c r="R26133">
        <v>54</v>
      </c>
      <c r="S26133">
        <v>54</v>
      </c>
      <c r="T26133">
        <v>55</v>
      </c>
      <c r="U26133">
        <v>55</v>
      </c>
      <c r="V26133">
        <v>55</v>
      </c>
      <c r="W26133">
        <v>55</v>
      </c>
      <c r="X26133">
        <v>55</v>
      </c>
      <c r="Y26133">
        <v>55</v>
      </c>
      <c r="Z26133">
        <v>55</v>
      </c>
      <c r="AA26133">
        <v>55</v>
      </c>
      <c r="AB26133">
        <v>56</v>
      </c>
      <c r="AC26133">
        <v>56</v>
      </c>
      <c r="AD26133">
        <v>56</v>
      </c>
      <c r="AE26133">
        <v>56</v>
      </c>
      <c r="AF26133">
        <v>56</v>
      </c>
      <c r="AG26133">
        <v>56</v>
      </c>
      <c r="AH26133">
        <v>56</v>
      </c>
      <c r="AI26133">
        <v>56</v>
      </c>
      <c r="AJ26133">
        <v>56</v>
      </c>
      <c r="AK26133">
        <v>56</v>
      </c>
      <c r="AL26133">
        <v>55</v>
      </c>
      <c r="AM26133">
        <v>55</v>
      </c>
      <c r="AN26133">
        <v>54</v>
      </c>
      <c r="AO26133">
        <v>54</v>
      </c>
      <c r="AP26133">
        <v>53</v>
      </c>
      <c r="AQ26133">
        <v>53</v>
      </c>
    </row>
    <row r="26134" spans="1:43">
      <c r="A26134" t="s">
        <v>16173</v>
      </c>
      <c r="B26134" t="s">
        <v>16174</v>
      </c>
      <c r="C26134" t="s">
        <v>16165</v>
      </c>
      <c r="D26134" t="s">
        <v>16166</v>
      </c>
      <c r="E26134" t="s">
        <v>16115</v>
      </c>
      <c r="F26134" t="s">
        <v>16116</v>
      </c>
      <c r="G26134" t="s">
        <v>10734</v>
      </c>
      <c r="H26134" t="s">
        <v>10735</v>
      </c>
      <c r="I26134" s="2">
        <v>1</v>
      </c>
      <c r="J26134" s="2">
        <v>0</v>
      </c>
      <c r="K26134" s="2">
        <v>0</v>
      </c>
      <c r="L26134" t="s">
        <v>120</v>
      </c>
      <c r="M26134" t="s">
        <v>83</v>
      </c>
      <c r="N26134" t="s">
        <v>84</v>
      </c>
      <c r="O26134" t="s">
        <v>85</v>
      </c>
      <c r="P26134" t="s">
        <v>86</v>
      </c>
      <c r="Q26134">
        <v>40</v>
      </c>
      <c r="R26134">
        <v>40</v>
      </c>
      <c r="S26134">
        <v>40</v>
      </c>
      <c r="T26134">
        <v>40</v>
      </c>
      <c r="U26134">
        <v>40</v>
      </c>
      <c r="V26134">
        <v>40</v>
      </c>
      <c r="W26134">
        <v>40</v>
      </c>
      <c r="X26134">
        <v>40</v>
      </c>
      <c r="Y26134">
        <v>40</v>
      </c>
      <c r="Z26134">
        <v>40</v>
      </c>
      <c r="AA26134">
        <v>41</v>
      </c>
      <c r="AB26134">
        <v>41</v>
      </c>
      <c r="AC26134">
        <v>41</v>
      </c>
      <c r="AD26134">
        <v>41</v>
      </c>
      <c r="AE26134">
        <v>41</v>
      </c>
      <c r="AF26134">
        <v>41</v>
      </c>
      <c r="AG26134">
        <v>41</v>
      </c>
      <c r="AH26134">
        <v>41</v>
      </c>
      <c r="AI26134">
        <v>41</v>
      </c>
      <c r="AJ26134">
        <v>41</v>
      </c>
      <c r="AK26134">
        <v>41</v>
      </c>
      <c r="AL26134">
        <v>40</v>
      </c>
      <c r="AM26134">
        <v>40</v>
      </c>
      <c r="AN26134">
        <v>40</v>
      </c>
      <c r="AO26134">
        <v>39</v>
      </c>
      <c r="AP26134">
        <v>39</v>
      </c>
      <c r="AQ26134">
        <v>39</v>
      </c>
    </row>
    <row r="26135" spans="1:43">
      <c r="A26135" t="s">
        <v>16173</v>
      </c>
      <c r="B26135" t="s">
        <v>16174</v>
      </c>
      <c r="C26135" t="s">
        <v>16165</v>
      </c>
      <c r="D26135" t="s">
        <v>16166</v>
      </c>
      <c r="E26135" t="s">
        <v>16115</v>
      </c>
      <c r="F26135" t="s">
        <v>16116</v>
      </c>
      <c r="G26135" t="s">
        <v>10734</v>
      </c>
      <c r="H26135" t="s">
        <v>10735</v>
      </c>
      <c r="I26135" s="2">
        <v>1</v>
      </c>
      <c r="J26135" s="2">
        <v>0</v>
      </c>
      <c r="K26135" s="2">
        <v>0</v>
      </c>
      <c r="L26135" t="s">
        <v>120</v>
      </c>
      <c r="M26135" t="s">
        <v>87</v>
      </c>
      <c r="N26135" t="s">
        <v>88</v>
      </c>
      <c r="O26135" t="s">
        <v>85</v>
      </c>
      <c r="P26135" t="s">
        <v>86</v>
      </c>
      <c r="Q26135">
        <v>40</v>
      </c>
      <c r="R26135">
        <v>40</v>
      </c>
      <c r="S26135">
        <v>40</v>
      </c>
      <c r="T26135">
        <v>39</v>
      </c>
      <c r="U26135">
        <v>39</v>
      </c>
      <c r="V26135">
        <v>39</v>
      </c>
      <c r="W26135">
        <v>39</v>
      </c>
      <c r="X26135">
        <v>39</v>
      </c>
      <c r="Y26135">
        <v>38</v>
      </c>
      <c r="Z26135">
        <v>38</v>
      </c>
      <c r="AA26135">
        <v>38</v>
      </c>
      <c r="AB26135">
        <v>38</v>
      </c>
      <c r="AC26135">
        <v>38</v>
      </c>
      <c r="AD26135">
        <v>37</v>
      </c>
      <c r="AE26135">
        <v>37</v>
      </c>
      <c r="AF26135">
        <v>37</v>
      </c>
      <c r="AG26135">
        <v>37</v>
      </c>
      <c r="AH26135">
        <v>37</v>
      </c>
      <c r="AI26135">
        <v>36</v>
      </c>
      <c r="AJ26135">
        <v>36</v>
      </c>
      <c r="AK26135">
        <v>36</v>
      </c>
      <c r="AL26135">
        <v>36</v>
      </c>
      <c r="AM26135">
        <v>36</v>
      </c>
      <c r="AN26135">
        <v>35</v>
      </c>
      <c r="AO26135">
        <v>35</v>
      </c>
      <c r="AP26135">
        <v>35</v>
      </c>
      <c r="AQ26135">
        <v>35</v>
      </c>
    </row>
    <row r="26136" spans="1:43">
      <c r="A26136" t="s">
        <v>16173</v>
      </c>
      <c r="B26136" t="s">
        <v>16174</v>
      </c>
      <c r="C26136" t="s">
        <v>16165</v>
      </c>
      <c r="D26136" t="s">
        <v>16166</v>
      </c>
      <c r="E26136" t="s">
        <v>16115</v>
      </c>
      <c r="F26136" t="s">
        <v>16116</v>
      </c>
      <c r="G26136" t="s">
        <v>10734</v>
      </c>
      <c r="H26136" t="s">
        <v>10735</v>
      </c>
      <c r="I26136" s="2">
        <v>1</v>
      </c>
      <c r="J26136" s="2">
        <v>0</v>
      </c>
      <c r="K26136" s="2">
        <v>0</v>
      </c>
      <c r="L26136" t="s">
        <v>120</v>
      </c>
      <c r="M26136" t="s">
        <v>89</v>
      </c>
      <c r="N26136" t="s">
        <v>90</v>
      </c>
      <c r="O26136" t="s">
        <v>85</v>
      </c>
      <c r="P26136" t="s">
        <v>86</v>
      </c>
      <c r="Q26136">
        <v>40</v>
      </c>
      <c r="R26136">
        <v>40</v>
      </c>
      <c r="S26136">
        <v>41</v>
      </c>
      <c r="T26136">
        <v>41</v>
      </c>
      <c r="U26136">
        <v>42</v>
      </c>
      <c r="V26136">
        <v>42</v>
      </c>
      <c r="W26136">
        <v>42</v>
      </c>
      <c r="X26136">
        <v>42</v>
      </c>
      <c r="Y26136">
        <v>43</v>
      </c>
      <c r="Z26136">
        <v>43</v>
      </c>
      <c r="AA26136">
        <v>43</v>
      </c>
      <c r="AB26136">
        <v>43</v>
      </c>
      <c r="AC26136">
        <v>43</v>
      </c>
      <c r="AD26136">
        <v>44</v>
      </c>
      <c r="AE26136">
        <v>43</v>
      </c>
      <c r="AF26136">
        <v>43</v>
      </c>
      <c r="AG26136">
        <v>43</v>
      </c>
      <c r="AH26136">
        <v>42</v>
      </c>
      <c r="AI26136">
        <v>42</v>
      </c>
      <c r="AJ26136">
        <v>42</v>
      </c>
      <c r="AK26136">
        <v>41</v>
      </c>
      <c r="AL26136">
        <v>41</v>
      </c>
      <c r="AM26136">
        <v>40</v>
      </c>
      <c r="AN26136">
        <v>40</v>
      </c>
      <c r="AO26136">
        <v>40</v>
      </c>
      <c r="AP26136">
        <v>39</v>
      </c>
      <c r="AQ26136">
        <v>39</v>
      </c>
    </row>
    <row r="26137" spans="1:43">
      <c r="A26137" t="s">
        <v>16173</v>
      </c>
      <c r="B26137" t="s">
        <v>16174</v>
      </c>
      <c r="C26137" t="s">
        <v>16165</v>
      </c>
      <c r="D26137" t="s">
        <v>16166</v>
      </c>
      <c r="E26137" t="s">
        <v>16115</v>
      </c>
      <c r="F26137" t="s">
        <v>16116</v>
      </c>
      <c r="G26137" t="s">
        <v>10734</v>
      </c>
      <c r="H26137" t="s">
        <v>10735</v>
      </c>
      <c r="I26137" s="2">
        <v>1</v>
      </c>
      <c r="J26137" s="2">
        <v>0</v>
      </c>
      <c r="K26137" s="2">
        <v>0</v>
      </c>
      <c r="L26137" t="s">
        <v>120</v>
      </c>
      <c r="M26137" t="s">
        <v>83</v>
      </c>
      <c r="N26137" t="s">
        <v>91</v>
      </c>
      <c r="O26137" t="s">
        <v>85</v>
      </c>
      <c r="P26137" t="s">
        <v>86</v>
      </c>
      <c r="Q26137">
        <v>40</v>
      </c>
      <c r="R26137">
        <v>40</v>
      </c>
      <c r="S26137">
        <v>40</v>
      </c>
      <c r="T26137">
        <v>40</v>
      </c>
      <c r="U26137">
        <v>40</v>
      </c>
      <c r="V26137">
        <v>40</v>
      </c>
      <c r="W26137">
        <v>40</v>
      </c>
      <c r="X26137">
        <v>40</v>
      </c>
      <c r="Y26137">
        <v>40</v>
      </c>
      <c r="Z26137">
        <v>40</v>
      </c>
      <c r="AA26137">
        <v>41</v>
      </c>
      <c r="AB26137">
        <v>41</v>
      </c>
      <c r="AC26137">
        <v>41</v>
      </c>
      <c r="AD26137">
        <v>41</v>
      </c>
      <c r="AE26137">
        <v>41</v>
      </c>
      <c r="AF26137">
        <v>41</v>
      </c>
      <c r="AG26137">
        <v>41</v>
      </c>
      <c r="AH26137">
        <v>41</v>
      </c>
      <c r="AI26137">
        <v>41</v>
      </c>
      <c r="AJ26137">
        <v>41</v>
      </c>
      <c r="AK26137">
        <v>41</v>
      </c>
      <c r="AL26137">
        <v>40</v>
      </c>
      <c r="AM26137">
        <v>40</v>
      </c>
      <c r="AN26137">
        <v>40</v>
      </c>
      <c r="AO26137">
        <v>39</v>
      </c>
      <c r="AP26137">
        <v>39</v>
      </c>
      <c r="AQ26137">
        <v>39</v>
      </c>
    </row>
    <row r="26138" spans="1:43">
      <c r="A26138" t="s">
        <v>16175</v>
      </c>
      <c r="B26138" t="s">
        <v>16176</v>
      </c>
      <c r="C26138" t="s">
        <v>16177</v>
      </c>
      <c r="D26138" t="s">
        <v>16178</v>
      </c>
      <c r="E26138" t="s">
        <v>16115</v>
      </c>
      <c r="F26138" t="s">
        <v>16116</v>
      </c>
      <c r="G26138" t="s">
        <v>10734</v>
      </c>
      <c r="H26138" t="s">
        <v>10735</v>
      </c>
      <c r="I26138" s="2">
        <v>1</v>
      </c>
      <c r="J26138" s="2">
        <v>0</v>
      </c>
      <c r="K26138" s="2">
        <v>0</v>
      </c>
      <c r="L26138" t="s">
        <v>120</v>
      </c>
      <c r="M26138" t="s">
        <v>83</v>
      </c>
      <c r="N26138" t="s">
        <v>84</v>
      </c>
      <c r="O26138" t="s">
        <v>85</v>
      </c>
      <c r="P26138" t="s">
        <v>86</v>
      </c>
      <c r="Q26138">
        <v>10</v>
      </c>
      <c r="R26138">
        <v>10</v>
      </c>
      <c r="S26138">
        <v>10</v>
      </c>
      <c r="T26138">
        <v>10</v>
      </c>
      <c r="U26138">
        <v>10</v>
      </c>
      <c r="V26138">
        <v>10</v>
      </c>
      <c r="W26138">
        <v>10</v>
      </c>
      <c r="X26138">
        <v>10</v>
      </c>
      <c r="Y26138">
        <v>10</v>
      </c>
      <c r="Z26138">
        <v>10</v>
      </c>
      <c r="AA26138">
        <v>10</v>
      </c>
      <c r="AB26138">
        <v>10</v>
      </c>
      <c r="AC26138">
        <v>10</v>
      </c>
      <c r="AD26138">
        <v>10</v>
      </c>
      <c r="AE26138">
        <v>10</v>
      </c>
      <c r="AF26138">
        <v>10</v>
      </c>
      <c r="AG26138">
        <v>10</v>
      </c>
      <c r="AH26138">
        <v>10</v>
      </c>
      <c r="AI26138">
        <v>10</v>
      </c>
      <c r="AJ26138">
        <v>10</v>
      </c>
      <c r="AK26138">
        <v>10</v>
      </c>
      <c r="AL26138">
        <v>10</v>
      </c>
      <c r="AM26138">
        <v>10</v>
      </c>
      <c r="AN26138">
        <v>10</v>
      </c>
      <c r="AO26138">
        <v>9</v>
      </c>
      <c r="AP26138">
        <v>9</v>
      </c>
      <c r="AQ26138">
        <v>9</v>
      </c>
    </row>
    <row r="26139" spans="1:43">
      <c r="A26139" t="s">
        <v>16175</v>
      </c>
      <c r="B26139" t="s">
        <v>16176</v>
      </c>
      <c r="C26139" t="s">
        <v>16177</v>
      </c>
      <c r="D26139" t="s">
        <v>16178</v>
      </c>
      <c r="E26139" t="s">
        <v>16115</v>
      </c>
      <c r="F26139" t="s">
        <v>16116</v>
      </c>
      <c r="G26139" t="s">
        <v>10734</v>
      </c>
      <c r="H26139" t="s">
        <v>10735</v>
      </c>
      <c r="I26139" s="2">
        <v>1</v>
      </c>
      <c r="J26139" s="2">
        <v>0</v>
      </c>
      <c r="K26139" s="2">
        <v>0</v>
      </c>
      <c r="L26139" t="s">
        <v>120</v>
      </c>
      <c r="M26139" t="s">
        <v>87</v>
      </c>
      <c r="N26139" t="s">
        <v>88</v>
      </c>
      <c r="O26139" t="s">
        <v>85</v>
      </c>
      <c r="P26139" t="s">
        <v>86</v>
      </c>
      <c r="Q26139">
        <v>10</v>
      </c>
      <c r="R26139">
        <v>10</v>
      </c>
      <c r="S26139">
        <v>9</v>
      </c>
      <c r="T26139">
        <v>9</v>
      </c>
      <c r="U26139">
        <v>9</v>
      </c>
      <c r="V26139">
        <v>9</v>
      </c>
      <c r="W26139">
        <v>9</v>
      </c>
      <c r="X26139">
        <v>9</v>
      </c>
      <c r="Y26139">
        <v>9</v>
      </c>
      <c r="Z26139">
        <v>9</v>
      </c>
      <c r="AA26139">
        <v>9</v>
      </c>
      <c r="AB26139">
        <v>9</v>
      </c>
      <c r="AC26139">
        <v>9</v>
      </c>
      <c r="AD26139">
        <v>9</v>
      </c>
      <c r="AE26139">
        <v>9</v>
      </c>
      <c r="AF26139">
        <v>9</v>
      </c>
      <c r="AG26139">
        <v>9</v>
      </c>
      <c r="AH26139">
        <v>9</v>
      </c>
      <c r="AI26139">
        <v>9</v>
      </c>
      <c r="AJ26139">
        <v>9</v>
      </c>
      <c r="AK26139">
        <v>8</v>
      </c>
      <c r="AL26139">
        <v>8</v>
      </c>
      <c r="AM26139">
        <v>8</v>
      </c>
      <c r="AN26139">
        <v>8</v>
      </c>
      <c r="AO26139">
        <v>8</v>
      </c>
      <c r="AP26139">
        <v>8</v>
      </c>
      <c r="AQ26139">
        <v>8</v>
      </c>
    </row>
    <row r="26140" spans="1:43">
      <c r="A26140" t="s">
        <v>16175</v>
      </c>
      <c r="B26140" t="s">
        <v>16176</v>
      </c>
      <c r="C26140" t="s">
        <v>16177</v>
      </c>
      <c r="D26140" t="s">
        <v>16178</v>
      </c>
      <c r="E26140" t="s">
        <v>16115</v>
      </c>
      <c r="F26140" t="s">
        <v>16116</v>
      </c>
      <c r="G26140" t="s">
        <v>10734</v>
      </c>
      <c r="H26140" t="s">
        <v>10735</v>
      </c>
      <c r="I26140" s="2">
        <v>1</v>
      </c>
      <c r="J26140" s="2">
        <v>0</v>
      </c>
      <c r="K26140" s="2">
        <v>0</v>
      </c>
      <c r="L26140" t="s">
        <v>120</v>
      </c>
      <c r="M26140" t="s">
        <v>89</v>
      </c>
      <c r="N26140" t="s">
        <v>90</v>
      </c>
      <c r="O26140" t="s">
        <v>85</v>
      </c>
      <c r="P26140" t="s">
        <v>86</v>
      </c>
      <c r="Q26140">
        <v>10</v>
      </c>
      <c r="R26140">
        <v>10</v>
      </c>
      <c r="S26140">
        <v>10</v>
      </c>
      <c r="T26140">
        <v>10</v>
      </c>
      <c r="U26140">
        <v>10</v>
      </c>
      <c r="V26140">
        <v>10</v>
      </c>
      <c r="W26140">
        <v>10</v>
      </c>
      <c r="X26140">
        <v>10</v>
      </c>
      <c r="Y26140">
        <v>10</v>
      </c>
      <c r="Z26140">
        <v>10</v>
      </c>
      <c r="AA26140">
        <v>10</v>
      </c>
      <c r="AB26140">
        <v>11</v>
      </c>
      <c r="AC26140">
        <v>11</v>
      </c>
      <c r="AD26140">
        <v>11</v>
      </c>
      <c r="AE26140">
        <v>11</v>
      </c>
      <c r="AF26140">
        <v>10</v>
      </c>
      <c r="AG26140">
        <v>10</v>
      </c>
      <c r="AH26140">
        <v>10</v>
      </c>
      <c r="AI26140">
        <v>10</v>
      </c>
      <c r="AJ26140">
        <v>10</v>
      </c>
      <c r="AK26140">
        <v>10</v>
      </c>
      <c r="AL26140">
        <v>10</v>
      </c>
      <c r="AM26140">
        <v>10</v>
      </c>
      <c r="AN26140">
        <v>10</v>
      </c>
      <c r="AO26140">
        <v>10</v>
      </c>
      <c r="AP26140">
        <v>9</v>
      </c>
      <c r="AQ26140">
        <v>9</v>
      </c>
    </row>
    <row r="26141" spans="1:43">
      <c r="A26141" t="s">
        <v>16175</v>
      </c>
      <c r="B26141" t="s">
        <v>16176</v>
      </c>
      <c r="C26141" t="s">
        <v>16177</v>
      </c>
      <c r="D26141" t="s">
        <v>16178</v>
      </c>
      <c r="E26141" t="s">
        <v>16115</v>
      </c>
      <c r="F26141" t="s">
        <v>16116</v>
      </c>
      <c r="G26141" t="s">
        <v>10734</v>
      </c>
      <c r="H26141" t="s">
        <v>10735</v>
      </c>
      <c r="I26141" s="2">
        <v>1</v>
      </c>
      <c r="J26141" s="2">
        <v>0</v>
      </c>
      <c r="K26141" s="2">
        <v>0</v>
      </c>
      <c r="L26141" t="s">
        <v>120</v>
      </c>
      <c r="M26141" t="s">
        <v>83</v>
      </c>
      <c r="N26141" t="s">
        <v>91</v>
      </c>
      <c r="O26141" t="s">
        <v>85</v>
      </c>
      <c r="P26141" t="s">
        <v>86</v>
      </c>
      <c r="Q26141">
        <v>10</v>
      </c>
      <c r="R26141">
        <v>10</v>
      </c>
      <c r="S26141">
        <v>10</v>
      </c>
      <c r="T26141">
        <v>10</v>
      </c>
      <c r="U26141">
        <v>10</v>
      </c>
      <c r="V26141">
        <v>10</v>
      </c>
      <c r="W26141">
        <v>10</v>
      </c>
      <c r="X26141">
        <v>10</v>
      </c>
      <c r="Y26141">
        <v>10</v>
      </c>
      <c r="Z26141">
        <v>10</v>
      </c>
      <c r="AA26141">
        <v>10</v>
      </c>
      <c r="AB26141">
        <v>10</v>
      </c>
      <c r="AC26141">
        <v>10</v>
      </c>
      <c r="AD26141">
        <v>10</v>
      </c>
      <c r="AE26141">
        <v>10</v>
      </c>
      <c r="AF26141">
        <v>10</v>
      </c>
      <c r="AG26141">
        <v>10</v>
      </c>
      <c r="AH26141">
        <v>10</v>
      </c>
      <c r="AI26141">
        <v>10</v>
      </c>
      <c r="AJ26141">
        <v>10</v>
      </c>
      <c r="AK26141">
        <v>10</v>
      </c>
      <c r="AL26141">
        <v>10</v>
      </c>
      <c r="AM26141">
        <v>10</v>
      </c>
      <c r="AN26141">
        <v>10</v>
      </c>
      <c r="AO26141">
        <v>9</v>
      </c>
      <c r="AP26141">
        <v>9</v>
      </c>
      <c r="AQ26141">
        <v>9</v>
      </c>
    </row>
    <row r="26142" spans="1:43">
      <c r="A26142" t="s">
        <v>16179</v>
      </c>
      <c r="B26142" t="s">
        <v>16180</v>
      </c>
      <c r="C26142" t="s">
        <v>16177</v>
      </c>
      <c r="D26142" t="s">
        <v>16178</v>
      </c>
      <c r="E26142" t="s">
        <v>16115</v>
      </c>
      <c r="F26142" t="s">
        <v>16116</v>
      </c>
      <c r="G26142" t="s">
        <v>10734</v>
      </c>
      <c r="H26142" t="s">
        <v>10735</v>
      </c>
      <c r="I26142" s="2">
        <v>1</v>
      </c>
      <c r="J26142" s="2">
        <v>0</v>
      </c>
      <c r="K26142" s="2">
        <v>0</v>
      </c>
      <c r="L26142" t="s">
        <v>120</v>
      </c>
      <c r="M26142" t="s">
        <v>83</v>
      </c>
      <c r="N26142" t="s">
        <v>84</v>
      </c>
      <c r="O26142" t="s">
        <v>85</v>
      </c>
      <c r="P26142" t="s">
        <v>86</v>
      </c>
      <c r="Q26142">
        <v>15</v>
      </c>
      <c r="R26142">
        <v>15</v>
      </c>
      <c r="S26142">
        <v>15</v>
      </c>
      <c r="T26142">
        <v>15</v>
      </c>
      <c r="U26142">
        <v>15</v>
      </c>
      <c r="V26142">
        <v>15</v>
      </c>
      <c r="W26142">
        <v>15</v>
      </c>
      <c r="X26142">
        <v>15</v>
      </c>
      <c r="Y26142">
        <v>15</v>
      </c>
      <c r="Z26142">
        <v>15</v>
      </c>
      <c r="AA26142">
        <v>15</v>
      </c>
      <c r="AB26142">
        <v>15</v>
      </c>
      <c r="AC26142">
        <v>15</v>
      </c>
      <c r="AD26142">
        <v>15</v>
      </c>
      <c r="AE26142">
        <v>15</v>
      </c>
      <c r="AF26142">
        <v>15</v>
      </c>
      <c r="AG26142">
        <v>15</v>
      </c>
      <c r="AH26142">
        <v>15</v>
      </c>
      <c r="AI26142">
        <v>15</v>
      </c>
      <c r="AJ26142">
        <v>15</v>
      </c>
      <c r="AK26142">
        <v>15</v>
      </c>
      <c r="AL26142">
        <v>15</v>
      </c>
      <c r="AM26142">
        <v>15</v>
      </c>
      <c r="AN26142">
        <v>15</v>
      </c>
      <c r="AO26142">
        <v>15</v>
      </c>
      <c r="AP26142">
        <v>14</v>
      </c>
      <c r="AQ26142">
        <v>14</v>
      </c>
    </row>
    <row r="26143" spans="1:43">
      <c r="A26143" t="s">
        <v>16179</v>
      </c>
      <c r="B26143" t="s">
        <v>16180</v>
      </c>
      <c r="C26143" t="s">
        <v>16177</v>
      </c>
      <c r="D26143" t="s">
        <v>16178</v>
      </c>
      <c r="E26143" t="s">
        <v>16115</v>
      </c>
      <c r="F26143" t="s">
        <v>16116</v>
      </c>
      <c r="G26143" t="s">
        <v>10734</v>
      </c>
      <c r="H26143" t="s">
        <v>10735</v>
      </c>
      <c r="I26143" s="2">
        <v>1</v>
      </c>
      <c r="J26143" s="2">
        <v>0</v>
      </c>
      <c r="K26143" s="2">
        <v>0</v>
      </c>
      <c r="L26143" t="s">
        <v>120</v>
      </c>
      <c r="M26143" t="s">
        <v>87</v>
      </c>
      <c r="N26143" t="s">
        <v>88</v>
      </c>
      <c r="O26143" t="s">
        <v>85</v>
      </c>
      <c r="P26143" t="s">
        <v>86</v>
      </c>
      <c r="Q26143">
        <v>15</v>
      </c>
      <c r="R26143">
        <v>15</v>
      </c>
      <c r="S26143">
        <v>14</v>
      </c>
      <c r="T26143">
        <v>14</v>
      </c>
      <c r="U26143">
        <v>14</v>
      </c>
      <c r="V26143">
        <v>14</v>
      </c>
      <c r="W26143">
        <v>14</v>
      </c>
      <c r="X26143">
        <v>14</v>
      </c>
      <c r="Y26143">
        <v>14</v>
      </c>
      <c r="Z26143">
        <v>14</v>
      </c>
      <c r="AA26143">
        <v>14</v>
      </c>
      <c r="AB26143">
        <v>14</v>
      </c>
      <c r="AC26143">
        <v>14</v>
      </c>
      <c r="AD26143">
        <v>14</v>
      </c>
      <c r="AE26143">
        <v>13</v>
      </c>
      <c r="AF26143">
        <v>13</v>
      </c>
      <c r="AG26143">
        <v>13</v>
      </c>
      <c r="AH26143">
        <v>13</v>
      </c>
      <c r="AI26143">
        <v>13</v>
      </c>
      <c r="AJ26143">
        <v>13</v>
      </c>
      <c r="AK26143">
        <v>13</v>
      </c>
      <c r="AL26143">
        <v>13</v>
      </c>
      <c r="AM26143">
        <v>13</v>
      </c>
      <c r="AN26143">
        <v>13</v>
      </c>
      <c r="AO26143">
        <v>13</v>
      </c>
      <c r="AP26143">
        <v>13</v>
      </c>
      <c r="AQ26143">
        <v>12</v>
      </c>
    </row>
    <row r="26144" spans="1:43">
      <c r="A26144" t="s">
        <v>16179</v>
      </c>
      <c r="B26144" t="s">
        <v>16180</v>
      </c>
      <c r="C26144" t="s">
        <v>16177</v>
      </c>
      <c r="D26144" t="s">
        <v>16178</v>
      </c>
      <c r="E26144" t="s">
        <v>16115</v>
      </c>
      <c r="F26144" t="s">
        <v>16116</v>
      </c>
      <c r="G26144" t="s">
        <v>10734</v>
      </c>
      <c r="H26144" t="s">
        <v>10735</v>
      </c>
      <c r="I26144" s="2">
        <v>1</v>
      </c>
      <c r="J26144" s="2">
        <v>0</v>
      </c>
      <c r="K26144" s="2">
        <v>0</v>
      </c>
      <c r="L26144" t="s">
        <v>120</v>
      </c>
      <c r="M26144" t="s">
        <v>89</v>
      </c>
      <c r="N26144" t="s">
        <v>90</v>
      </c>
      <c r="O26144" t="s">
        <v>85</v>
      </c>
      <c r="P26144" t="s">
        <v>86</v>
      </c>
      <c r="Q26144">
        <v>15</v>
      </c>
      <c r="R26144">
        <v>15</v>
      </c>
      <c r="S26144">
        <v>15</v>
      </c>
      <c r="T26144">
        <v>15</v>
      </c>
      <c r="U26144">
        <v>16</v>
      </c>
      <c r="V26144">
        <v>16</v>
      </c>
      <c r="W26144">
        <v>16</v>
      </c>
      <c r="X26144">
        <v>16</v>
      </c>
      <c r="Y26144">
        <v>16</v>
      </c>
      <c r="Z26144">
        <v>16</v>
      </c>
      <c r="AA26144">
        <v>16</v>
      </c>
      <c r="AB26144">
        <v>16</v>
      </c>
      <c r="AC26144">
        <v>16</v>
      </c>
      <c r="AD26144">
        <v>16</v>
      </c>
      <c r="AE26144">
        <v>16</v>
      </c>
      <c r="AF26144">
        <v>16</v>
      </c>
      <c r="AG26144">
        <v>16</v>
      </c>
      <c r="AH26144">
        <v>16</v>
      </c>
      <c r="AI26144">
        <v>16</v>
      </c>
      <c r="AJ26144">
        <v>15</v>
      </c>
      <c r="AK26144">
        <v>15</v>
      </c>
      <c r="AL26144">
        <v>15</v>
      </c>
      <c r="AM26144">
        <v>15</v>
      </c>
      <c r="AN26144">
        <v>15</v>
      </c>
      <c r="AO26144">
        <v>15</v>
      </c>
      <c r="AP26144">
        <v>15</v>
      </c>
      <c r="AQ26144">
        <v>14</v>
      </c>
    </row>
    <row r="26145" spans="1:43">
      <c r="A26145" t="s">
        <v>16179</v>
      </c>
      <c r="B26145" t="s">
        <v>16180</v>
      </c>
      <c r="C26145" t="s">
        <v>16177</v>
      </c>
      <c r="D26145" t="s">
        <v>16178</v>
      </c>
      <c r="E26145" t="s">
        <v>16115</v>
      </c>
      <c r="F26145" t="s">
        <v>16116</v>
      </c>
      <c r="G26145" t="s">
        <v>10734</v>
      </c>
      <c r="H26145" t="s">
        <v>10735</v>
      </c>
      <c r="I26145" s="2">
        <v>1</v>
      </c>
      <c r="J26145" s="2">
        <v>0</v>
      </c>
      <c r="K26145" s="2">
        <v>0</v>
      </c>
      <c r="L26145" t="s">
        <v>120</v>
      </c>
      <c r="M26145" t="s">
        <v>83</v>
      </c>
      <c r="N26145" t="s">
        <v>91</v>
      </c>
      <c r="O26145" t="s">
        <v>85</v>
      </c>
      <c r="P26145" t="s">
        <v>86</v>
      </c>
      <c r="Q26145">
        <v>15</v>
      </c>
      <c r="R26145">
        <v>15</v>
      </c>
      <c r="S26145">
        <v>15</v>
      </c>
      <c r="T26145">
        <v>15</v>
      </c>
      <c r="U26145">
        <v>15</v>
      </c>
      <c r="V26145">
        <v>15</v>
      </c>
      <c r="W26145">
        <v>15</v>
      </c>
      <c r="X26145">
        <v>15</v>
      </c>
      <c r="Y26145">
        <v>15</v>
      </c>
      <c r="Z26145">
        <v>15</v>
      </c>
      <c r="AA26145">
        <v>15</v>
      </c>
      <c r="AB26145">
        <v>15</v>
      </c>
      <c r="AC26145">
        <v>15</v>
      </c>
      <c r="AD26145">
        <v>15</v>
      </c>
      <c r="AE26145">
        <v>15</v>
      </c>
      <c r="AF26145">
        <v>15</v>
      </c>
      <c r="AG26145">
        <v>15</v>
      </c>
      <c r="AH26145">
        <v>15</v>
      </c>
      <c r="AI26145">
        <v>15</v>
      </c>
      <c r="AJ26145">
        <v>15</v>
      </c>
      <c r="AK26145">
        <v>15</v>
      </c>
      <c r="AL26145">
        <v>15</v>
      </c>
      <c r="AM26145">
        <v>15</v>
      </c>
      <c r="AN26145">
        <v>15</v>
      </c>
      <c r="AO26145">
        <v>15</v>
      </c>
      <c r="AP26145">
        <v>14</v>
      </c>
      <c r="AQ26145">
        <v>14</v>
      </c>
    </row>
    <row r="26146" spans="1:43">
      <c r="A26146" t="s">
        <v>16181</v>
      </c>
      <c r="B26146" t="s">
        <v>16182</v>
      </c>
      <c r="C26146" t="s">
        <v>16177</v>
      </c>
      <c r="D26146" t="s">
        <v>16178</v>
      </c>
      <c r="E26146" t="s">
        <v>16115</v>
      </c>
      <c r="F26146" t="s">
        <v>16116</v>
      </c>
      <c r="G26146" t="s">
        <v>10734</v>
      </c>
      <c r="H26146" t="s">
        <v>10735</v>
      </c>
      <c r="I26146" s="2">
        <v>1</v>
      </c>
      <c r="J26146" s="2">
        <v>0</v>
      </c>
      <c r="K26146" s="2">
        <v>0</v>
      </c>
      <c r="L26146" t="s">
        <v>120</v>
      </c>
      <c r="M26146" t="s">
        <v>83</v>
      </c>
      <c r="N26146" t="s">
        <v>84</v>
      </c>
      <c r="O26146" t="s">
        <v>85</v>
      </c>
      <c r="P26146" t="s">
        <v>86</v>
      </c>
      <c r="Q26146">
        <v>11</v>
      </c>
      <c r="R26146">
        <v>11</v>
      </c>
      <c r="S26146">
        <v>11</v>
      </c>
      <c r="T26146">
        <v>11</v>
      </c>
      <c r="U26146">
        <v>11</v>
      </c>
      <c r="V26146">
        <v>11</v>
      </c>
      <c r="W26146">
        <v>11</v>
      </c>
      <c r="X26146">
        <v>11</v>
      </c>
      <c r="Y26146">
        <v>11</v>
      </c>
      <c r="Z26146">
        <v>11</v>
      </c>
      <c r="AA26146">
        <v>11</v>
      </c>
      <c r="AB26146">
        <v>11</v>
      </c>
      <c r="AC26146">
        <v>11</v>
      </c>
      <c r="AD26146">
        <v>11</v>
      </c>
      <c r="AE26146">
        <v>11</v>
      </c>
      <c r="AF26146">
        <v>11</v>
      </c>
      <c r="AG26146">
        <v>11</v>
      </c>
      <c r="AH26146">
        <v>11</v>
      </c>
      <c r="AI26146">
        <v>11</v>
      </c>
      <c r="AJ26146">
        <v>11</v>
      </c>
      <c r="AK26146">
        <v>11</v>
      </c>
      <c r="AL26146">
        <v>11</v>
      </c>
      <c r="AM26146">
        <v>11</v>
      </c>
      <c r="AN26146">
        <v>11</v>
      </c>
      <c r="AO26146">
        <v>11</v>
      </c>
      <c r="AP26146">
        <v>11</v>
      </c>
      <c r="AQ26146">
        <v>11</v>
      </c>
    </row>
    <row r="26147" spans="1:43">
      <c r="A26147" t="s">
        <v>16181</v>
      </c>
      <c r="B26147" t="s">
        <v>16182</v>
      </c>
      <c r="C26147" t="s">
        <v>16177</v>
      </c>
      <c r="D26147" t="s">
        <v>16178</v>
      </c>
      <c r="E26147" t="s">
        <v>16115</v>
      </c>
      <c r="F26147" t="s">
        <v>16116</v>
      </c>
      <c r="G26147" t="s">
        <v>10734</v>
      </c>
      <c r="H26147" t="s">
        <v>10735</v>
      </c>
      <c r="I26147" s="2">
        <v>1</v>
      </c>
      <c r="J26147" s="2">
        <v>0</v>
      </c>
      <c r="K26147" s="2">
        <v>0</v>
      </c>
      <c r="L26147" t="s">
        <v>120</v>
      </c>
      <c r="M26147" t="s">
        <v>87</v>
      </c>
      <c r="N26147" t="s">
        <v>88</v>
      </c>
      <c r="O26147" t="s">
        <v>85</v>
      </c>
      <c r="P26147" t="s">
        <v>86</v>
      </c>
      <c r="Q26147">
        <v>11</v>
      </c>
      <c r="R26147">
        <v>11</v>
      </c>
      <c r="S26147">
        <v>11</v>
      </c>
      <c r="T26147">
        <v>11</v>
      </c>
      <c r="U26147">
        <v>11</v>
      </c>
      <c r="V26147">
        <v>11</v>
      </c>
      <c r="W26147">
        <v>11</v>
      </c>
      <c r="X26147">
        <v>11</v>
      </c>
      <c r="Y26147">
        <v>11</v>
      </c>
      <c r="Z26147">
        <v>11</v>
      </c>
      <c r="AA26147">
        <v>10</v>
      </c>
      <c r="AB26147">
        <v>10</v>
      </c>
      <c r="AC26147">
        <v>10</v>
      </c>
      <c r="AD26147">
        <v>10</v>
      </c>
      <c r="AE26147">
        <v>10</v>
      </c>
      <c r="AF26147">
        <v>10</v>
      </c>
      <c r="AG26147">
        <v>10</v>
      </c>
      <c r="AH26147">
        <v>10</v>
      </c>
      <c r="AI26147">
        <v>10</v>
      </c>
      <c r="AJ26147">
        <v>10</v>
      </c>
      <c r="AK26147">
        <v>10</v>
      </c>
      <c r="AL26147">
        <v>10</v>
      </c>
      <c r="AM26147">
        <v>10</v>
      </c>
      <c r="AN26147">
        <v>10</v>
      </c>
      <c r="AO26147">
        <v>10</v>
      </c>
      <c r="AP26147">
        <v>10</v>
      </c>
      <c r="AQ26147">
        <v>9</v>
      </c>
    </row>
    <row r="26148" spans="1:43">
      <c r="A26148" t="s">
        <v>16181</v>
      </c>
      <c r="B26148" t="s">
        <v>16182</v>
      </c>
      <c r="C26148" t="s">
        <v>16177</v>
      </c>
      <c r="D26148" t="s">
        <v>16178</v>
      </c>
      <c r="E26148" t="s">
        <v>16115</v>
      </c>
      <c r="F26148" t="s">
        <v>16116</v>
      </c>
      <c r="G26148" t="s">
        <v>10734</v>
      </c>
      <c r="H26148" t="s">
        <v>10735</v>
      </c>
      <c r="I26148" s="2">
        <v>1</v>
      </c>
      <c r="J26148" s="2">
        <v>0</v>
      </c>
      <c r="K26148" s="2">
        <v>0</v>
      </c>
      <c r="L26148" t="s">
        <v>120</v>
      </c>
      <c r="M26148" t="s">
        <v>89</v>
      </c>
      <c r="N26148" t="s">
        <v>90</v>
      </c>
      <c r="O26148" t="s">
        <v>85</v>
      </c>
      <c r="P26148" t="s">
        <v>86</v>
      </c>
      <c r="Q26148">
        <v>11</v>
      </c>
      <c r="R26148">
        <v>11</v>
      </c>
      <c r="S26148">
        <v>12</v>
      </c>
      <c r="T26148">
        <v>12</v>
      </c>
      <c r="U26148">
        <v>12</v>
      </c>
      <c r="V26148">
        <v>12</v>
      </c>
      <c r="W26148">
        <v>12</v>
      </c>
      <c r="X26148">
        <v>12</v>
      </c>
      <c r="Y26148">
        <v>12</v>
      </c>
      <c r="Z26148">
        <v>12</v>
      </c>
      <c r="AA26148">
        <v>12</v>
      </c>
      <c r="AB26148">
        <v>12</v>
      </c>
      <c r="AC26148">
        <v>12</v>
      </c>
      <c r="AD26148">
        <v>12</v>
      </c>
      <c r="AE26148">
        <v>12</v>
      </c>
      <c r="AF26148">
        <v>12</v>
      </c>
      <c r="AG26148">
        <v>12</v>
      </c>
      <c r="AH26148">
        <v>12</v>
      </c>
      <c r="AI26148">
        <v>12</v>
      </c>
      <c r="AJ26148">
        <v>12</v>
      </c>
      <c r="AK26148">
        <v>12</v>
      </c>
      <c r="AL26148">
        <v>11</v>
      </c>
      <c r="AM26148">
        <v>11</v>
      </c>
      <c r="AN26148">
        <v>11</v>
      </c>
      <c r="AO26148">
        <v>11</v>
      </c>
      <c r="AP26148">
        <v>11</v>
      </c>
      <c r="AQ26148">
        <v>11</v>
      </c>
    </row>
    <row r="26149" spans="1:43">
      <c r="A26149" t="s">
        <v>16181</v>
      </c>
      <c r="B26149" t="s">
        <v>16182</v>
      </c>
      <c r="C26149" t="s">
        <v>16177</v>
      </c>
      <c r="D26149" t="s">
        <v>16178</v>
      </c>
      <c r="E26149" t="s">
        <v>16115</v>
      </c>
      <c r="F26149" t="s">
        <v>16116</v>
      </c>
      <c r="G26149" t="s">
        <v>10734</v>
      </c>
      <c r="H26149" t="s">
        <v>10735</v>
      </c>
      <c r="I26149" s="2">
        <v>1</v>
      </c>
      <c r="J26149" s="2">
        <v>0</v>
      </c>
      <c r="K26149" s="2">
        <v>0</v>
      </c>
      <c r="L26149" t="s">
        <v>120</v>
      </c>
      <c r="M26149" t="s">
        <v>83</v>
      </c>
      <c r="N26149" t="s">
        <v>91</v>
      </c>
      <c r="O26149" t="s">
        <v>85</v>
      </c>
      <c r="P26149" t="s">
        <v>86</v>
      </c>
      <c r="Q26149">
        <v>11</v>
      </c>
      <c r="R26149">
        <v>11</v>
      </c>
      <c r="S26149">
        <v>11</v>
      </c>
      <c r="T26149">
        <v>11</v>
      </c>
      <c r="U26149">
        <v>11</v>
      </c>
      <c r="V26149">
        <v>11</v>
      </c>
      <c r="W26149">
        <v>11</v>
      </c>
      <c r="X26149">
        <v>11</v>
      </c>
      <c r="Y26149">
        <v>11</v>
      </c>
      <c r="Z26149">
        <v>11</v>
      </c>
      <c r="AA26149">
        <v>11</v>
      </c>
      <c r="AB26149">
        <v>11</v>
      </c>
      <c r="AC26149">
        <v>11</v>
      </c>
      <c r="AD26149">
        <v>11</v>
      </c>
      <c r="AE26149">
        <v>11</v>
      </c>
      <c r="AF26149">
        <v>11</v>
      </c>
      <c r="AG26149">
        <v>11</v>
      </c>
      <c r="AH26149">
        <v>11</v>
      </c>
      <c r="AI26149">
        <v>11</v>
      </c>
      <c r="AJ26149">
        <v>11</v>
      </c>
      <c r="AK26149">
        <v>11</v>
      </c>
      <c r="AL26149">
        <v>11</v>
      </c>
      <c r="AM26149">
        <v>11</v>
      </c>
      <c r="AN26149">
        <v>11</v>
      </c>
      <c r="AO26149">
        <v>11</v>
      </c>
      <c r="AP26149">
        <v>11</v>
      </c>
      <c r="AQ26149">
        <v>11</v>
      </c>
    </row>
    <row r="26150" spans="1:43">
      <c r="A26150" t="s">
        <v>16183</v>
      </c>
      <c r="B26150" t="s">
        <v>16184</v>
      </c>
      <c r="C26150" t="s">
        <v>16177</v>
      </c>
      <c r="D26150" t="s">
        <v>16178</v>
      </c>
      <c r="E26150" t="s">
        <v>16115</v>
      </c>
      <c r="F26150" t="s">
        <v>16116</v>
      </c>
      <c r="G26150" t="s">
        <v>10734</v>
      </c>
      <c r="H26150" t="s">
        <v>10735</v>
      </c>
      <c r="I26150" s="2">
        <v>1</v>
      </c>
      <c r="J26150" s="2">
        <v>0</v>
      </c>
      <c r="K26150" s="2">
        <v>0</v>
      </c>
      <c r="L26150" t="s">
        <v>120</v>
      </c>
      <c r="M26150" t="s">
        <v>83</v>
      </c>
      <c r="N26150" t="s">
        <v>84</v>
      </c>
      <c r="O26150" t="s">
        <v>85</v>
      </c>
      <c r="P26150" t="s">
        <v>86</v>
      </c>
      <c r="Q26150">
        <v>16</v>
      </c>
      <c r="R26150">
        <v>16</v>
      </c>
      <c r="S26150">
        <v>16</v>
      </c>
      <c r="T26150">
        <v>16</v>
      </c>
      <c r="U26150">
        <v>16</v>
      </c>
      <c r="V26150">
        <v>17</v>
      </c>
      <c r="W26150">
        <v>17</v>
      </c>
      <c r="X26150">
        <v>17</v>
      </c>
      <c r="Y26150">
        <v>17</v>
      </c>
      <c r="Z26150">
        <v>17</v>
      </c>
      <c r="AA26150">
        <v>17</v>
      </c>
      <c r="AB26150">
        <v>17</v>
      </c>
      <c r="AC26150">
        <v>17</v>
      </c>
      <c r="AD26150">
        <v>17</v>
      </c>
      <c r="AE26150">
        <v>17</v>
      </c>
      <c r="AF26150">
        <v>17</v>
      </c>
      <c r="AG26150">
        <v>17</v>
      </c>
      <c r="AH26150">
        <v>17</v>
      </c>
      <c r="AI26150">
        <v>17</v>
      </c>
      <c r="AJ26150">
        <v>17</v>
      </c>
      <c r="AK26150">
        <v>17</v>
      </c>
      <c r="AL26150">
        <v>17</v>
      </c>
      <c r="AM26150">
        <v>16</v>
      </c>
      <c r="AN26150">
        <v>16</v>
      </c>
      <c r="AO26150">
        <v>16</v>
      </c>
      <c r="AP26150">
        <v>16</v>
      </c>
      <c r="AQ26150">
        <v>16</v>
      </c>
    </row>
    <row r="26151" spans="1:43">
      <c r="A26151" t="s">
        <v>16183</v>
      </c>
      <c r="B26151" t="s">
        <v>16184</v>
      </c>
      <c r="C26151" t="s">
        <v>16177</v>
      </c>
      <c r="D26151" t="s">
        <v>16178</v>
      </c>
      <c r="E26151" t="s">
        <v>16115</v>
      </c>
      <c r="F26151" t="s">
        <v>16116</v>
      </c>
      <c r="G26151" t="s">
        <v>10734</v>
      </c>
      <c r="H26151" t="s">
        <v>10735</v>
      </c>
      <c r="I26151" s="2">
        <v>1</v>
      </c>
      <c r="J26151" s="2">
        <v>0</v>
      </c>
      <c r="K26151" s="2">
        <v>0</v>
      </c>
      <c r="L26151" t="s">
        <v>120</v>
      </c>
      <c r="M26151" t="s">
        <v>87</v>
      </c>
      <c r="N26151" t="s">
        <v>88</v>
      </c>
      <c r="O26151" t="s">
        <v>85</v>
      </c>
      <c r="P26151" t="s">
        <v>86</v>
      </c>
      <c r="Q26151">
        <v>16</v>
      </c>
      <c r="R26151">
        <v>16</v>
      </c>
      <c r="S26151">
        <v>16</v>
      </c>
      <c r="T26151">
        <v>16</v>
      </c>
      <c r="U26151">
        <v>16</v>
      </c>
      <c r="V26151">
        <v>16</v>
      </c>
      <c r="W26151">
        <v>16</v>
      </c>
      <c r="X26151">
        <v>15</v>
      </c>
      <c r="Y26151">
        <v>15</v>
      </c>
      <c r="Z26151">
        <v>15</v>
      </c>
      <c r="AA26151">
        <v>15</v>
      </c>
      <c r="AB26151">
        <v>15</v>
      </c>
      <c r="AC26151">
        <v>15</v>
      </c>
      <c r="AD26151">
        <v>15</v>
      </c>
      <c r="AE26151">
        <v>15</v>
      </c>
      <c r="AF26151">
        <v>15</v>
      </c>
      <c r="AG26151">
        <v>15</v>
      </c>
      <c r="AH26151">
        <v>15</v>
      </c>
      <c r="AI26151">
        <v>14</v>
      </c>
      <c r="AJ26151">
        <v>14</v>
      </c>
      <c r="AK26151">
        <v>14</v>
      </c>
      <c r="AL26151">
        <v>14</v>
      </c>
      <c r="AM26151">
        <v>14</v>
      </c>
      <c r="AN26151">
        <v>14</v>
      </c>
      <c r="AO26151">
        <v>14</v>
      </c>
      <c r="AP26151">
        <v>14</v>
      </c>
      <c r="AQ26151">
        <v>14</v>
      </c>
    </row>
    <row r="26152" spans="1:43">
      <c r="A26152" t="s">
        <v>16183</v>
      </c>
      <c r="B26152" t="s">
        <v>16184</v>
      </c>
      <c r="C26152" t="s">
        <v>16177</v>
      </c>
      <c r="D26152" t="s">
        <v>16178</v>
      </c>
      <c r="E26152" t="s">
        <v>16115</v>
      </c>
      <c r="F26152" t="s">
        <v>16116</v>
      </c>
      <c r="G26152" t="s">
        <v>10734</v>
      </c>
      <c r="H26152" t="s">
        <v>10735</v>
      </c>
      <c r="I26152" s="2">
        <v>1</v>
      </c>
      <c r="J26152" s="2">
        <v>0</v>
      </c>
      <c r="K26152" s="2">
        <v>0</v>
      </c>
      <c r="L26152" t="s">
        <v>120</v>
      </c>
      <c r="M26152" t="s">
        <v>89</v>
      </c>
      <c r="N26152" t="s">
        <v>90</v>
      </c>
      <c r="O26152" t="s">
        <v>85</v>
      </c>
      <c r="P26152" t="s">
        <v>86</v>
      </c>
      <c r="Q26152">
        <v>16</v>
      </c>
      <c r="R26152">
        <v>17</v>
      </c>
      <c r="S26152">
        <v>17</v>
      </c>
      <c r="T26152">
        <v>17</v>
      </c>
      <c r="U26152">
        <v>17</v>
      </c>
      <c r="V26152">
        <v>17</v>
      </c>
      <c r="W26152">
        <v>17</v>
      </c>
      <c r="X26152">
        <v>17</v>
      </c>
      <c r="Y26152">
        <v>18</v>
      </c>
      <c r="Z26152">
        <v>18</v>
      </c>
      <c r="AA26152">
        <v>18</v>
      </c>
      <c r="AB26152">
        <v>18</v>
      </c>
      <c r="AC26152">
        <v>18</v>
      </c>
      <c r="AD26152">
        <v>18</v>
      </c>
      <c r="AE26152">
        <v>18</v>
      </c>
      <c r="AF26152">
        <v>18</v>
      </c>
      <c r="AG26152">
        <v>18</v>
      </c>
      <c r="AH26152">
        <v>17</v>
      </c>
      <c r="AI26152">
        <v>17</v>
      </c>
      <c r="AJ26152">
        <v>17</v>
      </c>
      <c r="AK26152">
        <v>17</v>
      </c>
      <c r="AL26152">
        <v>17</v>
      </c>
      <c r="AM26152">
        <v>17</v>
      </c>
      <c r="AN26152">
        <v>16</v>
      </c>
      <c r="AO26152">
        <v>16</v>
      </c>
      <c r="AP26152">
        <v>16</v>
      </c>
      <c r="AQ26152">
        <v>16</v>
      </c>
    </row>
    <row r="26153" spans="1:43">
      <c r="A26153" t="s">
        <v>16183</v>
      </c>
      <c r="B26153" t="s">
        <v>16184</v>
      </c>
      <c r="C26153" t="s">
        <v>16177</v>
      </c>
      <c r="D26153" t="s">
        <v>16178</v>
      </c>
      <c r="E26153" t="s">
        <v>16115</v>
      </c>
      <c r="F26153" t="s">
        <v>16116</v>
      </c>
      <c r="G26153" t="s">
        <v>10734</v>
      </c>
      <c r="H26153" t="s">
        <v>10735</v>
      </c>
      <c r="I26153" s="2">
        <v>1</v>
      </c>
      <c r="J26153" s="2">
        <v>0</v>
      </c>
      <c r="K26153" s="2">
        <v>0</v>
      </c>
      <c r="L26153" t="s">
        <v>120</v>
      </c>
      <c r="M26153" t="s">
        <v>83</v>
      </c>
      <c r="N26153" t="s">
        <v>91</v>
      </c>
      <c r="O26153" t="s">
        <v>85</v>
      </c>
      <c r="P26153" t="s">
        <v>86</v>
      </c>
      <c r="Q26153">
        <v>16</v>
      </c>
      <c r="R26153">
        <v>16</v>
      </c>
      <c r="S26153">
        <v>16</v>
      </c>
      <c r="T26153">
        <v>16</v>
      </c>
      <c r="U26153">
        <v>16</v>
      </c>
      <c r="V26153">
        <v>17</v>
      </c>
      <c r="W26153">
        <v>17</v>
      </c>
      <c r="X26153">
        <v>17</v>
      </c>
      <c r="Y26153">
        <v>17</v>
      </c>
      <c r="Z26153">
        <v>17</v>
      </c>
      <c r="AA26153">
        <v>17</v>
      </c>
      <c r="AB26153">
        <v>17</v>
      </c>
      <c r="AC26153">
        <v>17</v>
      </c>
      <c r="AD26153">
        <v>17</v>
      </c>
      <c r="AE26153">
        <v>17</v>
      </c>
      <c r="AF26153">
        <v>17</v>
      </c>
      <c r="AG26153">
        <v>17</v>
      </c>
      <c r="AH26153">
        <v>17</v>
      </c>
      <c r="AI26153">
        <v>17</v>
      </c>
      <c r="AJ26153">
        <v>17</v>
      </c>
      <c r="AK26153">
        <v>17</v>
      </c>
      <c r="AL26153">
        <v>17</v>
      </c>
      <c r="AM26153">
        <v>16</v>
      </c>
      <c r="AN26153">
        <v>16</v>
      </c>
      <c r="AO26153">
        <v>16</v>
      </c>
      <c r="AP26153">
        <v>16</v>
      </c>
      <c r="AQ26153">
        <v>16</v>
      </c>
    </row>
    <row r="26154" spans="1:43">
      <c r="A26154" t="s">
        <v>16185</v>
      </c>
      <c r="B26154" t="s">
        <v>16186</v>
      </c>
      <c r="C26154" t="s">
        <v>16187</v>
      </c>
      <c r="D26154" t="s">
        <v>16188</v>
      </c>
      <c r="E26154" t="s">
        <v>16115</v>
      </c>
      <c r="F26154" t="s">
        <v>16116</v>
      </c>
      <c r="G26154" t="s">
        <v>10734</v>
      </c>
      <c r="H26154" t="s">
        <v>10735</v>
      </c>
      <c r="I26154" s="2">
        <v>1</v>
      </c>
      <c r="J26154" s="2">
        <v>0</v>
      </c>
      <c r="K26154" s="2">
        <v>0</v>
      </c>
      <c r="L26154" t="s">
        <v>120</v>
      </c>
      <c r="M26154" t="s">
        <v>83</v>
      </c>
      <c r="N26154" t="s">
        <v>84</v>
      </c>
      <c r="O26154" t="s">
        <v>85</v>
      </c>
      <c r="P26154" t="s">
        <v>86</v>
      </c>
      <c r="Q26154">
        <v>26</v>
      </c>
      <c r="R26154">
        <v>26</v>
      </c>
      <c r="S26154">
        <v>26</v>
      </c>
      <c r="T26154">
        <v>26</v>
      </c>
      <c r="U26154">
        <v>26</v>
      </c>
      <c r="V26154">
        <v>26</v>
      </c>
      <c r="W26154">
        <v>26</v>
      </c>
      <c r="X26154">
        <v>26</v>
      </c>
      <c r="Y26154">
        <v>26</v>
      </c>
      <c r="Z26154">
        <v>26</v>
      </c>
      <c r="AA26154">
        <v>26</v>
      </c>
      <c r="AB26154">
        <v>26</v>
      </c>
      <c r="AC26154">
        <v>27</v>
      </c>
      <c r="AD26154">
        <v>27</v>
      </c>
      <c r="AE26154">
        <v>27</v>
      </c>
      <c r="AF26154">
        <v>27</v>
      </c>
      <c r="AG26154">
        <v>27</v>
      </c>
      <c r="AH26154">
        <v>27</v>
      </c>
      <c r="AI26154">
        <v>27</v>
      </c>
      <c r="AJ26154">
        <v>26</v>
      </c>
      <c r="AK26154">
        <v>26</v>
      </c>
      <c r="AL26154">
        <v>26</v>
      </c>
      <c r="AM26154">
        <v>26</v>
      </c>
      <c r="AN26154">
        <v>26</v>
      </c>
      <c r="AO26154">
        <v>26</v>
      </c>
      <c r="AP26154">
        <v>25</v>
      </c>
      <c r="AQ26154">
        <v>25</v>
      </c>
    </row>
    <row r="26155" spans="1:43">
      <c r="A26155" t="s">
        <v>16185</v>
      </c>
      <c r="B26155" t="s">
        <v>16186</v>
      </c>
      <c r="C26155" t="s">
        <v>16187</v>
      </c>
      <c r="D26155" t="s">
        <v>16188</v>
      </c>
      <c r="E26155" t="s">
        <v>16115</v>
      </c>
      <c r="F26155" t="s">
        <v>16116</v>
      </c>
      <c r="G26155" t="s">
        <v>10734</v>
      </c>
      <c r="H26155" t="s">
        <v>10735</v>
      </c>
      <c r="I26155" s="2">
        <v>1</v>
      </c>
      <c r="J26155" s="2">
        <v>0</v>
      </c>
      <c r="K26155" s="2">
        <v>0</v>
      </c>
      <c r="L26155" t="s">
        <v>120</v>
      </c>
      <c r="M26155" t="s">
        <v>87</v>
      </c>
      <c r="N26155" t="s">
        <v>88</v>
      </c>
      <c r="O26155" t="s">
        <v>85</v>
      </c>
      <c r="P26155" t="s">
        <v>86</v>
      </c>
      <c r="Q26155">
        <v>26</v>
      </c>
      <c r="R26155">
        <v>26</v>
      </c>
      <c r="S26155">
        <v>25</v>
      </c>
      <c r="T26155">
        <v>25</v>
      </c>
      <c r="U26155">
        <v>25</v>
      </c>
      <c r="V26155">
        <v>25</v>
      </c>
      <c r="W26155">
        <v>25</v>
      </c>
      <c r="X26155">
        <v>25</v>
      </c>
      <c r="Y26155">
        <v>24</v>
      </c>
      <c r="Z26155">
        <v>24</v>
      </c>
      <c r="AA26155">
        <v>24</v>
      </c>
      <c r="AB26155">
        <v>24</v>
      </c>
      <c r="AC26155">
        <v>24</v>
      </c>
      <c r="AD26155">
        <v>24</v>
      </c>
      <c r="AE26155">
        <v>24</v>
      </c>
      <c r="AF26155">
        <v>23</v>
      </c>
      <c r="AG26155">
        <v>23</v>
      </c>
      <c r="AH26155">
        <v>23</v>
      </c>
      <c r="AI26155">
        <v>23</v>
      </c>
      <c r="AJ26155">
        <v>23</v>
      </c>
      <c r="AK26155">
        <v>23</v>
      </c>
      <c r="AL26155">
        <v>23</v>
      </c>
      <c r="AM26155">
        <v>22</v>
      </c>
      <c r="AN26155">
        <v>22</v>
      </c>
      <c r="AO26155">
        <v>22</v>
      </c>
      <c r="AP26155">
        <v>22</v>
      </c>
      <c r="AQ26155">
        <v>22</v>
      </c>
    </row>
    <row r="26156" spans="1:43">
      <c r="A26156" t="s">
        <v>16185</v>
      </c>
      <c r="B26156" t="s">
        <v>16186</v>
      </c>
      <c r="C26156" t="s">
        <v>16187</v>
      </c>
      <c r="D26156" t="s">
        <v>16188</v>
      </c>
      <c r="E26156" t="s">
        <v>16115</v>
      </c>
      <c r="F26156" t="s">
        <v>16116</v>
      </c>
      <c r="G26156" t="s">
        <v>10734</v>
      </c>
      <c r="H26156" t="s">
        <v>10735</v>
      </c>
      <c r="I26156" s="2">
        <v>1</v>
      </c>
      <c r="J26156" s="2">
        <v>0</v>
      </c>
      <c r="K26156" s="2">
        <v>0</v>
      </c>
      <c r="L26156" t="s">
        <v>120</v>
      </c>
      <c r="M26156" t="s">
        <v>89</v>
      </c>
      <c r="N26156" t="s">
        <v>90</v>
      </c>
      <c r="O26156" t="s">
        <v>85</v>
      </c>
      <c r="P26156" t="s">
        <v>86</v>
      </c>
      <c r="Q26156">
        <v>26</v>
      </c>
      <c r="R26156">
        <v>26</v>
      </c>
      <c r="S26156">
        <v>27</v>
      </c>
      <c r="T26156">
        <v>27</v>
      </c>
      <c r="U26156">
        <v>27</v>
      </c>
      <c r="V26156">
        <v>27</v>
      </c>
      <c r="W26156">
        <v>28</v>
      </c>
      <c r="X26156">
        <v>28</v>
      </c>
      <c r="Y26156">
        <v>28</v>
      </c>
      <c r="Z26156">
        <v>28</v>
      </c>
      <c r="AA26156">
        <v>28</v>
      </c>
      <c r="AB26156">
        <v>28</v>
      </c>
      <c r="AC26156">
        <v>28</v>
      </c>
      <c r="AD26156">
        <v>28</v>
      </c>
      <c r="AE26156">
        <v>28</v>
      </c>
      <c r="AF26156">
        <v>28</v>
      </c>
      <c r="AG26156">
        <v>28</v>
      </c>
      <c r="AH26156">
        <v>28</v>
      </c>
      <c r="AI26156">
        <v>27</v>
      </c>
      <c r="AJ26156">
        <v>27</v>
      </c>
      <c r="AK26156">
        <v>27</v>
      </c>
      <c r="AL26156">
        <v>27</v>
      </c>
      <c r="AM26156">
        <v>26</v>
      </c>
      <c r="AN26156">
        <v>26</v>
      </c>
      <c r="AO26156">
        <v>26</v>
      </c>
      <c r="AP26156">
        <v>26</v>
      </c>
      <c r="AQ26156">
        <v>25</v>
      </c>
    </row>
    <row r="26157" spans="1:43">
      <c r="A26157" t="s">
        <v>16185</v>
      </c>
      <c r="B26157" t="s">
        <v>16186</v>
      </c>
      <c r="C26157" t="s">
        <v>16187</v>
      </c>
      <c r="D26157" t="s">
        <v>16188</v>
      </c>
      <c r="E26157" t="s">
        <v>16115</v>
      </c>
      <c r="F26157" t="s">
        <v>16116</v>
      </c>
      <c r="G26157" t="s">
        <v>10734</v>
      </c>
      <c r="H26157" t="s">
        <v>10735</v>
      </c>
      <c r="I26157" s="2">
        <v>1</v>
      </c>
      <c r="J26157" s="2">
        <v>0</v>
      </c>
      <c r="K26157" s="2">
        <v>0</v>
      </c>
      <c r="L26157" t="s">
        <v>120</v>
      </c>
      <c r="M26157" t="s">
        <v>83</v>
      </c>
      <c r="N26157" t="s">
        <v>91</v>
      </c>
      <c r="O26157" t="s">
        <v>85</v>
      </c>
      <c r="P26157" t="s">
        <v>86</v>
      </c>
      <c r="Q26157">
        <v>26</v>
      </c>
      <c r="R26157">
        <v>26</v>
      </c>
      <c r="S26157">
        <v>26</v>
      </c>
      <c r="T26157">
        <v>26</v>
      </c>
      <c r="U26157">
        <v>26</v>
      </c>
      <c r="V26157">
        <v>26</v>
      </c>
      <c r="W26157">
        <v>26</v>
      </c>
      <c r="X26157">
        <v>26</v>
      </c>
      <c r="Y26157">
        <v>26</v>
      </c>
      <c r="Z26157">
        <v>26</v>
      </c>
      <c r="AA26157">
        <v>26</v>
      </c>
      <c r="AB26157">
        <v>26</v>
      </c>
      <c r="AC26157">
        <v>27</v>
      </c>
      <c r="AD26157">
        <v>27</v>
      </c>
      <c r="AE26157">
        <v>27</v>
      </c>
      <c r="AF26157">
        <v>27</v>
      </c>
      <c r="AG26157">
        <v>27</v>
      </c>
      <c r="AH26157">
        <v>27</v>
      </c>
      <c r="AI26157">
        <v>27</v>
      </c>
      <c r="AJ26157">
        <v>26</v>
      </c>
      <c r="AK26157">
        <v>26</v>
      </c>
      <c r="AL26157">
        <v>26</v>
      </c>
      <c r="AM26157">
        <v>26</v>
      </c>
      <c r="AN26157">
        <v>26</v>
      </c>
      <c r="AO26157">
        <v>26</v>
      </c>
      <c r="AP26157">
        <v>25</v>
      </c>
      <c r="AQ26157">
        <v>25</v>
      </c>
    </row>
    <row r="26158" spans="1:43">
      <c r="A26158" t="s">
        <v>16189</v>
      </c>
      <c r="B26158" t="s">
        <v>16190</v>
      </c>
      <c r="C26158" t="s">
        <v>16187</v>
      </c>
      <c r="D26158" t="s">
        <v>16188</v>
      </c>
      <c r="E26158" t="s">
        <v>16115</v>
      </c>
      <c r="F26158" t="s">
        <v>16116</v>
      </c>
      <c r="G26158" t="s">
        <v>10734</v>
      </c>
      <c r="H26158" t="s">
        <v>10735</v>
      </c>
      <c r="I26158" s="2">
        <v>1</v>
      </c>
      <c r="J26158" s="2">
        <v>0</v>
      </c>
      <c r="K26158" s="2">
        <v>0</v>
      </c>
      <c r="L26158" t="s">
        <v>120</v>
      </c>
      <c r="M26158" t="s">
        <v>83</v>
      </c>
      <c r="N26158" t="s">
        <v>84</v>
      </c>
      <c r="O26158" t="s">
        <v>85</v>
      </c>
      <c r="P26158" t="s">
        <v>86</v>
      </c>
      <c r="Q26158">
        <v>6</v>
      </c>
      <c r="R26158">
        <v>6</v>
      </c>
      <c r="S26158">
        <v>6</v>
      </c>
      <c r="T26158">
        <v>6</v>
      </c>
      <c r="U26158">
        <v>6</v>
      </c>
      <c r="V26158">
        <v>6</v>
      </c>
      <c r="W26158">
        <v>6</v>
      </c>
      <c r="X26158">
        <v>6</v>
      </c>
      <c r="Y26158">
        <v>6</v>
      </c>
      <c r="Z26158">
        <v>6</v>
      </c>
      <c r="AA26158">
        <v>6</v>
      </c>
      <c r="AB26158">
        <v>6</v>
      </c>
      <c r="AC26158">
        <v>6</v>
      </c>
      <c r="AD26158">
        <v>6</v>
      </c>
      <c r="AE26158">
        <v>6</v>
      </c>
      <c r="AF26158">
        <v>6</v>
      </c>
      <c r="AG26158">
        <v>6</v>
      </c>
      <c r="AH26158">
        <v>6</v>
      </c>
      <c r="AI26158">
        <v>6</v>
      </c>
      <c r="AJ26158">
        <v>6</v>
      </c>
      <c r="AK26158">
        <v>6</v>
      </c>
      <c r="AL26158">
        <v>6</v>
      </c>
      <c r="AM26158">
        <v>6</v>
      </c>
      <c r="AN26158">
        <v>6</v>
      </c>
      <c r="AO26158">
        <v>6</v>
      </c>
      <c r="AP26158">
        <v>6</v>
      </c>
      <c r="AQ26158">
        <v>6</v>
      </c>
    </row>
    <row r="26159" spans="1:43">
      <c r="A26159" t="s">
        <v>16189</v>
      </c>
      <c r="B26159" t="s">
        <v>16190</v>
      </c>
      <c r="C26159" t="s">
        <v>16187</v>
      </c>
      <c r="D26159" t="s">
        <v>16188</v>
      </c>
      <c r="E26159" t="s">
        <v>16115</v>
      </c>
      <c r="F26159" t="s">
        <v>16116</v>
      </c>
      <c r="G26159" t="s">
        <v>10734</v>
      </c>
      <c r="H26159" t="s">
        <v>10735</v>
      </c>
      <c r="I26159" s="2">
        <v>1</v>
      </c>
      <c r="J26159" s="2">
        <v>0</v>
      </c>
      <c r="K26159" s="2">
        <v>0</v>
      </c>
      <c r="L26159" t="s">
        <v>120</v>
      </c>
      <c r="M26159" t="s">
        <v>87</v>
      </c>
      <c r="N26159" t="s">
        <v>88</v>
      </c>
      <c r="O26159" t="s">
        <v>85</v>
      </c>
      <c r="P26159" t="s">
        <v>86</v>
      </c>
      <c r="Q26159">
        <v>6</v>
      </c>
      <c r="R26159">
        <v>6</v>
      </c>
      <c r="S26159">
        <v>6</v>
      </c>
      <c r="T26159">
        <v>6</v>
      </c>
      <c r="U26159">
        <v>6</v>
      </c>
      <c r="V26159">
        <v>6</v>
      </c>
      <c r="W26159">
        <v>6</v>
      </c>
      <c r="X26159">
        <v>6</v>
      </c>
      <c r="Y26159">
        <v>6</v>
      </c>
      <c r="Z26159">
        <v>6</v>
      </c>
      <c r="AA26159">
        <v>6</v>
      </c>
      <c r="AB26159">
        <v>6</v>
      </c>
      <c r="AC26159">
        <v>6</v>
      </c>
      <c r="AD26159">
        <v>6</v>
      </c>
      <c r="AE26159">
        <v>6</v>
      </c>
      <c r="AF26159">
        <v>6</v>
      </c>
      <c r="AG26159">
        <v>6</v>
      </c>
      <c r="AH26159">
        <v>6</v>
      </c>
      <c r="AI26159">
        <v>6</v>
      </c>
      <c r="AJ26159">
        <v>5</v>
      </c>
      <c r="AK26159">
        <v>5</v>
      </c>
      <c r="AL26159">
        <v>5</v>
      </c>
      <c r="AM26159">
        <v>5</v>
      </c>
      <c r="AN26159">
        <v>5</v>
      </c>
      <c r="AO26159">
        <v>5</v>
      </c>
      <c r="AP26159">
        <v>5</v>
      </c>
      <c r="AQ26159">
        <v>5</v>
      </c>
    </row>
    <row r="26160" spans="1:43">
      <c r="A26160" t="s">
        <v>16189</v>
      </c>
      <c r="B26160" t="s">
        <v>16190</v>
      </c>
      <c r="C26160" t="s">
        <v>16187</v>
      </c>
      <c r="D26160" t="s">
        <v>16188</v>
      </c>
      <c r="E26160" t="s">
        <v>16115</v>
      </c>
      <c r="F26160" t="s">
        <v>16116</v>
      </c>
      <c r="G26160" t="s">
        <v>10734</v>
      </c>
      <c r="H26160" t="s">
        <v>10735</v>
      </c>
      <c r="I26160" s="2">
        <v>1</v>
      </c>
      <c r="J26160" s="2">
        <v>0</v>
      </c>
      <c r="K26160" s="2">
        <v>0</v>
      </c>
      <c r="L26160" t="s">
        <v>120</v>
      </c>
      <c r="M26160" t="s">
        <v>89</v>
      </c>
      <c r="N26160" t="s">
        <v>90</v>
      </c>
      <c r="O26160" t="s">
        <v>85</v>
      </c>
      <c r="P26160" t="s">
        <v>86</v>
      </c>
      <c r="Q26160">
        <v>6</v>
      </c>
      <c r="R26160">
        <v>6</v>
      </c>
      <c r="S26160">
        <v>6</v>
      </c>
      <c r="T26160">
        <v>6</v>
      </c>
      <c r="U26160">
        <v>7</v>
      </c>
      <c r="V26160">
        <v>7</v>
      </c>
      <c r="W26160">
        <v>7</v>
      </c>
      <c r="X26160">
        <v>7</v>
      </c>
      <c r="Y26160">
        <v>7</v>
      </c>
      <c r="Z26160">
        <v>7</v>
      </c>
      <c r="AA26160">
        <v>7</v>
      </c>
      <c r="AB26160">
        <v>7</v>
      </c>
      <c r="AC26160">
        <v>7</v>
      </c>
      <c r="AD26160">
        <v>7</v>
      </c>
      <c r="AE26160">
        <v>7</v>
      </c>
      <c r="AF26160">
        <v>7</v>
      </c>
      <c r="AG26160">
        <v>7</v>
      </c>
      <c r="AH26160">
        <v>7</v>
      </c>
      <c r="AI26160">
        <v>7</v>
      </c>
      <c r="AJ26160">
        <v>6</v>
      </c>
      <c r="AK26160">
        <v>6</v>
      </c>
      <c r="AL26160">
        <v>6</v>
      </c>
      <c r="AM26160">
        <v>6</v>
      </c>
      <c r="AN26160">
        <v>6</v>
      </c>
      <c r="AO26160">
        <v>6</v>
      </c>
      <c r="AP26160">
        <v>6</v>
      </c>
      <c r="AQ26160">
        <v>6</v>
      </c>
    </row>
    <row r="26161" spans="1:43">
      <c r="A26161" t="s">
        <v>16189</v>
      </c>
      <c r="B26161" t="s">
        <v>16190</v>
      </c>
      <c r="C26161" t="s">
        <v>16187</v>
      </c>
      <c r="D26161" t="s">
        <v>16188</v>
      </c>
      <c r="E26161" t="s">
        <v>16115</v>
      </c>
      <c r="F26161" t="s">
        <v>16116</v>
      </c>
      <c r="G26161" t="s">
        <v>10734</v>
      </c>
      <c r="H26161" t="s">
        <v>10735</v>
      </c>
      <c r="I26161" s="2">
        <v>1</v>
      </c>
      <c r="J26161" s="2">
        <v>0</v>
      </c>
      <c r="K26161" s="2">
        <v>0</v>
      </c>
      <c r="L26161" t="s">
        <v>120</v>
      </c>
      <c r="M26161" t="s">
        <v>83</v>
      </c>
      <c r="N26161" t="s">
        <v>91</v>
      </c>
      <c r="O26161" t="s">
        <v>85</v>
      </c>
      <c r="P26161" t="s">
        <v>86</v>
      </c>
      <c r="Q26161">
        <v>6</v>
      </c>
      <c r="R26161">
        <v>6</v>
      </c>
      <c r="S26161">
        <v>6</v>
      </c>
      <c r="T26161">
        <v>6</v>
      </c>
      <c r="U26161">
        <v>6</v>
      </c>
      <c r="V26161">
        <v>6</v>
      </c>
      <c r="W26161">
        <v>6</v>
      </c>
      <c r="X26161">
        <v>6</v>
      </c>
      <c r="Y26161">
        <v>6</v>
      </c>
      <c r="Z26161">
        <v>6</v>
      </c>
      <c r="AA26161">
        <v>6</v>
      </c>
      <c r="AB26161">
        <v>6</v>
      </c>
      <c r="AC26161">
        <v>6</v>
      </c>
      <c r="AD26161">
        <v>6</v>
      </c>
      <c r="AE26161">
        <v>6</v>
      </c>
      <c r="AF26161">
        <v>6</v>
      </c>
      <c r="AG26161">
        <v>6</v>
      </c>
      <c r="AH26161">
        <v>6</v>
      </c>
      <c r="AI26161">
        <v>6</v>
      </c>
      <c r="AJ26161">
        <v>6</v>
      </c>
      <c r="AK26161">
        <v>6</v>
      </c>
      <c r="AL26161">
        <v>6</v>
      </c>
      <c r="AM26161">
        <v>6</v>
      </c>
      <c r="AN26161">
        <v>6</v>
      </c>
      <c r="AO26161">
        <v>6</v>
      </c>
      <c r="AP26161">
        <v>6</v>
      </c>
      <c r="AQ26161">
        <v>6</v>
      </c>
    </row>
    <row r="26162" spans="1:43">
      <c r="A26162" t="s">
        <v>16191</v>
      </c>
      <c r="B26162" t="s">
        <v>16192</v>
      </c>
      <c r="C26162" t="s">
        <v>16187</v>
      </c>
      <c r="D26162" t="s">
        <v>16188</v>
      </c>
      <c r="E26162" t="s">
        <v>16115</v>
      </c>
      <c r="F26162" t="s">
        <v>16116</v>
      </c>
      <c r="G26162" t="s">
        <v>10734</v>
      </c>
      <c r="H26162" t="s">
        <v>10735</v>
      </c>
      <c r="I26162" s="2">
        <v>1</v>
      </c>
      <c r="J26162" s="2">
        <v>0</v>
      </c>
      <c r="K26162" s="2">
        <v>0</v>
      </c>
      <c r="L26162" t="s">
        <v>120</v>
      </c>
      <c r="M26162" t="s">
        <v>83</v>
      </c>
      <c r="N26162" t="s">
        <v>84</v>
      </c>
      <c r="O26162" t="s">
        <v>85</v>
      </c>
      <c r="P26162" t="s">
        <v>86</v>
      </c>
      <c r="Q26162">
        <v>18</v>
      </c>
      <c r="R26162">
        <v>19</v>
      </c>
      <c r="S26162">
        <v>19</v>
      </c>
      <c r="T26162">
        <v>19</v>
      </c>
      <c r="U26162">
        <v>19</v>
      </c>
      <c r="V26162">
        <v>19</v>
      </c>
      <c r="W26162">
        <v>19</v>
      </c>
      <c r="X26162">
        <v>19</v>
      </c>
      <c r="Y26162">
        <v>19</v>
      </c>
      <c r="Z26162">
        <v>19</v>
      </c>
      <c r="AA26162">
        <v>19</v>
      </c>
      <c r="AB26162">
        <v>19</v>
      </c>
      <c r="AC26162">
        <v>19</v>
      </c>
      <c r="AD26162">
        <v>19</v>
      </c>
      <c r="AE26162">
        <v>19</v>
      </c>
      <c r="AF26162">
        <v>19</v>
      </c>
      <c r="AG26162">
        <v>19</v>
      </c>
      <c r="AH26162">
        <v>19</v>
      </c>
      <c r="AI26162">
        <v>19</v>
      </c>
      <c r="AJ26162">
        <v>19</v>
      </c>
      <c r="AK26162">
        <v>19</v>
      </c>
      <c r="AL26162">
        <v>19</v>
      </c>
      <c r="AM26162">
        <v>19</v>
      </c>
      <c r="AN26162">
        <v>18</v>
      </c>
      <c r="AO26162">
        <v>18</v>
      </c>
      <c r="AP26162">
        <v>18</v>
      </c>
      <c r="AQ26162">
        <v>18</v>
      </c>
    </row>
    <row r="26163" spans="1:43">
      <c r="A26163" t="s">
        <v>16191</v>
      </c>
      <c r="B26163" t="s">
        <v>16192</v>
      </c>
      <c r="C26163" t="s">
        <v>16187</v>
      </c>
      <c r="D26163" t="s">
        <v>16188</v>
      </c>
      <c r="E26163" t="s">
        <v>16115</v>
      </c>
      <c r="F26163" t="s">
        <v>16116</v>
      </c>
      <c r="G26163" t="s">
        <v>10734</v>
      </c>
      <c r="H26163" t="s">
        <v>10735</v>
      </c>
      <c r="I26163" s="2">
        <v>1</v>
      </c>
      <c r="J26163" s="2">
        <v>0</v>
      </c>
      <c r="K26163" s="2">
        <v>0</v>
      </c>
      <c r="L26163" t="s">
        <v>120</v>
      </c>
      <c r="M26163" t="s">
        <v>87</v>
      </c>
      <c r="N26163" t="s">
        <v>88</v>
      </c>
      <c r="O26163" t="s">
        <v>85</v>
      </c>
      <c r="P26163" t="s">
        <v>86</v>
      </c>
      <c r="Q26163">
        <v>18</v>
      </c>
      <c r="R26163">
        <v>18</v>
      </c>
      <c r="S26163">
        <v>18</v>
      </c>
      <c r="T26163">
        <v>18</v>
      </c>
      <c r="U26163">
        <v>18</v>
      </c>
      <c r="V26163">
        <v>18</v>
      </c>
      <c r="W26163">
        <v>18</v>
      </c>
      <c r="X26163">
        <v>18</v>
      </c>
      <c r="Y26163">
        <v>17</v>
      </c>
      <c r="Z26163">
        <v>17</v>
      </c>
      <c r="AA26163">
        <v>17</v>
      </c>
      <c r="AB26163">
        <v>17</v>
      </c>
      <c r="AC26163">
        <v>17</v>
      </c>
      <c r="AD26163">
        <v>17</v>
      </c>
      <c r="AE26163">
        <v>17</v>
      </c>
      <c r="AF26163">
        <v>17</v>
      </c>
      <c r="AG26163">
        <v>17</v>
      </c>
      <c r="AH26163">
        <v>16</v>
      </c>
      <c r="AI26163">
        <v>16</v>
      </c>
      <c r="AJ26163">
        <v>16</v>
      </c>
      <c r="AK26163">
        <v>16</v>
      </c>
      <c r="AL26163">
        <v>16</v>
      </c>
      <c r="AM26163">
        <v>16</v>
      </c>
      <c r="AN26163">
        <v>16</v>
      </c>
      <c r="AO26163">
        <v>16</v>
      </c>
      <c r="AP26163">
        <v>16</v>
      </c>
      <c r="AQ26163">
        <v>16</v>
      </c>
    </row>
    <row r="26164" spans="1:43">
      <c r="A26164" t="s">
        <v>16191</v>
      </c>
      <c r="B26164" t="s">
        <v>16192</v>
      </c>
      <c r="C26164" t="s">
        <v>16187</v>
      </c>
      <c r="D26164" t="s">
        <v>16188</v>
      </c>
      <c r="E26164" t="s">
        <v>16115</v>
      </c>
      <c r="F26164" t="s">
        <v>16116</v>
      </c>
      <c r="G26164" t="s">
        <v>10734</v>
      </c>
      <c r="H26164" t="s">
        <v>10735</v>
      </c>
      <c r="I26164" s="2">
        <v>1</v>
      </c>
      <c r="J26164" s="2">
        <v>0</v>
      </c>
      <c r="K26164" s="2">
        <v>0</v>
      </c>
      <c r="L26164" t="s">
        <v>120</v>
      </c>
      <c r="M26164" t="s">
        <v>89</v>
      </c>
      <c r="N26164" t="s">
        <v>90</v>
      </c>
      <c r="O26164" t="s">
        <v>85</v>
      </c>
      <c r="P26164" t="s">
        <v>86</v>
      </c>
      <c r="Q26164">
        <v>18</v>
      </c>
      <c r="R26164">
        <v>18</v>
      </c>
      <c r="S26164">
        <v>18</v>
      </c>
      <c r="T26164">
        <v>18</v>
      </c>
      <c r="U26164">
        <v>18</v>
      </c>
      <c r="V26164">
        <v>19</v>
      </c>
      <c r="W26164">
        <v>19</v>
      </c>
      <c r="X26164">
        <v>19</v>
      </c>
      <c r="Y26164">
        <v>19</v>
      </c>
      <c r="Z26164">
        <v>19</v>
      </c>
      <c r="AA26164">
        <v>19</v>
      </c>
      <c r="AB26164">
        <v>19</v>
      </c>
      <c r="AC26164">
        <v>19</v>
      </c>
      <c r="AD26164">
        <v>19</v>
      </c>
      <c r="AE26164">
        <v>19</v>
      </c>
      <c r="AF26164">
        <v>19</v>
      </c>
      <c r="AG26164">
        <v>19</v>
      </c>
      <c r="AH26164">
        <v>19</v>
      </c>
      <c r="AI26164">
        <v>18</v>
      </c>
      <c r="AJ26164">
        <v>18</v>
      </c>
      <c r="AK26164">
        <v>18</v>
      </c>
      <c r="AL26164">
        <v>18</v>
      </c>
      <c r="AM26164">
        <v>18</v>
      </c>
      <c r="AN26164">
        <v>18</v>
      </c>
      <c r="AO26164">
        <v>17</v>
      </c>
      <c r="AP26164">
        <v>17</v>
      </c>
      <c r="AQ26164">
        <v>17</v>
      </c>
    </row>
    <row r="26165" spans="1:43">
      <c r="A26165" t="s">
        <v>16191</v>
      </c>
      <c r="B26165" t="s">
        <v>16192</v>
      </c>
      <c r="C26165" t="s">
        <v>16187</v>
      </c>
      <c r="D26165" t="s">
        <v>16188</v>
      </c>
      <c r="E26165" t="s">
        <v>16115</v>
      </c>
      <c r="F26165" t="s">
        <v>16116</v>
      </c>
      <c r="G26165" t="s">
        <v>10734</v>
      </c>
      <c r="H26165" t="s">
        <v>10735</v>
      </c>
      <c r="I26165" s="2">
        <v>1</v>
      </c>
      <c r="J26165" s="2">
        <v>0</v>
      </c>
      <c r="K26165" s="2">
        <v>0</v>
      </c>
      <c r="L26165" t="s">
        <v>120</v>
      </c>
      <c r="M26165" t="s">
        <v>83</v>
      </c>
      <c r="N26165" t="s">
        <v>91</v>
      </c>
      <c r="O26165" t="s">
        <v>85</v>
      </c>
      <c r="P26165" t="s">
        <v>86</v>
      </c>
      <c r="Q26165">
        <v>18</v>
      </c>
      <c r="R26165">
        <v>19</v>
      </c>
      <c r="S26165">
        <v>19</v>
      </c>
      <c r="T26165">
        <v>19</v>
      </c>
      <c r="U26165">
        <v>19</v>
      </c>
      <c r="V26165">
        <v>19</v>
      </c>
      <c r="W26165">
        <v>19</v>
      </c>
      <c r="X26165">
        <v>19</v>
      </c>
      <c r="Y26165">
        <v>19</v>
      </c>
      <c r="Z26165">
        <v>19</v>
      </c>
      <c r="AA26165">
        <v>19</v>
      </c>
      <c r="AB26165">
        <v>19</v>
      </c>
      <c r="AC26165">
        <v>19</v>
      </c>
      <c r="AD26165">
        <v>19</v>
      </c>
      <c r="AE26165">
        <v>19</v>
      </c>
      <c r="AF26165">
        <v>19</v>
      </c>
      <c r="AG26165">
        <v>19</v>
      </c>
      <c r="AH26165">
        <v>19</v>
      </c>
      <c r="AI26165">
        <v>19</v>
      </c>
      <c r="AJ26165">
        <v>19</v>
      </c>
      <c r="AK26165">
        <v>19</v>
      </c>
      <c r="AL26165">
        <v>19</v>
      </c>
      <c r="AM26165">
        <v>19</v>
      </c>
      <c r="AN26165">
        <v>18</v>
      </c>
      <c r="AO26165">
        <v>18</v>
      </c>
      <c r="AP26165">
        <v>18</v>
      </c>
      <c r="AQ26165">
        <v>18</v>
      </c>
    </row>
    <row r="26166" spans="1:43">
      <c r="A26166" t="s">
        <v>16193</v>
      </c>
      <c r="B26166" t="s">
        <v>16194</v>
      </c>
      <c r="C26166" t="s">
        <v>16187</v>
      </c>
      <c r="D26166" t="s">
        <v>16188</v>
      </c>
      <c r="E26166" t="s">
        <v>16115</v>
      </c>
      <c r="F26166" t="s">
        <v>16116</v>
      </c>
      <c r="G26166" t="s">
        <v>10734</v>
      </c>
      <c r="H26166" t="s">
        <v>10735</v>
      </c>
      <c r="I26166" s="2">
        <v>1</v>
      </c>
      <c r="J26166" s="2">
        <v>0</v>
      </c>
      <c r="K26166" s="2">
        <v>0</v>
      </c>
      <c r="L26166" t="s">
        <v>120</v>
      </c>
      <c r="M26166" t="s">
        <v>83</v>
      </c>
      <c r="N26166" t="s">
        <v>84</v>
      </c>
      <c r="O26166" t="s">
        <v>85</v>
      </c>
      <c r="P26166" t="s">
        <v>86</v>
      </c>
      <c r="Q26166">
        <v>14</v>
      </c>
      <c r="R26166">
        <v>14</v>
      </c>
      <c r="S26166">
        <v>14</v>
      </c>
      <c r="T26166">
        <v>14</v>
      </c>
      <c r="U26166">
        <v>14</v>
      </c>
      <c r="V26166">
        <v>14</v>
      </c>
      <c r="W26166">
        <v>14</v>
      </c>
      <c r="X26166">
        <v>14</v>
      </c>
      <c r="Y26166">
        <v>14</v>
      </c>
      <c r="Z26166">
        <v>14</v>
      </c>
      <c r="AA26166">
        <v>14</v>
      </c>
      <c r="AB26166">
        <v>14</v>
      </c>
      <c r="AC26166">
        <v>14</v>
      </c>
      <c r="AD26166">
        <v>14</v>
      </c>
      <c r="AE26166">
        <v>14</v>
      </c>
      <c r="AF26166">
        <v>14</v>
      </c>
      <c r="AG26166">
        <v>14</v>
      </c>
      <c r="AH26166">
        <v>14</v>
      </c>
      <c r="AI26166">
        <v>14</v>
      </c>
      <c r="AJ26166">
        <v>14</v>
      </c>
      <c r="AK26166">
        <v>14</v>
      </c>
      <c r="AL26166">
        <v>14</v>
      </c>
      <c r="AM26166">
        <v>14</v>
      </c>
      <c r="AN26166">
        <v>14</v>
      </c>
      <c r="AO26166">
        <v>14</v>
      </c>
      <c r="AP26166">
        <v>13</v>
      </c>
      <c r="AQ26166">
        <v>13</v>
      </c>
    </row>
    <row r="26167" spans="1:43">
      <c r="A26167" t="s">
        <v>16193</v>
      </c>
      <c r="B26167" t="s">
        <v>16194</v>
      </c>
      <c r="C26167" t="s">
        <v>16187</v>
      </c>
      <c r="D26167" t="s">
        <v>16188</v>
      </c>
      <c r="E26167" t="s">
        <v>16115</v>
      </c>
      <c r="F26167" t="s">
        <v>16116</v>
      </c>
      <c r="G26167" t="s">
        <v>10734</v>
      </c>
      <c r="H26167" t="s">
        <v>10735</v>
      </c>
      <c r="I26167" s="2">
        <v>1</v>
      </c>
      <c r="J26167" s="2">
        <v>0</v>
      </c>
      <c r="K26167" s="2">
        <v>0</v>
      </c>
      <c r="L26167" t="s">
        <v>120</v>
      </c>
      <c r="M26167" t="s">
        <v>87</v>
      </c>
      <c r="N26167" t="s">
        <v>88</v>
      </c>
      <c r="O26167" t="s">
        <v>85</v>
      </c>
      <c r="P26167" t="s">
        <v>86</v>
      </c>
      <c r="Q26167">
        <v>14</v>
      </c>
      <c r="R26167">
        <v>14</v>
      </c>
      <c r="S26167">
        <v>13</v>
      </c>
      <c r="T26167">
        <v>13</v>
      </c>
      <c r="U26167">
        <v>13</v>
      </c>
      <c r="V26167">
        <v>13</v>
      </c>
      <c r="W26167">
        <v>13</v>
      </c>
      <c r="X26167">
        <v>13</v>
      </c>
      <c r="Y26167">
        <v>13</v>
      </c>
      <c r="Z26167">
        <v>13</v>
      </c>
      <c r="AA26167">
        <v>13</v>
      </c>
      <c r="AB26167">
        <v>13</v>
      </c>
      <c r="AC26167">
        <v>13</v>
      </c>
      <c r="AD26167">
        <v>13</v>
      </c>
      <c r="AE26167">
        <v>13</v>
      </c>
      <c r="AF26167">
        <v>12</v>
      </c>
      <c r="AG26167">
        <v>12</v>
      </c>
      <c r="AH26167">
        <v>12</v>
      </c>
      <c r="AI26167">
        <v>12</v>
      </c>
      <c r="AJ26167">
        <v>12</v>
      </c>
      <c r="AK26167">
        <v>12</v>
      </c>
      <c r="AL26167">
        <v>12</v>
      </c>
      <c r="AM26167">
        <v>12</v>
      </c>
      <c r="AN26167">
        <v>12</v>
      </c>
      <c r="AO26167">
        <v>12</v>
      </c>
      <c r="AP26167">
        <v>12</v>
      </c>
      <c r="AQ26167">
        <v>12</v>
      </c>
    </row>
    <row r="26168" spans="1:43">
      <c r="A26168" t="s">
        <v>16193</v>
      </c>
      <c r="B26168" t="s">
        <v>16194</v>
      </c>
      <c r="C26168" t="s">
        <v>16187</v>
      </c>
      <c r="D26168" t="s">
        <v>16188</v>
      </c>
      <c r="E26168" t="s">
        <v>16115</v>
      </c>
      <c r="F26168" t="s">
        <v>16116</v>
      </c>
      <c r="G26168" t="s">
        <v>10734</v>
      </c>
      <c r="H26168" t="s">
        <v>10735</v>
      </c>
      <c r="I26168" s="2">
        <v>1</v>
      </c>
      <c r="J26168" s="2">
        <v>0</v>
      </c>
      <c r="K26168" s="2">
        <v>0</v>
      </c>
      <c r="L26168" t="s">
        <v>120</v>
      </c>
      <c r="M26168" t="s">
        <v>89</v>
      </c>
      <c r="N26168" t="s">
        <v>90</v>
      </c>
      <c r="O26168" t="s">
        <v>85</v>
      </c>
      <c r="P26168" t="s">
        <v>86</v>
      </c>
      <c r="Q26168">
        <v>14</v>
      </c>
      <c r="R26168">
        <v>14</v>
      </c>
      <c r="S26168">
        <v>14</v>
      </c>
      <c r="T26168">
        <v>14</v>
      </c>
      <c r="U26168">
        <v>14</v>
      </c>
      <c r="V26168">
        <v>15</v>
      </c>
      <c r="W26168">
        <v>15</v>
      </c>
      <c r="X26168">
        <v>15</v>
      </c>
      <c r="Y26168">
        <v>15</v>
      </c>
      <c r="Z26168">
        <v>15</v>
      </c>
      <c r="AA26168">
        <v>15</v>
      </c>
      <c r="AB26168">
        <v>15</v>
      </c>
      <c r="AC26168">
        <v>15</v>
      </c>
      <c r="AD26168">
        <v>15</v>
      </c>
      <c r="AE26168">
        <v>15</v>
      </c>
      <c r="AF26168">
        <v>15</v>
      </c>
      <c r="AG26168">
        <v>15</v>
      </c>
      <c r="AH26168">
        <v>15</v>
      </c>
      <c r="AI26168">
        <v>15</v>
      </c>
      <c r="AJ26168">
        <v>14</v>
      </c>
      <c r="AK26168">
        <v>14</v>
      </c>
      <c r="AL26168">
        <v>14</v>
      </c>
      <c r="AM26168">
        <v>14</v>
      </c>
      <c r="AN26168">
        <v>14</v>
      </c>
      <c r="AO26168">
        <v>14</v>
      </c>
      <c r="AP26168">
        <v>14</v>
      </c>
      <c r="AQ26168">
        <v>13</v>
      </c>
    </row>
    <row r="26169" spans="1:43">
      <c r="A26169" t="s">
        <v>16193</v>
      </c>
      <c r="B26169" t="s">
        <v>16194</v>
      </c>
      <c r="C26169" t="s">
        <v>16187</v>
      </c>
      <c r="D26169" t="s">
        <v>16188</v>
      </c>
      <c r="E26169" t="s">
        <v>16115</v>
      </c>
      <c r="F26169" t="s">
        <v>16116</v>
      </c>
      <c r="G26169" t="s">
        <v>10734</v>
      </c>
      <c r="H26169" t="s">
        <v>10735</v>
      </c>
      <c r="I26169" s="2">
        <v>1</v>
      </c>
      <c r="J26169" s="2">
        <v>0</v>
      </c>
      <c r="K26169" s="2">
        <v>0</v>
      </c>
      <c r="L26169" t="s">
        <v>120</v>
      </c>
      <c r="M26169" t="s">
        <v>83</v>
      </c>
      <c r="N26169" t="s">
        <v>91</v>
      </c>
      <c r="O26169" t="s">
        <v>85</v>
      </c>
      <c r="P26169" t="s">
        <v>86</v>
      </c>
      <c r="Q26169">
        <v>14</v>
      </c>
      <c r="R26169">
        <v>14</v>
      </c>
      <c r="S26169">
        <v>14</v>
      </c>
      <c r="T26169">
        <v>14</v>
      </c>
      <c r="U26169">
        <v>14</v>
      </c>
      <c r="V26169">
        <v>14</v>
      </c>
      <c r="W26169">
        <v>14</v>
      </c>
      <c r="X26169">
        <v>14</v>
      </c>
      <c r="Y26169">
        <v>14</v>
      </c>
      <c r="Z26169">
        <v>14</v>
      </c>
      <c r="AA26169">
        <v>14</v>
      </c>
      <c r="AB26169">
        <v>14</v>
      </c>
      <c r="AC26169">
        <v>14</v>
      </c>
      <c r="AD26169">
        <v>14</v>
      </c>
      <c r="AE26169">
        <v>14</v>
      </c>
      <c r="AF26169">
        <v>14</v>
      </c>
      <c r="AG26169">
        <v>14</v>
      </c>
      <c r="AH26169">
        <v>14</v>
      </c>
      <c r="AI26169">
        <v>14</v>
      </c>
      <c r="AJ26169">
        <v>14</v>
      </c>
      <c r="AK26169">
        <v>14</v>
      </c>
      <c r="AL26169">
        <v>14</v>
      </c>
      <c r="AM26169">
        <v>14</v>
      </c>
      <c r="AN26169">
        <v>14</v>
      </c>
      <c r="AO26169">
        <v>14</v>
      </c>
      <c r="AP26169">
        <v>13</v>
      </c>
      <c r="AQ26169">
        <v>13</v>
      </c>
    </row>
    <row r="26170" spans="1:43">
      <c r="A26170" t="s">
        <v>16195</v>
      </c>
      <c r="B26170" t="s">
        <v>16196</v>
      </c>
      <c r="C26170" t="s">
        <v>16197</v>
      </c>
      <c r="D26170" t="s">
        <v>16198</v>
      </c>
      <c r="E26170" t="s">
        <v>16115</v>
      </c>
      <c r="F26170" t="s">
        <v>16116</v>
      </c>
      <c r="G26170" t="s">
        <v>10734</v>
      </c>
      <c r="H26170" t="s">
        <v>10735</v>
      </c>
      <c r="I26170" s="2">
        <v>1</v>
      </c>
      <c r="J26170" s="2">
        <v>0</v>
      </c>
      <c r="K26170" s="2">
        <v>0</v>
      </c>
      <c r="L26170" t="s">
        <v>120</v>
      </c>
      <c r="M26170" t="s">
        <v>83</v>
      </c>
      <c r="N26170" t="s">
        <v>84</v>
      </c>
      <c r="O26170" t="s">
        <v>85</v>
      </c>
      <c r="P26170" t="s">
        <v>86</v>
      </c>
      <c r="Q26170">
        <v>4</v>
      </c>
      <c r="R26170">
        <v>4</v>
      </c>
      <c r="S26170">
        <v>4</v>
      </c>
      <c r="T26170">
        <v>4</v>
      </c>
      <c r="U26170">
        <v>4</v>
      </c>
      <c r="V26170">
        <v>4</v>
      </c>
      <c r="W26170">
        <v>4</v>
      </c>
      <c r="X26170">
        <v>4</v>
      </c>
      <c r="Y26170">
        <v>4</v>
      </c>
      <c r="Z26170">
        <v>4</v>
      </c>
      <c r="AA26170">
        <v>4</v>
      </c>
      <c r="AB26170">
        <v>4</v>
      </c>
      <c r="AC26170">
        <v>4</v>
      </c>
      <c r="AD26170">
        <v>4</v>
      </c>
      <c r="AE26170">
        <v>4</v>
      </c>
      <c r="AF26170">
        <v>4</v>
      </c>
      <c r="AG26170">
        <v>4</v>
      </c>
      <c r="AH26170">
        <v>4</v>
      </c>
      <c r="AI26170">
        <v>4</v>
      </c>
      <c r="AJ26170">
        <v>4</v>
      </c>
      <c r="AK26170">
        <v>4</v>
      </c>
      <c r="AL26170">
        <v>4</v>
      </c>
      <c r="AM26170">
        <v>4</v>
      </c>
      <c r="AN26170">
        <v>4</v>
      </c>
      <c r="AO26170">
        <v>4</v>
      </c>
      <c r="AP26170">
        <v>4</v>
      </c>
      <c r="AQ26170">
        <v>4</v>
      </c>
    </row>
    <row r="26171" spans="1:43">
      <c r="A26171" t="s">
        <v>16195</v>
      </c>
      <c r="B26171" t="s">
        <v>16196</v>
      </c>
      <c r="C26171" t="s">
        <v>16197</v>
      </c>
      <c r="D26171" t="s">
        <v>16198</v>
      </c>
      <c r="E26171" t="s">
        <v>16115</v>
      </c>
      <c r="F26171" t="s">
        <v>16116</v>
      </c>
      <c r="G26171" t="s">
        <v>10734</v>
      </c>
      <c r="H26171" t="s">
        <v>10735</v>
      </c>
      <c r="I26171" s="2">
        <v>1</v>
      </c>
      <c r="J26171" s="2">
        <v>0</v>
      </c>
      <c r="K26171" s="2">
        <v>0</v>
      </c>
      <c r="L26171" t="s">
        <v>120</v>
      </c>
      <c r="M26171" t="s">
        <v>87</v>
      </c>
      <c r="N26171" t="s">
        <v>88</v>
      </c>
      <c r="O26171" t="s">
        <v>85</v>
      </c>
      <c r="P26171" t="s">
        <v>86</v>
      </c>
      <c r="Q26171">
        <v>4</v>
      </c>
      <c r="R26171">
        <v>4</v>
      </c>
      <c r="S26171">
        <v>4</v>
      </c>
      <c r="T26171">
        <v>4</v>
      </c>
      <c r="U26171">
        <v>4</v>
      </c>
      <c r="V26171">
        <v>4</v>
      </c>
      <c r="W26171">
        <v>4</v>
      </c>
      <c r="X26171">
        <v>4</v>
      </c>
      <c r="Y26171">
        <v>4</v>
      </c>
      <c r="Z26171">
        <v>4</v>
      </c>
      <c r="AA26171">
        <v>4</v>
      </c>
      <c r="AB26171">
        <v>4</v>
      </c>
      <c r="AC26171">
        <v>4</v>
      </c>
      <c r="AD26171">
        <v>4</v>
      </c>
      <c r="AE26171">
        <v>4</v>
      </c>
      <c r="AF26171">
        <v>4</v>
      </c>
      <c r="AG26171">
        <v>4</v>
      </c>
      <c r="AH26171">
        <v>4</v>
      </c>
      <c r="AI26171">
        <v>4</v>
      </c>
      <c r="AJ26171">
        <v>4</v>
      </c>
      <c r="AK26171">
        <v>4</v>
      </c>
      <c r="AL26171">
        <v>4</v>
      </c>
      <c r="AM26171">
        <v>4</v>
      </c>
      <c r="AN26171">
        <v>4</v>
      </c>
      <c r="AO26171">
        <v>4</v>
      </c>
      <c r="AP26171">
        <v>4</v>
      </c>
      <c r="AQ26171">
        <v>4</v>
      </c>
    </row>
    <row r="26172" spans="1:43">
      <c r="A26172" t="s">
        <v>16195</v>
      </c>
      <c r="B26172" t="s">
        <v>16196</v>
      </c>
      <c r="C26172" t="s">
        <v>16197</v>
      </c>
      <c r="D26172" t="s">
        <v>16198</v>
      </c>
      <c r="E26172" t="s">
        <v>16115</v>
      </c>
      <c r="F26172" t="s">
        <v>16116</v>
      </c>
      <c r="G26172" t="s">
        <v>10734</v>
      </c>
      <c r="H26172" t="s">
        <v>10735</v>
      </c>
      <c r="I26172" s="2">
        <v>1</v>
      </c>
      <c r="J26172" s="2">
        <v>0</v>
      </c>
      <c r="K26172" s="2">
        <v>0</v>
      </c>
      <c r="L26172" t="s">
        <v>120</v>
      </c>
      <c r="M26172" t="s">
        <v>89</v>
      </c>
      <c r="N26172" t="s">
        <v>90</v>
      </c>
      <c r="O26172" t="s">
        <v>85</v>
      </c>
      <c r="P26172" t="s">
        <v>86</v>
      </c>
      <c r="Q26172">
        <v>4</v>
      </c>
      <c r="R26172">
        <v>4</v>
      </c>
      <c r="S26172">
        <v>4</v>
      </c>
      <c r="T26172">
        <v>4</v>
      </c>
      <c r="U26172">
        <v>4</v>
      </c>
      <c r="V26172">
        <v>4</v>
      </c>
      <c r="W26172">
        <v>5</v>
      </c>
      <c r="X26172">
        <v>5</v>
      </c>
      <c r="Y26172">
        <v>5</v>
      </c>
      <c r="Z26172">
        <v>5</v>
      </c>
      <c r="AA26172">
        <v>5</v>
      </c>
      <c r="AB26172">
        <v>5</v>
      </c>
      <c r="AC26172">
        <v>5</v>
      </c>
      <c r="AD26172">
        <v>5</v>
      </c>
      <c r="AE26172">
        <v>5</v>
      </c>
      <c r="AF26172">
        <v>5</v>
      </c>
      <c r="AG26172">
        <v>5</v>
      </c>
      <c r="AH26172">
        <v>4</v>
      </c>
      <c r="AI26172">
        <v>4</v>
      </c>
      <c r="AJ26172">
        <v>4</v>
      </c>
      <c r="AK26172">
        <v>4</v>
      </c>
      <c r="AL26172">
        <v>4</v>
      </c>
      <c r="AM26172">
        <v>4</v>
      </c>
      <c r="AN26172">
        <v>4</v>
      </c>
      <c r="AO26172">
        <v>4</v>
      </c>
      <c r="AP26172">
        <v>4</v>
      </c>
      <c r="AQ26172">
        <v>4</v>
      </c>
    </row>
    <row r="26173" spans="1:43">
      <c r="A26173" t="s">
        <v>16195</v>
      </c>
      <c r="B26173" t="s">
        <v>16196</v>
      </c>
      <c r="C26173" t="s">
        <v>16197</v>
      </c>
      <c r="D26173" t="s">
        <v>16198</v>
      </c>
      <c r="E26173" t="s">
        <v>16115</v>
      </c>
      <c r="F26173" t="s">
        <v>16116</v>
      </c>
      <c r="G26173" t="s">
        <v>10734</v>
      </c>
      <c r="H26173" t="s">
        <v>10735</v>
      </c>
      <c r="I26173" s="2">
        <v>1</v>
      </c>
      <c r="J26173" s="2">
        <v>0</v>
      </c>
      <c r="K26173" s="2">
        <v>0</v>
      </c>
      <c r="L26173" t="s">
        <v>120</v>
      </c>
      <c r="M26173" t="s">
        <v>83</v>
      </c>
      <c r="N26173" t="s">
        <v>91</v>
      </c>
      <c r="O26173" t="s">
        <v>85</v>
      </c>
      <c r="P26173" t="s">
        <v>86</v>
      </c>
      <c r="Q26173">
        <v>4</v>
      </c>
      <c r="R26173">
        <v>4</v>
      </c>
      <c r="S26173">
        <v>4</v>
      </c>
      <c r="T26173">
        <v>4</v>
      </c>
      <c r="U26173">
        <v>4</v>
      </c>
      <c r="V26173">
        <v>4</v>
      </c>
      <c r="W26173">
        <v>4</v>
      </c>
      <c r="X26173">
        <v>4</v>
      </c>
      <c r="Y26173">
        <v>4</v>
      </c>
      <c r="Z26173">
        <v>4</v>
      </c>
      <c r="AA26173">
        <v>4</v>
      </c>
      <c r="AB26173">
        <v>4</v>
      </c>
      <c r="AC26173">
        <v>4</v>
      </c>
      <c r="AD26173">
        <v>4</v>
      </c>
      <c r="AE26173">
        <v>4</v>
      </c>
      <c r="AF26173">
        <v>4</v>
      </c>
      <c r="AG26173">
        <v>4</v>
      </c>
      <c r="AH26173">
        <v>4</v>
      </c>
      <c r="AI26173">
        <v>4</v>
      </c>
      <c r="AJ26173">
        <v>4</v>
      </c>
      <c r="AK26173">
        <v>4</v>
      </c>
      <c r="AL26173">
        <v>4</v>
      </c>
      <c r="AM26173">
        <v>4</v>
      </c>
      <c r="AN26173">
        <v>4</v>
      </c>
      <c r="AO26173">
        <v>4</v>
      </c>
      <c r="AP26173">
        <v>4</v>
      </c>
      <c r="AQ26173">
        <v>4</v>
      </c>
    </row>
    <row r="26174" spans="1:43">
      <c r="A26174" t="s">
        <v>16199</v>
      </c>
      <c r="B26174" t="s">
        <v>16200</v>
      </c>
      <c r="C26174" t="s">
        <v>16197</v>
      </c>
      <c r="D26174" t="s">
        <v>16198</v>
      </c>
      <c r="E26174" t="s">
        <v>16115</v>
      </c>
      <c r="F26174" t="s">
        <v>16116</v>
      </c>
      <c r="G26174" t="s">
        <v>10734</v>
      </c>
      <c r="H26174" t="s">
        <v>10735</v>
      </c>
      <c r="I26174" s="2">
        <v>1</v>
      </c>
      <c r="J26174" s="2">
        <v>0</v>
      </c>
      <c r="K26174" s="2">
        <v>0</v>
      </c>
      <c r="L26174" t="s">
        <v>120</v>
      </c>
      <c r="M26174" t="s">
        <v>83</v>
      </c>
      <c r="N26174" t="s">
        <v>84</v>
      </c>
      <c r="O26174" t="s">
        <v>85</v>
      </c>
      <c r="P26174" t="s">
        <v>86</v>
      </c>
      <c r="Q26174">
        <v>12</v>
      </c>
      <c r="R26174">
        <v>12</v>
      </c>
      <c r="S26174">
        <v>12</v>
      </c>
      <c r="T26174">
        <v>12</v>
      </c>
      <c r="U26174">
        <v>12</v>
      </c>
      <c r="V26174">
        <v>12</v>
      </c>
      <c r="W26174">
        <v>12</v>
      </c>
      <c r="X26174">
        <v>12</v>
      </c>
      <c r="Y26174">
        <v>12</v>
      </c>
      <c r="Z26174">
        <v>12</v>
      </c>
      <c r="AA26174">
        <v>12</v>
      </c>
      <c r="AB26174">
        <v>12</v>
      </c>
      <c r="AC26174">
        <v>12</v>
      </c>
      <c r="AD26174">
        <v>12</v>
      </c>
      <c r="AE26174">
        <v>12</v>
      </c>
      <c r="AF26174">
        <v>12</v>
      </c>
      <c r="AG26174">
        <v>12</v>
      </c>
      <c r="AH26174">
        <v>12</v>
      </c>
      <c r="AI26174">
        <v>12</v>
      </c>
      <c r="AJ26174">
        <v>12</v>
      </c>
      <c r="AK26174">
        <v>12</v>
      </c>
      <c r="AL26174">
        <v>12</v>
      </c>
      <c r="AM26174">
        <v>12</v>
      </c>
      <c r="AN26174">
        <v>12</v>
      </c>
      <c r="AO26174">
        <v>12</v>
      </c>
      <c r="AP26174">
        <v>12</v>
      </c>
      <c r="AQ26174">
        <v>12</v>
      </c>
    </row>
    <row r="26175" spans="1:43">
      <c r="A26175" t="s">
        <v>16199</v>
      </c>
      <c r="B26175" t="s">
        <v>16200</v>
      </c>
      <c r="C26175" t="s">
        <v>16197</v>
      </c>
      <c r="D26175" t="s">
        <v>16198</v>
      </c>
      <c r="E26175" t="s">
        <v>16115</v>
      </c>
      <c r="F26175" t="s">
        <v>16116</v>
      </c>
      <c r="G26175" t="s">
        <v>10734</v>
      </c>
      <c r="H26175" t="s">
        <v>10735</v>
      </c>
      <c r="I26175" s="2">
        <v>1</v>
      </c>
      <c r="J26175" s="2">
        <v>0</v>
      </c>
      <c r="K26175" s="2">
        <v>0</v>
      </c>
      <c r="L26175" t="s">
        <v>120</v>
      </c>
      <c r="M26175" t="s">
        <v>87</v>
      </c>
      <c r="N26175" t="s">
        <v>88</v>
      </c>
      <c r="O26175" t="s">
        <v>85</v>
      </c>
      <c r="P26175" t="s">
        <v>86</v>
      </c>
      <c r="Q26175">
        <v>12</v>
      </c>
      <c r="R26175">
        <v>12</v>
      </c>
      <c r="S26175">
        <v>12</v>
      </c>
      <c r="T26175">
        <v>12</v>
      </c>
      <c r="U26175">
        <v>12</v>
      </c>
      <c r="V26175">
        <v>12</v>
      </c>
      <c r="W26175">
        <v>12</v>
      </c>
      <c r="X26175">
        <v>12</v>
      </c>
      <c r="Y26175">
        <v>12</v>
      </c>
      <c r="Z26175">
        <v>11</v>
      </c>
      <c r="AA26175">
        <v>11</v>
      </c>
      <c r="AB26175">
        <v>11</v>
      </c>
      <c r="AC26175">
        <v>11</v>
      </c>
      <c r="AD26175">
        <v>11</v>
      </c>
      <c r="AE26175">
        <v>11</v>
      </c>
      <c r="AF26175">
        <v>11</v>
      </c>
      <c r="AG26175">
        <v>11</v>
      </c>
      <c r="AH26175">
        <v>11</v>
      </c>
      <c r="AI26175">
        <v>11</v>
      </c>
      <c r="AJ26175">
        <v>11</v>
      </c>
      <c r="AK26175">
        <v>11</v>
      </c>
      <c r="AL26175">
        <v>11</v>
      </c>
      <c r="AM26175">
        <v>11</v>
      </c>
      <c r="AN26175">
        <v>10</v>
      </c>
      <c r="AO26175">
        <v>10</v>
      </c>
      <c r="AP26175">
        <v>10</v>
      </c>
      <c r="AQ26175">
        <v>10</v>
      </c>
    </row>
    <row r="26176" spans="1:43">
      <c r="A26176" t="s">
        <v>16199</v>
      </c>
      <c r="B26176" t="s">
        <v>16200</v>
      </c>
      <c r="C26176" t="s">
        <v>16197</v>
      </c>
      <c r="D26176" t="s">
        <v>16198</v>
      </c>
      <c r="E26176" t="s">
        <v>16115</v>
      </c>
      <c r="F26176" t="s">
        <v>16116</v>
      </c>
      <c r="G26176" t="s">
        <v>10734</v>
      </c>
      <c r="H26176" t="s">
        <v>10735</v>
      </c>
      <c r="I26176" s="2">
        <v>1</v>
      </c>
      <c r="J26176" s="2">
        <v>0</v>
      </c>
      <c r="K26176" s="2">
        <v>0</v>
      </c>
      <c r="L26176" t="s">
        <v>120</v>
      </c>
      <c r="M26176" t="s">
        <v>89</v>
      </c>
      <c r="N26176" t="s">
        <v>90</v>
      </c>
      <c r="O26176" t="s">
        <v>85</v>
      </c>
      <c r="P26176" t="s">
        <v>86</v>
      </c>
      <c r="Q26176">
        <v>12</v>
      </c>
      <c r="R26176">
        <v>13</v>
      </c>
      <c r="S26176">
        <v>13</v>
      </c>
      <c r="T26176">
        <v>13</v>
      </c>
      <c r="U26176">
        <v>13</v>
      </c>
      <c r="V26176">
        <v>13</v>
      </c>
      <c r="W26176">
        <v>13</v>
      </c>
      <c r="X26176">
        <v>13</v>
      </c>
      <c r="Y26176">
        <v>13</v>
      </c>
      <c r="Z26176">
        <v>13</v>
      </c>
      <c r="AA26176">
        <v>13</v>
      </c>
      <c r="AB26176">
        <v>13</v>
      </c>
      <c r="AC26176">
        <v>13</v>
      </c>
      <c r="AD26176">
        <v>13</v>
      </c>
      <c r="AE26176">
        <v>13</v>
      </c>
      <c r="AF26176">
        <v>13</v>
      </c>
      <c r="AG26176">
        <v>13</v>
      </c>
      <c r="AH26176">
        <v>13</v>
      </c>
      <c r="AI26176">
        <v>13</v>
      </c>
      <c r="AJ26176">
        <v>13</v>
      </c>
      <c r="AK26176">
        <v>13</v>
      </c>
      <c r="AL26176">
        <v>12</v>
      </c>
      <c r="AM26176">
        <v>12</v>
      </c>
      <c r="AN26176">
        <v>12</v>
      </c>
      <c r="AO26176">
        <v>12</v>
      </c>
      <c r="AP26176">
        <v>12</v>
      </c>
      <c r="AQ26176">
        <v>12</v>
      </c>
    </row>
    <row r="26177" spans="1:43">
      <c r="A26177" t="s">
        <v>16199</v>
      </c>
      <c r="B26177" t="s">
        <v>16200</v>
      </c>
      <c r="C26177" t="s">
        <v>16197</v>
      </c>
      <c r="D26177" t="s">
        <v>16198</v>
      </c>
      <c r="E26177" t="s">
        <v>16115</v>
      </c>
      <c r="F26177" t="s">
        <v>16116</v>
      </c>
      <c r="G26177" t="s">
        <v>10734</v>
      </c>
      <c r="H26177" t="s">
        <v>10735</v>
      </c>
      <c r="I26177" s="2">
        <v>1</v>
      </c>
      <c r="J26177" s="2">
        <v>0</v>
      </c>
      <c r="K26177" s="2">
        <v>0</v>
      </c>
      <c r="L26177" t="s">
        <v>120</v>
      </c>
      <c r="M26177" t="s">
        <v>83</v>
      </c>
      <c r="N26177" t="s">
        <v>91</v>
      </c>
      <c r="O26177" t="s">
        <v>85</v>
      </c>
      <c r="P26177" t="s">
        <v>86</v>
      </c>
      <c r="Q26177">
        <v>12</v>
      </c>
      <c r="R26177">
        <v>12</v>
      </c>
      <c r="S26177">
        <v>12</v>
      </c>
      <c r="T26177">
        <v>12</v>
      </c>
      <c r="U26177">
        <v>12</v>
      </c>
      <c r="V26177">
        <v>12</v>
      </c>
      <c r="W26177">
        <v>12</v>
      </c>
      <c r="X26177">
        <v>12</v>
      </c>
      <c r="Y26177">
        <v>12</v>
      </c>
      <c r="Z26177">
        <v>12</v>
      </c>
      <c r="AA26177">
        <v>12</v>
      </c>
      <c r="AB26177">
        <v>12</v>
      </c>
      <c r="AC26177">
        <v>12</v>
      </c>
      <c r="AD26177">
        <v>12</v>
      </c>
      <c r="AE26177">
        <v>12</v>
      </c>
      <c r="AF26177">
        <v>12</v>
      </c>
      <c r="AG26177">
        <v>12</v>
      </c>
      <c r="AH26177">
        <v>12</v>
      </c>
      <c r="AI26177">
        <v>12</v>
      </c>
      <c r="AJ26177">
        <v>12</v>
      </c>
      <c r="AK26177">
        <v>12</v>
      </c>
      <c r="AL26177">
        <v>12</v>
      </c>
      <c r="AM26177">
        <v>12</v>
      </c>
      <c r="AN26177">
        <v>12</v>
      </c>
      <c r="AO26177">
        <v>12</v>
      </c>
      <c r="AP26177">
        <v>12</v>
      </c>
      <c r="AQ26177">
        <v>12</v>
      </c>
    </row>
    <row r="26178" spans="1:43">
      <c r="A26178" t="s">
        <v>16201</v>
      </c>
      <c r="B26178" t="s">
        <v>16202</v>
      </c>
      <c r="C26178" t="s">
        <v>16197</v>
      </c>
      <c r="D26178" t="s">
        <v>16198</v>
      </c>
      <c r="E26178" t="s">
        <v>16115</v>
      </c>
      <c r="F26178" t="s">
        <v>16116</v>
      </c>
      <c r="G26178" t="s">
        <v>10734</v>
      </c>
      <c r="H26178" t="s">
        <v>10735</v>
      </c>
      <c r="I26178" s="2">
        <v>1</v>
      </c>
      <c r="J26178" s="2">
        <v>0</v>
      </c>
      <c r="K26178" s="2">
        <v>0</v>
      </c>
      <c r="L26178" t="s">
        <v>120</v>
      </c>
      <c r="M26178" t="s">
        <v>83</v>
      </c>
      <c r="N26178" t="s">
        <v>84</v>
      </c>
      <c r="O26178" t="s">
        <v>85</v>
      </c>
      <c r="P26178" t="s">
        <v>86</v>
      </c>
      <c r="Q26178">
        <v>5</v>
      </c>
      <c r="R26178">
        <v>5</v>
      </c>
      <c r="S26178">
        <v>5</v>
      </c>
      <c r="T26178">
        <v>5</v>
      </c>
      <c r="U26178">
        <v>5</v>
      </c>
      <c r="V26178">
        <v>5</v>
      </c>
      <c r="W26178">
        <v>5</v>
      </c>
      <c r="X26178">
        <v>5</v>
      </c>
      <c r="Y26178">
        <v>5</v>
      </c>
      <c r="Z26178">
        <v>5</v>
      </c>
      <c r="AA26178">
        <v>5</v>
      </c>
      <c r="AB26178">
        <v>5</v>
      </c>
      <c r="AC26178">
        <v>5</v>
      </c>
      <c r="AD26178">
        <v>5</v>
      </c>
      <c r="AE26178">
        <v>5</v>
      </c>
      <c r="AF26178">
        <v>5</v>
      </c>
      <c r="AG26178">
        <v>5</v>
      </c>
      <c r="AH26178">
        <v>5</v>
      </c>
      <c r="AI26178">
        <v>5</v>
      </c>
      <c r="AJ26178">
        <v>5</v>
      </c>
      <c r="AK26178">
        <v>5</v>
      </c>
      <c r="AL26178">
        <v>5</v>
      </c>
      <c r="AM26178">
        <v>5</v>
      </c>
      <c r="AN26178">
        <v>5</v>
      </c>
      <c r="AO26178">
        <v>5</v>
      </c>
      <c r="AP26178">
        <v>5</v>
      </c>
      <c r="AQ26178">
        <v>5</v>
      </c>
    </row>
    <row r="26179" spans="1:43">
      <c r="A26179" t="s">
        <v>16201</v>
      </c>
      <c r="B26179" t="s">
        <v>16202</v>
      </c>
      <c r="C26179" t="s">
        <v>16197</v>
      </c>
      <c r="D26179" t="s">
        <v>16198</v>
      </c>
      <c r="E26179" t="s">
        <v>16115</v>
      </c>
      <c r="F26179" t="s">
        <v>16116</v>
      </c>
      <c r="G26179" t="s">
        <v>10734</v>
      </c>
      <c r="H26179" t="s">
        <v>10735</v>
      </c>
      <c r="I26179" s="2">
        <v>1</v>
      </c>
      <c r="J26179" s="2">
        <v>0</v>
      </c>
      <c r="K26179" s="2">
        <v>0</v>
      </c>
      <c r="L26179" t="s">
        <v>120</v>
      </c>
      <c r="M26179" t="s">
        <v>87</v>
      </c>
      <c r="N26179" t="s">
        <v>88</v>
      </c>
      <c r="O26179" t="s">
        <v>85</v>
      </c>
      <c r="P26179" t="s">
        <v>86</v>
      </c>
      <c r="Q26179">
        <v>5</v>
      </c>
      <c r="R26179">
        <v>5</v>
      </c>
      <c r="S26179">
        <v>5</v>
      </c>
      <c r="T26179">
        <v>5</v>
      </c>
      <c r="U26179">
        <v>5</v>
      </c>
      <c r="V26179">
        <v>5</v>
      </c>
      <c r="W26179">
        <v>5</v>
      </c>
      <c r="X26179">
        <v>5</v>
      </c>
      <c r="Y26179">
        <v>5</v>
      </c>
      <c r="Z26179">
        <v>5</v>
      </c>
      <c r="AA26179">
        <v>5</v>
      </c>
      <c r="AB26179">
        <v>5</v>
      </c>
      <c r="AC26179">
        <v>5</v>
      </c>
      <c r="AD26179">
        <v>4</v>
      </c>
      <c r="AE26179">
        <v>4</v>
      </c>
      <c r="AF26179">
        <v>4</v>
      </c>
      <c r="AG26179">
        <v>4</v>
      </c>
      <c r="AH26179">
        <v>4</v>
      </c>
      <c r="AI26179">
        <v>4</v>
      </c>
      <c r="AJ26179">
        <v>4</v>
      </c>
      <c r="AK26179">
        <v>4</v>
      </c>
      <c r="AL26179">
        <v>4</v>
      </c>
      <c r="AM26179">
        <v>4</v>
      </c>
      <c r="AN26179">
        <v>4</v>
      </c>
      <c r="AO26179">
        <v>4</v>
      </c>
      <c r="AP26179">
        <v>4</v>
      </c>
      <c r="AQ26179">
        <v>4</v>
      </c>
    </row>
    <row r="26180" spans="1:43">
      <c r="A26180" t="s">
        <v>16201</v>
      </c>
      <c r="B26180" t="s">
        <v>16202</v>
      </c>
      <c r="C26180" t="s">
        <v>16197</v>
      </c>
      <c r="D26180" t="s">
        <v>16198</v>
      </c>
      <c r="E26180" t="s">
        <v>16115</v>
      </c>
      <c r="F26180" t="s">
        <v>16116</v>
      </c>
      <c r="G26180" t="s">
        <v>10734</v>
      </c>
      <c r="H26180" t="s">
        <v>10735</v>
      </c>
      <c r="I26180" s="2">
        <v>1</v>
      </c>
      <c r="J26180" s="2">
        <v>0</v>
      </c>
      <c r="K26180" s="2">
        <v>0</v>
      </c>
      <c r="L26180" t="s">
        <v>120</v>
      </c>
      <c r="M26180" t="s">
        <v>89</v>
      </c>
      <c r="N26180" t="s">
        <v>90</v>
      </c>
      <c r="O26180" t="s">
        <v>85</v>
      </c>
      <c r="P26180" t="s">
        <v>86</v>
      </c>
      <c r="Q26180">
        <v>5</v>
      </c>
      <c r="R26180">
        <v>5</v>
      </c>
      <c r="S26180">
        <v>5</v>
      </c>
      <c r="T26180">
        <v>5</v>
      </c>
      <c r="U26180">
        <v>5</v>
      </c>
      <c r="V26180">
        <v>5</v>
      </c>
      <c r="W26180">
        <v>5</v>
      </c>
      <c r="X26180">
        <v>5</v>
      </c>
      <c r="Y26180">
        <v>5</v>
      </c>
      <c r="Z26180">
        <v>5</v>
      </c>
      <c r="AA26180">
        <v>5</v>
      </c>
      <c r="AB26180">
        <v>5</v>
      </c>
      <c r="AC26180">
        <v>5</v>
      </c>
      <c r="AD26180">
        <v>5</v>
      </c>
      <c r="AE26180">
        <v>5</v>
      </c>
      <c r="AF26180">
        <v>5</v>
      </c>
      <c r="AG26180">
        <v>5</v>
      </c>
      <c r="AH26180">
        <v>5</v>
      </c>
      <c r="AI26180">
        <v>5</v>
      </c>
      <c r="AJ26180">
        <v>5</v>
      </c>
      <c r="AK26180">
        <v>5</v>
      </c>
      <c r="AL26180">
        <v>5</v>
      </c>
      <c r="AM26180">
        <v>5</v>
      </c>
      <c r="AN26180">
        <v>5</v>
      </c>
      <c r="AO26180">
        <v>5</v>
      </c>
      <c r="AP26180">
        <v>5</v>
      </c>
      <c r="AQ26180">
        <v>5</v>
      </c>
    </row>
    <row r="26181" spans="1:43">
      <c r="A26181" t="s">
        <v>16201</v>
      </c>
      <c r="B26181" t="s">
        <v>16202</v>
      </c>
      <c r="C26181" t="s">
        <v>16197</v>
      </c>
      <c r="D26181" t="s">
        <v>16198</v>
      </c>
      <c r="E26181" t="s">
        <v>16115</v>
      </c>
      <c r="F26181" t="s">
        <v>16116</v>
      </c>
      <c r="G26181" t="s">
        <v>10734</v>
      </c>
      <c r="H26181" t="s">
        <v>10735</v>
      </c>
      <c r="I26181" s="2">
        <v>1</v>
      </c>
      <c r="J26181" s="2">
        <v>0</v>
      </c>
      <c r="K26181" s="2">
        <v>0</v>
      </c>
      <c r="L26181" t="s">
        <v>120</v>
      </c>
      <c r="M26181" t="s">
        <v>83</v>
      </c>
      <c r="N26181" t="s">
        <v>91</v>
      </c>
      <c r="O26181" t="s">
        <v>85</v>
      </c>
      <c r="P26181" t="s">
        <v>86</v>
      </c>
      <c r="Q26181">
        <v>5</v>
      </c>
      <c r="R26181">
        <v>5</v>
      </c>
      <c r="S26181">
        <v>5</v>
      </c>
      <c r="T26181">
        <v>5</v>
      </c>
      <c r="U26181">
        <v>5</v>
      </c>
      <c r="V26181">
        <v>5</v>
      </c>
      <c r="W26181">
        <v>5</v>
      </c>
      <c r="X26181">
        <v>5</v>
      </c>
      <c r="Y26181">
        <v>5</v>
      </c>
      <c r="Z26181">
        <v>5</v>
      </c>
      <c r="AA26181">
        <v>5</v>
      </c>
      <c r="AB26181">
        <v>5</v>
      </c>
      <c r="AC26181">
        <v>5</v>
      </c>
      <c r="AD26181">
        <v>5</v>
      </c>
      <c r="AE26181">
        <v>5</v>
      </c>
      <c r="AF26181">
        <v>5</v>
      </c>
      <c r="AG26181">
        <v>5</v>
      </c>
      <c r="AH26181">
        <v>5</v>
      </c>
      <c r="AI26181">
        <v>5</v>
      </c>
      <c r="AJ26181">
        <v>5</v>
      </c>
      <c r="AK26181">
        <v>5</v>
      </c>
      <c r="AL26181">
        <v>5</v>
      </c>
      <c r="AM26181">
        <v>5</v>
      </c>
      <c r="AN26181">
        <v>5</v>
      </c>
      <c r="AO26181">
        <v>5</v>
      </c>
      <c r="AP26181">
        <v>5</v>
      </c>
      <c r="AQ26181">
        <v>5</v>
      </c>
    </row>
    <row r="26182" spans="1:43">
      <c r="A26182" t="s">
        <v>16203</v>
      </c>
      <c r="B26182" t="s">
        <v>16204</v>
      </c>
      <c r="C26182" t="s">
        <v>16197</v>
      </c>
      <c r="D26182" t="s">
        <v>16198</v>
      </c>
      <c r="E26182" t="s">
        <v>16115</v>
      </c>
      <c r="F26182" t="s">
        <v>16116</v>
      </c>
      <c r="G26182" t="s">
        <v>10734</v>
      </c>
      <c r="H26182" t="s">
        <v>10735</v>
      </c>
      <c r="I26182" s="2">
        <v>1</v>
      </c>
      <c r="J26182" s="2">
        <v>0</v>
      </c>
      <c r="K26182" s="2">
        <v>0</v>
      </c>
      <c r="L26182" t="s">
        <v>120</v>
      </c>
      <c r="M26182" t="s">
        <v>83</v>
      </c>
      <c r="N26182" t="s">
        <v>84</v>
      </c>
      <c r="O26182" t="s">
        <v>85</v>
      </c>
      <c r="P26182" t="s">
        <v>86</v>
      </c>
      <c r="Q26182">
        <v>10</v>
      </c>
      <c r="R26182">
        <v>10</v>
      </c>
      <c r="S26182">
        <v>10</v>
      </c>
      <c r="T26182">
        <v>10</v>
      </c>
      <c r="U26182">
        <v>10</v>
      </c>
      <c r="V26182">
        <v>10</v>
      </c>
      <c r="W26182">
        <v>10</v>
      </c>
      <c r="X26182">
        <v>10</v>
      </c>
      <c r="Y26182">
        <v>10</v>
      </c>
      <c r="Z26182">
        <v>10</v>
      </c>
      <c r="AA26182">
        <v>10</v>
      </c>
      <c r="AB26182">
        <v>10</v>
      </c>
      <c r="AC26182">
        <v>10</v>
      </c>
      <c r="AD26182">
        <v>10</v>
      </c>
      <c r="AE26182">
        <v>10</v>
      </c>
      <c r="AF26182">
        <v>10</v>
      </c>
      <c r="AG26182">
        <v>10</v>
      </c>
      <c r="AH26182">
        <v>10</v>
      </c>
      <c r="AI26182">
        <v>10</v>
      </c>
      <c r="AJ26182">
        <v>10</v>
      </c>
      <c r="AK26182">
        <v>10</v>
      </c>
      <c r="AL26182">
        <v>10</v>
      </c>
      <c r="AM26182">
        <v>10</v>
      </c>
      <c r="AN26182">
        <v>10</v>
      </c>
      <c r="AO26182">
        <v>10</v>
      </c>
      <c r="AP26182">
        <v>10</v>
      </c>
      <c r="AQ26182">
        <v>10</v>
      </c>
    </row>
    <row r="26183" spans="1:43">
      <c r="A26183" t="s">
        <v>16203</v>
      </c>
      <c r="B26183" t="s">
        <v>16204</v>
      </c>
      <c r="C26183" t="s">
        <v>16197</v>
      </c>
      <c r="D26183" t="s">
        <v>16198</v>
      </c>
      <c r="E26183" t="s">
        <v>16115</v>
      </c>
      <c r="F26183" t="s">
        <v>16116</v>
      </c>
      <c r="G26183" t="s">
        <v>10734</v>
      </c>
      <c r="H26183" t="s">
        <v>10735</v>
      </c>
      <c r="I26183" s="2">
        <v>1</v>
      </c>
      <c r="J26183" s="2">
        <v>0</v>
      </c>
      <c r="K26183" s="2">
        <v>0</v>
      </c>
      <c r="L26183" t="s">
        <v>120</v>
      </c>
      <c r="M26183" t="s">
        <v>87</v>
      </c>
      <c r="N26183" t="s">
        <v>88</v>
      </c>
      <c r="O26183" t="s">
        <v>85</v>
      </c>
      <c r="P26183" t="s">
        <v>86</v>
      </c>
      <c r="Q26183">
        <v>10</v>
      </c>
      <c r="R26183">
        <v>10</v>
      </c>
      <c r="S26183">
        <v>10</v>
      </c>
      <c r="T26183">
        <v>10</v>
      </c>
      <c r="U26183">
        <v>10</v>
      </c>
      <c r="V26183">
        <v>10</v>
      </c>
      <c r="W26183">
        <v>10</v>
      </c>
      <c r="X26183">
        <v>10</v>
      </c>
      <c r="Y26183">
        <v>10</v>
      </c>
      <c r="Z26183">
        <v>10</v>
      </c>
      <c r="AA26183">
        <v>10</v>
      </c>
      <c r="AB26183">
        <v>9</v>
      </c>
      <c r="AC26183">
        <v>9</v>
      </c>
      <c r="AD26183">
        <v>9</v>
      </c>
      <c r="AE26183">
        <v>9</v>
      </c>
      <c r="AF26183">
        <v>9</v>
      </c>
      <c r="AG26183">
        <v>9</v>
      </c>
      <c r="AH26183">
        <v>9</v>
      </c>
      <c r="AI26183">
        <v>9</v>
      </c>
      <c r="AJ26183">
        <v>9</v>
      </c>
      <c r="AK26183">
        <v>9</v>
      </c>
      <c r="AL26183">
        <v>9</v>
      </c>
      <c r="AM26183">
        <v>9</v>
      </c>
      <c r="AN26183">
        <v>9</v>
      </c>
      <c r="AO26183">
        <v>9</v>
      </c>
      <c r="AP26183">
        <v>9</v>
      </c>
      <c r="AQ26183">
        <v>9</v>
      </c>
    </row>
    <row r="26184" spans="1:43">
      <c r="A26184" t="s">
        <v>16203</v>
      </c>
      <c r="B26184" t="s">
        <v>16204</v>
      </c>
      <c r="C26184" t="s">
        <v>16197</v>
      </c>
      <c r="D26184" t="s">
        <v>16198</v>
      </c>
      <c r="E26184" t="s">
        <v>16115</v>
      </c>
      <c r="F26184" t="s">
        <v>16116</v>
      </c>
      <c r="G26184" t="s">
        <v>10734</v>
      </c>
      <c r="H26184" t="s">
        <v>10735</v>
      </c>
      <c r="I26184" s="2">
        <v>1</v>
      </c>
      <c r="J26184" s="2">
        <v>0</v>
      </c>
      <c r="K26184" s="2">
        <v>0</v>
      </c>
      <c r="L26184" t="s">
        <v>120</v>
      </c>
      <c r="M26184" t="s">
        <v>89</v>
      </c>
      <c r="N26184" t="s">
        <v>90</v>
      </c>
      <c r="O26184" t="s">
        <v>85</v>
      </c>
      <c r="P26184" t="s">
        <v>86</v>
      </c>
      <c r="Q26184">
        <v>10</v>
      </c>
      <c r="R26184">
        <v>10</v>
      </c>
      <c r="S26184">
        <v>11</v>
      </c>
      <c r="T26184">
        <v>11</v>
      </c>
      <c r="U26184">
        <v>11</v>
      </c>
      <c r="V26184">
        <v>11</v>
      </c>
      <c r="W26184">
        <v>11</v>
      </c>
      <c r="X26184">
        <v>11</v>
      </c>
      <c r="Y26184">
        <v>11</v>
      </c>
      <c r="Z26184">
        <v>11</v>
      </c>
      <c r="AA26184">
        <v>11</v>
      </c>
      <c r="AB26184">
        <v>11</v>
      </c>
      <c r="AC26184">
        <v>11</v>
      </c>
      <c r="AD26184">
        <v>11</v>
      </c>
      <c r="AE26184">
        <v>11</v>
      </c>
      <c r="AF26184">
        <v>11</v>
      </c>
      <c r="AG26184">
        <v>11</v>
      </c>
      <c r="AH26184">
        <v>11</v>
      </c>
      <c r="AI26184">
        <v>11</v>
      </c>
      <c r="AJ26184">
        <v>11</v>
      </c>
      <c r="AK26184">
        <v>11</v>
      </c>
      <c r="AL26184">
        <v>10</v>
      </c>
      <c r="AM26184">
        <v>10</v>
      </c>
      <c r="AN26184">
        <v>10</v>
      </c>
      <c r="AO26184">
        <v>10</v>
      </c>
      <c r="AP26184">
        <v>10</v>
      </c>
      <c r="AQ26184">
        <v>10</v>
      </c>
    </row>
    <row r="26185" spans="1:43">
      <c r="A26185" t="s">
        <v>16203</v>
      </c>
      <c r="B26185" t="s">
        <v>16204</v>
      </c>
      <c r="C26185" t="s">
        <v>16197</v>
      </c>
      <c r="D26185" t="s">
        <v>16198</v>
      </c>
      <c r="E26185" t="s">
        <v>16115</v>
      </c>
      <c r="F26185" t="s">
        <v>16116</v>
      </c>
      <c r="G26185" t="s">
        <v>10734</v>
      </c>
      <c r="H26185" t="s">
        <v>10735</v>
      </c>
      <c r="I26185" s="2">
        <v>1</v>
      </c>
      <c r="J26185" s="2">
        <v>0</v>
      </c>
      <c r="K26185" s="2">
        <v>0</v>
      </c>
      <c r="L26185" t="s">
        <v>120</v>
      </c>
      <c r="M26185" t="s">
        <v>83</v>
      </c>
      <c r="N26185" t="s">
        <v>91</v>
      </c>
      <c r="O26185" t="s">
        <v>85</v>
      </c>
      <c r="P26185" t="s">
        <v>86</v>
      </c>
      <c r="Q26185">
        <v>10</v>
      </c>
      <c r="R26185">
        <v>10</v>
      </c>
      <c r="S26185">
        <v>10</v>
      </c>
      <c r="T26185">
        <v>10</v>
      </c>
      <c r="U26185">
        <v>10</v>
      </c>
      <c r="V26185">
        <v>10</v>
      </c>
      <c r="W26185">
        <v>10</v>
      </c>
      <c r="X26185">
        <v>10</v>
      </c>
      <c r="Y26185">
        <v>10</v>
      </c>
      <c r="Z26185">
        <v>10</v>
      </c>
      <c r="AA26185">
        <v>10</v>
      </c>
      <c r="AB26185">
        <v>10</v>
      </c>
      <c r="AC26185">
        <v>10</v>
      </c>
      <c r="AD26185">
        <v>10</v>
      </c>
      <c r="AE26185">
        <v>10</v>
      </c>
      <c r="AF26185">
        <v>10</v>
      </c>
      <c r="AG26185">
        <v>10</v>
      </c>
      <c r="AH26185">
        <v>10</v>
      </c>
      <c r="AI26185">
        <v>10</v>
      </c>
      <c r="AJ26185">
        <v>10</v>
      </c>
      <c r="AK26185">
        <v>10</v>
      </c>
      <c r="AL26185">
        <v>10</v>
      </c>
      <c r="AM26185">
        <v>10</v>
      </c>
      <c r="AN26185">
        <v>10</v>
      </c>
      <c r="AO26185">
        <v>10</v>
      </c>
      <c r="AP26185">
        <v>10</v>
      </c>
      <c r="AQ26185">
        <v>10</v>
      </c>
    </row>
    <row r="26186" spans="1:43">
      <c r="A26186" t="s">
        <v>16205</v>
      </c>
      <c r="B26186" t="s">
        <v>16206</v>
      </c>
      <c r="C26186" t="s">
        <v>16207</v>
      </c>
      <c r="D26186" t="s">
        <v>16208</v>
      </c>
      <c r="E26186" t="s">
        <v>16115</v>
      </c>
      <c r="F26186" t="s">
        <v>16116</v>
      </c>
      <c r="G26186" t="s">
        <v>10734</v>
      </c>
      <c r="H26186" t="s">
        <v>10735</v>
      </c>
      <c r="I26186" s="2">
        <v>1</v>
      </c>
      <c r="J26186" s="2">
        <v>0</v>
      </c>
      <c r="K26186" s="2">
        <v>0</v>
      </c>
      <c r="L26186" t="s">
        <v>120</v>
      </c>
      <c r="M26186" t="s">
        <v>83</v>
      </c>
      <c r="N26186" t="s">
        <v>84</v>
      </c>
      <c r="O26186" t="s">
        <v>85</v>
      </c>
      <c r="P26186" t="s">
        <v>86</v>
      </c>
      <c r="Q26186">
        <v>3</v>
      </c>
      <c r="R26186">
        <v>3</v>
      </c>
      <c r="S26186">
        <v>3</v>
      </c>
      <c r="T26186">
        <v>3</v>
      </c>
      <c r="U26186">
        <v>3</v>
      </c>
      <c r="V26186">
        <v>3</v>
      </c>
      <c r="W26186">
        <v>3</v>
      </c>
      <c r="X26186">
        <v>3</v>
      </c>
      <c r="Y26186">
        <v>3</v>
      </c>
      <c r="Z26186">
        <v>3</v>
      </c>
      <c r="AA26186">
        <v>3</v>
      </c>
      <c r="AB26186">
        <v>3</v>
      </c>
      <c r="AC26186">
        <v>3</v>
      </c>
      <c r="AD26186">
        <v>3</v>
      </c>
      <c r="AE26186">
        <v>3</v>
      </c>
      <c r="AF26186">
        <v>3</v>
      </c>
      <c r="AG26186">
        <v>3</v>
      </c>
      <c r="AH26186">
        <v>3</v>
      </c>
      <c r="AI26186">
        <v>3</v>
      </c>
      <c r="AJ26186">
        <v>3</v>
      </c>
      <c r="AK26186">
        <v>3</v>
      </c>
      <c r="AL26186">
        <v>3</v>
      </c>
      <c r="AM26186">
        <v>3</v>
      </c>
      <c r="AN26186">
        <v>3</v>
      </c>
      <c r="AO26186">
        <v>3</v>
      </c>
      <c r="AP26186">
        <v>3</v>
      </c>
      <c r="AQ26186">
        <v>3</v>
      </c>
    </row>
    <row r="26187" spans="1:43">
      <c r="A26187" t="s">
        <v>16205</v>
      </c>
      <c r="B26187" t="s">
        <v>16206</v>
      </c>
      <c r="C26187" t="s">
        <v>16207</v>
      </c>
      <c r="D26187" t="s">
        <v>16208</v>
      </c>
      <c r="E26187" t="s">
        <v>16115</v>
      </c>
      <c r="F26187" t="s">
        <v>16116</v>
      </c>
      <c r="G26187" t="s">
        <v>10734</v>
      </c>
      <c r="H26187" t="s">
        <v>10735</v>
      </c>
      <c r="I26187" s="2">
        <v>1</v>
      </c>
      <c r="J26187" s="2">
        <v>0</v>
      </c>
      <c r="K26187" s="2">
        <v>0</v>
      </c>
      <c r="L26187" t="s">
        <v>120</v>
      </c>
      <c r="M26187" t="s">
        <v>87</v>
      </c>
      <c r="N26187" t="s">
        <v>88</v>
      </c>
      <c r="O26187" t="s">
        <v>85</v>
      </c>
      <c r="P26187" t="s">
        <v>86</v>
      </c>
      <c r="Q26187">
        <v>3</v>
      </c>
      <c r="R26187">
        <v>3</v>
      </c>
      <c r="S26187">
        <v>3</v>
      </c>
      <c r="T26187">
        <v>3</v>
      </c>
      <c r="U26187">
        <v>3</v>
      </c>
      <c r="V26187">
        <v>3</v>
      </c>
      <c r="W26187">
        <v>3</v>
      </c>
      <c r="X26187">
        <v>3</v>
      </c>
      <c r="Y26187">
        <v>3</v>
      </c>
      <c r="Z26187">
        <v>3</v>
      </c>
      <c r="AA26187">
        <v>3</v>
      </c>
      <c r="AB26187">
        <v>3</v>
      </c>
      <c r="AC26187">
        <v>3</v>
      </c>
      <c r="AD26187">
        <v>3</v>
      </c>
      <c r="AE26187">
        <v>3</v>
      </c>
      <c r="AF26187">
        <v>3</v>
      </c>
      <c r="AG26187">
        <v>2</v>
      </c>
      <c r="AH26187">
        <v>2</v>
      </c>
      <c r="AI26187">
        <v>2</v>
      </c>
      <c r="AJ26187">
        <v>2</v>
      </c>
      <c r="AK26187">
        <v>2</v>
      </c>
      <c r="AL26187">
        <v>2</v>
      </c>
      <c r="AM26187">
        <v>2</v>
      </c>
      <c r="AN26187">
        <v>2</v>
      </c>
      <c r="AO26187">
        <v>2</v>
      </c>
      <c r="AP26187">
        <v>2</v>
      </c>
      <c r="AQ26187">
        <v>2</v>
      </c>
    </row>
    <row r="26188" spans="1:43">
      <c r="A26188" t="s">
        <v>16205</v>
      </c>
      <c r="B26188" t="s">
        <v>16206</v>
      </c>
      <c r="C26188" t="s">
        <v>16207</v>
      </c>
      <c r="D26188" t="s">
        <v>16208</v>
      </c>
      <c r="E26188" t="s">
        <v>16115</v>
      </c>
      <c r="F26188" t="s">
        <v>16116</v>
      </c>
      <c r="G26188" t="s">
        <v>10734</v>
      </c>
      <c r="H26188" t="s">
        <v>10735</v>
      </c>
      <c r="I26188" s="2">
        <v>1</v>
      </c>
      <c r="J26188" s="2">
        <v>0</v>
      </c>
      <c r="K26188" s="2">
        <v>0</v>
      </c>
      <c r="L26188" t="s">
        <v>120</v>
      </c>
      <c r="M26188" t="s">
        <v>89</v>
      </c>
      <c r="N26188" t="s">
        <v>90</v>
      </c>
      <c r="O26188" t="s">
        <v>85</v>
      </c>
      <c r="P26188" t="s">
        <v>86</v>
      </c>
      <c r="Q26188">
        <v>3</v>
      </c>
      <c r="R26188">
        <v>3</v>
      </c>
      <c r="S26188">
        <v>3</v>
      </c>
      <c r="T26188">
        <v>3</v>
      </c>
      <c r="U26188">
        <v>3</v>
      </c>
      <c r="V26188">
        <v>3</v>
      </c>
      <c r="W26188">
        <v>3</v>
      </c>
      <c r="X26188">
        <v>3</v>
      </c>
      <c r="Y26188">
        <v>3</v>
      </c>
      <c r="Z26188">
        <v>3</v>
      </c>
      <c r="AA26188">
        <v>3</v>
      </c>
      <c r="AB26188">
        <v>3</v>
      </c>
      <c r="AC26188">
        <v>3</v>
      </c>
      <c r="AD26188">
        <v>3</v>
      </c>
      <c r="AE26188">
        <v>3</v>
      </c>
      <c r="AF26188">
        <v>3</v>
      </c>
      <c r="AG26188">
        <v>3</v>
      </c>
      <c r="AH26188">
        <v>3</v>
      </c>
      <c r="AI26188">
        <v>3</v>
      </c>
      <c r="AJ26188">
        <v>3</v>
      </c>
      <c r="AK26188">
        <v>3</v>
      </c>
      <c r="AL26188">
        <v>3</v>
      </c>
      <c r="AM26188">
        <v>3</v>
      </c>
      <c r="AN26188">
        <v>3</v>
      </c>
      <c r="AO26188">
        <v>3</v>
      </c>
      <c r="AP26188">
        <v>3</v>
      </c>
      <c r="AQ26188">
        <v>3</v>
      </c>
    </row>
    <row r="26189" spans="1:43">
      <c r="A26189" t="s">
        <v>16205</v>
      </c>
      <c r="B26189" t="s">
        <v>16206</v>
      </c>
      <c r="C26189" t="s">
        <v>16207</v>
      </c>
      <c r="D26189" t="s">
        <v>16208</v>
      </c>
      <c r="E26189" t="s">
        <v>16115</v>
      </c>
      <c r="F26189" t="s">
        <v>16116</v>
      </c>
      <c r="G26189" t="s">
        <v>10734</v>
      </c>
      <c r="H26189" t="s">
        <v>10735</v>
      </c>
      <c r="I26189" s="2">
        <v>1</v>
      </c>
      <c r="J26189" s="2">
        <v>0</v>
      </c>
      <c r="K26189" s="2">
        <v>0</v>
      </c>
      <c r="L26189" t="s">
        <v>120</v>
      </c>
      <c r="M26189" t="s">
        <v>83</v>
      </c>
      <c r="N26189" t="s">
        <v>91</v>
      </c>
      <c r="O26189" t="s">
        <v>85</v>
      </c>
      <c r="P26189" t="s">
        <v>86</v>
      </c>
      <c r="Q26189">
        <v>3</v>
      </c>
      <c r="R26189">
        <v>3</v>
      </c>
      <c r="S26189">
        <v>3</v>
      </c>
      <c r="T26189">
        <v>3</v>
      </c>
      <c r="U26189">
        <v>3</v>
      </c>
      <c r="V26189">
        <v>3</v>
      </c>
      <c r="W26189">
        <v>3</v>
      </c>
      <c r="X26189">
        <v>3</v>
      </c>
      <c r="Y26189">
        <v>3</v>
      </c>
      <c r="Z26189">
        <v>3</v>
      </c>
      <c r="AA26189">
        <v>3</v>
      </c>
      <c r="AB26189">
        <v>3</v>
      </c>
      <c r="AC26189">
        <v>3</v>
      </c>
      <c r="AD26189">
        <v>3</v>
      </c>
      <c r="AE26189">
        <v>3</v>
      </c>
      <c r="AF26189">
        <v>3</v>
      </c>
      <c r="AG26189">
        <v>3</v>
      </c>
      <c r="AH26189">
        <v>3</v>
      </c>
      <c r="AI26189">
        <v>3</v>
      </c>
      <c r="AJ26189">
        <v>3</v>
      </c>
      <c r="AK26189">
        <v>3</v>
      </c>
      <c r="AL26189">
        <v>3</v>
      </c>
      <c r="AM26189">
        <v>3</v>
      </c>
      <c r="AN26189">
        <v>3</v>
      </c>
      <c r="AO26189">
        <v>3</v>
      </c>
      <c r="AP26189">
        <v>3</v>
      </c>
      <c r="AQ26189">
        <v>3</v>
      </c>
    </row>
    <row r="26190" spans="1:43">
      <c r="A26190" t="s">
        <v>16209</v>
      </c>
      <c r="B26190" t="s">
        <v>16210</v>
      </c>
      <c r="C26190" t="s">
        <v>16207</v>
      </c>
      <c r="D26190" t="s">
        <v>16208</v>
      </c>
      <c r="E26190" t="s">
        <v>16115</v>
      </c>
      <c r="F26190" t="s">
        <v>16116</v>
      </c>
      <c r="G26190" t="s">
        <v>10734</v>
      </c>
      <c r="H26190" t="s">
        <v>10735</v>
      </c>
      <c r="I26190" s="2">
        <v>1</v>
      </c>
      <c r="J26190" s="2">
        <v>0</v>
      </c>
      <c r="K26190" s="2">
        <v>0</v>
      </c>
      <c r="L26190" t="s">
        <v>120</v>
      </c>
      <c r="M26190" t="s">
        <v>83</v>
      </c>
      <c r="N26190" t="s">
        <v>84</v>
      </c>
      <c r="O26190" t="s">
        <v>85</v>
      </c>
      <c r="P26190" t="s">
        <v>86</v>
      </c>
      <c r="Q26190">
        <v>12</v>
      </c>
      <c r="R26190">
        <v>12</v>
      </c>
      <c r="S26190">
        <v>12</v>
      </c>
      <c r="T26190">
        <v>12</v>
      </c>
      <c r="U26190">
        <v>12</v>
      </c>
      <c r="V26190">
        <v>12</v>
      </c>
      <c r="W26190">
        <v>12</v>
      </c>
      <c r="X26190">
        <v>12</v>
      </c>
      <c r="Y26190">
        <v>12</v>
      </c>
      <c r="Z26190">
        <v>12</v>
      </c>
      <c r="AA26190">
        <v>12</v>
      </c>
      <c r="AB26190">
        <v>12</v>
      </c>
      <c r="AC26190">
        <v>12</v>
      </c>
      <c r="AD26190">
        <v>12</v>
      </c>
      <c r="AE26190">
        <v>12</v>
      </c>
      <c r="AF26190">
        <v>12</v>
      </c>
      <c r="AG26190">
        <v>12</v>
      </c>
      <c r="AH26190">
        <v>12</v>
      </c>
      <c r="AI26190">
        <v>12</v>
      </c>
      <c r="AJ26190">
        <v>12</v>
      </c>
      <c r="AK26190">
        <v>12</v>
      </c>
      <c r="AL26190">
        <v>12</v>
      </c>
      <c r="AM26190">
        <v>12</v>
      </c>
      <c r="AN26190">
        <v>12</v>
      </c>
      <c r="AO26190">
        <v>12</v>
      </c>
      <c r="AP26190">
        <v>12</v>
      </c>
      <c r="AQ26190">
        <v>12</v>
      </c>
    </row>
    <row r="26191" spans="1:43">
      <c r="A26191" t="s">
        <v>16209</v>
      </c>
      <c r="B26191" t="s">
        <v>16210</v>
      </c>
      <c r="C26191" t="s">
        <v>16207</v>
      </c>
      <c r="D26191" t="s">
        <v>16208</v>
      </c>
      <c r="E26191" t="s">
        <v>16115</v>
      </c>
      <c r="F26191" t="s">
        <v>16116</v>
      </c>
      <c r="G26191" t="s">
        <v>10734</v>
      </c>
      <c r="H26191" t="s">
        <v>10735</v>
      </c>
      <c r="I26191" s="2">
        <v>1</v>
      </c>
      <c r="J26191" s="2">
        <v>0</v>
      </c>
      <c r="K26191" s="2">
        <v>0</v>
      </c>
      <c r="L26191" t="s">
        <v>120</v>
      </c>
      <c r="M26191" t="s">
        <v>87</v>
      </c>
      <c r="N26191" t="s">
        <v>88</v>
      </c>
      <c r="O26191" t="s">
        <v>85</v>
      </c>
      <c r="P26191" t="s">
        <v>86</v>
      </c>
      <c r="Q26191">
        <v>12</v>
      </c>
      <c r="R26191">
        <v>12</v>
      </c>
      <c r="S26191">
        <v>12</v>
      </c>
      <c r="T26191">
        <v>12</v>
      </c>
      <c r="U26191">
        <v>12</v>
      </c>
      <c r="V26191">
        <v>12</v>
      </c>
      <c r="W26191">
        <v>12</v>
      </c>
      <c r="X26191">
        <v>12</v>
      </c>
      <c r="Y26191">
        <v>12</v>
      </c>
      <c r="Z26191">
        <v>11</v>
      </c>
      <c r="AA26191">
        <v>11</v>
      </c>
      <c r="AB26191">
        <v>11</v>
      </c>
      <c r="AC26191">
        <v>11</v>
      </c>
      <c r="AD26191">
        <v>11</v>
      </c>
      <c r="AE26191">
        <v>11</v>
      </c>
      <c r="AF26191">
        <v>11</v>
      </c>
      <c r="AG26191">
        <v>11</v>
      </c>
      <c r="AH26191">
        <v>11</v>
      </c>
      <c r="AI26191">
        <v>11</v>
      </c>
      <c r="AJ26191">
        <v>11</v>
      </c>
      <c r="AK26191">
        <v>11</v>
      </c>
      <c r="AL26191">
        <v>11</v>
      </c>
      <c r="AM26191">
        <v>11</v>
      </c>
      <c r="AN26191">
        <v>10</v>
      </c>
      <c r="AO26191">
        <v>10</v>
      </c>
      <c r="AP26191">
        <v>10</v>
      </c>
      <c r="AQ26191">
        <v>10</v>
      </c>
    </row>
    <row r="26192" spans="1:43">
      <c r="A26192" t="s">
        <v>16209</v>
      </c>
      <c r="B26192" t="s">
        <v>16210</v>
      </c>
      <c r="C26192" t="s">
        <v>16207</v>
      </c>
      <c r="D26192" t="s">
        <v>16208</v>
      </c>
      <c r="E26192" t="s">
        <v>16115</v>
      </c>
      <c r="F26192" t="s">
        <v>16116</v>
      </c>
      <c r="G26192" t="s">
        <v>10734</v>
      </c>
      <c r="H26192" t="s">
        <v>10735</v>
      </c>
      <c r="I26192" s="2">
        <v>1</v>
      </c>
      <c r="J26192" s="2">
        <v>0</v>
      </c>
      <c r="K26192" s="2">
        <v>0</v>
      </c>
      <c r="L26192" t="s">
        <v>120</v>
      </c>
      <c r="M26192" t="s">
        <v>89</v>
      </c>
      <c r="N26192" t="s">
        <v>90</v>
      </c>
      <c r="O26192" t="s">
        <v>85</v>
      </c>
      <c r="P26192" t="s">
        <v>86</v>
      </c>
      <c r="Q26192">
        <v>12</v>
      </c>
      <c r="R26192">
        <v>13</v>
      </c>
      <c r="S26192">
        <v>13</v>
      </c>
      <c r="T26192">
        <v>13</v>
      </c>
      <c r="U26192">
        <v>13</v>
      </c>
      <c r="V26192">
        <v>13</v>
      </c>
      <c r="W26192">
        <v>13</v>
      </c>
      <c r="X26192">
        <v>13</v>
      </c>
      <c r="Y26192">
        <v>13</v>
      </c>
      <c r="Z26192">
        <v>13</v>
      </c>
      <c r="AA26192">
        <v>13</v>
      </c>
      <c r="AB26192">
        <v>13</v>
      </c>
      <c r="AC26192">
        <v>13</v>
      </c>
      <c r="AD26192">
        <v>13</v>
      </c>
      <c r="AE26192">
        <v>13</v>
      </c>
      <c r="AF26192">
        <v>13</v>
      </c>
      <c r="AG26192">
        <v>13</v>
      </c>
      <c r="AH26192">
        <v>13</v>
      </c>
      <c r="AI26192">
        <v>13</v>
      </c>
      <c r="AJ26192">
        <v>13</v>
      </c>
      <c r="AK26192">
        <v>13</v>
      </c>
      <c r="AL26192">
        <v>12</v>
      </c>
      <c r="AM26192">
        <v>12</v>
      </c>
      <c r="AN26192">
        <v>12</v>
      </c>
      <c r="AO26192">
        <v>12</v>
      </c>
      <c r="AP26192">
        <v>12</v>
      </c>
      <c r="AQ26192">
        <v>12</v>
      </c>
    </row>
    <row r="26193" spans="1:43">
      <c r="A26193" t="s">
        <v>16209</v>
      </c>
      <c r="B26193" t="s">
        <v>16210</v>
      </c>
      <c r="C26193" t="s">
        <v>16207</v>
      </c>
      <c r="D26193" t="s">
        <v>16208</v>
      </c>
      <c r="E26193" t="s">
        <v>16115</v>
      </c>
      <c r="F26193" t="s">
        <v>16116</v>
      </c>
      <c r="G26193" t="s">
        <v>10734</v>
      </c>
      <c r="H26193" t="s">
        <v>10735</v>
      </c>
      <c r="I26193" s="2">
        <v>1</v>
      </c>
      <c r="J26193" s="2">
        <v>0</v>
      </c>
      <c r="K26193" s="2">
        <v>0</v>
      </c>
      <c r="L26193" t="s">
        <v>120</v>
      </c>
      <c r="M26193" t="s">
        <v>83</v>
      </c>
      <c r="N26193" t="s">
        <v>91</v>
      </c>
      <c r="O26193" t="s">
        <v>85</v>
      </c>
      <c r="P26193" t="s">
        <v>86</v>
      </c>
      <c r="Q26193">
        <v>12</v>
      </c>
      <c r="R26193">
        <v>12</v>
      </c>
      <c r="S26193">
        <v>12</v>
      </c>
      <c r="T26193">
        <v>12</v>
      </c>
      <c r="U26193">
        <v>12</v>
      </c>
      <c r="V26193">
        <v>12</v>
      </c>
      <c r="W26193">
        <v>12</v>
      </c>
      <c r="X26193">
        <v>12</v>
      </c>
      <c r="Y26193">
        <v>12</v>
      </c>
      <c r="Z26193">
        <v>12</v>
      </c>
      <c r="AA26193">
        <v>12</v>
      </c>
      <c r="AB26193">
        <v>12</v>
      </c>
      <c r="AC26193">
        <v>12</v>
      </c>
      <c r="AD26193">
        <v>12</v>
      </c>
      <c r="AE26193">
        <v>12</v>
      </c>
      <c r="AF26193">
        <v>12</v>
      </c>
      <c r="AG26193">
        <v>12</v>
      </c>
      <c r="AH26193">
        <v>12</v>
      </c>
      <c r="AI26193">
        <v>12</v>
      </c>
      <c r="AJ26193">
        <v>12</v>
      </c>
      <c r="AK26193">
        <v>12</v>
      </c>
      <c r="AL26193">
        <v>12</v>
      </c>
      <c r="AM26193">
        <v>12</v>
      </c>
      <c r="AN26193">
        <v>12</v>
      </c>
      <c r="AO26193">
        <v>12</v>
      </c>
      <c r="AP26193">
        <v>12</v>
      </c>
      <c r="AQ26193">
        <v>12</v>
      </c>
    </row>
    <row r="26194" spans="1:43">
      <c r="A26194" t="s">
        <v>16211</v>
      </c>
      <c r="B26194" t="s">
        <v>16212</v>
      </c>
      <c r="C26194" t="s">
        <v>16157</v>
      </c>
      <c r="D26194" t="s">
        <v>16158</v>
      </c>
      <c r="E26194" t="s">
        <v>16115</v>
      </c>
      <c r="F26194" t="s">
        <v>16116</v>
      </c>
      <c r="G26194" t="s">
        <v>10734</v>
      </c>
      <c r="H26194" t="s">
        <v>10735</v>
      </c>
      <c r="I26194" s="2">
        <v>1</v>
      </c>
      <c r="J26194" s="2">
        <v>0</v>
      </c>
      <c r="K26194" s="2">
        <v>0</v>
      </c>
      <c r="L26194" t="s">
        <v>120</v>
      </c>
      <c r="M26194" t="s">
        <v>83</v>
      </c>
      <c r="N26194" t="s">
        <v>84</v>
      </c>
      <c r="O26194" t="s">
        <v>85</v>
      </c>
      <c r="P26194" t="s">
        <v>86</v>
      </c>
      <c r="Q26194">
        <v>25</v>
      </c>
      <c r="R26194">
        <v>25</v>
      </c>
      <c r="S26194">
        <v>26</v>
      </c>
      <c r="T26194">
        <v>26</v>
      </c>
      <c r="U26194">
        <v>26</v>
      </c>
      <c r="V26194">
        <v>26</v>
      </c>
      <c r="W26194">
        <v>26</v>
      </c>
      <c r="X26194">
        <v>26</v>
      </c>
      <c r="Y26194">
        <v>26</v>
      </c>
      <c r="Z26194">
        <v>26</v>
      </c>
      <c r="AA26194">
        <v>26</v>
      </c>
      <c r="AB26194">
        <v>26</v>
      </c>
      <c r="AC26194">
        <v>26</v>
      </c>
      <c r="AD26194">
        <v>26</v>
      </c>
      <c r="AE26194">
        <v>26</v>
      </c>
      <c r="AF26194">
        <v>26</v>
      </c>
      <c r="AG26194">
        <v>26</v>
      </c>
      <c r="AH26194">
        <v>26</v>
      </c>
      <c r="AI26194">
        <v>26</v>
      </c>
      <c r="AJ26194">
        <v>26</v>
      </c>
      <c r="AK26194">
        <v>26</v>
      </c>
      <c r="AL26194">
        <v>26</v>
      </c>
      <c r="AM26194">
        <v>26</v>
      </c>
      <c r="AN26194">
        <v>26</v>
      </c>
      <c r="AO26194">
        <v>25</v>
      </c>
      <c r="AP26194">
        <v>25</v>
      </c>
      <c r="AQ26194">
        <v>25</v>
      </c>
    </row>
    <row r="26195" spans="1:43">
      <c r="A26195" t="s">
        <v>16211</v>
      </c>
      <c r="B26195" t="s">
        <v>16212</v>
      </c>
      <c r="C26195" t="s">
        <v>16157</v>
      </c>
      <c r="D26195" t="s">
        <v>16158</v>
      </c>
      <c r="E26195" t="s">
        <v>16115</v>
      </c>
      <c r="F26195" t="s">
        <v>16116</v>
      </c>
      <c r="G26195" t="s">
        <v>10734</v>
      </c>
      <c r="H26195" t="s">
        <v>10735</v>
      </c>
      <c r="I26195" s="2">
        <v>1</v>
      </c>
      <c r="J26195" s="2">
        <v>0</v>
      </c>
      <c r="K26195" s="2">
        <v>0</v>
      </c>
      <c r="L26195" t="s">
        <v>120</v>
      </c>
      <c r="M26195" t="s">
        <v>87</v>
      </c>
      <c r="N26195" t="s">
        <v>88</v>
      </c>
      <c r="O26195" t="s">
        <v>85</v>
      </c>
      <c r="P26195" t="s">
        <v>86</v>
      </c>
      <c r="Q26195">
        <v>25</v>
      </c>
      <c r="R26195">
        <v>25</v>
      </c>
      <c r="S26195">
        <v>25</v>
      </c>
      <c r="T26195">
        <v>25</v>
      </c>
      <c r="U26195">
        <v>25</v>
      </c>
      <c r="V26195">
        <v>24</v>
      </c>
      <c r="W26195">
        <v>24</v>
      </c>
      <c r="X26195">
        <v>24</v>
      </c>
      <c r="Y26195">
        <v>24</v>
      </c>
      <c r="Z26195">
        <v>24</v>
      </c>
      <c r="AA26195">
        <v>24</v>
      </c>
      <c r="AB26195">
        <v>24</v>
      </c>
      <c r="AC26195">
        <v>24</v>
      </c>
      <c r="AD26195">
        <v>23</v>
      </c>
      <c r="AE26195">
        <v>23</v>
      </c>
      <c r="AF26195">
        <v>23</v>
      </c>
      <c r="AG26195">
        <v>23</v>
      </c>
      <c r="AH26195">
        <v>23</v>
      </c>
      <c r="AI26195">
        <v>23</v>
      </c>
      <c r="AJ26195">
        <v>23</v>
      </c>
      <c r="AK26195">
        <v>22</v>
      </c>
      <c r="AL26195">
        <v>22</v>
      </c>
      <c r="AM26195">
        <v>22</v>
      </c>
      <c r="AN26195">
        <v>22</v>
      </c>
      <c r="AO26195">
        <v>22</v>
      </c>
      <c r="AP26195">
        <v>22</v>
      </c>
      <c r="AQ26195">
        <v>22</v>
      </c>
    </row>
    <row r="26196" spans="1:43">
      <c r="A26196" t="s">
        <v>16211</v>
      </c>
      <c r="B26196" t="s">
        <v>16212</v>
      </c>
      <c r="C26196" t="s">
        <v>16157</v>
      </c>
      <c r="D26196" t="s">
        <v>16158</v>
      </c>
      <c r="E26196" t="s">
        <v>16115</v>
      </c>
      <c r="F26196" t="s">
        <v>16116</v>
      </c>
      <c r="G26196" t="s">
        <v>10734</v>
      </c>
      <c r="H26196" t="s">
        <v>10735</v>
      </c>
      <c r="I26196" s="2">
        <v>1</v>
      </c>
      <c r="J26196" s="2">
        <v>0</v>
      </c>
      <c r="K26196" s="2">
        <v>0</v>
      </c>
      <c r="L26196" t="s">
        <v>120</v>
      </c>
      <c r="M26196" t="s">
        <v>89</v>
      </c>
      <c r="N26196" t="s">
        <v>90</v>
      </c>
      <c r="O26196" t="s">
        <v>85</v>
      </c>
      <c r="P26196" t="s">
        <v>86</v>
      </c>
      <c r="Q26196">
        <v>25</v>
      </c>
      <c r="R26196">
        <v>25</v>
      </c>
      <c r="S26196">
        <v>25</v>
      </c>
      <c r="T26196">
        <v>25</v>
      </c>
      <c r="U26196">
        <v>26</v>
      </c>
      <c r="V26196">
        <v>26</v>
      </c>
      <c r="W26196">
        <v>26</v>
      </c>
      <c r="X26196">
        <v>26</v>
      </c>
      <c r="Y26196">
        <v>26</v>
      </c>
      <c r="Z26196">
        <v>27</v>
      </c>
      <c r="AA26196">
        <v>27</v>
      </c>
      <c r="AB26196">
        <v>27</v>
      </c>
      <c r="AC26196">
        <v>27</v>
      </c>
      <c r="AD26196">
        <v>27</v>
      </c>
      <c r="AE26196">
        <v>27</v>
      </c>
      <c r="AF26196">
        <v>27</v>
      </c>
      <c r="AG26196">
        <v>26</v>
      </c>
      <c r="AH26196">
        <v>26</v>
      </c>
      <c r="AI26196">
        <v>26</v>
      </c>
      <c r="AJ26196">
        <v>26</v>
      </c>
      <c r="AK26196">
        <v>26</v>
      </c>
      <c r="AL26196">
        <v>25</v>
      </c>
      <c r="AM26196">
        <v>25</v>
      </c>
      <c r="AN26196">
        <v>25</v>
      </c>
      <c r="AO26196">
        <v>25</v>
      </c>
      <c r="AP26196">
        <v>24</v>
      </c>
      <c r="AQ26196">
        <v>24</v>
      </c>
    </row>
    <row r="26197" spans="1:43">
      <c r="A26197" t="s">
        <v>16211</v>
      </c>
      <c r="B26197" t="s">
        <v>16212</v>
      </c>
      <c r="C26197" t="s">
        <v>16157</v>
      </c>
      <c r="D26197" t="s">
        <v>16158</v>
      </c>
      <c r="E26197" t="s">
        <v>16115</v>
      </c>
      <c r="F26197" t="s">
        <v>16116</v>
      </c>
      <c r="G26197" t="s">
        <v>10734</v>
      </c>
      <c r="H26197" t="s">
        <v>10735</v>
      </c>
      <c r="I26197" s="2">
        <v>1</v>
      </c>
      <c r="J26197" s="2">
        <v>0</v>
      </c>
      <c r="K26197" s="2">
        <v>0</v>
      </c>
      <c r="L26197" t="s">
        <v>120</v>
      </c>
      <c r="M26197" t="s">
        <v>83</v>
      </c>
      <c r="N26197" t="s">
        <v>91</v>
      </c>
      <c r="O26197" t="s">
        <v>85</v>
      </c>
      <c r="P26197" t="s">
        <v>86</v>
      </c>
      <c r="Q26197">
        <v>25</v>
      </c>
      <c r="R26197">
        <v>25</v>
      </c>
      <c r="S26197">
        <v>26</v>
      </c>
      <c r="T26197">
        <v>26</v>
      </c>
      <c r="U26197">
        <v>26</v>
      </c>
      <c r="V26197">
        <v>26</v>
      </c>
      <c r="W26197">
        <v>26</v>
      </c>
      <c r="X26197">
        <v>26</v>
      </c>
      <c r="Y26197">
        <v>26</v>
      </c>
      <c r="Z26197">
        <v>26</v>
      </c>
      <c r="AA26197">
        <v>26</v>
      </c>
      <c r="AB26197">
        <v>26</v>
      </c>
      <c r="AC26197">
        <v>26</v>
      </c>
      <c r="AD26197">
        <v>26</v>
      </c>
      <c r="AE26197">
        <v>26</v>
      </c>
      <c r="AF26197">
        <v>26</v>
      </c>
      <c r="AG26197">
        <v>26</v>
      </c>
      <c r="AH26197">
        <v>26</v>
      </c>
      <c r="AI26197">
        <v>26</v>
      </c>
      <c r="AJ26197">
        <v>26</v>
      </c>
      <c r="AK26197">
        <v>26</v>
      </c>
      <c r="AL26197">
        <v>26</v>
      </c>
      <c r="AM26197">
        <v>26</v>
      </c>
      <c r="AN26197">
        <v>26</v>
      </c>
      <c r="AO26197">
        <v>25</v>
      </c>
      <c r="AP26197">
        <v>25</v>
      </c>
      <c r="AQ26197">
        <v>25</v>
      </c>
    </row>
    <row r="26198" spans="1:43">
      <c r="A26198" t="s">
        <v>16213</v>
      </c>
      <c r="B26198" t="s">
        <v>16214</v>
      </c>
      <c r="C26198" t="s">
        <v>16119</v>
      </c>
      <c r="D26198" t="s">
        <v>16120</v>
      </c>
      <c r="E26198" t="s">
        <v>16115</v>
      </c>
      <c r="F26198" t="s">
        <v>16116</v>
      </c>
      <c r="G26198" t="s">
        <v>10734</v>
      </c>
      <c r="H26198" t="s">
        <v>10735</v>
      </c>
      <c r="I26198" s="2">
        <v>1</v>
      </c>
      <c r="J26198" s="2">
        <v>0</v>
      </c>
      <c r="K26198" s="2">
        <v>0</v>
      </c>
      <c r="L26198" t="s">
        <v>120</v>
      </c>
      <c r="M26198" t="s">
        <v>83</v>
      </c>
      <c r="N26198" t="s">
        <v>84</v>
      </c>
      <c r="O26198" t="s">
        <v>85</v>
      </c>
      <c r="P26198" t="s">
        <v>86</v>
      </c>
      <c r="Q26198">
        <v>14</v>
      </c>
      <c r="R26198">
        <v>14</v>
      </c>
      <c r="S26198">
        <v>14</v>
      </c>
      <c r="T26198">
        <v>14</v>
      </c>
      <c r="U26198">
        <v>14</v>
      </c>
      <c r="V26198">
        <v>14</v>
      </c>
      <c r="W26198">
        <v>14</v>
      </c>
      <c r="X26198">
        <v>14</v>
      </c>
      <c r="Y26198">
        <v>14</v>
      </c>
      <c r="Z26198">
        <v>14</v>
      </c>
      <c r="AA26198">
        <v>14</v>
      </c>
      <c r="AB26198">
        <v>14</v>
      </c>
      <c r="AC26198">
        <v>14</v>
      </c>
      <c r="AD26198">
        <v>14</v>
      </c>
      <c r="AE26198">
        <v>14</v>
      </c>
      <c r="AF26198">
        <v>14</v>
      </c>
      <c r="AG26198">
        <v>14</v>
      </c>
      <c r="AH26198">
        <v>14</v>
      </c>
      <c r="AI26198">
        <v>14</v>
      </c>
      <c r="AJ26198">
        <v>14</v>
      </c>
      <c r="AK26198">
        <v>14</v>
      </c>
      <c r="AL26198">
        <v>14</v>
      </c>
      <c r="AM26198">
        <v>14</v>
      </c>
      <c r="AN26198">
        <v>14</v>
      </c>
      <c r="AO26198">
        <v>14</v>
      </c>
      <c r="AP26198">
        <v>14</v>
      </c>
      <c r="AQ26198">
        <v>14</v>
      </c>
    </row>
    <row r="26199" spans="1:43">
      <c r="A26199" t="s">
        <v>16213</v>
      </c>
      <c r="B26199" t="s">
        <v>16214</v>
      </c>
      <c r="C26199" t="s">
        <v>16119</v>
      </c>
      <c r="D26199" t="s">
        <v>16120</v>
      </c>
      <c r="E26199" t="s">
        <v>16115</v>
      </c>
      <c r="F26199" t="s">
        <v>16116</v>
      </c>
      <c r="G26199" t="s">
        <v>10734</v>
      </c>
      <c r="H26199" t="s">
        <v>10735</v>
      </c>
      <c r="I26199" s="2">
        <v>1</v>
      </c>
      <c r="J26199" s="2">
        <v>0</v>
      </c>
      <c r="K26199" s="2">
        <v>0</v>
      </c>
      <c r="L26199" t="s">
        <v>120</v>
      </c>
      <c r="M26199" t="s">
        <v>87</v>
      </c>
      <c r="N26199" t="s">
        <v>88</v>
      </c>
      <c r="O26199" t="s">
        <v>85</v>
      </c>
      <c r="P26199" t="s">
        <v>86</v>
      </c>
      <c r="Q26199">
        <v>14</v>
      </c>
      <c r="R26199">
        <v>14</v>
      </c>
      <c r="S26199">
        <v>14</v>
      </c>
      <c r="T26199">
        <v>14</v>
      </c>
      <c r="U26199">
        <v>14</v>
      </c>
      <c r="V26199">
        <v>14</v>
      </c>
      <c r="W26199">
        <v>13</v>
      </c>
      <c r="X26199">
        <v>13</v>
      </c>
      <c r="Y26199">
        <v>13</v>
      </c>
      <c r="Z26199">
        <v>13</v>
      </c>
      <c r="AA26199">
        <v>13</v>
      </c>
      <c r="AB26199">
        <v>13</v>
      </c>
      <c r="AC26199">
        <v>13</v>
      </c>
      <c r="AD26199">
        <v>13</v>
      </c>
      <c r="AE26199">
        <v>13</v>
      </c>
      <c r="AF26199">
        <v>13</v>
      </c>
      <c r="AG26199">
        <v>13</v>
      </c>
      <c r="AH26199">
        <v>13</v>
      </c>
      <c r="AI26199">
        <v>13</v>
      </c>
      <c r="AJ26199">
        <v>12</v>
      </c>
      <c r="AK26199">
        <v>12</v>
      </c>
      <c r="AL26199">
        <v>12</v>
      </c>
      <c r="AM26199">
        <v>12</v>
      </c>
      <c r="AN26199">
        <v>12</v>
      </c>
      <c r="AO26199">
        <v>12</v>
      </c>
      <c r="AP26199">
        <v>12</v>
      </c>
      <c r="AQ26199">
        <v>12</v>
      </c>
    </row>
    <row r="26200" spans="1:43">
      <c r="A26200" t="s">
        <v>16213</v>
      </c>
      <c r="B26200" t="s">
        <v>16214</v>
      </c>
      <c r="C26200" t="s">
        <v>16119</v>
      </c>
      <c r="D26200" t="s">
        <v>16120</v>
      </c>
      <c r="E26200" t="s">
        <v>16115</v>
      </c>
      <c r="F26200" t="s">
        <v>16116</v>
      </c>
      <c r="G26200" t="s">
        <v>10734</v>
      </c>
      <c r="H26200" t="s">
        <v>10735</v>
      </c>
      <c r="I26200" s="2">
        <v>1</v>
      </c>
      <c r="J26200" s="2">
        <v>0</v>
      </c>
      <c r="K26200" s="2">
        <v>0</v>
      </c>
      <c r="L26200" t="s">
        <v>120</v>
      </c>
      <c r="M26200" t="s">
        <v>89</v>
      </c>
      <c r="N26200" t="s">
        <v>90</v>
      </c>
      <c r="O26200" t="s">
        <v>85</v>
      </c>
      <c r="P26200" t="s">
        <v>86</v>
      </c>
      <c r="Q26200">
        <v>14</v>
      </c>
      <c r="R26200">
        <v>14</v>
      </c>
      <c r="S26200">
        <v>15</v>
      </c>
      <c r="T26200">
        <v>15</v>
      </c>
      <c r="U26200">
        <v>15</v>
      </c>
      <c r="V26200">
        <v>15</v>
      </c>
      <c r="W26200">
        <v>15</v>
      </c>
      <c r="X26200">
        <v>15</v>
      </c>
      <c r="Y26200">
        <v>15</v>
      </c>
      <c r="Z26200">
        <v>15</v>
      </c>
      <c r="AA26200">
        <v>15</v>
      </c>
      <c r="AB26200">
        <v>15</v>
      </c>
      <c r="AC26200">
        <v>15</v>
      </c>
      <c r="AD26200">
        <v>15</v>
      </c>
      <c r="AE26200">
        <v>15</v>
      </c>
      <c r="AF26200">
        <v>15</v>
      </c>
      <c r="AG26200">
        <v>15</v>
      </c>
      <c r="AH26200">
        <v>15</v>
      </c>
      <c r="AI26200">
        <v>15</v>
      </c>
      <c r="AJ26200">
        <v>15</v>
      </c>
      <c r="AK26200">
        <v>15</v>
      </c>
      <c r="AL26200">
        <v>15</v>
      </c>
      <c r="AM26200">
        <v>14</v>
      </c>
      <c r="AN26200">
        <v>14</v>
      </c>
      <c r="AO26200">
        <v>14</v>
      </c>
      <c r="AP26200">
        <v>14</v>
      </c>
      <c r="AQ26200">
        <v>14</v>
      </c>
    </row>
    <row r="26201" spans="1:43">
      <c r="A26201" t="s">
        <v>16213</v>
      </c>
      <c r="B26201" t="s">
        <v>16214</v>
      </c>
      <c r="C26201" t="s">
        <v>16119</v>
      </c>
      <c r="D26201" t="s">
        <v>16120</v>
      </c>
      <c r="E26201" t="s">
        <v>16115</v>
      </c>
      <c r="F26201" t="s">
        <v>16116</v>
      </c>
      <c r="G26201" t="s">
        <v>10734</v>
      </c>
      <c r="H26201" t="s">
        <v>10735</v>
      </c>
      <c r="I26201" s="2">
        <v>1</v>
      </c>
      <c r="J26201" s="2">
        <v>0</v>
      </c>
      <c r="K26201" s="2">
        <v>0</v>
      </c>
      <c r="L26201" t="s">
        <v>120</v>
      </c>
      <c r="M26201" t="s">
        <v>83</v>
      </c>
      <c r="N26201" t="s">
        <v>91</v>
      </c>
      <c r="O26201" t="s">
        <v>85</v>
      </c>
      <c r="P26201" t="s">
        <v>86</v>
      </c>
      <c r="Q26201">
        <v>14</v>
      </c>
      <c r="R26201">
        <v>14</v>
      </c>
      <c r="S26201">
        <v>14</v>
      </c>
      <c r="T26201">
        <v>14</v>
      </c>
      <c r="U26201">
        <v>14</v>
      </c>
      <c r="V26201">
        <v>14</v>
      </c>
      <c r="W26201">
        <v>14</v>
      </c>
      <c r="X26201">
        <v>14</v>
      </c>
      <c r="Y26201">
        <v>14</v>
      </c>
      <c r="Z26201">
        <v>14</v>
      </c>
      <c r="AA26201">
        <v>14</v>
      </c>
      <c r="AB26201">
        <v>14</v>
      </c>
      <c r="AC26201">
        <v>14</v>
      </c>
      <c r="AD26201">
        <v>14</v>
      </c>
      <c r="AE26201">
        <v>14</v>
      </c>
      <c r="AF26201">
        <v>14</v>
      </c>
      <c r="AG26201">
        <v>14</v>
      </c>
      <c r="AH26201">
        <v>14</v>
      </c>
      <c r="AI26201">
        <v>14</v>
      </c>
      <c r="AJ26201">
        <v>14</v>
      </c>
      <c r="AK26201">
        <v>14</v>
      </c>
      <c r="AL26201">
        <v>14</v>
      </c>
      <c r="AM26201">
        <v>14</v>
      </c>
      <c r="AN26201">
        <v>14</v>
      </c>
      <c r="AO26201">
        <v>14</v>
      </c>
      <c r="AP26201">
        <v>14</v>
      </c>
      <c r="AQ26201">
        <v>14</v>
      </c>
    </row>
    <row r="26202" spans="1:43">
      <c r="A26202" t="s">
        <v>16215</v>
      </c>
      <c r="B26202" t="s">
        <v>16216</v>
      </c>
      <c r="C26202" t="s">
        <v>16157</v>
      </c>
      <c r="D26202" t="s">
        <v>16158</v>
      </c>
      <c r="E26202" t="s">
        <v>16115</v>
      </c>
      <c r="F26202" t="s">
        <v>16116</v>
      </c>
      <c r="G26202" t="s">
        <v>10734</v>
      </c>
      <c r="H26202" t="s">
        <v>10735</v>
      </c>
      <c r="I26202" s="2">
        <v>1</v>
      </c>
      <c r="J26202" s="2">
        <v>0</v>
      </c>
      <c r="K26202" s="2">
        <v>0</v>
      </c>
      <c r="L26202" t="s">
        <v>120</v>
      </c>
      <c r="M26202" t="s">
        <v>83</v>
      </c>
      <c r="N26202" t="s">
        <v>84</v>
      </c>
      <c r="O26202" t="s">
        <v>85</v>
      </c>
      <c r="P26202" t="s">
        <v>86</v>
      </c>
      <c r="Q26202">
        <v>42</v>
      </c>
      <c r="R26202">
        <v>42</v>
      </c>
      <c r="S26202">
        <v>42</v>
      </c>
      <c r="T26202">
        <v>42</v>
      </c>
      <c r="U26202">
        <v>43</v>
      </c>
      <c r="V26202">
        <v>43</v>
      </c>
      <c r="W26202">
        <v>43</v>
      </c>
      <c r="X26202">
        <v>43</v>
      </c>
      <c r="Y26202">
        <v>43</v>
      </c>
      <c r="Z26202">
        <v>43</v>
      </c>
      <c r="AA26202">
        <v>43</v>
      </c>
      <c r="AB26202">
        <v>43</v>
      </c>
      <c r="AC26202">
        <v>43</v>
      </c>
      <c r="AD26202">
        <v>43</v>
      </c>
      <c r="AE26202">
        <v>43</v>
      </c>
      <c r="AF26202">
        <v>43</v>
      </c>
      <c r="AG26202">
        <v>43</v>
      </c>
      <c r="AH26202">
        <v>43</v>
      </c>
      <c r="AI26202">
        <v>43</v>
      </c>
      <c r="AJ26202">
        <v>43</v>
      </c>
      <c r="AK26202">
        <v>43</v>
      </c>
      <c r="AL26202">
        <v>43</v>
      </c>
      <c r="AM26202">
        <v>43</v>
      </c>
      <c r="AN26202">
        <v>42</v>
      </c>
      <c r="AO26202">
        <v>42</v>
      </c>
      <c r="AP26202">
        <v>42</v>
      </c>
      <c r="AQ26202">
        <v>41</v>
      </c>
    </row>
    <row r="26203" spans="1:43">
      <c r="A26203" t="s">
        <v>16215</v>
      </c>
      <c r="B26203" t="s">
        <v>16216</v>
      </c>
      <c r="C26203" t="s">
        <v>16157</v>
      </c>
      <c r="D26203" t="s">
        <v>16158</v>
      </c>
      <c r="E26203" t="s">
        <v>16115</v>
      </c>
      <c r="F26203" t="s">
        <v>16116</v>
      </c>
      <c r="G26203" t="s">
        <v>10734</v>
      </c>
      <c r="H26203" t="s">
        <v>10735</v>
      </c>
      <c r="I26203" s="2">
        <v>1</v>
      </c>
      <c r="J26203" s="2">
        <v>0</v>
      </c>
      <c r="K26203" s="2">
        <v>0</v>
      </c>
      <c r="L26203" t="s">
        <v>120</v>
      </c>
      <c r="M26203" t="s">
        <v>87</v>
      </c>
      <c r="N26203" t="s">
        <v>88</v>
      </c>
      <c r="O26203" t="s">
        <v>85</v>
      </c>
      <c r="P26203" t="s">
        <v>86</v>
      </c>
      <c r="Q26203">
        <v>42</v>
      </c>
      <c r="R26203">
        <v>41</v>
      </c>
      <c r="S26203">
        <v>41</v>
      </c>
      <c r="T26203">
        <v>41</v>
      </c>
      <c r="U26203">
        <v>41</v>
      </c>
      <c r="V26203">
        <v>41</v>
      </c>
      <c r="W26203">
        <v>40</v>
      </c>
      <c r="X26203">
        <v>40</v>
      </c>
      <c r="Y26203">
        <v>40</v>
      </c>
      <c r="Z26203">
        <v>40</v>
      </c>
      <c r="AA26203">
        <v>39</v>
      </c>
      <c r="AB26203">
        <v>39</v>
      </c>
      <c r="AC26203">
        <v>39</v>
      </c>
      <c r="AD26203">
        <v>39</v>
      </c>
      <c r="AE26203">
        <v>39</v>
      </c>
      <c r="AF26203">
        <v>38</v>
      </c>
      <c r="AG26203">
        <v>38</v>
      </c>
      <c r="AH26203">
        <v>38</v>
      </c>
      <c r="AI26203">
        <v>38</v>
      </c>
      <c r="AJ26203">
        <v>38</v>
      </c>
      <c r="AK26203">
        <v>37</v>
      </c>
      <c r="AL26203">
        <v>37</v>
      </c>
      <c r="AM26203">
        <v>37</v>
      </c>
      <c r="AN26203">
        <v>37</v>
      </c>
      <c r="AO26203">
        <v>36</v>
      </c>
      <c r="AP26203">
        <v>36</v>
      </c>
      <c r="AQ26203">
        <v>36</v>
      </c>
    </row>
    <row r="26204" spans="1:43">
      <c r="A26204" t="s">
        <v>16215</v>
      </c>
      <c r="B26204" t="s">
        <v>16216</v>
      </c>
      <c r="C26204" t="s">
        <v>16157</v>
      </c>
      <c r="D26204" t="s">
        <v>16158</v>
      </c>
      <c r="E26204" t="s">
        <v>16115</v>
      </c>
      <c r="F26204" t="s">
        <v>16116</v>
      </c>
      <c r="G26204" t="s">
        <v>10734</v>
      </c>
      <c r="H26204" t="s">
        <v>10735</v>
      </c>
      <c r="I26204" s="2">
        <v>1</v>
      </c>
      <c r="J26204" s="2">
        <v>0</v>
      </c>
      <c r="K26204" s="2">
        <v>0</v>
      </c>
      <c r="L26204" t="s">
        <v>120</v>
      </c>
      <c r="M26204" t="s">
        <v>89</v>
      </c>
      <c r="N26204" t="s">
        <v>90</v>
      </c>
      <c r="O26204" t="s">
        <v>85</v>
      </c>
      <c r="P26204" t="s">
        <v>86</v>
      </c>
      <c r="Q26204">
        <v>42</v>
      </c>
      <c r="R26204">
        <v>43</v>
      </c>
      <c r="S26204">
        <v>43</v>
      </c>
      <c r="T26204">
        <v>44</v>
      </c>
      <c r="U26204">
        <v>44</v>
      </c>
      <c r="V26204">
        <v>45</v>
      </c>
      <c r="W26204">
        <v>45</v>
      </c>
      <c r="X26204">
        <v>45</v>
      </c>
      <c r="Y26204">
        <v>45</v>
      </c>
      <c r="Z26204">
        <v>46</v>
      </c>
      <c r="AA26204">
        <v>46</v>
      </c>
      <c r="AB26204">
        <v>46</v>
      </c>
      <c r="AC26204">
        <v>46</v>
      </c>
      <c r="AD26204">
        <v>46</v>
      </c>
      <c r="AE26204">
        <v>46</v>
      </c>
      <c r="AF26204">
        <v>46</v>
      </c>
      <c r="AG26204">
        <v>46</v>
      </c>
      <c r="AH26204">
        <v>45</v>
      </c>
      <c r="AI26204">
        <v>45</v>
      </c>
      <c r="AJ26204">
        <v>44</v>
      </c>
      <c r="AK26204">
        <v>44</v>
      </c>
      <c r="AL26204">
        <v>44</v>
      </c>
      <c r="AM26204">
        <v>43</v>
      </c>
      <c r="AN26204">
        <v>43</v>
      </c>
      <c r="AO26204">
        <v>42</v>
      </c>
      <c r="AP26204">
        <v>42</v>
      </c>
      <c r="AQ26204">
        <v>42</v>
      </c>
    </row>
    <row r="26205" spans="1:43">
      <c r="A26205" t="s">
        <v>16215</v>
      </c>
      <c r="B26205" t="s">
        <v>16216</v>
      </c>
      <c r="C26205" t="s">
        <v>16157</v>
      </c>
      <c r="D26205" t="s">
        <v>16158</v>
      </c>
      <c r="E26205" t="s">
        <v>16115</v>
      </c>
      <c r="F26205" t="s">
        <v>16116</v>
      </c>
      <c r="G26205" t="s">
        <v>10734</v>
      </c>
      <c r="H26205" t="s">
        <v>10735</v>
      </c>
      <c r="I26205" s="2">
        <v>1</v>
      </c>
      <c r="J26205" s="2">
        <v>0</v>
      </c>
      <c r="K26205" s="2">
        <v>0</v>
      </c>
      <c r="L26205" t="s">
        <v>120</v>
      </c>
      <c r="M26205" t="s">
        <v>83</v>
      </c>
      <c r="N26205" t="s">
        <v>91</v>
      </c>
      <c r="O26205" t="s">
        <v>85</v>
      </c>
      <c r="P26205" t="s">
        <v>86</v>
      </c>
      <c r="Q26205">
        <v>42</v>
      </c>
      <c r="R26205">
        <v>42</v>
      </c>
      <c r="S26205">
        <v>42</v>
      </c>
      <c r="T26205">
        <v>42</v>
      </c>
      <c r="U26205">
        <v>43</v>
      </c>
      <c r="V26205">
        <v>43</v>
      </c>
      <c r="W26205">
        <v>43</v>
      </c>
      <c r="X26205">
        <v>43</v>
      </c>
      <c r="Y26205">
        <v>43</v>
      </c>
      <c r="Z26205">
        <v>43</v>
      </c>
      <c r="AA26205">
        <v>43</v>
      </c>
      <c r="AB26205">
        <v>43</v>
      </c>
      <c r="AC26205">
        <v>43</v>
      </c>
      <c r="AD26205">
        <v>43</v>
      </c>
      <c r="AE26205">
        <v>43</v>
      </c>
      <c r="AF26205">
        <v>43</v>
      </c>
      <c r="AG26205">
        <v>43</v>
      </c>
      <c r="AH26205">
        <v>43</v>
      </c>
      <c r="AI26205">
        <v>43</v>
      </c>
      <c r="AJ26205">
        <v>43</v>
      </c>
      <c r="AK26205">
        <v>43</v>
      </c>
      <c r="AL26205">
        <v>43</v>
      </c>
      <c r="AM26205">
        <v>43</v>
      </c>
      <c r="AN26205">
        <v>42</v>
      </c>
      <c r="AO26205">
        <v>42</v>
      </c>
      <c r="AP26205">
        <v>42</v>
      </c>
      <c r="AQ26205">
        <v>41</v>
      </c>
    </row>
    <row r="26206" spans="1:43">
      <c r="A26206" t="s">
        <v>16217</v>
      </c>
      <c r="B26206" t="s">
        <v>16218</v>
      </c>
      <c r="C26206" t="s">
        <v>16119</v>
      </c>
      <c r="D26206" t="s">
        <v>16120</v>
      </c>
      <c r="E26206" t="s">
        <v>16115</v>
      </c>
      <c r="F26206" t="s">
        <v>16116</v>
      </c>
      <c r="G26206" t="s">
        <v>10734</v>
      </c>
      <c r="H26206" t="s">
        <v>10735</v>
      </c>
      <c r="I26206" s="2">
        <v>1</v>
      </c>
      <c r="J26206" s="2">
        <v>0</v>
      </c>
      <c r="K26206" s="2">
        <v>0</v>
      </c>
      <c r="L26206" t="s">
        <v>120</v>
      </c>
      <c r="M26206" t="s">
        <v>83</v>
      </c>
      <c r="N26206" t="s">
        <v>84</v>
      </c>
      <c r="O26206" t="s">
        <v>85</v>
      </c>
      <c r="P26206" t="s">
        <v>86</v>
      </c>
      <c r="Q26206">
        <v>66</v>
      </c>
      <c r="R26206">
        <v>66</v>
      </c>
      <c r="S26206">
        <v>67</v>
      </c>
      <c r="T26206">
        <v>67</v>
      </c>
      <c r="U26206">
        <v>67</v>
      </c>
      <c r="V26206">
        <v>67</v>
      </c>
      <c r="W26206">
        <v>67</v>
      </c>
      <c r="X26206">
        <v>68</v>
      </c>
      <c r="Y26206">
        <v>68</v>
      </c>
      <c r="Z26206">
        <v>68</v>
      </c>
      <c r="AA26206">
        <v>68</v>
      </c>
      <c r="AB26206">
        <v>68</v>
      </c>
      <c r="AC26206">
        <v>68</v>
      </c>
      <c r="AD26206">
        <v>68</v>
      </c>
      <c r="AE26206">
        <v>68</v>
      </c>
      <c r="AF26206">
        <v>68</v>
      </c>
      <c r="AG26206">
        <v>68</v>
      </c>
      <c r="AH26206">
        <v>68</v>
      </c>
      <c r="AI26206">
        <v>68</v>
      </c>
      <c r="AJ26206">
        <v>68</v>
      </c>
      <c r="AK26206">
        <v>68</v>
      </c>
      <c r="AL26206">
        <v>68</v>
      </c>
      <c r="AM26206">
        <v>67</v>
      </c>
      <c r="AN26206">
        <v>67</v>
      </c>
      <c r="AO26206">
        <v>66</v>
      </c>
      <c r="AP26206">
        <v>65</v>
      </c>
      <c r="AQ26206">
        <v>65</v>
      </c>
    </row>
    <row r="26207" spans="1:43">
      <c r="A26207" t="s">
        <v>16217</v>
      </c>
      <c r="B26207" t="s">
        <v>16218</v>
      </c>
      <c r="C26207" t="s">
        <v>16119</v>
      </c>
      <c r="D26207" t="s">
        <v>16120</v>
      </c>
      <c r="E26207" t="s">
        <v>16115</v>
      </c>
      <c r="F26207" t="s">
        <v>16116</v>
      </c>
      <c r="G26207" t="s">
        <v>10734</v>
      </c>
      <c r="H26207" t="s">
        <v>10735</v>
      </c>
      <c r="I26207" s="2">
        <v>1</v>
      </c>
      <c r="J26207" s="2">
        <v>0</v>
      </c>
      <c r="K26207" s="2">
        <v>0</v>
      </c>
      <c r="L26207" t="s">
        <v>120</v>
      </c>
      <c r="M26207" t="s">
        <v>87</v>
      </c>
      <c r="N26207" t="s">
        <v>88</v>
      </c>
      <c r="O26207" t="s">
        <v>85</v>
      </c>
      <c r="P26207" t="s">
        <v>86</v>
      </c>
      <c r="Q26207">
        <v>66</v>
      </c>
      <c r="R26207">
        <v>66</v>
      </c>
      <c r="S26207">
        <v>66</v>
      </c>
      <c r="T26207">
        <v>65</v>
      </c>
      <c r="U26207">
        <v>65</v>
      </c>
      <c r="V26207">
        <v>65</v>
      </c>
      <c r="W26207">
        <v>64</v>
      </c>
      <c r="X26207">
        <v>64</v>
      </c>
      <c r="Y26207">
        <v>64</v>
      </c>
      <c r="Z26207">
        <v>63</v>
      </c>
      <c r="AA26207">
        <v>63</v>
      </c>
      <c r="AB26207">
        <v>63</v>
      </c>
      <c r="AC26207">
        <v>62</v>
      </c>
      <c r="AD26207">
        <v>62</v>
      </c>
      <c r="AE26207">
        <v>62</v>
      </c>
      <c r="AF26207">
        <v>61</v>
      </c>
      <c r="AG26207">
        <v>61</v>
      </c>
      <c r="AH26207">
        <v>61</v>
      </c>
      <c r="AI26207">
        <v>60</v>
      </c>
      <c r="AJ26207">
        <v>60</v>
      </c>
      <c r="AK26207">
        <v>60</v>
      </c>
      <c r="AL26207">
        <v>59</v>
      </c>
      <c r="AM26207">
        <v>59</v>
      </c>
      <c r="AN26207">
        <v>59</v>
      </c>
      <c r="AO26207">
        <v>58</v>
      </c>
      <c r="AP26207">
        <v>58</v>
      </c>
      <c r="AQ26207">
        <v>58</v>
      </c>
    </row>
    <row r="26208" spans="1:43">
      <c r="A26208" t="s">
        <v>16217</v>
      </c>
      <c r="B26208" t="s">
        <v>16218</v>
      </c>
      <c r="C26208" t="s">
        <v>16119</v>
      </c>
      <c r="D26208" t="s">
        <v>16120</v>
      </c>
      <c r="E26208" t="s">
        <v>16115</v>
      </c>
      <c r="F26208" t="s">
        <v>16116</v>
      </c>
      <c r="G26208" t="s">
        <v>10734</v>
      </c>
      <c r="H26208" t="s">
        <v>10735</v>
      </c>
      <c r="I26208" s="2">
        <v>1</v>
      </c>
      <c r="J26208" s="2">
        <v>0</v>
      </c>
      <c r="K26208" s="2">
        <v>0</v>
      </c>
      <c r="L26208" t="s">
        <v>120</v>
      </c>
      <c r="M26208" t="s">
        <v>89</v>
      </c>
      <c r="N26208" t="s">
        <v>90</v>
      </c>
      <c r="O26208" t="s">
        <v>85</v>
      </c>
      <c r="P26208" t="s">
        <v>86</v>
      </c>
      <c r="Q26208">
        <v>66</v>
      </c>
      <c r="R26208">
        <v>66</v>
      </c>
      <c r="S26208">
        <v>67</v>
      </c>
      <c r="T26208">
        <v>68</v>
      </c>
      <c r="U26208">
        <v>69</v>
      </c>
      <c r="V26208">
        <v>69</v>
      </c>
      <c r="W26208">
        <v>70</v>
      </c>
      <c r="X26208">
        <v>70</v>
      </c>
      <c r="Y26208">
        <v>70</v>
      </c>
      <c r="Z26208">
        <v>71</v>
      </c>
      <c r="AA26208">
        <v>71</v>
      </c>
      <c r="AB26208">
        <v>71</v>
      </c>
      <c r="AC26208">
        <v>72</v>
      </c>
      <c r="AD26208">
        <v>72</v>
      </c>
      <c r="AE26208">
        <v>72</v>
      </c>
      <c r="AF26208">
        <v>71</v>
      </c>
      <c r="AG26208">
        <v>71</v>
      </c>
      <c r="AH26208">
        <v>70</v>
      </c>
      <c r="AI26208">
        <v>69</v>
      </c>
      <c r="AJ26208">
        <v>69</v>
      </c>
      <c r="AK26208">
        <v>68</v>
      </c>
      <c r="AL26208">
        <v>68</v>
      </c>
      <c r="AM26208">
        <v>67</v>
      </c>
      <c r="AN26208">
        <v>66</v>
      </c>
      <c r="AO26208">
        <v>66</v>
      </c>
      <c r="AP26208">
        <v>65</v>
      </c>
      <c r="AQ26208">
        <v>65</v>
      </c>
    </row>
    <row r="26209" spans="1:43">
      <c r="A26209" t="s">
        <v>16217</v>
      </c>
      <c r="B26209" t="s">
        <v>16218</v>
      </c>
      <c r="C26209" t="s">
        <v>16119</v>
      </c>
      <c r="D26209" t="s">
        <v>16120</v>
      </c>
      <c r="E26209" t="s">
        <v>16115</v>
      </c>
      <c r="F26209" t="s">
        <v>16116</v>
      </c>
      <c r="G26209" t="s">
        <v>10734</v>
      </c>
      <c r="H26209" t="s">
        <v>10735</v>
      </c>
      <c r="I26209" s="2">
        <v>1</v>
      </c>
      <c r="J26209" s="2">
        <v>0</v>
      </c>
      <c r="K26209" s="2">
        <v>0</v>
      </c>
      <c r="L26209" t="s">
        <v>120</v>
      </c>
      <c r="M26209" t="s">
        <v>83</v>
      </c>
      <c r="N26209" t="s">
        <v>91</v>
      </c>
      <c r="O26209" t="s">
        <v>85</v>
      </c>
      <c r="P26209" t="s">
        <v>86</v>
      </c>
      <c r="Q26209">
        <v>66</v>
      </c>
      <c r="R26209">
        <v>66</v>
      </c>
      <c r="S26209">
        <v>67</v>
      </c>
      <c r="T26209">
        <v>67</v>
      </c>
      <c r="U26209">
        <v>67</v>
      </c>
      <c r="V26209">
        <v>67</v>
      </c>
      <c r="W26209">
        <v>67</v>
      </c>
      <c r="X26209">
        <v>68</v>
      </c>
      <c r="Y26209">
        <v>68</v>
      </c>
      <c r="Z26209">
        <v>68</v>
      </c>
      <c r="AA26209">
        <v>68</v>
      </c>
      <c r="AB26209">
        <v>68</v>
      </c>
      <c r="AC26209">
        <v>68</v>
      </c>
      <c r="AD26209">
        <v>68</v>
      </c>
      <c r="AE26209">
        <v>68</v>
      </c>
      <c r="AF26209">
        <v>68</v>
      </c>
      <c r="AG26209">
        <v>68</v>
      </c>
      <c r="AH26209">
        <v>68</v>
      </c>
      <c r="AI26209">
        <v>68</v>
      </c>
      <c r="AJ26209">
        <v>68</v>
      </c>
      <c r="AK26209">
        <v>68</v>
      </c>
      <c r="AL26209">
        <v>68</v>
      </c>
      <c r="AM26209">
        <v>67</v>
      </c>
      <c r="AN26209">
        <v>67</v>
      </c>
      <c r="AO26209">
        <v>66</v>
      </c>
      <c r="AP26209">
        <v>65</v>
      </c>
      <c r="AQ26209">
        <v>65</v>
      </c>
    </row>
    <row r="26210" spans="1:43">
      <c r="A26210" t="s">
        <v>16219</v>
      </c>
      <c r="B26210" t="s">
        <v>16220</v>
      </c>
      <c r="C26210" t="s">
        <v>16157</v>
      </c>
      <c r="D26210" t="s">
        <v>16158</v>
      </c>
      <c r="E26210" t="s">
        <v>16115</v>
      </c>
      <c r="F26210" t="s">
        <v>16116</v>
      </c>
      <c r="G26210" t="s">
        <v>10734</v>
      </c>
      <c r="H26210" t="s">
        <v>10735</v>
      </c>
      <c r="I26210" s="2">
        <v>1</v>
      </c>
      <c r="J26210" s="2">
        <v>0</v>
      </c>
      <c r="K26210" s="2">
        <v>0</v>
      </c>
      <c r="L26210" t="s">
        <v>120</v>
      </c>
      <c r="M26210" t="s">
        <v>83</v>
      </c>
      <c r="N26210" t="s">
        <v>84</v>
      </c>
      <c r="O26210" t="s">
        <v>85</v>
      </c>
      <c r="P26210" t="s">
        <v>86</v>
      </c>
      <c r="Q26210">
        <v>67</v>
      </c>
      <c r="R26210">
        <v>67</v>
      </c>
      <c r="S26210">
        <v>67</v>
      </c>
      <c r="T26210">
        <v>67</v>
      </c>
      <c r="U26210">
        <v>68</v>
      </c>
      <c r="V26210">
        <v>68</v>
      </c>
      <c r="W26210">
        <v>68</v>
      </c>
      <c r="X26210">
        <v>68</v>
      </c>
      <c r="Y26210">
        <v>68</v>
      </c>
      <c r="Z26210">
        <v>68</v>
      </c>
      <c r="AA26210">
        <v>69</v>
      </c>
      <c r="AB26210">
        <v>69</v>
      </c>
      <c r="AC26210">
        <v>69</v>
      </c>
      <c r="AD26210">
        <v>69</v>
      </c>
      <c r="AE26210">
        <v>69</v>
      </c>
      <c r="AF26210">
        <v>69</v>
      </c>
      <c r="AG26210">
        <v>69</v>
      </c>
      <c r="AH26210">
        <v>69</v>
      </c>
      <c r="AI26210">
        <v>69</v>
      </c>
      <c r="AJ26210">
        <v>69</v>
      </c>
      <c r="AK26210">
        <v>69</v>
      </c>
      <c r="AL26210">
        <v>68</v>
      </c>
      <c r="AM26210">
        <v>68</v>
      </c>
      <c r="AN26210">
        <v>67</v>
      </c>
      <c r="AO26210">
        <v>67</v>
      </c>
      <c r="AP26210">
        <v>66</v>
      </c>
      <c r="AQ26210">
        <v>66</v>
      </c>
    </row>
    <row r="26211" spans="1:43">
      <c r="A26211" t="s">
        <v>16219</v>
      </c>
      <c r="B26211" t="s">
        <v>16220</v>
      </c>
      <c r="C26211" t="s">
        <v>16157</v>
      </c>
      <c r="D26211" t="s">
        <v>16158</v>
      </c>
      <c r="E26211" t="s">
        <v>16115</v>
      </c>
      <c r="F26211" t="s">
        <v>16116</v>
      </c>
      <c r="G26211" t="s">
        <v>10734</v>
      </c>
      <c r="H26211" t="s">
        <v>10735</v>
      </c>
      <c r="I26211" s="2">
        <v>1</v>
      </c>
      <c r="J26211" s="2">
        <v>0</v>
      </c>
      <c r="K26211" s="2">
        <v>0</v>
      </c>
      <c r="L26211" t="s">
        <v>120</v>
      </c>
      <c r="M26211" t="s">
        <v>87</v>
      </c>
      <c r="N26211" t="s">
        <v>88</v>
      </c>
      <c r="O26211" t="s">
        <v>85</v>
      </c>
      <c r="P26211" t="s">
        <v>86</v>
      </c>
      <c r="Q26211">
        <v>67</v>
      </c>
      <c r="R26211">
        <v>67</v>
      </c>
      <c r="S26211">
        <v>66</v>
      </c>
      <c r="T26211">
        <v>66</v>
      </c>
      <c r="U26211">
        <v>66</v>
      </c>
      <c r="V26211">
        <v>65</v>
      </c>
      <c r="W26211">
        <v>65</v>
      </c>
      <c r="X26211">
        <v>65</v>
      </c>
      <c r="Y26211">
        <v>64</v>
      </c>
      <c r="Z26211">
        <v>64</v>
      </c>
      <c r="AA26211">
        <v>64</v>
      </c>
      <c r="AB26211">
        <v>63</v>
      </c>
      <c r="AC26211">
        <v>63</v>
      </c>
      <c r="AD26211">
        <v>63</v>
      </c>
      <c r="AE26211">
        <v>62</v>
      </c>
      <c r="AF26211">
        <v>62</v>
      </c>
      <c r="AG26211">
        <v>62</v>
      </c>
      <c r="AH26211">
        <v>61</v>
      </c>
      <c r="AI26211">
        <v>61</v>
      </c>
      <c r="AJ26211">
        <v>61</v>
      </c>
      <c r="AK26211">
        <v>60</v>
      </c>
      <c r="AL26211">
        <v>60</v>
      </c>
      <c r="AM26211">
        <v>60</v>
      </c>
      <c r="AN26211">
        <v>59</v>
      </c>
      <c r="AO26211">
        <v>59</v>
      </c>
      <c r="AP26211">
        <v>59</v>
      </c>
      <c r="AQ26211">
        <v>58</v>
      </c>
    </row>
    <row r="26212" spans="1:43">
      <c r="A26212" t="s">
        <v>16219</v>
      </c>
      <c r="B26212" t="s">
        <v>16220</v>
      </c>
      <c r="C26212" t="s">
        <v>16157</v>
      </c>
      <c r="D26212" t="s">
        <v>16158</v>
      </c>
      <c r="E26212" t="s">
        <v>16115</v>
      </c>
      <c r="F26212" t="s">
        <v>16116</v>
      </c>
      <c r="G26212" t="s">
        <v>10734</v>
      </c>
      <c r="H26212" t="s">
        <v>10735</v>
      </c>
      <c r="I26212" s="2">
        <v>1</v>
      </c>
      <c r="J26212" s="2">
        <v>0</v>
      </c>
      <c r="K26212" s="2">
        <v>0</v>
      </c>
      <c r="L26212" t="s">
        <v>120</v>
      </c>
      <c r="M26212" t="s">
        <v>89</v>
      </c>
      <c r="N26212" t="s">
        <v>90</v>
      </c>
      <c r="O26212" t="s">
        <v>85</v>
      </c>
      <c r="P26212" t="s">
        <v>86</v>
      </c>
      <c r="Q26212">
        <v>67</v>
      </c>
      <c r="R26212">
        <v>68</v>
      </c>
      <c r="S26212">
        <v>69</v>
      </c>
      <c r="T26212">
        <v>70</v>
      </c>
      <c r="U26212">
        <v>70</v>
      </c>
      <c r="V26212">
        <v>71</v>
      </c>
      <c r="W26212">
        <v>71</v>
      </c>
      <c r="X26212">
        <v>72</v>
      </c>
      <c r="Y26212">
        <v>72</v>
      </c>
      <c r="Z26212">
        <v>73</v>
      </c>
      <c r="AA26212">
        <v>73</v>
      </c>
      <c r="AB26212">
        <v>73</v>
      </c>
      <c r="AC26212">
        <v>73</v>
      </c>
      <c r="AD26212">
        <v>74</v>
      </c>
      <c r="AE26212">
        <v>74</v>
      </c>
      <c r="AF26212">
        <v>73</v>
      </c>
      <c r="AG26212">
        <v>72</v>
      </c>
      <c r="AH26212">
        <v>72</v>
      </c>
      <c r="AI26212">
        <v>71</v>
      </c>
      <c r="AJ26212">
        <v>70</v>
      </c>
      <c r="AK26212">
        <v>70</v>
      </c>
      <c r="AL26212">
        <v>69</v>
      </c>
      <c r="AM26212">
        <v>69</v>
      </c>
      <c r="AN26212">
        <v>68</v>
      </c>
      <c r="AO26212">
        <v>67</v>
      </c>
      <c r="AP26212">
        <v>67</v>
      </c>
      <c r="AQ26212">
        <v>66</v>
      </c>
    </row>
    <row r="26213" spans="1:43">
      <c r="A26213" t="s">
        <v>16219</v>
      </c>
      <c r="B26213" t="s">
        <v>16220</v>
      </c>
      <c r="C26213" t="s">
        <v>16157</v>
      </c>
      <c r="D26213" t="s">
        <v>16158</v>
      </c>
      <c r="E26213" t="s">
        <v>16115</v>
      </c>
      <c r="F26213" t="s">
        <v>16116</v>
      </c>
      <c r="G26213" t="s">
        <v>10734</v>
      </c>
      <c r="H26213" t="s">
        <v>10735</v>
      </c>
      <c r="I26213" s="2">
        <v>1</v>
      </c>
      <c r="J26213" s="2">
        <v>0</v>
      </c>
      <c r="K26213" s="2">
        <v>0</v>
      </c>
      <c r="L26213" t="s">
        <v>120</v>
      </c>
      <c r="M26213" t="s">
        <v>83</v>
      </c>
      <c r="N26213" t="s">
        <v>91</v>
      </c>
      <c r="O26213" t="s">
        <v>85</v>
      </c>
      <c r="P26213" t="s">
        <v>86</v>
      </c>
      <c r="Q26213">
        <v>67</v>
      </c>
      <c r="R26213">
        <v>67</v>
      </c>
      <c r="S26213">
        <v>67</v>
      </c>
      <c r="T26213">
        <v>67</v>
      </c>
      <c r="U26213">
        <v>68</v>
      </c>
      <c r="V26213">
        <v>68</v>
      </c>
      <c r="W26213">
        <v>68</v>
      </c>
      <c r="X26213">
        <v>68</v>
      </c>
      <c r="Y26213">
        <v>68</v>
      </c>
      <c r="Z26213">
        <v>68</v>
      </c>
      <c r="AA26213">
        <v>69</v>
      </c>
      <c r="AB26213">
        <v>69</v>
      </c>
      <c r="AC26213">
        <v>69</v>
      </c>
      <c r="AD26213">
        <v>69</v>
      </c>
      <c r="AE26213">
        <v>69</v>
      </c>
      <c r="AF26213">
        <v>69</v>
      </c>
      <c r="AG26213">
        <v>69</v>
      </c>
      <c r="AH26213">
        <v>69</v>
      </c>
      <c r="AI26213">
        <v>69</v>
      </c>
      <c r="AJ26213">
        <v>69</v>
      </c>
      <c r="AK26213">
        <v>69</v>
      </c>
      <c r="AL26213">
        <v>68</v>
      </c>
      <c r="AM26213">
        <v>68</v>
      </c>
      <c r="AN26213">
        <v>67</v>
      </c>
      <c r="AO26213">
        <v>67</v>
      </c>
      <c r="AP26213">
        <v>66</v>
      </c>
      <c r="AQ26213">
        <v>66</v>
      </c>
    </row>
    <row r="26214" spans="1:43">
      <c r="A26214" t="s">
        <v>16221</v>
      </c>
      <c r="B26214" t="s">
        <v>16222</v>
      </c>
      <c r="C26214" t="s">
        <v>16135</v>
      </c>
      <c r="D26214" t="s">
        <v>16136</v>
      </c>
      <c r="E26214" t="s">
        <v>16115</v>
      </c>
      <c r="F26214" t="s">
        <v>16116</v>
      </c>
      <c r="G26214" t="s">
        <v>10734</v>
      </c>
      <c r="H26214" t="s">
        <v>10735</v>
      </c>
      <c r="I26214" s="2">
        <v>1</v>
      </c>
      <c r="J26214" s="2">
        <v>0</v>
      </c>
      <c r="K26214" s="2">
        <v>0</v>
      </c>
      <c r="L26214" t="s">
        <v>120</v>
      </c>
      <c r="M26214" t="s">
        <v>83</v>
      </c>
      <c r="N26214" t="s">
        <v>84</v>
      </c>
      <c r="O26214" t="s">
        <v>85</v>
      </c>
      <c r="P26214" t="s">
        <v>86</v>
      </c>
      <c r="Q26214">
        <v>15</v>
      </c>
      <c r="R26214">
        <v>15</v>
      </c>
      <c r="S26214">
        <v>15</v>
      </c>
      <c r="T26214">
        <v>15</v>
      </c>
      <c r="U26214">
        <v>15</v>
      </c>
      <c r="V26214">
        <v>15</v>
      </c>
      <c r="W26214">
        <v>15</v>
      </c>
      <c r="X26214">
        <v>15</v>
      </c>
      <c r="Y26214">
        <v>15</v>
      </c>
      <c r="Z26214">
        <v>15</v>
      </c>
      <c r="AA26214">
        <v>15</v>
      </c>
      <c r="AB26214">
        <v>15</v>
      </c>
      <c r="AC26214">
        <v>15</v>
      </c>
      <c r="AD26214">
        <v>15</v>
      </c>
      <c r="AE26214">
        <v>15</v>
      </c>
      <c r="AF26214">
        <v>15</v>
      </c>
      <c r="AG26214">
        <v>15</v>
      </c>
      <c r="AH26214">
        <v>15</v>
      </c>
      <c r="AI26214">
        <v>15</v>
      </c>
      <c r="AJ26214">
        <v>15</v>
      </c>
      <c r="AK26214">
        <v>15</v>
      </c>
      <c r="AL26214">
        <v>15</v>
      </c>
      <c r="AM26214">
        <v>15</v>
      </c>
      <c r="AN26214">
        <v>15</v>
      </c>
      <c r="AO26214">
        <v>15</v>
      </c>
      <c r="AP26214">
        <v>14</v>
      </c>
      <c r="AQ26214">
        <v>14</v>
      </c>
    </row>
    <row r="26215" spans="1:43">
      <c r="A26215" t="s">
        <v>16221</v>
      </c>
      <c r="B26215" t="s">
        <v>16222</v>
      </c>
      <c r="C26215" t="s">
        <v>16135</v>
      </c>
      <c r="D26215" t="s">
        <v>16136</v>
      </c>
      <c r="E26215" t="s">
        <v>16115</v>
      </c>
      <c r="F26215" t="s">
        <v>16116</v>
      </c>
      <c r="G26215" t="s">
        <v>10734</v>
      </c>
      <c r="H26215" t="s">
        <v>10735</v>
      </c>
      <c r="I26215" s="2">
        <v>1</v>
      </c>
      <c r="J26215" s="2">
        <v>0</v>
      </c>
      <c r="K26215" s="2">
        <v>0</v>
      </c>
      <c r="L26215" t="s">
        <v>120</v>
      </c>
      <c r="M26215" t="s">
        <v>87</v>
      </c>
      <c r="N26215" t="s">
        <v>88</v>
      </c>
      <c r="O26215" t="s">
        <v>85</v>
      </c>
      <c r="P26215" t="s">
        <v>86</v>
      </c>
      <c r="Q26215">
        <v>15</v>
      </c>
      <c r="R26215">
        <v>15</v>
      </c>
      <c r="S26215">
        <v>14</v>
      </c>
      <c r="T26215">
        <v>14</v>
      </c>
      <c r="U26215">
        <v>14</v>
      </c>
      <c r="V26215">
        <v>14</v>
      </c>
      <c r="W26215">
        <v>14</v>
      </c>
      <c r="X26215">
        <v>14</v>
      </c>
      <c r="Y26215">
        <v>14</v>
      </c>
      <c r="Z26215">
        <v>14</v>
      </c>
      <c r="AA26215">
        <v>14</v>
      </c>
      <c r="AB26215">
        <v>14</v>
      </c>
      <c r="AC26215">
        <v>14</v>
      </c>
      <c r="AD26215">
        <v>14</v>
      </c>
      <c r="AE26215">
        <v>13</v>
      </c>
      <c r="AF26215">
        <v>13</v>
      </c>
      <c r="AG26215">
        <v>13</v>
      </c>
      <c r="AH26215">
        <v>13</v>
      </c>
      <c r="AI26215">
        <v>13</v>
      </c>
      <c r="AJ26215">
        <v>13</v>
      </c>
      <c r="AK26215">
        <v>13</v>
      </c>
      <c r="AL26215">
        <v>13</v>
      </c>
      <c r="AM26215">
        <v>13</v>
      </c>
      <c r="AN26215">
        <v>13</v>
      </c>
      <c r="AO26215">
        <v>13</v>
      </c>
      <c r="AP26215">
        <v>13</v>
      </c>
      <c r="AQ26215">
        <v>12</v>
      </c>
    </row>
    <row r="26216" spans="1:43">
      <c r="A26216" t="s">
        <v>16221</v>
      </c>
      <c r="B26216" t="s">
        <v>16222</v>
      </c>
      <c r="C26216" t="s">
        <v>16135</v>
      </c>
      <c r="D26216" t="s">
        <v>16136</v>
      </c>
      <c r="E26216" t="s">
        <v>16115</v>
      </c>
      <c r="F26216" t="s">
        <v>16116</v>
      </c>
      <c r="G26216" t="s">
        <v>10734</v>
      </c>
      <c r="H26216" t="s">
        <v>10735</v>
      </c>
      <c r="I26216" s="2">
        <v>1</v>
      </c>
      <c r="J26216" s="2">
        <v>0</v>
      </c>
      <c r="K26216" s="2">
        <v>0</v>
      </c>
      <c r="L26216" t="s">
        <v>120</v>
      </c>
      <c r="M26216" t="s">
        <v>89</v>
      </c>
      <c r="N26216" t="s">
        <v>90</v>
      </c>
      <c r="O26216" t="s">
        <v>85</v>
      </c>
      <c r="P26216" t="s">
        <v>86</v>
      </c>
      <c r="Q26216">
        <v>15</v>
      </c>
      <c r="R26216">
        <v>15</v>
      </c>
      <c r="S26216">
        <v>15</v>
      </c>
      <c r="T26216">
        <v>15</v>
      </c>
      <c r="U26216">
        <v>16</v>
      </c>
      <c r="V26216">
        <v>16</v>
      </c>
      <c r="W26216">
        <v>16</v>
      </c>
      <c r="X26216">
        <v>16</v>
      </c>
      <c r="Y26216">
        <v>16</v>
      </c>
      <c r="Z26216">
        <v>16</v>
      </c>
      <c r="AA26216">
        <v>16</v>
      </c>
      <c r="AB26216">
        <v>16</v>
      </c>
      <c r="AC26216">
        <v>16</v>
      </c>
      <c r="AD26216">
        <v>16</v>
      </c>
      <c r="AE26216">
        <v>16</v>
      </c>
      <c r="AF26216">
        <v>16</v>
      </c>
      <c r="AG26216">
        <v>16</v>
      </c>
      <c r="AH26216">
        <v>16</v>
      </c>
      <c r="AI26216">
        <v>16</v>
      </c>
      <c r="AJ26216">
        <v>15</v>
      </c>
      <c r="AK26216">
        <v>15</v>
      </c>
      <c r="AL26216">
        <v>15</v>
      </c>
      <c r="AM26216">
        <v>15</v>
      </c>
      <c r="AN26216">
        <v>15</v>
      </c>
      <c r="AO26216">
        <v>15</v>
      </c>
      <c r="AP26216">
        <v>15</v>
      </c>
      <c r="AQ26216">
        <v>14</v>
      </c>
    </row>
    <row r="26217" spans="1:43">
      <c r="A26217" t="s">
        <v>16221</v>
      </c>
      <c r="B26217" t="s">
        <v>16222</v>
      </c>
      <c r="C26217" t="s">
        <v>16135</v>
      </c>
      <c r="D26217" t="s">
        <v>16136</v>
      </c>
      <c r="E26217" t="s">
        <v>16115</v>
      </c>
      <c r="F26217" t="s">
        <v>16116</v>
      </c>
      <c r="G26217" t="s">
        <v>10734</v>
      </c>
      <c r="H26217" t="s">
        <v>10735</v>
      </c>
      <c r="I26217" s="2">
        <v>1</v>
      </c>
      <c r="J26217" s="2">
        <v>0</v>
      </c>
      <c r="K26217" s="2">
        <v>0</v>
      </c>
      <c r="L26217" t="s">
        <v>120</v>
      </c>
      <c r="M26217" t="s">
        <v>83</v>
      </c>
      <c r="N26217" t="s">
        <v>91</v>
      </c>
      <c r="O26217" t="s">
        <v>85</v>
      </c>
      <c r="P26217" t="s">
        <v>86</v>
      </c>
      <c r="Q26217">
        <v>15</v>
      </c>
      <c r="R26217">
        <v>15</v>
      </c>
      <c r="S26217">
        <v>15</v>
      </c>
      <c r="T26217">
        <v>15</v>
      </c>
      <c r="U26217">
        <v>15</v>
      </c>
      <c r="V26217">
        <v>15</v>
      </c>
      <c r="W26217">
        <v>15</v>
      </c>
      <c r="X26217">
        <v>15</v>
      </c>
      <c r="Y26217">
        <v>15</v>
      </c>
      <c r="Z26217">
        <v>15</v>
      </c>
      <c r="AA26217">
        <v>15</v>
      </c>
      <c r="AB26217">
        <v>15</v>
      </c>
      <c r="AC26217">
        <v>15</v>
      </c>
      <c r="AD26217">
        <v>15</v>
      </c>
      <c r="AE26217">
        <v>15</v>
      </c>
      <c r="AF26217">
        <v>15</v>
      </c>
      <c r="AG26217">
        <v>15</v>
      </c>
      <c r="AH26217">
        <v>15</v>
      </c>
      <c r="AI26217">
        <v>15</v>
      </c>
      <c r="AJ26217">
        <v>15</v>
      </c>
      <c r="AK26217">
        <v>15</v>
      </c>
      <c r="AL26217">
        <v>15</v>
      </c>
      <c r="AM26217">
        <v>15</v>
      </c>
      <c r="AN26217">
        <v>15</v>
      </c>
      <c r="AO26217">
        <v>15</v>
      </c>
      <c r="AP26217">
        <v>14</v>
      </c>
      <c r="AQ26217">
        <v>14</v>
      </c>
    </row>
    <row r="26218" spans="1:43">
      <c r="A26218" t="s">
        <v>16223</v>
      </c>
      <c r="B26218" t="s">
        <v>16224</v>
      </c>
      <c r="C26218" t="s">
        <v>16135</v>
      </c>
      <c r="D26218" t="s">
        <v>16136</v>
      </c>
      <c r="E26218" t="s">
        <v>16115</v>
      </c>
      <c r="F26218" t="s">
        <v>16116</v>
      </c>
      <c r="G26218" t="s">
        <v>10734</v>
      </c>
      <c r="H26218" t="s">
        <v>10735</v>
      </c>
      <c r="I26218" s="2">
        <v>1</v>
      </c>
      <c r="J26218" s="2">
        <v>0</v>
      </c>
      <c r="K26218" s="2">
        <v>0</v>
      </c>
      <c r="L26218" t="s">
        <v>120</v>
      </c>
      <c r="M26218" t="s">
        <v>83</v>
      </c>
      <c r="N26218" t="s">
        <v>84</v>
      </c>
      <c r="O26218" t="s">
        <v>85</v>
      </c>
      <c r="P26218" t="s">
        <v>86</v>
      </c>
      <c r="Q26218">
        <v>12</v>
      </c>
      <c r="R26218">
        <v>12</v>
      </c>
      <c r="S26218">
        <v>12</v>
      </c>
      <c r="T26218">
        <v>12</v>
      </c>
      <c r="U26218">
        <v>12</v>
      </c>
      <c r="V26218">
        <v>12</v>
      </c>
      <c r="W26218">
        <v>12</v>
      </c>
      <c r="X26218">
        <v>12</v>
      </c>
      <c r="Y26218">
        <v>12</v>
      </c>
      <c r="Z26218">
        <v>12</v>
      </c>
      <c r="AA26218">
        <v>12</v>
      </c>
      <c r="AB26218">
        <v>12</v>
      </c>
      <c r="AC26218">
        <v>12</v>
      </c>
      <c r="AD26218">
        <v>12</v>
      </c>
      <c r="AE26218">
        <v>12</v>
      </c>
      <c r="AF26218">
        <v>12</v>
      </c>
      <c r="AG26218">
        <v>12</v>
      </c>
      <c r="AH26218">
        <v>12</v>
      </c>
      <c r="AI26218">
        <v>12</v>
      </c>
      <c r="AJ26218">
        <v>12</v>
      </c>
      <c r="AK26218">
        <v>12</v>
      </c>
      <c r="AL26218">
        <v>12</v>
      </c>
      <c r="AM26218">
        <v>12</v>
      </c>
      <c r="AN26218">
        <v>12</v>
      </c>
      <c r="AO26218">
        <v>12</v>
      </c>
      <c r="AP26218">
        <v>12</v>
      </c>
      <c r="AQ26218">
        <v>12</v>
      </c>
    </row>
    <row r="26219" spans="1:43">
      <c r="A26219" t="s">
        <v>16223</v>
      </c>
      <c r="B26219" t="s">
        <v>16224</v>
      </c>
      <c r="C26219" t="s">
        <v>16135</v>
      </c>
      <c r="D26219" t="s">
        <v>16136</v>
      </c>
      <c r="E26219" t="s">
        <v>16115</v>
      </c>
      <c r="F26219" t="s">
        <v>16116</v>
      </c>
      <c r="G26219" t="s">
        <v>10734</v>
      </c>
      <c r="H26219" t="s">
        <v>10735</v>
      </c>
      <c r="I26219" s="2">
        <v>1</v>
      </c>
      <c r="J26219" s="2">
        <v>0</v>
      </c>
      <c r="K26219" s="2">
        <v>0</v>
      </c>
      <c r="L26219" t="s">
        <v>120</v>
      </c>
      <c r="M26219" t="s">
        <v>87</v>
      </c>
      <c r="N26219" t="s">
        <v>88</v>
      </c>
      <c r="O26219" t="s">
        <v>85</v>
      </c>
      <c r="P26219" t="s">
        <v>86</v>
      </c>
      <c r="Q26219">
        <v>12</v>
      </c>
      <c r="R26219">
        <v>12</v>
      </c>
      <c r="S26219">
        <v>12</v>
      </c>
      <c r="T26219">
        <v>12</v>
      </c>
      <c r="U26219">
        <v>12</v>
      </c>
      <c r="V26219">
        <v>12</v>
      </c>
      <c r="W26219">
        <v>12</v>
      </c>
      <c r="X26219">
        <v>11</v>
      </c>
      <c r="Y26219">
        <v>11</v>
      </c>
      <c r="Z26219">
        <v>11</v>
      </c>
      <c r="AA26219">
        <v>11</v>
      </c>
      <c r="AB26219">
        <v>11</v>
      </c>
      <c r="AC26219">
        <v>11</v>
      </c>
      <c r="AD26219">
        <v>11</v>
      </c>
      <c r="AE26219">
        <v>11</v>
      </c>
      <c r="AF26219">
        <v>11</v>
      </c>
      <c r="AG26219">
        <v>11</v>
      </c>
      <c r="AH26219">
        <v>11</v>
      </c>
      <c r="AI26219">
        <v>11</v>
      </c>
      <c r="AJ26219">
        <v>11</v>
      </c>
      <c r="AK26219">
        <v>11</v>
      </c>
      <c r="AL26219">
        <v>11</v>
      </c>
      <c r="AM26219">
        <v>10</v>
      </c>
      <c r="AN26219">
        <v>10</v>
      </c>
      <c r="AO26219">
        <v>10</v>
      </c>
      <c r="AP26219">
        <v>10</v>
      </c>
      <c r="AQ26219">
        <v>10</v>
      </c>
    </row>
    <row r="26220" spans="1:43">
      <c r="A26220" t="s">
        <v>16223</v>
      </c>
      <c r="B26220" t="s">
        <v>16224</v>
      </c>
      <c r="C26220" t="s">
        <v>16135</v>
      </c>
      <c r="D26220" t="s">
        <v>16136</v>
      </c>
      <c r="E26220" t="s">
        <v>16115</v>
      </c>
      <c r="F26220" t="s">
        <v>16116</v>
      </c>
      <c r="G26220" t="s">
        <v>10734</v>
      </c>
      <c r="H26220" t="s">
        <v>10735</v>
      </c>
      <c r="I26220" s="2">
        <v>1</v>
      </c>
      <c r="J26220" s="2">
        <v>0</v>
      </c>
      <c r="K26220" s="2">
        <v>0</v>
      </c>
      <c r="L26220" t="s">
        <v>120</v>
      </c>
      <c r="M26220" t="s">
        <v>89</v>
      </c>
      <c r="N26220" t="s">
        <v>90</v>
      </c>
      <c r="O26220" t="s">
        <v>85</v>
      </c>
      <c r="P26220" t="s">
        <v>86</v>
      </c>
      <c r="Q26220">
        <v>12</v>
      </c>
      <c r="R26220">
        <v>12</v>
      </c>
      <c r="S26220">
        <v>12</v>
      </c>
      <c r="T26220">
        <v>13</v>
      </c>
      <c r="U26220">
        <v>13</v>
      </c>
      <c r="V26220">
        <v>13</v>
      </c>
      <c r="W26220">
        <v>13</v>
      </c>
      <c r="X26220">
        <v>13</v>
      </c>
      <c r="Y26220">
        <v>13</v>
      </c>
      <c r="Z26220">
        <v>13</v>
      </c>
      <c r="AA26220">
        <v>13</v>
      </c>
      <c r="AB26220">
        <v>13</v>
      </c>
      <c r="AC26220">
        <v>13</v>
      </c>
      <c r="AD26220">
        <v>13</v>
      </c>
      <c r="AE26220">
        <v>13</v>
      </c>
      <c r="AF26220">
        <v>13</v>
      </c>
      <c r="AG26220">
        <v>13</v>
      </c>
      <c r="AH26220">
        <v>13</v>
      </c>
      <c r="AI26220">
        <v>13</v>
      </c>
      <c r="AJ26220">
        <v>13</v>
      </c>
      <c r="AK26220">
        <v>13</v>
      </c>
      <c r="AL26220">
        <v>12</v>
      </c>
      <c r="AM26220">
        <v>12</v>
      </c>
      <c r="AN26220">
        <v>12</v>
      </c>
      <c r="AO26220">
        <v>12</v>
      </c>
      <c r="AP26220">
        <v>12</v>
      </c>
      <c r="AQ26220">
        <v>12</v>
      </c>
    </row>
    <row r="26221" spans="1:43">
      <c r="A26221" t="s">
        <v>16223</v>
      </c>
      <c r="B26221" t="s">
        <v>16224</v>
      </c>
      <c r="C26221" t="s">
        <v>16135</v>
      </c>
      <c r="D26221" t="s">
        <v>16136</v>
      </c>
      <c r="E26221" t="s">
        <v>16115</v>
      </c>
      <c r="F26221" t="s">
        <v>16116</v>
      </c>
      <c r="G26221" t="s">
        <v>10734</v>
      </c>
      <c r="H26221" t="s">
        <v>10735</v>
      </c>
      <c r="I26221" s="2">
        <v>1</v>
      </c>
      <c r="J26221" s="2">
        <v>0</v>
      </c>
      <c r="K26221" s="2">
        <v>0</v>
      </c>
      <c r="L26221" t="s">
        <v>120</v>
      </c>
      <c r="M26221" t="s">
        <v>83</v>
      </c>
      <c r="N26221" t="s">
        <v>91</v>
      </c>
      <c r="O26221" t="s">
        <v>85</v>
      </c>
      <c r="P26221" t="s">
        <v>86</v>
      </c>
      <c r="Q26221">
        <v>12</v>
      </c>
      <c r="R26221">
        <v>12</v>
      </c>
      <c r="S26221">
        <v>12</v>
      </c>
      <c r="T26221">
        <v>12</v>
      </c>
      <c r="U26221">
        <v>12</v>
      </c>
      <c r="V26221">
        <v>12</v>
      </c>
      <c r="W26221">
        <v>12</v>
      </c>
      <c r="X26221">
        <v>12</v>
      </c>
      <c r="Y26221">
        <v>12</v>
      </c>
      <c r="Z26221">
        <v>12</v>
      </c>
      <c r="AA26221">
        <v>12</v>
      </c>
      <c r="AB26221">
        <v>12</v>
      </c>
      <c r="AC26221">
        <v>12</v>
      </c>
      <c r="AD26221">
        <v>12</v>
      </c>
      <c r="AE26221">
        <v>12</v>
      </c>
      <c r="AF26221">
        <v>12</v>
      </c>
      <c r="AG26221">
        <v>12</v>
      </c>
      <c r="AH26221">
        <v>12</v>
      </c>
      <c r="AI26221">
        <v>12</v>
      </c>
      <c r="AJ26221">
        <v>12</v>
      </c>
      <c r="AK26221">
        <v>12</v>
      </c>
      <c r="AL26221">
        <v>12</v>
      </c>
      <c r="AM26221">
        <v>12</v>
      </c>
      <c r="AN26221">
        <v>12</v>
      </c>
      <c r="AO26221">
        <v>12</v>
      </c>
      <c r="AP26221">
        <v>12</v>
      </c>
      <c r="AQ26221">
        <v>12</v>
      </c>
    </row>
    <row r="26222" spans="1:43">
      <c r="A26222" t="s">
        <v>16225</v>
      </c>
      <c r="B26222" t="s">
        <v>16226</v>
      </c>
      <c r="C26222" t="s">
        <v>16135</v>
      </c>
      <c r="D26222" t="s">
        <v>16136</v>
      </c>
      <c r="E26222" t="s">
        <v>16115</v>
      </c>
      <c r="F26222" t="s">
        <v>16116</v>
      </c>
      <c r="G26222" t="s">
        <v>10734</v>
      </c>
      <c r="H26222" t="s">
        <v>10735</v>
      </c>
      <c r="I26222" s="2">
        <v>1</v>
      </c>
      <c r="J26222" s="2">
        <v>0</v>
      </c>
      <c r="K26222" s="2">
        <v>0</v>
      </c>
      <c r="L26222" t="s">
        <v>120</v>
      </c>
      <c r="M26222" t="s">
        <v>83</v>
      </c>
      <c r="N26222" t="s">
        <v>84</v>
      </c>
      <c r="O26222" t="s">
        <v>85</v>
      </c>
      <c r="P26222" t="s">
        <v>86</v>
      </c>
      <c r="Q26222">
        <v>13</v>
      </c>
      <c r="R26222">
        <v>13</v>
      </c>
      <c r="S26222">
        <v>13</v>
      </c>
      <c r="T26222">
        <v>13</v>
      </c>
      <c r="U26222">
        <v>13</v>
      </c>
      <c r="V26222">
        <v>13</v>
      </c>
      <c r="W26222">
        <v>13</v>
      </c>
      <c r="X26222">
        <v>13</v>
      </c>
      <c r="Y26222">
        <v>13</v>
      </c>
      <c r="Z26222">
        <v>13</v>
      </c>
      <c r="AA26222">
        <v>13</v>
      </c>
      <c r="AB26222">
        <v>13</v>
      </c>
      <c r="AC26222">
        <v>13</v>
      </c>
      <c r="AD26222">
        <v>13</v>
      </c>
      <c r="AE26222">
        <v>13</v>
      </c>
      <c r="AF26222">
        <v>13</v>
      </c>
      <c r="AG26222">
        <v>13</v>
      </c>
      <c r="AH26222">
        <v>13</v>
      </c>
      <c r="AI26222">
        <v>13</v>
      </c>
      <c r="AJ26222">
        <v>13</v>
      </c>
      <c r="AK26222">
        <v>13</v>
      </c>
      <c r="AL26222">
        <v>13</v>
      </c>
      <c r="AM26222">
        <v>13</v>
      </c>
      <c r="AN26222">
        <v>13</v>
      </c>
      <c r="AO26222">
        <v>13</v>
      </c>
      <c r="AP26222">
        <v>13</v>
      </c>
      <c r="AQ26222">
        <v>13</v>
      </c>
    </row>
    <row r="26223" spans="1:43">
      <c r="A26223" t="s">
        <v>16225</v>
      </c>
      <c r="B26223" t="s">
        <v>16226</v>
      </c>
      <c r="C26223" t="s">
        <v>16135</v>
      </c>
      <c r="D26223" t="s">
        <v>16136</v>
      </c>
      <c r="E26223" t="s">
        <v>16115</v>
      </c>
      <c r="F26223" t="s">
        <v>16116</v>
      </c>
      <c r="G26223" t="s">
        <v>10734</v>
      </c>
      <c r="H26223" t="s">
        <v>10735</v>
      </c>
      <c r="I26223" s="2">
        <v>1</v>
      </c>
      <c r="J26223" s="2">
        <v>0</v>
      </c>
      <c r="K26223" s="2">
        <v>0</v>
      </c>
      <c r="L26223" t="s">
        <v>120</v>
      </c>
      <c r="M26223" t="s">
        <v>87</v>
      </c>
      <c r="N26223" t="s">
        <v>88</v>
      </c>
      <c r="O26223" t="s">
        <v>85</v>
      </c>
      <c r="P26223" t="s">
        <v>86</v>
      </c>
      <c r="Q26223">
        <v>13</v>
      </c>
      <c r="R26223">
        <v>13</v>
      </c>
      <c r="S26223">
        <v>13</v>
      </c>
      <c r="T26223">
        <v>13</v>
      </c>
      <c r="U26223">
        <v>13</v>
      </c>
      <c r="V26223">
        <v>12</v>
      </c>
      <c r="W26223">
        <v>12</v>
      </c>
      <c r="X26223">
        <v>12</v>
      </c>
      <c r="Y26223">
        <v>12</v>
      </c>
      <c r="Z26223">
        <v>12</v>
      </c>
      <c r="AA26223">
        <v>12</v>
      </c>
      <c r="AB26223">
        <v>12</v>
      </c>
      <c r="AC26223">
        <v>12</v>
      </c>
      <c r="AD26223">
        <v>12</v>
      </c>
      <c r="AE26223">
        <v>12</v>
      </c>
      <c r="AF26223">
        <v>12</v>
      </c>
      <c r="AG26223">
        <v>12</v>
      </c>
      <c r="AH26223">
        <v>12</v>
      </c>
      <c r="AI26223">
        <v>12</v>
      </c>
      <c r="AJ26223">
        <v>11</v>
      </c>
      <c r="AK26223">
        <v>11</v>
      </c>
      <c r="AL26223">
        <v>11</v>
      </c>
      <c r="AM26223">
        <v>11</v>
      </c>
      <c r="AN26223">
        <v>11</v>
      </c>
      <c r="AO26223">
        <v>11</v>
      </c>
      <c r="AP26223">
        <v>11</v>
      </c>
      <c r="AQ26223">
        <v>11</v>
      </c>
    </row>
    <row r="26224" spans="1:43">
      <c r="A26224" t="s">
        <v>16225</v>
      </c>
      <c r="B26224" t="s">
        <v>16226</v>
      </c>
      <c r="C26224" t="s">
        <v>16135</v>
      </c>
      <c r="D26224" t="s">
        <v>16136</v>
      </c>
      <c r="E26224" t="s">
        <v>16115</v>
      </c>
      <c r="F26224" t="s">
        <v>16116</v>
      </c>
      <c r="G26224" t="s">
        <v>10734</v>
      </c>
      <c r="H26224" t="s">
        <v>10735</v>
      </c>
      <c r="I26224" s="2">
        <v>1</v>
      </c>
      <c r="J26224" s="2">
        <v>0</v>
      </c>
      <c r="K26224" s="2">
        <v>0</v>
      </c>
      <c r="L26224" t="s">
        <v>120</v>
      </c>
      <c r="M26224" t="s">
        <v>89</v>
      </c>
      <c r="N26224" t="s">
        <v>90</v>
      </c>
      <c r="O26224" t="s">
        <v>85</v>
      </c>
      <c r="P26224" t="s">
        <v>86</v>
      </c>
      <c r="Q26224">
        <v>13</v>
      </c>
      <c r="R26224">
        <v>13</v>
      </c>
      <c r="S26224">
        <v>13</v>
      </c>
      <c r="T26224">
        <v>14</v>
      </c>
      <c r="U26224">
        <v>14</v>
      </c>
      <c r="V26224">
        <v>14</v>
      </c>
      <c r="W26224">
        <v>14</v>
      </c>
      <c r="X26224">
        <v>14</v>
      </c>
      <c r="Y26224">
        <v>14</v>
      </c>
      <c r="Z26224">
        <v>14</v>
      </c>
      <c r="AA26224">
        <v>14</v>
      </c>
      <c r="AB26224">
        <v>14</v>
      </c>
      <c r="AC26224">
        <v>14</v>
      </c>
      <c r="AD26224">
        <v>14</v>
      </c>
      <c r="AE26224">
        <v>14</v>
      </c>
      <c r="AF26224">
        <v>14</v>
      </c>
      <c r="AG26224">
        <v>14</v>
      </c>
      <c r="AH26224">
        <v>14</v>
      </c>
      <c r="AI26224">
        <v>14</v>
      </c>
      <c r="AJ26224">
        <v>14</v>
      </c>
      <c r="AK26224">
        <v>13</v>
      </c>
      <c r="AL26224">
        <v>13</v>
      </c>
      <c r="AM26224">
        <v>13</v>
      </c>
      <c r="AN26224">
        <v>13</v>
      </c>
      <c r="AO26224">
        <v>13</v>
      </c>
      <c r="AP26224">
        <v>13</v>
      </c>
      <c r="AQ26224">
        <v>13</v>
      </c>
    </row>
    <row r="26225" spans="1:43">
      <c r="A26225" t="s">
        <v>16225</v>
      </c>
      <c r="B26225" t="s">
        <v>16226</v>
      </c>
      <c r="C26225" t="s">
        <v>16135</v>
      </c>
      <c r="D26225" t="s">
        <v>16136</v>
      </c>
      <c r="E26225" t="s">
        <v>16115</v>
      </c>
      <c r="F26225" t="s">
        <v>16116</v>
      </c>
      <c r="G26225" t="s">
        <v>10734</v>
      </c>
      <c r="H26225" t="s">
        <v>10735</v>
      </c>
      <c r="I26225" s="2">
        <v>1</v>
      </c>
      <c r="J26225" s="2">
        <v>0</v>
      </c>
      <c r="K26225" s="2">
        <v>0</v>
      </c>
      <c r="L26225" t="s">
        <v>120</v>
      </c>
      <c r="M26225" t="s">
        <v>83</v>
      </c>
      <c r="N26225" t="s">
        <v>91</v>
      </c>
      <c r="O26225" t="s">
        <v>85</v>
      </c>
      <c r="P26225" t="s">
        <v>86</v>
      </c>
      <c r="Q26225">
        <v>13</v>
      </c>
      <c r="R26225">
        <v>13</v>
      </c>
      <c r="S26225">
        <v>13</v>
      </c>
      <c r="T26225">
        <v>13</v>
      </c>
      <c r="U26225">
        <v>13</v>
      </c>
      <c r="V26225">
        <v>13</v>
      </c>
      <c r="W26225">
        <v>13</v>
      </c>
      <c r="X26225">
        <v>13</v>
      </c>
      <c r="Y26225">
        <v>13</v>
      </c>
      <c r="Z26225">
        <v>13</v>
      </c>
      <c r="AA26225">
        <v>13</v>
      </c>
      <c r="AB26225">
        <v>13</v>
      </c>
      <c r="AC26225">
        <v>13</v>
      </c>
      <c r="AD26225">
        <v>13</v>
      </c>
      <c r="AE26225">
        <v>13</v>
      </c>
      <c r="AF26225">
        <v>13</v>
      </c>
      <c r="AG26225">
        <v>13</v>
      </c>
      <c r="AH26225">
        <v>13</v>
      </c>
      <c r="AI26225">
        <v>13</v>
      </c>
      <c r="AJ26225">
        <v>13</v>
      </c>
      <c r="AK26225">
        <v>13</v>
      </c>
      <c r="AL26225">
        <v>13</v>
      </c>
      <c r="AM26225">
        <v>13</v>
      </c>
      <c r="AN26225">
        <v>13</v>
      </c>
      <c r="AO26225">
        <v>13</v>
      </c>
      <c r="AP26225">
        <v>13</v>
      </c>
      <c r="AQ26225">
        <v>13</v>
      </c>
    </row>
    <row r="26226" spans="1:43">
      <c r="A26226" t="s">
        <v>16227</v>
      </c>
      <c r="B26226" t="s">
        <v>16228</v>
      </c>
      <c r="C26226" t="s">
        <v>16129</v>
      </c>
      <c r="D26226" t="s">
        <v>16130</v>
      </c>
      <c r="E26226" t="s">
        <v>16115</v>
      </c>
      <c r="F26226" t="s">
        <v>16116</v>
      </c>
      <c r="G26226" t="s">
        <v>10734</v>
      </c>
      <c r="H26226" t="s">
        <v>10735</v>
      </c>
      <c r="I26226" s="2">
        <v>1</v>
      </c>
      <c r="J26226" s="2">
        <v>0</v>
      </c>
      <c r="K26226" s="2">
        <v>0</v>
      </c>
      <c r="L26226" t="s">
        <v>120</v>
      </c>
      <c r="M26226" t="s">
        <v>83</v>
      </c>
      <c r="N26226" t="s">
        <v>84</v>
      </c>
      <c r="O26226" t="s">
        <v>85</v>
      </c>
      <c r="P26226" t="s">
        <v>86</v>
      </c>
      <c r="Q26226">
        <v>12</v>
      </c>
      <c r="R26226">
        <v>12</v>
      </c>
      <c r="S26226">
        <v>12</v>
      </c>
      <c r="T26226">
        <v>12</v>
      </c>
      <c r="U26226">
        <v>12</v>
      </c>
      <c r="V26226">
        <v>12</v>
      </c>
      <c r="W26226">
        <v>12</v>
      </c>
      <c r="X26226">
        <v>12</v>
      </c>
      <c r="Y26226">
        <v>12</v>
      </c>
      <c r="Z26226">
        <v>12</v>
      </c>
      <c r="AA26226">
        <v>12</v>
      </c>
      <c r="AB26226">
        <v>12</v>
      </c>
      <c r="AC26226">
        <v>12</v>
      </c>
      <c r="AD26226">
        <v>12</v>
      </c>
      <c r="AE26226">
        <v>12</v>
      </c>
      <c r="AF26226">
        <v>12</v>
      </c>
      <c r="AG26226">
        <v>12</v>
      </c>
      <c r="AH26226">
        <v>12</v>
      </c>
      <c r="AI26226">
        <v>12</v>
      </c>
      <c r="AJ26226">
        <v>12</v>
      </c>
      <c r="AK26226">
        <v>12</v>
      </c>
      <c r="AL26226">
        <v>12</v>
      </c>
      <c r="AM26226">
        <v>12</v>
      </c>
      <c r="AN26226">
        <v>12</v>
      </c>
      <c r="AO26226">
        <v>12</v>
      </c>
      <c r="AP26226">
        <v>12</v>
      </c>
      <c r="AQ26226">
        <v>12</v>
      </c>
    </row>
    <row r="26227" spans="1:43">
      <c r="A26227" t="s">
        <v>16227</v>
      </c>
      <c r="B26227" t="s">
        <v>16228</v>
      </c>
      <c r="C26227" t="s">
        <v>16129</v>
      </c>
      <c r="D26227" t="s">
        <v>16130</v>
      </c>
      <c r="E26227" t="s">
        <v>16115</v>
      </c>
      <c r="F26227" t="s">
        <v>16116</v>
      </c>
      <c r="G26227" t="s">
        <v>10734</v>
      </c>
      <c r="H26227" t="s">
        <v>10735</v>
      </c>
      <c r="I26227" s="2">
        <v>1</v>
      </c>
      <c r="J26227" s="2">
        <v>0</v>
      </c>
      <c r="K26227" s="2">
        <v>0</v>
      </c>
      <c r="L26227" t="s">
        <v>120</v>
      </c>
      <c r="M26227" t="s">
        <v>87</v>
      </c>
      <c r="N26227" t="s">
        <v>88</v>
      </c>
      <c r="O26227" t="s">
        <v>85</v>
      </c>
      <c r="P26227" t="s">
        <v>86</v>
      </c>
      <c r="Q26227">
        <v>12</v>
      </c>
      <c r="R26227">
        <v>12</v>
      </c>
      <c r="S26227">
        <v>12</v>
      </c>
      <c r="T26227">
        <v>12</v>
      </c>
      <c r="U26227">
        <v>12</v>
      </c>
      <c r="V26227">
        <v>12</v>
      </c>
      <c r="W26227">
        <v>11</v>
      </c>
      <c r="X26227">
        <v>11</v>
      </c>
      <c r="Y26227">
        <v>11</v>
      </c>
      <c r="Z26227">
        <v>11</v>
      </c>
      <c r="AA26227">
        <v>11</v>
      </c>
      <c r="AB26227">
        <v>11</v>
      </c>
      <c r="AC26227">
        <v>11</v>
      </c>
      <c r="AD26227">
        <v>11</v>
      </c>
      <c r="AE26227">
        <v>11</v>
      </c>
      <c r="AF26227">
        <v>11</v>
      </c>
      <c r="AG26227">
        <v>11</v>
      </c>
      <c r="AH26227">
        <v>11</v>
      </c>
      <c r="AI26227">
        <v>11</v>
      </c>
      <c r="AJ26227">
        <v>11</v>
      </c>
      <c r="AK26227">
        <v>10</v>
      </c>
      <c r="AL26227">
        <v>10</v>
      </c>
      <c r="AM26227">
        <v>10</v>
      </c>
      <c r="AN26227">
        <v>10</v>
      </c>
      <c r="AO26227">
        <v>10</v>
      </c>
      <c r="AP26227">
        <v>10</v>
      </c>
      <c r="AQ26227">
        <v>10</v>
      </c>
    </row>
    <row r="26228" spans="1:43">
      <c r="A26228" t="s">
        <v>16227</v>
      </c>
      <c r="B26228" t="s">
        <v>16228</v>
      </c>
      <c r="C26228" t="s">
        <v>16129</v>
      </c>
      <c r="D26228" t="s">
        <v>16130</v>
      </c>
      <c r="E26228" t="s">
        <v>16115</v>
      </c>
      <c r="F26228" t="s">
        <v>16116</v>
      </c>
      <c r="G26228" t="s">
        <v>10734</v>
      </c>
      <c r="H26228" t="s">
        <v>10735</v>
      </c>
      <c r="I26228" s="2">
        <v>1</v>
      </c>
      <c r="J26228" s="2">
        <v>0</v>
      </c>
      <c r="K26228" s="2">
        <v>0</v>
      </c>
      <c r="L26228" t="s">
        <v>120</v>
      </c>
      <c r="M26228" t="s">
        <v>89</v>
      </c>
      <c r="N26228" t="s">
        <v>90</v>
      </c>
      <c r="O26228" t="s">
        <v>85</v>
      </c>
      <c r="P26228" t="s">
        <v>86</v>
      </c>
      <c r="Q26228">
        <v>12</v>
      </c>
      <c r="R26228">
        <v>12</v>
      </c>
      <c r="S26228">
        <v>12</v>
      </c>
      <c r="T26228">
        <v>13</v>
      </c>
      <c r="U26228">
        <v>13</v>
      </c>
      <c r="V26228">
        <v>13</v>
      </c>
      <c r="W26228">
        <v>13</v>
      </c>
      <c r="X26228">
        <v>13</v>
      </c>
      <c r="Y26228">
        <v>13</v>
      </c>
      <c r="Z26228">
        <v>13</v>
      </c>
      <c r="AA26228">
        <v>13</v>
      </c>
      <c r="AB26228">
        <v>13</v>
      </c>
      <c r="AC26228">
        <v>13</v>
      </c>
      <c r="AD26228">
        <v>13</v>
      </c>
      <c r="AE26228">
        <v>13</v>
      </c>
      <c r="AF26228">
        <v>13</v>
      </c>
      <c r="AG26228">
        <v>13</v>
      </c>
      <c r="AH26228">
        <v>13</v>
      </c>
      <c r="AI26228">
        <v>13</v>
      </c>
      <c r="AJ26228">
        <v>12</v>
      </c>
      <c r="AK26228">
        <v>12</v>
      </c>
      <c r="AL26228">
        <v>12</v>
      </c>
      <c r="AM26228">
        <v>12</v>
      </c>
      <c r="AN26228">
        <v>12</v>
      </c>
      <c r="AO26228">
        <v>12</v>
      </c>
      <c r="AP26228">
        <v>12</v>
      </c>
      <c r="AQ26228">
        <v>12</v>
      </c>
    </row>
    <row r="26229" spans="1:43">
      <c r="A26229" t="s">
        <v>16227</v>
      </c>
      <c r="B26229" t="s">
        <v>16228</v>
      </c>
      <c r="C26229" t="s">
        <v>16129</v>
      </c>
      <c r="D26229" t="s">
        <v>16130</v>
      </c>
      <c r="E26229" t="s">
        <v>16115</v>
      </c>
      <c r="F26229" t="s">
        <v>16116</v>
      </c>
      <c r="G26229" t="s">
        <v>10734</v>
      </c>
      <c r="H26229" t="s">
        <v>10735</v>
      </c>
      <c r="I26229" s="2">
        <v>1</v>
      </c>
      <c r="J26229" s="2">
        <v>0</v>
      </c>
      <c r="K26229" s="2">
        <v>0</v>
      </c>
      <c r="L26229" t="s">
        <v>120</v>
      </c>
      <c r="M26229" t="s">
        <v>83</v>
      </c>
      <c r="N26229" t="s">
        <v>91</v>
      </c>
      <c r="O26229" t="s">
        <v>85</v>
      </c>
      <c r="P26229" t="s">
        <v>86</v>
      </c>
      <c r="Q26229">
        <v>12</v>
      </c>
      <c r="R26229">
        <v>12</v>
      </c>
      <c r="S26229">
        <v>12</v>
      </c>
      <c r="T26229">
        <v>12</v>
      </c>
      <c r="U26229">
        <v>12</v>
      </c>
      <c r="V26229">
        <v>12</v>
      </c>
      <c r="W26229">
        <v>12</v>
      </c>
      <c r="X26229">
        <v>12</v>
      </c>
      <c r="Y26229">
        <v>12</v>
      </c>
      <c r="Z26229">
        <v>12</v>
      </c>
      <c r="AA26229">
        <v>12</v>
      </c>
      <c r="AB26229">
        <v>12</v>
      </c>
      <c r="AC26229">
        <v>12</v>
      </c>
      <c r="AD26229">
        <v>12</v>
      </c>
      <c r="AE26229">
        <v>12</v>
      </c>
      <c r="AF26229">
        <v>12</v>
      </c>
      <c r="AG26229">
        <v>12</v>
      </c>
      <c r="AH26229">
        <v>12</v>
      </c>
      <c r="AI26229">
        <v>12</v>
      </c>
      <c r="AJ26229">
        <v>12</v>
      </c>
      <c r="AK26229">
        <v>12</v>
      </c>
      <c r="AL26229">
        <v>12</v>
      </c>
      <c r="AM26229">
        <v>12</v>
      </c>
      <c r="AN26229">
        <v>12</v>
      </c>
      <c r="AO26229">
        <v>12</v>
      </c>
      <c r="AP26229">
        <v>12</v>
      </c>
      <c r="AQ26229">
        <v>12</v>
      </c>
    </row>
    <row r="26230" spans="1:43">
      <c r="A26230" t="s">
        <v>16229</v>
      </c>
      <c r="B26230" t="s">
        <v>16230</v>
      </c>
      <c r="C26230" t="s">
        <v>16129</v>
      </c>
      <c r="D26230" t="s">
        <v>16130</v>
      </c>
      <c r="E26230" t="s">
        <v>16115</v>
      </c>
      <c r="F26230" t="s">
        <v>16116</v>
      </c>
      <c r="G26230" t="s">
        <v>10734</v>
      </c>
      <c r="H26230" t="s">
        <v>10735</v>
      </c>
      <c r="I26230" s="2">
        <v>1</v>
      </c>
      <c r="J26230" s="2">
        <v>0</v>
      </c>
      <c r="K26230" s="2">
        <v>0</v>
      </c>
      <c r="L26230" t="s">
        <v>120</v>
      </c>
      <c r="M26230" t="s">
        <v>83</v>
      </c>
      <c r="N26230" t="s">
        <v>84</v>
      </c>
      <c r="O26230" t="s">
        <v>85</v>
      </c>
      <c r="P26230" t="s">
        <v>86</v>
      </c>
      <c r="Q26230">
        <v>14</v>
      </c>
      <c r="R26230">
        <v>14</v>
      </c>
      <c r="S26230">
        <v>14</v>
      </c>
      <c r="T26230">
        <v>14</v>
      </c>
      <c r="U26230">
        <v>14</v>
      </c>
      <c r="V26230">
        <v>14</v>
      </c>
      <c r="W26230">
        <v>14</v>
      </c>
      <c r="X26230">
        <v>14</v>
      </c>
      <c r="Y26230">
        <v>14</v>
      </c>
      <c r="Z26230">
        <v>14</v>
      </c>
      <c r="AA26230">
        <v>14</v>
      </c>
      <c r="AB26230">
        <v>14</v>
      </c>
      <c r="AC26230">
        <v>14</v>
      </c>
      <c r="AD26230">
        <v>14</v>
      </c>
      <c r="AE26230">
        <v>14</v>
      </c>
      <c r="AF26230">
        <v>14</v>
      </c>
      <c r="AG26230">
        <v>14</v>
      </c>
      <c r="AH26230">
        <v>14</v>
      </c>
      <c r="AI26230">
        <v>14</v>
      </c>
      <c r="AJ26230">
        <v>14</v>
      </c>
      <c r="AK26230">
        <v>14</v>
      </c>
      <c r="AL26230">
        <v>14</v>
      </c>
      <c r="AM26230">
        <v>14</v>
      </c>
      <c r="AN26230">
        <v>14</v>
      </c>
      <c r="AO26230">
        <v>13</v>
      </c>
      <c r="AP26230">
        <v>13</v>
      </c>
      <c r="AQ26230">
        <v>13</v>
      </c>
    </row>
    <row r="26231" spans="1:43">
      <c r="A26231" t="s">
        <v>16229</v>
      </c>
      <c r="B26231" t="s">
        <v>16230</v>
      </c>
      <c r="C26231" t="s">
        <v>16129</v>
      </c>
      <c r="D26231" t="s">
        <v>16130</v>
      </c>
      <c r="E26231" t="s">
        <v>16115</v>
      </c>
      <c r="F26231" t="s">
        <v>16116</v>
      </c>
      <c r="G26231" t="s">
        <v>10734</v>
      </c>
      <c r="H26231" t="s">
        <v>10735</v>
      </c>
      <c r="I26231" s="2">
        <v>1</v>
      </c>
      <c r="J26231" s="2">
        <v>0</v>
      </c>
      <c r="K26231" s="2">
        <v>0</v>
      </c>
      <c r="L26231" t="s">
        <v>120</v>
      </c>
      <c r="M26231" t="s">
        <v>87</v>
      </c>
      <c r="N26231" t="s">
        <v>88</v>
      </c>
      <c r="O26231" t="s">
        <v>85</v>
      </c>
      <c r="P26231" t="s">
        <v>86</v>
      </c>
      <c r="Q26231">
        <v>14</v>
      </c>
      <c r="R26231">
        <v>14</v>
      </c>
      <c r="S26231">
        <v>13</v>
      </c>
      <c r="T26231">
        <v>13</v>
      </c>
      <c r="U26231">
        <v>13</v>
      </c>
      <c r="V26231">
        <v>13</v>
      </c>
      <c r="W26231">
        <v>13</v>
      </c>
      <c r="X26231">
        <v>13</v>
      </c>
      <c r="Y26231">
        <v>13</v>
      </c>
      <c r="Z26231">
        <v>13</v>
      </c>
      <c r="AA26231">
        <v>13</v>
      </c>
      <c r="AB26231">
        <v>13</v>
      </c>
      <c r="AC26231">
        <v>13</v>
      </c>
      <c r="AD26231">
        <v>13</v>
      </c>
      <c r="AE26231">
        <v>12</v>
      </c>
      <c r="AF26231">
        <v>12</v>
      </c>
      <c r="AG26231">
        <v>12</v>
      </c>
      <c r="AH26231">
        <v>12</v>
      </c>
      <c r="AI26231">
        <v>12</v>
      </c>
      <c r="AJ26231">
        <v>12</v>
      </c>
      <c r="AK26231">
        <v>12</v>
      </c>
      <c r="AL26231">
        <v>12</v>
      </c>
      <c r="AM26231">
        <v>12</v>
      </c>
      <c r="AN26231">
        <v>12</v>
      </c>
      <c r="AO26231">
        <v>12</v>
      </c>
      <c r="AP26231">
        <v>12</v>
      </c>
      <c r="AQ26231">
        <v>12</v>
      </c>
    </row>
    <row r="26232" spans="1:43">
      <c r="A26232" t="s">
        <v>16229</v>
      </c>
      <c r="B26232" t="s">
        <v>16230</v>
      </c>
      <c r="C26232" t="s">
        <v>16129</v>
      </c>
      <c r="D26232" t="s">
        <v>16130</v>
      </c>
      <c r="E26232" t="s">
        <v>16115</v>
      </c>
      <c r="F26232" t="s">
        <v>16116</v>
      </c>
      <c r="G26232" t="s">
        <v>10734</v>
      </c>
      <c r="H26232" t="s">
        <v>10735</v>
      </c>
      <c r="I26232" s="2">
        <v>1</v>
      </c>
      <c r="J26232" s="2">
        <v>0</v>
      </c>
      <c r="K26232" s="2">
        <v>0</v>
      </c>
      <c r="L26232" t="s">
        <v>120</v>
      </c>
      <c r="M26232" t="s">
        <v>89</v>
      </c>
      <c r="N26232" t="s">
        <v>90</v>
      </c>
      <c r="O26232" t="s">
        <v>85</v>
      </c>
      <c r="P26232" t="s">
        <v>86</v>
      </c>
      <c r="Q26232">
        <v>14</v>
      </c>
      <c r="R26232">
        <v>14</v>
      </c>
      <c r="S26232">
        <v>14</v>
      </c>
      <c r="T26232">
        <v>14</v>
      </c>
      <c r="U26232">
        <v>14</v>
      </c>
      <c r="V26232">
        <v>15</v>
      </c>
      <c r="W26232">
        <v>15</v>
      </c>
      <c r="X26232">
        <v>15</v>
      </c>
      <c r="Y26232">
        <v>15</v>
      </c>
      <c r="Z26232">
        <v>15</v>
      </c>
      <c r="AA26232">
        <v>15</v>
      </c>
      <c r="AB26232">
        <v>15</v>
      </c>
      <c r="AC26232">
        <v>15</v>
      </c>
      <c r="AD26232">
        <v>15</v>
      </c>
      <c r="AE26232">
        <v>15</v>
      </c>
      <c r="AF26232">
        <v>15</v>
      </c>
      <c r="AG26232">
        <v>15</v>
      </c>
      <c r="AH26232">
        <v>15</v>
      </c>
      <c r="AI26232">
        <v>14</v>
      </c>
      <c r="AJ26232">
        <v>14</v>
      </c>
      <c r="AK26232">
        <v>14</v>
      </c>
      <c r="AL26232">
        <v>14</v>
      </c>
      <c r="AM26232">
        <v>14</v>
      </c>
      <c r="AN26232">
        <v>14</v>
      </c>
      <c r="AO26232">
        <v>13</v>
      </c>
      <c r="AP26232">
        <v>13</v>
      </c>
      <c r="AQ26232">
        <v>13</v>
      </c>
    </row>
    <row r="26233" spans="1:43">
      <c r="A26233" t="s">
        <v>16229</v>
      </c>
      <c r="B26233" t="s">
        <v>16230</v>
      </c>
      <c r="C26233" t="s">
        <v>16129</v>
      </c>
      <c r="D26233" t="s">
        <v>16130</v>
      </c>
      <c r="E26233" t="s">
        <v>16115</v>
      </c>
      <c r="F26233" t="s">
        <v>16116</v>
      </c>
      <c r="G26233" t="s">
        <v>10734</v>
      </c>
      <c r="H26233" t="s">
        <v>10735</v>
      </c>
      <c r="I26233" s="2">
        <v>1</v>
      </c>
      <c r="J26233" s="2">
        <v>0</v>
      </c>
      <c r="K26233" s="2">
        <v>0</v>
      </c>
      <c r="L26233" t="s">
        <v>120</v>
      </c>
      <c r="M26233" t="s">
        <v>83</v>
      </c>
      <c r="N26233" t="s">
        <v>91</v>
      </c>
      <c r="O26233" t="s">
        <v>85</v>
      </c>
      <c r="P26233" t="s">
        <v>86</v>
      </c>
      <c r="Q26233">
        <v>14</v>
      </c>
      <c r="R26233">
        <v>14</v>
      </c>
      <c r="S26233">
        <v>14</v>
      </c>
      <c r="T26233">
        <v>14</v>
      </c>
      <c r="U26233">
        <v>14</v>
      </c>
      <c r="V26233">
        <v>14</v>
      </c>
      <c r="W26233">
        <v>14</v>
      </c>
      <c r="X26233">
        <v>14</v>
      </c>
      <c r="Y26233">
        <v>14</v>
      </c>
      <c r="Z26233">
        <v>14</v>
      </c>
      <c r="AA26233">
        <v>14</v>
      </c>
      <c r="AB26233">
        <v>14</v>
      </c>
      <c r="AC26233">
        <v>14</v>
      </c>
      <c r="AD26233">
        <v>14</v>
      </c>
      <c r="AE26233">
        <v>14</v>
      </c>
      <c r="AF26233">
        <v>14</v>
      </c>
      <c r="AG26233">
        <v>14</v>
      </c>
      <c r="AH26233">
        <v>14</v>
      </c>
      <c r="AI26233">
        <v>14</v>
      </c>
      <c r="AJ26233">
        <v>14</v>
      </c>
      <c r="AK26233">
        <v>14</v>
      </c>
      <c r="AL26233">
        <v>14</v>
      </c>
      <c r="AM26233">
        <v>14</v>
      </c>
      <c r="AN26233">
        <v>14</v>
      </c>
      <c r="AO26233">
        <v>13</v>
      </c>
      <c r="AP26233">
        <v>13</v>
      </c>
      <c r="AQ26233">
        <v>13</v>
      </c>
    </row>
    <row r="26234" spans="1:43">
      <c r="A26234" t="s">
        <v>16231</v>
      </c>
      <c r="B26234" t="s">
        <v>16232</v>
      </c>
      <c r="C26234" t="s">
        <v>16207</v>
      </c>
      <c r="D26234" t="s">
        <v>16208</v>
      </c>
      <c r="E26234" t="s">
        <v>16115</v>
      </c>
      <c r="F26234" t="s">
        <v>16116</v>
      </c>
      <c r="G26234" t="s">
        <v>10734</v>
      </c>
      <c r="H26234" t="s">
        <v>10735</v>
      </c>
      <c r="I26234" s="2">
        <v>1</v>
      </c>
      <c r="J26234" s="2">
        <v>0</v>
      </c>
      <c r="K26234" s="2">
        <v>0</v>
      </c>
      <c r="L26234" t="s">
        <v>120</v>
      </c>
      <c r="M26234" t="s">
        <v>83</v>
      </c>
      <c r="N26234" t="s">
        <v>84</v>
      </c>
      <c r="O26234" t="s">
        <v>85</v>
      </c>
      <c r="P26234" t="s">
        <v>86</v>
      </c>
      <c r="Q26234">
        <v>108</v>
      </c>
      <c r="R26234">
        <v>108</v>
      </c>
      <c r="S26234">
        <v>108</v>
      </c>
      <c r="T26234">
        <v>109</v>
      </c>
      <c r="U26234">
        <v>109</v>
      </c>
      <c r="V26234">
        <v>109</v>
      </c>
      <c r="W26234">
        <v>110</v>
      </c>
      <c r="X26234">
        <v>110</v>
      </c>
      <c r="Y26234">
        <v>110</v>
      </c>
      <c r="Z26234">
        <v>110</v>
      </c>
      <c r="AA26234">
        <v>110</v>
      </c>
      <c r="AB26234">
        <v>110</v>
      </c>
      <c r="AC26234">
        <v>110</v>
      </c>
      <c r="AD26234">
        <v>111</v>
      </c>
      <c r="AE26234">
        <v>111</v>
      </c>
      <c r="AF26234">
        <v>111</v>
      </c>
      <c r="AG26234">
        <v>111</v>
      </c>
      <c r="AH26234">
        <v>111</v>
      </c>
      <c r="AI26234">
        <v>111</v>
      </c>
      <c r="AJ26234">
        <v>111</v>
      </c>
      <c r="AK26234">
        <v>110</v>
      </c>
      <c r="AL26234">
        <v>110</v>
      </c>
      <c r="AM26234">
        <v>109</v>
      </c>
      <c r="AN26234">
        <v>108</v>
      </c>
      <c r="AO26234">
        <v>107</v>
      </c>
      <c r="AP26234">
        <v>106</v>
      </c>
      <c r="AQ26234">
        <v>105</v>
      </c>
    </row>
    <row r="26235" spans="1:43">
      <c r="A26235" t="s">
        <v>16231</v>
      </c>
      <c r="B26235" t="s">
        <v>16232</v>
      </c>
      <c r="C26235" t="s">
        <v>16207</v>
      </c>
      <c r="D26235" t="s">
        <v>16208</v>
      </c>
      <c r="E26235" t="s">
        <v>16115</v>
      </c>
      <c r="F26235" t="s">
        <v>16116</v>
      </c>
      <c r="G26235" t="s">
        <v>10734</v>
      </c>
      <c r="H26235" t="s">
        <v>10735</v>
      </c>
      <c r="I26235" s="2">
        <v>1</v>
      </c>
      <c r="J26235" s="2">
        <v>0</v>
      </c>
      <c r="K26235" s="2">
        <v>0</v>
      </c>
      <c r="L26235" t="s">
        <v>120</v>
      </c>
      <c r="M26235" t="s">
        <v>87</v>
      </c>
      <c r="N26235" t="s">
        <v>88</v>
      </c>
      <c r="O26235" t="s">
        <v>85</v>
      </c>
      <c r="P26235" t="s">
        <v>86</v>
      </c>
      <c r="Q26235">
        <v>108</v>
      </c>
      <c r="R26235">
        <v>107</v>
      </c>
      <c r="S26235">
        <v>107</v>
      </c>
      <c r="T26235">
        <v>106</v>
      </c>
      <c r="U26235">
        <v>105</v>
      </c>
      <c r="V26235">
        <v>105</v>
      </c>
      <c r="W26235">
        <v>104</v>
      </c>
      <c r="X26235">
        <v>103</v>
      </c>
      <c r="Y26235">
        <v>103</v>
      </c>
      <c r="Z26235">
        <v>102</v>
      </c>
      <c r="AA26235">
        <v>102</v>
      </c>
      <c r="AB26235">
        <v>101</v>
      </c>
      <c r="AC26235">
        <v>101</v>
      </c>
      <c r="AD26235">
        <v>100</v>
      </c>
      <c r="AE26235">
        <v>99</v>
      </c>
      <c r="AF26235">
        <v>99</v>
      </c>
      <c r="AG26235">
        <v>98</v>
      </c>
      <c r="AH26235">
        <v>98</v>
      </c>
      <c r="AI26235">
        <v>97</v>
      </c>
      <c r="AJ26235">
        <v>97</v>
      </c>
      <c r="AK26235">
        <v>96</v>
      </c>
      <c r="AL26235">
        <v>95</v>
      </c>
      <c r="AM26235">
        <v>95</v>
      </c>
      <c r="AN26235">
        <v>94</v>
      </c>
      <c r="AO26235">
        <v>94</v>
      </c>
      <c r="AP26235">
        <v>93</v>
      </c>
      <c r="AQ26235">
        <v>93</v>
      </c>
    </row>
    <row r="26236" spans="1:43">
      <c r="A26236" t="s">
        <v>16231</v>
      </c>
      <c r="B26236" t="s">
        <v>16232</v>
      </c>
      <c r="C26236" t="s">
        <v>16207</v>
      </c>
      <c r="D26236" t="s">
        <v>16208</v>
      </c>
      <c r="E26236" t="s">
        <v>16115</v>
      </c>
      <c r="F26236" t="s">
        <v>16116</v>
      </c>
      <c r="G26236" t="s">
        <v>10734</v>
      </c>
      <c r="H26236" t="s">
        <v>10735</v>
      </c>
      <c r="I26236" s="2">
        <v>1</v>
      </c>
      <c r="J26236" s="2">
        <v>0</v>
      </c>
      <c r="K26236" s="2">
        <v>0</v>
      </c>
      <c r="L26236" t="s">
        <v>120</v>
      </c>
      <c r="M26236" t="s">
        <v>89</v>
      </c>
      <c r="N26236" t="s">
        <v>90</v>
      </c>
      <c r="O26236" t="s">
        <v>85</v>
      </c>
      <c r="P26236" t="s">
        <v>86</v>
      </c>
      <c r="Q26236">
        <v>108</v>
      </c>
      <c r="R26236">
        <v>109</v>
      </c>
      <c r="S26236">
        <v>110</v>
      </c>
      <c r="T26236">
        <v>111</v>
      </c>
      <c r="U26236">
        <v>112</v>
      </c>
      <c r="V26236">
        <v>113</v>
      </c>
      <c r="W26236">
        <v>114</v>
      </c>
      <c r="X26236">
        <v>115</v>
      </c>
      <c r="Y26236">
        <v>115</v>
      </c>
      <c r="Z26236">
        <v>116</v>
      </c>
      <c r="AA26236">
        <v>116</v>
      </c>
      <c r="AB26236">
        <v>117</v>
      </c>
      <c r="AC26236">
        <v>117</v>
      </c>
      <c r="AD26236">
        <v>118</v>
      </c>
      <c r="AE26236">
        <v>117</v>
      </c>
      <c r="AF26236">
        <v>116</v>
      </c>
      <c r="AG26236">
        <v>115</v>
      </c>
      <c r="AH26236">
        <v>114</v>
      </c>
      <c r="AI26236">
        <v>113</v>
      </c>
      <c r="AJ26236">
        <v>112</v>
      </c>
      <c r="AK26236">
        <v>111</v>
      </c>
      <c r="AL26236">
        <v>110</v>
      </c>
      <c r="AM26236">
        <v>109</v>
      </c>
      <c r="AN26236">
        <v>108</v>
      </c>
      <c r="AO26236">
        <v>107</v>
      </c>
      <c r="AP26236">
        <v>106</v>
      </c>
      <c r="AQ26236">
        <v>105</v>
      </c>
    </row>
    <row r="26237" spans="1:43">
      <c r="A26237" t="s">
        <v>16231</v>
      </c>
      <c r="B26237" t="s">
        <v>16232</v>
      </c>
      <c r="C26237" t="s">
        <v>16207</v>
      </c>
      <c r="D26237" t="s">
        <v>16208</v>
      </c>
      <c r="E26237" t="s">
        <v>16115</v>
      </c>
      <c r="F26237" t="s">
        <v>16116</v>
      </c>
      <c r="G26237" t="s">
        <v>10734</v>
      </c>
      <c r="H26237" t="s">
        <v>10735</v>
      </c>
      <c r="I26237" s="2">
        <v>1</v>
      </c>
      <c r="J26237" s="2">
        <v>0</v>
      </c>
      <c r="K26237" s="2">
        <v>0</v>
      </c>
      <c r="L26237" t="s">
        <v>120</v>
      </c>
      <c r="M26237" t="s">
        <v>83</v>
      </c>
      <c r="N26237" t="s">
        <v>91</v>
      </c>
      <c r="O26237" t="s">
        <v>85</v>
      </c>
      <c r="P26237" t="s">
        <v>86</v>
      </c>
      <c r="Q26237">
        <v>108</v>
      </c>
      <c r="R26237">
        <v>108</v>
      </c>
      <c r="S26237">
        <v>108</v>
      </c>
      <c r="T26237">
        <v>109</v>
      </c>
      <c r="U26237">
        <v>109</v>
      </c>
      <c r="V26237">
        <v>109</v>
      </c>
      <c r="W26237">
        <v>110</v>
      </c>
      <c r="X26237">
        <v>110</v>
      </c>
      <c r="Y26237">
        <v>110</v>
      </c>
      <c r="Z26237">
        <v>110</v>
      </c>
      <c r="AA26237">
        <v>110</v>
      </c>
      <c r="AB26237">
        <v>110</v>
      </c>
      <c r="AC26237">
        <v>110</v>
      </c>
      <c r="AD26237">
        <v>111</v>
      </c>
      <c r="AE26237">
        <v>111</v>
      </c>
      <c r="AF26237">
        <v>111</v>
      </c>
      <c r="AG26237">
        <v>111</v>
      </c>
      <c r="AH26237">
        <v>111</v>
      </c>
      <c r="AI26237">
        <v>111</v>
      </c>
      <c r="AJ26237">
        <v>111</v>
      </c>
      <c r="AK26237">
        <v>110</v>
      </c>
      <c r="AL26237">
        <v>110</v>
      </c>
      <c r="AM26237">
        <v>109</v>
      </c>
      <c r="AN26237">
        <v>108</v>
      </c>
      <c r="AO26237">
        <v>107</v>
      </c>
      <c r="AP26237">
        <v>106</v>
      </c>
      <c r="AQ26237">
        <v>105</v>
      </c>
    </row>
    <row r="26238" spans="1:43">
      <c r="A26238" t="s">
        <v>16233</v>
      </c>
      <c r="B26238" t="s">
        <v>16234</v>
      </c>
      <c r="C26238" t="s">
        <v>16207</v>
      </c>
      <c r="D26238" t="s">
        <v>16208</v>
      </c>
      <c r="E26238" t="s">
        <v>16115</v>
      </c>
      <c r="F26238" t="s">
        <v>16116</v>
      </c>
      <c r="G26238" t="s">
        <v>10734</v>
      </c>
      <c r="H26238" t="s">
        <v>10735</v>
      </c>
      <c r="I26238" s="2">
        <v>1</v>
      </c>
      <c r="J26238" s="2">
        <v>0</v>
      </c>
      <c r="K26238" s="2">
        <v>0</v>
      </c>
      <c r="L26238" t="s">
        <v>120</v>
      </c>
      <c r="M26238" t="s">
        <v>83</v>
      </c>
      <c r="N26238" t="s">
        <v>84</v>
      </c>
      <c r="O26238" t="s">
        <v>85</v>
      </c>
      <c r="P26238" t="s">
        <v>86</v>
      </c>
      <c r="Q26238">
        <v>19</v>
      </c>
      <c r="R26238">
        <v>19</v>
      </c>
      <c r="S26238">
        <v>19</v>
      </c>
      <c r="T26238">
        <v>19</v>
      </c>
      <c r="U26238">
        <v>19</v>
      </c>
      <c r="V26238">
        <v>19</v>
      </c>
      <c r="W26238">
        <v>20</v>
      </c>
      <c r="X26238">
        <v>20</v>
      </c>
      <c r="Y26238">
        <v>20</v>
      </c>
      <c r="Z26238">
        <v>20</v>
      </c>
      <c r="AA26238">
        <v>20</v>
      </c>
      <c r="AB26238">
        <v>20</v>
      </c>
      <c r="AC26238">
        <v>20</v>
      </c>
      <c r="AD26238">
        <v>20</v>
      </c>
      <c r="AE26238">
        <v>20</v>
      </c>
      <c r="AF26238">
        <v>20</v>
      </c>
      <c r="AG26238">
        <v>20</v>
      </c>
      <c r="AH26238">
        <v>20</v>
      </c>
      <c r="AI26238">
        <v>20</v>
      </c>
      <c r="AJ26238">
        <v>20</v>
      </c>
      <c r="AK26238">
        <v>20</v>
      </c>
      <c r="AL26238">
        <v>20</v>
      </c>
      <c r="AM26238">
        <v>19</v>
      </c>
      <c r="AN26238">
        <v>19</v>
      </c>
      <c r="AO26238">
        <v>19</v>
      </c>
      <c r="AP26238">
        <v>19</v>
      </c>
      <c r="AQ26238">
        <v>19</v>
      </c>
    </row>
    <row r="26239" spans="1:43">
      <c r="A26239" t="s">
        <v>16233</v>
      </c>
      <c r="B26239" t="s">
        <v>16234</v>
      </c>
      <c r="C26239" t="s">
        <v>16207</v>
      </c>
      <c r="D26239" t="s">
        <v>16208</v>
      </c>
      <c r="E26239" t="s">
        <v>16115</v>
      </c>
      <c r="F26239" t="s">
        <v>16116</v>
      </c>
      <c r="G26239" t="s">
        <v>10734</v>
      </c>
      <c r="H26239" t="s">
        <v>10735</v>
      </c>
      <c r="I26239" s="2">
        <v>1</v>
      </c>
      <c r="J26239" s="2">
        <v>0</v>
      </c>
      <c r="K26239" s="2">
        <v>0</v>
      </c>
      <c r="L26239" t="s">
        <v>120</v>
      </c>
      <c r="M26239" t="s">
        <v>87</v>
      </c>
      <c r="N26239" t="s">
        <v>88</v>
      </c>
      <c r="O26239" t="s">
        <v>85</v>
      </c>
      <c r="P26239" t="s">
        <v>86</v>
      </c>
      <c r="Q26239">
        <v>19</v>
      </c>
      <c r="R26239">
        <v>19</v>
      </c>
      <c r="S26239">
        <v>19</v>
      </c>
      <c r="T26239">
        <v>19</v>
      </c>
      <c r="U26239">
        <v>19</v>
      </c>
      <c r="V26239">
        <v>18</v>
      </c>
      <c r="W26239">
        <v>18</v>
      </c>
      <c r="X26239">
        <v>18</v>
      </c>
      <c r="Y26239">
        <v>18</v>
      </c>
      <c r="Z26239">
        <v>18</v>
      </c>
      <c r="AA26239">
        <v>18</v>
      </c>
      <c r="AB26239">
        <v>18</v>
      </c>
      <c r="AC26239">
        <v>18</v>
      </c>
      <c r="AD26239">
        <v>18</v>
      </c>
      <c r="AE26239">
        <v>18</v>
      </c>
      <c r="AF26239">
        <v>17</v>
      </c>
      <c r="AG26239">
        <v>17</v>
      </c>
      <c r="AH26239">
        <v>17</v>
      </c>
      <c r="AI26239">
        <v>17</v>
      </c>
      <c r="AJ26239">
        <v>17</v>
      </c>
      <c r="AK26239">
        <v>17</v>
      </c>
      <c r="AL26239">
        <v>17</v>
      </c>
      <c r="AM26239">
        <v>17</v>
      </c>
      <c r="AN26239">
        <v>17</v>
      </c>
      <c r="AO26239">
        <v>17</v>
      </c>
      <c r="AP26239">
        <v>17</v>
      </c>
      <c r="AQ26239">
        <v>16</v>
      </c>
    </row>
    <row r="26240" spans="1:43">
      <c r="A26240" t="s">
        <v>16233</v>
      </c>
      <c r="B26240" t="s">
        <v>16234</v>
      </c>
      <c r="C26240" t="s">
        <v>16207</v>
      </c>
      <c r="D26240" t="s">
        <v>16208</v>
      </c>
      <c r="E26240" t="s">
        <v>16115</v>
      </c>
      <c r="F26240" t="s">
        <v>16116</v>
      </c>
      <c r="G26240" t="s">
        <v>10734</v>
      </c>
      <c r="H26240" t="s">
        <v>10735</v>
      </c>
      <c r="I26240" s="2">
        <v>1</v>
      </c>
      <c r="J26240" s="2">
        <v>0</v>
      </c>
      <c r="K26240" s="2">
        <v>0</v>
      </c>
      <c r="L26240" t="s">
        <v>120</v>
      </c>
      <c r="M26240" t="s">
        <v>89</v>
      </c>
      <c r="N26240" t="s">
        <v>90</v>
      </c>
      <c r="O26240" t="s">
        <v>85</v>
      </c>
      <c r="P26240" t="s">
        <v>86</v>
      </c>
      <c r="Q26240">
        <v>19</v>
      </c>
      <c r="R26240">
        <v>20</v>
      </c>
      <c r="S26240">
        <v>20</v>
      </c>
      <c r="T26240">
        <v>20</v>
      </c>
      <c r="U26240">
        <v>20</v>
      </c>
      <c r="V26240">
        <v>20</v>
      </c>
      <c r="W26240">
        <v>20</v>
      </c>
      <c r="X26240">
        <v>21</v>
      </c>
      <c r="Y26240">
        <v>21</v>
      </c>
      <c r="Z26240">
        <v>21</v>
      </c>
      <c r="AA26240">
        <v>21</v>
      </c>
      <c r="AB26240">
        <v>21</v>
      </c>
      <c r="AC26240">
        <v>21</v>
      </c>
      <c r="AD26240">
        <v>21</v>
      </c>
      <c r="AE26240">
        <v>21</v>
      </c>
      <c r="AF26240">
        <v>21</v>
      </c>
      <c r="AG26240">
        <v>21</v>
      </c>
      <c r="AH26240">
        <v>21</v>
      </c>
      <c r="AI26240">
        <v>20</v>
      </c>
      <c r="AJ26240">
        <v>20</v>
      </c>
      <c r="AK26240">
        <v>20</v>
      </c>
      <c r="AL26240">
        <v>20</v>
      </c>
      <c r="AM26240">
        <v>20</v>
      </c>
      <c r="AN26240">
        <v>20</v>
      </c>
      <c r="AO26240">
        <v>19</v>
      </c>
      <c r="AP26240">
        <v>19</v>
      </c>
      <c r="AQ26240">
        <v>19</v>
      </c>
    </row>
    <row r="26241" spans="1:43">
      <c r="A26241" t="s">
        <v>16233</v>
      </c>
      <c r="B26241" t="s">
        <v>16234</v>
      </c>
      <c r="C26241" t="s">
        <v>16207</v>
      </c>
      <c r="D26241" t="s">
        <v>16208</v>
      </c>
      <c r="E26241" t="s">
        <v>16115</v>
      </c>
      <c r="F26241" t="s">
        <v>16116</v>
      </c>
      <c r="G26241" t="s">
        <v>10734</v>
      </c>
      <c r="H26241" t="s">
        <v>10735</v>
      </c>
      <c r="I26241" s="2">
        <v>1</v>
      </c>
      <c r="J26241" s="2">
        <v>0</v>
      </c>
      <c r="K26241" s="2">
        <v>0</v>
      </c>
      <c r="L26241" t="s">
        <v>120</v>
      </c>
      <c r="M26241" t="s">
        <v>83</v>
      </c>
      <c r="N26241" t="s">
        <v>91</v>
      </c>
      <c r="O26241" t="s">
        <v>85</v>
      </c>
      <c r="P26241" t="s">
        <v>86</v>
      </c>
      <c r="Q26241">
        <v>19</v>
      </c>
      <c r="R26241">
        <v>19</v>
      </c>
      <c r="S26241">
        <v>19</v>
      </c>
      <c r="T26241">
        <v>19</v>
      </c>
      <c r="U26241">
        <v>19</v>
      </c>
      <c r="V26241">
        <v>19</v>
      </c>
      <c r="W26241">
        <v>20</v>
      </c>
      <c r="X26241">
        <v>20</v>
      </c>
      <c r="Y26241">
        <v>20</v>
      </c>
      <c r="Z26241">
        <v>20</v>
      </c>
      <c r="AA26241">
        <v>20</v>
      </c>
      <c r="AB26241">
        <v>20</v>
      </c>
      <c r="AC26241">
        <v>20</v>
      </c>
      <c r="AD26241">
        <v>20</v>
      </c>
      <c r="AE26241">
        <v>20</v>
      </c>
      <c r="AF26241">
        <v>20</v>
      </c>
      <c r="AG26241">
        <v>20</v>
      </c>
      <c r="AH26241">
        <v>20</v>
      </c>
      <c r="AI26241">
        <v>20</v>
      </c>
      <c r="AJ26241">
        <v>20</v>
      </c>
      <c r="AK26241">
        <v>20</v>
      </c>
      <c r="AL26241">
        <v>20</v>
      </c>
      <c r="AM26241">
        <v>19</v>
      </c>
      <c r="AN26241">
        <v>19</v>
      </c>
      <c r="AO26241">
        <v>19</v>
      </c>
      <c r="AP26241">
        <v>19</v>
      </c>
      <c r="AQ26241">
        <v>19</v>
      </c>
    </row>
    <row r="26242" spans="1:43">
      <c r="A26242" t="s">
        <v>16235</v>
      </c>
      <c r="B26242" t="s">
        <v>16236</v>
      </c>
      <c r="C26242" t="s">
        <v>16207</v>
      </c>
      <c r="D26242" t="s">
        <v>16208</v>
      </c>
      <c r="E26242" t="s">
        <v>16115</v>
      </c>
      <c r="F26242" t="s">
        <v>16116</v>
      </c>
      <c r="G26242" t="s">
        <v>10734</v>
      </c>
      <c r="H26242" t="s">
        <v>10735</v>
      </c>
      <c r="I26242" s="2">
        <v>1</v>
      </c>
      <c r="J26242" s="2">
        <v>0</v>
      </c>
      <c r="K26242" s="2">
        <v>0</v>
      </c>
      <c r="L26242" t="s">
        <v>120</v>
      </c>
      <c r="M26242" t="s">
        <v>83</v>
      </c>
      <c r="N26242" t="s">
        <v>84</v>
      </c>
      <c r="O26242" t="s">
        <v>85</v>
      </c>
      <c r="P26242" t="s">
        <v>86</v>
      </c>
      <c r="Q26242">
        <v>34</v>
      </c>
      <c r="R26242">
        <v>35</v>
      </c>
      <c r="S26242">
        <v>35</v>
      </c>
      <c r="T26242">
        <v>35</v>
      </c>
      <c r="U26242">
        <v>35</v>
      </c>
      <c r="V26242">
        <v>35</v>
      </c>
      <c r="W26242">
        <v>35</v>
      </c>
      <c r="X26242">
        <v>35</v>
      </c>
      <c r="Y26242">
        <v>35</v>
      </c>
      <c r="Z26242">
        <v>35</v>
      </c>
      <c r="AA26242">
        <v>35</v>
      </c>
      <c r="AB26242">
        <v>35</v>
      </c>
      <c r="AC26242">
        <v>35</v>
      </c>
      <c r="AD26242">
        <v>36</v>
      </c>
      <c r="AE26242">
        <v>36</v>
      </c>
      <c r="AF26242">
        <v>36</v>
      </c>
      <c r="AG26242">
        <v>36</v>
      </c>
      <c r="AH26242">
        <v>36</v>
      </c>
      <c r="AI26242">
        <v>36</v>
      </c>
      <c r="AJ26242">
        <v>36</v>
      </c>
      <c r="AK26242">
        <v>36</v>
      </c>
      <c r="AL26242">
        <v>35</v>
      </c>
      <c r="AM26242">
        <v>35</v>
      </c>
      <c r="AN26242">
        <v>35</v>
      </c>
      <c r="AO26242">
        <v>34</v>
      </c>
      <c r="AP26242">
        <v>34</v>
      </c>
      <c r="AQ26242">
        <v>34</v>
      </c>
    </row>
    <row r="26243" spans="1:43">
      <c r="A26243" t="s">
        <v>16235</v>
      </c>
      <c r="B26243" t="s">
        <v>16236</v>
      </c>
      <c r="C26243" t="s">
        <v>16207</v>
      </c>
      <c r="D26243" t="s">
        <v>16208</v>
      </c>
      <c r="E26243" t="s">
        <v>16115</v>
      </c>
      <c r="F26243" t="s">
        <v>16116</v>
      </c>
      <c r="G26243" t="s">
        <v>10734</v>
      </c>
      <c r="H26243" t="s">
        <v>10735</v>
      </c>
      <c r="I26243" s="2">
        <v>1</v>
      </c>
      <c r="J26243" s="2">
        <v>0</v>
      </c>
      <c r="K26243" s="2">
        <v>0</v>
      </c>
      <c r="L26243" t="s">
        <v>120</v>
      </c>
      <c r="M26243" t="s">
        <v>87</v>
      </c>
      <c r="N26243" t="s">
        <v>88</v>
      </c>
      <c r="O26243" t="s">
        <v>85</v>
      </c>
      <c r="P26243" t="s">
        <v>86</v>
      </c>
      <c r="Q26243">
        <v>34</v>
      </c>
      <c r="R26243">
        <v>34</v>
      </c>
      <c r="S26243">
        <v>34</v>
      </c>
      <c r="T26243">
        <v>34</v>
      </c>
      <c r="U26243">
        <v>33</v>
      </c>
      <c r="V26243">
        <v>33</v>
      </c>
      <c r="W26243">
        <v>33</v>
      </c>
      <c r="X26243">
        <v>33</v>
      </c>
      <c r="Y26243">
        <v>33</v>
      </c>
      <c r="Z26243">
        <v>33</v>
      </c>
      <c r="AA26243">
        <v>32</v>
      </c>
      <c r="AB26243">
        <v>32</v>
      </c>
      <c r="AC26243">
        <v>32</v>
      </c>
      <c r="AD26243">
        <v>32</v>
      </c>
      <c r="AE26243">
        <v>32</v>
      </c>
      <c r="AF26243">
        <v>31</v>
      </c>
      <c r="AG26243">
        <v>31</v>
      </c>
      <c r="AH26243">
        <v>31</v>
      </c>
      <c r="AI26243">
        <v>31</v>
      </c>
      <c r="AJ26243">
        <v>31</v>
      </c>
      <c r="AK26243">
        <v>31</v>
      </c>
      <c r="AL26243">
        <v>30</v>
      </c>
      <c r="AM26243">
        <v>30</v>
      </c>
      <c r="AN26243">
        <v>30</v>
      </c>
      <c r="AO26243">
        <v>30</v>
      </c>
      <c r="AP26243">
        <v>30</v>
      </c>
      <c r="AQ26243">
        <v>30</v>
      </c>
    </row>
    <row r="26244" spans="1:43">
      <c r="A26244" t="s">
        <v>16235</v>
      </c>
      <c r="B26244" t="s">
        <v>16236</v>
      </c>
      <c r="C26244" t="s">
        <v>16207</v>
      </c>
      <c r="D26244" t="s">
        <v>16208</v>
      </c>
      <c r="E26244" t="s">
        <v>16115</v>
      </c>
      <c r="F26244" t="s">
        <v>16116</v>
      </c>
      <c r="G26244" t="s">
        <v>10734</v>
      </c>
      <c r="H26244" t="s">
        <v>10735</v>
      </c>
      <c r="I26244" s="2">
        <v>1</v>
      </c>
      <c r="J26244" s="2">
        <v>0</v>
      </c>
      <c r="K26244" s="2">
        <v>0</v>
      </c>
      <c r="L26244" t="s">
        <v>120</v>
      </c>
      <c r="M26244" t="s">
        <v>89</v>
      </c>
      <c r="N26244" t="s">
        <v>90</v>
      </c>
      <c r="O26244" t="s">
        <v>85</v>
      </c>
      <c r="P26244" t="s">
        <v>86</v>
      </c>
      <c r="Q26244">
        <v>34</v>
      </c>
      <c r="R26244">
        <v>34</v>
      </c>
      <c r="S26244">
        <v>35</v>
      </c>
      <c r="T26244">
        <v>35</v>
      </c>
      <c r="U26244">
        <v>35</v>
      </c>
      <c r="V26244">
        <v>36</v>
      </c>
      <c r="W26244">
        <v>36</v>
      </c>
      <c r="X26244">
        <v>36</v>
      </c>
      <c r="Y26244">
        <v>36</v>
      </c>
      <c r="Z26244">
        <v>36</v>
      </c>
      <c r="AA26244">
        <v>37</v>
      </c>
      <c r="AB26244">
        <v>37</v>
      </c>
      <c r="AC26244">
        <v>37</v>
      </c>
      <c r="AD26244">
        <v>37</v>
      </c>
      <c r="AE26244">
        <v>37</v>
      </c>
      <c r="AF26244">
        <v>37</v>
      </c>
      <c r="AG26244">
        <v>36</v>
      </c>
      <c r="AH26244">
        <v>36</v>
      </c>
      <c r="AI26244">
        <v>36</v>
      </c>
      <c r="AJ26244">
        <v>35</v>
      </c>
      <c r="AK26244">
        <v>35</v>
      </c>
      <c r="AL26244">
        <v>35</v>
      </c>
      <c r="AM26244">
        <v>35</v>
      </c>
      <c r="AN26244">
        <v>34</v>
      </c>
      <c r="AO26244">
        <v>34</v>
      </c>
      <c r="AP26244">
        <v>34</v>
      </c>
      <c r="AQ26244">
        <v>33</v>
      </c>
    </row>
    <row r="26245" spans="1:43">
      <c r="A26245" t="s">
        <v>16235</v>
      </c>
      <c r="B26245" t="s">
        <v>16236</v>
      </c>
      <c r="C26245" t="s">
        <v>16207</v>
      </c>
      <c r="D26245" t="s">
        <v>16208</v>
      </c>
      <c r="E26245" t="s">
        <v>16115</v>
      </c>
      <c r="F26245" t="s">
        <v>16116</v>
      </c>
      <c r="G26245" t="s">
        <v>10734</v>
      </c>
      <c r="H26245" t="s">
        <v>10735</v>
      </c>
      <c r="I26245" s="2">
        <v>1</v>
      </c>
      <c r="J26245" s="2">
        <v>0</v>
      </c>
      <c r="K26245" s="2">
        <v>0</v>
      </c>
      <c r="L26245" t="s">
        <v>120</v>
      </c>
      <c r="M26245" t="s">
        <v>83</v>
      </c>
      <c r="N26245" t="s">
        <v>91</v>
      </c>
      <c r="O26245" t="s">
        <v>85</v>
      </c>
      <c r="P26245" t="s">
        <v>86</v>
      </c>
      <c r="Q26245">
        <v>34</v>
      </c>
      <c r="R26245">
        <v>35</v>
      </c>
      <c r="S26245">
        <v>35</v>
      </c>
      <c r="T26245">
        <v>35</v>
      </c>
      <c r="U26245">
        <v>35</v>
      </c>
      <c r="V26245">
        <v>35</v>
      </c>
      <c r="W26245">
        <v>35</v>
      </c>
      <c r="X26245">
        <v>35</v>
      </c>
      <c r="Y26245">
        <v>35</v>
      </c>
      <c r="Z26245">
        <v>35</v>
      </c>
      <c r="AA26245">
        <v>35</v>
      </c>
      <c r="AB26245">
        <v>35</v>
      </c>
      <c r="AC26245">
        <v>35</v>
      </c>
      <c r="AD26245">
        <v>36</v>
      </c>
      <c r="AE26245">
        <v>36</v>
      </c>
      <c r="AF26245">
        <v>36</v>
      </c>
      <c r="AG26245">
        <v>36</v>
      </c>
      <c r="AH26245">
        <v>36</v>
      </c>
      <c r="AI26245">
        <v>36</v>
      </c>
      <c r="AJ26245">
        <v>36</v>
      </c>
      <c r="AK26245">
        <v>36</v>
      </c>
      <c r="AL26245">
        <v>35</v>
      </c>
      <c r="AM26245">
        <v>35</v>
      </c>
      <c r="AN26245">
        <v>35</v>
      </c>
      <c r="AO26245">
        <v>34</v>
      </c>
      <c r="AP26245">
        <v>34</v>
      </c>
      <c r="AQ26245">
        <v>34</v>
      </c>
    </row>
    <row r="26246" spans="1:43">
      <c r="A26246" t="s">
        <v>16237</v>
      </c>
      <c r="B26246" t="s">
        <v>16238</v>
      </c>
      <c r="C26246" t="s">
        <v>16197</v>
      </c>
      <c r="D26246" t="s">
        <v>16198</v>
      </c>
      <c r="E26246" t="s">
        <v>16115</v>
      </c>
      <c r="F26246" t="s">
        <v>16116</v>
      </c>
      <c r="G26246" t="s">
        <v>10734</v>
      </c>
      <c r="H26246" t="s">
        <v>10735</v>
      </c>
      <c r="I26246" s="2">
        <v>1</v>
      </c>
      <c r="J26246" s="2">
        <v>0</v>
      </c>
      <c r="K26246" s="2">
        <v>0</v>
      </c>
      <c r="L26246" t="s">
        <v>120</v>
      </c>
      <c r="M26246" t="s">
        <v>83</v>
      </c>
      <c r="N26246" t="s">
        <v>84</v>
      </c>
      <c r="O26246" t="s">
        <v>85</v>
      </c>
      <c r="P26246" t="s">
        <v>86</v>
      </c>
      <c r="Q26246">
        <v>71</v>
      </c>
      <c r="R26246">
        <v>71</v>
      </c>
      <c r="S26246">
        <v>72</v>
      </c>
      <c r="T26246">
        <v>72</v>
      </c>
      <c r="U26246">
        <v>72</v>
      </c>
      <c r="V26246">
        <v>72</v>
      </c>
      <c r="W26246">
        <v>73</v>
      </c>
      <c r="X26246">
        <v>73</v>
      </c>
      <c r="Y26246">
        <v>73</v>
      </c>
      <c r="Z26246">
        <v>73</v>
      </c>
      <c r="AA26246">
        <v>73</v>
      </c>
      <c r="AB26246">
        <v>73</v>
      </c>
      <c r="AC26246">
        <v>73</v>
      </c>
      <c r="AD26246">
        <v>73</v>
      </c>
      <c r="AE26246">
        <v>73</v>
      </c>
      <c r="AF26246">
        <v>73</v>
      </c>
      <c r="AG26246">
        <v>73</v>
      </c>
      <c r="AH26246">
        <v>73</v>
      </c>
      <c r="AI26246">
        <v>73</v>
      </c>
      <c r="AJ26246">
        <v>73</v>
      </c>
      <c r="AK26246">
        <v>73</v>
      </c>
      <c r="AL26246">
        <v>73</v>
      </c>
      <c r="AM26246">
        <v>72</v>
      </c>
      <c r="AN26246">
        <v>72</v>
      </c>
      <c r="AO26246">
        <v>71</v>
      </c>
      <c r="AP26246">
        <v>71</v>
      </c>
      <c r="AQ26246">
        <v>70</v>
      </c>
    </row>
    <row r="26247" spans="1:43">
      <c r="A26247" t="s">
        <v>16237</v>
      </c>
      <c r="B26247" t="s">
        <v>16238</v>
      </c>
      <c r="C26247" t="s">
        <v>16197</v>
      </c>
      <c r="D26247" t="s">
        <v>16198</v>
      </c>
      <c r="E26247" t="s">
        <v>16115</v>
      </c>
      <c r="F26247" t="s">
        <v>16116</v>
      </c>
      <c r="G26247" t="s">
        <v>10734</v>
      </c>
      <c r="H26247" t="s">
        <v>10735</v>
      </c>
      <c r="I26247" s="2">
        <v>1</v>
      </c>
      <c r="J26247" s="2">
        <v>0</v>
      </c>
      <c r="K26247" s="2">
        <v>0</v>
      </c>
      <c r="L26247" t="s">
        <v>120</v>
      </c>
      <c r="M26247" t="s">
        <v>87</v>
      </c>
      <c r="N26247" t="s">
        <v>88</v>
      </c>
      <c r="O26247" t="s">
        <v>85</v>
      </c>
      <c r="P26247" t="s">
        <v>86</v>
      </c>
      <c r="Q26247">
        <v>71</v>
      </c>
      <c r="R26247">
        <v>71</v>
      </c>
      <c r="S26247">
        <v>71</v>
      </c>
      <c r="T26247">
        <v>70</v>
      </c>
      <c r="U26247">
        <v>70</v>
      </c>
      <c r="V26247">
        <v>69</v>
      </c>
      <c r="W26247">
        <v>69</v>
      </c>
      <c r="X26247">
        <v>69</v>
      </c>
      <c r="Y26247">
        <v>68</v>
      </c>
      <c r="Z26247">
        <v>68</v>
      </c>
      <c r="AA26247">
        <v>68</v>
      </c>
      <c r="AB26247">
        <v>67</v>
      </c>
      <c r="AC26247">
        <v>67</v>
      </c>
      <c r="AD26247">
        <v>67</v>
      </c>
      <c r="AE26247">
        <v>66</v>
      </c>
      <c r="AF26247">
        <v>66</v>
      </c>
      <c r="AG26247">
        <v>65</v>
      </c>
      <c r="AH26247">
        <v>65</v>
      </c>
      <c r="AI26247">
        <v>65</v>
      </c>
      <c r="AJ26247">
        <v>64</v>
      </c>
      <c r="AK26247">
        <v>64</v>
      </c>
      <c r="AL26247">
        <v>64</v>
      </c>
      <c r="AM26247">
        <v>63</v>
      </c>
      <c r="AN26247">
        <v>63</v>
      </c>
      <c r="AO26247">
        <v>63</v>
      </c>
      <c r="AP26247">
        <v>62</v>
      </c>
      <c r="AQ26247">
        <v>62</v>
      </c>
    </row>
    <row r="26248" spans="1:43">
      <c r="A26248" t="s">
        <v>16237</v>
      </c>
      <c r="B26248" t="s">
        <v>16238</v>
      </c>
      <c r="C26248" t="s">
        <v>16197</v>
      </c>
      <c r="D26248" t="s">
        <v>16198</v>
      </c>
      <c r="E26248" t="s">
        <v>16115</v>
      </c>
      <c r="F26248" t="s">
        <v>16116</v>
      </c>
      <c r="G26248" t="s">
        <v>10734</v>
      </c>
      <c r="H26248" t="s">
        <v>10735</v>
      </c>
      <c r="I26248" s="2">
        <v>1</v>
      </c>
      <c r="J26248" s="2">
        <v>0</v>
      </c>
      <c r="K26248" s="2">
        <v>0</v>
      </c>
      <c r="L26248" t="s">
        <v>120</v>
      </c>
      <c r="M26248" t="s">
        <v>89</v>
      </c>
      <c r="N26248" t="s">
        <v>90</v>
      </c>
      <c r="O26248" t="s">
        <v>85</v>
      </c>
      <c r="P26248" t="s">
        <v>86</v>
      </c>
      <c r="Q26248">
        <v>71</v>
      </c>
      <c r="R26248">
        <v>72</v>
      </c>
      <c r="S26248">
        <v>72</v>
      </c>
      <c r="T26248">
        <v>73</v>
      </c>
      <c r="U26248">
        <v>74</v>
      </c>
      <c r="V26248">
        <v>74</v>
      </c>
      <c r="W26248">
        <v>75</v>
      </c>
      <c r="X26248">
        <v>75</v>
      </c>
      <c r="Y26248">
        <v>76</v>
      </c>
      <c r="Z26248">
        <v>76</v>
      </c>
      <c r="AA26248">
        <v>77</v>
      </c>
      <c r="AB26248">
        <v>77</v>
      </c>
      <c r="AC26248">
        <v>77</v>
      </c>
      <c r="AD26248">
        <v>77</v>
      </c>
      <c r="AE26248">
        <v>77</v>
      </c>
      <c r="AF26248">
        <v>77</v>
      </c>
      <c r="AG26248">
        <v>76</v>
      </c>
      <c r="AH26248">
        <v>75</v>
      </c>
      <c r="AI26248">
        <v>75</v>
      </c>
      <c r="AJ26248">
        <v>74</v>
      </c>
      <c r="AK26248">
        <v>74</v>
      </c>
      <c r="AL26248">
        <v>73</v>
      </c>
      <c r="AM26248">
        <v>72</v>
      </c>
      <c r="AN26248">
        <v>72</v>
      </c>
      <c r="AO26248">
        <v>71</v>
      </c>
      <c r="AP26248">
        <v>70</v>
      </c>
      <c r="AQ26248">
        <v>70</v>
      </c>
    </row>
    <row r="26249" spans="1:43">
      <c r="A26249" t="s">
        <v>16237</v>
      </c>
      <c r="B26249" t="s">
        <v>16238</v>
      </c>
      <c r="C26249" t="s">
        <v>16197</v>
      </c>
      <c r="D26249" t="s">
        <v>16198</v>
      </c>
      <c r="E26249" t="s">
        <v>16115</v>
      </c>
      <c r="F26249" t="s">
        <v>16116</v>
      </c>
      <c r="G26249" t="s">
        <v>10734</v>
      </c>
      <c r="H26249" t="s">
        <v>10735</v>
      </c>
      <c r="I26249" s="2">
        <v>1</v>
      </c>
      <c r="J26249" s="2">
        <v>0</v>
      </c>
      <c r="K26249" s="2">
        <v>0</v>
      </c>
      <c r="L26249" t="s">
        <v>120</v>
      </c>
      <c r="M26249" t="s">
        <v>83</v>
      </c>
      <c r="N26249" t="s">
        <v>91</v>
      </c>
      <c r="O26249" t="s">
        <v>85</v>
      </c>
      <c r="P26249" t="s">
        <v>86</v>
      </c>
      <c r="Q26249">
        <v>71</v>
      </c>
      <c r="R26249">
        <v>71</v>
      </c>
      <c r="S26249">
        <v>72</v>
      </c>
      <c r="T26249">
        <v>72</v>
      </c>
      <c r="U26249">
        <v>72</v>
      </c>
      <c r="V26249">
        <v>72</v>
      </c>
      <c r="W26249">
        <v>73</v>
      </c>
      <c r="X26249">
        <v>73</v>
      </c>
      <c r="Y26249">
        <v>73</v>
      </c>
      <c r="Z26249">
        <v>73</v>
      </c>
      <c r="AA26249">
        <v>73</v>
      </c>
      <c r="AB26249">
        <v>73</v>
      </c>
      <c r="AC26249">
        <v>73</v>
      </c>
      <c r="AD26249">
        <v>73</v>
      </c>
      <c r="AE26249">
        <v>73</v>
      </c>
      <c r="AF26249">
        <v>73</v>
      </c>
      <c r="AG26249">
        <v>73</v>
      </c>
      <c r="AH26249">
        <v>73</v>
      </c>
      <c r="AI26249">
        <v>73</v>
      </c>
      <c r="AJ26249">
        <v>73</v>
      </c>
      <c r="AK26249">
        <v>73</v>
      </c>
      <c r="AL26249">
        <v>73</v>
      </c>
      <c r="AM26249">
        <v>72</v>
      </c>
      <c r="AN26249">
        <v>72</v>
      </c>
      <c r="AO26249">
        <v>71</v>
      </c>
      <c r="AP26249">
        <v>71</v>
      </c>
      <c r="AQ26249">
        <v>70</v>
      </c>
    </row>
    <row r="26250" spans="1:43">
      <c r="A26250" t="s">
        <v>16239</v>
      </c>
      <c r="B26250" t="s">
        <v>16240</v>
      </c>
      <c r="C26250" t="s">
        <v>16207</v>
      </c>
      <c r="D26250" t="s">
        <v>16208</v>
      </c>
      <c r="E26250" t="s">
        <v>16115</v>
      </c>
      <c r="F26250" t="s">
        <v>16116</v>
      </c>
      <c r="G26250" t="s">
        <v>10734</v>
      </c>
      <c r="H26250" t="s">
        <v>10735</v>
      </c>
      <c r="I26250" s="2">
        <v>1</v>
      </c>
      <c r="J26250" s="2">
        <v>0</v>
      </c>
      <c r="K26250" s="2">
        <v>0</v>
      </c>
      <c r="L26250" t="s">
        <v>120</v>
      </c>
      <c r="M26250" t="s">
        <v>83</v>
      </c>
      <c r="N26250" t="s">
        <v>84</v>
      </c>
      <c r="O26250" t="s">
        <v>85</v>
      </c>
      <c r="P26250" t="s">
        <v>86</v>
      </c>
      <c r="Q26250">
        <v>44</v>
      </c>
      <c r="R26250">
        <v>44</v>
      </c>
      <c r="S26250">
        <v>44</v>
      </c>
      <c r="T26250">
        <v>44</v>
      </c>
      <c r="U26250">
        <v>45</v>
      </c>
      <c r="V26250">
        <v>45</v>
      </c>
      <c r="W26250">
        <v>45</v>
      </c>
      <c r="X26250">
        <v>45</v>
      </c>
      <c r="Y26250">
        <v>45</v>
      </c>
      <c r="Z26250">
        <v>45</v>
      </c>
      <c r="AA26250">
        <v>45</v>
      </c>
      <c r="AB26250">
        <v>45</v>
      </c>
      <c r="AC26250">
        <v>45</v>
      </c>
      <c r="AD26250">
        <v>45</v>
      </c>
      <c r="AE26250">
        <v>45</v>
      </c>
      <c r="AF26250">
        <v>45</v>
      </c>
      <c r="AG26250">
        <v>45</v>
      </c>
      <c r="AH26250">
        <v>45</v>
      </c>
      <c r="AI26250">
        <v>45</v>
      </c>
      <c r="AJ26250">
        <v>45</v>
      </c>
      <c r="AK26250">
        <v>45</v>
      </c>
      <c r="AL26250">
        <v>45</v>
      </c>
      <c r="AM26250">
        <v>45</v>
      </c>
      <c r="AN26250">
        <v>44</v>
      </c>
      <c r="AO26250">
        <v>44</v>
      </c>
      <c r="AP26250">
        <v>44</v>
      </c>
      <c r="AQ26250">
        <v>43</v>
      </c>
    </row>
    <row r="26251" spans="1:43">
      <c r="A26251" t="s">
        <v>16239</v>
      </c>
      <c r="B26251" t="s">
        <v>16240</v>
      </c>
      <c r="C26251" t="s">
        <v>16207</v>
      </c>
      <c r="D26251" t="s">
        <v>16208</v>
      </c>
      <c r="E26251" t="s">
        <v>16115</v>
      </c>
      <c r="F26251" t="s">
        <v>16116</v>
      </c>
      <c r="G26251" t="s">
        <v>10734</v>
      </c>
      <c r="H26251" t="s">
        <v>10735</v>
      </c>
      <c r="I26251" s="2">
        <v>1</v>
      </c>
      <c r="J26251" s="2">
        <v>0</v>
      </c>
      <c r="K26251" s="2">
        <v>0</v>
      </c>
      <c r="L26251" t="s">
        <v>120</v>
      </c>
      <c r="M26251" t="s">
        <v>87</v>
      </c>
      <c r="N26251" t="s">
        <v>88</v>
      </c>
      <c r="O26251" t="s">
        <v>85</v>
      </c>
      <c r="P26251" t="s">
        <v>86</v>
      </c>
      <c r="Q26251">
        <v>44</v>
      </c>
      <c r="R26251">
        <v>43</v>
      </c>
      <c r="S26251">
        <v>43</v>
      </c>
      <c r="T26251">
        <v>43</v>
      </c>
      <c r="U26251">
        <v>43</v>
      </c>
      <c r="V26251">
        <v>42</v>
      </c>
      <c r="W26251">
        <v>42</v>
      </c>
      <c r="X26251">
        <v>42</v>
      </c>
      <c r="Y26251">
        <v>42</v>
      </c>
      <c r="Z26251">
        <v>41</v>
      </c>
      <c r="AA26251">
        <v>41</v>
      </c>
      <c r="AB26251">
        <v>41</v>
      </c>
      <c r="AC26251">
        <v>41</v>
      </c>
      <c r="AD26251">
        <v>41</v>
      </c>
      <c r="AE26251">
        <v>40</v>
      </c>
      <c r="AF26251">
        <v>40</v>
      </c>
      <c r="AG26251">
        <v>40</v>
      </c>
      <c r="AH26251">
        <v>40</v>
      </c>
      <c r="AI26251">
        <v>39</v>
      </c>
      <c r="AJ26251">
        <v>39</v>
      </c>
      <c r="AK26251">
        <v>39</v>
      </c>
      <c r="AL26251">
        <v>39</v>
      </c>
      <c r="AM26251">
        <v>39</v>
      </c>
      <c r="AN26251">
        <v>38</v>
      </c>
      <c r="AO26251">
        <v>38</v>
      </c>
      <c r="AP26251">
        <v>38</v>
      </c>
      <c r="AQ26251">
        <v>38</v>
      </c>
    </row>
    <row r="26252" spans="1:43">
      <c r="A26252" t="s">
        <v>16239</v>
      </c>
      <c r="B26252" t="s">
        <v>16240</v>
      </c>
      <c r="C26252" t="s">
        <v>16207</v>
      </c>
      <c r="D26252" t="s">
        <v>16208</v>
      </c>
      <c r="E26252" t="s">
        <v>16115</v>
      </c>
      <c r="F26252" t="s">
        <v>16116</v>
      </c>
      <c r="G26252" t="s">
        <v>10734</v>
      </c>
      <c r="H26252" t="s">
        <v>10735</v>
      </c>
      <c r="I26252" s="2">
        <v>1</v>
      </c>
      <c r="J26252" s="2">
        <v>0</v>
      </c>
      <c r="K26252" s="2">
        <v>0</v>
      </c>
      <c r="L26252" t="s">
        <v>120</v>
      </c>
      <c r="M26252" t="s">
        <v>89</v>
      </c>
      <c r="N26252" t="s">
        <v>90</v>
      </c>
      <c r="O26252" t="s">
        <v>85</v>
      </c>
      <c r="P26252" t="s">
        <v>86</v>
      </c>
      <c r="Q26252">
        <v>44</v>
      </c>
      <c r="R26252">
        <v>45</v>
      </c>
      <c r="S26252">
        <v>45</v>
      </c>
      <c r="T26252">
        <v>46</v>
      </c>
      <c r="U26252">
        <v>46</v>
      </c>
      <c r="V26252">
        <v>47</v>
      </c>
      <c r="W26252">
        <v>47</v>
      </c>
      <c r="X26252">
        <v>47</v>
      </c>
      <c r="Y26252">
        <v>48</v>
      </c>
      <c r="Z26252">
        <v>48</v>
      </c>
      <c r="AA26252">
        <v>48</v>
      </c>
      <c r="AB26252">
        <v>48</v>
      </c>
      <c r="AC26252">
        <v>48</v>
      </c>
      <c r="AD26252">
        <v>48</v>
      </c>
      <c r="AE26252">
        <v>48</v>
      </c>
      <c r="AF26252">
        <v>48</v>
      </c>
      <c r="AG26252">
        <v>48</v>
      </c>
      <c r="AH26252">
        <v>47</v>
      </c>
      <c r="AI26252">
        <v>47</v>
      </c>
      <c r="AJ26252">
        <v>46</v>
      </c>
      <c r="AK26252">
        <v>46</v>
      </c>
      <c r="AL26252">
        <v>46</v>
      </c>
      <c r="AM26252">
        <v>45</v>
      </c>
      <c r="AN26252">
        <v>45</v>
      </c>
      <c r="AO26252">
        <v>45</v>
      </c>
      <c r="AP26252">
        <v>44</v>
      </c>
      <c r="AQ26252">
        <v>44</v>
      </c>
    </row>
    <row r="26253" spans="1:43">
      <c r="A26253" t="s">
        <v>16239</v>
      </c>
      <c r="B26253" t="s">
        <v>16240</v>
      </c>
      <c r="C26253" t="s">
        <v>16207</v>
      </c>
      <c r="D26253" t="s">
        <v>16208</v>
      </c>
      <c r="E26253" t="s">
        <v>16115</v>
      </c>
      <c r="F26253" t="s">
        <v>16116</v>
      </c>
      <c r="G26253" t="s">
        <v>10734</v>
      </c>
      <c r="H26253" t="s">
        <v>10735</v>
      </c>
      <c r="I26253" s="2">
        <v>1</v>
      </c>
      <c r="J26253" s="2">
        <v>0</v>
      </c>
      <c r="K26253" s="2">
        <v>0</v>
      </c>
      <c r="L26253" t="s">
        <v>120</v>
      </c>
      <c r="M26253" t="s">
        <v>83</v>
      </c>
      <c r="N26253" t="s">
        <v>91</v>
      </c>
      <c r="O26253" t="s">
        <v>85</v>
      </c>
      <c r="P26253" t="s">
        <v>86</v>
      </c>
      <c r="Q26253">
        <v>44</v>
      </c>
      <c r="R26253">
        <v>44</v>
      </c>
      <c r="S26253">
        <v>44</v>
      </c>
      <c r="T26253">
        <v>44</v>
      </c>
      <c r="U26253">
        <v>45</v>
      </c>
      <c r="V26253">
        <v>45</v>
      </c>
      <c r="W26253">
        <v>45</v>
      </c>
      <c r="X26253">
        <v>45</v>
      </c>
      <c r="Y26253">
        <v>45</v>
      </c>
      <c r="Z26253">
        <v>45</v>
      </c>
      <c r="AA26253">
        <v>45</v>
      </c>
      <c r="AB26253">
        <v>45</v>
      </c>
      <c r="AC26253">
        <v>45</v>
      </c>
      <c r="AD26253">
        <v>45</v>
      </c>
      <c r="AE26253">
        <v>45</v>
      </c>
      <c r="AF26253">
        <v>45</v>
      </c>
      <c r="AG26253">
        <v>45</v>
      </c>
      <c r="AH26253">
        <v>45</v>
      </c>
      <c r="AI26253">
        <v>45</v>
      </c>
      <c r="AJ26253">
        <v>45</v>
      </c>
      <c r="AK26253">
        <v>45</v>
      </c>
      <c r="AL26253">
        <v>45</v>
      </c>
      <c r="AM26253">
        <v>45</v>
      </c>
      <c r="AN26253">
        <v>44</v>
      </c>
      <c r="AO26253">
        <v>44</v>
      </c>
      <c r="AP26253">
        <v>44</v>
      </c>
      <c r="AQ26253">
        <v>43</v>
      </c>
    </row>
    <row r="26254" spans="1:43">
      <c r="A26254" t="s">
        <v>16241</v>
      </c>
      <c r="B26254" t="s">
        <v>16242</v>
      </c>
      <c r="C26254" t="s">
        <v>16243</v>
      </c>
      <c r="D26254" t="s">
        <v>16244</v>
      </c>
      <c r="E26254" t="s">
        <v>16245</v>
      </c>
      <c r="F26254" t="s">
        <v>16246</v>
      </c>
      <c r="G26254" t="s">
        <v>10734</v>
      </c>
      <c r="H26254" t="s">
        <v>10735</v>
      </c>
      <c r="I26254" s="2">
        <v>1</v>
      </c>
      <c r="J26254" s="2">
        <v>0</v>
      </c>
      <c r="K26254" s="2">
        <v>0</v>
      </c>
      <c r="L26254" t="s">
        <v>120</v>
      </c>
      <c r="M26254" t="s">
        <v>83</v>
      </c>
      <c r="N26254" t="s">
        <v>84</v>
      </c>
      <c r="O26254" t="s">
        <v>85</v>
      </c>
      <c r="P26254" t="s">
        <v>86</v>
      </c>
      <c r="Q26254">
        <v>39</v>
      </c>
      <c r="R26254">
        <v>40</v>
      </c>
      <c r="S26254">
        <v>41</v>
      </c>
      <c r="T26254">
        <v>42</v>
      </c>
      <c r="U26254">
        <v>42</v>
      </c>
      <c r="V26254">
        <v>43</v>
      </c>
      <c r="W26254">
        <v>44</v>
      </c>
      <c r="X26254">
        <v>45</v>
      </c>
      <c r="Y26254">
        <v>46</v>
      </c>
      <c r="Z26254">
        <v>46</v>
      </c>
      <c r="AA26254">
        <v>47</v>
      </c>
      <c r="AB26254">
        <v>48</v>
      </c>
      <c r="AC26254">
        <v>49</v>
      </c>
      <c r="AD26254">
        <v>50</v>
      </c>
      <c r="AE26254">
        <v>51</v>
      </c>
      <c r="AF26254">
        <v>52</v>
      </c>
      <c r="AG26254">
        <v>53</v>
      </c>
      <c r="AH26254">
        <v>54</v>
      </c>
      <c r="AI26254">
        <v>54</v>
      </c>
      <c r="AJ26254">
        <v>55</v>
      </c>
      <c r="AK26254">
        <v>56</v>
      </c>
      <c r="AL26254">
        <v>57</v>
      </c>
      <c r="AM26254">
        <v>58</v>
      </c>
      <c r="AN26254">
        <v>58</v>
      </c>
      <c r="AO26254">
        <v>59</v>
      </c>
      <c r="AP26254">
        <v>59</v>
      </c>
      <c r="AQ26254">
        <v>60</v>
      </c>
    </row>
    <row r="26255" spans="1:43">
      <c r="A26255" t="s">
        <v>16241</v>
      </c>
      <c r="B26255" t="s">
        <v>16242</v>
      </c>
      <c r="C26255" t="s">
        <v>16243</v>
      </c>
      <c r="D26255" t="s">
        <v>16244</v>
      </c>
      <c r="E26255" t="s">
        <v>16245</v>
      </c>
      <c r="F26255" t="s">
        <v>16246</v>
      </c>
      <c r="G26255" t="s">
        <v>10734</v>
      </c>
      <c r="H26255" t="s">
        <v>10735</v>
      </c>
      <c r="I26255" s="2">
        <v>1</v>
      </c>
      <c r="J26255" s="2">
        <v>0</v>
      </c>
      <c r="K26255" s="2">
        <v>0</v>
      </c>
      <c r="L26255" t="s">
        <v>120</v>
      </c>
      <c r="M26255" t="s">
        <v>87</v>
      </c>
      <c r="N26255" t="s">
        <v>88</v>
      </c>
      <c r="O26255" t="s">
        <v>85</v>
      </c>
      <c r="P26255" t="s">
        <v>86</v>
      </c>
      <c r="Q26255">
        <v>39</v>
      </c>
      <c r="R26255">
        <v>39</v>
      </c>
      <c r="S26255">
        <v>40</v>
      </c>
      <c r="T26255">
        <v>40</v>
      </c>
      <c r="U26255">
        <v>41</v>
      </c>
      <c r="V26255">
        <v>41</v>
      </c>
      <c r="W26255">
        <v>41</v>
      </c>
      <c r="X26255">
        <v>42</v>
      </c>
      <c r="Y26255">
        <v>42</v>
      </c>
      <c r="Z26255">
        <v>43</v>
      </c>
      <c r="AA26255">
        <v>43</v>
      </c>
      <c r="AB26255">
        <v>44</v>
      </c>
      <c r="AC26255">
        <v>44</v>
      </c>
      <c r="AD26255">
        <v>45</v>
      </c>
      <c r="AE26255">
        <v>45</v>
      </c>
      <c r="AF26255">
        <v>46</v>
      </c>
      <c r="AG26255">
        <v>46</v>
      </c>
      <c r="AH26255">
        <v>47</v>
      </c>
      <c r="AI26255">
        <v>47</v>
      </c>
      <c r="AJ26255">
        <v>48</v>
      </c>
      <c r="AK26255">
        <v>48</v>
      </c>
      <c r="AL26255">
        <v>49</v>
      </c>
      <c r="AM26255">
        <v>49</v>
      </c>
      <c r="AN26255">
        <v>50</v>
      </c>
      <c r="AO26255">
        <v>51</v>
      </c>
      <c r="AP26255">
        <v>51</v>
      </c>
      <c r="AQ26255">
        <v>52</v>
      </c>
    </row>
    <row r="26256" spans="1:43">
      <c r="A26256" t="s">
        <v>16241</v>
      </c>
      <c r="B26256" t="s">
        <v>16242</v>
      </c>
      <c r="C26256" t="s">
        <v>16243</v>
      </c>
      <c r="D26256" t="s">
        <v>16244</v>
      </c>
      <c r="E26256" t="s">
        <v>16245</v>
      </c>
      <c r="F26256" t="s">
        <v>16246</v>
      </c>
      <c r="G26256" t="s">
        <v>10734</v>
      </c>
      <c r="H26256" t="s">
        <v>10735</v>
      </c>
      <c r="I26256" s="2">
        <v>1</v>
      </c>
      <c r="J26256" s="2">
        <v>0</v>
      </c>
      <c r="K26256" s="2">
        <v>0</v>
      </c>
      <c r="L26256" t="s">
        <v>120</v>
      </c>
      <c r="M26256" t="s">
        <v>89</v>
      </c>
      <c r="N26256" t="s">
        <v>90</v>
      </c>
      <c r="O26256" t="s">
        <v>85</v>
      </c>
      <c r="P26256" t="s">
        <v>86</v>
      </c>
      <c r="Q26256">
        <v>39</v>
      </c>
      <c r="R26256">
        <v>40</v>
      </c>
      <c r="S26256">
        <v>41</v>
      </c>
      <c r="T26256">
        <v>42</v>
      </c>
      <c r="U26256">
        <v>43</v>
      </c>
      <c r="V26256">
        <v>44</v>
      </c>
      <c r="W26256">
        <v>45</v>
      </c>
      <c r="X26256">
        <v>46</v>
      </c>
      <c r="Y26256">
        <v>47</v>
      </c>
      <c r="Z26256">
        <v>48</v>
      </c>
      <c r="AA26256">
        <v>49</v>
      </c>
      <c r="AB26256">
        <v>50</v>
      </c>
      <c r="AC26256">
        <v>51</v>
      </c>
      <c r="AD26256">
        <v>53</v>
      </c>
      <c r="AE26256">
        <v>53</v>
      </c>
      <c r="AF26256">
        <v>54</v>
      </c>
      <c r="AG26256">
        <v>54</v>
      </c>
      <c r="AH26256">
        <v>55</v>
      </c>
      <c r="AI26256">
        <v>55</v>
      </c>
      <c r="AJ26256">
        <v>56</v>
      </c>
      <c r="AK26256">
        <v>56</v>
      </c>
      <c r="AL26256">
        <v>57</v>
      </c>
      <c r="AM26256">
        <v>57</v>
      </c>
      <c r="AN26256">
        <v>57</v>
      </c>
      <c r="AO26256">
        <v>58</v>
      </c>
      <c r="AP26256">
        <v>58</v>
      </c>
      <c r="AQ26256">
        <v>59</v>
      </c>
    </row>
    <row r="26257" spans="1:43">
      <c r="A26257" t="s">
        <v>16241</v>
      </c>
      <c r="B26257" t="s">
        <v>16242</v>
      </c>
      <c r="C26257" t="s">
        <v>16243</v>
      </c>
      <c r="D26257" t="s">
        <v>16244</v>
      </c>
      <c r="E26257" t="s">
        <v>16245</v>
      </c>
      <c r="F26257" t="s">
        <v>16246</v>
      </c>
      <c r="G26257" t="s">
        <v>10734</v>
      </c>
      <c r="H26257" t="s">
        <v>10735</v>
      </c>
      <c r="I26257" s="2">
        <v>1</v>
      </c>
      <c r="J26257" s="2">
        <v>0</v>
      </c>
      <c r="K26257" s="2">
        <v>0</v>
      </c>
      <c r="L26257" t="s">
        <v>120</v>
      </c>
      <c r="M26257" t="s">
        <v>83</v>
      </c>
      <c r="N26257" t="s">
        <v>91</v>
      </c>
      <c r="O26257" t="s">
        <v>85</v>
      </c>
      <c r="P26257" t="s">
        <v>86</v>
      </c>
      <c r="Q26257">
        <v>39</v>
      </c>
      <c r="R26257">
        <v>40</v>
      </c>
      <c r="S26257">
        <v>41</v>
      </c>
      <c r="T26257">
        <v>42</v>
      </c>
      <c r="U26257">
        <v>42</v>
      </c>
      <c r="V26257">
        <v>43</v>
      </c>
      <c r="W26257">
        <v>44</v>
      </c>
      <c r="X26257">
        <v>45</v>
      </c>
      <c r="Y26257">
        <v>46</v>
      </c>
      <c r="Z26257">
        <v>46</v>
      </c>
      <c r="AA26257">
        <v>47</v>
      </c>
      <c r="AB26257">
        <v>48</v>
      </c>
      <c r="AC26257">
        <v>49</v>
      </c>
      <c r="AD26257">
        <v>50</v>
      </c>
      <c r="AE26257">
        <v>51</v>
      </c>
      <c r="AF26257">
        <v>52</v>
      </c>
      <c r="AG26257">
        <v>53</v>
      </c>
      <c r="AH26257">
        <v>54</v>
      </c>
      <c r="AI26257">
        <v>54</v>
      </c>
      <c r="AJ26257">
        <v>55</v>
      </c>
      <c r="AK26257">
        <v>56</v>
      </c>
      <c r="AL26257">
        <v>57</v>
      </c>
      <c r="AM26257">
        <v>58</v>
      </c>
      <c r="AN26257">
        <v>58</v>
      </c>
      <c r="AO26257">
        <v>59</v>
      </c>
      <c r="AP26257">
        <v>59</v>
      </c>
      <c r="AQ26257">
        <v>60</v>
      </c>
    </row>
    <row r="26258" spans="1:43">
      <c r="A26258" t="s">
        <v>16247</v>
      </c>
      <c r="B26258" t="s">
        <v>16248</v>
      </c>
      <c r="C26258" t="s">
        <v>16249</v>
      </c>
      <c r="D26258" t="s">
        <v>16250</v>
      </c>
      <c r="E26258" t="s">
        <v>16245</v>
      </c>
      <c r="F26258" t="s">
        <v>16246</v>
      </c>
      <c r="G26258" t="s">
        <v>10734</v>
      </c>
      <c r="H26258" t="s">
        <v>10735</v>
      </c>
      <c r="I26258" s="2">
        <v>1</v>
      </c>
      <c r="J26258" s="2">
        <v>0</v>
      </c>
      <c r="K26258" s="2">
        <v>0</v>
      </c>
      <c r="L26258" t="s">
        <v>120</v>
      </c>
      <c r="M26258" t="s">
        <v>83</v>
      </c>
      <c r="N26258" t="s">
        <v>84</v>
      </c>
      <c r="O26258" t="s">
        <v>85</v>
      </c>
      <c r="P26258" t="s">
        <v>86</v>
      </c>
      <c r="Q26258">
        <v>41</v>
      </c>
      <c r="R26258">
        <v>42</v>
      </c>
      <c r="S26258">
        <v>43</v>
      </c>
      <c r="T26258">
        <v>44</v>
      </c>
      <c r="U26258">
        <v>45</v>
      </c>
      <c r="V26258">
        <v>45</v>
      </c>
      <c r="W26258">
        <v>46</v>
      </c>
      <c r="X26258">
        <v>47</v>
      </c>
      <c r="Y26258">
        <v>48</v>
      </c>
      <c r="Z26258">
        <v>49</v>
      </c>
      <c r="AA26258">
        <v>50</v>
      </c>
      <c r="AB26258">
        <v>51</v>
      </c>
      <c r="AC26258">
        <v>51</v>
      </c>
      <c r="AD26258">
        <v>52</v>
      </c>
      <c r="AE26258">
        <v>53</v>
      </c>
      <c r="AF26258">
        <v>54</v>
      </c>
      <c r="AG26258">
        <v>55</v>
      </c>
      <c r="AH26258">
        <v>56</v>
      </c>
      <c r="AI26258">
        <v>57</v>
      </c>
      <c r="AJ26258">
        <v>58</v>
      </c>
      <c r="AK26258">
        <v>59</v>
      </c>
      <c r="AL26258">
        <v>60</v>
      </c>
      <c r="AM26258">
        <v>60</v>
      </c>
      <c r="AN26258">
        <v>61</v>
      </c>
      <c r="AO26258">
        <v>61</v>
      </c>
      <c r="AP26258">
        <v>62</v>
      </c>
      <c r="AQ26258">
        <v>62</v>
      </c>
    </row>
    <row r="26259" spans="1:43">
      <c r="A26259" t="s">
        <v>16247</v>
      </c>
      <c r="B26259" t="s">
        <v>16248</v>
      </c>
      <c r="C26259" t="s">
        <v>16249</v>
      </c>
      <c r="D26259" t="s">
        <v>16250</v>
      </c>
      <c r="E26259" t="s">
        <v>16245</v>
      </c>
      <c r="F26259" t="s">
        <v>16246</v>
      </c>
      <c r="G26259" t="s">
        <v>10734</v>
      </c>
      <c r="H26259" t="s">
        <v>10735</v>
      </c>
      <c r="I26259" s="2">
        <v>1</v>
      </c>
      <c r="J26259" s="2">
        <v>0</v>
      </c>
      <c r="K26259" s="2">
        <v>0</v>
      </c>
      <c r="L26259" t="s">
        <v>120</v>
      </c>
      <c r="M26259" t="s">
        <v>87</v>
      </c>
      <c r="N26259" t="s">
        <v>88</v>
      </c>
      <c r="O26259" t="s">
        <v>85</v>
      </c>
      <c r="P26259" t="s">
        <v>86</v>
      </c>
      <c r="Q26259">
        <v>41</v>
      </c>
      <c r="R26259">
        <v>41</v>
      </c>
      <c r="S26259">
        <v>42</v>
      </c>
      <c r="T26259">
        <v>42</v>
      </c>
      <c r="U26259">
        <v>43</v>
      </c>
      <c r="V26259">
        <v>43</v>
      </c>
      <c r="W26259">
        <v>44</v>
      </c>
      <c r="X26259">
        <v>44</v>
      </c>
      <c r="Y26259">
        <v>44</v>
      </c>
      <c r="Z26259">
        <v>45</v>
      </c>
      <c r="AA26259">
        <v>45</v>
      </c>
      <c r="AB26259">
        <v>46</v>
      </c>
      <c r="AC26259">
        <v>46</v>
      </c>
      <c r="AD26259">
        <v>47</v>
      </c>
      <c r="AE26259">
        <v>47</v>
      </c>
      <c r="AF26259">
        <v>48</v>
      </c>
      <c r="AG26259">
        <v>48</v>
      </c>
      <c r="AH26259">
        <v>49</v>
      </c>
      <c r="AI26259">
        <v>50</v>
      </c>
      <c r="AJ26259">
        <v>50</v>
      </c>
      <c r="AK26259">
        <v>51</v>
      </c>
      <c r="AL26259">
        <v>51</v>
      </c>
      <c r="AM26259">
        <v>52</v>
      </c>
      <c r="AN26259">
        <v>53</v>
      </c>
      <c r="AO26259">
        <v>53</v>
      </c>
      <c r="AP26259">
        <v>54</v>
      </c>
      <c r="AQ26259">
        <v>54</v>
      </c>
    </row>
    <row r="26260" spans="1:43">
      <c r="A26260" t="s">
        <v>16247</v>
      </c>
      <c r="B26260" t="s">
        <v>16248</v>
      </c>
      <c r="C26260" t="s">
        <v>16249</v>
      </c>
      <c r="D26260" t="s">
        <v>16250</v>
      </c>
      <c r="E26260" t="s">
        <v>16245</v>
      </c>
      <c r="F26260" t="s">
        <v>16246</v>
      </c>
      <c r="G26260" t="s">
        <v>10734</v>
      </c>
      <c r="H26260" t="s">
        <v>10735</v>
      </c>
      <c r="I26260" s="2">
        <v>1</v>
      </c>
      <c r="J26260" s="2">
        <v>0</v>
      </c>
      <c r="K26260" s="2">
        <v>0</v>
      </c>
      <c r="L26260" t="s">
        <v>120</v>
      </c>
      <c r="M26260" t="s">
        <v>89</v>
      </c>
      <c r="N26260" t="s">
        <v>90</v>
      </c>
      <c r="O26260" t="s">
        <v>85</v>
      </c>
      <c r="P26260" t="s">
        <v>86</v>
      </c>
      <c r="Q26260">
        <v>41</v>
      </c>
      <c r="R26260">
        <v>42</v>
      </c>
      <c r="S26260">
        <v>43</v>
      </c>
      <c r="T26260">
        <v>44</v>
      </c>
      <c r="U26260">
        <v>45</v>
      </c>
      <c r="V26260">
        <v>46</v>
      </c>
      <c r="W26260">
        <v>47</v>
      </c>
      <c r="X26260">
        <v>49</v>
      </c>
      <c r="Y26260">
        <v>50</v>
      </c>
      <c r="Z26260">
        <v>51</v>
      </c>
      <c r="AA26260">
        <v>52</v>
      </c>
      <c r="AB26260">
        <v>53</v>
      </c>
      <c r="AC26260">
        <v>54</v>
      </c>
      <c r="AD26260">
        <v>55</v>
      </c>
      <c r="AE26260">
        <v>56</v>
      </c>
      <c r="AF26260">
        <v>56</v>
      </c>
      <c r="AG26260">
        <v>57</v>
      </c>
      <c r="AH26260">
        <v>57</v>
      </c>
      <c r="AI26260">
        <v>58</v>
      </c>
      <c r="AJ26260">
        <v>58</v>
      </c>
      <c r="AK26260">
        <v>59</v>
      </c>
      <c r="AL26260">
        <v>59</v>
      </c>
      <c r="AM26260">
        <v>60</v>
      </c>
      <c r="AN26260">
        <v>61</v>
      </c>
      <c r="AO26260">
        <v>61</v>
      </c>
      <c r="AP26260">
        <v>62</v>
      </c>
      <c r="AQ26260">
        <v>62</v>
      </c>
    </row>
    <row r="26261" spans="1:43">
      <c r="A26261" t="s">
        <v>16247</v>
      </c>
      <c r="B26261" t="s">
        <v>16248</v>
      </c>
      <c r="C26261" t="s">
        <v>16249</v>
      </c>
      <c r="D26261" t="s">
        <v>16250</v>
      </c>
      <c r="E26261" t="s">
        <v>16245</v>
      </c>
      <c r="F26261" t="s">
        <v>16246</v>
      </c>
      <c r="G26261" t="s">
        <v>10734</v>
      </c>
      <c r="H26261" t="s">
        <v>10735</v>
      </c>
      <c r="I26261" s="2">
        <v>1</v>
      </c>
      <c r="J26261" s="2">
        <v>0</v>
      </c>
      <c r="K26261" s="2">
        <v>0</v>
      </c>
      <c r="L26261" t="s">
        <v>120</v>
      </c>
      <c r="M26261" t="s">
        <v>83</v>
      </c>
      <c r="N26261" t="s">
        <v>91</v>
      </c>
      <c r="O26261" t="s">
        <v>85</v>
      </c>
      <c r="P26261" t="s">
        <v>86</v>
      </c>
      <c r="Q26261">
        <v>41</v>
      </c>
      <c r="R26261">
        <v>42</v>
      </c>
      <c r="S26261">
        <v>43</v>
      </c>
      <c r="T26261">
        <v>44</v>
      </c>
      <c r="U26261">
        <v>45</v>
      </c>
      <c r="V26261">
        <v>45</v>
      </c>
      <c r="W26261">
        <v>46</v>
      </c>
      <c r="X26261">
        <v>47</v>
      </c>
      <c r="Y26261">
        <v>48</v>
      </c>
      <c r="Z26261">
        <v>49</v>
      </c>
      <c r="AA26261">
        <v>50</v>
      </c>
      <c r="AB26261">
        <v>51</v>
      </c>
      <c r="AC26261">
        <v>51</v>
      </c>
      <c r="AD26261">
        <v>52</v>
      </c>
      <c r="AE26261">
        <v>53</v>
      </c>
      <c r="AF26261">
        <v>54</v>
      </c>
      <c r="AG26261">
        <v>55</v>
      </c>
      <c r="AH26261">
        <v>56</v>
      </c>
      <c r="AI26261">
        <v>57</v>
      </c>
      <c r="AJ26261">
        <v>58</v>
      </c>
      <c r="AK26261">
        <v>59</v>
      </c>
      <c r="AL26261">
        <v>60</v>
      </c>
      <c r="AM26261">
        <v>60</v>
      </c>
      <c r="AN26261">
        <v>61</v>
      </c>
      <c r="AO26261">
        <v>61</v>
      </c>
      <c r="AP26261">
        <v>62</v>
      </c>
      <c r="AQ26261">
        <v>62</v>
      </c>
    </row>
    <row r="26262" spans="1:43">
      <c r="A26262" t="s">
        <v>16251</v>
      </c>
      <c r="B26262" t="s">
        <v>16252</v>
      </c>
      <c r="C26262" t="s">
        <v>16249</v>
      </c>
      <c r="D26262" t="s">
        <v>16250</v>
      </c>
      <c r="E26262" t="s">
        <v>16245</v>
      </c>
      <c r="F26262" t="s">
        <v>16246</v>
      </c>
      <c r="G26262" t="s">
        <v>10734</v>
      </c>
      <c r="H26262" t="s">
        <v>10735</v>
      </c>
      <c r="I26262" s="2">
        <v>1</v>
      </c>
      <c r="J26262" s="2">
        <v>0</v>
      </c>
      <c r="K26262" s="2">
        <v>0</v>
      </c>
      <c r="L26262" t="s">
        <v>120</v>
      </c>
      <c r="M26262" t="s">
        <v>83</v>
      </c>
      <c r="N26262" t="s">
        <v>84</v>
      </c>
      <c r="O26262" t="s">
        <v>85</v>
      </c>
      <c r="P26262" t="s">
        <v>86</v>
      </c>
      <c r="Q26262">
        <v>6</v>
      </c>
      <c r="R26262">
        <v>6</v>
      </c>
      <c r="S26262">
        <v>6</v>
      </c>
      <c r="T26262">
        <v>6</v>
      </c>
      <c r="U26262">
        <v>6</v>
      </c>
      <c r="V26262">
        <v>6</v>
      </c>
      <c r="W26262">
        <v>6</v>
      </c>
      <c r="X26262">
        <v>6</v>
      </c>
      <c r="Y26262">
        <v>6</v>
      </c>
      <c r="Z26262">
        <v>6</v>
      </c>
      <c r="AA26262">
        <v>6</v>
      </c>
      <c r="AB26262">
        <v>6</v>
      </c>
      <c r="AC26262">
        <v>6</v>
      </c>
      <c r="AD26262">
        <v>7</v>
      </c>
      <c r="AE26262">
        <v>7</v>
      </c>
      <c r="AF26262">
        <v>7</v>
      </c>
      <c r="AG26262">
        <v>7</v>
      </c>
      <c r="AH26262">
        <v>7</v>
      </c>
      <c r="AI26262">
        <v>7</v>
      </c>
      <c r="AJ26262">
        <v>7</v>
      </c>
      <c r="AK26262">
        <v>7</v>
      </c>
      <c r="AL26262">
        <v>7</v>
      </c>
      <c r="AM26262">
        <v>7</v>
      </c>
      <c r="AN26262">
        <v>7</v>
      </c>
      <c r="AO26262">
        <v>7</v>
      </c>
      <c r="AP26262">
        <v>7</v>
      </c>
      <c r="AQ26262">
        <v>7</v>
      </c>
    </row>
    <row r="26263" spans="1:43">
      <c r="A26263" t="s">
        <v>16251</v>
      </c>
      <c r="B26263" t="s">
        <v>16252</v>
      </c>
      <c r="C26263" t="s">
        <v>16249</v>
      </c>
      <c r="D26263" t="s">
        <v>16250</v>
      </c>
      <c r="E26263" t="s">
        <v>16245</v>
      </c>
      <c r="F26263" t="s">
        <v>16246</v>
      </c>
      <c r="G26263" t="s">
        <v>10734</v>
      </c>
      <c r="H26263" t="s">
        <v>10735</v>
      </c>
      <c r="I26263" s="2">
        <v>1</v>
      </c>
      <c r="J26263" s="2">
        <v>0</v>
      </c>
      <c r="K26263" s="2">
        <v>0</v>
      </c>
      <c r="L26263" t="s">
        <v>120</v>
      </c>
      <c r="M26263" t="s">
        <v>87</v>
      </c>
      <c r="N26263" t="s">
        <v>88</v>
      </c>
      <c r="O26263" t="s">
        <v>85</v>
      </c>
      <c r="P26263" t="s">
        <v>86</v>
      </c>
      <c r="Q26263">
        <v>6</v>
      </c>
      <c r="R26263">
        <v>6</v>
      </c>
      <c r="S26263">
        <v>6</v>
      </c>
      <c r="T26263">
        <v>6</v>
      </c>
      <c r="U26263">
        <v>6</v>
      </c>
      <c r="V26263">
        <v>6</v>
      </c>
      <c r="W26263">
        <v>6</v>
      </c>
      <c r="X26263">
        <v>6</v>
      </c>
      <c r="Y26263">
        <v>6</v>
      </c>
      <c r="Z26263">
        <v>6</v>
      </c>
      <c r="AA26263">
        <v>6</v>
      </c>
      <c r="AB26263">
        <v>6</v>
      </c>
      <c r="AC26263">
        <v>6</v>
      </c>
      <c r="AD26263">
        <v>6</v>
      </c>
      <c r="AE26263">
        <v>6</v>
      </c>
      <c r="AF26263">
        <v>6</v>
      </c>
      <c r="AG26263">
        <v>6</v>
      </c>
      <c r="AH26263">
        <v>6</v>
      </c>
      <c r="AI26263">
        <v>6</v>
      </c>
      <c r="AJ26263">
        <v>6</v>
      </c>
      <c r="AK26263">
        <v>6</v>
      </c>
      <c r="AL26263">
        <v>6</v>
      </c>
      <c r="AM26263">
        <v>6</v>
      </c>
      <c r="AN26263">
        <v>6</v>
      </c>
      <c r="AO26263">
        <v>6</v>
      </c>
      <c r="AP26263">
        <v>6</v>
      </c>
      <c r="AQ26263">
        <v>6</v>
      </c>
    </row>
    <row r="26264" spans="1:43">
      <c r="A26264" t="s">
        <v>16251</v>
      </c>
      <c r="B26264" t="s">
        <v>16252</v>
      </c>
      <c r="C26264" t="s">
        <v>16249</v>
      </c>
      <c r="D26264" t="s">
        <v>16250</v>
      </c>
      <c r="E26264" t="s">
        <v>16245</v>
      </c>
      <c r="F26264" t="s">
        <v>16246</v>
      </c>
      <c r="G26264" t="s">
        <v>10734</v>
      </c>
      <c r="H26264" t="s">
        <v>10735</v>
      </c>
      <c r="I26264" s="2">
        <v>1</v>
      </c>
      <c r="J26264" s="2">
        <v>0</v>
      </c>
      <c r="K26264" s="2">
        <v>0</v>
      </c>
      <c r="L26264" t="s">
        <v>120</v>
      </c>
      <c r="M26264" t="s">
        <v>89</v>
      </c>
      <c r="N26264" t="s">
        <v>90</v>
      </c>
      <c r="O26264" t="s">
        <v>85</v>
      </c>
      <c r="P26264" t="s">
        <v>86</v>
      </c>
      <c r="Q26264">
        <v>6</v>
      </c>
      <c r="R26264">
        <v>6</v>
      </c>
      <c r="S26264">
        <v>6</v>
      </c>
      <c r="T26264">
        <v>6</v>
      </c>
      <c r="U26264">
        <v>6</v>
      </c>
      <c r="V26264">
        <v>6</v>
      </c>
      <c r="W26264">
        <v>6</v>
      </c>
      <c r="X26264">
        <v>6</v>
      </c>
      <c r="Y26264">
        <v>7</v>
      </c>
      <c r="Z26264">
        <v>7</v>
      </c>
      <c r="AA26264">
        <v>7</v>
      </c>
      <c r="AB26264">
        <v>7</v>
      </c>
      <c r="AC26264">
        <v>7</v>
      </c>
      <c r="AD26264">
        <v>7</v>
      </c>
      <c r="AE26264">
        <v>7</v>
      </c>
      <c r="AF26264">
        <v>7</v>
      </c>
      <c r="AG26264">
        <v>7</v>
      </c>
      <c r="AH26264">
        <v>7</v>
      </c>
      <c r="AI26264">
        <v>7</v>
      </c>
      <c r="AJ26264">
        <v>7</v>
      </c>
      <c r="AK26264">
        <v>7</v>
      </c>
      <c r="AL26264">
        <v>7</v>
      </c>
      <c r="AM26264">
        <v>7</v>
      </c>
      <c r="AN26264">
        <v>7</v>
      </c>
      <c r="AO26264">
        <v>7</v>
      </c>
      <c r="AP26264">
        <v>7</v>
      </c>
      <c r="AQ26264">
        <v>7</v>
      </c>
    </row>
    <row r="26265" spans="1:43">
      <c r="A26265" t="s">
        <v>16251</v>
      </c>
      <c r="B26265" t="s">
        <v>16252</v>
      </c>
      <c r="C26265" t="s">
        <v>16249</v>
      </c>
      <c r="D26265" t="s">
        <v>16250</v>
      </c>
      <c r="E26265" t="s">
        <v>16245</v>
      </c>
      <c r="F26265" t="s">
        <v>16246</v>
      </c>
      <c r="G26265" t="s">
        <v>10734</v>
      </c>
      <c r="H26265" t="s">
        <v>10735</v>
      </c>
      <c r="I26265" s="2">
        <v>1</v>
      </c>
      <c r="J26265" s="2">
        <v>0</v>
      </c>
      <c r="K26265" s="2">
        <v>0</v>
      </c>
      <c r="L26265" t="s">
        <v>120</v>
      </c>
      <c r="M26265" t="s">
        <v>83</v>
      </c>
      <c r="N26265" t="s">
        <v>91</v>
      </c>
      <c r="O26265" t="s">
        <v>85</v>
      </c>
      <c r="P26265" t="s">
        <v>86</v>
      </c>
      <c r="Q26265">
        <v>6</v>
      </c>
      <c r="R26265">
        <v>6</v>
      </c>
      <c r="S26265">
        <v>6</v>
      </c>
      <c r="T26265">
        <v>6</v>
      </c>
      <c r="U26265">
        <v>6</v>
      </c>
      <c r="V26265">
        <v>6</v>
      </c>
      <c r="W26265">
        <v>6</v>
      </c>
      <c r="X26265">
        <v>6</v>
      </c>
      <c r="Y26265">
        <v>6</v>
      </c>
      <c r="Z26265">
        <v>6</v>
      </c>
      <c r="AA26265">
        <v>6</v>
      </c>
      <c r="AB26265">
        <v>6</v>
      </c>
      <c r="AC26265">
        <v>6</v>
      </c>
      <c r="AD26265">
        <v>7</v>
      </c>
      <c r="AE26265">
        <v>7</v>
      </c>
      <c r="AF26265">
        <v>7</v>
      </c>
      <c r="AG26265">
        <v>7</v>
      </c>
      <c r="AH26265">
        <v>7</v>
      </c>
      <c r="AI26265">
        <v>7</v>
      </c>
      <c r="AJ26265">
        <v>7</v>
      </c>
      <c r="AK26265">
        <v>7</v>
      </c>
      <c r="AL26265">
        <v>7</v>
      </c>
      <c r="AM26265">
        <v>7</v>
      </c>
      <c r="AN26265">
        <v>7</v>
      </c>
      <c r="AO26265">
        <v>7</v>
      </c>
      <c r="AP26265">
        <v>7</v>
      </c>
      <c r="AQ26265">
        <v>7</v>
      </c>
    </row>
    <row r="26266" spans="1:43">
      <c r="A26266" t="s">
        <v>16253</v>
      </c>
      <c r="B26266" t="s">
        <v>16254</v>
      </c>
      <c r="C26266" t="s">
        <v>16255</v>
      </c>
      <c r="D26266" t="s">
        <v>16256</v>
      </c>
      <c r="E26266" t="s">
        <v>16245</v>
      </c>
      <c r="F26266" t="s">
        <v>16246</v>
      </c>
      <c r="G26266" t="s">
        <v>10734</v>
      </c>
      <c r="H26266" t="s">
        <v>10735</v>
      </c>
      <c r="I26266" s="2">
        <v>1</v>
      </c>
      <c r="J26266" s="2">
        <v>0</v>
      </c>
      <c r="K26266" s="2">
        <v>0</v>
      </c>
      <c r="L26266" t="s">
        <v>120</v>
      </c>
      <c r="M26266" t="s">
        <v>83</v>
      </c>
      <c r="N26266" t="s">
        <v>84</v>
      </c>
      <c r="O26266" t="s">
        <v>85</v>
      </c>
      <c r="P26266" t="s">
        <v>86</v>
      </c>
      <c r="Q26266">
        <v>21</v>
      </c>
      <c r="R26266">
        <v>21</v>
      </c>
      <c r="S26266">
        <v>22</v>
      </c>
      <c r="T26266">
        <v>22</v>
      </c>
      <c r="U26266">
        <v>22</v>
      </c>
      <c r="V26266">
        <v>23</v>
      </c>
      <c r="W26266">
        <v>23</v>
      </c>
      <c r="X26266">
        <v>24</v>
      </c>
      <c r="Y26266">
        <v>24</v>
      </c>
      <c r="Z26266">
        <v>25</v>
      </c>
      <c r="AA26266">
        <v>25</v>
      </c>
      <c r="AB26266">
        <v>25</v>
      </c>
      <c r="AC26266">
        <v>26</v>
      </c>
      <c r="AD26266">
        <v>26</v>
      </c>
      <c r="AE26266">
        <v>27</v>
      </c>
      <c r="AF26266">
        <v>27</v>
      </c>
      <c r="AG26266">
        <v>28</v>
      </c>
      <c r="AH26266">
        <v>28</v>
      </c>
      <c r="AI26266">
        <v>28</v>
      </c>
      <c r="AJ26266">
        <v>29</v>
      </c>
      <c r="AK26266">
        <v>29</v>
      </c>
      <c r="AL26266">
        <v>30</v>
      </c>
      <c r="AM26266">
        <v>30</v>
      </c>
      <c r="AN26266">
        <v>30</v>
      </c>
      <c r="AO26266">
        <v>31</v>
      </c>
      <c r="AP26266">
        <v>31</v>
      </c>
      <c r="AQ26266">
        <v>31</v>
      </c>
    </row>
    <row r="26267" spans="1:43">
      <c r="A26267" t="s">
        <v>16253</v>
      </c>
      <c r="B26267" t="s">
        <v>16254</v>
      </c>
      <c r="C26267" t="s">
        <v>16255</v>
      </c>
      <c r="D26267" t="s">
        <v>16256</v>
      </c>
      <c r="E26267" t="s">
        <v>16245</v>
      </c>
      <c r="F26267" t="s">
        <v>16246</v>
      </c>
      <c r="G26267" t="s">
        <v>10734</v>
      </c>
      <c r="H26267" t="s">
        <v>10735</v>
      </c>
      <c r="I26267" s="2">
        <v>1</v>
      </c>
      <c r="J26267" s="2">
        <v>0</v>
      </c>
      <c r="K26267" s="2">
        <v>0</v>
      </c>
      <c r="L26267" t="s">
        <v>120</v>
      </c>
      <c r="M26267" t="s">
        <v>87</v>
      </c>
      <c r="N26267" t="s">
        <v>88</v>
      </c>
      <c r="O26267" t="s">
        <v>85</v>
      </c>
      <c r="P26267" t="s">
        <v>86</v>
      </c>
      <c r="Q26267">
        <v>21</v>
      </c>
      <c r="R26267">
        <v>21</v>
      </c>
      <c r="S26267">
        <v>21</v>
      </c>
      <c r="T26267">
        <v>21</v>
      </c>
      <c r="U26267">
        <v>21</v>
      </c>
      <c r="V26267">
        <v>22</v>
      </c>
      <c r="W26267">
        <v>22</v>
      </c>
      <c r="X26267">
        <v>22</v>
      </c>
      <c r="Y26267">
        <v>22</v>
      </c>
      <c r="Z26267">
        <v>23</v>
      </c>
      <c r="AA26267">
        <v>23</v>
      </c>
      <c r="AB26267">
        <v>23</v>
      </c>
      <c r="AC26267">
        <v>23</v>
      </c>
      <c r="AD26267">
        <v>24</v>
      </c>
      <c r="AE26267">
        <v>24</v>
      </c>
      <c r="AF26267">
        <v>24</v>
      </c>
      <c r="AG26267">
        <v>24</v>
      </c>
      <c r="AH26267">
        <v>25</v>
      </c>
      <c r="AI26267">
        <v>25</v>
      </c>
      <c r="AJ26267">
        <v>25</v>
      </c>
      <c r="AK26267">
        <v>25</v>
      </c>
      <c r="AL26267">
        <v>26</v>
      </c>
      <c r="AM26267">
        <v>26</v>
      </c>
      <c r="AN26267">
        <v>26</v>
      </c>
      <c r="AO26267">
        <v>27</v>
      </c>
      <c r="AP26267">
        <v>27</v>
      </c>
      <c r="AQ26267">
        <v>27</v>
      </c>
    </row>
    <row r="26268" spans="1:43">
      <c r="A26268" t="s">
        <v>16253</v>
      </c>
      <c r="B26268" t="s">
        <v>16254</v>
      </c>
      <c r="C26268" t="s">
        <v>16255</v>
      </c>
      <c r="D26268" t="s">
        <v>16256</v>
      </c>
      <c r="E26268" t="s">
        <v>16245</v>
      </c>
      <c r="F26268" t="s">
        <v>16246</v>
      </c>
      <c r="G26268" t="s">
        <v>10734</v>
      </c>
      <c r="H26268" t="s">
        <v>10735</v>
      </c>
      <c r="I26268" s="2">
        <v>1</v>
      </c>
      <c r="J26268" s="2">
        <v>0</v>
      </c>
      <c r="K26268" s="2">
        <v>0</v>
      </c>
      <c r="L26268" t="s">
        <v>120</v>
      </c>
      <c r="M26268" t="s">
        <v>89</v>
      </c>
      <c r="N26268" t="s">
        <v>90</v>
      </c>
      <c r="O26268" t="s">
        <v>85</v>
      </c>
      <c r="P26268" t="s">
        <v>86</v>
      </c>
      <c r="Q26268">
        <v>21</v>
      </c>
      <c r="R26268">
        <v>22</v>
      </c>
      <c r="S26268">
        <v>22</v>
      </c>
      <c r="T26268">
        <v>23</v>
      </c>
      <c r="U26268">
        <v>23</v>
      </c>
      <c r="V26268">
        <v>24</v>
      </c>
      <c r="W26268">
        <v>24</v>
      </c>
      <c r="X26268">
        <v>25</v>
      </c>
      <c r="Y26268">
        <v>25</v>
      </c>
      <c r="Z26268">
        <v>26</v>
      </c>
      <c r="AA26268">
        <v>26</v>
      </c>
      <c r="AB26268">
        <v>27</v>
      </c>
      <c r="AC26268">
        <v>27</v>
      </c>
      <c r="AD26268">
        <v>28</v>
      </c>
      <c r="AE26268">
        <v>28</v>
      </c>
      <c r="AF26268">
        <v>29</v>
      </c>
      <c r="AG26268">
        <v>29</v>
      </c>
      <c r="AH26268">
        <v>29</v>
      </c>
      <c r="AI26268">
        <v>29</v>
      </c>
      <c r="AJ26268">
        <v>30</v>
      </c>
      <c r="AK26268">
        <v>30</v>
      </c>
      <c r="AL26268">
        <v>30</v>
      </c>
      <c r="AM26268">
        <v>30</v>
      </c>
      <c r="AN26268">
        <v>31</v>
      </c>
      <c r="AO26268">
        <v>31</v>
      </c>
      <c r="AP26268">
        <v>31</v>
      </c>
      <c r="AQ26268">
        <v>32</v>
      </c>
    </row>
    <row r="26269" spans="1:43">
      <c r="A26269" t="s">
        <v>16253</v>
      </c>
      <c r="B26269" t="s">
        <v>16254</v>
      </c>
      <c r="C26269" t="s">
        <v>16255</v>
      </c>
      <c r="D26269" t="s">
        <v>16256</v>
      </c>
      <c r="E26269" t="s">
        <v>16245</v>
      </c>
      <c r="F26269" t="s">
        <v>16246</v>
      </c>
      <c r="G26269" t="s">
        <v>10734</v>
      </c>
      <c r="H26269" t="s">
        <v>10735</v>
      </c>
      <c r="I26269" s="2">
        <v>1</v>
      </c>
      <c r="J26269" s="2">
        <v>0</v>
      </c>
      <c r="K26269" s="2">
        <v>0</v>
      </c>
      <c r="L26269" t="s">
        <v>120</v>
      </c>
      <c r="M26269" t="s">
        <v>83</v>
      </c>
      <c r="N26269" t="s">
        <v>91</v>
      </c>
      <c r="O26269" t="s">
        <v>85</v>
      </c>
      <c r="P26269" t="s">
        <v>86</v>
      </c>
      <c r="Q26269">
        <v>21</v>
      </c>
      <c r="R26269">
        <v>21</v>
      </c>
      <c r="S26269">
        <v>22</v>
      </c>
      <c r="T26269">
        <v>22</v>
      </c>
      <c r="U26269">
        <v>22</v>
      </c>
      <c r="V26269">
        <v>23</v>
      </c>
      <c r="W26269">
        <v>23</v>
      </c>
      <c r="X26269">
        <v>24</v>
      </c>
      <c r="Y26269">
        <v>24</v>
      </c>
      <c r="Z26269">
        <v>25</v>
      </c>
      <c r="AA26269">
        <v>25</v>
      </c>
      <c r="AB26269">
        <v>25</v>
      </c>
      <c r="AC26269">
        <v>26</v>
      </c>
      <c r="AD26269">
        <v>26</v>
      </c>
      <c r="AE26269">
        <v>27</v>
      </c>
      <c r="AF26269">
        <v>27</v>
      </c>
      <c r="AG26269">
        <v>28</v>
      </c>
      <c r="AH26269">
        <v>28</v>
      </c>
      <c r="AI26269">
        <v>28</v>
      </c>
      <c r="AJ26269">
        <v>29</v>
      </c>
      <c r="AK26269">
        <v>29</v>
      </c>
      <c r="AL26269">
        <v>30</v>
      </c>
      <c r="AM26269">
        <v>30</v>
      </c>
      <c r="AN26269">
        <v>30</v>
      </c>
      <c r="AO26269">
        <v>31</v>
      </c>
      <c r="AP26269">
        <v>31</v>
      </c>
      <c r="AQ26269">
        <v>31</v>
      </c>
    </row>
    <row r="26270" spans="1:43">
      <c r="A26270" t="s">
        <v>16257</v>
      </c>
      <c r="B26270" t="s">
        <v>16258</v>
      </c>
      <c r="C26270" t="s">
        <v>16259</v>
      </c>
      <c r="D26270" t="s">
        <v>16260</v>
      </c>
      <c r="E26270" t="s">
        <v>16245</v>
      </c>
      <c r="F26270" t="s">
        <v>16246</v>
      </c>
      <c r="G26270" t="s">
        <v>10734</v>
      </c>
      <c r="H26270" t="s">
        <v>10735</v>
      </c>
      <c r="I26270" s="2">
        <v>1</v>
      </c>
      <c r="J26270" s="2">
        <v>0</v>
      </c>
      <c r="K26270" s="2">
        <v>0</v>
      </c>
      <c r="L26270" t="s">
        <v>120</v>
      </c>
      <c r="M26270" t="s">
        <v>83</v>
      </c>
      <c r="N26270" t="s">
        <v>84</v>
      </c>
      <c r="O26270" t="s">
        <v>85</v>
      </c>
      <c r="P26270" t="s">
        <v>86</v>
      </c>
      <c r="Q26270">
        <v>54</v>
      </c>
      <c r="R26270">
        <v>55</v>
      </c>
      <c r="S26270">
        <v>56</v>
      </c>
      <c r="T26270">
        <v>57</v>
      </c>
      <c r="U26270">
        <v>58</v>
      </c>
      <c r="V26270">
        <v>60</v>
      </c>
      <c r="W26270">
        <v>61</v>
      </c>
      <c r="X26270">
        <v>62</v>
      </c>
      <c r="Y26270">
        <v>63</v>
      </c>
      <c r="Z26270">
        <v>64</v>
      </c>
      <c r="AA26270">
        <v>65</v>
      </c>
      <c r="AB26270">
        <v>66</v>
      </c>
      <c r="AC26270">
        <v>68</v>
      </c>
      <c r="AD26270">
        <v>69</v>
      </c>
      <c r="AE26270">
        <v>70</v>
      </c>
      <c r="AF26270">
        <v>71</v>
      </c>
      <c r="AG26270">
        <v>73</v>
      </c>
      <c r="AH26270">
        <v>74</v>
      </c>
      <c r="AI26270">
        <v>75</v>
      </c>
      <c r="AJ26270">
        <v>77</v>
      </c>
      <c r="AK26270">
        <v>78</v>
      </c>
      <c r="AL26270">
        <v>79</v>
      </c>
      <c r="AM26270">
        <v>80</v>
      </c>
      <c r="AN26270">
        <v>80</v>
      </c>
      <c r="AO26270">
        <v>81</v>
      </c>
      <c r="AP26270">
        <v>82</v>
      </c>
      <c r="AQ26270">
        <v>83</v>
      </c>
    </row>
    <row r="26271" spans="1:43">
      <c r="A26271" t="s">
        <v>16257</v>
      </c>
      <c r="B26271" t="s">
        <v>16258</v>
      </c>
      <c r="C26271" t="s">
        <v>16259</v>
      </c>
      <c r="D26271" t="s">
        <v>16260</v>
      </c>
      <c r="E26271" t="s">
        <v>16245</v>
      </c>
      <c r="F26271" t="s">
        <v>16246</v>
      </c>
      <c r="G26271" t="s">
        <v>10734</v>
      </c>
      <c r="H26271" t="s">
        <v>10735</v>
      </c>
      <c r="I26271" s="2">
        <v>1</v>
      </c>
      <c r="J26271" s="2">
        <v>0</v>
      </c>
      <c r="K26271" s="2">
        <v>0</v>
      </c>
      <c r="L26271" t="s">
        <v>120</v>
      </c>
      <c r="M26271" t="s">
        <v>87</v>
      </c>
      <c r="N26271" t="s">
        <v>88</v>
      </c>
      <c r="O26271" t="s">
        <v>85</v>
      </c>
      <c r="P26271" t="s">
        <v>86</v>
      </c>
      <c r="Q26271">
        <v>54</v>
      </c>
      <c r="R26271">
        <v>55</v>
      </c>
      <c r="S26271">
        <v>56</v>
      </c>
      <c r="T26271">
        <v>56</v>
      </c>
      <c r="U26271">
        <v>57</v>
      </c>
      <c r="V26271">
        <v>57</v>
      </c>
      <c r="W26271">
        <v>58</v>
      </c>
      <c r="X26271">
        <v>59</v>
      </c>
      <c r="Y26271">
        <v>59</v>
      </c>
      <c r="Z26271">
        <v>60</v>
      </c>
      <c r="AA26271">
        <v>61</v>
      </c>
      <c r="AB26271">
        <v>61</v>
      </c>
      <c r="AC26271">
        <v>62</v>
      </c>
      <c r="AD26271">
        <v>63</v>
      </c>
      <c r="AE26271">
        <v>63</v>
      </c>
      <c r="AF26271">
        <v>64</v>
      </c>
      <c r="AG26271">
        <v>65</v>
      </c>
      <c r="AH26271">
        <v>65</v>
      </c>
      <c r="AI26271">
        <v>66</v>
      </c>
      <c r="AJ26271">
        <v>67</v>
      </c>
      <c r="AK26271">
        <v>68</v>
      </c>
      <c r="AL26271">
        <v>68</v>
      </c>
      <c r="AM26271">
        <v>69</v>
      </c>
      <c r="AN26271">
        <v>70</v>
      </c>
      <c r="AO26271">
        <v>71</v>
      </c>
      <c r="AP26271">
        <v>72</v>
      </c>
      <c r="AQ26271">
        <v>73</v>
      </c>
    </row>
    <row r="26272" spans="1:43">
      <c r="A26272" t="s">
        <v>16257</v>
      </c>
      <c r="B26272" t="s">
        <v>16258</v>
      </c>
      <c r="C26272" t="s">
        <v>16259</v>
      </c>
      <c r="D26272" t="s">
        <v>16260</v>
      </c>
      <c r="E26272" t="s">
        <v>16245</v>
      </c>
      <c r="F26272" t="s">
        <v>16246</v>
      </c>
      <c r="G26272" t="s">
        <v>10734</v>
      </c>
      <c r="H26272" t="s">
        <v>10735</v>
      </c>
      <c r="I26272" s="2">
        <v>1</v>
      </c>
      <c r="J26272" s="2">
        <v>0</v>
      </c>
      <c r="K26272" s="2">
        <v>0</v>
      </c>
      <c r="L26272" t="s">
        <v>120</v>
      </c>
      <c r="M26272" t="s">
        <v>89</v>
      </c>
      <c r="N26272" t="s">
        <v>90</v>
      </c>
      <c r="O26272" t="s">
        <v>85</v>
      </c>
      <c r="P26272" t="s">
        <v>86</v>
      </c>
      <c r="Q26272">
        <v>54</v>
      </c>
      <c r="R26272">
        <v>56</v>
      </c>
      <c r="S26272">
        <v>58</v>
      </c>
      <c r="T26272">
        <v>59</v>
      </c>
      <c r="U26272">
        <v>61</v>
      </c>
      <c r="V26272">
        <v>62</v>
      </c>
      <c r="W26272">
        <v>64</v>
      </c>
      <c r="X26272">
        <v>65</v>
      </c>
      <c r="Y26272">
        <v>67</v>
      </c>
      <c r="Z26272">
        <v>68</v>
      </c>
      <c r="AA26272">
        <v>69</v>
      </c>
      <c r="AB26272">
        <v>71</v>
      </c>
      <c r="AC26272">
        <v>72</v>
      </c>
      <c r="AD26272">
        <v>74</v>
      </c>
      <c r="AE26272">
        <v>75</v>
      </c>
      <c r="AF26272">
        <v>76</v>
      </c>
      <c r="AG26272">
        <v>76</v>
      </c>
      <c r="AH26272">
        <v>77</v>
      </c>
      <c r="AI26272">
        <v>78</v>
      </c>
      <c r="AJ26272">
        <v>78</v>
      </c>
      <c r="AK26272">
        <v>79</v>
      </c>
      <c r="AL26272">
        <v>80</v>
      </c>
      <c r="AM26272">
        <v>80</v>
      </c>
      <c r="AN26272">
        <v>81</v>
      </c>
      <c r="AO26272">
        <v>82</v>
      </c>
      <c r="AP26272">
        <v>83</v>
      </c>
      <c r="AQ26272">
        <v>83</v>
      </c>
    </row>
    <row r="26273" spans="1:43">
      <c r="A26273" t="s">
        <v>16257</v>
      </c>
      <c r="B26273" t="s">
        <v>16258</v>
      </c>
      <c r="C26273" t="s">
        <v>16259</v>
      </c>
      <c r="D26273" t="s">
        <v>16260</v>
      </c>
      <c r="E26273" t="s">
        <v>16245</v>
      </c>
      <c r="F26273" t="s">
        <v>16246</v>
      </c>
      <c r="G26273" t="s">
        <v>10734</v>
      </c>
      <c r="H26273" t="s">
        <v>10735</v>
      </c>
      <c r="I26273" s="2">
        <v>1</v>
      </c>
      <c r="J26273" s="2">
        <v>0</v>
      </c>
      <c r="K26273" s="2">
        <v>0</v>
      </c>
      <c r="L26273" t="s">
        <v>120</v>
      </c>
      <c r="M26273" t="s">
        <v>83</v>
      </c>
      <c r="N26273" t="s">
        <v>91</v>
      </c>
      <c r="O26273" t="s">
        <v>85</v>
      </c>
      <c r="P26273" t="s">
        <v>86</v>
      </c>
      <c r="Q26273">
        <v>54</v>
      </c>
      <c r="R26273">
        <v>55</v>
      </c>
      <c r="S26273">
        <v>56</v>
      </c>
      <c r="T26273">
        <v>57</v>
      </c>
      <c r="U26273">
        <v>58</v>
      </c>
      <c r="V26273">
        <v>60</v>
      </c>
      <c r="W26273">
        <v>61</v>
      </c>
      <c r="X26273">
        <v>62</v>
      </c>
      <c r="Y26273">
        <v>63</v>
      </c>
      <c r="Z26273">
        <v>64</v>
      </c>
      <c r="AA26273">
        <v>65</v>
      </c>
      <c r="AB26273">
        <v>66</v>
      </c>
      <c r="AC26273">
        <v>68</v>
      </c>
      <c r="AD26273">
        <v>69</v>
      </c>
      <c r="AE26273">
        <v>70</v>
      </c>
      <c r="AF26273">
        <v>71</v>
      </c>
      <c r="AG26273">
        <v>73</v>
      </c>
      <c r="AH26273">
        <v>74</v>
      </c>
      <c r="AI26273">
        <v>75</v>
      </c>
      <c r="AJ26273">
        <v>77</v>
      </c>
      <c r="AK26273">
        <v>78</v>
      </c>
      <c r="AL26273">
        <v>79</v>
      </c>
      <c r="AM26273">
        <v>80</v>
      </c>
      <c r="AN26273">
        <v>80</v>
      </c>
      <c r="AO26273">
        <v>81</v>
      </c>
      <c r="AP26273">
        <v>82</v>
      </c>
      <c r="AQ26273">
        <v>83</v>
      </c>
    </row>
    <row r="26274" spans="1:43">
      <c r="A26274" t="s">
        <v>16261</v>
      </c>
      <c r="B26274" t="s">
        <v>16262</v>
      </c>
      <c r="C26274" t="s">
        <v>16259</v>
      </c>
      <c r="D26274" t="s">
        <v>16260</v>
      </c>
      <c r="E26274" t="s">
        <v>16245</v>
      </c>
      <c r="F26274" t="s">
        <v>16246</v>
      </c>
      <c r="G26274" t="s">
        <v>10734</v>
      </c>
      <c r="H26274" t="s">
        <v>10735</v>
      </c>
      <c r="I26274" s="2">
        <v>1</v>
      </c>
      <c r="J26274" s="2">
        <v>0</v>
      </c>
      <c r="K26274" s="2">
        <v>0</v>
      </c>
      <c r="L26274" t="s">
        <v>120</v>
      </c>
      <c r="M26274" t="s">
        <v>83</v>
      </c>
      <c r="N26274" t="s">
        <v>84</v>
      </c>
      <c r="O26274" t="s">
        <v>85</v>
      </c>
      <c r="P26274" t="s">
        <v>86</v>
      </c>
      <c r="Q26274">
        <v>32</v>
      </c>
      <c r="R26274">
        <v>33</v>
      </c>
      <c r="S26274">
        <v>33</v>
      </c>
      <c r="T26274">
        <v>34</v>
      </c>
      <c r="U26274">
        <v>35</v>
      </c>
      <c r="V26274">
        <v>35</v>
      </c>
      <c r="W26274">
        <v>36</v>
      </c>
      <c r="X26274">
        <v>37</v>
      </c>
      <c r="Y26274">
        <v>37</v>
      </c>
      <c r="Z26274">
        <v>38</v>
      </c>
      <c r="AA26274">
        <v>39</v>
      </c>
      <c r="AB26274">
        <v>40</v>
      </c>
      <c r="AC26274">
        <v>40</v>
      </c>
      <c r="AD26274">
        <v>41</v>
      </c>
      <c r="AE26274">
        <v>42</v>
      </c>
      <c r="AF26274">
        <v>42</v>
      </c>
      <c r="AG26274">
        <v>43</v>
      </c>
      <c r="AH26274">
        <v>44</v>
      </c>
      <c r="AI26274">
        <v>45</v>
      </c>
      <c r="AJ26274">
        <v>46</v>
      </c>
      <c r="AK26274">
        <v>46</v>
      </c>
      <c r="AL26274">
        <v>47</v>
      </c>
      <c r="AM26274">
        <v>47</v>
      </c>
      <c r="AN26274">
        <v>48</v>
      </c>
      <c r="AO26274">
        <v>48</v>
      </c>
      <c r="AP26274">
        <v>49</v>
      </c>
      <c r="AQ26274">
        <v>49</v>
      </c>
    </row>
    <row r="26275" spans="1:43">
      <c r="A26275" t="s">
        <v>16261</v>
      </c>
      <c r="B26275" t="s">
        <v>16262</v>
      </c>
      <c r="C26275" t="s">
        <v>16259</v>
      </c>
      <c r="D26275" t="s">
        <v>16260</v>
      </c>
      <c r="E26275" t="s">
        <v>16245</v>
      </c>
      <c r="F26275" t="s">
        <v>16246</v>
      </c>
      <c r="G26275" t="s">
        <v>10734</v>
      </c>
      <c r="H26275" t="s">
        <v>10735</v>
      </c>
      <c r="I26275" s="2">
        <v>1</v>
      </c>
      <c r="J26275" s="2">
        <v>0</v>
      </c>
      <c r="K26275" s="2">
        <v>0</v>
      </c>
      <c r="L26275" t="s">
        <v>120</v>
      </c>
      <c r="M26275" t="s">
        <v>87</v>
      </c>
      <c r="N26275" t="s">
        <v>88</v>
      </c>
      <c r="O26275" t="s">
        <v>85</v>
      </c>
      <c r="P26275" t="s">
        <v>86</v>
      </c>
      <c r="Q26275">
        <v>32</v>
      </c>
      <c r="R26275">
        <v>32</v>
      </c>
      <c r="S26275">
        <v>33</v>
      </c>
      <c r="T26275">
        <v>33</v>
      </c>
      <c r="U26275">
        <v>33</v>
      </c>
      <c r="V26275">
        <v>34</v>
      </c>
      <c r="W26275">
        <v>34</v>
      </c>
      <c r="X26275">
        <v>34</v>
      </c>
      <c r="Y26275">
        <v>35</v>
      </c>
      <c r="Z26275">
        <v>35</v>
      </c>
      <c r="AA26275">
        <v>35</v>
      </c>
      <c r="AB26275">
        <v>36</v>
      </c>
      <c r="AC26275">
        <v>36</v>
      </c>
      <c r="AD26275">
        <v>37</v>
      </c>
      <c r="AE26275">
        <v>37</v>
      </c>
      <c r="AF26275">
        <v>37</v>
      </c>
      <c r="AG26275">
        <v>38</v>
      </c>
      <c r="AH26275">
        <v>38</v>
      </c>
      <c r="AI26275">
        <v>39</v>
      </c>
      <c r="AJ26275">
        <v>39</v>
      </c>
      <c r="AK26275">
        <v>40</v>
      </c>
      <c r="AL26275">
        <v>40</v>
      </c>
      <c r="AM26275">
        <v>40</v>
      </c>
      <c r="AN26275">
        <v>41</v>
      </c>
      <c r="AO26275">
        <v>41</v>
      </c>
      <c r="AP26275">
        <v>42</v>
      </c>
      <c r="AQ26275">
        <v>42</v>
      </c>
    </row>
    <row r="26276" spans="1:43">
      <c r="A26276" t="s">
        <v>16261</v>
      </c>
      <c r="B26276" t="s">
        <v>16262</v>
      </c>
      <c r="C26276" t="s">
        <v>16259</v>
      </c>
      <c r="D26276" t="s">
        <v>16260</v>
      </c>
      <c r="E26276" t="s">
        <v>16245</v>
      </c>
      <c r="F26276" t="s">
        <v>16246</v>
      </c>
      <c r="G26276" t="s">
        <v>10734</v>
      </c>
      <c r="H26276" t="s">
        <v>10735</v>
      </c>
      <c r="I26276" s="2">
        <v>1</v>
      </c>
      <c r="J26276" s="2">
        <v>0</v>
      </c>
      <c r="K26276" s="2">
        <v>0</v>
      </c>
      <c r="L26276" t="s">
        <v>120</v>
      </c>
      <c r="M26276" t="s">
        <v>89</v>
      </c>
      <c r="N26276" t="s">
        <v>90</v>
      </c>
      <c r="O26276" t="s">
        <v>85</v>
      </c>
      <c r="P26276" t="s">
        <v>86</v>
      </c>
      <c r="Q26276">
        <v>32</v>
      </c>
      <c r="R26276">
        <v>33</v>
      </c>
      <c r="S26276">
        <v>34</v>
      </c>
      <c r="T26276">
        <v>35</v>
      </c>
      <c r="U26276">
        <v>36</v>
      </c>
      <c r="V26276">
        <v>37</v>
      </c>
      <c r="W26276">
        <v>38</v>
      </c>
      <c r="X26276">
        <v>39</v>
      </c>
      <c r="Y26276">
        <v>40</v>
      </c>
      <c r="Z26276">
        <v>40</v>
      </c>
      <c r="AA26276">
        <v>41</v>
      </c>
      <c r="AB26276">
        <v>42</v>
      </c>
      <c r="AC26276">
        <v>43</v>
      </c>
      <c r="AD26276">
        <v>44</v>
      </c>
      <c r="AE26276">
        <v>45</v>
      </c>
      <c r="AF26276">
        <v>45</v>
      </c>
      <c r="AG26276">
        <v>45</v>
      </c>
      <c r="AH26276">
        <v>46</v>
      </c>
      <c r="AI26276">
        <v>46</v>
      </c>
      <c r="AJ26276">
        <v>47</v>
      </c>
      <c r="AK26276">
        <v>47</v>
      </c>
      <c r="AL26276">
        <v>47</v>
      </c>
      <c r="AM26276">
        <v>48</v>
      </c>
      <c r="AN26276">
        <v>48</v>
      </c>
      <c r="AO26276">
        <v>49</v>
      </c>
      <c r="AP26276">
        <v>49</v>
      </c>
      <c r="AQ26276">
        <v>49</v>
      </c>
    </row>
    <row r="26277" spans="1:43">
      <c r="A26277" t="s">
        <v>16261</v>
      </c>
      <c r="B26277" t="s">
        <v>16262</v>
      </c>
      <c r="C26277" t="s">
        <v>16259</v>
      </c>
      <c r="D26277" t="s">
        <v>16260</v>
      </c>
      <c r="E26277" t="s">
        <v>16245</v>
      </c>
      <c r="F26277" t="s">
        <v>16246</v>
      </c>
      <c r="G26277" t="s">
        <v>10734</v>
      </c>
      <c r="H26277" t="s">
        <v>10735</v>
      </c>
      <c r="I26277" s="2">
        <v>1</v>
      </c>
      <c r="J26277" s="2">
        <v>0</v>
      </c>
      <c r="K26277" s="2">
        <v>0</v>
      </c>
      <c r="L26277" t="s">
        <v>120</v>
      </c>
      <c r="M26277" t="s">
        <v>83</v>
      </c>
      <c r="N26277" t="s">
        <v>91</v>
      </c>
      <c r="O26277" t="s">
        <v>85</v>
      </c>
      <c r="P26277" t="s">
        <v>86</v>
      </c>
      <c r="Q26277">
        <v>32</v>
      </c>
      <c r="R26277">
        <v>33</v>
      </c>
      <c r="S26277">
        <v>33</v>
      </c>
      <c r="T26277">
        <v>34</v>
      </c>
      <c r="U26277">
        <v>35</v>
      </c>
      <c r="V26277">
        <v>35</v>
      </c>
      <c r="W26277">
        <v>36</v>
      </c>
      <c r="X26277">
        <v>37</v>
      </c>
      <c r="Y26277">
        <v>37</v>
      </c>
      <c r="Z26277">
        <v>38</v>
      </c>
      <c r="AA26277">
        <v>39</v>
      </c>
      <c r="AB26277">
        <v>40</v>
      </c>
      <c r="AC26277">
        <v>40</v>
      </c>
      <c r="AD26277">
        <v>41</v>
      </c>
      <c r="AE26277">
        <v>42</v>
      </c>
      <c r="AF26277">
        <v>42</v>
      </c>
      <c r="AG26277">
        <v>43</v>
      </c>
      <c r="AH26277">
        <v>44</v>
      </c>
      <c r="AI26277">
        <v>45</v>
      </c>
      <c r="AJ26277">
        <v>46</v>
      </c>
      <c r="AK26277">
        <v>46</v>
      </c>
      <c r="AL26277">
        <v>47</v>
      </c>
      <c r="AM26277">
        <v>47</v>
      </c>
      <c r="AN26277">
        <v>48</v>
      </c>
      <c r="AO26277">
        <v>48</v>
      </c>
      <c r="AP26277">
        <v>49</v>
      </c>
      <c r="AQ26277">
        <v>49</v>
      </c>
    </row>
    <row r="26278" spans="1:43">
      <c r="A26278" t="s">
        <v>16263</v>
      </c>
      <c r="B26278" t="s">
        <v>16264</v>
      </c>
      <c r="C26278" t="s">
        <v>16265</v>
      </c>
      <c r="D26278" t="s">
        <v>16266</v>
      </c>
      <c r="E26278" t="s">
        <v>16245</v>
      </c>
      <c r="F26278" t="s">
        <v>16246</v>
      </c>
      <c r="G26278" t="s">
        <v>10734</v>
      </c>
      <c r="H26278" t="s">
        <v>10735</v>
      </c>
      <c r="I26278" s="2">
        <v>1</v>
      </c>
      <c r="J26278" s="2">
        <v>0</v>
      </c>
      <c r="K26278" s="2">
        <v>0</v>
      </c>
      <c r="L26278" t="s">
        <v>120</v>
      </c>
      <c r="M26278" t="s">
        <v>83</v>
      </c>
      <c r="N26278" t="s">
        <v>84</v>
      </c>
      <c r="O26278" t="s">
        <v>85</v>
      </c>
      <c r="P26278" t="s">
        <v>86</v>
      </c>
      <c r="Q26278">
        <v>17</v>
      </c>
      <c r="R26278">
        <v>17</v>
      </c>
      <c r="S26278">
        <v>18</v>
      </c>
      <c r="T26278">
        <v>18</v>
      </c>
      <c r="U26278">
        <v>18</v>
      </c>
      <c r="V26278">
        <v>19</v>
      </c>
      <c r="W26278">
        <v>19</v>
      </c>
      <c r="X26278">
        <v>20</v>
      </c>
      <c r="Y26278">
        <v>20</v>
      </c>
      <c r="Z26278">
        <v>20</v>
      </c>
      <c r="AA26278">
        <v>21</v>
      </c>
      <c r="AB26278">
        <v>21</v>
      </c>
      <c r="AC26278">
        <v>21</v>
      </c>
      <c r="AD26278">
        <v>22</v>
      </c>
      <c r="AE26278">
        <v>22</v>
      </c>
      <c r="AF26278">
        <v>23</v>
      </c>
      <c r="AG26278">
        <v>23</v>
      </c>
      <c r="AH26278">
        <v>23</v>
      </c>
      <c r="AI26278">
        <v>24</v>
      </c>
      <c r="AJ26278">
        <v>24</v>
      </c>
      <c r="AK26278">
        <v>25</v>
      </c>
      <c r="AL26278">
        <v>25</v>
      </c>
      <c r="AM26278">
        <v>25</v>
      </c>
      <c r="AN26278">
        <v>25</v>
      </c>
      <c r="AO26278">
        <v>26</v>
      </c>
      <c r="AP26278">
        <v>26</v>
      </c>
      <c r="AQ26278">
        <v>26</v>
      </c>
    </row>
    <row r="26279" spans="1:43">
      <c r="A26279" t="s">
        <v>16263</v>
      </c>
      <c r="B26279" t="s">
        <v>16264</v>
      </c>
      <c r="C26279" t="s">
        <v>16265</v>
      </c>
      <c r="D26279" t="s">
        <v>16266</v>
      </c>
      <c r="E26279" t="s">
        <v>16245</v>
      </c>
      <c r="F26279" t="s">
        <v>16246</v>
      </c>
      <c r="G26279" t="s">
        <v>10734</v>
      </c>
      <c r="H26279" t="s">
        <v>10735</v>
      </c>
      <c r="I26279" s="2">
        <v>1</v>
      </c>
      <c r="J26279" s="2">
        <v>0</v>
      </c>
      <c r="K26279" s="2">
        <v>0</v>
      </c>
      <c r="L26279" t="s">
        <v>120</v>
      </c>
      <c r="M26279" t="s">
        <v>87</v>
      </c>
      <c r="N26279" t="s">
        <v>88</v>
      </c>
      <c r="O26279" t="s">
        <v>85</v>
      </c>
      <c r="P26279" t="s">
        <v>86</v>
      </c>
      <c r="Q26279">
        <v>17</v>
      </c>
      <c r="R26279">
        <v>17</v>
      </c>
      <c r="S26279">
        <v>17</v>
      </c>
      <c r="T26279">
        <v>17</v>
      </c>
      <c r="U26279">
        <v>18</v>
      </c>
      <c r="V26279">
        <v>18</v>
      </c>
      <c r="W26279">
        <v>18</v>
      </c>
      <c r="X26279">
        <v>18</v>
      </c>
      <c r="Y26279">
        <v>18</v>
      </c>
      <c r="Z26279">
        <v>19</v>
      </c>
      <c r="AA26279">
        <v>19</v>
      </c>
      <c r="AB26279">
        <v>19</v>
      </c>
      <c r="AC26279">
        <v>19</v>
      </c>
      <c r="AD26279">
        <v>19</v>
      </c>
      <c r="AE26279">
        <v>20</v>
      </c>
      <c r="AF26279">
        <v>20</v>
      </c>
      <c r="AG26279">
        <v>20</v>
      </c>
      <c r="AH26279">
        <v>20</v>
      </c>
      <c r="AI26279">
        <v>21</v>
      </c>
      <c r="AJ26279">
        <v>21</v>
      </c>
      <c r="AK26279">
        <v>21</v>
      </c>
      <c r="AL26279">
        <v>21</v>
      </c>
      <c r="AM26279">
        <v>22</v>
      </c>
      <c r="AN26279">
        <v>22</v>
      </c>
      <c r="AO26279">
        <v>22</v>
      </c>
      <c r="AP26279">
        <v>22</v>
      </c>
      <c r="AQ26279">
        <v>23</v>
      </c>
    </row>
    <row r="26280" spans="1:43">
      <c r="A26280" t="s">
        <v>16263</v>
      </c>
      <c r="B26280" t="s">
        <v>16264</v>
      </c>
      <c r="C26280" t="s">
        <v>16265</v>
      </c>
      <c r="D26280" t="s">
        <v>16266</v>
      </c>
      <c r="E26280" t="s">
        <v>16245</v>
      </c>
      <c r="F26280" t="s">
        <v>16246</v>
      </c>
      <c r="G26280" t="s">
        <v>10734</v>
      </c>
      <c r="H26280" t="s">
        <v>10735</v>
      </c>
      <c r="I26280" s="2">
        <v>1</v>
      </c>
      <c r="J26280" s="2">
        <v>0</v>
      </c>
      <c r="K26280" s="2">
        <v>0</v>
      </c>
      <c r="L26280" t="s">
        <v>120</v>
      </c>
      <c r="M26280" t="s">
        <v>89</v>
      </c>
      <c r="N26280" t="s">
        <v>90</v>
      </c>
      <c r="O26280" t="s">
        <v>85</v>
      </c>
      <c r="P26280" t="s">
        <v>86</v>
      </c>
      <c r="Q26280">
        <v>17</v>
      </c>
      <c r="R26280">
        <v>18</v>
      </c>
      <c r="S26280">
        <v>18</v>
      </c>
      <c r="T26280">
        <v>19</v>
      </c>
      <c r="U26280">
        <v>19</v>
      </c>
      <c r="V26280">
        <v>20</v>
      </c>
      <c r="W26280">
        <v>20</v>
      </c>
      <c r="X26280">
        <v>21</v>
      </c>
      <c r="Y26280">
        <v>21</v>
      </c>
      <c r="Z26280">
        <v>22</v>
      </c>
      <c r="AA26280">
        <v>22</v>
      </c>
      <c r="AB26280">
        <v>22</v>
      </c>
      <c r="AC26280">
        <v>23</v>
      </c>
      <c r="AD26280">
        <v>23</v>
      </c>
      <c r="AE26280">
        <v>24</v>
      </c>
      <c r="AF26280">
        <v>24</v>
      </c>
      <c r="AG26280">
        <v>24</v>
      </c>
      <c r="AH26280">
        <v>24</v>
      </c>
      <c r="AI26280">
        <v>25</v>
      </c>
      <c r="AJ26280">
        <v>25</v>
      </c>
      <c r="AK26280">
        <v>25</v>
      </c>
      <c r="AL26280">
        <v>25</v>
      </c>
      <c r="AM26280">
        <v>25</v>
      </c>
      <c r="AN26280">
        <v>26</v>
      </c>
      <c r="AO26280">
        <v>26</v>
      </c>
      <c r="AP26280">
        <v>26</v>
      </c>
      <c r="AQ26280">
        <v>26</v>
      </c>
    </row>
    <row r="26281" spans="1:43">
      <c r="A26281" t="s">
        <v>16263</v>
      </c>
      <c r="B26281" t="s">
        <v>16264</v>
      </c>
      <c r="C26281" t="s">
        <v>16265</v>
      </c>
      <c r="D26281" t="s">
        <v>16266</v>
      </c>
      <c r="E26281" t="s">
        <v>16245</v>
      </c>
      <c r="F26281" t="s">
        <v>16246</v>
      </c>
      <c r="G26281" t="s">
        <v>10734</v>
      </c>
      <c r="H26281" t="s">
        <v>10735</v>
      </c>
      <c r="I26281" s="2">
        <v>1</v>
      </c>
      <c r="J26281" s="2">
        <v>0</v>
      </c>
      <c r="K26281" s="2">
        <v>0</v>
      </c>
      <c r="L26281" t="s">
        <v>120</v>
      </c>
      <c r="M26281" t="s">
        <v>83</v>
      </c>
      <c r="N26281" t="s">
        <v>91</v>
      </c>
      <c r="O26281" t="s">
        <v>85</v>
      </c>
      <c r="P26281" t="s">
        <v>86</v>
      </c>
      <c r="Q26281">
        <v>17</v>
      </c>
      <c r="R26281">
        <v>17</v>
      </c>
      <c r="S26281">
        <v>18</v>
      </c>
      <c r="T26281">
        <v>18</v>
      </c>
      <c r="U26281">
        <v>18</v>
      </c>
      <c r="V26281">
        <v>19</v>
      </c>
      <c r="W26281">
        <v>19</v>
      </c>
      <c r="X26281">
        <v>20</v>
      </c>
      <c r="Y26281">
        <v>20</v>
      </c>
      <c r="Z26281">
        <v>20</v>
      </c>
      <c r="AA26281">
        <v>21</v>
      </c>
      <c r="AB26281">
        <v>21</v>
      </c>
      <c r="AC26281">
        <v>21</v>
      </c>
      <c r="AD26281">
        <v>22</v>
      </c>
      <c r="AE26281">
        <v>22</v>
      </c>
      <c r="AF26281">
        <v>23</v>
      </c>
      <c r="AG26281">
        <v>23</v>
      </c>
      <c r="AH26281">
        <v>23</v>
      </c>
      <c r="AI26281">
        <v>24</v>
      </c>
      <c r="AJ26281">
        <v>24</v>
      </c>
      <c r="AK26281">
        <v>25</v>
      </c>
      <c r="AL26281">
        <v>25</v>
      </c>
      <c r="AM26281">
        <v>25</v>
      </c>
      <c r="AN26281">
        <v>25</v>
      </c>
      <c r="AO26281">
        <v>26</v>
      </c>
      <c r="AP26281">
        <v>26</v>
      </c>
      <c r="AQ26281">
        <v>26</v>
      </c>
    </row>
    <row r="26282" spans="1:43">
      <c r="A26282" t="s">
        <v>16267</v>
      </c>
      <c r="B26282" t="s">
        <v>16268</v>
      </c>
      <c r="C26282" t="s">
        <v>16265</v>
      </c>
      <c r="D26282" t="s">
        <v>16266</v>
      </c>
      <c r="E26282" t="s">
        <v>16245</v>
      </c>
      <c r="F26282" t="s">
        <v>16246</v>
      </c>
      <c r="G26282" t="s">
        <v>10734</v>
      </c>
      <c r="H26282" t="s">
        <v>10735</v>
      </c>
      <c r="I26282" s="2">
        <v>1</v>
      </c>
      <c r="J26282" s="2">
        <v>0</v>
      </c>
      <c r="K26282" s="2">
        <v>0</v>
      </c>
      <c r="L26282" t="s">
        <v>120</v>
      </c>
      <c r="M26282" t="s">
        <v>83</v>
      </c>
      <c r="N26282" t="s">
        <v>84</v>
      </c>
      <c r="O26282" t="s">
        <v>85</v>
      </c>
      <c r="P26282" t="s">
        <v>86</v>
      </c>
      <c r="Q26282">
        <v>49</v>
      </c>
      <c r="R26282">
        <v>50</v>
      </c>
      <c r="S26282">
        <v>51</v>
      </c>
      <c r="T26282">
        <v>52</v>
      </c>
      <c r="U26282">
        <v>53</v>
      </c>
      <c r="V26282">
        <v>54</v>
      </c>
      <c r="W26282">
        <v>55</v>
      </c>
      <c r="X26282">
        <v>56</v>
      </c>
      <c r="Y26282">
        <v>57</v>
      </c>
      <c r="Z26282">
        <v>58</v>
      </c>
      <c r="AA26282">
        <v>59</v>
      </c>
      <c r="AB26282">
        <v>60</v>
      </c>
      <c r="AC26282">
        <v>61</v>
      </c>
      <c r="AD26282">
        <v>62</v>
      </c>
      <c r="AE26282">
        <v>63</v>
      </c>
      <c r="AF26282">
        <v>64</v>
      </c>
      <c r="AG26282">
        <v>66</v>
      </c>
      <c r="AH26282">
        <v>67</v>
      </c>
      <c r="AI26282">
        <v>68</v>
      </c>
      <c r="AJ26282">
        <v>69</v>
      </c>
      <c r="AK26282">
        <v>70</v>
      </c>
      <c r="AL26282">
        <v>71</v>
      </c>
      <c r="AM26282">
        <v>72</v>
      </c>
      <c r="AN26282">
        <v>72</v>
      </c>
      <c r="AO26282">
        <v>73</v>
      </c>
      <c r="AP26282">
        <v>74</v>
      </c>
      <c r="AQ26282">
        <v>74</v>
      </c>
    </row>
    <row r="26283" spans="1:43">
      <c r="A26283" t="s">
        <v>16267</v>
      </c>
      <c r="B26283" t="s">
        <v>16268</v>
      </c>
      <c r="C26283" t="s">
        <v>16265</v>
      </c>
      <c r="D26283" t="s">
        <v>16266</v>
      </c>
      <c r="E26283" t="s">
        <v>16245</v>
      </c>
      <c r="F26283" t="s">
        <v>16246</v>
      </c>
      <c r="G26283" t="s">
        <v>10734</v>
      </c>
      <c r="H26283" t="s">
        <v>10735</v>
      </c>
      <c r="I26283" s="2">
        <v>1</v>
      </c>
      <c r="J26283" s="2">
        <v>0</v>
      </c>
      <c r="K26283" s="2">
        <v>0</v>
      </c>
      <c r="L26283" t="s">
        <v>120</v>
      </c>
      <c r="M26283" t="s">
        <v>87</v>
      </c>
      <c r="N26283" t="s">
        <v>88</v>
      </c>
      <c r="O26283" t="s">
        <v>85</v>
      </c>
      <c r="P26283" t="s">
        <v>86</v>
      </c>
      <c r="Q26283">
        <v>49</v>
      </c>
      <c r="R26283">
        <v>50</v>
      </c>
      <c r="S26283">
        <v>50</v>
      </c>
      <c r="T26283">
        <v>51</v>
      </c>
      <c r="U26283">
        <v>51</v>
      </c>
      <c r="V26283">
        <v>52</v>
      </c>
      <c r="W26283">
        <v>53</v>
      </c>
      <c r="X26283">
        <v>53</v>
      </c>
      <c r="Y26283">
        <v>54</v>
      </c>
      <c r="Z26283">
        <v>54</v>
      </c>
      <c r="AA26283">
        <v>55</v>
      </c>
      <c r="AB26283">
        <v>55</v>
      </c>
      <c r="AC26283">
        <v>56</v>
      </c>
      <c r="AD26283">
        <v>56</v>
      </c>
      <c r="AE26283">
        <v>57</v>
      </c>
      <c r="AF26283">
        <v>58</v>
      </c>
      <c r="AG26283">
        <v>58</v>
      </c>
      <c r="AH26283">
        <v>59</v>
      </c>
      <c r="AI26283">
        <v>60</v>
      </c>
      <c r="AJ26283">
        <v>60</v>
      </c>
      <c r="AK26283">
        <v>61</v>
      </c>
      <c r="AL26283">
        <v>62</v>
      </c>
      <c r="AM26283">
        <v>62</v>
      </c>
      <c r="AN26283">
        <v>63</v>
      </c>
      <c r="AO26283">
        <v>64</v>
      </c>
      <c r="AP26283">
        <v>65</v>
      </c>
      <c r="AQ26283">
        <v>65</v>
      </c>
    </row>
    <row r="26284" spans="1:43">
      <c r="A26284" t="s">
        <v>16267</v>
      </c>
      <c r="B26284" t="s">
        <v>16268</v>
      </c>
      <c r="C26284" t="s">
        <v>16265</v>
      </c>
      <c r="D26284" t="s">
        <v>16266</v>
      </c>
      <c r="E26284" t="s">
        <v>16245</v>
      </c>
      <c r="F26284" t="s">
        <v>16246</v>
      </c>
      <c r="G26284" t="s">
        <v>10734</v>
      </c>
      <c r="H26284" t="s">
        <v>10735</v>
      </c>
      <c r="I26284" s="2">
        <v>1</v>
      </c>
      <c r="J26284" s="2">
        <v>0</v>
      </c>
      <c r="K26284" s="2">
        <v>0</v>
      </c>
      <c r="L26284" t="s">
        <v>120</v>
      </c>
      <c r="M26284" t="s">
        <v>89</v>
      </c>
      <c r="N26284" t="s">
        <v>90</v>
      </c>
      <c r="O26284" t="s">
        <v>85</v>
      </c>
      <c r="P26284" t="s">
        <v>86</v>
      </c>
      <c r="Q26284">
        <v>49</v>
      </c>
      <c r="R26284">
        <v>51</v>
      </c>
      <c r="S26284">
        <v>52</v>
      </c>
      <c r="T26284">
        <v>54</v>
      </c>
      <c r="U26284">
        <v>55</v>
      </c>
      <c r="V26284">
        <v>56</v>
      </c>
      <c r="W26284">
        <v>58</v>
      </c>
      <c r="X26284">
        <v>59</v>
      </c>
      <c r="Y26284">
        <v>60</v>
      </c>
      <c r="Z26284">
        <v>61</v>
      </c>
      <c r="AA26284">
        <v>63</v>
      </c>
      <c r="AB26284">
        <v>64</v>
      </c>
      <c r="AC26284">
        <v>66</v>
      </c>
      <c r="AD26284">
        <v>67</v>
      </c>
      <c r="AE26284">
        <v>68</v>
      </c>
      <c r="AF26284">
        <v>68</v>
      </c>
      <c r="AG26284">
        <v>69</v>
      </c>
      <c r="AH26284">
        <v>70</v>
      </c>
      <c r="AI26284">
        <v>70</v>
      </c>
      <c r="AJ26284">
        <v>71</v>
      </c>
      <c r="AK26284">
        <v>71</v>
      </c>
      <c r="AL26284">
        <v>72</v>
      </c>
      <c r="AM26284">
        <v>72</v>
      </c>
      <c r="AN26284">
        <v>73</v>
      </c>
      <c r="AO26284">
        <v>74</v>
      </c>
      <c r="AP26284">
        <v>74</v>
      </c>
      <c r="AQ26284">
        <v>75</v>
      </c>
    </row>
    <row r="26285" spans="1:43">
      <c r="A26285" t="s">
        <v>16267</v>
      </c>
      <c r="B26285" t="s">
        <v>16268</v>
      </c>
      <c r="C26285" t="s">
        <v>16265</v>
      </c>
      <c r="D26285" t="s">
        <v>16266</v>
      </c>
      <c r="E26285" t="s">
        <v>16245</v>
      </c>
      <c r="F26285" t="s">
        <v>16246</v>
      </c>
      <c r="G26285" t="s">
        <v>10734</v>
      </c>
      <c r="H26285" t="s">
        <v>10735</v>
      </c>
      <c r="I26285" s="2">
        <v>1</v>
      </c>
      <c r="J26285" s="2">
        <v>0</v>
      </c>
      <c r="K26285" s="2">
        <v>0</v>
      </c>
      <c r="L26285" t="s">
        <v>120</v>
      </c>
      <c r="M26285" t="s">
        <v>83</v>
      </c>
      <c r="N26285" t="s">
        <v>91</v>
      </c>
      <c r="O26285" t="s">
        <v>85</v>
      </c>
      <c r="P26285" t="s">
        <v>86</v>
      </c>
      <c r="Q26285">
        <v>49</v>
      </c>
      <c r="R26285">
        <v>50</v>
      </c>
      <c r="S26285">
        <v>51</v>
      </c>
      <c r="T26285">
        <v>52</v>
      </c>
      <c r="U26285">
        <v>53</v>
      </c>
      <c r="V26285">
        <v>54</v>
      </c>
      <c r="W26285">
        <v>55</v>
      </c>
      <c r="X26285">
        <v>56</v>
      </c>
      <c r="Y26285">
        <v>57</v>
      </c>
      <c r="Z26285">
        <v>58</v>
      </c>
      <c r="AA26285">
        <v>59</v>
      </c>
      <c r="AB26285">
        <v>60</v>
      </c>
      <c r="AC26285">
        <v>61</v>
      </c>
      <c r="AD26285">
        <v>62</v>
      </c>
      <c r="AE26285">
        <v>63</v>
      </c>
      <c r="AF26285">
        <v>64</v>
      </c>
      <c r="AG26285">
        <v>66</v>
      </c>
      <c r="AH26285">
        <v>67</v>
      </c>
      <c r="AI26285">
        <v>68</v>
      </c>
      <c r="AJ26285">
        <v>69</v>
      </c>
      <c r="AK26285">
        <v>70</v>
      </c>
      <c r="AL26285">
        <v>71</v>
      </c>
      <c r="AM26285">
        <v>72</v>
      </c>
      <c r="AN26285">
        <v>72</v>
      </c>
      <c r="AO26285">
        <v>73</v>
      </c>
      <c r="AP26285">
        <v>74</v>
      </c>
      <c r="AQ26285">
        <v>74</v>
      </c>
    </row>
    <row r="26286" spans="1:43">
      <c r="A26286" t="s">
        <v>16269</v>
      </c>
      <c r="B26286" t="s">
        <v>16270</v>
      </c>
      <c r="C26286" t="s">
        <v>16271</v>
      </c>
      <c r="D26286" t="s">
        <v>16272</v>
      </c>
      <c r="E26286" t="s">
        <v>16245</v>
      </c>
      <c r="F26286" t="s">
        <v>16246</v>
      </c>
      <c r="G26286" t="s">
        <v>10734</v>
      </c>
      <c r="H26286" t="s">
        <v>10735</v>
      </c>
      <c r="I26286" s="2">
        <v>1</v>
      </c>
      <c r="J26286" s="2">
        <v>0</v>
      </c>
      <c r="K26286" s="2">
        <v>0</v>
      </c>
      <c r="L26286" t="s">
        <v>120</v>
      </c>
      <c r="M26286" t="s">
        <v>83</v>
      </c>
      <c r="N26286" t="s">
        <v>84</v>
      </c>
      <c r="O26286" t="s">
        <v>85</v>
      </c>
      <c r="P26286" t="s">
        <v>86</v>
      </c>
      <c r="Q26286">
        <v>7</v>
      </c>
      <c r="R26286">
        <v>7</v>
      </c>
      <c r="S26286">
        <v>7</v>
      </c>
      <c r="T26286">
        <v>7</v>
      </c>
      <c r="U26286">
        <v>7</v>
      </c>
      <c r="V26286">
        <v>8</v>
      </c>
      <c r="W26286">
        <v>8</v>
      </c>
      <c r="X26286">
        <v>8</v>
      </c>
      <c r="Y26286">
        <v>8</v>
      </c>
      <c r="Z26286">
        <v>8</v>
      </c>
      <c r="AA26286">
        <v>8</v>
      </c>
      <c r="AB26286">
        <v>8</v>
      </c>
      <c r="AC26286">
        <v>9</v>
      </c>
      <c r="AD26286">
        <v>9</v>
      </c>
      <c r="AE26286">
        <v>9</v>
      </c>
      <c r="AF26286">
        <v>9</v>
      </c>
      <c r="AG26286">
        <v>9</v>
      </c>
      <c r="AH26286">
        <v>9</v>
      </c>
      <c r="AI26286">
        <v>10</v>
      </c>
      <c r="AJ26286">
        <v>10</v>
      </c>
      <c r="AK26286">
        <v>10</v>
      </c>
      <c r="AL26286">
        <v>10</v>
      </c>
      <c r="AM26286">
        <v>10</v>
      </c>
      <c r="AN26286">
        <v>10</v>
      </c>
      <c r="AO26286">
        <v>10</v>
      </c>
      <c r="AP26286">
        <v>10</v>
      </c>
      <c r="AQ26286">
        <v>10</v>
      </c>
    </row>
    <row r="26287" spans="1:43">
      <c r="A26287" t="s">
        <v>16269</v>
      </c>
      <c r="B26287" t="s">
        <v>16270</v>
      </c>
      <c r="C26287" t="s">
        <v>16271</v>
      </c>
      <c r="D26287" t="s">
        <v>16272</v>
      </c>
      <c r="E26287" t="s">
        <v>16245</v>
      </c>
      <c r="F26287" t="s">
        <v>16246</v>
      </c>
      <c r="G26287" t="s">
        <v>10734</v>
      </c>
      <c r="H26287" t="s">
        <v>10735</v>
      </c>
      <c r="I26287" s="2">
        <v>1</v>
      </c>
      <c r="J26287" s="2">
        <v>0</v>
      </c>
      <c r="K26287" s="2">
        <v>0</v>
      </c>
      <c r="L26287" t="s">
        <v>120</v>
      </c>
      <c r="M26287" t="s">
        <v>87</v>
      </c>
      <c r="N26287" t="s">
        <v>88</v>
      </c>
      <c r="O26287" t="s">
        <v>85</v>
      </c>
      <c r="P26287" t="s">
        <v>86</v>
      </c>
      <c r="Q26287">
        <v>7</v>
      </c>
      <c r="R26287">
        <v>7</v>
      </c>
      <c r="S26287">
        <v>7</v>
      </c>
      <c r="T26287">
        <v>7</v>
      </c>
      <c r="U26287">
        <v>7</v>
      </c>
      <c r="V26287">
        <v>7</v>
      </c>
      <c r="W26287">
        <v>7</v>
      </c>
      <c r="X26287">
        <v>7</v>
      </c>
      <c r="Y26287">
        <v>7</v>
      </c>
      <c r="Z26287">
        <v>7</v>
      </c>
      <c r="AA26287">
        <v>8</v>
      </c>
      <c r="AB26287">
        <v>8</v>
      </c>
      <c r="AC26287">
        <v>8</v>
      </c>
      <c r="AD26287">
        <v>8</v>
      </c>
      <c r="AE26287">
        <v>8</v>
      </c>
      <c r="AF26287">
        <v>8</v>
      </c>
      <c r="AG26287">
        <v>8</v>
      </c>
      <c r="AH26287">
        <v>8</v>
      </c>
      <c r="AI26287">
        <v>8</v>
      </c>
      <c r="AJ26287">
        <v>8</v>
      </c>
      <c r="AK26287">
        <v>8</v>
      </c>
      <c r="AL26287">
        <v>9</v>
      </c>
      <c r="AM26287">
        <v>9</v>
      </c>
      <c r="AN26287">
        <v>9</v>
      </c>
      <c r="AO26287">
        <v>9</v>
      </c>
      <c r="AP26287">
        <v>9</v>
      </c>
      <c r="AQ26287">
        <v>9</v>
      </c>
    </row>
    <row r="26288" spans="1:43">
      <c r="A26288" t="s">
        <v>16269</v>
      </c>
      <c r="B26288" t="s">
        <v>16270</v>
      </c>
      <c r="C26288" t="s">
        <v>16271</v>
      </c>
      <c r="D26288" t="s">
        <v>16272</v>
      </c>
      <c r="E26288" t="s">
        <v>16245</v>
      </c>
      <c r="F26288" t="s">
        <v>16246</v>
      </c>
      <c r="G26288" t="s">
        <v>10734</v>
      </c>
      <c r="H26288" t="s">
        <v>10735</v>
      </c>
      <c r="I26288" s="2">
        <v>1</v>
      </c>
      <c r="J26288" s="2">
        <v>0</v>
      </c>
      <c r="K26288" s="2">
        <v>0</v>
      </c>
      <c r="L26288" t="s">
        <v>120</v>
      </c>
      <c r="M26288" t="s">
        <v>89</v>
      </c>
      <c r="N26288" t="s">
        <v>90</v>
      </c>
      <c r="O26288" t="s">
        <v>85</v>
      </c>
      <c r="P26288" t="s">
        <v>86</v>
      </c>
      <c r="Q26288">
        <v>7</v>
      </c>
      <c r="R26288">
        <v>7</v>
      </c>
      <c r="S26288">
        <v>7</v>
      </c>
      <c r="T26288">
        <v>7</v>
      </c>
      <c r="U26288">
        <v>8</v>
      </c>
      <c r="V26288">
        <v>8</v>
      </c>
      <c r="W26288">
        <v>8</v>
      </c>
      <c r="X26288">
        <v>8</v>
      </c>
      <c r="Y26288">
        <v>8</v>
      </c>
      <c r="Z26288">
        <v>9</v>
      </c>
      <c r="AA26288">
        <v>9</v>
      </c>
      <c r="AB26288">
        <v>9</v>
      </c>
      <c r="AC26288">
        <v>9</v>
      </c>
      <c r="AD26288">
        <v>9</v>
      </c>
      <c r="AE26288">
        <v>10</v>
      </c>
      <c r="AF26288">
        <v>10</v>
      </c>
      <c r="AG26288">
        <v>10</v>
      </c>
      <c r="AH26288">
        <v>10</v>
      </c>
      <c r="AI26288">
        <v>10</v>
      </c>
      <c r="AJ26288">
        <v>10</v>
      </c>
      <c r="AK26288">
        <v>10</v>
      </c>
      <c r="AL26288">
        <v>10</v>
      </c>
      <c r="AM26288">
        <v>10</v>
      </c>
      <c r="AN26288">
        <v>10</v>
      </c>
      <c r="AO26288">
        <v>10</v>
      </c>
      <c r="AP26288">
        <v>10</v>
      </c>
      <c r="AQ26288">
        <v>11</v>
      </c>
    </row>
    <row r="26289" spans="1:43">
      <c r="A26289" t="s">
        <v>16269</v>
      </c>
      <c r="B26289" t="s">
        <v>16270</v>
      </c>
      <c r="C26289" t="s">
        <v>16271</v>
      </c>
      <c r="D26289" t="s">
        <v>16272</v>
      </c>
      <c r="E26289" t="s">
        <v>16245</v>
      </c>
      <c r="F26289" t="s">
        <v>16246</v>
      </c>
      <c r="G26289" t="s">
        <v>10734</v>
      </c>
      <c r="H26289" t="s">
        <v>10735</v>
      </c>
      <c r="I26289" s="2">
        <v>1</v>
      </c>
      <c r="J26289" s="2">
        <v>0</v>
      </c>
      <c r="K26289" s="2">
        <v>0</v>
      </c>
      <c r="L26289" t="s">
        <v>120</v>
      </c>
      <c r="M26289" t="s">
        <v>83</v>
      </c>
      <c r="N26289" t="s">
        <v>91</v>
      </c>
      <c r="O26289" t="s">
        <v>85</v>
      </c>
      <c r="P26289" t="s">
        <v>86</v>
      </c>
      <c r="Q26289">
        <v>7</v>
      </c>
      <c r="R26289">
        <v>7</v>
      </c>
      <c r="S26289">
        <v>7</v>
      </c>
      <c r="T26289">
        <v>7</v>
      </c>
      <c r="U26289">
        <v>7</v>
      </c>
      <c r="V26289">
        <v>8</v>
      </c>
      <c r="W26289">
        <v>8</v>
      </c>
      <c r="X26289">
        <v>8</v>
      </c>
      <c r="Y26289">
        <v>8</v>
      </c>
      <c r="Z26289">
        <v>8</v>
      </c>
      <c r="AA26289">
        <v>8</v>
      </c>
      <c r="AB26289">
        <v>8</v>
      </c>
      <c r="AC26289">
        <v>9</v>
      </c>
      <c r="AD26289">
        <v>9</v>
      </c>
      <c r="AE26289">
        <v>9</v>
      </c>
      <c r="AF26289">
        <v>9</v>
      </c>
      <c r="AG26289">
        <v>9</v>
      </c>
      <c r="AH26289">
        <v>9</v>
      </c>
      <c r="AI26289">
        <v>10</v>
      </c>
      <c r="AJ26289">
        <v>10</v>
      </c>
      <c r="AK26289">
        <v>10</v>
      </c>
      <c r="AL26289">
        <v>10</v>
      </c>
      <c r="AM26289">
        <v>10</v>
      </c>
      <c r="AN26289">
        <v>10</v>
      </c>
      <c r="AO26289">
        <v>10</v>
      </c>
      <c r="AP26289">
        <v>10</v>
      </c>
      <c r="AQ26289">
        <v>10</v>
      </c>
    </row>
    <row r="26290" spans="1:43">
      <c r="A26290" t="s">
        <v>16273</v>
      </c>
      <c r="B26290" t="s">
        <v>16274</v>
      </c>
      <c r="C26290" t="s">
        <v>16271</v>
      </c>
      <c r="D26290" t="s">
        <v>16272</v>
      </c>
      <c r="E26290" t="s">
        <v>16245</v>
      </c>
      <c r="F26290" t="s">
        <v>16246</v>
      </c>
      <c r="G26290" t="s">
        <v>10734</v>
      </c>
      <c r="H26290" t="s">
        <v>10735</v>
      </c>
      <c r="I26290" s="2">
        <v>1</v>
      </c>
      <c r="J26290" s="2">
        <v>0</v>
      </c>
      <c r="K26290" s="2">
        <v>0</v>
      </c>
      <c r="L26290" t="s">
        <v>120</v>
      </c>
      <c r="M26290" t="s">
        <v>83</v>
      </c>
      <c r="N26290" t="s">
        <v>84</v>
      </c>
      <c r="O26290" t="s">
        <v>85</v>
      </c>
      <c r="P26290" t="s">
        <v>86</v>
      </c>
      <c r="Q26290">
        <v>5</v>
      </c>
      <c r="R26290">
        <v>5</v>
      </c>
      <c r="S26290">
        <v>5</v>
      </c>
      <c r="T26290">
        <v>5</v>
      </c>
      <c r="U26290">
        <v>5</v>
      </c>
      <c r="V26290">
        <v>5</v>
      </c>
      <c r="W26290">
        <v>5</v>
      </c>
      <c r="X26290">
        <v>6</v>
      </c>
      <c r="Y26290">
        <v>6</v>
      </c>
      <c r="Z26290">
        <v>6</v>
      </c>
      <c r="AA26290">
        <v>6</v>
      </c>
      <c r="AB26290">
        <v>6</v>
      </c>
      <c r="AC26290">
        <v>6</v>
      </c>
      <c r="AD26290">
        <v>6</v>
      </c>
      <c r="AE26290">
        <v>6</v>
      </c>
      <c r="AF26290">
        <v>6</v>
      </c>
      <c r="AG26290">
        <v>6</v>
      </c>
      <c r="AH26290">
        <v>7</v>
      </c>
      <c r="AI26290">
        <v>7</v>
      </c>
      <c r="AJ26290">
        <v>7</v>
      </c>
      <c r="AK26290">
        <v>7</v>
      </c>
      <c r="AL26290">
        <v>7</v>
      </c>
      <c r="AM26290">
        <v>7</v>
      </c>
      <c r="AN26290">
        <v>7</v>
      </c>
      <c r="AO26290">
        <v>7</v>
      </c>
      <c r="AP26290">
        <v>7</v>
      </c>
      <c r="AQ26290">
        <v>7</v>
      </c>
    </row>
    <row r="26291" spans="1:43">
      <c r="A26291" t="s">
        <v>16273</v>
      </c>
      <c r="B26291" t="s">
        <v>16274</v>
      </c>
      <c r="C26291" t="s">
        <v>16271</v>
      </c>
      <c r="D26291" t="s">
        <v>16272</v>
      </c>
      <c r="E26291" t="s">
        <v>16245</v>
      </c>
      <c r="F26291" t="s">
        <v>16246</v>
      </c>
      <c r="G26291" t="s">
        <v>10734</v>
      </c>
      <c r="H26291" t="s">
        <v>10735</v>
      </c>
      <c r="I26291" s="2">
        <v>1</v>
      </c>
      <c r="J26291" s="2">
        <v>0</v>
      </c>
      <c r="K26291" s="2">
        <v>0</v>
      </c>
      <c r="L26291" t="s">
        <v>120</v>
      </c>
      <c r="M26291" t="s">
        <v>87</v>
      </c>
      <c r="N26291" t="s">
        <v>88</v>
      </c>
      <c r="O26291" t="s">
        <v>85</v>
      </c>
      <c r="P26291" t="s">
        <v>86</v>
      </c>
      <c r="Q26291">
        <v>5</v>
      </c>
      <c r="R26291">
        <v>5</v>
      </c>
      <c r="S26291">
        <v>5</v>
      </c>
      <c r="T26291">
        <v>5</v>
      </c>
      <c r="U26291">
        <v>5</v>
      </c>
      <c r="V26291">
        <v>5</v>
      </c>
      <c r="W26291">
        <v>5</v>
      </c>
      <c r="X26291">
        <v>5</v>
      </c>
      <c r="Y26291">
        <v>5</v>
      </c>
      <c r="Z26291">
        <v>5</v>
      </c>
      <c r="AA26291">
        <v>5</v>
      </c>
      <c r="AB26291">
        <v>5</v>
      </c>
      <c r="AC26291">
        <v>5</v>
      </c>
      <c r="AD26291">
        <v>5</v>
      </c>
      <c r="AE26291">
        <v>6</v>
      </c>
      <c r="AF26291">
        <v>6</v>
      </c>
      <c r="AG26291">
        <v>6</v>
      </c>
      <c r="AH26291">
        <v>6</v>
      </c>
      <c r="AI26291">
        <v>6</v>
      </c>
      <c r="AJ26291">
        <v>6</v>
      </c>
      <c r="AK26291">
        <v>6</v>
      </c>
      <c r="AL26291">
        <v>6</v>
      </c>
      <c r="AM26291">
        <v>6</v>
      </c>
      <c r="AN26291">
        <v>6</v>
      </c>
      <c r="AO26291">
        <v>6</v>
      </c>
      <c r="AP26291">
        <v>6</v>
      </c>
      <c r="AQ26291">
        <v>6</v>
      </c>
    </row>
    <row r="26292" spans="1:43">
      <c r="A26292" t="s">
        <v>16273</v>
      </c>
      <c r="B26292" t="s">
        <v>16274</v>
      </c>
      <c r="C26292" t="s">
        <v>16271</v>
      </c>
      <c r="D26292" t="s">
        <v>16272</v>
      </c>
      <c r="E26292" t="s">
        <v>16245</v>
      </c>
      <c r="F26292" t="s">
        <v>16246</v>
      </c>
      <c r="G26292" t="s">
        <v>10734</v>
      </c>
      <c r="H26292" t="s">
        <v>10735</v>
      </c>
      <c r="I26292" s="2">
        <v>1</v>
      </c>
      <c r="J26292" s="2">
        <v>0</v>
      </c>
      <c r="K26292" s="2">
        <v>0</v>
      </c>
      <c r="L26292" t="s">
        <v>120</v>
      </c>
      <c r="M26292" t="s">
        <v>89</v>
      </c>
      <c r="N26292" t="s">
        <v>90</v>
      </c>
      <c r="O26292" t="s">
        <v>85</v>
      </c>
      <c r="P26292" t="s">
        <v>86</v>
      </c>
      <c r="Q26292">
        <v>5</v>
      </c>
      <c r="R26292">
        <v>5</v>
      </c>
      <c r="S26292">
        <v>5</v>
      </c>
      <c r="T26292">
        <v>5</v>
      </c>
      <c r="U26292">
        <v>5</v>
      </c>
      <c r="V26292">
        <v>6</v>
      </c>
      <c r="W26292">
        <v>6</v>
      </c>
      <c r="X26292">
        <v>6</v>
      </c>
      <c r="Y26292">
        <v>6</v>
      </c>
      <c r="Z26292">
        <v>6</v>
      </c>
      <c r="AA26292">
        <v>6</v>
      </c>
      <c r="AB26292">
        <v>6</v>
      </c>
      <c r="AC26292">
        <v>6</v>
      </c>
      <c r="AD26292">
        <v>7</v>
      </c>
      <c r="AE26292">
        <v>7</v>
      </c>
      <c r="AF26292">
        <v>7</v>
      </c>
      <c r="AG26292">
        <v>7</v>
      </c>
      <c r="AH26292">
        <v>7</v>
      </c>
      <c r="AI26292">
        <v>7</v>
      </c>
      <c r="AJ26292">
        <v>7</v>
      </c>
      <c r="AK26292">
        <v>7</v>
      </c>
      <c r="AL26292">
        <v>7</v>
      </c>
      <c r="AM26292">
        <v>7</v>
      </c>
      <c r="AN26292">
        <v>7</v>
      </c>
      <c r="AO26292">
        <v>7</v>
      </c>
      <c r="AP26292">
        <v>7</v>
      </c>
      <c r="AQ26292">
        <v>7</v>
      </c>
    </row>
    <row r="26293" spans="1:43">
      <c r="A26293" t="s">
        <v>16273</v>
      </c>
      <c r="B26293" t="s">
        <v>16274</v>
      </c>
      <c r="C26293" t="s">
        <v>16271</v>
      </c>
      <c r="D26293" t="s">
        <v>16272</v>
      </c>
      <c r="E26293" t="s">
        <v>16245</v>
      </c>
      <c r="F26293" t="s">
        <v>16246</v>
      </c>
      <c r="G26293" t="s">
        <v>10734</v>
      </c>
      <c r="H26293" t="s">
        <v>10735</v>
      </c>
      <c r="I26293" s="2">
        <v>1</v>
      </c>
      <c r="J26293" s="2">
        <v>0</v>
      </c>
      <c r="K26293" s="2">
        <v>0</v>
      </c>
      <c r="L26293" t="s">
        <v>120</v>
      </c>
      <c r="M26293" t="s">
        <v>83</v>
      </c>
      <c r="N26293" t="s">
        <v>91</v>
      </c>
      <c r="O26293" t="s">
        <v>85</v>
      </c>
      <c r="P26293" t="s">
        <v>86</v>
      </c>
      <c r="Q26293">
        <v>5</v>
      </c>
      <c r="R26293">
        <v>5</v>
      </c>
      <c r="S26293">
        <v>5</v>
      </c>
      <c r="T26293">
        <v>5</v>
      </c>
      <c r="U26293">
        <v>5</v>
      </c>
      <c r="V26293">
        <v>5</v>
      </c>
      <c r="W26293">
        <v>5</v>
      </c>
      <c r="X26293">
        <v>6</v>
      </c>
      <c r="Y26293">
        <v>6</v>
      </c>
      <c r="Z26293">
        <v>6</v>
      </c>
      <c r="AA26293">
        <v>6</v>
      </c>
      <c r="AB26293">
        <v>6</v>
      </c>
      <c r="AC26293">
        <v>6</v>
      </c>
      <c r="AD26293">
        <v>6</v>
      </c>
      <c r="AE26293">
        <v>6</v>
      </c>
      <c r="AF26293">
        <v>6</v>
      </c>
      <c r="AG26293">
        <v>6</v>
      </c>
      <c r="AH26293">
        <v>7</v>
      </c>
      <c r="AI26293">
        <v>7</v>
      </c>
      <c r="AJ26293">
        <v>7</v>
      </c>
      <c r="AK26293">
        <v>7</v>
      </c>
      <c r="AL26293">
        <v>7</v>
      </c>
      <c r="AM26293">
        <v>7</v>
      </c>
      <c r="AN26293">
        <v>7</v>
      </c>
      <c r="AO26293">
        <v>7</v>
      </c>
      <c r="AP26293">
        <v>7</v>
      </c>
      <c r="AQ26293">
        <v>7</v>
      </c>
    </row>
    <row r="26294" spans="1:43">
      <c r="A26294" t="s">
        <v>16275</v>
      </c>
      <c r="B26294" t="s">
        <v>16276</v>
      </c>
      <c r="C26294" t="s">
        <v>16271</v>
      </c>
      <c r="D26294" t="s">
        <v>16272</v>
      </c>
      <c r="E26294" t="s">
        <v>16245</v>
      </c>
      <c r="F26294" t="s">
        <v>16246</v>
      </c>
      <c r="G26294" t="s">
        <v>10734</v>
      </c>
      <c r="H26294" t="s">
        <v>10735</v>
      </c>
      <c r="I26294" s="2">
        <v>1</v>
      </c>
      <c r="J26294" s="2">
        <v>0</v>
      </c>
      <c r="K26294" s="2">
        <v>0</v>
      </c>
      <c r="L26294" t="s">
        <v>120</v>
      </c>
      <c r="M26294" t="s">
        <v>83</v>
      </c>
      <c r="N26294" t="s">
        <v>84</v>
      </c>
      <c r="O26294" t="s">
        <v>85</v>
      </c>
      <c r="P26294" t="s">
        <v>86</v>
      </c>
      <c r="Q26294">
        <v>20</v>
      </c>
      <c r="R26294">
        <v>21</v>
      </c>
      <c r="S26294">
        <v>21</v>
      </c>
      <c r="T26294">
        <v>22</v>
      </c>
      <c r="U26294">
        <v>22</v>
      </c>
      <c r="V26294">
        <v>22</v>
      </c>
      <c r="W26294">
        <v>23</v>
      </c>
      <c r="X26294">
        <v>23</v>
      </c>
      <c r="Y26294">
        <v>24</v>
      </c>
      <c r="Z26294">
        <v>24</v>
      </c>
      <c r="AA26294">
        <v>25</v>
      </c>
      <c r="AB26294">
        <v>25</v>
      </c>
      <c r="AC26294">
        <v>26</v>
      </c>
      <c r="AD26294">
        <v>26</v>
      </c>
      <c r="AE26294">
        <v>26</v>
      </c>
      <c r="AF26294">
        <v>27</v>
      </c>
      <c r="AG26294">
        <v>27</v>
      </c>
      <c r="AH26294">
        <v>28</v>
      </c>
      <c r="AI26294">
        <v>28</v>
      </c>
      <c r="AJ26294">
        <v>29</v>
      </c>
      <c r="AK26294">
        <v>29</v>
      </c>
      <c r="AL26294">
        <v>30</v>
      </c>
      <c r="AM26294">
        <v>30</v>
      </c>
      <c r="AN26294">
        <v>30</v>
      </c>
      <c r="AO26294">
        <v>31</v>
      </c>
      <c r="AP26294">
        <v>31</v>
      </c>
      <c r="AQ26294">
        <v>31</v>
      </c>
    </row>
    <row r="26295" spans="1:43">
      <c r="A26295" t="s">
        <v>16275</v>
      </c>
      <c r="B26295" t="s">
        <v>16276</v>
      </c>
      <c r="C26295" t="s">
        <v>16271</v>
      </c>
      <c r="D26295" t="s">
        <v>16272</v>
      </c>
      <c r="E26295" t="s">
        <v>16245</v>
      </c>
      <c r="F26295" t="s">
        <v>16246</v>
      </c>
      <c r="G26295" t="s">
        <v>10734</v>
      </c>
      <c r="H26295" t="s">
        <v>10735</v>
      </c>
      <c r="I26295" s="2">
        <v>1</v>
      </c>
      <c r="J26295" s="2">
        <v>0</v>
      </c>
      <c r="K26295" s="2">
        <v>0</v>
      </c>
      <c r="L26295" t="s">
        <v>120</v>
      </c>
      <c r="M26295" t="s">
        <v>87</v>
      </c>
      <c r="N26295" t="s">
        <v>88</v>
      </c>
      <c r="O26295" t="s">
        <v>85</v>
      </c>
      <c r="P26295" t="s">
        <v>86</v>
      </c>
      <c r="Q26295">
        <v>20</v>
      </c>
      <c r="R26295">
        <v>20</v>
      </c>
      <c r="S26295">
        <v>21</v>
      </c>
      <c r="T26295">
        <v>21</v>
      </c>
      <c r="U26295">
        <v>21</v>
      </c>
      <c r="V26295">
        <v>21</v>
      </c>
      <c r="W26295">
        <v>22</v>
      </c>
      <c r="X26295">
        <v>22</v>
      </c>
      <c r="Y26295">
        <v>22</v>
      </c>
      <c r="Z26295">
        <v>22</v>
      </c>
      <c r="AA26295">
        <v>22</v>
      </c>
      <c r="AB26295">
        <v>23</v>
      </c>
      <c r="AC26295">
        <v>23</v>
      </c>
      <c r="AD26295">
        <v>23</v>
      </c>
      <c r="AE26295">
        <v>23</v>
      </c>
      <c r="AF26295">
        <v>24</v>
      </c>
      <c r="AG26295">
        <v>24</v>
      </c>
      <c r="AH26295">
        <v>24</v>
      </c>
      <c r="AI26295">
        <v>25</v>
      </c>
      <c r="AJ26295">
        <v>25</v>
      </c>
      <c r="AK26295">
        <v>25</v>
      </c>
      <c r="AL26295">
        <v>25</v>
      </c>
      <c r="AM26295">
        <v>26</v>
      </c>
      <c r="AN26295">
        <v>26</v>
      </c>
      <c r="AO26295">
        <v>26</v>
      </c>
      <c r="AP26295">
        <v>27</v>
      </c>
      <c r="AQ26295">
        <v>27</v>
      </c>
    </row>
    <row r="26296" spans="1:43">
      <c r="A26296" t="s">
        <v>16275</v>
      </c>
      <c r="B26296" t="s">
        <v>16276</v>
      </c>
      <c r="C26296" t="s">
        <v>16271</v>
      </c>
      <c r="D26296" t="s">
        <v>16272</v>
      </c>
      <c r="E26296" t="s">
        <v>16245</v>
      </c>
      <c r="F26296" t="s">
        <v>16246</v>
      </c>
      <c r="G26296" t="s">
        <v>10734</v>
      </c>
      <c r="H26296" t="s">
        <v>10735</v>
      </c>
      <c r="I26296" s="2">
        <v>1</v>
      </c>
      <c r="J26296" s="2">
        <v>0</v>
      </c>
      <c r="K26296" s="2">
        <v>0</v>
      </c>
      <c r="L26296" t="s">
        <v>120</v>
      </c>
      <c r="M26296" t="s">
        <v>89</v>
      </c>
      <c r="N26296" t="s">
        <v>90</v>
      </c>
      <c r="O26296" t="s">
        <v>85</v>
      </c>
      <c r="P26296" t="s">
        <v>86</v>
      </c>
      <c r="Q26296">
        <v>20</v>
      </c>
      <c r="R26296">
        <v>20</v>
      </c>
      <c r="S26296">
        <v>21</v>
      </c>
      <c r="T26296">
        <v>21</v>
      </c>
      <c r="U26296">
        <v>22</v>
      </c>
      <c r="V26296">
        <v>22</v>
      </c>
      <c r="W26296">
        <v>23</v>
      </c>
      <c r="X26296">
        <v>24</v>
      </c>
      <c r="Y26296">
        <v>24</v>
      </c>
      <c r="Z26296">
        <v>25</v>
      </c>
      <c r="AA26296">
        <v>25</v>
      </c>
      <c r="AB26296">
        <v>26</v>
      </c>
      <c r="AC26296">
        <v>26</v>
      </c>
      <c r="AD26296">
        <v>27</v>
      </c>
      <c r="AE26296">
        <v>27</v>
      </c>
      <c r="AF26296">
        <v>28</v>
      </c>
      <c r="AG26296">
        <v>28</v>
      </c>
      <c r="AH26296">
        <v>28</v>
      </c>
      <c r="AI26296">
        <v>28</v>
      </c>
      <c r="AJ26296">
        <v>29</v>
      </c>
      <c r="AK26296">
        <v>29</v>
      </c>
      <c r="AL26296">
        <v>29</v>
      </c>
      <c r="AM26296">
        <v>29</v>
      </c>
      <c r="AN26296">
        <v>30</v>
      </c>
      <c r="AO26296">
        <v>30</v>
      </c>
      <c r="AP26296">
        <v>30</v>
      </c>
      <c r="AQ26296">
        <v>30</v>
      </c>
    </row>
    <row r="26297" spans="1:43">
      <c r="A26297" t="s">
        <v>16275</v>
      </c>
      <c r="B26297" t="s">
        <v>16276</v>
      </c>
      <c r="C26297" t="s">
        <v>16271</v>
      </c>
      <c r="D26297" t="s">
        <v>16272</v>
      </c>
      <c r="E26297" t="s">
        <v>16245</v>
      </c>
      <c r="F26297" t="s">
        <v>16246</v>
      </c>
      <c r="G26297" t="s">
        <v>10734</v>
      </c>
      <c r="H26297" t="s">
        <v>10735</v>
      </c>
      <c r="I26297" s="2">
        <v>1</v>
      </c>
      <c r="J26297" s="2">
        <v>0</v>
      </c>
      <c r="K26297" s="2">
        <v>0</v>
      </c>
      <c r="L26297" t="s">
        <v>120</v>
      </c>
      <c r="M26297" t="s">
        <v>83</v>
      </c>
      <c r="N26297" t="s">
        <v>91</v>
      </c>
      <c r="O26297" t="s">
        <v>85</v>
      </c>
      <c r="P26297" t="s">
        <v>86</v>
      </c>
      <c r="Q26297">
        <v>20</v>
      </c>
      <c r="R26297">
        <v>21</v>
      </c>
      <c r="S26297">
        <v>21</v>
      </c>
      <c r="T26297">
        <v>22</v>
      </c>
      <c r="U26297">
        <v>22</v>
      </c>
      <c r="V26297">
        <v>22</v>
      </c>
      <c r="W26297">
        <v>23</v>
      </c>
      <c r="X26297">
        <v>23</v>
      </c>
      <c r="Y26297">
        <v>24</v>
      </c>
      <c r="Z26297">
        <v>24</v>
      </c>
      <c r="AA26297">
        <v>25</v>
      </c>
      <c r="AB26297">
        <v>25</v>
      </c>
      <c r="AC26297">
        <v>26</v>
      </c>
      <c r="AD26297">
        <v>26</v>
      </c>
      <c r="AE26297">
        <v>26</v>
      </c>
      <c r="AF26297">
        <v>27</v>
      </c>
      <c r="AG26297">
        <v>27</v>
      </c>
      <c r="AH26297">
        <v>28</v>
      </c>
      <c r="AI26297">
        <v>28</v>
      </c>
      <c r="AJ26297">
        <v>29</v>
      </c>
      <c r="AK26297">
        <v>29</v>
      </c>
      <c r="AL26297">
        <v>30</v>
      </c>
      <c r="AM26297">
        <v>30</v>
      </c>
      <c r="AN26297">
        <v>30</v>
      </c>
      <c r="AO26297">
        <v>31</v>
      </c>
      <c r="AP26297">
        <v>31</v>
      </c>
      <c r="AQ26297">
        <v>31</v>
      </c>
    </row>
    <row r="26298" spans="1:43">
      <c r="A26298" t="s">
        <v>16277</v>
      </c>
      <c r="B26298" t="s">
        <v>16278</v>
      </c>
      <c r="C26298" t="s">
        <v>16279</v>
      </c>
      <c r="D26298" t="s">
        <v>16280</v>
      </c>
      <c r="E26298" t="s">
        <v>16245</v>
      </c>
      <c r="F26298" t="s">
        <v>16246</v>
      </c>
      <c r="G26298" t="s">
        <v>10734</v>
      </c>
      <c r="H26298" t="s">
        <v>10735</v>
      </c>
      <c r="I26298" s="2">
        <v>1</v>
      </c>
      <c r="J26298" s="2">
        <v>0</v>
      </c>
      <c r="K26298" s="2">
        <v>0</v>
      </c>
      <c r="L26298" t="s">
        <v>120</v>
      </c>
      <c r="M26298" t="s">
        <v>83</v>
      </c>
      <c r="N26298" t="s">
        <v>84</v>
      </c>
      <c r="O26298" t="s">
        <v>85</v>
      </c>
      <c r="P26298" t="s">
        <v>86</v>
      </c>
      <c r="Q26298">
        <v>50</v>
      </c>
      <c r="R26298">
        <v>51</v>
      </c>
      <c r="S26298">
        <v>52</v>
      </c>
      <c r="T26298">
        <v>53</v>
      </c>
      <c r="U26298">
        <v>54</v>
      </c>
      <c r="V26298">
        <v>55</v>
      </c>
      <c r="W26298">
        <v>56</v>
      </c>
      <c r="X26298">
        <v>57</v>
      </c>
      <c r="Y26298">
        <v>58</v>
      </c>
      <c r="Z26298">
        <v>60</v>
      </c>
      <c r="AA26298">
        <v>61</v>
      </c>
      <c r="AB26298">
        <v>62</v>
      </c>
      <c r="AC26298">
        <v>63</v>
      </c>
      <c r="AD26298">
        <v>64</v>
      </c>
      <c r="AE26298">
        <v>65</v>
      </c>
      <c r="AF26298">
        <v>66</v>
      </c>
      <c r="AG26298">
        <v>68</v>
      </c>
      <c r="AH26298">
        <v>69</v>
      </c>
      <c r="AI26298">
        <v>70</v>
      </c>
      <c r="AJ26298">
        <v>71</v>
      </c>
      <c r="AK26298">
        <v>73</v>
      </c>
      <c r="AL26298">
        <v>73</v>
      </c>
      <c r="AM26298">
        <v>74</v>
      </c>
      <c r="AN26298">
        <v>75</v>
      </c>
      <c r="AO26298">
        <v>75</v>
      </c>
      <c r="AP26298">
        <v>76</v>
      </c>
      <c r="AQ26298">
        <v>77</v>
      </c>
    </row>
    <row r="26299" spans="1:43">
      <c r="A26299" t="s">
        <v>16277</v>
      </c>
      <c r="B26299" t="s">
        <v>16278</v>
      </c>
      <c r="C26299" t="s">
        <v>16279</v>
      </c>
      <c r="D26299" t="s">
        <v>16280</v>
      </c>
      <c r="E26299" t="s">
        <v>16245</v>
      </c>
      <c r="F26299" t="s">
        <v>16246</v>
      </c>
      <c r="G26299" t="s">
        <v>10734</v>
      </c>
      <c r="H26299" t="s">
        <v>10735</v>
      </c>
      <c r="I26299" s="2">
        <v>1</v>
      </c>
      <c r="J26299" s="2">
        <v>0</v>
      </c>
      <c r="K26299" s="2">
        <v>0</v>
      </c>
      <c r="L26299" t="s">
        <v>120</v>
      </c>
      <c r="M26299" t="s">
        <v>87</v>
      </c>
      <c r="N26299" t="s">
        <v>88</v>
      </c>
      <c r="O26299" t="s">
        <v>85</v>
      </c>
      <c r="P26299" t="s">
        <v>86</v>
      </c>
      <c r="Q26299">
        <v>50</v>
      </c>
      <c r="R26299">
        <v>50</v>
      </c>
      <c r="S26299">
        <v>51</v>
      </c>
      <c r="T26299">
        <v>51</v>
      </c>
      <c r="U26299">
        <v>52</v>
      </c>
      <c r="V26299">
        <v>52</v>
      </c>
      <c r="W26299">
        <v>53</v>
      </c>
      <c r="X26299">
        <v>54</v>
      </c>
      <c r="Y26299">
        <v>54</v>
      </c>
      <c r="Z26299">
        <v>55</v>
      </c>
      <c r="AA26299">
        <v>55</v>
      </c>
      <c r="AB26299">
        <v>56</v>
      </c>
      <c r="AC26299">
        <v>57</v>
      </c>
      <c r="AD26299">
        <v>57</v>
      </c>
      <c r="AE26299">
        <v>58</v>
      </c>
      <c r="AF26299">
        <v>58</v>
      </c>
      <c r="AG26299">
        <v>59</v>
      </c>
      <c r="AH26299">
        <v>60</v>
      </c>
      <c r="AI26299">
        <v>60</v>
      </c>
      <c r="AJ26299">
        <v>61</v>
      </c>
      <c r="AK26299">
        <v>62</v>
      </c>
      <c r="AL26299">
        <v>63</v>
      </c>
      <c r="AM26299">
        <v>63</v>
      </c>
      <c r="AN26299">
        <v>64</v>
      </c>
      <c r="AO26299">
        <v>65</v>
      </c>
      <c r="AP26299">
        <v>66</v>
      </c>
      <c r="AQ26299">
        <v>67</v>
      </c>
    </row>
    <row r="26300" spans="1:43">
      <c r="A26300" t="s">
        <v>16277</v>
      </c>
      <c r="B26300" t="s">
        <v>16278</v>
      </c>
      <c r="C26300" t="s">
        <v>16279</v>
      </c>
      <c r="D26300" t="s">
        <v>16280</v>
      </c>
      <c r="E26300" t="s">
        <v>16245</v>
      </c>
      <c r="F26300" t="s">
        <v>16246</v>
      </c>
      <c r="G26300" t="s">
        <v>10734</v>
      </c>
      <c r="H26300" t="s">
        <v>10735</v>
      </c>
      <c r="I26300" s="2">
        <v>1</v>
      </c>
      <c r="J26300" s="2">
        <v>0</v>
      </c>
      <c r="K26300" s="2">
        <v>0</v>
      </c>
      <c r="L26300" t="s">
        <v>120</v>
      </c>
      <c r="M26300" t="s">
        <v>89</v>
      </c>
      <c r="N26300" t="s">
        <v>90</v>
      </c>
      <c r="O26300" t="s">
        <v>85</v>
      </c>
      <c r="P26300" t="s">
        <v>86</v>
      </c>
      <c r="Q26300">
        <v>50</v>
      </c>
      <c r="R26300">
        <v>51</v>
      </c>
      <c r="S26300">
        <v>53</v>
      </c>
      <c r="T26300">
        <v>54</v>
      </c>
      <c r="U26300">
        <v>55</v>
      </c>
      <c r="V26300">
        <v>57</v>
      </c>
      <c r="W26300">
        <v>58</v>
      </c>
      <c r="X26300">
        <v>60</v>
      </c>
      <c r="Y26300">
        <v>61</v>
      </c>
      <c r="Z26300">
        <v>62</v>
      </c>
      <c r="AA26300">
        <v>64</v>
      </c>
      <c r="AB26300">
        <v>65</v>
      </c>
      <c r="AC26300">
        <v>66</v>
      </c>
      <c r="AD26300">
        <v>68</v>
      </c>
      <c r="AE26300">
        <v>69</v>
      </c>
      <c r="AF26300">
        <v>70</v>
      </c>
      <c r="AG26300">
        <v>70</v>
      </c>
      <c r="AH26300">
        <v>71</v>
      </c>
      <c r="AI26300">
        <v>71</v>
      </c>
      <c r="AJ26300">
        <v>72</v>
      </c>
      <c r="AK26300">
        <v>72</v>
      </c>
      <c r="AL26300">
        <v>73</v>
      </c>
      <c r="AM26300">
        <v>74</v>
      </c>
      <c r="AN26300">
        <v>74</v>
      </c>
      <c r="AO26300">
        <v>75</v>
      </c>
      <c r="AP26300">
        <v>76</v>
      </c>
      <c r="AQ26300">
        <v>76</v>
      </c>
    </row>
    <row r="26301" spans="1:43">
      <c r="A26301" t="s">
        <v>16277</v>
      </c>
      <c r="B26301" t="s">
        <v>16278</v>
      </c>
      <c r="C26301" t="s">
        <v>16279</v>
      </c>
      <c r="D26301" t="s">
        <v>16280</v>
      </c>
      <c r="E26301" t="s">
        <v>16245</v>
      </c>
      <c r="F26301" t="s">
        <v>16246</v>
      </c>
      <c r="G26301" t="s">
        <v>10734</v>
      </c>
      <c r="H26301" t="s">
        <v>10735</v>
      </c>
      <c r="I26301" s="2">
        <v>1</v>
      </c>
      <c r="J26301" s="2">
        <v>0</v>
      </c>
      <c r="K26301" s="2">
        <v>0</v>
      </c>
      <c r="L26301" t="s">
        <v>120</v>
      </c>
      <c r="M26301" t="s">
        <v>83</v>
      </c>
      <c r="N26301" t="s">
        <v>91</v>
      </c>
      <c r="O26301" t="s">
        <v>85</v>
      </c>
      <c r="P26301" t="s">
        <v>86</v>
      </c>
      <c r="Q26301">
        <v>50</v>
      </c>
      <c r="R26301">
        <v>51</v>
      </c>
      <c r="S26301">
        <v>52</v>
      </c>
      <c r="T26301">
        <v>53</v>
      </c>
      <c r="U26301">
        <v>54</v>
      </c>
      <c r="V26301">
        <v>55</v>
      </c>
      <c r="W26301">
        <v>56</v>
      </c>
      <c r="X26301">
        <v>57</v>
      </c>
      <c r="Y26301">
        <v>58</v>
      </c>
      <c r="Z26301">
        <v>60</v>
      </c>
      <c r="AA26301">
        <v>61</v>
      </c>
      <c r="AB26301">
        <v>62</v>
      </c>
      <c r="AC26301">
        <v>63</v>
      </c>
      <c r="AD26301">
        <v>64</v>
      </c>
      <c r="AE26301">
        <v>65</v>
      </c>
      <c r="AF26301">
        <v>66</v>
      </c>
      <c r="AG26301">
        <v>68</v>
      </c>
      <c r="AH26301">
        <v>69</v>
      </c>
      <c r="AI26301">
        <v>70</v>
      </c>
      <c r="AJ26301">
        <v>71</v>
      </c>
      <c r="AK26301">
        <v>73</v>
      </c>
      <c r="AL26301">
        <v>73</v>
      </c>
      <c r="AM26301">
        <v>74</v>
      </c>
      <c r="AN26301">
        <v>75</v>
      </c>
      <c r="AO26301">
        <v>75</v>
      </c>
      <c r="AP26301">
        <v>76</v>
      </c>
      <c r="AQ26301">
        <v>77</v>
      </c>
    </row>
    <row r="26302" spans="1:43">
      <c r="A26302" t="s">
        <v>16281</v>
      </c>
      <c r="B26302" t="s">
        <v>16282</v>
      </c>
      <c r="C26302" t="s">
        <v>16283</v>
      </c>
      <c r="D26302" t="s">
        <v>16284</v>
      </c>
      <c r="E26302" t="s">
        <v>16245</v>
      </c>
      <c r="F26302" t="s">
        <v>16246</v>
      </c>
      <c r="G26302" t="s">
        <v>10734</v>
      </c>
      <c r="H26302" t="s">
        <v>10735</v>
      </c>
      <c r="I26302" s="2">
        <v>1</v>
      </c>
      <c r="J26302" s="2">
        <v>0</v>
      </c>
      <c r="K26302" s="2">
        <v>0</v>
      </c>
      <c r="L26302" t="s">
        <v>120</v>
      </c>
      <c r="M26302" t="s">
        <v>83</v>
      </c>
      <c r="N26302" t="s">
        <v>84</v>
      </c>
      <c r="O26302" t="s">
        <v>85</v>
      </c>
      <c r="P26302" t="s">
        <v>86</v>
      </c>
      <c r="Q26302">
        <v>22</v>
      </c>
      <c r="R26302">
        <v>22</v>
      </c>
      <c r="S26302">
        <v>22</v>
      </c>
      <c r="T26302">
        <v>23</v>
      </c>
      <c r="U26302">
        <v>23</v>
      </c>
      <c r="V26302">
        <v>24</v>
      </c>
      <c r="W26302">
        <v>24</v>
      </c>
      <c r="X26302">
        <v>25</v>
      </c>
      <c r="Y26302">
        <v>25</v>
      </c>
      <c r="Z26302">
        <v>26</v>
      </c>
      <c r="AA26302">
        <v>26</v>
      </c>
      <c r="AB26302">
        <v>26</v>
      </c>
      <c r="AC26302">
        <v>27</v>
      </c>
      <c r="AD26302">
        <v>27</v>
      </c>
      <c r="AE26302">
        <v>28</v>
      </c>
      <c r="AF26302">
        <v>28</v>
      </c>
      <c r="AG26302">
        <v>29</v>
      </c>
      <c r="AH26302">
        <v>29</v>
      </c>
      <c r="AI26302">
        <v>30</v>
      </c>
      <c r="AJ26302">
        <v>30</v>
      </c>
      <c r="AK26302">
        <v>31</v>
      </c>
      <c r="AL26302">
        <v>31</v>
      </c>
      <c r="AM26302">
        <v>32</v>
      </c>
      <c r="AN26302">
        <v>32</v>
      </c>
      <c r="AO26302">
        <v>32</v>
      </c>
      <c r="AP26302">
        <v>32</v>
      </c>
      <c r="AQ26302">
        <v>33</v>
      </c>
    </row>
    <row r="26303" spans="1:43">
      <c r="A26303" t="s">
        <v>16281</v>
      </c>
      <c r="B26303" t="s">
        <v>16282</v>
      </c>
      <c r="C26303" t="s">
        <v>16283</v>
      </c>
      <c r="D26303" t="s">
        <v>16284</v>
      </c>
      <c r="E26303" t="s">
        <v>16245</v>
      </c>
      <c r="F26303" t="s">
        <v>16246</v>
      </c>
      <c r="G26303" t="s">
        <v>10734</v>
      </c>
      <c r="H26303" t="s">
        <v>10735</v>
      </c>
      <c r="I26303" s="2">
        <v>1</v>
      </c>
      <c r="J26303" s="2">
        <v>0</v>
      </c>
      <c r="K26303" s="2">
        <v>0</v>
      </c>
      <c r="L26303" t="s">
        <v>120</v>
      </c>
      <c r="M26303" t="s">
        <v>87</v>
      </c>
      <c r="N26303" t="s">
        <v>88</v>
      </c>
      <c r="O26303" t="s">
        <v>85</v>
      </c>
      <c r="P26303" t="s">
        <v>86</v>
      </c>
      <c r="Q26303">
        <v>22</v>
      </c>
      <c r="R26303">
        <v>23</v>
      </c>
      <c r="S26303">
        <v>23</v>
      </c>
      <c r="T26303">
        <v>23</v>
      </c>
      <c r="U26303">
        <v>23</v>
      </c>
      <c r="V26303">
        <v>24</v>
      </c>
      <c r="W26303">
        <v>24</v>
      </c>
      <c r="X26303">
        <v>24</v>
      </c>
      <c r="Y26303">
        <v>24</v>
      </c>
      <c r="Z26303">
        <v>24</v>
      </c>
      <c r="AA26303">
        <v>25</v>
      </c>
      <c r="AB26303">
        <v>25</v>
      </c>
      <c r="AC26303">
        <v>25</v>
      </c>
      <c r="AD26303">
        <v>26</v>
      </c>
      <c r="AE26303">
        <v>26</v>
      </c>
      <c r="AF26303">
        <v>26</v>
      </c>
      <c r="AG26303">
        <v>26</v>
      </c>
      <c r="AH26303">
        <v>27</v>
      </c>
      <c r="AI26303">
        <v>27</v>
      </c>
      <c r="AJ26303">
        <v>27</v>
      </c>
      <c r="AK26303">
        <v>28</v>
      </c>
      <c r="AL26303">
        <v>28</v>
      </c>
      <c r="AM26303">
        <v>28</v>
      </c>
      <c r="AN26303">
        <v>29</v>
      </c>
      <c r="AO26303">
        <v>29</v>
      </c>
      <c r="AP26303">
        <v>29</v>
      </c>
      <c r="AQ26303">
        <v>30</v>
      </c>
    </row>
    <row r="26304" spans="1:43">
      <c r="A26304" t="s">
        <v>16281</v>
      </c>
      <c r="B26304" t="s">
        <v>16282</v>
      </c>
      <c r="C26304" t="s">
        <v>16283</v>
      </c>
      <c r="D26304" t="s">
        <v>16284</v>
      </c>
      <c r="E26304" t="s">
        <v>16245</v>
      </c>
      <c r="F26304" t="s">
        <v>16246</v>
      </c>
      <c r="G26304" t="s">
        <v>10734</v>
      </c>
      <c r="H26304" t="s">
        <v>10735</v>
      </c>
      <c r="I26304" s="2">
        <v>1</v>
      </c>
      <c r="J26304" s="2">
        <v>0</v>
      </c>
      <c r="K26304" s="2">
        <v>0</v>
      </c>
      <c r="L26304" t="s">
        <v>120</v>
      </c>
      <c r="M26304" t="s">
        <v>89</v>
      </c>
      <c r="N26304" t="s">
        <v>90</v>
      </c>
      <c r="O26304" t="s">
        <v>85</v>
      </c>
      <c r="P26304" t="s">
        <v>86</v>
      </c>
      <c r="Q26304">
        <v>22</v>
      </c>
      <c r="R26304">
        <v>22</v>
      </c>
      <c r="S26304">
        <v>23</v>
      </c>
      <c r="T26304">
        <v>24</v>
      </c>
      <c r="U26304">
        <v>24</v>
      </c>
      <c r="V26304">
        <v>25</v>
      </c>
      <c r="W26304">
        <v>25</v>
      </c>
      <c r="X26304">
        <v>26</v>
      </c>
      <c r="Y26304">
        <v>26</v>
      </c>
      <c r="Z26304">
        <v>27</v>
      </c>
      <c r="AA26304">
        <v>28</v>
      </c>
      <c r="AB26304">
        <v>28</v>
      </c>
      <c r="AC26304">
        <v>29</v>
      </c>
      <c r="AD26304">
        <v>29</v>
      </c>
      <c r="AE26304">
        <v>30</v>
      </c>
      <c r="AF26304">
        <v>30</v>
      </c>
      <c r="AG26304">
        <v>30</v>
      </c>
      <c r="AH26304">
        <v>31</v>
      </c>
      <c r="AI26304">
        <v>31</v>
      </c>
      <c r="AJ26304">
        <v>31</v>
      </c>
      <c r="AK26304">
        <v>31</v>
      </c>
      <c r="AL26304">
        <v>32</v>
      </c>
      <c r="AM26304">
        <v>32</v>
      </c>
      <c r="AN26304">
        <v>32</v>
      </c>
      <c r="AO26304">
        <v>32</v>
      </c>
      <c r="AP26304">
        <v>33</v>
      </c>
      <c r="AQ26304">
        <v>33</v>
      </c>
    </row>
    <row r="26305" spans="1:43">
      <c r="A26305" t="s">
        <v>16281</v>
      </c>
      <c r="B26305" t="s">
        <v>16282</v>
      </c>
      <c r="C26305" t="s">
        <v>16283</v>
      </c>
      <c r="D26305" t="s">
        <v>16284</v>
      </c>
      <c r="E26305" t="s">
        <v>16245</v>
      </c>
      <c r="F26305" t="s">
        <v>16246</v>
      </c>
      <c r="G26305" t="s">
        <v>10734</v>
      </c>
      <c r="H26305" t="s">
        <v>10735</v>
      </c>
      <c r="I26305" s="2">
        <v>1</v>
      </c>
      <c r="J26305" s="2">
        <v>0</v>
      </c>
      <c r="K26305" s="2">
        <v>0</v>
      </c>
      <c r="L26305" t="s">
        <v>120</v>
      </c>
      <c r="M26305" t="s">
        <v>83</v>
      </c>
      <c r="N26305" t="s">
        <v>91</v>
      </c>
      <c r="O26305" t="s">
        <v>85</v>
      </c>
      <c r="P26305" t="s">
        <v>86</v>
      </c>
      <c r="Q26305">
        <v>22</v>
      </c>
      <c r="R26305">
        <v>22</v>
      </c>
      <c r="S26305">
        <v>22</v>
      </c>
      <c r="T26305">
        <v>23</v>
      </c>
      <c r="U26305">
        <v>23</v>
      </c>
      <c r="V26305">
        <v>24</v>
      </c>
      <c r="W26305">
        <v>24</v>
      </c>
      <c r="X26305">
        <v>25</v>
      </c>
      <c r="Y26305">
        <v>25</v>
      </c>
      <c r="Z26305">
        <v>26</v>
      </c>
      <c r="AA26305">
        <v>26</v>
      </c>
      <c r="AB26305">
        <v>26</v>
      </c>
      <c r="AC26305">
        <v>27</v>
      </c>
      <c r="AD26305">
        <v>27</v>
      </c>
      <c r="AE26305">
        <v>28</v>
      </c>
      <c r="AF26305">
        <v>28</v>
      </c>
      <c r="AG26305">
        <v>29</v>
      </c>
      <c r="AH26305">
        <v>29</v>
      </c>
      <c r="AI26305">
        <v>30</v>
      </c>
      <c r="AJ26305">
        <v>30</v>
      </c>
      <c r="AK26305">
        <v>31</v>
      </c>
      <c r="AL26305">
        <v>31</v>
      </c>
      <c r="AM26305">
        <v>32</v>
      </c>
      <c r="AN26305">
        <v>32</v>
      </c>
      <c r="AO26305">
        <v>32</v>
      </c>
      <c r="AP26305">
        <v>32</v>
      </c>
      <c r="AQ26305">
        <v>33</v>
      </c>
    </row>
    <row r="26306" spans="1:43">
      <c r="A26306" t="s">
        <v>16285</v>
      </c>
      <c r="B26306" t="s">
        <v>16286</v>
      </c>
      <c r="C26306" t="s">
        <v>16283</v>
      </c>
      <c r="D26306" t="s">
        <v>16284</v>
      </c>
      <c r="E26306" t="s">
        <v>16245</v>
      </c>
      <c r="F26306" t="s">
        <v>16246</v>
      </c>
      <c r="G26306" t="s">
        <v>10734</v>
      </c>
      <c r="H26306" t="s">
        <v>10735</v>
      </c>
      <c r="I26306" s="2">
        <v>1</v>
      </c>
      <c r="J26306" s="2">
        <v>0</v>
      </c>
      <c r="K26306" s="2">
        <v>0</v>
      </c>
      <c r="L26306" t="s">
        <v>120</v>
      </c>
      <c r="M26306" t="s">
        <v>83</v>
      </c>
      <c r="N26306" t="s">
        <v>84</v>
      </c>
      <c r="O26306" t="s">
        <v>85</v>
      </c>
      <c r="P26306" t="s">
        <v>86</v>
      </c>
      <c r="Q26306">
        <v>16</v>
      </c>
      <c r="R26306">
        <v>17</v>
      </c>
      <c r="S26306">
        <v>17</v>
      </c>
      <c r="T26306">
        <v>17</v>
      </c>
      <c r="U26306">
        <v>18</v>
      </c>
      <c r="V26306">
        <v>18</v>
      </c>
      <c r="W26306">
        <v>18</v>
      </c>
      <c r="X26306">
        <v>19</v>
      </c>
      <c r="Y26306">
        <v>19</v>
      </c>
      <c r="Z26306">
        <v>19</v>
      </c>
      <c r="AA26306">
        <v>20</v>
      </c>
      <c r="AB26306">
        <v>20</v>
      </c>
      <c r="AC26306">
        <v>20</v>
      </c>
      <c r="AD26306">
        <v>21</v>
      </c>
      <c r="AE26306">
        <v>21</v>
      </c>
      <c r="AF26306">
        <v>21</v>
      </c>
      <c r="AG26306">
        <v>22</v>
      </c>
      <c r="AH26306">
        <v>22</v>
      </c>
      <c r="AI26306">
        <v>23</v>
      </c>
      <c r="AJ26306">
        <v>23</v>
      </c>
      <c r="AK26306">
        <v>23</v>
      </c>
      <c r="AL26306">
        <v>24</v>
      </c>
      <c r="AM26306">
        <v>24</v>
      </c>
      <c r="AN26306">
        <v>24</v>
      </c>
      <c r="AO26306">
        <v>24</v>
      </c>
      <c r="AP26306">
        <v>25</v>
      </c>
      <c r="AQ26306">
        <v>25</v>
      </c>
    </row>
    <row r="26307" spans="1:43">
      <c r="A26307" t="s">
        <v>16285</v>
      </c>
      <c r="B26307" t="s">
        <v>16286</v>
      </c>
      <c r="C26307" t="s">
        <v>16283</v>
      </c>
      <c r="D26307" t="s">
        <v>16284</v>
      </c>
      <c r="E26307" t="s">
        <v>16245</v>
      </c>
      <c r="F26307" t="s">
        <v>16246</v>
      </c>
      <c r="G26307" t="s">
        <v>10734</v>
      </c>
      <c r="H26307" t="s">
        <v>10735</v>
      </c>
      <c r="I26307" s="2">
        <v>1</v>
      </c>
      <c r="J26307" s="2">
        <v>0</v>
      </c>
      <c r="K26307" s="2">
        <v>0</v>
      </c>
      <c r="L26307" t="s">
        <v>120</v>
      </c>
      <c r="M26307" t="s">
        <v>87</v>
      </c>
      <c r="N26307" t="s">
        <v>88</v>
      </c>
      <c r="O26307" t="s">
        <v>85</v>
      </c>
      <c r="P26307" t="s">
        <v>86</v>
      </c>
      <c r="Q26307">
        <v>16</v>
      </c>
      <c r="R26307">
        <v>16</v>
      </c>
      <c r="S26307">
        <v>17</v>
      </c>
      <c r="T26307">
        <v>17</v>
      </c>
      <c r="U26307">
        <v>17</v>
      </c>
      <c r="V26307">
        <v>17</v>
      </c>
      <c r="W26307">
        <v>17</v>
      </c>
      <c r="X26307">
        <v>17</v>
      </c>
      <c r="Y26307">
        <v>18</v>
      </c>
      <c r="Z26307">
        <v>18</v>
      </c>
      <c r="AA26307">
        <v>18</v>
      </c>
      <c r="AB26307">
        <v>18</v>
      </c>
      <c r="AC26307">
        <v>18</v>
      </c>
      <c r="AD26307">
        <v>19</v>
      </c>
      <c r="AE26307">
        <v>19</v>
      </c>
      <c r="AF26307">
        <v>19</v>
      </c>
      <c r="AG26307">
        <v>19</v>
      </c>
      <c r="AH26307">
        <v>19</v>
      </c>
      <c r="AI26307">
        <v>20</v>
      </c>
      <c r="AJ26307">
        <v>20</v>
      </c>
      <c r="AK26307">
        <v>20</v>
      </c>
      <c r="AL26307">
        <v>20</v>
      </c>
      <c r="AM26307">
        <v>21</v>
      </c>
      <c r="AN26307">
        <v>21</v>
      </c>
      <c r="AO26307">
        <v>21</v>
      </c>
      <c r="AP26307">
        <v>21</v>
      </c>
      <c r="AQ26307">
        <v>22</v>
      </c>
    </row>
    <row r="26308" spans="1:43">
      <c r="A26308" t="s">
        <v>16285</v>
      </c>
      <c r="B26308" t="s">
        <v>16286</v>
      </c>
      <c r="C26308" t="s">
        <v>16283</v>
      </c>
      <c r="D26308" t="s">
        <v>16284</v>
      </c>
      <c r="E26308" t="s">
        <v>16245</v>
      </c>
      <c r="F26308" t="s">
        <v>16246</v>
      </c>
      <c r="G26308" t="s">
        <v>10734</v>
      </c>
      <c r="H26308" t="s">
        <v>10735</v>
      </c>
      <c r="I26308" s="2">
        <v>1</v>
      </c>
      <c r="J26308" s="2">
        <v>0</v>
      </c>
      <c r="K26308" s="2">
        <v>0</v>
      </c>
      <c r="L26308" t="s">
        <v>120</v>
      </c>
      <c r="M26308" t="s">
        <v>89</v>
      </c>
      <c r="N26308" t="s">
        <v>90</v>
      </c>
      <c r="O26308" t="s">
        <v>85</v>
      </c>
      <c r="P26308" t="s">
        <v>86</v>
      </c>
      <c r="Q26308">
        <v>16</v>
      </c>
      <c r="R26308">
        <v>17</v>
      </c>
      <c r="S26308">
        <v>17</v>
      </c>
      <c r="T26308">
        <v>18</v>
      </c>
      <c r="U26308">
        <v>18</v>
      </c>
      <c r="V26308">
        <v>19</v>
      </c>
      <c r="W26308">
        <v>19</v>
      </c>
      <c r="X26308">
        <v>20</v>
      </c>
      <c r="Y26308">
        <v>20</v>
      </c>
      <c r="Z26308">
        <v>20</v>
      </c>
      <c r="AA26308">
        <v>21</v>
      </c>
      <c r="AB26308">
        <v>21</v>
      </c>
      <c r="AC26308">
        <v>22</v>
      </c>
      <c r="AD26308">
        <v>22</v>
      </c>
      <c r="AE26308">
        <v>23</v>
      </c>
      <c r="AF26308">
        <v>23</v>
      </c>
      <c r="AG26308">
        <v>23</v>
      </c>
      <c r="AH26308">
        <v>23</v>
      </c>
      <c r="AI26308">
        <v>23</v>
      </c>
      <c r="AJ26308">
        <v>24</v>
      </c>
      <c r="AK26308">
        <v>24</v>
      </c>
      <c r="AL26308">
        <v>24</v>
      </c>
      <c r="AM26308">
        <v>24</v>
      </c>
      <c r="AN26308">
        <v>24</v>
      </c>
      <c r="AO26308">
        <v>25</v>
      </c>
      <c r="AP26308">
        <v>25</v>
      </c>
      <c r="AQ26308">
        <v>25</v>
      </c>
    </row>
    <row r="26309" spans="1:43">
      <c r="A26309" t="s">
        <v>16285</v>
      </c>
      <c r="B26309" t="s">
        <v>16286</v>
      </c>
      <c r="C26309" t="s">
        <v>16283</v>
      </c>
      <c r="D26309" t="s">
        <v>16284</v>
      </c>
      <c r="E26309" t="s">
        <v>16245</v>
      </c>
      <c r="F26309" t="s">
        <v>16246</v>
      </c>
      <c r="G26309" t="s">
        <v>10734</v>
      </c>
      <c r="H26309" t="s">
        <v>10735</v>
      </c>
      <c r="I26309" s="2">
        <v>1</v>
      </c>
      <c r="J26309" s="2">
        <v>0</v>
      </c>
      <c r="K26309" s="2">
        <v>0</v>
      </c>
      <c r="L26309" t="s">
        <v>120</v>
      </c>
      <c r="M26309" t="s">
        <v>83</v>
      </c>
      <c r="N26309" t="s">
        <v>91</v>
      </c>
      <c r="O26309" t="s">
        <v>85</v>
      </c>
      <c r="P26309" t="s">
        <v>86</v>
      </c>
      <c r="Q26309">
        <v>16</v>
      </c>
      <c r="R26309">
        <v>17</v>
      </c>
      <c r="S26309">
        <v>17</v>
      </c>
      <c r="T26309">
        <v>17</v>
      </c>
      <c r="U26309">
        <v>18</v>
      </c>
      <c r="V26309">
        <v>18</v>
      </c>
      <c r="W26309">
        <v>18</v>
      </c>
      <c r="X26309">
        <v>19</v>
      </c>
      <c r="Y26309">
        <v>19</v>
      </c>
      <c r="Z26309">
        <v>19</v>
      </c>
      <c r="AA26309">
        <v>20</v>
      </c>
      <c r="AB26309">
        <v>20</v>
      </c>
      <c r="AC26309">
        <v>20</v>
      </c>
      <c r="AD26309">
        <v>21</v>
      </c>
      <c r="AE26309">
        <v>21</v>
      </c>
      <c r="AF26309">
        <v>21</v>
      </c>
      <c r="AG26309">
        <v>22</v>
      </c>
      <c r="AH26309">
        <v>22</v>
      </c>
      <c r="AI26309">
        <v>23</v>
      </c>
      <c r="AJ26309">
        <v>23</v>
      </c>
      <c r="AK26309">
        <v>23</v>
      </c>
      <c r="AL26309">
        <v>24</v>
      </c>
      <c r="AM26309">
        <v>24</v>
      </c>
      <c r="AN26309">
        <v>24</v>
      </c>
      <c r="AO26309">
        <v>24</v>
      </c>
      <c r="AP26309">
        <v>25</v>
      </c>
      <c r="AQ26309">
        <v>25</v>
      </c>
    </row>
    <row r="26310" spans="1:43">
      <c r="A26310" t="s">
        <v>16287</v>
      </c>
      <c r="B26310" t="s">
        <v>16288</v>
      </c>
      <c r="C26310" t="s">
        <v>16283</v>
      </c>
      <c r="D26310" t="s">
        <v>16284</v>
      </c>
      <c r="E26310" t="s">
        <v>16245</v>
      </c>
      <c r="F26310" t="s">
        <v>16246</v>
      </c>
      <c r="G26310" t="s">
        <v>10734</v>
      </c>
      <c r="H26310" t="s">
        <v>10735</v>
      </c>
      <c r="I26310" s="2">
        <v>1</v>
      </c>
      <c r="J26310" s="2">
        <v>0</v>
      </c>
      <c r="K26310" s="2">
        <v>0</v>
      </c>
      <c r="L26310" t="s">
        <v>120</v>
      </c>
      <c r="M26310" t="s">
        <v>83</v>
      </c>
      <c r="N26310" t="s">
        <v>84</v>
      </c>
      <c r="O26310" t="s">
        <v>85</v>
      </c>
      <c r="P26310" t="s">
        <v>86</v>
      </c>
      <c r="Q26310">
        <v>16</v>
      </c>
      <c r="R26310">
        <v>16</v>
      </c>
      <c r="S26310">
        <v>16</v>
      </c>
      <c r="T26310">
        <v>17</v>
      </c>
      <c r="U26310">
        <v>17</v>
      </c>
      <c r="V26310">
        <v>17</v>
      </c>
      <c r="W26310">
        <v>18</v>
      </c>
      <c r="X26310">
        <v>18</v>
      </c>
      <c r="Y26310">
        <v>18</v>
      </c>
      <c r="Z26310">
        <v>19</v>
      </c>
      <c r="AA26310">
        <v>19</v>
      </c>
      <c r="AB26310">
        <v>19</v>
      </c>
      <c r="AC26310">
        <v>20</v>
      </c>
      <c r="AD26310">
        <v>20</v>
      </c>
      <c r="AE26310">
        <v>20</v>
      </c>
      <c r="AF26310">
        <v>21</v>
      </c>
      <c r="AG26310">
        <v>21</v>
      </c>
      <c r="AH26310">
        <v>21</v>
      </c>
      <c r="AI26310">
        <v>22</v>
      </c>
      <c r="AJ26310">
        <v>22</v>
      </c>
      <c r="AK26310">
        <v>23</v>
      </c>
      <c r="AL26310">
        <v>23</v>
      </c>
      <c r="AM26310">
        <v>23</v>
      </c>
      <c r="AN26310">
        <v>23</v>
      </c>
      <c r="AO26310">
        <v>23</v>
      </c>
      <c r="AP26310">
        <v>24</v>
      </c>
      <c r="AQ26310">
        <v>24</v>
      </c>
    </row>
    <row r="26311" spans="1:43">
      <c r="A26311" t="s">
        <v>16287</v>
      </c>
      <c r="B26311" t="s">
        <v>16288</v>
      </c>
      <c r="C26311" t="s">
        <v>16283</v>
      </c>
      <c r="D26311" t="s">
        <v>16284</v>
      </c>
      <c r="E26311" t="s">
        <v>16245</v>
      </c>
      <c r="F26311" t="s">
        <v>16246</v>
      </c>
      <c r="G26311" t="s">
        <v>10734</v>
      </c>
      <c r="H26311" t="s">
        <v>10735</v>
      </c>
      <c r="I26311" s="2">
        <v>1</v>
      </c>
      <c r="J26311" s="2">
        <v>0</v>
      </c>
      <c r="K26311" s="2">
        <v>0</v>
      </c>
      <c r="L26311" t="s">
        <v>120</v>
      </c>
      <c r="M26311" t="s">
        <v>87</v>
      </c>
      <c r="N26311" t="s">
        <v>88</v>
      </c>
      <c r="O26311" t="s">
        <v>85</v>
      </c>
      <c r="P26311" t="s">
        <v>86</v>
      </c>
      <c r="Q26311">
        <v>16</v>
      </c>
      <c r="R26311">
        <v>16</v>
      </c>
      <c r="S26311">
        <v>16</v>
      </c>
      <c r="T26311">
        <v>16</v>
      </c>
      <c r="U26311">
        <v>16</v>
      </c>
      <c r="V26311">
        <v>16</v>
      </c>
      <c r="W26311">
        <v>17</v>
      </c>
      <c r="X26311">
        <v>17</v>
      </c>
      <c r="Y26311">
        <v>17</v>
      </c>
      <c r="Z26311">
        <v>17</v>
      </c>
      <c r="AA26311">
        <v>17</v>
      </c>
      <c r="AB26311">
        <v>18</v>
      </c>
      <c r="AC26311">
        <v>18</v>
      </c>
      <c r="AD26311">
        <v>18</v>
      </c>
      <c r="AE26311">
        <v>18</v>
      </c>
      <c r="AF26311">
        <v>18</v>
      </c>
      <c r="AG26311">
        <v>19</v>
      </c>
      <c r="AH26311">
        <v>19</v>
      </c>
      <c r="AI26311">
        <v>19</v>
      </c>
      <c r="AJ26311">
        <v>19</v>
      </c>
      <c r="AK26311">
        <v>19</v>
      </c>
      <c r="AL26311">
        <v>20</v>
      </c>
      <c r="AM26311">
        <v>20</v>
      </c>
      <c r="AN26311">
        <v>20</v>
      </c>
      <c r="AO26311">
        <v>20</v>
      </c>
      <c r="AP26311">
        <v>21</v>
      </c>
      <c r="AQ26311">
        <v>21</v>
      </c>
    </row>
    <row r="26312" spans="1:43">
      <c r="A26312" t="s">
        <v>16287</v>
      </c>
      <c r="B26312" t="s">
        <v>16288</v>
      </c>
      <c r="C26312" t="s">
        <v>16283</v>
      </c>
      <c r="D26312" t="s">
        <v>16284</v>
      </c>
      <c r="E26312" t="s">
        <v>16245</v>
      </c>
      <c r="F26312" t="s">
        <v>16246</v>
      </c>
      <c r="G26312" t="s">
        <v>10734</v>
      </c>
      <c r="H26312" t="s">
        <v>10735</v>
      </c>
      <c r="I26312" s="2">
        <v>1</v>
      </c>
      <c r="J26312" s="2">
        <v>0</v>
      </c>
      <c r="K26312" s="2">
        <v>0</v>
      </c>
      <c r="L26312" t="s">
        <v>120</v>
      </c>
      <c r="M26312" t="s">
        <v>89</v>
      </c>
      <c r="N26312" t="s">
        <v>90</v>
      </c>
      <c r="O26312" t="s">
        <v>85</v>
      </c>
      <c r="P26312" t="s">
        <v>86</v>
      </c>
      <c r="Q26312">
        <v>16</v>
      </c>
      <c r="R26312">
        <v>16</v>
      </c>
      <c r="S26312">
        <v>17</v>
      </c>
      <c r="T26312">
        <v>17</v>
      </c>
      <c r="U26312">
        <v>18</v>
      </c>
      <c r="V26312">
        <v>18</v>
      </c>
      <c r="W26312">
        <v>19</v>
      </c>
      <c r="X26312">
        <v>19</v>
      </c>
      <c r="Y26312">
        <v>19</v>
      </c>
      <c r="Z26312">
        <v>20</v>
      </c>
      <c r="AA26312">
        <v>20</v>
      </c>
      <c r="AB26312">
        <v>21</v>
      </c>
      <c r="AC26312">
        <v>21</v>
      </c>
      <c r="AD26312">
        <v>21</v>
      </c>
      <c r="AE26312">
        <v>22</v>
      </c>
      <c r="AF26312">
        <v>22</v>
      </c>
      <c r="AG26312">
        <v>22</v>
      </c>
      <c r="AH26312">
        <v>22</v>
      </c>
      <c r="AI26312">
        <v>22</v>
      </c>
      <c r="AJ26312">
        <v>23</v>
      </c>
      <c r="AK26312">
        <v>23</v>
      </c>
      <c r="AL26312">
        <v>23</v>
      </c>
      <c r="AM26312">
        <v>23</v>
      </c>
      <c r="AN26312">
        <v>23</v>
      </c>
      <c r="AO26312">
        <v>24</v>
      </c>
      <c r="AP26312">
        <v>24</v>
      </c>
      <c r="AQ26312">
        <v>24</v>
      </c>
    </row>
    <row r="26313" spans="1:43">
      <c r="A26313" t="s">
        <v>16287</v>
      </c>
      <c r="B26313" t="s">
        <v>16288</v>
      </c>
      <c r="C26313" t="s">
        <v>16283</v>
      </c>
      <c r="D26313" t="s">
        <v>16284</v>
      </c>
      <c r="E26313" t="s">
        <v>16245</v>
      </c>
      <c r="F26313" t="s">
        <v>16246</v>
      </c>
      <c r="G26313" t="s">
        <v>10734</v>
      </c>
      <c r="H26313" t="s">
        <v>10735</v>
      </c>
      <c r="I26313" s="2">
        <v>1</v>
      </c>
      <c r="J26313" s="2">
        <v>0</v>
      </c>
      <c r="K26313" s="2">
        <v>0</v>
      </c>
      <c r="L26313" t="s">
        <v>120</v>
      </c>
      <c r="M26313" t="s">
        <v>83</v>
      </c>
      <c r="N26313" t="s">
        <v>91</v>
      </c>
      <c r="O26313" t="s">
        <v>85</v>
      </c>
      <c r="P26313" t="s">
        <v>86</v>
      </c>
      <c r="Q26313">
        <v>16</v>
      </c>
      <c r="R26313">
        <v>16</v>
      </c>
      <c r="S26313">
        <v>16</v>
      </c>
      <c r="T26313">
        <v>17</v>
      </c>
      <c r="U26313">
        <v>17</v>
      </c>
      <c r="V26313">
        <v>17</v>
      </c>
      <c r="W26313">
        <v>18</v>
      </c>
      <c r="X26313">
        <v>18</v>
      </c>
      <c r="Y26313">
        <v>18</v>
      </c>
      <c r="Z26313">
        <v>19</v>
      </c>
      <c r="AA26313">
        <v>19</v>
      </c>
      <c r="AB26313">
        <v>19</v>
      </c>
      <c r="AC26313">
        <v>20</v>
      </c>
      <c r="AD26313">
        <v>20</v>
      </c>
      <c r="AE26313">
        <v>20</v>
      </c>
      <c r="AF26313">
        <v>21</v>
      </c>
      <c r="AG26313">
        <v>21</v>
      </c>
      <c r="AH26313">
        <v>21</v>
      </c>
      <c r="AI26313">
        <v>22</v>
      </c>
      <c r="AJ26313">
        <v>22</v>
      </c>
      <c r="AK26313">
        <v>23</v>
      </c>
      <c r="AL26313">
        <v>23</v>
      </c>
      <c r="AM26313">
        <v>23</v>
      </c>
      <c r="AN26313">
        <v>23</v>
      </c>
      <c r="AO26313">
        <v>23</v>
      </c>
      <c r="AP26313">
        <v>24</v>
      </c>
      <c r="AQ26313">
        <v>24</v>
      </c>
    </row>
    <row r="26314" spans="1:43">
      <c r="A26314" t="s">
        <v>16289</v>
      </c>
      <c r="B26314" t="s">
        <v>16290</v>
      </c>
      <c r="C26314" t="s">
        <v>16283</v>
      </c>
      <c r="D26314" t="s">
        <v>16284</v>
      </c>
      <c r="E26314" t="s">
        <v>16245</v>
      </c>
      <c r="F26314" t="s">
        <v>16246</v>
      </c>
      <c r="G26314" t="s">
        <v>10734</v>
      </c>
      <c r="H26314" t="s">
        <v>10735</v>
      </c>
      <c r="I26314" s="2">
        <v>0.99</v>
      </c>
      <c r="J26314" s="2">
        <v>0</v>
      </c>
      <c r="K26314" s="2">
        <v>0</v>
      </c>
      <c r="L26314" t="s">
        <v>120</v>
      </c>
      <c r="M26314" t="s">
        <v>83</v>
      </c>
      <c r="N26314" t="s">
        <v>84</v>
      </c>
      <c r="O26314" t="s">
        <v>85</v>
      </c>
      <c r="P26314" t="s">
        <v>86</v>
      </c>
      <c r="Q26314">
        <v>84</v>
      </c>
      <c r="R26314">
        <v>86</v>
      </c>
      <c r="S26314">
        <v>88</v>
      </c>
      <c r="T26314">
        <v>90</v>
      </c>
      <c r="U26314">
        <v>91</v>
      </c>
      <c r="V26314">
        <v>93</v>
      </c>
      <c r="W26314">
        <v>95</v>
      </c>
      <c r="X26314">
        <v>97</v>
      </c>
      <c r="Y26314">
        <v>98</v>
      </c>
      <c r="Z26314">
        <v>100</v>
      </c>
      <c r="AA26314">
        <v>102</v>
      </c>
      <c r="AB26314">
        <v>104</v>
      </c>
      <c r="AC26314">
        <v>106</v>
      </c>
      <c r="AD26314">
        <v>107</v>
      </c>
      <c r="AE26314">
        <v>109</v>
      </c>
      <c r="AF26314">
        <v>111</v>
      </c>
      <c r="AG26314">
        <v>113</v>
      </c>
      <c r="AH26314">
        <v>115</v>
      </c>
      <c r="AI26314">
        <v>117</v>
      </c>
      <c r="AJ26314">
        <v>119</v>
      </c>
      <c r="AK26314">
        <v>121</v>
      </c>
      <c r="AL26314">
        <v>123</v>
      </c>
      <c r="AM26314">
        <v>124</v>
      </c>
      <c r="AN26314">
        <v>125</v>
      </c>
      <c r="AO26314">
        <v>126</v>
      </c>
      <c r="AP26314">
        <v>127</v>
      </c>
      <c r="AQ26314">
        <v>128</v>
      </c>
    </row>
    <row r="26315" spans="1:43">
      <c r="A26315" t="s">
        <v>16289</v>
      </c>
      <c r="B26315" t="s">
        <v>16290</v>
      </c>
      <c r="C26315" t="s">
        <v>16283</v>
      </c>
      <c r="D26315" t="s">
        <v>16284</v>
      </c>
      <c r="E26315" t="s">
        <v>16245</v>
      </c>
      <c r="F26315" t="s">
        <v>16246</v>
      </c>
      <c r="G26315" t="s">
        <v>10734</v>
      </c>
      <c r="H26315" t="s">
        <v>10735</v>
      </c>
      <c r="I26315" s="2">
        <v>0.99</v>
      </c>
      <c r="J26315" s="2">
        <v>0</v>
      </c>
      <c r="K26315" s="2">
        <v>0</v>
      </c>
      <c r="L26315" t="s">
        <v>120</v>
      </c>
      <c r="M26315" t="s">
        <v>87</v>
      </c>
      <c r="N26315" t="s">
        <v>88</v>
      </c>
      <c r="O26315" t="s">
        <v>85</v>
      </c>
      <c r="P26315" t="s">
        <v>86</v>
      </c>
      <c r="Q26315">
        <v>84</v>
      </c>
      <c r="R26315">
        <v>85</v>
      </c>
      <c r="S26315">
        <v>85</v>
      </c>
      <c r="T26315">
        <v>86</v>
      </c>
      <c r="U26315">
        <v>87</v>
      </c>
      <c r="V26315">
        <v>88</v>
      </c>
      <c r="W26315">
        <v>89</v>
      </c>
      <c r="X26315">
        <v>90</v>
      </c>
      <c r="Y26315">
        <v>91</v>
      </c>
      <c r="Z26315">
        <v>92</v>
      </c>
      <c r="AA26315">
        <v>93</v>
      </c>
      <c r="AB26315">
        <v>94</v>
      </c>
      <c r="AC26315">
        <v>95</v>
      </c>
      <c r="AD26315">
        <v>96</v>
      </c>
      <c r="AE26315">
        <v>97</v>
      </c>
      <c r="AF26315">
        <v>98</v>
      </c>
      <c r="AG26315">
        <v>99</v>
      </c>
      <c r="AH26315">
        <v>101</v>
      </c>
      <c r="AI26315">
        <v>102</v>
      </c>
      <c r="AJ26315">
        <v>103</v>
      </c>
      <c r="AK26315">
        <v>104</v>
      </c>
      <c r="AL26315">
        <v>105</v>
      </c>
      <c r="AM26315">
        <v>106</v>
      </c>
      <c r="AN26315">
        <v>108</v>
      </c>
      <c r="AO26315">
        <v>109</v>
      </c>
      <c r="AP26315">
        <v>110</v>
      </c>
      <c r="AQ26315">
        <v>112</v>
      </c>
    </row>
    <row r="26316" spans="1:43">
      <c r="A26316" t="s">
        <v>16289</v>
      </c>
      <c r="B26316" t="s">
        <v>16290</v>
      </c>
      <c r="C26316" t="s">
        <v>16283</v>
      </c>
      <c r="D26316" t="s">
        <v>16284</v>
      </c>
      <c r="E26316" t="s">
        <v>16245</v>
      </c>
      <c r="F26316" t="s">
        <v>16246</v>
      </c>
      <c r="G26316" t="s">
        <v>10734</v>
      </c>
      <c r="H26316" t="s">
        <v>10735</v>
      </c>
      <c r="I26316" s="2">
        <v>0.99</v>
      </c>
      <c r="J26316" s="2">
        <v>0</v>
      </c>
      <c r="K26316" s="2">
        <v>0</v>
      </c>
      <c r="L26316" t="s">
        <v>120</v>
      </c>
      <c r="M26316" t="s">
        <v>89</v>
      </c>
      <c r="N26316" t="s">
        <v>90</v>
      </c>
      <c r="O26316" t="s">
        <v>85</v>
      </c>
      <c r="P26316" t="s">
        <v>86</v>
      </c>
      <c r="Q26316">
        <v>84</v>
      </c>
      <c r="R26316">
        <v>87</v>
      </c>
      <c r="S26316">
        <v>89</v>
      </c>
      <c r="T26316">
        <v>92</v>
      </c>
      <c r="U26316">
        <v>94</v>
      </c>
      <c r="V26316">
        <v>96</v>
      </c>
      <c r="W26316">
        <v>98</v>
      </c>
      <c r="X26316">
        <v>101</v>
      </c>
      <c r="Y26316">
        <v>103</v>
      </c>
      <c r="Z26316">
        <v>105</v>
      </c>
      <c r="AA26316">
        <v>107</v>
      </c>
      <c r="AB26316">
        <v>109</v>
      </c>
      <c r="AC26316">
        <v>112</v>
      </c>
      <c r="AD26316">
        <v>114</v>
      </c>
      <c r="AE26316">
        <v>116</v>
      </c>
      <c r="AF26316">
        <v>117</v>
      </c>
      <c r="AG26316">
        <v>118</v>
      </c>
      <c r="AH26316">
        <v>119</v>
      </c>
      <c r="AI26316">
        <v>120</v>
      </c>
      <c r="AJ26316">
        <v>121</v>
      </c>
      <c r="AK26316">
        <v>122</v>
      </c>
      <c r="AL26316">
        <v>123</v>
      </c>
      <c r="AM26316">
        <v>124</v>
      </c>
      <c r="AN26316">
        <v>125</v>
      </c>
      <c r="AO26316">
        <v>126</v>
      </c>
      <c r="AP26316">
        <v>127</v>
      </c>
      <c r="AQ26316">
        <v>128</v>
      </c>
    </row>
    <row r="26317" spans="1:43">
      <c r="A26317" t="s">
        <v>16289</v>
      </c>
      <c r="B26317" t="s">
        <v>16290</v>
      </c>
      <c r="C26317" t="s">
        <v>16283</v>
      </c>
      <c r="D26317" t="s">
        <v>16284</v>
      </c>
      <c r="E26317" t="s">
        <v>16245</v>
      </c>
      <c r="F26317" t="s">
        <v>16246</v>
      </c>
      <c r="G26317" t="s">
        <v>10734</v>
      </c>
      <c r="H26317" t="s">
        <v>10735</v>
      </c>
      <c r="I26317" s="2">
        <v>0.99</v>
      </c>
      <c r="J26317" s="2">
        <v>0</v>
      </c>
      <c r="K26317" s="2">
        <v>0</v>
      </c>
      <c r="L26317" t="s">
        <v>120</v>
      </c>
      <c r="M26317" t="s">
        <v>83</v>
      </c>
      <c r="N26317" t="s">
        <v>91</v>
      </c>
      <c r="O26317" t="s">
        <v>85</v>
      </c>
      <c r="P26317" t="s">
        <v>86</v>
      </c>
      <c r="Q26317">
        <v>84</v>
      </c>
      <c r="R26317">
        <v>86</v>
      </c>
      <c r="S26317">
        <v>88</v>
      </c>
      <c r="T26317">
        <v>90</v>
      </c>
      <c r="U26317">
        <v>91</v>
      </c>
      <c r="V26317">
        <v>93</v>
      </c>
      <c r="W26317">
        <v>95</v>
      </c>
      <c r="X26317">
        <v>97</v>
      </c>
      <c r="Y26317">
        <v>98</v>
      </c>
      <c r="Z26317">
        <v>100</v>
      </c>
      <c r="AA26317">
        <v>102</v>
      </c>
      <c r="AB26317">
        <v>104</v>
      </c>
      <c r="AC26317">
        <v>106</v>
      </c>
      <c r="AD26317">
        <v>107</v>
      </c>
      <c r="AE26317">
        <v>109</v>
      </c>
      <c r="AF26317">
        <v>111</v>
      </c>
      <c r="AG26317">
        <v>113</v>
      </c>
      <c r="AH26317">
        <v>115</v>
      </c>
      <c r="AI26317">
        <v>117</v>
      </c>
      <c r="AJ26317">
        <v>119</v>
      </c>
      <c r="AK26317">
        <v>121</v>
      </c>
      <c r="AL26317">
        <v>123</v>
      </c>
      <c r="AM26317">
        <v>124</v>
      </c>
      <c r="AN26317">
        <v>125</v>
      </c>
      <c r="AO26317">
        <v>126</v>
      </c>
      <c r="AP26317">
        <v>127</v>
      </c>
      <c r="AQ26317">
        <v>128</v>
      </c>
    </row>
    <row r="26318" spans="1:43">
      <c r="A26318" t="s">
        <v>16291</v>
      </c>
      <c r="B26318" t="s">
        <v>16292</v>
      </c>
      <c r="C26318" t="s">
        <v>16243</v>
      </c>
      <c r="D26318" t="s">
        <v>16244</v>
      </c>
      <c r="E26318" t="s">
        <v>16245</v>
      </c>
      <c r="F26318" t="s">
        <v>16246</v>
      </c>
      <c r="G26318" t="s">
        <v>10734</v>
      </c>
      <c r="H26318" t="s">
        <v>10735</v>
      </c>
      <c r="I26318" s="2">
        <v>1</v>
      </c>
      <c r="J26318" s="2">
        <v>0</v>
      </c>
      <c r="K26318" s="2">
        <v>0</v>
      </c>
      <c r="L26318" t="s">
        <v>120</v>
      </c>
      <c r="M26318" t="s">
        <v>83</v>
      </c>
      <c r="N26318" t="s">
        <v>84</v>
      </c>
      <c r="O26318" t="s">
        <v>85</v>
      </c>
      <c r="P26318" t="s">
        <v>86</v>
      </c>
      <c r="Q26318">
        <v>23</v>
      </c>
      <c r="R26318">
        <v>23</v>
      </c>
      <c r="S26318">
        <v>23</v>
      </c>
      <c r="T26318">
        <v>24</v>
      </c>
      <c r="U26318">
        <v>24</v>
      </c>
      <c r="V26318">
        <v>25</v>
      </c>
      <c r="W26318">
        <v>25</v>
      </c>
      <c r="X26318">
        <v>26</v>
      </c>
      <c r="Y26318">
        <v>26</v>
      </c>
      <c r="Z26318">
        <v>27</v>
      </c>
      <c r="AA26318">
        <v>27</v>
      </c>
      <c r="AB26318">
        <v>28</v>
      </c>
      <c r="AC26318">
        <v>28</v>
      </c>
      <c r="AD26318">
        <v>29</v>
      </c>
      <c r="AE26318">
        <v>29</v>
      </c>
      <c r="AF26318">
        <v>30</v>
      </c>
      <c r="AG26318">
        <v>30</v>
      </c>
      <c r="AH26318">
        <v>31</v>
      </c>
      <c r="AI26318">
        <v>31</v>
      </c>
      <c r="AJ26318">
        <v>32</v>
      </c>
      <c r="AK26318">
        <v>32</v>
      </c>
      <c r="AL26318">
        <v>33</v>
      </c>
      <c r="AM26318">
        <v>33</v>
      </c>
      <c r="AN26318">
        <v>33</v>
      </c>
      <c r="AO26318">
        <v>34</v>
      </c>
      <c r="AP26318">
        <v>34</v>
      </c>
      <c r="AQ26318">
        <v>34</v>
      </c>
    </row>
    <row r="26319" spans="1:43">
      <c r="A26319" t="s">
        <v>16291</v>
      </c>
      <c r="B26319" t="s">
        <v>16292</v>
      </c>
      <c r="C26319" t="s">
        <v>16243</v>
      </c>
      <c r="D26319" t="s">
        <v>16244</v>
      </c>
      <c r="E26319" t="s">
        <v>16245</v>
      </c>
      <c r="F26319" t="s">
        <v>16246</v>
      </c>
      <c r="G26319" t="s">
        <v>10734</v>
      </c>
      <c r="H26319" t="s">
        <v>10735</v>
      </c>
      <c r="I26319" s="2">
        <v>1</v>
      </c>
      <c r="J26319" s="2">
        <v>0</v>
      </c>
      <c r="K26319" s="2">
        <v>0</v>
      </c>
      <c r="L26319" t="s">
        <v>120</v>
      </c>
      <c r="M26319" t="s">
        <v>87</v>
      </c>
      <c r="N26319" t="s">
        <v>88</v>
      </c>
      <c r="O26319" t="s">
        <v>85</v>
      </c>
      <c r="P26319" t="s">
        <v>86</v>
      </c>
      <c r="Q26319">
        <v>23</v>
      </c>
      <c r="R26319">
        <v>24</v>
      </c>
      <c r="S26319">
        <v>24</v>
      </c>
      <c r="T26319">
        <v>24</v>
      </c>
      <c r="U26319">
        <v>24</v>
      </c>
      <c r="V26319">
        <v>25</v>
      </c>
      <c r="W26319">
        <v>25</v>
      </c>
      <c r="X26319">
        <v>25</v>
      </c>
      <c r="Y26319">
        <v>25</v>
      </c>
      <c r="Z26319">
        <v>26</v>
      </c>
      <c r="AA26319">
        <v>26</v>
      </c>
      <c r="AB26319">
        <v>26</v>
      </c>
      <c r="AC26319">
        <v>26</v>
      </c>
      <c r="AD26319">
        <v>27</v>
      </c>
      <c r="AE26319">
        <v>27</v>
      </c>
      <c r="AF26319">
        <v>27</v>
      </c>
      <c r="AG26319">
        <v>28</v>
      </c>
      <c r="AH26319">
        <v>28</v>
      </c>
      <c r="AI26319">
        <v>28</v>
      </c>
      <c r="AJ26319">
        <v>28</v>
      </c>
      <c r="AK26319">
        <v>29</v>
      </c>
      <c r="AL26319">
        <v>29</v>
      </c>
      <c r="AM26319">
        <v>29</v>
      </c>
      <c r="AN26319">
        <v>30</v>
      </c>
      <c r="AO26319">
        <v>30</v>
      </c>
      <c r="AP26319">
        <v>30</v>
      </c>
      <c r="AQ26319">
        <v>31</v>
      </c>
    </row>
    <row r="26320" spans="1:43">
      <c r="A26320" t="s">
        <v>16291</v>
      </c>
      <c r="B26320" t="s">
        <v>16292</v>
      </c>
      <c r="C26320" t="s">
        <v>16243</v>
      </c>
      <c r="D26320" t="s">
        <v>16244</v>
      </c>
      <c r="E26320" t="s">
        <v>16245</v>
      </c>
      <c r="F26320" t="s">
        <v>16246</v>
      </c>
      <c r="G26320" t="s">
        <v>10734</v>
      </c>
      <c r="H26320" t="s">
        <v>10735</v>
      </c>
      <c r="I26320" s="2">
        <v>1</v>
      </c>
      <c r="J26320" s="2">
        <v>0</v>
      </c>
      <c r="K26320" s="2">
        <v>0</v>
      </c>
      <c r="L26320" t="s">
        <v>120</v>
      </c>
      <c r="M26320" t="s">
        <v>89</v>
      </c>
      <c r="N26320" t="s">
        <v>90</v>
      </c>
      <c r="O26320" t="s">
        <v>85</v>
      </c>
      <c r="P26320" t="s">
        <v>86</v>
      </c>
      <c r="Q26320">
        <v>23</v>
      </c>
      <c r="R26320">
        <v>23</v>
      </c>
      <c r="S26320">
        <v>24</v>
      </c>
      <c r="T26320">
        <v>25</v>
      </c>
      <c r="U26320">
        <v>25</v>
      </c>
      <c r="V26320">
        <v>26</v>
      </c>
      <c r="W26320">
        <v>27</v>
      </c>
      <c r="X26320">
        <v>27</v>
      </c>
      <c r="Y26320">
        <v>28</v>
      </c>
      <c r="Z26320">
        <v>28</v>
      </c>
      <c r="AA26320">
        <v>29</v>
      </c>
      <c r="AB26320">
        <v>29</v>
      </c>
      <c r="AC26320">
        <v>30</v>
      </c>
      <c r="AD26320">
        <v>31</v>
      </c>
      <c r="AE26320">
        <v>31</v>
      </c>
      <c r="AF26320">
        <v>31</v>
      </c>
      <c r="AG26320">
        <v>32</v>
      </c>
      <c r="AH26320">
        <v>32</v>
      </c>
      <c r="AI26320">
        <v>32</v>
      </c>
      <c r="AJ26320">
        <v>33</v>
      </c>
      <c r="AK26320">
        <v>33</v>
      </c>
      <c r="AL26320">
        <v>33</v>
      </c>
      <c r="AM26320">
        <v>33</v>
      </c>
      <c r="AN26320">
        <v>34</v>
      </c>
      <c r="AO26320">
        <v>34</v>
      </c>
      <c r="AP26320">
        <v>34</v>
      </c>
      <c r="AQ26320">
        <v>35</v>
      </c>
    </row>
    <row r="26321" spans="1:43">
      <c r="A26321" t="s">
        <v>16291</v>
      </c>
      <c r="B26321" t="s">
        <v>16292</v>
      </c>
      <c r="C26321" t="s">
        <v>16243</v>
      </c>
      <c r="D26321" t="s">
        <v>16244</v>
      </c>
      <c r="E26321" t="s">
        <v>16245</v>
      </c>
      <c r="F26321" t="s">
        <v>16246</v>
      </c>
      <c r="G26321" t="s">
        <v>10734</v>
      </c>
      <c r="H26321" t="s">
        <v>10735</v>
      </c>
      <c r="I26321" s="2">
        <v>1</v>
      </c>
      <c r="J26321" s="2">
        <v>0</v>
      </c>
      <c r="K26321" s="2">
        <v>0</v>
      </c>
      <c r="L26321" t="s">
        <v>120</v>
      </c>
      <c r="M26321" t="s">
        <v>83</v>
      </c>
      <c r="N26321" t="s">
        <v>91</v>
      </c>
      <c r="O26321" t="s">
        <v>85</v>
      </c>
      <c r="P26321" t="s">
        <v>86</v>
      </c>
      <c r="Q26321">
        <v>23</v>
      </c>
      <c r="R26321">
        <v>23</v>
      </c>
      <c r="S26321">
        <v>23</v>
      </c>
      <c r="T26321">
        <v>24</v>
      </c>
      <c r="U26321">
        <v>24</v>
      </c>
      <c r="V26321">
        <v>25</v>
      </c>
      <c r="W26321">
        <v>25</v>
      </c>
      <c r="X26321">
        <v>26</v>
      </c>
      <c r="Y26321">
        <v>26</v>
      </c>
      <c r="Z26321">
        <v>27</v>
      </c>
      <c r="AA26321">
        <v>27</v>
      </c>
      <c r="AB26321">
        <v>28</v>
      </c>
      <c r="AC26321">
        <v>28</v>
      </c>
      <c r="AD26321">
        <v>29</v>
      </c>
      <c r="AE26321">
        <v>29</v>
      </c>
      <c r="AF26321">
        <v>30</v>
      </c>
      <c r="AG26321">
        <v>30</v>
      </c>
      <c r="AH26321">
        <v>31</v>
      </c>
      <c r="AI26321">
        <v>31</v>
      </c>
      <c r="AJ26321">
        <v>32</v>
      </c>
      <c r="AK26321">
        <v>32</v>
      </c>
      <c r="AL26321">
        <v>33</v>
      </c>
      <c r="AM26321">
        <v>33</v>
      </c>
      <c r="AN26321">
        <v>33</v>
      </c>
      <c r="AO26321">
        <v>34</v>
      </c>
      <c r="AP26321">
        <v>34</v>
      </c>
      <c r="AQ26321">
        <v>34</v>
      </c>
    </row>
    <row r="26322" spans="1:43">
      <c r="A26322" t="s">
        <v>16293</v>
      </c>
      <c r="B26322" t="s">
        <v>16294</v>
      </c>
      <c r="C26322" t="s">
        <v>16295</v>
      </c>
      <c r="D26322" t="s">
        <v>16296</v>
      </c>
      <c r="E26322" t="s">
        <v>16245</v>
      </c>
      <c r="F26322" t="s">
        <v>16246</v>
      </c>
      <c r="G26322" t="s">
        <v>10734</v>
      </c>
      <c r="H26322" t="s">
        <v>10735</v>
      </c>
      <c r="I26322" s="2">
        <v>1</v>
      </c>
      <c r="J26322" s="2">
        <v>0</v>
      </c>
      <c r="K26322" s="2">
        <v>0</v>
      </c>
      <c r="L26322" t="s">
        <v>120</v>
      </c>
      <c r="M26322" t="s">
        <v>83</v>
      </c>
      <c r="N26322" t="s">
        <v>84</v>
      </c>
      <c r="O26322" t="s">
        <v>85</v>
      </c>
      <c r="P26322" t="s">
        <v>86</v>
      </c>
      <c r="Q26322">
        <v>127</v>
      </c>
      <c r="R26322">
        <v>130</v>
      </c>
      <c r="S26322">
        <v>133</v>
      </c>
      <c r="T26322">
        <v>135</v>
      </c>
      <c r="U26322">
        <v>138</v>
      </c>
      <c r="V26322">
        <v>140</v>
      </c>
      <c r="W26322">
        <v>143</v>
      </c>
      <c r="X26322">
        <v>146</v>
      </c>
      <c r="Y26322">
        <v>149</v>
      </c>
      <c r="Z26322">
        <v>151</v>
      </c>
      <c r="AA26322">
        <v>154</v>
      </c>
      <c r="AB26322">
        <v>157</v>
      </c>
      <c r="AC26322">
        <v>160</v>
      </c>
      <c r="AD26322">
        <v>163</v>
      </c>
      <c r="AE26322">
        <v>166</v>
      </c>
      <c r="AF26322">
        <v>169</v>
      </c>
      <c r="AG26322">
        <v>172</v>
      </c>
      <c r="AH26322">
        <v>175</v>
      </c>
      <c r="AI26322">
        <v>178</v>
      </c>
      <c r="AJ26322">
        <v>182</v>
      </c>
      <c r="AK26322">
        <v>185</v>
      </c>
      <c r="AL26322">
        <v>187</v>
      </c>
      <c r="AM26322">
        <v>189</v>
      </c>
      <c r="AN26322">
        <v>191</v>
      </c>
      <c r="AO26322">
        <v>193</v>
      </c>
      <c r="AP26322">
        <v>195</v>
      </c>
      <c r="AQ26322">
        <v>197</v>
      </c>
    </row>
    <row r="26323" spans="1:43">
      <c r="A26323" t="s">
        <v>16293</v>
      </c>
      <c r="B26323" t="s">
        <v>16294</v>
      </c>
      <c r="C26323" t="s">
        <v>16295</v>
      </c>
      <c r="D26323" t="s">
        <v>16296</v>
      </c>
      <c r="E26323" t="s">
        <v>16245</v>
      </c>
      <c r="F26323" t="s">
        <v>16246</v>
      </c>
      <c r="G26323" t="s">
        <v>10734</v>
      </c>
      <c r="H26323" t="s">
        <v>10735</v>
      </c>
      <c r="I26323" s="2">
        <v>1</v>
      </c>
      <c r="J26323" s="2">
        <v>0</v>
      </c>
      <c r="K26323" s="2">
        <v>0</v>
      </c>
      <c r="L26323" t="s">
        <v>120</v>
      </c>
      <c r="M26323" t="s">
        <v>87</v>
      </c>
      <c r="N26323" t="s">
        <v>88</v>
      </c>
      <c r="O26323" t="s">
        <v>85</v>
      </c>
      <c r="P26323" t="s">
        <v>86</v>
      </c>
      <c r="Q26323">
        <v>127</v>
      </c>
      <c r="R26323">
        <v>128</v>
      </c>
      <c r="S26323">
        <v>130</v>
      </c>
      <c r="T26323">
        <v>131</v>
      </c>
      <c r="U26323">
        <v>133</v>
      </c>
      <c r="V26323">
        <v>134</v>
      </c>
      <c r="W26323">
        <v>136</v>
      </c>
      <c r="X26323">
        <v>137</v>
      </c>
      <c r="Y26323">
        <v>138</v>
      </c>
      <c r="Z26323">
        <v>140</v>
      </c>
      <c r="AA26323">
        <v>142</v>
      </c>
      <c r="AB26323">
        <v>143</v>
      </c>
      <c r="AC26323">
        <v>145</v>
      </c>
      <c r="AD26323">
        <v>146</v>
      </c>
      <c r="AE26323">
        <v>148</v>
      </c>
      <c r="AF26323">
        <v>150</v>
      </c>
      <c r="AG26323">
        <v>151</v>
      </c>
      <c r="AH26323">
        <v>153</v>
      </c>
      <c r="AI26323">
        <v>155</v>
      </c>
      <c r="AJ26323">
        <v>157</v>
      </c>
      <c r="AK26323">
        <v>158</v>
      </c>
      <c r="AL26323">
        <v>160</v>
      </c>
      <c r="AM26323">
        <v>162</v>
      </c>
      <c r="AN26323">
        <v>164</v>
      </c>
      <c r="AO26323">
        <v>166</v>
      </c>
      <c r="AP26323">
        <v>168</v>
      </c>
      <c r="AQ26323">
        <v>170</v>
      </c>
    </row>
    <row r="26324" spans="1:43">
      <c r="A26324" t="s">
        <v>16293</v>
      </c>
      <c r="B26324" t="s">
        <v>16294</v>
      </c>
      <c r="C26324" t="s">
        <v>16295</v>
      </c>
      <c r="D26324" t="s">
        <v>16296</v>
      </c>
      <c r="E26324" t="s">
        <v>16245</v>
      </c>
      <c r="F26324" t="s">
        <v>16246</v>
      </c>
      <c r="G26324" t="s">
        <v>10734</v>
      </c>
      <c r="H26324" t="s">
        <v>10735</v>
      </c>
      <c r="I26324" s="2">
        <v>1</v>
      </c>
      <c r="J26324" s="2">
        <v>0</v>
      </c>
      <c r="K26324" s="2">
        <v>0</v>
      </c>
      <c r="L26324" t="s">
        <v>120</v>
      </c>
      <c r="M26324" t="s">
        <v>89</v>
      </c>
      <c r="N26324" t="s">
        <v>90</v>
      </c>
      <c r="O26324" t="s">
        <v>85</v>
      </c>
      <c r="P26324" t="s">
        <v>86</v>
      </c>
      <c r="Q26324">
        <v>127</v>
      </c>
      <c r="R26324">
        <v>131</v>
      </c>
      <c r="S26324">
        <v>135</v>
      </c>
      <c r="T26324">
        <v>139</v>
      </c>
      <c r="U26324">
        <v>142</v>
      </c>
      <c r="V26324">
        <v>146</v>
      </c>
      <c r="W26324">
        <v>149</v>
      </c>
      <c r="X26324">
        <v>153</v>
      </c>
      <c r="Y26324">
        <v>156</v>
      </c>
      <c r="Z26324">
        <v>160</v>
      </c>
      <c r="AA26324">
        <v>163</v>
      </c>
      <c r="AB26324">
        <v>167</v>
      </c>
      <c r="AC26324">
        <v>171</v>
      </c>
      <c r="AD26324">
        <v>174</v>
      </c>
      <c r="AE26324">
        <v>177</v>
      </c>
      <c r="AF26324">
        <v>179</v>
      </c>
      <c r="AG26324">
        <v>180</v>
      </c>
      <c r="AH26324">
        <v>182</v>
      </c>
      <c r="AI26324">
        <v>184</v>
      </c>
      <c r="AJ26324">
        <v>186</v>
      </c>
      <c r="AK26324">
        <v>187</v>
      </c>
      <c r="AL26324">
        <v>189</v>
      </c>
      <c r="AM26324">
        <v>191</v>
      </c>
      <c r="AN26324">
        <v>193</v>
      </c>
      <c r="AO26324">
        <v>195</v>
      </c>
      <c r="AP26324">
        <v>197</v>
      </c>
      <c r="AQ26324">
        <v>198</v>
      </c>
    </row>
    <row r="26325" spans="1:43">
      <c r="A26325" t="s">
        <v>16293</v>
      </c>
      <c r="B26325" t="s">
        <v>16294</v>
      </c>
      <c r="C26325" t="s">
        <v>16295</v>
      </c>
      <c r="D26325" t="s">
        <v>16296</v>
      </c>
      <c r="E26325" t="s">
        <v>16245</v>
      </c>
      <c r="F26325" t="s">
        <v>16246</v>
      </c>
      <c r="G26325" t="s">
        <v>10734</v>
      </c>
      <c r="H26325" t="s">
        <v>10735</v>
      </c>
      <c r="I26325" s="2">
        <v>1</v>
      </c>
      <c r="J26325" s="2">
        <v>0</v>
      </c>
      <c r="K26325" s="2">
        <v>0</v>
      </c>
      <c r="L26325" t="s">
        <v>120</v>
      </c>
      <c r="M26325" t="s">
        <v>83</v>
      </c>
      <c r="N26325" t="s">
        <v>91</v>
      </c>
      <c r="O26325" t="s">
        <v>85</v>
      </c>
      <c r="P26325" t="s">
        <v>86</v>
      </c>
      <c r="Q26325">
        <v>127</v>
      </c>
      <c r="R26325">
        <v>130</v>
      </c>
      <c r="S26325">
        <v>133</v>
      </c>
      <c r="T26325">
        <v>135</v>
      </c>
      <c r="U26325">
        <v>138</v>
      </c>
      <c r="V26325">
        <v>140</v>
      </c>
      <c r="W26325">
        <v>143</v>
      </c>
      <c r="X26325">
        <v>146</v>
      </c>
      <c r="Y26325">
        <v>149</v>
      </c>
      <c r="Z26325">
        <v>151</v>
      </c>
      <c r="AA26325">
        <v>154</v>
      </c>
      <c r="AB26325">
        <v>157</v>
      </c>
      <c r="AC26325">
        <v>160</v>
      </c>
      <c r="AD26325">
        <v>163</v>
      </c>
      <c r="AE26325">
        <v>166</v>
      </c>
      <c r="AF26325">
        <v>169</v>
      </c>
      <c r="AG26325">
        <v>172</v>
      </c>
      <c r="AH26325">
        <v>175</v>
      </c>
      <c r="AI26325">
        <v>178</v>
      </c>
      <c r="AJ26325">
        <v>182</v>
      </c>
      <c r="AK26325">
        <v>185</v>
      </c>
      <c r="AL26325">
        <v>187</v>
      </c>
      <c r="AM26325">
        <v>189</v>
      </c>
      <c r="AN26325">
        <v>191</v>
      </c>
      <c r="AO26325">
        <v>193</v>
      </c>
      <c r="AP26325">
        <v>195</v>
      </c>
      <c r="AQ26325">
        <v>197</v>
      </c>
    </row>
    <row r="26326" spans="1:43">
      <c r="A26326" t="s">
        <v>16297</v>
      </c>
      <c r="B26326" t="s">
        <v>16298</v>
      </c>
      <c r="C26326" t="s">
        <v>16299</v>
      </c>
      <c r="D26326" t="s">
        <v>16300</v>
      </c>
      <c r="E26326" t="s">
        <v>16245</v>
      </c>
      <c r="F26326" t="s">
        <v>16246</v>
      </c>
      <c r="G26326" t="s">
        <v>10734</v>
      </c>
      <c r="H26326" t="s">
        <v>10735</v>
      </c>
      <c r="I26326" s="2">
        <v>1</v>
      </c>
      <c r="J26326" s="2">
        <v>0</v>
      </c>
      <c r="K26326" s="2">
        <v>0</v>
      </c>
      <c r="L26326" t="s">
        <v>120</v>
      </c>
      <c r="M26326" t="s">
        <v>83</v>
      </c>
      <c r="N26326" t="s">
        <v>84</v>
      </c>
      <c r="O26326" t="s">
        <v>85</v>
      </c>
      <c r="P26326" t="s">
        <v>86</v>
      </c>
      <c r="Q26326">
        <v>22</v>
      </c>
      <c r="R26326">
        <v>23</v>
      </c>
      <c r="S26326">
        <v>23</v>
      </c>
      <c r="T26326">
        <v>24</v>
      </c>
      <c r="U26326">
        <v>24</v>
      </c>
      <c r="V26326">
        <v>25</v>
      </c>
      <c r="W26326">
        <v>25</v>
      </c>
      <c r="X26326">
        <v>26</v>
      </c>
      <c r="Y26326">
        <v>26</v>
      </c>
      <c r="Z26326">
        <v>27</v>
      </c>
      <c r="AA26326">
        <v>27</v>
      </c>
      <c r="AB26326">
        <v>28</v>
      </c>
      <c r="AC26326">
        <v>28</v>
      </c>
      <c r="AD26326">
        <v>29</v>
      </c>
      <c r="AE26326">
        <v>29</v>
      </c>
      <c r="AF26326">
        <v>30</v>
      </c>
      <c r="AG26326">
        <v>30</v>
      </c>
      <c r="AH26326">
        <v>31</v>
      </c>
      <c r="AI26326">
        <v>31</v>
      </c>
      <c r="AJ26326">
        <v>32</v>
      </c>
      <c r="AK26326">
        <v>32</v>
      </c>
      <c r="AL26326">
        <v>33</v>
      </c>
      <c r="AM26326">
        <v>33</v>
      </c>
      <c r="AN26326">
        <v>33</v>
      </c>
      <c r="AO26326">
        <v>34</v>
      </c>
      <c r="AP26326">
        <v>34</v>
      </c>
      <c r="AQ26326">
        <v>34</v>
      </c>
    </row>
    <row r="26327" spans="1:43">
      <c r="A26327" t="s">
        <v>16297</v>
      </c>
      <c r="B26327" t="s">
        <v>16298</v>
      </c>
      <c r="C26327" t="s">
        <v>16299</v>
      </c>
      <c r="D26327" t="s">
        <v>16300</v>
      </c>
      <c r="E26327" t="s">
        <v>16245</v>
      </c>
      <c r="F26327" t="s">
        <v>16246</v>
      </c>
      <c r="G26327" t="s">
        <v>10734</v>
      </c>
      <c r="H26327" t="s">
        <v>10735</v>
      </c>
      <c r="I26327" s="2">
        <v>1</v>
      </c>
      <c r="J26327" s="2">
        <v>0</v>
      </c>
      <c r="K26327" s="2">
        <v>0</v>
      </c>
      <c r="L26327" t="s">
        <v>120</v>
      </c>
      <c r="M26327" t="s">
        <v>87</v>
      </c>
      <c r="N26327" t="s">
        <v>88</v>
      </c>
      <c r="O26327" t="s">
        <v>85</v>
      </c>
      <c r="P26327" t="s">
        <v>86</v>
      </c>
      <c r="Q26327">
        <v>22</v>
      </c>
      <c r="R26327">
        <v>22</v>
      </c>
      <c r="S26327">
        <v>23</v>
      </c>
      <c r="T26327">
        <v>23</v>
      </c>
      <c r="U26327">
        <v>23</v>
      </c>
      <c r="V26327">
        <v>23</v>
      </c>
      <c r="W26327">
        <v>24</v>
      </c>
      <c r="X26327">
        <v>24</v>
      </c>
      <c r="Y26327">
        <v>24</v>
      </c>
      <c r="Z26327">
        <v>24</v>
      </c>
      <c r="AA26327">
        <v>25</v>
      </c>
      <c r="AB26327">
        <v>25</v>
      </c>
      <c r="AC26327">
        <v>25</v>
      </c>
      <c r="AD26327">
        <v>25</v>
      </c>
      <c r="AE26327">
        <v>26</v>
      </c>
      <c r="AF26327">
        <v>26</v>
      </c>
      <c r="AG26327">
        <v>26</v>
      </c>
      <c r="AH26327">
        <v>27</v>
      </c>
      <c r="AI26327">
        <v>27</v>
      </c>
      <c r="AJ26327">
        <v>27</v>
      </c>
      <c r="AK26327">
        <v>28</v>
      </c>
      <c r="AL26327">
        <v>28</v>
      </c>
      <c r="AM26327">
        <v>28</v>
      </c>
      <c r="AN26327">
        <v>29</v>
      </c>
      <c r="AO26327">
        <v>29</v>
      </c>
      <c r="AP26327">
        <v>29</v>
      </c>
      <c r="AQ26327">
        <v>30</v>
      </c>
    </row>
    <row r="26328" spans="1:43">
      <c r="A26328" t="s">
        <v>16297</v>
      </c>
      <c r="B26328" t="s">
        <v>16298</v>
      </c>
      <c r="C26328" t="s">
        <v>16299</v>
      </c>
      <c r="D26328" t="s">
        <v>16300</v>
      </c>
      <c r="E26328" t="s">
        <v>16245</v>
      </c>
      <c r="F26328" t="s">
        <v>16246</v>
      </c>
      <c r="G26328" t="s">
        <v>10734</v>
      </c>
      <c r="H26328" t="s">
        <v>10735</v>
      </c>
      <c r="I26328" s="2">
        <v>1</v>
      </c>
      <c r="J26328" s="2">
        <v>0</v>
      </c>
      <c r="K26328" s="2">
        <v>0</v>
      </c>
      <c r="L26328" t="s">
        <v>120</v>
      </c>
      <c r="M26328" t="s">
        <v>89</v>
      </c>
      <c r="N26328" t="s">
        <v>90</v>
      </c>
      <c r="O26328" t="s">
        <v>85</v>
      </c>
      <c r="P26328" t="s">
        <v>86</v>
      </c>
      <c r="Q26328">
        <v>22</v>
      </c>
      <c r="R26328">
        <v>22</v>
      </c>
      <c r="S26328">
        <v>23</v>
      </c>
      <c r="T26328">
        <v>24</v>
      </c>
      <c r="U26328">
        <v>24</v>
      </c>
      <c r="V26328">
        <v>25</v>
      </c>
      <c r="W26328">
        <v>25</v>
      </c>
      <c r="X26328">
        <v>26</v>
      </c>
      <c r="Y26328">
        <v>27</v>
      </c>
      <c r="Z26328">
        <v>27</v>
      </c>
      <c r="AA26328">
        <v>28</v>
      </c>
      <c r="AB26328">
        <v>28</v>
      </c>
      <c r="AC26328">
        <v>29</v>
      </c>
      <c r="AD26328">
        <v>30</v>
      </c>
      <c r="AE26328">
        <v>30</v>
      </c>
      <c r="AF26328">
        <v>30</v>
      </c>
      <c r="AG26328">
        <v>31</v>
      </c>
      <c r="AH26328">
        <v>31</v>
      </c>
      <c r="AI26328">
        <v>31</v>
      </c>
      <c r="AJ26328">
        <v>32</v>
      </c>
      <c r="AK26328">
        <v>32</v>
      </c>
      <c r="AL26328">
        <v>32</v>
      </c>
      <c r="AM26328">
        <v>33</v>
      </c>
      <c r="AN26328">
        <v>33</v>
      </c>
      <c r="AO26328">
        <v>33</v>
      </c>
      <c r="AP26328">
        <v>33</v>
      </c>
      <c r="AQ26328">
        <v>34</v>
      </c>
    </row>
    <row r="26329" spans="1:43">
      <c r="A26329" t="s">
        <v>16297</v>
      </c>
      <c r="B26329" t="s">
        <v>16298</v>
      </c>
      <c r="C26329" t="s">
        <v>16299</v>
      </c>
      <c r="D26329" t="s">
        <v>16300</v>
      </c>
      <c r="E26329" t="s">
        <v>16245</v>
      </c>
      <c r="F26329" t="s">
        <v>16246</v>
      </c>
      <c r="G26329" t="s">
        <v>10734</v>
      </c>
      <c r="H26329" t="s">
        <v>10735</v>
      </c>
      <c r="I26329" s="2">
        <v>1</v>
      </c>
      <c r="J26329" s="2">
        <v>0</v>
      </c>
      <c r="K26329" s="2">
        <v>0</v>
      </c>
      <c r="L26329" t="s">
        <v>120</v>
      </c>
      <c r="M26329" t="s">
        <v>83</v>
      </c>
      <c r="N26329" t="s">
        <v>91</v>
      </c>
      <c r="O26329" t="s">
        <v>85</v>
      </c>
      <c r="P26329" t="s">
        <v>86</v>
      </c>
      <c r="Q26329">
        <v>22</v>
      </c>
      <c r="R26329">
        <v>23</v>
      </c>
      <c r="S26329">
        <v>23</v>
      </c>
      <c r="T26329">
        <v>24</v>
      </c>
      <c r="U26329">
        <v>24</v>
      </c>
      <c r="V26329">
        <v>25</v>
      </c>
      <c r="W26329">
        <v>25</v>
      </c>
      <c r="X26329">
        <v>26</v>
      </c>
      <c r="Y26329">
        <v>26</v>
      </c>
      <c r="Z26329">
        <v>27</v>
      </c>
      <c r="AA26329">
        <v>27</v>
      </c>
      <c r="AB26329">
        <v>28</v>
      </c>
      <c r="AC26329">
        <v>28</v>
      </c>
      <c r="AD26329">
        <v>29</v>
      </c>
      <c r="AE26329">
        <v>29</v>
      </c>
      <c r="AF26329">
        <v>30</v>
      </c>
      <c r="AG26329">
        <v>30</v>
      </c>
      <c r="AH26329">
        <v>31</v>
      </c>
      <c r="AI26329">
        <v>31</v>
      </c>
      <c r="AJ26329">
        <v>32</v>
      </c>
      <c r="AK26329">
        <v>32</v>
      </c>
      <c r="AL26329">
        <v>33</v>
      </c>
      <c r="AM26329">
        <v>33</v>
      </c>
      <c r="AN26329">
        <v>33</v>
      </c>
      <c r="AO26329">
        <v>34</v>
      </c>
      <c r="AP26329">
        <v>34</v>
      </c>
      <c r="AQ26329">
        <v>34</v>
      </c>
    </row>
    <row r="26330" spans="1:43">
      <c r="A26330" t="s">
        <v>16301</v>
      </c>
      <c r="B26330" t="s">
        <v>16302</v>
      </c>
      <c r="C26330" t="s">
        <v>16299</v>
      </c>
      <c r="D26330" t="s">
        <v>16300</v>
      </c>
      <c r="E26330" t="s">
        <v>16245</v>
      </c>
      <c r="F26330" t="s">
        <v>16246</v>
      </c>
      <c r="G26330" t="s">
        <v>10734</v>
      </c>
      <c r="H26330" t="s">
        <v>10735</v>
      </c>
      <c r="I26330" s="2">
        <v>1</v>
      </c>
      <c r="J26330" s="2">
        <v>0</v>
      </c>
      <c r="K26330" s="2">
        <v>0</v>
      </c>
      <c r="L26330" t="s">
        <v>120</v>
      </c>
      <c r="M26330" t="s">
        <v>83</v>
      </c>
      <c r="N26330" t="s">
        <v>84</v>
      </c>
      <c r="O26330" t="s">
        <v>85</v>
      </c>
      <c r="P26330" t="s">
        <v>86</v>
      </c>
      <c r="Q26330">
        <v>142</v>
      </c>
      <c r="R26330">
        <v>145</v>
      </c>
      <c r="S26330">
        <v>148</v>
      </c>
      <c r="T26330">
        <v>151</v>
      </c>
      <c r="U26330">
        <v>154</v>
      </c>
      <c r="V26330">
        <v>157</v>
      </c>
      <c r="W26330">
        <v>160</v>
      </c>
      <c r="X26330">
        <v>163</v>
      </c>
      <c r="Y26330">
        <v>166</v>
      </c>
      <c r="Z26330">
        <v>169</v>
      </c>
      <c r="AA26330">
        <v>172</v>
      </c>
      <c r="AB26330">
        <v>175</v>
      </c>
      <c r="AC26330">
        <v>178</v>
      </c>
      <c r="AD26330">
        <v>181</v>
      </c>
      <c r="AE26330">
        <v>184</v>
      </c>
      <c r="AF26330">
        <v>188</v>
      </c>
      <c r="AG26330">
        <v>191</v>
      </c>
      <c r="AH26330">
        <v>194</v>
      </c>
      <c r="AI26330">
        <v>198</v>
      </c>
      <c r="AJ26330">
        <v>201</v>
      </c>
      <c r="AK26330">
        <v>205</v>
      </c>
      <c r="AL26330">
        <v>208</v>
      </c>
      <c r="AM26330">
        <v>210</v>
      </c>
      <c r="AN26330">
        <v>212</v>
      </c>
      <c r="AO26330">
        <v>214</v>
      </c>
      <c r="AP26330">
        <v>216</v>
      </c>
      <c r="AQ26330">
        <v>218</v>
      </c>
    </row>
    <row r="26331" spans="1:43">
      <c r="A26331" t="s">
        <v>16301</v>
      </c>
      <c r="B26331" t="s">
        <v>16302</v>
      </c>
      <c r="C26331" t="s">
        <v>16299</v>
      </c>
      <c r="D26331" t="s">
        <v>16300</v>
      </c>
      <c r="E26331" t="s">
        <v>16245</v>
      </c>
      <c r="F26331" t="s">
        <v>16246</v>
      </c>
      <c r="G26331" t="s">
        <v>10734</v>
      </c>
      <c r="H26331" t="s">
        <v>10735</v>
      </c>
      <c r="I26331" s="2">
        <v>1</v>
      </c>
      <c r="J26331" s="2">
        <v>0</v>
      </c>
      <c r="K26331" s="2">
        <v>0</v>
      </c>
      <c r="L26331" t="s">
        <v>120</v>
      </c>
      <c r="M26331" t="s">
        <v>87</v>
      </c>
      <c r="N26331" t="s">
        <v>88</v>
      </c>
      <c r="O26331" t="s">
        <v>85</v>
      </c>
      <c r="P26331" t="s">
        <v>86</v>
      </c>
      <c r="Q26331">
        <v>142</v>
      </c>
      <c r="R26331">
        <v>143</v>
      </c>
      <c r="S26331">
        <v>145</v>
      </c>
      <c r="T26331">
        <v>146</v>
      </c>
      <c r="U26331">
        <v>148</v>
      </c>
      <c r="V26331">
        <v>149</v>
      </c>
      <c r="W26331">
        <v>151</v>
      </c>
      <c r="X26331">
        <v>153</v>
      </c>
      <c r="Y26331">
        <v>154</v>
      </c>
      <c r="Z26331">
        <v>156</v>
      </c>
      <c r="AA26331">
        <v>158</v>
      </c>
      <c r="AB26331">
        <v>159</v>
      </c>
      <c r="AC26331">
        <v>161</v>
      </c>
      <c r="AD26331">
        <v>163</v>
      </c>
      <c r="AE26331">
        <v>165</v>
      </c>
      <c r="AF26331">
        <v>166</v>
      </c>
      <c r="AG26331">
        <v>168</v>
      </c>
      <c r="AH26331">
        <v>170</v>
      </c>
      <c r="AI26331">
        <v>172</v>
      </c>
      <c r="AJ26331">
        <v>174</v>
      </c>
      <c r="AK26331">
        <v>176</v>
      </c>
      <c r="AL26331">
        <v>178</v>
      </c>
      <c r="AM26331">
        <v>180</v>
      </c>
      <c r="AN26331">
        <v>183</v>
      </c>
      <c r="AO26331">
        <v>185</v>
      </c>
      <c r="AP26331">
        <v>187</v>
      </c>
      <c r="AQ26331">
        <v>189</v>
      </c>
    </row>
    <row r="26332" spans="1:43">
      <c r="A26332" t="s">
        <v>16301</v>
      </c>
      <c r="B26332" t="s">
        <v>16302</v>
      </c>
      <c r="C26332" t="s">
        <v>16299</v>
      </c>
      <c r="D26332" t="s">
        <v>16300</v>
      </c>
      <c r="E26332" t="s">
        <v>16245</v>
      </c>
      <c r="F26332" t="s">
        <v>16246</v>
      </c>
      <c r="G26332" t="s">
        <v>10734</v>
      </c>
      <c r="H26332" t="s">
        <v>10735</v>
      </c>
      <c r="I26332" s="2">
        <v>1</v>
      </c>
      <c r="J26332" s="2">
        <v>0</v>
      </c>
      <c r="K26332" s="2">
        <v>0</v>
      </c>
      <c r="L26332" t="s">
        <v>120</v>
      </c>
      <c r="M26332" t="s">
        <v>89</v>
      </c>
      <c r="N26332" t="s">
        <v>90</v>
      </c>
      <c r="O26332" t="s">
        <v>85</v>
      </c>
      <c r="P26332" t="s">
        <v>86</v>
      </c>
      <c r="Q26332">
        <v>142</v>
      </c>
      <c r="R26332">
        <v>146</v>
      </c>
      <c r="S26332">
        <v>150</v>
      </c>
      <c r="T26332">
        <v>155</v>
      </c>
      <c r="U26332">
        <v>159</v>
      </c>
      <c r="V26332">
        <v>163</v>
      </c>
      <c r="W26332">
        <v>166</v>
      </c>
      <c r="X26332">
        <v>170</v>
      </c>
      <c r="Y26332">
        <v>174</v>
      </c>
      <c r="Z26332">
        <v>178</v>
      </c>
      <c r="AA26332">
        <v>182</v>
      </c>
      <c r="AB26332">
        <v>185</v>
      </c>
      <c r="AC26332">
        <v>190</v>
      </c>
      <c r="AD26332">
        <v>194</v>
      </c>
      <c r="AE26332">
        <v>197</v>
      </c>
      <c r="AF26332">
        <v>199</v>
      </c>
      <c r="AG26332">
        <v>200</v>
      </c>
      <c r="AH26332">
        <v>202</v>
      </c>
      <c r="AI26332">
        <v>204</v>
      </c>
      <c r="AJ26332">
        <v>206</v>
      </c>
      <c r="AK26332">
        <v>208</v>
      </c>
      <c r="AL26332">
        <v>210</v>
      </c>
      <c r="AM26332">
        <v>212</v>
      </c>
      <c r="AN26332">
        <v>214</v>
      </c>
      <c r="AO26332">
        <v>216</v>
      </c>
      <c r="AP26332">
        <v>218</v>
      </c>
      <c r="AQ26332">
        <v>220</v>
      </c>
    </row>
    <row r="26333" spans="1:43">
      <c r="A26333" t="s">
        <v>16301</v>
      </c>
      <c r="B26333" t="s">
        <v>16302</v>
      </c>
      <c r="C26333" t="s">
        <v>16299</v>
      </c>
      <c r="D26333" t="s">
        <v>16300</v>
      </c>
      <c r="E26333" t="s">
        <v>16245</v>
      </c>
      <c r="F26333" t="s">
        <v>16246</v>
      </c>
      <c r="G26333" t="s">
        <v>10734</v>
      </c>
      <c r="H26333" t="s">
        <v>10735</v>
      </c>
      <c r="I26333" s="2">
        <v>1</v>
      </c>
      <c r="J26333" s="2">
        <v>0</v>
      </c>
      <c r="K26333" s="2">
        <v>0</v>
      </c>
      <c r="L26333" t="s">
        <v>120</v>
      </c>
      <c r="M26333" t="s">
        <v>83</v>
      </c>
      <c r="N26333" t="s">
        <v>91</v>
      </c>
      <c r="O26333" t="s">
        <v>85</v>
      </c>
      <c r="P26333" t="s">
        <v>86</v>
      </c>
      <c r="Q26333">
        <v>142</v>
      </c>
      <c r="R26333">
        <v>145</v>
      </c>
      <c r="S26333">
        <v>148</v>
      </c>
      <c r="T26333">
        <v>151</v>
      </c>
      <c r="U26333">
        <v>154</v>
      </c>
      <c r="V26333">
        <v>157</v>
      </c>
      <c r="W26333">
        <v>160</v>
      </c>
      <c r="X26333">
        <v>163</v>
      </c>
      <c r="Y26333">
        <v>166</v>
      </c>
      <c r="Z26333">
        <v>169</v>
      </c>
      <c r="AA26333">
        <v>172</v>
      </c>
      <c r="AB26333">
        <v>175</v>
      </c>
      <c r="AC26333">
        <v>178</v>
      </c>
      <c r="AD26333">
        <v>181</v>
      </c>
      <c r="AE26333">
        <v>184</v>
      </c>
      <c r="AF26333">
        <v>188</v>
      </c>
      <c r="AG26333">
        <v>191</v>
      </c>
      <c r="AH26333">
        <v>194</v>
      </c>
      <c r="AI26333">
        <v>198</v>
      </c>
      <c r="AJ26333">
        <v>201</v>
      </c>
      <c r="AK26333">
        <v>205</v>
      </c>
      <c r="AL26333">
        <v>208</v>
      </c>
      <c r="AM26333">
        <v>210</v>
      </c>
      <c r="AN26333">
        <v>212</v>
      </c>
      <c r="AO26333">
        <v>214</v>
      </c>
      <c r="AP26333">
        <v>216</v>
      </c>
      <c r="AQ26333">
        <v>218</v>
      </c>
    </row>
    <row r="26334" spans="1:43">
      <c r="A26334" t="s">
        <v>16303</v>
      </c>
      <c r="B26334" t="s">
        <v>16304</v>
      </c>
      <c r="C26334" t="s">
        <v>16305</v>
      </c>
      <c r="D26334" t="s">
        <v>16306</v>
      </c>
      <c r="E26334" t="s">
        <v>16245</v>
      </c>
      <c r="F26334" t="s">
        <v>16246</v>
      </c>
      <c r="G26334" t="s">
        <v>10734</v>
      </c>
      <c r="H26334" t="s">
        <v>10735</v>
      </c>
      <c r="I26334" s="2">
        <v>1</v>
      </c>
      <c r="J26334" s="2">
        <v>0</v>
      </c>
      <c r="K26334" s="2">
        <v>0</v>
      </c>
      <c r="L26334" t="s">
        <v>120</v>
      </c>
      <c r="M26334" t="s">
        <v>83</v>
      </c>
      <c r="N26334" t="s">
        <v>84</v>
      </c>
      <c r="O26334" t="s">
        <v>85</v>
      </c>
      <c r="P26334" t="s">
        <v>86</v>
      </c>
      <c r="Q26334">
        <v>10</v>
      </c>
      <c r="R26334">
        <v>10</v>
      </c>
      <c r="S26334">
        <v>10</v>
      </c>
      <c r="T26334">
        <v>11</v>
      </c>
      <c r="U26334">
        <v>11</v>
      </c>
      <c r="V26334">
        <v>11</v>
      </c>
      <c r="W26334">
        <v>11</v>
      </c>
      <c r="X26334">
        <v>11</v>
      </c>
      <c r="Y26334">
        <v>12</v>
      </c>
      <c r="Z26334">
        <v>12</v>
      </c>
      <c r="AA26334">
        <v>12</v>
      </c>
      <c r="AB26334">
        <v>12</v>
      </c>
      <c r="AC26334">
        <v>12</v>
      </c>
      <c r="AD26334">
        <v>13</v>
      </c>
      <c r="AE26334">
        <v>13</v>
      </c>
      <c r="AF26334">
        <v>13</v>
      </c>
      <c r="AG26334">
        <v>13</v>
      </c>
      <c r="AH26334">
        <v>14</v>
      </c>
      <c r="AI26334">
        <v>14</v>
      </c>
      <c r="AJ26334">
        <v>14</v>
      </c>
      <c r="AK26334">
        <v>14</v>
      </c>
      <c r="AL26334">
        <v>15</v>
      </c>
      <c r="AM26334">
        <v>15</v>
      </c>
      <c r="AN26334">
        <v>15</v>
      </c>
      <c r="AO26334">
        <v>15</v>
      </c>
      <c r="AP26334">
        <v>15</v>
      </c>
      <c r="AQ26334">
        <v>15</v>
      </c>
    </row>
    <row r="26335" spans="1:43">
      <c r="A26335" t="s">
        <v>16303</v>
      </c>
      <c r="B26335" t="s">
        <v>16304</v>
      </c>
      <c r="C26335" t="s">
        <v>16305</v>
      </c>
      <c r="D26335" t="s">
        <v>16306</v>
      </c>
      <c r="E26335" t="s">
        <v>16245</v>
      </c>
      <c r="F26335" t="s">
        <v>16246</v>
      </c>
      <c r="G26335" t="s">
        <v>10734</v>
      </c>
      <c r="H26335" t="s">
        <v>10735</v>
      </c>
      <c r="I26335" s="2">
        <v>1</v>
      </c>
      <c r="J26335" s="2">
        <v>0</v>
      </c>
      <c r="K26335" s="2">
        <v>0</v>
      </c>
      <c r="L26335" t="s">
        <v>120</v>
      </c>
      <c r="M26335" t="s">
        <v>87</v>
      </c>
      <c r="N26335" t="s">
        <v>88</v>
      </c>
      <c r="O26335" t="s">
        <v>85</v>
      </c>
      <c r="P26335" t="s">
        <v>86</v>
      </c>
      <c r="Q26335">
        <v>10</v>
      </c>
      <c r="R26335">
        <v>10</v>
      </c>
      <c r="S26335">
        <v>10</v>
      </c>
      <c r="T26335">
        <v>10</v>
      </c>
      <c r="U26335">
        <v>10</v>
      </c>
      <c r="V26335">
        <v>10</v>
      </c>
      <c r="W26335">
        <v>10</v>
      </c>
      <c r="X26335">
        <v>11</v>
      </c>
      <c r="Y26335">
        <v>11</v>
      </c>
      <c r="Z26335">
        <v>11</v>
      </c>
      <c r="AA26335">
        <v>11</v>
      </c>
      <c r="AB26335">
        <v>11</v>
      </c>
      <c r="AC26335">
        <v>11</v>
      </c>
      <c r="AD26335">
        <v>11</v>
      </c>
      <c r="AE26335">
        <v>11</v>
      </c>
      <c r="AF26335">
        <v>12</v>
      </c>
      <c r="AG26335">
        <v>12</v>
      </c>
      <c r="AH26335">
        <v>12</v>
      </c>
      <c r="AI26335">
        <v>12</v>
      </c>
      <c r="AJ26335">
        <v>12</v>
      </c>
      <c r="AK26335">
        <v>12</v>
      </c>
      <c r="AL26335">
        <v>12</v>
      </c>
      <c r="AM26335">
        <v>13</v>
      </c>
      <c r="AN26335">
        <v>13</v>
      </c>
      <c r="AO26335">
        <v>13</v>
      </c>
      <c r="AP26335">
        <v>13</v>
      </c>
      <c r="AQ26335">
        <v>13</v>
      </c>
    </row>
    <row r="26336" spans="1:43">
      <c r="A26336" t="s">
        <v>16303</v>
      </c>
      <c r="B26336" t="s">
        <v>16304</v>
      </c>
      <c r="C26336" t="s">
        <v>16305</v>
      </c>
      <c r="D26336" t="s">
        <v>16306</v>
      </c>
      <c r="E26336" t="s">
        <v>16245</v>
      </c>
      <c r="F26336" t="s">
        <v>16246</v>
      </c>
      <c r="G26336" t="s">
        <v>10734</v>
      </c>
      <c r="H26336" t="s">
        <v>10735</v>
      </c>
      <c r="I26336" s="2">
        <v>1</v>
      </c>
      <c r="J26336" s="2">
        <v>0</v>
      </c>
      <c r="K26336" s="2">
        <v>0</v>
      </c>
      <c r="L26336" t="s">
        <v>120</v>
      </c>
      <c r="M26336" t="s">
        <v>89</v>
      </c>
      <c r="N26336" t="s">
        <v>90</v>
      </c>
      <c r="O26336" t="s">
        <v>85</v>
      </c>
      <c r="P26336" t="s">
        <v>86</v>
      </c>
      <c r="Q26336">
        <v>10</v>
      </c>
      <c r="R26336">
        <v>10</v>
      </c>
      <c r="S26336">
        <v>11</v>
      </c>
      <c r="T26336">
        <v>11</v>
      </c>
      <c r="U26336">
        <v>11</v>
      </c>
      <c r="V26336">
        <v>11</v>
      </c>
      <c r="W26336">
        <v>12</v>
      </c>
      <c r="X26336">
        <v>12</v>
      </c>
      <c r="Y26336">
        <v>12</v>
      </c>
      <c r="Z26336">
        <v>13</v>
      </c>
      <c r="AA26336">
        <v>13</v>
      </c>
      <c r="AB26336">
        <v>13</v>
      </c>
      <c r="AC26336">
        <v>13</v>
      </c>
      <c r="AD26336">
        <v>14</v>
      </c>
      <c r="AE26336">
        <v>14</v>
      </c>
      <c r="AF26336">
        <v>14</v>
      </c>
      <c r="AG26336">
        <v>14</v>
      </c>
      <c r="AH26336">
        <v>14</v>
      </c>
      <c r="AI26336">
        <v>14</v>
      </c>
      <c r="AJ26336">
        <v>14</v>
      </c>
      <c r="AK26336">
        <v>15</v>
      </c>
      <c r="AL26336">
        <v>15</v>
      </c>
      <c r="AM26336">
        <v>15</v>
      </c>
      <c r="AN26336">
        <v>15</v>
      </c>
      <c r="AO26336">
        <v>15</v>
      </c>
      <c r="AP26336">
        <v>15</v>
      </c>
      <c r="AQ26336">
        <v>15</v>
      </c>
    </row>
    <row r="26337" spans="1:43">
      <c r="A26337" t="s">
        <v>16303</v>
      </c>
      <c r="B26337" t="s">
        <v>16304</v>
      </c>
      <c r="C26337" t="s">
        <v>16305</v>
      </c>
      <c r="D26337" t="s">
        <v>16306</v>
      </c>
      <c r="E26337" t="s">
        <v>16245</v>
      </c>
      <c r="F26337" t="s">
        <v>16246</v>
      </c>
      <c r="G26337" t="s">
        <v>10734</v>
      </c>
      <c r="H26337" t="s">
        <v>10735</v>
      </c>
      <c r="I26337" s="2">
        <v>1</v>
      </c>
      <c r="J26337" s="2">
        <v>0</v>
      </c>
      <c r="K26337" s="2">
        <v>0</v>
      </c>
      <c r="L26337" t="s">
        <v>120</v>
      </c>
      <c r="M26337" t="s">
        <v>83</v>
      </c>
      <c r="N26337" t="s">
        <v>91</v>
      </c>
      <c r="O26337" t="s">
        <v>85</v>
      </c>
      <c r="P26337" t="s">
        <v>86</v>
      </c>
      <c r="Q26337">
        <v>10</v>
      </c>
      <c r="R26337">
        <v>10</v>
      </c>
      <c r="S26337">
        <v>10</v>
      </c>
      <c r="T26337">
        <v>11</v>
      </c>
      <c r="U26337">
        <v>11</v>
      </c>
      <c r="V26337">
        <v>11</v>
      </c>
      <c r="W26337">
        <v>11</v>
      </c>
      <c r="X26337">
        <v>11</v>
      </c>
      <c r="Y26337">
        <v>12</v>
      </c>
      <c r="Z26337">
        <v>12</v>
      </c>
      <c r="AA26337">
        <v>12</v>
      </c>
      <c r="AB26337">
        <v>12</v>
      </c>
      <c r="AC26337">
        <v>12</v>
      </c>
      <c r="AD26337">
        <v>13</v>
      </c>
      <c r="AE26337">
        <v>13</v>
      </c>
      <c r="AF26337">
        <v>13</v>
      </c>
      <c r="AG26337">
        <v>13</v>
      </c>
      <c r="AH26337">
        <v>14</v>
      </c>
      <c r="AI26337">
        <v>14</v>
      </c>
      <c r="AJ26337">
        <v>14</v>
      </c>
      <c r="AK26337">
        <v>14</v>
      </c>
      <c r="AL26337">
        <v>15</v>
      </c>
      <c r="AM26337">
        <v>15</v>
      </c>
      <c r="AN26337">
        <v>15</v>
      </c>
      <c r="AO26337">
        <v>15</v>
      </c>
      <c r="AP26337">
        <v>15</v>
      </c>
      <c r="AQ26337">
        <v>15</v>
      </c>
    </row>
    <row r="26338" spans="1:43">
      <c r="A26338" t="s">
        <v>16307</v>
      </c>
      <c r="B26338" t="s">
        <v>16308</v>
      </c>
      <c r="C26338" t="s">
        <v>16309</v>
      </c>
      <c r="D26338" t="s">
        <v>16310</v>
      </c>
      <c r="E26338" t="s">
        <v>16245</v>
      </c>
      <c r="F26338" t="s">
        <v>16246</v>
      </c>
      <c r="G26338" t="s">
        <v>10734</v>
      </c>
      <c r="H26338" t="s">
        <v>10735</v>
      </c>
      <c r="I26338" s="2">
        <v>1</v>
      </c>
      <c r="J26338" s="2">
        <v>0</v>
      </c>
      <c r="K26338" s="2">
        <v>0</v>
      </c>
      <c r="L26338" t="s">
        <v>120</v>
      </c>
      <c r="M26338" t="s">
        <v>83</v>
      </c>
      <c r="N26338" t="s">
        <v>84</v>
      </c>
      <c r="O26338" t="s">
        <v>85</v>
      </c>
      <c r="P26338" t="s">
        <v>86</v>
      </c>
      <c r="Q26338">
        <v>26</v>
      </c>
      <c r="R26338">
        <v>26</v>
      </c>
      <c r="S26338">
        <v>27</v>
      </c>
      <c r="T26338">
        <v>27</v>
      </c>
      <c r="U26338">
        <v>28</v>
      </c>
      <c r="V26338">
        <v>28</v>
      </c>
      <c r="W26338">
        <v>29</v>
      </c>
      <c r="X26338">
        <v>29</v>
      </c>
      <c r="Y26338">
        <v>30</v>
      </c>
      <c r="Z26338">
        <v>31</v>
      </c>
      <c r="AA26338">
        <v>31</v>
      </c>
      <c r="AB26338">
        <v>32</v>
      </c>
      <c r="AC26338">
        <v>32</v>
      </c>
      <c r="AD26338">
        <v>33</v>
      </c>
      <c r="AE26338">
        <v>33</v>
      </c>
      <c r="AF26338">
        <v>34</v>
      </c>
      <c r="AG26338">
        <v>35</v>
      </c>
      <c r="AH26338">
        <v>35</v>
      </c>
      <c r="AI26338">
        <v>36</v>
      </c>
      <c r="AJ26338">
        <v>36</v>
      </c>
      <c r="AK26338">
        <v>37</v>
      </c>
      <c r="AL26338">
        <v>38</v>
      </c>
      <c r="AM26338">
        <v>38</v>
      </c>
      <c r="AN26338">
        <v>38</v>
      </c>
      <c r="AO26338">
        <v>39</v>
      </c>
      <c r="AP26338">
        <v>39</v>
      </c>
      <c r="AQ26338">
        <v>39</v>
      </c>
    </row>
    <row r="26339" spans="1:43">
      <c r="A26339" t="s">
        <v>16307</v>
      </c>
      <c r="B26339" t="s">
        <v>16308</v>
      </c>
      <c r="C26339" t="s">
        <v>16309</v>
      </c>
      <c r="D26339" t="s">
        <v>16310</v>
      </c>
      <c r="E26339" t="s">
        <v>16245</v>
      </c>
      <c r="F26339" t="s">
        <v>16246</v>
      </c>
      <c r="G26339" t="s">
        <v>10734</v>
      </c>
      <c r="H26339" t="s">
        <v>10735</v>
      </c>
      <c r="I26339" s="2">
        <v>1</v>
      </c>
      <c r="J26339" s="2">
        <v>0</v>
      </c>
      <c r="K26339" s="2">
        <v>0</v>
      </c>
      <c r="L26339" t="s">
        <v>120</v>
      </c>
      <c r="M26339" t="s">
        <v>87</v>
      </c>
      <c r="N26339" t="s">
        <v>88</v>
      </c>
      <c r="O26339" t="s">
        <v>85</v>
      </c>
      <c r="P26339" t="s">
        <v>86</v>
      </c>
      <c r="Q26339">
        <v>26</v>
      </c>
      <c r="R26339">
        <v>26</v>
      </c>
      <c r="S26339">
        <v>26</v>
      </c>
      <c r="T26339">
        <v>26</v>
      </c>
      <c r="U26339">
        <v>27</v>
      </c>
      <c r="V26339">
        <v>27</v>
      </c>
      <c r="W26339">
        <v>27</v>
      </c>
      <c r="X26339">
        <v>27</v>
      </c>
      <c r="Y26339">
        <v>28</v>
      </c>
      <c r="Z26339">
        <v>28</v>
      </c>
      <c r="AA26339">
        <v>28</v>
      </c>
      <c r="AB26339">
        <v>29</v>
      </c>
      <c r="AC26339">
        <v>29</v>
      </c>
      <c r="AD26339">
        <v>29</v>
      </c>
      <c r="AE26339">
        <v>30</v>
      </c>
      <c r="AF26339">
        <v>30</v>
      </c>
      <c r="AG26339">
        <v>30</v>
      </c>
      <c r="AH26339">
        <v>31</v>
      </c>
      <c r="AI26339">
        <v>31</v>
      </c>
      <c r="AJ26339">
        <v>31</v>
      </c>
      <c r="AK26339">
        <v>32</v>
      </c>
      <c r="AL26339">
        <v>32</v>
      </c>
      <c r="AM26339">
        <v>32</v>
      </c>
      <c r="AN26339">
        <v>33</v>
      </c>
      <c r="AO26339">
        <v>33</v>
      </c>
      <c r="AP26339">
        <v>34</v>
      </c>
      <c r="AQ26339">
        <v>34</v>
      </c>
    </row>
    <row r="26340" spans="1:43">
      <c r="A26340" t="s">
        <v>16307</v>
      </c>
      <c r="B26340" t="s">
        <v>16308</v>
      </c>
      <c r="C26340" t="s">
        <v>16309</v>
      </c>
      <c r="D26340" t="s">
        <v>16310</v>
      </c>
      <c r="E26340" t="s">
        <v>16245</v>
      </c>
      <c r="F26340" t="s">
        <v>16246</v>
      </c>
      <c r="G26340" t="s">
        <v>10734</v>
      </c>
      <c r="H26340" t="s">
        <v>10735</v>
      </c>
      <c r="I26340" s="2">
        <v>1</v>
      </c>
      <c r="J26340" s="2">
        <v>0</v>
      </c>
      <c r="K26340" s="2">
        <v>0</v>
      </c>
      <c r="L26340" t="s">
        <v>120</v>
      </c>
      <c r="M26340" t="s">
        <v>89</v>
      </c>
      <c r="N26340" t="s">
        <v>90</v>
      </c>
      <c r="O26340" t="s">
        <v>85</v>
      </c>
      <c r="P26340" t="s">
        <v>86</v>
      </c>
      <c r="Q26340">
        <v>26</v>
      </c>
      <c r="R26340">
        <v>27</v>
      </c>
      <c r="S26340">
        <v>27</v>
      </c>
      <c r="T26340">
        <v>28</v>
      </c>
      <c r="U26340">
        <v>29</v>
      </c>
      <c r="V26340">
        <v>30</v>
      </c>
      <c r="W26340">
        <v>30</v>
      </c>
      <c r="X26340">
        <v>31</v>
      </c>
      <c r="Y26340">
        <v>32</v>
      </c>
      <c r="Z26340">
        <v>32</v>
      </c>
      <c r="AA26340">
        <v>33</v>
      </c>
      <c r="AB26340">
        <v>34</v>
      </c>
      <c r="AC26340">
        <v>35</v>
      </c>
      <c r="AD26340">
        <v>35</v>
      </c>
      <c r="AE26340">
        <v>36</v>
      </c>
      <c r="AF26340">
        <v>36</v>
      </c>
      <c r="AG26340">
        <v>36</v>
      </c>
      <c r="AH26340">
        <v>37</v>
      </c>
      <c r="AI26340">
        <v>37</v>
      </c>
      <c r="AJ26340">
        <v>37</v>
      </c>
      <c r="AK26340">
        <v>38</v>
      </c>
      <c r="AL26340">
        <v>38</v>
      </c>
      <c r="AM26340">
        <v>38</v>
      </c>
      <c r="AN26340">
        <v>39</v>
      </c>
      <c r="AO26340">
        <v>39</v>
      </c>
      <c r="AP26340">
        <v>39</v>
      </c>
      <c r="AQ26340">
        <v>40</v>
      </c>
    </row>
    <row r="26341" spans="1:43">
      <c r="A26341" t="s">
        <v>16307</v>
      </c>
      <c r="B26341" t="s">
        <v>16308</v>
      </c>
      <c r="C26341" t="s">
        <v>16309</v>
      </c>
      <c r="D26341" t="s">
        <v>16310</v>
      </c>
      <c r="E26341" t="s">
        <v>16245</v>
      </c>
      <c r="F26341" t="s">
        <v>16246</v>
      </c>
      <c r="G26341" t="s">
        <v>10734</v>
      </c>
      <c r="H26341" t="s">
        <v>10735</v>
      </c>
      <c r="I26341" s="2">
        <v>1</v>
      </c>
      <c r="J26341" s="2">
        <v>0</v>
      </c>
      <c r="K26341" s="2">
        <v>0</v>
      </c>
      <c r="L26341" t="s">
        <v>120</v>
      </c>
      <c r="M26341" t="s">
        <v>83</v>
      </c>
      <c r="N26341" t="s">
        <v>91</v>
      </c>
      <c r="O26341" t="s">
        <v>85</v>
      </c>
      <c r="P26341" t="s">
        <v>86</v>
      </c>
      <c r="Q26341">
        <v>26</v>
      </c>
      <c r="R26341">
        <v>26</v>
      </c>
      <c r="S26341">
        <v>27</v>
      </c>
      <c r="T26341">
        <v>27</v>
      </c>
      <c r="U26341">
        <v>28</v>
      </c>
      <c r="V26341">
        <v>28</v>
      </c>
      <c r="W26341">
        <v>29</v>
      </c>
      <c r="X26341">
        <v>29</v>
      </c>
      <c r="Y26341">
        <v>30</v>
      </c>
      <c r="Z26341">
        <v>31</v>
      </c>
      <c r="AA26341">
        <v>31</v>
      </c>
      <c r="AB26341">
        <v>32</v>
      </c>
      <c r="AC26341">
        <v>32</v>
      </c>
      <c r="AD26341">
        <v>33</v>
      </c>
      <c r="AE26341">
        <v>33</v>
      </c>
      <c r="AF26341">
        <v>34</v>
      </c>
      <c r="AG26341">
        <v>35</v>
      </c>
      <c r="AH26341">
        <v>35</v>
      </c>
      <c r="AI26341">
        <v>36</v>
      </c>
      <c r="AJ26341">
        <v>36</v>
      </c>
      <c r="AK26341">
        <v>37</v>
      </c>
      <c r="AL26341">
        <v>38</v>
      </c>
      <c r="AM26341">
        <v>38</v>
      </c>
      <c r="AN26341">
        <v>38</v>
      </c>
      <c r="AO26341">
        <v>39</v>
      </c>
      <c r="AP26341">
        <v>39</v>
      </c>
      <c r="AQ26341">
        <v>39</v>
      </c>
    </row>
    <row r="26342" spans="1:43">
      <c r="A26342" t="s">
        <v>16311</v>
      </c>
      <c r="B26342" t="s">
        <v>16312</v>
      </c>
      <c r="C26342" t="s">
        <v>16309</v>
      </c>
      <c r="D26342" t="s">
        <v>16310</v>
      </c>
      <c r="E26342" t="s">
        <v>16245</v>
      </c>
      <c r="F26342" t="s">
        <v>16246</v>
      </c>
      <c r="G26342" t="s">
        <v>10734</v>
      </c>
      <c r="H26342" t="s">
        <v>10735</v>
      </c>
      <c r="I26342" s="2">
        <v>1</v>
      </c>
      <c r="J26342" s="2">
        <v>0</v>
      </c>
      <c r="K26342" s="2">
        <v>0</v>
      </c>
      <c r="L26342" t="s">
        <v>120</v>
      </c>
      <c r="M26342" t="s">
        <v>83</v>
      </c>
      <c r="N26342" t="s">
        <v>84</v>
      </c>
      <c r="O26342" t="s">
        <v>85</v>
      </c>
      <c r="P26342" t="s">
        <v>86</v>
      </c>
      <c r="Q26342">
        <v>10</v>
      </c>
      <c r="R26342">
        <v>10</v>
      </c>
      <c r="S26342">
        <v>10</v>
      </c>
      <c r="T26342">
        <v>10</v>
      </c>
      <c r="U26342">
        <v>10</v>
      </c>
      <c r="V26342">
        <v>10</v>
      </c>
      <c r="W26342">
        <v>11</v>
      </c>
      <c r="X26342">
        <v>11</v>
      </c>
      <c r="Y26342">
        <v>11</v>
      </c>
      <c r="Z26342">
        <v>11</v>
      </c>
      <c r="AA26342">
        <v>11</v>
      </c>
      <c r="AB26342">
        <v>12</v>
      </c>
      <c r="AC26342">
        <v>12</v>
      </c>
      <c r="AD26342">
        <v>12</v>
      </c>
      <c r="AE26342">
        <v>12</v>
      </c>
      <c r="AF26342">
        <v>12</v>
      </c>
      <c r="AG26342">
        <v>13</v>
      </c>
      <c r="AH26342">
        <v>13</v>
      </c>
      <c r="AI26342">
        <v>13</v>
      </c>
      <c r="AJ26342">
        <v>13</v>
      </c>
      <c r="AK26342">
        <v>14</v>
      </c>
      <c r="AL26342">
        <v>14</v>
      </c>
      <c r="AM26342">
        <v>14</v>
      </c>
      <c r="AN26342">
        <v>14</v>
      </c>
      <c r="AO26342">
        <v>14</v>
      </c>
      <c r="AP26342">
        <v>14</v>
      </c>
      <c r="AQ26342">
        <v>14</v>
      </c>
    </row>
    <row r="26343" spans="1:43">
      <c r="A26343" t="s">
        <v>16311</v>
      </c>
      <c r="B26343" t="s">
        <v>16312</v>
      </c>
      <c r="C26343" t="s">
        <v>16309</v>
      </c>
      <c r="D26343" t="s">
        <v>16310</v>
      </c>
      <c r="E26343" t="s">
        <v>16245</v>
      </c>
      <c r="F26343" t="s">
        <v>16246</v>
      </c>
      <c r="G26343" t="s">
        <v>10734</v>
      </c>
      <c r="H26343" t="s">
        <v>10735</v>
      </c>
      <c r="I26343" s="2">
        <v>1</v>
      </c>
      <c r="J26343" s="2">
        <v>0</v>
      </c>
      <c r="K26343" s="2">
        <v>0</v>
      </c>
      <c r="L26343" t="s">
        <v>120</v>
      </c>
      <c r="M26343" t="s">
        <v>87</v>
      </c>
      <c r="N26343" t="s">
        <v>88</v>
      </c>
      <c r="O26343" t="s">
        <v>85</v>
      </c>
      <c r="P26343" t="s">
        <v>86</v>
      </c>
      <c r="Q26343">
        <v>10</v>
      </c>
      <c r="R26343">
        <v>11</v>
      </c>
      <c r="S26343">
        <v>11</v>
      </c>
      <c r="T26343">
        <v>11</v>
      </c>
      <c r="U26343">
        <v>11</v>
      </c>
      <c r="V26343">
        <v>11</v>
      </c>
      <c r="W26343">
        <v>11</v>
      </c>
      <c r="X26343">
        <v>11</v>
      </c>
      <c r="Y26343">
        <v>11</v>
      </c>
      <c r="Z26343">
        <v>11</v>
      </c>
      <c r="AA26343">
        <v>11</v>
      </c>
      <c r="AB26343">
        <v>12</v>
      </c>
      <c r="AC26343">
        <v>12</v>
      </c>
      <c r="AD26343">
        <v>12</v>
      </c>
      <c r="AE26343">
        <v>12</v>
      </c>
      <c r="AF26343">
        <v>12</v>
      </c>
      <c r="AG26343">
        <v>12</v>
      </c>
      <c r="AH26343">
        <v>12</v>
      </c>
      <c r="AI26343">
        <v>12</v>
      </c>
      <c r="AJ26343">
        <v>12</v>
      </c>
      <c r="AK26343">
        <v>13</v>
      </c>
      <c r="AL26343">
        <v>13</v>
      </c>
      <c r="AM26343">
        <v>13</v>
      </c>
      <c r="AN26343">
        <v>13</v>
      </c>
      <c r="AO26343">
        <v>13</v>
      </c>
      <c r="AP26343">
        <v>13</v>
      </c>
      <c r="AQ26343">
        <v>13</v>
      </c>
    </row>
    <row r="26344" spans="1:43">
      <c r="A26344" t="s">
        <v>16311</v>
      </c>
      <c r="B26344" t="s">
        <v>16312</v>
      </c>
      <c r="C26344" t="s">
        <v>16309</v>
      </c>
      <c r="D26344" t="s">
        <v>16310</v>
      </c>
      <c r="E26344" t="s">
        <v>16245</v>
      </c>
      <c r="F26344" t="s">
        <v>16246</v>
      </c>
      <c r="G26344" t="s">
        <v>10734</v>
      </c>
      <c r="H26344" t="s">
        <v>10735</v>
      </c>
      <c r="I26344" s="2">
        <v>1</v>
      </c>
      <c r="J26344" s="2">
        <v>0</v>
      </c>
      <c r="K26344" s="2">
        <v>0</v>
      </c>
      <c r="L26344" t="s">
        <v>120</v>
      </c>
      <c r="M26344" t="s">
        <v>89</v>
      </c>
      <c r="N26344" t="s">
        <v>90</v>
      </c>
      <c r="O26344" t="s">
        <v>85</v>
      </c>
      <c r="P26344" t="s">
        <v>86</v>
      </c>
      <c r="Q26344">
        <v>10</v>
      </c>
      <c r="R26344">
        <v>10</v>
      </c>
      <c r="S26344">
        <v>10</v>
      </c>
      <c r="T26344">
        <v>10</v>
      </c>
      <c r="U26344">
        <v>11</v>
      </c>
      <c r="V26344">
        <v>11</v>
      </c>
      <c r="W26344">
        <v>11</v>
      </c>
      <c r="X26344">
        <v>11</v>
      </c>
      <c r="Y26344">
        <v>12</v>
      </c>
      <c r="Z26344">
        <v>12</v>
      </c>
      <c r="AA26344">
        <v>12</v>
      </c>
      <c r="AB26344">
        <v>12</v>
      </c>
      <c r="AC26344">
        <v>13</v>
      </c>
      <c r="AD26344">
        <v>13</v>
      </c>
      <c r="AE26344">
        <v>13</v>
      </c>
      <c r="AF26344">
        <v>13</v>
      </c>
      <c r="AG26344">
        <v>13</v>
      </c>
      <c r="AH26344">
        <v>13</v>
      </c>
      <c r="AI26344">
        <v>13</v>
      </c>
      <c r="AJ26344">
        <v>14</v>
      </c>
      <c r="AK26344">
        <v>14</v>
      </c>
      <c r="AL26344">
        <v>14</v>
      </c>
      <c r="AM26344">
        <v>14</v>
      </c>
      <c r="AN26344">
        <v>14</v>
      </c>
      <c r="AO26344">
        <v>14</v>
      </c>
      <c r="AP26344">
        <v>14</v>
      </c>
      <c r="AQ26344">
        <v>14</v>
      </c>
    </row>
    <row r="26345" spans="1:43">
      <c r="A26345" t="s">
        <v>16311</v>
      </c>
      <c r="B26345" t="s">
        <v>16312</v>
      </c>
      <c r="C26345" t="s">
        <v>16309</v>
      </c>
      <c r="D26345" t="s">
        <v>16310</v>
      </c>
      <c r="E26345" t="s">
        <v>16245</v>
      </c>
      <c r="F26345" t="s">
        <v>16246</v>
      </c>
      <c r="G26345" t="s">
        <v>10734</v>
      </c>
      <c r="H26345" t="s">
        <v>10735</v>
      </c>
      <c r="I26345" s="2">
        <v>1</v>
      </c>
      <c r="J26345" s="2">
        <v>0</v>
      </c>
      <c r="K26345" s="2">
        <v>0</v>
      </c>
      <c r="L26345" t="s">
        <v>120</v>
      </c>
      <c r="M26345" t="s">
        <v>83</v>
      </c>
      <c r="N26345" t="s">
        <v>91</v>
      </c>
      <c r="O26345" t="s">
        <v>85</v>
      </c>
      <c r="P26345" t="s">
        <v>86</v>
      </c>
      <c r="Q26345">
        <v>10</v>
      </c>
      <c r="R26345">
        <v>10</v>
      </c>
      <c r="S26345">
        <v>10</v>
      </c>
      <c r="T26345">
        <v>10</v>
      </c>
      <c r="U26345">
        <v>10</v>
      </c>
      <c r="V26345">
        <v>10</v>
      </c>
      <c r="W26345">
        <v>11</v>
      </c>
      <c r="X26345">
        <v>11</v>
      </c>
      <c r="Y26345">
        <v>11</v>
      </c>
      <c r="Z26345">
        <v>11</v>
      </c>
      <c r="AA26345">
        <v>11</v>
      </c>
      <c r="AB26345">
        <v>12</v>
      </c>
      <c r="AC26345">
        <v>12</v>
      </c>
      <c r="AD26345">
        <v>12</v>
      </c>
      <c r="AE26345">
        <v>12</v>
      </c>
      <c r="AF26345">
        <v>12</v>
      </c>
      <c r="AG26345">
        <v>13</v>
      </c>
      <c r="AH26345">
        <v>13</v>
      </c>
      <c r="AI26345">
        <v>13</v>
      </c>
      <c r="AJ26345">
        <v>13</v>
      </c>
      <c r="AK26345">
        <v>14</v>
      </c>
      <c r="AL26345">
        <v>14</v>
      </c>
      <c r="AM26345">
        <v>14</v>
      </c>
      <c r="AN26345">
        <v>14</v>
      </c>
      <c r="AO26345">
        <v>14</v>
      </c>
      <c r="AP26345">
        <v>14</v>
      </c>
      <c r="AQ26345">
        <v>14</v>
      </c>
    </row>
    <row r="26346" spans="1:43">
      <c r="A26346" t="s">
        <v>16313</v>
      </c>
      <c r="B26346" t="s">
        <v>16314</v>
      </c>
      <c r="C26346" t="s">
        <v>16309</v>
      </c>
      <c r="D26346" t="s">
        <v>16310</v>
      </c>
      <c r="E26346" t="s">
        <v>16245</v>
      </c>
      <c r="F26346" t="s">
        <v>16246</v>
      </c>
      <c r="G26346" t="s">
        <v>10734</v>
      </c>
      <c r="H26346" t="s">
        <v>10735</v>
      </c>
      <c r="I26346" s="2">
        <v>0.84</v>
      </c>
      <c r="J26346" s="2">
        <v>0</v>
      </c>
      <c r="K26346" s="2">
        <v>0</v>
      </c>
      <c r="L26346" t="s">
        <v>120</v>
      </c>
      <c r="M26346" t="s">
        <v>83</v>
      </c>
      <c r="N26346" t="s">
        <v>84</v>
      </c>
      <c r="O26346" t="s">
        <v>85</v>
      </c>
      <c r="P26346" t="s">
        <v>86</v>
      </c>
      <c r="Q26346">
        <v>14</v>
      </c>
      <c r="R26346">
        <v>14</v>
      </c>
      <c r="S26346">
        <v>14</v>
      </c>
      <c r="T26346">
        <v>15</v>
      </c>
      <c r="U26346">
        <v>15</v>
      </c>
      <c r="V26346">
        <v>15</v>
      </c>
      <c r="W26346">
        <v>15</v>
      </c>
      <c r="X26346">
        <v>16</v>
      </c>
      <c r="Y26346">
        <v>16</v>
      </c>
      <c r="Z26346">
        <v>16</v>
      </c>
      <c r="AA26346">
        <v>17</v>
      </c>
      <c r="AB26346">
        <v>17</v>
      </c>
      <c r="AC26346">
        <v>17</v>
      </c>
      <c r="AD26346">
        <v>18</v>
      </c>
      <c r="AE26346">
        <v>18</v>
      </c>
      <c r="AF26346">
        <v>18</v>
      </c>
      <c r="AG26346">
        <v>18</v>
      </c>
      <c r="AH26346">
        <v>19</v>
      </c>
      <c r="AI26346">
        <v>19</v>
      </c>
      <c r="AJ26346">
        <v>19</v>
      </c>
      <c r="AK26346">
        <v>20</v>
      </c>
      <c r="AL26346">
        <v>20</v>
      </c>
      <c r="AM26346">
        <v>20</v>
      </c>
      <c r="AN26346">
        <v>20</v>
      </c>
      <c r="AO26346">
        <v>21</v>
      </c>
      <c r="AP26346">
        <v>21</v>
      </c>
      <c r="AQ26346">
        <v>21</v>
      </c>
    </row>
    <row r="26347" spans="1:43">
      <c r="A26347" t="s">
        <v>16313</v>
      </c>
      <c r="B26347" t="s">
        <v>16314</v>
      </c>
      <c r="C26347" t="s">
        <v>16309</v>
      </c>
      <c r="D26347" t="s">
        <v>16310</v>
      </c>
      <c r="E26347" t="s">
        <v>16245</v>
      </c>
      <c r="F26347" t="s">
        <v>16246</v>
      </c>
      <c r="G26347" t="s">
        <v>10734</v>
      </c>
      <c r="H26347" t="s">
        <v>10735</v>
      </c>
      <c r="I26347" s="2">
        <v>0.84</v>
      </c>
      <c r="J26347" s="2">
        <v>0</v>
      </c>
      <c r="K26347" s="2">
        <v>0</v>
      </c>
      <c r="L26347" t="s">
        <v>120</v>
      </c>
      <c r="M26347" t="s">
        <v>87</v>
      </c>
      <c r="N26347" t="s">
        <v>88</v>
      </c>
      <c r="O26347" t="s">
        <v>85</v>
      </c>
      <c r="P26347" t="s">
        <v>86</v>
      </c>
      <c r="Q26347">
        <v>14</v>
      </c>
      <c r="R26347">
        <v>14</v>
      </c>
      <c r="S26347">
        <v>14</v>
      </c>
      <c r="T26347">
        <v>14</v>
      </c>
      <c r="U26347">
        <v>14</v>
      </c>
      <c r="V26347">
        <v>14</v>
      </c>
      <c r="W26347">
        <v>15</v>
      </c>
      <c r="X26347">
        <v>15</v>
      </c>
      <c r="Y26347">
        <v>15</v>
      </c>
      <c r="Z26347">
        <v>15</v>
      </c>
      <c r="AA26347">
        <v>15</v>
      </c>
      <c r="AB26347">
        <v>15</v>
      </c>
      <c r="AC26347">
        <v>15</v>
      </c>
      <c r="AD26347">
        <v>16</v>
      </c>
      <c r="AE26347">
        <v>16</v>
      </c>
      <c r="AF26347">
        <v>16</v>
      </c>
      <c r="AG26347">
        <v>16</v>
      </c>
      <c r="AH26347">
        <v>16</v>
      </c>
      <c r="AI26347">
        <v>17</v>
      </c>
      <c r="AJ26347">
        <v>17</v>
      </c>
      <c r="AK26347">
        <v>17</v>
      </c>
      <c r="AL26347">
        <v>17</v>
      </c>
      <c r="AM26347">
        <v>17</v>
      </c>
      <c r="AN26347">
        <v>18</v>
      </c>
      <c r="AO26347">
        <v>18</v>
      </c>
      <c r="AP26347">
        <v>18</v>
      </c>
      <c r="AQ26347">
        <v>18</v>
      </c>
    </row>
    <row r="26348" spans="1:43">
      <c r="A26348" t="s">
        <v>16313</v>
      </c>
      <c r="B26348" t="s">
        <v>16314</v>
      </c>
      <c r="C26348" t="s">
        <v>16309</v>
      </c>
      <c r="D26348" t="s">
        <v>16310</v>
      </c>
      <c r="E26348" t="s">
        <v>16245</v>
      </c>
      <c r="F26348" t="s">
        <v>16246</v>
      </c>
      <c r="G26348" t="s">
        <v>10734</v>
      </c>
      <c r="H26348" t="s">
        <v>10735</v>
      </c>
      <c r="I26348" s="2">
        <v>0.84</v>
      </c>
      <c r="J26348" s="2">
        <v>0</v>
      </c>
      <c r="K26348" s="2">
        <v>0</v>
      </c>
      <c r="L26348" t="s">
        <v>120</v>
      </c>
      <c r="M26348" t="s">
        <v>89</v>
      </c>
      <c r="N26348" t="s">
        <v>90</v>
      </c>
      <c r="O26348" t="s">
        <v>85</v>
      </c>
      <c r="P26348" t="s">
        <v>86</v>
      </c>
      <c r="Q26348">
        <v>14</v>
      </c>
      <c r="R26348">
        <v>14</v>
      </c>
      <c r="S26348">
        <v>15</v>
      </c>
      <c r="T26348">
        <v>15</v>
      </c>
      <c r="U26348">
        <v>15</v>
      </c>
      <c r="V26348">
        <v>16</v>
      </c>
      <c r="W26348">
        <v>16</v>
      </c>
      <c r="X26348">
        <v>17</v>
      </c>
      <c r="Y26348">
        <v>17</v>
      </c>
      <c r="Z26348">
        <v>17</v>
      </c>
      <c r="AA26348">
        <v>18</v>
      </c>
      <c r="AB26348">
        <v>18</v>
      </c>
      <c r="AC26348">
        <v>18</v>
      </c>
      <c r="AD26348">
        <v>19</v>
      </c>
      <c r="AE26348">
        <v>19</v>
      </c>
      <c r="AF26348">
        <v>19</v>
      </c>
      <c r="AG26348">
        <v>19</v>
      </c>
      <c r="AH26348">
        <v>20</v>
      </c>
      <c r="AI26348">
        <v>20</v>
      </c>
      <c r="AJ26348">
        <v>20</v>
      </c>
      <c r="AK26348">
        <v>20</v>
      </c>
      <c r="AL26348">
        <v>20</v>
      </c>
      <c r="AM26348">
        <v>20</v>
      </c>
      <c r="AN26348">
        <v>21</v>
      </c>
      <c r="AO26348">
        <v>21</v>
      </c>
      <c r="AP26348">
        <v>21</v>
      </c>
      <c r="AQ26348">
        <v>21</v>
      </c>
    </row>
    <row r="26349" spans="1:43">
      <c r="A26349" t="s">
        <v>16313</v>
      </c>
      <c r="B26349" t="s">
        <v>16314</v>
      </c>
      <c r="C26349" t="s">
        <v>16309</v>
      </c>
      <c r="D26349" t="s">
        <v>16310</v>
      </c>
      <c r="E26349" t="s">
        <v>16245</v>
      </c>
      <c r="F26349" t="s">
        <v>16246</v>
      </c>
      <c r="G26349" t="s">
        <v>10734</v>
      </c>
      <c r="H26349" t="s">
        <v>10735</v>
      </c>
      <c r="I26349" s="2">
        <v>0.84</v>
      </c>
      <c r="J26349" s="2">
        <v>0</v>
      </c>
      <c r="K26349" s="2">
        <v>0</v>
      </c>
      <c r="L26349" t="s">
        <v>120</v>
      </c>
      <c r="M26349" t="s">
        <v>83</v>
      </c>
      <c r="N26349" t="s">
        <v>91</v>
      </c>
      <c r="O26349" t="s">
        <v>85</v>
      </c>
      <c r="P26349" t="s">
        <v>86</v>
      </c>
      <c r="Q26349">
        <v>14</v>
      </c>
      <c r="R26349">
        <v>14</v>
      </c>
      <c r="S26349">
        <v>14</v>
      </c>
      <c r="T26349">
        <v>15</v>
      </c>
      <c r="U26349">
        <v>15</v>
      </c>
      <c r="V26349">
        <v>15</v>
      </c>
      <c r="W26349">
        <v>15</v>
      </c>
      <c r="X26349">
        <v>16</v>
      </c>
      <c r="Y26349">
        <v>16</v>
      </c>
      <c r="Z26349">
        <v>16</v>
      </c>
      <c r="AA26349">
        <v>17</v>
      </c>
      <c r="AB26349">
        <v>17</v>
      </c>
      <c r="AC26349">
        <v>17</v>
      </c>
      <c r="AD26349">
        <v>18</v>
      </c>
      <c r="AE26349">
        <v>18</v>
      </c>
      <c r="AF26349">
        <v>18</v>
      </c>
      <c r="AG26349">
        <v>18</v>
      </c>
      <c r="AH26349">
        <v>19</v>
      </c>
      <c r="AI26349">
        <v>19</v>
      </c>
      <c r="AJ26349">
        <v>19</v>
      </c>
      <c r="AK26349">
        <v>20</v>
      </c>
      <c r="AL26349">
        <v>20</v>
      </c>
      <c r="AM26349">
        <v>20</v>
      </c>
      <c r="AN26349">
        <v>20</v>
      </c>
      <c r="AO26349">
        <v>21</v>
      </c>
      <c r="AP26349">
        <v>21</v>
      </c>
      <c r="AQ26349">
        <v>21</v>
      </c>
    </row>
    <row r="26350" spans="1:43">
      <c r="A26350" t="s">
        <v>16315</v>
      </c>
      <c r="B26350" t="s">
        <v>16316</v>
      </c>
      <c r="C26350" t="s">
        <v>16317</v>
      </c>
      <c r="D26350" t="s">
        <v>16318</v>
      </c>
      <c r="E26350" t="s">
        <v>16245</v>
      </c>
      <c r="F26350" t="s">
        <v>16246</v>
      </c>
      <c r="G26350" t="s">
        <v>10734</v>
      </c>
      <c r="H26350" t="s">
        <v>10735</v>
      </c>
      <c r="I26350" s="2">
        <v>1</v>
      </c>
      <c r="J26350" s="2">
        <v>0</v>
      </c>
      <c r="K26350" s="2">
        <v>0</v>
      </c>
      <c r="L26350" t="s">
        <v>120</v>
      </c>
      <c r="M26350" t="s">
        <v>83</v>
      </c>
      <c r="N26350" t="s">
        <v>84</v>
      </c>
      <c r="O26350" t="s">
        <v>85</v>
      </c>
      <c r="P26350" t="s">
        <v>86</v>
      </c>
      <c r="Q26350">
        <v>23</v>
      </c>
      <c r="R26350">
        <v>24</v>
      </c>
      <c r="S26350">
        <v>24</v>
      </c>
      <c r="T26350">
        <v>25</v>
      </c>
      <c r="U26350">
        <v>25</v>
      </c>
      <c r="V26350">
        <v>26</v>
      </c>
      <c r="W26350">
        <v>26</v>
      </c>
      <c r="X26350">
        <v>27</v>
      </c>
      <c r="Y26350">
        <v>27</v>
      </c>
      <c r="Z26350">
        <v>28</v>
      </c>
      <c r="AA26350">
        <v>28</v>
      </c>
      <c r="AB26350">
        <v>29</v>
      </c>
      <c r="AC26350">
        <v>29</v>
      </c>
      <c r="AD26350">
        <v>30</v>
      </c>
      <c r="AE26350">
        <v>30</v>
      </c>
      <c r="AF26350">
        <v>31</v>
      </c>
      <c r="AG26350">
        <v>31</v>
      </c>
      <c r="AH26350">
        <v>32</v>
      </c>
      <c r="AI26350">
        <v>32</v>
      </c>
      <c r="AJ26350">
        <v>33</v>
      </c>
      <c r="AK26350">
        <v>33</v>
      </c>
      <c r="AL26350">
        <v>34</v>
      </c>
      <c r="AM26350">
        <v>34</v>
      </c>
      <c r="AN26350">
        <v>34</v>
      </c>
      <c r="AO26350">
        <v>35</v>
      </c>
      <c r="AP26350">
        <v>35</v>
      </c>
      <c r="AQ26350">
        <v>35</v>
      </c>
    </row>
    <row r="26351" spans="1:43">
      <c r="A26351" t="s">
        <v>16315</v>
      </c>
      <c r="B26351" t="s">
        <v>16316</v>
      </c>
      <c r="C26351" t="s">
        <v>16317</v>
      </c>
      <c r="D26351" t="s">
        <v>16318</v>
      </c>
      <c r="E26351" t="s">
        <v>16245</v>
      </c>
      <c r="F26351" t="s">
        <v>16246</v>
      </c>
      <c r="G26351" t="s">
        <v>10734</v>
      </c>
      <c r="H26351" t="s">
        <v>10735</v>
      </c>
      <c r="I26351" s="2">
        <v>1</v>
      </c>
      <c r="J26351" s="2">
        <v>0</v>
      </c>
      <c r="K26351" s="2">
        <v>0</v>
      </c>
      <c r="L26351" t="s">
        <v>120</v>
      </c>
      <c r="M26351" t="s">
        <v>87</v>
      </c>
      <c r="N26351" t="s">
        <v>88</v>
      </c>
      <c r="O26351" t="s">
        <v>85</v>
      </c>
      <c r="P26351" t="s">
        <v>86</v>
      </c>
      <c r="Q26351">
        <v>23</v>
      </c>
      <c r="R26351">
        <v>23</v>
      </c>
      <c r="S26351">
        <v>23</v>
      </c>
      <c r="T26351">
        <v>24</v>
      </c>
      <c r="U26351">
        <v>24</v>
      </c>
      <c r="V26351">
        <v>24</v>
      </c>
      <c r="W26351">
        <v>24</v>
      </c>
      <c r="X26351">
        <v>25</v>
      </c>
      <c r="Y26351">
        <v>25</v>
      </c>
      <c r="Z26351">
        <v>25</v>
      </c>
      <c r="AA26351">
        <v>26</v>
      </c>
      <c r="AB26351">
        <v>26</v>
      </c>
      <c r="AC26351">
        <v>26</v>
      </c>
      <c r="AD26351">
        <v>26</v>
      </c>
      <c r="AE26351">
        <v>27</v>
      </c>
      <c r="AF26351">
        <v>27</v>
      </c>
      <c r="AG26351">
        <v>27</v>
      </c>
      <c r="AH26351">
        <v>28</v>
      </c>
      <c r="AI26351">
        <v>28</v>
      </c>
      <c r="AJ26351">
        <v>28</v>
      </c>
      <c r="AK26351">
        <v>29</v>
      </c>
      <c r="AL26351">
        <v>29</v>
      </c>
      <c r="AM26351">
        <v>29</v>
      </c>
      <c r="AN26351">
        <v>30</v>
      </c>
      <c r="AO26351">
        <v>30</v>
      </c>
      <c r="AP26351">
        <v>30</v>
      </c>
      <c r="AQ26351">
        <v>31</v>
      </c>
    </row>
    <row r="26352" spans="1:43">
      <c r="A26352" t="s">
        <v>16315</v>
      </c>
      <c r="B26352" t="s">
        <v>16316</v>
      </c>
      <c r="C26352" t="s">
        <v>16317</v>
      </c>
      <c r="D26352" t="s">
        <v>16318</v>
      </c>
      <c r="E26352" t="s">
        <v>16245</v>
      </c>
      <c r="F26352" t="s">
        <v>16246</v>
      </c>
      <c r="G26352" t="s">
        <v>10734</v>
      </c>
      <c r="H26352" t="s">
        <v>10735</v>
      </c>
      <c r="I26352" s="2">
        <v>1</v>
      </c>
      <c r="J26352" s="2">
        <v>0</v>
      </c>
      <c r="K26352" s="2">
        <v>0</v>
      </c>
      <c r="L26352" t="s">
        <v>120</v>
      </c>
      <c r="M26352" t="s">
        <v>89</v>
      </c>
      <c r="N26352" t="s">
        <v>90</v>
      </c>
      <c r="O26352" t="s">
        <v>85</v>
      </c>
      <c r="P26352" t="s">
        <v>86</v>
      </c>
      <c r="Q26352">
        <v>23</v>
      </c>
      <c r="R26352">
        <v>24</v>
      </c>
      <c r="S26352">
        <v>25</v>
      </c>
      <c r="T26352">
        <v>25</v>
      </c>
      <c r="U26352">
        <v>26</v>
      </c>
      <c r="V26352">
        <v>27</v>
      </c>
      <c r="W26352">
        <v>27</v>
      </c>
      <c r="X26352">
        <v>28</v>
      </c>
      <c r="Y26352">
        <v>29</v>
      </c>
      <c r="Z26352">
        <v>29</v>
      </c>
      <c r="AA26352">
        <v>30</v>
      </c>
      <c r="AB26352">
        <v>30</v>
      </c>
      <c r="AC26352">
        <v>31</v>
      </c>
      <c r="AD26352">
        <v>32</v>
      </c>
      <c r="AE26352">
        <v>32</v>
      </c>
      <c r="AF26352">
        <v>32</v>
      </c>
      <c r="AG26352">
        <v>33</v>
      </c>
      <c r="AH26352">
        <v>33</v>
      </c>
      <c r="AI26352">
        <v>33</v>
      </c>
      <c r="AJ26352">
        <v>34</v>
      </c>
      <c r="AK26352">
        <v>34</v>
      </c>
      <c r="AL26352">
        <v>34</v>
      </c>
      <c r="AM26352">
        <v>34</v>
      </c>
      <c r="AN26352">
        <v>35</v>
      </c>
      <c r="AO26352">
        <v>35</v>
      </c>
      <c r="AP26352">
        <v>35</v>
      </c>
      <c r="AQ26352">
        <v>36</v>
      </c>
    </row>
    <row r="26353" spans="1:43">
      <c r="A26353" t="s">
        <v>16315</v>
      </c>
      <c r="B26353" t="s">
        <v>16316</v>
      </c>
      <c r="C26353" t="s">
        <v>16317</v>
      </c>
      <c r="D26353" t="s">
        <v>16318</v>
      </c>
      <c r="E26353" t="s">
        <v>16245</v>
      </c>
      <c r="F26353" t="s">
        <v>16246</v>
      </c>
      <c r="G26353" t="s">
        <v>10734</v>
      </c>
      <c r="H26353" t="s">
        <v>10735</v>
      </c>
      <c r="I26353" s="2">
        <v>1</v>
      </c>
      <c r="J26353" s="2">
        <v>0</v>
      </c>
      <c r="K26353" s="2">
        <v>0</v>
      </c>
      <c r="L26353" t="s">
        <v>120</v>
      </c>
      <c r="M26353" t="s">
        <v>83</v>
      </c>
      <c r="N26353" t="s">
        <v>91</v>
      </c>
      <c r="O26353" t="s">
        <v>85</v>
      </c>
      <c r="P26353" t="s">
        <v>86</v>
      </c>
      <c r="Q26353">
        <v>23</v>
      </c>
      <c r="R26353">
        <v>24</v>
      </c>
      <c r="S26353">
        <v>24</v>
      </c>
      <c r="T26353">
        <v>25</v>
      </c>
      <c r="U26353">
        <v>25</v>
      </c>
      <c r="V26353">
        <v>26</v>
      </c>
      <c r="W26353">
        <v>26</v>
      </c>
      <c r="X26353">
        <v>27</v>
      </c>
      <c r="Y26353">
        <v>27</v>
      </c>
      <c r="Z26353">
        <v>28</v>
      </c>
      <c r="AA26353">
        <v>28</v>
      </c>
      <c r="AB26353">
        <v>29</v>
      </c>
      <c r="AC26353">
        <v>29</v>
      </c>
      <c r="AD26353">
        <v>30</v>
      </c>
      <c r="AE26353">
        <v>30</v>
      </c>
      <c r="AF26353">
        <v>31</v>
      </c>
      <c r="AG26353">
        <v>31</v>
      </c>
      <c r="AH26353">
        <v>32</v>
      </c>
      <c r="AI26353">
        <v>32</v>
      </c>
      <c r="AJ26353">
        <v>33</v>
      </c>
      <c r="AK26353">
        <v>33</v>
      </c>
      <c r="AL26353">
        <v>34</v>
      </c>
      <c r="AM26353">
        <v>34</v>
      </c>
      <c r="AN26353">
        <v>34</v>
      </c>
      <c r="AO26353">
        <v>35</v>
      </c>
      <c r="AP26353">
        <v>35</v>
      </c>
      <c r="AQ26353">
        <v>35</v>
      </c>
    </row>
    <row r="26354" spans="1:43">
      <c r="A26354" t="s">
        <v>16319</v>
      </c>
      <c r="B26354" t="s">
        <v>16320</v>
      </c>
      <c r="C26354" t="s">
        <v>16317</v>
      </c>
      <c r="D26354" t="s">
        <v>16318</v>
      </c>
      <c r="E26354" t="s">
        <v>16245</v>
      </c>
      <c r="F26354" t="s">
        <v>16246</v>
      </c>
      <c r="G26354" t="s">
        <v>10734</v>
      </c>
      <c r="H26354" t="s">
        <v>10735</v>
      </c>
      <c r="I26354" s="2">
        <v>1</v>
      </c>
      <c r="J26354" s="2">
        <v>0</v>
      </c>
      <c r="K26354" s="2">
        <v>0</v>
      </c>
      <c r="L26354" t="s">
        <v>120</v>
      </c>
      <c r="M26354" t="s">
        <v>83</v>
      </c>
      <c r="N26354" t="s">
        <v>84</v>
      </c>
      <c r="O26354" t="s">
        <v>85</v>
      </c>
      <c r="P26354" t="s">
        <v>86</v>
      </c>
      <c r="Q26354">
        <v>14</v>
      </c>
      <c r="R26354">
        <v>14</v>
      </c>
      <c r="S26354">
        <v>15</v>
      </c>
      <c r="T26354">
        <v>15</v>
      </c>
      <c r="U26354">
        <v>15</v>
      </c>
      <c r="V26354">
        <v>16</v>
      </c>
      <c r="W26354">
        <v>16</v>
      </c>
      <c r="X26354">
        <v>16</v>
      </c>
      <c r="Y26354">
        <v>16</v>
      </c>
      <c r="Z26354">
        <v>17</v>
      </c>
      <c r="AA26354">
        <v>17</v>
      </c>
      <c r="AB26354">
        <v>17</v>
      </c>
      <c r="AC26354">
        <v>18</v>
      </c>
      <c r="AD26354">
        <v>18</v>
      </c>
      <c r="AE26354">
        <v>18</v>
      </c>
      <c r="AF26354">
        <v>19</v>
      </c>
      <c r="AG26354">
        <v>19</v>
      </c>
      <c r="AH26354">
        <v>19</v>
      </c>
      <c r="AI26354">
        <v>20</v>
      </c>
      <c r="AJ26354">
        <v>20</v>
      </c>
      <c r="AK26354">
        <v>20</v>
      </c>
      <c r="AL26354">
        <v>21</v>
      </c>
      <c r="AM26354">
        <v>21</v>
      </c>
      <c r="AN26354">
        <v>21</v>
      </c>
      <c r="AO26354">
        <v>21</v>
      </c>
      <c r="AP26354">
        <v>21</v>
      </c>
      <c r="AQ26354">
        <v>22</v>
      </c>
    </row>
    <row r="26355" spans="1:43">
      <c r="A26355" t="s">
        <v>16319</v>
      </c>
      <c r="B26355" t="s">
        <v>16320</v>
      </c>
      <c r="C26355" t="s">
        <v>16317</v>
      </c>
      <c r="D26355" t="s">
        <v>16318</v>
      </c>
      <c r="E26355" t="s">
        <v>16245</v>
      </c>
      <c r="F26355" t="s">
        <v>16246</v>
      </c>
      <c r="G26355" t="s">
        <v>10734</v>
      </c>
      <c r="H26355" t="s">
        <v>10735</v>
      </c>
      <c r="I26355" s="2">
        <v>1</v>
      </c>
      <c r="J26355" s="2">
        <v>0</v>
      </c>
      <c r="K26355" s="2">
        <v>0</v>
      </c>
      <c r="L26355" t="s">
        <v>120</v>
      </c>
      <c r="M26355" t="s">
        <v>87</v>
      </c>
      <c r="N26355" t="s">
        <v>88</v>
      </c>
      <c r="O26355" t="s">
        <v>85</v>
      </c>
      <c r="P26355" t="s">
        <v>86</v>
      </c>
      <c r="Q26355">
        <v>14</v>
      </c>
      <c r="R26355">
        <v>14</v>
      </c>
      <c r="S26355">
        <v>14</v>
      </c>
      <c r="T26355">
        <v>14</v>
      </c>
      <c r="U26355">
        <v>15</v>
      </c>
      <c r="V26355">
        <v>15</v>
      </c>
      <c r="W26355">
        <v>15</v>
      </c>
      <c r="X26355">
        <v>15</v>
      </c>
      <c r="Y26355">
        <v>15</v>
      </c>
      <c r="Z26355">
        <v>15</v>
      </c>
      <c r="AA26355">
        <v>16</v>
      </c>
      <c r="AB26355">
        <v>16</v>
      </c>
      <c r="AC26355">
        <v>16</v>
      </c>
      <c r="AD26355">
        <v>16</v>
      </c>
      <c r="AE26355">
        <v>16</v>
      </c>
      <c r="AF26355">
        <v>16</v>
      </c>
      <c r="AG26355">
        <v>17</v>
      </c>
      <c r="AH26355">
        <v>17</v>
      </c>
      <c r="AI26355">
        <v>17</v>
      </c>
      <c r="AJ26355">
        <v>17</v>
      </c>
      <c r="AK26355">
        <v>17</v>
      </c>
      <c r="AL26355">
        <v>18</v>
      </c>
      <c r="AM26355">
        <v>18</v>
      </c>
      <c r="AN26355">
        <v>18</v>
      </c>
      <c r="AO26355">
        <v>18</v>
      </c>
      <c r="AP26355">
        <v>19</v>
      </c>
      <c r="AQ26355">
        <v>19</v>
      </c>
    </row>
    <row r="26356" spans="1:43">
      <c r="A26356" t="s">
        <v>16319</v>
      </c>
      <c r="B26356" t="s">
        <v>16320</v>
      </c>
      <c r="C26356" t="s">
        <v>16317</v>
      </c>
      <c r="D26356" t="s">
        <v>16318</v>
      </c>
      <c r="E26356" t="s">
        <v>16245</v>
      </c>
      <c r="F26356" t="s">
        <v>16246</v>
      </c>
      <c r="G26356" t="s">
        <v>10734</v>
      </c>
      <c r="H26356" t="s">
        <v>10735</v>
      </c>
      <c r="I26356" s="2">
        <v>1</v>
      </c>
      <c r="J26356" s="2">
        <v>0</v>
      </c>
      <c r="K26356" s="2">
        <v>0</v>
      </c>
      <c r="L26356" t="s">
        <v>120</v>
      </c>
      <c r="M26356" t="s">
        <v>89</v>
      </c>
      <c r="N26356" t="s">
        <v>90</v>
      </c>
      <c r="O26356" t="s">
        <v>85</v>
      </c>
      <c r="P26356" t="s">
        <v>86</v>
      </c>
      <c r="Q26356">
        <v>14</v>
      </c>
      <c r="R26356">
        <v>15</v>
      </c>
      <c r="S26356">
        <v>15</v>
      </c>
      <c r="T26356">
        <v>16</v>
      </c>
      <c r="U26356">
        <v>16</v>
      </c>
      <c r="V26356">
        <v>16</v>
      </c>
      <c r="W26356">
        <v>17</v>
      </c>
      <c r="X26356">
        <v>17</v>
      </c>
      <c r="Y26356">
        <v>17</v>
      </c>
      <c r="Z26356">
        <v>18</v>
      </c>
      <c r="AA26356">
        <v>18</v>
      </c>
      <c r="AB26356">
        <v>19</v>
      </c>
      <c r="AC26356">
        <v>19</v>
      </c>
      <c r="AD26356">
        <v>19</v>
      </c>
      <c r="AE26356">
        <v>20</v>
      </c>
      <c r="AF26356">
        <v>20</v>
      </c>
      <c r="AG26356">
        <v>20</v>
      </c>
      <c r="AH26356">
        <v>20</v>
      </c>
      <c r="AI26356">
        <v>20</v>
      </c>
      <c r="AJ26356">
        <v>20</v>
      </c>
      <c r="AK26356">
        <v>21</v>
      </c>
      <c r="AL26356">
        <v>21</v>
      </c>
      <c r="AM26356">
        <v>21</v>
      </c>
      <c r="AN26356">
        <v>21</v>
      </c>
      <c r="AO26356">
        <v>21</v>
      </c>
      <c r="AP26356">
        <v>22</v>
      </c>
      <c r="AQ26356">
        <v>22</v>
      </c>
    </row>
    <row r="26357" spans="1:43">
      <c r="A26357" t="s">
        <v>16319</v>
      </c>
      <c r="B26357" t="s">
        <v>16320</v>
      </c>
      <c r="C26357" t="s">
        <v>16317</v>
      </c>
      <c r="D26357" t="s">
        <v>16318</v>
      </c>
      <c r="E26357" t="s">
        <v>16245</v>
      </c>
      <c r="F26357" t="s">
        <v>16246</v>
      </c>
      <c r="G26357" t="s">
        <v>10734</v>
      </c>
      <c r="H26357" t="s">
        <v>10735</v>
      </c>
      <c r="I26357" s="2">
        <v>1</v>
      </c>
      <c r="J26357" s="2">
        <v>0</v>
      </c>
      <c r="K26357" s="2">
        <v>0</v>
      </c>
      <c r="L26357" t="s">
        <v>120</v>
      </c>
      <c r="M26357" t="s">
        <v>83</v>
      </c>
      <c r="N26357" t="s">
        <v>91</v>
      </c>
      <c r="O26357" t="s">
        <v>85</v>
      </c>
      <c r="P26357" t="s">
        <v>86</v>
      </c>
      <c r="Q26357">
        <v>14</v>
      </c>
      <c r="R26357">
        <v>14</v>
      </c>
      <c r="S26357">
        <v>15</v>
      </c>
      <c r="T26357">
        <v>15</v>
      </c>
      <c r="U26357">
        <v>15</v>
      </c>
      <c r="V26357">
        <v>16</v>
      </c>
      <c r="W26357">
        <v>16</v>
      </c>
      <c r="X26357">
        <v>16</v>
      </c>
      <c r="Y26357">
        <v>16</v>
      </c>
      <c r="Z26357">
        <v>17</v>
      </c>
      <c r="AA26357">
        <v>17</v>
      </c>
      <c r="AB26357">
        <v>17</v>
      </c>
      <c r="AC26357">
        <v>18</v>
      </c>
      <c r="AD26357">
        <v>18</v>
      </c>
      <c r="AE26357">
        <v>18</v>
      </c>
      <c r="AF26357">
        <v>19</v>
      </c>
      <c r="AG26357">
        <v>19</v>
      </c>
      <c r="AH26357">
        <v>19</v>
      </c>
      <c r="AI26357">
        <v>20</v>
      </c>
      <c r="AJ26357">
        <v>20</v>
      </c>
      <c r="AK26357">
        <v>20</v>
      </c>
      <c r="AL26357">
        <v>21</v>
      </c>
      <c r="AM26357">
        <v>21</v>
      </c>
      <c r="AN26357">
        <v>21</v>
      </c>
      <c r="AO26357">
        <v>21</v>
      </c>
      <c r="AP26357">
        <v>21</v>
      </c>
      <c r="AQ26357">
        <v>22</v>
      </c>
    </row>
    <row r="26358" spans="1:43">
      <c r="A26358" t="s">
        <v>16321</v>
      </c>
      <c r="B26358" t="s">
        <v>16322</v>
      </c>
      <c r="C26358" t="s">
        <v>16243</v>
      </c>
      <c r="D26358" t="s">
        <v>16244</v>
      </c>
      <c r="E26358" t="s">
        <v>16245</v>
      </c>
      <c r="F26358" t="s">
        <v>16246</v>
      </c>
      <c r="G26358" t="s">
        <v>10734</v>
      </c>
      <c r="H26358" t="s">
        <v>10735</v>
      </c>
      <c r="I26358" s="2">
        <v>1</v>
      </c>
      <c r="J26358" s="2">
        <v>0</v>
      </c>
      <c r="K26358" s="2">
        <v>0</v>
      </c>
      <c r="L26358" t="s">
        <v>120</v>
      </c>
      <c r="M26358" t="s">
        <v>83</v>
      </c>
      <c r="N26358" t="s">
        <v>84</v>
      </c>
      <c r="O26358" t="s">
        <v>85</v>
      </c>
      <c r="P26358" t="s">
        <v>86</v>
      </c>
      <c r="Q26358">
        <v>39</v>
      </c>
      <c r="R26358">
        <v>40</v>
      </c>
      <c r="S26358">
        <v>41</v>
      </c>
      <c r="T26358">
        <v>42</v>
      </c>
      <c r="U26358">
        <v>42</v>
      </c>
      <c r="V26358">
        <v>43</v>
      </c>
      <c r="W26358">
        <v>44</v>
      </c>
      <c r="X26358">
        <v>45</v>
      </c>
      <c r="Y26358">
        <v>46</v>
      </c>
      <c r="Z26358">
        <v>46</v>
      </c>
      <c r="AA26358">
        <v>47</v>
      </c>
      <c r="AB26358">
        <v>48</v>
      </c>
      <c r="AC26358">
        <v>49</v>
      </c>
      <c r="AD26358">
        <v>50</v>
      </c>
      <c r="AE26358">
        <v>51</v>
      </c>
      <c r="AF26358">
        <v>52</v>
      </c>
      <c r="AG26358">
        <v>52</v>
      </c>
      <c r="AH26358">
        <v>53</v>
      </c>
      <c r="AI26358">
        <v>54</v>
      </c>
      <c r="AJ26358">
        <v>55</v>
      </c>
      <c r="AK26358">
        <v>56</v>
      </c>
      <c r="AL26358">
        <v>57</v>
      </c>
      <c r="AM26358">
        <v>57</v>
      </c>
      <c r="AN26358">
        <v>58</v>
      </c>
      <c r="AO26358">
        <v>58</v>
      </c>
      <c r="AP26358">
        <v>59</v>
      </c>
      <c r="AQ26358">
        <v>59</v>
      </c>
    </row>
    <row r="26359" spans="1:43">
      <c r="A26359" t="s">
        <v>16321</v>
      </c>
      <c r="B26359" t="s">
        <v>16322</v>
      </c>
      <c r="C26359" t="s">
        <v>16243</v>
      </c>
      <c r="D26359" t="s">
        <v>16244</v>
      </c>
      <c r="E26359" t="s">
        <v>16245</v>
      </c>
      <c r="F26359" t="s">
        <v>16246</v>
      </c>
      <c r="G26359" t="s">
        <v>10734</v>
      </c>
      <c r="H26359" t="s">
        <v>10735</v>
      </c>
      <c r="I26359" s="2">
        <v>1</v>
      </c>
      <c r="J26359" s="2">
        <v>0</v>
      </c>
      <c r="K26359" s="2">
        <v>0</v>
      </c>
      <c r="L26359" t="s">
        <v>120</v>
      </c>
      <c r="M26359" t="s">
        <v>87</v>
      </c>
      <c r="N26359" t="s">
        <v>88</v>
      </c>
      <c r="O26359" t="s">
        <v>85</v>
      </c>
      <c r="P26359" t="s">
        <v>86</v>
      </c>
      <c r="Q26359">
        <v>39</v>
      </c>
      <c r="R26359">
        <v>39</v>
      </c>
      <c r="S26359">
        <v>40</v>
      </c>
      <c r="T26359">
        <v>40</v>
      </c>
      <c r="U26359">
        <v>40</v>
      </c>
      <c r="V26359">
        <v>41</v>
      </c>
      <c r="W26359">
        <v>41</v>
      </c>
      <c r="X26359">
        <v>42</v>
      </c>
      <c r="Y26359">
        <v>42</v>
      </c>
      <c r="Z26359">
        <v>43</v>
      </c>
      <c r="AA26359">
        <v>43</v>
      </c>
      <c r="AB26359">
        <v>44</v>
      </c>
      <c r="AC26359">
        <v>44</v>
      </c>
      <c r="AD26359">
        <v>45</v>
      </c>
      <c r="AE26359">
        <v>45</v>
      </c>
      <c r="AF26359">
        <v>46</v>
      </c>
      <c r="AG26359">
        <v>46</v>
      </c>
      <c r="AH26359">
        <v>47</v>
      </c>
      <c r="AI26359">
        <v>47</v>
      </c>
      <c r="AJ26359">
        <v>48</v>
      </c>
      <c r="AK26359">
        <v>48</v>
      </c>
      <c r="AL26359">
        <v>49</v>
      </c>
      <c r="AM26359">
        <v>49</v>
      </c>
      <c r="AN26359">
        <v>50</v>
      </c>
      <c r="AO26359">
        <v>51</v>
      </c>
      <c r="AP26359">
        <v>51</v>
      </c>
      <c r="AQ26359">
        <v>52</v>
      </c>
    </row>
    <row r="26360" spans="1:43">
      <c r="A26360" t="s">
        <v>16321</v>
      </c>
      <c r="B26360" t="s">
        <v>16322</v>
      </c>
      <c r="C26360" t="s">
        <v>16243</v>
      </c>
      <c r="D26360" t="s">
        <v>16244</v>
      </c>
      <c r="E26360" t="s">
        <v>16245</v>
      </c>
      <c r="F26360" t="s">
        <v>16246</v>
      </c>
      <c r="G26360" t="s">
        <v>10734</v>
      </c>
      <c r="H26360" t="s">
        <v>10735</v>
      </c>
      <c r="I26360" s="2">
        <v>1</v>
      </c>
      <c r="J26360" s="2">
        <v>0</v>
      </c>
      <c r="K26360" s="2">
        <v>0</v>
      </c>
      <c r="L26360" t="s">
        <v>120</v>
      </c>
      <c r="M26360" t="s">
        <v>89</v>
      </c>
      <c r="N26360" t="s">
        <v>90</v>
      </c>
      <c r="O26360" t="s">
        <v>85</v>
      </c>
      <c r="P26360" t="s">
        <v>86</v>
      </c>
      <c r="Q26360">
        <v>39</v>
      </c>
      <c r="R26360">
        <v>41</v>
      </c>
      <c r="S26360">
        <v>42</v>
      </c>
      <c r="T26360">
        <v>43</v>
      </c>
      <c r="U26360">
        <v>44</v>
      </c>
      <c r="V26360">
        <v>45</v>
      </c>
      <c r="W26360">
        <v>46</v>
      </c>
      <c r="X26360">
        <v>47</v>
      </c>
      <c r="Y26360">
        <v>48</v>
      </c>
      <c r="Z26360">
        <v>49</v>
      </c>
      <c r="AA26360">
        <v>50</v>
      </c>
      <c r="AB26360">
        <v>51</v>
      </c>
      <c r="AC26360">
        <v>52</v>
      </c>
      <c r="AD26360">
        <v>53</v>
      </c>
      <c r="AE26360">
        <v>54</v>
      </c>
      <c r="AF26360">
        <v>55</v>
      </c>
      <c r="AG26360">
        <v>55</v>
      </c>
      <c r="AH26360">
        <v>56</v>
      </c>
      <c r="AI26360">
        <v>56</v>
      </c>
      <c r="AJ26360">
        <v>56</v>
      </c>
      <c r="AK26360">
        <v>57</v>
      </c>
      <c r="AL26360">
        <v>57</v>
      </c>
      <c r="AM26360">
        <v>58</v>
      </c>
      <c r="AN26360">
        <v>58</v>
      </c>
      <c r="AO26360">
        <v>59</v>
      </c>
      <c r="AP26360">
        <v>59</v>
      </c>
      <c r="AQ26360">
        <v>60</v>
      </c>
    </row>
    <row r="26361" spans="1:43">
      <c r="A26361" t="s">
        <v>16321</v>
      </c>
      <c r="B26361" t="s">
        <v>16322</v>
      </c>
      <c r="C26361" t="s">
        <v>16243</v>
      </c>
      <c r="D26361" t="s">
        <v>16244</v>
      </c>
      <c r="E26361" t="s">
        <v>16245</v>
      </c>
      <c r="F26361" t="s">
        <v>16246</v>
      </c>
      <c r="G26361" t="s">
        <v>10734</v>
      </c>
      <c r="H26361" t="s">
        <v>10735</v>
      </c>
      <c r="I26361" s="2">
        <v>1</v>
      </c>
      <c r="J26361" s="2">
        <v>0</v>
      </c>
      <c r="K26361" s="2">
        <v>0</v>
      </c>
      <c r="L26361" t="s">
        <v>120</v>
      </c>
      <c r="M26361" t="s">
        <v>83</v>
      </c>
      <c r="N26361" t="s">
        <v>91</v>
      </c>
      <c r="O26361" t="s">
        <v>85</v>
      </c>
      <c r="P26361" t="s">
        <v>86</v>
      </c>
      <c r="Q26361">
        <v>39</v>
      </c>
      <c r="R26361">
        <v>40</v>
      </c>
      <c r="S26361">
        <v>41</v>
      </c>
      <c r="T26361">
        <v>42</v>
      </c>
      <c r="U26361">
        <v>42</v>
      </c>
      <c r="V26361">
        <v>43</v>
      </c>
      <c r="W26361">
        <v>44</v>
      </c>
      <c r="X26361">
        <v>45</v>
      </c>
      <c r="Y26361">
        <v>46</v>
      </c>
      <c r="Z26361">
        <v>46</v>
      </c>
      <c r="AA26361">
        <v>47</v>
      </c>
      <c r="AB26361">
        <v>48</v>
      </c>
      <c r="AC26361">
        <v>49</v>
      </c>
      <c r="AD26361">
        <v>50</v>
      </c>
      <c r="AE26361">
        <v>51</v>
      </c>
      <c r="AF26361">
        <v>52</v>
      </c>
      <c r="AG26361">
        <v>52</v>
      </c>
      <c r="AH26361">
        <v>53</v>
      </c>
      <c r="AI26361">
        <v>54</v>
      </c>
      <c r="AJ26361">
        <v>55</v>
      </c>
      <c r="AK26361">
        <v>56</v>
      </c>
      <c r="AL26361">
        <v>57</v>
      </c>
      <c r="AM26361">
        <v>57</v>
      </c>
      <c r="AN26361">
        <v>58</v>
      </c>
      <c r="AO26361">
        <v>58</v>
      </c>
      <c r="AP26361">
        <v>59</v>
      </c>
      <c r="AQ26361">
        <v>59</v>
      </c>
    </row>
    <row r="26362" spans="1:43">
      <c r="A26362" t="s">
        <v>16323</v>
      </c>
      <c r="B26362" t="s">
        <v>16324</v>
      </c>
      <c r="C26362" t="s">
        <v>16305</v>
      </c>
      <c r="D26362" t="s">
        <v>16306</v>
      </c>
      <c r="E26362" t="s">
        <v>16245</v>
      </c>
      <c r="F26362" t="s">
        <v>16246</v>
      </c>
      <c r="G26362" t="s">
        <v>10734</v>
      </c>
      <c r="H26362" t="s">
        <v>10735</v>
      </c>
      <c r="I26362" s="2">
        <v>1</v>
      </c>
      <c r="J26362" s="2">
        <v>0</v>
      </c>
      <c r="K26362" s="2">
        <v>0</v>
      </c>
      <c r="L26362" t="s">
        <v>120</v>
      </c>
      <c r="M26362" t="s">
        <v>83</v>
      </c>
      <c r="N26362" t="s">
        <v>84</v>
      </c>
      <c r="O26362" t="s">
        <v>85</v>
      </c>
      <c r="P26362" t="s">
        <v>86</v>
      </c>
      <c r="Q26362">
        <v>26</v>
      </c>
      <c r="R26362">
        <v>26</v>
      </c>
      <c r="S26362">
        <v>27</v>
      </c>
      <c r="T26362">
        <v>27</v>
      </c>
      <c r="U26362">
        <v>28</v>
      </c>
      <c r="V26362">
        <v>28</v>
      </c>
      <c r="W26362">
        <v>29</v>
      </c>
      <c r="X26362">
        <v>29</v>
      </c>
      <c r="Y26362">
        <v>30</v>
      </c>
      <c r="Z26362">
        <v>30</v>
      </c>
      <c r="AA26362">
        <v>31</v>
      </c>
      <c r="AB26362">
        <v>32</v>
      </c>
      <c r="AC26362">
        <v>32</v>
      </c>
      <c r="AD26362">
        <v>33</v>
      </c>
      <c r="AE26362">
        <v>33</v>
      </c>
      <c r="AF26362">
        <v>34</v>
      </c>
      <c r="AG26362">
        <v>34</v>
      </c>
      <c r="AH26362">
        <v>35</v>
      </c>
      <c r="AI26362">
        <v>36</v>
      </c>
      <c r="AJ26362">
        <v>36</v>
      </c>
      <c r="AK26362">
        <v>37</v>
      </c>
      <c r="AL26362">
        <v>37</v>
      </c>
      <c r="AM26362">
        <v>38</v>
      </c>
      <c r="AN26362">
        <v>38</v>
      </c>
      <c r="AO26362">
        <v>38</v>
      </c>
      <c r="AP26362">
        <v>39</v>
      </c>
      <c r="AQ26362">
        <v>39</v>
      </c>
    </row>
    <row r="26363" spans="1:43">
      <c r="A26363" t="s">
        <v>16323</v>
      </c>
      <c r="B26363" t="s">
        <v>16324</v>
      </c>
      <c r="C26363" t="s">
        <v>16305</v>
      </c>
      <c r="D26363" t="s">
        <v>16306</v>
      </c>
      <c r="E26363" t="s">
        <v>16245</v>
      </c>
      <c r="F26363" t="s">
        <v>16246</v>
      </c>
      <c r="G26363" t="s">
        <v>10734</v>
      </c>
      <c r="H26363" t="s">
        <v>10735</v>
      </c>
      <c r="I26363" s="2">
        <v>1</v>
      </c>
      <c r="J26363" s="2">
        <v>0</v>
      </c>
      <c r="K26363" s="2">
        <v>0</v>
      </c>
      <c r="L26363" t="s">
        <v>120</v>
      </c>
      <c r="M26363" t="s">
        <v>87</v>
      </c>
      <c r="N26363" t="s">
        <v>88</v>
      </c>
      <c r="O26363" t="s">
        <v>85</v>
      </c>
      <c r="P26363" t="s">
        <v>86</v>
      </c>
      <c r="Q26363">
        <v>26</v>
      </c>
      <c r="R26363">
        <v>27</v>
      </c>
      <c r="S26363">
        <v>27</v>
      </c>
      <c r="T26363">
        <v>27</v>
      </c>
      <c r="U26363">
        <v>28</v>
      </c>
      <c r="V26363">
        <v>28</v>
      </c>
      <c r="W26363">
        <v>28</v>
      </c>
      <c r="X26363">
        <v>28</v>
      </c>
      <c r="Y26363">
        <v>29</v>
      </c>
      <c r="Z26363">
        <v>29</v>
      </c>
      <c r="AA26363">
        <v>29</v>
      </c>
      <c r="AB26363">
        <v>30</v>
      </c>
      <c r="AC26363">
        <v>30</v>
      </c>
      <c r="AD26363">
        <v>30</v>
      </c>
      <c r="AE26363">
        <v>31</v>
      </c>
      <c r="AF26363">
        <v>31</v>
      </c>
      <c r="AG26363">
        <v>31</v>
      </c>
      <c r="AH26363">
        <v>32</v>
      </c>
      <c r="AI26363">
        <v>32</v>
      </c>
      <c r="AJ26363">
        <v>32</v>
      </c>
      <c r="AK26363">
        <v>33</v>
      </c>
      <c r="AL26363">
        <v>33</v>
      </c>
      <c r="AM26363">
        <v>33</v>
      </c>
      <c r="AN26363">
        <v>34</v>
      </c>
      <c r="AO26363">
        <v>34</v>
      </c>
      <c r="AP26363">
        <v>35</v>
      </c>
      <c r="AQ26363">
        <v>35</v>
      </c>
    </row>
    <row r="26364" spans="1:43">
      <c r="A26364" t="s">
        <v>16323</v>
      </c>
      <c r="B26364" t="s">
        <v>16324</v>
      </c>
      <c r="C26364" t="s">
        <v>16305</v>
      </c>
      <c r="D26364" t="s">
        <v>16306</v>
      </c>
      <c r="E26364" t="s">
        <v>16245</v>
      </c>
      <c r="F26364" t="s">
        <v>16246</v>
      </c>
      <c r="G26364" t="s">
        <v>10734</v>
      </c>
      <c r="H26364" t="s">
        <v>10735</v>
      </c>
      <c r="I26364" s="2">
        <v>1</v>
      </c>
      <c r="J26364" s="2">
        <v>0</v>
      </c>
      <c r="K26364" s="2">
        <v>0</v>
      </c>
      <c r="L26364" t="s">
        <v>120</v>
      </c>
      <c r="M26364" t="s">
        <v>89</v>
      </c>
      <c r="N26364" t="s">
        <v>90</v>
      </c>
      <c r="O26364" t="s">
        <v>85</v>
      </c>
      <c r="P26364" t="s">
        <v>86</v>
      </c>
      <c r="Q26364">
        <v>26</v>
      </c>
      <c r="R26364">
        <v>27</v>
      </c>
      <c r="S26364">
        <v>27</v>
      </c>
      <c r="T26364">
        <v>28</v>
      </c>
      <c r="U26364">
        <v>29</v>
      </c>
      <c r="V26364">
        <v>30</v>
      </c>
      <c r="W26364">
        <v>30</v>
      </c>
      <c r="X26364">
        <v>31</v>
      </c>
      <c r="Y26364">
        <v>32</v>
      </c>
      <c r="Z26364">
        <v>32</v>
      </c>
      <c r="AA26364">
        <v>33</v>
      </c>
      <c r="AB26364">
        <v>34</v>
      </c>
      <c r="AC26364">
        <v>34</v>
      </c>
      <c r="AD26364">
        <v>35</v>
      </c>
      <c r="AE26364">
        <v>36</v>
      </c>
      <c r="AF26364">
        <v>36</v>
      </c>
      <c r="AG26364">
        <v>36</v>
      </c>
      <c r="AH26364">
        <v>36</v>
      </c>
      <c r="AI26364">
        <v>37</v>
      </c>
      <c r="AJ26364">
        <v>37</v>
      </c>
      <c r="AK26364">
        <v>37</v>
      </c>
      <c r="AL26364">
        <v>38</v>
      </c>
      <c r="AM26364">
        <v>38</v>
      </c>
      <c r="AN26364">
        <v>38</v>
      </c>
      <c r="AO26364">
        <v>39</v>
      </c>
      <c r="AP26364">
        <v>39</v>
      </c>
      <c r="AQ26364">
        <v>39</v>
      </c>
    </row>
    <row r="26365" spans="1:43">
      <c r="A26365" t="s">
        <v>16323</v>
      </c>
      <c r="B26365" t="s">
        <v>16324</v>
      </c>
      <c r="C26365" t="s">
        <v>16305</v>
      </c>
      <c r="D26365" t="s">
        <v>16306</v>
      </c>
      <c r="E26365" t="s">
        <v>16245</v>
      </c>
      <c r="F26365" t="s">
        <v>16246</v>
      </c>
      <c r="G26365" t="s">
        <v>10734</v>
      </c>
      <c r="H26365" t="s">
        <v>10735</v>
      </c>
      <c r="I26365" s="2">
        <v>1</v>
      </c>
      <c r="J26365" s="2">
        <v>0</v>
      </c>
      <c r="K26365" s="2">
        <v>0</v>
      </c>
      <c r="L26365" t="s">
        <v>120</v>
      </c>
      <c r="M26365" t="s">
        <v>83</v>
      </c>
      <c r="N26365" t="s">
        <v>91</v>
      </c>
      <c r="O26365" t="s">
        <v>85</v>
      </c>
      <c r="P26365" t="s">
        <v>86</v>
      </c>
      <c r="Q26365">
        <v>26</v>
      </c>
      <c r="R26365">
        <v>26</v>
      </c>
      <c r="S26365">
        <v>27</v>
      </c>
      <c r="T26365">
        <v>27</v>
      </c>
      <c r="U26365">
        <v>28</v>
      </c>
      <c r="V26365">
        <v>28</v>
      </c>
      <c r="W26365">
        <v>29</v>
      </c>
      <c r="X26365">
        <v>29</v>
      </c>
      <c r="Y26365">
        <v>30</v>
      </c>
      <c r="Z26365">
        <v>30</v>
      </c>
      <c r="AA26365">
        <v>31</v>
      </c>
      <c r="AB26365">
        <v>32</v>
      </c>
      <c r="AC26365">
        <v>32</v>
      </c>
      <c r="AD26365">
        <v>33</v>
      </c>
      <c r="AE26365">
        <v>33</v>
      </c>
      <c r="AF26365">
        <v>34</v>
      </c>
      <c r="AG26365">
        <v>34</v>
      </c>
      <c r="AH26365">
        <v>35</v>
      </c>
      <c r="AI26365">
        <v>36</v>
      </c>
      <c r="AJ26365">
        <v>36</v>
      </c>
      <c r="AK26365">
        <v>37</v>
      </c>
      <c r="AL26365">
        <v>37</v>
      </c>
      <c r="AM26365">
        <v>38</v>
      </c>
      <c r="AN26365">
        <v>38</v>
      </c>
      <c r="AO26365">
        <v>38</v>
      </c>
      <c r="AP26365">
        <v>39</v>
      </c>
      <c r="AQ26365">
        <v>39</v>
      </c>
    </row>
    <row r="26366" spans="1:43">
      <c r="A26366" t="s">
        <v>16325</v>
      </c>
      <c r="B26366" t="s">
        <v>16326</v>
      </c>
      <c r="C26366" t="s">
        <v>16305</v>
      </c>
      <c r="D26366" t="s">
        <v>16306</v>
      </c>
      <c r="E26366" t="s">
        <v>16245</v>
      </c>
      <c r="F26366" t="s">
        <v>16246</v>
      </c>
      <c r="G26366" t="s">
        <v>10734</v>
      </c>
      <c r="H26366" t="s">
        <v>10735</v>
      </c>
      <c r="I26366" s="2">
        <v>1</v>
      </c>
      <c r="J26366" s="2">
        <v>0</v>
      </c>
      <c r="K26366" s="2">
        <v>0</v>
      </c>
      <c r="L26366" t="s">
        <v>120</v>
      </c>
      <c r="M26366" t="s">
        <v>83</v>
      </c>
      <c r="N26366" t="s">
        <v>84</v>
      </c>
      <c r="O26366" t="s">
        <v>85</v>
      </c>
      <c r="P26366" t="s">
        <v>86</v>
      </c>
      <c r="Q26366">
        <v>6</v>
      </c>
      <c r="R26366">
        <v>6</v>
      </c>
      <c r="S26366">
        <v>6</v>
      </c>
      <c r="T26366">
        <v>6</v>
      </c>
      <c r="U26366">
        <v>6</v>
      </c>
      <c r="V26366">
        <v>6</v>
      </c>
      <c r="W26366">
        <v>7</v>
      </c>
      <c r="X26366">
        <v>7</v>
      </c>
      <c r="Y26366">
        <v>7</v>
      </c>
      <c r="Z26366">
        <v>7</v>
      </c>
      <c r="AA26366">
        <v>7</v>
      </c>
      <c r="AB26366">
        <v>7</v>
      </c>
      <c r="AC26366">
        <v>7</v>
      </c>
      <c r="AD26366">
        <v>7</v>
      </c>
      <c r="AE26366">
        <v>8</v>
      </c>
      <c r="AF26366">
        <v>8</v>
      </c>
      <c r="AG26366">
        <v>8</v>
      </c>
      <c r="AH26366">
        <v>8</v>
      </c>
      <c r="AI26366">
        <v>8</v>
      </c>
      <c r="AJ26366">
        <v>8</v>
      </c>
      <c r="AK26366">
        <v>8</v>
      </c>
      <c r="AL26366">
        <v>8</v>
      </c>
      <c r="AM26366">
        <v>9</v>
      </c>
      <c r="AN26366">
        <v>9</v>
      </c>
      <c r="AO26366">
        <v>9</v>
      </c>
      <c r="AP26366">
        <v>9</v>
      </c>
      <c r="AQ26366">
        <v>9</v>
      </c>
    </row>
    <row r="26367" spans="1:43">
      <c r="A26367" t="s">
        <v>16325</v>
      </c>
      <c r="B26367" t="s">
        <v>16326</v>
      </c>
      <c r="C26367" t="s">
        <v>16305</v>
      </c>
      <c r="D26367" t="s">
        <v>16306</v>
      </c>
      <c r="E26367" t="s">
        <v>16245</v>
      </c>
      <c r="F26367" t="s">
        <v>16246</v>
      </c>
      <c r="G26367" t="s">
        <v>10734</v>
      </c>
      <c r="H26367" t="s">
        <v>10735</v>
      </c>
      <c r="I26367" s="2">
        <v>1</v>
      </c>
      <c r="J26367" s="2">
        <v>0</v>
      </c>
      <c r="K26367" s="2">
        <v>0</v>
      </c>
      <c r="L26367" t="s">
        <v>120</v>
      </c>
      <c r="M26367" t="s">
        <v>87</v>
      </c>
      <c r="N26367" t="s">
        <v>88</v>
      </c>
      <c r="O26367" t="s">
        <v>85</v>
      </c>
      <c r="P26367" t="s">
        <v>86</v>
      </c>
      <c r="Q26367">
        <v>6</v>
      </c>
      <c r="R26367">
        <v>6</v>
      </c>
      <c r="S26367">
        <v>6</v>
      </c>
      <c r="T26367">
        <v>6</v>
      </c>
      <c r="U26367">
        <v>6</v>
      </c>
      <c r="V26367">
        <v>6</v>
      </c>
      <c r="W26367">
        <v>6</v>
      </c>
      <c r="X26367">
        <v>6</v>
      </c>
      <c r="Y26367">
        <v>6</v>
      </c>
      <c r="Z26367">
        <v>6</v>
      </c>
      <c r="AA26367">
        <v>6</v>
      </c>
      <c r="AB26367">
        <v>6</v>
      </c>
      <c r="AC26367">
        <v>7</v>
      </c>
      <c r="AD26367">
        <v>7</v>
      </c>
      <c r="AE26367">
        <v>7</v>
      </c>
      <c r="AF26367">
        <v>7</v>
      </c>
      <c r="AG26367">
        <v>7</v>
      </c>
      <c r="AH26367">
        <v>7</v>
      </c>
      <c r="AI26367">
        <v>7</v>
      </c>
      <c r="AJ26367">
        <v>7</v>
      </c>
      <c r="AK26367">
        <v>7</v>
      </c>
      <c r="AL26367">
        <v>7</v>
      </c>
      <c r="AM26367">
        <v>7</v>
      </c>
      <c r="AN26367">
        <v>7</v>
      </c>
      <c r="AO26367">
        <v>8</v>
      </c>
      <c r="AP26367">
        <v>8</v>
      </c>
      <c r="AQ26367">
        <v>8</v>
      </c>
    </row>
    <row r="26368" spans="1:43">
      <c r="A26368" t="s">
        <v>16325</v>
      </c>
      <c r="B26368" t="s">
        <v>16326</v>
      </c>
      <c r="C26368" t="s">
        <v>16305</v>
      </c>
      <c r="D26368" t="s">
        <v>16306</v>
      </c>
      <c r="E26368" t="s">
        <v>16245</v>
      </c>
      <c r="F26368" t="s">
        <v>16246</v>
      </c>
      <c r="G26368" t="s">
        <v>10734</v>
      </c>
      <c r="H26368" t="s">
        <v>10735</v>
      </c>
      <c r="I26368" s="2">
        <v>1</v>
      </c>
      <c r="J26368" s="2">
        <v>0</v>
      </c>
      <c r="K26368" s="2">
        <v>0</v>
      </c>
      <c r="L26368" t="s">
        <v>120</v>
      </c>
      <c r="M26368" t="s">
        <v>89</v>
      </c>
      <c r="N26368" t="s">
        <v>90</v>
      </c>
      <c r="O26368" t="s">
        <v>85</v>
      </c>
      <c r="P26368" t="s">
        <v>86</v>
      </c>
      <c r="Q26368">
        <v>6</v>
      </c>
      <c r="R26368">
        <v>6</v>
      </c>
      <c r="S26368">
        <v>6</v>
      </c>
      <c r="T26368">
        <v>6</v>
      </c>
      <c r="U26368">
        <v>7</v>
      </c>
      <c r="V26368">
        <v>7</v>
      </c>
      <c r="W26368">
        <v>7</v>
      </c>
      <c r="X26368">
        <v>7</v>
      </c>
      <c r="Y26368">
        <v>7</v>
      </c>
      <c r="Z26368">
        <v>7</v>
      </c>
      <c r="AA26368">
        <v>7</v>
      </c>
      <c r="AB26368">
        <v>8</v>
      </c>
      <c r="AC26368">
        <v>8</v>
      </c>
      <c r="AD26368">
        <v>8</v>
      </c>
      <c r="AE26368">
        <v>8</v>
      </c>
      <c r="AF26368">
        <v>8</v>
      </c>
      <c r="AG26368">
        <v>8</v>
      </c>
      <c r="AH26368">
        <v>8</v>
      </c>
      <c r="AI26368">
        <v>8</v>
      </c>
      <c r="AJ26368">
        <v>8</v>
      </c>
      <c r="AK26368">
        <v>9</v>
      </c>
      <c r="AL26368">
        <v>9</v>
      </c>
      <c r="AM26368">
        <v>9</v>
      </c>
      <c r="AN26368">
        <v>9</v>
      </c>
      <c r="AO26368">
        <v>9</v>
      </c>
      <c r="AP26368">
        <v>9</v>
      </c>
      <c r="AQ26368">
        <v>9</v>
      </c>
    </row>
    <row r="26369" spans="1:43">
      <c r="A26369" t="s">
        <v>16325</v>
      </c>
      <c r="B26369" t="s">
        <v>16326</v>
      </c>
      <c r="C26369" t="s">
        <v>16305</v>
      </c>
      <c r="D26369" t="s">
        <v>16306</v>
      </c>
      <c r="E26369" t="s">
        <v>16245</v>
      </c>
      <c r="F26369" t="s">
        <v>16246</v>
      </c>
      <c r="G26369" t="s">
        <v>10734</v>
      </c>
      <c r="H26369" t="s">
        <v>10735</v>
      </c>
      <c r="I26369" s="2">
        <v>1</v>
      </c>
      <c r="J26369" s="2">
        <v>0</v>
      </c>
      <c r="K26369" s="2">
        <v>0</v>
      </c>
      <c r="L26369" t="s">
        <v>120</v>
      </c>
      <c r="M26369" t="s">
        <v>83</v>
      </c>
      <c r="N26369" t="s">
        <v>91</v>
      </c>
      <c r="O26369" t="s">
        <v>85</v>
      </c>
      <c r="P26369" t="s">
        <v>86</v>
      </c>
      <c r="Q26369">
        <v>6</v>
      </c>
      <c r="R26369">
        <v>6</v>
      </c>
      <c r="S26369">
        <v>6</v>
      </c>
      <c r="T26369">
        <v>6</v>
      </c>
      <c r="U26369">
        <v>6</v>
      </c>
      <c r="V26369">
        <v>6</v>
      </c>
      <c r="W26369">
        <v>7</v>
      </c>
      <c r="X26369">
        <v>7</v>
      </c>
      <c r="Y26369">
        <v>7</v>
      </c>
      <c r="Z26369">
        <v>7</v>
      </c>
      <c r="AA26369">
        <v>7</v>
      </c>
      <c r="AB26369">
        <v>7</v>
      </c>
      <c r="AC26369">
        <v>7</v>
      </c>
      <c r="AD26369">
        <v>7</v>
      </c>
      <c r="AE26369">
        <v>8</v>
      </c>
      <c r="AF26369">
        <v>8</v>
      </c>
      <c r="AG26369">
        <v>8</v>
      </c>
      <c r="AH26369">
        <v>8</v>
      </c>
      <c r="AI26369">
        <v>8</v>
      </c>
      <c r="AJ26369">
        <v>8</v>
      </c>
      <c r="AK26369">
        <v>8</v>
      </c>
      <c r="AL26369">
        <v>8</v>
      </c>
      <c r="AM26369">
        <v>9</v>
      </c>
      <c r="AN26369">
        <v>9</v>
      </c>
      <c r="AO26369">
        <v>9</v>
      </c>
      <c r="AP26369">
        <v>9</v>
      </c>
      <c r="AQ26369">
        <v>9</v>
      </c>
    </row>
    <row r="26370" spans="1:43">
      <c r="A26370" t="s">
        <v>16327</v>
      </c>
      <c r="B26370" t="s">
        <v>16328</v>
      </c>
      <c r="C26370" t="s">
        <v>16305</v>
      </c>
      <c r="D26370" t="s">
        <v>16306</v>
      </c>
      <c r="E26370" t="s">
        <v>16245</v>
      </c>
      <c r="F26370" t="s">
        <v>16246</v>
      </c>
      <c r="G26370" t="s">
        <v>10734</v>
      </c>
      <c r="H26370" t="s">
        <v>10735</v>
      </c>
      <c r="I26370" s="2">
        <v>1</v>
      </c>
      <c r="J26370" s="2">
        <v>0</v>
      </c>
      <c r="K26370" s="2">
        <v>0</v>
      </c>
      <c r="L26370" t="s">
        <v>120</v>
      </c>
      <c r="M26370" t="s">
        <v>83</v>
      </c>
      <c r="N26370" t="s">
        <v>84</v>
      </c>
      <c r="O26370" t="s">
        <v>85</v>
      </c>
      <c r="P26370" t="s">
        <v>86</v>
      </c>
      <c r="Q26370">
        <v>2</v>
      </c>
      <c r="R26370">
        <v>2</v>
      </c>
      <c r="S26370">
        <v>2</v>
      </c>
      <c r="T26370">
        <v>2</v>
      </c>
      <c r="U26370">
        <v>2</v>
      </c>
      <c r="V26370">
        <v>2</v>
      </c>
      <c r="W26370">
        <v>2</v>
      </c>
      <c r="X26370">
        <v>2</v>
      </c>
      <c r="Y26370">
        <v>2</v>
      </c>
      <c r="Z26370">
        <v>2</v>
      </c>
      <c r="AA26370">
        <v>2</v>
      </c>
      <c r="AB26370">
        <v>2</v>
      </c>
      <c r="AC26370">
        <v>2</v>
      </c>
      <c r="AD26370">
        <v>2</v>
      </c>
      <c r="AE26370">
        <v>2</v>
      </c>
      <c r="AF26370">
        <v>2</v>
      </c>
      <c r="AG26370">
        <v>2</v>
      </c>
      <c r="AH26370">
        <v>2</v>
      </c>
      <c r="AI26370">
        <v>2</v>
      </c>
      <c r="AJ26370">
        <v>2</v>
      </c>
      <c r="AK26370">
        <v>2</v>
      </c>
      <c r="AL26370">
        <v>2</v>
      </c>
      <c r="AM26370">
        <v>2</v>
      </c>
      <c r="AN26370">
        <v>2</v>
      </c>
      <c r="AO26370">
        <v>2</v>
      </c>
      <c r="AP26370">
        <v>2</v>
      </c>
      <c r="AQ26370">
        <v>2</v>
      </c>
    </row>
    <row r="26371" spans="1:43">
      <c r="A26371" t="s">
        <v>16327</v>
      </c>
      <c r="B26371" t="s">
        <v>16328</v>
      </c>
      <c r="C26371" t="s">
        <v>16305</v>
      </c>
      <c r="D26371" t="s">
        <v>16306</v>
      </c>
      <c r="E26371" t="s">
        <v>16245</v>
      </c>
      <c r="F26371" t="s">
        <v>16246</v>
      </c>
      <c r="G26371" t="s">
        <v>10734</v>
      </c>
      <c r="H26371" t="s">
        <v>10735</v>
      </c>
      <c r="I26371" s="2">
        <v>1</v>
      </c>
      <c r="J26371" s="2">
        <v>0</v>
      </c>
      <c r="K26371" s="2">
        <v>0</v>
      </c>
      <c r="L26371" t="s">
        <v>120</v>
      </c>
      <c r="M26371" t="s">
        <v>87</v>
      </c>
      <c r="N26371" t="s">
        <v>88</v>
      </c>
      <c r="O26371" t="s">
        <v>85</v>
      </c>
      <c r="P26371" t="s">
        <v>86</v>
      </c>
      <c r="Q26371">
        <v>2</v>
      </c>
      <c r="R26371">
        <v>2</v>
      </c>
      <c r="S26371">
        <v>2</v>
      </c>
      <c r="T26371">
        <v>2</v>
      </c>
      <c r="U26371">
        <v>2</v>
      </c>
      <c r="V26371">
        <v>2</v>
      </c>
      <c r="W26371">
        <v>2</v>
      </c>
      <c r="X26371">
        <v>2</v>
      </c>
      <c r="Y26371">
        <v>2</v>
      </c>
      <c r="Z26371">
        <v>2</v>
      </c>
      <c r="AA26371">
        <v>2</v>
      </c>
      <c r="AB26371">
        <v>2</v>
      </c>
      <c r="AC26371">
        <v>2</v>
      </c>
      <c r="AD26371">
        <v>2</v>
      </c>
      <c r="AE26371">
        <v>2</v>
      </c>
      <c r="AF26371">
        <v>2</v>
      </c>
      <c r="AG26371">
        <v>2</v>
      </c>
      <c r="AH26371">
        <v>2</v>
      </c>
      <c r="AI26371">
        <v>2</v>
      </c>
      <c r="AJ26371">
        <v>2</v>
      </c>
      <c r="AK26371">
        <v>2</v>
      </c>
      <c r="AL26371">
        <v>2</v>
      </c>
      <c r="AM26371">
        <v>2</v>
      </c>
      <c r="AN26371">
        <v>2</v>
      </c>
      <c r="AO26371">
        <v>2</v>
      </c>
      <c r="AP26371">
        <v>2</v>
      </c>
      <c r="AQ26371">
        <v>2</v>
      </c>
    </row>
    <row r="26372" spans="1:43">
      <c r="A26372" t="s">
        <v>16327</v>
      </c>
      <c r="B26372" t="s">
        <v>16328</v>
      </c>
      <c r="C26372" t="s">
        <v>16305</v>
      </c>
      <c r="D26372" t="s">
        <v>16306</v>
      </c>
      <c r="E26372" t="s">
        <v>16245</v>
      </c>
      <c r="F26372" t="s">
        <v>16246</v>
      </c>
      <c r="G26372" t="s">
        <v>10734</v>
      </c>
      <c r="H26372" t="s">
        <v>10735</v>
      </c>
      <c r="I26372" s="2">
        <v>1</v>
      </c>
      <c r="J26372" s="2">
        <v>0</v>
      </c>
      <c r="K26372" s="2">
        <v>0</v>
      </c>
      <c r="L26372" t="s">
        <v>120</v>
      </c>
      <c r="M26372" t="s">
        <v>89</v>
      </c>
      <c r="N26372" t="s">
        <v>90</v>
      </c>
      <c r="O26372" t="s">
        <v>85</v>
      </c>
      <c r="P26372" t="s">
        <v>86</v>
      </c>
      <c r="Q26372">
        <v>2</v>
      </c>
      <c r="R26372">
        <v>2</v>
      </c>
      <c r="S26372">
        <v>2</v>
      </c>
      <c r="T26372">
        <v>2</v>
      </c>
      <c r="U26372">
        <v>2</v>
      </c>
      <c r="V26372">
        <v>2</v>
      </c>
      <c r="W26372">
        <v>2</v>
      </c>
      <c r="X26372">
        <v>2</v>
      </c>
      <c r="Y26372">
        <v>2</v>
      </c>
      <c r="Z26372">
        <v>2</v>
      </c>
      <c r="AA26372">
        <v>2</v>
      </c>
      <c r="AB26372">
        <v>2</v>
      </c>
      <c r="AC26372">
        <v>2</v>
      </c>
      <c r="AD26372">
        <v>2</v>
      </c>
      <c r="AE26372">
        <v>2</v>
      </c>
      <c r="AF26372">
        <v>2</v>
      </c>
      <c r="AG26372">
        <v>2</v>
      </c>
      <c r="AH26372">
        <v>2</v>
      </c>
      <c r="AI26372">
        <v>2</v>
      </c>
      <c r="AJ26372">
        <v>2</v>
      </c>
      <c r="AK26372">
        <v>2</v>
      </c>
      <c r="AL26372">
        <v>2</v>
      </c>
      <c r="AM26372">
        <v>2</v>
      </c>
      <c r="AN26372">
        <v>2</v>
      </c>
      <c r="AO26372">
        <v>2</v>
      </c>
      <c r="AP26372">
        <v>2</v>
      </c>
      <c r="AQ26372">
        <v>2</v>
      </c>
    </row>
    <row r="26373" spans="1:43">
      <c r="A26373" t="s">
        <v>16327</v>
      </c>
      <c r="B26373" t="s">
        <v>16328</v>
      </c>
      <c r="C26373" t="s">
        <v>16305</v>
      </c>
      <c r="D26373" t="s">
        <v>16306</v>
      </c>
      <c r="E26373" t="s">
        <v>16245</v>
      </c>
      <c r="F26373" t="s">
        <v>16246</v>
      </c>
      <c r="G26373" t="s">
        <v>10734</v>
      </c>
      <c r="H26373" t="s">
        <v>10735</v>
      </c>
      <c r="I26373" s="2">
        <v>1</v>
      </c>
      <c r="J26373" s="2">
        <v>0</v>
      </c>
      <c r="K26373" s="2">
        <v>0</v>
      </c>
      <c r="L26373" t="s">
        <v>120</v>
      </c>
      <c r="M26373" t="s">
        <v>83</v>
      </c>
      <c r="N26373" t="s">
        <v>91</v>
      </c>
      <c r="O26373" t="s">
        <v>85</v>
      </c>
      <c r="P26373" t="s">
        <v>86</v>
      </c>
      <c r="Q26373">
        <v>2</v>
      </c>
      <c r="R26373">
        <v>2</v>
      </c>
      <c r="S26373">
        <v>2</v>
      </c>
      <c r="T26373">
        <v>2</v>
      </c>
      <c r="U26373">
        <v>2</v>
      </c>
      <c r="V26373">
        <v>2</v>
      </c>
      <c r="W26373">
        <v>2</v>
      </c>
      <c r="X26373">
        <v>2</v>
      </c>
      <c r="Y26373">
        <v>2</v>
      </c>
      <c r="Z26373">
        <v>2</v>
      </c>
      <c r="AA26373">
        <v>2</v>
      </c>
      <c r="AB26373">
        <v>2</v>
      </c>
      <c r="AC26373">
        <v>2</v>
      </c>
      <c r="AD26373">
        <v>2</v>
      </c>
      <c r="AE26373">
        <v>2</v>
      </c>
      <c r="AF26373">
        <v>2</v>
      </c>
      <c r="AG26373">
        <v>2</v>
      </c>
      <c r="AH26373">
        <v>2</v>
      </c>
      <c r="AI26373">
        <v>2</v>
      </c>
      <c r="AJ26373">
        <v>2</v>
      </c>
      <c r="AK26373">
        <v>2</v>
      </c>
      <c r="AL26373">
        <v>2</v>
      </c>
      <c r="AM26373">
        <v>2</v>
      </c>
      <c r="AN26373">
        <v>2</v>
      </c>
      <c r="AO26373">
        <v>2</v>
      </c>
      <c r="AP26373">
        <v>2</v>
      </c>
      <c r="AQ26373">
        <v>2</v>
      </c>
    </row>
    <row r="26374" spans="1:43">
      <c r="A26374" t="s">
        <v>16329</v>
      </c>
      <c r="B26374" t="s">
        <v>16330</v>
      </c>
      <c r="C26374" t="s">
        <v>16331</v>
      </c>
      <c r="D26374" t="s">
        <v>16332</v>
      </c>
      <c r="E26374" t="s">
        <v>16245</v>
      </c>
      <c r="F26374" t="s">
        <v>16246</v>
      </c>
      <c r="G26374" t="s">
        <v>10734</v>
      </c>
      <c r="H26374" t="s">
        <v>10735</v>
      </c>
      <c r="I26374" s="2">
        <v>1</v>
      </c>
      <c r="J26374" s="2">
        <v>0</v>
      </c>
      <c r="K26374" s="2">
        <v>0</v>
      </c>
      <c r="L26374" t="s">
        <v>120</v>
      </c>
      <c r="M26374" t="s">
        <v>83</v>
      </c>
      <c r="N26374" t="s">
        <v>84</v>
      </c>
      <c r="O26374" t="s">
        <v>85</v>
      </c>
      <c r="P26374" t="s">
        <v>86</v>
      </c>
      <c r="Q26374">
        <v>58</v>
      </c>
      <c r="R26374">
        <v>59</v>
      </c>
      <c r="S26374">
        <v>60</v>
      </c>
      <c r="T26374">
        <v>62</v>
      </c>
      <c r="U26374">
        <v>63</v>
      </c>
      <c r="V26374">
        <v>64</v>
      </c>
      <c r="W26374">
        <v>65</v>
      </c>
      <c r="X26374">
        <v>67</v>
      </c>
      <c r="Y26374">
        <v>68</v>
      </c>
      <c r="Z26374">
        <v>69</v>
      </c>
      <c r="AA26374">
        <v>70</v>
      </c>
      <c r="AB26374">
        <v>72</v>
      </c>
      <c r="AC26374">
        <v>73</v>
      </c>
      <c r="AD26374">
        <v>74</v>
      </c>
      <c r="AE26374">
        <v>76</v>
      </c>
      <c r="AF26374">
        <v>77</v>
      </c>
      <c r="AG26374">
        <v>78</v>
      </c>
      <c r="AH26374">
        <v>80</v>
      </c>
      <c r="AI26374">
        <v>81</v>
      </c>
      <c r="AJ26374">
        <v>83</v>
      </c>
      <c r="AK26374">
        <v>84</v>
      </c>
      <c r="AL26374">
        <v>85</v>
      </c>
      <c r="AM26374">
        <v>86</v>
      </c>
      <c r="AN26374">
        <v>87</v>
      </c>
      <c r="AO26374">
        <v>88</v>
      </c>
      <c r="AP26374">
        <v>88</v>
      </c>
      <c r="AQ26374">
        <v>89</v>
      </c>
    </row>
    <row r="26375" spans="1:43">
      <c r="A26375" t="s">
        <v>16329</v>
      </c>
      <c r="B26375" t="s">
        <v>16330</v>
      </c>
      <c r="C26375" t="s">
        <v>16331</v>
      </c>
      <c r="D26375" t="s">
        <v>16332</v>
      </c>
      <c r="E26375" t="s">
        <v>16245</v>
      </c>
      <c r="F26375" t="s">
        <v>16246</v>
      </c>
      <c r="G26375" t="s">
        <v>10734</v>
      </c>
      <c r="H26375" t="s">
        <v>10735</v>
      </c>
      <c r="I26375" s="2">
        <v>1</v>
      </c>
      <c r="J26375" s="2">
        <v>0</v>
      </c>
      <c r="K26375" s="2">
        <v>0</v>
      </c>
      <c r="L26375" t="s">
        <v>120</v>
      </c>
      <c r="M26375" t="s">
        <v>87</v>
      </c>
      <c r="N26375" t="s">
        <v>88</v>
      </c>
      <c r="O26375" t="s">
        <v>85</v>
      </c>
      <c r="P26375" t="s">
        <v>86</v>
      </c>
      <c r="Q26375">
        <v>58</v>
      </c>
      <c r="R26375">
        <v>59</v>
      </c>
      <c r="S26375">
        <v>60</v>
      </c>
      <c r="T26375">
        <v>60</v>
      </c>
      <c r="U26375">
        <v>61</v>
      </c>
      <c r="V26375">
        <v>62</v>
      </c>
      <c r="W26375">
        <v>62</v>
      </c>
      <c r="X26375">
        <v>63</v>
      </c>
      <c r="Y26375">
        <v>64</v>
      </c>
      <c r="Z26375">
        <v>64</v>
      </c>
      <c r="AA26375">
        <v>65</v>
      </c>
      <c r="AB26375">
        <v>66</v>
      </c>
      <c r="AC26375">
        <v>66</v>
      </c>
      <c r="AD26375">
        <v>67</v>
      </c>
      <c r="AE26375">
        <v>68</v>
      </c>
      <c r="AF26375">
        <v>69</v>
      </c>
      <c r="AG26375">
        <v>69</v>
      </c>
      <c r="AH26375">
        <v>70</v>
      </c>
      <c r="AI26375">
        <v>71</v>
      </c>
      <c r="AJ26375">
        <v>72</v>
      </c>
      <c r="AK26375">
        <v>73</v>
      </c>
      <c r="AL26375">
        <v>74</v>
      </c>
      <c r="AM26375">
        <v>74</v>
      </c>
      <c r="AN26375">
        <v>75</v>
      </c>
      <c r="AO26375">
        <v>76</v>
      </c>
      <c r="AP26375">
        <v>77</v>
      </c>
      <c r="AQ26375">
        <v>78</v>
      </c>
    </row>
    <row r="26376" spans="1:43">
      <c r="A26376" t="s">
        <v>16329</v>
      </c>
      <c r="B26376" t="s">
        <v>16330</v>
      </c>
      <c r="C26376" t="s">
        <v>16331</v>
      </c>
      <c r="D26376" t="s">
        <v>16332</v>
      </c>
      <c r="E26376" t="s">
        <v>16245</v>
      </c>
      <c r="F26376" t="s">
        <v>16246</v>
      </c>
      <c r="G26376" t="s">
        <v>10734</v>
      </c>
      <c r="H26376" t="s">
        <v>10735</v>
      </c>
      <c r="I26376" s="2">
        <v>1</v>
      </c>
      <c r="J26376" s="2">
        <v>0</v>
      </c>
      <c r="K26376" s="2">
        <v>0</v>
      </c>
      <c r="L26376" t="s">
        <v>120</v>
      </c>
      <c r="M26376" t="s">
        <v>89</v>
      </c>
      <c r="N26376" t="s">
        <v>90</v>
      </c>
      <c r="O26376" t="s">
        <v>85</v>
      </c>
      <c r="P26376" t="s">
        <v>86</v>
      </c>
      <c r="Q26376">
        <v>58</v>
      </c>
      <c r="R26376">
        <v>59</v>
      </c>
      <c r="S26376">
        <v>61</v>
      </c>
      <c r="T26376">
        <v>63</v>
      </c>
      <c r="U26376">
        <v>64</v>
      </c>
      <c r="V26376">
        <v>66</v>
      </c>
      <c r="W26376">
        <v>68</v>
      </c>
      <c r="X26376">
        <v>69</v>
      </c>
      <c r="Y26376">
        <v>71</v>
      </c>
      <c r="Z26376">
        <v>72</v>
      </c>
      <c r="AA26376">
        <v>74</v>
      </c>
      <c r="AB26376">
        <v>75</v>
      </c>
      <c r="AC26376">
        <v>77</v>
      </c>
      <c r="AD26376">
        <v>79</v>
      </c>
      <c r="AE26376">
        <v>80</v>
      </c>
      <c r="AF26376">
        <v>81</v>
      </c>
      <c r="AG26376">
        <v>82</v>
      </c>
      <c r="AH26376">
        <v>82</v>
      </c>
      <c r="AI26376">
        <v>83</v>
      </c>
      <c r="AJ26376">
        <v>84</v>
      </c>
      <c r="AK26376">
        <v>85</v>
      </c>
      <c r="AL26376">
        <v>85</v>
      </c>
      <c r="AM26376">
        <v>86</v>
      </c>
      <c r="AN26376">
        <v>87</v>
      </c>
      <c r="AO26376">
        <v>88</v>
      </c>
      <c r="AP26376">
        <v>89</v>
      </c>
      <c r="AQ26376">
        <v>89</v>
      </c>
    </row>
    <row r="26377" spans="1:43">
      <c r="A26377" t="s">
        <v>16329</v>
      </c>
      <c r="B26377" t="s">
        <v>16330</v>
      </c>
      <c r="C26377" t="s">
        <v>16331</v>
      </c>
      <c r="D26377" t="s">
        <v>16332</v>
      </c>
      <c r="E26377" t="s">
        <v>16245</v>
      </c>
      <c r="F26377" t="s">
        <v>16246</v>
      </c>
      <c r="G26377" t="s">
        <v>10734</v>
      </c>
      <c r="H26377" t="s">
        <v>10735</v>
      </c>
      <c r="I26377" s="2">
        <v>1</v>
      </c>
      <c r="J26377" s="2">
        <v>0</v>
      </c>
      <c r="K26377" s="2">
        <v>0</v>
      </c>
      <c r="L26377" t="s">
        <v>120</v>
      </c>
      <c r="M26377" t="s">
        <v>83</v>
      </c>
      <c r="N26377" t="s">
        <v>91</v>
      </c>
      <c r="O26377" t="s">
        <v>85</v>
      </c>
      <c r="P26377" t="s">
        <v>86</v>
      </c>
      <c r="Q26377">
        <v>58</v>
      </c>
      <c r="R26377">
        <v>59</v>
      </c>
      <c r="S26377">
        <v>60</v>
      </c>
      <c r="T26377">
        <v>62</v>
      </c>
      <c r="U26377">
        <v>63</v>
      </c>
      <c r="V26377">
        <v>64</v>
      </c>
      <c r="W26377">
        <v>65</v>
      </c>
      <c r="X26377">
        <v>67</v>
      </c>
      <c r="Y26377">
        <v>68</v>
      </c>
      <c r="Z26377">
        <v>69</v>
      </c>
      <c r="AA26377">
        <v>70</v>
      </c>
      <c r="AB26377">
        <v>72</v>
      </c>
      <c r="AC26377">
        <v>73</v>
      </c>
      <c r="AD26377">
        <v>74</v>
      </c>
      <c r="AE26377">
        <v>76</v>
      </c>
      <c r="AF26377">
        <v>77</v>
      </c>
      <c r="AG26377">
        <v>78</v>
      </c>
      <c r="AH26377">
        <v>80</v>
      </c>
      <c r="AI26377">
        <v>81</v>
      </c>
      <c r="AJ26377">
        <v>83</v>
      </c>
      <c r="AK26377">
        <v>84</v>
      </c>
      <c r="AL26377">
        <v>85</v>
      </c>
      <c r="AM26377">
        <v>86</v>
      </c>
      <c r="AN26377">
        <v>87</v>
      </c>
      <c r="AO26377">
        <v>88</v>
      </c>
      <c r="AP26377">
        <v>88</v>
      </c>
      <c r="AQ26377">
        <v>89</v>
      </c>
    </row>
    <row r="26378" spans="1:43">
      <c r="A26378" t="s">
        <v>16333</v>
      </c>
      <c r="B26378" t="s">
        <v>16334</v>
      </c>
      <c r="C26378" t="s">
        <v>16331</v>
      </c>
      <c r="D26378" t="s">
        <v>16332</v>
      </c>
      <c r="E26378" t="s">
        <v>16245</v>
      </c>
      <c r="F26378" t="s">
        <v>16246</v>
      </c>
      <c r="G26378" t="s">
        <v>10734</v>
      </c>
      <c r="H26378" t="s">
        <v>10735</v>
      </c>
      <c r="I26378" s="2">
        <v>1</v>
      </c>
      <c r="J26378" s="2">
        <v>0</v>
      </c>
      <c r="K26378" s="2">
        <v>0</v>
      </c>
      <c r="L26378" t="s">
        <v>120</v>
      </c>
      <c r="M26378" t="s">
        <v>83</v>
      </c>
      <c r="N26378" t="s">
        <v>84</v>
      </c>
      <c r="O26378" t="s">
        <v>85</v>
      </c>
      <c r="P26378" t="s">
        <v>86</v>
      </c>
      <c r="Q26378">
        <v>14</v>
      </c>
      <c r="R26378">
        <v>14</v>
      </c>
      <c r="S26378">
        <v>15</v>
      </c>
      <c r="T26378">
        <v>15</v>
      </c>
      <c r="U26378">
        <v>15</v>
      </c>
      <c r="V26378">
        <v>15</v>
      </c>
      <c r="W26378">
        <v>16</v>
      </c>
      <c r="X26378">
        <v>16</v>
      </c>
      <c r="Y26378">
        <v>16</v>
      </c>
      <c r="Z26378">
        <v>17</v>
      </c>
      <c r="AA26378">
        <v>17</v>
      </c>
      <c r="AB26378">
        <v>17</v>
      </c>
      <c r="AC26378">
        <v>18</v>
      </c>
      <c r="AD26378">
        <v>18</v>
      </c>
      <c r="AE26378">
        <v>18</v>
      </c>
      <c r="AF26378">
        <v>19</v>
      </c>
      <c r="AG26378">
        <v>19</v>
      </c>
      <c r="AH26378">
        <v>19</v>
      </c>
      <c r="AI26378">
        <v>20</v>
      </c>
      <c r="AJ26378">
        <v>20</v>
      </c>
      <c r="AK26378">
        <v>20</v>
      </c>
      <c r="AL26378">
        <v>21</v>
      </c>
      <c r="AM26378">
        <v>21</v>
      </c>
      <c r="AN26378">
        <v>21</v>
      </c>
      <c r="AO26378">
        <v>21</v>
      </c>
      <c r="AP26378">
        <v>21</v>
      </c>
      <c r="AQ26378">
        <v>22</v>
      </c>
    </row>
    <row r="26379" spans="1:43">
      <c r="A26379" t="s">
        <v>16333</v>
      </c>
      <c r="B26379" t="s">
        <v>16334</v>
      </c>
      <c r="C26379" t="s">
        <v>16331</v>
      </c>
      <c r="D26379" t="s">
        <v>16332</v>
      </c>
      <c r="E26379" t="s">
        <v>16245</v>
      </c>
      <c r="F26379" t="s">
        <v>16246</v>
      </c>
      <c r="G26379" t="s">
        <v>10734</v>
      </c>
      <c r="H26379" t="s">
        <v>10735</v>
      </c>
      <c r="I26379" s="2">
        <v>1</v>
      </c>
      <c r="J26379" s="2">
        <v>0</v>
      </c>
      <c r="K26379" s="2">
        <v>0</v>
      </c>
      <c r="L26379" t="s">
        <v>120</v>
      </c>
      <c r="M26379" t="s">
        <v>87</v>
      </c>
      <c r="N26379" t="s">
        <v>88</v>
      </c>
      <c r="O26379" t="s">
        <v>85</v>
      </c>
      <c r="P26379" t="s">
        <v>86</v>
      </c>
      <c r="Q26379">
        <v>14</v>
      </c>
      <c r="R26379">
        <v>14</v>
      </c>
      <c r="S26379">
        <v>14</v>
      </c>
      <c r="T26379">
        <v>14</v>
      </c>
      <c r="U26379">
        <v>14</v>
      </c>
      <c r="V26379">
        <v>15</v>
      </c>
      <c r="W26379">
        <v>15</v>
      </c>
      <c r="X26379">
        <v>15</v>
      </c>
      <c r="Y26379">
        <v>15</v>
      </c>
      <c r="Z26379">
        <v>15</v>
      </c>
      <c r="AA26379">
        <v>15</v>
      </c>
      <c r="AB26379">
        <v>16</v>
      </c>
      <c r="AC26379">
        <v>16</v>
      </c>
      <c r="AD26379">
        <v>16</v>
      </c>
      <c r="AE26379">
        <v>16</v>
      </c>
      <c r="AF26379">
        <v>16</v>
      </c>
      <c r="AG26379">
        <v>17</v>
      </c>
      <c r="AH26379">
        <v>17</v>
      </c>
      <c r="AI26379">
        <v>17</v>
      </c>
      <c r="AJ26379">
        <v>17</v>
      </c>
      <c r="AK26379">
        <v>17</v>
      </c>
      <c r="AL26379">
        <v>18</v>
      </c>
      <c r="AM26379">
        <v>18</v>
      </c>
      <c r="AN26379">
        <v>18</v>
      </c>
      <c r="AO26379">
        <v>18</v>
      </c>
      <c r="AP26379">
        <v>18</v>
      </c>
      <c r="AQ26379">
        <v>19</v>
      </c>
    </row>
    <row r="26380" spans="1:43">
      <c r="A26380" t="s">
        <v>16333</v>
      </c>
      <c r="B26380" t="s">
        <v>16334</v>
      </c>
      <c r="C26380" t="s">
        <v>16331</v>
      </c>
      <c r="D26380" t="s">
        <v>16332</v>
      </c>
      <c r="E26380" t="s">
        <v>16245</v>
      </c>
      <c r="F26380" t="s">
        <v>16246</v>
      </c>
      <c r="G26380" t="s">
        <v>10734</v>
      </c>
      <c r="H26380" t="s">
        <v>10735</v>
      </c>
      <c r="I26380" s="2">
        <v>1</v>
      </c>
      <c r="J26380" s="2">
        <v>0</v>
      </c>
      <c r="K26380" s="2">
        <v>0</v>
      </c>
      <c r="L26380" t="s">
        <v>120</v>
      </c>
      <c r="M26380" t="s">
        <v>89</v>
      </c>
      <c r="N26380" t="s">
        <v>90</v>
      </c>
      <c r="O26380" t="s">
        <v>85</v>
      </c>
      <c r="P26380" t="s">
        <v>86</v>
      </c>
      <c r="Q26380">
        <v>14</v>
      </c>
      <c r="R26380">
        <v>15</v>
      </c>
      <c r="S26380">
        <v>15</v>
      </c>
      <c r="T26380">
        <v>15</v>
      </c>
      <c r="U26380">
        <v>16</v>
      </c>
      <c r="V26380">
        <v>16</v>
      </c>
      <c r="W26380">
        <v>17</v>
      </c>
      <c r="X26380">
        <v>17</v>
      </c>
      <c r="Y26380">
        <v>17</v>
      </c>
      <c r="Z26380">
        <v>18</v>
      </c>
      <c r="AA26380">
        <v>18</v>
      </c>
      <c r="AB26380">
        <v>18</v>
      </c>
      <c r="AC26380">
        <v>19</v>
      </c>
      <c r="AD26380">
        <v>19</v>
      </c>
      <c r="AE26380">
        <v>20</v>
      </c>
      <c r="AF26380">
        <v>20</v>
      </c>
      <c r="AG26380">
        <v>20</v>
      </c>
      <c r="AH26380">
        <v>20</v>
      </c>
      <c r="AI26380">
        <v>20</v>
      </c>
      <c r="AJ26380">
        <v>20</v>
      </c>
      <c r="AK26380">
        <v>21</v>
      </c>
      <c r="AL26380">
        <v>21</v>
      </c>
      <c r="AM26380">
        <v>21</v>
      </c>
      <c r="AN26380">
        <v>21</v>
      </c>
      <c r="AO26380">
        <v>21</v>
      </c>
      <c r="AP26380">
        <v>22</v>
      </c>
      <c r="AQ26380">
        <v>22</v>
      </c>
    </row>
    <row r="26381" spans="1:43">
      <c r="A26381" t="s">
        <v>16333</v>
      </c>
      <c r="B26381" t="s">
        <v>16334</v>
      </c>
      <c r="C26381" t="s">
        <v>16331</v>
      </c>
      <c r="D26381" t="s">
        <v>16332</v>
      </c>
      <c r="E26381" t="s">
        <v>16245</v>
      </c>
      <c r="F26381" t="s">
        <v>16246</v>
      </c>
      <c r="G26381" t="s">
        <v>10734</v>
      </c>
      <c r="H26381" t="s">
        <v>10735</v>
      </c>
      <c r="I26381" s="2">
        <v>1</v>
      </c>
      <c r="J26381" s="2">
        <v>0</v>
      </c>
      <c r="K26381" s="2">
        <v>0</v>
      </c>
      <c r="L26381" t="s">
        <v>120</v>
      </c>
      <c r="M26381" t="s">
        <v>83</v>
      </c>
      <c r="N26381" t="s">
        <v>91</v>
      </c>
      <c r="O26381" t="s">
        <v>85</v>
      </c>
      <c r="P26381" t="s">
        <v>86</v>
      </c>
      <c r="Q26381">
        <v>14</v>
      </c>
      <c r="R26381">
        <v>14</v>
      </c>
      <c r="S26381">
        <v>15</v>
      </c>
      <c r="T26381">
        <v>15</v>
      </c>
      <c r="U26381">
        <v>15</v>
      </c>
      <c r="V26381">
        <v>15</v>
      </c>
      <c r="W26381">
        <v>16</v>
      </c>
      <c r="X26381">
        <v>16</v>
      </c>
      <c r="Y26381">
        <v>16</v>
      </c>
      <c r="Z26381">
        <v>17</v>
      </c>
      <c r="AA26381">
        <v>17</v>
      </c>
      <c r="AB26381">
        <v>17</v>
      </c>
      <c r="AC26381">
        <v>18</v>
      </c>
      <c r="AD26381">
        <v>18</v>
      </c>
      <c r="AE26381">
        <v>18</v>
      </c>
      <c r="AF26381">
        <v>19</v>
      </c>
      <c r="AG26381">
        <v>19</v>
      </c>
      <c r="AH26381">
        <v>19</v>
      </c>
      <c r="AI26381">
        <v>20</v>
      </c>
      <c r="AJ26381">
        <v>20</v>
      </c>
      <c r="AK26381">
        <v>20</v>
      </c>
      <c r="AL26381">
        <v>21</v>
      </c>
      <c r="AM26381">
        <v>21</v>
      </c>
      <c r="AN26381">
        <v>21</v>
      </c>
      <c r="AO26381">
        <v>21</v>
      </c>
      <c r="AP26381">
        <v>21</v>
      </c>
      <c r="AQ26381">
        <v>22</v>
      </c>
    </row>
    <row r="26382" spans="1:43">
      <c r="A26382" t="s">
        <v>16335</v>
      </c>
      <c r="B26382" t="s">
        <v>16336</v>
      </c>
      <c r="C26382" t="s">
        <v>16331</v>
      </c>
      <c r="D26382" t="s">
        <v>16332</v>
      </c>
      <c r="E26382" t="s">
        <v>16245</v>
      </c>
      <c r="F26382" t="s">
        <v>16246</v>
      </c>
      <c r="G26382" t="s">
        <v>10734</v>
      </c>
      <c r="H26382" t="s">
        <v>10735</v>
      </c>
      <c r="I26382" s="2">
        <v>1</v>
      </c>
      <c r="J26382" s="2">
        <v>0</v>
      </c>
      <c r="K26382" s="2">
        <v>0</v>
      </c>
      <c r="L26382" t="s">
        <v>120</v>
      </c>
      <c r="M26382" t="s">
        <v>83</v>
      </c>
      <c r="N26382" t="s">
        <v>84</v>
      </c>
      <c r="O26382" t="s">
        <v>85</v>
      </c>
      <c r="P26382" t="s">
        <v>86</v>
      </c>
      <c r="Q26382">
        <v>18</v>
      </c>
      <c r="R26382">
        <v>18</v>
      </c>
      <c r="S26382">
        <v>18</v>
      </c>
      <c r="T26382">
        <v>19</v>
      </c>
      <c r="U26382">
        <v>19</v>
      </c>
      <c r="V26382">
        <v>19</v>
      </c>
      <c r="W26382">
        <v>20</v>
      </c>
      <c r="X26382">
        <v>20</v>
      </c>
      <c r="Y26382">
        <v>21</v>
      </c>
      <c r="Z26382">
        <v>21</v>
      </c>
      <c r="AA26382">
        <v>21</v>
      </c>
      <c r="AB26382">
        <v>22</v>
      </c>
      <c r="AC26382">
        <v>22</v>
      </c>
      <c r="AD26382">
        <v>23</v>
      </c>
      <c r="AE26382">
        <v>23</v>
      </c>
      <c r="AF26382">
        <v>23</v>
      </c>
      <c r="AG26382">
        <v>24</v>
      </c>
      <c r="AH26382">
        <v>24</v>
      </c>
      <c r="AI26382">
        <v>25</v>
      </c>
      <c r="AJ26382">
        <v>25</v>
      </c>
      <c r="AK26382">
        <v>26</v>
      </c>
      <c r="AL26382">
        <v>26</v>
      </c>
      <c r="AM26382">
        <v>26</v>
      </c>
      <c r="AN26382">
        <v>26</v>
      </c>
      <c r="AO26382">
        <v>27</v>
      </c>
      <c r="AP26382">
        <v>27</v>
      </c>
      <c r="AQ26382">
        <v>27</v>
      </c>
    </row>
    <row r="26383" spans="1:43">
      <c r="A26383" t="s">
        <v>16335</v>
      </c>
      <c r="B26383" t="s">
        <v>16336</v>
      </c>
      <c r="C26383" t="s">
        <v>16331</v>
      </c>
      <c r="D26383" t="s">
        <v>16332</v>
      </c>
      <c r="E26383" t="s">
        <v>16245</v>
      </c>
      <c r="F26383" t="s">
        <v>16246</v>
      </c>
      <c r="G26383" t="s">
        <v>10734</v>
      </c>
      <c r="H26383" t="s">
        <v>10735</v>
      </c>
      <c r="I26383" s="2">
        <v>1</v>
      </c>
      <c r="J26383" s="2">
        <v>0</v>
      </c>
      <c r="K26383" s="2">
        <v>0</v>
      </c>
      <c r="L26383" t="s">
        <v>120</v>
      </c>
      <c r="M26383" t="s">
        <v>87</v>
      </c>
      <c r="N26383" t="s">
        <v>88</v>
      </c>
      <c r="O26383" t="s">
        <v>85</v>
      </c>
      <c r="P26383" t="s">
        <v>86</v>
      </c>
      <c r="Q26383">
        <v>18</v>
      </c>
      <c r="R26383">
        <v>19</v>
      </c>
      <c r="S26383">
        <v>19</v>
      </c>
      <c r="T26383">
        <v>19</v>
      </c>
      <c r="U26383">
        <v>19</v>
      </c>
      <c r="V26383">
        <v>19</v>
      </c>
      <c r="W26383">
        <v>20</v>
      </c>
      <c r="X26383">
        <v>20</v>
      </c>
      <c r="Y26383">
        <v>20</v>
      </c>
      <c r="Z26383">
        <v>20</v>
      </c>
      <c r="AA26383">
        <v>20</v>
      </c>
      <c r="AB26383">
        <v>21</v>
      </c>
      <c r="AC26383">
        <v>21</v>
      </c>
      <c r="AD26383">
        <v>21</v>
      </c>
      <c r="AE26383">
        <v>21</v>
      </c>
      <c r="AF26383">
        <v>22</v>
      </c>
      <c r="AG26383">
        <v>22</v>
      </c>
      <c r="AH26383">
        <v>22</v>
      </c>
      <c r="AI26383">
        <v>22</v>
      </c>
      <c r="AJ26383">
        <v>23</v>
      </c>
      <c r="AK26383">
        <v>23</v>
      </c>
      <c r="AL26383">
        <v>23</v>
      </c>
      <c r="AM26383">
        <v>23</v>
      </c>
      <c r="AN26383">
        <v>24</v>
      </c>
      <c r="AO26383">
        <v>24</v>
      </c>
      <c r="AP26383">
        <v>24</v>
      </c>
      <c r="AQ26383">
        <v>24</v>
      </c>
    </row>
    <row r="26384" spans="1:43">
      <c r="A26384" t="s">
        <v>16335</v>
      </c>
      <c r="B26384" t="s">
        <v>16336</v>
      </c>
      <c r="C26384" t="s">
        <v>16331</v>
      </c>
      <c r="D26384" t="s">
        <v>16332</v>
      </c>
      <c r="E26384" t="s">
        <v>16245</v>
      </c>
      <c r="F26384" t="s">
        <v>16246</v>
      </c>
      <c r="G26384" t="s">
        <v>10734</v>
      </c>
      <c r="H26384" t="s">
        <v>10735</v>
      </c>
      <c r="I26384" s="2">
        <v>1</v>
      </c>
      <c r="J26384" s="2">
        <v>0</v>
      </c>
      <c r="K26384" s="2">
        <v>0</v>
      </c>
      <c r="L26384" t="s">
        <v>120</v>
      </c>
      <c r="M26384" t="s">
        <v>89</v>
      </c>
      <c r="N26384" t="s">
        <v>90</v>
      </c>
      <c r="O26384" t="s">
        <v>85</v>
      </c>
      <c r="P26384" t="s">
        <v>86</v>
      </c>
      <c r="Q26384">
        <v>18</v>
      </c>
      <c r="R26384">
        <v>18</v>
      </c>
      <c r="S26384">
        <v>19</v>
      </c>
      <c r="T26384">
        <v>19</v>
      </c>
      <c r="U26384">
        <v>20</v>
      </c>
      <c r="V26384">
        <v>20</v>
      </c>
      <c r="W26384">
        <v>21</v>
      </c>
      <c r="X26384">
        <v>21</v>
      </c>
      <c r="Y26384">
        <v>22</v>
      </c>
      <c r="Z26384">
        <v>22</v>
      </c>
      <c r="AA26384">
        <v>23</v>
      </c>
      <c r="AB26384">
        <v>23</v>
      </c>
      <c r="AC26384">
        <v>24</v>
      </c>
      <c r="AD26384">
        <v>24</v>
      </c>
      <c r="AE26384">
        <v>25</v>
      </c>
      <c r="AF26384">
        <v>25</v>
      </c>
      <c r="AG26384">
        <v>25</v>
      </c>
      <c r="AH26384">
        <v>25</v>
      </c>
      <c r="AI26384">
        <v>25</v>
      </c>
      <c r="AJ26384">
        <v>26</v>
      </c>
      <c r="AK26384">
        <v>26</v>
      </c>
      <c r="AL26384">
        <v>26</v>
      </c>
      <c r="AM26384">
        <v>26</v>
      </c>
      <c r="AN26384">
        <v>27</v>
      </c>
      <c r="AO26384">
        <v>27</v>
      </c>
      <c r="AP26384">
        <v>27</v>
      </c>
      <c r="AQ26384">
        <v>27</v>
      </c>
    </row>
    <row r="26385" spans="1:43">
      <c r="A26385" t="s">
        <v>16335</v>
      </c>
      <c r="B26385" t="s">
        <v>16336</v>
      </c>
      <c r="C26385" t="s">
        <v>16331</v>
      </c>
      <c r="D26385" t="s">
        <v>16332</v>
      </c>
      <c r="E26385" t="s">
        <v>16245</v>
      </c>
      <c r="F26385" t="s">
        <v>16246</v>
      </c>
      <c r="G26385" t="s">
        <v>10734</v>
      </c>
      <c r="H26385" t="s">
        <v>10735</v>
      </c>
      <c r="I26385" s="2">
        <v>1</v>
      </c>
      <c r="J26385" s="2">
        <v>0</v>
      </c>
      <c r="K26385" s="2">
        <v>0</v>
      </c>
      <c r="L26385" t="s">
        <v>120</v>
      </c>
      <c r="M26385" t="s">
        <v>83</v>
      </c>
      <c r="N26385" t="s">
        <v>91</v>
      </c>
      <c r="O26385" t="s">
        <v>85</v>
      </c>
      <c r="P26385" t="s">
        <v>86</v>
      </c>
      <c r="Q26385">
        <v>18</v>
      </c>
      <c r="R26385">
        <v>18</v>
      </c>
      <c r="S26385">
        <v>18</v>
      </c>
      <c r="T26385">
        <v>19</v>
      </c>
      <c r="U26385">
        <v>19</v>
      </c>
      <c r="V26385">
        <v>19</v>
      </c>
      <c r="W26385">
        <v>20</v>
      </c>
      <c r="X26385">
        <v>20</v>
      </c>
      <c r="Y26385">
        <v>21</v>
      </c>
      <c r="Z26385">
        <v>21</v>
      </c>
      <c r="AA26385">
        <v>21</v>
      </c>
      <c r="AB26385">
        <v>22</v>
      </c>
      <c r="AC26385">
        <v>22</v>
      </c>
      <c r="AD26385">
        <v>23</v>
      </c>
      <c r="AE26385">
        <v>23</v>
      </c>
      <c r="AF26385">
        <v>23</v>
      </c>
      <c r="AG26385">
        <v>24</v>
      </c>
      <c r="AH26385">
        <v>24</v>
      </c>
      <c r="AI26385">
        <v>25</v>
      </c>
      <c r="AJ26385">
        <v>25</v>
      </c>
      <c r="AK26385">
        <v>26</v>
      </c>
      <c r="AL26385">
        <v>26</v>
      </c>
      <c r="AM26385">
        <v>26</v>
      </c>
      <c r="AN26385">
        <v>26</v>
      </c>
      <c r="AO26385">
        <v>27</v>
      </c>
      <c r="AP26385">
        <v>27</v>
      </c>
      <c r="AQ26385">
        <v>27</v>
      </c>
    </row>
    <row r="26386" spans="1:43">
      <c r="A26386" t="s">
        <v>16337</v>
      </c>
      <c r="B26386" t="s">
        <v>16338</v>
      </c>
      <c r="C26386" t="s">
        <v>16339</v>
      </c>
      <c r="D26386" t="s">
        <v>16340</v>
      </c>
      <c r="E26386" t="s">
        <v>16245</v>
      </c>
      <c r="F26386" t="s">
        <v>16246</v>
      </c>
      <c r="G26386" t="s">
        <v>10734</v>
      </c>
      <c r="H26386" t="s">
        <v>10735</v>
      </c>
      <c r="I26386" s="2">
        <v>1</v>
      </c>
      <c r="J26386" s="2">
        <v>0</v>
      </c>
      <c r="K26386" s="2">
        <v>0</v>
      </c>
      <c r="L26386" t="s">
        <v>120</v>
      </c>
      <c r="M26386" t="s">
        <v>83</v>
      </c>
      <c r="N26386" t="s">
        <v>84</v>
      </c>
      <c r="O26386" t="s">
        <v>85</v>
      </c>
      <c r="P26386" t="s">
        <v>86</v>
      </c>
      <c r="Q26386">
        <v>7</v>
      </c>
      <c r="R26386">
        <v>7</v>
      </c>
      <c r="S26386">
        <v>7</v>
      </c>
      <c r="T26386">
        <v>7</v>
      </c>
      <c r="U26386">
        <v>7</v>
      </c>
      <c r="V26386">
        <v>7</v>
      </c>
      <c r="W26386">
        <v>7</v>
      </c>
      <c r="X26386">
        <v>8</v>
      </c>
      <c r="Y26386">
        <v>8</v>
      </c>
      <c r="Z26386">
        <v>8</v>
      </c>
      <c r="AA26386">
        <v>8</v>
      </c>
      <c r="AB26386">
        <v>8</v>
      </c>
      <c r="AC26386">
        <v>8</v>
      </c>
      <c r="AD26386">
        <v>8</v>
      </c>
      <c r="AE26386">
        <v>9</v>
      </c>
      <c r="AF26386">
        <v>9</v>
      </c>
      <c r="AG26386">
        <v>9</v>
      </c>
      <c r="AH26386">
        <v>9</v>
      </c>
      <c r="AI26386">
        <v>9</v>
      </c>
      <c r="AJ26386">
        <v>9</v>
      </c>
      <c r="AK26386">
        <v>9</v>
      </c>
      <c r="AL26386">
        <v>10</v>
      </c>
      <c r="AM26386">
        <v>10</v>
      </c>
      <c r="AN26386">
        <v>10</v>
      </c>
      <c r="AO26386">
        <v>10</v>
      </c>
      <c r="AP26386">
        <v>10</v>
      </c>
      <c r="AQ26386">
        <v>10</v>
      </c>
    </row>
    <row r="26387" spans="1:43">
      <c r="A26387" t="s">
        <v>16337</v>
      </c>
      <c r="B26387" t="s">
        <v>16338</v>
      </c>
      <c r="C26387" t="s">
        <v>16339</v>
      </c>
      <c r="D26387" t="s">
        <v>16340</v>
      </c>
      <c r="E26387" t="s">
        <v>16245</v>
      </c>
      <c r="F26387" t="s">
        <v>16246</v>
      </c>
      <c r="G26387" t="s">
        <v>10734</v>
      </c>
      <c r="H26387" t="s">
        <v>10735</v>
      </c>
      <c r="I26387" s="2">
        <v>1</v>
      </c>
      <c r="J26387" s="2">
        <v>0</v>
      </c>
      <c r="K26387" s="2">
        <v>0</v>
      </c>
      <c r="L26387" t="s">
        <v>120</v>
      </c>
      <c r="M26387" t="s">
        <v>87</v>
      </c>
      <c r="N26387" t="s">
        <v>88</v>
      </c>
      <c r="O26387" t="s">
        <v>85</v>
      </c>
      <c r="P26387" t="s">
        <v>86</v>
      </c>
      <c r="Q26387">
        <v>7</v>
      </c>
      <c r="R26387">
        <v>7</v>
      </c>
      <c r="S26387">
        <v>7</v>
      </c>
      <c r="T26387">
        <v>7</v>
      </c>
      <c r="U26387">
        <v>7</v>
      </c>
      <c r="V26387">
        <v>7</v>
      </c>
      <c r="W26387">
        <v>7</v>
      </c>
      <c r="X26387">
        <v>7</v>
      </c>
      <c r="Y26387">
        <v>7</v>
      </c>
      <c r="Z26387">
        <v>7</v>
      </c>
      <c r="AA26387">
        <v>7</v>
      </c>
      <c r="AB26387">
        <v>7</v>
      </c>
      <c r="AC26387">
        <v>7</v>
      </c>
      <c r="AD26387">
        <v>8</v>
      </c>
      <c r="AE26387">
        <v>8</v>
      </c>
      <c r="AF26387">
        <v>8</v>
      </c>
      <c r="AG26387">
        <v>8</v>
      </c>
      <c r="AH26387">
        <v>8</v>
      </c>
      <c r="AI26387">
        <v>8</v>
      </c>
      <c r="AJ26387">
        <v>8</v>
      </c>
      <c r="AK26387">
        <v>8</v>
      </c>
      <c r="AL26387">
        <v>8</v>
      </c>
      <c r="AM26387">
        <v>8</v>
      </c>
      <c r="AN26387">
        <v>8</v>
      </c>
      <c r="AO26387">
        <v>9</v>
      </c>
      <c r="AP26387">
        <v>9</v>
      </c>
      <c r="AQ26387">
        <v>9</v>
      </c>
    </row>
    <row r="26388" spans="1:43">
      <c r="A26388" t="s">
        <v>16337</v>
      </c>
      <c r="B26388" t="s">
        <v>16338</v>
      </c>
      <c r="C26388" t="s">
        <v>16339</v>
      </c>
      <c r="D26388" t="s">
        <v>16340</v>
      </c>
      <c r="E26388" t="s">
        <v>16245</v>
      </c>
      <c r="F26388" t="s">
        <v>16246</v>
      </c>
      <c r="G26388" t="s">
        <v>10734</v>
      </c>
      <c r="H26388" t="s">
        <v>10735</v>
      </c>
      <c r="I26388" s="2">
        <v>1</v>
      </c>
      <c r="J26388" s="2">
        <v>0</v>
      </c>
      <c r="K26388" s="2">
        <v>0</v>
      </c>
      <c r="L26388" t="s">
        <v>120</v>
      </c>
      <c r="M26388" t="s">
        <v>89</v>
      </c>
      <c r="N26388" t="s">
        <v>90</v>
      </c>
      <c r="O26388" t="s">
        <v>85</v>
      </c>
      <c r="P26388" t="s">
        <v>86</v>
      </c>
      <c r="Q26388">
        <v>7</v>
      </c>
      <c r="R26388">
        <v>7</v>
      </c>
      <c r="S26388">
        <v>7</v>
      </c>
      <c r="T26388">
        <v>7</v>
      </c>
      <c r="U26388">
        <v>7</v>
      </c>
      <c r="V26388">
        <v>8</v>
      </c>
      <c r="W26388">
        <v>8</v>
      </c>
      <c r="X26388">
        <v>8</v>
      </c>
      <c r="Y26388">
        <v>8</v>
      </c>
      <c r="Z26388">
        <v>8</v>
      </c>
      <c r="AA26388">
        <v>8</v>
      </c>
      <c r="AB26388">
        <v>9</v>
      </c>
      <c r="AC26388">
        <v>9</v>
      </c>
      <c r="AD26388">
        <v>9</v>
      </c>
      <c r="AE26388">
        <v>9</v>
      </c>
      <c r="AF26388">
        <v>9</v>
      </c>
      <c r="AG26388">
        <v>9</v>
      </c>
      <c r="AH26388">
        <v>9</v>
      </c>
      <c r="AI26388">
        <v>9</v>
      </c>
      <c r="AJ26388">
        <v>10</v>
      </c>
      <c r="AK26388">
        <v>10</v>
      </c>
      <c r="AL26388">
        <v>10</v>
      </c>
      <c r="AM26388">
        <v>10</v>
      </c>
      <c r="AN26388">
        <v>10</v>
      </c>
      <c r="AO26388">
        <v>10</v>
      </c>
      <c r="AP26388">
        <v>10</v>
      </c>
      <c r="AQ26388">
        <v>10</v>
      </c>
    </row>
    <row r="26389" spans="1:43">
      <c r="A26389" t="s">
        <v>16337</v>
      </c>
      <c r="B26389" t="s">
        <v>16338</v>
      </c>
      <c r="C26389" t="s">
        <v>16339</v>
      </c>
      <c r="D26389" t="s">
        <v>16340</v>
      </c>
      <c r="E26389" t="s">
        <v>16245</v>
      </c>
      <c r="F26389" t="s">
        <v>16246</v>
      </c>
      <c r="G26389" t="s">
        <v>10734</v>
      </c>
      <c r="H26389" t="s">
        <v>10735</v>
      </c>
      <c r="I26389" s="2">
        <v>1</v>
      </c>
      <c r="J26389" s="2">
        <v>0</v>
      </c>
      <c r="K26389" s="2">
        <v>0</v>
      </c>
      <c r="L26389" t="s">
        <v>120</v>
      </c>
      <c r="M26389" t="s">
        <v>83</v>
      </c>
      <c r="N26389" t="s">
        <v>91</v>
      </c>
      <c r="O26389" t="s">
        <v>85</v>
      </c>
      <c r="P26389" t="s">
        <v>86</v>
      </c>
      <c r="Q26389">
        <v>7</v>
      </c>
      <c r="R26389">
        <v>7</v>
      </c>
      <c r="S26389">
        <v>7</v>
      </c>
      <c r="T26389">
        <v>7</v>
      </c>
      <c r="U26389">
        <v>7</v>
      </c>
      <c r="V26389">
        <v>7</v>
      </c>
      <c r="W26389">
        <v>7</v>
      </c>
      <c r="X26389">
        <v>8</v>
      </c>
      <c r="Y26389">
        <v>8</v>
      </c>
      <c r="Z26389">
        <v>8</v>
      </c>
      <c r="AA26389">
        <v>8</v>
      </c>
      <c r="AB26389">
        <v>8</v>
      </c>
      <c r="AC26389">
        <v>8</v>
      </c>
      <c r="AD26389">
        <v>8</v>
      </c>
      <c r="AE26389">
        <v>9</v>
      </c>
      <c r="AF26389">
        <v>9</v>
      </c>
      <c r="AG26389">
        <v>9</v>
      </c>
      <c r="AH26389">
        <v>9</v>
      </c>
      <c r="AI26389">
        <v>9</v>
      </c>
      <c r="AJ26389">
        <v>9</v>
      </c>
      <c r="AK26389">
        <v>9</v>
      </c>
      <c r="AL26389">
        <v>10</v>
      </c>
      <c r="AM26389">
        <v>10</v>
      </c>
      <c r="AN26389">
        <v>10</v>
      </c>
      <c r="AO26389">
        <v>10</v>
      </c>
      <c r="AP26389">
        <v>10</v>
      </c>
      <c r="AQ26389">
        <v>10</v>
      </c>
    </row>
    <row r="26390" spans="1:43">
      <c r="A26390" t="s">
        <v>16341</v>
      </c>
      <c r="B26390" t="s">
        <v>16342</v>
      </c>
      <c r="C26390" t="s">
        <v>16331</v>
      </c>
      <c r="D26390" t="s">
        <v>16332</v>
      </c>
      <c r="E26390" t="s">
        <v>16245</v>
      </c>
      <c r="F26390" t="s">
        <v>16246</v>
      </c>
      <c r="G26390" t="s">
        <v>10734</v>
      </c>
      <c r="H26390" t="s">
        <v>10735</v>
      </c>
      <c r="I26390" s="2">
        <v>1</v>
      </c>
      <c r="J26390" s="2">
        <v>0</v>
      </c>
      <c r="K26390" s="2">
        <v>0</v>
      </c>
      <c r="L26390" t="s">
        <v>120</v>
      </c>
      <c r="M26390" t="s">
        <v>83</v>
      </c>
      <c r="N26390" t="s">
        <v>84</v>
      </c>
      <c r="O26390" t="s">
        <v>85</v>
      </c>
      <c r="P26390" t="s">
        <v>86</v>
      </c>
      <c r="Q26390">
        <v>79</v>
      </c>
      <c r="R26390">
        <v>81</v>
      </c>
      <c r="S26390">
        <v>83</v>
      </c>
      <c r="T26390">
        <v>84</v>
      </c>
      <c r="U26390">
        <v>86</v>
      </c>
      <c r="V26390">
        <v>88</v>
      </c>
      <c r="W26390">
        <v>89</v>
      </c>
      <c r="X26390">
        <v>91</v>
      </c>
      <c r="Y26390">
        <v>93</v>
      </c>
      <c r="Z26390">
        <v>94</v>
      </c>
      <c r="AA26390">
        <v>96</v>
      </c>
      <c r="AB26390">
        <v>98</v>
      </c>
      <c r="AC26390">
        <v>100</v>
      </c>
      <c r="AD26390">
        <v>102</v>
      </c>
      <c r="AE26390">
        <v>103</v>
      </c>
      <c r="AF26390">
        <v>105</v>
      </c>
      <c r="AG26390">
        <v>107</v>
      </c>
      <c r="AH26390">
        <v>109</v>
      </c>
      <c r="AI26390">
        <v>111</v>
      </c>
      <c r="AJ26390">
        <v>113</v>
      </c>
      <c r="AK26390">
        <v>115</v>
      </c>
      <c r="AL26390">
        <v>117</v>
      </c>
      <c r="AM26390">
        <v>118</v>
      </c>
      <c r="AN26390">
        <v>119</v>
      </c>
      <c r="AO26390">
        <v>120</v>
      </c>
      <c r="AP26390">
        <v>121</v>
      </c>
      <c r="AQ26390">
        <v>122</v>
      </c>
    </row>
    <row r="26391" spans="1:43">
      <c r="A26391" t="s">
        <v>16341</v>
      </c>
      <c r="B26391" t="s">
        <v>16342</v>
      </c>
      <c r="C26391" t="s">
        <v>16331</v>
      </c>
      <c r="D26391" t="s">
        <v>16332</v>
      </c>
      <c r="E26391" t="s">
        <v>16245</v>
      </c>
      <c r="F26391" t="s">
        <v>16246</v>
      </c>
      <c r="G26391" t="s">
        <v>10734</v>
      </c>
      <c r="H26391" t="s">
        <v>10735</v>
      </c>
      <c r="I26391" s="2">
        <v>1</v>
      </c>
      <c r="J26391" s="2">
        <v>0</v>
      </c>
      <c r="K26391" s="2">
        <v>0</v>
      </c>
      <c r="L26391" t="s">
        <v>120</v>
      </c>
      <c r="M26391" t="s">
        <v>87</v>
      </c>
      <c r="N26391" t="s">
        <v>88</v>
      </c>
      <c r="O26391" t="s">
        <v>85</v>
      </c>
      <c r="P26391" t="s">
        <v>86</v>
      </c>
      <c r="Q26391">
        <v>79</v>
      </c>
      <c r="R26391">
        <v>80</v>
      </c>
      <c r="S26391">
        <v>80</v>
      </c>
      <c r="T26391">
        <v>81</v>
      </c>
      <c r="U26391">
        <v>82</v>
      </c>
      <c r="V26391">
        <v>83</v>
      </c>
      <c r="W26391">
        <v>84</v>
      </c>
      <c r="X26391">
        <v>85</v>
      </c>
      <c r="Y26391">
        <v>86</v>
      </c>
      <c r="Z26391">
        <v>87</v>
      </c>
      <c r="AA26391">
        <v>88</v>
      </c>
      <c r="AB26391">
        <v>89</v>
      </c>
      <c r="AC26391">
        <v>90</v>
      </c>
      <c r="AD26391">
        <v>91</v>
      </c>
      <c r="AE26391">
        <v>92</v>
      </c>
      <c r="AF26391">
        <v>93</v>
      </c>
      <c r="AG26391">
        <v>94</v>
      </c>
      <c r="AH26391">
        <v>95</v>
      </c>
      <c r="AI26391">
        <v>96</v>
      </c>
      <c r="AJ26391">
        <v>97</v>
      </c>
      <c r="AK26391">
        <v>98</v>
      </c>
      <c r="AL26391">
        <v>99</v>
      </c>
      <c r="AM26391">
        <v>101</v>
      </c>
      <c r="AN26391">
        <v>102</v>
      </c>
      <c r="AO26391">
        <v>103</v>
      </c>
      <c r="AP26391">
        <v>104</v>
      </c>
      <c r="AQ26391">
        <v>106</v>
      </c>
    </row>
    <row r="26392" spans="1:43">
      <c r="A26392" t="s">
        <v>16341</v>
      </c>
      <c r="B26392" t="s">
        <v>16342</v>
      </c>
      <c r="C26392" t="s">
        <v>16331</v>
      </c>
      <c r="D26392" t="s">
        <v>16332</v>
      </c>
      <c r="E26392" t="s">
        <v>16245</v>
      </c>
      <c r="F26392" t="s">
        <v>16246</v>
      </c>
      <c r="G26392" t="s">
        <v>10734</v>
      </c>
      <c r="H26392" t="s">
        <v>10735</v>
      </c>
      <c r="I26392" s="2">
        <v>1</v>
      </c>
      <c r="J26392" s="2">
        <v>0</v>
      </c>
      <c r="K26392" s="2">
        <v>0</v>
      </c>
      <c r="L26392" t="s">
        <v>120</v>
      </c>
      <c r="M26392" t="s">
        <v>89</v>
      </c>
      <c r="N26392" t="s">
        <v>90</v>
      </c>
      <c r="O26392" t="s">
        <v>85</v>
      </c>
      <c r="P26392" t="s">
        <v>86</v>
      </c>
      <c r="Q26392">
        <v>79</v>
      </c>
      <c r="R26392">
        <v>82</v>
      </c>
      <c r="S26392">
        <v>84</v>
      </c>
      <c r="T26392">
        <v>86</v>
      </c>
      <c r="U26392">
        <v>88</v>
      </c>
      <c r="V26392">
        <v>91</v>
      </c>
      <c r="W26392">
        <v>93</v>
      </c>
      <c r="X26392">
        <v>95</v>
      </c>
      <c r="Y26392">
        <v>97</v>
      </c>
      <c r="Z26392">
        <v>99</v>
      </c>
      <c r="AA26392">
        <v>101</v>
      </c>
      <c r="AB26392">
        <v>104</v>
      </c>
      <c r="AC26392">
        <v>106</v>
      </c>
      <c r="AD26392">
        <v>108</v>
      </c>
      <c r="AE26392">
        <v>110</v>
      </c>
      <c r="AF26392">
        <v>111</v>
      </c>
      <c r="AG26392">
        <v>112</v>
      </c>
      <c r="AH26392">
        <v>113</v>
      </c>
      <c r="AI26392">
        <v>114</v>
      </c>
      <c r="AJ26392">
        <v>115</v>
      </c>
      <c r="AK26392">
        <v>116</v>
      </c>
      <c r="AL26392">
        <v>117</v>
      </c>
      <c r="AM26392">
        <v>118</v>
      </c>
      <c r="AN26392">
        <v>119</v>
      </c>
      <c r="AO26392">
        <v>121</v>
      </c>
      <c r="AP26392">
        <v>122</v>
      </c>
      <c r="AQ26392">
        <v>123</v>
      </c>
    </row>
    <row r="26393" spans="1:43">
      <c r="A26393" t="s">
        <v>16341</v>
      </c>
      <c r="B26393" t="s">
        <v>16342</v>
      </c>
      <c r="C26393" t="s">
        <v>16331</v>
      </c>
      <c r="D26393" t="s">
        <v>16332</v>
      </c>
      <c r="E26393" t="s">
        <v>16245</v>
      </c>
      <c r="F26393" t="s">
        <v>16246</v>
      </c>
      <c r="G26393" t="s">
        <v>10734</v>
      </c>
      <c r="H26393" t="s">
        <v>10735</v>
      </c>
      <c r="I26393" s="2">
        <v>1</v>
      </c>
      <c r="J26393" s="2">
        <v>0</v>
      </c>
      <c r="K26393" s="2">
        <v>0</v>
      </c>
      <c r="L26393" t="s">
        <v>120</v>
      </c>
      <c r="M26393" t="s">
        <v>83</v>
      </c>
      <c r="N26393" t="s">
        <v>91</v>
      </c>
      <c r="O26393" t="s">
        <v>85</v>
      </c>
      <c r="P26393" t="s">
        <v>86</v>
      </c>
      <c r="Q26393">
        <v>79</v>
      </c>
      <c r="R26393">
        <v>81</v>
      </c>
      <c r="S26393">
        <v>83</v>
      </c>
      <c r="T26393">
        <v>84</v>
      </c>
      <c r="U26393">
        <v>86</v>
      </c>
      <c r="V26393">
        <v>88</v>
      </c>
      <c r="W26393">
        <v>89</v>
      </c>
      <c r="X26393">
        <v>91</v>
      </c>
      <c r="Y26393">
        <v>93</v>
      </c>
      <c r="Z26393">
        <v>94</v>
      </c>
      <c r="AA26393">
        <v>96</v>
      </c>
      <c r="AB26393">
        <v>98</v>
      </c>
      <c r="AC26393">
        <v>100</v>
      </c>
      <c r="AD26393">
        <v>102</v>
      </c>
      <c r="AE26393">
        <v>103</v>
      </c>
      <c r="AF26393">
        <v>105</v>
      </c>
      <c r="AG26393">
        <v>107</v>
      </c>
      <c r="AH26393">
        <v>109</v>
      </c>
      <c r="AI26393">
        <v>111</v>
      </c>
      <c r="AJ26393">
        <v>113</v>
      </c>
      <c r="AK26393">
        <v>115</v>
      </c>
      <c r="AL26393">
        <v>117</v>
      </c>
      <c r="AM26393">
        <v>118</v>
      </c>
      <c r="AN26393">
        <v>119</v>
      </c>
      <c r="AO26393">
        <v>120</v>
      </c>
      <c r="AP26393">
        <v>121</v>
      </c>
      <c r="AQ26393">
        <v>122</v>
      </c>
    </row>
    <row r="26394" spans="1:43">
      <c r="A26394" t="s">
        <v>16343</v>
      </c>
      <c r="B26394" t="s">
        <v>16344</v>
      </c>
      <c r="C26394" t="s">
        <v>16317</v>
      </c>
      <c r="D26394" t="s">
        <v>16318</v>
      </c>
      <c r="E26394" t="s">
        <v>16245</v>
      </c>
      <c r="F26394" t="s">
        <v>16246</v>
      </c>
      <c r="G26394" t="s">
        <v>10734</v>
      </c>
      <c r="H26394" t="s">
        <v>10735</v>
      </c>
      <c r="I26394" s="2">
        <v>1</v>
      </c>
      <c r="J26394" s="2">
        <v>0</v>
      </c>
      <c r="K26394" s="2">
        <v>0</v>
      </c>
      <c r="L26394" t="s">
        <v>120</v>
      </c>
      <c r="M26394" t="s">
        <v>83</v>
      </c>
      <c r="N26394" t="s">
        <v>84</v>
      </c>
      <c r="O26394" t="s">
        <v>85</v>
      </c>
      <c r="P26394" t="s">
        <v>86</v>
      </c>
      <c r="Q26394">
        <v>4</v>
      </c>
      <c r="R26394">
        <v>4</v>
      </c>
      <c r="S26394">
        <v>5</v>
      </c>
      <c r="T26394">
        <v>5</v>
      </c>
      <c r="U26394">
        <v>5</v>
      </c>
      <c r="V26394">
        <v>5</v>
      </c>
      <c r="W26394">
        <v>5</v>
      </c>
      <c r="X26394">
        <v>5</v>
      </c>
      <c r="Y26394">
        <v>5</v>
      </c>
      <c r="Z26394">
        <v>5</v>
      </c>
      <c r="AA26394">
        <v>5</v>
      </c>
      <c r="AB26394">
        <v>5</v>
      </c>
      <c r="AC26394">
        <v>5</v>
      </c>
      <c r="AD26394">
        <v>6</v>
      </c>
      <c r="AE26394">
        <v>6</v>
      </c>
      <c r="AF26394">
        <v>6</v>
      </c>
      <c r="AG26394">
        <v>6</v>
      </c>
      <c r="AH26394">
        <v>6</v>
      </c>
      <c r="AI26394">
        <v>6</v>
      </c>
      <c r="AJ26394">
        <v>6</v>
      </c>
      <c r="AK26394">
        <v>6</v>
      </c>
      <c r="AL26394">
        <v>6</v>
      </c>
      <c r="AM26394">
        <v>6</v>
      </c>
      <c r="AN26394">
        <v>6</v>
      </c>
      <c r="AO26394">
        <v>7</v>
      </c>
      <c r="AP26394">
        <v>7</v>
      </c>
      <c r="AQ26394">
        <v>7</v>
      </c>
    </row>
    <row r="26395" spans="1:43">
      <c r="A26395" t="s">
        <v>16343</v>
      </c>
      <c r="B26395" t="s">
        <v>16344</v>
      </c>
      <c r="C26395" t="s">
        <v>16317</v>
      </c>
      <c r="D26395" t="s">
        <v>16318</v>
      </c>
      <c r="E26395" t="s">
        <v>16245</v>
      </c>
      <c r="F26395" t="s">
        <v>16246</v>
      </c>
      <c r="G26395" t="s">
        <v>10734</v>
      </c>
      <c r="H26395" t="s">
        <v>10735</v>
      </c>
      <c r="I26395" s="2">
        <v>1</v>
      </c>
      <c r="J26395" s="2">
        <v>0</v>
      </c>
      <c r="K26395" s="2">
        <v>0</v>
      </c>
      <c r="L26395" t="s">
        <v>120</v>
      </c>
      <c r="M26395" t="s">
        <v>87</v>
      </c>
      <c r="N26395" t="s">
        <v>88</v>
      </c>
      <c r="O26395" t="s">
        <v>85</v>
      </c>
      <c r="P26395" t="s">
        <v>86</v>
      </c>
      <c r="Q26395">
        <v>4</v>
      </c>
      <c r="R26395">
        <v>4</v>
      </c>
      <c r="S26395">
        <v>4</v>
      </c>
      <c r="T26395">
        <v>4</v>
      </c>
      <c r="U26395">
        <v>5</v>
      </c>
      <c r="V26395">
        <v>5</v>
      </c>
      <c r="W26395">
        <v>5</v>
      </c>
      <c r="X26395">
        <v>5</v>
      </c>
      <c r="Y26395">
        <v>5</v>
      </c>
      <c r="Z26395">
        <v>5</v>
      </c>
      <c r="AA26395">
        <v>5</v>
      </c>
      <c r="AB26395">
        <v>5</v>
      </c>
      <c r="AC26395">
        <v>5</v>
      </c>
      <c r="AD26395">
        <v>5</v>
      </c>
      <c r="AE26395">
        <v>5</v>
      </c>
      <c r="AF26395">
        <v>5</v>
      </c>
      <c r="AG26395">
        <v>5</v>
      </c>
      <c r="AH26395">
        <v>5</v>
      </c>
      <c r="AI26395">
        <v>5</v>
      </c>
      <c r="AJ26395">
        <v>5</v>
      </c>
      <c r="AK26395">
        <v>5</v>
      </c>
      <c r="AL26395">
        <v>5</v>
      </c>
      <c r="AM26395">
        <v>6</v>
      </c>
      <c r="AN26395">
        <v>6</v>
      </c>
      <c r="AO26395">
        <v>6</v>
      </c>
      <c r="AP26395">
        <v>6</v>
      </c>
      <c r="AQ26395">
        <v>6</v>
      </c>
    </row>
    <row r="26396" spans="1:43">
      <c r="A26396" t="s">
        <v>16343</v>
      </c>
      <c r="B26396" t="s">
        <v>16344</v>
      </c>
      <c r="C26396" t="s">
        <v>16317</v>
      </c>
      <c r="D26396" t="s">
        <v>16318</v>
      </c>
      <c r="E26396" t="s">
        <v>16245</v>
      </c>
      <c r="F26396" t="s">
        <v>16246</v>
      </c>
      <c r="G26396" t="s">
        <v>10734</v>
      </c>
      <c r="H26396" t="s">
        <v>10735</v>
      </c>
      <c r="I26396" s="2">
        <v>1</v>
      </c>
      <c r="J26396" s="2">
        <v>0</v>
      </c>
      <c r="K26396" s="2">
        <v>0</v>
      </c>
      <c r="L26396" t="s">
        <v>120</v>
      </c>
      <c r="M26396" t="s">
        <v>89</v>
      </c>
      <c r="N26396" t="s">
        <v>90</v>
      </c>
      <c r="O26396" t="s">
        <v>85</v>
      </c>
      <c r="P26396" t="s">
        <v>86</v>
      </c>
      <c r="Q26396">
        <v>4</v>
      </c>
      <c r="R26396">
        <v>5</v>
      </c>
      <c r="S26396">
        <v>5</v>
      </c>
      <c r="T26396">
        <v>5</v>
      </c>
      <c r="U26396">
        <v>5</v>
      </c>
      <c r="V26396">
        <v>5</v>
      </c>
      <c r="W26396">
        <v>5</v>
      </c>
      <c r="X26396">
        <v>5</v>
      </c>
      <c r="Y26396">
        <v>5</v>
      </c>
      <c r="Z26396">
        <v>5</v>
      </c>
      <c r="AA26396">
        <v>6</v>
      </c>
      <c r="AB26396">
        <v>6</v>
      </c>
      <c r="AC26396">
        <v>6</v>
      </c>
      <c r="AD26396">
        <v>6</v>
      </c>
      <c r="AE26396">
        <v>6</v>
      </c>
      <c r="AF26396">
        <v>6</v>
      </c>
      <c r="AG26396">
        <v>6</v>
      </c>
      <c r="AH26396">
        <v>6</v>
      </c>
      <c r="AI26396">
        <v>6</v>
      </c>
      <c r="AJ26396">
        <v>6</v>
      </c>
      <c r="AK26396">
        <v>6</v>
      </c>
      <c r="AL26396">
        <v>6</v>
      </c>
      <c r="AM26396">
        <v>6</v>
      </c>
      <c r="AN26396">
        <v>7</v>
      </c>
      <c r="AO26396">
        <v>7</v>
      </c>
      <c r="AP26396">
        <v>7</v>
      </c>
      <c r="AQ26396">
        <v>7</v>
      </c>
    </row>
    <row r="26397" spans="1:43">
      <c r="A26397" t="s">
        <v>16343</v>
      </c>
      <c r="B26397" t="s">
        <v>16344</v>
      </c>
      <c r="C26397" t="s">
        <v>16317</v>
      </c>
      <c r="D26397" t="s">
        <v>16318</v>
      </c>
      <c r="E26397" t="s">
        <v>16245</v>
      </c>
      <c r="F26397" t="s">
        <v>16246</v>
      </c>
      <c r="G26397" t="s">
        <v>10734</v>
      </c>
      <c r="H26397" t="s">
        <v>10735</v>
      </c>
      <c r="I26397" s="2">
        <v>1</v>
      </c>
      <c r="J26397" s="2">
        <v>0</v>
      </c>
      <c r="K26397" s="2">
        <v>0</v>
      </c>
      <c r="L26397" t="s">
        <v>120</v>
      </c>
      <c r="M26397" t="s">
        <v>83</v>
      </c>
      <c r="N26397" t="s">
        <v>91</v>
      </c>
      <c r="O26397" t="s">
        <v>85</v>
      </c>
      <c r="P26397" t="s">
        <v>86</v>
      </c>
      <c r="Q26397">
        <v>4</v>
      </c>
      <c r="R26397">
        <v>4</v>
      </c>
      <c r="S26397">
        <v>5</v>
      </c>
      <c r="T26397">
        <v>5</v>
      </c>
      <c r="U26397">
        <v>5</v>
      </c>
      <c r="V26397">
        <v>5</v>
      </c>
      <c r="W26397">
        <v>5</v>
      </c>
      <c r="X26397">
        <v>5</v>
      </c>
      <c r="Y26397">
        <v>5</v>
      </c>
      <c r="Z26397">
        <v>5</v>
      </c>
      <c r="AA26397">
        <v>5</v>
      </c>
      <c r="AB26397">
        <v>5</v>
      </c>
      <c r="AC26397">
        <v>5</v>
      </c>
      <c r="AD26397">
        <v>6</v>
      </c>
      <c r="AE26397">
        <v>6</v>
      </c>
      <c r="AF26397">
        <v>6</v>
      </c>
      <c r="AG26397">
        <v>6</v>
      </c>
      <c r="AH26397">
        <v>6</v>
      </c>
      <c r="AI26397">
        <v>6</v>
      </c>
      <c r="AJ26397">
        <v>6</v>
      </c>
      <c r="AK26397">
        <v>6</v>
      </c>
      <c r="AL26397">
        <v>6</v>
      </c>
      <c r="AM26397">
        <v>6</v>
      </c>
      <c r="AN26397">
        <v>6</v>
      </c>
      <c r="AO26397">
        <v>7</v>
      </c>
      <c r="AP26397">
        <v>7</v>
      </c>
      <c r="AQ26397">
        <v>7</v>
      </c>
    </row>
    <row r="26398" spans="1:43">
      <c r="A26398" t="s">
        <v>16345</v>
      </c>
      <c r="B26398" t="s">
        <v>16346</v>
      </c>
      <c r="C26398" t="s">
        <v>16317</v>
      </c>
      <c r="D26398" t="s">
        <v>16318</v>
      </c>
      <c r="E26398" t="s">
        <v>16245</v>
      </c>
      <c r="F26398" t="s">
        <v>16246</v>
      </c>
      <c r="G26398" t="s">
        <v>10734</v>
      </c>
      <c r="H26398" t="s">
        <v>10735</v>
      </c>
      <c r="I26398" s="2">
        <v>1</v>
      </c>
      <c r="J26398" s="2">
        <v>0</v>
      </c>
      <c r="K26398" s="2">
        <v>0</v>
      </c>
      <c r="L26398" t="s">
        <v>120</v>
      </c>
      <c r="M26398" t="s">
        <v>83</v>
      </c>
      <c r="N26398" t="s">
        <v>84</v>
      </c>
      <c r="O26398" t="s">
        <v>85</v>
      </c>
      <c r="P26398" t="s">
        <v>86</v>
      </c>
      <c r="Q26398">
        <v>16</v>
      </c>
      <c r="R26398">
        <v>17</v>
      </c>
      <c r="S26398">
        <v>17</v>
      </c>
      <c r="T26398">
        <v>17</v>
      </c>
      <c r="U26398">
        <v>17</v>
      </c>
      <c r="V26398">
        <v>18</v>
      </c>
      <c r="W26398">
        <v>18</v>
      </c>
      <c r="X26398">
        <v>18</v>
      </c>
      <c r="Y26398">
        <v>18</v>
      </c>
      <c r="Z26398">
        <v>18</v>
      </c>
      <c r="AA26398">
        <v>19</v>
      </c>
      <c r="AB26398">
        <v>19</v>
      </c>
      <c r="AC26398">
        <v>19</v>
      </c>
      <c r="AD26398">
        <v>19</v>
      </c>
      <c r="AE26398">
        <v>19</v>
      </c>
      <c r="AF26398">
        <v>20</v>
      </c>
      <c r="AG26398">
        <v>20</v>
      </c>
      <c r="AH26398">
        <v>20</v>
      </c>
      <c r="AI26398">
        <v>20</v>
      </c>
      <c r="AJ26398">
        <v>20</v>
      </c>
      <c r="AK26398">
        <v>21</v>
      </c>
      <c r="AL26398">
        <v>21</v>
      </c>
      <c r="AM26398">
        <v>21</v>
      </c>
      <c r="AN26398">
        <v>21</v>
      </c>
      <c r="AO26398">
        <v>21</v>
      </c>
      <c r="AP26398">
        <v>21</v>
      </c>
      <c r="AQ26398">
        <v>21</v>
      </c>
    </row>
    <row r="26399" spans="1:43">
      <c r="A26399" t="s">
        <v>16345</v>
      </c>
      <c r="B26399" t="s">
        <v>16346</v>
      </c>
      <c r="C26399" t="s">
        <v>16317</v>
      </c>
      <c r="D26399" t="s">
        <v>16318</v>
      </c>
      <c r="E26399" t="s">
        <v>16245</v>
      </c>
      <c r="F26399" t="s">
        <v>16246</v>
      </c>
      <c r="G26399" t="s">
        <v>10734</v>
      </c>
      <c r="H26399" t="s">
        <v>10735</v>
      </c>
      <c r="I26399" s="2">
        <v>1</v>
      </c>
      <c r="J26399" s="2">
        <v>0</v>
      </c>
      <c r="K26399" s="2">
        <v>0</v>
      </c>
      <c r="L26399" t="s">
        <v>120</v>
      </c>
      <c r="M26399" t="s">
        <v>87</v>
      </c>
      <c r="N26399" t="s">
        <v>88</v>
      </c>
      <c r="O26399" t="s">
        <v>85</v>
      </c>
      <c r="P26399" t="s">
        <v>86</v>
      </c>
      <c r="Q26399">
        <v>16</v>
      </c>
      <c r="R26399">
        <v>16</v>
      </c>
      <c r="S26399">
        <v>16</v>
      </c>
      <c r="T26399">
        <v>16</v>
      </c>
      <c r="U26399">
        <v>17</v>
      </c>
      <c r="V26399">
        <v>17</v>
      </c>
      <c r="W26399">
        <v>17</v>
      </c>
      <c r="X26399">
        <v>17</v>
      </c>
      <c r="Y26399">
        <v>17</v>
      </c>
      <c r="Z26399">
        <v>17</v>
      </c>
      <c r="AA26399">
        <v>17</v>
      </c>
      <c r="AB26399">
        <v>17</v>
      </c>
      <c r="AC26399">
        <v>17</v>
      </c>
      <c r="AD26399">
        <v>17</v>
      </c>
      <c r="AE26399">
        <v>17</v>
      </c>
      <c r="AF26399">
        <v>17</v>
      </c>
      <c r="AG26399">
        <v>17</v>
      </c>
      <c r="AH26399">
        <v>17</v>
      </c>
      <c r="AI26399">
        <v>18</v>
      </c>
      <c r="AJ26399">
        <v>18</v>
      </c>
      <c r="AK26399">
        <v>18</v>
      </c>
      <c r="AL26399">
        <v>18</v>
      </c>
      <c r="AM26399">
        <v>18</v>
      </c>
      <c r="AN26399">
        <v>18</v>
      </c>
      <c r="AO26399">
        <v>18</v>
      </c>
      <c r="AP26399">
        <v>18</v>
      </c>
      <c r="AQ26399">
        <v>18</v>
      </c>
    </row>
    <row r="26400" spans="1:43">
      <c r="A26400" t="s">
        <v>16345</v>
      </c>
      <c r="B26400" t="s">
        <v>16346</v>
      </c>
      <c r="C26400" t="s">
        <v>16317</v>
      </c>
      <c r="D26400" t="s">
        <v>16318</v>
      </c>
      <c r="E26400" t="s">
        <v>16245</v>
      </c>
      <c r="F26400" t="s">
        <v>16246</v>
      </c>
      <c r="G26400" t="s">
        <v>10734</v>
      </c>
      <c r="H26400" t="s">
        <v>10735</v>
      </c>
      <c r="I26400" s="2">
        <v>1</v>
      </c>
      <c r="J26400" s="2">
        <v>0</v>
      </c>
      <c r="K26400" s="2">
        <v>0</v>
      </c>
      <c r="L26400" t="s">
        <v>120</v>
      </c>
      <c r="M26400" t="s">
        <v>89</v>
      </c>
      <c r="N26400" t="s">
        <v>90</v>
      </c>
      <c r="O26400" t="s">
        <v>85</v>
      </c>
      <c r="P26400" t="s">
        <v>86</v>
      </c>
      <c r="Q26400">
        <v>16</v>
      </c>
      <c r="R26400">
        <v>16</v>
      </c>
      <c r="S26400">
        <v>16</v>
      </c>
      <c r="T26400">
        <v>17</v>
      </c>
      <c r="U26400">
        <v>17</v>
      </c>
      <c r="V26400">
        <v>17</v>
      </c>
      <c r="W26400">
        <v>18</v>
      </c>
      <c r="X26400">
        <v>18</v>
      </c>
      <c r="Y26400">
        <v>18</v>
      </c>
      <c r="Z26400">
        <v>18</v>
      </c>
      <c r="AA26400">
        <v>19</v>
      </c>
      <c r="AB26400">
        <v>19</v>
      </c>
      <c r="AC26400">
        <v>19</v>
      </c>
      <c r="AD26400">
        <v>20</v>
      </c>
      <c r="AE26400">
        <v>20</v>
      </c>
      <c r="AF26400">
        <v>20</v>
      </c>
      <c r="AG26400">
        <v>20</v>
      </c>
      <c r="AH26400">
        <v>20</v>
      </c>
      <c r="AI26400">
        <v>20</v>
      </c>
      <c r="AJ26400">
        <v>20</v>
      </c>
      <c r="AK26400">
        <v>20</v>
      </c>
      <c r="AL26400">
        <v>20</v>
      </c>
      <c r="AM26400">
        <v>20</v>
      </c>
      <c r="AN26400">
        <v>20</v>
      </c>
      <c r="AO26400">
        <v>20</v>
      </c>
      <c r="AP26400">
        <v>20</v>
      </c>
      <c r="AQ26400">
        <v>20</v>
      </c>
    </row>
    <row r="26401" spans="1:43">
      <c r="A26401" t="s">
        <v>16345</v>
      </c>
      <c r="B26401" t="s">
        <v>16346</v>
      </c>
      <c r="C26401" t="s">
        <v>16317</v>
      </c>
      <c r="D26401" t="s">
        <v>16318</v>
      </c>
      <c r="E26401" t="s">
        <v>16245</v>
      </c>
      <c r="F26401" t="s">
        <v>16246</v>
      </c>
      <c r="G26401" t="s">
        <v>10734</v>
      </c>
      <c r="H26401" t="s">
        <v>10735</v>
      </c>
      <c r="I26401" s="2">
        <v>1</v>
      </c>
      <c r="J26401" s="2">
        <v>0</v>
      </c>
      <c r="K26401" s="2">
        <v>0</v>
      </c>
      <c r="L26401" t="s">
        <v>120</v>
      </c>
      <c r="M26401" t="s">
        <v>83</v>
      </c>
      <c r="N26401" t="s">
        <v>91</v>
      </c>
      <c r="O26401" t="s">
        <v>85</v>
      </c>
      <c r="P26401" t="s">
        <v>86</v>
      </c>
      <c r="Q26401">
        <v>16</v>
      </c>
      <c r="R26401">
        <v>17</v>
      </c>
      <c r="S26401">
        <v>17</v>
      </c>
      <c r="T26401">
        <v>17</v>
      </c>
      <c r="U26401">
        <v>17</v>
      </c>
      <c r="V26401">
        <v>18</v>
      </c>
      <c r="W26401">
        <v>18</v>
      </c>
      <c r="X26401">
        <v>18</v>
      </c>
      <c r="Y26401">
        <v>18</v>
      </c>
      <c r="Z26401">
        <v>18</v>
      </c>
      <c r="AA26401">
        <v>19</v>
      </c>
      <c r="AB26401">
        <v>19</v>
      </c>
      <c r="AC26401">
        <v>19</v>
      </c>
      <c r="AD26401">
        <v>19</v>
      </c>
      <c r="AE26401">
        <v>19</v>
      </c>
      <c r="AF26401">
        <v>20</v>
      </c>
      <c r="AG26401">
        <v>20</v>
      </c>
      <c r="AH26401">
        <v>20</v>
      </c>
      <c r="AI26401">
        <v>20</v>
      </c>
      <c r="AJ26401">
        <v>20</v>
      </c>
      <c r="AK26401">
        <v>21</v>
      </c>
      <c r="AL26401">
        <v>21</v>
      </c>
      <c r="AM26401">
        <v>21</v>
      </c>
      <c r="AN26401">
        <v>21</v>
      </c>
      <c r="AO26401">
        <v>21</v>
      </c>
      <c r="AP26401">
        <v>21</v>
      </c>
      <c r="AQ26401">
        <v>21</v>
      </c>
    </row>
    <row r="26402" spans="1:43">
      <c r="A26402" t="s">
        <v>16347</v>
      </c>
      <c r="B26402" t="s">
        <v>16348</v>
      </c>
      <c r="C26402" t="s">
        <v>16317</v>
      </c>
      <c r="D26402" t="s">
        <v>16318</v>
      </c>
      <c r="E26402" t="s">
        <v>16245</v>
      </c>
      <c r="F26402" t="s">
        <v>16246</v>
      </c>
      <c r="G26402" t="s">
        <v>10734</v>
      </c>
      <c r="H26402" t="s">
        <v>10735</v>
      </c>
      <c r="I26402" s="2">
        <v>1</v>
      </c>
      <c r="J26402" s="2">
        <v>0</v>
      </c>
      <c r="K26402" s="2">
        <v>0</v>
      </c>
      <c r="L26402" t="s">
        <v>120</v>
      </c>
      <c r="M26402" t="s">
        <v>83</v>
      </c>
      <c r="N26402" t="s">
        <v>84</v>
      </c>
      <c r="O26402" t="s">
        <v>85</v>
      </c>
      <c r="P26402" t="s">
        <v>86</v>
      </c>
      <c r="Q26402">
        <v>22</v>
      </c>
      <c r="R26402">
        <v>23</v>
      </c>
      <c r="S26402">
        <v>23</v>
      </c>
      <c r="T26402">
        <v>24</v>
      </c>
      <c r="U26402">
        <v>24</v>
      </c>
      <c r="V26402">
        <v>25</v>
      </c>
      <c r="W26402">
        <v>25</v>
      </c>
      <c r="X26402">
        <v>26</v>
      </c>
      <c r="Y26402">
        <v>26</v>
      </c>
      <c r="Z26402">
        <v>27</v>
      </c>
      <c r="AA26402">
        <v>27</v>
      </c>
      <c r="AB26402">
        <v>28</v>
      </c>
      <c r="AC26402">
        <v>28</v>
      </c>
      <c r="AD26402">
        <v>29</v>
      </c>
      <c r="AE26402">
        <v>29</v>
      </c>
      <c r="AF26402">
        <v>30</v>
      </c>
      <c r="AG26402">
        <v>30</v>
      </c>
      <c r="AH26402">
        <v>31</v>
      </c>
      <c r="AI26402">
        <v>31</v>
      </c>
      <c r="AJ26402">
        <v>32</v>
      </c>
      <c r="AK26402">
        <v>32</v>
      </c>
      <c r="AL26402">
        <v>33</v>
      </c>
      <c r="AM26402">
        <v>33</v>
      </c>
      <c r="AN26402">
        <v>33</v>
      </c>
      <c r="AO26402">
        <v>34</v>
      </c>
      <c r="AP26402">
        <v>34</v>
      </c>
      <c r="AQ26402">
        <v>34</v>
      </c>
    </row>
    <row r="26403" spans="1:43">
      <c r="A26403" t="s">
        <v>16347</v>
      </c>
      <c r="B26403" t="s">
        <v>16348</v>
      </c>
      <c r="C26403" t="s">
        <v>16317</v>
      </c>
      <c r="D26403" t="s">
        <v>16318</v>
      </c>
      <c r="E26403" t="s">
        <v>16245</v>
      </c>
      <c r="F26403" t="s">
        <v>16246</v>
      </c>
      <c r="G26403" t="s">
        <v>10734</v>
      </c>
      <c r="H26403" t="s">
        <v>10735</v>
      </c>
      <c r="I26403" s="2">
        <v>1</v>
      </c>
      <c r="J26403" s="2">
        <v>0</v>
      </c>
      <c r="K26403" s="2">
        <v>0</v>
      </c>
      <c r="L26403" t="s">
        <v>120</v>
      </c>
      <c r="M26403" t="s">
        <v>87</v>
      </c>
      <c r="N26403" t="s">
        <v>88</v>
      </c>
      <c r="O26403" t="s">
        <v>85</v>
      </c>
      <c r="P26403" t="s">
        <v>86</v>
      </c>
      <c r="Q26403">
        <v>22</v>
      </c>
      <c r="R26403">
        <v>22</v>
      </c>
      <c r="S26403">
        <v>23</v>
      </c>
      <c r="T26403">
        <v>23</v>
      </c>
      <c r="U26403">
        <v>23</v>
      </c>
      <c r="V26403">
        <v>23</v>
      </c>
      <c r="W26403">
        <v>24</v>
      </c>
      <c r="X26403">
        <v>24</v>
      </c>
      <c r="Y26403">
        <v>24</v>
      </c>
      <c r="Z26403">
        <v>24</v>
      </c>
      <c r="AA26403">
        <v>25</v>
      </c>
      <c r="AB26403">
        <v>25</v>
      </c>
      <c r="AC26403">
        <v>25</v>
      </c>
      <c r="AD26403">
        <v>25</v>
      </c>
      <c r="AE26403">
        <v>26</v>
      </c>
      <c r="AF26403">
        <v>26</v>
      </c>
      <c r="AG26403">
        <v>26</v>
      </c>
      <c r="AH26403">
        <v>27</v>
      </c>
      <c r="AI26403">
        <v>27</v>
      </c>
      <c r="AJ26403">
        <v>27</v>
      </c>
      <c r="AK26403">
        <v>28</v>
      </c>
      <c r="AL26403">
        <v>28</v>
      </c>
      <c r="AM26403">
        <v>28</v>
      </c>
      <c r="AN26403">
        <v>29</v>
      </c>
      <c r="AO26403">
        <v>29</v>
      </c>
      <c r="AP26403">
        <v>29</v>
      </c>
      <c r="AQ26403">
        <v>30</v>
      </c>
    </row>
    <row r="26404" spans="1:43">
      <c r="A26404" t="s">
        <v>16347</v>
      </c>
      <c r="B26404" t="s">
        <v>16348</v>
      </c>
      <c r="C26404" t="s">
        <v>16317</v>
      </c>
      <c r="D26404" t="s">
        <v>16318</v>
      </c>
      <c r="E26404" t="s">
        <v>16245</v>
      </c>
      <c r="F26404" t="s">
        <v>16246</v>
      </c>
      <c r="G26404" t="s">
        <v>10734</v>
      </c>
      <c r="H26404" t="s">
        <v>10735</v>
      </c>
      <c r="I26404" s="2">
        <v>1</v>
      </c>
      <c r="J26404" s="2">
        <v>0</v>
      </c>
      <c r="K26404" s="2">
        <v>0</v>
      </c>
      <c r="L26404" t="s">
        <v>120</v>
      </c>
      <c r="M26404" t="s">
        <v>89</v>
      </c>
      <c r="N26404" t="s">
        <v>90</v>
      </c>
      <c r="O26404" t="s">
        <v>85</v>
      </c>
      <c r="P26404" t="s">
        <v>86</v>
      </c>
      <c r="Q26404">
        <v>22</v>
      </c>
      <c r="R26404">
        <v>22</v>
      </c>
      <c r="S26404">
        <v>23</v>
      </c>
      <c r="T26404">
        <v>24</v>
      </c>
      <c r="U26404">
        <v>24</v>
      </c>
      <c r="V26404">
        <v>25</v>
      </c>
      <c r="W26404">
        <v>25</v>
      </c>
      <c r="X26404">
        <v>26</v>
      </c>
      <c r="Y26404">
        <v>27</v>
      </c>
      <c r="Z26404">
        <v>27</v>
      </c>
      <c r="AA26404">
        <v>28</v>
      </c>
      <c r="AB26404">
        <v>28</v>
      </c>
      <c r="AC26404">
        <v>29</v>
      </c>
      <c r="AD26404">
        <v>30</v>
      </c>
      <c r="AE26404">
        <v>30</v>
      </c>
      <c r="AF26404">
        <v>30</v>
      </c>
      <c r="AG26404">
        <v>31</v>
      </c>
      <c r="AH26404">
        <v>31</v>
      </c>
      <c r="AI26404">
        <v>31</v>
      </c>
      <c r="AJ26404">
        <v>32</v>
      </c>
      <c r="AK26404">
        <v>32</v>
      </c>
      <c r="AL26404">
        <v>32</v>
      </c>
      <c r="AM26404">
        <v>32</v>
      </c>
      <c r="AN26404">
        <v>33</v>
      </c>
      <c r="AO26404">
        <v>33</v>
      </c>
      <c r="AP26404">
        <v>33</v>
      </c>
      <c r="AQ26404">
        <v>34</v>
      </c>
    </row>
    <row r="26405" spans="1:43">
      <c r="A26405" t="s">
        <v>16347</v>
      </c>
      <c r="B26405" t="s">
        <v>16348</v>
      </c>
      <c r="C26405" t="s">
        <v>16317</v>
      </c>
      <c r="D26405" t="s">
        <v>16318</v>
      </c>
      <c r="E26405" t="s">
        <v>16245</v>
      </c>
      <c r="F26405" t="s">
        <v>16246</v>
      </c>
      <c r="G26405" t="s">
        <v>10734</v>
      </c>
      <c r="H26405" t="s">
        <v>10735</v>
      </c>
      <c r="I26405" s="2">
        <v>1</v>
      </c>
      <c r="J26405" s="2">
        <v>0</v>
      </c>
      <c r="K26405" s="2">
        <v>0</v>
      </c>
      <c r="L26405" t="s">
        <v>120</v>
      </c>
      <c r="M26405" t="s">
        <v>83</v>
      </c>
      <c r="N26405" t="s">
        <v>91</v>
      </c>
      <c r="O26405" t="s">
        <v>85</v>
      </c>
      <c r="P26405" t="s">
        <v>86</v>
      </c>
      <c r="Q26405">
        <v>22</v>
      </c>
      <c r="R26405">
        <v>23</v>
      </c>
      <c r="S26405">
        <v>23</v>
      </c>
      <c r="T26405">
        <v>24</v>
      </c>
      <c r="U26405">
        <v>24</v>
      </c>
      <c r="V26405">
        <v>25</v>
      </c>
      <c r="W26405">
        <v>25</v>
      </c>
      <c r="X26405">
        <v>26</v>
      </c>
      <c r="Y26405">
        <v>26</v>
      </c>
      <c r="Z26405">
        <v>27</v>
      </c>
      <c r="AA26405">
        <v>27</v>
      </c>
      <c r="AB26405">
        <v>28</v>
      </c>
      <c r="AC26405">
        <v>28</v>
      </c>
      <c r="AD26405">
        <v>29</v>
      </c>
      <c r="AE26405">
        <v>29</v>
      </c>
      <c r="AF26405">
        <v>30</v>
      </c>
      <c r="AG26405">
        <v>30</v>
      </c>
      <c r="AH26405">
        <v>31</v>
      </c>
      <c r="AI26405">
        <v>31</v>
      </c>
      <c r="AJ26405">
        <v>32</v>
      </c>
      <c r="AK26405">
        <v>32</v>
      </c>
      <c r="AL26405">
        <v>33</v>
      </c>
      <c r="AM26405">
        <v>33</v>
      </c>
      <c r="AN26405">
        <v>33</v>
      </c>
      <c r="AO26405">
        <v>34</v>
      </c>
      <c r="AP26405">
        <v>34</v>
      </c>
      <c r="AQ26405">
        <v>34</v>
      </c>
    </row>
    <row r="26406" spans="1:43">
      <c r="A26406" t="s">
        <v>16349</v>
      </c>
      <c r="B26406" t="s">
        <v>16350</v>
      </c>
      <c r="C26406" t="s">
        <v>16339</v>
      </c>
      <c r="D26406" t="s">
        <v>16340</v>
      </c>
      <c r="E26406" t="s">
        <v>16245</v>
      </c>
      <c r="F26406" t="s">
        <v>16246</v>
      </c>
      <c r="G26406" t="s">
        <v>10734</v>
      </c>
      <c r="H26406" t="s">
        <v>10735</v>
      </c>
      <c r="I26406" s="2">
        <v>1</v>
      </c>
      <c r="J26406" s="2">
        <v>0</v>
      </c>
      <c r="K26406" s="2">
        <v>0</v>
      </c>
      <c r="L26406" t="s">
        <v>120</v>
      </c>
      <c r="M26406" t="s">
        <v>83</v>
      </c>
      <c r="N26406" t="s">
        <v>84</v>
      </c>
      <c r="O26406" t="s">
        <v>85</v>
      </c>
      <c r="P26406" t="s">
        <v>86</v>
      </c>
      <c r="Q26406">
        <v>23</v>
      </c>
      <c r="R26406">
        <v>24</v>
      </c>
      <c r="S26406">
        <v>24</v>
      </c>
      <c r="T26406">
        <v>25</v>
      </c>
      <c r="U26406">
        <v>25</v>
      </c>
      <c r="V26406">
        <v>26</v>
      </c>
      <c r="W26406">
        <v>26</v>
      </c>
      <c r="X26406">
        <v>27</v>
      </c>
      <c r="Y26406">
        <v>27</v>
      </c>
      <c r="Z26406">
        <v>28</v>
      </c>
      <c r="AA26406">
        <v>28</v>
      </c>
      <c r="AB26406">
        <v>29</v>
      </c>
      <c r="AC26406">
        <v>29</v>
      </c>
      <c r="AD26406">
        <v>30</v>
      </c>
      <c r="AE26406">
        <v>30</v>
      </c>
      <c r="AF26406">
        <v>31</v>
      </c>
      <c r="AG26406">
        <v>31</v>
      </c>
      <c r="AH26406">
        <v>32</v>
      </c>
      <c r="AI26406">
        <v>32</v>
      </c>
      <c r="AJ26406">
        <v>33</v>
      </c>
      <c r="AK26406">
        <v>34</v>
      </c>
      <c r="AL26406">
        <v>34</v>
      </c>
      <c r="AM26406">
        <v>34</v>
      </c>
      <c r="AN26406">
        <v>35</v>
      </c>
      <c r="AO26406">
        <v>35</v>
      </c>
      <c r="AP26406">
        <v>35</v>
      </c>
      <c r="AQ26406">
        <v>35</v>
      </c>
    </row>
    <row r="26407" spans="1:43">
      <c r="A26407" t="s">
        <v>16349</v>
      </c>
      <c r="B26407" t="s">
        <v>16350</v>
      </c>
      <c r="C26407" t="s">
        <v>16339</v>
      </c>
      <c r="D26407" t="s">
        <v>16340</v>
      </c>
      <c r="E26407" t="s">
        <v>16245</v>
      </c>
      <c r="F26407" t="s">
        <v>16246</v>
      </c>
      <c r="G26407" t="s">
        <v>10734</v>
      </c>
      <c r="H26407" t="s">
        <v>10735</v>
      </c>
      <c r="I26407" s="2">
        <v>1</v>
      </c>
      <c r="J26407" s="2">
        <v>0</v>
      </c>
      <c r="K26407" s="2">
        <v>0</v>
      </c>
      <c r="L26407" t="s">
        <v>120</v>
      </c>
      <c r="M26407" t="s">
        <v>87</v>
      </c>
      <c r="N26407" t="s">
        <v>88</v>
      </c>
      <c r="O26407" t="s">
        <v>85</v>
      </c>
      <c r="P26407" t="s">
        <v>86</v>
      </c>
      <c r="Q26407">
        <v>23</v>
      </c>
      <c r="R26407">
        <v>23</v>
      </c>
      <c r="S26407">
        <v>24</v>
      </c>
      <c r="T26407">
        <v>24</v>
      </c>
      <c r="U26407">
        <v>24</v>
      </c>
      <c r="V26407">
        <v>24</v>
      </c>
      <c r="W26407">
        <v>25</v>
      </c>
      <c r="X26407">
        <v>25</v>
      </c>
      <c r="Y26407">
        <v>25</v>
      </c>
      <c r="Z26407">
        <v>25</v>
      </c>
      <c r="AA26407">
        <v>26</v>
      </c>
      <c r="AB26407">
        <v>26</v>
      </c>
      <c r="AC26407">
        <v>26</v>
      </c>
      <c r="AD26407">
        <v>27</v>
      </c>
      <c r="AE26407">
        <v>27</v>
      </c>
      <c r="AF26407">
        <v>27</v>
      </c>
      <c r="AG26407">
        <v>27</v>
      </c>
      <c r="AH26407">
        <v>28</v>
      </c>
      <c r="AI26407">
        <v>28</v>
      </c>
      <c r="AJ26407">
        <v>28</v>
      </c>
      <c r="AK26407">
        <v>29</v>
      </c>
      <c r="AL26407">
        <v>29</v>
      </c>
      <c r="AM26407">
        <v>29</v>
      </c>
      <c r="AN26407">
        <v>30</v>
      </c>
      <c r="AO26407">
        <v>30</v>
      </c>
      <c r="AP26407">
        <v>30</v>
      </c>
      <c r="AQ26407">
        <v>31</v>
      </c>
    </row>
    <row r="26408" spans="1:43">
      <c r="A26408" t="s">
        <v>16349</v>
      </c>
      <c r="B26408" t="s">
        <v>16350</v>
      </c>
      <c r="C26408" t="s">
        <v>16339</v>
      </c>
      <c r="D26408" t="s">
        <v>16340</v>
      </c>
      <c r="E26408" t="s">
        <v>16245</v>
      </c>
      <c r="F26408" t="s">
        <v>16246</v>
      </c>
      <c r="G26408" t="s">
        <v>10734</v>
      </c>
      <c r="H26408" t="s">
        <v>10735</v>
      </c>
      <c r="I26408" s="2">
        <v>1</v>
      </c>
      <c r="J26408" s="2">
        <v>0</v>
      </c>
      <c r="K26408" s="2">
        <v>0</v>
      </c>
      <c r="L26408" t="s">
        <v>120</v>
      </c>
      <c r="M26408" t="s">
        <v>89</v>
      </c>
      <c r="N26408" t="s">
        <v>90</v>
      </c>
      <c r="O26408" t="s">
        <v>85</v>
      </c>
      <c r="P26408" t="s">
        <v>86</v>
      </c>
      <c r="Q26408">
        <v>23</v>
      </c>
      <c r="R26408">
        <v>23</v>
      </c>
      <c r="S26408">
        <v>24</v>
      </c>
      <c r="T26408">
        <v>25</v>
      </c>
      <c r="U26408">
        <v>25</v>
      </c>
      <c r="V26408">
        <v>26</v>
      </c>
      <c r="W26408">
        <v>26</v>
      </c>
      <c r="X26408">
        <v>27</v>
      </c>
      <c r="Y26408">
        <v>28</v>
      </c>
      <c r="Z26408">
        <v>28</v>
      </c>
      <c r="AA26408">
        <v>29</v>
      </c>
      <c r="AB26408">
        <v>29</v>
      </c>
      <c r="AC26408">
        <v>30</v>
      </c>
      <c r="AD26408">
        <v>31</v>
      </c>
      <c r="AE26408">
        <v>31</v>
      </c>
      <c r="AF26408">
        <v>32</v>
      </c>
      <c r="AG26408">
        <v>32</v>
      </c>
      <c r="AH26408">
        <v>32</v>
      </c>
      <c r="AI26408">
        <v>32</v>
      </c>
      <c r="AJ26408">
        <v>33</v>
      </c>
      <c r="AK26408">
        <v>33</v>
      </c>
      <c r="AL26408">
        <v>33</v>
      </c>
      <c r="AM26408">
        <v>34</v>
      </c>
      <c r="AN26408">
        <v>34</v>
      </c>
      <c r="AO26408">
        <v>34</v>
      </c>
      <c r="AP26408">
        <v>34</v>
      </c>
      <c r="AQ26408">
        <v>35</v>
      </c>
    </row>
    <row r="26409" spans="1:43">
      <c r="A26409" t="s">
        <v>16349</v>
      </c>
      <c r="B26409" t="s">
        <v>16350</v>
      </c>
      <c r="C26409" t="s">
        <v>16339</v>
      </c>
      <c r="D26409" t="s">
        <v>16340</v>
      </c>
      <c r="E26409" t="s">
        <v>16245</v>
      </c>
      <c r="F26409" t="s">
        <v>16246</v>
      </c>
      <c r="G26409" t="s">
        <v>10734</v>
      </c>
      <c r="H26409" t="s">
        <v>10735</v>
      </c>
      <c r="I26409" s="2">
        <v>1</v>
      </c>
      <c r="J26409" s="2">
        <v>0</v>
      </c>
      <c r="K26409" s="2">
        <v>0</v>
      </c>
      <c r="L26409" t="s">
        <v>120</v>
      </c>
      <c r="M26409" t="s">
        <v>83</v>
      </c>
      <c r="N26409" t="s">
        <v>91</v>
      </c>
      <c r="O26409" t="s">
        <v>85</v>
      </c>
      <c r="P26409" t="s">
        <v>86</v>
      </c>
      <c r="Q26409">
        <v>23</v>
      </c>
      <c r="R26409">
        <v>24</v>
      </c>
      <c r="S26409">
        <v>24</v>
      </c>
      <c r="T26409">
        <v>25</v>
      </c>
      <c r="U26409">
        <v>25</v>
      </c>
      <c r="V26409">
        <v>26</v>
      </c>
      <c r="W26409">
        <v>26</v>
      </c>
      <c r="X26409">
        <v>27</v>
      </c>
      <c r="Y26409">
        <v>27</v>
      </c>
      <c r="Z26409">
        <v>28</v>
      </c>
      <c r="AA26409">
        <v>28</v>
      </c>
      <c r="AB26409">
        <v>29</v>
      </c>
      <c r="AC26409">
        <v>29</v>
      </c>
      <c r="AD26409">
        <v>30</v>
      </c>
      <c r="AE26409">
        <v>30</v>
      </c>
      <c r="AF26409">
        <v>31</v>
      </c>
      <c r="AG26409">
        <v>31</v>
      </c>
      <c r="AH26409">
        <v>32</v>
      </c>
      <c r="AI26409">
        <v>32</v>
      </c>
      <c r="AJ26409">
        <v>33</v>
      </c>
      <c r="AK26409">
        <v>34</v>
      </c>
      <c r="AL26409">
        <v>34</v>
      </c>
      <c r="AM26409">
        <v>34</v>
      </c>
      <c r="AN26409">
        <v>35</v>
      </c>
      <c r="AO26409">
        <v>35</v>
      </c>
      <c r="AP26409">
        <v>35</v>
      </c>
      <c r="AQ26409">
        <v>35</v>
      </c>
    </row>
    <row r="26410" spans="1:43">
      <c r="A26410" t="s">
        <v>16351</v>
      </c>
      <c r="B26410" t="s">
        <v>16352</v>
      </c>
      <c r="C26410" t="s">
        <v>16339</v>
      </c>
      <c r="D26410" t="s">
        <v>16340</v>
      </c>
      <c r="E26410" t="s">
        <v>16245</v>
      </c>
      <c r="F26410" t="s">
        <v>16246</v>
      </c>
      <c r="G26410" t="s">
        <v>10734</v>
      </c>
      <c r="H26410" t="s">
        <v>10735</v>
      </c>
      <c r="I26410" s="2">
        <v>1</v>
      </c>
      <c r="J26410" s="2">
        <v>0</v>
      </c>
      <c r="K26410" s="2">
        <v>0</v>
      </c>
      <c r="L26410" t="s">
        <v>120</v>
      </c>
      <c r="M26410" t="s">
        <v>83</v>
      </c>
      <c r="N26410" t="s">
        <v>84</v>
      </c>
      <c r="O26410" t="s">
        <v>85</v>
      </c>
      <c r="P26410" t="s">
        <v>86</v>
      </c>
      <c r="Q26410">
        <v>14</v>
      </c>
      <c r="R26410">
        <v>14</v>
      </c>
      <c r="S26410">
        <v>14</v>
      </c>
      <c r="T26410">
        <v>14</v>
      </c>
      <c r="U26410">
        <v>15</v>
      </c>
      <c r="V26410">
        <v>15</v>
      </c>
      <c r="W26410">
        <v>15</v>
      </c>
      <c r="X26410">
        <v>15</v>
      </c>
      <c r="Y26410">
        <v>16</v>
      </c>
      <c r="Z26410">
        <v>16</v>
      </c>
      <c r="AA26410">
        <v>16</v>
      </c>
      <c r="AB26410">
        <v>17</v>
      </c>
      <c r="AC26410">
        <v>17</v>
      </c>
      <c r="AD26410">
        <v>17</v>
      </c>
      <c r="AE26410">
        <v>17</v>
      </c>
      <c r="AF26410">
        <v>18</v>
      </c>
      <c r="AG26410">
        <v>18</v>
      </c>
      <c r="AH26410">
        <v>18</v>
      </c>
      <c r="AI26410">
        <v>19</v>
      </c>
      <c r="AJ26410">
        <v>19</v>
      </c>
      <c r="AK26410">
        <v>19</v>
      </c>
      <c r="AL26410">
        <v>20</v>
      </c>
      <c r="AM26410">
        <v>20</v>
      </c>
      <c r="AN26410">
        <v>20</v>
      </c>
      <c r="AO26410">
        <v>20</v>
      </c>
      <c r="AP26410">
        <v>20</v>
      </c>
      <c r="AQ26410">
        <v>21</v>
      </c>
    </row>
    <row r="26411" spans="1:43">
      <c r="A26411" t="s">
        <v>16351</v>
      </c>
      <c r="B26411" t="s">
        <v>16352</v>
      </c>
      <c r="C26411" t="s">
        <v>16339</v>
      </c>
      <c r="D26411" t="s">
        <v>16340</v>
      </c>
      <c r="E26411" t="s">
        <v>16245</v>
      </c>
      <c r="F26411" t="s">
        <v>16246</v>
      </c>
      <c r="G26411" t="s">
        <v>10734</v>
      </c>
      <c r="H26411" t="s">
        <v>10735</v>
      </c>
      <c r="I26411" s="2">
        <v>1</v>
      </c>
      <c r="J26411" s="2">
        <v>0</v>
      </c>
      <c r="K26411" s="2">
        <v>0</v>
      </c>
      <c r="L26411" t="s">
        <v>120</v>
      </c>
      <c r="M26411" t="s">
        <v>87</v>
      </c>
      <c r="N26411" t="s">
        <v>88</v>
      </c>
      <c r="O26411" t="s">
        <v>85</v>
      </c>
      <c r="P26411" t="s">
        <v>86</v>
      </c>
      <c r="Q26411">
        <v>14</v>
      </c>
      <c r="R26411">
        <v>15</v>
      </c>
      <c r="S26411">
        <v>15</v>
      </c>
      <c r="T26411">
        <v>15</v>
      </c>
      <c r="U26411">
        <v>15</v>
      </c>
      <c r="V26411">
        <v>15</v>
      </c>
      <c r="W26411">
        <v>15</v>
      </c>
      <c r="X26411">
        <v>15</v>
      </c>
      <c r="Y26411">
        <v>16</v>
      </c>
      <c r="Z26411">
        <v>16</v>
      </c>
      <c r="AA26411">
        <v>16</v>
      </c>
      <c r="AB26411">
        <v>16</v>
      </c>
      <c r="AC26411">
        <v>16</v>
      </c>
      <c r="AD26411">
        <v>16</v>
      </c>
      <c r="AE26411">
        <v>17</v>
      </c>
      <c r="AF26411">
        <v>17</v>
      </c>
      <c r="AG26411">
        <v>17</v>
      </c>
      <c r="AH26411">
        <v>17</v>
      </c>
      <c r="AI26411">
        <v>17</v>
      </c>
      <c r="AJ26411">
        <v>17</v>
      </c>
      <c r="AK26411">
        <v>18</v>
      </c>
      <c r="AL26411">
        <v>18</v>
      </c>
      <c r="AM26411">
        <v>18</v>
      </c>
      <c r="AN26411">
        <v>18</v>
      </c>
      <c r="AO26411">
        <v>18</v>
      </c>
      <c r="AP26411">
        <v>19</v>
      </c>
      <c r="AQ26411">
        <v>19</v>
      </c>
    </row>
    <row r="26412" spans="1:43">
      <c r="A26412" t="s">
        <v>16351</v>
      </c>
      <c r="B26412" t="s">
        <v>16352</v>
      </c>
      <c r="C26412" t="s">
        <v>16339</v>
      </c>
      <c r="D26412" t="s">
        <v>16340</v>
      </c>
      <c r="E26412" t="s">
        <v>16245</v>
      </c>
      <c r="F26412" t="s">
        <v>16246</v>
      </c>
      <c r="G26412" t="s">
        <v>10734</v>
      </c>
      <c r="H26412" t="s">
        <v>10735</v>
      </c>
      <c r="I26412" s="2">
        <v>1</v>
      </c>
      <c r="J26412" s="2">
        <v>0</v>
      </c>
      <c r="K26412" s="2">
        <v>0</v>
      </c>
      <c r="L26412" t="s">
        <v>120</v>
      </c>
      <c r="M26412" t="s">
        <v>89</v>
      </c>
      <c r="N26412" t="s">
        <v>90</v>
      </c>
      <c r="O26412" t="s">
        <v>85</v>
      </c>
      <c r="P26412" t="s">
        <v>86</v>
      </c>
      <c r="Q26412">
        <v>14</v>
      </c>
      <c r="R26412">
        <v>14</v>
      </c>
      <c r="S26412">
        <v>14</v>
      </c>
      <c r="T26412">
        <v>15</v>
      </c>
      <c r="U26412">
        <v>15</v>
      </c>
      <c r="V26412">
        <v>16</v>
      </c>
      <c r="W26412">
        <v>16</v>
      </c>
      <c r="X26412">
        <v>16</v>
      </c>
      <c r="Y26412">
        <v>17</v>
      </c>
      <c r="Z26412">
        <v>17</v>
      </c>
      <c r="AA26412">
        <v>17</v>
      </c>
      <c r="AB26412">
        <v>18</v>
      </c>
      <c r="AC26412">
        <v>18</v>
      </c>
      <c r="AD26412">
        <v>18</v>
      </c>
      <c r="AE26412">
        <v>19</v>
      </c>
      <c r="AF26412">
        <v>19</v>
      </c>
      <c r="AG26412">
        <v>19</v>
      </c>
      <c r="AH26412">
        <v>19</v>
      </c>
      <c r="AI26412">
        <v>19</v>
      </c>
      <c r="AJ26412">
        <v>20</v>
      </c>
      <c r="AK26412">
        <v>20</v>
      </c>
      <c r="AL26412">
        <v>20</v>
      </c>
      <c r="AM26412">
        <v>20</v>
      </c>
      <c r="AN26412">
        <v>20</v>
      </c>
      <c r="AO26412">
        <v>20</v>
      </c>
      <c r="AP26412">
        <v>21</v>
      </c>
      <c r="AQ26412">
        <v>21</v>
      </c>
    </row>
    <row r="26413" spans="1:43">
      <c r="A26413" t="s">
        <v>16351</v>
      </c>
      <c r="B26413" t="s">
        <v>16352</v>
      </c>
      <c r="C26413" t="s">
        <v>16339</v>
      </c>
      <c r="D26413" t="s">
        <v>16340</v>
      </c>
      <c r="E26413" t="s">
        <v>16245</v>
      </c>
      <c r="F26413" t="s">
        <v>16246</v>
      </c>
      <c r="G26413" t="s">
        <v>10734</v>
      </c>
      <c r="H26413" t="s">
        <v>10735</v>
      </c>
      <c r="I26413" s="2">
        <v>1</v>
      </c>
      <c r="J26413" s="2">
        <v>0</v>
      </c>
      <c r="K26413" s="2">
        <v>0</v>
      </c>
      <c r="L26413" t="s">
        <v>120</v>
      </c>
      <c r="M26413" t="s">
        <v>83</v>
      </c>
      <c r="N26413" t="s">
        <v>91</v>
      </c>
      <c r="O26413" t="s">
        <v>85</v>
      </c>
      <c r="P26413" t="s">
        <v>86</v>
      </c>
      <c r="Q26413">
        <v>14</v>
      </c>
      <c r="R26413">
        <v>14</v>
      </c>
      <c r="S26413">
        <v>14</v>
      </c>
      <c r="T26413">
        <v>14</v>
      </c>
      <c r="U26413">
        <v>15</v>
      </c>
      <c r="V26413">
        <v>15</v>
      </c>
      <c r="W26413">
        <v>15</v>
      </c>
      <c r="X26413">
        <v>15</v>
      </c>
      <c r="Y26413">
        <v>16</v>
      </c>
      <c r="Z26413">
        <v>16</v>
      </c>
      <c r="AA26413">
        <v>16</v>
      </c>
      <c r="AB26413">
        <v>17</v>
      </c>
      <c r="AC26413">
        <v>17</v>
      </c>
      <c r="AD26413">
        <v>17</v>
      </c>
      <c r="AE26413">
        <v>17</v>
      </c>
      <c r="AF26413">
        <v>18</v>
      </c>
      <c r="AG26413">
        <v>18</v>
      </c>
      <c r="AH26413">
        <v>18</v>
      </c>
      <c r="AI26413">
        <v>19</v>
      </c>
      <c r="AJ26413">
        <v>19</v>
      </c>
      <c r="AK26413">
        <v>19</v>
      </c>
      <c r="AL26413">
        <v>20</v>
      </c>
      <c r="AM26413">
        <v>20</v>
      </c>
      <c r="AN26413">
        <v>20</v>
      </c>
      <c r="AO26413">
        <v>20</v>
      </c>
      <c r="AP26413">
        <v>20</v>
      </c>
      <c r="AQ26413">
        <v>21</v>
      </c>
    </row>
    <row r="26414" spans="1:43">
      <c r="A26414" t="s">
        <v>16353</v>
      </c>
      <c r="B26414" t="s">
        <v>16354</v>
      </c>
      <c r="C26414" t="s">
        <v>16355</v>
      </c>
      <c r="D26414" t="s">
        <v>16356</v>
      </c>
      <c r="E26414" t="s">
        <v>16245</v>
      </c>
      <c r="F26414" t="s">
        <v>16246</v>
      </c>
      <c r="G26414" t="s">
        <v>10734</v>
      </c>
      <c r="H26414" t="s">
        <v>10735</v>
      </c>
      <c r="I26414" s="2">
        <v>1</v>
      </c>
      <c r="J26414" s="2">
        <v>0</v>
      </c>
      <c r="K26414" s="2">
        <v>0</v>
      </c>
      <c r="L26414" t="s">
        <v>120</v>
      </c>
      <c r="M26414" t="s">
        <v>83</v>
      </c>
      <c r="N26414" t="s">
        <v>84</v>
      </c>
      <c r="O26414" t="s">
        <v>85</v>
      </c>
      <c r="P26414" t="s">
        <v>86</v>
      </c>
      <c r="Q26414">
        <v>16</v>
      </c>
      <c r="R26414">
        <v>17</v>
      </c>
      <c r="S26414">
        <v>17</v>
      </c>
      <c r="T26414">
        <v>17</v>
      </c>
      <c r="U26414">
        <v>18</v>
      </c>
      <c r="V26414">
        <v>18</v>
      </c>
      <c r="W26414">
        <v>18</v>
      </c>
      <c r="X26414">
        <v>19</v>
      </c>
      <c r="Y26414">
        <v>19</v>
      </c>
      <c r="Z26414">
        <v>19</v>
      </c>
      <c r="AA26414">
        <v>20</v>
      </c>
      <c r="AB26414">
        <v>20</v>
      </c>
      <c r="AC26414">
        <v>20</v>
      </c>
      <c r="AD26414">
        <v>21</v>
      </c>
      <c r="AE26414">
        <v>21</v>
      </c>
      <c r="AF26414">
        <v>22</v>
      </c>
      <c r="AG26414">
        <v>22</v>
      </c>
      <c r="AH26414">
        <v>22</v>
      </c>
      <c r="AI26414">
        <v>23</v>
      </c>
      <c r="AJ26414">
        <v>23</v>
      </c>
      <c r="AK26414">
        <v>24</v>
      </c>
      <c r="AL26414">
        <v>24</v>
      </c>
      <c r="AM26414">
        <v>24</v>
      </c>
      <c r="AN26414">
        <v>24</v>
      </c>
      <c r="AO26414">
        <v>24</v>
      </c>
      <c r="AP26414">
        <v>25</v>
      </c>
      <c r="AQ26414">
        <v>25</v>
      </c>
    </row>
    <row r="26415" spans="1:43">
      <c r="A26415" t="s">
        <v>16353</v>
      </c>
      <c r="B26415" t="s">
        <v>16354</v>
      </c>
      <c r="C26415" t="s">
        <v>16355</v>
      </c>
      <c r="D26415" t="s">
        <v>16356</v>
      </c>
      <c r="E26415" t="s">
        <v>16245</v>
      </c>
      <c r="F26415" t="s">
        <v>16246</v>
      </c>
      <c r="G26415" t="s">
        <v>10734</v>
      </c>
      <c r="H26415" t="s">
        <v>10735</v>
      </c>
      <c r="I26415" s="2">
        <v>1</v>
      </c>
      <c r="J26415" s="2">
        <v>0</v>
      </c>
      <c r="K26415" s="2">
        <v>0</v>
      </c>
      <c r="L26415" t="s">
        <v>120</v>
      </c>
      <c r="M26415" t="s">
        <v>87</v>
      </c>
      <c r="N26415" t="s">
        <v>88</v>
      </c>
      <c r="O26415" t="s">
        <v>85</v>
      </c>
      <c r="P26415" t="s">
        <v>86</v>
      </c>
      <c r="Q26415">
        <v>16</v>
      </c>
      <c r="R26415">
        <v>16</v>
      </c>
      <c r="S26415">
        <v>17</v>
      </c>
      <c r="T26415">
        <v>17</v>
      </c>
      <c r="U26415">
        <v>17</v>
      </c>
      <c r="V26415">
        <v>17</v>
      </c>
      <c r="W26415">
        <v>17</v>
      </c>
      <c r="X26415">
        <v>17</v>
      </c>
      <c r="Y26415">
        <v>18</v>
      </c>
      <c r="Z26415">
        <v>18</v>
      </c>
      <c r="AA26415">
        <v>18</v>
      </c>
      <c r="AB26415">
        <v>18</v>
      </c>
      <c r="AC26415">
        <v>18</v>
      </c>
      <c r="AD26415">
        <v>19</v>
      </c>
      <c r="AE26415">
        <v>19</v>
      </c>
      <c r="AF26415">
        <v>19</v>
      </c>
      <c r="AG26415">
        <v>19</v>
      </c>
      <c r="AH26415">
        <v>19</v>
      </c>
      <c r="AI26415">
        <v>20</v>
      </c>
      <c r="AJ26415">
        <v>20</v>
      </c>
      <c r="AK26415">
        <v>20</v>
      </c>
      <c r="AL26415">
        <v>20</v>
      </c>
      <c r="AM26415">
        <v>21</v>
      </c>
      <c r="AN26415">
        <v>21</v>
      </c>
      <c r="AO26415">
        <v>21</v>
      </c>
      <c r="AP26415">
        <v>21</v>
      </c>
      <c r="AQ26415">
        <v>22</v>
      </c>
    </row>
    <row r="26416" spans="1:43">
      <c r="A26416" t="s">
        <v>16353</v>
      </c>
      <c r="B26416" t="s">
        <v>16354</v>
      </c>
      <c r="C26416" t="s">
        <v>16355</v>
      </c>
      <c r="D26416" t="s">
        <v>16356</v>
      </c>
      <c r="E26416" t="s">
        <v>16245</v>
      </c>
      <c r="F26416" t="s">
        <v>16246</v>
      </c>
      <c r="G26416" t="s">
        <v>10734</v>
      </c>
      <c r="H26416" t="s">
        <v>10735</v>
      </c>
      <c r="I26416" s="2">
        <v>1</v>
      </c>
      <c r="J26416" s="2">
        <v>0</v>
      </c>
      <c r="K26416" s="2">
        <v>0</v>
      </c>
      <c r="L26416" t="s">
        <v>120</v>
      </c>
      <c r="M26416" t="s">
        <v>89</v>
      </c>
      <c r="N26416" t="s">
        <v>90</v>
      </c>
      <c r="O26416" t="s">
        <v>85</v>
      </c>
      <c r="P26416" t="s">
        <v>86</v>
      </c>
      <c r="Q26416">
        <v>16</v>
      </c>
      <c r="R26416">
        <v>17</v>
      </c>
      <c r="S26416">
        <v>17</v>
      </c>
      <c r="T26416">
        <v>18</v>
      </c>
      <c r="U26416">
        <v>18</v>
      </c>
      <c r="V26416">
        <v>19</v>
      </c>
      <c r="W26416">
        <v>19</v>
      </c>
      <c r="X26416">
        <v>20</v>
      </c>
      <c r="Y26416">
        <v>20</v>
      </c>
      <c r="Z26416">
        <v>21</v>
      </c>
      <c r="AA26416">
        <v>21</v>
      </c>
      <c r="AB26416">
        <v>21</v>
      </c>
      <c r="AC26416">
        <v>22</v>
      </c>
      <c r="AD26416">
        <v>22</v>
      </c>
      <c r="AE26416">
        <v>23</v>
      </c>
      <c r="AF26416">
        <v>23</v>
      </c>
      <c r="AG26416">
        <v>23</v>
      </c>
      <c r="AH26416">
        <v>23</v>
      </c>
      <c r="AI26416">
        <v>23</v>
      </c>
      <c r="AJ26416">
        <v>24</v>
      </c>
      <c r="AK26416">
        <v>24</v>
      </c>
      <c r="AL26416">
        <v>24</v>
      </c>
      <c r="AM26416">
        <v>24</v>
      </c>
      <c r="AN26416">
        <v>24</v>
      </c>
      <c r="AO26416">
        <v>25</v>
      </c>
      <c r="AP26416">
        <v>25</v>
      </c>
      <c r="AQ26416">
        <v>25</v>
      </c>
    </row>
    <row r="26417" spans="1:43">
      <c r="A26417" t="s">
        <v>16353</v>
      </c>
      <c r="B26417" t="s">
        <v>16354</v>
      </c>
      <c r="C26417" t="s">
        <v>16355</v>
      </c>
      <c r="D26417" t="s">
        <v>16356</v>
      </c>
      <c r="E26417" t="s">
        <v>16245</v>
      </c>
      <c r="F26417" t="s">
        <v>16246</v>
      </c>
      <c r="G26417" t="s">
        <v>10734</v>
      </c>
      <c r="H26417" t="s">
        <v>10735</v>
      </c>
      <c r="I26417" s="2">
        <v>1</v>
      </c>
      <c r="J26417" s="2">
        <v>0</v>
      </c>
      <c r="K26417" s="2">
        <v>0</v>
      </c>
      <c r="L26417" t="s">
        <v>120</v>
      </c>
      <c r="M26417" t="s">
        <v>83</v>
      </c>
      <c r="N26417" t="s">
        <v>91</v>
      </c>
      <c r="O26417" t="s">
        <v>85</v>
      </c>
      <c r="P26417" t="s">
        <v>86</v>
      </c>
      <c r="Q26417">
        <v>16</v>
      </c>
      <c r="R26417">
        <v>17</v>
      </c>
      <c r="S26417">
        <v>17</v>
      </c>
      <c r="T26417">
        <v>17</v>
      </c>
      <c r="U26417">
        <v>18</v>
      </c>
      <c r="V26417">
        <v>18</v>
      </c>
      <c r="W26417">
        <v>18</v>
      </c>
      <c r="X26417">
        <v>19</v>
      </c>
      <c r="Y26417">
        <v>19</v>
      </c>
      <c r="Z26417">
        <v>19</v>
      </c>
      <c r="AA26417">
        <v>20</v>
      </c>
      <c r="AB26417">
        <v>20</v>
      </c>
      <c r="AC26417">
        <v>20</v>
      </c>
      <c r="AD26417">
        <v>21</v>
      </c>
      <c r="AE26417">
        <v>21</v>
      </c>
      <c r="AF26417">
        <v>22</v>
      </c>
      <c r="AG26417">
        <v>22</v>
      </c>
      <c r="AH26417">
        <v>22</v>
      </c>
      <c r="AI26417">
        <v>23</v>
      </c>
      <c r="AJ26417">
        <v>23</v>
      </c>
      <c r="AK26417">
        <v>24</v>
      </c>
      <c r="AL26417">
        <v>24</v>
      </c>
      <c r="AM26417">
        <v>24</v>
      </c>
      <c r="AN26417">
        <v>24</v>
      </c>
      <c r="AO26417">
        <v>24</v>
      </c>
      <c r="AP26417">
        <v>25</v>
      </c>
      <c r="AQ26417">
        <v>25</v>
      </c>
    </row>
    <row r="26418" spans="1:43">
      <c r="A26418" t="s">
        <v>16357</v>
      </c>
      <c r="B26418" t="s">
        <v>16358</v>
      </c>
      <c r="C26418" t="s">
        <v>16305</v>
      </c>
      <c r="D26418" t="s">
        <v>16306</v>
      </c>
      <c r="E26418" t="s">
        <v>16245</v>
      </c>
      <c r="F26418" t="s">
        <v>16246</v>
      </c>
      <c r="G26418" t="s">
        <v>10734</v>
      </c>
      <c r="H26418" t="s">
        <v>10735</v>
      </c>
      <c r="I26418" s="2">
        <v>1</v>
      </c>
      <c r="J26418" s="2">
        <v>0</v>
      </c>
      <c r="K26418" s="2">
        <v>0</v>
      </c>
      <c r="L26418" t="s">
        <v>120</v>
      </c>
      <c r="M26418" t="s">
        <v>83</v>
      </c>
      <c r="N26418" t="s">
        <v>84</v>
      </c>
      <c r="O26418" t="s">
        <v>85</v>
      </c>
      <c r="P26418" t="s">
        <v>86</v>
      </c>
      <c r="Q26418">
        <v>13</v>
      </c>
      <c r="R26418">
        <v>14</v>
      </c>
      <c r="S26418">
        <v>14</v>
      </c>
      <c r="T26418">
        <v>14</v>
      </c>
      <c r="U26418">
        <v>14</v>
      </c>
      <c r="V26418">
        <v>15</v>
      </c>
      <c r="W26418">
        <v>15</v>
      </c>
      <c r="X26418">
        <v>15</v>
      </c>
      <c r="Y26418">
        <v>15</v>
      </c>
      <c r="Z26418">
        <v>16</v>
      </c>
      <c r="AA26418">
        <v>16</v>
      </c>
      <c r="AB26418">
        <v>16</v>
      </c>
      <c r="AC26418">
        <v>17</v>
      </c>
      <c r="AD26418">
        <v>17</v>
      </c>
      <c r="AE26418">
        <v>17</v>
      </c>
      <c r="AF26418">
        <v>17</v>
      </c>
      <c r="AG26418">
        <v>18</v>
      </c>
      <c r="AH26418">
        <v>18</v>
      </c>
      <c r="AI26418">
        <v>18</v>
      </c>
      <c r="AJ26418">
        <v>19</v>
      </c>
      <c r="AK26418">
        <v>19</v>
      </c>
      <c r="AL26418">
        <v>19</v>
      </c>
      <c r="AM26418">
        <v>19</v>
      </c>
      <c r="AN26418">
        <v>20</v>
      </c>
      <c r="AO26418">
        <v>20</v>
      </c>
      <c r="AP26418">
        <v>20</v>
      </c>
      <c r="AQ26418">
        <v>20</v>
      </c>
    </row>
    <row r="26419" spans="1:43">
      <c r="A26419" t="s">
        <v>16357</v>
      </c>
      <c r="B26419" t="s">
        <v>16358</v>
      </c>
      <c r="C26419" t="s">
        <v>16305</v>
      </c>
      <c r="D26419" t="s">
        <v>16306</v>
      </c>
      <c r="E26419" t="s">
        <v>16245</v>
      </c>
      <c r="F26419" t="s">
        <v>16246</v>
      </c>
      <c r="G26419" t="s">
        <v>10734</v>
      </c>
      <c r="H26419" t="s">
        <v>10735</v>
      </c>
      <c r="I26419" s="2">
        <v>1</v>
      </c>
      <c r="J26419" s="2">
        <v>0</v>
      </c>
      <c r="K26419" s="2">
        <v>0</v>
      </c>
      <c r="L26419" t="s">
        <v>120</v>
      </c>
      <c r="M26419" t="s">
        <v>87</v>
      </c>
      <c r="N26419" t="s">
        <v>88</v>
      </c>
      <c r="O26419" t="s">
        <v>85</v>
      </c>
      <c r="P26419" t="s">
        <v>86</v>
      </c>
      <c r="Q26419">
        <v>13</v>
      </c>
      <c r="R26419">
        <v>13</v>
      </c>
      <c r="S26419">
        <v>13</v>
      </c>
      <c r="T26419">
        <v>14</v>
      </c>
      <c r="U26419">
        <v>14</v>
      </c>
      <c r="V26419">
        <v>14</v>
      </c>
      <c r="W26419">
        <v>14</v>
      </c>
      <c r="X26419">
        <v>14</v>
      </c>
      <c r="Y26419">
        <v>14</v>
      </c>
      <c r="Z26419">
        <v>14</v>
      </c>
      <c r="AA26419">
        <v>15</v>
      </c>
      <c r="AB26419">
        <v>15</v>
      </c>
      <c r="AC26419">
        <v>15</v>
      </c>
      <c r="AD26419">
        <v>15</v>
      </c>
      <c r="AE26419">
        <v>15</v>
      </c>
      <c r="AF26419">
        <v>15</v>
      </c>
      <c r="AG26419">
        <v>16</v>
      </c>
      <c r="AH26419">
        <v>16</v>
      </c>
      <c r="AI26419">
        <v>16</v>
      </c>
      <c r="AJ26419">
        <v>16</v>
      </c>
      <c r="AK26419">
        <v>16</v>
      </c>
      <c r="AL26419">
        <v>17</v>
      </c>
      <c r="AM26419">
        <v>17</v>
      </c>
      <c r="AN26419">
        <v>17</v>
      </c>
      <c r="AO26419">
        <v>17</v>
      </c>
      <c r="AP26419">
        <v>17</v>
      </c>
      <c r="AQ26419">
        <v>18</v>
      </c>
    </row>
    <row r="26420" spans="1:43">
      <c r="A26420" t="s">
        <v>16357</v>
      </c>
      <c r="B26420" t="s">
        <v>16358</v>
      </c>
      <c r="C26420" t="s">
        <v>16305</v>
      </c>
      <c r="D26420" t="s">
        <v>16306</v>
      </c>
      <c r="E26420" t="s">
        <v>16245</v>
      </c>
      <c r="F26420" t="s">
        <v>16246</v>
      </c>
      <c r="G26420" t="s">
        <v>10734</v>
      </c>
      <c r="H26420" t="s">
        <v>10735</v>
      </c>
      <c r="I26420" s="2">
        <v>1</v>
      </c>
      <c r="J26420" s="2">
        <v>0</v>
      </c>
      <c r="K26420" s="2">
        <v>0</v>
      </c>
      <c r="L26420" t="s">
        <v>120</v>
      </c>
      <c r="M26420" t="s">
        <v>89</v>
      </c>
      <c r="N26420" t="s">
        <v>90</v>
      </c>
      <c r="O26420" t="s">
        <v>85</v>
      </c>
      <c r="P26420" t="s">
        <v>86</v>
      </c>
      <c r="Q26420">
        <v>13</v>
      </c>
      <c r="R26420">
        <v>14</v>
      </c>
      <c r="S26420">
        <v>14</v>
      </c>
      <c r="T26420">
        <v>15</v>
      </c>
      <c r="U26420">
        <v>15</v>
      </c>
      <c r="V26420">
        <v>15</v>
      </c>
      <c r="W26420">
        <v>16</v>
      </c>
      <c r="X26420">
        <v>16</v>
      </c>
      <c r="Y26420">
        <v>16</v>
      </c>
      <c r="Z26420">
        <v>17</v>
      </c>
      <c r="AA26420">
        <v>17</v>
      </c>
      <c r="AB26420">
        <v>17</v>
      </c>
      <c r="AC26420">
        <v>18</v>
      </c>
      <c r="AD26420">
        <v>18</v>
      </c>
      <c r="AE26420">
        <v>18</v>
      </c>
      <c r="AF26420">
        <v>19</v>
      </c>
      <c r="AG26420">
        <v>19</v>
      </c>
      <c r="AH26420">
        <v>19</v>
      </c>
      <c r="AI26420">
        <v>19</v>
      </c>
      <c r="AJ26420">
        <v>19</v>
      </c>
      <c r="AK26420">
        <v>19</v>
      </c>
      <c r="AL26420">
        <v>20</v>
      </c>
      <c r="AM26420">
        <v>20</v>
      </c>
      <c r="AN26420">
        <v>20</v>
      </c>
      <c r="AO26420">
        <v>20</v>
      </c>
      <c r="AP26420">
        <v>20</v>
      </c>
      <c r="AQ26420">
        <v>20</v>
      </c>
    </row>
    <row r="26421" spans="1:43">
      <c r="A26421" t="s">
        <v>16357</v>
      </c>
      <c r="B26421" t="s">
        <v>16358</v>
      </c>
      <c r="C26421" t="s">
        <v>16305</v>
      </c>
      <c r="D26421" t="s">
        <v>16306</v>
      </c>
      <c r="E26421" t="s">
        <v>16245</v>
      </c>
      <c r="F26421" t="s">
        <v>16246</v>
      </c>
      <c r="G26421" t="s">
        <v>10734</v>
      </c>
      <c r="H26421" t="s">
        <v>10735</v>
      </c>
      <c r="I26421" s="2">
        <v>1</v>
      </c>
      <c r="J26421" s="2">
        <v>0</v>
      </c>
      <c r="K26421" s="2">
        <v>0</v>
      </c>
      <c r="L26421" t="s">
        <v>120</v>
      </c>
      <c r="M26421" t="s">
        <v>83</v>
      </c>
      <c r="N26421" t="s">
        <v>91</v>
      </c>
      <c r="O26421" t="s">
        <v>85</v>
      </c>
      <c r="P26421" t="s">
        <v>86</v>
      </c>
      <c r="Q26421">
        <v>13</v>
      </c>
      <c r="R26421">
        <v>14</v>
      </c>
      <c r="S26421">
        <v>14</v>
      </c>
      <c r="T26421">
        <v>14</v>
      </c>
      <c r="U26421">
        <v>14</v>
      </c>
      <c r="V26421">
        <v>15</v>
      </c>
      <c r="W26421">
        <v>15</v>
      </c>
      <c r="X26421">
        <v>15</v>
      </c>
      <c r="Y26421">
        <v>15</v>
      </c>
      <c r="Z26421">
        <v>16</v>
      </c>
      <c r="AA26421">
        <v>16</v>
      </c>
      <c r="AB26421">
        <v>16</v>
      </c>
      <c r="AC26421">
        <v>17</v>
      </c>
      <c r="AD26421">
        <v>17</v>
      </c>
      <c r="AE26421">
        <v>17</v>
      </c>
      <c r="AF26421">
        <v>17</v>
      </c>
      <c r="AG26421">
        <v>18</v>
      </c>
      <c r="AH26421">
        <v>18</v>
      </c>
      <c r="AI26421">
        <v>18</v>
      </c>
      <c r="AJ26421">
        <v>19</v>
      </c>
      <c r="AK26421">
        <v>19</v>
      </c>
      <c r="AL26421">
        <v>19</v>
      </c>
      <c r="AM26421">
        <v>19</v>
      </c>
      <c r="AN26421">
        <v>20</v>
      </c>
      <c r="AO26421">
        <v>20</v>
      </c>
      <c r="AP26421">
        <v>20</v>
      </c>
      <c r="AQ26421">
        <v>20</v>
      </c>
    </row>
    <row r="26422" spans="1:43">
      <c r="A26422" t="s">
        <v>16359</v>
      </c>
      <c r="B26422" t="s">
        <v>16360</v>
      </c>
      <c r="C26422" t="s">
        <v>16305</v>
      </c>
      <c r="D26422" t="s">
        <v>16306</v>
      </c>
      <c r="E26422" t="s">
        <v>16245</v>
      </c>
      <c r="F26422" t="s">
        <v>16246</v>
      </c>
      <c r="G26422" t="s">
        <v>10734</v>
      </c>
      <c r="H26422" t="s">
        <v>10735</v>
      </c>
      <c r="I26422" s="2">
        <v>1</v>
      </c>
      <c r="J26422" s="2">
        <v>0</v>
      </c>
      <c r="K26422" s="2">
        <v>0</v>
      </c>
      <c r="L26422" t="s">
        <v>120</v>
      </c>
      <c r="M26422" t="s">
        <v>83</v>
      </c>
      <c r="N26422" t="s">
        <v>84</v>
      </c>
      <c r="O26422" t="s">
        <v>85</v>
      </c>
      <c r="P26422" t="s">
        <v>86</v>
      </c>
      <c r="Q26422">
        <v>20</v>
      </c>
      <c r="R26422">
        <v>20</v>
      </c>
      <c r="S26422">
        <v>21</v>
      </c>
      <c r="T26422">
        <v>21</v>
      </c>
      <c r="U26422">
        <v>22</v>
      </c>
      <c r="V26422">
        <v>22</v>
      </c>
      <c r="W26422">
        <v>22</v>
      </c>
      <c r="X26422">
        <v>23</v>
      </c>
      <c r="Y26422">
        <v>23</v>
      </c>
      <c r="Z26422">
        <v>24</v>
      </c>
      <c r="AA26422">
        <v>24</v>
      </c>
      <c r="AB26422">
        <v>25</v>
      </c>
      <c r="AC26422">
        <v>25</v>
      </c>
      <c r="AD26422">
        <v>25</v>
      </c>
      <c r="AE26422">
        <v>26</v>
      </c>
      <c r="AF26422">
        <v>26</v>
      </c>
      <c r="AG26422">
        <v>27</v>
      </c>
      <c r="AH26422">
        <v>27</v>
      </c>
      <c r="AI26422">
        <v>28</v>
      </c>
      <c r="AJ26422">
        <v>28</v>
      </c>
      <c r="AK26422">
        <v>29</v>
      </c>
      <c r="AL26422">
        <v>29</v>
      </c>
      <c r="AM26422">
        <v>29</v>
      </c>
      <c r="AN26422">
        <v>30</v>
      </c>
      <c r="AO26422">
        <v>30</v>
      </c>
      <c r="AP26422">
        <v>30</v>
      </c>
      <c r="AQ26422">
        <v>30</v>
      </c>
    </row>
    <row r="26423" spans="1:43">
      <c r="A26423" t="s">
        <v>16359</v>
      </c>
      <c r="B26423" t="s">
        <v>16360</v>
      </c>
      <c r="C26423" t="s">
        <v>16305</v>
      </c>
      <c r="D26423" t="s">
        <v>16306</v>
      </c>
      <c r="E26423" t="s">
        <v>16245</v>
      </c>
      <c r="F26423" t="s">
        <v>16246</v>
      </c>
      <c r="G26423" t="s">
        <v>10734</v>
      </c>
      <c r="H26423" t="s">
        <v>10735</v>
      </c>
      <c r="I26423" s="2">
        <v>1</v>
      </c>
      <c r="J26423" s="2">
        <v>0</v>
      </c>
      <c r="K26423" s="2">
        <v>0</v>
      </c>
      <c r="L26423" t="s">
        <v>120</v>
      </c>
      <c r="M26423" t="s">
        <v>87</v>
      </c>
      <c r="N26423" t="s">
        <v>88</v>
      </c>
      <c r="O26423" t="s">
        <v>85</v>
      </c>
      <c r="P26423" t="s">
        <v>86</v>
      </c>
      <c r="Q26423">
        <v>20</v>
      </c>
      <c r="R26423">
        <v>20</v>
      </c>
      <c r="S26423">
        <v>20</v>
      </c>
      <c r="T26423">
        <v>20</v>
      </c>
      <c r="U26423">
        <v>21</v>
      </c>
      <c r="V26423">
        <v>21</v>
      </c>
      <c r="W26423">
        <v>21</v>
      </c>
      <c r="X26423">
        <v>21</v>
      </c>
      <c r="Y26423">
        <v>22</v>
      </c>
      <c r="Z26423">
        <v>22</v>
      </c>
      <c r="AA26423">
        <v>22</v>
      </c>
      <c r="AB26423">
        <v>22</v>
      </c>
      <c r="AC26423">
        <v>22</v>
      </c>
      <c r="AD26423">
        <v>23</v>
      </c>
      <c r="AE26423">
        <v>23</v>
      </c>
      <c r="AF26423">
        <v>23</v>
      </c>
      <c r="AG26423">
        <v>23</v>
      </c>
      <c r="AH26423">
        <v>24</v>
      </c>
      <c r="AI26423">
        <v>24</v>
      </c>
      <c r="AJ26423">
        <v>24</v>
      </c>
      <c r="AK26423">
        <v>25</v>
      </c>
      <c r="AL26423">
        <v>25</v>
      </c>
      <c r="AM26423">
        <v>25</v>
      </c>
      <c r="AN26423">
        <v>25</v>
      </c>
      <c r="AO26423">
        <v>26</v>
      </c>
      <c r="AP26423">
        <v>26</v>
      </c>
      <c r="AQ26423">
        <v>26</v>
      </c>
    </row>
    <row r="26424" spans="1:43">
      <c r="A26424" t="s">
        <v>16359</v>
      </c>
      <c r="B26424" t="s">
        <v>16360</v>
      </c>
      <c r="C26424" t="s">
        <v>16305</v>
      </c>
      <c r="D26424" t="s">
        <v>16306</v>
      </c>
      <c r="E26424" t="s">
        <v>16245</v>
      </c>
      <c r="F26424" t="s">
        <v>16246</v>
      </c>
      <c r="G26424" t="s">
        <v>10734</v>
      </c>
      <c r="H26424" t="s">
        <v>10735</v>
      </c>
      <c r="I26424" s="2">
        <v>1</v>
      </c>
      <c r="J26424" s="2">
        <v>0</v>
      </c>
      <c r="K26424" s="2">
        <v>0</v>
      </c>
      <c r="L26424" t="s">
        <v>120</v>
      </c>
      <c r="M26424" t="s">
        <v>89</v>
      </c>
      <c r="N26424" t="s">
        <v>90</v>
      </c>
      <c r="O26424" t="s">
        <v>85</v>
      </c>
      <c r="P26424" t="s">
        <v>86</v>
      </c>
      <c r="Q26424">
        <v>20</v>
      </c>
      <c r="R26424">
        <v>21</v>
      </c>
      <c r="S26424">
        <v>21</v>
      </c>
      <c r="T26424">
        <v>22</v>
      </c>
      <c r="U26424">
        <v>22</v>
      </c>
      <c r="V26424">
        <v>23</v>
      </c>
      <c r="W26424">
        <v>23</v>
      </c>
      <c r="X26424">
        <v>24</v>
      </c>
      <c r="Y26424">
        <v>25</v>
      </c>
      <c r="Z26424">
        <v>25</v>
      </c>
      <c r="AA26424">
        <v>26</v>
      </c>
      <c r="AB26424">
        <v>26</v>
      </c>
      <c r="AC26424">
        <v>27</v>
      </c>
      <c r="AD26424">
        <v>27</v>
      </c>
      <c r="AE26424">
        <v>28</v>
      </c>
      <c r="AF26424">
        <v>28</v>
      </c>
      <c r="AG26424">
        <v>28</v>
      </c>
      <c r="AH26424">
        <v>28</v>
      </c>
      <c r="AI26424">
        <v>29</v>
      </c>
      <c r="AJ26424">
        <v>29</v>
      </c>
      <c r="AK26424">
        <v>29</v>
      </c>
      <c r="AL26424">
        <v>29</v>
      </c>
      <c r="AM26424">
        <v>30</v>
      </c>
      <c r="AN26424">
        <v>30</v>
      </c>
      <c r="AO26424">
        <v>30</v>
      </c>
      <c r="AP26424">
        <v>30</v>
      </c>
      <c r="AQ26424">
        <v>31</v>
      </c>
    </row>
    <row r="26425" spans="1:43">
      <c r="A26425" t="s">
        <v>16359</v>
      </c>
      <c r="B26425" t="s">
        <v>16360</v>
      </c>
      <c r="C26425" t="s">
        <v>16305</v>
      </c>
      <c r="D26425" t="s">
        <v>16306</v>
      </c>
      <c r="E26425" t="s">
        <v>16245</v>
      </c>
      <c r="F26425" t="s">
        <v>16246</v>
      </c>
      <c r="G26425" t="s">
        <v>10734</v>
      </c>
      <c r="H26425" t="s">
        <v>10735</v>
      </c>
      <c r="I26425" s="2">
        <v>1</v>
      </c>
      <c r="J26425" s="2">
        <v>0</v>
      </c>
      <c r="K26425" s="2">
        <v>0</v>
      </c>
      <c r="L26425" t="s">
        <v>120</v>
      </c>
      <c r="M26425" t="s">
        <v>83</v>
      </c>
      <c r="N26425" t="s">
        <v>91</v>
      </c>
      <c r="O26425" t="s">
        <v>85</v>
      </c>
      <c r="P26425" t="s">
        <v>86</v>
      </c>
      <c r="Q26425">
        <v>20</v>
      </c>
      <c r="R26425">
        <v>20</v>
      </c>
      <c r="S26425">
        <v>21</v>
      </c>
      <c r="T26425">
        <v>21</v>
      </c>
      <c r="U26425">
        <v>22</v>
      </c>
      <c r="V26425">
        <v>22</v>
      </c>
      <c r="W26425">
        <v>22</v>
      </c>
      <c r="X26425">
        <v>23</v>
      </c>
      <c r="Y26425">
        <v>23</v>
      </c>
      <c r="Z26425">
        <v>24</v>
      </c>
      <c r="AA26425">
        <v>24</v>
      </c>
      <c r="AB26425">
        <v>25</v>
      </c>
      <c r="AC26425">
        <v>25</v>
      </c>
      <c r="AD26425">
        <v>25</v>
      </c>
      <c r="AE26425">
        <v>26</v>
      </c>
      <c r="AF26425">
        <v>26</v>
      </c>
      <c r="AG26425">
        <v>27</v>
      </c>
      <c r="AH26425">
        <v>27</v>
      </c>
      <c r="AI26425">
        <v>28</v>
      </c>
      <c r="AJ26425">
        <v>28</v>
      </c>
      <c r="AK26425">
        <v>29</v>
      </c>
      <c r="AL26425">
        <v>29</v>
      </c>
      <c r="AM26425">
        <v>29</v>
      </c>
      <c r="AN26425">
        <v>30</v>
      </c>
      <c r="AO26425">
        <v>30</v>
      </c>
      <c r="AP26425">
        <v>30</v>
      </c>
      <c r="AQ26425">
        <v>30</v>
      </c>
    </row>
    <row r="26426" spans="1:43">
      <c r="A26426" t="s">
        <v>16361</v>
      </c>
      <c r="B26426" t="s">
        <v>16362</v>
      </c>
      <c r="C26426" t="s">
        <v>16305</v>
      </c>
      <c r="D26426" t="s">
        <v>16306</v>
      </c>
      <c r="E26426" t="s">
        <v>16245</v>
      </c>
      <c r="F26426" t="s">
        <v>16246</v>
      </c>
      <c r="G26426" t="s">
        <v>10734</v>
      </c>
      <c r="H26426" t="s">
        <v>10735</v>
      </c>
      <c r="I26426" s="2">
        <v>1</v>
      </c>
      <c r="J26426" s="2">
        <v>0</v>
      </c>
      <c r="K26426" s="2">
        <v>0</v>
      </c>
      <c r="L26426" t="s">
        <v>120</v>
      </c>
      <c r="M26426" t="s">
        <v>83</v>
      </c>
      <c r="N26426" t="s">
        <v>84</v>
      </c>
      <c r="O26426" t="s">
        <v>85</v>
      </c>
      <c r="P26426" t="s">
        <v>86</v>
      </c>
      <c r="Q26426">
        <v>21</v>
      </c>
      <c r="R26426">
        <v>22</v>
      </c>
      <c r="S26426">
        <v>22</v>
      </c>
      <c r="T26426">
        <v>22</v>
      </c>
      <c r="U26426">
        <v>23</v>
      </c>
      <c r="V26426">
        <v>23</v>
      </c>
      <c r="W26426">
        <v>24</v>
      </c>
      <c r="X26426">
        <v>24</v>
      </c>
      <c r="Y26426">
        <v>25</v>
      </c>
      <c r="Z26426">
        <v>25</v>
      </c>
      <c r="AA26426">
        <v>26</v>
      </c>
      <c r="AB26426">
        <v>26</v>
      </c>
      <c r="AC26426">
        <v>26</v>
      </c>
      <c r="AD26426">
        <v>27</v>
      </c>
      <c r="AE26426">
        <v>27</v>
      </c>
      <c r="AF26426">
        <v>28</v>
      </c>
      <c r="AG26426">
        <v>28</v>
      </c>
      <c r="AH26426">
        <v>29</v>
      </c>
      <c r="AI26426">
        <v>29</v>
      </c>
      <c r="AJ26426">
        <v>30</v>
      </c>
      <c r="AK26426">
        <v>30</v>
      </c>
      <c r="AL26426">
        <v>31</v>
      </c>
      <c r="AM26426">
        <v>31</v>
      </c>
      <c r="AN26426">
        <v>31</v>
      </c>
      <c r="AO26426">
        <v>32</v>
      </c>
      <c r="AP26426">
        <v>32</v>
      </c>
      <c r="AQ26426">
        <v>32</v>
      </c>
    </row>
    <row r="26427" spans="1:43">
      <c r="A26427" t="s">
        <v>16361</v>
      </c>
      <c r="B26427" t="s">
        <v>16362</v>
      </c>
      <c r="C26427" t="s">
        <v>16305</v>
      </c>
      <c r="D26427" t="s">
        <v>16306</v>
      </c>
      <c r="E26427" t="s">
        <v>16245</v>
      </c>
      <c r="F26427" t="s">
        <v>16246</v>
      </c>
      <c r="G26427" t="s">
        <v>10734</v>
      </c>
      <c r="H26427" t="s">
        <v>10735</v>
      </c>
      <c r="I26427" s="2">
        <v>1</v>
      </c>
      <c r="J26427" s="2">
        <v>0</v>
      </c>
      <c r="K26427" s="2">
        <v>0</v>
      </c>
      <c r="L26427" t="s">
        <v>120</v>
      </c>
      <c r="M26427" t="s">
        <v>87</v>
      </c>
      <c r="N26427" t="s">
        <v>88</v>
      </c>
      <c r="O26427" t="s">
        <v>85</v>
      </c>
      <c r="P26427" t="s">
        <v>86</v>
      </c>
      <c r="Q26427">
        <v>21</v>
      </c>
      <c r="R26427">
        <v>21</v>
      </c>
      <c r="S26427">
        <v>21</v>
      </c>
      <c r="T26427">
        <v>22</v>
      </c>
      <c r="U26427">
        <v>22</v>
      </c>
      <c r="V26427">
        <v>22</v>
      </c>
      <c r="W26427">
        <v>22</v>
      </c>
      <c r="X26427">
        <v>23</v>
      </c>
      <c r="Y26427">
        <v>23</v>
      </c>
      <c r="Z26427">
        <v>23</v>
      </c>
      <c r="AA26427">
        <v>23</v>
      </c>
      <c r="AB26427">
        <v>24</v>
      </c>
      <c r="AC26427">
        <v>24</v>
      </c>
      <c r="AD26427">
        <v>24</v>
      </c>
      <c r="AE26427">
        <v>24</v>
      </c>
      <c r="AF26427">
        <v>25</v>
      </c>
      <c r="AG26427">
        <v>25</v>
      </c>
      <c r="AH26427">
        <v>25</v>
      </c>
      <c r="AI26427">
        <v>26</v>
      </c>
      <c r="AJ26427">
        <v>26</v>
      </c>
      <c r="AK26427">
        <v>26</v>
      </c>
      <c r="AL26427">
        <v>26</v>
      </c>
      <c r="AM26427">
        <v>27</v>
      </c>
      <c r="AN26427">
        <v>27</v>
      </c>
      <c r="AO26427">
        <v>27</v>
      </c>
      <c r="AP26427">
        <v>28</v>
      </c>
      <c r="AQ26427">
        <v>28</v>
      </c>
    </row>
    <row r="26428" spans="1:43">
      <c r="A26428" t="s">
        <v>16361</v>
      </c>
      <c r="B26428" t="s">
        <v>16362</v>
      </c>
      <c r="C26428" t="s">
        <v>16305</v>
      </c>
      <c r="D26428" t="s">
        <v>16306</v>
      </c>
      <c r="E26428" t="s">
        <v>16245</v>
      </c>
      <c r="F26428" t="s">
        <v>16246</v>
      </c>
      <c r="G26428" t="s">
        <v>10734</v>
      </c>
      <c r="H26428" t="s">
        <v>10735</v>
      </c>
      <c r="I26428" s="2">
        <v>1</v>
      </c>
      <c r="J26428" s="2">
        <v>0</v>
      </c>
      <c r="K26428" s="2">
        <v>0</v>
      </c>
      <c r="L26428" t="s">
        <v>120</v>
      </c>
      <c r="M26428" t="s">
        <v>89</v>
      </c>
      <c r="N26428" t="s">
        <v>90</v>
      </c>
      <c r="O26428" t="s">
        <v>85</v>
      </c>
      <c r="P26428" t="s">
        <v>86</v>
      </c>
      <c r="Q26428">
        <v>21</v>
      </c>
      <c r="R26428">
        <v>22</v>
      </c>
      <c r="S26428">
        <v>23</v>
      </c>
      <c r="T26428">
        <v>23</v>
      </c>
      <c r="U26428">
        <v>24</v>
      </c>
      <c r="V26428">
        <v>24</v>
      </c>
      <c r="W26428">
        <v>25</v>
      </c>
      <c r="X26428">
        <v>26</v>
      </c>
      <c r="Y26428">
        <v>26</v>
      </c>
      <c r="Z26428">
        <v>27</v>
      </c>
      <c r="AA26428">
        <v>27</v>
      </c>
      <c r="AB26428">
        <v>28</v>
      </c>
      <c r="AC26428">
        <v>28</v>
      </c>
      <c r="AD26428">
        <v>29</v>
      </c>
      <c r="AE26428">
        <v>29</v>
      </c>
      <c r="AF26428">
        <v>30</v>
      </c>
      <c r="AG26428">
        <v>30</v>
      </c>
      <c r="AH26428">
        <v>30</v>
      </c>
      <c r="AI26428">
        <v>30</v>
      </c>
      <c r="AJ26428">
        <v>31</v>
      </c>
      <c r="AK26428">
        <v>31</v>
      </c>
      <c r="AL26428">
        <v>31</v>
      </c>
      <c r="AM26428">
        <v>31</v>
      </c>
      <c r="AN26428">
        <v>32</v>
      </c>
      <c r="AO26428">
        <v>32</v>
      </c>
      <c r="AP26428">
        <v>32</v>
      </c>
      <c r="AQ26428">
        <v>33</v>
      </c>
    </row>
    <row r="26429" spans="1:43">
      <c r="A26429" t="s">
        <v>16361</v>
      </c>
      <c r="B26429" t="s">
        <v>16362</v>
      </c>
      <c r="C26429" t="s">
        <v>16305</v>
      </c>
      <c r="D26429" t="s">
        <v>16306</v>
      </c>
      <c r="E26429" t="s">
        <v>16245</v>
      </c>
      <c r="F26429" t="s">
        <v>16246</v>
      </c>
      <c r="G26429" t="s">
        <v>10734</v>
      </c>
      <c r="H26429" t="s">
        <v>10735</v>
      </c>
      <c r="I26429" s="2">
        <v>1</v>
      </c>
      <c r="J26429" s="2">
        <v>0</v>
      </c>
      <c r="K26429" s="2">
        <v>0</v>
      </c>
      <c r="L26429" t="s">
        <v>120</v>
      </c>
      <c r="M26429" t="s">
        <v>83</v>
      </c>
      <c r="N26429" t="s">
        <v>91</v>
      </c>
      <c r="O26429" t="s">
        <v>85</v>
      </c>
      <c r="P26429" t="s">
        <v>86</v>
      </c>
      <c r="Q26429">
        <v>21</v>
      </c>
      <c r="R26429">
        <v>22</v>
      </c>
      <c r="S26429">
        <v>22</v>
      </c>
      <c r="T26429">
        <v>22</v>
      </c>
      <c r="U26429">
        <v>23</v>
      </c>
      <c r="V26429">
        <v>23</v>
      </c>
      <c r="W26429">
        <v>24</v>
      </c>
      <c r="X26429">
        <v>24</v>
      </c>
      <c r="Y26429">
        <v>25</v>
      </c>
      <c r="Z26429">
        <v>25</v>
      </c>
      <c r="AA26429">
        <v>26</v>
      </c>
      <c r="AB26429">
        <v>26</v>
      </c>
      <c r="AC26429">
        <v>26</v>
      </c>
      <c r="AD26429">
        <v>27</v>
      </c>
      <c r="AE26429">
        <v>27</v>
      </c>
      <c r="AF26429">
        <v>28</v>
      </c>
      <c r="AG26429">
        <v>28</v>
      </c>
      <c r="AH26429">
        <v>29</v>
      </c>
      <c r="AI26429">
        <v>29</v>
      </c>
      <c r="AJ26429">
        <v>30</v>
      </c>
      <c r="AK26429">
        <v>30</v>
      </c>
      <c r="AL26429">
        <v>31</v>
      </c>
      <c r="AM26429">
        <v>31</v>
      </c>
      <c r="AN26429">
        <v>31</v>
      </c>
      <c r="AO26429">
        <v>32</v>
      </c>
      <c r="AP26429">
        <v>32</v>
      </c>
      <c r="AQ26429">
        <v>32</v>
      </c>
    </row>
    <row r="26430" spans="1:43">
      <c r="A26430" t="s">
        <v>16363</v>
      </c>
      <c r="B26430" t="s">
        <v>16364</v>
      </c>
      <c r="C26430" t="s">
        <v>16305</v>
      </c>
      <c r="D26430" t="s">
        <v>16306</v>
      </c>
      <c r="E26430" t="s">
        <v>16245</v>
      </c>
      <c r="F26430" t="s">
        <v>16246</v>
      </c>
      <c r="G26430" t="s">
        <v>10734</v>
      </c>
      <c r="H26430" t="s">
        <v>10735</v>
      </c>
      <c r="I26430" s="2">
        <v>1</v>
      </c>
      <c r="J26430" s="2">
        <v>0</v>
      </c>
      <c r="K26430" s="2">
        <v>0</v>
      </c>
      <c r="L26430" t="s">
        <v>120</v>
      </c>
      <c r="M26430" t="s">
        <v>83</v>
      </c>
      <c r="N26430" t="s">
        <v>84</v>
      </c>
      <c r="O26430" t="s">
        <v>85</v>
      </c>
      <c r="P26430" t="s">
        <v>86</v>
      </c>
      <c r="Q26430">
        <v>11</v>
      </c>
      <c r="R26430">
        <v>11</v>
      </c>
      <c r="S26430">
        <v>12</v>
      </c>
      <c r="T26430">
        <v>12</v>
      </c>
      <c r="U26430">
        <v>12</v>
      </c>
      <c r="V26430">
        <v>12</v>
      </c>
      <c r="W26430">
        <v>12</v>
      </c>
      <c r="X26430">
        <v>13</v>
      </c>
      <c r="Y26430">
        <v>13</v>
      </c>
      <c r="Z26430">
        <v>13</v>
      </c>
      <c r="AA26430">
        <v>13</v>
      </c>
      <c r="AB26430">
        <v>14</v>
      </c>
      <c r="AC26430">
        <v>14</v>
      </c>
      <c r="AD26430">
        <v>14</v>
      </c>
      <c r="AE26430">
        <v>14</v>
      </c>
      <c r="AF26430">
        <v>15</v>
      </c>
      <c r="AG26430">
        <v>15</v>
      </c>
      <c r="AH26430">
        <v>15</v>
      </c>
      <c r="AI26430">
        <v>15</v>
      </c>
      <c r="AJ26430">
        <v>16</v>
      </c>
      <c r="AK26430">
        <v>16</v>
      </c>
      <c r="AL26430">
        <v>16</v>
      </c>
      <c r="AM26430">
        <v>16</v>
      </c>
      <c r="AN26430">
        <v>16</v>
      </c>
      <c r="AO26430">
        <v>16</v>
      </c>
      <c r="AP26430">
        <v>17</v>
      </c>
      <c r="AQ26430">
        <v>17</v>
      </c>
    </row>
    <row r="26431" spans="1:43">
      <c r="A26431" t="s">
        <v>16363</v>
      </c>
      <c r="B26431" t="s">
        <v>16364</v>
      </c>
      <c r="C26431" t="s">
        <v>16305</v>
      </c>
      <c r="D26431" t="s">
        <v>16306</v>
      </c>
      <c r="E26431" t="s">
        <v>16245</v>
      </c>
      <c r="F26431" t="s">
        <v>16246</v>
      </c>
      <c r="G26431" t="s">
        <v>10734</v>
      </c>
      <c r="H26431" t="s">
        <v>10735</v>
      </c>
      <c r="I26431" s="2">
        <v>1</v>
      </c>
      <c r="J26431" s="2">
        <v>0</v>
      </c>
      <c r="K26431" s="2">
        <v>0</v>
      </c>
      <c r="L26431" t="s">
        <v>120</v>
      </c>
      <c r="M26431" t="s">
        <v>87</v>
      </c>
      <c r="N26431" t="s">
        <v>88</v>
      </c>
      <c r="O26431" t="s">
        <v>85</v>
      </c>
      <c r="P26431" t="s">
        <v>86</v>
      </c>
      <c r="Q26431">
        <v>11</v>
      </c>
      <c r="R26431">
        <v>11</v>
      </c>
      <c r="S26431">
        <v>11</v>
      </c>
      <c r="T26431">
        <v>11</v>
      </c>
      <c r="U26431">
        <v>11</v>
      </c>
      <c r="V26431">
        <v>12</v>
      </c>
      <c r="W26431">
        <v>12</v>
      </c>
      <c r="X26431">
        <v>12</v>
      </c>
      <c r="Y26431">
        <v>12</v>
      </c>
      <c r="Z26431">
        <v>12</v>
      </c>
      <c r="AA26431">
        <v>12</v>
      </c>
      <c r="AB26431">
        <v>12</v>
      </c>
      <c r="AC26431">
        <v>12</v>
      </c>
      <c r="AD26431">
        <v>13</v>
      </c>
      <c r="AE26431">
        <v>13</v>
      </c>
      <c r="AF26431">
        <v>13</v>
      </c>
      <c r="AG26431">
        <v>13</v>
      </c>
      <c r="AH26431">
        <v>13</v>
      </c>
      <c r="AI26431">
        <v>13</v>
      </c>
      <c r="AJ26431">
        <v>13</v>
      </c>
      <c r="AK26431">
        <v>14</v>
      </c>
      <c r="AL26431">
        <v>14</v>
      </c>
      <c r="AM26431">
        <v>14</v>
      </c>
      <c r="AN26431">
        <v>14</v>
      </c>
      <c r="AO26431">
        <v>14</v>
      </c>
      <c r="AP26431">
        <v>14</v>
      </c>
      <c r="AQ26431">
        <v>15</v>
      </c>
    </row>
    <row r="26432" spans="1:43">
      <c r="A26432" t="s">
        <v>16363</v>
      </c>
      <c r="B26432" t="s">
        <v>16364</v>
      </c>
      <c r="C26432" t="s">
        <v>16305</v>
      </c>
      <c r="D26432" t="s">
        <v>16306</v>
      </c>
      <c r="E26432" t="s">
        <v>16245</v>
      </c>
      <c r="F26432" t="s">
        <v>16246</v>
      </c>
      <c r="G26432" t="s">
        <v>10734</v>
      </c>
      <c r="H26432" t="s">
        <v>10735</v>
      </c>
      <c r="I26432" s="2">
        <v>1</v>
      </c>
      <c r="J26432" s="2">
        <v>0</v>
      </c>
      <c r="K26432" s="2">
        <v>0</v>
      </c>
      <c r="L26432" t="s">
        <v>120</v>
      </c>
      <c r="M26432" t="s">
        <v>89</v>
      </c>
      <c r="N26432" t="s">
        <v>90</v>
      </c>
      <c r="O26432" t="s">
        <v>85</v>
      </c>
      <c r="P26432" t="s">
        <v>86</v>
      </c>
      <c r="Q26432">
        <v>11</v>
      </c>
      <c r="R26432">
        <v>12</v>
      </c>
      <c r="S26432">
        <v>12</v>
      </c>
      <c r="T26432">
        <v>12</v>
      </c>
      <c r="U26432">
        <v>12</v>
      </c>
      <c r="V26432">
        <v>13</v>
      </c>
      <c r="W26432">
        <v>13</v>
      </c>
      <c r="X26432">
        <v>13</v>
      </c>
      <c r="Y26432">
        <v>14</v>
      </c>
      <c r="Z26432">
        <v>14</v>
      </c>
      <c r="AA26432">
        <v>14</v>
      </c>
      <c r="AB26432">
        <v>14</v>
      </c>
      <c r="AC26432">
        <v>15</v>
      </c>
      <c r="AD26432">
        <v>15</v>
      </c>
      <c r="AE26432">
        <v>15</v>
      </c>
      <c r="AF26432">
        <v>15</v>
      </c>
      <c r="AG26432">
        <v>16</v>
      </c>
      <c r="AH26432">
        <v>16</v>
      </c>
      <c r="AI26432">
        <v>16</v>
      </c>
      <c r="AJ26432">
        <v>16</v>
      </c>
      <c r="AK26432">
        <v>16</v>
      </c>
      <c r="AL26432">
        <v>16</v>
      </c>
      <c r="AM26432">
        <v>16</v>
      </c>
      <c r="AN26432">
        <v>17</v>
      </c>
      <c r="AO26432">
        <v>17</v>
      </c>
      <c r="AP26432">
        <v>17</v>
      </c>
      <c r="AQ26432">
        <v>17</v>
      </c>
    </row>
    <row r="26433" spans="1:43">
      <c r="A26433" t="s">
        <v>16363</v>
      </c>
      <c r="B26433" t="s">
        <v>16364</v>
      </c>
      <c r="C26433" t="s">
        <v>16305</v>
      </c>
      <c r="D26433" t="s">
        <v>16306</v>
      </c>
      <c r="E26433" t="s">
        <v>16245</v>
      </c>
      <c r="F26433" t="s">
        <v>16246</v>
      </c>
      <c r="G26433" t="s">
        <v>10734</v>
      </c>
      <c r="H26433" t="s">
        <v>10735</v>
      </c>
      <c r="I26433" s="2">
        <v>1</v>
      </c>
      <c r="J26433" s="2">
        <v>0</v>
      </c>
      <c r="K26433" s="2">
        <v>0</v>
      </c>
      <c r="L26433" t="s">
        <v>120</v>
      </c>
      <c r="M26433" t="s">
        <v>83</v>
      </c>
      <c r="N26433" t="s">
        <v>91</v>
      </c>
      <c r="O26433" t="s">
        <v>85</v>
      </c>
      <c r="P26433" t="s">
        <v>86</v>
      </c>
      <c r="Q26433">
        <v>11</v>
      </c>
      <c r="R26433">
        <v>11</v>
      </c>
      <c r="S26433">
        <v>12</v>
      </c>
      <c r="T26433">
        <v>12</v>
      </c>
      <c r="U26433">
        <v>12</v>
      </c>
      <c r="V26433">
        <v>12</v>
      </c>
      <c r="W26433">
        <v>12</v>
      </c>
      <c r="X26433">
        <v>13</v>
      </c>
      <c r="Y26433">
        <v>13</v>
      </c>
      <c r="Z26433">
        <v>13</v>
      </c>
      <c r="AA26433">
        <v>13</v>
      </c>
      <c r="AB26433">
        <v>14</v>
      </c>
      <c r="AC26433">
        <v>14</v>
      </c>
      <c r="AD26433">
        <v>14</v>
      </c>
      <c r="AE26433">
        <v>14</v>
      </c>
      <c r="AF26433">
        <v>15</v>
      </c>
      <c r="AG26433">
        <v>15</v>
      </c>
      <c r="AH26433">
        <v>15</v>
      </c>
      <c r="AI26433">
        <v>15</v>
      </c>
      <c r="AJ26433">
        <v>16</v>
      </c>
      <c r="AK26433">
        <v>16</v>
      </c>
      <c r="AL26433">
        <v>16</v>
      </c>
      <c r="AM26433">
        <v>16</v>
      </c>
      <c r="AN26433">
        <v>16</v>
      </c>
      <c r="AO26433">
        <v>16</v>
      </c>
      <c r="AP26433">
        <v>17</v>
      </c>
      <c r="AQ26433">
        <v>17</v>
      </c>
    </row>
    <row r="26434" spans="1:43">
      <c r="A26434" t="s">
        <v>16365</v>
      </c>
      <c r="B26434" t="s">
        <v>16366</v>
      </c>
      <c r="C26434" t="s">
        <v>16279</v>
      </c>
      <c r="D26434" t="s">
        <v>16280</v>
      </c>
      <c r="E26434" t="s">
        <v>16245</v>
      </c>
      <c r="F26434" t="s">
        <v>16246</v>
      </c>
      <c r="G26434" t="s">
        <v>10734</v>
      </c>
      <c r="H26434" t="s">
        <v>10735</v>
      </c>
      <c r="I26434" s="2">
        <v>1</v>
      </c>
      <c r="J26434" s="2">
        <v>0</v>
      </c>
      <c r="K26434" s="2">
        <v>0</v>
      </c>
      <c r="L26434" t="s">
        <v>120</v>
      </c>
      <c r="M26434" t="s">
        <v>83</v>
      </c>
      <c r="N26434" t="s">
        <v>84</v>
      </c>
      <c r="O26434" t="s">
        <v>85</v>
      </c>
      <c r="P26434" t="s">
        <v>86</v>
      </c>
      <c r="Q26434">
        <v>29</v>
      </c>
      <c r="R26434">
        <v>29</v>
      </c>
      <c r="S26434">
        <v>30</v>
      </c>
      <c r="T26434">
        <v>31</v>
      </c>
      <c r="U26434">
        <v>31</v>
      </c>
      <c r="V26434">
        <v>32</v>
      </c>
      <c r="W26434">
        <v>32</v>
      </c>
      <c r="X26434">
        <v>33</v>
      </c>
      <c r="Y26434">
        <v>34</v>
      </c>
      <c r="Z26434">
        <v>34</v>
      </c>
      <c r="AA26434">
        <v>35</v>
      </c>
      <c r="AB26434">
        <v>36</v>
      </c>
      <c r="AC26434">
        <v>36</v>
      </c>
      <c r="AD26434">
        <v>37</v>
      </c>
      <c r="AE26434">
        <v>38</v>
      </c>
      <c r="AF26434">
        <v>38</v>
      </c>
      <c r="AG26434">
        <v>39</v>
      </c>
      <c r="AH26434">
        <v>40</v>
      </c>
      <c r="AI26434">
        <v>40</v>
      </c>
      <c r="AJ26434">
        <v>41</v>
      </c>
      <c r="AK26434">
        <v>42</v>
      </c>
      <c r="AL26434">
        <v>42</v>
      </c>
      <c r="AM26434">
        <v>43</v>
      </c>
      <c r="AN26434">
        <v>43</v>
      </c>
      <c r="AO26434">
        <v>43</v>
      </c>
      <c r="AP26434">
        <v>44</v>
      </c>
      <c r="AQ26434">
        <v>44</v>
      </c>
    </row>
    <row r="26435" spans="1:43">
      <c r="A26435" t="s">
        <v>16365</v>
      </c>
      <c r="B26435" t="s">
        <v>16366</v>
      </c>
      <c r="C26435" t="s">
        <v>16279</v>
      </c>
      <c r="D26435" t="s">
        <v>16280</v>
      </c>
      <c r="E26435" t="s">
        <v>16245</v>
      </c>
      <c r="F26435" t="s">
        <v>16246</v>
      </c>
      <c r="G26435" t="s">
        <v>10734</v>
      </c>
      <c r="H26435" t="s">
        <v>10735</v>
      </c>
      <c r="I26435" s="2">
        <v>1</v>
      </c>
      <c r="J26435" s="2">
        <v>0</v>
      </c>
      <c r="K26435" s="2">
        <v>0</v>
      </c>
      <c r="L26435" t="s">
        <v>120</v>
      </c>
      <c r="M26435" t="s">
        <v>87</v>
      </c>
      <c r="N26435" t="s">
        <v>88</v>
      </c>
      <c r="O26435" t="s">
        <v>85</v>
      </c>
      <c r="P26435" t="s">
        <v>86</v>
      </c>
      <c r="Q26435">
        <v>29</v>
      </c>
      <c r="R26435">
        <v>29</v>
      </c>
      <c r="S26435">
        <v>29</v>
      </c>
      <c r="T26435">
        <v>30</v>
      </c>
      <c r="U26435">
        <v>30</v>
      </c>
      <c r="V26435">
        <v>30</v>
      </c>
      <c r="W26435">
        <v>30</v>
      </c>
      <c r="X26435">
        <v>31</v>
      </c>
      <c r="Y26435">
        <v>31</v>
      </c>
      <c r="Z26435">
        <v>31</v>
      </c>
      <c r="AA26435">
        <v>32</v>
      </c>
      <c r="AB26435">
        <v>32</v>
      </c>
      <c r="AC26435">
        <v>33</v>
      </c>
      <c r="AD26435">
        <v>33</v>
      </c>
      <c r="AE26435">
        <v>33</v>
      </c>
      <c r="AF26435">
        <v>34</v>
      </c>
      <c r="AG26435">
        <v>34</v>
      </c>
      <c r="AH26435">
        <v>34</v>
      </c>
      <c r="AI26435">
        <v>35</v>
      </c>
      <c r="AJ26435">
        <v>35</v>
      </c>
      <c r="AK26435">
        <v>36</v>
      </c>
      <c r="AL26435">
        <v>36</v>
      </c>
      <c r="AM26435">
        <v>37</v>
      </c>
      <c r="AN26435">
        <v>37</v>
      </c>
      <c r="AO26435">
        <v>37</v>
      </c>
      <c r="AP26435">
        <v>38</v>
      </c>
      <c r="AQ26435">
        <v>38</v>
      </c>
    </row>
    <row r="26436" spans="1:43">
      <c r="A26436" t="s">
        <v>16365</v>
      </c>
      <c r="B26436" t="s">
        <v>16366</v>
      </c>
      <c r="C26436" t="s">
        <v>16279</v>
      </c>
      <c r="D26436" t="s">
        <v>16280</v>
      </c>
      <c r="E26436" t="s">
        <v>16245</v>
      </c>
      <c r="F26436" t="s">
        <v>16246</v>
      </c>
      <c r="G26436" t="s">
        <v>10734</v>
      </c>
      <c r="H26436" t="s">
        <v>10735</v>
      </c>
      <c r="I26436" s="2">
        <v>1</v>
      </c>
      <c r="J26436" s="2">
        <v>0</v>
      </c>
      <c r="K26436" s="2">
        <v>0</v>
      </c>
      <c r="L26436" t="s">
        <v>120</v>
      </c>
      <c r="M26436" t="s">
        <v>89</v>
      </c>
      <c r="N26436" t="s">
        <v>90</v>
      </c>
      <c r="O26436" t="s">
        <v>85</v>
      </c>
      <c r="P26436" t="s">
        <v>86</v>
      </c>
      <c r="Q26436">
        <v>29</v>
      </c>
      <c r="R26436">
        <v>30</v>
      </c>
      <c r="S26436">
        <v>31</v>
      </c>
      <c r="T26436">
        <v>32</v>
      </c>
      <c r="U26436">
        <v>32</v>
      </c>
      <c r="V26436">
        <v>33</v>
      </c>
      <c r="W26436">
        <v>34</v>
      </c>
      <c r="X26436">
        <v>35</v>
      </c>
      <c r="Y26436">
        <v>36</v>
      </c>
      <c r="Z26436">
        <v>36</v>
      </c>
      <c r="AA26436">
        <v>37</v>
      </c>
      <c r="AB26436">
        <v>38</v>
      </c>
      <c r="AC26436">
        <v>39</v>
      </c>
      <c r="AD26436">
        <v>40</v>
      </c>
      <c r="AE26436">
        <v>40</v>
      </c>
      <c r="AF26436">
        <v>41</v>
      </c>
      <c r="AG26436">
        <v>41</v>
      </c>
      <c r="AH26436">
        <v>41</v>
      </c>
      <c r="AI26436">
        <v>42</v>
      </c>
      <c r="AJ26436">
        <v>42</v>
      </c>
      <c r="AK26436">
        <v>42</v>
      </c>
      <c r="AL26436">
        <v>43</v>
      </c>
      <c r="AM26436">
        <v>43</v>
      </c>
      <c r="AN26436">
        <v>43</v>
      </c>
      <c r="AO26436">
        <v>44</v>
      </c>
      <c r="AP26436">
        <v>44</v>
      </c>
      <c r="AQ26436">
        <v>44</v>
      </c>
    </row>
    <row r="26437" spans="1:43">
      <c r="A26437" t="s">
        <v>16365</v>
      </c>
      <c r="B26437" t="s">
        <v>16366</v>
      </c>
      <c r="C26437" t="s">
        <v>16279</v>
      </c>
      <c r="D26437" t="s">
        <v>16280</v>
      </c>
      <c r="E26437" t="s">
        <v>16245</v>
      </c>
      <c r="F26437" t="s">
        <v>16246</v>
      </c>
      <c r="G26437" t="s">
        <v>10734</v>
      </c>
      <c r="H26437" t="s">
        <v>10735</v>
      </c>
      <c r="I26437" s="2">
        <v>1</v>
      </c>
      <c r="J26437" s="2">
        <v>0</v>
      </c>
      <c r="K26437" s="2">
        <v>0</v>
      </c>
      <c r="L26437" t="s">
        <v>120</v>
      </c>
      <c r="M26437" t="s">
        <v>83</v>
      </c>
      <c r="N26437" t="s">
        <v>91</v>
      </c>
      <c r="O26437" t="s">
        <v>85</v>
      </c>
      <c r="P26437" t="s">
        <v>86</v>
      </c>
      <c r="Q26437">
        <v>29</v>
      </c>
      <c r="R26437">
        <v>29</v>
      </c>
      <c r="S26437">
        <v>30</v>
      </c>
      <c r="T26437">
        <v>31</v>
      </c>
      <c r="U26437">
        <v>31</v>
      </c>
      <c r="V26437">
        <v>32</v>
      </c>
      <c r="W26437">
        <v>32</v>
      </c>
      <c r="X26437">
        <v>33</v>
      </c>
      <c r="Y26437">
        <v>34</v>
      </c>
      <c r="Z26437">
        <v>34</v>
      </c>
      <c r="AA26437">
        <v>35</v>
      </c>
      <c r="AB26437">
        <v>36</v>
      </c>
      <c r="AC26437">
        <v>36</v>
      </c>
      <c r="AD26437">
        <v>37</v>
      </c>
      <c r="AE26437">
        <v>38</v>
      </c>
      <c r="AF26437">
        <v>38</v>
      </c>
      <c r="AG26437">
        <v>39</v>
      </c>
      <c r="AH26437">
        <v>40</v>
      </c>
      <c r="AI26437">
        <v>40</v>
      </c>
      <c r="AJ26437">
        <v>41</v>
      </c>
      <c r="AK26437">
        <v>42</v>
      </c>
      <c r="AL26437">
        <v>42</v>
      </c>
      <c r="AM26437">
        <v>43</v>
      </c>
      <c r="AN26437">
        <v>43</v>
      </c>
      <c r="AO26437">
        <v>43</v>
      </c>
      <c r="AP26437">
        <v>44</v>
      </c>
      <c r="AQ26437">
        <v>44</v>
      </c>
    </row>
    <row r="26438" spans="1:43">
      <c r="A26438" t="s">
        <v>16367</v>
      </c>
      <c r="B26438" t="s">
        <v>16368</v>
      </c>
      <c r="C26438" t="s">
        <v>16279</v>
      </c>
      <c r="D26438" t="s">
        <v>16280</v>
      </c>
      <c r="E26438" t="s">
        <v>16245</v>
      </c>
      <c r="F26438" t="s">
        <v>16246</v>
      </c>
      <c r="G26438" t="s">
        <v>10734</v>
      </c>
      <c r="H26438" t="s">
        <v>10735</v>
      </c>
      <c r="I26438" s="2">
        <v>1</v>
      </c>
      <c r="J26438" s="2">
        <v>0</v>
      </c>
      <c r="K26438" s="2">
        <v>0</v>
      </c>
      <c r="L26438" t="s">
        <v>120</v>
      </c>
      <c r="M26438" t="s">
        <v>83</v>
      </c>
      <c r="N26438" t="s">
        <v>84</v>
      </c>
      <c r="O26438" t="s">
        <v>85</v>
      </c>
      <c r="P26438" t="s">
        <v>86</v>
      </c>
      <c r="Q26438">
        <v>15</v>
      </c>
      <c r="R26438">
        <v>16</v>
      </c>
      <c r="S26438">
        <v>16</v>
      </c>
      <c r="T26438">
        <v>16</v>
      </c>
      <c r="U26438">
        <v>17</v>
      </c>
      <c r="V26438">
        <v>17</v>
      </c>
      <c r="W26438">
        <v>17</v>
      </c>
      <c r="X26438">
        <v>18</v>
      </c>
      <c r="Y26438">
        <v>18</v>
      </c>
      <c r="Z26438">
        <v>18</v>
      </c>
      <c r="AA26438">
        <v>19</v>
      </c>
      <c r="AB26438">
        <v>19</v>
      </c>
      <c r="AC26438">
        <v>19</v>
      </c>
      <c r="AD26438">
        <v>20</v>
      </c>
      <c r="AE26438">
        <v>20</v>
      </c>
      <c r="AF26438">
        <v>20</v>
      </c>
      <c r="AG26438">
        <v>21</v>
      </c>
      <c r="AH26438">
        <v>21</v>
      </c>
      <c r="AI26438">
        <v>22</v>
      </c>
      <c r="AJ26438">
        <v>22</v>
      </c>
      <c r="AK26438">
        <v>22</v>
      </c>
      <c r="AL26438">
        <v>23</v>
      </c>
      <c r="AM26438">
        <v>23</v>
      </c>
      <c r="AN26438">
        <v>23</v>
      </c>
      <c r="AO26438">
        <v>23</v>
      </c>
      <c r="AP26438">
        <v>23</v>
      </c>
      <c r="AQ26438">
        <v>24</v>
      </c>
    </row>
    <row r="26439" spans="1:43">
      <c r="A26439" t="s">
        <v>16367</v>
      </c>
      <c r="B26439" t="s">
        <v>16368</v>
      </c>
      <c r="C26439" t="s">
        <v>16279</v>
      </c>
      <c r="D26439" t="s">
        <v>16280</v>
      </c>
      <c r="E26439" t="s">
        <v>16245</v>
      </c>
      <c r="F26439" t="s">
        <v>16246</v>
      </c>
      <c r="G26439" t="s">
        <v>10734</v>
      </c>
      <c r="H26439" t="s">
        <v>10735</v>
      </c>
      <c r="I26439" s="2">
        <v>1</v>
      </c>
      <c r="J26439" s="2">
        <v>0</v>
      </c>
      <c r="K26439" s="2">
        <v>0</v>
      </c>
      <c r="L26439" t="s">
        <v>120</v>
      </c>
      <c r="M26439" t="s">
        <v>87</v>
      </c>
      <c r="N26439" t="s">
        <v>88</v>
      </c>
      <c r="O26439" t="s">
        <v>85</v>
      </c>
      <c r="P26439" t="s">
        <v>86</v>
      </c>
      <c r="Q26439">
        <v>15</v>
      </c>
      <c r="R26439">
        <v>15</v>
      </c>
      <c r="S26439">
        <v>16</v>
      </c>
      <c r="T26439">
        <v>16</v>
      </c>
      <c r="U26439">
        <v>16</v>
      </c>
      <c r="V26439">
        <v>16</v>
      </c>
      <c r="W26439">
        <v>16</v>
      </c>
      <c r="X26439">
        <v>17</v>
      </c>
      <c r="Y26439">
        <v>17</v>
      </c>
      <c r="Z26439">
        <v>17</v>
      </c>
      <c r="AA26439">
        <v>17</v>
      </c>
      <c r="AB26439">
        <v>17</v>
      </c>
      <c r="AC26439">
        <v>17</v>
      </c>
      <c r="AD26439">
        <v>18</v>
      </c>
      <c r="AE26439">
        <v>18</v>
      </c>
      <c r="AF26439">
        <v>18</v>
      </c>
      <c r="AG26439">
        <v>18</v>
      </c>
      <c r="AH26439">
        <v>18</v>
      </c>
      <c r="AI26439">
        <v>19</v>
      </c>
      <c r="AJ26439">
        <v>19</v>
      </c>
      <c r="AK26439">
        <v>19</v>
      </c>
      <c r="AL26439">
        <v>19</v>
      </c>
      <c r="AM26439">
        <v>20</v>
      </c>
      <c r="AN26439">
        <v>20</v>
      </c>
      <c r="AO26439">
        <v>20</v>
      </c>
      <c r="AP26439">
        <v>20</v>
      </c>
      <c r="AQ26439">
        <v>21</v>
      </c>
    </row>
    <row r="26440" spans="1:43">
      <c r="A26440" t="s">
        <v>16367</v>
      </c>
      <c r="B26440" t="s">
        <v>16368</v>
      </c>
      <c r="C26440" t="s">
        <v>16279</v>
      </c>
      <c r="D26440" t="s">
        <v>16280</v>
      </c>
      <c r="E26440" t="s">
        <v>16245</v>
      </c>
      <c r="F26440" t="s">
        <v>16246</v>
      </c>
      <c r="G26440" t="s">
        <v>10734</v>
      </c>
      <c r="H26440" t="s">
        <v>10735</v>
      </c>
      <c r="I26440" s="2">
        <v>1</v>
      </c>
      <c r="J26440" s="2">
        <v>0</v>
      </c>
      <c r="K26440" s="2">
        <v>0</v>
      </c>
      <c r="L26440" t="s">
        <v>120</v>
      </c>
      <c r="M26440" t="s">
        <v>89</v>
      </c>
      <c r="N26440" t="s">
        <v>90</v>
      </c>
      <c r="O26440" t="s">
        <v>85</v>
      </c>
      <c r="P26440" t="s">
        <v>86</v>
      </c>
      <c r="Q26440">
        <v>15</v>
      </c>
      <c r="R26440">
        <v>15</v>
      </c>
      <c r="S26440">
        <v>16</v>
      </c>
      <c r="T26440">
        <v>16</v>
      </c>
      <c r="U26440">
        <v>16</v>
      </c>
      <c r="V26440">
        <v>17</v>
      </c>
      <c r="W26440">
        <v>17</v>
      </c>
      <c r="X26440">
        <v>18</v>
      </c>
      <c r="Y26440">
        <v>18</v>
      </c>
      <c r="Z26440">
        <v>19</v>
      </c>
      <c r="AA26440">
        <v>19</v>
      </c>
      <c r="AB26440">
        <v>19</v>
      </c>
      <c r="AC26440">
        <v>20</v>
      </c>
      <c r="AD26440">
        <v>20</v>
      </c>
      <c r="AE26440">
        <v>21</v>
      </c>
      <c r="AF26440">
        <v>21</v>
      </c>
      <c r="AG26440">
        <v>21</v>
      </c>
      <c r="AH26440">
        <v>21</v>
      </c>
      <c r="AI26440">
        <v>21</v>
      </c>
      <c r="AJ26440">
        <v>21</v>
      </c>
      <c r="AK26440">
        <v>22</v>
      </c>
      <c r="AL26440">
        <v>22</v>
      </c>
      <c r="AM26440">
        <v>22</v>
      </c>
      <c r="AN26440">
        <v>22</v>
      </c>
      <c r="AO26440">
        <v>22</v>
      </c>
      <c r="AP26440">
        <v>23</v>
      </c>
      <c r="AQ26440">
        <v>23</v>
      </c>
    </row>
    <row r="26441" spans="1:43">
      <c r="A26441" t="s">
        <v>16367</v>
      </c>
      <c r="B26441" t="s">
        <v>16368</v>
      </c>
      <c r="C26441" t="s">
        <v>16279</v>
      </c>
      <c r="D26441" t="s">
        <v>16280</v>
      </c>
      <c r="E26441" t="s">
        <v>16245</v>
      </c>
      <c r="F26441" t="s">
        <v>16246</v>
      </c>
      <c r="G26441" t="s">
        <v>10734</v>
      </c>
      <c r="H26441" t="s">
        <v>10735</v>
      </c>
      <c r="I26441" s="2">
        <v>1</v>
      </c>
      <c r="J26441" s="2">
        <v>0</v>
      </c>
      <c r="K26441" s="2">
        <v>0</v>
      </c>
      <c r="L26441" t="s">
        <v>120</v>
      </c>
      <c r="M26441" t="s">
        <v>83</v>
      </c>
      <c r="N26441" t="s">
        <v>91</v>
      </c>
      <c r="O26441" t="s">
        <v>85</v>
      </c>
      <c r="P26441" t="s">
        <v>86</v>
      </c>
      <c r="Q26441">
        <v>15</v>
      </c>
      <c r="R26441">
        <v>16</v>
      </c>
      <c r="S26441">
        <v>16</v>
      </c>
      <c r="T26441">
        <v>16</v>
      </c>
      <c r="U26441">
        <v>17</v>
      </c>
      <c r="V26441">
        <v>17</v>
      </c>
      <c r="W26441">
        <v>17</v>
      </c>
      <c r="X26441">
        <v>18</v>
      </c>
      <c r="Y26441">
        <v>18</v>
      </c>
      <c r="Z26441">
        <v>18</v>
      </c>
      <c r="AA26441">
        <v>19</v>
      </c>
      <c r="AB26441">
        <v>19</v>
      </c>
      <c r="AC26441">
        <v>19</v>
      </c>
      <c r="AD26441">
        <v>20</v>
      </c>
      <c r="AE26441">
        <v>20</v>
      </c>
      <c r="AF26441">
        <v>20</v>
      </c>
      <c r="AG26441">
        <v>21</v>
      </c>
      <c r="AH26441">
        <v>21</v>
      </c>
      <c r="AI26441">
        <v>22</v>
      </c>
      <c r="AJ26441">
        <v>22</v>
      </c>
      <c r="AK26441">
        <v>22</v>
      </c>
      <c r="AL26441">
        <v>23</v>
      </c>
      <c r="AM26441">
        <v>23</v>
      </c>
      <c r="AN26441">
        <v>23</v>
      </c>
      <c r="AO26441">
        <v>23</v>
      </c>
      <c r="AP26441">
        <v>23</v>
      </c>
      <c r="AQ26441">
        <v>24</v>
      </c>
    </row>
    <row r="26442" spans="1:43">
      <c r="A26442" t="s">
        <v>16369</v>
      </c>
      <c r="B26442" t="s">
        <v>16370</v>
      </c>
      <c r="C26442" t="s">
        <v>16279</v>
      </c>
      <c r="D26442" t="s">
        <v>16280</v>
      </c>
      <c r="E26442" t="s">
        <v>16245</v>
      </c>
      <c r="F26442" t="s">
        <v>16246</v>
      </c>
      <c r="G26442" t="s">
        <v>10734</v>
      </c>
      <c r="H26442" t="s">
        <v>10735</v>
      </c>
      <c r="I26442" s="2">
        <v>1</v>
      </c>
      <c r="J26442" s="2">
        <v>0</v>
      </c>
      <c r="K26442" s="2">
        <v>0</v>
      </c>
      <c r="L26442" t="s">
        <v>120</v>
      </c>
      <c r="M26442" t="s">
        <v>83</v>
      </c>
      <c r="N26442" t="s">
        <v>84</v>
      </c>
      <c r="O26442" t="s">
        <v>85</v>
      </c>
      <c r="P26442" t="s">
        <v>86</v>
      </c>
      <c r="Q26442">
        <v>47</v>
      </c>
      <c r="R26442">
        <v>48</v>
      </c>
      <c r="S26442">
        <v>49</v>
      </c>
      <c r="T26442">
        <v>50</v>
      </c>
      <c r="U26442">
        <v>51</v>
      </c>
      <c r="V26442">
        <v>52</v>
      </c>
      <c r="W26442">
        <v>53</v>
      </c>
      <c r="X26442">
        <v>54</v>
      </c>
      <c r="Y26442">
        <v>55</v>
      </c>
      <c r="Z26442">
        <v>56</v>
      </c>
      <c r="AA26442">
        <v>57</v>
      </c>
      <c r="AB26442">
        <v>58</v>
      </c>
      <c r="AC26442">
        <v>59</v>
      </c>
      <c r="AD26442">
        <v>60</v>
      </c>
      <c r="AE26442">
        <v>61</v>
      </c>
      <c r="AF26442">
        <v>62</v>
      </c>
      <c r="AG26442">
        <v>63</v>
      </c>
      <c r="AH26442">
        <v>64</v>
      </c>
      <c r="AI26442">
        <v>65</v>
      </c>
      <c r="AJ26442">
        <v>67</v>
      </c>
      <c r="AK26442">
        <v>68</v>
      </c>
      <c r="AL26442">
        <v>69</v>
      </c>
      <c r="AM26442">
        <v>69</v>
      </c>
      <c r="AN26442">
        <v>70</v>
      </c>
      <c r="AO26442">
        <v>70</v>
      </c>
      <c r="AP26442">
        <v>71</v>
      </c>
      <c r="AQ26442">
        <v>72</v>
      </c>
    </row>
    <row r="26443" spans="1:43">
      <c r="A26443" t="s">
        <v>16369</v>
      </c>
      <c r="B26443" t="s">
        <v>16370</v>
      </c>
      <c r="C26443" t="s">
        <v>16279</v>
      </c>
      <c r="D26443" t="s">
        <v>16280</v>
      </c>
      <c r="E26443" t="s">
        <v>16245</v>
      </c>
      <c r="F26443" t="s">
        <v>16246</v>
      </c>
      <c r="G26443" t="s">
        <v>10734</v>
      </c>
      <c r="H26443" t="s">
        <v>10735</v>
      </c>
      <c r="I26443" s="2">
        <v>1</v>
      </c>
      <c r="J26443" s="2">
        <v>0</v>
      </c>
      <c r="K26443" s="2">
        <v>0</v>
      </c>
      <c r="L26443" t="s">
        <v>120</v>
      </c>
      <c r="M26443" t="s">
        <v>87</v>
      </c>
      <c r="N26443" t="s">
        <v>88</v>
      </c>
      <c r="O26443" t="s">
        <v>85</v>
      </c>
      <c r="P26443" t="s">
        <v>86</v>
      </c>
      <c r="Q26443">
        <v>47</v>
      </c>
      <c r="R26443">
        <v>48</v>
      </c>
      <c r="S26443">
        <v>49</v>
      </c>
      <c r="T26443">
        <v>49</v>
      </c>
      <c r="U26443">
        <v>50</v>
      </c>
      <c r="V26443">
        <v>50</v>
      </c>
      <c r="W26443">
        <v>51</v>
      </c>
      <c r="X26443">
        <v>51</v>
      </c>
      <c r="Y26443">
        <v>52</v>
      </c>
      <c r="Z26443">
        <v>52</v>
      </c>
      <c r="AA26443">
        <v>53</v>
      </c>
      <c r="AB26443">
        <v>53</v>
      </c>
      <c r="AC26443">
        <v>54</v>
      </c>
      <c r="AD26443">
        <v>54</v>
      </c>
      <c r="AE26443">
        <v>55</v>
      </c>
      <c r="AF26443">
        <v>56</v>
      </c>
      <c r="AG26443">
        <v>56</v>
      </c>
      <c r="AH26443">
        <v>57</v>
      </c>
      <c r="AI26443">
        <v>58</v>
      </c>
      <c r="AJ26443">
        <v>58</v>
      </c>
      <c r="AK26443">
        <v>59</v>
      </c>
      <c r="AL26443">
        <v>60</v>
      </c>
      <c r="AM26443">
        <v>60</v>
      </c>
      <c r="AN26443">
        <v>61</v>
      </c>
      <c r="AO26443">
        <v>62</v>
      </c>
      <c r="AP26443">
        <v>62</v>
      </c>
      <c r="AQ26443">
        <v>63</v>
      </c>
    </row>
    <row r="26444" spans="1:43">
      <c r="A26444" t="s">
        <v>16369</v>
      </c>
      <c r="B26444" t="s">
        <v>16370</v>
      </c>
      <c r="C26444" t="s">
        <v>16279</v>
      </c>
      <c r="D26444" t="s">
        <v>16280</v>
      </c>
      <c r="E26444" t="s">
        <v>16245</v>
      </c>
      <c r="F26444" t="s">
        <v>16246</v>
      </c>
      <c r="G26444" t="s">
        <v>10734</v>
      </c>
      <c r="H26444" t="s">
        <v>10735</v>
      </c>
      <c r="I26444" s="2">
        <v>1</v>
      </c>
      <c r="J26444" s="2">
        <v>0</v>
      </c>
      <c r="K26444" s="2">
        <v>0</v>
      </c>
      <c r="L26444" t="s">
        <v>120</v>
      </c>
      <c r="M26444" t="s">
        <v>89</v>
      </c>
      <c r="N26444" t="s">
        <v>90</v>
      </c>
      <c r="O26444" t="s">
        <v>85</v>
      </c>
      <c r="P26444" t="s">
        <v>86</v>
      </c>
      <c r="Q26444">
        <v>47</v>
      </c>
      <c r="R26444">
        <v>49</v>
      </c>
      <c r="S26444">
        <v>50</v>
      </c>
      <c r="T26444">
        <v>51</v>
      </c>
      <c r="U26444">
        <v>53</v>
      </c>
      <c r="V26444">
        <v>54</v>
      </c>
      <c r="W26444">
        <v>55</v>
      </c>
      <c r="X26444">
        <v>57</v>
      </c>
      <c r="Y26444">
        <v>58</v>
      </c>
      <c r="Z26444">
        <v>59</v>
      </c>
      <c r="AA26444">
        <v>60</v>
      </c>
      <c r="AB26444">
        <v>62</v>
      </c>
      <c r="AC26444">
        <v>63</v>
      </c>
      <c r="AD26444">
        <v>64</v>
      </c>
      <c r="AE26444">
        <v>65</v>
      </c>
      <c r="AF26444">
        <v>66</v>
      </c>
      <c r="AG26444">
        <v>66</v>
      </c>
      <c r="AH26444">
        <v>67</v>
      </c>
      <c r="AI26444">
        <v>68</v>
      </c>
      <c r="AJ26444">
        <v>68</v>
      </c>
      <c r="AK26444">
        <v>69</v>
      </c>
      <c r="AL26444">
        <v>69</v>
      </c>
      <c r="AM26444">
        <v>70</v>
      </c>
      <c r="AN26444">
        <v>70</v>
      </c>
      <c r="AO26444">
        <v>71</v>
      </c>
      <c r="AP26444">
        <v>72</v>
      </c>
      <c r="AQ26444">
        <v>72</v>
      </c>
    </row>
    <row r="26445" spans="1:43">
      <c r="A26445" t="s">
        <v>16369</v>
      </c>
      <c r="B26445" t="s">
        <v>16370</v>
      </c>
      <c r="C26445" t="s">
        <v>16279</v>
      </c>
      <c r="D26445" t="s">
        <v>16280</v>
      </c>
      <c r="E26445" t="s">
        <v>16245</v>
      </c>
      <c r="F26445" t="s">
        <v>16246</v>
      </c>
      <c r="G26445" t="s">
        <v>10734</v>
      </c>
      <c r="H26445" t="s">
        <v>10735</v>
      </c>
      <c r="I26445" s="2">
        <v>1</v>
      </c>
      <c r="J26445" s="2">
        <v>0</v>
      </c>
      <c r="K26445" s="2">
        <v>0</v>
      </c>
      <c r="L26445" t="s">
        <v>120</v>
      </c>
      <c r="M26445" t="s">
        <v>83</v>
      </c>
      <c r="N26445" t="s">
        <v>91</v>
      </c>
      <c r="O26445" t="s">
        <v>85</v>
      </c>
      <c r="P26445" t="s">
        <v>86</v>
      </c>
      <c r="Q26445">
        <v>47</v>
      </c>
      <c r="R26445">
        <v>48</v>
      </c>
      <c r="S26445">
        <v>49</v>
      </c>
      <c r="T26445">
        <v>50</v>
      </c>
      <c r="U26445">
        <v>51</v>
      </c>
      <c r="V26445">
        <v>52</v>
      </c>
      <c r="W26445">
        <v>53</v>
      </c>
      <c r="X26445">
        <v>54</v>
      </c>
      <c r="Y26445">
        <v>55</v>
      </c>
      <c r="Z26445">
        <v>56</v>
      </c>
      <c r="AA26445">
        <v>57</v>
      </c>
      <c r="AB26445">
        <v>58</v>
      </c>
      <c r="AC26445">
        <v>59</v>
      </c>
      <c r="AD26445">
        <v>60</v>
      </c>
      <c r="AE26445">
        <v>61</v>
      </c>
      <c r="AF26445">
        <v>62</v>
      </c>
      <c r="AG26445">
        <v>63</v>
      </c>
      <c r="AH26445">
        <v>64</v>
      </c>
      <c r="AI26445">
        <v>65</v>
      </c>
      <c r="AJ26445">
        <v>67</v>
      </c>
      <c r="AK26445">
        <v>68</v>
      </c>
      <c r="AL26445">
        <v>69</v>
      </c>
      <c r="AM26445">
        <v>69</v>
      </c>
      <c r="AN26445">
        <v>70</v>
      </c>
      <c r="AO26445">
        <v>70</v>
      </c>
      <c r="AP26445">
        <v>71</v>
      </c>
      <c r="AQ26445">
        <v>72</v>
      </c>
    </row>
    <row r="26446" spans="1:43">
      <c r="A26446" t="s">
        <v>16371</v>
      </c>
      <c r="B26446" t="s">
        <v>16372</v>
      </c>
      <c r="C26446" t="s">
        <v>16265</v>
      </c>
      <c r="D26446" t="s">
        <v>16266</v>
      </c>
      <c r="E26446" t="s">
        <v>16245</v>
      </c>
      <c r="F26446" t="s">
        <v>16246</v>
      </c>
      <c r="G26446" t="s">
        <v>10734</v>
      </c>
      <c r="H26446" t="s">
        <v>10735</v>
      </c>
      <c r="I26446" s="2">
        <v>1</v>
      </c>
      <c r="J26446" s="2">
        <v>0</v>
      </c>
      <c r="K26446" s="2">
        <v>0</v>
      </c>
      <c r="L26446" t="s">
        <v>120</v>
      </c>
      <c r="M26446" t="s">
        <v>83</v>
      </c>
      <c r="N26446" t="s">
        <v>84</v>
      </c>
      <c r="O26446" t="s">
        <v>85</v>
      </c>
      <c r="P26446" t="s">
        <v>86</v>
      </c>
      <c r="Q26446">
        <v>19</v>
      </c>
      <c r="R26446">
        <v>20</v>
      </c>
      <c r="S26446">
        <v>20</v>
      </c>
      <c r="T26446">
        <v>20</v>
      </c>
      <c r="U26446">
        <v>21</v>
      </c>
      <c r="V26446">
        <v>21</v>
      </c>
      <c r="W26446">
        <v>22</v>
      </c>
      <c r="X26446">
        <v>22</v>
      </c>
      <c r="Y26446">
        <v>23</v>
      </c>
      <c r="Z26446">
        <v>23</v>
      </c>
      <c r="AA26446">
        <v>23</v>
      </c>
      <c r="AB26446">
        <v>24</v>
      </c>
      <c r="AC26446">
        <v>24</v>
      </c>
      <c r="AD26446">
        <v>25</v>
      </c>
      <c r="AE26446">
        <v>25</v>
      </c>
      <c r="AF26446">
        <v>26</v>
      </c>
      <c r="AG26446">
        <v>26</v>
      </c>
      <c r="AH26446">
        <v>26</v>
      </c>
      <c r="AI26446">
        <v>27</v>
      </c>
      <c r="AJ26446">
        <v>27</v>
      </c>
      <c r="AK26446">
        <v>28</v>
      </c>
      <c r="AL26446">
        <v>28</v>
      </c>
      <c r="AM26446">
        <v>28</v>
      </c>
      <c r="AN26446">
        <v>29</v>
      </c>
      <c r="AO26446">
        <v>29</v>
      </c>
      <c r="AP26446">
        <v>29</v>
      </c>
      <c r="AQ26446">
        <v>30</v>
      </c>
    </row>
    <row r="26447" spans="1:43">
      <c r="A26447" t="s">
        <v>16371</v>
      </c>
      <c r="B26447" t="s">
        <v>16372</v>
      </c>
      <c r="C26447" t="s">
        <v>16265</v>
      </c>
      <c r="D26447" t="s">
        <v>16266</v>
      </c>
      <c r="E26447" t="s">
        <v>16245</v>
      </c>
      <c r="F26447" t="s">
        <v>16246</v>
      </c>
      <c r="G26447" t="s">
        <v>10734</v>
      </c>
      <c r="H26447" t="s">
        <v>10735</v>
      </c>
      <c r="I26447" s="2">
        <v>1</v>
      </c>
      <c r="J26447" s="2">
        <v>0</v>
      </c>
      <c r="K26447" s="2">
        <v>0</v>
      </c>
      <c r="L26447" t="s">
        <v>120</v>
      </c>
      <c r="M26447" t="s">
        <v>87</v>
      </c>
      <c r="N26447" t="s">
        <v>88</v>
      </c>
      <c r="O26447" t="s">
        <v>85</v>
      </c>
      <c r="P26447" t="s">
        <v>86</v>
      </c>
      <c r="Q26447">
        <v>19</v>
      </c>
      <c r="R26447">
        <v>19</v>
      </c>
      <c r="S26447">
        <v>20</v>
      </c>
      <c r="T26447">
        <v>20</v>
      </c>
      <c r="U26447">
        <v>20</v>
      </c>
      <c r="V26447">
        <v>20</v>
      </c>
      <c r="W26447">
        <v>20</v>
      </c>
      <c r="X26447">
        <v>21</v>
      </c>
      <c r="Y26447">
        <v>21</v>
      </c>
      <c r="Z26447">
        <v>21</v>
      </c>
      <c r="AA26447">
        <v>21</v>
      </c>
      <c r="AB26447">
        <v>22</v>
      </c>
      <c r="AC26447">
        <v>22</v>
      </c>
      <c r="AD26447">
        <v>22</v>
      </c>
      <c r="AE26447">
        <v>22</v>
      </c>
      <c r="AF26447">
        <v>22</v>
      </c>
      <c r="AG26447">
        <v>23</v>
      </c>
      <c r="AH26447">
        <v>23</v>
      </c>
      <c r="AI26447">
        <v>23</v>
      </c>
      <c r="AJ26447">
        <v>24</v>
      </c>
      <c r="AK26447">
        <v>24</v>
      </c>
      <c r="AL26447">
        <v>24</v>
      </c>
      <c r="AM26447">
        <v>24</v>
      </c>
      <c r="AN26447">
        <v>25</v>
      </c>
      <c r="AO26447">
        <v>25</v>
      </c>
      <c r="AP26447">
        <v>25</v>
      </c>
      <c r="AQ26447">
        <v>26</v>
      </c>
    </row>
    <row r="26448" spans="1:43">
      <c r="A26448" t="s">
        <v>16371</v>
      </c>
      <c r="B26448" t="s">
        <v>16372</v>
      </c>
      <c r="C26448" t="s">
        <v>16265</v>
      </c>
      <c r="D26448" t="s">
        <v>16266</v>
      </c>
      <c r="E26448" t="s">
        <v>16245</v>
      </c>
      <c r="F26448" t="s">
        <v>16246</v>
      </c>
      <c r="G26448" t="s">
        <v>10734</v>
      </c>
      <c r="H26448" t="s">
        <v>10735</v>
      </c>
      <c r="I26448" s="2">
        <v>1</v>
      </c>
      <c r="J26448" s="2">
        <v>0</v>
      </c>
      <c r="K26448" s="2">
        <v>0</v>
      </c>
      <c r="L26448" t="s">
        <v>120</v>
      </c>
      <c r="M26448" t="s">
        <v>89</v>
      </c>
      <c r="N26448" t="s">
        <v>90</v>
      </c>
      <c r="O26448" t="s">
        <v>85</v>
      </c>
      <c r="P26448" t="s">
        <v>86</v>
      </c>
      <c r="Q26448">
        <v>19</v>
      </c>
      <c r="R26448">
        <v>20</v>
      </c>
      <c r="S26448">
        <v>21</v>
      </c>
      <c r="T26448">
        <v>21</v>
      </c>
      <c r="U26448">
        <v>22</v>
      </c>
      <c r="V26448">
        <v>22</v>
      </c>
      <c r="W26448">
        <v>23</v>
      </c>
      <c r="X26448">
        <v>23</v>
      </c>
      <c r="Y26448">
        <v>24</v>
      </c>
      <c r="Z26448">
        <v>24</v>
      </c>
      <c r="AA26448">
        <v>25</v>
      </c>
      <c r="AB26448">
        <v>25</v>
      </c>
      <c r="AC26448">
        <v>26</v>
      </c>
      <c r="AD26448">
        <v>26</v>
      </c>
      <c r="AE26448">
        <v>27</v>
      </c>
      <c r="AF26448">
        <v>27</v>
      </c>
      <c r="AG26448">
        <v>27</v>
      </c>
      <c r="AH26448">
        <v>28</v>
      </c>
      <c r="AI26448">
        <v>28</v>
      </c>
      <c r="AJ26448">
        <v>28</v>
      </c>
      <c r="AK26448">
        <v>28</v>
      </c>
      <c r="AL26448">
        <v>29</v>
      </c>
      <c r="AM26448">
        <v>29</v>
      </c>
      <c r="AN26448">
        <v>29</v>
      </c>
      <c r="AO26448">
        <v>29</v>
      </c>
      <c r="AP26448">
        <v>30</v>
      </c>
      <c r="AQ26448">
        <v>30</v>
      </c>
    </row>
    <row r="26449" spans="1:43">
      <c r="A26449" t="s">
        <v>16371</v>
      </c>
      <c r="B26449" t="s">
        <v>16372</v>
      </c>
      <c r="C26449" t="s">
        <v>16265</v>
      </c>
      <c r="D26449" t="s">
        <v>16266</v>
      </c>
      <c r="E26449" t="s">
        <v>16245</v>
      </c>
      <c r="F26449" t="s">
        <v>16246</v>
      </c>
      <c r="G26449" t="s">
        <v>10734</v>
      </c>
      <c r="H26449" t="s">
        <v>10735</v>
      </c>
      <c r="I26449" s="2">
        <v>1</v>
      </c>
      <c r="J26449" s="2">
        <v>0</v>
      </c>
      <c r="K26449" s="2">
        <v>0</v>
      </c>
      <c r="L26449" t="s">
        <v>120</v>
      </c>
      <c r="M26449" t="s">
        <v>83</v>
      </c>
      <c r="N26449" t="s">
        <v>91</v>
      </c>
      <c r="O26449" t="s">
        <v>85</v>
      </c>
      <c r="P26449" t="s">
        <v>86</v>
      </c>
      <c r="Q26449">
        <v>19</v>
      </c>
      <c r="R26449">
        <v>20</v>
      </c>
      <c r="S26449">
        <v>20</v>
      </c>
      <c r="T26449">
        <v>20</v>
      </c>
      <c r="U26449">
        <v>21</v>
      </c>
      <c r="V26449">
        <v>21</v>
      </c>
      <c r="W26449">
        <v>22</v>
      </c>
      <c r="X26449">
        <v>22</v>
      </c>
      <c r="Y26449">
        <v>23</v>
      </c>
      <c r="Z26449">
        <v>23</v>
      </c>
      <c r="AA26449">
        <v>23</v>
      </c>
      <c r="AB26449">
        <v>24</v>
      </c>
      <c r="AC26449">
        <v>24</v>
      </c>
      <c r="AD26449">
        <v>25</v>
      </c>
      <c r="AE26449">
        <v>25</v>
      </c>
      <c r="AF26449">
        <v>26</v>
      </c>
      <c r="AG26449">
        <v>26</v>
      </c>
      <c r="AH26449">
        <v>26</v>
      </c>
      <c r="AI26449">
        <v>27</v>
      </c>
      <c r="AJ26449">
        <v>27</v>
      </c>
      <c r="AK26449">
        <v>28</v>
      </c>
      <c r="AL26449">
        <v>28</v>
      </c>
      <c r="AM26449">
        <v>28</v>
      </c>
      <c r="AN26449">
        <v>29</v>
      </c>
      <c r="AO26449">
        <v>29</v>
      </c>
      <c r="AP26449">
        <v>29</v>
      </c>
      <c r="AQ26449">
        <v>30</v>
      </c>
    </row>
    <row r="26450" spans="1:43">
      <c r="A26450" t="s">
        <v>16373</v>
      </c>
      <c r="B26450" t="s">
        <v>16374</v>
      </c>
      <c r="C26450" t="s">
        <v>16265</v>
      </c>
      <c r="D26450" t="s">
        <v>16266</v>
      </c>
      <c r="E26450" t="s">
        <v>16245</v>
      </c>
      <c r="F26450" t="s">
        <v>16246</v>
      </c>
      <c r="G26450" t="s">
        <v>10734</v>
      </c>
      <c r="H26450" t="s">
        <v>10735</v>
      </c>
      <c r="I26450" s="2">
        <v>1</v>
      </c>
      <c r="J26450" s="2">
        <v>0</v>
      </c>
      <c r="K26450" s="2">
        <v>0</v>
      </c>
      <c r="L26450" t="s">
        <v>120</v>
      </c>
      <c r="M26450" t="s">
        <v>83</v>
      </c>
      <c r="N26450" t="s">
        <v>84</v>
      </c>
      <c r="O26450" t="s">
        <v>85</v>
      </c>
      <c r="P26450" t="s">
        <v>86</v>
      </c>
      <c r="Q26450">
        <v>22</v>
      </c>
      <c r="R26450">
        <v>23</v>
      </c>
      <c r="S26450">
        <v>23</v>
      </c>
      <c r="T26450">
        <v>24</v>
      </c>
      <c r="U26450">
        <v>24</v>
      </c>
      <c r="V26450">
        <v>25</v>
      </c>
      <c r="W26450">
        <v>25</v>
      </c>
      <c r="X26450">
        <v>26</v>
      </c>
      <c r="Y26450">
        <v>26</v>
      </c>
      <c r="Z26450">
        <v>27</v>
      </c>
      <c r="AA26450">
        <v>27</v>
      </c>
      <c r="AB26450">
        <v>28</v>
      </c>
      <c r="AC26450">
        <v>28</v>
      </c>
      <c r="AD26450">
        <v>29</v>
      </c>
      <c r="AE26450">
        <v>29</v>
      </c>
      <c r="AF26450">
        <v>30</v>
      </c>
      <c r="AG26450">
        <v>30</v>
      </c>
      <c r="AH26450">
        <v>31</v>
      </c>
      <c r="AI26450">
        <v>31</v>
      </c>
      <c r="AJ26450">
        <v>32</v>
      </c>
      <c r="AK26450">
        <v>32</v>
      </c>
      <c r="AL26450">
        <v>33</v>
      </c>
      <c r="AM26450">
        <v>33</v>
      </c>
      <c r="AN26450">
        <v>33</v>
      </c>
      <c r="AO26450">
        <v>34</v>
      </c>
      <c r="AP26450">
        <v>34</v>
      </c>
      <c r="AQ26450">
        <v>34</v>
      </c>
    </row>
    <row r="26451" spans="1:43">
      <c r="A26451" t="s">
        <v>16373</v>
      </c>
      <c r="B26451" t="s">
        <v>16374</v>
      </c>
      <c r="C26451" t="s">
        <v>16265</v>
      </c>
      <c r="D26451" t="s">
        <v>16266</v>
      </c>
      <c r="E26451" t="s">
        <v>16245</v>
      </c>
      <c r="F26451" t="s">
        <v>16246</v>
      </c>
      <c r="G26451" t="s">
        <v>10734</v>
      </c>
      <c r="H26451" t="s">
        <v>10735</v>
      </c>
      <c r="I26451" s="2">
        <v>1</v>
      </c>
      <c r="J26451" s="2">
        <v>0</v>
      </c>
      <c r="K26451" s="2">
        <v>0</v>
      </c>
      <c r="L26451" t="s">
        <v>120</v>
      </c>
      <c r="M26451" t="s">
        <v>87</v>
      </c>
      <c r="N26451" t="s">
        <v>88</v>
      </c>
      <c r="O26451" t="s">
        <v>85</v>
      </c>
      <c r="P26451" t="s">
        <v>86</v>
      </c>
      <c r="Q26451">
        <v>22</v>
      </c>
      <c r="R26451">
        <v>23</v>
      </c>
      <c r="S26451">
        <v>23</v>
      </c>
      <c r="T26451">
        <v>23</v>
      </c>
      <c r="U26451">
        <v>23</v>
      </c>
      <c r="V26451">
        <v>23</v>
      </c>
      <c r="W26451">
        <v>24</v>
      </c>
      <c r="X26451">
        <v>24</v>
      </c>
      <c r="Y26451">
        <v>24</v>
      </c>
      <c r="Z26451">
        <v>25</v>
      </c>
      <c r="AA26451">
        <v>25</v>
      </c>
      <c r="AB26451">
        <v>25</v>
      </c>
      <c r="AC26451">
        <v>25</v>
      </c>
      <c r="AD26451">
        <v>26</v>
      </c>
      <c r="AE26451">
        <v>26</v>
      </c>
      <c r="AF26451">
        <v>26</v>
      </c>
      <c r="AG26451">
        <v>26</v>
      </c>
      <c r="AH26451">
        <v>27</v>
      </c>
      <c r="AI26451">
        <v>27</v>
      </c>
      <c r="AJ26451">
        <v>27</v>
      </c>
      <c r="AK26451">
        <v>28</v>
      </c>
      <c r="AL26451">
        <v>28</v>
      </c>
      <c r="AM26451">
        <v>28</v>
      </c>
      <c r="AN26451">
        <v>29</v>
      </c>
      <c r="AO26451">
        <v>29</v>
      </c>
      <c r="AP26451">
        <v>29</v>
      </c>
      <c r="AQ26451">
        <v>30</v>
      </c>
    </row>
    <row r="26452" spans="1:43">
      <c r="A26452" t="s">
        <v>16373</v>
      </c>
      <c r="B26452" t="s">
        <v>16374</v>
      </c>
      <c r="C26452" t="s">
        <v>16265</v>
      </c>
      <c r="D26452" t="s">
        <v>16266</v>
      </c>
      <c r="E26452" t="s">
        <v>16245</v>
      </c>
      <c r="F26452" t="s">
        <v>16246</v>
      </c>
      <c r="G26452" t="s">
        <v>10734</v>
      </c>
      <c r="H26452" t="s">
        <v>10735</v>
      </c>
      <c r="I26452" s="2">
        <v>1</v>
      </c>
      <c r="J26452" s="2">
        <v>0</v>
      </c>
      <c r="K26452" s="2">
        <v>0</v>
      </c>
      <c r="L26452" t="s">
        <v>120</v>
      </c>
      <c r="M26452" t="s">
        <v>89</v>
      </c>
      <c r="N26452" t="s">
        <v>90</v>
      </c>
      <c r="O26452" t="s">
        <v>85</v>
      </c>
      <c r="P26452" t="s">
        <v>86</v>
      </c>
      <c r="Q26452">
        <v>22</v>
      </c>
      <c r="R26452">
        <v>22</v>
      </c>
      <c r="S26452">
        <v>23</v>
      </c>
      <c r="T26452">
        <v>24</v>
      </c>
      <c r="U26452">
        <v>24</v>
      </c>
      <c r="V26452">
        <v>25</v>
      </c>
      <c r="W26452">
        <v>26</v>
      </c>
      <c r="X26452">
        <v>26</v>
      </c>
      <c r="Y26452">
        <v>27</v>
      </c>
      <c r="Z26452">
        <v>27</v>
      </c>
      <c r="AA26452">
        <v>28</v>
      </c>
      <c r="AB26452">
        <v>29</v>
      </c>
      <c r="AC26452">
        <v>29</v>
      </c>
      <c r="AD26452">
        <v>30</v>
      </c>
      <c r="AE26452">
        <v>30</v>
      </c>
      <c r="AF26452">
        <v>31</v>
      </c>
      <c r="AG26452">
        <v>31</v>
      </c>
      <c r="AH26452">
        <v>31</v>
      </c>
      <c r="AI26452">
        <v>31</v>
      </c>
      <c r="AJ26452">
        <v>32</v>
      </c>
      <c r="AK26452">
        <v>32</v>
      </c>
      <c r="AL26452">
        <v>32</v>
      </c>
      <c r="AM26452">
        <v>33</v>
      </c>
      <c r="AN26452">
        <v>33</v>
      </c>
      <c r="AO26452">
        <v>33</v>
      </c>
      <c r="AP26452">
        <v>33</v>
      </c>
      <c r="AQ26452">
        <v>34</v>
      </c>
    </row>
    <row r="26453" spans="1:43">
      <c r="A26453" t="s">
        <v>16373</v>
      </c>
      <c r="B26453" t="s">
        <v>16374</v>
      </c>
      <c r="C26453" t="s">
        <v>16265</v>
      </c>
      <c r="D26453" t="s">
        <v>16266</v>
      </c>
      <c r="E26453" t="s">
        <v>16245</v>
      </c>
      <c r="F26453" t="s">
        <v>16246</v>
      </c>
      <c r="G26453" t="s">
        <v>10734</v>
      </c>
      <c r="H26453" t="s">
        <v>10735</v>
      </c>
      <c r="I26453" s="2">
        <v>1</v>
      </c>
      <c r="J26453" s="2">
        <v>0</v>
      </c>
      <c r="K26453" s="2">
        <v>0</v>
      </c>
      <c r="L26453" t="s">
        <v>120</v>
      </c>
      <c r="M26453" t="s">
        <v>83</v>
      </c>
      <c r="N26453" t="s">
        <v>91</v>
      </c>
      <c r="O26453" t="s">
        <v>85</v>
      </c>
      <c r="P26453" t="s">
        <v>86</v>
      </c>
      <c r="Q26453">
        <v>22</v>
      </c>
      <c r="R26453">
        <v>23</v>
      </c>
      <c r="S26453">
        <v>23</v>
      </c>
      <c r="T26453">
        <v>24</v>
      </c>
      <c r="U26453">
        <v>24</v>
      </c>
      <c r="V26453">
        <v>25</v>
      </c>
      <c r="W26453">
        <v>25</v>
      </c>
      <c r="X26453">
        <v>26</v>
      </c>
      <c r="Y26453">
        <v>26</v>
      </c>
      <c r="Z26453">
        <v>27</v>
      </c>
      <c r="AA26453">
        <v>27</v>
      </c>
      <c r="AB26453">
        <v>28</v>
      </c>
      <c r="AC26453">
        <v>28</v>
      </c>
      <c r="AD26453">
        <v>29</v>
      </c>
      <c r="AE26453">
        <v>29</v>
      </c>
      <c r="AF26453">
        <v>30</v>
      </c>
      <c r="AG26453">
        <v>30</v>
      </c>
      <c r="AH26453">
        <v>31</v>
      </c>
      <c r="AI26453">
        <v>31</v>
      </c>
      <c r="AJ26453">
        <v>32</v>
      </c>
      <c r="AK26453">
        <v>32</v>
      </c>
      <c r="AL26453">
        <v>33</v>
      </c>
      <c r="AM26453">
        <v>33</v>
      </c>
      <c r="AN26453">
        <v>33</v>
      </c>
      <c r="AO26453">
        <v>34</v>
      </c>
      <c r="AP26453">
        <v>34</v>
      </c>
      <c r="AQ26453">
        <v>34</v>
      </c>
    </row>
    <row r="26454" spans="1:43">
      <c r="A26454" t="s">
        <v>16375</v>
      </c>
      <c r="B26454" t="s">
        <v>16376</v>
      </c>
      <c r="C26454" t="s">
        <v>16265</v>
      </c>
      <c r="D26454" t="s">
        <v>16266</v>
      </c>
      <c r="E26454" t="s">
        <v>16245</v>
      </c>
      <c r="F26454" t="s">
        <v>16246</v>
      </c>
      <c r="G26454" t="s">
        <v>10734</v>
      </c>
      <c r="H26454" t="s">
        <v>10735</v>
      </c>
      <c r="I26454" s="2">
        <v>1</v>
      </c>
      <c r="J26454" s="2">
        <v>0</v>
      </c>
      <c r="K26454" s="2">
        <v>0</v>
      </c>
      <c r="L26454" t="s">
        <v>120</v>
      </c>
      <c r="M26454" t="s">
        <v>83</v>
      </c>
      <c r="N26454" t="s">
        <v>84</v>
      </c>
      <c r="O26454" t="s">
        <v>85</v>
      </c>
      <c r="P26454" t="s">
        <v>86</v>
      </c>
      <c r="Q26454">
        <v>28</v>
      </c>
      <c r="R26454">
        <v>28</v>
      </c>
      <c r="S26454">
        <v>29</v>
      </c>
      <c r="T26454">
        <v>29</v>
      </c>
      <c r="U26454">
        <v>30</v>
      </c>
      <c r="V26454">
        <v>30</v>
      </c>
      <c r="W26454">
        <v>30</v>
      </c>
      <c r="X26454">
        <v>31</v>
      </c>
      <c r="Y26454">
        <v>31</v>
      </c>
      <c r="Z26454">
        <v>31</v>
      </c>
      <c r="AA26454">
        <v>32</v>
      </c>
      <c r="AB26454">
        <v>32</v>
      </c>
      <c r="AC26454">
        <v>32</v>
      </c>
      <c r="AD26454">
        <v>32</v>
      </c>
      <c r="AE26454">
        <v>33</v>
      </c>
      <c r="AF26454">
        <v>33</v>
      </c>
      <c r="AG26454">
        <v>33</v>
      </c>
      <c r="AH26454">
        <v>34</v>
      </c>
      <c r="AI26454">
        <v>34</v>
      </c>
      <c r="AJ26454">
        <v>34</v>
      </c>
      <c r="AK26454">
        <v>35</v>
      </c>
      <c r="AL26454">
        <v>35</v>
      </c>
      <c r="AM26454">
        <v>35</v>
      </c>
      <c r="AN26454">
        <v>35</v>
      </c>
      <c r="AO26454">
        <v>35</v>
      </c>
      <c r="AP26454">
        <v>35</v>
      </c>
      <c r="AQ26454">
        <v>35</v>
      </c>
    </row>
    <row r="26455" spans="1:43">
      <c r="A26455" t="s">
        <v>16375</v>
      </c>
      <c r="B26455" t="s">
        <v>16376</v>
      </c>
      <c r="C26455" t="s">
        <v>16265</v>
      </c>
      <c r="D26455" t="s">
        <v>16266</v>
      </c>
      <c r="E26455" t="s">
        <v>16245</v>
      </c>
      <c r="F26455" t="s">
        <v>16246</v>
      </c>
      <c r="G26455" t="s">
        <v>10734</v>
      </c>
      <c r="H26455" t="s">
        <v>10735</v>
      </c>
      <c r="I26455" s="2">
        <v>1</v>
      </c>
      <c r="J26455" s="2">
        <v>0</v>
      </c>
      <c r="K26455" s="2">
        <v>0</v>
      </c>
      <c r="L26455" t="s">
        <v>120</v>
      </c>
      <c r="M26455" t="s">
        <v>87</v>
      </c>
      <c r="N26455" t="s">
        <v>88</v>
      </c>
      <c r="O26455" t="s">
        <v>85</v>
      </c>
      <c r="P26455" t="s">
        <v>86</v>
      </c>
      <c r="Q26455">
        <v>28</v>
      </c>
      <c r="R26455">
        <v>28</v>
      </c>
      <c r="S26455">
        <v>28</v>
      </c>
      <c r="T26455">
        <v>28</v>
      </c>
      <c r="U26455">
        <v>28</v>
      </c>
      <c r="V26455">
        <v>28</v>
      </c>
      <c r="W26455">
        <v>28</v>
      </c>
      <c r="X26455">
        <v>28</v>
      </c>
      <c r="Y26455">
        <v>29</v>
      </c>
      <c r="Z26455">
        <v>29</v>
      </c>
      <c r="AA26455">
        <v>29</v>
      </c>
      <c r="AB26455">
        <v>29</v>
      </c>
      <c r="AC26455">
        <v>29</v>
      </c>
      <c r="AD26455">
        <v>29</v>
      </c>
      <c r="AE26455">
        <v>29</v>
      </c>
      <c r="AF26455">
        <v>29</v>
      </c>
      <c r="AG26455">
        <v>29</v>
      </c>
      <c r="AH26455">
        <v>29</v>
      </c>
      <c r="AI26455">
        <v>29</v>
      </c>
      <c r="AJ26455">
        <v>30</v>
      </c>
      <c r="AK26455">
        <v>30</v>
      </c>
      <c r="AL26455">
        <v>30</v>
      </c>
      <c r="AM26455">
        <v>30</v>
      </c>
      <c r="AN26455">
        <v>30</v>
      </c>
      <c r="AO26455">
        <v>30</v>
      </c>
      <c r="AP26455">
        <v>30</v>
      </c>
      <c r="AQ26455">
        <v>30</v>
      </c>
    </row>
    <row r="26456" spans="1:43">
      <c r="A26456" t="s">
        <v>16375</v>
      </c>
      <c r="B26456" t="s">
        <v>16376</v>
      </c>
      <c r="C26456" t="s">
        <v>16265</v>
      </c>
      <c r="D26456" t="s">
        <v>16266</v>
      </c>
      <c r="E26456" t="s">
        <v>16245</v>
      </c>
      <c r="F26456" t="s">
        <v>16246</v>
      </c>
      <c r="G26456" t="s">
        <v>10734</v>
      </c>
      <c r="H26456" t="s">
        <v>10735</v>
      </c>
      <c r="I26456" s="2">
        <v>1</v>
      </c>
      <c r="J26456" s="2">
        <v>0</v>
      </c>
      <c r="K26456" s="2">
        <v>0</v>
      </c>
      <c r="L26456" t="s">
        <v>120</v>
      </c>
      <c r="M26456" t="s">
        <v>89</v>
      </c>
      <c r="N26456" t="s">
        <v>90</v>
      </c>
      <c r="O26456" t="s">
        <v>85</v>
      </c>
      <c r="P26456" t="s">
        <v>86</v>
      </c>
      <c r="Q26456">
        <v>28</v>
      </c>
      <c r="R26456">
        <v>29</v>
      </c>
      <c r="S26456">
        <v>30</v>
      </c>
      <c r="T26456">
        <v>30</v>
      </c>
      <c r="U26456">
        <v>31</v>
      </c>
      <c r="V26456">
        <v>31</v>
      </c>
      <c r="W26456">
        <v>32</v>
      </c>
      <c r="X26456">
        <v>32</v>
      </c>
      <c r="Y26456">
        <v>33</v>
      </c>
      <c r="Z26456">
        <v>33</v>
      </c>
      <c r="AA26456">
        <v>34</v>
      </c>
      <c r="AB26456">
        <v>34</v>
      </c>
      <c r="AC26456">
        <v>34</v>
      </c>
      <c r="AD26456">
        <v>35</v>
      </c>
      <c r="AE26456">
        <v>35</v>
      </c>
      <c r="AF26456">
        <v>35</v>
      </c>
      <c r="AG26456">
        <v>35</v>
      </c>
      <c r="AH26456">
        <v>35</v>
      </c>
      <c r="AI26456">
        <v>35</v>
      </c>
      <c r="AJ26456">
        <v>35</v>
      </c>
      <c r="AK26456">
        <v>35</v>
      </c>
      <c r="AL26456">
        <v>35</v>
      </c>
      <c r="AM26456">
        <v>35</v>
      </c>
      <c r="AN26456">
        <v>35</v>
      </c>
      <c r="AO26456">
        <v>35</v>
      </c>
      <c r="AP26456">
        <v>35</v>
      </c>
      <c r="AQ26456">
        <v>35</v>
      </c>
    </row>
    <row r="26457" spans="1:43">
      <c r="A26457" t="s">
        <v>16375</v>
      </c>
      <c r="B26457" t="s">
        <v>16376</v>
      </c>
      <c r="C26457" t="s">
        <v>16265</v>
      </c>
      <c r="D26457" t="s">
        <v>16266</v>
      </c>
      <c r="E26457" t="s">
        <v>16245</v>
      </c>
      <c r="F26457" t="s">
        <v>16246</v>
      </c>
      <c r="G26457" t="s">
        <v>10734</v>
      </c>
      <c r="H26457" t="s">
        <v>10735</v>
      </c>
      <c r="I26457" s="2">
        <v>1</v>
      </c>
      <c r="J26457" s="2">
        <v>0</v>
      </c>
      <c r="K26457" s="2">
        <v>0</v>
      </c>
      <c r="L26457" t="s">
        <v>120</v>
      </c>
      <c r="M26457" t="s">
        <v>83</v>
      </c>
      <c r="N26457" t="s">
        <v>91</v>
      </c>
      <c r="O26457" t="s">
        <v>85</v>
      </c>
      <c r="P26457" t="s">
        <v>86</v>
      </c>
      <c r="Q26457">
        <v>28</v>
      </c>
      <c r="R26457">
        <v>28</v>
      </c>
      <c r="S26457">
        <v>29</v>
      </c>
      <c r="T26457">
        <v>29</v>
      </c>
      <c r="U26457">
        <v>30</v>
      </c>
      <c r="V26457">
        <v>30</v>
      </c>
      <c r="W26457">
        <v>30</v>
      </c>
      <c r="X26457">
        <v>31</v>
      </c>
      <c r="Y26457">
        <v>31</v>
      </c>
      <c r="Z26457">
        <v>31</v>
      </c>
      <c r="AA26457">
        <v>32</v>
      </c>
      <c r="AB26457">
        <v>32</v>
      </c>
      <c r="AC26457">
        <v>32</v>
      </c>
      <c r="AD26457">
        <v>32</v>
      </c>
      <c r="AE26457">
        <v>33</v>
      </c>
      <c r="AF26457">
        <v>33</v>
      </c>
      <c r="AG26457">
        <v>33</v>
      </c>
      <c r="AH26457">
        <v>34</v>
      </c>
      <c r="AI26457">
        <v>34</v>
      </c>
      <c r="AJ26457">
        <v>34</v>
      </c>
      <c r="AK26457">
        <v>35</v>
      </c>
      <c r="AL26457">
        <v>35</v>
      </c>
      <c r="AM26457">
        <v>35</v>
      </c>
      <c r="AN26457">
        <v>35</v>
      </c>
      <c r="AO26457">
        <v>35</v>
      </c>
      <c r="AP26457">
        <v>35</v>
      </c>
      <c r="AQ26457">
        <v>35</v>
      </c>
    </row>
    <row r="26458" spans="1:43">
      <c r="A26458" t="s">
        <v>16377</v>
      </c>
      <c r="B26458" t="s">
        <v>16378</v>
      </c>
      <c r="C26458" t="s">
        <v>16279</v>
      </c>
      <c r="D26458" t="s">
        <v>16280</v>
      </c>
      <c r="E26458" t="s">
        <v>16245</v>
      </c>
      <c r="F26458" t="s">
        <v>16246</v>
      </c>
      <c r="G26458" t="s">
        <v>10734</v>
      </c>
      <c r="H26458" t="s">
        <v>10735</v>
      </c>
      <c r="I26458" s="2">
        <v>1</v>
      </c>
      <c r="J26458" s="2">
        <v>0</v>
      </c>
      <c r="K26458" s="2">
        <v>0</v>
      </c>
      <c r="L26458" t="s">
        <v>120</v>
      </c>
      <c r="M26458" t="s">
        <v>83</v>
      </c>
      <c r="N26458" t="s">
        <v>84</v>
      </c>
      <c r="O26458" t="s">
        <v>85</v>
      </c>
      <c r="P26458" t="s">
        <v>86</v>
      </c>
      <c r="Q26458">
        <v>43</v>
      </c>
      <c r="R26458">
        <v>44</v>
      </c>
      <c r="S26458">
        <v>45</v>
      </c>
      <c r="T26458">
        <v>46</v>
      </c>
      <c r="U26458">
        <v>47</v>
      </c>
      <c r="V26458">
        <v>48</v>
      </c>
      <c r="W26458">
        <v>49</v>
      </c>
      <c r="X26458">
        <v>50</v>
      </c>
      <c r="Y26458">
        <v>50</v>
      </c>
      <c r="Z26458">
        <v>51</v>
      </c>
      <c r="AA26458">
        <v>52</v>
      </c>
      <c r="AB26458">
        <v>53</v>
      </c>
      <c r="AC26458">
        <v>54</v>
      </c>
      <c r="AD26458">
        <v>55</v>
      </c>
      <c r="AE26458">
        <v>56</v>
      </c>
      <c r="AF26458">
        <v>57</v>
      </c>
      <c r="AG26458">
        <v>58</v>
      </c>
      <c r="AH26458">
        <v>59</v>
      </c>
      <c r="AI26458">
        <v>60</v>
      </c>
      <c r="AJ26458">
        <v>61</v>
      </c>
      <c r="AK26458">
        <v>63</v>
      </c>
      <c r="AL26458">
        <v>63</v>
      </c>
      <c r="AM26458">
        <v>64</v>
      </c>
      <c r="AN26458">
        <v>64</v>
      </c>
      <c r="AO26458">
        <v>65</v>
      </c>
      <c r="AP26458">
        <v>65</v>
      </c>
      <c r="AQ26458">
        <v>66</v>
      </c>
    </row>
    <row r="26459" spans="1:43">
      <c r="A26459" t="s">
        <v>16377</v>
      </c>
      <c r="B26459" t="s">
        <v>16378</v>
      </c>
      <c r="C26459" t="s">
        <v>16279</v>
      </c>
      <c r="D26459" t="s">
        <v>16280</v>
      </c>
      <c r="E26459" t="s">
        <v>16245</v>
      </c>
      <c r="F26459" t="s">
        <v>16246</v>
      </c>
      <c r="G26459" t="s">
        <v>10734</v>
      </c>
      <c r="H26459" t="s">
        <v>10735</v>
      </c>
      <c r="I26459" s="2">
        <v>1</v>
      </c>
      <c r="J26459" s="2">
        <v>0</v>
      </c>
      <c r="K26459" s="2">
        <v>0</v>
      </c>
      <c r="L26459" t="s">
        <v>120</v>
      </c>
      <c r="M26459" t="s">
        <v>87</v>
      </c>
      <c r="N26459" t="s">
        <v>88</v>
      </c>
      <c r="O26459" t="s">
        <v>85</v>
      </c>
      <c r="P26459" t="s">
        <v>86</v>
      </c>
      <c r="Q26459">
        <v>43</v>
      </c>
      <c r="R26459">
        <v>43</v>
      </c>
      <c r="S26459">
        <v>44</v>
      </c>
      <c r="T26459">
        <v>44</v>
      </c>
      <c r="U26459">
        <v>45</v>
      </c>
      <c r="V26459">
        <v>45</v>
      </c>
      <c r="W26459">
        <v>46</v>
      </c>
      <c r="X26459">
        <v>46</v>
      </c>
      <c r="Y26459">
        <v>47</v>
      </c>
      <c r="Z26459">
        <v>47</v>
      </c>
      <c r="AA26459">
        <v>48</v>
      </c>
      <c r="AB26459">
        <v>48</v>
      </c>
      <c r="AC26459">
        <v>49</v>
      </c>
      <c r="AD26459">
        <v>49</v>
      </c>
      <c r="AE26459">
        <v>50</v>
      </c>
      <c r="AF26459">
        <v>50</v>
      </c>
      <c r="AG26459">
        <v>51</v>
      </c>
      <c r="AH26459">
        <v>52</v>
      </c>
      <c r="AI26459">
        <v>52</v>
      </c>
      <c r="AJ26459">
        <v>53</v>
      </c>
      <c r="AK26459">
        <v>53</v>
      </c>
      <c r="AL26459">
        <v>54</v>
      </c>
      <c r="AM26459">
        <v>55</v>
      </c>
      <c r="AN26459">
        <v>55</v>
      </c>
      <c r="AO26459">
        <v>56</v>
      </c>
      <c r="AP26459">
        <v>57</v>
      </c>
      <c r="AQ26459">
        <v>57</v>
      </c>
    </row>
    <row r="26460" spans="1:43">
      <c r="A26460" t="s">
        <v>16377</v>
      </c>
      <c r="B26460" t="s">
        <v>16378</v>
      </c>
      <c r="C26460" t="s">
        <v>16279</v>
      </c>
      <c r="D26460" t="s">
        <v>16280</v>
      </c>
      <c r="E26460" t="s">
        <v>16245</v>
      </c>
      <c r="F26460" t="s">
        <v>16246</v>
      </c>
      <c r="G26460" t="s">
        <v>10734</v>
      </c>
      <c r="H26460" t="s">
        <v>10735</v>
      </c>
      <c r="I26460" s="2">
        <v>1</v>
      </c>
      <c r="J26460" s="2">
        <v>0</v>
      </c>
      <c r="K26460" s="2">
        <v>0</v>
      </c>
      <c r="L26460" t="s">
        <v>120</v>
      </c>
      <c r="M26460" t="s">
        <v>89</v>
      </c>
      <c r="N26460" t="s">
        <v>90</v>
      </c>
      <c r="O26460" t="s">
        <v>85</v>
      </c>
      <c r="P26460" t="s">
        <v>86</v>
      </c>
      <c r="Q26460">
        <v>43</v>
      </c>
      <c r="R26460">
        <v>44</v>
      </c>
      <c r="S26460">
        <v>45</v>
      </c>
      <c r="T26460">
        <v>46</v>
      </c>
      <c r="U26460">
        <v>48</v>
      </c>
      <c r="V26460">
        <v>49</v>
      </c>
      <c r="W26460">
        <v>50</v>
      </c>
      <c r="X26460">
        <v>51</v>
      </c>
      <c r="Y26460">
        <v>52</v>
      </c>
      <c r="Z26460">
        <v>54</v>
      </c>
      <c r="AA26460">
        <v>55</v>
      </c>
      <c r="AB26460">
        <v>56</v>
      </c>
      <c r="AC26460">
        <v>57</v>
      </c>
      <c r="AD26460">
        <v>58</v>
      </c>
      <c r="AE26460">
        <v>59</v>
      </c>
      <c r="AF26460">
        <v>60</v>
      </c>
      <c r="AG26460">
        <v>60</v>
      </c>
      <c r="AH26460">
        <v>61</v>
      </c>
      <c r="AI26460">
        <v>61</v>
      </c>
      <c r="AJ26460">
        <v>62</v>
      </c>
      <c r="AK26460">
        <v>62</v>
      </c>
      <c r="AL26460">
        <v>63</v>
      </c>
      <c r="AM26460">
        <v>63</v>
      </c>
      <c r="AN26460">
        <v>64</v>
      </c>
      <c r="AO26460">
        <v>64</v>
      </c>
      <c r="AP26460">
        <v>65</v>
      </c>
      <c r="AQ26460">
        <v>66</v>
      </c>
    </row>
    <row r="26461" spans="1:43">
      <c r="A26461" t="s">
        <v>16377</v>
      </c>
      <c r="B26461" t="s">
        <v>16378</v>
      </c>
      <c r="C26461" t="s">
        <v>16279</v>
      </c>
      <c r="D26461" t="s">
        <v>16280</v>
      </c>
      <c r="E26461" t="s">
        <v>16245</v>
      </c>
      <c r="F26461" t="s">
        <v>16246</v>
      </c>
      <c r="G26461" t="s">
        <v>10734</v>
      </c>
      <c r="H26461" t="s">
        <v>10735</v>
      </c>
      <c r="I26461" s="2">
        <v>1</v>
      </c>
      <c r="J26461" s="2">
        <v>0</v>
      </c>
      <c r="K26461" s="2">
        <v>0</v>
      </c>
      <c r="L26461" t="s">
        <v>120</v>
      </c>
      <c r="M26461" t="s">
        <v>83</v>
      </c>
      <c r="N26461" t="s">
        <v>91</v>
      </c>
      <c r="O26461" t="s">
        <v>85</v>
      </c>
      <c r="P26461" t="s">
        <v>86</v>
      </c>
      <c r="Q26461">
        <v>43</v>
      </c>
      <c r="R26461">
        <v>44</v>
      </c>
      <c r="S26461">
        <v>45</v>
      </c>
      <c r="T26461">
        <v>46</v>
      </c>
      <c r="U26461">
        <v>47</v>
      </c>
      <c r="V26461">
        <v>48</v>
      </c>
      <c r="W26461">
        <v>49</v>
      </c>
      <c r="X26461">
        <v>50</v>
      </c>
      <c r="Y26461">
        <v>50</v>
      </c>
      <c r="Z26461">
        <v>51</v>
      </c>
      <c r="AA26461">
        <v>52</v>
      </c>
      <c r="AB26461">
        <v>53</v>
      </c>
      <c r="AC26461">
        <v>54</v>
      </c>
      <c r="AD26461">
        <v>55</v>
      </c>
      <c r="AE26461">
        <v>56</v>
      </c>
      <c r="AF26461">
        <v>57</v>
      </c>
      <c r="AG26461">
        <v>58</v>
      </c>
      <c r="AH26461">
        <v>59</v>
      </c>
      <c r="AI26461">
        <v>60</v>
      </c>
      <c r="AJ26461">
        <v>61</v>
      </c>
      <c r="AK26461">
        <v>63</v>
      </c>
      <c r="AL26461">
        <v>63</v>
      </c>
      <c r="AM26461">
        <v>64</v>
      </c>
      <c r="AN26461">
        <v>64</v>
      </c>
      <c r="AO26461">
        <v>65</v>
      </c>
      <c r="AP26461">
        <v>65</v>
      </c>
      <c r="AQ26461">
        <v>66</v>
      </c>
    </row>
    <row r="26462" spans="1:43">
      <c r="A26462" t="s">
        <v>16379</v>
      </c>
      <c r="B26462" t="s">
        <v>16380</v>
      </c>
      <c r="C26462" t="s">
        <v>16279</v>
      </c>
      <c r="D26462" t="s">
        <v>16280</v>
      </c>
      <c r="E26462" t="s">
        <v>16245</v>
      </c>
      <c r="F26462" t="s">
        <v>16246</v>
      </c>
      <c r="G26462" t="s">
        <v>10734</v>
      </c>
      <c r="H26462" t="s">
        <v>10735</v>
      </c>
      <c r="I26462" s="2">
        <v>1</v>
      </c>
      <c r="J26462" s="2">
        <v>0</v>
      </c>
      <c r="K26462" s="2">
        <v>0</v>
      </c>
      <c r="L26462" t="s">
        <v>120</v>
      </c>
      <c r="M26462" t="s">
        <v>83</v>
      </c>
      <c r="N26462" t="s">
        <v>84</v>
      </c>
      <c r="O26462" t="s">
        <v>85</v>
      </c>
      <c r="P26462" t="s">
        <v>86</v>
      </c>
      <c r="Q26462">
        <v>74</v>
      </c>
      <c r="R26462">
        <v>76</v>
      </c>
      <c r="S26462">
        <v>77</v>
      </c>
      <c r="T26462">
        <v>79</v>
      </c>
      <c r="U26462">
        <v>80</v>
      </c>
      <c r="V26462">
        <v>82</v>
      </c>
      <c r="W26462">
        <v>83</v>
      </c>
      <c r="X26462">
        <v>85</v>
      </c>
      <c r="Y26462">
        <v>86</v>
      </c>
      <c r="Z26462">
        <v>88</v>
      </c>
      <c r="AA26462">
        <v>89</v>
      </c>
      <c r="AB26462">
        <v>91</v>
      </c>
      <c r="AC26462">
        <v>93</v>
      </c>
      <c r="AD26462">
        <v>94</v>
      </c>
      <c r="AE26462">
        <v>96</v>
      </c>
      <c r="AF26462">
        <v>98</v>
      </c>
      <c r="AG26462">
        <v>100</v>
      </c>
      <c r="AH26462">
        <v>101</v>
      </c>
      <c r="AI26462">
        <v>103</v>
      </c>
      <c r="AJ26462">
        <v>105</v>
      </c>
      <c r="AK26462">
        <v>107</v>
      </c>
      <c r="AL26462">
        <v>108</v>
      </c>
      <c r="AM26462">
        <v>109</v>
      </c>
      <c r="AN26462">
        <v>110</v>
      </c>
      <c r="AO26462">
        <v>111</v>
      </c>
      <c r="AP26462">
        <v>112</v>
      </c>
      <c r="AQ26462">
        <v>113</v>
      </c>
    </row>
    <row r="26463" spans="1:43">
      <c r="A26463" t="s">
        <v>16379</v>
      </c>
      <c r="B26463" t="s">
        <v>16380</v>
      </c>
      <c r="C26463" t="s">
        <v>16279</v>
      </c>
      <c r="D26463" t="s">
        <v>16280</v>
      </c>
      <c r="E26463" t="s">
        <v>16245</v>
      </c>
      <c r="F26463" t="s">
        <v>16246</v>
      </c>
      <c r="G26463" t="s">
        <v>10734</v>
      </c>
      <c r="H26463" t="s">
        <v>10735</v>
      </c>
      <c r="I26463" s="2">
        <v>1</v>
      </c>
      <c r="J26463" s="2">
        <v>0</v>
      </c>
      <c r="K26463" s="2">
        <v>0</v>
      </c>
      <c r="L26463" t="s">
        <v>120</v>
      </c>
      <c r="M26463" t="s">
        <v>87</v>
      </c>
      <c r="N26463" t="s">
        <v>88</v>
      </c>
      <c r="O26463" t="s">
        <v>85</v>
      </c>
      <c r="P26463" t="s">
        <v>86</v>
      </c>
      <c r="Q26463">
        <v>74</v>
      </c>
      <c r="R26463">
        <v>75</v>
      </c>
      <c r="S26463">
        <v>76</v>
      </c>
      <c r="T26463">
        <v>77</v>
      </c>
      <c r="U26463">
        <v>78</v>
      </c>
      <c r="V26463">
        <v>78</v>
      </c>
      <c r="W26463">
        <v>79</v>
      </c>
      <c r="X26463">
        <v>80</v>
      </c>
      <c r="Y26463">
        <v>81</v>
      </c>
      <c r="Z26463">
        <v>82</v>
      </c>
      <c r="AA26463">
        <v>83</v>
      </c>
      <c r="AB26463">
        <v>84</v>
      </c>
      <c r="AC26463">
        <v>84</v>
      </c>
      <c r="AD26463">
        <v>85</v>
      </c>
      <c r="AE26463">
        <v>86</v>
      </c>
      <c r="AF26463">
        <v>87</v>
      </c>
      <c r="AG26463">
        <v>88</v>
      </c>
      <c r="AH26463">
        <v>89</v>
      </c>
      <c r="AI26463">
        <v>90</v>
      </c>
      <c r="AJ26463">
        <v>91</v>
      </c>
      <c r="AK26463">
        <v>92</v>
      </c>
      <c r="AL26463">
        <v>93</v>
      </c>
      <c r="AM26463">
        <v>95</v>
      </c>
      <c r="AN26463">
        <v>96</v>
      </c>
      <c r="AO26463">
        <v>97</v>
      </c>
      <c r="AP26463">
        <v>98</v>
      </c>
      <c r="AQ26463">
        <v>99</v>
      </c>
    </row>
    <row r="26464" spans="1:43">
      <c r="A26464" t="s">
        <v>16379</v>
      </c>
      <c r="B26464" t="s">
        <v>16380</v>
      </c>
      <c r="C26464" t="s">
        <v>16279</v>
      </c>
      <c r="D26464" t="s">
        <v>16280</v>
      </c>
      <c r="E26464" t="s">
        <v>16245</v>
      </c>
      <c r="F26464" t="s">
        <v>16246</v>
      </c>
      <c r="G26464" t="s">
        <v>10734</v>
      </c>
      <c r="H26464" t="s">
        <v>10735</v>
      </c>
      <c r="I26464" s="2">
        <v>1</v>
      </c>
      <c r="J26464" s="2">
        <v>0</v>
      </c>
      <c r="K26464" s="2">
        <v>0</v>
      </c>
      <c r="L26464" t="s">
        <v>120</v>
      </c>
      <c r="M26464" t="s">
        <v>89</v>
      </c>
      <c r="N26464" t="s">
        <v>90</v>
      </c>
      <c r="O26464" t="s">
        <v>85</v>
      </c>
      <c r="P26464" t="s">
        <v>86</v>
      </c>
      <c r="Q26464">
        <v>74</v>
      </c>
      <c r="R26464">
        <v>76</v>
      </c>
      <c r="S26464">
        <v>78</v>
      </c>
      <c r="T26464">
        <v>80</v>
      </c>
      <c r="U26464">
        <v>82</v>
      </c>
      <c r="V26464">
        <v>84</v>
      </c>
      <c r="W26464">
        <v>86</v>
      </c>
      <c r="X26464">
        <v>88</v>
      </c>
      <c r="Y26464">
        <v>90</v>
      </c>
      <c r="Z26464">
        <v>92</v>
      </c>
      <c r="AA26464">
        <v>94</v>
      </c>
      <c r="AB26464">
        <v>96</v>
      </c>
      <c r="AC26464">
        <v>98</v>
      </c>
      <c r="AD26464">
        <v>100</v>
      </c>
      <c r="AE26464">
        <v>102</v>
      </c>
      <c r="AF26464">
        <v>103</v>
      </c>
      <c r="AG26464">
        <v>104</v>
      </c>
      <c r="AH26464">
        <v>105</v>
      </c>
      <c r="AI26464">
        <v>105</v>
      </c>
      <c r="AJ26464">
        <v>106</v>
      </c>
      <c r="AK26464">
        <v>107</v>
      </c>
      <c r="AL26464">
        <v>108</v>
      </c>
      <c r="AM26464">
        <v>109</v>
      </c>
      <c r="AN26464">
        <v>110</v>
      </c>
      <c r="AO26464">
        <v>111</v>
      </c>
      <c r="AP26464">
        <v>112</v>
      </c>
      <c r="AQ26464">
        <v>113</v>
      </c>
    </row>
    <row r="26465" spans="1:43">
      <c r="A26465" t="s">
        <v>16379</v>
      </c>
      <c r="B26465" t="s">
        <v>16380</v>
      </c>
      <c r="C26465" t="s">
        <v>16279</v>
      </c>
      <c r="D26465" t="s">
        <v>16280</v>
      </c>
      <c r="E26465" t="s">
        <v>16245</v>
      </c>
      <c r="F26465" t="s">
        <v>16246</v>
      </c>
      <c r="G26465" t="s">
        <v>10734</v>
      </c>
      <c r="H26465" t="s">
        <v>10735</v>
      </c>
      <c r="I26465" s="2">
        <v>1</v>
      </c>
      <c r="J26465" s="2">
        <v>0</v>
      </c>
      <c r="K26465" s="2">
        <v>0</v>
      </c>
      <c r="L26465" t="s">
        <v>120</v>
      </c>
      <c r="M26465" t="s">
        <v>83</v>
      </c>
      <c r="N26465" t="s">
        <v>91</v>
      </c>
      <c r="O26465" t="s">
        <v>85</v>
      </c>
      <c r="P26465" t="s">
        <v>86</v>
      </c>
      <c r="Q26465">
        <v>74</v>
      </c>
      <c r="R26465">
        <v>76</v>
      </c>
      <c r="S26465">
        <v>77</v>
      </c>
      <c r="T26465">
        <v>79</v>
      </c>
      <c r="U26465">
        <v>80</v>
      </c>
      <c r="V26465">
        <v>82</v>
      </c>
      <c r="W26465">
        <v>83</v>
      </c>
      <c r="X26465">
        <v>85</v>
      </c>
      <c r="Y26465">
        <v>86</v>
      </c>
      <c r="Z26465">
        <v>88</v>
      </c>
      <c r="AA26465">
        <v>89</v>
      </c>
      <c r="AB26465">
        <v>91</v>
      </c>
      <c r="AC26465">
        <v>93</v>
      </c>
      <c r="AD26465">
        <v>94</v>
      </c>
      <c r="AE26465">
        <v>96</v>
      </c>
      <c r="AF26465">
        <v>98</v>
      </c>
      <c r="AG26465">
        <v>100</v>
      </c>
      <c r="AH26465">
        <v>101</v>
      </c>
      <c r="AI26465">
        <v>103</v>
      </c>
      <c r="AJ26465">
        <v>105</v>
      </c>
      <c r="AK26465">
        <v>107</v>
      </c>
      <c r="AL26465">
        <v>108</v>
      </c>
      <c r="AM26465">
        <v>109</v>
      </c>
      <c r="AN26465">
        <v>110</v>
      </c>
      <c r="AO26465">
        <v>111</v>
      </c>
      <c r="AP26465">
        <v>112</v>
      </c>
      <c r="AQ26465">
        <v>113</v>
      </c>
    </row>
    <row r="26466" spans="1:43">
      <c r="A26466" t="s">
        <v>16381</v>
      </c>
      <c r="B26466" t="s">
        <v>16382</v>
      </c>
      <c r="C26466" t="s">
        <v>16279</v>
      </c>
      <c r="D26466" t="s">
        <v>16280</v>
      </c>
      <c r="E26466" t="s">
        <v>16245</v>
      </c>
      <c r="F26466" t="s">
        <v>16246</v>
      </c>
      <c r="G26466" t="s">
        <v>10734</v>
      </c>
      <c r="H26466" t="s">
        <v>10735</v>
      </c>
      <c r="I26466" s="2">
        <v>1</v>
      </c>
      <c r="J26466" s="2">
        <v>0</v>
      </c>
      <c r="K26466" s="2">
        <v>0</v>
      </c>
      <c r="L26466" t="s">
        <v>120</v>
      </c>
      <c r="M26466" t="s">
        <v>83</v>
      </c>
      <c r="N26466" t="s">
        <v>84</v>
      </c>
      <c r="O26466" t="s">
        <v>85</v>
      </c>
      <c r="P26466" t="s">
        <v>86</v>
      </c>
      <c r="Q26466">
        <v>18</v>
      </c>
      <c r="R26466">
        <v>18</v>
      </c>
      <c r="S26466">
        <v>19</v>
      </c>
      <c r="T26466">
        <v>19</v>
      </c>
      <c r="U26466">
        <v>19</v>
      </c>
      <c r="V26466">
        <v>20</v>
      </c>
      <c r="W26466">
        <v>20</v>
      </c>
      <c r="X26466">
        <v>21</v>
      </c>
      <c r="Y26466">
        <v>21</v>
      </c>
      <c r="Z26466">
        <v>21</v>
      </c>
      <c r="AA26466">
        <v>22</v>
      </c>
      <c r="AB26466">
        <v>22</v>
      </c>
      <c r="AC26466">
        <v>23</v>
      </c>
      <c r="AD26466">
        <v>23</v>
      </c>
      <c r="AE26466">
        <v>23</v>
      </c>
      <c r="AF26466">
        <v>24</v>
      </c>
      <c r="AG26466">
        <v>24</v>
      </c>
      <c r="AH26466">
        <v>25</v>
      </c>
      <c r="AI26466">
        <v>25</v>
      </c>
      <c r="AJ26466">
        <v>26</v>
      </c>
      <c r="AK26466">
        <v>26</v>
      </c>
      <c r="AL26466">
        <v>26</v>
      </c>
      <c r="AM26466">
        <v>26</v>
      </c>
      <c r="AN26466">
        <v>27</v>
      </c>
      <c r="AO26466">
        <v>27</v>
      </c>
      <c r="AP26466">
        <v>27</v>
      </c>
      <c r="AQ26466">
        <v>27</v>
      </c>
    </row>
    <row r="26467" spans="1:43">
      <c r="A26467" t="s">
        <v>16381</v>
      </c>
      <c r="B26467" t="s">
        <v>16382</v>
      </c>
      <c r="C26467" t="s">
        <v>16279</v>
      </c>
      <c r="D26467" t="s">
        <v>16280</v>
      </c>
      <c r="E26467" t="s">
        <v>16245</v>
      </c>
      <c r="F26467" t="s">
        <v>16246</v>
      </c>
      <c r="G26467" t="s">
        <v>10734</v>
      </c>
      <c r="H26467" t="s">
        <v>10735</v>
      </c>
      <c r="I26467" s="2">
        <v>1</v>
      </c>
      <c r="J26467" s="2">
        <v>0</v>
      </c>
      <c r="K26467" s="2">
        <v>0</v>
      </c>
      <c r="L26467" t="s">
        <v>120</v>
      </c>
      <c r="M26467" t="s">
        <v>87</v>
      </c>
      <c r="N26467" t="s">
        <v>88</v>
      </c>
      <c r="O26467" t="s">
        <v>85</v>
      </c>
      <c r="P26467" t="s">
        <v>86</v>
      </c>
      <c r="Q26467">
        <v>18</v>
      </c>
      <c r="R26467">
        <v>18</v>
      </c>
      <c r="S26467">
        <v>18</v>
      </c>
      <c r="T26467">
        <v>18</v>
      </c>
      <c r="U26467">
        <v>19</v>
      </c>
      <c r="V26467">
        <v>19</v>
      </c>
      <c r="W26467">
        <v>19</v>
      </c>
      <c r="X26467">
        <v>19</v>
      </c>
      <c r="Y26467">
        <v>19</v>
      </c>
      <c r="Z26467">
        <v>20</v>
      </c>
      <c r="AA26467">
        <v>20</v>
      </c>
      <c r="AB26467">
        <v>20</v>
      </c>
      <c r="AC26467">
        <v>20</v>
      </c>
      <c r="AD26467">
        <v>20</v>
      </c>
      <c r="AE26467">
        <v>21</v>
      </c>
      <c r="AF26467">
        <v>21</v>
      </c>
      <c r="AG26467">
        <v>21</v>
      </c>
      <c r="AH26467">
        <v>21</v>
      </c>
      <c r="AI26467">
        <v>22</v>
      </c>
      <c r="AJ26467">
        <v>22</v>
      </c>
      <c r="AK26467">
        <v>22</v>
      </c>
      <c r="AL26467">
        <v>22</v>
      </c>
      <c r="AM26467">
        <v>23</v>
      </c>
      <c r="AN26467">
        <v>23</v>
      </c>
      <c r="AO26467">
        <v>23</v>
      </c>
      <c r="AP26467">
        <v>24</v>
      </c>
      <c r="AQ26467">
        <v>24</v>
      </c>
    </row>
    <row r="26468" spans="1:43">
      <c r="A26468" t="s">
        <v>16381</v>
      </c>
      <c r="B26468" t="s">
        <v>16382</v>
      </c>
      <c r="C26468" t="s">
        <v>16279</v>
      </c>
      <c r="D26468" t="s">
        <v>16280</v>
      </c>
      <c r="E26468" t="s">
        <v>16245</v>
      </c>
      <c r="F26468" t="s">
        <v>16246</v>
      </c>
      <c r="G26468" t="s">
        <v>10734</v>
      </c>
      <c r="H26468" t="s">
        <v>10735</v>
      </c>
      <c r="I26468" s="2">
        <v>1</v>
      </c>
      <c r="J26468" s="2">
        <v>0</v>
      </c>
      <c r="K26468" s="2">
        <v>0</v>
      </c>
      <c r="L26468" t="s">
        <v>120</v>
      </c>
      <c r="M26468" t="s">
        <v>89</v>
      </c>
      <c r="N26468" t="s">
        <v>90</v>
      </c>
      <c r="O26468" t="s">
        <v>85</v>
      </c>
      <c r="P26468" t="s">
        <v>86</v>
      </c>
      <c r="Q26468">
        <v>18</v>
      </c>
      <c r="R26468">
        <v>19</v>
      </c>
      <c r="S26468">
        <v>19</v>
      </c>
      <c r="T26468">
        <v>20</v>
      </c>
      <c r="U26468">
        <v>20</v>
      </c>
      <c r="V26468">
        <v>21</v>
      </c>
      <c r="W26468">
        <v>21</v>
      </c>
      <c r="X26468">
        <v>22</v>
      </c>
      <c r="Y26468">
        <v>22</v>
      </c>
      <c r="Z26468">
        <v>23</v>
      </c>
      <c r="AA26468">
        <v>23</v>
      </c>
      <c r="AB26468">
        <v>24</v>
      </c>
      <c r="AC26468">
        <v>24</v>
      </c>
      <c r="AD26468">
        <v>25</v>
      </c>
      <c r="AE26468">
        <v>25</v>
      </c>
      <c r="AF26468">
        <v>25</v>
      </c>
      <c r="AG26468">
        <v>25</v>
      </c>
      <c r="AH26468">
        <v>26</v>
      </c>
      <c r="AI26468">
        <v>26</v>
      </c>
      <c r="AJ26468">
        <v>26</v>
      </c>
      <c r="AK26468">
        <v>26</v>
      </c>
      <c r="AL26468">
        <v>27</v>
      </c>
      <c r="AM26468">
        <v>27</v>
      </c>
      <c r="AN26468">
        <v>27</v>
      </c>
      <c r="AO26468">
        <v>27</v>
      </c>
      <c r="AP26468">
        <v>27</v>
      </c>
      <c r="AQ26468">
        <v>28</v>
      </c>
    </row>
    <row r="26469" spans="1:43">
      <c r="A26469" t="s">
        <v>16381</v>
      </c>
      <c r="B26469" t="s">
        <v>16382</v>
      </c>
      <c r="C26469" t="s">
        <v>16279</v>
      </c>
      <c r="D26469" t="s">
        <v>16280</v>
      </c>
      <c r="E26469" t="s">
        <v>16245</v>
      </c>
      <c r="F26469" t="s">
        <v>16246</v>
      </c>
      <c r="G26469" t="s">
        <v>10734</v>
      </c>
      <c r="H26469" t="s">
        <v>10735</v>
      </c>
      <c r="I26469" s="2">
        <v>1</v>
      </c>
      <c r="J26469" s="2">
        <v>0</v>
      </c>
      <c r="K26469" s="2">
        <v>0</v>
      </c>
      <c r="L26469" t="s">
        <v>120</v>
      </c>
      <c r="M26469" t="s">
        <v>83</v>
      </c>
      <c r="N26469" t="s">
        <v>91</v>
      </c>
      <c r="O26469" t="s">
        <v>85</v>
      </c>
      <c r="P26469" t="s">
        <v>86</v>
      </c>
      <c r="Q26469">
        <v>18</v>
      </c>
      <c r="R26469">
        <v>18</v>
      </c>
      <c r="S26469">
        <v>19</v>
      </c>
      <c r="T26469">
        <v>19</v>
      </c>
      <c r="U26469">
        <v>19</v>
      </c>
      <c r="V26469">
        <v>20</v>
      </c>
      <c r="W26469">
        <v>20</v>
      </c>
      <c r="X26469">
        <v>21</v>
      </c>
      <c r="Y26469">
        <v>21</v>
      </c>
      <c r="Z26469">
        <v>21</v>
      </c>
      <c r="AA26469">
        <v>22</v>
      </c>
      <c r="AB26469">
        <v>22</v>
      </c>
      <c r="AC26469">
        <v>23</v>
      </c>
      <c r="AD26469">
        <v>23</v>
      </c>
      <c r="AE26469">
        <v>23</v>
      </c>
      <c r="AF26469">
        <v>24</v>
      </c>
      <c r="AG26469">
        <v>24</v>
      </c>
      <c r="AH26469">
        <v>25</v>
      </c>
      <c r="AI26469">
        <v>25</v>
      </c>
      <c r="AJ26469">
        <v>26</v>
      </c>
      <c r="AK26469">
        <v>26</v>
      </c>
      <c r="AL26469">
        <v>26</v>
      </c>
      <c r="AM26469">
        <v>26</v>
      </c>
      <c r="AN26469">
        <v>27</v>
      </c>
      <c r="AO26469">
        <v>27</v>
      </c>
      <c r="AP26469">
        <v>27</v>
      </c>
      <c r="AQ26469">
        <v>27</v>
      </c>
    </row>
    <row r="26470" spans="1:43">
      <c r="A26470" t="s">
        <v>16383</v>
      </c>
      <c r="B26470" t="s">
        <v>16384</v>
      </c>
      <c r="C26470" t="s">
        <v>16271</v>
      </c>
      <c r="D26470" t="s">
        <v>16272</v>
      </c>
      <c r="E26470" t="s">
        <v>16245</v>
      </c>
      <c r="F26470" t="s">
        <v>16246</v>
      </c>
      <c r="G26470" t="s">
        <v>10734</v>
      </c>
      <c r="H26470" t="s">
        <v>10735</v>
      </c>
      <c r="I26470" s="2">
        <v>1</v>
      </c>
      <c r="J26470" s="2">
        <v>0</v>
      </c>
      <c r="K26470" s="2">
        <v>0</v>
      </c>
      <c r="L26470" t="s">
        <v>120</v>
      </c>
      <c r="M26470" t="s">
        <v>83</v>
      </c>
      <c r="N26470" t="s">
        <v>84</v>
      </c>
      <c r="O26470" t="s">
        <v>85</v>
      </c>
      <c r="P26470" t="s">
        <v>86</v>
      </c>
      <c r="Q26470">
        <v>4</v>
      </c>
      <c r="R26470">
        <v>4</v>
      </c>
      <c r="S26470">
        <v>4</v>
      </c>
      <c r="T26470">
        <v>5</v>
      </c>
      <c r="U26470">
        <v>5</v>
      </c>
      <c r="V26470">
        <v>5</v>
      </c>
      <c r="W26470">
        <v>5</v>
      </c>
      <c r="X26470">
        <v>5</v>
      </c>
      <c r="Y26470">
        <v>5</v>
      </c>
      <c r="Z26470">
        <v>5</v>
      </c>
      <c r="AA26470">
        <v>5</v>
      </c>
      <c r="AB26470">
        <v>5</v>
      </c>
      <c r="AC26470">
        <v>5</v>
      </c>
      <c r="AD26470">
        <v>5</v>
      </c>
      <c r="AE26470">
        <v>5</v>
      </c>
      <c r="AF26470">
        <v>6</v>
      </c>
      <c r="AG26470">
        <v>6</v>
      </c>
      <c r="AH26470">
        <v>6</v>
      </c>
      <c r="AI26470">
        <v>6</v>
      </c>
      <c r="AJ26470">
        <v>6</v>
      </c>
      <c r="AK26470">
        <v>6</v>
      </c>
      <c r="AL26470">
        <v>6</v>
      </c>
      <c r="AM26470">
        <v>6</v>
      </c>
      <c r="AN26470">
        <v>6</v>
      </c>
      <c r="AO26470">
        <v>6</v>
      </c>
      <c r="AP26470">
        <v>6</v>
      </c>
      <c r="AQ26470">
        <v>6</v>
      </c>
    </row>
    <row r="26471" spans="1:43">
      <c r="A26471" t="s">
        <v>16383</v>
      </c>
      <c r="B26471" t="s">
        <v>16384</v>
      </c>
      <c r="C26471" t="s">
        <v>16271</v>
      </c>
      <c r="D26471" t="s">
        <v>16272</v>
      </c>
      <c r="E26471" t="s">
        <v>16245</v>
      </c>
      <c r="F26471" t="s">
        <v>16246</v>
      </c>
      <c r="G26471" t="s">
        <v>10734</v>
      </c>
      <c r="H26471" t="s">
        <v>10735</v>
      </c>
      <c r="I26471" s="2">
        <v>1</v>
      </c>
      <c r="J26471" s="2">
        <v>0</v>
      </c>
      <c r="K26471" s="2">
        <v>0</v>
      </c>
      <c r="L26471" t="s">
        <v>120</v>
      </c>
      <c r="M26471" t="s">
        <v>87</v>
      </c>
      <c r="N26471" t="s">
        <v>88</v>
      </c>
      <c r="O26471" t="s">
        <v>85</v>
      </c>
      <c r="P26471" t="s">
        <v>86</v>
      </c>
      <c r="Q26471">
        <v>4</v>
      </c>
      <c r="R26471">
        <v>4</v>
      </c>
      <c r="S26471">
        <v>4</v>
      </c>
      <c r="T26471">
        <v>4</v>
      </c>
      <c r="U26471">
        <v>4</v>
      </c>
      <c r="V26471">
        <v>4</v>
      </c>
      <c r="W26471">
        <v>4</v>
      </c>
      <c r="X26471">
        <v>5</v>
      </c>
      <c r="Y26471">
        <v>5</v>
      </c>
      <c r="Z26471">
        <v>5</v>
      </c>
      <c r="AA26471">
        <v>5</v>
      </c>
      <c r="AB26471">
        <v>5</v>
      </c>
      <c r="AC26471">
        <v>5</v>
      </c>
      <c r="AD26471">
        <v>5</v>
      </c>
      <c r="AE26471">
        <v>5</v>
      </c>
      <c r="AF26471">
        <v>5</v>
      </c>
      <c r="AG26471">
        <v>5</v>
      </c>
      <c r="AH26471">
        <v>5</v>
      </c>
      <c r="AI26471">
        <v>5</v>
      </c>
      <c r="AJ26471">
        <v>5</v>
      </c>
      <c r="AK26471">
        <v>5</v>
      </c>
      <c r="AL26471">
        <v>5</v>
      </c>
      <c r="AM26471">
        <v>5</v>
      </c>
      <c r="AN26471">
        <v>5</v>
      </c>
      <c r="AO26471">
        <v>5</v>
      </c>
      <c r="AP26471">
        <v>6</v>
      </c>
      <c r="AQ26471">
        <v>6</v>
      </c>
    </row>
    <row r="26472" spans="1:43">
      <c r="A26472" t="s">
        <v>16383</v>
      </c>
      <c r="B26472" t="s">
        <v>16384</v>
      </c>
      <c r="C26472" t="s">
        <v>16271</v>
      </c>
      <c r="D26472" t="s">
        <v>16272</v>
      </c>
      <c r="E26472" t="s">
        <v>16245</v>
      </c>
      <c r="F26472" t="s">
        <v>16246</v>
      </c>
      <c r="G26472" t="s">
        <v>10734</v>
      </c>
      <c r="H26472" t="s">
        <v>10735</v>
      </c>
      <c r="I26472" s="2">
        <v>1</v>
      </c>
      <c r="J26472" s="2">
        <v>0</v>
      </c>
      <c r="K26472" s="2">
        <v>0</v>
      </c>
      <c r="L26472" t="s">
        <v>120</v>
      </c>
      <c r="M26472" t="s">
        <v>89</v>
      </c>
      <c r="N26472" t="s">
        <v>90</v>
      </c>
      <c r="O26472" t="s">
        <v>85</v>
      </c>
      <c r="P26472" t="s">
        <v>86</v>
      </c>
      <c r="Q26472">
        <v>4</v>
      </c>
      <c r="R26472">
        <v>4</v>
      </c>
      <c r="S26472">
        <v>5</v>
      </c>
      <c r="T26472">
        <v>5</v>
      </c>
      <c r="U26472">
        <v>5</v>
      </c>
      <c r="V26472">
        <v>5</v>
      </c>
      <c r="W26472">
        <v>5</v>
      </c>
      <c r="X26472">
        <v>5</v>
      </c>
      <c r="Y26472">
        <v>5</v>
      </c>
      <c r="Z26472">
        <v>5</v>
      </c>
      <c r="AA26472">
        <v>5</v>
      </c>
      <c r="AB26472">
        <v>6</v>
      </c>
      <c r="AC26472">
        <v>6</v>
      </c>
      <c r="AD26472">
        <v>6</v>
      </c>
      <c r="AE26472">
        <v>6</v>
      </c>
      <c r="AF26472">
        <v>6</v>
      </c>
      <c r="AG26472">
        <v>6</v>
      </c>
      <c r="AH26472">
        <v>6</v>
      </c>
      <c r="AI26472">
        <v>6</v>
      </c>
      <c r="AJ26472">
        <v>6</v>
      </c>
      <c r="AK26472">
        <v>6</v>
      </c>
      <c r="AL26472">
        <v>6</v>
      </c>
      <c r="AM26472">
        <v>6</v>
      </c>
      <c r="AN26472">
        <v>6</v>
      </c>
      <c r="AO26472">
        <v>6</v>
      </c>
      <c r="AP26472">
        <v>6</v>
      </c>
      <c r="AQ26472">
        <v>6</v>
      </c>
    </row>
    <row r="26473" spans="1:43">
      <c r="A26473" t="s">
        <v>16383</v>
      </c>
      <c r="B26473" t="s">
        <v>16384</v>
      </c>
      <c r="C26473" t="s">
        <v>16271</v>
      </c>
      <c r="D26473" t="s">
        <v>16272</v>
      </c>
      <c r="E26473" t="s">
        <v>16245</v>
      </c>
      <c r="F26473" t="s">
        <v>16246</v>
      </c>
      <c r="G26473" t="s">
        <v>10734</v>
      </c>
      <c r="H26473" t="s">
        <v>10735</v>
      </c>
      <c r="I26473" s="2">
        <v>1</v>
      </c>
      <c r="J26473" s="2">
        <v>0</v>
      </c>
      <c r="K26473" s="2">
        <v>0</v>
      </c>
      <c r="L26473" t="s">
        <v>120</v>
      </c>
      <c r="M26473" t="s">
        <v>83</v>
      </c>
      <c r="N26473" t="s">
        <v>91</v>
      </c>
      <c r="O26473" t="s">
        <v>85</v>
      </c>
      <c r="P26473" t="s">
        <v>86</v>
      </c>
      <c r="Q26473">
        <v>4</v>
      </c>
      <c r="R26473">
        <v>4</v>
      </c>
      <c r="S26473">
        <v>4</v>
      </c>
      <c r="T26473">
        <v>5</v>
      </c>
      <c r="U26473">
        <v>5</v>
      </c>
      <c r="V26473">
        <v>5</v>
      </c>
      <c r="W26473">
        <v>5</v>
      </c>
      <c r="X26473">
        <v>5</v>
      </c>
      <c r="Y26473">
        <v>5</v>
      </c>
      <c r="Z26473">
        <v>5</v>
      </c>
      <c r="AA26473">
        <v>5</v>
      </c>
      <c r="AB26473">
        <v>5</v>
      </c>
      <c r="AC26473">
        <v>5</v>
      </c>
      <c r="AD26473">
        <v>5</v>
      </c>
      <c r="AE26473">
        <v>5</v>
      </c>
      <c r="AF26473">
        <v>6</v>
      </c>
      <c r="AG26473">
        <v>6</v>
      </c>
      <c r="AH26473">
        <v>6</v>
      </c>
      <c r="AI26473">
        <v>6</v>
      </c>
      <c r="AJ26473">
        <v>6</v>
      </c>
      <c r="AK26473">
        <v>6</v>
      </c>
      <c r="AL26473">
        <v>6</v>
      </c>
      <c r="AM26473">
        <v>6</v>
      </c>
      <c r="AN26473">
        <v>6</v>
      </c>
      <c r="AO26473">
        <v>6</v>
      </c>
      <c r="AP26473">
        <v>6</v>
      </c>
      <c r="AQ26473">
        <v>6</v>
      </c>
    </row>
    <row r="26474" spans="1:43">
      <c r="A26474" t="s">
        <v>16385</v>
      </c>
      <c r="B26474" t="s">
        <v>16386</v>
      </c>
      <c r="C26474" t="s">
        <v>16387</v>
      </c>
      <c r="D26474" t="s">
        <v>16388</v>
      </c>
      <c r="E26474" t="s">
        <v>16245</v>
      </c>
      <c r="F26474" t="s">
        <v>16246</v>
      </c>
      <c r="G26474" t="s">
        <v>10734</v>
      </c>
      <c r="H26474" t="s">
        <v>10735</v>
      </c>
      <c r="I26474" s="2">
        <v>1</v>
      </c>
      <c r="J26474" s="2">
        <v>0</v>
      </c>
      <c r="K26474" s="2">
        <v>0</v>
      </c>
      <c r="L26474" t="s">
        <v>120</v>
      </c>
      <c r="M26474" t="s">
        <v>83</v>
      </c>
      <c r="N26474" t="s">
        <v>84</v>
      </c>
      <c r="O26474" t="s">
        <v>85</v>
      </c>
      <c r="P26474" t="s">
        <v>86</v>
      </c>
      <c r="Q26474">
        <v>5</v>
      </c>
      <c r="R26474">
        <v>6</v>
      </c>
      <c r="S26474">
        <v>6</v>
      </c>
      <c r="T26474">
        <v>6</v>
      </c>
      <c r="U26474">
        <v>6</v>
      </c>
      <c r="V26474">
        <v>6</v>
      </c>
      <c r="W26474">
        <v>6</v>
      </c>
      <c r="X26474">
        <v>6</v>
      </c>
      <c r="Y26474">
        <v>6</v>
      </c>
      <c r="Z26474">
        <v>6</v>
      </c>
      <c r="AA26474">
        <v>7</v>
      </c>
      <c r="AB26474">
        <v>7</v>
      </c>
      <c r="AC26474">
        <v>7</v>
      </c>
      <c r="AD26474">
        <v>7</v>
      </c>
      <c r="AE26474">
        <v>7</v>
      </c>
      <c r="AF26474">
        <v>7</v>
      </c>
      <c r="AG26474">
        <v>7</v>
      </c>
      <c r="AH26474">
        <v>7</v>
      </c>
      <c r="AI26474">
        <v>8</v>
      </c>
      <c r="AJ26474">
        <v>8</v>
      </c>
      <c r="AK26474">
        <v>8</v>
      </c>
      <c r="AL26474">
        <v>8</v>
      </c>
      <c r="AM26474">
        <v>8</v>
      </c>
      <c r="AN26474">
        <v>8</v>
      </c>
      <c r="AO26474">
        <v>8</v>
      </c>
      <c r="AP26474">
        <v>8</v>
      </c>
      <c r="AQ26474">
        <v>8</v>
      </c>
    </row>
    <row r="26475" spans="1:43">
      <c r="A26475" t="s">
        <v>16385</v>
      </c>
      <c r="B26475" t="s">
        <v>16386</v>
      </c>
      <c r="C26475" t="s">
        <v>16387</v>
      </c>
      <c r="D26475" t="s">
        <v>16388</v>
      </c>
      <c r="E26475" t="s">
        <v>16245</v>
      </c>
      <c r="F26475" t="s">
        <v>16246</v>
      </c>
      <c r="G26475" t="s">
        <v>10734</v>
      </c>
      <c r="H26475" t="s">
        <v>10735</v>
      </c>
      <c r="I26475" s="2">
        <v>1</v>
      </c>
      <c r="J26475" s="2">
        <v>0</v>
      </c>
      <c r="K26475" s="2">
        <v>0</v>
      </c>
      <c r="L26475" t="s">
        <v>120</v>
      </c>
      <c r="M26475" t="s">
        <v>87</v>
      </c>
      <c r="N26475" t="s">
        <v>88</v>
      </c>
      <c r="O26475" t="s">
        <v>85</v>
      </c>
      <c r="P26475" t="s">
        <v>86</v>
      </c>
      <c r="Q26475">
        <v>5</v>
      </c>
      <c r="R26475">
        <v>5</v>
      </c>
      <c r="S26475">
        <v>5</v>
      </c>
      <c r="T26475">
        <v>6</v>
      </c>
      <c r="U26475">
        <v>6</v>
      </c>
      <c r="V26475">
        <v>6</v>
      </c>
      <c r="W26475">
        <v>6</v>
      </c>
      <c r="X26475">
        <v>6</v>
      </c>
      <c r="Y26475">
        <v>6</v>
      </c>
      <c r="Z26475">
        <v>6</v>
      </c>
      <c r="AA26475">
        <v>6</v>
      </c>
      <c r="AB26475">
        <v>6</v>
      </c>
      <c r="AC26475">
        <v>6</v>
      </c>
      <c r="AD26475">
        <v>6</v>
      </c>
      <c r="AE26475">
        <v>6</v>
      </c>
      <c r="AF26475">
        <v>6</v>
      </c>
      <c r="AG26475">
        <v>6</v>
      </c>
      <c r="AH26475">
        <v>6</v>
      </c>
      <c r="AI26475">
        <v>7</v>
      </c>
      <c r="AJ26475">
        <v>7</v>
      </c>
      <c r="AK26475">
        <v>7</v>
      </c>
      <c r="AL26475">
        <v>7</v>
      </c>
      <c r="AM26475">
        <v>7</v>
      </c>
      <c r="AN26475">
        <v>7</v>
      </c>
      <c r="AO26475">
        <v>7</v>
      </c>
      <c r="AP26475">
        <v>7</v>
      </c>
      <c r="AQ26475">
        <v>7</v>
      </c>
    </row>
    <row r="26476" spans="1:43">
      <c r="A26476" t="s">
        <v>16385</v>
      </c>
      <c r="B26476" t="s">
        <v>16386</v>
      </c>
      <c r="C26476" t="s">
        <v>16387</v>
      </c>
      <c r="D26476" t="s">
        <v>16388</v>
      </c>
      <c r="E26476" t="s">
        <v>16245</v>
      </c>
      <c r="F26476" t="s">
        <v>16246</v>
      </c>
      <c r="G26476" t="s">
        <v>10734</v>
      </c>
      <c r="H26476" t="s">
        <v>10735</v>
      </c>
      <c r="I26476" s="2">
        <v>1</v>
      </c>
      <c r="J26476" s="2">
        <v>0</v>
      </c>
      <c r="K26476" s="2">
        <v>0</v>
      </c>
      <c r="L26476" t="s">
        <v>120</v>
      </c>
      <c r="M26476" t="s">
        <v>89</v>
      </c>
      <c r="N26476" t="s">
        <v>90</v>
      </c>
      <c r="O26476" t="s">
        <v>85</v>
      </c>
      <c r="P26476" t="s">
        <v>86</v>
      </c>
      <c r="Q26476">
        <v>5</v>
      </c>
      <c r="R26476">
        <v>6</v>
      </c>
      <c r="S26476">
        <v>6</v>
      </c>
      <c r="T26476">
        <v>6</v>
      </c>
      <c r="U26476">
        <v>6</v>
      </c>
      <c r="V26476">
        <v>6</v>
      </c>
      <c r="W26476">
        <v>6</v>
      </c>
      <c r="X26476">
        <v>7</v>
      </c>
      <c r="Y26476">
        <v>7</v>
      </c>
      <c r="Z26476">
        <v>7</v>
      </c>
      <c r="AA26476">
        <v>7</v>
      </c>
      <c r="AB26476">
        <v>7</v>
      </c>
      <c r="AC26476">
        <v>7</v>
      </c>
      <c r="AD26476">
        <v>7</v>
      </c>
      <c r="AE26476">
        <v>8</v>
      </c>
      <c r="AF26476">
        <v>8</v>
      </c>
      <c r="AG26476">
        <v>8</v>
      </c>
      <c r="AH26476">
        <v>8</v>
      </c>
      <c r="AI26476">
        <v>8</v>
      </c>
      <c r="AJ26476">
        <v>8</v>
      </c>
      <c r="AK26476">
        <v>8</v>
      </c>
      <c r="AL26476">
        <v>8</v>
      </c>
      <c r="AM26476">
        <v>8</v>
      </c>
      <c r="AN26476">
        <v>8</v>
      </c>
      <c r="AO26476">
        <v>8</v>
      </c>
      <c r="AP26476">
        <v>8</v>
      </c>
      <c r="AQ26476">
        <v>8</v>
      </c>
    </row>
    <row r="26477" spans="1:43">
      <c r="A26477" t="s">
        <v>16385</v>
      </c>
      <c r="B26477" t="s">
        <v>16386</v>
      </c>
      <c r="C26477" t="s">
        <v>16387</v>
      </c>
      <c r="D26477" t="s">
        <v>16388</v>
      </c>
      <c r="E26477" t="s">
        <v>16245</v>
      </c>
      <c r="F26477" t="s">
        <v>16246</v>
      </c>
      <c r="G26477" t="s">
        <v>10734</v>
      </c>
      <c r="H26477" t="s">
        <v>10735</v>
      </c>
      <c r="I26477" s="2">
        <v>1</v>
      </c>
      <c r="J26477" s="2">
        <v>0</v>
      </c>
      <c r="K26477" s="2">
        <v>0</v>
      </c>
      <c r="L26477" t="s">
        <v>120</v>
      </c>
      <c r="M26477" t="s">
        <v>83</v>
      </c>
      <c r="N26477" t="s">
        <v>91</v>
      </c>
      <c r="O26477" t="s">
        <v>85</v>
      </c>
      <c r="P26477" t="s">
        <v>86</v>
      </c>
      <c r="Q26477">
        <v>5</v>
      </c>
      <c r="R26477">
        <v>6</v>
      </c>
      <c r="S26477">
        <v>6</v>
      </c>
      <c r="T26477">
        <v>6</v>
      </c>
      <c r="U26477">
        <v>6</v>
      </c>
      <c r="V26477">
        <v>6</v>
      </c>
      <c r="W26477">
        <v>6</v>
      </c>
      <c r="X26477">
        <v>6</v>
      </c>
      <c r="Y26477">
        <v>6</v>
      </c>
      <c r="Z26477">
        <v>6</v>
      </c>
      <c r="AA26477">
        <v>7</v>
      </c>
      <c r="AB26477">
        <v>7</v>
      </c>
      <c r="AC26477">
        <v>7</v>
      </c>
      <c r="AD26477">
        <v>7</v>
      </c>
      <c r="AE26477">
        <v>7</v>
      </c>
      <c r="AF26477">
        <v>7</v>
      </c>
      <c r="AG26477">
        <v>7</v>
      </c>
      <c r="AH26477">
        <v>7</v>
      </c>
      <c r="AI26477">
        <v>8</v>
      </c>
      <c r="AJ26477">
        <v>8</v>
      </c>
      <c r="AK26477">
        <v>8</v>
      </c>
      <c r="AL26477">
        <v>8</v>
      </c>
      <c r="AM26477">
        <v>8</v>
      </c>
      <c r="AN26477">
        <v>8</v>
      </c>
      <c r="AO26477">
        <v>8</v>
      </c>
      <c r="AP26477">
        <v>8</v>
      </c>
      <c r="AQ26477">
        <v>8</v>
      </c>
    </row>
    <row r="26478" spans="1:43">
      <c r="A26478" t="s">
        <v>16389</v>
      </c>
      <c r="B26478" t="s">
        <v>16390</v>
      </c>
      <c r="C26478" t="s">
        <v>16387</v>
      </c>
      <c r="D26478" t="s">
        <v>16388</v>
      </c>
      <c r="E26478" t="s">
        <v>16245</v>
      </c>
      <c r="F26478" t="s">
        <v>16246</v>
      </c>
      <c r="G26478" t="s">
        <v>10734</v>
      </c>
      <c r="H26478" t="s">
        <v>10735</v>
      </c>
      <c r="I26478" s="2">
        <v>1</v>
      </c>
      <c r="J26478" s="2">
        <v>0</v>
      </c>
      <c r="K26478" s="2">
        <v>0</v>
      </c>
      <c r="L26478" t="s">
        <v>120</v>
      </c>
      <c r="M26478" t="s">
        <v>83</v>
      </c>
      <c r="N26478" t="s">
        <v>84</v>
      </c>
      <c r="O26478" t="s">
        <v>85</v>
      </c>
      <c r="P26478" t="s">
        <v>86</v>
      </c>
      <c r="Q26478">
        <v>7</v>
      </c>
      <c r="R26478">
        <v>8</v>
      </c>
      <c r="S26478">
        <v>8</v>
      </c>
      <c r="T26478">
        <v>8</v>
      </c>
      <c r="U26478">
        <v>8</v>
      </c>
      <c r="V26478">
        <v>8</v>
      </c>
      <c r="W26478">
        <v>8</v>
      </c>
      <c r="X26478">
        <v>8</v>
      </c>
      <c r="Y26478">
        <v>9</v>
      </c>
      <c r="Z26478">
        <v>9</v>
      </c>
      <c r="AA26478">
        <v>9</v>
      </c>
      <c r="AB26478">
        <v>9</v>
      </c>
      <c r="AC26478">
        <v>9</v>
      </c>
      <c r="AD26478">
        <v>9</v>
      </c>
      <c r="AE26478">
        <v>10</v>
      </c>
      <c r="AF26478">
        <v>10</v>
      </c>
      <c r="AG26478">
        <v>10</v>
      </c>
      <c r="AH26478">
        <v>10</v>
      </c>
      <c r="AI26478">
        <v>10</v>
      </c>
      <c r="AJ26478">
        <v>11</v>
      </c>
      <c r="AK26478">
        <v>11</v>
      </c>
      <c r="AL26478">
        <v>11</v>
      </c>
      <c r="AM26478">
        <v>11</v>
      </c>
      <c r="AN26478">
        <v>11</v>
      </c>
      <c r="AO26478">
        <v>11</v>
      </c>
      <c r="AP26478">
        <v>11</v>
      </c>
      <c r="AQ26478">
        <v>11</v>
      </c>
    </row>
    <row r="26479" spans="1:43">
      <c r="A26479" t="s">
        <v>16389</v>
      </c>
      <c r="B26479" t="s">
        <v>16390</v>
      </c>
      <c r="C26479" t="s">
        <v>16387</v>
      </c>
      <c r="D26479" t="s">
        <v>16388</v>
      </c>
      <c r="E26479" t="s">
        <v>16245</v>
      </c>
      <c r="F26479" t="s">
        <v>16246</v>
      </c>
      <c r="G26479" t="s">
        <v>10734</v>
      </c>
      <c r="H26479" t="s">
        <v>10735</v>
      </c>
      <c r="I26479" s="2">
        <v>1</v>
      </c>
      <c r="J26479" s="2">
        <v>0</v>
      </c>
      <c r="K26479" s="2">
        <v>0</v>
      </c>
      <c r="L26479" t="s">
        <v>120</v>
      </c>
      <c r="M26479" t="s">
        <v>87</v>
      </c>
      <c r="N26479" t="s">
        <v>88</v>
      </c>
      <c r="O26479" t="s">
        <v>85</v>
      </c>
      <c r="P26479" t="s">
        <v>86</v>
      </c>
      <c r="Q26479">
        <v>7</v>
      </c>
      <c r="R26479">
        <v>7</v>
      </c>
      <c r="S26479">
        <v>8</v>
      </c>
      <c r="T26479">
        <v>8</v>
      </c>
      <c r="U26479">
        <v>8</v>
      </c>
      <c r="V26479">
        <v>8</v>
      </c>
      <c r="W26479">
        <v>8</v>
      </c>
      <c r="X26479">
        <v>8</v>
      </c>
      <c r="Y26479">
        <v>8</v>
      </c>
      <c r="Z26479">
        <v>8</v>
      </c>
      <c r="AA26479">
        <v>8</v>
      </c>
      <c r="AB26479">
        <v>8</v>
      </c>
      <c r="AC26479">
        <v>8</v>
      </c>
      <c r="AD26479">
        <v>8</v>
      </c>
      <c r="AE26479">
        <v>9</v>
      </c>
      <c r="AF26479">
        <v>9</v>
      </c>
      <c r="AG26479">
        <v>9</v>
      </c>
      <c r="AH26479">
        <v>9</v>
      </c>
      <c r="AI26479">
        <v>9</v>
      </c>
      <c r="AJ26479">
        <v>9</v>
      </c>
      <c r="AK26479">
        <v>9</v>
      </c>
      <c r="AL26479">
        <v>9</v>
      </c>
      <c r="AM26479">
        <v>9</v>
      </c>
      <c r="AN26479">
        <v>9</v>
      </c>
      <c r="AO26479">
        <v>10</v>
      </c>
      <c r="AP26479">
        <v>10</v>
      </c>
      <c r="AQ26479">
        <v>10</v>
      </c>
    </row>
    <row r="26480" spans="1:43">
      <c r="A26480" t="s">
        <v>16389</v>
      </c>
      <c r="B26480" t="s">
        <v>16390</v>
      </c>
      <c r="C26480" t="s">
        <v>16387</v>
      </c>
      <c r="D26480" t="s">
        <v>16388</v>
      </c>
      <c r="E26480" t="s">
        <v>16245</v>
      </c>
      <c r="F26480" t="s">
        <v>16246</v>
      </c>
      <c r="G26480" t="s">
        <v>10734</v>
      </c>
      <c r="H26480" t="s">
        <v>10735</v>
      </c>
      <c r="I26480" s="2">
        <v>1</v>
      </c>
      <c r="J26480" s="2">
        <v>0</v>
      </c>
      <c r="K26480" s="2">
        <v>0</v>
      </c>
      <c r="L26480" t="s">
        <v>120</v>
      </c>
      <c r="M26480" t="s">
        <v>89</v>
      </c>
      <c r="N26480" t="s">
        <v>90</v>
      </c>
      <c r="O26480" t="s">
        <v>85</v>
      </c>
      <c r="P26480" t="s">
        <v>86</v>
      </c>
      <c r="Q26480">
        <v>7</v>
      </c>
      <c r="R26480">
        <v>8</v>
      </c>
      <c r="S26480">
        <v>8</v>
      </c>
      <c r="T26480">
        <v>8</v>
      </c>
      <c r="U26480">
        <v>8</v>
      </c>
      <c r="V26480">
        <v>9</v>
      </c>
      <c r="W26480">
        <v>9</v>
      </c>
      <c r="X26480">
        <v>9</v>
      </c>
      <c r="Y26480">
        <v>9</v>
      </c>
      <c r="Z26480">
        <v>9</v>
      </c>
      <c r="AA26480">
        <v>10</v>
      </c>
      <c r="AB26480">
        <v>10</v>
      </c>
      <c r="AC26480">
        <v>10</v>
      </c>
      <c r="AD26480">
        <v>10</v>
      </c>
      <c r="AE26480">
        <v>10</v>
      </c>
      <c r="AF26480">
        <v>10</v>
      </c>
      <c r="AG26480">
        <v>10</v>
      </c>
      <c r="AH26480">
        <v>11</v>
      </c>
      <c r="AI26480">
        <v>11</v>
      </c>
      <c r="AJ26480">
        <v>11</v>
      </c>
      <c r="AK26480">
        <v>11</v>
      </c>
      <c r="AL26480">
        <v>11</v>
      </c>
      <c r="AM26480">
        <v>11</v>
      </c>
      <c r="AN26480">
        <v>11</v>
      </c>
      <c r="AO26480">
        <v>11</v>
      </c>
      <c r="AP26480">
        <v>11</v>
      </c>
      <c r="AQ26480">
        <v>11</v>
      </c>
    </row>
    <row r="26481" spans="1:43">
      <c r="A26481" t="s">
        <v>16389</v>
      </c>
      <c r="B26481" t="s">
        <v>16390</v>
      </c>
      <c r="C26481" t="s">
        <v>16387</v>
      </c>
      <c r="D26481" t="s">
        <v>16388</v>
      </c>
      <c r="E26481" t="s">
        <v>16245</v>
      </c>
      <c r="F26481" t="s">
        <v>16246</v>
      </c>
      <c r="G26481" t="s">
        <v>10734</v>
      </c>
      <c r="H26481" t="s">
        <v>10735</v>
      </c>
      <c r="I26481" s="2">
        <v>1</v>
      </c>
      <c r="J26481" s="2">
        <v>0</v>
      </c>
      <c r="K26481" s="2">
        <v>0</v>
      </c>
      <c r="L26481" t="s">
        <v>120</v>
      </c>
      <c r="M26481" t="s">
        <v>83</v>
      </c>
      <c r="N26481" t="s">
        <v>91</v>
      </c>
      <c r="O26481" t="s">
        <v>85</v>
      </c>
      <c r="P26481" t="s">
        <v>86</v>
      </c>
      <c r="Q26481">
        <v>7</v>
      </c>
      <c r="R26481">
        <v>8</v>
      </c>
      <c r="S26481">
        <v>8</v>
      </c>
      <c r="T26481">
        <v>8</v>
      </c>
      <c r="U26481">
        <v>8</v>
      </c>
      <c r="V26481">
        <v>8</v>
      </c>
      <c r="W26481">
        <v>8</v>
      </c>
      <c r="X26481">
        <v>8</v>
      </c>
      <c r="Y26481">
        <v>9</v>
      </c>
      <c r="Z26481">
        <v>9</v>
      </c>
      <c r="AA26481">
        <v>9</v>
      </c>
      <c r="AB26481">
        <v>9</v>
      </c>
      <c r="AC26481">
        <v>9</v>
      </c>
      <c r="AD26481">
        <v>9</v>
      </c>
      <c r="AE26481">
        <v>10</v>
      </c>
      <c r="AF26481">
        <v>10</v>
      </c>
      <c r="AG26481">
        <v>10</v>
      </c>
      <c r="AH26481">
        <v>10</v>
      </c>
      <c r="AI26481">
        <v>10</v>
      </c>
      <c r="AJ26481">
        <v>11</v>
      </c>
      <c r="AK26481">
        <v>11</v>
      </c>
      <c r="AL26481">
        <v>11</v>
      </c>
      <c r="AM26481">
        <v>11</v>
      </c>
      <c r="AN26481">
        <v>11</v>
      </c>
      <c r="AO26481">
        <v>11</v>
      </c>
      <c r="AP26481">
        <v>11</v>
      </c>
      <c r="AQ26481">
        <v>11</v>
      </c>
    </row>
    <row r="26482" spans="1:43">
      <c r="A26482" t="s">
        <v>16391</v>
      </c>
      <c r="B26482" t="s">
        <v>16392</v>
      </c>
      <c r="C26482" t="s">
        <v>16255</v>
      </c>
      <c r="D26482" t="s">
        <v>16256</v>
      </c>
      <c r="E26482" t="s">
        <v>16245</v>
      </c>
      <c r="F26482" t="s">
        <v>16246</v>
      </c>
      <c r="G26482" t="s">
        <v>10734</v>
      </c>
      <c r="H26482" t="s">
        <v>10735</v>
      </c>
      <c r="I26482" s="2">
        <v>1</v>
      </c>
      <c r="J26482" s="2">
        <v>0</v>
      </c>
      <c r="K26482" s="2">
        <v>0</v>
      </c>
      <c r="L26482" t="s">
        <v>120</v>
      </c>
      <c r="M26482" t="s">
        <v>83</v>
      </c>
      <c r="N26482" t="s">
        <v>84</v>
      </c>
      <c r="O26482" t="s">
        <v>85</v>
      </c>
      <c r="P26482" t="s">
        <v>86</v>
      </c>
      <c r="Q26482">
        <v>199</v>
      </c>
      <c r="R26482">
        <v>203</v>
      </c>
      <c r="S26482">
        <v>207</v>
      </c>
      <c r="T26482">
        <v>211</v>
      </c>
      <c r="U26482">
        <v>215</v>
      </c>
      <c r="V26482">
        <v>219</v>
      </c>
      <c r="W26482">
        <v>224</v>
      </c>
      <c r="X26482">
        <v>228</v>
      </c>
      <c r="Y26482">
        <v>232</v>
      </c>
      <c r="Z26482">
        <v>236</v>
      </c>
      <c r="AA26482">
        <v>240</v>
      </c>
      <c r="AB26482">
        <v>244</v>
      </c>
      <c r="AC26482">
        <v>248</v>
      </c>
      <c r="AD26482">
        <v>253</v>
      </c>
      <c r="AE26482">
        <v>257</v>
      </c>
      <c r="AF26482">
        <v>261</v>
      </c>
      <c r="AG26482">
        <v>266</v>
      </c>
      <c r="AH26482">
        <v>270</v>
      </c>
      <c r="AI26482">
        <v>275</v>
      </c>
      <c r="AJ26482">
        <v>280</v>
      </c>
      <c r="AK26482">
        <v>285</v>
      </c>
      <c r="AL26482">
        <v>288</v>
      </c>
      <c r="AM26482">
        <v>291</v>
      </c>
      <c r="AN26482">
        <v>294</v>
      </c>
      <c r="AO26482">
        <v>297</v>
      </c>
      <c r="AP26482">
        <v>300</v>
      </c>
      <c r="AQ26482">
        <v>303</v>
      </c>
    </row>
    <row r="26483" spans="1:43">
      <c r="A26483" t="s">
        <v>16391</v>
      </c>
      <c r="B26483" t="s">
        <v>16392</v>
      </c>
      <c r="C26483" t="s">
        <v>16255</v>
      </c>
      <c r="D26483" t="s">
        <v>16256</v>
      </c>
      <c r="E26483" t="s">
        <v>16245</v>
      </c>
      <c r="F26483" t="s">
        <v>16246</v>
      </c>
      <c r="G26483" t="s">
        <v>10734</v>
      </c>
      <c r="H26483" t="s">
        <v>10735</v>
      </c>
      <c r="I26483" s="2">
        <v>1</v>
      </c>
      <c r="J26483" s="2">
        <v>0</v>
      </c>
      <c r="K26483" s="2">
        <v>0</v>
      </c>
      <c r="L26483" t="s">
        <v>120</v>
      </c>
      <c r="M26483" t="s">
        <v>87</v>
      </c>
      <c r="N26483" t="s">
        <v>88</v>
      </c>
      <c r="O26483" t="s">
        <v>85</v>
      </c>
      <c r="P26483" t="s">
        <v>86</v>
      </c>
      <c r="Q26483">
        <v>199</v>
      </c>
      <c r="R26483">
        <v>201</v>
      </c>
      <c r="S26483">
        <v>203</v>
      </c>
      <c r="T26483">
        <v>205</v>
      </c>
      <c r="U26483">
        <v>208</v>
      </c>
      <c r="V26483">
        <v>210</v>
      </c>
      <c r="W26483">
        <v>212</v>
      </c>
      <c r="X26483">
        <v>214</v>
      </c>
      <c r="Y26483">
        <v>216</v>
      </c>
      <c r="Z26483">
        <v>219</v>
      </c>
      <c r="AA26483">
        <v>221</v>
      </c>
      <c r="AB26483">
        <v>223</v>
      </c>
      <c r="AC26483">
        <v>226</v>
      </c>
      <c r="AD26483">
        <v>228</v>
      </c>
      <c r="AE26483">
        <v>231</v>
      </c>
      <c r="AF26483">
        <v>233</v>
      </c>
      <c r="AG26483">
        <v>236</v>
      </c>
      <c r="AH26483">
        <v>239</v>
      </c>
      <c r="AI26483">
        <v>241</v>
      </c>
      <c r="AJ26483">
        <v>244</v>
      </c>
      <c r="AK26483">
        <v>247</v>
      </c>
      <c r="AL26483">
        <v>250</v>
      </c>
      <c r="AM26483">
        <v>253</v>
      </c>
      <c r="AN26483">
        <v>256</v>
      </c>
      <c r="AO26483">
        <v>259</v>
      </c>
      <c r="AP26483">
        <v>262</v>
      </c>
      <c r="AQ26483">
        <v>265</v>
      </c>
    </row>
    <row r="26484" spans="1:43">
      <c r="A26484" t="s">
        <v>16391</v>
      </c>
      <c r="B26484" t="s">
        <v>16392</v>
      </c>
      <c r="C26484" t="s">
        <v>16255</v>
      </c>
      <c r="D26484" t="s">
        <v>16256</v>
      </c>
      <c r="E26484" t="s">
        <v>16245</v>
      </c>
      <c r="F26484" t="s">
        <v>16246</v>
      </c>
      <c r="G26484" t="s">
        <v>10734</v>
      </c>
      <c r="H26484" t="s">
        <v>10735</v>
      </c>
      <c r="I26484" s="2">
        <v>1</v>
      </c>
      <c r="J26484" s="2">
        <v>0</v>
      </c>
      <c r="K26484" s="2">
        <v>0</v>
      </c>
      <c r="L26484" t="s">
        <v>120</v>
      </c>
      <c r="M26484" t="s">
        <v>89</v>
      </c>
      <c r="N26484" t="s">
        <v>90</v>
      </c>
      <c r="O26484" t="s">
        <v>85</v>
      </c>
      <c r="P26484" t="s">
        <v>86</v>
      </c>
      <c r="Q26484">
        <v>199</v>
      </c>
      <c r="R26484">
        <v>204</v>
      </c>
      <c r="S26484">
        <v>210</v>
      </c>
      <c r="T26484">
        <v>216</v>
      </c>
      <c r="U26484">
        <v>222</v>
      </c>
      <c r="V26484">
        <v>227</v>
      </c>
      <c r="W26484">
        <v>232</v>
      </c>
      <c r="X26484">
        <v>237</v>
      </c>
      <c r="Y26484">
        <v>242</v>
      </c>
      <c r="Z26484">
        <v>247</v>
      </c>
      <c r="AA26484">
        <v>252</v>
      </c>
      <c r="AB26484">
        <v>257</v>
      </c>
      <c r="AC26484">
        <v>263</v>
      </c>
      <c r="AD26484">
        <v>268</v>
      </c>
      <c r="AE26484">
        <v>273</v>
      </c>
      <c r="AF26484">
        <v>275</v>
      </c>
      <c r="AG26484">
        <v>278</v>
      </c>
      <c r="AH26484">
        <v>280</v>
      </c>
      <c r="AI26484">
        <v>283</v>
      </c>
      <c r="AJ26484">
        <v>286</v>
      </c>
      <c r="AK26484">
        <v>288</v>
      </c>
      <c r="AL26484">
        <v>291</v>
      </c>
      <c r="AM26484">
        <v>294</v>
      </c>
      <c r="AN26484">
        <v>297</v>
      </c>
      <c r="AO26484">
        <v>299</v>
      </c>
      <c r="AP26484">
        <v>302</v>
      </c>
      <c r="AQ26484">
        <v>305</v>
      </c>
    </row>
    <row r="26485" spans="1:43">
      <c r="A26485" t="s">
        <v>16391</v>
      </c>
      <c r="B26485" t="s">
        <v>16392</v>
      </c>
      <c r="C26485" t="s">
        <v>16255</v>
      </c>
      <c r="D26485" t="s">
        <v>16256</v>
      </c>
      <c r="E26485" t="s">
        <v>16245</v>
      </c>
      <c r="F26485" t="s">
        <v>16246</v>
      </c>
      <c r="G26485" t="s">
        <v>10734</v>
      </c>
      <c r="H26485" t="s">
        <v>10735</v>
      </c>
      <c r="I26485" s="2">
        <v>1</v>
      </c>
      <c r="J26485" s="2">
        <v>0</v>
      </c>
      <c r="K26485" s="2">
        <v>0</v>
      </c>
      <c r="L26485" t="s">
        <v>120</v>
      </c>
      <c r="M26485" t="s">
        <v>83</v>
      </c>
      <c r="N26485" t="s">
        <v>91</v>
      </c>
      <c r="O26485" t="s">
        <v>85</v>
      </c>
      <c r="P26485" t="s">
        <v>86</v>
      </c>
      <c r="Q26485">
        <v>199</v>
      </c>
      <c r="R26485">
        <v>203</v>
      </c>
      <c r="S26485">
        <v>207</v>
      </c>
      <c r="T26485">
        <v>211</v>
      </c>
      <c r="U26485">
        <v>215</v>
      </c>
      <c r="V26485">
        <v>219</v>
      </c>
      <c r="W26485">
        <v>224</v>
      </c>
      <c r="X26485">
        <v>228</v>
      </c>
      <c r="Y26485">
        <v>232</v>
      </c>
      <c r="Z26485">
        <v>236</v>
      </c>
      <c r="AA26485">
        <v>240</v>
      </c>
      <c r="AB26485">
        <v>244</v>
      </c>
      <c r="AC26485">
        <v>248</v>
      </c>
      <c r="AD26485">
        <v>253</v>
      </c>
      <c r="AE26485">
        <v>257</v>
      </c>
      <c r="AF26485">
        <v>261</v>
      </c>
      <c r="AG26485">
        <v>266</v>
      </c>
      <c r="AH26485">
        <v>270</v>
      </c>
      <c r="AI26485">
        <v>275</v>
      </c>
      <c r="AJ26485">
        <v>280</v>
      </c>
      <c r="AK26485">
        <v>285</v>
      </c>
      <c r="AL26485">
        <v>288</v>
      </c>
      <c r="AM26485">
        <v>291</v>
      </c>
      <c r="AN26485">
        <v>294</v>
      </c>
      <c r="AO26485">
        <v>297</v>
      </c>
      <c r="AP26485">
        <v>300</v>
      </c>
      <c r="AQ26485">
        <v>303</v>
      </c>
    </row>
    <row r="26486" spans="1:43">
      <c r="A26486" t="s">
        <v>16393</v>
      </c>
      <c r="B26486" t="s">
        <v>16394</v>
      </c>
      <c r="C26486" t="s">
        <v>16255</v>
      </c>
      <c r="D26486" t="s">
        <v>16256</v>
      </c>
      <c r="E26486" t="s">
        <v>16245</v>
      </c>
      <c r="F26486" t="s">
        <v>16246</v>
      </c>
      <c r="G26486" t="s">
        <v>10734</v>
      </c>
      <c r="H26486" t="s">
        <v>10735</v>
      </c>
      <c r="I26486" s="2">
        <v>1</v>
      </c>
      <c r="J26486" s="2">
        <v>0</v>
      </c>
      <c r="K26486" s="2">
        <v>0</v>
      </c>
      <c r="L26486" t="s">
        <v>120</v>
      </c>
      <c r="M26486" t="s">
        <v>83</v>
      </c>
      <c r="N26486" t="s">
        <v>84</v>
      </c>
      <c r="O26486" t="s">
        <v>85</v>
      </c>
      <c r="P26486" t="s">
        <v>86</v>
      </c>
      <c r="Q26486">
        <v>68</v>
      </c>
      <c r="R26486">
        <v>69</v>
      </c>
      <c r="S26486">
        <v>71</v>
      </c>
      <c r="T26486">
        <v>72</v>
      </c>
      <c r="U26486">
        <v>74</v>
      </c>
      <c r="V26486">
        <v>75</v>
      </c>
      <c r="W26486">
        <v>76</v>
      </c>
      <c r="X26486">
        <v>78</v>
      </c>
      <c r="Y26486">
        <v>79</v>
      </c>
      <c r="Z26486">
        <v>80</v>
      </c>
      <c r="AA26486">
        <v>82</v>
      </c>
      <c r="AB26486">
        <v>83</v>
      </c>
      <c r="AC26486">
        <v>85</v>
      </c>
      <c r="AD26486">
        <v>86</v>
      </c>
      <c r="AE26486">
        <v>88</v>
      </c>
      <c r="AF26486">
        <v>89</v>
      </c>
      <c r="AG26486">
        <v>91</v>
      </c>
      <c r="AH26486">
        <v>92</v>
      </c>
      <c r="AI26486">
        <v>94</v>
      </c>
      <c r="AJ26486">
        <v>95</v>
      </c>
      <c r="AK26486">
        <v>97</v>
      </c>
      <c r="AL26486">
        <v>98</v>
      </c>
      <c r="AM26486">
        <v>99</v>
      </c>
      <c r="AN26486">
        <v>100</v>
      </c>
      <c r="AO26486">
        <v>101</v>
      </c>
      <c r="AP26486">
        <v>102</v>
      </c>
      <c r="AQ26486">
        <v>103</v>
      </c>
    </row>
    <row r="26487" spans="1:43">
      <c r="A26487" t="s">
        <v>16393</v>
      </c>
      <c r="B26487" t="s">
        <v>16394</v>
      </c>
      <c r="C26487" t="s">
        <v>16255</v>
      </c>
      <c r="D26487" t="s">
        <v>16256</v>
      </c>
      <c r="E26487" t="s">
        <v>16245</v>
      </c>
      <c r="F26487" t="s">
        <v>16246</v>
      </c>
      <c r="G26487" t="s">
        <v>10734</v>
      </c>
      <c r="H26487" t="s">
        <v>10735</v>
      </c>
      <c r="I26487" s="2">
        <v>1</v>
      </c>
      <c r="J26487" s="2">
        <v>0</v>
      </c>
      <c r="K26487" s="2">
        <v>0</v>
      </c>
      <c r="L26487" t="s">
        <v>120</v>
      </c>
      <c r="M26487" t="s">
        <v>87</v>
      </c>
      <c r="N26487" t="s">
        <v>88</v>
      </c>
      <c r="O26487" t="s">
        <v>85</v>
      </c>
      <c r="P26487" t="s">
        <v>86</v>
      </c>
      <c r="Q26487">
        <v>68</v>
      </c>
      <c r="R26487">
        <v>69</v>
      </c>
      <c r="S26487">
        <v>70</v>
      </c>
      <c r="T26487">
        <v>71</v>
      </c>
      <c r="U26487">
        <v>71</v>
      </c>
      <c r="V26487">
        <v>72</v>
      </c>
      <c r="W26487">
        <v>73</v>
      </c>
      <c r="X26487">
        <v>74</v>
      </c>
      <c r="Y26487">
        <v>74</v>
      </c>
      <c r="Z26487">
        <v>75</v>
      </c>
      <c r="AA26487">
        <v>76</v>
      </c>
      <c r="AB26487">
        <v>77</v>
      </c>
      <c r="AC26487">
        <v>77</v>
      </c>
      <c r="AD26487">
        <v>78</v>
      </c>
      <c r="AE26487">
        <v>79</v>
      </c>
      <c r="AF26487">
        <v>80</v>
      </c>
      <c r="AG26487">
        <v>81</v>
      </c>
      <c r="AH26487">
        <v>82</v>
      </c>
      <c r="AI26487">
        <v>83</v>
      </c>
      <c r="AJ26487">
        <v>84</v>
      </c>
      <c r="AK26487">
        <v>85</v>
      </c>
      <c r="AL26487">
        <v>86</v>
      </c>
      <c r="AM26487">
        <v>87</v>
      </c>
      <c r="AN26487">
        <v>88</v>
      </c>
      <c r="AO26487">
        <v>89</v>
      </c>
      <c r="AP26487">
        <v>90</v>
      </c>
      <c r="AQ26487">
        <v>91</v>
      </c>
    </row>
    <row r="26488" spans="1:43">
      <c r="A26488" t="s">
        <v>16393</v>
      </c>
      <c r="B26488" t="s">
        <v>16394</v>
      </c>
      <c r="C26488" t="s">
        <v>16255</v>
      </c>
      <c r="D26488" t="s">
        <v>16256</v>
      </c>
      <c r="E26488" t="s">
        <v>16245</v>
      </c>
      <c r="F26488" t="s">
        <v>16246</v>
      </c>
      <c r="G26488" t="s">
        <v>10734</v>
      </c>
      <c r="H26488" t="s">
        <v>10735</v>
      </c>
      <c r="I26488" s="2">
        <v>1</v>
      </c>
      <c r="J26488" s="2">
        <v>0</v>
      </c>
      <c r="K26488" s="2">
        <v>0</v>
      </c>
      <c r="L26488" t="s">
        <v>120</v>
      </c>
      <c r="M26488" t="s">
        <v>89</v>
      </c>
      <c r="N26488" t="s">
        <v>90</v>
      </c>
      <c r="O26488" t="s">
        <v>85</v>
      </c>
      <c r="P26488" t="s">
        <v>86</v>
      </c>
      <c r="Q26488">
        <v>68</v>
      </c>
      <c r="R26488">
        <v>70</v>
      </c>
      <c r="S26488">
        <v>72</v>
      </c>
      <c r="T26488">
        <v>74</v>
      </c>
      <c r="U26488">
        <v>75</v>
      </c>
      <c r="V26488">
        <v>77</v>
      </c>
      <c r="W26488">
        <v>79</v>
      </c>
      <c r="X26488">
        <v>81</v>
      </c>
      <c r="Y26488">
        <v>82</v>
      </c>
      <c r="Z26488">
        <v>84</v>
      </c>
      <c r="AA26488">
        <v>86</v>
      </c>
      <c r="AB26488">
        <v>87</v>
      </c>
      <c r="AC26488">
        <v>89</v>
      </c>
      <c r="AD26488">
        <v>91</v>
      </c>
      <c r="AE26488">
        <v>92</v>
      </c>
      <c r="AF26488">
        <v>93</v>
      </c>
      <c r="AG26488">
        <v>94</v>
      </c>
      <c r="AH26488">
        <v>95</v>
      </c>
      <c r="AI26488">
        <v>96</v>
      </c>
      <c r="AJ26488">
        <v>97</v>
      </c>
      <c r="AK26488">
        <v>98</v>
      </c>
      <c r="AL26488">
        <v>98</v>
      </c>
      <c r="AM26488">
        <v>99</v>
      </c>
      <c r="AN26488">
        <v>100</v>
      </c>
      <c r="AO26488">
        <v>101</v>
      </c>
      <c r="AP26488">
        <v>102</v>
      </c>
      <c r="AQ26488">
        <v>103</v>
      </c>
    </row>
    <row r="26489" spans="1:43">
      <c r="A26489" t="s">
        <v>16393</v>
      </c>
      <c r="B26489" t="s">
        <v>16394</v>
      </c>
      <c r="C26489" t="s">
        <v>16255</v>
      </c>
      <c r="D26489" t="s">
        <v>16256</v>
      </c>
      <c r="E26489" t="s">
        <v>16245</v>
      </c>
      <c r="F26489" t="s">
        <v>16246</v>
      </c>
      <c r="G26489" t="s">
        <v>10734</v>
      </c>
      <c r="H26489" t="s">
        <v>10735</v>
      </c>
      <c r="I26489" s="2">
        <v>1</v>
      </c>
      <c r="J26489" s="2">
        <v>0</v>
      </c>
      <c r="K26489" s="2">
        <v>0</v>
      </c>
      <c r="L26489" t="s">
        <v>120</v>
      </c>
      <c r="M26489" t="s">
        <v>83</v>
      </c>
      <c r="N26489" t="s">
        <v>91</v>
      </c>
      <c r="O26489" t="s">
        <v>85</v>
      </c>
      <c r="P26489" t="s">
        <v>86</v>
      </c>
      <c r="Q26489">
        <v>68</v>
      </c>
      <c r="R26489">
        <v>69</v>
      </c>
      <c r="S26489">
        <v>71</v>
      </c>
      <c r="T26489">
        <v>72</v>
      </c>
      <c r="U26489">
        <v>74</v>
      </c>
      <c r="V26489">
        <v>75</v>
      </c>
      <c r="W26489">
        <v>76</v>
      </c>
      <c r="X26489">
        <v>78</v>
      </c>
      <c r="Y26489">
        <v>79</v>
      </c>
      <c r="Z26489">
        <v>80</v>
      </c>
      <c r="AA26489">
        <v>82</v>
      </c>
      <c r="AB26489">
        <v>83</v>
      </c>
      <c r="AC26489">
        <v>85</v>
      </c>
      <c r="AD26489">
        <v>86</v>
      </c>
      <c r="AE26489">
        <v>88</v>
      </c>
      <c r="AF26489">
        <v>89</v>
      </c>
      <c r="AG26489">
        <v>91</v>
      </c>
      <c r="AH26489">
        <v>92</v>
      </c>
      <c r="AI26489">
        <v>94</v>
      </c>
      <c r="AJ26489">
        <v>95</v>
      </c>
      <c r="AK26489">
        <v>97</v>
      </c>
      <c r="AL26489">
        <v>98</v>
      </c>
      <c r="AM26489">
        <v>99</v>
      </c>
      <c r="AN26489">
        <v>100</v>
      </c>
      <c r="AO26489">
        <v>101</v>
      </c>
      <c r="AP26489">
        <v>102</v>
      </c>
      <c r="AQ26489">
        <v>103</v>
      </c>
    </row>
    <row r="26490" spans="1:43">
      <c r="A26490" t="s">
        <v>16395</v>
      </c>
      <c r="B26490" t="s">
        <v>16396</v>
      </c>
      <c r="C26490" t="s">
        <v>16255</v>
      </c>
      <c r="D26490" t="s">
        <v>16256</v>
      </c>
      <c r="E26490" t="s">
        <v>16245</v>
      </c>
      <c r="F26490" t="s">
        <v>16246</v>
      </c>
      <c r="G26490" t="s">
        <v>10734</v>
      </c>
      <c r="H26490" t="s">
        <v>10735</v>
      </c>
      <c r="I26490" s="2">
        <v>1</v>
      </c>
      <c r="J26490" s="2">
        <v>0</v>
      </c>
      <c r="K26490" s="2">
        <v>0</v>
      </c>
      <c r="L26490" t="s">
        <v>120</v>
      </c>
      <c r="M26490" t="s">
        <v>83</v>
      </c>
      <c r="N26490" t="s">
        <v>84</v>
      </c>
      <c r="O26490" t="s">
        <v>85</v>
      </c>
      <c r="P26490" t="s">
        <v>86</v>
      </c>
      <c r="Q26490">
        <v>64</v>
      </c>
      <c r="R26490">
        <v>66</v>
      </c>
      <c r="S26490">
        <v>67</v>
      </c>
      <c r="T26490">
        <v>68</v>
      </c>
      <c r="U26490">
        <v>70</v>
      </c>
      <c r="V26490">
        <v>71</v>
      </c>
      <c r="W26490">
        <v>72</v>
      </c>
      <c r="X26490">
        <v>74</v>
      </c>
      <c r="Y26490">
        <v>75</v>
      </c>
      <c r="Z26490">
        <v>76</v>
      </c>
      <c r="AA26490">
        <v>77</v>
      </c>
      <c r="AB26490">
        <v>79</v>
      </c>
      <c r="AC26490">
        <v>80</v>
      </c>
      <c r="AD26490">
        <v>81</v>
      </c>
      <c r="AE26490">
        <v>82</v>
      </c>
      <c r="AF26490">
        <v>84</v>
      </c>
      <c r="AG26490">
        <v>85</v>
      </c>
      <c r="AH26490">
        <v>86</v>
      </c>
      <c r="AI26490">
        <v>88</v>
      </c>
      <c r="AJ26490">
        <v>89</v>
      </c>
      <c r="AK26490">
        <v>91</v>
      </c>
      <c r="AL26490">
        <v>92</v>
      </c>
      <c r="AM26490">
        <v>93</v>
      </c>
      <c r="AN26490">
        <v>93</v>
      </c>
      <c r="AO26490">
        <v>94</v>
      </c>
      <c r="AP26490">
        <v>95</v>
      </c>
      <c r="AQ26490">
        <v>96</v>
      </c>
    </row>
    <row r="26491" spans="1:43">
      <c r="A26491" t="s">
        <v>16395</v>
      </c>
      <c r="B26491" t="s">
        <v>16396</v>
      </c>
      <c r="C26491" t="s">
        <v>16255</v>
      </c>
      <c r="D26491" t="s">
        <v>16256</v>
      </c>
      <c r="E26491" t="s">
        <v>16245</v>
      </c>
      <c r="F26491" t="s">
        <v>16246</v>
      </c>
      <c r="G26491" t="s">
        <v>10734</v>
      </c>
      <c r="H26491" t="s">
        <v>10735</v>
      </c>
      <c r="I26491" s="2">
        <v>1</v>
      </c>
      <c r="J26491" s="2">
        <v>0</v>
      </c>
      <c r="K26491" s="2">
        <v>0</v>
      </c>
      <c r="L26491" t="s">
        <v>120</v>
      </c>
      <c r="M26491" t="s">
        <v>87</v>
      </c>
      <c r="N26491" t="s">
        <v>88</v>
      </c>
      <c r="O26491" t="s">
        <v>85</v>
      </c>
      <c r="P26491" t="s">
        <v>86</v>
      </c>
      <c r="Q26491">
        <v>64</v>
      </c>
      <c r="R26491">
        <v>65</v>
      </c>
      <c r="S26491">
        <v>65</v>
      </c>
      <c r="T26491">
        <v>66</v>
      </c>
      <c r="U26491">
        <v>67</v>
      </c>
      <c r="V26491">
        <v>67</v>
      </c>
      <c r="W26491">
        <v>68</v>
      </c>
      <c r="X26491">
        <v>69</v>
      </c>
      <c r="Y26491">
        <v>69</v>
      </c>
      <c r="Z26491">
        <v>70</v>
      </c>
      <c r="AA26491">
        <v>71</v>
      </c>
      <c r="AB26491">
        <v>72</v>
      </c>
      <c r="AC26491">
        <v>72</v>
      </c>
      <c r="AD26491">
        <v>73</v>
      </c>
      <c r="AE26491">
        <v>74</v>
      </c>
      <c r="AF26491">
        <v>75</v>
      </c>
      <c r="AG26491">
        <v>76</v>
      </c>
      <c r="AH26491">
        <v>76</v>
      </c>
      <c r="AI26491">
        <v>77</v>
      </c>
      <c r="AJ26491">
        <v>78</v>
      </c>
      <c r="AK26491">
        <v>79</v>
      </c>
      <c r="AL26491">
        <v>80</v>
      </c>
      <c r="AM26491">
        <v>81</v>
      </c>
      <c r="AN26491">
        <v>82</v>
      </c>
      <c r="AO26491">
        <v>83</v>
      </c>
      <c r="AP26491">
        <v>84</v>
      </c>
      <c r="AQ26491">
        <v>85</v>
      </c>
    </row>
    <row r="26492" spans="1:43">
      <c r="A26492" t="s">
        <v>16395</v>
      </c>
      <c r="B26492" t="s">
        <v>16396</v>
      </c>
      <c r="C26492" t="s">
        <v>16255</v>
      </c>
      <c r="D26492" t="s">
        <v>16256</v>
      </c>
      <c r="E26492" t="s">
        <v>16245</v>
      </c>
      <c r="F26492" t="s">
        <v>16246</v>
      </c>
      <c r="G26492" t="s">
        <v>10734</v>
      </c>
      <c r="H26492" t="s">
        <v>10735</v>
      </c>
      <c r="I26492" s="2">
        <v>1</v>
      </c>
      <c r="J26492" s="2">
        <v>0</v>
      </c>
      <c r="K26492" s="2">
        <v>0</v>
      </c>
      <c r="L26492" t="s">
        <v>120</v>
      </c>
      <c r="M26492" t="s">
        <v>89</v>
      </c>
      <c r="N26492" t="s">
        <v>90</v>
      </c>
      <c r="O26492" t="s">
        <v>85</v>
      </c>
      <c r="P26492" t="s">
        <v>86</v>
      </c>
      <c r="Q26492">
        <v>64</v>
      </c>
      <c r="R26492">
        <v>66</v>
      </c>
      <c r="S26492">
        <v>68</v>
      </c>
      <c r="T26492">
        <v>70</v>
      </c>
      <c r="U26492">
        <v>71</v>
      </c>
      <c r="V26492">
        <v>73</v>
      </c>
      <c r="W26492">
        <v>74</v>
      </c>
      <c r="X26492">
        <v>76</v>
      </c>
      <c r="Y26492">
        <v>77</v>
      </c>
      <c r="Z26492">
        <v>79</v>
      </c>
      <c r="AA26492">
        <v>81</v>
      </c>
      <c r="AB26492">
        <v>82</v>
      </c>
      <c r="AC26492">
        <v>84</v>
      </c>
      <c r="AD26492">
        <v>85</v>
      </c>
      <c r="AE26492">
        <v>87</v>
      </c>
      <c r="AF26492">
        <v>87</v>
      </c>
      <c r="AG26492">
        <v>88</v>
      </c>
      <c r="AH26492">
        <v>89</v>
      </c>
      <c r="AI26492">
        <v>89</v>
      </c>
      <c r="AJ26492">
        <v>90</v>
      </c>
      <c r="AK26492">
        <v>91</v>
      </c>
      <c r="AL26492">
        <v>92</v>
      </c>
      <c r="AM26492">
        <v>92</v>
      </c>
      <c r="AN26492">
        <v>93</v>
      </c>
      <c r="AO26492">
        <v>94</v>
      </c>
      <c r="AP26492">
        <v>95</v>
      </c>
      <c r="AQ26492">
        <v>96</v>
      </c>
    </row>
    <row r="26493" spans="1:43">
      <c r="A26493" t="s">
        <v>16395</v>
      </c>
      <c r="B26493" t="s">
        <v>16396</v>
      </c>
      <c r="C26493" t="s">
        <v>16255</v>
      </c>
      <c r="D26493" t="s">
        <v>16256</v>
      </c>
      <c r="E26493" t="s">
        <v>16245</v>
      </c>
      <c r="F26493" t="s">
        <v>16246</v>
      </c>
      <c r="G26493" t="s">
        <v>10734</v>
      </c>
      <c r="H26493" t="s">
        <v>10735</v>
      </c>
      <c r="I26493" s="2">
        <v>1</v>
      </c>
      <c r="J26493" s="2">
        <v>0</v>
      </c>
      <c r="K26493" s="2">
        <v>0</v>
      </c>
      <c r="L26493" t="s">
        <v>120</v>
      </c>
      <c r="M26493" t="s">
        <v>83</v>
      </c>
      <c r="N26493" t="s">
        <v>91</v>
      </c>
      <c r="O26493" t="s">
        <v>85</v>
      </c>
      <c r="P26493" t="s">
        <v>86</v>
      </c>
      <c r="Q26493">
        <v>64</v>
      </c>
      <c r="R26493">
        <v>66</v>
      </c>
      <c r="S26493">
        <v>67</v>
      </c>
      <c r="T26493">
        <v>68</v>
      </c>
      <c r="U26493">
        <v>70</v>
      </c>
      <c r="V26493">
        <v>71</v>
      </c>
      <c r="W26493">
        <v>72</v>
      </c>
      <c r="X26493">
        <v>74</v>
      </c>
      <c r="Y26493">
        <v>75</v>
      </c>
      <c r="Z26493">
        <v>76</v>
      </c>
      <c r="AA26493">
        <v>77</v>
      </c>
      <c r="AB26493">
        <v>79</v>
      </c>
      <c r="AC26493">
        <v>80</v>
      </c>
      <c r="AD26493">
        <v>81</v>
      </c>
      <c r="AE26493">
        <v>82</v>
      </c>
      <c r="AF26493">
        <v>84</v>
      </c>
      <c r="AG26493">
        <v>85</v>
      </c>
      <c r="AH26493">
        <v>86</v>
      </c>
      <c r="AI26493">
        <v>88</v>
      </c>
      <c r="AJ26493">
        <v>89</v>
      </c>
      <c r="AK26493">
        <v>91</v>
      </c>
      <c r="AL26493">
        <v>92</v>
      </c>
      <c r="AM26493">
        <v>93</v>
      </c>
      <c r="AN26493">
        <v>93</v>
      </c>
      <c r="AO26493">
        <v>94</v>
      </c>
      <c r="AP26493">
        <v>95</v>
      </c>
      <c r="AQ26493">
        <v>96</v>
      </c>
    </row>
    <row r="26494" spans="1:43">
      <c r="A26494" t="s">
        <v>16397</v>
      </c>
      <c r="B26494" t="s">
        <v>16398</v>
      </c>
      <c r="C26494" t="s">
        <v>16317</v>
      </c>
      <c r="D26494" t="s">
        <v>16318</v>
      </c>
      <c r="E26494" t="s">
        <v>16245</v>
      </c>
      <c r="F26494" t="s">
        <v>16246</v>
      </c>
      <c r="G26494" t="s">
        <v>10734</v>
      </c>
      <c r="H26494" t="s">
        <v>10735</v>
      </c>
      <c r="I26494" s="2">
        <v>1</v>
      </c>
      <c r="J26494" s="2">
        <v>0</v>
      </c>
      <c r="K26494" s="2">
        <v>0</v>
      </c>
      <c r="L26494" t="s">
        <v>120</v>
      </c>
      <c r="M26494" t="s">
        <v>83</v>
      </c>
      <c r="N26494" t="s">
        <v>84</v>
      </c>
      <c r="O26494" t="s">
        <v>85</v>
      </c>
      <c r="P26494" t="s">
        <v>86</v>
      </c>
      <c r="Q26494">
        <v>23</v>
      </c>
      <c r="R26494">
        <v>23</v>
      </c>
      <c r="S26494">
        <v>24</v>
      </c>
      <c r="T26494">
        <v>24</v>
      </c>
      <c r="U26494">
        <v>25</v>
      </c>
      <c r="V26494">
        <v>25</v>
      </c>
      <c r="W26494">
        <v>25</v>
      </c>
      <c r="X26494">
        <v>26</v>
      </c>
      <c r="Y26494">
        <v>26</v>
      </c>
      <c r="Z26494">
        <v>27</v>
      </c>
      <c r="AA26494">
        <v>27</v>
      </c>
      <c r="AB26494">
        <v>28</v>
      </c>
      <c r="AC26494">
        <v>28</v>
      </c>
      <c r="AD26494">
        <v>29</v>
      </c>
      <c r="AE26494">
        <v>29</v>
      </c>
      <c r="AF26494">
        <v>30</v>
      </c>
      <c r="AG26494">
        <v>30</v>
      </c>
      <c r="AH26494">
        <v>31</v>
      </c>
      <c r="AI26494">
        <v>31</v>
      </c>
      <c r="AJ26494">
        <v>32</v>
      </c>
      <c r="AK26494">
        <v>33</v>
      </c>
      <c r="AL26494">
        <v>33</v>
      </c>
      <c r="AM26494">
        <v>33</v>
      </c>
      <c r="AN26494">
        <v>34</v>
      </c>
      <c r="AO26494">
        <v>34</v>
      </c>
      <c r="AP26494">
        <v>34</v>
      </c>
      <c r="AQ26494">
        <v>35</v>
      </c>
    </row>
    <row r="26495" spans="1:43">
      <c r="A26495" t="s">
        <v>16397</v>
      </c>
      <c r="B26495" t="s">
        <v>16398</v>
      </c>
      <c r="C26495" t="s">
        <v>16317</v>
      </c>
      <c r="D26495" t="s">
        <v>16318</v>
      </c>
      <c r="E26495" t="s">
        <v>16245</v>
      </c>
      <c r="F26495" t="s">
        <v>16246</v>
      </c>
      <c r="G26495" t="s">
        <v>10734</v>
      </c>
      <c r="H26495" t="s">
        <v>10735</v>
      </c>
      <c r="I26495" s="2">
        <v>1</v>
      </c>
      <c r="J26495" s="2">
        <v>0</v>
      </c>
      <c r="K26495" s="2">
        <v>0</v>
      </c>
      <c r="L26495" t="s">
        <v>120</v>
      </c>
      <c r="M26495" t="s">
        <v>87</v>
      </c>
      <c r="N26495" t="s">
        <v>88</v>
      </c>
      <c r="O26495" t="s">
        <v>85</v>
      </c>
      <c r="P26495" t="s">
        <v>86</v>
      </c>
      <c r="Q26495">
        <v>23</v>
      </c>
      <c r="R26495">
        <v>24</v>
      </c>
      <c r="S26495">
        <v>24</v>
      </c>
      <c r="T26495">
        <v>24</v>
      </c>
      <c r="U26495">
        <v>24</v>
      </c>
      <c r="V26495">
        <v>25</v>
      </c>
      <c r="W26495">
        <v>25</v>
      </c>
      <c r="X26495">
        <v>25</v>
      </c>
      <c r="Y26495">
        <v>25</v>
      </c>
      <c r="Z26495">
        <v>26</v>
      </c>
      <c r="AA26495">
        <v>26</v>
      </c>
      <c r="AB26495">
        <v>26</v>
      </c>
      <c r="AC26495">
        <v>27</v>
      </c>
      <c r="AD26495">
        <v>27</v>
      </c>
      <c r="AE26495">
        <v>27</v>
      </c>
      <c r="AF26495">
        <v>27</v>
      </c>
      <c r="AG26495">
        <v>28</v>
      </c>
      <c r="AH26495">
        <v>28</v>
      </c>
      <c r="AI26495">
        <v>28</v>
      </c>
      <c r="AJ26495">
        <v>29</v>
      </c>
      <c r="AK26495">
        <v>29</v>
      </c>
      <c r="AL26495">
        <v>29</v>
      </c>
      <c r="AM26495">
        <v>30</v>
      </c>
      <c r="AN26495">
        <v>30</v>
      </c>
      <c r="AO26495">
        <v>30</v>
      </c>
      <c r="AP26495">
        <v>31</v>
      </c>
      <c r="AQ26495">
        <v>31</v>
      </c>
    </row>
    <row r="26496" spans="1:43">
      <c r="A26496" t="s">
        <v>16397</v>
      </c>
      <c r="B26496" t="s">
        <v>16398</v>
      </c>
      <c r="C26496" t="s">
        <v>16317</v>
      </c>
      <c r="D26496" t="s">
        <v>16318</v>
      </c>
      <c r="E26496" t="s">
        <v>16245</v>
      </c>
      <c r="F26496" t="s">
        <v>16246</v>
      </c>
      <c r="G26496" t="s">
        <v>10734</v>
      </c>
      <c r="H26496" t="s">
        <v>10735</v>
      </c>
      <c r="I26496" s="2">
        <v>1</v>
      </c>
      <c r="J26496" s="2">
        <v>0</v>
      </c>
      <c r="K26496" s="2">
        <v>0</v>
      </c>
      <c r="L26496" t="s">
        <v>120</v>
      </c>
      <c r="M26496" t="s">
        <v>89</v>
      </c>
      <c r="N26496" t="s">
        <v>90</v>
      </c>
      <c r="O26496" t="s">
        <v>85</v>
      </c>
      <c r="P26496" t="s">
        <v>86</v>
      </c>
      <c r="Q26496">
        <v>23</v>
      </c>
      <c r="R26496">
        <v>24</v>
      </c>
      <c r="S26496">
        <v>24</v>
      </c>
      <c r="T26496">
        <v>25</v>
      </c>
      <c r="U26496">
        <v>25</v>
      </c>
      <c r="V26496">
        <v>26</v>
      </c>
      <c r="W26496">
        <v>27</v>
      </c>
      <c r="X26496">
        <v>27</v>
      </c>
      <c r="Y26496">
        <v>28</v>
      </c>
      <c r="Z26496">
        <v>28</v>
      </c>
      <c r="AA26496">
        <v>29</v>
      </c>
      <c r="AB26496">
        <v>30</v>
      </c>
      <c r="AC26496">
        <v>30</v>
      </c>
      <c r="AD26496">
        <v>31</v>
      </c>
      <c r="AE26496">
        <v>31</v>
      </c>
      <c r="AF26496">
        <v>32</v>
      </c>
      <c r="AG26496">
        <v>32</v>
      </c>
      <c r="AH26496">
        <v>32</v>
      </c>
      <c r="AI26496">
        <v>32</v>
      </c>
      <c r="AJ26496">
        <v>33</v>
      </c>
      <c r="AK26496">
        <v>33</v>
      </c>
      <c r="AL26496">
        <v>33</v>
      </c>
      <c r="AM26496">
        <v>34</v>
      </c>
      <c r="AN26496">
        <v>34</v>
      </c>
      <c r="AO26496">
        <v>34</v>
      </c>
      <c r="AP26496">
        <v>35</v>
      </c>
      <c r="AQ26496">
        <v>35</v>
      </c>
    </row>
    <row r="26497" spans="1:43">
      <c r="A26497" t="s">
        <v>16397</v>
      </c>
      <c r="B26497" t="s">
        <v>16398</v>
      </c>
      <c r="C26497" t="s">
        <v>16317</v>
      </c>
      <c r="D26497" t="s">
        <v>16318</v>
      </c>
      <c r="E26497" t="s">
        <v>16245</v>
      </c>
      <c r="F26497" t="s">
        <v>16246</v>
      </c>
      <c r="G26497" t="s">
        <v>10734</v>
      </c>
      <c r="H26497" t="s">
        <v>10735</v>
      </c>
      <c r="I26497" s="2">
        <v>1</v>
      </c>
      <c r="J26497" s="2">
        <v>0</v>
      </c>
      <c r="K26497" s="2">
        <v>0</v>
      </c>
      <c r="L26497" t="s">
        <v>120</v>
      </c>
      <c r="M26497" t="s">
        <v>83</v>
      </c>
      <c r="N26497" t="s">
        <v>91</v>
      </c>
      <c r="O26497" t="s">
        <v>85</v>
      </c>
      <c r="P26497" t="s">
        <v>86</v>
      </c>
      <c r="Q26497">
        <v>23</v>
      </c>
      <c r="R26497">
        <v>23</v>
      </c>
      <c r="S26497">
        <v>24</v>
      </c>
      <c r="T26497">
        <v>24</v>
      </c>
      <c r="U26497">
        <v>25</v>
      </c>
      <c r="V26497">
        <v>25</v>
      </c>
      <c r="W26497">
        <v>25</v>
      </c>
      <c r="X26497">
        <v>26</v>
      </c>
      <c r="Y26497">
        <v>26</v>
      </c>
      <c r="Z26497">
        <v>27</v>
      </c>
      <c r="AA26497">
        <v>27</v>
      </c>
      <c r="AB26497">
        <v>28</v>
      </c>
      <c r="AC26497">
        <v>28</v>
      </c>
      <c r="AD26497">
        <v>29</v>
      </c>
      <c r="AE26497">
        <v>29</v>
      </c>
      <c r="AF26497">
        <v>30</v>
      </c>
      <c r="AG26497">
        <v>30</v>
      </c>
      <c r="AH26497">
        <v>31</v>
      </c>
      <c r="AI26497">
        <v>31</v>
      </c>
      <c r="AJ26497">
        <v>32</v>
      </c>
      <c r="AK26497">
        <v>33</v>
      </c>
      <c r="AL26497">
        <v>33</v>
      </c>
      <c r="AM26497">
        <v>33</v>
      </c>
      <c r="AN26497">
        <v>34</v>
      </c>
      <c r="AO26497">
        <v>34</v>
      </c>
      <c r="AP26497">
        <v>34</v>
      </c>
      <c r="AQ26497">
        <v>35</v>
      </c>
    </row>
    <row r="26498" spans="1:43">
      <c r="A26498" t="s">
        <v>16399</v>
      </c>
      <c r="B26498" t="s">
        <v>16400</v>
      </c>
      <c r="C26498" t="s">
        <v>16387</v>
      </c>
      <c r="D26498" t="s">
        <v>16388</v>
      </c>
      <c r="E26498" t="s">
        <v>16245</v>
      </c>
      <c r="F26498" t="s">
        <v>16246</v>
      </c>
      <c r="G26498" t="s">
        <v>10734</v>
      </c>
      <c r="H26498" t="s">
        <v>10735</v>
      </c>
      <c r="I26498" s="2">
        <v>1</v>
      </c>
      <c r="J26498" s="2">
        <v>0</v>
      </c>
      <c r="K26498" s="2">
        <v>0</v>
      </c>
      <c r="L26498" t="s">
        <v>120</v>
      </c>
      <c r="M26498" t="s">
        <v>83</v>
      </c>
      <c r="N26498" t="s">
        <v>84</v>
      </c>
      <c r="O26498" t="s">
        <v>85</v>
      </c>
      <c r="P26498" t="s">
        <v>86</v>
      </c>
      <c r="Q26498">
        <v>11</v>
      </c>
      <c r="R26498">
        <v>11</v>
      </c>
      <c r="S26498">
        <v>11</v>
      </c>
      <c r="T26498">
        <v>11</v>
      </c>
      <c r="U26498">
        <v>12</v>
      </c>
      <c r="V26498">
        <v>12</v>
      </c>
      <c r="W26498">
        <v>12</v>
      </c>
      <c r="X26498">
        <v>12</v>
      </c>
      <c r="Y26498">
        <v>13</v>
      </c>
      <c r="Z26498">
        <v>13</v>
      </c>
      <c r="AA26498">
        <v>13</v>
      </c>
      <c r="AB26498">
        <v>13</v>
      </c>
      <c r="AC26498">
        <v>14</v>
      </c>
      <c r="AD26498">
        <v>14</v>
      </c>
      <c r="AE26498">
        <v>14</v>
      </c>
      <c r="AF26498">
        <v>14</v>
      </c>
      <c r="AG26498">
        <v>15</v>
      </c>
      <c r="AH26498">
        <v>15</v>
      </c>
      <c r="AI26498">
        <v>15</v>
      </c>
      <c r="AJ26498">
        <v>15</v>
      </c>
      <c r="AK26498">
        <v>16</v>
      </c>
      <c r="AL26498">
        <v>16</v>
      </c>
      <c r="AM26498">
        <v>16</v>
      </c>
      <c r="AN26498">
        <v>16</v>
      </c>
      <c r="AO26498">
        <v>16</v>
      </c>
      <c r="AP26498">
        <v>16</v>
      </c>
      <c r="AQ26498">
        <v>17</v>
      </c>
    </row>
    <row r="26499" spans="1:43">
      <c r="A26499" t="s">
        <v>16399</v>
      </c>
      <c r="B26499" t="s">
        <v>16400</v>
      </c>
      <c r="C26499" t="s">
        <v>16387</v>
      </c>
      <c r="D26499" t="s">
        <v>16388</v>
      </c>
      <c r="E26499" t="s">
        <v>16245</v>
      </c>
      <c r="F26499" t="s">
        <v>16246</v>
      </c>
      <c r="G26499" t="s">
        <v>10734</v>
      </c>
      <c r="H26499" t="s">
        <v>10735</v>
      </c>
      <c r="I26499" s="2">
        <v>1</v>
      </c>
      <c r="J26499" s="2">
        <v>0</v>
      </c>
      <c r="K26499" s="2">
        <v>0</v>
      </c>
      <c r="L26499" t="s">
        <v>120</v>
      </c>
      <c r="M26499" t="s">
        <v>87</v>
      </c>
      <c r="N26499" t="s">
        <v>88</v>
      </c>
      <c r="O26499" t="s">
        <v>85</v>
      </c>
      <c r="P26499" t="s">
        <v>86</v>
      </c>
      <c r="Q26499">
        <v>11</v>
      </c>
      <c r="R26499">
        <v>11</v>
      </c>
      <c r="S26499">
        <v>11</v>
      </c>
      <c r="T26499">
        <v>11</v>
      </c>
      <c r="U26499">
        <v>11</v>
      </c>
      <c r="V26499">
        <v>11</v>
      </c>
      <c r="W26499">
        <v>11</v>
      </c>
      <c r="X26499">
        <v>12</v>
      </c>
      <c r="Y26499">
        <v>12</v>
      </c>
      <c r="Z26499">
        <v>12</v>
      </c>
      <c r="AA26499">
        <v>12</v>
      </c>
      <c r="AB26499">
        <v>12</v>
      </c>
      <c r="AC26499">
        <v>12</v>
      </c>
      <c r="AD26499">
        <v>12</v>
      </c>
      <c r="AE26499">
        <v>12</v>
      </c>
      <c r="AF26499">
        <v>13</v>
      </c>
      <c r="AG26499">
        <v>13</v>
      </c>
      <c r="AH26499">
        <v>13</v>
      </c>
      <c r="AI26499">
        <v>13</v>
      </c>
      <c r="AJ26499">
        <v>13</v>
      </c>
      <c r="AK26499">
        <v>13</v>
      </c>
      <c r="AL26499">
        <v>14</v>
      </c>
      <c r="AM26499">
        <v>14</v>
      </c>
      <c r="AN26499">
        <v>14</v>
      </c>
      <c r="AO26499">
        <v>14</v>
      </c>
      <c r="AP26499">
        <v>14</v>
      </c>
      <c r="AQ26499">
        <v>14</v>
      </c>
    </row>
    <row r="26500" spans="1:43">
      <c r="A26500" t="s">
        <v>16399</v>
      </c>
      <c r="B26500" t="s">
        <v>16400</v>
      </c>
      <c r="C26500" t="s">
        <v>16387</v>
      </c>
      <c r="D26500" t="s">
        <v>16388</v>
      </c>
      <c r="E26500" t="s">
        <v>16245</v>
      </c>
      <c r="F26500" t="s">
        <v>16246</v>
      </c>
      <c r="G26500" t="s">
        <v>10734</v>
      </c>
      <c r="H26500" t="s">
        <v>10735</v>
      </c>
      <c r="I26500" s="2">
        <v>1</v>
      </c>
      <c r="J26500" s="2">
        <v>0</v>
      </c>
      <c r="K26500" s="2">
        <v>0</v>
      </c>
      <c r="L26500" t="s">
        <v>120</v>
      </c>
      <c r="M26500" t="s">
        <v>89</v>
      </c>
      <c r="N26500" t="s">
        <v>90</v>
      </c>
      <c r="O26500" t="s">
        <v>85</v>
      </c>
      <c r="P26500" t="s">
        <v>86</v>
      </c>
      <c r="Q26500">
        <v>11</v>
      </c>
      <c r="R26500">
        <v>11</v>
      </c>
      <c r="S26500">
        <v>12</v>
      </c>
      <c r="T26500">
        <v>12</v>
      </c>
      <c r="U26500">
        <v>12</v>
      </c>
      <c r="V26500">
        <v>12</v>
      </c>
      <c r="W26500">
        <v>13</v>
      </c>
      <c r="X26500">
        <v>13</v>
      </c>
      <c r="Y26500">
        <v>13</v>
      </c>
      <c r="Z26500">
        <v>14</v>
      </c>
      <c r="AA26500">
        <v>14</v>
      </c>
      <c r="AB26500">
        <v>14</v>
      </c>
      <c r="AC26500">
        <v>15</v>
      </c>
      <c r="AD26500">
        <v>15</v>
      </c>
      <c r="AE26500">
        <v>15</v>
      </c>
      <c r="AF26500">
        <v>15</v>
      </c>
      <c r="AG26500">
        <v>15</v>
      </c>
      <c r="AH26500">
        <v>15</v>
      </c>
      <c r="AI26500">
        <v>16</v>
      </c>
      <c r="AJ26500">
        <v>16</v>
      </c>
      <c r="AK26500">
        <v>16</v>
      </c>
      <c r="AL26500">
        <v>16</v>
      </c>
      <c r="AM26500">
        <v>16</v>
      </c>
      <c r="AN26500">
        <v>16</v>
      </c>
      <c r="AO26500">
        <v>16</v>
      </c>
      <c r="AP26500">
        <v>17</v>
      </c>
      <c r="AQ26500">
        <v>17</v>
      </c>
    </row>
    <row r="26501" spans="1:43">
      <c r="A26501" t="s">
        <v>16399</v>
      </c>
      <c r="B26501" t="s">
        <v>16400</v>
      </c>
      <c r="C26501" t="s">
        <v>16387</v>
      </c>
      <c r="D26501" t="s">
        <v>16388</v>
      </c>
      <c r="E26501" t="s">
        <v>16245</v>
      </c>
      <c r="F26501" t="s">
        <v>16246</v>
      </c>
      <c r="G26501" t="s">
        <v>10734</v>
      </c>
      <c r="H26501" t="s">
        <v>10735</v>
      </c>
      <c r="I26501" s="2">
        <v>1</v>
      </c>
      <c r="J26501" s="2">
        <v>0</v>
      </c>
      <c r="K26501" s="2">
        <v>0</v>
      </c>
      <c r="L26501" t="s">
        <v>120</v>
      </c>
      <c r="M26501" t="s">
        <v>83</v>
      </c>
      <c r="N26501" t="s">
        <v>91</v>
      </c>
      <c r="O26501" t="s">
        <v>85</v>
      </c>
      <c r="P26501" t="s">
        <v>86</v>
      </c>
      <c r="Q26501">
        <v>11</v>
      </c>
      <c r="R26501">
        <v>11</v>
      </c>
      <c r="S26501">
        <v>11</v>
      </c>
      <c r="T26501">
        <v>11</v>
      </c>
      <c r="U26501">
        <v>12</v>
      </c>
      <c r="V26501">
        <v>12</v>
      </c>
      <c r="W26501">
        <v>12</v>
      </c>
      <c r="X26501">
        <v>12</v>
      </c>
      <c r="Y26501">
        <v>13</v>
      </c>
      <c r="Z26501">
        <v>13</v>
      </c>
      <c r="AA26501">
        <v>13</v>
      </c>
      <c r="AB26501">
        <v>13</v>
      </c>
      <c r="AC26501">
        <v>14</v>
      </c>
      <c r="AD26501">
        <v>14</v>
      </c>
      <c r="AE26501">
        <v>14</v>
      </c>
      <c r="AF26501">
        <v>14</v>
      </c>
      <c r="AG26501">
        <v>15</v>
      </c>
      <c r="AH26501">
        <v>15</v>
      </c>
      <c r="AI26501">
        <v>15</v>
      </c>
      <c r="AJ26501">
        <v>15</v>
      </c>
      <c r="AK26501">
        <v>16</v>
      </c>
      <c r="AL26501">
        <v>16</v>
      </c>
      <c r="AM26501">
        <v>16</v>
      </c>
      <c r="AN26501">
        <v>16</v>
      </c>
      <c r="AO26501">
        <v>16</v>
      </c>
      <c r="AP26501">
        <v>16</v>
      </c>
      <c r="AQ26501">
        <v>17</v>
      </c>
    </row>
    <row r="26502" spans="1:43">
      <c r="A26502" t="s">
        <v>16401</v>
      </c>
      <c r="B26502" t="s">
        <v>16402</v>
      </c>
      <c r="C26502" t="s">
        <v>16387</v>
      </c>
      <c r="D26502" t="s">
        <v>16388</v>
      </c>
      <c r="E26502" t="s">
        <v>16245</v>
      </c>
      <c r="F26502" t="s">
        <v>16246</v>
      </c>
      <c r="G26502" t="s">
        <v>10734</v>
      </c>
      <c r="H26502" t="s">
        <v>10735</v>
      </c>
      <c r="I26502" s="2">
        <v>1</v>
      </c>
      <c r="J26502" s="2">
        <v>0</v>
      </c>
      <c r="K26502" s="2">
        <v>0</v>
      </c>
      <c r="L26502" t="s">
        <v>120</v>
      </c>
      <c r="M26502" t="s">
        <v>83</v>
      </c>
      <c r="N26502" t="s">
        <v>84</v>
      </c>
      <c r="O26502" t="s">
        <v>85</v>
      </c>
      <c r="P26502" t="s">
        <v>86</v>
      </c>
      <c r="Q26502">
        <v>31</v>
      </c>
      <c r="R26502">
        <v>32</v>
      </c>
      <c r="S26502">
        <v>33</v>
      </c>
      <c r="T26502">
        <v>33</v>
      </c>
      <c r="U26502">
        <v>34</v>
      </c>
      <c r="V26502">
        <v>34</v>
      </c>
      <c r="W26502">
        <v>35</v>
      </c>
      <c r="X26502">
        <v>36</v>
      </c>
      <c r="Y26502">
        <v>36</v>
      </c>
      <c r="Z26502">
        <v>37</v>
      </c>
      <c r="AA26502">
        <v>38</v>
      </c>
      <c r="AB26502">
        <v>39</v>
      </c>
      <c r="AC26502">
        <v>39</v>
      </c>
      <c r="AD26502">
        <v>40</v>
      </c>
      <c r="AE26502">
        <v>41</v>
      </c>
      <c r="AF26502">
        <v>41</v>
      </c>
      <c r="AG26502">
        <v>42</v>
      </c>
      <c r="AH26502">
        <v>43</v>
      </c>
      <c r="AI26502">
        <v>44</v>
      </c>
      <c r="AJ26502">
        <v>45</v>
      </c>
      <c r="AK26502">
        <v>45</v>
      </c>
      <c r="AL26502">
        <v>46</v>
      </c>
      <c r="AM26502">
        <v>46</v>
      </c>
      <c r="AN26502">
        <v>47</v>
      </c>
      <c r="AO26502">
        <v>47</v>
      </c>
      <c r="AP26502">
        <v>47</v>
      </c>
      <c r="AQ26502">
        <v>48</v>
      </c>
    </row>
    <row r="26503" spans="1:43">
      <c r="A26503" t="s">
        <v>16401</v>
      </c>
      <c r="B26503" t="s">
        <v>16402</v>
      </c>
      <c r="C26503" t="s">
        <v>16387</v>
      </c>
      <c r="D26503" t="s">
        <v>16388</v>
      </c>
      <c r="E26503" t="s">
        <v>16245</v>
      </c>
      <c r="F26503" t="s">
        <v>16246</v>
      </c>
      <c r="G26503" t="s">
        <v>10734</v>
      </c>
      <c r="H26503" t="s">
        <v>10735</v>
      </c>
      <c r="I26503" s="2">
        <v>1</v>
      </c>
      <c r="J26503" s="2">
        <v>0</v>
      </c>
      <c r="K26503" s="2">
        <v>0</v>
      </c>
      <c r="L26503" t="s">
        <v>120</v>
      </c>
      <c r="M26503" t="s">
        <v>87</v>
      </c>
      <c r="N26503" t="s">
        <v>88</v>
      </c>
      <c r="O26503" t="s">
        <v>85</v>
      </c>
      <c r="P26503" t="s">
        <v>86</v>
      </c>
      <c r="Q26503">
        <v>31</v>
      </c>
      <c r="R26503">
        <v>31</v>
      </c>
      <c r="S26503">
        <v>32</v>
      </c>
      <c r="T26503">
        <v>32</v>
      </c>
      <c r="U26503">
        <v>32</v>
      </c>
      <c r="V26503">
        <v>33</v>
      </c>
      <c r="W26503">
        <v>33</v>
      </c>
      <c r="X26503">
        <v>33</v>
      </c>
      <c r="Y26503">
        <v>34</v>
      </c>
      <c r="Z26503">
        <v>34</v>
      </c>
      <c r="AA26503">
        <v>34</v>
      </c>
      <c r="AB26503">
        <v>35</v>
      </c>
      <c r="AC26503">
        <v>35</v>
      </c>
      <c r="AD26503">
        <v>36</v>
      </c>
      <c r="AE26503">
        <v>36</v>
      </c>
      <c r="AF26503">
        <v>36</v>
      </c>
      <c r="AG26503">
        <v>37</v>
      </c>
      <c r="AH26503">
        <v>37</v>
      </c>
      <c r="AI26503">
        <v>38</v>
      </c>
      <c r="AJ26503">
        <v>38</v>
      </c>
      <c r="AK26503">
        <v>39</v>
      </c>
      <c r="AL26503">
        <v>39</v>
      </c>
      <c r="AM26503">
        <v>40</v>
      </c>
      <c r="AN26503">
        <v>40</v>
      </c>
      <c r="AO26503">
        <v>40</v>
      </c>
      <c r="AP26503">
        <v>41</v>
      </c>
      <c r="AQ26503">
        <v>41</v>
      </c>
    </row>
    <row r="26504" spans="1:43">
      <c r="A26504" t="s">
        <v>16401</v>
      </c>
      <c r="B26504" t="s">
        <v>16402</v>
      </c>
      <c r="C26504" t="s">
        <v>16387</v>
      </c>
      <c r="D26504" t="s">
        <v>16388</v>
      </c>
      <c r="E26504" t="s">
        <v>16245</v>
      </c>
      <c r="F26504" t="s">
        <v>16246</v>
      </c>
      <c r="G26504" t="s">
        <v>10734</v>
      </c>
      <c r="H26504" t="s">
        <v>10735</v>
      </c>
      <c r="I26504" s="2">
        <v>1</v>
      </c>
      <c r="J26504" s="2">
        <v>0</v>
      </c>
      <c r="K26504" s="2">
        <v>0</v>
      </c>
      <c r="L26504" t="s">
        <v>120</v>
      </c>
      <c r="M26504" t="s">
        <v>89</v>
      </c>
      <c r="N26504" t="s">
        <v>90</v>
      </c>
      <c r="O26504" t="s">
        <v>85</v>
      </c>
      <c r="P26504" t="s">
        <v>86</v>
      </c>
      <c r="Q26504">
        <v>31</v>
      </c>
      <c r="R26504">
        <v>31</v>
      </c>
      <c r="S26504">
        <v>32</v>
      </c>
      <c r="T26504">
        <v>33</v>
      </c>
      <c r="U26504">
        <v>34</v>
      </c>
      <c r="V26504">
        <v>35</v>
      </c>
      <c r="W26504">
        <v>36</v>
      </c>
      <c r="X26504">
        <v>37</v>
      </c>
      <c r="Y26504">
        <v>38</v>
      </c>
      <c r="Z26504">
        <v>38</v>
      </c>
      <c r="AA26504">
        <v>39</v>
      </c>
      <c r="AB26504">
        <v>40</v>
      </c>
      <c r="AC26504">
        <v>41</v>
      </c>
      <c r="AD26504">
        <v>42</v>
      </c>
      <c r="AE26504">
        <v>43</v>
      </c>
      <c r="AF26504">
        <v>43</v>
      </c>
      <c r="AG26504">
        <v>43</v>
      </c>
      <c r="AH26504">
        <v>44</v>
      </c>
      <c r="AI26504">
        <v>44</v>
      </c>
      <c r="AJ26504">
        <v>44</v>
      </c>
      <c r="AK26504">
        <v>45</v>
      </c>
      <c r="AL26504">
        <v>45</v>
      </c>
      <c r="AM26504">
        <v>46</v>
      </c>
      <c r="AN26504">
        <v>46</v>
      </c>
      <c r="AO26504">
        <v>46</v>
      </c>
      <c r="AP26504">
        <v>47</v>
      </c>
      <c r="AQ26504">
        <v>47</v>
      </c>
    </row>
    <row r="26505" spans="1:43">
      <c r="A26505" t="s">
        <v>16401</v>
      </c>
      <c r="B26505" t="s">
        <v>16402</v>
      </c>
      <c r="C26505" t="s">
        <v>16387</v>
      </c>
      <c r="D26505" t="s">
        <v>16388</v>
      </c>
      <c r="E26505" t="s">
        <v>16245</v>
      </c>
      <c r="F26505" t="s">
        <v>16246</v>
      </c>
      <c r="G26505" t="s">
        <v>10734</v>
      </c>
      <c r="H26505" t="s">
        <v>10735</v>
      </c>
      <c r="I26505" s="2">
        <v>1</v>
      </c>
      <c r="J26505" s="2">
        <v>0</v>
      </c>
      <c r="K26505" s="2">
        <v>0</v>
      </c>
      <c r="L26505" t="s">
        <v>120</v>
      </c>
      <c r="M26505" t="s">
        <v>83</v>
      </c>
      <c r="N26505" t="s">
        <v>91</v>
      </c>
      <c r="O26505" t="s">
        <v>85</v>
      </c>
      <c r="P26505" t="s">
        <v>86</v>
      </c>
      <c r="Q26505">
        <v>31</v>
      </c>
      <c r="R26505">
        <v>32</v>
      </c>
      <c r="S26505">
        <v>33</v>
      </c>
      <c r="T26505">
        <v>33</v>
      </c>
      <c r="U26505">
        <v>34</v>
      </c>
      <c r="V26505">
        <v>34</v>
      </c>
      <c r="W26505">
        <v>35</v>
      </c>
      <c r="X26505">
        <v>36</v>
      </c>
      <c r="Y26505">
        <v>36</v>
      </c>
      <c r="Z26505">
        <v>37</v>
      </c>
      <c r="AA26505">
        <v>38</v>
      </c>
      <c r="AB26505">
        <v>39</v>
      </c>
      <c r="AC26505">
        <v>39</v>
      </c>
      <c r="AD26505">
        <v>40</v>
      </c>
      <c r="AE26505">
        <v>41</v>
      </c>
      <c r="AF26505">
        <v>41</v>
      </c>
      <c r="AG26505">
        <v>42</v>
      </c>
      <c r="AH26505">
        <v>43</v>
      </c>
      <c r="AI26505">
        <v>44</v>
      </c>
      <c r="AJ26505">
        <v>45</v>
      </c>
      <c r="AK26505">
        <v>45</v>
      </c>
      <c r="AL26505">
        <v>46</v>
      </c>
      <c r="AM26505">
        <v>46</v>
      </c>
      <c r="AN26505">
        <v>47</v>
      </c>
      <c r="AO26505">
        <v>47</v>
      </c>
      <c r="AP26505">
        <v>47</v>
      </c>
      <c r="AQ26505">
        <v>48</v>
      </c>
    </row>
    <row r="26506" spans="1:43">
      <c r="A26506" t="s">
        <v>16403</v>
      </c>
      <c r="B26506" t="s">
        <v>16404</v>
      </c>
      <c r="C26506" t="s">
        <v>16387</v>
      </c>
      <c r="D26506" t="s">
        <v>16388</v>
      </c>
      <c r="E26506" t="s">
        <v>16245</v>
      </c>
      <c r="F26506" t="s">
        <v>16246</v>
      </c>
      <c r="G26506" t="s">
        <v>10734</v>
      </c>
      <c r="H26506" t="s">
        <v>10735</v>
      </c>
      <c r="I26506" s="2">
        <v>1</v>
      </c>
      <c r="J26506" s="2">
        <v>0</v>
      </c>
      <c r="K26506" s="2">
        <v>0</v>
      </c>
      <c r="L26506" t="s">
        <v>120</v>
      </c>
      <c r="M26506" t="s">
        <v>83</v>
      </c>
      <c r="N26506" t="s">
        <v>84</v>
      </c>
      <c r="O26506" t="s">
        <v>85</v>
      </c>
      <c r="P26506" t="s">
        <v>86</v>
      </c>
      <c r="Q26506">
        <v>9</v>
      </c>
      <c r="R26506">
        <v>9</v>
      </c>
      <c r="S26506">
        <v>10</v>
      </c>
      <c r="T26506">
        <v>10</v>
      </c>
      <c r="U26506">
        <v>10</v>
      </c>
      <c r="V26506">
        <v>10</v>
      </c>
      <c r="W26506">
        <v>10</v>
      </c>
      <c r="X26506">
        <v>10</v>
      </c>
      <c r="Y26506">
        <v>11</v>
      </c>
      <c r="Z26506">
        <v>11</v>
      </c>
      <c r="AA26506">
        <v>11</v>
      </c>
      <c r="AB26506">
        <v>11</v>
      </c>
      <c r="AC26506">
        <v>11</v>
      </c>
      <c r="AD26506">
        <v>12</v>
      </c>
      <c r="AE26506">
        <v>12</v>
      </c>
      <c r="AF26506">
        <v>12</v>
      </c>
      <c r="AG26506">
        <v>12</v>
      </c>
      <c r="AH26506">
        <v>13</v>
      </c>
      <c r="AI26506">
        <v>13</v>
      </c>
      <c r="AJ26506">
        <v>13</v>
      </c>
      <c r="AK26506">
        <v>13</v>
      </c>
      <c r="AL26506">
        <v>13</v>
      </c>
      <c r="AM26506">
        <v>13</v>
      </c>
      <c r="AN26506">
        <v>14</v>
      </c>
      <c r="AO26506">
        <v>14</v>
      </c>
      <c r="AP26506">
        <v>14</v>
      </c>
      <c r="AQ26506">
        <v>14</v>
      </c>
    </row>
    <row r="26507" spans="1:43">
      <c r="A26507" t="s">
        <v>16403</v>
      </c>
      <c r="B26507" t="s">
        <v>16404</v>
      </c>
      <c r="C26507" t="s">
        <v>16387</v>
      </c>
      <c r="D26507" t="s">
        <v>16388</v>
      </c>
      <c r="E26507" t="s">
        <v>16245</v>
      </c>
      <c r="F26507" t="s">
        <v>16246</v>
      </c>
      <c r="G26507" t="s">
        <v>10734</v>
      </c>
      <c r="H26507" t="s">
        <v>10735</v>
      </c>
      <c r="I26507" s="2">
        <v>1</v>
      </c>
      <c r="J26507" s="2">
        <v>0</v>
      </c>
      <c r="K26507" s="2">
        <v>0</v>
      </c>
      <c r="L26507" t="s">
        <v>120</v>
      </c>
      <c r="M26507" t="s">
        <v>87</v>
      </c>
      <c r="N26507" t="s">
        <v>88</v>
      </c>
      <c r="O26507" t="s">
        <v>85</v>
      </c>
      <c r="P26507" t="s">
        <v>86</v>
      </c>
      <c r="Q26507">
        <v>9</v>
      </c>
      <c r="R26507">
        <v>9</v>
      </c>
      <c r="S26507">
        <v>9</v>
      </c>
      <c r="T26507">
        <v>9</v>
      </c>
      <c r="U26507">
        <v>9</v>
      </c>
      <c r="V26507">
        <v>10</v>
      </c>
      <c r="W26507">
        <v>10</v>
      </c>
      <c r="X26507">
        <v>10</v>
      </c>
      <c r="Y26507">
        <v>10</v>
      </c>
      <c r="Z26507">
        <v>10</v>
      </c>
      <c r="AA26507">
        <v>10</v>
      </c>
      <c r="AB26507">
        <v>10</v>
      </c>
      <c r="AC26507">
        <v>10</v>
      </c>
      <c r="AD26507">
        <v>10</v>
      </c>
      <c r="AE26507">
        <v>11</v>
      </c>
      <c r="AF26507">
        <v>11</v>
      </c>
      <c r="AG26507">
        <v>11</v>
      </c>
      <c r="AH26507">
        <v>11</v>
      </c>
      <c r="AI26507">
        <v>11</v>
      </c>
      <c r="AJ26507">
        <v>11</v>
      </c>
      <c r="AK26507">
        <v>11</v>
      </c>
      <c r="AL26507">
        <v>11</v>
      </c>
      <c r="AM26507">
        <v>12</v>
      </c>
      <c r="AN26507">
        <v>12</v>
      </c>
      <c r="AO26507">
        <v>12</v>
      </c>
      <c r="AP26507">
        <v>12</v>
      </c>
      <c r="AQ26507">
        <v>12</v>
      </c>
    </row>
    <row r="26508" spans="1:43">
      <c r="A26508" t="s">
        <v>16403</v>
      </c>
      <c r="B26508" t="s">
        <v>16404</v>
      </c>
      <c r="C26508" t="s">
        <v>16387</v>
      </c>
      <c r="D26508" t="s">
        <v>16388</v>
      </c>
      <c r="E26508" t="s">
        <v>16245</v>
      </c>
      <c r="F26508" t="s">
        <v>16246</v>
      </c>
      <c r="G26508" t="s">
        <v>10734</v>
      </c>
      <c r="H26508" t="s">
        <v>10735</v>
      </c>
      <c r="I26508" s="2">
        <v>1</v>
      </c>
      <c r="J26508" s="2">
        <v>0</v>
      </c>
      <c r="K26508" s="2">
        <v>0</v>
      </c>
      <c r="L26508" t="s">
        <v>120</v>
      </c>
      <c r="M26508" t="s">
        <v>89</v>
      </c>
      <c r="N26508" t="s">
        <v>90</v>
      </c>
      <c r="O26508" t="s">
        <v>85</v>
      </c>
      <c r="P26508" t="s">
        <v>86</v>
      </c>
      <c r="Q26508">
        <v>9</v>
      </c>
      <c r="R26508">
        <v>9</v>
      </c>
      <c r="S26508">
        <v>10</v>
      </c>
      <c r="T26508">
        <v>10</v>
      </c>
      <c r="U26508">
        <v>10</v>
      </c>
      <c r="V26508">
        <v>11</v>
      </c>
      <c r="W26508">
        <v>11</v>
      </c>
      <c r="X26508">
        <v>11</v>
      </c>
      <c r="Y26508">
        <v>11</v>
      </c>
      <c r="Z26508">
        <v>12</v>
      </c>
      <c r="AA26508">
        <v>12</v>
      </c>
      <c r="AB26508">
        <v>12</v>
      </c>
      <c r="AC26508">
        <v>12</v>
      </c>
      <c r="AD26508">
        <v>13</v>
      </c>
      <c r="AE26508">
        <v>13</v>
      </c>
      <c r="AF26508">
        <v>13</v>
      </c>
      <c r="AG26508">
        <v>13</v>
      </c>
      <c r="AH26508">
        <v>13</v>
      </c>
      <c r="AI26508">
        <v>13</v>
      </c>
      <c r="AJ26508">
        <v>13</v>
      </c>
      <c r="AK26508">
        <v>13</v>
      </c>
      <c r="AL26508">
        <v>13</v>
      </c>
      <c r="AM26508">
        <v>14</v>
      </c>
      <c r="AN26508">
        <v>14</v>
      </c>
      <c r="AO26508">
        <v>14</v>
      </c>
      <c r="AP26508">
        <v>14</v>
      </c>
      <c r="AQ26508">
        <v>14</v>
      </c>
    </row>
    <row r="26509" spans="1:43">
      <c r="A26509" t="s">
        <v>16403</v>
      </c>
      <c r="B26509" t="s">
        <v>16404</v>
      </c>
      <c r="C26509" t="s">
        <v>16387</v>
      </c>
      <c r="D26509" t="s">
        <v>16388</v>
      </c>
      <c r="E26509" t="s">
        <v>16245</v>
      </c>
      <c r="F26509" t="s">
        <v>16246</v>
      </c>
      <c r="G26509" t="s">
        <v>10734</v>
      </c>
      <c r="H26509" t="s">
        <v>10735</v>
      </c>
      <c r="I26509" s="2">
        <v>1</v>
      </c>
      <c r="J26509" s="2">
        <v>0</v>
      </c>
      <c r="K26509" s="2">
        <v>0</v>
      </c>
      <c r="L26509" t="s">
        <v>120</v>
      </c>
      <c r="M26509" t="s">
        <v>83</v>
      </c>
      <c r="N26509" t="s">
        <v>91</v>
      </c>
      <c r="O26509" t="s">
        <v>85</v>
      </c>
      <c r="P26509" t="s">
        <v>86</v>
      </c>
      <c r="Q26509">
        <v>9</v>
      </c>
      <c r="R26509">
        <v>9</v>
      </c>
      <c r="S26509">
        <v>10</v>
      </c>
      <c r="T26509">
        <v>10</v>
      </c>
      <c r="U26509">
        <v>10</v>
      </c>
      <c r="V26509">
        <v>10</v>
      </c>
      <c r="W26509">
        <v>10</v>
      </c>
      <c r="X26509">
        <v>10</v>
      </c>
      <c r="Y26509">
        <v>11</v>
      </c>
      <c r="Z26509">
        <v>11</v>
      </c>
      <c r="AA26509">
        <v>11</v>
      </c>
      <c r="AB26509">
        <v>11</v>
      </c>
      <c r="AC26509">
        <v>11</v>
      </c>
      <c r="AD26509">
        <v>12</v>
      </c>
      <c r="AE26509">
        <v>12</v>
      </c>
      <c r="AF26509">
        <v>12</v>
      </c>
      <c r="AG26509">
        <v>12</v>
      </c>
      <c r="AH26509">
        <v>13</v>
      </c>
      <c r="AI26509">
        <v>13</v>
      </c>
      <c r="AJ26509">
        <v>13</v>
      </c>
      <c r="AK26509">
        <v>13</v>
      </c>
      <c r="AL26509">
        <v>13</v>
      </c>
      <c r="AM26509">
        <v>13</v>
      </c>
      <c r="AN26509">
        <v>14</v>
      </c>
      <c r="AO26509">
        <v>14</v>
      </c>
      <c r="AP26509">
        <v>14</v>
      </c>
      <c r="AQ26509">
        <v>14</v>
      </c>
    </row>
    <row r="26510" spans="1:43">
      <c r="A26510" t="s">
        <v>16405</v>
      </c>
      <c r="B26510" t="s">
        <v>16406</v>
      </c>
      <c r="C26510" t="s">
        <v>16355</v>
      </c>
      <c r="D26510" t="s">
        <v>16356</v>
      </c>
      <c r="E26510" t="s">
        <v>16245</v>
      </c>
      <c r="F26510" t="s">
        <v>16246</v>
      </c>
      <c r="G26510" t="s">
        <v>10734</v>
      </c>
      <c r="H26510" t="s">
        <v>10735</v>
      </c>
      <c r="I26510" s="2">
        <v>1</v>
      </c>
      <c r="J26510" s="2">
        <v>0</v>
      </c>
      <c r="K26510" s="2">
        <v>0</v>
      </c>
      <c r="L26510" t="s">
        <v>120</v>
      </c>
      <c r="M26510" t="s">
        <v>83</v>
      </c>
      <c r="N26510" t="s">
        <v>84</v>
      </c>
      <c r="O26510" t="s">
        <v>85</v>
      </c>
      <c r="P26510" t="s">
        <v>86</v>
      </c>
      <c r="Q26510">
        <v>5</v>
      </c>
      <c r="R26510">
        <v>6</v>
      </c>
      <c r="S26510">
        <v>6</v>
      </c>
      <c r="T26510">
        <v>6</v>
      </c>
      <c r="U26510">
        <v>6</v>
      </c>
      <c r="V26510">
        <v>6</v>
      </c>
      <c r="W26510">
        <v>6</v>
      </c>
      <c r="X26510">
        <v>6</v>
      </c>
      <c r="Y26510">
        <v>6</v>
      </c>
      <c r="Z26510">
        <v>6</v>
      </c>
      <c r="AA26510">
        <v>7</v>
      </c>
      <c r="AB26510">
        <v>7</v>
      </c>
      <c r="AC26510">
        <v>7</v>
      </c>
      <c r="AD26510">
        <v>7</v>
      </c>
      <c r="AE26510">
        <v>7</v>
      </c>
      <c r="AF26510">
        <v>7</v>
      </c>
      <c r="AG26510">
        <v>7</v>
      </c>
      <c r="AH26510">
        <v>7</v>
      </c>
      <c r="AI26510">
        <v>8</v>
      </c>
      <c r="AJ26510">
        <v>8</v>
      </c>
      <c r="AK26510">
        <v>8</v>
      </c>
      <c r="AL26510">
        <v>8</v>
      </c>
      <c r="AM26510">
        <v>8</v>
      </c>
      <c r="AN26510">
        <v>8</v>
      </c>
      <c r="AO26510">
        <v>8</v>
      </c>
      <c r="AP26510">
        <v>8</v>
      </c>
      <c r="AQ26510">
        <v>8</v>
      </c>
    </row>
    <row r="26511" spans="1:43">
      <c r="A26511" t="s">
        <v>16405</v>
      </c>
      <c r="B26511" t="s">
        <v>16406</v>
      </c>
      <c r="C26511" t="s">
        <v>16355</v>
      </c>
      <c r="D26511" t="s">
        <v>16356</v>
      </c>
      <c r="E26511" t="s">
        <v>16245</v>
      </c>
      <c r="F26511" t="s">
        <v>16246</v>
      </c>
      <c r="G26511" t="s">
        <v>10734</v>
      </c>
      <c r="H26511" t="s">
        <v>10735</v>
      </c>
      <c r="I26511" s="2">
        <v>1</v>
      </c>
      <c r="J26511" s="2">
        <v>0</v>
      </c>
      <c r="K26511" s="2">
        <v>0</v>
      </c>
      <c r="L26511" t="s">
        <v>120</v>
      </c>
      <c r="M26511" t="s">
        <v>87</v>
      </c>
      <c r="N26511" t="s">
        <v>88</v>
      </c>
      <c r="O26511" t="s">
        <v>85</v>
      </c>
      <c r="P26511" t="s">
        <v>86</v>
      </c>
      <c r="Q26511">
        <v>5</v>
      </c>
      <c r="R26511">
        <v>5</v>
      </c>
      <c r="S26511">
        <v>6</v>
      </c>
      <c r="T26511">
        <v>6</v>
      </c>
      <c r="U26511">
        <v>6</v>
      </c>
      <c r="V26511">
        <v>6</v>
      </c>
      <c r="W26511">
        <v>6</v>
      </c>
      <c r="X26511">
        <v>6</v>
      </c>
      <c r="Y26511">
        <v>6</v>
      </c>
      <c r="Z26511">
        <v>6</v>
      </c>
      <c r="AA26511">
        <v>6</v>
      </c>
      <c r="AB26511">
        <v>6</v>
      </c>
      <c r="AC26511">
        <v>6</v>
      </c>
      <c r="AD26511">
        <v>6</v>
      </c>
      <c r="AE26511">
        <v>6</v>
      </c>
      <c r="AF26511">
        <v>6</v>
      </c>
      <c r="AG26511">
        <v>6</v>
      </c>
      <c r="AH26511">
        <v>7</v>
      </c>
      <c r="AI26511">
        <v>7</v>
      </c>
      <c r="AJ26511">
        <v>7</v>
      </c>
      <c r="AK26511">
        <v>7</v>
      </c>
      <c r="AL26511">
        <v>7</v>
      </c>
      <c r="AM26511">
        <v>7</v>
      </c>
      <c r="AN26511">
        <v>7</v>
      </c>
      <c r="AO26511">
        <v>7</v>
      </c>
      <c r="AP26511">
        <v>7</v>
      </c>
      <c r="AQ26511">
        <v>7</v>
      </c>
    </row>
    <row r="26512" spans="1:43">
      <c r="A26512" t="s">
        <v>16405</v>
      </c>
      <c r="B26512" t="s">
        <v>16406</v>
      </c>
      <c r="C26512" t="s">
        <v>16355</v>
      </c>
      <c r="D26512" t="s">
        <v>16356</v>
      </c>
      <c r="E26512" t="s">
        <v>16245</v>
      </c>
      <c r="F26512" t="s">
        <v>16246</v>
      </c>
      <c r="G26512" t="s">
        <v>10734</v>
      </c>
      <c r="H26512" t="s">
        <v>10735</v>
      </c>
      <c r="I26512" s="2">
        <v>1</v>
      </c>
      <c r="J26512" s="2">
        <v>0</v>
      </c>
      <c r="K26512" s="2">
        <v>0</v>
      </c>
      <c r="L26512" t="s">
        <v>120</v>
      </c>
      <c r="M26512" t="s">
        <v>89</v>
      </c>
      <c r="N26512" t="s">
        <v>90</v>
      </c>
      <c r="O26512" t="s">
        <v>85</v>
      </c>
      <c r="P26512" t="s">
        <v>86</v>
      </c>
      <c r="Q26512">
        <v>5</v>
      </c>
      <c r="R26512">
        <v>5</v>
      </c>
      <c r="S26512">
        <v>5</v>
      </c>
      <c r="T26512">
        <v>5</v>
      </c>
      <c r="U26512">
        <v>5</v>
      </c>
      <c r="V26512">
        <v>5</v>
      </c>
      <c r="W26512">
        <v>5</v>
      </c>
      <c r="X26512">
        <v>6</v>
      </c>
      <c r="Y26512">
        <v>6</v>
      </c>
      <c r="Z26512">
        <v>6</v>
      </c>
      <c r="AA26512">
        <v>6</v>
      </c>
      <c r="AB26512">
        <v>6</v>
      </c>
      <c r="AC26512">
        <v>6</v>
      </c>
      <c r="AD26512">
        <v>6</v>
      </c>
      <c r="AE26512">
        <v>7</v>
      </c>
      <c r="AF26512">
        <v>7</v>
      </c>
      <c r="AG26512">
        <v>7</v>
      </c>
      <c r="AH26512">
        <v>7</v>
      </c>
      <c r="AI26512">
        <v>7</v>
      </c>
      <c r="AJ26512">
        <v>7</v>
      </c>
      <c r="AK26512">
        <v>7</v>
      </c>
      <c r="AL26512">
        <v>7</v>
      </c>
      <c r="AM26512">
        <v>7</v>
      </c>
      <c r="AN26512">
        <v>7</v>
      </c>
      <c r="AO26512">
        <v>7</v>
      </c>
      <c r="AP26512">
        <v>7</v>
      </c>
      <c r="AQ26512">
        <v>7</v>
      </c>
    </row>
    <row r="26513" spans="1:43">
      <c r="A26513" t="s">
        <v>16405</v>
      </c>
      <c r="B26513" t="s">
        <v>16406</v>
      </c>
      <c r="C26513" t="s">
        <v>16355</v>
      </c>
      <c r="D26513" t="s">
        <v>16356</v>
      </c>
      <c r="E26513" t="s">
        <v>16245</v>
      </c>
      <c r="F26513" t="s">
        <v>16246</v>
      </c>
      <c r="G26513" t="s">
        <v>10734</v>
      </c>
      <c r="H26513" t="s">
        <v>10735</v>
      </c>
      <c r="I26513" s="2">
        <v>1</v>
      </c>
      <c r="J26513" s="2">
        <v>0</v>
      </c>
      <c r="K26513" s="2">
        <v>0</v>
      </c>
      <c r="L26513" t="s">
        <v>120</v>
      </c>
      <c r="M26513" t="s">
        <v>83</v>
      </c>
      <c r="N26513" t="s">
        <v>91</v>
      </c>
      <c r="O26513" t="s">
        <v>85</v>
      </c>
      <c r="P26513" t="s">
        <v>86</v>
      </c>
      <c r="Q26513">
        <v>5</v>
      </c>
      <c r="R26513">
        <v>6</v>
      </c>
      <c r="S26513">
        <v>6</v>
      </c>
      <c r="T26513">
        <v>6</v>
      </c>
      <c r="U26513">
        <v>6</v>
      </c>
      <c r="V26513">
        <v>6</v>
      </c>
      <c r="W26513">
        <v>6</v>
      </c>
      <c r="X26513">
        <v>6</v>
      </c>
      <c r="Y26513">
        <v>6</v>
      </c>
      <c r="Z26513">
        <v>6</v>
      </c>
      <c r="AA26513">
        <v>7</v>
      </c>
      <c r="AB26513">
        <v>7</v>
      </c>
      <c r="AC26513">
        <v>7</v>
      </c>
      <c r="AD26513">
        <v>7</v>
      </c>
      <c r="AE26513">
        <v>7</v>
      </c>
      <c r="AF26513">
        <v>7</v>
      </c>
      <c r="AG26513">
        <v>7</v>
      </c>
      <c r="AH26513">
        <v>7</v>
      </c>
      <c r="AI26513">
        <v>8</v>
      </c>
      <c r="AJ26513">
        <v>8</v>
      </c>
      <c r="AK26513">
        <v>8</v>
      </c>
      <c r="AL26513">
        <v>8</v>
      </c>
      <c r="AM26513">
        <v>8</v>
      </c>
      <c r="AN26513">
        <v>8</v>
      </c>
      <c r="AO26513">
        <v>8</v>
      </c>
      <c r="AP26513">
        <v>8</v>
      </c>
      <c r="AQ26513">
        <v>8</v>
      </c>
    </row>
    <row r="26514" spans="1:43">
      <c r="A26514" t="s">
        <v>16407</v>
      </c>
      <c r="B26514" t="s">
        <v>16408</v>
      </c>
      <c r="C26514" t="s">
        <v>16355</v>
      </c>
      <c r="D26514" t="s">
        <v>16356</v>
      </c>
      <c r="E26514" t="s">
        <v>16245</v>
      </c>
      <c r="F26514" t="s">
        <v>16246</v>
      </c>
      <c r="G26514" t="s">
        <v>10734</v>
      </c>
      <c r="H26514" t="s">
        <v>10735</v>
      </c>
      <c r="I26514" s="2">
        <v>1</v>
      </c>
      <c r="J26514" s="2">
        <v>0</v>
      </c>
      <c r="K26514" s="2">
        <v>0</v>
      </c>
      <c r="L26514" t="s">
        <v>120</v>
      </c>
      <c r="M26514" t="s">
        <v>83</v>
      </c>
      <c r="N26514" t="s">
        <v>84</v>
      </c>
      <c r="O26514" t="s">
        <v>85</v>
      </c>
      <c r="P26514" t="s">
        <v>86</v>
      </c>
      <c r="Q26514">
        <v>44</v>
      </c>
      <c r="R26514">
        <v>45</v>
      </c>
      <c r="S26514">
        <v>45</v>
      </c>
      <c r="T26514">
        <v>46</v>
      </c>
      <c r="U26514">
        <v>47</v>
      </c>
      <c r="V26514">
        <v>48</v>
      </c>
      <c r="W26514">
        <v>49</v>
      </c>
      <c r="X26514">
        <v>50</v>
      </c>
      <c r="Y26514">
        <v>51</v>
      </c>
      <c r="Z26514">
        <v>52</v>
      </c>
      <c r="AA26514">
        <v>53</v>
      </c>
      <c r="AB26514">
        <v>54</v>
      </c>
      <c r="AC26514">
        <v>55</v>
      </c>
      <c r="AD26514">
        <v>56</v>
      </c>
      <c r="AE26514">
        <v>56</v>
      </c>
      <c r="AF26514">
        <v>57</v>
      </c>
      <c r="AG26514">
        <v>58</v>
      </c>
      <c r="AH26514">
        <v>59</v>
      </c>
      <c r="AI26514">
        <v>61</v>
      </c>
      <c r="AJ26514">
        <v>62</v>
      </c>
      <c r="AK26514">
        <v>63</v>
      </c>
      <c r="AL26514">
        <v>63</v>
      </c>
      <c r="AM26514">
        <v>64</v>
      </c>
      <c r="AN26514">
        <v>65</v>
      </c>
      <c r="AO26514">
        <v>65</v>
      </c>
      <c r="AP26514">
        <v>66</v>
      </c>
      <c r="AQ26514">
        <v>66</v>
      </c>
    </row>
    <row r="26515" spans="1:43">
      <c r="A26515" t="s">
        <v>16407</v>
      </c>
      <c r="B26515" t="s">
        <v>16408</v>
      </c>
      <c r="C26515" t="s">
        <v>16355</v>
      </c>
      <c r="D26515" t="s">
        <v>16356</v>
      </c>
      <c r="E26515" t="s">
        <v>16245</v>
      </c>
      <c r="F26515" t="s">
        <v>16246</v>
      </c>
      <c r="G26515" t="s">
        <v>10734</v>
      </c>
      <c r="H26515" t="s">
        <v>10735</v>
      </c>
      <c r="I26515" s="2">
        <v>1</v>
      </c>
      <c r="J26515" s="2">
        <v>0</v>
      </c>
      <c r="K26515" s="2">
        <v>0</v>
      </c>
      <c r="L26515" t="s">
        <v>120</v>
      </c>
      <c r="M26515" t="s">
        <v>87</v>
      </c>
      <c r="N26515" t="s">
        <v>88</v>
      </c>
      <c r="O26515" t="s">
        <v>85</v>
      </c>
      <c r="P26515" t="s">
        <v>86</v>
      </c>
      <c r="Q26515">
        <v>44</v>
      </c>
      <c r="R26515">
        <v>45</v>
      </c>
      <c r="S26515">
        <v>45</v>
      </c>
      <c r="T26515">
        <v>46</v>
      </c>
      <c r="U26515">
        <v>46</v>
      </c>
      <c r="V26515">
        <v>47</v>
      </c>
      <c r="W26515">
        <v>47</v>
      </c>
      <c r="X26515">
        <v>48</v>
      </c>
      <c r="Y26515">
        <v>48</v>
      </c>
      <c r="Z26515">
        <v>49</v>
      </c>
      <c r="AA26515">
        <v>49</v>
      </c>
      <c r="AB26515">
        <v>50</v>
      </c>
      <c r="AC26515">
        <v>50</v>
      </c>
      <c r="AD26515">
        <v>51</v>
      </c>
      <c r="AE26515">
        <v>51</v>
      </c>
      <c r="AF26515">
        <v>52</v>
      </c>
      <c r="AG26515">
        <v>52</v>
      </c>
      <c r="AH26515">
        <v>53</v>
      </c>
      <c r="AI26515">
        <v>54</v>
      </c>
      <c r="AJ26515">
        <v>54</v>
      </c>
      <c r="AK26515">
        <v>55</v>
      </c>
      <c r="AL26515">
        <v>55</v>
      </c>
      <c r="AM26515">
        <v>56</v>
      </c>
      <c r="AN26515">
        <v>57</v>
      </c>
      <c r="AO26515">
        <v>57</v>
      </c>
      <c r="AP26515">
        <v>58</v>
      </c>
      <c r="AQ26515">
        <v>59</v>
      </c>
    </row>
    <row r="26516" spans="1:43">
      <c r="A26516" t="s">
        <v>16407</v>
      </c>
      <c r="B26516" t="s">
        <v>16408</v>
      </c>
      <c r="C26516" t="s">
        <v>16355</v>
      </c>
      <c r="D26516" t="s">
        <v>16356</v>
      </c>
      <c r="E26516" t="s">
        <v>16245</v>
      </c>
      <c r="F26516" t="s">
        <v>16246</v>
      </c>
      <c r="G26516" t="s">
        <v>10734</v>
      </c>
      <c r="H26516" t="s">
        <v>10735</v>
      </c>
      <c r="I26516" s="2">
        <v>1</v>
      </c>
      <c r="J26516" s="2">
        <v>0</v>
      </c>
      <c r="K26516" s="2">
        <v>0</v>
      </c>
      <c r="L26516" t="s">
        <v>120</v>
      </c>
      <c r="M26516" t="s">
        <v>89</v>
      </c>
      <c r="N26516" t="s">
        <v>90</v>
      </c>
      <c r="O26516" t="s">
        <v>85</v>
      </c>
      <c r="P26516" t="s">
        <v>86</v>
      </c>
      <c r="Q26516">
        <v>44</v>
      </c>
      <c r="R26516">
        <v>45</v>
      </c>
      <c r="S26516">
        <v>47</v>
      </c>
      <c r="T26516">
        <v>48</v>
      </c>
      <c r="U26516">
        <v>49</v>
      </c>
      <c r="V26516">
        <v>50</v>
      </c>
      <c r="W26516">
        <v>51</v>
      </c>
      <c r="X26516">
        <v>53</v>
      </c>
      <c r="Y26516">
        <v>54</v>
      </c>
      <c r="Z26516">
        <v>55</v>
      </c>
      <c r="AA26516">
        <v>56</v>
      </c>
      <c r="AB26516">
        <v>57</v>
      </c>
      <c r="AC26516">
        <v>58</v>
      </c>
      <c r="AD26516">
        <v>59</v>
      </c>
      <c r="AE26516">
        <v>60</v>
      </c>
      <c r="AF26516">
        <v>61</v>
      </c>
      <c r="AG26516">
        <v>61</v>
      </c>
      <c r="AH26516">
        <v>62</v>
      </c>
      <c r="AI26516">
        <v>62</v>
      </c>
      <c r="AJ26516">
        <v>63</v>
      </c>
      <c r="AK26516">
        <v>63</v>
      </c>
      <c r="AL26516">
        <v>64</v>
      </c>
      <c r="AM26516">
        <v>65</v>
      </c>
      <c r="AN26516">
        <v>65</v>
      </c>
      <c r="AO26516">
        <v>66</v>
      </c>
      <c r="AP26516">
        <v>66</v>
      </c>
      <c r="AQ26516">
        <v>67</v>
      </c>
    </row>
    <row r="26517" spans="1:43">
      <c r="A26517" t="s">
        <v>16407</v>
      </c>
      <c r="B26517" t="s">
        <v>16408</v>
      </c>
      <c r="C26517" t="s">
        <v>16355</v>
      </c>
      <c r="D26517" t="s">
        <v>16356</v>
      </c>
      <c r="E26517" t="s">
        <v>16245</v>
      </c>
      <c r="F26517" t="s">
        <v>16246</v>
      </c>
      <c r="G26517" t="s">
        <v>10734</v>
      </c>
      <c r="H26517" t="s">
        <v>10735</v>
      </c>
      <c r="I26517" s="2">
        <v>1</v>
      </c>
      <c r="J26517" s="2">
        <v>0</v>
      </c>
      <c r="K26517" s="2">
        <v>0</v>
      </c>
      <c r="L26517" t="s">
        <v>120</v>
      </c>
      <c r="M26517" t="s">
        <v>83</v>
      </c>
      <c r="N26517" t="s">
        <v>91</v>
      </c>
      <c r="O26517" t="s">
        <v>85</v>
      </c>
      <c r="P26517" t="s">
        <v>86</v>
      </c>
      <c r="Q26517">
        <v>44</v>
      </c>
      <c r="R26517">
        <v>45</v>
      </c>
      <c r="S26517">
        <v>45</v>
      </c>
      <c r="T26517">
        <v>46</v>
      </c>
      <c r="U26517">
        <v>47</v>
      </c>
      <c r="V26517">
        <v>48</v>
      </c>
      <c r="W26517">
        <v>49</v>
      </c>
      <c r="X26517">
        <v>50</v>
      </c>
      <c r="Y26517">
        <v>51</v>
      </c>
      <c r="Z26517">
        <v>52</v>
      </c>
      <c r="AA26517">
        <v>53</v>
      </c>
      <c r="AB26517">
        <v>54</v>
      </c>
      <c r="AC26517">
        <v>55</v>
      </c>
      <c r="AD26517">
        <v>56</v>
      </c>
      <c r="AE26517">
        <v>56</v>
      </c>
      <c r="AF26517">
        <v>57</v>
      </c>
      <c r="AG26517">
        <v>58</v>
      </c>
      <c r="AH26517">
        <v>59</v>
      </c>
      <c r="AI26517">
        <v>61</v>
      </c>
      <c r="AJ26517">
        <v>62</v>
      </c>
      <c r="AK26517">
        <v>63</v>
      </c>
      <c r="AL26517">
        <v>63</v>
      </c>
      <c r="AM26517">
        <v>64</v>
      </c>
      <c r="AN26517">
        <v>65</v>
      </c>
      <c r="AO26517">
        <v>65</v>
      </c>
      <c r="AP26517">
        <v>66</v>
      </c>
      <c r="AQ26517">
        <v>66</v>
      </c>
    </row>
    <row r="26518" spans="1:43">
      <c r="A26518" t="s">
        <v>16409</v>
      </c>
      <c r="B26518" t="s">
        <v>16410</v>
      </c>
      <c r="C26518" t="s">
        <v>16355</v>
      </c>
      <c r="D26518" t="s">
        <v>16356</v>
      </c>
      <c r="E26518" t="s">
        <v>16245</v>
      </c>
      <c r="F26518" t="s">
        <v>16246</v>
      </c>
      <c r="G26518" t="s">
        <v>10734</v>
      </c>
      <c r="H26518" t="s">
        <v>10735</v>
      </c>
      <c r="I26518" s="2">
        <v>0.63</v>
      </c>
      <c r="J26518" s="2">
        <v>0</v>
      </c>
      <c r="K26518" s="2">
        <v>0</v>
      </c>
      <c r="L26518" t="s">
        <v>120</v>
      </c>
      <c r="M26518" t="s">
        <v>83</v>
      </c>
      <c r="N26518" t="s">
        <v>84</v>
      </c>
      <c r="O26518" t="s">
        <v>85</v>
      </c>
      <c r="P26518" t="s">
        <v>86</v>
      </c>
      <c r="Q26518">
        <v>15</v>
      </c>
      <c r="R26518">
        <v>15</v>
      </c>
      <c r="S26518">
        <v>15</v>
      </c>
      <c r="T26518">
        <v>16</v>
      </c>
      <c r="U26518">
        <v>16</v>
      </c>
      <c r="V26518">
        <v>16</v>
      </c>
      <c r="W26518">
        <v>17</v>
      </c>
      <c r="X26518">
        <v>17</v>
      </c>
      <c r="Y26518">
        <v>17</v>
      </c>
      <c r="Z26518">
        <v>17</v>
      </c>
      <c r="AA26518">
        <v>18</v>
      </c>
      <c r="AB26518">
        <v>18</v>
      </c>
      <c r="AC26518">
        <v>18</v>
      </c>
      <c r="AD26518">
        <v>19</v>
      </c>
      <c r="AE26518">
        <v>19</v>
      </c>
      <c r="AF26518">
        <v>19</v>
      </c>
      <c r="AG26518">
        <v>20</v>
      </c>
      <c r="AH26518">
        <v>20</v>
      </c>
      <c r="AI26518">
        <v>20</v>
      </c>
      <c r="AJ26518">
        <v>21</v>
      </c>
      <c r="AK26518">
        <v>21</v>
      </c>
      <c r="AL26518">
        <v>21</v>
      </c>
      <c r="AM26518">
        <v>22</v>
      </c>
      <c r="AN26518">
        <v>22</v>
      </c>
      <c r="AO26518">
        <v>22</v>
      </c>
      <c r="AP26518">
        <v>22</v>
      </c>
      <c r="AQ26518">
        <v>22</v>
      </c>
    </row>
    <row r="26519" spans="1:43">
      <c r="A26519" t="s">
        <v>16409</v>
      </c>
      <c r="B26519" t="s">
        <v>16410</v>
      </c>
      <c r="C26519" t="s">
        <v>16355</v>
      </c>
      <c r="D26519" t="s">
        <v>16356</v>
      </c>
      <c r="E26519" t="s">
        <v>16245</v>
      </c>
      <c r="F26519" t="s">
        <v>16246</v>
      </c>
      <c r="G26519" t="s">
        <v>10734</v>
      </c>
      <c r="H26519" t="s">
        <v>10735</v>
      </c>
      <c r="I26519" s="2">
        <v>0.63</v>
      </c>
      <c r="J26519" s="2">
        <v>0</v>
      </c>
      <c r="K26519" s="2">
        <v>0</v>
      </c>
      <c r="L26519" t="s">
        <v>120</v>
      </c>
      <c r="M26519" t="s">
        <v>87</v>
      </c>
      <c r="N26519" t="s">
        <v>88</v>
      </c>
      <c r="O26519" t="s">
        <v>85</v>
      </c>
      <c r="P26519" t="s">
        <v>86</v>
      </c>
      <c r="Q26519">
        <v>15</v>
      </c>
      <c r="R26519">
        <v>15</v>
      </c>
      <c r="S26519">
        <v>15</v>
      </c>
      <c r="T26519">
        <v>15</v>
      </c>
      <c r="U26519">
        <v>15</v>
      </c>
      <c r="V26519">
        <v>15</v>
      </c>
      <c r="W26519">
        <v>16</v>
      </c>
      <c r="X26519">
        <v>16</v>
      </c>
      <c r="Y26519">
        <v>16</v>
      </c>
      <c r="Z26519">
        <v>16</v>
      </c>
      <c r="AA26519">
        <v>16</v>
      </c>
      <c r="AB26519">
        <v>16</v>
      </c>
      <c r="AC26519">
        <v>17</v>
      </c>
      <c r="AD26519">
        <v>17</v>
      </c>
      <c r="AE26519">
        <v>17</v>
      </c>
      <c r="AF26519">
        <v>17</v>
      </c>
      <c r="AG26519">
        <v>17</v>
      </c>
      <c r="AH26519">
        <v>18</v>
      </c>
      <c r="AI26519">
        <v>18</v>
      </c>
      <c r="AJ26519">
        <v>18</v>
      </c>
      <c r="AK26519">
        <v>18</v>
      </c>
      <c r="AL26519">
        <v>18</v>
      </c>
      <c r="AM26519">
        <v>19</v>
      </c>
      <c r="AN26519">
        <v>19</v>
      </c>
      <c r="AO26519">
        <v>19</v>
      </c>
      <c r="AP26519">
        <v>19</v>
      </c>
      <c r="AQ26519">
        <v>20</v>
      </c>
    </row>
    <row r="26520" spans="1:43">
      <c r="A26520" t="s">
        <v>16409</v>
      </c>
      <c r="B26520" t="s">
        <v>16410</v>
      </c>
      <c r="C26520" t="s">
        <v>16355</v>
      </c>
      <c r="D26520" t="s">
        <v>16356</v>
      </c>
      <c r="E26520" t="s">
        <v>16245</v>
      </c>
      <c r="F26520" t="s">
        <v>16246</v>
      </c>
      <c r="G26520" t="s">
        <v>10734</v>
      </c>
      <c r="H26520" t="s">
        <v>10735</v>
      </c>
      <c r="I26520" s="2">
        <v>0.63</v>
      </c>
      <c r="J26520" s="2">
        <v>0</v>
      </c>
      <c r="K26520" s="2">
        <v>0</v>
      </c>
      <c r="L26520" t="s">
        <v>120</v>
      </c>
      <c r="M26520" t="s">
        <v>89</v>
      </c>
      <c r="N26520" t="s">
        <v>90</v>
      </c>
      <c r="O26520" t="s">
        <v>85</v>
      </c>
      <c r="P26520" t="s">
        <v>86</v>
      </c>
      <c r="Q26520">
        <v>15</v>
      </c>
      <c r="R26520">
        <v>15</v>
      </c>
      <c r="S26520">
        <v>16</v>
      </c>
      <c r="T26520">
        <v>16</v>
      </c>
      <c r="U26520">
        <v>17</v>
      </c>
      <c r="V26520">
        <v>17</v>
      </c>
      <c r="W26520">
        <v>17</v>
      </c>
      <c r="X26520">
        <v>18</v>
      </c>
      <c r="Y26520">
        <v>18</v>
      </c>
      <c r="Z26520">
        <v>19</v>
      </c>
      <c r="AA26520">
        <v>19</v>
      </c>
      <c r="AB26520">
        <v>19</v>
      </c>
      <c r="AC26520">
        <v>20</v>
      </c>
      <c r="AD26520">
        <v>20</v>
      </c>
      <c r="AE26520">
        <v>20</v>
      </c>
      <c r="AF26520">
        <v>21</v>
      </c>
      <c r="AG26520">
        <v>21</v>
      </c>
      <c r="AH26520">
        <v>21</v>
      </c>
      <c r="AI26520">
        <v>21</v>
      </c>
      <c r="AJ26520">
        <v>21</v>
      </c>
      <c r="AK26520">
        <v>22</v>
      </c>
      <c r="AL26520">
        <v>22</v>
      </c>
      <c r="AM26520">
        <v>22</v>
      </c>
      <c r="AN26520">
        <v>22</v>
      </c>
      <c r="AO26520">
        <v>22</v>
      </c>
      <c r="AP26520">
        <v>22</v>
      </c>
      <c r="AQ26520">
        <v>23</v>
      </c>
    </row>
    <row r="26521" spans="1:43">
      <c r="A26521" t="s">
        <v>16409</v>
      </c>
      <c r="B26521" t="s">
        <v>16410</v>
      </c>
      <c r="C26521" t="s">
        <v>16355</v>
      </c>
      <c r="D26521" t="s">
        <v>16356</v>
      </c>
      <c r="E26521" t="s">
        <v>16245</v>
      </c>
      <c r="F26521" t="s">
        <v>16246</v>
      </c>
      <c r="G26521" t="s">
        <v>10734</v>
      </c>
      <c r="H26521" t="s">
        <v>10735</v>
      </c>
      <c r="I26521" s="2">
        <v>0.63</v>
      </c>
      <c r="J26521" s="2">
        <v>0</v>
      </c>
      <c r="K26521" s="2">
        <v>0</v>
      </c>
      <c r="L26521" t="s">
        <v>120</v>
      </c>
      <c r="M26521" t="s">
        <v>83</v>
      </c>
      <c r="N26521" t="s">
        <v>91</v>
      </c>
      <c r="O26521" t="s">
        <v>85</v>
      </c>
      <c r="P26521" t="s">
        <v>86</v>
      </c>
      <c r="Q26521">
        <v>15</v>
      </c>
      <c r="R26521">
        <v>15</v>
      </c>
      <c r="S26521">
        <v>15</v>
      </c>
      <c r="T26521">
        <v>16</v>
      </c>
      <c r="U26521">
        <v>16</v>
      </c>
      <c r="V26521">
        <v>16</v>
      </c>
      <c r="W26521">
        <v>17</v>
      </c>
      <c r="X26521">
        <v>17</v>
      </c>
      <c r="Y26521">
        <v>17</v>
      </c>
      <c r="Z26521">
        <v>17</v>
      </c>
      <c r="AA26521">
        <v>18</v>
      </c>
      <c r="AB26521">
        <v>18</v>
      </c>
      <c r="AC26521">
        <v>18</v>
      </c>
      <c r="AD26521">
        <v>19</v>
      </c>
      <c r="AE26521">
        <v>19</v>
      </c>
      <c r="AF26521">
        <v>19</v>
      </c>
      <c r="AG26521">
        <v>20</v>
      </c>
      <c r="AH26521">
        <v>20</v>
      </c>
      <c r="AI26521">
        <v>20</v>
      </c>
      <c r="AJ26521">
        <v>21</v>
      </c>
      <c r="AK26521">
        <v>21</v>
      </c>
      <c r="AL26521">
        <v>21</v>
      </c>
      <c r="AM26521">
        <v>22</v>
      </c>
      <c r="AN26521">
        <v>22</v>
      </c>
      <c r="AO26521">
        <v>22</v>
      </c>
      <c r="AP26521">
        <v>22</v>
      </c>
      <c r="AQ26521">
        <v>22</v>
      </c>
    </row>
    <row r="26522" spans="1:43">
      <c r="A26522" t="s">
        <v>16411</v>
      </c>
      <c r="B26522" t="s">
        <v>16412</v>
      </c>
      <c r="C26522" t="s">
        <v>16249</v>
      </c>
      <c r="D26522" t="s">
        <v>16250</v>
      </c>
      <c r="E26522" t="s">
        <v>16245</v>
      </c>
      <c r="F26522" t="s">
        <v>16246</v>
      </c>
      <c r="G26522" t="s">
        <v>10734</v>
      </c>
      <c r="H26522" t="s">
        <v>10735</v>
      </c>
      <c r="I26522" s="2">
        <v>1</v>
      </c>
      <c r="J26522" s="2">
        <v>0</v>
      </c>
      <c r="K26522" s="2">
        <v>0</v>
      </c>
      <c r="L26522" t="s">
        <v>120</v>
      </c>
      <c r="M26522" t="s">
        <v>83</v>
      </c>
      <c r="N26522" t="s">
        <v>84</v>
      </c>
      <c r="O26522" t="s">
        <v>85</v>
      </c>
      <c r="P26522" t="s">
        <v>86</v>
      </c>
      <c r="Q26522">
        <v>17</v>
      </c>
      <c r="R26522">
        <v>18</v>
      </c>
      <c r="S26522">
        <v>18</v>
      </c>
      <c r="T26522">
        <v>19</v>
      </c>
      <c r="U26522">
        <v>19</v>
      </c>
      <c r="V26522">
        <v>19</v>
      </c>
      <c r="W26522">
        <v>20</v>
      </c>
      <c r="X26522">
        <v>20</v>
      </c>
      <c r="Y26522">
        <v>20</v>
      </c>
      <c r="Z26522">
        <v>21</v>
      </c>
      <c r="AA26522">
        <v>21</v>
      </c>
      <c r="AB26522">
        <v>21</v>
      </c>
      <c r="AC26522">
        <v>22</v>
      </c>
      <c r="AD26522">
        <v>22</v>
      </c>
      <c r="AE26522">
        <v>23</v>
      </c>
      <c r="AF26522">
        <v>23</v>
      </c>
      <c r="AG26522">
        <v>23</v>
      </c>
      <c r="AH26522">
        <v>24</v>
      </c>
      <c r="AI26522">
        <v>24</v>
      </c>
      <c r="AJ26522">
        <v>25</v>
      </c>
      <c r="AK26522">
        <v>25</v>
      </c>
      <c r="AL26522">
        <v>25</v>
      </c>
      <c r="AM26522">
        <v>26</v>
      </c>
      <c r="AN26522">
        <v>26</v>
      </c>
      <c r="AO26522">
        <v>26</v>
      </c>
      <c r="AP26522">
        <v>26</v>
      </c>
      <c r="AQ26522">
        <v>27</v>
      </c>
    </row>
    <row r="26523" spans="1:43">
      <c r="A26523" t="s">
        <v>16411</v>
      </c>
      <c r="B26523" t="s">
        <v>16412</v>
      </c>
      <c r="C26523" t="s">
        <v>16249</v>
      </c>
      <c r="D26523" t="s">
        <v>16250</v>
      </c>
      <c r="E26523" t="s">
        <v>16245</v>
      </c>
      <c r="F26523" t="s">
        <v>16246</v>
      </c>
      <c r="G26523" t="s">
        <v>10734</v>
      </c>
      <c r="H26523" t="s">
        <v>10735</v>
      </c>
      <c r="I26523" s="2">
        <v>1</v>
      </c>
      <c r="J26523" s="2">
        <v>0</v>
      </c>
      <c r="K26523" s="2">
        <v>0</v>
      </c>
      <c r="L26523" t="s">
        <v>120</v>
      </c>
      <c r="M26523" t="s">
        <v>87</v>
      </c>
      <c r="N26523" t="s">
        <v>88</v>
      </c>
      <c r="O26523" t="s">
        <v>85</v>
      </c>
      <c r="P26523" t="s">
        <v>86</v>
      </c>
      <c r="Q26523">
        <v>17</v>
      </c>
      <c r="R26523">
        <v>18</v>
      </c>
      <c r="S26523">
        <v>18</v>
      </c>
      <c r="T26523">
        <v>18</v>
      </c>
      <c r="U26523">
        <v>18</v>
      </c>
      <c r="V26523">
        <v>18</v>
      </c>
      <c r="W26523">
        <v>18</v>
      </c>
      <c r="X26523">
        <v>19</v>
      </c>
      <c r="Y26523">
        <v>19</v>
      </c>
      <c r="Z26523">
        <v>19</v>
      </c>
      <c r="AA26523">
        <v>19</v>
      </c>
      <c r="AB26523">
        <v>19</v>
      </c>
      <c r="AC26523">
        <v>20</v>
      </c>
      <c r="AD26523">
        <v>20</v>
      </c>
      <c r="AE26523">
        <v>20</v>
      </c>
      <c r="AF26523">
        <v>20</v>
      </c>
      <c r="AG26523">
        <v>21</v>
      </c>
      <c r="AH26523">
        <v>21</v>
      </c>
      <c r="AI26523">
        <v>21</v>
      </c>
      <c r="AJ26523">
        <v>21</v>
      </c>
      <c r="AK26523">
        <v>22</v>
      </c>
      <c r="AL26523">
        <v>22</v>
      </c>
      <c r="AM26523">
        <v>22</v>
      </c>
      <c r="AN26523">
        <v>22</v>
      </c>
      <c r="AO26523">
        <v>23</v>
      </c>
      <c r="AP26523">
        <v>23</v>
      </c>
      <c r="AQ26523">
        <v>23</v>
      </c>
    </row>
    <row r="26524" spans="1:43">
      <c r="A26524" t="s">
        <v>16411</v>
      </c>
      <c r="B26524" t="s">
        <v>16412</v>
      </c>
      <c r="C26524" t="s">
        <v>16249</v>
      </c>
      <c r="D26524" t="s">
        <v>16250</v>
      </c>
      <c r="E26524" t="s">
        <v>16245</v>
      </c>
      <c r="F26524" t="s">
        <v>16246</v>
      </c>
      <c r="G26524" t="s">
        <v>10734</v>
      </c>
      <c r="H26524" t="s">
        <v>10735</v>
      </c>
      <c r="I26524" s="2">
        <v>1</v>
      </c>
      <c r="J26524" s="2">
        <v>0</v>
      </c>
      <c r="K26524" s="2">
        <v>0</v>
      </c>
      <c r="L26524" t="s">
        <v>120</v>
      </c>
      <c r="M26524" t="s">
        <v>89</v>
      </c>
      <c r="N26524" t="s">
        <v>90</v>
      </c>
      <c r="O26524" t="s">
        <v>85</v>
      </c>
      <c r="P26524" t="s">
        <v>86</v>
      </c>
      <c r="Q26524">
        <v>17</v>
      </c>
      <c r="R26524">
        <v>17</v>
      </c>
      <c r="S26524">
        <v>18</v>
      </c>
      <c r="T26524">
        <v>18</v>
      </c>
      <c r="U26524">
        <v>19</v>
      </c>
      <c r="V26524">
        <v>19</v>
      </c>
      <c r="W26524">
        <v>20</v>
      </c>
      <c r="X26524">
        <v>20</v>
      </c>
      <c r="Y26524">
        <v>20</v>
      </c>
      <c r="Z26524">
        <v>21</v>
      </c>
      <c r="AA26524">
        <v>21</v>
      </c>
      <c r="AB26524">
        <v>22</v>
      </c>
      <c r="AC26524">
        <v>22</v>
      </c>
      <c r="AD26524">
        <v>23</v>
      </c>
      <c r="AE26524">
        <v>23</v>
      </c>
      <c r="AF26524">
        <v>23</v>
      </c>
      <c r="AG26524">
        <v>24</v>
      </c>
      <c r="AH26524">
        <v>24</v>
      </c>
      <c r="AI26524">
        <v>24</v>
      </c>
      <c r="AJ26524">
        <v>24</v>
      </c>
      <c r="AK26524">
        <v>25</v>
      </c>
      <c r="AL26524">
        <v>25</v>
      </c>
      <c r="AM26524">
        <v>25</v>
      </c>
      <c r="AN26524">
        <v>25</v>
      </c>
      <c r="AO26524">
        <v>26</v>
      </c>
      <c r="AP26524">
        <v>26</v>
      </c>
      <c r="AQ26524">
        <v>26</v>
      </c>
    </row>
    <row r="26525" spans="1:43">
      <c r="A26525" t="s">
        <v>16411</v>
      </c>
      <c r="B26525" t="s">
        <v>16412</v>
      </c>
      <c r="C26525" t="s">
        <v>16249</v>
      </c>
      <c r="D26525" t="s">
        <v>16250</v>
      </c>
      <c r="E26525" t="s">
        <v>16245</v>
      </c>
      <c r="F26525" t="s">
        <v>16246</v>
      </c>
      <c r="G26525" t="s">
        <v>10734</v>
      </c>
      <c r="H26525" t="s">
        <v>10735</v>
      </c>
      <c r="I26525" s="2">
        <v>1</v>
      </c>
      <c r="J26525" s="2">
        <v>0</v>
      </c>
      <c r="K26525" s="2">
        <v>0</v>
      </c>
      <c r="L26525" t="s">
        <v>120</v>
      </c>
      <c r="M26525" t="s">
        <v>83</v>
      </c>
      <c r="N26525" t="s">
        <v>91</v>
      </c>
      <c r="O26525" t="s">
        <v>85</v>
      </c>
      <c r="P26525" t="s">
        <v>86</v>
      </c>
      <c r="Q26525">
        <v>17</v>
      </c>
      <c r="R26525">
        <v>18</v>
      </c>
      <c r="S26525">
        <v>18</v>
      </c>
      <c r="T26525">
        <v>19</v>
      </c>
      <c r="U26525">
        <v>19</v>
      </c>
      <c r="V26525">
        <v>19</v>
      </c>
      <c r="W26525">
        <v>20</v>
      </c>
      <c r="X26525">
        <v>20</v>
      </c>
      <c r="Y26525">
        <v>20</v>
      </c>
      <c r="Z26525">
        <v>21</v>
      </c>
      <c r="AA26525">
        <v>21</v>
      </c>
      <c r="AB26525">
        <v>21</v>
      </c>
      <c r="AC26525">
        <v>22</v>
      </c>
      <c r="AD26525">
        <v>22</v>
      </c>
      <c r="AE26525">
        <v>23</v>
      </c>
      <c r="AF26525">
        <v>23</v>
      </c>
      <c r="AG26525">
        <v>23</v>
      </c>
      <c r="AH26525">
        <v>24</v>
      </c>
      <c r="AI26525">
        <v>24</v>
      </c>
      <c r="AJ26525">
        <v>25</v>
      </c>
      <c r="AK26525">
        <v>25</v>
      </c>
      <c r="AL26525">
        <v>25</v>
      </c>
      <c r="AM26525">
        <v>26</v>
      </c>
      <c r="AN26525">
        <v>26</v>
      </c>
      <c r="AO26525">
        <v>26</v>
      </c>
      <c r="AP26525">
        <v>26</v>
      </c>
      <c r="AQ26525">
        <v>27</v>
      </c>
    </row>
    <row r="26526" spans="1:43">
      <c r="A26526" t="s">
        <v>16413</v>
      </c>
      <c r="B26526" t="s">
        <v>16414</v>
      </c>
      <c r="C26526" t="s">
        <v>16249</v>
      </c>
      <c r="D26526" t="s">
        <v>16250</v>
      </c>
      <c r="E26526" t="s">
        <v>16245</v>
      </c>
      <c r="F26526" t="s">
        <v>16246</v>
      </c>
      <c r="G26526" t="s">
        <v>10734</v>
      </c>
      <c r="H26526" t="s">
        <v>10735</v>
      </c>
      <c r="I26526" s="2">
        <v>1</v>
      </c>
      <c r="J26526" s="2">
        <v>0</v>
      </c>
      <c r="K26526" s="2">
        <v>0</v>
      </c>
      <c r="L26526" t="s">
        <v>120</v>
      </c>
      <c r="M26526" t="s">
        <v>83</v>
      </c>
      <c r="N26526" t="s">
        <v>84</v>
      </c>
      <c r="O26526" t="s">
        <v>85</v>
      </c>
      <c r="P26526" t="s">
        <v>86</v>
      </c>
      <c r="Q26526">
        <v>29</v>
      </c>
      <c r="R26526">
        <v>30</v>
      </c>
      <c r="S26526">
        <v>31</v>
      </c>
      <c r="T26526">
        <v>31</v>
      </c>
      <c r="U26526">
        <v>32</v>
      </c>
      <c r="V26526">
        <v>33</v>
      </c>
      <c r="W26526">
        <v>33</v>
      </c>
      <c r="X26526">
        <v>34</v>
      </c>
      <c r="Y26526">
        <v>34</v>
      </c>
      <c r="Z26526">
        <v>35</v>
      </c>
      <c r="AA26526">
        <v>36</v>
      </c>
      <c r="AB26526">
        <v>36</v>
      </c>
      <c r="AC26526">
        <v>37</v>
      </c>
      <c r="AD26526">
        <v>37</v>
      </c>
      <c r="AE26526">
        <v>38</v>
      </c>
      <c r="AF26526">
        <v>39</v>
      </c>
      <c r="AG26526">
        <v>39</v>
      </c>
      <c r="AH26526">
        <v>40</v>
      </c>
      <c r="AI26526">
        <v>41</v>
      </c>
      <c r="AJ26526">
        <v>42</v>
      </c>
      <c r="AK26526">
        <v>42</v>
      </c>
      <c r="AL26526">
        <v>43</v>
      </c>
      <c r="AM26526">
        <v>43</v>
      </c>
      <c r="AN26526">
        <v>44</v>
      </c>
      <c r="AO26526">
        <v>44</v>
      </c>
      <c r="AP26526">
        <v>44</v>
      </c>
      <c r="AQ26526">
        <v>45</v>
      </c>
    </row>
    <row r="26527" spans="1:43">
      <c r="A26527" t="s">
        <v>16413</v>
      </c>
      <c r="B26527" t="s">
        <v>16414</v>
      </c>
      <c r="C26527" t="s">
        <v>16249</v>
      </c>
      <c r="D26527" t="s">
        <v>16250</v>
      </c>
      <c r="E26527" t="s">
        <v>16245</v>
      </c>
      <c r="F26527" t="s">
        <v>16246</v>
      </c>
      <c r="G26527" t="s">
        <v>10734</v>
      </c>
      <c r="H26527" t="s">
        <v>10735</v>
      </c>
      <c r="I26527" s="2">
        <v>1</v>
      </c>
      <c r="J26527" s="2">
        <v>0</v>
      </c>
      <c r="K26527" s="2">
        <v>0</v>
      </c>
      <c r="L26527" t="s">
        <v>120</v>
      </c>
      <c r="M26527" t="s">
        <v>87</v>
      </c>
      <c r="N26527" t="s">
        <v>88</v>
      </c>
      <c r="O26527" t="s">
        <v>85</v>
      </c>
      <c r="P26527" t="s">
        <v>86</v>
      </c>
      <c r="Q26527">
        <v>29</v>
      </c>
      <c r="R26527">
        <v>30</v>
      </c>
      <c r="S26527">
        <v>30</v>
      </c>
      <c r="T26527">
        <v>30</v>
      </c>
      <c r="U26527">
        <v>30</v>
      </c>
      <c r="V26527">
        <v>31</v>
      </c>
      <c r="W26527">
        <v>31</v>
      </c>
      <c r="X26527">
        <v>31</v>
      </c>
      <c r="Y26527">
        <v>32</v>
      </c>
      <c r="Z26527">
        <v>32</v>
      </c>
      <c r="AA26527">
        <v>33</v>
      </c>
      <c r="AB26527">
        <v>33</v>
      </c>
      <c r="AC26527">
        <v>33</v>
      </c>
      <c r="AD26527">
        <v>34</v>
      </c>
      <c r="AE26527">
        <v>34</v>
      </c>
      <c r="AF26527">
        <v>34</v>
      </c>
      <c r="AG26527">
        <v>35</v>
      </c>
      <c r="AH26527">
        <v>35</v>
      </c>
      <c r="AI26527">
        <v>36</v>
      </c>
      <c r="AJ26527">
        <v>36</v>
      </c>
      <c r="AK26527">
        <v>36</v>
      </c>
      <c r="AL26527">
        <v>37</v>
      </c>
      <c r="AM26527">
        <v>37</v>
      </c>
      <c r="AN26527">
        <v>38</v>
      </c>
      <c r="AO26527">
        <v>38</v>
      </c>
      <c r="AP26527">
        <v>39</v>
      </c>
      <c r="AQ26527">
        <v>39</v>
      </c>
    </row>
    <row r="26528" spans="1:43">
      <c r="A26528" t="s">
        <v>16413</v>
      </c>
      <c r="B26528" t="s">
        <v>16414</v>
      </c>
      <c r="C26528" t="s">
        <v>16249</v>
      </c>
      <c r="D26528" t="s">
        <v>16250</v>
      </c>
      <c r="E26528" t="s">
        <v>16245</v>
      </c>
      <c r="F26528" t="s">
        <v>16246</v>
      </c>
      <c r="G26528" t="s">
        <v>10734</v>
      </c>
      <c r="H26528" t="s">
        <v>10735</v>
      </c>
      <c r="I26528" s="2">
        <v>1</v>
      </c>
      <c r="J26528" s="2">
        <v>0</v>
      </c>
      <c r="K26528" s="2">
        <v>0</v>
      </c>
      <c r="L26528" t="s">
        <v>120</v>
      </c>
      <c r="M26528" t="s">
        <v>89</v>
      </c>
      <c r="N26528" t="s">
        <v>90</v>
      </c>
      <c r="O26528" t="s">
        <v>85</v>
      </c>
      <c r="P26528" t="s">
        <v>86</v>
      </c>
      <c r="Q26528">
        <v>29</v>
      </c>
      <c r="R26528">
        <v>30</v>
      </c>
      <c r="S26528">
        <v>30</v>
      </c>
      <c r="T26528">
        <v>31</v>
      </c>
      <c r="U26528">
        <v>32</v>
      </c>
      <c r="V26528">
        <v>33</v>
      </c>
      <c r="W26528">
        <v>34</v>
      </c>
      <c r="X26528">
        <v>34</v>
      </c>
      <c r="Y26528">
        <v>35</v>
      </c>
      <c r="Z26528">
        <v>36</v>
      </c>
      <c r="AA26528">
        <v>37</v>
      </c>
      <c r="AB26528">
        <v>38</v>
      </c>
      <c r="AC26528">
        <v>38</v>
      </c>
      <c r="AD26528">
        <v>39</v>
      </c>
      <c r="AE26528">
        <v>40</v>
      </c>
      <c r="AF26528">
        <v>40</v>
      </c>
      <c r="AG26528">
        <v>41</v>
      </c>
      <c r="AH26528">
        <v>41</v>
      </c>
      <c r="AI26528">
        <v>41</v>
      </c>
      <c r="AJ26528">
        <v>42</v>
      </c>
      <c r="AK26528">
        <v>42</v>
      </c>
      <c r="AL26528">
        <v>42</v>
      </c>
      <c r="AM26528">
        <v>43</v>
      </c>
      <c r="AN26528">
        <v>43</v>
      </c>
      <c r="AO26528">
        <v>44</v>
      </c>
      <c r="AP26528">
        <v>44</v>
      </c>
      <c r="AQ26528">
        <v>45</v>
      </c>
    </row>
    <row r="26529" spans="1:43">
      <c r="A26529" t="s">
        <v>16413</v>
      </c>
      <c r="B26529" t="s">
        <v>16414</v>
      </c>
      <c r="C26529" t="s">
        <v>16249</v>
      </c>
      <c r="D26529" t="s">
        <v>16250</v>
      </c>
      <c r="E26529" t="s">
        <v>16245</v>
      </c>
      <c r="F26529" t="s">
        <v>16246</v>
      </c>
      <c r="G26529" t="s">
        <v>10734</v>
      </c>
      <c r="H26529" t="s">
        <v>10735</v>
      </c>
      <c r="I26529" s="2">
        <v>1</v>
      </c>
      <c r="J26529" s="2">
        <v>0</v>
      </c>
      <c r="K26529" s="2">
        <v>0</v>
      </c>
      <c r="L26529" t="s">
        <v>120</v>
      </c>
      <c r="M26529" t="s">
        <v>83</v>
      </c>
      <c r="N26529" t="s">
        <v>91</v>
      </c>
      <c r="O26529" t="s">
        <v>85</v>
      </c>
      <c r="P26529" t="s">
        <v>86</v>
      </c>
      <c r="Q26529">
        <v>29</v>
      </c>
      <c r="R26529">
        <v>30</v>
      </c>
      <c r="S26529">
        <v>31</v>
      </c>
      <c r="T26529">
        <v>31</v>
      </c>
      <c r="U26529">
        <v>32</v>
      </c>
      <c r="V26529">
        <v>33</v>
      </c>
      <c r="W26529">
        <v>33</v>
      </c>
      <c r="X26529">
        <v>34</v>
      </c>
      <c r="Y26529">
        <v>34</v>
      </c>
      <c r="Z26529">
        <v>35</v>
      </c>
      <c r="AA26529">
        <v>36</v>
      </c>
      <c r="AB26529">
        <v>36</v>
      </c>
      <c r="AC26529">
        <v>37</v>
      </c>
      <c r="AD26529">
        <v>37</v>
      </c>
      <c r="AE26529">
        <v>38</v>
      </c>
      <c r="AF26529">
        <v>39</v>
      </c>
      <c r="AG26529">
        <v>39</v>
      </c>
      <c r="AH26529">
        <v>40</v>
      </c>
      <c r="AI26529">
        <v>41</v>
      </c>
      <c r="AJ26529">
        <v>42</v>
      </c>
      <c r="AK26529">
        <v>42</v>
      </c>
      <c r="AL26529">
        <v>43</v>
      </c>
      <c r="AM26529">
        <v>43</v>
      </c>
      <c r="AN26529">
        <v>44</v>
      </c>
      <c r="AO26529">
        <v>44</v>
      </c>
      <c r="AP26529">
        <v>44</v>
      </c>
      <c r="AQ26529">
        <v>45</v>
      </c>
    </row>
    <row r="26530" spans="1:43">
      <c r="A26530" t="s">
        <v>16415</v>
      </c>
      <c r="B26530" t="s">
        <v>16416</v>
      </c>
      <c r="C26530" t="s">
        <v>16249</v>
      </c>
      <c r="D26530" t="s">
        <v>16250</v>
      </c>
      <c r="E26530" t="s">
        <v>16245</v>
      </c>
      <c r="F26530" t="s">
        <v>16246</v>
      </c>
      <c r="G26530" t="s">
        <v>10734</v>
      </c>
      <c r="H26530" t="s">
        <v>10735</v>
      </c>
      <c r="I26530" s="2">
        <v>1</v>
      </c>
      <c r="J26530" s="2">
        <v>0</v>
      </c>
      <c r="K26530" s="2">
        <v>0</v>
      </c>
      <c r="L26530" t="s">
        <v>120</v>
      </c>
      <c r="M26530" t="s">
        <v>83</v>
      </c>
      <c r="N26530" t="s">
        <v>84</v>
      </c>
      <c r="O26530" t="s">
        <v>85</v>
      </c>
      <c r="P26530" t="s">
        <v>86</v>
      </c>
      <c r="Q26530">
        <v>17</v>
      </c>
      <c r="R26530">
        <v>18</v>
      </c>
      <c r="S26530">
        <v>18</v>
      </c>
      <c r="T26530">
        <v>18</v>
      </c>
      <c r="U26530">
        <v>19</v>
      </c>
      <c r="V26530">
        <v>19</v>
      </c>
      <c r="W26530">
        <v>19</v>
      </c>
      <c r="X26530">
        <v>20</v>
      </c>
      <c r="Y26530">
        <v>20</v>
      </c>
      <c r="Z26530">
        <v>20</v>
      </c>
      <c r="AA26530">
        <v>21</v>
      </c>
      <c r="AB26530">
        <v>21</v>
      </c>
      <c r="AC26530">
        <v>21</v>
      </c>
      <c r="AD26530">
        <v>22</v>
      </c>
      <c r="AE26530">
        <v>22</v>
      </c>
      <c r="AF26530">
        <v>23</v>
      </c>
      <c r="AG26530">
        <v>23</v>
      </c>
      <c r="AH26530">
        <v>23</v>
      </c>
      <c r="AI26530">
        <v>24</v>
      </c>
      <c r="AJ26530">
        <v>24</v>
      </c>
      <c r="AK26530">
        <v>25</v>
      </c>
      <c r="AL26530">
        <v>25</v>
      </c>
      <c r="AM26530">
        <v>25</v>
      </c>
      <c r="AN26530">
        <v>25</v>
      </c>
      <c r="AO26530">
        <v>26</v>
      </c>
      <c r="AP26530">
        <v>26</v>
      </c>
      <c r="AQ26530">
        <v>26</v>
      </c>
    </row>
    <row r="26531" spans="1:43">
      <c r="A26531" t="s">
        <v>16415</v>
      </c>
      <c r="B26531" t="s">
        <v>16416</v>
      </c>
      <c r="C26531" t="s">
        <v>16249</v>
      </c>
      <c r="D26531" t="s">
        <v>16250</v>
      </c>
      <c r="E26531" t="s">
        <v>16245</v>
      </c>
      <c r="F26531" t="s">
        <v>16246</v>
      </c>
      <c r="G26531" t="s">
        <v>10734</v>
      </c>
      <c r="H26531" t="s">
        <v>10735</v>
      </c>
      <c r="I26531" s="2">
        <v>1</v>
      </c>
      <c r="J26531" s="2">
        <v>0</v>
      </c>
      <c r="K26531" s="2">
        <v>0</v>
      </c>
      <c r="L26531" t="s">
        <v>120</v>
      </c>
      <c r="M26531" t="s">
        <v>87</v>
      </c>
      <c r="N26531" t="s">
        <v>88</v>
      </c>
      <c r="O26531" t="s">
        <v>85</v>
      </c>
      <c r="P26531" t="s">
        <v>86</v>
      </c>
      <c r="Q26531">
        <v>17</v>
      </c>
      <c r="R26531">
        <v>17</v>
      </c>
      <c r="S26531">
        <v>17</v>
      </c>
      <c r="T26531">
        <v>18</v>
      </c>
      <c r="U26531">
        <v>18</v>
      </c>
      <c r="V26531">
        <v>18</v>
      </c>
      <c r="W26531">
        <v>18</v>
      </c>
      <c r="X26531">
        <v>18</v>
      </c>
      <c r="Y26531">
        <v>19</v>
      </c>
      <c r="Z26531">
        <v>19</v>
      </c>
      <c r="AA26531">
        <v>19</v>
      </c>
      <c r="AB26531">
        <v>19</v>
      </c>
      <c r="AC26531">
        <v>19</v>
      </c>
      <c r="AD26531">
        <v>20</v>
      </c>
      <c r="AE26531">
        <v>20</v>
      </c>
      <c r="AF26531">
        <v>20</v>
      </c>
      <c r="AG26531">
        <v>20</v>
      </c>
      <c r="AH26531">
        <v>20</v>
      </c>
      <c r="AI26531">
        <v>21</v>
      </c>
      <c r="AJ26531">
        <v>21</v>
      </c>
      <c r="AK26531">
        <v>21</v>
      </c>
      <c r="AL26531">
        <v>21</v>
      </c>
      <c r="AM26531">
        <v>22</v>
      </c>
      <c r="AN26531">
        <v>22</v>
      </c>
      <c r="AO26531">
        <v>22</v>
      </c>
      <c r="AP26531">
        <v>22</v>
      </c>
      <c r="AQ26531">
        <v>23</v>
      </c>
    </row>
    <row r="26532" spans="1:43">
      <c r="A26532" t="s">
        <v>16415</v>
      </c>
      <c r="B26532" t="s">
        <v>16416</v>
      </c>
      <c r="C26532" t="s">
        <v>16249</v>
      </c>
      <c r="D26532" t="s">
        <v>16250</v>
      </c>
      <c r="E26532" t="s">
        <v>16245</v>
      </c>
      <c r="F26532" t="s">
        <v>16246</v>
      </c>
      <c r="G26532" t="s">
        <v>10734</v>
      </c>
      <c r="H26532" t="s">
        <v>10735</v>
      </c>
      <c r="I26532" s="2">
        <v>1</v>
      </c>
      <c r="J26532" s="2">
        <v>0</v>
      </c>
      <c r="K26532" s="2">
        <v>0</v>
      </c>
      <c r="L26532" t="s">
        <v>120</v>
      </c>
      <c r="M26532" t="s">
        <v>89</v>
      </c>
      <c r="N26532" t="s">
        <v>90</v>
      </c>
      <c r="O26532" t="s">
        <v>85</v>
      </c>
      <c r="P26532" t="s">
        <v>86</v>
      </c>
      <c r="Q26532">
        <v>17</v>
      </c>
      <c r="R26532">
        <v>18</v>
      </c>
      <c r="S26532">
        <v>18</v>
      </c>
      <c r="T26532">
        <v>19</v>
      </c>
      <c r="U26532">
        <v>19</v>
      </c>
      <c r="V26532">
        <v>20</v>
      </c>
      <c r="W26532">
        <v>20</v>
      </c>
      <c r="X26532">
        <v>21</v>
      </c>
      <c r="Y26532">
        <v>21</v>
      </c>
      <c r="Z26532">
        <v>22</v>
      </c>
      <c r="AA26532">
        <v>22</v>
      </c>
      <c r="AB26532">
        <v>22</v>
      </c>
      <c r="AC26532">
        <v>23</v>
      </c>
      <c r="AD26532">
        <v>23</v>
      </c>
      <c r="AE26532">
        <v>24</v>
      </c>
      <c r="AF26532">
        <v>24</v>
      </c>
      <c r="AG26532">
        <v>24</v>
      </c>
      <c r="AH26532">
        <v>24</v>
      </c>
      <c r="AI26532">
        <v>25</v>
      </c>
      <c r="AJ26532">
        <v>25</v>
      </c>
      <c r="AK26532">
        <v>25</v>
      </c>
      <c r="AL26532">
        <v>25</v>
      </c>
      <c r="AM26532">
        <v>26</v>
      </c>
      <c r="AN26532">
        <v>26</v>
      </c>
      <c r="AO26532">
        <v>26</v>
      </c>
      <c r="AP26532">
        <v>26</v>
      </c>
      <c r="AQ26532">
        <v>27</v>
      </c>
    </row>
    <row r="26533" spans="1:43">
      <c r="A26533" t="s">
        <v>16415</v>
      </c>
      <c r="B26533" t="s">
        <v>16416</v>
      </c>
      <c r="C26533" t="s">
        <v>16249</v>
      </c>
      <c r="D26533" t="s">
        <v>16250</v>
      </c>
      <c r="E26533" t="s">
        <v>16245</v>
      </c>
      <c r="F26533" t="s">
        <v>16246</v>
      </c>
      <c r="G26533" t="s">
        <v>10734</v>
      </c>
      <c r="H26533" t="s">
        <v>10735</v>
      </c>
      <c r="I26533" s="2">
        <v>1</v>
      </c>
      <c r="J26533" s="2">
        <v>0</v>
      </c>
      <c r="K26533" s="2">
        <v>0</v>
      </c>
      <c r="L26533" t="s">
        <v>120</v>
      </c>
      <c r="M26533" t="s">
        <v>83</v>
      </c>
      <c r="N26533" t="s">
        <v>91</v>
      </c>
      <c r="O26533" t="s">
        <v>85</v>
      </c>
      <c r="P26533" t="s">
        <v>86</v>
      </c>
      <c r="Q26533">
        <v>17</v>
      </c>
      <c r="R26533">
        <v>18</v>
      </c>
      <c r="S26533">
        <v>18</v>
      </c>
      <c r="T26533">
        <v>18</v>
      </c>
      <c r="U26533">
        <v>19</v>
      </c>
      <c r="V26533">
        <v>19</v>
      </c>
      <c r="W26533">
        <v>19</v>
      </c>
      <c r="X26533">
        <v>20</v>
      </c>
      <c r="Y26533">
        <v>20</v>
      </c>
      <c r="Z26533">
        <v>20</v>
      </c>
      <c r="AA26533">
        <v>21</v>
      </c>
      <c r="AB26533">
        <v>21</v>
      </c>
      <c r="AC26533">
        <v>21</v>
      </c>
      <c r="AD26533">
        <v>22</v>
      </c>
      <c r="AE26533">
        <v>22</v>
      </c>
      <c r="AF26533">
        <v>23</v>
      </c>
      <c r="AG26533">
        <v>23</v>
      </c>
      <c r="AH26533">
        <v>23</v>
      </c>
      <c r="AI26533">
        <v>24</v>
      </c>
      <c r="AJ26533">
        <v>24</v>
      </c>
      <c r="AK26533">
        <v>25</v>
      </c>
      <c r="AL26533">
        <v>25</v>
      </c>
      <c r="AM26533">
        <v>25</v>
      </c>
      <c r="AN26533">
        <v>25</v>
      </c>
      <c r="AO26533">
        <v>26</v>
      </c>
      <c r="AP26533">
        <v>26</v>
      </c>
      <c r="AQ26533">
        <v>26</v>
      </c>
    </row>
    <row r="26534" spans="1:43">
      <c r="A26534" t="s">
        <v>16417</v>
      </c>
      <c r="B26534" t="s">
        <v>16418</v>
      </c>
      <c r="C26534" t="s">
        <v>16295</v>
      </c>
      <c r="D26534" t="s">
        <v>16296</v>
      </c>
      <c r="E26534" t="s">
        <v>16245</v>
      </c>
      <c r="F26534" t="s">
        <v>16246</v>
      </c>
      <c r="G26534" t="s">
        <v>10734</v>
      </c>
      <c r="H26534" t="s">
        <v>10735</v>
      </c>
      <c r="I26534" s="2">
        <v>1</v>
      </c>
      <c r="J26534" s="2">
        <v>0</v>
      </c>
      <c r="K26534" s="2">
        <v>0</v>
      </c>
      <c r="L26534" t="s">
        <v>120</v>
      </c>
      <c r="M26534" t="s">
        <v>83</v>
      </c>
      <c r="N26534" t="s">
        <v>84</v>
      </c>
      <c r="O26534" t="s">
        <v>85</v>
      </c>
      <c r="P26534" t="s">
        <v>86</v>
      </c>
      <c r="Q26534">
        <v>14</v>
      </c>
      <c r="R26534">
        <v>14</v>
      </c>
      <c r="S26534">
        <v>14</v>
      </c>
      <c r="T26534">
        <v>15</v>
      </c>
      <c r="U26534">
        <v>15</v>
      </c>
      <c r="V26534">
        <v>15</v>
      </c>
      <c r="W26534">
        <v>15</v>
      </c>
      <c r="X26534">
        <v>16</v>
      </c>
      <c r="Y26534">
        <v>16</v>
      </c>
      <c r="Z26534">
        <v>16</v>
      </c>
      <c r="AA26534">
        <v>17</v>
      </c>
      <c r="AB26534">
        <v>17</v>
      </c>
      <c r="AC26534">
        <v>17</v>
      </c>
      <c r="AD26534">
        <v>17</v>
      </c>
      <c r="AE26534">
        <v>18</v>
      </c>
      <c r="AF26534">
        <v>18</v>
      </c>
      <c r="AG26534">
        <v>18</v>
      </c>
      <c r="AH26534">
        <v>19</v>
      </c>
      <c r="AI26534">
        <v>19</v>
      </c>
      <c r="AJ26534">
        <v>19</v>
      </c>
      <c r="AK26534">
        <v>20</v>
      </c>
      <c r="AL26534">
        <v>20</v>
      </c>
      <c r="AM26534">
        <v>20</v>
      </c>
      <c r="AN26534">
        <v>20</v>
      </c>
      <c r="AO26534">
        <v>20</v>
      </c>
      <c r="AP26534">
        <v>21</v>
      </c>
      <c r="AQ26534">
        <v>21</v>
      </c>
    </row>
    <row r="26535" spans="1:43">
      <c r="A26535" t="s">
        <v>16417</v>
      </c>
      <c r="B26535" t="s">
        <v>16418</v>
      </c>
      <c r="C26535" t="s">
        <v>16295</v>
      </c>
      <c r="D26535" t="s">
        <v>16296</v>
      </c>
      <c r="E26535" t="s">
        <v>16245</v>
      </c>
      <c r="F26535" t="s">
        <v>16246</v>
      </c>
      <c r="G26535" t="s">
        <v>10734</v>
      </c>
      <c r="H26535" t="s">
        <v>10735</v>
      </c>
      <c r="I26535" s="2">
        <v>1</v>
      </c>
      <c r="J26535" s="2">
        <v>0</v>
      </c>
      <c r="K26535" s="2">
        <v>0</v>
      </c>
      <c r="L26535" t="s">
        <v>120</v>
      </c>
      <c r="M26535" t="s">
        <v>87</v>
      </c>
      <c r="N26535" t="s">
        <v>88</v>
      </c>
      <c r="O26535" t="s">
        <v>85</v>
      </c>
      <c r="P26535" t="s">
        <v>86</v>
      </c>
      <c r="Q26535">
        <v>14</v>
      </c>
      <c r="R26535">
        <v>14</v>
      </c>
      <c r="S26535">
        <v>14</v>
      </c>
      <c r="T26535">
        <v>14</v>
      </c>
      <c r="U26535">
        <v>14</v>
      </c>
      <c r="V26535">
        <v>14</v>
      </c>
      <c r="W26535">
        <v>14</v>
      </c>
      <c r="X26535">
        <v>15</v>
      </c>
      <c r="Y26535">
        <v>15</v>
      </c>
      <c r="Z26535">
        <v>15</v>
      </c>
      <c r="AA26535">
        <v>15</v>
      </c>
      <c r="AB26535">
        <v>15</v>
      </c>
      <c r="AC26535">
        <v>15</v>
      </c>
      <c r="AD26535">
        <v>16</v>
      </c>
      <c r="AE26535">
        <v>16</v>
      </c>
      <c r="AF26535">
        <v>16</v>
      </c>
      <c r="AG26535">
        <v>16</v>
      </c>
      <c r="AH26535">
        <v>16</v>
      </c>
      <c r="AI26535">
        <v>16</v>
      </c>
      <c r="AJ26535">
        <v>17</v>
      </c>
      <c r="AK26535">
        <v>17</v>
      </c>
      <c r="AL26535">
        <v>17</v>
      </c>
      <c r="AM26535">
        <v>17</v>
      </c>
      <c r="AN26535">
        <v>17</v>
      </c>
      <c r="AO26535">
        <v>18</v>
      </c>
      <c r="AP26535">
        <v>18</v>
      </c>
      <c r="AQ26535">
        <v>18</v>
      </c>
    </row>
    <row r="26536" spans="1:43">
      <c r="A26536" t="s">
        <v>16417</v>
      </c>
      <c r="B26536" t="s">
        <v>16418</v>
      </c>
      <c r="C26536" t="s">
        <v>16295</v>
      </c>
      <c r="D26536" t="s">
        <v>16296</v>
      </c>
      <c r="E26536" t="s">
        <v>16245</v>
      </c>
      <c r="F26536" t="s">
        <v>16246</v>
      </c>
      <c r="G26536" t="s">
        <v>10734</v>
      </c>
      <c r="H26536" t="s">
        <v>10735</v>
      </c>
      <c r="I26536" s="2">
        <v>1</v>
      </c>
      <c r="J26536" s="2">
        <v>0</v>
      </c>
      <c r="K26536" s="2">
        <v>0</v>
      </c>
      <c r="L26536" t="s">
        <v>120</v>
      </c>
      <c r="M26536" t="s">
        <v>89</v>
      </c>
      <c r="N26536" t="s">
        <v>90</v>
      </c>
      <c r="O26536" t="s">
        <v>85</v>
      </c>
      <c r="P26536" t="s">
        <v>86</v>
      </c>
      <c r="Q26536">
        <v>14</v>
      </c>
      <c r="R26536">
        <v>14</v>
      </c>
      <c r="S26536">
        <v>15</v>
      </c>
      <c r="T26536">
        <v>15</v>
      </c>
      <c r="U26536">
        <v>15</v>
      </c>
      <c r="V26536">
        <v>16</v>
      </c>
      <c r="W26536">
        <v>16</v>
      </c>
      <c r="X26536">
        <v>16</v>
      </c>
      <c r="Y26536">
        <v>17</v>
      </c>
      <c r="Z26536">
        <v>17</v>
      </c>
      <c r="AA26536">
        <v>18</v>
      </c>
      <c r="AB26536">
        <v>18</v>
      </c>
      <c r="AC26536">
        <v>18</v>
      </c>
      <c r="AD26536">
        <v>19</v>
      </c>
      <c r="AE26536">
        <v>19</v>
      </c>
      <c r="AF26536">
        <v>19</v>
      </c>
      <c r="AG26536">
        <v>19</v>
      </c>
      <c r="AH26536">
        <v>19</v>
      </c>
      <c r="AI26536">
        <v>20</v>
      </c>
      <c r="AJ26536">
        <v>20</v>
      </c>
      <c r="AK26536">
        <v>20</v>
      </c>
      <c r="AL26536">
        <v>20</v>
      </c>
      <c r="AM26536">
        <v>20</v>
      </c>
      <c r="AN26536">
        <v>21</v>
      </c>
      <c r="AO26536">
        <v>21</v>
      </c>
      <c r="AP26536">
        <v>21</v>
      </c>
      <c r="AQ26536">
        <v>21</v>
      </c>
    </row>
    <row r="26537" spans="1:43">
      <c r="A26537" t="s">
        <v>16417</v>
      </c>
      <c r="B26537" t="s">
        <v>16418</v>
      </c>
      <c r="C26537" t="s">
        <v>16295</v>
      </c>
      <c r="D26537" t="s">
        <v>16296</v>
      </c>
      <c r="E26537" t="s">
        <v>16245</v>
      </c>
      <c r="F26537" t="s">
        <v>16246</v>
      </c>
      <c r="G26537" t="s">
        <v>10734</v>
      </c>
      <c r="H26537" t="s">
        <v>10735</v>
      </c>
      <c r="I26537" s="2">
        <v>1</v>
      </c>
      <c r="J26537" s="2">
        <v>0</v>
      </c>
      <c r="K26537" s="2">
        <v>0</v>
      </c>
      <c r="L26537" t="s">
        <v>120</v>
      </c>
      <c r="M26537" t="s">
        <v>83</v>
      </c>
      <c r="N26537" t="s">
        <v>91</v>
      </c>
      <c r="O26537" t="s">
        <v>85</v>
      </c>
      <c r="P26537" t="s">
        <v>86</v>
      </c>
      <c r="Q26537">
        <v>14</v>
      </c>
      <c r="R26537">
        <v>14</v>
      </c>
      <c r="S26537">
        <v>14</v>
      </c>
      <c r="T26537">
        <v>15</v>
      </c>
      <c r="U26537">
        <v>15</v>
      </c>
      <c r="V26537">
        <v>15</v>
      </c>
      <c r="W26537">
        <v>15</v>
      </c>
      <c r="X26537">
        <v>16</v>
      </c>
      <c r="Y26537">
        <v>16</v>
      </c>
      <c r="Z26537">
        <v>16</v>
      </c>
      <c r="AA26537">
        <v>17</v>
      </c>
      <c r="AB26537">
        <v>17</v>
      </c>
      <c r="AC26537">
        <v>17</v>
      </c>
      <c r="AD26537">
        <v>17</v>
      </c>
      <c r="AE26537">
        <v>18</v>
      </c>
      <c r="AF26537">
        <v>18</v>
      </c>
      <c r="AG26537">
        <v>18</v>
      </c>
      <c r="AH26537">
        <v>19</v>
      </c>
      <c r="AI26537">
        <v>19</v>
      </c>
      <c r="AJ26537">
        <v>19</v>
      </c>
      <c r="AK26537">
        <v>20</v>
      </c>
      <c r="AL26537">
        <v>20</v>
      </c>
      <c r="AM26537">
        <v>20</v>
      </c>
      <c r="AN26537">
        <v>20</v>
      </c>
      <c r="AO26537">
        <v>20</v>
      </c>
      <c r="AP26537">
        <v>21</v>
      </c>
      <c r="AQ26537">
        <v>21</v>
      </c>
    </row>
    <row r="26538" spans="1:43">
      <c r="A26538" t="s">
        <v>16419</v>
      </c>
      <c r="B26538" t="s">
        <v>16420</v>
      </c>
      <c r="C26538" t="s">
        <v>16295</v>
      </c>
      <c r="D26538" t="s">
        <v>16296</v>
      </c>
      <c r="E26538" t="s">
        <v>16245</v>
      </c>
      <c r="F26538" t="s">
        <v>16246</v>
      </c>
      <c r="G26538" t="s">
        <v>10734</v>
      </c>
      <c r="H26538" t="s">
        <v>10735</v>
      </c>
      <c r="I26538" s="2">
        <v>1</v>
      </c>
      <c r="J26538" s="2">
        <v>0</v>
      </c>
      <c r="K26538" s="2">
        <v>0</v>
      </c>
      <c r="L26538" t="s">
        <v>120</v>
      </c>
      <c r="M26538" t="s">
        <v>83</v>
      </c>
      <c r="N26538" t="s">
        <v>84</v>
      </c>
      <c r="O26538" t="s">
        <v>85</v>
      </c>
      <c r="P26538" t="s">
        <v>86</v>
      </c>
      <c r="Q26538">
        <v>6</v>
      </c>
      <c r="R26538">
        <v>6</v>
      </c>
      <c r="S26538">
        <v>6</v>
      </c>
      <c r="T26538">
        <v>6</v>
      </c>
      <c r="U26538">
        <v>6</v>
      </c>
      <c r="V26538">
        <v>6</v>
      </c>
      <c r="W26538">
        <v>6</v>
      </c>
      <c r="X26538">
        <v>7</v>
      </c>
      <c r="Y26538">
        <v>7</v>
      </c>
      <c r="Z26538">
        <v>7</v>
      </c>
      <c r="AA26538">
        <v>7</v>
      </c>
      <c r="AB26538">
        <v>7</v>
      </c>
      <c r="AC26538">
        <v>7</v>
      </c>
      <c r="AD26538">
        <v>7</v>
      </c>
      <c r="AE26538">
        <v>7</v>
      </c>
      <c r="AF26538">
        <v>8</v>
      </c>
      <c r="AG26538">
        <v>8</v>
      </c>
      <c r="AH26538">
        <v>8</v>
      </c>
      <c r="AI26538">
        <v>8</v>
      </c>
      <c r="AJ26538">
        <v>8</v>
      </c>
      <c r="AK26538">
        <v>8</v>
      </c>
      <c r="AL26538">
        <v>8</v>
      </c>
      <c r="AM26538">
        <v>8</v>
      </c>
      <c r="AN26538">
        <v>9</v>
      </c>
      <c r="AO26538">
        <v>9</v>
      </c>
      <c r="AP26538">
        <v>9</v>
      </c>
      <c r="AQ26538">
        <v>9</v>
      </c>
    </row>
    <row r="26539" spans="1:43">
      <c r="A26539" t="s">
        <v>16419</v>
      </c>
      <c r="B26539" t="s">
        <v>16420</v>
      </c>
      <c r="C26539" t="s">
        <v>16295</v>
      </c>
      <c r="D26539" t="s">
        <v>16296</v>
      </c>
      <c r="E26539" t="s">
        <v>16245</v>
      </c>
      <c r="F26539" t="s">
        <v>16246</v>
      </c>
      <c r="G26539" t="s">
        <v>10734</v>
      </c>
      <c r="H26539" t="s">
        <v>10735</v>
      </c>
      <c r="I26539" s="2">
        <v>1</v>
      </c>
      <c r="J26539" s="2">
        <v>0</v>
      </c>
      <c r="K26539" s="2">
        <v>0</v>
      </c>
      <c r="L26539" t="s">
        <v>120</v>
      </c>
      <c r="M26539" t="s">
        <v>87</v>
      </c>
      <c r="N26539" t="s">
        <v>88</v>
      </c>
      <c r="O26539" t="s">
        <v>85</v>
      </c>
      <c r="P26539" t="s">
        <v>86</v>
      </c>
      <c r="Q26539">
        <v>6</v>
      </c>
      <c r="R26539">
        <v>6</v>
      </c>
      <c r="S26539">
        <v>6</v>
      </c>
      <c r="T26539">
        <v>6</v>
      </c>
      <c r="U26539">
        <v>6</v>
      </c>
      <c r="V26539">
        <v>6</v>
      </c>
      <c r="W26539">
        <v>6</v>
      </c>
      <c r="X26539">
        <v>6</v>
      </c>
      <c r="Y26539">
        <v>6</v>
      </c>
      <c r="Z26539">
        <v>6</v>
      </c>
      <c r="AA26539">
        <v>6</v>
      </c>
      <c r="AB26539">
        <v>6</v>
      </c>
      <c r="AC26539">
        <v>6</v>
      </c>
      <c r="AD26539">
        <v>7</v>
      </c>
      <c r="AE26539">
        <v>7</v>
      </c>
      <c r="AF26539">
        <v>7</v>
      </c>
      <c r="AG26539">
        <v>7</v>
      </c>
      <c r="AH26539">
        <v>7</v>
      </c>
      <c r="AI26539">
        <v>7</v>
      </c>
      <c r="AJ26539">
        <v>7</v>
      </c>
      <c r="AK26539">
        <v>7</v>
      </c>
      <c r="AL26539">
        <v>7</v>
      </c>
      <c r="AM26539">
        <v>7</v>
      </c>
      <c r="AN26539">
        <v>7</v>
      </c>
      <c r="AO26539">
        <v>7</v>
      </c>
      <c r="AP26539">
        <v>7</v>
      </c>
      <c r="AQ26539">
        <v>8</v>
      </c>
    </row>
    <row r="26540" spans="1:43">
      <c r="A26540" t="s">
        <v>16419</v>
      </c>
      <c r="B26540" t="s">
        <v>16420</v>
      </c>
      <c r="C26540" t="s">
        <v>16295</v>
      </c>
      <c r="D26540" t="s">
        <v>16296</v>
      </c>
      <c r="E26540" t="s">
        <v>16245</v>
      </c>
      <c r="F26540" t="s">
        <v>16246</v>
      </c>
      <c r="G26540" t="s">
        <v>10734</v>
      </c>
      <c r="H26540" t="s">
        <v>10735</v>
      </c>
      <c r="I26540" s="2">
        <v>1</v>
      </c>
      <c r="J26540" s="2">
        <v>0</v>
      </c>
      <c r="K26540" s="2">
        <v>0</v>
      </c>
      <c r="L26540" t="s">
        <v>120</v>
      </c>
      <c r="M26540" t="s">
        <v>89</v>
      </c>
      <c r="N26540" t="s">
        <v>90</v>
      </c>
      <c r="O26540" t="s">
        <v>85</v>
      </c>
      <c r="P26540" t="s">
        <v>86</v>
      </c>
      <c r="Q26540">
        <v>6</v>
      </c>
      <c r="R26540">
        <v>6</v>
      </c>
      <c r="S26540">
        <v>6</v>
      </c>
      <c r="T26540">
        <v>6</v>
      </c>
      <c r="U26540">
        <v>6</v>
      </c>
      <c r="V26540">
        <v>7</v>
      </c>
      <c r="W26540">
        <v>7</v>
      </c>
      <c r="X26540">
        <v>7</v>
      </c>
      <c r="Y26540">
        <v>7</v>
      </c>
      <c r="Z26540">
        <v>7</v>
      </c>
      <c r="AA26540">
        <v>7</v>
      </c>
      <c r="AB26540">
        <v>8</v>
      </c>
      <c r="AC26540">
        <v>8</v>
      </c>
      <c r="AD26540">
        <v>8</v>
      </c>
      <c r="AE26540">
        <v>8</v>
      </c>
      <c r="AF26540">
        <v>8</v>
      </c>
      <c r="AG26540">
        <v>8</v>
      </c>
      <c r="AH26540">
        <v>8</v>
      </c>
      <c r="AI26540">
        <v>8</v>
      </c>
      <c r="AJ26540">
        <v>8</v>
      </c>
      <c r="AK26540">
        <v>8</v>
      </c>
      <c r="AL26540">
        <v>9</v>
      </c>
      <c r="AM26540">
        <v>9</v>
      </c>
      <c r="AN26540">
        <v>9</v>
      </c>
      <c r="AO26540">
        <v>9</v>
      </c>
      <c r="AP26540">
        <v>9</v>
      </c>
      <c r="AQ26540">
        <v>9</v>
      </c>
    </row>
    <row r="26541" spans="1:43">
      <c r="A26541" t="s">
        <v>16419</v>
      </c>
      <c r="B26541" t="s">
        <v>16420</v>
      </c>
      <c r="C26541" t="s">
        <v>16295</v>
      </c>
      <c r="D26541" t="s">
        <v>16296</v>
      </c>
      <c r="E26541" t="s">
        <v>16245</v>
      </c>
      <c r="F26541" t="s">
        <v>16246</v>
      </c>
      <c r="G26541" t="s">
        <v>10734</v>
      </c>
      <c r="H26541" t="s">
        <v>10735</v>
      </c>
      <c r="I26541" s="2">
        <v>1</v>
      </c>
      <c r="J26541" s="2">
        <v>0</v>
      </c>
      <c r="K26541" s="2">
        <v>0</v>
      </c>
      <c r="L26541" t="s">
        <v>120</v>
      </c>
      <c r="M26541" t="s">
        <v>83</v>
      </c>
      <c r="N26541" t="s">
        <v>91</v>
      </c>
      <c r="O26541" t="s">
        <v>85</v>
      </c>
      <c r="P26541" t="s">
        <v>86</v>
      </c>
      <c r="Q26541">
        <v>6</v>
      </c>
      <c r="R26541">
        <v>6</v>
      </c>
      <c r="S26541">
        <v>6</v>
      </c>
      <c r="T26541">
        <v>6</v>
      </c>
      <c r="U26541">
        <v>6</v>
      </c>
      <c r="V26541">
        <v>6</v>
      </c>
      <c r="W26541">
        <v>6</v>
      </c>
      <c r="X26541">
        <v>7</v>
      </c>
      <c r="Y26541">
        <v>7</v>
      </c>
      <c r="Z26541">
        <v>7</v>
      </c>
      <c r="AA26541">
        <v>7</v>
      </c>
      <c r="AB26541">
        <v>7</v>
      </c>
      <c r="AC26541">
        <v>7</v>
      </c>
      <c r="AD26541">
        <v>7</v>
      </c>
      <c r="AE26541">
        <v>7</v>
      </c>
      <c r="AF26541">
        <v>8</v>
      </c>
      <c r="AG26541">
        <v>8</v>
      </c>
      <c r="AH26541">
        <v>8</v>
      </c>
      <c r="AI26541">
        <v>8</v>
      </c>
      <c r="AJ26541">
        <v>8</v>
      </c>
      <c r="AK26541">
        <v>8</v>
      </c>
      <c r="AL26541">
        <v>8</v>
      </c>
      <c r="AM26541">
        <v>8</v>
      </c>
      <c r="AN26541">
        <v>9</v>
      </c>
      <c r="AO26541">
        <v>9</v>
      </c>
      <c r="AP26541">
        <v>9</v>
      </c>
      <c r="AQ26541">
        <v>9</v>
      </c>
    </row>
    <row r="26542" spans="1:43">
      <c r="A26542" t="s">
        <v>16421</v>
      </c>
      <c r="B26542" t="s">
        <v>16422</v>
      </c>
      <c r="C26542" t="s">
        <v>16295</v>
      </c>
      <c r="D26542" t="s">
        <v>16296</v>
      </c>
      <c r="E26542" t="s">
        <v>16245</v>
      </c>
      <c r="F26542" t="s">
        <v>16246</v>
      </c>
      <c r="G26542" t="s">
        <v>10734</v>
      </c>
      <c r="H26542" t="s">
        <v>10735</v>
      </c>
      <c r="I26542" s="2">
        <v>1</v>
      </c>
      <c r="J26542" s="2">
        <v>0</v>
      </c>
      <c r="K26542" s="2">
        <v>0</v>
      </c>
      <c r="L26542" t="s">
        <v>120</v>
      </c>
      <c r="M26542" t="s">
        <v>83</v>
      </c>
      <c r="N26542" t="s">
        <v>84</v>
      </c>
      <c r="O26542" t="s">
        <v>85</v>
      </c>
      <c r="P26542" t="s">
        <v>86</v>
      </c>
      <c r="Q26542">
        <v>5</v>
      </c>
      <c r="R26542">
        <v>5</v>
      </c>
      <c r="S26542">
        <v>5</v>
      </c>
      <c r="T26542">
        <v>5</v>
      </c>
      <c r="U26542">
        <v>6</v>
      </c>
      <c r="V26542">
        <v>6</v>
      </c>
      <c r="W26542">
        <v>6</v>
      </c>
      <c r="X26542">
        <v>6</v>
      </c>
      <c r="Y26542">
        <v>6</v>
      </c>
      <c r="Z26542">
        <v>6</v>
      </c>
      <c r="AA26542">
        <v>6</v>
      </c>
      <c r="AB26542">
        <v>6</v>
      </c>
      <c r="AC26542">
        <v>6</v>
      </c>
      <c r="AD26542">
        <v>7</v>
      </c>
      <c r="AE26542">
        <v>7</v>
      </c>
      <c r="AF26542">
        <v>7</v>
      </c>
      <c r="AG26542">
        <v>7</v>
      </c>
      <c r="AH26542">
        <v>7</v>
      </c>
      <c r="AI26542">
        <v>7</v>
      </c>
      <c r="AJ26542">
        <v>7</v>
      </c>
      <c r="AK26542">
        <v>7</v>
      </c>
      <c r="AL26542">
        <v>8</v>
      </c>
      <c r="AM26542">
        <v>8</v>
      </c>
      <c r="AN26542">
        <v>8</v>
      </c>
      <c r="AO26542">
        <v>8</v>
      </c>
      <c r="AP26542">
        <v>8</v>
      </c>
      <c r="AQ26542">
        <v>8</v>
      </c>
    </row>
    <row r="26543" spans="1:43">
      <c r="A26543" t="s">
        <v>16421</v>
      </c>
      <c r="B26543" t="s">
        <v>16422</v>
      </c>
      <c r="C26543" t="s">
        <v>16295</v>
      </c>
      <c r="D26543" t="s">
        <v>16296</v>
      </c>
      <c r="E26543" t="s">
        <v>16245</v>
      </c>
      <c r="F26543" t="s">
        <v>16246</v>
      </c>
      <c r="G26543" t="s">
        <v>10734</v>
      </c>
      <c r="H26543" t="s">
        <v>10735</v>
      </c>
      <c r="I26543" s="2">
        <v>1</v>
      </c>
      <c r="J26543" s="2">
        <v>0</v>
      </c>
      <c r="K26543" s="2">
        <v>0</v>
      </c>
      <c r="L26543" t="s">
        <v>120</v>
      </c>
      <c r="M26543" t="s">
        <v>87</v>
      </c>
      <c r="N26543" t="s">
        <v>88</v>
      </c>
      <c r="O26543" t="s">
        <v>85</v>
      </c>
      <c r="P26543" t="s">
        <v>86</v>
      </c>
      <c r="Q26543">
        <v>5</v>
      </c>
      <c r="R26543">
        <v>5</v>
      </c>
      <c r="S26543">
        <v>5</v>
      </c>
      <c r="T26543">
        <v>5</v>
      </c>
      <c r="U26543">
        <v>5</v>
      </c>
      <c r="V26543">
        <v>5</v>
      </c>
      <c r="W26543">
        <v>5</v>
      </c>
      <c r="X26543">
        <v>5</v>
      </c>
      <c r="Y26543">
        <v>6</v>
      </c>
      <c r="Z26543">
        <v>6</v>
      </c>
      <c r="AA26543">
        <v>6</v>
      </c>
      <c r="AB26543">
        <v>6</v>
      </c>
      <c r="AC26543">
        <v>6</v>
      </c>
      <c r="AD26543">
        <v>6</v>
      </c>
      <c r="AE26543">
        <v>6</v>
      </c>
      <c r="AF26543">
        <v>6</v>
      </c>
      <c r="AG26543">
        <v>6</v>
      </c>
      <c r="AH26543">
        <v>6</v>
      </c>
      <c r="AI26543">
        <v>6</v>
      </c>
      <c r="AJ26543">
        <v>6</v>
      </c>
      <c r="AK26543">
        <v>6</v>
      </c>
      <c r="AL26543">
        <v>6</v>
      </c>
      <c r="AM26543">
        <v>6</v>
      </c>
      <c r="AN26543">
        <v>7</v>
      </c>
      <c r="AO26543">
        <v>7</v>
      </c>
      <c r="AP26543">
        <v>7</v>
      </c>
      <c r="AQ26543">
        <v>7</v>
      </c>
    </row>
    <row r="26544" spans="1:43">
      <c r="A26544" t="s">
        <v>16421</v>
      </c>
      <c r="B26544" t="s">
        <v>16422</v>
      </c>
      <c r="C26544" t="s">
        <v>16295</v>
      </c>
      <c r="D26544" t="s">
        <v>16296</v>
      </c>
      <c r="E26544" t="s">
        <v>16245</v>
      </c>
      <c r="F26544" t="s">
        <v>16246</v>
      </c>
      <c r="G26544" t="s">
        <v>10734</v>
      </c>
      <c r="H26544" t="s">
        <v>10735</v>
      </c>
      <c r="I26544" s="2">
        <v>1</v>
      </c>
      <c r="J26544" s="2">
        <v>0</v>
      </c>
      <c r="K26544" s="2">
        <v>0</v>
      </c>
      <c r="L26544" t="s">
        <v>120</v>
      </c>
      <c r="M26544" t="s">
        <v>89</v>
      </c>
      <c r="N26544" t="s">
        <v>90</v>
      </c>
      <c r="O26544" t="s">
        <v>85</v>
      </c>
      <c r="P26544" t="s">
        <v>86</v>
      </c>
      <c r="Q26544">
        <v>5</v>
      </c>
      <c r="R26544">
        <v>5</v>
      </c>
      <c r="S26544">
        <v>5</v>
      </c>
      <c r="T26544">
        <v>6</v>
      </c>
      <c r="U26544">
        <v>6</v>
      </c>
      <c r="V26544">
        <v>6</v>
      </c>
      <c r="W26544">
        <v>6</v>
      </c>
      <c r="X26544">
        <v>6</v>
      </c>
      <c r="Y26544">
        <v>6</v>
      </c>
      <c r="Z26544">
        <v>6</v>
      </c>
      <c r="AA26544">
        <v>7</v>
      </c>
      <c r="AB26544">
        <v>7</v>
      </c>
      <c r="AC26544">
        <v>7</v>
      </c>
      <c r="AD26544">
        <v>7</v>
      </c>
      <c r="AE26544">
        <v>7</v>
      </c>
      <c r="AF26544">
        <v>7</v>
      </c>
      <c r="AG26544">
        <v>7</v>
      </c>
      <c r="AH26544">
        <v>7</v>
      </c>
      <c r="AI26544">
        <v>7</v>
      </c>
      <c r="AJ26544">
        <v>7</v>
      </c>
      <c r="AK26544">
        <v>8</v>
      </c>
      <c r="AL26544">
        <v>8</v>
      </c>
      <c r="AM26544">
        <v>8</v>
      </c>
      <c r="AN26544">
        <v>8</v>
      </c>
      <c r="AO26544">
        <v>8</v>
      </c>
      <c r="AP26544">
        <v>8</v>
      </c>
      <c r="AQ26544">
        <v>8</v>
      </c>
    </row>
    <row r="26545" spans="1:43">
      <c r="A26545" t="s">
        <v>16421</v>
      </c>
      <c r="B26545" t="s">
        <v>16422</v>
      </c>
      <c r="C26545" t="s">
        <v>16295</v>
      </c>
      <c r="D26545" t="s">
        <v>16296</v>
      </c>
      <c r="E26545" t="s">
        <v>16245</v>
      </c>
      <c r="F26545" t="s">
        <v>16246</v>
      </c>
      <c r="G26545" t="s">
        <v>10734</v>
      </c>
      <c r="H26545" t="s">
        <v>10735</v>
      </c>
      <c r="I26545" s="2">
        <v>1</v>
      </c>
      <c r="J26545" s="2">
        <v>0</v>
      </c>
      <c r="K26545" s="2">
        <v>0</v>
      </c>
      <c r="L26545" t="s">
        <v>120</v>
      </c>
      <c r="M26545" t="s">
        <v>83</v>
      </c>
      <c r="N26545" t="s">
        <v>91</v>
      </c>
      <c r="O26545" t="s">
        <v>85</v>
      </c>
      <c r="P26545" t="s">
        <v>86</v>
      </c>
      <c r="Q26545">
        <v>5</v>
      </c>
      <c r="R26545">
        <v>5</v>
      </c>
      <c r="S26545">
        <v>5</v>
      </c>
      <c r="T26545">
        <v>5</v>
      </c>
      <c r="U26545">
        <v>6</v>
      </c>
      <c r="V26545">
        <v>6</v>
      </c>
      <c r="W26545">
        <v>6</v>
      </c>
      <c r="X26545">
        <v>6</v>
      </c>
      <c r="Y26545">
        <v>6</v>
      </c>
      <c r="Z26545">
        <v>6</v>
      </c>
      <c r="AA26545">
        <v>6</v>
      </c>
      <c r="AB26545">
        <v>6</v>
      </c>
      <c r="AC26545">
        <v>6</v>
      </c>
      <c r="AD26545">
        <v>7</v>
      </c>
      <c r="AE26545">
        <v>7</v>
      </c>
      <c r="AF26545">
        <v>7</v>
      </c>
      <c r="AG26545">
        <v>7</v>
      </c>
      <c r="AH26545">
        <v>7</v>
      </c>
      <c r="AI26545">
        <v>7</v>
      </c>
      <c r="AJ26545">
        <v>7</v>
      </c>
      <c r="AK26545">
        <v>7</v>
      </c>
      <c r="AL26545">
        <v>8</v>
      </c>
      <c r="AM26545">
        <v>8</v>
      </c>
      <c r="AN26545">
        <v>8</v>
      </c>
      <c r="AO26545">
        <v>8</v>
      </c>
      <c r="AP26545">
        <v>8</v>
      </c>
      <c r="AQ26545">
        <v>8</v>
      </c>
    </row>
    <row r="26546" spans="1:43">
      <c r="A26546" t="s">
        <v>16423</v>
      </c>
      <c r="B26546" t="s">
        <v>16424</v>
      </c>
      <c r="C26546" t="s">
        <v>16425</v>
      </c>
      <c r="D26546" t="s">
        <v>16426</v>
      </c>
      <c r="E26546" t="s">
        <v>16245</v>
      </c>
      <c r="F26546" t="s">
        <v>16246</v>
      </c>
      <c r="G26546" t="s">
        <v>10734</v>
      </c>
      <c r="H26546" t="s">
        <v>10735</v>
      </c>
      <c r="I26546" s="2">
        <v>1</v>
      </c>
      <c r="J26546" s="2">
        <v>0</v>
      </c>
      <c r="K26546" s="2">
        <v>0</v>
      </c>
      <c r="L26546" t="s">
        <v>120</v>
      </c>
      <c r="M26546" t="s">
        <v>83</v>
      </c>
      <c r="N26546" t="s">
        <v>84</v>
      </c>
      <c r="O26546" t="s">
        <v>85</v>
      </c>
      <c r="P26546" t="s">
        <v>86</v>
      </c>
      <c r="Q26546">
        <v>13</v>
      </c>
      <c r="R26546">
        <v>14</v>
      </c>
      <c r="S26546">
        <v>14</v>
      </c>
      <c r="T26546">
        <v>14</v>
      </c>
      <c r="U26546">
        <v>14</v>
      </c>
      <c r="V26546">
        <v>15</v>
      </c>
      <c r="W26546">
        <v>15</v>
      </c>
      <c r="X26546">
        <v>15</v>
      </c>
      <c r="Y26546">
        <v>16</v>
      </c>
      <c r="Z26546">
        <v>16</v>
      </c>
      <c r="AA26546">
        <v>16</v>
      </c>
      <c r="AB26546">
        <v>16</v>
      </c>
      <c r="AC26546">
        <v>17</v>
      </c>
      <c r="AD26546">
        <v>17</v>
      </c>
      <c r="AE26546">
        <v>17</v>
      </c>
      <c r="AF26546">
        <v>18</v>
      </c>
      <c r="AG26546">
        <v>18</v>
      </c>
      <c r="AH26546">
        <v>18</v>
      </c>
      <c r="AI26546">
        <v>19</v>
      </c>
      <c r="AJ26546">
        <v>19</v>
      </c>
      <c r="AK26546">
        <v>19</v>
      </c>
      <c r="AL26546">
        <v>19</v>
      </c>
      <c r="AM26546">
        <v>20</v>
      </c>
      <c r="AN26546">
        <v>20</v>
      </c>
      <c r="AO26546">
        <v>20</v>
      </c>
      <c r="AP26546">
        <v>20</v>
      </c>
      <c r="AQ26546">
        <v>20</v>
      </c>
    </row>
    <row r="26547" spans="1:43">
      <c r="A26547" t="s">
        <v>16423</v>
      </c>
      <c r="B26547" t="s">
        <v>16424</v>
      </c>
      <c r="C26547" t="s">
        <v>16425</v>
      </c>
      <c r="D26547" t="s">
        <v>16426</v>
      </c>
      <c r="E26547" t="s">
        <v>16245</v>
      </c>
      <c r="F26547" t="s">
        <v>16246</v>
      </c>
      <c r="G26547" t="s">
        <v>10734</v>
      </c>
      <c r="H26547" t="s">
        <v>10735</v>
      </c>
      <c r="I26547" s="2">
        <v>1</v>
      </c>
      <c r="J26547" s="2">
        <v>0</v>
      </c>
      <c r="K26547" s="2">
        <v>0</v>
      </c>
      <c r="L26547" t="s">
        <v>120</v>
      </c>
      <c r="M26547" t="s">
        <v>87</v>
      </c>
      <c r="N26547" t="s">
        <v>88</v>
      </c>
      <c r="O26547" t="s">
        <v>85</v>
      </c>
      <c r="P26547" t="s">
        <v>86</v>
      </c>
      <c r="Q26547">
        <v>13</v>
      </c>
      <c r="R26547">
        <v>13</v>
      </c>
      <c r="S26547">
        <v>14</v>
      </c>
      <c r="T26547">
        <v>14</v>
      </c>
      <c r="U26547">
        <v>14</v>
      </c>
      <c r="V26547">
        <v>14</v>
      </c>
      <c r="W26547">
        <v>14</v>
      </c>
      <c r="X26547">
        <v>14</v>
      </c>
      <c r="Y26547">
        <v>14</v>
      </c>
      <c r="Z26547">
        <v>15</v>
      </c>
      <c r="AA26547">
        <v>15</v>
      </c>
      <c r="AB26547">
        <v>15</v>
      </c>
      <c r="AC26547">
        <v>15</v>
      </c>
      <c r="AD26547">
        <v>15</v>
      </c>
      <c r="AE26547">
        <v>15</v>
      </c>
      <c r="AF26547">
        <v>16</v>
      </c>
      <c r="AG26547">
        <v>16</v>
      </c>
      <c r="AH26547">
        <v>16</v>
      </c>
      <c r="AI26547">
        <v>16</v>
      </c>
      <c r="AJ26547">
        <v>16</v>
      </c>
      <c r="AK26547">
        <v>17</v>
      </c>
      <c r="AL26547">
        <v>17</v>
      </c>
      <c r="AM26547">
        <v>17</v>
      </c>
      <c r="AN26547">
        <v>17</v>
      </c>
      <c r="AO26547">
        <v>17</v>
      </c>
      <c r="AP26547">
        <v>18</v>
      </c>
      <c r="AQ26547">
        <v>18</v>
      </c>
    </row>
    <row r="26548" spans="1:43">
      <c r="A26548" t="s">
        <v>16423</v>
      </c>
      <c r="B26548" t="s">
        <v>16424</v>
      </c>
      <c r="C26548" t="s">
        <v>16425</v>
      </c>
      <c r="D26548" t="s">
        <v>16426</v>
      </c>
      <c r="E26548" t="s">
        <v>16245</v>
      </c>
      <c r="F26548" t="s">
        <v>16246</v>
      </c>
      <c r="G26548" t="s">
        <v>10734</v>
      </c>
      <c r="H26548" t="s">
        <v>10735</v>
      </c>
      <c r="I26548" s="2">
        <v>1</v>
      </c>
      <c r="J26548" s="2">
        <v>0</v>
      </c>
      <c r="K26548" s="2">
        <v>0</v>
      </c>
      <c r="L26548" t="s">
        <v>120</v>
      </c>
      <c r="M26548" t="s">
        <v>89</v>
      </c>
      <c r="N26548" t="s">
        <v>90</v>
      </c>
      <c r="O26548" t="s">
        <v>85</v>
      </c>
      <c r="P26548" t="s">
        <v>86</v>
      </c>
      <c r="Q26548">
        <v>13</v>
      </c>
      <c r="R26548">
        <v>13</v>
      </c>
      <c r="S26548">
        <v>13</v>
      </c>
      <c r="T26548">
        <v>14</v>
      </c>
      <c r="U26548">
        <v>14</v>
      </c>
      <c r="V26548">
        <v>14</v>
      </c>
      <c r="W26548">
        <v>15</v>
      </c>
      <c r="X26548">
        <v>15</v>
      </c>
      <c r="Y26548">
        <v>15</v>
      </c>
      <c r="Z26548">
        <v>16</v>
      </c>
      <c r="AA26548">
        <v>16</v>
      </c>
      <c r="AB26548">
        <v>17</v>
      </c>
      <c r="AC26548">
        <v>17</v>
      </c>
      <c r="AD26548">
        <v>17</v>
      </c>
      <c r="AE26548">
        <v>18</v>
      </c>
      <c r="AF26548">
        <v>18</v>
      </c>
      <c r="AG26548">
        <v>18</v>
      </c>
      <c r="AH26548">
        <v>18</v>
      </c>
      <c r="AI26548">
        <v>18</v>
      </c>
      <c r="AJ26548">
        <v>18</v>
      </c>
      <c r="AK26548">
        <v>19</v>
      </c>
      <c r="AL26548">
        <v>19</v>
      </c>
      <c r="AM26548">
        <v>19</v>
      </c>
      <c r="AN26548">
        <v>19</v>
      </c>
      <c r="AO26548">
        <v>19</v>
      </c>
      <c r="AP26548">
        <v>19</v>
      </c>
      <c r="AQ26548">
        <v>20</v>
      </c>
    </row>
    <row r="26549" spans="1:43">
      <c r="A26549" t="s">
        <v>16423</v>
      </c>
      <c r="B26549" t="s">
        <v>16424</v>
      </c>
      <c r="C26549" t="s">
        <v>16425</v>
      </c>
      <c r="D26549" t="s">
        <v>16426</v>
      </c>
      <c r="E26549" t="s">
        <v>16245</v>
      </c>
      <c r="F26549" t="s">
        <v>16246</v>
      </c>
      <c r="G26549" t="s">
        <v>10734</v>
      </c>
      <c r="H26549" t="s">
        <v>10735</v>
      </c>
      <c r="I26549" s="2">
        <v>1</v>
      </c>
      <c r="J26549" s="2">
        <v>0</v>
      </c>
      <c r="K26549" s="2">
        <v>0</v>
      </c>
      <c r="L26549" t="s">
        <v>120</v>
      </c>
      <c r="M26549" t="s">
        <v>83</v>
      </c>
      <c r="N26549" t="s">
        <v>91</v>
      </c>
      <c r="O26549" t="s">
        <v>85</v>
      </c>
      <c r="P26549" t="s">
        <v>86</v>
      </c>
      <c r="Q26549">
        <v>13</v>
      </c>
      <c r="R26549">
        <v>14</v>
      </c>
      <c r="S26549">
        <v>14</v>
      </c>
      <c r="T26549">
        <v>14</v>
      </c>
      <c r="U26549">
        <v>14</v>
      </c>
      <c r="V26549">
        <v>15</v>
      </c>
      <c r="W26549">
        <v>15</v>
      </c>
      <c r="X26549">
        <v>15</v>
      </c>
      <c r="Y26549">
        <v>16</v>
      </c>
      <c r="Z26549">
        <v>16</v>
      </c>
      <c r="AA26549">
        <v>16</v>
      </c>
      <c r="AB26549">
        <v>16</v>
      </c>
      <c r="AC26549">
        <v>17</v>
      </c>
      <c r="AD26549">
        <v>17</v>
      </c>
      <c r="AE26549">
        <v>17</v>
      </c>
      <c r="AF26549">
        <v>18</v>
      </c>
      <c r="AG26549">
        <v>18</v>
      </c>
      <c r="AH26549">
        <v>18</v>
      </c>
      <c r="AI26549">
        <v>19</v>
      </c>
      <c r="AJ26549">
        <v>19</v>
      </c>
      <c r="AK26549">
        <v>19</v>
      </c>
      <c r="AL26549">
        <v>19</v>
      </c>
      <c r="AM26549">
        <v>20</v>
      </c>
      <c r="AN26549">
        <v>20</v>
      </c>
      <c r="AO26549">
        <v>20</v>
      </c>
      <c r="AP26549">
        <v>20</v>
      </c>
      <c r="AQ26549">
        <v>20</v>
      </c>
    </row>
    <row r="26550" spans="1:43">
      <c r="A26550" t="s">
        <v>16427</v>
      </c>
      <c r="B26550" t="s">
        <v>16428</v>
      </c>
      <c r="C26550" t="s">
        <v>16425</v>
      </c>
      <c r="D26550" t="s">
        <v>16426</v>
      </c>
      <c r="E26550" t="s">
        <v>16245</v>
      </c>
      <c r="F26550" t="s">
        <v>16246</v>
      </c>
      <c r="G26550" t="s">
        <v>10734</v>
      </c>
      <c r="H26550" t="s">
        <v>10735</v>
      </c>
      <c r="I26550" s="2">
        <v>1</v>
      </c>
      <c r="J26550" s="2">
        <v>0</v>
      </c>
      <c r="K26550" s="2">
        <v>0</v>
      </c>
      <c r="L26550" t="s">
        <v>120</v>
      </c>
      <c r="M26550" t="s">
        <v>83</v>
      </c>
      <c r="N26550" t="s">
        <v>84</v>
      </c>
      <c r="O26550" t="s">
        <v>85</v>
      </c>
      <c r="P26550" t="s">
        <v>86</v>
      </c>
      <c r="Q26550">
        <v>33</v>
      </c>
      <c r="R26550">
        <v>34</v>
      </c>
      <c r="S26550">
        <v>35</v>
      </c>
      <c r="T26550">
        <v>36</v>
      </c>
      <c r="U26550">
        <v>36</v>
      </c>
      <c r="V26550">
        <v>37</v>
      </c>
      <c r="W26550">
        <v>38</v>
      </c>
      <c r="X26550">
        <v>38</v>
      </c>
      <c r="Y26550">
        <v>39</v>
      </c>
      <c r="Z26550">
        <v>40</v>
      </c>
      <c r="AA26550">
        <v>40</v>
      </c>
      <c r="AB26550">
        <v>41</v>
      </c>
      <c r="AC26550">
        <v>42</v>
      </c>
      <c r="AD26550">
        <v>42</v>
      </c>
      <c r="AE26550">
        <v>43</v>
      </c>
      <c r="AF26550">
        <v>44</v>
      </c>
      <c r="AG26550">
        <v>45</v>
      </c>
      <c r="AH26550">
        <v>45</v>
      </c>
      <c r="AI26550">
        <v>46</v>
      </c>
      <c r="AJ26550">
        <v>47</v>
      </c>
      <c r="AK26550">
        <v>48</v>
      </c>
      <c r="AL26550">
        <v>48</v>
      </c>
      <c r="AM26550">
        <v>49</v>
      </c>
      <c r="AN26550">
        <v>49</v>
      </c>
      <c r="AO26550">
        <v>50</v>
      </c>
      <c r="AP26550">
        <v>50</v>
      </c>
      <c r="AQ26550">
        <v>51</v>
      </c>
    </row>
    <row r="26551" spans="1:43">
      <c r="A26551" t="s">
        <v>16427</v>
      </c>
      <c r="B26551" t="s">
        <v>16428</v>
      </c>
      <c r="C26551" t="s">
        <v>16425</v>
      </c>
      <c r="D26551" t="s">
        <v>16426</v>
      </c>
      <c r="E26551" t="s">
        <v>16245</v>
      </c>
      <c r="F26551" t="s">
        <v>16246</v>
      </c>
      <c r="G26551" t="s">
        <v>10734</v>
      </c>
      <c r="H26551" t="s">
        <v>10735</v>
      </c>
      <c r="I26551" s="2">
        <v>1</v>
      </c>
      <c r="J26551" s="2">
        <v>0</v>
      </c>
      <c r="K26551" s="2">
        <v>0</v>
      </c>
      <c r="L26551" t="s">
        <v>120</v>
      </c>
      <c r="M26551" t="s">
        <v>87</v>
      </c>
      <c r="N26551" t="s">
        <v>88</v>
      </c>
      <c r="O26551" t="s">
        <v>85</v>
      </c>
      <c r="P26551" t="s">
        <v>86</v>
      </c>
      <c r="Q26551">
        <v>33</v>
      </c>
      <c r="R26551">
        <v>34</v>
      </c>
      <c r="S26551">
        <v>34</v>
      </c>
      <c r="T26551">
        <v>34</v>
      </c>
      <c r="U26551">
        <v>35</v>
      </c>
      <c r="V26551">
        <v>35</v>
      </c>
      <c r="W26551">
        <v>35</v>
      </c>
      <c r="X26551">
        <v>36</v>
      </c>
      <c r="Y26551">
        <v>36</v>
      </c>
      <c r="Z26551">
        <v>36</v>
      </c>
      <c r="AA26551">
        <v>37</v>
      </c>
      <c r="AB26551">
        <v>37</v>
      </c>
      <c r="AC26551">
        <v>38</v>
      </c>
      <c r="AD26551">
        <v>38</v>
      </c>
      <c r="AE26551">
        <v>38</v>
      </c>
      <c r="AF26551">
        <v>39</v>
      </c>
      <c r="AG26551">
        <v>39</v>
      </c>
      <c r="AH26551">
        <v>40</v>
      </c>
      <c r="AI26551">
        <v>40</v>
      </c>
      <c r="AJ26551">
        <v>41</v>
      </c>
      <c r="AK26551">
        <v>41</v>
      </c>
      <c r="AL26551">
        <v>42</v>
      </c>
      <c r="AM26551">
        <v>42</v>
      </c>
      <c r="AN26551">
        <v>43</v>
      </c>
      <c r="AO26551">
        <v>43</v>
      </c>
      <c r="AP26551">
        <v>44</v>
      </c>
      <c r="AQ26551">
        <v>44</v>
      </c>
    </row>
    <row r="26552" spans="1:43">
      <c r="A26552" t="s">
        <v>16427</v>
      </c>
      <c r="B26552" t="s">
        <v>16428</v>
      </c>
      <c r="C26552" t="s">
        <v>16425</v>
      </c>
      <c r="D26552" t="s">
        <v>16426</v>
      </c>
      <c r="E26552" t="s">
        <v>16245</v>
      </c>
      <c r="F26552" t="s">
        <v>16246</v>
      </c>
      <c r="G26552" t="s">
        <v>10734</v>
      </c>
      <c r="H26552" t="s">
        <v>10735</v>
      </c>
      <c r="I26552" s="2">
        <v>1</v>
      </c>
      <c r="J26552" s="2">
        <v>0</v>
      </c>
      <c r="K26552" s="2">
        <v>0</v>
      </c>
      <c r="L26552" t="s">
        <v>120</v>
      </c>
      <c r="M26552" t="s">
        <v>89</v>
      </c>
      <c r="N26552" t="s">
        <v>90</v>
      </c>
      <c r="O26552" t="s">
        <v>85</v>
      </c>
      <c r="P26552" t="s">
        <v>86</v>
      </c>
      <c r="Q26552">
        <v>33</v>
      </c>
      <c r="R26552">
        <v>34</v>
      </c>
      <c r="S26552">
        <v>35</v>
      </c>
      <c r="T26552">
        <v>36</v>
      </c>
      <c r="U26552">
        <v>37</v>
      </c>
      <c r="V26552">
        <v>37</v>
      </c>
      <c r="W26552">
        <v>38</v>
      </c>
      <c r="X26552">
        <v>39</v>
      </c>
      <c r="Y26552">
        <v>40</v>
      </c>
      <c r="Z26552">
        <v>41</v>
      </c>
      <c r="AA26552">
        <v>42</v>
      </c>
      <c r="AB26552">
        <v>42</v>
      </c>
      <c r="AC26552">
        <v>43</v>
      </c>
      <c r="AD26552">
        <v>44</v>
      </c>
      <c r="AE26552">
        <v>45</v>
      </c>
      <c r="AF26552">
        <v>45</v>
      </c>
      <c r="AG26552">
        <v>46</v>
      </c>
      <c r="AH26552">
        <v>46</v>
      </c>
      <c r="AI26552">
        <v>47</v>
      </c>
      <c r="AJ26552">
        <v>47</v>
      </c>
      <c r="AK26552">
        <v>47</v>
      </c>
      <c r="AL26552">
        <v>48</v>
      </c>
      <c r="AM26552">
        <v>48</v>
      </c>
      <c r="AN26552">
        <v>49</v>
      </c>
      <c r="AO26552">
        <v>49</v>
      </c>
      <c r="AP26552">
        <v>50</v>
      </c>
      <c r="AQ26552">
        <v>50</v>
      </c>
    </row>
    <row r="26553" spans="1:43">
      <c r="A26553" t="s">
        <v>16427</v>
      </c>
      <c r="B26553" t="s">
        <v>16428</v>
      </c>
      <c r="C26553" t="s">
        <v>16425</v>
      </c>
      <c r="D26553" t="s">
        <v>16426</v>
      </c>
      <c r="E26553" t="s">
        <v>16245</v>
      </c>
      <c r="F26553" t="s">
        <v>16246</v>
      </c>
      <c r="G26553" t="s">
        <v>10734</v>
      </c>
      <c r="H26553" t="s">
        <v>10735</v>
      </c>
      <c r="I26553" s="2">
        <v>1</v>
      </c>
      <c r="J26553" s="2">
        <v>0</v>
      </c>
      <c r="K26553" s="2">
        <v>0</v>
      </c>
      <c r="L26553" t="s">
        <v>120</v>
      </c>
      <c r="M26553" t="s">
        <v>83</v>
      </c>
      <c r="N26553" t="s">
        <v>91</v>
      </c>
      <c r="O26553" t="s">
        <v>85</v>
      </c>
      <c r="P26553" t="s">
        <v>86</v>
      </c>
      <c r="Q26553">
        <v>33</v>
      </c>
      <c r="R26553">
        <v>34</v>
      </c>
      <c r="S26553">
        <v>35</v>
      </c>
      <c r="T26553">
        <v>36</v>
      </c>
      <c r="U26553">
        <v>36</v>
      </c>
      <c r="V26553">
        <v>37</v>
      </c>
      <c r="W26553">
        <v>38</v>
      </c>
      <c r="X26553">
        <v>38</v>
      </c>
      <c r="Y26553">
        <v>39</v>
      </c>
      <c r="Z26553">
        <v>40</v>
      </c>
      <c r="AA26553">
        <v>40</v>
      </c>
      <c r="AB26553">
        <v>41</v>
      </c>
      <c r="AC26553">
        <v>42</v>
      </c>
      <c r="AD26553">
        <v>42</v>
      </c>
      <c r="AE26553">
        <v>43</v>
      </c>
      <c r="AF26553">
        <v>44</v>
      </c>
      <c r="AG26553">
        <v>45</v>
      </c>
      <c r="AH26553">
        <v>45</v>
      </c>
      <c r="AI26553">
        <v>46</v>
      </c>
      <c r="AJ26553">
        <v>47</v>
      </c>
      <c r="AK26553">
        <v>48</v>
      </c>
      <c r="AL26553">
        <v>48</v>
      </c>
      <c r="AM26553">
        <v>49</v>
      </c>
      <c r="AN26553">
        <v>49</v>
      </c>
      <c r="AO26553">
        <v>50</v>
      </c>
      <c r="AP26553">
        <v>50</v>
      </c>
      <c r="AQ26553">
        <v>51</v>
      </c>
    </row>
    <row r="26554" spans="1:43">
      <c r="A26554" t="s">
        <v>16429</v>
      </c>
      <c r="B26554" t="s">
        <v>16430</v>
      </c>
      <c r="C26554" t="s">
        <v>16271</v>
      </c>
      <c r="D26554" t="s">
        <v>16272</v>
      </c>
      <c r="E26554" t="s">
        <v>16245</v>
      </c>
      <c r="F26554" t="s">
        <v>16246</v>
      </c>
      <c r="G26554" t="s">
        <v>10734</v>
      </c>
      <c r="H26554" t="s">
        <v>10735</v>
      </c>
      <c r="I26554" s="2">
        <v>1</v>
      </c>
      <c r="J26554" s="2">
        <v>0</v>
      </c>
      <c r="K26554" s="2">
        <v>0</v>
      </c>
      <c r="L26554" t="s">
        <v>120</v>
      </c>
      <c r="M26554" t="s">
        <v>83</v>
      </c>
      <c r="N26554" t="s">
        <v>84</v>
      </c>
      <c r="O26554" t="s">
        <v>85</v>
      </c>
      <c r="P26554" t="s">
        <v>86</v>
      </c>
      <c r="Q26554">
        <v>26</v>
      </c>
      <c r="R26554">
        <v>27</v>
      </c>
      <c r="S26554">
        <v>27</v>
      </c>
      <c r="T26554">
        <v>28</v>
      </c>
      <c r="U26554">
        <v>28</v>
      </c>
      <c r="V26554">
        <v>29</v>
      </c>
      <c r="W26554">
        <v>30</v>
      </c>
      <c r="X26554">
        <v>30</v>
      </c>
      <c r="Y26554">
        <v>31</v>
      </c>
      <c r="Z26554">
        <v>31</v>
      </c>
      <c r="AA26554">
        <v>32</v>
      </c>
      <c r="AB26554">
        <v>32</v>
      </c>
      <c r="AC26554">
        <v>33</v>
      </c>
      <c r="AD26554">
        <v>34</v>
      </c>
      <c r="AE26554">
        <v>34</v>
      </c>
      <c r="AF26554">
        <v>35</v>
      </c>
      <c r="AG26554">
        <v>35</v>
      </c>
      <c r="AH26554">
        <v>36</v>
      </c>
      <c r="AI26554">
        <v>37</v>
      </c>
      <c r="AJ26554">
        <v>37</v>
      </c>
      <c r="AK26554">
        <v>38</v>
      </c>
      <c r="AL26554">
        <v>39</v>
      </c>
      <c r="AM26554">
        <v>39</v>
      </c>
      <c r="AN26554">
        <v>39</v>
      </c>
      <c r="AO26554">
        <v>40</v>
      </c>
      <c r="AP26554">
        <v>40</v>
      </c>
      <c r="AQ26554">
        <v>41</v>
      </c>
    </row>
    <row r="26555" spans="1:43">
      <c r="A26555" t="s">
        <v>16429</v>
      </c>
      <c r="B26555" t="s">
        <v>16430</v>
      </c>
      <c r="C26555" t="s">
        <v>16271</v>
      </c>
      <c r="D26555" t="s">
        <v>16272</v>
      </c>
      <c r="E26555" t="s">
        <v>16245</v>
      </c>
      <c r="F26555" t="s">
        <v>16246</v>
      </c>
      <c r="G26555" t="s">
        <v>10734</v>
      </c>
      <c r="H26555" t="s">
        <v>10735</v>
      </c>
      <c r="I26555" s="2">
        <v>1</v>
      </c>
      <c r="J26555" s="2">
        <v>0</v>
      </c>
      <c r="K26555" s="2">
        <v>0</v>
      </c>
      <c r="L26555" t="s">
        <v>120</v>
      </c>
      <c r="M26555" t="s">
        <v>87</v>
      </c>
      <c r="N26555" t="s">
        <v>88</v>
      </c>
      <c r="O26555" t="s">
        <v>85</v>
      </c>
      <c r="P26555" t="s">
        <v>86</v>
      </c>
      <c r="Q26555">
        <v>26</v>
      </c>
      <c r="R26555">
        <v>26</v>
      </c>
      <c r="S26555">
        <v>27</v>
      </c>
      <c r="T26555">
        <v>27</v>
      </c>
      <c r="U26555">
        <v>27</v>
      </c>
      <c r="V26555">
        <v>27</v>
      </c>
      <c r="W26555">
        <v>28</v>
      </c>
      <c r="X26555">
        <v>28</v>
      </c>
      <c r="Y26555">
        <v>28</v>
      </c>
      <c r="Z26555">
        <v>29</v>
      </c>
      <c r="AA26555">
        <v>29</v>
      </c>
      <c r="AB26555">
        <v>29</v>
      </c>
      <c r="AC26555">
        <v>30</v>
      </c>
      <c r="AD26555">
        <v>30</v>
      </c>
      <c r="AE26555">
        <v>30</v>
      </c>
      <c r="AF26555">
        <v>31</v>
      </c>
      <c r="AG26555">
        <v>31</v>
      </c>
      <c r="AH26555">
        <v>31</v>
      </c>
      <c r="AI26555">
        <v>32</v>
      </c>
      <c r="AJ26555">
        <v>32</v>
      </c>
      <c r="AK26555">
        <v>32</v>
      </c>
      <c r="AL26555">
        <v>33</v>
      </c>
      <c r="AM26555">
        <v>33</v>
      </c>
      <c r="AN26555">
        <v>34</v>
      </c>
      <c r="AO26555">
        <v>34</v>
      </c>
      <c r="AP26555">
        <v>34</v>
      </c>
      <c r="AQ26555">
        <v>35</v>
      </c>
    </row>
    <row r="26556" spans="1:43">
      <c r="A26556" t="s">
        <v>16429</v>
      </c>
      <c r="B26556" t="s">
        <v>16430</v>
      </c>
      <c r="C26556" t="s">
        <v>16271</v>
      </c>
      <c r="D26556" t="s">
        <v>16272</v>
      </c>
      <c r="E26556" t="s">
        <v>16245</v>
      </c>
      <c r="F26556" t="s">
        <v>16246</v>
      </c>
      <c r="G26556" t="s">
        <v>10734</v>
      </c>
      <c r="H26556" t="s">
        <v>10735</v>
      </c>
      <c r="I26556" s="2">
        <v>1</v>
      </c>
      <c r="J26556" s="2">
        <v>0</v>
      </c>
      <c r="K26556" s="2">
        <v>0</v>
      </c>
      <c r="L26556" t="s">
        <v>120</v>
      </c>
      <c r="M26556" t="s">
        <v>89</v>
      </c>
      <c r="N26556" t="s">
        <v>90</v>
      </c>
      <c r="O26556" t="s">
        <v>85</v>
      </c>
      <c r="P26556" t="s">
        <v>86</v>
      </c>
      <c r="Q26556">
        <v>26</v>
      </c>
      <c r="R26556">
        <v>27</v>
      </c>
      <c r="S26556">
        <v>28</v>
      </c>
      <c r="T26556">
        <v>29</v>
      </c>
      <c r="U26556">
        <v>30</v>
      </c>
      <c r="V26556">
        <v>30</v>
      </c>
      <c r="W26556">
        <v>31</v>
      </c>
      <c r="X26556">
        <v>32</v>
      </c>
      <c r="Y26556">
        <v>32</v>
      </c>
      <c r="Z26556">
        <v>33</v>
      </c>
      <c r="AA26556">
        <v>34</v>
      </c>
      <c r="AB26556">
        <v>35</v>
      </c>
      <c r="AC26556">
        <v>35</v>
      </c>
      <c r="AD26556">
        <v>36</v>
      </c>
      <c r="AE26556">
        <v>37</v>
      </c>
      <c r="AF26556">
        <v>37</v>
      </c>
      <c r="AG26556">
        <v>37</v>
      </c>
      <c r="AH26556">
        <v>38</v>
      </c>
      <c r="AI26556">
        <v>38</v>
      </c>
      <c r="AJ26556">
        <v>38</v>
      </c>
      <c r="AK26556">
        <v>39</v>
      </c>
      <c r="AL26556">
        <v>39</v>
      </c>
      <c r="AM26556">
        <v>40</v>
      </c>
      <c r="AN26556">
        <v>40</v>
      </c>
      <c r="AO26556">
        <v>40</v>
      </c>
      <c r="AP26556">
        <v>41</v>
      </c>
      <c r="AQ26556">
        <v>41</v>
      </c>
    </row>
    <row r="26557" spans="1:43">
      <c r="A26557" t="s">
        <v>16429</v>
      </c>
      <c r="B26557" t="s">
        <v>16430</v>
      </c>
      <c r="C26557" t="s">
        <v>16271</v>
      </c>
      <c r="D26557" t="s">
        <v>16272</v>
      </c>
      <c r="E26557" t="s">
        <v>16245</v>
      </c>
      <c r="F26557" t="s">
        <v>16246</v>
      </c>
      <c r="G26557" t="s">
        <v>10734</v>
      </c>
      <c r="H26557" t="s">
        <v>10735</v>
      </c>
      <c r="I26557" s="2">
        <v>1</v>
      </c>
      <c r="J26557" s="2">
        <v>0</v>
      </c>
      <c r="K26557" s="2">
        <v>0</v>
      </c>
      <c r="L26557" t="s">
        <v>120</v>
      </c>
      <c r="M26557" t="s">
        <v>83</v>
      </c>
      <c r="N26557" t="s">
        <v>91</v>
      </c>
      <c r="O26557" t="s">
        <v>85</v>
      </c>
      <c r="P26557" t="s">
        <v>86</v>
      </c>
      <c r="Q26557">
        <v>26</v>
      </c>
      <c r="R26557">
        <v>27</v>
      </c>
      <c r="S26557">
        <v>27</v>
      </c>
      <c r="T26557">
        <v>28</v>
      </c>
      <c r="U26557">
        <v>28</v>
      </c>
      <c r="V26557">
        <v>29</v>
      </c>
      <c r="W26557">
        <v>30</v>
      </c>
      <c r="X26557">
        <v>30</v>
      </c>
      <c r="Y26557">
        <v>31</v>
      </c>
      <c r="Z26557">
        <v>31</v>
      </c>
      <c r="AA26557">
        <v>32</v>
      </c>
      <c r="AB26557">
        <v>32</v>
      </c>
      <c r="AC26557">
        <v>33</v>
      </c>
      <c r="AD26557">
        <v>34</v>
      </c>
      <c r="AE26557">
        <v>34</v>
      </c>
      <c r="AF26557">
        <v>35</v>
      </c>
      <c r="AG26557">
        <v>35</v>
      </c>
      <c r="AH26557">
        <v>36</v>
      </c>
      <c r="AI26557">
        <v>37</v>
      </c>
      <c r="AJ26557">
        <v>37</v>
      </c>
      <c r="AK26557">
        <v>38</v>
      </c>
      <c r="AL26557">
        <v>39</v>
      </c>
      <c r="AM26557">
        <v>39</v>
      </c>
      <c r="AN26557">
        <v>39</v>
      </c>
      <c r="AO26557">
        <v>40</v>
      </c>
      <c r="AP26557">
        <v>40</v>
      </c>
      <c r="AQ26557">
        <v>41</v>
      </c>
    </row>
    <row r="26558" spans="1:43">
      <c r="A26558" t="s">
        <v>16431</v>
      </c>
      <c r="B26558" t="s">
        <v>16432</v>
      </c>
      <c r="C26558" t="s">
        <v>16309</v>
      </c>
      <c r="D26558" t="s">
        <v>16310</v>
      </c>
      <c r="E26558" t="s">
        <v>16245</v>
      </c>
      <c r="F26558" t="s">
        <v>16246</v>
      </c>
      <c r="G26558" t="s">
        <v>10734</v>
      </c>
      <c r="H26558" t="s">
        <v>10735</v>
      </c>
      <c r="I26558" s="2">
        <v>1</v>
      </c>
      <c r="J26558" s="2">
        <v>0</v>
      </c>
      <c r="K26558" s="2">
        <v>0</v>
      </c>
      <c r="L26558" t="s">
        <v>120</v>
      </c>
      <c r="M26558" t="s">
        <v>83</v>
      </c>
      <c r="N26558" t="s">
        <v>84</v>
      </c>
      <c r="O26558" t="s">
        <v>85</v>
      </c>
      <c r="P26558" t="s">
        <v>86</v>
      </c>
      <c r="Q26558">
        <v>34</v>
      </c>
      <c r="R26558">
        <v>35</v>
      </c>
      <c r="S26558">
        <v>36</v>
      </c>
      <c r="T26558">
        <v>36</v>
      </c>
      <c r="U26558">
        <v>37</v>
      </c>
      <c r="V26558">
        <v>38</v>
      </c>
      <c r="W26558">
        <v>38</v>
      </c>
      <c r="X26558">
        <v>39</v>
      </c>
      <c r="Y26558">
        <v>40</v>
      </c>
      <c r="Z26558">
        <v>41</v>
      </c>
      <c r="AA26558">
        <v>41</v>
      </c>
      <c r="AB26558">
        <v>42</v>
      </c>
      <c r="AC26558">
        <v>43</v>
      </c>
      <c r="AD26558">
        <v>43</v>
      </c>
      <c r="AE26558">
        <v>44</v>
      </c>
      <c r="AF26558">
        <v>45</v>
      </c>
      <c r="AG26558">
        <v>46</v>
      </c>
      <c r="AH26558">
        <v>47</v>
      </c>
      <c r="AI26558">
        <v>47</v>
      </c>
      <c r="AJ26558">
        <v>48</v>
      </c>
      <c r="AK26558">
        <v>49</v>
      </c>
      <c r="AL26558">
        <v>50</v>
      </c>
      <c r="AM26558">
        <v>50</v>
      </c>
      <c r="AN26558">
        <v>51</v>
      </c>
      <c r="AO26558">
        <v>51</v>
      </c>
      <c r="AP26558">
        <v>51</v>
      </c>
      <c r="AQ26558">
        <v>52</v>
      </c>
    </row>
    <row r="26559" spans="1:43">
      <c r="A26559" t="s">
        <v>16431</v>
      </c>
      <c r="B26559" t="s">
        <v>16432</v>
      </c>
      <c r="C26559" t="s">
        <v>16309</v>
      </c>
      <c r="D26559" t="s">
        <v>16310</v>
      </c>
      <c r="E26559" t="s">
        <v>16245</v>
      </c>
      <c r="F26559" t="s">
        <v>16246</v>
      </c>
      <c r="G26559" t="s">
        <v>10734</v>
      </c>
      <c r="H26559" t="s">
        <v>10735</v>
      </c>
      <c r="I26559" s="2">
        <v>1</v>
      </c>
      <c r="J26559" s="2">
        <v>0</v>
      </c>
      <c r="K26559" s="2">
        <v>0</v>
      </c>
      <c r="L26559" t="s">
        <v>120</v>
      </c>
      <c r="M26559" t="s">
        <v>87</v>
      </c>
      <c r="N26559" t="s">
        <v>88</v>
      </c>
      <c r="O26559" t="s">
        <v>85</v>
      </c>
      <c r="P26559" t="s">
        <v>86</v>
      </c>
      <c r="Q26559">
        <v>34</v>
      </c>
      <c r="R26559">
        <v>34</v>
      </c>
      <c r="S26559">
        <v>35</v>
      </c>
      <c r="T26559">
        <v>35</v>
      </c>
      <c r="U26559">
        <v>35</v>
      </c>
      <c r="V26559">
        <v>36</v>
      </c>
      <c r="W26559">
        <v>36</v>
      </c>
      <c r="X26559">
        <v>36</v>
      </c>
      <c r="Y26559">
        <v>37</v>
      </c>
      <c r="Z26559">
        <v>37</v>
      </c>
      <c r="AA26559">
        <v>38</v>
      </c>
      <c r="AB26559">
        <v>38</v>
      </c>
      <c r="AC26559">
        <v>38</v>
      </c>
      <c r="AD26559">
        <v>39</v>
      </c>
      <c r="AE26559">
        <v>39</v>
      </c>
      <c r="AF26559">
        <v>40</v>
      </c>
      <c r="AG26559">
        <v>40</v>
      </c>
      <c r="AH26559">
        <v>41</v>
      </c>
      <c r="AI26559">
        <v>41</v>
      </c>
      <c r="AJ26559">
        <v>42</v>
      </c>
      <c r="AK26559">
        <v>42</v>
      </c>
      <c r="AL26559">
        <v>43</v>
      </c>
      <c r="AM26559">
        <v>43</v>
      </c>
      <c r="AN26559">
        <v>44</v>
      </c>
      <c r="AO26559">
        <v>44</v>
      </c>
      <c r="AP26559">
        <v>45</v>
      </c>
      <c r="AQ26559">
        <v>45</v>
      </c>
    </row>
    <row r="26560" spans="1:43">
      <c r="A26560" t="s">
        <v>16431</v>
      </c>
      <c r="B26560" t="s">
        <v>16432</v>
      </c>
      <c r="C26560" t="s">
        <v>16309</v>
      </c>
      <c r="D26560" t="s">
        <v>16310</v>
      </c>
      <c r="E26560" t="s">
        <v>16245</v>
      </c>
      <c r="F26560" t="s">
        <v>16246</v>
      </c>
      <c r="G26560" t="s">
        <v>10734</v>
      </c>
      <c r="H26560" t="s">
        <v>10735</v>
      </c>
      <c r="I26560" s="2">
        <v>1</v>
      </c>
      <c r="J26560" s="2">
        <v>0</v>
      </c>
      <c r="K26560" s="2">
        <v>0</v>
      </c>
      <c r="L26560" t="s">
        <v>120</v>
      </c>
      <c r="M26560" t="s">
        <v>89</v>
      </c>
      <c r="N26560" t="s">
        <v>90</v>
      </c>
      <c r="O26560" t="s">
        <v>85</v>
      </c>
      <c r="P26560" t="s">
        <v>86</v>
      </c>
      <c r="Q26560">
        <v>34</v>
      </c>
      <c r="R26560">
        <v>35</v>
      </c>
      <c r="S26560">
        <v>36</v>
      </c>
      <c r="T26560">
        <v>37</v>
      </c>
      <c r="U26560">
        <v>38</v>
      </c>
      <c r="V26560">
        <v>39</v>
      </c>
      <c r="W26560">
        <v>40</v>
      </c>
      <c r="X26560">
        <v>41</v>
      </c>
      <c r="Y26560">
        <v>42</v>
      </c>
      <c r="Z26560">
        <v>43</v>
      </c>
      <c r="AA26560">
        <v>44</v>
      </c>
      <c r="AB26560">
        <v>45</v>
      </c>
      <c r="AC26560">
        <v>46</v>
      </c>
      <c r="AD26560">
        <v>47</v>
      </c>
      <c r="AE26560">
        <v>47</v>
      </c>
      <c r="AF26560">
        <v>48</v>
      </c>
      <c r="AG26560">
        <v>48</v>
      </c>
      <c r="AH26560">
        <v>49</v>
      </c>
      <c r="AI26560">
        <v>49</v>
      </c>
      <c r="AJ26560">
        <v>49</v>
      </c>
      <c r="AK26560">
        <v>50</v>
      </c>
      <c r="AL26560">
        <v>50</v>
      </c>
      <c r="AM26560">
        <v>51</v>
      </c>
      <c r="AN26560">
        <v>51</v>
      </c>
      <c r="AO26560">
        <v>51</v>
      </c>
      <c r="AP26560">
        <v>52</v>
      </c>
      <c r="AQ26560">
        <v>52</v>
      </c>
    </row>
    <row r="26561" spans="1:43">
      <c r="A26561" t="s">
        <v>16431</v>
      </c>
      <c r="B26561" t="s">
        <v>16432</v>
      </c>
      <c r="C26561" t="s">
        <v>16309</v>
      </c>
      <c r="D26561" t="s">
        <v>16310</v>
      </c>
      <c r="E26561" t="s">
        <v>16245</v>
      </c>
      <c r="F26561" t="s">
        <v>16246</v>
      </c>
      <c r="G26561" t="s">
        <v>10734</v>
      </c>
      <c r="H26561" t="s">
        <v>10735</v>
      </c>
      <c r="I26561" s="2">
        <v>1</v>
      </c>
      <c r="J26561" s="2">
        <v>0</v>
      </c>
      <c r="K26561" s="2">
        <v>0</v>
      </c>
      <c r="L26561" t="s">
        <v>120</v>
      </c>
      <c r="M26561" t="s">
        <v>83</v>
      </c>
      <c r="N26561" t="s">
        <v>91</v>
      </c>
      <c r="O26561" t="s">
        <v>85</v>
      </c>
      <c r="P26561" t="s">
        <v>86</v>
      </c>
      <c r="Q26561">
        <v>34</v>
      </c>
      <c r="R26561">
        <v>35</v>
      </c>
      <c r="S26561">
        <v>36</v>
      </c>
      <c r="T26561">
        <v>36</v>
      </c>
      <c r="U26561">
        <v>37</v>
      </c>
      <c r="V26561">
        <v>38</v>
      </c>
      <c r="W26561">
        <v>38</v>
      </c>
      <c r="X26561">
        <v>39</v>
      </c>
      <c r="Y26561">
        <v>40</v>
      </c>
      <c r="Z26561">
        <v>41</v>
      </c>
      <c r="AA26561">
        <v>41</v>
      </c>
      <c r="AB26561">
        <v>42</v>
      </c>
      <c r="AC26561">
        <v>43</v>
      </c>
      <c r="AD26561">
        <v>43</v>
      </c>
      <c r="AE26561">
        <v>44</v>
      </c>
      <c r="AF26561">
        <v>45</v>
      </c>
      <c r="AG26561">
        <v>46</v>
      </c>
      <c r="AH26561">
        <v>47</v>
      </c>
      <c r="AI26561">
        <v>47</v>
      </c>
      <c r="AJ26561">
        <v>48</v>
      </c>
      <c r="AK26561">
        <v>49</v>
      </c>
      <c r="AL26561">
        <v>50</v>
      </c>
      <c r="AM26561">
        <v>50</v>
      </c>
      <c r="AN26561">
        <v>51</v>
      </c>
      <c r="AO26561">
        <v>51</v>
      </c>
      <c r="AP26561">
        <v>51</v>
      </c>
      <c r="AQ26561">
        <v>52</v>
      </c>
    </row>
    <row r="26562" spans="1:43">
      <c r="A26562" t="s">
        <v>16433</v>
      </c>
      <c r="B26562" t="s">
        <v>16434</v>
      </c>
      <c r="C26562" t="s">
        <v>16283</v>
      </c>
      <c r="D26562" t="s">
        <v>16284</v>
      </c>
      <c r="E26562" t="s">
        <v>16245</v>
      </c>
      <c r="F26562" t="s">
        <v>16246</v>
      </c>
      <c r="G26562" t="s">
        <v>10734</v>
      </c>
      <c r="H26562" t="s">
        <v>10735</v>
      </c>
      <c r="I26562" s="2">
        <v>1</v>
      </c>
      <c r="J26562" s="2">
        <v>0</v>
      </c>
      <c r="K26562" s="2">
        <v>0</v>
      </c>
      <c r="L26562" t="s">
        <v>120</v>
      </c>
      <c r="M26562" t="s">
        <v>83</v>
      </c>
      <c r="N26562" t="s">
        <v>84</v>
      </c>
      <c r="O26562" t="s">
        <v>85</v>
      </c>
      <c r="P26562" t="s">
        <v>86</v>
      </c>
      <c r="Q26562">
        <v>18</v>
      </c>
      <c r="R26562">
        <v>18</v>
      </c>
      <c r="S26562">
        <v>18</v>
      </c>
      <c r="T26562">
        <v>19</v>
      </c>
      <c r="U26562">
        <v>19</v>
      </c>
      <c r="V26562">
        <v>19</v>
      </c>
      <c r="W26562">
        <v>20</v>
      </c>
      <c r="X26562">
        <v>20</v>
      </c>
      <c r="Y26562">
        <v>20</v>
      </c>
      <c r="Z26562">
        <v>21</v>
      </c>
      <c r="AA26562">
        <v>21</v>
      </c>
      <c r="AB26562">
        <v>22</v>
      </c>
      <c r="AC26562">
        <v>22</v>
      </c>
      <c r="AD26562">
        <v>22</v>
      </c>
      <c r="AE26562">
        <v>23</v>
      </c>
      <c r="AF26562">
        <v>23</v>
      </c>
      <c r="AG26562">
        <v>24</v>
      </c>
      <c r="AH26562">
        <v>24</v>
      </c>
      <c r="AI26562">
        <v>24</v>
      </c>
      <c r="AJ26562">
        <v>25</v>
      </c>
      <c r="AK26562">
        <v>25</v>
      </c>
      <c r="AL26562">
        <v>26</v>
      </c>
      <c r="AM26562">
        <v>26</v>
      </c>
      <c r="AN26562">
        <v>26</v>
      </c>
      <c r="AO26562">
        <v>26</v>
      </c>
      <c r="AP26562">
        <v>26</v>
      </c>
      <c r="AQ26562">
        <v>27</v>
      </c>
    </row>
    <row r="26563" spans="1:43">
      <c r="A26563" t="s">
        <v>16433</v>
      </c>
      <c r="B26563" t="s">
        <v>16434</v>
      </c>
      <c r="C26563" t="s">
        <v>16283</v>
      </c>
      <c r="D26563" t="s">
        <v>16284</v>
      </c>
      <c r="E26563" t="s">
        <v>16245</v>
      </c>
      <c r="F26563" t="s">
        <v>16246</v>
      </c>
      <c r="G26563" t="s">
        <v>10734</v>
      </c>
      <c r="H26563" t="s">
        <v>10735</v>
      </c>
      <c r="I26563" s="2">
        <v>1</v>
      </c>
      <c r="J26563" s="2">
        <v>0</v>
      </c>
      <c r="K26563" s="2">
        <v>0</v>
      </c>
      <c r="L26563" t="s">
        <v>120</v>
      </c>
      <c r="M26563" t="s">
        <v>87</v>
      </c>
      <c r="N26563" t="s">
        <v>88</v>
      </c>
      <c r="O26563" t="s">
        <v>85</v>
      </c>
      <c r="P26563" t="s">
        <v>86</v>
      </c>
      <c r="Q26563">
        <v>18</v>
      </c>
      <c r="R26563">
        <v>19</v>
      </c>
      <c r="S26563">
        <v>19</v>
      </c>
      <c r="T26563">
        <v>19</v>
      </c>
      <c r="U26563">
        <v>19</v>
      </c>
      <c r="V26563">
        <v>19</v>
      </c>
      <c r="W26563">
        <v>19</v>
      </c>
      <c r="X26563">
        <v>20</v>
      </c>
      <c r="Y26563">
        <v>20</v>
      </c>
      <c r="Z26563">
        <v>20</v>
      </c>
      <c r="AA26563">
        <v>20</v>
      </c>
      <c r="AB26563">
        <v>21</v>
      </c>
      <c r="AC26563">
        <v>21</v>
      </c>
      <c r="AD26563">
        <v>21</v>
      </c>
      <c r="AE26563">
        <v>21</v>
      </c>
      <c r="AF26563">
        <v>21</v>
      </c>
      <c r="AG26563">
        <v>22</v>
      </c>
      <c r="AH26563">
        <v>22</v>
      </c>
      <c r="AI26563">
        <v>22</v>
      </c>
      <c r="AJ26563">
        <v>22</v>
      </c>
      <c r="AK26563">
        <v>23</v>
      </c>
      <c r="AL26563">
        <v>23</v>
      </c>
      <c r="AM26563">
        <v>23</v>
      </c>
      <c r="AN26563">
        <v>23</v>
      </c>
      <c r="AO26563">
        <v>24</v>
      </c>
      <c r="AP26563">
        <v>24</v>
      </c>
      <c r="AQ26563">
        <v>24</v>
      </c>
    </row>
    <row r="26564" spans="1:43">
      <c r="A26564" t="s">
        <v>16433</v>
      </c>
      <c r="B26564" t="s">
        <v>16434</v>
      </c>
      <c r="C26564" t="s">
        <v>16283</v>
      </c>
      <c r="D26564" t="s">
        <v>16284</v>
      </c>
      <c r="E26564" t="s">
        <v>16245</v>
      </c>
      <c r="F26564" t="s">
        <v>16246</v>
      </c>
      <c r="G26564" t="s">
        <v>10734</v>
      </c>
      <c r="H26564" t="s">
        <v>10735</v>
      </c>
      <c r="I26564" s="2">
        <v>1</v>
      </c>
      <c r="J26564" s="2">
        <v>0</v>
      </c>
      <c r="K26564" s="2">
        <v>0</v>
      </c>
      <c r="L26564" t="s">
        <v>120</v>
      </c>
      <c r="M26564" t="s">
        <v>89</v>
      </c>
      <c r="N26564" t="s">
        <v>90</v>
      </c>
      <c r="O26564" t="s">
        <v>85</v>
      </c>
      <c r="P26564" t="s">
        <v>86</v>
      </c>
      <c r="Q26564">
        <v>18</v>
      </c>
      <c r="R26564">
        <v>18</v>
      </c>
      <c r="S26564">
        <v>19</v>
      </c>
      <c r="T26564">
        <v>19</v>
      </c>
      <c r="U26564">
        <v>20</v>
      </c>
      <c r="V26564">
        <v>20</v>
      </c>
      <c r="W26564">
        <v>21</v>
      </c>
      <c r="X26564">
        <v>21</v>
      </c>
      <c r="Y26564">
        <v>22</v>
      </c>
      <c r="Z26564">
        <v>22</v>
      </c>
      <c r="AA26564">
        <v>23</v>
      </c>
      <c r="AB26564">
        <v>23</v>
      </c>
      <c r="AC26564">
        <v>23</v>
      </c>
      <c r="AD26564">
        <v>24</v>
      </c>
      <c r="AE26564">
        <v>24</v>
      </c>
      <c r="AF26564">
        <v>25</v>
      </c>
      <c r="AG26564">
        <v>25</v>
      </c>
      <c r="AH26564">
        <v>25</v>
      </c>
      <c r="AI26564">
        <v>25</v>
      </c>
      <c r="AJ26564">
        <v>25</v>
      </c>
      <c r="AK26564">
        <v>26</v>
      </c>
      <c r="AL26564">
        <v>26</v>
      </c>
      <c r="AM26564">
        <v>26</v>
      </c>
      <c r="AN26564">
        <v>26</v>
      </c>
      <c r="AO26564">
        <v>26</v>
      </c>
      <c r="AP26564">
        <v>27</v>
      </c>
      <c r="AQ26564">
        <v>27</v>
      </c>
    </row>
    <row r="26565" spans="1:43">
      <c r="A26565" t="s">
        <v>16433</v>
      </c>
      <c r="B26565" t="s">
        <v>16434</v>
      </c>
      <c r="C26565" t="s">
        <v>16283</v>
      </c>
      <c r="D26565" t="s">
        <v>16284</v>
      </c>
      <c r="E26565" t="s">
        <v>16245</v>
      </c>
      <c r="F26565" t="s">
        <v>16246</v>
      </c>
      <c r="G26565" t="s">
        <v>10734</v>
      </c>
      <c r="H26565" t="s">
        <v>10735</v>
      </c>
      <c r="I26565" s="2">
        <v>1</v>
      </c>
      <c r="J26565" s="2">
        <v>0</v>
      </c>
      <c r="K26565" s="2">
        <v>0</v>
      </c>
      <c r="L26565" t="s">
        <v>120</v>
      </c>
      <c r="M26565" t="s">
        <v>83</v>
      </c>
      <c r="N26565" t="s">
        <v>91</v>
      </c>
      <c r="O26565" t="s">
        <v>85</v>
      </c>
      <c r="P26565" t="s">
        <v>86</v>
      </c>
      <c r="Q26565">
        <v>18</v>
      </c>
      <c r="R26565">
        <v>18</v>
      </c>
      <c r="S26565">
        <v>18</v>
      </c>
      <c r="T26565">
        <v>19</v>
      </c>
      <c r="U26565">
        <v>19</v>
      </c>
      <c r="V26565">
        <v>19</v>
      </c>
      <c r="W26565">
        <v>20</v>
      </c>
      <c r="X26565">
        <v>20</v>
      </c>
      <c r="Y26565">
        <v>20</v>
      </c>
      <c r="Z26565">
        <v>21</v>
      </c>
      <c r="AA26565">
        <v>21</v>
      </c>
      <c r="AB26565">
        <v>22</v>
      </c>
      <c r="AC26565">
        <v>22</v>
      </c>
      <c r="AD26565">
        <v>22</v>
      </c>
      <c r="AE26565">
        <v>23</v>
      </c>
      <c r="AF26565">
        <v>23</v>
      </c>
      <c r="AG26565">
        <v>24</v>
      </c>
      <c r="AH26565">
        <v>24</v>
      </c>
      <c r="AI26565">
        <v>24</v>
      </c>
      <c r="AJ26565">
        <v>25</v>
      </c>
      <c r="AK26565">
        <v>25</v>
      </c>
      <c r="AL26565">
        <v>26</v>
      </c>
      <c r="AM26565">
        <v>26</v>
      </c>
      <c r="AN26565">
        <v>26</v>
      </c>
      <c r="AO26565">
        <v>26</v>
      </c>
      <c r="AP26565">
        <v>26</v>
      </c>
      <c r="AQ26565">
        <v>27</v>
      </c>
    </row>
    <row r="26566" spans="1:43">
      <c r="A26566" t="s">
        <v>16435</v>
      </c>
      <c r="B26566" t="s">
        <v>16436</v>
      </c>
      <c r="C26566" t="s">
        <v>16309</v>
      </c>
      <c r="D26566" t="s">
        <v>16310</v>
      </c>
      <c r="E26566" t="s">
        <v>16245</v>
      </c>
      <c r="F26566" t="s">
        <v>16246</v>
      </c>
      <c r="G26566" t="s">
        <v>10734</v>
      </c>
      <c r="H26566" t="s">
        <v>10735</v>
      </c>
      <c r="I26566" s="2">
        <v>1</v>
      </c>
      <c r="J26566" s="2">
        <v>0</v>
      </c>
      <c r="K26566" s="2">
        <v>0</v>
      </c>
      <c r="L26566" t="s">
        <v>120</v>
      </c>
      <c r="M26566" t="s">
        <v>83</v>
      </c>
      <c r="N26566" t="s">
        <v>84</v>
      </c>
      <c r="O26566" t="s">
        <v>85</v>
      </c>
      <c r="P26566" t="s">
        <v>86</v>
      </c>
      <c r="Q26566">
        <v>49</v>
      </c>
      <c r="R26566">
        <v>49</v>
      </c>
      <c r="S26566">
        <v>50</v>
      </c>
      <c r="T26566">
        <v>51</v>
      </c>
      <c r="U26566">
        <v>52</v>
      </c>
      <c r="V26566">
        <v>53</v>
      </c>
      <c r="W26566">
        <v>54</v>
      </c>
      <c r="X26566">
        <v>55</v>
      </c>
      <c r="Y26566">
        <v>56</v>
      </c>
      <c r="Z26566">
        <v>58</v>
      </c>
      <c r="AA26566">
        <v>59</v>
      </c>
      <c r="AB26566">
        <v>60</v>
      </c>
      <c r="AC26566">
        <v>61</v>
      </c>
      <c r="AD26566">
        <v>62</v>
      </c>
      <c r="AE26566">
        <v>63</v>
      </c>
      <c r="AF26566">
        <v>64</v>
      </c>
      <c r="AG26566">
        <v>65</v>
      </c>
      <c r="AH26566">
        <v>66</v>
      </c>
      <c r="AI26566">
        <v>67</v>
      </c>
      <c r="AJ26566">
        <v>69</v>
      </c>
      <c r="AK26566">
        <v>70</v>
      </c>
      <c r="AL26566">
        <v>71</v>
      </c>
      <c r="AM26566">
        <v>71</v>
      </c>
      <c r="AN26566">
        <v>72</v>
      </c>
      <c r="AO26566">
        <v>72</v>
      </c>
      <c r="AP26566">
        <v>73</v>
      </c>
      <c r="AQ26566">
        <v>74</v>
      </c>
    </row>
    <row r="26567" spans="1:43">
      <c r="A26567" t="s">
        <v>16435</v>
      </c>
      <c r="B26567" t="s">
        <v>16436</v>
      </c>
      <c r="C26567" t="s">
        <v>16309</v>
      </c>
      <c r="D26567" t="s">
        <v>16310</v>
      </c>
      <c r="E26567" t="s">
        <v>16245</v>
      </c>
      <c r="F26567" t="s">
        <v>16246</v>
      </c>
      <c r="G26567" t="s">
        <v>10734</v>
      </c>
      <c r="H26567" t="s">
        <v>10735</v>
      </c>
      <c r="I26567" s="2">
        <v>1</v>
      </c>
      <c r="J26567" s="2">
        <v>0</v>
      </c>
      <c r="K26567" s="2">
        <v>0</v>
      </c>
      <c r="L26567" t="s">
        <v>120</v>
      </c>
      <c r="M26567" t="s">
        <v>87</v>
      </c>
      <c r="N26567" t="s">
        <v>88</v>
      </c>
      <c r="O26567" t="s">
        <v>85</v>
      </c>
      <c r="P26567" t="s">
        <v>86</v>
      </c>
      <c r="Q26567">
        <v>49</v>
      </c>
      <c r="R26567">
        <v>50</v>
      </c>
      <c r="S26567">
        <v>50</v>
      </c>
      <c r="T26567">
        <v>51</v>
      </c>
      <c r="U26567">
        <v>51</v>
      </c>
      <c r="V26567">
        <v>52</v>
      </c>
      <c r="W26567">
        <v>52</v>
      </c>
      <c r="X26567">
        <v>53</v>
      </c>
      <c r="Y26567">
        <v>53</v>
      </c>
      <c r="Z26567">
        <v>54</v>
      </c>
      <c r="AA26567">
        <v>54</v>
      </c>
      <c r="AB26567">
        <v>55</v>
      </c>
      <c r="AC26567">
        <v>56</v>
      </c>
      <c r="AD26567">
        <v>56</v>
      </c>
      <c r="AE26567">
        <v>57</v>
      </c>
      <c r="AF26567">
        <v>57</v>
      </c>
      <c r="AG26567">
        <v>58</v>
      </c>
      <c r="AH26567">
        <v>59</v>
      </c>
      <c r="AI26567">
        <v>59</v>
      </c>
      <c r="AJ26567">
        <v>60</v>
      </c>
      <c r="AK26567">
        <v>61</v>
      </c>
      <c r="AL26567">
        <v>61</v>
      </c>
      <c r="AM26567">
        <v>62</v>
      </c>
      <c r="AN26567">
        <v>63</v>
      </c>
      <c r="AO26567">
        <v>64</v>
      </c>
      <c r="AP26567">
        <v>64</v>
      </c>
      <c r="AQ26567">
        <v>65</v>
      </c>
    </row>
    <row r="26568" spans="1:43">
      <c r="A26568" t="s">
        <v>16435</v>
      </c>
      <c r="B26568" t="s">
        <v>16436</v>
      </c>
      <c r="C26568" t="s">
        <v>16309</v>
      </c>
      <c r="D26568" t="s">
        <v>16310</v>
      </c>
      <c r="E26568" t="s">
        <v>16245</v>
      </c>
      <c r="F26568" t="s">
        <v>16246</v>
      </c>
      <c r="G26568" t="s">
        <v>10734</v>
      </c>
      <c r="H26568" t="s">
        <v>10735</v>
      </c>
      <c r="I26568" s="2">
        <v>1</v>
      </c>
      <c r="J26568" s="2">
        <v>0</v>
      </c>
      <c r="K26568" s="2">
        <v>0</v>
      </c>
      <c r="L26568" t="s">
        <v>120</v>
      </c>
      <c r="M26568" t="s">
        <v>89</v>
      </c>
      <c r="N26568" t="s">
        <v>90</v>
      </c>
      <c r="O26568" t="s">
        <v>85</v>
      </c>
      <c r="P26568" t="s">
        <v>86</v>
      </c>
      <c r="Q26568">
        <v>49</v>
      </c>
      <c r="R26568">
        <v>50</v>
      </c>
      <c r="S26568">
        <v>52</v>
      </c>
      <c r="T26568">
        <v>53</v>
      </c>
      <c r="U26568">
        <v>55</v>
      </c>
      <c r="V26568">
        <v>56</v>
      </c>
      <c r="W26568">
        <v>57</v>
      </c>
      <c r="X26568">
        <v>58</v>
      </c>
      <c r="Y26568">
        <v>60</v>
      </c>
      <c r="Z26568">
        <v>61</v>
      </c>
      <c r="AA26568">
        <v>62</v>
      </c>
      <c r="AB26568">
        <v>64</v>
      </c>
      <c r="AC26568">
        <v>65</v>
      </c>
      <c r="AD26568">
        <v>66</v>
      </c>
      <c r="AE26568">
        <v>67</v>
      </c>
      <c r="AF26568">
        <v>68</v>
      </c>
      <c r="AG26568">
        <v>68</v>
      </c>
      <c r="AH26568">
        <v>69</v>
      </c>
      <c r="AI26568">
        <v>69</v>
      </c>
      <c r="AJ26568">
        <v>70</v>
      </c>
      <c r="AK26568">
        <v>71</v>
      </c>
      <c r="AL26568">
        <v>71</v>
      </c>
      <c r="AM26568">
        <v>72</v>
      </c>
      <c r="AN26568">
        <v>72</v>
      </c>
      <c r="AO26568">
        <v>73</v>
      </c>
      <c r="AP26568">
        <v>74</v>
      </c>
      <c r="AQ26568">
        <v>74</v>
      </c>
    </row>
    <row r="26569" spans="1:43">
      <c r="A26569" t="s">
        <v>16435</v>
      </c>
      <c r="B26569" t="s">
        <v>16436</v>
      </c>
      <c r="C26569" t="s">
        <v>16309</v>
      </c>
      <c r="D26569" t="s">
        <v>16310</v>
      </c>
      <c r="E26569" t="s">
        <v>16245</v>
      </c>
      <c r="F26569" t="s">
        <v>16246</v>
      </c>
      <c r="G26569" t="s">
        <v>10734</v>
      </c>
      <c r="H26569" t="s">
        <v>10735</v>
      </c>
      <c r="I26569" s="2">
        <v>1</v>
      </c>
      <c r="J26569" s="2">
        <v>0</v>
      </c>
      <c r="K26569" s="2">
        <v>0</v>
      </c>
      <c r="L26569" t="s">
        <v>120</v>
      </c>
      <c r="M26569" t="s">
        <v>83</v>
      </c>
      <c r="N26569" t="s">
        <v>91</v>
      </c>
      <c r="O26569" t="s">
        <v>85</v>
      </c>
      <c r="P26569" t="s">
        <v>86</v>
      </c>
      <c r="Q26569">
        <v>49</v>
      </c>
      <c r="R26569">
        <v>49</v>
      </c>
      <c r="S26569">
        <v>50</v>
      </c>
      <c r="T26569">
        <v>51</v>
      </c>
      <c r="U26569">
        <v>52</v>
      </c>
      <c r="V26569">
        <v>53</v>
      </c>
      <c r="W26569">
        <v>54</v>
      </c>
      <c r="X26569">
        <v>55</v>
      </c>
      <c r="Y26569">
        <v>56</v>
      </c>
      <c r="Z26569">
        <v>58</v>
      </c>
      <c r="AA26569">
        <v>59</v>
      </c>
      <c r="AB26569">
        <v>60</v>
      </c>
      <c r="AC26569">
        <v>61</v>
      </c>
      <c r="AD26569">
        <v>62</v>
      </c>
      <c r="AE26569">
        <v>63</v>
      </c>
      <c r="AF26569">
        <v>64</v>
      </c>
      <c r="AG26569">
        <v>65</v>
      </c>
      <c r="AH26569">
        <v>66</v>
      </c>
      <c r="AI26569">
        <v>67</v>
      </c>
      <c r="AJ26569">
        <v>69</v>
      </c>
      <c r="AK26569">
        <v>70</v>
      </c>
      <c r="AL26569">
        <v>71</v>
      </c>
      <c r="AM26569">
        <v>71</v>
      </c>
      <c r="AN26569">
        <v>72</v>
      </c>
      <c r="AO26569">
        <v>72</v>
      </c>
      <c r="AP26569">
        <v>73</v>
      </c>
      <c r="AQ26569">
        <v>74</v>
      </c>
    </row>
    <row r="26570" spans="1:43">
      <c r="A26570" t="s">
        <v>16437</v>
      </c>
      <c r="B26570" t="s">
        <v>16438</v>
      </c>
      <c r="C26570" t="s">
        <v>16425</v>
      </c>
      <c r="D26570" t="s">
        <v>16426</v>
      </c>
      <c r="E26570" t="s">
        <v>16245</v>
      </c>
      <c r="F26570" t="s">
        <v>16246</v>
      </c>
      <c r="G26570" t="s">
        <v>10734</v>
      </c>
      <c r="H26570" t="s">
        <v>10735</v>
      </c>
      <c r="I26570" s="2">
        <v>1</v>
      </c>
      <c r="J26570" s="2">
        <v>0</v>
      </c>
      <c r="K26570" s="2">
        <v>0</v>
      </c>
      <c r="L26570" t="s">
        <v>120</v>
      </c>
      <c r="M26570" t="s">
        <v>83</v>
      </c>
      <c r="N26570" t="s">
        <v>84</v>
      </c>
      <c r="O26570" t="s">
        <v>85</v>
      </c>
      <c r="P26570" t="s">
        <v>86</v>
      </c>
      <c r="Q26570">
        <v>14</v>
      </c>
      <c r="R26570">
        <v>14</v>
      </c>
      <c r="S26570">
        <v>14</v>
      </c>
      <c r="T26570">
        <v>14</v>
      </c>
      <c r="U26570">
        <v>15</v>
      </c>
      <c r="V26570">
        <v>15</v>
      </c>
      <c r="W26570">
        <v>15</v>
      </c>
      <c r="X26570">
        <v>15</v>
      </c>
      <c r="Y26570">
        <v>16</v>
      </c>
      <c r="Z26570">
        <v>16</v>
      </c>
      <c r="AA26570">
        <v>16</v>
      </c>
      <c r="AB26570">
        <v>16</v>
      </c>
      <c r="AC26570">
        <v>17</v>
      </c>
      <c r="AD26570">
        <v>17</v>
      </c>
      <c r="AE26570">
        <v>17</v>
      </c>
      <c r="AF26570">
        <v>17</v>
      </c>
      <c r="AG26570">
        <v>18</v>
      </c>
      <c r="AH26570">
        <v>18</v>
      </c>
      <c r="AI26570">
        <v>18</v>
      </c>
      <c r="AJ26570">
        <v>19</v>
      </c>
      <c r="AK26570">
        <v>19</v>
      </c>
      <c r="AL26570">
        <v>19</v>
      </c>
      <c r="AM26570">
        <v>19</v>
      </c>
      <c r="AN26570">
        <v>19</v>
      </c>
      <c r="AO26570">
        <v>20</v>
      </c>
      <c r="AP26570">
        <v>20</v>
      </c>
      <c r="AQ26570">
        <v>20</v>
      </c>
    </row>
    <row r="26571" spans="1:43">
      <c r="A26571" t="s">
        <v>16437</v>
      </c>
      <c r="B26571" t="s">
        <v>16438</v>
      </c>
      <c r="C26571" t="s">
        <v>16425</v>
      </c>
      <c r="D26571" t="s">
        <v>16426</v>
      </c>
      <c r="E26571" t="s">
        <v>16245</v>
      </c>
      <c r="F26571" t="s">
        <v>16246</v>
      </c>
      <c r="G26571" t="s">
        <v>10734</v>
      </c>
      <c r="H26571" t="s">
        <v>10735</v>
      </c>
      <c r="I26571" s="2">
        <v>1</v>
      </c>
      <c r="J26571" s="2">
        <v>0</v>
      </c>
      <c r="K26571" s="2">
        <v>0</v>
      </c>
      <c r="L26571" t="s">
        <v>120</v>
      </c>
      <c r="M26571" t="s">
        <v>87</v>
      </c>
      <c r="N26571" t="s">
        <v>88</v>
      </c>
      <c r="O26571" t="s">
        <v>85</v>
      </c>
      <c r="P26571" t="s">
        <v>86</v>
      </c>
      <c r="Q26571">
        <v>14</v>
      </c>
      <c r="R26571">
        <v>15</v>
      </c>
      <c r="S26571">
        <v>15</v>
      </c>
      <c r="T26571">
        <v>15</v>
      </c>
      <c r="U26571">
        <v>15</v>
      </c>
      <c r="V26571">
        <v>15</v>
      </c>
      <c r="W26571">
        <v>15</v>
      </c>
      <c r="X26571">
        <v>15</v>
      </c>
      <c r="Y26571">
        <v>16</v>
      </c>
      <c r="Z26571">
        <v>16</v>
      </c>
      <c r="AA26571">
        <v>16</v>
      </c>
      <c r="AB26571">
        <v>16</v>
      </c>
      <c r="AC26571">
        <v>16</v>
      </c>
      <c r="AD26571">
        <v>16</v>
      </c>
      <c r="AE26571">
        <v>16</v>
      </c>
      <c r="AF26571">
        <v>17</v>
      </c>
      <c r="AG26571">
        <v>17</v>
      </c>
      <c r="AH26571">
        <v>17</v>
      </c>
      <c r="AI26571">
        <v>17</v>
      </c>
      <c r="AJ26571">
        <v>17</v>
      </c>
      <c r="AK26571">
        <v>18</v>
      </c>
      <c r="AL26571">
        <v>18</v>
      </c>
      <c r="AM26571">
        <v>18</v>
      </c>
      <c r="AN26571">
        <v>18</v>
      </c>
      <c r="AO26571">
        <v>18</v>
      </c>
      <c r="AP26571">
        <v>18</v>
      </c>
      <c r="AQ26571">
        <v>19</v>
      </c>
    </row>
    <row r="26572" spans="1:43">
      <c r="A26572" t="s">
        <v>16437</v>
      </c>
      <c r="B26572" t="s">
        <v>16438</v>
      </c>
      <c r="C26572" t="s">
        <v>16425</v>
      </c>
      <c r="D26572" t="s">
        <v>16426</v>
      </c>
      <c r="E26572" t="s">
        <v>16245</v>
      </c>
      <c r="F26572" t="s">
        <v>16246</v>
      </c>
      <c r="G26572" t="s">
        <v>10734</v>
      </c>
      <c r="H26572" t="s">
        <v>10735</v>
      </c>
      <c r="I26572" s="2">
        <v>1</v>
      </c>
      <c r="J26572" s="2">
        <v>0</v>
      </c>
      <c r="K26572" s="2">
        <v>0</v>
      </c>
      <c r="L26572" t="s">
        <v>120</v>
      </c>
      <c r="M26572" t="s">
        <v>89</v>
      </c>
      <c r="N26572" t="s">
        <v>90</v>
      </c>
      <c r="O26572" t="s">
        <v>85</v>
      </c>
      <c r="P26572" t="s">
        <v>86</v>
      </c>
      <c r="Q26572">
        <v>14</v>
      </c>
      <c r="R26572">
        <v>14</v>
      </c>
      <c r="S26572">
        <v>14</v>
      </c>
      <c r="T26572">
        <v>15</v>
      </c>
      <c r="U26572">
        <v>15</v>
      </c>
      <c r="V26572">
        <v>15</v>
      </c>
      <c r="W26572">
        <v>16</v>
      </c>
      <c r="X26572">
        <v>16</v>
      </c>
      <c r="Y26572">
        <v>16</v>
      </c>
      <c r="Z26572">
        <v>17</v>
      </c>
      <c r="AA26572">
        <v>17</v>
      </c>
      <c r="AB26572">
        <v>17</v>
      </c>
      <c r="AC26572">
        <v>18</v>
      </c>
      <c r="AD26572">
        <v>18</v>
      </c>
      <c r="AE26572">
        <v>18</v>
      </c>
      <c r="AF26572">
        <v>18</v>
      </c>
      <c r="AG26572">
        <v>19</v>
      </c>
      <c r="AH26572">
        <v>19</v>
      </c>
      <c r="AI26572">
        <v>19</v>
      </c>
      <c r="AJ26572">
        <v>19</v>
      </c>
      <c r="AK26572">
        <v>19</v>
      </c>
      <c r="AL26572">
        <v>19</v>
      </c>
      <c r="AM26572">
        <v>19</v>
      </c>
      <c r="AN26572">
        <v>20</v>
      </c>
      <c r="AO26572">
        <v>20</v>
      </c>
      <c r="AP26572">
        <v>20</v>
      </c>
      <c r="AQ26572">
        <v>20</v>
      </c>
    </row>
    <row r="26573" spans="1:43">
      <c r="A26573" t="s">
        <v>16437</v>
      </c>
      <c r="B26573" t="s">
        <v>16438</v>
      </c>
      <c r="C26573" t="s">
        <v>16425</v>
      </c>
      <c r="D26573" t="s">
        <v>16426</v>
      </c>
      <c r="E26573" t="s">
        <v>16245</v>
      </c>
      <c r="F26573" t="s">
        <v>16246</v>
      </c>
      <c r="G26573" t="s">
        <v>10734</v>
      </c>
      <c r="H26573" t="s">
        <v>10735</v>
      </c>
      <c r="I26573" s="2">
        <v>1</v>
      </c>
      <c r="J26573" s="2">
        <v>0</v>
      </c>
      <c r="K26573" s="2">
        <v>0</v>
      </c>
      <c r="L26573" t="s">
        <v>120</v>
      </c>
      <c r="M26573" t="s">
        <v>83</v>
      </c>
      <c r="N26573" t="s">
        <v>91</v>
      </c>
      <c r="O26573" t="s">
        <v>85</v>
      </c>
      <c r="P26573" t="s">
        <v>86</v>
      </c>
      <c r="Q26573">
        <v>14</v>
      </c>
      <c r="R26573">
        <v>14</v>
      </c>
      <c r="S26573">
        <v>14</v>
      </c>
      <c r="T26573">
        <v>14</v>
      </c>
      <c r="U26573">
        <v>15</v>
      </c>
      <c r="V26573">
        <v>15</v>
      </c>
      <c r="W26573">
        <v>15</v>
      </c>
      <c r="X26573">
        <v>15</v>
      </c>
      <c r="Y26573">
        <v>16</v>
      </c>
      <c r="Z26573">
        <v>16</v>
      </c>
      <c r="AA26573">
        <v>16</v>
      </c>
      <c r="AB26573">
        <v>16</v>
      </c>
      <c r="AC26573">
        <v>17</v>
      </c>
      <c r="AD26573">
        <v>17</v>
      </c>
      <c r="AE26573">
        <v>17</v>
      </c>
      <c r="AF26573">
        <v>17</v>
      </c>
      <c r="AG26573">
        <v>18</v>
      </c>
      <c r="AH26573">
        <v>18</v>
      </c>
      <c r="AI26573">
        <v>18</v>
      </c>
      <c r="AJ26573">
        <v>19</v>
      </c>
      <c r="AK26573">
        <v>19</v>
      </c>
      <c r="AL26573">
        <v>19</v>
      </c>
      <c r="AM26573">
        <v>19</v>
      </c>
      <c r="AN26573">
        <v>19</v>
      </c>
      <c r="AO26573">
        <v>20</v>
      </c>
      <c r="AP26573">
        <v>20</v>
      </c>
      <c r="AQ26573">
        <v>20</v>
      </c>
    </row>
    <row r="26574" spans="1:43">
      <c r="A26574" t="s">
        <v>16439</v>
      </c>
      <c r="B26574" t="s">
        <v>16440</v>
      </c>
      <c r="C26574" t="s">
        <v>16425</v>
      </c>
      <c r="D26574" t="s">
        <v>16426</v>
      </c>
      <c r="E26574" t="s">
        <v>16245</v>
      </c>
      <c r="F26574" t="s">
        <v>16246</v>
      </c>
      <c r="G26574" t="s">
        <v>10734</v>
      </c>
      <c r="H26574" t="s">
        <v>10735</v>
      </c>
      <c r="I26574" s="2">
        <v>1</v>
      </c>
      <c r="J26574" s="2">
        <v>0</v>
      </c>
      <c r="K26574" s="2">
        <v>0</v>
      </c>
      <c r="L26574" t="s">
        <v>120</v>
      </c>
      <c r="M26574" t="s">
        <v>83</v>
      </c>
      <c r="N26574" t="s">
        <v>84</v>
      </c>
      <c r="O26574" t="s">
        <v>85</v>
      </c>
      <c r="P26574" t="s">
        <v>86</v>
      </c>
      <c r="Q26574">
        <v>7</v>
      </c>
      <c r="R26574">
        <v>7</v>
      </c>
      <c r="S26574">
        <v>7</v>
      </c>
      <c r="T26574">
        <v>7</v>
      </c>
      <c r="U26574">
        <v>8</v>
      </c>
      <c r="V26574">
        <v>8</v>
      </c>
      <c r="W26574">
        <v>8</v>
      </c>
      <c r="X26574">
        <v>8</v>
      </c>
      <c r="Y26574">
        <v>8</v>
      </c>
      <c r="Z26574">
        <v>8</v>
      </c>
      <c r="AA26574">
        <v>8</v>
      </c>
      <c r="AB26574">
        <v>9</v>
      </c>
      <c r="AC26574">
        <v>9</v>
      </c>
      <c r="AD26574">
        <v>9</v>
      </c>
      <c r="AE26574">
        <v>9</v>
      </c>
      <c r="AF26574">
        <v>9</v>
      </c>
      <c r="AG26574">
        <v>9</v>
      </c>
      <c r="AH26574">
        <v>9</v>
      </c>
      <c r="AI26574">
        <v>9</v>
      </c>
      <c r="AJ26574">
        <v>10</v>
      </c>
      <c r="AK26574">
        <v>10</v>
      </c>
      <c r="AL26574">
        <v>10</v>
      </c>
      <c r="AM26574">
        <v>10</v>
      </c>
      <c r="AN26574">
        <v>10</v>
      </c>
      <c r="AO26574">
        <v>10</v>
      </c>
      <c r="AP26574">
        <v>10</v>
      </c>
      <c r="AQ26574">
        <v>10</v>
      </c>
    </row>
    <row r="26575" spans="1:43">
      <c r="A26575" t="s">
        <v>16439</v>
      </c>
      <c r="B26575" t="s">
        <v>16440</v>
      </c>
      <c r="C26575" t="s">
        <v>16425</v>
      </c>
      <c r="D26575" t="s">
        <v>16426</v>
      </c>
      <c r="E26575" t="s">
        <v>16245</v>
      </c>
      <c r="F26575" t="s">
        <v>16246</v>
      </c>
      <c r="G26575" t="s">
        <v>10734</v>
      </c>
      <c r="H26575" t="s">
        <v>10735</v>
      </c>
      <c r="I26575" s="2">
        <v>1</v>
      </c>
      <c r="J26575" s="2">
        <v>0</v>
      </c>
      <c r="K26575" s="2">
        <v>0</v>
      </c>
      <c r="L26575" t="s">
        <v>120</v>
      </c>
      <c r="M26575" t="s">
        <v>87</v>
      </c>
      <c r="N26575" t="s">
        <v>88</v>
      </c>
      <c r="O26575" t="s">
        <v>85</v>
      </c>
      <c r="P26575" t="s">
        <v>86</v>
      </c>
      <c r="Q26575">
        <v>7</v>
      </c>
      <c r="R26575">
        <v>7</v>
      </c>
      <c r="S26575">
        <v>7</v>
      </c>
      <c r="T26575">
        <v>7</v>
      </c>
      <c r="U26575">
        <v>7</v>
      </c>
      <c r="V26575">
        <v>7</v>
      </c>
      <c r="W26575">
        <v>7</v>
      </c>
      <c r="X26575">
        <v>7</v>
      </c>
      <c r="Y26575">
        <v>8</v>
      </c>
      <c r="Z26575">
        <v>8</v>
      </c>
      <c r="AA26575">
        <v>8</v>
      </c>
      <c r="AB26575">
        <v>8</v>
      </c>
      <c r="AC26575">
        <v>8</v>
      </c>
      <c r="AD26575">
        <v>8</v>
      </c>
      <c r="AE26575">
        <v>8</v>
      </c>
      <c r="AF26575">
        <v>8</v>
      </c>
      <c r="AG26575">
        <v>8</v>
      </c>
      <c r="AH26575">
        <v>8</v>
      </c>
      <c r="AI26575">
        <v>8</v>
      </c>
      <c r="AJ26575">
        <v>8</v>
      </c>
      <c r="AK26575">
        <v>9</v>
      </c>
      <c r="AL26575">
        <v>9</v>
      </c>
      <c r="AM26575">
        <v>9</v>
      </c>
      <c r="AN26575">
        <v>9</v>
      </c>
      <c r="AO26575">
        <v>9</v>
      </c>
      <c r="AP26575">
        <v>9</v>
      </c>
      <c r="AQ26575">
        <v>9</v>
      </c>
    </row>
    <row r="26576" spans="1:43">
      <c r="A26576" t="s">
        <v>16439</v>
      </c>
      <c r="B26576" t="s">
        <v>16440</v>
      </c>
      <c r="C26576" t="s">
        <v>16425</v>
      </c>
      <c r="D26576" t="s">
        <v>16426</v>
      </c>
      <c r="E26576" t="s">
        <v>16245</v>
      </c>
      <c r="F26576" t="s">
        <v>16246</v>
      </c>
      <c r="G26576" t="s">
        <v>10734</v>
      </c>
      <c r="H26576" t="s">
        <v>10735</v>
      </c>
      <c r="I26576" s="2">
        <v>1</v>
      </c>
      <c r="J26576" s="2">
        <v>0</v>
      </c>
      <c r="K26576" s="2">
        <v>0</v>
      </c>
      <c r="L26576" t="s">
        <v>120</v>
      </c>
      <c r="M26576" t="s">
        <v>89</v>
      </c>
      <c r="N26576" t="s">
        <v>90</v>
      </c>
      <c r="O26576" t="s">
        <v>85</v>
      </c>
      <c r="P26576" t="s">
        <v>86</v>
      </c>
      <c r="Q26576">
        <v>7</v>
      </c>
      <c r="R26576">
        <v>7</v>
      </c>
      <c r="S26576">
        <v>7</v>
      </c>
      <c r="T26576">
        <v>8</v>
      </c>
      <c r="U26576">
        <v>8</v>
      </c>
      <c r="V26576">
        <v>8</v>
      </c>
      <c r="W26576">
        <v>8</v>
      </c>
      <c r="X26576">
        <v>8</v>
      </c>
      <c r="Y26576">
        <v>8</v>
      </c>
      <c r="Z26576">
        <v>9</v>
      </c>
      <c r="AA26576">
        <v>9</v>
      </c>
      <c r="AB26576">
        <v>9</v>
      </c>
      <c r="AC26576">
        <v>9</v>
      </c>
      <c r="AD26576">
        <v>9</v>
      </c>
      <c r="AE26576">
        <v>9</v>
      </c>
      <c r="AF26576">
        <v>10</v>
      </c>
      <c r="AG26576">
        <v>10</v>
      </c>
      <c r="AH26576">
        <v>10</v>
      </c>
      <c r="AI26576">
        <v>10</v>
      </c>
      <c r="AJ26576">
        <v>10</v>
      </c>
      <c r="AK26576">
        <v>10</v>
      </c>
      <c r="AL26576">
        <v>10</v>
      </c>
      <c r="AM26576">
        <v>10</v>
      </c>
      <c r="AN26576">
        <v>10</v>
      </c>
      <c r="AO26576">
        <v>10</v>
      </c>
      <c r="AP26576">
        <v>10</v>
      </c>
      <c r="AQ26576">
        <v>10</v>
      </c>
    </row>
    <row r="26577" spans="1:43">
      <c r="A26577" t="s">
        <v>16439</v>
      </c>
      <c r="B26577" t="s">
        <v>16440</v>
      </c>
      <c r="C26577" t="s">
        <v>16425</v>
      </c>
      <c r="D26577" t="s">
        <v>16426</v>
      </c>
      <c r="E26577" t="s">
        <v>16245</v>
      </c>
      <c r="F26577" t="s">
        <v>16246</v>
      </c>
      <c r="G26577" t="s">
        <v>10734</v>
      </c>
      <c r="H26577" t="s">
        <v>10735</v>
      </c>
      <c r="I26577" s="2">
        <v>1</v>
      </c>
      <c r="J26577" s="2">
        <v>0</v>
      </c>
      <c r="K26577" s="2">
        <v>0</v>
      </c>
      <c r="L26577" t="s">
        <v>120</v>
      </c>
      <c r="M26577" t="s">
        <v>83</v>
      </c>
      <c r="N26577" t="s">
        <v>91</v>
      </c>
      <c r="O26577" t="s">
        <v>85</v>
      </c>
      <c r="P26577" t="s">
        <v>86</v>
      </c>
      <c r="Q26577">
        <v>7</v>
      </c>
      <c r="R26577">
        <v>7</v>
      </c>
      <c r="S26577">
        <v>7</v>
      </c>
      <c r="T26577">
        <v>7</v>
      </c>
      <c r="U26577">
        <v>8</v>
      </c>
      <c r="V26577">
        <v>8</v>
      </c>
      <c r="W26577">
        <v>8</v>
      </c>
      <c r="X26577">
        <v>8</v>
      </c>
      <c r="Y26577">
        <v>8</v>
      </c>
      <c r="Z26577">
        <v>8</v>
      </c>
      <c r="AA26577">
        <v>8</v>
      </c>
      <c r="AB26577">
        <v>9</v>
      </c>
      <c r="AC26577">
        <v>9</v>
      </c>
      <c r="AD26577">
        <v>9</v>
      </c>
      <c r="AE26577">
        <v>9</v>
      </c>
      <c r="AF26577">
        <v>9</v>
      </c>
      <c r="AG26577">
        <v>9</v>
      </c>
      <c r="AH26577">
        <v>9</v>
      </c>
      <c r="AI26577">
        <v>9</v>
      </c>
      <c r="AJ26577">
        <v>10</v>
      </c>
      <c r="AK26577">
        <v>10</v>
      </c>
      <c r="AL26577">
        <v>10</v>
      </c>
      <c r="AM26577">
        <v>10</v>
      </c>
      <c r="AN26577">
        <v>10</v>
      </c>
      <c r="AO26577">
        <v>10</v>
      </c>
      <c r="AP26577">
        <v>10</v>
      </c>
      <c r="AQ26577">
        <v>10</v>
      </c>
    </row>
    <row r="26578" spans="1:43">
      <c r="A26578" t="s">
        <v>16441</v>
      </c>
      <c r="B26578" t="s">
        <v>16442</v>
      </c>
      <c r="C26578" t="s">
        <v>16425</v>
      </c>
      <c r="D26578" t="s">
        <v>16426</v>
      </c>
      <c r="E26578" t="s">
        <v>16245</v>
      </c>
      <c r="F26578" t="s">
        <v>16246</v>
      </c>
      <c r="G26578" t="s">
        <v>10734</v>
      </c>
      <c r="H26578" t="s">
        <v>10735</v>
      </c>
      <c r="I26578" s="2">
        <v>1</v>
      </c>
      <c r="J26578" s="2">
        <v>0</v>
      </c>
      <c r="K26578" s="2">
        <v>0</v>
      </c>
      <c r="L26578" t="s">
        <v>120</v>
      </c>
      <c r="M26578" t="s">
        <v>83</v>
      </c>
      <c r="N26578" t="s">
        <v>84</v>
      </c>
      <c r="O26578" t="s">
        <v>85</v>
      </c>
      <c r="P26578" t="s">
        <v>86</v>
      </c>
      <c r="Q26578">
        <v>28</v>
      </c>
      <c r="R26578">
        <v>29</v>
      </c>
      <c r="S26578">
        <v>29</v>
      </c>
      <c r="T26578">
        <v>30</v>
      </c>
      <c r="U26578">
        <v>30</v>
      </c>
      <c r="V26578">
        <v>31</v>
      </c>
      <c r="W26578">
        <v>31</v>
      </c>
      <c r="X26578">
        <v>32</v>
      </c>
      <c r="Y26578">
        <v>33</v>
      </c>
      <c r="Z26578">
        <v>33</v>
      </c>
      <c r="AA26578">
        <v>34</v>
      </c>
      <c r="AB26578">
        <v>34</v>
      </c>
      <c r="AC26578">
        <v>35</v>
      </c>
      <c r="AD26578">
        <v>35</v>
      </c>
      <c r="AE26578">
        <v>36</v>
      </c>
      <c r="AF26578">
        <v>36</v>
      </c>
      <c r="AG26578">
        <v>37</v>
      </c>
      <c r="AH26578">
        <v>38</v>
      </c>
      <c r="AI26578">
        <v>38</v>
      </c>
      <c r="AJ26578">
        <v>39</v>
      </c>
      <c r="AK26578">
        <v>40</v>
      </c>
      <c r="AL26578">
        <v>40</v>
      </c>
      <c r="AM26578">
        <v>40</v>
      </c>
      <c r="AN26578">
        <v>41</v>
      </c>
      <c r="AO26578">
        <v>41</v>
      </c>
      <c r="AP26578">
        <v>41</v>
      </c>
      <c r="AQ26578">
        <v>42</v>
      </c>
    </row>
    <row r="26579" spans="1:43">
      <c r="A26579" t="s">
        <v>16441</v>
      </c>
      <c r="B26579" t="s">
        <v>16442</v>
      </c>
      <c r="C26579" t="s">
        <v>16425</v>
      </c>
      <c r="D26579" t="s">
        <v>16426</v>
      </c>
      <c r="E26579" t="s">
        <v>16245</v>
      </c>
      <c r="F26579" t="s">
        <v>16246</v>
      </c>
      <c r="G26579" t="s">
        <v>10734</v>
      </c>
      <c r="H26579" t="s">
        <v>10735</v>
      </c>
      <c r="I26579" s="2">
        <v>1</v>
      </c>
      <c r="J26579" s="2">
        <v>0</v>
      </c>
      <c r="K26579" s="2">
        <v>0</v>
      </c>
      <c r="L26579" t="s">
        <v>120</v>
      </c>
      <c r="M26579" t="s">
        <v>87</v>
      </c>
      <c r="N26579" t="s">
        <v>88</v>
      </c>
      <c r="O26579" t="s">
        <v>85</v>
      </c>
      <c r="P26579" t="s">
        <v>86</v>
      </c>
      <c r="Q26579">
        <v>28</v>
      </c>
      <c r="R26579">
        <v>28</v>
      </c>
      <c r="S26579">
        <v>28</v>
      </c>
      <c r="T26579">
        <v>29</v>
      </c>
      <c r="U26579">
        <v>29</v>
      </c>
      <c r="V26579">
        <v>29</v>
      </c>
      <c r="W26579">
        <v>30</v>
      </c>
      <c r="X26579">
        <v>30</v>
      </c>
      <c r="Y26579">
        <v>30</v>
      </c>
      <c r="Z26579">
        <v>30</v>
      </c>
      <c r="AA26579">
        <v>31</v>
      </c>
      <c r="AB26579">
        <v>31</v>
      </c>
      <c r="AC26579">
        <v>31</v>
      </c>
      <c r="AD26579">
        <v>32</v>
      </c>
      <c r="AE26579">
        <v>32</v>
      </c>
      <c r="AF26579">
        <v>32</v>
      </c>
      <c r="AG26579">
        <v>33</v>
      </c>
      <c r="AH26579">
        <v>33</v>
      </c>
      <c r="AI26579">
        <v>34</v>
      </c>
      <c r="AJ26579">
        <v>34</v>
      </c>
      <c r="AK26579">
        <v>34</v>
      </c>
      <c r="AL26579">
        <v>35</v>
      </c>
      <c r="AM26579">
        <v>35</v>
      </c>
      <c r="AN26579">
        <v>35</v>
      </c>
      <c r="AO26579">
        <v>36</v>
      </c>
      <c r="AP26579">
        <v>36</v>
      </c>
      <c r="AQ26579">
        <v>37</v>
      </c>
    </row>
    <row r="26580" spans="1:43">
      <c r="A26580" t="s">
        <v>16441</v>
      </c>
      <c r="B26580" t="s">
        <v>16442</v>
      </c>
      <c r="C26580" t="s">
        <v>16425</v>
      </c>
      <c r="D26580" t="s">
        <v>16426</v>
      </c>
      <c r="E26580" t="s">
        <v>16245</v>
      </c>
      <c r="F26580" t="s">
        <v>16246</v>
      </c>
      <c r="G26580" t="s">
        <v>10734</v>
      </c>
      <c r="H26580" t="s">
        <v>10735</v>
      </c>
      <c r="I26580" s="2">
        <v>1</v>
      </c>
      <c r="J26580" s="2">
        <v>0</v>
      </c>
      <c r="K26580" s="2">
        <v>0</v>
      </c>
      <c r="L26580" t="s">
        <v>120</v>
      </c>
      <c r="M26580" t="s">
        <v>89</v>
      </c>
      <c r="N26580" t="s">
        <v>90</v>
      </c>
      <c r="O26580" t="s">
        <v>85</v>
      </c>
      <c r="P26580" t="s">
        <v>86</v>
      </c>
      <c r="Q26580">
        <v>28</v>
      </c>
      <c r="R26580">
        <v>29</v>
      </c>
      <c r="S26580">
        <v>30</v>
      </c>
      <c r="T26580">
        <v>31</v>
      </c>
      <c r="U26580">
        <v>31</v>
      </c>
      <c r="V26580">
        <v>32</v>
      </c>
      <c r="W26580">
        <v>33</v>
      </c>
      <c r="X26580">
        <v>34</v>
      </c>
      <c r="Y26580">
        <v>34</v>
      </c>
      <c r="Z26580">
        <v>35</v>
      </c>
      <c r="AA26580">
        <v>36</v>
      </c>
      <c r="AB26580">
        <v>36</v>
      </c>
      <c r="AC26580">
        <v>37</v>
      </c>
      <c r="AD26580">
        <v>38</v>
      </c>
      <c r="AE26580">
        <v>38</v>
      </c>
      <c r="AF26580">
        <v>39</v>
      </c>
      <c r="AG26580">
        <v>39</v>
      </c>
      <c r="AH26580">
        <v>39</v>
      </c>
      <c r="AI26580">
        <v>39</v>
      </c>
      <c r="AJ26580">
        <v>40</v>
      </c>
      <c r="AK26580">
        <v>40</v>
      </c>
      <c r="AL26580">
        <v>40</v>
      </c>
      <c r="AM26580">
        <v>41</v>
      </c>
      <c r="AN26580">
        <v>41</v>
      </c>
      <c r="AO26580">
        <v>41</v>
      </c>
      <c r="AP26580">
        <v>42</v>
      </c>
      <c r="AQ26580">
        <v>42</v>
      </c>
    </row>
    <row r="26581" spans="1:43">
      <c r="A26581" t="s">
        <v>16441</v>
      </c>
      <c r="B26581" t="s">
        <v>16442</v>
      </c>
      <c r="C26581" t="s">
        <v>16425</v>
      </c>
      <c r="D26581" t="s">
        <v>16426</v>
      </c>
      <c r="E26581" t="s">
        <v>16245</v>
      </c>
      <c r="F26581" t="s">
        <v>16246</v>
      </c>
      <c r="G26581" t="s">
        <v>10734</v>
      </c>
      <c r="H26581" t="s">
        <v>10735</v>
      </c>
      <c r="I26581" s="2">
        <v>1</v>
      </c>
      <c r="J26581" s="2">
        <v>0</v>
      </c>
      <c r="K26581" s="2">
        <v>0</v>
      </c>
      <c r="L26581" t="s">
        <v>120</v>
      </c>
      <c r="M26581" t="s">
        <v>83</v>
      </c>
      <c r="N26581" t="s">
        <v>91</v>
      </c>
      <c r="O26581" t="s">
        <v>85</v>
      </c>
      <c r="P26581" t="s">
        <v>86</v>
      </c>
      <c r="Q26581">
        <v>28</v>
      </c>
      <c r="R26581">
        <v>29</v>
      </c>
      <c r="S26581">
        <v>29</v>
      </c>
      <c r="T26581">
        <v>30</v>
      </c>
      <c r="U26581">
        <v>30</v>
      </c>
      <c r="V26581">
        <v>31</v>
      </c>
      <c r="W26581">
        <v>31</v>
      </c>
      <c r="X26581">
        <v>32</v>
      </c>
      <c r="Y26581">
        <v>33</v>
      </c>
      <c r="Z26581">
        <v>33</v>
      </c>
      <c r="AA26581">
        <v>34</v>
      </c>
      <c r="AB26581">
        <v>34</v>
      </c>
      <c r="AC26581">
        <v>35</v>
      </c>
      <c r="AD26581">
        <v>35</v>
      </c>
      <c r="AE26581">
        <v>36</v>
      </c>
      <c r="AF26581">
        <v>36</v>
      </c>
      <c r="AG26581">
        <v>37</v>
      </c>
      <c r="AH26581">
        <v>38</v>
      </c>
      <c r="AI26581">
        <v>38</v>
      </c>
      <c r="AJ26581">
        <v>39</v>
      </c>
      <c r="AK26581">
        <v>40</v>
      </c>
      <c r="AL26581">
        <v>40</v>
      </c>
      <c r="AM26581">
        <v>40</v>
      </c>
      <c r="AN26581">
        <v>41</v>
      </c>
      <c r="AO26581">
        <v>41</v>
      </c>
      <c r="AP26581">
        <v>41</v>
      </c>
      <c r="AQ26581">
        <v>42</v>
      </c>
    </row>
    <row r="26582" spans="1:43">
      <c r="A26582" t="s">
        <v>16443</v>
      </c>
      <c r="B26582" t="s">
        <v>16444</v>
      </c>
      <c r="C26582" t="s">
        <v>16259</v>
      </c>
      <c r="D26582" t="s">
        <v>16260</v>
      </c>
      <c r="E26582" t="s">
        <v>16245</v>
      </c>
      <c r="F26582" t="s">
        <v>16246</v>
      </c>
      <c r="G26582" t="s">
        <v>10734</v>
      </c>
      <c r="H26582" t="s">
        <v>10735</v>
      </c>
      <c r="I26582" s="2">
        <v>1</v>
      </c>
      <c r="J26582" s="2">
        <v>0</v>
      </c>
      <c r="K26582" s="2">
        <v>0</v>
      </c>
      <c r="L26582" t="s">
        <v>120</v>
      </c>
      <c r="M26582" t="s">
        <v>83</v>
      </c>
      <c r="N26582" t="s">
        <v>84</v>
      </c>
      <c r="O26582" t="s">
        <v>85</v>
      </c>
      <c r="P26582" t="s">
        <v>86</v>
      </c>
      <c r="Q26582">
        <v>65</v>
      </c>
      <c r="R26582">
        <v>67</v>
      </c>
      <c r="S26582">
        <v>68</v>
      </c>
      <c r="T26582">
        <v>69</v>
      </c>
      <c r="U26582">
        <v>71</v>
      </c>
      <c r="V26582">
        <v>72</v>
      </c>
      <c r="W26582">
        <v>74</v>
      </c>
      <c r="X26582">
        <v>75</v>
      </c>
      <c r="Y26582">
        <v>76</v>
      </c>
      <c r="Z26582">
        <v>78</v>
      </c>
      <c r="AA26582">
        <v>79</v>
      </c>
      <c r="AB26582">
        <v>80</v>
      </c>
      <c r="AC26582">
        <v>82</v>
      </c>
      <c r="AD26582">
        <v>83</v>
      </c>
      <c r="AE26582">
        <v>85</v>
      </c>
      <c r="AF26582">
        <v>86</v>
      </c>
      <c r="AG26582">
        <v>88</v>
      </c>
      <c r="AH26582">
        <v>90</v>
      </c>
      <c r="AI26582">
        <v>91</v>
      </c>
      <c r="AJ26582">
        <v>93</v>
      </c>
      <c r="AK26582">
        <v>94</v>
      </c>
      <c r="AL26582">
        <v>96</v>
      </c>
      <c r="AM26582">
        <v>96</v>
      </c>
      <c r="AN26582">
        <v>97</v>
      </c>
      <c r="AO26582">
        <v>98</v>
      </c>
      <c r="AP26582">
        <v>99</v>
      </c>
      <c r="AQ26582">
        <v>100</v>
      </c>
    </row>
    <row r="26583" spans="1:43">
      <c r="A26583" t="s">
        <v>16443</v>
      </c>
      <c r="B26583" t="s">
        <v>16444</v>
      </c>
      <c r="C26583" t="s">
        <v>16259</v>
      </c>
      <c r="D26583" t="s">
        <v>16260</v>
      </c>
      <c r="E26583" t="s">
        <v>16245</v>
      </c>
      <c r="F26583" t="s">
        <v>16246</v>
      </c>
      <c r="G26583" t="s">
        <v>10734</v>
      </c>
      <c r="H26583" t="s">
        <v>10735</v>
      </c>
      <c r="I26583" s="2">
        <v>1</v>
      </c>
      <c r="J26583" s="2">
        <v>0</v>
      </c>
      <c r="K26583" s="2">
        <v>0</v>
      </c>
      <c r="L26583" t="s">
        <v>120</v>
      </c>
      <c r="M26583" t="s">
        <v>87</v>
      </c>
      <c r="N26583" t="s">
        <v>88</v>
      </c>
      <c r="O26583" t="s">
        <v>85</v>
      </c>
      <c r="P26583" t="s">
        <v>86</v>
      </c>
      <c r="Q26583">
        <v>65</v>
      </c>
      <c r="R26583">
        <v>65</v>
      </c>
      <c r="S26583">
        <v>66</v>
      </c>
      <c r="T26583">
        <v>67</v>
      </c>
      <c r="U26583">
        <v>68</v>
      </c>
      <c r="V26583">
        <v>68</v>
      </c>
      <c r="W26583">
        <v>69</v>
      </c>
      <c r="X26583">
        <v>70</v>
      </c>
      <c r="Y26583">
        <v>71</v>
      </c>
      <c r="Z26583">
        <v>71</v>
      </c>
      <c r="AA26583">
        <v>72</v>
      </c>
      <c r="AB26583">
        <v>73</v>
      </c>
      <c r="AC26583">
        <v>74</v>
      </c>
      <c r="AD26583">
        <v>75</v>
      </c>
      <c r="AE26583">
        <v>75</v>
      </c>
      <c r="AF26583">
        <v>76</v>
      </c>
      <c r="AG26583">
        <v>77</v>
      </c>
      <c r="AH26583">
        <v>78</v>
      </c>
      <c r="AI26583">
        <v>79</v>
      </c>
      <c r="AJ26583">
        <v>80</v>
      </c>
      <c r="AK26583">
        <v>81</v>
      </c>
      <c r="AL26583">
        <v>82</v>
      </c>
      <c r="AM26583">
        <v>83</v>
      </c>
      <c r="AN26583">
        <v>84</v>
      </c>
      <c r="AO26583">
        <v>85</v>
      </c>
      <c r="AP26583">
        <v>86</v>
      </c>
      <c r="AQ26583">
        <v>87</v>
      </c>
    </row>
    <row r="26584" spans="1:43">
      <c r="A26584" t="s">
        <v>16443</v>
      </c>
      <c r="B26584" t="s">
        <v>16444</v>
      </c>
      <c r="C26584" t="s">
        <v>16259</v>
      </c>
      <c r="D26584" t="s">
        <v>16260</v>
      </c>
      <c r="E26584" t="s">
        <v>16245</v>
      </c>
      <c r="F26584" t="s">
        <v>16246</v>
      </c>
      <c r="G26584" t="s">
        <v>10734</v>
      </c>
      <c r="H26584" t="s">
        <v>10735</v>
      </c>
      <c r="I26584" s="2">
        <v>1</v>
      </c>
      <c r="J26584" s="2">
        <v>0</v>
      </c>
      <c r="K26584" s="2">
        <v>0</v>
      </c>
      <c r="L26584" t="s">
        <v>120</v>
      </c>
      <c r="M26584" t="s">
        <v>89</v>
      </c>
      <c r="N26584" t="s">
        <v>90</v>
      </c>
      <c r="O26584" t="s">
        <v>85</v>
      </c>
      <c r="P26584" t="s">
        <v>86</v>
      </c>
      <c r="Q26584">
        <v>65</v>
      </c>
      <c r="R26584">
        <v>67</v>
      </c>
      <c r="S26584">
        <v>69</v>
      </c>
      <c r="T26584">
        <v>71</v>
      </c>
      <c r="U26584">
        <v>73</v>
      </c>
      <c r="V26584">
        <v>74</v>
      </c>
      <c r="W26584">
        <v>76</v>
      </c>
      <c r="X26584">
        <v>78</v>
      </c>
      <c r="Y26584">
        <v>80</v>
      </c>
      <c r="Z26584">
        <v>81</v>
      </c>
      <c r="AA26584">
        <v>83</v>
      </c>
      <c r="AB26584">
        <v>85</v>
      </c>
      <c r="AC26584">
        <v>87</v>
      </c>
      <c r="AD26584">
        <v>89</v>
      </c>
      <c r="AE26584">
        <v>90</v>
      </c>
      <c r="AF26584">
        <v>91</v>
      </c>
      <c r="AG26584">
        <v>92</v>
      </c>
      <c r="AH26584">
        <v>92</v>
      </c>
      <c r="AI26584">
        <v>93</v>
      </c>
      <c r="AJ26584">
        <v>94</v>
      </c>
      <c r="AK26584">
        <v>95</v>
      </c>
      <c r="AL26584">
        <v>96</v>
      </c>
      <c r="AM26584">
        <v>96</v>
      </c>
      <c r="AN26584">
        <v>97</v>
      </c>
      <c r="AO26584">
        <v>98</v>
      </c>
      <c r="AP26584">
        <v>99</v>
      </c>
      <c r="AQ26584">
        <v>100</v>
      </c>
    </row>
    <row r="26585" spans="1:43">
      <c r="A26585" t="s">
        <v>16443</v>
      </c>
      <c r="B26585" t="s">
        <v>16444</v>
      </c>
      <c r="C26585" t="s">
        <v>16259</v>
      </c>
      <c r="D26585" t="s">
        <v>16260</v>
      </c>
      <c r="E26585" t="s">
        <v>16245</v>
      </c>
      <c r="F26585" t="s">
        <v>16246</v>
      </c>
      <c r="G26585" t="s">
        <v>10734</v>
      </c>
      <c r="H26585" t="s">
        <v>10735</v>
      </c>
      <c r="I26585" s="2">
        <v>1</v>
      </c>
      <c r="J26585" s="2">
        <v>0</v>
      </c>
      <c r="K26585" s="2">
        <v>0</v>
      </c>
      <c r="L26585" t="s">
        <v>120</v>
      </c>
      <c r="M26585" t="s">
        <v>83</v>
      </c>
      <c r="N26585" t="s">
        <v>91</v>
      </c>
      <c r="O26585" t="s">
        <v>85</v>
      </c>
      <c r="P26585" t="s">
        <v>86</v>
      </c>
      <c r="Q26585">
        <v>65</v>
      </c>
      <c r="R26585">
        <v>67</v>
      </c>
      <c r="S26585">
        <v>68</v>
      </c>
      <c r="T26585">
        <v>69</v>
      </c>
      <c r="U26585">
        <v>71</v>
      </c>
      <c r="V26585">
        <v>72</v>
      </c>
      <c r="W26585">
        <v>74</v>
      </c>
      <c r="X26585">
        <v>75</v>
      </c>
      <c r="Y26585">
        <v>76</v>
      </c>
      <c r="Z26585">
        <v>78</v>
      </c>
      <c r="AA26585">
        <v>79</v>
      </c>
      <c r="AB26585">
        <v>80</v>
      </c>
      <c r="AC26585">
        <v>82</v>
      </c>
      <c r="AD26585">
        <v>83</v>
      </c>
      <c r="AE26585">
        <v>85</v>
      </c>
      <c r="AF26585">
        <v>86</v>
      </c>
      <c r="AG26585">
        <v>88</v>
      </c>
      <c r="AH26585">
        <v>90</v>
      </c>
      <c r="AI26585">
        <v>91</v>
      </c>
      <c r="AJ26585">
        <v>93</v>
      </c>
      <c r="AK26585">
        <v>94</v>
      </c>
      <c r="AL26585">
        <v>96</v>
      </c>
      <c r="AM26585">
        <v>96</v>
      </c>
      <c r="AN26585">
        <v>97</v>
      </c>
      <c r="AO26585">
        <v>98</v>
      </c>
      <c r="AP26585">
        <v>99</v>
      </c>
      <c r="AQ26585">
        <v>100</v>
      </c>
    </row>
    <row r="26586" spans="1:43">
      <c r="A26586" t="s">
        <v>16445</v>
      </c>
      <c r="B26586" t="s">
        <v>16446</v>
      </c>
      <c r="C26586" t="s">
        <v>16259</v>
      </c>
      <c r="D26586" t="s">
        <v>16260</v>
      </c>
      <c r="E26586" t="s">
        <v>16245</v>
      </c>
      <c r="F26586" t="s">
        <v>16246</v>
      </c>
      <c r="G26586" t="s">
        <v>10734</v>
      </c>
      <c r="H26586" t="s">
        <v>10735</v>
      </c>
      <c r="I26586" s="2">
        <v>1</v>
      </c>
      <c r="J26586" s="2">
        <v>0</v>
      </c>
      <c r="K26586" s="2">
        <v>0</v>
      </c>
      <c r="L26586" t="s">
        <v>120</v>
      </c>
      <c r="M26586" t="s">
        <v>83</v>
      </c>
      <c r="N26586" t="s">
        <v>84</v>
      </c>
      <c r="O26586" t="s">
        <v>85</v>
      </c>
      <c r="P26586" t="s">
        <v>86</v>
      </c>
      <c r="Q26586">
        <v>12</v>
      </c>
      <c r="R26586">
        <v>13</v>
      </c>
      <c r="S26586">
        <v>13</v>
      </c>
      <c r="T26586">
        <v>13</v>
      </c>
      <c r="U26586">
        <v>13</v>
      </c>
      <c r="V26586">
        <v>13</v>
      </c>
      <c r="W26586">
        <v>14</v>
      </c>
      <c r="X26586">
        <v>14</v>
      </c>
      <c r="Y26586">
        <v>14</v>
      </c>
      <c r="Z26586">
        <v>14</v>
      </c>
      <c r="AA26586">
        <v>15</v>
      </c>
      <c r="AB26586">
        <v>15</v>
      </c>
      <c r="AC26586">
        <v>15</v>
      </c>
      <c r="AD26586">
        <v>15</v>
      </c>
      <c r="AE26586">
        <v>16</v>
      </c>
      <c r="AF26586">
        <v>16</v>
      </c>
      <c r="AG26586">
        <v>16</v>
      </c>
      <c r="AH26586">
        <v>17</v>
      </c>
      <c r="AI26586">
        <v>17</v>
      </c>
      <c r="AJ26586">
        <v>17</v>
      </c>
      <c r="AK26586">
        <v>17</v>
      </c>
      <c r="AL26586">
        <v>18</v>
      </c>
      <c r="AM26586">
        <v>18</v>
      </c>
      <c r="AN26586">
        <v>18</v>
      </c>
      <c r="AO26586">
        <v>18</v>
      </c>
      <c r="AP26586">
        <v>18</v>
      </c>
      <c r="AQ26586">
        <v>18</v>
      </c>
    </row>
    <row r="26587" spans="1:43">
      <c r="A26587" t="s">
        <v>16445</v>
      </c>
      <c r="B26587" t="s">
        <v>16446</v>
      </c>
      <c r="C26587" t="s">
        <v>16259</v>
      </c>
      <c r="D26587" t="s">
        <v>16260</v>
      </c>
      <c r="E26587" t="s">
        <v>16245</v>
      </c>
      <c r="F26587" t="s">
        <v>16246</v>
      </c>
      <c r="G26587" t="s">
        <v>10734</v>
      </c>
      <c r="H26587" t="s">
        <v>10735</v>
      </c>
      <c r="I26587" s="2">
        <v>1</v>
      </c>
      <c r="J26587" s="2">
        <v>0</v>
      </c>
      <c r="K26587" s="2">
        <v>0</v>
      </c>
      <c r="L26587" t="s">
        <v>120</v>
      </c>
      <c r="M26587" t="s">
        <v>87</v>
      </c>
      <c r="N26587" t="s">
        <v>88</v>
      </c>
      <c r="O26587" t="s">
        <v>85</v>
      </c>
      <c r="P26587" t="s">
        <v>86</v>
      </c>
      <c r="Q26587">
        <v>12</v>
      </c>
      <c r="R26587">
        <v>12</v>
      </c>
      <c r="S26587">
        <v>12</v>
      </c>
      <c r="T26587">
        <v>13</v>
      </c>
      <c r="U26587">
        <v>13</v>
      </c>
      <c r="V26587">
        <v>13</v>
      </c>
      <c r="W26587">
        <v>13</v>
      </c>
      <c r="X26587">
        <v>13</v>
      </c>
      <c r="Y26587">
        <v>13</v>
      </c>
      <c r="Z26587">
        <v>13</v>
      </c>
      <c r="AA26587">
        <v>13</v>
      </c>
      <c r="AB26587">
        <v>14</v>
      </c>
      <c r="AC26587">
        <v>14</v>
      </c>
      <c r="AD26587">
        <v>14</v>
      </c>
      <c r="AE26587">
        <v>14</v>
      </c>
      <c r="AF26587">
        <v>14</v>
      </c>
      <c r="AG26587">
        <v>14</v>
      </c>
      <c r="AH26587">
        <v>14</v>
      </c>
      <c r="AI26587">
        <v>15</v>
      </c>
      <c r="AJ26587">
        <v>15</v>
      </c>
      <c r="AK26587">
        <v>15</v>
      </c>
      <c r="AL26587">
        <v>15</v>
      </c>
      <c r="AM26587">
        <v>15</v>
      </c>
      <c r="AN26587">
        <v>15</v>
      </c>
      <c r="AO26587">
        <v>16</v>
      </c>
      <c r="AP26587">
        <v>16</v>
      </c>
      <c r="AQ26587">
        <v>16</v>
      </c>
    </row>
    <row r="26588" spans="1:43">
      <c r="A26588" t="s">
        <v>16445</v>
      </c>
      <c r="B26588" t="s">
        <v>16446</v>
      </c>
      <c r="C26588" t="s">
        <v>16259</v>
      </c>
      <c r="D26588" t="s">
        <v>16260</v>
      </c>
      <c r="E26588" t="s">
        <v>16245</v>
      </c>
      <c r="F26588" t="s">
        <v>16246</v>
      </c>
      <c r="G26588" t="s">
        <v>10734</v>
      </c>
      <c r="H26588" t="s">
        <v>10735</v>
      </c>
      <c r="I26588" s="2">
        <v>1</v>
      </c>
      <c r="J26588" s="2">
        <v>0</v>
      </c>
      <c r="K26588" s="2">
        <v>0</v>
      </c>
      <c r="L26588" t="s">
        <v>120</v>
      </c>
      <c r="M26588" t="s">
        <v>89</v>
      </c>
      <c r="N26588" t="s">
        <v>90</v>
      </c>
      <c r="O26588" t="s">
        <v>85</v>
      </c>
      <c r="P26588" t="s">
        <v>86</v>
      </c>
      <c r="Q26588">
        <v>12</v>
      </c>
      <c r="R26588">
        <v>13</v>
      </c>
      <c r="S26588">
        <v>13</v>
      </c>
      <c r="T26588">
        <v>13</v>
      </c>
      <c r="U26588">
        <v>14</v>
      </c>
      <c r="V26588">
        <v>14</v>
      </c>
      <c r="W26588">
        <v>14</v>
      </c>
      <c r="X26588">
        <v>15</v>
      </c>
      <c r="Y26588">
        <v>15</v>
      </c>
      <c r="Z26588">
        <v>15</v>
      </c>
      <c r="AA26588">
        <v>16</v>
      </c>
      <c r="AB26588">
        <v>16</v>
      </c>
      <c r="AC26588">
        <v>16</v>
      </c>
      <c r="AD26588">
        <v>17</v>
      </c>
      <c r="AE26588">
        <v>17</v>
      </c>
      <c r="AF26588">
        <v>17</v>
      </c>
      <c r="AG26588">
        <v>17</v>
      </c>
      <c r="AH26588">
        <v>17</v>
      </c>
      <c r="AI26588">
        <v>17</v>
      </c>
      <c r="AJ26588">
        <v>17</v>
      </c>
      <c r="AK26588">
        <v>18</v>
      </c>
      <c r="AL26588">
        <v>18</v>
      </c>
      <c r="AM26588">
        <v>18</v>
      </c>
      <c r="AN26588">
        <v>18</v>
      </c>
      <c r="AO26588">
        <v>18</v>
      </c>
      <c r="AP26588">
        <v>18</v>
      </c>
      <c r="AQ26588">
        <v>18</v>
      </c>
    </row>
    <row r="26589" spans="1:43">
      <c r="A26589" t="s">
        <v>16445</v>
      </c>
      <c r="B26589" t="s">
        <v>16446</v>
      </c>
      <c r="C26589" t="s">
        <v>16259</v>
      </c>
      <c r="D26589" t="s">
        <v>16260</v>
      </c>
      <c r="E26589" t="s">
        <v>16245</v>
      </c>
      <c r="F26589" t="s">
        <v>16246</v>
      </c>
      <c r="G26589" t="s">
        <v>10734</v>
      </c>
      <c r="H26589" t="s">
        <v>10735</v>
      </c>
      <c r="I26589" s="2">
        <v>1</v>
      </c>
      <c r="J26589" s="2">
        <v>0</v>
      </c>
      <c r="K26589" s="2">
        <v>0</v>
      </c>
      <c r="L26589" t="s">
        <v>120</v>
      </c>
      <c r="M26589" t="s">
        <v>83</v>
      </c>
      <c r="N26589" t="s">
        <v>91</v>
      </c>
      <c r="O26589" t="s">
        <v>85</v>
      </c>
      <c r="P26589" t="s">
        <v>86</v>
      </c>
      <c r="Q26589">
        <v>12</v>
      </c>
      <c r="R26589">
        <v>13</v>
      </c>
      <c r="S26589">
        <v>13</v>
      </c>
      <c r="T26589">
        <v>13</v>
      </c>
      <c r="U26589">
        <v>13</v>
      </c>
      <c r="V26589">
        <v>13</v>
      </c>
      <c r="W26589">
        <v>14</v>
      </c>
      <c r="X26589">
        <v>14</v>
      </c>
      <c r="Y26589">
        <v>14</v>
      </c>
      <c r="Z26589">
        <v>14</v>
      </c>
      <c r="AA26589">
        <v>15</v>
      </c>
      <c r="AB26589">
        <v>15</v>
      </c>
      <c r="AC26589">
        <v>15</v>
      </c>
      <c r="AD26589">
        <v>15</v>
      </c>
      <c r="AE26589">
        <v>16</v>
      </c>
      <c r="AF26589">
        <v>16</v>
      </c>
      <c r="AG26589">
        <v>16</v>
      </c>
      <c r="AH26589">
        <v>17</v>
      </c>
      <c r="AI26589">
        <v>17</v>
      </c>
      <c r="AJ26589">
        <v>17</v>
      </c>
      <c r="AK26589">
        <v>17</v>
      </c>
      <c r="AL26589">
        <v>18</v>
      </c>
      <c r="AM26589">
        <v>18</v>
      </c>
      <c r="AN26589">
        <v>18</v>
      </c>
      <c r="AO26589">
        <v>18</v>
      </c>
      <c r="AP26589">
        <v>18</v>
      </c>
      <c r="AQ26589">
        <v>18</v>
      </c>
    </row>
    <row r="26590" spans="1:43">
      <c r="A26590" t="s">
        <v>16447</v>
      </c>
      <c r="B26590" t="s">
        <v>16448</v>
      </c>
      <c r="C26590" t="s">
        <v>16243</v>
      </c>
      <c r="D26590" t="s">
        <v>16244</v>
      </c>
      <c r="E26590" t="s">
        <v>16245</v>
      </c>
      <c r="F26590" t="s">
        <v>16246</v>
      </c>
      <c r="G26590" t="s">
        <v>10734</v>
      </c>
      <c r="H26590" t="s">
        <v>10735</v>
      </c>
      <c r="I26590" s="2">
        <v>1</v>
      </c>
      <c r="J26590" s="2">
        <v>0</v>
      </c>
      <c r="K26590" s="2">
        <v>0</v>
      </c>
      <c r="L26590" t="s">
        <v>120</v>
      </c>
      <c r="M26590" t="s">
        <v>83</v>
      </c>
      <c r="N26590" t="s">
        <v>84</v>
      </c>
      <c r="O26590" t="s">
        <v>85</v>
      </c>
      <c r="P26590" t="s">
        <v>86</v>
      </c>
      <c r="Q26590">
        <v>42</v>
      </c>
      <c r="R26590">
        <v>42</v>
      </c>
      <c r="S26590">
        <v>43</v>
      </c>
      <c r="T26590">
        <v>44</v>
      </c>
      <c r="U26590">
        <v>45</v>
      </c>
      <c r="V26590">
        <v>46</v>
      </c>
      <c r="W26590">
        <v>47</v>
      </c>
      <c r="X26590">
        <v>48</v>
      </c>
      <c r="Y26590">
        <v>48</v>
      </c>
      <c r="Z26590">
        <v>49</v>
      </c>
      <c r="AA26590">
        <v>50</v>
      </c>
      <c r="AB26590">
        <v>51</v>
      </c>
      <c r="AC26590">
        <v>52</v>
      </c>
      <c r="AD26590">
        <v>53</v>
      </c>
      <c r="AE26590">
        <v>54</v>
      </c>
      <c r="AF26590">
        <v>55</v>
      </c>
      <c r="AG26590">
        <v>56</v>
      </c>
      <c r="AH26590">
        <v>57</v>
      </c>
      <c r="AI26590">
        <v>58</v>
      </c>
      <c r="AJ26590">
        <v>59</v>
      </c>
      <c r="AK26590">
        <v>60</v>
      </c>
      <c r="AL26590">
        <v>61</v>
      </c>
      <c r="AM26590">
        <v>61</v>
      </c>
      <c r="AN26590">
        <v>62</v>
      </c>
      <c r="AO26590">
        <v>62</v>
      </c>
      <c r="AP26590">
        <v>63</v>
      </c>
      <c r="AQ26590">
        <v>63</v>
      </c>
    </row>
    <row r="26591" spans="1:43">
      <c r="A26591" t="s">
        <v>16447</v>
      </c>
      <c r="B26591" t="s">
        <v>16448</v>
      </c>
      <c r="C26591" t="s">
        <v>16243</v>
      </c>
      <c r="D26591" t="s">
        <v>16244</v>
      </c>
      <c r="E26591" t="s">
        <v>16245</v>
      </c>
      <c r="F26591" t="s">
        <v>16246</v>
      </c>
      <c r="G26591" t="s">
        <v>10734</v>
      </c>
      <c r="H26591" t="s">
        <v>10735</v>
      </c>
      <c r="I26591" s="2">
        <v>1</v>
      </c>
      <c r="J26591" s="2">
        <v>0</v>
      </c>
      <c r="K26591" s="2">
        <v>0</v>
      </c>
      <c r="L26591" t="s">
        <v>120</v>
      </c>
      <c r="M26591" t="s">
        <v>87</v>
      </c>
      <c r="N26591" t="s">
        <v>88</v>
      </c>
      <c r="O26591" t="s">
        <v>85</v>
      </c>
      <c r="P26591" t="s">
        <v>86</v>
      </c>
      <c r="Q26591">
        <v>42</v>
      </c>
      <c r="R26591">
        <v>43</v>
      </c>
      <c r="S26591">
        <v>43</v>
      </c>
      <c r="T26591">
        <v>44</v>
      </c>
      <c r="U26591">
        <v>44</v>
      </c>
      <c r="V26591">
        <v>44</v>
      </c>
      <c r="W26591">
        <v>45</v>
      </c>
      <c r="X26591">
        <v>45</v>
      </c>
      <c r="Y26591">
        <v>46</v>
      </c>
      <c r="Z26591">
        <v>46</v>
      </c>
      <c r="AA26591">
        <v>47</v>
      </c>
      <c r="AB26591">
        <v>47</v>
      </c>
      <c r="AC26591">
        <v>48</v>
      </c>
      <c r="AD26591">
        <v>48</v>
      </c>
      <c r="AE26591">
        <v>49</v>
      </c>
      <c r="AF26591">
        <v>49</v>
      </c>
      <c r="AG26591">
        <v>50</v>
      </c>
      <c r="AH26591">
        <v>51</v>
      </c>
      <c r="AI26591">
        <v>51</v>
      </c>
      <c r="AJ26591">
        <v>52</v>
      </c>
      <c r="AK26591">
        <v>52</v>
      </c>
      <c r="AL26591">
        <v>53</v>
      </c>
      <c r="AM26591">
        <v>54</v>
      </c>
      <c r="AN26591">
        <v>54</v>
      </c>
      <c r="AO26591">
        <v>55</v>
      </c>
      <c r="AP26591">
        <v>55</v>
      </c>
      <c r="AQ26591">
        <v>56</v>
      </c>
    </row>
    <row r="26592" spans="1:43">
      <c r="A26592" t="s">
        <v>16447</v>
      </c>
      <c r="B26592" t="s">
        <v>16448</v>
      </c>
      <c r="C26592" t="s">
        <v>16243</v>
      </c>
      <c r="D26592" t="s">
        <v>16244</v>
      </c>
      <c r="E26592" t="s">
        <v>16245</v>
      </c>
      <c r="F26592" t="s">
        <v>16246</v>
      </c>
      <c r="G26592" t="s">
        <v>10734</v>
      </c>
      <c r="H26592" t="s">
        <v>10735</v>
      </c>
      <c r="I26592" s="2">
        <v>1</v>
      </c>
      <c r="J26592" s="2">
        <v>0</v>
      </c>
      <c r="K26592" s="2">
        <v>0</v>
      </c>
      <c r="L26592" t="s">
        <v>120</v>
      </c>
      <c r="M26592" t="s">
        <v>89</v>
      </c>
      <c r="N26592" t="s">
        <v>90</v>
      </c>
      <c r="O26592" t="s">
        <v>85</v>
      </c>
      <c r="P26592" t="s">
        <v>86</v>
      </c>
      <c r="Q26592">
        <v>42</v>
      </c>
      <c r="R26592">
        <v>43</v>
      </c>
      <c r="S26592">
        <v>44</v>
      </c>
      <c r="T26592">
        <v>46</v>
      </c>
      <c r="U26592">
        <v>47</v>
      </c>
      <c r="V26592">
        <v>48</v>
      </c>
      <c r="W26592">
        <v>49</v>
      </c>
      <c r="X26592">
        <v>50</v>
      </c>
      <c r="Y26592">
        <v>51</v>
      </c>
      <c r="Z26592">
        <v>52</v>
      </c>
      <c r="AA26592">
        <v>53</v>
      </c>
      <c r="AB26592">
        <v>55</v>
      </c>
      <c r="AC26592">
        <v>56</v>
      </c>
      <c r="AD26592">
        <v>57</v>
      </c>
      <c r="AE26592">
        <v>58</v>
      </c>
      <c r="AF26592">
        <v>58</v>
      </c>
      <c r="AG26592">
        <v>59</v>
      </c>
      <c r="AH26592">
        <v>59</v>
      </c>
      <c r="AI26592">
        <v>60</v>
      </c>
      <c r="AJ26592">
        <v>60</v>
      </c>
      <c r="AK26592">
        <v>61</v>
      </c>
      <c r="AL26592">
        <v>61</v>
      </c>
      <c r="AM26592">
        <v>62</v>
      </c>
      <c r="AN26592">
        <v>62</v>
      </c>
      <c r="AO26592">
        <v>63</v>
      </c>
      <c r="AP26592">
        <v>63</v>
      </c>
      <c r="AQ26592">
        <v>64</v>
      </c>
    </row>
    <row r="26593" spans="1:43">
      <c r="A26593" t="s">
        <v>16447</v>
      </c>
      <c r="B26593" t="s">
        <v>16448</v>
      </c>
      <c r="C26593" t="s">
        <v>16243</v>
      </c>
      <c r="D26593" t="s">
        <v>16244</v>
      </c>
      <c r="E26593" t="s">
        <v>16245</v>
      </c>
      <c r="F26593" t="s">
        <v>16246</v>
      </c>
      <c r="G26593" t="s">
        <v>10734</v>
      </c>
      <c r="H26593" t="s">
        <v>10735</v>
      </c>
      <c r="I26593" s="2">
        <v>1</v>
      </c>
      <c r="J26593" s="2">
        <v>0</v>
      </c>
      <c r="K26593" s="2">
        <v>0</v>
      </c>
      <c r="L26593" t="s">
        <v>120</v>
      </c>
      <c r="M26593" t="s">
        <v>83</v>
      </c>
      <c r="N26593" t="s">
        <v>91</v>
      </c>
      <c r="O26593" t="s">
        <v>85</v>
      </c>
      <c r="P26593" t="s">
        <v>86</v>
      </c>
      <c r="Q26593">
        <v>42</v>
      </c>
      <c r="R26593">
        <v>42</v>
      </c>
      <c r="S26593">
        <v>43</v>
      </c>
      <c r="T26593">
        <v>44</v>
      </c>
      <c r="U26593">
        <v>45</v>
      </c>
      <c r="V26593">
        <v>46</v>
      </c>
      <c r="W26593">
        <v>47</v>
      </c>
      <c r="X26593">
        <v>48</v>
      </c>
      <c r="Y26593">
        <v>48</v>
      </c>
      <c r="Z26593">
        <v>49</v>
      </c>
      <c r="AA26593">
        <v>50</v>
      </c>
      <c r="AB26593">
        <v>51</v>
      </c>
      <c r="AC26593">
        <v>52</v>
      </c>
      <c r="AD26593">
        <v>53</v>
      </c>
      <c r="AE26593">
        <v>54</v>
      </c>
      <c r="AF26593">
        <v>55</v>
      </c>
      <c r="AG26593">
        <v>56</v>
      </c>
      <c r="AH26593">
        <v>57</v>
      </c>
      <c r="AI26593">
        <v>58</v>
      </c>
      <c r="AJ26593">
        <v>59</v>
      </c>
      <c r="AK26593">
        <v>60</v>
      </c>
      <c r="AL26593">
        <v>61</v>
      </c>
      <c r="AM26593">
        <v>61</v>
      </c>
      <c r="AN26593">
        <v>62</v>
      </c>
      <c r="AO26593">
        <v>62</v>
      </c>
      <c r="AP26593">
        <v>63</v>
      </c>
      <c r="AQ26593">
        <v>63</v>
      </c>
    </row>
    <row r="26594" spans="1:43">
      <c r="A26594" t="s">
        <v>16449</v>
      </c>
      <c r="B26594" t="s">
        <v>16450</v>
      </c>
      <c r="C26594" t="s">
        <v>16299</v>
      </c>
      <c r="D26594" t="s">
        <v>16300</v>
      </c>
      <c r="E26594" t="s">
        <v>16245</v>
      </c>
      <c r="F26594" t="s">
        <v>16246</v>
      </c>
      <c r="G26594" t="s">
        <v>10734</v>
      </c>
      <c r="H26594" t="s">
        <v>10735</v>
      </c>
      <c r="I26594" s="2">
        <v>1</v>
      </c>
      <c r="J26594" s="2">
        <v>0</v>
      </c>
      <c r="K26594" s="2">
        <v>0</v>
      </c>
      <c r="L26594" t="s">
        <v>120</v>
      </c>
      <c r="M26594" t="s">
        <v>83</v>
      </c>
      <c r="N26594" t="s">
        <v>84</v>
      </c>
      <c r="O26594" t="s">
        <v>85</v>
      </c>
      <c r="P26594" t="s">
        <v>86</v>
      </c>
      <c r="Q26594">
        <v>32</v>
      </c>
      <c r="R26594">
        <v>33</v>
      </c>
      <c r="S26594">
        <v>33</v>
      </c>
      <c r="T26594">
        <v>34</v>
      </c>
      <c r="U26594">
        <v>35</v>
      </c>
      <c r="V26594">
        <v>35</v>
      </c>
      <c r="W26594">
        <v>36</v>
      </c>
      <c r="X26594">
        <v>36</v>
      </c>
      <c r="Y26594">
        <v>37</v>
      </c>
      <c r="Z26594">
        <v>38</v>
      </c>
      <c r="AA26594">
        <v>38</v>
      </c>
      <c r="AB26594">
        <v>39</v>
      </c>
      <c r="AC26594">
        <v>40</v>
      </c>
      <c r="AD26594">
        <v>40</v>
      </c>
      <c r="AE26594">
        <v>41</v>
      </c>
      <c r="AF26594">
        <v>42</v>
      </c>
      <c r="AG26594">
        <v>43</v>
      </c>
      <c r="AH26594">
        <v>43</v>
      </c>
      <c r="AI26594">
        <v>44</v>
      </c>
      <c r="AJ26594">
        <v>45</v>
      </c>
      <c r="AK26594">
        <v>46</v>
      </c>
      <c r="AL26594">
        <v>46</v>
      </c>
      <c r="AM26594">
        <v>46</v>
      </c>
      <c r="AN26594">
        <v>47</v>
      </c>
      <c r="AO26594">
        <v>47</v>
      </c>
      <c r="AP26594">
        <v>48</v>
      </c>
      <c r="AQ26594">
        <v>48</v>
      </c>
    </row>
    <row r="26595" spans="1:43">
      <c r="A26595" t="s">
        <v>16449</v>
      </c>
      <c r="B26595" t="s">
        <v>16450</v>
      </c>
      <c r="C26595" t="s">
        <v>16299</v>
      </c>
      <c r="D26595" t="s">
        <v>16300</v>
      </c>
      <c r="E26595" t="s">
        <v>16245</v>
      </c>
      <c r="F26595" t="s">
        <v>16246</v>
      </c>
      <c r="G26595" t="s">
        <v>10734</v>
      </c>
      <c r="H26595" t="s">
        <v>10735</v>
      </c>
      <c r="I26595" s="2">
        <v>1</v>
      </c>
      <c r="J26595" s="2">
        <v>0</v>
      </c>
      <c r="K26595" s="2">
        <v>0</v>
      </c>
      <c r="L26595" t="s">
        <v>120</v>
      </c>
      <c r="M26595" t="s">
        <v>87</v>
      </c>
      <c r="N26595" t="s">
        <v>88</v>
      </c>
      <c r="O26595" t="s">
        <v>85</v>
      </c>
      <c r="P26595" t="s">
        <v>86</v>
      </c>
      <c r="Q26595">
        <v>32</v>
      </c>
      <c r="R26595">
        <v>32</v>
      </c>
      <c r="S26595">
        <v>32</v>
      </c>
      <c r="T26595">
        <v>33</v>
      </c>
      <c r="U26595">
        <v>33</v>
      </c>
      <c r="V26595">
        <v>33</v>
      </c>
      <c r="W26595">
        <v>34</v>
      </c>
      <c r="X26595">
        <v>34</v>
      </c>
      <c r="Y26595">
        <v>34</v>
      </c>
      <c r="Z26595">
        <v>35</v>
      </c>
      <c r="AA26595">
        <v>35</v>
      </c>
      <c r="AB26595">
        <v>35</v>
      </c>
      <c r="AC26595">
        <v>36</v>
      </c>
      <c r="AD26595">
        <v>36</v>
      </c>
      <c r="AE26595">
        <v>37</v>
      </c>
      <c r="AF26595">
        <v>37</v>
      </c>
      <c r="AG26595">
        <v>37</v>
      </c>
      <c r="AH26595">
        <v>38</v>
      </c>
      <c r="AI26595">
        <v>38</v>
      </c>
      <c r="AJ26595">
        <v>39</v>
      </c>
      <c r="AK26595">
        <v>39</v>
      </c>
      <c r="AL26595">
        <v>40</v>
      </c>
      <c r="AM26595">
        <v>40</v>
      </c>
      <c r="AN26595">
        <v>41</v>
      </c>
      <c r="AO26595">
        <v>41</v>
      </c>
      <c r="AP26595">
        <v>42</v>
      </c>
      <c r="AQ26595">
        <v>42</v>
      </c>
    </row>
    <row r="26596" spans="1:43">
      <c r="A26596" t="s">
        <v>16449</v>
      </c>
      <c r="B26596" t="s">
        <v>16450</v>
      </c>
      <c r="C26596" t="s">
        <v>16299</v>
      </c>
      <c r="D26596" t="s">
        <v>16300</v>
      </c>
      <c r="E26596" t="s">
        <v>16245</v>
      </c>
      <c r="F26596" t="s">
        <v>16246</v>
      </c>
      <c r="G26596" t="s">
        <v>10734</v>
      </c>
      <c r="H26596" t="s">
        <v>10735</v>
      </c>
      <c r="I26596" s="2">
        <v>1</v>
      </c>
      <c r="J26596" s="2">
        <v>0</v>
      </c>
      <c r="K26596" s="2">
        <v>0</v>
      </c>
      <c r="L26596" t="s">
        <v>120</v>
      </c>
      <c r="M26596" t="s">
        <v>89</v>
      </c>
      <c r="N26596" t="s">
        <v>90</v>
      </c>
      <c r="O26596" t="s">
        <v>85</v>
      </c>
      <c r="P26596" t="s">
        <v>86</v>
      </c>
      <c r="Q26596">
        <v>32</v>
      </c>
      <c r="R26596">
        <v>33</v>
      </c>
      <c r="S26596">
        <v>34</v>
      </c>
      <c r="T26596">
        <v>35</v>
      </c>
      <c r="U26596">
        <v>36</v>
      </c>
      <c r="V26596">
        <v>37</v>
      </c>
      <c r="W26596">
        <v>37</v>
      </c>
      <c r="X26596">
        <v>38</v>
      </c>
      <c r="Y26596">
        <v>39</v>
      </c>
      <c r="Z26596">
        <v>40</v>
      </c>
      <c r="AA26596">
        <v>41</v>
      </c>
      <c r="AB26596">
        <v>42</v>
      </c>
      <c r="AC26596">
        <v>42</v>
      </c>
      <c r="AD26596">
        <v>43</v>
      </c>
      <c r="AE26596">
        <v>44</v>
      </c>
      <c r="AF26596">
        <v>44</v>
      </c>
      <c r="AG26596">
        <v>45</v>
      </c>
      <c r="AH26596">
        <v>45</v>
      </c>
      <c r="AI26596">
        <v>45</v>
      </c>
      <c r="AJ26596">
        <v>46</v>
      </c>
      <c r="AK26596">
        <v>46</v>
      </c>
      <c r="AL26596">
        <v>47</v>
      </c>
      <c r="AM26596">
        <v>47</v>
      </c>
      <c r="AN26596">
        <v>47</v>
      </c>
      <c r="AO26596">
        <v>48</v>
      </c>
      <c r="AP26596">
        <v>48</v>
      </c>
      <c r="AQ26596">
        <v>49</v>
      </c>
    </row>
    <row r="26597" spans="1:43">
      <c r="A26597" t="s">
        <v>16449</v>
      </c>
      <c r="B26597" t="s">
        <v>16450</v>
      </c>
      <c r="C26597" t="s">
        <v>16299</v>
      </c>
      <c r="D26597" t="s">
        <v>16300</v>
      </c>
      <c r="E26597" t="s">
        <v>16245</v>
      </c>
      <c r="F26597" t="s">
        <v>16246</v>
      </c>
      <c r="G26597" t="s">
        <v>10734</v>
      </c>
      <c r="H26597" t="s">
        <v>10735</v>
      </c>
      <c r="I26597" s="2">
        <v>1</v>
      </c>
      <c r="J26597" s="2">
        <v>0</v>
      </c>
      <c r="K26597" s="2">
        <v>0</v>
      </c>
      <c r="L26597" t="s">
        <v>120</v>
      </c>
      <c r="M26597" t="s">
        <v>83</v>
      </c>
      <c r="N26597" t="s">
        <v>91</v>
      </c>
      <c r="O26597" t="s">
        <v>85</v>
      </c>
      <c r="P26597" t="s">
        <v>86</v>
      </c>
      <c r="Q26597">
        <v>32</v>
      </c>
      <c r="R26597">
        <v>33</v>
      </c>
      <c r="S26597">
        <v>33</v>
      </c>
      <c r="T26597">
        <v>34</v>
      </c>
      <c r="U26597">
        <v>35</v>
      </c>
      <c r="V26597">
        <v>35</v>
      </c>
      <c r="W26597">
        <v>36</v>
      </c>
      <c r="X26597">
        <v>36</v>
      </c>
      <c r="Y26597">
        <v>37</v>
      </c>
      <c r="Z26597">
        <v>38</v>
      </c>
      <c r="AA26597">
        <v>38</v>
      </c>
      <c r="AB26597">
        <v>39</v>
      </c>
      <c r="AC26597">
        <v>40</v>
      </c>
      <c r="AD26597">
        <v>40</v>
      </c>
      <c r="AE26597">
        <v>41</v>
      </c>
      <c r="AF26597">
        <v>42</v>
      </c>
      <c r="AG26597">
        <v>43</v>
      </c>
      <c r="AH26597">
        <v>43</v>
      </c>
      <c r="AI26597">
        <v>44</v>
      </c>
      <c r="AJ26597">
        <v>45</v>
      </c>
      <c r="AK26597">
        <v>46</v>
      </c>
      <c r="AL26597">
        <v>46</v>
      </c>
      <c r="AM26597">
        <v>46</v>
      </c>
      <c r="AN26597">
        <v>47</v>
      </c>
      <c r="AO26597">
        <v>47</v>
      </c>
      <c r="AP26597">
        <v>48</v>
      </c>
      <c r="AQ26597">
        <v>48</v>
      </c>
    </row>
    <row r="26598" spans="1:43">
      <c r="A26598" t="s">
        <v>16451</v>
      </c>
      <c r="B26598" t="s">
        <v>16452</v>
      </c>
      <c r="C26598" t="s">
        <v>16299</v>
      </c>
      <c r="D26598" t="s">
        <v>16300</v>
      </c>
      <c r="E26598" t="s">
        <v>16245</v>
      </c>
      <c r="F26598" t="s">
        <v>16246</v>
      </c>
      <c r="G26598" t="s">
        <v>10734</v>
      </c>
      <c r="H26598" t="s">
        <v>10735</v>
      </c>
      <c r="I26598" s="2">
        <v>1</v>
      </c>
      <c r="J26598" s="2">
        <v>0</v>
      </c>
      <c r="K26598" s="2">
        <v>0</v>
      </c>
      <c r="L26598" t="s">
        <v>120</v>
      </c>
      <c r="M26598" t="s">
        <v>83</v>
      </c>
      <c r="N26598" t="s">
        <v>84</v>
      </c>
      <c r="O26598" t="s">
        <v>85</v>
      </c>
      <c r="P26598" t="s">
        <v>86</v>
      </c>
      <c r="Q26598">
        <v>28</v>
      </c>
      <c r="R26598">
        <v>29</v>
      </c>
      <c r="S26598">
        <v>29</v>
      </c>
      <c r="T26598">
        <v>30</v>
      </c>
      <c r="U26598">
        <v>30</v>
      </c>
      <c r="V26598">
        <v>31</v>
      </c>
      <c r="W26598">
        <v>32</v>
      </c>
      <c r="X26598">
        <v>32</v>
      </c>
      <c r="Y26598">
        <v>33</v>
      </c>
      <c r="Z26598">
        <v>33</v>
      </c>
      <c r="AA26598">
        <v>34</v>
      </c>
      <c r="AB26598">
        <v>34</v>
      </c>
      <c r="AC26598">
        <v>35</v>
      </c>
      <c r="AD26598">
        <v>36</v>
      </c>
      <c r="AE26598">
        <v>36</v>
      </c>
      <c r="AF26598">
        <v>37</v>
      </c>
      <c r="AG26598">
        <v>37</v>
      </c>
      <c r="AH26598">
        <v>38</v>
      </c>
      <c r="AI26598">
        <v>39</v>
      </c>
      <c r="AJ26598">
        <v>39</v>
      </c>
      <c r="AK26598">
        <v>40</v>
      </c>
      <c r="AL26598">
        <v>41</v>
      </c>
      <c r="AM26598">
        <v>41</v>
      </c>
      <c r="AN26598">
        <v>41</v>
      </c>
      <c r="AO26598">
        <v>42</v>
      </c>
      <c r="AP26598">
        <v>42</v>
      </c>
      <c r="AQ26598">
        <v>42</v>
      </c>
    </row>
    <row r="26599" spans="1:43">
      <c r="A26599" t="s">
        <v>16451</v>
      </c>
      <c r="B26599" t="s">
        <v>16452</v>
      </c>
      <c r="C26599" t="s">
        <v>16299</v>
      </c>
      <c r="D26599" t="s">
        <v>16300</v>
      </c>
      <c r="E26599" t="s">
        <v>16245</v>
      </c>
      <c r="F26599" t="s">
        <v>16246</v>
      </c>
      <c r="G26599" t="s">
        <v>10734</v>
      </c>
      <c r="H26599" t="s">
        <v>10735</v>
      </c>
      <c r="I26599" s="2">
        <v>1</v>
      </c>
      <c r="J26599" s="2">
        <v>0</v>
      </c>
      <c r="K26599" s="2">
        <v>0</v>
      </c>
      <c r="L26599" t="s">
        <v>120</v>
      </c>
      <c r="M26599" t="s">
        <v>87</v>
      </c>
      <c r="N26599" t="s">
        <v>88</v>
      </c>
      <c r="O26599" t="s">
        <v>85</v>
      </c>
      <c r="P26599" t="s">
        <v>86</v>
      </c>
      <c r="Q26599">
        <v>28</v>
      </c>
      <c r="R26599">
        <v>28</v>
      </c>
      <c r="S26599">
        <v>28</v>
      </c>
      <c r="T26599">
        <v>29</v>
      </c>
      <c r="U26599">
        <v>29</v>
      </c>
      <c r="V26599">
        <v>29</v>
      </c>
      <c r="W26599">
        <v>30</v>
      </c>
      <c r="X26599">
        <v>30</v>
      </c>
      <c r="Y26599">
        <v>30</v>
      </c>
      <c r="Z26599">
        <v>31</v>
      </c>
      <c r="AA26599">
        <v>31</v>
      </c>
      <c r="AB26599">
        <v>31</v>
      </c>
      <c r="AC26599">
        <v>32</v>
      </c>
      <c r="AD26599">
        <v>32</v>
      </c>
      <c r="AE26599">
        <v>32</v>
      </c>
      <c r="AF26599">
        <v>33</v>
      </c>
      <c r="AG26599">
        <v>33</v>
      </c>
      <c r="AH26599">
        <v>33</v>
      </c>
      <c r="AI26599">
        <v>34</v>
      </c>
      <c r="AJ26599">
        <v>34</v>
      </c>
      <c r="AK26599">
        <v>35</v>
      </c>
      <c r="AL26599">
        <v>35</v>
      </c>
      <c r="AM26599">
        <v>35</v>
      </c>
      <c r="AN26599">
        <v>36</v>
      </c>
      <c r="AO26599">
        <v>36</v>
      </c>
      <c r="AP26599">
        <v>37</v>
      </c>
      <c r="AQ26599">
        <v>37</v>
      </c>
    </row>
    <row r="26600" spans="1:43">
      <c r="A26600" t="s">
        <v>16451</v>
      </c>
      <c r="B26600" t="s">
        <v>16452</v>
      </c>
      <c r="C26600" t="s">
        <v>16299</v>
      </c>
      <c r="D26600" t="s">
        <v>16300</v>
      </c>
      <c r="E26600" t="s">
        <v>16245</v>
      </c>
      <c r="F26600" t="s">
        <v>16246</v>
      </c>
      <c r="G26600" t="s">
        <v>10734</v>
      </c>
      <c r="H26600" t="s">
        <v>10735</v>
      </c>
      <c r="I26600" s="2">
        <v>1</v>
      </c>
      <c r="J26600" s="2">
        <v>0</v>
      </c>
      <c r="K26600" s="2">
        <v>0</v>
      </c>
      <c r="L26600" t="s">
        <v>120</v>
      </c>
      <c r="M26600" t="s">
        <v>89</v>
      </c>
      <c r="N26600" t="s">
        <v>90</v>
      </c>
      <c r="O26600" t="s">
        <v>85</v>
      </c>
      <c r="P26600" t="s">
        <v>86</v>
      </c>
      <c r="Q26600">
        <v>28</v>
      </c>
      <c r="R26600">
        <v>29</v>
      </c>
      <c r="S26600">
        <v>30</v>
      </c>
      <c r="T26600">
        <v>31</v>
      </c>
      <c r="U26600">
        <v>32</v>
      </c>
      <c r="V26600">
        <v>32</v>
      </c>
      <c r="W26600">
        <v>33</v>
      </c>
      <c r="X26600">
        <v>34</v>
      </c>
      <c r="Y26600">
        <v>34</v>
      </c>
      <c r="Z26600">
        <v>35</v>
      </c>
      <c r="AA26600">
        <v>36</v>
      </c>
      <c r="AB26600">
        <v>37</v>
      </c>
      <c r="AC26600">
        <v>37</v>
      </c>
      <c r="AD26600">
        <v>38</v>
      </c>
      <c r="AE26600">
        <v>39</v>
      </c>
      <c r="AF26600">
        <v>39</v>
      </c>
      <c r="AG26600">
        <v>39</v>
      </c>
      <c r="AH26600">
        <v>40</v>
      </c>
      <c r="AI26600">
        <v>40</v>
      </c>
      <c r="AJ26600">
        <v>40</v>
      </c>
      <c r="AK26600">
        <v>41</v>
      </c>
      <c r="AL26600">
        <v>41</v>
      </c>
      <c r="AM26600">
        <v>41</v>
      </c>
      <c r="AN26600">
        <v>42</v>
      </c>
      <c r="AO26600">
        <v>42</v>
      </c>
      <c r="AP26600">
        <v>43</v>
      </c>
      <c r="AQ26600">
        <v>43</v>
      </c>
    </row>
    <row r="26601" spans="1:43">
      <c r="A26601" t="s">
        <v>16451</v>
      </c>
      <c r="B26601" t="s">
        <v>16452</v>
      </c>
      <c r="C26601" t="s">
        <v>16299</v>
      </c>
      <c r="D26601" t="s">
        <v>16300</v>
      </c>
      <c r="E26601" t="s">
        <v>16245</v>
      </c>
      <c r="F26601" t="s">
        <v>16246</v>
      </c>
      <c r="G26601" t="s">
        <v>10734</v>
      </c>
      <c r="H26601" t="s">
        <v>10735</v>
      </c>
      <c r="I26601" s="2">
        <v>1</v>
      </c>
      <c r="J26601" s="2">
        <v>0</v>
      </c>
      <c r="K26601" s="2">
        <v>0</v>
      </c>
      <c r="L26601" t="s">
        <v>120</v>
      </c>
      <c r="M26601" t="s">
        <v>83</v>
      </c>
      <c r="N26601" t="s">
        <v>91</v>
      </c>
      <c r="O26601" t="s">
        <v>85</v>
      </c>
      <c r="P26601" t="s">
        <v>86</v>
      </c>
      <c r="Q26601">
        <v>28</v>
      </c>
      <c r="R26601">
        <v>29</v>
      </c>
      <c r="S26601">
        <v>29</v>
      </c>
      <c r="T26601">
        <v>30</v>
      </c>
      <c r="U26601">
        <v>30</v>
      </c>
      <c r="V26601">
        <v>31</v>
      </c>
      <c r="W26601">
        <v>32</v>
      </c>
      <c r="X26601">
        <v>32</v>
      </c>
      <c r="Y26601">
        <v>33</v>
      </c>
      <c r="Z26601">
        <v>33</v>
      </c>
      <c r="AA26601">
        <v>34</v>
      </c>
      <c r="AB26601">
        <v>34</v>
      </c>
      <c r="AC26601">
        <v>35</v>
      </c>
      <c r="AD26601">
        <v>36</v>
      </c>
      <c r="AE26601">
        <v>36</v>
      </c>
      <c r="AF26601">
        <v>37</v>
      </c>
      <c r="AG26601">
        <v>37</v>
      </c>
      <c r="AH26601">
        <v>38</v>
      </c>
      <c r="AI26601">
        <v>39</v>
      </c>
      <c r="AJ26601">
        <v>39</v>
      </c>
      <c r="AK26601">
        <v>40</v>
      </c>
      <c r="AL26601">
        <v>41</v>
      </c>
      <c r="AM26601">
        <v>41</v>
      </c>
      <c r="AN26601">
        <v>41</v>
      </c>
      <c r="AO26601">
        <v>42</v>
      </c>
      <c r="AP26601">
        <v>42</v>
      </c>
      <c r="AQ26601">
        <v>42</v>
      </c>
    </row>
    <row r="26602" spans="1:43">
      <c r="A26602" t="s">
        <v>16453</v>
      </c>
      <c r="B26602" t="s">
        <v>16454</v>
      </c>
      <c r="C26602" t="s">
        <v>16299</v>
      </c>
      <c r="D26602" t="s">
        <v>16300</v>
      </c>
      <c r="E26602" t="s">
        <v>16245</v>
      </c>
      <c r="F26602" t="s">
        <v>16246</v>
      </c>
      <c r="G26602" t="s">
        <v>10734</v>
      </c>
      <c r="H26602" t="s">
        <v>10735</v>
      </c>
      <c r="I26602" s="2">
        <v>1</v>
      </c>
      <c r="J26602" s="2">
        <v>0</v>
      </c>
      <c r="K26602" s="2">
        <v>0</v>
      </c>
      <c r="L26602" t="s">
        <v>120</v>
      </c>
      <c r="M26602" t="s">
        <v>83</v>
      </c>
      <c r="N26602" t="s">
        <v>84</v>
      </c>
      <c r="O26602" t="s">
        <v>85</v>
      </c>
      <c r="P26602" t="s">
        <v>86</v>
      </c>
      <c r="Q26602">
        <v>75</v>
      </c>
      <c r="R26602">
        <v>76</v>
      </c>
      <c r="S26602">
        <v>78</v>
      </c>
      <c r="T26602">
        <v>79</v>
      </c>
      <c r="U26602">
        <v>81</v>
      </c>
      <c r="V26602">
        <v>83</v>
      </c>
      <c r="W26602">
        <v>84</v>
      </c>
      <c r="X26602">
        <v>86</v>
      </c>
      <c r="Y26602">
        <v>87</v>
      </c>
      <c r="Z26602">
        <v>89</v>
      </c>
      <c r="AA26602">
        <v>90</v>
      </c>
      <c r="AB26602">
        <v>92</v>
      </c>
      <c r="AC26602">
        <v>93</v>
      </c>
      <c r="AD26602">
        <v>95</v>
      </c>
      <c r="AE26602">
        <v>96</v>
      </c>
      <c r="AF26602">
        <v>98</v>
      </c>
      <c r="AG26602">
        <v>100</v>
      </c>
      <c r="AH26602">
        <v>101</v>
      </c>
      <c r="AI26602">
        <v>103</v>
      </c>
      <c r="AJ26602">
        <v>105</v>
      </c>
      <c r="AK26602">
        <v>107</v>
      </c>
      <c r="AL26602">
        <v>108</v>
      </c>
      <c r="AM26602">
        <v>109</v>
      </c>
      <c r="AN26602">
        <v>110</v>
      </c>
      <c r="AO26602">
        <v>111</v>
      </c>
      <c r="AP26602">
        <v>112</v>
      </c>
      <c r="AQ26602">
        <v>113</v>
      </c>
    </row>
    <row r="26603" spans="1:43">
      <c r="A26603" t="s">
        <v>16453</v>
      </c>
      <c r="B26603" t="s">
        <v>16454</v>
      </c>
      <c r="C26603" t="s">
        <v>16299</v>
      </c>
      <c r="D26603" t="s">
        <v>16300</v>
      </c>
      <c r="E26603" t="s">
        <v>16245</v>
      </c>
      <c r="F26603" t="s">
        <v>16246</v>
      </c>
      <c r="G26603" t="s">
        <v>10734</v>
      </c>
      <c r="H26603" t="s">
        <v>10735</v>
      </c>
      <c r="I26603" s="2">
        <v>1</v>
      </c>
      <c r="J26603" s="2">
        <v>0</v>
      </c>
      <c r="K26603" s="2">
        <v>0</v>
      </c>
      <c r="L26603" t="s">
        <v>120</v>
      </c>
      <c r="M26603" t="s">
        <v>87</v>
      </c>
      <c r="N26603" t="s">
        <v>88</v>
      </c>
      <c r="O26603" t="s">
        <v>85</v>
      </c>
      <c r="P26603" t="s">
        <v>86</v>
      </c>
      <c r="Q26603">
        <v>75</v>
      </c>
      <c r="R26603">
        <v>76</v>
      </c>
      <c r="S26603">
        <v>77</v>
      </c>
      <c r="T26603">
        <v>78</v>
      </c>
      <c r="U26603">
        <v>78</v>
      </c>
      <c r="V26603">
        <v>79</v>
      </c>
      <c r="W26603">
        <v>80</v>
      </c>
      <c r="X26603">
        <v>81</v>
      </c>
      <c r="Y26603">
        <v>82</v>
      </c>
      <c r="Z26603">
        <v>83</v>
      </c>
      <c r="AA26603">
        <v>83</v>
      </c>
      <c r="AB26603">
        <v>84</v>
      </c>
      <c r="AC26603">
        <v>85</v>
      </c>
      <c r="AD26603">
        <v>86</v>
      </c>
      <c r="AE26603">
        <v>87</v>
      </c>
      <c r="AF26603">
        <v>88</v>
      </c>
      <c r="AG26603">
        <v>89</v>
      </c>
      <c r="AH26603">
        <v>90</v>
      </c>
      <c r="AI26603">
        <v>91</v>
      </c>
      <c r="AJ26603">
        <v>92</v>
      </c>
      <c r="AK26603">
        <v>93</v>
      </c>
      <c r="AL26603">
        <v>94</v>
      </c>
      <c r="AM26603">
        <v>95</v>
      </c>
      <c r="AN26603">
        <v>96</v>
      </c>
      <c r="AO26603">
        <v>97</v>
      </c>
      <c r="AP26603">
        <v>99</v>
      </c>
      <c r="AQ26603">
        <v>100</v>
      </c>
    </row>
    <row r="26604" spans="1:43">
      <c r="A26604" t="s">
        <v>16453</v>
      </c>
      <c r="B26604" t="s">
        <v>16454</v>
      </c>
      <c r="C26604" t="s">
        <v>16299</v>
      </c>
      <c r="D26604" t="s">
        <v>16300</v>
      </c>
      <c r="E26604" t="s">
        <v>16245</v>
      </c>
      <c r="F26604" t="s">
        <v>16246</v>
      </c>
      <c r="G26604" t="s">
        <v>10734</v>
      </c>
      <c r="H26604" t="s">
        <v>10735</v>
      </c>
      <c r="I26604" s="2">
        <v>1</v>
      </c>
      <c r="J26604" s="2">
        <v>0</v>
      </c>
      <c r="K26604" s="2">
        <v>0</v>
      </c>
      <c r="L26604" t="s">
        <v>120</v>
      </c>
      <c r="M26604" t="s">
        <v>89</v>
      </c>
      <c r="N26604" t="s">
        <v>90</v>
      </c>
      <c r="O26604" t="s">
        <v>85</v>
      </c>
      <c r="P26604" t="s">
        <v>86</v>
      </c>
      <c r="Q26604">
        <v>75</v>
      </c>
      <c r="R26604">
        <v>77</v>
      </c>
      <c r="S26604">
        <v>79</v>
      </c>
      <c r="T26604">
        <v>81</v>
      </c>
      <c r="U26604">
        <v>83</v>
      </c>
      <c r="V26604">
        <v>85</v>
      </c>
      <c r="W26604">
        <v>87</v>
      </c>
      <c r="X26604">
        <v>89</v>
      </c>
      <c r="Y26604">
        <v>91</v>
      </c>
      <c r="Z26604">
        <v>93</v>
      </c>
      <c r="AA26604">
        <v>95</v>
      </c>
      <c r="AB26604">
        <v>96</v>
      </c>
      <c r="AC26604">
        <v>98</v>
      </c>
      <c r="AD26604">
        <v>100</v>
      </c>
      <c r="AE26604">
        <v>102</v>
      </c>
      <c r="AF26604">
        <v>103</v>
      </c>
      <c r="AG26604">
        <v>104</v>
      </c>
      <c r="AH26604">
        <v>105</v>
      </c>
      <c r="AI26604">
        <v>106</v>
      </c>
      <c r="AJ26604">
        <v>107</v>
      </c>
      <c r="AK26604">
        <v>107</v>
      </c>
      <c r="AL26604">
        <v>108</v>
      </c>
      <c r="AM26604">
        <v>109</v>
      </c>
      <c r="AN26604">
        <v>110</v>
      </c>
      <c r="AO26604">
        <v>111</v>
      </c>
      <c r="AP26604">
        <v>112</v>
      </c>
      <c r="AQ26604">
        <v>113</v>
      </c>
    </row>
    <row r="26605" spans="1:43">
      <c r="A26605" t="s">
        <v>16453</v>
      </c>
      <c r="B26605" t="s">
        <v>16454</v>
      </c>
      <c r="C26605" t="s">
        <v>16299</v>
      </c>
      <c r="D26605" t="s">
        <v>16300</v>
      </c>
      <c r="E26605" t="s">
        <v>16245</v>
      </c>
      <c r="F26605" t="s">
        <v>16246</v>
      </c>
      <c r="G26605" t="s">
        <v>10734</v>
      </c>
      <c r="H26605" t="s">
        <v>10735</v>
      </c>
      <c r="I26605" s="2">
        <v>1</v>
      </c>
      <c r="J26605" s="2">
        <v>0</v>
      </c>
      <c r="K26605" s="2">
        <v>0</v>
      </c>
      <c r="L26605" t="s">
        <v>120</v>
      </c>
      <c r="M26605" t="s">
        <v>83</v>
      </c>
      <c r="N26605" t="s">
        <v>91</v>
      </c>
      <c r="O26605" t="s">
        <v>85</v>
      </c>
      <c r="P26605" t="s">
        <v>86</v>
      </c>
      <c r="Q26605">
        <v>75</v>
      </c>
      <c r="R26605">
        <v>76</v>
      </c>
      <c r="S26605">
        <v>78</v>
      </c>
      <c r="T26605">
        <v>79</v>
      </c>
      <c r="U26605">
        <v>81</v>
      </c>
      <c r="V26605">
        <v>83</v>
      </c>
      <c r="W26605">
        <v>84</v>
      </c>
      <c r="X26605">
        <v>86</v>
      </c>
      <c r="Y26605">
        <v>87</v>
      </c>
      <c r="Z26605">
        <v>89</v>
      </c>
      <c r="AA26605">
        <v>90</v>
      </c>
      <c r="AB26605">
        <v>92</v>
      </c>
      <c r="AC26605">
        <v>93</v>
      </c>
      <c r="AD26605">
        <v>95</v>
      </c>
      <c r="AE26605">
        <v>96</v>
      </c>
      <c r="AF26605">
        <v>98</v>
      </c>
      <c r="AG26605">
        <v>100</v>
      </c>
      <c r="AH26605">
        <v>101</v>
      </c>
      <c r="AI26605">
        <v>103</v>
      </c>
      <c r="AJ26605">
        <v>105</v>
      </c>
      <c r="AK26605">
        <v>107</v>
      </c>
      <c r="AL26605">
        <v>108</v>
      </c>
      <c r="AM26605">
        <v>109</v>
      </c>
      <c r="AN26605">
        <v>110</v>
      </c>
      <c r="AO26605">
        <v>111</v>
      </c>
      <c r="AP26605">
        <v>112</v>
      </c>
      <c r="AQ26605">
        <v>113</v>
      </c>
    </row>
    <row r="26606" spans="1:43">
      <c r="A26606" t="s">
        <v>16455</v>
      </c>
      <c r="B26606" t="s">
        <v>16456</v>
      </c>
      <c r="C26606" t="s">
        <v>16457</v>
      </c>
      <c r="D26606" t="s">
        <v>16458</v>
      </c>
      <c r="E26606" t="s">
        <v>16459</v>
      </c>
      <c r="F26606" t="s">
        <v>16460</v>
      </c>
      <c r="G26606" t="s">
        <v>10734</v>
      </c>
      <c r="H26606" t="s">
        <v>10735</v>
      </c>
      <c r="I26606" s="2">
        <v>1</v>
      </c>
      <c r="J26606" s="2">
        <v>0</v>
      </c>
      <c r="K26606" s="2">
        <v>0</v>
      </c>
      <c r="L26606" t="s">
        <v>120</v>
      </c>
      <c r="M26606" t="s">
        <v>83</v>
      </c>
      <c r="N26606" t="s">
        <v>84</v>
      </c>
      <c r="O26606" t="s">
        <v>85</v>
      </c>
      <c r="P26606" t="s">
        <v>86</v>
      </c>
      <c r="Q26606">
        <v>46</v>
      </c>
      <c r="R26606">
        <v>47</v>
      </c>
      <c r="S26606">
        <v>49</v>
      </c>
      <c r="T26606">
        <v>50</v>
      </c>
      <c r="U26606">
        <v>51</v>
      </c>
      <c r="V26606">
        <v>52</v>
      </c>
      <c r="W26606">
        <v>54</v>
      </c>
      <c r="X26606">
        <v>55</v>
      </c>
      <c r="Y26606">
        <v>56</v>
      </c>
      <c r="Z26606">
        <v>58</v>
      </c>
      <c r="AA26606">
        <v>59</v>
      </c>
      <c r="AB26606">
        <v>60</v>
      </c>
      <c r="AC26606">
        <v>62</v>
      </c>
      <c r="AD26606">
        <v>63</v>
      </c>
      <c r="AE26606">
        <v>64</v>
      </c>
      <c r="AF26606">
        <v>66</v>
      </c>
      <c r="AG26606">
        <v>67</v>
      </c>
      <c r="AH26606">
        <v>69</v>
      </c>
      <c r="AI26606">
        <v>70</v>
      </c>
      <c r="AJ26606">
        <v>71</v>
      </c>
      <c r="AK26606">
        <v>73</v>
      </c>
      <c r="AL26606">
        <v>74</v>
      </c>
      <c r="AM26606">
        <v>74</v>
      </c>
      <c r="AN26606">
        <v>75</v>
      </c>
      <c r="AO26606">
        <v>76</v>
      </c>
      <c r="AP26606">
        <v>76</v>
      </c>
      <c r="AQ26606">
        <v>77</v>
      </c>
    </row>
    <row r="26607" spans="1:43">
      <c r="A26607" t="s">
        <v>16455</v>
      </c>
      <c r="B26607" t="s">
        <v>16456</v>
      </c>
      <c r="C26607" t="s">
        <v>16457</v>
      </c>
      <c r="D26607" t="s">
        <v>16458</v>
      </c>
      <c r="E26607" t="s">
        <v>16459</v>
      </c>
      <c r="F26607" t="s">
        <v>16460</v>
      </c>
      <c r="G26607" t="s">
        <v>10734</v>
      </c>
      <c r="H26607" t="s">
        <v>10735</v>
      </c>
      <c r="I26607" s="2">
        <v>1</v>
      </c>
      <c r="J26607" s="2">
        <v>0</v>
      </c>
      <c r="K26607" s="2">
        <v>0</v>
      </c>
      <c r="L26607" t="s">
        <v>120</v>
      </c>
      <c r="M26607" t="s">
        <v>87</v>
      </c>
      <c r="N26607" t="s">
        <v>88</v>
      </c>
      <c r="O26607" t="s">
        <v>85</v>
      </c>
      <c r="P26607" t="s">
        <v>86</v>
      </c>
      <c r="Q26607">
        <v>46</v>
      </c>
      <c r="R26607">
        <v>47</v>
      </c>
      <c r="S26607">
        <v>47</v>
      </c>
      <c r="T26607">
        <v>48</v>
      </c>
      <c r="U26607">
        <v>49</v>
      </c>
      <c r="V26607">
        <v>50</v>
      </c>
      <c r="W26607">
        <v>51</v>
      </c>
      <c r="X26607">
        <v>51</v>
      </c>
      <c r="Y26607">
        <v>52</v>
      </c>
      <c r="Z26607">
        <v>53</v>
      </c>
      <c r="AA26607">
        <v>54</v>
      </c>
      <c r="AB26607">
        <v>55</v>
      </c>
      <c r="AC26607">
        <v>55</v>
      </c>
      <c r="AD26607">
        <v>56</v>
      </c>
      <c r="AE26607">
        <v>57</v>
      </c>
      <c r="AF26607">
        <v>58</v>
      </c>
      <c r="AG26607">
        <v>59</v>
      </c>
      <c r="AH26607">
        <v>60</v>
      </c>
      <c r="AI26607">
        <v>60</v>
      </c>
      <c r="AJ26607">
        <v>61</v>
      </c>
      <c r="AK26607">
        <v>62</v>
      </c>
      <c r="AL26607">
        <v>63</v>
      </c>
      <c r="AM26607">
        <v>64</v>
      </c>
      <c r="AN26607">
        <v>64</v>
      </c>
      <c r="AO26607">
        <v>65</v>
      </c>
      <c r="AP26607">
        <v>66</v>
      </c>
      <c r="AQ26607">
        <v>67</v>
      </c>
    </row>
    <row r="26608" spans="1:43">
      <c r="A26608" t="s">
        <v>16455</v>
      </c>
      <c r="B26608" t="s">
        <v>16456</v>
      </c>
      <c r="C26608" t="s">
        <v>16457</v>
      </c>
      <c r="D26608" t="s">
        <v>16458</v>
      </c>
      <c r="E26608" t="s">
        <v>16459</v>
      </c>
      <c r="F26608" t="s">
        <v>16460</v>
      </c>
      <c r="G26608" t="s">
        <v>10734</v>
      </c>
      <c r="H26608" t="s">
        <v>10735</v>
      </c>
      <c r="I26608" s="2">
        <v>1</v>
      </c>
      <c r="J26608" s="2">
        <v>0</v>
      </c>
      <c r="K26608" s="2">
        <v>0</v>
      </c>
      <c r="L26608" t="s">
        <v>120</v>
      </c>
      <c r="M26608" t="s">
        <v>89</v>
      </c>
      <c r="N26608" t="s">
        <v>90</v>
      </c>
      <c r="O26608" t="s">
        <v>85</v>
      </c>
      <c r="P26608" t="s">
        <v>86</v>
      </c>
      <c r="Q26608">
        <v>46</v>
      </c>
      <c r="R26608">
        <v>47</v>
      </c>
      <c r="S26608">
        <v>49</v>
      </c>
      <c r="T26608">
        <v>51</v>
      </c>
      <c r="U26608">
        <v>52</v>
      </c>
      <c r="V26608">
        <v>54</v>
      </c>
      <c r="W26608">
        <v>55</v>
      </c>
      <c r="X26608">
        <v>57</v>
      </c>
      <c r="Y26608">
        <v>59</v>
      </c>
      <c r="Z26608">
        <v>60</v>
      </c>
      <c r="AA26608">
        <v>62</v>
      </c>
      <c r="AB26608">
        <v>64</v>
      </c>
      <c r="AC26608">
        <v>65</v>
      </c>
      <c r="AD26608">
        <v>67</v>
      </c>
      <c r="AE26608">
        <v>68</v>
      </c>
      <c r="AF26608">
        <v>69</v>
      </c>
      <c r="AG26608">
        <v>70</v>
      </c>
      <c r="AH26608">
        <v>71</v>
      </c>
      <c r="AI26608">
        <v>71</v>
      </c>
      <c r="AJ26608">
        <v>72</v>
      </c>
      <c r="AK26608">
        <v>73</v>
      </c>
      <c r="AL26608">
        <v>73</v>
      </c>
      <c r="AM26608">
        <v>74</v>
      </c>
      <c r="AN26608">
        <v>75</v>
      </c>
      <c r="AO26608">
        <v>75</v>
      </c>
      <c r="AP26608">
        <v>76</v>
      </c>
      <c r="AQ26608">
        <v>77</v>
      </c>
    </row>
    <row r="26609" spans="1:43">
      <c r="A26609" t="s">
        <v>16455</v>
      </c>
      <c r="B26609" t="s">
        <v>16456</v>
      </c>
      <c r="C26609" t="s">
        <v>16457</v>
      </c>
      <c r="D26609" t="s">
        <v>16458</v>
      </c>
      <c r="E26609" t="s">
        <v>16459</v>
      </c>
      <c r="F26609" t="s">
        <v>16460</v>
      </c>
      <c r="G26609" t="s">
        <v>10734</v>
      </c>
      <c r="H26609" t="s">
        <v>10735</v>
      </c>
      <c r="I26609" s="2">
        <v>1</v>
      </c>
      <c r="J26609" s="2">
        <v>0</v>
      </c>
      <c r="K26609" s="2">
        <v>0</v>
      </c>
      <c r="L26609" t="s">
        <v>120</v>
      </c>
      <c r="M26609" t="s">
        <v>83</v>
      </c>
      <c r="N26609" t="s">
        <v>91</v>
      </c>
      <c r="O26609" t="s">
        <v>85</v>
      </c>
      <c r="P26609" t="s">
        <v>86</v>
      </c>
      <c r="Q26609">
        <v>46</v>
      </c>
      <c r="R26609">
        <v>47</v>
      </c>
      <c r="S26609">
        <v>49</v>
      </c>
      <c r="T26609">
        <v>50</v>
      </c>
      <c r="U26609">
        <v>51</v>
      </c>
      <c r="V26609">
        <v>52</v>
      </c>
      <c r="W26609">
        <v>54</v>
      </c>
      <c r="X26609">
        <v>55</v>
      </c>
      <c r="Y26609">
        <v>56</v>
      </c>
      <c r="Z26609">
        <v>58</v>
      </c>
      <c r="AA26609">
        <v>59</v>
      </c>
      <c r="AB26609">
        <v>60</v>
      </c>
      <c r="AC26609">
        <v>62</v>
      </c>
      <c r="AD26609">
        <v>63</v>
      </c>
      <c r="AE26609">
        <v>64</v>
      </c>
      <c r="AF26609">
        <v>66</v>
      </c>
      <c r="AG26609">
        <v>67</v>
      </c>
      <c r="AH26609">
        <v>69</v>
      </c>
      <c r="AI26609">
        <v>70</v>
      </c>
      <c r="AJ26609">
        <v>71</v>
      </c>
      <c r="AK26609">
        <v>73</v>
      </c>
      <c r="AL26609">
        <v>74</v>
      </c>
      <c r="AM26609">
        <v>74</v>
      </c>
      <c r="AN26609">
        <v>75</v>
      </c>
      <c r="AO26609">
        <v>76</v>
      </c>
      <c r="AP26609">
        <v>76</v>
      </c>
      <c r="AQ26609">
        <v>77</v>
      </c>
    </row>
    <row r="26610" spans="1:43">
      <c r="A26610" t="s">
        <v>16461</v>
      </c>
      <c r="B26610" t="s">
        <v>16462</v>
      </c>
      <c r="C26610" t="s">
        <v>16463</v>
      </c>
      <c r="D26610" t="s">
        <v>16464</v>
      </c>
      <c r="E26610" t="s">
        <v>16459</v>
      </c>
      <c r="F26610" t="s">
        <v>16460</v>
      </c>
      <c r="G26610" t="s">
        <v>10734</v>
      </c>
      <c r="H26610" t="s">
        <v>10735</v>
      </c>
      <c r="I26610" s="2">
        <v>1</v>
      </c>
      <c r="J26610" s="2">
        <v>0</v>
      </c>
      <c r="K26610" s="2">
        <v>0</v>
      </c>
      <c r="L26610" t="s">
        <v>120</v>
      </c>
      <c r="M26610" t="s">
        <v>83</v>
      </c>
      <c r="N26610" t="s">
        <v>84</v>
      </c>
      <c r="O26610" t="s">
        <v>85</v>
      </c>
      <c r="P26610" t="s">
        <v>86</v>
      </c>
      <c r="Q26610">
        <v>37</v>
      </c>
      <c r="R26610">
        <v>38</v>
      </c>
      <c r="S26610">
        <v>39</v>
      </c>
      <c r="T26610">
        <v>40</v>
      </c>
      <c r="U26610">
        <v>41</v>
      </c>
      <c r="V26610">
        <v>42</v>
      </c>
      <c r="W26610">
        <v>43</v>
      </c>
      <c r="X26610">
        <v>44</v>
      </c>
      <c r="Y26610">
        <v>45</v>
      </c>
      <c r="Z26610">
        <v>46</v>
      </c>
      <c r="AA26610">
        <v>47</v>
      </c>
      <c r="AB26610">
        <v>48</v>
      </c>
      <c r="AC26610">
        <v>49</v>
      </c>
      <c r="AD26610">
        <v>50</v>
      </c>
      <c r="AE26610">
        <v>52</v>
      </c>
      <c r="AF26610">
        <v>53</v>
      </c>
      <c r="AG26610">
        <v>54</v>
      </c>
      <c r="AH26610">
        <v>55</v>
      </c>
      <c r="AI26610">
        <v>56</v>
      </c>
      <c r="AJ26610">
        <v>57</v>
      </c>
      <c r="AK26610">
        <v>58</v>
      </c>
      <c r="AL26610">
        <v>59</v>
      </c>
      <c r="AM26610">
        <v>59</v>
      </c>
      <c r="AN26610">
        <v>60</v>
      </c>
      <c r="AO26610">
        <v>60</v>
      </c>
      <c r="AP26610">
        <v>61</v>
      </c>
      <c r="AQ26610">
        <v>62</v>
      </c>
    </row>
    <row r="26611" spans="1:43">
      <c r="A26611" t="s">
        <v>16461</v>
      </c>
      <c r="B26611" t="s">
        <v>16462</v>
      </c>
      <c r="C26611" t="s">
        <v>16463</v>
      </c>
      <c r="D26611" t="s">
        <v>16464</v>
      </c>
      <c r="E26611" t="s">
        <v>16459</v>
      </c>
      <c r="F26611" t="s">
        <v>16460</v>
      </c>
      <c r="G26611" t="s">
        <v>10734</v>
      </c>
      <c r="H26611" t="s">
        <v>10735</v>
      </c>
      <c r="I26611" s="2">
        <v>1</v>
      </c>
      <c r="J26611" s="2">
        <v>0</v>
      </c>
      <c r="K26611" s="2">
        <v>0</v>
      </c>
      <c r="L26611" t="s">
        <v>120</v>
      </c>
      <c r="M26611" t="s">
        <v>87</v>
      </c>
      <c r="N26611" t="s">
        <v>88</v>
      </c>
      <c r="O26611" t="s">
        <v>85</v>
      </c>
      <c r="P26611" t="s">
        <v>86</v>
      </c>
      <c r="Q26611">
        <v>37</v>
      </c>
      <c r="R26611">
        <v>37</v>
      </c>
      <c r="S26611">
        <v>38</v>
      </c>
      <c r="T26611">
        <v>38</v>
      </c>
      <c r="U26611">
        <v>39</v>
      </c>
      <c r="V26611">
        <v>40</v>
      </c>
      <c r="W26611">
        <v>40</v>
      </c>
      <c r="X26611">
        <v>41</v>
      </c>
      <c r="Y26611">
        <v>42</v>
      </c>
      <c r="Z26611">
        <v>42</v>
      </c>
      <c r="AA26611">
        <v>43</v>
      </c>
      <c r="AB26611">
        <v>44</v>
      </c>
      <c r="AC26611">
        <v>44</v>
      </c>
      <c r="AD26611">
        <v>45</v>
      </c>
      <c r="AE26611">
        <v>46</v>
      </c>
      <c r="AF26611">
        <v>46</v>
      </c>
      <c r="AG26611">
        <v>47</v>
      </c>
      <c r="AH26611">
        <v>48</v>
      </c>
      <c r="AI26611">
        <v>48</v>
      </c>
      <c r="AJ26611">
        <v>49</v>
      </c>
      <c r="AK26611">
        <v>50</v>
      </c>
      <c r="AL26611">
        <v>50</v>
      </c>
      <c r="AM26611">
        <v>51</v>
      </c>
      <c r="AN26611">
        <v>52</v>
      </c>
      <c r="AO26611">
        <v>52</v>
      </c>
      <c r="AP26611">
        <v>53</v>
      </c>
      <c r="AQ26611">
        <v>54</v>
      </c>
    </row>
    <row r="26612" spans="1:43">
      <c r="A26612" t="s">
        <v>16461</v>
      </c>
      <c r="B26612" t="s">
        <v>16462</v>
      </c>
      <c r="C26612" t="s">
        <v>16463</v>
      </c>
      <c r="D26612" t="s">
        <v>16464</v>
      </c>
      <c r="E26612" t="s">
        <v>16459</v>
      </c>
      <c r="F26612" t="s">
        <v>16460</v>
      </c>
      <c r="G26612" t="s">
        <v>10734</v>
      </c>
      <c r="H26612" t="s">
        <v>10735</v>
      </c>
      <c r="I26612" s="2">
        <v>1</v>
      </c>
      <c r="J26612" s="2">
        <v>0</v>
      </c>
      <c r="K26612" s="2">
        <v>0</v>
      </c>
      <c r="L26612" t="s">
        <v>120</v>
      </c>
      <c r="M26612" t="s">
        <v>89</v>
      </c>
      <c r="N26612" t="s">
        <v>90</v>
      </c>
      <c r="O26612" t="s">
        <v>85</v>
      </c>
      <c r="P26612" t="s">
        <v>86</v>
      </c>
      <c r="Q26612">
        <v>37</v>
      </c>
      <c r="R26612">
        <v>39</v>
      </c>
      <c r="S26612">
        <v>40</v>
      </c>
      <c r="T26612">
        <v>41</v>
      </c>
      <c r="U26612">
        <v>43</v>
      </c>
      <c r="V26612">
        <v>44</v>
      </c>
      <c r="W26612">
        <v>45</v>
      </c>
      <c r="X26612">
        <v>46</v>
      </c>
      <c r="Y26612">
        <v>48</v>
      </c>
      <c r="Z26612">
        <v>49</v>
      </c>
      <c r="AA26612">
        <v>50</v>
      </c>
      <c r="AB26612">
        <v>52</v>
      </c>
      <c r="AC26612">
        <v>53</v>
      </c>
      <c r="AD26612">
        <v>54</v>
      </c>
      <c r="AE26612">
        <v>55</v>
      </c>
      <c r="AF26612">
        <v>56</v>
      </c>
      <c r="AG26612">
        <v>56</v>
      </c>
      <c r="AH26612">
        <v>57</v>
      </c>
      <c r="AI26612">
        <v>58</v>
      </c>
      <c r="AJ26612">
        <v>58</v>
      </c>
      <c r="AK26612">
        <v>59</v>
      </c>
      <c r="AL26612">
        <v>59</v>
      </c>
      <c r="AM26612">
        <v>60</v>
      </c>
      <c r="AN26612">
        <v>60</v>
      </c>
      <c r="AO26612">
        <v>61</v>
      </c>
      <c r="AP26612">
        <v>61</v>
      </c>
      <c r="AQ26612">
        <v>62</v>
      </c>
    </row>
    <row r="26613" spans="1:43">
      <c r="A26613" t="s">
        <v>16461</v>
      </c>
      <c r="B26613" t="s">
        <v>16462</v>
      </c>
      <c r="C26613" t="s">
        <v>16463</v>
      </c>
      <c r="D26613" t="s">
        <v>16464</v>
      </c>
      <c r="E26613" t="s">
        <v>16459</v>
      </c>
      <c r="F26613" t="s">
        <v>16460</v>
      </c>
      <c r="G26613" t="s">
        <v>10734</v>
      </c>
      <c r="H26613" t="s">
        <v>10735</v>
      </c>
      <c r="I26613" s="2">
        <v>1</v>
      </c>
      <c r="J26613" s="2">
        <v>0</v>
      </c>
      <c r="K26613" s="2">
        <v>0</v>
      </c>
      <c r="L26613" t="s">
        <v>120</v>
      </c>
      <c r="M26613" t="s">
        <v>83</v>
      </c>
      <c r="N26613" t="s">
        <v>91</v>
      </c>
      <c r="O26613" t="s">
        <v>85</v>
      </c>
      <c r="P26613" t="s">
        <v>86</v>
      </c>
      <c r="Q26613">
        <v>37</v>
      </c>
      <c r="R26613">
        <v>38</v>
      </c>
      <c r="S26613">
        <v>39</v>
      </c>
      <c r="T26613">
        <v>40</v>
      </c>
      <c r="U26613">
        <v>41</v>
      </c>
      <c r="V26613">
        <v>42</v>
      </c>
      <c r="W26613">
        <v>43</v>
      </c>
      <c r="X26613">
        <v>44</v>
      </c>
      <c r="Y26613">
        <v>45</v>
      </c>
      <c r="Z26613">
        <v>46</v>
      </c>
      <c r="AA26613">
        <v>47</v>
      </c>
      <c r="AB26613">
        <v>48</v>
      </c>
      <c r="AC26613">
        <v>49</v>
      </c>
      <c r="AD26613">
        <v>50</v>
      </c>
      <c r="AE26613">
        <v>52</v>
      </c>
      <c r="AF26613">
        <v>53</v>
      </c>
      <c r="AG26613">
        <v>54</v>
      </c>
      <c r="AH26613">
        <v>55</v>
      </c>
      <c r="AI26613">
        <v>56</v>
      </c>
      <c r="AJ26613">
        <v>57</v>
      </c>
      <c r="AK26613">
        <v>58</v>
      </c>
      <c r="AL26613">
        <v>59</v>
      </c>
      <c r="AM26613">
        <v>59</v>
      </c>
      <c r="AN26613">
        <v>60</v>
      </c>
      <c r="AO26613">
        <v>60</v>
      </c>
      <c r="AP26613">
        <v>61</v>
      </c>
      <c r="AQ26613">
        <v>62</v>
      </c>
    </row>
    <row r="26614" spans="1:43">
      <c r="A26614" t="s">
        <v>16465</v>
      </c>
      <c r="B26614" t="s">
        <v>16466</v>
      </c>
      <c r="C26614" t="s">
        <v>16467</v>
      </c>
      <c r="D26614" t="s">
        <v>16468</v>
      </c>
      <c r="E26614" t="s">
        <v>16459</v>
      </c>
      <c r="F26614" t="s">
        <v>16460</v>
      </c>
      <c r="G26614" t="s">
        <v>10734</v>
      </c>
      <c r="H26614" t="s">
        <v>10735</v>
      </c>
      <c r="I26614" s="2">
        <v>1</v>
      </c>
      <c r="J26614" s="2">
        <v>0</v>
      </c>
      <c r="K26614" s="2">
        <v>0</v>
      </c>
      <c r="L26614" t="s">
        <v>120</v>
      </c>
      <c r="M26614" t="s">
        <v>83</v>
      </c>
      <c r="N26614" t="s">
        <v>84</v>
      </c>
      <c r="O26614" t="s">
        <v>85</v>
      </c>
      <c r="P26614" t="s">
        <v>86</v>
      </c>
      <c r="Q26614">
        <v>54</v>
      </c>
      <c r="R26614">
        <v>55</v>
      </c>
      <c r="S26614">
        <v>57</v>
      </c>
      <c r="T26614">
        <v>58</v>
      </c>
      <c r="U26614">
        <v>60</v>
      </c>
      <c r="V26614">
        <v>61</v>
      </c>
      <c r="W26614">
        <v>63</v>
      </c>
      <c r="X26614">
        <v>64</v>
      </c>
      <c r="Y26614">
        <v>66</v>
      </c>
      <c r="Z26614">
        <v>67</v>
      </c>
      <c r="AA26614">
        <v>69</v>
      </c>
      <c r="AB26614">
        <v>70</v>
      </c>
      <c r="AC26614">
        <v>72</v>
      </c>
      <c r="AD26614">
        <v>73</v>
      </c>
      <c r="AE26614">
        <v>75</v>
      </c>
      <c r="AF26614">
        <v>77</v>
      </c>
      <c r="AG26614">
        <v>78</v>
      </c>
      <c r="AH26614">
        <v>80</v>
      </c>
      <c r="AI26614">
        <v>81</v>
      </c>
      <c r="AJ26614">
        <v>83</v>
      </c>
      <c r="AK26614">
        <v>85</v>
      </c>
      <c r="AL26614">
        <v>86</v>
      </c>
      <c r="AM26614">
        <v>87</v>
      </c>
      <c r="AN26614">
        <v>87</v>
      </c>
      <c r="AO26614">
        <v>88</v>
      </c>
      <c r="AP26614">
        <v>89</v>
      </c>
      <c r="AQ26614">
        <v>90</v>
      </c>
    </row>
    <row r="26615" spans="1:43">
      <c r="A26615" t="s">
        <v>16465</v>
      </c>
      <c r="B26615" t="s">
        <v>16466</v>
      </c>
      <c r="C26615" t="s">
        <v>16467</v>
      </c>
      <c r="D26615" t="s">
        <v>16468</v>
      </c>
      <c r="E26615" t="s">
        <v>16459</v>
      </c>
      <c r="F26615" t="s">
        <v>16460</v>
      </c>
      <c r="G26615" t="s">
        <v>10734</v>
      </c>
      <c r="H26615" t="s">
        <v>10735</v>
      </c>
      <c r="I26615" s="2">
        <v>1</v>
      </c>
      <c r="J26615" s="2">
        <v>0</v>
      </c>
      <c r="K26615" s="2">
        <v>0</v>
      </c>
      <c r="L26615" t="s">
        <v>120</v>
      </c>
      <c r="M26615" t="s">
        <v>87</v>
      </c>
      <c r="N26615" t="s">
        <v>88</v>
      </c>
      <c r="O26615" t="s">
        <v>85</v>
      </c>
      <c r="P26615" t="s">
        <v>86</v>
      </c>
      <c r="Q26615">
        <v>54</v>
      </c>
      <c r="R26615">
        <v>55</v>
      </c>
      <c r="S26615">
        <v>56</v>
      </c>
      <c r="T26615">
        <v>57</v>
      </c>
      <c r="U26615">
        <v>58</v>
      </c>
      <c r="V26615">
        <v>59</v>
      </c>
      <c r="W26615">
        <v>60</v>
      </c>
      <c r="X26615">
        <v>61</v>
      </c>
      <c r="Y26615">
        <v>62</v>
      </c>
      <c r="Z26615">
        <v>63</v>
      </c>
      <c r="AA26615">
        <v>64</v>
      </c>
      <c r="AB26615">
        <v>65</v>
      </c>
      <c r="AC26615">
        <v>66</v>
      </c>
      <c r="AD26615">
        <v>66</v>
      </c>
      <c r="AE26615">
        <v>67</v>
      </c>
      <c r="AF26615">
        <v>68</v>
      </c>
      <c r="AG26615">
        <v>69</v>
      </c>
      <c r="AH26615">
        <v>70</v>
      </c>
      <c r="AI26615">
        <v>71</v>
      </c>
      <c r="AJ26615">
        <v>72</v>
      </c>
      <c r="AK26615">
        <v>73</v>
      </c>
      <c r="AL26615">
        <v>74</v>
      </c>
      <c r="AM26615">
        <v>75</v>
      </c>
      <c r="AN26615">
        <v>76</v>
      </c>
      <c r="AO26615">
        <v>77</v>
      </c>
      <c r="AP26615">
        <v>78</v>
      </c>
      <c r="AQ26615">
        <v>79</v>
      </c>
    </row>
    <row r="26616" spans="1:43">
      <c r="A26616" t="s">
        <v>16465</v>
      </c>
      <c r="B26616" t="s">
        <v>16466</v>
      </c>
      <c r="C26616" t="s">
        <v>16467</v>
      </c>
      <c r="D26616" t="s">
        <v>16468</v>
      </c>
      <c r="E26616" t="s">
        <v>16459</v>
      </c>
      <c r="F26616" t="s">
        <v>16460</v>
      </c>
      <c r="G26616" t="s">
        <v>10734</v>
      </c>
      <c r="H26616" t="s">
        <v>10735</v>
      </c>
      <c r="I26616" s="2">
        <v>1</v>
      </c>
      <c r="J26616" s="2">
        <v>0</v>
      </c>
      <c r="K26616" s="2">
        <v>0</v>
      </c>
      <c r="L26616" t="s">
        <v>120</v>
      </c>
      <c r="M26616" t="s">
        <v>89</v>
      </c>
      <c r="N26616" t="s">
        <v>90</v>
      </c>
      <c r="O26616" t="s">
        <v>85</v>
      </c>
      <c r="P26616" t="s">
        <v>86</v>
      </c>
      <c r="Q26616">
        <v>54</v>
      </c>
      <c r="R26616">
        <v>56</v>
      </c>
      <c r="S26616">
        <v>58</v>
      </c>
      <c r="T26616">
        <v>60</v>
      </c>
      <c r="U26616">
        <v>62</v>
      </c>
      <c r="V26616">
        <v>64</v>
      </c>
      <c r="W26616">
        <v>66</v>
      </c>
      <c r="X26616">
        <v>68</v>
      </c>
      <c r="Y26616">
        <v>69</v>
      </c>
      <c r="Z26616">
        <v>71</v>
      </c>
      <c r="AA26616">
        <v>73</v>
      </c>
      <c r="AB26616">
        <v>75</v>
      </c>
      <c r="AC26616">
        <v>77</v>
      </c>
      <c r="AD26616">
        <v>79</v>
      </c>
      <c r="AE26616">
        <v>80</v>
      </c>
      <c r="AF26616">
        <v>81</v>
      </c>
      <c r="AG26616">
        <v>82</v>
      </c>
      <c r="AH26616">
        <v>83</v>
      </c>
      <c r="AI26616">
        <v>84</v>
      </c>
      <c r="AJ26616">
        <v>85</v>
      </c>
      <c r="AK26616">
        <v>86</v>
      </c>
      <c r="AL26616">
        <v>87</v>
      </c>
      <c r="AM26616">
        <v>87</v>
      </c>
      <c r="AN26616">
        <v>88</v>
      </c>
      <c r="AO26616">
        <v>89</v>
      </c>
      <c r="AP26616">
        <v>90</v>
      </c>
      <c r="AQ26616">
        <v>90</v>
      </c>
    </row>
    <row r="26617" spans="1:43">
      <c r="A26617" t="s">
        <v>16465</v>
      </c>
      <c r="B26617" t="s">
        <v>16466</v>
      </c>
      <c r="C26617" t="s">
        <v>16467</v>
      </c>
      <c r="D26617" t="s">
        <v>16468</v>
      </c>
      <c r="E26617" t="s">
        <v>16459</v>
      </c>
      <c r="F26617" t="s">
        <v>16460</v>
      </c>
      <c r="G26617" t="s">
        <v>10734</v>
      </c>
      <c r="H26617" t="s">
        <v>10735</v>
      </c>
      <c r="I26617" s="2">
        <v>1</v>
      </c>
      <c r="J26617" s="2">
        <v>0</v>
      </c>
      <c r="K26617" s="2">
        <v>0</v>
      </c>
      <c r="L26617" t="s">
        <v>120</v>
      </c>
      <c r="M26617" t="s">
        <v>83</v>
      </c>
      <c r="N26617" t="s">
        <v>91</v>
      </c>
      <c r="O26617" t="s">
        <v>85</v>
      </c>
      <c r="P26617" t="s">
        <v>86</v>
      </c>
      <c r="Q26617">
        <v>54</v>
      </c>
      <c r="R26617">
        <v>55</v>
      </c>
      <c r="S26617">
        <v>57</v>
      </c>
      <c r="T26617">
        <v>58</v>
      </c>
      <c r="U26617">
        <v>60</v>
      </c>
      <c r="V26617">
        <v>61</v>
      </c>
      <c r="W26617">
        <v>63</v>
      </c>
      <c r="X26617">
        <v>64</v>
      </c>
      <c r="Y26617">
        <v>66</v>
      </c>
      <c r="Z26617">
        <v>67</v>
      </c>
      <c r="AA26617">
        <v>69</v>
      </c>
      <c r="AB26617">
        <v>70</v>
      </c>
      <c r="AC26617">
        <v>72</v>
      </c>
      <c r="AD26617">
        <v>73</v>
      </c>
      <c r="AE26617">
        <v>75</v>
      </c>
      <c r="AF26617">
        <v>77</v>
      </c>
      <c r="AG26617">
        <v>78</v>
      </c>
      <c r="AH26617">
        <v>80</v>
      </c>
      <c r="AI26617">
        <v>81</v>
      </c>
      <c r="AJ26617">
        <v>83</v>
      </c>
      <c r="AK26617">
        <v>85</v>
      </c>
      <c r="AL26617">
        <v>86</v>
      </c>
      <c r="AM26617">
        <v>87</v>
      </c>
      <c r="AN26617">
        <v>87</v>
      </c>
      <c r="AO26617">
        <v>88</v>
      </c>
      <c r="AP26617">
        <v>89</v>
      </c>
      <c r="AQ26617">
        <v>90</v>
      </c>
    </row>
    <row r="26618" spans="1:43">
      <c r="A26618" t="s">
        <v>16469</v>
      </c>
      <c r="B26618" t="s">
        <v>16470</v>
      </c>
      <c r="C26618" t="s">
        <v>16467</v>
      </c>
      <c r="D26618" t="s">
        <v>16468</v>
      </c>
      <c r="E26618" t="s">
        <v>16459</v>
      </c>
      <c r="F26618" t="s">
        <v>16460</v>
      </c>
      <c r="G26618" t="s">
        <v>10734</v>
      </c>
      <c r="H26618" t="s">
        <v>10735</v>
      </c>
      <c r="I26618" s="2">
        <v>1</v>
      </c>
      <c r="J26618" s="2">
        <v>0</v>
      </c>
      <c r="K26618" s="2">
        <v>0</v>
      </c>
      <c r="L26618" t="s">
        <v>120</v>
      </c>
      <c r="M26618" t="s">
        <v>83</v>
      </c>
      <c r="N26618" t="s">
        <v>84</v>
      </c>
      <c r="O26618" t="s">
        <v>85</v>
      </c>
      <c r="P26618" t="s">
        <v>86</v>
      </c>
      <c r="Q26618">
        <v>29</v>
      </c>
      <c r="R26618">
        <v>30</v>
      </c>
      <c r="S26618">
        <v>31</v>
      </c>
      <c r="T26618">
        <v>31</v>
      </c>
      <c r="U26618">
        <v>32</v>
      </c>
      <c r="V26618">
        <v>33</v>
      </c>
      <c r="W26618">
        <v>34</v>
      </c>
      <c r="X26618">
        <v>34</v>
      </c>
      <c r="Y26618">
        <v>35</v>
      </c>
      <c r="Z26618">
        <v>36</v>
      </c>
      <c r="AA26618">
        <v>37</v>
      </c>
      <c r="AB26618">
        <v>38</v>
      </c>
      <c r="AC26618">
        <v>38</v>
      </c>
      <c r="AD26618">
        <v>39</v>
      </c>
      <c r="AE26618">
        <v>40</v>
      </c>
      <c r="AF26618">
        <v>41</v>
      </c>
      <c r="AG26618">
        <v>42</v>
      </c>
      <c r="AH26618">
        <v>42</v>
      </c>
      <c r="AI26618">
        <v>43</v>
      </c>
      <c r="AJ26618">
        <v>44</v>
      </c>
      <c r="AK26618">
        <v>45</v>
      </c>
      <c r="AL26618">
        <v>45</v>
      </c>
      <c r="AM26618">
        <v>46</v>
      </c>
      <c r="AN26618">
        <v>46</v>
      </c>
      <c r="AO26618">
        <v>46</v>
      </c>
      <c r="AP26618">
        <v>47</v>
      </c>
      <c r="AQ26618">
        <v>47</v>
      </c>
    </row>
    <row r="26619" spans="1:43">
      <c r="A26619" t="s">
        <v>16469</v>
      </c>
      <c r="B26619" t="s">
        <v>16470</v>
      </c>
      <c r="C26619" t="s">
        <v>16467</v>
      </c>
      <c r="D26619" t="s">
        <v>16468</v>
      </c>
      <c r="E26619" t="s">
        <v>16459</v>
      </c>
      <c r="F26619" t="s">
        <v>16460</v>
      </c>
      <c r="G26619" t="s">
        <v>10734</v>
      </c>
      <c r="H26619" t="s">
        <v>10735</v>
      </c>
      <c r="I26619" s="2">
        <v>1</v>
      </c>
      <c r="J26619" s="2">
        <v>0</v>
      </c>
      <c r="K26619" s="2">
        <v>0</v>
      </c>
      <c r="L26619" t="s">
        <v>120</v>
      </c>
      <c r="M26619" t="s">
        <v>87</v>
      </c>
      <c r="N26619" t="s">
        <v>88</v>
      </c>
      <c r="O26619" t="s">
        <v>85</v>
      </c>
      <c r="P26619" t="s">
        <v>86</v>
      </c>
      <c r="Q26619">
        <v>29</v>
      </c>
      <c r="R26619">
        <v>29</v>
      </c>
      <c r="S26619">
        <v>30</v>
      </c>
      <c r="T26619">
        <v>30</v>
      </c>
      <c r="U26619">
        <v>31</v>
      </c>
      <c r="V26619">
        <v>31</v>
      </c>
      <c r="W26619">
        <v>32</v>
      </c>
      <c r="X26619">
        <v>32</v>
      </c>
      <c r="Y26619">
        <v>33</v>
      </c>
      <c r="Z26619">
        <v>33</v>
      </c>
      <c r="AA26619">
        <v>34</v>
      </c>
      <c r="AB26619">
        <v>34</v>
      </c>
      <c r="AC26619">
        <v>34</v>
      </c>
      <c r="AD26619">
        <v>35</v>
      </c>
      <c r="AE26619">
        <v>35</v>
      </c>
      <c r="AF26619">
        <v>36</v>
      </c>
      <c r="AG26619">
        <v>36</v>
      </c>
      <c r="AH26619">
        <v>37</v>
      </c>
      <c r="AI26619">
        <v>37</v>
      </c>
      <c r="AJ26619">
        <v>38</v>
      </c>
      <c r="AK26619">
        <v>38</v>
      </c>
      <c r="AL26619">
        <v>39</v>
      </c>
      <c r="AM26619">
        <v>39</v>
      </c>
      <c r="AN26619">
        <v>40</v>
      </c>
      <c r="AO26619">
        <v>40</v>
      </c>
      <c r="AP26619">
        <v>40</v>
      </c>
      <c r="AQ26619">
        <v>41</v>
      </c>
    </row>
    <row r="26620" spans="1:43">
      <c r="A26620" t="s">
        <v>16469</v>
      </c>
      <c r="B26620" t="s">
        <v>16470</v>
      </c>
      <c r="C26620" t="s">
        <v>16467</v>
      </c>
      <c r="D26620" t="s">
        <v>16468</v>
      </c>
      <c r="E26620" t="s">
        <v>16459</v>
      </c>
      <c r="F26620" t="s">
        <v>16460</v>
      </c>
      <c r="G26620" t="s">
        <v>10734</v>
      </c>
      <c r="H26620" t="s">
        <v>10735</v>
      </c>
      <c r="I26620" s="2">
        <v>1</v>
      </c>
      <c r="J26620" s="2">
        <v>0</v>
      </c>
      <c r="K26620" s="2">
        <v>0</v>
      </c>
      <c r="L26620" t="s">
        <v>120</v>
      </c>
      <c r="M26620" t="s">
        <v>89</v>
      </c>
      <c r="N26620" t="s">
        <v>90</v>
      </c>
      <c r="O26620" t="s">
        <v>85</v>
      </c>
      <c r="P26620" t="s">
        <v>86</v>
      </c>
      <c r="Q26620">
        <v>29</v>
      </c>
      <c r="R26620">
        <v>29</v>
      </c>
      <c r="S26620">
        <v>30</v>
      </c>
      <c r="T26620">
        <v>31</v>
      </c>
      <c r="U26620">
        <v>32</v>
      </c>
      <c r="V26620">
        <v>33</v>
      </c>
      <c r="W26620">
        <v>34</v>
      </c>
      <c r="X26620">
        <v>35</v>
      </c>
      <c r="Y26620">
        <v>36</v>
      </c>
      <c r="Z26620">
        <v>37</v>
      </c>
      <c r="AA26620">
        <v>38</v>
      </c>
      <c r="AB26620">
        <v>39</v>
      </c>
      <c r="AC26620">
        <v>40</v>
      </c>
      <c r="AD26620">
        <v>41</v>
      </c>
      <c r="AE26620">
        <v>42</v>
      </c>
      <c r="AF26620">
        <v>42</v>
      </c>
      <c r="AG26620">
        <v>43</v>
      </c>
      <c r="AH26620">
        <v>43</v>
      </c>
      <c r="AI26620">
        <v>43</v>
      </c>
      <c r="AJ26620">
        <v>44</v>
      </c>
      <c r="AK26620">
        <v>44</v>
      </c>
      <c r="AL26620">
        <v>45</v>
      </c>
      <c r="AM26620">
        <v>45</v>
      </c>
      <c r="AN26620">
        <v>45</v>
      </c>
      <c r="AO26620">
        <v>46</v>
      </c>
      <c r="AP26620">
        <v>46</v>
      </c>
      <c r="AQ26620">
        <v>46</v>
      </c>
    </row>
    <row r="26621" spans="1:43">
      <c r="A26621" t="s">
        <v>16469</v>
      </c>
      <c r="B26621" t="s">
        <v>16470</v>
      </c>
      <c r="C26621" t="s">
        <v>16467</v>
      </c>
      <c r="D26621" t="s">
        <v>16468</v>
      </c>
      <c r="E26621" t="s">
        <v>16459</v>
      </c>
      <c r="F26621" t="s">
        <v>16460</v>
      </c>
      <c r="G26621" t="s">
        <v>10734</v>
      </c>
      <c r="H26621" t="s">
        <v>10735</v>
      </c>
      <c r="I26621" s="2">
        <v>1</v>
      </c>
      <c r="J26621" s="2">
        <v>0</v>
      </c>
      <c r="K26621" s="2">
        <v>0</v>
      </c>
      <c r="L26621" t="s">
        <v>120</v>
      </c>
      <c r="M26621" t="s">
        <v>83</v>
      </c>
      <c r="N26621" t="s">
        <v>91</v>
      </c>
      <c r="O26621" t="s">
        <v>85</v>
      </c>
      <c r="P26621" t="s">
        <v>86</v>
      </c>
      <c r="Q26621">
        <v>29</v>
      </c>
      <c r="R26621">
        <v>30</v>
      </c>
      <c r="S26621">
        <v>31</v>
      </c>
      <c r="T26621">
        <v>31</v>
      </c>
      <c r="U26621">
        <v>32</v>
      </c>
      <c r="V26621">
        <v>33</v>
      </c>
      <c r="W26621">
        <v>34</v>
      </c>
      <c r="X26621">
        <v>34</v>
      </c>
      <c r="Y26621">
        <v>35</v>
      </c>
      <c r="Z26621">
        <v>36</v>
      </c>
      <c r="AA26621">
        <v>37</v>
      </c>
      <c r="AB26621">
        <v>38</v>
      </c>
      <c r="AC26621">
        <v>38</v>
      </c>
      <c r="AD26621">
        <v>39</v>
      </c>
      <c r="AE26621">
        <v>40</v>
      </c>
      <c r="AF26621">
        <v>41</v>
      </c>
      <c r="AG26621">
        <v>42</v>
      </c>
      <c r="AH26621">
        <v>42</v>
      </c>
      <c r="AI26621">
        <v>43</v>
      </c>
      <c r="AJ26621">
        <v>44</v>
      </c>
      <c r="AK26621">
        <v>45</v>
      </c>
      <c r="AL26621">
        <v>45</v>
      </c>
      <c r="AM26621">
        <v>46</v>
      </c>
      <c r="AN26621">
        <v>46</v>
      </c>
      <c r="AO26621">
        <v>46</v>
      </c>
      <c r="AP26621">
        <v>47</v>
      </c>
      <c r="AQ26621">
        <v>47</v>
      </c>
    </row>
    <row r="26622" spans="1:43">
      <c r="A26622" t="s">
        <v>16471</v>
      </c>
      <c r="B26622" t="s">
        <v>16472</v>
      </c>
      <c r="C26622" t="s">
        <v>16473</v>
      </c>
      <c r="D26622" t="s">
        <v>16474</v>
      </c>
      <c r="E26622" t="s">
        <v>16459</v>
      </c>
      <c r="F26622" t="s">
        <v>16460</v>
      </c>
      <c r="G26622" t="s">
        <v>10734</v>
      </c>
      <c r="H26622" t="s">
        <v>10735</v>
      </c>
      <c r="I26622" s="2">
        <v>1</v>
      </c>
      <c r="J26622" s="2">
        <v>0</v>
      </c>
      <c r="K26622" s="2">
        <v>0</v>
      </c>
      <c r="L26622" t="s">
        <v>120</v>
      </c>
      <c r="M26622" t="s">
        <v>83</v>
      </c>
      <c r="N26622" t="s">
        <v>84</v>
      </c>
      <c r="O26622" t="s">
        <v>85</v>
      </c>
      <c r="P26622" t="s">
        <v>86</v>
      </c>
      <c r="Q26622">
        <v>37</v>
      </c>
      <c r="R26622">
        <v>38</v>
      </c>
      <c r="S26622">
        <v>39</v>
      </c>
      <c r="T26622">
        <v>40</v>
      </c>
      <c r="U26622">
        <v>41</v>
      </c>
      <c r="V26622">
        <v>42</v>
      </c>
      <c r="W26622">
        <v>43</v>
      </c>
      <c r="X26622">
        <v>44</v>
      </c>
      <c r="Y26622">
        <v>45</v>
      </c>
      <c r="Z26622">
        <v>46</v>
      </c>
      <c r="AA26622">
        <v>47</v>
      </c>
      <c r="AB26622">
        <v>48</v>
      </c>
      <c r="AC26622">
        <v>49</v>
      </c>
      <c r="AD26622">
        <v>50</v>
      </c>
      <c r="AE26622">
        <v>51</v>
      </c>
      <c r="AF26622">
        <v>52</v>
      </c>
      <c r="AG26622">
        <v>53</v>
      </c>
      <c r="AH26622">
        <v>55</v>
      </c>
      <c r="AI26622">
        <v>56</v>
      </c>
      <c r="AJ26622">
        <v>57</v>
      </c>
      <c r="AK26622">
        <v>58</v>
      </c>
      <c r="AL26622">
        <v>59</v>
      </c>
      <c r="AM26622">
        <v>59</v>
      </c>
      <c r="AN26622">
        <v>60</v>
      </c>
      <c r="AO26622">
        <v>60</v>
      </c>
      <c r="AP26622">
        <v>61</v>
      </c>
      <c r="AQ26622">
        <v>61</v>
      </c>
    </row>
    <row r="26623" spans="1:43">
      <c r="A26623" t="s">
        <v>16471</v>
      </c>
      <c r="B26623" t="s">
        <v>16472</v>
      </c>
      <c r="C26623" t="s">
        <v>16473</v>
      </c>
      <c r="D26623" t="s">
        <v>16474</v>
      </c>
      <c r="E26623" t="s">
        <v>16459</v>
      </c>
      <c r="F26623" t="s">
        <v>16460</v>
      </c>
      <c r="G26623" t="s">
        <v>10734</v>
      </c>
      <c r="H26623" t="s">
        <v>10735</v>
      </c>
      <c r="I26623" s="2">
        <v>1</v>
      </c>
      <c r="J26623" s="2">
        <v>0</v>
      </c>
      <c r="K26623" s="2">
        <v>0</v>
      </c>
      <c r="L26623" t="s">
        <v>120</v>
      </c>
      <c r="M26623" t="s">
        <v>87</v>
      </c>
      <c r="N26623" t="s">
        <v>88</v>
      </c>
      <c r="O26623" t="s">
        <v>85</v>
      </c>
      <c r="P26623" t="s">
        <v>86</v>
      </c>
      <c r="Q26623">
        <v>37</v>
      </c>
      <c r="R26623">
        <v>38</v>
      </c>
      <c r="S26623">
        <v>39</v>
      </c>
      <c r="T26623">
        <v>39</v>
      </c>
      <c r="U26623">
        <v>40</v>
      </c>
      <c r="V26623">
        <v>41</v>
      </c>
      <c r="W26623">
        <v>41</v>
      </c>
      <c r="X26623">
        <v>42</v>
      </c>
      <c r="Y26623">
        <v>42</v>
      </c>
      <c r="Z26623">
        <v>43</v>
      </c>
      <c r="AA26623">
        <v>44</v>
      </c>
      <c r="AB26623">
        <v>44</v>
      </c>
      <c r="AC26623">
        <v>45</v>
      </c>
      <c r="AD26623">
        <v>46</v>
      </c>
      <c r="AE26623">
        <v>46</v>
      </c>
      <c r="AF26623">
        <v>47</v>
      </c>
      <c r="AG26623">
        <v>48</v>
      </c>
      <c r="AH26623">
        <v>48</v>
      </c>
      <c r="AI26623">
        <v>49</v>
      </c>
      <c r="AJ26623">
        <v>50</v>
      </c>
      <c r="AK26623">
        <v>50</v>
      </c>
      <c r="AL26623">
        <v>51</v>
      </c>
      <c r="AM26623">
        <v>52</v>
      </c>
      <c r="AN26623">
        <v>52</v>
      </c>
      <c r="AO26623">
        <v>53</v>
      </c>
      <c r="AP26623">
        <v>53</v>
      </c>
      <c r="AQ26623">
        <v>54</v>
      </c>
    </row>
    <row r="26624" spans="1:43">
      <c r="A26624" t="s">
        <v>16471</v>
      </c>
      <c r="B26624" t="s">
        <v>16472</v>
      </c>
      <c r="C26624" t="s">
        <v>16473</v>
      </c>
      <c r="D26624" t="s">
        <v>16474</v>
      </c>
      <c r="E26624" t="s">
        <v>16459</v>
      </c>
      <c r="F26624" t="s">
        <v>16460</v>
      </c>
      <c r="G26624" t="s">
        <v>10734</v>
      </c>
      <c r="H26624" t="s">
        <v>10735</v>
      </c>
      <c r="I26624" s="2">
        <v>1</v>
      </c>
      <c r="J26624" s="2">
        <v>0</v>
      </c>
      <c r="K26624" s="2">
        <v>0</v>
      </c>
      <c r="L26624" t="s">
        <v>120</v>
      </c>
      <c r="M26624" t="s">
        <v>89</v>
      </c>
      <c r="N26624" t="s">
        <v>90</v>
      </c>
      <c r="O26624" t="s">
        <v>85</v>
      </c>
      <c r="P26624" t="s">
        <v>86</v>
      </c>
      <c r="Q26624">
        <v>37</v>
      </c>
      <c r="R26624">
        <v>38</v>
      </c>
      <c r="S26624">
        <v>40</v>
      </c>
      <c r="T26624">
        <v>41</v>
      </c>
      <c r="U26624">
        <v>42</v>
      </c>
      <c r="V26624">
        <v>44</v>
      </c>
      <c r="W26624">
        <v>45</v>
      </c>
      <c r="X26624">
        <v>46</v>
      </c>
      <c r="Y26624">
        <v>47</v>
      </c>
      <c r="Z26624">
        <v>49</v>
      </c>
      <c r="AA26624">
        <v>50</v>
      </c>
      <c r="AB26624">
        <v>51</v>
      </c>
      <c r="AC26624">
        <v>53</v>
      </c>
      <c r="AD26624">
        <v>54</v>
      </c>
      <c r="AE26624">
        <v>55</v>
      </c>
      <c r="AF26624">
        <v>56</v>
      </c>
      <c r="AG26624">
        <v>56</v>
      </c>
      <c r="AH26624">
        <v>57</v>
      </c>
      <c r="AI26624">
        <v>57</v>
      </c>
      <c r="AJ26624">
        <v>58</v>
      </c>
      <c r="AK26624">
        <v>59</v>
      </c>
      <c r="AL26624">
        <v>59</v>
      </c>
      <c r="AM26624">
        <v>60</v>
      </c>
      <c r="AN26624">
        <v>60</v>
      </c>
      <c r="AO26624">
        <v>61</v>
      </c>
      <c r="AP26624">
        <v>61</v>
      </c>
      <c r="AQ26624">
        <v>62</v>
      </c>
    </row>
    <row r="26625" spans="1:43">
      <c r="A26625" t="s">
        <v>16471</v>
      </c>
      <c r="B26625" t="s">
        <v>16472</v>
      </c>
      <c r="C26625" t="s">
        <v>16473</v>
      </c>
      <c r="D26625" t="s">
        <v>16474</v>
      </c>
      <c r="E26625" t="s">
        <v>16459</v>
      </c>
      <c r="F26625" t="s">
        <v>16460</v>
      </c>
      <c r="G26625" t="s">
        <v>10734</v>
      </c>
      <c r="H26625" t="s">
        <v>10735</v>
      </c>
      <c r="I26625" s="2">
        <v>1</v>
      </c>
      <c r="J26625" s="2">
        <v>0</v>
      </c>
      <c r="K26625" s="2">
        <v>0</v>
      </c>
      <c r="L26625" t="s">
        <v>120</v>
      </c>
      <c r="M26625" t="s">
        <v>83</v>
      </c>
      <c r="N26625" t="s">
        <v>91</v>
      </c>
      <c r="O26625" t="s">
        <v>85</v>
      </c>
      <c r="P26625" t="s">
        <v>86</v>
      </c>
      <c r="Q26625">
        <v>37</v>
      </c>
      <c r="R26625">
        <v>38</v>
      </c>
      <c r="S26625">
        <v>39</v>
      </c>
      <c r="T26625">
        <v>40</v>
      </c>
      <c r="U26625">
        <v>41</v>
      </c>
      <c r="V26625">
        <v>42</v>
      </c>
      <c r="W26625">
        <v>43</v>
      </c>
      <c r="X26625">
        <v>44</v>
      </c>
      <c r="Y26625">
        <v>45</v>
      </c>
      <c r="Z26625">
        <v>46</v>
      </c>
      <c r="AA26625">
        <v>47</v>
      </c>
      <c r="AB26625">
        <v>48</v>
      </c>
      <c r="AC26625">
        <v>49</v>
      </c>
      <c r="AD26625">
        <v>50</v>
      </c>
      <c r="AE26625">
        <v>51</v>
      </c>
      <c r="AF26625">
        <v>52</v>
      </c>
      <c r="AG26625">
        <v>53</v>
      </c>
      <c r="AH26625">
        <v>55</v>
      </c>
      <c r="AI26625">
        <v>56</v>
      </c>
      <c r="AJ26625">
        <v>57</v>
      </c>
      <c r="AK26625">
        <v>58</v>
      </c>
      <c r="AL26625">
        <v>59</v>
      </c>
      <c r="AM26625">
        <v>59</v>
      </c>
      <c r="AN26625">
        <v>60</v>
      </c>
      <c r="AO26625">
        <v>60</v>
      </c>
      <c r="AP26625">
        <v>61</v>
      </c>
      <c r="AQ26625">
        <v>61</v>
      </c>
    </row>
    <row r="26626" spans="1:43">
      <c r="A26626" t="s">
        <v>16475</v>
      </c>
      <c r="B26626" t="s">
        <v>16476</v>
      </c>
      <c r="C26626" t="s">
        <v>16477</v>
      </c>
      <c r="D26626" t="s">
        <v>16478</v>
      </c>
      <c r="E26626" t="s">
        <v>16459</v>
      </c>
      <c r="F26626" t="s">
        <v>16460</v>
      </c>
      <c r="G26626" t="s">
        <v>10734</v>
      </c>
      <c r="H26626" t="s">
        <v>10735</v>
      </c>
      <c r="I26626" s="2">
        <v>1</v>
      </c>
      <c r="J26626" s="2">
        <v>0</v>
      </c>
      <c r="K26626" s="2">
        <v>0</v>
      </c>
      <c r="L26626" t="s">
        <v>120</v>
      </c>
      <c r="M26626" t="s">
        <v>83</v>
      </c>
      <c r="N26626" t="s">
        <v>84</v>
      </c>
      <c r="O26626" t="s">
        <v>85</v>
      </c>
      <c r="P26626" t="s">
        <v>86</v>
      </c>
      <c r="Q26626">
        <v>43</v>
      </c>
      <c r="R26626">
        <v>44</v>
      </c>
      <c r="S26626">
        <v>45</v>
      </c>
      <c r="T26626">
        <v>47</v>
      </c>
      <c r="U26626">
        <v>48</v>
      </c>
      <c r="V26626">
        <v>49</v>
      </c>
      <c r="W26626">
        <v>50</v>
      </c>
      <c r="X26626">
        <v>51</v>
      </c>
      <c r="Y26626">
        <v>53</v>
      </c>
      <c r="Z26626">
        <v>54</v>
      </c>
      <c r="AA26626">
        <v>55</v>
      </c>
      <c r="AB26626">
        <v>56</v>
      </c>
      <c r="AC26626">
        <v>58</v>
      </c>
      <c r="AD26626">
        <v>59</v>
      </c>
      <c r="AE26626">
        <v>60</v>
      </c>
      <c r="AF26626">
        <v>61</v>
      </c>
      <c r="AG26626">
        <v>63</v>
      </c>
      <c r="AH26626">
        <v>64</v>
      </c>
      <c r="AI26626">
        <v>65</v>
      </c>
      <c r="AJ26626">
        <v>67</v>
      </c>
      <c r="AK26626">
        <v>68</v>
      </c>
      <c r="AL26626">
        <v>69</v>
      </c>
      <c r="AM26626">
        <v>69</v>
      </c>
      <c r="AN26626">
        <v>70</v>
      </c>
      <c r="AO26626">
        <v>71</v>
      </c>
      <c r="AP26626">
        <v>71</v>
      </c>
      <c r="AQ26626">
        <v>72</v>
      </c>
    </row>
    <row r="26627" spans="1:43">
      <c r="A26627" t="s">
        <v>16475</v>
      </c>
      <c r="B26627" t="s">
        <v>16476</v>
      </c>
      <c r="C26627" t="s">
        <v>16477</v>
      </c>
      <c r="D26627" t="s">
        <v>16478</v>
      </c>
      <c r="E26627" t="s">
        <v>16459</v>
      </c>
      <c r="F26627" t="s">
        <v>16460</v>
      </c>
      <c r="G26627" t="s">
        <v>10734</v>
      </c>
      <c r="H26627" t="s">
        <v>10735</v>
      </c>
      <c r="I26627" s="2">
        <v>1</v>
      </c>
      <c r="J26627" s="2">
        <v>0</v>
      </c>
      <c r="K26627" s="2">
        <v>0</v>
      </c>
      <c r="L26627" t="s">
        <v>120</v>
      </c>
      <c r="M26627" t="s">
        <v>87</v>
      </c>
      <c r="N26627" t="s">
        <v>88</v>
      </c>
      <c r="O26627" t="s">
        <v>85</v>
      </c>
      <c r="P26627" t="s">
        <v>86</v>
      </c>
      <c r="Q26627">
        <v>43</v>
      </c>
      <c r="R26627">
        <v>43</v>
      </c>
      <c r="S26627">
        <v>44</v>
      </c>
      <c r="T26627">
        <v>45</v>
      </c>
      <c r="U26627">
        <v>46</v>
      </c>
      <c r="V26627">
        <v>46</v>
      </c>
      <c r="W26627">
        <v>47</v>
      </c>
      <c r="X26627">
        <v>48</v>
      </c>
      <c r="Y26627">
        <v>49</v>
      </c>
      <c r="Z26627">
        <v>49</v>
      </c>
      <c r="AA26627">
        <v>50</v>
      </c>
      <c r="AB26627">
        <v>51</v>
      </c>
      <c r="AC26627">
        <v>52</v>
      </c>
      <c r="AD26627">
        <v>52</v>
      </c>
      <c r="AE26627">
        <v>53</v>
      </c>
      <c r="AF26627">
        <v>54</v>
      </c>
      <c r="AG26627">
        <v>55</v>
      </c>
      <c r="AH26627">
        <v>55</v>
      </c>
      <c r="AI26627">
        <v>56</v>
      </c>
      <c r="AJ26627">
        <v>57</v>
      </c>
      <c r="AK26627">
        <v>58</v>
      </c>
      <c r="AL26627">
        <v>58</v>
      </c>
      <c r="AM26627">
        <v>59</v>
      </c>
      <c r="AN26627">
        <v>60</v>
      </c>
      <c r="AO26627">
        <v>61</v>
      </c>
      <c r="AP26627">
        <v>61</v>
      </c>
      <c r="AQ26627">
        <v>62</v>
      </c>
    </row>
    <row r="26628" spans="1:43">
      <c r="A26628" t="s">
        <v>16475</v>
      </c>
      <c r="B26628" t="s">
        <v>16476</v>
      </c>
      <c r="C26628" t="s">
        <v>16477</v>
      </c>
      <c r="D26628" t="s">
        <v>16478</v>
      </c>
      <c r="E26628" t="s">
        <v>16459</v>
      </c>
      <c r="F26628" t="s">
        <v>16460</v>
      </c>
      <c r="G26628" t="s">
        <v>10734</v>
      </c>
      <c r="H26628" t="s">
        <v>10735</v>
      </c>
      <c r="I26628" s="2">
        <v>1</v>
      </c>
      <c r="J26628" s="2">
        <v>0</v>
      </c>
      <c r="K26628" s="2">
        <v>0</v>
      </c>
      <c r="L26628" t="s">
        <v>120</v>
      </c>
      <c r="M26628" t="s">
        <v>89</v>
      </c>
      <c r="N26628" t="s">
        <v>90</v>
      </c>
      <c r="O26628" t="s">
        <v>85</v>
      </c>
      <c r="P26628" t="s">
        <v>86</v>
      </c>
      <c r="Q26628">
        <v>43</v>
      </c>
      <c r="R26628">
        <v>45</v>
      </c>
      <c r="S26628">
        <v>47</v>
      </c>
      <c r="T26628">
        <v>48</v>
      </c>
      <c r="U26628">
        <v>50</v>
      </c>
      <c r="V26628">
        <v>51</v>
      </c>
      <c r="W26628">
        <v>53</v>
      </c>
      <c r="X26628">
        <v>54</v>
      </c>
      <c r="Y26628">
        <v>56</v>
      </c>
      <c r="Z26628">
        <v>57</v>
      </c>
      <c r="AA26628">
        <v>59</v>
      </c>
      <c r="AB26628">
        <v>60</v>
      </c>
      <c r="AC26628">
        <v>62</v>
      </c>
      <c r="AD26628">
        <v>63</v>
      </c>
      <c r="AE26628">
        <v>65</v>
      </c>
      <c r="AF26628">
        <v>65</v>
      </c>
      <c r="AG26628">
        <v>66</v>
      </c>
      <c r="AH26628">
        <v>67</v>
      </c>
      <c r="AI26628">
        <v>67</v>
      </c>
      <c r="AJ26628">
        <v>68</v>
      </c>
      <c r="AK26628">
        <v>69</v>
      </c>
      <c r="AL26628">
        <v>69</v>
      </c>
      <c r="AM26628">
        <v>70</v>
      </c>
      <c r="AN26628">
        <v>71</v>
      </c>
      <c r="AO26628">
        <v>71</v>
      </c>
      <c r="AP26628">
        <v>72</v>
      </c>
      <c r="AQ26628">
        <v>73</v>
      </c>
    </row>
    <row r="26629" spans="1:43">
      <c r="A26629" t="s">
        <v>16475</v>
      </c>
      <c r="B26629" t="s">
        <v>16476</v>
      </c>
      <c r="C26629" t="s">
        <v>16477</v>
      </c>
      <c r="D26629" t="s">
        <v>16478</v>
      </c>
      <c r="E26629" t="s">
        <v>16459</v>
      </c>
      <c r="F26629" t="s">
        <v>16460</v>
      </c>
      <c r="G26629" t="s">
        <v>10734</v>
      </c>
      <c r="H26629" t="s">
        <v>10735</v>
      </c>
      <c r="I26629" s="2">
        <v>1</v>
      </c>
      <c r="J26629" s="2">
        <v>0</v>
      </c>
      <c r="K26629" s="2">
        <v>0</v>
      </c>
      <c r="L26629" t="s">
        <v>120</v>
      </c>
      <c r="M26629" t="s">
        <v>83</v>
      </c>
      <c r="N26629" t="s">
        <v>91</v>
      </c>
      <c r="O26629" t="s">
        <v>85</v>
      </c>
      <c r="P26629" t="s">
        <v>86</v>
      </c>
      <c r="Q26629">
        <v>43</v>
      </c>
      <c r="R26629">
        <v>44</v>
      </c>
      <c r="S26629">
        <v>45</v>
      </c>
      <c r="T26629">
        <v>47</v>
      </c>
      <c r="U26629">
        <v>48</v>
      </c>
      <c r="V26629">
        <v>49</v>
      </c>
      <c r="W26629">
        <v>50</v>
      </c>
      <c r="X26629">
        <v>51</v>
      </c>
      <c r="Y26629">
        <v>53</v>
      </c>
      <c r="Z26629">
        <v>54</v>
      </c>
      <c r="AA26629">
        <v>55</v>
      </c>
      <c r="AB26629">
        <v>56</v>
      </c>
      <c r="AC26629">
        <v>58</v>
      </c>
      <c r="AD26629">
        <v>59</v>
      </c>
      <c r="AE26629">
        <v>60</v>
      </c>
      <c r="AF26629">
        <v>61</v>
      </c>
      <c r="AG26629">
        <v>63</v>
      </c>
      <c r="AH26629">
        <v>64</v>
      </c>
      <c r="AI26629">
        <v>65</v>
      </c>
      <c r="AJ26629">
        <v>67</v>
      </c>
      <c r="AK26629">
        <v>68</v>
      </c>
      <c r="AL26629">
        <v>69</v>
      </c>
      <c r="AM26629">
        <v>69</v>
      </c>
      <c r="AN26629">
        <v>70</v>
      </c>
      <c r="AO26629">
        <v>71</v>
      </c>
      <c r="AP26629">
        <v>71</v>
      </c>
      <c r="AQ26629">
        <v>72</v>
      </c>
    </row>
    <row r="26630" spans="1:43">
      <c r="A26630" t="s">
        <v>16479</v>
      </c>
      <c r="B26630" t="s">
        <v>16480</v>
      </c>
      <c r="C26630" t="s">
        <v>16477</v>
      </c>
      <c r="D26630" t="s">
        <v>16478</v>
      </c>
      <c r="E26630" t="s">
        <v>16459</v>
      </c>
      <c r="F26630" t="s">
        <v>16460</v>
      </c>
      <c r="G26630" t="s">
        <v>10734</v>
      </c>
      <c r="H26630" t="s">
        <v>10735</v>
      </c>
      <c r="I26630" s="2">
        <v>1</v>
      </c>
      <c r="J26630" s="2">
        <v>0</v>
      </c>
      <c r="K26630" s="2">
        <v>0</v>
      </c>
      <c r="L26630" t="s">
        <v>120</v>
      </c>
      <c r="M26630" t="s">
        <v>83</v>
      </c>
      <c r="N26630" t="s">
        <v>84</v>
      </c>
      <c r="O26630" t="s">
        <v>85</v>
      </c>
      <c r="P26630" t="s">
        <v>86</v>
      </c>
      <c r="Q26630">
        <v>29</v>
      </c>
      <c r="R26630">
        <v>30</v>
      </c>
      <c r="S26630">
        <v>31</v>
      </c>
      <c r="T26630">
        <v>32</v>
      </c>
      <c r="U26630">
        <v>32</v>
      </c>
      <c r="V26630">
        <v>33</v>
      </c>
      <c r="W26630">
        <v>34</v>
      </c>
      <c r="X26630">
        <v>35</v>
      </c>
      <c r="Y26630">
        <v>36</v>
      </c>
      <c r="Z26630">
        <v>36</v>
      </c>
      <c r="AA26630">
        <v>37</v>
      </c>
      <c r="AB26630">
        <v>38</v>
      </c>
      <c r="AC26630">
        <v>39</v>
      </c>
      <c r="AD26630">
        <v>40</v>
      </c>
      <c r="AE26630">
        <v>41</v>
      </c>
      <c r="AF26630">
        <v>42</v>
      </c>
      <c r="AG26630">
        <v>42</v>
      </c>
      <c r="AH26630">
        <v>43</v>
      </c>
      <c r="AI26630">
        <v>44</v>
      </c>
      <c r="AJ26630">
        <v>45</v>
      </c>
      <c r="AK26630">
        <v>46</v>
      </c>
      <c r="AL26630">
        <v>47</v>
      </c>
      <c r="AM26630">
        <v>47</v>
      </c>
      <c r="AN26630">
        <v>48</v>
      </c>
      <c r="AO26630">
        <v>48</v>
      </c>
      <c r="AP26630">
        <v>48</v>
      </c>
      <c r="AQ26630">
        <v>49</v>
      </c>
    </row>
    <row r="26631" spans="1:43">
      <c r="A26631" t="s">
        <v>16479</v>
      </c>
      <c r="B26631" t="s">
        <v>16480</v>
      </c>
      <c r="C26631" t="s">
        <v>16477</v>
      </c>
      <c r="D26631" t="s">
        <v>16478</v>
      </c>
      <c r="E26631" t="s">
        <v>16459</v>
      </c>
      <c r="F26631" t="s">
        <v>16460</v>
      </c>
      <c r="G26631" t="s">
        <v>10734</v>
      </c>
      <c r="H26631" t="s">
        <v>10735</v>
      </c>
      <c r="I26631" s="2">
        <v>1</v>
      </c>
      <c r="J26631" s="2">
        <v>0</v>
      </c>
      <c r="K26631" s="2">
        <v>0</v>
      </c>
      <c r="L26631" t="s">
        <v>120</v>
      </c>
      <c r="M26631" t="s">
        <v>87</v>
      </c>
      <c r="N26631" t="s">
        <v>88</v>
      </c>
      <c r="O26631" t="s">
        <v>85</v>
      </c>
      <c r="P26631" t="s">
        <v>86</v>
      </c>
      <c r="Q26631">
        <v>29</v>
      </c>
      <c r="R26631">
        <v>29</v>
      </c>
      <c r="S26631">
        <v>30</v>
      </c>
      <c r="T26631">
        <v>30</v>
      </c>
      <c r="U26631">
        <v>31</v>
      </c>
      <c r="V26631">
        <v>31</v>
      </c>
      <c r="W26631">
        <v>32</v>
      </c>
      <c r="X26631">
        <v>32</v>
      </c>
      <c r="Y26631">
        <v>33</v>
      </c>
      <c r="Z26631">
        <v>33</v>
      </c>
      <c r="AA26631">
        <v>34</v>
      </c>
      <c r="AB26631">
        <v>35</v>
      </c>
      <c r="AC26631">
        <v>35</v>
      </c>
      <c r="AD26631">
        <v>36</v>
      </c>
      <c r="AE26631">
        <v>36</v>
      </c>
      <c r="AF26631">
        <v>37</v>
      </c>
      <c r="AG26631">
        <v>37</v>
      </c>
      <c r="AH26631">
        <v>38</v>
      </c>
      <c r="AI26631">
        <v>38</v>
      </c>
      <c r="AJ26631">
        <v>39</v>
      </c>
      <c r="AK26631">
        <v>39</v>
      </c>
      <c r="AL26631">
        <v>40</v>
      </c>
      <c r="AM26631">
        <v>40</v>
      </c>
      <c r="AN26631">
        <v>41</v>
      </c>
      <c r="AO26631">
        <v>41</v>
      </c>
      <c r="AP26631">
        <v>42</v>
      </c>
      <c r="AQ26631">
        <v>42</v>
      </c>
    </row>
    <row r="26632" spans="1:43">
      <c r="A26632" t="s">
        <v>16479</v>
      </c>
      <c r="B26632" t="s">
        <v>16480</v>
      </c>
      <c r="C26632" t="s">
        <v>16477</v>
      </c>
      <c r="D26632" t="s">
        <v>16478</v>
      </c>
      <c r="E26632" t="s">
        <v>16459</v>
      </c>
      <c r="F26632" t="s">
        <v>16460</v>
      </c>
      <c r="G26632" t="s">
        <v>10734</v>
      </c>
      <c r="H26632" t="s">
        <v>10735</v>
      </c>
      <c r="I26632" s="2">
        <v>1</v>
      </c>
      <c r="J26632" s="2">
        <v>0</v>
      </c>
      <c r="K26632" s="2">
        <v>0</v>
      </c>
      <c r="L26632" t="s">
        <v>120</v>
      </c>
      <c r="M26632" t="s">
        <v>89</v>
      </c>
      <c r="N26632" t="s">
        <v>90</v>
      </c>
      <c r="O26632" t="s">
        <v>85</v>
      </c>
      <c r="P26632" t="s">
        <v>86</v>
      </c>
      <c r="Q26632">
        <v>29</v>
      </c>
      <c r="R26632">
        <v>30</v>
      </c>
      <c r="S26632">
        <v>32</v>
      </c>
      <c r="T26632">
        <v>33</v>
      </c>
      <c r="U26632">
        <v>34</v>
      </c>
      <c r="V26632">
        <v>35</v>
      </c>
      <c r="W26632">
        <v>36</v>
      </c>
      <c r="X26632">
        <v>37</v>
      </c>
      <c r="Y26632">
        <v>38</v>
      </c>
      <c r="Z26632">
        <v>39</v>
      </c>
      <c r="AA26632">
        <v>40</v>
      </c>
      <c r="AB26632">
        <v>41</v>
      </c>
      <c r="AC26632">
        <v>42</v>
      </c>
      <c r="AD26632">
        <v>43</v>
      </c>
      <c r="AE26632">
        <v>44</v>
      </c>
      <c r="AF26632">
        <v>44</v>
      </c>
      <c r="AG26632">
        <v>45</v>
      </c>
      <c r="AH26632">
        <v>45</v>
      </c>
      <c r="AI26632">
        <v>46</v>
      </c>
      <c r="AJ26632">
        <v>46</v>
      </c>
      <c r="AK26632">
        <v>47</v>
      </c>
      <c r="AL26632">
        <v>47</v>
      </c>
      <c r="AM26632">
        <v>48</v>
      </c>
      <c r="AN26632">
        <v>48</v>
      </c>
      <c r="AO26632">
        <v>48</v>
      </c>
      <c r="AP26632">
        <v>49</v>
      </c>
      <c r="AQ26632">
        <v>49</v>
      </c>
    </row>
    <row r="26633" spans="1:43">
      <c r="A26633" t="s">
        <v>16479</v>
      </c>
      <c r="B26633" t="s">
        <v>16480</v>
      </c>
      <c r="C26633" t="s">
        <v>16477</v>
      </c>
      <c r="D26633" t="s">
        <v>16478</v>
      </c>
      <c r="E26633" t="s">
        <v>16459</v>
      </c>
      <c r="F26633" t="s">
        <v>16460</v>
      </c>
      <c r="G26633" t="s">
        <v>10734</v>
      </c>
      <c r="H26633" t="s">
        <v>10735</v>
      </c>
      <c r="I26633" s="2">
        <v>1</v>
      </c>
      <c r="J26633" s="2">
        <v>0</v>
      </c>
      <c r="K26633" s="2">
        <v>0</v>
      </c>
      <c r="L26633" t="s">
        <v>120</v>
      </c>
      <c r="M26633" t="s">
        <v>83</v>
      </c>
      <c r="N26633" t="s">
        <v>91</v>
      </c>
      <c r="O26633" t="s">
        <v>85</v>
      </c>
      <c r="P26633" t="s">
        <v>86</v>
      </c>
      <c r="Q26633">
        <v>29</v>
      </c>
      <c r="R26633">
        <v>30</v>
      </c>
      <c r="S26633">
        <v>31</v>
      </c>
      <c r="T26633">
        <v>32</v>
      </c>
      <c r="U26633">
        <v>32</v>
      </c>
      <c r="V26633">
        <v>33</v>
      </c>
      <c r="W26633">
        <v>34</v>
      </c>
      <c r="X26633">
        <v>35</v>
      </c>
      <c r="Y26633">
        <v>36</v>
      </c>
      <c r="Z26633">
        <v>36</v>
      </c>
      <c r="AA26633">
        <v>37</v>
      </c>
      <c r="AB26633">
        <v>38</v>
      </c>
      <c r="AC26633">
        <v>39</v>
      </c>
      <c r="AD26633">
        <v>40</v>
      </c>
      <c r="AE26633">
        <v>41</v>
      </c>
      <c r="AF26633">
        <v>42</v>
      </c>
      <c r="AG26633">
        <v>42</v>
      </c>
      <c r="AH26633">
        <v>43</v>
      </c>
      <c r="AI26633">
        <v>44</v>
      </c>
      <c r="AJ26633">
        <v>45</v>
      </c>
      <c r="AK26633">
        <v>46</v>
      </c>
      <c r="AL26633">
        <v>47</v>
      </c>
      <c r="AM26633">
        <v>47</v>
      </c>
      <c r="AN26633">
        <v>48</v>
      </c>
      <c r="AO26633">
        <v>48</v>
      </c>
      <c r="AP26633">
        <v>48</v>
      </c>
      <c r="AQ26633">
        <v>49</v>
      </c>
    </row>
    <row r="26634" spans="1:43">
      <c r="A26634" t="s">
        <v>16481</v>
      </c>
      <c r="B26634" t="s">
        <v>16482</v>
      </c>
      <c r="C26634" t="s">
        <v>16463</v>
      </c>
      <c r="D26634" t="s">
        <v>16464</v>
      </c>
      <c r="E26634" t="s">
        <v>16459</v>
      </c>
      <c r="F26634" t="s">
        <v>16460</v>
      </c>
      <c r="G26634" t="s">
        <v>10734</v>
      </c>
      <c r="H26634" t="s">
        <v>10735</v>
      </c>
      <c r="I26634" s="2">
        <v>1</v>
      </c>
      <c r="J26634" s="2">
        <v>0</v>
      </c>
      <c r="K26634" s="2">
        <v>0</v>
      </c>
      <c r="L26634" t="s">
        <v>120</v>
      </c>
      <c r="M26634" t="s">
        <v>83</v>
      </c>
      <c r="N26634" t="s">
        <v>84</v>
      </c>
      <c r="O26634" t="s">
        <v>85</v>
      </c>
      <c r="P26634" t="s">
        <v>86</v>
      </c>
      <c r="Q26634">
        <v>36</v>
      </c>
      <c r="R26634">
        <v>37</v>
      </c>
      <c r="S26634">
        <v>38</v>
      </c>
      <c r="T26634">
        <v>39</v>
      </c>
      <c r="U26634">
        <v>40</v>
      </c>
      <c r="V26634">
        <v>41</v>
      </c>
      <c r="W26634">
        <v>42</v>
      </c>
      <c r="X26634">
        <v>43</v>
      </c>
      <c r="Y26634">
        <v>44</v>
      </c>
      <c r="Z26634">
        <v>45</v>
      </c>
      <c r="AA26634">
        <v>46</v>
      </c>
      <c r="AB26634">
        <v>47</v>
      </c>
      <c r="AC26634">
        <v>48</v>
      </c>
      <c r="AD26634">
        <v>49</v>
      </c>
      <c r="AE26634">
        <v>50</v>
      </c>
      <c r="AF26634">
        <v>51</v>
      </c>
      <c r="AG26634">
        <v>52</v>
      </c>
      <c r="AH26634">
        <v>53</v>
      </c>
      <c r="AI26634">
        <v>54</v>
      </c>
      <c r="AJ26634">
        <v>55</v>
      </c>
      <c r="AK26634">
        <v>56</v>
      </c>
      <c r="AL26634">
        <v>57</v>
      </c>
      <c r="AM26634">
        <v>57</v>
      </c>
      <c r="AN26634">
        <v>58</v>
      </c>
      <c r="AO26634">
        <v>58</v>
      </c>
      <c r="AP26634">
        <v>59</v>
      </c>
      <c r="AQ26634">
        <v>59</v>
      </c>
    </row>
    <row r="26635" spans="1:43">
      <c r="A26635" t="s">
        <v>16481</v>
      </c>
      <c r="B26635" t="s">
        <v>16482</v>
      </c>
      <c r="C26635" t="s">
        <v>16463</v>
      </c>
      <c r="D26635" t="s">
        <v>16464</v>
      </c>
      <c r="E26635" t="s">
        <v>16459</v>
      </c>
      <c r="F26635" t="s">
        <v>16460</v>
      </c>
      <c r="G26635" t="s">
        <v>10734</v>
      </c>
      <c r="H26635" t="s">
        <v>10735</v>
      </c>
      <c r="I26635" s="2">
        <v>1</v>
      </c>
      <c r="J26635" s="2">
        <v>0</v>
      </c>
      <c r="K26635" s="2">
        <v>0</v>
      </c>
      <c r="L26635" t="s">
        <v>120</v>
      </c>
      <c r="M26635" t="s">
        <v>87</v>
      </c>
      <c r="N26635" t="s">
        <v>88</v>
      </c>
      <c r="O26635" t="s">
        <v>85</v>
      </c>
      <c r="P26635" t="s">
        <v>86</v>
      </c>
      <c r="Q26635">
        <v>36</v>
      </c>
      <c r="R26635">
        <v>37</v>
      </c>
      <c r="S26635">
        <v>38</v>
      </c>
      <c r="T26635">
        <v>38</v>
      </c>
      <c r="U26635">
        <v>39</v>
      </c>
      <c r="V26635">
        <v>39</v>
      </c>
      <c r="W26635">
        <v>40</v>
      </c>
      <c r="X26635">
        <v>41</v>
      </c>
      <c r="Y26635">
        <v>41</v>
      </c>
      <c r="Z26635">
        <v>42</v>
      </c>
      <c r="AA26635">
        <v>43</v>
      </c>
      <c r="AB26635">
        <v>43</v>
      </c>
      <c r="AC26635">
        <v>44</v>
      </c>
      <c r="AD26635">
        <v>44</v>
      </c>
      <c r="AE26635">
        <v>45</v>
      </c>
      <c r="AF26635">
        <v>46</v>
      </c>
      <c r="AG26635">
        <v>46</v>
      </c>
      <c r="AH26635">
        <v>47</v>
      </c>
      <c r="AI26635">
        <v>48</v>
      </c>
      <c r="AJ26635">
        <v>48</v>
      </c>
      <c r="AK26635">
        <v>49</v>
      </c>
      <c r="AL26635">
        <v>50</v>
      </c>
      <c r="AM26635">
        <v>50</v>
      </c>
      <c r="AN26635">
        <v>51</v>
      </c>
      <c r="AO26635">
        <v>51</v>
      </c>
      <c r="AP26635">
        <v>52</v>
      </c>
      <c r="AQ26635">
        <v>53</v>
      </c>
    </row>
    <row r="26636" spans="1:43">
      <c r="A26636" t="s">
        <v>16481</v>
      </c>
      <c r="B26636" t="s">
        <v>16482</v>
      </c>
      <c r="C26636" t="s">
        <v>16463</v>
      </c>
      <c r="D26636" t="s">
        <v>16464</v>
      </c>
      <c r="E26636" t="s">
        <v>16459</v>
      </c>
      <c r="F26636" t="s">
        <v>16460</v>
      </c>
      <c r="G26636" t="s">
        <v>10734</v>
      </c>
      <c r="H26636" t="s">
        <v>10735</v>
      </c>
      <c r="I26636" s="2">
        <v>1</v>
      </c>
      <c r="J26636" s="2">
        <v>0</v>
      </c>
      <c r="K26636" s="2">
        <v>0</v>
      </c>
      <c r="L26636" t="s">
        <v>120</v>
      </c>
      <c r="M26636" t="s">
        <v>89</v>
      </c>
      <c r="N26636" t="s">
        <v>90</v>
      </c>
      <c r="O26636" t="s">
        <v>85</v>
      </c>
      <c r="P26636" t="s">
        <v>86</v>
      </c>
      <c r="Q26636">
        <v>36</v>
      </c>
      <c r="R26636">
        <v>37</v>
      </c>
      <c r="S26636">
        <v>39</v>
      </c>
      <c r="T26636">
        <v>40</v>
      </c>
      <c r="U26636">
        <v>41</v>
      </c>
      <c r="V26636">
        <v>42</v>
      </c>
      <c r="W26636">
        <v>44</v>
      </c>
      <c r="X26636">
        <v>45</v>
      </c>
      <c r="Y26636">
        <v>46</v>
      </c>
      <c r="Z26636">
        <v>47</v>
      </c>
      <c r="AA26636">
        <v>49</v>
      </c>
      <c r="AB26636">
        <v>50</v>
      </c>
      <c r="AC26636">
        <v>51</v>
      </c>
      <c r="AD26636">
        <v>52</v>
      </c>
      <c r="AE26636">
        <v>53</v>
      </c>
      <c r="AF26636">
        <v>54</v>
      </c>
      <c r="AG26636">
        <v>55</v>
      </c>
      <c r="AH26636">
        <v>55</v>
      </c>
      <c r="AI26636">
        <v>56</v>
      </c>
      <c r="AJ26636">
        <v>56</v>
      </c>
      <c r="AK26636">
        <v>57</v>
      </c>
      <c r="AL26636">
        <v>57</v>
      </c>
      <c r="AM26636">
        <v>58</v>
      </c>
      <c r="AN26636">
        <v>58</v>
      </c>
      <c r="AO26636">
        <v>59</v>
      </c>
      <c r="AP26636">
        <v>59</v>
      </c>
      <c r="AQ26636">
        <v>60</v>
      </c>
    </row>
    <row r="26637" spans="1:43">
      <c r="A26637" t="s">
        <v>16481</v>
      </c>
      <c r="B26637" t="s">
        <v>16482</v>
      </c>
      <c r="C26637" t="s">
        <v>16463</v>
      </c>
      <c r="D26637" t="s">
        <v>16464</v>
      </c>
      <c r="E26637" t="s">
        <v>16459</v>
      </c>
      <c r="F26637" t="s">
        <v>16460</v>
      </c>
      <c r="G26637" t="s">
        <v>10734</v>
      </c>
      <c r="H26637" t="s">
        <v>10735</v>
      </c>
      <c r="I26637" s="2">
        <v>1</v>
      </c>
      <c r="J26637" s="2">
        <v>0</v>
      </c>
      <c r="K26637" s="2">
        <v>0</v>
      </c>
      <c r="L26637" t="s">
        <v>120</v>
      </c>
      <c r="M26637" t="s">
        <v>83</v>
      </c>
      <c r="N26637" t="s">
        <v>91</v>
      </c>
      <c r="O26637" t="s">
        <v>85</v>
      </c>
      <c r="P26637" t="s">
        <v>86</v>
      </c>
      <c r="Q26637">
        <v>36</v>
      </c>
      <c r="R26637">
        <v>37</v>
      </c>
      <c r="S26637">
        <v>38</v>
      </c>
      <c r="T26637">
        <v>39</v>
      </c>
      <c r="U26637">
        <v>40</v>
      </c>
      <c r="V26637">
        <v>41</v>
      </c>
      <c r="W26637">
        <v>42</v>
      </c>
      <c r="X26637">
        <v>43</v>
      </c>
      <c r="Y26637">
        <v>44</v>
      </c>
      <c r="Z26637">
        <v>45</v>
      </c>
      <c r="AA26637">
        <v>46</v>
      </c>
      <c r="AB26637">
        <v>47</v>
      </c>
      <c r="AC26637">
        <v>48</v>
      </c>
      <c r="AD26637">
        <v>49</v>
      </c>
      <c r="AE26637">
        <v>50</v>
      </c>
      <c r="AF26637">
        <v>51</v>
      </c>
      <c r="AG26637">
        <v>52</v>
      </c>
      <c r="AH26637">
        <v>53</v>
      </c>
      <c r="AI26637">
        <v>54</v>
      </c>
      <c r="AJ26637">
        <v>55</v>
      </c>
      <c r="AK26637">
        <v>56</v>
      </c>
      <c r="AL26637">
        <v>57</v>
      </c>
      <c r="AM26637">
        <v>57</v>
      </c>
      <c r="AN26637">
        <v>58</v>
      </c>
      <c r="AO26637">
        <v>58</v>
      </c>
      <c r="AP26637">
        <v>59</v>
      </c>
      <c r="AQ26637">
        <v>59</v>
      </c>
    </row>
    <row r="26638" spans="1:43">
      <c r="A26638" t="s">
        <v>16483</v>
      </c>
      <c r="B26638" t="s">
        <v>16484</v>
      </c>
      <c r="C26638" t="s">
        <v>16485</v>
      </c>
      <c r="D26638" t="s">
        <v>16486</v>
      </c>
      <c r="E26638" t="s">
        <v>16459</v>
      </c>
      <c r="F26638" t="s">
        <v>16460</v>
      </c>
      <c r="G26638" t="s">
        <v>10734</v>
      </c>
      <c r="H26638" t="s">
        <v>10735</v>
      </c>
      <c r="I26638" s="2">
        <v>1</v>
      </c>
      <c r="J26638" s="2">
        <v>0</v>
      </c>
      <c r="K26638" s="2">
        <v>0</v>
      </c>
      <c r="L26638" t="s">
        <v>120</v>
      </c>
      <c r="M26638" t="s">
        <v>83</v>
      </c>
      <c r="N26638" t="s">
        <v>84</v>
      </c>
      <c r="O26638" t="s">
        <v>85</v>
      </c>
      <c r="P26638" t="s">
        <v>86</v>
      </c>
      <c r="Q26638">
        <v>100</v>
      </c>
      <c r="R26638">
        <v>103</v>
      </c>
      <c r="S26638">
        <v>105</v>
      </c>
      <c r="T26638">
        <v>108</v>
      </c>
      <c r="U26638">
        <v>111</v>
      </c>
      <c r="V26638">
        <v>114</v>
      </c>
      <c r="W26638">
        <v>117</v>
      </c>
      <c r="X26638">
        <v>119</v>
      </c>
      <c r="Y26638">
        <v>122</v>
      </c>
      <c r="Z26638">
        <v>125</v>
      </c>
      <c r="AA26638">
        <v>128</v>
      </c>
      <c r="AB26638">
        <v>131</v>
      </c>
      <c r="AC26638">
        <v>134</v>
      </c>
      <c r="AD26638">
        <v>137</v>
      </c>
      <c r="AE26638">
        <v>140</v>
      </c>
      <c r="AF26638">
        <v>143</v>
      </c>
      <c r="AG26638">
        <v>146</v>
      </c>
      <c r="AH26638">
        <v>149</v>
      </c>
      <c r="AI26638">
        <v>152</v>
      </c>
      <c r="AJ26638">
        <v>155</v>
      </c>
      <c r="AK26638">
        <v>158</v>
      </c>
      <c r="AL26638">
        <v>160</v>
      </c>
      <c r="AM26638">
        <v>161</v>
      </c>
      <c r="AN26638">
        <v>163</v>
      </c>
      <c r="AO26638">
        <v>164</v>
      </c>
      <c r="AP26638">
        <v>166</v>
      </c>
      <c r="AQ26638">
        <v>167</v>
      </c>
    </row>
    <row r="26639" spans="1:43">
      <c r="A26639" t="s">
        <v>16483</v>
      </c>
      <c r="B26639" t="s">
        <v>16484</v>
      </c>
      <c r="C26639" t="s">
        <v>16485</v>
      </c>
      <c r="D26639" t="s">
        <v>16486</v>
      </c>
      <c r="E26639" t="s">
        <v>16459</v>
      </c>
      <c r="F26639" t="s">
        <v>16460</v>
      </c>
      <c r="G26639" t="s">
        <v>10734</v>
      </c>
      <c r="H26639" t="s">
        <v>10735</v>
      </c>
      <c r="I26639" s="2">
        <v>1</v>
      </c>
      <c r="J26639" s="2">
        <v>0</v>
      </c>
      <c r="K26639" s="2">
        <v>0</v>
      </c>
      <c r="L26639" t="s">
        <v>120</v>
      </c>
      <c r="M26639" t="s">
        <v>87</v>
      </c>
      <c r="N26639" t="s">
        <v>88</v>
      </c>
      <c r="O26639" t="s">
        <v>85</v>
      </c>
      <c r="P26639" t="s">
        <v>86</v>
      </c>
      <c r="Q26639">
        <v>100</v>
      </c>
      <c r="R26639">
        <v>102</v>
      </c>
      <c r="S26639">
        <v>104</v>
      </c>
      <c r="T26639">
        <v>105</v>
      </c>
      <c r="U26639">
        <v>107</v>
      </c>
      <c r="V26639">
        <v>109</v>
      </c>
      <c r="W26639">
        <v>111</v>
      </c>
      <c r="X26639">
        <v>112</v>
      </c>
      <c r="Y26639">
        <v>114</v>
      </c>
      <c r="Z26639">
        <v>116</v>
      </c>
      <c r="AA26639">
        <v>118</v>
      </c>
      <c r="AB26639">
        <v>119</v>
      </c>
      <c r="AC26639">
        <v>121</v>
      </c>
      <c r="AD26639">
        <v>123</v>
      </c>
      <c r="AE26639">
        <v>125</v>
      </c>
      <c r="AF26639">
        <v>127</v>
      </c>
      <c r="AG26639">
        <v>128</v>
      </c>
      <c r="AH26639">
        <v>130</v>
      </c>
      <c r="AI26639">
        <v>132</v>
      </c>
      <c r="AJ26639">
        <v>134</v>
      </c>
      <c r="AK26639">
        <v>136</v>
      </c>
      <c r="AL26639">
        <v>137</v>
      </c>
      <c r="AM26639">
        <v>139</v>
      </c>
      <c r="AN26639">
        <v>141</v>
      </c>
      <c r="AO26639">
        <v>143</v>
      </c>
      <c r="AP26639">
        <v>144</v>
      </c>
      <c r="AQ26639">
        <v>146</v>
      </c>
    </row>
    <row r="26640" spans="1:43">
      <c r="A26640" t="s">
        <v>16483</v>
      </c>
      <c r="B26640" t="s">
        <v>16484</v>
      </c>
      <c r="C26640" t="s">
        <v>16485</v>
      </c>
      <c r="D26640" t="s">
        <v>16486</v>
      </c>
      <c r="E26640" t="s">
        <v>16459</v>
      </c>
      <c r="F26640" t="s">
        <v>16460</v>
      </c>
      <c r="G26640" t="s">
        <v>10734</v>
      </c>
      <c r="H26640" t="s">
        <v>10735</v>
      </c>
      <c r="I26640" s="2">
        <v>1</v>
      </c>
      <c r="J26640" s="2">
        <v>0</v>
      </c>
      <c r="K26640" s="2">
        <v>0</v>
      </c>
      <c r="L26640" t="s">
        <v>120</v>
      </c>
      <c r="M26640" t="s">
        <v>89</v>
      </c>
      <c r="N26640" t="s">
        <v>90</v>
      </c>
      <c r="O26640" t="s">
        <v>85</v>
      </c>
      <c r="P26640" t="s">
        <v>86</v>
      </c>
      <c r="Q26640">
        <v>100</v>
      </c>
      <c r="R26640">
        <v>104</v>
      </c>
      <c r="S26640">
        <v>107</v>
      </c>
      <c r="T26640">
        <v>111</v>
      </c>
      <c r="U26640">
        <v>114</v>
      </c>
      <c r="V26640">
        <v>118</v>
      </c>
      <c r="W26640">
        <v>121</v>
      </c>
      <c r="X26640">
        <v>125</v>
      </c>
      <c r="Y26640">
        <v>128</v>
      </c>
      <c r="Z26640">
        <v>132</v>
      </c>
      <c r="AA26640">
        <v>135</v>
      </c>
      <c r="AB26640">
        <v>139</v>
      </c>
      <c r="AC26640">
        <v>142</v>
      </c>
      <c r="AD26640">
        <v>146</v>
      </c>
      <c r="AE26640">
        <v>149</v>
      </c>
      <c r="AF26640">
        <v>150</v>
      </c>
      <c r="AG26640">
        <v>152</v>
      </c>
      <c r="AH26640">
        <v>154</v>
      </c>
      <c r="AI26640">
        <v>155</v>
      </c>
      <c r="AJ26640">
        <v>157</v>
      </c>
      <c r="AK26640">
        <v>159</v>
      </c>
      <c r="AL26640">
        <v>160</v>
      </c>
      <c r="AM26640">
        <v>162</v>
      </c>
      <c r="AN26640">
        <v>163</v>
      </c>
      <c r="AO26640">
        <v>165</v>
      </c>
      <c r="AP26640">
        <v>166</v>
      </c>
      <c r="AQ26640">
        <v>168</v>
      </c>
    </row>
    <row r="26641" spans="1:43">
      <c r="A26641" t="s">
        <v>16483</v>
      </c>
      <c r="B26641" t="s">
        <v>16484</v>
      </c>
      <c r="C26641" t="s">
        <v>16485</v>
      </c>
      <c r="D26641" t="s">
        <v>16486</v>
      </c>
      <c r="E26641" t="s">
        <v>16459</v>
      </c>
      <c r="F26641" t="s">
        <v>16460</v>
      </c>
      <c r="G26641" t="s">
        <v>10734</v>
      </c>
      <c r="H26641" t="s">
        <v>10735</v>
      </c>
      <c r="I26641" s="2">
        <v>1</v>
      </c>
      <c r="J26641" s="2">
        <v>0</v>
      </c>
      <c r="K26641" s="2">
        <v>0</v>
      </c>
      <c r="L26641" t="s">
        <v>120</v>
      </c>
      <c r="M26641" t="s">
        <v>83</v>
      </c>
      <c r="N26641" t="s">
        <v>91</v>
      </c>
      <c r="O26641" t="s">
        <v>85</v>
      </c>
      <c r="P26641" t="s">
        <v>86</v>
      </c>
      <c r="Q26641">
        <v>100</v>
      </c>
      <c r="R26641">
        <v>103</v>
      </c>
      <c r="S26641">
        <v>105</v>
      </c>
      <c r="T26641">
        <v>108</v>
      </c>
      <c r="U26641">
        <v>111</v>
      </c>
      <c r="V26641">
        <v>114</v>
      </c>
      <c r="W26641">
        <v>117</v>
      </c>
      <c r="X26641">
        <v>119</v>
      </c>
      <c r="Y26641">
        <v>122</v>
      </c>
      <c r="Z26641">
        <v>125</v>
      </c>
      <c r="AA26641">
        <v>128</v>
      </c>
      <c r="AB26641">
        <v>131</v>
      </c>
      <c r="AC26641">
        <v>134</v>
      </c>
      <c r="AD26641">
        <v>137</v>
      </c>
      <c r="AE26641">
        <v>140</v>
      </c>
      <c r="AF26641">
        <v>143</v>
      </c>
      <c r="AG26641">
        <v>146</v>
      </c>
      <c r="AH26641">
        <v>149</v>
      </c>
      <c r="AI26641">
        <v>152</v>
      </c>
      <c r="AJ26641">
        <v>155</v>
      </c>
      <c r="AK26641">
        <v>158</v>
      </c>
      <c r="AL26641">
        <v>160</v>
      </c>
      <c r="AM26641">
        <v>161</v>
      </c>
      <c r="AN26641">
        <v>163</v>
      </c>
      <c r="AO26641">
        <v>164</v>
      </c>
      <c r="AP26641">
        <v>166</v>
      </c>
      <c r="AQ26641">
        <v>167</v>
      </c>
    </row>
    <row r="26642" spans="1:43">
      <c r="A26642" t="s">
        <v>16487</v>
      </c>
      <c r="B26642" t="s">
        <v>16488</v>
      </c>
      <c r="C26642" t="s">
        <v>16485</v>
      </c>
      <c r="D26642" t="s">
        <v>16486</v>
      </c>
      <c r="E26642" t="s">
        <v>16459</v>
      </c>
      <c r="F26642" t="s">
        <v>16460</v>
      </c>
      <c r="G26642" t="s">
        <v>10734</v>
      </c>
      <c r="H26642" t="s">
        <v>10735</v>
      </c>
      <c r="I26642" s="2">
        <v>1</v>
      </c>
      <c r="J26642" s="2">
        <v>0</v>
      </c>
      <c r="K26642" s="2">
        <v>0</v>
      </c>
      <c r="L26642" t="s">
        <v>120</v>
      </c>
      <c r="M26642" t="s">
        <v>83</v>
      </c>
      <c r="N26642" t="s">
        <v>84</v>
      </c>
      <c r="O26642" t="s">
        <v>85</v>
      </c>
      <c r="P26642" t="s">
        <v>86</v>
      </c>
      <c r="Q26642">
        <v>88</v>
      </c>
      <c r="R26642">
        <v>90</v>
      </c>
      <c r="S26642">
        <v>92</v>
      </c>
      <c r="T26642">
        <v>95</v>
      </c>
      <c r="U26642">
        <v>97</v>
      </c>
      <c r="V26642">
        <v>100</v>
      </c>
      <c r="W26642">
        <v>102</v>
      </c>
      <c r="X26642">
        <v>105</v>
      </c>
      <c r="Y26642">
        <v>107</v>
      </c>
      <c r="Z26642">
        <v>110</v>
      </c>
      <c r="AA26642">
        <v>112</v>
      </c>
      <c r="AB26642">
        <v>115</v>
      </c>
      <c r="AC26642">
        <v>117</v>
      </c>
      <c r="AD26642">
        <v>120</v>
      </c>
      <c r="AE26642">
        <v>122</v>
      </c>
      <c r="AF26642">
        <v>125</v>
      </c>
      <c r="AG26642">
        <v>128</v>
      </c>
      <c r="AH26642">
        <v>130</v>
      </c>
      <c r="AI26642">
        <v>133</v>
      </c>
      <c r="AJ26642">
        <v>135</v>
      </c>
      <c r="AK26642">
        <v>138</v>
      </c>
      <c r="AL26642">
        <v>140</v>
      </c>
      <c r="AM26642">
        <v>141</v>
      </c>
      <c r="AN26642">
        <v>143</v>
      </c>
      <c r="AO26642">
        <v>144</v>
      </c>
      <c r="AP26642">
        <v>145</v>
      </c>
      <c r="AQ26642">
        <v>146</v>
      </c>
    </row>
    <row r="26643" spans="1:43">
      <c r="A26643" t="s">
        <v>16487</v>
      </c>
      <c r="B26643" t="s">
        <v>16488</v>
      </c>
      <c r="C26643" t="s">
        <v>16485</v>
      </c>
      <c r="D26643" t="s">
        <v>16486</v>
      </c>
      <c r="E26643" t="s">
        <v>16459</v>
      </c>
      <c r="F26643" t="s">
        <v>16460</v>
      </c>
      <c r="G26643" t="s">
        <v>10734</v>
      </c>
      <c r="H26643" t="s">
        <v>10735</v>
      </c>
      <c r="I26643" s="2">
        <v>1</v>
      </c>
      <c r="J26643" s="2">
        <v>0</v>
      </c>
      <c r="K26643" s="2">
        <v>0</v>
      </c>
      <c r="L26643" t="s">
        <v>120</v>
      </c>
      <c r="M26643" t="s">
        <v>87</v>
      </c>
      <c r="N26643" t="s">
        <v>88</v>
      </c>
      <c r="O26643" t="s">
        <v>85</v>
      </c>
      <c r="P26643" t="s">
        <v>86</v>
      </c>
      <c r="Q26643">
        <v>88</v>
      </c>
      <c r="R26643">
        <v>89</v>
      </c>
      <c r="S26643">
        <v>91</v>
      </c>
      <c r="T26643">
        <v>92</v>
      </c>
      <c r="U26643">
        <v>94</v>
      </c>
      <c r="V26643">
        <v>95</v>
      </c>
      <c r="W26643">
        <v>97</v>
      </c>
      <c r="X26643">
        <v>99</v>
      </c>
      <c r="Y26643">
        <v>100</v>
      </c>
      <c r="Z26643">
        <v>102</v>
      </c>
      <c r="AA26643">
        <v>103</v>
      </c>
      <c r="AB26643">
        <v>105</v>
      </c>
      <c r="AC26643">
        <v>106</v>
      </c>
      <c r="AD26643">
        <v>108</v>
      </c>
      <c r="AE26643">
        <v>110</v>
      </c>
      <c r="AF26643">
        <v>111</v>
      </c>
      <c r="AG26643">
        <v>113</v>
      </c>
      <c r="AH26643">
        <v>114</v>
      </c>
      <c r="AI26643">
        <v>116</v>
      </c>
      <c r="AJ26643">
        <v>117</v>
      </c>
      <c r="AK26643">
        <v>119</v>
      </c>
      <c r="AL26643">
        <v>120</v>
      </c>
      <c r="AM26643">
        <v>122</v>
      </c>
      <c r="AN26643">
        <v>124</v>
      </c>
      <c r="AO26643">
        <v>125</v>
      </c>
      <c r="AP26643">
        <v>127</v>
      </c>
      <c r="AQ26643">
        <v>128</v>
      </c>
    </row>
    <row r="26644" spans="1:43">
      <c r="A26644" t="s">
        <v>16487</v>
      </c>
      <c r="B26644" t="s">
        <v>16488</v>
      </c>
      <c r="C26644" t="s">
        <v>16485</v>
      </c>
      <c r="D26644" t="s">
        <v>16486</v>
      </c>
      <c r="E26644" t="s">
        <v>16459</v>
      </c>
      <c r="F26644" t="s">
        <v>16460</v>
      </c>
      <c r="G26644" t="s">
        <v>10734</v>
      </c>
      <c r="H26644" t="s">
        <v>10735</v>
      </c>
      <c r="I26644" s="2">
        <v>1</v>
      </c>
      <c r="J26644" s="2">
        <v>0</v>
      </c>
      <c r="K26644" s="2">
        <v>0</v>
      </c>
      <c r="L26644" t="s">
        <v>120</v>
      </c>
      <c r="M26644" t="s">
        <v>89</v>
      </c>
      <c r="N26644" t="s">
        <v>90</v>
      </c>
      <c r="O26644" t="s">
        <v>85</v>
      </c>
      <c r="P26644" t="s">
        <v>86</v>
      </c>
      <c r="Q26644">
        <v>88</v>
      </c>
      <c r="R26644">
        <v>92</v>
      </c>
      <c r="S26644">
        <v>95</v>
      </c>
      <c r="T26644">
        <v>98</v>
      </c>
      <c r="U26644">
        <v>101</v>
      </c>
      <c r="V26644">
        <v>104</v>
      </c>
      <c r="W26644">
        <v>107</v>
      </c>
      <c r="X26644">
        <v>110</v>
      </c>
      <c r="Y26644">
        <v>113</v>
      </c>
      <c r="Z26644">
        <v>116</v>
      </c>
      <c r="AA26644">
        <v>119</v>
      </c>
      <c r="AB26644">
        <v>122</v>
      </c>
      <c r="AC26644">
        <v>126</v>
      </c>
      <c r="AD26644">
        <v>129</v>
      </c>
      <c r="AE26644">
        <v>131</v>
      </c>
      <c r="AF26644">
        <v>133</v>
      </c>
      <c r="AG26644">
        <v>134</v>
      </c>
      <c r="AH26644">
        <v>136</v>
      </c>
      <c r="AI26644">
        <v>137</v>
      </c>
      <c r="AJ26644">
        <v>139</v>
      </c>
      <c r="AK26644">
        <v>140</v>
      </c>
      <c r="AL26644">
        <v>141</v>
      </c>
      <c r="AM26644">
        <v>143</v>
      </c>
      <c r="AN26644">
        <v>144</v>
      </c>
      <c r="AO26644">
        <v>145</v>
      </c>
      <c r="AP26644">
        <v>146</v>
      </c>
      <c r="AQ26644">
        <v>148</v>
      </c>
    </row>
    <row r="26645" spans="1:43">
      <c r="A26645" t="s">
        <v>16487</v>
      </c>
      <c r="B26645" t="s">
        <v>16488</v>
      </c>
      <c r="C26645" t="s">
        <v>16485</v>
      </c>
      <c r="D26645" t="s">
        <v>16486</v>
      </c>
      <c r="E26645" t="s">
        <v>16459</v>
      </c>
      <c r="F26645" t="s">
        <v>16460</v>
      </c>
      <c r="G26645" t="s">
        <v>10734</v>
      </c>
      <c r="H26645" t="s">
        <v>10735</v>
      </c>
      <c r="I26645" s="2">
        <v>1</v>
      </c>
      <c r="J26645" s="2">
        <v>0</v>
      </c>
      <c r="K26645" s="2">
        <v>0</v>
      </c>
      <c r="L26645" t="s">
        <v>120</v>
      </c>
      <c r="M26645" t="s">
        <v>83</v>
      </c>
      <c r="N26645" t="s">
        <v>91</v>
      </c>
      <c r="O26645" t="s">
        <v>85</v>
      </c>
      <c r="P26645" t="s">
        <v>86</v>
      </c>
      <c r="Q26645">
        <v>88</v>
      </c>
      <c r="R26645">
        <v>90</v>
      </c>
      <c r="S26645">
        <v>92</v>
      </c>
      <c r="T26645">
        <v>95</v>
      </c>
      <c r="U26645">
        <v>97</v>
      </c>
      <c r="V26645">
        <v>100</v>
      </c>
      <c r="W26645">
        <v>102</v>
      </c>
      <c r="X26645">
        <v>105</v>
      </c>
      <c r="Y26645">
        <v>107</v>
      </c>
      <c r="Z26645">
        <v>110</v>
      </c>
      <c r="AA26645">
        <v>112</v>
      </c>
      <c r="AB26645">
        <v>115</v>
      </c>
      <c r="AC26645">
        <v>117</v>
      </c>
      <c r="AD26645">
        <v>120</v>
      </c>
      <c r="AE26645">
        <v>122</v>
      </c>
      <c r="AF26645">
        <v>125</v>
      </c>
      <c r="AG26645">
        <v>128</v>
      </c>
      <c r="AH26645">
        <v>130</v>
      </c>
      <c r="AI26645">
        <v>133</v>
      </c>
      <c r="AJ26645">
        <v>135</v>
      </c>
      <c r="AK26645">
        <v>138</v>
      </c>
      <c r="AL26645">
        <v>140</v>
      </c>
      <c r="AM26645">
        <v>141</v>
      </c>
      <c r="AN26645">
        <v>143</v>
      </c>
      <c r="AO26645">
        <v>144</v>
      </c>
      <c r="AP26645">
        <v>145</v>
      </c>
      <c r="AQ26645">
        <v>146</v>
      </c>
    </row>
    <row r="26646" spans="1:43">
      <c r="A26646" t="s">
        <v>16489</v>
      </c>
      <c r="B26646" t="s">
        <v>16490</v>
      </c>
      <c r="C26646" t="s">
        <v>16463</v>
      </c>
      <c r="D26646" t="s">
        <v>16464</v>
      </c>
      <c r="E26646" t="s">
        <v>16459</v>
      </c>
      <c r="F26646" t="s">
        <v>16460</v>
      </c>
      <c r="G26646" t="s">
        <v>10734</v>
      </c>
      <c r="H26646" t="s">
        <v>10735</v>
      </c>
      <c r="I26646" s="2">
        <v>1</v>
      </c>
      <c r="J26646" s="2">
        <v>0</v>
      </c>
      <c r="K26646" s="2">
        <v>0</v>
      </c>
      <c r="L26646" t="s">
        <v>120</v>
      </c>
      <c r="M26646" t="s">
        <v>83</v>
      </c>
      <c r="N26646" t="s">
        <v>84</v>
      </c>
      <c r="O26646" t="s">
        <v>85</v>
      </c>
      <c r="P26646" t="s">
        <v>86</v>
      </c>
      <c r="Q26646">
        <v>17</v>
      </c>
      <c r="R26646">
        <v>17</v>
      </c>
      <c r="S26646">
        <v>18</v>
      </c>
      <c r="T26646">
        <v>18</v>
      </c>
      <c r="U26646">
        <v>18</v>
      </c>
      <c r="V26646">
        <v>19</v>
      </c>
      <c r="W26646">
        <v>19</v>
      </c>
      <c r="X26646">
        <v>20</v>
      </c>
      <c r="Y26646">
        <v>20</v>
      </c>
      <c r="Z26646">
        <v>21</v>
      </c>
      <c r="AA26646">
        <v>21</v>
      </c>
      <c r="AB26646">
        <v>22</v>
      </c>
      <c r="AC26646">
        <v>22</v>
      </c>
      <c r="AD26646">
        <v>23</v>
      </c>
      <c r="AE26646">
        <v>23</v>
      </c>
      <c r="AF26646">
        <v>24</v>
      </c>
      <c r="AG26646">
        <v>24</v>
      </c>
      <c r="AH26646">
        <v>25</v>
      </c>
      <c r="AI26646">
        <v>25</v>
      </c>
      <c r="AJ26646">
        <v>26</v>
      </c>
      <c r="AK26646">
        <v>26</v>
      </c>
      <c r="AL26646">
        <v>26</v>
      </c>
      <c r="AM26646">
        <v>27</v>
      </c>
      <c r="AN26646">
        <v>27</v>
      </c>
      <c r="AO26646">
        <v>27</v>
      </c>
      <c r="AP26646">
        <v>27</v>
      </c>
      <c r="AQ26646">
        <v>28</v>
      </c>
    </row>
    <row r="26647" spans="1:43">
      <c r="A26647" t="s">
        <v>16489</v>
      </c>
      <c r="B26647" t="s">
        <v>16490</v>
      </c>
      <c r="C26647" t="s">
        <v>16463</v>
      </c>
      <c r="D26647" t="s">
        <v>16464</v>
      </c>
      <c r="E26647" t="s">
        <v>16459</v>
      </c>
      <c r="F26647" t="s">
        <v>16460</v>
      </c>
      <c r="G26647" t="s">
        <v>10734</v>
      </c>
      <c r="H26647" t="s">
        <v>10735</v>
      </c>
      <c r="I26647" s="2">
        <v>1</v>
      </c>
      <c r="J26647" s="2">
        <v>0</v>
      </c>
      <c r="K26647" s="2">
        <v>0</v>
      </c>
      <c r="L26647" t="s">
        <v>120</v>
      </c>
      <c r="M26647" t="s">
        <v>87</v>
      </c>
      <c r="N26647" t="s">
        <v>88</v>
      </c>
      <c r="O26647" t="s">
        <v>85</v>
      </c>
      <c r="P26647" t="s">
        <v>86</v>
      </c>
      <c r="Q26647">
        <v>17</v>
      </c>
      <c r="R26647">
        <v>18</v>
      </c>
      <c r="S26647">
        <v>18</v>
      </c>
      <c r="T26647">
        <v>18</v>
      </c>
      <c r="U26647">
        <v>19</v>
      </c>
      <c r="V26647">
        <v>19</v>
      </c>
      <c r="W26647">
        <v>19</v>
      </c>
      <c r="X26647">
        <v>19</v>
      </c>
      <c r="Y26647">
        <v>20</v>
      </c>
      <c r="Z26647">
        <v>20</v>
      </c>
      <c r="AA26647">
        <v>20</v>
      </c>
      <c r="AB26647">
        <v>21</v>
      </c>
      <c r="AC26647">
        <v>21</v>
      </c>
      <c r="AD26647">
        <v>21</v>
      </c>
      <c r="AE26647">
        <v>22</v>
      </c>
      <c r="AF26647">
        <v>22</v>
      </c>
      <c r="AG26647">
        <v>22</v>
      </c>
      <c r="AH26647">
        <v>22</v>
      </c>
      <c r="AI26647">
        <v>23</v>
      </c>
      <c r="AJ26647">
        <v>23</v>
      </c>
      <c r="AK26647">
        <v>23</v>
      </c>
      <c r="AL26647">
        <v>24</v>
      </c>
      <c r="AM26647">
        <v>24</v>
      </c>
      <c r="AN26647">
        <v>24</v>
      </c>
      <c r="AO26647">
        <v>24</v>
      </c>
      <c r="AP26647">
        <v>25</v>
      </c>
      <c r="AQ26647">
        <v>25</v>
      </c>
    </row>
    <row r="26648" spans="1:43">
      <c r="A26648" t="s">
        <v>16489</v>
      </c>
      <c r="B26648" t="s">
        <v>16490</v>
      </c>
      <c r="C26648" t="s">
        <v>16463</v>
      </c>
      <c r="D26648" t="s">
        <v>16464</v>
      </c>
      <c r="E26648" t="s">
        <v>16459</v>
      </c>
      <c r="F26648" t="s">
        <v>16460</v>
      </c>
      <c r="G26648" t="s">
        <v>10734</v>
      </c>
      <c r="H26648" t="s">
        <v>10735</v>
      </c>
      <c r="I26648" s="2">
        <v>1</v>
      </c>
      <c r="J26648" s="2">
        <v>0</v>
      </c>
      <c r="K26648" s="2">
        <v>0</v>
      </c>
      <c r="L26648" t="s">
        <v>120</v>
      </c>
      <c r="M26648" t="s">
        <v>89</v>
      </c>
      <c r="N26648" t="s">
        <v>90</v>
      </c>
      <c r="O26648" t="s">
        <v>85</v>
      </c>
      <c r="P26648" t="s">
        <v>86</v>
      </c>
      <c r="Q26648">
        <v>17</v>
      </c>
      <c r="R26648">
        <v>17</v>
      </c>
      <c r="S26648">
        <v>18</v>
      </c>
      <c r="T26648">
        <v>19</v>
      </c>
      <c r="U26648">
        <v>19</v>
      </c>
      <c r="V26648">
        <v>20</v>
      </c>
      <c r="W26648">
        <v>20</v>
      </c>
      <c r="X26648">
        <v>21</v>
      </c>
      <c r="Y26648">
        <v>21</v>
      </c>
      <c r="Z26648">
        <v>22</v>
      </c>
      <c r="AA26648">
        <v>23</v>
      </c>
      <c r="AB26648">
        <v>23</v>
      </c>
      <c r="AC26648">
        <v>24</v>
      </c>
      <c r="AD26648">
        <v>24</v>
      </c>
      <c r="AE26648">
        <v>25</v>
      </c>
      <c r="AF26648">
        <v>25</v>
      </c>
      <c r="AG26648">
        <v>25</v>
      </c>
      <c r="AH26648">
        <v>26</v>
      </c>
      <c r="AI26648">
        <v>26</v>
      </c>
      <c r="AJ26648">
        <v>26</v>
      </c>
      <c r="AK26648">
        <v>26</v>
      </c>
      <c r="AL26648">
        <v>27</v>
      </c>
      <c r="AM26648">
        <v>27</v>
      </c>
      <c r="AN26648">
        <v>27</v>
      </c>
      <c r="AO26648">
        <v>27</v>
      </c>
      <c r="AP26648">
        <v>28</v>
      </c>
      <c r="AQ26648">
        <v>28</v>
      </c>
    </row>
    <row r="26649" spans="1:43">
      <c r="A26649" t="s">
        <v>16489</v>
      </c>
      <c r="B26649" t="s">
        <v>16490</v>
      </c>
      <c r="C26649" t="s">
        <v>16463</v>
      </c>
      <c r="D26649" t="s">
        <v>16464</v>
      </c>
      <c r="E26649" t="s">
        <v>16459</v>
      </c>
      <c r="F26649" t="s">
        <v>16460</v>
      </c>
      <c r="G26649" t="s">
        <v>10734</v>
      </c>
      <c r="H26649" t="s">
        <v>10735</v>
      </c>
      <c r="I26649" s="2">
        <v>1</v>
      </c>
      <c r="J26649" s="2">
        <v>0</v>
      </c>
      <c r="K26649" s="2">
        <v>0</v>
      </c>
      <c r="L26649" t="s">
        <v>120</v>
      </c>
      <c r="M26649" t="s">
        <v>83</v>
      </c>
      <c r="N26649" t="s">
        <v>91</v>
      </c>
      <c r="O26649" t="s">
        <v>85</v>
      </c>
      <c r="P26649" t="s">
        <v>86</v>
      </c>
      <c r="Q26649">
        <v>17</v>
      </c>
      <c r="R26649">
        <v>17</v>
      </c>
      <c r="S26649">
        <v>18</v>
      </c>
      <c r="T26649">
        <v>18</v>
      </c>
      <c r="U26649">
        <v>18</v>
      </c>
      <c r="V26649">
        <v>19</v>
      </c>
      <c r="W26649">
        <v>19</v>
      </c>
      <c r="X26649">
        <v>20</v>
      </c>
      <c r="Y26649">
        <v>20</v>
      </c>
      <c r="Z26649">
        <v>21</v>
      </c>
      <c r="AA26649">
        <v>21</v>
      </c>
      <c r="AB26649">
        <v>22</v>
      </c>
      <c r="AC26649">
        <v>22</v>
      </c>
      <c r="AD26649">
        <v>23</v>
      </c>
      <c r="AE26649">
        <v>23</v>
      </c>
      <c r="AF26649">
        <v>24</v>
      </c>
      <c r="AG26649">
        <v>24</v>
      </c>
      <c r="AH26649">
        <v>25</v>
      </c>
      <c r="AI26649">
        <v>25</v>
      </c>
      <c r="AJ26649">
        <v>26</v>
      </c>
      <c r="AK26649">
        <v>26</v>
      </c>
      <c r="AL26649">
        <v>26</v>
      </c>
      <c r="AM26649">
        <v>27</v>
      </c>
      <c r="AN26649">
        <v>27</v>
      </c>
      <c r="AO26649">
        <v>27</v>
      </c>
      <c r="AP26649">
        <v>27</v>
      </c>
      <c r="AQ26649">
        <v>28</v>
      </c>
    </row>
    <row r="26650" spans="1:43">
      <c r="A26650" t="s">
        <v>16491</v>
      </c>
      <c r="B26650" t="s">
        <v>16492</v>
      </c>
      <c r="C26650" t="s">
        <v>16467</v>
      </c>
      <c r="D26650" t="s">
        <v>16468</v>
      </c>
      <c r="E26650" t="s">
        <v>16459</v>
      </c>
      <c r="F26650" t="s">
        <v>16460</v>
      </c>
      <c r="G26650" t="s">
        <v>10734</v>
      </c>
      <c r="H26650" t="s">
        <v>10735</v>
      </c>
      <c r="I26650" s="2">
        <v>1</v>
      </c>
      <c r="J26650" s="2">
        <v>0</v>
      </c>
      <c r="K26650" s="2">
        <v>0</v>
      </c>
      <c r="L26650" t="s">
        <v>120</v>
      </c>
      <c r="M26650" t="s">
        <v>83</v>
      </c>
      <c r="N26650" t="s">
        <v>84</v>
      </c>
      <c r="O26650" t="s">
        <v>85</v>
      </c>
      <c r="P26650" t="s">
        <v>86</v>
      </c>
      <c r="Q26650">
        <v>45</v>
      </c>
      <c r="R26650">
        <v>46</v>
      </c>
      <c r="S26650">
        <v>48</v>
      </c>
      <c r="T26650">
        <v>49</v>
      </c>
      <c r="U26650">
        <v>50</v>
      </c>
      <c r="V26650">
        <v>51</v>
      </c>
      <c r="W26650">
        <v>53</v>
      </c>
      <c r="X26650">
        <v>54</v>
      </c>
      <c r="Y26650">
        <v>55</v>
      </c>
      <c r="Z26650">
        <v>56</v>
      </c>
      <c r="AA26650">
        <v>58</v>
      </c>
      <c r="AB26650">
        <v>59</v>
      </c>
      <c r="AC26650">
        <v>60</v>
      </c>
      <c r="AD26650">
        <v>62</v>
      </c>
      <c r="AE26650">
        <v>63</v>
      </c>
      <c r="AF26650">
        <v>64</v>
      </c>
      <c r="AG26650">
        <v>66</v>
      </c>
      <c r="AH26650">
        <v>67</v>
      </c>
      <c r="AI26650">
        <v>68</v>
      </c>
      <c r="AJ26650">
        <v>70</v>
      </c>
      <c r="AK26650">
        <v>71</v>
      </c>
      <c r="AL26650">
        <v>72</v>
      </c>
      <c r="AM26650">
        <v>73</v>
      </c>
      <c r="AN26650">
        <v>73</v>
      </c>
      <c r="AO26650">
        <v>74</v>
      </c>
      <c r="AP26650">
        <v>75</v>
      </c>
      <c r="AQ26650">
        <v>75</v>
      </c>
    </row>
    <row r="26651" spans="1:43">
      <c r="A26651" t="s">
        <v>16491</v>
      </c>
      <c r="B26651" t="s">
        <v>16492</v>
      </c>
      <c r="C26651" t="s">
        <v>16467</v>
      </c>
      <c r="D26651" t="s">
        <v>16468</v>
      </c>
      <c r="E26651" t="s">
        <v>16459</v>
      </c>
      <c r="F26651" t="s">
        <v>16460</v>
      </c>
      <c r="G26651" t="s">
        <v>10734</v>
      </c>
      <c r="H26651" t="s">
        <v>10735</v>
      </c>
      <c r="I26651" s="2">
        <v>1</v>
      </c>
      <c r="J26651" s="2">
        <v>0</v>
      </c>
      <c r="K26651" s="2">
        <v>0</v>
      </c>
      <c r="L26651" t="s">
        <v>120</v>
      </c>
      <c r="M26651" t="s">
        <v>87</v>
      </c>
      <c r="N26651" t="s">
        <v>88</v>
      </c>
      <c r="O26651" t="s">
        <v>85</v>
      </c>
      <c r="P26651" t="s">
        <v>86</v>
      </c>
      <c r="Q26651">
        <v>45</v>
      </c>
      <c r="R26651">
        <v>45</v>
      </c>
      <c r="S26651">
        <v>46</v>
      </c>
      <c r="T26651">
        <v>47</v>
      </c>
      <c r="U26651">
        <v>48</v>
      </c>
      <c r="V26651">
        <v>49</v>
      </c>
      <c r="W26651">
        <v>49</v>
      </c>
      <c r="X26651">
        <v>50</v>
      </c>
      <c r="Y26651">
        <v>51</v>
      </c>
      <c r="Z26651">
        <v>52</v>
      </c>
      <c r="AA26651">
        <v>53</v>
      </c>
      <c r="AB26651">
        <v>53</v>
      </c>
      <c r="AC26651">
        <v>54</v>
      </c>
      <c r="AD26651">
        <v>55</v>
      </c>
      <c r="AE26651">
        <v>56</v>
      </c>
      <c r="AF26651">
        <v>57</v>
      </c>
      <c r="AG26651">
        <v>57</v>
      </c>
      <c r="AH26651">
        <v>58</v>
      </c>
      <c r="AI26651">
        <v>59</v>
      </c>
      <c r="AJ26651">
        <v>60</v>
      </c>
      <c r="AK26651">
        <v>61</v>
      </c>
      <c r="AL26651">
        <v>61</v>
      </c>
      <c r="AM26651">
        <v>62</v>
      </c>
      <c r="AN26651">
        <v>63</v>
      </c>
      <c r="AO26651">
        <v>64</v>
      </c>
      <c r="AP26651">
        <v>64</v>
      </c>
      <c r="AQ26651">
        <v>65</v>
      </c>
    </row>
    <row r="26652" spans="1:43">
      <c r="A26652" t="s">
        <v>16491</v>
      </c>
      <c r="B26652" t="s">
        <v>16492</v>
      </c>
      <c r="C26652" t="s">
        <v>16467</v>
      </c>
      <c r="D26652" t="s">
        <v>16468</v>
      </c>
      <c r="E26652" t="s">
        <v>16459</v>
      </c>
      <c r="F26652" t="s">
        <v>16460</v>
      </c>
      <c r="G26652" t="s">
        <v>10734</v>
      </c>
      <c r="H26652" t="s">
        <v>10735</v>
      </c>
      <c r="I26652" s="2">
        <v>1</v>
      </c>
      <c r="J26652" s="2">
        <v>0</v>
      </c>
      <c r="K26652" s="2">
        <v>0</v>
      </c>
      <c r="L26652" t="s">
        <v>120</v>
      </c>
      <c r="M26652" t="s">
        <v>89</v>
      </c>
      <c r="N26652" t="s">
        <v>90</v>
      </c>
      <c r="O26652" t="s">
        <v>85</v>
      </c>
      <c r="P26652" t="s">
        <v>86</v>
      </c>
      <c r="Q26652">
        <v>45</v>
      </c>
      <c r="R26652">
        <v>46</v>
      </c>
      <c r="S26652">
        <v>48</v>
      </c>
      <c r="T26652">
        <v>49</v>
      </c>
      <c r="U26652">
        <v>51</v>
      </c>
      <c r="V26652">
        <v>53</v>
      </c>
      <c r="W26652">
        <v>54</v>
      </c>
      <c r="X26652">
        <v>56</v>
      </c>
      <c r="Y26652">
        <v>57</v>
      </c>
      <c r="Z26652">
        <v>59</v>
      </c>
      <c r="AA26652">
        <v>60</v>
      </c>
      <c r="AB26652">
        <v>62</v>
      </c>
      <c r="AC26652">
        <v>64</v>
      </c>
      <c r="AD26652">
        <v>65</v>
      </c>
      <c r="AE26652">
        <v>67</v>
      </c>
      <c r="AF26652">
        <v>67</v>
      </c>
      <c r="AG26652">
        <v>68</v>
      </c>
      <c r="AH26652">
        <v>69</v>
      </c>
      <c r="AI26652">
        <v>69</v>
      </c>
      <c r="AJ26652">
        <v>70</v>
      </c>
      <c r="AK26652">
        <v>71</v>
      </c>
      <c r="AL26652">
        <v>72</v>
      </c>
      <c r="AM26652">
        <v>72</v>
      </c>
      <c r="AN26652">
        <v>73</v>
      </c>
      <c r="AO26652">
        <v>74</v>
      </c>
      <c r="AP26652">
        <v>74</v>
      </c>
      <c r="AQ26652">
        <v>75</v>
      </c>
    </row>
    <row r="26653" spans="1:43">
      <c r="A26653" t="s">
        <v>16491</v>
      </c>
      <c r="B26653" t="s">
        <v>16492</v>
      </c>
      <c r="C26653" t="s">
        <v>16467</v>
      </c>
      <c r="D26653" t="s">
        <v>16468</v>
      </c>
      <c r="E26653" t="s">
        <v>16459</v>
      </c>
      <c r="F26653" t="s">
        <v>16460</v>
      </c>
      <c r="G26653" t="s">
        <v>10734</v>
      </c>
      <c r="H26653" t="s">
        <v>10735</v>
      </c>
      <c r="I26653" s="2">
        <v>1</v>
      </c>
      <c r="J26653" s="2">
        <v>0</v>
      </c>
      <c r="K26653" s="2">
        <v>0</v>
      </c>
      <c r="L26653" t="s">
        <v>120</v>
      </c>
      <c r="M26653" t="s">
        <v>83</v>
      </c>
      <c r="N26653" t="s">
        <v>91</v>
      </c>
      <c r="O26653" t="s">
        <v>85</v>
      </c>
      <c r="P26653" t="s">
        <v>86</v>
      </c>
      <c r="Q26653">
        <v>45</v>
      </c>
      <c r="R26653">
        <v>46</v>
      </c>
      <c r="S26653">
        <v>48</v>
      </c>
      <c r="T26653">
        <v>49</v>
      </c>
      <c r="U26653">
        <v>50</v>
      </c>
      <c r="V26653">
        <v>51</v>
      </c>
      <c r="W26653">
        <v>53</v>
      </c>
      <c r="X26653">
        <v>54</v>
      </c>
      <c r="Y26653">
        <v>55</v>
      </c>
      <c r="Z26653">
        <v>56</v>
      </c>
      <c r="AA26653">
        <v>58</v>
      </c>
      <c r="AB26653">
        <v>59</v>
      </c>
      <c r="AC26653">
        <v>60</v>
      </c>
      <c r="AD26653">
        <v>62</v>
      </c>
      <c r="AE26653">
        <v>63</v>
      </c>
      <c r="AF26653">
        <v>64</v>
      </c>
      <c r="AG26653">
        <v>66</v>
      </c>
      <c r="AH26653">
        <v>67</v>
      </c>
      <c r="AI26653">
        <v>68</v>
      </c>
      <c r="AJ26653">
        <v>70</v>
      </c>
      <c r="AK26653">
        <v>71</v>
      </c>
      <c r="AL26653">
        <v>72</v>
      </c>
      <c r="AM26653">
        <v>73</v>
      </c>
      <c r="AN26653">
        <v>73</v>
      </c>
      <c r="AO26653">
        <v>74</v>
      </c>
      <c r="AP26653">
        <v>75</v>
      </c>
      <c r="AQ26653">
        <v>75</v>
      </c>
    </row>
    <row r="26654" spans="1:43">
      <c r="A26654" t="s">
        <v>16493</v>
      </c>
      <c r="B26654" t="s">
        <v>16494</v>
      </c>
      <c r="C26654" t="s">
        <v>16473</v>
      </c>
      <c r="D26654" t="s">
        <v>16474</v>
      </c>
      <c r="E26654" t="s">
        <v>16459</v>
      </c>
      <c r="F26654" t="s">
        <v>16460</v>
      </c>
      <c r="G26654" t="s">
        <v>10734</v>
      </c>
      <c r="H26654" t="s">
        <v>10735</v>
      </c>
      <c r="I26654" s="2">
        <v>1</v>
      </c>
      <c r="J26654" s="2">
        <v>0</v>
      </c>
      <c r="K26654" s="2">
        <v>0</v>
      </c>
      <c r="L26654" t="s">
        <v>120</v>
      </c>
      <c r="M26654" t="s">
        <v>83</v>
      </c>
      <c r="N26654" t="s">
        <v>84</v>
      </c>
      <c r="O26654" t="s">
        <v>85</v>
      </c>
      <c r="P26654" t="s">
        <v>86</v>
      </c>
      <c r="Q26654">
        <v>47</v>
      </c>
      <c r="R26654">
        <v>48</v>
      </c>
      <c r="S26654">
        <v>50</v>
      </c>
      <c r="T26654">
        <v>51</v>
      </c>
      <c r="U26654">
        <v>52</v>
      </c>
      <c r="V26654">
        <v>53</v>
      </c>
      <c r="W26654">
        <v>55</v>
      </c>
      <c r="X26654">
        <v>56</v>
      </c>
      <c r="Y26654">
        <v>57</v>
      </c>
      <c r="Z26654">
        <v>59</v>
      </c>
      <c r="AA26654">
        <v>60</v>
      </c>
      <c r="AB26654">
        <v>62</v>
      </c>
      <c r="AC26654">
        <v>63</v>
      </c>
      <c r="AD26654">
        <v>64</v>
      </c>
      <c r="AE26654">
        <v>66</v>
      </c>
      <c r="AF26654">
        <v>67</v>
      </c>
      <c r="AG26654">
        <v>69</v>
      </c>
      <c r="AH26654">
        <v>70</v>
      </c>
      <c r="AI26654">
        <v>71</v>
      </c>
      <c r="AJ26654">
        <v>73</v>
      </c>
      <c r="AK26654">
        <v>74</v>
      </c>
      <c r="AL26654">
        <v>75</v>
      </c>
      <c r="AM26654">
        <v>76</v>
      </c>
      <c r="AN26654">
        <v>77</v>
      </c>
      <c r="AO26654">
        <v>77</v>
      </c>
      <c r="AP26654">
        <v>78</v>
      </c>
      <c r="AQ26654">
        <v>79</v>
      </c>
    </row>
    <row r="26655" spans="1:43">
      <c r="A26655" t="s">
        <v>16493</v>
      </c>
      <c r="B26655" t="s">
        <v>16494</v>
      </c>
      <c r="C26655" t="s">
        <v>16473</v>
      </c>
      <c r="D26655" t="s">
        <v>16474</v>
      </c>
      <c r="E26655" t="s">
        <v>16459</v>
      </c>
      <c r="F26655" t="s">
        <v>16460</v>
      </c>
      <c r="G26655" t="s">
        <v>10734</v>
      </c>
      <c r="H26655" t="s">
        <v>10735</v>
      </c>
      <c r="I26655" s="2">
        <v>1</v>
      </c>
      <c r="J26655" s="2">
        <v>0</v>
      </c>
      <c r="K26655" s="2">
        <v>0</v>
      </c>
      <c r="L26655" t="s">
        <v>120</v>
      </c>
      <c r="M26655" t="s">
        <v>87</v>
      </c>
      <c r="N26655" t="s">
        <v>88</v>
      </c>
      <c r="O26655" t="s">
        <v>85</v>
      </c>
      <c r="P26655" t="s">
        <v>86</v>
      </c>
      <c r="Q26655">
        <v>47</v>
      </c>
      <c r="R26655">
        <v>47</v>
      </c>
      <c r="S26655">
        <v>48</v>
      </c>
      <c r="T26655">
        <v>49</v>
      </c>
      <c r="U26655">
        <v>50</v>
      </c>
      <c r="V26655">
        <v>51</v>
      </c>
      <c r="W26655">
        <v>52</v>
      </c>
      <c r="X26655">
        <v>52</v>
      </c>
      <c r="Y26655">
        <v>53</v>
      </c>
      <c r="Z26655">
        <v>54</v>
      </c>
      <c r="AA26655">
        <v>55</v>
      </c>
      <c r="AB26655">
        <v>56</v>
      </c>
      <c r="AC26655">
        <v>57</v>
      </c>
      <c r="AD26655">
        <v>57</v>
      </c>
      <c r="AE26655">
        <v>58</v>
      </c>
      <c r="AF26655">
        <v>59</v>
      </c>
      <c r="AG26655">
        <v>60</v>
      </c>
      <c r="AH26655">
        <v>61</v>
      </c>
      <c r="AI26655">
        <v>62</v>
      </c>
      <c r="AJ26655">
        <v>62</v>
      </c>
      <c r="AK26655">
        <v>63</v>
      </c>
      <c r="AL26655">
        <v>64</v>
      </c>
      <c r="AM26655">
        <v>65</v>
      </c>
      <c r="AN26655">
        <v>66</v>
      </c>
      <c r="AO26655">
        <v>66</v>
      </c>
      <c r="AP26655">
        <v>67</v>
      </c>
      <c r="AQ26655">
        <v>68</v>
      </c>
    </row>
    <row r="26656" spans="1:43">
      <c r="A26656" t="s">
        <v>16493</v>
      </c>
      <c r="B26656" t="s">
        <v>16494</v>
      </c>
      <c r="C26656" t="s">
        <v>16473</v>
      </c>
      <c r="D26656" t="s">
        <v>16474</v>
      </c>
      <c r="E26656" t="s">
        <v>16459</v>
      </c>
      <c r="F26656" t="s">
        <v>16460</v>
      </c>
      <c r="G26656" t="s">
        <v>10734</v>
      </c>
      <c r="H26656" t="s">
        <v>10735</v>
      </c>
      <c r="I26656" s="2">
        <v>1</v>
      </c>
      <c r="J26656" s="2">
        <v>0</v>
      </c>
      <c r="K26656" s="2">
        <v>0</v>
      </c>
      <c r="L26656" t="s">
        <v>120</v>
      </c>
      <c r="M26656" t="s">
        <v>89</v>
      </c>
      <c r="N26656" t="s">
        <v>90</v>
      </c>
      <c r="O26656" t="s">
        <v>85</v>
      </c>
      <c r="P26656" t="s">
        <v>86</v>
      </c>
      <c r="Q26656">
        <v>47</v>
      </c>
      <c r="R26656">
        <v>49</v>
      </c>
      <c r="S26656">
        <v>51</v>
      </c>
      <c r="T26656">
        <v>53</v>
      </c>
      <c r="U26656">
        <v>54</v>
      </c>
      <c r="V26656">
        <v>56</v>
      </c>
      <c r="W26656">
        <v>58</v>
      </c>
      <c r="X26656">
        <v>59</v>
      </c>
      <c r="Y26656">
        <v>61</v>
      </c>
      <c r="Z26656">
        <v>63</v>
      </c>
      <c r="AA26656">
        <v>64</v>
      </c>
      <c r="AB26656">
        <v>66</v>
      </c>
      <c r="AC26656">
        <v>68</v>
      </c>
      <c r="AD26656">
        <v>69</v>
      </c>
      <c r="AE26656">
        <v>71</v>
      </c>
      <c r="AF26656">
        <v>71</v>
      </c>
      <c r="AG26656">
        <v>72</v>
      </c>
      <c r="AH26656">
        <v>73</v>
      </c>
      <c r="AI26656">
        <v>74</v>
      </c>
      <c r="AJ26656">
        <v>74</v>
      </c>
      <c r="AK26656">
        <v>75</v>
      </c>
      <c r="AL26656">
        <v>76</v>
      </c>
      <c r="AM26656">
        <v>76</v>
      </c>
      <c r="AN26656">
        <v>77</v>
      </c>
      <c r="AO26656">
        <v>78</v>
      </c>
      <c r="AP26656">
        <v>78</v>
      </c>
      <c r="AQ26656">
        <v>79</v>
      </c>
    </row>
    <row r="26657" spans="1:43">
      <c r="A26657" t="s">
        <v>16493</v>
      </c>
      <c r="B26657" t="s">
        <v>16494</v>
      </c>
      <c r="C26657" t="s">
        <v>16473</v>
      </c>
      <c r="D26657" t="s">
        <v>16474</v>
      </c>
      <c r="E26657" t="s">
        <v>16459</v>
      </c>
      <c r="F26657" t="s">
        <v>16460</v>
      </c>
      <c r="G26657" t="s">
        <v>10734</v>
      </c>
      <c r="H26657" t="s">
        <v>10735</v>
      </c>
      <c r="I26657" s="2">
        <v>1</v>
      </c>
      <c r="J26657" s="2">
        <v>0</v>
      </c>
      <c r="K26657" s="2">
        <v>0</v>
      </c>
      <c r="L26657" t="s">
        <v>120</v>
      </c>
      <c r="M26657" t="s">
        <v>83</v>
      </c>
      <c r="N26657" t="s">
        <v>91</v>
      </c>
      <c r="O26657" t="s">
        <v>85</v>
      </c>
      <c r="P26657" t="s">
        <v>86</v>
      </c>
      <c r="Q26657">
        <v>47</v>
      </c>
      <c r="R26657">
        <v>48</v>
      </c>
      <c r="S26657">
        <v>50</v>
      </c>
      <c r="T26657">
        <v>51</v>
      </c>
      <c r="U26657">
        <v>52</v>
      </c>
      <c r="V26657">
        <v>53</v>
      </c>
      <c r="W26657">
        <v>55</v>
      </c>
      <c r="X26657">
        <v>56</v>
      </c>
      <c r="Y26657">
        <v>57</v>
      </c>
      <c r="Z26657">
        <v>59</v>
      </c>
      <c r="AA26657">
        <v>60</v>
      </c>
      <c r="AB26657">
        <v>62</v>
      </c>
      <c r="AC26657">
        <v>63</v>
      </c>
      <c r="AD26657">
        <v>64</v>
      </c>
      <c r="AE26657">
        <v>66</v>
      </c>
      <c r="AF26657">
        <v>67</v>
      </c>
      <c r="AG26657">
        <v>69</v>
      </c>
      <c r="AH26657">
        <v>70</v>
      </c>
      <c r="AI26657">
        <v>71</v>
      </c>
      <c r="AJ26657">
        <v>73</v>
      </c>
      <c r="AK26657">
        <v>74</v>
      </c>
      <c r="AL26657">
        <v>75</v>
      </c>
      <c r="AM26657">
        <v>76</v>
      </c>
      <c r="AN26657">
        <v>77</v>
      </c>
      <c r="AO26657">
        <v>77</v>
      </c>
      <c r="AP26657">
        <v>78</v>
      </c>
      <c r="AQ26657">
        <v>79</v>
      </c>
    </row>
    <row r="26658" spans="1:43">
      <c r="A26658" t="s">
        <v>16495</v>
      </c>
      <c r="B26658" t="s">
        <v>16496</v>
      </c>
      <c r="C26658" t="s">
        <v>16473</v>
      </c>
      <c r="D26658" t="s">
        <v>16474</v>
      </c>
      <c r="E26658" t="s">
        <v>16459</v>
      </c>
      <c r="F26658" t="s">
        <v>16460</v>
      </c>
      <c r="G26658" t="s">
        <v>10734</v>
      </c>
      <c r="H26658" t="s">
        <v>10735</v>
      </c>
      <c r="I26658" s="2">
        <v>1</v>
      </c>
      <c r="J26658" s="2">
        <v>0</v>
      </c>
      <c r="K26658" s="2">
        <v>0</v>
      </c>
      <c r="L26658" t="s">
        <v>120</v>
      </c>
      <c r="M26658" t="s">
        <v>83</v>
      </c>
      <c r="N26658" t="s">
        <v>84</v>
      </c>
      <c r="O26658" t="s">
        <v>85</v>
      </c>
      <c r="P26658" t="s">
        <v>86</v>
      </c>
      <c r="Q26658">
        <v>38</v>
      </c>
      <c r="R26658">
        <v>39</v>
      </c>
      <c r="S26658">
        <v>40</v>
      </c>
      <c r="T26658">
        <v>42</v>
      </c>
      <c r="U26658">
        <v>43</v>
      </c>
      <c r="V26658">
        <v>44</v>
      </c>
      <c r="W26658">
        <v>45</v>
      </c>
      <c r="X26658">
        <v>46</v>
      </c>
      <c r="Y26658">
        <v>47</v>
      </c>
      <c r="Z26658">
        <v>48</v>
      </c>
      <c r="AA26658">
        <v>49</v>
      </c>
      <c r="AB26658">
        <v>50</v>
      </c>
      <c r="AC26658">
        <v>51</v>
      </c>
      <c r="AD26658">
        <v>53</v>
      </c>
      <c r="AE26658">
        <v>54</v>
      </c>
      <c r="AF26658">
        <v>55</v>
      </c>
      <c r="AG26658">
        <v>56</v>
      </c>
      <c r="AH26658">
        <v>57</v>
      </c>
      <c r="AI26658">
        <v>58</v>
      </c>
      <c r="AJ26658">
        <v>59</v>
      </c>
      <c r="AK26658">
        <v>61</v>
      </c>
      <c r="AL26658">
        <v>61</v>
      </c>
      <c r="AM26658">
        <v>62</v>
      </c>
      <c r="AN26658">
        <v>63</v>
      </c>
      <c r="AO26658">
        <v>63</v>
      </c>
      <c r="AP26658">
        <v>64</v>
      </c>
      <c r="AQ26658">
        <v>64</v>
      </c>
    </row>
    <row r="26659" spans="1:43">
      <c r="A26659" t="s">
        <v>16495</v>
      </c>
      <c r="B26659" t="s">
        <v>16496</v>
      </c>
      <c r="C26659" t="s">
        <v>16473</v>
      </c>
      <c r="D26659" t="s">
        <v>16474</v>
      </c>
      <c r="E26659" t="s">
        <v>16459</v>
      </c>
      <c r="F26659" t="s">
        <v>16460</v>
      </c>
      <c r="G26659" t="s">
        <v>10734</v>
      </c>
      <c r="H26659" t="s">
        <v>10735</v>
      </c>
      <c r="I26659" s="2">
        <v>1</v>
      </c>
      <c r="J26659" s="2">
        <v>0</v>
      </c>
      <c r="K26659" s="2">
        <v>0</v>
      </c>
      <c r="L26659" t="s">
        <v>120</v>
      </c>
      <c r="M26659" t="s">
        <v>87</v>
      </c>
      <c r="N26659" t="s">
        <v>88</v>
      </c>
      <c r="O26659" t="s">
        <v>85</v>
      </c>
      <c r="P26659" t="s">
        <v>86</v>
      </c>
      <c r="Q26659">
        <v>38</v>
      </c>
      <c r="R26659">
        <v>39</v>
      </c>
      <c r="S26659">
        <v>39</v>
      </c>
      <c r="T26659">
        <v>40</v>
      </c>
      <c r="U26659">
        <v>41</v>
      </c>
      <c r="V26659">
        <v>41</v>
      </c>
      <c r="W26659">
        <v>42</v>
      </c>
      <c r="X26659">
        <v>43</v>
      </c>
      <c r="Y26659">
        <v>43</v>
      </c>
      <c r="Z26659">
        <v>44</v>
      </c>
      <c r="AA26659">
        <v>45</v>
      </c>
      <c r="AB26659">
        <v>46</v>
      </c>
      <c r="AC26659">
        <v>46</v>
      </c>
      <c r="AD26659">
        <v>47</v>
      </c>
      <c r="AE26659">
        <v>48</v>
      </c>
      <c r="AF26659">
        <v>48</v>
      </c>
      <c r="AG26659">
        <v>49</v>
      </c>
      <c r="AH26659">
        <v>50</v>
      </c>
      <c r="AI26659">
        <v>50</v>
      </c>
      <c r="AJ26659">
        <v>51</v>
      </c>
      <c r="AK26659">
        <v>52</v>
      </c>
      <c r="AL26659">
        <v>52</v>
      </c>
      <c r="AM26659">
        <v>53</v>
      </c>
      <c r="AN26659">
        <v>54</v>
      </c>
      <c r="AO26659">
        <v>54</v>
      </c>
      <c r="AP26659">
        <v>55</v>
      </c>
      <c r="AQ26659">
        <v>56</v>
      </c>
    </row>
    <row r="26660" spans="1:43">
      <c r="A26660" t="s">
        <v>16495</v>
      </c>
      <c r="B26660" t="s">
        <v>16496</v>
      </c>
      <c r="C26660" t="s">
        <v>16473</v>
      </c>
      <c r="D26660" t="s">
        <v>16474</v>
      </c>
      <c r="E26660" t="s">
        <v>16459</v>
      </c>
      <c r="F26660" t="s">
        <v>16460</v>
      </c>
      <c r="G26660" t="s">
        <v>10734</v>
      </c>
      <c r="H26660" t="s">
        <v>10735</v>
      </c>
      <c r="I26660" s="2">
        <v>1</v>
      </c>
      <c r="J26660" s="2">
        <v>0</v>
      </c>
      <c r="K26660" s="2">
        <v>0</v>
      </c>
      <c r="L26660" t="s">
        <v>120</v>
      </c>
      <c r="M26660" t="s">
        <v>89</v>
      </c>
      <c r="N26660" t="s">
        <v>90</v>
      </c>
      <c r="O26660" t="s">
        <v>85</v>
      </c>
      <c r="P26660" t="s">
        <v>86</v>
      </c>
      <c r="Q26660">
        <v>38</v>
      </c>
      <c r="R26660">
        <v>39</v>
      </c>
      <c r="S26660">
        <v>41</v>
      </c>
      <c r="T26660">
        <v>42</v>
      </c>
      <c r="U26660">
        <v>43</v>
      </c>
      <c r="V26660">
        <v>45</v>
      </c>
      <c r="W26660">
        <v>46</v>
      </c>
      <c r="X26660">
        <v>47</v>
      </c>
      <c r="Y26660">
        <v>49</v>
      </c>
      <c r="Z26660">
        <v>50</v>
      </c>
      <c r="AA26660">
        <v>51</v>
      </c>
      <c r="AB26660">
        <v>53</v>
      </c>
      <c r="AC26660">
        <v>54</v>
      </c>
      <c r="AD26660">
        <v>55</v>
      </c>
      <c r="AE26660">
        <v>57</v>
      </c>
      <c r="AF26660">
        <v>57</v>
      </c>
      <c r="AG26660">
        <v>58</v>
      </c>
      <c r="AH26660">
        <v>58</v>
      </c>
      <c r="AI26660">
        <v>59</v>
      </c>
      <c r="AJ26660">
        <v>60</v>
      </c>
      <c r="AK26660">
        <v>60</v>
      </c>
      <c r="AL26660">
        <v>61</v>
      </c>
      <c r="AM26660">
        <v>61</v>
      </c>
      <c r="AN26660">
        <v>62</v>
      </c>
      <c r="AO26660">
        <v>63</v>
      </c>
      <c r="AP26660">
        <v>63</v>
      </c>
      <c r="AQ26660">
        <v>64</v>
      </c>
    </row>
    <row r="26661" spans="1:43">
      <c r="A26661" t="s">
        <v>16495</v>
      </c>
      <c r="B26661" t="s">
        <v>16496</v>
      </c>
      <c r="C26661" t="s">
        <v>16473</v>
      </c>
      <c r="D26661" t="s">
        <v>16474</v>
      </c>
      <c r="E26661" t="s">
        <v>16459</v>
      </c>
      <c r="F26661" t="s">
        <v>16460</v>
      </c>
      <c r="G26661" t="s">
        <v>10734</v>
      </c>
      <c r="H26661" t="s">
        <v>10735</v>
      </c>
      <c r="I26661" s="2">
        <v>1</v>
      </c>
      <c r="J26661" s="2">
        <v>0</v>
      </c>
      <c r="K26661" s="2">
        <v>0</v>
      </c>
      <c r="L26661" t="s">
        <v>120</v>
      </c>
      <c r="M26661" t="s">
        <v>83</v>
      </c>
      <c r="N26661" t="s">
        <v>91</v>
      </c>
      <c r="O26661" t="s">
        <v>85</v>
      </c>
      <c r="P26661" t="s">
        <v>86</v>
      </c>
      <c r="Q26661">
        <v>38</v>
      </c>
      <c r="R26661">
        <v>39</v>
      </c>
      <c r="S26661">
        <v>40</v>
      </c>
      <c r="T26661">
        <v>42</v>
      </c>
      <c r="U26661">
        <v>43</v>
      </c>
      <c r="V26661">
        <v>44</v>
      </c>
      <c r="W26661">
        <v>45</v>
      </c>
      <c r="X26661">
        <v>46</v>
      </c>
      <c r="Y26661">
        <v>47</v>
      </c>
      <c r="Z26661">
        <v>48</v>
      </c>
      <c r="AA26661">
        <v>49</v>
      </c>
      <c r="AB26661">
        <v>50</v>
      </c>
      <c r="AC26661">
        <v>51</v>
      </c>
      <c r="AD26661">
        <v>53</v>
      </c>
      <c r="AE26661">
        <v>54</v>
      </c>
      <c r="AF26661">
        <v>55</v>
      </c>
      <c r="AG26661">
        <v>56</v>
      </c>
      <c r="AH26661">
        <v>57</v>
      </c>
      <c r="AI26661">
        <v>58</v>
      </c>
      <c r="AJ26661">
        <v>59</v>
      </c>
      <c r="AK26661">
        <v>61</v>
      </c>
      <c r="AL26661">
        <v>61</v>
      </c>
      <c r="AM26661">
        <v>62</v>
      </c>
      <c r="AN26661">
        <v>63</v>
      </c>
      <c r="AO26661">
        <v>63</v>
      </c>
      <c r="AP26661">
        <v>64</v>
      </c>
      <c r="AQ26661">
        <v>64</v>
      </c>
    </row>
    <row r="26662" spans="1:43">
      <c r="A26662" t="s">
        <v>16497</v>
      </c>
      <c r="B26662" t="s">
        <v>16498</v>
      </c>
      <c r="C26662" t="s">
        <v>16473</v>
      </c>
      <c r="D26662" t="s">
        <v>16474</v>
      </c>
      <c r="E26662" t="s">
        <v>16459</v>
      </c>
      <c r="F26662" t="s">
        <v>16460</v>
      </c>
      <c r="G26662" t="s">
        <v>10734</v>
      </c>
      <c r="H26662" t="s">
        <v>10735</v>
      </c>
      <c r="I26662" s="2">
        <v>1</v>
      </c>
      <c r="J26662" s="2">
        <v>0</v>
      </c>
      <c r="K26662" s="2">
        <v>0</v>
      </c>
      <c r="L26662" t="s">
        <v>120</v>
      </c>
      <c r="M26662" t="s">
        <v>83</v>
      </c>
      <c r="N26662" t="s">
        <v>84</v>
      </c>
      <c r="O26662" t="s">
        <v>85</v>
      </c>
      <c r="P26662" t="s">
        <v>86</v>
      </c>
      <c r="Q26662">
        <v>27</v>
      </c>
      <c r="R26662">
        <v>28</v>
      </c>
      <c r="S26662">
        <v>28</v>
      </c>
      <c r="T26662">
        <v>29</v>
      </c>
      <c r="U26662">
        <v>30</v>
      </c>
      <c r="V26662">
        <v>31</v>
      </c>
      <c r="W26662">
        <v>31</v>
      </c>
      <c r="X26662">
        <v>32</v>
      </c>
      <c r="Y26662">
        <v>33</v>
      </c>
      <c r="Z26662">
        <v>34</v>
      </c>
      <c r="AA26662">
        <v>34</v>
      </c>
      <c r="AB26662">
        <v>35</v>
      </c>
      <c r="AC26662">
        <v>36</v>
      </c>
      <c r="AD26662">
        <v>37</v>
      </c>
      <c r="AE26662">
        <v>38</v>
      </c>
      <c r="AF26662">
        <v>38</v>
      </c>
      <c r="AG26662">
        <v>39</v>
      </c>
      <c r="AH26662">
        <v>40</v>
      </c>
      <c r="AI26662">
        <v>41</v>
      </c>
      <c r="AJ26662">
        <v>42</v>
      </c>
      <c r="AK26662">
        <v>42</v>
      </c>
      <c r="AL26662">
        <v>43</v>
      </c>
      <c r="AM26662">
        <v>43</v>
      </c>
      <c r="AN26662">
        <v>44</v>
      </c>
      <c r="AO26662">
        <v>44</v>
      </c>
      <c r="AP26662">
        <v>45</v>
      </c>
      <c r="AQ26662">
        <v>45</v>
      </c>
    </row>
    <row r="26663" spans="1:43">
      <c r="A26663" t="s">
        <v>16497</v>
      </c>
      <c r="B26663" t="s">
        <v>16498</v>
      </c>
      <c r="C26663" t="s">
        <v>16473</v>
      </c>
      <c r="D26663" t="s">
        <v>16474</v>
      </c>
      <c r="E26663" t="s">
        <v>16459</v>
      </c>
      <c r="F26663" t="s">
        <v>16460</v>
      </c>
      <c r="G26663" t="s">
        <v>10734</v>
      </c>
      <c r="H26663" t="s">
        <v>10735</v>
      </c>
      <c r="I26663" s="2">
        <v>1</v>
      </c>
      <c r="J26663" s="2">
        <v>0</v>
      </c>
      <c r="K26663" s="2">
        <v>0</v>
      </c>
      <c r="L26663" t="s">
        <v>120</v>
      </c>
      <c r="M26663" t="s">
        <v>87</v>
      </c>
      <c r="N26663" t="s">
        <v>88</v>
      </c>
      <c r="O26663" t="s">
        <v>85</v>
      </c>
      <c r="P26663" t="s">
        <v>86</v>
      </c>
      <c r="Q26663">
        <v>27</v>
      </c>
      <c r="R26663">
        <v>27</v>
      </c>
      <c r="S26663">
        <v>28</v>
      </c>
      <c r="T26663">
        <v>28</v>
      </c>
      <c r="U26663">
        <v>29</v>
      </c>
      <c r="V26663">
        <v>29</v>
      </c>
      <c r="W26663">
        <v>29</v>
      </c>
      <c r="X26663">
        <v>30</v>
      </c>
      <c r="Y26663">
        <v>30</v>
      </c>
      <c r="Z26663">
        <v>31</v>
      </c>
      <c r="AA26663">
        <v>31</v>
      </c>
      <c r="AB26663">
        <v>32</v>
      </c>
      <c r="AC26663">
        <v>32</v>
      </c>
      <c r="AD26663">
        <v>33</v>
      </c>
      <c r="AE26663">
        <v>33</v>
      </c>
      <c r="AF26663">
        <v>34</v>
      </c>
      <c r="AG26663">
        <v>34</v>
      </c>
      <c r="AH26663">
        <v>35</v>
      </c>
      <c r="AI26663">
        <v>35</v>
      </c>
      <c r="AJ26663">
        <v>36</v>
      </c>
      <c r="AK26663">
        <v>36</v>
      </c>
      <c r="AL26663">
        <v>37</v>
      </c>
      <c r="AM26663">
        <v>37</v>
      </c>
      <c r="AN26663">
        <v>38</v>
      </c>
      <c r="AO26663">
        <v>38</v>
      </c>
      <c r="AP26663">
        <v>39</v>
      </c>
      <c r="AQ26663">
        <v>39</v>
      </c>
    </row>
    <row r="26664" spans="1:43">
      <c r="A26664" t="s">
        <v>16497</v>
      </c>
      <c r="B26664" t="s">
        <v>16498</v>
      </c>
      <c r="C26664" t="s">
        <v>16473</v>
      </c>
      <c r="D26664" t="s">
        <v>16474</v>
      </c>
      <c r="E26664" t="s">
        <v>16459</v>
      </c>
      <c r="F26664" t="s">
        <v>16460</v>
      </c>
      <c r="G26664" t="s">
        <v>10734</v>
      </c>
      <c r="H26664" t="s">
        <v>10735</v>
      </c>
      <c r="I26664" s="2">
        <v>1</v>
      </c>
      <c r="J26664" s="2">
        <v>0</v>
      </c>
      <c r="K26664" s="2">
        <v>0</v>
      </c>
      <c r="L26664" t="s">
        <v>120</v>
      </c>
      <c r="M26664" t="s">
        <v>89</v>
      </c>
      <c r="N26664" t="s">
        <v>90</v>
      </c>
      <c r="O26664" t="s">
        <v>85</v>
      </c>
      <c r="P26664" t="s">
        <v>86</v>
      </c>
      <c r="Q26664">
        <v>27</v>
      </c>
      <c r="R26664">
        <v>28</v>
      </c>
      <c r="S26664">
        <v>29</v>
      </c>
      <c r="T26664">
        <v>30</v>
      </c>
      <c r="U26664">
        <v>31</v>
      </c>
      <c r="V26664">
        <v>32</v>
      </c>
      <c r="W26664">
        <v>33</v>
      </c>
      <c r="X26664">
        <v>34</v>
      </c>
      <c r="Y26664">
        <v>35</v>
      </c>
      <c r="Z26664">
        <v>36</v>
      </c>
      <c r="AA26664">
        <v>37</v>
      </c>
      <c r="AB26664">
        <v>38</v>
      </c>
      <c r="AC26664">
        <v>39</v>
      </c>
      <c r="AD26664">
        <v>39</v>
      </c>
      <c r="AE26664">
        <v>40</v>
      </c>
      <c r="AF26664">
        <v>41</v>
      </c>
      <c r="AG26664">
        <v>41</v>
      </c>
      <c r="AH26664">
        <v>42</v>
      </c>
      <c r="AI26664">
        <v>42</v>
      </c>
      <c r="AJ26664">
        <v>42</v>
      </c>
      <c r="AK26664">
        <v>43</v>
      </c>
      <c r="AL26664">
        <v>43</v>
      </c>
      <c r="AM26664">
        <v>44</v>
      </c>
      <c r="AN26664">
        <v>44</v>
      </c>
      <c r="AO26664">
        <v>45</v>
      </c>
      <c r="AP26664">
        <v>45</v>
      </c>
      <c r="AQ26664">
        <v>45</v>
      </c>
    </row>
    <row r="26665" spans="1:43">
      <c r="A26665" t="s">
        <v>16497</v>
      </c>
      <c r="B26665" t="s">
        <v>16498</v>
      </c>
      <c r="C26665" t="s">
        <v>16473</v>
      </c>
      <c r="D26665" t="s">
        <v>16474</v>
      </c>
      <c r="E26665" t="s">
        <v>16459</v>
      </c>
      <c r="F26665" t="s">
        <v>16460</v>
      </c>
      <c r="G26665" t="s">
        <v>10734</v>
      </c>
      <c r="H26665" t="s">
        <v>10735</v>
      </c>
      <c r="I26665" s="2">
        <v>1</v>
      </c>
      <c r="J26665" s="2">
        <v>0</v>
      </c>
      <c r="K26665" s="2">
        <v>0</v>
      </c>
      <c r="L26665" t="s">
        <v>120</v>
      </c>
      <c r="M26665" t="s">
        <v>83</v>
      </c>
      <c r="N26665" t="s">
        <v>91</v>
      </c>
      <c r="O26665" t="s">
        <v>85</v>
      </c>
      <c r="P26665" t="s">
        <v>86</v>
      </c>
      <c r="Q26665">
        <v>27</v>
      </c>
      <c r="R26665">
        <v>28</v>
      </c>
      <c r="S26665">
        <v>28</v>
      </c>
      <c r="T26665">
        <v>29</v>
      </c>
      <c r="U26665">
        <v>30</v>
      </c>
      <c r="V26665">
        <v>31</v>
      </c>
      <c r="W26665">
        <v>31</v>
      </c>
      <c r="X26665">
        <v>32</v>
      </c>
      <c r="Y26665">
        <v>33</v>
      </c>
      <c r="Z26665">
        <v>34</v>
      </c>
      <c r="AA26665">
        <v>34</v>
      </c>
      <c r="AB26665">
        <v>35</v>
      </c>
      <c r="AC26665">
        <v>36</v>
      </c>
      <c r="AD26665">
        <v>37</v>
      </c>
      <c r="AE26665">
        <v>38</v>
      </c>
      <c r="AF26665">
        <v>38</v>
      </c>
      <c r="AG26665">
        <v>39</v>
      </c>
      <c r="AH26665">
        <v>40</v>
      </c>
      <c r="AI26665">
        <v>41</v>
      </c>
      <c r="AJ26665">
        <v>42</v>
      </c>
      <c r="AK26665">
        <v>42</v>
      </c>
      <c r="AL26665">
        <v>43</v>
      </c>
      <c r="AM26665">
        <v>43</v>
      </c>
      <c r="AN26665">
        <v>44</v>
      </c>
      <c r="AO26665">
        <v>44</v>
      </c>
      <c r="AP26665">
        <v>45</v>
      </c>
      <c r="AQ26665">
        <v>45</v>
      </c>
    </row>
    <row r="26666" spans="1:43">
      <c r="A26666" t="s">
        <v>16499</v>
      </c>
      <c r="B26666" t="s">
        <v>16500</v>
      </c>
      <c r="C26666" t="s">
        <v>16501</v>
      </c>
      <c r="D26666" t="s">
        <v>16502</v>
      </c>
      <c r="E26666" t="s">
        <v>16459</v>
      </c>
      <c r="F26666" t="s">
        <v>16460</v>
      </c>
      <c r="G26666" t="s">
        <v>10734</v>
      </c>
      <c r="H26666" t="s">
        <v>10735</v>
      </c>
      <c r="I26666" s="2">
        <v>1</v>
      </c>
      <c r="J26666" s="2">
        <v>0</v>
      </c>
      <c r="K26666" s="2">
        <v>0</v>
      </c>
      <c r="L26666" t="s">
        <v>120</v>
      </c>
      <c r="M26666" t="s">
        <v>83</v>
      </c>
      <c r="N26666" t="s">
        <v>84</v>
      </c>
      <c r="O26666" t="s">
        <v>85</v>
      </c>
      <c r="P26666" t="s">
        <v>86</v>
      </c>
      <c r="Q26666">
        <v>13</v>
      </c>
      <c r="R26666">
        <v>13</v>
      </c>
      <c r="S26666">
        <v>14</v>
      </c>
      <c r="T26666">
        <v>14</v>
      </c>
      <c r="U26666">
        <v>14</v>
      </c>
      <c r="V26666">
        <v>15</v>
      </c>
      <c r="W26666">
        <v>15</v>
      </c>
      <c r="X26666">
        <v>15</v>
      </c>
      <c r="Y26666">
        <v>16</v>
      </c>
      <c r="Z26666">
        <v>16</v>
      </c>
      <c r="AA26666">
        <v>17</v>
      </c>
      <c r="AB26666">
        <v>17</v>
      </c>
      <c r="AC26666">
        <v>17</v>
      </c>
      <c r="AD26666">
        <v>18</v>
      </c>
      <c r="AE26666">
        <v>18</v>
      </c>
      <c r="AF26666">
        <v>18</v>
      </c>
      <c r="AG26666">
        <v>19</v>
      </c>
      <c r="AH26666">
        <v>19</v>
      </c>
      <c r="AI26666">
        <v>20</v>
      </c>
      <c r="AJ26666">
        <v>20</v>
      </c>
      <c r="AK26666">
        <v>20</v>
      </c>
      <c r="AL26666">
        <v>21</v>
      </c>
      <c r="AM26666">
        <v>21</v>
      </c>
      <c r="AN26666">
        <v>21</v>
      </c>
      <c r="AO26666">
        <v>21</v>
      </c>
      <c r="AP26666">
        <v>21</v>
      </c>
      <c r="AQ26666">
        <v>22</v>
      </c>
    </row>
    <row r="26667" spans="1:43">
      <c r="A26667" t="s">
        <v>16499</v>
      </c>
      <c r="B26667" t="s">
        <v>16500</v>
      </c>
      <c r="C26667" t="s">
        <v>16501</v>
      </c>
      <c r="D26667" t="s">
        <v>16502</v>
      </c>
      <c r="E26667" t="s">
        <v>16459</v>
      </c>
      <c r="F26667" t="s">
        <v>16460</v>
      </c>
      <c r="G26667" t="s">
        <v>10734</v>
      </c>
      <c r="H26667" t="s">
        <v>10735</v>
      </c>
      <c r="I26667" s="2">
        <v>1</v>
      </c>
      <c r="J26667" s="2">
        <v>0</v>
      </c>
      <c r="K26667" s="2">
        <v>0</v>
      </c>
      <c r="L26667" t="s">
        <v>120</v>
      </c>
      <c r="M26667" t="s">
        <v>87</v>
      </c>
      <c r="N26667" t="s">
        <v>88</v>
      </c>
      <c r="O26667" t="s">
        <v>85</v>
      </c>
      <c r="P26667" t="s">
        <v>86</v>
      </c>
      <c r="Q26667">
        <v>13</v>
      </c>
      <c r="R26667">
        <v>13</v>
      </c>
      <c r="S26667">
        <v>13</v>
      </c>
      <c r="T26667">
        <v>13</v>
      </c>
      <c r="U26667">
        <v>14</v>
      </c>
      <c r="V26667">
        <v>14</v>
      </c>
      <c r="W26667">
        <v>14</v>
      </c>
      <c r="X26667">
        <v>14</v>
      </c>
      <c r="Y26667">
        <v>15</v>
      </c>
      <c r="Z26667">
        <v>15</v>
      </c>
      <c r="AA26667">
        <v>15</v>
      </c>
      <c r="AB26667">
        <v>15</v>
      </c>
      <c r="AC26667">
        <v>16</v>
      </c>
      <c r="AD26667">
        <v>16</v>
      </c>
      <c r="AE26667">
        <v>16</v>
      </c>
      <c r="AF26667">
        <v>16</v>
      </c>
      <c r="AG26667">
        <v>16</v>
      </c>
      <c r="AH26667">
        <v>17</v>
      </c>
      <c r="AI26667">
        <v>17</v>
      </c>
      <c r="AJ26667">
        <v>17</v>
      </c>
      <c r="AK26667">
        <v>17</v>
      </c>
      <c r="AL26667">
        <v>18</v>
      </c>
      <c r="AM26667">
        <v>18</v>
      </c>
      <c r="AN26667">
        <v>18</v>
      </c>
      <c r="AO26667">
        <v>18</v>
      </c>
      <c r="AP26667">
        <v>19</v>
      </c>
      <c r="AQ26667">
        <v>19</v>
      </c>
    </row>
    <row r="26668" spans="1:43">
      <c r="A26668" t="s">
        <v>16499</v>
      </c>
      <c r="B26668" t="s">
        <v>16500</v>
      </c>
      <c r="C26668" t="s">
        <v>16501</v>
      </c>
      <c r="D26668" t="s">
        <v>16502</v>
      </c>
      <c r="E26668" t="s">
        <v>16459</v>
      </c>
      <c r="F26668" t="s">
        <v>16460</v>
      </c>
      <c r="G26668" t="s">
        <v>10734</v>
      </c>
      <c r="H26668" t="s">
        <v>10735</v>
      </c>
      <c r="I26668" s="2">
        <v>1</v>
      </c>
      <c r="J26668" s="2">
        <v>0</v>
      </c>
      <c r="K26668" s="2">
        <v>0</v>
      </c>
      <c r="L26668" t="s">
        <v>120</v>
      </c>
      <c r="M26668" t="s">
        <v>89</v>
      </c>
      <c r="N26668" t="s">
        <v>90</v>
      </c>
      <c r="O26668" t="s">
        <v>85</v>
      </c>
      <c r="P26668" t="s">
        <v>86</v>
      </c>
      <c r="Q26668">
        <v>13</v>
      </c>
      <c r="R26668">
        <v>14</v>
      </c>
      <c r="S26668">
        <v>14</v>
      </c>
      <c r="T26668">
        <v>14</v>
      </c>
      <c r="U26668">
        <v>15</v>
      </c>
      <c r="V26668">
        <v>15</v>
      </c>
      <c r="W26668">
        <v>16</v>
      </c>
      <c r="X26668">
        <v>16</v>
      </c>
      <c r="Y26668">
        <v>17</v>
      </c>
      <c r="Z26668">
        <v>17</v>
      </c>
      <c r="AA26668">
        <v>18</v>
      </c>
      <c r="AB26668">
        <v>18</v>
      </c>
      <c r="AC26668">
        <v>19</v>
      </c>
      <c r="AD26668">
        <v>19</v>
      </c>
      <c r="AE26668">
        <v>19</v>
      </c>
      <c r="AF26668">
        <v>20</v>
      </c>
      <c r="AG26668">
        <v>20</v>
      </c>
      <c r="AH26668">
        <v>20</v>
      </c>
      <c r="AI26668">
        <v>20</v>
      </c>
      <c r="AJ26668">
        <v>20</v>
      </c>
      <c r="AK26668">
        <v>21</v>
      </c>
      <c r="AL26668">
        <v>21</v>
      </c>
      <c r="AM26668">
        <v>21</v>
      </c>
      <c r="AN26668">
        <v>21</v>
      </c>
      <c r="AO26668">
        <v>21</v>
      </c>
      <c r="AP26668">
        <v>22</v>
      </c>
      <c r="AQ26668">
        <v>22</v>
      </c>
    </row>
    <row r="26669" spans="1:43">
      <c r="A26669" t="s">
        <v>16499</v>
      </c>
      <c r="B26669" t="s">
        <v>16500</v>
      </c>
      <c r="C26669" t="s">
        <v>16501</v>
      </c>
      <c r="D26669" t="s">
        <v>16502</v>
      </c>
      <c r="E26669" t="s">
        <v>16459</v>
      </c>
      <c r="F26669" t="s">
        <v>16460</v>
      </c>
      <c r="G26669" t="s">
        <v>10734</v>
      </c>
      <c r="H26669" t="s">
        <v>10735</v>
      </c>
      <c r="I26669" s="2">
        <v>1</v>
      </c>
      <c r="J26669" s="2">
        <v>0</v>
      </c>
      <c r="K26669" s="2">
        <v>0</v>
      </c>
      <c r="L26669" t="s">
        <v>120</v>
      </c>
      <c r="M26669" t="s">
        <v>83</v>
      </c>
      <c r="N26669" t="s">
        <v>91</v>
      </c>
      <c r="O26669" t="s">
        <v>85</v>
      </c>
      <c r="P26669" t="s">
        <v>86</v>
      </c>
      <c r="Q26669">
        <v>13</v>
      </c>
      <c r="R26669">
        <v>13</v>
      </c>
      <c r="S26669">
        <v>14</v>
      </c>
      <c r="T26669">
        <v>14</v>
      </c>
      <c r="U26669">
        <v>14</v>
      </c>
      <c r="V26669">
        <v>15</v>
      </c>
      <c r="W26669">
        <v>15</v>
      </c>
      <c r="X26669">
        <v>15</v>
      </c>
      <c r="Y26669">
        <v>16</v>
      </c>
      <c r="Z26669">
        <v>16</v>
      </c>
      <c r="AA26669">
        <v>17</v>
      </c>
      <c r="AB26669">
        <v>17</v>
      </c>
      <c r="AC26669">
        <v>17</v>
      </c>
      <c r="AD26669">
        <v>18</v>
      </c>
      <c r="AE26669">
        <v>18</v>
      </c>
      <c r="AF26669">
        <v>18</v>
      </c>
      <c r="AG26669">
        <v>19</v>
      </c>
      <c r="AH26669">
        <v>19</v>
      </c>
      <c r="AI26669">
        <v>20</v>
      </c>
      <c r="AJ26669">
        <v>20</v>
      </c>
      <c r="AK26669">
        <v>20</v>
      </c>
      <c r="AL26669">
        <v>21</v>
      </c>
      <c r="AM26669">
        <v>21</v>
      </c>
      <c r="AN26669">
        <v>21</v>
      </c>
      <c r="AO26669">
        <v>21</v>
      </c>
      <c r="AP26669">
        <v>21</v>
      </c>
      <c r="AQ26669">
        <v>22</v>
      </c>
    </row>
    <row r="26670" spans="1:43">
      <c r="A26670" t="s">
        <v>16503</v>
      </c>
      <c r="B26670" t="s">
        <v>16504</v>
      </c>
      <c r="C26670" t="s">
        <v>16457</v>
      </c>
      <c r="D26670" t="s">
        <v>16458</v>
      </c>
      <c r="E26670" t="s">
        <v>16459</v>
      </c>
      <c r="F26670" t="s">
        <v>16460</v>
      </c>
      <c r="G26670" t="s">
        <v>10734</v>
      </c>
      <c r="H26670" t="s">
        <v>10735</v>
      </c>
      <c r="I26670" s="2">
        <v>1</v>
      </c>
      <c r="J26670" s="2">
        <v>0</v>
      </c>
      <c r="K26670" s="2">
        <v>0</v>
      </c>
      <c r="L26670" t="s">
        <v>120</v>
      </c>
      <c r="M26670" t="s">
        <v>83</v>
      </c>
      <c r="N26670" t="s">
        <v>84</v>
      </c>
      <c r="O26670" t="s">
        <v>85</v>
      </c>
      <c r="P26670" t="s">
        <v>86</v>
      </c>
      <c r="Q26670">
        <v>20</v>
      </c>
      <c r="R26670">
        <v>21</v>
      </c>
      <c r="S26670">
        <v>21</v>
      </c>
      <c r="T26670">
        <v>22</v>
      </c>
      <c r="U26670">
        <v>22</v>
      </c>
      <c r="V26670">
        <v>23</v>
      </c>
      <c r="W26670">
        <v>23</v>
      </c>
      <c r="X26670">
        <v>24</v>
      </c>
      <c r="Y26670">
        <v>25</v>
      </c>
      <c r="Z26670">
        <v>25</v>
      </c>
      <c r="AA26670">
        <v>26</v>
      </c>
      <c r="AB26670">
        <v>26</v>
      </c>
      <c r="AC26670">
        <v>27</v>
      </c>
      <c r="AD26670">
        <v>28</v>
      </c>
      <c r="AE26670">
        <v>28</v>
      </c>
      <c r="AF26670">
        <v>29</v>
      </c>
      <c r="AG26670">
        <v>29</v>
      </c>
      <c r="AH26670">
        <v>30</v>
      </c>
      <c r="AI26670">
        <v>31</v>
      </c>
      <c r="AJ26670">
        <v>31</v>
      </c>
      <c r="AK26670">
        <v>32</v>
      </c>
      <c r="AL26670">
        <v>32</v>
      </c>
      <c r="AM26670">
        <v>32</v>
      </c>
      <c r="AN26670">
        <v>33</v>
      </c>
      <c r="AO26670">
        <v>33</v>
      </c>
      <c r="AP26670">
        <v>33</v>
      </c>
      <c r="AQ26670">
        <v>34</v>
      </c>
    </row>
    <row r="26671" spans="1:43">
      <c r="A26671" t="s">
        <v>16503</v>
      </c>
      <c r="B26671" t="s">
        <v>16504</v>
      </c>
      <c r="C26671" t="s">
        <v>16457</v>
      </c>
      <c r="D26671" t="s">
        <v>16458</v>
      </c>
      <c r="E26671" t="s">
        <v>16459</v>
      </c>
      <c r="F26671" t="s">
        <v>16460</v>
      </c>
      <c r="G26671" t="s">
        <v>10734</v>
      </c>
      <c r="H26671" t="s">
        <v>10735</v>
      </c>
      <c r="I26671" s="2">
        <v>1</v>
      </c>
      <c r="J26671" s="2">
        <v>0</v>
      </c>
      <c r="K26671" s="2">
        <v>0</v>
      </c>
      <c r="L26671" t="s">
        <v>120</v>
      </c>
      <c r="M26671" t="s">
        <v>87</v>
      </c>
      <c r="N26671" t="s">
        <v>88</v>
      </c>
      <c r="O26671" t="s">
        <v>85</v>
      </c>
      <c r="P26671" t="s">
        <v>86</v>
      </c>
      <c r="Q26671">
        <v>20</v>
      </c>
      <c r="R26671">
        <v>20</v>
      </c>
      <c r="S26671">
        <v>21</v>
      </c>
      <c r="T26671">
        <v>21</v>
      </c>
      <c r="U26671">
        <v>21</v>
      </c>
      <c r="V26671">
        <v>22</v>
      </c>
      <c r="W26671">
        <v>22</v>
      </c>
      <c r="X26671">
        <v>22</v>
      </c>
      <c r="Y26671">
        <v>23</v>
      </c>
      <c r="Z26671">
        <v>23</v>
      </c>
      <c r="AA26671">
        <v>23</v>
      </c>
      <c r="AB26671">
        <v>24</v>
      </c>
      <c r="AC26671">
        <v>24</v>
      </c>
      <c r="AD26671">
        <v>25</v>
      </c>
      <c r="AE26671">
        <v>25</v>
      </c>
      <c r="AF26671">
        <v>25</v>
      </c>
      <c r="AG26671">
        <v>26</v>
      </c>
      <c r="AH26671">
        <v>26</v>
      </c>
      <c r="AI26671">
        <v>26</v>
      </c>
      <c r="AJ26671">
        <v>27</v>
      </c>
      <c r="AK26671">
        <v>27</v>
      </c>
      <c r="AL26671">
        <v>27</v>
      </c>
      <c r="AM26671">
        <v>28</v>
      </c>
      <c r="AN26671">
        <v>28</v>
      </c>
      <c r="AO26671">
        <v>28</v>
      </c>
      <c r="AP26671">
        <v>29</v>
      </c>
      <c r="AQ26671">
        <v>29</v>
      </c>
    </row>
    <row r="26672" spans="1:43">
      <c r="A26672" t="s">
        <v>16503</v>
      </c>
      <c r="B26672" t="s">
        <v>16504</v>
      </c>
      <c r="C26672" t="s">
        <v>16457</v>
      </c>
      <c r="D26672" t="s">
        <v>16458</v>
      </c>
      <c r="E26672" t="s">
        <v>16459</v>
      </c>
      <c r="F26672" t="s">
        <v>16460</v>
      </c>
      <c r="G26672" t="s">
        <v>10734</v>
      </c>
      <c r="H26672" t="s">
        <v>10735</v>
      </c>
      <c r="I26672" s="2">
        <v>1</v>
      </c>
      <c r="J26672" s="2">
        <v>0</v>
      </c>
      <c r="K26672" s="2">
        <v>0</v>
      </c>
      <c r="L26672" t="s">
        <v>120</v>
      </c>
      <c r="M26672" t="s">
        <v>89</v>
      </c>
      <c r="N26672" t="s">
        <v>90</v>
      </c>
      <c r="O26672" t="s">
        <v>85</v>
      </c>
      <c r="P26672" t="s">
        <v>86</v>
      </c>
      <c r="Q26672">
        <v>20</v>
      </c>
      <c r="R26672">
        <v>21</v>
      </c>
      <c r="S26672">
        <v>22</v>
      </c>
      <c r="T26672">
        <v>22</v>
      </c>
      <c r="U26672">
        <v>23</v>
      </c>
      <c r="V26672">
        <v>24</v>
      </c>
      <c r="W26672">
        <v>25</v>
      </c>
      <c r="X26672">
        <v>25</v>
      </c>
      <c r="Y26672">
        <v>26</v>
      </c>
      <c r="Z26672">
        <v>27</v>
      </c>
      <c r="AA26672">
        <v>27</v>
      </c>
      <c r="AB26672">
        <v>28</v>
      </c>
      <c r="AC26672">
        <v>29</v>
      </c>
      <c r="AD26672">
        <v>30</v>
      </c>
      <c r="AE26672">
        <v>30</v>
      </c>
      <c r="AF26672">
        <v>31</v>
      </c>
      <c r="AG26672">
        <v>31</v>
      </c>
      <c r="AH26672">
        <v>31</v>
      </c>
      <c r="AI26672">
        <v>32</v>
      </c>
      <c r="AJ26672">
        <v>32</v>
      </c>
      <c r="AK26672">
        <v>32</v>
      </c>
      <c r="AL26672">
        <v>32</v>
      </c>
      <c r="AM26672">
        <v>33</v>
      </c>
      <c r="AN26672">
        <v>33</v>
      </c>
      <c r="AO26672">
        <v>33</v>
      </c>
      <c r="AP26672">
        <v>34</v>
      </c>
      <c r="AQ26672">
        <v>34</v>
      </c>
    </row>
    <row r="26673" spans="1:43">
      <c r="A26673" t="s">
        <v>16503</v>
      </c>
      <c r="B26673" t="s">
        <v>16504</v>
      </c>
      <c r="C26673" t="s">
        <v>16457</v>
      </c>
      <c r="D26673" t="s">
        <v>16458</v>
      </c>
      <c r="E26673" t="s">
        <v>16459</v>
      </c>
      <c r="F26673" t="s">
        <v>16460</v>
      </c>
      <c r="G26673" t="s">
        <v>10734</v>
      </c>
      <c r="H26673" t="s">
        <v>10735</v>
      </c>
      <c r="I26673" s="2">
        <v>1</v>
      </c>
      <c r="J26673" s="2">
        <v>0</v>
      </c>
      <c r="K26673" s="2">
        <v>0</v>
      </c>
      <c r="L26673" t="s">
        <v>120</v>
      </c>
      <c r="M26673" t="s">
        <v>83</v>
      </c>
      <c r="N26673" t="s">
        <v>91</v>
      </c>
      <c r="O26673" t="s">
        <v>85</v>
      </c>
      <c r="P26673" t="s">
        <v>86</v>
      </c>
      <c r="Q26673">
        <v>20</v>
      </c>
      <c r="R26673">
        <v>21</v>
      </c>
      <c r="S26673">
        <v>21</v>
      </c>
      <c r="T26673">
        <v>22</v>
      </c>
      <c r="U26673">
        <v>22</v>
      </c>
      <c r="V26673">
        <v>23</v>
      </c>
      <c r="W26673">
        <v>23</v>
      </c>
      <c r="X26673">
        <v>24</v>
      </c>
      <c r="Y26673">
        <v>25</v>
      </c>
      <c r="Z26673">
        <v>25</v>
      </c>
      <c r="AA26673">
        <v>26</v>
      </c>
      <c r="AB26673">
        <v>26</v>
      </c>
      <c r="AC26673">
        <v>27</v>
      </c>
      <c r="AD26673">
        <v>28</v>
      </c>
      <c r="AE26673">
        <v>28</v>
      </c>
      <c r="AF26673">
        <v>29</v>
      </c>
      <c r="AG26673">
        <v>29</v>
      </c>
      <c r="AH26673">
        <v>30</v>
      </c>
      <c r="AI26673">
        <v>31</v>
      </c>
      <c r="AJ26673">
        <v>31</v>
      </c>
      <c r="AK26673">
        <v>32</v>
      </c>
      <c r="AL26673">
        <v>32</v>
      </c>
      <c r="AM26673">
        <v>32</v>
      </c>
      <c r="AN26673">
        <v>33</v>
      </c>
      <c r="AO26673">
        <v>33</v>
      </c>
      <c r="AP26673">
        <v>33</v>
      </c>
      <c r="AQ26673">
        <v>34</v>
      </c>
    </row>
    <row r="26674" spans="1:43">
      <c r="A26674" t="s">
        <v>16505</v>
      </c>
      <c r="B26674" t="s">
        <v>16506</v>
      </c>
      <c r="C26674" t="s">
        <v>16501</v>
      </c>
      <c r="D26674" t="s">
        <v>16502</v>
      </c>
      <c r="E26674" t="s">
        <v>16459</v>
      </c>
      <c r="F26674" t="s">
        <v>16460</v>
      </c>
      <c r="G26674" t="s">
        <v>10734</v>
      </c>
      <c r="H26674" t="s">
        <v>10735</v>
      </c>
      <c r="I26674" s="2">
        <v>1</v>
      </c>
      <c r="J26674" s="2">
        <v>0</v>
      </c>
      <c r="K26674" s="2">
        <v>0</v>
      </c>
      <c r="L26674" t="s">
        <v>120</v>
      </c>
      <c r="M26674" t="s">
        <v>83</v>
      </c>
      <c r="N26674" t="s">
        <v>84</v>
      </c>
      <c r="O26674" t="s">
        <v>85</v>
      </c>
      <c r="P26674" t="s">
        <v>86</v>
      </c>
      <c r="Q26674">
        <v>172</v>
      </c>
      <c r="R26674">
        <v>176</v>
      </c>
      <c r="S26674">
        <v>181</v>
      </c>
      <c r="T26674">
        <v>186</v>
      </c>
      <c r="U26674">
        <v>191</v>
      </c>
      <c r="V26674">
        <v>196</v>
      </c>
      <c r="W26674">
        <v>200</v>
      </c>
      <c r="X26674">
        <v>205</v>
      </c>
      <c r="Y26674">
        <v>210</v>
      </c>
      <c r="Z26674">
        <v>215</v>
      </c>
      <c r="AA26674">
        <v>220</v>
      </c>
      <c r="AB26674">
        <v>225</v>
      </c>
      <c r="AC26674">
        <v>230</v>
      </c>
      <c r="AD26674">
        <v>235</v>
      </c>
      <c r="AE26674">
        <v>241</v>
      </c>
      <c r="AF26674">
        <v>246</v>
      </c>
      <c r="AG26674">
        <v>251</v>
      </c>
      <c r="AH26674">
        <v>256</v>
      </c>
      <c r="AI26674">
        <v>262</v>
      </c>
      <c r="AJ26674">
        <v>267</v>
      </c>
      <c r="AK26674">
        <v>272</v>
      </c>
      <c r="AL26674">
        <v>276</v>
      </c>
      <c r="AM26674">
        <v>279</v>
      </c>
      <c r="AN26674">
        <v>282</v>
      </c>
      <c r="AO26674">
        <v>284</v>
      </c>
      <c r="AP26674">
        <v>287</v>
      </c>
      <c r="AQ26674">
        <v>290</v>
      </c>
    </row>
    <row r="26675" spans="1:43">
      <c r="A26675" t="s">
        <v>16505</v>
      </c>
      <c r="B26675" t="s">
        <v>16506</v>
      </c>
      <c r="C26675" t="s">
        <v>16501</v>
      </c>
      <c r="D26675" t="s">
        <v>16502</v>
      </c>
      <c r="E26675" t="s">
        <v>16459</v>
      </c>
      <c r="F26675" t="s">
        <v>16460</v>
      </c>
      <c r="G26675" t="s">
        <v>10734</v>
      </c>
      <c r="H26675" t="s">
        <v>10735</v>
      </c>
      <c r="I26675" s="2">
        <v>1</v>
      </c>
      <c r="J26675" s="2">
        <v>0</v>
      </c>
      <c r="K26675" s="2">
        <v>0</v>
      </c>
      <c r="L26675" t="s">
        <v>120</v>
      </c>
      <c r="M26675" t="s">
        <v>87</v>
      </c>
      <c r="N26675" t="s">
        <v>88</v>
      </c>
      <c r="O26675" t="s">
        <v>85</v>
      </c>
      <c r="P26675" t="s">
        <v>86</v>
      </c>
      <c r="Q26675">
        <v>172</v>
      </c>
      <c r="R26675">
        <v>175</v>
      </c>
      <c r="S26675">
        <v>178</v>
      </c>
      <c r="T26675">
        <v>181</v>
      </c>
      <c r="U26675">
        <v>184</v>
      </c>
      <c r="V26675">
        <v>187</v>
      </c>
      <c r="W26675">
        <v>190</v>
      </c>
      <c r="X26675">
        <v>193</v>
      </c>
      <c r="Y26675">
        <v>197</v>
      </c>
      <c r="Z26675">
        <v>200</v>
      </c>
      <c r="AA26675">
        <v>203</v>
      </c>
      <c r="AB26675">
        <v>206</v>
      </c>
      <c r="AC26675">
        <v>209</v>
      </c>
      <c r="AD26675">
        <v>212</v>
      </c>
      <c r="AE26675">
        <v>215</v>
      </c>
      <c r="AF26675">
        <v>219</v>
      </c>
      <c r="AG26675">
        <v>222</v>
      </c>
      <c r="AH26675">
        <v>225</v>
      </c>
      <c r="AI26675">
        <v>228</v>
      </c>
      <c r="AJ26675">
        <v>231</v>
      </c>
      <c r="AK26675">
        <v>234</v>
      </c>
      <c r="AL26675">
        <v>238</v>
      </c>
      <c r="AM26675">
        <v>241</v>
      </c>
      <c r="AN26675">
        <v>244</v>
      </c>
      <c r="AO26675">
        <v>247</v>
      </c>
      <c r="AP26675">
        <v>250</v>
      </c>
      <c r="AQ26675">
        <v>253</v>
      </c>
    </row>
    <row r="26676" spans="1:43">
      <c r="A26676" t="s">
        <v>16505</v>
      </c>
      <c r="B26676" t="s">
        <v>16506</v>
      </c>
      <c r="C26676" t="s">
        <v>16501</v>
      </c>
      <c r="D26676" t="s">
        <v>16502</v>
      </c>
      <c r="E26676" t="s">
        <v>16459</v>
      </c>
      <c r="F26676" t="s">
        <v>16460</v>
      </c>
      <c r="G26676" t="s">
        <v>10734</v>
      </c>
      <c r="H26676" t="s">
        <v>10735</v>
      </c>
      <c r="I26676" s="2">
        <v>1</v>
      </c>
      <c r="J26676" s="2">
        <v>0</v>
      </c>
      <c r="K26676" s="2">
        <v>0</v>
      </c>
      <c r="L26676" t="s">
        <v>120</v>
      </c>
      <c r="M26676" t="s">
        <v>89</v>
      </c>
      <c r="N26676" t="s">
        <v>90</v>
      </c>
      <c r="O26676" t="s">
        <v>85</v>
      </c>
      <c r="P26676" t="s">
        <v>86</v>
      </c>
      <c r="Q26676">
        <v>172</v>
      </c>
      <c r="R26676">
        <v>178</v>
      </c>
      <c r="S26676">
        <v>185</v>
      </c>
      <c r="T26676">
        <v>191</v>
      </c>
      <c r="U26676">
        <v>197</v>
      </c>
      <c r="V26676">
        <v>203</v>
      </c>
      <c r="W26676">
        <v>209</v>
      </c>
      <c r="X26676">
        <v>215</v>
      </c>
      <c r="Y26676">
        <v>221</v>
      </c>
      <c r="Z26676">
        <v>227</v>
      </c>
      <c r="AA26676">
        <v>233</v>
      </c>
      <c r="AB26676">
        <v>239</v>
      </c>
      <c r="AC26676">
        <v>246</v>
      </c>
      <c r="AD26676">
        <v>252</v>
      </c>
      <c r="AE26676">
        <v>257</v>
      </c>
      <c r="AF26676">
        <v>260</v>
      </c>
      <c r="AG26676">
        <v>263</v>
      </c>
      <c r="AH26676">
        <v>267</v>
      </c>
      <c r="AI26676">
        <v>270</v>
      </c>
      <c r="AJ26676">
        <v>273</v>
      </c>
      <c r="AK26676">
        <v>276</v>
      </c>
      <c r="AL26676">
        <v>279</v>
      </c>
      <c r="AM26676">
        <v>282</v>
      </c>
      <c r="AN26676">
        <v>284</v>
      </c>
      <c r="AO26676">
        <v>287</v>
      </c>
      <c r="AP26676">
        <v>290</v>
      </c>
      <c r="AQ26676">
        <v>292</v>
      </c>
    </row>
    <row r="26677" spans="1:43">
      <c r="A26677" t="s">
        <v>16505</v>
      </c>
      <c r="B26677" t="s">
        <v>16506</v>
      </c>
      <c r="C26677" t="s">
        <v>16501</v>
      </c>
      <c r="D26677" t="s">
        <v>16502</v>
      </c>
      <c r="E26677" t="s">
        <v>16459</v>
      </c>
      <c r="F26677" t="s">
        <v>16460</v>
      </c>
      <c r="G26677" t="s">
        <v>10734</v>
      </c>
      <c r="H26677" t="s">
        <v>10735</v>
      </c>
      <c r="I26677" s="2">
        <v>1</v>
      </c>
      <c r="J26677" s="2">
        <v>0</v>
      </c>
      <c r="K26677" s="2">
        <v>0</v>
      </c>
      <c r="L26677" t="s">
        <v>120</v>
      </c>
      <c r="M26677" t="s">
        <v>83</v>
      </c>
      <c r="N26677" t="s">
        <v>91</v>
      </c>
      <c r="O26677" t="s">
        <v>85</v>
      </c>
      <c r="P26677" t="s">
        <v>86</v>
      </c>
      <c r="Q26677">
        <v>172</v>
      </c>
      <c r="R26677">
        <v>176</v>
      </c>
      <c r="S26677">
        <v>181</v>
      </c>
      <c r="T26677">
        <v>186</v>
      </c>
      <c r="U26677">
        <v>191</v>
      </c>
      <c r="V26677">
        <v>196</v>
      </c>
      <c r="W26677">
        <v>200</v>
      </c>
      <c r="X26677">
        <v>205</v>
      </c>
      <c r="Y26677">
        <v>210</v>
      </c>
      <c r="Z26677">
        <v>215</v>
      </c>
      <c r="AA26677">
        <v>220</v>
      </c>
      <c r="AB26677">
        <v>225</v>
      </c>
      <c r="AC26677">
        <v>230</v>
      </c>
      <c r="AD26677">
        <v>235</v>
      </c>
      <c r="AE26677">
        <v>241</v>
      </c>
      <c r="AF26677">
        <v>246</v>
      </c>
      <c r="AG26677">
        <v>251</v>
      </c>
      <c r="AH26677">
        <v>256</v>
      </c>
      <c r="AI26677">
        <v>262</v>
      </c>
      <c r="AJ26677">
        <v>267</v>
      </c>
      <c r="AK26677">
        <v>272</v>
      </c>
      <c r="AL26677">
        <v>276</v>
      </c>
      <c r="AM26677">
        <v>279</v>
      </c>
      <c r="AN26677">
        <v>282</v>
      </c>
      <c r="AO26677">
        <v>284</v>
      </c>
      <c r="AP26677">
        <v>287</v>
      </c>
      <c r="AQ26677">
        <v>290</v>
      </c>
    </row>
    <row r="26678" spans="1:43">
      <c r="A26678" t="s">
        <v>16507</v>
      </c>
      <c r="B26678" t="s">
        <v>16508</v>
      </c>
      <c r="C26678" t="s">
        <v>16457</v>
      </c>
      <c r="D26678" t="s">
        <v>16458</v>
      </c>
      <c r="E26678" t="s">
        <v>16459</v>
      </c>
      <c r="F26678" t="s">
        <v>16460</v>
      </c>
      <c r="G26678" t="s">
        <v>10734</v>
      </c>
      <c r="H26678" t="s">
        <v>10735</v>
      </c>
      <c r="I26678" s="2">
        <v>1</v>
      </c>
      <c r="J26678" s="2">
        <v>0</v>
      </c>
      <c r="K26678" s="2">
        <v>0</v>
      </c>
      <c r="L26678" t="s">
        <v>120</v>
      </c>
      <c r="M26678" t="s">
        <v>83</v>
      </c>
      <c r="N26678" t="s">
        <v>84</v>
      </c>
      <c r="O26678" t="s">
        <v>85</v>
      </c>
      <c r="P26678" t="s">
        <v>86</v>
      </c>
      <c r="Q26678">
        <v>19</v>
      </c>
      <c r="R26678">
        <v>20</v>
      </c>
      <c r="S26678">
        <v>20</v>
      </c>
      <c r="T26678">
        <v>21</v>
      </c>
      <c r="U26678">
        <v>21</v>
      </c>
      <c r="V26678">
        <v>22</v>
      </c>
      <c r="W26678">
        <v>23</v>
      </c>
      <c r="X26678">
        <v>23</v>
      </c>
      <c r="Y26678">
        <v>24</v>
      </c>
      <c r="Z26678">
        <v>24</v>
      </c>
      <c r="AA26678">
        <v>25</v>
      </c>
      <c r="AB26678">
        <v>25</v>
      </c>
      <c r="AC26678">
        <v>26</v>
      </c>
      <c r="AD26678">
        <v>26</v>
      </c>
      <c r="AE26678">
        <v>27</v>
      </c>
      <c r="AF26678">
        <v>28</v>
      </c>
      <c r="AG26678">
        <v>28</v>
      </c>
      <c r="AH26678">
        <v>29</v>
      </c>
      <c r="AI26678">
        <v>29</v>
      </c>
      <c r="AJ26678">
        <v>30</v>
      </c>
      <c r="AK26678">
        <v>31</v>
      </c>
      <c r="AL26678">
        <v>31</v>
      </c>
      <c r="AM26678">
        <v>31</v>
      </c>
      <c r="AN26678">
        <v>32</v>
      </c>
      <c r="AO26678">
        <v>32</v>
      </c>
      <c r="AP26678">
        <v>32</v>
      </c>
      <c r="AQ26678">
        <v>33</v>
      </c>
    </row>
    <row r="26679" spans="1:43">
      <c r="A26679" t="s">
        <v>16507</v>
      </c>
      <c r="B26679" t="s">
        <v>16508</v>
      </c>
      <c r="C26679" t="s">
        <v>16457</v>
      </c>
      <c r="D26679" t="s">
        <v>16458</v>
      </c>
      <c r="E26679" t="s">
        <v>16459</v>
      </c>
      <c r="F26679" t="s">
        <v>16460</v>
      </c>
      <c r="G26679" t="s">
        <v>10734</v>
      </c>
      <c r="H26679" t="s">
        <v>10735</v>
      </c>
      <c r="I26679" s="2">
        <v>1</v>
      </c>
      <c r="J26679" s="2">
        <v>0</v>
      </c>
      <c r="K26679" s="2">
        <v>0</v>
      </c>
      <c r="L26679" t="s">
        <v>120</v>
      </c>
      <c r="M26679" t="s">
        <v>87</v>
      </c>
      <c r="N26679" t="s">
        <v>88</v>
      </c>
      <c r="O26679" t="s">
        <v>85</v>
      </c>
      <c r="P26679" t="s">
        <v>86</v>
      </c>
      <c r="Q26679">
        <v>19</v>
      </c>
      <c r="R26679">
        <v>19</v>
      </c>
      <c r="S26679">
        <v>20</v>
      </c>
      <c r="T26679">
        <v>20</v>
      </c>
      <c r="U26679">
        <v>20</v>
      </c>
      <c r="V26679">
        <v>21</v>
      </c>
      <c r="W26679">
        <v>21</v>
      </c>
      <c r="X26679">
        <v>22</v>
      </c>
      <c r="Y26679">
        <v>22</v>
      </c>
      <c r="Z26679">
        <v>22</v>
      </c>
      <c r="AA26679">
        <v>23</v>
      </c>
      <c r="AB26679">
        <v>23</v>
      </c>
      <c r="AC26679">
        <v>23</v>
      </c>
      <c r="AD26679">
        <v>24</v>
      </c>
      <c r="AE26679">
        <v>24</v>
      </c>
      <c r="AF26679">
        <v>24</v>
      </c>
      <c r="AG26679">
        <v>25</v>
      </c>
      <c r="AH26679">
        <v>25</v>
      </c>
      <c r="AI26679">
        <v>25</v>
      </c>
      <c r="AJ26679">
        <v>26</v>
      </c>
      <c r="AK26679">
        <v>26</v>
      </c>
      <c r="AL26679">
        <v>26</v>
      </c>
      <c r="AM26679">
        <v>27</v>
      </c>
      <c r="AN26679">
        <v>27</v>
      </c>
      <c r="AO26679">
        <v>27</v>
      </c>
      <c r="AP26679">
        <v>28</v>
      </c>
      <c r="AQ26679">
        <v>28</v>
      </c>
    </row>
    <row r="26680" spans="1:43">
      <c r="A26680" t="s">
        <v>16507</v>
      </c>
      <c r="B26680" t="s">
        <v>16508</v>
      </c>
      <c r="C26680" t="s">
        <v>16457</v>
      </c>
      <c r="D26680" t="s">
        <v>16458</v>
      </c>
      <c r="E26680" t="s">
        <v>16459</v>
      </c>
      <c r="F26680" t="s">
        <v>16460</v>
      </c>
      <c r="G26680" t="s">
        <v>10734</v>
      </c>
      <c r="H26680" t="s">
        <v>10735</v>
      </c>
      <c r="I26680" s="2">
        <v>1</v>
      </c>
      <c r="J26680" s="2">
        <v>0</v>
      </c>
      <c r="K26680" s="2">
        <v>0</v>
      </c>
      <c r="L26680" t="s">
        <v>120</v>
      </c>
      <c r="M26680" t="s">
        <v>89</v>
      </c>
      <c r="N26680" t="s">
        <v>90</v>
      </c>
      <c r="O26680" t="s">
        <v>85</v>
      </c>
      <c r="P26680" t="s">
        <v>86</v>
      </c>
      <c r="Q26680">
        <v>19</v>
      </c>
      <c r="R26680">
        <v>20</v>
      </c>
      <c r="S26680">
        <v>21</v>
      </c>
      <c r="T26680">
        <v>22</v>
      </c>
      <c r="U26680">
        <v>22</v>
      </c>
      <c r="V26680">
        <v>23</v>
      </c>
      <c r="W26680">
        <v>24</v>
      </c>
      <c r="X26680">
        <v>24</v>
      </c>
      <c r="Y26680">
        <v>25</v>
      </c>
      <c r="Z26680">
        <v>26</v>
      </c>
      <c r="AA26680">
        <v>26</v>
      </c>
      <c r="AB26680">
        <v>27</v>
      </c>
      <c r="AC26680">
        <v>28</v>
      </c>
      <c r="AD26680">
        <v>28</v>
      </c>
      <c r="AE26680">
        <v>29</v>
      </c>
      <c r="AF26680">
        <v>29</v>
      </c>
      <c r="AG26680">
        <v>30</v>
      </c>
      <c r="AH26680">
        <v>30</v>
      </c>
      <c r="AI26680">
        <v>30</v>
      </c>
      <c r="AJ26680">
        <v>31</v>
      </c>
      <c r="AK26680">
        <v>31</v>
      </c>
      <c r="AL26680">
        <v>31</v>
      </c>
      <c r="AM26680">
        <v>32</v>
      </c>
      <c r="AN26680">
        <v>32</v>
      </c>
      <c r="AO26680">
        <v>32</v>
      </c>
      <c r="AP26680">
        <v>33</v>
      </c>
      <c r="AQ26680">
        <v>33</v>
      </c>
    </row>
    <row r="26681" spans="1:43">
      <c r="A26681" t="s">
        <v>16507</v>
      </c>
      <c r="B26681" t="s">
        <v>16508</v>
      </c>
      <c r="C26681" t="s">
        <v>16457</v>
      </c>
      <c r="D26681" t="s">
        <v>16458</v>
      </c>
      <c r="E26681" t="s">
        <v>16459</v>
      </c>
      <c r="F26681" t="s">
        <v>16460</v>
      </c>
      <c r="G26681" t="s">
        <v>10734</v>
      </c>
      <c r="H26681" t="s">
        <v>10735</v>
      </c>
      <c r="I26681" s="2">
        <v>1</v>
      </c>
      <c r="J26681" s="2">
        <v>0</v>
      </c>
      <c r="K26681" s="2">
        <v>0</v>
      </c>
      <c r="L26681" t="s">
        <v>120</v>
      </c>
      <c r="M26681" t="s">
        <v>83</v>
      </c>
      <c r="N26681" t="s">
        <v>91</v>
      </c>
      <c r="O26681" t="s">
        <v>85</v>
      </c>
      <c r="P26681" t="s">
        <v>86</v>
      </c>
      <c r="Q26681">
        <v>19</v>
      </c>
      <c r="R26681">
        <v>20</v>
      </c>
      <c r="S26681">
        <v>20</v>
      </c>
      <c r="T26681">
        <v>21</v>
      </c>
      <c r="U26681">
        <v>21</v>
      </c>
      <c r="V26681">
        <v>22</v>
      </c>
      <c r="W26681">
        <v>23</v>
      </c>
      <c r="X26681">
        <v>23</v>
      </c>
      <c r="Y26681">
        <v>24</v>
      </c>
      <c r="Z26681">
        <v>24</v>
      </c>
      <c r="AA26681">
        <v>25</v>
      </c>
      <c r="AB26681">
        <v>25</v>
      </c>
      <c r="AC26681">
        <v>26</v>
      </c>
      <c r="AD26681">
        <v>26</v>
      </c>
      <c r="AE26681">
        <v>27</v>
      </c>
      <c r="AF26681">
        <v>28</v>
      </c>
      <c r="AG26681">
        <v>28</v>
      </c>
      <c r="AH26681">
        <v>29</v>
      </c>
      <c r="AI26681">
        <v>29</v>
      </c>
      <c r="AJ26681">
        <v>30</v>
      </c>
      <c r="AK26681">
        <v>31</v>
      </c>
      <c r="AL26681">
        <v>31</v>
      </c>
      <c r="AM26681">
        <v>31</v>
      </c>
      <c r="AN26681">
        <v>32</v>
      </c>
      <c r="AO26681">
        <v>32</v>
      </c>
      <c r="AP26681">
        <v>32</v>
      </c>
      <c r="AQ26681">
        <v>33</v>
      </c>
    </row>
    <row r="26682" spans="1:43">
      <c r="A26682" t="s">
        <v>16509</v>
      </c>
      <c r="B26682" t="s">
        <v>16510</v>
      </c>
      <c r="C26682" t="s">
        <v>16501</v>
      </c>
      <c r="D26682" t="s">
        <v>16502</v>
      </c>
      <c r="E26682" t="s">
        <v>16459</v>
      </c>
      <c r="F26682" t="s">
        <v>16460</v>
      </c>
      <c r="G26682" t="s">
        <v>10734</v>
      </c>
      <c r="H26682" t="s">
        <v>10735</v>
      </c>
      <c r="I26682" s="2">
        <v>1</v>
      </c>
      <c r="J26682" s="2">
        <v>0</v>
      </c>
      <c r="K26682" s="2">
        <v>0</v>
      </c>
      <c r="L26682" t="s">
        <v>120</v>
      </c>
      <c r="M26682" t="s">
        <v>83</v>
      </c>
      <c r="N26682" t="s">
        <v>84</v>
      </c>
      <c r="O26682" t="s">
        <v>85</v>
      </c>
      <c r="P26682" t="s">
        <v>86</v>
      </c>
      <c r="Q26682">
        <v>12</v>
      </c>
      <c r="R26682">
        <v>12</v>
      </c>
      <c r="S26682">
        <v>12</v>
      </c>
      <c r="T26682">
        <v>12</v>
      </c>
      <c r="U26682">
        <v>13</v>
      </c>
      <c r="V26682">
        <v>13</v>
      </c>
      <c r="W26682">
        <v>13</v>
      </c>
      <c r="X26682">
        <v>14</v>
      </c>
      <c r="Y26682">
        <v>14</v>
      </c>
      <c r="Z26682">
        <v>14</v>
      </c>
      <c r="AA26682">
        <v>15</v>
      </c>
      <c r="AB26682">
        <v>15</v>
      </c>
      <c r="AC26682">
        <v>15</v>
      </c>
      <c r="AD26682">
        <v>16</v>
      </c>
      <c r="AE26682">
        <v>16</v>
      </c>
      <c r="AF26682">
        <v>16</v>
      </c>
      <c r="AG26682">
        <v>17</v>
      </c>
      <c r="AH26682">
        <v>17</v>
      </c>
      <c r="AI26682">
        <v>17</v>
      </c>
      <c r="AJ26682">
        <v>18</v>
      </c>
      <c r="AK26682">
        <v>18</v>
      </c>
      <c r="AL26682">
        <v>18</v>
      </c>
      <c r="AM26682">
        <v>19</v>
      </c>
      <c r="AN26682">
        <v>19</v>
      </c>
      <c r="AO26682">
        <v>19</v>
      </c>
      <c r="AP26682">
        <v>19</v>
      </c>
      <c r="AQ26682">
        <v>19</v>
      </c>
    </row>
    <row r="26683" spans="1:43">
      <c r="A26683" t="s">
        <v>16509</v>
      </c>
      <c r="B26683" t="s">
        <v>16510</v>
      </c>
      <c r="C26683" t="s">
        <v>16501</v>
      </c>
      <c r="D26683" t="s">
        <v>16502</v>
      </c>
      <c r="E26683" t="s">
        <v>16459</v>
      </c>
      <c r="F26683" t="s">
        <v>16460</v>
      </c>
      <c r="G26683" t="s">
        <v>10734</v>
      </c>
      <c r="H26683" t="s">
        <v>10735</v>
      </c>
      <c r="I26683" s="2">
        <v>1</v>
      </c>
      <c r="J26683" s="2">
        <v>0</v>
      </c>
      <c r="K26683" s="2">
        <v>0</v>
      </c>
      <c r="L26683" t="s">
        <v>120</v>
      </c>
      <c r="M26683" t="s">
        <v>87</v>
      </c>
      <c r="N26683" t="s">
        <v>88</v>
      </c>
      <c r="O26683" t="s">
        <v>85</v>
      </c>
      <c r="P26683" t="s">
        <v>86</v>
      </c>
      <c r="Q26683">
        <v>12</v>
      </c>
      <c r="R26683">
        <v>13</v>
      </c>
      <c r="S26683">
        <v>13</v>
      </c>
      <c r="T26683">
        <v>13</v>
      </c>
      <c r="U26683">
        <v>13</v>
      </c>
      <c r="V26683">
        <v>13</v>
      </c>
      <c r="W26683">
        <v>14</v>
      </c>
      <c r="X26683">
        <v>14</v>
      </c>
      <c r="Y26683">
        <v>14</v>
      </c>
      <c r="Z26683">
        <v>14</v>
      </c>
      <c r="AA26683">
        <v>14</v>
      </c>
      <c r="AB26683">
        <v>15</v>
      </c>
      <c r="AC26683">
        <v>15</v>
      </c>
      <c r="AD26683">
        <v>15</v>
      </c>
      <c r="AE26683">
        <v>15</v>
      </c>
      <c r="AF26683">
        <v>15</v>
      </c>
      <c r="AG26683">
        <v>16</v>
      </c>
      <c r="AH26683">
        <v>16</v>
      </c>
      <c r="AI26683">
        <v>16</v>
      </c>
      <c r="AJ26683">
        <v>16</v>
      </c>
      <c r="AK26683">
        <v>17</v>
      </c>
      <c r="AL26683">
        <v>17</v>
      </c>
      <c r="AM26683">
        <v>17</v>
      </c>
      <c r="AN26683">
        <v>17</v>
      </c>
      <c r="AO26683">
        <v>17</v>
      </c>
      <c r="AP26683">
        <v>18</v>
      </c>
      <c r="AQ26683">
        <v>18</v>
      </c>
    </row>
    <row r="26684" spans="1:43">
      <c r="A26684" t="s">
        <v>16509</v>
      </c>
      <c r="B26684" t="s">
        <v>16510</v>
      </c>
      <c r="C26684" t="s">
        <v>16501</v>
      </c>
      <c r="D26684" t="s">
        <v>16502</v>
      </c>
      <c r="E26684" t="s">
        <v>16459</v>
      </c>
      <c r="F26684" t="s">
        <v>16460</v>
      </c>
      <c r="G26684" t="s">
        <v>10734</v>
      </c>
      <c r="H26684" t="s">
        <v>10735</v>
      </c>
      <c r="I26684" s="2">
        <v>1</v>
      </c>
      <c r="J26684" s="2">
        <v>0</v>
      </c>
      <c r="K26684" s="2">
        <v>0</v>
      </c>
      <c r="L26684" t="s">
        <v>120</v>
      </c>
      <c r="M26684" t="s">
        <v>89</v>
      </c>
      <c r="N26684" t="s">
        <v>90</v>
      </c>
      <c r="O26684" t="s">
        <v>85</v>
      </c>
      <c r="P26684" t="s">
        <v>86</v>
      </c>
      <c r="Q26684">
        <v>12</v>
      </c>
      <c r="R26684">
        <v>12</v>
      </c>
      <c r="S26684">
        <v>12</v>
      </c>
      <c r="T26684">
        <v>13</v>
      </c>
      <c r="U26684">
        <v>13</v>
      </c>
      <c r="V26684">
        <v>14</v>
      </c>
      <c r="W26684">
        <v>14</v>
      </c>
      <c r="X26684">
        <v>14</v>
      </c>
      <c r="Y26684">
        <v>15</v>
      </c>
      <c r="Z26684">
        <v>15</v>
      </c>
      <c r="AA26684">
        <v>16</v>
      </c>
      <c r="AB26684">
        <v>16</v>
      </c>
      <c r="AC26684">
        <v>17</v>
      </c>
      <c r="AD26684">
        <v>17</v>
      </c>
      <c r="AE26684">
        <v>17</v>
      </c>
      <c r="AF26684">
        <v>17</v>
      </c>
      <c r="AG26684">
        <v>18</v>
      </c>
      <c r="AH26684">
        <v>18</v>
      </c>
      <c r="AI26684">
        <v>18</v>
      </c>
      <c r="AJ26684">
        <v>18</v>
      </c>
      <c r="AK26684">
        <v>18</v>
      </c>
      <c r="AL26684">
        <v>19</v>
      </c>
      <c r="AM26684">
        <v>19</v>
      </c>
      <c r="AN26684">
        <v>19</v>
      </c>
      <c r="AO26684">
        <v>19</v>
      </c>
      <c r="AP26684">
        <v>19</v>
      </c>
      <c r="AQ26684">
        <v>20</v>
      </c>
    </row>
    <row r="26685" spans="1:43">
      <c r="A26685" t="s">
        <v>16509</v>
      </c>
      <c r="B26685" t="s">
        <v>16510</v>
      </c>
      <c r="C26685" t="s">
        <v>16501</v>
      </c>
      <c r="D26685" t="s">
        <v>16502</v>
      </c>
      <c r="E26685" t="s">
        <v>16459</v>
      </c>
      <c r="F26685" t="s">
        <v>16460</v>
      </c>
      <c r="G26685" t="s">
        <v>10734</v>
      </c>
      <c r="H26685" t="s">
        <v>10735</v>
      </c>
      <c r="I26685" s="2">
        <v>1</v>
      </c>
      <c r="J26685" s="2">
        <v>0</v>
      </c>
      <c r="K26685" s="2">
        <v>0</v>
      </c>
      <c r="L26685" t="s">
        <v>120</v>
      </c>
      <c r="M26685" t="s">
        <v>83</v>
      </c>
      <c r="N26685" t="s">
        <v>91</v>
      </c>
      <c r="O26685" t="s">
        <v>85</v>
      </c>
      <c r="P26685" t="s">
        <v>86</v>
      </c>
      <c r="Q26685">
        <v>12</v>
      </c>
      <c r="R26685">
        <v>12</v>
      </c>
      <c r="S26685">
        <v>12</v>
      </c>
      <c r="T26685">
        <v>12</v>
      </c>
      <c r="U26685">
        <v>13</v>
      </c>
      <c r="V26685">
        <v>13</v>
      </c>
      <c r="W26685">
        <v>13</v>
      </c>
      <c r="X26685">
        <v>14</v>
      </c>
      <c r="Y26685">
        <v>14</v>
      </c>
      <c r="Z26685">
        <v>14</v>
      </c>
      <c r="AA26685">
        <v>15</v>
      </c>
      <c r="AB26685">
        <v>15</v>
      </c>
      <c r="AC26685">
        <v>15</v>
      </c>
      <c r="AD26685">
        <v>16</v>
      </c>
      <c r="AE26685">
        <v>16</v>
      </c>
      <c r="AF26685">
        <v>16</v>
      </c>
      <c r="AG26685">
        <v>17</v>
      </c>
      <c r="AH26685">
        <v>17</v>
      </c>
      <c r="AI26685">
        <v>17</v>
      </c>
      <c r="AJ26685">
        <v>18</v>
      </c>
      <c r="AK26685">
        <v>18</v>
      </c>
      <c r="AL26685">
        <v>18</v>
      </c>
      <c r="AM26685">
        <v>19</v>
      </c>
      <c r="AN26685">
        <v>19</v>
      </c>
      <c r="AO26685">
        <v>19</v>
      </c>
      <c r="AP26685">
        <v>19</v>
      </c>
      <c r="AQ26685">
        <v>19</v>
      </c>
    </row>
    <row r="26686" spans="1:43">
      <c r="A26686" t="s">
        <v>16511</v>
      </c>
      <c r="B26686" t="s">
        <v>16512</v>
      </c>
      <c r="C26686" t="s">
        <v>16501</v>
      </c>
      <c r="D26686" t="s">
        <v>16502</v>
      </c>
      <c r="E26686" t="s">
        <v>16459</v>
      </c>
      <c r="F26686" t="s">
        <v>16460</v>
      </c>
      <c r="G26686" t="s">
        <v>10734</v>
      </c>
      <c r="H26686" t="s">
        <v>10735</v>
      </c>
      <c r="I26686" s="2">
        <v>1</v>
      </c>
      <c r="J26686" s="2">
        <v>0</v>
      </c>
      <c r="K26686" s="2">
        <v>0</v>
      </c>
      <c r="L26686" t="s">
        <v>120</v>
      </c>
      <c r="M26686" t="s">
        <v>83</v>
      </c>
      <c r="N26686" t="s">
        <v>84</v>
      </c>
      <c r="O26686" t="s">
        <v>85</v>
      </c>
      <c r="P26686" t="s">
        <v>86</v>
      </c>
      <c r="Q26686">
        <v>31</v>
      </c>
      <c r="R26686">
        <v>32</v>
      </c>
      <c r="S26686">
        <v>33</v>
      </c>
      <c r="T26686">
        <v>34</v>
      </c>
      <c r="U26686">
        <v>35</v>
      </c>
      <c r="V26686">
        <v>36</v>
      </c>
      <c r="W26686">
        <v>36</v>
      </c>
      <c r="X26686">
        <v>37</v>
      </c>
      <c r="Y26686">
        <v>38</v>
      </c>
      <c r="Z26686">
        <v>39</v>
      </c>
      <c r="AA26686">
        <v>40</v>
      </c>
      <c r="AB26686">
        <v>41</v>
      </c>
      <c r="AC26686">
        <v>42</v>
      </c>
      <c r="AD26686">
        <v>43</v>
      </c>
      <c r="AE26686">
        <v>44</v>
      </c>
      <c r="AF26686">
        <v>45</v>
      </c>
      <c r="AG26686">
        <v>46</v>
      </c>
      <c r="AH26686">
        <v>47</v>
      </c>
      <c r="AI26686">
        <v>47</v>
      </c>
      <c r="AJ26686">
        <v>48</v>
      </c>
      <c r="AK26686">
        <v>49</v>
      </c>
      <c r="AL26686">
        <v>50</v>
      </c>
      <c r="AM26686">
        <v>50</v>
      </c>
      <c r="AN26686">
        <v>51</v>
      </c>
      <c r="AO26686">
        <v>51</v>
      </c>
      <c r="AP26686">
        <v>52</v>
      </c>
      <c r="AQ26686">
        <v>52</v>
      </c>
    </row>
    <row r="26687" spans="1:43">
      <c r="A26687" t="s">
        <v>16511</v>
      </c>
      <c r="B26687" t="s">
        <v>16512</v>
      </c>
      <c r="C26687" t="s">
        <v>16501</v>
      </c>
      <c r="D26687" t="s">
        <v>16502</v>
      </c>
      <c r="E26687" t="s">
        <v>16459</v>
      </c>
      <c r="F26687" t="s">
        <v>16460</v>
      </c>
      <c r="G26687" t="s">
        <v>10734</v>
      </c>
      <c r="H26687" t="s">
        <v>10735</v>
      </c>
      <c r="I26687" s="2">
        <v>1</v>
      </c>
      <c r="J26687" s="2">
        <v>0</v>
      </c>
      <c r="K26687" s="2">
        <v>0</v>
      </c>
      <c r="L26687" t="s">
        <v>120</v>
      </c>
      <c r="M26687" t="s">
        <v>87</v>
      </c>
      <c r="N26687" t="s">
        <v>88</v>
      </c>
      <c r="O26687" t="s">
        <v>85</v>
      </c>
      <c r="P26687" t="s">
        <v>86</v>
      </c>
      <c r="Q26687">
        <v>31</v>
      </c>
      <c r="R26687">
        <v>32</v>
      </c>
      <c r="S26687">
        <v>32</v>
      </c>
      <c r="T26687">
        <v>33</v>
      </c>
      <c r="U26687">
        <v>33</v>
      </c>
      <c r="V26687">
        <v>34</v>
      </c>
      <c r="W26687">
        <v>34</v>
      </c>
      <c r="X26687">
        <v>35</v>
      </c>
      <c r="Y26687">
        <v>35</v>
      </c>
      <c r="Z26687">
        <v>36</v>
      </c>
      <c r="AA26687">
        <v>36</v>
      </c>
      <c r="AB26687">
        <v>37</v>
      </c>
      <c r="AC26687">
        <v>38</v>
      </c>
      <c r="AD26687">
        <v>38</v>
      </c>
      <c r="AE26687">
        <v>39</v>
      </c>
      <c r="AF26687">
        <v>39</v>
      </c>
      <c r="AG26687">
        <v>40</v>
      </c>
      <c r="AH26687">
        <v>40</v>
      </c>
      <c r="AI26687">
        <v>41</v>
      </c>
      <c r="AJ26687">
        <v>41</v>
      </c>
      <c r="AK26687">
        <v>42</v>
      </c>
      <c r="AL26687">
        <v>43</v>
      </c>
      <c r="AM26687">
        <v>43</v>
      </c>
      <c r="AN26687">
        <v>44</v>
      </c>
      <c r="AO26687">
        <v>44</v>
      </c>
      <c r="AP26687">
        <v>45</v>
      </c>
      <c r="AQ26687">
        <v>45</v>
      </c>
    </row>
    <row r="26688" spans="1:43">
      <c r="A26688" t="s">
        <v>16511</v>
      </c>
      <c r="B26688" t="s">
        <v>16512</v>
      </c>
      <c r="C26688" t="s">
        <v>16501</v>
      </c>
      <c r="D26688" t="s">
        <v>16502</v>
      </c>
      <c r="E26688" t="s">
        <v>16459</v>
      </c>
      <c r="F26688" t="s">
        <v>16460</v>
      </c>
      <c r="G26688" t="s">
        <v>10734</v>
      </c>
      <c r="H26688" t="s">
        <v>10735</v>
      </c>
      <c r="I26688" s="2">
        <v>1</v>
      </c>
      <c r="J26688" s="2">
        <v>0</v>
      </c>
      <c r="K26688" s="2">
        <v>0</v>
      </c>
      <c r="L26688" t="s">
        <v>120</v>
      </c>
      <c r="M26688" t="s">
        <v>89</v>
      </c>
      <c r="N26688" t="s">
        <v>90</v>
      </c>
      <c r="O26688" t="s">
        <v>85</v>
      </c>
      <c r="P26688" t="s">
        <v>86</v>
      </c>
      <c r="Q26688">
        <v>31</v>
      </c>
      <c r="R26688">
        <v>32</v>
      </c>
      <c r="S26688">
        <v>33</v>
      </c>
      <c r="T26688">
        <v>34</v>
      </c>
      <c r="U26688">
        <v>35</v>
      </c>
      <c r="V26688">
        <v>36</v>
      </c>
      <c r="W26688">
        <v>37</v>
      </c>
      <c r="X26688">
        <v>38</v>
      </c>
      <c r="Y26688">
        <v>39</v>
      </c>
      <c r="Z26688">
        <v>41</v>
      </c>
      <c r="AA26688">
        <v>42</v>
      </c>
      <c r="AB26688">
        <v>43</v>
      </c>
      <c r="AC26688">
        <v>44</v>
      </c>
      <c r="AD26688">
        <v>45</v>
      </c>
      <c r="AE26688">
        <v>46</v>
      </c>
      <c r="AF26688">
        <v>46</v>
      </c>
      <c r="AG26688">
        <v>47</v>
      </c>
      <c r="AH26688">
        <v>47</v>
      </c>
      <c r="AI26688">
        <v>48</v>
      </c>
      <c r="AJ26688">
        <v>48</v>
      </c>
      <c r="AK26688">
        <v>49</v>
      </c>
      <c r="AL26688">
        <v>49</v>
      </c>
      <c r="AM26688">
        <v>50</v>
      </c>
      <c r="AN26688">
        <v>50</v>
      </c>
      <c r="AO26688">
        <v>51</v>
      </c>
      <c r="AP26688">
        <v>51</v>
      </c>
      <c r="AQ26688">
        <v>52</v>
      </c>
    </row>
    <row r="26689" spans="1:43">
      <c r="A26689" t="s">
        <v>16511</v>
      </c>
      <c r="B26689" t="s">
        <v>16512</v>
      </c>
      <c r="C26689" t="s">
        <v>16501</v>
      </c>
      <c r="D26689" t="s">
        <v>16502</v>
      </c>
      <c r="E26689" t="s">
        <v>16459</v>
      </c>
      <c r="F26689" t="s">
        <v>16460</v>
      </c>
      <c r="G26689" t="s">
        <v>10734</v>
      </c>
      <c r="H26689" t="s">
        <v>10735</v>
      </c>
      <c r="I26689" s="2">
        <v>1</v>
      </c>
      <c r="J26689" s="2">
        <v>0</v>
      </c>
      <c r="K26689" s="2">
        <v>0</v>
      </c>
      <c r="L26689" t="s">
        <v>120</v>
      </c>
      <c r="M26689" t="s">
        <v>83</v>
      </c>
      <c r="N26689" t="s">
        <v>91</v>
      </c>
      <c r="O26689" t="s">
        <v>85</v>
      </c>
      <c r="P26689" t="s">
        <v>86</v>
      </c>
      <c r="Q26689">
        <v>31</v>
      </c>
      <c r="R26689">
        <v>32</v>
      </c>
      <c r="S26689">
        <v>33</v>
      </c>
      <c r="T26689">
        <v>34</v>
      </c>
      <c r="U26689">
        <v>35</v>
      </c>
      <c r="V26689">
        <v>36</v>
      </c>
      <c r="W26689">
        <v>36</v>
      </c>
      <c r="X26689">
        <v>37</v>
      </c>
      <c r="Y26689">
        <v>38</v>
      </c>
      <c r="Z26689">
        <v>39</v>
      </c>
      <c r="AA26689">
        <v>40</v>
      </c>
      <c r="AB26689">
        <v>41</v>
      </c>
      <c r="AC26689">
        <v>42</v>
      </c>
      <c r="AD26689">
        <v>43</v>
      </c>
      <c r="AE26689">
        <v>44</v>
      </c>
      <c r="AF26689">
        <v>45</v>
      </c>
      <c r="AG26689">
        <v>46</v>
      </c>
      <c r="AH26689">
        <v>47</v>
      </c>
      <c r="AI26689">
        <v>47</v>
      </c>
      <c r="AJ26689">
        <v>48</v>
      </c>
      <c r="AK26689">
        <v>49</v>
      </c>
      <c r="AL26689">
        <v>50</v>
      </c>
      <c r="AM26689">
        <v>50</v>
      </c>
      <c r="AN26689">
        <v>51</v>
      </c>
      <c r="AO26689">
        <v>51</v>
      </c>
      <c r="AP26689">
        <v>52</v>
      </c>
      <c r="AQ26689">
        <v>52</v>
      </c>
    </row>
    <row r="26690" spans="1:43">
      <c r="A26690" t="s">
        <v>16513</v>
      </c>
      <c r="B26690" t="s">
        <v>16514</v>
      </c>
      <c r="C26690" t="s">
        <v>16501</v>
      </c>
      <c r="D26690" t="s">
        <v>16502</v>
      </c>
      <c r="E26690" t="s">
        <v>16459</v>
      </c>
      <c r="F26690" t="s">
        <v>16460</v>
      </c>
      <c r="G26690" t="s">
        <v>10734</v>
      </c>
      <c r="H26690" t="s">
        <v>10735</v>
      </c>
      <c r="I26690" s="2">
        <v>1</v>
      </c>
      <c r="J26690" s="2">
        <v>0</v>
      </c>
      <c r="K26690" s="2">
        <v>0</v>
      </c>
      <c r="L26690" t="s">
        <v>120</v>
      </c>
      <c r="M26690" t="s">
        <v>83</v>
      </c>
      <c r="N26690" t="s">
        <v>84</v>
      </c>
      <c r="O26690" t="s">
        <v>85</v>
      </c>
      <c r="P26690" t="s">
        <v>86</v>
      </c>
      <c r="Q26690">
        <v>12</v>
      </c>
      <c r="R26690">
        <v>13</v>
      </c>
      <c r="S26690">
        <v>13</v>
      </c>
      <c r="T26690">
        <v>13</v>
      </c>
      <c r="U26690">
        <v>14</v>
      </c>
      <c r="V26690">
        <v>14</v>
      </c>
      <c r="W26690">
        <v>14</v>
      </c>
      <c r="X26690">
        <v>15</v>
      </c>
      <c r="Y26690">
        <v>15</v>
      </c>
      <c r="Z26690">
        <v>15</v>
      </c>
      <c r="AA26690">
        <v>16</v>
      </c>
      <c r="AB26690">
        <v>16</v>
      </c>
      <c r="AC26690">
        <v>16</v>
      </c>
      <c r="AD26690">
        <v>17</v>
      </c>
      <c r="AE26690">
        <v>17</v>
      </c>
      <c r="AF26690">
        <v>18</v>
      </c>
      <c r="AG26690">
        <v>18</v>
      </c>
      <c r="AH26690">
        <v>18</v>
      </c>
      <c r="AI26690">
        <v>19</v>
      </c>
      <c r="AJ26690">
        <v>19</v>
      </c>
      <c r="AK26690">
        <v>19</v>
      </c>
      <c r="AL26690">
        <v>20</v>
      </c>
      <c r="AM26690">
        <v>20</v>
      </c>
      <c r="AN26690">
        <v>20</v>
      </c>
      <c r="AO26690">
        <v>20</v>
      </c>
      <c r="AP26690">
        <v>20</v>
      </c>
      <c r="AQ26690">
        <v>20</v>
      </c>
    </row>
    <row r="26691" spans="1:43">
      <c r="A26691" t="s">
        <v>16513</v>
      </c>
      <c r="B26691" t="s">
        <v>16514</v>
      </c>
      <c r="C26691" t="s">
        <v>16501</v>
      </c>
      <c r="D26691" t="s">
        <v>16502</v>
      </c>
      <c r="E26691" t="s">
        <v>16459</v>
      </c>
      <c r="F26691" t="s">
        <v>16460</v>
      </c>
      <c r="G26691" t="s">
        <v>10734</v>
      </c>
      <c r="H26691" t="s">
        <v>10735</v>
      </c>
      <c r="I26691" s="2">
        <v>1</v>
      </c>
      <c r="J26691" s="2">
        <v>0</v>
      </c>
      <c r="K26691" s="2">
        <v>0</v>
      </c>
      <c r="L26691" t="s">
        <v>120</v>
      </c>
      <c r="M26691" t="s">
        <v>87</v>
      </c>
      <c r="N26691" t="s">
        <v>88</v>
      </c>
      <c r="O26691" t="s">
        <v>85</v>
      </c>
      <c r="P26691" t="s">
        <v>86</v>
      </c>
      <c r="Q26691">
        <v>12</v>
      </c>
      <c r="R26691">
        <v>12</v>
      </c>
      <c r="S26691">
        <v>13</v>
      </c>
      <c r="T26691">
        <v>13</v>
      </c>
      <c r="U26691">
        <v>13</v>
      </c>
      <c r="V26691">
        <v>13</v>
      </c>
      <c r="W26691">
        <v>13</v>
      </c>
      <c r="X26691">
        <v>14</v>
      </c>
      <c r="Y26691">
        <v>14</v>
      </c>
      <c r="Z26691">
        <v>14</v>
      </c>
      <c r="AA26691">
        <v>14</v>
      </c>
      <c r="AB26691">
        <v>15</v>
      </c>
      <c r="AC26691">
        <v>15</v>
      </c>
      <c r="AD26691">
        <v>15</v>
      </c>
      <c r="AE26691">
        <v>15</v>
      </c>
      <c r="AF26691">
        <v>15</v>
      </c>
      <c r="AG26691">
        <v>16</v>
      </c>
      <c r="AH26691">
        <v>16</v>
      </c>
      <c r="AI26691">
        <v>16</v>
      </c>
      <c r="AJ26691">
        <v>16</v>
      </c>
      <c r="AK26691">
        <v>16</v>
      </c>
      <c r="AL26691">
        <v>17</v>
      </c>
      <c r="AM26691">
        <v>17</v>
      </c>
      <c r="AN26691">
        <v>17</v>
      </c>
      <c r="AO26691">
        <v>17</v>
      </c>
      <c r="AP26691">
        <v>18</v>
      </c>
      <c r="AQ26691">
        <v>18</v>
      </c>
    </row>
    <row r="26692" spans="1:43">
      <c r="A26692" t="s">
        <v>16513</v>
      </c>
      <c r="B26692" t="s">
        <v>16514</v>
      </c>
      <c r="C26692" t="s">
        <v>16501</v>
      </c>
      <c r="D26692" t="s">
        <v>16502</v>
      </c>
      <c r="E26692" t="s">
        <v>16459</v>
      </c>
      <c r="F26692" t="s">
        <v>16460</v>
      </c>
      <c r="G26692" t="s">
        <v>10734</v>
      </c>
      <c r="H26692" t="s">
        <v>10735</v>
      </c>
      <c r="I26692" s="2">
        <v>1</v>
      </c>
      <c r="J26692" s="2">
        <v>0</v>
      </c>
      <c r="K26692" s="2">
        <v>0</v>
      </c>
      <c r="L26692" t="s">
        <v>120</v>
      </c>
      <c r="M26692" t="s">
        <v>89</v>
      </c>
      <c r="N26692" t="s">
        <v>90</v>
      </c>
      <c r="O26692" t="s">
        <v>85</v>
      </c>
      <c r="P26692" t="s">
        <v>86</v>
      </c>
      <c r="Q26692">
        <v>12</v>
      </c>
      <c r="R26692">
        <v>13</v>
      </c>
      <c r="S26692">
        <v>13</v>
      </c>
      <c r="T26692">
        <v>14</v>
      </c>
      <c r="U26692">
        <v>14</v>
      </c>
      <c r="V26692">
        <v>15</v>
      </c>
      <c r="W26692">
        <v>15</v>
      </c>
      <c r="X26692">
        <v>15</v>
      </c>
      <c r="Y26692">
        <v>16</v>
      </c>
      <c r="Z26692">
        <v>16</v>
      </c>
      <c r="AA26692">
        <v>17</v>
      </c>
      <c r="AB26692">
        <v>17</v>
      </c>
      <c r="AC26692">
        <v>18</v>
      </c>
      <c r="AD26692">
        <v>18</v>
      </c>
      <c r="AE26692">
        <v>18</v>
      </c>
      <c r="AF26692">
        <v>19</v>
      </c>
      <c r="AG26692">
        <v>19</v>
      </c>
      <c r="AH26692">
        <v>19</v>
      </c>
      <c r="AI26692">
        <v>19</v>
      </c>
      <c r="AJ26692">
        <v>19</v>
      </c>
      <c r="AK26692">
        <v>20</v>
      </c>
      <c r="AL26692">
        <v>20</v>
      </c>
      <c r="AM26692">
        <v>20</v>
      </c>
      <c r="AN26692">
        <v>20</v>
      </c>
      <c r="AO26692">
        <v>20</v>
      </c>
      <c r="AP26692">
        <v>20</v>
      </c>
      <c r="AQ26692">
        <v>21</v>
      </c>
    </row>
    <row r="26693" spans="1:43">
      <c r="A26693" t="s">
        <v>16513</v>
      </c>
      <c r="B26693" t="s">
        <v>16514</v>
      </c>
      <c r="C26693" t="s">
        <v>16501</v>
      </c>
      <c r="D26693" t="s">
        <v>16502</v>
      </c>
      <c r="E26693" t="s">
        <v>16459</v>
      </c>
      <c r="F26693" t="s">
        <v>16460</v>
      </c>
      <c r="G26693" t="s">
        <v>10734</v>
      </c>
      <c r="H26693" t="s">
        <v>10735</v>
      </c>
      <c r="I26693" s="2">
        <v>1</v>
      </c>
      <c r="J26693" s="2">
        <v>0</v>
      </c>
      <c r="K26693" s="2">
        <v>0</v>
      </c>
      <c r="L26693" t="s">
        <v>120</v>
      </c>
      <c r="M26693" t="s">
        <v>83</v>
      </c>
      <c r="N26693" t="s">
        <v>91</v>
      </c>
      <c r="O26693" t="s">
        <v>85</v>
      </c>
      <c r="P26693" t="s">
        <v>86</v>
      </c>
      <c r="Q26693">
        <v>12</v>
      </c>
      <c r="R26693">
        <v>13</v>
      </c>
      <c r="S26693">
        <v>13</v>
      </c>
      <c r="T26693">
        <v>13</v>
      </c>
      <c r="U26693">
        <v>14</v>
      </c>
      <c r="V26693">
        <v>14</v>
      </c>
      <c r="W26693">
        <v>14</v>
      </c>
      <c r="X26693">
        <v>15</v>
      </c>
      <c r="Y26693">
        <v>15</v>
      </c>
      <c r="Z26693">
        <v>15</v>
      </c>
      <c r="AA26693">
        <v>16</v>
      </c>
      <c r="AB26693">
        <v>16</v>
      </c>
      <c r="AC26693">
        <v>16</v>
      </c>
      <c r="AD26693">
        <v>17</v>
      </c>
      <c r="AE26693">
        <v>17</v>
      </c>
      <c r="AF26693">
        <v>18</v>
      </c>
      <c r="AG26693">
        <v>18</v>
      </c>
      <c r="AH26693">
        <v>18</v>
      </c>
      <c r="AI26693">
        <v>19</v>
      </c>
      <c r="AJ26693">
        <v>19</v>
      </c>
      <c r="AK26693">
        <v>19</v>
      </c>
      <c r="AL26693">
        <v>20</v>
      </c>
      <c r="AM26693">
        <v>20</v>
      </c>
      <c r="AN26693">
        <v>20</v>
      </c>
      <c r="AO26693">
        <v>20</v>
      </c>
      <c r="AP26693">
        <v>20</v>
      </c>
      <c r="AQ26693">
        <v>20</v>
      </c>
    </row>
    <row r="26694" spans="1:43">
      <c r="A26694" t="s">
        <v>16515</v>
      </c>
      <c r="B26694" t="s">
        <v>16516</v>
      </c>
      <c r="C26694" t="s">
        <v>16501</v>
      </c>
      <c r="D26694" t="s">
        <v>16502</v>
      </c>
      <c r="E26694" t="s">
        <v>16459</v>
      </c>
      <c r="F26694" t="s">
        <v>16460</v>
      </c>
      <c r="G26694" t="s">
        <v>10734</v>
      </c>
      <c r="H26694" t="s">
        <v>10735</v>
      </c>
      <c r="I26694" s="2">
        <v>1</v>
      </c>
      <c r="J26694" s="2">
        <v>0</v>
      </c>
      <c r="K26694" s="2">
        <v>0</v>
      </c>
      <c r="L26694" t="s">
        <v>120</v>
      </c>
      <c r="M26694" t="s">
        <v>83</v>
      </c>
      <c r="N26694" t="s">
        <v>84</v>
      </c>
      <c r="O26694" t="s">
        <v>85</v>
      </c>
      <c r="P26694" t="s">
        <v>86</v>
      </c>
      <c r="Q26694">
        <v>60</v>
      </c>
      <c r="R26694">
        <v>61</v>
      </c>
      <c r="S26694">
        <v>63</v>
      </c>
      <c r="T26694">
        <v>65</v>
      </c>
      <c r="U26694">
        <v>66</v>
      </c>
      <c r="V26694">
        <v>68</v>
      </c>
      <c r="W26694">
        <v>70</v>
      </c>
      <c r="X26694">
        <v>71</v>
      </c>
      <c r="Y26694">
        <v>73</v>
      </c>
      <c r="Z26694">
        <v>75</v>
      </c>
      <c r="AA26694">
        <v>77</v>
      </c>
      <c r="AB26694">
        <v>78</v>
      </c>
      <c r="AC26694">
        <v>80</v>
      </c>
      <c r="AD26694">
        <v>82</v>
      </c>
      <c r="AE26694">
        <v>84</v>
      </c>
      <c r="AF26694">
        <v>85</v>
      </c>
      <c r="AG26694">
        <v>87</v>
      </c>
      <c r="AH26694">
        <v>89</v>
      </c>
      <c r="AI26694">
        <v>91</v>
      </c>
      <c r="AJ26694">
        <v>93</v>
      </c>
      <c r="AK26694">
        <v>94</v>
      </c>
      <c r="AL26694">
        <v>96</v>
      </c>
      <c r="AM26694">
        <v>97</v>
      </c>
      <c r="AN26694">
        <v>98</v>
      </c>
      <c r="AO26694">
        <v>98</v>
      </c>
      <c r="AP26694">
        <v>99</v>
      </c>
      <c r="AQ26694">
        <v>100</v>
      </c>
    </row>
    <row r="26695" spans="1:43">
      <c r="A26695" t="s">
        <v>16515</v>
      </c>
      <c r="B26695" t="s">
        <v>16516</v>
      </c>
      <c r="C26695" t="s">
        <v>16501</v>
      </c>
      <c r="D26695" t="s">
        <v>16502</v>
      </c>
      <c r="E26695" t="s">
        <v>16459</v>
      </c>
      <c r="F26695" t="s">
        <v>16460</v>
      </c>
      <c r="G26695" t="s">
        <v>10734</v>
      </c>
      <c r="H26695" t="s">
        <v>10735</v>
      </c>
      <c r="I26695" s="2">
        <v>1</v>
      </c>
      <c r="J26695" s="2">
        <v>0</v>
      </c>
      <c r="K26695" s="2">
        <v>0</v>
      </c>
      <c r="L26695" t="s">
        <v>120</v>
      </c>
      <c r="M26695" t="s">
        <v>87</v>
      </c>
      <c r="N26695" t="s">
        <v>88</v>
      </c>
      <c r="O26695" t="s">
        <v>85</v>
      </c>
      <c r="P26695" t="s">
        <v>86</v>
      </c>
      <c r="Q26695">
        <v>60</v>
      </c>
      <c r="R26695">
        <v>61</v>
      </c>
      <c r="S26695">
        <v>62</v>
      </c>
      <c r="T26695">
        <v>63</v>
      </c>
      <c r="U26695">
        <v>64</v>
      </c>
      <c r="V26695">
        <v>65</v>
      </c>
      <c r="W26695">
        <v>67</v>
      </c>
      <c r="X26695">
        <v>68</v>
      </c>
      <c r="Y26695">
        <v>69</v>
      </c>
      <c r="Z26695">
        <v>70</v>
      </c>
      <c r="AA26695">
        <v>71</v>
      </c>
      <c r="AB26695">
        <v>72</v>
      </c>
      <c r="AC26695">
        <v>73</v>
      </c>
      <c r="AD26695">
        <v>74</v>
      </c>
      <c r="AE26695">
        <v>75</v>
      </c>
      <c r="AF26695">
        <v>76</v>
      </c>
      <c r="AG26695">
        <v>77</v>
      </c>
      <c r="AH26695">
        <v>78</v>
      </c>
      <c r="AI26695">
        <v>80</v>
      </c>
      <c r="AJ26695">
        <v>81</v>
      </c>
      <c r="AK26695">
        <v>82</v>
      </c>
      <c r="AL26695">
        <v>83</v>
      </c>
      <c r="AM26695">
        <v>84</v>
      </c>
      <c r="AN26695">
        <v>85</v>
      </c>
      <c r="AO26695">
        <v>86</v>
      </c>
      <c r="AP26695">
        <v>87</v>
      </c>
      <c r="AQ26695">
        <v>88</v>
      </c>
    </row>
    <row r="26696" spans="1:43">
      <c r="A26696" t="s">
        <v>16515</v>
      </c>
      <c r="B26696" t="s">
        <v>16516</v>
      </c>
      <c r="C26696" t="s">
        <v>16501</v>
      </c>
      <c r="D26696" t="s">
        <v>16502</v>
      </c>
      <c r="E26696" t="s">
        <v>16459</v>
      </c>
      <c r="F26696" t="s">
        <v>16460</v>
      </c>
      <c r="G26696" t="s">
        <v>10734</v>
      </c>
      <c r="H26696" t="s">
        <v>10735</v>
      </c>
      <c r="I26696" s="2">
        <v>1</v>
      </c>
      <c r="J26696" s="2">
        <v>0</v>
      </c>
      <c r="K26696" s="2">
        <v>0</v>
      </c>
      <c r="L26696" t="s">
        <v>120</v>
      </c>
      <c r="M26696" t="s">
        <v>89</v>
      </c>
      <c r="N26696" t="s">
        <v>90</v>
      </c>
      <c r="O26696" t="s">
        <v>85</v>
      </c>
      <c r="P26696" t="s">
        <v>86</v>
      </c>
      <c r="Q26696">
        <v>60</v>
      </c>
      <c r="R26696">
        <v>63</v>
      </c>
      <c r="S26696">
        <v>65</v>
      </c>
      <c r="T26696">
        <v>67</v>
      </c>
      <c r="U26696">
        <v>69</v>
      </c>
      <c r="V26696">
        <v>71</v>
      </c>
      <c r="W26696">
        <v>73</v>
      </c>
      <c r="X26696">
        <v>75</v>
      </c>
      <c r="Y26696">
        <v>77</v>
      </c>
      <c r="Z26696">
        <v>79</v>
      </c>
      <c r="AA26696">
        <v>82</v>
      </c>
      <c r="AB26696">
        <v>84</v>
      </c>
      <c r="AC26696">
        <v>86</v>
      </c>
      <c r="AD26696">
        <v>88</v>
      </c>
      <c r="AE26696">
        <v>90</v>
      </c>
      <c r="AF26696">
        <v>91</v>
      </c>
      <c r="AG26696">
        <v>92</v>
      </c>
      <c r="AH26696">
        <v>93</v>
      </c>
      <c r="AI26696">
        <v>94</v>
      </c>
      <c r="AJ26696">
        <v>95</v>
      </c>
      <c r="AK26696">
        <v>96</v>
      </c>
      <c r="AL26696">
        <v>97</v>
      </c>
      <c r="AM26696">
        <v>98</v>
      </c>
      <c r="AN26696">
        <v>98</v>
      </c>
      <c r="AO26696">
        <v>99</v>
      </c>
      <c r="AP26696">
        <v>100</v>
      </c>
      <c r="AQ26696">
        <v>101</v>
      </c>
    </row>
    <row r="26697" spans="1:43">
      <c r="A26697" t="s">
        <v>16515</v>
      </c>
      <c r="B26697" t="s">
        <v>16516</v>
      </c>
      <c r="C26697" t="s">
        <v>16501</v>
      </c>
      <c r="D26697" t="s">
        <v>16502</v>
      </c>
      <c r="E26697" t="s">
        <v>16459</v>
      </c>
      <c r="F26697" t="s">
        <v>16460</v>
      </c>
      <c r="G26697" t="s">
        <v>10734</v>
      </c>
      <c r="H26697" t="s">
        <v>10735</v>
      </c>
      <c r="I26697" s="2">
        <v>1</v>
      </c>
      <c r="J26697" s="2">
        <v>0</v>
      </c>
      <c r="K26697" s="2">
        <v>0</v>
      </c>
      <c r="L26697" t="s">
        <v>120</v>
      </c>
      <c r="M26697" t="s">
        <v>83</v>
      </c>
      <c r="N26697" t="s">
        <v>91</v>
      </c>
      <c r="O26697" t="s">
        <v>85</v>
      </c>
      <c r="P26697" t="s">
        <v>86</v>
      </c>
      <c r="Q26697">
        <v>60</v>
      </c>
      <c r="R26697">
        <v>61</v>
      </c>
      <c r="S26697">
        <v>63</v>
      </c>
      <c r="T26697">
        <v>65</v>
      </c>
      <c r="U26697">
        <v>66</v>
      </c>
      <c r="V26697">
        <v>68</v>
      </c>
      <c r="W26697">
        <v>70</v>
      </c>
      <c r="X26697">
        <v>71</v>
      </c>
      <c r="Y26697">
        <v>73</v>
      </c>
      <c r="Z26697">
        <v>75</v>
      </c>
      <c r="AA26697">
        <v>77</v>
      </c>
      <c r="AB26697">
        <v>78</v>
      </c>
      <c r="AC26697">
        <v>80</v>
      </c>
      <c r="AD26697">
        <v>82</v>
      </c>
      <c r="AE26697">
        <v>84</v>
      </c>
      <c r="AF26697">
        <v>85</v>
      </c>
      <c r="AG26697">
        <v>87</v>
      </c>
      <c r="AH26697">
        <v>89</v>
      </c>
      <c r="AI26697">
        <v>91</v>
      </c>
      <c r="AJ26697">
        <v>93</v>
      </c>
      <c r="AK26697">
        <v>94</v>
      </c>
      <c r="AL26697">
        <v>96</v>
      </c>
      <c r="AM26697">
        <v>97</v>
      </c>
      <c r="AN26697">
        <v>98</v>
      </c>
      <c r="AO26697">
        <v>98</v>
      </c>
      <c r="AP26697">
        <v>99</v>
      </c>
      <c r="AQ26697">
        <v>100</v>
      </c>
    </row>
    <row r="26698" spans="1:43">
      <c r="A26698" t="s">
        <v>16517</v>
      </c>
      <c r="B26698" t="s">
        <v>16518</v>
      </c>
      <c r="C26698" t="s">
        <v>16501</v>
      </c>
      <c r="D26698" t="s">
        <v>16502</v>
      </c>
      <c r="E26698" t="s">
        <v>16459</v>
      </c>
      <c r="F26698" t="s">
        <v>16460</v>
      </c>
      <c r="G26698" t="s">
        <v>10734</v>
      </c>
      <c r="H26698" t="s">
        <v>10735</v>
      </c>
      <c r="I26698" s="2">
        <v>1</v>
      </c>
      <c r="J26698" s="2">
        <v>0</v>
      </c>
      <c r="K26698" s="2">
        <v>0</v>
      </c>
      <c r="L26698" t="s">
        <v>120</v>
      </c>
      <c r="M26698" t="s">
        <v>83</v>
      </c>
      <c r="N26698" t="s">
        <v>84</v>
      </c>
      <c r="O26698" t="s">
        <v>85</v>
      </c>
      <c r="P26698" t="s">
        <v>86</v>
      </c>
      <c r="Q26698">
        <v>31</v>
      </c>
      <c r="R26698">
        <v>32</v>
      </c>
      <c r="S26698">
        <v>33</v>
      </c>
      <c r="T26698">
        <v>34</v>
      </c>
      <c r="U26698">
        <v>35</v>
      </c>
      <c r="V26698">
        <v>36</v>
      </c>
      <c r="W26698">
        <v>36</v>
      </c>
      <c r="X26698">
        <v>37</v>
      </c>
      <c r="Y26698">
        <v>38</v>
      </c>
      <c r="Z26698">
        <v>39</v>
      </c>
      <c r="AA26698">
        <v>40</v>
      </c>
      <c r="AB26698">
        <v>41</v>
      </c>
      <c r="AC26698">
        <v>42</v>
      </c>
      <c r="AD26698">
        <v>43</v>
      </c>
      <c r="AE26698">
        <v>44</v>
      </c>
      <c r="AF26698">
        <v>45</v>
      </c>
      <c r="AG26698">
        <v>46</v>
      </c>
      <c r="AH26698">
        <v>47</v>
      </c>
      <c r="AI26698">
        <v>47</v>
      </c>
      <c r="AJ26698">
        <v>48</v>
      </c>
      <c r="AK26698">
        <v>49</v>
      </c>
      <c r="AL26698">
        <v>50</v>
      </c>
      <c r="AM26698">
        <v>50</v>
      </c>
      <c r="AN26698">
        <v>51</v>
      </c>
      <c r="AO26698">
        <v>51</v>
      </c>
      <c r="AP26698">
        <v>52</v>
      </c>
      <c r="AQ26698">
        <v>52</v>
      </c>
    </row>
    <row r="26699" spans="1:43">
      <c r="A26699" t="s">
        <v>16517</v>
      </c>
      <c r="B26699" t="s">
        <v>16518</v>
      </c>
      <c r="C26699" t="s">
        <v>16501</v>
      </c>
      <c r="D26699" t="s">
        <v>16502</v>
      </c>
      <c r="E26699" t="s">
        <v>16459</v>
      </c>
      <c r="F26699" t="s">
        <v>16460</v>
      </c>
      <c r="G26699" t="s">
        <v>10734</v>
      </c>
      <c r="H26699" t="s">
        <v>10735</v>
      </c>
      <c r="I26699" s="2">
        <v>1</v>
      </c>
      <c r="J26699" s="2">
        <v>0</v>
      </c>
      <c r="K26699" s="2">
        <v>0</v>
      </c>
      <c r="L26699" t="s">
        <v>120</v>
      </c>
      <c r="M26699" t="s">
        <v>87</v>
      </c>
      <c r="N26699" t="s">
        <v>88</v>
      </c>
      <c r="O26699" t="s">
        <v>85</v>
      </c>
      <c r="P26699" t="s">
        <v>86</v>
      </c>
      <c r="Q26699">
        <v>31</v>
      </c>
      <c r="R26699">
        <v>32</v>
      </c>
      <c r="S26699">
        <v>32</v>
      </c>
      <c r="T26699">
        <v>33</v>
      </c>
      <c r="U26699">
        <v>33</v>
      </c>
      <c r="V26699">
        <v>34</v>
      </c>
      <c r="W26699">
        <v>34</v>
      </c>
      <c r="X26699">
        <v>35</v>
      </c>
      <c r="Y26699">
        <v>35</v>
      </c>
      <c r="Z26699">
        <v>36</v>
      </c>
      <c r="AA26699">
        <v>36</v>
      </c>
      <c r="AB26699">
        <v>37</v>
      </c>
      <c r="AC26699">
        <v>38</v>
      </c>
      <c r="AD26699">
        <v>38</v>
      </c>
      <c r="AE26699">
        <v>39</v>
      </c>
      <c r="AF26699">
        <v>39</v>
      </c>
      <c r="AG26699">
        <v>40</v>
      </c>
      <c r="AH26699">
        <v>40</v>
      </c>
      <c r="AI26699">
        <v>41</v>
      </c>
      <c r="AJ26699">
        <v>42</v>
      </c>
      <c r="AK26699">
        <v>42</v>
      </c>
      <c r="AL26699">
        <v>43</v>
      </c>
      <c r="AM26699">
        <v>43</v>
      </c>
      <c r="AN26699">
        <v>44</v>
      </c>
      <c r="AO26699">
        <v>44</v>
      </c>
      <c r="AP26699">
        <v>45</v>
      </c>
      <c r="AQ26699">
        <v>45</v>
      </c>
    </row>
    <row r="26700" spans="1:43">
      <c r="A26700" t="s">
        <v>16517</v>
      </c>
      <c r="B26700" t="s">
        <v>16518</v>
      </c>
      <c r="C26700" t="s">
        <v>16501</v>
      </c>
      <c r="D26700" t="s">
        <v>16502</v>
      </c>
      <c r="E26700" t="s">
        <v>16459</v>
      </c>
      <c r="F26700" t="s">
        <v>16460</v>
      </c>
      <c r="G26700" t="s">
        <v>10734</v>
      </c>
      <c r="H26700" t="s">
        <v>10735</v>
      </c>
      <c r="I26700" s="2">
        <v>1</v>
      </c>
      <c r="J26700" s="2">
        <v>0</v>
      </c>
      <c r="K26700" s="2">
        <v>0</v>
      </c>
      <c r="L26700" t="s">
        <v>120</v>
      </c>
      <c r="M26700" t="s">
        <v>89</v>
      </c>
      <c r="N26700" t="s">
        <v>90</v>
      </c>
      <c r="O26700" t="s">
        <v>85</v>
      </c>
      <c r="P26700" t="s">
        <v>86</v>
      </c>
      <c r="Q26700">
        <v>31</v>
      </c>
      <c r="R26700">
        <v>32</v>
      </c>
      <c r="S26700">
        <v>33</v>
      </c>
      <c r="T26700">
        <v>34</v>
      </c>
      <c r="U26700">
        <v>35</v>
      </c>
      <c r="V26700">
        <v>36</v>
      </c>
      <c r="W26700">
        <v>37</v>
      </c>
      <c r="X26700">
        <v>38</v>
      </c>
      <c r="Y26700">
        <v>39</v>
      </c>
      <c r="Z26700">
        <v>41</v>
      </c>
      <c r="AA26700">
        <v>42</v>
      </c>
      <c r="AB26700">
        <v>43</v>
      </c>
      <c r="AC26700">
        <v>44</v>
      </c>
      <c r="AD26700">
        <v>45</v>
      </c>
      <c r="AE26700">
        <v>46</v>
      </c>
      <c r="AF26700">
        <v>46</v>
      </c>
      <c r="AG26700">
        <v>47</v>
      </c>
      <c r="AH26700">
        <v>47</v>
      </c>
      <c r="AI26700">
        <v>48</v>
      </c>
      <c r="AJ26700">
        <v>48</v>
      </c>
      <c r="AK26700">
        <v>49</v>
      </c>
      <c r="AL26700">
        <v>49</v>
      </c>
      <c r="AM26700">
        <v>50</v>
      </c>
      <c r="AN26700">
        <v>50</v>
      </c>
      <c r="AO26700">
        <v>51</v>
      </c>
      <c r="AP26700">
        <v>51</v>
      </c>
      <c r="AQ26700">
        <v>52</v>
      </c>
    </row>
    <row r="26701" spans="1:43">
      <c r="A26701" t="s">
        <v>16517</v>
      </c>
      <c r="B26701" t="s">
        <v>16518</v>
      </c>
      <c r="C26701" t="s">
        <v>16501</v>
      </c>
      <c r="D26701" t="s">
        <v>16502</v>
      </c>
      <c r="E26701" t="s">
        <v>16459</v>
      </c>
      <c r="F26701" t="s">
        <v>16460</v>
      </c>
      <c r="G26701" t="s">
        <v>10734</v>
      </c>
      <c r="H26701" t="s">
        <v>10735</v>
      </c>
      <c r="I26701" s="2">
        <v>1</v>
      </c>
      <c r="J26701" s="2">
        <v>0</v>
      </c>
      <c r="K26701" s="2">
        <v>0</v>
      </c>
      <c r="L26701" t="s">
        <v>120</v>
      </c>
      <c r="M26701" t="s">
        <v>83</v>
      </c>
      <c r="N26701" t="s">
        <v>91</v>
      </c>
      <c r="O26701" t="s">
        <v>85</v>
      </c>
      <c r="P26701" t="s">
        <v>86</v>
      </c>
      <c r="Q26701">
        <v>31</v>
      </c>
      <c r="R26701">
        <v>32</v>
      </c>
      <c r="S26701">
        <v>33</v>
      </c>
      <c r="T26701">
        <v>34</v>
      </c>
      <c r="U26701">
        <v>35</v>
      </c>
      <c r="V26701">
        <v>36</v>
      </c>
      <c r="W26701">
        <v>36</v>
      </c>
      <c r="X26701">
        <v>37</v>
      </c>
      <c r="Y26701">
        <v>38</v>
      </c>
      <c r="Z26701">
        <v>39</v>
      </c>
      <c r="AA26701">
        <v>40</v>
      </c>
      <c r="AB26701">
        <v>41</v>
      </c>
      <c r="AC26701">
        <v>42</v>
      </c>
      <c r="AD26701">
        <v>43</v>
      </c>
      <c r="AE26701">
        <v>44</v>
      </c>
      <c r="AF26701">
        <v>45</v>
      </c>
      <c r="AG26701">
        <v>46</v>
      </c>
      <c r="AH26701">
        <v>47</v>
      </c>
      <c r="AI26701">
        <v>47</v>
      </c>
      <c r="AJ26701">
        <v>48</v>
      </c>
      <c r="AK26701">
        <v>49</v>
      </c>
      <c r="AL26701">
        <v>50</v>
      </c>
      <c r="AM26701">
        <v>50</v>
      </c>
      <c r="AN26701">
        <v>51</v>
      </c>
      <c r="AO26701">
        <v>51</v>
      </c>
      <c r="AP26701">
        <v>52</v>
      </c>
      <c r="AQ26701">
        <v>52</v>
      </c>
    </row>
    <row r="26702" spans="1:43">
      <c r="A26702" t="s">
        <v>16519</v>
      </c>
      <c r="B26702" t="s">
        <v>16520</v>
      </c>
      <c r="C26702" t="s">
        <v>16477</v>
      </c>
      <c r="D26702" t="s">
        <v>16478</v>
      </c>
      <c r="E26702" t="s">
        <v>16459</v>
      </c>
      <c r="F26702" t="s">
        <v>16460</v>
      </c>
      <c r="G26702" t="s">
        <v>10734</v>
      </c>
      <c r="H26702" t="s">
        <v>10735</v>
      </c>
      <c r="I26702" s="2">
        <v>1</v>
      </c>
      <c r="J26702" s="2">
        <v>0</v>
      </c>
      <c r="K26702" s="2">
        <v>0</v>
      </c>
      <c r="L26702" t="s">
        <v>120</v>
      </c>
      <c r="M26702" t="s">
        <v>83</v>
      </c>
      <c r="N26702" t="s">
        <v>84</v>
      </c>
      <c r="O26702" t="s">
        <v>85</v>
      </c>
      <c r="P26702" t="s">
        <v>86</v>
      </c>
      <c r="Q26702">
        <v>49</v>
      </c>
      <c r="R26702">
        <v>51</v>
      </c>
      <c r="S26702">
        <v>52</v>
      </c>
      <c r="T26702">
        <v>53</v>
      </c>
      <c r="U26702">
        <v>55</v>
      </c>
      <c r="V26702">
        <v>56</v>
      </c>
      <c r="W26702">
        <v>57</v>
      </c>
      <c r="X26702">
        <v>59</v>
      </c>
      <c r="Y26702">
        <v>60</v>
      </c>
      <c r="Z26702">
        <v>62</v>
      </c>
      <c r="AA26702">
        <v>63</v>
      </c>
      <c r="AB26702">
        <v>64</v>
      </c>
      <c r="AC26702">
        <v>66</v>
      </c>
      <c r="AD26702">
        <v>67</v>
      </c>
      <c r="AE26702">
        <v>69</v>
      </c>
      <c r="AF26702">
        <v>70</v>
      </c>
      <c r="AG26702">
        <v>72</v>
      </c>
      <c r="AH26702">
        <v>73</v>
      </c>
      <c r="AI26702">
        <v>75</v>
      </c>
      <c r="AJ26702">
        <v>76</v>
      </c>
      <c r="AK26702">
        <v>78</v>
      </c>
      <c r="AL26702">
        <v>79</v>
      </c>
      <c r="AM26702">
        <v>79</v>
      </c>
      <c r="AN26702">
        <v>80</v>
      </c>
      <c r="AO26702">
        <v>81</v>
      </c>
      <c r="AP26702">
        <v>82</v>
      </c>
      <c r="AQ26702">
        <v>82</v>
      </c>
    </row>
    <row r="26703" spans="1:43">
      <c r="A26703" t="s">
        <v>16519</v>
      </c>
      <c r="B26703" t="s">
        <v>16520</v>
      </c>
      <c r="C26703" t="s">
        <v>16477</v>
      </c>
      <c r="D26703" t="s">
        <v>16478</v>
      </c>
      <c r="E26703" t="s">
        <v>16459</v>
      </c>
      <c r="F26703" t="s">
        <v>16460</v>
      </c>
      <c r="G26703" t="s">
        <v>10734</v>
      </c>
      <c r="H26703" t="s">
        <v>10735</v>
      </c>
      <c r="I26703" s="2">
        <v>1</v>
      </c>
      <c r="J26703" s="2">
        <v>0</v>
      </c>
      <c r="K26703" s="2">
        <v>0</v>
      </c>
      <c r="L26703" t="s">
        <v>120</v>
      </c>
      <c r="M26703" t="s">
        <v>87</v>
      </c>
      <c r="N26703" t="s">
        <v>88</v>
      </c>
      <c r="O26703" t="s">
        <v>85</v>
      </c>
      <c r="P26703" t="s">
        <v>86</v>
      </c>
      <c r="Q26703">
        <v>49</v>
      </c>
      <c r="R26703">
        <v>50</v>
      </c>
      <c r="S26703">
        <v>50</v>
      </c>
      <c r="T26703">
        <v>51</v>
      </c>
      <c r="U26703">
        <v>52</v>
      </c>
      <c r="V26703">
        <v>53</v>
      </c>
      <c r="W26703">
        <v>54</v>
      </c>
      <c r="X26703">
        <v>55</v>
      </c>
      <c r="Y26703">
        <v>56</v>
      </c>
      <c r="Z26703">
        <v>57</v>
      </c>
      <c r="AA26703">
        <v>57</v>
      </c>
      <c r="AB26703">
        <v>58</v>
      </c>
      <c r="AC26703">
        <v>59</v>
      </c>
      <c r="AD26703">
        <v>60</v>
      </c>
      <c r="AE26703">
        <v>61</v>
      </c>
      <c r="AF26703">
        <v>62</v>
      </c>
      <c r="AG26703">
        <v>63</v>
      </c>
      <c r="AH26703">
        <v>64</v>
      </c>
      <c r="AI26703">
        <v>65</v>
      </c>
      <c r="AJ26703">
        <v>66</v>
      </c>
      <c r="AK26703">
        <v>66</v>
      </c>
      <c r="AL26703">
        <v>67</v>
      </c>
      <c r="AM26703">
        <v>68</v>
      </c>
      <c r="AN26703">
        <v>69</v>
      </c>
      <c r="AO26703">
        <v>70</v>
      </c>
      <c r="AP26703">
        <v>71</v>
      </c>
      <c r="AQ26703">
        <v>72</v>
      </c>
    </row>
    <row r="26704" spans="1:43">
      <c r="A26704" t="s">
        <v>16519</v>
      </c>
      <c r="B26704" t="s">
        <v>16520</v>
      </c>
      <c r="C26704" t="s">
        <v>16477</v>
      </c>
      <c r="D26704" t="s">
        <v>16478</v>
      </c>
      <c r="E26704" t="s">
        <v>16459</v>
      </c>
      <c r="F26704" t="s">
        <v>16460</v>
      </c>
      <c r="G26704" t="s">
        <v>10734</v>
      </c>
      <c r="H26704" t="s">
        <v>10735</v>
      </c>
      <c r="I26704" s="2">
        <v>1</v>
      </c>
      <c r="J26704" s="2">
        <v>0</v>
      </c>
      <c r="K26704" s="2">
        <v>0</v>
      </c>
      <c r="L26704" t="s">
        <v>120</v>
      </c>
      <c r="M26704" t="s">
        <v>89</v>
      </c>
      <c r="N26704" t="s">
        <v>90</v>
      </c>
      <c r="O26704" t="s">
        <v>85</v>
      </c>
      <c r="P26704" t="s">
        <v>86</v>
      </c>
      <c r="Q26704">
        <v>49</v>
      </c>
      <c r="R26704">
        <v>50</v>
      </c>
      <c r="S26704">
        <v>52</v>
      </c>
      <c r="T26704">
        <v>54</v>
      </c>
      <c r="U26704">
        <v>56</v>
      </c>
      <c r="V26704">
        <v>57</v>
      </c>
      <c r="W26704">
        <v>59</v>
      </c>
      <c r="X26704">
        <v>61</v>
      </c>
      <c r="Y26704">
        <v>63</v>
      </c>
      <c r="Z26704">
        <v>64</v>
      </c>
      <c r="AA26704">
        <v>66</v>
      </c>
      <c r="AB26704">
        <v>68</v>
      </c>
      <c r="AC26704">
        <v>69</v>
      </c>
      <c r="AD26704">
        <v>71</v>
      </c>
      <c r="AE26704">
        <v>73</v>
      </c>
      <c r="AF26704">
        <v>73</v>
      </c>
      <c r="AG26704">
        <v>74</v>
      </c>
      <c r="AH26704">
        <v>75</v>
      </c>
      <c r="AI26704">
        <v>76</v>
      </c>
      <c r="AJ26704">
        <v>77</v>
      </c>
      <c r="AK26704">
        <v>77</v>
      </c>
      <c r="AL26704">
        <v>78</v>
      </c>
      <c r="AM26704">
        <v>79</v>
      </c>
      <c r="AN26704">
        <v>80</v>
      </c>
      <c r="AO26704">
        <v>80</v>
      </c>
      <c r="AP26704">
        <v>81</v>
      </c>
      <c r="AQ26704">
        <v>82</v>
      </c>
    </row>
    <row r="26705" spans="1:43">
      <c r="A26705" t="s">
        <v>16519</v>
      </c>
      <c r="B26705" t="s">
        <v>16520</v>
      </c>
      <c r="C26705" t="s">
        <v>16477</v>
      </c>
      <c r="D26705" t="s">
        <v>16478</v>
      </c>
      <c r="E26705" t="s">
        <v>16459</v>
      </c>
      <c r="F26705" t="s">
        <v>16460</v>
      </c>
      <c r="G26705" t="s">
        <v>10734</v>
      </c>
      <c r="H26705" t="s">
        <v>10735</v>
      </c>
      <c r="I26705" s="2">
        <v>1</v>
      </c>
      <c r="J26705" s="2">
        <v>0</v>
      </c>
      <c r="K26705" s="2">
        <v>0</v>
      </c>
      <c r="L26705" t="s">
        <v>120</v>
      </c>
      <c r="M26705" t="s">
        <v>83</v>
      </c>
      <c r="N26705" t="s">
        <v>91</v>
      </c>
      <c r="O26705" t="s">
        <v>85</v>
      </c>
      <c r="P26705" t="s">
        <v>86</v>
      </c>
      <c r="Q26705">
        <v>49</v>
      </c>
      <c r="R26705">
        <v>51</v>
      </c>
      <c r="S26705">
        <v>52</v>
      </c>
      <c r="T26705">
        <v>53</v>
      </c>
      <c r="U26705">
        <v>55</v>
      </c>
      <c r="V26705">
        <v>56</v>
      </c>
      <c r="W26705">
        <v>57</v>
      </c>
      <c r="X26705">
        <v>59</v>
      </c>
      <c r="Y26705">
        <v>60</v>
      </c>
      <c r="Z26705">
        <v>62</v>
      </c>
      <c r="AA26705">
        <v>63</v>
      </c>
      <c r="AB26705">
        <v>64</v>
      </c>
      <c r="AC26705">
        <v>66</v>
      </c>
      <c r="AD26705">
        <v>67</v>
      </c>
      <c r="AE26705">
        <v>69</v>
      </c>
      <c r="AF26705">
        <v>70</v>
      </c>
      <c r="AG26705">
        <v>72</v>
      </c>
      <c r="AH26705">
        <v>73</v>
      </c>
      <c r="AI26705">
        <v>75</v>
      </c>
      <c r="AJ26705">
        <v>76</v>
      </c>
      <c r="AK26705">
        <v>78</v>
      </c>
      <c r="AL26705">
        <v>79</v>
      </c>
      <c r="AM26705">
        <v>79</v>
      </c>
      <c r="AN26705">
        <v>80</v>
      </c>
      <c r="AO26705">
        <v>81</v>
      </c>
      <c r="AP26705">
        <v>82</v>
      </c>
      <c r="AQ26705">
        <v>82</v>
      </c>
    </row>
    <row r="26706" spans="1:43">
      <c r="A26706" t="s">
        <v>16521</v>
      </c>
      <c r="B26706" t="s">
        <v>16522</v>
      </c>
      <c r="C26706" t="s">
        <v>16477</v>
      </c>
      <c r="D26706" t="s">
        <v>16478</v>
      </c>
      <c r="E26706" t="s">
        <v>16459</v>
      </c>
      <c r="F26706" t="s">
        <v>16460</v>
      </c>
      <c r="G26706" t="s">
        <v>10734</v>
      </c>
      <c r="H26706" t="s">
        <v>10735</v>
      </c>
      <c r="I26706" s="2">
        <v>1</v>
      </c>
      <c r="J26706" s="2">
        <v>0</v>
      </c>
      <c r="K26706" s="2">
        <v>0</v>
      </c>
      <c r="L26706" t="s">
        <v>120</v>
      </c>
      <c r="M26706" t="s">
        <v>83</v>
      </c>
      <c r="N26706" t="s">
        <v>84</v>
      </c>
      <c r="O26706" t="s">
        <v>85</v>
      </c>
      <c r="P26706" t="s">
        <v>86</v>
      </c>
      <c r="Q26706">
        <v>38</v>
      </c>
      <c r="R26706">
        <v>39</v>
      </c>
      <c r="S26706">
        <v>40</v>
      </c>
      <c r="T26706">
        <v>41</v>
      </c>
      <c r="U26706">
        <v>42</v>
      </c>
      <c r="V26706">
        <v>43</v>
      </c>
      <c r="W26706">
        <v>44</v>
      </c>
      <c r="X26706">
        <v>46</v>
      </c>
      <c r="Y26706">
        <v>47</v>
      </c>
      <c r="Z26706">
        <v>48</v>
      </c>
      <c r="AA26706">
        <v>49</v>
      </c>
      <c r="AB26706">
        <v>50</v>
      </c>
      <c r="AC26706">
        <v>51</v>
      </c>
      <c r="AD26706">
        <v>52</v>
      </c>
      <c r="AE26706">
        <v>53</v>
      </c>
      <c r="AF26706">
        <v>54</v>
      </c>
      <c r="AG26706">
        <v>55</v>
      </c>
      <c r="AH26706">
        <v>57</v>
      </c>
      <c r="AI26706">
        <v>58</v>
      </c>
      <c r="AJ26706">
        <v>59</v>
      </c>
      <c r="AK26706">
        <v>60</v>
      </c>
      <c r="AL26706">
        <v>61</v>
      </c>
      <c r="AM26706">
        <v>61</v>
      </c>
      <c r="AN26706">
        <v>62</v>
      </c>
      <c r="AO26706">
        <v>63</v>
      </c>
      <c r="AP26706">
        <v>63</v>
      </c>
      <c r="AQ26706">
        <v>64</v>
      </c>
    </row>
    <row r="26707" spans="1:43">
      <c r="A26707" t="s">
        <v>16521</v>
      </c>
      <c r="B26707" t="s">
        <v>16522</v>
      </c>
      <c r="C26707" t="s">
        <v>16477</v>
      </c>
      <c r="D26707" t="s">
        <v>16478</v>
      </c>
      <c r="E26707" t="s">
        <v>16459</v>
      </c>
      <c r="F26707" t="s">
        <v>16460</v>
      </c>
      <c r="G26707" t="s">
        <v>10734</v>
      </c>
      <c r="H26707" t="s">
        <v>10735</v>
      </c>
      <c r="I26707" s="2">
        <v>1</v>
      </c>
      <c r="J26707" s="2">
        <v>0</v>
      </c>
      <c r="K26707" s="2">
        <v>0</v>
      </c>
      <c r="L26707" t="s">
        <v>120</v>
      </c>
      <c r="M26707" t="s">
        <v>87</v>
      </c>
      <c r="N26707" t="s">
        <v>88</v>
      </c>
      <c r="O26707" t="s">
        <v>85</v>
      </c>
      <c r="P26707" t="s">
        <v>86</v>
      </c>
      <c r="Q26707">
        <v>38</v>
      </c>
      <c r="R26707">
        <v>38</v>
      </c>
      <c r="S26707">
        <v>39</v>
      </c>
      <c r="T26707">
        <v>40</v>
      </c>
      <c r="U26707">
        <v>40</v>
      </c>
      <c r="V26707">
        <v>41</v>
      </c>
      <c r="W26707">
        <v>42</v>
      </c>
      <c r="X26707">
        <v>42</v>
      </c>
      <c r="Y26707">
        <v>43</v>
      </c>
      <c r="Z26707">
        <v>44</v>
      </c>
      <c r="AA26707">
        <v>45</v>
      </c>
      <c r="AB26707">
        <v>45</v>
      </c>
      <c r="AC26707">
        <v>46</v>
      </c>
      <c r="AD26707">
        <v>47</v>
      </c>
      <c r="AE26707">
        <v>47</v>
      </c>
      <c r="AF26707">
        <v>48</v>
      </c>
      <c r="AG26707">
        <v>49</v>
      </c>
      <c r="AH26707">
        <v>49</v>
      </c>
      <c r="AI26707">
        <v>50</v>
      </c>
      <c r="AJ26707">
        <v>51</v>
      </c>
      <c r="AK26707">
        <v>52</v>
      </c>
      <c r="AL26707">
        <v>52</v>
      </c>
      <c r="AM26707">
        <v>53</v>
      </c>
      <c r="AN26707">
        <v>54</v>
      </c>
      <c r="AO26707">
        <v>54</v>
      </c>
      <c r="AP26707">
        <v>55</v>
      </c>
      <c r="AQ26707">
        <v>56</v>
      </c>
    </row>
    <row r="26708" spans="1:43">
      <c r="A26708" t="s">
        <v>16521</v>
      </c>
      <c r="B26708" t="s">
        <v>16522</v>
      </c>
      <c r="C26708" t="s">
        <v>16477</v>
      </c>
      <c r="D26708" t="s">
        <v>16478</v>
      </c>
      <c r="E26708" t="s">
        <v>16459</v>
      </c>
      <c r="F26708" t="s">
        <v>16460</v>
      </c>
      <c r="G26708" t="s">
        <v>10734</v>
      </c>
      <c r="H26708" t="s">
        <v>10735</v>
      </c>
      <c r="I26708" s="2">
        <v>1</v>
      </c>
      <c r="J26708" s="2">
        <v>0</v>
      </c>
      <c r="K26708" s="2">
        <v>0</v>
      </c>
      <c r="L26708" t="s">
        <v>120</v>
      </c>
      <c r="M26708" t="s">
        <v>89</v>
      </c>
      <c r="N26708" t="s">
        <v>90</v>
      </c>
      <c r="O26708" t="s">
        <v>85</v>
      </c>
      <c r="P26708" t="s">
        <v>86</v>
      </c>
      <c r="Q26708">
        <v>38</v>
      </c>
      <c r="R26708">
        <v>40</v>
      </c>
      <c r="S26708">
        <v>41</v>
      </c>
      <c r="T26708">
        <v>43</v>
      </c>
      <c r="U26708">
        <v>44</v>
      </c>
      <c r="V26708">
        <v>45</v>
      </c>
      <c r="W26708">
        <v>47</v>
      </c>
      <c r="X26708">
        <v>48</v>
      </c>
      <c r="Y26708">
        <v>49</v>
      </c>
      <c r="Z26708">
        <v>51</v>
      </c>
      <c r="AA26708">
        <v>52</v>
      </c>
      <c r="AB26708">
        <v>53</v>
      </c>
      <c r="AC26708">
        <v>55</v>
      </c>
      <c r="AD26708">
        <v>56</v>
      </c>
      <c r="AE26708">
        <v>57</v>
      </c>
      <c r="AF26708">
        <v>58</v>
      </c>
      <c r="AG26708">
        <v>58</v>
      </c>
      <c r="AH26708">
        <v>59</v>
      </c>
      <c r="AI26708">
        <v>59</v>
      </c>
      <c r="AJ26708">
        <v>60</v>
      </c>
      <c r="AK26708">
        <v>61</v>
      </c>
      <c r="AL26708">
        <v>61</v>
      </c>
      <c r="AM26708">
        <v>62</v>
      </c>
      <c r="AN26708">
        <v>62</v>
      </c>
      <c r="AO26708">
        <v>63</v>
      </c>
      <c r="AP26708">
        <v>64</v>
      </c>
      <c r="AQ26708">
        <v>64</v>
      </c>
    </row>
    <row r="26709" spans="1:43">
      <c r="A26709" t="s">
        <v>16521</v>
      </c>
      <c r="B26709" t="s">
        <v>16522</v>
      </c>
      <c r="C26709" t="s">
        <v>16477</v>
      </c>
      <c r="D26709" t="s">
        <v>16478</v>
      </c>
      <c r="E26709" t="s">
        <v>16459</v>
      </c>
      <c r="F26709" t="s">
        <v>16460</v>
      </c>
      <c r="G26709" t="s">
        <v>10734</v>
      </c>
      <c r="H26709" t="s">
        <v>10735</v>
      </c>
      <c r="I26709" s="2">
        <v>1</v>
      </c>
      <c r="J26709" s="2">
        <v>0</v>
      </c>
      <c r="K26709" s="2">
        <v>0</v>
      </c>
      <c r="L26709" t="s">
        <v>120</v>
      </c>
      <c r="M26709" t="s">
        <v>83</v>
      </c>
      <c r="N26709" t="s">
        <v>91</v>
      </c>
      <c r="O26709" t="s">
        <v>85</v>
      </c>
      <c r="P26709" t="s">
        <v>86</v>
      </c>
      <c r="Q26709">
        <v>38</v>
      </c>
      <c r="R26709">
        <v>39</v>
      </c>
      <c r="S26709">
        <v>40</v>
      </c>
      <c r="T26709">
        <v>41</v>
      </c>
      <c r="U26709">
        <v>42</v>
      </c>
      <c r="V26709">
        <v>43</v>
      </c>
      <c r="W26709">
        <v>44</v>
      </c>
      <c r="X26709">
        <v>46</v>
      </c>
      <c r="Y26709">
        <v>47</v>
      </c>
      <c r="Z26709">
        <v>48</v>
      </c>
      <c r="AA26709">
        <v>49</v>
      </c>
      <c r="AB26709">
        <v>50</v>
      </c>
      <c r="AC26709">
        <v>51</v>
      </c>
      <c r="AD26709">
        <v>52</v>
      </c>
      <c r="AE26709">
        <v>53</v>
      </c>
      <c r="AF26709">
        <v>54</v>
      </c>
      <c r="AG26709">
        <v>55</v>
      </c>
      <c r="AH26709">
        <v>57</v>
      </c>
      <c r="AI26709">
        <v>58</v>
      </c>
      <c r="AJ26709">
        <v>59</v>
      </c>
      <c r="AK26709">
        <v>60</v>
      </c>
      <c r="AL26709">
        <v>61</v>
      </c>
      <c r="AM26709">
        <v>61</v>
      </c>
      <c r="AN26709">
        <v>62</v>
      </c>
      <c r="AO26709">
        <v>63</v>
      </c>
      <c r="AP26709">
        <v>63</v>
      </c>
      <c r="AQ26709">
        <v>64</v>
      </c>
    </row>
    <row r="26710" spans="1:43">
      <c r="A26710" t="s">
        <v>16523</v>
      </c>
      <c r="B26710" t="s">
        <v>16524</v>
      </c>
      <c r="C26710" t="s">
        <v>16477</v>
      </c>
      <c r="D26710" t="s">
        <v>16478</v>
      </c>
      <c r="E26710" t="s">
        <v>16459</v>
      </c>
      <c r="F26710" t="s">
        <v>16460</v>
      </c>
      <c r="G26710" t="s">
        <v>10734</v>
      </c>
      <c r="H26710" t="s">
        <v>10735</v>
      </c>
      <c r="I26710" s="2">
        <v>1</v>
      </c>
      <c r="J26710" s="2">
        <v>0</v>
      </c>
      <c r="K26710" s="2">
        <v>0</v>
      </c>
      <c r="L26710" t="s">
        <v>120</v>
      </c>
      <c r="M26710" t="s">
        <v>83</v>
      </c>
      <c r="N26710" t="s">
        <v>84</v>
      </c>
      <c r="O26710" t="s">
        <v>85</v>
      </c>
      <c r="P26710" t="s">
        <v>86</v>
      </c>
      <c r="Q26710">
        <v>42</v>
      </c>
      <c r="R26710">
        <v>43</v>
      </c>
      <c r="S26710">
        <v>44</v>
      </c>
      <c r="T26710">
        <v>45</v>
      </c>
      <c r="U26710">
        <v>46</v>
      </c>
      <c r="V26710">
        <v>48</v>
      </c>
      <c r="W26710">
        <v>49</v>
      </c>
      <c r="X26710">
        <v>50</v>
      </c>
      <c r="Y26710">
        <v>51</v>
      </c>
      <c r="Z26710">
        <v>52</v>
      </c>
      <c r="AA26710">
        <v>54</v>
      </c>
      <c r="AB26710">
        <v>55</v>
      </c>
      <c r="AC26710">
        <v>56</v>
      </c>
      <c r="AD26710">
        <v>57</v>
      </c>
      <c r="AE26710">
        <v>58</v>
      </c>
      <c r="AF26710">
        <v>60</v>
      </c>
      <c r="AG26710">
        <v>61</v>
      </c>
      <c r="AH26710">
        <v>62</v>
      </c>
      <c r="AI26710">
        <v>63</v>
      </c>
      <c r="AJ26710">
        <v>65</v>
      </c>
      <c r="AK26710">
        <v>66</v>
      </c>
      <c r="AL26710">
        <v>67</v>
      </c>
      <c r="AM26710">
        <v>67</v>
      </c>
      <c r="AN26710">
        <v>68</v>
      </c>
      <c r="AO26710">
        <v>69</v>
      </c>
      <c r="AP26710">
        <v>69</v>
      </c>
      <c r="AQ26710">
        <v>70</v>
      </c>
    </row>
    <row r="26711" spans="1:43">
      <c r="A26711" t="s">
        <v>16523</v>
      </c>
      <c r="B26711" t="s">
        <v>16524</v>
      </c>
      <c r="C26711" t="s">
        <v>16477</v>
      </c>
      <c r="D26711" t="s">
        <v>16478</v>
      </c>
      <c r="E26711" t="s">
        <v>16459</v>
      </c>
      <c r="F26711" t="s">
        <v>16460</v>
      </c>
      <c r="G26711" t="s">
        <v>10734</v>
      </c>
      <c r="H26711" t="s">
        <v>10735</v>
      </c>
      <c r="I26711" s="2">
        <v>1</v>
      </c>
      <c r="J26711" s="2">
        <v>0</v>
      </c>
      <c r="K26711" s="2">
        <v>0</v>
      </c>
      <c r="L26711" t="s">
        <v>120</v>
      </c>
      <c r="M26711" t="s">
        <v>87</v>
      </c>
      <c r="N26711" t="s">
        <v>88</v>
      </c>
      <c r="O26711" t="s">
        <v>85</v>
      </c>
      <c r="P26711" t="s">
        <v>86</v>
      </c>
      <c r="Q26711">
        <v>42</v>
      </c>
      <c r="R26711">
        <v>43</v>
      </c>
      <c r="S26711">
        <v>44</v>
      </c>
      <c r="T26711">
        <v>45</v>
      </c>
      <c r="U26711">
        <v>45</v>
      </c>
      <c r="V26711">
        <v>46</v>
      </c>
      <c r="W26711">
        <v>47</v>
      </c>
      <c r="X26711">
        <v>48</v>
      </c>
      <c r="Y26711">
        <v>48</v>
      </c>
      <c r="Z26711">
        <v>49</v>
      </c>
      <c r="AA26711">
        <v>50</v>
      </c>
      <c r="AB26711">
        <v>51</v>
      </c>
      <c r="AC26711">
        <v>51</v>
      </c>
      <c r="AD26711">
        <v>52</v>
      </c>
      <c r="AE26711">
        <v>53</v>
      </c>
      <c r="AF26711">
        <v>54</v>
      </c>
      <c r="AG26711">
        <v>55</v>
      </c>
      <c r="AH26711">
        <v>55</v>
      </c>
      <c r="AI26711">
        <v>56</v>
      </c>
      <c r="AJ26711">
        <v>57</v>
      </c>
      <c r="AK26711">
        <v>58</v>
      </c>
      <c r="AL26711">
        <v>58</v>
      </c>
      <c r="AM26711">
        <v>59</v>
      </c>
      <c r="AN26711">
        <v>60</v>
      </c>
      <c r="AO26711">
        <v>61</v>
      </c>
      <c r="AP26711">
        <v>61</v>
      </c>
      <c r="AQ26711">
        <v>62</v>
      </c>
    </row>
    <row r="26712" spans="1:43">
      <c r="A26712" t="s">
        <v>16523</v>
      </c>
      <c r="B26712" t="s">
        <v>16524</v>
      </c>
      <c r="C26712" t="s">
        <v>16477</v>
      </c>
      <c r="D26712" t="s">
        <v>16478</v>
      </c>
      <c r="E26712" t="s">
        <v>16459</v>
      </c>
      <c r="F26712" t="s">
        <v>16460</v>
      </c>
      <c r="G26712" t="s">
        <v>10734</v>
      </c>
      <c r="H26712" t="s">
        <v>10735</v>
      </c>
      <c r="I26712" s="2">
        <v>1</v>
      </c>
      <c r="J26712" s="2">
        <v>0</v>
      </c>
      <c r="K26712" s="2">
        <v>0</v>
      </c>
      <c r="L26712" t="s">
        <v>120</v>
      </c>
      <c r="M26712" t="s">
        <v>89</v>
      </c>
      <c r="N26712" t="s">
        <v>90</v>
      </c>
      <c r="O26712" t="s">
        <v>85</v>
      </c>
      <c r="P26712" t="s">
        <v>86</v>
      </c>
      <c r="Q26712">
        <v>42</v>
      </c>
      <c r="R26712">
        <v>44</v>
      </c>
      <c r="S26712">
        <v>45</v>
      </c>
      <c r="T26712">
        <v>47</v>
      </c>
      <c r="U26712">
        <v>48</v>
      </c>
      <c r="V26712">
        <v>50</v>
      </c>
      <c r="W26712">
        <v>51</v>
      </c>
      <c r="X26712">
        <v>53</v>
      </c>
      <c r="Y26712">
        <v>54</v>
      </c>
      <c r="Z26712">
        <v>55</v>
      </c>
      <c r="AA26712">
        <v>57</v>
      </c>
      <c r="AB26712">
        <v>58</v>
      </c>
      <c r="AC26712">
        <v>60</v>
      </c>
      <c r="AD26712">
        <v>61</v>
      </c>
      <c r="AE26712">
        <v>63</v>
      </c>
      <c r="AF26712">
        <v>63</v>
      </c>
      <c r="AG26712">
        <v>64</v>
      </c>
      <c r="AH26712">
        <v>65</v>
      </c>
      <c r="AI26712">
        <v>65</v>
      </c>
      <c r="AJ26712">
        <v>66</v>
      </c>
      <c r="AK26712">
        <v>67</v>
      </c>
      <c r="AL26712">
        <v>67</v>
      </c>
      <c r="AM26712">
        <v>68</v>
      </c>
      <c r="AN26712">
        <v>69</v>
      </c>
      <c r="AO26712">
        <v>69</v>
      </c>
      <c r="AP26712">
        <v>70</v>
      </c>
      <c r="AQ26712">
        <v>70</v>
      </c>
    </row>
    <row r="26713" spans="1:43">
      <c r="A26713" t="s">
        <v>16523</v>
      </c>
      <c r="B26713" t="s">
        <v>16524</v>
      </c>
      <c r="C26713" t="s">
        <v>16477</v>
      </c>
      <c r="D26713" t="s">
        <v>16478</v>
      </c>
      <c r="E26713" t="s">
        <v>16459</v>
      </c>
      <c r="F26713" t="s">
        <v>16460</v>
      </c>
      <c r="G26713" t="s">
        <v>10734</v>
      </c>
      <c r="H26713" t="s">
        <v>10735</v>
      </c>
      <c r="I26713" s="2">
        <v>1</v>
      </c>
      <c r="J26713" s="2">
        <v>0</v>
      </c>
      <c r="K26713" s="2">
        <v>0</v>
      </c>
      <c r="L26713" t="s">
        <v>120</v>
      </c>
      <c r="M26713" t="s">
        <v>83</v>
      </c>
      <c r="N26713" t="s">
        <v>91</v>
      </c>
      <c r="O26713" t="s">
        <v>85</v>
      </c>
      <c r="P26713" t="s">
        <v>86</v>
      </c>
      <c r="Q26713">
        <v>42</v>
      </c>
      <c r="R26713">
        <v>43</v>
      </c>
      <c r="S26713">
        <v>44</v>
      </c>
      <c r="T26713">
        <v>45</v>
      </c>
      <c r="U26713">
        <v>46</v>
      </c>
      <c r="V26713">
        <v>48</v>
      </c>
      <c r="W26713">
        <v>49</v>
      </c>
      <c r="X26713">
        <v>50</v>
      </c>
      <c r="Y26713">
        <v>51</v>
      </c>
      <c r="Z26713">
        <v>52</v>
      </c>
      <c r="AA26713">
        <v>54</v>
      </c>
      <c r="AB26713">
        <v>55</v>
      </c>
      <c r="AC26713">
        <v>56</v>
      </c>
      <c r="AD26713">
        <v>57</v>
      </c>
      <c r="AE26713">
        <v>58</v>
      </c>
      <c r="AF26713">
        <v>60</v>
      </c>
      <c r="AG26713">
        <v>61</v>
      </c>
      <c r="AH26713">
        <v>62</v>
      </c>
      <c r="AI26713">
        <v>63</v>
      </c>
      <c r="AJ26713">
        <v>65</v>
      </c>
      <c r="AK26713">
        <v>66</v>
      </c>
      <c r="AL26713">
        <v>67</v>
      </c>
      <c r="AM26713">
        <v>67</v>
      </c>
      <c r="AN26713">
        <v>68</v>
      </c>
      <c r="AO26713">
        <v>69</v>
      </c>
      <c r="AP26713">
        <v>69</v>
      </c>
      <c r="AQ26713">
        <v>70</v>
      </c>
    </row>
    <row r="26714" spans="1:43">
      <c r="A26714" t="s">
        <v>16525</v>
      </c>
      <c r="B26714" t="s">
        <v>16526</v>
      </c>
      <c r="C26714" t="s">
        <v>16527</v>
      </c>
      <c r="D26714" t="s">
        <v>16528</v>
      </c>
      <c r="E26714" t="s">
        <v>16459</v>
      </c>
      <c r="F26714" t="s">
        <v>16460</v>
      </c>
      <c r="G26714" t="s">
        <v>10734</v>
      </c>
      <c r="H26714" t="s">
        <v>10735</v>
      </c>
      <c r="I26714" s="2">
        <v>1</v>
      </c>
      <c r="J26714" s="2">
        <v>0</v>
      </c>
      <c r="K26714" s="2">
        <v>0</v>
      </c>
      <c r="L26714" t="s">
        <v>120</v>
      </c>
      <c r="M26714" t="s">
        <v>83</v>
      </c>
      <c r="N26714" t="s">
        <v>84</v>
      </c>
      <c r="O26714" t="s">
        <v>85</v>
      </c>
      <c r="P26714" t="s">
        <v>86</v>
      </c>
      <c r="Q26714">
        <v>28</v>
      </c>
      <c r="R26714">
        <v>29</v>
      </c>
      <c r="S26714">
        <v>30</v>
      </c>
      <c r="T26714">
        <v>30</v>
      </c>
      <c r="U26714">
        <v>31</v>
      </c>
      <c r="V26714">
        <v>32</v>
      </c>
      <c r="W26714">
        <v>33</v>
      </c>
      <c r="X26714">
        <v>34</v>
      </c>
      <c r="Y26714">
        <v>34</v>
      </c>
      <c r="Z26714">
        <v>35</v>
      </c>
      <c r="AA26714">
        <v>36</v>
      </c>
      <c r="AB26714">
        <v>37</v>
      </c>
      <c r="AC26714">
        <v>38</v>
      </c>
      <c r="AD26714">
        <v>38</v>
      </c>
      <c r="AE26714">
        <v>39</v>
      </c>
      <c r="AF26714">
        <v>40</v>
      </c>
      <c r="AG26714">
        <v>41</v>
      </c>
      <c r="AH26714">
        <v>42</v>
      </c>
      <c r="AI26714">
        <v>43</v>
      </c>
      <c r="AJ26714">
        <v>44</v>
      </c>
      <c r="AK26714">
        <v>44</v>
      </c>
      <c r="AL26714">
        <v>45</v>
      </c>
      <c r="AM26714">
        <v>45</v>
      </c>
      <c r="AN26714">
        <v>46</v>
      </c>
      <c r="AO26714">
        <v>46</v>
      </c>
      <c r="AP26714">
        <v>47</v>
      </c>
      <c r="AQ26714">
        <v>47</v>
      </c>
    </row>
    <row r="26715" spans="1:43">
      <c r="A26715" t="s">
        <v>16525</v>
      </c>
      <c r="B26715" t="s">
        <v>16526</v>
      </c>
      <c r="C26715" t="s">
        <v>16527</v>
      </c>
      <c r="D26715" t="s">
        <v>16528</v>
      </c>
      <c r="E26715" t="s">
        <v>16459</v>
      </c>
      <c r="F26715" t="s">
        <v>16460</v>
      </c>
      <c r="G26715" t="s">
        <v>10734</v>
      </c>
      <c r="H26715" t="s">
        <v>10735</v>
      </c>
      <c r="I26715" s="2">
        <v>1</v>
      </c>
      <c r="J26715" s="2">
        <v>0</v>
      </c>
      <c r="K26715" s="2">
        <v>0</v>
      </c>
      <c r="L26715" t="s">
        <v>120</v>
      </c>
      <c r="M26715" t="s">
        <v>87</v>
      </c>
      <c r="N26715" t="s">
        <v>88</v>
      </c>
      <c r="O26715" t="s">
        <v>85</v>
      </c>
      <c r="P26715" t="s">
        <v>86</v>
      </c>
      <c r="Q26715">
        <v>28</v>
      </c>
      <c r="R26715">
        <v>28</v>
      </c>
      <c r="S26715">
        <v>29</v>
      </c>
      <c r="T26715">
        <v>29</v>
      </c>
      <c r="U26715">
        <v>30</v>
      </c>
      <c r="V26715">
        <v>30</v>
      </c>
      <c r="W26715">
        <v>31</v>
      </c>
      <c r="X26715">
        <v>31</v>
      </c>
      <c r="Y26715">
        <v>32</v>
      </c>
      <c r="Z26715">
        <v>32</v>
      </c>
      <c r="AA26715">
        <v>33</v>
      </c>
      <c r="AB26715">
        <v>33</v>
      </c>
      <c r="AC26715">
        <v>34</v>
      </c>
      <c r="AD26715">
        <v>34</v>
      </c>
      <c r="AE26715">
        <v>35</v>
      </c>
      <c r="AF26715">
        <v>35</v>
      </c>
      <c r="AG26715">
        <v>36</v>
      </c>
      <c r="AH26715">
        <v>37</v>
      </c>
      <c r="AI26715">
        <v>37</v>
      </c>
      <c r="AJ26715">
        <v>38</v>
      </c>
      <c r="AK26715">
        <v>38</v>
      </c>
      <c r="AL26715">
        <v>39</v>
      </c>
      <c r="AM26715">
        <v>39</v>
      </c>
      <c r="AN26715">
        <v>40</v>
      </c>
      <c r="AO26715">
        <v>40</v>
      </c>
      <c r="AP26715">
        <v>41</v>
      </c>
      <c r="AQ26715">
        <v>41</v>
      </c>
    </row>
    <row r="26716" spans="1:43">
      <c r="A26716" t="s">
        <v>16525</v>
      </c>
      <c r="B26716" t="s">
        <v>16526</v>
      </c>
      <c r="C26716" t="s">
        <v>16527</v>
      </c>
      <c r="D26716" t="s">
        <v>16528</v>
      </c>
      <c r="E26716" t="s">
        <v>16459</v>
      </c>
      <c r="F26716" t="s">
        <v>16460</v>
      </c>
      <c r="G26716" t="s">
        <v>10734</v>
      </c>
      <c r="H26716" t="s">
        <v>10735</v>
      </c>
      <c r="I26716" s="2">
        <v>1</v>
      </c>
      <c r="J26716" s="2">
        <v>0</v>
      </c>
      <c r="K26716" s="2">
        <v>0</v>
      </c>
      <c r="L26716" t="s">
        <v>120</v>
      </c>
      <c r="M26716" t="s">
        <v>89</v>
      </c>
      <c r="N26716" t="s">
        <v>90</v>
      </c>
      <c r="O26716" t="s">
        <v>85</v>
      </c>
      <c r="P26716" t="s">
        <v>86</v>
      </c>
      <c r="Q26716">
        <v>28</v>
      </c>
      <c r="R26716">
        <v>29</v>
      </c>
      <c r="S26716">
        <v>30</v>
      </c>
      <c r="T26716">
        <v>31</v>
      </c>
      <c r="U26716">
        <v>32</v>
      </c>
      <c r="V26716">
        <v>33</v>
      </c>
      <c r="W26716">
        <v>34</v>
      </c>
      <c r="X26716">
        <v>35</v>
      </c>
      <c r="Y26716">
        <v>36</v>
      </c>
      <c r="Z26716">
        <v>37</v>
      </c>
      <c r="AA26716">
        <v>38</v>
      </c>
      <c r="AB26716">
        <v>39</v>
      </c>
      <c r="AC26716">
        <v>40</v>
      </c>
      <c r="AD26716">
        <v>41</v>
      </c>
      <c r="AE26716">
        <v>42</v>
      </c>
      <c r="AF26716">
        <v>43</v>
      </c>
      <c r="AG26716">
        <v>43</v>
      </c>
      <c r="AH26716">
        <v>43</v>
      </c>
      <c r="AI26716">
        <v>44</v>
      </c>
      <c r="AJ26716">
        <v>44</v>
      </c>
      <c r="AK26716">
        <v>45</v>
      </c>
      <c r="AL26716">
        <v>45</v>
      </c>
      <c r="AM26716">
        <v>46</v>
      </c>
      <c r="AN26716">
        <v>46</v>
      </c>
      <c r="AO26716">
        <v>47</v>
      </c>
      <c r="AP26716">
        <v>47</v>
      </c>
      <c r="AQ26716">
        <v>47</v>
      </c>
    </row>
    <row r="26717" spans="1:43">
      <c r="A26717" t="s">
        <v>16525</v>
      </c>
      <c r="B26717" t="s">
        <v>16526</v>
      </c>
      <c r="C26717" t="s">
        <v>16527</v>
      </c>
      <c r="D26717" t="s">
        <v>16528</v>
      </c>
      <c r="E26717" t="s">
        <v>16459</v>
      </c>
      <c r="F26717" t="s">
        <v>16460</v>
      </c>
      <c r="G26717" t="s">
        <v>10734</v>
      </c>
      <c r="H26717" t="s">
        <v>10735</v>
      </c>
      <c r="I26717" s="2">
        <v>1</v>
      </c>
      <c r="J26717" s="2">
        <v>0</v>
      </c>
      <c r="K26717" s="2">
        <v>0</v>
      </c>
      <c r="L26717" t="s">
        <v>120</v>
      </c>
      <c r="M26717" t="s">
        <v>83</v>
      </c>
      <c r="N26717" t="s">
        <v>91</v>
      </c>
      <c r="O26717" t="s">
        <v>85</v>
      </c>
      <c r="P26717" t="s">
        <v>86</v>
      </c>
      <c r="Q26717">
        <v>28</v>
      </c>
      <c r="R26717">
        <v>29</v>
      </c>
      <c r="S26717">
        <v>30</v>
      </c>
      <c r="T26717">
        <v>30</v>
      </c>
      <c r="U26717">
        <v>31</v>
      </c>
      <c r="V26717">
        <v>32</v>
      </c>
      <c r="W26717">
        <v>33</v>
      </c>
      <c r="X26717">
        <v>34</v>
      </c>
      <c r="Y26717">
        <v>34</v>
      </c>
      <c r="Z26717">
        <v>35</v>
      </c>
      <c r="AA26717">
        <v>36</v>
      </c>
      <c r="AB26717">
        <v>37</v>
      </c>
      <c r="AC26717">
        <v>38</v>
      </c>
      <c r="AD26717">
        <v>38</v>
      </c>
      <c r="AE26717">
        <v>39</v>
      </c>
      <c r="AF26717">
        <v>40</v>
      </c>
      <c r="AG26717">
        <v>41</v>
      </c>
      <c r="AH26717">
        <v>42</v>
      </c>
      <c r="AI26717">
        <v>43</v>
      </c>
      <c r="AJ26717">
        <v>44</v>
      </c>
      <c r="AK26717">
        <v>44</v>
      </c>
      <c r="AL26717">
        <v>45</v>
      </c>
      <c r="AM26717">
        <v>45</v>
      </c>
      <c r="AN26717">
        <v>46</v>
      </c>
      <c r="AO26717">
        <v>46</v>
      </c>
      <c r="AP26717">
        <v>47</v>
      </c>
      <c r="AQ26717">
        <v>47</v>
      </c>
    </row>
    <row r="26718" spans="1:43">
      <c r="A26718" t="s">
        <v>16529</v>
      </c>
      <c r="B26718" t="s">
        <v>16530</v>
      </c>
      <c r="C26718" t="s">
        <v>16477</v>
      </c>
      <c r="D26718" t="s">
        <v>16478</v>
      </c>
      <c r="E26718" t="s">
        <v>16459</v>
      </c>
      <c r="F26718" t="s">
        <v>16460</v>
      </c>
      <c r="G26718" t="s">
        <v>10734</v>
      </c>
      <c r="H26718" t="s">
        <v>10735</v>
      </c>
      <c r="I26718" s="2">
        <v>1</v>
      </c>
      <c r="J26718" s="2">
        <v>0</v>
      </c>
      <c r="K26718" s="2">
        <v>0</v>
      </c>
      <c r="L26718" t="s">
        <v>120</v>
      </c>
      <c r="M26718" t="s">
        <v>83</v>
      </c>
      <c r="N26718" t="s">
        <v>84</v>
      </c>
      <c r="O26718" t="s">
        <v>85</v>
      </c>
      <c r="P26718" t="s">
        <v>86</v>
      </c>
      <c r="Q26718">
        <v>36</v>
      </c>
      <c r="R26718">
        <v>37</v>
      </c>
      <c r="S26718">
        <v>38</v>
      </c>
      <c r="T26718">
        <v>39</v>
      </c>
      <c r="U26718">
        <v>40</v>
      </c>
      <c r="V26718">
        <v>41</v>
      </c>
      <c r="W26718">
        <v>42</v>
      </c>
      <c r="X26718">
        <v>43</v>
      </c>
      <c r="Y26718">
        <v>44</v>
      </c>
      <c r="Z26718">
        <v>46</v>
      </c>
      <c r="AA26718">
        <v>47</v>
      </c>
      <c r="AB26718">
        <v>48</v>
      </c>
      <c r="AC26718">
        <v>49</v>
      </c>
      <c r="AD26718">
        <v>50</v>
      </c>
      <c r="AE26718">
        <v>51</v>
      </c>
      <c r="AF26718">
        <v>52</v>
      </c>
      <c r="AG26718">
        <v>53</v>
      </c>
      <c r="AH26718">
        <v>54</v>
      </c>
      <c r="AI26718">
        <v>55</v>
      </c>
      <c r="AJ26718">
        <v>56</v>
      </c>
      <c r="AK26718">
        <v>57</v>
      </c>
      <c r="AL26718">
        <v>58</v>
      </c>
      <c r="AM26718">
        <v>59</v>
      </c>
      <c r="AN26718">
        <v>59</v>
      </c>
      <c r="AO26718">
        <v>60</v>
      </c>
      <c r="AP26718">
        <v>60</v>
      </c>
      <c r="AQ26718">
        <v>61</v>
      </c>
    </row>
    <row r="26719" spans="1:43">
      <c r="A26719" t="s">
        <v>16529</v>
      </c>
      <c r="B26719" t="s">
        <v>16530</v>
      </c>
      <c r="C26719" t="s">
        <v>16477</v>
      </c>
      <c r="D26719" t="s">
        <v>16478</v>
      </c>
      <c r="E26719" t="s">
        <v>16459</v>
      </c>
      <c r="F26719" t="s">
        <v>16460</v>
      </c>
      <c r="G26719" t="s">
        <v>10734</v>
      </c>
      <c r="H26719" t="s">
        <v>10735</v>
      </c>
      <c r="I26719" s="2">
        <v>1</v>
      </c>
      <c r="J26719" s="2">
        <v>0</v>
      </c>
      <c r="K26719" s="2">
        <v>0</v>
      </c>
      <c r="L26719" t="s">
        <v>120</v>
      </c>
      <c r="M26719" t="s">
        <v>87</v>
      </c>
      <c r="N26719" t="s">
        <v>88</v>
      </c>
      <c r="O26719" t="s">
        <v>85</v>
      </c>
      <c r="P26719" t="s">
        <v>86</v>
      </c>
      <c r="Q26719">
        <v>36</v>
      </c>
      <c r="R26719">
        <v>37</v>
      </c>
      <c r="S26719">
        <v>37</v>
      </c>
      <c r="T26719">
        <v>38</v>
      </c>
      <c r="U26719">
        <v>39</v>
      </c>
      <c r="V26719">
        <v>39</v>
      </c>
      <c r="W26719">
        <v>40</v>
      </c>
      <c r="X26719">
        <v>41</v>
      </c>
      <c r="Y26719">
        <v>41</v>
      </c>
      <c r="Z26719">
        <v>42</v>
      </c>
      <c r="AA26719">
        <v>42</v>
      </c>
      <c r="AB26719">
        <v>43</v>
      </c>
      <c r="AC26719">
        <v>44</v>
      </c>
      <c r="AD26719">
        <v>44</v>
      </c>
      <c r="AE26719">
        <v>45</v>
      </c>
      <c r="AF26719">
        <v>46</v>
      </c>
      <c r="AG26719">
        <v>46</v>
      </c>
      <c r="AH26719">
        <v>47</v>
      </c>
      <c r="AI26719">
        <v>48</v>
      </c>
      <c r="AJ26719">
        <v>48</v>
      </c>
      <c r="AK26719">
        <v>49</v>
      </c>
      <c r="AL26719">
        <v>50</v>
      </c>
      <c r="AM26719">
        <v>50</v>
      </c>
      <c r="AN26719">
        <v>51</v>
      </c>
      <c r="AO26719">
        <v>52</v>
      </c>
      <c r="AP26719">
        <v>52</v>
      </c>
      <c r="AQ26719">
        <v>53</v>
      </c>
    </row>
    <row r="26720" spans="1:43">
      <c r="A26720" t="s">
        <v>16529</v>
      </c>
      <c r="B26720" t="s">
        <v>16530</v>
      </c>
      <c r="C26720" t="s">
        <v>16477</v>
      </c>
      <c r="D26720" t="s">
        <v>16478</v>
      </c>
      <c r="E26720" t="s">
        <v>16459</v>
      </c>
      <c r="F26720" t="s">
        <v>16460</v>
      </c>
      <c r="G26720" t="s">
        <v>10734</v>
      </c>
      <c r="H26720" t="s">
        <v>10735</v>
      </c>
      <c r="I26720" s="2">
        <v>1</v>
      </c>
      <c r="J26720" s="2">
        <v>0</v>
      </c>
      <c r="K26720" s="2">
        <v>0</v>
      </c>
      <c r="L26720" t="s">
        <v>120</v>
      </c>
      <c r="M26720" t="s">
        <v>89</v>
      </c>
      <c r="N26720" t="s">
        <v>90</v>
      </c>
      <c r="O26720" t="s">
        <v>85</v>
      </c>
      <c r="P26720" t="s">
        <v>86</v>
      </c>
      <c r="Q26720">
        <v>36</v>
      </c>
      <c r="R26720">
        <v>37</v>
      </c>
      <c r="S26720">
        <v>38</v>
      </c>
      <c r="T26720">
        <v>40</v>
      </c>
      <c r="U26720">
        <v>41</v>
      </c>
      <c r="V26720">
        <v>42</v>
      </c>
      <c r="W26720">
        <v>43</v>
      </c>
      <c r="X26720">
        <v>45</v>
      </c>
      <c r="Y26720">
        <v>46</v>
      </c>
      <c r="Z26720">
        <v>47</v>
      </c>
      <c r="AA26720">
        <v>49</v>
      </c>
      <c r="AB26720">
        <v>50</v>
      </c>
      <c r="AC26720">
        <v>51</v>
      </c>
      <c r="AD26720">
        <v>52</v>
      </c>
      <c r="AE26720">
        <v>53</v>
      </c>
      <c r="AF26720">
        <v>54</v>
      </c>
      <c r="AG26720">
        <v>55</v>
      </c>
      <c r="AH26720">
        <v>55</v>
      </c>
      <c r="AI26720">
        <v>56</v>
      </c>
      <c r="AJ26720">
        <v>56</v>
      </c>
      <c r="AK26720">
        <v>57</v>
      </c>
      <c r="AL26720">
        <v>58</v>
      </c>
      <c r="AM26720">
        <v>58</v>
      </c>
      <c r="AN26720">
        <v>59</v>
      </c>
      <c r="AO26720">
        <v>59</v>
      </c>
      <c r="AP26720">
        <v>60</v>
      </c>
      <c r="AQ26720">
        <v>60</v>
      </c>
    </row>
    <row r="26721" spans="1:43">
      <c r="A26721" t="s">
        <v>16529</v>
      </c>
      <c r="B26721" t="s">
        <v>16530</v>
      </c>
      <c r="C26721" t="s">
        <v>16477</v>
      </c>
      <c r="D26721" t="s">
        <v>16478</v>
      </c>
      <c r="E26721" t="s">
        <v>16459</v>
      </c>
      <c r="F26721" t="s">
        <v>16460</v>
      </c>
      <c r="G26721" t="s">
        <v>10734</v>
      </c>
      <c r="H26721" t="s">
        <v>10735</v>
      </c>
      <c r="I26721" s="2">
        <v>1</v>
      </c>
      <c r="J26721" s="2">
        <v>0</v>
      </c>
      <c r="K26721" s="2">
        <v>0</v>
      </c>
      <c r="L26721" t="s">
        <v>120</v>
      </c>
      <c r="M26721" t="s">
        <v>83</v>
      </c>
      <c r="N26721" t="s">
        <v>91</v>
      </c>
      <c r="O26721" t="s">
        <v>85</v>
      </c>
      <c r="P26721" t="s">
        <v>86</v>
      </c>
      <c r="Q26721">
        <v>36</v>
      </c>
      <c r="R26721">
        <v>37</v>
      </c>
      <c r="S26721">
        <v>38</v>
      </c>
      <c r="T26721">
        <v>39</v>
      </c>
      <c r="U26721">
        <v>40</v>
      </c>
      <c r="V26721">
        <v>41</v>
      </c>
      <c r="W26721">
        <v>42</v>
      </c>
      <c r="X26721">
        <v>43</v>
      </c>
      <c r="Y26721">
        <v>44</v>
      </c>
      <c r="Z26721">
        <v>46</v>
      </c>
      <c r="AA26721">
        <v>47</v>
      </c>
      <c r="AB26721">
        <v>48</v>
      </c>
      <c r="AC26721">
        <v>49</v>
      </c>
      <c r="AD26721">
        <v>50</v>
      </c>
      <c r="AE26721">
        <v>51</v>
      </c>
      <c r="AF26721">
        <v>52</v>
      </c>
      <c r="AG26721">
        <v>53</v>
      </c>
      <c r="AH26721">
        <v>54</v>
      </c>
      <c r="AI26721">
        <v>55</v>
      </c>
      <c r="AJ26721">
        <v>56</v>
      </c>
      <c r="AK26721">
        <v>57</v>
      </c>
      <c r="AL26721">
        <v>58</v>
      </c>
      <c r="AM26721">
        <v>59</v>
      </c>
      <c r="AN26721">
        <v>59</v>
      </c>
      <c r="AO26721">
        <v>60</v>
      </c>
      <c r="AP26721">
        <v>60</v>
      </c>
      <c r="AQ26721">
        <v>61</v>
      </c>
    </row>
    <row r="26722" spans="1:43">
      <c r="A26722" t="s">
        <v>16531</v>
      </c>
      <c r="B26722" t="s">
        <v>16532</v>
      </c>
      <c r="C26722" t="s">
        <v>16463</v>
      </c>
      <c r="D26722" t="s">
        <v>16464</v>
      </c>
      <c r="E26722" t="s">
        <v>16459</v>
      </c>
      <c r="F26722" t="s">
        <v>16460</v>
      </c>
      <c r="G26722" t="s">
        <v>10734</v>
      </c>
      <c r="H26722" t="s">
        <v>10735</v>
      </c>
      <c r="I26722" s="2">
        <v>1</v>
      </c>
      <c r="J26722" s="2">
        <v>0</v>
      </c>
      <c r="K26722" s="2">
        <v>0</v>
      </c>
      <c r="L26722" t="s">
        <v>120</v>
      </c>
      <c r="M26722" t="s">
        <v>83</v>
      </c>
      <c r="N26722" t="s">
        <v>84</v>
      </c>
      <c r="O26722" t="s">
        <v>85</v>
      </c>
      <c r="P26722" t="s">
        <v>86</v>
      </c>
      <c r="Q26722">
        <v>36</v>
      </c>
      <c r="R26722">
        <v>36</v>
      </c>
      <c r="S26722">
        <v>37</v>
      </c>
      <c r="T26722">
        <v>37</v>
      </c>
      <c r="U26722">
        <v>38</v>
      </c>
      <c r="V26722">
        <v>38</v>
      </c>
      <c r="W26722">
        <v>39</v>
      </c>
      <c r="X26722">
        <v>39</v>
      </c>
      <c r="Y26722">
        <v>39</v>
      </c>
      <c r="Z26722">
        <v>40</v>
      </c>
      <c r="AA26722">
        <v>40</v>
      </c>
      <c r="AB26722">
        <v>41</v>
      </c>
      <c r="AC26722">
        <v>41</v>
      </c>
      <c r="AD26722">
        <v>42</v>
      </c>
      <c r="AE26722">
        <v>42</v>
      </c>
      <c r="AF26722">
        <v>43</v>
      </c>
      <c r="AG26722">
        <v>43</v>
      </c>
      <c r="AH26722">
        <v>44</v>
      </c>
      <c r="AI26722">
        <v>44</v>
      </c>
      <c r="AJ26722">
        <v>45</v>
      </c>
      <c r="AK26722">
        <v>45</v>
      </c>
      <c r="AL26722">
        <v>45</v>
      </c>
      <c r="AM26722">
        <v>45</v>
      </c>
      <c r="AN26722">
        <v>45</v>
      </c>
      <c r="AO26722">
        <v>45</v>
      </c>
      <c r="AP26722">
        <v>45</v>
      </c>
      <c r="AQ26722">
        <v>45</v>
      </c>
    </row>
    <row r="26723" spans="1:43">
      <c r="A26723" t="s">
        <v>16531</v>
      </c>
      <c r="B26723" t="s">
        <v>16532</v>
      </c>
      <c r="C26723" t="s">
        <v>16463</v>
      </c>
      <c r="D26723" t="s">
        <v>16464</v>
      </c>
      <c r="E26723" t="s">
        <v>16459</v>
      </c>
      <c r="F26723" t="s">
        <v>16460</v>
      </c>
      <c r="G26723" t="s">
        <v>10734</v>
      </c>
      <c r="H26723" t="s">
        <v>10735</v>
      </c>
      <c r="I26723" s="2">
        <v>1</v>
      </c>
      <c r="J26723" s="2">
        <v>0</v>
      </c>
      <c r="K26723" s="2">
        <v>0</v>
      </c>
      <c r="L26723" t="s">
        <v>120</v>
      </c>
      <c r="M26723" t="s">
        <v>87</v>
      </c>
      <c r="N26723" t="s">
        <v>88</v>
      </c>
      <c r="O26723" t="s">
        <v>85</v>
      </c>
      <c r="P26723" t="s">
        <v>86</v>
      </c>
      <c r="Q26723">
        <v>36</v>
      </c>
      <c r="R26723">
        <v>36</v>
      </c>
      <c r="S26723">
        <v>37</v>
      </c>
      <c r="T26723">
        <v>37</v>
      </c>
      <c r="U26723">
        <v>37</v>
      </c>
      <c r="V26723">
        <v>37</v>
      </c>
      <c r="W26723">
        <v>37</v>
      </c>
      <c r="X26723">
        <v>37</v>
      </c>
      <c r="Y26723">
        <v>38</v>
      </c>
      <c r="Z26723">
        <v>38</v>
      </c>
      <c r="AA26723">
        <v>38</v>
      </c>
      <c r="AB26723">
        <v>38</v>
      </c>
      <c r="AC26723">
        <v>38</v>
      </c>
      <c r="AD26723">
        <v>38</v>
      </c>
      <c r="AE26723">
        <v>39</v>
      </c>
      <c r="AF26723">
        <v>39</v>
      </c>
      <c r="AG26723">
        <v>39</v>
      </c>
      <c r="AH26723">
        <v>39</v>
      </c>
      <c r="AI26723">
        <v>39</v>
      </c>
      <c r="AJ26723">
        <v>39</v>
      </c>
      <c r="AK26723">
        <v>40</v>
      </c>
      <c r="AL26723">
        <v>40</v>
      </c>
      <c r="AM26723">
        <v>40</v>
      </c>
      <c r="AN26723">
        <v>40</v>
      </c>
      <c r="AO26723">
        <v>40</v>
      </c>
      <c r="AP26723">
        <v>40</v>
      </c>
      <c r="AQ26723">
        <v>40</v>
      </c>
    </row>
    <row r="26724" spans="1:43">
      <c r="A26724" t="s">
        <v>16531</v>
      </c>
      <c r="B26724" t="s">
        <v>16532</v>
      </c>
      <c r="C26724" t="s">
        <v>16463</v>
      </c>
      <c r="D26724" t="s">
        <v>16464</v>
      </c>
      <c r="E26724" t="s">
        <v>16459</v>
      </c>
      <c r="F26724" t="s">
        <v>16460</v>
      </c>
      <c r="G26724" t="s">
        <v>10734</v>
      </c>
      <c r="H26724" t="s">
        <v>10735</v>
      </c>
      <c r="I26724" s="2">
        <v>1</v>
      </c>
      <c r="J26724" s="2">
        <v>0</v>
      </c>
      <c r="K26724" s="2">
        <v>0</v>
      </c>
      <c r="L26724" t="s">
        <v>120</v>
      </c>
      <c r="M26724" t="s">
        <v>89</v>
      </c>
      <c r="N26724" t="s">
        <v>90</v>
      </c>
      <c r="O26724" t="s">
        <v>85</v>
      </c>
      <c r="P26724" t="s">
        <v>86</v>
      </c>
      <c r="Q26724">
        <v>36</v>
      </c>
      <c r="R26724">
        <v>37</v>
      </c>
      <c r="S26724">
        <v>37</v>
      </c>
      <c r="T26724">
        <v>38</v>
      </c>
      <c r="U26724">
        <v>39</v>
      </c>
      <c r="V26724">
        <v>40</v>
      </c>
      <c r="W26724">
        <v>40</v>
      </c>
      <c r="X26724">
        <v>41</v>
      </c>
      <c r="Y26724">
        <v>42</v>
      </c>
      <c r="Z26724">
        <v>42</v>
      </c>
      <c r="AA26724">
        <v>43</v>
      </c>
      <c r="AB26724">
        <v>44</v>
      </c>
      <c r="AC26724">
        <v>44</v>
      </c>
      <c r="AD26724">
        <v>45</v>
      </c>
      <c r="AE26724">
        <v>45</v>
      </c>
      <c r="AF26724">
        <v>45</v>
      </c>
      <c r="AG26724">
        <v>45</v>
      </c>
      <c r="AH26724">
        <v>45</v>
      </c>
      <c r="AI26724">
        <v>45</v>
      </c>
      <c r="AJ26724">
        <v>46</v>
      </c>
      <c r="AK26724">
        <v>46</v>
      </c>
      <c r="AL26724">
        <v>46</v>
      </c>
      <c r="AM26724">
        <v>46</v>
      </c>
      <c r="AN26724">
        <v>46</v>
      </c>
      <c r="AO26724">
        <v>46</v>
      </c>
      <c r="AP26724">
        <v>46</v>
      </c>
      <c r="AQ26724">
        <v>46</v>
      </c>
    </row>
    <row r="26725" spans="1:43">
      <c r="A26725" t="s">
        <v>16531</v>
      </c>
      <c r="B26725" t="s">
        <v>16532</v>
      </c>
      <c r="C26725" t="s">
        <v>16463</v>
      </c>
      <c r="D26725" t="s">
        <v>16464</v>
      </c>
      <c r="E26725" t="s">
        <v>16459</v>
      </c>
      <c r="F26725" t="s">
        <v>16460</v>
      </c>
      <c r="G26725" t="s">
        <v>10734</v>
      </c>
      <c r="H26725" t="s">
        <v>10735</v>
      </c>
      <c r="I26725" s="2">
        <v>1</v>
      </c>
      <c r="J26725" s="2">
        <v>0</v>
      </c>
      <c r="K26725" s="2">
        <v>0</v>
      </c>
      <c r="L26725" t="s">
        <v>120</v>
      </c>
      <c r="M26725" t="s">
        <v>83</v>
      </c>
      <c r="N26725" t="s">
        <v>91</v>
      </c>
      <c r="O26725" t="s">
        <v>85</v>
      </c>
      <c r="P26725" t="s">
        <v>86</v>
      </c>
      <c r="Q26725">
        <v>36</v>
      </c>
      <c r="R26725">
        <v>36</v>
      </c>
      <c r="S26725">
        <v>37</v>
      </c>
      <c r="T26725">
        <v>37</v>
      </c>
      <c r="U26725">
        <v>38</v>
      </c>
      <c r="V26725">
        <v>38</v>
      </c>
      <c r="W26725">
        <v>39</v>
      </c>
      <c r="X26725">
        <v>39</v>
      </c>
      <c r="Y26725">
        <v>39</v>
      </c>
      <c r="Z26725">
        <v>40</v>
      </c>
      <c r="AA26725">
        <v>40</v>
      </c>
      <c r="AB26725">
        <v>41</v>
      </c>
      <c r="AC26725">
        <v>41</v>
      </c>
      <c r="AD26725">
        <v>42</v>
      </c>
      <c r="AE26725">
        <v>42</v>
      </c>
      <c r="AF26725">
        <v>43</v>
      </c>
      <c r="AG26725">
        <v>43</v>
      </c>
      <c r="AH26725">
        <v>44</v>
      </c>
      <c r="AI26725">
        <v>44</v>
      </c>
      <c r="AJ26725">
        <v>45</v>
      </c>
      <c r="AK26725">
        <v>45</v>
      </c>
      <c r="AL26725">
        <v>45</v>
      </c>
      <c r="AM26725">
        <v>45</v>
      </c>
      <c r="AN26725">
        <v>45</v>
      </c>
      <c r="AO26725">
        <v>45</v>
      </c>
      <c r="AP26725">
        <v>45</v>
      </c>
      <c r="AQ26725">
        <v>45</v>
      </c>
    </row>
    <row r="26726" spans="1:43">
      <c r="A26726" t="s">
        <v>16533</v>
      </c>
      <c r="B26726" t="s">
        <v>16534</v>
      </c>
      <c r="C26726" t="s">
        <v>16477</v>
      </c>
      <c r="D26726" t="s">
        <v>16478</v>
      </c>
      <c r="E26726" t="s">
        <v>16459</v>
      </c>
      <c r="F26726" t="s">
        <v>16460</v>
      </c>
      <c r="G26726" t="s">
        <v>10734</v>
      </c>
      <c r="H26726" t="s">
        <v>10735</v>
      </c>
      <c r="I26726" s="2">
        <v>1</v>
      </c>
      <c r="J26726" s="2">
        <v>0</v>
      </c>
      <c r="K26726" s="2">
        <v>0</v>
      </c>
      <c r="L26726" t="s">
        <v>120</v>
      </c>
      <c r="M26726" t="s">
        <v>83</v>
      </c>
      <c r="N26726" t="s">
        <v>84</v>
      </c>
      <c r="O26726" t="s">
        <v>85</v>
      </c>
      <c r="P26726" t="s">
        <v>86</v>
      </c>
      <c r="Q26726">
        <v>25</v>
      </c>
      <c r="R26726">
        <v>26</v>
      </c>
      <c r="S26726">
        <v>27</v>
      </c>
      <c r="T26726">
        <v>28</v>
      </c>
      <c r="U26726">
        <v>28</v>
      </c>
      <c r="V26726">
        <v>29</v>
      </c>
      <c r="W26726">
        <v>30</v>
      </c>
      <c r="X26726">
        <v>30</v>
      </c>
      <c r="Y26726">
        <v>31</v>
      </c>
      <c r="Z26726">
        <v>32</v>
      </c>
      <c r="AA26726">
        <v>33</v>
      </c>
      <c r="AB26726">
        <v>33</v>
      </c>
      <c r="AC26726">
        <v>34</v>
      </c>
      <c r="AD26726">
        <v>35</v>
      </c>
      <c r="AE26726">
        <v>36</v>
      </c>
      <c r="AF26726">
        <v>36</v>
      </c>
      <c r="AG26726">
        <v>37</v>
      </c>
      <c r="AH26726">
        <v>38</v>
      </c>
      <c r="AI26726">
        <v>39</v>
      </c>
      <c r="AJ26726">
        <v>39</v>
      </c>
      <c r="AK26726">
        <v>40</v>
      </c>
      <c r="AL26726">
        <v>41</v>
      </c>
      <c r="AM26726">
        <v>41</v>
      </c>
      <c r="AN26726">
        <v>41</v>
      </c>
      <c r="AO26726">
        <v>42</v>
      </c>
      <c r="AP26726">
        <v>42</v>
      </c>
      <c r="AQ26726">
        <v>42</v>
      </c>
    </row>
    <row r="26727" spans="1:43">
      <c r="A26727" t="s">
        <v>16533</v>
      </c>
      <c r="B26727" t="s">
        <v>16534</v>
      </c>
      <c r="C26727" t="s">
        <v>16477</v>
      </c>
      <c r="D26727" t="s">
        <v>16478</v>
      </c>
      <c r="E26727" t="s">
        <v>16459</v>
      </c>
      <c r="F26727" t="s">
        <v>16460</v>
      </c>
      <c r="G26727" t="s">
        <v>10734</v>
      </c>
      <c r="H26727" t="s">
        <v>10735</v>
      </c>
      <c r="I26727" s="2">
        <v>1</v>
      </c>
      <c r="J26727" s="2">
        <v>0</v>
      </c>
      <c r="K26727" s="2">
        <v>0</v>
      </c>
      <c r="L26727" t="s">
        <v>120</v>
      </c>
      <c r="M26727" t="s">
        <v>87</v>
      </c>
      <c r="N26727" t="s">
        <v>88</v>
      </c>
      <c r="O26727" t="s">
        <v>85</v>
      </c>
      <c r="P26727" t="s">
        <v>86</v>
      </c>
      <c r="Q26727">
        <v>25</v>
      </c>
      <c r="R26727">
        <v>26</v>
      </c>
      <c r="S26727">
        <v>26</v>
      </c>
      <c r="T26727">
        <v>27</v>
      </c>
      <c r="U26727">
        <v>27</v>
      </c>
      <c r="V26727">
        <v>27</v>
      </c>
      <c r="W26727">
        <v>28</v>
      </c>
      <c r="X26727">
        <v>28</v>
      </c>
      <c r="Y26727">
        <v>29</v>
      </c>
      <c r="Z26727">
        <v>29</v>
      </c>
      <c r="AA26727">
        <v>30</v>
      </c>
      <c r="AB26727">
        <v>30</v>
      </c>
      <c r="AC26727">
        <v>30</v>
      </c>
      <c r="AD26727">
        <v>31</v>
      </c>
      <c r="AE26727">
        <v>31</v>
      </c>
      <c r="AF26727">
        <v>32</v>
      </c>
      <c r="AG26727">
        <v>32</v>
      </c>
      <c r="AH26727">
        <v>33</v>
      </c>
      <c r="AI26727">
        <v>33</v>
      </c>
      <c r="AJ26727">
        <v>34</v>
      </c>
      <c r="AK26727">
        <v>34</v>
      </c>
      <c r="AL26727">
        <v>34</v>
      </c>
      <c r="AM26727">
        <v>35</v>
      </c>
      <c r="AN26727">
        <v>35</v>
      </c>
      <c r="AO26727">
        <v>36</v>
      </c>
      <c r="AP26727">
        <v>36</v>
      </c>
      <c r="AQ26727">
        <v>37</v>
      </c>
    </row>
    <row r="26728" spans="1:43">
      <c r="A26728" t="s">
        <v>16533</v>
      </c>
      <c r="B26728" t="s">
        <v>16534</v>
      </c>
      <c r="C26728" t="s">
        <v>16477</v>
      </c>
      <c r="D26728" t="s">
        <v>16478</v>
      </c>
      <c r="E26728" t="s">
        <v>16459</v>
      </c>
      <c r="F26728" t="s">
        <v>16460</v>
      </c>
      <c r="G26728" t="s">
        <v>10734</v>
      </c>
      <c r="H26728" t="s">
        <v>10735</v>
      </c>
      <c r="I26728" s="2">
        <v>1</v>
      </c>
      <c r="J26728" s="2">
        <v>0</v>
      </c>
      <c r="K26728" s="2">
        <v>0</v>
      </c>
      <c r="L26728" t="s">
        <v>120</v>
      </c>
      <c r="M26728" t="s">
        <v>89</v>
      </c>
      <c r="N26728" t="s">
        <v>90</v>
      </c>
      <c r="O26728" t="s">
        <v>85</v>
      </c>
      <c r="P26728" t="s">
        <v>86</v>
      </c>
      <c r="Q26728">
        <v>25</v>
      </c>
      <c r="R26728">
        <v>26</v>
      </c>
      <c r="S26728">
        <v>27</v>
      </c>
      <c r="T26728">
        <v>27</v>
      </c>
      <c r="U26728">
        <v>28</v>
      </c>
      <c r="V26728">
        <v>29</v>
      </c>
      <c r="W26728">
        <v>30</v>
      </c>
      <c r="X26728">
        <v>31</v>
      </c>
      <c r="Y26728">
        <v>32</v>
      </c>
      <c r="Z26728">
        <v>33</v>
      </c>
      <c r="AA26728">
        <v>34</v>
      </c>
      <c r="AB26728">
        <v>35</v>
      </c>
      <c r="AC26728">
        <v>36</v>
      </c>
      <c r="AD26728">
        <v>37</v>
      </c>
      <c r="AE26728">
        <v>37</v>
      </c>
      <c r="AF26728">
        <v>38</v>
      </c>
      <c r="AG26728">
        <v>38</v>
      </c>
      <c r="AH26728">
        <v>38</v>
      </c>
      <c r="AI26728">
        <v>39</v>
      </c>
      <c r="AJ26728">
        <v>39</v>
      </c>
      <c r="AK26728">
        <v>40</v>
      </c>
      <c r="AL26728">
        <v>40</v>
      </c>
      <c r="AM26728">
        <v>40</v>
      </c>
      <c r="AN26728">
        <v>41</v>
      </c>
      <c r="AO26728">
        <v>41</v>
      </c>
      <c r="AP26728">
        <v>41</v>
      </c>
      <c r="AQ26728">
        <v>42</v>
      </c>
    </row>
    <row r="26729" spans="1:43">
      <c r="A26729" t="s">
        <v>16533</v>
      </c>
      <c r="B26729" t="s">
        <v>16534</v>
      </c>
      <c r="C26729" t="s">
        <v>16477</v>
      </c>
      <c r="D26729" t="s">
        <v>16478</v>
      </c>
      <c r="E26729" t="s">
        <v>16459</v>
      </c>
      <c r="F26729" t="s">
        <v>16460</v>
      </c>
      <c r="G26729" t="s">
        <v>10734</v>
      </c>
      <c r="H26729" t="s">
        <v>10735</v>
      </c>
      <c r="I26729" s="2">
        <v>1</v>
      </c>
      <c r="J26729" s="2">
        <v>0</v>
      </c>
      <c r="K26729" s="2">
        <v>0</v>
      </c>
      <c r="L26729" t="s">
        <v>120</v>
      </c>
      <c r="M26729" t="s">
        <v>83</v>
      </c>
      <c r="N26729" t="s">
        <v>91</v>
      </c>
      <c r="O26729" t="s">
        <v>85</v>
      </c>
      <c r="P26729" t="s">
        <v>86</v>
      </c>
      <c r="Q26729">
        <v>25</v>
      </c>
      <c r="R26729">
        <v>26</v>
      </c>
      <c r="S26729">
        <v>27</v>
      </c>
      <c r="T26729">
        <v>28</v>
      </c>
      <c r="U26729">
        <v>28</v>
      </c>
      <c r="V26729">
        <v>29</v>
      </c>
      <c r="W26729">
        <v>30</v>
      </c>
      <c r="X26729">
        <v>30</v>
      </c>
      <c r="Y26729">
        <v>31</v>
      </c>
      <c r="Z26729">
        <v>32</v>
      </c>
      <c r="AA26729">
        <v>33</v>
      </c>
      <c r="AB26729">
        <v>33</v>
      </c>
      <c r="AC26729">
        <v>34</v>
      </c>
      <c r="AD26729">
        <v>35</v>
      </c>
      <c r="AE26729">
        <v>36</v>
      </c>
      <c r="AF26729">
        <v>36</v>
      </c>
      <c r="AG26729">
        <v>37</v>
      </c>
      <c r="AH26729">
        <v>38</v>
      </c>
      <c r="AI26729">
        <v>39</v>
      </c>
      <c r="AJ26729">
        <v>39</v>
      </c>
      <c r="AK26729">
        <v>40</v>
      </c>
      <c r="AL26729">
        <v>41</v>
      </c>
      <c r="AM26729">
        <v>41</v>
      </c>
      <c r="AN26729">
        <v>41</v>
      </c>
      <c r="AO26729">
        <v>42</v>
      </c>
      <c r="AP26729">
        <v>42</v>
      </c>
      <c r="AQ26729">
        <v>42</v>
      </c>
    </row>
    <row r="26730" spans="1:43">
      <c r="A26730" t="s">
        <v>16535</v>
      </c>
      <c r="B26730" t="s">
        <v>16536</v>
      </c>
      <c r="C26730" t="s">
        <v>16537</v>
      </c>
      <c r="D26730" t="s">
        <v>16538</v>
      </c>
      <c r="E26730" t="s">
        <v>16459</v>
      </c>
      <c r="F26730" t="s">
        <v>16460</v>
      </c>
      <c r="G26730" t="s">
        <v>10734</v>
      </c>
      <c r="H26730" t="s">
        <v>10735</v>
      </c>
      <c r="I26730" s="2">
        <v>1</v>
      </c>
      <c r="J26730" s="2">
        <v>0</v>
      </c>
      <c r="K26730" s="2">
        <v>0</v>
      </c>
      <c r="L26730" t="s">
        <v>120</v>
      </c>
      <c r="M26730" t="s">
        <v>83</v>
      </c>
      <c r="N26730" t="s">
        <v>84</v>
      </c>
      <c r="O26730" t="s">
        <v>85</v>
      </c>
      <c r="P26730" t="s">
        <v>86</v>
      </c>
      <c r="Q26730">
        <v>54</v>
      </c>
      <c r="R26730">
        <v>55</v>
      </c>
      <c r="S26730">
        <v>57</v>
      </c>
      <c r="T26730">
        <v>58</v>
      </c>
      <c r="U26730">
        <v>60</v>
      </c>
      <c r="V26730">
        <v>61</v>
      </c>
      <c r="W26730">
        <v>63</v>
      </c>
      <c r="X26730">
        <v>64</v>
      </c>
      <c r="Y26730">
        <v>66</v>
      </c>
      <c r="Z26730">
        <v>68</v>
      </c>
      <c r="AA26730">
        <v>69</v>
      </c>
      <c r="AB26730">
        <v>71</v>
      </c>
      <c r="AC26730">
        <v>72</v>
      </c>
      <c r="AD26730">
        <v>74</v>
      </c>
      <c r="AE26730">
        <v>75</v>
      </c>
      <c r="AF26730">
        <v>77</v>
      </c>
      <c r="AG26730">
        <v>79</v>
      </c>
      <c r="AH26730">
        <v>80</v>
      </c>
      <c r="AI26730">
        <v>82</v>
      </c>
      <c r="AJ26730">
        <v>83</v>
      </c>
      <c r="AK26730">
        <v>85</v>
      </c>
      <c r="AL26730">
        <v>86</v>
      </c>
      <c r="AM26730">
        <v>87</v>
      </c>
      <c r="AN26730">
        <v>88</v>
      </c>
      <c r="AO26730">
        <v>89</v>
      </c>
      <c r="AP26730">
        <v>89</v>
      </c>
      <c r="AQ26730">
        <v>90</v>
      </c>
    </row>
    <row r="26731" spans="1:43">
      <c r="A26731" t="s">
        <v>16535</v>
      </c>
      <c r="B26731" t="s">
        <v>16536</v>
      </c>
      <c r="C26731" t="s">
        <v>16537</v>
      </c>
      <c r="D26731" t="s">
        <v>16538</v>
      </c>
      <c r="E26731" t="s">
        <v>16459</v>
      </c>
      <c r="F26731" t="s">
        <v>16460</v>
      </c>
      <c r="G26731" t="s">
        <v>10734</v>
      </c>
      <c r="H26731" t="s">
        <v>10735</v>
      </c>
      <c r="I26731" s="2">
        <v>1</v>
      </c>
      <c r="J26731" s="2">
        <v>0</v>
      </c>
      <c r="K26731" s="2">
        <v>0</v>
      </c>
      <c r="L26731" t="s">
        <v>120</v>
      </c>
      <c r="M26731" t="s">
        <v>87</v>
      </c>
      <c r="N26731" t="s">
        <v>88</v>
      </c>
      <c r="O26731" t="s">
        <v>85</v>
      </c>
      <c r="P26731" t="s">
        <v>86</v>
      </c>
      <c r="Q26731">
        <v>54</v>
      </c>
      <c r="R26731">
        <v>55</v>
      </c>
      <c r="S26731">
        <v>56</v>
      </c>
      <c r="T26731">
        <v>57</v>
      </c>
      <c r="U26731">
        <v>58</v>
      </c>
      <c r="V26731">
        <v>59</v>
      </c>
      <c r="W26731">
        <v>60</v>
      </c>
      <c r="X26731">
        <v>61</v>
      </c>
      <c r="Y26731">
        <v>62</v>
      </c>
      <c r="Z26731">
        <v>63</v>
      </c>
      <c r="AA26731">
        <v>64</v>
      </c>
      <c r="AB26731">
        <v>65</v>
      </c>
      <c r="AC26731">
        <v>66</v>
      </c>
      <c r="AD26731">
        <v>67</v>
      </c>
      <c r="AE26731">
        <v>68</v>
      </c>
      <c r="AF26731">
        <v>69</v>
      </c>
      <c r="AG26731">
        <v>70</v>
      </c>
      <c r="AH26731">
        <v>71</v>
      </c>
      <c r="AI26731">
        <v>72</v>
      </c>
      <c r="AJ26731">
        <v>73</v>
      </c>
      <c r="AK26731">
        <v>74</v>
      </c>
      <c r="AL26731">
        <v>75</v>
      </c>
      <c r="AM26731">
        <v>75</v>
      </c>
      <c r="AN26731">
        <v>76</v>
      </c>
      <c r="AO26731">
        <v>77</v>
      </c>
      <c r="AP26731">
        <v>78</v>
      </c>
      <c r="AQ26731">
        <v>79</v>
      </c>
    </row>
    <row r="26732" spans="1:43">
      <c r="A26732" t="s">
        <v>16535</v>
      </c>
      <c r="B26732" t="s">
        <v>16536</v>
      </c>
      <c r="C26732" t="s">
        <v>16537</v>
      </c>
      <c r="D26732" t="s">
        <v>16538</v>
      </c>
      <c r="E26732" t="s">
        <v>16459</v>
      </c>
      <c r="F26732" t="s">
        <v>16460</v>
      </c>
      <c r="G26732" t="s">
        <v>10734</v>
      </c>
      <c r="H26732" t="s">
        <v>10735</v>
      </c>
      <c r="I26732" s="2">
        <v>1</v>
      </c>
      <c r="J26732" s="2">
        <v>0</v>
      </c>
      <c r="K26732" s="2">
        <v>0</v>
      </c>
      <c r="L26732" t="s">
        <v>120</v>
      </c>
      <c r="M26732" t="s">
        <v>89</v>
      </c>
      <c r="N26732" t="s">
        <v>90</v>
      </c>
      <c r="O26732" t="s">
        <v>85</v>
      </c>
      <c r="P26732" t="s">
        <v>86</v>
      </c>
      <c r="Q26732">
        <v>54</v>
      </c>
      <c r="R26732">
        <v>56</v>
      </c>
      <c r="S26732">
        <v>58</v>
      </c>
      <c r="T26732">
        <v>60</v>
      </c>
      <c r="U26732">
        <v>62</v>
      </c>
      <c r="V26732">
        <v>64</v>
      </c>
      <c r="W26732">
        <v>66</v>
      </c>
      <c r="X26732">
        <v>68</v>
      </c>
      <c r="Y26732">
        <v>70</v>
      </c>
      <c r="Z26732">
        <v>72</v>
      </c>
      <c r="AA26732">
        <v>74</v>
      </c>
      <c r="AB26732">
        <v>75</v>
      </c>
      <c r="AC26732">
        <v>77</v>
      </c>
      <c r="AD26732">
        <v>79</v>
      </c>
      <c r="AE26732">
        <v>81</v>
      </c>
      <c r="AF26732">
        <v>82</v>
      </c>
      <c r="AG26732">
        <v>83</v>
      </c>
      <c r="AH26732">
        <v>84</v>
      </c>
      <c r="AI26732">
        <v>84</v>
      </c>
      <c r="AJ26732">
        <v>85</v>
      </c>
      <c r="AK26732">
        <v>86</v>
      </c>
      <c r="AL26732">
        <v>87</v>
      </c>
      <c r="AM26732">
        <v>88</v>
      </c>
      <c r="AN26732">
        <v>89</v>
      </c>
      <c r="AO26732">
        <v>89</v>
      </c>
      <c r="AP26732">
        <v>90</v>
      </c>
      <c r="AQ26732">
        <v>91</v>
      </c>
    </row>
    <row r="26733" spans="1:43">
      <c r="A26733" t="s">
        <v>16535</v>
      </c>
      <c r="B26733" t="s">
        <v>16536</v>
      </c>
      <c r="C26733" t="s">
        <v>16537</v>
      </c>
      <c r="D26733" t="s">
        <v>16538</v>
      </c>
      <c r="E26733" t="s">
        <v>16459</v>
      </c>
      <c r="F26733" t="s">
        <v>16460</v>
      </c>
      <c r="G26733" t="s">
        <v>10734</v>
      </c>
      <c r="H26733" t="s">
        <v>10735</v>
      </c>
      <c r="I26733" s="2">
        <v>1</v>
      </c>
      <c r="J26733" s="2">
        <v>0</v>
      </c>
      <c r="K26733" s="2">
        <v>0</v>
      </c>
      <c r="L26733" t="s">
        <v>120</v>
      </c>
      <c r="M26733" t="s">
        <v>83</v>
      </c>
      <c r="N26733" t="s">
        <v>91</v>
      </c>
      <c r="O26733" t="s">
        <v>85</v>
      </c>
      <c r="P26733" t="s">
        <v>86</v>
      </c>
      <c r="Q26733">
        <v>54</v>
      </c>
      <c r="R26733">
        <v>55</v>
      </c>
      <c r="S26733">
        <v>57</v>
      </c>
      <c r="T26733">
        <v>58</v>
      </c>
      <c r="U26733">
        <v>60</v>
      </c>
      <c r="V26733">
        <v>61</v>
      </c>
      <c r="W26733">
        <v>63</v>
      </c>
      <c r="X26733">
        <v>64</v>
      </c>
      <c r="Y26733">
        <v>66</v>
      </c>
      <c r="Z26733">
        <v>68</v>
      </c>
      <c r="AA26733">
        <v>69</v>
      </c>
      <c r="AB26733">
        <v>71</v>
      </c>
      <c r="AC26733">
        <v>72</v>
      </c>
      <c r="AD26733">
        <v>74</v>
      </c>
      <c r="AE26733">
        <v>75</v>
      </c>
      <c r="AF26733">
        <v>77</v>
      </c>
      <c r="AG26733">
        <v>79</v>
      </c>
      <c r="AH26733">
        <v>80</v>
      </c>
      <c r="AI26733">
        <v>82</v>
      </c>
      <c r="AJ26733">
        <v>83</v>
      </c>
      <c r="AK26733">
        <v>85</v>
      </c>
      <c r="AL26733">
        <v>86</v>
      </c>
      <c r="AM26733">
        <v>87</v>
      </c>
      <c r="AN26733">
        <v>88</v>
      </c>
      <c r="AO26733">
        <v>89</v>
      </c>
      <c r="AP26733">
        <v>89</v>
      </c>
      <c r="AQ26733">
        <v>90</v>
      </c>
    </row>
    <row r="26734" spans="1:43">
      <c r="A26734" t="s">
        <v>16539</v>
      </c>
      <c r="B26734" t="s">
        <v>16540</v>
      </c>
      <c r="C26734" t="s">
        <v>16537</v>
      </c>
      <c r="D26734" t="s">
        <v>16538</v>
      </c>
      <c r="E26734" t="s">
        <v>16459</v>
      </c>
      <c r="F26734" t="s">
        <v>16460</v>
      </c>
      <c r="G26734" t="s">
        <v>10734</v>
      </c>
      <c r="H26734" t="s">
        <v>10735</v>
      </c>
      <c r="I26734" s="2">
        <v>1</v>
      </c>
      <c r="J26734" s="2">
        <v>0</v>
      </c>
      <c r="K26734" s="2">
        <v>0</v>
      </c>
      <c r="L26734" t="s">
        <v>120</v>
      </c>
      <c r="M26734" t="s">
        <v>83</v>
      </c>
      <c r="N26734" t="s">
        <v>84</v>
      </c>
      <c r="O26734" t="s">
        <v>85</v>
      </c>
      <c r="P26734" t="s">
        <v>86</v>
      </c>
      <c r="Q26734">
        <v>35</v>
      </c>
      <c r="R26734">
        <v>35</v>
      </c>
      <c r="S26734">
        <v>36</v>
      </c>
      <c r="T26734">
        <v>37</v>
      </c>
      <c r="U26734">
        <v>38</v>
      </c>
      <c r="V26734">
        <v>39</v>
      </c>
      <c r="W26734">
        <v>40</v>
      </c>
      <c r="X26734">
        <v>41</v>
      </c>
      <c r="Y26734">
        <v>42</v>
      </c>
      <c r="Z26734">
        <v>43</v>
      </c>
      <c r="AA26734">
        <v>44</v>
      </c>
      <c r="AB26734">
        <v>45</v>
      </c>
      <c r="AC26734">
        <v>46</v>
      </c>
      <c r="AD26734">
        <v>47</v>
      </c>
      <c r="AE26734">
        <v>48</v>
      </c>
      <c r="AF26734">
        <v>49</v>
      </c>
      <c r="AG26734">
        <v>50</v>
      </c>
      <c r="AH26734">
        <v>51</v>
      </c>
      <c r="AI26734">
        <v>52</v>
      </c>
      <c r="AJ26734">
        <v>53</v>
      </c>
      <c r="AK26734">
        <v>55</v>
      </c>
      <c r="AL26734">
        <v>55</v>
      </c>
      <c r="AM26734">
        <v>56</v>
      </c>
      <c r="AN26734">
        <v>56</v>
      </c>
      <c r="AO26734">
        <v>57</v>
      </c>
      <c r="AP26734">
        <v>57</v>
      </c>
      <c r="AQ26734">
        <v>58</v>
      </c>
    </row>
    <row r="26735" spans="1:43">
      <c r="A26735" t="s">
        <v>16539</v>
      </c>
      <c r="B26735" t="s">
        <v>16540</v>
      </c>
      <c r="C26735" t="s">
        <v>16537</v>
      </c>
      <c r="D26735" t="s">
        <v>16538</v>
      </c>
      <c r="E26735" t="s">
        <v>16459</v>
      </c>
      <c r="F26735" t="s">
        <v>16460</v>
      </c>
      <c r="G26735" t="s">
        <v>10734</v>
      </c>
      <c r="H26735" t="s">
        <v>10735</v>
      </c>
      <c r="I26735" s="2">
        <v>1</v>
      </c>
      <c r="J26735" s="2">
        <v>0</v>
      </c>
      <c r="K26735" s="2">
        <v>0</v>
      </c>
      <c r="L26735" t="s">
        <v>120</v>
      </c>
      <c r="M26735" t="s">
        <v>87</v>
      </c>
      <c r="N26735" t="s">
        <v>88</v>
      </c>
      <c r="O26735" t="s">
        <v>85</v>
      </c>
      <c r="P26735" t="s">
        <v>86</v>
      </c>
      <c r="Q26735">
        <v>35</v>
      </c>
      <c r="R26735">
        <v>36</v>
      </c>
      <c r="S26735">
        <v>36</v>
      </c>
      <c r="T26735">
        <v>37</v>
      </c>
      <c r="U26735">
        <v>38</v>
      </c>
      <c r="V26735">
        <v>38</v>
      </c>
      <c r="W26735">
        <v>39</v>
      </c>
      <c r="X26735">
        <v>39</v>
      </c>
      <c r="Y26735">
        <v>40</v>
      </c>
      <c r="Z26735">
        <v>41</v>
      </c>
      <c r="AA26735">
        <v>41</v>
      </c>
      <c r="AB26735">
        <v>42</v>
      </c>
      <c r="AC26735">
        <v>43</v>
      </c>
      <c r="AD26735">
        <v>43</v>
      </c>
      <c r="AE26735">
        <v>44</v>
      </c>
      <c r="AF26735">
        <v>44</v>
      </c>
      <c r="AG26735">
        <v>45</v>
      </c>
      <c r="AH26735">
        <v>46</v>
      </c>
      <c r="AI26735">
        <v>46</v>
      </c>
      <c r="AJ26735">
        <v>47</v>
      </c>
      <c r="AK26735">
        <v>48</v>
      </c>
      <c r="AL26735">
        <v>48</v>
      </c>
      <c r="AM26735">
        <v>49</v>
      </c>
      <c r="AN26735">
        <v>49</v>
      </c>
      <c r="AO26735">
        <v>50</v>
      </c>
      <c r="AP26735">
        <v>51</v>
      </c>
      <c r="AQ26735">
        <v>51</v>
      </c>
    </row>
    <row r="26736" spans="1:43">
      <c r="A26736" t="s">
        <v>16539</v>
      </c>
      <c r="B26736" t="s">
        <v>16540</v>
      </c>
      <c r="C26736" t="s">
        <v>16537</v>
      </c>
      <c r="D26736" t="s">
        <v>16538</v>
      </c>
      <c r="E26736" t="s">
        <v>16459</v>
      </c>
      <c r="F26736" t="s">
        <v>16460</v>
      </c>
      <c r="G26736" t="s">
        <v>10734</v>
      </c>
      <c r="H26736" t="s">
        <v>10735</v>
      </c>
      <c r="I26736" s="2">
        <v>1</v>
      </c>
      <c r="J26736" s="2">
        <v>0</v>
      </c>
      <c r="K26736" s="2">
        <v>0</v>
      </c>
      <c r="L26736" t="s">
        <v>120</v>
      </c>
      <c r="M26736" t="s">
        <v>89</v>
      </c>
      <c r="N26736" t="s">
        <v>90</v>
      </c>
      <c r="O26736" t="s">
        <v>85</v>
      </c>
      <c r="P26736" t="s">
        <v>86</v>
      </c>
      <c r="Q26736">
        <v>35</v>
      </c>
      <c r="R26736">
        <v>36</v>
      </c>
      <c r="S26736">
        <v>37</v>
      </c>
      <c r="T26736">
        <v>39</v>
      </c>
      <c r="U26736">
        <v>40</v>
      </c>
      <c r="V26736">
        <v>41</v>
      </c>
      <c r="W26736">
        <v>42</v>
      </c>
      <c r="X26736">
        <v>43</v>
      </c>
      <c r="Y26736">
        <v>45</v>
      </c>
      <c r="Z26736">
        <v>46</v>
      </c>
      <c r="AA26736">
        <v>47</v>
      </c>
      <c r="AB26736">
        <v>48</v>
      </c>
      <c r="AC26736">
        <v>50</v>
      </c>
      <c r="AD26736">
        <v>51</v>
      </c>
      <c r="AE26736">
        <v>52</v>
      </c>
      <c r="AF26736">
        <v>52</v>
      </c>
      <c r="AG26736">
        <v>53</v>
      </c>
      <c r="AH26736">
        <v>54</v>
      </c>
      <c r="AI26736">
        <v>54</v>
      </c>
      <c r="AJ26736">
        <v>55</v>
      </c>
      <c r="AK26736">
        <v>55</v>
      </c>
      <c r="AL26736">
        <v>56</v>
      </c>
      <c r="AM26736">
        <v>56</v>
      </c>
      <c r="AN26736">
        <v>57</v>
      </c>
      <c r="AO26736">
        <v>57</v>
      </c>
      <c r="AP26736">
        <v>58</v>
      </c>
      <c r="AQ26736">
        <v>58</v>
      </c>
    </row>
    <row r="26737" spans="1:43">
      <c r="A26737" t="s">
        <v>16539</v>
      </c>
      <c r="B26737" t="s">
        <v>16540</v>
      </c>
      <c r="C26737" t="s">
        <v>16537</v>
      </c>
      <c r="D26737" t="s">
        <v>16538</v>
      </c>
      <c r="E26737" t="s">
        <v>16459</v>
      </c>
      <c r="F26737" t="s">
        <v>16460</v>
      </c>
      <c r="G26737" t="s">
        <v>10734</v>
      </c>
      <c r="H26737" t="s">
        <v>10735</v>
      </c>
      <c r="I26737" s="2">
        <v>1</v>
      </c>
      <c r="J26737" s="2">
        <v>0</v>
      </c>
      <c r="K26737" s="2">
        <v>0</v>
      </c>
      <c r="L26737" t="s">
        <v>120</v>
      </c>
      <c r="M26737" t="s">
        <v>83</v>
      </c>
      <c r="N26737" t="s">
        <v>91</v>
      </c>
      <c r="O26737" t="s">
        <v>85</v>
      </c>
      <c r="P26737" t="s">
        <v>86</v>
      </c>
      <c r="Q26737">
        <v>35</v>
      </c>
      <c r="R26737">
        <v>35</v>
      </c>
      <c r="S26737">
        <v>36</v>
      </c>
      <c r="T26737">
        <v>37</v>
      </c>
      <c r="U26737">
        <v>38</v>
      </c>
      <c r="V26737">
        <v>39</v>
      </c>
      <c r="W26737">
        <v>40</v>
      </c>
      <c r="X26737">
        <v>41</v>
      </c>
      <c r="Y26737">
        <v>42</v>
      </c>
      <c r="Z26737">
        <v>43</v>
      </c>
      <c r="AA26737">
        <v>44</v>
      </c>
      <c r="AB26737">
        <v>45</v>
      </c>
      <c r="AC26737">
        <v>46</v>
      </c>
      <c r="AD26737">
        <v>47</v>
      </c>
      <c r="AE26737">
        <v>48</v>
      </c>
      <c r="AF26737">
        <v>49</v>
      </c>
      <c r="AG26737">
        <v>50</v>
      </c>
      <c r="AH26737">
        <v>51</v>
      </c>
      <c r="AI26737">
        <v>52</v>
      </c>
      <c r="AJ26737">
        <v>53</v>
      </c>
      <c r="AK26737">
        <v>55</v>
      </c>
      <c r="AL26737">
        <v>55</v>
      </c>
      <c r="AM26737">
        <v>56</v>
      </c>
      <c r="AN26737">
        <v>56</v>
      </c>
      <c r="AO26737">
        <v>57</v>
      </c>
      <c r="AP26737">
        <v>57</v>
      </c>
      <c r="AQ26737">
        <v>58</v>
      </c>
    </row>
    <row r="26738" spans="1:43">
      <c r="A26738" t="s">
        <v>16541</v>
      </c>
      <c r="B26738" t="s">
        <v>16542</v>
      </c>
      <c r="C26738" t="s">
        <v>16457</v>
      </c>
      <c r="D26738" t="s">
        <v>16458</v>
      </c>
      <c r="E26738" t="s">
        <v>16459</v>
      </c>
      <c r="F26738" t="s">
        <v>16460</v>
      </c>
      <c r="G26738" t="s">
        <v>10734</v>
      </c>
      <c r="H26738" t="s">
        <v>10735</v>
      </c>
      <c r="I26738" s="2">
        <v>1</v>
      </c>
      <c r="J26738" s="2">
        <v>0</v>
      </c>
      <c r="K26738" s="2">
        <v>0</v>
      </c>
      <c r="L26738" t="s">
        <v>120</v>
      </c>
      <c r="M26738" t="s">
        <v>83</v>
      </c>
      <c r="N26738" t="s">
        <v>84</v>
      </c>
      <c r="O26738" t="s">
        <v>85</v>
      </c>
      <c r="P26738" t="s">
        <v>86</v>
      </c>
      <c r="Q26738">
        <v>45</v>
      </c>
      <c r="R26738">
        <v>46</v>
      </c>
      <c r="S26738">
        <v>47</v>
      </c>
      <c r="T26738">
        <v>48</v>
      </c>
      <c r="U26738">
        <v>50</v>
      </c>
      <c r="V26738">
        <v>51</v>
      </c>
      <c r="W26738">
        <v>52</v>
      </c>
      <c r="X26738">
        <v>54</v>
      </c>
      <c r="Y26738">
        <v>55</v>
      </c>
      <c r="Z26738">
        <v>56</v>
      </c>
      <c r="AA26738">
        <v>57</v>
      </c>
      <c r="AB26738">
        <v>59</v>
      </c>
      <c r="AC26738">
        <v>60</v>
      </c>
      <c r="AD26738">
        <v>61</v>
      </c>
      <c r="AE26738">
        <v>63</v>
      </c>
      <c r="AF26738">
        <v>64</v>
      </c>
      <c r="AG26738">
        <v>65</v>
      </c>
      <c r="AH26738">
        <v>67</v>
      </c>
      <c r="AI26738">
        <v>68</v>
      </c>
      <c r="AJ26738">
        <v>70</v>
      </c>
      <c r="AK26738">
        <v>71</v>
      </c>
      <c r="AL26738">
        <v>72</v>
      </c>
      <c r="AM26738">
        <v>73</v>
      </c>
      <c r="AN26738">
        <v>73</v>
      </c>
      <c r="AO26738">
        <v>74</v>
      </c>
      <c r="AP26738">
        <v>75</v>
      </c>
      <c r="AQ26738">
        <v>76</v>
      </c>
    </row>
    <row r="26739" spans="1:43">
      <c r="A26739" t="s">
        <v>16541</v>
      </c>
      <c r="B26739" t="s">
        <v>16542</v>
      </c>
      <c r="C26739" t="s">
        <v>16457</v>
      </c>
      <c r="D26739" t="s">
        <v>16458</v>
      </c>
      <c r="E26739" t="s">
        <v>16459</v>
      </c>
      <c r="F26739" t="s">
        <v>16460</v>
      </c>
      <c r="G26739" t="s">
        <v>10734</v>
      </c>
      <c r="H26739" t="s">
        <v>10735</v>
      </c>
      <c r="I26739" s="2">
        <v>1</v>
      </c>
      <c r="J26739" s="2">
        <v>0</v>
      </c>
      <c r="K26739" s="2">
        <v>0</v>
      </c>
      <c r="L26739" t="s">
        <v>120</v>
      </c>
      <c r="M26739" t="s">
        <v>87</v>
      </c>
      <c r="N26739" t="s">
        <v>88</v>
      </c>
      <c r="O26739" t="s">
        <v>85</v>
      </c>
      <c r="P26739" t="s">
        <v>86</v>
      </c>
      <c r="Q26739">
        <v>45</v>
      </c>
      <c r="R26739">
        <v>46</v>
      </c>
      <c r="S26739">
        <v>47</v>
      </c>
      <c r="T26739">
        <v>48</v>
      </c>
      <c r="U26739">
        <v>48</v>
      </c>
      <c r="V26739">
        <v>49</v>
      </c>
      <c r="W26739">
        <v>50</v>
      </c>
      <c r="X26739">
        <v>51</v>
      </c>
      <c r="Y26739">
        <v>52</v>
      </c>
      <c r="Z26739">
        <v>53</v>
      </c>
      <c r="AA26739">
        <v>53</v>
      </c>
      <c r="AB26739">
        <v>54</v>
      </c>
      <c r="AC26739">
        <v>55</v>
      </c>
      <c r="AD26739">
        <v>56</v>
      </c>
      <c r="AE26739">
        <v>57</v>
      </c>
      <c r="AF26739">
        <v>57</v>
      </c>
      <c r="AG26739">
        <v>58</v>
      </c>
      <c r="AH26739">
        <v>59</v>
      </c>
      <c r="AI26739">
        <v>60</v>
      </c>
      <c r="AJ26739">
        <v>61</v>
      </c>
      <c r="AK26739">
        <v>62</v>
      </c>
      <c r="AL26739">
        <v>62</v>
      </c>
      <c r="AM26739">
        <v>63</v>
      </c>
      <c r="AN26739">
        <v>64</v>
      </c>
      <c r="AO26739">
        <v>65</v>
      </c>
      <c r="AP26739">
        <v>66</v>
      </c>
      <c r="AQ26739">
        <v>66</v>
      </c>
    </row>
    <row r="26740" spans="1:43">
      <c r="A26740" t="s">
        <v>16541</v>
      </c>
      <c r="B26740" t="s">
        <v>16542</v>
      </c>
      <c r="C26740" t="s">
        <v>16457</v>
      </c>
      <c r="D26740" t="s">
        <v>16458</v>
      </c>
      <c r="E26740" t="s">
        <v>16459</v>
      </c>
      <c r="F26740" t="s">
        <v>16460</v>
      </c>
      <c r="G26740" t="s">
        <v>10734</v>
      </c>
      <c r="H26740" t="s">
        <v>10735</v>
      </c>
      <c r="I26740" s="2">
        <v>1</v>
      </c>
      <c r="J26740" s="2">
        <v>0</v>
      </c>
      <c r="K26740" s="2">
        <v>0</v>
      </c>
      <c r="L26740" t="s">
        <v>120</v>
      </c>
      <c r="M26740" t="s">
        <v>89</v>
      </c>
      <c r="N26740" t="s">
        <v>90</v>
      </c>
      <c r="O26740" t="s">
        <v>85</v>
      </c>
      <c r="P26740" t="s">
        <v>86</v>
      </c>
      <c r="Q26740">
        <v>45</v>
      </c>
      <c r="R26740">
        <v>47</v>
      </c>
      <c r="S26740">
        <v>48</v>
      </c>
      <c r="T26740">
        <v>50</v>
      </c>
      <c r="U26740">
        <v>52</v>
      </c>
      <c r="V26740">
        <v>53</v>
      </c>
      <c r="W26740">
        <v>55</v>
      </c>
      <c r="X26740">
        <v>56</v>
      </c>
      <c r="Y26740">
        <v>58</v>
      </c>
      <c r="Z26740">
        <v>60</v>
      </c>
      <c r="AA26740">
        <v>61</v>
      </c>
      <c r="AB26740">
        <v>63</v>
      </c>
      <c r="AC26740">
        <v>64</v>
      </c>
      <c r="AD26740">
        <v>66</v>
      </c>
      <c r="AE26740">
        <v>67</v>
      </c>
      <c r="AF26740">
        <v>68</v>
      </c>
      <c r="AG26740">
        <v>69</v>
      </c>
      <c r="AH26740">
        <v>70</v>
      </c>
      <c r="AI26740">
        <v>71</v>
      </c>
      <c r="AJ26740">
        <v>71</v>
      </c>
      <c r="AK26740">
        <v>72</v>
      </c>
      <c r="AL26740">
        <v>73</v>
      </c>
      <c r="AM26740">
        <v>74</v>
      </c>
      <c r="AN26740">
        <v>74</v>
      </c>
      <c r="AO26740">
        <v>75</v>
      </c>
      <c r="AP26740">
        <v>76</v>
      </c>
      <c r="AQ26740">
        <v>77</v>
      </c>
    </row>
    <row r="26741" spans="1:43">
      <c r="A26741" t="s">
        <v>16541</v>
      </c>
      <c r="B26741" t="s">
        <v>16542</v>
      </c>
      <c r="C26741" t="s">
        <v>16457</v>
      </c>
      <c r="D26741" t="s">
        <v>16458</v>
      </c>
      <c r="E26741" t="s">
        <v>16459</v>
      </c>
      <c r="F26741" t="s">
        <v>16460</v>
      </c>
      <c r="G26741" t="s">
        <v>10734</v>
      </c>
      <c r="H26741" t="s">
        <v>10735</v>
      </c>
      <c r="I26741" s="2">
        <v>1</v>
      </c>
      <c r="J26741" s="2">
        <v>0</v>
      </c>
      <c r="K26741" s="2">
        <v>0</v>
      </c>
      <c r="L26741" t="s">
        <v>120</v>
      </c>
      <c r="M26741" t="s">
        <v>83</v>
      </c>
      <c r="N26741" t="s">
        <v>91</v>
      </c>
      <c r="O26741" t="s">
        <v>85</v>
      </c>
      <c r="P26741" t="s">
        <v>86</v>
      </c>
      <c r="Q26741">
        <v>45</v>
      </c>
      <c r="R26741">
        <v>46</v>
      </c>
      <c r="S26741">
        <v>47</v>
      </c>
      <c r="T26741">
        <v>48</v>
      </c>
      <c r="U26741">
        <v>50</v>
      </c>
      <c r="V26741">
        <v>51</v>
      </c>
      <c r="W26741">
        <v>52</v>
      </c>
      <c r="X26741">
        <v>54</v>
      </c>
      <c r="Y26741">
        <v>55</v>
      </c>
      <c r="Z26741">
        <v>56</v>
      </c>
      <c r="AA26741">
        <v>57</v>
      </c>
      <c r="AB26741">
        <v>59</v>
      </c>
      <c r="AC26741">
        <v>60</v>
      </c>
      <c r="AD26741">
        <v>61</v>
      </c>
      <c r="AE26741">
        <v>63</v>
      </c>
      <c r="AF26741">
        <v>64</v>
      </c>
      <c r="AG26741">
        <v>65</v>
      </c>
      <c r="AH26741">
        <v>67</v>
      </c>
      <c r="AI26741">
        <v>68</v>
      </c>
      <c r="AJ26741">
        <v>70</v>
      </c>
      <c r="AK26741">
        <v>71</v>
      </c>
      <c r="AL26741">
        <v>72</v>
      </c>
      <c r="AM26741">
        <v>73</v>
      </c>
      <c r="AN26741">
        <v>73</v>
      </c>
      <c r="AO26741">
        <v>74</v>
      </c>
      <c r="AP26741">
        <v>75</v>
      </c>
      <c r="AQ26741">
        <v>76</v>
      </c>
    </row>
    <row r="26742" spans="1:43">
      <c r="A26742" t="s">
        <v>16543</v>
      </c>
      <c r="B26742" t="s">
        <v>16544</v>
      </c>
      <c r="C26742" t="s">
        <v>16527</v>
      </c>
      <c r="D26742" t="s">
        <v>16528</v>
      </c>
      <c r="E26742" t="s">
        <v>16459</v>
      </c>
      <c r="F26742" t="s">
        <v>16460</v>
      </c>
      <c r="G26742" t="s">
        <v>10734</v>
      </c>
      <c r="H26742" t="s">
        <v>10735</v>
      </c>
      <c r="I26742" s="2">
        <v>1</v>
      </c>
      <c r="J26742" s="2">
        <v>0</v>
      </c>
      <c r="K26742" s="2">
        <v>0</v>
      </c>
      <c r="L26742" t="s">
        <v>120</v>
      </c>
      <c r="M26742" t="s">
        <v>83</v>
      </c>
      <c r="N26742" t="s">
        <v>84</v>
      </c>
      <c r="O26742" t="s">
        <v>85</v>
      </c>
      <c r="P26742" t="s">
        <v>86</v>
      </c>
      <c r="Q26742">
        <v>43</v>
      </c>
      <c r="R26742">
        <v>44</v>
      </c>
      <c r="S26742">
        <v>45</v>
      </c>
      <c r="T26742">
        <v>47</v>
      </c>
      <c r="U26742">
        <v>48</v>
      </c>
      <c r="V26742">
        <v>49</v>
      </c>
      <c r="W26742">
        <v>50</v>
      </c>
      <c r="X26742">
        <v>52</v>
      </c>
      <c r="Y26742">
        <v>53</v>
      </c>
      <c r="Z26742">
        <v>54</v>
      </c>
      <c r="AA26742">
        <v>55</v>
      </c>
      <c r="AB26742">
        <v>56</v>
      </c>
      <c r="AC26742">
        <v>58</v>
      </c>
      <c r="AD26742">
        <v>59</v>
      </c>
      <c r="AE26742">
        <v>60</v>
      </c>
      <c r="AF26742">
        <v>62</v>
      </c>
      <c r="AG26742">
        <v>63</v>
      </c>
      <c r="AH26742">
        <v>64</v>
      </c>
      <c r="AI26742">
        <v>65</v>
      </c>
      <c r="AJ26742">
        <v>67</v>
      </c>
      <c r="AK26742">
        <v>68</v>
      </c>
      <c r="AL26742">
        <v>69</v>
      </c>
      <c r="AM26742">
        <v>70</v>
      </c>
      <c r="AN26742">
        <v>70</v>
      </c>
      <c r="AO26742">
        <v>71</v>
      </c>
      <c r="AP26742">
        <v>72</v>
      </c>
      <c r="AQ26742">
        <v>72</v>
      </c>
    </row>
    <row r="26743" spans="1:43">
      <c r="A26743" t="s">
        <v>16543</v>
      </c>
      <c r="B26743" t="s">
        <v>16544</v>
      </c>
      <c r="C26743" t="s">
        <v>16527</v>
      </c>
      <c r="D26743" t="s">
        <v>16528</v>
      </c>
      <c r="E26743" t="s">
        <v>16459</v>
      </c>
      <c r="F26743" t="s">
        <v>16460</v>
      </c>
      <c r="G26743" t="s">
        <v>10734</v>
      </c>
      <c r="H26743" t="s">
        <v>10735</v>
      </c>
      <c r="I26743" s="2">
        <v>1</v>
      </c>
      <c r="J26743" s="2">
        <v>0</v>
      </c>
      <c r="K26743" s="2">
        <v>0</v>
      </c>
      <c r="L26743" t="s">
        <v>120</v>
      </c>
      <c r="M26743" t="s">
        <v>87</v>
      </c>
      <c r="N26743" t="s">
        <v>88</v>
      </c>
      <c r="O26743" t="s">
        <v>85</v>
      </c>
      <c r="P26743" t="s">
        <v>86</v>
      </c>
      <c r="Q26743">
        <v>43</v>
      </c>
      <c r="R26743">
        <v>43</v>
      </c>
      <c r="S26743">
        <v>44</v>
      </c>
      <c r="T26743">
        <v>45</v>
      </c>
      <c r="U26743">
        <v>46</v>
      </c>
      <c r="V26743">
        <v>47</v>
      </c>
      <c r="W26743">
        <v>47</v>
      </c>
      <c r="X26743">
        <v>48</v>
      </c>
      <c r="Y26743">
        <v>49</v>
      </c>
      <c r="Z26743">
        <v>50</v>
      </c>
      <c r="AA26743">
        <v>50</v>
      </c>
      <c r="AB26743">
        <v>51</v>
      </c>
      <c r="AC26743">
        <v>52</v>
      </c>
      <c r="AD26743">
        <v>53</v>
      </c>
      <c r="AE26743">
        <v>53</v>
      </c>
      <c r="AF26743">
        <v>54</v>
      </c>
      <c r="AG26743">
        <v>55</v>
      </c>
      <c r="AH26743">
        <v>56</v>
      </c>
      <c r="AI26743">
        <v>57</v>
      </c>
      <c r="AJ26743">
        <v>57</v>
      </c>
      <c r="AK26743">
        <v>58</v>
      </c>
      <c r="AL26743">
        <v>59</v>
      </c>
      <c r="AM26743">
        <v>60</v>
      </c>
      <c r="AN26743">
        <v>60</v>
      </c>
      <c r="AO26743">
        <v>61</v>
      </c>
      <c r="AP26743">
        <v>62</v>
      </c>
      <c r="AQ26743">
        <v>63</v>
      </c>
    </row>
    <row r="26744" spans="1:43">
      <c r="A26744" t="s">
        <v>16543</v>
      </c>
      <c r="B26744" t="s">
        <v>16544</v>
      </c>
      <c r="C26744" t="s">
        <v>16527</v>
      </c>
      <c r="D26744" t="s">
        <v>16528</v>
      </c>
      <c r="E26744" t="s">
        <v>16459</v>
      </c>
      <c r="F26744" t="s">
        <v>16460</v>
      </c>
      <c r="G26744" t="s">
        <v>10734</v>
      </c>
      <c r="H26744" t="s">
        <v>10735</v>
      </c>
      <c r="I26744" s="2">
        <v>1</v>
      </c>
      <c r="J26744" s="2">
        <v>0</v>
      </c>
      <c r="K26744" s="2">
        <v>0</v>
      </c>
      <c r="L26744" t="s">
        <v>120</v>
      </c>
      <c r="M26744" t="s">
        <v>89</v>
      </c>
      <c r="N26744" t="s">
        <v>90</v>
      </c>
      <c r="O26744" t="s">
        <v>85</v>
      </c>
      <c r="P26744" t="s">
        <v>86</v>
      </c>
      <c r="Q26744">
        <v>43</v>
      </c>
      <c r="R26744">
        <v>44</v>
      </c>
      <c r="S26744">
        <v>46</v>
      </c>
      <c r="T26744">
        <v>47</v>
      </c>
      <c r="U26744">
        <v>49</v>
      </c>
      <c r="V26744">
        <v>50</v>
      </c>
      <c r="W26744">
        <v>52</v>
      </c>
      <c r="X26744">
        <v>53</v>
      </c>
      <c r="Y26744">
        <v>55</v>
      </c>
      <c r="Z26744">
        <v>56</v>
      </c>
      <c r="AA26744">
        <v>58</v>
      </c>
      <c r="AB26744">
        <v>59</v>
      </c>
      <c r="AC26744">
        <v>61</v>
      </c>
      <c r="AD26744">
        <v>62</v>
      </c>
      <c r="AE26744">
        <v>64</v>
      </c>
      <c r="AF26744">
        <v>64</v>
      </c>
      <c r="AG26744">
        <v>65</v>
      </c>
      <c r="AH26744">
        <v>66</v>
      </c>
      <c r="AI26744">
        <v>67</v>
      </c>
      <c r="AJ26744">
        <v>67</v>
      </c>
      <c r="AK26744">
        <v>68</v>
      </c>
      <c r="AL26744">
        <v>69</v>
      </c>
      <c r="AM26744">
        <v>69</v>
      </c>
      <c r="AN26744">
        <v>70</v>
      </c>
      <c r="AO26744">
        <v>71</v>
      </c>
      <c r="AP26744">
        <v>71</v>
      </c>
      <c r="AQ26744">
        <v>72</v>
      </c>
    </row>
    <row r="26745" spans="1:43">
      <c r="A26745" t="s">
        <v>16543</v>
      </c>
      <c r="B26745" t="s">
        <v>16544</v>
      </c>
      <c r="C26745" t="s">
        <v>16527</v>
      </c>
      <c r="D26745" t="s">
        <v>16528</v>
      </c>
      <c r="E26745" t="s">
        <v>16459</v>
      </c>
      <c r="F26745" t="s">
        <v>16460</v>
      </c>
      <c r="G26745" t="s">
        <v>10734</v>
      </c>
      <c r="H26745" t="s">
        <v>10735</v>
      </c>
      <c r="I26745" s="2">
        <v>1</v>
      </c>
      <c r="J26745" s="2">
        <v>0</v>
      </c>
      <c r="K26745" s="2">
        <v>0</v>
      </c>
      <c r="L26745" t="s">
        <v>120</v>
      </c>
      <c r="M26745" t="s">
        <v>83</v>
      </c>
      <c r="N26745" t="s">
        <v>91</v>
      </c>
      <c r="O26745" t="s">
        <v>85</v>
      </c>
      <c r="P26745" t="s">
        <v>86</v>
      </c>
      <c r="Q26745">
        <v>43</v>
      </c>
      <c r="R26745">
        <v>44</v>
      </c>
      <c r="S26745">
        <v>45</v>
      </c>
      <c r="T26745">
        <v>47</v>
      </c>
      <c r="U26745">
        <v>48</v>
      </c>
      <c r="V26745">
        <v>49</v>
      </c>
      <c r="W26745">
        <v>50</v>
      </c>
      <c r="X26745">
        <v>52</v>
      </c>
      <c r="Y26745">
        <v>53</v>
      </c>
      <c r="Z26745">
        <v>54</v>
      </c>
      <c r="AA26745">
        <v>55</v>
      </c>
      <c r="AB26745">
        <v>56</v>
      </c>
      <c r="AC26745">
        <v>58</v>
      </c>
      <c r="AD26745">
        <v>59</v>
      </c>
      <c r="AE26745">
        <v>60</v>
      </c>
      <c r="AF26745">
        <v>62</v>
      </c>
      <c r="AG26745">
        <v>63</v>
      </c>
      <c r="AH26745">
        <v>64</v>
      </c>
      <c r="AI26745">
        <v>65</v>
      </c>
      <c r="AJ26745">
        <v>67</v>
      </c>
      <c r="AK26745">
        <v>68</v>
      </c>
      <c r="AL26745">
        <v>69</v>
      </c>
      <c r="AM26745">
        <v>70</v>
      </c>
      <c r="AN26745">
        <v>70</v>
      </c>
      <c r="AO26745">
        <v>71</v>
      </c>
      <c r="AP26745">
        <v>72</v>
      </c>
      <c r="AQ26745">
        <v>72</v>
      </c>
    </row>
    <row r="26746" spans="1:43">
      <c r="A26746" t="s">
        <v>16545</v>
      </c>
      <c r="B26746" t="s">
        <v>16546</v>
      </c>
      <c r="C26746" t="s">
        <v>16467</v>
      </c>
      <c r="D26746" t="s">
        <v>16468</v>
      </c>
      <c r="E26746" t="s">
        <v>16459</v>
      </c>
      <c r="F26746" t="s">
        <v>16460</v>
      </c>
      <c r="G26746" t="s">
        <v>10734</v>
      </c>
      <c r="H26746" t="s">
        <v>10735</v>
      </c>
      <c r="I26746" s="2">
        <v>1</v>
      </c>
      <c r="J26746" s="2">
        <v>0</v>
      </c>
      <c r="K26746" s="2">
        <v>0</v>
      </c>
      <c r="L26746" t="s">
        <v>120</v>
      </c>
      <c r="M26746" t="s">
        <v>83</v>
      </c>
      <c r="N26746" t="s">
        <v>84</v>
      </c>
      <c r="O26746" t="s">
        <v>85</v>
      </c>
      <c r="P26746" t="s">
        <v>86</v>
      </c>
      <c r="Q26746">
        <v>67</v>
      </c>
      <c r="R26746">
        <v>69</v>
      </c>
      <c r="S26746">
        <v>71</v>
      </c>
      <c r="T26746">
        <v>73</v>
      </c>
      <c r="U26746">
        <v>74</v>
      </c>
      <c r="V26746">
        <v>76</v>
      </c>
      <c r="W26746">
        <v>78</v>
      </c>
      <c r="X26746">
        <v>80</v>
      </c>
      <c r="Y26746">
        <v>82</v>
      </c>
      <c r="Z26746">
        <v>84</v>
      </c>
      <c r="AA26746">
        <v>86</v>
      </c>
      <c r="AB26746">
        <v>88</v>
      </c>
      <c r="AC26746">
        <v>90</v>
      </c>
      <c r="AD26746">
        <v>92</v>
      </c>
      <c r="AE26746">
        <v>94</v>
      </c>
      <c r="AF26746">
        <v>96</v>
      </c>
      <c r="AG26746">
        <v>98</v>
      </c>
      <c r="AH26746">
        <v>100</v>
      </c>
      <c r="AI26746">
        <v>102</v>
      </c>
      <c r="AJ26746">
        <v>104</v>
      </c>
      <c r="AK26746">
        <v>106</v>
      </c>
      <c r="AL26746">
        <v>107</v>
      </c>
      <c r="AM26746">
        <v>108</v>
      </c>
      <c r="AN26746">
        <v>109</v>
      </c>
      <c r="AO26746">
        <v>110</v>
      </c>
      <c r="AP26746">
        <v>111</v>
      </c>
      <c r="AQ26746">
        <v>112</v>
      </c>
    </row>
    <row r="26747" spans="1:43">
      <c r="A26747" t="s">
        <v>16545</v>
      </c>
      <c r="B26747" t="s">
        <v>16546</v>
      </c>
      <c r="C26747" t="s">
        <v>16467</v>
      </c>
      <c r="D26747" t="s">
        <v>16468</v>
      </c>
      <c r="E26747" t="s">
        <v>16459</v>
      </c>
      <c r="F26747" t="s">
        <v>16460</v>
      </c>
      <c r="G26747" t="s">
        <v>10734</v>
      </c>
      <c r="H26747" t="s">
        <v>10735</v>
      </c>
      <c r="I26747" s="2">
        <v>1</v>
      </c>
      <c r="J26747" s="2">
        <v>0</v>
      </c>
      <c r="K26747" s="2">
        <v>0</v>
      </c>
      <c r="L26747" t="s">
        <v>120</v>
      </c>
      <c r="M26747" t="s">
        <v>87</v>
      </c>
      <c r="N26747" t="s">
        <v>88</v>
      </c>
      <c r="O26747" t="s">
        <v>85</v>
      </c>
      <c r="P26747" t="s">
        <v>86</v>
      </c>
      <c r="Q26747">
        <v>67</v>
      </c>
      <c r="R26747">
        <v>69</v>
      </c>
      <c r="S26747">
        <v>70</v>
      </c>
      <c r="T26747">
        <v>71</v>
      </c>
      <c r="U26747">
        <v>72</v>
      </c>
      <c r="V26747">
        <v>73</v>
      </c>
      <c r="W26747">
        <v>74</v>
      </c>
      <c r="X26747">
        <v>76</v>
      </c>
      <c r="Y26747">
        <v>77</v>
      </c>
      <c r="Z26747">
        <v>78</v>
      </c>
      <c r="AA26747">
        <v>79</v>
      </c>
      <c r="AB26747">
        <v>80</v>
      </c>
      <c r="AC26747">
        <v>82</v>
      </c>
      <c r="AD26747">
        <v>83</v>
      </c>
      <c r="AE26747">
        <v>84</v>
      </c>
      <c r="AF26747">
        <v>85</v>
      </c>
      <c r="AG26747">
        <v>87</v>
      </c>
      <c r="AH26747">
        <v>88</v>
      </c>
      <c r="AI26747">
        <v>89</v>
      </c>
      <c r="AJ26747">
        <v>90</v>
      </c>
      <c r="AK26747">
        <v>91</v>
      </c>
      <c r="AL26747">
        <v>92</v>
      </c>
      <c r="AM26747">
        <v>94</v>
      </c>
      <c r="AN26747">
        <v>95</v>
      </c>
      <c r="AO26747">
        <v>96</v>
      </c>
      <c r="AP26747">
        <v>97</v>
      </c>
      <c r="AQ26747">
        <v>98</v>
      </c>
    </row>
    <row r="26748" spans="1:43">
      <c r="A26748" t="s">
        <v>16545</v>
      </c>
      <c r="B26748" t="s">
        <v>16546</v>
      </c>
      <c r="C26748" t="s">
        <v>16467</v>
      </c>
      <c r="D26748" t="s">
        <v>16468</v>
      </c>
      <c r="E26748" t="s">
        <v>16459</v>
      </c>
      <c r="F26748" t="s">
        <v>16460</v>
      </c>
      <c r="G26748" t="s">
        <v>10734</v>
      </c>
      <c r="H26748" t="s">
        <v>10735</v>
      </c>
      <c r="I26748" s="2">
        <v>1</v>
      </c>
      <c r="J26748" s="2">
        <v>0</v>
      </c>
      <c r="K26748" s="2">
        <v>0</v>
      </c>
      <c r="L26748" t="s">
        <v>120</v>
      </c>
      <c r="M26748" t="s">
        <v>89</v>
      </c>
      <c r="N26748" t="s">
        <v>90</v>
      </c>
      <c r="O26748" t="s">
        <v>85</v>
      </c>
      <c r="P26748" t="s">
        <v>86</v>
      </c>
      <c r="Q26748">
        <v>67</v>
      </c>
      <c r="R26748">
        <v>69</v>
      </c>
      <c r="S26748">
        <v>72</v>
      </c>
      <c r="T26748">
        <v>74</v>
      </c>
      <c r="U26748">
        <v>76</v>
      </c>
      <c r="V26748">
        <v>79</v>
      </c>
      <c r="W26748">
        <v>81</v>
      </c>
      <c r="X26748">
        <v>83</v>
      </c>
      <c r="Y26748">
        <v>86</v>
      </c>
      <c r="Z26748">
        <v>88</v>
      </c>
      <c r="AA26748">
        <v>90</v>
      </c>
      <c r="AB26748">
        <v>93</v>
      </c>
      <c r="AC26748">
        <v>95</v>
      </c>
      <c r="AD26748">
        <v>98</v>
      </c>
      <c r="AE26748">
        <v>99</v>
      </c>
      <c r="AF26748">
        <v>101</v>
      </c>
      <c r="AG26748">
        <v>102</v>
      </c>
      <c r="AH26748">
        <v>103</v>
      </c>
      <c r="AI26748">
        <v>104</v>
      </c>
      <c r="AJ26748">
        <v>105</v>
      </c>
      <c r="AK26748">
        <v>106</v>
      </c>
      <c r="AL26748">
        <v>107</v>
      </c>
      <c r="AM26748">
        <v>108</v>
      </c>
      <c r="AN26748">
        <v>109</v>
      </c>
      <c r="AO26748">
        <v>110</v>
      </c>
      <c r="AP26748">
        <v>111</v>
      </c>
      <c r="AQ26748">
        <v>112</v>
      </c>
    </row>
    <row r="26749" spans="1:43">
      <c r="A26749" t="s">
        <v>16545</v>
      </c>
      <c r="B26749" t="s">
        <v>16546</v>
      </c>
      <c r="C26749" t="s">
        <v>16467</v>
      </c>
      <c r="D26749" t="s">
        <v>16468</v>
      </c>
      <c r="E26749" t="s">
        <v>16459</v>
      </c>
      <c r="F26749" t="s">
        <v>16460</v>
      </c>
      <c r="G26749" t="s">
        <v>10734</v>
      </c>
      <c r="H26749" t="s">
        <v>10735</v>
      </c>
      <c r="I26749" s="2">
        <v>1</v>
      </c>
      <c r="J26749" s="2">
        <v>0</v>
      </c>
      <c r="K26749" s="2">
        <v>0</v>
      </c>
      <c r="L26749" t="s">
        <v>120</v>
      </c>
      <c r="M26749" t="s">
        <v>83</v>
      </c>
      <c r="N26749" t="s">
        <v>91</v>
      </c>
      <c r="O26749" t="s">
        <v>85</v>
      </c>
      <c r="P26749" t="s">
        <v>86</v>
      </c>
      <c r="Q26749">
        <v>67</v>
      </c>
      <c r="R26749">
        <v>69</v>
      </c>
      <c r="S26749">
        <v>71</v>
      </c>
      <c r="T26749">
        <v>73</v>
      </c>
      <c r="U26749">
        <v>74</v>
      </c>
      <c r="V26749">
        <v>76</v>
      </c>
      <c r="W26749">
        <v>78</v>
      </c>
      <c r="X26749">
        <v>80</v>
      </c>
      <c r="Y26749">
        <v>82</v>
      </c>
      <c r="Z26749">
        <v>84</v>
      </c>
      <c r="AA26749">
        <v>86</v>
      </c>
      <c r="AB26749">
        <v>88</v>
      </c>
      <c r="AC26749">
        <v>90</v>
      </c>
      <c r="AD26749">
        <v>92</v>
      </c>
      <c r="AE26749">
        <v>94</v>
      </c>
      <c r="AF26749">
        <v>96</v>
      </c>
      <c r="AG26749">
        <v>98</v>
      </c>
      <c r="AH26749">
        <v>100</v>
      </c>
      <c r="AI26749">
        <v>102</v>
      </c>
      <c r="AJ26749">
        <v>104</v>
      </c>
      <c r="AK26749">
        <v>106</v>
      </c>
      <c r="AL26749">
        <v>107</v>
      </c>
      <c r="AM26749">
        <v>108</v>
      </c>
      <c r="AN26749">
        <v>109</v>
      </c>
      <c r="AO26749">
        <v>110</v>
      </c>
      <c r="AP26749">
        <v>111</v>
      </c>
      <c r="AQ26749">
        <v>112</v>
      </c>
    </row>
    <row r="26750" spans="1:43">
      <c r="A26750" t="s">
        <v>16547</v>
      </c>
      <c r="B26750" t="s">
        <v>16548</v>
      </c>
      <c r="C26750" t="s">
        <v>16537</v>
      </c>
      <c r="D26750" t="s">
        <v>16538</v>
      </c>
      <c r="E26750" t="s">
        <v>16459</v>
      </c>
      <c r="F26750" t="s">
        <v>16460</v>
      </c>
      <c r="G26750" t="s">
        <v>10734</v>
      </c>
      <c r="H26750" t="s">
        <v>10735</v>
      </c>
      <c r="I26750" s="2">
        <v>1</v>
      </c>
      <c r="J26750" s="2">
        <v>0</v>
      </c>
      <c r="K26750" s="2">
        <v>0</v>
      </c>
      <c r="L26750" t="s">
        <v>120</v>
      </c>
      <c r="M26750" t="s">
        <v>83</v>
      </c>
      <c r="N26750" t="s">
        <v>84</v>
      </c>
      <c r="O26750" t="s">
        <v>85</v>
      </c>
      <c r="P26750" t="s">
        <v>86</v>
      </c>
      <c r="Q26750">
        <v>49</v>
      </c>
      <c r="R26750">
        <v>50</v>
      </c>
      <c r="S26750">
        <v>51</v>
      </c>
      <c r="T26750">
        <v>52</v>
      </c>
      <c r="U26750">
        <v>54</v>
      </c>
      <c r="V26750">
        <v>55</v>
      </c>
      <c r="W26750">
        <v>56</v>
      </c>
      <c r="X26750">
        <v>58</v>
      </c>
      <c r="Y26750">
        <v>59</v>
      </c>
      <c r="Z26750">
        <v>61</v>
      </c>
      <c r="AA26750">
        <v>62</v>
      </c>
      <c r="AB26750">
        <v>63</v>
      </c>
      <c r="AC26750">
        <v>65</v>
      </c>
      <c r="AD26750">
        <v>66</v>
      </c>
      <c r="AE26750">
        <v>68</v>
      </c>
      <c r="AF26750">
        <v>69</v>
      </c>
      <c r="AG26750">
        <v>71</v>
      </c>
      <c r="AH26750">
        <v>72</v>
      </c>
      <c r="AI26750">
        <v>74</v>
      </c>
      <c r="AJ26750">
        <v>75</v>
      </c>
      <c r="AK26750">
        <v>77</v>
      </c>
      <c r="AL26750">
        <v>77</v>
      </c>
      <c r="AM26750">
        <v>78</v>
      </c>
      <c r="AN26750">
        <v>79</v>
      </c>
      <c r="AO26750">
        <v>80</v>
      </c>
      <c r="AP26750">
        <v>80</v>
      </c>
      <c r="AQ26750">
        <v>81</v>
      </c>
    </row>
    <row r="26751" spans="1:43">
      <c r="A26751" t="s">
        <v>16547</v>
      </c>
      <c r="B26751" t="s">
        <v>16548</v>
      </c>
      <c r="C26751" t="s">
        <v>16537</v>
      </c>
      <c r="D26751" t="s">
        <v>16538</v>
      </c>
      <c r="E26751" t="s">
        <v>16459</v>
      </c>
      <c r="F26751" t="s">
        <v>16460</v>
      </c>
      <c r="G26751" t="s">
        <v>10734</v>
      </c>
      <c r="H26751" t="s">
        <v>10735</v>
      </c>
      <c r="I26751" s="2">
        <v>1</v>
      </c>
      <c r="J26751" s="2">
        <v>0</v>
      </c>
      <c r="K26751" s="2">
        <v>0</v>
      </c>
      <c r="L26751" t="s">
        <v>120</v>
      </c>
      <c r="M26751" t="s">
        <v>87</v>
      </c>
      <c r="N26751" t="s">
        <v>88</v>
      </c>
      <c r="O26751" t="s">
        <v>85</v>
      </c>
      <c r="P26751" t="s">
        <v>86</v>
      </c>
      <c r="Q26751">
        <v>49</v>
      </c>
      <c r="R26751">
        <v>50</v>
      </c>
      <c r="S26751">
        <v>51</v>
      </c>
      <c r="T26751">
        <v>52</v>
      </c>
      <c r="U26751">
        <v>52</v>
      </c>
      <c r="V26751">
        <v>53</v>
      </c>
      <c r="W26751">
        <v>54</v>
      </c>
      <c r="X26751">
        <v>55</v>
      </c>
      <c r="Y26751">
        <v>56</v>
      </c>
      <c r="Z26751">
        <v>57</v>
      </c>
      <c r="AA26751">
        <v>57</v>
      </c>
      <c r="AB26751">
        <v>58</v>
      </c>
      <c r="AC26751">
        <v>59</v>
      </c>
      <c r="AD26751">
        <v>60</v>
      </c>
      <c r="AE26751">
        <v>61</v>
      </c>
      <c r="AF26751">
        <v>62</v>
      </c>
      <c r="AG26751">
        <v>63</v>
      </c>
      <c r="AH26751">
        <v>63</v>
      </c>
      <c r="AI26751">
        <v>64</v>
      </c>
      <c r="AJ26751">
        <v>65</v>
      </c>
      <c r="AK26751">
        <v>66</v>
      </c>
      <c r="AL26751">
        <v>67</v>
      </c>
      <c r="AM26751">
        <v>68</v>
      </c>
      <c r="AN26751">
        <v>68</v>
      </c>
      <c r="AO26751">
        <v>69</v>
      </c>
      <c r="AP26751">
        <v>70</v>
      </c>
      <c r="AQ26751">
        <v>71</v>
      </c>
    </row>
    <row r="26752" spans="1:43">
      <c r="A26752" t="s">
        <v>16547</v>
      </c>
      <c r="B26752" t="s">
        <v>16548</v>
      </c>
      <c r="C26752" t="s">
        <v>16537</v>
      </c>
      <c r="D26752" t="s">
        <v>16538</v>
      </c>
      <c r="E26752" t="s">
        <v>16459</v>
      </c>
      <c r="F26752" t="s">
        <v>16460</v>
      </c>
      <c r="G26752" t="s">
        <v>10734</v>
      </c>
      <c r="H26752" t="s">
        <v>10735</v>
      </c>
      <c r="I26752" s="2">
        <v>1</v>
      </c>
      <c r="J26752" s="2">
        <v>0</v>
      </c>
      <c r="K26752" s="2">
        <v>0</v>
      </c>
      <c r="L26752" t="s">
        <v>120</v>
      </c>
      <c r="M26752" t="s">
        <v>89</v>
      </c>
      <c r="N26752" t="s">
        <v>90</v>
      </c>
      <c r="O26752" t="s">
        <v>85</v>
      </c>
      <c r="P26752" t="s">
        <v>86</v>
      </c>
      <c r="Q26752">
        <v>49</v>
      </c>
      <c r="R26752">
        <v>51</v>
      </c>
      <c r="S26752">
        <v>52</v>
      </c>
      <c r="T26752">
        <v>54</v>
      </c>
      <c r="U26752">
        <v>56</v>
      </c>
      <c r="V26752">
        <v>58</v>
      </c>
      <c r="W26752">
        <v>59</v>
      </c>
      <c r="X26752">
        <v>61</v>
      </c>
      <c r="Y26752">
        <v>63</v>
      </c>
      <c r="Z26752">
        <v>64</v>
      </c>
      <c r="AA26752">
        <v>66</v>
      </c>
      <c r="AB26752">
        <v>68</v>
      </c>
      <c r="AC26752">
        <v>70</v>
      </c>
      <c r="AD26752">
        <v>71</v>
      </c>
      <c r="AE26752">
        <v>73</v>
      </c>
      <c r="AF26752">
        <v>74</v>
      </c>
      <c r="AG26752">
        <v>74</v>
      </c>
      <c r="AH26752">
        <v>75</v>
      </c>
      <c r="AI26752">
        <v>76</v>
      </c>
      <c r="AJ26752">
        <v>77</v>
      </c>
      <c r="AK26752">
        <v>77</v>
      </c>
      <c r="AL26752">
        <v>78</v>
      </c>
      <c r="AM26752">
        <v>79</v>
      </c>
      <c r="AN26752">
        <v>79</v>
      </c>
      <c r="AO26752">
        <v>80</v>
      </c>
      <c r="AP26752">
        <v>81</v>
      </c>
      <c r="AQ26752">
        <v>81</v>
      </c>
    </row>
    <row r="26753" spans="1:43">
      <c r="A26753" t="s">
        <v>16547</v>
      </c>
      <c r="B26753" t="s">
        <v>16548</v>
      </c>
      <c r="C26753" t="s">
        <v>16537</v>
      </c>
      <c r="D26753" t="s">
        <v>16538</v>
      </c>
      <c r="E26753" t="s">
        <v>16459</v>
      </c>
      <c r="F26753" t="s">
        <v>16460</v>
      </c>
      <c r="G26753" t="s">
        <v>10734</v>
      </c>
      <c r="H26753" t="s">
        <v>10735</v>
      </c>
      <c r="I26753" s="2">
        <v>1</v>
      </c>
      <c r="J26753" s="2">
        <v>0</v>
      </c>
      <c r="K26753" s="2">
        <v>0</v>
      </c>
      <c r="L26753" t="s">
        <v>120</v>
      </c>
      <c r="M26753" t="s">
        <v>83</v>
      </c>
      <c r="N26753" t="s">
        <v>91</v>
      </c>
      <c r="O26753" t="s">
        <v>85</v>
      </c>
      <c r="P26753" t="s">
        <v>86</v>
      </c>
      <c r="Q26753">
        <v>49</v>
      </c>
      <c r="R26753">
        <v>50</v>
      </c>
      <c r="S26753">
        <v>51</v>
      </c>
      <c r="T26753">
        <v>52</v>
      </c>
      <c r="U26753">
        <v>54</v>
      </c>
      <c r="V26753">
        <v>55</v>
      </c>
      <c r="W26753">
        <v>56</v>
      </c>
      <c r="X26753">
        <v>58</v>
      </c>
      <c r="Y26753">
        <v>59</v>
      </c>
      <c r="Z26753">
        <v>61</v>
      </c>
      <c r="AA26753">
        <v>62</v>
      </c>
      <c r="AB26753">
        <v>63</v>
      </c>
      <c r="AC26753">
        <v>65</v>
      </c>
      <c r="AD26753">
        <v>66</v>
      </c>
      <c r="AE26753">
        <v>68</v>
      </c>
      <c r="AF26753">
        <v>69</v>
      </c>
      <c r="AG26753">
        <v>71</v>
      </c>
      <c r="AH26753">
        <v>72</v>
      </c>
      <c r="AI26753">
        <v>74</v>
      </c>
      <c r="AJ26753">
        <v>75</v>
      </c>
      <c r="AK26753">
        <v>77</v>
      </c>
      <c r="AL26753">
        <v>77</v>
      </c>
      <c r="AM26753">
        <v>78</v>
      </c>
      <c r="AN26753">
        <v>79</v>
      </c>
      <c r="AO26753">
        <v>80</v>
      </c>
      <c r="AP26753">
        <v>80</v>
      </c>
      <c r="AQ26753">
        <v>81</v>
      </c>
    </row>
    <row r="26754" spans="1:43">
      <c r="A26754" t="s">
        <v>16549</v>
      </c>
      <c r="B26754" t="s">
        <v>16550</v>
      </c>
      <c r="C26754" t="s">
        <v>16473</v>
      </c>
      <c r="D26754" t="s">
        <v>16474</v>
      </c>
      <c r="E26754" t="s">
        <v>16459</v>
      </c>
      <c r="F26754" t="s">
        <v>16460</v>
      </c>
      <c r="G26754" t="s">
        <v>10734</v>
      </c>
      <c r="H26754" t="s">
        <v>10735</v>
      </c>
      <c r="I26754" s="2">
        <v>1</v>
      </c>
      <c r="J26754" s="2">
        <v>0</v>
      </c>
      <c r="K26754" s="2">
        <v>0</v>
      </c>
      <c r="L26754" t="s">
        <v>120</v>
      </c>
      <c r="M26754" t="s">
        <v>83</v>
      </c>
      <c r="N26754" t="s">
        <v>84</v>
      </c>
      <c r="O26754" t="s">
        <v>85</v>
      </c>
      <c r="P26754" t="s">
        <v>86</v>
      </c>
      <c r="Q26754">
        <v>32</v>
      </c>
      <c r="R26754">
        <v>33</v>
      </c>
      <c r="S26754">
        <v>34</v>
      </c>
      <c r="T26754">
        <v>35</v>
      </c>
      <c r="U26754">
        <v>36</v>
      </c>
      <c r="V26754">
        <v>37</v>
      </c>
      <c r="W26754">
        <v>38</v>
      </c>
      <c r="X26754">
        <v>38</v>
      </c>
      <c r="Y26754">
        <v>39</v>
      </c>
      <c r="Z26754">
        <v>40</v>
      </c>
      <c r="AA26754">
        <v>41</v>
      </c>
      <c r="AB26754">
        <v>42</v>
      </c>
      <c r="AC26754">
        <v>43</v>
      </c>
      <c r="AD26754">
        <v>44</v>
      </c>
      <c r="AE26754">
        <v>45</v>
      </c>
      <c r="AF26754">
        <v>46</v>
      </c>
      <c r="AG26754">
        <v>47</v>
      </c>
      <c r="AH26754">
        <v>48</v>
      </c>
      <c r="AI26754">
        <v>49</v>
      </c>
      <c r="AJ26754">
        <v>50</v>
      </c>
      <c r="AK26754">
        <v>51</v>
      </c>
      <c r="AL26754">
        <v>51</v>
      </c>
      <c r="AM26754">
        <v>52</v>
      </c>
      <c r="AN26754">
        <v>52</v>
      </c>
      <c r="AO26754">
        <v>53</v>
      </c>
      <c r="AP26754">
        <v>53</v>
      </c>
      <c r="AQ26754">
        <v>54</v>
      </c>
    </row>
    <row r="26755" spans="1:43">
      <c r="A26755" t="s">
        <v>16549</v>
      </c>
      <c r="B26755" t="s">
        <v>16550</v>
      </c>
      <c r="C26755" t="s">
        <v>16473</v>
      </c>
      <c r="D26755" t="s">
        <v>16474</v>
      </c>
      <c r="E26755" t="s">
        <v>16459</v>
      </c>
      <c r="F26755" t="s">
        <v>16460</v>
      </c>
      <c r="G26755" t="s">
        <v>10734</v>
      </c>
      <c r="H26755" t="s">
        <v>10735</v>
      </c>
      <c r="I26755" s="2">
        <v>1</v>
      </c>
      <c r="J26755" s="2">
        <v>0</v>
      </c>
      <c r="K26755" s="2">
        <v>0</v>
      </c>
      <c r="L26755" t="s">
        <v>120</v>
      </c>
      <c r="M26755" t="s">
        <v>87</v>
      </c>
      <c r="N26755" t="s">
        <v>88</v>
      </c>
      <c r="O26755" t="s">
        <v>85</v>
      </c>
      <c r="P26755" t="s">
        <v>86</v>
      </c>
      <c r="Q26755">
        <v>32</v>
      </c>
      <c r="R26755">
        <v>32</v>
      </c>
      <c r="S26755">
        <v>33</v>
      </c>
      <c r="T26755">
        <v>34</v>
      </c>
      <c r="U26755">
        <v>34</v>
      </c>
      <c r="V26755">
        <v>35</v>
      </c>
      <c r="W26755">
        <v>35</v>
      </c>
      <c r="X26755">
        <v>36</v>
      </c>
      <c r="Y26755">
        <v>36</v>
      </c>
      <c r="Z26755">
        <v>37</v>
      </c>
      <c r="AA26755">
        <v>38</v>
      </c>
      <c r="AB26755">
        <v>38</v>
      </c>
      <c r="AC26755">
        <v>39</v>
      </c>
      <c r="AD26755">
        <v>39</v>
      </c>
      <c r="AE26755">
        <v>40</v>
      </c>
      <c r="AF26755">
        <v>40</v>
      </c>
      <c r="AG26755">
        <v>41</v>
      </c>
      <c r="AH26755">
        <v>42</v>
      </c>
      <c r="AI26755">
        <v>42</v>
      </c>
      <c r="AJ26755">
        <v>43</v>
      </c>
      <c r="AK26755">
        <v>43</v>
      </c>
      <c r="AL26755">
        <v>44</v>
      </c>
      <c r="AM26755">
        <v>44</v>
      </c>
      <c r="AN26755">
        <v>45</v>
      </c>
      <c r="AO26755">
        <v>45</v>
      </c>
      <c r="AP26755">
        <v>46</v>
      </c>
      <c r="AQ26755">
        <v>47</v>
      </c>
    </row>
    <row r="26756" spans="1:43">
      <c r="A26756" t="s">
        <v>16549</v>
      </c>
      <c r="B26756" t="s">
        <v>16550</v>
      </c>
      <c r="C26756" t="s">
        <v>16473</v>
      </c>
      <c r="D26756" t="s">
        <v>16474</v>
      </c>
      <c r="E26756" t="s">
        <v>16459</v>
      </c>
      <c r="F26756" t="s">
        <v>16460</v>
      </c>
      <c r="G26756" t="s">
        <v>10734</v>
      </c>
      <c r="H26756" t="s">
        <v>10735</v>
      </c>
      <c r="I26756" s="2">
        <v>1</v>
      </c>
      <c r="J26756" s="2">
        <v>0</v>
      </c>
      <c r="K26756" s="2">
        <v>0</v>
      </c>
      <c r="L26756" t="s">
        <v>120</v>
      </c>
      <c r="M26756" t="s">
        <v>89</v>
      </c>
      <c r="N26756" t="s">
        <v>90</v>
      </c>
      <c r="O26756" t="s">
        <v>85</v>
      </c>
      <c r="P26756" t="s">
        <v>86</v>
      </c>
      <c r="Q26756">
        <v>32</v>
      </c>
      <c r="R26756">
        <v>34</v>
      </c>
      <c r="S26756">
        <v>35</v>
      </c>
      <c r="T26756">
        <v>36</v>
      </c>
      <c r="U26756">
        <v>37</v>
      </c>
      <c r="V26756">
        <v>38</v>
      </c>
      <c r="W26756">
        <v>39</v>
      </c>
      <c r="X26756">
        <v>40</v>
      </c>
      <c r="Y26756">
        <v>42</v>
      </c>
      <c r="Z26756">
        <v>43</v>
      </c>
      <c r="AA26756">
        <v>44</v>
      </c>
      <c r="AB26756">
        <v>45</v>
      </c>
      <c r="AC26756">
        <v>46</v>
      </c>
      <c r="AD26756">
        <v>47</v>
      </c>
      <c r="AE26756">
        <v>48</v>
      </c>
      <c r="AF26756">
        <v>49</v>
      </c>
      <c r="AG26756">
        <v>49</v>
      </c>
      <c r="AH26756">
        <v>50</v>
      </c>
      <c r="AI26756">
        <v>50</v>
      </c>
      <c r="AJ26756">
        <v>51</v>
      </c>
      <c r="AK26756">
        <v>51</v>
      </c>
      <c r="AL26756">
        <v>52</v>
      </c>
      <c r="AM26756">
        <v>52</v>
      </c>
      <c r="AN26756">
        <v>53</v>
      </c>
      <c r="AO26756">
        <v>53</v>
      </c>
      <c r="AP26756">
        <v>53</v>
      </c>
      <c r="AQ26756">
        <v>54</v>
      </c>
    </row>
    <row r="26757" spans="1:43">
      <c r="A26757" t="s">
        <v>16549</v>
      </c>
      <c r="B26757" t="s">
        <v>16550</v>
      </c>
      <c r="C26757" t="s">
        <v>16473</v>
      </c>
      <c r="D26757" t="s">
        <v>16474</v>
      </c>
      <c r="E26757" t="s">
        <v>16459</v>
      </c>
      <c r="F26757" t="s">
        <v>16460</v>
      </c>
      <c r="G26757" t="s">
        <v>10734</v>
      </c>
      <c r="H26757" t="s">
        <v>10735</v>
      </c>
      <c r="I26757" s="2">
        <v>1</v>
      </c>
      <c r="J26757" s="2">
        <v>0</v>
      </c>
      <c r="K26757" s="2">
        <v>0</v>
      </c>
      <c r="L26757" t="s">
        <v>120</v>
      </c>
      <c r="M26757" t="s">
        <v>83</v>
      </c>
      <c r="N26757" t="s">
        <v>91</v>
      </c>
      <c r="O26757" t="s">
        <v>85</v>
      </c>
      <c r="P26757" t="s">
        <v>86</v>
      </c>
      <c r="Q26757">
        <v>32</v>
      </c>
      <c r="R26757">
        <v>33</v>
      </c>
      <c r="S26757">
        <v>34</v>
      </c>
      <c r="T26757">
        <v>35</v>
      </c>
      <c r="U26757">
        <v>36</v>
      </c>
      <c r="V26757">
        <v>37</v>
      </c>
      <c r="W26757">
        <v>38</v>
      </c>
      <c r="X26757">
        <v>38</v>
      </c>
      <c r="Y26757">
        <v>39</v>
      </c>
      <c r="Z26757">
        <v>40</v>
      </c>
      <c r="AA26757">
        <v>41</v>
      </c>
      <c r="AB26757">
        <v>42</v>
      </c>
      <c r="AC26757">
        <v>43</v>
      </c>
      <c r="AD26757">
        <v>44</v>
      </c>
      <c r="AE26757">
        <v>45</v>
      </c>
      <c r="AF26757">
        <v>46</v>
      </c>
      <c r="AG26757">
        <v>47</v>
      </c>
      <c r="AH26757">
        <v>48</v>
      </c>
      <c r="AI26757">
        <v>49</v>
      </c>
      <c r="AJ26757">
        <v>50</v>
      </c>
      <c r="AK26757">
        <v>51</v>
      </c>
      <c r="AL26757">
        <v>51</v>
      </c>
      <c r="AM26757">
        <v>52</v>
      </c>
      <c r="AN26757">
        <v>52</v>
      </c>
      <c r="AO26757">
        <v>53</v>
      </c>
      <c r="AP26757">
        <v>53</v>
      </c>
      <c r="AQ26757">
        <v>54</v>
      </c>
    </row>
    <row r="26758" spans="1:43">
      <c r="A26758" t="s">
        <v>16551</v>
      </c>
      <c r="B26758" t="s">
        <v>16552</v>
      </c>
      <c r="C26758" t="s">
        <v>16537</v>
      </c>
      <c r="D26758" t="s">
        <v>16538</v>
      </c>
      <c r="E26758" t="s">
        <v>16459</v>
      </c>
      <c r="F26758" t="s">
        <v>16460</v>
      </c>
      <c r="G26758" t="s">
        <v>10734</v>
      </c>
      <c r="H26758" t="s">
        <v>10735</v>
      </c>
      <c r="I26758" s="2">
        <v>1</v>
      </c>
      <c r="J26758" s="2">
        <v>0</v>
      </c>
      <c r="K26758" s="2">
        <v>0</v>
      </c>
      <c r="L26758" t="s">
        <v>120</v>
      </c>
      <c r="M26758" t="s">
        <v>83</v>
      </c>
      <c r="N26758" t="s">
        <v>84</v>
      </c>
      <c r="O26758" t="s">
        <v>85</v>
      </c>
      <c r="P26758" t="s">
        <v>86</v>
      </c>
      <c r="Q26758">
        <v>51</v>
      </c>
      <c r="R26758">
        <v>53</v>
      </c>
      <c r="S26758">
        <v>54</v>
      </c>
      <c r="T26758">
        <v>55</v>
      </c>
      <c r="U26758">
        <v>57</v>
      </c>
      <c r="V26758">
        <v>58</v>
      </c>
      <c r="W26758">
        <v>60</v>
      </c>
      <c r="X26758">
        <v>61</v>
      </c>
      <c r="Y26758">
        <v>63</v>
      </c>
      <c r="Z26758">
        <v>64</v>
      </c>
      <c r="AA26758">
        <v>66</v>
      </c>
      <c r="AB26758">
        <v>67</v>
      </c>
      <c r="AC26758">
        <v>68</v>
      </c>
      <c r="AD26758">
        <v>70</v>
      </c>
      <c r="AE26758">
        <v>72</v>
      </c>
      <c r="AF26758">
        <v>73</v>
      </c>
      <c r="AG26758">
        <v>75</v>
      </c>
      <c r="AH26758">
        <v>76</v>
      </c>
      <c r="AI26758">
        <v>78</v>
      </c>
      <c r="AJ26758">
        <v>79</v>
      </c>
      <c r="AK26758">
        <v>81</v>
      </c>
      <c r="AL26758">
        <v>82</v>
      </c>
      <c r="AM26758">
        <v>83</v>
      </c>
      <c r="AN26758">
        <v>83</v>
      </c>
      <c r="AO26758">
        <v>84</v>
      </c>
      <c r="AP26758">
        <v>85</v>
      </c>
      <c r="AQ26758">
        <v>86</v>
      </c>
    </row>
    <row r="26759" spans="1:43">
      <c r="A26759" t="s">
        <v>16551</v>
      </c>
      <c r="B26759" t="s">
        <v>16552</v>
      </c>
      <c r="C26759" t="s">
        <v>16537</v>
      </c>
      <c r="D26759" t="s">
        <v>16538</v>
      </c>
      <c r="E26759" t="s">
        <v>16459</v>
      </c>
      <c r="F26759" t="s">
        <v>16460</v>
      </c>
      <c r="G26759" t="s">
        <v>10734</v>
      </c>
      <c r="H26759" t="s">
        <v>10735</v>
      </c>
      <c r="I26759" s="2">
        <v>1</v>
      </c>
      <c r="J26759" s="2">
        <v>0</v>
      </c>
      <c r="K26759" s="2">
        <v>0</v>
      </c>
      <c r="L26759" t="s">
        <v>120</v>
      </c>
      <c r="M26759" t="s">
        <v>87</v>
      </c>
      <c r="N26759" t="s">
        <v>88</v>
      </c>
      <c r="O26759" t="s">
        <v>85</v>
      </c>
      <c r="P26759" t="s">
        <v>86</v>
      </c>
      <c r="Q26759">
        <v>51</v>
      </c>
      <c r="R26759">
        <v>52</v>
      </c>
      <c r="S26759">
        <v>53</v>
      </c>
      <c r="T26759">
        <v>53</v>
      </c>
      <c r="U26759">
        <v>54</v>
      </c>
      <c r="V26759">
        <v>55</v>
      </c>
      <c r="W26759">
        <v>56</v>
      </c>
      <c r="X26759">
        <v>57</v>
      </c>
      <c r="Y26759">
        <v>58</v>
      </c>
      <c r="Z26759">
        <v>59</v>
      </c>
      <c r="AA26759">
        <v>60</v>
      </c>
      <c r="AB26759">
        <v>61</v>
      </c>
      <c r="AC26759">
        <v>61</v>
      </c>
      <c r="AD26759">
        <v>62</v>
      </c>
      <c r="AE26759">
        <v>63</v>
      </c>
      <c r="AF26759">
        <v>64</v>
      </c>
      <c r="AG26759">
        <v>65</v>
      </c>
      <c r="AH26759">
        <v>66</v>
      </c>
      <c r="AI26759">
        <v>67</v>
      </c>
      <c r="AJ26759">
        <v>68</v>
      </c>
      <c r="AK26759">
        <v>69</v>
      </c>
      <c r="AL26759">
        <v>70</v>
      </c>
      <c r="AM26759">
        <v>71</v>
      </c>
      <c r="AN26759">
        <v>71</v>
      </c>
      <c r="AO26759">
        <v>72</v>
      </c>
      <c r="AP26759">
        <v>73</v>
      </c>
      <c r="AQ26759">
        <v>74</v>
      </c>
    </row>
    <row r="26760" spans="1:43">
      <c r="A26760" t="s">
        <v>16551</v>
      </c>
      <c r="B26760" t="s">
        <v>16552</v>
      </c>
      <c r="C26760" t="s">
        <v>16537</v>
      </c>
      <c r="D26760" t="s">
        <v>16538</v>
      </c>
      <c r="E26760" t="s">
        <v>16459</v>
      </c>
      <c r="F26760" t="s">
        <v>16460</v>
      </c>
      <c r="G26760" t="s">
        <v>10734</v>
      </c>
      <c r="H26760" t="s">
        <v>10735</v>
      </c>
      <c r="I26760" s="2">
        <v>1</v>
      </c>
      <c r="J26760" s="2">
        <v>0</v>
      </c>
      <c r="K26760" s="2">
        <v>0</v>
      </c>
      <c r="L26760" t="s">
        <v>120</v>
      </c>
      <c r="M26760" t="s">
        <v>89</v>
      </c>
      <c r="N26760" t="s">
        <v>90</v>
      </c>
      <c r="O26760" t="s">
        <v>85</v>
      </c>
      <c r="P26760" t="s">
        <v>86</v>
      </c>
      <c r="Q26760">
        <v>51</v>
      </c>
      <c r="R26760">
        <v>53</v>
      </c>
      <c r="S26760">
        <v>54</v>
      </c>
      <c r="T26760">
        <v>56</v>
      </c>
      <c r="U26760">
        <v>58</v>
      </c>
      <c r="V26760">
        <v>60</v>
      </c>
      <c r="W26760">
        <v>62</v>
      </c>
      <c r="X26760">
        <v>63</v>
      </c>
      <c r="Y26760">
        <v>65</v>
      </c>
      <c r="Z26760">
        <v>67</v>
      </c>
      <c r="AA26760">
        <v>69</v>
      </c>
      <c r="AB26760">
        <v>71</v>
      </c>
      <c r="AC26760">
        <v>73</v>
      </c>
      <c r="AD26760">
        <v>74</v>
      </c>
      <c r="AE26760">
        <v>76</v>
      </c>
      <c r="AF26760">
        <v>77</v>
      </c>
      <c r="AG26760">
        <v>78</v>
      </c>
      <c r="AH26760">
        <v>78</v>
      </c>
      <c r="AI26760">
        <v>79</v>
      </c>
      <c r="AJ26760">
        <v>80</v>
      </c>
      <c r="AK26760">
        <v>81</v>
      </c>
      <c r="AL26760">
        <v>82</v>
      </c>
      <c r="AM26760">
        <v>82</v>
      </c>
      <c r="AN26760">
        <v>83</v>
      </c>
      <c r="AO26760">
        <v>84</v>
      </c>
      <c r="AP26760">
        <v>84</v>
      </c>
      <c r="AQ26760">
        <v>85</v>
      </c>
    </row>
    <row r="26761" spans="1:43">
      <c r="A26761" t="s">
        <v>16551</v>
      </c>
      <c r="B26761" t="s">
        <v>16552</v>
      </c>
      <c r="C26761" t="s">
        <v>16537</v>
      </c>
      <c r="D26761" t="s">
        <v>16538</v>
      </c>
      <c r="E26761" t="s">
        <v>16459</v>
      </c>
      <c r="F26761" t="s">
        <v>16460</v>
      </c>
      <c r="G26761" t="s">
        <v>10734</v>
      </c>
      <c r="H26761" t="s">
        <v>10735</v>
      </c>
      <c r="I26761" s="2">
        <v>1</v>
      </c>
      <c r="J26761" s="2">
        <v>0</v>
      </c>
      <c r="K26761" s="2">
        <v>0</v>
      </c>
      <c r="L26761" t="s">
        <v>120</v>
      </c>
      <c r="M26761" t="s">
        <v>83</v>
      </c>
      <c r="N26761" t="s">
        <v>91</v>
      </c>
      <c r="O26761" t="s">
        <v>85</v>
      </c>
      <c r="P26761" t="s">
        <v>86</v>
      </c>
      <c r="Q26761">
        <v>51</v>
      </c>
      <c r="R26761">
        <v>53</v>
      </c>
      <c r="S26761">
        <v>54</v>
      </c>
      <c r="T26761">
        <v>55</v>
      </c>
      <c r="U26761">
        <v>57</v>
      </c>
      <c r="V26761">
        <v>58</v>
      </c>
      <c r="W26761">
        <v>60</v>
      </c>
      <c r="X26761">
        <v>61</v>
      </c>
      <c r="Y26761">
        <v>63</v>
      </c>
      <c r="Z26761">
        <v>64</v>
      </c>
      <c r="AA26761">
        <v>66</v>
      </c>
      <c r="AB26761">
        <v>67</v>
      </c>
      <c r="AC26761">
        <v>68</v>
      </c>
      <c r="AD26761">
        <v>70</v>
      </c>
      <c r="AE26761">
        <v>72</v>
      </c>
      <c r="AF26761">
        <v>73</v>
      </c>
      <c r="AG26761">
        <v>75</v>
      </c>
      <c r="AH26761">
        <v>76</v>
      </c>
      <c r="AI26761">
        <v>78</v>
      </c>
      <c r="AJ26761">
        <v>79</v>
      </c>
      <c r="AK26761">
        <v>81</v>
      </c>
      <c r="AL26761">
        <v>82</v>
      </c>
      <c r="AM26761">
        <v>83</v>
      </c>
      <c r="AN26761">
        <v>83</v>
      </c>
      <c r="AO26761">
        <v>84</v>
      </c>
      <c r="AP26761">
        <v>85</v>
      </c>
      <c r="AQ26761">
        <v>86</v>
      </c>
    </row>
    <row r="26762" spans="1:43">
      <c r="A26762" t="s">
        <v>16553</v>
      </c>
      <c r="B26762" t="s">
        <v>16554</v>
      </c>
      <c r="C26762" t="s">
        <v>16555</v>
      </c>
      <c r="D26762" t="s">
        <v>16556</v>
      </c>
      <c r="E26762" t="s">
        <v>16557</v>
      </c>
      <c r="F26762" t="s">
        <v>16558</v>
      </c>
      <c r="G26762" t="s">
        <v>16559</v>
      </c>
      <c r="H26762" t="s">
        <v>16560</v>
      </c>
      <c r="I26762" s="2">
        <v>1</v>
      </c>
      <c r="J26762" s="2">
        <v>0</v>
      </c>
      <c r="K26762" s="2">
        <v>0</v>
      </c>
      <c r="L26762" t="s">
        <v>120</v>
      </c>
      <c r="M26762" t="s">
        <v>83</v>
      </c>
      <c r="N26762" t="s">
        <v>84</v>
      </c>
      <c r="O26762" t="s">
        <v>85</v>
      </c>
      <c r="P26762" t="s">
        <v>86</v>
      </c>
      <c r="Q26762">
        <v>10</v>
      </c>
      <c r="R26762">
        <v>10</v>
      </c>
      <c r="S26762">
        <v>10</v>
      </c>
      <c r="T26762">
        <v>10</v>
      </c>
      <c r="U26762">
        <v>10</v>
      </c>
      <c r="V26762">
        <v>10</v>
      </c>
      <c r="W26762">
        <v>10</v>
      </c>
      <c r="X26762">
        <v>11</v>
      </c>
      <c r="Y26762">
        <v>11</v>
      </c>
      <c r="Z26762">
        <v>11</v>
      </c>
      <c r="AA26762">
        <v>11</v>
      </c>
      <c r="AB26762">
        <v>11</v>
      </c>
      <c r="AC26762">
        <v>11</v>
      </c>
      <c r="AD26762">
        <v>11</v>
      </c>
      <c r="AE26762">
        <v>12</v>
      </c>
      <c r="AF26762">
        <v>12</v>
      </c>
      <c r="AG26762">
        <v>12</v>
      </c>
      <c r="AH26762">
        <v>12</v>
      </c>
      <c r="AI26762">
        <v>12</v>
      </c>
      <c r="AJ26762">
        <v>12</v>
      </c>
      <c r="AK26762">
        <v>13</v>
      </c>
      <c r="AL26762">
        <v>13</v>
      </c>
      <c r="AM26762">
        <v>13</v>
      </c>
      <c r="AN26762">
        <v>13</v>
      </c>
      <c r="AO26762">
        <v>13</v>
      </c>
      <c r="AP26762">
        <v>13</v>
      </c>
      <c r="AQ26762">
        <v>13</v>
      </c>
    </row>
    <row r="26763" spans="1:43">
      <c r="A26763" t="s">
        <v>16553</v>
      </c>
      <c r="B26763" t="s">
        <v>16554</v>
      </c>
      <c r="C26763" t="s">
        <v>16555</v>
      </c>
      <c r="D26763" t="s">
        <v>16556</v>
      </c>
      <c r="E26763" t="s">
        <v>16557</v>
      </c>
      <c r="F26763" t="s">
        <v>16558</v>
      </c>
      <c r="G26763" t="s">
        <v>16559</v>
      </c>
      <c r="H26763" t="s">
        <v>16560</v>
      </c>
      <c r="I26763" s="2">
        <v>1</v>
      </c>
      <c r="J26763" s="2">
        <v>0</v>
      </c>
      <c r="K26763" s="2">
        <v>0</v>
      </c>
      <c r="L26763" t="s">
        <v>120</v>
      </c>
      <c r="M26763" t="s">
        <v>87</v>
      </c>
      <c r="N26763" t="s">
        <v>88</v>
      </c>
      <c r="O26763" t="s">
        <v>85</v>
      </c>
      <c r="P26763" t="s">
        <v>86</v>
      </c>
      <c r="Q26763">
        <v>10</v>
      </c>
      <c r="R26763">
        <v>10</v>
      </c>
      <c r="S26763">
        <v>11</v>
      </c>
      <c r="T26763">
        <v>11</v>
      </c>
      <c r="U26763">
        <v>11</v>
      </c>
      <c r="V26763">
        <v>11</v>
      </c>
      <c r="W26763">
        <v>11</v>
      </c>
      <c r="X26763">
        <v>11</v>
      </c>
      <c r="Y26763">
        <v>11</v>
      </c>
      <c r="Z26763">
        <v>11</v>
      </c>
      <c r="AA26763">
        <v>11</v>
      </c>
      <c r="AB26763">
        <v>11</v>
      </c>
      <c r="AC26763">
        <v>11</v>
      </c>
      <c r="AD26763">
        <v>11</v>
      </c>
      <c r="AE26763">
        <v>11</v>
      </c>
      <c r="AF26763">
        <v>11</v>
      </c>
      <c r="AG26763">
        <v>11</v>
      </c>
      <c r="AH26763">
        <v>12</v>
      </c>
      <c r="AI26763">
        <v>12</v>
      </c>
      <c r="AJ26763">
        <v>12</v>
      </c>
      <c r="AK26763">
        <v>12</v>
      </c>
      <c r="AL26763">
        <v>12</v>
      </c>
      <c r="AM26763">
        <v>12</v>
      </c>
      <c r="AN26763">
        <v>12</v>
      </c>
      <c r="AO26763">
        <v>12</v>
      </c>
      <c r="AP26763">
        <v>12</v>
      </c>
      <c r="AQ26763">
        <v>12</v>
      </c>
    </row>
    <row r="26764" spans="1:43">
      <c r="A26764" t="s">
        <v>16553</v>
      </c>
      <c r="B26764" t="s">
        <v>16554</v>
      </c>
      <c r="C26764" t="s">
        <v>16555</v>
      </c>
      <c r="D26764" t="s">
        <v>16556</v>
      </c>
      <c r="E26764" t="s">
        <v>16557</v>
      </c>
      <c r="F26764" t="s">
        <v>16558</v>
      </c>
      <c r="G26764" t="s">
        <v>16559</v>
      </c>
      <c r="H26764" t="s">
        <v>16560</v>
      </c>
      <c r="I26764" s="2">
        <v>1</v>
      </c>
      <c r="J26764" s="2">
        <v>0</v>
      </c>
      <c r="K26764" s="2">
        <v>0</v>
      </c>
      <c r="L26764" t="s">
        <v>120</v>
      </c>
      <c r="M26764" t="s">
        <v>89</v>
      </c>
      <c r="N26764" t="s">
        <v>90</v>
      </c>
      <c r="O26764" t="s">
        <v>85</v>
      </c>
      <c r="P26764" t="s">
        <v>86</v>
      </c>
      <c r="Q26764">
        <v>10</v>
      </c>
      <c r="R26764">
        <v>10</v>
      </c>
      <c r="S26764">
        <v>10</v>
      </c>
      <c r="T26764">
        <v>10</v>
      </c>
      <c r="U26764">
        <v>11</v>
      </c>
      <c r="V26764">
        <v>11</v>
      </c>
      <c r="W26764">
        <v>11</v>
      </c>
      <c r="X26764">
        <v>11</v>
      </c>
      <c r="Y26764">
        <v>11</v>
      </c>
      <c r="Z26764">
        <v>11</v>
      </c>
      <c r="AA26764">
        <v>12</v>
      </c>
      <c r="AB26764">
        <v>12</v>
      </c>
      <c r="AC26764">
        <v>12</v>
      </c>
      <c r="AD26764">
        <v>12</v>
      </c>
      <c r="AE26764">
        <v>12</v>
      </c>
      <c r="AF26764">
        <v>12</v>
      </c>
      <c r="AG26764">
        <v>12</v>
      </c>
      <c r="AH26764">
        <v>13</v>
      </c>
      <c r="AI26764">
        <v>13</v>
      </c>
      <c r="AJ26764">
        <v>13</v>
      </c>
      <c r="AK26764">
        <v>13</v>
      </c>
      <c r="AL26764">
        <v>13</v>
      </c>
      <c r="AM26764">
        <v>13</v>
      </c>
      <c r="AN26764">
        <v>13</v>
      </c>
      <c r="AO26764">
        <v>13</v>
      </c>
      <c r="AP26764">
        <v>13</v>
      </c>
      <c r="AQ26764">
        <v>13</v>
      </c>
    </row>
    <row r="26765" spans="1:43">
      <c r="A26765" t="s">
        <v>16553</v>
      </c>
      <c r="B26765" t="s">
        <v>16554</v>
      </c>
      <c r="C26765" t="s">
        <v>16555</v>
      </c>
      <c r="D26765" t="s">
        <v>16556</v>
      </c>
      <c r="E26765" t="s">
        <v>16557</v>
      </c>
      <c r="F26765" t="s">
        <v>16558</v>
      </c>
      <c r="G26765" t="s">
        <v>16559</v>
      </c>
      <c r="H26765" t="s">
        <v>16560</v>
      </c>
      <c r="I26765" s="2">
        <v>1</v>
      </c>
      <c r="J26765" s="2">
        <v>0</v>
      </c>
      <c r="K26765" s="2">
        <v>0</v>
      </c>
      <c r="L26765" t="s">
        <v>120</v>
      </c>
      <c r="M26765" t="s">
        <v>83</v>
      </c>
      <c r="N26765" t="s">
        <v>91</v>
      </c>
      <c r="O26765" t="s">
        <v>85</v>
      </c>
      <c r="P26765" t="s">
        <v>86</v>
      </c>
      <c r="Q26765">
        <v>10</v>
      </c>
      <c r="R26765">
        <v>10</v>
      </c>
      <c r="S26765">
        <v>10</v>
      </c>
      <c r="T26765">
        <v>10</v>
      </c>
      <c r="U26765">
        <v>10</v>
      </c>
      <c r="V26765">
        <v>10</v>
      </c>
      <c r="W26765">
        <v>10</v>
      </c>
      <c r="X26765">
        <v>11</v>
      </c>
      <c r="Y26765">
        <v>11</v>
      </c>
      <c r="Z26765">
        <v>11</v>
      </c>
      <c r="AA26765">
        <v>11</v>
      </c>
      <c r="AB26765">
        <v>11</v>
      </c>
      <c r="AC26765">
        <v>11</v>
      </c>
      <c r="AD26765">
        <v>11</v>
      </c>
      <c r="AE26765">
        <v>12</v>
      </c>
      <c r="AF26765">
        <v>12</v>
      </c>
      <c r="AG26765">
        <v>12</v>
      </c>
      <c r="AH26765">
        <v>12</v>
      </c>
      <c r="AI26765">
        <v>12</v>
      </c>
      <c r="AJ26765">
        <v>12</v>
      </c>
      <c r="AK26765">
        <v>13</v>
      </c>
      <c r="AL26765">
        <v>13</v>
      </c>
      <c r="AM26765">
        <v>13</v>
      </c>
      <c r="AN26765">
        <v>13</v>
      </c>
      <c r="AO26765">
        <v>13</v>
      </c>
      <c r="AP26765">
        <v>13</v>
      </c>
      <c r="AQ26765">
        <v>13</v>
      </c>
    </row>
    <row r="26766" spans="1:43">
      <c r="A26766" t="s">
        <v>16561</v>
      </c>
      <c r="B26766" t="s">
        <v>16562</v>
      </c>
      <c r="C26766" t="s">
        <v>16555</v>
      </c>
      <c r="D26766" t="s">
        <v>16556</v>
      </c>
      <c r="E26766" t="s">
        <v>16557</v>
      </c>
      <c r="F26766" t="s">
        <v>16558</v>
      </c>
      <c r="G26766" t="s">
        <v>16559</v>
      </c>
      <c r="H26766" t="s">
        <v>16560</v>
      </c>
      <c r="I26766" s="2">
        <v>1</v>
      </c>
      <c r="J26766" s="2">
        <v>0</v>
      </c>
      <c r="K26766" s="2">
        <v>0</v>
      </c>
      <c r="L26766" t="s">
        <v>120</v>
      </c>
      <c r="M26766" t="s">
        <v>83</v>
      </c>
      <c r="N26766" t="s">
        <v>84</v>
      </c>
      <c r="O26766" t="s">
        <v>85</v>
      </c>
      <c r="P26766" t="s">
        <v>86</v>
      </c>
      <c r="Q26766">
        <v>18</v>
      </c>
      <c r="R26766">
        <v>18</v>
      </c>
      <c r="S26766">
        <v>19</v>
      </c>
      <c r="T26766">
        <v>19</v>
      </c>
      <c r="U26766">
        <v>19</v>
      </c>
      <c r="V26766">
        <v>20</v>
      </c>
      <c r="W26766">
        <v>20</v>
      </c>
      <c r="X26766">
        <v>20</v>
      </c>
      <c r="Y26766">
        <v>20</v>
      </c>
      <c r="Z26766">
        <v>21</v>
      </c>
      <c r="AA26766">
        <v>21</v>
      </c>
      <c r="AB26766">
        <v>21</v>
      </c>
      <c r="AC26766">
        <v>21</v>
      </c>
      <c r="AD26766">
        <v>22</v>
      </c>
      <c r="AE26766">
        <v>22</v>
      </c>
      <c r="AF26766">
        <v>22</v>
      </c>
      <c r="AG26766">
        <v>23</v>
      </c>
      <c r="AH26766">
        <v>23</v>
      </c>
      <c r="AI26766">
        <v>23</v>
      </c>
      <c r="AJ26766">
        <v>24</v>
      </c>
      <c r="AK26766">
        <v>24</v>
      </c>
      <c r="AL26766">
        <v>24</v>
      </c>
      <c r="AM26766">
        <v>24</v>
      </c>
      <c r="AN26766">
        <v>24</v>
      </c>
      <c r="AO26766">
        <v>25</v>
      </c>
      <c r="AP26766">
        <v>25</v>
      </c>
      <c r="AQ26766">
        <v>25</v>
      </c>
    </row>
    <row r="26767" spans="1:43">
      <c r="A26767" t="s">
        <v>16561</v>
      </c>
      <c r="B26767" t="s">
        <v>16562</v>
      </c>
      <c r="C26767" t="s">
        <v>16555</v>
      </c>
      <c r="D26767" t="s">
        <v>16556</v>
      </c>
      <c r="E26767" t="s">
        <v>16557</v>
      </c>
      <c r="F26767" t="s">
        <v>16558</v>
      </c>
      <c r="G26767" t="s">
        <v>16559</v>
      </c>
      <c r="H26767" t="s">
        <v>16560</v>
      </c>
      <c r="I26767" s="2">
        <v>1</v>
      </c>
      <c r="J26767" s="2">
        <v>0</v>
      </c>
      <c r="K26767" s="2">
        <v>0</v>
      </c>
      <c r="L26767" t="s">
        <v>120</v>
      </c>
      <c r="M26767" t="s">
        <v>87</v>
      </c>
      <c r="N26767" t="s">
        <v>88</v>
      </c>
      <c r="O26767" t="s">
        <v>85</v>
      </c>
      <c r="P26767" t="s">
        <v>86</v>
      </c>
      <c r="Q26767">
        <v>18</v>
      </c>
      <c r="R26767">
        <v>18</v>
      </c>
      <c r="S26767">
        <v>18</v>
      </c>
      <c r="T26767">
        <v>18</v>
      </c>
      <c r="U26767">
        <v>18</v>
      </c>
      <c r="V26767">
        <v>19</v>
      </c>
      <c r="W26767">
        <v>19</v>
      </c>
      <c r="X26767">
        <v>19</v>
      </c>
      <c r="Y26767">
        <v>19</v>
      </c>
      <c r="Z26767">
        <v>19</v>
      </c>
      <c r="AA26767">
        <v>19</v>
      </c>
      <c r="AB26767">
        <v>19</v>
      </c>
      <c r="AC26767">
        <v>19</v>
      </c>
      <c r="AD26767">
        <v>19</v>
      </c>
      <c r="AE26767">
        <v>20</v>
      </c>
      <c r="AF26767">
        <v>20</v>
      </c>
      <c r="AG26767">
        <v>20</v>
      </c>
      <c r="AH26767">
        <v>20</v>
      </c>
      <c r="AI26767">
        <v>20</v>
      </c>
      <c r="AJ26767">
        <v>20</v>
      </c>
      <c r="AK26767">
        <v>21</v>
      </c>
      <c r="AL26767">
        <v>21</v>
      </c>
      <c r="AM26767">
        <v>21</v>
      </c>
      <c r="AN26767">
        <v>21</v>
      </c>
      <c r="AO26767">
        <v>21</v>
      </c>
      <c r="AP26767">
        <v>21</v>
      </c>
      <c r="AQ26767">
        <v>22</v>
      </c>
    </row>
    <row r="26768" spans="1:43">
      <c r="A26768" t="s">
        <v>16561</v>
      </c>
      <c r="B26768" t="s">
        <v>16562</v>
      </c>
      <c r="C26768" t="s">
        <v>16555</v>
      </c>
      <c r="D26768" t="s">
        <v>16556</v>
      </c>
      <c r="E26768" t="s">
        <v>16557</v>
      </c>
      <c r="F26768" t="s">
        <v>16558</v>
      </c>
      <c r="G26768" t="s">
        <v>16559</v>
      </c>
      <c r="H26768" t="s">
        <v>16560</v>
      </c>
      <c r="I26768" s="2">
        <v>1</v>
      </c>
      <c r="J26768" s="2">
        <v>0</v>
      </c>
      <c r="K26768" s="2">
        <v>0</v>
      </c>
      <c r="L26768" t="s">
        <v>120</v>
      </c>
      <c r="M26768" t="s">
        <v>89</v>
      </c>
      <c r="N26768" t="s">
        <v>90</v>
      </c>
      <c r="O26768" t="s">
        <v>85</v>
      </c>
      <c r="P26768" t="s">
        <v>86</v>
      </c>
      <c r="Q26768">
        <v>18</v>
      </c>
      <c r="R26768">
        <v>19</v>
      </c>
      <c r="S26768">
        <v>19</v>
      </c>
      <c r="T26768">
        <v>20</v>
      </c>
      <c r="U26768">
        <v>20</v>
      </c>
      <c r="V26768">
        <v>20</v>
      </c>
      <c r="W26768">
        <v>21</v>
      </c>
      <c r="X26768">
        <v>21</v>
      </c>
      <c r="Y26768">
        <v>21</v>
      </c>
      <c r="Z26768">
        <v>22</v>
      </c>
      <c r="AA26768">
        <v>22</v>
      </c>
      <c r="AB26768">
        <v>23</v>
      </c>
      <c r="AC26768">
        <v>23</v>
      </c>
      <c r="AD26768">
        <v>23</v>
      </c>
      <c r="AE26768">
        <v>24</v>
      </c>
      <c r="AF26768">
        <v>24</v>
      </c>
      <c r="AG26768">
        <v>24</v>
      </c>
      <c r="AH26768">
        <v>24</v>
      </c>
      <c r="AI26768">
        <v>24</v>
      </c>
      <c r="AJ26768">
        <v>24</v>
      </c>
      <c r="AK26768">
        <v>24</v>
      </c>
      <c r="AL26768">
        <v>24</v>
      </c>
      <c r="AM26768">
        <v>24</v>
      </c>
      <c r="AN26768">
        <v>25</v>
      </c>
      <c r="AO26768">
        <v>25</v>
      </c>
      <c r="AP26768">
        <v>25</v>
      </c>
      <c r="AQ26768">
        <v>25</v>
      </c>
    </row>
    <row r="26769" spans="1:43">
      <c r="A26769" t="s">
        <v>16561</v>
      </c>
      <c r="B26769" t="s">
        <v>16562</v>
      </c>
      <c r="C26769" t="s">
        <v>16555</v>
      </c>
      <c r="D26769" t="s">
        <v>16556</v>
      </c>
      <c r="E26769" t="s">
        <v>16557</v>
      </c>
      <c r="F26769" t="s">
        <v>16558</v>
      </c>
      <c r="G26769" t="s">
        <v>16559</v>
      </c>
      <c r="H26769" t="s">
        <v>16560</v>
      </c>
      <c r="I26769" s="2">
        <v>1</v>
      </c>
      <c r="J26769" s="2">
        <v>0</v>
      </c>
      <c r="K26769" s="2">
        <v>0</v>
      </c>
      <c r="L26769" t="s">
        <v>120</v>
      </c>
      <c r="M26769" t="s">
        <v>83</v>
      </c>
      <c r="N26769" t="s">
        <v>91</v>
      </c>
      <c r="O26769" t="s">
        <v>85</v>
      </c>
      <c r="P26769" t="s">
        <v>86</v>
      </c>
      <c r="Q26769">
        <v>18</v>
      </c>
      <c r="R26769">
        <v>18</v>
      </c>
      <c r="S26769">
        <v>19</v>
      </c>
      <c r="T26769">
        <v>19</v>
      </c>
      <c r="U26769">
        <v>19</v>
      </c>
      <c r="V26769">
        <v>20</v>
      </c>
      <c r="W26769">
        <v>20</v>
      </c>
      <c r="X26769">
        <v>20</v>
      </c>
      <c r="Y26769">
        <v>20</v>
      </c>
      <c r="Z26769">
        <v>21</v>
      </c>
      <c r="AA26769">
        <v>21</v>
      </c>
      <c r="AB26769">
        <v>21</v>
      </c>
      <c r="AC26769">
        <v>21</v>
      </c>
      <c r="AD26769">
        <v>22</v>
      </c>
      <c r="AE26769">
        <v>22</v>
      </c>
      <c r="AF26769">
        <v>22</v>
      </c>
      <c r="AG26769">
        <v>23</v>
      </c>
      <c r="AH26769">
        <v>23</v>
      </c>
      <c r="AI26769">
        <v>23</v>
      </c>
      <c r="AJ26769">
        <v>24</v>
      </c>
      <c r="AK26769">
        <v>24</v>
      </c>
      <c r="AL26769">
        <v>24</v>
      </c>
      <c r="AM26769">
        <v>24</v>
      </c>
      <c r="AN26769">
        <v>24</v>
      </c>
      <c r="AO26769">
        <v>25</v>
      </c>
      <c r="AP26769">
        <v>25</v>
      </c>
      <c r="AQ26769">
        <v>25</v>
      </c>
    </row>
    <row r="26770" spans="1:43">
      <c r="A26770" t="s">
        <v>16563</v>
      </c>
      <c r="B26770" t="s">
        <v>16564</v>
      </c>
      <c r="C26770" t="s">
        <v>16555</v>
      </c>
      <c r="D26770" t="s">
        <v>16556</v>
      </c>
      <c r="E26770" t="s">
        <v>16557</v>
      </c>
      <c r="F26770" t="s">
        <v>16558</v>
      </c>
      <c r="G26770" t="s">
        <v>16559</v>
      </c>
      <c r="H26770" t="s">
        <v>16560</v>
      </c>
      <c r="I26770" s="2">
        <v>1</v>
      </c>
      <c r="J26770" s="2">
        <v>0</v>
      </c>
      <c r="K26770" s="2">
        <v>0</v>
      </c>
      <c r="L26770" t="s">
        <v>120</v>
      </c>
      <c r="M26770" t="s">
        <v>83</v>
      </c>
      <c r="N26770" t="s">
        <v>84</v>
      </c>
      <c r="O26770" t="s">
        <v>85</v>
      </c>
      <c r="P26770" t="s">
        <v>86</v>
      </c>
      <c r="Q26770">
        <v>37</v>
      </c>
      <c r="R26770">
        <v>38</v>
      </c>
      <c r="S26770">
        <v>39</v>
      </c>
      <c r="T26770">
        <v>39</v>
      </c>
      <c r="U26770">
        <v>40</v>
      </c>
      <c r="V26770">
        <v>40</v>
      </c>
      <c r="W26770">
        <v>41</v>
      </c>
      <c r="X26770">
        <v>41</v>
      </c>
      <c r="Y26770">
        <v>42</v>
      </c>
      <c r="Z26770">
        <v>43</v>
      </c>
      <c r="AA26770">
        <v>43</v>
      </c>
      <c r="AB26770">
        <v>44</v>
      </c>
      <c r="AC26770">
        <v>44</v>
      </c>
      <c r="AD26770">
        <v>45</v>
      </c>
      <c r="AE26770">
        <v>46</v>
      </c>
      <c r="AF26770">
        <v>46</v>
      </c>
      <c r="AG26770">
        <v>47</v>
      </c>
      <c r="AH26770">
        <v>47</v>
      </c>
      <c r="AI26770">
        <v>48</v>
      </c>
      <c r="AJ26770">
        <v>49</v>
      </c>
      <c r="AK26770">
        <v>49</v>
      </c>
      <c r="AL26770">
        <v>50</v>
      </c>
      <c r="AM26770">
        <v>50</v>
      </c>
      <c r="AN26770">
        <v>50</v>
      </c>
      <c r="AO26770">
        <v>51</v>
      </c>
      <c r="AP26770">
        <v>51</v>
      </c>
      <c r="AQ26770">
        <v>51</v>
      </c>
    </row>
    <row r="26771" spans="1:43">
      <c r="A26771" t="s">
        <v>16563</v>
      </c>
      <c r="B26771" t="s">
        <v>16564</v>
      </c>
      <c r="C26771" t="s">
        <v>16555</v>
      </c>
      <c r="D26771" t="s">
        <v>16556</v>
      </c>
      <c r="E26771" t="s">
        <v>16557</v>
      </c>
      <c r="F26771" t="s">
        <v>16558</v>
      </c>
      <c r="G26771" t="s">
        <v>16559</v>
      </c>
      <c r="H26771" t="s">
        <v>16560</v>
      </c>
      <c r="I26771" s="2">
        <v>1</v>
      </c>
      <c r="J26771" s="2">
        <v>0</v>
      </c>
      <c r="K26771" s="2">
        <v>0</v>
      </c>
      <c r="L26771" t="s">
        <v>120</v>
      </c>
      <c r="M26771" t="s">
        <v>87</v>
      </c>
      <c r="N26771" t="s">
        <v>88</v>
      </c>
      <c r="O26771" t="s">
        <v>85</v>
      </c>
      <c r="P26771" t="s">
        <v>86</v>
      </c>
      <c r="Q26771">
        <v>37</v>
      </c>
      <c r="R26771">
        <v>37</v>
      </c>
      <c r="S26771">
        <v>38</v>
      </c>
      <c r="T26771">
        <v>38</v>
      </c>
      <c r="U26771">
        <v>38</v>
      </c>
      <c r="V26771">
        <v>38</v>
      </c>
      <c r="W26771">
        <v>38</v>
      </c>
      <c r="X26771">
        <v>39</v>
      </c>
      <c r="Y26771">
        <v>39</v>
      </c>
      <c r="Z26771">
        <v>39</v>
      </c>
      <c r="AA26771">
        <v>39</v>
      </c>
      <c r="AB26771">
        <v>40</v>
      </c>
      <c r="AC26771">
        <v>40</v>
      </c>
      <c r="AD26771">
        <v>40</v>
      </c>
      <c r="AE26771">
        <v>40</v>
      </c>
      <c r="AF26771">
        <v>41</v>
      </c>
      <c r="AG26771">
        <v>41</v>
      </c>
      <c r="AH26771">
        <v>41</v>
      </c>
      <c r="AI26771">
        <v>42</v>
      </c>
      <c r="AJ26771">
        <v>42</v>
      </c>
      <c r="AK26771">
        <v>42</v>
      </c>
      <c r="AL26771">
        <v>43</v>
      </c>
      <c r="AM26771">
        <v>43</v>
      </c>
      <c r="AN26771">
        <v>44</v>
      </c>
      <c r="AO26771">
        <v>44</v>
      </c>
      <c r="AP26771">
        <v>44</v>
      </c>
      <c r="AQ26771">
        <v>45</v>
      </c>
    </row>
    <row r="26772" spans="1:43">
      <c r="A26772" t="s">
        <v>16563</v>
      </c>
      <c r="B26772" t="s">
        <v>16564</v>
      </c>
      <c r="C26772" t="s">
        <v>16555</v>
      </c>
      <c r="D26772" t="s">
        <v>16556</v>
      </c>
      <c r="E26772" t="s">
        <v>16557</v>
      </c>
      <c r="F26772" t="s">
        <v>16558</v>
      </c>
      <c r="G26772" t="s">
        <v>16559</v>
      </c>
      <c r="H26772" t="s">
        <v>16560</v>
      </c>
      <c r="I26772" s="2">
        <v>1</v>
      </c>
      <c r="J26772" s="2">
        <v>0</v>
      </c>
      <c r="K26772" s="2">
        <v>0</v>
      </c>
      <c r="L26772" t="s">
        <v>120</v>
      </c>
      <c r="M26772" t="s">
        <v>89</v>
      </c>
      <c r="N26772" t="s">
        <v>90</v>
      </c>
      <c r="O26772" t="s">
        <v>85</v>
      </c>
      <c r="P26772" t="s">
        <v>86</v>
      </c>
      <c r="Q26772">
        <v>37</v>
      </c>
      <c r="R26772">
        <v>38</v>
      </c>
      <c r="S26772">
        <v>39</v>
      </c>
      <c r="T26772">
        <v>40</v>
      </c>
      <c r="U26772">
        <v>40</v>
      </c>
      <c r="V26772">
        <v>41</v>
      </c>
      <c r="W26772">
        <v>42</v>
      </c>
      <c r="X26772">
        <v>43</v>
      </c>
      <c r="Y26772">
        <v>43</v>
      </c>
      <c r="Z26772">
        <v>44</v>
      </c>
      <c r="AA26772">
        <v>45</v>
      </c>
      <c r="AB26772">
        <v>46</v>
      </c>
      <c r="AC26772">
        <v>46</v>
      </c>
      <c r="AD26772">
        <v>47</v>
      </c>
      <c r="AE26772">
        <v>48</v>
      </c>
      <c r="AF26772">
        <v>48</v>
      </c>
      <c r="AG26772">
        <v>48</v>
      </c>
      <c r="AH26772">
        <v>48</v>
      </c>
      <c r="AI26772">
        <v>49</v>
      </c>
      <c r="AJ26772">
        <v>49</v>
      </c>
      <c r="AK26772">
        <v>49</v>
      </c>
      <c r="AL26772">
        <v>49</v>
      </c>
      <c r="AM26772">
        <v>50</v>
      </c>
      <c r="AN26772">
        <v>50</v>
      </c>
      <c r="AO26772">
        <v>50</v>
      </c>
      <c r="AP26772">
        <v>50</v>
      </c>
      <c r="AQ26772">
        <v>51</v>
      </c>
    </row>
    <row r="26773" spans="1:43">
      <c r="A26773" t="s">
        <v>16563</v>
      </c>
      <c r="B26773" t="s">
        <v>16564</v>
      </c>
      <c r="C26773" t="s">
        <v>16555</v>
      </c>
      <c r="D26773" t="s">
        <v>16556</v>
      </c>
      <c r="E26773" t="s">
        <v>16557</v>
      </c>
      <c r="F26773" t="s">
        <v>16558</v>
      </c>
      <c r="G26773" t="s">
        <v>16559</v>
      </c>
      <c r="H26773" t="s">
        <v>16560</v>
      </c>
      <c r="I26773" s="2">
        <v>1</v>
      </c>
      <c r="J26773" s="2">
        <v>0</v>
      </c>
      <c r="K26773" s="2">
        <v>0</v>
      </c>
      <c r="L26773" t="s">
        <v>120</v>
      </c>
      <c r="M26773" t="s">
        <v>83</v>
      </c>
      <c r="N26773" t="s">
        <v>91</v>
      </c>
      <c r="O26773" t="s">
        <v>85</v>
      </c>
      <c r="P26773" t="s">
        <v>86</v>
      </c>
      <c r="Q26773">
        <v>37</v>
      </c>
      <c r="R26773">
        <v>38</v>
      </c>
      <c r="S26773">
        <v>39</v>
      </c>
      <c r="T26773">
        <v>39</v>
      </c>
      <c r="U26773">
        <v>40</v>
      </c>
      <c r="V26773">
        <v>40</v>
      </c>
      <c r="W26773">
        <v>41</v>
      </c>
      <c r="X26773">
        <v>41</v>
      </c>
      <c r="Y26773">
        <v>42</v>
      </c>
      <c r="Z26773">
        <v>43</v>
      </c>
      <c r="AA26773">
        <v>43</v>
      </c>
      <c r="AB26773">
        <v>44</v>
      </c>
      <c r="AC26773">
        <v>44</v>
      </c>
      <c r="AD26773">
        <v>45</v>
      </c>
      <c r="AE26773">
        <v>46</v>
      </c>
      <c r="AF26773">
        <v>46</v>
      </c>
      <c r="AG26773">
        <v>47</v>
      </c>
      <c r="AH26773">
        <v>47</v>
      </c>
      <c r="AI26773">
        <v>48</v>
      </c>
      <c r="AJ26773">
        <v>49</v>
      </c>
      <c r="AK26773">
        <v>49</v>
      </c>
      <c r="AL26773">
        <v>50</v>
      </c>
      <c r="AM26773">
        <v>50</v>
      </c>
      <c r="AN26773">
        <v>50</v>
      </c>
      <c r="AO26773">
        <v>51</v>
      </c>
      <c r="AP26773">
        <v>51</v>
      </c>
      <c r="AQ26773">
        <v>51</v>
      </c>
    </row>
    <row r="26774" spans="1:43">
      <c r="A26774" t="s">
        <v>16565</v>
      </c>
      <c r="B26774" t="s">
        <v>16566</v>
      </c>
      <c r="C26774" t="s">
        <v>16555</v>
      </c>
      <c r="D26774" t="s">
        <v>16556</v>
      </c>
      <c r="E26774" t="s">
        <v>16557</v>
      </c>
      <c r="F26774" t="s">
        <v>16558</v>
      </c>
      <c r="G26774" t="s">
        <v>16559</v>
      </c>
      <c r="H26774" t="s">
        <v>16560</v>
      </c>
      <c r="I26774" s="2">
        <v>1</v>
      </c>
      <c r="J26774" s="2">
        <v>0</v>
      </c>
      <c r="K26774" s="2">
        <v>0</v>
      </c>
      <c r="L26774" t="s">
        <v>120</v>
      </c>
      <c r="M26774" t="s">
        <v>83</v>
      </c>
      <c r="N26774" t="s">
        <v>84</v>
      </c>
      <c r="O26774" t="s">
        <v>85</v>
      </c>
      <c r="P26774" t="s">
        <v>86</v>
      </c>
      <c r="Q26774">
        <v>16</v>
      </c>
      <c r="R26774">
        <v>16</v>
      </c>
      <c r="S26774">
        <v>17</v>
      </c>
      <c r="T26774">
        <v>17</v>
      </c>
      <c r="U26774">
        <v>17</v>
      </c>
      <c r="V26774">
        <v>17</v>
      </c>
      <c r="W26774">
        <v>18</v>
      </c>
      <c r="X26774">
        <v>18</v>
      </c>
      <c r="Y26774">
        <v>18</v>
      </c>
      <c r="Z26774">
        <v>18</v>
      </c>
      <c r="AA26774">
        <v>18</v>
      </c>
      <c r="AB26774">
        <v>19</v>
      </c>
      <c r="AC26774">
        <v>19</v>
      </c>
      <c r="AD26774">
        <v>19</v>
      </c>
      <c r="AE26774">
        <v>19</v>
      </c>
      <c r="AF26774">
        <v>20</v>
      </c>
      <c r="AG26774">
        <v>20</v>
      </c>
      <c r="AH26774">
        <v>20</v>
      </c>
      <c r="AI26774">
        <v>21</v>
      </c>
      <c r="AJ26774">
        <v>21</v>
      </c>
      <c r="AK26774">
        <v>21</v>
      </c>
      <c r="AL26774">
        <v>21</v>
      </c>
      <c r="AM26774">
        <v>21</v>
      </c>
      <c r="AN26774">
        <v>22</v>
      </c>
      <c r="AO26774">
        <v>22</v>
      </c>
      <c r="AP26774">
        <v>22</v>
      </c>
      <c r="AQ26774">
        <v>22</v>
      </c>
    </row>
    <row r="26775" spans="1:43">
      <c r="A26775" t="s">
        <v>16565</v>
      </c>
      <c r="B26775" t="s">
        <v>16566</v>
      </c>
      <c r="C26775" t="s">
        <v>16555</v>
      </c>
      <c r="D26775" t="s">
        <v>16556</v>
      </c>
      <c r="E26775" t="s">
        <v>16557</v>
      </c>
      <c r="F26775" t="s">
        <v>16558</v>
      </c>
      <c r="G26775" t="s">
        <v>16559</v>
      </c>
      <c r="H26775" t="s">
        <v>16560</v>
      </c>
      <c r="I26775" s="2">
        <v>1</v>
      </c>
      <c r="J26775" s="2">
        <v>0</v>
      </c>
      <c r="K26775" s="2">
        <v>0</v>
      </c>
      <c r="L26775" t="s">
        <v>120</v>
      </c>
      <c r="M26775" t="s">
        <v>87</v>
      </c>
      <c r="N26775" t="s">
        <v>88</v>
      </c>
      <c r="O26775" t="s">
        <v>85</v>
      </c>
      <c r="P26775" t="s">
        <v>86</v>
      </c>
      <c r="Q26775">
        <v>16</v>
      </c>
      <c r="R26775">
        <v>16</v>
      </c>
      <c r="S26775">
        <v>16</v>
      </c>
      <c r="T26775">
        <v>16</v>
      </c>
      <c r="U26775">
        <v>16</v>
      </c>
      <c r="V26775">
        <v>16</v>
      </c>
      <c r="W26775">
        <v>16</v>
      </c>
      <c r="X26775">
        <v>17</v>
      </c>
      <c r="Y26775">
        <v>17</v>
      </c>
      <c r="Z26775">
        <v>17</v>
      </c>
      <c r="AA26775">
        <v>17</v>
      </c>
      <c r="AB26775">
        <v>17</v>
      </c>
      <c r="AC26775">
        <v>17</v>
      </c>
      <c r="AD26775">
        <v>17</v>
      </c>
      <c r="AE26775">
        <v>17</v>
      </c>
      <c r="AF26775">
        <v>17</v>
      </c>
      <c r="AG26775">
        <v>18</v>
      </c>
      <c r="AH26775">
        <v>18</v>
      </c>
      <c r="AI26775">
        <v>18</v>
      </c>
      <c r="AJ26775">
        <v>18</v>
      </c>
      <c r="AK26775">
        <v>18</v>
      </c>
      <c r="AL26775">
        <v>18</v>
      </c>
      <c r="AM26775">
        <v>18</v>
      </c>
      <c r="AN26775">
        <v>19</v>
      </c>
      <c r="AO26775">
        <v>19</v>
      </c>
      <c r="AP26775">
        <v>19</v>
      </c>
      <c r="AQ26775">
        <v>19</v>
      </c>
    </row>
    <row r="26776" spans="1:43">
      <c r="A26776" t="s">
        <v>16565</v>
      </c>
      <c r="B26776" t="s">
        <v>16566</v>
      </c>
      <c r="C26776" t="s">
        <v>16555</v>
      </c>
      <c r="D26776" t="s">
        <v>16556</v>
      </c>
      <c r="E26776" t="s">
        <v>16557</v>
      </c>
      <c r="F26776" t="s">
        <v>16558</v>
      </c>
      <c r="G26776" t="s">
        <v>16559</v>
      </c>
      <c r="H26776" t="s">
        <v>16560</v>
      </c>
      <c r="I26776" s="2">
        <v>1</v>
      </c>
      <c r="J26776" s="2">
        <v>0</v>
      </c>
      <c r="K26776" s="2">
        <v>0</v>
      </c>
      <c r="L26776" t="s">
        <v>120</v>
      </c>
      <c r="M26776" t="s">
        <v>89</v>
      </c>
      <c r="N26776" t="s">
        <v>90</v>
      </c>
      <c r="O26776" t="s">
        <v>85</v>
      </c>
      <c r="P26776" t="s">
        <v>86</v>
      </c>
      <c r="Q26776">
        <v>16</v>
      </c>
      <c r="R26776">
        <v>17</v>
      </c>
      <c r="S26776">
        <v>17</v>
      </c>
      <c r="T26776">
        <v>17</v>
      </c>
      <c r="U26776">
        <v>18</v>
      </c>
      <c r="V26776">
        <v>18</v>
      </c>
      <c r="W26776">
        <v>18</v>
      </c>
      <c r="X26776">
        <v>19</v>
      </c>
      <c r="Y26776">
        <v>19</v>
      </c>
      <c r="Z26776">
        <v>19</v>
      </c>
      <c r="AA26776">
        <v>20</v>
      </c>
      <c r="AB26776">
        <v>20</v>
      </c>
      <c r="AC26776">
        <v>20</v>
      </c>
      <c r="AD26776">
        <v>21</v>
      </c>
      <c r="AE26776">
        <v>21</v>
      </c>
      <c r="AF26776">
        <v>21</v>
      </c>
      <c r="AG26776">
        <v>21</v>
      </c>
      <c r="AH26776">
        <v>21</v>
      </c>
      <c r="AI26776">
        <v>21</v>
      </c>
      <c r="AJ26776">
        <v>21</v>
      </c>
      <c r="AK26776">
        <v>21</v>
      </c>
      <c r="AL26776">
        <v>22</v>
      </c>
      <c r="AM26776">
        <v>22</v>
      </c>
      <c r="AN26776">
        <v>22</v>
      </c>
      <c r="AO26776">
        <v>22</v>
      </c>
      <c r="AP26776">
        <v>22</v>
      </c>
      <c r="AQ26776">
        <v>22</v>
      </c>
    </row>
    <row r="26777" spans="1:43">
      <c r="A26777" t="s">
        <v>16565</v>
      </c>
      <c r="B26777" t="s">
        <v>16566</v>
      </c>
      <c r="C26777" t="s">
        <v>16555</v>
      </c>
      <c r="D26777" t="s">
        <v>16556</v>
      </c>
      <c r="E26777" t="s">
        <v>16557</v>
      </c>
      <c r="F26777" t="s">
        <v>16558</v>
      </c>
      <c r="G26777" t="s">
        <v>16559</v>
      </c>
      <c r="H26777" t="s">
        <v>16560</v>
      </c>
      <c r="I26777" s="2">
        <v>1</v>
      </c>
      <c r="J26777" s="2">
        <v>0</v>
      </c>
      <c r="K26777" s="2">
        <v>0</v>
      </c>
      <c r="L26777" t="s">
        <v>120</v>
      </c>
      <c r="M26777" t="s">
        <v>83</v>
      </c>
      <c r="N26777" t="s">
        <v>91</v>
      </c>
      <c r="O26777" t="s">
        <v>85</v>
      </c>
      <c r="P26777" t="s">
        <v>86</v>
      </c>
      <c r="Q26777">
        <v>16</v>
      </c>
      <c r="R26777">
        <v>16</v>
      </c>
      <c r="S26777">
        <v>17</v>
      </c>
      <c r="T26777">
        <v>17</v>
      </c>
      <c r="U26777">
        <v>17</v>
      </c>
      <c r="V26777">
        <v>17</v>
      </c>
      <c r="W26777">
        <v>18</v>
      </c>
      <c r="X26777">
        <v>18</v>
      </c>
      <c r="Y26777">
        <v>18</v>
      </c>
      <c r="Z26777">
        <v>18</v>
      </c>
      <c r="AA26777">
        <v>18</v>
      </c>
      <c r="AB26777">
        <v>19</v>
      </c>
      <c r="AC26777">
        <v>19</v>
      </c>
      <c r="AD26777">
        <v>19</v>
      </c>
      <c r="AE26777">
        <v>19</v>
      </c>
      <c r="AF26777">
        <v>20</v>
      </c>
      <c r="AG26777">
        <v>20</v>
      </c>
      <c r="AH26777">
        <v>20</v>
      </c>
      <c r="AI26777">
        <v>21</v>
      </c>
      <c r="AJ26777">
        <v>21</v>
      </c>
      <c r="AK26777">
        <v>21</v>
      </c>
      <c r="AL26777">
        <v>21</v>
      </c>
      <c r="AM26777">
        <v>21</v>
      </c>
      <c r="AN26777">
        <v>22</v>
      </c>
      <c r="AO26777">
        <v>22</v>
      </c>
      <c r="AP26777">
        <v>22</v>
      </c>
      <c r="AQ26777">
        <v>22</v>
      </c>
    </row>
    <row r="26778" spans="1:43">
      <c r="A26778" t="s">
        <v>16567</v>
      </c>
      <c r="B26778" t="s">
        <v>16568</v>
      </c>
      <c r="C26778" t="s">
        <v>16569</v>
      </c>
      <c r="D26778" t="s">
        <v>16570</v>
      </c>
      <c r="E26778" t="s">
        <v>16557</v>
      </c>
      <c r="F26778" t="s">
        <v>16558</v>
      </c>
      <c r="G26778" t="s">
        <v>16559</v>
      </c>
      <c r="H26778" t="s">
        <v>16560</v>
      </c>
      <c r="I26778" s="2">
        <v>1</v>
      </c>
      <c r="J26778" s="2">
        <v>0</v>
      </c>
      <c r="K26778" s="2">
        <v>0</v>
      </c>
      <c r="L26778" t="s">
        <v>120</v>
      </c>
      <c r="M26778" t="s">
        <v>83</v>
      </c>
      <c r="N26778" t="s">
        <v>84</v>
      </c>
      <c r="O26778" t="s">
        <v>85</v>
      </c>
      <c r="P26778" t="s">
        <v>86</v>
      </c>
      <c r="Q26778">
        <v>18</v>
      </c>
      <c r="R26778">
        <v>19</v>
      </c>
      <c r="S26778">
        <v>19</v>
      </c>
      <c r="T26778">
        <v>19</v>
      </c>
      <c r="U26778">
        <v>20</v>
      </c>
      <c r="V26778">
        <v>20</v>
      </c>
      <c r="W26778">
        <v>20</v>
      </c>
      <c r="X26778">
        <v>20</v>
      </c>
      <c r="Y26778">
        <v>21</v>
      </c>
      <c r="Z26778">
        <v>21</v>
      </c>
      <c r="AA26778">
        <v>21</v>
      </c>
      <c r="AB26778">
        <v>21</v>
      </c>
      <c r="AC26778">
        <v>22</v>
      </c>
      <c r="AD26778">
        <v>22</v>
      </c>
      <c r="AE26778">
        <v>22</v>
      </c>
      <c r="AF26778">
        <v>23</v>
      </c>
      <c r="AG26778">
        <v>23</v>
      </c>
      <c r="AH26778">
        <v>23</v>
      </c>
      <c r="AI26778">
        <v>24</v>
      </c>
      <c r="AJ26778">
        <v>24</v>
      </c>
      <c r="AK26778">
        <v>24</v>
      </c>
      <c r="AL26778">
        <v>25</v>
      </c>
      <c r="AM26778">
        <v>25</v>
      </c>
      <c r="AN26778">
        <v>25</v>
      </c>
      <c r="AO26778">
        <v>25</v>
      </c>
      <c r="AP26778">
        <v>25</v>
      </c>
      <c r="AQ26778">
        <v>25</v>
      </c>
    </row>
    <row r="26779" spans="1:43">
      <c r="A26779" t="s">
        <v>16567</v>
      </c>
      <c r="B26779" t="s">
        <v>16568</v>
      </c>
      <c r="C26779" t="s">
        <v>16569</v>
      </c>
      <c r="D26779" t="s">
        <v>16570</v>
      </c>
      <c r="E26779" t="s">
        <v>16557</v>
      </c>
      <c r="F26779" t="s">
        <v>16558</v>
      </c>
      <c r="G26779" t="s">
        <v>16559</v>
      </c>
      <c r="H26779" t="s">
        <v>16560</v>
      </c>
      <c r="I26779" s="2">
        <v>1</v>
      </c>
      <c r="J26779" s="2">
        <v>0</v>
      </c>
      <c r="K26779" s="2">
        <v>0</v>
      </c>
      <c r="L26779" t="s">
        <v>120</v>
      </c>
      <c r="M26779" t="s">
        <v>87</v>
      </c>
      <c r="N26779" t="s">
        <v>88</v>
      </c>
      <c r="O26779" t="s">
        <v>85</v>
      </c>
      <c r="P26779" t="s">
        <v>86</v>
      </c>
      <c r="Q26779">
        <v>18</v>
      </c>
      <c r="R26779">
        <v>18</v>
      </c>
      <c r="S26779">
        <v>19</v>
      </c>
      <c r="T26779">
        <v>19</v>
      </c>
      <c r="U26779">
        <v>19</v>
      </c>
      <c r="V26779">
        <v>19</v>
      </c>
      <c r="W26779">
        <v>19</v>
      </c>
      <c r="X26779">
        <v>19</v>
      </c>
      <c r="Y26779">
        <v>19</v>
      </c>
      <c r="Z26779">
        <v>19</v>
      </c>
      <c r="AA26779">
        <v>19</v>
      </c>
      <c r="AB26779">
        <v>19</v>
      </c>
      <c r="AC26779">
        <v>20</v>
      </c>
      <c r="AD26779">
        <v>20</v>
      </c>
      <c r="AE26779">
        <v>20</v>
      </c>
      <c r="AF26779">
        <v>20</v>
      </c>
      <c r="AG26779">
        <v>20</v>
      </c>
      <c r="AH26779">
        <v>20</v>
      </c>
      <c r="AI26779">
        <v>20</v>
      </c>
      <c r="AJ26779">
        <v>21</v>
      </c>
      <c r="AK26779">
        <v>21</v>
      </c>
      <c r="AL26779">
        <v>21</v>
      </c>
      <c r="AM26779">
        <v>21</v>
      </c>
      <c r="AN26779">
        <v>21</v>
      </c>
      <c r="AO26779">
        <v>22</v>
      </c>
      <c r="AP26779">
        <v>22</v>
      </c>
      <c r="AQ26779">
        <v>22</v>
      </c>
    </row>
    <row r="26780" spans="1:43">
      <c r="A26780" t="s">
        <v>16567</v>
      </c>
      <c r="B26780" t="s">
        <v>16568</v>
      </c>
      <c r="C26780" t="s">
        <v>16569</v>
      </c>
      <c r="D26780" t="s">
        <v>16570</v>
      </c>
      <c r="E26780" t="s">
        <v>16557</v>
      </c>
      <c r="F26780" t="s">
        <v>16558</v>
      </c>
      <c r="G26780" t="s">
        <v>16559</v>
      </c>
      <c r="H26780" t="s">
        <v>16560</v>
      </c>
      <c r="I26780" s="2">
        <v>1</v>
      </c>
      <c r="J26780" s="2">
        <v>0</v>
      </c>
      <c r="K26780" s="2">
        <v>0</v>
      </c>
      <c r="L26780" t="s">
        <v>120</v>
      </c>
      <c r="M26780" t="s">
        <v>89</v>
      </c>
      <c r="N26780" t="s">
        <v>90</v>
      </c>
      <c r="O26780" t="s">
        <v>85</v>
      </c>
      <c r="P26780" t="s">
        <v>86</v>
      </c>
      <c r="Q26780">
        <v>18</v>
      </c>
      <c r="R26780">
        <v>18</v>
      </c>
      <c r="S26780">
        <v>19</v>
      </c>
      <c r="T26780">
        <v>19</v>
      </c>
      <c r="U26780">
        <v>19</v>
      </c>
      <c r="V26780">
        <v>20</v>
      </c>
      <c r="W26780">
        <v>20</v>
      </c>
      <c r="X26780">
        <v>20</v>
      </c>
      <c r="Y26780">
        <v>21</v>
      </c>
      <c r="Z26780">
        <v>21</v>
      </c>
      <c r="AA26780">
        <v>22</v>
      </c>
      <c r="AB26780">
        <v>22</v>
      </c>
      <c r="AC26780">
        <v>22</v>
      </c>
      <c r="AD26780">
        <v>23</v>
      </c>
      <c r="AE26780">
        <v>23</v>
      </c>
      <c r="AF26780">
        <v>23</v>
      </c>
      <c r="AG26780">
        <v>23</v>
      </c>
      <c r="AH26780">
        <v>23</v>
      </c>
      <c r="AI26780">
        <v>23</v>
      </c>
      <c r="AJ26780">
        <v>24</v>
      </c>
      <c r="AK26780">
        <v>24</v>
      </c>
      <c r="AL26780">
        <v>24</v>
      </c>
      <c r="AM26780">
        <v>24</v>
      </c>
      <c r="AN26780">
        <v>24</v>
      </c>
      <c r="AO26780">
        <v>24</v>
      </c>
      <c r="AP26780">
        <v>24</v>
      </c>
      <c r="AQ26780">
        <v>24</v>
      </c>
    </row>
    <row r="26781" spans="1:43">
      <c r="A26781" t="s">
        <v>16567</v>
      </c>
      <c r="B26781" t="s">
        <v>16568</v>
      </c>
      <c r="C26781" t="s">
        <v>16569</v>
      </c>
      <c r="D26781" t="s">
        <v>16570</v>
      </c>
      <c r="E26781" t="s">
        <v>16557</v>
      </c>
      <c r="F26781" t="s">
        <v>16558</v>
      </c>
      <c r="G26781" t="s">
        <v>16559</v>
      </c>
      <c r="H26781" t="s">
        <v>16560</v>
      </c>
      <c r="I26781" s="2">
        <v>1</v>
      </c>
      <c r="J26781" s="2">
        <v>0</v>
      </c>
      <c r="K26781" s="2">
        <v>0</v>
      </c>
      <c r="L26781" t="s">
        <v>120</v>
      </c>
      <c r="M26781" t="s">
        <v>83</v>
      </c>
      <c r="N26781" t="s">
        <v>91</v>
      </c>
      <c r="O26781" t="s">
        <v>85</v>
      </c>
      <c r="P26781" t="s">
        <v>86</v>
      </c>
      <c r="Q26781">
        <v>18</v>
      </c>
      <c r="R26781">
        <v>19</v>
      </c>
      <c r="S26781">
        <v>19</v>
      </c>
      <c r="T26781">
        <v>19</v>
      </c>
      <c r="U26781">
        <v>20</v>
      </c>
      <c r="V26781">
        <v>20</v>
      </c>
      <c r="W26781">
        <v>20</v>
      </c>
      <c r="X26781">
        <v>20</v>
      </c>
      <c r="Y26781">
        <v>21</v>
      </c>
      <c r="Z26781">
        <v>21</v>
      </c>
      <c r="AA26781">
        <v>21</v>
      </c>
      <c r="AB26781">
        <v>21</v>
      </c>
      <c r="AC26781">
        <v>22</v>
      </c>
      <c r="AD26781">
        <v>22</v>
      </c>
      <c r="AE26781">
        <v>22</v>
      </c>
      <c r="AF26781">
        <v>23</v>
      </c>
      <c r="AG26781">
        <v>23</v>
      </c>
      <c r="AH26781">
        <v>23</v>
      </c>
      <c r="AI26781">
        <v>24</v>
      </c>
      <c r="AJ26781">
        <v>24</v>
      </c>
      <c r="AK26781">
        <v>24</v>
      </c>
      <c r="AL26781">
        <v>25</v>
      </c>
      <c r="AM26781">
        <v>25</v>
      </c>
      <c r="AN26781">
        <v>25</v>
      </c>
      <c r="AO26781">
        <v>25</v>
      </c>
      <c r="AP26781">
        <v>25</v>
      </c>
      <c r="AQ26781">
        <v>25</v>
      </c>
    </row>
    <row r="26782" spans="1:43">
      <c r="A26782" t="s">
        <v>16571</v>
      </c>
      <c r="B26782" t="s">
        <v>16572</v>
      </c>
      <c r="C26782" t="s">
        <v>16569</v>
      </c>
      <c r="D26782" t="s">
        <v>16570</v>
      </c>
      <c r="E26782" t="s">
        <v>16557</v>
      </c>
      <c r="F26782" t="s">
        <v>16558</v>
      </c>
      <c r="G26782" t="s">
        <v>16559</v>
      </c>
      <c r="H26782" t="s">
        <v>16560</v>
      </c>
      <c r="I26782" s="2">
        <v>1</v>
      </c>
      <c r="J26782" s="2">
        <v>0</v>
      </c>
      <c r="K26782" s="2">
        <v>0</v>
      </c>
      <c r="L26782" t="s">
        <v>120</v>
      </c>
      <c r="M26782" t="s">
        <v>83</v>
      </c>
      <c r="N26782" t="s">
        <v>84</v>
      </c>
      <c r="O26782" t="s">
        <v>85</v>
      </c>
      <c r="P26782" t="s">
        <v>86</v>
      </c>
      <c r="Q26782">
        <v>22</v>
      </c>
      <c r="R26782">
        <v>22</v>
      </c>
      <c r="S26782">
        <v>23</v>
      </c>
      <c r="T26782">
        <v>23</v>
      </c>
      <c r="U26782">
        <v>24</v>
      </c>
      <c r="V26782">
        <v>24</v>
      </c>
      <c r="W26782">
        <v>24</v>
      </c>
      <c r="X26782">
        <v>25</v>
      </c>
      <c r="Y26782">
        <v>25</v>
      </c>
      <c r="Z26782">
        <v>25</v>
      </c>
      <c r="AA26782">
        <v>26</v>
      </c>
      <c r="AB26782">
        <v>26</v>
      </c>
      <c r="AC26782">
        <v>26</v>
      </c>
      <c r="AD26782">
        <v>27</v>
      </c>
      <c r="AE26782">
        <v>27</v>
      </c>
      <c r="AF26782">
        <v>27</v>
      </c>
      <c r="AG26782">
        <v>28</v>
      </c>
      <c r="AH26782">
        <v>28</v>
      </c>
      <c r="AI26782">
        <v>29</v>
      </c>
      <c r="AJ26782">
        <v>29</v>
      </c>
      <c r="AK26782">
        <v>29</v>
      </c>
      <c r="AL26782">
        <v>30</v>
      </c>
      <c r="AM26782">
        <v>30</v>
      </c>
      <c r="AN26782">
        <v>30</v>
      </c>
      <c r="AO26782">
        <v>30</v>
      </c>
      <c r="AP26782">
        <v>30</v>
      </c>
      <c r="AQ26782">
        <v>31</v>
      </c>
    </row>
    <row r="26783" spans="1:43">
      <c r="A26783" t="s">
        <v>16571</v>
      </c>
      <c r="B26783" t="s">
        <v>16572</v>
      </c>
      <c r="C26783" t="s">
        <v>16569</v>
      </c>
      <c r="D26783" t="s">
        <v>16570</v>
      </c>
      <c r="E26783" t="s">
        <v>16557</v>
      </c>
      <c r="F26783" t="s">
        <v>16558</v>
      </c>
      <c r="G26783" t="s">
        <v>16559</v>
      </c>
      <c r="H26783" t="s">
        <v>16560</v>
      </c>
      <c r="I26783" s="2">
        <v>1</v>
      </c>
      <c r="J26783" s="2">
        <v>0</v>
      </c>
      <c r="K26783" s="2">
        <v>0</v>
      </c>
      <c r="L26783" t="s">
        <v>120</v>
      </c>
      <c r="M26783" t="s">
        <v>87</v>
      </c>
      <c r="N26783" t="s">
        <v>88</v>
      </c>
      <c r="O26783" t="s">
        <v>85</v>
      </c>
      <c r="P26783" t="s">
        <v>86</v>
      </c>
      <c r="Q26783">
        <v>22</v>
      </c>
      <c r="R26783">
        <v>22</v>
      </c>
      <c r="S26783">
        <v>22</v>
      </c>
      <c r="T26783">
        <v>22</v>
      </c>
      <c r="U26783">
        <v>23</v>
      </c>
      <c r="V26783">
        <v>23</v>
      </c>
      <c r="W26783">
        <v>23</v>
      </c>
      <c r="X26783">
        <v>23</v>
      </c>
      <c r="Y26783">
        <v>23</v>
      </c>
      <c r="Z26783">
        <v>23</v>
      </c>
      <c r="AA26783">
        <v>23</v>
      </c>
      <c r="AB26783">
        <v>23</v>
      </c>
      <c r="AC26783">
        <v>24</v>
      </c>
      <c r="AD26783">
        <v>24</v>
      </c>
      <c r="AE26783">
        <v>24</v>
      </c>
      <c r="AF26783">
        <v>24</v>
      </c>
      <c r="AG26783">
        <v>24</v>
      </c>
      <c r="AH26783">
        <v>25</v>
      </c>
      <c r="AI26783">
        <v>25</v>
      </c>
      <c r="AJ26783">
        <v>25</v>
      </c>
      <c r="AK26783">
        <v>25</v>
      </c>
      <c r="AL26783">
        <v>25</v>
      </c>
      <c r="AM26783">
        <v>26</v>
      </c>
      <c r="AN26783">
        <v>26</v>
      </c>
      <c r="AO26783">
        <v>26</v>
      </c>
      <c r="AP26783">
        <v>26</v>
      </c>
      <c r="AQ26783">
        <v>27</v>
      </c>
    </row>
    <row r="26784" spans="1:43">
      <c r="A26784" t="s">
        <v>16571</v>
      </c>
      <c r="B26784" t="s">
        <v>16572</v>
      </c>
      <c r="C26784" t="s">
        <v>16569</v>
      </c>
      <c r="D26784" t="s">
        <v>16570</v>
      </c>
      <c r="E26784" t="s">
        <v>16557</v>
      </c>
      <c r="F26784" t="s">
        <v>16558</v>
      </c>
      <c r="G26784" t="s">
        <v>16559</v>
      </c>
      <c r="H26784" t="s">
        <v>16560</v>
      </c>
      <c r="I26784" s="2">
        <v>1</v>
      </c>
      <c r="J26784" s="2">
        <v>0</v>
      </c>
      <c r="K26784" s="2">
        <v>0</v>
      </c>
      <c r="L26784" t="s">
        <v>120</v>
      </c>
      <c r="M26784" t="s">
        <v>89</v>
      </c>
      <c r="N26784" t="s">
        <v>90</v>
      </c>
      <c r="O26784" t="s">
        <v>85</v>
      </c>
      <c r="P26784" t="s">
        <v>86</v>
      </c>
      <c r="Q26784">
        <v>22</v>
      </c>
      <c r="R26784">
        <v>23</v>
      </c>
      <c r="S26784">
        <v>23</v>
      </c>
      <c r="T26784">
        <v>24</v>
      </c>
      <c r="U26784">
        <v>24</v>
      </c>
      <c r="V26784">
        <v>25</v>
      </c>
      <c r="W26784">
        <v>25</v>
      </c>
      <c r="X26784">
        <v>26</v>
      </c>
      <c r="Y26784">
        <v>26</v>
      </c>
      <c r="Z26784">
        <v>27</v>
      </c>
      <c r="AA26784">
        <v>27</v>
      </c>
      <c r="AB26784">
        <v>28</v>
      </c>
      <c r="AC26784">
        <v>28</v>
      </c>
      <c r="AD26784">
        <v>29</v>
      </c>
      <c r="AE26784">
        <v>29</v>
      </c>
      <c r="AF26784">
        <v>29</v>
      </c>
      <c r="AG26784">
        <v>29</v>
      </c>
      <c r="AH26784">
        <v>29</v>
      </c>
      <c r="AI26784">
        <v>30</v>
      </c>
      <c r="AJ26784">
        <v>30</v>
      </c>
      <c r="AK26784">
        <v>30</v>
      </c>
      <c r="AL26784">
        <v>30</v>
      </c>
      <c r="AM26784">
        <v>30</v>
      </c>
      <c r="AN26784">
        <v>30</v>
      </c>
      <c r="AO26784">
        <v>31</v>
      </c>
      <c r="AP26784">
        <v>31</v>
      </c>
      <c r="AQ26784">
        <v>31</v>
      </c>
    </row>
    <row r="26785" spans="1:43">
      <c r="A26785" t="s">
        <v>16571</v>
      </c>
      <c r="B26785" t="s">
        <v>16572</v>
      </c>
      <c r="C26785" t="s">
        <v>16569</v>
      </c>
      <c r="D26785" t="s">
        <v>16570</v>
      </c>
      <c r="E26785" t="s">
        <v>16557</v>
      </c>
      <c r="F26785" t="s">
        <v>16558</v>
      </c>
      <c r="G26785" t="s">
        <v>16559</v>
      </c>
      <c r="H26785" t="s">
        <v>16560</v>
      </c>
      <c r="I26785" s="2">
        <v>1</v>
      </c>
      <c r="J26785" s="2">
        <v>0</v>
      </c>
      <c r="K26785" s="2">
        <v>0</v>
      </c>
      <c r="L26785" t="s">
        <v>120</v>
      </c>
      <c r="M26785" t="s">
        <v>83</v>
      </c>
      <c r="N26785" t="s">
        <v>91</v>
      </c>
      <c r="O26785" t="s">
        <v>85</v>
      </c>
      <c r="P26785" t="s">
        <v>86</v>
      </c>
      <c r="Q26785">
        <v>22</v>
      </c>
      <c r="R26785">
        <v>22</v>
      </c>
      <c r="S26785">
        <v>23</v>
      </c>
      <c r="T26785">
        <v>23</v>
      </c>
      <c r="U26785">
        <v>24</v>
      </c>
      <c r="V26785">
        <v>24</v>
      </c>
      <c r="W26785">
        <v>24</v>
      </c>
      <c r="X26785">
        <v>25</v>
      </c>
      <c r="Y26785">
        <v>25</v>
      </c>
      <c r="Z26785">
        <v>25</v>
      </c>
      <c r="AA26785">
        <v>26</v>
      </c>
      <c r="AB26785">
        <v>26</v>
      </c>
      <c r="AC26785">
        <v>26</v>
      </c>
      <c r="AD26785">
        <v>27</v>
      </c>
      <c r="AE26785">
        <v>27</v>
      </c>
      <c r="AF26785">
        <v>27</v>
      </c>
      <c r="AG26785">
        <v>28</v>
      </c>
      <c r="AH26785">
        <v>28</v>
      </c>
      <c r="AI26785">
        <v>29</v>
      </c>
      <c r="AJ26785">
        <v>29</v>
      </c>
      <c r="AK26785">
        <v>29</v>
      </c>
      <c r="AL26785">
        <v>30</v>
      </c>
      <c r="AM26785">
        <v>30</v>
      </c>
      <c r="AN26785">
        <v>30</v>
      </c>
      <c r="AO26785">
        <v>30</v>
      </c>
      <c r="AP26785">
        <v>30</v>
      </c>
      <c r="AQ26785">
        <v>31</v>
      </c>
    </row>
    <row r="26786" spans="1:43">
      <c r="A26786" t="s">
        <v>16573</v>
      </c>
      <c r="B26786" t="s">
        <v>16574</v>
      </c>
      <c r="C26786" t="s">
        <v>16569</v>
      </c>
      <c r="D26786" t="s">
        <v>16570</v>
      </c>
      <c r="E26786" t="s">
        <v>16557</v>
      </c>
      <c r="F26786" t="s">
        <v>16558</v>
      </c>
      <c r="G26786" t="s">
        <v>16559</v>
      </c>
      <c r="H26786" t="s">
        <v>16560</v>
      </c>
      <c r="I26786" s="2">
        <v>1</v>
      </c>
      <c r="J26786" s="2">
        <v>0</v>
      </c>
      <c r="K26786" s="2">
        <v>0</v>
      </c>
      <c r="L26786" t="s">
        <v>120</v>
      </c>
      <c r="M26786" t="s">
        <v>83</v>
      </c>
      <c r="N26786" t="s">
        <v>84</v>
      </c>
      <c r="O26786" t="s">
        <v>85</v>
      </c>
      <c r="P26786" t="s">
        <v>86</v>
      </c>
      <c r="Q26786">
        <v>14</v>
      </c>
      <c r="R26786">
        <v>15</v>
      </c>
      <c r="S26786">
        <v>15</v>
      </c>
      <c r="T26786">
        <v>15</v>
      </c>
      <c r="U26786">
        <v>15</v>
      </c>
      <c r="V26786">
        <v>16</v>
      </c>
      <c r="W26786">
        <v>16</v>
      </c>
      <c r="X26786">
        <v>16</v>
      </c>
      <c r="Y26786">
        <v>16</v>
      </c>
      <c r="Z26786">
        <v>16</v>
      </c>
      <c r="AA26786">
        <v>17</v>
      </c>
      <c r="AB26786">
        <v>17</v>
      </c>
      <c r="AC26786">
        <v>17</v>
      </c>
      <c r="AD26786">
        <v>17</v>
      </c>
      <c r="AE26786">
        <v>18</v>
      </c>
      <c r="AF26786">
        <v>18</v>
      </c>
      <c r="AG26786">
        <v>18</v>
      </c>
      <c r="AH26786">
        <v>18</v>
      </c>
      <c r="AI26786">
        <v>19</v>
      </c>
      <c r="AJ26786">
        <v>19</v>
      </c>
      <c r="AK26786">
        <v>19</v>
      </c>
      <c r="AL26786">
        <v>19</v>
      </c>
      <c r="AM26786">
        <v>19</v>
      </c>
      <c r="AN26786">
        <v>19</v>
      </c>
      <c r="AO26786">
        <v>20</v>
      </c>
      <c r="AP26786">
        <v>20</v>
      </c>
      <c r="AQ26786">
        <v>20</v>
      </c>
    </row>
    <row r="26787" spans="1:43">
      <c r="A26787" t="s">
        <v>16573</v>
      </c>
      <c r="B26787" t="s">
        <v>16574</v>
      </c>
      <c r="C26787" t="s">
        <v>16569</v>
      </c>
      <c r="D26787" t="s">
        <v>16570</v>
      </c>
      <c r="E26787" t="s">
        <v>16557</v>
      </c>
      <c r="F26787" t="s">
        <v>16558</v>
      </c>
      <c r="G26787" t="s">
        <v>16559</v>
      </c>
      <c r="H26787" t="s">
        <v>16560</v>
      </c>
      <c r="I26787" s="2">
        <v>1</v>
      </c>
      <c r="J26787" s="2">
        <v>0</v>
      </c>
      <c r="K26787" s="2">
        <v>0</v>
      </c>
      <c r="L26787" t="s">
        <v>120</v>
      </c>
      <c r="M26787" t="s">
        <v>87</v>
      </c>
      <c r="N26787" t="s">
        <v>88</v>
      </c>
      <c r="O26787" t="s">
        <v>85</v>
      </c>
      <c r="P26787" t="s">
        <v>86</v>
      </c>
      <c r="Q26787">
        <v>14</v>
      </c>
      <c r="R26787">
        <v>14</v>
      </c>
      <c r="S26787">
        <v>15</v>
      </c>
      <c r="T26787">
        <v>15</v>
      </c>
      <c r="U26787">
        <v>15</v>
      </c>
      <c r="V26787">
        <v>15</v>
      </c>
      <c r="W26787">
        <v>15</v>
      </c>
      <c r="X26787">
        <v>15</v>
      </c>
      <c r="Y26787">
        <v>15</v>
      </c>
      <c r="Z26787">
        <v>15</v>
      </c>
      <c r="AA26787">
        <v>15</v>
      </c>
      <c r="AB26787">
        <v>15</v>
      </c>
      <c r="AC26787">
        <v>15</v>
      </c>
      <c r="AD26787">
        <v>15</v>
      </c>
      <c r="AE26787">
        <v>16</v>
      </c>
      <c r="AF26787">
        <v>16</v>
      </c>
      <c r="AG26787">
        <v>16</v>
      </c>
      <c r="AH26787">
        <v>16</v>
      </c>
      <c r="AI26787">
        <v>16</v>
      </c>
      <c r="AJ26787">
        <v>16</v>
      </c>
      <c r="AK26787">
        <v>16</v>
      </c>
      <c r="AL26787">
        <v>16</v>
      </c>
      <c r="AM26787">
        <v>17</v>
      </c>
      <c r="AN26787">
        <v>17</v>
      </c>
      <c r="AO26787">
        <v>17</v>
      </c>
      <c r="AP26787">
        <v>17</v>
      </c>
      <c r="AQ26787">
        <v>17</v>
      </c>
    </row>
    <row r="26788" spans="1:43">
      <c r="A26788" t="s">
        <v>16573</v>
      </c>
      <c r="B26788" t="s">
        <v>16574</v>
      </c>
      <c r="C26788" t="s">
        <v>16569</v>
      </c>
      <c r="D26788" t="s">
        <v>16570</v>
      </c>
      <c r="E26788" t="s">
        <v>16557</v>
      </c>
      <c r="F26788" t="s">
        <v>16558</v>
      </c>
      <c r="G26788" t="s">
        <v>16559</v>
      </c>
      <c r="H26788" t="s">
        <v>16560</v>
      </c>
      <c r="I26788" s="2">
        <v>1</v>
      </c>
      <c r="J26788" s="2">
        <v>0</v>
      </c>
      <c r="K26788" s="2">
        <v>0</v>
      </c>
      <c r="L26788" t="s">
        <v>120</v>
      </c>
      <c r="M26788" t="s">
        <v>89</v>
      </c>
      <c r="N26788" t="s">
        <v>90</v>
      </c>
      <c r="O26788" t="s">
        <v>85</v>
      </c>
      <c r="P26788" t="s">
        <v>86</v>
      </c>
      <c r="Q26788">
        <v>14</v>
      </c>
      <c r="R26788">
        <v>14</v>
      </c>
      <c r="S26788">
        <v>14</v>
      </c>
      <c r="T26788">
        <v>15</v>
      </c>
      <c r="U26788">
        <v>15</v>
      </c>
      <c r="V26788">
        <v>15</v>
      </c>
      <c r="W26788">
        <v>16</v>
      </c>
      <c r="X26788">
        <v>16</v>
      </c>
      <c r="Y26788">
        <v>16</v>
      </c>
      <c r="Z26788">
        <v>16</v>
      </c>
      <c r="AA26788">
        <v>17</v>
      </c>
      <c r="AB26788">
        <v>17</v>
      </c>
      <c r="AC26788">
        <v>17</v>
      </c>
      <c r="AD26788">
        <v>18</v>
      </c>
      <c r="AE26788">
        <v>18</v>
      </c>
      <c r="AF26788">
        <v>18</v>
      </c>
      <c r="AG26788">
        <v>18</v>
      </c>
      <c r="AH26788">
        <v>18</v>
      </c>
      <c r="AI26788">
        <v>18</v>
      </c>
      <c r="AJ26788">
        <v>18</v>
      </c>
      <c r="AK26788">
        <v>18</v>
      </c>
      <c r="AL26788">
        <v>18</v>
      </c>
      <c r="AM26788">
        <v>19</v>
      </c>
      <c r="AN26788">
        <v>19</v>
      </c>
      <c r="AO26788">
        <v>19</v>
      </c>
      <c r="AP26788">
        <v>19</v>
      </c>
      <c r="AQ26788">
        <v>19</v>
      </c>
    </row>
    <row r="26789" spans="1:43">
      <c r="A26789" t="s">
        <v>16573</v>
      </c>
      <c r="B26789" t="s">
        <v>16574</v>
      </c>
      <c r="C26789" t="s">
        <v>16569</v>
      </c>
      <c r="D26789" t="s">
        <v>16570</v>
      </c>
      <c r="E26789" t="s">
        <v>16557</v>
      </c>
      <c r="F26789" t="s">
        <v>16558</v>
      </c>
      <c r="G26789" t="s">
        <v>16559</v>
      </c>
      <c r="H26789" t="s">
        <v>16560</v>
      </c>
      <c r="I26789" s="2">
        <v>1</v>
      </c>
      <c r="J26789" s="2">
        <v>0</v>
      </c>
      <c r="K26789" s="2">
        <v>0</v>
      </c>
      <c r="L26789" t="s">
        <v>120</v>
      </c>
      <c r="M26789" t="s">
        <v>83</v>
      </c>
      <c r="N26789" t="s">
        <v>91</v>
      </c>
      <c r="O26789" t="s">
        <v>85</v>
      </c>
      <c r="P26789" t="s">
        <v>86</v>
      </c>
      <c r="Q26789">
        <v>14</v>
      </c>
      <c r="R26789">
        <v>15</v>
      </c>
      <c r="S26789">
        <v>15</v>
      </c>
      <c r="T26789">
        <v>15</v>
      </c>
      <c r="U26789">
        <v>15</v>
      </c>
      <c r="V26789">
        <v>16</v>
      </c>
      <c r="W26789">
        <v>16</v>
      </c>
      <c r="X26789">
        <v>16</v>
      </c>
      <c r="Y26789">
        <v>16</v>
      </c>
      <c r="Z26789">
        <v>16</v>
      </c>
      <c r="AA26789">
        <v>17</v>
      </c>
      <c r="AB26789">
        <v>17</v>
      </c>
      <c r="AC26789">
        <v>17</v>
      </c>
      <c r="AD26789">
        <v>17</v>
      </c>
      <c r="AE26789">
        <v>18</v>
      </c>
      <c r="AF26789">
        <v>18</v>
      </c>
      <c r="AG26789">
        <v>18</v>
      </c>
      <c r="AH26789">
        <v>18</v>
      </c>
      <c r="AI26789">
        <v>19</v>
      </c>
      <c r="AJ26789">
        <v>19</v>
      </c>
      <c r="AK26789">
        <v>19</v>
      </c>
      <c r="AL26789">
        <v>19</v>
      </c>
      <c r="AM26789">
        <v>19</v>
      </c>
      <c r="AN26789">
        <v>19</v>
      </c>
      <c r="AO26789">
        <v>20</v>
      </c>
      <c r="AP26789">
        <v>20</v>
      </c>
      <c r="AQ26789">
        <v>20</v>
      </c>
    </row>
    <row r="26790" spans="1:43">
      <c r="A26790" t="s">
        <v>16575</v>
      </c>
      <c r="B26790" t="s">
        <v>16576</v>
      </c>
      <c r="C26790" t="s">
        <v>16569</v>
      </c>
      <c r="D26790" t="s">
        <v>16570</v>
      </c>
      <c r="E26790" t="s">
        <v>16557</v>
      </c>
      <c r="F26790" t="s">
        <v>16558</v>
      </c>
      <c r="G26790" t="s">
        <v>16559</v>
      </c>
      <c r="H26790" t="s">
        <v>16560</v>
      </c>
      <c r="I26790" s="2">
        <v>1</v>
      </c>
      <c r="J26790" s="2">
        <v>0</v>
      </c>
      <c r="K26790" s="2">
        <v>0</v>
      </c>
      <c r="L26790" t="s">
        <v>120</v>
      </c>
      <c r="M26790" t="s">
        <v>83</v>
      </c>
      <c r="N26790" t="s">
        <v>84</v>
      </c>
      <c r="O26790" t="s">
        <v>85</v>
      </c>
      <c r="P26790" t="s">
        <v>86</v>
      </c>
      <c r="Q26790">
        <v>14</v>
      </c>
      <c r="R26790">
        <v>15</v>
      </c>
      <c r="S26790">
        <v>15</v>
      </c>
      <c r="T26790">
        <v>15</v>
      </c>
      <c r="U26790">
        <v>15</v>
      </c>
      <c r="V26790">
        <v>15</v>
      </c>
      <c r="W26790">
        <v>16</v>
      </c>
      <c r="X26790">
        <v>16</v>
      </c>
      <c r="Y26790">
        <v>16</v>
      </c>
      <c r="Z26790">
        <v>16</v>
      </c>
      <c r="AA26790">
        <v>17</v>
      </c>
      <c r="AB26790">
        <v>17</v>
      </c>
      <c r="AC26790">
        <v>17</v>
      </c>
      <c r="AD26790">
        <v>17</v>
      </c>
      <c r="AE26790">
        <v>17</v>
      </c>
      <c r="AF26790">
        <v>18</v>
      </c>
      <c r="AG26790">
        <v>18</v>
      </c>
      <c r="AH26790">
        <v>18</v>
      </c>
      <c r="AI26790">
        <v>18</v>
      </c>
      <c r="AJ26790">
        <v>19</v>
      </c>
      <c r="AK26790">
        <v>19</v>
      </c>
      <c r="AL26790">
        <v>19</v>
      </c>
      <c r="AM26790">
        <v>19</v>
      </c>
      <c r="AN26790">
        <v>19</v>
      </c>
      <c r="AO26790">
        <v>19</v>
      </c>
      <c r="AP26790">
        <v>20</v>
      </c>
      <c r="AQ26790">
        <v>20</v>
      </c>
    </row>
    <row r="26791" spans="1:43">
      <c r="A26791" t="s">
        <v>16575</v>
      </c>
      <c r="B26791" t="s">
        <v>16576</v>
      </c>
      <c r="C26791" t="s">
        <v>16569</v>
      </c>
      <c r="D26791" t="s">
        <v>16570</v>
      </c>
      <c r="E26791" t="s">
        <v>16557</v>
      </c>
      <c r="F26791" t="s">
        <v>16558</v>
      </c>
      <c r="G26791" t="s">
        <v>16559</v>
      </c>
      <c r="H26791" t="s">
        <v>16560</v>
      </c>
      <c r="I26791" s="2">
        <v>1</v>
      </c>
      <c r="J26791" s="2">
        <v>0</v>
      </c>
      <c r="K26791" s="2">
        <v>0</v>
      </c>
      <c r="L26791" t="s">
        <v>120</v>
      </c>
      <c r="M26791" t="s">
        <v>87</v>
      </c>
      <c r="N26791" t="s">
        <v>88</v>
      </c>
      <c r="O26791" t="s">
        <v>85</v>
      </c>
      <c r="P26791" t="s">
        <v>86</v>
      </c>
      <c r="Q26791">
        <v>14</v>
      </c>
      <c r="R26791">
        <v>14</v>
      </c>
      <c r="S26791">
        <v>14</v>
      </c>
      <c r="T26791">
        <v>14</v>
      </c>
      <c r="U26791">
        <v>15</v>
      </c>
      <c r="V26791">
        <v>15</v>
      </c>
      <c r="W26791">
        <v>15</v>
      </c>
      <c r="X26791">
        <v>15</v>
      </c>
      <c r="Y26791">
        <v>15</v>
      </c>
      <c r="Z26791">
        <v>15</v>
      </c>
      <c r="AA26791">
        <v>15</v>
      </c>
      <c r="AB26791">
        <v>15</v>
      </c>
      <c r="AC26791">
        <v>15</v>
      </c>
      <c r="AD26791">
        <v>15</v>
      </c>
      <c r="AE26791">
        <v>15</v>
      </c>
      <c r="AF26791">
        <v>16</v>
      </c>
      <c r="AG26791">
        <v>16</v>
      </c>
      <c r="AH26791">
        <v>16</v>
      </c>
      <c r="AI26791">
        <v>16</v>
      </c>
      <c r="AJ26791">
        <v>16</v>
      </c>
      <c r="AK26791">
        <v>16</v>
      </c>
      <c r="AL26791">
        <v>16</v>
      </c>
      <c r="AM26791">
        <v>16</v>
      </c>
      <c r="AN26791">
        <v>17</v>
      </c>
      <c r="AO26791">
        <v>17</v>
      </c>
      <c r="AP26791">
        <v>17</v>
      </c>
      <c r="AQ26791">
        <v>17</v>
      </c>
    </row>
    <row r="26792" spans="1:43">
      <c r="A26792" t="s">
        <v>16575</v>
      </c>
      <c r="B26792" t="s">
        <v>16576</v>
      </c>
      <c r="C26792" t="s">
        <v>16569</v>
      </c>
      <c r="D26792" t="s">
        <v>16570</v>
      </c>
      <c r="E26792" t="s">
        <v>16557</v>
      </c>
      <c r="F26792" t="s">
        <v>16558</v>
      </c>
      <c r="G26792" t="s">
        <v>16559</v>
      </c>
      <c r="H26792" t="s">
        <v>16560</v>
      </c>
      <c r="I26792" s="2">
        <v>1</v>
      </c>
      <c r="J26792" s="2">
        <v>0</v>
      </c>
      <c r="K26792" s="2">
        <v>0</v>
      </c>
      <c r="L26792" t="s">
        <v>120</v>
      </c>
      <c r="M26792" t="s">
        <v>89</v>
      </c>
      <c r="N26792" t="s">
        <v>90</v>
      </c>
      <c r="O26792" t="s">
        <v>85</v>
      </c>
      <c r="P26792" t="s">
        <v>86</v>
      </c>
      <c r="Q26792">
        <v>14</v>
      </c>
      <c r="R26792">
        <v>15</v>
      </c>
      <c r="S26792">
        <v>15</v>
      </c>
      <c r="T26792">
        <v>16</v>
      </c>
      <c r="U26792">
        <v>16</v>
      </c>
      <c r="V26792">
        <v>16</v>
      </c>
      <c r="W26792">
        <v>16</v>
      </c>
      <c r="X26792">
        <v>17</v>
      </c>
      <c r="Y26792">
        <v>17</v>
      </c>
      <c r="Z26792">
        <v>17</v>
      </c>
      <c r="AA26792">
        <v>18</v>
      </c>
      <c r="AB26792">
        <v>18</v>
      </c>
      <c r="AC26792">
        <v>18</v>
      </c>
      <c r="AD26792">
        <v>18</v>
      </c>
      <c r="AE26792">
        <v>19</v>
      </c>
      <c r="AF26792">
        <v>19</v>
      </c>
      <c r="AG26792">
        <v>19</v>
      </c>
      <c r="AH26792">
        <v>19</v>
      </c>
      <c r="AI26792">
        <v>19</v>
      </c>
      <c r="AJ26792">
        <v>19</v>
      </c>
      <c r="AK26792">
        <v>19</v>
      </c>
      <c r="AL26792">
        <v>19</v>
      </c>
      <c r="AM26792">
        <v>19</v>
      </c>
      <c r="AN26792">
        <v>19</v>
      </c>
      <c r="AO26792">
        <v>20</v>
      </c>
      <c r="AP26792">
        <v>20</v>
      </c>
      <c r="AQ26792">
        <v>20</v>
      </c>
    </row>
    <row r="26793" spans="1:43">
      <c r="A26793" t="s">
        <v>16575</v>
      </c>
      <c r="B26793" t="s">
        <v>16576</v>
      </c>
      <c r="C26793" t="s">
        <v>16569</v>
      </c>
      <c r="D26793" t="s">
        <v>16570</v>
      </c>
      <c r="E26793" t="s">
        <v>16557</v>
      </c>
      <c r="F26793" t="s">
        <v>16558</v>
      </c>
      <c r="G26793" t="s">
        <v>16559</v>
      </c>
      <c r="H26793" t="s">
        <v>16560</v>
      </c>
      <c r="I26793" s="2">
        <v>1</v>
      </c>
      <c r="J26793" s="2">
        <v>0</v>
      </c>
      <c r="K26793" s="2">
        <v>0</v>
      </c>
      <c r="L26793" t="s">
        <v>120</v>
      </c>
      <c r="M26793" t="s">
        <v>83</v>
      </c>
      <c r="N26793" t="s">
        <v>91</v>
      </c>
      <c r="O26793" t="s">
        <v>85</v>
      </c>
      <c r="P26793" t="s">
        <v>86</v>
      </c>
      <c r="Q26793">
        <v>14</v>
      </c>
      <c r="R26793">
        <v>15</v>
      </c>
      <c r="S26793">
        <v>15</v>
      </c>
      <c r="T26793">
        <v>15</v>
      </c>
      <c r="U26793">
        <v>15</v>
      </c>
      <c r="V26793">
        <v>15</v>
      </c>
      <c r="W26793">
        <v>16</v>
      </c>
      <c r="X26793">
        <v>16</v>
      </c>
      <c r="Y26793">
        <v>16</v>
      </c>
      <c r="Z26793">
        <v>16</v>
      </c>
      <c r="AA26793">
        <v>17</v>
      </c>
      <c r="AB26793">
        <v>17</v>
      </c>
      <c r="AC26793">
        <v>17</v>
      </c>
      <c r="AD26793">
        <v>17</v>
      </c>
      <c r="AE26793">
        <v>17</v>
      </c>
      <c r="AF26793">
        <v>18</v>
      </c>
      <c r="AG26793">
        <v>18</v>
      </c>
      <c r="AH26793">
        <v>18</v>
      </c>
      <c r="AI26793">
        <v>18</v>
      </c>
      <c r="AJ26793">
        <v>19</v>
      </c>
      <c r="AK26793">
        <v>19</v>
      </c>
      <c r="AL26793">
        <v>19</v>
      </c>
      <c r="AM26793">
        <v>19</v>
      </c>
      <c r="AN26793">
        <v>19</v>
      </c>
      <c r="AO26793">
        <v>19</v>
      </c>
      <c r="AP26793">
        <v>20</v>
      </c>
      <c r="AQ26793">
        <v>20</v>
      </c>
    </row>
    <row r="26794" spans="1:43">
      <c r="A26794" t="s">
        <v>16577</v>
      </c>
      <c r="B26794" t="s">
        <v>16578</v>
      </c>
      <c r="C26794" t="s">
        <v>16579</v>
      </c>
      <c r="D26794" t="s">
        <v>16580</v>
      </c>
      <c r="E26794" t="s">
        <v>16557</v>
      </c>
      <c r="F26794" t="s">
        <v>16558</v>
      </c>
      <c r="G26794" t="s">
        <v>16559</v>
      </c>
      <c r="H26794" t="s">
        <v>16560</v>
      </c>
      <c r="I26794" s="2">
        <v>1</v>
      </c>
      <c r="J26794" s="2">
        <v>0</v>
      </c>
      <c r="K26794" s="2">
        <v>0</v>
      </c>
      <c r="L26794" t="s">
        <v>120</v>
      </c>
      <c r="M26794" t="s">
        <v>83</v>
      </c>
      <c r="N26794" t="s">
        <v>84</v>
      </c>
      <c r="O26794" t="s">
        <v>85</v>
      </c>
      <c r="P26794" t="s">
        <v>86</v>
      </c>
      <c r="Q26794">
        <v>11</v>
      </c>
      <c r="R26794">
        <v>11</v>
      </c>
      <c r="S26794">
        <v>12</v>
      </c>
      <c r="T26794">
        <v>12</v>
      </c>
      <c r="U26794">
        <v>12</v>
      </c>
      <c r="V26794">
        <v>12</v>
      </c>
      <c r="W26794">
        <v>12</v>
      </c>
      <c r="X26794">
        <v>13</v>
      </c>
      <c r="Y26794">
        <v>13</v>
      </c>
      <c r="Z26794">
        <v>13</v>
      </c>
      <c r="AA26794">
        <v>13</v>
      </c>
      <c r="AB26794">
        <v>13</v>
      </c>
      <c r="AC26794">
        <v>13</v>
      </c>
      <c r="AD26794">
        <v>14</v>
      </c>
      <c r="AE26794">
        <v>14</v>
      </c>
      <c r="AF26794">
        <v>14</v>
      </c>
      <c r="AG26794">
        <v>14</v>
      </c>
      <c r="AH26794">
        <v>14</v>
      </c>
      <c r="AI26794">
        <v>15</v>
      </c>
      <c r="AJ26794">
        <v>15</v>
      </c>
      <c r="AK26794">
        <v>15</v>
      </c>
      <c r="AL26794">
        <v>15</v>
      </c>
      <c r="AM26794">
        <v>15</v>
      </c>
      <c r="AN26794">
        <v>15</v>
      </c>
      <c r="AO26794">
        <v>15</v>
      </c>
      <c r="AP26794">
        <v>15</v>
      </c>
      <c r="AQ26794">
        <v>16</v>
      </c>
    </row>
    <row r="26795" spans="1:43">
      <c r="A26795" t="s">
        <v>16577</v>
      </c>
      <c r="B26795" t="s">
        <v>16578</v>
      </c>
      <c r="C26795" t="s">
        <v>16579</v>
      </c>
      <c r="D26795" t="s">
        <v>16580</v>
      </c>
      <c r="E26795" t="s">
        <v>16557</v>
      </c>
      <c r="F26795" t="s">
        <v>16558</v>
      </c>
      <c r="G26795" t="s">
        <v>16559</v>
      </c>
      <c r="H26795" t="s">
        <v>16560</v>
      </c>
      <c r="I26795" s="2">
        <v>1</v>
      </c>
      <c r="J26795" s="2">
        <v>0</v>
      </c>
      <c r="K26795" s="2">
        <v>0</v>
      </c>
      <c r="L26795" t="s">
        <v>120</v>
      </c>
      <c r="M26795" t="s">
        <v>87</v>
      </c>
      <c r="N26795" t="s">
        <v>88</v>
      </c>
      <c r="O26795" t="s">
        <v>85</v>
      </c>
      <c r="P26795" t="s">
        <v>86</v>
      </c>
      <c r="Q26795">
        <v>11</v>
      </c>
      <c r="R26795">
        <v>11</v>
      </c>
      <c r="S26795">
        <v>11</v>
      </c>
      <c r="T26795">
        <v>11</v>
      </c>
      <c r="U26795">
        <v>11</v>
      </c>
      <c r="V26795">
        <v>12</v>
      </c>
      <c r="W26795">
        <v>12</v>
      </c>
      <c r="X26795">
        <v>12</v>
      </c>
      <c r="Y26795">
        <v>12</v>
      </c>
      <c r="Z26795">
        <v>12</v>
      </c>
      <c r="AA26795">
        <v>12</v>
      </c>
      <c r="AB26795">
        <v>12</v>
      </c>
      <c r="AC26795">
        <v>12</v>
      </c>
      <c r="AD26795">
        <v>12</v>
      </c>
      <c r="AE26795">
        <v>12</v>
      </c>
      <c r="AF26795">
        <v>12</v>
      </c>
      <c r="AG26795">
        <v>12</v>
      </c>
      <c r="AH26795">
        <v>13</v>
      </c>
      <c r="AI26795">
        <v>13</v>
      </c>
      <c r="AJ26795">
        <v>13</v>
      </c>
      <c r="AK26795">
        <v>13</v>
      </c>
      <c r="AL26795">
        <v>13</v>
      </c>
      <c r="AM26795">
        <v>13</v>
      </c>
      <c r="AN26795">
        <v>13</v>
      </c>
      <c r="AO26795">
        <v>13</v>
      </c>
      <c r="AP26795">
        <v>13</v>
      </c>
      <c r="AQ26795">
        <v>14</v>
      </c>
    </row>
    <row r="26796" spans="1:43">
      <c r="A26796" t="s">
        <v>16577</v>
      </c>
      <c r="B26796" t="s">
        <v>16578</v>
      </c>
      <c r="C26796" t="s">
        <v>16579</v>
      </c>
      <c r="D26796" t="s">
        <v>16580</v>
      </c>
      <c r="E26796" t="s">
        <v>16557</v>
      </c>
      <c r="F26796" t="s">
        <v>16558</v>
      </c>
      <c r="G26796" t="s">
        <v>16559</v>
      </c>
      <c r="H26796" t="s">
        <v>16560</v>
      </c>
      <c r="I26796" s="2">
        <v>1</v>
      </c>
      <c r="J26796" s="2">
        <v>0</v>
      </c>
      <c r="K26796" s="2">
        <v>0</v>
      </c>
      <c r="L26796" t="s">
        <v>120</v>
      </c>
      <c r="M26796" t="s">
        <v>89</v>
      </c>
      <c r="N26796" t="s">
        <v>90</v>
      </c>
      <c r="O26796" t="s">
        <v>85</v>
      </c>
      <c r="P26796" t="s">
        <v>86</v>
      </c>
      <c r="Q26796">
        <v>11</v>
      </c>
      <c r="R26796">
        <v>12</v>
      </c>
      <c r="S26796">
        <v>12</v>
      </c>
      <c r="T26796">
        <v>12</v>
      </c>
      <c r="U26796">
        <v>12</v>
      </c>
      <c r="V26796">
        <v>13</v>
      </c>
      <c r="W26796">
        <v>13</v>
      </c>
      <c r="X26796">
        <v>13</v>
      </c>
      <c r="Y26796">
        <v>13</v>
      </c>
      <c r="Z26796">
        <v>14</v>
      </c>
      <c r="AA26796">
        <v>14</v>
      </c>
      <c r="AB26796">
        <v>14</v>
      </c>
      <c r="AC26796">
        <v>14</v>
      </c>
      <c r="AD26796">
        <v>15</v>
      </c>
      <c r="AE26796">
        <v>15</v>
      </c>
      <c r="AF26796">
        <v>15</v>
      </c>
      <c r="AG26796">
        <v>15</v>
      </c>
      <c r="AH26796">
        <v>15</v>
      </c>
      <c r="AI26796">
        <v>15</v>
      </c>
      <c r="AJ26796">
        <v>15</v>
      </c>
      <c r="AK26796">
        <v>15</v>
      </c>
      <c r="AL26796">
        <v>15</v>
      </c>
      <c r="AM26796">
        <v>15</v>
      </c>
      <c r="AN26796">
        <v>15</v>
      </c>
      <c r="AO26796">
        <v>16</v>
      </c>
      <c r="AP26796">
        <v>16</v>
      </c>
      <c r="AQ26796">
        <v>16</v>
      </c>
    </row>
    <row r="26797" spans="1:43">
      <c r="A26797" t="s">
        <v>16577</v>
      </c>
      <c r="B26797" t="s">
        <v>16578</v>
      </c>
      <c r="C26797" t="s">
        <v>16579</v>
      </c>
      <c r="D26797" t="s">
        <v>16580</v>
      </c>
      <c r="E26797" t="s">
        <v>16557</v>
      </c>
      <c r="F26797" t="s">
        <v>16558</v>
      </c>
      <c r="G26797" t="s">
        <v>16559</v>
      </c>
      <c r="H26797" t="s">
        <v>16560</v>
      </c>
      <c r="I26797" s="2">
        <v>1</v>
      </c>
      <c r="J26797" s="2">
        <v>0</v>
      </c>
      <c r="K26797" s="2">
        <v>0</v>
      </c>
      <c r="L26797" t="s">
        <v>120</v>
      </c>
      <c r="M26797" t="s">
        <v>83</v>
      </c>
      <c r="N26797" t="s">
        <v>91</v>
      </c>
      <c r="O26797" t="s">
        <v>85</v>
      </c>
      <c r="P26797" t="s">
        <v>86</v>
      </c>
      <c r="Q26797">
        <v>11</v>
      </c>
      <c r="R26797">
        <v>11</v>
      </c>
      <c r="S26797">
        <v>12</v>
      </c>
      <c r="T26797">
        <v>12</v>
      </c>
      <c r="U26797">
        <v>12</v>
      </c>
      <c r="V26797">
        <v>12</v>
      </c>
      <c r="W26797">
        <v>12</v>
      </c>
      <c r="X26797">
        <v>13</v>
      </c>
      <c r="Y26797">
        <v>13</v>
      </c>
      <c r="Z26797">
        <v>13</v>
      </c>
      <c r="AA26797">
        <v>13</v>
      </c>
      <c r="AB26797">
        <v>13</v>
      </c>
      <c r="AC26797">
        <v>13</v>
      </c>
      <c r="AD26797">
        <v>14</v>
      </c>
      <c r="AE26797">
        <v>14</v>
      </c>
      <c r="AF26797">
        <v>14</v>
      </c>
      <c r="AG26797">
        <v>14</v>
      </c>
      <c r="AH26797">
        <v>14</v>
      </c>
      <c r="AI26797">
        <v>15</v>
      </c>
      <c r="AJ26797">
        <v>15</v>
      </c>
      <c r="AK26797">
        <v>15</v>
      </c>
      <c r="AL26797">
        <v>15</v>
      </c>
      <c r="AM26797">
        <v>15</v>
      </c>
      <c r="AN26797">
        <v>15</v>
      </c>
      <c r="AO26797">
        <v>15</v>
      </c>
      <c r="AP26797">
        <v>15</v>
      </c>
      <c r="AQ26797">
        <v>16</v>
      </c>
    </row>
    <row r="26798" spans="1:43">
      <c r="A26798" t="s">
        <v>16581</v>
      </c>
      <c r="B26798" t="s">
        <v>16582</v>
      </c>
      <c r="C26798" t="s">
        <v>16579</v>
      </c>
      <c r="D26798" t="s">
        <v>16580</v>
      </c>
      <c r="E26798" t="s">
        <v>16557</v>
      </c>
      <c r="F26798" t="s">
        <v>16558</v>
      </c>
      <c r="G26798" t="s">
        <v>16559</v>
      </c>
      <c r="H26798" t="s">
        <v>16560</v>
      </c>
      <c r="I26798" s="2">
        <v>1</v>
      </c>
      <c r="J26798" s="2">
        <v>0</v>
      </c>
      <c r="K26798" s="2">
        <v>0</v>
      </c>
      <c r="L26798" t="s">
        <v>120</v>
      </c>
      <c r="M26798" t="s">
        <v>83</v>
      </c>
      <c r="N26798" t="s">
        <v>84</v>
      </c>
      <c r="O26798" t="s">
        <v>85</v>
      </c>
      <c r="P26798" t="s">
        <v>86</v>
      </c>
      <c r="Q26798">
        <v>42</v>
      </c>
      <c r="R26798">
        <v>43</v>
      </c>
      <c r="S26798">
        <v>43</v>
      </c>
      <c r="T26798">
        <v>44</v>
      </c>
      <c r="U26798">
        <v>45</v>
      </c>
      <c r="V26798">
        <v>45</v>
      </c>
      <c r="W26798">
        <v>46</v>
      </c>
      <c r="X26798">
        <v>47</v>
      </c>
      <c r="Y26798">
        <v>47</v>
      </c>
      <c r="Z26798">
        <v>48</v>
      </c>
      <c r="AA26798">
        <v>49</v>
      </c>
      <c r="AB26798">
        <v>49</v>
      </c>
      <c r="AC26798">
        <v>50</v>
      </c>
      <c r="AD26798">
        <v>51</v>
      </c>
      <c r="AE26798">
        <v>51</v>
      </c>
      <c r="AF26798">
        <v>52</v>
      </c>
      <c r="AG26798">
        <v>53</v>
      </c>
      <c r="AH26798">
        <v>54</v>
      </c>
      <c r="AI26798">
        <v>54</v>
      </c>
      <c r="AJ26798">
        <v>55</v>
      </c>
      <c r="AK26798">
        <v>56</v>
      </c>
      <c r="AL26798">
        <v>56</v>
      </c>
      <c r="AM26798">
        <v>57</v>
      </c>
      <c r="AN26798">
        <v>57</v>
      </c>
      <c r="AO26798">
        <v>57</v>
      </c>
      <c r="AP26798">
        <v>58</v>
      </c>
      <c r="AQ26798">
        <v>58</v>
      </c>
    </row>
    <row r="26799" spans="1:43">
      <c r="A26799" t="s">
        <v>16581</v>
      </c>
      <c r="B26799" t="s">
        <v>16582</v>
      </c>
      <c r="C26799" t="s">
        <v>16579</v>
      </c>
      <c r="D26799" t="s">
        <v>16580</v>
      </c>
      <c r="E26799" t="s">
        <v>16557</v>
      </c>
      <c r="F26799" t="s">
        <v>16558</v>
      </c>
      <c r="G26799" t="s">
        <v>16559</v>
      </c>
      <c r="H26799" t="s">
        <v>16560</v>
      </c>
      <c r="I26799" s="2">
        <v>1</v>
      </c>
      <c r="J26799" s="2">
        <v>0</v>
      </c>
      <c r="K26799" s="2">
        <v>0</v>
      </c>
      <c r="L26799" t="s">
        <v>120</v>
      </c>
      <c r="M26799" t="s">
        <v>87</v>
      </c>
      <c r="N26799" t="s">
        <v>88</v>
      </c>
      <c r="O26799" t="s">
        <v>85</v>
      </c>
      <c r="P26799" t="s">
        <v>86</v>
      </c>
      <c r="Q26799">
        <v>42</v>
      </c>
      <c r="R26799">
        <v>42</v>
      </c>
      <c r="S26799">
        <v>42</v>
      </c>
      <c r="T26799">
        <v>42</v>
      </c>
      <c r="U26799">
        <v>43</v>
      </c>
      <c r="V26799">
        <v>43</v>
      </c>
      <c r="W26799">
        <v>43</v>
      </c>
      <c r="X26799">
        <v>43</v>
      </c>
      <c r="Y26799">
        <v>44</v>
      </c>
      <c r="Z26799">
        <v>44</v>
      </c>
      <c r="AA26799">
        <v>44</v>
      </c>
      <c r="AB26799">
        <v>45</v>
      </c>
      <c r="AC26799">
        <v>45</v>
      </c>
      <c r="AD26799">
        <v>45</v>
      </c>
      <c r="AE26799">
        <v>46</v>
      </c>
      <c r="AF26799">
        <v>46</v>
      </c>
      <c r="AG26799">
        <v>46</v>
      </c>
      <c r="AH26799">
        <v>47</v>
      </c>
      <c r="AI26799">
        <v>47</v>
      </c>
      <c r="AJ26799">
        <v>47</v>
      </c>
      <c r="AK26799">
        <v>48</v>
      </c>
      <c r="AL26799">
        <v>48</v>
      </c>
      <c r="AM26799">
        <v>49</v>
      </c>
      <c r="AN26799">
        <v>49</v>
      </c>
      <c r="AO26799">
        <v>49</v>
      </c>
      <c r="AP26799">
        <v>50</v>
      </c>
      <c r="AQ26799">
        <v>50</v>
      </c>
    </row>
    <row r="26800" spans="1:43">
      <c r="A26800" t="s">
        <v>16581</v>
      </c>
      <c r="B26800" t="s">
        <v>16582</v>
      </c>
      <c r="C26800" t="s">
        <v>16579</v>
      </c>
      <c r="D26800" t="s">
        <v>16580</v>
      </c>
      <c r="E26800" t="s">
        <v>16557</v>
      </c>
      <c r="F26800" t="s">
        <v>16558</v>
      </c>
      <c r="G26800" t="s">
        <v>16559</v>
      </c>
      <c r="H26800" t="s">
        <v>16560</v>
      </c>
      <c r="I26800" s="2">
        <v>1</v>
      </c>
      <c r="J26800" s="2">
        <v>0</v>
      </c>
      <c r="K26800" s="2">
        <v>0</v>
      </c>
      <c r="L26800" t="s">
        <v>120</v>
      </c>
      <c r="M26800" t="s">
        <v>89</v>
      </c>
      <c r="N26800" t="s">
        <v>90</v>
      </c>
      <c r="O26800" t="s">
        <v>85</v>
      </c>
      <c r="P26800" t="s">
        <v>86</v>
      </c>
      <c r="Q26800">
        <v>42</v>
      </c>
      <c r="R26800">
        <v>43</v>
      </c>
      <c r="S26800">
        <v>45</v>
      </c>
      <c r="T26800">
        <v>46</v>
      </c>
      <c r="U26800">
        <v>46</v>
      </c>
      <c r="V26800">
        <v>47</v>
      </c>
      <c r="W26800">
        <v>48</v>
      </c>
      <c r="X26800">
        <v>49</v>
      </c>
      <c r="Y26800">
        <v>50</v>
      </c>
      <c r="Z26800">
        <v>51</v>
      </c>
      <c r="AA26800">
        <v>52</v>
      </c>
      <c r="AB26800">
        <v>52</v>
      </c>
      <c r="AC26800">
        <v>53</v>
      </c>
      <c r="AD26800">
        <v>54</v>
      </c>
      <c r="AE26800">
        <v>55</v>
      </c>
      <c r="AF26800">
        <v>55</v>
      </c>
      <c r="AG26800">
        <v>55</v>
      </c>
      <c r="AH26800">
        <v>56</v>
      </c>
      <c r="AI26800">
        <v>56</v>
      </c>
      <c r="AJ26800">
        <v>56</v>
      </c>
      <c r="AK26800">
        <v>57</v>
      </c>
      <c r="AL26800">
        <v>57</v>
      </c>
      <c r="AM26800">
        <v>57</v>
      </c>
      <c r="AN26800">
        <v>58</v>
      </c>
      <c r="AO26800">
        <v>58</v>
      </c>
      <c r="AP26800">
        <v>58</v>
      </c>
      <c r="AQ26800">
        <v>59</v>
      </c>
    </row>
    <row r="26801" spans="1:43">
      <c r="A26801" t="s">
        <v>16581</v>
      </c>
      <c r="B26801" t="s">
        <v>16582</v>
      </c>
      <c r="C26801" t="s">
        <v>16579</v>
      </c>
      <c r="D26801" t="s">
        <v>16580</v>
      </c>
      <c r="E26801" t="s">
        <v>16557</v>
      </c>
      <c r="F26801" t="s">
        <v>16558</v>
      </c>
      <c r="G26801" t="s">
        <v>16559</v>
      </c>
      <c r="H26801" t="s">
        <v>16560</v>
      </c>
      <c r="I26801" s="2">
        <v>1</v>
      </c>
      <c r="J26801" s="2">
        <v>0</v>
      </c>
      <c r="K26801" s="2">
        <v>0</v>
      </c>
      <c r="L26801" t="s">
        <v>120</v>
      </c>
      <c r="M26801" t="s">
        <v>83</v>
      </c>
      <c r="N26801" t="s">
        <v>91</v>
      </c>
      <c r="O26801" t="s">
        <v>85</v>
      </c>
      <c r="P26801" t="s">
        <v>86</v>
      </c>
      <c r="Q26801">
        <v>42</v>
      </c>
      <c r="R26801">
        <v>43</v>
      </c>
      <c r="S26801">
        <v>43</v>
      </c>
      <c r="T26801">
        <v>44</v>
      </c>
      <c r="U26801">
        <v>45</v>
      </c>
      <c r="V26801">
        <v>45</v>
      </c>
      <c r="W26801">
        <v>46</v>
      </c>
      <c r="X26801">
        <v>47</v>
      </c>
      <c r="Y26801">
        <v>47</v>
      </c>
      <c r="Z26801">
        <v>48</v>
      </c>
      <c r="AA26801">
        <v>49</v>
      </c>
      <c r="AB26801">
        <v>49</v>
      </c>
      <c r="AC26801">
        <v>50</v>
      </c>
      <c r="AD26801">
        <v>51</v>
      </c>
      <c r="AE26801">
        <v>51</v>
      </c>
      <c r="AF26801">
        <v>52</v>
      </c>
      <c r="AG26801">
        <v>53</v>
      </c>
      <c r="AH26801">
        <v>54</v>
      </c>
      <c r="AI26801">
        <v>54</v>
      </c>
      <c r="AJ26801">
        <v>55</v>
      </c>
      <c r="AK26801">
        <v>56</v>
      </c>
      <c r="AL26801">
        <v>56</v>
      </c>
      <c r="AM26801">
        <v>57</v>
      </c>
      <c r="AN26801">
        <v>57</v>
      </c>
      <c r="AO26801">
        <v>57</v>
      </c>
      <c r="AP26801">
        <v>58</v>
      </c>
      <c r="AQ26801">
        <v>58</v>
      </c>
    </row>
    <row r="26802" spans="1:43">
      <c r="A26802" t="s">
        <v>16583</v>
      </c>
      <c r="B26802" t="s">
        <v>16584</v>
      </c>
      <c r="C26802" t="s">
        <v>16579</v>
      </c>
      <c r="D26802" t="s">
        <v>16580</v>
      </c>
      <c r="E26802" t="s">
        <v>16557</v>
      </c>
      <c r="F26802" t="s">
        <v>16558</v>
      </c>
      <c r="G26802" t="s">
        <v>16559</v>
      </c>
      <c r="H26802" t="s">
        <v>16560</v>
      </c>
      <c r="I26802" s="2">
        <v>1</v>
      </c>
      <c r="J26802" s="2">
        <v>0</v>
      </c>
      <c r="K26802" s="2">
        <v>0</v>
      </c>
      <c r="L26802" t="s">
        <v>120</v>
      </c>
      <c r="M26802" t="s">
        <v>83</v>
      </c>
      <c r="N26802" t="s">
        <v>84</v>
      </c>
      <c r="O26802" t="s">
        <v>85</v>
      </c>
      <c r="P26802" t="s">
        <v>86</v>
      </c>
      <c r="Q26802">
        <v>29</v>
      </c>
      <c r="R26802">
        <v>30</v>
      </c>
      <c r="S26802">
        <v>30</v>
      </c>
      <c r="T26802">
        <v>31</v>
      </c>
      <c r="U26802">
        <v>31</v>
      </c>
      <c r="V26802">
        <v>32</v>
      </c>
      <c r="W26802">
        <v>32</v>
      </c>
      <c r="X26802">
        <v>33</v>
      </c>
      <c r="Y26802">
        <v>33</v>
      </c>
      <c r="Z26802">
        <v>34</v>
      </c>
      <c r="AA26802">
        <v>34</v>
      </c>
      <c r="AB26802">
        <v>34</v>
      </c>
      <c r="AC26802">
        <v>35</v>
      </c>
      <c r="AD26802">
        <v>35</v>
      </c>
      <c r="AE26802">
        <v>36</v>
      </c>
      <c r="AF26802">
        <v>36</v>
      </c>
      <c r="AG26802">
        <v>37</v>
      </c>
      <c r="AH26802">
        <v>37</v>
      </c>
      <c r="AI26802">
        <v>38</v>
      </c>
      <c r="AJ26802">
        <v>39</v>
      </c>
      <c r="AK26802">
        <v>39</v>
      </c>
      <c r="AL26802">
        <v>39</v>
      </c>
      <c r="AM26802">
        <v>40</v>
      </c>
      <c r="AN26802">
        <v>40</v>
      </c>
      <c r="AO26802">
        <v>40</v>
      </c>
      <c r="AP26802">
        <v>40</v>
      </c>
      <c r="AQ26802">
        <v>41</v>
      </c>
    </row>
    <row r="26803" spans="1:43">
      <c r="A26803" t="s">
        <v>16583</v>
      </c>
      <c r="B26803" t="s">
        <v>16584</v>
      </c>
      <c r="C26803" t="s">
        <v>16579</v>
      </c>
      <c r="D26803" t="s">
        <v>16580</v>
      </c>
      <c r="E26803" t="s">
        <v>16557</v>
      </c>
      <c r="F26803" t="s">
        <v>16558</v>
      </c>
      <c r="G26803" t="s">
        <v>16559</v>
      </c>
      <c r="H26803" t="s">
        <v>16560</v>
      </c>
      <c r="I26803" s="2">
        <v>1</v>
      </c>
      <c r="J26803" s="2">
        <v>0</v>
      </c>
      <c r="K26803" s="2">
        <v>0</v>
      </c>
      <c r="L26803" t="s">
        <v>120</v>
      </c>
      <c r="M26803" t="s">
        <v>87</v>
      </c>
      <c r="N26803" t="s">
        <v>88</v>
      </c>
      <c r="O26803" t="s">
        <v>85</v>
      </c>
      <c r="P26803" t="s">
        <v>86</v>
      </c>
      <c r="Q26803">
        <v>29</v>
      </c>
      <c r="R26803">
        <v>29</v>
      </c>
      <c r="S26803">
        <v>30</v>
      </c>
      <c r="T26803">
        <v>30</v>
      </c>
      <c r="U26803">
        <v>30</v>
      </c>
      <c r="V26803">
        <v>30</v>
      </c>
      <c r="W26803">
        <v>30</v>
      </c>
      <c r="X26803">
        <v>30</v>
      </c>
      <c r="Y26803">
        <v>31</v>
      </c>
      <c r="Z26803">
        <v>31</v>
      </c>
      <c r="AA26803">
        <v>31</v>
      </c>
      <c r="AB26803">
        <v>31</v>
      </c>
      <c r="AC26803">
        <v>31</v>
      </c>
      <c r="AD26803">
        <v>32</v>
      </c>
      <c r="AE26803">
        <v>32</v>
      </c>
      <c r="AF26803">
        <v>32</v>
      </c>
      <c r="AG26803">
        <v>32</v>
      </c>
      <c r="AH26803">
        <v>33</v>
      </c>
      <c r="AI26803">
        <v>33</v>
      </c>
      <c r="AJ26803">
        <v>33</v>
      </c>
      <c r="AK26803">
        <v>33</v>
      </c>
      <c r="AL26803">
        <v>34</v>
      </c>
      <c r="AM26803">
        <v>34</v>
      </c>
      <c r="AN26803">
        <v>34</v>
      </c>
      <c r="AO26803">
        <v>35</v>
      </c>
      <c r="AP26803">
        <v>35</v>
      </c>
      <c r="AQ26803">
        <v>35</v>
      </c>
    </row>
    <row r="26804" spans="1:43">
      <c r="A26804" t="s">
        <v>16583</v>
      </c>
      <c r="B26804" t="s">
        <v>16584</v>
      </c>
      <c r="C26804" t="s">
        <v>16579</v>
      </c>
      <c r="D26804" t="s">
        <v>16580</v>
      </c>
      <c r="E26804" t="s">
        <v>16557</v>
      </c>
      <c r="F26804" t="s">
        <v>16558</v>
      </c>
      <c r="G26804" t="s">
        <v>16559</v>
      </c>
      <c r="H26804" t="s">
        <v>16560</v>
      </c>
      <c r="I26804" s="2">
        <v>1</v>
      </c>
      <c r="J26804" s="2">
        <v>0</v>
      </c>
      <c r="K26804" s="2">
        <v>0</v>
      </c>
      <c r="L26804" t="s">
        <v>120</v>
      </c>
      <c r="M26804" t="s">
        <v>89</v>
      </c>
      <c r="N26804" t="s">
        <v>90</v>
      </c>
      <c r="O26804" t="s">
        <v>85</v>
      </c>
      <c r="P26804" t="s">
        <v>86</v>
      </c>
      <c r="Q26804">
        <v>29</v>
      </c>
      <c r="R26804">
        <v>29</v>
      </c>
      <c r="S26804">
        <v>30</v>
      </c>
      <c r="T26804">
        <v>31</v>
      </c>
      <c r="U26804">
        <v>32</v>
      </c>
      <c r="V26804">
        <v>32</v>
      </c>
      <c r="W26804">
        <v>33</v>
      </c>
      <c r="X26804">
        <v>33</v>
      </c>
      <c r="Y26804">
        <v>34</v>
      </c>
      <c r="Z26804">
        <v>35</v>
      </c>
      <c r="AA26804">
        <v>35</v>
      </c>
      <c r="AB26804">
        <v>36</v>
      </c>
      <c r="AC26804">
        <v>36</v>
      </c>
      <c r="AD26804">
        <v>37</v>
      </c>
      <c r="AE26804">
        <v>37</v>
      </c>
      <c r="AF26804">
        <v>38</v>
      </c>
      <c r="AG26804">
        <v>38</v>
      </c>
      <c r="AH26804">
        <v>38</v>
      </c>
      <c r="AI26804">
        <v>38</v>
      </c>
      <c r="AJ26804">
        <v>39</v>
      </c>
      <c r="AK26804">
        <v>39</v>
      </c>
      <c r="AL26804">
        <v>39</v>
      </c>
      <c r="AM26804">
        <v>39</v>
      </c>
      <c r="AN26804">
        <v>39</v>
      </c>
      <c r="AO26804">
        <v>40</v>
      </c>
      <c r="AP26804">
        <v>40</v>
      </c>
      <c r="AQ26804">
        <v>40</v>
      </c>
    </row>
    <row r="26805" spans="1:43">
      <c r="A26805" t="s">
        <v>16583</v>
      </c>
      <c r="B26805" t="s">
        <v>16584</v>
      </c>
      <c r="C26805" t="s">
        <v>16579</v>
      </c>
      <c r="D26805" t="s">
        <v>16580</v>
      </c>
      <c r="E26805" t="s">
        <v>16557</v>
      </c>
      <c r="F26805" t="s">
        <v>16558</v>
      </c>
      <c r="G26805" t="s">
        <v>16559</v>
      </c>
      <c r="H26805" t="s">
        <v>16560</v>
      </c>
      <c r="I26805" s="2">
        <v>1</v>
      </c>
      <c r="J26805" s="2">
        <v>0</v>
      </c>
      <c r="K26805" s="2">
        <v>0</v>
      </c>
      <c r="L26805" t="s">
        <v>120</v>
      </c>
      <c r="M26805" t="s">
        <v>83</v>
      </c>
      <c r="N26805" t="s">
        <v>91</v>
      </c>
      <c r="O26805" t="s">
        <v>85</v>
      </c>
      <c r="P26805" t="s">
        <v>86</v>
      </c>
      <c r="Q26805">
        <v>29</v>
      </c>
      <c r="R26805">
        <v>30</v>
      </c>
      <c r="S26805">
        <v>30</v>
      </c>
      <c r="T26805">
        <v>31</v>
      </c>
      <c r="U26805">
        <v>31</v>
      </c>
      <c r="V26805">
        <v>32</v>
      </c>
      <c r="W26805">
        <v>32</v>
      </c>
      <c r="X26805">
        <v>33</v>
      </c>
      <c r="Y26805">
        <v>33</v>
      </c>
      <c r="Z26805">
        <v>34</v>
      </c>
      <c r="AA26805">
        <v>34</v>
      </c>
      <c r="AB26805">
        <v>34</v>
      </c>
      <c r="AC26805">
        <v>35</v>
      </c>
      <c r="AD26805">
        <v>35</v>
      </c>
      <c r="AE26805">
        <v>36</v>
      </c>
      <c r="AF26805">
        <v>36</v>
      </c>
      <c r="AG26805">
        <v>37</v>
      </c>
      <c r="AH26805">
        <v>37</v>
      </c>
      <c r="AI26805">
        <v>38</v>
      </c>
      <c r="AJ26805">
        <v>39</v>
      </c>
      <c r="AK26805">
        <v>39</v>
      </c>
      <c r="AL26805">
        <v>39</v>
      </c>
      <c r="AM26805">
        <v>40</v>
      </c>
      <c r="AN26805">
        <v>40</v>
      </c>
      <c r="AO26805">
        <v>40</v>
      </c>
      <c r="AP26805">
        <v>40</v>
      </c>
      <c r="AQ26805">
        <v>41</v>
      </c>
    </row>
    <row r="26806" spans="1:43">
      <c r="A26806" t="s">
        <v>16585</v>
      </c>
      <c r="B26806" t="s">
        <v>16586</v>
      </c>
      <c r="C26806" t="s">
        <v>16579</v>
      </c>
      <c r="D26806" t="s">
        <v>16580</v>
      </c>
      <c r="E26806" t="s">
        <v>16557</v>
      </c>
      <c r="F26806" t="s">
        <v>16558</v>
      </c>
      <c r="G26806" t="s">
        <v>16559</v>
      </c>
      <c r="H26806" t="s">
        <v>16560</v>
      </c>
      <c r="I26806" s="2">
        <v>1</v>
      </c>
      <c r="J26806" s="2">
        <v>0</v>
      </c>
      <c r="K26806" s="2">
        <v>0</v>
      </c>
      <c r="L26806" t="s">
        <v>120</v>
      </c>
      <c r="M26806" t="s">
        <v>83</v>
      </c>
      <c r="N26806" t="s">
        <v>84</v>
      </c>
      <c r="O26806" t="s">
        <v>85</v>
      </c>
      <c r="P26806" t="s">
        <v>86</v>
      </c>
      <c r="Q26806">
        <v>23</v>
      </c>
      <c r="R26806">
        <v>23</v>
      </c>
      <c r="S26806">
        <v>23</v>
      </c>
      <c r="T26806">
        <v>24</v>
      </c>
      <c r="U26806">
        <v>24</v>
      </c>
      <c r="V26806">
        <v>24</v>
      </c>
      <c r="W26806">
        <v>25</v>
      </c>
      <c r="X26806">
        <v>25</v>
      </c>
      <c r="Y26806">
        <v>25</v>
      </c>
      <c r="Z26806">
        <v>26</v>
      </c>
      <c r="AA26806">
        <v>26</v>
      </c>
      <c r="AB26806">
        <v>26</v>
      </c>
      <c r="AC26806">
        <v>27</v>
      </c>
      <c r="AD26806">
        <v>27</v>
      </c>
      <c r="AE26806">
        <v>28</v>
      </c>
      <c r="AF26806">
        <v>28</v>
      </c>
      <c r="AG26806">
        <v>28</v>
      </c>
      <c r="AH26806">
        <v>29</v>
      </c>
      <c r="AI26806">
        <v>29</v>
      </c>
      <c r="AJ26806">
        <v>30</v>
      </c>
      <c r="AK26806">
        <v>30</v>
      </c>
      <c r="AL26806">
        <v>30</v>
      </c>
      <c r="AM26806">
        <v>30</v>
      </c>
      <c r="AN26806">
        <v>31</v>
      </c>
      <c r="AO26806">
        <v>31</v>
      </c>
      <c r="AP26806">
        <v>31</v>
      </c>
      <c r="AQ26806">
        <v>31</v>
      </c>
    </row>
    <row r="26807" spans="1:43">
      <c r="A26807" t="s">
        <v>16585</v>
      </c>
      <c r="B26807" t="s">
        <v>16586</v>
      </c>
      <c r="C26807" t="s">
        <v>16579</v>
      </c>
      <c r="D26807" t="s">
        <v>16580</v>
      </c>
      <c r="E26807" t="s">
        <v>16557</v>
      </c>
      <c r="F26807" t="s">
        <v>16558</v>
      </c>
      <c r="G26807" t="s">
        <v>16559</v>
      </c>
      <c r="H26807" t="s">
        <v>16560</v>
      </c>
      <c r="I26807" s="2">
        <v>1</v>
      </c>
      <c r="J26807" s="2">
        <v>0</v>
      </c>
      <c r="K26807" s="2">
        <v>0</v>
      </c>
      <c r="L26807" t="s">
        <v>120</v>
      </c>
      <c r="M26807" t="s">
        <v>87</v>
      </c>
      <c r="N26807" t="s">
        <v>88</v>
      </c>
      <c r="O26807" t="s">
        <v>85</v>
      </c>
      <c r="P26807" t="s">
        <v>86</v>
      </c>
      <c r="Q26807">
        <v>23</v>
      </c>
      <c r="R26807">
        <v>24</v>
      </c>
      <c r="S26807">
        <v>24</v>
      </c>
      <c r="T26807">
        <v>24</v>
      </c>
      <c r="U26807">
        <v>24</v>
      </c>
      <c r="V26807">
        <v>24</v>
      </c>
      <c r="W26807">
        <v>24</v>
      </c>
      <c r="X26807">
        <v>24</v>
      </c>
      <c r="Y26807">
        <v>25</v>
      </c>
      <c r="Z26807">
        <v>25</v>
      </c>
      <c r="AA26807">
        <v>25</v>
      </c>
      <c r="AB26807">
        <v>25</v>
      </c>
      <c r="AC26807">
        <v>25</v>
      </c>
      <c r="AD26807">
        <v>25</v>
      </c>
      <c r="AE26807">
        <v>26</v>
      </c>
      <c r="AF26807">
        <v>26</v>
      </c>
      <c r="AG26807">
        <v>26</v>
      </c>
      <c r="AH26807">
        <v>26</v>
      </c>
      <c r="AI26807">
        <v>26</v>
      </c>
      <c r="AJ26807">
        <v>27</v>
      </c>
      <c r="AK26807">
        <v>27</v>
      </c>
      <c r="AL26807">
        <v>27</v>
      </c>
      <c r="AM26807">
        <v>27</v>
      </c>
      <c r="AN26807">
        <v>27</v>
      </c>
      <c r="AO26807">
        <v>28</v>
      </c>
      <c r="AP26807">
        <v>28</v>
      </c>
      <c r="AQ26807">
        <v>28</v>
      </c>
    </row>
    <row r="26808" spans="1:43">
      <c r="A26808" t="s">
        <v>16585</v>
      </c>
      <c r="B26808" t="s">
        <v>16586</v>
      </c>
      <c r="C26808" t="s">
        <v>16579</v>
      </c>
      <c r="D26808" t="s">
        <v>16580</v>
      </c>
      <c r="E26808" t="s">
        <v>16557</v>
      </c>
      <c r="F26808" t="s">
        <v>16558</v>
      </c>
      <c r="G26808" t="s">
        <v>16559</v>
      </c>
      <c r="H26808" t="s">
        <v>16560</v>
      </c>
      <c r="I26808" s="2">
        <v>1</v>
      </c>
      <c r="J26808" s="2">
        <v>0</v>
      </c>
      <c r="K26808" s="2">
        <v>0</v>
      </c>
      <c r="L26808" t="s">
        <v>120</v>
      </c>
      <c r="M26808" t="s">
        <v>89</v>
      </c>
      <c r="N26808" t="s">
        <v>90</v>
      </c>
      <c r="O26808" t="s">
        <v>85</v>
      </c>
      <c r="P26808" t="s">
        <v>86</v>
      </c>
      <c r="Q26808">
        <v>23</v>
      </c>
      <c r="R26808">
        <v>23</v>
      </c>
      <c r="S26808">
        <v>24</v>
      </c>
      <c r="T26808">
        <v>25</v>
      </c>
      <c r="U26808">
        <v>25</v>
      </c>
      <c r="V26808">
        <v>26</v>
      </c>
      <c r="W26808">
        <v>26</v>
      </c>
      <c r="X26808">
        <v>26</v>
      </c>
      <c r="Y26808">
        <v>27</v>
      </c>
      <c r="Z26808">
        <v>27</v>
      </c>
      <c r="AA26808">
        <v>28</v>
      </c>
      <c r="AB26808">
        <v>28</v>
      </c>
      <c r="AC26808">
        <v>29</v>
      </c>
      <c r="AD26808">
        <v>29</v>
      </c>
      <c r="AE26808">
        <v>30</v>
      </c>
      <c r="AF26808">
        <v>30</v>
      </c>
      <c r="AG26808">
        <v>30</v>
      </c>
      <c r="AH26808">
        <v>30</v>
      </c>
      <c r="AI26808">
        <v>30</v>
      </c>
      <c r="AJ26808">
        <v>30</v>
      </c>
      <c r="AK26808">
        <v>30</v>
      </c>
      <c r="AL26808">
        <v>31</v>
      </c>
      <c r="AM26808">
        <v>31</v>
      </c>
      <c r="AN26808">
        <v>31</v>
      </c>
      <c r="AO26808">
        <v>31</v>
      </c>
      <c r="AP26808">
        <v>31</v>
      </c>
      <c r="AQ26808">
        <v>31</v>
      </c>
    </row>
    <row r="26809" spans="1:43">
      <c r="A26809" t="s">
        <v>16585</v>
      </c>
      <c r="B26809" t="s">
        <v>16586</v>
      </c>
      <c r="C26809" t="s">
        <v>16579</v>
      </c>
      <c r="D26809" t="s">
        <v>16580</v>
      </c>
      <c r="E26809" t="s">
        <v>16557</v>
      </c>
      <c r="F26809" t="s">
        <v>16558</v>
      </c>
      <c r="G26809" t="s">
        <v>16559</v>
      </c>
      <c r="H26809" t="s">
        <v>16560</v>
      </c>
      <c r="I26809" s="2">
        <v>1</v>
      </c>
      <c r="J26809" s="2">
        <v>0</v>
      </c>
      <c r="K26809" s="2">
        <v>0</v>
      </c>
      <c r="L26809" t="s">
        <v>120</v>
      </c>
      <c r="M26809" t="s">
        <v>83</v>
      </c>
      <c r="N26809" t="s">
        <v>91</v>
      </c>
      <c r="O26809" t="s">
        <v>85</v>
      </c>
      <c r="P26809" t="s">
        <v>86</v>
      </c>
      <c r="Q26809">
        <v>23</v>
      </c>
      <c r="R26809">
        <v>23</v>
      </c>
      <c r="S26809">
        <v>23</v>
      </c>
      <c r="T26809">
        <v>24</v>
      </c>
      <c r="U26809">
        <v>24</v>
      </c>
      <c r="V26809">
        <v>24</v>
      </c>
      <c r="W26809">
        <v>25</v>
      </c>
      <c r="X26809">
        <v>25</v>
      </c>
      <c r="Y26809">
        <v>25</v>
      </c>
      <c r="Z26809">
        <v>26</v>
      </c>
      <c r="AA26809">
        <v>26</v>
      </c>
      <c r="AB26809">
        <v>26</v>
      </c>
      <c r="AC26809">
        <v>27</v>
      </c>
      <c r="AD26809">
        <v>27</v>
      </c>
      <c r="AE26809">
        <v>28</v>
      </c>
      <c r="AF26809">
        <v>28</v>
      </c>
      <c r="AG26809">
        <v>28</v>
      </c>
      <c r="AH26809">
        <v>29</v>
      </c>
      <c r="AI26809">
        <v>29</v>
      </c>
      <c r="AJ26809">
        <v>30</v>
      </c>
      <c r="AK26809">
        <v>30</v>
      </c>
      <c r="AL26809">
        <v>30</v>
      </c>
      <c r="AM26809">
        <v>30</v>
      </c>
      <c r="AN26809">
        <v>31</v>
      </c>
      <c r="AO26809">
        <v>31</v>
      </c>
      <c r="AP26809">
        <v>31</v>
      </c>
      <c r="AQ26809">
        <v>31</v>
      </c>
    </row>
    <row r="26810" spans="1:43">
      <c r="A26810" t="s">
        <v>16587</v>
      </c>
      <c r="B26810" t="s">
        <v>16588</v>
      </c>
      <c r="C26810" t="s">
        <v>16579</v>
      </c>
      <c r="D26810" t="s">
        <v>16580</v>
      </c>
      <c r="E26810" t="s">
        <v>16557</v>
      </c>
      <c r="F26810" t="s">
        <v>16558</v>
      </c>
      <c r="G26810" t="s">
        <v>16559</v>
      </c>
      <c r="H26810" t="s">
        <v>16560</v>
      </c>
      <c r="I26810" s="2">
        <v>1</v>
      </c>
      <c r="J26810" s="2">
        <v>0</v>
      </c>
      <c r="K26810" s="2">
        <v>0</v>
      </c>
      <c r="L26810" t="s">
        <v>120</v>
      </c>
      <c r="M26810" t="s">
        <v>83</v>
      </c>
      <c r="N26810" t="s">
        <v>84</v>
      </c>
      <c r="O26810" t="s">
        <v>85</v>
      </c>
      <c r="P26810" t="s">
        <v>86</v>
      </c>
      <c r="Q26810">
        <v>43</v>
      </c>
      <c r="R26810">
        <v>44</v>
      </c>
      <c r="S26810">
        <v>45</v>
      </c>
      <c r="T26810">
        <v>45</v>
      </c>
      <c r="U26810">
        <v>46</v>
      </c>
      <c r="V26810">
        <v>47</v>
      </c>
      <c r="W26810">
        <v>47</v>
      </c>
      <c r="X26810">
        <v>48</v>
      </c>
      <c r="Y26810">
        <v>49</v>
      </c>
      <c r="Z26810">
        <v>49</v>
      </c>
      <c r="AA26810">
        <v>50</v>
      </c>
      <c r="AB26810">
        <v>51</v>
      </c>
      <c r="AC26810">
        <v>51</v>
      </c>
      <c r="AD26810">
        <v>52</v>
      </c>
      <c r="AE26810">
        <v>53</v>
      </c>
      <c r="AF26810">
        <v>54</v>
      </c>
      <c r="AG26810">
        <v>54</v>
      </c>
      <c r="AH26810">
        <v>55</v>
      </c>
      <c r="AI26810">
        <v>56</v>
      </c>
      <c r="AJ26810">
        <v>57</v>
      </c>
      <c r="AK26810">
        <v>58</v>
      </c>
      <c r="AL26810">
        <v>58</v>
      </c>
      <c r="AM26810">
        <v>58</v>
      </c>
      <c r="AN26810">
        <v>59</v>
      </c>
      <c r="AO26810">
        <v>59</v>
      </c>
      <c r="AP26810">
        <v>60</v>
      </c>
      <c r="AQ26810">
        <v>60</v>
      </c>
    </row>
    <row r="26811" spans="1:43">
      <c r="A26811" t="s">
        <v>16587</v>
      </c>
      <c r="B26811" t="s">
        <v>16588</v>
      </c>
      <c r="C26811" t="s">
        <v>16579</v>
      </c>
      <c r="D26811" t="s">
        <v>16580</v>
      </c>
      <c r="E26811" t="s">
        <v>16557</v>
      </c>
      <c r="F26811" t="s">
        <v>16558</v>
      </c>
      <c r="G26811" t="s">
        <v>16559</v>
      </c>
      <c r="H26811" t="s">
        <v>16560</v>
      </c>
      <c r="I26811" s="2">
        <v>1</v>
      </c>
      <c r="J26811" s="2">
        <v>0</v>
      </c>
      <c r="K26811" s="2">
        <v>0</v>
      </c>
      <c r="L26811" t="s">
        <v>120</v>
      </c>
      <c r="M26811" t="s">
        <v>87</v>
      </c>
      <c r="N26811" t="s">
        <v>88</v>
      </c>
      <c r="O26811" t="s">
        <v>85</v>
      </c>
      <c r="P26811" t="s">
        <v>86</v>
      </c>
      <c r="Q26811">
        <v>43</v>
      </c>
      <c r="R26811">
        <v>43</v>
      </c>
      <c r="S26811">
        <v>43</v>
      </c>
      <c r="T26811">
        <v>44</v>
      </c>
      <c r="U26811">
        <v>44</v>
      </c>
      <c r="V26811">
        <v>44</v>
      </c>
      <c r="W26811">
        <v>44</v>
      </c>
      <c r="X26811">
        <v>45</v>
      </c>
      <c r="Y26811">
        <v>45</v>
      </c>
      <c r="Z26811">
        <v>45</v>
      </c>
      <c r="AA26811">
        <v>46</v>
      </c>
      <c r="AB26811">
        <v>46</v>
      </c>
      <c r="AC26811">
        <v>46</v>
      </c>
      <c r="AD26811">
        <v>46</v>
      </c>
      <c r="AE26811">
        <v>47</v>
      </c>
      <c r="AF26811">
        <v>47</v>
      </c>
      <c r="AG26811">
        <v>48</v>
      </c>
      <c r="AH26811">
        <v>48</v>
      </c>
      <c r="AI26811">
        <v>48</v>
      </c>
      <c r="AJ26811">
        <v>49</v>
      </c>
      <c r="AK26811">
        <v>49</v>
      </c>
      <c r="AL26811">
        <v>50</v>
      </c>
      <c r="AM26811">
        <v>50</v>
      </c>
      <c r="AN26811">
        <v>51</v>
      </c>
      <c r="AO26811">
        <v>51</v>
      </c>
      <c r="AP26811">
        <v>51</v>
      </c>
      <c r="AQ26811">
        <v>52</v>
      </c>
    </row>
    <row r="26812" spans="1:43">
      <c r="A26812" t="s">
        <v>16587</v>
      </c>
      <c r="B26812" t="s">
        <v>16588</v>
      </c>
      <c r="C26812" t="s">
        <v>16579</v>
      </c>
      <c r="D26812" t="s">
        <v>16580</v>
      </c>
      <c r="E26812" t="s">
        <v>16557</v>
      </c>
      <c r="F26812" t="s">
        <v>16558</v>
      </c>
      <c r="G26812" t="s">
        <v>16559</v>
      </c>
      <c r="H26812" t="s">
        <v>16560</v>
      </c>
      <c r="I26812" s="2">
        <v>1</v>
      </c>
      <c r="J26812" s="2">
        <v>0</v>
      </c>
      <c r="K26812" s="2">
        <v>0</v>
      </c>
      <c r="L26812" t="s">
        <v>120</v>
      </c>
      <c r="M26812" t="s">
        <v>89</v>
      </c>
      <c r="N26812" t="s">
        <v>90</v>
      </c>
      <c r="O26812" t="s">
        <v>85</v>
      </c>
      <c r="P26812" t="s">
        <v>86</v>
      </c>
      <c r="Q26812">
        <v>43</v>
      </c>
      <c r="R26812">
        <v>44</v>
      </c>
      <c r="S26812">
        <v>45</v>
      </c>
      <c r="T26812">
        <v>46</v>
      </c>
      <c r="U26812">
        <v>47</v>
      </c>
      <c r="V26812">
        <v>48</v>
      </c>
      <c r="W26812">
        <v>49</v>
      </c>
      <c r="X26812">
        <v>49</v>
      </c>
      <c r="Y26812">
        <v>50</v>
      </c>
      <c r="Z26812">
        <v>51</v>
      </c>
      <c r="AA26812">
        <v>52</v>
      </c>
      <c r="AB26812">
        <v>53</v>
      </c>
      <c r="AC26812">
        <v>54</v>
      </c>
      <c r="AD26812">
        <v>55</v>
      </c>
      <c r="AE26812">
        <v>56</v>
      </c>
      <c r="AF26812">
        <v>56</v>
      </c>
      <c r="AG26812">
        <v>56</v>
      </c>
      <c r="AH26812">
        <v>56</v>
      </c>
      <c r="AI26812">
        <v>57</v>
      </c>
      <c r="AJ26812">
        <v>57</v>
      </c>
      <c r="AK26812">
        <v>57</v>
      </c>
      <c r="AL26812">
        <v>58</v>
      </c>
      <c r="AM26812">
        <v>58</v>
      </c>
      <c r="AN26812">
        <v>58</v>
      </c>
      <c r="AO26812">
        <v>59</v>
      </c>
      <c r="AP26812">
        <v>59</v>
      </c>
      <c r="AQ26812">
        <v>60</v>
      </c>
    </row>
    <row r="26813" spans="1:43">
      <c r="A26813" t="s">
        <v>16587</v>
      </c>
      <c r="B26813" t="s">
        <v>16588</v>
      </c>
      <c r="C26813" t="s">
        <v>16579</v>
      </c>
      <c r="D26813" t="s">
        <v>16580</v>
      </c>
      <c r="E26813" t="s">
        <v>16557</v>
      </c>
      <c r="F26813" t="s">
        <v>16558</v>
      </c>
      <c r="G26813" t="s">
        <v>16559</v>
      </c>
      <c r="H26813" t="s">
        <v>16560</v>
      </c>
      <c r="I26813" s="2">
        <v>1</v>
      </c>
      <c r="J26813" s="2">
        <v>0</v>
      </c>
      <c r="K26813" s="2">
        <v>0</v>
      </c>
      <c r="L26813" t="s">
        <v>120</v>
      </c>
      <c r="M26813" t="s">
        <v>83</v>
      </c>
      <c r="N26813" t="s">
        <v>91</v>
      </c>
      <c r="O26813" t="s">
        <v>85</v>
      </c>
      <c r="P26813" t="s">
        <v>86</v>
      </c>
      <c r="Q26813">
        <v>43</v>
      </c>
      <c r="R26813">
        <v>44</v>
      </c>
      <c r="S26813">
        <v>45</v>
      </c>
      <c r="T26813">
        <v>45</v>
      </c>
      <c r="U26813">
        <v>46</v>
      </c>
      <c r="V26813">
        <v>47</v>
      </c>
      <c r="W26813">
        <v>47</v>
      </c>
      <c r="X26813">
        <v>48</v>
      </c>
      <c r="Y26813">
        <v>49</v>
      </c>
      <c r="Z26813">
        <v>49</v>
      </c>
      <c r="AA26813">
        <v>50</v>
      </c>
      <c r="AB26813">
        <v>51</v>
      </c>
      <c r="AC26813">
        <v>51</v>
      </c>
      <c r="AD26813">
        <v>52</v>
      </c>
      <c r="AE26813">
        <v>53</v>
      </c>
      <c r="AF26813">
        <v>54</v>
      </c>
      <c r="AG26813">
        <v>54</v>
      </c>
      <c r="AH26813">
        <v>55</v>
      </c>
      <c r="AI26813">
        <v>56</v>
      </c>
      <c r="AJ26813">
        <v>57</v>
      </c>
      <c r="AK26813">
        <v>58</v>
      </c>
      <c r="AL26813">
        <v>58</v>
      </c>
      <c r="AM26813">
        <v>58</v>
      </c>
      <c r="AN26813">
        <v>59</v>
      </c>
      <c r="AO26813">
        <v>59</v>
      </c>
      <c r="AP26813">
        <v>60</v>
      </c>
      <c r="AQ26813">
        <v>60</v>
      </c>
    </row>
    <row r="26814" spans="1:43">
      <c r="A26814" t="s">
        <v>16589</v>
      </c>
      <c r="B26814" t="s">
        <v>16590</v>
      </c>
      <c r="C26814" t="s">
        <v>16591</v>
      </c>
      <c r="D26814" t="s">
        <v>16592</v>
      </c>
      <c r="E26814" t="s">
        <v>16557</v>
      </c>
      <c r="F26814" t="s">
        <v>16558</v>
      </c>
      <c r="G26814" t="s">
        <v>16559</v>
      </c>
      <c r="H26814" t="s">
        <v>16560</v>
      </c>
      <c r="I26814" s="2">
        <v>1</v>
      </c>
      <c r="J26814" s="2">
        <v>0</v>
      </c>
      <c r="K26814" s="2">
        <v>0</v>
      </c>
      <c r="L26814" t="s">
        <v>120</v>
      </c>
      <c r="M26814" t="s">
        <v>83</v>
      </c>
      <c r="N26814" t="s">
        <v>84</v>
      </c>
      <c r="O26814" t="s">
        <v>85</v>
      </c>
      <c r="P26814" t="s">
        <v>86</v>
      </c>
      <c r="Q26814">
        <v>14</v>
      </c>
      <c r="R26814">
        <v>14</v>
      </c>
      <c r="S26814">
        <v>14</v>
      </c>
      <c r="T26814">
        <v>14</v>
      </c>
      <c r="U26814">
        <v>15</v>
      </c>
      <c r="V26814">
        <v>15</v>
      </c>
      <c r="W26814">
        <v>15</v>
      </c>
      <c r="X26814">
        <v>15</v>
      </c>
      <c r="Y26814">
        <v>15</v>
      </c>
      <c r="Z26814">
        <v>16</v>
      </c>
      <c r="AA26814">
        <v>16</v>
      </c>
      <c r="AB26814">
        <v>16</v>
      </c>
      <c r="AC26814">
        <v>16</v>
      </c>
      <c r="AD26814">
        <v>17</v>
      </c>
      <c r="AE26814">
        <v>17</v>
      </c>
      <c r="AF26814">
        <v>17</v>
      </c>
      <c r="AG26814">
        <v>17</v>
      </c>
      <c r="AH26814">
        <v>18</v>
      </c>
      <c r="AI26814">
        <v>18</v>
      </c>
      <c r="AJ26814">
        <v>18</v>
      </c>
      <c r="AK26814">
        <v>18</v>
      </c>
      <c r="AL26814">
        <v>19</v>
      </c>
      <c r="AM26814">
        <v>19</v>
      </c>
      <c r="AN26814">
        <v>19</v>
      </c>
      <c r="AO26814">
        <v>19</v>
      </c>
      <c r="AP26814">
        <v>19</v>
      </c>
      <c r="AQ26814">
        <v>19</v>
      </c>
    </row>
    <row r="26815" spans="1:43">
      <c r="A26815" t="s">
        <v>16589</v>
      </c>
      <c r="B26815" t="s">
        <v>16590</v>
      </c>
      <c r="C26815" t="s">
        <v>16591</v>
      </c>
      <c r="D26815" t="s">
        <v>16592</v>
      </c>
      <c r="E26815" t="s">
        <v>16557</v>
      </c>
      <c r="F26815" t="s">
        <v>16558</v>
      </c>
      <c r="G26815" t="s">
        <v>16559</v>
      </c>
      <c r="H26815" t="s">
        <v>16560</v>
      </c>
      <c r="I26815" s="2">
        <v>1</v>
      </c>
      <c r="J26815" s="2">
        <v>0</v>
      </c>
      <c r="K26815" s="2">
        <v>0</v>
      </c>
      <c r="L26815" t="s">
        <v>120</v>
      </c>
      <c r="M26815" t="s">
        <v>87</v>
      </c>
      <c r="N26815" t="s">
        <v>88</v>
      </c>
      <c r="O26815" t="s">
        <v>85</v>
      </c>
      <c r="P26815" t="s">
        <v>86</v>
      </c>
      <c r="Q26815">
        <v>14</v>
      </c>
      <c r="R26815">
        <v>14</v>
      </c>
      <c r="S26815">
        <v>14</v>
      </c>
      <c r="T26815">
        <v>14</v>
      </c>
      <c r="U26815">
        <v>14</v>
      </c>
      <c r="V26815">
        <v>14</v>
      </c>
      <c r="W26815">
        <v>14</v>
      </c>
      <c r="X26815">
        <v>14</v>
      </c>
      <c r="Y26815">
        <v>14</v>
      </c>
      <c r="Z26815">
        <v>14</v>
      </c>
      <c r="AA26815">
        <v>15</v>
      </c>
      <c r="AB26815">
        <v>15</v>
      </c>
      <c r="AC26815">
        <v>15</v>
      </c>
      <c r="AD26815">
        <v>15</v>
      </c>
      <c r="AE26815">
        <v>15</v>
      </c>
      <c r="AF26815">
        <v>15</v>
      </c>
      <c r="AG26815">
        <v>15</v>
      </c>
      <c r="AH26815">
        <v>15</v>
      </c>
      <c r="AI26815">
        <v>16</v>
      </c>
      <c r="AJ26815">
        <v>16</v>
      </c>
      <c r="AK26815">
        <v>16</v>
      </c>
      <c r="AL26815">
        <v>16</v>
      </c>
      <c r="AM26815">
        <v>16</v>
      </c>
      <c r="AN26815">
        <v>16</v>
      </c>
      <c r="AO26815">
        <v>16</v>
      </c>
      <c r="AP26815">
        <v>17</v>
      </c>
      <c r="AQ26815">
        <v>17</v>
      </c>
    </row>
    <row r="26816" spans="1:43">
      <c r="A26816" t="s">
        <v>16589</v>
      </c>
      <c r="B26816" t="s">
        <v>16590</v>
      </c>
      <c r="C26816" t="s">
        <v>16591</v>
      </c>
      <c r="D26816" t="s">
        <v>16592</v>
      </c>
      <c r="E26816" t="s">
        <v>16557</v>
      </c>
      <c r="F26816" t="s">
        <v>16558</v>
      </c>
      <c r="G26816" t="s">
        <v>16559</v>
      </c>
      <c r="H26816" t="s">
        <v>16560</v>
      </c>
      <c r="I26816" s="2">
        <v>1</v>
      </c>
      <c r="J26816" s="2">
        <v>0</v>
      </c>
      <c r="K26816" s="2">
        <v>0</v>
      </c>
      <c r="L26816" t="s">
        <v>120</v>
      </c>
      <c r="M26816" t="s">
        <v>89</v>
      </c>
      <c r="N26816" t="s">
        <v>90</v>
      </c>
      <c r="O26816" t="s">
        <v>85</v>
      </c>
      <c r="P26816" t="s">
        <v>86</v>
      </c>
      <c r="Q26816">
        <v>14</v>
      </c>
      <c r="R26816">
        <v>14</v>
      </c>
      <c r="S26816">
        <v>14</v>
      </c>
      <c r="T26816">
        <v>15</v>
      </c>
      <c r="U26816">
        <v>15</v>
      </c>
      <c r="V26816">
        <v>15</v>
      </c>
      <c r="W26816">
        <v>16</v>
      </c>
      <c r="X26816">
        <v>16</v>
      </c>
      <c r="Y26816">
        <v>16</v>
      </c>
      <c r="Z26816">
        <v>17</v>
      </c>
      <c r="AA26816">
        <v>17</v>
      </c>
      <c r="AB26816">
        <v>17</v>
      </c>
      <c r="AC26816">
        <v>18</v>
      </c>
      <c r="AD26816">
        <v>18</v>
      </c>
      <c r="AE26816">
        <v>18</v>
      </c>
      <c r="AF26816">
        <v>18</v>
      </c>
      <c r="AG26816">
        <v>18</v>
      </c>
      <c r="AH26816">
        <v>18</v>
      </c>
      <c r="AI26816">
        <v>19</v>
      </c>
      <c r="AJ26816">
        <v>19</v>
      </c>
      <c r="AK26816">
        <v>19</v>
      </c>
      <c r="AL26816">
        <v>19</v>
      </c>
      <c r="AM26816">
        <v>19</v>
      </c>
      <c r="AN26816">
        <v>19</v>
      </c>
      <c r="AO26816">
        <v>19</v>
      </c>
      <c r="AP26816">
        <v>20</v>
      </c>
      <c r="AQ26816">
        <v>20</v>
      </c>
    </row>
    <row r="26817" spans="1:43">
      <c r="A26817" t="s">
        <v>16589</v>
      </c>
      <c r="B26817" t="s">
        <v>16590</v>
      </c>
      <c r="C26817" t="s">
        <v>16591</v>
      </c>
      <c r="D26817" t="s">
        <v>16592</v>
      </c>
      <c r="E26817" t="s">
        <v>16557</v>
      </c>
      <c r="F26817" t="s">
        <v>16558</v>
      </c>
      <c r="G26817" t="s">
        <v>16559</v>
      </c>
      <c r="H26817" t="s">
        <v>16560</v>
      </c>
      <c r="I26817" s="2">
        <v>1</v>
      </c>
      <c r="J26817" s="2">
        <v>0</v>
      </c>
      <c r="K26817" s="2">
        <v>0</v>
      </c>
      <c r="L26817" t="s">
        <v>120</v>
      </c>
      <c r="M26817" t="s">
        <v>83</v>
      </c>
      <c r="N26817" t="s">
        <v>91</v>
      </c>
      <c r="O26817" t="s">
        <v>85</v>
      </c>
      <c r="P26817" t="s">
        <v>86</v>
      </c>
      <c r="Q26817">
        <v>14</v>
      </c>
      <c r="R26817">
        <v>14</v>
      </c>
      <c r="S26817">
        <v>14</v>
      </c>
      <c r="T26817">
        <v>14</v>
      </c>
      <c r="U26817">
        <v>15</v>
      </c>
      <c r="V26817">
        <v>15</v>
      </c>
      <c r="W26817">
        <v>15</v>
      </c>
      <c r="X26817">
        <v>15</v>
      </c>
      <c r="Y26817">
        <v>15</v>
      </c>
      <c r="Z26817">
        <v>16</v>
      </c>
      <c r="AA26817">
        <v>16</v>
      </c>
      <c r="AB26817">
        <v>16</v>
      </c>
      <c r="AC26817">
        <v>16</v>
      </c>
      <c r="AD26817">
        <v>17</v>
      </c>
      <c r="AE26817">
        <v>17</v>
      </c>
      <c r="AF26817">
        <v>17</v>
      </c>
      <c r="AG26817">
        <v>17</v>
      </c>
      <c r="AH26817">
        <v>18</v>
      </c>
      <c r="AI26817">
        <v>18</v>
      </c>
      <c r="AJ26817">
        <v>18</v>
      </c>
      <c r="AK26817">
        <v>18</v>
      </c>
      <c r="AL26817">
        <v>19</v>
      </c>
      <c r="AM26817">
        <v>19</v>
      </c>
      <c r="AN26817">
        <v>19</v>
      </c>
      <c r="AO26817">
        <v>19</v>
      </c>
      <c r="AP26817">
        <v>19</v>
      </c>
      <c r="AQ26817">
        <v>19</v>
      </c>
    </row>
    <row r="26818" spans="1:43">
      <c r="A26818" t="s">
        <v>16593</v>
      </c>
      <c r="B26818" t="s">
        <v>16594</v>
      </c>
      <c r="C26818" t="s">
        <v>16591</v>
      </c>
      <c r="D26818" t="s">
        <v>16592</v>
      </c>
      <c r="E26818" t="s">
        <v>16557</v>
      </c>
      <c r="F26818" t="s">
        <v>16558</v>
      </c>
      <c r="G26818" t="s">
        <v>16559</v>
      </c>
      <c r="H26818" t="s">
        <v>16560</v>
      </c>
      <c r="I26818" s="2">
        <v>1</v>
      </c>
      <c r="J26818" s="2">
        <v>0</v>
      </c>
      <c r="K26818" s="2">
        <v>0</v>
      </c>
      <c r="L26818" t="s">
        <v>120</v>
      </c>
      <c r="M26818" t="s">
        <v>83</v>
      </c>
      <c r="N26818" t="s">
        <v>84</v>
      </c>
      <c r="O26818" t="s">
        <v>85</v>
      </c>
      <c r="P26818" t="s">
        <v>86</v>
      </c>
      <c r="Q26818">
        <v>58</v>
      </c>
      <c r="R26818">
        <v>59</v>
      </c>
      <c r="S26818">
        <v>60</v>
      </c>
      <c r="T26818">
        <v>61</v>
      </c>
      <c r="U26818">
        <v>62</v>
      </c>
      <c r="V26818">
        <v>63</v>
      </c>
      <c r="W26818">
        <v>64</v>
      </c>
      <c r="X26818">
        <v>65</v>
      </c>
      <c r="Y26818">
        <v>66</v>
      </c>
      <c r="Z26818">
        <v>67</v>
      </c>
      <c r="AA26818">
        <v>68</v>
      </c>
      <c r="AB26818">
        <v>69</v>
      </c>
      <c r="AC26818">
        <v>70</v>
      </c>
      <c r="AD26818">
        <v>71</v>
      </c>
      <c r="AE26818">
        <v>72</v>
      </c>
      <c r="AF26818">
        <v>73</v>
      </c>
      <c r="AG26818">
        <v>74</v>
      </c>
      <c r="AH26818">
        <v>75</v>
      </c>
      <c r="AI26818">
        <v>77</v>
      </c>
      <c r="AJ26818">
        <v>78</v>
      </c>
      <c r="AK26818">
        <v>79</v>
      </c>
      <c r="AL26818">
        <v>80</v>
      </c>
      <c r="AM26818">
        <v>80</v>
      </c>
      <c r="AN26818">
        <v>81</v>
      </c>
      <c r="AO26818">
        <v>82</v>
      </c>
      <c r="AP26818">
        <v>82</v>
      </c>
      <c r="AQ26818">
        <v>83</v>
      </c>
    </row>
    <row r="26819" spans="1:43">
      <c r="A26819" t="s">
        <v>16593</v>
      </c>
      <c r="B26819" t="s">
        <v>16594</v>
      </c>
      <c r="C26819" t="s">
        <v>16591</v>
      </c>
      <c r="D26819" t="s">
        <v>16592</v>
      </c>
      <c r="E26819" t="s">
        <v>16557</v>
      </c>
      <c r="F26819" t="s">
        <v>16558</v>
      </c>
      <c r="G26819" t="s">
        <v>16559</v>
      </c>
      <c r="H26819" t="s">
        <v>16560</v>
      </c>
      <c r="I26819" s="2">
        <v>1</v>
      </c>
      <c r="J26819" s="2">
        <v>0</v>
      </c>
      <c r="K26819" s="2">
        <v>0</v>
      </c>
      <c r="L26819" t="s">
        <v>120</v>
      </c>
      <c r="M26819" t="s">
        <v>87</v>
      </c>
      <c r="N26819" t="s">
        <v>88</v>
      </c>
      <c r="O26819" t="s">
        <v>85</v>
      </c>
      <c r="P26819" t="s">
        <v>86</v>
      </c>
      <c r="Q26819">
        <v>58</v>
      </c>
      <c r="R26819">
        <v>58</v>
      </c>
      <c r="S26819">
        <v>59</v>
      </c>
      <c r="T26819">
        <v>59</v>
      </c>
      <c r="U26819">
        <v>59</v>
      </c>
      <c r="V26819">
        <v>60</v>
      </c>
      <c r="W26819">
        <v>60</v>
      </c>
      <c r="X26819">
        <v>61</v>
      </c>
      <c r="Y26819">
        <v>61</v>
      </c>
      <c r="Z26819">
        <v>61</v>
      </c>
      <c r="AA26819">
        <v>62</v>
      </c>
      <c r="AB26819">
        <v>62</v>
      </c>
      <c r="AC26819">
        <v>63</v>
      </c>
      <c r="AD26819">
        <v>63</v>
      </c>
      <c r="AE26819">
        <v>64</v>
      </c>
      <c r="AF26819">
        <v>64</v>
      </c>
      <c r="AG26819">
        <v>65</v>
      </c>
      <c r="AH26819">
        <v>66</v>
      </c>
      <c r="AI26819">
        <v>66</v>
      </c>
      <c r="AJ26819">
        <v>67</v>
      </c>
      <c r="AK26819">
        <v>67</v>
      </c>
      <c r="AL26819">
        <v>68</v>
      </c>
      <c r="AM26819">
        <v>69</v>
      </c>
      <c r="AN26819">
        <v>69</v>
      </c>
      <c r="AO26819">
        <v>70</v>
      </c>
      <c r="AP26819">
        <v>71</v>
      </c>
      <c r="AQ26819">
        <v>72</v>
      </c>
    </row>
    <row r="26820" spans="1:43">
      <c r="A26820" t="s">
        <v>16593</v>
      </c>
      <c r="B26820" t="s">
        <v>16594</v>
      </c>
      <c r="C26820" t="s">
        <v>16591</v>
      </c>
      <c r="D26820" t="s">
        <v>16592</v>
      </c>
      <c r="E26820" t="s">
        <v>16557</v>
      </c>
      <c r="F26820" t="s">
        <v>16558</v>
      </c>
      <c r="G26820" t="s">
        <v>16559</v>
      </c>
      <c r="H26820" t="s">
        <v>16560</v>
      </c>
      <c r="I26820" s="2">
        <v>1</v>
      </c>
      <c r="J26820" s="2">
        <v>0</v>
      </c>
      <c r="K26820" s="2">
        <v>0</v>
      </c>
      <c r="L26820" t="s">
        <v>120</v>
      </c>
      <c r="M26820" t="s">
        <v>89</v>
      </c>
      <c r="N26820" t="s">
        <v>90</v>
      </c>
      <c r="O26820" t="s">
        <v>85</v>
      </c>
      <c r="P26820" t="s">
        <v>86</v>
      </c>
      <c r="Q26820">
        <v>58</v>
      </c>
      <c r="R26820">
        <v>59</v>
      </c>
      <c r="S26820">
        <v>61</v>
      </c>
      <c r="T26820">
        <v>62</v>
      </c>
      <c r="U26820">
        <v>64</v>
      </c>
      <c r="V26820">
        <v>65</v>
      </c>
      <c r="W26820">
        <v>66</v>
      </c>
      <c r="X26820">
        <v>67</v>
      </c>
      <c r="Y26820">
        <v>69</v>
      </c>
      <c r="Z26820">
        <v>70</v>
      </c>
      <c r="AA26820">
        <v>71</v>
      </c>
      <c r="AB26820">
        <v>72</v>
      </c>
      <c r="AC26820">
        <v>74</v>
      </c>
      <c r="AD26820">
        <v>75</v>
      </c>
      <c r="AE26820">
        <v>76</v>
      </c>
      <c r="AF26820">
        <v>77</v>
      </c>
      <c r="AG26820">
        <v>77</v>
      </c>
      <c r="AH26820">
        <v>78</v>
      </c>
      <c r="AI26820">
        <v>78</v>
      </c>
      <c r="AJ26820">
        <v>79</v>
      </c>
      <c r="AK26820">
        <v>79</v>
      </c>
      <c r="AL26820">
        <v>80</v>
      </c>
      <c r="AM26820">
        <v>81</v>
      </c>
      <c r="AN26820">
        <v>81</v>
      </c>
      <c r="AO26820">
        <v>82</v>
      </c>
      <c r="AP26820">
        <v>83</v>
      </c>
      <c r="AQ26820">
        <v>83</v>
      </c>
    </row>
    <row r="26821" spans="1:43">
      <c r="A26821" t="s">
        <v>16593</v>
      </c>
      <c r="B26821" t="s">
        <v>16594</v>
      </c>
      <c r="C26821" t="s">
        <v>16591</v>
      </c>
      <c r="D26821" t="s">
        <v>16592</v>
      </c>
      <c r="E26821" t="s">
        <v>16557</v>
      </c>
      <c r="F26821" t="s">
        <v>16558</v>
      </c>
      <c r="G26821" t="s">
        <v>16559</v>
      </c>
      <c r="H26821" t="s">
        <v>16560</v>
      </c>
      <c r="I26821" s="2">
        <v>1</v>
      </c>
      <c r="J26821" s="2">
        <v>0</v>
      </c>
      <c r="K26821" s="2">
        <v>0</v>
      </c>
      <c r="L26821" t="s">
        <v>120</v>
      </c>
      <c r="M26821" t="s">
        <v>83</v>
      </c>
      <c r="N26821" t="s">
        <v>91</v>
      </c>
      <c r="O26821" t="s">
        <v>85</v>
      </c>
      <c r="P26821" t="s">
        <v>86</v>
      </c>
      <c r="Q26821">
        <v>58</v>
      </c>
      <c r="R26821">
        <v>59</v>
      </c>
      <c r="S26821">
        <v>60</v>
      </c>
      <c r="T26821">
        <v>61</v>
      </c>
      <c r="U26821">
        <v>62</v>
      </c>
      <c r="V26821">
        <v>63</v>
      </c>
      <c r="W26821">
        <v>64</v>
      </c>
      <c r="X26821">
        <v>65</v>
      </c>
      <c r="Y26821">
        <v>66</v>
      </c>
      <c r="Z26821">
        <v>67</v>
      </c>
      <c r="AA26821">
        <v>68</v>
      </c>
      <c r="AB26821">
        <v>69</v>
      </c>
      <c r="AC26821">
        <v>70</v>
      </c>
      <c r="AD26821">
        <v>71</v>
      </c>
      <c r="AE26821">
        <v>72</v>
      </c>
      <c r="AF26821">
        <v>73</v>
      </c>
      <c r="AG26821">
        <v>74</v>
      </c>
      <c r="AH26821">
        <v>75</v>
      </c>
      <c r="AI26821">
        <v>77</v>
      </c>
      <c r="AJ26821">
        <v>78</v>
      </c>
      <c r="AK26821">
        <v>79</v>
      </c>
      <c r="AL26821">
        <v>80</v>
      </c>
      <c r="AM26821">
        <v>80</v>
      </c>
      <c r="AN26821">
        <v>81</v>
      </c>
      <c r="AO26821">
        <v>82</v>
      </c>
      <c r="AP26821">
        <v>82</v>
      </c>
      <c r="AQ26821">
        <v>83</v>
      </c>
    </row>
    <row r="26822" spans="1:43">
      <c r="A26822" t="s">
        <v>16595</v>
      </c>
      <c r="B26822" t="s">
        <v>16596</v>
      </c>
      <c r="C26822" t="s">
        <v>16591</v>
      </c>
      <c r="D26822" t="s">
        <v>16592</v>
      </c>
      <c r="E26822" t="s">
        <v>16557</v>
      </c>
      <c r="F26822" t="s">
        <v>16558</v>
      </c>
      <c r="G26822" t="s">
        <v>16559</v>
      </c>
      <c r="H26822" t="s">
        <v>16560</v>
      </c>
      <c r="I26822" s="2">
        <v>1</v>
      </c>
      <c r="J26822" s="2">
        <v>0</v>
      </c>
      <c r="K26822" s="2">
        <v>0</v>
      </c>
      <c r="L26822" t="s">
        <v>120</v>
      </c>
      <c r="M26822" t="s">
        <v>83</v>
      </c>
      <c r="N26822" t="s">
        <v>84</v>
      </c>
      <c r="O26822" t="s">
        <v>85</v>
      </c>
      <c r="P26822" t="s">
        <v>86</v>
      </c>
      <c r="Q26822">
        <v>25</v>
      </c>
      <c r="R26822">
        <v>26</v>
      </c>
      <c r="S26822">
        <v>26</v>
      </c>
      <c r="T26822">
        <v>26</v>
      </c>
      <c r="U26822">
        <v>27</v>
      </c>
      <c r="V26822">
        <v>27</v>
      </c>
      <c r="W26822">
        <v>28</v>
      </c>
      <c r="X26822">
        <v>28</v>
      </c>
      <c r="Y26822">
        <v>28</v>
      </c>
      <c r="Z26822">
        <v>29</v>
      </c>
      <c r="AA26822">
        <v>29</v>
      </c>
      <c r="AB26822">
        <v>30</v>
      </c>
      <c r="AC26822">
        <v>30</v>
      </c>
      <c r="AD26822">
        <v>30</v>
      </c>
      <c r="AE26822">
        <v>31</v>
      </c>
      <c r="AF26822">
        <v>31</v>
      </c>
      <c r="AG26822">
        <v>32</v>
      </c>
      <c r="AH26822">
        <v>32</v>
      </c>
      <c r="AI26822">
        <v>33</v>
      </c>
      <c r="AJ26822">
        <v>33</v>
      </c>
      <c r="AK26822">
        <v>34</v>
      </c>
      <c r="AL26822">
        <v>34</v>
      </c>
      <c r="AM26822">
        <v>34</v>
      </c>
      <c r="AN26822">
        <v>34</v>
      </c>
      <c r="AO26822">
        <v>35</v>
      </c>
      <c r="AP26822">
        <v>35</v>
      </c>
      <c r="AQ26822">
        <v>35</v>
      </c>
    </row>
    <row r="26823" spans="1:43">
      <c r="A26823" t="s">
        <v>16595</v>
      </c>
      <c r="B26823" t="s">
        <v>16596</v>
      </c>
      <c r="C26823" t="s">
        <v>16591</v>
      </c>
      <c r="D26823" t="s">
        <v>16592</v>
      </c>
      <c r="E26823" t="s">
        <v>16557</v>
      </c>
      <c r="F26823" t="s">
        <v>16558</v>
      </c>
      <c r="G26823" t="s">
        <v>16559</v>
      </c>
      <c r="H26823" t="s">
        <v>16560</v>
      </c>
      <c r="I26823" s="2">
        <v>1</v>
      </c>
      <c r="J26823" s="2">
        <v>0</v>
      </c>
      <c r="K26823" s="2">
        <v>0</v>
      </c>
      <c r="L26823" t="s">
        <v>120</v>
      </c>
      <c r="M26823" t="s">
        <v>87</v>
      </c>
      <c r="N26823" t="s">
        <v>88</v>
      </c>
      <c r="O26823" t="s">
        <v>85</v>
      </c>
      <c r="P26823" t="s">
        <v>86</v>
      </c>
      <c r="Q26823">
        <v>25</v>
      </c>
      <c r="R26823">
        <v>25</v>
      </c>
      <c r="S26823">
        <v>25</v>
      </c>
      <c r="T26823">
        <v>25</v>
      </c>
      <c r="U26823">
        <v>26</v>
      </c>
      <c r="V26823">
        <v>26</v>
      </c>
      <c r="W26823">
        <v>26</v>
      </c>
      <c r="X26823">
        <v>26</v>
      </c>
      <c r="Y26823">
        <v>26</v>
      </c>
      <c r="Z26823">
        <v>26</v>
      </c>
      <c r="AA26823">
        <v>27</v>
      </c>
      <c r="AB26823">
        <v>27</v>
      </c>
      <c r="AC26823">
        <v>27</v>
      </c>
      <c r="AD26823">
        <v>27</v>
      </c>
      <c r="AE26823">
        <v>27</v>
      </c>
      <c r="AF26823">
        <v>28</v>
      </c>
      <c r="AG26823">
        <v>28</v>
      </c>
      <c r="AH26823">
        <v>28</v>
      </c>
      <c r="AI26823">
        <v>28</v>
      </c>
      <c r="AJ26823">
        <v>29</v>
      </c>
      <c r="AK26823">
        <v>29</v>
      </c>
      <c r="AL26823">
        <v>29</v>
      </c>
      <c r="AM26823">
        <v>29</v>
      </c>
      <c r="AN26823">
        <v>30</v>
      </c>
      <c r="AO26823">
        <v>30</v>
      </c>
      <c r="AP26823">
        <v>30</v>
      </c>
      <c r="AQ26823">
        <v>30</v>
      </c>
    </row>
    <row r="26824" spans="1:43">
      <c r="A26824" t="s">
        <v>16595</v>
      </c>
      <c r="B26824" t="s">
        <v>16596</v>
      </c>
      <c r="C26824" t="s">
        <v>16591</v>
      </c>
      <c r="D26824" t="s">
        <v>16592</v>
      </c>
      <c r="E26824" t="s">
        <v>16557</v>
      </c>
      <c r="F26824" t="s">
        <v>16558</v>
      </c>
      <c r="G26824" t="s">
        <v>16559</v>
      </c>
      <c r="H26824" t="s">
        <v>16560</v>
      </c>
      <c r="I26824" s="2">
        <v>1</v>
      </c>
      <c r="J26824" s="2">
        <v>0</v>
      </c>
      <c r="K26824" s="2">
        <v>0</v>
      </c>
      <c r="L26824" t="s">
        <v>120</v>
      </c>
      <c r="M26824" t="s">
        <v>89</v>
      </c>
      <c r="N26824" t="s">
        <v>90</v>
      </c>
      <c r="O26824" t="s">
        <v>85</v>
      </c>
      <c r="P26824" t="s">
        <v>86</v>
      </c>
      <c r="Q26824">
        <v>25</v>
      </c>
      <c r="R26824">
        <v>26</v>
      </c>
      <c r="S26824">
        <v>27</v>
      </c>
      <c r="T26824">
        <v>27</v>
      </c>
      <c r="U26824">
        <v>28</v>
      </c>
      <c r="V26824">
        <v>28</v>
      </c>
      <c r="W26824">
        <v>29</v>
      </c>
      <c r="X26824">
        <v>29</v>
      </c>
      <c r="Y26824">
        <v>30</v>
      </c>
      <c r="Z26824">
        <v>30</v>
      </c>
      <c r="AA26824">
        <v>31</v>
      </c>
      <c r="AB26824">
        <v>32</v>
      </c>
      <c r="AC26824">
        <v>32</v>
      </c>
      <c r="AD26824">
        <v>33</v>
      </c>
      <c r="AE26824">
        <v>33</v>
      </c>
      <c r="AF26824">
        <v>33</v>
      </c>
      <c r="AG26824">
        <v>33</v>
      </c>
      <c r="AH26824">
        <v>34</v>
      </c>
      <c r="AI26824">
        <v>34</v>
      </c>
      <c r="AJ26824">
        <v>34</v>
      </c>
      <c r="AK26824">
        <v>34</v>
      </c>
      <c r="AL26824">
        <v>34</v>
      </c>
      <c r="AM26824">
        <v>35</v>
      </c>
      <c r="AN26824">
        <v>35</v>
      </c>
      <c r="AO26824">
        <v>35</v>
      </c>
      <c r="AP26824">
        <v>35</v>
      </c>
      <c r="AQ26824">
        <v>36</v>
      </c>
    </row>
    <row r="26825" spans="1:43">
      <c r="A26825" t="s">
        <v>16595</v>
      </c>
      <c r="B26825" t="s">
        <v>16596</v>
      </c>
      <c r="C26825" t="s">
        <v>16591</v>
      </c>
      <c r="D26825" t="s">
        <v>16592</v>
      </c>
      <c r="E26825" t="s">
        <v>16557</v>
      </c>
      <c r="F26825" t="s">
        <v>16558</v>
      </c>
      <c r="G26825" t="s">
        <v>16559</v>
      </c>
      <c r="H26825" t="s">
        <v>16560</v>
      </c>
      <c r="I26825" s="2">
        <v>1</v>
      </c>
      <c r="J26825" s="2">
        <v>0</v>
      </c>
      <c r="K26825" s="2">
        <v>0</v>
      </c>
      <c r="L26825" t="s">
        <v>120</v>
      </c>
      <c r="M26825" t="s">
        <v>83</v>
      </c>
      <c r="N26825" t="s">
        <v>91</v>
      </c>
      <c r="O26825" t="s">
        <v>85</v>
      </c>
      <c r="P26825" t="s">
        <v>86</v>
      </c>
      <c r="Q26825">
        <v>25</v>
      </c>
      <c r="R26825">
        <v>26</v>
      </c>
      <c r="S26825">
        <v>26</v>
      </c>
      <c r="T26825">
        <v>26</v>
      </c>
      <c r="U26825">
        <v>27</v>
      </c>
      <c r="V26825">
        <v>27</v>
      </c>
      <c r="W26825">
        <v>28</v>
      </c>
      <c r="X26825">
        <v>28</v>
      </c>
      <c r="Y26825">
        <v>28</v>
      </c>
      <c r="Z26825">
        <v>29</v>
      </c>
      <c r="AA26825">
        <v>29</v>
      </c>
      <c r="AB26825">
        <v>30</v>
      </c>
      <c r="AC26825">
        <v>30</v>
      </c>
      <c r="AD26825">
        <v>30</v>
      </c>
      <c r="AE26825">
        <v>31</v>
      </c>
      <c r="AF26825">
        <v>31</v>
      </c>
      <c r="AG26825">
        <v>32</v>
      </c>
      <c r="AH26825">
        <v>32</v>
      </c>
      <c r="AI26825">
        <v>33</v>
      </c>
      <c r="AJ26825">
        <v>33</v>
      </c>
      <c r="AK26825">
        <v>34</v>
      </c>
      <c r="AL26825">
        <v>34</v>
      </c>
      <c r="AM26825">
        <v>34</v>
      </c>
      <c r="AN26825">
        <v>34</v>
      </c>
      <c r="AO26825">
        <v>35</v>
      </c>
      <c r="AP26825">
        <v>35</v>
      </c>
      <c r="AQ26825">
        <v>35</v>
      </c>
    </row>
    <row r="26826" spans="1:43">
      <c r="A26826" t="s">
        <v>16597</v>
      </c>
      <c r="B26826" t="s">
        <v>16598</v>
      </c>
      <c r="C26826" t="s">
        <v>16591</v>
      </c>
      <c r="D26826" t="s">
        <v>16592</v>
      </c>
      <c r="E26826" t="s">
        <v>16557</v>
      </c>
      <c r="F26826" t="s">
        <v>16558</v>
      </c>
      <c r="G26826" t="s">
        <v>16559</v>
      </c>
      <c r="H26826" t="s">
        <v>16560</v>
      </c>
      <c r="I26826" s="2">
        <v>1</v>
      </c>
      <c r="J26826" s="2">
        <v>0</v>
      </c>
      <c r="K26826" s="2">
        <v>0</v>
      </c>
      <c r="L26826" t="s">
        <v>120</v>
      </c>
      <c r="M26826" t="s">
        <v>83</v>
      </c>
      <c r="N26826" t="s">
        <v>84</v>
      </c>
      <c r="O26826" t="s">
        <v>85</v>
      </c>
      <c r="P26826" t="s">
        <v>86</v>
      </c>
      <c r="Q26826">
        <v>23</v>
      </c>
      <c r="R26826">
        <v>24</v>
      </c>
      <c r="S26826">
        <v>24</v>
      </c>
      <c r="T26826">
        <v>25</v>
      </c>
      <c r="U26826">
        <v>25</v>
      </c>
      <c r="V26826">
        <v>25</v>
      </c>
      <c r="W26826">
        <v>26</v>
      </c>
      <c r="X26826">
        <v>26</v>
      </c>
      <c r="Y26826">
        <v>27</v>
      </c>
      <c r="Z26826">
        <v>27</v>
      </c>
      <c r="AA26826">
        <v>27</v>
      </c>
      <c r="AB26826">
        <v>28</v>
      </c>
      <c r="AC26826">
        <v>28</v>
      </c>
      <c r="AD26826">
        <v>29</v>
      </c>
      <c r="AE26826">
        <v>29</v>
      </c>
      <c r="AF26826">
        <v>29</v>
      </c>
      <c r="AG26826">
        <v>30</v>
      </c>
      <c r="AH26826">
        <v>30</v>
      </c>
      <c r="AI26826">
        <v>31</v>
      </c>
      <c r="AJ26826">
        <v>31</v>
      </c>
      <c r="AK26826">
        <v>32</v>
      </c>
      <c r="AL26826">
        <v>32</v>
      </c>
      <c r="AM26826">
        <v>32</v>
      </c>
      <c r="AN26826">
        <v>33</v>
      </c>
      <c r="AO26826">
        <v>33</v>
      </c>
      <c r="AP26826">
        <v>33</v>
      </c>
      <c r="AQ26826">
        <v>33</v>
      </c>
    </row>
    <row r="26827" spans="1:43">
      <c r="A26827" t="s">
        <v>16597</v>
      </c>
      <c r="B26827" t="s">
        <v>16598</v>
      </c>
      <c r="C26827" t="s">
        <v>16591</v>
      </c>
      <c r="D26827" t="s">
        <v>16592</v>
      </c>
      <c r="E26827" t="s">
        <v>16557</v>
      </c>
      <c r="F26827" t="s">
        <v>16558</v>
      </c>
      <c r="G26827" t="s">
        <v>16559</v>
      </c>
      <c r="H26827" t="s">
        <v>16560</v>
      </c>
      <c r="I26827" s="2">
        <v>1</v>
      </c>
      <c r="J26827" s="2">
        <v>0</v>
      </c>
      <c r="K26827" s="2">
        <v>0</v>
      </c>
      <c r="L26827" t="s">
        <v>120</v>
      </c>
      <c r="M26827" t="s">
        <v>87</v>
      </c>
      <c r="N26827" t="s">
        <v>88</v>
      </c>
      <c r="O26827" t="s">
        <v>85</v>
      </c>
      <c r="P26827" t="s">
        <v>86</v>
      </c>
      <c r="Q26827">
        <v>23</v>
      </c>
      <c r="R26827">
        <v>23</v>
      </c>
      <c r="S26827">
        <v>24</v>
      </c>
      <c r="T26827">
        <v>24</v>
      </c>
      <c r="U26827">
        <v>24</v>
      </c>
      <c r="V26827">
        <v>24</v>
      </c>
      <c r="W26827">
        <v>24</v>
      </c>
      <c r="X26827">
        <v>24</v>
      </c>
      <c r="Y26827">
        <v>25</v>
      </c>
      <c r="Z26827">
        <v>25</v>
      </c>
      <c r="AA26827">
        <v>25</v>
      </c>
      <c r="AB26827">
        <v>25</v>
      </c>
      <c r="AC26827">
        <v>25</v>
      </c>
      <c r="AD26827">
        <v>25</v>
      </c>
      <c r="AE26827">
        <v>26</v>
      </c>
      <c r="AF26827">
        <v>26</v>
      </c>
      <c r="AG26827">
        <v>26</v>
      </c>
      <c r="AH26827">
        <v>26</v>
      </c>
      <c r="AI26827">
        <v>27</v>
      </c>
      <c r="AJ26827">
        <v>27</v>
      </c>
      <c r="AK26827">
        <v>27</v>
      </c>
      <c r="AL26827">
        <v>27</v>
      </c>
      <c r="AM26827">
        <v>28</v>
      </c>
      <c r="AN26827">
        <v>28</v>
      </c>
      <c r="AO26827">
        <v>28</v>
      </c>
      <c r="AP26827">
        <v>28</v>
      </c>
      <c r="AQ26827">
        <v>29</v>
      </c>
    </row>
    <row r="26828" spans="1:43">
      <c r="A26828" t="s">
        <v>16597</v>
      </c>
      <c r="B26828" t="s">
        <v>16598</v>
      </c>
      <c r="C26828" t="s">
        <v>16591</v>
      </c>
      <c r="D26828" t="s">
        <v>16592</v>
      </c>
      <c r="E26828" t="s">
        <v>16557</v>
      </c>
      <c r="F26828" t="s">
        <v>16558</v>
      </c>
      <c r="G26828" t="s">
        <v>16559</v>
      </c>
      <c r="H26828" t="s">
        <v>16560</v>
      </c>
      <c r="I26828" s="2">
        <v>1</v>
      </c>
      <c r="J26828" s="2">
        <v>0</v>
      </c>
      <c r="K26828" s="2">
        <v>0</v>
      </c>
      <c r="L26828" t="s">
        <v>120</v>
      </c>
      <c r="M26828" t="s">
        <v>89</v>
      </c>
      <c r="N26828" t="s">
        <v>90</v>
      </c>
      <c r="O26828" t="s">
        <v>85</v>
      </c>
      <c r="P26828" t="s">
        <v>86</v>
      </c>
      <c r="Q26828">
        <v>23</v>
      </c>
      <c r="R26828">
        <v>23</v>
      </c>
      <c r="S26828">
        <v>24</v>
      </c>
      <c r="T26828">
        <v>24</v>
      </c>
      <c r="U26828">
        <v>25</v>
      </c>
      <c r="V26828">
        <v>25</v>
      </c>
      <c r="W26828">
        <v>26</v>
      </c>
      <c r="X26828">
        <v>27</v>
      </c>
      <c r="Y26828">
        <v>27</v>
      </c>
      <c r="Z26828">
        <v>28</v>
      </c>
      <c r="AA26828">
        <v>28</v>
      </c>
      <c r="AB26828">
        <v>29</v>
      </c>
      <c r="AC26828">
        <v>29</v>
      </c>
      <c r="AD26828">
        <v>30</v>
      </c>
      <c r="AE26828">
        <v>30</v>
      </c>
      <c r="AF26828">
        <v>30</v>
      </c>
      <c r="AG26828">
        <v>30</v>
      </c>
      <c r="AH26828">
        <v>31</v>
      </c>
      <c r="AI26828">
        <v>31</v>
      </c>
      <c r="AJ26828">
        <v>31</v>
      </c>
      <c r="AK26828">
        <v>31</v>
      </c>
      <c r="AL26828">
        <v>32</v>
      </c>
      <c r="AM26828">
        <v>32</v>
      </c>
      <c r="AN26828">
        <v>32</v>
      </c>
      <c r="AO26828">
        <v>32</v>
      </c>
      <c r="AP26828">
        <v>33</v>
      </c>
      <c r="AQ26828">
        <v>33</v>
      </c>
    </row>
    <row r="26829" spans="1:43">
      <c r="A26829" t="s">
        <v>16597</v>
      </c>
      <c r="B26829" t="s">
        <v>16598</v>
      </c>
      <c r="C26829" t="s">
        <v>16591</v>
      </c>
      <c r="D26829" t="s">
        <v>16592</v>
      </c>
      <c r="E26829" t="s">
        <v>16557</v>
      </c>
      <c r="F26829" t="s">
        <v>16558</v>
      </c>
      <c r="G26829" t="s">
        <v>16559</v>
      </c>
      <c r="H26829" t="s">
        <v>16560</v>
      </c>
      <c r="I26829" s="2">
        <v>1</v>
      </c>
      <c r="J26829" s="2">
        <v>0</v>
      </c>
      <c r="K26829" s="2">
        <v>0</v>
      </c>
      <c r="L26829" t="s">
        <v>120</v>
      </c>
      <c r="M26829" t="s">
        <v>83</v>
      </c>
      <c r="N26829" t="s">
        <v>91</v>
      </c>
      <c r="O26829" t="s">
        <v>85</v>
      </c>
      <c r="P26829" t="s">
        <v>86</v>
      </c>
      <c r="Q26829">
        <v>23</v>
      </c>
      <c r="R26829">
        <v>24</v>
      </c>
      <c r="S26829">
        <v>24</v>
      </c>
      <c r="T26829">
        <v>25</v>
      </c>
      <c r="U26829">
        <v>25</v>
      </c>
      <c r="V26829">
        <v>25</v>
      </c>
      <c r="W26829">
        <v>26</v>
      </c>
      <c r="X26829">
        <v>26</v>
      </c>
      <c r="Y26829">
        <v>27</v>
      </c>
      <c r="Z26829">
        <v>27</v>
      </c>
      <c r="AA26829">
        <v>27</v>
      </c>
      <c r="AB26829">
        <v>28</v>
      </c>
      <c r="AC26829">
        <v>28</v>
      </c>
      <c r="AD26829">
        <v>29</v>
      </c>
      <c r="AE26829">
        <v>29</v>
      </c>
      <c r="AF26829">
        <v>29</v>
      </c>
      <c r="AG26829">
        <v>30</v>
      </c>
      <c r="AH26829">
        <v>30</v>
      </c>
      <c r="AI26829">
        <v>31</v>
      </c>
      <c r="AJ26829">
        <v>31</v>
      </c>
      <c r="AK26829">
        <v>32</v>
      </c>
      <c r="AL26829">
        <v>32</v>
      </c>
      <c r="AM26829">
        <v>32</v>
      </c>
      <c r="AN26829">
        <v>33</v>
      </c>
      <c r="AO26829">
        <v>33</v>
      </c>
      <c r="AP26829">
        <v>33</v>
      </c>
      <c r="AQ26829">
        <v>33</v>
      </c>
    </row>
    <row r="26830" spans="1:43">
      <c r="A26830" t="s">
        <v>16599</v>
      </c>
      <c r="B26830" t="s">
        <v>16600</v>
      </c>
      <c r="C26830" t="s">
        <v>16591</v>
      </c>
      <c r="D26830" t="s">
        <v>16592</v>
      </c>
      <c r="E26830" t="s">
        <v>16557</v>
      </c>
      <c r="F26830" t="s">
        <v>16558</v>
      </c>
      <c r="G26830" t="s">
        <v>16559</v>
      </c>
      <c r="H26830" t="s">
        <v>16560</v>
      </c>
      <c r="I26830" s="2">
        <v>1</v>
      </c>
      <c r="J26830" s="2">
        <v>0</v>
      </c>
      <c r="K26830" s="2">
        <v>0</v>
      </c>
      <c r="L26830" t="s">
        <v>120</v>
      </c>
      <c r="M26830" t="s">
        <v>83</v>
      </c>
      <c r="N26830" t="s">
        <v>84</v>
      </c>
      <c r="O26830" t="s">
        <v>85</v>
      </c>
      <c r="P26830" t="s">
        <v>86</v>
      </c>
      <c r="Q26830">
        <v>9</v>
      </c>
      <c r="R26830">
        <v>9</v>
      </c>
      <c r="S26830">
        <v>9</v>
      </c>
      <c r="T26830">
        <v>9</v>
      </c>
      <c r="U26830">
        <v>10</v>
      </c>
      <c r="V26830">
        <v>10</v>
      </c>
      <c r="W26830">
        <v>10</v>
      </c>
      <c r="X26830">
        <v>10</v>
      </c>
      <c r="Y26830">
        <v>10</v>
      </c>
      <c r="Z26830">
        <v>10</v>
      </c>
      <c r="AA26830">
        <v>10</v>
      </c>
      <c r="AB26830">
        <v>11</v>
      </c>
      <c r="AC26830">
        <v>11</v>
      </c>
      <c r="AD26830">
        <v>11</v>
      </c>
      <c r="AE26830">
        <v>11</v>
      </c>
      <c r="AF26830">
        <v>11</v>
      </c>
      <c r="AG26830">
        <v>11</v>
      </c>
      <c r="AH26830">
        <v>12</v>
      </c>
      <c r="AI26830">
        <v>12</v>
      </c>
      <c r="AJ26830">
        <v>12</v>
      </c>
      <c r="AK26830">
        <v>12</v>
      </c>
      <c r="AL26830">
        <v>12</v>
      </c>
      <c r="AM26830">
        <v>12</v>
      </c>
      <c r="AN26830">
        <v>12</v>
      </c>
      <c r="AO26830">
        <v>13</v>
      </c>
      <c r="AP26830">
        <v>13</v>
      </c>
      <c r="AQ26830">
        <v>13</v>
      </c>
    </row>
    <row r="26831" spans="1:43">
      <c r="A26831" t="s">
        <v>16599</v>
      </c>
      <c r="B26831" t="s">
        <v>16600</v>
      </c>
      <c r="C26831" t="s">
        <v>16591</v>
      </c>
      <c r="D26831" t="s">
        <v>16592</v>
      </c>
      <c r="E26831" t="s">
        <v>16557</v>
      </c>
      <c r="F26831" t="s">
        <v>16558</v>
      </c>
      <c r="G26831" t="s">
        <v>16559</v>
      </c>
      <c r="H26831" t="s">
        <v>16560</v>
      </c>
      <c r="I26831" s="2">
        <v>1</v>
      </c>
      <c r="J26831" s="2">
        <v>0</v>
      </c>
      <c r="K26831" s="2">
        <v>0</v>
      </c>
      <c r="L26831" t="s">
        <v>120</v>
      </c>
      <c r="M26831" t="s">
        <v>87</v>
      </c>
      <c r="N26831" t="s">
        <v>88</v>
      </c>
      <c r="O26831" t="s">
        <v>85</v>
      </c>
      <c r="P26831" t="s">
        <v>86</v>
      </c>
      <c r="Q26831">
        <v>9</v>
      </c>
      <c r="R26831">
        <v>9</v>
      </c>
      <c r="S26831">
        <v>9</v>
      </c>
      <c r="T26831">
        <v>9</v>
      </c>
      <c r="U26831">
        <v>9</v>
      </c>
      <c r="V26831">
        <v>9</v>
      </c>
      <c r="W26831">
        <v>9</v>
      </c>
      <c r="X26831">
        <v>9</v>
      </c>
      <c r="Y26831">
        <v>9</v>
      </c>
      <c r="Z26831">
        <v>9</v>
      </c>
      <c r="AA26831">
        <v>9</v>
      </c>
      <c r="AB26831">
        <v>10</v>
      </c>
      <c r="AC26831">
        <v>10</v>
      </c>
      <c r="AD26831">
        <v>10</v>
      </c>
      <c r="AE26831">
        <v>10</v>
      </c>
      <c r="AF26831">
        <v>10</v>
      </c>
      <c r="AG26831">
        <v>10</v>
      </c>
      <c r="AH26831">
        <v>10</v>
      </c>
      <c r="AI26831">
        <v>10</v>
      </c>
      <c r="AJ26831">
        <v>10</v>
      </c>
      <c r="AK26831">
        <v>10</v>
      </c>
      <c r="AL26831">
        <v>10</v>
      </c>
      <c r="AM26831">
        <v>11</v>
      </c>
      <c r="AN26831">
        <v>11</v>
      </c>
      <c r="AO26831">
        <v>11</v>
      </c>
      <c r="AP26831">
        <v>11</v>
      </c>
      <c r="AQ26831">
        <v>11</v>
      </c>
    </row>
    <row r="26832" spans="1:43">
      <c r="A26832" t="s">
        <v>16599</v>
      </c>
      <c r="B26832" t="s">
        <v>16600</v>
      </c>
      <c r="C26832" t="s">
        <v>16591</v>
      </c>
      <c r="D26832" t="s">
        <v>16592</v>
      </c>
      <c r="E26832" t="s">
        <v>16557</v>
      </c>
      <c r="F26832" t="s">
        <v>16558</v>
      </c>
      <c r="G26832" t="s">
        <v>16559</v>
      </c>
      <c r="H26832" t="s">
        <v>16560</v>
      </c>
      <c r="I26832" s="2">
        <v>1</v>
      </c>
      <c r="J26832" s="2">
        <v>0</v>
      </c>
      <c r="K26832" s="2">
        <v>0</v>
      </c>
      <c r="L26832" t="s">
        <v>120</v>
      </c>
      <c r="M26832" t="s">
        <v>89</v>
      </c>
      <c r="N26832" t="s">
        <v>90</v>
      </c>
      <c r="O26832" t="s">
        <v>85</v>
      </c>
      <c r="P26832" t="s">
        <v>86</v>
      </c>
      <c r="Q26832">
        <v>9</v>
      </c>
      <c r="R26832">
        <v>9</v>
      </c>
      <c r="S26832">
        <v>9</v>
      </c>
      <c r="T26832">
        <v>10</v>
      </c>
      <c r="U26832">
        <v>10</v>
      </c>
      <c r="V26832">
        <v>10</v>
      </c>
      <c r="W26832">
        <v>10</v>
      </c>
      <c r="X26832">
        <v>10</v>
      </c>
      <c r="Y26832">
        <v>11</v>
      </c>
      <c r="Z26832">
        <v>11</v>
      </c>
      <c r="AA26832">
        <v>11</v>
      </c>
      <c r="AB26832">
        <v>11</v>
      </c>
      <c r="AC26832">
        <v>11</v>
      </c>
      <c r="AD26832">
        <v>12</v>
      </c>
      <c r="AE26832">
        <v>12</v>
      </c>
      <c r="AF26832">
        <v>12</v>
      </c>
      <c r="AG26832">
        <v>12</v>
      </c>
      <c r="AH26832">
        <v>12</v>
      </c>
      <c r="AI26832">
        <v>12</v>
      </c>
      <c r="AJ26832">
        <v>12</v>
      </c>
      <c r="AK26832">
        <v>12</v>
      </c>
      <c r="AL26832">
        <v>12</v>
      </c>
      <c r="AM26832">
        <v>13</v>
      </c>
      <c r="AN26832">
        <v>13</v>
      </c>
      <c r="AO26832">
        <v>13</v>
      </c>
      <c r="AP26832">
        <v>13</v>
      </c>
      <c r="AQ26832">
        <v>13</v>
      </c>
    </row>
    <row r="26833" spans="1:43">
      <c r="A26833" t="s">
        <v>16599</v>
      </c>
      <c r="B26833" t="s">
        <v>16600</v>
      </c>
      <c r="C26833" t="s">
        <v>16591</v>
      </c>
      <c r="D26833" t="s">
        <v>16592</v>
      </c>
      <c r="E26833" t="s">
        <v>16557</v>
      </c>
      <c r="F26833" t="s">
        <v>16558</v>
      </c>
      <c r="G26833" t="s">
        <v>16559</v>
      </c>
      <c r="H26833" t="s">
        <v>16560</v>
      </c>
      <c r="I26833" s="2">
        <v>1</v>
      </c>
      <c r="J26833" s="2">
        <v>0</v>
      </c>
      <c r="K26833" s="2">
        <v>0</v>
      </c>
      <c r="L26833" t="s">
        <v>120</v>
      </c>
      <c r="M26833" t="s">
        <v>83</v>
      </c>
      <c r="N26833" t="s">
        <v>91</v>
      </c>
      <c r="O26833" t="s">
        <v>85</v>
      </c>
      <c r="P26833" t="s">
        <v>86</v>
      </c>
      <c r="Q26833">
        <v>9</v>
      </c>
      <c r="R26833">
        <v>9</v>
      </c>
      <c r="S26833">
        <v>9</v>
      </c>
      <c r="T26833">
        <v>9</v>
      </c>
      <c r="U26833">
        <v>10</v>
      </c>
      <c r="V26833">
        <v>10</v>
      </c>
      <c r="W26833">
        <v>10</v>
      </c>
      <c r="X26833">
        <v>10</v>
      </c>
      <c r="Y26833">
        <v>10</v>
      </c>
      <c r="Z26833">
        <v>10</v>
      </c>
      <c r="AA26833">
        <v>10</v>
      </c>
      <c r="AB26833">
        <v>11</v>
      </c>
      <c r="AC26833">
        <v>11</v>
      </c>
      <c r="AD26833">
        <v>11</v>
      </c>
      <c r="AE26833">
        <v>11</v>
      </c>
      <c r="AF26833">
        <v>11</v>
      </c>
      <c r="AG26833">
        <v>11</v>
      </c>
      <c r="AH26833">
        <v>12</v>
      </c>
      <c r="AI26833">
        <v>12</v>
      </c>
      <c r="AJ26833">
        <v>12</v>
      </c>
      <c r="AK26833">
        <v>12</v>
      </c>
      <c r="AL26833">
        <v>12</v>
      </c>
      <c r="AM26833">
        <v>12</v>
      </c>
      <c r="AN26833">
        <v>12</v>
      </c>
      <c r="AO26833">
        <v>13</v>
      </c>
      <c r="AP26833">
        <v>13</v>
      </c>
      <c r="AQ26833">
        <v>13</v>
      </c>
    </row>
    <row r="26834" spans="1:43">
      <c r="A26834" t="s">
        <v>16601</v>
      </c>
      <c r="B26834" t="s">
        <v>16602</v>
      </c>
      <c r="C26834" t="s">
        <v>16603</v>
      </c>
      <c r="D26834" t="s">
        <v>16604</v>
      </c>
      <c r="E26834" t="s">
        <v>16557</v>
      </c>
      <c r="F26834" t="s">
        <v>16558</v>
      </c>
      <c r="G26834" t="s">
        <v>16559</v>
      </c>
      <c r="H26834" t="s">
        <v>16560</v>
      </c>
      <c r="I26834" s="2">
        <v>1</v>
      </c>
      <c r="J26834" s="2">
        <v>0</v>
      </c>
      <c r="K26834" s="2">
        <v>0</v>
      </c>
      <c r="L26834" t="s">
        <v>120</v>
      </c>
      <c r="M26834" t="s">
        <v>83</v>
      </c>
      <c r="N26834" t="s">
        <v>84</v>
      </c>
      <c r="O26834" t="s">
        <v>85</v>
      </c>
      <c r="P26834" t="s">
        <v>86</v>
      </c>
      <c r="Q26834">
        <v>18</v>
      </c>
      <c r="R26834">
        <v>18</v>
      </c>
      <c r="S26834">
        <v>18</v>
      </c>
      <c r="T26834">
        <v>18</v>
      </c>
      <c r="U26834">
        <v>19</v>
      </c>
      <c r="V26834">
        <v>19</v>
      </c>
      <c r="W26834">
        <v>19</v>
      </c>
      <c r="X26834">
        <v>19</v>
      </c>
      <c r="Y26834">
        <v>20</v>
      </c>
      <c r="Z26834">
        <v>20</v>
      </c>
      <c r="AA26834">
        <v>20</v>
      </c>
      <c r="AB26834">
        <v>20</v>
      </c>
      <c r="AC26834">
        <v>21</v>
      </c>
      <c r="AD26834">
        <v>21</v>
      </c>
      <c r="AE26834">
        <v>21</v>
      </c>
      <c r="AF26834">
        <v>22</v>
      </c>
      <c r="AG26834">
        <v>22</v>
      </c>
      <c r="AH26834">
        <v>22</v>
      </c>
      <c r="AI26834">
        <v>22</v>
      </c>
      <c r="AJ26834">
        <v>23</v>
      </c>
      <c r="AK26834">
        <v>23</v>
      </c>
      <c r="AL26834">
        <v>23</v>
      </c>
      <c r="AM26834">
        <v>23</v>
      </c>
      <c r="AN26834">
        <v>23</v>
      </c>
      <c r="AO26834">
        <v>24</v>
      </c>
      <c r="AP26834">
        <v>24</v>
      </c>
      <c r="AQ26834">
        <v>24</v>
      </c>
    </row>
    <row r="26835" spans="1:43">
      <c r="A26835" t="s">
        <v>16601</v>
      </c>
      <c r="B26835" t="s">
        <v>16602</v>
      </c>
      <c r="C26835" t="s">
        <v>16603</v>
      </c>
      <c r="D26835" t="s">
        <v>16604</v>
      </c>
      <c r="E26835" t="s">
        <v>16557</v>
      </c>
      <c r="F26835" t="s">
        <v>16558</v>
      </c>
      <c r="G26835" t="s">
        <v>16559</v>
      </c>
      <c r="H26835" t="s">
        <v>16560</v>
      </c>
      <c r="I26835" s="2">
        <v>1</v>
      </c>
      <c r="J26835" s="2">
        <v>0</v>
      </c>
      <c r="K26835" s="2">
        <v>0</v>
      </c>
      <c r="L26835" t="s">
        <v>120</v>
      </c>
      <c r="M26835" t="s">
        <v>87</v>
      </c>
      <c r="N26835" t="s">
        <v>88</v>
      </c>
      <c r="O26835" t="s">
        <v>85</v>
      </c>
      <c r="P26835" t="s">
        <v>86</v>
      </c>
      <c r="Q26835">
        <v>18</v>
      </c>
      <c r="R26835">
        <v>18</v>
      </c>
      <c r="S26835">
        <v>19</v>
      </c>
      <c r="T26835">
        <v>19</v>
      </c>
      <c r="U26835">
        <v>19</v>
      </c>
      <c r="V26835">
        <v>19</v>
      </c>
      <c r="W26835">
        <v>19</v>
      </c>
      <c r="X26835">
        <v>19</v>
      </c>
      <c r="Y26835">
        <v>19</v>
      </c>
      <c r="Z26835">
        <v>19</v>
      </c>
      <c r="AA26835">
        <v>19</v>
      </c>
      <c r="AB26835">
        <v>19</v>
      </c>
      <c r="AC26835">
        <v>20</v>
      </c>
      <c r="AD26835">
        <v>20</v>
      </c>
      <c r="AE26835">
        <v>20</v>
      </c>
      <c r="AF26835">
        <v>20</v>
      </c>
      <c r="AG26835">
        <v>20</v>
      </c>
      <c r="AH26835">
        <v>20</v>
      </c>
      <c r="AI26835">
        <v>20</v>
      </c>
      <c r="AJ26835">
        <v>21</v>
      </c>
      <c r="AK26835">
        <v>21</v>
      </c>
      <c r="AL26835">
        <v>21</v>
      </c>
      <c r="AM26835">
        <v>21</v>
      </c>
      <c r="AN26835">
        <v>21</v>
      </c>
      <c r="AO26835">
        <v>21</v>
      </c>
      <c r="AP26835">
        <v>22</v>
      </c>
      <c r="AQ26835">
        <v>22</v>
      </c>
    </row>
    <row r="26836" spans="1:43">
      <c r="A26836" t="s">
        <v>16601</v>
      </c>
      <c r="B26836" t="s">
        <v>16602</v>
      </c>
      <c r="C26836" t="s">
        <v>16603</v>
      </c>
      <c r="D26836" t="s">
        <v>16604</v>
      </c>
      <c r="E26836" t="s">
        <v>16557</v>
      </c>
      <c r="F26836" t="s">
        <v>16558</v>
      </c>
      <c r="G26836" t="s">
        <v>16559</v>
      </c>
      <c r="H26836" t="s">
        <v>16560</v>
      </c>
      <c r="I26836" s="2">
        <v>1</v>
      </c>
      <c r="J26836" s="2">
        <v>0</v>
      </c>
      <c r="K26836" s="2">
        <v>0</v>
      </c>
      <c r="L26836" t="s">
        <v>120</v>
      </c>
      <c r="M26836" t="s">
        <v>89</v>
      </c>
      <c r="N26836" t="s">
        <v>90</v>
      </c>
      <c r="O26836" t="s">
        <v>85</v>
      </c>
      <c r="P26836" t="s">
        <v>86</v>
      </c>
      <c r="Q26836">
        <v>18</v>
      </c>
      <c r="R26836">
        <v>18</v>
      </c>
      <c r="S26836">
        <v>19</v>
      </c>
      <c r="T26836">
        <v>19</v>
      </c>
      <c r="U26836">
        <v>19</v>
      </c>
      <c r="V26836">
        <v>20</v>
      </c>
      <c r="W26836">
        <v>20</v>
      </c>
      <c r="X26836">
        <v>20</v>
      </c>
      <c r="Y26836">
        <v>21</v>
      </c>
      <c r="Z26836">
        <v>21</v>
      </c>
      <c r="AA26836">
        <v>21</v>
      </c>
      <c r="AB26836">
        <v>22</v>
      </c>
      <c r="AC26836">
        <v>22</v>
      </c>
      <c r="AD26836">
        <v>23</v>
      </c>
      <c r="AE26836">
        <v>23</v>
      </c>
      <c r="AF26836">
        <v>23</v>
      </c>
      <c r="AG26836">
        <v>23</v>
      </c>
      <c r="AH26836">
        <v>23</v>
      </c>
      <c r="AI26836">
        <v>23</v>
      </c>
      <c r="AJ26836">
        <v>23</v>
      </c>
      <c r="AK26836">
        <v>23</v>
      </c>
      <c r="AL26836">
        <v>23</v>
      </c>
      <c r="AM26836">
        <v>24</v>
      </c>
      <c r="AN26836">
        <v>24</v>
      </c>
      <c r="AO26836">
        <v>24</v>
      </c>
      <c r="AP26836">
        <v>24</v>
      </c>
      <c r="AQ26836">
        <v>24</v>
      </c>
    </row>
    <row r="26837" spans="1:43">
      <c r="A26837" t="s">
        <v>16601</v>
      </c>
      <c r="B26837" t="s">
        <v>16602</v>
      </c>
      <c r="C26837" t="s">
        <v>16603</v>
      </c>
      <c r="D26837" t="s">
        <v>16604</v>
      </c>
      <c r="E26837" t="s">
        <v>16557</v>
      </c>
      <c r="F26837" t="s">
        <v>16558</v>
      </c>
      <c r="G26837" t="s">
        <v>16559</v>
      </c>
      <c r="H26837" t="s">
        <v>16560</v>
      </c>
      <c r="I26837" s="2">
        <v>1</v>
      </c>
      <c r="J26837" s="2">
        <v>0</v>
      </c>
      <c r="K26837" s="2">
        <v>0</v>
      </c>
      <c r="L26837" t="s">
        <v>120</v>
      </c>
      <c r="M26837" t="s">
        <v>83</v>
      </c>
      <c r="N26837" t="s">
        <v>91</v>
      </c>
      <c r="O26837" t="s">
        <v>85</v>
      </c>
      <c r="P26837" t="s">
        <v>86</v>
      </c>
      <c r="Q26837">
        <v>18</v>
      </c>
      <c r="R26837">
        <v>18</v>
      </c>
      <c r="S26837">
        <v>18</v>
      </c>
      <c r="T26837">
        <v>18</v>
      </c>
      <c r="U26837">
        <v>19</v>
      </c>
      <c r="V26837">
        <v>19</v>
      </c>
      <c r="W26837">
        <v>19</v>
      </c>
      <c r="X26837">
        <v>19</v>
      </c>
      <c r="Y26837">
        <v>20</v>
      </c>
      <c r="Z26837">
        <v>20</v>
      </c>
      <c r="AA26837">
        <v>20</v>
      </c>
      <c r="AB26837">
        <v>20</v>
      </c>
      <c r="AC26837">
        <v>21</v>
      </c>
      <c r="AD26837">
        <v>21</v>
      </c>
      <c r="AE26837">
        <v>21</v>
      </c>
      <c r="AF26837">
        <v>22</v>
      </c>
      <c r="AG26837">
        <v>22</v>
      </c>
      <c r="AH26837">
        <v>22</v>
      </c>
      <c r="AI26837">
        <v>22</v>
      </c>
      <c r="AJ26837">
        <v>23</v>
      </c>
      <c r="AK26837">
        <v>23</v>
      </c>
      <c r="AL26837">
        <v>23</v>
      </c>
      <c r="AM26837">
        <v>23</v>
      </c>
      <c r="AN26837">
        <v>23</v>
      </c>
      <c r="AO26837">
        <v>24</v>
      </c>
      <c r="AP26837">
        <v>24</v>
      </c>
      <c r="AQ26837">
        <v>24</v>
      </c>
    </row>
    <row r="26838" spans="1:43">
      <c r="A26838" t="s">
        <v>16605</v>
      </c>
      <c r="B26838" t="s">
        <v>16606</v>
      </c>
      <c r="C26838" t="s">
        <v>16603</v>
      </c>
      <c r="D26838" t="s">
        <v>16604</v>
      </c>
      <c r="E26838" t="s">
        <v>16557</v>
      </c>
      <c r="F26838" t="s">
        <v>16558</v>
      </c>
      <c r="G26838" t="s">
        <v>16559</v>
      </c>
      <c r="H26838" t="s">
        <v>16560</v>
      </c>
      <c r="I26838" s="2">
        <v>1</v>
      </c>
      <c r="J26838" s="2">
        <v>0</v>
      </c>
      <c r="K26838" s="2">
        <v>0</v>
      </c>
      <c r="L26838" t="s">
        <v>120</v>
      </c>
      <c r="M26838" t="s">
        <v>83</v>
      </c>
      <c r="N26838" t="s">
        <v>84</v>
      </c>
      <c r="O26838" t="s">
        <v>85</v>
      </c>
      <c r="P26838" t="s">
        <v>86</v>
      </c>
      <c r="Q26838">
        <v>6</v>
      </c>
      <c r="R26838">
        <v>6</v>
      </c>
      <c r="S26838">
        <v>6</v>
      </c>
      <c r="T26838">
        <v>6</v>
      </c>
      <c r="U26838">
        <v>6</v>
      </c>
      <c r="V26838">
        <v>6</v>
      </c>
      <c r="W26838">
        <v>6</v>
      </c>
      <c r="X26838">
        <v>6</v>
      </c>
      <c r="Y26838">
        <v>6</v>
      </c>
      <c r="Z26838">
        <v>7</v>
      </c>
      <c r="AA26838">
        <v>7</v>
      </c>
      <c r="AB26838">
        <v>7</v>
      </c>
      <c r="AC26838">
        <v>7</v>
      </c>
      <c r="AD26838">
        <v>7</v>
      </c>
      <c r="AE26838">
        <v>7</v>
      </c>
      <c r="AF26838">
        <v>7</v>
      </c>
      <c r="AG26838">
        <v>7</v>
      </c>
      <c r="AH26838">
        <v>7</v>
      </c>
      <c r="AI26838">
        <v>7</v>
      </c>
      <c r="AJ26838">
        <v>7</v>
      </c>
      <c r="AK26838">
        <v>8</v>
      </c>
      <c r="AL26838">
        <v>8</v>
      </c>
      <c r="AM26838">
        <v>8</v>
      </c>
      <c r="AN26838">
        <v>8</v>
      </c>
      <c r="AO26838">
        <v>8</v>
      </c>
      <c r="AP26838">
        <v>8</v>
      </c>
      <c r="AQ26838">
        <v>8</v>
      </c>
    </row>
    <row r="26839" spans="1:43">
      <c r="A26839" t="s">
        <v>16605</v>
      </c>
      <c r="B26839" t="s">
        <v>16606</v>
      </c>
      <c r="C26839" t="s">
        <v>16603</v>
      </c>
      <c r="D26839" t="s">
        <v>16604</v>
      </c>
      <c r="E26839" t="s">
        <v>16557</v>
      </c>
      <c r="F26839" t="s">
        <v>16558</v>
      </c>
      <c r="G26839" t="s">
        <v>16559</v>
      </c>
      <c r="H26839" t="s">
        <v>16560</v>
      </c>
      <c r="I26839" s="2">
        <v>1</v>
      </c>
      <c r="J26839" s="2">
        <v>0</v>
      </c>
      <c r="K26839" s="2">
        <v>0</v>
      </c>
      <c r="L26839" t="s">
        <v>120</v>
      </c>
      <c r="M26839" t="s">
        <v>87</v>
      </c>
      <c r="N26839" t="s">
        <v>88</v>
      </c>
      <c r="O26839" t="s">
        <v>85</v>
      </c>
      <c r="P26839" t="s">
        <v>86</v>
      </c>
      <c r="Q26839">
        <v>6</v>
      </c>
      <c r="R26839">
        <v>6</v>
      </c>
      <c r="S26839">
        <v>6</v>
      </c>
      <c r="T26839">
        <v>6</v>
      </c>
      <c r="U26839">
        <v>6</v>
      </c>
      <c r="V26839">
        <v>6</v>
      </c>
      <c r="W26839">
        <v>6</v>
      </c>
      <c r="X26839">
        <v>6</v>
      </c>
      <c r="Y26839">
        <v>6</v>
      </c>
      <c r="Z26839">
        <v>6</v>
      </c>
      <c r="AA26839">
        <v>6</v>
      </c>
      <c r="AB26839">
        <v>6</v>
      </c>
      <c r="AC26839">
        <v>6</v>
      </c>
      <c r="AD26839">
        <v>6</v>
      </c>
      <c r="AE26839">
        <v>6</v>
      </c>
      <c r="AF26839">
        <v>6</v>
      </c>
      <c r="AG26839">
        <v>6</v>
      </c>
      <c r="AH26839">
        <v>6</v>
      </c>
      <c r="AI26839">
        <v>6</v>
      </c>
      <c r="AJ26839">
        <v>6</v>
      </c>
      <c r="AK26839">
        <v>6</v>
      </c>
      <c r="AL26839">
        <v>6</v>
      </c>
      <c r="AM26839">
        <v>7</v>
      </c>
      <c r="AN26839">
        <v>7</v>
      </c>
      <c r="AO26839">
        <v>7</v>
      </c>
      <c r="AP26839">
        <v>7</v>
      </c>
      <c r="AQ26839">
        <v>7</v>
      </c>
    </row>
    <row r="26840" spans="1:43">
      <c r="A26840" t="s">
        <v>16605</v>
      </c>
      <c r="B26840" t="s">
        <v>16606</v>
      </c>
      <c r="C26840" t="s">
        <v>16603</v>
      </c>
      <c r="D26840" t="s">
        <v>16604</v>
      </c>
      <c r="E26840" t="s">
        <v>16557</v>
      </c>
      <c r="F26840" t="s">
        <v>16558</v>
      </c>
      <c r="G26840" t="s">
        <v>16559</v>
      </c>
      <c r="H26840" t="s">
        <v>16560</v>
      </c>
      <c r="I26840" s="2">
        <v>1</v>
      </c>
      <c r="J26840" s="2">
        <v>0</v>
      </c>
      <c r="K26840" s="2">
        <v>0</v>
      </c>
      <c r="L26840" t="s">
        <v>120</v>
      </c>
      <c r="M26840" t="s">
        <v>89</v>
      </c>
      <c r="N26840" t="s">
        <v>90</v>
      </c>
      <c r="O26840" t="s">
        <v>85</v>
      </c>
      <c r="P26840" t="s">
        <v>86</v>
      </c>
      <c r="Q26840">
        <v>6</v>
      </c>
      <c r="R26840">
        <v>6</v>
      </c>
      <c r="S26840">
        <v>6</v>
      </c>
      <c r="T26840">
        <v>6</v>
      </c>
      <c r="U26840">
        <v>6</v>
      </c>
      <c r="V26840">
        <v>6</v>
      </c>
      <c r="W26840">
        <v>7</v>
      </c>
      <c r="X26840">
        <v>7</v>
      </c>
      <c r="Y26840">
        <v>7</v>
      </c>
      <c r="Z26840">
        <v>7</v>
      </c>
      <c r="AA26840">
        <v>7</v>
      </c>
      <c r="AB26840">
        <v>7</v>
      </c>
      <c r="AC26840">
        <v>7</v>
      </c>
      <c r="AD26840">
        <v>7</v>
      </c>
      <c r="AE26840">
        <v>7</v>
      </c>
      <c r="AF26840">
        <v>7</v>
      </c>
      <c r="AG26840">
        <v>7</v>
      </c>
      <c r="AH26840">
        <v>8</v>
      </c>
      <c r="AI26840">
        <v>8</v>
      </c>
      <c r="AJ26840">
        <v>8</v>
      </c>
      <c r="AK26840">
        <v>8</v>
      </c>
      <c r="AL26840">
        <v>8</v>
      </c>
      <c r="AM26840">
        <v>8</v>
      </c>
      <c r="AN26840">
        <v>8</v>
      </c>
      <c r="AO26840">
        <v>8</v>
      </c>
      <c r="AP26840">
        <v>8</v>
      </c>
      <c r="AQ26840">
        <v>8</v>
      </c>
    </row>
    <row r="26841" spans="1:43">
      <c r="A26841" t="s">
        <v>16605</v>
      </c>
      <c r="B26841" t="s">
        <v>16606</v>
      </c>
      <c r="C26841" t="s">
        <v>16603</v>
      </c>
      <c r="D26841" t="s">
        <v>16604</v>
      </c>
      <c r="E26841" t="s">
        <v>16557</v>
      </c>
      <c r="F26841" t="s">
        <v>16558</v>
      </c>
      <c r="G26841" t="s">
        <v>16559</v>
      </c>
      <c r="H26841" t="s">
        <v>16560</v>
      </c>
      <c r="I26841" s="2">
        <v>1</v>
      </c>
      <c r="J26841" s="2">
        <v>0</v>
      </c>
      <c r="K26841" s="2">
        <v>0</v>
      </c>
      <c r="L26841" t="s">
        <v>120</v>
      </c>
      <c r="M26841" t="s">
        <v>83</v>
      </c>
      <c r="N26841" t="s">
        <v>91</v>
      </c>
      <c r="O26841" t="s">
        <v>85</v>
      </c>
      <c r="P26841" t="s">
        <v>86</v>
      </c>
      <c r="Q26841">
        <v>6</v>
      </c>
      <c r="R26841">
        <v>6</v>
      </c>
      <c r="S26841">
        <v>6</v>
      </c>
      <c r="T26841">
        <v>6</v>
      </c>
      <c r="U26841">
        <v>6</v>
      </c>
      <c r="V26841">
        <v>6</v>
      </c>
      <c r="W26841">
        <v>6</v>
      </c>
      <c r="X26841">
        <v>6</v>
      </c>
      <c r="Y26841">
        <v>6</v>
      </c>
      <c r="Z26841">
        <v>7</v>
      </c>
      <c r="AA26841">
        <v>7</v>
      </c>
      <c r="AB26841">
        <v>7</v>
      </c>
      <c r="AC26841">
        <v>7</v>
      </c>
      <c r="AD26841">
        <v>7</v>
      </c>
      <c r="AE26841">
        <v>7</v>
      </c>
      <c r="AF26841">
        <v>7</v>
      </c>
      <c r="AG26841">
        <v>7</v>
      </c>
      <c r="AH26841">
        <v>7</v>
      </c>
      <c r="AI26841">
        <v>7</v>
      </c>
      <c r="AJ26841">
        <v>7</v>
      </c>
      <c r="AK26841">
        <v>8</v>
      </c>
      <c r="AL26841">
        <v>8</v>
      </c>
      <c r="AM26841">
        <v>8</v>
      </c>
      <c r="AN26841">
        <v>8</v>
      </c>
      <c r="AO26841">
        <v>8</v>
      </c>
      <c r="AP26841">
        <v>8</v>
      </c>
      <c r="AQ26841">
        <v>8</v>
      </c>
    </row>
    <row r="26842" spans="1:43">
      <c r="A26842" t="s">
        <v>16607</v>
      </c>
      <c r="B26842" t="s">
        <v>16608</v>
      </c>
      <c r="C26842" t="s">
        <v>16603</v>
      </c>
      <c r="D26842" t="s">
        <v>16604</v>
      </c>
      <c r="E26842" t="s">
        <v>16557</v>
      </c>
      <c r="F26842" t="s">
        <v>16558</v>
      </c>
      <c r="G26842" t="s">
        <v>16559</v>
      </c>
      <c r="H26842" t="s">
        <v>16560</v>
      </c>
      <c r="I26842" s="2">
        <v>1</v>
      </c>
      <c r="J26842" s="2">
        <v>0</v>
      </c>
      <c r="K26842" s="2">
        <v>0</v>
      </c>
      <c r="L26842" t="s">
        <v>120</v>
      </c>
      <c r="M26842" t="s">
        <v>83</v>
      </c>
      <c r="N26842" t="s">
        <v>84</v>
      </c>
      <c r="O26842" t="s">
        <v>85</v>
      </c>
      <c r="P26842" t="s">
        <v>86</v>
      </c>
      <c r="Q26842">
        <v>12</v>
      </c>
      <c r="R26842">
        <v>12</v>
      </c>
      <c r="S26842">
        <v>12</v>
      </c>
      <c r="T26842">
        <v>12</v>
      </c>
      <c r="U26842">
        <v>12</v>
      </c>
      <c r="V26842">
        <v>12</v>
      </c>
      <c r="W26842">
        <v>13</v>
      </c>
      <c r="X26842">
        <v>13</v>
      </c>
      <c r="Y26842">
        <v>13</v>
      </c>
      <c r="Z26842">
        <v>13</v>
      </c>
      <c r="AA26842">
        <v>13</v>
      </c>
      <c r="AB26842">
        <v>13</v>
      </c>
      <c r="AC26842">
        <v>14</v>
      </c>
      <c r="AD26842">
        <v>14</v>
      </c>
      <c r="AE26842">
        <v>14</v>
      </c>
      <c r="AF26842">
        <v>14</v>
      </c>
      <c r="AG26842">
        <v>14</v>
      </c>
      <c r="AH26842">
        <v>15</v>
      </c>
      <c r="AI26842">
        <v>15</v>
      </c>
      <c r="AJ26842">
        <v>15</v>
      </c>
      <c r="AK26842">
        <v>15</v>
      </c>
      <c r="AL26842">
        <v>15</v>
      </c>
      <c r="AM26842">
        <v>15</v>
      </c>
      <c r="AN26842">
        <v>15</v>
      </c>
      <c r="AO26842">
        <v>16</v>
      </c>
      <c r="AP26842">
        <v>16</v>
      </c>
      <c r="AQ26842">
        <v>16</v>
      </c>
    </row>
    <row r="26843" spans="1:43">
      <c r="A26843" t="s">
        <v>16607</v>
      </c>
      <c r="B26843" t="s">
        <v>16608</v>
      </c>
      <c r="C26843" t="s">
        <v>16603</v>
      </c>
      <c r="D26843" t="s">
        <v>16604</v>
      </c>
      <c r="E26843" t="s">
        <v>16557</v>
      </c>
      <c r="F26843" t="s">
        <v>16558</v>
      </c>
      <c r="G26843" t="s">
        <v>16559</v>
      </c>
      <c r="H26843" t="s">
        <v>16560</v>
      </c>
      <c r="I26843" s="2">
        <v>1</v>
      </c>
      <c r="J26843" s="2">
        <v>0</v>
      </c>
      <c r="K26843" s="2">
        <v>0</v>
      </c>
      <c r="L26843" t="s">
        <v>120</v>
      </c>
      <c r="M26843" t="s">
        <v>87</v>
      </c>
      <c r="N26843" t="s">
        <v>88</v>
      </c>
      <c r="O26843" t="s">
        <v>85</v>
      </c>
      <c r="P26843" t="s">
        <v>86</v>
      </c>
      <c r="Q26843">
        <v>12</v>
      </c>
      <c r="R26843">
        <v>12</v>
      </c>
      <c r="S26843">
        <v>13</v>
      </c>
      <c r="T26843">
        <v>13</v>
      </c>
      <c r="U26843">
        <v>13</v>
      </c>
      <c r="V26843">
        <v>13</v>
      </c>
      <c r="W26843">
        <v>13</v>
      </c>
      <c r="X26843">
        <v>13</v>
      </c>
      <c r="Y26843">
        <v>13</v>
      </c>
      <c r="Z26843">
        <v>13</v>
      </c>
      <c r="AA26843">
        <v>13</v>
      </c>
      <c r="AB26843">
        <v>13</v>
      </c>
      <c r="AC26843">
        <v>13</v>
      </c>
      <c r="AD26843">
        <v>13</v>
      </c>
      <c r="AE26843">
        <v>13</v>
      </c>
      <c r="AF26843">
        <v>13</v>
      </c>
      <c r="AG26843">
        <v>14</v>
      </c>
      <c r="AH26843">
        <v>14</v>
      </c>
      <c r="AI26843">
        <v>14</v>
      </c>
      <c r="AJ26843">
        <v>14</v>
      </c>
      <c r="AK26843">
        <v>14</v>
      </c>
      <c r="AL26843">
        <v>14</v>
      </c>
      <c r="AM26843">
        <v>14</v>
      </c>
      <c r="AN26843">
        <v>14</v>
      </c>
      <c r="AO26843">
        <v>14</v>
      </c>
      <c r="AP26843">
        <v>14</v>
      </c>
      <c r="AQ26843">
        <v>15</v>
      </c>
    </row>
    <row r="26844" spans="1:43">
      <c r="A26844" t="s">
        <v>16607</v>
      </c>
      <c r="B26844" t="s">
        <v>16608</v>
      </c>
      <c r="C26844" t="s">
        <v>16603</v>
      </c>
      <c r="D26844" t="s">
        <v>16604</v>
      </c>
      <c r="E26844" t="s">
        <v>16557</v>
      </c>
      <c r="F26844" t="s">
        <v>16558</v>
      </c>
      <c r="G26844" t="s">
        <v>16559</v>
      </c>
      <c r="H26844" t="s">
        <v>16560</v>
      </c>
      <c r="I26844" s="2">
        <v>1</v>
      </c>
      <c r="J26844" s="2">
        <v>0</v>
      </c>
      <c r="K26844" s="2">
        <v>0</v>
      </c>
      <c r="L26844" t="s">
        <v>120</v>
      </c>
      <c r="M26844" t="s">
        <v>89</v>
      </c>
      <c r="N26844" t="s">
        <v>90</v>
      </c>
      <c r="O26844" t="s">
        <v>85</v>
      </c>
      <c r="P26844" t="s">
        <v>86</v>
      </c>
      <c r="Q26844">
        <v>12</v>
      </c>
      <c r="R26844">
        <v>12</v>
      </c>
      <c r="S26844">
        <v>12</v>
      </c>
      <c r="T26844">
        <v>12</v>
      </c>
      <c r="U26844">
        <v>13</v>
      </c>
      <c r="V26844">
        <v>13</v>
      </c>
      <c r="W26844">
        <v>13</v>
      </c>
      <c r="X26844">
        <v>13</v>
      </c>
      <c r="Y26844">
        <v>14</v>
      </c>
      <c r="Z26844">
        <v>14</v>
      </c>
      <c r="AA26844">
        <v>14</v>
      </c>
      <c r="AB26844">
        <v>14</v>
      </c>
      <c r="AC26844">
        <v>15</v>
      </c>
      <c r="AD26844">
        <v>15</v>
      </c>
      <c r="AE26844">
        <v>15</v>
      </c>
      <c r="AF26844">
        <v>15</v>
      </c>
      <c r="AG26844">
        <v>15</v>
      </c>
      <c r="AH26844">
        <v>15</v>
      </c>
      <c r="AI26844">
        <v>15</v>
      </c>
      <c r="AJ26844">
        <v>15</v>
      </c>
      <c r="AK26844">
        <v>15</v>
      </c>
      <c r="AL26844">
        <v>15</v>
      </c>
      <c r="AM26844">
        <v>15</v>
      </c>
      <c r="AN26844">
        <v>16</v>
      </c>
      <c r="AO26844">
        <v>16</v>
      </c>
      <c r="AP26844">
        <v>16</v>
      </c>
      <c r="AQ26844">
        <v>16</v>
      </c>
    </row>
    <row r="26845" spans="1:43">
      <c r="A26845" t="s">
        <v>16607</v>
      </c>
      <c r="B26845" t="s">
        <v>16608</v>
      </c>
      <c r="C26845" t="s">
        <v>16603</v>
      </c>
      <c r="D26845" t="s">
        <v>16604</v>
      </c>
      <c r="E26845" t="s">
        <v>16557</v>
      </c>
      <c r="F26845" t="s">
        <v>16558</v>
      </c>
      <c r="G26845" t="s">
        <v>16559</v>
      </c>
      <c r="H26845" t="s">
        <v>16560</v>
      </c>
      <c r="I26845" s="2">
        <v>1</v>
      </c>
      <c r="J26845" s="2">
        <v>0</v>
      </c>
      <c r="K26845" s="2">
        <v>0</v>
      </c>
      <c r="L26845" t="s">
        <v>120</v>
      </c>
      <c r="M26845" t="s">
        <v>83</v>
      </c>
      <c r="N26845" t="s">
        <v>91</v>
      </c>
      <c r="O26845" t="s">
        <v>85</v>
      </c>
      <c r="P26845" t="s">
        <v>86</v>
      </c>
      <c r="Q26845">
        <v>12</v>
      </c>
      <c r="R26845">
        <v>12</v>
      </c>
      <c r="S26845">
        <v>12</v>
      </c>
      <c r="T26845">
        <v>12</v>
      </c>
      <c r="U26845">
        <v>12</v>
      </c>
      <c r="V26845">
        <v>12</v>
      </c>
      <c r="W26845">
        <v>13</v>
      </c>
      <c r="X26845">
        <v>13</v>
      </c>
      <c r="Y26845">
        <v>13</v>
      </c>
      <c r="Z26845">
        <v>13</v>
      </c>
      <c r="AA26845">
        <v>13</v>
      </c>
      <c r="AB26845">
        <v>13</v>
      </c>
      <c r="AC26845">
        <v>14</v>
      </c>
      <c r="AD26845">
        <v>14</v>
      </c>
      <c r="AE26845">
        <v>14</v>
      </c>
      <c r="AF26845">
        <v>14</v>
      </c>
      <c r="AG26845">
        <v>14</v>
      </c>
      <c r="AH26845">
        <v>15</v>
      </c>
      <c r="AI26845">
        <v>15</v>
      </c>
      <c r="AJ26845">
        <v>15</v>
      </c>
      <c r="AK26845">
        <v>15</v>
      </c>
      <c r="AL26845">
        <v>15</v>
      </c>
      <c r="AM26845">
        <v>15</v>
      </c>
      <c r="AN26845">
        <v>15</v>
      </c>
      <c r="AO26845">
        <v>16</v>
      </c>
      <c r="AP26845">
        <v>16</v>
      </c>
      <c r="AQ26845">
        <v>16</v>
      </c>
    </row>
    <row r="26846" spans="1:43">
      <c r="A26846" t="s">
        <v>16609</v>
      </c>
      <c r="B26846" t="s">
        <v>16610</v>
      </c>
      <c r="C26846" t="s">
        <v>16603</v>
      </c>
      <c r="D26846" t="s">
        <v>16604</v>
      </c>
      <c r="E26846" t="s">
        <v>16557</v>
      </c>
      <c r="F26846" t="s">
        <v>16558</v>
      </c>
      <c r="G26846" t="s">
        <v>16559</v>
      </c>
      <c r="H26846" t="s">
        <v>16560</v>
      </c>
      <c r="I26846" s="2">
        <v>1</v>
      </c>
      <c r="J26846" s="2">
        <v>0</v>
      </c>
      <c r="K26846" s="2">
        <v>0</v>
      </c>
      <c r="L26846" t="s">
        <v>120</v>
      </c>
      <c r="M26846" t="s">
        <v>83</v>
      </c>
      <c r="N26846" t="s">
        <v>84</v>
      </c>
      <c r="O26846" t="s">
        <v>85</v>
      </c>
      <c r="P26846" t="s">
        <v>86</v>
      </c>
      <c r="Q26846">
        <v>21</v>
      </c>
      <c r="R26846">
        <v>21</v>
      </c>
      <c r="S26846">
        <v>21</v>
      </c>
      <c r="T26846">
        <v>22</v>
      </c>
      <c r="U26846">
        <v>22</v>
      </c>
      <c r="V26846">
        <v>22</v>
      </c>
      <c r="W26846">
        <v>23</v>
      </c>
      <c r="X26846">
        <v>23</v>
      </c>
      <c r="Y26846">
        <v>23</v>
      </c>
      <c r="Z26846">
        <v>24</v>
      </c>
      <c r="AA26846">
        <v>24</v>
      </c>
      <c r="AB26846">
        <v>24</v>
      </c>
      <c r="AC26846">
        <v>25</v>
      </c>
      <c r="AD26846">
        <v>25</v>
      </c>
      <c r="AE26846">
        <v>25</v>
      </c>
      <c r="AF26846">
        <v>26</v>
      </c>
      <c r="AG26846">
        <v>26</v>
      </c>
      <c r="AH26846">
        <v>26</v>
      </c>
      <c r="AI26846">
        <v>27</v>
      </c>
      <c r="AJ26846">
        <v>27</v>
      </c>
      <c r="AK26846">
        <v>28</v>
      </c>
      <c r="AL26846">
        <v>28</v>
      </c>
      <c r="AM26846">
        <v>28</v>
      </c>
      <c r="AN26846">
        <v>28</v>
      </c>
      <c r="AO26846">
        <v>28</v>
      </c>
      <c r="AP26846">
        <v>29</v>
      </c>
      <c r="AQ26846">
        <v>29</v>
      </c>
    </row>
    <row r="26847" spans="1:43">
      <c r="A26847" t="s">
        <v>16609</v>
      </c>
      <c r="B26847" t="s">
        <v>16610</v>
      </c>
      <c r="C26847" t="s">
        <v>16603</v>
      </c>
      <c r="D26847" t="s">
        <v>16604</v>
      </c>
      <c r="E26847" t="s">
        <v>16557</v>
      </c>
      <c r="F26847" t="s">
        <v>16558</v>
      </c>
      <c r="G26847" t="s">
        <v>16559</v>
      </c>
      <c r="H26847" t="s">
        <v>16560</v>
      </c>
      <c r="I26847" s="2">
        <v>1</v>
      </c>
      <c r="J26847" s="2">
        <v>0</v>
      </c>
      <c r="K26847" s="2">
        <v>0</v>
      </c>
      <c r="L26847" t="s">
        <v>120</v>
      </c>
      <c r="M26847" t="s">
        <v>87</v>
      </c>
      <c r="N26847" t="s">
        <v>88</v>
      </c>
      <c r="O26847" t="s">
        <v>85</v>
      </c>
      <c r="P26847" t="s">
        <v>86</v>
      </c>
      <c r="Q26847">
        <v>21</v>
      </c>
      <c r="R26847">
        <v>22</v>
      </c>
      <c r="S26847">
        <v>22</v>
      </c>
      <c r="T26847">
        <v>22</v>
      </c>
      <c r="U26847">
        <v>22</v>
      </c>
      <c r="V26847">
        <v>22</v>
      </c>
      <c r="W26847">
        <v>22</v>
      </c>
      <c r="X26847">
        <v>22</v>
      </c>
      <c r="Y26847">
        <v>22</v>
      </c>
      <c r="Z26847">
        <v>23</v>
      </c>
      <c r="AA26847">
        <v>23</v>
      </c>
      <c r="AB26847">
        <v>23</v>
      </c>
      <c r="AC26847">
        <v>23</v>
      </c>
      <c r="AD26847">
        <v>23</v>
      </c>
      <c r="AE26847">
        <v>23</v>
      </c>
      <c r="AF26847">
        <v>24</v>
      </c>
      <c r="AG26847">
        <v>24</v>
      </c>
      <c r="AH26847">
        <v>24</v>
      </c>
      <c r="AI26847">
        <v>24</v>
      </c>
      <c r="AJ26847">
        <v>24</v>
      </c>
      <c r="AK26847">
        <v>25</v>
      </c>
      <c r="AL26847">
        <v>25</v>
      </c>
      <c r="AM26847">
        <v>25</v>
      </c>
      <c r="AN26847">
        <v>25</v>
      </c>
      <c r="AO26847">
        <v>26</v>
      </c>
      <c r="AP26847">
        <v>26</v>
      </c>
      <c r="AQ26847">
        <v>26</v>
      </c>
    </row>
    <row r="26848" spans="1:43">
      <c r="A26848" t="s">
        <v>16609</v>
      </c>
      <c r="B26848" t="s">
        <v>16610</v>
      </c>
      <c r="C26848" t="s">
        <v>16603</v>
      </c>
      <c r="D26848" t="s">
        <v>16604</v>
      </c>
      <c r="E26848" t="s">
        <v>16557</v>
      </c>
      <c r="F26848" t="s">
        <v>16558</v>
      </c>
      <c r="G26848" t="s">
        <v>16559</v>
      </c>
      <c r="H26848" t="s">
        <v>16560</v>
      </c>
      <c r="I26848" s="2">
        <v>1</v>
      </c>
      <c r="J26848" s="2">
        <v>0</v>
      </c>
      <c r="K26848" s="2">
        <v>0</v>
      </c>
      <c r="L26848" t="s">
        <v>120</v>
      </c>
      <c r="M26848" t="s">
        <v>89</v>
      </c>
      <c r="N26848" t="s">
        <v>90</v>
      </c>
      <c r="O26848" t="s">
        <v>85</v>
      </c>
      <c r="P26848" t="s">
        <v>86</v>
      </c>
      <c r="Q26848">
        <v>21</v>
      </c>
      <c r="R26848">
        <v>21</v>
      </c>
      <c r="S26848">
        <v>22</v>
      </c>
      <c r="T26848">
        <v>22</v>
      </c>
      <c r="U26848">
        <v>23</v>
      </c>
      <c r="V26848">
        <v>23</v>
      </c>
      <c r="W26848">
        <v>24</v>
      </c>
      <c r="X26848">
        <v>24</v>
      </c>
      <c r="Y26848">
        <v>25</v>
      </c>
      <c r="Z26848">
        <v>25</v>
      </c>
      <c r="AA26848">
        <v>25</v>
      </c>
      <c r="AB26848">
        <v>26</v>
      </c>
      <c r="AC26848">
        <v>26</v>
      </c>
      <c r="AD26848">
        <v>27</v>
      </c>
      <c r="AE26848">
        <v>27</v>
      </c>
      <c r="AF26848">
        <v>27</v>
      </c>
      <c r="AG26848">
        <v>27</v>
      </c>
      <c r="AH26848">
        <v>28</v>
      </c>
      <c r="AI26848">
        <v>28</v>
      </c>
      <c r="AJ26848">
        <v>28</v>
      </c>
      <c r="AK26848">
        <v>28</v>
      </c>
      <c r="AL26848">
        <v>28</v>
      </c>
      <c r="AM26848">
        <v>29</v>
      </c>
      <c r="AN26848">
        <v>29</v>
      </c>
      <c r="AO26848">
        <v>29</v>
      </c>
      <c r="AP26848">
        <v>29</v>
      </c>
      <c r="AQ26848">
        <v>29</v>
      </c>
    </row>
    <row r="26849" spans="1:43">
      <c r="A26849" t="s">
        <v>16609</v>
      </c>
      <c r="B26849" t="s">
        <v>16610</v>
      </c>
      <c r="C26849" t="s">
        <v>16603</v>
      </c>
      <c r="D26849" t="s">
        <v>16604</v>
      </c>
      <c r="E26849" t="s">
        <v>16557</v>
      </c>
      <c r="F26849" t="s">
        <v>16558</v>
      </c>
      <c r="G26849" t="s">
        <v>16559</v>
      </c>
      <c r="H26849" t="s">
        <v>16560</v>
      </c>
      <c r="I26849" s="2">
        <v>1</v>
      </c>
      <c r="J26849" s="2">
        <v>0</v>
      </c>
      <c r="K26849" s="2">
        <v>0</v>
      </c>
      <c r="L26849" t="s">
        <v>120</v>
      </c>
      <c r="M26849" t="s">
        <v>83</v>
      </c>
      <c r="N26849" t="s">
        <v>91</v>
      </c>
      <c r="O26849" t="s">
        <v>85</v>
      </c>
      <c r="P26849" t="s">
        <v>86</v>
      </c>
      <c r="Q26849">
        <v>21</v>
      </c>
      <c r="R26849">
        <v>21</v>
      </c>
      <c r="S26849">
        <v>21</v>
      </c>
      <c r="T26849">
        <v>22</v>
      </c>
      <c r="U26849">
        <v>22</v>
      </c>
      <c r="V26849">
        <v>22</v>
      </c>
      <c r="W26849">
        <v>23</v>
      </c>
      <c r="X26849">
        <v>23</v>
      </c>
      <c r="Y26849">
        <v>23</v>
      </c>
      <c r="Z26849">
        <v>24</v>
      </c>
      <c r="AA26849">
        <v>24</v>
      </c>
      <c r="AB26849">
        <v>24</v>
      </c>
      <c r="AC26849">
        <v>25</v>
      </c>
      <c r="AD26849">
        <v>25</v>
      </c>
      <c r="AE26849">
        <v>25</v>
      </c>
      <c r="AF26849">
        <v>26</v>
      </c>
      <c r="AG26849">
        <v>26</v>
      </c>
      <c r="AH26849">
        <v>26</v>
      </c>
      <c r="AI26849">
        <v>27</v>
      </c>
      <c r="AJ26849">
        <v>27</v>
      </c>
      <c r="AK26849">
        <v>28</v>
      </c>
      <c r="AL26849">
        <v>28</v>
      </c>
      <c r="AM26849">
        <v>28</v>
      </c>
      <c r="AN26849">
        <v>28</v>
      </c>
      <c r="AO26849">
        <v>28</v>
      </c>
      <c r="AP26849">
        <v>29</v>
      </c>
      <c r="AQ26849">
        <v>29</v>
      </c>
    </row>
    <row r="26850" spans="1:43">
      <c r="A26850" t="s">
        <v>16611</v>
      </c>
      <c r="B26850" t="s">
        <v>16612</v>
      </c>
      <c r="C26850" t="s">
        <v>16613</v>
      </c>
      <c r="D26850" t="s">
        <v>16614</v>
      </c>
      <c r="E26850" t="s">
        <v>16557</v>
      </c>
      <c r="F26850" t="s">
        <v>16558</v>
      </c>
      <c r="G26850" t="s">
        <v>16559</v>
      </c>
      <c r="H26850" t="s">
        <v>16560</v>
      </c>
      <c r="I26850" s="2">
        <v>1</v>
      </c>
      <c r="J26850" s="2">
        <v>0</v>
      </c>
      <c r="K26850" s="2">
        <v>0</v>
      </c>
      <c r="L26850" t="s">
        <v>120</v>
      </c>
      <c r="M26850" t="s">
        <v>83</v>
      </c>
      <c r="N26850" t="s">
        <v>84</v>
      </c>
      <c r="O26850" t="s">
        <v>85</v>
      </c>
      <c r="P26850" t="s">
        <v>86</v>
      </c>
      <c r="Q26850">
        <v>32</v>
      </c>
      <c r="R26850">
        <v>32</v>
      </c>
      <c r="S26850">
        <v>33</v>
      </c>
      <c r="T26850">
        <v>33</v>
      </c>
      <c r="U26850">
        <v>34</v>
      </c>
      <c r="V26850">
        <v>34</v>
      </c>
      <c r="W26850">
        <v>35</v>
      </c>
      <c r="X26850">
        <v>35</v>
      </c>
      <c r="Y26850">
        <v>36</v>
      </c>
      <c r="Z26850">
        <v>36</v>
      </c>
      <c r="AA26850">
        <v>37</v>
      </c>
      <c r="AB26850">
        <v>37</v>
      </c>
      <c r="AC26850">
        <v>38</v>
      </c>
      <c r="AD26850">
        <v>38</v>
      </c>
      <c r="AE26850">
        <v>39</v>
      </c>
      <c r="AF26850">
        <v>39</v>
      </c>
      <c r="AG26850">
        <v>40</v>
      </c>
      <c r="AH26850">
        <v>40</v>
      </c>
      <c r="AI26850">
        <v>41</v>
      </c>
      <c r="AJ26850">
        <v>42</v>
      </c>
      <c r="AK26850">
        <v>42</v>
      </c>
      <c r="AL26850">
        <v>42</v>
      </c>
      <c r="AM26850">
        <v>43</v>
      </c>
      <c r="AN26850">
        <v>43</v>
      </c>
      <c r="AO26850">
        <v>43</v>
      </c>
      <c r="AP26850">
        <v>43</v>
      </c>
      <c r="AQ26850">
        <v>44</v>
      </c>
    </row>
    <row r="26851" spans="1:43">
      <c r="A26851" t="s">
        <v>16611</v>
      </c>
      <c r="B26851" t="s">
        <v>16612</v>
      </c>
      <c r="C26851" t="s">
        <v>16613</v>
      </c>
      <c r="D26851" t="s">
        <v>16614</v>
      </c>
      <c r="E26851" t="s">
        <v>16557</v>
      </c>
      <c r="F26851" t="s">
        <v>16558</v>
      </c>
      <c r="G26851" t="s">
        <v>16559</v>
      </c>
      <c r="H26851" t="s">
        <v>16560</v>
      </c>
      <c r="I26851" s="2">
        <v>1</v>
      </c>
      <c r="J26851" s="2">
        <v>0</v>
      </c>
      <c r="K26851" s="2">
        <v>0</v>
      </c>
      <c r="L26851" t="s">
        <v>120</v>
      </c>
      <c r="M26851" t="s">
        <v>87</v>
      </c>
      <c r="N26851" t="s">
        <v>88</v>
      </c>
      <c r="O26851" t="s">
        <v>85</v>
      </c>
      <c r="P26851" t="s">
        <v>86</v>
      </c>
      <c r="Q26851">
        <v>32</v>
      </c>
      <c r="R26851">
        <v>32</v>
      </c>
      <c r="S26851">
        <v>32</v>
      </c>
      <c r="T26851">
        <v>32</v>
      </c>
      <c r="U26851">
        <v>32</v>
      </c>
      <c r="V26851">
        <v>33</v>
      </c>
      <c r="W26851">
        <v>33</v>
      </c>
      <c r="X26851">
        <v>33</v>
      </c>
      <c r="Y26851">
        <v>33</v>
      </c>
      <c r="Z26851">
        <v>33</v>
      </c>
      <c r="AA26851">
        <v>33</v>
      </c>
      <c r="AB26851">
        <v>34</v>
      </c>
      <c r="AC26851">
        <v>34</v>
      </c>
      <c r="AD26851">
        <v>34</v>
      </c>
      <c r="AE26851">
        <v>34</v>
      </c>
      <c r="AF26851">
        <v>35</v>
      </c>
      <c r="AG26851">
        <v>35</v>
      </c>
      <c r="AH26851">
        <v>35</v>
      </c>
      <c r="AI26851">
        <v>35</v>
      </c>
      <c r="AJ26851">
        <v>36</v>
      </c>
      <c r="AK26851">
        <v>36</v>
      </c>
      <c r="AL26851">
        <v>36</v>
      </c>
      <c r="AM26851">
        <v>37</v>
      </c>
      <c r="AN26851">
        <v>37</v>
      </c>
      <c r="AO26851">
        <v>37</v>
      </c>
      <c r="AP26851">
        <v>37</v>
      </c>
      <c r="AQ26851">
        <v>38</v>
      </c>
    </row>
    <row r="26852" spans="1:43">
      <c r="A26852" t="s">
        <v>16611</v>
      </c>
      <c r="B26852" t="s">
        <v>16612</v>
      </c>
      <c r="C26852" t="s">
        <v>16613</v>
      </c>
      <c r="D26852" t="s">
        <v>16614</v>
      </c>
      <c r="E26852" t="s">
        <v>16557</v>
      </c>
      <c r="F26852" t="s">
        <v>16558</v>
      </c>
      <c r="G26852" t="s">
        <v>16559</v>
      </c>
      <c r="H26852" t="s">
        <v>16560</v>
      </c>
      <c r="I26852" s="2">
        <v>1</v>
      </c>
      <c r="J26852" s="2">
        <v>0</v>
      </c>
      <c r="K26852" s="2">
        <v>0</v>
      </c>
      <c r="L26852" t="s">
        <v>120</v>
      </c>
      <c r="M26852" t="s">
        <v>89</v>
      </c>
      <c r="N26852" t="s">
        <v>90</v>
      </c>
      <c r="O26852" t="s">
        <v>85</v>
      </c>
      <c r="P26852" t="s">
        <v>86</v>
      </c>
      <c r="Q26852">
        <v>32</v>
      </c>
      <c r="R26852">
        <v>33</v>
      </c>
      <c r="S26852">
        <v>34</v>
      </c>
      <c r="T26852">
        <v>35</v>
      </c>
      <c r="U26852">
        <v>35</v>
      </c>
      <c r="V26852">
        <v>36</v>
      </c>
      <c r="W26852">
        <v>37</v>
      </c>
      <c r="X26852">
        <v>37</v>
      </c>
      <c r="Y26852">
        <v>38</v>
      </c>
      <c r="Z26852">
        <v>38</v>
      </c>
      <c r="AA26852">
        <v>39</v>
      </c>
      <c r="AB26852">
        <v>40</v>
      </c>
      <c r="AC26852">
        <v>40</v>
      </c>
      <c r="AD26852">
        <v>41</v>
      </c>
      <c r="AE26852">
        <v>42</v>
      </c>
      <c r="AF26852">
        <v>42</v>
      </c>
      <c r="AG26852">
        <v>42</v>
      </c>
      <c r="AH26852">
        <v>42</v>
      </c>
      <c r="AI26852">
        <v>42</v>
      </c>
      <c r="AJ26852">
        <v>42</v>
      </c>
      <c r="AK26852">
        <v>43</v>
      </c>
      <c r="AL26852">
        <v>43</v>
      </c>
      <c r="AM26852">
        <v>43</v>
      </c>
      <c r="AN26852">
        <v>43</v>
      </c>
      <c r="AO26852">
        <v>43</v>
      </c>
      <c r="AP26852">
        <v>44</v>
      </c>
      <c r="AQ26852">
        <v>44</v>
      </c>
    </row>
    <row r="26853" spans="1:43">
      <c r="A26853" t="s">
        <v>16611</v>
      </c>
      <c r="B26853" t="s">
        <v>16612</v>
      </c>
      <c r="C26853" t="s">
        <v>16613</v>
      </c>
      <c r="D26853" t="s">
        <v>16614</v>
      </c>
      <c r="E26853" t="s">
        <v>16557</v>
      </c>
      <c r="F26853" t="s">
        <v>16558</v>
      </c>
      <c r="G26853" t="s">
        <v>16559</v>
      </c>
      <c r="H26853" t="s">
        <v>16560</v>
      </c>
      <c r="I26853" s="2">
        <v>1</v>
      </c>
      <c r="J26853" s="2">
        <v>0</v>
      </c>
      <c r="K26853" s="2">
        <v>0</v>
      </c>
      <c r="L26853" t="s">
        <v>120</v>
      </c>
      <c r="M26853" t="s">
        <v>83</v>
      </c>
      <c r="N26853" t="s">
        <v>91</v>
      </c>
      <c r="O26853" t="s">
        <v>85</v>
      </c>
      <c r="P26853" t="s">
        <v>86</v>
      </c>
      <c r="Q26853">
        <v>32</v>
      </c>
      <c r="R26853">
        <v>32</v>
      </c>
      <c r="S26853">
        <v>33</v>
      </c>
      <c r="T26853">
        <v>33</v>
      </c>
      <c r="U26853">
        <v>34</v>
      </c>
      <c r="V26853">
        <v>34</v>
      </c>
      <c r="W26853">
        <v>35</v>
      </c>
      <c r="X26853">
        <v>35</v>
      </c>
      <c r="Y26853">
        <v>36</v>
      </c>
      <c r="Z26853">
        <v>36</v>
      </c>
      <c r="AA26853">
        <v>37</v>
      </c>
      <c r="AB26853">
        <v>37</v>
      </c>
      <c r="AC26853">
        <v>38</v>
      </c>
      <c r="AD26853">
        <v>38</v>
      </c>
      <c r="AE26853">
        <v>39</v>
      </c>
      <c r="AF26853">
        <v>39</v>
      </c>
      <c r="AG26853">
        <v>40</v>
      </c>
      <c r="AH26853">
        <v>40</v>
      </c>
      <c r="AI26853">
        <v>41</v>
      </c>
      <c r="AJ26853">
        <v>42</v>
      </c>
      <c r="AK26853">
        <v>42</v>
      </c>
      <c r="AL26853">
        <v>42</v>
      </c>
      <c r="AM26853">
        <v>43</v>
      </c>
      <c r="AN26853">
        <v>43</v>
      </c>
      <c r="AO26853">
        <v>43</v>
      </c>
      <c r="AP26853">
        <v>43</v>
      </c>
      <c r="AQ26853">
        <v>44</v>
      </c>
    </row>
    <row r="26854" spans="1:43">
      <c r="A26854" t="s">
        <v>16615</v>
      </c>
      <c r="B26854" t="s">
        <v>16616</v>
      </c>
      <c r="C26854" t="s">
        <v>16613</v>
      </c>
      <c r="D26854" t="s">
        <v>16614</v>
      </c>
      <c r="E26854" t="s">
        <v>16557</v>
      </c>
      <c r="F26854" t="s">
        <v>16558</v>
      </c>
      <c r="G26854" t="s">
        <v>16559</v>
      </c>
      <c r="H26854" t="s">
        <v>16560</v>
      </c>
      <c r="I26854" s="2">
        <v>1</v>
      </c>
      <c r="J26854" s="2">
        <v>0</v>
      </c>
      <c r="K26854" s="2">
        <v>0</v>
      </c>
      <c r="L26854" t="s">
        <v>120</v>
      </c>
      <c r="M26854" t="s">
        <v>83</v>
      </c>
      <c r="N26854" t="s">
        <v>84</v>
      </c>
      <c r="O26854" t="s">
        <v>85</v>
      </c>
      <c r="P26854" t="s">
        <v>86</v>
      </c>
      <c r="Q26854">
        <v>18</v>
      </c>
      <c r="R26854">
        <v>19</v>
      </c>
      <c r="S26854">
        <v>19</v>
      </c>
      <c r="T26854">
        <v>19</v>
      </c>
      <c r="U26854">
        <v>19</v>
      </c>
      <c r="V26854">
        <v>20</v>
      </c>
      <c r="W26854">
        <v>20</v>
      </c>
      <c r="X26854">
        <v>20</v>
      </c>
      <c r="Y26854">
        <v>20</v>
      </c>
      <c r="Z26854">
        <v>21</v>
      </c>
      <c r="AA26854">
        <v>21</v>
      </c>
      <c r="AB26854">
        <v>21</v>
      </c>
      <c r="AC26854">
        <v>21</v>
      </c>
      <c r="AD26854">
        <v>22</v>
      </c>
      <c r="AE26854">
        <v>22</v>
      </c>
      <c r="AF26854">
        <v>22</v>
      </c>
      <c r="AG26854">
        <v>23</v>
      </c>
      <c r="AH26854">
        <v>23</v>
      </c>
      <c r="AI26854">
        <v>23</v>
      </c>
      <c r="AJ26854">
        <v>24</v>
      </c>
      <c r="AK26854">
        <v>24</v>
      </c>
      <c r="AL26854">
        <v>24</v>
      </c>
      <c r="AM26854">
        <v>24</v>
      </c>
      <c r="AN26854">
        <v>24</v>
      </c>
      <c r="AO26854">
        <v>24</v>
      </c>
      <c r="AP26854">
        <v>25</v>
      </c>
      <c r="AQ26854">
        <v>25</v>
      </c>
    </row>
    <row r="26855" spans="1:43">
      <c r="A26855" t="s">
        <v>16615</v>
      </c>
      <c r="B26855" t="s">
        <v>16616</v>
      </c>
      <c r="C26855" t="s">
        <v>16613</v>
      </c>
      <c r="D26855" t="s">
        <v>16614</v>
      </c>
      <c r="E26855" t="s">
        <v>16557</v>
      </c>
      <c r="F26855" t="s">
        <v>16558</v>
      </c>
      <c r="G26855" t="s">
        <v>16559</v>
      </c>
      <c r="H26855" t="s">
        <v>16560</v>
      </c>
      <c r="I26855" s="2">
        <v>1</v>
      </c>
      <c r="J26855" s="2">
        <v>0</v>
      </c>
      <c r="K26855" s="2">
        <v>0</v>
      </c>
      <c r="L26855" t="s">
        <v>120</v>
      </c>
      <c r="M26855" t="s">
        <v>87</v>
      </c>
      <c r="N26855" t="s">
        <v>88</v>
      </c>
      <c r="O26855" t="s">
        <v>85</v>
      </c>
      <c r="P26855" t="s">
        <v>86</v>
      </c>
      <c r="Q26855">
        <v>18</v>
      </c>
      <c r="R26855">
        <v>18</v>
      </c>
      <c r="S26855">
        <v>18</v>
      </c>
      <c r="T26855">
        <v>18</v>
      </c>
      <c r="U26855">
        <v>18</v>
      </c>
      <c r="V26855">
        <v>19</v>
      </c>
      <c r="W26855">
        <v>19</v>
      </c>
      <c r="X26855">
        <v>19</v>
      </c>
      <c r="Y26855">
        <v>19</v>
      </c>
      <c r="Z26855">
        <v>19</v>
      </c>
      <c r="AA26855">
        <v>19</v>
      </c>
      <c r="AB26855">
        <v>19</v>
      </c>
      <c r="AC26855">
        <v>19</v>
      </c>
      <c r="AD26855">
        <v>19</v>
      </c>
      <c r="AE26855">
        <v>20</v>
      </c>
      <c r="AF26855">
        <v>20</v>
      </c>
      <c r="AG26855">
        <v>20</v>
      </c>
      <c r="AH26855">
        <v>20</v>
      </c>
      <c r="AI26855">
        <v>20</v>
      </c>
      <c r="AJ26855">
        <v>20</v>
      </c>
      <c r="AK26855">
        <v>20</v>
      </c>
      <c r="AL26855">
        <v>21</v>
      </c>
      <c r="AM26855">
        <v>21</v>
      </c>
      <c r="AN26855">
        <v>21</v>
      </c>
      <c r="AO26855">
        <v>21</v>
      </c>
      <c r="AP26855">
        <v>21</v>
      </c>
      <c r="AQ26855">
        <v>21</v>
      </c>
    </row>
    <row r="26856" spans="1:43">
      <c r="A26856" t="s">
        <v>16615</v>
      </c>
      <c r="B26856" t="s">
        <v>16616</v>
      </c>
      <c r="C26856" t="s">
        <v>16613</v>
      </c>
      <c r="D26856" t="s">
        <v>16614</v>
      </c>
      <c r="E26856" t="s">
        <v>16557</v>
      </c>
      <c r="F26856" t="s">
        <v>16558</v>
      </c>
      <c r="G26856" t="s">
        <v>16559</v>
      </c>
      <c r="H26856" t="s">
        <v>16560</v>
      </c>
      <c r="I26856" s="2">
        <v>1</v>
      </c>
      <c r="J26856" s="2">
        <v>0</v>
      </c>
      <c r="K26856" s="2">
        <v>0</v>
      </c>
      <c r="L26856" t="s">
        <v>120</v>
      </c>
      <c r="M26856" t="s">
        <v>89</v>
      </c>
      <c r="N26856" t="s">
        <v>90</v>
      </c>
      <c r="O26856" t="s">
        <v>85</v>
      </c>
      <c r="P26856" t="s">
        <v>86</v>
      </c>
      <c r="Q26856">
        <v>18</v>
      </c>
      <c r="R26856">
        <v>19</v>
      </c>
      <c r="S26856">
        <v>19</v>
      </c>
      <c r="T26856">
        <v>20</v>
      </c>
      <c r="U26856">
        <v>20</v>
      </c>
      <c r="V26856">
        <v>20</v>
      </c>
      <c r="W26856">
        <v>21</v>
      </c>
      <c r="X26856">
        <v>21</v>
      </c>
      <c r="Y26856">
        <v>22</v>
      </c>
      <c r="Z26856">
        <v>22</v>
      </c>
      <c r="AA26856">
        <v>22</v>
      </c>
      <c r="AB26856">
        <v>23</v>
      </c>
      <c r="AC26856">
        <v>23</v>
      </c>
      <c r="AD26856">
        <v>23</v>
      </c>
      <c r="AE26856">
        <v>24</v>
      </c>
      <c r="AF26856">
        <v>24</v>
      </c>
      <c r="AG26856">
        <v>24</v>
      </c>
      <c r="AH26856">
        <v>24</v>
      </c>
      <c r="AI26856">
        <v>24</v>
      </c>
      <c r="AJ26856">
        <v>24</v>
      </c>
      <c r="AK26856">
        <v>24</v>
      </c>
      <c r="AL26856">
        <v>24</v>
      </c>
      <c r="AM26856">
        <v>24</v>
      </c>
      <c r="AN26856">
        <v>24</v>
      </c>
      <c r="AO26856">
        <v>25</v>
      </c>
      <c r="AP26856">
        <v>25</v>
      </c>
      <c r="AQ26856">
        <v>25</v>
      </c>
    </row>
    <row r="26857" spans="1:43">
      <c r="A26857" t="s">
        <v>16615</v>
      </c>
      <c r="B26857" t="s">
        <v>16616</v>
      </c>
      <c r="C26857" t="s">
        <v>16613</v>
      </c>
      <c r="D26857" t="s">
        <v>16614</v>
      </c>
      <c r="E26857" t="s">
        <v>16557</v>
      </c>
      <c r="F26857" t="s">
        <v>16558</v>
      </c>
      <c r="G26857" t="s">
        <v>16559</v>
      </c>
      <c r="H26857" t="s">
        <v>16560</v>
      </c>
      <c r="I26857" s="2">
        <v>1</v>
      </c>
      <c r="J26857" s="2">
        <v>0</v>
      </c>
      <c r="K26857" s="2">
        <v>0</v>
      </c>
      <c r="L26857" t="s">
        <v>120</v>
      </c>
      <c r="M26857" t="s">
        <v>83</v>
      </c>
      <c r="N26857" t="s">
        <v>91</v>
      </c>
      <c r="O26857" t="s">
        <v>85</v>
      </c>
      <c r="P26857" t="s">
        <v>86</v>
      </c>
      <c r="Q26857">
        <v>18</v>
      </c>
      <c r="R26857">
        <v>19</v>
      </c>
      <c r="S26857">
        <v>19</v>
      </c>
      <c r="T26857">
        <v>19</v>
      </c>
      <c r="U26857">
        <v>19</v>
      </c>
      <c r="V26857">
        <v>20</v>
      </c>
      <c r="W26857">
        <v>20</v>
      </c>
      <c r="X26857">
        <v>20</v>
      </c>
      <c r="Y26857">
        <v>20</v>
      </c>
      <c r="Z26857">
        <v>21</v>
      </c>
      <c r="AA26857">
        <v>21</v>
      </c>
      <c r="AB26857">
        <v>21</v>
      </c>
      <c r="AC26857">
        <v>21</v>
      </c>
      <c r="AD26857">
        <v>22</v>
      </c>
      <c r="AE26857">
        <v>22</v>
      </c>
      <c r="AF26857">
        <v>22</v>
      </c>
      <c r="AG26857">
        <v>23</v>
      </c>
      <c r="AH26857">
        <v>23</v>
      </c>
      <c r="AI26857">
        <v>23</v>
      </c>
      <c r="AJ26857">
        <v>24</v>
      </c>
      <c r="AK26857">
        <v>24</v>
      </c>
      <c r="AL26857">
        <v>24</v>
      </c>
      <c r="AM26857">
        <v>24</v>
      </c>
      <c r="AN26857">
        <v>24</v>
      </c>
      <c r="AO26857">
        <v>24</v>
      </c>
      <c r="AP26857">
        <v>25</v>
      </c>
      <c r="AQ26857">
        <v>25</v>
      </c>
    </row>
    <row r="26858" spans="1:43">
      <c r="A26858" t="s">
        <v>16617</v>
      </c>
      <c r="B26858" t="s">
        <v>16618</v>
      </c>
      <c r="C26858" t="s">
        <v>16613</v>
      </c>
      <c r="D26858" t="s">
        <v>16614</v>
      </c>
      <c r="E26858" t="s">
        <v>16557</v>
      </c>
      <c r="F26858" t="s">
        <v>16558</v>
      </c>
      <c r="G26858" t="s">
        <v>16559</v>
      </c>
      <c r="H26858" t="s">
        <v>16560</v>
      </c>
      <c r="I26858" s="2">
        <v>1</v>
      </c>
      <c r="J26858" s="2">
        <v>0</v>
      </c>
      <c r="K26858" s="2">
        <v>0</v>
      </c>
      <c r="L26858" t="s">
        <v>120</v>
      </c>
      <c r="M26858" t="s">
        <v>83</v>
      </c>
      <c r="N26858" t="s">
        <v>84</v>
      </c>
      <c r="O26858" t="s">
        <v>85</v>
      </c>
      <c r="P26858" t="s">
        <v>86</v>
      </c>
      <c r="Q26858">
        <v>10</v>
      </c>
      <c r="R26858">
        <v>10</v>
      </c>
      <c r="S26858">
        <v>10</v>
      </c>
      <c r="T26858">
        <v>10</v>
      </c>
      <c r="U26858">
        <v>10</v>
      </c>
      <c r="V26858">
        <v>11</v>
      </c>
      <c r="W26858">
        <v>11</v>
      </c>
      <c r="X26858">
        <v>11</v>
      </c>
      <c r="Y26858">
        <v>11</v>
      </c>
      <c r="Z26858">
        <v>11</v>
      </c>
      <c r="AA26858">
        <v>11</v>
      </c>
      <c r="AB26858">
        <v>11</v>
      </c>
      <c r="AC26858">
        <v>12</v>
      </c>
      <c r="AD26858">
        <v>12</v>
      </c>
      <c r="AE26858">
        <v>12</v>
      </c>
      <c r="AF26858">
        <v>12</v>
      </c>
      <c r="AG26858">
        <v>12</v>
      </c>
      <c r="AH26858">
        <v>12</v>
      </c>
      <c r="AI26858">
        <v>13</v>
      </c>
      <c r="AJ26858">
        <v>13</v>
      </c>
      <c r="AK26858">
        <v>13</v>
      </c>
      <c r="AL26858">
        <v>13</v>
      </c>
      <c r="AM26858">
        <v>13</v>
      </c>
      <c r="AN26858">
        <v>13</v>
      </c>
      <c r="AO26858">
        <v>13</v>
      </c>
      <c r="AP26858">
        <v>13</v>
      </c>
      <c r="AQ26858">
        <v>13</v>
      </c>
    </row>
    <row r="26859" spans="1:43">
      <c r="A26859" t="s">
        <v>16617</v>
      </c>
      <c r="B26859" t="s">
        <v>16618</v>
      </c>
      <c r="C26859" t="s">
        <v>16613</v>
      </c>
      <c r="D26859" t="s">
        <v>16614</v>
      </c>
      <c r="E26859" t="s">
        <v>16557</v>
      </c>
      <c r="F26859" t="s">
        <v>16558</v>
      </c>
      <c r="G26859" t="s">
        <v>16559</v>
      </c>
      <c r="H26859" t="s">
        <v>16560</v>
      </c>
      <c r="I26859" s="2">
        <v>1</v>
      </c>
      <c r="J26859" s="2">
        <v>0</v>
      </c>
      <c r="K26859" s="2">
        <v>0</v>
      </c>
      <c r="L26859" t="s">
        <v>120</v>
      </c>
      <c r="M26859" t="s">
        <v>87</v>
      </c>
      <c r="N26859" t="s">
        <v>88</v>
      </c>
      <c r="O26859" t="s">
        <v>85</v>
      </c>
      <c r="P26859" t="s">
        <v>86</v>
      </c>
      <c r="Q26859">
        <v>10</v>
      </c>
      <c r="R26859">
        <v>10</v>
      </c>
      <c r="S26859">
        <v>10</v>
      </c>
      <c r="T26859">
        <v>10</v>
      </c>
      <c r="U26859">
        <v>10</v>
      </c>
      <c r="V26859">
        <v>10</v>
      </c>
      <c r="W26859">
        <v>10</v>
      </c>
      <c r="X26859">
        <v>10</v>
      </c>
      <c r="Y26859">
        <v>10</v>
      </c>
      <c r="Z26859">
        <v>10</v>
      </c>
      <c r="AA26859">
        <v>10</v>
      </c>
      <c r="AB26859">
        <v>10</v>
      </c>
      <c r="AC26859">
        <v>10</v>
      </c>
      <c r="AD26859">
        <v>10</v>
      </c>
      <c r="AE26859">
        <v>11</v>
      </c>
      <c r="AF26859">
        <v>11</v>
      </c>
      <c r="AG26859">
        <v>11</v>
      </c>
      <c r="AH26859">
        <v>11</v>
      </c>
      <c r="AI26859">
        <v>11</v>
      </c>
      <c r="AJ26859">
        <v>11</v>
      </c>
      <c r="AK26859">
        <v>11</v>
      </c>
      <c r="AL26859">
        <v>11</v>
      </c>
      <c r="AM26859">
        <v>11</v>
      </c>
      <c r="AN26859">
        <v>11</v>
      </c>
      <c r="AO26859">
        <v>11</v>
      </c>
      <c r="AP26859">
        <v>12</v>
      </c>
      <c r="AQ26859">
        <v>12</v>
      </c>
    </row>
    <row r="26860" spans="1:43">
      <c r="A26860" t="s">
        <v>16617</v>
      </c>
      <c r="B26860" t="s">
        <v>16618</v>
      </c>
      <c r="C26860" t="s">
        <v>16613</v>
      </c>
      <c r="D26860" t="s">
        <v>16614</v>
      </c>
      <c r="E26860" t="s">
        <v>16557</v>
      </c>
      <c r="F26860" t="s">
        <v>16558</v>
      </c>
      <c r="G26860" t="s">
        <v>16559</v>
      </c>
      <c r="H26860" t="s">
        <v>16560</v>
      </c>
      <c r="I26860" s="2">
        <v>1</v>
      </c>
      <c r="J26860" s="2">
        <v>0</v>
      </c>
      <c r="K26860" s="2">
        <v>0</v>
      </c>
      <c r="L26860" t="s">
        <v>120</v>
      </c>
      <c r="M26860" t="s">
        <v>89</v>
      </c>
      <c r="N26860" t="s">
        <v>90</v>
      </c>
      <c r="O26860" t="s">
        <v>85</v>
      </c>
      <c r="P26860" t="s">
        <v>86</v>
      </c>
      <c r="Q26860">
        <v>10</v>
      </c>
      <c r="R26860">
        <v>10</v>
      </c>
      <c r="S26860">
        <v>10</v>
      </c>
      <c r="T26860">
        <v>11</v>
      </c>
      <c r="U26860">
        <v>11</v>
      </c>
      <c r="V26860">
        <v>11</v>
      </c>
      <c r="W26860">
        <v>11</v>
      </c>
      <c r="X26860">
        <v>11</v>
      </c>
      <c r="Y26860">
        <v>12</v>
      </c>
      <c r="Z26860">
        <v>12</v>
      </c>
      <c r="AA26860">
        <v>12</v>
      </c>
      <c r="AB26860">
        <v>12</v>
      </c>
      <c r="AC26860">
        <v>12</v>
      </c>
      <c r="AD26860">
        <v>13</v>
      </c>
      <c r="AE26860">
        <v>13</v>
      </c>
      <c r="AF26860">
        <v>13</v>
      </c>
      <c r="AG26860">
        <v>13</v>
      </c>
      <c r="AH26860">
        <v>13</v>
      </c>
      <c r="AI26860">
        <v>13</v>
      </c>
      <c r="AJ26860">
        <v>13</v>
      </c>
      <c r="AK26860">
        <v>13</v>
      </c>
      <c r="AL26860">
        <v>13</v>
      </c>
      <c r="AM26860">
        <v>13</v>
      </c>
      <c r="AN26860">
        <v>13</v>
      </c>
      <c r="AO26860">
        <v>13</v>
      </c>
      <c r="AP26860">
        <v>13</v>
      </c>
      <c r="AQ26860">
        <v>13</v>
      </c>
    </row>
    <row r="26861" spans="1:43">
      <c r="A26861" t="s">
        <v>16617</v>
      </c>
      <c r="B26861" t="s">
        <v>16618</v>
      </c>
      <c r="C26861" t="s">
        <v>16613</v>
      </c>
      <c r="D26861" t="s">
        <v>16614</v>
      </c>
      <c r="E26861" t="s">
        <v>16557</v>
      </c>
      <c r="F26861" t="s">
        <v>16558</v>
      </c>
      <c r="G26861" t="s">
        <v>16559</v>
      </c>
      <c r="H26861" t="s">
        <v>16560</v>
      </c>
      <c r="I26861" s="2">
        <v>1</v>
      </c>
      <c r="J26861" s="2">
        <v>0</v>
      </c>
      <c r="K26861" s="2">
        <v>0</v>
      </c>
      <c r="L26861" t="s">
        <v>120</v>
      </c>
      <c r="M26861" t="s">
        <v>83</v>
      </c>
      <c r="N26861" t="s">
        <v>91</v>
      </c>
      <c r="O26861" t="s">
        <v>85</v>
      </c>
      <c r="P26861" t="s">
        <v>86</v>
      </c>
      <c r="Q26861">
        <v>10</v>
      </c>
      <c r="R26861">
        <v>10</v>
      </c>
      <c r="S26861">
        <v>10</v>
      </c>
      <c r="T26861">
        <v>10</v>
      </c>
      <c r="U26861">
        <v>10</v>
      </c>
      <c r="V26861">
        <v>11</v>
      </c>
      <c r="W26861">
        <v>11</v>
      </c>
      <c r="X26861">
        <v>11</v>
      </c>
      <c r="Y26861">
        <v>11</v>
      </c>
      <c r="Z26861">
        <v>11</v>
      </c>
      <c r="AA26861">
        <v>11</v>
      </c>
      <c r="AB26861">
        <v>11</v>
      </c>
      <c r="AC26861">
        <v>12</v>
      </c>
      <c r="AD26861">
        <v>12</v>
      </c>
      <c r="AE26861">
        <v>12</v>
      </c>
      <c r="AF26861">
        <v>12</v>
      </c>
      <c r="AG26861">
        <v>12</v>
      </c>
      <c r="AH26861">
        <v>12</v>
      </c>
      <c r="AI26861">
        <v>13</v>
      </c>
      <c r="AJ26861">
        <v>13</v>
      </c>
      <c r="AK26861">
        <v>13</v>
      </c>
      <c r="AL26861">
        <v>13</v>
      </c>
      <c r="AM26861">
        <v>13</v>
      </c>
      <c r="AN26861">
        <v>13</v>
      </c>
      <c r="AO26861">
        <v>13</v>
      </c>
      <c r="AP26861">
        <v>13</v>
      </c>
      <c r="AQ26861">
        <v>13</v>
      </c>
    </row>
    <row r="26862" spans="1:43">
      <c r="A26862" t="s">
        <v>16619</v>
      </c>
      <c r="B26862" t="s">
        <v>16620</v>
      </c>
      <c r="C26862" t="s">
        <v>16621</v>
      </c>
      <c r="D26862" t="s">
        <v>16622</v>
      </c>
      <c r="E26862" t="s">
        <v>16557</v>
      </c>
      <c r="F26862" t="s">
        <v>16558</v>
      </c>
      <c r="G26862" t="s">
        <v>16559</v>
      </c>
      <c r="H26862" t="s">
        <v>16560</v>
      </c>
      <c r="I26862" s="2">
        <v>1</v>
      </c>
      <c r="J26862" s="2">
        <v>0</v>
      </c>
      <c r="K26862" s="2">
        <v>0</v>
      </c>
      <c r="L26862" t="s">
        <v>120</v>
      </c>
      <c r="M26862" t="s">
        <v>83</v>
      </c>
      <c r="N26862" t="s">
        <v>84</v>
      </c>
      <c r="O26862" t="s">
        <v>85</v>
      </c>
      <c r="P26862" t="s">
        <v>86</v>
      </c>
      <c r="Q26862">
        <v>7</v>
      </c>
      <c r="R26862">
        <v>7</v>
      </c>
      <c r="S26862">
        <v>7</v>
      </c>
      <c r="T26862">
        <v>7</v>
      </c>
      <c r="U26862">
        <v>7</v>
      </c>
      <c r="V26862">
        <v>7</v>
      </c>
      <c r="W26862">
        <v>7</v>
      </c>
      <c r="X26862">
        <v>7</v>
      </c>
      <c r="Y26862">
        <v>7</v>
      </c>
      <c r="Z26862">
        <v>7</v>
      </c>
      <c r="AA26862">
        <v>8</v>
      </c>
      <c r="AB26862">
        <v>8</v>
      </c>
      <c r="AC26862">
        <v>8</v>
      </c>
      <c r="AD26862">
        <v>8</v>
      </c>
      <c r="AE26862">
        <v>8</v>
      </c>
      <c r="AF26862">
        <v>8</v>
      </c>
      <c r="AG26862">
        <v>8</v>
      </c>
      <c r="AH26862">
        <v>8</v>
      </c>
      <c r="AI26862">
        <v>8</v>
      </c>
      <c r="AJ26862">
        <v>9</v>
      </c>
      <c r="AK26862">
        <v>9</v>
      </c>
      <c r="AL26862">
        <v>9</v>
      </c>
      <c r="AM26862">
        <v>9</v>
      </c>
      <c r="AN26862">
        <v>9</v>
      </c>
      <c r="AO26862">
        <v>9</v>
      </c>
      <c r="AP26862">
        <v>9</v>
      </c>
      <c r="AQ26862">
        <v>9</v>
      </c>
    </row>
    <row r="26863" spans="1:43">
      <c r="A26863" t="s">
        <v>16619</v>
      </c>
      <c r="B26863" t="s">
        <v>16620</v>
      </c>
      <c r="C26863" t="s">
        <v>16621</v>
      </c>
      <c r="D26863" t="s">
        <v>16622</v>
      </c>
      <c r="E26863" t="s">
        <v>16557</v>
      </c>
      <c r="F26863" t="s">
        <v>16558</v>
      </c>
      <c r="G26863" t="s">
        <v>16559</v>
      </c>
      <c r="H26863" t="s">
        <v>16560</v>
      </c>
      <c r="I26863" s="2">
        <v>1</v>
      </c>
      <c r="J26863" s="2">
        <v>0</v>
      </c>
      <c r="K26863" s="2">
        <v>0</v>
      </c>
      <c r="L26863" t="s">
        <v>120</v>
      </c>
      <c r="M26863" t="s">
        <v>87</v>
      </c>
      <c r="N26863" t="s">
        <v>88</v>
      </c>
      <c r="O26863" t="s">
        <v>85</v>
      </c>
      <c r="P26863" t="s">
        <v>86</v>
      </c>
      <c r="Q26863">
        <v>7</v>
      </c>
      <c r="R26863">
        <v>8</v>
      </c>
      <c r="S26863">
        <v>8</v>
      </c>
      <c r="T26863">
        <v>8</v>
      </c>
      <c r="U26863">
        <v>8</v>
      </c>
      <c r="V26863">
        <v>8</v>
      </c>
      <c r="W26863">
        <v>8</v>
      </c>
      <c r="X26863">
        <v>8</v>
      </c>
      <c r="Y26863">
        <v>8</v>
      </c>
      <c r="Z26863">
        <v>8</v>
      </c>
      <c r="AA26863">
        <v>8</v>
      </c>
      <c r="AB26863">
        <v>8</v>
      </c>
      <c r="AC26863">
        <v>8</v>
      </c>
      <c r="AD26863">
        <v>8</v>
      </c>
      <c r="AE26863">
        <v>8</v>
      </c>
      <c r="AF26863">
        <v>8</v>
      </c>
      <c r="AG26863">
        <v>8</v>
      </c>
      <c r="AH26863">
        <v>8</v>
      </c>
      <c r="AI26863">
        <v>8</v>
      </c>
      <c r="AJ26863">
        <v>8</v>
      </c>
      <c r="AK26863">
        <v>8</v>
      </c>
      <c r="AL26863">
        <v>8</v>
      </c>
      <c r="AM26863">
        <v>8</v>
      </c>
      <c r="AN26863">
        <v>9</v>
      </c>
      <c r="AO26863">
        <v>9</v>
      </c>
      <c r="AP26863">
        <v>9</v>
      </c>
      <c r="AQ26863">
        <v>9</v>
      </c>
    </row>
    <row r="26864" spans="1:43">
      <c r="A26864" t="s">
        <v>16619</v>
      </c>
      <c r="B26864" t="s">
        <v>16620</v>
      </c>
      <c r="C26864" t="s">
        <v>16621</v>
      </c>
      <c r="D26864" t="s">
        <v>16622</v>
      </c>
      <c r="E26864" t="s">
        <v>16557</v>
      </c>
      <c r="F26864" t="s">
        <v>16558</v>
      </c>
      <c r="G26864" t="s">
        <v>16559</v>
      </c>
      <c r="H26864" t="s">
        <v>16560</v>
      </c>
      <c r="I26864" s="2">
        <v>1</v>
      </c>
      <c r="J26864" s="2">
        <v>0</v>
      </c>
      <c r="K26864" s="2">
        <v>0</v>
      </c>
      <c r="L26864" t="s">
        <v>120</v>
      </c>
      <c r="M26864" t="s">
        <v>89</v>
      </c>
      <c r="N26864" t="s">
        <v>90</v>
      </c>
      <c r="O26864" t="s">
        <v>85</v>
      </c>
      <c r="P26864" t="s">
        <v>86</v>
      </c>
      <c r="Q26864">
        <v>7</v>
      </c>
      <c r="R26864">
        <v>7</v>
      </c>
      <c r="S26864">
        <v>7</v>
      </c>
      <c r="T26864">
        <v>7</v>
      </c>
      <c r="U26864">
        <v>7</v>
      </c>
      <c r="V26864">
        <v>7</v>
      </c>
      <c r="W26864">
        <v>7</v>
      </c>
      <c r="X26864">
        <v>8</v>
      </c>
      <c r="Y26864">
        <v>8</v>
      </c>
      <c r="Z26864">
        <v>8</v>
      </c>
      <c r="AA26864">
        <v>8</v>
      </c>
      <c r="AB26864">
        <v>8</v>
      </c>
      <c r="AC26864">
        <v>8</v>
      </c>
      <c r="AD26864">
        <v>8</v>
      </c>
      <c r="AE26864">
        <v>9</v>
      </c>
      <c r="AF26864">
        <v>9</v>
      </c>
      <c r="AG26864">
        <v>9</v>
      </c>
      <c r="AH26864">
        <v>9</v>
      </c>
      <c r="AI26864">
        <v>9</v>
      </c>
      <c r="AJ26864">
        <v>9</v>
      </c>
      <c r="AK26864">
        <v>9</v>
      </c>
      <c r="AL26864">
        <v>9</v>
      </c>
      <c r="AM26864">
        <v>9</v>
      </c>
      <c r="AN26864">
        <v>9</v>
      </c>
      <c r="AO26864">
        <v>9</v>
      </c>
      <c r="AP26864">
        <v>9</v>
      </c>
      <c r="AQ26864">
        <v>9</v>
      </c>
    </row>
    <row r="26865" spans="1:43">
      <c r="A26865" t="s">
        <v>16619</v>
      </c>
      <c r="B26865" t="s">
        <v>16620</v>
      </c>
      <c r="C26865" t="s">
        <v>16621</v>
      </c>
      <c r="D26865" t="s">
        <v>16622</v>
      </c>
      <c r="E26865" t="s">
        <v>16557</v>
      </c>
      <c r="F26865" t="s">
        <v>16558</v>
      </c>
      <c r="G26865" t="s">
        <v>16559</v>
      </c>
      <c r="H26865" t="s">
        <v>16560</v>
      </c>
      <c r="I26865" s="2">
        <v>1</v>
      </c>
      <c r="J26865" s="2">
        <v>0</v>
      </c>
      <c r="K26865" s="2">
        <v>0</v>
      </c>
      <c r="L26865" t="s">
        <v>120</v>
      </c>
      <c r="M26865" t="s">
        <v>83</v>
      </c>
      <c r="N26865" t="s">
        <v>91</v>
      </c>
      <c r="O26865" t="s">
        <v>85</v>
      </c>
      <c r="P26865" t="s">
        <v>86</v>
      </c>
      <c r="Q26865">
        <v>7</v>
      </c>
      <c r="R26865">
        <v>7</v>
      </c>
      <c r="S26865">
        <v>7</v>
      </c>
      <c r="T26865">
        <v>7</v>
      </c>
      <c r="U26865">
        <v>7</v>
      </c>
      <c r="V26865">
        <v>7</v>
      </c>
      <c r="W26865">
        <v>7</v>
      </c>
      <c r="X26865">
        <v>7</v>
      </c>
      <c r="Y26865">
        <v>7</v>
      </c>
      <c r="Z26865">
        <v>7</v>
      </c>
      <c r="AA26865">
        <v>8</v>
      </c>
      <c r="AB26865">
        <v>8</v>
      </c>
      <c r="AC26865">
        <v>8</v>
      </c>
      <c r="AD26865">
        <v>8</v>
      </c>
      <c r="AE26865">
        <v>8</v>
      </c>
      <c r="AF26865">
        <v>8</v>
      </c>
      <c r="AG26865">
        <v>8</v>
      </c>
      <c r="AH26865">
        <v>8</v>
      </c>
      <c r="AI26865">
        <v>8</v>
      </c>
      <c r="AJ26865">
        <v>9</v>
      </c>
      <c r="AK26865">
        <v>9</v>
      </c>
      <c r="AL26865">
        <v>9</v>
      </c>
      <c r="AM26865">
        <v>9</v>
      </c>
      <c r="AN26865">
        <v>9</v>
      </c>
      <c r="AO26865">
        <v>9</v>
      </c>
      <c r="AP26865">
        <v>9</v>
      </c>
      <c r="AQ26865">
        <v>9</v>
      </c>
    </row>
    <row r="26866" spans="1:43">
      <c r="A26866" t="s">
        <v>16623</v>
      </c>
      <c r="B26866" t="s">
        <v>16624</v>
      </c>
      <c r="C26866" t="s">
        <v>16613</v>
      </c>
      <c r="D26866" t="s">
        <v>16614</v>
      </c>
      <c r="E26866" t="s">
        <v>16557</v>
      </c>
      <c r="F26866" t="s">
        <v>16558</v>
      </c>
      <c r="G26866" t="s">
        <v>16559</v>
      </c>
      <c r="H26866" t="s">
        <v>16560</v>
      </c>
      <c r="I26866" s="2">
        <v>1</v>
      </c>
      <c r="J26866" s="2">
        <v>0</v>
      </c>
      <c r="K26866" s="2">
        <v>0</v>
      </c>
      <c r="L26866" t="s">
        <v>120</v>
      </c>
      <c r="M26866" t="s">
        <v>83</v>
      </c>
      <c r="N26866" t="s">
        <v>84</v>
      </c>
      <c r="O26866" t="s">
        <v>85</v>
      </c>
      <c r="P26866" t="s">
        <v>86</v>
      </c>
      <c r="Q26866">
        <v>7</v>
      </c>
      <c r="R26866">
        <v>7</v>
      </c>
      <c r="S26866">
        <v>7</v>
      </c>
      <c r="T26866">
        <v>7</v>
      </c>
      <c r="U26866">
        <v>7</v>
      </c>
      <c r="V26866">
        <v>7</v>
      </c>
      <c r="W26866">
        <v>7</v>
      </c>
      <c r="X26866">
        <v>7</v>
      </c>
      <c r="Y26866">
        <v>7</v>
      </c>
      <c r="Z26866">
        <v>7</v>
      </c>
      <c r="AA26866">
        <v>8</v>
      </c>
      <c r="AB26866">
        <v>8</v>
      </c>
      <c r="AC26866">
        <v>8</v>
      </c>
      <c r="AD26866">
        <v>8</v>
      </c>
      <c r="AE26866">
        <v>8</v>
      </c>
      <c r="AF26866">
        <v>8</v>
      </c>
      <c r="AG26866">
        <v>8</v>
      </c>
      <c r="AH26866">
        <v>8</v>
      </c>
      <c r="AI26866">
        <v>8</v>
      </c>
      <c r="AJ26866">
        <v>9</v>
      </c>
      <c r="AK26866">
        <v>9</v>
      </c>
      <c r="AL26866">
        <v>9</v>
      </c>
      <c r="AM26866">
        <v>9</v>
      </c>
      <c r="AN26866">
        <v>9</v>
      </c>
      <c r="AO26866">
        <v>9</v>
      </c>
      <c r="AP26866">
        <v>9</v>
      </c>
      <c r="AQ26866">
        <v>9</v>
      </c>
    </row>
    <row r="26867" spans="1:43">
      <c r="A26867" t="s">
        <v>16623</v>
      </c>
      <c r="B26867" t="s">
        <v>16624</v>
      </c>
      <c r="C26867" t="s">
        <v>16613</v>
      </c>
      <c r="D26867" t="s">
        <v>16614</v>
      </c>
      <c r="E26867" t="s">
        <v>16557</v>
      </c>
      <c r="F26867" t="s">
        <v>16558</v>
      </c>
      <c r="G26867" t="s">
        <v>16559</v>
      </c>
      <c r="H26867" t="s">
        <v>16560</v>
      </c>
      <c r="I26867" s="2">
        <v>1</v>
      </c>
      <c r="J26867" s="2">
        <v>0</v>
      </c>
      <c r="K26867" s="2">
        <v>0</v>
      </c>
      <c r="L26867" t="s">
        <v>120</v>
      </c>
      <c r="M26867" t="s">
        <v>87</v>
      </c>
      <c r="N26867" t="s">
        <v>88</v>
      </c>
      <c r="O26867" t="s">
        <v>85</v>
      </c>
      <c r="P26867" t="s">
        <v>86</v>
      </c>
      <c r="Q26867">
        <v>7</v>
      </c>
      <c r="R26867">
        <v>7</v>
      </c>
      <c r="S26867">
        <v>7</v>
      </c>
      <c r="T26867">
        <v>7</v>
      </c>
      <c r="U26867">
        <v>7</v>
      </c>
      <c r="V26867">
        <v>7</v>
      </c>
      <c r="W26867">
        <v>7</v>
      </c>
      <c r="X26867">
        <v>7</v>
      </c>
      <c r="Y26867">
        <v>7</v>
      </c>
      <c r="Z26867">
        <v>7</v>
      </c>
      <c r="AA26867">
        <v>7</v>
      </c>
      <c r="AB26867">
        <v>7</v>
      </c>
      <c r="AC26867">
        <v>7</v>
      </c>
      <c r="AD26867">
        <v>7</v>
      </c>
      <c r="AE26867">
        <v>7</v>
      </c>
      <c r="AF26867">
        <v>7</v>
      </c>
      <c r="AG26867">
        <v>7</v>
      </c>
      <c r="AH26867">
        <v>7</v>
      </c>
      <c r="AI26867">
        <v>7</v>
      </c>
      <c r="AJ26867">
        <v>7</v>
      </c>
      <c r="AK26867">
        <v>7</v>
      </c>
      <c r="AL26867">
        <v>7</v>
      </c>
      <c r="AM26867">
        <v>7</v>
      </c>
      <c r="AN26867">
        <v>8</v>
      </c>
      <c r="AO26867">
        <v>8</v>
      </c>
      <c r="AP26867">
        <v>8</v>
      </c>
      <c r="AQ26867">
        <v>8</v>
      </c>
    </row>
    <row r="26868" spans="1:43">
      <c r="A26868" t="s">
        <v>16623</v>
      </c>
      <c r="B26868" t="s">
        <v>16624</v>
      </c>
      <c r="C26868" t="s">
        <v>16613</v>
      </c>
      <c r="D26868" t="s">
        <v>16614</v>
      </c>
      <c r="E26868" t="s">
        <v>16557</v>
      </c>
      <c r="F26868" t="s">
        <v>16558</v>
      </c>
      <c r="G26868" t="s">
        <v>16559</v>
      </c>
      <c r="H26868" t="s">
        <v>16560</v>
      </c>
      <c r="I26868" s="2">
        <v>1</v>
      </c>
      <c r="J26868" s="2">
        <v>0</v>
      </c>
      <c r="K26868" s="2">
        <v>0</v>
      </c>
      <c r="L26868" t="s">
        <v>120</v>
      </c>
      <c r="M26868" t="s">
        <v>89</v>
      </c>
      <c r="N26868" t="s">
        <v>90</v>
      </c>
      <c r="O26868" t="s">
        <v>85</v>
      </c>
      <c r="P26868" t="s">
        <v>86</v>
      </c>
      <c r="Q26868">
        <v>7</v>
      </c>
      <c r="R26868">
        <v>7</v>
      </c>
      <c r="S26868">
        <v>7</v>
      </c>
      <c r="T26868">
        <v>7</v>
      </c>
      <c r="U26868">
        <v>7</v>
      </c>
      <c r="V26868">
        <v>7</v>
      </c>
      <c r="W26868">
        <v>8</v>
      </c>
      <c r="X26868">
        <v>8</v>
      </c>
      <c r="Y26868">
        <v>8</v>
      </c>
      <c r="Z26868">
        <v>8</v>
      </c>
      <c r="AA26868">
        <v>8</v>
      </c>
      <c r="AB26868">
        <v>8</v>
      </c>
      <c r="AC26868">
        <v>8</v>
      </c>
      <c r="AD26868">
        <v>8</v>
      </c>
      <c r="AE26868">
        <v>9</v>
      </c>
      <c r="AF26868">
        <v>9</v>
      </c>
      <c r="AG26868">
        <v>9</v>
      </c>
      <c r="AH26868">
        <v>9</v>
      </c>
      <c r="AI26868">
        <v>9</v>
      </c>
      <c r="AJ26868">
        <v>9</v>
      </c>
      <c r="AK26868">
        <v>9</v>
      </c>
      <c r="AL26868">
        <v>9</v>
      </c>
      <c r="AM26868">
        <v>9</v>
      </c>
      <c r="AN26868">
        <v>9</v>
      </c>
      <c r="AO26868">
        <v>9</v>
      </c>
      <c r="AP26868">
        <v>9</v>
      </c>
      <c r="AQ26868">
        <v>9</v>
      </c>
    </row>
    <row r="26869" spans="1:43">
      <c r="A26869" t="s">
        <v>16623</v>
      </c>
      <c r="B26869" t="s">
        <v>16624</v>
      </c>
      <c r="C26869" t="s">
        <v>16613</v>
      </c>
      <c r="D26869" t="s">
        <v>16614</v>
      </c>
      <c r="E26869" t="s">
        <v>16557</v>
      </c>
      <c r="F26869" t="s">
        <v>16558</v>
      </c>
      <c r="G26869" t="s">
        <v>16559</v>
      </c>
      <c r="H26869" t="s">
        <v>16560</v>
      </c>
      <c r="I26869" s="2">
        <v>1</v>
      </c>
      <c r="J26869" s="2">
        <v>0</v>
      </c>
      <c r="K26869" s="2">
        <v>0</v>
      </c>
      <c r="L26869" t="s">
        <v>120</v>
      </c>
      <c r="M26869" t="s">
        <v>83</v>
      </c>
      <c r="N26869" t="s">
        <v>91</v>
      </c>
      <c r="O26869" t="s">
        <v>85</v>
      </c>
      <c r="P26869" t="s">
        <v>86</v>
      </c>
      <c r="Q26869">
        <v>7</v>
      </c>
      <c r="R26869">
        <v>7</v>
      </c>
      <c r="S26869">
        <v>7</v>
      </c>
      <c r="T26869">
        <v>7</v>
      </c>
      <c r="U26869">
        <v>7</v>
      </c>
      <c r="V26869">
        <v>7</v>
      </c>
      <c r="W26869">
        <v>7</v>
      </c>
      <c r="X26869">
        <v>7</v>
      </c>
      <c r="Y26869">
        <v>7</v>
      </c>
      <c r="Z26869">
        <v>7</v>
      </c>
      <c r="AA26869">
        <v>8</v>
      </c>
      <c r="AB26869">
        <v>8</v>
      </c>
      <c r="AC26869">
        <v>8</v>
      </c>
      <c r="AD26869">
        <v>8</v>
      </c>
      <c r="AE26869">
        <v>8</v>
      </c>
      <c r="AF26869">
        <v>8</v>
      </c>
      <c r="AG26869">
        <v>8</v>
      </c>
      <c r="AH26869">
        <v>8</v>
      </c>
      <c r="AI26869">
        <v>8</v>
      </c>
      <c r="AJ26869">
        <v>9</v>
      </c>
      <c r="AK26869">
        <v>9</v>
      </c>
      <c r="AL26869">
        <v>9</v>
      </c>
      <c r="AM26869">
        <v>9</v>
      </c>
      <c r="AN26869">
        <v>9</v>
      </c>
      <c r="AO26869">
        <v>9</v>
      </c>
      <c r="AP26869">
        <v>9</v>
      </c>
      <c r="AQ26869">
        <v>9</v>
      </c>
    </row>
    <row r="26870" spans="1:43">
      <c r="A26870" t="s">
        <v>16625</v>
      </c>
      <c r="B26870" t="s">
        <v>16626</v>
      </c>
      <c r="C26870" t="s">
        <v>16627</v>
      </c>
      <c r="D26870" t="s">
        <v>16628</v>
      </c>
      <c r="E26870" t="s">
        <v>16557</v>
      </c>
      <c r="F26870" t="s">
        <v>16558</v>
      </c>
      <c r="G26870" t="s">
        <v>16559</v>
      </c>
      <c r="H26870" t="s">
        <v>16560</v>
      </c>
      <c r="I26870" s="2">
        <v>1</v>
      </c>
      <c r="J26870" s="2">
        <v>0</v>
      </c>
      <c r="K26870" s="2">
        <v>0</v>
      </c>
      <c r="L26870" t="s">
        <v>120</v>
      </c>
      <c r="M26870" t="s">
        <v>83</v>
      </c>
      <c r="N26870" t="s">
        <v>84</v>
      </c>
      <c r="O26870" t="s">
        <v>85</v>
      </c>
      <c r="P26870" t="s">
        <v>86</v>
      </c>
      <c r="Q26870">
        <v>4</v>
      </c>
      <c r="R26870">
        <v>4</v>
      </c>
      <c r="S26870">
        <v>4</v>
      </c>
      <c r="T26870">
        <v>4</v>
      </c>
      <c r="U26870">
        <v>4</v>
      </c>
      <c r="V26870">
        <v>4</v>
      </c>
      <c r="W26870">
        <v>4</v>
      </c>
      <c r="X26870">
        <v>4</v>
      </c>
      <c r="Y26870">
        <v>5</v>
      </c>
      <c r="Z26870">
        <v>5</v>
      </c>
      <c r="AA26870">
        <v>5</v>
      </c>
      <c r="AB26870">
        <v>5</v>
      </c>
      <c r="AC26870">
        <v>5</v>
      </c>
      <c r="AD26870">
        <v>5</v>
      </c>
      <c r="AE26870">
        <v>5</v>
      </c>
      <c r="AF26870">
        <v>5</v>
      </c>
      <c r="AG26870">
        <v>5</v>
      </c>
      <c r="AH26870">
        <v>5</v>
      </c>
      <c r="AI26870">
        <v>5</v>
      </c>
      <c r="AJ26870">
        <v>5</v>
      </c>
      <c r="AK26870">
        <v>5</v>
      </c>
      <c r="AL26870">
        <v>5</v>
      </c>
      <c r="AM26870">
        <v>5</v>
      </c>
      <c r="AN26870">
        <v>5</v>
      </c>
      <c r="AO26870">
        <v>6</v>
      </c>
      <c r="AP26870">
        <v>6</v>
      </c>
      <c r="AQ26870">
        <v>6</v>
      </c>
    </row>
    <row r="26871" spans="1:43">
      <c r="A26871" t="s">
        <v>16625</v>
      </c>
      <c r="B26871" t="s">
        <v>16626</v>
      </c>
      <c r="C26871" t="s">
        <v>16627</v>
      </c>
      <c r="D26871" t="s">
        <v>16628</v>
      </c>
      <c r="E26871" t="s">
        <v>16557</v>
      </c>
      <c r="F26871" t="s">
        <v>16558</v>
      </c>
      <c r="G26871" t="s">
        <v>16559</v>
      </c>
      <c r="H26871" t="s">
        <v>16560</v>
      </c>
      <c r="I26871" s="2">
        <v>1</v>
      </c>
      <c r="J26871" s="2">
        <v>0</v>
      </c>
      <c r="K26871" s="2">
        <v>0</v>
      </c>
      <c r="L26871" t="s">
        <v>120</v>
      </c>
      <c r="M26871" t="s">
        <v>87</v>
      </c>
      <c r="N26871" t="s">
        <v>88</v>
      </c>
      <c r="O26871" t="s">
        <v>85</v>
      </c>
      <c r="P26871" t="s">
        <v>86</v>
      </c>
      <c r="Q26871">
        <v>4</v>
      </c>
      <c r="R26871">
        <v>4</v>
      </c>
      <c r="S26871">
        <v>4</v>
      </c>
      <c r="T26871">
        <v>4</v>
      </c>
      <c r="U26871">
        <v>4</v>
      </c>
      <c r="V26871">
        <v>4</v>
      </c>
      <c r="W26871">
        <v>4</v>
      </c>
      <c r="X26871">
        <v>4</v>
      </c>
      <c r="Y26871">
        <v>4</v>
      </c>
      <c r="Z26871">
        <v>4</v>
      </c>
      <c r="AA26871">
        <v>4</v>
      </c>
      <c r="AB26871">
        <v>4</v>
      </c>
      <c r="AC26871">
        <v>4</v>
      </c>
      <c r="AD26871">
        <v>4</v>
      </c>
      <c r="AE26871">
        <v>4</v>
      </c>
      <c r="AF26871">
        <v>4</v>
      </c>
      <c r="AG26871">
        <v>4</v>
      </c>
      <c r="AH26871">
        <v>4</v>
      </c>
      <c r="AI26871">
        <v>5</v>
      </c>
      <c r="AJ26871">
        <v>5</v>
      </c>
      <c r="AK26871">
        <v>5</v>
      </c>
      <c r="AL26871">
        <v>5</v>
      </c>
      <c r="AM26871">
        <v>5</v>
      </c>
      <c r="AN26871">
        <v>5</v>
      </c>
      <c r="AO26871">
        <v>5</v>
      </c>
      <c r="AP26871">
        <v>5</v>
      </c>
      <c r="AQ26871">
        <v>5</v>
      </c>
    </row>
    <row r="26872" spans="1:43">
      <c r="A26872" t="s">
        <v>16625</v>
      </c>
      <c r="B26872" t="s">
        <v>16626</v>
      </c>
      <c r="C26872" t="s">
        <v>16627</v>
      </c>
      <c r="D26872" t="s">
        <v>16628</v>
      </c>
      <c r="E26872" t="s">
        <v>16557</v>
      </c>
      <c r="F26872" t="s">
        <v>16558</v>
      </c>
      <c r="G26872" t="s">
        <v>16559</v>
      </c>
      <c r="H26872" t="s">
        <v>16560</v>
      </c>
      <c r="I26872" s="2">
        <v>1</v>
      </c>
      <c r="J26872" s="2">
        <v>0</v>
      </c>
      <c r="K26872" s="2">
        <v>0</v>
      </c>
      <c r="L26872" t="s">
        <v>120</v>
      </c>
      <c r="M26872" t="s">
        <v>89</v>
      </c>
      <c r="N26872" t="s">
        <v>90</v>
      </c>
      <c r="O26872" t="s">
        <v>85</v>
      </c>
      <c r="P26872" t="s">
        <v>86</v>
      </c>
      <c r="Q26872">
        <v>4</v>
      </c>
      <c r="R26872">
        <v>4</v>
      </c>
      <c r="S26872">
        <v>4</v>
      </c>
      <c r="T26872">
        <v>4</v>
      </c>
      <c r="U26872">
        <v>4</v>
      </c>
      <c r="V26872">
        <v>5</v>
      </c>
      <c r="W26872">
        <v>5</v>
      </c>
      <c r="X26872">
        <v>5</v>
      </c>
      <c r="Y26872">
        <v>5</v>
      </c>
      <c r="Z26872">
        <v>5</v>
      </c>
      <c r="AA26872">
        <v>5</v>
      </c>
      <c r="AB26872">
        <v>5</v>
      </c>
      <c r="AC26872">
        <v>5</v>
      </c>
      <c r="AD26872">
        <v>5</v>
      </c>
      <c r="AE26872">
        <v>5</v>
      </c>
      <c r="AF26872">
        <v>5</v>
      </c>
      <c r="AG26872">
        <v>5</v>
      </c>
      <c r="AH26872">
        <v>5</v>
      </c>
      <c r="AI26872">
        <v>5</v>
      </c>
      <c r="AJ26872">
        <v>5</v>
      </c>
      <c r="AK26872">
        <v>5</v>
      </c>
      <c r="AL26872">
        <v>5</v>
      </c>
      <c r="AM26872">
        <v>6</v>
      </c>
      <c r="AN26872">
        <v>6</v>
      </c>
      <c r="AO26872">
        <v>6</v>
      </c>
      <c r="AP26872">
        <v>6</v>
      </c>
      <c r="AQ26872">
        <v>6</v>
      </c>
    </row>
    <row r="26873" spans="1:43">
      <c r="A26873" t="s">
        <v>16625</v>
      </c>
      <c r="B26873" t="s">
        <v>16626</v>
      </c>
      <c r="C26873" t="s">
        <v>16627</v>
      </c>
      <c r="D26873" t="s">
        <v>16628</v>
      </c>
      <c r="E26873" t="s">
        <v>16557</v>
      </c>
      <c r="F26873" t="s">
        <v>16558</v>
      </c>
      <c r="G26873" t="s">
        <v>16559</v>
      </c>
      <c r="H26873" t="s">
        <v>16560</v>
      </c>
      <c r="I26873" s="2">
        <v>1</v>
      </c>
      <c r="J26873" s="2">
        <v>0</v>
      </c>
      <c r="K26873" s="2">
        <v>0</v>
      </c>
      <c r="L26873" t="s">
        <v>120</v>
      </c>
      <c r="M26873" t="s">
        <v>83</v>
      </c>
      <c r="N26873" t="s">
        <v>91</v>
      </c>
      <c r="O26873" t="s">
        <v>85</v>
      </c>
      <c r="P26873" t="s">
        <v>86</v>
      </c>
      <c r="Q26873">
        <v>4</v>
      </c>
      <c r="R26873">
        <v>4</v>
      </c>
      <c r="S26873">
        <v>4</v>
      </c>
      <c r="T26873">
        <v>4</v>
      </c>
      <c r="U26873">
        <v>4</v>
      </c>
      <c r="V26873">
        <v>4</v>
      </c>
      <c r="W26873">
        <v>4</v>
      </c>
      <c r="X26873">
        <v>4</v>
      </c>
      <c r="Y26873">
        <v>5</v>
      </c>
      <c r="Z26873">
        <v>5</v>
      </c>
      <c r="AA26873">
        <v>5</v>
      </c>
      <c r="AB26873">
        <v>5</v>
      </c>
      <c r="AC26873">
        <v>5</v>
      </c>
      <c r="AD26873">
        <v>5</v>
      </c>
      <c r="AE26873">
        <v>5</v>
      </c>
      <c r="AF26873">
        <v>5</v>
      </c>
      <c r="AG26873">
        <v>5</v>
      </c>
      <c r="AH26873">
        <v>5</v>
      </c>
      <c r="AI26873">
        <v>5</v>
      </c>
      <c r="AJ26873">
        <v>5</v>
      </c>
      <c r="AK26873">
        <v>5</v>
      </c>
      <c r="AL26873">
        <v>5</v>
      </c>
      <c r="AM26873">
        <v>5</v>
      </c>
      <c r="AN26873">
        <v>5</v>
      </c>
      <c r="AO26873">
        <v>6</v>
      </c>
      <c r="AP26873">
        <v>6</v>
      </c>
      <c r="AQ26873">
        <v>6</v>
      </c>
    </row>
    <row r="26874" spans="1:43">
      <c r="A26874" t="s">
        <v>16629</v>
      </c>
      <c r="B26874" t="s">
        <v>16630</v>
      </c>
      <c r="C26874" t="s">
        <v>16627</v>
      </c>
      <c r="D26874" t="s">
        <v>16628</v>
      </c>
      <c r="E26874" t="s">
        <v>16557</v>
      </c>
      <c r="F26874" t="s">
        <v>16558</v>
      </c>
      <c r="G26874" t="s">
        <v>16559</v>
      </c>
      <c r="H26874" t="s">
        <v>16560</v>
      </c>
      <c r="I26874" s="2">
        <v>1</v>
      </c>
      <c r="J26874" s="2">
        <v>0</v>
      </c>
      <c r="K26874" s="2">
        <v>0</v>
      </c>
      <c r="L26874" t="s">
        <v>120</v>
      </c>
      <c r="M26874" t="s">
        <v>83</v>
      </c>
      <c r="N26874" t="s">
        <v>84</v>
      </c>
      <c r="O26874" t="s">
        <v>85</v>
      </c>
      <c r="P26874" t="s">
        <v>86</v>
      </c>
      <c r="Q26874">
        <v>25</v>
      </c>
      <c r="R26874">
        <v>25</v>
      </c>
      <c r="S26874">
        <v>25</v>
      </c>
      <c r="T26874">
        <v>26</v>
      </c>
      <c r="U26874">
        <v>26</v>
      </c>
      <c r="V26874">
        <v>26</v>
      </c>
      <c r="W26874">
        <v>27</v>
      </c>
      <c r="X26874">
        <v>27</v>
      </c>
      <c r="Y26874">
        <v>28</v>
      </c>
      <c r="Z26874">
        <v>28</v>
      </c>
      <c r="AA26874">
        <v>28</v>
      </c>
      <c r="AB26874">
        <v>29</v>
      </c>
      <c r="AC26874">
        <v>29</v>
      </c>
      <c r="AD26874">
        <v>29</v>
      </c>
      <c r="AE26874">
        <v>30</v>
      </c>
      <c r="AF26874">
        <v>30</v>
      </c>
      <c r="AG26874">
        <v>31</v>
      </c>
      <c r="AH26874">
        <v>31</v>
      </c>
      <c r="AI26874">
        <v>32</v>
      </c>
      <c r="AJ26874">
        <v>32</v>
      </c>
      <c r="AK26874">
        <v>33</v>
      </c>
      <c r="AL26874">
        <v>33</v>
      </c>
      <c r="AM26874">
        <v>33</v>
      </c>
      <c r="AN26874">
        <v>33</v>
      </c>
      <c r="AO26874">
        <v>33</v>
      </c>
      <c r="AP26874">
        <v>33</v>
      </c>
      <c r="AQ26874">
        <v>34</v>
      </c>
    </row>
    <row r="26875" spans="1:43">
      <c r="A26875" t="s">
        <v>16629</v>
      </c>
      <c r="B26875" t="s">
        <v>16630</v>
      </c>
      <c r="C26875" t="s">
        <v>16627</v>
      </c>
      <c r="D26875" t="s">
        <v>16628</v>
      </c>
      <c r="E26875" t="s">
        <v>16557</v>
      </c>
      <c r="F26875" t="s">
        <v>16558</v>
      </c>
      <c r="G26875" t="s">
        <v>16559</v>
      </c>
      <c r="H26875" t="s">
        <v>16560</v>
      </c>
      <c r="I26875" s="2">
        <v>1</v>
      </c>
      <c r="J26875" s="2">
        <v>0</v>
      </c>
      <c r="K26875" s="2">
        <v>0</v>
      </c>
      <c r="L26875" t="s">
        <v>120</v>
      </c>
      <c r="M26875" t="s">
        <v>87</v>
      </c>
      <c r="N26875" t="s">
        <v>88</v>
      </c>
      <c r="O26875" t="s">
        <v>85</v>
      </c>
      <c r="P26875" t="s">
        <v>86</v>
      </c>
      <c r="Q26875">
        <v>25</v>
      </c>
      <c r="R26875">
        <v>26</v>
      </c>
      <c r="S26875">
        <v>26</v>
      </c>
      <c r="T26875">
        <v>26</v>
      </c>
      <c r="U26875">
        <v>26</v>
      </c>
      <c r="V26875">
        <v>26</v>
      </c>
      <c r="W26875">
        <v>26</v>
      </c>
      <c r="X26875">
        <v>26</v>
      </c>
      <c r="Y26875">
        <v>27</v>
      </c>
      <c r="Z26875">
        <v>27</v>
      </c>
      <c r="AA26875">
        <v>27</v>
      </c>
      <c r="AB26875">
        <v>27</v>
      </c>
      <c r="AC26875">
        <v>27</v>
      </c>
      <c r="AD26875">
        <v>27</v>
      </c>
      <c r="AE26875">
        <v>27</v>
      </c>
      <c r="AF26875">
        <v>28</v>
      </c>
      <c r="AG26875">
        <v>28</v>
      </c>
      <c r="AH26875">
        <v>28</v>
      </c>
      <c r="AI26875">
        <v>28</v>
      </c>
      <c r="AJ26875">
        <v>29</v>
      </c>
      <c r="AK26875">
        <v>29</v>
      </c>
      <c r="AL26875">
        <v>29</v>
      </c>
      <c r="AM26875">
        <v>29</v>
      </c>
      <c r="AN26875">
        <v>29</v>
      </c>
      <c r="AO26875">
        <v>30</v>
      </c>
      <c r="AP26875">
        <v>30</v>
      </c>
      <c r="AQ26875">
        <v>30</v>
      </c>
    </row>
    <row r="26876" spans="1:43">
      <c r="A26876" t="s">
        <v>16629</v>
      </c>
      <c r="B26876" t="s">
        <v>16630</v>
      </c>
      <c r="C26876" t="s">
        <v>16627</v>
      </c>
      <c r="D26876" t="s">
        <v>16628</v>
      </c>
      <c r="E26876" t="s">
        <v>16557</v>
      </c>
      <c r="F26876" t="s">
        <v>16558</v>
      </c>
      <c r="G26876" t="s">
        <v>16559</v>
      </c>
      <c r="H26876" t="s">
        <v>16560</v>
      </c>
      <c r="I26876" s="2">
        <v>1</v>
      </c>
      <c r="J26876" s="2">
        <v>0</v>
      </c>
      <c r="K26876" s="2">
        <v>0</v>
      </c>
      <c r="L26876" t="s">
        <v>120</v>
      </c>
      <c r="M26876" t="s">
        <v>89</v>
      </c>
      <c r="N26876" t="s">
        <v>90</v>
      </c>
      <c r="O26876" t="s">
        <v>85</v>
      </c>
      <c r="P26876" t="s">
        <v>86</v>
      </c>
      <c r="Q26876">
        <v>25</v>
      </c>
      <c r="R26876">
        <v>25</v>
      </c>
      <c r="S26876">
        <v>26</v>
      </c>
      <c r="T26876">
        <v>27</v>
      </c>
      <c r="U26876">
        <v>27</v>
      </c>
      <c r="V26876">
        <v>28</v>
      </c>
      <c r="W26876">
        <v>28</v>
      </c>
      <c r="X26876">
        <v>29</v>
      </c>
      <c r="Y26876">
        <v>29</v>
      </c>
      <c r="Z26876">
        <v>30</v>
      </c>
      <c r="AA26876">
        <v>30</v>
      </c>
      <c r="AB26876">
        <v>31</v>
      </c>
      <c r="AC26876">
        <v>31</v>
      </c>
      <c r="AD26876">
        <v>32</v>
      </c>
      <c r="AE26876">
        <v>32</v>
      </c>
      <c r="AF26876">
        <v>32</v>
      </c>
      <c r="AG26876">
        <v>32</v>
      </c>
      <c r="AH26876">
        <v>32</v>
      </c>
      <c r="AI26876">
        <v>33</v>
      </c>
      <c r="AJ26876">
        <v>33</v>
      </c>
      <c r="AK26876">
        <v>33</v>
      </c>
      <c r="AL26876">
        <v>33</v>
      </c>
      <c r="AM26876">
        <v>33</v>
      </c>
      <c r="AN26876">
        <v>33</v>
      </c>
      <c r="AO26876">
        <v>34</v>
      </c>
      <c r="AP26876">
        <v>34</v>
      </c>
      <c r="AQ26876">
        <v>34</v>
      </c>
    </row>
    <row r="26877" spans="1:43">
      <c r="A26877" t="s">
        <v>16629</v>
      </c>
      <c r="B26877" t="s">
        <v>16630</v>
      </c>
      <c r="C26877" t="s">
        <v>16627</v>
      </c>
      <c r="D26877" t="s">
        <v>16628</v>
      </c>
      <c r="E26877" t="s">
        <v>16557</v>
      </c>
      <c r="F26877" t="s">
        <v>16558</v>
      </c>
      <c r="G26877" t="s">
        <v>16559</v>
      </c>
      <c r="H26877" t="s">
        <v>16560</v>
      </c>
      <c r="I26877" s="2">
        <v>1</v>
      </c>
      <c r="J26877" s="2">
        <v>0</v>
      </c>
      <c r="K26877" s="2">
        <v>0</v>
      </c>
      <c r="L26877" t="s">
        <v>120</v>
      </c>
      <c r="M26877" t="s">
        <v>83</v>
      </c>
      <c r="N26877" t="s">
        <v>91</v>
      </c>
      <c r="O26877" t="s">
        <v>85</v>
      </c>
      <c r="P26877" t="s">
        <v>86</v>
      </c>
      <c r="Q26877">
        <v>25</v>
      </c>
      <c r="R26877">
        <v>25</v>
      </c>
      <c r="S26877">
        <v>25</v>
      </c>
      <c r="T26877">
        <v>26</v>
      </c>
      <c r="U26877">
        <v>26</v>
      </c>
      <c r="V26877">
        <v>26</v>
      </c>
      <c r="W26877">
        <v>27</v>
      </c>
      <c r="X26877">
        <v>27</v>
      </c>
      <c r="Y26877">
        <v>28</v>
      </c>
      <c r="Z26877">
        <v>28</v>
      </c>
      <c r="AA26877">
        <v>28</v>
      </c>
      <c r="AB26877">
        <v>29</v>
      </c>
      <c r="AC26877">
        <v>29</v>
      </c>
      <c r="AD26877">
        <v>29</v>
      </c>
      <c r="AE26877">
        <v>30</v>
      </c>
      <c r="AF26877">
        <v>30</v>
      </c>
      <c r="AG26877">
        <v>31</v>
      </c>
      <c r="AH26877">
        <v>31</v>
      </c>
      <c r="AI26877">
        <v>32</v>
      </c>
      <c r="AJ26877">
        <v>32</v>
      </c>
      <c r="AK26877">
        <v>33</v>
      </c>
      <c r="AL26877">
        <v>33</v>
      </c>
      <c r="AM26877">
        <v>33</v>
      </c>
      <c r="AN26877">
        <v>33</v>
      </c>
      <c r="AO26877">
        <v>33</v>
      </c>
      <c r="AP26877">
        <v>33</v>
      </c>
      <c r="AQ26877">
        <v>34</v>
      </c>
    </row>
    <row r="26878" spans="1:43">
      <c r="A26878" t="s">
        <v>16631</v>
      </c>
      <c r="B26878" t="s">
        <v>16632</v>
      </c>
      <c r="C26878" t="s">
        <v>16627</v>
      </c>
      <c r="D26878" t="s">
        <v>16628</v>
      </c>
      <c r="E26878" t="s">
        <v>16557</v>
      </c>
      <c r="F26878" t="s">
        <v>16558</v>
      </c>
      <c r="G26878" t="s">
        <v>16559</v>
      </c>
      <c r="H26878" t="s">
        <v>16560</v>
      </c>
      <c r="I26878" s="2">
        <v>1</v>
      </c>
      <c r="J26878" s="2">
        <v>0</v>
      </c>
      <c r="K26878" s="2">
        <v>0</v>
      </c>
      <c r="L26878" t="s">
        <v>120</v>
      </c>
      <c r="M26878" t="s">
        <v>83</v>
      </c>
      <c r="N26878" t="s">
        <v>84</v>
      </c>
      <c r="O26878" t="s">
        <v>85</v>
      </c>
      <c r="P26878" t="s">
        <v>86</v>
      </c>
      <c r="Q26878">
        <v>2</v>
      </c>
      <c r="R26878">
        <v>2</v>
      </c>
      <c r="S26878">
        <v>2</v>
      </c>
      <c r="T26878">
        <v>2</v>
      </c>
      <c r="U26878">
        <v>2</v>
      </c>
      <c r="V26878">
        <v>2</v>
      </c>
      <c r="W26878">
        <v>2</v>
      </c>
      <c r="X26878">
        <v>2</v>
      </c>
      <c r="Y26878">
        <v>2</v>
      </c>
      <c r="Z26878">
        <v>2</v>
      </c>
      <c r="AA26878">
        <v>2</v>
      </c>
      <c r="AB26878">
        <v>2</v>
      </c>
      <c r="AC26878">
        <v>2</v>
      </c>
      <c r="AD26878">
        <v>2</v>
      </c>
      <c r="AE26878">
        <v>2</v>
      </c>
      <c r="AF26878">
        <v>2</v>
      </c>
      <c r="AG26878">
        <v>3</v>
      </c>
      <c r="AH26878">
        <v>3</v>
      </c>
      <c r="AI26878">
        <v>3</v>
      </c>
      <c r="AJ26878">
        <v>3</v>
      </c>
      <c r="AK26878">
        <v>3</v>
      </c>
      <c r="AL26878">
        <v>3</v>
      </c>
      <c r="AM26878">
        <v>3</v>
      </c>
      <c r="AN26878">
        <v>3</v>
      </c>
      <c r="AO26878">
        <v>3</v>
      </c>
      <c r="AP26878">
        <v>3</v>
      </c>
      <c r="AQ26878">
        <v>3</v>
      </c>
    </row>
    <row r="26879" spans="1:43">
      <c r="A26879" t="s">
        <v>16631</v>
      </c>
      <c r="B26879" t="s">
        <v>16632</v>
      </c>
      <c r="C26879" t="s">
        <v>16627</v>
      </c>
      <c r="D26879" t="s">
        <v>16628</v>
      </c>
      <c r="E26879" t="s">
        <v>16557</v>
      </c>
      <c r="F26879" t="s">
        <v>16558</v>
      </c>
      <c r="G26879" t="s">
        <v>16559</v>
      </c>
      <c r="H26879" t="s">
        <v>16560</v>
      </c>
      <c r="I26879" s="2">
        <v>1</v>
      </c>
      <c r="J26879" s="2">
        <v>0</v>
      </c>
      <c r="K26879" s="2">
        <v>0</v>
      </c>
      <c r="L26879" t="s">
        <v>120</v>
      </c>
      <c r="M26879" t="s">
        <v>87</v>
      </c>
      <c r="N26879" t="s">
        <v>88</v>
      </c>
      <c r="O26879" t="s">
        <v>85</v>
      </c>
      <c r="P26879" t="s">
        <v>86</v>
      </c>
      <c r="Q26879">
        <v>2</v>
      </c>
      <c r="R26879">
        <v>2</v>
      </c>
      <c r="S26879">
        <v>2</v>
      </c>
      <c r="T26879">
        <v>2</v>
      </c>
      <c r="U26879">
        <v>2</v>
      </c>
      <c r="V26879">
        <v>2</v>
      </c>
      <c r="W26879">
        <v>2</v>
      </c>
      <c r="X26879">
        <v>2</v>
      </c>
      <c r="Y26879">
        <v>2</v>
      </c>
      <c r="Z26879">
        <v>2</v>
      </c>
      <c r="AA26879">
        <v>2</v>
      </c>
      <c r="AB26879">
        <v>2</v>
      </c>
      <c r="AC26879">
        <v>2</v>
      </c>
      <c r="AD26879">
        <v>2</v>
      </c>
      <c r="AE26879">
        <v>2</v>
      </c>
      <c r="AF26879">
        <v>2</v>
      </c>
      <c r="AG26879">
        <v>2</v>
      </c>
      <c r="AH26879">
        <v>2</v>
      </c>
      <c r="AI26879">
        <v>2</v>
      </c>
      <c r="AJ26879">
        <v>2</v>
      </c>
      <c r="AK26879">
        <v>2</v>
      </c>
      <c r="AL26879">
        <v>2</v>
      </c>
      <c r="AM26879">
        <v>2</v>
      </c>
      <c r="AN26879">
        <v>2</v>
      </c>
      <c r="AO26879">
        <v>2</v>
      </c>
      <c r="AP26879">
        <v>2</v>
      </c>
      <c r="AQ26879">
        <v>2</v>
      </c>
    </row>
    <row r="26880" spans="1:43">
      <c r="A26880" t="s">
        <v>16631</v>
      </c>
      <c r="B26880" t="s">
        <v>16632</v>
      </c>
      <c r="C26880" t="s">
        <v>16627</v>
      </c>
      <c r="D26880" t="s">
        <v>16628</v>
      </c>
      <c r="E26880" t="s">
        <v>16557</v>
      </c>
      <c r="F26880" t="s">
        <v>16558</v>
      </c>
      <c r="G26880" t="s">
        <v>16559</v>
      </c>
      <c r="H26880" t="s">
        <v>16560</v>
      </c>
      <c r="I26880" s="2">
        <v>1</v>
      </c>
      <c r="J26880" s="2">
        <v>0</v>
      </c>
      <c r="K26880" s="2">
        <v>0</v>
      </c>
      <c r="L26880" t="s">
        <v>120</v>
      </c>
      <c r="M26880" t="s">
        <v>89</v>
      </c>
      <c r="N26880" t="s">
        <v>90</v>
      </c>
      <c r="O26880" t="s">
        <v>85</v>
      </c>
      <c r="P26880" t="s">
        <v>86</v>
      </c>
      <c r="Q26880">
        <v>2</v>
      </c>
      <c r="R26880">
        <v>2</v>
      </c>
      <c r="S26880">
        <v>2</v>
      </c>
      <c r="T26880">
        <v>2</v>
      </c>
      <c r="U26880">
        <v>2</v>
      </c>
      <c r="V26880">
        <v>2</v>
      </c>
      <c r="W26880">
        <v>2</v>
      </c>
      <c r="X26880">
        <v>2</v>
      </c>
      <c r="Y26880">
        <v>2</v>
      </c>
      <c r="Z26880">
        <v>2</v>
      </c>
      <c r="AA26880">
        <v>2</v>
      </c>
      <c r="AB26880">
        <v>3</v>
      </c>
      <c r="AC26880">
        <v>3</v>
      </c>
      <c r="AD26880">
        <v>3</v>
      </c>
      <c r="AE26880">
        <v>3</v>
      </c>
      <c r="AF26880">
        <v>3</v>
      </c>
      <c r="AG26880">
        <v>3</v>
      </c>
      <c r="AH26880">
        <v>3</v>
      </c>
      <c r="AI26880">
        <v>3</v>
      </c>
      <c r="AJ26880">
        <v>3</v>
      </c>
      <c r="AK26880">
        <v>3</v>
      </c>
      <c r="AL26880">
        <v>3</v>
      </c>
      <c r="AM26880">
        <v>3</v>
      </c>
      <c r="AN26880">
        <v>3</v>
      </c>
      <c r="AO26880">
        <v>3</v>
      </c>
      <c r="AP26880">
        <v>3</v>
      </c>
      <c r="AQ26880">
        <v>3</v>
      </c>
    </row>
    <row r="26881" spans="1:43">
      <c r="A26881" t="s">
        <v>16631</v>
      </c>
      <c r="B26881" t="s">
        <v>16632</v>
      </c>
      <c r="C26881" t="s">
        <v>16627</v>
      </c>
      <c r="D26881" t="s">
        <v>16628</v>
      </c>
      <c r="E26881" t="s">
        <v>16557</v>
      </c>
      <c r="F26881" t="s">
        <v>16558</v>
      </c>
      <c r="G26881" t="s">
        <v>16559</v>
      </c>
      <c r="H26881" t="s">
        <v>16560</v>
      </c>
      <c r="I26881" s="2">
        <v>1</v>
      </c>
      <c r="J26881" s="2">
        <v>0</v>
      </c>
      <c r="K26881" s="2">
        <v>0</v>
      </c>
      <c r="L26881" t="s">
        <v>120</v>
      </c>
      <c r="M26881" t="s">
        <v>83</v>
      </c>
      <c r="N26881" t="s">
        <v>91</v>
      </c>
      <c r="O26881" t="s">
        <v>85</v>
      </c>
      <c r="P26881" t="s">
        <v>86</v>
      </c>
      <c r="Q26881">
        <v>2</v>
      </c>
      <c r="R26881">
        <v>2</v>
      </c>
      <c r="S26881">
        <v>2</v>
      </c>
      <c r="T26881">
        <v>2</v>
      </c>
      <c r="U26881">
        <v>2</v>
      </c>
      <c r="V26881">
        <v>2</v>
      </c>
      <c r="W26881">
        <v>2</v>
      </c>
      <c r="X26881">
        <v>2</v>
      </c>
      <c r="Y26881">
        <v>2</v>
      </c>
      <c r="Z26881">
        <v>2</v>
      </c>
      <c r="AA26881">
        <v>2</v>
      </c>
      <c r="AB26881">
        <v>2</v>
      </c>
      <c r="AC26881">
        <v>2</v>
      </c>
      <c r="AD26881">
        <v>2</v>
      </c>
      <c r="AE26881">
        <v>2</v>
      </c>
      <c r="AF26881">
        <v>2</v>
      </c>
      <c r="AG26881">
        <v>3</v>
      </c>
      <c r="AH26881">
        <v>3</v>
      </c>
      <c r="AI26881">
        <v>3</v>
      </c>
      <c r="AJ26881">
        <v>3</v>
      </c>
      <c r="AK26881">
        <v>3</v>
      </c>
      <c r="AL26881">
        <v>3</v>
      </c>
      <c r="AM26881">
        <v>3</v>
      </c>
      <c r="AN26881">
        <v>3</v>
      </c>
      <c r="AO26881">
        <v>3</v>
      </c>
      <c r="AP26881">
        <v>3</v>
      </c>
      <c r="AQ26881">
        <v>3</v>
      </c>
    </row>
    <row r="26882" spans="1:43">
      <c r="A26882" t="s">
        <v>16633</v>
      </c>
      <c r="B26882" t="s">
        <v>16634</v>
      </c>
      <c r="C26882" t="s">
        <v>16627</v>
      </c>
      <c r="D26882" t="s">
        <v>16628</v>
      </c>
      <c r="E26882" t="s">
        <v>16557</v>
      </c>
      <c r="F26882" t="s">
        <v>16558</v>
      </c>
      <c r="G26882" t="s">
        <v>16559</v>
      </c>
      <c r="H26882" t="s">
        <v>16560</v>
      </c>
      <c r="I26882" s="2">
        <v>1</v>
      </c>
      <c r="J26882" s="2">
        <v>0</v>
      </c>
      <c r="K26882" s="2">
        <v>0</v>
      </c>
      <c r="L26882" t="s">
        <v>120</v>
      </c>
      <c r="M26882" t="s">
        <v>83</v>
      </c>
      <c r="N26882" t="s">
        <v>84</v>
      </c>
      <c r="O26882" t="s">
        <v>85</v>
      </c>
      <c r="P26882" t="s">
        <v>86</v>
      </c>
      <c r="Q26882">
        <v>8</v>
      </c>
      <c r="R26882">
        <v>8</v>
      </c>
      <c r="S26882">
        <v>8</v>
      </c>
      <c r="T26882">
        <v>9</v>
      </c>
      <c r="U26882">
        <v>9</v>
      </c>
      <c r="V26882">
        <v>9</v>
      </c>
      <c r="W26882">
        <v>9</v>
      </c>
      <c r="X26882">
        <v>9</v>
      </c>
      <c r="Y26882">
        <v>9</v>
      </c>
      <c r="Z26882">
        <v>9</v>
      </c>
      <c r="AA26882">
        <v>9</v>
      </c>
      <c r="AB26882">
        <v>10</v>
      </c>
      <c r="AC26882">
        <v>10</v>
      </c>
      <c r="AD26882">
        <v>10</v>
      </c>
      <c r="AE26882">
        <v>10</v>
      </c>
      <c r="AF26882">
        <v>10</v>
      </c>
      <c r="AG26882">
        <v>10</v>
      </c>
      <c r="AH26882">
        <v>10</v>
      </c>
      <c r="AI26882">
        <v>11</v>
      </c>
      <c r="AJ26882">
        <v>11</v>
      </c>
      <c r="AK26882">
        <v>11</v>
      </c>
      <c r="AL26882">
        <v>11</v>
      </c>
      <c r="AM26882">
        <v>11</v>
      </c>
      <c r="AN26882">
        <v>11</v>
      </c>
      <c r="AO26882">
        <v>11</v>
      </c>
      <c r="AP26882">
        <v>11</v>
      </c>
      <c r="AQ26882">
        <v>11</v>
      </c>
    </row>
    <row r="26883" spans="1:43">
      <c r="A26883" t="s">
        <v>16633</v>
      </c>
      <c r="B26883" t="s">
        <v>16634</v>
      </c>
      <c r="C26883" t="s">
        <v>16627</v>
      </c>
      <c r="D26883" t="s">
        <v>16628</v>
      </c>
      <c r="E26883" t="s">
        <v>16557</v>
      </c>
      <c r="F26883" t="s">
        <v>16558</v>
      </c>
      <c r="G26883" t="s">
        <v>16559</v>
      </c>
      <c r="H26883" t="s">
        <v>16560</v>
      </c>
      <c r="I26883" s="2">
        <v>1</v>
      </c>
      <c r="J26883" s="2">
        <v>0</v>
      </c>
      <c r="K26883" s="2">
        <v>0</v>
      </c>
      <c r="L26883" t="s">
        <v>120</v>
      </c>
      <c r="M26883" t="s">
        <v>87</v>
      </c>
      <c r="N26883" t="s">
        <v>88</v>
      </c>
      <c r="O26883" t="s">
        <v>85</v>
      </c>
      <c r="P26883" t="s">
        <v>86</v>
      </c>
      <c r="Q26883">
        <v>8</v>
      </c>
      <c r="R26883">
        <v>8</v>
      </c>
      <c r="S26883">
        <v>8</v>
      </c>
      <c r="T26883">
        <v>8</v>
      </c>
      <c r="U26883">
        <v>8</v>
      </c>
      <c r="V26883">
        <v>8</v>
      </c>
      <c r="W26883">
        <v>8</v>
      </c>
      <c r="X26883">
        <v>8</v>
      </c>
      <c r="Y26883">
        <v>8</v>
      </c>
      <c r="Z26883">
        <v>9</v>
      </c>
      <c r="AA26883">
        <v>9</v>
      </c>
      <c r="AB26883">
        <v>9</v>
      </c>
      <c r="AC26883">
        <v>9</v>
      </c>
      <c r="AD26883">
        <v>9</v>
      </c>
      <c r="AE26883">
        <v>9</v>
      </c>
      <c r="AF26883">
        <v>9</v>
      </c>
      <c r="AG26883">
        <v>9</v>
      </c>
      <c r="AH26883">
        <v>9</v>
      </c>
      <c r="AI26883">
        <v>9</v>
      </c>
      <c r="AJ26883">
        <v>9</v>
      </c>
      <c r="AK26883">
        <v>9</v>
      </c>
      <c r="AL26883">
        <v>9</v>
      </c>
      <c r="AM26883">
        <v>9</v>
      </c>
      <c r="AN26883">
        <v>9</v>
      </c>
      <c r="AO26883">
        <v>10</v>
      </c>
      <c r="AP26883">
        <v>10</v>
      </c>
      <c r="AQ26883">
        <v>10</v>
      </c>
    </row>
    <row r="26884" spans="1:43">
      <c r="A26884" t="s">
        <v>16633</v>
      </c>
      <c r="B26884" t="s">
        <v>16634</v>
      </c>
      <c r="C26884" t="s">
        <v>16627</v>
      </c>
      <c r="D26884" t="s">
        <v>16628</v>
      </c>
      <c r="E26884" t="s">
        <v>16557</v>
      </c>
      <c r="F26884" t="s">
        <v>16558</v>
      </c>
      <c r="G26884" t="s">
        <v>16559</v>
      </c>
      <c r="H26884" t="s">
        <v>16560</v>
      </c>
      <c r="I26884" s="2">
        <v>1</v>
      </c>
      <c r="J26884" s="2">
        <v>0</v>
      </c>
      <c r="K26884" s="2">
        <v>0</v>
      </c>
      <c r="L26884" t="s">
        <v>120</v>
      </c>
      <c r="M26884" t="s">
        <v>89</v>
      </c>
      <c r="N26884" t="s">
        <v>90</v>
      </c>
      <c r="O26884" t="s">
        <v>85</v>
      </c>
      <c r="P26884" t="s">
        <v>86</v>
      </c>
      <c r="Q26884">
        <v>8</v>
      </c>
      <c r="R26884">
        <v>8</v>
      </c>
      <c r="S26884">
        <v>9</v>
      </c>
      <c r="T26884">
        <v>9</v>
      </c>
      <c r="U26884">
        <v>9</v>
      </c>
      <c r="V26884">
        <v>9</v>
      </c>
      <c r="W26884">
        <v>9</v>
      </c>
      <c r="X26884">
        <v>10</v>
      </c>
      <c r="Y26884">
        <v>10</v>
      </c>
      <c r="Z26884">
        <v>10</v>
      </c>
      <c r="AA26884">
        <v>10</v>
      </c>
      <c r="AB26884">
        <v>10</v>
      </c>
      <c r="AC26884">
        <v>10</v>
      </c>
      <c r="AD26884">
        <v>11</v>
      </c>
      <c r="AE26884">
        <v>11</v>
      </c>
      <c r="AF26884">
        <v>11</v>
      </c>
      <c r="AG26884">
        <v>11</v>
      </c>
      <c r="AH26884">
        <v>11</v>
      </c>
      <c r="AI26884">
        <v>11</v>
      </c>
      <c r="AJ26884">
        <v>11</v>
      </c>
      <c r="AK26884">
        <v>11</v>
      </c>
      <c r="AL26884">
        <v>11</v>
      </c>
      <c r="AM26884">
        <v>11</v>
      </c>
      <c r="AN26884">
        <v>11</v>
      </c>
      <c r="AO26884">
        <v>11</v>
      </c>
      <c r="AP26884">
        <v>11</v>
      </c>
      <c r="AQ26884">
        <v>11</v>
      </c>
    </row>
    <row r="26885" spans="1:43">
      <c r="A26885" t="s">
        <v>16633</v>
      </c>
      <c r="B26885" t="s">
        <v>16634</v>
      </c>
      <c r="C26885" t="s">
        <v>16627</v>
      </c>
      <c r="D26885" t="s">
        <v>16628</v>
      </c>
      <c r="E26885" t="s">
        <v>16557</v>
      </c>
      <c r="F26885" t="s">
        <v>16558</v>
      </c>
      <c r="G26885" t="s">
        <v>16559</v>
      </c>
      <c r="H26885" t="s">
        <v>16560</v>
      </c>
      <c r="I26885" s="2">
        <v>1</v>
      </c>
      <c r="J26885" s="2">
        <v>0</v>
      </c>
      <c r="K26885" s="2">
        <v>0</v>
      </c>
      <c r="L26885" t="s">
        <v>120</v>
      </c>
      <c r="M26885" t="s">
        <v>83</v>
      </c>
      <c r="N26885" t="s">
        <v>91</v>
      </c>
      <c r="O26885" t="s">
        <v>85</v>
      </c>
      <c r="P26885" t="s">
        <v>86</v>
      </c>
      <c r="Q26885">
        <v>8</v>
      </c>
      <c r="R26885">
        <v>8</v>
      </c>
      <c r="S26885">
        <v>8</v>
      </c>
      <c r="T26885">
        <v>9</v>
      </c>
      <c r="U26885">
        <v>9</v>
      </c>
      <c r="V26885">
        <v>9</v>
      </c>
      <c r="W26885">
        <v>9</v>
      </c>
      <c r="X26885">
        <v>9</v>
      </c>
      <c r="Y26885">
        <v>9</v>
      </c>
      <c r="Z26885">
        <v>9</v>
      </c>
      <c r="AA26885">
        <v>9</v>
      </c>
      <c r="AB26885">
        <v>10</v>
      </c>
      <c r="AC26885">
        <v>10</v>
      </c>
      <c r="AD26885">
        <v>10</v>
      </c>
      <c r="AE26885">
        <v>10</v>
      </c>
      <c r="AF26885">
        <v>10</v>
      </c>
      <c r="AG26885">
        <v>10</v>
      </c>
      <c r="AH26885">
        <v>10</v>
      </c>
      <c r="AI26885">
        <v>11</v>
      </c>
      <c r="AJ26885">
        <v>11</v>
      </c>
      <c r="AK26885">
        <v>11</v>
      </c>
      <c r="AL26885">
        <v>11</v>
      </c>
      <c r="AM26885">
        <v>11</v>
      </c>
      <c r="AN26885">
        <v>11</v>
      </c>
      <c r="AO26885">
        <v>11</v>
      </c>
      <c r="AP26885">
        <v>11</v>
      </c>
      <c r="AQ26885">
        <v>11</v>
      </c>
    </row>
    <row r="26886" spans="1:43">
      <c r="A26886" t="s">
        <v>16635</v>
      </c>
      <c r="B26886" t="s">
        <v>16636</v>
      </c>
      <c r="C26886" t="s">
        <v>16637</v>
      </c>
      <c r="D26886" t="s">
        <v>16638</v>
      </c>
      <c r="E26886" t="s">
        <v>16557</v>
      </c>
      <c r="F26886" t="s">
        <v>16558</v>
      </c>
      <c r="G26886" t="s">
        <v>16559</v>
      </c>
      <c r="H26886" t="s">
        <v>16560</v>
      </c>
      <c r="I26886" s="2">
        <v>1</v>
      </c>
      <c r="J26886" s="2">
        <v>0</v>
      </c>
      <c r="K26886" s="2">
        <v>0</v>
      </c>
      <c r="L26886" t="s">
        <v>120</v>
      </c>
      <c r="M26886" t="s">
        <v>83</v>
      </c>
      <c r="N26886" t="s">
        <v>84</v>
      </c>
      <c r="O26886" t="s">
        <v>85</v>
      </c>
      <c r="P26886" t="s">
        <v>86</v>
      </c>
      <c r="Q26886">
        <v>125</v>
      </c>
      <c r="R26886">
        <v>128</v>
      </c>
      <c r="S26886">
        <v>130</v>
      </c>
      <c r="T26886">
        <v>132</v>
      </c>
      <c r="U26886">
        <v>134</v>
      </c>
      <c r="V26886">
        <v>136</v>
      </c>
      <c r="W26886">
        <v>137</v>
      </c>
      <c r="X26886">
        <v>139</v>
      </c>
      <c r="Y26886">
        <v>141</v>
      </c>
      <c r="Z26886">
        <v>143</v>
      </c>
      <c r="AA26886">
        <v>145</v>
      </c>
      <c r="AB26886">
        <v>147</v>
      </c>
      <c r="AC26886">
        <v>149</v>
      </c>
      <c r="AD26886">
        <v>152</v>
      </c>
      <c r="AE26886">
        <v>154</v>
      </c>
      <c r="AF26886">
        <v>156</v>
      </c>
      <c r="AG26886">
        <v>158</v>
      </c>
      <c r="AH26886">
        <v>161</v>
      </c>
      <c r="AI26886">
        <v>163</v>
      </c>
      <c r="AJ26886">
        <v>166</v>
      </c>
      <c r="AK26886">
        <v>168</v>
      </c>
      <c r="AL26886">
        <v>169</v>
      </c>
      <c r="AM26886">
        <v>170</v>
      </c>
      <c r="AN26886">
        <v>172</v>
      </c>
      <c r="AO26886">
        <v>173</v>
      </c>
      <c r="AP26886">
        <v>174</v>
      </c>
      <c r="AQ26886">
        <v>175</v>
      </c>
    </row>
    <row r="26887" spans="1:43">
      <c r="A26887" t="s">
        <v>16635</v>
      </c>
      <c r="B26887" t="s">
        <v>16636</v>
      </c>
      <c r="C26887" t="s">
        <v>16637</v>
      </c>
      <c r="D26887" t="s">
        <v>16638</v>
      </c>
      <c r="E26887" t="s">
        <v>16557</v>
      </c>
      <c r="F26887" t="s">
        <v>16558</v>
      </c>
      <c r="G26887" t="s">
        <v>16559</v>
      </c>
      <c r="H26887" t="s">
        <v>16560</v>
      </c>
      <c r="I26887" s="2">
        <v>1</v>
      </c>
      <c r="J26887" s="2">
        <v>0</v>
      </c>
      <c r="K26887" s="2">
        <v>0</v>
      </c>
      <c r="L26887" t="s">
        <v>120</v>
      </c>
      <c r="M26887" t="s">
        <v>87</v>
      </c>
      <c r="N26887" t="s">
        <v>88</v>
      </c>
      <c r="O26887" t="s">
        <v>85</v>
      </c>
      <c r="P26887" t="s">
        <v>86</v>
      </c>
      <c r="Q26887">
        <v>125</v>
      </c>
      <c r="R26887">
        <v>126</v>
      </c>
      <c r="S26887">
        <v>127</v>
      </c>
      <c r="T26887">
        <v>128</v>
      </c>
      <c r="U26887">
        <v>129</v>
      </c>
      <c r="V26887">
        <v>129</v>
      </c>
      <c r="W26887">
        <v>130</v>
      </c>
      <c r="X26887">
        <v>131</v>
      </c>
      <c r="Y26887">
        <v>132</v>
      </c>
      <c r="Z26887">
        <v>133</v>
      </c>
      <c r="AA26887">
        <v>133</v>
      </c>
      <c r="AB26887">
        <v>134</v>
      </c>
      <c r="AC26887">
        <v>135</v>
      </c>
      <c r="AD26887">
        <v>136</v>
      </c>
      <c r="AE26887">
        <v>137</v>
      </c>
      <c r="AF26887">
        <v>139</v>
      </c>
      <c r="AG26887">
        <v>140</v>
      </c>
      <c r="AH26887">
        <v>141</v>
      </c>
      <c r="AI26887">
        <v>142</v>
      </c>
      <c r="AJ26887">
        <v>143</v>
      </c>
      <c r="AK26887">
        <v>144</v>
      </c>
      <c r="AL26887">
        <v>146</v>
      </c>
      <c r="AM26887">
        <v>147</v>
      </c>
      <c r="AN26887">
        <v>148</v>
      </c>
      <c r="AO26887">
        <v>150</v>
      </c>
      <c r="AP26887">
        <v>151</v>
      </c>
      <c r="AQ26887">
        <v>153</v>
      </c>
    </row>
    <row r="26888" spans="1:43">
      <c r="A26888" t="s">
        <v>16635</v>
      </c>
      <c r="B26888" t="s">
        <v>16636</v>
      </c>
      <c r="C26888" t="s">
        <v>16637</v>
      </c>
      <c r="D26888" t="s">
        <v>16638</v>
      </c>
      <c r="E26888" t="s">
        <v>16557</v>
      </c>
      <c r="F26888" t="s">
        <v>16558</v>
      </c>
      <c r="G26888" t="s">
        <v>16559</v>
      </c>
      <c r="H26888" t="s">
        <v>16560</v>
      </c>
      <c r="I26888" s="2">
        <v>1</v>
      </c>
      <c r="J26888" s="2">
        <v>0</v>
      </c>
      <c r="K26888" s="2">
        <v>0</v>
      </c>
      <c r="L26888" t="s">
        <v>120</v>
      </c>
      <c r="M26888" t="s">
        <v>89</v>
      </c>
      <c r="N26888" t="s">
        <v>90</v>
      </c>
      <c r="O26888" t="s">
        <v>85</v>
      </c>
      <c r="P26888" t="s">
        <v>86</v>
      </c>
      <c r="Q26888">
        <v>125</v>
      </c>
      <c r="R26888">
        <v>128</v>
      </c>
      <c r="S26888">
        <v>131</v>
      </c>
      <c r="T26888">
        <v>134</v>
      </c>
      <c r="U26888">
        <v>137</v>
      </c>
      <c r="V26888">
        <v>140</v>
      </c>
      <c r="W26888">
        <v>142</v>
      </c>
      <c r="X26888">
        <v>145</v>
      </c>
      <c r="Y26888">
        <v>147</v>
      </c>
      <c r="Z26888">
        <v>150</v>
      </c>
      <c r="AA26888">
        <v>153</v>
      </c>
      <c r="AB26888">
        <v>155</v>
      </c>
      <c r="AC26888">
        <v>158</v>
      </c>
      <c r="AD26888">
        <v>161</v>
      </c>
      <c r="AE26888">
        <v>163</v>
      </c>
      <c r="AF26888">
        <v>164</v>
      </c>
      <c r="AG26888">
        <v>165</v>
      </c>
      <c r="AH26888">
        <v>166</v>
      </c>
      <c r="AI26888">
        <v>167</v>
      </c>
      <c r="AJ26888">
        <v>168</v>
      </c>
      <c r="AK26888">
        <v>169</v>
      </c>
      <c r="AL26888">
        <v>170</v>
      </c>
      <c r="AM26888">
        <v>171</v>
      </c>
      <c r="AN26888">
        <v>172</v>
      </c>
      <c r="AO26888">
        <v>173</v>
      </c>
      <c r="AP26888">
        <v>174</v>
      </c>
      <c r="AQ26888">
        <v>175</v>
      </c>
    </row>
    <row r="26889" spans="1:43">
      <c r="A26889" t="s">
        <v>16635</v>
      </c>
      <c r="B26889" t="s">
        <v>16636</v>
      </c>
      <c r="C26889" t="s">
        <v>16637</v>
      </c>
      <c r="D26889" t="s">
        <v>16638</v>
      </c>
      <c r="E26889" t="s">
        <v>16557</v>
      </c>
      <c r="F26889" t="s">
        <v>16558</v>
      </c>
      <c r="G26889" t="s">
        <v>16559</v>
      </c>
      <c r="H26889" t="s">
        <v>16560</v>
      </c>
      <c r="I26889" s="2">
        <v>1</v>
      </c>
      <c r="J26889" s="2">
        <v>0</v>
      </c>
      <c r="K26889" s="2">
        <v>0</v>
      </c>
      <c r="L26889" t="s">
        <v>120</v>
      </c>
      <c r="M26889" t="s">
        <v>83</v>
      </c>
      <c r="N26889" t="s">
        <v>91</v>
      </c>
      <c r="O26889" t="s">
        <v>85</v>
      </c>
      <c r="P26889" t="s">
        <v>86</v>
      </c>
      <c r="Q26889">
        <v>125</v>
      </c>
      <c r="R26889">
        <v>128</v>
      </c>
      <c r="S26889">
        <v>130</v>
      </c>
      <c r="T26889">
        <v>132</v>
      </c>
      <c r="U26889">
        <v>134</v>
      </c>
      <c r="V26889">
        <v>136</v>
      </c>
      <c r="W26889">
        <v>137</v>
      </c>
      <c r="X26889">
        <v>139</v>
      </c>
      <c r="Y26889">
        <v>141</v>
      </c>
      <c r="Z26889">
        <v>143</v>
      </c>
      <c r="AA26889">
        <v>145</v>
      </c>
      <c r="AB26889">
        <v>147</v>
      </c>
      <c r="AC26889">
        <v>149</v>
      </c>
      <c r="AD26889">
        <v>152</v>
      </c>
      <c r="AE26889">
        <v>154</v>
      </c>
      <c r="AF26889">
        <v>156</v>
      </c>
      <c r="AG26889">
        <v>158</v>
      </c>
      <c r="AH26889">
        <v>161</v>
      </c>
      <c r="AI26889">
        <v>163</v>
      </c>
      <c r="AJ26889">
        <v>166</v>
      </c>
      <c r="AK26889">
        <v>168</v>
      </c>
      <c r="AL26889">
        <v>169</v>
      </c>
      <c r="AM26889">
        <v>170</v>
      </c>
      <c r="AN26889">
        <v>172</v>
      </c>
      <c r="AO26889">
        <v>173</v>
      </c>
      <c r="AP26889">
        <v>174</v>
      </c>
      <c r="AQ26889">
        <v>175</v>
      </c>
    </row>
    <row r="26890" spans="1:43">
      <c r="A26890" t="s">
        <v>16639</v>
      </c>
      <c r="B26890" t="s">
        <v>16640</v>
      </c>
      <c r="C26890" t="s">
        <v>16637</v>
      </c>
      <c r="D26890" t="s">
        <v>16638</v>
      </c>
      <c r="E26890" t="s">
        <v>16557</v>
      </c>
      <c r="F26890" t="s">
        <v>16558</v>
      </c>
      <c r="G26890" t="s">
        <v>16559</v>
      </c>
      <c r="H26890" t="s">
        <v>16560</v>
      </c>
      <c r="I26890" s="2">
        <v>1</v>
      </c>
      <c r="J26890" s="2">
        <v>0</v>
      </c>
      <c r="K26890" s="2">
        <v>0</v>
      </c>
      <c r="L26890" t="s">
        <v>120</v>
      </c>
      <c r="M26890" t="s">
        <v>83</v>
      </c>
      <c r="N26890" t="s">
        <v>84</v>
      </c>
      <c r="O26890" t="s">
        <v>85</v>
      </c>
      <c r="P26890" t="s">
        <v>86</v>
      </c>
      <c r="Q26890">
        <v>79</v>
      </c>
      <c r="R26890">
        <v>80</v>
      </c>
      <c r="S26890">
        <v>82</v>
      </c>
      <c r="T26890">
        <v>83</v>
      </c>
      <c r="U26890">
        <v>84</v>
      </c>
      <c r="V26890">
        <v>85</v>
      </c>
      <c r="W26890">
        <v>86</v>
      </c>
      <c r="X26890">
        <v>88</v>
      </c>
      <c r="Y26890">
        <v>89</v>
      </c>
      <c r="Z26890">
        <v>90</v>
      </c>
      <c r="AA26890">
        <v>91</v>
      </c>
      <c r="AB26890">
        <v>93</v>
      </c>
      <c r="AC26890">
        <v>94</v>
      </c>
      <c r="AD26890">
        <v>95</v>
      </c>
      <c r="AE26890">
        <v>97</v>
      </c>
      <c r="AF26890">
        <v>98</v>
      </c>
      <c r="AG26890">
        <v>99</v>
      </c>
      <c r="AH26890">
        <v>101</v>
      </c>
      <c r="AI26890">
        <v>102</v>
      </c>
      <c r="AJ26890">
        <v>104</v>
      </c>
      <c r="AK26890">
        <v>105</v>
      </c>
      <c r="AL26890">
        <v>106</v>
      </c>
      <c r="AM26890">
        <v>107</v>
      </c>
      <c r="AN26890">
        <v>108</v>
      </c>
      <c r="AO26890">
        <v>109</v>
      </c>
      <c r="AP26890">
        <v>109</v>
      </c>
      <c r="AQ26890">
        <v>110</v>
      </c>
    </row>
    <row r="26891" spans="1:43">
      <c r="A26891" t="s">
        <v>16639</v>
      </c>
      <c r="B26891" t="s">
        <v>16640</v>
      </c>
      <c r="C26891" t="s">
        <v>16637</v>
      </c>
      <c r="D26891" t="s">
        <v>16638</v>
      </c>
      <c r="E26891" t="s">
        <v>16557</v>
      </c>
      <c r="F26891" t="s">
        <v>16558</v>
      </c>
      <c r="G26891" t="s">
        <v>16559</v>
      </c>
      <c r="H26891" t="s">
        <v>16560</v>
      </c>
      <c r="I26891" s="2">
        <v>1</v>
      </c>
      <c r="J26891" s="2">
        <v>0</v>
      </c>
      <c r="K26891" s="2">
        <v>0</v>
      </c>
      <c r="L26891" t="s">
        <v>120</v>
      </c>
      <c r="M26891" t="s">
        <v>87</v>
      </c>
      <c r="N26891" t="s">
        <v>88</v>
      </c>
      <c r="O26891" t="s">
        <v>85</v>
      </c>
      <c r="P26891" t="s">
        <v>86</v>
      </c>
      <c r="Q26891">
        <v>79</v>
      </c>
      <c r="R26891">
        <v>80</v>
      </c>
      <c r="S26891">
        <v>80</v>
      </c>
      <c r="T26891">
        <v>81</v>
      </c>
      <c r="U26891">
        <v>81</v>
      </c>
      <c r="V26891">
        <v>82</v>
      </c>
      <c r="W26891">
        <v>82</v>
      </c>
      <c r="X26891">
        <v>83</v>
      </c>
      <c r="Y26891">
        <v>83</v>
      </c>
      <c r="Z26891">
        <v>84</v>
      </c>
      <c r="AA26891">
        <v>84</v>
      </c>
      <c r="AB26891">
        <v>85</v>
      </c>
      <c r="AC26891">
        <v>85</v>
      </c>
      <c r="AD26891">
        <v>86</v>
      </c>
      <c r="AE26891">
        <v>87</v>
      </c>
      <c r="AF26891">
        <v>87</v>
      </c>
      <c r="AG26891">
        <v>88</v>
      </c>
      <c r="AH26891">
        <v>89</v>
      </c>
      <c r="AI26891">
        <v>90</v>
      </c>
      <c r="AJ26891">
        <v>90</v>
      </c>
      <c r="AK26891">
        <v>91</v>
      </c>
      <c r="AL26891">
        <v>92</v>
      </c>
      <c r="AM26891">
        <v>93</v>
      </c>
      <c r="AN26891">
        <v>94</v>
      </c>
      <c r="AO26891">
        <v>95</v>
      </c>
      <c r="AP26891">
        <v>95</v>
      </c>
      <c r="AQ26891">
        <v>96</v>
      </c>
    </row>
    <row r="26892" spans="1:43">
      <c r="A26892" t="s">
        <v>16639</v>
      </c>
      <c r="B26892" t="s">
        <v>16640</v>
      </c>
      <c r="C26892" t="s">
        <v>16637</v>
      </c>
      <c r="D26892" t="s">
        <v>16638</v>
      </c>
      <c r="E26892" t="s">
        <v>16557</v>
      </c>
      <c r="F26892" t="s">
        <v>16558</v>
      </c>
      <c r="G26892" t="s">
        <v>16559</v>
      </c>
      <c r="H26892" t="s">
        <v>16560</v>
      </c>
      <c r="I26892" s="2">
        <v>1</v>
      </c>
      <c r="J26892" s="2">
        <v>0</v>
      </c>
      <c r="K26892" s="2">
        <v>0</v>
      </c>
      <c r="L26892" t="s">
        <v>120</v>
      </c>
      <c r="M26892" t="s">
        <v>89</v>
      </c>
      <c r="N26892" t="s">
        <v>90</v>
      </c>
      <c r="O26892" t="s">
        <v>85</v>
      </c>
      <c r="P26892" t="s">
        <v>86</v>
      </c>
      <c r="Q26892">
        <v>79</v>
      </c>
      <c r="R26892">
        <v>81</v>
      </c>
      <c r="S26892">
        <v>83</v>
      </c>
      <c r="T26892">
        <v>85</v>
      </c>
      <c r="U26892">
        <v>86</v>
      </c>
      <c r="V26892">
        <v>88</v>
      </c>
      <c r="W26892">
        <v>90</v>
      </c>
      <c r="X26892">
        <v>91</v>
      </c>
      <c r="Y26892">
        <v>93</v>
      </c>
      <c r="Z26892">
        <v>95</v>
      </c>
      <c r="AA26892">
        <v>96</v>
      </c>
      <c r="AB26892">
        <v>98</v>
      </c>
      <c r="AC26892">
        <v>100</v>
      </c>
      <c r="AD26892">
        <v>101</v>
      </c>
      <c r="AE26892">
        <v>103</v>
      </c>
      <c r="AF26892">
        <v>103</v>
      </c>
      <c r="AG26892">
        <v>104</v>
      </c>
      <c r="AH26892">
        <v>104</v>
      </c>
      <c r="AI26892">
        <v>105</v>
      </c>
      <c r="AJ26892">
        <v>106</v>
      </c>
      <c r="AK26892">
        <v>106</v>
      </c>
      <c r="AL26892">
        <v>107</v>
      </c>
      <c r="AM26892">
        <v>108</v>
      </c>
      <c r="AN26892">
        <v>108</v>
      </c>
      <c r="AO26892">
        <v>109</v>
      </c>
      <c r="AP26892">
        <v>110</v>
      </c>
      <c r="AQ26892">
        <v>110</v>
      </c>
    </row>
    <row r="26893" spans="1:43">
      <c r="A26893" t="s">
        <v>16639</v>
      </c>
      <c r="B26893" t="s">
        <v>16640</v>
      </c>
      <c r="C26893" t="s">
        <v>16637</v>
      </c>
      <c r="D26893" t="s">
        <v>16638</v>
      </c>
      <c r="E26893" t="s">
        <v>16557</v>
      </c>
      <c r="F26893" t="s">
        <v>16558</v>
      </c>
      <c r="G26893" t="s">
        <v>16559</v>
      </c>
      <c r="H26893" t="s">
        <v>16560</v>
      </c>
      <c r="I26893" s="2">
        <v>1</v>
      </c>
      <c r="J26893" s="2">
        <v>0</v>
      </c>
      <c r="K26893" s="2">
        <v>0</v>
      </c>
      <c r="L26893" t="s">
        <v>120</v>
      </c>
      <c r="M26893" t="s">
        <v>83</v>
      </c>
      <c r="N26893" t="s">
        <v>91</v>
      </c>
      <c r="O26893" t="s">
        <v>85</v>
      </c>
      <c r="P26893" t="s">
        <v>86</v>
      </c>
      <c r="Q26893">
        <v>79</v>
      </c>
      <c r="R26893">
        <v>80</v>
      </c>
      <c r="S26893">
        <v>82</v>
      </c>
      <c r="T26893">
        <v>83</v>
      </c>
      <c r="U26893">
        <v>84</v>
      </c>
      <c r="V26893">
        <v>85</v>
      </c>
      <c r="W26893">
        <v>86</v>
      </c>
      <c r="X26893">
        <v>88</v>
      </c>
      <c r="Y26893">
        <v>89</v>
      </c>
      <c r="Z26893">
        <v>90</v>
      </c>
      <c r="AA26893">
        <v>91</v>
      </c>
      <c r="AB26893">
        <v>93</v>
      </c>
      <c r="AC26893">
        <v>94</v>
      </c>
      <c r="AD26893">
        <v>95</v>
      </c>
      <c r="AE26893">
        <v>97</v>
      </c>
      <c r="AF26893">
        <v>98</v>
      </c>
      <c r="AG26893">
        <v>99</v>
      </c>
      <c r="AH26893">
        <v>101</v>
      </c>
      <c r="AI26893">
        <v>102</v>
      </c>
      <c r="AJ26893">
        <v>104</v>
      </c>
      <c r="AK26893">
        <v>105</v>
      </c>
      <c r="AL26893">
        <v>106</v>
      </c>
      <c r="AM26893">
        <v>107</v>
      </c>
      <c r="AN26893">
        <v>108</v>
      </c>
      <c r="AO26893">
        <v>109</v>
      </c>
      <c r="AP26893">
        <v>109</v>
      </c>
      <c r="AQ26893">
        <v>110</v>
      </c>
    </row>
    <row r="26894" spans="1:43">
      <c r="A26894" t="s">
        <v>16641</v>
      </c>
      <c r="B26894" t="s">
        <v>16642</v>
      </c>
      <c r="C26894" t="s">
        <v>16637</v>
      </c>
      <c r="D26894" t="s">
        <v>16638</v>
      </c>
      <c r="E26894" t="s">
        <v>16557</v>
      </c>
      <c r="F26894" t="s">
        <v>16558</v>
      </c>
      <c r="G26894" t="s">
        <v>16559</v>
      </c>
      <c r="H26894" t="s">
        <v>16560</v>
      </c>
      <c r="I26894" s="2">
        <v>1</v>
      </c>
      <c r="J26894" s="2">
        <v>0</v>
      </c>
      <c r="K26894" s="2">
        <v>0</v>
      </c>
      <c r="L26894" t="s">
        <v>120</v>
      </c>
      <c r="M26894" t="s">
        <v>83</v>
      </c>
      <c r="N26894" t="s">
        <v>84</v>
      </c>
      <c r="O26894" t="s">
        <v>85</v>
      </c>
      <c r="P26894" t="s">
        <v>86</v>
      </c>
      <c r="Q26894">
        <v>24</v>
      </c>
      <c r="R26894">
        <v>24</v>
      </c>
      <c r="S26894">
        <v>25</v>
      </c>
      <c r="T26894">
        <v>25</v>
      </c>
      <c r="U26894">
        <v>25</v>
      </c>
      <c r="V26894">
        <v>26</v>
      </c>
      <c r="W26894">
        <v>26</v>
      </c>
      <c r="X26894">
        <v>27</v>
      </c>
      <c r="Y26894">
        <v>27</v>
      </c>
      <c r="Z26894">
        <v>27</v>
      </c>
      <c r="AA26894">
        <v>28</v>
      </c>
      <c r="AB26894">
        <v>28</v>
      </c>
      <c r="AC26894">
        <v>28</v>
      </c>
      <c r="AD26894">
        <v>29</v>
      </c>
      <c r="AE26894">
        <v>29</v>
      </c>
      <c r="AF26894">
        <v>30</v>
      </c>
      <c r="AG26894">
        <v>30</v>
      </c>
      <c r="AH26894">
        <v>31</v>
      </c>
      <c r="AI26894">
        <v>31</v>
      </c>
      <c r="AJ26894">
        <v>31</v>
      </c>
      <c r="AK26894">
        <v>32</v>
      </c>
      <c r="AL26894">
        <v>32</v>
      </c>
      <c r="AM26894">
        <v>32</v>
      </c>
      <c r="AN26894">
        <v>33</v>
      </c>
      <c r="AO26894">
        <v>33</v>
      </c>
      <c r="AP26894">
        <v>33</v>
      </c>
      <c r="AQ26894">
        <v>33</v>
      </c>
    </row>
    <row r="26895" spans="1:43">
      <c r="A26895" t="s">
        <v>16641</v>
      </c>
      <c r="B26895" t="s">
        <v>16642</v>
      </c>
      <c r="C26895" t="s">
        <v>16637</v>
      </c>
      <c r="D26895" t="s">
        <v>16638</v>
      </c>
      <c r="E26895" t="s">
        <v>16557</v>
      </c>
      <c r="F26895" t="s">
        <v>16558</v>
      </c>
      <c r="G26895" t="s">
        <v>16559</v>
      </c>
      <c r="H26895" t="s">
        <v>16560</v>
      </c>
      <c r="I26895" s="2">
        <v>1</v>
      </c>
      <c r="J26895" s="2">
        <v>0</v>
      </c>
      <c r="K26895" s="2">
        <v>0</v>
      </c>
      <c r="L26895" t="s">
        <v>120</v>
      </c>
      <c r="M26895" t="s">
        <v>87</v>
      </c>
      <c r="N26895" t="s">
        <v>88</v>
      </c>
      <c r="O26895" t="s">
        <v>85</v>
      </c>
      <c r="P26895" t="s">
        <v>86</v>
      </c>
      <c r="Q26895">
        <v>24</v>
      </c>
      <c r="R26895">
        <v>24</v>
      </c>
      <c r="S26895">
        <v>24</v>
      </c>
      <c r="T26895">
        <v>24</v>
      </c>
      <c r="U26895">
        <v>24</v>
      </c>
      <c r="V26895">
        <v>24</v>
      </c>
      <c r="W26895">
        <v>25</v>
      </c>
      <c r="X26895">
        <v>25</v>
      </c>
      <c r="Y26895">
        <v>25</v>
      </c>
      <c r="Z26895">
        <v>25</v>
      </c>
      <c r="AA26895">
        <v>25</v>
      </c>
      <c r="AB26895">
        <v>25</v>
      </c>
      <c r="AC26895">
        <v>26</v>
      </c>
      <c r="AD26895">
        <v>26</v>
      </c>
      <c r="AE26895">
        <v>26</v>
      </c>
      <c r="AF26895">
        <v>26</v>
      </c>
      <c r="AG26895">
        <v>26</v>
      </c>
      <c r="AH26895">
        <v>27</v>
      </c>
      <c r="AI26895">
        <v>27</v>
      </c>
      <c r="AJ26895">
        <v>27</v>
      </c>
      <c r="AK26895">
        <v>27</v>
      </c>
      <c r="AL26895">
        <v>28</v>
      </c>
      <c r="AM26895">
        <v>28</v>
      </c>
      <c r="AN26895">
        <v>28</v>
      </c>
      <c r="AO26895">
        <v>28</v>
      </c>
      <c r="AP26895">
        <v>29</v>
      </c>
      <c r="AQ26895">
        <v>29</v>
      </c>
    </row>
    <row r="26896" spans="1:43">
      <c r="A26896" t="s">
        <v>16641</v>
      </c>
      <c r="B26896" t="s">
        <v>16642</v>
      </c>
      <c r="C26896" t="s">
        <v>16637</v>
      </c>
      <c r="D26896" t="s">
        <v>16638</v>
      </c>
      <c r="E26896" t="s">
        <v>16557</v>
      </c>
      <c r="F26896" t="s">
        <v>16558</v>
      </c>
      <c r="G26896" t="s">
        <v>16559</v>
      </c>
      <c r="H26896" t="s">
        <v>16560</v>
      </c>
      <c r="I26896" s="2">
        <v>1</v>
      </c>
      <c r="J26896" s="2">
        <v>0</v>
      </c>
      <c r="K26896" s="2">
        <v>0</v>
      </c>
      <c r="L26896" t="s">
        <v>120</v>
      </c>
      <c r="M26896" t="s">
        <v>89</v>
      </c>
      <c r="N26896" t="s">
        <v>90</v>
      </c>
      <c r="O26896" t="s">
        <v>85</v>
      </c>
      <c r="P26896" t="s">
        <v>86</v>
      </c>
      <c r="Q26896">
        <v>24</v>
      </c>
      <c r="R26896">
        <v>25</v>
      </c>
      <c r="S26896">
        <v>25</v>
      </c>
      <c r="T26896">
        <v>26</v>
      </c>
      <c r="U26896">
        <v>26</v>
      </c>
      <c r="V26896">
        <v>27</v>
      </c>
      <c r="W26896">
        <v>27</v>
      </c>
      <c r="X26896">
        <v>28</v>
      </c>
      <c r="Y26896">
        <v>28</v>
      </c>
      <c r="Z26896">
        <v>29</v>
      </c>
      <c r="AA26896">
        <v>29</v>
      </c>
      <c r="AB26896">
        <v>30</v>
      </c>
      <c r="AC26896">
        <v>30</v>
      </c>
      <c r="AD26896">
        <v>31</v>
      </c>
      <c r="AE26896">
        <v>31</v>
      </c>
      <c r="AF26896">
        <v>32</v>
      </c>
      <c r="AG26896">
        <v>32</v>
      </c>
      <c r="AH26896">
        <v>32</v>
      </c>
      <c r="AI26896">
        <v>32</v>
      </c>
      <c r="AJ26896">
        <v>32</v>
      </c>
      <c r="AK26896">
        <v>32</v>
      </c>
      <c r="AL26896">
        <v>33</v>
      </c>
      <c r="AM26896">
        <v>33</v>
      </c>
      <c r="AN26896">
        <v>33</v>
      </c>
      <c r="AO26896">
        <v>33</v>
      </c>
      <c r="AP26896">
        <v>33</v>
      </c>
      <c r="AQ26896">
        <v>34</v>
      </c>
    </row>
    <row r="26897" spans="1:43">
      <c r="A26897" t="s">
        <v>16641</v>
      </c>
      <c r="B26897" t="s">
        <v>16642</v>
      </c>
      <c r="C26897" t="s">
        <v>16637</v>
      </c>
      <c r="D26897" t="s">
        <v>16638</v>
      </c>
      <c r="E26897" t="s">
        <v>16557</v>
      </c>
      <c r="F26897" t="s">
        <v>16558</v>
      </c>
      <c r="G26897" t="s">
        <v>16559</v>
      </c>
      <c r="H26897" t="s">
        <v>16560</v>
      </c>
      <c r="I26897" s="2">
        <v>1</v>
      </c>
      <c r="J26897" s="2">
        <v>0</v>
      </c>
      <c r="K26897" s="2">
        <v>0</v>
      </c>
      <c r="L26897" t="s">
        <v>120</v>
      </c>
      <c r="M26897" t="s">
        <v>83</v>
      </c>
      <c r="N26897" t="s">
        <v>91</v>
      </c>
      <c r="O26897" t="s">
        <v>85</v>
      </c>
      <c r="P26897" t="s">
        <v>86</v>
      </c>
      <c r="Q26897">
        <v>24</v>
      </c>
      <c r="R26897">
        <v>24</v>
      </c>
      <c r="S26897">
        <v>25</v>
      </c>
      <c r="T26897">
        <v>25</v>
      </c>
      <c r="U26897">
        <v>25</v>
      </c>
      <c r="V26897">
        <v>26</v>
      </c>
      <c r="W26897">
        <v>26</v>
      </c>
      <c r="X26897">
        <v>27</v>
      </c>
      <c r="Y26897">
        <v>27</v>
      </c>
      <c r="Z26897">
        <v>27</v>
      </c>
      <c r="AA26897">
        <v>28</v>
      </c>
      <c r="AB26897">
        <v>28</v>
      </c>
      <c r="AC26897">
        <v>28</v>
      </c>
      <c r="AD26897">
        <v>29</v>
      </c>
      <c r="AE26897">
        <v>29</v>
      </c>
      <c r="AF26897">
        <v>30</v>
      </c>
      <c r="AG26897">
        <v>30</v>
      </c>
      <c r="AH26897">
        <v>31</v>
      </c>
      <c r="AI26897">
        <v>31</v>
      </c>
      <c r="AJ26897">
        <v>31</v>
      </c>
      <c r="AK26897">
        <v>32</v>
      </c>
      <c r="AL26897">
        <v>32</v>
      </c>
      <c r="AM26897">
        <v>32</v>
      </c>
      <c r="AN26897">
        <v>33</v>
      </c>
      <c r="AO26897">
        <v>33</v>
      </c>
      <c r="AP26897">
        <v>33</v>
      </c>
      <c r="AQ26897">
        <v>33</v>
      </c>
    </row>
    <row r="26898" spans="1:43">
      <c r="A26898" t="s">
        <v>16643</v>
      </c>
      <c r="B26898" t="s">
        <v>16644</v>
      </c>
      <c r="C26898" t="s">
        <v>16637</v>
      </c>
      <c r="D26898" t="s">
        <v>16638</v>
      </c>
      <c r="E26898" t="s">
        <v>16557</v>
      </c>
      <c r="F26898" t="s">
        <v>16558</v>
      </c>
      <c r="G26898" t="s">
        <v>16559</v>
      </c>
      <c r="H26898" t="s">
        <v>16560</v>
      </c>
      <c r="I26898" s="2">
        <v>1</v>
      </c>
      <c r="J26898" s="2">
        <v>0</v>
      </c>
      <c r="K26898" s="2">
        <v>0</v>
      </c>
      <c r="L26898" t="s">
        <v>120</v>
      </c>
      <c r="M26898" t="s">
        <v>83</v>
      </c>
      <c r="N26898" t="s">
        <v>84</v>
      </c>
      <c r="O26898" t="s">
        <v>85</v>
      </c>
      <c r="P26898" t="s">
        <v>86</v>
      </c>
      <c r="Q26898">
        <v>41</v>
      </c>
      <c r="R26898">
        <v>42</v>
      </c>
      <c r="S26898">
        <v>42</v>
      </c>
      <c r="T26898">
        <v>43</v>
      </c>
      <c r="U26898">
        <v>44</v>
      </c>
      <c r="V26898">
        <v>44</v>
      </c>
      <c r="W26898">
        <v>45</v>
      </c>
      <c r="X26898">
        <v>46</v>
      </c>
      <c r="Y26898">
        <v>46</v>
      </c>
      <c r="Z26898">
        <v>47</v>
      </c>
      <c r="AA26898">
        <v>48</v>
      </c>
      <c r="AB26898">
        <v>48</v>
      </c>
      <c r="AC26898">
        <v>49</v>
      </c>
      <c r="AD26898">
        <v>50</v>
      </c>
      <c r="AE26898">
        <v>50</v>
      </c>
      <c r="AF26898">
        <v>51</v>
      </c>
      <c r="AG26898">
        <v>52</v>
      </c>
      <c r="AH26898">
        <v>53</v>
      </c>
      <c r="AI26898">
        <v>53</v>
      </c>
      <c r="AJ26898">
        <v>54</v>
      </c>
      <c r="AK26898">
        <v>55</v>
      </c>
      <c r="AL26898">
        <v>55</v>
      </c>
      <c r="AM26898">
        <v>56</v>
      </c>
      <c r="AN26898">
        <v>56</v>
      </c>
      <c r="AO26898">
        <v>57</v>
      </c>
      <c r="AP26898">
        <v>57</v>
      </c>
      <c r="AQ26898">
        <v>57</v>
      </c>
    </row>
    <row r="26899" spans="1:43">
      <c r="A26899" t="s">
        <v>16643</v>
      </c>
      <c r="B26899" t="s">
        <v>16644</v>
      </c>
      <c r="C26899" t="s">
        <v>16637</v>
      </c>
      <c r="D26899" t="s">
        <v>16638</v>
      </c>
      <c r="E26899" t="s">
        <v>16557</v>
      </c>
      <c r="F26899" t="s">
        <v>16558</v>
      </c>
      <c r="G26899" t="s">
        <v>16559</v>
      </c>
      <c r="H26899" t="s">
        <v>16560</v>
      </c>
      <c r="I26899" s="2">
        <v>1</v>
      </c>
      <c r="J26899" s="2">
        <v>0</v>
      </c>
      <c r="K26899" s="2">
        <v>0</v>
      </c>
      <c r="L26899" t="s">
        <v>120</v>
      </c>
      <c r="M26899" t="s">
        <v>87</v>
      </c>
      <c r="N26899" t="s">
        <v>88</v>
      </c>
      <c r="O26899" t="s">
        <v>85</v>
      </c>
      <c r="P26899" t="s">
        <v>86</v>
      </c>
      <c r="Q26899">
        <v>41</v>
      </c>
      <c r="R26899">
        <v>41</v>
      </c>
      <c r="S26899">
        <v>41</v>
      </c>
      <c r="T26899">
        <v>42</v>
      </c>
      <c r="U26899">
        <v>42</v>
      </c>
      <c r="V26899">
        <v>42</v>
      </c>
      <c r="W26899">
        <v>42</v>
      </c>
      <c r="X26899">
        <v>43</v>
      </c>
      <c r="Y26899">
        <v>43</v>
      </c>
      <c r="Z26899">
        <v>43</v>
      </c>
      <c r="AA26899">
        <v>43</v>
      </c>
      <c r="AB26899">
        <v>44</v>
      </c>
      <c r="AC26899">
        <v>44</v>
      </c>
      <c r="AD26899">
        <v>44</v>
      </c>
      <c r="AE26899">
        <v>45</v>
      </c>
      <c r="AF26899">
        <v>45</v>
      </c>
      <c r="AG26899">
        <v>45</v>
      </c>
      <c r="AH26899">
        <v>46</v>
      </c>
      <c r="AI26899">
        <v>46</v>
      </c>
      <c r="AJ26899">
        <v>47</v>
      </c>
      <c r="AK26899">
        <v>47</v>
      </c>
      <c r="AL26899">
        <v>47</v>
      </c>
      <c r="AM26899">
        <v>48</v>
      </c>
      <c r="AN26899">
        <v>48</v>
      </c>
      <c r="AO26899">
        <v>49</v>
      </c>
      <c r="AP26899">
        <v>49</v>
      </c>
      <c r="AQ26899">
        <v>50</v>
      </c>
    </row>
    <row r="26900" spans="1:43">
      <c r="A26900" t="s">
        <v>16643</v>
      </c>
      <c r="B26900" t="s">
        <v>16644</v>
      </c>
      <c r="C26900" t="s">
        <v>16637</v>
      </c>
      <c r="D26900" t="s">
        <v>16638</v>
      </c>
      <c r="E26900" t="s">
        <v>16557</v>
      </c>
      <c r="F26900" t="s">
        <v>16558</v>
      </c>
      <c r="G26900" t="s">
        <v>16559</v>
      </c>
      <c r="H26900" t="s">
        <v>16560</v>
      </c>
      <c r="I26900" s="2">
        <v>1</v>
      </c>
      <c r="J26900" s="2">
        <v>0</v>
      </c>
      <c r="K26900" s="2">
        <v>0</v>
      </c>
      <c r="L26900" t="s">
        <v>120</v>
      </c>
      <c r="M26900" t="s">
        <v>89</v>
      </c>
      <c r="N26900" t="s">
        <v>90</v>
      </c>
      <c r="O26900" t="s">
        <v>85</v>
      </c>
      <c r="P26900" t="s">
        <v>86</v>
      </c>
      <c r="Q26900">
        <v>41</v>
      </c>
      <c r="R26900">
        <v>42</v>
      </c>
      <c r="S26900">
        <v>44</v>
      </c>
      <c r="T26900">
        <v>45</v>
      </c>
      <c r="U26900">
        <v>45</v>
      </c>
      <c r="V26900">
        <v>46</v>
      </c>
      <c r="W26900">
        <v>47</v>
      </c>
      <c r="X26900">
        <v>48</v>
      </c>
      <c r="Y26900">
        <v>49</v>
      </c>
      <c r="Z26900">
        <v>50</v>
      </c>
      <c r="AA26900">
        <v>51</v>
      </c>
      <c r="AB26900">
        <v>51</v>
      </c>
      <c r="AC26900">
        <v>52</v>
      </c>
      <c r="AD26900">
        <v>53</v>
      </c>
      <c r="AE26900">
        <v>54</v>
      </c>
      <c r="AF26900">
        <v>54</v>
      </c>
      <c r="AG26900">
        <v>55</v>
      </c>
      <c r="AH26900">
        <v>55</v>
      </c>
      <c r="AI26900">
        <v>55</v>
      </c>
      <c r="AJ26900">
        <v>56</v>
      </c>
      <c r="AK26900">
        <v>56</v>
      </c>
      <c r="AL26900">
        <v>56</v>
      </c>
      <c r="AM26900">
        <v>56</v>
      </c>
      <c r="AN26900">
        <v>57</v>
      </c>
      <c r="AO26900">
        <v>57</v>
      </c>
      <c r="AP26900">
        <v>58</v>
      </c>
      <c r="AQ26900">
        <v>58</v>
      </c>
    </row>
    <row r="26901" spans="1:43">
      <c r="A26901" t="s">
        <v>16643</v>
      </c>
      <c r="B26901" t="s">
        <v>16644</v>
      </c>
      <c r="C26901" t="s">
        <v>16637</v>
      </c>
      <c r="D26901" t="s">
        <v>16638</v>
      </c>
      <c r="E26901" t="s">
        <v>16557</v>
      </c>
      <c r="F26901" t="s">
        <v>16558</v>
      </c>
      <c r="G26901" t="s">
        <v>16559</v>
      </c>
      <c r="H26901" t="s">
        <v>16560</v>
      </c>
      <c r="I26901" s="2">
        <v>1</v>
      </c>
      <c r="J26901" s="2">
        <v>0</v>
      </c>
      <c r="K26901" s="2">
        <v>0</v>
      </c>
      <c r="L26901" t="s">
        <v>120</v>
      </c>
      <c r="M26901" t="s">
        <v>83</v>
      </c>
      <c r="N26901" t="s">
        <v>91</v>
      </c>
      <c r="O26901" t="s">
        <v>85</v>
      </c>
      <c r="P26901" t="s">
        <v>86</v>
      </c>
      <c r="Q26901">
        <v>41</v>
      </c>
      <c r="R26901">
        <v>42</v>
      </c>
      <c r="S26901">
        <v>42</v>
      </c>
      <c r="T26901">
        <v>43</v>
      </c>
      <c r="U26901">
        <v>44</v>
      </c>
      <c r="V26901">
        <v>44</v>
      </c>
      <c r="W26901">
        <v>45</v>
      </c>
      <c r="X26901">
        <v>46</v>
      </c>
      <c r="Y26901">
        <v>46</v>
      </c>
      <c r="Z26901">
        <v>47</v>
      </c>
      <c r="AA26901">
        <v>48</v>
      </c>
      <c r="AB26901">
        <v>48</v>
      </c>
      <c r="AC26901">
        <v>49</v>
      </c>
      <c r="AD26901">
        <v>50</v>
      </c>
      <c r="AE26901">
        <v>50</v>
      </c>
      <c r="AF26901">
        <v>51</v>
      </c>
      <c r="AG26901">
        <v>52</v>
      </c>
      <c r="AH26901">
        <v>53</v>
      </c>
      <c r="AI26901">
        <v>53</v>
      </c>
      <c r="AJ26901">
        <v>54</v>
      </c>
      <c r="AK26901">
        <v>55</v>
      </c>
      <c r="AL26901">
        <v>55</v>
      </c>
      <c r="AM26901">
        <v>56</v>
      </c>
      <c r="AN26901">
        <v>56</v>
      </c>
      <c r="AO26901">
        <v>57</v>
      </c>
      <c r="AP26901">
        <v>57</v>
      </c>
      <c r="AQ26901">
        <v>57</v>
      </c>
    </row>
    <row r="26902" spans="1:43">
      <c r="A26902" t="s">
        <v>16645</v>
      </c>
      <c r="B26902" t="s">
        <v>16646</v>
      </c>
      <c r="C26902" t="s">
        <v>16621</v>
      </c>
      <c r="D26902" t="s">
        <v>16622</v>
      </c>
      <c r="E26902" t="s">
        <v>16557</v>
      </c>
      <c r="F26902" t="s">
        <v>16558</v>
      </c>
      <c r="G26902" t="s">
        <v>16559</v>
      </c>
      <c r="H26902" t="s">
        <v>16560</v>
      </c>
      <c r="I26902" s="2">
        <v>1</v>
      </c>
      <c r="J26902" s="2">
        <v>0</v>
      </c>
      <c r="K26902" s="2">
        <v>0</v>
      </c>
      <c r="L26902" t="s">
        <v>120</v>
      </c>
      <c r="M26902" t="s">
        <v>83</v>
      </c>
      <c r="N26902" t="s">
        <v>84</v>
      </c>
      <c r="O26902" t="s">
        <v>85</v>
      </c>
      <c r="P26902" t="s">
        <v>86</v>
      </c>
      <c r="Q26902">
        <v>5</v>
      </c>
      <c r="R26902">
        <v>6</v>
      </c>
      <c r="S26902">
        <v>6</v>
      </c>
      <c r="T26902">
        <v>6</v>
      </c>
      <c r="U26902">
        <v>6</v>
      </c>
      <c r="V26902">
        <v>6</v>
      </c>
      <c r="W26902">
        <v>6</v>
      </c>
      <c r="X26902">
        <v>6</v>
      </c>
      <c r="Y26902">
        <v>6</v>
      </c>
      <c r="Z26902">
        <v>6</v>
      </c>
      <c r="AA26902">
        <v>6</v>
      </c>
      <c r="AB26902">
        <v>6</v>
      </c>
      <c r="AC26902">
        <v>6</v>
      </c>
      <c r="AD26902">
        <v>6</v>
      </c>
      <c r="AE26902">
        <v>7</v>
      </c>
      <c r="AF26902">
        <v>7</v>
      </c>
      <c r="AG26902">
        <v>7</v>
      </c>
      <c r="AH26902">
        <v>7</v>
      </c>
      <c r="AI26902">
        <v>7</v>
      </c>
      <c r="AJ26902">
        <v>7</v>
      </c>
      <c r="AK26902">
        <v>7</v>
      </c>
      <c r="AL26902">
        <v>7</v>
      </c>
      <c r="AM26902">
        <v>7</v>
      </c>
      <c r="AN26902">
        <v>7</v>
      </c>
      <c r="AO26902">
        <v>7</v>
      </c>
      <c r="AP26902">
        <v>7</v>
      </c>
      <c r="AQ26902">
        <v>7</v>
      </c>
    </row>
    <row r="26903" spans="1:43">
      <c r="A26903" t="s">
        <v>16645</v>
      </c>
      <c r="B26903" t="s">
        <v>16646</v>
      </c>
      <c r="C26903" t="s">
        <v>16621</v>
      </c>
      <c r="D26903" t="s">
        <v>16622</v>
      </c>
      <c r="E26903" t="s">
        <v>16557</v>
      </c>
      <c r="F26903" t="s">
        <v>16558</v>
      </c>
      <c r="G26903" t="s">
        <v>16559</v>
      </c>
      <c r="H26903" t="s">
        <v>16560</v>
      </c>
      <c r="I26903" s="2">
        <v>1</v>
      </c>
      <c r="J26903" s="2">
        <v>0</v>
      </c>
      <c r="K26903" s="2">
        <v>0</v>
      </c>
      <c r="L26903" t="s">
        <v>120</v>
      </c>
      <c r="M26903" t="s">
        <v>87</v>
      </c>
      <c r="N26903" t="s">
        <v>88</v>
      </c>
      <c r="O26903" t="s">
        <v>85</v>
      </c>
      <c r="P26903" t="s">
        <v>86</v>
      </c>
      <c r="Q26903">
        <v>5</v>
      </c>
      <c r="R26903">
        <v>5</v>
      </c>
      <c r="S26903">
        <v>5</v>
      </c>
      <c r="T26903">
        <v>5</v>
      </c>
      <c r="U26903">
        <v>5</v>
      </c>
      <c r="V26903">
        <v>6</v>
      </c>
      <c r="W26903">
        <v>6</v>
      </c>
      <c r="X26903">
        <v>6</v>
      </c>
      <c r="Y26903">
        <v>6</v>
      </c>
      <c r="Z26903">
        <v>6</v>
      </c>
      <c r="AA26903">
        <v>6</v>
      </c>
      <c r="AB26903">
        <v>6</v>
      </c>
      <c r="AC26903">
        <v>6</v>
      </c>
      <c r="AD26903">
        <v>6</v>
      </c>
      <c r="AE26903">
        <v>6</v>
      </c>
      <c r="AF26903">
        <v>6</v>
      </c>
      <c r="AG26903">
        <v>6</v>
      </c>
      <c r="AH26903">
        <v>6</v>
      </c>
      <c r="AI26903">
        <v>6</v>
      </c>
      <c r="AJ26903">
        <v>6</v>
      </c>
      <c r="AK26903">
        <v>6</v>
      </c>
      <c r="AL26903">
        <v>6</v>
      </c>
      <c r="AM26903">
        <v>6</v>
      </c>
      <c r="AN26903">
        <v>6</v>
      </c>
      <c r="AO26903">
        <v>6</v>
      </c>
      <c r="AP26903">
        <v>6</v>
      </c>
      <c r="AQ26903">
        <v>6</v>
      </c>
    </row>
    <row r="26904" spans="1:43">
      <c r="A26904" t="s">
        <v>16645</v>
      </c>
      <c r="B26904" t="s">
        <v>16646</v>
      </c>
      <c r="C26904" t="s">
        <v>16621</v>
      </c>
      <c r="D26904" t="s">
        <v>16622</v>
      </c>
      <c r="E26904" t="s">
        <v>16557</v>
      </c>
      <c r="F26904" t="s">
        <v>16558</v>
      </c>
      <c r="G26904" t="s">
        <v>16559</v>
      </c>
      <c r="H26904" t="s">
        <v>16560</v>
      </c>
      <c r="I26904" s="2">
        <v>1</v>
      </c>
      <c r="J26904" s="2">
        <v>0</v>
      </c>
      <c r="K26904" s="2">
        <v>0</v>
      </c>
      <c r="L26904" t="s">
        <v>120</v>
      </c>
      <c r="M26904" t="s">
        <v>89</v>
      </c>
      <c r="N26904" t="s">
        <v>90</v>
      </c>
      <c r="O26904" t="s">
        <v>85</v>
      </c>
      <c r="P26904" t="s">
        <v>86</v>
      </c>
      <c r="Q26904">
        <v>5</v>
      </c>
      <c r="R26904">
        <v>6</v>
      </c>
      <c r="S26904">
        <v>6</v>
      </c>
      <c r="T26904">
        <v>6</v>
      </c>
      <c r="U26904">
        <v>6</v>
      </c>
      <c r="V26904">
        <v>6</v>
      </c>
      <c r="W26904">
        <v>6</v>
      </c>
      <c r="X26904">
        <v>6</v>
      </c>
      <c r="Y26904">
        <v>6</v>
      </c>
      <c r="Z26904">
        <v>7</v>
      </c>
      <c r="AA26904">
        <v>7</v>
      </c>
      <c r="AB26904">
        <v>7</v>
      </c>
      <c r="AC26904">
        <v>7</v>
      </c>
      <c r="AD26904">
        <v>7</v>
      </c>
      <c r="AE26904">
        <v>7</v>
      </c>
      <c r="AF26904">
        <v>7</v>
      </c>
      <c r="AG26904">
        <v>7</v>
      </c>
      <c r="AH26904">
        <v>7</v>
      </c>
      <c r="AI26904">
        <v>7</v>
      </c>
      <c r="AJ26904">
        <v>7</v>
      </c>
      <c r="AK26904">
        <v>7</v>
      </c>
      <c r="AL26904">
        <v>7</v>
      </c>
      <c r="AM26904">
        <v>7</v>
      </c>
      <c r="AN26904">
        <v>7</v>
      </c>
      <c r="AO26904">
        <v>7</v>
      </c>
      <c r="AP26904">
        <v>7</v>
      </c>
      <c r="AQ26904">
        <v>7</v>
      </c>
    </row>
    <row r="26905" spans="1:43">
      <c r="A26905" t="s">
        <v>16645</v>
      </c>
      <c r="B26905" t="s">
        <v>16646</v>
      </c>
      <c r="C26905" t="s">
        <v>16621</v>
      </c>
      <c r="D26905" t="s">
        <v>16622</v>
      </c>
      <c r="E26905" t="s">
        <v>16557</v>
      </c>
      <c r="F26905" t="s">
        <v>16558</v>
      </c>
      <c r="G26905" t="s">
        <v>16559</v>
      </c>
      <c r="H26905" t="s">
        <v>16560</v>
      </c>
      <c r="I26905" s="2">
        <v>1</v>
      </c>
      <c r="J26905" s="2">
        <v>0</v>
      </c>
      <c r="K26905" s="2">
        <v>0</v>
      </c>
      <c r="L26905" t="s">
        <v>120</v>
      </c>
      <c r="M26905" t="s">
        <v>83</v>
      </c>
      <c r="N26905" t="s">
        <v>91</v>
      </c>
      <c r="O26905" t="s">
        <v>85</v>
      </c>
      <c r="P26905" t="s">
        <v>86</v>
      </c>
      <c r="Q26905">
        <v>5</v>
      </c>
      <c r="R26905">
        <v>6</v>
      </c>
      <c r="S26905">
        <v>6</v>
      </c>
      <c r="T26905">
        <v>6</v>
      </c>
      <c r="U26905">
        <v>6</v>
      </c>
      <c r="V26905">
        <v>6</v>
      </c>
      <c r="W26905">
        <v>6</v>
      </c>
      <c r="X26905">
        <v>6</v>
      </c>
      <c r="Y26905">
        <v>6</v>
      </c>
      <c r="Z26905">
        <v>6</v>
      </c>
      <c r="AA26905">
        <v>6</v>
      </c>
      <c r="AB26905">
        <v>6</v>
      </c>
      <c r="AC26905">
        <v>6</v>
      </c>
      <c r="AD26905">
        <v>6</v>
      </c>
      <c r="AE26905">
        <v>7</v>
      </c>
      <c r="AF26905">
        <v>7</v>
      </c>
      <c r="AG26905">
        <v>7</v>
      </c>
      <c r="AH26905">
        <v>7</v>
      </c>
      <c r="AI26905">
        <v>7</v>
      </c>
      <c r="AJ26905">
        <v>7</v>
      </c>
      <c r="AK26905">
        <v>7</v>
      </c>
      <c r="AL26905">
        <v>7</v>
      </c>
      <c r="AM26905">
        <v>7</v>
      </c>
      <c r="AN26905">
        <v>7</v>
      </c>
      <c r="AO26905">
        <v>7</v>
      </c>
      <c r="AP26905">
        <v>7</v>
      </c>
      <c r="AQ26905">
        <v>7</v>
      </c>
    </row>
    <row r="26906" spans="1:43">
      <c r="A26906" t="s">
        <v>16647</v>
      </c>
      <c r="B26906" t="s">
        <v>16648</v>
      </c>
      <c r="C26906" t="s">
        <v>16621</v>
      </c>
      <c r="D26906" t="s">
        <v>16622</v>
      </c>
      <c r="E26906" t="s">
        <v>16557</v>
      </c>
      <c r="F26906" t="s">
        <v>16558</v>
      </c>
      <c r="G26906" t="s">
        <v>16559</v>
      </c>
      <c r="H26906" t="s">
        <v>16560</v>
      </c>
      <c r="I26906" s="2">
        <v>1</v>
      </c>
      <c r="J26906" s="2">
        <v>0</v>
      </c>
      <c r="K26906" s="2">
        <v>0</v>
      </c>
      <c r="L26906" t="s">
        <v>120</v>
      </c>
      <c r="M26906" t="s">
        <v>83</v>
      </c>
      <c r="N26906" t="s">
        <v>84</v>
      </c>
      <c r="O26906" t="s">
        <v>85</v>
      </c>
      <c r="P26906" t="s">
        <v>86</v>
      </c>
      <c r="Q26906">
        <v>11</v>
      </c>
      <c r="R26906">
        <v>12</v>
      </c>
      <c r="S26906">
        <v>12</v>
      </c>
      <c r="T26906">
        <v>12</v>
      </c>
      <c r="U26906">
        <v>12</v>
      </c>
      <c r="V26906">
        <v>12</v>
      </c>
      <c r="W26906">
        <v>12</v>
      </c>
      <c r="X26906">
        <v>13</v>
      </c>
      <c r="Y26906">
        <v>13</v>
      </c>
      <c r="Z26906">
        <v>13</v>
      </c>
      <c r="AA26906">
        <v>13</v>
      </c>
      <c r="AB26906">
        <v>13</v>
      </c>
      <c r="AC26906">
        <v>13</v>
      </c>
      <c r="AD26906">
        <v>14</v>
      </c>
      <c r="AE26906">
        <v>14</v>
      </c>
      <c r="AF26906">
        <v>14</v>
      </c>
      <c r="AG26906">
        <v>14</v>
      </c>
      <c r="AH26906">
        <v>14</v>
      </c>
      <c r="AI26906">
        <v>15</v>
      </c>
      <c r="AJ26906">
        <v>15</v>
      </c>
      <c r="AK26906">
        <v>15</v>
      </c>
      <c r="AL26906">
        <v>15</v>
      </c>
      <c r="AM26906">
        <v>15</v>
      </c>
      <c r="AN26906">
        <v>15</v>
      </c>
      <c r="AO26906">
        <v>15</v>
      </c>
      <c r="AP26906">
        <v>15</v>
      </c>
      <c r="AQ26906">
        <v>15</v>
      </c>
    </row>
    <row r="26907" spans="1:43">
      <c r="A26907" t="s">
        <v>16647</v>
      </c>
      <c r="B26907" t="s">
        <v>16648</v>
      </c>
      <c r="C26907" t="s">
        <v>16621</v>
      </c>
      <c r="D26907" t="s">
        <v>16622</v>
      </c>
      <c r="E26907" t="s">
        <v>16557</v>
      </c>
      <c r="F26907" t="s">
        <v>16558</v>
      </c>
      <c r="G26907" t="s">
        <v>16559</v>
      </c>
      <c r="H26907" t="s">
        <v>16560</v>
      </c>
      <c r="I26907" s="2">
        <v>1</v>
      </c>
      <c r="J26907" s="2">
        <v>0</v>
      </c>
      <c r="K26907" s="2">
        <v>0</v>
      </c>
      <c r="L26907" t="s">
        <v>120</v>
      </c>
      <c r="M26907" t="s">
        <v>87</v>
      </c>
      <c r="N26907" t="s">
        <v>88</v>
      </c>
      <c r="O26907" t="s">
        <v>85</v>
      </c>
      <c r="P26907" t="s">
        <v>86</v>
      </c>
      <c r="Q26907">
        <v>11</v>
      </c>
      <c r="R26907">
        <v>11</v>
      </c>
      <c r="S26907">
        <v>11</v>
      </c>
      <c r="T26907">
        <v>11</v>
      </c>
      <c r="U26907">
        <v>12</v>
      </c>
      <c r="V26907">
        <v>12</v>
      </c>
      <c r="W26907">
        <v>12</v>
      </c>
      <c r="X26907">
        <v>12</v>
      </c>
      <c r="Y26907">
        <v>12</v>
      </c>
      <c r="Z26907">
        <v>12</v>
      </c>
      <c r="AA26907">
        <v>12</v>
      </c>
      <c r="AB26907">
        <v>12</v>
      </c>
      <c r="AC26907">
        <v>12</v>
      </c>
      <c r="AD26907">
        <v>12</v>
      </c>
      <c r="AE26907">
        <v>12</v>
      </c>
      <c r="AF26907">
        <v>12</v>
      </c>
      <c r="AG26907">
        <v>12</v>
      </c>
      <c r="AH26907">
        <v>12</v>
      </c>
      <c r="AI26907">
        <v>13</v>
      </c>
      <c r="AJ26907">
        <v>13</v>
      </c>
      <c r="AK26907">
        <v>13</v>
      </c>
      <c r="AL26907">
        <v>13</v>
      </c>
      <c r="AM26907">
        <v>13</v>
      </c>
      <c r="AN26907">
        <v>13</v>
      </c>
      <c r="AO26907">
        <v>13</v>
      </c>
      <c r="AP26907">
        <v>13</v>
      </c>
      <c r="AQ26907">
        <v>13</v>
      </c>
    </row>
    <row r="26908" spans="1:43">
      <c r="A26908" t="s">
        <v>16647</v>
      </c>
      <c r="B26908" t="s">
        <v>16648</v>
      </c>
      <c r="C26908" t="s">
        <v>16621</v>
      </c>
      <c r="D26908" t="s">
        <v>16622</v>
      </c>
      <c r="E26908" t="s">
        <v>16557</v>
      </c>
      <c r="F26908" t="s">
        <v>16558</v>
      </c>
      <c r="G26908" t="s">
        <v>16559</v>
      </c>
      <c r="H26908" t="s">
        <v>16560</v>
      </c>
      <c r="I26908" s="2">
        <v>1</v>
      </c>
      <c r="J26908" s="2">
        <v>0</v>
      </c>
      <c r="K26908" s="2">
        <v>0</v>
      </c>
      <c r="L26908" t="s">
        <v>120</v>
      </c>
      <c r="M26908" t="s">
        <v>89</v>
      </c>
      <c r="N26908" t="s">
        <v>90</v>
      </c>
      <c r="O26908" t="s">
        <v>85</v>
      </c>
      <c r="P26908" t="s">
        <v>86</v>
      </c>
      <c r="Q26908">
        <v>11</v>
      </c>
      <c r="R26908">
        <v>12</v>
      </c>
      <c r="S26908">
        <v>12</v>
      </c>
      <c r="T26908">
        <v>12</v>
      </c>
      <c r="U26908">
        <v>13</v>
      </c>
      <c r="V26908">
        <v>13</v>
      </c>
      <c r="W26908">
        <v>13</v>
      </c>
      <c r="X26908">
        <v>13</v>
      </c>
      <c r="Y26908">
        <v>13</v>
      </c>
      <c r="Z26908">
        <v>14</v>
      </c>
      <c r="AA26908">
        <v>14</v>
      </c>
      <c r="AB26908">
        <v>14</v>
      </c>
      <c r="AC26908">
        <v>14</v>
      </c>
      <c r="AD26908">
        <v>15</v>
      </c>
      <c r="AE26908">
        <v>15</v>
      </c>
      <c r="AF26908">
        <v>15</v>
      </c>
      <c r="AG26908">
        <v>15</v>
      </c>
      <c r="AH26908">
        <v>15</v>
      </c>
      <c r="AI26908">
        <v>15</v>
      </c>
      <c r="AJ26908">
        <v>15</v>
      </c>
      <c r="AK26908">
        <v>15</v>
      </c>
      <c r="AL26908">
        <v>15</v>
      </c>
      <c r="AM26908">
        <v>15</v>
      </c>
      <c r="AN26908">
        <v>15</v>
      </c>
      <c r="AO26908">
        <v>15</v>
      </c>
      <c r="AP26908">
        <v>15</v>
      </c>
      <c r="AQ26908">
        <v>16</v>
      </c>
    </row>
    <row r="26909" spans="1:43">
      <c r="A26909" t="s">
        <v>16647</v>
      </c>
      <c r="B26909" t="s">
        <v>16648</v>
      </c>
      <c r="C26909" t="s">
        <v>16621</v>
      </c>
      <c r="D26909" t="s">
        <v>16622</v>
      </c>
      <c r="E26909" t="s">
        <v>16557</v>
      </c>
      <c r="F26909" t="s">
        <v>16558</v>
      </c>
      <c r="G26909" t="s">
        <v>16559</v>
      </c>
      <c r="H26909" t="s">
        <v>16560</v>
      </c>
      <c r="I26909" s="2">
        <v>1</v>
      </c>
      <c r="J26909" s="2">
        <v>0</v>
      </c>
      <c r="K26909" s="2">
        <v>0</v>
      </c>
      <c r="L26909" t="s">
        <v>120</v>
      </c>
      <c r="M26909" t="s">
        <v>83</v>
      </c>
      <c r="N26909" t="s">
        <v>91</v>
      </c>
      <c r="O26909" t="s">
        <v>85</v>
      </c>
      <c r="P26909" t="s">
        <v>86</v>
      </c>
      <c r="Q26909">
        <v>11</v>
      </c>
      <c r="R26909">
        <v>12</v>
      </c>
      <c r="S26909">
        <v>12</v>
      </c>
      <c r="T26909">
        <v>12</v>
      </c>
      <c r="U26909">
        <v>12</v>
      </c>
      <c r="V26909">
        <v>12</v>
      </c>
      <c r="W26909">
        <v>12</v>
      </c>
      <c r="X26909">
        <v>13</v>
      </c>
      <c r="Y26909">
        <v>13</v>
      </c>
      <c r="Z26909">
        <v>13</v>
      </c>
      <c r="AA26909">
        <v>13</v>
      </c>
      <c r="AB26909">
        <v>13</v>
      </c>
      <c r="AC26909">
        <v>13</v>
      </c>
      <c r="AD26909">
        <v>14</v>
      </c>
      <c r="AE26909">
        <v>14</v>
      </c>
      <c r="AF26909">
        <v>14</v>
      </c>
      <c r="AG26909">
        <v>14</v>
      </c>
      <c r="AH26909">
        <v>14</v>
      </c>
      <c r="AI26909">
        <v>15</v>
      </c>
      <c r="AJ26909">
        <v>15</v>
      </c>
      <c r="AK26909">
        <v>15</v>
      </c>
      <c r="AL26909">
        <v>15</v>
      </c>
      <c r="AM26909">
        <v>15</v>
      </c>
      <c r="AN26909">
        <v>15</v>
      </c>
      <c r="AO26909">
        <v>15</v>
      </c>
      <c r="AP26909">
        <v>15</v>
      </c>
      <c r="AQ26909">
        <v>15</v>
      </c>
    </row>
    <row r="26910" spans="1:43">
      <c r="A26910" t="s">
        <v>16649</v>
      </c>
      <c r="B26910" t="s">
        <v>16650</v>
      </c>
      <c r="C26910" t="s">
        <v>16621</v>
      </c>
      <c r="D26910" t="s">
        <v>16622</v>
      </c>
      <c r="E26910" t="s">
        <v>16557</v>
      </c>
      <c r="F26910" t="s">
        <v>16558</v>
      </c>
      <c r="G26910" t="s">
        <v>16559</v>
      </c>
      <c r="H26910" t="s">
        <v>16560</v>
      </c>
      <c r="I26910" s="2">
        <v>1</v>
      </c>
      <c r="J26910" s="2">
        <v>0</v>
      </c>
      <c r="K26910" s="2">
        <v>0</v>
      </c>
      <c r="L26910" t="s">
        <v>120</v>
      </c>
      <c r="M26910" t="s">
        <v>83</v>
      </c>
      <c r="N26910" t="s">
        <v>84</v>
      </c>
      <c r="O26910" t="s">
        <v>85</v>
      </c>
      <c r="P26910" t="s">
        <v>86</v>
      </c>
      <c r="Q26910">
        <v>28</v>
      </c>
      <c r="R26910">
        <v>28</v>
      </c>
      <c r="S26910">
        <v>29</v>
      </c>
      <c r="T26910">
        <v>29</v>
      </c>
      <c r="U26910">
        <v>30</v>
      </c>
      <c r="V26910">
        <v>30</v>
      </c>
      <c r="W26910">
        <v>30</v>
      </c>
      <c r="X26910">
        <v>31</v>
      </c>
      <c r="Y26910">
        <v>31</v>
      </c>
      <c r="Z26910">
        <v>32</v>
      </c>
      <c r="AA26910">
        <v>32</v>
      </c>
      <c r="AB26910">
        <v>32</v>
      </c>
      <c r="AC26910">
        <v>33</v>
      </c>
      <c r="AD26910">
        <v>33</v>
      </c>
      <c r="AE26910">
        <v>34</v>
      </c>
      <c r="AF26910">
        <v>34</v>
      </c>
      <c r="AG26910">
        <v>35</v>
      </c>
      <c r="AH26910">
        <v>35</v>
      </c>
      <c r="AI26910">
        <v>36</v>
      </c>
      <c r="AJ26910">
        <v>36</v>
      </c>
      <c r="AK26910">
        <v>37</v>
      </c>
      <c r="AL26910">
        <v>37</v>
      </c>
      <c r="AM26910">
        <v>37</v>
      </c>
      <c r="AN26910">
        <v>37</v>
      </c>
      <c r="AO26910">
        <v>37</v>
      </c>
      <c r="AP26910">
        <v>38</v>
      </c>
      <c r="AQ26910">
        <v>38</v>
      </c>
    </row>
    <row r="26911" spans="1:43">
      <c r="A26911" t="s">
        <v>16649</v>
      </c>
      <c r="B26911" t="s">
        <v>16650</v>
      </c>
      <c r="C26911" t="s">
        <v>16621</v>
      </c>
      <c r="D26911" t="s">
        <v>16622</v>
      </c>
      <c r="E26911" t="s">
        <v>16557</v>
      </c>
      <c r="F26911" t="s">
        <v>16558</v>
      </c>
      <c r="G26911" t="s">
        <v>16559</v>
      </c>
      <c r="H26911" t="s">
        <v>16560</v>
      </c>
      <c r="I26911" s="2">
        <v>1</v>
      </c>
      <c r="J26911" s="2">
        <v>0</v>
      </c>
      <c r="K26911" s="2">
        <v>0</v>
      </c>
      <c r="L26911" t="s">
        <v>120</v>
      </c>
      <c r="M26911" t="s">
        <v>87</v>
      </c>
      <c r="N26911" t="s">
        <v>88</v>
      </c>
      <c r="O26911" t="s">
        <v>85</v>
      </c>
      <c r="P26911" t="s">
        <v>86</v>
      </c>
      <c r="Q26911">
        <v>28</v>
      </c>
      <c r="R26911">
        <v>28</v>
      </c>
      <c r="S26911">
        <v>28</v>
      </c>
      <c r="T26911">
        <v>28</v>
      </c>
      <c r="U26911">
        <v>28</v>
      </c>
      <c r="V26911">
        <v>28</v>
      </c>
      <c r="W26911">
        <v>29</v>
      </c>
      <c r="X26911">
        <v>29</v>
      </c>
      <c r="Y26911">
        <v>29</v>
      </c>
      <c r="Z26911">
        <v>29</v>
      </c>
      <c r="AA26911">
        <v>29</v>
      </c>
      <c r="AB26911">
        <v>29</v>
      </c>
      <c r="AC26911">
        <v>30</v>
      </c>
      <c r="AD26911">
        <v>30</v>
      </c>
      <c r="AE26911">
        <v>30</v>
      </c>
      <c r="AF26911">
        <v>30</v>
      </c>
      <c r="AG26911">
        <v>30</v>
      </c>
      <c r="AH26911">
        <v>31</v>
      </c>
      <c r="AI26911">
        <v>31</v>
      </c>
      <c r="AJ26911">
        <v>31</v>
      </c>
      <c r="AK26911">
        <v>31</v>
      </c>
      <c r="AL26911">
        <v>32</v>
      </c>
      <c r="AM26911">
        <v>32</v>
      </c>
      <c r="AN26911">
        <v>32</v>
      </c>
      <c r="AO26911">
        <v>32</v>
      </c>
      <c r="AP26911">
        <v>33</v>
      </c>
      <c r="AQ26911">
        <v>33</v>
      </c>
    </row>
    <row r="26912" spans="1:43">
      <c r="A26912" t="s">
        <v>16649</v>
      </c>
      <c r="B26912" t="s">
        <v>16650</v>
      </c>
      <c r="C26912" t="s">
        <v>16621</v>
      </c>
      <c r="D26912" t="s">
        <v>16622</v>
      </c>
      <c r="E26912" t="s">
        <v>16557</v>
      </c>
      <c r="F26912" t="s">
        <v>16558</v>
      </c>
      <c r="G26912" t="s">
        <v>16559</v>
      </c>
      <c r="H26912" t="s">
        <v>16560</v>
      </c>
      <c r="I26912" s="2">
        <v>1</v>
      </c>
      <c r="J26912" s="2">
        <v>0</v>
      </c>
      <c r="K26912" s="2">
        <v>0</v>
      </c>
      <c r="L26912" t="s">
        <v>120</v>
      </c>
      <c r="M26912" t="s">
        <v>89</v>
      </c>
      <c r="N26912" t="s">
        <v>90</v>
      </c>
      <c r="O26912" t="s">
        <v>85</v>
      </c>
      <c r="P26912" t="s">
        <v>86</v>
      </c>
      <c r="Q26912">
        <v>28</v>
      </c>
      <c r="R26912">
        <v>29</v>
      </c>
      <c r="S26912">
        <v>29</v>
      </c>
      <c r="T26912">
        <v>30</v>
      </c>
      <c r="U26912">
        <v>31</v>
      </c>
      <c r="V26912">
        <v>31</v>
      </c>
      <c r="W26912">
        <v>32</v>
      </c>
      <c r="X26912">
        <v>32</v>
      </c>
      <c r="Y26912">
        <v>33</v>
      </c>
      <c r="Z26912">
        <v>34</v>
      </c>
      <c r="AA26912">
        <v>34</v>
      </c>
      <c r="AB26912">
        <v>35</v>
      </c>
      <c r="AC26912">
        <v>35</v>
      </c>
      <c r="AD26912">
        <v>36</v>
      </c>
      <c r="AE26912">
        <v>36</v>
      </c>
      <c r="AF26912">
        <v>36</v>
      </c>
      <c r="AG26912">
        <v>36</v>
      </c>
      <c r="AH26912">
        <v>37</v>
      </c>
      <c r="AI26912">
        <v>37</v>
      </c>
      <c r="AJ26912">
        <v>37</v>
      </c>
      <c r="AK26912">
        <v>37</v>
      </c>
      <c r="AL26912">
        <v>37</v>
      </c>
      <c r="AM26912">
        <v>37</v>
      </c>
      <c r="AN26912">
        <v>38</v>
      </c>
      <c r="AO26912">
        <v>38</v>
      </c>
      <c r="AP26912">
        <v>38</v>
      </c>
      <c r="AQ26912">
        <v>38</v>
      </c>
    </row>
    <row r="26913" spans="1:43">
      <c r="A26913" t="s">
        <v>16649</v>
      </c>
      <c r="B26913" t="s">
        <v>16650</v>
      </c>
      <c r="C26913" t="s">
        <v>16621</v>
      </c>
      <c r="D26913" t="s">
        <v>16622</v>
      </c>
      <c r="E26913" t="s">
        <v>16557</v>
      </c>
      <c r="F26913" t="s">
        <v>16558</v>
      </c>
      <c r="G26913" t="s">
        <v>16559</v>
      </c>
      <c r="H26913" t="s">
        <v>16560</v>
      </c>
      <c r="I26913" s="2">
        <v>1</v>
      </c>
      <c r="J26913" s="2">
        <v>0</v>
      </c>
      <c r="K26913" s="2">
        <v>0</v>
      </c>
      <c r="L26913" t="s">
        <v>120</v>
      </c>
      <c r="M26913" t="s">
        <v>83</v>
      </c>
      <c r="N26913" t="s">
        <v>91</v>
      </c>
      <c r="O26913" t="s">
        <v>85</v>
      </c>
      <c r="P26913" t="s">
        <v>86</v>
      </c>
      <c r="Q26913">
        <v>28</v>
      </c>
      <c r="R26913">
        <v>28</v>
      </c>
      <c r="S26913">
        <v>29</v>
      </c>
      <c r="T26913">
        <v>29</v>
      </c>
      <c r="U26913">
        <v>30</v>
      </c>
      <c r="V26913">
        <v>30</v>
      </c>
      <c r="W26913">
        <v>30</v>
      </c>
      <c r="X26913">
        <v>31</v>
      </c>
      <c r="Y26913">
        <v>31</v>
      </c>
      <c r="Z26913">
        <v>32</v>
      </c>
      <c r="AA26913">
        <v>32</v>
      </c>
      <c r="AB26913">
        <v>32</v>
      </c>
      <c r="AC26913">
        <v>33</v>
      </c>
      <c r="AD26913">
        <v>33</v>
      </c>
      <c r="AE26913">
        <v>34</v>
      </c>
      <c r="AF26913">
        <v>34</v>
      </c>
      <c r="AG26913">
        <v>35</v>
      </c>
      <c r="AH26913">
        <v>35</v>
      </c>
      <c r="AI26913">
        <v>36</v>
      </c>
      <c r="AJ26913">
        <v>36</v>
      </c>
      <c r="AK26913">
        <v>37</v>
      </c>
      <c r="AL26913">
        <v>37</v>
      </c>
      <c r="AM26913">
        <v>37</v>
      </c>
      <c r="AN26913">
        <v>37</v>
      </c>
      <c r="AO26913">
        <v>37</v>
      </c>
      <c r="AP26913">
        <v>38</v>
      </c>
      <c r="AQ26913">
        <v>38</v>
      </c>
    </row>
    <row r="26914" spans="1:43">
      <c r="A26914" t="s">
        <v>16651</v>
      </c>
      <c r="B26914" t="s">
        <v>16652</v>
      </c>
      <c r="C26914" t="s">
        <v>16653</v>
      </c>
      <c r="D26914" t="s">
        <v>16654</v>
      </c>
      <c r="E26914" t="s">
        <v>16557</v>
      </c>
      <c r="F26914" t="s">
        <v>16558</v>
      </c>
      <c r="G26914" t="s">
        <v>16559</v>
      </c>
      <c r="H26914" t="s">
        <v>16560</v>
      </c>
      <c r="I26914" s="2">
        <v>1</v>
      </c>
      <c r="J26914" s="2">
        <v>0</v>
      </c>
      <c r="K26914" s="2">
        <v>0</v>
      </c>
      <c r="L26914" t="s">
        <v>120</v>
      </c>
      <c r="M26914" t="s">
        <v>83</v>
      </c>
      <c r="N26914" t="s">
        <v>84</v>
      </c>
      <c r="O26914" t="s">
        <v>85</v>
      </c>
      <c r="P26914" t="s">
        <v>86</v>
      </c>
      <c r="Q26914">
        <v>21</v>
      </c>
      <c r="R26914">
        <v>21</v>
      </c>
      <c r="S26914">
        <v>21</v>
      </c>
      <c r="T26914">
        <v>22</v>
      </c>
      <c r="U26914">
        <v>22</v>
      </c>
      <c r="V26914">
        <v>22</v>
      </c>
      <c r="W26914">
        <v>22</v>
      </c>
      <c r="X26914">
        <v>23</v>
      </c>
      <c r="Y26914">
        <v>23</v>
      </c>
      <c r="Z26914">
        <v>23</v>
      </c>
      <c r="AA26914">
        <v>24</v>
      </c>
      <c r="AB26914">
        <v>24</v>
      </c>
      <c r="AC26914">
        <v>24</v>
      </c>
      <c r="AD26914">
        <v>25</v>
      </c>
      <c r="AE26914">
        <v>25</v>
      </c>
      <c r="AF26914">
        <v>25</v>
      </c>
      <c r="AG26914">
        <v>26</v>
      </c>
      <c r="AH26914">
        <v>26</v>
      </c>
      <c r="AI26914">
        <v>27</v>
      </c>
      <c r="AJ26914">
        <v>27</v>
      </c>
      <c r="AK26914">
        <v>27</v>
      </c>
      <c r="AL26914">
        <v>28</v>
      </c>
      <c r="AM26914">
        <v>28</v>
      </c>
      <c r="AN26914">
        <v>28</v>
      </c>
      <c r="AO26914">
        <v>28</v>
      </c>
      <c r="AP26914">
        <v>28</v>
      </c>
      <c r="AQ26914">
        <v>28</v>
      </c>
    </row>
    <row r="26915" spans="1:43">
      <c r="A26915" t="s">
        <v>16651</v>
      </c>
      <c r="B26915" t="s">
        <v>16652</v>
      </c>
      <c r="C26915" t="s">
        <v>16653</v>
      </c>
      <c r="D26915" t="s">
        <v>16654</v>
      </c>
      <c r="E26915" t="s">
        <v>16557</v>
      </c>
      <c r="F26915" t="s">
        <v>16558</v>
      </c>
      <c r="G26915" t="s">
        <v>16559</v>
      </c>
      <c r="H26915" t="s">
        <v>16560</v>
      </c>
      <c r="I26915" s="2">
        <v>1</v>
      </c>
      <c r="J26915" s="2">
        <v>0</v>
      </c>
      <c r="K26915" s="2">
        <v>0</v>
      </c>
      <c r="L26915" t="s">
        <v>120</v>
      </c>
      <c r="M26915" t="s">
        <v>87</v>
      </c>
      <c r="N26915" t="s">
        <v>88</v>
      </c>
      <c r="O26915" t="s">
        <v>85</v>
      </c>
      <c r="P26915" t="s">
        <v>86</v>
      </c>
      <c r="Q26915">
        <v>21</v>
      </c>
      <c r="R26915">
        <v>22</v>
      </c>
      <c r="S26915">
        <v>22</v>
      </c>
      <c r="T26915">
        <v>22</v>
      </c>
      <c r="U26915">
        <v>22</v>
      </c>
      <c r="V26915">
        <v>22</v>
      </c>
      <c r="W26915">
        <v>22</v>
      </c>
      <c r="X26915">
        <v>22</v>
      </c>
      <c r="Y26915">
        <v>22</v>
      </c>
      <c r="Z26915">
        <v>22</v>
      </c>
      <c r="AA26915">
        <v>23</v>
      </c>
      <c r="AB26915">
        <v>23</v>
      </c>
      <c r="AC26915">
        <v>23</v>
      </c>
      <c r="AD26915">
        <v>23</v>
      </c>
      <c r="AE26915">
        <v>23</v>
      </c>
      <c r="AF26915">
        <v>23</v>
      </c>
      <c r="AG26915">
        <v>24</v>
      </c>
      <c r="AH26915">
        <v>24</v>
      </c>
      <c r="AI26915">
        <v>24</v>
      </c>
      <c r="AJ26915">
        <v>24</v>
      </c>
      <c r="AK26915">
        <v>24</v>
      </c>
      <c r="AL26915">
        <v>24</v>
      </c>
      <c r="AM26915">
        <v>25</v>
      </c>
      <c r="AN26915">
        <v>25</v>
      </c>
      <c r="AO26915">
        <v>25</v>
      </c>
      <c r="AP26915">
        <v>25</v>
      </c>
      <c r="AQ26915">
        <v>25</v>
      </c>
    </row>
    <row r="26916" spans="1:43">
      <c r="A26916" t="s">
        <v>16651</v>
      </c>
      <c r="B26916" t="s">
        <v>16652</v>
      </c>
      <c r="C26916" t="s">
        <v>16653</v>
      </c>
      <c r="D26916" t="s">
        <v>16654</v>
      </c>
      <c r="E26916" t="s">
        <v>16557</v>
      </c>
      <c r="F26916" t="s">
        <v>16558</v>
      </c>
      <c r="G26916" t="s">
        <v>16559</v>
      </c>
      <c r="H26916" t="s">
        <v>16560</v>
      </c>
      <c r="I26916" s="2">
        <v>1</v>
      </c>
      <c r="J26916" s="2">
        <v>0</v>
      </c>
      <c r="K26916" s="2">
        <v>0</v>
      </c>
      <c r="L26916" t="s">
        <v>120</v>
      </c>
      <c r="M26916" t="s">
        <v>89</v>
      </c>
      <c r="N26916" t="s">
        <v>90</v>
      </c>
      <c r="O26916" t="s">
        <v>85</v>
      </c>
      <c r="P26916" t="s">
        <v>86</v>
      </c>
      <c r="Q26916">
        <v>21</v>
      </c>
      <c r="R26916">
        <v>21</v>
      </c>
      <c r="S26916">
        <v>22</v>
      </c>
      <c r="T26916">
        <v>22</v>
      </c>
      <c r="U26916">
        <v>23</v>
      </c>
      <c r="V26916">
        <v>23</v>
      </c>
      <c r="W26916">
        <v>24</v>
      </c>
      <c r="X26916">
        <v>24</v>
      </c>
      <c r="Y26916">
        <v>24</v>
      </c>
      <c r="Z26916">
        <v>25</v>
      </c>
      <c r="AA26916">
        <v>25</v>
      </c>
      <c r="AB26916">
        <v>26</v>
      </c>
      <c r="AC26916">
        <v>26</v>
      </c>
      <c r="AD26916">
        <v>27</v>
      </c>
      <c r="AE26916">
        <v>27</v>
      </c>
      <c r="AF26916">
        <v>27</v>
      </c>
      <c r="AG26916">
        <v>27</v>
      </c>
      <c r="AH26916">
        <v>27</v>
      </c>
      <c r="AI26916">
        <v>27</v>
      </c>
      <c r="AJ26916">
        <v>28</v>
      </c>
      <c r="AK26916">
        <v>28</v>
      </c>
      <c r="AL26916">
        <v>28</v>
      </c>
      <c r="AM26916">
        <v>28</v>
      </c>
      <c r="AN26916">
        <v>28</v>
      </c>
      <c r="AO26916">
        <v>28</v>
      </c>
      <c r="AP26916">
        <v>29</v>
      </c>
      <c r="AQ26916">
        <v>29</v>
      </c>
    </row>
    <row r="26917" spans="1:43">
      <c r="A26917" t="s">
        <v>16651</v>
      </c>
      <c r="B26917" t="s">
        <v>16652</v>
      </c>
      <c r="C26917" t="s">
        <v>16653</v>
      </c>
      <c r="D26917" t="s">
        <v>16654</v>
      </c>
      <c r="E26917" t="s">
        <v>16557</v>
      </c>
      <c r="F26917" t="s">
        <v>16558</v>
      </c>
      <c r="G26917" t="s">
        <v>16559</v>
      </c>
      <c r="H26917" t="s">
        <v>16560</v>
      </c>
      <c r="I26917" s="2">
        <v>1</v>
      </c>
      <c r="J26917" s="2">
        <v>0</v>
      </c>
      <c r="K26917" s="2">
        <v>0</v>
      </c>
      <c r="L26917" t="s">
        <v>120</v>
      </c>
      <c r="M26917" t="s">
        <v>83</v>
      </c>
      <c r="N26917" t="s">
        <v>91</v>
      </c>
      <c r="O26917" t="s">
        <v>85</v>
      </c>
      <c r="P26917" t="s">
        <v>86</v>
      </c>
      <c r="Q26917">
        <v>21</v>
      </c>
      <c r="R26917">
        <v>21</v>
      </c>
      <c r="S26917">
        <v>21</v>
      </c>
      <c r="T26917">
        <v>22</v>
      </c>
      <c r="U26917">
        <v>22</v>
      </c>
      <c r="V26917">
        <v>22</v>
      </c>
      <c r="W26917">
        <v>22</v>
      </c>
      <c r="X26917">
        <v>23</v>
      </c>
      <c r="Y26917">
        <v>23</v>
      </c>
      <c r="Z26917">
        <v>23</v>
      </c>
      <c r="AA26917">
        <v>24</v>
      </c>
      <c r="AB26917">
        <v>24</v>
      </c>
      <c r="AC26917">
        <v>24</v>
      </c>
      <c r="AD26917">
        <v>25</v>
      </c>
      <c r="AE26917">
        <v>25</v>
      </c>
      <c r="AF26917">
        <v>25</v>
      </c>
      <c r="AG26917">
        <v>26</v>
      </c>
      <c r="AH26917">
        <v>26</v>
      </c>
      <c r="AI26917">
        <v>27</v>
      </c>
      <c r="AJ26917">
        <v>27</v>
      </c>
      <c r="AK26917">
        <v>27</v>
      </c>
      <c r="AL26917">
        <v>28</v>
      </c>
      <c r="AM26917">
        <v>28</v>
      </c>
      <c r="AN26917">
        <v>28</v>
      </c>
      <c r="AO26917">
        <v>28</v>
      </c>
      <c r="AP26917">
        <v>28</v>
      </c>
      <c r="AQ26917">
        <v>28</v>
      </c>
    </row>
    <row r="26918" spans="1:43">
      <c r="A26918" t="s">
        <v>16655</v>
      </c>
      <c r="B26918" t="s">
        <v>16656</v>
      </c>
      <c r="C26918" t="s">
        <v>16653</v>
      </c>
      <c r="D26918" t="s">
        <v>16654</v>
      </c>
      <c r="E26918" t="s">
        <v>16557</v>
      </c>
      <c r="F26918" t="s">
        <v>16558</v>
      </c>
      <c r="G26918" t="s">
        <v>16559</v>
      </c>
      <c r="H26918" t="s">
        <v>16560</v>
      </c>
      <c r="I26918" s="2">
        <v>1</v>
      </c>
      <c r="J26918" s="2">
        <v>0</v>
      </c>
      <c r="K26918" s="2">
        <v>0</v>
      </c>
      <c r="L26918" t="s">
        <v>120</v>
      </c>
      <c r="M26918" t="s">
        <v>83</v>
      </c>
      <c r="N26918" t="s">
        <v>84</v>
      </c>
      <c r="O26918" t="s">
        <v>85</v>
      </c>
      <c r="P26918" t="s">
        <v>86</v>
      </c>
      <c r="Q26918">
        <v>6</v>
      </c>
      <c r="R26918">
        <v>6</v>
      </c>
      <c r="S26918">
        <v>6</v>
      </c>
      <c r="T26918">
        <v>6</v>
      </c>
      <c r="U26918">
        <v>7</v>
      </c>
      <c r="V26918">
        <v>7</v>
      </c>
      <c r="W26918">
        <v>7</v>
      </c>
      <c r="X26918">
        <v>7</v>
      </c>
      <c r="Y26918">
        <v>7</v>
      </c>
      <c r="Z26918">
        <v>7</v>
      </c>
      <c r="AA26918">
        <v>7</v>
      </c>
      <c r="AB26918">
        <v>7</v>
      </c>
      <c r="AC26918">
        <v>7</v>
      </c>
      <c r="AD26918">
        <v>7</v>
      </c>
      <c r="AE26918">
        <v>7</v>
      </c>
      <c r="AF26918">
        <v>8</v>
      </c>
      <c r="AG26918">
        <v>8</v>
      </c>
      <c r="AH26918">
        <v>8</v>
      </c>
      <c r="AI26918">
        <v>8</v>
      </c>
      <c r="AJ26918">
        <v>8</v>
      </c>
      <c r="AK26918">
        <v>8</v>
      </c>
      <c r="AL26918">
        <v>8</v>
      </c>
      <c r="AM26918">
        <v>8</v>
      </c>
      <c r="AN26918">
        <v>8</v>
      </c>
      <c r="AO26918">
        <v>8</v>
      </c>
      <c r="AP26918">
        <v>8</v>
      </c>
      <c r="AQ26918">
        <v>9</v>
      </c>
    </row>
    <row r="26919" spans="1:43">
      <c r="A26919" t="s">
        <v>16655</v>
      </c>
      <c r="B26919" t="s">
        <v>16656</v>
      </c>
      <c r="C26919" t="s">
        <v>16653</v>
      </c>
      <c r="D26919" t="s">
        <v>16654</v>
      </c>
      <c r="E26919" t="s">
        <v>16557</v>
      </c>
      <c r="F26919" t="s">
        <v>16558</v>
      </c>
      <c r="G26919" t="s">
        <v>16559</v>
      </c>
      <c r="H26919" t="s">
        <v>16560</v>
      </c>
      <c r="I26919" s="2">
        <v>1</v>
      </c>
      <c r="J26919" s="2">
        <v>0</v>
      </c>
      <c r="K26919" s="2">
        <v>0</v>
      </c>
      <c r="L26919" t="s">
        <v>120</v>
      </c>
      <c r="M26919" t="s">
        <v>87</v>
      </c>
      <c r="N26919" t="s">
        <v>88</v>
      </c>
      <c r="O26919" t="s">
        <v>85</v>
      </c>
      <c r="P26919" t="s">
        <v>86</v>
      </c>
      <c r="Q26919">
        <v>6</v>
      </c>
      <c r="R26919">
        <v>6</v>
      </c>
      <c r="S26919">
        <v>6</v>
      </c>
      <c r="T26919">
        <v>6</v>
      </c>
      <c r="U26919">
        <v>6</v>
      </c>
      <c r="V26919">
        <v>6</v>
      </c>
      <c r="W26919">
        <v>6</v>
      </c>
      <c r="X26919">
        <v>6</v>
      </c>
      <c r="Y26919">
        <v>6</v>
      </c>
      <c r="Z26919">
        <v>6</v>
      </c>
      <c r="AA26919">
        <v>6</v>
      </c>
      <c r="AB26919">
        <v>6</v>
      </c>
      <c r="AC26919">
        <v>7</v>
      </c>
      <c r="AD26919">
        <v>7</v>
      </c>
      <c r="AE26919">
        <v>7</v>
      </c>
      <c r="AF26919">
        <v>7</v>
      </c>
      <c r="AG26919">
        <v>7</v>
      </c>
      <c r="AH26919">
        <v>7</v>
      </c>
      <c r="AI26919">
        <v>7</v>
      </c>
      <c r="AJ26919">
        <v>7</v>
      </c>
      <c r="AK26919">
        <v>7</v>
      </c>
      <c r="AL26919">
        <v>7</v>
      </c>
      <c r="AM26919">
        <v>7</v>
      </c>
      <c r="AN26919">
        <v>7</v>
      </c>
      <c r="AO26919">
        <v>7</v>
      </c>
      <c r="AP26919">
        <v>7</v>
      </c>
      <c r="AQ26919">
        <v>7</v>
      </c>
    </row>
    <row r="26920" spans="1:43">
      <c r="A26920" t="s">
        <v>16655</v>
      </c>
      <c r="B26920" t="s">
        <v>16656</v>
      </c>
      <c r="C26920" t="s">
        <v>16653</v>
      </c>
      <c r="D26920" t="s">
        <v>16654</v>
      </c>
      <c r="E26920" t="s">
        <v>16557</v>
      </c>
      <c r="F26920" t="s">
        <v>16558</v>
      </c>
      <c r="G26920" t="s">
        <v>16559</v>
      </c>
      <c r="H26920" t="s">
        <v>16560</v>
      </c>
      <c r="I26920" s="2">
        <v>1</v>
      </c>
      <c r="J26920" s="2">
        <v>0</v>
      </c>
      <c r="K26920" s="2">
        <v>0</v>
      </c>
      <c r="L26920" t="s">
        <v>120</v>
      </c>
      <c r="M26920" t="s">
        <v>89</v>
      </c>
      <c r="N26920" t="s">
        <v>90</v>
      </c>
      <c r="O26920" t="s">
        <v>85</v>
      </c>
      <c r="P26920" t="s">
        <v>86</v>
      </c>
      <c r="Q26920">
        <v>6</v>
      </c>
      <c r="R26920">
        <v>6</v>
      </c>
      <c r="S26920">
        <v>6</v>
      </c>
      <c r="T26920">
        <v>7</v>
      </c>
      <c r="U26920">
        <v>7</v>
      </c>
      <c r="V26920">
        <v>7</v>
      </c>
      <c r="W26920">
        <v>7</v>
      </c>
      <c r="X26920">
        <v>7</v>
      </c>
      <c r="Y26920">
        <v>7</v>
      </c>
      <c r="Z26920">
        <v>7</v>
      </c>
      <c r="AA26920">
        <v>8</v>
      </c>
      <c r="AB26920">
        <v>8</v>
      </c>
      <c r="AC26920">
        <v>8</v>
      </c>
      <c r="AD26920">
        <v>8</v>
      </c>
      <c r="AE26920">
        <v>8</v>
      </c>
      <c r="AF26920">
        <v>8</v>
      </c>
      <c r="AG26920">
        <v>8</v>
      </c>
      <c r="AH26920">
        <v>8</v>
      </c>
      <c r="AI26920">
        <v>8</v>
      </c>
      <c r="AJ26920">
        <v>8</v>
      </c>
      <c r="AK26920">
        <v>8</v>
      </c>
      <c r="AL26920">
        <v>8</v>
      </c>
      <c r="AM26920">
        <v>8</v>
      </c>
      <c r="AN26920">
        <v>8</v>
      </c>
      <c r="AO26920">
        <v>9</v>
      </c>
      <c r="AP26920">
        <v>9</v>
      </c>
      <c r="AQ26920">
        <v>9</v>
      </c>
    </row>
    <row r="26921" spans="1:43">
      <c r="A26921" t="s">
        <v>16655</v>
      </c>
      <c r="B26921" t="s">
        <v>16656</v>
      </c>
      <c r="C26921" t="s">
        <v>16653</v>
      </c>
      <c r="D26921" t="s">
        <v>16654</v>
      </c>
      <c r="E26921" t="s">
        <v>16557</v>
      </c>
      <c r="F26921" t="s">
        <v>16558</v>
      </c>
      <c r="G26921" t="s">
        <v>16559</v>
      </c>
      <c r="H26921" t="s">
        <v>16560</v>
      </c>
      <c r="I26921" s="2">
        <v>1</v>
      </c>
      <c r="J26921" s="2">
        <v>0</v>
      </c>
      <c r="K26921" s="2">
        <v>0</v>
      </c>
      <c r="L26921" t="s">
        <v>120</v>
      </c>
      <c r="M26921" t="s">
        <v>83</v>
      </c>
      <c r="N26921" t="s">
        <v>91</v>
      </c>
      <c r="O26921" t="s">
        <v>85</v>
      </c>
      <c r="P26921" t="s">
        <v>86</v>
      </c>
      <c r="Q26921">
        <v>6</v>
      </c>
      <c r="R26921">
        <v>6</v>
      </c>
      <c r="S26921">
        <v>6</v>
      </c>
      <c r="T26921">
        <v>6</v>
      </c>
      <c r="U26921">
        <v>7</v>
      </c>
      <c r="V26921">
        <v>7</v>
      </c>
      <c r="W26921">
        <v>7</v>
      </c>
      <c r="X26921">
        <v>7</v>
      </c>
      <c r="Y26921">
        <v>7</v>
      </c>
      <c r="Z26921">
        <v>7</v>
      </c>
      <c r="AA26921">
        <v>7</v>
      </c>
      <c r="AB26921">
        <v>7</v>
      </c>
      <c r="AC26921">
        <v>7</v>
      </c>
      <c r="AD26921">
        <v>7</v>
      </c>
      <c r="AE26921">
        <v>7</v>
      </c>
      <c r="AF26921">
        <v>8</v>
      </c>
      <c r="AG26921">
        <v>8</v>
      </c>
      <c r="AH26921">
        <v>8</v>
      </c>
      <c r="AI26921">
        <v>8</v>
      </c>
      <c r="AJ26921">
        <v>8</v>
      </c>
      <c r="AK26921">
        <v>8</v>
      </c>
      <c r="AL26921">
        <v>8</v>
      </c>
      <c r="AM26921">
        <v>8</v>
      </c>
      <c r="AN26921">
        <v>8</v>
      </c>
      <c r="AO26921">
        <v>8</v>
      </c>
      <c r="AP26921">
        <v>8</v>
      </c>
      <c r="AQ26921">
        <v>9</v>
      </c>
    </row>
    <row r="26922" spans="1:43">
      <c r="A26922" t="s">
        <v>16657</v>
      </c>
      <c r="B26922" t="s">
        <v>16658</v>
      </c>
      <c r="C26922" t="s">
        <v>16653</v>
      </c>
      <c r="D26922" t="s">
        <v>16654</v>
      </c>
      <c r="E26922" t="s">
        <v>16557</v>
      </c>
      <c r="F26922" t="s">
        <v>16558</v>
      </c>
      <c r="G26922" t="s">
        <v>16559</v>
      </c>
      <c r="H26922" t="s">
        <v>16560</v>
      </c>
      <c r="I26922" s="2">
        <v>1</v>
      </c>
      <c r="J26922" s="2">
        <v>0</v>
      </c>
      <c r="K26922" s="2">
        <v>0</v>
      </c>
      <c r="L26922" t="s">
        <v>120</v>
      </c>
      <c r="M26922" t="s">
        <v>83</v>
      </c>
      <c r="N26922" t="s">
        <v>84</v>
      </c>
      <c r="O26922" t="s">
        <v>85</v>
      </c>
      <c r="P26922" t="s">
        <v>86</v>
      </c>
      <c r="Q26922">
        <v>8</v>
      </c>
      <c r="R26922">
        <v>9</v>
      </c>
      <c r="S26922">
        <v>9</v>
      </c>
      <c r="T26922">
        <v>9</v>
      </c>
      <c r="U26922">
        <v>9</v>
      </c>
      <c r="V26922">
        <v>9</v>
      </c>
      <c r="W26922">
        <v>9</v>
      </c>
      <c r="X26922">
        <v>9</v>
      </c>
      <c r="Y26922">
        <v>9</v>
      </c>
      <c r="Z26922">
        <v>10</v>
      </c>
      <c r="AA26922">
        <v>10</v>
      </c>
      <c r="AB26922">
        <v>10</v>
      </c>
      <c r="AC26922">
        <v>10</v>
      </c>
      <c r="AD26922">
        <v>10</v>
      </c>
      <c r="AE26922">
        <v>10</v>
      </c>
      <c r="AF26922">
        <v>10</v>
      </c>
      <c r="AG26922">
        <v>11</v>
      </c>
      <c r="AH26922">
        <v>11</v>
      </c>
      <c r="AI26922">
        <v>11</v>
      </c>
      <c r="AJ26922">
        <v>11</v>
      </c>
      <c r="AK26922">
        <v>11</v>
      </c>
      <c r="AL26922">
        <v>11</v>
      </c>
      <c r="AM26922">
        <v>11</v>
      </c>
      <c r="AN26922">
        <v>11</v>
      </c>
      <c r="AO26922">
        <v>11</v>
      </c>
      <c r="AP26922">
        <v>11</v>
      </c>
      <c r="AQ26922">
        <v>12</v>
      </c>
    </row>
    <row r="26923" spans="1:43">
      <c r="A26923" t="s">
        <v>16657</v>
      </c>
      <c r="B26923" t="s">
        <v>16658</v>
      </c>
      <c r="C26923" t="s">
        <v>16653</v>
      </c>
      <c r="D26923" t="s">
        <v>16654</v>
      </c>
      <c r="E26923" t="s">
        <v>16557</v>
      </c>
      <c r="F26923" t="s">
        <v>16558</v>
      </c>
      <c r="G26923" t="s">
        <v>16559</v>
      </c>
      <c r="H26923" t="s">
        <v>16560</v>
      </c>
      <c r="I26923" s="2">
        <v>1</v>
      </c>
      <c r="J26923" s="2">
        <v>0</v>
      </c>
      <c r="K26923" s="2">
        <v>0</v>
      </c>
      <c r="L26923" t="s">
        <v>120</v>
      </c>
      <c r="M26923" t="s">
        <v>87</v>
      </c>
      <c r="N26923" t="s">
        <v>88</v>
      </c>
      <c r="O26923" t="s">
        <v>85</v>
      </c>
      <c r="P26923" t="s">
        <v>86</v>
      </c>
      <c r="Q26923">
        <v>8</v>
      </c>
      <c r="R26923">
        <v>8</v>
      </c>
      <c r="S26923">
        <v>8</v>
      </c>
      <c r="T26923">
        <v>9</v>
      </c>
      <c r="U26923">
        <v>9</v>
      </c>
      <c r="V26923">
        <v>9</v>
      </c>
      <c r="W26923">
        <v>9</v>
      </c>
      <c r="X26923">
        <v>9</v>
      </c>
      <c r="Y26923">
        <v>9</v>
      </c>
      <c r="Z26923">
        <v>9</v>
      </c>
      <c r="AA26923">
        <v>9</v>
      </c>
      <c r="AB26923">
        <v>9</v>
      </c>
      <c r="AC26923">
        <v>9</v>
      </c>
      <c r="AD26923">
        <v>9</v>
      </c>
      <c r="AE26923">
        <v>9</v>
      </c>
      <c r="AF26923">
        <v>9</v>
      </c>
      <c r="AG26923">
        <v>9</v>
      </c>
      <c r="AH26923">
        <v>9</v>
      </c>
      <c r="AI26923">
        <v>9</v>
      </c>
      <c r="AJ26923">
        <v>9</v>
      </c>
      <c r="AK26923">
        <v>9</v>
      </c>
      <c r="AL26923">
        <v>10</v>
      </c>
      <c r="AM26923">
        <v>10</v>
      </c>
      <c r="AN26923">
        <v>10</v>
      </c>
      <c r="AO26923">
        <v>10</v>
      </c>
      <c r="AP26923">
        <v>10</v>
      </c>
      <c r="AQ26923">
        <v>10</v>
      </c>
    </row>
    <row r="26924" spans="1:43">
      <c r="A26924" t="s">
        <v>16657</v>
      </c>
      <c r="B26924" t="s">
        <v>16658</v>
      </c>
      <c r="C26924" t="s">
        <v>16653</v>
      </c>
      <c r="D26924" t="s">
        <v>16654</v>
      </c>
      <c r="E26924" t="s">
        <v>16557</v>
      </c>
      <c r="F26924" t="s">
        <v>16558</v>
      </c>
      <c r="G26924" t="s">
        <v>16559</v>
      </c>
      <c r="H26924" t="s">
        <v>16560</v>
      </c>
      <c r="I26924" s="2">
        <v>1</v>
      </c>
      <c r="J26924" s="2">
        <v>0</v>
      </c>
      <c r="K26924" s="2">
        <v>0</v>
      </c>
      <c r="L26924" t="s">
        <v>120</v>
      </c>
      <c r="M26924" t="s">
        <v>89</v>
      </c>
      <c r="N26924" t="s">
        <v>90</v>
      </c>
      <c r="O26924" t="s">
        <v>85</v>
      </c>
      <c r="P26924" t="s">
        <v>86</v>
      </c>
      <c r="Q26924">
        <v>8</v>
      </c>
      <c r="R26924">
        <v>8</v>
      </c>
      <c r="S26924">
        <v>8</v>
      </c>
      <c r="T26924">
        <v>8</v>
      </c>
      <c r="U26924">
        <v>8</v>
      </c>
      <c r="V26924">
        <v>8</v>
      </c>
      <c r="W26924">
        <v>9</v>
      </c>
      <c r="X26924">
        <v>9</v>
      </c>
      <c r="Y26924">
        <v>9</v>
      </c>
      <c r="Z26924">
        <v>9</v>
      </c>
      <c r="AA26924">
        <v>9</v>
      </c>
      <c r="AB26924">
        <v>9</v>
      </c>
      <c r="AC26924">
        <v>10</v>
      </c>
      <c r="AD26924">
        <v>10</v>
      </c>
      <c r="AE26924">
        <v>10</v>
      </c>
      <c r="AF26924">
        <v>10</v>
      </c>
      <c r="AG26924">
        <v>10</v>
      </c>
      <c r="AH26924">
        <v>10</v>
      </c>
      <c r="AI26924">
        <v>10</v>
      </c>
      <c r="AJ26924">
        <v>10</v>
      </c>
      <c r="AK26924">
        <v>10</v>
      </c>
      <c r="AL26924">
        <v>10</v>
      </c>
      <c r="AM26924">
        <v>10</v>
      </c>
      <c r="AN26924">
        <v>10</v>
      </c>
      <c r="AO26924">
        <v>11</v>
      </c>
      <c r="AP26924">
        <v>11</v>
      </c>
      <c r="AQ26924">
        <v>11</v>
      </c>
    </row>
    <row r="26925" spans="1:43">
      <c r="A26925" t="s">
        <v>16657</v>
      </c>
      <c r="B26925" t="s">
        <v>16658</v>
      </c>
      <c r="C26925" t="s">
        <v>16653</v>
      </c>
      <c r="D26925" t="s">
        <v>16654</v>
      </c>
      <c r="E26925" t="s">
        <v>16557</v>
      </c>
      <c r="F26925" t="s">
        <v>16558</v>
      </c>
      <c r="G26925" t="s">
        <v>16559</v>
      </c>
      <c r="H26925" t="s">
        <v>16560</v>
      </c>
      <c r="I26925" s="2">
        <v>1</v>
      </c>
      <c r="J26925" s="2">
        <v>0</v>
      </c>
      <c r="K26925" s="2">
        <v>0</v>
      </c>
      <c r="L26925" t="s">
        <v>120</v>
      </c>
      <c r="M26925" t="s">
        <v>83</v>
      </c>
      <c r="N26925" t="s">
        <v>91</v>
      </c>
      <c r="O26925" t="s">
        <v>85</v>
      </c>
      <c r="P26925" t="s">
        <v>86</v>
      </c>
      <c r="Q26925">
        <v>8</v>
      </c>
      <c r="R26925">
        <v>9</v>
      </c>
      <c r="S26925">
        <v>9</v>
      </c>
      <c r="T26925">
        <v>9</v>
      </c>
      <c r="U26925">
        <v>9</v>
      </c>
      <c r="V26925">
        <v>9</v>
      </c>
      <c r="W26925">
        <v>9</v>
      </c>
      <c r="X26925">
        <v>9</v>
      </c>
      <c r="Y26925">
        <v>9</v>
      </c>
      <c r="Z26925">
        <v>10</v>
      </c>
      <c r="AA26925">
        <v>10</v>
      </c>
      <c r="AB26925">
        <v>10</v>
      </c>
      <c r="AC26925">
        <v>10</v>
      </c>
      <c r="AD26925">
        <v>10</v>
      </c>
      <c r="AE26925">
        <v>10</v>
      </c>
      <c r="AF26925">
        <v>10</v>
      </c>
      <c r="AG26925">
        <v>11</v>
      </c>
      <c r="AH26925">
        <v>11</v>
      </c>
      <c r="AI26925">
        <v>11</v>
      </c>
      <c r="AJ26925">
        <v>11</v>
      </c>
      <c r="AK26925">
        <v>11</v>
      </c>
      <c r="AL26925">
        <v>11</v>
      </c>
      <c r="AM26925">
        <v>11</v>
      </c>
      <c r="AN26925">
        <v>11</v>
      </c>
      <c r="AO26925">
        <v>11</v>
      </c>
      <c r="AP26925">
        <v>11</v>
      </c>
      <c r="AQ26925">
        <v>12</v>
      </c>
    </row>
    <row r="26926" spans="1:43">
      <c r="A26926" t="s">
        <v>16659</v>
      </c>
      <c r="B26926" t="s">
        <v>16660</v>
      </c>
      <c r="C26926" t="s">
        <v>16653</v>
      </c>
      <c r="D26926" t="s">
        <v>16654</v>
      </c>
      <c r="E26926" t="s">
        <v>16557</v>
      </c>
      <c r="F26926" t="s">
        <v>16558</v>
      </c>
      <c r="G26926" t="s">
        <v>16559</v>
      </c>
      <c r="H26926" t="s">
        <v>16560</v>
      </c>
      <c r="I26926" s="2">
        <v>1</v>
      </c>
      <c r="J26926" s="2">
        <v>0</v>
      </c>
      <c r="K26926" s="2">
        <v>0</v>
      </c>
      <c r="L26926" t="s">
        <v>120</v>
      </c>
      <c r="M26926" t="s">
        <v>83</v>
      </c>
      <c r="N26926" t="s">
        <v>84</v>
      </c>
      <c r="O26926" t="s">
        <v>85</v>
      </c>
      <c r="P26926" t="s">
        <v>86</v>
      </c>
      <c r="Q26926">
        <v>108</v>
      </c>
      <c r="R26926">
        <v>110</v>
      </c>
      <c r="S26926">
        <v>111</v>
      </c>
      <c r="T26926">
        <v>113</v>
      </c>
      <c r="U26926">
        <v>115</v>
      </c>
      <c r="V26926">
        <v>116</v>
      </c>
      <c r="W26926">
        <v>118</v>
      </c>
      <c r="X26926">
        <v>119</v>
      </c>
      <c r="Y26926">
        <v>121</v>
      </c>
      <c r="Z26926">
        <v>123</v>
      </c>
      <c r="AA26926">
        <v>125</v>
      </c>
      <c r="AB26926">
        <v>126</v>
      </c>
      <c r="AC26926">
        <v>128</v>
      </c>
      <c r="AD26926">
        <v>130</v>
      </c>
      <c r="AE26926">
        <v>132</v>
      </c>
      <c r="AF26926">
        <v>134</v>
      </c>
      <c r="AG26926">
        <v>136</v>
      </c>
      <c r="AH26926">
        <v>138</v>
      </c>
      <c r="AI26926">
        <v>140</v>
      </c>
      <c r="AJ26926">
        <v>142</v>
      </c>
      <c r="AK26926">
        <v>144</v>
      </c>
      <c r="AL26926">
        <v>145</v>
      </c>
      <c r="AM26926">
        <v>146</v>
      </c>
      <c r="AN26926">
        <v>147</v>
      </c>
      <c r="AO26926">
        <v>148</v>
      </c>
      <c r="AP26926">
        <v>149</v>
      </c>
      <c r="AQ26926">
        <v>150</v>
      </c>
    </row>
    <row r="26927" spans="1:43">
      <c r="A26927" t="s">
        <v>16659</v>
      </c>
      <c r="B26927" t="s">
        <v>16660</v>
      </c>
      <c r="C26927" t="s">
        <v>16653</v>
      </c>
      <c r="D26927" t="s">
        <v>16654</v>
      </c>
      <c r="E26927" t="s">
        <v>16557</v>
      </c>
      <c r="F26927" t="s">
        <v>16558</v>
      </c>
      <c r="G26927" t="s">
        <v>16559</v>
      </c>
      <c r="H26927" t="s">
        <v>16560</v>
      </c>
      <c r="I26927" s="2">
        <v>1</v>
      </c>
      <c r="J26927" s="2">
        <v>0</v>
      </c>
      <c r="K26927" s="2">
        <v>0</v>
      </c>
      <c r="L26927" t="s">
        <v>120</v>
      </c>
      <c r="M26927" t="s">
        <v>87</v>
      </c>
      <c r="N26927" t="s">
        <v>88</v>
      </c>
      <c r="O26927" t="s">
        <v>85</v>
      </c>
      <c r="P26927" t="s">
        <v>86</v>
      </c>
      <c r="Q26927">
        <v>108</v>
      </c>
      <c r="R26927">
        <v>109</v>
      </c>
      <c r="S26927">
        <v>109</v>
      </c>
      <c r="T26927">
        <v>110</v>
      </c>
      <c r="U26927">
        <v>111</v>
      </c>
      <c r="V26927">
        <v>111</v>
      </c>
      <c r="W26927">
        <v>112</v>
      </c>
      <c r="X26927">
        <v>112</v>
      </c>
      <c r="Y26927">
        <v>113</v>
      </c>
      <c r="Z26927">
        <v>114</v>
      </c>
      <c r="AA26927">
        <v>114</v>
      </c>
      <c r="AB26927">
        <v>115</v>
      </c>
      <c r="AC26927">
        <v>116</v>
      </c>
      <c r="AD26927">
        <v>117</v>
      </c>
      <c r="AE26927">
        <v>118</v>
      </c>
      <c r="AF26927">
        <v>118</v>
      </c>
      <c r="AG26927">
        <v>119</v>
      </c>
      <c r="AH26927">
        <v>120</v>
      </c>
      <c r="AI26927">
        <v>121</v>
      </c>
      <c r="AJ26927">
        <v>122</v>
      </c>
      <c r="AK26927">
        <v>123</v>
      </c>
      <c r="AL26927">
        <v>124</v>
      </c>
      <c r="AM26927">
        <v>125</v>
      </c>
      <c r="AN26927">
        <v>126</v>
      </c>
      <c r="AO26927">
        <v>128</v>
      </c>
      <c r="AP26927">
        <v>129</v>
      </c>
      <c r="AQ26927">
        <v>130</v>
      </c>
    </row>
    <row r="26928" spans="1:43">
      <c r="A26928" t="s">
        <v>16659</v>
      </c>
      <c r="B26928" t="s">
        <v>16660</v>
      </c>
      <c r="C26928" t="s">
        <v>16653</v>
      </c>
      <c r="D26928" t="s">
        <v>16654</v>
      </c>
      <c r="E26928" t="s">
        <v>16557</v>
      </c>
      <c r="F26928" t="s">
        <v>16558</v>
      </c>
      <c r="G26928" t="s">
        <v>16559</v>
      </c>
      <c r="H26928" t="s">
        <v>16560</v>
      </c>
      <c r="I26928" s="2">
        <v>1</v>
      </c>
      <c r="J26928" s="2">
        <v>0</v>
      </c>
      <c r="K26928" s="2">
        <v>0</v>
      </c>
      <c r="L26928" t="s">
        <v>120</v>
      </c>
      <c r="M26928" t="s">
        <v>89</v>
      </c>
      <c r="N26928" t="s">
        <v>90</v>
      </c>
      <c r="O26928" t="s">
        <v>85</v>
      </c>
      <c r="P26928" t="s">
        <v>86</v>
      </c>
      <c r="Q26928">
        <v>108</v>
      </c>
      <c r="R26928">
        <v>111</v>
      </c>
      <c r="S26928">
        <v>113</v>
      </c>
      <c r="T26928">
        <v>116</v>
      </c>
      <c r="U26928">
        <v>118</v>
      </c>
      <c r="V26928">
        <v>121</v>
      </c>
      <c r="W26928">
        <v>123</v>
      </c>
      <c r="X26928">
        <v>125</v>
      </c>
      <c r="Y26928">
        <v>127</v>
      </c>
      <c r="Z26928">
        <v>130</v>
      </c>
      <c r="AA26928">
        <v>132</v>
      </c>
      <c r="AB26928">
        <v>134</v>
      </c>
      <c r="AC26928">
        <v>137</v>
      </c>
      <c r="AD26928">
        <v>139</v>
      </c>
      <c r="AE26928">
        <v>141</v>
      </c>
      <c r="AF26928">
        <v>141</v>
      </c>
      <c r="AG26928">
        <v>142</v>
      </c>
      <c r="AH26928">
        <v>143</v>
      </c>
      <c r="AI26928">
        <v>144</v>
      </c>
      <c r="AJ26928">
        <v>145</v>
      </c>
      <c r="AK26928">
        <v>145</v>
      </c>
      <c r="AL26928">
        <v>146</v>
      </c>
      <c r="AM26928">
        <v>147</v>
      </c>
      <c r="AN26928">
        <v>148</v>
      </c>
      <c r="AO26928">
        <v>149</v>
      </c>
      <c r="AP26928">
        <v>150</v>
      </c>
      <c r="AQ26928">
        <v>151</v>
      </c>
    </row>
    <row r="26929" spans="1:43">
      <c r="A26929" t="s">
        <v>16659</v>
      </c>
      <c r="B26929" t="s">
        <v>16660</v>
      </c>
      <c r="C26929" t="s">
        <v>16653</v>
      </c>
      <c r="D26929" t="s">
        <v>16654</v>
      </c>
      <c r="E26929" t="s">
        <v>16557</v>
      </c>
      <c r="F26929" t="s">
        <v>16558</v>
      </c>
      <c r="G26929" t="s">
        <v>16559</v>
      </c>
      <c r="H26929" t="s">
        <v>16560</v>
      </c>
      <c r="I26929" s="2">
        <v>1</v>
      </c>
      <c r="J26929" s="2">
        <v>0</v>
      </c>
      <c r="K26929" s="2">
        <v>0</v>
      </c>
      <c r="L26929" t="s">
        <v>120</v>
      </c>
      <c r="M26929" t="s">
        <v>83</v>
      </c>
      <c r="N26929" t="s">
        <v>91</v>
      </c>
      <c r="O26929" t="s">
        <v>85</v>
      </c>
      <c r="P26929" t="s">
        <v>86</v>
      </c>
      <c r="Q26929">
        <v>108</v>
      </c>
      <c r="R26929">
        <v>110</v>
      </c>
      <c r="S26929">
        <v>111</v>
      </c>
      <c r="T26929">
        <v>113</v>
      </c>
      <c r="U26929">
        <v>115</v>
      </c>
      <c r="V26929">
        <v>116</v>
      </c>
      <c r="W26929">
        <v>118</v>
      </c>
      <c r="X26929">
        <v>119</v>
      </c>
      <c r="Y26929">
        <v>121</v>
      </c>
      <c r="Z26929">
        <v>123</v>
      </c>
      <c r="AA26929">
        <v>125</v>
      </c>
      <c r="AB26929">
        <v>126</v>
      </c>
      <c r="AC26929">
        <v>128</v>
      </c>
      <c r="AD26929">
        <v>130</v>
      </c>
      <c r="AE26929">
        <v>132</v>
      </c>
      <c r="AF26929">
        <v>134</v>
      </c>
      <c r="AG26929">
        <v>136</v>
      </c>
      <c r="AH26929">
        <v>138</v>
      </c>
      <c r="AI26929">
        <v>140</v>
      </c>
      <c r="AJ26929">
        <v>142</v>
      </c>
      <c r="AK26929">
        <v>144</v>
      </c>
      <c r="AL26929">
        <v>145</v>
      </c>
      <c r="AM26929">
        <v>146</v>
      </c>
      <c r="AN26929">
        <v>147</v>
      </c>
      <c r="AO26929">
        <v>148</v>
      </c>
      <c r="AP26929">
        <v>149</v>
      </c>
      <c r="AQ26929">
        <v>150</v>
      </c>
    </row>
    <row r="26930" spans="1:43">
      <c r="A26930" t="s">
        <v>16661</v>
      </c>
      <c r="B26930" t="s">
        <v>16662</v>
      </c>
      <c r="C26930" t="s">
        <v>16653</v>
      </c>
      <c r="D26930" t="s">
        <v>16654</v>
      </c>
      <c r="E26930" t="s">
        <v>16557</v>
      </c>
      <c r="F26930" t="s">
        <v>16558</v>
      </c>
      <c r="G26930" t="s">
        <v>16559</v>
      </c>
      <c r="H26930" t="s">
        <v>16560</v>
      </c>
      <c r="I26930" s="2">
        <v>1</v>
      </c>
      <c r="J26930" s="2">
        <v>0</v>
      </c>
      <c r="K26930" s="2">
        <v>0</v>
      </c>
      <c r="L26930" t="s">
        <v>120</v>
      </c>
      <c r="M26930" t="s">
        <v>83</v>
      </c>
      <c r="N26930" t="s">
        <v>84</v>
      </c>
      <c r="O26930" t="s">
        <v>85</v>
      </c>
      <c r="P26930" t="s">
        <v>86</v>
      </c>
      <c r="Q26930">
        <v>23</v>
      </c>
      <c r="R26930">
        <v>23</v>
      </c>
      <c r="S26930">
        <v>24</v>
      </c>
      <c r="T26930">
        <v>24</v>
      </c>
      <c r="U26930">
        <v>24</v>
      </c>
      <c r="V26930">
        <v>25</v>
      </c>
      <c r="W26930">
        <v>25</v>
      </c>
      <c r="X26930">
        <v>25</v>
      </c>
      <c r="Y26930">
        <v>26</v>
      </c>
      <c r="Z26930">
        <v>26</v>
      </c>
      <c r="AA26930">
        <v>26</v>
      </c>
      <c r="AB26930">
        <v>27</v>
      </c>
      <c r="AC26930">
        <v>27</v>
      </c>
      <c r="AD26930">
        <v>28</v>
      </c>
      <c r="AE26930">
        <v>28</v>
      </c>
      <c r="AF26930">
        <v>28</v>
      </c>
      <c r="AG26930">
        <v>29</v>
      </c>
      <c r="AH26930">
        <v>29</v>
      </c>
      <c r="AI26930">
        <v>30</v>
      </c>
      <c r="AJ26930">
        <v>30</v>
      </c>
      <c r="AK26930">
        <v>30</v>
      </c>
      <c r="AL26930">
        <v>31</v>
      </c>
      <c r="AM26930">
        <v>31</v>
      </c>
      <c r="AN26930">
        <v>31</v>
      </c>
      <c r="AO26930">
        <v>31</v>
      </c>
      <c r="AP26930">
        <v>32</v>
      </c>
      <c r="AQ26930">
        <v>32</v>
      </c>
    </row>
    <row r="26931" spans="1:43">
      <c r="A26931" t="s">
        <v>16661</v>
      </c>
      <c r="B26931" t="s">
        <v>16662</v>
      </c>
      <c r="C26931" t="s">
        <v>16653</v>
      </c>
      <c r="D26931" t="s">
        <v>16654</v>
      </c>
      <c r="E26931" t="s">
        <v>16557</v>
      </c>
      <c r="F26931" t="s">
        <v>16558</v>
      </c>
      <c r="G26931" t="s">
        <v>16559</v>
      </c>
      <c r="H26931" t="s">
        <v>16560</v>
      </c>
      <c r="I26931" s="2">
        <v>1</v>
      </c>
      <c r="J26931" s="2">
        <v>0</v>
      </c>
      <c r="K26931" s="2">
        <v>0</v>
      </c>
      <c r="L26931" t="s">
        <v>120</v>
      </c>
      <c r="M26931" t="s">
        <v>87</v>
      </c>
      <c r="N26931" t="s">
        <v>88</v>
      </c>
      <c r="O26931" t="s">
        <v>85</v>
      </c>
      <c r="P26931" t="s">
        <v>86</v>
      </c>
      <c r="Q26931">
        <v>23</v>
      </c>
      <c r="R26931">
        <v>23</v>
      </c>
      <c r="S26931">
        <v>23</v>
      </c>
      <c r="T26931">
        <v>23</v>
      </c>
      <c r="U26931">
        <v>23</v>
      </c>
      <c r="V26931">
        <v>23</v>
      </c>
      <c r="W26931">
        <v>23</v>
      </c>
      <c r="X26931">
        <v>24</v>
      </c>
      <c r="Y26931">
        <v>24</v>
      </c>
      <c r="Z26931">
        <v>24</v>
      </c>
      <c r="AA26931">
        <v>24</v>
      </c>
      <c r="AB26931">
        <v>24</v>
      </c>
      <c r="AC26931">
        <v>24</v>
      </c>
      <c r="AD26931">
        <v>25</v>
      </c>
      <c r="AE26931">
        <v>25</v>
      </c>
      <c r="AF26931">
        <v>25</v>
      </c>
      <c r="AG26931">
        <v>25</v>
      </c>
      <c r="AH26931">
        <v>25</v>
      </c>
      <c r="AI26931">
        <v>26</v>
      </c>
      <c r="AJ26931">
        <v>26</v>
      </c>
      <c r="AK26931">
        <v>26</v>
      </c>
      <c r="AL26931">
        <v>26</v>
      </c>
      <c r="AM26931">
        <v>26</v>
      </c>
      <c r="AN26931">
        <v>27</v>
      </c>
      <c r="AO26931">
        <v>27</v>
      </c>
      <c r="AP26931">
        <v>27</v>
      </c>
      <c r="AQ26931">
        <v>27</v>
      </c>
    </row>
    <row r="26932" spans="1:43">
      <c r="A26932" t="s">
        <v>16661</v>
      </c>
      <c r="B26932" t="s">
        <v>16662</v>
      </c>
      <c r="C26932" t="s">
        <v>16653</v>
      </c>
      <c r="D26932" t="s">
        <v>16654</v>
      </c>
      <c r="E26932" t="s">
        <v>16557</v>
      </c>
      <c r="F26932" t="s">
        <v>16558</v>
      </c>
      <c r="G26932" t="s">
        <v>16559</v>
      </c>
      <c r="H26932" t="s">
        <v>16560</v>
      </c>
      <c r="I26932" s="2">
        <v>1</v>
      </c>
      <c r="J26932" s="2">
        <v>0</v>
      </c>
      <c r="K26932" s="2">
        <v>0</v>
      </c>
      <c r="L26932" t="s">
        <v>120</v>
      </c>
      <c r="M26932" t="s">
        <v>89</v>
      </c>
      <c r="N26932" t="s">
        <v>90</v>
      </c>
      <c r="O26932" t="s">
        <v>85</v>
      </c>
      <c r="P26932" t="s">
        <v>86</v>
      </c>
      <c r="Q26932">
        <v>23</v>
      </c>
      <c r="R26932">
        <v>24</v>
      </c>
      <c r="S26932">
        <v>24</v>
      </c>
      <c r="T26932">
        <v>25</v>
      </c>
      <c r="U26932">
        <v>25</v>
      </c>
      <c r="V26932">
        <v>26</v>
      </c>
      <c r="W26932">
        <v>26</v>
      </c>
      <c r="X26932">
        <v>27</v>
      </c>
      <c r="Y26932">
        <v>27</v>
      </c>
      <c r="Z26932">
        <v>28</v>
      </c>
      <c r="AA26932">
        <v>28</v>
      </c>
      <c r="AB26932">
        <v>29</v>
      </c>
      <c r="AC26932">
        <v>29</v>
      </c>
      <c r="AD26932">
        <v>30</v>
      </c>
      <c r="AE26932">
        <v>30</v>
      </c>
      <c r="AF26932">
        <v>30</v>
      </c>
      <c r="AG26932">
        <v>30</v>
      </c>
      <c r="AH26932">
        <v>30</v>
      </c>
      <c r="AI26932">
        <v>31</v>
      </c>
      <c r="AJ26932">
        <v>31</v>
      </c>
      <c r="AK26932">
        <v>31</v>
      </c>
      <c r="AL26932">
        <v>31</v>
      </c>
      <c r="AM26932">
        <v>31</v>
      </c>
      <c r="AN26932">
        <v>32</v>
      </c>
      <c r="AO26932">
        <v>32</v>
      </c>
      <c r="AP26932">
        <v>32</v>
      </c>
      <c r="AQ26932">
        <v>32</v>
      </c>
    </row>
    <row r="26933" spans="1:43">
      <c r="A26933" t="s">
        <v>16661</v>
      </c>
      <c r="B26933" t="s">
        <v>16662</v>
      </c>
      <c r="C26933" t="s">
        <v>16653</v>
      </c>
      <c r="D26933" t="s">
        <v>16654</v>
      </c>
      <c r="E26933" t="s">
        <v>16557</v>
      </c>
      <c r="F26933" t="s">
        <v>16558</v>
      </c>
      <c r="G26933" t="s">
        <v>16559</v>
      </c>
      <c r="H26933" t="s">
        <v>16560</v>
      </c>
      <c r="I26933" s="2">
        <v>1</v>
      </c>
      <c r="J26933" s="2">
        <v>0</v>
      </c>
      <c r="K26933" s="2">
        <v>0</v>
      </c>
      <c r="L26933" t="s">
        <v>120</v>
      </c>
      <c r="M26933" t="s">
        <v>83</v>
      </c>
      <c r="N26933" t="s">
        <v>91</v>
      </c>
      <c r="O26933" t="s">
        <v>85</v>
      </c>
      <c r="P26933" t="s">
        <v>86</v>
      </c>
      <c r="Q26933">
        <v>23</v>
      </c>
      <c r="R26933">
        <v>23</v>
      </c>
      <c r="S26933">
        <v>24</v>
      </c>
      <c r="T26933">
        <v>24</v>
      </c>
      <c r="U26933">
        <v>24</v>
      </c>
      <c r="V26933">
        <v>25</v>
      </c>
      <c r="W26933">
        <v>25</v>
      </c>
      <c r="X26933">
        <v>25</v>
      </c>
      <c r="Y26933">
        <v>26</v>
      </c>
      <c r="Z26933">
        <v>26</v>
      </c>
      <c r="AA26933">
        <v>26</v>
      </c>
      <c r="AB26933">
        <v>27</v>
      </c>
      <c r="AC26933">
        <v>27</v>
      </c>
      <c r="AD26933">
        <v>28</v>
      </c>
      <c r="AE26933">
        <v>28</v>
      </c>
      <c r="AF26933">
        <v>28</v>
      </c>
      <c r="AG26933">
        <v>29</v>
      </c>
      <c r="AH26933">
        <v>29</v>
      </c>
      <c r="AI26933">
        <v>30</v>
      </c>
      <c r="AJ26933">
        <v>30</v>
      </c>
      <c r="AK26933">
        <v>30</v>
      </c>
      <c r="AL26933">
        <v>31</v>
      </c>
      <c r="AM26933">
        <v>31</v>
      </c>
      <c r="AN26933">
        <v>31</v>
      </c>
      <c r="AO26933">
        <v>31</v>
      </c>
      <c r="AP26933">
        <v>32</v>
      </c>
      <c r="AQ26933">
        <v>32</v>
      </c>
    </row>
    <row r="26934" spans="1:43">
      <c r="A26934" t="s">
        <v>16663</v>
      </c>
      <c r="B26934" t="s">
        <v>16664</v>
      </c>
      <c r="C26934" t="s">
        <v>16665</v>
      </c>
      <c r="D26934" t="s">
        <v>16666</v>
      </c>
      <c r="E26934" t="s">
        <v>16557</v>
      </c>
      <c r="F26934" t="s">
        <v>16558</v>
      </c>
      <c r="G26934" t="s">
        <v>16559</v>
      </c>
      <c r="H26934" t="s">
        <v>16560</v>
      </c>
      <c r="I26934" s="2">
        <v>1</v>
      </c>
      <c r="J26934" s="2">
        <v>0</v>
      </c>
      <c r="K26934" s="2">
        <v>0</v>
      </c>
      <c r="L26934" t="s">
        <v>120</v>
      </c>
      <c r="M26934" t="s">
        <v>83</v>
      </c>
      <c r="N26934" t="s">
        <v>84</v>
      </c>
      <c r="O26934" t="s">
        <v>85</v>
      </c>
      <c r="P26934" t="s">
        <v>86</v>
      </c>
      <c r="Q26934">
        <v>56</v>
      </c>
      <c r="R26934">
        <v>57</v>
      </c>
      <c r="S26934">
        <v>58</v>
      </c>
      <c r="T26934">
        <v>59</v>
      </c>
      <c r="U26934">
        <v>60</v>
      </c>
      <c r="V26934">
        <v>61</v>
      </c>
      <c r="W26934">
        <v>62</v>
      </c>
      <c r="X26934">
        <v>63</v>
      </c>
      <c r="Y26934">
        <v>64</v>
      </c>
      <c r="Z26934">
        <v>64</v>
      </c>
      <c r="AA26934">
        <v>65</v>
      </c>
      <c r="AB26934">
        <v>66</v>
      </c>
      <c r="AC26934">
        <v>67</v>
      </c>
      <c r="AD26934">
        <v>68</v>
      </c>
      <c r="AE26934">
        <v>69</v>
      </c>
      <c r="AF26934">
        <v>70</v>
      </c>
      <c r="AG26934">
        <v>71</v>
      </c>
      <c r="AH26934">
        <v>72</v>
      </c>
      <c r="AI26934">
        <v>73</v>
      </c>
      <c r="AJ26934">
        <v>74</v>
      </c>
      <c r="AK26934">
        <v>76</v>
      </c>
      <c r="AL26934">
        <v>76</v>
      </c>
      <c r="AM26934">
        <v>77</v>
      </c>
      <c r="AN26934">
        <v>77</v>
      </c>
      <c r="AO26934">
        <v>78</v>
      </c>
      <c r="AP26934">
        <v>78</v>
      </c>
      <c r="AQ26934">
        <v>79</v>
      </c>
    </row>
    <row r="26935" spans="1:43">
      <c r="A26935" t="s">
        <v>16663</v>
      </c>
      <c r="B26935" t="s">
        <v>16664</v>
      </c>
      <c r="C26935" t="s">
        <v>16665</v>
      </c>
      <c r="D26935" t="s">
        <v>16666</v>
      </c>
      <c r="E26935" t="s">
        <v>16557</v>
      </c>
      <c r="F26935" t="s">
        <v>16558</v>
      </c>
      <c r="G26935" t="s">
        <v>16559</v>
      </c>
      <c r="H26935" t="s">
        <v>16560</v>
      </c>
      <c r="I26935" s="2">
        <v>1</v>
      </c>
      <c r="J26935" s="2">
        <v>0</v>
      </c>
      <c r="K26935" s="2">
        <v>0</v>
      </c>
      <c r="L26935" t="s">
        <v>120</v>
      </c>
      <c r="M26935" t="s">
        <v>87</v>
      </c>
      <c r="N26935" t="s">
        <v>88</v>
      </c>
      <c r="O26935" t="s">
        <v>85</v>
      </c>
      <c r="P26935" t="s">
        <v>86</v>
      </c>
      <c r="Q26935">
        <v>56</v>
      </c>
      <c r="R26935">
        <v>56</v>
      </c>
      <c r="S26935">
        <v>57</v>
      </c>
      <c r="T26935">
        <v>57</v>
      </c>
      <c r="U26935">
        <v>57</v>
      </c>
      <c r="V26935">
        <v>58</v>
      </c>
      <c r="W26935">
        <v>58</v>
      </c>
      <c r="X26935">
        <v>58</v>
      </c>
      <c r="Y26935">
        <v>59</v>
      </c>
      <c r="Z26935">
        <v>59</v>
      </c>
      <c r="AA26935">
        <v>60</v>
      </c>
      <c r="AB26935">
        <v>60</v>
      </c>
      <c r="AC26935">
        <v>61</v>
      </c>
      <c r="AD26935">
        <v>61</v>
      </c>
      <c r="AE26935">
        <v>61</v>
      </c>
      <c r="AF26935">
        <v>62</v>
      </c>
      <c r="AG26935">
        <v>62</v>
      </c>
      <c r="AH26935">
        <v>63</v>
      </c>
      <c r="AI26935">
        <v>64</v>
      </c>
      <c r="AJ26935">
        <v>64</v>
      </c>
      <c r="AK26935">
        <v>65</v>
      </c>
      <c r="AL26935">
        <v>65</v>
      </c>
      <c r="AM26935">
        <v>66</v>
      </c>
      <c r="AN26935">
        <v>66</v>
      </c>
      <c r="AO26935">
        <v>67</v>
      </c>
      <c r="AP26935">
        <v>68</v>
      </c>
      <c r="AQ26935">
        <v>68</v>
      </c>
    </row>
    <row r="26936" spans="1:43">
      <c r="A26936" t="s">
        <v>16663</v>
      </c>
      <c r="B26936" t="s">
        <v>16664</v>
      </c>
      <c r="C26936" t="s">
        <v>16665</v>
      </c>
      <c r="D26936" t="s">
        <v>16666</v>
      </c>
      <c r="E26936" t="s">
        <v>16557</v>
      </c>
      <c r="F26936" t="s">
        <v>16558</v>
      </c>
      <c r="G26936" t="s">
        <v>16559</v>
      </c>
      <c r="H26936" t="s">
        <v>16560</v>
      </c>
      <c r="I26936" s="2">
        <v>1</v>
      </c>
      <c r="J26936" s="2">
        <v>0</v>
      </c>
      <c r="K26936" s="2">
        <v>0</v>
      </c>
      <c r="L26936" t="s">
        <v>120</v>
      </c>
      <c r="M26936" t="s">
        <v>89</v>
      </c>
      <c r="N26936" t="s">
        <v>90</v>
      </c>
      <c r="O26936" t="s">
        <v>85</v>
      </c>
      <c r="P26936" t="s">
        <v>86</v>
      </c>
      <c r="Q26936">
        <v>56</v>
      </c>
      <c r="R26936">
        <v>57</v>
      </c>
      <c r="S26936">
        <v>59</v>
      </c>
      <c r="T26936">
        <v>60</v>
      </c>
      <c r="U26936">
        <v>61</v>
      </c>
      <c r="V26936">
        <v>63</v>
      </c>
      <c r="W26936">
        <v>64</v>
      </c>
      <c r="X26936">
        <v>65</v>
      </c>
      <c r="Y26936">
        <v>66</v>
      </c>
      <c r="Z26936">
        <v>67</v>
      </c>
      <c r="AA26936">
        <v>69</v>
      </c>
      <c r="AB26936">
        <v>70</v>
      </c>
      <c r="AC26936">
        <v>71</v>
      </c>
      <c r="AD26936">
        <v>72</v>
      </c>
      <c r="AE26936">
        <v>73</v>
      </c>
      <c r="AF26936">
        <v>74</v>
      </c>
      <c r="AG26936">
        <v>74</v>
      </c>
      <c r="AH26936">
        <v>74</v>
      </c>
      <c r="AI26936">
        <v>75</v>
      </c>
      <c r="AJ26936">
        <v>75</v>
      </c>
      <c r="AK26936">
        <v>76</v>
      </c>
      <c r="AL26936">
        <v>76</v>
      </c>
      <c r="AM26936">
        <v>77</v>
      </c>
      <c r="AN26936">
        <v>77</v>
      </c>
      <c r="AO26936">
        <v>78</v>
      </c>
      <c r="AP26936">
        <v>78</v>
      </c>
      <c r="AQ26936">
        <v>79</v>
      </c>
    </row>
    <row r="26937" spans="1:43">
      <c r="A26937" t="s">
        <v>16663</v>
      </c>
      <c r="B26937" t="s">
        <v>16664</v>
      </c>
      <c r="C26937" t="s">
        <v>16665</v>
      </c>
      <c r="D26937" t="s">
        <v>16666</v>
      </c>
      <c r="E26937" t="s">
        <v>16557</v>
      </c>
      <c r="F26937" t="s">
        <v>16558</v>
      </c>
      <c r="G26937" t="s">
        <v>16559</v>
      </c>
      <c r="H26937" t="s">
        <v>16560</v>
      </c>
      <c r="I26937" s="2">
        <v>1</v>
      </c>
      <c r="J26937" s="2">
        <v>0</v>
      </c>
      <c r="K26937" s="2">
        <v>0</v>
      </c>
      <c r="L26937" t="s">
        <v>120</v>
      </c>
      <c r="M26937" t="s">
        <v>83</v>
      </c>
      <c r="N26937" t="s">
        <v>91</v>
      </c>
      <c r="O26937" t="s">
        <v>85</v>
      </c>
      <c r="P26937" t="s">
        <v>86</v>
      </c>
      <c r="Q26937">
        <v>56</v>
      </c>
      <c r="R26937">
        <v>57</v>
      </c>
      <c r="S26937">
        <v>58</v>
      </c>
      <c r="T26937">
        <v>59</v>
      </c>
      <c r="U26937">
        <v>60</v>
      </c>
      <c r="V26937">
        <v>61</v>
      </c>
      <c r="W26937">
        <v>62</v>
      </c>
      <c r="X26937">
        <v>63</v>
      </c>
      <c r="Y26937">
        <v>64</v>
      </c>
      <c r="Z26937">
        <v>64</v>
      </c>
      <c r="AA26937">
        <v>65</v>
      </c>
      <c r="AB26937">
        <v>66</v>
      </c>
      <c r="AC26937">
        <v>67</v>
      </c>
      <c r="AD26937">
        <v>68</v>
      </c>
      <c r="AE26937">
        <v>69</v>
      </c>
      <c r="AF26937">
        <v>70</v>
      </c>
      <c r="AG26937">
        <v>71</v>
      </c>
      <c r="AH26937">
        <v>72</v>
      </c>
      <c r="AI26937">
        <v>73</v>
      </c>
      <c r="AJ26937">
        <v>74</v>
      </c>
      <c r="AK26937">
        <v>76</v>
      </c>
      <c r="AL26937">
        <v>76</v>
      </c>
      <c r="AM26937">
        <v>77</v>
      </c>
      <c r="AN26937">
        <v>77</v>
      </c>
      <c r="AO26937">
        <v>78</v>
      </c>
      <c r="AP26937">
        <v>78</v>
      </c>
      <c r="AQ26937">
        <v>79</v>
      </c>
    </row>
    <row r="26938" spans="1:43">
      <c r="A26938" t="s">
        <v>16667</v>
      </c>
      <c r="B26938" t="s">
        <v>16668</v>
      </c>
      <c r="C26938" t="s">
        <v>16665</v>
      </c>
      <c r="D26938" t="s">
        <v>16666</v>
      </c>
      <c r="E26938" t="s">
        <v>16557</v>
      </c>
      <c r="F26938" t="s">
        <v>16558</v>
      </c>
      <c r="G26938" t="s">
        <v>16559</v>
      </c>
      <c r="H26938" t="s">
        <v>16560</v>
      </c>
      <c r="I26938" s="2">
        <v>1</v>
      </c>
      <c r="J26938" s="2">
        <v>0</v>
      </c>
      <c r="K26938" s="2">
        <v>0</v>
      </c>
      <c r="L26938" t="s">
        <v>120</v>
      </c>
      <c r="M26938" t="s">
        <v>83</v>
      </c>
      <c r="N26938" t="s">
        <v>84</v>
      </c>
      <c r="O26938" t="s">
        <v>85</v>
      </c>
      <c r="P26938" t="s">
        <v>86</v>
      </c>
      <c r="Q26938">
        <v>35</v>
      </c>
      <c r="R26938">
        <v>35</v>
      </c>
      <c r="S26938">
        <v>36</v>
      </c>
      <c r="T26938">
        <v>36</v>
      </c>
      <c r="U26938">
        <v>37</v>
      </c>
      <c r="V26938">
        <v>37</v>
      </c>
      <c r="W26938">
        <v>38</v>
      </c>
      <c r="X26938">
        <v>38</v>
      </c>
      <c r="Y26938">
        <v>39</v>
      </c>
      <c r="Z26938">
        <v>39</v>
      </c>
      <c r="AA26938">
        <v>40</v>
      </c>
      <c r="AB26938">
        <v>41</v>
      </c>
      <c r="AC26938">
        <v>41</v>
      </c>
      <c r="AD26938">
        <v>42</v>
      </c>
      <c r="AE26938">
        <v>42</v>
      </c>
      <c r="AF26938">
        <v>43</v>
      </c>
      <c r="AG26938">
        <v>43</v>
      </c>
      <c r="AH26938">
        <v>44</v>
      </c>
      <c r="AI26938">
        <v>45</v>
      </c>
      <c r="AJ26938">
        <v>45</v>
      </c>
      <c r="AK26938">
        <v>46</v>
      </c>
      <c r="AL26938">
        <v>46</v>
      </c>
      <c r="AM26938">
        <v>46</v>
      </c>
      <c r="AN26938">
        <v>47</v>
      </c>
      <c r="AO26938">
        <v>47</v>
      </c>
      <c r="AP26938">
        <v>47</v>
      </c>
      <c r="AQ26938">
        <v>48</v>
      </c>
    </row>
    <row r="26939" spans="1:43">
      <c r="A26939" t="s">
        <v>16667</v>
      </c>
      <c r="B26939" t="s">
        <v>16668</v>
      </c>
      <c r="C26939" t="s">
        <v>16665</v>
      </c>
      <c r="D26939" t="s">
        <v>16666</v>
      </c>
      <c r="E26939" t="s">
        <v>16557</v>
      </c>
      <c r="F26939" t="s">
        <v>16558</v>
      </c>
      <c r="G26939" t="s">
        <v>16559</v>
      </c>
      <c r="H26939" t="s">
        <v>16560</v>
      </c>
      <c r="I26939" s="2">
        <v>1</v>
      </c>
      <c r="J26939" s="2">
        <v>0</v>
      </c>
      <c r="K26939" s="2">
        <v>0</v>
      </c>
      <c r="L26939" t="s">
        <v>120</v>
      </c>
      <c r="M26939" t="s">
        <v>87</v>
      </c>
      <c r="N26939" t="s">
        <v>88</v>
      </c>
      <c r="O26939" t="s">
        <v>85</v>
      </c>
      <c r="P26939" t="s">
        <v>86</v>
      </c>
      <c r="Q26939">
        <v>35</v>
      </c>
      <c r="R26939">
        <v>36</v>
      </c>
      <c r="S26939">
        <v>36</v>
      </c>
      <c r="T26939">
        <v>36</v>
      </c>
      <c r="U26939">
        <v>36</v>
      </c>
      <c r="V26939">
        <v>36</v>
      </c>
      <c r="W26939">
        <v>37</v>
      </c>
      <c r="X26939">
        <v>37</v>
      </c>
      <c r="Y26939">
        <v>37</v>
      </c>
      <c r="Z26939">
        <v>37</v>
      </c>
      <c r="AA26939">
        <v>38</v>
      </c>
      <c r="AB26939">
        <v>38</v>
      </c>
      <c r="AC26939">
        <v>38</v>
      </c>
      <c r="AD26939">
        <v>38</v>
      </c>
      <c r="AE26939">
        <v>39</v>
      </c>
      <c r="AF26939">
        <v>39</v>
      </c>
      <c r="AG26939">
        <v>39</v>
      </c>
      <c r="AH26939">
        <v>39</v>
      </c>
      <c r="AI26939">
        <v>40</v>
      </c>
      <c r="AJ26939">
        <v>40</v>
      </c>
      <c r="AK26939">
        <v>40</v>
      </c>
      <c r="AL26939">
        <v>41</v>
      </c>
      <c r="AM26939">
        <v>41</v>
      </c>
      <c r="AN26939">
        <v>41</v>
      </c>
      <c r="AO26939">
        <v>42</v>
      </c>
      <c r="AP26939">
        <v>42</v>
      </c>
      <c r="AQ26939">
        <v>42</v>
      </c>
    </row>
    <row r="26940" spans="1:43">
      <c r="A26940" t="s">
        <v>16667</v>
      </c>
      <c r="B26940" t="s">
        <v>16668</v>
      </c>
      <c r="C26940" t="s">
        <v>16665</v>
      </c>
      <c r="D26940" t="s">
        <v>16666</v>
      </c>
      <c r="E26940" t="s">
        <v>16557</v>
      </c>
      <c r="F26940" t="s">
        <v>16558</v>
      </c>
      <c r="G26940" t="s">
        <v>16559</v>
      </c>
      <c r="H26940" t="s">
        <v>16560</v>
      </c>
      <c r="I26940" s="2">
        <v>1</v>
      </c>
      <c r="J26940" s="2">
        <v>0</v>
      </c>
      <c r="K26940" s="2">
        <v>0</v>
      </c>
      <c r="L26940" t="s">
        <v>120</v>
      </c>
      <c r="M26940" t="s">
        <v>89</v>
      </c>
      <c r="N26940" t="s">
        <v>90</v>
      </c>
      <c r="O26940" t="s">
        <v>85</v>
      </c>
      <c r="P26940" t="s">
        <v>86</v>
      </c>
      <c r="Q26940">
        <v>35</v>
      </c>
      <c r="R26940">
        <v>36</v>
      </c>
      <c r="S26940">
        <v>37</v>
      </c>
      <c r="T26940">
        <v>38</v>
      </c>
      <c r="U26940">
        <v>38</v>
      </c>
      <c r="V26940">
        <v>39</v>
      </c>
      <c r="W26940">
        <v>40</v>
      </c>
      <c r="X26940">
        <v>40</v>
      </c>
      <c r="Y26940">
        <v>41</v>
      </c>
      <c r="Z26940">
        <v>42</v>
      </c>
      <c r="AA26940">
        <v>43</v>
      </c>
      <c r="AB26940">
        <v>43</v>
      </c>
      <c r="AC26940">
        <v>44</v>
      </c>
      <c r="AD26940">
        <v>45</v>
      </c>
      <c r="AE26940">
        <v>45</v>
      </c>
      <c r="AF26940">
        <v>45</v>
      </c>
      <c r="AG26940">
        <v>46</v>
      </c>
      <c r="AH26940">
        <v>46</v>
      </c>
      <c r="AI26940">
        <v>46</v>
      </c>
      <c r="AJ26940">
        <v>46</v>
      </c>
      <c r="AK26940">
        <v>46</v>
      </c>
      <c r="AL26940">
        <v>47</v>
      </c>
      <c r="AM26940">
        <v>47</v>
      </c>
      <c r="AN26940">
        <v>47</v>
      </c>
      <c r="AO26940">
        <v>47</v>
      </c>
      <c r="AP26940">
        <v>48</v>
      </c>
      <c r="AQ26940">
        <v>48</v>
      </c>
    </row>
    <row r="26941" spans="1:43">
      <c r="A26941" t="s">
        <v>16667</v>
      </c>
      <c r="B26941" t="s">
        <v>16668</v>
      </c>
      <c r="C26941" t="s">
        <v>16665</v>
      </c>
      <c r="D26941" t="s">
        <v>16666</v>
      </c>
      <c r="E26941" t="s">
        <v>16557</v>
      </c>
      <c r="F26941" t="s">
        <v>16558</v>
      </c>
      <c r="G26941" t="s">
        <v>16559</v>
      </c>
      <c r="H26941" t="s">
        <v>16560</v>
      </c>
      <c r="I26941" s="2">
        <v>1</v>
      </c>
      <c r="J26941" s="2">
        <v>0</v>
      </c>
      <c r="K26941" s="2">
        <v>0</v>
      </c>
      <c r="L26941" t="s">
        <v>120</v>
      </c>
      <c r="M26941" t="s">
        <v>83</v>
      </c>
      <c r="N26941" t="s">
        <v>91</v>
      </c>
      <c r="O26941" t="s">
        <v>85</v>
      </c>
      <c r="P26941" t="s">
        <v>86</v>
      </c>
      <c r="Q26941">
        <v>35</v>
      </c>
      <c r="R26941">
        <v>35</v>
      </c>
      <c r="S26941">
        <v>36</v>
      </c>
      <c r="T26941">
        <v>36</v>
      </c>
      <c r="U26941">
        <v>37</v>
      </c>
      <c r="V26941">
        <v>37</v>
      </c>
      <c r="W26941">
        <v>38</v>
      </c>
      <c r="X26941">
        <v>38</v>
      </c>
      <c r="Y26941">
        <v>39</v>
      </c>
      <c r="Z26941">
        <v>39</v>
      </c>
      <c r="AA26941">
        <v>40</v>
      </c>
      <c r="AB26941">
        <v>41</v>
      </c>
      <c r="AC26941">
        <v>41</v>
      </c>
      <c r="AD26941">
        <v>42</v>
      </c>
      <c r="AE26941">
        <v>42</v>
      </c>
      <c r="AF26941">
        <v>43</v>
      </c>
      <c r="AG26941">
        <v>43</v>
      </c>
      <c r="AH26941">
        <v>44</v>
      </c>
      <c r="AI26941">
        <v>45</v>
      </c>
      <c r="AJ26941">
        <v>45</v>
      </c>
      <c r="AK26941">
        <v>46</v>
      </c>
      <c r="AL26941">
        <v>46</v>
      </c>
      <c r="AM26941">
        <v>46</v>
      </c>
      <c r="AN26941">
        <v>47</v>
      </c>
      <c r="AO26941">
        <v>47</v>
      </c>
      <c r="AP26941">
        <v>47</v>
      </c>
      <c r="AQ26941">
        <v>48</v>
      </c>
    </row>
    <row r="26942" spans="1:43">
      <c r="A26942" t="s">
        <v>16669</v>
      </c>
      <c r="B26942" t="s">
        <v>16670</v>
      </c>
      <c r="C26942" t="s">
        <v>16665</v>
      </c>
      <c r="D26942" t="s">
        <v>16666</v>
      </c>
      <c r="E26942" t="s">
        <v>16557</v>
      </c>
      <c r="F26942" t="s">
        <v>16558</v>
      </c>
      <c r="G26942" t="s">
        <v>16559</v>
      </c>
      <c r="H26942" t="s">
        <v>16560</v>
      </c>
      <c r="I26942" s="2">
        <v>1</v>
      </c>
      <c r="J26942" s="2">
        <v>0</v>
      </c>
      <c r="K26942" s="2">
        <v>0</v>
      </c>
      <c r="L26942" t="s">
        <v>120</v>
      </c>
      <c r="M26942" t="s">
        <v>83</v>
      </c>
      <c r="N26942" t="s">
        <v>84</v>
      </c>
      <c r="O26942" t="s">
        <v>85</v>
      </c>
      <c r="P26942" t="s">
        <v>86</v>
      </c>
      <c r="Q26942">
        <v>29</v>
      </c>
      <c r="R26942">
        <v>29</v>
      </c>
      <c r="S26942">
        <v>30</v>
      </c>
      <c r="T26942">
        <v>30</v>
      </c>
      <c r="U26942">
        <v>31</v>
      </c>
      <c r="V26942">
        <v>31</v>
      </c>
      <c r="W26942">
        <v>32</v>
      </c>
      <c r="X26942">
        <v>32</v>
      </c>
      <c r="Y26942">
        <v>33</v>
      </c>
      <c r="Z26942">
        <v>33</v>
      </c>
      <c r="AA26942">
        <v>33</v>
      </c>
      <c r="AB26942">
        <v>34</v>
      </c>
      <c r="AC26942">
        <v>34</v>
      </c>
      <c r="AD26942">
        <v>35</v>
      </c>
      <c r="AE26942">
        <v>35</v>
      </c>
      <c r="AF26942">
        <v>36</v>
      </c>
      <c r="AG26942">
        <v>36</v>
      </c>
      <c r="AH26942">
        <v>37</v>
      </c>
      <c r="AI26942">
        <v>37</v>
      </c>
      <c r="AJ26942">
        <v>38</v>
      </c>
      <c r="AK26942">
        <v>38</v>
      </c>
      <c r="AL26942">
        <v>39</v>
      </c>
      <c r="AM26942">
        <v>39</v>
      </c>
      <c r="AN26942">
        <v>39</v>
      </c>
      <c r="AO26942">
        <v>39</v>
      </c>
      <c r="AP26942">
        <v>39</v>
      </c>
      <c r="AQ26942">
        <v>40</v>
      </c>
    </row>
    <row r="26943" spans="1:43">
      <c r="A26943" t="s">
        <v>16669</v>
      </c>
      <c r="B26943" t="s">
        <v>16670</v>
      </c>
      <c r="C26943" t="s">
        <v>16665</v>
      </c>
      <c r="D26943" t="s">
        <v>16666</v>
      </c>
      <c r="E26943" t="s">
        <v>16557</v>
      </c>
      <c r="F26943" t="s">
        <v>16558</v>
      </c>
      <c r="G26943" t="s">
        <v>16559</v>
      </c>
      <c r="H26943" t="s">
        <v>16560</v>
      </c>
      <c r="I26943" s="2">
        <v>1</v>
      </c>
      <c r="J26943" s="2">
        <v>0</v>
      </c>
      <c r="K26943" s="2">
        <v>0</v>
      </c>
      <c r="L26943" t="s">
        <v>120</v>
      </c>
      <c r="M26943" t="s">
        <v>87</v>
      </c>
      <c r="N26943" t="s">
        <v>88</v>
      </c>
      <c r="O26943" t="s">
        <v>85</v>
      </c>
      <c r="P26943" t="s">
        <v>86</v>
      </c>
      <c r="Q26943">
        <v>29</v>
      </c>
      <c r="R26943">
        <v>29</v>
      </c>
      <c r="S26943">
        <v>29</v>
      </c>
      <c r="T26943">
        <v>29</v>
      </c>
      <c r="U26943">
        <v>29</v>
      </c>
      <c r="V26943">
        <v>30</v>
      </c>
      <c r="W26943">
        <v>30</v>
      </c>
      <c r="X26943">
        <v>30</v>
      </c>
      <c r="Y26943">
        <v>30</v>
      </c>
      <c r="Z26943">
        <v>30</v>
      </c>
      <c r="AA26943">
        <v>30</v>
      </c>
      <c r="AB26943">
        <v>31</v>
      </c>
      <c r="AC26943">
        <v>31</v>
      </c>
      <c r="AD26943">
        <v>31</v>
      </c>
      <c r="AE26943">
        <v>31</v>
      </c>
      <c r="AF26943">
        <v>32</v>
      </c>
      <c r="AG26943">
        <v>32</v>
      </c>
      <c r="AH26943">
        <v>32</v>
      </c>
      <c r="AI26943">
        <v>32</v>
      </c>
      <c r="AJ26943">
        <v>33</v>
      </c>
      <c r="AK26943">
        <v>33</v>
      </c>
      <c r="AL26943">
        <v>33</v>
      </c>
      <c r="AM26943">
        <v>33</v>
      </c>
      <c r="AN26943">
        <v>34</v>
      </c>
      <c r="AO26943">
        <v>34</v>
      </c>
      <c r="AP26943">
        <v>34</v>
      </c>
      <c r="AQ26943">
        <v>35</v>
      </c>
    </row>
    <row r="26944" spans="1:43">
      <c r="A26944" t="s">
        <v>16669</v>
      </c>
      <c r="B26944" t="s">
        <v>16670</v>
      </c>
      <c r="C26944" t="s">
        <v>16665</v>
      </c>
      <c r="D26944" t="s">
        <v>16666</v>
      </c>
      <c r="E26944" t="s">
        <v>16557</v>
      </c>
      <c r="F26944" t="s">
        <v>16558</v>
      </c>
      <c r="G26944" t="s">
        <v>16559</v>
      </c>
      <c r="H26944" t="s">
        <v>16560</v>
      </c>
      <c r="I26944" s="2">
        <v>1</v>
      </c>
      <c r="J26944" s="2">
        <v>0</v>
      </c>
      <c r="K26944" s="2">
        <v>0</v>
      </c>
      <c r="L26944" t="s">
        <v>120</v>
      </c>
      <c r="M26944" t="s">
        <v>89</v>
      </c>
      <c r="N26944" t="s">
        <v>90</v>
      </c>
      <c r="O26944" t="s">
        <v>85</v>
      </c>
      <c r="P26944" t="s">
        <v>86</v>
      </c>
      <c r="Q26944">
        <v>29</v>
      </c>
      <c r="R26944">
        <v>30</v>
      </c>
      <c r="S26944">
        <v>31</v>
      </c>
      <c r="T26944">
        <v>31</v>
      </c>
      <c r="U26944">
        <v>32</v>
      </c>
      <c r="V26944">
        <v>33</v>
      </c>
      <c r="W26944">
        <v>33</v>
      </c>
      <c r="X26944">
        <v>34</v>
      </c>
      <c r="Y26944">
        <v>34</v>
      </c>
      <c r="Z26944">
        <v>35</v>
      </c>
      <c r="AA26944">
        <v>36</v>
      </c>
      <c r="AB26944">
        <v>36</v>
      </c>
      <c r="AC26944">
        <v>37</v>
      </c>
      <c r="AD26944">
        <v>37</v>
      </c>
      <c r="AE26944">
        <v>38</v>
      </c>
      <c r="AF26944">
        <v>38</v>
      </c>
      <c r="AG26944">
        <v>38</v>
      </c>
      <c r="AH26944">
        <v>38</v>
      </c>
      <c r="AI26944">
        <v>38</v>
      </c>
      <c r="AJ26944">
        <v>39</v>
      </c>
      <c r="AK26944">
        <v>39</v>
      </c>
      <c r="AL26944">
        <v>39</v>
      </c>
      <c r="AM26944">
        <v>39</v>
      </c>
      <c r="AN26944">
        <v>39</v>
      </c>
      <c r="AO26944">
        <v>40</v>
      </c>
      <c r="AP26944">
        <v>40</v>
      </c>
      <c r="AQ26944">
        <v>40</v>
      </c>
    </row>
    <row r="26945" spans="1:43">
      <c r="A26945" t="s">
        <v>16669</v>
      </c>
      <c r="B26945" t="s">
        <v>16670</v>
      </c>
      <c r="C26945" t="s">
        <v>16665</v>
      </c>
      <c r="D26945" t="s">
        <v>16666</v>
      </c>
      <c r="E26945" t="s">
        <v>16557</v>
      </c>
      <c r="F26945" t="s">
        <v>16558</v>
      </c>
      <c r="G26945" t="s">
        <v>16559</v>
      </c>
      <c r="H26945" t="s">
        <v>16560</v>
      </c>
      <c r="I26945" s="2">
        <v>1</v>
      </c>
      <c r="J26945" s="2">
        <v>0</v>
      </c>
      <c r="K26945" s="2">
        <v>0</v>
      </c>
      <c r="L26945" t="s">
        <v>120</v>
      </c>
      <c r="M26945" t="s">
        <v>83</v>
      </c>
      <c r="N26945" t="s">
        <v>91</v>
      </c>
      <c r="O26945" t="s">
        <v>85</v>
      </c>
      <c r="P26945" t="s">
        <v>86</v>
      </c>
      <c r="Q26945">
        <v>29</v>
      </c>
      <c r="R26945">
        <v>29</v>
      </c>
      <c r="S26945">
        <v>30</v>
      </c>
      <c r="T26945">
        <v>30</v>
      </c>
      <c r="U26945">
        <v>31</v>
      </c>
      <c r="V26945">
        <v>31</v>
      </c>
      <c r="W26945">
        <v>32</v>
      </c>
      <c r="X26945">
        <v>32</v>
      </c>
      <c r="Y26945">
        <v>33</v>
      </c>
      <c r="Z26945">
        <v>33</v>
      </c>
      <c r="AA26945">
        <v>33</v>
      </c>
      <c r="AB26945">
        <v>34</v>
      </c>
      <c r="AC26945">
        <v>34</v>
      </c>
      <c r="AD26945">
        <v>35</v>
      </c>
      <c r="AE26945">
        <v>35</v>
      </c>
      <c r="AF26945">
        <v>36</v>
      </c>
      <c r="AG26945">
        <v>36</v>
      </c>
      <c r="AH26945">
        <v>37</v>
      </c>
      <c r="AI26945">
        <v>37</v>
      </c>
      <c r="AJ26945">
        <v>38</v>
      </c>
      <c r="AK26945">
        <v>38</v>
      </c>
      <c r="AL26945">
        <v>39</v>
      </c>
      <c r="AM26945">
        <v>39</v>
      </c>
      <c r="AN26945">
        <v>39</v>
      </c>
      <c r="AO26945">
        <v>39</v>
      </c>
      <c r="AP26945">
        <v>39</v>
      </c>
      <c r="AQ26945">
        <v>40</v>
      </c>
    </row>
    <row r="26946" spans="1:43">
      <c r="A26946" t="s">
        <v>16671</v>
      </c>
      <c r="B26946" t="s">
        <v>16672</v>
      </c>
      <c r="C26946" t="s">
        <v>16665</v>
      </c>
      <c r="D26946" t="s">
        <v>16666</v>
      </c>
      <c r="E26946" t="s">
        <v>16557</v>
      </c>
      <c r="F26946" t="s">
        <v>16558</v>
      </c>
      <c r="G26946" t="s">
        <v>16559</v>
      </c>
      <c r="H26946" t="s">
        <v>16560</v>
      </c>
      <c r="I26946" s="2">
        <v>1</v>
      </c>
      <c r="J26946" s="2">
        <v>0</v>
      </c>
      <c r="K26946" s="2">
        <v>0</v>
      </c>
      <c r="L26946" t="s">
        <v>120</v>
      </c>
      <c r="M26946" t="s">
        <v>83</v>
      </c>
      <c r="N26946" t="s">
        <v>84</v>
      </c>
      <c r="O26946" t="s">
        <v>85</v>
      </c>
      <c r="P26946" t="s">
        <v>86</v>
      </c>
      <c r="Q26946">
        <v>6</v>
      </c>
      <c r="R26946">
        <v>6</v>
      </c>
      <c r="S26946">
        <v>6</v>
      </c>
      <c r="T26946">
        <v>6</v>
      </c>
      <c r="U26946">
        <v>7</v>
      </c>
      <c r="V26946">
        <v>7</v>
      </c>
      <c r="W26946">
        <v>7</v>
      </c>
      <c r="X26946">
        <v>7</v>
      </c>
      <c r="Y26946">
        <v>7</v>
      </c>
      <c r="Z26946">
        <v>7</v>
      </c>
      <c r="AA26946">
        <v>7</v>
      </c>
      <c r="AB26946">
        <v>7</v>
      </c>
      <c r="AC26946">
        <v>7</v>
      </c>
      <c r="AD26946">
        <v>7</v>
      </c>
      <c r="AE26946">
        <v>8</v>
      </c>
      <c r="AF26946">
        <v>8</v>
      </c>
      <c r="AG26946">
        <v>8</v>
      </c>
      <c r="AH26946">
        <v>8</v>
      </c>
      <c r="AI26946">
        <v>8</v>
      </c>
      <c r="AJ26946">
        <v>8</v>
      </c>
      <c r="AK26946">
        <v>8</v>
      </c>
      <c r="AL26946">
        <v>8</v>
      </c>
      <c r="AM26946">
        <v>8</v>
      </c>
      <c r="AN26946">
        <v>8</v>
      </c>
      <c r="AO26946">
        <v>9</v>
      </c>
      <c r="AP26946">
        <v>9</v>
      </c>
      <c r="AQ26946">
        <v>9</v>
      </c>
    </row>
    <row r="26947" spans="1:43">
      <c r="A26947" t="s">
        <v>16671</v>
      </c>
      <c r="B26947" t="s">
        <v>16672</v>
      </c>
      <c r="C26947" t="s">
        <v>16665</v>
      </c>
      <c r="D26947" t="s">
        <v>16666</v>
      </c>
      <c r="E26947" t="s">
        <v>16557</v>
      </c>
      <c r="F26947" t="s">
        <v>16558</v>
      </c>
      <c r="G26947" t="s">
        <v>16559</v>
      </c>
      <c r="H26947" t="s">
        <v>16560</v>
      </c>
      <c r="I26947" s="2">
        <v>1</v>
      </c>
      <c r="J26947" s="2">
        <v>0</v>
      </c>
      <c r="K26947" s="2">
        <v>0</v>
      </c>
      <c r="L26947" t="s">
        <v>120</v>
      </c>
      <c r="M26947" t="s">
        <v>87</v>
      </c>
      <c r="N26947" t="s">
        <v>88</v>
      </c>
      <c r="O26947" t="s">
        <v>85</v>
      </c>
      <c r="P26947" t="s">
        <v>86</v>
      </c>
      <c r="Q26947">
        <v>6</v>
      </c>
      <c r="R26947">
        <v>6</v>
      </c>
      <c r="S26947">
        <v>6</v>
      </c>
      <c r="T26947">
        <v>6</v>
      </c>
      <c r="U26947">
        <v>6</v>
      </c>
      <c r="V26947">
        <v>6</v>
      </c>
      <c r="W26947">
        <v>6</v>
      </c>
      <c r="X26947">
        <v>6</v>
      </c>
      <c r="Y26947">
        <v>6</v>
      </c>
      <c r="Z26947">
        <v>6</v>
      </c>
      <c r="AA26947">
        <v>6</v>
      </c>
      <c r="AB26947">
        <v>7</v>
      </c>
      <c r="AC26947">
        <v>7</v>
      </c>
      <c r="AD26947">
        <v>7</v>
      </c>
      <c r="AE26947">
        <v>7</v>
      </c>
      <c r="AF26947">
        <v>7</v>
      </c>
      <c r="AG26947">
        <v>7</v>
      </c>
      <c r="AH26947">
        <v>7</v>
      </c>
      <c r="AI26947">
        <v>7</v>
      </c>
      <c r="AJ26947">
        <v>7</v>
      </c>
      <c r="AK26947">
        <v>7</v>
      </c>
      <c r="AL26947">
        <v>7</v>
      </c>
      <c r="AM26947">
        <v>7</v>
      </c>
      <c r="AN26947">
        <v>7</v>
      </c>
      <c r="AO26947">
        <v>7</v>
      </c>
      <c r="AP26947">
        <v>7</v>
      </c>
      <c r="AQ26947">
        <v>7</v>
      </c>
    </row>
    <row r="26948" spans="1:43">
      <c r="A26948" t="s">
        <v>16671</v>
      </c>
      <c r="B26948" t="s">
        <v>16672</v>
      </c>
      <c r="C26948" t="s">
        <v>16665</v>
      </c>
      <c r="D26948" t="s">
        <v>16666</v>
      </c>
      <c r="E26948" t="s">
        <v>16557</v>
      </c>
      <c r="F26948" t="s">
        <v>16558</v>
      </c>
      <c r="G26948" t="s">
        <v>16559</v>
      </c>
      <c r="H26948" t="s">
        <v>16560</v>
      </c>
      <c r="I26948" s="2">
        <v>1</v>
      </c>
      <c r="J26948" s="2">
        <v>0</v>
      </c>
      <c r="K26948" s="2">
        <v>0</v>
      </c>
      <c r="L26948" t="s">
        <v>120</v>
      </c>
      <c r="M26948" t="s">
        <v>89</v>
      </c>
      <c r="N26948" t="s">
        <v>90</v>
      </c>
      <c r="O26948" t="s">
        <v>85</v>
      </c>
      <c r="P26948" t="s">
        <v>86</v>
      </c>
      <c r="Q26948">
        <v>6</v>
      </c>
      <c r="R26948">
        <v>6</v>
      </c>
      <c r="S26948">
        <v>6</v>
      </c>
      <c r="T26948">
        <v>7</v>
      </c>
      <c r="U26948">
        <v>7</v>
      </c>
      <c r="V26948">
        <v>7</v>
      </c>
      <c r="W26948">
        <v>7</v>
      </c>
      <c r="X26948">
        <v>7</v>
      </c>
      <c r="Y26948">
        <v>7</v>
      </c>
      <c r="Z26948">
        <v>7</v>
      </c>
      <c r="AA26948">
        <v>8</v>
      </c>
      <c r="AB26948">
        <v>8</v>
      </c>
      <c r="AC26948">
        <v>8</v>
      </c>
      <c r="AD26948">
        <v>8</v>
      </c>
      <c r="AE26948">
        <v>8</v>
      </c>
      <c r="AF26948">
        <v>8</v>
      </c>
      <c r="AG26948">
        <v>8</v>
      </c>
      <c r="AH26948">
        <v>8</v>
      </c>
      <c r="AI26948">
        <v>8</v>
      </c>
      <c r="AJ26948">
        <v>8</v>
      </c>
      <c r="AK26948">
        <v>8</v>
      </c>
      <c r="AL26948">
        <v>8</v>
      </c>
      <c r="AM26948">
        <v>9</v>
      </c>
      <c r="AN26948">
        <v>9</v>
      </c>
      <c r="AO26948">
        <v>9</v>
      </c>
      <c r="AP26948">
        <v>9</v>
      </c>
      <c r="AQ26948">
        <v>9</v>
      </c>
    </row>
    <row r="26949" spans="1:43">
      <c r="A26949" t="s">
        <v>16671</v>
      </c>
      <c r="B26949" t="s">
        <v>16672</v>
      </c>
      <c r="C26949" t="s">
        <v>16665</v>
      </c>
      <c r="D26949" t="s">
        <v>16666</v>
      </c>
      <c r="E26949" t="s">
        <v>16557</v>
      </c>
      <c r="F26949" t="s">
        <v>16558</v>
      </c>
      <c r="G26949" t="s">
        <v>16559</v>
      </c>
      <c r="H26949" t="s">
        <v>16560</v>
      </c>
      <c r="I26949" s="2">
        <v>1</v>
      </c>
      <c r="J26949" s="2">
        <v>0</v>
      </c>
      <c r="K26949" s="2">
        <v>0</v>
      </c>
      <c r="L26949" t="s">
        <v>120</v>
      </c>
      <c r="M26949" t="s">
        <v>83</v>
      </c>
      <c r="N26949" t="s">
        <v>91</v>
      </c>
      <c r="O26949" t="s">
        <v>85</v>
      </c>
      <c r="P26949" t="s">
        <v>86</v>
      </c>
      <c r="Q26949">
        <v>6</v>
      </c>
      <c r="R26949">
        <v>6</v>
      </c>
      <c r="S26949">
        <v>6</v>
      </c>
      <c r="T26949">
        <v>6</v>
      </c>
      <c r="U26949">
        <v>7</v>
      </c>
      <c r="V26949">
        <v>7</v>
      </c>
      <c r="W26949">
        <v>7</v>
      </c>
      <c r="X26949">
        <v>7</v>
      </c>
      <c r="Y26949">
        <v>7</v>
      </c>
      <c r="Z26949">
        <v>7</v>
      </c>
      <c r="AA26949">
        <v>7</v>
      </c>
      <c r="AB26949">
        <v>7</v>
      </c>
      <c r="AC26949">
        <v>7</v>
      </c>
      <c r="AD26949">
        <v>7</v>
      </c>
      <c r="AE26949">
        <v>8</v>
      </c>
      <c r="AF26949">
        <v>8</v>
      </c>
      <c r="AG26949">
        <v>8</v>
      </c>
      <c r="AH26949">
        <v>8</v>
      </c>
      <c r="AI26949">
        <v>8</v>
      </c>
      <c r="AJ26949">
        <v>8</v>
      </c>
      <c r="AK26949">
        <v>8</v>
      </c>
      <c r="AL26949">
        <v>8</v>
      </c>
      <c r="AM26949">
        <v>8</v>
      </c>
      <c r="AN26949">
        <v>8</v>
      </c>
      <c r="AO26949">
        <v>9</v>
      </c>
      <c r="AP26949">
        <v>9</v>
      </c>
      <c r="AQ26949">
        <v>9</v>
      </c>
    </row>
    <row r="26950" spans="1:43">
      <c r="A26950" t="s">
        <v>16673</v>
      </c>
      <c r="B26950" t="s">
        <v>16674</v>
      </c>
      <c r="C26950" t="s">
        <v>16675</v>
      </c>
      <c r="D26950" t="s">
        <v>16676</v>
      </c>
      <c r="E26950" t="s">
        <v>16557</v>
      </c>
      <c r="F26950" t="s">
        <v>16558</v>
      </c>
      <c r="G26950" t="s">
        <v>16559</v>
      </c>
      <c r="H26950" t="s">
        <v>16560</v>
      </c>
      <c r="I26950" s="2">
        <v>1</v>
      </c>
      <c r="J26950" s="2">
        <v>0</v>
      </c>
      <c r="K26950" s="2">
        <v>0</v>
      </c>
      <c r="L26950" t="s">
        <v>120</v>
      </c>
      <c r="M26950" t="s">
        <v>83</v>
      </c>
      <c r="N26950" t="s">
        <v>84</v>
      </c>
      <c r="O26950" t="s">
        <v>85</v>
      </c>
      <c r="P26950" t="s">
        <v>86</v>
      </c>
      <c r="Q26950">
        <v>38</v>
      </c>
      <c r="R26950">
        <v>38</v>
      </c>
      <c r="S26950">
        <v>39</v>
      </c>
      <c r="T26950">
        <v>40</v>
      </c>
      <c r="U26950">
        <v>40</v>
      </c>
      <c r="V26950">
        <v>41</v>
      </c>
      <c r="W26950">
        <v>41</v>
      </c>
      <c r="X26950">
        <v>42</v>
      </c>
      <c r="Y26950">
        <v>43</v>
      </c>
      <c r="Z26950">
        <v>43</v>
      </c>
      <c r="AA26950">
        <v>44</v>
      </c>
      <c r="AB26950">
        <v>44</v>
      </c>
      <c r="AC26950">
        <v>45</v>
      </c>
      <c r="AD26950">
        <v>46</v>
      </c>
      <c r="AE26950">
        <v>47</v>
      </c>
      <c r="AF26950">
        <v>47</v>
      </c>
      <c r="AG26950">
        <v>48</v>
      </c>
      <c r="AH26950">
        <v>49</v>
      </c>
      <c r="AI26950">
        <v>50</v>
      </c>
      <c r="AJ26950">
        <v>50</v>
      </c>
      <c r="AK26950">
        <v>51</v>
      </c>
      <c r="AL26950">
        <v>52</v>
      </c>
      <c r="AM26950">
        <v>52</v>
      </c>
      <c r="AN26950">
        <v>52</v>
      </c>
      <c r="AO26950">
        <v>53</v>
      </c>
      <c r="AP26950">
        <v>53</v>
      </c>
      <c r="AQ26950">
        <v>54</v>
      </c>
    </row>
    <row r="26951" spans="1:43">
      <c r="A26951" t="s">
        <v>16673</v>
      </c>
      <c r="B26951" t="s">
        <v>16674</v>
      </c>
      <c r="C26951" t="s">
        <v>16675</v>
      </c>
      <c r="D26951" t="s">
        <v>16676</v>
      </c>
      <c r="E26951" t="s">
        <v>16557</v>
      </c>
      <c r="F26951" t="s">
        <v>16558</v>
      </c>
      <c r="G26951" t="s">
        <v>16559</v>
      </c>
      <c r="H26951" t="s">
        <v>16560</v>
      </c>
      <c r="I26951" s="2">
        <v>1</v>
      </c>
      <c r="J26951" s="2">
        <v>0</v>
      </c>
      <c r="K26951" s="2">
        <v>0</v>
      </c>
      <c r="L26951" t="s">
        <v>120</v>
      </c>
      <c r="M26951" t="s">
        <v>87</v>
      </c>
      <c r="N26951" t="s">
        <v>88</v>
      </c>
      <c r="O26951" t="s">
        <v>85</v>
      </c>
      <c r="P26951" t="s">
        <v>86</v>
      </c>
      <c r="Q26951">
        <v>38</v>
      </c>
      <c r="R26951">
        <v>38</v>
      </c>
      <c r="S26951">
        <v>39</v>
      </c>
      <c r="T26951">
        <v>39</v>
      </c>
      <c r="U26951">
        <v>39</v>
      </c>
      <c r="V26951">
        <v>40</v>
      </c>
      <c r="W26951">
        <v>40</v>
      </c>
      <c r="X26951">
        <v>40</v>
      </c>
      <c r="Y26951">
        <v>40</v>
      </c>
      <c r="Z26951">
        <v>41</v>
      </c>
      <c r="AA26951">
        <v>41</v>
      </c>
      <c r="AB26951">
        <v>41</v>
      </c>
      <c r="AC26951">
        <v>42</v>
      </c>
      <c r="AD26951">
        <v>42</v>
      </c>
      <c r="AE26951">
        <v>42</v>
      </c>
      <c r="AF26951">
        <v>43</v>
      </c>
      <c r="AG26951">
        <v>43</v>
      </c>
      <c r="AH26951">
        <v>43</v>
      </c>
      <c r="AI26951">
        <v>44</v>
      </c>
      <c r="AJ26951">
        <v>44</v>
      </c>
      <c r="AK26951">
        <v>45</v>
      </c>
      <c r="AL26951">
        <v>45</v>
      </c>
      <c r="AM26951">
        <v>46</v>
      </c>
      <c r="AN26951">
        <v>46</v>
      </c>
      <c r="AO26951">
        <v>46</v>
      </c>
      <c r="AP26951">
        <v>47</v>
      </c>
      <c r="AQ26951">
        <v>47</v>
      </c>
    </row>
    <row r="26952" spans="1:43">
      <c r="A26952" t="s">
        <v>16673</v>
      </c>
      <c r="B26952" t="s">
        <v>16674</v>
      </c>
      <c r="C26952" t="s">
        <v>16675</v>
      </c>
      <c r="D26952" t="s">
        <v>16676</v>
      </c>
      <c r="E26952" t="s">
        <v>16557</v>
      </c>
      <c r="F26952" t="s">
        <v>16558</v>
      </c>
      <c r="G26952" t="s">
        <v>16559</v>
      </c>
      <c r="H26952" t="s">
        <v>16560</v>
      </c>
      <c r="I26952" s="2">
        <v>1</v>
      </c>
      <c r="J26952" s="2">
        <v>0</v>
      </c>
      <c r="K26952" s="2">
        <v>0</v>
      </c>
      <c r="L26952" t="s">
        <v>120</v>
      </c>
      <c r="M26952" t="s">
        <v>89</v>
      </c>
      <c r="N26952" t="s">
        <v>90</v>
      </c>
      <c r="O26952" t="s">
        <v>85</v>
      </c>
      <c r="P26952" t="s">
        <v>86</v>
      </c>
      <c r="Q26952">
        <v>38</v>
      </c>
      <c r="R26952">
        <v>39</v>
      </c>
      <c r="S26952">
        <v>40</v>
      </c>
      <c r="T26952">
        <v>41</v>
      </c>
      <c r="U26952">
        <v>42</v>
      </c>
      <c r="V26952">
        <v>43</v>
      </c>
      <c r="W26952">
        <v>43</v>
      </c>
      <c r="X26952">
        <v>44</v>
      </c>
      <c r="Y26952">
        <v>45</v>
      </c>
      <c r="Z26952">
        <v>46</v>
      </c>
      <c r="AA26952">
        <v>47</v>
      </c>
      <c r="AB26952">
        <v>47</v>
      </c>
      <c r="AC26952">
        <v>48</v>
      </c>
      <c r="AD26952">
        <v>49</v>
      </c>
      <c r="AE26952">
        <v>50</v>
      </c>
      <c r="AF26952">
        <v>50</v>
      </c>
      <c r="AG26952">
        <v>51</v>
      </c>
      <c r="AH26952">
        <v>51</v>
      </c>
      <c r="AI26952">
        <v>51</v>
      </c>
      <c r="AJ26952">
        <v>52</v>
      </c>
      <c r="AK26952">
        <v>52</v>
      </c>
      <c r="AL26952">
        <v>52</v>
      </c>
      <c r="AM26952">
        <v>53</v>
      </c>
      <c r="AN26952">
        <v>53</v>
      </c>
      <c r="AO26952">
        <v>54</v>
      </c>
      <c r="AP26952">
        <v>54</v>
      </c>
      <c r="AQ26952">
        <v>55</v>
      </c>
    </row>
    <row r="26953" spans="1:43">
      <c r="A26953" t="s">
        <v>16673</v>
      </c>
      <c r="B26953" t="s">
        <v>16674</v>
      </c>
      <c r="C26953" t="s">
        <v>16675</v>
      </c>
      <c r="D26953" t="s">
        <v>16676</v>
      </c>
      <c r="E26953" t="s">
        <v>16557</v>
      </c>
      <c r="F26953" t="s">
        <v>16558</v>
      </c>
      <c r="G26953" t="s">
        <v>16559</v>
      </c>
      <c r="H26953" t="s">
        <v>16560</v>
      </c>
      <c r="I26953" s="2">
        <v>1</v>
      </c>
      <c r="J26953" s="2">
        <v>0</v>
      </c>
      <c r="K26953" s="2">
        <v>0</v>
      </c>
      <c r="L26953" t="s">
        <v>120</v>
      </c>
      <c r="M26953" t="s">
        <v>83</v>
      </c>
      <c r="N26953" t="s">
        <v>91</v>
      </c>
      <c r="O26953" t="s">
        <v>85</v>
      </c>
      <c r="P26953" t="s">
        <v>86</v>
      </c>
      <c r="Q26953">
        <v>38</v>
      </c>
      <c r="R26953">
        <v>38</v>
      </c>
      <c r="S26953">
        <v>39</v>
      </c>
      <c r="T26953">
        <v>40</v>
      </c>
      <c r="U26953">
        <v>40</v>
      </c>
      <c r="V26953">
        <v>41</v>
      </c>
      <c r="W26953">
        <v>41</v>
      </c>
      <c r="X26953">
        <v>42</v>
      </c>
      <c r="Y26953">
        <v>43</v>
      </c>
      <c r="Z26953">
        <v>43</v>
      </c>
      <c r="AA26953">
        <v>44</v>
      </c>
      <c r="AB26953">
        <v>44</v>
      </c>
      <c r="AC26953">
        <v>45</v>
      </c>
      <c r="AD26953">
        <v>46</v>
      </c>
      <c r="AE26953">
        <v>47</v>
      </c>
      <c r="AF26953">
        <v>47</v>
      </c>
      <c r="AG26953">
        <v>48</v>
      </c>
      <c r="AH26953">
        <v>49</v>
      </c>
      <c r="AI26953">
        <v>50</v>
      </c>
      <c r="AJ26953">
        <v>50</v>
      </c>
      <c r="AK26953">
        <v>51</v>
      </c>
      <c r="AL26953">
        <v>52</v>
      </c>
      <c r="AM26953">
        <v>52</v>
      </c>
      <c r="AN26953">
        <v>52</v>
      </c>
      <c r="AO26953">
        <v>53</v>
      </c>
      <c r="AP26953">
        <v>53</v>
      </c>
      <c r="AQ26953">
        <v>54</v>
      </c>
    </row>
    <row r="26954" spans="1:43">
      <c r="A26954" t="s">
        <v>16677</v>
      </c>
      <c r="B26954" t="s">
        <v>16678</v>
      </c>
      <c r="C26954" t="s">
        <v>16675</v>
      </c>
      <c r="D26954" t="s">
        <v>16676</v>
      </c>
      <c r="E26954" t="s">
        <v>16557</v>
      </c>
      <c r="F26954" t="s">
        <v>16558</v>
      </c>
      <c r="G26954" t="s">
        <v>16559</v>
      </c>
      <c r="H26954" t="s">
        <v>16560</v>
      </c>
      <c r="I26954" s="2">
        <v>1</v>
      </c>
      <c r="J26954" s="2">
        <v>0</v>
      </c>
      <c r="K26954" s="2">
        <v>0</v>
      </c>
      <c r="L26954" t="s">
        <v>120</v>
      </c>
      <c r="M26954" t="s">
        <v>83</v>
      </c>
      <c r="N26954" t="s">
        <v>84</v>
      </c>
      <c r="O26954" t="s">
        <v>85</v>
      </c>
      <c r="P26954" t="s">
        <v>86</v>
      </c>
      <c r="Q26954">
        <v>90</v>
      </c>
      <c r="R26954">
        <v>92</v>
      </c>
      <c r="S26954">
        <v>94</v>
      </c>
      <c r="T26954">
        <v>95</v>
      </c>
      <c r="U26954">
        <v>97</v>
      </c>
      <c r="V26954">
        <v>98</v>
      </c>
      <c r="W26954">
        <v>99</v>
      </c>
      <c r="X26954">
        <v>101</v>
      </c>
      <c r="Y26954">
        <v>102</v>
      </c>
      <c r="Z26954">
        <v>104</v>
      </c>
      <c r="AA26954">
        <v>105</v>
      </c>
      <c r="AB26954">
        <v>107</v>
      </c>
      <c r="AC26954">
        <v>108</v>
      </c>
      <c r="AD26954">
        <v>110</v>
      </c>
      <c r="AE26954">
        <v>112</v>
      </c>
      <c r="AF26954">
        <v>113</v>
      </c>
      <c r="AG26954">
        <v>115</v>
      </c>
      <c r="AH26954">
        <v>117</v>
      </c>
      <c r="AI26954">
        <v>119</v>
      </c>
      <c r="AJ26954">
        <v>121</v>
      </c>
      <c r="AK26954">
        <v>122</v>
      </c>
      <c r="AL26954">
        <v>124</v>
      </c>
      <c r="AM26954">
        <v>125</v>
      </c>
      <c r="AN26954">
        <v>126</v>
      </c>
      <c r="AO26954">
        <v>127</v>
      </c>
      <c r="AP26954">
        <v>128</v>
      </c>
      <c r="AQ26954">
        <v>129</v>
      </c>
    </row>
    <row r="26955" spans="1:43">
      <c r="A26955" t="s">
        <v>16677</v>
      </c>
      <c r="B26955" t="s">
        <v>16678</v>
      </c>
      <c r="C26955" t="s">
        <v>16675</v>
      </c>
      <c r="D26955" t="s">
        <v>16676</v>
      </c>
      <c r="E26955" t="s">
        <v>16557</v>
      </c>
      <c r="F26955" t="s">
        <v>16558</v>
      </c>
      <c r="G26955" t="s">
        <v>16559</v>
      </c>
      <c r="H26955" t="s">
        <v>16560</v>
      </c>
      <c r="I26955" s="2">
        <v>1</v>
      </c>
      <c r="J26955" s="2">
        <v>0</v>
      </c>
      <c r="K26955" s="2">
        <v>0</v>
      </c>
      <c r="L26955" t="s">
        <v>120</v>
      </c>
      <c r="M26955" t="s">
        <v>87</v>
      </c>
      <c r="N26955" t="s">
        <v>88</v>
      </c>
      <c r="O26955" t="s">
        <v>85</v>
      </c>
      <c r="P26955" t="s">
        <v>86</v>
      </c>
      <c r="Q26955">
        <v>90</v>
      </c>
      <c r="R26955">
        <v>91</v>
      </c>
      <c r="S26955">
        <v>92</v>
      </c>
      <c r="T26955">
        <v>93</v>
      </c>
      <c r="U26955">
        <v>93</v>
      </c>
      <c r="V26955">
        <v>94</v>
      </c>
      <c r="W26955">
        <v>94</v>
      </c>
      <c r="X26955">
        <v>95</v>
      </c>
      <c r="Y26955">
        <v>96</v>
      </c>
      <c r="Z26955">
        <v>96</v>
      </c>
      <c r="AA26955">
        <v>97</v>
      </c>
      <c r="AB26955">
        <v>98</v>
      </c>
      <c r="AC26955">
        <v>99</v>
      </c>
      <c r="AD26955">
        <v>99</v>
      </c>
      <c r="AE26955">
        <v>100</v>
      </c>
      <c r="AF26955">
        <v>101</v>
      </c>
      <c r="AG26955">
        <v>102</v>
      </c>
      <c r="AH26955">
        <v>103</v>
      </c>
      <c r="AI26955">
        <v>104</v>
      </c>
      <c r="AJ26955">
        <v>105</v>
      </c>
      <c r="AK26955">
        <v>106</v>
      </c>
      <c r="AL26955">
        <v>107</v>
      </c>
      <c r="AM26955">
        <v>108</v>
      </c>
      <c r="AN26955">
        <v>109</v>
      </c>
      <c r="AO26955">
        <v>110</v>
      </c>
      <c r="AP26955">
        <v>111</v>
      </c>
      <c r="AQ26955">
        <v>112</v>
      </c>
    </row>
    <row r="26956" spans="1:43">
      <c r="A26956" t="s">
        <v>16677</v>
      </c>
      <c r="B26956" t="s">
        <v>16678</v>
      </c>
      <c r="C26956" t="s">
        <v>16675</v>
      </c>
      <c r="D26956" t="s">
        <v>16676</v>
      </c>
      <c r="E26956" t="s">
        <v>16557</v>
      </c>
      <c r="F26956" t="s">
        <v>16558</v>
      </c>
      <c r="G26956" t="s">
        <v>16559</v>
      </c>
      <c r="H26956" t="s">
        <v>16560</v>
      </c>
      <c r="I26956" s="2">
        <v>1</v>
      </c>
      <c r="J26956" s="2">
        <v>0</v>
      </c>
      <c r="K26956" s="2">
        <v>0</v>
      </c>
      <c r="L26956" t="s">
        <v>120</v>
      </c>
      <c r="M26956" t="s">
        <v>89</v>
      </c>
      <c r="N26956" t="s">
        <v>90</v>
      </c>
      <c r="O26956" t="s">
        <v>85</v>
      </c>
      <c r="P26956" t="s">
        <v>86</v>
      </c>
      <c r="Q26956">
        <v>90</v>
      </c>
      <c r="R26956">
        <v>93</v>
      </c>
      <c r="S26956">
        <v>95</v>
      </c>
      <c r="T26956">
        <v>97</v>
      </c>
      <c r="U26956">
        <v>99</v>
      </c>
      <c r="V26956">
        <v>101</v>
      </c>
      <c r="W26956">
        <v>103</v>
      </c>
      <c r="X26956">
        <v>105</v>
      </c>
      <c r="Y26956">
        <v>107</v>
      </c>
      <c r="Z26956">
        <v>109</v>
      </c>
      <c r="AA26956">
        <v>111</v>
      </c>
      <c r="AB26956">
        <v>113</v>
      </c>
      <c r="AC26956">
        <v>115</v>
      </c>
      <c r="AD26956">
        <v>117</v>
      </c>
      <c r="AE26956">
        <v>119</v>
      </c>
      <c r="AF26956">
        <v>119</v>
      </c>
      <c r="AG26956">
        <v>120</v>
      </c>
      <c r="AH26956">
        <v>121</v>
      </c>
      <c r="AI26956">
        <v>122</v>
      </c>
      <c r="AJ26956">
        <v>123</v>
      </c>
      <c r="AK26956">
        <v>124</v>
      </c>
      <c r="AL26956">
        <v>125</v>
      </c>
      <c r="AM26956">
        <v>126</v>
      </c>
      <c r="AN26956">
        <v>127</v>
      </c>
      <c r="AO26956">
        <v>128</v>
      </c>
      <c r="AP26956">
        <v>128</v>
      </c>
      <c r="AQ26956">
        <v>130</v>
      </c>
    </row>
    <row r="26957" spans="1:43">
      <c r="A26957" t="s">
        <v>16677</v>
      </c>
      <c r="B26957" t="s">
        <v>16678</v>
      </c>
      <c r="C26957" t="s">
        <v>16675</v>
      </c>
      <c r="D26957" t="s">
        <v>16676</v>
      </c>
      <c r="E26957" t="s">
        <v>16557</v>
      </c>
      <c r="F26957" t="s">
        <v>16558</v>
      </c>
      <c r="G26957" t="s">
        <v>16559</v>
      </c>
      <c r="H26957" t="s">
        <v>16560</v>
      </c>
      <c r="I26957" s="2">
        <v>1</v>
      </c>
      <c r="J26957" s="2">
        <v>0</v>
      </c>
      <c r="K26957" s="2">
        <v>0</v>
      </c>
      <c r="L26957" t="s">
        <v>120</v>
      </c>
      <c r="M26957" t="s">
        <v>83</v>
      </c>
      <c r="N26957" t="s">
        <v>91</v>
      </c>
      <c r="O26957" t="s">
        <v>85</v>
      </c>
      <c r="P26957" t="s">
        <v>86</v>
      </c>
      <c r="Q26957">
        <v>90</v>
      </c>
      <c r="R26957">
        <v>92</v>
      </c>
      <c r="S26957">
        <v>94</v>
      </c>
      <c r="T26957">
        <v>95</v>
      </c>
      <c r="U26957">
        <v>97</v>
      </c>
      <c r="V26957">
        <v>98</v>
      </c>
      <c r="W26957">
        <v>99</v>
      </c>
      <c r="X26957">
        <v>101</v>
      </c>
      <c r="Y26957">
        <v>102</v>
      </c>
      <c r="Z26957">
        <v>104</v>
      </c>
      <c r="AA26957">
        <v>105</v>
      </c>
      <c r="AB26957">
        <v>107</v>
      </c>
      <c r="AC26957">
        <v>108</v>
      </c>
      <c r="AD26957">
        <v>110</v>
      </c>
      <c r="AE26957">
        <v>112</v>
      </c>
      <c r="AF26957">
        <v>113</v>
      </c>
      <c r="AG26957">
        <v>115</v>
      </c>
      <c r="AH26957">
        <v>117</v>
      </c>
      <c r="AI26957">
        <v>119</v>
      </c>
      <c r="AJ26957">
        <v>121</v>
      </c>
      <c r="AK26957">
        <v>122</v>
      </c>
      <c r="AL26957">
        <v>124</v>
      </c>
      <c r="AM26957">
        <v>125</v>
      </c>
      <c r="AN26957">
        <v>126</v>
      </c>
      <c r="AO26957">
        <v>127</v>
      </c>
      <c r="AP26957">
        <v>128</v>
      </c>
      <c r="AQ26957">
        <v>129</v>
      </c>
    </row>
    <row r="26958" spans="1:43">
      <c r="A26958" t="s">
        <v>16679</v>
      </c>
      <c r="B26958" t="s">
        <v>16680</v>
      </c>
      <c r="C26958" t="s">
        <v>16675</v>
      </c>
      <c r="D26958" t="s">
        <v>16676</v>
      </c>
      <c r="E26958" t="s">
        <v>16557</v>
      </c>
      <c r="F26958" t="s">
        <v>16558</v>
      </c>
      <c r="G26958" t="s">
        <v>16559</v>
      </c>
      <c r="H26958" t="s">
        <v>16560</v>
      </c>
      <c r="I26958" s="2">
        <v>1</v>
      </c>
      <c r="J26958" s="2">
        <v>0</v>
      </c>
      <c r="K26958" s="2">
        <v>0</v>
      </c>
      <c r="L26958" t="s">
        <v>120</v>
      </c>
      <c r="M26958" t="s">
        <v>83</v>
      </c>
      <c r="N26958" t="s">
        <v>84</v>
      </c>
      <c r="O26958" t="s">
        <v>85</v>
      </c>
      <c r="P26958" t="s">
        <v>86</v>
      </c>
      <c r="Q26958">
        <v>19</v>
      </c>
      <c r="R26958">
        <v>19</v>
      </c>
      <c r="S26958">
        <v>20</v>
      </c>
      <c r="T26958">
        <v>20</v>
      </c>
      <c r="U26958">
        <v>20</v>
      </c>
      <c r="V26958">
        <v>21</v>
      </c>
      <c r="W26958">
        <v>21</v>
      </c>
      <c r="X26958">
        <v>21</v>
      </c>
      <c r="Y26958">
        <v>22</v>
      </c>
      <c r="Z26958">
        <v>22</v>
      </c>
      <c r="AA26958">
        <v>22</v>
      </c>
      <c r="AB26958">
        <v>22</v>
      </c>
      <c r="AC26958">
        <v>23</v>
      </c>
      <c r="AD26958">
        <v>23</v>
      </c>
      <c r="AE26958">
        <v>23</v>
      </c>
      <c r="AF26958">
        <v>24</v>
      </c>
      <c r="AG26958">
        <v>24</v>
      </c>
      <c r="AH26958">
        <v>24</v>
      </c>
      <c r="AI26958">
        <v>25</v>
      </c>
      <c r="AJ26958">
        <v>25</v>
      </c>
      <c r="AK26958">
        <v>25</v>
      </c>
      <c r="AL26958">
        <v>26</v>
      </c>
      <c r="AM26958">
        <v>26</v>
      </c>
      <c r="AN26958">
        <v>26</v>
      </c>
      <c r="AO26958">
        <v>26</v>
      </c>
      <c r="AP26958">
        <v>26</v>
      </c>
      <c r="AQ26958">
        <v>26</v>
      </c>
    </row>
    <row r="26959" spans="1:43">
      <c r="A26959" t="s">
        <v>16679</v>
      </c>
      <c r="B26959" t="s">
        <v>16680</v>
      </c>
      <c r="C26959" t="s">
        <v>16675</v>
      </c>
      <c r="D26959" t="s">
        <v>16676</v>
      </c>
      <c r="E26959" t="s">
        <v>16557</v>
      </c>
      <c r="F26959" t="s">
        <v>16558</v>
      </c>
      <c r="G26959" t="s">
        <v>16559</v>
      </c>
      <c r="H26959" t="s">
        <v>16560</v>
      </c>
      <c r="I26959" s="2">
        <v>1</v>
      </c>
      <c r="J26959" s="2">
        <v>0</v>
      </c>
      <c r="K26959" s="2">
        <v>0</v>
      </c>
      <c r="L26959" t="s">
        <v>120</v>
      </c>
      <c r="M26959" t="s">
        <v>87</v>
      </c>
      <c r="N26959" t="s">
        <v>88</v>
      </c>
      <c r="O26959" t="s">
        <v>85</v>
      </c>
      <c r="P26959" t="s">
        <v>86</v>
      </c>
      <c r="Q26959">
        <v>19</v>
      </c>
      <c r="R26959">
        <v>19</v>
      </c>
      <c r="S26959">
        <v>19</v>
      </c>
      <c r="T26959">
        <v>19</v>
      </c>
      <c r="U26959">
        <v>19</v>
      </c>
      <c r="V26959">
        <v>20</v>
      </c>
      <c r="W26959">
        <v>20</v>
      </c>
      <c r="X26959">
        <v>20</v>
      </c>
      <c r="Y26959">
        <v>20</v>
      </c>
      <c r="Z26959">
        <v>20</v>
      </c>
      <c r="AA26959">
        <v>20</v>
      </c>
      <c r="AB26959">
        <v>20</v>
      </c>
      <c r="AC26959">
        <v>20</v>
      </c>
      <c r="AD26959">
        <v>21</v>
      </c>
      <c r="AE26959">
        <v>21</v>
      </c>
      <c r="AF26959">
        <v>21</v>
      </c>
      <c r="AG26959">
        <v>21</v>
      </c>
      <c r="AH26959">
        <v>21</v>
      </c>
      <c r="AI26959">
        <v>21</v>
      </c>
      <c r="AJ26959">
        <v>22</v>
      </c>
      <c r="AK26959">
        <v>22</v>
      </c>
      <c r="AL26959">
        <v>22</v>
      </c>
      <c r="AM26959">
        <v>22</v>
      </c>
      <c r="AN26959">
        <v>22</v>
      </c>
      <c r="AO26959">
        <v>22</v>
      </c>
      <c r="AP26959">
        <v>23</v>
      </c>
      <c r="AQ26959">
        <v>23</v>
      </c>
    </row>
    <row r="26960" spans="1:43">
      <c r="A26960" t="s">
        <v>16679</v>
      </c>
      <c r="B26960" t="s">
        <v>16680</v>
      </c>
      <c r="C26960" t="s">
        <v>16675</v>
      </c>
      <c r="D26960" t="s">
        <v>16676</v>
      </c>
      <c r="E26960" t="s">
        <v>16557</v>
      </c>
      <c r="F26960" t="s">
        <v>16558</v>
      </c>
      <c r="G26960" t="s">
        <v>16559</v>
      </c>
      <c r="H26960" t="s">
        <v>16560</v>
      </c>
      <c r="I26960" s="2">
        <v>1</v>
      </c>
      <c r="J26960" s="2">
        <v>0</v>
      </c>
      <c r="K26960" s="2">
        <v>0</v>
      </c>
      <c r="L26960" t="s">
        <v>120</v>
      </c>
      <c r="M26960" t="s">
        <v>89</v>
      </c>
      <c r="N26960" t="s">
        <v>90</v>
      </c>
      <c r="O26960" t="s">
        <v>85</v>
      </c>
      <c r="P26960" t="s">
        <v>86</v>
      </c>
      <c r="Q26960">
        <v>19</v>
      </c>
      <c r="R26960">
        <v>20</v>
      </c>
      <c r="S26960">
        <v>20</v>
      </c>
      <c r="T26960">
        <v>21</v>
      </c>
      <c r="U26960">
        <v>21</v>
      </c>
      <c r="V26960">
        <v>22</v>
      </c>
      <c r="W26960">
        <v>22</v>
      </c>
      <c r="X26960">
        <v>22</v>
      </c>
      <c r="Y26960">
        <v>23</v>
      </c>
      <c r="Z26960">
        <v>23</v>
      </c>
      <c r="AA26960">
        <v>23</v>
      </c>
      <c r="AB26960">
        <v>24</v>
      </c>
      <c r="AC26960">
        <v>24</v>
      </c>
      <c r="AD26960">
        <v>25</v>
      </c>
      <c r="AE26960">
        <v>25</v>
      </c>
      <c r="AF26960">
        <v>25</v>
      </c>
      <c r="AG26960">
        <v>25</v>
      </c>
      <c r="AH26960">
        <v>25</v>
      </c>
      <c r="AI26960">
        <v>25</v>
      </c>
      <c r="AJ26960">
        <v>26</v>
      </c>
      <c r="AK26960">
        <v>26</v>
      </c>
      <c r="AL26960">
        <v>26</v>
      </c>
      <c r="AM26960">
        <v>26</v>
      </c>
      <c r="AN26960">
        <v>26</v>
      </c>
      <c r="AO26960">
        <v>26</v>
      </c>
      <c r="AP26960">
        <v>26</v>
      </c>
      <c r="AQ26960">
        <v>27</v>
      </c>
    </row>
    <row r="26961" spans="1:43">
      <c r="A26961" t="s">
        <v>16679</v>
      </c>
      <c r="B26961" t="s">
        <v>16680</v>
      </c>
      <c r="C26961" t="s">
        <v>16675</v>
      </c>
      <c r="D26961" t="s">
        <v>16676</v>
      </c>
      <c r="E26961" t="s">
        <v>16557</v>
      </c>
      <c r="F26961" t="s">
        <v>16558</v>
      </c>
      <c r="G26961" t="s">
        <v>16559</v>
      </c>
      <c r="H26961" t="s">
        <v>16560</v>
      </c>
      <c r="I26961" s="2">
        <v>1</v>
      </c>
      <c r="J26961" s="2">
        <v>0</v>
      </c>
      <c r="K26961" s="2">
        <v>0</v>
      </c>
      <c r="L26961" t="s">
        <v>120</v>
      </c>
      <c r="M26961" t="s">
        <v>83</v>
      </c>
      <c r="N26961" t="s">
        <v>91</v>
      </c>
      <c r="O26961" t="s">
        <v>85</v>
      </c>
      <c r="P26961" t="s">
        <v>86</v>
      </c>
      <c r="Q26961">
        <v>19</v>
      </c>
      <c r="R26961">
        <v>19</v>
      </c>
      <c r="S26961">
        <v>20</v>
      </c>
      <c r="T26961">
        <v>20</v>
      </c>
      <c r="U26961">
        <v>20</v>
      </c>
      <c r="V26961">
        <v>21</v>
      </c>
      <c r="W26961">
        <v>21</v>
      </c>
      <c r="X26961">
        <v>21</v>
      </c>
      <c r="Y26961">
        <v>22</v>
      </c>
      <c r="Z26961">
        <v>22</v>
      </c>
      <c r="AA26961">
        <v>22</v>
      </c>
      <c r="AB26961">
        <v>22</v>
      </c>
      <c r="AC26961">
        <v>23</v>
      </c>
      <c r="AD26961">
        <v>23</v>
      </c>
      <c r="AE26961">
        <v>23</v>
      </c>
      <c r="AF26961">
        <v>24</v>
      </c>
      <c r="AG26961">
        <v>24</v>
      </c>
      <c r="AH26961">
        <v>24</v>
      </c>
      <c r="AI26961">
        <v>25</v>
      </c>
      <c r="AJ26961">
        <v>25</v>
      </c>
      <c r="AK26961">
        <v>25</v>
      </c>
      <c r="AL26961">
        <v>26</v>
      </c>
      <c r="AM26961">
        <v>26</v>
      </c>
      <c r="AN26961">
        <v>26</v>
      </c>
      <c r="AO26961">
        <v>26</v>
      </c>
      <c r="AP26961">
        <v>26</v>
      </c>
      <c r="AQ26961">
        <v>26</v>
      </c>
    </row>
    <row r="26962" spans="1:43">
      <c r="A26962" t="s">
        <v>16681</v>
      </c>
      <c r="B26962" t="s">
        <v>16682</v>
      </c>
      <c r="C26962" t="s">
        <v>16683</v>
      </c>
      <c r="D26962" t="s">
        <v>16684</v>
      </c>
      <c r="E26962" t="s">
        <v>16557</v>
      </c>
      <c r="F26962" t="s">
        <v>16558</v>
      </c>
      <c r="G26962" t="s">
        <v>16559</v>
      </c>
      <c r="H26962" t="s">
        <v>16560</v>
      </c>
      <c r="I26962" s="2">
        <v>1</v>
      </c>
      <c r="J26962" s="2">
        <v>0</v>
      </c>
      <c r="K26962" s="2">
        <v>0</v>
      </c>
      <c r="L26962" t="s">
        <v>120</v>
      </c>
      <c r="M26962" t="s">
        <v>83</v>
      </c>
      <c r="N26962" t="s">
        <v>84</v>
      </c>
      <c r="O26962" t="s">
        <v>85</v>
      </c>
      <c r="P26962" t="s">
        <v>86</v>
      </c>
      <c r="Q26962">
        <v>46</v>
      </c>
      <c r="R26962">
        <v>47</v>
      </c>
      <c r="S26962">
        <v>48</v>
      </c>
      <c r="T26962">
        <v>49</v>
      </c>
      <c r="U26962">
        <v>49</v>
      </c>
      <c r="V26962">
        <v>50</v>
      </c>
      <c r="W26962">
        <v>51</v>
      </c>
      <c r="X26962">
        <v>51</v>
      </c>
      <c r="Y26962">
        <v>52</v>
      </c>
      <c r="Z26962">
        <v>53</v>
      </c>
      <c r="AA26962">
        <v>54</v>
      </c>
      <c r="AB26962">
        <v>54</v>
      </c>
      <c r="AC26962">
        <v>55</v>
      </c>
      <c r="AD26962">
        <v>56</v>
      </c>
      <c r="AE26962">
        <v>57</v>
      </c>
      <c r="AF26962">
        <v>57</v>
      </c>
      <c r="AG26962">
        <v>58</v>
      </c>
      <c r="AH26962">
        <v>59</v>
      </c>
      <c r="AI26962">
        <v>60</v>
      </c>
      <c r="AJ26962">
        <v>61</v>
      </c>
      <c r="AK26962">
        <v>62</v>
      </c>
      <c r="AL26962">
        <v>62</v>
      </c>
      <c r="AM26962">
        <v>62</v>
      </c>
      <c r="AN26962">
        <v>63</v>
      </c>
      <c r="AO26962">
        <v>63</v>
      </c>
      <c r="AP26962">
        <v>64</v>
      </c>
      <c r="AQ26962">
        <v>64</v>
      </c>
    </row>
    <row r="26963" spans="1:43">
      <c r="A26963" t="s">
        <v>16681</v>
      </c>
      <c r="B26963" t="s">
        <v>16682</v>
      </c>
      <c r="C26963" t="s">
        <v>16683</v>
      </c>
      <c r="D26963" t="s">
        <v>16684</v>
      </c>
      <c r="E26963" t="s">
        <v>16557</v>
      </c>
      <c r="F26963" t="s">
        <v>16558</v>
      </c>
      <c r="G26963" t="s">
        <v>16559</v>
      </c>
      <c r="H26963" t="s">
        <v>16560</v>
      </c>
      <c r="I26963" s="2">
        <v>1</v>
      </c>
      <c r="J26963" s="2">
        <v>0</v>
      </c>
      <c r="K26963" s="2">
        <v>0</v>
      </c>
      <c r="L26963" t="s">
        <v>120</v>
      </c>
      <c r="M26963" t="s">
        <v>87</v>
      </c>
      <c r="N26963" t="s">
        <v>88</v>
      </c>
      <c r="O26963" t="s">
        <v>85</v>
      </c>
      <c r="P26963" t="s">
        <v>86</v>
      </c>
      <c r="Q26963">
        <v>46</v>
      </c>
      <c r="R26963">
        <v>46</v>
      </c>
      <c r="S26963">
        <v>47</v>
      </c>
      <c r="T26963">
        <v>47</v>
      </c>
      <c r="U26963">
        <v>47</v>
      </c>
      <c r="V26963">
        <v>47</v>
      </c>
      <c r="W26963">
        <v>48</v>
      </c>
      <c r="X26963">
        <v>48</v>
      </c>
      <c r="Y26963">
        <v>48</v>
      </c>
      <c r="Z26963">
        <v>49</v>
      </c>
      <c r="AA26963">
        <v>49</v>
      </c>
      <c r="AB26963">
        <v>49</v>
      </c>
      <c r="AC26963">
        <v>49</v>
      </c>
      <c r="AD26963">
        <v>50</v>
      </c>
      <c r="AE26963">
        <v>50</v>
      </c>
      <c r="AF26963">
        <v>51</v>
      </c>
      <c r="AG26963">
        <v>51</v>
      </c>
      <c r="AH26963">
        <v>51</v>
      </c>
      <c r="AI26963">
        <v>52</v>
      </c>
      <c r="AJ26963">
        <v>52</v>
      </c>
      <c r="AK26963">
        <v>53</v>
      </c>
      <c r="AL26963">
        <v>53</v>
      </c>
      <c r="AM26963">
        <v>54</v>
      </c>
      <c r="AN26963">
        <v>54</v>
      </c>
      <c r="AO26963">
        <v>55</v>
      </c>
      <c r="AP26963">
        <v>55</v>
      </c>
      <c r="AQ26963">
        <v>56</v>
      </c>
    </row>
    <row r="26964" spans="1:43">
      <c r="A26964" t="s">
        <v>16681</v>
      </c>
      <c r="B26964" t="s">
        <v>16682</v>
      </c>
      <c r="C26964" t="s">
        <v>16683</v>
      </c>
      <c r="D26964" t="s">
        <v>16684</v>
      </c>
      <c r="E26964" t="s">
        <v>16557</v>
      </c>
      <c r="F26964" t="s">
        <v>16558</v>
      </c>
      <c r="G26964" t="s">
        <v>16559</v>
      </c>
      <c r="H26964" t="s">
        <v>16560</v>
      </c>
      <c r="I26964" s="2">
        <v>1</v>
      </c>
      <c r="J26964" s="2">
        <v>0</v>
      </c>
      <c r="K26964" s="2">
        <v>0</v>
      </c>
      <c r="L26964" t="s">
        <v>120</v>
      </c>
      <c r="M26964" t="s">
        <v>89</v>
      </c>
      <c r="N26964" t="s">
        <v>90</v>
      </c>
      <c r="O26964" t="s">
        <v>85</v>
      </c>
      <c r="P26964" t="s">
        <v>86</v>
      </c>
      <c r="Q26964">
        <v>46</v>
      </c>
      <c r="R26964">
        <v>47</v>
      </c>
      <c r="S26964">
        <v>48</v>
      </c>
      <c r="T26964">
        <v>49</v>
      </c>
      <c r="U26964">
        <v>50</v>
      </c>
      <c r="V26964">
        <v>51</v>
      </c>
      <c r="W26964">
        <v>52</v>
      </c>
      <c r="X26964">
        <v>53</v>
      </c>
      <c r="Y26964">
        <v>54</v>
      </c>
      <c r="Z26964">
        <v>55</v>
      </c>
      <c r="AA26964">
        <v>56</v>
      </c>
      <c r="AB26964">
        <v>57</v>
      </c>
      <c r="AC26964">
        <v>58</v>
      </c>
      <c r="AD26964">
        <v>59</v>
      </c>
      <c r="AE26964">
        <v>60</v>
      </c>
      <c r="AF26964">
        <v>60</v>
      </c>
      <c r="AG26964">
        <v>60</v>
      </c>
      <c r="AH26964">
        <v>61</v>
      </c>
      <c r="AI26964">
        <v>61</v>
      </c>
      <c r="AJ26964">
        <v>61</v>
      </c>
      <c r="AK26964">
        <v>61</v>
      </c>
      <c r="AL26964">
        <v>62</v>
      </c>
      <c r="AM26964">
        <v>62</v>
      </c>
      <c r="AN26964">
        <v>62</v>
      </c>
      <c r="AO26964">
        <v>63</v>
      </c>
      <c r="AP26964">
        <v>63</v>
      </c>
      <c r="AQ26964">
        <v>64</v>
      </c>
    </row>
    <row r="26965" spans="1:43">
      <c r="A26965" t="s">
        <v>16681</v>
      </c>
      <c r="B26965" t="s">
        <v>16682</v>
      </c>
      <c r="C26965" t="s">
        <v>16683</v>
      </c>
      <c r="D26965" t="s">
        <v>16684</v>
      </c>
      <c r="E26965" t="s">
        <v>16557</v>
      </c>
      <c r="F26965" t="s">
        <v>16558</v>
      </c>
      <c r="G26965" t="s">
        <v>16559</v>
      </c>
      <c r="H26965" t="s">
        <v>16560</v>
      </c>
      <c r="I26965" s="2">
        <v>1</v>
      </c>
      <c r="J26965" s="2">
        <v>0</v>
      </c>
      <c r="K26965" s="2">
        <v>0</v>
      </c>
      <c r="L26965" t="s">
        <v>120</v>
      </c>
      <c r="M26965" t="s">
        <v>83</v>
      </c>
      <c r="N26965" t="s">
        <v>91</v>
      </c>
      <c r="O26965" t="s">
        <v>85</v>
      </c>
      <c r="P26965" t="s">
        <v>86</v>
      </c>
      <c r="Q26965">
        <v>46</v>
      </c>
      <c r="R26965">
        <v>47</v>
      </c>
      <c r="S26965">
        <v>48</v>
      </c>
      <c r="T26965">
        <v>49</v>
      </c>
      <c r="U26965">
        <v>49</v>
      </c>
      <c r="V26965">
        <v>50</v>
      </c>
      <c r="W26965">
        <v>51</v>
      </c>
      <c r="X26965">
        <v>51</v>
      </c>
      <c r="Y26965">
        <v>52</v>
      </c>
      <c r="Z26965">
        <v>53</v>
      </c>
      <c r="AA26965">
        <v>54</v>
      </c>
      <c r="AB26965">
        <v>54</v>
      </c>
      <c r="AC26965">
        <v>55</v>
      </c>
      <c r="AD26965">
        <v>56</v>
      </c>
      <c r="AE26965">
        <v>57</v>
      </c>
      <c r="AF26965">
        <v>57</v>
      </c>
      <c r="AG26965">
        <v>58</v>
      </c>
      <c r="AH26965">
        <v>59</v>
      </c>
      <c r="AI26965">
        <v>60</v>
      </c>
      <c r="AJ26965">
        <v>61</v>
      </c>
      <c r="AK26965">
        <v>62</v>
      </c>
      <c r="AL26965">
        <v>62</v>
      </c>
      <c r="AM26965">
        <v>62</v>
      </c>
      <c r="AN26965">
        <v>63</v>
      </c>
      <c r="AO26965">
        <v>63</v>
      </c>
      <c r="AP26965">
        <v>64</v>
      </c>
      <c r="AQ26965">
        <v>64</v>
      </c>
    </row>
    <row r="26966" spans="1:43">
      <c r="A26966" t="s">
        <v>16685</v>
      </c>
      <c r="B26966" t="s">
        <v>16686</v>
      </c>
      <c r="C26966" t="s">
        <v>16683</v>
      </c>
      <c r="D26966" t="s">
        <v>16684</v>
      </c>
      <c r="E26966" t="s">
        <v>16557</v>
      </c>
      <c r="F26966" t="s">
        <v>16558</v>
      </c>
      <c r="G26966" t="s">
        <v>16559</v>
      </c>
      <c r="H26966" t="s">
        <v>16560</v>
      </c>
      <c r="I26966" s="2">
        <v>1</v>
      </c>
      <c r="J26966" s="2">
        <v>0</v>
      </c>
      <c r="K26966" s="2">
        <v>0</v>
      </c>
      <c r="L26966" t="s">
        <v>120</v>
      </c>
      <c r="M26966" t="s">
        <v>83</v>
      </c>
      <c r="N26966" t="s">
        <v>84</v>
      </c>
      <c r="O26966" t="s">
        <v>85</v>
      </c>
      <c r="P26966" t="s">
        <v>86</v>
      </c>
      <c r="Q26966">
        <v>32</v>
      </c>
      <c r="R26966">
        <v>32</v>
      </c>
      <c r="S26966">
        <v>33</v>
      </c>
      <c r="T26966">
        <v>33</v>
      </c>
      <c r="U26966">
        <v>34</v>
      </c>
      <c r="V26966">
        <v>34</v>
      </c>
      <c r="W26966">
        <v>35</v>
      </c>
      <c r="X26966">
        <v>35</v>
      </c>
      <c r="Y26966">
        <v>35</v>
      </c>
      <c r="Z26966">
        <v>36</v>
      </c>
      <c r="AA26966">
        <v>36</v>
      </c>
      <c r="AB26966">
        <v>37</v>
      </c>
      <c r="AC26966">
        <v>37</v>
      </c>
      <c r="AD26966">
        <v>38</v>
      </c>
      <c r="AE26966">
        <v>38</v>
      </c>
      <c r="AF26966">
        <v>39</v>
      </c>
      <c r="AG26966">
        <v>40</v>
      </c>
      <c r="AH26966">
        <v>40</v>
      </c>
      <c r="AI26966">
        <v>41</v>
      </c>
      <c r="AJ26966">
        <v>41</v>
      </c>
      <c r="AK26966">
        <v>42</v>
      </c>
      <c r="AL26966">
        <v>42</v>
      </c>
      <c r="AM26966">
        <v>42</v>
      </c>
      <c r="AN26966">
        <v>43</v>
      </c>
      <c r="AO26966">
        <v>43</v>
      </c>
      <c r="AP26966">
        <v>43</v>
      </c>
      <c r="AQ26966">
        <v>43</v>
      </c>
    </row>
    <row r="26967" spans="1:43">
      <c r="A26967" t="s">
        <v>16685</v>
      </c>
      <c r="B26967" t="s">
        <v>16686</v>
      </c>
      <c r="C26967" t="s">
        <v>16683</v>
      </c>
      <c r="D26967" t="s">
        <v>16684</v>
      </c>
      <c r="E26967" t="s">
        <v>16557</v>
      </c>
      <c r="F26967" t="s">
        <v>16558</v>
      </c>
      <c r="G26967" t="s">
        <v>16559</v>
      </c>
      <c r="H26967" t="s">
        <v>16560</v>
      </c>
      <c r="I26967" s="2">
        <v>1</v>
      </c>
      <c r="J26967" s="2">
        <v>0</v>
      </c>
      <c r="K26967" s="2">
        <v>0</v>
      </c>
      <c r="L26967" t="s">
        <v>120</v>
      </c>
      <c r="M26967" t="s">
        <v>87</v>
      </c>
      <c r="N26967" t="s">
        <v>88</v>
      </c>
      <c r="O26967" t="s">
        <v>85</v>
      </c>
      <c r="P26967" t="s">
        <v>86</v>
      </c>
      <c r="Q26967">
        <v>32</v>
      </c>
      <c r="R26967">
        <v>33</v>
      </c>
      <c r="S26967">
        <v>33</v>
      </c>
      <c r="T26967">
        <v>33</v>
      </c>
      <c r="U26967">
        <v>33</v>
      </c>
      <c r="V26967">
        <v>33</v>
      </c>
      <c r="W26967">
        <v>33</v>
      </c>
      <c r="X26967">
        <v>34</v>
      </c>
      <c r="Y26967">
        <v>34</v>
      </c>
      <c r="Z26967">
        <v>34</v>
      </c>
      <c r="AA26967">
        <v>34</v>
      </c>
      <c r="AB26967">
        <v>34</v>
      </c>
      <c r="AC26967">
        <v>35</v>
      </c>
      <c r="AD26967">
        <v>35</v>
      </c>
      <c r="AE26967">
        <v>35</v>
      </c>
      <c r="AF26967">
        <v>35</v>
      </c>
      <c r="AG26967">
        <v>36</v>
      </c>
      <c r="AH26967">
        <v>36</v>
      </c>
      <c r="AI26967">
        <v>36</v>
      </c>
      <c r="AJ26967">
        <v>37</v>
      </c>
      <c r="AK26967">
        <v>37</v>
      </c>
      <c r="AL26967">
        <v>37</v>
      </c>
      <c r="AM26967">
        <v>37</v>
      </c>
      <c r="AN26967">
        <v>38</v>
      </c>
      <c r="AO26967">
        <v>38</v>
      </c>
      <c r="AP26967">
        <v>38</v>
      </c>
      <c r="AQ26967">
        <v>39</v>
      </c>
    </row>
    <row r="26968" spans="1:43">
      <c r="A26968" t="s">
        <v>16685</v>
      </c>
      <c r="B26968" t="s">
        <v>16686</v>
      </c>
      <c r="C26968" t="s">
        <v>16683</v>
      </c>
      <c r="D26968" t="s">
        <v>16684</v>
      </c>
      <c r="E26968" t="s">
        <v>16557</v>
      </c>
      <c r="F26968" t="s">
        <v>16558</v>
      </c>
      <c r="G26968" t="s">
        <v>16559</v>
      </c>
      <c r="H26968" t="s">
        <v>16560</v>
      </c>
      <c r="I26968" s="2">
        <v>1</v>
      </c>
      <c r="J26968" s="2">
        <v>0</v>
      </c>
      <c r="K26968" s="2">
        <v>0</v>
      </c>
      <c r="L26968" t="s">
        <v>120</v>
      </c>
      <c r="M26968" t="s">
        <v>89</v>
      </c>
      <c r="N26968" t="s">
        <v>90</v>
      </c>
      <c r="O26968" t="s">
        <v>85</v>
      </c>
      <c r="P26968" t="s">
        <v>86</v>
      </c>
      <c r="Q26968">
        <v>32</v>
      </c>
      <c r="R26968">
        <v>33</v>
      </c>
      <c r="S26968">
        <v>33</v>
      </c>
      <c r="T26968">
        <v>34</v>
      </c>
      <c r="U26968">
        <v>35</v>
      </c>
      <c r="V26968">
        <v>36</v>
      </c>
      <c r="W26968">
        <v>36</v>
      </c>
      <c r="X26968">
        <v>37</v>
      </c>
      <c r="Y26968">
        <v>38</v>
      </c>
      <c r="Z26968">
        <v>38</v>
      </c>
      <c r="AA26968">
        <v>39</v>
      </c>
      <c r="AB26968">
        <v>39</v>
      </c>
      <c r="AC26968">
        <v>40</v>
      </c>
      <c r="AD26968">
        <v>41</v>
      </c>
      <c r="AE26968">
        <v>41</v>
      </c>
      <c r="AF26968">
        <v>41</v>
      </c>
      <c r="AG26968">
        <v>42</v>
      </c>
      <c r="AH26968">
        <v>42</v>
      </c>
      <c r="AI26968">
        <v>42</v>
      </c>
      <c r="AJ26968">
        <v>42</v>
      </c>
      <c r="AK26968">
        <v>42</v>
      </c>
      <c r="AL26968">
        <v>43</v>
      </c>
      <c r="AM26968">
        <v>43</v>
      </c>
      <c r="AN26968">
        <v>43</v>
      </c>
      <c r="AO26968">
        <v>43</v>
      </c>
      <c r="AP26968">
        <v>44</v>
      </c>
      <c r="AQ26968">
        <v>44</v>
      </c>
    </row>
    <row r="26969" spans="1:43">
      <c r="A26969" t="s">
        <v>16685</v>
      </c>
      <c r="B26969" t="s">
        <v>16686</v>
      </c>
      <c r="C26969" t="s">
        <v>16683</v>
      </c>
      <c r="D26969" t="s">
        <v>16684</v>
      </c>
      <c r="E26969" t="s">
        <v>16557</v>
      </c>
      <c r="F26969" t="s">
        <v>16558</v>
      </c>
      <c r="G26969" t="s">
        <v>16559</v>
      </c>
      <c r="H26969" t="s">
        <v>16560</v>
      </c>
      <c r="I26969" s="2">
        <v>1</v>
      </c>
      <c r="J26969" s="2">
        <v>0</v>
      </c>
      <c r="K26969" s="2">
        <v>0</v>
      </c>
      <c r="L26969" t="s">
        <v>120</v>
      </c>
      <c r="M26969" t="s">
        <v>83</v>
      </c>
      <c r="N26969" t="s">
        <v>91</v>
      </c>
      <c r="O26969" t="s">
        <v>85</v>
      </c>
      <c r="P26969" t="s">
        <v>86</v>
      </c>
      <c r="Q26969">
        <v>32</v>
      </c>
      <c r="R26969">
        <v>32</v>
      </c>
      <c r="S26969">
        <v>33</v>
      </c>
      <c r="T26969">
        <v>33</v>
      </c>
      <c r="U26969">
        <v>34</v>
      </c>
      <c r="V26969">
        <v>34</v>
      </c>
      <c r="W26969">
        <v>35</v>
      </c>
      <c r="X26969">
        <v>35</v>
      </c>
      <c r="Y26969">
        <v>35</v>
      </c>
      <c r="Z26969">
        <v>36</v>
      </c>
      <c r="AA26969">
        <v>36</v>
      </c>
      <c r="AB26969">
        <v>37</v>
      </c>
      <c r="AC26969">
        <v>37</v>
      </c>
      <c r="AD26969">
        <v>38</v>
      </c>
      <c r="AE26969">
        <v>38</v>
      </c>
      <c r="AF26969">
        <v>39</v>
      </c>
      <c r="AG26969">
        <v>40</v>
      </c>
      <c r="AH26969">
        <v>40</v>
      </c>
      <c r="AI26969">
        <v>41</v>
      </c>
      <c r="AJ26969">
        <v>41</v>
      </c>
      <c r="AK26969">
        <v>42</v>
      </c>
      <c r="AL26969">
        <v>42</v>
      </c>
      <c r="AM26969">
        <v>42</v>
      </c>
      <c r="AN26969">
        <v>43</v>
      </c>
      <c r="AO26969">
        <v>43</v>
      </c>
      <c r="AP26969">
        <v>43</v>
      </c>
      <c r="AQ26969">
        <v>43</v>
      </c>
    </row>
    <row r="26970" spans="1:43">
      <c r="A26970" t="s">
        <v>16687</v>
      </c>
      <c r="B26970" t="s">
        <v>16688</v>
      </c>
      <c r="C26970" t="s">
        <v>16683</v>
      </c>
      <c r="D26970" t="s">
        <v>16684</v>
      </c>
      <c r="E26970" t="s">
        <v>16557</v>
      </c>
      <c r="F26970" t="s">
        <v>16558</v>
      </c>
      <c r="G26970" t="s">
        <v>16559</v>
      </c>
      <c r="H26970" t="s">
        <v>16560</v>
      </c>
      <c r="I26970" s="2">
        <v>1</v>
      </c>
      <c r="J26970" s="2">
        <v>0</v>
      </c>
      <c r="K26970" s="2">
        <v>0</v>
      </c>
      <c r="L26970" t="s">
        <v>120</v>
      </c>
      <c r="M26970" t="s">
        <v>83</v>
      </c>
      <c r="N26970" t="s">
        <v>84</v>
      </c>
      <c r="O26970" t="s">
        <v>85</v>
      </c>
      <c r="P26970" t="s">
        <v>86</v>
      </c>
      <c r="Q26970">
        <v>26</v>
      </c>
      <c r="R26970">
        <v>27</v>
      </c>
      <c r="S26970">
        <v>27</v>
      </c>
      <c r="T26970">
        <v>28</v>
      </c>
      <c r="U26970">
        <v>28</v>
      </c>
      <c r="V26970">
        <v>29</v>
      </c>
      <c r="W26970">
        <v>29</v>
      </c>
      <c r="X26970">
        <v>29</v>
      </c>
      <c r="Y26970">
        <v>30</v>
      </c>
      <c r="Z26970">
        <v>30</v>
      </c>
      <c r="AA26970">
        <v>31</v>
      </c>
      <c r="AB26970">
        <v>31</v>
      </c>
      <c r="AC26970">
        <v>31</v>
      </c>
      <c r="AD26970">
        <v>32</v>
      </c>
      <c r="AE26970">
        <v>32</v>
      </c>
      <c r="AF26970">
        <v>33</v>
      </c>
      <c r="AG26970">
        <v>33</v>
      </c>
      <c r="AH26970">
        <v>34</v>
      </c>
      <c r="AI26970">
        <v>34</v>
      </c>
      <c r="AJ26970">
        <v>35</v>
      </c>
      <c r="AK26970">
        <v>35</v>
      </c>
      <c r="AL26970">
        <v>35</v>
      </c>
      <c r="AM26970">
        <v>36</v>
      </c>
      <c r="AN26970">
        <v>36</v>
      </c>
      <c r="AO26970">
        <v>36</v>
      </c>
      <c r="AP26970">
        <v>36</v>
      </c>
      <c r="AQ26970">
        <v>36</v>
      </c>
    </row>
    <row r="26971" spans="1:43">
      <c r="A26971" t="s">
        <v>16687</v>
      </c>
      <c r="B26971" t="s">
        <v>16688</v>
      </c>
      <c r="C26971" t="s">
        <v>16683</v>
      </c>
      <c r="D26971" t="s">
        <v>16684</v>
      </c>
      <c r="E26971" t="s">
        <v>16557</v>
      </c>
      <c r="F26971" t="s">
        <v>16558</v>
      </c>
      <c r="G26971" t="s">
        <v>16559</v>
      </c>
      <c r="H26971" t="s">
        <v>16560</v>
      </c>
      <c r="I26971" s="2">
        <v>1</v>
      </c>
      <c r="J26971" s="2">
        <v>0</v>
      </c>
      <c r="K26971" s="2">
        <v>0</v>
      </c>
      <c r="L26971" t="s">
        <v>120</v>
      </c>
      <c r="M26971" t="s">
        <v>87</v>
      </c>
      <c r="N26971" t="s">
        <v>88</v>
      </c>
      <c r="O26971" t="s">
        <v>85</v>
      </c>
      <c r="P26971" t="s">
        <v>86</v>
      </c>
      <c r="Q26971">
        <v>26</v>
      </c>
      <c r="R26971">
        <v>26</v>
      </c>
      <c r="S26971">
        <v>27</v>
      </c>
      <c r="T26971">
        <v>27</v>
      </c>
      <c r="U26971">
        <v>27</v>
      </c>
      <c r="V26971">
        <v>27</v>
      </c>
      <c r="W26971">
        <v>27</v>
      </c>
      <c r="X26971">
        <v>27</v>
      </c>
      <c r="Y26971">
        <v>28</v>
      </c>
      <c r="Z26971">
        <v>28</v>
      </c>
      <c r="AA26971">
        <v>28</v>
      </c>
      <c r="AB26971">
        <v>28</v>
      </c>
      <c r="AC26971">
        <v>28</v>
      </c>
      <c r="AD26971">
        <v>28</v>
      </c>
      <c r="AE26971">
        <v>29</v>
      </c>
      <c r="AF26971">
        <v>29</v>
      </c>
      <c r="AG26971">
        <v>29</v>
      </c>
      <c r="AH26971">
        <v>29</v>
      </c>
      <c r="AI26971">
        <v>30</v>
      </c>
      <c r="AJ26971">
        <v>30</v>
      </c>
      <c r="AK26971">
        <v>30</v>
      </c>
      <c r="AL26971">
        <v>30</v>
      </c>
      <c r="AM26971">
        <v>31</v>
      </c>
      <c r="AN26971">
        <v>31</v>
      </c>
      <c r="AO26971">
        <v>31</v>
      </c>
      <c r="AP26971">
        <v>31</v>
      </c>
      <c r="AQ26971">
        <v>32</v>
      </c>
    </row>
    <row r="26972" spans="1:43">
      <c r="A26972" t="s">
        <v>16687</v>
      </c>
      <c r="B26972" t="s">
        <v>16688</v>
      </c>
      <c r="C26972" t="s">
        <v>16683</v>
      </c>
      <c r="D26972" t="s">
        <v>16684</v>
      </c>
      <c r="E26972" t="s">
        <v>16557</v>
      </c>
      <c r="F26972" t="s">
        <v>16558</v>
      </c>
      <c r="G26972" t="s">
        <v>16559</v>
      </c>
      <c r="H26972" t="s">
        <v>16560</v>
      </c>
      <c r="I26972" s="2">
        <v>1</v>
      </c>
      <c r="J26972" s="2">
        <v>0</v>
      </c>
      <c r="K26972" s="2">
        <v>0</v>
      </c>
      <c r="L26972" t="s">
        <v>120</v>
      </c>
      <c r="M26972" t="s">
        <v>89</v>
      </c>
      <c r="N26972" t="s">
        <v>90</v>
      </c>
      <c r="O26972" t="s">
        <v>85</v>
      </c>
      <c r="P26972" t="s">
        <v>86</v>
      </c>
      <c r="Q26972">
        <v>26</v>
      </c>
      <c r="R26972">
        <v>26</v>
      </c>
      <c r="S26972">
        <v>27</v>
      </c>
      <c r="T26972">
        <v>28</v>
      </c>
      <c r="U26972">
        <v>28</v>
      </c>
      <c r="V26972">
        <v>29</v>
      </c>
      <c r="W26972">
        <v>29</v>
      </c>
      <c r="X26972">
        <v>30</v>
      </c>
      <c r="Y26972">
        <v>30</v>
      </c>
      <c r="Z26972">
        <v>31</v>
      </c>
      <c r="AA26972">
        <v>32</v>
      </c>
      <c r="AB26972">
        <v>32</v>
      </c>
      <c r="AC26972">
        <v>33</v>
      </c>
      <c r="AD26972">
        <v>33</v>
      </c>
      <c r="AE26972">
        <v>34</v>
      </c>
      <c r="AF26972">
        <v>34</v>
      </c>
      <c r="AG26972">
        <v>34</v>
      </c>
      <c r="AH26972">
        <v>34</v>
      </c>
      <c r="AI26972">
        <v>34</v>
      </c>
      <c r="AJ26972">
        <v>34</v>
      </c>
      <c r="AK26972">
        <v>35</v>
      </c>
      <c r="AL26972">
        <v>35</v>
      </c>
      <c r="AM26972">
        <v>35</v>
      </c>
      <c r="AN26972">
        <v>35</v>
      </c>
      <c r="AO26972">
        <v>35</v>
      </c>
      <c r="AP26972">
        <v>36</v>
      </c>
      <c r="AQ26972">
        <v>36</v>
      </c>
    </row>
    <row r="26973" spans="1:43">
      <c r="A26973" t="s">
        <v>16687</v>
      </c>
      <c r="B26973" t="s">
        <v>16688</v>
      </c>
      <c r="C26973" t="s">
        <v>16683</v>
      </c>
      <c r="D26973" t="s">
        <v>16684</v>
      </c>
      <c r="E26973" t="s">
        <v>16557</v>
      </c>
      <c r="F26973" t="s">
        <v>16558</v>
      </c>
      <c r="G26973" t="s">
        <v>16559</v>
      </c>
      <c r="H26973" t="s">
        <v>16560</v>
      </c>
      <c r="I26973" s="2">
        <v>1</v>
      </c>
      <c r="J26973" s="2">
        <v>0</v>
      </c>
      <c r="K26973" s="2">
        <v>0</v>
      </c>
      <c r="L26973" t="s">
        <v>120</v>
      </c>
      <c r="M26973" t="s">
        <v>83</v>
      </c>
      <c r="N26973" t="s">
        <v>91</v>
      </c>
      <c r="O26973" t="s">
        <v>85</v>
      </c>
      <c r="P26973" t="s">
        <v>86</v>
      </c>
      <c r="Q26973">
        <v>26</v>
      </c>
      <c r="R26973">
        <v>27</v>
      </c>
      <c r="S26973">
        <v>27</v>
      </c>
      <c r="T26973">
        <v>28</v>
      </c>
      <c r="U26973">
        <v>28</v>
      </c>
      <c r="V26973">
        <v>29</v>
      </c>
      <c r="W26973">
        <v>29</v>
      </c>
      <c r="X26973">
        <v>29</v>
      </c>
      <c r="Y26973">
        <v>30</v>
      </c>
      <c r="Z26973">
        <v>30</v>
      </c>
      <c r="AA26973">
        <v>31</v>
      </c>
      <c r="AB26973">
        <v>31</v>
      </c>
      <c r="AC26973">
        <v>31</v>
      </c>
      <c r="AD26973">
        <v>32</v>
      </c>
      <c r="AE26973">
        <v>32</v>
      </c>
      <c r="AF26973">
        <v>33</v>
      </c>
      <c r="AG26973">
        <v>33</v>
      </c>
      <c r="AH26973">
        <v>34</v>
      </c>
      <c r="AI26973">
        <v>34</v>
      </c>
      <c r="AJ26973">
        <v>35</v>
      </c>
      <c r="AK26973">
        <v>35</v>
      </c>
      <c r="AL26973">
        <v>35</v>
      </c>
      <c r="AM26973">
        <v>36</v>
      </c>
      <c r="AN26973">
        <v>36</v>
      </c>
      <c r="AO26973">
        <v>36</v>
      </c>
      <c r="AP26973">
        <v>36</v>
      </c>
      <c r="AQ26973">
        <v>36</v>
      </c>
    </row>
    <row r="26974" spans="1:43">
      <c r="A26974" t="s">
        <v>16689</v>
      </c>
      <c r="B26974" t="s">
        <v>16690</v>
      </c>
      <c r="C26974" t="s">
        <v>16683</v>
      </c>
      <c r="D26974" t="s">
        <v>16684</v>
      </c>
      <c r="E26974" t="s">
        <v>16557</v>
      </c>
      <c r="F26974" t="s">
        <v>16558</v>
      </c>
      <c r="G26974" t="s">
        <v>16559</v>
      </c>
      <c r="H26974" t="s">
        <v>16560</v>
      </c>
      <c r="I26974" s="2">
        <v>1</v>
      </c>
      <c r="J26974" s="2">
        <v>0</v>
      </c>
      <c r="K26974" s="2">
        <v>0</v>
      </c>
      <c r="L26974" t="s">
        <v>120</v>
      </c>
      <c r="M26974" t="s">
        <v>83</v>
      </c>
      <c r="N26974" t="s">
        <v>84</v>
      </c>
      <c r="O26974" t="s">
        <v>85</v>
      </c>
      <c r="P26974" t="s">
        <v>86</v>
      </c>
      <c r="Q26974">
        <v>17</v>
      </c>
      <c r="R26974">
        <v>17</v>
      </c>
      <c r="S26974">
        <v>18</v>
      </c>
      <c r="T26974">
        <v>18</v>
      </c>
      <c r="U26974">
        <v>18</v>
      </c>
      <c r="V26974">
        <v>18</v>
      </c>
      <c r="W26974">
        <v>19</v>
      </c>
      <c r="X26974">
        <v>19</v>
      </c>
      <c r="Y26974">
        <v>19</v>
      </c>
      <c r="Z26974">
        <v>19</v>
      </c>
      <c r="AA26974">
        <v>20</v>
      </c>
      <c r="AB26974">
        <v>20</v>
      </c>
      <c r="AC26974">
        <v>20</v>
      </c>
      <c r="AD26974">
        <v>21</v>
      </c>
      <c r="AE26974">
        <v>21</v>
      </c>
      <c r="AF26974">
        <v>21</v>
      </c>
      <c r="AG26974">
        <v>21</v>
      </c>
      <c r="AH26974">
        <v>22</v>
      </c>
      <c r="AI26974">
        <v>22</v>
      </c>
      <c r="AJ26974">
        <v>22</v>
      </c>
      <c r="AK26974">
        <v>23</v>
      </c>
      <c r="AL26974">
        <v>23</v>
      </c>
      <c r="AM26974">
        <v>23</v>
      </c>
      <c r="AN26974">
        <v>23</v>
      </c>
      <c r="AO26974">
        <v>23</v>
      </c>
      <c r="AP26974">
        <v>23</v>
      </c>
      <c r="AQ26974">
        <v>24</v>
      </c>
    </row>
    <row r="26975" spans="1:43">
      <c r="A26975" t="s">
        <v>16689</v>
      </c>
      <c r="B26975" t="s">
        <v>16690</v>
      </c>
      <c r="C26975" t="s">
        <v>16683</v>
      </c>
      <c r="D26975" t="s">
        <v>16684</v>
      </c>
      <c r="E26975" t="s">
        <v>16557</v>
      </c>
      <c r="F26975" t="s">
        <v>16558</v>
      </c>
      <c r="G26975" t="s">
        <v>16559</v>
      </c>
      <c r="H26975" t="s">
        <v>16560</v>
      </c>
      <c r="I26975" s="2">
        <v>1</v>
      </c>
      <c r="J26975" s="2">
        <v>0</v>
      </c>
      <c r="K26975" s="2">
        <v>0</v>
      </c>
      <c r="L26975" t="s">
        <v>120</v>
      </c>
      <c r="M26975" t="s">
        <v>87</v>
      </c>
      <c r="N26975" t="s">
        <v>88</v>
      </c>
      <c r="O26975" t="s">
        <v>85</v>
      </c>
      <c r="P26975" t="s">
        <v>86</v>
      </c>
      <c r="Q26975">
        <v>17</v>
      </c>
      <c r="R26975">
        <v>17</v>
      </c>
      <c r="S26975">
        <v>17</v>
      </c>
      <c r="T26975">
        <v>17</v>
      </c>
      <c r="U26975">
        <v>17</v>
      </c>
      <c r="V26975">
        <v>17</v>
      </c>
      <c r="W26975">
        <v>18</v>
      </c>
      <c r="X26975">
        <v>18</v>
      </c>
      <c r="Y26975">
        <v>18</v>
      </c>
      <c r="Z26975">
        <v>18</v>
      </c>
      <c r="AA26975">
        <v>18</v>
      </c>
      <c r="AB26975">
        <v>18</v>
      </c>
      <c r="AC26975">
        <v>18</v>
      </c>
      <c r="AD26975">
        <v>18</v>
      </c>
      <c r="AE26975">
        <v>18</v>
      </c>
      <c r="AF26975">
        <v>19</v>
      </c>
      <c r="AG26975">
        <v>19</v>
      </c>
      <c r="AH26975">
        <v>19</v>
      </c>
      <c r="AI26975">
        <v>19</v>
      </c>
      <c r="AJ26975">
        <v>19</v>
      </c>
      <c r="AK26975">
        <v>19</v>
      </c>
      <c r="AL26975">
        <v>20</v>
      </c>
      <c r="AM26975">
        <v>20</v>
      </c>
      <c r="AN26975">
        <v>20</v>
      </c>
      <c r="AO26975">
        <v>20</v>
      </c>
      <c r="AP26975">
        <v>20</v>
      </c>
      <c r="AQ26975">
        <v>20</v>
      </c>
    </row>
    <row r="26976" spans="1:43">
      <c r="A26976" t="s">
        <v>16689</v>
      </c>
      <c r="B26976" t="s">
        <v>16690</v>
      </c>
      <c r="C26976" t="s">
        <v>16683</v>
      </c>
      <c r="D26976" t="s">
        <v>16684</v>
      </c>
      <c r="E26976" t="s">
        <v>16557</v>
      </c>
      <c r="F26976" t="s">
        <v>16558</v>
      </c>
      <c r="G26976" t="s">
        <v>16559</v>
      </c>
      <c r="H26976" t="s">
        <v>16560</v>
      </c>
      <c r="I26976" s="2">
        <v>1</v>
      </c>
      <c r="J26976" s="2">
        <v>0</v>
      </c>
      <c r="K26976" s="2">
        <v>0</v>
      </c>
      <c r="L26976" t="s">
        <v>120</v>
      </c>
      <c r="M26976" t="s">
        <v>89</v>
      </c>
      <c r="N26976" t="s">
        <v>90</v>
      </c>
      <c r="O26976" t="s">
        <v>85</v>
      </c>
      <c r="P26976" t="s">
        <v>86</v>
      </c>
      <c r="Q26976">
        <v>17</v>
      </c>
      <c r="R26976">
        <v>18</v>
      </c>
      <c r="S26976">
        <v>18</v>
      </c>
      <c r="T26976">
        <v>18</v>
      </c>
      <c r="U26976">
        <v>19</v>
      </c>
      <c r="V26976">
        <v>19</v>
      </c>
      <c r="W26976">
        <v>20</v>
      </c>
      <c r="X26976">
        <v>20</v>
      </c>
      <c r="Y26976">
        <v>20</v>
      </c>
      <c r="Z26976">
        <v>21</v>
      </c>
      <c r="AA26976">
        <v>21</v>
      </c>
      <c r="AB26976">
        <v>21</v>
      </c>
      <c r="AC26976">
        <v>22</v>
      </c>
      <c r="AD26976">
        <v>22</v>
      </c>
      <c r="AE26976">
        <v>22</v>
      </c>
      <c r="AF26976">
        <v>22</v>
      </c>
      <c r="AG26976">
        <v>23</v>
      </c>
      <c r="AH26976">
        <v>23</v>
      </c>
      <c r="AI26976">
        <v>23</v>
      </c>
      <c r="AJ26976">
        <v>23</v>
      </c>
      <c r="AK26976">
        <v>23</v>
      </c>
      <c r="AL26976">
        <v>23</v>
      </c>
      <c r="AM26976">
        <v>23</v>
      </c>
      <c r="AN26976">
        <v>23</v>
      </c>
      <c r="AO26976">
        <v>24</v>
      </c>
      <c r="AP26976">
        <v>24</v>
      </c>
      <c r="AQ26976">
        <v>24</v>
      </c>
    </row>
    <row r="26977" spans="1:43">
      <c r="A26977" t="s">
        <v>16689</v>
      </c>
      <c r="B26977" t="s">
        <v>16690</v>
      </c>
      <c r="C26977" t="s">
        <v>16683</v>
      </c>
      <c r="D26977" t="s">
        <v>16684</v>
      </c>
      <c r="E26977" t="s">
        <v>16557</v>
      </c>
      <c r="F26977" t="s">
        <v>16558</v>
      </c>
      <c r="G26977" t="s">
        <v>16559</v>
      </c>
      <c r="H26977" t="s">
        <v>16560</v>
      </c>
      <c r="I26977" s="2">
        <v>1</v>
      </c>
      <c r="J26977" s="2">
        <v>0</v>
      </c>
      <c r="K26977" s="2">
        <v>0</v>
      </c>
      <c r="L26977" t="s">
        <v>120</v>
      </c>
      <c r="M26977" t="s">
        <v>83</v>
      </c>
      <c r="N26977" t="s">
        <v>91</v>
      </c>
      <c r="O26977" t="s">
        <v>85</v>
      </c>
      <c r="P26977" t="s">
        <v>86</v>
      </c>
      <c r="Q26977">
        <v>17</v>
      </c>
      <c r="R26977">
        <v>17</v>
      </c>
      <c r="S26977">
        <v>18</v>
      </c>
      <c r="T26977">
        <v>18</v>
      </c>
      <c r="U26977">
        <v>18</v>
      </c>
      <c r="V26977">
        <v>18</v>
      </c>
      <c r="W26977">
        <v>19</v>
      </c>
      <c r="X26977">
        <v>19</v>
      </c>
      <c r="Y26977">
        <v>19</v>
      </c>
      <c r="Z26977">
        <v>19</v>
      </c>
      <c r="AA26977">
        <v>20</v>
      </c>
      <c r="AB26977">
        <v>20</v>
      </c>
      <c r="AC26977">
        <v>20</v>
      </c>
      <c r="AD26977">
        <v>21</v>
      </c>
      <c r="AE26977">
        <v>21</v>
      </c>
      <c r="AF26977">
        <v>21</v>
      </c>
      <c r="AG26977">
        <v>21</v>
      </c>
      <c r="AH26977">
        <v>22</v>
      </c>
      <c r="AI26977">
        <v>22</v>
      </c>
      <c r="AJ26977">
        <v>22</v>
      </c>
      <c r="AK26977">
        <v>23</v>
      </c>
      <c r="AL26977">
        <v>23</v>
      </c>
      <c r="AM26977">
        <v>23</v>
      </c>
      <c r="AN26977">
        <v>23</v>
      </c>
      <c r="AO26977">
        <v>23</v>
      </c>
      <c r="AP26977">
        <v>23</v>
      </c>
      <c r="AQ26977">
        <v>24</v>
      </c>
    </row>
    <row r="26978" spans="1:43">
      <c r="A26978" t="s">
        <v>16691</v>
      </c>
      <c r="B26978" t="s">
        <v>16692</v>
      </c>
      <c r="C26978" t="s">
        <v>16693</v>
      </c>
      <c r="D26978" t="s">
        <v>16694</v>
      </c>
      <c r="E26978" t="s">
        <v>16695</v>
      </c>
      <c r="F26978" t="s">
        <v>16696</v>
      </c>
      <c r="G26978" t="s">
        <v>16559</v>
      </c>
      <c r="H26978" t="s">
        <v>16560</v>
      </c>
      <c r="I26978" s="2">
        <v>1</v>
      </c>
      <c r="J26978" s="2">
        <v>0</v>
      </c>
      <c r="K26978" s="2">
        <v>0</v>
      </c>
      <c r="L26978" t="s">
        <v>120</v>
      </c>
      <c r="M26978" t="s">
        <v>83</v>
      </c>
      <c r="N26978" t="s">
        <v>84</v>
      </c>
      <c r="O26978" t="s">
        <v>85</v>
      </c>
      <c r="P26978" t="s">
        <v>86</v>
      </c>
      <c r="Q26978">
        <v>74</v>
      </c>
      <c r="R26978">
        <v>75</v>
      </c>
      <c r="S26978">
        <v>75</v>
      </c>
      <c r="T26978">
        <v>76</v>
      </c>
      <c r="U26978">
        <v>76</v>
      </c>
      <c r="V26978">
        <v>77</v>
      </c>
      <c r="W26978">
        <v>77</v>
      </c>
      <c r="X26978">
        <v>77</v>
      </c>
      <c r="Y26978">
        <v>78</v>
      </c>
      <c r="Z26978">
        <v>78</v>
      </c>
      <c r="AA26978">
        <v>78</v>
      </c>
      <c r="AB26978">
        <v>78</v>
      </c>
      <c r="AC26978">
        <v>79</v>
      </c>
      <c r="AD26978">
        <v>79</v>
      </c>
      <c r="AE26978">
        <v>79</v>
      </c>
      <c r="AF26978">
        <v>79</v>
      </c>
      <c r="AG26978">
        <v>80</v>
      </c>
      <c r="AH26978">
        <v>80</v>
      </c>
      <c r="AI26978">
        <v>80</v>
      </c>
      <c r="AJ26978">
        <v>81</v>
      </c>
      <c r="AK26978">
        <v>81</v>
      </c>
      <c r="AL26978">
        <v>81</v>
      </c>
      <c r="AM26978">
        <v>80</v>
      </c>
      <c r="AN26978">
        <v>80</v>
      </c>
      <c r="AO26978">
        <v>79</v>
      </c>
      <c r="AP26978">
        <v>79</v>
      </c>
      <c r="AQ26978">
        <v>78</v>
      </c>
    </row>
    <row r="26979" spans="1:43">
      <c r="A26979" t="s">
        <v>16691</v>
      </c>
      <c r="B26979" t="s">
        <v>16692</v>
      </c>
      <c r="C26979" t="s">
        <v>16693</v>
      </c>
      <c r="D26979" t="s">
        <v>16694</v>
      </c>
      <c r="E26979" t="s">
        <v>16695</v>
      </c>
      <c r="F26979" t="s">
        <v>16696</v>
      </c>
      <c r="G26979" t="s">
        <v>16559</v>
      </c>
      <c r="H26979" t="s">
        <v>16560</v>
      </c>
      <c r="I26979" s="2">
        <v>1</v>
      </c>
      <c r="J26979" s="2">
        <v>0</v>
      </c>
      <c r="K26979" s="2">
        <v>0</v>
      </c>
      <c r="L26979" t="s">
        <v>120</v>
      </c>
      <c r="M26979" t="s">
        <v>87</v>
      </c>
      <c r="N26979" t="s">
        <v>88</v>
      </c>
      <c r="O26979" t="s">
        <v>85</v>
      </c>
      <c r="P26979" t="s">
        <v>86</v>
      </c>
      <c r="Q26979">
        <v>74</v>
      </c>
      <c r="R26979">
        <v>74</v>
      </c>
      <c r="S26979">
        <v>73</v>
      </c>
      <c r="T26979">
        <v>73</v>
      </c>
      <c r="U26979">
        <v>73</v>
      </c>
      <c r="V26979">
        <v>73</v>
      </c>
      <c r="W26979">
        <v>72</v>
      </c>
      <c r="X26979">
        <v>72</v>
      </c>
      <c r="Y26979">
        <v>72</v>
      </c>
      <c r="Z26979">
        <v>71</v>
      </c>
      <c r="AA26979">
        <v>71</v>
      </c>
      <c r="AB26979">
        <v>71</v>
      </c>
      <c r="AC26979">
        <v>71</v>
      </c>
      <c r="AD26979">
        <v>70</v>
      </c>
      <c r="AE26979">
        <v>70</v>
      </c>
      <c r="AF26979">
        <v>70</v>
      </c>
      <c r="AG26979">
        <v>70</v>
      </c>
      <c r="AH26979">
        <v>70</v>
      </c>
      <c r="AI26979">
        <v>69</v>
      </c>
      <c r="AJ26979">
        <v>69</v>
      </c>
      <c r="AK26979">
        <v>69</v>
      </c>
      <c r="AL26979">
        <v>69</v>
      </c>
      <c r="AM26979">
        <v>69</v>
      </c>
      <c r="AN26979">
        <v>68</v>
      </c>
      <c r="AO26979">
        <v>68</v>
      </c>
      <c r="AP26979">
        <v>68</v>
      </c>
      <c r="AQ26979">
        <v>68</v>
      </c>
    </row>
    <row r="26980" spans="1:43">
      <c r="A26980" t="s">
        <v>16691</v>
      </c>
      <c r="B26980" t="s">
        <v>16692</v>
      </c>
      <c r="C26980" t="s">
        <v>16693</v>
      </c>
      <c r="D26980" t="s">
        <v>16694</v>
      </c>
      <c r="E26980" t="s">
        <v>16695</v>
      </c>
      <c r="F26980" t="s">
        <v>16696</v>
      </c>
      <c r="G26980" t="s">
        <v>16559</v>
      </c>
      <c r="H26980" t="s">
        <v>16560</v>
      </c>
      <c r="I26980" s="2">
        <v>1</v>
      </c>
      <c r="J26980" s="2">
        <v>0</v>
      </c>
      <c r="K26980" s="2">
        <v>0</v>
      </c>
      <c r="L26980" t="s">
        <v>120</v>
      </c>
      <c r="M26980" t="s">
        <v>89</v>
      </c>
      <c r="N26980" t="s">
        <v>90</v>
      </c>
      <c r="O26980" t="s">
        <v>85</v>
      </c>
      <c r="P26980" t="s">
        <v>86</v>
      </c>
      <c r="Q26980">
        <v>74</v>
      </c>
      <c r="R26980">
        <v>75</v>
      </c>
      <c r="S26980">
        <v>76</v>
      </c>
      <c r="T26980">
        <v>77</v>
      </c>
      <c r="U26980">
        <v>78</v>
      </c>
      <c r="V26980">
        <v>79</v>
      </c>
      <c r="W26980">
        <v>80</v>
      </c>
      <c r="X26980">
        <v>80</v>
      </c>
      <c r="Y26980">
        <v>81</v>
      </c>
      <c r="Z26980">
        <v>82</v>
      </c>
      <c r="AA26980">
        <v>82</v>
      </c>
      <c r="AB26980">
        <v>83</v>
      </c>
      <c r="AC26980">
        <v>83</v>
      </c>
      <c r="AD26980">
        <v>84</v>
      </c>
      <c r="AE26980">
        <v>84</v>
      </c>
      <c r="AF26980">
        <v>83</v>
      </c>
      <c r="AG26980">
        <v>83</v>
      </c>
      <c r="AH26980">
        <v>82</v>
      </c>
      <c r="AI26980">
        <v>82</v>
      </c>
      <c r="AJ26980">
        <v>81</v>
      </c>
      <c r="AK26980">
        <v>81</v>
      </c>
      <c r="AL26980">
        <v>80</v>
      </c>
      <c r="AM26980">
        <v>80</v>
      </c>
      <c r="AN26980">
        <v>79</v>
      </c>
      <c r="AO26980">
        <v>79</v>
      </c>
      <c r="AP26980">
        <v>79</v>
      </c>
      <c r="AQ26980">
        <v>78</v>
      </c>
    </row>
    <row r="26981" spans="1:43">
      <c r="A26981" t="s">
        <v>16691</v>
      </c>
      <c r="B26981" t="s">
        <v>16692</v>
      </c>
      <c r="C26981" t="s">
        <v>16693</v>
      </c>
      <c r="D26981" t="s">
        <v>16694</v>
      </c>
      <c r="E26981" t="s">
        <v>16695</v>
      </c>
      <c r="F26981" t="s">
        <v>16696</v>
      </c>
      <c r="G26981" t="s">
        <v>16559</v>
      </c>
      <c r="H26981" t="s">
        <v>16560</v>
      </c>
      <c r="I26981" s="2">
        <v>1</v>
      </c>
      <c r="J26981" s="2">
        <v>0</v>
      </c>
      <c r="K26981" s="2">
        <v>0</v>
      </c>
      <c r="L26981" t="s">
        <v>120</v>
      </c>
      <c r="M26981" t="s">
        <v>83</v>
      </c>
      <c r="N26981" t="s">
        <v>91</v>
      </c>
      <c r="O26981" t="s">
        <v>85</v>
      </c>
      <c r="P26981" t="s">
        <v>86</v>
      </c>
      <c r="Q26981">
        <v>74</v>
      </c>
      <c r="R26981">
        <v>75</v>
      </c>
      <c r="S26981">
        <v>75</v>
      </c>
      <c r="T26981">
        <v>76</v>
      </c>
      <c r="U26981">
        <v>76</v>
      </c>
      <c r="V26981">
        <v>77</v>
      </c>
      <c r="W26981">
        <v>77</v>
      </c>
      <c r="X26981">
        <v>77</v>
      </c>
      <c r="Y26981">
        <v>78</v>
      </c>
      <c r="Z26981">
        <v>78</v>
      </c>
      <c r="AA26981">
        <v>78</v>
      </c>
      <c r="AB26981">
        <v>78</v>
      </c>
      <c r="AC26981">
        <v>79</v>
      </c>
      <c r="AD26981">
        <v>79</v>
      </c>
      <c r="AE26981">
        <v>79</v>
      </c>
      <c r="AF26981">
        <v>79</v>
      </c>
      <c r="AG26981">
        <v>80</v>
      </c>
      <c r="AH26981">
        <v>80</v>
      </c>
      <c r="AI26981">
        <v>80</v>
      </c>
      <c r="AJ26981">
        <v>81</v>
      </c>
      <c r="AK26981">
        <v>81</v>
      </c>
      <c r="AL26981">
        <v>81</v>
      </c>
      <c r="AM26981">
        <v>80</v>
      </c>
      <c r="AN26981">
        <v>80</v>
      </c>
      <c r="AO26981">
        <v>79</v>
      </c>
      <c r="AP26981">
        <v>79</v>
      </c>
      <c r="AQ26981">
        <v>78</v>
      </c>
    </row>
    <row r="26982" spans="1:43">
      <c r="A26982" t="s">
        <v>16697</v>
      </c>
      <c r="B26982" t="s">
        <v>16698</v>
      </c>
      <c r="C26982" t="s">
        <v>16693</v>
      </c>
      <c r="D26982" t="s">
        <v>16694</v>
      </c>
      <c r="E26982" t="s">
        <v>16695</v>
      </c>
      <c r="F26982" t="s">
        <v>16696</v>
      </c>
      <c r="G26982" t="s">
        <v>16559</v>
      </c>
      <c r="H26982" t="s">
        <v>16560</v>
      </c>
      <c r="I26982" s="2">
        <v>1</v>
      </c>
      <c r="J26982" s="2">
        <v>0</v>
      </c>
      <c r="K26982" s="2">
        <v>0</v>
      </c>
      <c r="L26982" t="s">
        <v>120</v>
      </c>
      <c r="M26982" t="s">
        <v>83</v>
      </c>
      <c r="N26982" t="s">
        <v>84</v>
      </c>
      <c r="O26982" t="s">
        <v>85</v>
      </c>
      <c r="P26982" t="s">
        <v>86</v>
      </c>
      <c r="Q26982">
        <v>130</v>
      </c>
      <c r="R26982">
        <v>131</v>
      </c>
      <c r="S26982">
        <v>132</v>
      </c>
      <c r="T26982">
        <v>133</v>
      </c>
      <c r="U26982">
        <v>133</v>
      </c>
      <c r="V26982">
        <v>134</v>
      </c>
      <c r="W26982">
        <v>135</v>
      </c>
      <c r="X26982">
        <v>135</v>
      </c>
      <c r="Y26982">
        <v>136</v>
      </c>
      <c r="Z26982">
        <v>136</v>
      </c>
      <c r="AA26982">
        <v>137</v>
      </c>
      <c r="AB26982">
        <v>137</v>
      </c>
      <c r="AC26982">
        <v>137</v>
      </c>
      <c r="AD26982">
        <v>138</v>
      </c>
      <c r="AE26982">
        <v>138</v>
      </c>
      <c r="AF26982">
        <v>139</v>
      </c>
      <c r="AG26982">
        <v>139</v>
      </c>
      <c r="AH26982">
        <v>140</v>
      </c>
      <c r="AI26982">
        <v>140</v>
      </c>
      <c r="AJ26982">
        <v>140</v>
      </c>
      <c r="AK26982">
        <v>141</v>
      </c>
      <c r="AL26982">
        <v>140</v>
      </c>
      <c r="AM26982">
        <v>140</v>
      </c>
      <c r="AN26982">
        <v>139</v>
      </c>
      <c r="AO26982">
        <v>138</v>
      </c>
      <c r="AP26982">
        <v>137</v>
      </c>
      <c r="AQ26982">
        <v>136</v>
      </c>
    </row>
    <row r="26983" spans="1:43">
      <c r="A26983" t="s">
        <v>16697</v>
      </c>
      <c r="B26983" t="s">
        <v>16698</v>
      </c>
      <c r="C26983" t="s">
        <v>16693</v>
      </c>
      <c r="D26983" t="s">
        <v>16694</v>
      </c>
      <c r="E26983" t="s">
        <v>16695</v>
      </c>
      <c r="F26983" t="s">
        <v>16696</v>
      </c>
      <c r="G26983" t="s">
        <v>16559</v>
      </c>
      <c r="H26983" t="s">
        <v>16560</v>
      </c>
      <c r="I26983" s="2">
        <v>1</v>
      </c>
      <c r="J26983" s="2">
        <v>0</v>
      </c>
      <c r="K26983" s="2">
        <v>0</v>
      </c>
      <c r="L26983" t="s">
        <v>120</v>
      </c>
      <c r="M26983" t="s">
        <v>87</v>
      </c>
      <c r="N26983" t="s">
        <v>88</v>
      </c>
      <c r="O26983" t="s">
        <v>85</v>
      </c>
      <c r="P26983" t="s">
        <v>86</v>
      </c>
      <c r="Q26983">
        <v>130</v>
      </c>
      <c r="R26983">
        <v>130</v>
      </c>
      <c r="S26983">
        <v>129</v>
      </c>
      <c r="T26983">
        <v>129</v>
      </c>
      <c r="U26983">
        <v>128</v>
      </c>
      <c r="V26983">
        <v>128</v>
      </c>
      <c r="W26983">
        <v>127</v>
      </c>
      <c r="X26983">
        <v>127</v>
      </c>
      <c r="Y26983">
        <v>126</v>
      </c>
      <c r="Z26983">
        <v>126</v>
      </c>
      <c r="AA26983">
        <v>125</v>
      </c>
      <c r="AB26983">
        <v>125</v>
      </c>
      <c r="AC26983">
        <v>125</v>
      </c>
      <c r="AD26983">
        <v>124</v>
      </c>
      <c r="AE26983">
        <v>124</v>
      </c>
      <c r="AF26983">
        <v>123</v>
      </c>
      <c r="AG26983">
        <v>123</v>
      </c>
      <c r="AH26983">
        <v>122</v>
      </c>
      <c r="AI26983">
        <v>122</v>
      </c>
      <c r="AJ26983">
        <v>122</v>
      </c>
      <c r="AK26983">
        <v>121</v>
      </c>
      <c r="AL26983">
        <v>121</v>
      </c>
      <c r="AM26983">
        <v>121</v>
      </c>
      <c r="AN26983">
        <v>120</v>
      </c>
      <c r="AO26983">
        <v>120</v>
      </c>
      <c r="AP26983">
        <v>120</v>
      </c>
      <c r="AQ26983">
        <v>119</v>
      </c>
    </row>
    <row r="26984" spans="1:43">
      <c r="A26984" t="s">
        <v>16697</v>
      </c>
      <c r="B26984" t="s">
        <v>16698</v>
      </c>
      <c r="C26984" t="s">
        <v>16693</v>
      </c>
      <c r="D26984" t="s">
        <v>16694</v>
      </c>
      <c r="E26984" t="s">
        <v>16695</v>
      </c>
      <c r="F26984" t="s">
        <v>16696</v>
      </c>
      <c r="G26984" t="s">
        <v>16559</v>
      </c>
      <c r="H26984" t="s">
        <v>16560</v>
      </c>
      <c r="I26984" s="2">
        <v>1</v>
      </c>
      <c r="J26984" s="2">
        <v>0</v>
      </c>
      <c r="K26984" s="2">
        <v>0</v>
      </c>
      <c r="L26984" t="s">
        <v>120</v>
      </c>
      <c r="M26984" t="s">
        <v>89</v>
      </c>
      <c r="N26984" t="s">
        <v>90</v>
      </c>
      <c r="O26984" t="s">
        <v>85</v>
      </c>
      <c r="P26984" t="s">
        <v>86</v>
      </c>
      <c r="Q26984">
        <v>130</v>
      </c>
      <c r="R26984">
        <v>132</v>
      </c>
      <c r="S26984">
        <v>133</v>
      </c>
      <c r="T26984">
        <v>135</v>
      </c>
      <c r="U26984">
        <v>137</v>
      </c>
      <c r="V26984">
        <v>138</v>
      </c>
      <c r="W26984">
        <v>139</v>
      </c>
      <c r="X26984">
        <v>140</v>
      </c>
      <c r="Y26984">
        <v>141</v>
      </c>
      <c r="Z26984">
        <v>142</v>
      </c>
      <c r="AA26984">
        <v>143</v>
      </c>
      <c r="AB26984">
        <v>144</v>
      </c>
      <c r="AC26984">
        <v>145</v>
      </c>
      <c r="AD26984">
        <v>146</v>
      </c>
      <c r="AE26984">
        <v>146</v>
      </c>
      <c r="AF26984">
        <v>145</v>
      </c>
      <c r="AG26984">
        <v>144</v>
      </c>
      <c r="AH26984">
        <v>143</v>
      </c>
      <c r="AI26984">
        <v>142</v>
      </c>
      <c r="AJ26984">
        <v>141</v>
      </c>
      <c r="AK26984">
        <v>141</v>
      </c>
      <c r="AL26984">
        <v>140</v>
      </c>
      <c r="AM26984">
        <v>139</v>
      </c>
      <c r="AN26984">
        <v>138</v>
      </c>
      <c r="AO26984">
        <v>137</v>
      </c>
      <c r="AP26984">
        <v>136</v>
      </c>
      <c r="AQ26984">
        <v>136</v>
      </c>
    </row>
    <row r="26985" spans="1:43">
      <c r="A26985" t="s">
        <v>16697</v>
      </c>
      <c r="B26985" t="s">
        <v>16698</v>
      </c>
      <c r="C26985" t="s">
        <v>16693</v>
      </c>
      <c r="D26985" t="s">
        <v>16694</v>
      </c>
      <c r="E26985" t="s">
        <v>16695</v>
      </c>
      <c r="F26985" t="s">
        <v>16696</v>
      </c>
      <c r="G26985" t="s">
        <v>16559</v>
      </c>
      <c r="H26985" t="s">
        <v>16560</v>
      </c>
      <c r="I26985" s="2">
        <v>1</v>
      </c>
      <c r="J26985" s="2">
        <v>0</v>
      </c>
      <c r="K26985" s="2">
        <v>0</v>
      </c>
      <c r="L26985" t="s">
        <v>120</v>
      </c>
      <c r="M26985" t="s">
        <v>83</v>
      </c>
      <c r="N26985" t="s">
        <v>91</v>
      </c>
      <c r="O26985" t="s">
        <v>85</v>
      </c>
      <c r="P26985" t="s">
        <v>86</v>
      </c>
      <c r="Q26985">
        <v>130</v>
      </c>
      <c r="R26985">
        <v>131</v>
      </c>
      <c r="S26985">
        <v>132</v>
      </c>
      <c r="T26985">
        <v>133</v>
      </c>
      <c r="U26985">
        <v>133</v>
      </c>
      <c r="V26985">
        <v>134</v>
      </c>
      <c r="W26985">
        <v>135</v>
      </c>
      <c r="X26985">
        <v>135</v>
      </c>
      <c r="Y26985">
        <v>136</v>
      </c>
      <c r="Z26985">
        <v>136</v>
      </c>
      <c r="AA26985">
        <v>137</v>
      </c>
      <c r="AB26985">
        <v>137</v>
      </c>
      <c r="AC26985">
        <v>137</v>
      </c>
      <c r="AD26985">
        <v>138</v>
      </c>
      <c r="AE26985">
        <v>138</v>
      </c>
      <c r="AF26985">
        <v>139</v>
      </c>
      <c r="AG26985">
        <v>139</v>
      </c>
      <c r="AH26985">
        <v>140</v>
      </c>
      <c r="AI26985">
        <v>140</v>
      </c>
      <c r="AJ26985">
        <v>140</v>
      </c>
      <c r="AK26985">
        <v>141</v>
      </c>
      <c r="AL26985">
        <v>140</v>
      </c>
      <c r="AM26985">
        <v>140</v>
      </c>
      <c r="AN26985">
        <v>139</v>
      </c>
      <c r="AO26985">
        <v>138</v>
      </c>
      <c r="AP26985">
        <v>137</v>
      </c>
      <c r="AQ26985">
        <v>136</v>
      </c>
    </row>
    <row r="26986" spans="1:43">
      <c r="A26986" t="s">
        <v>16699</v>
      </c>
      <c r="B26986" t="s">
        <v>16700</v>
      </c>
      <c r="C26986" t="s">
        <v>16693</v>
      </c>
      <c r="D26986" t="s">
        <v>16694</v>
      </c>
      <c r="E26986" t="s">
        <v>16695</v>
      </c>
      <c r="F26986" t="s">
        <v>16696</v>
      </c>
      <c r="G26986" t="s">
        <v>16559</v>
      </c>
      <c r="H26986" t="s">
        <v>16560</v>
      </c>
      <c r="I26986" s="2">
        <v>1</v>
      </c>
      <c r="J26986" s="2">
        <v>0</v>
      </c>
      <c r="K26986" s="2">
        <v>0</v>
      </c>
      <c r="L26986" t="s">
        <v>120</v>
      </c>
      <c r="M26986" t="s">
        <v>83</v>
      </c>
      <c r="N26986" t="s">
        <v>84</v>
      </c>
      <c r="O26986" t="s">
        <v>85</v>
      </c>
      <c r="P26986" t="s">
        <v>86</v>
      </c>
      <c r="Q26986">
        <v>19</v>
      </c>
      <c r="R26986">
        <v>20</v>
      </c>
      <c r="S26986">
        <v>20</v>
      </c>
      <c r="T26986">
        <v>20</v>
      </c>
      <c r="U26986">
        <v>20</v>
      </c>
      <c r="V26986">
        <v>20</v>
      </c>
      <c r="W26986">
        <v>20</v>
      </c>
      <c r="X26986">
        <v>20</v>
      </c>
      <c r="Y26986">
        <v>20</v>
      </c>
      <c r="Z26986">
        <v>20</v>
      </c>
      <c r="AA26986">
        <v>20</v>
      </c>
      <c r="AB26986">
        <v>21</v>
      </c>
      <c r="AC26986">
        <v>21</v>
      </c>
      <c r="AD26986">
        <v>21</v>
      </c>
      <c r="AE26986">
        <v>21</v>
      </c>
      <c r="AF26986">
        <v>21</v>
      </c>
      <c r="AG26986">
        <v>21</v>
      </c>
      <c r="AH26986">
        <v>21</v>
      </c>
      <c r="AI26986">
        <v>21</v>
      </c>
      <c r="AJ26986">
        <v>21</v>
      </c>
      <c r="AK26986">
        <v>21</v>
      </c>
      <c r="AL26986">
        <v>21</v>
      </c>
      <c r="AM26986">
        <v>21</v>
      </c>
      <c r="AN26986">
        <v>21</v>
      </c>
      <c r="AO26986">
        <v>21</v>
      </c>
      <c r="AP26986">
        <v>21</v>
      </c>
      <c r="AQ26986">
        <v>21</v>
      </c>
    </row>
    <row r="26987" spans="1:43">
      <c r="A26987" t="s">
        <v>16699</v>
      </c>
      <c r="B26987" t="s">
        <v>16700</v>
      </c>
      <c r="C26987" t="s">
        <v>16693</v>
      </c>
      <c r="D26987" t="s">
        <v>16694</v>
      </c>
      <c r="E26987" t="s">
        <v>16695</v>
      </c>
      <c r="F26987" t="s">
        <v>16696</v>
      </c>
      <c r="G26987" t="s">
        <v>16559</v>
      </c>
      <c r="H26987" t="s">
        <v>16560</v>
      </c>
      <c r="I26987" s="2">
        <v>1</v>
      </c>
      <c r="J26987" s="2">
        <v>0</v>
      </c>
      <c r="K26987" s="2">
        <v>0</v>
      </c>
      <c r="L26987" t="s">
        <v>120</v>
      </c>
      <c r="M26987" t="s">
        <v>87</v>
      </c>
      <c r="N26987" t="s">
        <v>88</v>
      </c>
      <c r="O26987" t="s">
        <v>85</v>
      </c>
      <c r="P26987" t="s">
        <v>86</v>
      </c>
      <c r="Q26987">
        <v>19</v>
      </c>
      <c r="R26987">
        <v>19</v>
      </c>
      <c r="S26987">
        <v>19</v>
      </c>
      <c r="T26987">
        <v>19</v>
      </c>
      <c r="U26987">
        <v>19</v>
      </c>
      <c r="V26987">
        <v>19</v>
      </c>
      <c r="W26987">
        <v>19</v>
      </c>
      <c r="X26987">
        <v>19</v>
      </c>
      <c r="Y26987">
        <v>19</v>
      </c>
      <c r="Z26987">
        <v>19</v>
      </c>
      <c r="AA26987">
        <v>19</v>
      </c>
      <c r="AB26987">
        <v>19</v>
      </c>
      <c r="AC26987">
        <v>19</v>
      </c>
      <c r="AD26987">
        <v>19</v>
      </c>
      <c r="AE26987">
        <v>18</v>
      </c>
      <c r="AF26987">
        <v>18</v>
      </c>
      <c r="AG26987">
        <v>18</v>
      </c>
      <c r="AH26987">
        <v>18</v>
      </c>
      <c r="AI26987">
        <v>18</v>
      </c>
      <c r="AJ26987">
        <v>18</v>
      </c>
      <c r="AK26987">
        <v>18</v>
      </c>
      <c r="AL26987">
        <v>18</v>
      </c>
      <c r="AM26987">
        <v>18</v>
      </c>
      <c r="AN26987">
        <v>18</v>
      </c>
      <c r="AO26987">
        <v>18</v>
      </c>
      <c r="AP26987">
        <v>18</v>
      </c>
      <c r="AQ26987">
        <v>18</v>
      </c>
    </row>
    <row r="26988" spans="1:43">
      <c r="A26988" t="s">
        <v>16699</v>
      </c>
      <c r="B26988" t="s">
        <v>16700</v>
      </c>
      <c r="C26988" t="s">
        <v>16693</v>
      </c>
      <c r="D26988" t="s">
        <v>16694</v>
      </c>
      <c r="E26988" t="s">
        <v>16695</v>
      </c>
      <c r="F26988" t="s">
        <v>16696</v>
      </c>
      <c r="G26988" t="s">
        <v>16559</v>
      </c>
      <c r="H26988" t="s">
        <v>16560</v>
      </c>
      <c r="I26988" s="2">
        <v>1</v>
      </c>
      <c r="J26988" s="2">
        <v>0</v>
      </c>
      <c r="K26988" s="2">
        <v>0</v>
      </c>
      <c r="L26988" t="s">
        <v>120</v>
      </c>
      <c r="M26988" t="s">
        <v>89</v>
      </c>
      <c r="N26988" t="s">
        <v>90</v>
      </c>
      <c r="O26988" t="s">
        <v>85</v>
      </c>
      <c r="P26988" t="s">
        <v>86</v>
      </c>
      <c r="Q26988">
        <v>19</v>
      </c>
      <c r="R26988">
        <v>19</v>
      </c>
      <c r="S26988">
        <v>19</v>
      </c>
      <c r="T26988">
        <v>19</v>
      </c>
      <c r="U26988">
        <v>20</v>
      </c>
      <c r="V26988">
        <v>20</v>
      </c>
      <c r="W26988">
        <v>20</v>
      </c>
      <c r="X26988">
        <v>20</v>
      </c>
      <c r="Y26988">
        <v>20</v>
      </c>
      <c r="Z26988">
        <v>21</v>
      </c>
      <c r="AA26988">
        <v>21</v>
      </c>
      <c r="AB26988">
        <v>21</v>
      </c>
      <c r="AC26988">
        <v>21</v>
      </c>
      <c r="AD26988">
        <v>21</v>
      </c>
      <c r="AE26988">
        <v>21</v>
      </c>
      <c r="AF26988">
        <v>21</v>
      </c>
      <c r="AG26988">
        <v>21</v>
      </c>
      <c r="AH26988">
        <v>21</v>
      </c>
      <c r="AI26988">
        <v>21</v>
      </c>
      <c r="AJ26988">
        <v>21</v>
      </c>
      <c r="AK26988">
        <v>20</v>
      </c>
      <c r="AL26988">
        <v>20</v>
      </c>
      <c r="AM26988">
        <v>20</v>
      </c>
      <c r="AN26988">
        <v>20</v>
      </c>
      <c r="AO26988">
        <v>20</v>
      </c>
      <c r="AP26988">
        <v>20</v>
      </c>
      <c r="AQ26988">
        <v>20</v>
      </c>
    </row>
    <row r="26989" spans="1:43">
      <c r="A26989" t="s">
        <v>16699</v>
      </c>
      <c r="B26989" t="s">
        <v>16700</v>
      </c>
      <c r="C26989" t="s">
        <v>16693</v>
      </c>
      <c r="D26989" t="s">
        <v>16694</v>
      </c>
      <c r="E26989" t="s">
        <v>16695</v>
      </c>
      <c r="F26989" t="s">
        <v>16696</v>
      </c>
      <c r="G26989" t="s">
        <v>16559</v>
      </c>
      <c r="H26989" t="s">
        <v>16560</v>
      </c>
      <c r="I26989" s="2">
        <v>1</v>
      </c>
      <c r="J26989" s="2">
        <v>0</v>
      </c>
      <c r="K26989" s="2">
        <v>0</v>
      </c>
      <c r="L26989" t="s">
        <v>120</v>
      </c>
      <c r="M26989" t="s">
        <v>83</v>
      </c>
      <c r="N26989" t="s">
        <v>91</v>
      </c>
      <c r="O26989" t="s">
        <v>85</v>
      </c>
      <c r="P26989" t="s">
        <v>86</v>
      </c>
      <c r="Q26989">
        <v>19</v>
      </c>
      <c r="R26989">
        <v>20</v>
      </c>
      <c r="S26989">
        <v>20</v>
      </c>
      <c r="T26989">
        <v>20</v>
      </c>
      <c r="U26989">
        <v>20</v>
      </c>
      <c r="V26989">
        <v>20</v>
      </c>
      <c r="W26989">
        <v>20</v>
      </c>
      <c r="X26989">
        <v>20</v>
      </c>
      <c r="Y26989">
        <v>20</v>
      </c>
      <c r="Z26989">
        <v>20</v>
      </c>
      <c r="AA26989">
        <v>20</v>
      </c>
      <c r="AB26989">
        <v>21</v>
      </c>
      <c r="AC26989">
        <v>21</v>
      </c>
      <c r="AD26989">
        <v>21</v>
      </c>
      <c r="AE26989">
        <v>21</v>
      </c>
      <c r="AF26989">
        <v>21</v>
      </c>
      <c r="AG26989">
        <v>21</v>
      </c>
      <c r="AH26989">
        <v>21</v>
      </c>
      <c r="AI26989">
        <v>21</v>
      </c>
      <c r="AJ26989">
        <v>21</v>
      </c>
      <c r="AK26989">
        <v>21</v>
      </c>
      <c r="AL26989">
        <v>21</v>
      </c>
      <c r="AM26989">
        <v>21</v>
      </c>
      <c r="AN26989">
        <v>21</v>
      </c>
      <c r="AO26989">
        <v>21</v>
      </c>
      <c r="AP26989">
        <v>21</v>
      </c>
      <c r="AQ26989">
        <v>21</v>
      </c>
    </row>
    <row r="26990" spans="1:43">
      <c r="A26990" t="s">
        <v>16701</v>
      </c>
      <c r="B26990" t="s">
        <v>16702</v>
      </c>
      <c r="C26990" t="s">
        <v>16693</v>
      </c>
      <c r="D26990" t="s">
        <v>16694</v>
      </c>
      <c r="E26990" t="s">
        <v>16695</v>
      </c>
      <c r="F26990" t="s">
        <v>16696</v>
      </c>
      <c r="G26990" t="s">
        <v>16559</v>
      </c>
      <c r="H26990" t="s">
        <v>16560</v>
      </c>
      <c r="I26990" s="2">
        <v>1</v>
      </c>
      <c r="J26990" s="2">
        <v>0</v>
      </c>
      <c r="K26990" s="2">
        <v>0</v>
      </c>
      <c r="L26990" t="s">
        <v>120</v>
      </c>
      <c r="M26990" t="s">
        <v>83</v>
      </c>
      <c r="N26990" t="s">
        <v>84</v>
      </c>
      <c r="O26990" t="s">
        <v>85</v>
      </c>
      <c r="P26990" t="s">
        <v>86</v>
      </c>
      <c r="Q26990">
        <v>43</v>
      </c>
      <c r="R26990">
        <v>43</v>
      </c>
      <c r="S26990">
        <v>44</v>
      </c>
      <c r="T26990">
        <v>44</v>
      </c>
      <c r="U26990">
        <v>44</v>
      </c>
      <c r="V26990">
        <v>45</v>
      </c>
      <c r="W26990">
        <v>45</v>
      </c>
      <c r="X26990">
        <v>45</v>
      </c>
      <c r="Y26990">
        <v>45</v>
      </c>
      <c r="Z26990">
        <v>45</v>
      </c>
      <c r="AA26990">
        <v>45</v>
      </c>
      <c r="AB26990">
        <v>46</v>
      </c>
      <c r="AC26990">
        <v>46</v>
      </c>
      <c r="AD26990">
        <v>46</v>
      </c>
      <c r="AE26990">
        <v>46</v>
      </c>
      <c r="AF26990">
        <v>46</v>
      </c>
      <c r="AG26990">
        <v>47</v>
      </c>
      <c r="AH26990">
        <v>47</v>
      </c>
      <c r="AI26990">
        <v>47</v>
      </c>
      <c r="AJ26990">
        <v>47</v>
      </c>
      <c r="AK26990">
        <v>47</v>
      </c>
      <c r="AL26990">
        <v>47</v>
      </c>
      <c r="AM26990">
        <v>47</v>
      </c>
      <c r="AN26990">
        <v>47</v>
      </c>
      <c r="AO26990">
        <v>46</v>
      </c>
      <c r="AP26990">
        <v>46</v>
      </c>
      <c r="AQ26990">
        <v>46</v>
      </c>
    </row>
    <row r="26991" spans="1:43">
      <c r="A26991" t="s">
        <v>16701</v>
      </c>
      <c r="B26991" t="s">
        <v>16702</v>
      </c>
      <c r="C26991" t="s">
        <v>16693</v>
      </c>
      <c r="D26991" t="s">
        <v>16694</v>
      </c>
      <c r="E26991" t="s">
        <v>16695</v>
      </c>
      <c r="F26991" t="s">
        <v>16696</v>
      </c>
      <c r="G26991" t="s">
        <v>16559</v>
      </c>
      <c r="H26991" t="s">
        <v>16560</v>
      </c>
      <c r="I26991" s="2">
        <v>1</v>
      </c>
      <c r="J26991" s="2">
        <v>0</v>
      </c>
      <c r="K26991" s="2">
        <v>0</v>
      </c>
      <c r="L26991" t="s">
        <v>120</v>
      </c>
      <c r="M26991" t="s">
        <v>87</v>
      </c>
      <c r="N26991" t="s">
        <v>88</v>
      </c>
      <c r="O26991" t="s">
        <v>85</v>
      </c>
      <c r="P26991" t="s">
        <v>86</v>
      </c>
      <c r="Q26991">
        <v>43</v>
      </c>
      <c r="R26991">
        <v>43</v>
      </c>
      <c r="S26991">
        <v>43</v>
      </c>
      <c r="T26991">
        <v>42</v>
      </c>
      <c r="U26991">
        <v>42</v>
      </c>
      <c r="V26991">
        <v>42</v>
      </c>
      <c r="W26991">
        <v>42</v>
      </c>
      <c r="X26991">
        <v>42</v>
      </c>
      <c r="Y26991">
        <v>42</v>
      </c>
      <c r="Z26991">
        <v>42</v>
      </c>
      <c r="AA26991">
        <v>41</v>
      </c>
      <c r="AB26991">
        <v>41</v>
      </c>
      <c r="AC26991">
        <v>41</v>
      </c>
      <c r="AD26991">
        <v>41</v>
      </c>
      <c r="AE26991">
        <v>41</v>
      </c>
      <c r="AF26991">
        <v>41</v>
      </c>
      <c r="AG26991">
        <v>41</v>
      </c>
      <c r="AH26991">
        <v>41</v>
      </c>
      <c r="AI26991">
        <v>41</v>
      </c>
      <c r="AJ26991">
        <v>40</v>
      </c>
      <c r="AK26991">
        <v>40</v>
      </c>
      <c r="AL26991">
        <v>40</v>
      </c>
      <c r="AM26991">
        <v>40</v>
      </c>
      <c r="AN26991">
        <v>40</v>
      </c>
      <c r="AO26991">
        <v>40</v>
      </c>
      <c r="AP26991">
        <v>40</v>
      </c>
      <c r="AQ26991">
        <v>40</v>
      </c>
    </row>
    <row r="26992" spans="1:43">
      <c r="A26992" t="s">
        <v>16701</v>
      </c>
      <c r="B26992" t="s">
        <v>16702</v>
      </c>
      <c r="C26992" t="s">
        <v>16693</v>
      </c>
      <c r="D26992" t="s">
        <v>16694</v>
      </c>
      <c r="E26992" t="s">
        <v>16695</v>
      </c>
      <c r="F26992" t="s">
        <v>16696</v>
      </c>
      <c r="G26992" t="s">
        <v>16559</v>
      </c>
      <c r="H26992" t="s">
        <v>16560</v>
      </c>
      <c r="I26992" s="2">
        <v>1</v>
      </c>
      <c r="J26992" s="2">
        <v>0</v>
      </c>
      <c r="K26992" s="2">
        <v>0</v>
      </c>
      <c r="L26992" t="s">
        <v>120</v>
      </c>
      <c r="M26992" t="s">
        <v>89</v>
      </c>
      <c r="N26992" t="s">
        <v>90</v>
      </c>
      <c r="O26992" t="s">
        <v>85</v>
      </c>
      <c r="P26992" t="s">
        <v>86</v>
      </c>
      <c r="Q26992">
        <v>43</v>
      </c>
      <c r="R26992">
        <v>43</v>
      </c>
      <c r="S26992">
        <v>44</v>
      </c>
      <c r="T26992">
        <v>44</v>
      </c>
      <c r="U26992">
        <v>45</v>
      </c>
      <c r="V26992">
        <v>45</v>
      </c>
      <c r="W26992">
        <v>46</v>
      </c>
      <c r="X26992">
        <v>46</v>
      </c>
      <c r="Y26992">
        <v>47</v>
      </c>
      <c r="Z26992">
        <v>47</v>
      </c>
      <c r="AA26992">
        <v>47</v>
      </c>
      <c r="AB26992">
        <v>48</v>
      </c>
      <c r="AC26992">
        <v>48</v>
      </c>
      <c r="AD26992">
        <v>48</v>
      </c>
      <c r="AE26992">
        <v>49</v>
      </c>
      <c r="AF26992">
        <v>48</v>
      </c>
      <c r="AG26992">
        <v>48</v>
      </c>
      <c r="AH26992">
        <v>48</v>
      </c>
      <c r="AI26992">
        <v>47</v>
      </c>
      <c r="AJ26992">
        <v>47</v>
      </c>
      <c r="AK26992">
        <v>47</v>
      </c>
      <c r="AL26992">
        <v>47</v>
      </c>
      <c r="AM26992">
        <v>46</v>
      </c>
      <c r="AN26992">
        <v>46</v>
      </c>
      <c r="AO26992">
        <v>46</v>
      </c>
      <c r="AP26992">
        <v>46</v>
      </c>
      <c r="AQ26992">
        <v>45</v>
      </c>
    </row>
    <row r="26993" spans="1:43">
      <c r="A26993" t="s">
        <v>16701</v>
      </c>
      <c r="B26993" t="s">
        <v>16702</v>
      </c>
      <c r="C26993" t="s">
        <v>16693</v>
      </c>
      <c r="D26993" t="s">
        <v>16694</v>
      </c>
      <c r="E26993" t="s">
        <v>16695</v>
      </c>
      <c r="F26993" t="s">
        <v>16696</v>
      </c>
      <c r="G26993" t="s">
        <v>16559</v>
      </c>
      <c r="H26993" t="s">
        <v>16560</v>
      </c>
      <c r="I26993" s="2">
        <v>1</v>
      </c>
      <c r="J26993" s="2">
        <v>0</v>
      </c>
      <c r="K26993" s="2">
        <v>0</v>
      </c>
      <c r="L26993" t="s">
        <v>120</v>
      </c>
      <c r="M26993" t="s">
        <v>83</v>
      </c>
      <c r="N26993" t="s">
        <v>91</v>
      </c>
      <c r="O26993" t="s">
        <v>85</v>
      </c>
      <c r="P26993" t="s">
        <v>86</v>
      </c>
      <c r="Q26993">
        <v>43</v>
      </c>
      <c r="R26993">
        <v>43</v>
      </c>
      <c r="S26993">
        <v>44</v>
      </c>
      <c r="T26993">
        <v>44</v>
      </c>
      <c r="U26993">
        <v>44</v>
      </c>
      <c r="V26993">
        <v>45</v>
      </c>
      <c r="W26993">
        <v>45</v>
      </c>
      <c r="X26993">
        <v>45</v>
      </c>
      <c r="Y26993">
        <v>45</v>
      </c>
      <c r="Z26993">
        <v>45</v>
      </c>
      <c r="AA26993">
        <v>45</v>
      </c>
      <c r="AB26993">
        <v>46</v>
      </c>
      <c r="AC26993">
        <v>46</v>
      </c>
      <c r="AD26993">
        <v>46</v>
      </c>
      <c r="AE26993">
        <v>46</v>
      </c>
      <c r="AF26993">
        <v>46</v>
      </c>
      <c r="AG26993">
        <v>47</v>
      </c>
      <c r="AH26993">
        <v>47</v>
      </c>
      <c r="AI26993">
        <v>47</v>
      </c>
      <c r="AJ26993">
        <v>47</v>
      </c>
      <c r="AK26993">
        <v>47</v>
      </c>
      <c r="AL26993">
        <v>47</v>
      </c>
      <c r="AM26993">
        <v>47</v>
      </c>
      <c r="AN26993">
        <v>47</v>
      </c>
      <c r="AO26993">
        <v>46</v>
      </c>
      <c r="AP26993">
        <v>46</v>
      </c>
      <c r="AQ26993">
        <v>46</v>
      </c>
    </row>
    <row r="26994" spans="1:43">
      <c r="A26994" t="s">
        <v>16703</v>
      </c>
      <c r="B26994" t="s">
        <v>16704</v>
      </c>
      <c r="C26994" t="s">
        <v>16705</v>
      </c>
      <c r="D26994" t="s">
        <v>16706</v>
      </c>
      <c r="E26994" t="s">
        <v>16695</v>
      </c>
      <c r="F26994" t="s">
        <v>16696</v>
      </c>
      <c r="G26994" t="s">
        <v>16559</v>
      </c>
      <c r="H26994" t="s">
        <v>16560</v>
      </c>
      <c r="I26994" s="2">
        <v>1</v>
      </c>
      <c r="J26994" s="2">
        <v>0</v>
      </c>
      <c r="K26994" s="2">
        <v>0</v>
      </c>
      <c r="L26994" t="s">
        <v>120</v>
      </c>
      <c r="M26994" t="s">
        <v>83</v>
      </c>
      <c r="N26994" t="s">
        <v>84</v>
      </c>
      <c r="O26994" t="s">
        <v>85</v>
      </c>
      <c r="P26994" t="s">
        <v>86</v>
      </c>
      <c r="Q26994">
        <v>31</v>
      </c>
      <c r="R26994">
        <v>31</v>
      </c>
      <c r="S26994">
        <v>31</v>
      </c>
      <c r="T26994">
        <v>31</v>
      </c>
      <c r="U26994">
        <v>31</v>
      </c>
      <c r="V26994">
        <v>31</v>
      </c>
      <c r="W26994">
        <v>32</v>
      </c>
      <c r="X26994">
        <v>32</v>
      </c>
      <c r="Y26994">
        <v>32</v>
      </c>
      <c r="Z26994">
        <v>32</v>
      </c>
      <c r="AA26994">
        <v>32</v>
      </c>
      <c r="AB26994">
        <v>32</v>
      </c>
      <c r="AC26994">
        <v>32</v>
      </c>
      <c r="AD26994">
        <v>33</v>
      </c>
      <c r="AE26994">
        <v>33</v>
      </c>
      <c r="AF26994">
        <v>33</v>
      </c>
      <c r="AG26994">
        <v>33</v>
      </c>
      <c r="AH26994">
        <v>33</v>
      </c>
      <c r="AI26994">
        <v>33</v>
      </c>
      <c r="AJ26994">
        <v>33</v>
      </c>
      <c r="AK26994">
        <v>33</v>
      </c>
      <c r="AL26994">
        <v>33</v>
      </c>
      <c r="AM26994">
        <v>33</v>
      </c>
      <c r="AN26994">
        <v>33</v>
      </c>
      <c r="AO26994">
        <v>33</v>
      </c>
      <c r="AP26994">
        <v>33</v>
      </c>
      <c r="AQ26994">
        <v>33</v>
      </c>
    </row>
    <row r="26995" spans="1:43">
      <c r="A26995" t="s">
        <v>16703</v>
      </c>
      <c r="B26995" t="s">
        <v>16704</v>
      </c>
      <c r="C26995" t="s">
        <v>16705</v>
      </c>
      <c r="D26995" t="s">
        <v>16706</v>
      </c>
      <c r="E26995" t="s">
        <v>16695</v>
      </c>
      <c r="F26995" t="s">
        <v>16696</v>
      </c>
      <c r="G26995" t="s">
        <v>16559</v>
      </c>
      <c r="H26995" t="s">
        <v>16560</v>
      </c>
      <c r="I26995" s="2">
        <v>1</v>
      </c>
      <c r="J26995" s="2">
        <v>0</v>
      </c>
      <c r="K26995" s="2">
        <v>0</v>
      </c>
      <c r="L26995" t="s">
        <v>120</v>
      </c>
      <c r="M26995" t="s">
        <v>87</v>
      </c>
      <c r="N26995" t="s">
        <v>88</v>
      </c>
      <c r="O26995" t="s">
        <v>85</v>
      </c>
      <c r="P26995" t="s">
        <v>86</v>
      </c>
      <c r="Q26995">
        <v>31</v>
      </c>
      <c r="R26995">
        <v>31</v>
      </c>
      <c r="S26995">
        <v>31</v>
      </c>
      <c r="T26995">
        <v>31</v>
      </c>
      <c r="U26995">
        <v>31</v>
      </c>
      <c r="V26995">
        <v>31</v>
      </c>
      <c r="W26995">
        <v>31</v>
      </c>
      <c r="X26995">
        <v>31</v>
      </c>
      <c r="Y26995">
        <v>31</v>
      </c>
      <c r="Z26995">
        <v>30</v>
      </c>
      <c r="AA26995">
        <v>30</v>
      </c>
      <c r="AB26995">
        <v>30</v>
      </c>
      <c r="AC26995">
        <v>30</v>
      </c>
      <c r="AD26995">
        <v>30</v>
      </c>
      <c r="AE26995">
        <v>30</v>
      </c>
      <c r="AF26995">
        <v>30</v>
      </c>
      <c r="AG26995">
        <v>30</v>
      </c>
      <c r="AH26995">
        <v>30</v>
      </c>
      <c r="AI26995">
        <v>30</v>
      </c>
      <c r="AJ26995">
        <v>30</v>
      </c>
      <c r="AK26995">
        <v>30</v>
      </c>
      <c r="AL26995">
        <v>29</v>
      </c>
      <c r="AM26995">
        <v>29</v>
      </c>
      <c r="AN26995">
        <v>29</v>
      </c>
      <c r="AO26995">
        <v>29</v>
      </c>
      <c r="AP26995">
        <v>29</v>
      </c>
      <c r="AQ26995">
        <v>29</v>
      </c>
    </row>
    <row r="26996" spans="1:43">
      <c r="A26996" t="s">
        <v>16703</v>
      </c>
      <c r="B26996" t="s">
        <v>16704</v>
      </c>
      <c r="C26996" t="s">
        <v>16705</v>
      </c>
      <c r="D26996" t="s">
        <v>16706</v>
      </c>
      <c r="E26996" t="s">
        <v>16695</v>
      </c>
      <c r="F26996" t="s">
        <v>16696</v>
      </c>
      <c r="G26996" t="s">
        <v>16559</v>
      </c>
      <c r="H26996" t="s">
        <v>16560</v>
      </c>
      <c r="I26996" s="2">
        <v>1</v>
      </c>
      <c r="J26996" s="2">
        <v>0</v>
      </c>
      <c r="K26996" s="2">
        <v>0</v>
      </c>
      <c r="L26996" t="s">
        <v>120</v>
      </c>
      <c r="M26996" t="s">
        <v>89</v>
      </c>
      <c r="N26996" t="s">
        <v>90</v>
      </c>
      <c r="O26996" t="s">
        <v>85</v>
      </c>
      <c r="P26996" t="s">
        <v>86</v>
      </c>
      <c r="Q26996">
        <v>31</v>
      </c>
      <c r="R26996">
        <v>31</v>
      </c>
      <c r="S26996">
        <v>32</v>
      </c>
      <c r="T26996">
        <v>32</v>
      </c>
      <c r="U26996">
        <v>33</v>
      </c>
      <c r="V26996">
        <v>33</v>
      </c>
      <c r="W26996">
        <v>33</v>
      </c>
      <c r="X26996">
        <v>33</v>
      </c>
      <c r="Y26996">
        <v>34</v>
      </c>
      <c r="Z26996">
        <v>34</v>
      </c>
      <c r="AA26996">
        <v>34</v>
      </c>
      <c r="AB26996">
        <v>34</v>
      </c>
      <c r="AC26996">
        <v>35</v>
      </c>
      <c r="AD26996">
        <v>35</v>
      </c>
      <c r="AE26996">
        <v>35</v>
      </c>
      <c r="AF26996">
        <v>35</v>
      </c>
      <c r="AG26996">
        <v>35</v>
      </c>
      <c r="AH26996">
        <v>34</v>
      </c>
      <c r="AI26996">
        <v>34</v>
      </c>
      <c r="AJ26996">
        <v>34</v>
      </c>
      <c r="AK26996">
        <v>34</v>
      </c>
      <c r="AL26996">
        <v>34</v>
      </c>
      <c r="AM26996">
        <v>34</v>
      </c>
      <c r="AN26996">
        <v>33</v>
      </c>
      <c r="AO26996">
        <v>33</v>
      </c>
      <c r="AP26996">
        <v>33</v>
      </c>
      <c r="AQ26996">
        <v>33</v>
      </c>
    </row>
    <row r="26997" spans="1:43">
      <c r="A26997" t="s">
        <v>16703</v>
      </c>
      <c r="B26997" t="s">
        <v>16704</v>
      </c>
      <c r="C26997" t="s">
        <v>16705</v>
      </c>
      <c r="D26997" t="s">
        <v>16706</v>
      </c>
      <c r="E26997" t="s">
        <v>16695</v>
      </c>
      <c r="F26997" t="s">
        <v>16696</v>
      </c>
      <c r="G26997" t="s">
        <v>16559</v>
      </c>
      <c r="H26997" t="s">
        <v>16560</v>
      </c>
      <c r="I26997" s="2">
        <v>1</v>
      </c>
      <c r="J26997" s="2">
        <v>0</v>
      </c>
      <c r="K26997" s="2">
        <v>0</v>
      </c>
      <c r="L26997" t="s">
        <v>120</v>
      </c>
      <c r="M26997" t="s">
        <v>83</v>
      </c>
      <c r="N26997" t="s">
        <v>91</v>
      </c>
      <c r="O26997" t="s">
        <v>85</v>
      </c>
      <c r="P26997" t="s">
        <v>86</v>
      </c>
      <c r="Q26997">
        <v>31</v>
      </c>
      <c r="R26997">
        <v>31</v>
      </c>
      <c r="S26997">
        <v>31</v>
      </c>
      <c r="T26997">
        <v>31</v>
      </c>
      <c r="U26997">
        <v>31</v>
      </c>
      <c r="V26997">
        <v>31</v>
      </c>
      <c r="W26997">
        <v>32</v>
      </c>
      <c r="X26997">
        <v>32</v>
      </c>
      <c r="Y26997">
        <v>32</v>
      </c>
      <c r="Z26997">
        <v>32</v>
      </c>
      <c r="AA26997">
        <v>32</v>
      </c>
      <c r="AB26997">
        <v>32</v>
      </c>
      <c r="AC26997">
        <v>32</v>
      </c>
      <c r="AD26997">
        <v>33</v>
      </c>
      <c r="AE26997">
        <v>33</v>
      </c>
      <c r="AF26997">
        <v>33</v>
      </c>
      <c r="AG26997">
        <v>33</v>
      </c>
      <c r="AH26997">
        <v>33</v>
      </c>
      <c r="AI26997">
        <v>33</v>
      </c>
      <c r="AJ26997">
        <v>33</v>
      </c>
      <c r="AK26997">
        <v>33</v>
      </c>
      <c r="AL26997">
        <v>33</v>
      </c>
      <c r="AM26997">
        <v>33</v>
      </c>
      <c r="AN26997">
        <v>33</v>
      </c>
      <c r="AO26997">
        <v>33</v>
      </c>
      <c r="AP26997">
        <v>33</v>
      </c>
      <c r="AQ26997">
        <v>33</v>
      </c>
    </row>
    <row r="26998" spans="1:43">
      <c r="A26998" t="s">
        <v>16707</v>
      </c>
      <c r="B26998" t="s">
        <v>16708</v>
      </c>
      <c r="C26998" t="s">
        <v>16705</v>
      </c>
      <c r="D26998" t="s">
        <v>16706</v>
      </c>
      <c r="E26998" t="s">
        <v>16695</v>
      </c>
      <c r="F26998" t="s">
        <v>16696</v>
      </c>
      <c r="G26998" t="s">
        <v>16559</v>
      </c>
      <c r="H26998" t="s">
        <v>16560</v>
      </c>
      <c r="I26998" s="2">
        <v>1</v>
      </c>
      <c r="J26998" s="2">
        <v>0</v>
      </c>
      <c r="K26998" s="2">
        <v>0</v>
      </c>
      <c r="L26998" t="s">
        <v>120</v>
      </c>
      <c r="M26998" t="s">
        <v>83</v>
      </c>
      <c r="N26998" t="s">
        <v>84</v>
      </c>
      <c r="O26998" t="s">
        <v>85</v>
      </c>
      <c r="P26998" t="s">
        <v>86</v>
      </c>
      <c r="Q26998">
        <v>20</v>
      </c>
      <c r="R26998">
        <v>20</v>
      </c>
      <c r="S26998">
        <v>20</v>
      </c>
      <c r="T26998">
        <v>20</v>
      </c>
      <c r="U26998">
        <v>20</v>
      </c>
      <c r="V26998">
        <v>20</v>
      </c>
      <c r="W26998">
        <v>20</v>
      </c>
      <c r="X26998">
        <v>21</v>
      </c>
      <c r="Y26998">
        <v>21</v>
      </c>
      <c r="Z26998">
        <v>21</v>
      </c>
      <c r="AA26998">
        <v>21</v>
      </c>
      <c r="AB26998">
        <v>21</v>
      </c>
      <c r="AC26998">
        <v>21</v>
      </c>
      <c r="AD26998">
        <v>21</v>
      </c>
      <c r="AE26998">
        <v>21</v>
      </c>
      <c r="AF26998">
        <v>21</v>
      </c>
      <c r="AG26998">
        <v>21</v>
      </c>
      <c r="AH26998">
        <v>21</v>
      </c>
      <c r="AI26998">
        <v>21</v>
      </c>
      <c r="AJ26998">
        <v>21</v>
      </c>
      <c r="AK26998">
        <v>22</v>
      </c>
      <c r="AL26998">
        <v>22</v>
      </c>
      <c r="AM26998">
        <v>21</v>
      </c>
      <c r="AN26998">
        <v>21</v>
      </c>
      <c r="AO26998">
        <v>21</v>
      </c>
      <c r="AP26998">
        <v>21</v>
      </c>
      <c r="AQ26998">
        <v>21</v>
      </c>
    </row>
    <row r="26999" spans="1:43">
      <c r="A26999" t="s">
        <v>16707</v>
      </c>
      <c r="B26999" t="s">
        <v>16708</v>
      </c>
      <c r="C26999" t="s">
        <v>16705</v>
      </c>
      <c r="D26999" t="s">
        <v>16706</v>
      </c>
      <c r="E26999" t="s">
        <v>16695</v>
      </c>
      <c r="F26999" t="s">
        <v>16696</v>
      </c>
      <c r="G26999" t="s">
        <v>16559</v>
      </c>
      <c r="H26999" t="s">
        <v>16560</v>
      </c>
      <c r="I26999" s="2">
        <v>1</v>
      </c>
      <c r="J26999" s="2">
        <v>0</v>
      </c>
      <c r="K26999" s="2">
        <v>0</v>
      </c>
      <c r="L26999" t="s">
        <v>120</v>
      </c>
      <c r="M26999" t="s">
        <v>87</v>
      </c>
      <c r="N26999" t="s">
        <v>88</v>
      </c>
      <c r="O26999" t="s">
        <v>85</v>
      </c>
      <c r="P26999" t="s">
        <v>86</v>
      </c>
      <c r="Q26999">
        <v>20</v>
      </c>
      <c r="R26999">
        <v>19</v>
      </c>
      <c r="S26999">
        <v>19</v>
      </c>
      <c r="T26999">
        <v>19</v>
      </c>
      <c r="U26999">
        <v>19</v>
      </c>
      <c r="V26999">
        <v>19</v>
      </c>
      <c r="W26999">
        <v>19</v>
      </c>
      <c r="X26999">
        <v>19</v>
      </c>
      <c r="Y26999">
        <v>19</v>
      </c>
      <c r="Z26999">
        <v>19</v>
      </c>
      <c r="AA26999">
        <v>19</v>
      </c>
      <c r="AB26999">
        <v>19</v>
      </c>
      <c r="AC26999">
        <v>19</v>
      </c>
      <c r="AD26999">
        <v>19</v>
      </c>
      <c r="AE26999">
        <v>19</v>
      </c>
      <c r="AF26999">
        <v>19</v>
      </c>
      <c r="AG26999">
        <v>19</v>
      </c>
      <c r="AH26999">
        <v>19</v>
      </c>
      <c r="AI26999">
        <v>19</v>
      </c>
      <c r="AJ26999">
        <v>18</v>
      </c>
      <c r="AK26999">
        <v>18</v>
      </c>
      <c r="AL26999">
        <v>18</v>
      </c>
      <c r="AM26999">
        <v>18</v>
      </c>
      <c r="AN26999">
        <v>18</v>
      </c>
      <c r="AO26999">
        <v>18</v>
      </c>
      <c r="AP26999">
        <v>18</v>
      </c>
      <c r="AQ26999">
        <v>18</v>
      </c>
    </row>
    <row r="27000" spans="1:43">
      <c r="A27000" t="s">
        <v>16707</v>
      </c>
      <c r="B27000" t="s">
        <v>16708</v>
      </c>
      <c r="C27000" t="s">
        <v>16705</v>
      </c>
      <c r="D27000" t="s">
        <v>16706</v>
      </c>
      <c r="E27000" t="s">
        <v>16695</v>
      </c>
      <c r="F27000" t="s">
        <v>16696</v>
      </c>
      <c r="G27000" t="s">
        <v>16559</v>
      </c>
      <c r="H27000" t="s">
        <v>16560</v>
      </c>
      <c r="I27000" s="2">
        <v>1</v>
      </c>
      <c r="J27000" s="2">
        <v>0</v>
      </c>
      <c r="K27000" s="2">
        <v>0</v>
      </c>
      <c r="L27000" t="s">
        <v>120</v>
      </c>
      <c r="M27000" t="s">
        <v>89</v>
      </c>
      <c r="N27000" t="s">
        <v>90</v>
      </c>
      <c r="O27000" t="s">
        <v>85</v>
      </c>
      <c r="P27000" t="s">
        <v>86</v>
      </c>
      <c r="Q27000">
        <v>20</v>
      </c>
      <c r="R27000">
        <v>20</v>
      </c>
      <c r="S27000">
        <v>20</v>
      </c>
      <c r="T27000">
        <v>21</v>
      </c>
      <c r="U27000">
        <v>21</v>
      </c>
      <c r="V27000">
        <v>21</v>
      </c>
      <c r="W27000">
        <v>21</v>
      </c>
      <c r="X27000">
        <v>22</v>
      </c>
      <c r="Y27000">
        <v>22</v>
      </c>
      <c r="Z27000">
        <v>22</v>
      </c>
      <c r="AA27000">
        <v>22</v>
      </c>
      <c r="AB27000">
        <v>22</v>
      </c>
      <c r="AC27000">
        <v>22</v>
      </c>
      <c r="AD27000">
        <v>23</v>
      </c>
      <c r="AE27000">
        <v>23</v>
      </c>
      <c r="AF27000">
        <v>22</v>
      </c>
      <c r="AG27000">
        <v>22</v>
      </c>
      <c r="AH27000">
        <v>22</v>
      </c>
      <c r="AI27000">
        <v>22</v>
      </c>
      <c r="AJ27000">
        <v>22</v>
      </c>
      <c r="AK27000">
        <v>22</v>
      </c>
      <c r="AL27000">
        <v>22</v>
      </c>
      <c r="AM27000">
        <v>22</v>
      </c>
      <c r="AN27000">
        <v>22</v>
      </c>
      <c r="AO27000">
        <v>21</v>
      </c>
      <c r="AP27000">
        <v>21</v>
      </c>
      <c r="AQ27000">
        <v>21</v>
      </c>
    </row>
    <row r="27001" spans="1:43">
      <c r="A27001" t="s">
        <v>16707</v>
      </c>
      <c r="B27001" t="s">
        <v>16708</v>
      </c>
      <c r="C27001" t="s">
        <v>16705</v>
      </c>
      <c r="D27001" t="s">
        <v>16706</v>
      </c>
      <c r="E27001" t="s">
        <v>16695</v>
      </c>
      <c r="F27001" t="s">
        <v>16696</v>
      </c>
      <c r="G27001" t="s">
        <v>16559</v>
      </c>
      <c r="H27001" t="s">
        <v>16560</v>
      </c>
      <c r="I27001" s="2">
        <v>1</v>
      </c>
      <c r="J27001" s="2">
        <v>0</v>
      </c>
      <c r="K27001" s="2">
        <v>0</v>
      </c>
      <c r="L27001" t="s">
        <v>120</v>
      </c>
      <c r="M27001" t="s">
        <v>83</v>
      </c>
      <c r="N27001" t="s">
        <v>91</v>
      </c>
      <c r="O27001" t="s">
        <v>85</v>
      </c>
      <c r="P27001" t="s">
        <v>86</v>
      </c>
      <c r="Q27001">
        <v>20</v>
      </c>
      <c r="R27001">
        <v>20</v>
      </c>
      <c r="S27001">
        <v>20</v>
      </c>
      <c r="T27001">
        <v>20</v>
      </c>
      <c r="U27001">
        <v>20</v>
      </c>
      <c r="V27001">
        <v>20</v>
      </c>
      <c r="W27001">
        <v>20</v>
      </c>
      <c r="X27001">
        <v>21</v>
      </c>
      <c r="Y27001">
        <v>21</v>
      </c>
      <c r="Z27001">
        <v>21</v>
      </c>
      <c r="AA27001">
        <v>21</v>
      </c>
      <c r="AB27001">
        <v>21</v>
      </c>
      <c r="AC27001">
        <v>21</v>
      </c>
      <c r="AD27001">
        <v>21</v>
      </c>
      <c r="AE27001">
        <v>21</v>
      </c>
      <c r="AF27001">
        <v>21</v>
      </c>
      <c r="AG27001">
        <v>21</v>
      </c>
      <c r="AH27001">
        <v>21</v>
      </c>
      <c r="AI27001">
        <v>21</v>
      </c>
      <c r="AJ27001">
        <v>21</v>
      </c>
      <c r="AK27001">
        <v>22</v>
      </c>
      <c r="AL27001">
        <v>22</v>
      </c>
      <c r="AM27001">
        <v>21</v>
      </c>
      <c r="AN27001">
        <v>21</v>
      </c>
      <c r="AO27001">
        <v>21</v>
      </c>
      <c r="AP27001">
        <v>21</v>
      </c>
      <c r="AQ27001">
        <v>21</v>
      </c>
    </row>
    <row r="27002" spans="1:43">
      <c r="A27002" t="s">
        <v>16709</v>
      </c>
      <c r="B27002" t="s">
        <v>16710</v>
      </c>
      <c r="C27002" t="s">
        <v>16705</v>
      </c>
      <c r="D27002" t="s">
        <v>16706</v>
      </c>
      <c r="E27002" t="s">
        <v>16695</v>
      </c>
      <c r="F27002" t="s">
        <v>16696</v>
      </c>
      <c r="G27002" t="s">
        <v>16559</v>
      </c>
      <c r="H27002" t="s">
        <v>16560</v>
      </c>
      <c r="I27002" s="2">
        <v>1</v>
      </c>
      <c r="J27002" s="2">
        <v>0</v>
      </c>
      <c r="K27002" s="2">
        <v>0</v>
      </c>
      <c r="L27002" t="s">
        <v>120</v>
      </c>
      <c r="M27002" t="s">
        <v>83</v>
      </c>
      <c r="N27002" t="s">
        <v>84</v>
      </c>
      <c r="O27002" t="s">
        <v>85</v>
      </c>
      <c r="P27002" t="s">
        <v>86</v>
      </c>
      <c r="Q27002">
        <v>12</v>
      </c>
      <c r="R27002">
        <v>12</v>
      </c>
      <c r="S27002">
        <v>12</v>
      </c>
      <c r="T27002">
        <v>12</v>
      </c>
      <c r="U27002">
        <v>12</v>
      </c>
      <c r="V27002">
        <v>12</v>
      </c>
      <c r="W27002">
        <v>12</v>
      </c>
      <c r="X27002">
        <v>12</v>
      </c>
      <c r="Y27002">
        <v>13</v>
      </c>
      <c r="Z27002">
        <v>13</v>
      </c>
      <c r="AA27002">
        <v>13</v>
      </c>
      <c r="AB27002">
        <v>13</v>
      </c>
      <c r="AC27002">
        <v>13</v>
      </c>
      <c r="AD27002">
        <v>13</v>
      </c>
      <c r="AE27002">
        <v>13</v>
      </c>
      <c r="AF27002">
        <v>13</v>
      </c>
      <c r="AG27002">
        <v>13</v>
      </c>
      <c r="AH27002">
        <v>13</v>
      </c>
      <c r="AI27002">
        <v>13</v>
      </c>
      <c r="AJ27002">
        <v>13</v>
      </c>
      <c r="AK27002">
        <v>13</v>
      </c>
      <c r="AL27002">
        <v>13</v>
      </c>
      <c r="AM27002">
        <v>13</v>
      </c>
      <c r="AN27002">
        <v>13</v>
      </c>
      <c r="AO27002">
        <v>13</v>
      </c>
      <c r="AP27002">
        <v>13</v>
      </c>
      <c r="AQ27002">
        <v>13</v>
      </c>
    </row>
    <row r="27003" spans="1:43">
      <c r="A27003" t="s">
        <v>16709</v>
      </c>
      <c r="B27003" t="s">
        <v>16710</v>
      </c>
      <c r="C27003" t="s">
        <v>16705</v>
      </c>
      <c r="D27003" t="s">
        <v>16706</v>
      </c>
      <c r="E27003" t="s">
        <v>16695</v>
      </c>
      <c r="F27003" t="s">
        <v>16696</v>
      </c>
      <c r="G27003" t="s">
        <v>16559</v>
      </c>
      <c r="H27003" t="s">
        <v>16560</v>
      </c>
      <c r="I27003" s="2">
        <v>1</v>
      </c>
      <c r="J27003" s="2">
        <v>0</v>
      </c>
      <c r="K27003" s="2">
        <v>0</v>
      </c>
      <c r="L27003" t="s">
        <v>120</v>
      </c>
      <c r="M27003" t="s">
        <v>87</v>
      </c>
      <c r="N27003" t="s">
        <v>88</v>
      </c>
      <c r="O27003" t="s">
        <v>85</v>
      </c>
      <c r="P27003" t="s">
        <v>86</v>
      </c>
      <c r="Q27003">
        <v>12</v>
      </c>
      <c r="R27003">
        <v>12</v>
      </c>
      <c r="S27003">
        <v>12</v>
      </c>
      <c r="T27003">
        <v>12</v>
      </c>
      <c r="U27003">
        <v>12</v>
      </c>
      <c r="V27003">
        <v>12</v>
      </c>
      <c r="W27003">
        <v>12</v>
      </c>
      <c r="X27003">
        <v>12</v>
      </c>
      <c r="Y27003">
        <v>12</v>
      </c>
      <c r="Z27003">
        <v>12</v>
      </c>
      <c r="AA27003">
        <v>12</v>
      </c>
      <c r="AB27003">
        <v>12</v>
      </c>
      <c r="AC27003">
        <v>11</v>
      </c>
      <c r="AD27003">
        <v>11</v>
      </c>
      <c r="AE27003">
        <v>11</v>
      </c>
      <c r="AF27003">
        <v>11</v>
      </c>
      <c r="AG27003">
        <v>11</v>
      </c>
      <c r="AH27003">
        <v>11</v>
      </c>
      <c r="AI27003">
        <v>11</v>
      </c>
      <c r="AJ27003">
        <v>11</v>
      </c>
      <c r="AK27003">
        <v>11</v>
      </c>
      <c r="AL27003">
        <v>11</v>
      </c>
      <c r="AM27003">
        <v>11</v>
      </c>
      <c r="AN27003">
        <v>11</v>
      </c>
      <c r="AO27003">
        <v>11</v>
      </c>
      <c r="AP27003">
        <v>11</v>
      </c>
      <c r="AQ27003">
        <v>11</v>
      </c>
    </row>
    <row r="27004" spans="1:43">
      <c r="A27004" t="s">
        <v>16709</v>
      </c>
      <c r="B27004" t="s">
        <v>16710</v>
      </c>
      <c r="C27004" t="s">
        <v>16705</v>
      </c>
      <c r="D27004" t="s">
        <v>16706</v>
      </c>
      <c r="E27004" t="s">
        <v>16695</v>
      </c>
      <c r="F27004" t="s">
        <v>16696</v>
      </c>
      <c r="G27004" t="s">
        <v>16559</v>
      </c>
      <c r="H27004" t="s">
        <v>16560</v>
      </c>
      <c r="I27004" s="2">
        <v>1</v>
      </c>
      <c r="J27004" s="2">
        <v>0</v>
      </c>
      <c r="K27004" s="2">
        <v>0</v>
      </c>
      <c r="L27004" t="s">
        <v>120</v>
      </c>
      <c r="M27004" t="s">
        <v>89</v>
      </c>
      <c r="N27004" t="s">
        <v>90</v>
      </c>
      <c r="O27004" t="s">
        <v>85</v>
      </c>
      <c r="P27004" t="s">
        <v>86</v>
      </c>
      <c r="Q27004">
        <v>12</v>
      </c>
      <c r="R27004">
        <v>12</v>
      </c>
      <c r="S27004">
        <v>12</v>
      </c>
      <c r="T27004">
        <v>13</v>
      </c>
      <c r="U27004">
        <v>13</v>
      </c>
      <c r="V27004">
        <v>13</v>
      </c>
      <c r="W27004">
        <v>13</v>
      </c>
      <c r="X27004">
        <v>13</v>
      </c>
      <c r="Y27004">
        <v>13</v>
      </c>
      <c r="Z27004">
        <v>13</v>
      </c>
      <c r="AA27004">
        <v>13</v>
      </c>
      <c r="AB27004">
        <v>13</v>
      </c>
      <c r="AC27004">
        <v>14</v>
      </c>
      <c r="AD27004">
        <v>14</v>
      </c>
      <c r="AE27004">
        <v>14</v>
      </c>
      <c r="AF27004">
        <v>14</v>
      </c>
      <c r="AG27004">
        <v>14</v>
      </c>
      <c r="AH27004">
        <v>13</v>
      </c>
      <c r="AI27004">
        <v>13</v>
      </c>
      <c r="AJ27004">
        <v>13</v>
      </c>
      <c r="AK27004">
        <v>13</v>
      </c>
      <c r="AL27004">
        <v>13</v>
      </c>
      <c r="AM27004">
        <v>13</v>
      </c>
      <c r="AN27004">
        <v>13</v>
      </c>
      <c r="AO27004">
        <v>13</v>
      </c>
      <c r="AP27004">
        <v>13</v>
      </c>
      <c r="AQ27004">
        <v>13</v>
      </c>
    </row>
    <row r="27005" spans="1:43">
      <c r="A27005" t="s">
        <v>16709</v>
      </c>
      <c r="B27005" t="s">
        <v>16710</v>
      </c>
      <c r="C27005" t="s">
        <v>16705</v>
      </c>
      <c r="D27005" t="s">
        <v>16706</v>
      </c>
      <c r="E27005" t="s">
        <v>16695</v>
      </c>
      <c r="F27005" t="s">
        <v>16696</v>
      </c>
      <c r="G27005" t="s">
        <v>16559</v>
      </c>
      <c r="H27005" t="s">
        <v>16560</v>
      </c>
      <c r="I27005" s="2">
        <v>1</v>
      </c>
      <c r="J27005" s="2">
        <v>0</v>
      </c>
      <c r="K27005" s="2">
        <v>0</v>
      </c>
      <c r="L27005" t="s">
        <v>120</v>
      </c>
      <c r="M27005" t="s">
        <v>83</v>
      </c>
      <c r="N27005" t="s">
        <v>91</v>
      </c>
      <c r="O27005" t="s">
        <v>85</v>
      </c>
      <c r="P27005" t="s">
        <v>86</v>
      </c>
      <c r="Q27005">
        <v>12</v>
      </c>
      <c r="R27005">
        <v>12</v>
      </c>
      <c r="S27005">
        <v>12</v>
      </c>
      <c r="T27005">
        <v>12</v>
      </c>
      <c r="U27005">
        <v>12</v>
      </c>
      <c r="V27005">
        <v>12</v>
      </c>
      <c r="W27005">
        <v>12</v>
      </c>
      <c r="X27005">
        <v>12</v>
      </c>
      <c r="Y27005">
        <v>13</v>
      </c>
      <c r="Z27005">
        <v>13</v>
      </c>
      <c r="AA27005">
        <v>13</v>
      </c>
      <c r="AB27005">
        <v>13</v>
      </c>
      <c r="AC27005">
        <v>13</v>
      </c>
      <c r="AD27005">
        <v>13</v>
      </c>
      <c r="AE27005">
        <v>13</v>
      </c>
      <c r="AF27005">
        <v>13</v>
      </c>
      <c r="AG27005">
        <v>13</v>
      </c>
      <c r="AH27005">
        <v>13</v>
      </c>
      <c r="AI27005">
        <v>13</v>
      </c>
      <c r="AJ27005">
        <v>13</v>
      </c>
      <c r="AK27005">
        <v>13</v>
      </c>
      <c r="AL27005">
        <v>13</v>
      </c>
      <c r="AM27005">
        <v>13</v>
      </c>
      <c r="AN27005">
        <v>13</v>
      </c>
      <c r="AO27005">
        <v>13</v>
      </c>
      <c r="AP27005">
        <v>13</v>
      </c>
      <c r="AQ27005">
        <v>13</v>
      </c>
    </row>
    <row r="27006" spans="1:43">
      <c r="A27006" t="s">
        <v>16711</v>
      </c>
      <c r="B27006" t="s">
        <v>16712</v>
      </c>
      <c r="C27006" t="s">
        <v>16713</v>
      </c>
      <c r="D27006" t="s">
        <v>16714</v>
      </c>
      <c r="E27006" t="s">
        <v>16695</v>
      </c>
      <c r="F27006" t="s">
        <v>16696</v>
      </c>
      <c r="G27006" t="s">
        <v>16559</v>
      </c>
      <c r="H27006" t="s">
        <v>16560</v>
      </c>
      <c r="I27006" s="2">
        <v>1</v>
      </c>
      <c r="J27006" s="2">
        <v>0</v>
      </c>
      <c r="K27006" s="2">
        <v>0</v>
      </c>
      <c r="L27006" t="s">
        <v>120</v>
      </c>
      <c r="M27006" t="s">
        <v>83</v>
      </c>
      <c r="N27006" t="s">
        <v>84</v>
      </c>
      <c r="O27006" t="s">
        <v>85</v>
      </c>
      <c r="P27006" t="s">
        <v>86</v>
      </c>
      <c r="Q27006">
        <v>49</v>
      </c>
      <c r="R27006">
        <v>49</v>
      </c>
      <c r="S27006">
        <v>49</v>
      </c>
      <c r="T27006">
        <v>50</v>
      </c>
      <c r="U27006">
        <v>50</v>
      </c>
      <c r="V27006">
        <v>50</v>
      </c>
      <c r="W27006">
        <v>50</v>
      </c>
      <c r="X27006">
        <v>51</v>
      </c>
      <c r="Y27006">
        <v>51</v>
      </c>
      <c r="Z27006">
        <v>51</v>
      </c>
      <c r="AA27006">
        <v>51</v>
      </c>
      <c r="AB27006">
        <v>51</v>
      </c>
      <c r="AC27006">
        <v>52</v>
      </c>
      <c r="AD27006">
        <v>52</v>
      </c>
      <c r="AE27006">
        <v>52</v>
      </c>
      <c r="AF27006">
        <v>52</v>
      </c>
      <c r="AG27006">
        <v>52</v>
      </c>
      <c r="AH27006">
        <v>53</v>
      </c>
      <c r="AI27006">
        <v>53</v>
      </c>
      <c r="AJ27006">
        <v>53</v>
      </c>
      <c r="AK27006">
        <v>53</v>
      </c>
      <c r="AL27006">
        <v>53</v>
      </c>
      <c r="AM27006">
        <v>53</v>
      </c>
      <c r="AN27006">
        <v>52</v>
      </c>
      <c r="AO27006">
        <v>52</v>
      </c>
      <c r="AP27006">
        <v>52</v>
      </c>
      <c r="AQ27006">
        <v>52</v>
      </c>
    </row>
    <row r="27007" spans="1:43">
      <c r="A27007" t="s">
        <v>16711</v>
      </c>
      <c r="B27007" t="s">
        <v>16712</v>
      </c>
      <c r="C27007" t="s">
        <v>16713</v>
      </c>
      <c r="D27007" t="s">
        <v>16714</v>
      </c>
      <c r="E27007" t="s">
        <v>16695</v>
      </c>
      <c r="F27007" t="s">
        <v>16696</v>
      </c>
      <c r="G27007" t="s">
        <v>16559</v>
      </c>
      <c r="H27007" t="s">
        <v>16560</v>
      </c>
      <c r="I27007" s="2">
        <v>1</v>
      </c>
      <c r="J27007" s="2">
        <v>0</v>
      </c>
      <c r="K27007" s="2">
        <v>0</v>
      </c>
      <c r="L27007" t="s">
        <v>120</v>
      </c>
      <c r="M27007" t="s">
        <v>87</v>
      </c>
      <c r="N27007" t="s">
        <v>88</v>
      </c>
      <c r="O27007" t="s">
        <v>85</v>
      </c>
      <c r="P27007" t="s">
        <v>86</v>
      </c>
      <c r="Q27007">
        <v>49</v>
      </c>
      <c r="R27007">
        <v>49</v>
      </c>
      <c r="S27007">
        <v>49</v>
      </c>
      <c r="T27007">
        <v>49</v>
      </c>
      <c r="U27007">
        <v>49</v>
      </c>
      <c r="V27007">
        <v>49</v>
      </c>
      <c r="W27007">
        <v>48</v>
      </c>
      <c r="X27007">
        <v>48</v>
      </c>
      <c r="Y27007">
        <v>48</v>
      </c>
      <c r="Z27007">
        <v>48</v>
      </c>
      <c r="AA27007">
        <v>48</v>
      </c>
      <c r="AB27007">
        <v>48</v>
      </c>
      <c r="AC27007">
        <v>47</v>
      </c>
      <c r="AD27007">
        <v>47</v>
      </c>
      <c r="AE27007">
        <v>47</v>
      </c>
      <c r="AF27007">
        <v>47</v>
      </c>
      <c r="AG27007">
        <v>47</v>
      </c>
      <c r="AH27007">
        <v>47</v>
      </c>
      <c r="AI27007">
        <v>47</v>
      </c>
      <c r="AJ27007">
        <v>46</v>
      </c>
      <c r="AK27007">
        <v>46</v>
      </c>
      <c r="AL27007">
        <v>46</v>
      </c>
      <c r="AM27007">
        <v>46</v>
      </c>
      <c r="AN27007">
        <v>46</v>
      </c>
      <c r="AO27007">
        <v>46</v>
      </c>
      <c r="AP27007">
        <v>46</v>
      </c>
      <c r="AQ27007">
        <v>46</v>
      </c>
    </row>
    <row r="27008" spans="1:43">
      <c r="A27008" t="s">
        <v>16711</v>
      </c>
      <c r="B27008" t="s">
        <v>16712</v>
      </c>
      <c r="C27008" t="s">
        <v>16713</v>
      </c>
      <c r="D27008" t="s">
        <v>16714</v>
      </c>
      <c r="E27008" t="s">
        <v>16695</v>
      </c>
      <c r="F27008" t="s">
        <v>16696</v>
      </c>
      <c r="G27008" t="s">
        <v>16559</v>
      </c>
      <c r="H27008" t="s">
        <v>16560</v>
      </c>
      <c r="I27008" s="2">
        <v>1</v>
      </c>
      <c r="J27008" s="2">
        <v>0</v>
      </c>
      <c r="K27008" s="2">
        <v>0</v>
      </c>
      <c r="L27008" t="s">
        <v>120</v>
      </c>
      <c r="M27008" t="s">
        <v>89</v>
      </c>
      <c r="N27008" t="s">
        <v>90</v>
      </c>
      <c r="O27008" t="s">
        <v>85</v>
      </c>
      <c r="P27008" t="s">
        <v>86</v>
      </c>
      <c r="Q27008">
        <v>49</v>
      </c>
      <c r="R27008">
        <v>50</v>
      </c>
      <c r="S27008">
        <v>51</v>
      </c>
      <c r="T27008">
        <v>51</v>
      </c>
      <c r="U27008">
        <v>52</v>
      </c>
      <c r="V27008">
        <v>52</v>
      </c>
      <c r="W27008">
        <v>53</v>
      </c>
      <c r="X27008">
        <v>53</v>
      </c>
      <c r="Y27008">
        <v>54</v>
      </c>
      <c r="Z27008">
        <v>54</v>
      </c>
      <c r="AA27008">
        <v>55</v>
      </c>
      <c r="AB27008">
        <v>55</v>
      </c>
      <c r="AC27008">
        <v>55</v>
      </c>
      <c r="AD27008">
        <v>56</v>
      </c>
      <c r="AE27008">
        <v>56</v>
      </c>
      <c r="AF27008">
        <v>55</v>
      </c>
      <c r="AG27008">
        <v>55</v>
      </c>
      <c r="AH27008">
        <v>55</v>
      </c>
      <c r="AI27008">
        <v>54</v>
      </c>
      <c r="AJ27008">
        <v>54</v>
      </c>
      <c r="AK27008">
        <v>54</v>
      </c>
      <c r="AL27008">
        <v>54</v>
      </c>
      <c r="AM27008">
        <v>53</v>
      </c>
      <c r="AN27008">
        <v>53</v>
      </c>
      <c r="AO27008">
        <v>53</v>
      </c>
      <c r="AP27008">
        <v>52</v>
      </c>
      <c r="AQ27008">
        <v>52</v>
      </c>
    </row>
    <row r="27009" spans="1:43">
      <c r="A27009" t="s">
        <v>16711</v>
      </c>
      <c r="B27009" t="s">
        <v>16712</v>
      </c>
      <c r="C27009" t="s">
        <v>16713</v>
      </c>
      <c r="D27009" t="s">
        <v>16714</v>
      </c>
      <c r="E27009" t="s">
        <v>16695</v>
      </c>
      <c r="F27009" t="s">
        <v>16696</v>
      </c>
      <c r="G27009" t="s">
        <v>16559</v>
      </c>
      <c r="H27009" t="s">
        <v>16560</v>
      </c>
      <c r="I27009" s="2">
        <v>1</v>
      </c>
      <c r="J27009" s="2">
        <v>0</v>
      </c>
      <c r="K27009" s="2">
        <v>0</v>
      </c>
      <c r="L27009" t="s">
        <v>120</v>
      </c>
      <c r="M27009" t="s">
        <v>83</v>
      </c>
      <c r="N27009" t="s">
        <v>91</v>
      </c>
      <c r="O27009" t="s">
        <v>85</v>
      </c>
      <c r="P27009" t="s">
        <v>86</v>
      </c>
      <c r="Q27009">
        <v>49</v>
      </c>
      <c r="R27009">
        <v>49</v>
      </c>
      <c r="S27009">
        <v>49</v>
      </c>
      <c r="T27009">
        <v>50</v>
      </c>
      <c r="U27009">
        <v>50</v>
      </c>
      <c r="V27009">
        <v>50</v>
      </c>
      <c r="W27009">
        <v>50</v>
      </c>
      <c r="X27009">
        <v>51</v>
      </c>
      <c r="Y27009">
        <v>51</v>
      </c>
      <c r="Z27009">
        <v>51</v>
      </c>
      <c r="AA27009">
        <v>51</v>
      </c>
      <c r="AB27009">
        <v>51</v>
      </c>
      <c r="AC27009">
        <v>52</v>
      </c>
      <c r="AD27009">
        <v>52</v>
      </c>
      <c r="AE27009">
        <v>52</v>
      </c>
      <c r="AF27009">
        <v>52</v>
      </c>
      <c r="AG27009">
        <v>52</v>
      </c>
      <c r="AH27009">
        <v>53</v>
      </c>
      <c r="AI27009">
        <v>53</v>
      </c>
      <c r="AJ27009">
        <v>53</v>
      </c>
      <c r="AK27009">
        <v>53</v>
      </c>
      <c r="AL27009">
        <v>53</v>
      </c>
      <c r="AM27009">
        <v>53</v>
      </c>
      <c r="AN27009">
        <v>52</v>
      </c>
      <c r="AO27009">
        <v>52</v>
      </c>
      <c r="AP27009">
        <v>52</v>
      </c>
      <c r="AQ27009">
        <v>52</v>
      </c>
    </row>
    <row r="27010" spans="1:43">
      <c r="A27010" t="s">
        <v>16715</v>
      </c>
      <c r="B27010" t="s">
        <v>16716</v>
      </c>
      <c r="C27010" t="s">
        <v>16717</v>
      </c>
      <c r="D27010" t="s">
        <v>16718</v>
      </c>
      <c r="E27010" t="s">
        <v>16695</v>
      </c>
      <c r="F27010" t="s">
        <v>16696</v>
      </c>
      <c r="G27010" t="s">
        <v>16559</v>
      </c>
      <c r="H27010" t="s">
        <v>16560</v>
      </c>
      <c r="I27010" s="2">
        <v>1</v>
      </c>
      <c r="J27010" s="2">
        <v>0</v>
      </c>
      <c r="K27010" s="2">
        <v>0</v>
      </c>
      <c r="L27010" t="s">
        <v>120</v>
      </c>
      <c r="M27010" t="s">
        <v>83</v>
      </c>
      <c r="N27010" t="s">
        <v>84</v>
      </c>
      <c r="O27010" t="s">
        <v>85</v>
      </c>
      <c r="P27010" t="s">
        <v>86</v>
      </c>
      <c r="Q27010">
        <v>42</v>
      </c>
      <c r="R27010">
        <v>42</v>
      </c>
      <c r="S27010">
        <v>42</v>
      </c>
      <c r="T27010">
        <v>43</v>
      </c>
      <c r="U27010">
        <v>43</v>
      </c>
      <c r="V27010">
        <v>43</v>
      </c>
      <c r="W27010">
        <v>43</v>
      </c>
      <c r="X27010">
        <v>43</v>
      </c>
      <c r="Y27010">
        <v>44</v>
      </c>
      <c r="Z27010">
        <v>44</v>
      </c>
      <c r="AA27010">
        <v>44</v>
      </c>
      <c r="AB27010">
        <v>44</v>
      </c>
      <c r="AC27010">
        <v>44</v>
      </c>
      <c r="AD27010">
        <v>45</v>
      </c>
      <c r="AE27010">
        <v>45</v>
      </c>
      <c r="AF27010">
        <v>45</v>
      </c>
      <c r="AG27010">
        <v>45</v>
      </c>
      <c r="AH27010">
        <v>45</v>
      </c>
      <c r="AI27010">
        <v>45</v>
      </c>
      <c r="AJ27010">
        <v>46</v>
      </c>
      <c r="AK27010">
        <v>46</v>
      </c>
      <c r="AL27010">
        <v>46</v>
      </c>
      <c r="AM27010">
        <v>46</v>
      </c>
      <c r="AN27010">
        <v>45</v>
      </c>
      <c r="AO27010">
        <v>45</v>
      </c>
      <c r="AP27010">
        <v>45</v>
      </c>
      <c r="AQ27010">
        <v>45</v>
      </c>
    </row>
    <row r="27011" spans="1:43">
      <c r="A27011" t="s">
        <v>16715</v>
      </c>
      <c r="B27011" t="s">
        <v>16716</v>
      </c>
      <c r="C27011" t="s">
        <v>16717</v>
      </c>
      <c r="D27011" t="s">
        <v>16718</v>
      </c>
      <c r="E27011" t="s">
        <v>16695</v>
      </c>
      <c r="F27011" t="s">
        <v>16696</v>
      </c>
      <c r="G27011" t="s">
        <v>16559</v>
      </c>
      <c r="H27011" t="s">
        <v>16560</v>
      </c>
      <c r="I27011" s="2">
        <v>1</v>
      </c>
      <c r="J27011" s="2">
        <v>0</v>
      </c>
      <c r="K27011" s="2">
        <v>0</v>
      </c>
      <c r="L27011" t="s">
        <v>120</v>
      </c>
      <c r="M27011" t="s">
        <v>87</v>
      </c>
      <c r="N27011" t="s">
        <v>88</v>
      </c>
      <c r="O27011" t="s">
        <v>85</v>
      </c>
      <c r="P27011" t="s">
        <v>86</v>
      </c>
      <c r="Q27011">
        <v>42</v>
      </c>
      <c r="R27011">
        <v>42</v>
      </c>
      <c r="S27011">
        <v>42</v>
      </c>
      <c r="T27011">
        <v>42</v>
      </c>
      <c r="U27011">
        <v>42</v>
      </c>
      <c r="V27011">
        <v>42</v>
      </c>
      <c r="W27011">
        <v>42</v>
      </c>
      <c r="X27011">
        <v>42</v>
      </c>
      <c r="Y27011">
        <v>41</v>
      </c>
      <c r="Z27011">
        <v>41</v>
      </c>
      <c r="AA27011">
        <v>41</v>
      </c>
      <c r="AB27011">
        <v>41</v>
      </c>
      <c r="AC27011">
        <v>41</v>
      </c>
      <c r="AD27011">
        <v>41</v>
      </c>
      <c r="AE27011">
        <v>41</v>
      </c>
      <c r="AF27011">
        <v>41</v>
      </c>
      <c r="AG27011">
        <v>41</v>
      </c>
      <c r="AH27011">
        <v>40</v>
      </c>
      <c r="AI27011">
        <v>40</v>
      </c>
      <c r="AJ27011">
        <v>40</v>
      </c>
      <c r="AK27011">
        <v>40</v>
      </c>
      <c r="AL27011">
        <v>40</v>
      </c>
      <c r="AM27011">
        <v>40</v>
      </c>
      <c r="AN27011">
        <v>40</v>
      </c>
      <c r="AO27011">
        <v>40</v>
      </c>
      <c r="AP27011">
        <v>40</v>
      </c>
      <c r="AQ27011">
        <v>40</v>
      </c>
    </row>
    <row r="27012" spans="1:43">
      <c r="A27012" t="s">
        <v>16715</v>
      </c>
      <c r="B27012" t="s">
        <v>16716</v>
      </c>
      <c r="C27012" t="s">
        <v>16717</v>
      </c>
      <c r="D27012" t="s">
        <v>16718</v>
      </c>
      <c r="E27012" t="s">
        <v>16695</v>
      </c>
      <c r="F27012" t="s">
        <v>16696</v>
      </c>
      <c r="G27012" t="s">
        <v>16559</v>
      </c>
      <c r="H27012" t="s">
        <v>16560</v>
      </c>
      <c r="I27012" s="2">
        <v>1</v>
      </c>
      <c r="J27012" s="2">
        <v>0</v>
      </c>
      <c r="K27012" s="2">
        <v>0</v>
      </c>
      <c r="L27012" t="s">
        <v>120</v>
      </c>
      <c r="M27012" t="s">
        <v>89</v>
      </c>
      <c r="N27012" t="s">
        <v>90</v>
      </c>
      <c r="O27012" t="s">
        <v>85</v>
      </c>
      <c r="P27012" t="s">
        <v>86</v>
      </c>
      <c r="Q27012">
        <v>42</v>
      </c>
      <c r="R27012">
        <v>43</v>
      </c>
      <c r="S27012">
        <v>43</v>
      </c>
      <c r="T27012">
        <v>44</v>
      </c>
      <c r="U27012">
        <v>45</v>
      </c>
      <c r="V27012">
        <v>45</v>
      </c>
      <c r="W27012">
        <v>45</v>
      </c>
      <c r="X27012">
        <v>46</v>
      </c>
      <c r="Y27012">
        <v>46</v>
      </c>
      <c r="Z27012">
        <v>47</v>
      </c>
      <c r="AA27012">
        <v>47</v>
      </c>
      <c r="AB27012">
        <v>47</v>
      </c>
      <c r="AC27012">
        <v>48</v>
      </c>
      <c r="AD27012">
        <v>48</v>
      </c>
      <c r="AE27012">
        <v>48</v>
      </c>
      <c r="AF27012">
        <v>48</v>
      </c>
      <c r="AG27012">
        <v>47</v>
      </c>
      <c r="AH27012">
        <v>47</v>
      </c>
      <c r="AI27012">
        <v>47</v>
      </c>
      <c r="AJ27012">
        <v>47</v>
      </c>
      <c r="AK27012">
        <v>46</v>
      </c>
      <c r="AL27012">
        <v>46</v>
      </c>
      <c r="AM27012">
        <v>46</v>
      </c>
      <c r="AN27012">
        <v>46</v>
      </c>
      <c r="AO27012">
        <v>46</v>
      </c>
      <c r="AP27012">
        <v>45</v>
      </c>
      <c r="AQ27012">
        <v>45</v>
      </c>
    </row>
    <row r="27013" spans="1:43">
      <c r="A27013" t="s">
        <v>16715</v>
      </c>
      <c r="B27013" t="s">
        <v>16716</v>
      </c>
      <c r="C27013" t="s">
        <v>16717</v>
      </c>
      <c r="D27013" t="s">
        <v>16718</v>
      </c>
      <c r="E27013" t="s">
        <v>16695</v>
      </c>
      <c r="F27013" t="s">
        <v>16696</v>
      </c>
      <c r="G27013" t="s">
        <v>16559</v>
      </c>
      <c r="H27013" t="s">
        <v>16560</v>
      </c>
      <c r="I27013" s="2">
        <v>1</v>
      </c>
      <c r="J27013" s="2">
        <v>0</v>
      </c>
      <c r="K27013" s="2">
        <v>0</v>
      </c>
      <c r="L27013" t="s">
        <v>120</v>
      </c>
      <c r="M27013" t="s">
        <v>83</v>
      </c>
      <c r="N27013" t="s">
        <v>91</v>
      </c>
      <c r="O27013" t="s">
        <v>85</v>
      </c>
      <c r="P27013" t="s">
        <v>86</v>
      </c>
      <c r="Q27013">
        <v>42</v>
      </c>
      <c r="R27013">
        <v>42</v>
      </c>
      <c r="S27013">
        <v>42</v>
      </c>
      <c r="T27013">
        <v>43</v>
      </c>
      <c r="U27013">
        <v>43</v>
      </c>
      <c r="V27013">
        <v>43</v>
      </c>
      <c r="W27013">
        <v>43</v>
      </c>
      <c r="X27013">
        <v>43</v>
      </c>
      <c r="Y27013">
        <v>44</v>
      </c>
      <c r="Z27013">
        <v>44</v>
      </c>
      <c r="AA27013">
        <v>44</v>
      </c>
      <c r="AB27013">
        <v>44</v>
      </c>
      <c r="AC27013">
        <v>44</v>
      </c>
      <c r="AD27013">
        <v>45</v>
      </c>
      <c r="AE27013">
        <v>45</v>
      </c>
      <c r="AF27013">
        <v>45</v>
      </c>
      <c r="AG27013">
        <v>45</v>
      </c>
      <c r="AH27013">
        <v>45</v>
      </c>
      <c r="AI27013">
        <v>45</v>
      </c>
      <c r="AJ27013">
        <v>46</v>
      </c>
      <c r="AK27013">
        <v>46</v>
      </c>
      <c r="AL27013">
        <v>46</v>
      </c>
      <c r="AM27013">
        <v>46</v>
      </c>
      <c r="AN27013">
        <v>45</v>
      </c>
      <c r="AO27013">
        <v>45</v>
      </c>
      <c r="AP27013">
        <v>45</v>
      </c>
      <c r="AQ27013">
        <v>45</v>
      </c>
    </row>
    <row r="27014" spans="1:43">
      <c r="A27014" t="s">
        <v>16719</v>
      </c>
      <c r="B27014" t="s">
        <v>16720</v>
      </c>
      <c r="C27014" t="s">
        <v>16721</v>
      </c>
      <c r="D27014" t="s">
        <v>16722</v>
      </c>
      <c r="E27014" t="s">
        <v>16695</v>
      </c>
      <c r="F27014" t="s">
        <v>16696</v>
      </c>
      <c r="G27014" t="s">
        <v>16559</v>
      </c>
      <c r="H27014" t="s">
        <v>16560</v>
      </c>
      <c r="I27014" s="2">
        <v>1</v>
      </c>
      <c r="J27014" s="2">
        <v>0</v>
      </c>
      <c r="K27014" s="2">
        <v>0</v>
      </c>
      <c r="L27014" t="s">
        <v>120</v>
      </c>
      <c r="M27014" t="s">
        <v>83</v>
      </c>
      <c r="N27014" t="s">
        <v>84</v>
      </c>
      <c r="O27014" t="s">
        <v>85</v>
      </c>
      <c r="P27014" t="s">
        <v>86</v>
      </c>
      <c r="Q27014">
        <v>25</v>
      </c>
      <c r="R27014">
        <v>25</v>
      </c>
      <c r="S27014">
        <v>25</v>
      </c>
      <c r="T27014">
        <v>25</v>
      </c>
      <c r="U27014">
        <v>26</v>
      </c>
      <c r="V27014">
        <v>26</v>
      </c>
      <c r="W27014">
        <v>26</v>
      </c>
      <c r="X27014">
        <v>26</v>
      </c>
      <c r="Y27014">
        <v>26</v>
      </c>
      <c r="Z27014">
        <v>26</v>
      </c>
      <c r="AA27014">
        <v>26</v>
      </c>
      <c r="AB27014">
        <v>26</v>
      </c>
      <c r="AC27014">
        <v>26</v>
      </c>
      <c r="AD27014">
        <v>27</v>
      </c>
      <c r="AE27014">
        <v>27</v>
      </c>
      <c r="AF27014">
        <v>27</v>
      </c>
      <c r="AG27014">
        <v>27</v>
      </c>
      <c r="AH27014">
        <v>27</v>
      </c>
      <c r="AI27014">
        <v>27</v>
      </c>
      <c r="AJ27014">
        <v>27</v>
      </c>
      <c r="AK27014">
        <v>27</v>
      </c>
      <c r="AL27014">
        <v>27</v>
      </c>
      <c r="AM27014">
        <v>27</v>
      </c>
      <c r="AN27014">
        <v>27</v>
      </c>
      <c r="AO27014">
        <v>27</v>
      </c>
      <c r="AP27014">
        <v>27</v>
      </c>
      <c r="AQ27014">
        <v>27</v>
      </c>
    </row>
    <row r="27015" spans="1:43">
      <c r="A27015" t="s">
        <v>16719</v>
      </c>
      <c r="B27015" t="s">
        <v>16720</v>
      </c>
      <c r="C27015" t="s">
        <v>16721</v>
      </c>
      <c r="D27015" t="s">
        <v>16722</v>
      </c>
      <c r="E27015" t="s">
        <v>16695</v>
      </c>
      <c r="F27015" t="s">
        <v>16696</v>
      </c>
      <c r="G27015" t="s">
        <v>16559</v>
      </c>
      <c r="H27015" t="s">
        <v>16560</v>
      </c>
      <c r="I27015" s="2">
        <v>1</v>
      </c>
      <c r="J27015" s="2">
        <v>0</v>
      </c>
      <c r="K27015" s="2">
        <v>0</v>
      </c>
      <c r="L27015" t="s">
        <v>120</v>
      </c>
      <c r="M27015" t="s">
        <v>87</v>
      </c>
      <c r="N27015" t="s">
        <v>88</v>
      </c>
      <c r="O27015" t="s">
        <v>85</v>
      </c>
      <c r="P27015" t="s">
        <v>86</v>
      </c>
      <c r="Q27015">
        <v>25</v>
      </c>
      <c r="R27015">
        <v>25</v>
      </c>
      <c r="S27015">
        <v>25</v>
      </c>
      <c r="T27015">
        <v>25</v>
      </c>
      <c r="U27015">
        <v>24</v>
      </c>
      <c r="V27015">
        <v>24</v>
      </c>
      <c r="W27015">
        <v>24</v>
      </c>
      <c r="X27015">
        <v>24</v>
      </c>
      <c r="Y27015">
        <v>24</v>
      </c>
      <c r="Z27015">
        <v>24</v>
      </c>
      <c r="AA27015">
        <v>24</v>
      </c>
      <c r="AB27015">
        <v>24</v>
      </c>
      <c r="AC27015">
        <v>24</v>
      </c>
      <c r="AD27015">
        <v>24</v>
      </c>
      <c r="AE27015">
        <v>24</v>
      </c>
      <c r="AF27015">
        <v>24</v>
      </c>
      <c r="AG27015">
        <v>24</v>
      </c>
      <c r="AH27015">
        <v>24</v>
      </c>
      <c r="AI27015">
        <v>23</v>
      </c>
      <c r="AJ27015">
        <v>23</v>
      </c>
      <c r="AK27015">
        <v>23</v>
      </c>
      <c r="AL27015">
        <v>23</v>
      </c>
      <c r="AM27015">
        <v>23</v>
      </c>
      <c r="AN27015">
        <v>23</v>
      </c>
      <c r="AO27015">
        <v>23</v>
      </c>
      <c r="AP27015">
        <v>23</v>
      </c>
      <c r="AQ27015">
        <v>23</v>
      </c>
    </row>
    <row r="27016" spans="1:43">
      <c r="A27016" t="s">
        <v>16719</v>
      </c>
      <c r="B27016" t="s">
        <v>16720</v>
      </c>
      <c r="C27016" t="s">
        <v>16721</v>
      </c>
      <c r="D27016" t="s">
        <v>16722</v>
      </c>
      <c r="E27016" t="s">
        <v>16695</v>
      </c>
      <c r="F27016" t="s">
        <v>16696</v>
      </c>
      <c r="G27016" t="s">
        <v>16559</v>
      </c>
      <c r="H27016" t="s">
        <v>16560</v>
      </c>
      <c r="I27016" s="2">
        <v>1</v>
      </c>
      <c r="J27016" s="2">
        <v>0</v>
      </c>
      <c r="K27016" s="2">
        <v>0</v>
      </c>
      <c r="L27016" t="s">
        <v>120</v>
      </c>
      <c r="M27016" t="s">
        <v>89</v>
      </c>
      <c r="N27016" t="s">
        <v>90</v>
      </c>
      <c r="O27016" t="s">
        <v>85</v>
      </c>
      <c r="P27016" t="s">
        <v>86</v>
      </c>
      <c r="Q27016">
        <v>25</v>
      </c>
      <c r="R27016">
        <v>26</v>
      </c>
      <c r="S27016">
        <v>26</v>
      </c>
      <c r="T27016">
        <v>26</v>
      </c>
      <c r="U27016">
        <v>27</v>
      </c>
      <c r="V27016">
        <v>27</v>
      </c>
      <c r="W27016">
        <v>27</v>
      </c>
      <c r="X27016">
        <v>27</v>
      </c>
      <c r="Y27016">
        <v>28</v>
      </c>
      <c r="Z27016">
        <v>28</v>
      </c>
      <c r="AA27016">
        <v>28</v>
      </c>
      <c r="AB27016">
        <v>28</v>
      </c>
      <c r="AC27016">
        <v>28</v>
      </c>
      <c r="AD27016">
        <v>29</v>
      </c>
      <c r="AE27016">
        <v>29</v>
      </c>
      <c r="AF27016">
        <v>28</v>
      </c>
      <c r="AG27016">
        <v>28</v>
      </c>
      <c r="AH27016">
        <v>28</v>
      </c>
      <c r="AI27016">
        <v>28</v>
      </c>
      <c r="AJ27016">
        <v>28</v>
      </c>
      <c r="AK27016">
        <v>28</v>
      </c>
      <c r="AL27016">
        <v>27</v>
      </c>
      <c r="AM27016">
        <v>27</v>
      </c>
      <c r="AN27016">
        <v>27</v>
      </c>
      <c r="AO27016">
        <v>27</v>
      </c>
      <c r="AP27016">
        <v>27</v>
      </c>
      <c r="AQ27016">
        <v>27</v>
      </c>
    </row>
    <row r="27017" spans="1:43">
      <c r="A27017" t="s">
        <v>16719</v>
      </c>
      <c r="B27017" t="s">
        <v>16720</v>
      </c>
      <c r="C27017" t="s">
        <v>16721</v>
      </c>
      <c r="D27017" t="s">
        <v>16722</v>
      </c>
      <c r="E27017" t="s">
        <v>16695</v>
      </c>
      <c r="F27017" t="s">
        <v>16696</v>
      </c>
      <c r="G27017" t="s">
        <v>16559</v>
      </c>
      <c r="H27017" t="s">
        <v>16560</v>
      </c>
      <c r="I27017" s="2">
        <v>1</v>
      </c>
      <c r="J27017" s="2">
        <v>0</v>
      </c>
      <c r="K27017" s="2">
        <v>0</v>
      </c>
      <c r="L27017" t="s">
        <v>120</v>
      </c>
      <c r="M27017" t="s">
        <v>83</v>
      </c>
      <c r="N27017" t="s">
        <v>91</v>
      </c>
      <c r="O27017" t="s">
        <v>85</v>
      </c>
      <c r="P27017" t="s">
        <v>86</v>
      </c>
      <c r="Q27017">
        <v>25</v>
      </c>
      <c r="R27017">
        <v>25</v>
      </c>
      <c r="S27017">
        <v>25</v>
      </c>
      <c r="T27017">
        <v>25</v>
      </c>
      <c r="U27017">
        <v>26</v>
      </c>
      <c r="V27017">
        <v>26</v>
      </c>
      <c r="W27017">
        <v>26</v>
      </c>
      <c r="X27017">
        <v>26</v>
      </c>
      <c r="Y27017">
        <v>26</v>
      </c>
      <c r="Z27017">
        <v>26</v>
      </c>
      <c r="AA27017">
        <v>26</v>
      </c>
      <c r="AB27017">
        <v>26</v>
      </c>
      <c r="AC27017">
        <v>26</v>
      </c>
      <c r="AD27017">
        <v>27</v>
      </c>
      <c r="AE27017">
        <v>27</v>
      </c>
      <c r="AF27017">
        <v>27</v>
      </c>
      <c r="AG27017">
        <v>27</v>
      </c>
      <c r="AH27017">
        <v>27</v>
      </c>
      <c r="AI27017">
        <v>27</v>
      </c>
      <c r="AJ27017">
        <v>27</v>
      </c>
      <c r="AK27017">
        <v>27</v>
      </c>
      <c r="AL27017">
        <v>27</v>
      </c>
      <c r="AM27017">
        <v>27</v>
      </c>
      <c r="AN27017">
        <v>27</v>
      </c>
      <c r="AO27017">
        <v>27</v>
      </c>
      <c r="AP27017">
        <v>27</v>
      </c>
      <c r="AQ27017">
        <v>27</v>
      </c>
    </row>
    <row r="27018" spans="1:43">
      <c r="A27018" t="s">
        <v>16723</v>
      </c>
      <c r="B27018" t="s">
        <v>16724</v>
      </c>
      <c r="C27018" t="s">
        <v>16721</v>
      </c>
      <c r="D27018" t="s">
        <v>16722</v>
      </c>
      <c r="E27018" t="s">
        <v>16695</v>
      </c>
      <c r="F27018" t="s">
        <v>16696</v>
      </c>
      <c r="G27018" t="s">
        <v>16559</v>
      </c>
      <c r="H27018" t="s">
        <v>16560</v>
      </c>
      <c r="I27018" s="2">
        <v>1</v>
      </c>
      <c r="J27018" s="2">
        <v>0</v>
      </c>
      <c r="K27018" s="2">
        <v>0</v>
      </c>
      <c r="L27018" t="s">
        <v>120</v>
      </c>
      <c r="M27018" t="s">
        <v>83</v>
      </c>
      <c r="N27018" t="s">
        <v>84</v>
      </c>
      <c r="O27018" t="s">
        <v>85</v>
      </c>
      <c r="P27018" t="s">
        <v>86</v>
      </c>
      <c r="Q27018">
        <v>19</v>
      </c>
      <c r="R27018">
        <v>19</v>
      </c>
      <c r="S27018">
        <v>19</v>
      </c>
      <c r="T27018">
        <v>19</v>
      </c>
      <c r="U27018">
        <v>19</v>
      </c>
      <c r="V27018">
        <v>19</v>
      </c>
      <c r="W27018">
        <v>19</v>
      </c>
      <c r="X27018">
        <v>20</v>
      </c>
      <c r="Y27018">
        <v>20</v>
      </c>
      <c r="Z27018">
        <v>20</v>
      </c>
      <c r="AA27018">
        <v>20</v>
      </c>
      <c r="AB27018">
        <v>20</v>
      </c>
      <c r="AC27018">
        <v>20</v>
      </c>
      <c r="AD27018">
        <v>20</v>
      </c>
      <c r="AE27018">
        <v>20</v>
      </c>
      <c r="AF27018">
        <v>20</v>
      </c>
      <c r="AG27018">
        <v>20</v>
      </c>
      <c r="AH27018">
        <v>20</v>
      </c>
      <c r="AI27018">
        <v>20</v>
      </c>
      <c r="AJ27018">
        <v>21</v>
      </c>
      <c r="AK27018">
        <v>21</v>
      </c>
      <c r="AL27018">
        <v>21</v>
      </c>
      <c r="AM27018">
        <v>20</v>
      </c>
      <c r="AN27018">
        <v>20</v>
      </c>
      <c r="AO27018">
        <v>20</v>
      </c>
      <c r="AP27018">
        <v>20</v>
      </c>
      <c r="AQ27018">
        <v>20</v>
      </c>
    </row>
    <row r="27019" spans="1:43">
      <c r="A27019" t="s">
        <v>16723</v>
      </c>
      <c r="B27019" t="s">
        <v>16724</v>
      </c>
      <c r="C27019" t="s">
        <v>16721</v>
      </c>
      <c r="D27019" t="s">
        <v>16722</v>
      </c>
      <c r="E27019" t="s">
        <v>16695</v>
      </c>
      <c r="F27019" t="s">
        <v>16696</v>
      </c>
      <c r="G27019" t="s">
        <v>16559</v>
      </c>
      <c r="H27019" t="s">
        <v>16560</v>
      </c>
      <c r="I27019" s="2">
        <v>1</v>
      </c>
      <c r="J27019" s="2">
        <v>0</v>
      </c>
      <c r="K27019" s="2">
        <v>0</v>
      </c>
      <c r="L27019" t="s">
        <v>120</v>
      </c>
      <c r="M27019" t="s">
        <v>87</v>
      </c>
      <c r="N27019" t="s">
        <v>88</v>
      </c>
      <c r="O27019" t="s">
        <v>85</v>
      </c>
      <c r="P27019" t="s">
        <v>86</v>
      </c>
      <c r="Q27019">
        <v>19</v>
      </c>
      <c r="R27019">
        <v>19</v>
      </c>
      <c r="S27019">
        <v>19</v>
      </c>
      <c r="T27019">
        <v>18</v>
      </c>
      <c r="U27019">
        <v>18</v>
      </c>
      <c r="V27019">
        <v>18</v>
      </c>
      <c r="W27019">
        <v>18</v>
      </c>
      <c r="X27019">
        <v>18</v>
      </c>
      <c r="Y27019">
        <v>18</v>
      </c>
      <c r="Z27019">
        <v>18</v>
      </c>
      <c r="AA27019">
        <v>18</v>
      </c>
      <c r="AB27019">
        <v>18</v>
      </c>
      <c r="AC27019">
        <v>18</v>
      </c>
      <c r="AD27019">
        <v>18</v>
      </c>
      <c r="AE27019">
        <v>18</v>
      </c>
      <c r="AF27019">
        <v>18</v>
      </c>
      <c r="AG27019">
        <v>18</v>
      </c>
      <c r="AH27019">
        <v>18</v>
      </c>
      <c r="AI27019">
        <v>18</v>
      </c>
      <c r="AJ27019">
        <v>18</v>
      </c>
      <c r="AK27019">
        <v>18</v>
      </c>
      <c r="AL27019">
        <v>18</v>
      </c>
      <c r="AM27019">
        <v>18</v>
      </c>
      <c r="AN27019">
        <v>18</v>
      </c>
      <c r="AO27019">
        <v>17</v>
      </c>
      <c r="AP27019">
        <v>17</v>
      </c>
      <c r="AQ27019">
        <v>17</v>
      </c>
    </row>
    <row r="27020" spans="1:43">
      <c r="A27020" t="s">
        <v>16723</v>
      </c>
      <c r="B27020" t="s">
        <v>16724</v>
      </c>
      <c r="C27020" t="s">
        <v>16721</v>
      </c>
      <c r="D27020" t="s">
        <v>16722</v>
      </c>
      <c r="E27020" t="s">
        <v>16695</v>
      </c>
      <c r="F27020" t="s">
        <v>16696</v>
      </c>
      <c r="G27020" t="s">
        <v>16559</v>
      </c>
      <c r="H27020" t="s">
        <v>16560</v>
      </c>
      <c r="I27020" s="2">
        <v>1</v>
      </c>
      <c r="J27020" s="2">
        <v>0</v>
      </c>
      <c r="K27020" s="2">
        <v>0</v>
      </c>
      <c r="L27020" t="s">
        <v>120</v>
      </c>
      <c r="M27020" t="s">
        <v>89</v>
      </c>
      <c r="N27020" t="s">
        <v>90</v>
      </c>
      <c r="O27020" t="s">
        <v>85</v>
      </c>
      <c r="P27020" t="s">
        <v>86</v>
      </c>
      <c r="Q27020">
        <v>19</v>
      </c>
      <c r="R27020">
        <v>19</v>
      </c>
      <c r="S27020">
        <v>20</v>
      </c>
      <c r="T27020">
        <v>20</v>
      </c>
      <c r="U27020">
        <v>20</v>
      </c>
      <c r="V27020">
        <v>20</v>
      </c>
      <c r="W27020">
        <v>20</v>
      </c>
      <c r="X27020">
        <v>21</v>
      </c>
      <c r="Y27020">
        <v>21</v>
      </c>
      <c r="Z27020">
        <v>21</v>
      </c>
      <c r="AA27020">
        <v>21</v>
      </c>
      <c r="AB27020">
        <v>21</v>
      </c>
      <c r="AC27020">
        <v>21</v>
      </c>
      <c r="AD27020">
        <v>22</v>
      </c>
      <c r="AE27020">
        <v>22</v>
      </c>
      <c r="AF27020">
        <v>21</v>
      </c>
      <c r="AG27020">
        <v>21</v>
      </c>
      <c r="AH27020">
        <v>21</v>
      </c>
      <c r="AI27020">
        <v>21</v>
      </c>
      <c r="AJ27020">
        <v>21</v>
      </c>
      <c r="AK27020">
        <v>21</v>
      </c>
      <c r="AL27020">
        <v>21</v>
      </c>
      <c r="AM27020">
        <v>21</v>
      </c>
      <c r="AN27020">
        <v>21</v>
      </c>
      <c r="AO27020">
        <v>21</v>
      </c>
      <c r="AP27020">
        <v>20</v>
      </c>
      <c r="AQ27020">
        <v>20</v>
      </c>
    </row>
    <row r="27021" spans="1:43">
      <c r="A27021" t="s">
        <v>16723</v>
      </c>
      <c r="B27021" t="s">
        <v>16724</v>
      </c>
      <c r="C27021" t="s">
        <v>16721</v>
      </c>
      <c r="D27021" t="s">
        <v>16722</v>
      </c>
      <c r="E27021" t="s">
        <v>16695</v>
      </c>
      <c r="F27021" t="s">
        <v>16696</v>
      </c>
      <c r="G27021" t="s">
        <v>16559</v>
      </c>
      <c r="H27021" t="s">
        <v>16560</v>
      </c>
      <c r="I27021" s="2">
        <v>1</v>
      </c>
      <c r="J27021" s="2">
        <v>0</v>
      </c>
      <c r="K27021" s="2">
        <v>0</v>
      </c>
      <c r="L27021" t="s">
        <v>120</v>
      </c>
      <c r="M27021" t="s">
        <v>83</v>
      </c>
      <c r="N27021" t="s">
        <v>91</v>
      </c>
      <c r="O27021" t="s">
        <v>85</v>
      </c>
      <c r="P27021" t="s">
        <v>86</v>
      </c>
      <c r="Q27021">
        <v>19</v>
      </c>
      <c r="R27021">
        <v>19</v>
      </c>
      <c r="S27021">
        <v>19</v>
      </c>
      <c r="T27021">
        <v>19</v>
      </c>
      <c r="U27021">
        <v>19</v>
      </c>
      <c r="V27021">
        <v>19</v>
      </c>
      <c r="W27021">
        <v>19</v>
      </c>
      <c r="X27021">
        <v>20</v>
      </c>
      <c r="Y27021">
        <v>20</v>
      </c>
      <c r="Z27021">
        <v>20</v>
      </c>
      <c r="AA27021">
        <v>20</v>
      </c>
      <c r="AB27021">
        <v>20</v>
      </c>
      <c r="AC27021">
        <v>20</v>
      </c>
      <c r="AD27021">
        <v>20</v>
      </c>
      <c r="AE27021">
        <v>20</v>
      </c>
      <c r="AF27021">
        <v>20</v>
      </c>
      <c r="AG27021">
        <v>20</v>
      </c>
      <c r="AH27021">
        <v>20</v>
      </c>
      <c r="AI27021">
        <v>20</v>
      </c>
      <c r="AJ27021">
        <v>21</v>
      </c>
      <c r="AK27021">
        <v>21</v>
      </c>
      <c r="AL27021">
        <v>21</v>
      </c>
      <c r="AM27021">
        <v>20</v>
      </c>
      <c r="AN27021">
        <v>20</v>
      </c>
      <c r="AO27021">
        <v>20</v>
      </c>
      <c r="AP27021">
        <v>20</v>
      </c>
      <c r="AQ27021">
        <v>20</v>
      </c>
    </row>
    <row r="27022" spans="1:43">
      <c r="A27022" t="s">
        <v>16725</v>
      </c>
      <c r="B27022" t="s">
        <v>16726</v>
      </c>
      <c r="C27022" t="s">
        <v>16727</v>
      </c>
      <c r="D27022" t="s">
        <v>16728</v>
      </c>
      <c r="E27022" t="s">
        <v>16695</v>
      </c>
      <c r="F27022" t="s">
        <v>16696</v>
      </c>
      <c r="G27022" t="s">
        <v>16559</v>
      </c>
      <c r="H27022" t="s">
        <v>16560</v>
      </c>
      <c r="I27022" s="2">
        <v>1</v>
      </c>
      <c r="J27022" s="2">
        <v>0</v>
      </c>
      <c r="K27022" s="2">
        <v>0</v>
      </c>
      <c r="L27022" t="s">
        <v>120</v>
      </c>
      <c r="M27022" t="s">
        <v>83</v>
      </c>
      <c r="N27022" t="s">
        <v>84</v>
      </c>
      <c r="O27022" t="s">
        <v>85</v>
      </c>
      <c r="P27022" t="s">
        <v>86</v>
      </c>
      <c r="Q27022">
        <v>35</v>
      </c>
      <c r="R27022">
        <v>35</v>
      </c>
      <c r="S27022">
        <v>36</v>
      </c>
      <c r="T27022">
        <v>36</v>
      </c>
      <c r="U27022">
        <v>36</v>
      </c>
      <c r="V27022">
        <v>36</v>
      </c>
      <c r="W27022">
        <v>36</v>
      </c>
      <c r="X27022">
        <v>37</v>
      </c>
      <c r="Y27022">
        <v>37</v>
      </c>
      <c r="Z27022">
        <v>37</v>
      </c>
      <c r="AA27022">
        <v>37</v>
      </c>
      <c r="AB27022">
        <v>37</v>
      </c>
      <c r="AC27022">
        <v>37</v>
      </c>
      <c r="AD27022">
        <v>37</v>
      </c>
      <c r="AE27022">
        <v>38</v>
      </c>
      <c r="AF27022">
        <v>38</v>
      </c>
      <c r="AG27022">
        <v>38</v>
      </c>
      <c r="AH27022">
        <v>38</v>
      </c>
      <c r="AI27022">
        <v>38</v>
      </c>
      <c r="AJ27022">
        <v>38</v>
      </c>
      <c r="AK27022">
        <v>38</v>
      </c>
      <c r="AL27022">
        <v>38</v>
      </c>
      <c r="AM27022">
        <v>38</v>
      </c>
      <c r="AN27022">
        <v>38</v>
      </c>
      <c r="AO27022">
        <v>38</v>
      </c>
      <c r="AP27022">
        <v>38</v>
      </c>
      <c r="AQ27022">
        <v>38</v>
      </c>
    </row>
    <row r="27023" spans="1:43">
      <c r="A27023" t="s">
        <v>16725</v>
      </c>
      <c r="B27023" t="s">
        <v>16726</v>
      </c>
      <c r="C27023" t="s">
        <v>16727</v>
      </c>
      <c r="D27023" t="s">
        <v>16728</v>
      </c>
      <c r="E27023" t="s">
        <v>16695</v>
      </c>
      <c r="F27023" t="s">
        <v>16696</v>
      </c>
      <c r="G27023" t="s">
        <v>16559</v>
      </c>
      <c r="H27023" t="s">
        <v>16560</v>
      </c>
      <c r="I27023" s="2">
        <v>1</v>
      </c>
      <c r="J27023" s="2">
        <v>0</v>
      </c>
      <c r="K27023" s="2">
        <v>0</v>
      </c>
      <c r="L27023" t="s">
        <v>120</v>
      </c>
      <c r="M27023" t="s">
        <v>87</v>
      </c>
      <c r="N27023" t="s">
        <v>88</v>
      </c>
      <c r="O27023" t="s">
        <v>85</v>
      </c>
      <c r="P27023" t="s">
        <v>86</v>
      </c>
      <c r="Q27023">
        <v>35</v>
      </c>
      <c r="R27023">
        <v>35</v>
      </c>
      <c r="S27023">
        <v>35</v>
      </c>
      <c r="T27023">
        <v>34</v>
      </c>
      <c r="U27023">
        <v>34</v>
      </c>
      <c r="V27023">
        <v>34</v>
      </c>
      <c r="W27023">
        <v>34</v>
      </c>
      <c r="X27023">
        <v>34</v>
      </c>
      <c r="Y27023">
        <v>34</v>
      </c>
      <c r="Z27023">
        <v>34</v>
      </c>
      <c r="AA27023">
        <v>34</v>
      </c>
      <c r="AB27023">
        <v>34</v>
      </c>
      <c r="AC27023">
        <v>34</v>
      </c>
      <c r="AD27023">
        <v>33</v>
      </c>
      <c r="AE27023">
        <v>33</v>
      </c>
      <c r="AF27023">
        <v>33</v>
      </c>
      <c r="AG27023">
        <v>33</v>
      </c>
      <c r="AH27023">
        <v>33</v>
      </c>
      <c r="AI27023">
        <v>33</v>
      </c>
      <c r="AJ27023">
        <v>33</v>
      </c>
      <c r="AK27023">
        <v>33</v>
      </c>
      <c r="AL27023">
        <v>33</v>
      </c>
      <c r="AM27023">
        <v>33</v>
      </c>
      <c r="AN27023">
        <v>33</v>
      </c>
      <c r="AO27023">
        <v>33</v>
      </c>
      <c r="AP27023">
        <v>33</v>
      </c>
      <c r="AQ27023">
        <v>33</v>
      </c>
    </row>
    <row r="27024" spans="1:43">
      <c r="A27024" t="s">
        <v>16725</v>
      </c>
      <c r="B27024" t="s">
        <v>16726</v>
      </c>
      <c r="C27024" t="s">
        <v>16727</v>
      </c>
      <c r="D27024" t="s">
        <v>16728</v>
      </c>
      <c r="E27024" t="s">
        <v>16695</v>
      </c>
      <c r="F27024" t="s">
        <v>16696</v>
      </c>
      <c r="G27024" t="s">
        <v>16559</v>
      </c>
      <c r="H27024" t="s">
        <v>16560</v>
      </c>
      <c r="I27024" s="2">
        <v>1</v>
      </c>
      <c r="J27024" s="2">
        <v>0</v>
      </c>
      <c r="K27024" s="2">
        <v>0</v>
      </c>
      <c r="L27024" t="s">
        <v>120</v>
      </c>
      <c r="M27024" t="s">
        <v>89</v>
      </c>
      <c r="N27024" t="s">
        <v>90</v>
      </c>
      <c r="O27024" t="s">
        <v>85</v>
      </c>
      <c r="P27024" t="s">
        <v>86</v>
      </c>
      <c r="Q27024">
        <v>35</v>
      </c>
      <c r="R27024">
        <v>36</v>
      </c>
      <c r="S27024">
        <v>36</v>
      </c>
      <c r="T27024">
        <v>37</v>
      </c>
      <c r="U27024">
        <v>37</v>
      </c>
      <c r="V27024">
        <v>38</v>
      </c>
      <c r="W27024">
        <v>38</v>
      </c>
      <c r="X27024">
        <v>38</v>
      </c>
      <c r="Y27024">
        <v>39</v>
      </c>
      <c r="Z27024">
        <v>39</v>
      </c>
      <c r="AA27024">
        <v>39</v>
      </c>
      <c r="AB27024">
        <v>40</v>
      </c>
      <c r="AC27024">
        <v>40</v>
      </c>
      <c r="AD27024">
        <v>40</v>
      </c>
      <c r="AE27024">
        <v>40</v>
      </c>
      <c r="AF27024">
        <v>40</v>
      </c>
      <c r="AG27024">
        <v>40</v>
      </c>
      <c r="AH27024">
        <v>40</v>
      </c>
      <c r="AI27024">
        <v>39</v>
      </c>
      <c r="AJ27024">
        <v>39</v>
      </c>
      <c r="AK27024">
        <v>39</v>
      </c>
      <c r="AL27024">
        <v>39</v>
      </c>
      <c r="AM27024">
        <v>39</v>
      </c>
      <c r="AN27024">
        <v>39</v>
      </c>
      <c r="AO27024">
        <v>38</v>
      </c>
      <c r="AP27024">
        <v>38</v>
      </c>
      <c r="AQ27024">
        <v>38</v>
      </c>
    </row>
    <row r="27025" spans="1:43">
      <c r="A27025" t="s">
        <v>16725</v>
      </c>
      <c r="B27025" t="s">
        <v>16726</v>
      </c>
      <c r="C27025" t="s">
        <v>16727</v>
      </c>
      <c r="D27025" t="s">
        <v>16728</v>
      </c>
      <c r="E27025" t="s">
        <v>16695</v>
      </c>
      <c r="F27025" t="s">
        <v>16696</v>
      </c>
      <c r="G27025" t="s">
        <v>16559</v>
      </c>
      <c r="H27025" t="s">
        <v>16560</v>
      </c>
      <c r="I27025" s="2">
        <v>1</v>
      </c>
      <c r="J27025" s="2">
        <v>0</v>
      </c>
      <c r="K27025" s="2">
        <v>0</v>
      </c>
      <c r="L27025" t="s">
        <v>120</v>
      </c>
      <c r="M27025" t="s">
        <v>83</v>
      </c>
      <c r="N27025" t="s">
        <v>91</v>
      </c>
      <c r="O27025" t="s">
        <v>85</v>
      </c>
      <c r="P27025" t="s">
        <v>86</v>
      </c>
      <c r="Q27025">
        <v>35</v>
      </c>
      <c r="R27025">
        <v>35</v>
      </c>
      <c r="S27025">
        <v>36</v>
      </c>
      <c r="T27025">
        <v>36</v>
      </c>
      <c r="U27025">
        <v>36</v>
      </c>
      <c r="V27025">
        <v>36</v>
      </c>
      <c r="W27025">
        <v>36</v>
      </c>
      <c r="X27025">
        <v>37</v>
      </c>
      <c r="Y27025">
        <v>37</v>
      </c>
      <c r="Z27025">
        <v>37</v>
      </c>
      <c r="AA27025">
        <v>37</v>
      </c>
      <c r="AB27025">
        <v>37</v>
      </c>
      <c r="AC27025">
        <v>37</v>
      </c>
      <c r="AD27025">
        <v>37</v>
      </c>
      <c r="AE27025">
        <v>38</v>
      </c>
      <c r="AF27025">
        <v>38</v>
      </c>
      <c r="AG27025">
        <v>38</v>
      </c>
      <c r="AH27025">
        <v>38</v>
      </c>
      <c r="AI27025">
        <v>38</v>
      </c>
      <c r="AJ27025">
        <v>38</v>
      </c>
      <c r="AK27025">
        <v>38</v>
      </c>
      <c r="AL27025">
        <v>38</v>
      </c>
      <c r="AM27025">
        <v>38</v>
      </c>
      <c r="AN27025">
        <v>38</v>
      </c>
      <c r="AO27025">
        <v>38</v>
      </c>
      <c r="AP27025">
        <v>38</v>
      </c>
      <c r="AQ27025">
        <v>38</v>
      </c>
    </row>
    <row r="27026" spans="1:43">
      <c r="A27026" t="s">
        <v>16729</v>
      </c>
      <c r="B27026" t="s">
        <v>16730</v>
      </c>
      <c r="C27026" t="s">
        <v>16727</v>
      </c>
      <c r="D27026" t="s">
        <v>16728</v>
      </c>
      <c r="E27026" t="s">
        <v>16695</v>
      </c>
      <c r="F27026" t="s">
        <v>16696</v>
      </c>
      <c r="G27026" t="s">
        <v>16559</v>
      </c>
      <c r="H27026" t="s">
        <v>16560</v>
      </c>
      <c r="I27026" s="2">
        <v>1</v>
      </c>
      <c r="J27026" s="2">
        <v>0</v>
      </c>
      <c r="K27026" s="2">
        <v>0</v>
      </c>
      <c r="L27026" t="s">
        <v>120</v>
      </c>
      <c r="M27026" t="s">
        <v>83</v>
      </c>
      <c r="N27026" t="s">
        <v>84</v>
      </c>
      <c r="O27026" t="s">
        <v>85</v>
      </c>
      <c r="P27026" t="s">
        <v>86</v>
      </c>
      <c r="Q27026">
        <v>7</v>
      </c>
      <c r="R27026">
        <v>7</v>
      </c>
      <c r="S27026">
        <v>7</v>
      </c>
      <c r="T27026">
        <v>7</v>
      </c>
      <c r="U27026">
        <v>7</v>
      </c>
      <c r="V27026">
        <v>7</v>
      </c>
      <c r="W27026">
        <v>7</v>
      </c>
      <c r="X27026">
        <v>7</v>
      </c>
      <c r="Y27026">
        <v>7</v>
      </c>
      <c r="Z27026">
        <v>7</v>
      </c>
      <c r="AA27026">
        <v>7</v>
      </c>
      <c r="AB27026">
        <v>7</v>
      </c>
      <c r="AC27026">
        <v>7</v>
      </c>
      <c r="AD27026">
        <v>7</v>
      </c>
      <c r="AE27026">
        <v>7</v>
      </c>
      <c r="AF27026">
        <v>7</v>
      </c>
      <c r="AG27026">
        <v>7</v>
      </c>
      <c r="AH27026">
        <v>7</v>
      </c>
      <c r="AI27026">
        <v>7</v>
      </c>
      <c r="AJ27026">
        <v>7</v>
      </c>
      <c r="AK27026">
        <v>7</v>
      </c>
      <c r="AL27026">
        <v>7</v>
      </c>
      <c r="AM27026">
        <v>7</v>
      </c>
      <c r="AN27026">
        <v>7</v>
      </c>
      <c r="AO27026">
        <v>7</v>
      </c>
      <c r="AP27026">
        <v>7</v>
      </c>
      <c r="AQ27026">
        <v>7</v>
      </c>
    </row>
    <row r="27027" spans="1:43">
      <c r="A27027" t="s">
        <v>16729</v>
      </c>
      <c r="B27027" t="s">
        <v>16730</v>
      </c>
      <c r="C27027" t="s">
        <v>16727</v>
      </c>
      <c r="D27027" t="s">
        <v>16728</v>
      </c>
      <c r="E27027" t="s">
        <v>16695</v>
      </c>
      <c r="F27027" t="s">
        <v>16696</v>
      </c>
      <c r="G27027" t="s">
        <v>16559</v>
      </c>
      <c r="H27027" t="s">
        <v>16560</v>
      </c>
      <c r="I27027" s="2">
        <v>1</v>
      </c>
      <c r="J27027" s="2">
        <v>0</v>
      </c>
      <c r="K27027" s="2">
        <v>0</v>
      </c>
      <c r="L27027" t="s">
        <v>120</v>
      </c>
      <c r="M27027" t="s">
        <v>87</v>
      </c>
      <c r="N27027" t="s">
        <v>88</v>
      </c>
      <c r="O27027" t="s">
        <v>85</v>
      </c>
      <c r="P27027" t="s">
        <v>86</v>
      </c>
      <c r="Q27027">
        <v>7</v>
      </c>
      <c r="R27027">
        <v>7</v>
      </c>
      <c r="S27027">
        <v>7</v>
      </c>
      <c r="T27027">
        <v>7</v>
      </c>
      <c r="U27027">
        <v>7</v>
      </c>
      <c r="V27027">
        <v>7</v>
      </c>
      <c r="W27027">
        <v>7</v>
      </c>
      <c r="X27027">
        <v>7</v>
      </c>
      <c r="Y27027">
        <v>7</v>
      </c>
      <c r="Z27027">
        <v>7</v>
      </c>
      <c r="AA27027">
        <v>7</v>
      </c>
      <c r="AB27027">
        <v>7</v>
      </c>
      <c r="AC27027">
        <v>6</v>
      </c>
      <c r="AD27027">
        <v>6</v>
      </c>
      <c r="AE27027">
        <v>6</v>
      </c>
      <c r="AF27027">
        <v>6</v>
      </c>
      <c r="AG27027">
        <v>6</v>
      </c>
      <c r="AH27027">
        <v>6</v>
      </c>
      <c r="AI27027">
        <v>6</v>
      </c>
      <c r="AJ27027">
        <v>6</v>
      </c>
      <c r="AK27027">
        <v>6</v>
      </c>
      <c r="AL27027">
        <v>6</v>
      </c>
      <c r="AM27027">
        <v>6</v>
      </c>
      <c r="AN27027">
        <v>6</v>
      </c>
      <c r="AO27027">
        <v>6</v>
      </c>
      <c r="AP27027">
        <v>6</v>
      </c>
      <c r="AQ27027">
        <v>6</v>
      </c>
    </row>
    <row r="27028" spans="1:43">
      <c r="A27028" t="s">
        <v>16729</v>
      </c>
      <c r="B27028" t="s">
        <v>16730</v>
      </c>
      <c r="C27028" t="s">
        <v>16727</v>
      </c>
      <c r="D27028" t="s">
        <v>16728</v>
      </c>
      <c r="E27028" t="s">
        <v>16695</v>
      </c>
      <c r="F27028" t="s">
        <v>16696</v>
      </c>
      <c r="G27028" t="s">
        <v>16559</v>
      </c>
      <c r="H27028" t="s">
        <v>16560</v>
      </c>
      <c r="I27028" s="2">
        <v>1</v>
      </c>
      <c r="J27028" s="2">
        <v>0</v>
      </c>
      <c r="K27028" s="2">
        <v>0</v>
      </c>
      <c r="L27028" t="s">
        <v>120</v>
      </c>
      <c r="M27028" t="s">
        <v>89</v>
      </c>
      <c r="N27028" t="s">
        <v>90</v>
      </c>
      <c r="O27028" t="s">
        <v>85</v>
      </c>
      <c r="P27028" t="s">
        <v>86</v>
      </c>
      <c r="Q27028">
        <v>7</v>
      </c>
      <c r="R27028">
        <v>7</v>
      </c>
      <c r="S27028">
        <v>7</v>
      </c>
      <c r="T27028">
        <v>7</v>
      </c>
      <c r="U27028">
        <v>7</v>
      </c>
      <c r="V27028">
        <v>7</v>
      </c>
      <c r="W27028">
        <v>7</v>
      </c>
      <c r="X27028">
        <v>7</v>
      </c>
      <c r="Y27028">
        <v>8</v>
      </c>
      <c r="Z27028">
        <v>8</v>
      </c>
      <c r="AA27028">
        <v>8</v>
      </c>
      <c r="AB27028">
        <v>8</v>
      </c>
      <c r="AC27028">
        <v>8</v>
      </c>
      <c r="AD27028">
        <v>8</v>
      </c>
      <c r="AE27028">
        <v>8</v>
      </c>
      <c r="AF27028">
        <v>8</v>
      </c>
      <c r="AG27028">
        <v>8</v>
      </c>
      <c r="AH27028">
        <v>8</v>
      </c>
      <c r="AI27028">
        <v>8</v>
      </c>
      <c r="AJ27028">
        <v>8</v>
      </c>
      <c r="AK27028">
        <v>8</v>
      </c>
      <c r="AL27028">
        <v>8</v>
      </c>
      <c r="AM27028">
        <v>8</v>
      </c>
      <c r="AN27028">
        <v>7</v>
      </c>
      <c r="AO27028">
        <v>7</v>
      </c>
      <c r="AP27028">
        <v>7</v>
      </c>
      <c r="AQ27028">
        <v>7</v>
      </c>
    </row>
    <row r="27029" spans="1:43">
      <c r="A27029" t="s">
        <v>16729</v>
      </c>
      <c r="B27029" t="s">
        <v>16730</v>
      </c>
      <c r="C27029" t="s">
        <v>16727</v>
      </c>
      <c r="D27029" t="s">
        <v>16728</v>
      </c>
      <c r="E27029" t="s">
        <v>16695</v>
      </c>
      <c r="F27029" t="s">
        <v>16696</v>
      </c>
      <c r="G27029" t="s">
        <v>16559</v>
      </c>
      <c r="H27029" t="s">
        <v>16560</v>
      </c>
      <c r="I27029" s="2">
        <v>1</v>
      </c>
      <c r="J27029" s="2">
        <v>0</v>
      </c>
      <c r="K27029" s="2">
        <v>0</v>
      </c>
      <c r="L27029" t="s">
        <v>120</v>
      </c>
      <c r="M27029" t="s">
        <v>83</v>
      </c>
      <c r="N27029" t="s">
        <v>91</v>
      </c>
      <c r="O27029" t="s">
        <v>85</v>
      </c>
      <c r="P27029" t="s">
        <v>86</v>
      </c>
      <c r="Q27029">
        <v>7</v>
      </c>
      <c r="R27029">
        <v>7</v>
      </c>
      <c r="S27029">
        <v>7</v>
      </c>
      <c r="T27029">
        <v>7</v>
      </c>
      <c r="U27029">
        <v>7</v>
      </c>
      <c r="V27029">
        <v>7</v>
      </c>
      <c r="W27029">
        <v>7</v>
      </c>
      <c r="X27029">
        <v>7</v>
      </c>
      <c r="Y27029">
        <v>7</v>
      </c>
      <c r="Z27029">
        <v>7</v>
      </c>
      <c r="AA27029">
        <v>7</v>
      </c>
      <c r="AB27029">
        <v>7</v>
      </c>
      <c r="AC27029">
        <v>7</v>
      </c>
      <c r="AD27029">
        <v>7</v>
      </c>
      <c r="AE27029">
        <v>7</v>
      </c>
      <c r="AF27029">
        <v>7</v>
      </c>
      <c r="AG27029">
        <v>7</v>
      </c>
      <c r="AH27029">
        <v>7</v>
      </c>
      <c r="AI27029">
        <v>7</v>
      </c>
      <c r="AJ27029">
        <v>7</v>
      </c>
      <c r="AK27029">
        <v>7</v>
      </c>
      <c r="AL27029">
        <v>7</v>
      </c>
      <c r="AM27029">
        <v>7</v>
      </c>
      <c r="AN27029">
        <v>7</v>
      </c>
      <c r="AO27029">
        <v>7</v>
      </c>
      <c r="AP27029">
        <v>7</v>
      </c>
      <c r="AQ27029">
        <v>7</v>
      </c>
    </row>
    <row r="27030" spans="1:43">
      <c r="A27030" t="s">
        <v>16731</v>
      </c>
      <c r="B27030" t="s">
        <v>16732</v>
      </c>
      <c r="C27030" t="s">
        <v>16727</v>
      </c>
      <c r="D27030" t="s">
        <v>16728</v>
      </c>
      <c r="E27030" t="s">
        <v>16695</v>
      </c>
      <c r="F27030" t="s">
        <v>16696</v>
      </c>
      <c r="G27030" t="s">
        <v>16559</v>
      </c>
      <c r="H27030" t="s">
        <v>16560</v>
      </c>
      <c r="I27030" s="2">
        <v>1</v>
      </c>
      <c r="J27030" s="2">
        <v>0</v>
      </c>
      <c r="K27030" s="2">
        <v>0</v>
      </c>
      <c r="L27030" t="s">
        <v>120</v>
      </c>
      <c r="M27030" t="s">
        <v>83</v>
      </c>
      <c r="N27030" t="s">
        <v>84</v>
      </c>
      <c r="O27030" t="s">
        <v>85</v>
      </c>
      <c r="P27030" t="s">
        <v>86</v>
      </c>
      <c r="Q27030">
        <v>19</v>
      </c>
      <c r="R27030">
        <v>19</v>
      </c>
      <c r="S27030">
        <v>19</v>
      </c>
      <c r="T27030">
        <v>19</v>
      </c>
      <c r="U27030">
        <v>19</v>
      </c>
      <c r="V27030">
        <v>19</v>
      </c>
      <c r="W27030">
        <v>20</v>
      </c>
      <c r="X27030">
        <v>20</v>
      </c>
      <c r="Y27030">
        <v>20</v>
      </c>
      <c r="Z27030">
        <v>20</v>
      </c>
      <c r="AA27030">
        <v>20</v>
      </c>
      <c r="AB27030">
        <v>20</v>
      </c>
      <c r="AC27030">
        <v>20</v>
      </c>
      <c r="AD27030">
        <v>20</v>
      </c>
      <c r="AE27030">
        <v>20</v>
      </c>
      <c r="AF27030">
        <v>20</v>
      </c>
      <c r="AG27030">
        <v>20</v>
      </c>
      <c r="AH27030">
        <v>21</v>
      </c>
      <c r="AI27030">
        <v>21</v>
      </c>
      <c r="AJ27030">
        <v>21</v>
      </c>
      <c r="AK27030">
        <v>21</v>
      </c>
      <c r="AL27030">
        <v>21</v>
      </c>
      <c r="AM27030">
        <v>21</v>
      </c>
      <c r="AN27030">
        <v>21</v>
      </c>
      <c r="AO27030">
        <v>20</v>
      </c>
      <c r="AP27030">
        <v>20</v>
      </c>
      <c r="AQ27030">
        <v>20</v>
      </c>
    </row>
    <row r="27031" spans="1:43">
      <c r="A27031" t="s">
        <v>16731</v>
      </c>
      <c r="B27031" t="s">
        <v>16732</v>
      </c>
      <c r="C27031" t="s">
        <v>16727</v>
      </c>
      <c r="D27031" t="s">
        <v>16728</v>
      </c>
      <c r="E27031" t="s">
        <v>16695</v>
      </c>
      <c r="F27031" t="s">
        <v>16696</v>
      </c>
      <c r="G27031" t="s">
        <v>16559</v>
      </c>
      <c r="H27031" t="s">
        <v>16560</v>
      </c>
      <c r="I27031" s="2">
        <v>1</v>
      </c>
      <c r="J27031" s="2">
        <v>0</v>
      </c>
      <c r="K27031" s="2">
        <v>0</v>
      </c>
      <c r="L27031" t="s">
        <v>120</v>
      </c>
      <c r="M27031" t="s">
        <v>87</v>
      </c>
      <c r="N27031" t="s">
        <v>88</v>
      </c>
      <c r="O27031" t="s">
        <v>85</v>
      </c>
      <c r="P27031" t="s">
        <v>86</v>
      </c>
      <c r="Q27031">
        <v>19</v>
      </c>
      <c r="R27031">
        <v>19</v>
      </c>
      <c r="S27031">
        <v>19</v>
      </c>
      <c r="T27031">
        <v>19</v>
      </c>
      <c r="U27031">
        <v>19</v>
      </c>
      <c r="V27031">
        <v>18</v>
      </c>
      <c r="W27031">
        <v>18</v>
      </c>
      <c r="X27031">
        <v>18</v>
      </c>
      <c r="Y27031">
        <v>18</v>
      </c>
      <c r="Z27031">
        <v>18</v>
      </c>
      <c r="AA27031">
        <v>18</v>
      </c>
      <c r="AB27031">
        <v>18</v>
      </c>
      <c r="AC27031">
        <v>18</v>
      </c>
      <c r="AD27031">
        <v>18</v>
      </c>
      <c r="AE27031">
        <v>18</v>
      </c>
      <c r="AF27031">
        <v>18</v>
      </c>
      <c r="AG27031">
        <v>18</v>
      </c>
      <c r="AH27031">
        <v>18</v>
      </c>
      <c r="AI27031">
        <v>18</v>
      </c>
      <c r="AJ27031">
        <v>18</v>
      </c>
      <c r="AK27031">
        <v>18</v>
      </c>
      <c r="AL27031">
        <v>18</v>
      </c>
      <c r="AM27031">
        <v>18</v>
      </c>
      <c r="AN27031">
        <v>18</v>
      </c>
      <c r="AO27031">
        <v>18</v>
      </c>
      <c r="AP27031">
        <v>18</v>
      </c>
      <c r="AQ27031">
        <v>18</v>
      </c>
    </row>
    <row r="27032" spans="1:43">
      <c r="A27032" t="s">
        <v>16731</v>
      </c>
      <c r="B27032" t="s">
        <v>16732</v>
      </c>
      <c r="C27032" t="s">
        <v>16727</v>
      </c>
      <c r="D27032" t="s">
        <v>16728</v>
      </c>
      <c r="E27032" t="s">
        <v>16695</v>
      </c>
      <c r="F27032" t="s">
        <v>16696</v>
      </c>
      <c r="G27032" t="s">
        <v>16559</v>
      </c>
      <c r="H27032" t="s">
        <v>16560</v>
      </c>
      <c r="I27032" s="2">
        <v>1</v>
      </c>
      <c r="J27032" s="2">
        <v>0</v>
      </c>
      <c r="K27032" s="2">
        <v>0</v>
      </c>
      <c r="L27032" t="s">
        <v>120</v>
      </c>
      <c r="M27032" t="s">
        <v>89</v>
      </c>
      <c r="N27032" t="s">
        <v>90</v>
      </c>
      <c r="O27032" t="s">
        <v>85</v>
      </c>
      <c r="P27032" t="s">
        <v>86</v>
      </c>
      <c r="Q27032">
        <v>19</v>
      </c>
      <c r="R27032">
        <v>19</v>
      </c>
      <c r="S27032">
        <v>20</v>
      </c>
      <c r="T27032">
        <v>20</v>
      </c>
      <c r="U27032">
        <v>20</v>
      </c>
      <c r="V27032">
        <v>20</v>
      </c>
      <c r="W27032">
        <v>21</v>
      </c>
      <c r="X27032">
        <v>21</v>
      </c>
      <c r="Y27032">
        <v>21</v>
      </c>
      <c r="Z27032">
        <v>21</v>
      </c>
      <c r="AA27032">
        <v>21</v>
      </c>
      <c r="AB27032">
        <v>21</v>
      </c>
      <c r="AC27032">
        <v>22</v>
      </c>
      <c r="AD27032">
        <v>22</v>
      </c>
      <c r="AE27032">
        <v>22</v>
      </c>
      <c r="AF27032">
        <v>22</v>
      </c>
      <c r="AG27032">
        <v>21</v>
      </c>
      <c r="AH27032">
        <v>21</v>
      </c>
      <c r="AI27032">
        <v>21</v>
      </c>
      <c r="AJ27032">
        <v>21</v>
      </c>
      <c r="AK27032">
        <v>21</v>
      </c>
      <c r="AL27032">
        <v>21</v>
      </c>
      <c r="AM27032">
        <v>21</v>
      </c>
      <c r="AN27032">
        <v>21</v>
      </c>
      <c r="AO27032">
        <v>21</v>
      </c>
      <c r="AP27032">
        <v>21</v>
      </c>
      <c r="AQ27032">
        <v>21</v>
      </c>
    </row>
    <row r="27033" spans="1:43">
      <c r="A27033" t="s">
        <v>16731</v>
      </c>
      <c r="B27033" t="s">
        <v>16732</v>
      </c>
      <c r="C27033" t="s">
        <v>16727</v>
      </c>
      <c r="D27033" t="s">
        <v>16728</v>
      </c>
      <c r="E27033" t="s">
        <v>16695</v>
      </c>
      <c r="F27033" t="s">
        <v>16696</v>
      </c>
      <c r="G27033" t="s">
        <v>16559</v>
      </c>
      <c r="H27033" t="s">
        <v>16560</v>
      </c>
      <c r="I27033" s="2">
        <v>1</v>
      </c>
      <c r="J27033" s="2">
        <v>0</v>
      </c>
      <c r="K27033" s="2">
        <v>0</v>
      </c>
      <c r="L27033" t="s">
        <v>120</v>
      </c>
      <c r="M27033" t="s">
        <v>83</v>
      </c>
      <c r="N27033" t="s">
        <v>91</v>
      </c>
      <c r="O27033" t="s">
        <v>85</v>
      </c>
      <c r="P27033" t="s">
        <v>86</v>
      </c>
      <c r="Q27033">
        <v>19</v>
      </c>
      <c r="R27033">
        <v>19</v>
      </c>
      <c r="S27033">
        <v>19</v>
      </c>
      <c r="T27033">
        <v>19</v>
      </c>
      <c r="U27033">
        <v>19</v>
      </c>
      <c r="V27033">
        <v>19</v>
      </c>
      <c r="W27033">
        <v>20</v>
      </c>
      <c r="X27033">
        <v>20</v>
      </c>
      <c r="Y27033">
        <v>20</v>
      </c>
      <c r="Z27033">
        <v>20</v>
      </c>
      <c r="AA27033">
        <v>20</v>
      </c>
      <c r="AB27033">
        <v>20</v>
      </c>
      <c r="AC27033">
        <v>20</v>
      </c>
      <c r="AD27033">
        <v>20</v>
      </c>
      <c r="AE27033">
        <v>20</v>
      </c>
      <c r="AF27033">
        <v>20</v>
      </c>
      <c r="AG27033">
        <v>20</v>
      </c>
      <c r="AH27033">
        <v>21</v>
      </c>
      <c r="AI27033">
        <v>21</v>
      </c>
      <c r="AJ27033">
        <v>21</v>
      </c>
      <c r="AK27033">
        <v>21</v>
      </c>
      <c r="AL27033">
        <v>21</v>
      </c>
      <c r="AM27033">
        <v>21</v>
      </c>
      <c r="AN27033">
        <v>21</v>
      </c>
      <c r="AO27033">
        <v>20</v>
      </c>
      <c r="AP27033">
        <v>20</v>
      </c>
      <c r="AQ27033">
        <v>20</v>
      </c>
    </row>
    <row r="27034" spans="1:43">
      <c r="A27034" t="s">
        <v>16733</v>
      </c>
      <c r="B27034" t="s">
        <v>16734</v>
      </c>
      <c r="C27034" t="s">
        <v>16727</v>
      </c>
      <c r="D27034" t="s">
        <v>16728</v>
      </c>
      <c r="E27034" t="s">
        <v>16695</v>
      </c>
      <c r="F27034" t="s">
        <v>16696</v>
      </c>
      <c r="G27034" t="s">
        <v>16559</v>
      </c>
      <c r="H27034" t="s">
        <v>16560</v>
      </c>
      <c r="I27034" s="2">
        <v>1</v>
      </c>
      <c r="J27034" s="2">
        <v>0</v>
      </c>
      <c r="K27034" s="2">
        <v>0</v>
      </c>
      <c r="L27034" t="s">
        <v>120</v>
      </c>
      <c r="M27034" t="s">
        <v>83</v>
      </c>
      <c r="N27034" t="s">
        <v>84</v>
      </c>
      <c r="O27034" t="s">
        <v>85</v>
      </c>
      <c r="P27034" t="s">
        <v>86</v>
      </c>
      <c r="Q27034">
        <v>2</v>
      </c>
      <c r="R27034">
        <v>2</v>
      </c>
      <c r="S27034">
        <v>2</v>
      </c>
      <c r="T27034">
        <v>2</v>
      </c>
      <c r="U27034">
        <v>2</v>
      </c>
      <c r="V27034">
        <v>2</v>
      </c>
      <c r="W27034">
        <v>2</v>
      </c>
      <c r="X27034">
        <v>2</v>
      </c>
      <c r="Y27034">
        <v>2</v>
      </c>
      <c r="Z27034">
        <v>3</v>
      </c>
      <c r="AA27034">
        <v>3</v>
      </c>
      <c r="AB27034">
        <v>3</v>
      </c>
      <c r="AC27034">
        <v>3</v>
      </c>
      <c r="AD27034">
        <v>3</v>
      </c>
      <c r="AE27034">
        <v>3</v>
      </c>
      <c r="AF27034">
        <v>3</v>
      </c>
      <c r="AG27034">
        <v>3</v>
      </c>
      <c r="AH27034">
        <v>3</v>
      </c>
      <c r="AI27034">
        <v>3</v>
      </c>
      <c r="AJ27034">
        <v>3</v>
      </c>
      <c r="AK27034">
        <v>3</v>
      </c>
      <c r="AL27034">
        <v>3</v>
      </c>
      <c r="AM27034">
        <v>3</v>
      </c>
      <c r="AN27034">
        <v>3</v>
      </c>
      <c r="AO27034">
        <v>3</v>
      </c>
      <c r="AP27034">
        <v>3</v>
      </c>
      <c r="AQ27034">
        <v>3</v>
      </c>
    </row>
    <row r="27035" spans="1:43">
      <c r="A27035" t="s">
        <v>16733</v>
      </c>
      <c r="B27035" t="s">
        <v>16734</v>
      </c>
      <c r="C27035" t="s">
        <v>16727</v>
      </c>
      <c r="D27035" t="s">
        <v>16728</v>
      </c>
      <c r="E27035" t="s">
        <v>16695</v>
      </c>
      <c r="F27035" t="s">
        <v>16696</v>
      </c>
      <c r="G27035" t="s">
        <v>16559</v>
      </c>
      <c r="H27035" t="s">
        <v>16560</v>
      </c>
      <c r="I27035" s="2">
        <v>1</v>
      </c>
      <c r="J27035" s="2">
        <v>0</v>
      </c>
      <c r="K27035" s="2">
        <v>0</v>
      </c>
      <c r="L27035" t="s">
        <v>120</v>
      </c>
      <c r="M27035" t="s">
        <v>87</v>
      </c>
      <c r="N27035" t="s">
        <v>88</v>
      </c>
      <c r="O27035" t="s">
        <v>85</v>
      </c>
      <c r="P27035" t="s">
        <v>86</v>
      </c>
      <c r="Q27035">
        <v>2</v>
      </c>
      <c r="R27035">
        <v>2</v>
      </c>
      <c r="S27035">
        <v>2</v>
      </c>
      <c r="T27035">
        <v>2</v>
      </c>
      <c r="U27035">
        <v>2</v>
      </c>
      <c r="V27035">
        <v>2</v>
      </c>
      <c r="W27035">
        <v>2</v>
      </c>
      <c r="X27035">
        <v>2</v>
      </c>
      <c r="Y27035">
        <v>2</v>
      </c>
      <c r="Z27035">
        <v>2</v>
      </c>
      <c r="AA27035">
        <v>2</v>
      </c>
      <c r="AB27035">
        <v>2</v>
      </c>
      <c r="AC27035">
        <v>2</v>
      </c>
      <c r="AD27035">
        <v>2</v>
      </c>
      <c r="AE27035">
        <v>2</v>
      </c>
      <c r="AF27035">
        <v>2</v>
      </c>
      <c r="AG27035">
        <v>2</v>
      </c>
      <c r="AH27035">
        <v>2</v>
      </c>
      <c r="AI27035">
        <v>2</v>
      </c>
      <c r="AJ27035">
        <v>2</v>
      </c>
      <c r="AK27035">
        <v>2</v>
      </c>
      <c r="AL27035">
        <v>2</v>
      </c>
      <c r="AM27035">
        <v>2</v>
      </c>
      <c r="AN27035">
        <v>2</v>
      </c>
      <c r="AO27035">
        <v>2</v>
      </c>
      <c r="AP27035">
        <v>2</v>
      </c>
      <c r="AQ27035">
        <v>2</v>
      </c>
    </row>
    <row r="27036" spans="1:43">
      <c r="A27036" t="s">
        <v>16733</v>
      </c>
      <c r="B27036" t="s">
        <v>16734</v>
      </c>
      <c r="C27036" t="s">
        <v>16727</v>
      </c>
      <c r="D27036" t="s">
        <v>16728</v>
      </c>
      <c r="E27036" t="s">
        <v>16695</v>
      </c>
      <c r="F27036" t="s">
        <v>16696</v>
      </c>
      <c r="G27036" t="s">
        <v>16559</v>
      </c>
      <c r="H27036" t="s">
        <v>16560</v>
      </c>
      <c r="I27036" s="2">
        <v>1</v>
      </c>
      <c r="J27036" s="2">
        <v>0</v>
      </c>
      <c r="K27036" s="2">
        <v>0</v>
      </c>
      <c r="L27036" t="s">
        <v>120</v>
      </c>
      <c r="M27036" t="s">
        <v>89</v>
      </c>
      <c r="N27036" t="s">
        <v>90</v>
      </c>
      <c r="O27036" t="s">
        <v>85</v>
      </c>
      <c r="P27036" t="s">
        <v>86</v>
      </c>
      <c r="Q27036">
        <v>2</v>
      </c>
      <c r="R27036">
        <v>2</v>
      </c>
      <c r="S27036">
        <v>2</v>
      </c>
      <c r="T27036">
        <v>3</v>
      </c>
      <c r="U27036">
        <v>3</v>
      </c>
      <c r="V27036">
        <v>3</v>
      </c>
      <c r="W27036">
        <v>3</v>
      </c>
      <c r="X27036">
        <v>3</v>
      </c>
      <c r="Y27036">
        <v>3</v>
      </c>
      <c r="Z27036">
        <v>3</v>
      </c>
      <c r="AA27036">
        <v>3</v>
      </c>
      <c r="AB27036">
        <v>3</v>
      </c>
      <c r="AC27036">
        <v>3</v>
      </c>
      <c r="AD27036">
        <v>3</v>
      </c>
      <c r="AE27036">
        <v>3</v>
      </c>
      <c r="AF27036">
        <v>3</v>
      </c>
      <c r="AG27036">
        <v>3</v>
      </c>
      <c r="AH27036">
        <v>3</v>
      </c>
      <c r="AI27036">
        <v>3</v>
      </c>
      <c r="AJ27036">
        <v>3</v>
      </c>
      <c r="AK27036">
        <v>3</v>
      </c>
      <c r="AL27036">
        <v>3</v>
      </c>
      <c r="AM27036">
        <v>3</v>
      </c>
      <c r="AN27036">
        <v>3</v>
      </c>
      <c r="AO27036">
        <v>3</v>
      </c>
      <c r="AP27036">
        <v>3</v>
      </c>
      <c r="AQ27036">
        <v>3</v>
      </c>
    </row>
    <row r="27037" spans="1:43">
      <c r="A27037" t="s">
        <v>16733</v>
      </c>
      <c r="B27037" t="s">
        <v>16734</v>
      </c>
      <c r="C27037" t="s">
        <v>16727</v>
      </c>
      <c r="D27037" t="s">
        <v>16728</v>
      </c>
      <c r="E27037" t="s">
        <v>16695</v>
      </c>
      <c r="F27037" t="s">
        <v>16696</v>
      </c>
      <c r="G27037" t="s">
        <v>16559</v>
      </c>
      <c r="H27037" t="s">
        <v>16560</v>
      </c>
      <c r="I27037" s="2">
        <v>1</v>
      </c>
      <c r="J27037" s="2">
        <v>0</v>
      </c>
      <c r="K27037" s="2">
        <v>0</v>
      </c>
      <c r="L27037" t="s">
        <v>120</v>
      </c>
      <c r="M27037" t="s">
        <v>83</v>
      </c>
      <c r="N27037" t="s">
        <v>91</v>
      </c>
      <c r="O27037" t="s">
        <v>85</v>
      </c>
      <c r="P27037" t="s">
        <v>86</v>
      </c>
      <c r="Q27037">
        <v>2</v>
      </c>
      <c r="R27037">
        <v>2</v>
      </c>
      <c r="S27037">
        <v>2</v>
      </c>
      <c r="T27037">
        <v>2</v>
      </c>
      <c r="U27037">
        <v>2</v>
      </c>
      <c r="V27037">
        <v>2</v>
      </c>
      <c r="W27037">
        <v>2</v>
      </c>
      <c r="X27037">
        <v>2</v>
      </c>
      <c r="Y27037">
        <v>2</v>
      </c>
      <c r="Z27037">
        <v>3</v>
      </c>
      <c r="AA27037">
        <v>3</v>
      </c>
      <c r="AB27037">
        <v>3</v>
      </c>
      <c r="AC27037">
        <v>3</v>
      </c>
      <c r="AD27037">
        <v>3</v>
      </c>
      <c r="AE27037">
        <v>3</v>
      </c>
      <c r="AF27037">
        <v>3</v>
      </c>
      <c r="AG27037">
        <v>3</v>
      </c>
      <c r="AH27037">
        <v>3</v>
      </c>
      <c r="AI27037">
        <v>3</v>
      </c>
      <c r="AJ27037">
        <v>3</v>
      </c>
      <c r="AK27037">
        <v>3</v>
      </c>
      <c r="AL27037">
        <v>3</v>
      </c>
      <c r="AM27037">
        <v>3</v>
      </c>
      <c r="AN27037">
        <v>3</v>
      </c>
      <c r="AO27037">
        <v>3</v>
      </c>
      <c r="AP27037">
        <v>3</v>
      </c>
      <c r="AQ27037">
        <v>3</v>
      </c>
    </row>
    <row r="27038" spans="1:43">
      <c r="A27038" t="s">
        <v>16735</v>
      </c>
      <c r="B27038" t="s">
        <v>16736</v>
      </c>
      <c r="C27038" t="s">
        <v>16737</v>
      </c>
      <c r="D27038" t="s">
        <v>16738</v>
      </c>
      <c r="E27038" t="s">
        <v>16695</v>
      </c>
      <c r="F27038" t="s">
        <v>16696</v>
      </c>
      <c r="G27038" t="s">
        <v>16559</v>
      </c>
      <c r="H27038" t="s">
        <v>16560</v>
      </c>
      <c r="I27038" s="2">
        <v>1</v>
      </c>
      <c r="J27038" s="2">
        <v>0</v>
      </c>
      <c r="K27038" s="2">
        <v>0</v>
      </c>
      <c r="L27038" t="s">
        <v>120</v>
      </c>
      <c r="M27038" t="s">
        <v>83</v>
      </c>
      <c r="N27038" t="s">
        <v>84</v>
      </c>
      <c r="O27038" t="s">
        <v>85</v>
      </c>
      <c r="P27038" t="s">
        <v>86</v>
      </c>
      <c r="Q27038">
        <v>131</v>
      </c>
      <c r="R27038">
        <v>132</v>
      </c>
      <c r="S27038">
        <v>133</v>
      </c>
      <c r="T27038">
        <v>134</v>
      </c>
      <c r="U27038">
        <v>134</v>
      </c>
      <c r="V27038">
        <v>135</v>
      </c>
      <c r="W27038">
        <v>136</v>
      </c>
      <c r="X27038">
        <v>136</v>
      </c>
      <c r="Y27038">
        <v>137</v>
      </c>
      <c r="Z27038">
        <v>137</v>
      </c>
      <c r="AA27038">
        <v>138</v>
      </c>
      <c r="AB27038">
        <v>139</v>
      </c>
      <c r="AC27038">
        <v>139</v>
      </c>
      <c r="AD27038">
        <v>140</v>
      </c>
      <c r="AE27038">
        <v>140</v>
      </c>
      <c r="AF27038">
        <v>141</v>
      </c>
      <c r="AG27038">
        <v>141</v>
      </c>
      <c r="AH27038">
        <v>142</v>
      </c>
      <c r="AI27038">
        <v>142</v>
      </c>
      <c r="AJ27038">
        <v>143</v>
      </c>
      <c r="AK27038">
        <v>143</v>
      </c>
      <c r="AL27038">
        <v>143</v>
      </c>
      <c r="AM27038">
        <v>142</v>
      </c>
      <c r="AN27038">
        <v>141</v>
      </c>
      <c r="AO27038">
        <v>140</v>
      </c>
      <c r="AP27038">
        <v>140</v>
      </c>
      <c r="AQ27038">
        <v>139</v>
      </c>
    </row>
    <row r="27039" spans="1:43">
      <c r="A27039" t="s">
        <v>16735</v>
      </c>
      <c r="B27039" t="s">
        <v>16736</v>
      </c>
      <c r="C27039" t="s">
        <v>16737</v>
      </c>
      <c r="D27039" t="s">
        <v>16738</v>
      </c>
      <c r="E27039" t="s">
        <v>16695</v>
      </c>
      <c r="F27039" t="s">
        <v>16696</v>
      </c>
      <c r="G27039" t="s">
        <v>16559</v>
      </c>
      <c r="H27039" t="s">
        <v>16560</v>
      </c>
      <c r="I27039" s="2">
        <v>1</v>
      </c>
      <c r="J27039" s="2">
        <v>0</v>
      </c>
      <c r="K27039" s="2">
        <v>0</v>
      </c>
      <c r="L27039" t="s">
        <v>120</v>
      </c>
      <c r="M27039" t="s">
        <v>87</v>
      </c>
      <c r="N27039" t="s">
        <v>88</v>
      </c>
      <c r="O27039" t="s">
        <v>85</v>
      </c>
      <c r="P27039" t="s">
        <v>86</v>
      </c>
      <c r="Q27039">
        <v>131</v>
      </c>
      <c r="R27039">
        <v>131</v>
      </c>
      <c r="S27039">
        <v>130</v>
      </c>
      <c r="T27039">
        <v>130</v>
      </c>
      <c r="U27039">
        <v>129</v>
      </c>
      <c r="V27039">
        <v>129</v>
      </c>
      <c r="W27039">
        <v>129</v>
      </c>
      <c r="X27039">
        <v>128</v>
      </c>
      <c r="Y27039">
        <v>128</v>
      </c>
      <c r="Z27039">
        <v>127</v>
      </c>
      <c r="AA27039">
        <v>127</v>
      </c>
      <c r="AB27039">
        <v>126</v>
      </c>
      <c r="AC27039">
        <v>126</v>
      </c>
      <c r="AD27039">
        <v>126</v>
      </c>
      <c r="AE27039">
        <v>125</v>
      </c>
      <c r="AF27039">
        <v>125</v>
      </c>
      <c r="AG27039">
        <v>125</v>
      </c>
      <c r="AH27039">
        <v>124</v>
      </c>
      <c r="AI27039">
        <v>124</v>
      </c>
      <c r="AJ27039">
        <v>124</v>
      </c>
      <c r="AK27039">
        <v>123</v>
      </c>
      <c r="AL27039">
        <v>123</v>
      </c>
      <c r="AM27039">
        <v>123</v>
      </c>
      <c r="AN27039">
        <v>123</v>
      </c>
      <c r="AO27039">
        <v>122</v>
      </c>
      <c r="AP27039">
        <v>122</v>
      </c>
      <c r="AQ27039">
        <v>122</v>
      </c>
    </row>
    <row r="27040" spans="1:43">
      <c r="A27040" t="s">
        <v>16735</v>
      </c>
      <c r="B27040" t="s">
        <v>16736</v>
      </c>
      <c r="C27040" t="s">
        <v>16737</v>
      </c>
      <c r="D27040" t="s">
        <v>16738</v>
      </c>
      <c r="E27040" t="s">
        <v>16695</v>
      </c>
      <c r="F27040" t="s">
        <v>16696</v>
      </c>
      <c r="G27040" t="s">
        <v>16559</v>
      </c>
      <c r="H27040" t="s">
        <v>16560</v>
      </c>
      <c r="I27040" s="2">
        <v>1</v>
      </c>
      <c r="J27040" s="2">
        <v>0</v>
      </c>
      <c r="K27040" s="2">
        <v>0</v>
      </c>
      <c r="L27040" t="s">
        <v>120</v>
      </c>
      <c r="M27040" t="s">
        <v>89</v>
      </c>
      <c r="N27040" t="s">
        <v>90</v>
      </c>
      <c r="O27040" t="s">
        <v>85</v>
      </c>
      <c r="P27040" t="s">
        <v>86</v>
      </c>
      <c r="Q27040">
        <v>131</v>
      </c>
      <c r="R27040">
        <v>133</v>
      </c>
      <c r="S27040">
        <v>135</v>
      </c>
      <c r="T27040">
        <v>137</v>
      </c>
      <c r="U27040">
        <v>139</v>
      </c>
      <c r="V27040">
        <v>140</v>
      </c>
      <c r="W27040">
        <v>141</v>
      </c>
      <c r="X27040">
        <v>143</v>
      </c>
      <c r="Y27040">
        <v>144</v>
      </c>
      <c r="Z27040">
        <v>145</v>
      </c>
      <c r="AA27040">
        <v>146</v>
      </c>
      <c r="AB27040">
        <v>147</v>
      </c>
      <c r="AC27040">
        <v>148</v>
      </c>
      <c r="AD27040">
        <v>149</v>
      </c>
      <c r="AE27040">
        <v>149</v>
      </c>
      <c r="AF27040">
        <v>148</v>
      </c>
      <c r="AG27040">
        <v>147</v>
      </c>
      <c r="AH27040">
        <v>146</v>
      </c>
      <c r="AI27040">
        <v>146</v>
      </c>
      <c r="AJ27040">
        <v>145</v>
      </c>
      <c r="AK27040">
        <v>144</v>
      </c>
      <c r="AL27040">
        <v>143</v>
      </c>
      <c r="AM27040">
        <v>142</v>
      </c>
      <c r="AN27040">
        <v>142</v>
      </c>
      <c r="AO27040">
        <v>141</v>
      </c>
      <c r="AP27040">
        <v>140</v>
      </c>
      <c r="AQ27040">
        <v>139</v>
      </c>
    </row>
    <row r="27041" spans="1:43">
      <c r="A27041" t="s">
        <v>16735</v>
      </c>
      <c r="B27041" t="s">
        <v>16736</v>
      </c>
      <c r="C27041" t="s">
        <v>16737</v>
      </c>
      <c r="D27041" t="s">
        <v>16738</v>
      </c>
      <c r="E27041" t="s">
        <v>16695</v>
      </c>
      <c r="F27041" t="s">
        <v>16696</v>
      </c>
      <c r="G27041" t="s">
        <v>16559</v>
      </c>
      <c r="H27041" t="s">
        <v>16560</v>
      </c>
      <c r="I27041" s="2">
        <v>1</v>
      </c>
      <c r="J27041" s="2">
        <v>0</v>
      </c>
      <c r="K27041" s="2">
        <v>0</v>
      </c>
      <c r="L27041" t="s">
        <v>120</v>
      </c>
      <c r="M27041" t="s">
        <v>83</v>
      </c>
      <c r="N27041" t="s">
        <v>91</v>
      </c>
      <c r="O27041" t="s">
        <v>85</v>
      </c>
      <c r="P27041" t="s">
        <v>86</v>
      </c>
      <c r="Q27041">
        <v>131</v>
      </c>
      <c r="R27041">
        <v>132</v>
      </c>
      <c r="S27041">
        <v>133</v>
      </c>
      <c r="T27041">
        <v>134</v>
      </c>
      <c r="U27041">
        <v>134</v>
      </c>
      <c r="V27041">
        <v>135</v>
      </c>
      <c r="W27041">
        <v>136</v>
      </c>
      <c r="X27041">
        <v>136</v>
      </c>
      <c r="Y27041">
        <v>137</v>
      </c>
      <c r="Z27041">
        <v>137</v>
      </c>
      <c r="AA27041">
        <v>138</v>
      </c>
      <c r="AB27041">
        <v>139</v>
      </c>
      <c r="AC27041">
        <v>139</v>
      </c>
      <c r="AD27041">
        <v>140</v>
      </c>
      <c r="AE27041">
        <v>140</v>
      </c>
      <c r="AF27041">
        <v>141</v>
      </c>
      <c r="AG27041">
        <v>141</v>
      </c>
      <c r="AH27041">
        <v>142</v>
      </c>
      <c r="AI27041">
        <v>142</v>
      </c>
      <c r="AJ27041">
        <v>143</v>
      </c>
      <c r="AK27041">
        <v>143</v>
      </c>
      <c r="AL27041">
        <v>143</v>
      </c>
      <c r="AM27041">
        <v>142</v>
      </c>
      <c r="AN27041">
        <v>141</v>
      </c>
      <c r="AO27041">
        <v>140</v>
      </c>
      <c r="AP27041">
        <v>140</v>
      </c>
      <c r="AQ27041">
        <v>139</v>
      </c>
    </row>
    <row r="27042" spans="1:43">
      <c r="A27042" t="s">
        <v>16739</v>
      </c>
      <c r="B27042" t="s">
        <v>16740</v>
      </c>
      <c r="C27042" t="s">
        <v>16737</v>
      </c>
      <c r="D27042" t="s">
        <v>16738</v>
      </c>
      <c r="E27042" t="s">
        <v>16695</v>
      </c>
      <c r="F27042" t="s">
        <v>16696</v>
      </c>
      <c r="G27042" t="s">
        <v>16559</v>
      </c>
      <c r="H27042" t="s">
        <v>16560</v>
      </c>
      <c r="I27042" s="2">
        <v>1</v>
      </c>
      <c r="J27042" s="2">
        <v>0</v>
      </c>
      <c r="K27042" s="2">
        <v>0</v>
      </c>
      <c r="L27042" t="s">
        <v>120</v>
      </c>
      <c r="M27042" t="s">
        <v>83</v>
      </c>
      <c r="N27042" t="s">
        <v>84</v>
      </c>
      <c r="O27042" t="s">
        <v>85</v>
      </c>
      <c r="P27042" t="s">
        <v>86</v>
      </c>
      <c r="Q27042">
        <v>40</v>
      </c>
      <c r="R27042">
        <v>40</v>
      </c>
      <c r="S27042">
        <v>40</v>
      </c>
      <c r="T27042">
        <v>40</v>
      </c>
      <c r="U27042">
        <v>41</v>
      </c>
      <c r="V27042">
        <v>41</v>
      </c>
      <c r="W27042">
        <v>41</v>
      </c>
      <c r="X27042">
        <v>41</v>
      </c>
      <c r="Y27042">
        <v>41</v>
      </c>
      <c r="Z27042">
        <v>42</v>
      </c>
      <c r="AA27042">
        <v>42</v>
      </c>
      <c r="AB27042">
        <v>42</v>
      </c>
      <c r="AC27042">
        <v>42</v>
      </c>
      <c r="AD27042">
        <v>42</v>
      </c>
      <c r="AE27042">
        <v>42</v>
      </c>
      <c r="AF27042">
        <v>42</v>
      </c>
      <c r="AG27042">
        <v>43</v>
      </c>
      <c r="AH27042">
        <v>43</v>
      </c>
      <c r="AI27042">
        <v>43</v>
      </c>
      <c r="AJ27042">
        <v>43</v>
      </c>
      <c r="AK27042">
        <v>43</v>
      </c>
      <c r="AL27042">
        <v>43</v>
      </c>
      <c r="AM27042">
        <v>43</v>
      </c>
      <c r="AN27042">
        <v>43</v>
      </c>
      <c r="AO27042">
        <v>42</v>
      </c>
      <c r="AP27042">
        <v>42</v>
      </c>
      <c r="AQ27042">
        <v>42</v>
      </c>
    </row>
    <row r="27043" spans="1:43">
      <c r="A27043" t="s">
        <v>16739</v>
      </c>
      <c r="B27043" t="s">
        <v>16740</v>
      </c>
      <c r="C27043" t="s">
        <v>16737</v>
      </c>
      <c r="D27043" t="s">
        <v>16738</v>
      </c>
      <c r="E27043" t="s">
        <v>16695</v>
      </c>
      <c r="F27043" t="s">
        <v>16696</v>
      </c>
      <c r="G27043" t="s">
        <v>16559</v>
      </c>
      <c r="H27043" t="s">
        <v>16560</v>
      </c>
      <c r="I27043" s="2">
        <v>1</v>
      </c>
      <c r="J27043" s="2">
        <v>0</v>
      </c>
      <c r="K27043" s="2">
        <v>0</v>
      </c>
      <c r="L27043" t="s">
        <v>120</v>
      </c>
      <c r="M27043" t="s">
        <v>87</v>
      </c>
      <c r="N27043" t="s">
        <v>88</v>
      </c>
      <c r="O27043" t="s">
        <v>85</v>
      </c>
      <c r="P27043" t="s">
        <v>86</v>
      </c>
      <c r="Q27043">
        <v>40</v>
      </c>
      <c r="R27043">
        <v>40</v>
      </c>
      <c r="S27043">
        <v>40</v>
      </c>
      <c r="T27043">
        <v>40</v>
      </c>
      <c r="U27043">
        <v>40</v>
      </c>
      <c r="V27043">
        <v>40</v>
      </c>
      <c r="W27043">
        <v>40</v>
      </c>
      <c r="X27043">
        <v>39</v>
      </c>
      <c r="Y27043">
        <v>39</v>
      </c>
      <c r="Z27043">
        <v>39</v>
      </c>
      <c r="AA27043">
        <v>39</v>
      </c>
      <c r="AB27043">
        <v>39</v>
      </c>
      <c r="AC27043">
        <v>39</v>
      </c>
      <c r="AD27043">
        <v>39</v>
      </c>
      <c r="AE27043">
        <v>39</v>
      </c>
      <c r="AF27043">
        <v>38</v>
      </c>
      <c r="AG27043">
        <v>38</v>
      </c>
      <c r="AH27043">
        <v>38</v>
      </c>
      <c r="AI27043">
        <v>38</v>
      </c>
      <c r="AJ27043">
        <v>38</v>
      </c>
      <c r="AK27043">
        <v>38</v>
      </c>
      <c r="AL27043">
        <v>38</v>
      </c>
      <c r="AM27043">
        <v>38</v>
      </c>
      <c r="AN27043">
        <v>38</v>
      </c>
      <c r="AO27043">
        <v>38</v>
      </c>
      <c r="AP27043">
        <v>38</v>
      </c>
      <c r="AQ27043">
        <v>37</v>
      </c>
    </row>
    <row r="27044" spans="1:43">
      <c r="A27044" t="s">
        <v>16739</v>
      </c>
      <c r="B27044" t="s">
        <v>16740</v>
      </c>
      <c r="C27044" t="s">
        <v>16737</v>
      </c>
      <c r="D27044" t="s">
        <v>16738</v>
      </c>
      <c r="E27044" t="s">
        <v>16695</v>
      </c>
      <c r="F27044" t="s">
        <v>16696</v>
      </c>
      <c r="G27044" t="s">
        <v>16559</v>
      </c>
      <c r="H27044" t="s">
        <v>16560</v>
      </c>
      <c r="I27044" s="2">
        <v>1</v>
      </c>
      <c r="J27044" s="2">
        <v>0</v>
      </c>
      <c r="K27044" s="2">
        <v>0</v>
      </c>
      <c r="L27044" t="s">
        <v>120</v>
      </c>
      <c r="M27044" t="s">
        <v>89</v>
      </c>
      <c r="N27044" t="s">
        <v>90</v>
      </c>
      <c r="O27044" t="s">
        <v>85</v>
      </c>
      <c r="P27044" t="s">
        <v>86</v>
      </c>
      <c r="Q27044">
        <v>40</v>
      </c>
      <c r="R27044">
        <v>41</v>
      </c>
      <c r="S27044">
        <v>41</v>
      </c>
      <c r="T27044">
        <v>42</v>
      </c>
      <c r="U27044">
        <v>42</v>
      </c>
      <c r="V27044">
        <v>43</v>
      </c>
      <c r="W27044">
        <v>43</v>
      </c>
      <c r="X27044">
        <v>43</v>
      </c>
      <c r="Y27044">
        <v>44</v>
      </c>
      <c r="Z27044">
        <v>44</v>
      </c>
      <c r="AA27044">
        <v>44</v>
      </c>
      <c r="AB27044">
        <v>45</v>
      </c>
      <c r="AC27044">
        <v>45</v>
      </c>
      <c r="AD27044">
        <v>45</v>
      </c>
      <c r="AE27044">
        <v>45</v>
      </c>
      <c r="AF27044">
        <v>45</v>
      </c>
      <c r="AG27044">
        <v>45</v>
      </c>
      <c r="AH27044">
        <v>44</v>
      </c>
      <c r="AI27044">
        <v>44</v>
      </c>
      <c r="AJ27044">
        <v>44</v>
      </c>
      <c r="AK27044">
        <v>44</v>
      </c>
      <c r="AL27044">
        <v>44</v>
      </c>
      <c r="AM27044">
        <v>43</v>
      </c>
      <c r="AN27044">
        <v>43</v>
      </c>
      <c r="AO27044">
        <v>43</v>
      </c>
      <c r="AP27044">
        <v>43</v>
      </c>
      <c r="AQ27044">
        <v>42</v>
      </c>
    </row>
    <row r="27045" spans="1:43">
      <c r="A27045" t="s">
        <v>16739</v>
      </c>
      <c r="B27045" t="s">
        <v>16740</v>
      </c>
      <c r="C27045" t="s">
        <v>16737</v>
      </c>
      <c r="D27045" t="s">
        <v>16738</v>
      </c>
      <c r="E27045" t="s">
        <v>16695</v>
      </c>
      <c r="F27045" t="s">
        <v>16696</v>
      </c>
      <c r="G27045" t="s">
        <v>16559</v>
      </c>
      <c r="H27045" t="s">
        <v>16560</v>
      </c>
      <c r="I27045" s="2">
        <v>1</v>
      </c>
      <c r="J27045" s="2">
        <v>0</v>
      </c>
      <c r="K27045" s="2">
        <v>0</v>
      </c>
      <c r="L27045" t="s">
        <v>120</v>
      </c>
      <c r="M27045" t="s">
        <v>83</v>
      </c>
      <c r="N27045" t="s">
        <v>91</v>
      </c>
      <c r="O27045" t="s">
        <v>85</v>
      </c>
      <c r="P27045" t="s">
        <v>86</v>
      </c>
      <c r="Q27045">
        <v>40</v>
      </c>
      <c r="R27045">
        <v>40</v>
      </c>
      <c r="S27045">
        <v>40</v>
      </c>
      <c r="T27045">
        <v>40</v>
      </c>
      <c r="U27045">
        <v>41</v>
      </c>
      <c r="V27045">
        <v>41</v>
      </c>
      <c r="W27045">
        <v>41</v>
      </c>
      <c r="X27045">
        <v>41</v>
      </c>
      <c r="Y27045">
        <v>41</v>
      </c>
      <c r="Z27045">
        <v>42</v>
      </c>
      <c r="AA27045">
        <v>42</v>
      </c>
      <c r="AB27045">
        <v>42</v>
      </c>
      <c r="AC27045">
        <v>42</v>
      </c>
      <c r="AD27045">
        <v>42</v>
      </c>
      <c r="AE27045">
        <v>42</v>
      </c>
      <c r="AF27045">
        <v>42</v>
      </c>
      <c r="AG27045">
        <v>43</v>
      </c>
      <c r="AH27045">
        <v>43</v>
      </c>
      <c r="AI27045">
        <v>43</v>
      </c>
      <c r="AJ27045">
        <v>43</v>
      </c>
      <c r="AK27045">
        <v>43</v>
      </c>
      <c r="AL27045">
        <v>43</v>
      </c>
      <c r="AM27045">
        <v>43</v>
      </c>
      <c r="AN27045">
        <v>43</v>
      </c>
      <c r="AO27045">
        <v>42</v>
      </c>
      <c r="AP27045">
        <v>42</v>
      </c>
      <c r="AQ27045">
        <v>42</v>
      </c>
    </row>
    <row r="27046" spans="1:43">
      <c r="A27046" t="s">
        <v>16741</v>
      </c>
      <c r="B27046" t="s">
        <v>16742</v>
      </c>
      <c r="C27046" t="s">
        <v>16737</v>
      </c>
      <c r="D27046" t="s">
        <v>16738</v>
      </c>
      <c r="E27046" t="s">
        <v>16695</v>
      </c>
      <c r="F27046" t="s">
        <v>16696</v>
      </c>
      <c r="G27046" t="s">
        <v>16559</v>
      </c>
      <c r="H27046" t="s">
        <v>16560</v>
      </c>
      <c r="I27046" s="2">
        <v>1</v>
      </c>
      <c r="J27046" s="2">
        <v>0</v>
      </c>
      <c r="K27046" s="2">
        <v>0</v>
      </c>
      <c r="L27046" t="s">
        <v>120</v>
      </c>
      <c r="M27046" t="s">
        <v>83</v>
      </c>
      <c r="N27046" t="s">
        <v>84</v>
      </c>
      <c r="O27046" t="s">
        <v>85</v>
      </c>
      <c r="P27046" t="s">
        <v>86</v>
      </c>
      <c r="Q27046">
        <v>38</v>
      </c>
      <c r="R27046">
        <v>38</v>
      </c>
      <c r="S27046">
        <v>38</v>
      </c>
      <c r="T27046">
        <v>38</v>
      </c>
      <c r="U27046">
        <v>39</v>
      </c>
      <c r="V27046">
        <v>39</v>
      </c>
      <c r="W27046">
        <v>39</v>
      </c>
      <c r="X27046">
        <v>39</v>
      </c>
      <c r="Y27046">
        <v>39</v>
      </c>
      <c r="Z27046">
        <v>40</v>
      </c>
      <c r="AA27046">
        <v>40</v>
      </c>
      <c r="AB27046">
        <v>40</v>
      </c>
      <c r="AC27046">
        <v>40</v>
      </c>
      <c r="AD27046">
        <v>40</v>
      </c>
      <c r="AE27046">
        <v>40</v>
      </c>
      <c r="AF27046">
        <v>41</v>
      </c>
      <c r="AG27046">
        <v>41</v>
      </c>
      <c r="AH27046">
        <v>41</v>
      </c>
      <c r="AI27046">
        <v>41</v>
      </c>
      <c r="AJ27046">
        <v>41</v>
      </c>
      <c r="AK27046">
        <v>41</v>
      </c>
      <c r="AL27046">
        <v>41</v>
      </c>
      <c r="AM27046">
        <v>41</v>
      </c>
      <c r="AN27046">
        <v>41</v>
      </c>
      <c r="AO27046">
        <v>41</v>
      </c>
      <c r="AP27046">
        <v>41</v>
      </c>
      <c r="AQ27046">
        <v>40</v>
      </c>
    </row>
    <row r="27047" spans="1:43">
      <c r="A27047" t="s">
        <v>16741</v>
      </c>
      <c r="B27047" t="s">
        <v>16742</v>
      </c>
      <c r="C27047" t="s">
        <v>16737</v>
      </c>
      <c r="D27047" t="s">
        <v>16738</v>
      </c>
      <c r="E27047" t="s">
        <v>16695</v>
      </c>
      <c r="F27047" t="s">
        <v>16696</v>
      </c>
      <c r="G27047" t="s">
        <v>16559</v>
      </c>
      <c r="H27047" t="s">
        <v>16560</v>
      </c>
      <c r="I27047" s="2">
        <v>1</v>
      </c>
      <c r="J27047" s="2">
        <v>0</v>
      </c>
      <c r="K27047" s="2">
        <v>0</v>
      </c>
      <c r="L27047" t="s">
        <v>120</v>
      </c>
      <c r="M27047" t="s">
        <v>87</v>
      </c>
      <c r="N27047" t="s">
        <v>88</v>
      </c>
      <c r="O27047" t="s">
        <v>85</v>
      </c>
      <c r="P27047" t="s">
        <v>86</v>
      </c>
      <c r="Q27047">
        <v>38</v>
      </c>
      <c r="R27047">
        <v>38</v>
      </c>
      <c r="S27047">
        <v>38</v>
      </c>
      <c r="T27047">
        <v>38</v>
      </c>
      <c r="U27047">
        <v>38</v>
      </c>
      <c r="V27047">
        <v>38</v>
      </c>
      <c r="W27047">
        <v>38</v>
      </c>
      <c r="X27047">
        <v>38</v>
      </c>
      <c r="Y27047">
        <v>37</v>
      </c>
      <c r="Z27047">
        <v>37</v>
      </c>
      <c r="AA27047">
        <v>37</v>
      </c>
      <c r="AB27047">
        <v>37</v>
      </c>
      <c r="AC27047">
        <v>37</v>
      </c>
      <c r="AD27047">
        <v>37</v>
      </c>
      <c r="AE27047">
        <v>37</v>
      </c>
      <c r="AF27047">
        <v>37</v>
      </c>
      <c r="AG27047">
        <v>37</v>
      </c>
      <c r="AH27047">
        <v>37</v>
      </c>
      <c r="AI27047">
        <v>37</v>
      </c>
      <c r="AJ27047">
        <v>36</v>
      </c>
      <c r="AK27047">
        <v>36</v>
      </c>
      <c r="AL27047">
        <v>36</v>
      </c>
      <c r="AM27047">
        <v>36</v>
      </c>
      <c r="AN27047">
        <v>36</v>
      </c>
      <c r="AO27047">
        <v>36</v>
      </c>
      <c r="AP27047">
        <v>36</v>
      </c>
      <c r="AQ27047">
        <v>36</v>
      </c>
    </row>
    <row r="27048" spans="1:43">
      <c r="A27048" t="s">
        <v>16741</v>
      </c>
      <c r="B27048" t="s">
        <v>16742</v>
      </c>
      <c r="C27048" t="s">
        <v>16737</v>
      </c>
      <c r="D27048" t="s">
        <v>16738</v>
      </c>
      <c r="E27048" t="s">
        <v>16695</v>
      </c>
      <c r="F27048" t="s">
        <v>16696</v>
      </c>
      <c r="G27048" t="s">
        <v>16559</v>
      </c>
      <c r="H27048" t="s">
        <v>16560</v>
      </c>
      <c r="I27048" s="2">
        <v>1</v>
      </c>
      <c r="J27048" s="2">
        <v>0</v>
      </c>
      <c r="K27048" s="2">
        <v>0</v>
      </c>
      <c r="L27048" t="s">
        <v>120</v>
      </c>
      <c r="M27048" t="s">
        <v>89</v>
      </c>
      <c r="N27048" t="s">
        <v>90</v>
      </c>
      <c r="O27048" t="s">
        <v>85</v>
      </c>
      <c r="P27048" t="s">
        <v>86</v>
      </c>
      <c r="Q27048">
        <v>38</v>
      </c>
      <c r="R27048">
        <v>39</v>
      </c>
      <c r="S27048">
        <v>39</v>
      </c>
      <c r="T27048">
        <v>40</v>
      </c>
      <c r="U27048">
        <v>40</v>
      </c>
      <c r="V27048">
        <v>41</v>
      </c>
      <c r="W27048">
        <v>41</v>
      </c>
      <c r="X27048">
        <v>41</v>
      </c>
      <c r="Y27048">
        <v>42</v>
      </c>
      <c r="Z27048">
        <v>42</v>
      </c>
      <c r="AA27048">
        <v>42</v>
      </c>
      <c r="AB27048">
        <v>43</v>
      </c>
      <c r="AC27048">
        <v>43</v>
      </c>
      <c r="AD27048">
        <v>43</v>
      </c>
      <c r="AE27048">
        <v>43</v>
      </c>
      <c r="AF27048">
        <v>43</v>
      </c>
      <c r="AG27048">
        <v>43</v>
      </c>
      <c r="AH27048">
        <v>43</v>
      </c>
      <c r="AI27048">
        <v>42</v>
      </c>
      <c r="AJ27048">
        <v>42</v>
      </c>
      <c r="AK27048">
        <v>42</v>
      </c>
      <c r="AL27048">
        <v>42</v>
      </c>
      <c r="AM27048">
        <v>42</v>
      </c>
      <c r="AN27048">
        <v>41</v>
      </c>
      <c r="AO27048">
        <v>41</v>
      </c>
      <c r="AP27048">
        <v>41</v>
      </c>
      <c r="AQ27048">
        <v>41</v>
      </c>
    </row>
    <row r="27049" spans="1:43">
      <c r="A27049" t="s">
        <v>16741</v>
      </c>
      <c r="B27049" t="s">
        <v>16742</v>
      </c>
      <c r="C27049" t="s">
        <v>16737</v>
      </c>
      <c r="D27049" t="s">
        <v>16738</v>
      </c>
      <c r="E27049" t="s">
        <v>16695</v>
      </c>
      <c r="F27049" t="s">
        <v>16696</v>
      </c>
      <c r="G27049" t="s">
        <v>16559</v>
      </c>
      <c r="H27049" t="s">
        <v>16560</v>
      </c>
      <c r="I27049" s="2">
        <v>1</v>
      </c>
      <c r="J27049" s="2">
        <v>0</v>
      </c>
      <c r="K27049" s="2">
        <v>0</v>
      </c>
      <c r="L27049" t="s">
        <v>120</v>
      </c>
      <c r="M27049" t="s">
        <v>83</v>
      </c>
      <c r="N27049" t="s">
        <v>91</v>
      </c>
      <c r="O27049" t="s">
        <v>85</v>
      </c>
      <c r="P27049" t="s">
        <v>86</v>
      </c>
      <c r="Q27049">
        <v>38</v>
      </c>
      <c r="R27049">
        <v>38</v>
      </c>
      <c r="S27049">
        <v>38</v>
      </c>
      <c r="T27049">
        <v>38</v>
      </c>
      <c r="U27049">
        <v>39</v>
      </c>
      <c r="V27049">
        <v>39</v>
      </c>
      <c r="W27049">
        <v>39</v>
      </c>
      <c r="X27049">
        <v>39</v>
      </c>
      <c r="Y27049">
        <v>39</v>
      </c>
      <c r="Z27049">
        <v>40</v>
      </c>
      <c r="AA27049">
        <v>40</v>
      </c>
      <c r="AB27049">
        <v>40</v>
      </c>
      <c r="AC27049">
        <v>40</v>
      </c>
      <c r="AD27049">
        <v>40</v>
      </c>
      <c r="AE27049">
        <v>40</v>
      </c>
      <c r="AF27049">
        <v>41</v>
      </c>
      <c r="AG27049">
        <v>41</v>
      </c>
      <c r="AH27049">
        <v>41</v>
      </c>
      <c r="AI27049">
        <v>41</v>
      </c>
      <c r="AJ27049">
        <v>41</v>
      </c>
      <c r="AK27049">
        <v>41</v>
      </c>
      <c r="AL27049">
        <v>41</v>
      </c>
      <c r="AM27049">
        <v>41</v>
      </c>
      <c r="AN27049">
        <v>41</v>
      </c>
      <c r="AO27049">
        <v>41</v>
      </c>
      <c r="AP27049">
        <v>41</v>
      </c>
      <c r="AQ27049">
        <v>40</v>
      </c>
    </row>
    <row r="27050" spans="1:43">
      <c r="A27050" t="s">
        <v>16743</v>
      </c>
      <c r="B27050" t="s">
        <v>16744</v>
      </c>
      <c r="C27050" t="s">
        <v>16737</v>
      </c>
      <c r="D27050" t="s">
        <v>16738</v>
      </c>
      <c r="E27050" t="s">
        <v>16695</v>
      </c>
      <c r="F27050" t="s">
        <v>16696</v>
      </c>
      <c r="G27050" t="s">
        <v>16559</v>
      </c>
      <c r="H27050" t="s">
        <v>16560</v>
      </c>
      <c r="I27050" s="2">
        <v>1</v>
      </c>
      <c r="J27050" s="2">
        <v>0</v>
      </c>
      <c r="K27050" s="2">
        <v>0</v>
      </c>
      <c r="L27050" t="s">
        <v>120</v>
      </c>
      <c r="M27050" t="s">
        <v>83</v>
      </c>
      <c r="N27050" t="s">
        <v>84</v>
      </c>
      <c r="O27050" t="s">
        <v>85</v>
      </c>
      <c r="P27050" t="s">
        <v>86</v>
      </c>
      <c r="Q27050">
        <v>7</v>
      </c>
      <c r="R27050">
        <v>7</v>
      </c>
      <c r="S27050">
        <v>7</v>
      </c>
      <c r="T27050">
        <v>7</v>
      </c>
      <c r="U27050">
        <v>7</v>
      </c>
      <c r="V27050">
        <v>7</v>
      </c>
      <c r="W27050">
        <v>7</v>
      </c>
      <c r="X27050">
        <v>7</v>
      </c>
      <c r="Y27050">
        <v>7</v>
      </c>
      <c r="Z27050">
        <v>7</v>
      </c>
      <c r="AA27050">
        <v>7</v>
      </c>
      <c r="AB27050">
        <v>7</v>
      </c>
      <c r="AC27050">
        <v>7</v>
      </c>
      <c r="AD27050">
        <v>7</v>
      </c>
      <c r="AE27050">
        <v>7</v>
      </c>
      <c r="AF27050">
        <v>7</v>
      </c>
      <c r="AG27050">
        <v>7</v>
      </c>
      <c r="AH27050">
        <v>7</v>
      </c>
      <c r="AI27050">
        <v>7</v>
      </c>
      <c r="AJ27050">
        <v>7</v>
      </c>
      <c r="AK27050">
        <v>7</v>
      </c>
      <c r="AL27050">
        <v>7</v>
      </c>
      <c r="AM27050">
        <v>7</v>
      </c>
      <c r="AN27050">
        <v>7</v>
      </c>
      <c r="AO27050">
        <v>7</v>
      </c>
      <c r="AP27050">
        <v>7</v>
      </c>
      <c r="AQ27050">
        <v>7</v>
      </c>
    </row>
    <row r="27051" spans="1:43">
      <c r="A27051" t="s">
        <v>16743</v>
      </c>
      <c r="B27051" t="s">
        <v>16744</v>
      </c>
      <c r="C27051" t="s">
        <v>16737</v>
      </c>
      <c r="D27051" t="s">
        <v>16738</v>
      </c>
      <c r="E27051" t="s">
        <v>16695</v>
      </c>
      <c r="F27051" t="s">
        <v>16696</v>
      </c>
      <c r="G27051" t="s">
        <v>16559</v>
      </c>
      <c r="H27051" t="s">
        <v>16560</v>
      </c>
      <c r="I27051" s="2">
        <v>1</v>
      </c>
      <c r="J27051" s="2">
        <v>0</v>
      </c>
      <c r="K27051" s="2">
        <v>0</v>
      </c>
      <c r="L27051" t="s">
        <v>120</v>
      </c>
      <c r="M27051" t="s">
        <v>87</v>
      </c>
      <c r="N27051" t="s">
        <v>88</v>
      </c>
      <c r="O27051" t="s">
        <v>85</v>
      </c>
      <c r="P27051" t="s">
        <v>86</v>
      </c>
      <c r="Q27051">
        <v>7</v>
      </c>
      <c r="R27051">
        <v>7</v>
      </c>
      <c r="S27051">
        <v>7</v>
      </c>
      <c r="T27051">
        <v>7</v>
      </c>
      <c r="U27051">
        <v>7</v>
      </c>
      <c r="V27051">
        <v>7</v>
      </c>
      <c r="W27051">
        <v>7</v>
      </c>
      <c r="X27051">
        <v>7</v>
      </c>
      <c r="Y27051">
        <v>7</v>
      </c>
      <c r="Z27051">
        <v>7</v>
      </c>
      <c r="AA27051">
        <v>7</v>
      </c>
      <c r="AB27051">
        <v>7</v>
      </c>
      <c r="AC27051">
        <v>7</v>
      </c>
      <c r="AD27051">
        <v>7</v>
      </c>
      <c r="AE27051">
        <v>7</v>
      </c>
      <c r="AF27051">
        <v>7</v>
      </c>
      <c r="AG27051">
        <v>7</v>
      </c>
      <c r="AH27051">
        <v>7</v>
      </c>
      <c r="AI27051">
        <v>7</v>
      </c>
      <c r="AJ27051">
        <v>7</v>
      </c>
      <c r="AK27051">
        <v>7</v>
      </c>
      <c r="AL27051">
        <v>7</v>
      </c>
      <c r="AM27051">
        <v>7</v>
      </c>
      <c r="AN27051">
        <v>7</v>
      </c>
      <c r="AO27051">
        <v>7</v>
      </c>
      <c r="AP27051">
        <v>7</v>
      </c>
      <c r="AQ27051">
        <v>7</v>
      </c>
    </row>
    <row r="27052" spans="1:43">
      <c r="A27052" t="s">
        <v>16743</v>
      </c>
      <c r="B27052" t="s">
        <v>16744</v>
      </c>
      <c r="C27052" t="s">
        <v>16737</v>
      </c>
      <c r="D27052" t="s">
        <v>16738</v>
      </c>
      <c r="E27052" t="s">
        <v>16695</v>
      </c>
      <c r="F27052" t="s">
        <v>16696</v>
      </c>
      <c r="G27052" t="s">
        <v>16559</v>
      </c>
      <c r="H27052" t="s">
        <v>16560</v>
      </c>
      <c r="I27052" s="2">
        <v>1</v>
      </c>
      <c r="J27052" s="2">
        <v>0</v>
      </c>
      <c r="K27052" s="2">
        <v>0</v>
      </c>
      <c r="L27052" t="s">
        <v>120</v>
      </c>
      <c r="M27052" t="s">
        <v>89</v>
      </c>
      <c r="N27052" t="s">
        <v>90</v>
      </c>
      <c r="O27052" t="s">
        <v>85</v>
      </c>
      <c r="P27052" t="s">
        <v>86</v>
      </c>
      <c r="Q27052">
        <v>7</v>
      </c>
      <c r="R27052">
        <v>7</v>
      </c>
      <c r="S27052">
        <v>7</v>
      </c>
      <c r="T27052">
        <v>7</v>
      </c>
      <c r="U27052">
        <v>7</v>
      </c>
      <c r="V27052">
        <v>7</v>
      </c>
      <c r="W27052">
        <v>7</v>
      </c>
      <c r="X27052">
        <v>7</v>
      </c>
      <c r="Y27052">
        <v>7</v>
      </c>
      <c r="Z27052">
        <v>7</v>
      </c>
      <c r="AA27052">
        <v>7</v>
      </c>
      <c r="AB27052">
        <v>7</v>
      </c>
      <c r="AC27052">
        <v>7</v>
      </c>
      <c r="AD27052">
        <v>7</v>
      </c>
      <c r="AE27052">
        <v>8</v>
      </c>
      <c r="AF27052">
        <v>7</v>
      </c>
      <c r="AG27052">
        <v>7</v>
      </c>
      <c r="AH27052">
        <v>7</v>
      </c>
      <c r="AI27052">
        <v>7</v>
      </c>
      <c r="AJ27052">
        <v>7</v>
      </c>
      <c r="AK27052">
        <v>7</v>
      </c>
      <c r="AL27052">
        <v>7</v>
      </c>
      <c r="AM27052">
        <v>7</v>
      </c>
      <c r="AN27052">
        <v>7</v>
      </c>
      <c r="AO27052">
        <v>7</v>
      </c>
      <c r="AP27052">
        <v>7</v>
      </c>
      <c r="AQ27052">
        <v>7</v>
      </c>
    </row>
    <row r="27053" spans="1:43">
      <c r="A27053" t="s">
        <v>16743</v>
      </c>
      <c r="B27053" t="s">
        <v>16744</v>
      </c>
      <c r="C27053" t="s">
        <v>16737</v>
      </c>
      <c r="D27053" t="s">
        <v>16738</v>
      </c>
      <c r="E27053" t="s">
        <v>16695</v>
      </c>
      <c r="F27053" t="s">
        <v>16696</v>
      </c>
      <c r="G27053" t="s">
        <v>16559</v>
      </c>
      <c r="H27053" t="s">
        <v>16560</v>
      </c>
      <c r="I27053" s="2">
        <v>1</v>
      </c>
      <c r="J27053" s="2">
        <v>0</v>
      </c>
      <c r="K27053" s="2">
        <v>0</v>
      </c>
      <c r="L27053" t="s">
        <v>120</v>
      </c>
      <c r="M27053" t="s">
        <v>83</v>
      </c>
      <c r="N27053" t="s">
        <v>91</v>
      </c>
      <c r="O27053" t="s">
        <v>85</v>
      </c>
      <c r="P27053" t="s">
        <v>86</v>
      </c>
      <c r="Q27053">
        <v>7</v>
      </c>
      <c r="R27053">
        <v>7</v>
      </c>
      <c r="S27053">
        <v>7</v>
      </c>
      <c r="T27053">
        <v>7</v>
      </c>
      <c r="U27053">
        <v>7</v>
      </c>
      <c r="V27053">
        <v>7</v>
      </c>
      <c r="W27053">
        <v>7</v>
      </c>
      <c r="X27053">
        <v>7</v>
      </c>
      <c r="Y27053">
        <v>7</v>
      </c>
      <c r="Z27053">
        <v>7</v>
      </c>
      <c r="AA27053">
        <v>7</v>
      </c>
      <c r="AB27053">
        <v>7</v>
      </c>
      <c r="AC27053">
        <v>7</v>
      </c>
      <c r="AD27053">
        <v>7</v>
      </c>
      <c r="AE27053">
        <v>7</v>
      </c>
      <c r="AF27053">
        <v>7</v>
      </c>
      <c r="AG27053">
        <v>7</v>
      </c>
      <c r="AH27053">
        <v>7</v>
      </c>
      <c r="AI27053">
        <v>7</v>
      </c>
      <c r="AJ27053">
        <v>7</v>
      </c>
      <c r="AK27053">
        <v>7</v>
      </c>
      <c r="AL27053">
        <v>7</v>
      </c>
      <c r="AM27053">
        <v>7</v>
      </c>
      <c r="AN27053">
        <v>7</v>
      </c>
      <c r="AO27053">
        <v>7</v>
      </c>
      <c r="AP27053">
        <v>7</v>
      </c>
      <c r="AQ27053">
        <v>7</v>
      </c>
    </row>
    <row r="27054" spans="1:43">
      <c r="A27054" t="s">
        <v>16745</v>
      </c>
      <c r="B27054" t="s">
        <v>16746</v>
      </c>
      <c r="C27054" t="s">
        <v>16747</v>
      </c>
      <c r="D27054" t="s">
        <v>16748</v>
      </c>
      <c r="E27054" t="s">
        <v>16695</v>
      </c>
      <c r="F27054" t="s">
        <v>16696</v>
      </c>
      <c r="G27054" t="s">
        <v>16559</v>
      </c>
      <c r="H27054" t="s">
        <v>16560</v>
      </c>
      <c r="I27054" s="2">
        <v>1</v>
      </c>
      <c r="J27054" s="2">
        <v>0</v>
      </c>
      <c r="K27054" s="2">
        <v>0</v>
      </c>
      <c r="L27054" t="s">
        <v>120</v>
      </c>
      <c r="M27054" t="s">
        <v>83</v>
      </c>
      <c r="N27054" t="s">
        <v>84</v>
      </c>
      <c r="O27054" t="s">
        <v>85</v>
      </c>
      <c r="P27054" t="s">
        <v>86</v>
      </c>
      <c r="Q27054">
        <v>62</v>
      </c>
      <c r="R27054">
        <v>62</v>
      </c>
      <c r="S27054">
        <v>62</v>
      </c>
      <c r="T27054">
        <v>63</v>
      </c>
      <c r="U27054">
        <v>63</v>
      </c>
      <c r="V27054">
        <v>63</v>
      </c>
      <c r="W27054">
        <v>64</v>
      </c>
      <c r="X27054">
        <v>64</v>
      </c>
      <c r="Y27054">
        <v>64</v>
      </c>
      <c r="Z27054">
        <v>64</v>
      </c>
      <c r="AA27054">
        <v>65</v>
      </c>
      <c r="AB27054">
        <v>65</v>
      </c>
      <c r="AC27054">
        <v>65</v>
      </c>
      <c r="AD27054">
        <v>65</v>
      </c>
      <c r="AE27054">
        <v>66</v>
      </c>
      <c r="AF27054">
        <v>66</v>
      </c>
      <c r="AG27054">
        <v>66</v>
      </c>
      <c r="AH27054">
        <v>66</v>
      </c>
      <c r="AI27054">
        <v>66</v>
      </c>
      <c r="AJ27054">
        <v>67</v>
      </c>
      <c r="AK27054">
        <v>67</v>
      </c>
      <c r="AL27054">
        <v>67</v>
      </c>
      <c r="AM27054">
        <v>66</v>
      </c>
      <c r="AN27054">
        <v>66</v>
      </c>
      <c r="AO27054">
        <v>66</v>
      </c>
      <c r="AP27054">
        <v>65</v>
      </c>
      <c r="AQ27054">
        <v>65</v>
      </c>
    </row>
    <row r="27055" spans="1:43">
      <c r="A27055" t="s">
        <v>16745</v>
      </c>
      <c r="B27055" t="s">
        <v>16746</v>
      </c>
      <c r="C27055" t="s">
        <v>16747</v>
      </c>
      <c r="D27055" t="s">
        <v>16748</v>
      </c>
      <c r="E27055" t="s">
        <v>16695</v>
      </c>
      <c r="F27055" t="s">
        <v>16696</v>
      </c>
      <c r="G27055" t="s">
        <v>16559</v>
      </c>
      <c r="H27055" t="s">
        <v>16560</v>
      </c>
      <c r="I27055" s="2">
        <v>1</v>
      </c>
      <c r="J27055" s="2">
        <v>0</v>
      </c>
      <c r="K27055" s="2">
        <v>0</v>
      </c>
      <c r="L27055" t="s">
        <v>120</v>
      </c>
      <c r="M27055" t="s">
        <v>87</v>
      </c>
      <c r="N27055" t="s">
        <v>88</v>
      </c>
      <c r="O27055" t="s">
        <v>85</v>
      </c>
      <c r="P27055" t="s">
        <v>86</v>
      </c>
      <c r="Q27055">
        <v>62</v>
      </c>
      <c r="R27055">
        <v>62</v>
      </c>
      <c r="S27055">
        <v>62</v>
      </c>
      <c r="T27055">
        <v>62</v>
      </c>
      <c r="U27055">
        <v>61</v>
      </c>
      <c r="V27055">
        <v>61</v>
      </c>
      <c r="W27055">
        <v>61</v>
      </c>
      <c r="X27055">
        <v>61</v>
      </c>
      <c r="Y27055">
        <v>60</v>
      </c>
      <c r="Z27055">
        <v>60</v>
      </c>
      <c r="AA27055">
        <v>60</v>
      </c>
      <c r="AB27055">
        <v>60</v>
      </c>
      <c r="AC27055">
        <v>60</v>
      </c>
      <c r="AD27055">
        <v>59</v>
      </c>
      <c r="AE27055">
        <v>59</v>
      </c>
      <c r="AF27055">
        <v>59</v>
      </c>
      <c r="AG27055">
        <v>59</v>
      </c>
      <c r="AH27055">
        <v>59</v>
      </c>
      <c r="AI27055">
        <v>59</v>
      </c>
      <c r="AJ27055">
        <v>58</v>
      </c>
      <c r="AK27055">
        <v>58</v>
      </c>
      <c r="AL27055">
        <v>58</v>
      </c>
      <c r="AM27055">
        <v>58</v>
      </c>
      <c r="AN27055">
        <v>58</v>
      </c>
      <c r="AO27055">
        <v>58</v>
      </c>
      <c r="AP27055">
        <v>58</v>
      </c>
      <c r="AQ27055">
        <v>57</v>
      </c>
    </row>
    <row r="27056" spans="1:43">
      <c r="A27056" t="s">
        <v>16745</v>
      </c>
      <c r="B27056" t="s">
        <v>16746</v>
      </c>
      <c r="C27056" t="s">
        <v>16747</v>
      </c>
      <c r="D27056" t="s">
        <v>16748</v>
      </c>
      <c r="E27056" t="s">
        <v>16695</v>
      </c>
      <c r="F27056" t="s">
        <v>16696</v>
      </c>
      <c r="G27056" t="s">
        <v>16559</v>
      </c>
      <c r="H27056" t="s">
        <v>16560</v>
      </c>
      <c r="I27056" s="2">
        <v>1</v>
      </c>
      <c r="J27056" s="2">
        <v>0</v>
      </c>
      <c r="K27056" s="2">
        <v>0</v>
      </c>
      <c r="L27056" t="s">
        <v>120</v>
      </c>
      <c r="M27056" t="s">
        <v>89</v>
      </c>
      <c r="N27056" t="s">
        <v>90</v>
      </c>
      <c r="O27056" t="s">
        <v>85</v>
      </c>
      <c r="P27056" t="s">
        <v>86</v>
      </c>
      <c r="Q27056">
        <v>62</v>
      </c>
      <c r="R27056">
        <v>63</v>
      </c>
      <c r="S27056">
        <v>64</v>
      </c>
      <c r="T27056">
        <v>65</v>
      </c>
      <c r="U27056">
        <v>66</v>
      </c>
      <c r="V27056">
        <v>66</v>
      </c>
      <c r="W27056">
        <v>67</v>
      </c>
      <c r="X27056">
        <v>67</v>
      </c>
      <c r="Y27056">
        <v>68</v>
      </c>
      <c r="Z27056">
        <v>68</v>
      </c>
      <c r="AA27056">
        <v>69</v>
      </c>
      <c r="AB27056">
        <v>69</v>
      </c>
      <c r="AC27056">
        <v>70</v>
      </c>
      <c r="AD27056">
        <v>70</v>
      </c>
      <c r="AE27056">
        <v>70</v>
      </c>
      <c r="AF27056">
        <v>70</v>
      </c>
      <c r="AG27056">
        <v>69</v>
      </c>
      <c r="AH27056">
        <v>69</v>
      </c>
      <c r="AI27056">
        <v>69</v>
      </c>
      <c r="AJ27056">
        <v>68</v>
      </c>
      <c r="AK27056">
        <v>68</v>
      </c>
      <c r="AL27056">
        <v>67</v>
      </c>
      <c r="AM27056">
        <v>67</v>
      </c>
      <c r="AN27056">
        <v>67</v>
      </c>
      <c r="AO27056">
        <v>66</v>
      </c>
      <c r="AP27056">
        <v>66</v>
      </c>
      <c r="AQ27056">
        <v>66</v>
      </c>
    </row>
    <row r="27057" spans="1:43">
      <c r="A27057" t="s">
        <v>16745</v>
      </c>
      <c r="B27057" t="s">
        <v>16746</v>
      </c>
      <c r="C27057" t="s">
        <v>16747</v>
      </c>
      <c r="D27057" t="s">
        <v>16748</v>
      </c>
      <c r="E27057" t="s">
        <v>16695</v>
      </c>
      <c r="F27057" t="s">
        <v>16696</v>
      </c>
      <c r="G27057" t="s">
        <v>16559</v>
      </c>
      <c r="H27057" t="s">
        <v>16560</v>
      </c>
      <c r="I27057" s="2">
        <v>1</v>
      </c>
      <c r="J27057" s="2">
        <v>0</v>
      </c>
      <c r="K27057" s="2">
        <v>0</v>
      </c>
      <c r="L27057" t="s">
        <v>120</v>
      </c>
      <c r="M27057" t="s">
        <v>83</v>
      </c>
      <c r="N27057" t="s">
        <v>91</v>
      </c>
      <c r="O27057" t="s">
        <v>85</v>
      </c>
      <c r="P27057" t="s">
        <v>86</v>
      </c>
      <c r="Q27057">
        <v>62</v>
      </c>
      <c r="R27057">
        <v>62</v>
      </c>
      <c r="S27057">
        <v>62</v>
      </c>
      <c r="T27057">
        <v>63</v>
      </c>
      <c r="U27057">
        <v>63</v>
      </c>
      <c r="V27057">
        <v>63</v>
      </c>
      <c r="W27057">
        <v>64</v>
      </c>
      <c r="X27057">
        <v>64</v>
      </c>
      <c r="Y27057">
        <v>64</v>
      </c>
      <c r="Z27057">
        <v>64</v>
      </c>
      <c r="AA27057">
        <v>65</v>
      </c>
      <c r="AB27057">
        <v>65</v>
      </c>
      <c r="AC27057">
        <v>65</v>
      </c>
      <c r="AD27057">
        <v>65</v>
      </c>
      <c r="AE27057">
        <v>66</v>
      </c>
      <c r="AF27057">
        <v>66</v>
      </c>
      <c r="AG27057">
        <v>66</v>
      </c>
      <c r="AH27057">
        <v>66</v>
      </c>
      <c r="AI27057">
        <v>66</v>
      </c>
      <c r="AJ27057">
        <v>67</v>
      </c>
      <c r="AK27057">
        <v>67</v>
      </c>
      <c r="AL27057">
        <v>67</v>
      </c>
      <c r="AM27057">
        <v>66</v>
      </c>
      <c r="AN27057">
        <v>66</v>
      </c>
      <c r="AO27057">
        <v>66</v>
      </c>
      <c r="AP27057">
        <v>65</v>
      </c>
      <c r="AQ27057">
        <v>65</v>
      </c>
    </row>
    <row r="27058" spans="1:43">
      <c r="A27058" t="s">
        <v>16749</v>
      </c>
      <c r="B27058" t="s">
        <v>16750</v>
      </c>
      <c r="C27058" t="s">
        <v>16747</v>
      </c>
      <c r="D27058" t="s">
        <v>16748</v>
      </c>
      <c r="E27058" t="s">
        <v>16695</v>
      </c>
      <c r="F27058" t="s">
        <v>16696</v>
      </c>
      <c r="G27058" t="s">
        <v>16559</v>
      </c>
      <c r="H27058" t="s">
        <v>16560</v>
      </c>
      <c r="I27058" s="2">
        <v>1</v>
      </c>
      <c r="J27058" s="2">
        <v>0</v>
      </c>
      <c r="K27058" s="2">
        <v>0</v>
      </c>
      <c r="L27058" t="s">
        <v>120</v>
      </c>
      <c r="M27058" t="s">
        <v>83</v>
      </c>
      <c r="N27058" t="s">
        <v>84</v>
      </c>
      <c r="O27058" t="s">
        <v>85</v>
      </c>
      <c r="P27058" t="s">
        <v>86</v>
      </c>
      <c r="Q27058">
        <v>13</v>
      </c>
      <c r="R27058">
        <v>13</v>
      </c>
      <c r="S27058">
        <v>13</v>
      </c>
      <c r="T27058">
        <v>14</v>
      </c>
      <c r="U27058">
        <v>14</v>
      </c>
      <c r="V27058">
        <v>14</v>
      </c>
      <c r="W27058">
        <v>14</v>
      </c>
      <c r="X27058">
        <v>14</v>
      </c>
      <c r="Y27058">
        <v>14</v>
      </c>
      <c r="Z27058">
        <v>14</v>
      </c>
      <c r="AA27058">
        <v>14</v>
      </c>
      <c r="AB27058">
        <v>14</v>
      </c>
      <c r="AC27058">
        <v>14</v>
      </c>
      <c r="AD27058">
        <v>14</v>
      </c>
      <c r="AE27058">
        <v>14</v>
      </c>
      <c r="AF27058">
        <v>14</v>
      </c>
      <c r="AG27058">
        <v>14</v>
      </c>
      <c r="AH27058">
        <v>14</v>
      </c>
      <c r="AI27058">
        <v>14</v>
      </c>
      <c r="AJ27058">
        <v>14</v>
      </c>
      <c r="AK27058">
        <v>14</v>
      </c>
      <c r="AL27058">
        <v>14</v>
      </c>
      <c r="AM27058">
        <v>14</v>
      </c>
      <c r="AN27058">
        <v>14</v>
      </c>
      <c r="AO27058">
        <v>14</v>
      </c>
      <c r="AP27058">
        <v>14</v>
      </c>
      <c r="AQ27058">
        <v>14</v>
      </c>
    </row>
    <row r="27059" spans="1:43">
      <c r="A27059" t="s">
        <v>16749</v>
      </c>
      <c r="B27059" t="s">
        <v>16750</v>
      </c>
      <c r="C27059" t="s">
        <v>16747</v>
      </c>
      <c r="D27059" t="s">
        <v>16748</v>
      </c>
      <c r="E27059" t="s">
        <v>16695</v>
      </c>
      <c r="F27059" t="s">
        <v>16696</v>
      </c>
      <c r="G27059" t="s">
        <v>16559</v>
      </c>
      <c r="H27059" t="s">
        <v>16560</v>
      </c>
      <c r="I27059" s="2">
        <v>1</v>
      </c>
      <c r="J27059" s="2">
        <v>0</v>
      </c>
      <c r="K27059" s="2">
        <v>0</v>
      </c>
      <c r="L27059" t="s">
        <v>120</v>
      </c>
      <c r="M27059" t="s">
        <v>87</v>
      </c>
      <c r="N27059" t="s">
        <v>88</v>
      </c>
      <c r="O27059" t="s">
        <v>85</v>
      </c>
      <c r="P27059" t="s">
        <v>86</v>
      </c>
      <c r="Q27059">
        <v>13</v>
      </c>
      <c r="R27059">
        <v>13</v>
      </c>
      <c r="S27059">
        <v>13</v>
      </c>
      <c r="T27059">
        <v>13</v>
      </c>
      <c r="U27059">
        <v>13</v>
      </c>
      <c r="V27059">
        <v>13</v>
      </c>
      <c r="W27059">
        <v>13</v>
      </c>
      <c r="X27059">
        <v>13</v>
      </c>
      <c r="Y27059">
        <v>13</v>
      </c>
      <c r="Z27059">
        <v>13</v>
      </c>
      <c r="AA27059">
        <v>13</v>
      </c>
      <c r="AB27059">
        <v>13</v>
      </c>
      <c r="AC27059">
        <v>13</v>
      </c>
      <c r="AD27059">
        <v>13</v>
      </c>
      <c r="AE27059">
        <v>13</v>
      </c>
      <c r="AF27059">
        <v>13</v>
      </c>
      <c r="AG27059">
        <v>13</v>
      </c>
      <c r="AH27059">
        <v>13</v>
      </c>
      <c r="AI27059">
        <v>12</v>
      </c>
      <c r="AJ27059">
        <v>12</v>
      </c>
      <c r="AK27059">
        <v>12</v>
      </c>
      <c r="AL27059">
        <v>12</v>
      </c>
      <c r="AM27059">
        <v>12</v>
      </c>
      <c r="AN27059">
        <v>12</v>
      </c>
      <c r="AO27059">
        <v>12</v>
      </c>
      <c r="AP27059">
        <v>12</v>
      </c>
      <c r="AQ27059">
        <v>12</v>
      </c>
    </row>
    <row r="27060" spans="1:43">
      <c r="A27060" t="s">
        <v>16749</v>
      </c>
      <c r="B27060" t="s">
        <v>16750</v>
      </c>
      <c r="C27060" t="s">
        <v>16747</v>
      </c>
      <c r="D27060" t="s">
        <v>16748</v>
      </c>
      <c r="E27060" t="s">
        <v>16695</v>
      </c>
      <c r="F27060" t="s">
        <v>16696</v>
      </c>
      <c r="G27060" t="s">
        <v>16559</v>
      </c>
      <c r="H27060" t="s">
        <v>16560</v>
      </c>
      <c r="I27060" s="2">
        <v>1</v>
      </c>
      <c r="J27060" s="2">
        <v>0</v>
      </c>
      <c r="K27060" s="2">
        <v>0</v>
      </c>
      <c r="L27060" t="s">
        <v>120</v>
      </c>
      <c r="M27060" t="s">
        <v>89</v>
      </c>
      <c r="N27060" t="s">
        <v>90</v>
      </c>
      <c r="O27060" t="s">
        <v>85</v>
      </c>
      <c r="P27060" t="s">
        <v>86</v>
      </c>
      <c r="Q27060">
        <v>13</v>
      </c>
      <c r="R27060">
        <v>14</v>
      </c>
      <c r="S27060">
        <v>14</v>
      </c>
      <c r="T27060">
        <v>14</v>
      </c>
      <c r="U27060">
        <v>14</v>
      </c>
      <c r="V27060">
        <v>14</v>
      </c>
      <c r="W27060">
        <v>14</v>
      </c>
      <c r="X27060">
        <v>15</v>
      </c>
      <c r="Y27060">
        <v>15</v>
      </c>
      <c r="Z27060">
        <v>15</v>
      </c>
      <c r="AA27060">
        <v>15</v>
      </c>
      <c r="AB27060">
        <v>15</v>
      </c>
      <c r="AC27060">
        <v>15</v>
      </c>
      <c r="AD27060">
        <v>15</v>
      </c>
      <c r="AE27060">
        <v>15</v>
      </c>
      <c r="AF27060">
        <v>15</v>
      </c>
      <c r="AG27060">
        <v>15</v>
      </c>
      <c r="AH27060">
        <v>15</v>
      </c>
      <c r="AI27060">
        <v>15</v>
      </c>
      <c r="AJ27060">
        <v>15</v>
      </c>
      <c r="AK27060">
        <v>15</v>
      </c>
      <c r="AL27060">
        <v>15</v>
      </c>
      <c r="AM27060">
        <v>15</v>
      </c>
      <c r="AN27060">
        <v>14</v>
      </c>
      <c r="AO27060">
        <v>14</v>
      </c>
      <c r="AP27060">
        <v>14</v>
      </c>
      <c r="AQ27060">
        <v>14</v>
      </c>
    </row>
    <row r="27061" spans="1:43">
      <c r="A27061" t="s">
        <v>16749</v>
      </c>
      <c r="B27061" t="s">
        <v>16750</v>
      </c>
      <c r="C27061" t="s">
        <v>16747</v>
      </c>
      <c r="D27061" t="s">
        <v>16748</v>
      </c>
      <c r="E27061" t="s">
        <v>16695</v>
      </c>
      <c r="F27061" t="s">
        <v>16696</v>
      </c>
      <c r="G27061" t="s">
        <v>16559</v>
      </c>
      <c r="H27061" t="s">
        <v>16560</v>
      </c>
      <c r="I27061" s="2">
        <v>1</v>
      </c>
      <c r="J27061" s="2">
        <v>0</v>
      </c>
      <c r="K27061" s="2">
        <v>0</v>
      </c>
      <c r="L27061" t="s">
        <v>120</v>
      </c>
      <c r="M27061" t="s">
        <v>83</v>
      </c>
      <c r="N27061" t="s">
        <v>91</v>
      </c>
      <c r="O27061" t="s">
        <v>85</v>
      </c>
      <c r="P27061" t="s">
        <v>86</v>
      </c>
      <c r="Q27061">
        <v>13</v>
      </c>
      <c r="R27061">
        <v>13</v>
      </c>
      <c r="S27061">
        <v>13</v>
      </c>
      <c r="T27061">
        <v>14</v>
      </c>
      <c r="U27061">
        <v>14</v>
      </c>
      <c r="V27061">
        <v>14</v>
      </c>
      <c r="W27061">
        <v>14</v>
      </c>
      <c r="X27061">
        <v>14</v>
      </c>
      <c r="Y27061">
        <v>14</v>
      </c>
      <c r="Z27061">
        <v>14</v>
      </c>
      <c r="AA27061">
        <v>14</v>
      </c>
      <c r="AB27061">
        <v>14</v>
      </c>
      <c r="AC27061">
        <v>14</v>
      </c>
      <c r="AD27061">
        <v>14</v>
      </c>
      <c r="AE27061">
        <v>14</v>
      </c>
      <c r="AF27061">
        <v>14</v>
      </c>
      <c r="AG27061">
        <v>14</v>
      </c>
      <c r="AH27061">
        <v>14</v>
      </c>
      <c r="AI27061">
        <v>14</v>
      </c>
      <c r="AJ27061">
        <v>14</v>
      </c>
      <c r="AK27061">
        <v>14</v>
      </c>
      <c r="AL27061">
        <v>14</v>
      </c>
      <c r="AM27061">
        <v>14</v>
      </c>
      <c r="AN27061">
        <v>14</v>
      </c>
      <c r="AO27061">
        <v>14</v>
      </c>
      <c r="AP27061">
        <v>14</v>
      </c>
      <c r="AQ27061">
        <v>14</v>
      </c>
    </row>
    <row r="27062" spans="1:43">
      <c r="A27062" t="s">
        <v>16751</v>
      </c>
      <c r="B27062" t="s">
        <v>16752</v>
      </c>
      <c r="C27062" t="s">
        <v>16747</v>
      </c>
      <c r="D27062" t="s">
        <v>16748</v>
      </c>
      <c r="E27062" t="s">
        <v>16695</v>
      </c>
      <c r="F27062" t="s">
        <v>16696</v>
      </c>
      <c r="G27062" t="s">
        <v>16559</v>
      </c>
      <c r="H27062" t="s">
        <v>16560</v>
      </c>
      <c r="I27062" s="2">
        <v>1</v>
      </c>
      <c r="J27062" s="2">
        <v>0</v>
      </c>
      <c r="K27062" s="2">
        <v>0</v>
      </c>
      <c r="L27062" t="s">
        <v>120</v>
      </c>
      <c r="M27062" t="s">
        <v>83</v>
      </c>
      <c r="N27062" t="s">
        <v>84</v>
      </c>
      <c r="O27062" t="s">
        <v>85</v>
      </c>
      <c r="P27062" t="s">
        <v>86</v>
      </c>
      <c r="Q27062">
        <v>37</v>
      </c>
      <c r="R27062">
        <v>37</v>
      </c>
      <c r="S27062">
        <v>38</v>
      </c>
      <c r="T27062">
        <v>38</v>
      </c>
      <c r="U27062">
        <v>38</v>
      </c>
      <c r="V27062">
        <v>38</v>
      </c>
      <c r="W27062">
        <v>38</v>
      </c>
      <c r="X27062">
        <v>38</v>
      </c>
      <c r="Y27062">
        <v>39</v>
      </c>
      <c r="Z27062">
        <v>39</v>
      </c>
      <c r="AA27062">
        <v>39</v>
      </c>
      <c r="AB27062">
        <v>39</v>
      </c>
      <c r="AC27062">
        <v>39</v>
      </c>
      <c r="AD27062">
        <v>39</v>
      </c>
      <c r="AE27062">
        <v>40</v>
      </c>
      <c r="AF27062">
        <v>40</v>
      </c>
      <c r="AG27062">
        <v>40</v>
      </c>
      <c r="AH27062">
        <v>40</v>
      </c>
      <c r="AI27062">
        <v>40</v>
      </c>
      <c r="AJ27062">
        <v>40</v>
      </c>
      <c r="AK27062">
        <v>40</v>
      </c>
      <c r="AL27062">
        <v>40</v>
      </c>
      <c r="AM27062">
        <v>40</v>
      </c>
      <c r="AN27062">
        <v>40</v>
      </c>
      <c r="AO27062">
        <v>40</v>
      </c>
      <c r="AP27062">
        <v>39</v>
      </c>
      <c r="AQ27062">
        <v>39</v>
      </c>
    </row>
    <row r="27063" spans="1:43">
      <c r="A27063" t="s">
        <v>16751</v>
      </c>
      <c r="B27063" t="s">
        <v>16752</v>
      </c>
      <c r="C27063" t="s">
        <v>16747</v>
      </c>
      <c r="D27063" t="s">
        <v>16748</v>
      </c>
      <c r="E27063" t="s">
        <v>16695</v>
      </c>
      <c r="F27063" t="s">
        <v>16696</v>
      </c>
      <c r="G27063" t="s">
        <v>16559</v>
      </c>
      <c r="H27063" t="s">
        <v>16560</v>
      </c>
      <c r="I27063" s="2">
        <v>1</v>
      </c>
      <c r="J27063" s="2">
        <v>0</v>
      </c>
      <c r="K27063" s="2">
        <v>0</v>
      </c>
      <c r="L27063" t="s">
        <v>120</v>
      </c>
      <c r="M27063" t="s">
        <v>87</v>
      </c>
      <c r="N27063" t="s">
        <v>88</v>
      </c>
      <c r="O27063" t="s">
        <v>85</v>
      </c>
      <c r="P27063" t="s">
        <v>86</v>
      </c>
      <c r="Q27063">
        <v>37</v>
      </c>
      <c r="R27063">
        <v>37</v>
      </c>
      <c r="S27063">
        <v>36</v>
      </c>
      <c r="T27063">
        <v>36</v>
      </c>
      <c r="U27063">
        <v>36</v>
      </c>
      <c r="V27063">
        <v>36</v>
      </c>
      <c r="W27063">
        <v>36</v>
      </c>
      <c r="X27063">
        <v>36</v>
      </c>
      <c r="Y27063">
        <v>36</v>
      </c>
      <c r="Z27063">
        <v>36</v>
      </c>
      <c r="AA27063">
        <v>36</v>
      </c>
      <c r="AB27063">
        <v>35</v>
      </c>
      <c r="AC27063">
        <v>35</v>
      </c>
      <c r="AD27063">
        <v>35</v>
      </c>
      <c r="AE27063">
        <v>35</v>
      </c>
      <c r="AF27063">
        <v>35</v>
      </c>
      <c r="AG27063">
        <v>35</v>
      </c>
      <c r="AH27063">
        <v>35</v>
      </c>
      <c r="AI27063">
        <v>35</v>
      </c>
      <c r="AJ27063">
        <v>35</v>
      </c>
      <c r="AK27063">
        <v>35</v>
      </c>
      <c r="AL27063">
        <v>34</v>
      </c>
      <c r="AM27063">
        <v>34</v>
      </c>
      <c r="AN27063">
        <v>34</v>
      </c>
      <c r="AO27063">
        <v>34</v>
      </c>
      <c r="AP27063">
        <v>34</v>
      </c>
      <c r="AQ27063">
        <v>34</v>
      </c>
    </row>
    <row r="27064" spans="1:43">
      <c r="A27064" t="s">
        <v>16751</v>
      </c>
      <c r="B27064" t="s">
        <v>16752</v>
      </c>
      <c r="C27064" t="s">
        <v>16747</v>
      </c>
      <c r="D27064" t="s">
        <v>16748</v>
      </c>
      <c r="E27064" t="s">
        <v>16695</v>
      </c>
      <c r="F27064" t="s">
        <v>16696</v>
      </c>
      <c r="G27064" t="s">
        <v>16559</v>
      </c>
      <c r="H27064" t="s">
        <v>16560</v>
      </c>
      <c r="I27064" s="2">
        <v>1</v>
      </c>
      <c r="J27064" s="2">
        <v>0</v>
      </c>
      <c r="K27064" s="2">
        <v>0</v>
      </c>
      <c r="L27064" t="s">
        <v>120</v>
      </c>
      <c r="M27064" t="s">
        <v>89</v>
      </c>
      <c r="N27064" t="s">
        <v>90</v>
      </c>
      <c r="O27064" t="s">
        <v>85</v>
      </c>
      <c r="P27064" t="s">
        <v>86</v>
      </c>
      <c r="Q27064">
        <v>37</v>
      </c>
      <c r="R27064">
        <v>38</v>
      </c>
      <c r="S27064">
        <v>38</v>
      </c>
      <c r="T27064">
        <v>39</v>
      </c>
      <c r="U27064">
        <v>39</v>
      </c>
      <c r="V27064">
        <v>40</v>
      </c>
      <c r="W27064">
        <v>40</v>
      </c>
      <c r="X27064">
        <v>41</v>
      </c>
      <c r="Y27064">
        <v>41</v>
      </c>
      <c r="Z27064">
        <v>41</v>
      </c>
      <c r="AA27064">
        <v>41</v>
      </c>
      <c r="AB27064">
        <v>42</v>
      </c>
      <c r="AC27064">
        <v>42</v>
      </c>
      <c r="AD27064">
        <v>42</v>
      </c>
      <c r="AE27064">
        <v>42</v>
      </c>
      <c r="AF27064">
        <v>42</v>
      </c>
      <c r="AG27064">
        <v>42</v>
      </c>
      <c r="AH27064">
        <v>42</v>
      </c>
      <c r="AI27064">
        <v>41</v>
      </c>
      <c r="AJ27064">
        <v>41</v>
      </c>
      <c r="AK27064">
        <v>41</v>
      </c>
      <c r="AL27064">
        <v>41</v>
      </c>
      <c r="AM27064">
        <v>40</v>
      </c>
      <c r="AN27064">
        <v>40</v>
      </c>
      <c r="AO27064">
        <v>40</v>
      </c>
      <c r="AP27064">
        <v>40</v>
      </c>
      <c r="AQ27064">
        <v>40</v>
      </c>
    </row>
    <row r="27065" spans="1:43">
      <c r="A27065" t="s">
        <v>16751</v>
      </c>
      <c r="B27065" t="s">
        <v>16752</v>
      </c>
      <c r="C27065" t="s">
        <v>16747</v>
      </c>
      <c r="D27065" t="s">
        <v>16748</v>
      </c>
      <c r="E27065" t="s">
        <v>16695</v>
      </c>
      <c r="F27065" t="s">
        <v>16696</v>
      </c>
      <c r="G27065" t="s">
        <v>16559</v>
      </c>
      <c r="H27065" t="s">
        <v>16560</v>
      </c>
      <c r="I27065" s="2">
        <v>1</v>
      </c>
      <c r="J27065" s="2">
        <v>0</v>
      </c>
      <c r="K27065" s="2">
        <v>0</v>
      </c>
      <c r="L27065" t="s">
        <v>120</v>
      </c>
      <c r="M27065" t="s">
        <v>83</v>
      </c>
      <c r="N27065" t="s">
        <v>91</v>
      </c>
      <c r="O27065" t="s">
        <v>85</v>
      </c>
      <c r="P27065" t="s">
        <v>86</v>
      </c>
      <c r="Q27065">
        <v>37</v>
      </c>
      <c r="R27065">
        <v>37</v>
      </c>
      <c r="S27065">
        <v>38</v>
      </c>
      <c r="T27065">
        <v>38</v>
      </c>
      <c r="U27065">
        <v>38</v>
      </c>
      <c r="V27065">
        <v>38</v>
      </c>
      <c r="W27065">
        <v>38</v>
      </c>
      <c r="X27065">
        <v>38</v>
      </c>
      <c r="Y27065">
        <v>39</v>
      </c>
      <c r="Z27065">
        <v>39</v>
      </c>
      <c r="AA27065">
        <v>39</v>
      </c>
      <c r="AB27065">
        <v>39</v>
      </c>
      <c r="AC27065">
        <v>39</v>
      </c>
      <c r="AD27065">
        <v>39</v>
      </c>
      <c r="AE27065">
        <v>40</v>
      </c>
      <c r="AF27065">
        <v>40</v>
      </c>
      <c r="AG27065">
        <v>40</v>
      </c>
      <c r="AH27065">
        <v>40</v>
      </c>
      <c r="AI27065">
        <v>40</v>
      </c>
      <c r="AJ27065">
        <v>40</v>
      </c>
      <c r="AK27065">
        <v>40</v>
      </c>
      <c r="AL27065">
        <v>40</v>
      </c>
      <c r="AM27065">
        <v>40</v>
      </c>
      <c r="AN27065">
        <v>40</v>
      </c>
      <c r="AO27065">
        <v>40</v>
      </c>
      <c r="AP27065">
        <v>39</v>
      </c>
      <c r="AQ27065">
        <v>39</v>
      </c>
    </row>
    <row r="27066" spans="1:43">
      <c r="A27066" t="s">
        <v>16753</v>
      </c>
      <c r="B27066" t="s">
        <v>16754</v>
      </c>
      <c r="C27066" t="s">
        <v>16747</v>
      </c>
      <c r="D27066" t="s">
        <v>16748</v>
      </c>
      <c r="E27066" t="s">
        <v>16695</v>
      </c>
      <c r="F27066" t="s">
        <v>16696</v>
      </c>
      <c r="G27066" t="s">
        <v>16559</v>
      </c>
      <c r="H27066" t="s">
        <v>16560</v>
      </c>
      <c r="I27066" s="2">
        <v>1</v>
      </c>
      <c r="J27066" s="2">
        <v>0</v>
      </c>
      <c r="K27066" s="2">
        <v>0</v>
      </c>
      <c r="L27066" t="s">
        <v>120</v>
      </c>
      <c r="M27066" t="s">
        <v>83</v>
      </c>
      <c r="N27066" t="s">
        <v>84</v>
      </c>
      <c r="O27066" t="s">
        <v>85</v>
      </c>
      <c r="P27066" t="s">
        <v>86</v>
      </c>
      <c r="Q27066">
        <v>46</v>
      </c>
      <c r="R27066">
        <v>46</v>
      </c>
      <c r="S27066">
        <v>46</v>
      </c>
      <c r="T27066">
        <v>47</v>
      </c>
      <c r="U27066">
        <v>47</v>
      </c>
      <c r="V27066">
        <v>47</v>
      </c>
      <c r="W27066">
        <v>47</v>
      </c>
      <c r="X27066">
        <v>48</v>
      </c>
      <c r="Y27066">
        <v>48</v>
      </c>
      <c r="Z27066">
        <v>48</v>
      </c>
      <c r="AA27066">
        <v>48</v>
      </c>
      <c r="AB27066">
        <v>48</v>
      </c>
      <c r="AC27066">
        <v>49</v>
      </c>
      <c r="AD27066">
        <v>49</v>
      </c>
      <c r="AE27066">
        <v>49</v>
      </c>
      <c r="AF27066">
        <v>49</v>
      </c>
      <c r="AG27066">
        <v>49</v>
      </c>
      <c r="AH27066">
        <v>49</v>
      </c>
      <c r="AI27066">
        <v>50</v>
      </c>
      <c r="AJ27066">
        <v>50</v>
      </c>
      <c r="AK27066">
        <v>50</v>
      </c>
      <c r="AL27066">
        <v>50</v>
      </c>
      <c r="AM27066">
        <v>50</v>
      </c>
      <c r="AN27066">
        <v>49</v>
      </c>
      <c r="AO27066">
        <v>49</v>
      </c>
      <c r="AP27066">
        <v>49</v>
      </c>
      <c r="AQ27066">
        <v>49</v>
      </c>
    </row>
    <row r="27067" spans="1:43">
      <c r="A27067" t="s">
        <v>16753</v>
      </c>
      <c r="B27067" t="s">
        <v>16754</v>
      </c>
      <c r="C27067" t="s">
        <v>16747</v>
      </c>
      <c r="D27067" t="s">
        <v>16748</v>
      </c>
      <c r="E27067" t="s">
        <v>16695</v>
      </c>
      <c r="F27067" t="s">
        <v>16696</v>
      </c>
      <c r="G27067" t="s">
        <v>16559</v>
      </c>
      <c r="H27067" t="s">
        <v>16560</v>
      </c>
      <c r="I27067" s="2">
        <v>1</v>
      </c>
      <c r="J27067" s="2">
        <v>0</v>
      </c>
      <c r="K27067" s="2">
        <v>0</v>
      </c>
      <c r="L27067" t="s">
        <v>120</v>
      </c>
      <c r="M27067" t="s">
        <v>87</v>
      </c>
      <c r="N27067" t="s">
        <v>88</v>
      </c>
      <c r="O27067" t="s">
        <v>85</v>
      </c>
      <c r="P27067" t="s">
        <v>86</v>
      </c>
      <c r="Q27067">
        <v>46</v>
      </c>
      <c r="R27067">
        <v>46</v>
      </c>
      <c r="S27067">
        <v>46</v>
      </c>
      <c r="T27067">
        <v>46</v>
      </c>
      <c r="U27067">
        <v>46</v>
      </c>
      <c r="V27067">
        <v>46</v>
      </c>
      <c r="W27067">
        <v>46</v>
      </c>
      <c r="X27067">
        <v>45</v>
      </c>
      <c r="Y27067">
        <v>45</v>
      </c>
      <c r="Z27067">
        <v>45</v>
      </c>
      <c r="AA27067">
        <v>45</v>
      </c>
      <c r="AB27067">
        <v>45</v>
      </c>
      <c r="AC27067">
        <v>45</v>
      </c>
      <c r="AD27067">
        <v>45</v>
      </c>
      <c r="AE27067">
        <v>44</v>
      </c>
      <c r="AF27067">
        <v>44</v>
      </c>
      <c r="AG27067">
        <v>44</v>
      </c>
      <c r="AH27067">
        <v>44</v>
      </c>
      <c r="AI27067">
        <v>44</v>
      </c>
      <c r="AJ27067">
        <v>44</v>
      </c>
      <c r="AK27067">
        <v>44</v>
      </c>
      <c r="AL27067">
        <v>44</v>
      </c>
      <c r="AM27067">
        <v>43</v>
      </c>
      <c r="AN27067">
        <v>43</v>
      </c>
      <c r="AO27067">
        <v>43</v>
      </c>
      <c r="AP27067">
        <v>43</v>
      </c>
      <c r="AQ27067">
        <v>43</v>
      </c>
    </row>
    <row r="27068" spans="1:43">
      <c r="A27068" t="s">
        <v>16753</v>
      </c>
      <c r="B27068" t="s">
        <v>16754</v>
      </c>
      <c r="C27068" t="s">
        <v>16747</v>
      </c>
      <c r="D27068" t="s">
        <v>16748</v>
      </c>
      <c r="E27068" t="s">
        <v>16695</v>
      </c>
      <c r="F27068" t="s">
        <v>16696</v>
      </c>
      <c r="G27068" t="s">
        <v>16559</v>
      </c>
      <c r="H27068" t="s">
        <v>16560</v>
      </c>
      <c r="I27068" s="2">
        <v>1</v>
      </c>
      <c r="J27068" s="2">
        <v>0</v>
      </c>
      <c r="K27068" s="2">
        <v>0</v>
      </c>
      <c r="L27068" t="s">
        <v>120</v>
      </c>
      <c r="M27068" t="s">
        <v>89</v>
      </c>
      <c r="N27068" t="s">
        <v>90</v>
      </c>
      <c r="O27068" t="s">
        <v>85</v>
      </c>
      <c r="P27068" t="s">
        <v>86</v>
      </c>
      <c r="Q27068">
        <v>46</v>
      </c>
      <c r="R27068">
        <v>47</v>
      </c>
      <c r="S27068">
        <v>48</v>
      </c>
      <c r="T27068">
        <v>48</v>
      </c>
      <c r="U27068">
        <v>49</v>
      </c>
      <c r="V27068">
        <v>49</v>
      </c>
      <c r="W27068">
        <v>50</v>
      </c>
      <c r="X27068">
        <v>50</v>
      </c>
      <c r="Y27068">
        <v>51</v>
      </c>
      <c r="Z27068">
        <v>51</v>
      </c>
      <c r="AA27068">
        <v>51</v>
      </c>
      <c r="AB27068">
        <v>52</v>
      </c>
      <c r="AC27068">
        <v>52</v>
      </c>
      <c r="AD27068">
        <v>52</v>
      </c>
      <c r="AE27068">
        <v>52</v>
      </c>
      <c r="AF27068">
        <v>52</v>
      </c>
      <c r="AG27068">
        <v>52</v>
      </c>
      <c r="AH27068">
        <v>51</v>
      </c>
      <c r="AI27068">
        <v>51</v>
      </c>
      <c r="AJ27068">
        <v>51</v>
      </c>
      <c r="AK27068">
        <v>51</v>
      </c>
      <c r="AL27068">
        <v>50</v>
      </c>
      <c r="AM27068">
        <v>50</v>
      </c>
      <c r="AN27068">
        <v>50</v>
      </c>
      <c r="AO27068">
        <v>50</v>
      </c>
      <c r="AP27068">
        <v>49</v>
      </c>
      <c r="AQ27068">
        <v>49</v>
      </c>
    </row>
    <row r="27069" spans="1:43">
      <c r="A27069" t="s">
        <v>16753</v>
      </c>
      <c r="B27069" t="s">
        <v>16754</v>
      </c>
      <c r="C27069" t="s">
        <v>16747</v>
      </c>
      <c r="D27069" t="s">
        <v>16748</v>
      </c>
      <c r="E27069" t="s">
        <v>16695</v>
      </c>
      <c r="F27069" t="s">
        <v>16696</v>
      </c>
      <c r="G27069" t="s">
        <v>16559</v>
      </c>
      <c r="H27069" t="s">
        <v>16560</v>
      </c>
      <c r="I27069" s="2">
        <v>1</v>
      </c>
      <c r="J27069" s="2">
        <v>0</v>
      </c>
      <c r="K27069" s="2">
        <v>0</v>
      </c>
      <c r="L27069" t="s">
        <v>120</v>
      </c>
      <c r="M27069" t="s">
        <v>83</v>
      </c>
      <c r="N27069" t="s">
        <v>91</v>
      </c>
      <c r="O27069" t="s">
        <v>85</v>
      </c>
      <c r="P27069" t="s">
        <v>86</v>
      </c>
      <c r="Q27069">
        <v>46</v>
      </c>
      <c r="R27069">
        <v>46</v>
      </c>
      <c r="S27069">
        <v>46</v>
      </c>
      <c r="T27069">
        <v>47</v>
      </c>
      <c r="U27069">
        <v>47</v>
      </c>
      <c r="V27069">
        <v>47</v>
      </c>
      <c r="W27069">
        <v>47</v>
      </c>
      <c r="X27069">
        <v>48</v>
      </c>
      <c r="Y27069">
        <v>48</v>
      </c>
      <c r="Z27069">
        <v>48</v>
      </c>
      <c r="AA27069">
        <v>48</v>
      </c>
      <c r="AB27069">
        <v>48</v>
      </c>
      <c r="AC27069">
        <v>49</v>
      </c>
      <c r="AD27069">
        <v>49</v>
      </c>
      <c r="AE27069">
        <v>49</v>
      </c>
      <c r="AF27069">
        <v>49</v>
      </c>
      <c r="AG27069">
        <v>49</v>
      </c>
      <c r="AH27069">
        <v>49</v>
      </c>
      <c r="AI27069">
        <v>50</v>
      </c>
      <c r="AJ27069">
        <v>50</v>
      </c>
      <c r="AK27069">
        <v>50</v>
      </c>
      <c r="AL27069">
        <v>50</v>
      </c>
      <c r="AM27069">
        <v>50</v>
      </c>
      <c r="AN27069">
        <v>49</v>
      </c>
      <c r="AO27069">
        <v>49</v>
      </c>
      <c r="AP27069">
        <v>49</v>
      </c>
      <c r="AQ27069">
        <v>49</v>
      </c>
    </row>
    <row r="27070" spans="1:43">
      <c r="A27070" t="s">
        <v>16755</v>
      </c>
      <c r="B27070" t="s">
        <v>16756</v>
      </c>
      <c r="C27070" t="s">
        <v>16757</v>
      </c>
      <c r="D27070" t="s">
        <v>16758</v>
      </c>
      <c r="E27070" t="s">
        <v>16695</v>
      </c>
      <c r="F27070" t="s">
        <v>16696</v>
      </c>
      <c r="G27070" t="s">
        <v>16559</v>
      </c>
      <c r="H27070" t="s">
        <v>16560</v>
      </c>
      <c r="I27070" s="2">
        <v>1</v>
      </c>
      <c r="J27070" s="2">
        <v>0</v>
      </c>
      <c r="K27070" s="2">
        <v>0</v>
      </c>
      <c r="L27070" t="s">
        <v>120</v>
      </c>
      <c r="M27070" t="s">
        <v>83</v>
      </c>
      <c r="N27070" t="s">
        <v>84</v>
      </c>
      <c r="O27070" t="s">
        <v>85</v>
      </c>
      <c r="P27070" t="s">
        <v>86</v>
      </c>
      <c r="Q27070">
        <v>19</v>
      </c>
      <c r="R27070">
        <v>19</v>
      </c>
      <c r="S27070">
        <v>19</v>
      </c>
      <c r="T27070">
        <v>19</v>
      </c>
      <c r="U27070">
        <v>19</v>
      </c>
      <c r="V27070">
        <v>19</v>
      </c>
      <c r="W27070">
        <v>19</v>
      </c>
      <c r="X27070">
        <v>20</v>
      </c>
      <c r="Y27070">
        <v>20</v>
      </c>
      <c r="Z27070">
        <v>20</v>
      </c>
      <c r="AA27070">
        <v>20</v>
      </c>
      <c r="AB27070">
        <v>20</v>
      </c>
      <c r="AC27070">
        <v>20</v>
      </c>
      <c r="AD27070">
        <v>20</v>
      </c>
      <c r="AE27070">
        <v>20</v>
      </c>
      <c r="AF27070">
        <v>20</v>
      </c>
      <c r="AG27070">
        <v>20</v>
      </c>
      <c r="AH27070">
        <v>20</v>
      </c>
      <c r="AI27070">
        <v>20</v>
      </c>
      <c r="AJ27070">
        <v>20</v>
      </c>
      <c r="AK27070">
        <v>20</v>
      </c>
      <c r="AL27070">
        <v>20</v>
      </c>
      <c r="AM27070">
        <v>20</v>
      </c>
      <c r="AN27070">
        <v>20</v>
      </c>
      <c r="AO27070">
        <v>20</v>
      </c>
      <c r="AP27070">
        <v>20</v>
      </c>
      <c r="AQ27070">
        <v>20</v>
      </c>
    </row>
    <row r="27071" spans="1:43">
      <c r="A27071" t="s">
        <v>16755</v>
      </c>
      <c r="B27071" t="s">
        <v>16756</v>
      </c>
      <c r="C27071" t="s">
        <v>16757</v>
      </c>
      <c r="D27071" t="s">
        <v>16758</v>
      </c>
      <c r="E27071" t="s">
        <v>16695</v>
      </c>
      <c r="F27071" t="s">
        <v>16696</v>
      </c>
      <c r="G27071" t="s">
        <v>16559</v>
      </c>
      <c r="H27071" t="s">
        <v>16560</v>
      </c>
      <c r="I27071" s="2">
        <v>1</v>
      </c>
      <c r="J27071" s="2">
        <v>0</v>
      </c>
      <c r="K27071" s="2">
        <v>0</v>
      </c>
      <c r="L27071" t="s">
        <v>120</v>
      </c>
      <c r="M27071" t="s">
        <v>87</v>
      </c>
      <c r="N27071" t="s">
        <v>88</v>
      </c>
      <c r="O27071" t="s">
        <v>85</v>
      </c>
      <c r="P27071" t="s">
        <v>86</v>
      </c>
      <c r="Q27071">
        <v>19</v>
      </c>
      <c r="R27071">
        <v>19</v>
      </c>
      <c r="S27071">
        <v>19</v>
      </c>
      <c r="T27071">
        <v>18</v>
      </c>
      <c r="U27071">
        <v>18</v>
      </c>
      <c r="V27071">
        <v>18</v>
      </c>
      <c r="W27071">
        <v>18</v>
      </c>
      <c r="X27071">
        <v>18</v>
      </c>
      <c r="Y27071">
        <v>18</v>
      </c>
      <c r="Z27071">
        <v>18</v>
      </c>
      <c r="AA27071">
        <v>18</v>
      </c>
      <c r="AB27071">
        <v>18</v>
      </c>
      <c r="AC27071">
        <v>18</v>
      </c>
      <c r="AD27071">
        <v>18</v>
      </c>
      <c r="AE27071">
        <v>18</v>
      </c>
      <c r="AF27071">
        <v>18</v>
      </c>
      <c r="AG27071">
        <v>18</v>
      </c>
      <c r="AH27071">
        <v>18</v>
      </c>
      <c r="AI27071">
        <v>18</v>
      </c>
      <c r="AJ27071">
        <v>17</v>
      </c>
      <c r="AK27071">
        <v>17</v>
      </c>
      <c r="AL27071">
        <v>17</v>
      </c>
      <c r="AM27071">
        <v>17</v>
      </c>
      <c r="AN27071">
        <v>17</v>
      </c>
      <c r="AO27071">
        <v>17</v>
      </c>
      <c r="AP27071">
        <v>17</v>
      </c>
      <c r="AQ27071">
        <v>17</v>
      </c>
    </row>
    <row r="27072" spans="1:43">
      <c r="A27072" t="s">
        <v>16755</v>
      </c>
      <c r="B27072" t="s">
        <v>16756</v>
      </c>
      <c r="C27072" t="s">
        <v>16757</v>
      </c>
      <c r="D27072" t="s">
        <v>16758</v>
      </c>
      <c r="E27072" t="s">
        <v>16695</v>
      </c>
      <c r="F27072" t="s">
        <v>16696</v>
      </c>
      <c r="G27072" t="s">
        <v>16559</v>
      </c>
      <c r="H27072" t="s">
        <v>16560</v>
      </c>
      <c r="I27072" s="2">
        <v>1</v>
      </c>
      <c r="J27072" s="2">
        <v>0</v>
      </c>
      <c r="K27072" s="2">
        <v>0</v>
      </c>
      <c r="L27072" t="s">
        <v>120</v>
      </c>
      <c r="M27072" t="s">
        <v>89</v>
      </c>
      <c r="N27072" t="s">
        <v>90</v>
      </c>
      <c r="O27072" t="s">
        <v>85</v>
      </c>
      <c r="P27072" t="s">
        <v>86</v>
      </c>
      <c r="Q27072">
        <v>19</v>
      </c>
      <c r="R27072">
        <v>19</v>
      </c>
      <c r="S27072">
        <v>20</v>
      </c>
      <c r="T27072">
        <v>20</v>
      </c>
      <c r="U27072">
        <v>20</v>
      </c>
      <c r="V27072">
        <v>20</v>
      </c>
      <c r="W27072">
        <v>20</v>
      </c>
      <c r="X27072">
        <v>21</v>
      </c>
      <c r="Y27072">
        <v>21</v>
      </c>
      <c r="Z27072">
        <v>21</v>
      </c>
      <c r="AA27072">
        <v>21</v>
      </c>
      <c r="AB27072">
        <v>21</v>
      </c>
      <c r="AC27072">
        <v>21</v>
      </c>
      <c r="AD27072">
        <v>21</v>
      </c>
      <c r="AE27072">
        <v>21</v>
      </c>
      <c r="AF27072">
        <v>21</v>
      </c>
      <c r="AG27072">
        <v>21</v>
      </c>
      <c r="AH27072">
        <v>21</v>
      </c>
      <c r="AI27072">
        <v>21</v>
      </c>
      <c r="AJ27072">
        <v>21</v>
      </c>
      <c r="AK27072">
        <v>21</v>
      </c>
      <c r="AL27072">
        <v>21</v>
      </c>
      <c r="AM27072">
        <v>20</v>
      </c>
      <c r="AN27072">
        <v>20</v>
      </c>
      <c r="AO27072">
        <v>20</v>
      </c>
      <c r="AP27072">
        <v>20</v>
      </c>
      <c r="AQ27072">
        <v>20</v>
      </c>
    </row>
    <row r="27073" spans="1:43">
      <c r="A27073" t="s">
        <v>16755</v>
      </c>
      <c r="B27073" t="s">
        <v>16756</v>
      </c>
      <c r="C27073" t="s">
        <v>16757</v>
      </c>
      <c r="D27073" t="s">
        <v>16758</v>
      </c>
      <c r="E27073" t="s">
        <v>16695</v>
      </c>
      <c r="F27073" t="s">
        <v>16696</v>
      </c>
      <c r="G27073" t="s">
        <v>16559</v>
      </c>
      <c r="H27073" t="s">
        <v>16560</v>
      </c>
      <c r="I27073" s="2">
        <v>1</v>
      </c>
      <c r="J27073" s="2">
        <v>0</v>
      </c>
      <c r="K27073" s="2">
        <v>0</v>
      </c>
      <c r="L27073" t="s">
        <v>120</v>
      </c>
      <c r="M27073" t="s">
        <v>83</v>
      </c>
      <c r="N27073" t="s">
        <v>91</v>
      </c>
      <c r="O27073" t="s">
        <v>85</v>
      </c>
      <c r="P27073" t="s">
        <v>86</v>
      </c>
      <c r="Q27073">
        <v>19</v>
      </c>
      <c r="R27073">
        <v>19</v>
      </c>
      <c r="S27073">
        <v>19</v>
      </c>
      <c r="T27073">
        <v>19</v>
      </c>
      <c r="U27073">
        <v>19</v>
      </c>
      <c r="V27073">
        <v>19</v>
      </c>
      <c r="W27073">
        <v>19</v>
      </c>
      <c r="X27073">
        <v>20</v>
      </c>
      <c r="Y27073">
        <v>20</v>
      </c>
      <c r="Z27073">
        <v>20</v>
      </c>
      <c r="AA27073">
        <v>20</v>
      </c>
      <c r="AB27073">
        <v>20</v>
      </c>
      <c r="AC27073">
        <v>20</v>
      </c>
      <c r="AD27073">
        <v>20</v>
      </c>
      <c r="AE27073">
        <v>20</v>
      </c>
      <c r="AF27073">
        <v>20</v>
      </c>
      <c r="AG27073">
        <v>20</v>
      </c>
      <c r="AH27073">
        <v>20</v>
      </c>
      <c r="AI27073">
        <v>20</v>
      </c>
      <c r="AJ27073">
        <v>20</v>
      </c>
      <c r="AK27073">
        <v>20</v>
      </c>
      <c r="AL27073">
        <v>20</v>
      </c>
      <c r="AM27073">
        <v>20</v>
      </c>
      <c r="AN27073">
        <v>20</v>
      </c>
      <c r="AO27073">
        <v>20</v>
      </c>
      <c r="AP27073">
        <v>20</v>
      </c>
      <c r="AQ27073">
        <v>20</v>
      </c>
    </row>
    <row r="27074" spans="1:43">
      <c r="A27074" t="s">
        <v>16759</v>
      </c>
      <c r="B27074" t="s">
        <v>16760</v>
      </c>
      <c r="C27074" t="s">
        <v>16757</v>
      </c>
      <c r="D27074" t="s">
        <v>16758</v>
      </c>
      <c r="E27074" t="s">
        <v>16695</v>
      </c>
      <c r="F27074" t="s">
        <v>16696</v>
      </c>
      <c r="G27074" t="s">
        <v>16559</v>
      </c>
      <c r="H27074" t="s">
        <v>16560</v>
      </c>
      <c r="I27074" s="2">
        <v>1</v>
      </c>
      <c r="J27074" s="2">
        <v>0</v>
      </c>
      <c r="K27074" s="2">
        <v>0</v>
      </c>
      <c r="L27074" t="s">
        <v>120</v>
      </c>
      <c r="M27074" t="s">
        <v>83</v>
      </c>
      <c r="N27074" t="s">
        <v>84</v>
      </c>
      <c r="O27074" t="s">
        <v>85</v>
      </c>
      <c r="P27074" t="s">
        <v>86</v>
      </c>
      <c r="Q27074">
        <v>27</v>
      </c>
      <c r="R27074">
        <v>28</v>
      </c>
      <c r="S27074">
        <v>28</v>
      </c>
      <c r="T27074">
        <v>28</v>
      </c>
      <c r="U27074">
        <v>28</v>
      </c>
      <c r="V27074">
        <v>28</v>
      </c>
      <c r="W27074">
        <v>28</v>
      </c>
      <c r="X27074">
        <v>28</v>
      </c>
      <c r="Y27074">
        <v>29</v>
      </c>
      <c r="Z27074">
        <v>29</v>
      </c>
      <c r="AA27074">
        <v>29</v>
      </c>
      <c r="AB27074">
        <v>29</v>
      </c>
      <c r="AC27074">
        <v>29</v>
      </c>
      <c r="AD27074">
        <v>29</v>
      </c>
      <c r="AE27074">
        <v>29</v>
      </c>
      <c r="AF27074">
        <v>29</v>
      </c>
      <c r="AG27074">
        <v>30</v>
      </c>
      <c r="AH27074">
        <v>30</v>
      </c>
      <c r="AI27074">
        <v>30</v>
      </c>
      <c r="AJ27074">
        <v>30</v>
      </c>
      <c r="AK27074">
        <v>30</v>
      </c>
      <c r="AL27074">
        <v>30</v>
      </c>
      <c r="AM27074">
        <v>30</v>
      </c>
      <c r="AN27074">
        <v>30</v>
      </c>
      <c r="AO27074">
        <v>29</v>
      </c>
      <c r="AP27074">
        <v>29</v>
      </c>
      <c r="AQ27074">
        <v>29</v>
      </c>
    </row>
    <row r="27075" spans="1:43">
      <c r="A27075" t="s">
        <v>16759</v>
      </c>
      <c r="B27075" t="s">
        <v>16760</v>
      </c>
      <c r="C27075" t="s">
        <v>16757</v>
      </c>
      <c r="D27075" t="s">
        <v>16758</v>
      </c>
      <c r="E27075" t="s">
        <v>16695</v>
      </c>
      <c r="F27075" t="s">
        <v>16696</v>
      </c>
      <c r="G27075" t="s">
        <v>16559</v>
      </c>
      <c r="H27075" t="s">
        <v>16560</v>
      </c>
      <c r="I27075" s="2">
        <v>1</v>
      </c>
      <c r="J27075" s="2">
        <v>0</v>
      </c>
      <c r="K27075" s="2">
        <v>0</v>
      </c>
      <c r="L27075" t="s">
        <v>120</v>
      </c>
      <c r="M27075" t="s">
        <v>87</v>
      </c>
      <c r="N27075" t="s">
        <v>88</v>
      </c>
      <c r="O27075" t="s">
        <v>85</v>
      </c>
      <c r="P27075" t="s">
        <v>86</v>
      </c>
      <c r="Q27075">
        <v>27</v>
      </c>
      <c r="R27075">
        <v>27</v>
      </c>
      <c r="S27075">
        <v>27</v>
      </c>
      <c r="T27075">
        <v>27</v>
      </c>
      <c r="U27075">
        <v>27</v>
      </c>
      <c r="V27075">
        <v>27</v>
      </c>
      <c r="W27075">
        <v>27</v>
      </c>
      <c r="X27075">
        <v>27</v>
      </c>
      <c r="Y27075">
        <v>26</v>
      </c>
      <c r="Z27075">
        <v>26</v>
      </c>
      <c r="AA27075">
        <v>26</v>
      </c>
      <c r="AB27075">
        <v>26</v>
      </c>
      <c r="AC27075">
        <v>26</v>
      </c>
      <c r="AD27075">
        <v>26</v>
      </c>
      <c r="AE27075">
        <v>26</v>
      </c>
      <c r="AF27075">
        <v>26</v>
      </c>
      <c r="AG27075">
        <v>26</v>
      </c>
      <c r="AH27075">
        <v>26</v>
      </c>
      <c r="AI27075">
        <v>26</v>
      </c>
      <c r="AJ27075">
        <v>26</v>
      </c>
      <c r="AK27075">
        <v>26</v>
      </c>
      <c r="AL27075">
        <v>26</v>
      </c>
      <c r="AM27075">
        <v>25</v>
      </c>
      <c r="AN27075">
        <v>25</v>
      </c>
      <c r="AO27075">
        <v>25</v>
      </c>
      <c r="AP27075">
        <v>25</v>
      </c>
      <c r="AQ27075">
        <v>25</v>
      </c>
    </row>
    <row r="27076" spans="1:43">
      <c r="A27076" t="s">
        <v>16759</v>
      </c>
      <c r="B27076" t="s">
        <v>16760</v>
      </c>
      <c r="C27076" t="s">
        <v>16757</v>
      </c>
      <c r="D27076" t="s">
        <v>16758</v>
      </c>
      <c r="E27076" t="s">
        <v>16695</v>
      </c>
      <c r="F27076" t="s">
        <v>16696</v>
      </c>
      <c r="G27076" t="s">
        <v>16559</v>
      </c>
      <c r="H27076" t="s">
        <v>16560</v>
      </c>
      <c r="I27076" s="2">
        <v>1</v>
      </c>
      <c r="J27076" s="2">
        <v>0</v>
      </c>
      <c r="K27076" s="2">
        <v>0</v>
      </c>
      <c r="L27076" t="s">
        <v>120</v>
      </c>
      <c r="M27076" t="s">
        <v>89</v>
      </c>
      <c r="N27076" t="s">
        <v>90</v>
      </c>
      <c r="O27076" t="s">
        <v>85</v>
      </c>
      <c r="P27076" t="s">
        <v>86</v>
      </c>
      <c r="Q27076">
        <v>27</v>
      </c>
      <c r="R27076">
        <v>27</v>
      </c>
      <c r="S27076">
        <v>27</v>
      </c>
      <c r="T27076">
        <v>28</v>
      </c>
      <c r="U27076">
        <v>28</v>
      </c>
      <c r="V27076">
        <v>28</v>
      </c>
      <c r="W27076">
        <v>29</v>
      </c>
      <c r="X27076">
        <v>29</v>
      </c>
      <c r="Y27076">
        <v>29</v>
      </c>
      <c r="Z27076">
        <v>29</v>
      </c>
      <c r="AA27076">
        <v>30</v>
      </c>
      <c r="AB27076">
        <v>30</v>
      </c>
      <c r="AC27076">
        <v>30</v>
      </c>
      <c r="AD27076">
        <v>30</v>
      </c>
      <c r="AE27076">
        <v>30</v>
      </c>
      <c r="AF27076">
        <v>30</v>
      </c>
      <c r="AG27076">
        <v>30</v>
      </c>
      <c r="AH27076">
        <v>30</v>
      </c>
      <c r="AI27076">
        <v>30</v>
      </c>
      <c r="AJ27076">
        <v>30</v>
      </c>
      <c r="AK27076">
        <v>29</v>
      </c>
      <c r="AL27076">
        <v>29</v>
      </c>
      <c r="AM27076">
        <v>29</v>
      </c>
      <c r="AN27076">
        <v>29</v>
      </c>
      <c r="AO27076">
        <v>29</v>
      </c>
      <c r="AP27076">
        <v>29</v>
      </c>
      <c r="AQ27076">
        <v>29</v>
      </c>
    </row>
    <row r="27077" spans="1:43">
      <c r="A27077" t="s">
        <v>16759</v>
      </c>
      <c r="B27077" t="s">
        <v>16760</v>
      </c>
      <c r="C27077" t="s">
        <v>16757</v>
      </c>
      <c r="D27077" t="s">
        <v>16758</v>
      </c>
      <c r="E27077" t="s">
        <v>16695</v>
      </c>
      <c r="F27077" t="s">
        <v>16696</v>
      </c>
      <c r="G27077" t="s">
        <v>16559</v>
      </c>
      <c r="H27077" t="s">
        <v>16560</v>
      </c>
      <c r="I27077" s="2">
        <v>1</v>
      </c>
      <c r="J27077" s="2">
        <v>0</v>
      </c>
      <c r="K27077" s="2">
        <v>0</v>
      </c>
      <c r="L27077" t="s">
        <v>120</v>
      </c>
      <c r="M27077" t="s">
        <v>83</v>
      </c>
      <c r="N27077" t="s">
        <v>91</v>
      </c>
      <c r="O27077" t="s">
        <v>85</v>
      </c>
      <c r="P27077" t="s">
        <v>86</v>
      </c>
      <c r="Q27077">
        <v>27</v>
      </c>
      <c r="R27077">
        <v>28</v>
      </c>
      <c r="S27077">
        <v>28</v>
      </c>
      <c r="T27077">
        <v>28</v>
      </c>
      <c r="U27077">
        <v>28</v>
      </c>
      <c r="V27077">
        <v>28</v>
      </c>
      <c r="W27077">
        <v>28</v>
      </c>
      <c r="X27077">
        <v>28</v>
      </c>
      <c r="Y27077">
        <v>29</v>
      </c>
      <c r="Z27077">
        <v>29</v>
      </c>
      <c r="AA27077">
        <v>29</v>
      </c>
      <c r="AB27077">
        <v>29</v>
      </c>
      <c r="AC27077">
        <v>29</v>
      </c>
      <c r="AD27077">
        <v>29</v>
      </c>
      <c r="AE27077">
        <v>29</v>
      </c>
      <c r="AF27077">
        <v>29</v>
      </c>
      <c r="AG27077">
        <v>30</v>
      </c>
      <c r="AH27077">
        <v>30</v>
      </c>
      <c r="AI27077">
        <v>30</v>
      </c>
      <c r="AJ27077">
        <v>30</v>
      </c>
      <c r="AK27077">
        <v>30</v>
      </c>
      <c r="AL27077">
        <v>30</v>
      </c>
      <c r="AM27077">
        <v>30</v>
      </c>
      <c r="AN27077">
        <v>30</v>
      </c>
      <c r="AO27077">
        <v>29</v>
      </c>
      <c r="AP27077">
        <v>29</v>
      </c>
      <c r="AQ27077">
        <v>29</v>
      </c>
    </row>
    <row r="27078" spans="1:43">
      <c r="A27078" t="s">
        <v>16761</v>
      </c>
      <c r="B27078" t="s">
        <v>16762</v>
      </c>
      <c r="C27078" t="s">
        <v>16757</v>
      </c>
      <c r="D27078" t="s">
        <v>16758</v>
      </c>
      <c r="E27078" t="s">
        <v>16695</v>
      </c>
      <c r="F27078" t="s">
        <v>16696</v>
      </c>
      <c r="G27078" t="s">
        <v>16559</v>
      </c>
      <c r="H27078" t="s">
        <v>16560</v>
      </c>
      <c r="I27078" s="2">
        <v>1</v>
      </c>
      <c r="J27078" s="2">
        <v>0</v>
      </c>
      <c r="K27078" s="2">
        <v>0</v>
      </c>
      <c r="L27078" t="s">
        <v>120</v>
      </c>
      <c r="M27078" t="s">
        <v>83</v>
      </c>
      <c r="N27078" t="s">
        <v>84</v>
      </c>
      <c r="O27078" t="s">
        <v>85</v>
      </c>
      <c r="P27078" t="s">
        <v>86</v>
      </c>
      <c r="Q27078">
        <v>23</v>
      </c>
      <c r="R27078">
        <v>23</v>
      </c>
      <c r="S27078">
        <v>23</v>
      </c>
      <c r="T27078">
        <v>23</v>
      </c>
      <c r="U27078">
        <v>23</v>
      </c>
      <c r="V27078">
        <v>23</v>
      </c>
      <c r="W27078">
        <v>23</v>
      </c>
      <c r="X27078">
        <v>23</v>
      </c>
      <c r="Y27078">
        <v>24</v>
      </c>
      <c r="Z27078">
        <v>24</v>
      </c>
      <c r="AA27078">
        <v>24</v>
      </c>
      <c r="AB27078">
        <v>24</v>
      </c>
      <c r="AC27078">
        <v>24</v>
      </c>
      <c r="AD27078">
        <v>24</v>
      </c>
      <c r="AE27078">
        <v>24</v>
      </c>
      <c r="AF27078">
        <v>24</v>
      </c>
      <c r="AG27078">
        <v>24</v>
      </c>
      <c r="AH27078">
        <v>24</v>
      </c>
      <c r="AI27078">
        <v>24</v>
      </c>
      <c r="AJ27078">
        <v>24</v>
      </c>
      <c r="AK27078">
        <v>25</v>
      </c>
      <c r="AL27078">
        <v>24</v>
      </c>
      <c r="AM27078">
        <v>24</v>
      </c>
      <c r="AN27078">
        <v>24</v>
      </c>
      <c r="AO27078">
        <v>24</v>
      </c>
      <c r="AP27078">
        <v>24</v>
      </c>
      <c r="AQ27078">
        <v>24</v>
      </c>
    </row>
    <row r="27079" spans="1:43">
      <c r="A27079" t="s">
        <v>16761</v>
      </c>
      <c r="B27079" t="s">
        <v>16762</v>
      </c>
      <c r="C27079" t="s">
        <v>16757</v>
      </c>
      <c r="D27079" t="s">
        <v>16758</v>
      </c>
      <c r="E27079" t="s">
        <v>16695</v>
      </c>
      <c r="F27079" t="s">
        <v>16696</v>
      </c>
      <c r="G27079" t="s">
        <v>16559</v>
      </c>
      <c r="H27079" t="s">
        <v>16560</v>
      </c>
      <c r="I27079" s="2">
        <v>1</v>
      </c>
      <c r="J27079" s="2">
        <v>0</v>
      </c>
      <c r="K27079" s="2">
        <v>0</v>
      </c>
      <c r="L27079" t="s">
        <v>120</v>
      </c>
      <c r="M27079" t="s">
        <v>87</v>
      </c>
      <c r="N27079" t="s">
        <v>88</v>
      </c>
      <c r="O27079" t="s">
        <v>85</v>
      </c>
      <c r="P27079" t="s">
        <v>86</v>
      </c>
      <c r="Q27079">
        <v>23</v>
      </c>
      <c r="R27079">
        <v>23</v>
      </c>
      <c r="S27079">
        <v>23</v>
      </c>
      <c r="T27079">
        <v>23</v>
      </c>
      <c r="U27079">
        <v>23</v>
      </c>
      <c r="V27079">
        <v>23</v>
      </c>
      <c r="W27079">
        <v>23</v>
      </c>
      <c r="X27079">
        <v>23</v>
      </c>
      <c r="Y27079">
        <v>23</v>
      </c>
      <c r="Z27079">
        <v>23</v>
      </c>
      <c r="AA27079">
        <v>23</v>
      </c>
      <c r="AB27079">
        <v>23</v>
      </c>
      <c r="AC27079">
        <v>22</v>
      </c>
      <c r="AD27079">
        <v>22</v>
      </c>
      <c r="AE27079">
        <v>22</v>
      </c>
      <c r="AF27079">
        <v>22</v>
      </c>
      <c r="AG27079">
        <v>22</v>
      </c>
      <c r="AH27079">
        <v>22</v>
      </c>
      <c r="AI27079">
        <v>22</v>
      </c>
      <c r="AJ27079">
        <v>22</v>
      </c>
      <c r="AK27079">
        <v>22</v>
      </c>
      <c r="AL27079">
        <v>22</v>
      </c>
      <c r="AM27079">
        <v>22</v>
      </c>
      <c r="AN27079">
        <v>22</v>
      </c>
      <c r="AO27079">
        <v>22</v>
      </c>
      <c r="AP27079">
        <v>22</v>
      </c>
      <c r="AQ27079">
        <v>22</v>
      </c>
    </row>
    <row r="27080" spans="1:43">
      <c r="A27080" t="s">
        <v>16761</v>
      </c>
      <c r="B27080" t="s">
        <v>16762</v>
      </c>
      <c r="C27080" t="s">
        <v>16757</v>
      </c>
      <c r="D27080" t="s">
        <v>16758</v>
      </c>
      <c r="E27080" t="s">
        <v>16695</v>
      </c>
      <c r="F27080" t="s">
        <v>16696</v>
      </c>
      <c r="G27080" t="s">
        <v>16559</v>
      </c>
      <c r="H27080" t="s">
        <v>16560</v>
      </c>
      <c r="I27080" s="2">
        <v>1</v>
      </c>
      <c r="J27080" s="2">
        <v>0</v>
      </c>
      <c r="K27080" s="2">
        <v>0</v>
      </c>
      <c r="L27080" t="s">
        <v>120</v>
      </c>
      <c r="M27080" t="s">
        <v>89</v>
      </c>
      <c r="N27080" t="s">
        <v>90</v>
      </c>
      <c r="O27080" t="s">
        <v>85</v>
      </c>
      <c r="P27080" t="s">
        <v>86</v>
      </c>
      <c r="Q27080">
        <v>23</v>
      </c>
      <c r="R27080">
        <v>23</v>
      </c>
      <c r="S27080">
        <v>24</v>
      </c>
      <c r="T27080">
        <v>24</v>
      </c>
      <c r="U27080">
        <v>24</v>
      </c>
      <c r="V27080">
        <v>24</v>
      </c>
      <c r="W27080">
        <v>25</v>
      </c>
      <c r="X27080">
        <v>25</v>
      </c>
      <c r="Y27080">
        <v>25</v>
      </c>
      <c r="Z27080">
        <v>25</v>
      </c>
      <c r="AA27080">
        <v>25</v>
      </c>
      <c r="AB27080">
        <v>25</v>
      </c>
      <c r="AC27080">
        <v>26</v>
      </c>
      <c r="AD27080">
        <v>26</v>
      </c>
      <c r="AE27080">
        <v>26</v>
      </c>
      <c r="AF27080">
        <v>26</v>
      </c>
      <c r="AG27080">
        <v>25</v>
      </c>
      <c r="AH27080">
        <v>25</v>
      </c>
      <c r="AI27080">
        <v>25</v>
      </c>
      <c r="AJ27080">
        <v>25</v>
      </c>
      <c r="AK27080">
        <v>25</v>
      </c>
      <c r="AL27080">
        <v>25</v>
      </c>
      <c r="AM27080">
        <v>25</v>
      </c>
      <c r="AN27080">
        <v>24</v>
      </c>
      <c r="AO27080">
        <v>24</v>
      </c>
      <c r="AP27080">
        <v>24</v>
      </c>
      <c r="AQ27080">
        <v>24</v>
      </c>
    </row>
    <row r="27081" spans="1:43">
      <c r="A27081" t="s">
        <v>16761</v>
      </c>
      <c r="B27081" t="s">
        <v>16762</v>
      </c>
      <c r="C27081" t="s">
        <v>16757</v>
      </c>
      <c r="D27081" t="s">
        <v>16758</v>
      </c>
      <c r="E27081" t="s">
        <v>16695</v>
      </c>
      <c r="F27081" t="s">
        <v>16696</v>
      </c>
      <c r="G27081" t="s">
        <v>16559</v>
      </c>
      <c r="H27081" t="s">
        <v>16560</v>
      </c>
      <c r="I27081" s="2">
        <v>1</v>
      </c>
      <c r="J27081" s="2">
        <v>0</v>
      </c>
      <c r="K27081" s="2">
        <v>0</v>
      </c>
      <c r="L27081" t="s">
        <v>120</v>
      </c>
      <c r="M27081" t="s">
        <v>83</v>
      </c>
      <c r="N27081" t="s">
        <v>91</v>
      </c>
      <c r="O27081" t="s">
        <v>85</v>
      </c>
      <c r="P27081" t="s">
        <v>86</v>
      </c>
      <c r="Q27081">
        <v>23</v>
      </c>
      <c r="R27081">
        <v>23</v>
      </c>
      <c r="S27081">
        <v>23</v>
      </c>
      <c r="T27081">
        <v>23</v>
      </c>
      <c r="U27081">
        <v>23</v>
      </c>
      <c r="V27081">
        <v>23</v>
      </c>
      <c r="W27081">
        <v>23</v>
      </c>
      <c r="X27081">
        <v>23</v>
      </c>
      <c r="Y27081">
        <v>24</v>
      </c>
      <c r="Z27081">
        <v>24</v>
      </c>
      <c r="AA27081">
        <v>24</v>
      </c>
      <c r="AB27081">
        <v>24</v>
      </c>
      <c r="AC27081">
        <v>24</v>
      </c>
      <c r="AD27081">
        <v>24</v>
      </c>
      <c r="AE27081">
        <v>24</v>
      </c>
      <c r="AF27081">
        <v>24</v>
      </c>
      <c r="AG27081">
        <v>24</v>
      </c>
      <c r="AH27081">
        <v>24</v>
      </c>
      <c r="AI27081">
        <v>24</v>
      </c>
      <c r="AJ27081">
        <v>24</v>
      </c>
      <c r="AK27081">
        <v>25</v>
      </c>
      <c r="AL27081">
        <v>24</v>
      </c>
      <c r="AM27081">
        <v>24</v>
      </c>
      <c r="AN27081">
        <v>24</v>
      </c>
      <c r="AO27081">
        <v>24</v>
      </c>
      <c r="AP27081">
        <v>24</v>
      </c>
      <c r="AQ27081">
        <v>24</v>
      </c>
    </row>
    <row r="27082" spans="1:43">
      <c r="A27082" t="s">
        <v>16763</v>
      </c>
      <c r="B27082" t="s">
        <v>16764</v>
      </c>
      <c r="C27082" t="s">
        <v>16757</v>
      </c>
      <c r="D27082" t="s">
        <v>16758</v>
      </c>
      <c r="E27082" t="s">
        <v>16695</v>
      </c>
      <c r="F27082" t="s">
        <v>16696</v>
      </c>
      <c r="G27082" t="s">
        <v>16559</v>
      </c>
      <c r="H27082" t="s">
        <v>16560</v>
      </c>
      <c r="I27082" s="2">
        <v>1</v>
      </c>
      <c r="J27082" s="2">
        <v>0</v>
      </c>
      <c r="K27082" s="2">
        <v>0</v>
      </c>
      <c r="L27082" t="s">
        <v>120</v>
      </c>
      <c r="M27082" t="s">
        <v>83</v>
      </c>
      <c r="N27082" t="s">
        <v>84</v>
      </c>
      <c r="O27082" t="s">
        <v>85</v>
      </c>
      <c r="P27082" t="s">
        <v>86</v>
      </c>
      <c r="Q27082">
        <v>19</v>
      </c>
      <c r="R27082">
        <v>19</v>
      </c>
      <c r="S27082">
        <v>19</v>
      </c>
      <c r="T27082">
        <v>19</v>
      </c>
      <c r="U27082">
        <v>19</v>
      </c>
      <c r="V27082">
        <v>19</v>
      </c>
      <c r="W27082">
        <v>19</v>
      </c>
      <c r="X27082">
        <v>19</v>
      </c>
      <c r="Y27082">
        <v>19</v>
      </c>
      <c r="Z27082">
        <v>20</v>
      </c>
      <c r="AA27082">
        <v>20</v>
      </c>
      <c r="AB27082">
        <v>20</v>
      </c>
      <c r="AC27082">
        <v>20</v>
      </c>
      <c r="AD27082">
        <v>20</v>
      </c>
      <c r="AE27082">
        <v>20</v>
      </c>
      <c r="AF27082">
        <v>20</v>
      </c>
      <c r="AG27082">
        <v>20</v>
      </c>
      <c r="AH27082">
        <v>20</v>
      </c>
      <c r="AI27082">
        <v>20</v>
      </c>
      <c r="AJ27082">
        <v>20</v>
      </c>
      <c r="AK27082">
        <v>20</v>
      </c>
      <c r="AL27082">
        <v>20</v>
      </c>
      <c r="AM27082">
        <v>20</v>
      </c>
      <c r="AN27082">
        <v>20</v>
      </c>
      <c r="AO27082">
        <v>20</v>
      </c>
      <c r="AP27082">
        <v>20</v>
      </c>
      <c r="AQ27082">
        <v>20</v>
      </c>
    </row>
    <row r="27083" spans="1:43">
      <c r="A27083" t="s">
        <v>16763</v>
      </c>
      <c r="B27083" t="s">
        <v>16764</v>
      </c>
      <c r="C27083" t="s">
        <v>16757</v>
      </c>
      <c r="D27083" t="s">
        <v>16758</v>
      </c>
      <c r="E27083" t="s">
        <v>16695</v>
      </c>
      <c r="F27083" t="s">
        <v>16696</v>
      </c>
      <c r="G27083" t="s">
        <v>16559</v>
      </c>
      <c r="H27083" t="s">
        <v>16560</v>
      </c>
      <c r="I27083" s="2">
        <v>1</v>
      </c>
      <c r="J27083" s="2">
        <v>0</v>
      </c>
      <c r="K27083" s="2">
        <v>0</v>
      </c>
      <c r="L27083" t="s">
        <v>120</v>
      </c>
      <c r="M27083" t="s">
        <v>87</v>
      </c>
      <c r="N27083" t="s">
        <v>88</v>
      </c>
      <c r="O27083" t="s">
        <v>85</v>
      </c>
      <c r="P27083" t="s">
        <v>86</v>
      </c>
      <c r="Q27083">
        <v>19</v>
      </c>
      <c r="R27083">
        <v>18</v>
      </c>
      <c r="S27083">
        <v>18</v>
      </c>
      <c r="T27083">
        <v>18</v>
      </c>
      <c r="U27083">
        <v>18</v>
      </c>
      <c r="V27083">
        <v>18</v>
      </c>
      <c r="W27083">
        <v>18</v>
      </c>
      <c r="X27083">
        <v>18</v>
      </c>
      <c r="Y27083">
        <v>18</v>
      </c>
      <c r="Z27083">
        <v>18</v>
      </c>
      <c r="AA27083">
        <v>18</v>
      </c>
      <c r="AB27083">
        <v>18</v>
      </c>
      <c r="AC27083">
        <v>18</v>
      </c>
      <c r="AD27083">
        <v>18</v>
      </c>
      <c r="AE27083">
        <v>18</v>
      </c>
      <c r="AF27083">
        <v>18</v>
      </c>
      <c r="AG27083">
        <v>18</v>
      </c>
      <c r="AH27083">
        <v>17</v>
      </c>
      <c r="AI27083">
        <v>17</v>
      </c>
      <c r="AJ27083">
        <v>17</v>
      </c>
      <c r="AK27083">
        <v>17</v>
      </c>
      <c r="AL27083">
        <v>17</v>
      </c>
      <c r="AM27083">
        <v>17</v>
      </c>
      <c r="AN27083">
        <v>17</v>
      </c>
      <c r="AO27083">
        <v>17</v>
      </c>
      <c r="AP27083">
        <v>17</v>
      </c>
      <c r="AQ27083">
        <v>17</v>
      </c>
    </row>
    <row r="27084" spans="1:43">
      <c r="A27084" t="s">
        <v>16763</v>
      </c>
      <c r="B27084" t="s">
        <v>16764</v>
      </c>
      <c r="C27084" t="s">
        <v>16757</v>
      </c>
      <c r="D27084" t="s">
        <v>16758</v>
      </c>
      <c r="E27084" t="s">
        <v>16695</v>
      </c>
      <c r="F27084" t="s">
        <v>16696</v>
      </c>
      <c r="G27084" t="s">
        <v>16559</v>
      </c>
      <c r="H27084" t="s">
        <v>16560</v>
      </c>
      <c r="I27084" s="2">
        <v>1</v>
      </c>
      <c r="J27084" s="2">
        <v>0</v>
      </c>
      <c r="K27084" s="2">
        <v>0</v>
      </c>
      <c r="L27084" t="s">
        <v>120</v>
      </c>
      <c r="M27084" t="s">
        <v>89</v>
      </c>
      <c r="N27084" t="s">
        <v>90</v>
      </c>
      <c r="O27084" t="s">
        <v>85</v>
      </c>
      <c r="P27084" t="s">
        <v>86</v>
      </c>
      <c r="Q27084">
        <v>19</v>
      </c>
      <c r="R27084">
        <v>19</v>
      </c>
      <c r="S27084">
        <v>19</v>
      </c>
      <c r="T27084">
        <v>20</v>
      </c>
      <c r="U27084">
        <v>20</v>
      </c>
      <c r="V27084">
        <v>20</v>
      </c>
      <c r="W27084">
        <v>20</v>
      </c>
      <c r="X27084">
        <v>20</v>
      </c>
      <c r="Y27084">
        <v>21</v>
      </c>
      <c r="Z27084">
        <v>21</v>
      </c>
      <c r="AA27084">
        <v>21</v>
      </c>
      <c r="AB27084">
        <v>21</v>
      </c>
      <c r="AC27084">
        <v>21</v>
      </c>
      <c r="AD27084">
        <v>21</v>
      </c>
      <c r="AE27084">
        <v>21</v>
      </c>
      <c r="AF27084">
        <v>21</v>
      </c>
      <c r="AG27084">
        <v>21</v>
      </c>
      <c r="AH27084">
        <v>21</v>
      </c>
      <c r="AI27084">
        <v>21</v>
      </c>
      <c r="AJ27084">
        <v>21</v>
      </c>
      <c r="AK27084">
        <v>21</v>
      </c>
      <c r="AL27084">
        <v>20</v>
      </c>
      <c r="AM27084">
        <v>20</v>
      </c>
      <c r="AN27084">
        <v>20</v>
      </c>
      <c r="AO27084">
        <v>20</v>
      </c>
      <c r="AP27084">
        <v>20</v>
      </c>
      <c r="AQ27084">
        <v>20</v>
      </c>
    </row>
    <row r="27085" spans="1:43">
      <c r="A27085" t="s">
        <v>16763</v>
      </c>
      <c r="B27085" t="s">
        <v>16764</v>
      </c>
      <c r="C27085" t="s">
        <v>16757</v>
      </c>
      <c r="D27085" t="s">
        <v>16758</v>
      </c>
      <c r="E27085" t="s">
        <v>16695</v>
      </c>
      <c r="F27085" t="s">
        <v>16696</v>
      </c>
      <c r="G27085" t="s">
        <v>16559</v>
      </c>
      <c r="H27085" t="s">
        <v>16560</v>
      </c>
      <c r="I27085" s="2">
        <v>1</v>
      </c>
      <c r="J27085" s="2">
        <v>0</v>
      </c>
      <c r="K27085" s="2">
        <v>0</v>
      </c>
      <c r="L27085" t="s">
        <v>120</v>
      </c>
      <c r="M27085" t="s">
        <v>83</v>
      </c>
      <c r="N27085" t="s">
        <v>91</v>
      </c>
      <c r="O27085" t="s">
        <v>85</v>
      </c>
      <c r="P27085" t="s">
        <v>86</v>
      </c>
      <c r="Q27085">
        <v>19</v>
      </c>
      <c r="R27085">
        <v>19</v>
      </c>
      <c r="S27085">
        <v>19</v>
      </c>
      <c r="T27085">
        <v>19</v>
      </c>
      <c r="U27085">
        <v>19</v>
      </c>
      <c r="V27085">
        <v>19</v>
      </c>
      <c r="W27085">
        <v>19</v>
      </c>
      <c r="X27085">
        <v>19</v>
      </c>
      <c r="Y27085">
        <v>19</v>
      </c>
      <c r="Z27085">
        <v>20</v>
      </c>
      <c r="AA27085">
        <v>20</v>
      </c>
      <c r="AB27085">
        <v>20</v>
      </c>
      <c r="AC27085">
        <v>20</v>
      </c>
      <c r="AD27085">
        <v>20</v>
      </c>
      <c r="AE27085">
        <v>20</v>
      </c>
      <c r="AF27085">
        <v>20</v>
      </c>
      <c r="AG27085">
        <v>20</v>
      </c>
      <c r="AH27085">
        <v>20</v>
      </c>
      <c r="AI27085">
        <v>20</v>
      </c>
      <c r="AJ27085">
        <v>20</v>
      </c>
      <c r="AK27085">
        <v>20</v>
      </c>
      <c r="AL27085">
        <v>20</v>
      </c>
      <c r="AM27085">
        <v>20</v>
      </c>
      <c r="AN27085">
        <v>20</v>
      </c>
      <c r="AO27085">
        <v>20</v>
      </c>
      <c r="AP27085">
        <v>20</v>
      </c>
      <c r="AQ27085">
        <v>20</v>
      </c>
    </row>
    <row r="27086" spans="1:43">
      <c r="A27086" t="s">
        <v>16765</v>
      </c>
      <c r="B27086" t="s">
        <v>16766</v>
      </c>
      <c r="C27086" t="s">
        <v>16767</v>
      </c>
      <c r="D27086" t="s">
        <v>16768</v>
      </c>
      <c r="E27086" t="s">
        <v>16695</v>
      </c>
      <c r="F27086" t="s">
        <v>16696</v>
      </c>
      <c r="G27086" t="s">
        <v>16559</v>
      </c>
      <c r="H27086" t="s">
        <v>16560</v>
      </c>
      <c r="I27086" s="2">
        <v>1</v>
      </c>
      <c r="J27086" s="2">
        <v>0</v>
      </c>
      <c r="K27086" s="2">
        <v>0</v>
      </c>
      <c r="L27086" t="s">
        <v>120</v>
      </c>
      <c r="M27086" t="s">
        <v>83</v>
      </c>
      <c r="N27086" t="s">
        <v>84</v>
      </c>
      <c r="O27086" t="s">
        <v>85</v>
      </c>
      <c r="P27086" t="s">
        <v>86</v>
      </c>
      <c r="Q27086">
        <v>24</v>
      </c>
      <c r="R27086">
        <v>24</v>
      </c>
      <c r="S27086">
        <v>24</v>
      </c>
      <c r="T27086">
        <v>24</v>
      </c>
      <c r="U27086">
        <v>24</v>
      </c>
      <c r="V27086">
        <v>24</v>
      </c>
      <c r="W27086">
        <v>25</v>
      </c>
      <c r="X27086">
        <v>25</v>
      </c>
      <c r="Y27086">
        <v>25</v>
      </c>
      <c r="Z27086">
        <v>25</v>
      </c>
      <c r="AA27086">
        <v>25</v>
      </c>
      <c r="AB27086">
        <v>25</v>
      </c>
      <c r="AC27086">
        <v>25</v>
      </c>
      <c r="AD27086">
        <v>25</v>
      </c>
      <c r="AE27086">
        <v>25</v>
      </c>
      <c r="AF27086">
        <v>25</v>
      </c>
      <c r="AG27086">
        <v>25</v>
      </c>
      <c r="AH27086">
        <v>25</v>
      </c>
      <c r="AI27086">
        <v>26</v>
      </c>
      <c r="AJ27086">
        <v>26</v>
      </c>
      <c r="AK27086">
        <v>26</v>
      </c>
      <c r="AL27086">
        <v>26</v>
      </c>
      <c r="AM27086">
        <v>25</v>
      </c>
      <c r="AN27086">
        <v>25</v>
      </c>
      <c r="AO27086">
        <v>25</v>
      </c>
      <c r="AP27086">
        <v>25</v>
      </c>
      <c r="AQ27086">
        <v>25</v>
      </c>
    </row>
    <row r="27087" spans="1:43">
      <c r="A27087" t="s">
        <v>16765</v>
      </c>
      <c r="B27087" t="s">
        <v>16766</v>
      </c>
      <c r="C27087" t="s">
        <v>16767</v>
      </c>
      <c r="D27087" t="s">
        <v>16768</v>
      </c>
      <c r="E27087" t="s">
        <v>16695</v>
      </c>
      <c r="F27087" t="s">
        <v>16696</v>
      </c>
      <c r="G27087" t="s">
        <v>16559</v>
      </c>
      <c r="H27087" t="s">
        <v>16560</v>
      </c>
      <c r="I27087" s="2">
        <v>1</v>
      </c>
      <c r="J27087" s="2">
        <v>0</v>
      </c>
      <c r="K27087" s="2">
        <v>0</v>
      </c>
      <c r="L27087" t="s">
        <v>120</v>
      </c>
      <c r="M27087" t="s">
        <v>87</v>
      </c>
      <c r="N27087" t="s">
        <v>88</v>
      </c>
      <c r="O27087" t="s">
        <v>85</v>
      </c>
      <c r="P27087" t="s">
        <v>86</v>
      </c>
      <c r="Q27087">
        <v>24</v>
      </c>
      <c r="R27087">
        <v>23</v>
      </c>
      <c r="S27087">
        <v>23</v>
      </c>
      <c r="T27087">
        <v>23</v>
      </c>
      <c r="U27087">
        <v>23</v>
      </c>
      <c r="V27087">
        <v>23</v>
      </c>
      <c r="W27087">
        <v>23</v>
      </c>
      <c r="X27087">
        <v>23</v>
      </c>
      <c r="Y27087">
        <v>23</v>
      </c>
      <c r="Z27087">
        <v>23</v>
      </c>
      <c r="AA27087">
        <v>23</v>
      </c>
      <c r="AB27087">
        <v>23</v>
      </c>
      <c r="AC27087">
        <v>23</v>
      </c>
      <c r="AD27087">
        <v>23</v>
      </c>
      <c r="AE27087">
        <v>22</v>
      </c>
      <c r="AF27087">
        <v>22</v>
      </c>
      <c r="AG27087">
        <v>22</v>
      </c>
      <c r="AH27087">
        <v>22</v>
      </c>
      <c r="AI27087">
        <v>22</v>
      </c>
      <c r="AJ27087">
        <v>22</v>
      </c>
      <c r="AK27087">
        <v>22</v>
      </c>
      <c r="AL27087">
        <v>22</v>
      </c>
      <c r="AM27087">
        <v>22</v>
      </c>
      <c r="AN27087">
        <v>22</v>
      </c>
      <c r="AO27087">
        <v>22</v>
      </c>
      <c r="AP27087">
        <v>22</v>
      </c>
      <c r="AQ27087">
        <v>22</v>
      </c>
    </row>
    <row r="27088" spans="1:43">
      <c r="A27088" t="s">
        <v>16765</v>
      </c>
      <c r="B27088" t="s">
        <v>16766</v>
      </c>
      <c r="C27088" t="s">
        <v>16767</v>
      </c>
      <c r="D27088" t="s">
        <v>16768</v>
      </c>
      <c r="E27088" t="s">
        <v>16695</v>
      </c>
      <c r="F27088" t="s">
        <v>16696</v>
      </c>
      <c r="G27088" t="s">
        <v>16559</v>
      </c>
      <c r="H27088" t="s">
        <v>16560</v>
      </c>
      <c r="I27088" s="2">
        <v>1</v>
      </c>
      <c r="J27088" s="2">
        <v>0</v>
      </c>
      <c r="K27088" s="2">
        <v>0</v>
      </c>
      <c r="L27088" t="s">
        <v>120</v>
      </c>
      <c r="M27088" t="s">
        <v>89</v>
      </c>
      <c r="N27088" t="s">
        <v>90</v>
      </c>
      <c r="O27088" t="s">
        <v>85</v>
      </c>
      <c r="P27088" t="s">
        <v>86</v>
      </c>
      <c r="Q27088">
        <v>24</v>
      </c>
      <c r="R27088">
        <v>24</v>
      </c>
      <c r="S27088">
        <v>25</v>
      </c>
      <c r="T27088">
        <v>25</v>
      </c>
      <c r="U27088">
        <v>25</v>
      </c>
      <c r="V27088">
        <v>26</v>
      </c>
      <c r="W27088">
        <v>26</v>
      </c>
      <c r="X27088">
        <v>26</v>
      </c>
      <c r="Y27088">
        <v>26</v>
      </c>
      <c r="Z27088">
        <v>26</v>
      </c>
      <c r="AA27088">
        <v>26</v>
      </c>
      <c r="AB27088">
        <v>27</v>
      </c>
      <c r="AC27088">
        <v>27</v>
      </c>
      <c r="AD27088">
        <v>27</v>
      </c>
      <c r="AE27088">
        <v>27</v>
      </c>
      <c r="AF27088">
        <v>27</v>
      </c>
      <c r="AG27088">
        <v>27</v>
      </c>
      <c r="AH27088">
        <v>26</v>
      </c>
      <c r="AI27088">
        <v>26</v>
      </c>
      <c r="AJ27088">
        <v>26</v>
      </c>
      <c r="AK27088">
        <v>26</v>
      </c>
      <c r="AL27088">
        <v>26</v>
      </c>
      <c r="AM27088">
        <v>26</v>
      </c>
      <c r="AN27088">
        <v>26</v>
      </c>
      <c r="AO27088">
        <v>25</v>
      </c>
      <c r="AP27088">
        <v>25</v>
      </c>
      <c r="AQ27088">
        <v>25</v>
      </c>
    </row>
    <row r="27089" spans="1:43">
      <c r="A27089" t="s">
        <v>16765</v>
      </c>
      <c r="B27089" t="s">
        <v>16766</v>
      </c>
      <c r="C27089" t="s">
        <v>16767</v>
      </c>
      <c r="D27089" t="s">
        <v>16768</v>
      </c>
      <c r="E27089" t="s">
        <v>16695</v>
      </c>
      <c r="F27089" t="s">
        <v>16696</v>
      </c>
      <c r="G27089" t="s">
        <v>16559</v>
      </c>
      <c r="H27089" t="s">
        <v>16560</v>
      </c>
      <c r="I27089" s="2">
        <v>1</v>
      </c>
      <c r="J27089" s="2">
        <v>0</v>
      </c>
      <c r="K27089" s="2">
        <v>0</v>
      </c>
      <c r="L27089" t="s">
        <v>120</v>
      </c>
      <c r="M27089" t="s">
        <v>83</v>
      </c>
      <c r="N27089" t="s">
        <v>91</v>
      </c>
      <c r="O27089" t="s">
        <v>85</v>
      </c>
      <c r="P27089" t="s">
        <v>86</v>
      </c>
      <c r="Q27089">
        <v>24</v>
      </c>
      <c r="R27089">
        <v>24</v>
      </c>
      <c r="S27089">
        <v>24</v>
      </c>
      <c r="T27089">
        <v>24</v>
      </c>
      <c r="U27089">
        <v>24</v>
      </c>
      <c r="V27089">
        <v>24</v>
      </c>
      <c r="W27089">
        <v>25</v>
      </c>
      <c r="X27089">
        <v>25</v>
      </c>
      <c r="Y27089">
        <v>25</v>
      </c>
      <c r="Z27089">
        <v>25</v>
      </c>
      <c r="AA27089">
        <v>25</v>
      </c>
      <c r="AB27089">
        <v>25</v>
      </c>
      <c r="AC27089">
        <v>25</v>
      </c>
      <c r="AD27089">
        <v>25</v>
      </c>
      <c r="AE27089">
        <v>25</v>
      </c>
      <c r="AF27089">
        <v>25</v>
      </c>
      <c r="AG27089">
        <v>25</v>
      </c>
      <c r="AH27089">
        <v>25</v>
      </c>
      <c r="AI27089">
        <v>26</v>
      </c>
      <c r="AJ27089">
        <v>26</v>
      </c>
      <c r="AK27089">
        <v>26</v>
      </c>
      <c r="AL27089">
        <v>26</v>
      </c>
      <c r="AM27089">
        <v>25</v>
      </c>
      <c r="AN27089">
        <v>25</v>
      </c>
      <c r="AO27089">
        <v>25</v>
      </c>
      <c r="AP27089">
        <v>25</v>
      </c>
      <c r="AQ27089">
        <v>25</v>
      </c>
    </row>
    <row r="27090" spans="1:43">
      <c r="A27090" t="s">
        <v>16769</v>
      </c>
      <c r="B27090" t="s">
        <v>16770</v>
      </c>
      <c r="C27090" t="s">
        <v>16767</v>
      </c>
      <c r="D27090" t="s">
        <v>16768</v>
      </c>
      <c r="E27090" t="s">
        <v>16695</v>
      </c>
      <c r="F27090" t="s">
        <v>16696</v>
      </c>
      <c r="G27090" t="s">
        <v>16559</v>
      </c>
      <c r="H27090" t="s">
        <v>16560</v>
      </c>
      <c r="I27090" s="2">
        <v>1</v>
      </c>
      <c r="J27090" s="2">
        <v>0</v>
      </c>
      <c r="K27090" s="2">
        <v>0</v>
      </c>
      <c r="L27090" t="s">
        <v>120</v>
      </c>
      <c r="M27090" t="s">
        <v>83</v>
      </c>
      <c r="N27090" t="s">
        <v>84</v>
      </c>
      <c r="O27090" t="s">
        <v>85</v>
      </c>
      <c r="P27090" t="s">
        <v>86</v>
      </c>
      <c r="Q27090">
        <v>26</v>
      </c>
      <c r="R27090">
        <v>27</v>
      </c>
      <c r="S27090">
        <v>27</v>
      </c>
      <c r="T27090">
        <v>27</v>
      </c>
      <c r="U27090">
        <v>27</v>
      </c>
      <c r="V27090">
        <v>27</v>
      </c>
      <c r="W27090">
        <v>27</v>
      </c>
      <c r="X27090">
        <v>27</v>
      </c>
      <c r="Y27090">
        <v>27</v>
      </c>
      <c r="Z27090">
        <v>28</v>
      </c>
      <c r="AA27090">
        <v>28</v>
      </c>
      <c r="AB27090">
        <v>28</v>
      </c>
      <c r="AC27090">
        <v>28</v>
      </c>
      <c r="AD27090">
        <v>28</v>
      </c>
      <c r="AE27090">
        <v>28</v>
      </c>
      <c r="AF27090">
        <v>28</v>
      </c>
      <c r="AG27090">
        <v>28</v>
      </c>
      <c r="AH27090">
        <v>28</v>
      </c>
      <c r="AI27090">
        <v>28</v>
      </c>
      <c r="AJ27090">
        <v>29</v>
      </c>
      <c r="AK27090">
        <v>29</v>
      </c>
      <c r="AL27090">
        <v>29</v>
      </c>
      <c r="AM27090">
        <v>28</v>
      </c>
      <c r="AN27090">
        <v>28</v>
      </c>
      <c r="AO27090">
        <v>28</v>
      </c>
      <c r="AP27090">
        <v>28</v>
      </c>
      <c r="AQ27090">
        <v>28</v>
      </c>
    </row>
    <row r="27091" spans="1:43">
      <c r="A27091" t="s">
        <v>16769</v>
      </c>
      <c r="B27091" t="s">
        <v>16770</v>
      </c>
      <c r="C27091" t="s">
        <v>16767</v>
      </c>
      <c r="D27091" t="s">
        <v>16768</v>
      </c>
      <c r="E27091" t="s">
        <v>16695</v>
      </c>
      <c r="F27091" t="s">
        <v>16696</v>
      </c>
      <c r="G27091" t="s">
        <v>16559</v>
      </c>
      <c r="H27091" t="s">
        <v>16560</v>
      </c>
      <c r="I27091" s="2">
        <v>1</v>
      </c>
      <c r="J27091" s="2">
        <v>0</v>
      </c>
      <c r="K27091" s="2">
        <v>0</v>
      </c>
      <c r="L27091" t="s">
        <v>120</v>
      </c>
      <c r="M27091" t="s">
        <v>87</v>
      </c>
      <c r="N27091" t="s">
        <v>88</v>
      </c>
      <c r="O27091" t="s">
        <v>85</v>
      </c>
      <c r="P27091" t="s">
        <v>86</v>
      </c>
      <c r="Q27091">
        <v>26</v>
      </c>
      <c r="R27091">
        <v>26</v>
      </c>
      <c r="S27091">
        <v>26</v>
      </c>
      <c r="T27091">
        <v>26</v>
      </c>
      <c r="U27091">
        <v>26</v>
      </c>
      <c r="V27091">
        <v>26</v>
      </c>
      <c r="W27091">
        <v>26</v>
      </c>
      <c r="X27091">
        <v>26</v>
      </c>
      <c r="Y27091">
        <v>25</v>
      </c>
      <c r="Z27091">
        <v>25</v>
      </c>
      <c r="AA27091">
        <v>25</v>
      </c>
      <c r="AB27091">
        <v>25</v>
      </c>
      <c r="AC27091">
        <v>25</v>
      </c>
      <c r="AD27091">
        <v>25</v>
      </c>
      <c r="AE27091">
        <v>25</v>
      </c>
      <c r="AF27091">
        <v>25</v>
      </c>
      <c r="AG27091">
        <v>25</v>
      </c>
      <c r="AH27091">
        <v>25</v>
      </c>
      <c r="AI27091">
        <v>25</v>
      </c>
      <c r="AJ27091">
        <v>25</v>
      </c>
      <c r="AK27091">
        <v>25</v>
      </c>
      <c r="AL27091">
        <v>24</v>
      </c>
      <c r="AM27091">
        <v>24</v>
      </c>
      <c r="AN27091">
        <v>24</v>
      </c>
      <c r="AO27091">
        <v>24</v>
      </c>
      <c r="AP27091">
        <v>24</v>
      </c>
      <c r="AQ27091">
        <v>24</v>
      </c>
    </row>
    <row r="27092" spans="1:43">
      <c r="A27092" t="s">
        <v>16769</v>
      </c>
      <c r="B27092" t="s">
        <v>16770</v>
      </c>
      <c r="C27092" t="s">
        <v>16767</v>
      </c>
      <c r="D27092" t="s">
        <v>16768</v>
      </c>
      <c r="E27092" t="s">
        <v>16695</v>
      </c>
      <c r="F27092" t="s">
        <v>16696</v>
      </c>
      <c r="G27092" t="s">
        <v>16559</v>
      </c>
      <c r="H27092" t="s">
        <v>16560</v>
      </c>
      <c r="I27092" s="2">
        <v>1</v>
      </c>
      <c r="J27092" s="2">
        <v>0</v>
      </c>
      <c r="K27092" s="2">
        <v>0</v>
      </c>
      <c r="L27092" t="s">
        <v>120</v>
      </c>
      <c r="M27092" t="s">
        <v>89</v>
      </c>
      <c r="N27092" t="s">
        <v>90</v>
      </c>
      <c r="O27092" t="s">
        <v>85</v>
      </c>
      <c r="P27092" t="s">
        <v>86</v>
      </c>
      <c r="Q27092">
        <v>26</v>
      </c>
      <c r="R27092">
        <v>26</v>
      </c>
      <c r="S27092">
        <v>26</v>
      </c>
      <c r="T27092">
        <v>27</v>
      </c>
      <c r="U27092">
        <v>27</v>
      </c>
      <c r="V27092">
        <v>27</v>
      </c>
      <c r="W27092">
        <v>28</v>
      </c>
      <c r="X27092">
        <v>28</v>
      </c>
      <c r="Y27092">
        <v>28</v>
      </c>
      <c r="Z27092">
        <v>28</v>
      </c>
      <c r="AA27092">
        <v>28</v>
      </c>
      <c r="AB27092">
        <v>29</v>
      </c>
      <c r="AC27092">
        <v>29</v>
      </c>
      <c r="AD27092">
        <v>29</v>
      </c>
      <c r="AE27092">
        <v>29</v>
      </c>
      <c r="AF27092">
        <v>29</v>
      </c>
      <c r="AG27092">
        <v>29</v>
      </c>
      <c r="AH27092">
        <v>28</v>
      </c>
      <c r="AI27092">
        <v>28</v>
      </c>
      <c r="AJ27092">
        <v>28</v>
      </c>
      <c r="AK27092">
        <v>28</v>
      </c>
      <c r="AL27092">
        <v>28</v>
      </c>
      <c r="AM27092">
        <v>28</v>
      </c>
      <c r="AN27092">
        <v>27</v>
      </c>
      <c r="AO27092">
        <v>27</v>
      </c>
      <c r="AP27092">
        <v>27</v>
      </c>
      <c r="AQ27092">
        <v>27</v>
      </c>
    </row>
    <row r="27093" spans="1:43">
      <c r="A27093" t="s">
        <v>16769</v>
      </c>
      <c r="B27093" t="s">
        <v>16770</v>
      </c>
      <c r="C27093" t="s">
        <v>16767</v>
      </c>
      <c r="D27093" t="s">
        <v>16768</v>
      </c>
      <c r="E27093" t="s">
        <v>16695</v>
      </c>
      <c r="F27093" t="s">
        <v>16696</v>
      </c>
      <c r="G27093" t="s">
        <v>16559</v>
      </c>
      <c r="H27093" t="s">
        <v>16560</v>
      </c>
      <c r="I27093" s="2">
        <v>1</v>
      </c>
      <c r="J27093" s="2">
        <v>0</v>
      </c>
      <c r="K27093" s="2">
        <v>0</v>
      </c>
      <c r="L27093" t="s">
        <v>120</v>
      </c>
      <c r="M27093" t="s">
        <v>83</v>
      </c>
      <c r="N27093" t="s">
        <v>91</v>
      </c>
      <c r="O27093" t="s">
        <v>85</v>
      </c>
      <c r="P27093" t="s">
        <v>86</v>
      </c>
      <c r="Q27093">
        <v>26</v>
      </c>
      <c r="R27093">
        <v>27</v>
      </c>
      <c r="S27093">
        <v>27</v>
      </c>
      <c r="T27093">
        <v>27</v>
      </c>
      <c r="U27093">
        <v>27</v>
      </c>
      <c r="V27093">
        <v>27</v>
      </c>
      <c r="W27093">
        <v>27</v>
      </c>
      <c r="X27093">
        <v>27</v>
      </c>
      <c r="Y27093">
        <v>27</v>
      </c>
      <c r="Z27093">
        <v>28</v>
      </c>
      <c r="AA27093">
        <v>28</v>
      </c>
      <c r="AB27093">
        <v>28</v>
      </c>
      <c r="AC27093">
        <v>28</v>
      </c>
      <c r="AD27093">
        <v>28</v>
      </c>
      <c r="AE27093">
        <v>28</v>
      </c>
      <c r="AF27093">
        <v>28</v>
      </c>
      <c r="AG27093">
        <v>28</v>
      </c>
      <c r="AH27093">
        <v>28</v>
      </c>
      <c r="AI27093">
        <v>28</v>
      </c>
      <c r="AJ27093">
        <v>29</v>
      </c>
      <c r="AK27093">
        <v>29</v>
      </c>
      <c r="AL27093">
        <v>29</v>
      </c>
      <c r="AM27093">
        <v>28</v>
      </c>
      <c r="AN27093">
        <v>28</v>
      </c>
      <c r="AO27093">
        <v>28</v>
      </c>
      <c r="AP27093">
        <v>28</v>
      </c>
      <c r="AQ27093">
        <v>28</v>
      </c>
    </row>
    <row r="27094" spans="1:43">
      <c r="A27094" t="s">
        <v>16771</v>
      </c>
      <c r="B27094" t="s">
        <v>16772</v>
      </c>
      <c r="C27094" t="s">
        <v>16767</v>
      </c>
      <c r="D27094" t="s">
        <v>16768</v>
      </c>
      <c r="E27094" t="s">
        <v>16695</v>
      </c>
      <c r="F27094" t="s">
        <v>16696</v>
      </c>
      <c r="G27094" t="s">
        <v>16559</v>
      </c>
      <c r="H27094" t="s">
        <v>16560</v>
      </c>
      <c r="I27094" s="2">
        <v>1</v>
      </c>
      <c r="J27094" s="2">
        <v>0</v>
      </c>
      <c r="K27094" s="2">
        <v>0</v>
      </c>
      <c r="L27094" t="s">
        <v>120</v>
      </c>
      <c r="M27094" t="s">
        <v>83</v>
      </c>
      <c r="N27094" t="s">
        <v>84</v>
      </c>
      <c r="O27094" t="s">
        <v>85</v>
      </c>
      <c r="P27094" t="s">
        <v>86</v>
      </c>
      <c r="Q27094">
        <v>25</v>
      </c>
      <c r="R27094">
        <v>25</v>
      </c>
      <c r="S27094">
        <v>25</v>
      </c>
      <c r="T27094">
        <v>25</v>
      </c>
      <c r="U27094">
        <v>25</v>
      </c>
      <c r="V27094">
        <v>25</v>
      </c>
      <c r="W27094">
        <v>26</v>
      </c>
      <c r="X27094">
        <v>26</v>
      </c>
      <c r="Y27094">
        <v>26</v>
      </c>
      <c r="Z27094">
        <v>26</v>
      </c>
      <c r="AA27094">
        <v>26</v>
      </c>
      <c r="AB27094">
        <v>26</v>
      </c>
      <c r="AC27094">
        <v>26</v>
      </c>
      <c r="AD27094">
        <v>26</v>
      </c>
      <c r="AE27094">
        <v>26</v>
      </c>
      <c r="AF27094">
        <v>27</v>
      </c>
      <c r="AG27094">
        <v>27</v>
      </c>
      <c r="AH27094">
        <v>27</v>
      </c>
      <c r="AI27094">
        <v>27</v>
      </c>
      <c r="AJ27094">
        <v>27</v>
      </c>
      <c r="AK27094">
        <v>27</v>
      </c>
      <c r="AL27094">
        <v>27</v>
      </c>
      <c r="AM27094">
        <v>27</v>
      </c>
      <c r="AN27094">
        <v>27</v>
      </c>
      <c r="AO27094">
        <v>27</v>
      </c>
      <c r="AP27094">
        <v>26</v>
      </c>
      <c r="AQ27094">
        <v>26</v>
      </c>
    </row>
    <row r="27095" spans="1:43">
      <c r="A27095" t="s">
        <v>16771</v>
      </c>
      <c r="B27095" t="s">
        <v>16772</v>
      </c>
      <c r="C27095" t="s">
        <v>16767</v>
      </c>
      <c r="D27095" t="s">
        <v>16768</v>
      </c>
      <c r="E27095" t="s">
        <v>16695</v>
      </c>
      <c r="F27095" t="s">
        <v>16696</v>
      </c>
      <c r="G27095" t="s">
        <v>16559</v>
      </c>
      <c r="H27095" t="s">
        <v>16560</v>
      </c>
      <c r="I27095" s="2">
        <v>1</v>
      </c>
      <c r="J27095" s="2">
        <v>0</v>
      </c>
      <c r="K27095" s="2">
        <v>0</v>
      </c>
      <c r="L27095" t="s">
        <v>120</v>
      </c>
      <c r="M27095" t="s">
        <v>87</v>
      </c>
      <c r="N27095" t="s">
        <v>88</v>
      </c>
      <c r="O27095" t="s">
        <v>85</v>
      </c>
      <c r="P27095" t="s">
        <v>86</v>
      </c>
      <c r="Q27095">
        <v>25</v>
      </c>
      <c r="R27095">
        <v>24</v>
      </c>
      <c r="S27095">
        <v>24</v>
      </c>
      <c r="T27095">
        <v>24</v>
      </c>
      <c r="U27095">
        <v>24</v>
      </c>
      <c r="V27095">
        <v>24</v>
      </c>
      <c r="W27095">
        <v>24</v>
      </c>
      <c r="X27095">
        <v>24</v>
      </c>
      <c r="Y27095">
        <v>24</v>
      </c>
      <c r="Z27095">
        <v>24</v>
      </c>
      <c r="AA27095">
        <v>24</v>
      </c>
      <c r="AB27095">
        <v>24</v>
      </c>
      <c r="AC27095">
        <v>24</v>
      </c>
      <c r="AD27095">
        <v>23</v>
      </c>
      <c r="AE27095">
        <v>23</v>
      </c>
      <c r="AF27095">
        <v>23</v>
      </c>
      <c r="AG27095">
        <v>23</v>
      </c>
      <c r="AH27095">
        <v>23</v>
      </c>
      <c r="AI27095">
        <v>23</v>
      </c>
      <c r="AJ27095">
        <v>23</v>
      </c>
      <c r="AK27095">
        <v>23</v>
      </c>
      <c r="AL27095">
        <v>23</v>
      </c>
      <c r="AM27095">
        <v>23</v>
      </c>
      <c r="AN27095">
        <v>23</v>
      </c>
      <c r="AO27095">
        <v>23</v>
      </c>
      <c r="AP27095">
        <v>23</v>
      </c>
      <c r="AQ27095">
        <v>23</v>
      </c>
    </row>
    <row r="27096" spans="1:43">
      <c r="A27096" t="s">
        <v>16771</v>
      </c>
      <c r="B27096" t="s">
        <v>16772</v>
      </c>
      <c r="C27096" t="s">
        <v>16767</v>
      </c>
      <c r="D27096" t="s">
        <v>16768</v>
      </c>
      <c r="E27096" t="s">
        <v>16695</v>
      </c>
      <c r="F27096" t="s">
        <v>16696</v>
      </c>
      <c r="G27096" t="s">
        <v>16559</v>
      </c>
      <c r="H27096" t="s">
        <v>16560</v>
      </c>
      <c r="I27096" s="2">
        <v>1</v>
      </c>
      <c r="J27096" s="2">
        <v>0</v>
      </c>
      <c r="K27096" s="2">
        <v>0</v>
      </c>
      <c r="L27096" t="s">
        <v>120</v>
      </c>
      <c r="M27096" t="s">
        <v>89</v>
      </c>
      <c r="N27096" t="s">
        <v>90</v>
      </c>
      <c r="O27096" t="s">
        <v>85</v>
      </c>
      <c r="P27096" t="s">
        <v>86</v>
      </c>
      <c r="Q27096">
        <v>25</v>
      </c>
      <c r="R27096">
        <v>25</v>
      </c>
      <c r="S27096">
        <v>26</v>
      </c>
      <c r="T27096">
        <v>26</v>
      </c>
      <c r="U27096">
        <v>26</v>
      </c>
      <c r="V27096">
        <v>27</v>
      </c>
      <c r="W27096">
        <v>27</v>
      </c>
      <c r="X27096">
        <v>27</v>
      </c>
      <c r="Y27096">
        <v>27</v>
      </c>
      <c r="Z27096">
        <v>28</v>
      </c>
      <c r="AA27096">
        <v>28</v>
      </c>
      <c r="AB27096">
        <v>28</v>
      </c>
      <c r="AC27096">
        <v>28</v>
      </c>
      <c r="AD27096">
        <v>28</v>
      </c>
      <c r="AE27096">
        <v>28</v>
      </c>
      <c r="AF27096">
        <v>28</v>
      </c>
      <c r="AG27096">
        <v>28</v>
      </c>
      <c r="AH27096">
        <v>28</v>
      </c>
      <c r="AI27096">
        <v>28</v>
      </c>
      <c r="AJ27096">
        <v>28</v>
      </c>
      <c r="AK27096">
        <v>27</v>
      </c>
      <c r="AL27096">
        <v>27</v>
      </c>
      <c r="AM27096">
        <v>27</v>
      </c>
      <c r="AN27096">
        <v>27</v>
      </c>
      <c r="AO27096">
        <v>27</v>
      </c>
      <c r="AP27096">
        <v>27</v>
      </c>
      <c r="AQ27096">
        <v>27</v>
      </c>
    </row>
    <row r="27097" spans="1:43">
      <c r="A27097" t="s">
        <v>16771</v>
      </c>
      <c r="B27097" t="s">
        <v>16772</v>
      </c>
      <c r="C27097" t="s">
        <v>16767</v>
      </c>
      <c r="D27097" t="s">
        <v>16768</v>
      </c>
      <c r="E27097" t="s">
        <v>16695</v>
      </c>
      <c r="F27097" t="s">
        <v>16696</v>
      </c>
      <c r="G27097" t="s">
        <v>16559</v>
      </c>
      <c r="H27097" t="s">
        <v>16560</v>
      </c>
      <c r="I27097" s="2">
        <v>1</v>
      </c>
      <c r="J27097" s="2">
        <v>0</v>
      </c>
      <c r="K27097" s="2">
        <v>0</v>
      </c>
      <c r="L27097" t="s">
        <v>120</v>
      </c>
      <c r="M27097" t="s">
        <v>83</v>
      </c>
      <c r="N27097" t="s">
        <v>91</v>
      </c>
      <c r="O27097" t="s">
        <v>85</v>
      </c>
      <c r="P27097" t="s">
        <v>86</v>
      </c>
      <c r="Q27097">
        <v>25</v>
      </c>
      <c r="R27097">
        <v>25</v>
      </c>
      <c r="S27097">
        <v>25</v>
      </c>
      <c r="T27097">
        <v>25</v>
      </c>
      <c r="U27097">
        <v>25</v>
      </c>
      <c r="V27097">
        <v>25</v>
      </c>
      <c r="W27097">
        <v>26</v>
      </c>
      <c r="X27097">
        <v>26</v>
      </c>
      <c r="Y27097">
        <v>26</v>
      </c>
      <c r="Z27097">
        <v>26</v>
      </c>
      <c r="AA27097">
        <v>26</v>
      </c>
      <c r="AB27097">
        <v>26</v>
      </c>
      <c r="AC27097">
        <v>26</v>
      </c>
      <c r="AD27097">
        <v>26</v>
      </c>
      <c r="AE27097">
        <v>26</v>
      </c>
      <c r="AF27097">
        <v>27</v>
      </c>
      <c r="AG27097">
        <v>27</v>
      </c>
      <c r="AH27097">
        <v>27</v>
      </c>
      <c r="AI27097">
        <v>27</v>
      </c>
      <c r="AJ27097">
        <v>27</v>
      </c>
      <c r="AK27097">
        <v>27</v>
      </c>
      <c r="AL27097">
        <v>27</v>
      </c>
      <c r="AM27097">
        <v>27</v>
      </c>
      <c r="AN27097">
        <v>27</v>
      </c>
      <c r="AO27097">
        <v>27</v>
      </c>
      <c r="AP27097">
        <v>26</v>
      </c>
      <c r="AQ27097">
        <v>26</v>
      </c>
    </row>
    <row r="27098" spans="1:43">
      <c r="A27098" t="s">
        <v>16773</v>
      </c>
      <c r="B27098" t="s">
        <v>16774</v>
      </c>
      <c r="C27098" t="s">
        <v>16767</v>
      </c>
      <c r="D27098" t="s">
        <v>16768</v>
      </c>
      <c r="E27098" t="s">
        <v>16695</v>
      </c>
      <c r="F27098" t="s">
        <v>16696</v>
      </c>
      <c r="G27098" t="s">
        <v>16559</v>
      </c>
      <c r="H27098" t="s">
        <v>16560</v>
      </c>
      <c r="I27098" s="2">
        <v>1</v>
      </c>
      <c r="J27098" s="2">
        <v>0</v>
      </c>
      <c r="K27098" s="2">
        <v>0</v>
      </c>
      <c r="L27098" t="s">
        <v>120</v>
      </c>
      <c r="M27098" t="s">
        <v>83</v>
      </c>
      <c r="N27098" t="s">
        <v>84</v>
      </c>
      <c r="O27098" t="s">
        <v>85</v>
      </c>
      <c r="P27098" t="s">
        <v>86</v>
      </c>
      <c r="Q27098">
        <v>17</v>
      </c>
      <c r="R27098">
        <v>17</v>
      </c>
      <c r="S27098">
        <v>17</v>
      </c>
      <c r="T27098">
        <v>18</v>
      </c>
      <c r="U27098">
        <v>18</v>
      </c>
      <c r="V27098">
        <v>18</v>
      </c>
      <c r="W27098">
        <v>18</v>
      </c>
      <c r="X27098">
        <v>18</v>
      </c>
      <c r="Y27098">
        <v>18</v>
      </c>
      <c r="Z27098">
        <v>18</v>
      </c>
      <c r="AA27098">
        <v>18</v>
      </c>
      <c r="AB27098">
        <v>18</v>
      </c>
      <c r="AC27098">
        <v>18</v>
      </c>
      <c r="AD27098">
        <v>18</v>
      </c>
      <c r="AE27098">
        <v>18</v>
      </c>
      <c r="AF27098">
        <v>18</v>
      </c>
      <c r="AG27098">
        <v>18</v>
      </c>
      <c r="AH27098">
        <v>18</v>
      </c>
      <c r="AI27098">
        <v>19</v>
      </c>
      <c r="AJ27098">
        <v>19</v>
      </c>
      <c r="AK27098">
        <v>19</v>
      </c>
      <c r="AL27098">
        <v>19</v>
      </c>
      <c r="AM27098">
        <v>18</v>
      </c>
      <c r="AN27098">
        <v>18</v>
      </c>
      <c r="AO27098">
        <v>18</v>
      </c>
      <c r="AP27098">
        <v>18</v>
      </c>
      <c r="AQ27098">
        <v>18</v>
      </c>
    </row>
    <row r="27099" spans="1:43">
      <c r="A27099" t="s">
        <v>16773</v>
      </c>
      <c r="B27099" t="s">
        <v>16774</v>
      </c>
      <c r="C27099" t="s">
        <v>16767</v>
      </c>
      <c r="D27099" t="s">
        <v>16768</v>
      </c>
      <c r="E27099" t="s">
        <v>16695</v>
      </c>
      <c r="F27099" t="s">
        <v>16696</v>
      </c>
      <c r="G27099" t="s">
        <v>16559</v>
      </c>
      <c r="H27099" t="s">
        <v>16560</v>
      </c>
      <c r="I27099" s="2">
        <v>1</v>
      </c>
      <c r="J27099" s="2">
        <v>0</v>
      </c>
      <c r="K27099" s="2">
        <v>0</v>
      </c>
      <c r="L27099" t="s">
        <v>120</v>
      </c>
      <c r="M27099" t="s">
        <v>87</v>
      </c>
      <c r="N27099" t="s">
        <v>88</v>
      </c>
      <c r="O27099" t="s">
        <v>85</v>
      </c>
      <c r="P27099" t="s">
        <v>86</v>
      </c>
      <c r="Q27099">
        <v>17</v>
      </c>
      <c r="R27099">
        <v>17</v>
      </c>
      <c r="S27099">
        <v>17</v>
      </c>
      <c r="T27099">
        <v>17</v>
      </c>
      <c r="U27099">
        <v>17</v>
      </c>
      <c r="V27099">
        <v>17</v>
      </c>
      <c r="W27099">
        <v>17</v>
      </c>
      <c r="X27099">
        <v>17</v>
      </c>
      <c r="Y27099">
        <v>17</v>
      </c>
      <c r="Z27099">
        <v>17</v>
      </c>
      <c r="AA27099">
        <v>16</v>
      </c>
      <c r="AB27099">
        <v>16</v>
      </c>
      <c r="AC27099">
        <v>16</v>
      </c>
      <c r="AD27099">
        <v>16</v>
      </c>
      <c r="AE27099">
        <v>16</v>
      </c>
      <c r="AF27099">
        <v>16</v>
      </c>
      <c r="AG27099">
        <v>16</v>
      </c>
      <c r="AH27099">
        <v>16</v>
      </c>
      <c r="AI27099">
        <v>16</v>
      </c>
      <c r="AJ27099">
        <v>16</v>
      </c>
      <c r="AK27099">
        <v>16</v>
      </c>
      <c r="AL27099">
        <v>16</v>
      </c>
      <c r="AM27099">
        <v>16</v>
      </c>
      <c r="AN27099">
        <v>16</v>
      </c>
      <c r="AO27099">
        <v>16</v>
      </c>
      <c r="AP27099">
        <v>16</v>
      </c>
      <c r="AQ27099">
        <v>16</v>
      </c>
    </row>
    <row r="27100" spans="1:43">
      <c r="A27100" t="s">
        <v>16773</v>
      </c>
      <c r="B27100" t="s">
        <v>16774</v>
      </c>
      <c r="C27100" t="s">
        <v>16767</v>
      </c>
      <c r="D27100" t="s">
        <v>16768</v>
      </c>
      <c r="E27100" t="s">
        <v>16695</v>
      </c>
      <c r="F27100" t="s">
        <v>16696</v>
      </c>
      <c r="G27100" t="s">
        <v>16559</v>
      </c>
      <c r="H27100" t="s">
        <v>16560</v>
      </c>
      <c r="I27100" s="2">
        <v>1</v>
      </c>
      <c r="J27100" s="2">
        <v>0</v>
      </c>
      <c r="K27100" s="2">
        <v>0</v>
      </c>
      <c r="L27100" t="s">
        <v>120</v>
      </c>
      <c r="M27100" t="s">
        <v>89</v>
      </c>
      <c r="N27100" t="s">
        <v>90</v>
      </c>
      <c r="O27100" t="s">
        <v>85</v>
      </c>
      <c r="P27100" t="s">
        <v>86</v>
      </c>
      <c r="Q27100">
        <v>17</v>
      </c>
      <c r="R27100">
        <v>18</v>
      </c>
      <c r="S27100">
        <v>18</v>
      </c>
      <c r="T27100">
        <v>18</v>
      </c>
      <c r="U27100">
        <v>18</v>
      </c>
      <c r="V27100">
        <v>18</v>
      </c>
      <c r="W27100">
        <v>19</v>
      </c>
      <c r="X27100">
        <v>19</v>
      </c>
      <c r="Y27100">
        <v>19</v>
      </c>
      <c r="Z27100">
        <v>19</v>
      </c>
      <c r="AA27100">
        <v>19</v>
      </c>
      <c r="AB27100">
        <v>19</v>
      </c>
      <c r="AC27100">
        <v>19</v>
      </c>
      <c r="AD27100">
        <v>20</v>
      </c>
      <c r="AE27100">
        <v>20</v>
      </c>
      <c r="AF27100">
        <v>19</v>
      </c>
      <c r="AG27100">
        <v>19</v>
      </c>
      <c r="AH27100">
        <v>19</v>
      </c>
      <c r="AI27100">
        <v>19</v>
      </c>
      <c r="AJ27100">
        <v>19</v>
      </c>
      <c r="AK27100">
        <v>19</v>
      </c>
      <c r="AL27100">
        <v>19</v>
      </c>
      <c r="AM27100">
        <v>19</v>
      </c>
      <c r="AN27100">
        <v>19</v>
      </c>
      <c r="AO27100">
        <v>18</v>
      </c>
      <c r="AP27100">
        <v>18</v>
      </c>
      <c r="AQ27100">
        <v>18</v>
      </c>
    </row>
    <row r="27101" spans="1:43">
      <c r="A27101" t="s">
        <v>16773</v>
      </c>
      <c r="B27101" t="s">
        <v>16774</v>
      </c>
      <c r="C27101" t="s">
        <v>16767</v>
      </c>
      <c r="D27101" t="s">
        <v>16768</v>
      </c>
      <c r="E27101" t="s">
        <v>16695</v>
      </c>
      <c r="F27101" t="s">
        <v>16696</v>
      </c>
      <c r="G27101" t="s">
        <v>16559</v>
      </c>
      <c r="H27101" t="s">
        <v>16560</v>
      </c>
      <c r="I27101" s="2">
        <v>1</v>
      </c>
      <c r="J27101" s="2">
        <v>0</v>
      </c>
      <c r="K27101" s="2">
        <v>0</v>
      </c>
      <c r="L27101" t="s">
        <v>120</v>
      </c>
      <c r="M27101" t="s">
        <v>83</v>
      </c>
      <c r="N27101" t="s">
        <v>91</v>
      </c>
      <c r="O27101" t="s">
        <v>85</v>
      </c>
      <c r="P27101" t="s">
        <v>86</v>
      </c>
      <c r="Q27101">
        <v>17</v>
      </c>
      <c r="R27101">
        <v>17</v>
      </c>
      <c r="S27101">
        <v>17</v>
      </c>
      <c r="T27101">
        <v>18</v>
      </c>
      <c r="U27101">
        <v>18</v>
      </c>
      <c r="V27101">
        <v>18</v>
      </c>
      <c r="W27101">
        <v>18</v>
      </c>
      <c r="X27101">
        <v>18</v>
      </c>
      <c r="Y27101">
        <v>18</v>
      </c>
      <c r="Z27101">
        <v>18</v>
      </c>
      <c r="AA27101">
        <v>18</v>
      </c>
      <c r="AB27101">
        <v>18</v>
      </c>
      <c r="AC27101">
        <v>18</v>
      </c>
      <c r="AD27101">
        <v>18</v>
      </c>
      <c r="AE27101">
        <v>18</v>
      </c>
      <c r="AF27101">
        <v>18</v>
      </c>
      <c r="AG27101">
        <v>18</v>
      </c>
      <c r="AH27101">
        <v>18</v>
      </c>
      <c r="AI27101">
        <v>19</v>
      </c>
      <c r="AJ27101">
        <v>19</v>
      </c>
      <c r="AK27101">
        <v>19</v>
      </c>
      <c r="AL27101">
        <v>19</v>
      </c>
      <c r="AM27101">
        <v>18</v>
      </c>
      <c r="AN27101">
        <v>18</v>
      </c>
      <c r="AO27101">
        <v>18</v>
      </c>
      <c r="AP27101">
        <v>18</v>
      </c>
      <c r="AQ27101">
        <v>18</v>
      </c>
    </row>
    <row r="27102" spans="1:43">
      <c r="A27102" t="s">
        <v>16775</v>
      </c>
      <c r="B27102" t="s">
        <v>16776</v>
      </c>
      <c r="C27102" t="s">
        <v>16767</v>
      </c>
      <c r="D27102" t="s">
        <v>16768</v>
      </c>
      <c r="E27102" t="s">
        <v>16695</v>
      </c>
      <c r="F27102" t="s">
        <v>16696</v>
      </c>
      <c r="G27102" t="s">
        <v>16559</v>
      </c>
      <c r="H27102" t="s">
        <v>16560</v>
      </c>
      <c r="I27102" s="2">
        <v>1</v>
      </c>
      <c r="J27102" s="2">
        <v>0</v>
      </c>
      <c r="K27102" s="2">
        <v>0</v>
      </c>
      <c r="L27102" t="s">
        <v>120</v>
      </c>
      <c r="M27102" t="s">
        <v>83</v>
      </c>
      <c r="N27102" t="s">
        <v>84</v>
      </c>
      <c r="O27102" t="s">
        <v>85</v>
      </c>
      <c r="P27102" t="s">
        <v>86</v>
      </c>
      <c r="Q27102">
        <v>36</v>
      </c>
      <c r="R27102">
        <v>37</v>
      </c>
      <c r="S27102">
        <v>37</v>
      </c>
      <c r="T27102">
        <v>37</v>
      </c>
      <c r="U27102">
        <v>37</v>
      </c>
      <c r="V27102">
        <v>38</v>
      </c>
      <c r="W27102">
        <v>38</v>
      </c>
      <c r="X27102">
        <v>38</v>
      </c>
      <c r="Y27102">
        <v>38</v>
      </c>
      <c r="Z27102">
        <v>38</v>
      </c>
      <c r="AA27102">
        <v>38</v>
      </c>
      <c r="AB27102">
        <v>39</v>
      </c>
      <c r="AC27102">
        <v>39</v>
      </c>
      <c r="AD27102">
        <v>39</v>
      </c>
      <c r="AE27102">
        <v>39</v>
      </c>
      <c r="AF27102">
        <v>39</v>
      </c>
      <c r="AG27102">
        <v>39</v>
      </c>
      <c r="AH27102">
        <v>39</v>
      </c>
      <c r="AI27102">
        <v>40</v>
      </c>
      <c r="AJ27102">
        <v>40</v>
      </c>
      <c r="AK27102">
        <v>40</v>
      </c>
      <c r="AL27102">
        <v>40</v>
      </c>
      <c r="AM27102">
        <v>39</v>
      </c>
      <c r="AN27102">
        <v>39</v>
      </c>
      <c r="AO27102">
        <v>39</v>
      </c>
      <c r="AP27102">
        <v>39</v>
      </c>
      <c r="AQ27102">
        <v>39</v>
      </c>
    </row>
    <row r="27103" spans="1:43">
      <c r="A27103" t="s">
        <v>16775</v>
      </c>
      <c r="B27103" t="s">
        <v>16776</v>
      </c>
      <c r="C27103" t="s">
        <v>16767</v>
      </c>
      <c r="D27103" t="s">
        <v>16768</v>
      </c>
      <c r="E27103" t="s">
        <v>16695</v>
      </c>
      <c r="F27103" t="s">
        <v>16696</v>
      </c>
      <c r="G27103" t="s">
        <v>16559</v>
      </c>
      <c r="H27103" t="s">
        <v>16560</v>
      </c>
      <c r="I27103" s="2">
        <v>1</v>
      </c>
      <c r="J27103" s="2">
        <v>0</v>
      </c>
      <c r="K27103" s="2">
        <v>0</v>
      </c>
      <c r="L27103" t="s">
        <v>120</v>
      </c>
      <c r="M27103" t="s">
        <v>87</v>
      </c>
      <c r="N27103" t="s">
        <v>88</v>
      </c>
      <c r="O27103" t="s">
        <v>85</v>
      </c>
      <c r="P27103" t="s">
        <v>86</v>
      </c>
      <c r="Q27103">
        <v>36</v>
      </c>
      <c r="R27103">
        <v>36</v>
      </c>
      <c r="S27103">
        <v>36</v>
      </c>
      <c r="T27103">
        <v>36</v>
      </c>
      <c r="U27103">
        <v>36</v>
      </c>
      <c r="V27103">
        <v>36</v>
      </c>
      <c r="W27103">
        <v>35</v>
      </c>
      <c r="X27103">
        <v>35</v>
      </c>
      <c r="Y27103">
        <v>35</v>
      </c>
      <c r="Z27103">
        <v>35</v>
      </c>
      <c r="AA27103">
        <v>35</v>
      </c>
      <c r="AB27103">
        <v>35</v>
      </c>
      <c r="AC27103">
        <v>35</v>
      </c>
      <c r="AD27103">
        <v>35</v>
      </c>
      <c r="AE27103">
        <v>35</v>
      </c>
      <c r="AF27103">
        <v>35</v>
      </c>
      <c r="AG27103">
        <v>34</v>
      </c>
      <c r="AH27103">
        <v>34</v>
      </c>
      <c r="AI27103">
        <v>34</v>
      </c>
      <c r="AJ27103">
        <v>34</v>
      </c>
      <c r="AK27103">
        <v>34</v>
      </c>
      <c r="AL27103">
        <v>34</v>
      </c>
      <c r="AM27103">
        <v>34</v>
      </c>
      <c r="AN27103">
        <v>34</v>
      </c>
      <c r="AO27103">
        <v>34</v>
      </c>
      <c r="AP27103">
        <v>34</v>
      </c>
      <c r="AQ27103">
        <v>34</v>
      </c>
    </row>
    <row r="27104" spans="1:43">
      <c r="A27104" t="s">
        <v>16775</v>
      </c>
      <c r="B27104" t="s">
        <v>16776</v>
      </c>
      <c r="C27104" t="s">
        <v>16767</v>
      </c>
      <c r="D27104" t="s">
        <v>16768</v>
      </c>
      <c r="E27104" t="s">
        <v>16695</v>
      </c>
      <c r="F27104" t="s">
        <v>16696</v>
      </c>
      <c r="G27104" t="s">
        <v>16559</v>
      </c>
      <c r="H27104" t="s">
        <v>16560</v>
      </c>
      <c r="I27104" s="2">
        <v>1</v>
      </c>
      <c r="J27104" s="2">
        <v>0</v>
      </c>
      <c r="K27104" s="2">
        <v>0</v>
      </c>
      <c r="L27104" t="s">
        <v>120</v>
      </c>
      <c r="M27104" t="s">
        <v>89</v>
      </c>
      <c r="N27104" t="s">
        <v>90</v>
      </c>
      <c r="O27104" t="s">
        <v>85</v>
      </c>
      <c r="P27104" t="s">
        <v>86</v>
      </c>
      <c r="Q27104">
        <v>36</v>
      </c>
      <c r="R27104">
        <v>36</v>
      </c>
      <c r="S27104">
        <v>37</v>
      </c>
      <c r="T27104">
        <v>37</v>
      </c>
      <c r="U27104">
        <v>38</v>
      </c>
      <c r="V27104">
        <v>38</v>
      </c>
      <c r="W27104">
        <v>39</v>
      </c>
      <c r="X27104">
        <v>39</v>
      </c>
      <c r="Y27104">
        <v>39</v>
      </c>
      <c r="Z27104">
        <v>40</v>
      </c>
      <c r="AA27104">
        <v>40</v>
      </c>
      <c r="AB27104">
        <v>40</v>
      </c>
      <c r="AC27104">
        <v>40</v>
      </c>
      <c r="AD27104">
        <v>41</v>
      </c>
      <c r="AE27104">
        <v>41</v>
      </c>
      <c r="AF27104">
        <v>40</v>
      </c>
      <c r="AG27104">
        <v>40</v>
      </c>
      <c r="AH27104">
        <v>40</v>
      </c>
      <c r="AI27104">
        <v>40</v>
      </c>
      <c r="AJ27104">
        <v>40</v>
      </c>
      <c r="AK27104">
        <v>39</v>
      </c>
      <c r="AL27104">
        <v>39</v>
      </c>
      <c r="AM27104">
        <v>39</v>
      </c>
      <c r="AN27104">
        <v>39</v>
      </c>
      <c r="AO27104">
        <v>38</v>
      </c>
      <c r="AP27104">
        <v>38</v>
      </c>
      <c r="AQ27104">
        <v>38</v>
      </c>
    </row>
    <row r="27105" spans="1:43">
      <c r="A27105" t="s">
        <v>16775</v>
      </c>
      <c r="B27105" t="s">
        <v>16776</v>
      </c>
      <c r="C27105" t="s">
        <v>16767</v>
      </c>
      <c r="D27105" t="s">
        <v>16768</v>
      </c>
      <c r="E27105" t="s">
        <v>16695</v>
      </c>
      <c r="F27105" t="s">
        <v>16696</v>
      </c>
      <c r="G27105" t="s">
        <v>16559</v>
      </c>
      <c r="H27105" t="s">
        <v>16560</v>
      </c>
      <c r="I27105" s="2">
        <v>1</v>
      </c>
      <c r="J27105" s="2">
        <v>0</v>
      </c>
      <c r="K27105" s="2">
        <v>0</v>
      </c>
      <c r="L27105" t="s">
        <v>120</v>
      </c>
      <c r="M27105" t="s">
        <v>83</v>
      </c>
      <c r="N27105" t="s">
        <v>91</v>
      </c>
      <c r="O27105" t="s">
        <v>85</v>
      </c>
      <c r="P27105" t="s">
        <v>86</v>
      </c>
      <c r="Q27105">
        <v>36</v>
      </c>
      <c r="R27105">
        <v>37</v>
      </c>
      <c r="S27105">
        <v>37</v>
      </c>
      <c r="T27105">
        <v>37</v>
      </c>
      <c r="U27105">
        <v>37</v>
      </c>
      <c r="V27105">
        <v>38</v>
      </c>
      <c r="W27105">
        <v>38</v>
      </c>
      <c r="X27105">
        <v>38</v>
      </c>
      <c r="Y27105">
        <v>38</v>
      </c>
      <c r="Z27105">
        <v>38</v>
      </c>
      <c r="AA27105">
        <v>38</v>
      </c>
      <c r="AB27105">
        <v>39</v>
      </c>
      <c r="AC27105">
        <v>39</v>
      </c>
      <c r="AD27105">
        <v>39</v>
      </c>
      <c r="AE27105">
        <v>39</v>
      </c>
      <c r="AF27105">
        <v>39</v>
      </c>
      <c r="AG27105">
        <v>39</v>
      </c>
      <c r="AH27105">
        <v>39</v>
      </c>
      <c r="AI27105">
        <v>40</v>
      </c>
      <c r="AJ27105">
        <v>40</v>
      </c>
      <c r="AK27105">
        <v>40</v>
      </c>
      <c r="AL27105">
        <v>40</v>
      </c>
      <c r="AM27105">
        <v>39</v>
      </c>
      <c r="AN27105">
        <v>39</v>
      </c>
      <c r="AO27105">
        <v>39</v>
      </c>
      <c r="AP27105">
        <v>39</v>
      </c>
      <c r="AQ27105">
        <v>39</v>
      </c>
    </row>
    <row r="27106" spans="1:43">
      <c r="A27106" t="s">
        <v>16777</v>
      </c>
      <c r="B27106" t="s">
        <v>16778</v>
      </c>
      <c r="C27106" t="s">
        <v>16767</v>
      </c>
      <c r="D27106" t="s">
        <v>16768</v>
      </c>
      <c r="E27106" t="s">
        <v>16695</v>
      </c>
      <c r="F27106" t="s">
        <v>16696</v>
      </c>
      <c r="G27106" t="s">
        <v>16559</v>
      </c>
      <c r="H27106" t="s">
        <v>16560</v>
      </c>
      <c r="I27106" s="2">
        <v>1</v>
      </c>
      <c r="J27106" s="2">
        <v>0</v>
      </c>
      <c r="K27106" s="2">
        <v>0</v>
      </c>
      <c r="L27106" t="s">
        <v>120</v>
      </c>
      <c r="M27106" t="s">
        <v>83</v>
      </c>
      <c r="N27106" t="s">
        <v>84</v>
      </c>
      <c r="O27106" t="s">
        <v>85</v>
      </c>
      <c r="P27106" t="s">
        <v>86</v>
      </c>
      <c r="Q27106">
        <v>34</v>
      </c>
      <c r="R27106">
        <v>34</v>
      </c>
      <c r="S27106">
        <v>35</v>
      </c>
      <c r="T27106">
        <v>35</v>
      </c>
      <c r="U27106">
        <v>35</v>
      </c>
      <c r="V27106">
        <v>35</v>
      </c>
      <c r="W27106">
        <v>36</v>
      </c>
      <c r="X27106">
        <v>36</v>
      </c>
      <c r="Y27106">
        <v>36</v>
      </c>
      <c r="Z27106">
        <v>36</v>
      </c>
      <c r="AA27106">
        <v>36</v>
      </c>
      <c r="AB27106">
        <v>36</v>
      </c>
      <c r="AC27106">
        <v>36</v>
      </c>
      <c r="AD27106">
        <v>37</v>
      </c>
      <c r="AE27106">
        <v>37</v>
      </c>
      <c r="AF27106">
        <v>37</v>
      </c>
      <c r="AG27106">
        <v>37</v>
      </c>
      <c r="AH27106">
        <v>37</v>
      </c>
      <c r="AI27106">
        <v>37</v>
      </c>
      <c r="AJ27106">
        <v>37</v>
      </c>
      <c r="AK27106">
        <v>38</v>
      </c>
      <c r="AL27106">
        <v>38</v>
      </c>
      <c r="AM27106">
        <v>37</v>
      </c>
      <c r="AN27106">
        <v>37</v>
      </c>
      <c r="AO27106">
        <v>37</v>
      </c>
      <c r="AP27106">
        <v>37</v>
      </c>
      <c r="AQ27106">
        <v>37</v>
      </c>
    </row>
    <row r="27107" spans="1:43">
      <c r="A27107" t="s">
        <v>16777</v>
      </c>
      <c r="B27107" t="s">
        <v>16778</v>
      </c>
      <c r="C27107" t="s">
        <v>16767</v>
      </c>
      <c r="D27107" t="s">
        <v>16768</v>
      </c>
      <c r="E27107" t="s">
        <v>16695</v>
      </c>
      <c r="F27107" t="s">
        <v>16696</v>
      </c>
      <c r="G27107" t="s">
        <v>16559</v>
      </c>
      <c r="H27107" t="s">
        <v>16560</v>
      </c>
      <c r="I27107" s="2">
        <v>1</v>
      </c>
      <c r="J27107" s="2">
        <v>0</v>
      </c>
      <c r="K27107" s="2">
        <v>0</v>
      </c>
      <c r="L27107" t="s">
        <v>120</v>
      </c>
      <c r="M27107" t="s">
        <v>87</v>
      </c>
      <c r="N27107" t="s">
        <v>88</v>
      </c>
      <c r="O27107" t="s">
        <v>85</v>
      </c>
      <c r="P27107" t="s">
        <v>86</v>
      </c>
      <c r="Q27107">
        <v>34</v>
      </c>
      <c r="R27107">
        <v>34</v>
      </c>
      <c r="S27107">
        <v>34</v>
      </c>
      <c r="T27107">
        <v>34</v>
      </c>
      <c r="U27107">
        <v>34</v>
      </c>
      <c r="V27107">
        <v>33</v>
      </c>
      <c r="W27107">
        <v>33</v>
      </c>
      <c r="X27107">
        <v>33</v>
      </c>
      <c r="Y27107">
        <v>33</v>
      </c>
      <c r="Z27107">
        <v>33</v>
      </c>
      <c r="AA27107">
        <v>33</v>
      </c>
      <c r="AB27107">
        <v>33</v>
      </c>
      <c r="AC27107">
        <v>33</v>
      </c>
      <c r="AD27107">
        <v>33</v>
      </c>
      <c r="AE27107">
        <v>33</v>
      </c>
      <c r="AF27107">
        <v>33</v>
      </c>
      <c r="AG27107">
        <v>33</v>
      </c>
      <c r="AH27107">
        <v>32</v>
      </c>
      <c r="AI27107">
        <v>32</v>
      </c>
      <c r="AJ27107">
        <v>32</v>
      </c>
      <c r="AK27107">
        <v>32</v>
      </c>
      <c r="AL27107">
        <v>32</v>
      </c>
      <c r="AM27107">
        <v>32</v>
      </c>
      <c r="AN27107">
        <v>32</v>
      </c>
      <c r="AO27107">
        <v>32</v>
      </c>
      <c r="AP27107">
        <v>32</v>
      </c>
      <c r="AQ27107">
        <v>32</v>
      </c>
    </row>
    <row r="27108" spans="1:43">
      <c r="A27108" t="s">
        <v>16777</v>
      </c>
      <c r="B27108" t="s">
        <v>16778</v>
      </c>
      <c r="C27108" t="s">
        <v>16767</v>
      </c>
      <c r="D27108" t="s">
        <v>16768</v>
      </c>
      <c r="E27108" t="s">
        <v>16695</v>
      </c>
      <c r="F27108" t="s">
        <v>16696</v>
      </c>
      <c r="G27108" t="s">
        <v>16559</v>
      </c>
      <c r="H27108" t="s">
        <v>16560</v>
      </c>
      <c r="I27108" s="2">
        <v>1</v>
      </c>
      <c r="J27108" s="2">
        <v>0</v>
      </c>
      <c r="K27108" s="2">
        <v>0</v>
      </c>
      <c r="L27108" t="s">
        <v>120</v>
      </c>
      <c r="M27108" t="s">
        <v>89</v>
      </c>
      <c r="N27108" t="s">
        <v>90</v>
      </c>
      <c r="O27108" t="s">
        <v>85</v>
      </c>
      <c r="P27108" t="s">
        <v>86</v>
      </c>
      <c r="Q27108">
        <v>34</v>
      </c>
      <c r="R27108">
        <v>34</v>
      </c>
      <c r="S27108">
        <v>35</v>
      </c>
      <c r="T27108">
        <v>35</v>
      </c>
      <c r="U27108">
        <v>36</v>
      </c>
      <c r="V27108">
        <v>36</v>
      </c>
      <c r="W27108">
        <v>36</v>
      </c>
      <c r="X27108">
        <v>37</v>
      </c>
      <c r="Y27108">
        <v>37</v>
      </c>
      <c r="Z27108">
        <v>37</v>
      </c>
      <c r="AA27108">
        <v>37</v>
      </c>
      <c r="AB27108">
        <v>38</v>
      </c>
      <c r="AC27108">
        <v>38</v>
      </c>
      <c r="AD27108">
        <v>38</v>
      </c>
      <c r="AE27108">
        <v>38</v>
      </c>
      <c r="AF27108">
        <v>38</v>
      </c>
      <c r="AG27108">
        <v>38</v>
      </c>
      <c r="AH27108">
        <v>38</v>
      </c>
      <c r="AI27108">
        <v>38</v>
      </c>
      <c r="AJ27108">
        <v>37</v>
      </c>
      <c r="AK27108">
        <v>37</v>
      </c>
      <c r="AL27108">
        <v>37</v>
      </c>
      <c r="AM27108">
        <v>37</v>
      </c>
      <c r="AN27108">
        <v>37</v>
      </c>
      <c r="AO27108">
        <v>37</v>
      </c>
      <c r="AP27108">
        <v>36</v>
      </c>
      <c r="AQ27108">
        <v>36</v>
      </c>
    </row>
    <row r="27109" spans="1:43">
      <c r="A27109" t="s">
        <v>16777</v>
      </c>
      <c r="B27109" t="s">
        <v>16778</v>
      </c>
      <c r="C27109" t="s">
        <v>16767</v>
      </c>
      <c r="D27109" t="s">
        <v>16768</v>
      </c>
      <c r="E27109" t="s">
        <v>16695</v>
      </c>
      <c r="F27109" t="s">
        <v>16696</v>
      </c>
      <c r="G27109" t="s">
        <v>16559</v>
      </c>
      <c r="H27109" t="s">
        <v>16560</v>
      </c>
      <c r="I27109" s="2">
        <v>1</v>
      </c>
      <c r="J27109" s="2">
        <v>0</v>
      </c>
      <c r="K27109" s="2">
        <v>0</v>
      </c>
      <c r="L27109" t="s">
        <v>120</v>
      </c>
      <c r="M27109" t="s">
        <v>83</v>
      </c>
      <c r="N27109" t="s">
        <v>91</v>
      </c>
      <c r="O27109" t="s">
        <v>85</v>
      </c>
      <c r="P27109" t="s">
        <v>86</v>
      </c>
      <c r="Q27109">
        <v>34</v>
      </c>
      <c r="R27109">
        <v>34</v>
      </c>
      <c r="S27109">
        <v>35</v>
      </c>
      <c r="T27109">
        <v>35</v>
      </c>
      <c r="U27109">
        <v>35</v>
      </c>
      <c r="V27109">
        <v>35</v>
      </c>
      <c r="W27109">
        <v>36</v>
      </c>
      <c r="X27109">
        <v>36</v>
      </c>
      <c r="Y27109">
        <v>36</v>
      </c>
      <c r="Z27109">
        <v>36</v>
      </c>
      <c r="AA27109">
        <v>36</v>
      </c>
      <c r="AB27109">
        <v>36</v>
      </c>
      <c r="AC27109">
        <v>36</v>
      </c>
      <c r="AD27109">
        <v>37</v>
      </c>
      <c r="AE27109">
        <v>37</v>
      </c>
      <c r="AF27109">
        <v>37</v>
      </c>
      <c r="AG27109">
        <v>37</v>
      </c>
      <c r="AH27109">
        <v>37</v>
      </c>
      <c r="AI27109">
        <v>37</v>
      </c>
      <c r="AJ27109">
        <v>37</v>
      </c>
      <c r="AK27109">
        <v>38</v>
      </c>
      <c r="AL27109">
        <v>38</v>
      </c>
      <c r="AM27109">
        <v>37</v>
      </c>
      <c r="AN27109">
        <v>37</v>
      </c>
      <c r="AO27109">
        <v>37</v>
      </c>
      <c r="AP27109">
        <v>37</v>
      </c>
      <c r="AQ27109">
        <v>37</v>
      </c>
    </row>
    <row r="27110" spans="1:43">
      <c r="A27110" t="s">
        <v>16779</v>
      </c>
      <c r="B27110" t="s">
        <v>16780</v>
      </c>
      <c r="C27110" t="s">
        <v>16717</v>
      </c>
      <c r="D27110" t="s">
        <v>16718</v>
      </c>
      <c r="E27110" t="s">
        <v>16695</v>
      </c>
      <c r="F27110" t="s">
        <v>16696</v>
      </c>
      <c r="G27110" t="s">
        <v>16559</v>
      </c>
      <c r="H27110" t="s">
        <v>16560</v>
      </c>
      <c r="I27110" s="2">
        <v>1</v>
      </c>
      <c r="J27110" s="2">
        <v>0</v>
      </c>
      <c r="K27110" s="2">
        <v>0</v>
      </c>
      <c r="L27110" t="s">
        <v>120</v>
      </c>
      <c r="M27110" t="s">
        <v>83</v>
      </c>
      <c r="N27110" t="s">
        <v>84</v>
      </c>
      <c r="O27110" t="s">
        <v>85</v>
      </c>
      <c r="P27110" t="s">
        <v>86</v>
      </c>
      <c r="Q27110">
        <v>15</v>
      </c>
      <c r="R27110">
        <v>15</v>
      </c>
      <c r="S27110">
        <v>15</v>
      </c>
      <c r="T27110">
        <v>16</v>
      </c>
      <c r="U27110">
        <v>16</v>
      </c>
      <c r="V27110">
        <v>16</v>
      </c>
      <c r="W27110">
        <v>16</v>
      </c>
      <c r="X27110">
        <v>16</v>
      </c>
      <c r="Y27110">
        <v>16</v>
      </c>
      <c r="Z27110">
        <v>16</v>
      </c>
      <c r="AA27110">
        <v>16</v>
      </c>
      <c r="AB27110">
        <v>16</v>
      </c>
      <c r="AC27110">
        <v>16</v>
      </c>
      <c r="AD27110">
        <v>16</v>
      </c>
      <c r="AE27110">
        <v>16</v>
      </c>
      <c r="AF27110">
        <v>17</v>
      </c>
      <c r="AG27110">
        <v>17</v>
      </c>
      <c r="AH27110">
        <v>17</v>
      </c>
      <c r="AI27110">
        <v>17</v>
      </c>
      <c r="AJ27110">
        <v>17</v>
      </c>
      <c r="AK27110">
        <v>17</v>
      </c>
      <c r="AL27110">
        <v>17</v>
      </c>
      <c r="AM27110">
        <v>17</v>
      </c>
      <c r="AN27110">
        <v>17</v>
      </c>
      <c r="AO27110">
        <v>17</v>
      </c>
      <c r="AP27110">
        <v>17</v>
      </c>
      <c r="AQ27110">
        <v>17</v>
      </c>
    </row>
    <row r="27111" spans="1:43">
      <c r="A27111" t="s">
        <v>16779</v>
      </c>
      <c r="B27111" t="s">
        <v>16780</v>
      </c>
      <c r="C27111" t="s">
        <v>16717</v>
      </c>
      <c r="D27111" t="s">
        <v>16718</v>
      </c>
      <c r="E27111" t="s">
        <v>16695</v>
      </c>
      <c r="F27111" t="s">
        <v>16696</v>
      </c>
      <c r="G27111" t="s">
        <v>16559</v>
      </c>
      <c r="H27111" t="s">
        <v>16560</v>
      </c>
      <c r="I27111" s="2">
        <v>1</v>
      </c>
      <c r="J27111" s="2">
        <v>0</v>
      </c>
      <c r="K27111" s="2">
        <v>0</v>
      </c>
      <c r="L27111" t="s">
        <v>120</v>
      </c>
      <c r="M27111" t="s">
        <v>87</v>
      </c>
      <c r="N27111" t="s">
        <v>88</v>
      </c>
      <c r="O27111" t="s">
        <v>85</v>
      </c>
      <c r="P27111" t="s">
        <v>86</v>
      </c>
      <c r="Q27111">
        <v>15</v>
      </c>
      <c r="R27111">
        <v>15</v>
      </c>
      <c r="S27111">
        <v>15</v>
      </c>
      <c r="T27111">
        <v>15</v>
      </c>
      <c r="U27111">
        <v>15</v>
      </c>
      <c r="V27111">
        <v>15</v>
      </c>
      <c r="W27111">
        <v>15</v>
      </c>
      <c r="X27111">
        <v>15</v>
      </c>
      <c r="Y27111">
        <v>15</v>
      </c>
      <c r="Z27111">
        <v>15</v>
      </c>
      <c r="AA27111">
        <v>15</v>
      </c>
      <c r="AB27111">
        <v>15</v>
      </c>
      <c r="AC27111">
        <v>15</v>
      </c>
      <c r="AD27111">
        <v>15</v>
      </c>
      <c r="AE27111">
        <v>15</v>
      </c>
      <c r="AF27111">
        <v>15</v>
      </c>
      <c r="AG27111">
        <v>15</v>
      </c>
      <c r="AH27111">
        <v>15</v>
      </c>
      <c r="AI27111">
        <v>15</v>
      </c>
      <c r="AJ27111">
        <v>14</v>
      </c>
      <c r="AK27111">
        <v>14</v>
      </c>
      <c r="AL27111">
        <v>14</v>
      </c>
      <c r="AM27111">
        <v>14</v>
      </c>
      <c r="AN27111">
        <v>14</v>
      </c>
      <c r="AO27111">
        <v>14</v>
      </c>
      <c r="AP27111">
        <v>14</v>
      </c>
      <c r="AQ27111">
        <v>14</v>
      </c>
    </row>
    <row r="27112" spans="1:43">
      <c r="A27112" t="s">
        <v>16779</v>
      </c>
      <c r="B27112" t="s">
        <v>16780</v>
      </c>
      <c r="C27112" t="s">
        <v>16717</v>
      </c>
      <c r="D27112" t="s">
        <v>16718</v>
      </c>
      <c r="E27112" t="s">
        <v>16695</v>
      </c>
      <c r="F27112" t="s">
        <v>16696</v>
      </c>
      <c r="G27112" t="s">
        <v>16559</v>
      </c>
      <c r="H27112" t="s">
        <v>16560</v>
      </c>
      <c r="I27112" s="2">
        <v>1</v>
      </c>
      <c r="J27112" s="2">
        <v>0</v>
      </c>
      <c r="K27112" s="2">
        <v>0</v>
      </c>
      <c r="L27112" t="s">
        <v>120</v>
      </c>
      <c r="M27112" t="s">
        <v>89</v>
      </c>
      <c r="N27112" t="s">
        <v>90</v>
      </c>
      <c r="O27112" t="s">
        <v>85</v>
      </c>
      <c r="P27112" t="s">
        <v>86</v>
      </c>
      <c r="Q27112">
        <v>15</v>
      </c>
      <c r="R27112">
        <v>16</v>
      </c>
      <c r="S27112">
        <v>16</v>
      </c>
      <c r="T27112">
        <v>16</v>
      </c>
      <c r="U27112">
        <v>16</v>
      </c>
      <c r="V27112">
        <v>16</v>
      </c>
      <c r="W27112">
        <v>17</v>
      </c>
      <c r="X27112">
        <v>17</v>
      </c>
      <c r="Y27112">
        <v>17</v>
      </c>
      <c r="Z27112">
        <v>17</v>
      </c>
      <c r="AA27112">
        <v>17</v>
      </c>
      <c r="AB27112">
        <v>17</v>
      </c>
      <c r="AC27112">
        <v>18</v>
      </c>
      <c r="AD27112">
        <v>18</v>
      </c>
      <c r="AE27112">
        <v>18</v>
      </c>
      <c r="AF27112">
        <v>18</v>
      </c>
      <c r="AG27112">
        <v>18</v>
      </c>
      <c r="AH27112">
        <v>17</v>
      </c>
      <c r="AI27112">
        <v>17</v>
      </c>
      <c r="AJ27112">
        <v>17</v>
      </c>
      <c r="AK27112">
        <v>17</v>
      </c>
      <c r="AL27112">
        <v>17</v>
      </c>
      <c r="AM27112">
        <v>17</v>
      </c>
      <c r="AN27112">
        <v>17</v>
      </c>
      <c r="AO27112">
        <v>17</v>
      </c>
      <c r="AP27112">
        <v>17</v>
      </c>
      <c r="AQ27112">
        <v>17</v>
      </c>
    </row>
    <row r="27113" spans="1:43">
      <c r="A27113" t="s">
        <v>16779</v>
      </c>
      <c r="B27113" t="s">
        <v>16780</v>
      </c>
      <c r="C27113" t="s">
        <v>16717</v>
      </c>
      <c r="D27113" t="s">
        <v>16718</v>
      </c>
      <c r="E27113" t="s">
        <v>16695</v>
      </c>
      <c r="F27113" t="s">
        <v>16696</v>
      </c>
      <c r="G27113" t="s">
        <v>16559</v>
      </c>
      <c r="H27113" t="s">
        <v>16560</v>
      </c>
      <c r="I27113" s="2">
        <v>1</v>
      </c>
      <c r="J27113" s="2">
        <v>0</v>
      </c>
      <c r="K27113" s="2">
        <v>0</v>
      </c>
      <c r="L27113" t="s">
        <v>120</v>
      </c>
      <c r="M27113" t="s">
        <v>83</v>
      </c>
      <c r="N27113" t="s">
        <v>91</v>
      </c>
      <c r="O27113" t="s">
        <v>85</v>
      </c>
      <c r="P27113" t="s">
        <v>86</v>
      </c>
      <c r="Q27113">
        <v>15</v>
      </c>
      <c r="R27113">
        <v>15</v>
      </c>
      <c r="S27113">
        <v>15</v>
      </c>
      <c r="T27113">
        <v>16</v>
      </c>
      <c r="U27113">
        <v>16</v>
      </c>
      <c r="V27113">
        <v>16</v>
      </c>
      <c r="W27113">
        <v>16</v>
      </c>
      <c r="X27113">
        <v>16</v>
      </c>
      <c r="Y27113">
        <v>16</v>
      </c>
      <c r="Z27113">
        <v>16</v>
      </c>
      <c r="AA27113">
        <v>16</v>
      </c>
      <c r="AB27113">
        <v>16</v>
      </c>
      <c r="AC27113">
        <v>16</v>
      </c>
      <c r="AD27113">
        <v>16</v>
      </c>
      <c r="AE27113">
        <v>16</v>
      </c>
      <c r="AF27113">
        <v>17</v>
      </c>
      <c r="AG27113">
        <v>17</v>
      </c>
      <c r="AH27113">
        <v>17</v>
      </c>
      <c r="AI27113">
        <v>17</v>
      </c>
      <c r="AJ27113">
        <v>17</v>
      </c>
      <c r="AK27113">
        <v>17</v>
      </c>
      <c r="AL27113">
        <v>17</v>
      </c>
      <c r="AM27113">
        <v>17</v>
      </c>
      <c r="AN27113">
        <v>17</v>
      </c>
      <c r="AO27113">
        <v>17</v>
      </c>
      <c r="AP27113">
        <v>17</v>
      </c>
      <c r="AQ27113">
        <v>17</v>
      </c>
    </row>
    <row r="27114" spans="1:43">
      <c r="A27114" t="s">
        <v>16781</v>
      </c>
      <c r="B27114" t="s">
        <v>16782</v>
      </c>
      <c r="C27114" t="s">
        <v>16717</v>
      </c>
      <c r="D27114" t="s">
        <v>16718</v>
      </c>
      <c r="E27114" t="s">
        <v>16695</v>
      </c>
      <c r="F27114" t="s">
        <v>16696</v>
      </c>
      <c r="G27114" t="s">
        <v>16559</v>
      </c>
      <c r="H27114" t="s">
        <v>16560</v>
      </c>
      <c r="I27114" s="2">
        <v>1</v>
      </c>
      <c r="J27114" s="2">
        <v>0</v>
      </c>
      <c r="K27114" s="2">
        <v>0</v>
      </c>
      <c r="L27114" t="s">
        <v>120</v>
      </c>
      <c r="M27114" t="s">
        <v>83</v>
      </c>
      <c r="N27114" t="s">
        <v>84</v>
      </c>
      <c r="O27114" t="s">
        <v>85</v>
      </c>
      <c r="P27114" t="s">
        <v>86</v>
      </c>
      <c r="Q27114">
        <v>7</v>
      </c>
      <c r="R27114">
        <v>7</v>
      </c>
      <c r="S27114">
        <v>7</v>
      </c>
      <c r="T27114">
        <v>7</v>
      </c>
      <c r="U27114">
        <v>7</v>
      </c>
      <c r="V27114">
        <v>7</v>
      </c>
      <c r="W27114">
        <v>7</v>
      </c>
      <c r="X27114">
        <v>7</v>
      </c>
      <c r="Y27114">
        <v>7</v>
      </c>
      <c r="Z27114">
        <v>7</v>
      </c>
      <c r="AA27114">
        <v>7</v>
      </c>
      <c r="AB27114">
        <v>7</v>
      </c>
      <c r="AC27114">
        <v>7</v>
      </c>
      <c r="AD27114">
        <v>7</v>
      </c>
      <c r="AE27114">
        <v>7</v>
      </c>
      <c r="AF27114">
        <v>7</v>
      </c>
      <c r="AG27114">
        <v>7</v>
      </c>
      <c r="AH27114">
        <v>7</v>
      </c>
      <c r="AI27114">
        <v>7</v>
      </c>
      <c r="AJ27114">
        <v>7</v>
      </c>
      <c r="AK27114">
        <v>7</v>
      </c>
      <c r="AL27114">
        <v>7</v>
      </c>
      <c r="AM27114">
        <v>7</v>
      </c>
      <c r="AN27114">
        <v>7</v>
      </c>
      <c r="AO27114">
        <v>7</v>
      </c>
      <c r="AP27114">
        <v>7</v>
      </c>
      <c r="AQ27114">
        <v>7</v>
      </c>
    </row>
    <row r="27115" spans="1:43">
      <c r="A27115" t="s">
        <v>16781</v>
      </c>
      <c r="B27115" t="s">
        <v>16782</v>
      </c>
      <c r="C27115" t="s">
        <v>16717</v>
      </c>
      <c r="D27115" t="s">
        <v>16718</v>
      </c>
      <c r="E27115" t="s">
        <v>16695</v>
      </c>
      <c r="F27115" t="s">
        <v>16696</v>
      </c>
      <c r="G27115" t="s">
        <v>16559</v>
      </c>
      <c r="H27115" t="s">
        <v>16560</v>
      </c>
      <c r="I27115" s="2">
        <v>1</v>
      </c>
      <c r="J27115" s="2">
        <v>0</v>
      </c>
      <c r="K27115" s="2">
        <v>0</v>
      </c>
      <c r="L27115" t="s">
        <v>120</v>
      </c>
      <c r="M27115" t="s">
        <v>87</v>
      </c>
      <c r="N27115" t="s">
        <v>88</v>
      </c>
      <c r="O27115" t="s">
        <v>85</v>
      </c>
      <c r="P27115" t="s">
        <v>86</v>
      </c>
      <c r="Q27115">
        <v>7</v>
      </c>
      <c r="R27115">
        <v>6</v>
      </c>
      <c r="S27115">
        <v>6</v>
      </c>
      <c r="T27115">
        <v>6</v>
      </c>
      <c r="U27115">
        <v>6</v>
      </c>
      <c r="V27115">
        <v>6</v>
      </c>
      <c r="W27115">
        <v>6</v>
      </c>
      <c r="X27115">
        <v>6</v>
      </c>
      <c r="Y27115">
        <v>6</v>
      </c>
      <c r="Z27115">
        <v>6</v>
      </c>
      <c r="AA27115">
        <v>6</v>
      </c>
      <c r="AB27115">
        <v>6</v>
      </c>
      <c r="AC27115">
        <v>6</v>
      </c>
      <c r="AD27115">
        <v>6</v>
      </c>
      <c r="AE27115">
        <v>6</v>
      </c>
      <c r="AF27115">
        <v>6</v>
      </c>
      <c r="AG27115">
        <v>6</v>
      </c>
      <c r="AH27115">
        <v>6</v>
      </c>
      <c r="AI27115">
        <v>6</v>
      </c>
      <c r="AJ27115">
        <v>6</v>
      </c>
      <c r="AK27115">
        <v>6</v>
      </c>
      <c r="AL27115">
        <v>6</v>
      </c>
      <c r="AM27115">
        <v>6</v>
      </c>
      <c r="AN27115">
        <v>6</v>
      </c>
      <c r="AO27115">
        <v>6</v>
      </c>
      <c r="AP27115">
        <v>6</v>
      </c>
      <c r="AQ27115">
        <v>6</v>
      </c>
    </row>
    <row r="27116" spans="1:43">
      <c r="A27116" t="s">
        <v>16781</v>
      </c>
      <c r="B27116" t="s">
        <v>16782</v>
      </c>
      <c r="C27116" t="s">
        <v>16717</v>
      </c>
      <c r="D27116" t="s">
        <v>16718</v>
      </c>
      <c r="E27116" t="s">
        <v>16695</v>
      </c>
      <c r="F27116" t="s">
        <v>16696</v>
      </c>
      <c r="G27116" t="s">
        <v>16559</v>
      </c>
      <c r="H27116" t="s">
        <v>16560</v>
      </c>
      <c r="I27116" s="2">
        <v>1</v>
      </c>
      <c r="J27116" s="2">
        <v>0</v>
      </c>
      <c r="K27116" s="2">
        <v>0</v>
      </c>
      <c r="L27116" t="s">
        <v>120</v>
      </c>
      <c r="M27116" t="s">
        <v>89</v>
      </c>
      <c r="N27116" t="s">
        <v>90</v>
      </c>
      <c r="O27116" t="s">
        <v>85</v>
      </c>
      <c r="P27116" t="s">
        <v>86</v>
      </c>
      <c r="Q27116">
        <v>7</v>
      </c>
      <c r="R27116">
        <v>7</v>
      </c>
      <c r="S27116">
        <v>7</v>
      </c>
      <c r="T27116">
        <v>7</v>
      </c>
      <c r="U27116">
        <v>7</v>
      </c>
      <c r="V27116">
        <v>7</v>
      </c>
      <c r="W27116">
        <v>7</v>
      </c>
      <c r="X27116">
        <v>7</v>
      </c>
      <c r="Y27116">
        <v>7</v>
      </c>
      <c r="Z27116">
        <v>7</v>
      </c>
      <c r="AA27116">
        <v>7</v>
      </c>
      <c r="AB27116">
        <v>7</v>
      </c>
      <c r="AC27116">
        <v>8</v>
      </c>
      <c r="AD27116">
        <v>8</v>
      </c>
      <c r="AE27116">
        <v>8</v>
      </c>
      <c r="AF27116">
        <v>8</v>
      </c>
      <c r="AG27116">
        <v>8</v>
      </c>
      <c r="AH27116">
        <v>8</v>
      </c>
      <c r="AI27116">
        <v>7</v>
      </c>
      <c r="AJ27116">
        <v>7</v>
      </c>
      <c r="AK27116">
        <v>7</v>
      </c>
      <c r="AL27116">
        <v>7</v>
      </c>
      <c r="AM27116">
        <v>7</v>
      </c>
      <c r="AN27116">
        <v>7</v>
      </c>
      <c r="AO27116">
        <v>7</v>
      </c>
      <c r="AP27116">
        <v>7</v>
      </c>
      <c r="AQ27116">
        <v>7</v>
      </c>
    </row>
    <row r="27117" spans="1:43">
      <c r="A27117" t="s">
        <v>16781</v>
      </c>
      <c r="B27117" t="s">
        <v>16782</v>
      </c>
      <c r="C27117" t="s">
        <v>16717</v>
      </c>
      <c r="D27117" t="s">
        <v>16718</v>
      </c>
      <c r="E27117" t="s">
        <v>16695</v>
      </c>
      <c r="F27117" t="s">
        <v>16696</v>
      </c>
      <c r="G27117" t="s">
        <v>16559</v>
      </c>
      <c r="H27117" t="s">
        <v>16560</v>
      </c>
      <c r="I27117" s="2">
        <v>1</v>
      </c>
      <c r="J27117" s="2">
        <v>0</v>
      </c>
      <c r="K27117" s="2">
        <v>0</v>
      </c>
      <c r="L27117" t="s">
        <v>120</v>
      </c>
      <c r="M27117" t="s">
        <v>83</v>
      </c>
      <c r="N27117" t="s">
        <v>91</v>
      </c>
      <c r="O27117" t="s">
        <v>85</v>
      </c>
      <c r="P27117" t="s">
        <v>86</v>
      </c>
      <c r="Q27117">
        <v>7</v>
      </c>
      <c r="R27117">
        <v>7</v>
      </c>
      <c r="S27117">
        <v>7</v>
      </c>
      <c r="T27117">
        <v>7</v>
      </c>
      <c r="U27117">
        <v>7</v>
      </c>
      <c r="V27117">
        <v>7</v>
      </c>
      <c r="W27117">
        <v>7</v>
      </c>
      <c r="X27117">
        <v>7</v>
      </c>
      <c r="Y27117">
        <v>7</v>
      </c>
      <c r="Z27117">
        <v>7</v>
      </c>
      <c r="AA27117">
        <v>7</v>
      </c>
      <c r="AB27117">
        <v>7</v>
      </c>
      <c r="AC27117">
        <v>7</v>
      </c>
      <c r="AD27117">
        <v>7</v>
      </c>
      <c r="AE27117">
        <v>7</v>
      </c>
      <c r="AF27117">
        <v>7</v>
      </c>
      <c r="AG27117">
        <v>7</v>
      </c>
      <c r="AH27117">
        <v>7</v>
      </c>
      <c r="AI27117">
        <v>7</v>
      </c>
      <c r="AJ27117">
        <v>7</v>
      </c>
      <c r="AK27117">
        <v>7</v>
      </c>
      <c r="AL27117">
        <v>7</v>
      </c>
      <c r="AM27117">
        <v>7</v>
      </c>
      <c r="AN27117">
        <v>7</v>
      </c>
      <c r="AO27117">
        <v>7</v>
      </c>
      <c r="AP27117">
        <v>7</v>
      </c>
      <c r="AQ27117">
        <v>7</v>
      </c>
    </row>
    <row r="27118" spans="1:43">
      <c r="A27118" t="s">
        <v>16783</v>
      </c>
      <c r="B27118" t="s">
        <v>16784</v>
      </c>
      <c r="C27118" t="s">
        <v>16717</v>
      </c>
      <c r="D27118" t="s">
        <v>16718</v>
      </c>
      <c r="E27118" t="s">
        <v>16695</v>
      </c>
      <c r="F27118" t="s">
        <v>16696</v>
      </c>
      <c r="G27118" t="s">
        <v>16559</v>
      </c>
      <c r="H27118" t="s">
        <v>16560</v>
      </c>
      <c r="I27118" s="2">
        <v>1</v>
      </c>
      <c r="J27118" s="2">
        <v>0</v>
      </c>
      <c r="K27118" s="2">
        <v>0</v>
      </c>
      <c r="L27118" t="s">
        <v>120</v>
      </c>
      <c r="M27118" t="s">
        <v>83</v>
      </c>
      <c r="N27118" t="s">
        <v>84</v>
      </c>
      <c r="O27118" t="s">
        <v>85</v>
      </c>
      <c r="P27118" t="s">
        <v>86</v>
      </c>
      <c r="Q27118">
        <v>9</v>
      </c>
      <c r="R27118">
        <v>9</v>
      </c>
      <c r="S27118">
        <v>9</v>
      </c>
      <c r="T27118">
        <v>9</v>
      </c>
      <c r="U27118">
        <v>9</v>
      </c>
      <c r="V27118">
        <v>9</v>
      </c>
      <c r="W27118">
        <v>9</v>
      </c>
      <c r="X27118">
        <v>9</v>
      </c>
      <c r="Y27118">
        <v>9</v>
      </c>
      <c r="Z27118">
        <v>10</v>
      </c>
      <c r="AA27118">
        <v>10</v>
      </c>
      <c r="AB27118">
        <v>10</v>
      </c>
      <c r="AC27118">
        <v>10</v>
      </c>
      <c r="AD27118">
        <v>10</v>
      </c>
      <c r="AE27118">
        <v>10</v>
      </c>
      <c r="AF27118">
        <v>10</v>
      </c>
      <c r="AG27118">
        <v>10</v>
      </c>
      <c r="AH27118">
        <v>10</v>
      </c>
      <c r="AI27118">
        <v>10</v>
      </c>
      <c r="AJ27118">
        <v>10</v>
      </c>
      <c r="AK27118">
        <v>10</v>
      </c>
      <c r="AL27118">
        <v>10</v>
      </c>
      <c r="AM27118">
        <v>10</v>
      </c>
      <c r="AN27118">
        <v>10</v>
      </c>
      <c r="AO27118">
        <v>10</v>
      </c>
      <c r="AP27118">
        <v>10</v>
      </c>
      <c r="AQ27118">
        <v>10</v>
      </c>
    </row>
    <row r="27119" spans="1:43">
      <c r="A27119" t="s">
        <v>16783</v>
      </c>
      <c r="B27119" t="s">
        <v>16784</v>
      </c>
      <c r="C27119" t="s">
        <v>16717</v>
      </c>
      <c r="D27119" t="s">
        <v>16718</v>
      </c>
      <c r="E27119" t="s">
        <v>16695</v>
      </c>
      <c r="F27119" t="s">
        <v>16696</v>
      </c>
      <c r="G27119" t="s">
        <v>16559</v>
      </c>
      <c r="H27119" t="s">
        <v>16560</v>
      </c>
      <c r="I27119" s="2">
        <v>1</v>
      </c>
      <c r="J27119" s="2">
        <v>0</v>
      </c>
      <c r="K27119" s="2">
        <v>0</v>
      </c>
      <c r="L27119" t="s">
        <v>120</v>
      </c>
      <c r="M27119" t="s">
        <v>87</v>
      </c>
      <c r="N27119" t="s">
        <v>88</v>
      </c>
      <c r="O27119" t="s">
        <v>85</v>
      </c>
      <c r="P27119" t="s">
        <v>86</v>
      </c>
      <c r="Q27119">
        <v>9</v>
      </c>
      <c r="R27119">
        <v>9</v>
      </c>
      <c r="S27119">
        <v>9</v>
      </c>
      <c r="T27119">
        <v>9</v>
      </c>
      <c r="U27119">
        <v>9</v>
      </c>
      <c r="V27119">
        <v>9</v>
      </c>
      <c r="W27119">
        <v>9</v>
      </c>
      <c r="X27119">
        <v>9</v>
      </c>
      <c r="Y27119">
        <v>9</v>
      </c>
      <c r="Z27119">
        <v>9</v>
      </c>
      <c r="AA27119">
        <v>9</v>
      </c>
      <c r="AB27119">
        <v>9</v>
      </c>
      <c r="AC27119">
        <v>9</v>
      </c>
      <c r="AD27119">
        <v>9</v>
      </c>
      <c r="AE27119">
        <v>9</v>
      </c>
      <c r="AF27119">
        <v>9</v>
      </c>
      <c r="AG27119">
        <v>9</v>
      </c>
      <c r="AH27119">
        <v>9</v>
      </c>
      <c r="AI27119">
        <v>9</v>
      </c>
      <c r="AJ27119">
        <v>9</v>
      </c>
      <c r="AK27119">
        <v>9</v>
      </c>
      <c r="AL27119">
        <v>9</v>
      </c>
      <c r="AM27119">
        <v>9</v>
      </c>
      <c r="AN27119">
        <v>9</v>
      </c>
      <c r="AO27119">
        <v>9</v>
      </c>
      <c r="AP27119">
        <v>9</v>
      </c>
      <c r="AQ27119">
        <v>9</v>
      </c>
    </row>
    <row r="27120" spans="1:43">
      <c r="A27120" t="s">
        <v>16783</v>
      </c>
      <c r="B27120" t="s">
        <v>16784</v>
      </c>
      <c r="C27120" t="s">
        <v>16717</v>
      </c>
      <c r="D27120" t="s">
        <v>16718</v>
      </c>
      <c r="E27120" t="s">
        <v>16695</v>
      </c>
      <c r="F27120" t="s">
        <v>16696</v>
      </c>
      <c r="G27120" t="s">
        <v>16559</v>
      </c>
      <c r="H27120" t="s">
        <v>16560</v>
      </c>
      <c r="I27120" s="2">
        <v>1</v>
      </c>
      <c r="J27120" s="2">
        <v>0</v>
      </c>
      <c r="K27120" s="2">
        <v>0</v>
      </c>
      <c r="L27120" t="s">
        <v>120</v>
      </c>
      <c r="M27120" t="s">
        <v>89</v>
      </c>
      <c r="N27120" t="s">
        <v>90</v>
      </c>
      <c r="O27120" t="s">
        <v>85</v>
      </c>
      <c r="P27120" t="s">
        <v>86</v>
      </c>
      <c r="Q27120">
        <v>9</v>
      </c>
      <c r="R27120">
        <v>9</v>
      </c>
      <c r="S27120">
        <v>9</v>
      </c>
      <c r="T27120">
        <v>10</v>
      </c>
      <c r="U27120">
        <v>10</v>
      </c>
      <c r="V27120">
        <v>10</v>
      </c>
      <c r="W27120">
        <v>10</v>
      </c>
      <c r="X27120">
        <v>10</v>
      </c>
      <c r="Y27120">
        <v>10</v>
      </c>
      <c r="Z27120">
        <v>10</v>
      </c>
      <c r="AA27120">
        <v>10</v>
      </c>
      <c r="AB27120">
        <v>10</v>
      </c>
      <c r="AC27120">
        <v>10</v>
      </c>
      <c r="AD27120">
        <v>10</v>
      </c>
      <c r="AE27120">
        <v>10</v>
      </c>
      <c r="AF27120">
        <v>10</v>
      </c>
      <c r="AG27120">
        <v>10</v>
      </c>
      <c r="AH27120">
        <v>10</v>
      </c>
      <c r="AI27120">
        <v>10</v>
      </c>
      <c r="AJ27120">
        <v>10</v>
      </c>
      <c r="AK27120">
        <v>10</v>
      </c>
      <c r="AL27120">
        <v>10</v>
      </c>
      <c r="AM27120">
        <v>10</v>
      </c>
      <c r="AN27120">
        <v>10</v>
      </c>
      <c r="AO27120">
        <v>10</v>
      </c>
      <c r="AP27120">
        <v>10</v>
      </c>
      <c r="AQ27120">
        <v>10</v>
      </c>
    </row>
    <row r="27121" spans="1:43">
      <c r="A27121" t="s">
        <v>16783</v>
      </c>
      <c r="B27121" t="s">
        <v>16784</v>
      </c>
      <c r="C27121" t="s">
        <v>16717</v>
      </c>
      <c r="D27121" t="s">
        <v>16718</v>
      </c>
      <c r="E27121" t="s">
        <v>16695</v>
      </c>
      <c r="F27121" t="s">
        <v>16696</v>
      </c>
      <c r="G27121" t="s">
        <v>16559</v>
      </c>
      <c r="H27121" t="s">
        <v>16560</v>
      </c>
      <c r="I27121" s="2">
        <v>1</v>
      </c>
      <c r="J27121" s="2">
        <v>0</v>
      </c>
      <c r="K27121" s="2">
        <v>0</v>
      </c>
      <c r="L27121" t="s">
        <v>120</v>
      </c>
      <c r="M27121" t="s">
        <v>83</v>
      </c>
      <c r="N27121" t="s">
        <v>91</v>
      </c>
      <c r="O27121" t="s">
        <v>85</v>
      </c>
      <c r="P27121" t="s">
        <v>86</v>
      </c>
      <c r="Q27121">
        <v>9</v>
      </c>
      <c r="R27121">
        <v>9</v>
      </c>
      <c r="S27121">
        <v>9</v>
      </c>
      <c r="T27121">
        <v>9</v>
      </c>
      <c r="U27121">
        <v>9</v>
      </c>
      <c r="V27121">
        <v>9</v>
      </c>
      <c r="W27121">
        <v>9</v>
      </c>
      <c r="X27121">
        <v>9</v>
      </c>
      <c r="Y27121">
        <v>9</v>
      </c>
      <c r="Z27121">
        <v>10</v>
      </c>
      <c r="AA27121">
        <v>10</v>
      </c>
      <c r="AB27121">
        <v>10</v>
      </c>
      <c r="AC27121">
        <v>10</v>
      </c>
      <c r="AD27121">
        <v>10</v>
      </c>
      <c r="AE27121">
        <v>10</v>
      </c>
      <c r="AF27121">
        <v>10</v>
      </c>
      <c r="AG27121">
        <v>10</v>
      </c>
      <c r="AH27121">
        <v>10</v>
      </c>
      <c r="AI27121">
        <v>10</v>
      </c>
      <c r="AJ27121">
        <v>10</v>
      </c>
      <c r="AK27121">
        <v>10</v>
      </c>
      <c r="AL27121">
        <v>10</v>
      </c>
      <c r="AM27121">
        <v>10</v>
      </c>
      <c r="AN27121">
        <v>10</v>
      </c>
      <c r="AO27121">
        <v>10</v>
      </c>
      <c r="AP27121">
        <v>10</v>
      </c>
      <c r="AQ27121">
        <v>10</v>
      </c>
    </row>
    <row r="27122" spans="1:43">
      <c r="A27122" t="s">
        <v>16785</v>
      </c>
      <c r="B27122" t="s">
        <v>16786</v>
      </c>
      <c r="C27122" t="s">
        <v>16717</v>
      </c>
      <c r="D27122" t="s">
        <v>16718</v>
      </c>
      <c r="E27122" t="s">
        <v>16695</v>
      </c>
      <c r="F27122" t="s">
        <v>16696</v>
      </c>
      <c r="G27122" t="s">
        <v>16559</v>
      </c>
      <c r="H27122" t="s">
        <v>16560</v>
      </c>
      <c r="I27122" s="2">
        <v>1</v>
      </c>
      <c r="J27122" s="2">
        <v>0</v>
      </c>
      <c r="K27122" s="2">
        <v>0</v>
      </c>
      <c r="L27122" t="s">
        <v>120</v>
      </c>
      <c r="M27122" t="s">
        <v>83</v>
      </c>
      <c r="N27122" t="s">
        <v>84</v>
      </c>
      <c r="O27122" t="s">
        <v>85</v>
      </c>
      <c r="P27122" t="s">
        <v>86</v>
      </c>
      <c r="Q27122">
        <v>28</v>
      </c>
      <c r="R27122">
        <v>28</v>
      </c>
      <c r="S27122">
        <v>28</v>
      </c>
      <c r="T27122">
        <v>28</v>
      </c>
      <c r="U27122">
        <v>29</v>
      </c>
      <c r="V27122">
        <v>29</v>
      </c>
      <c r="W27122">
        <v>29</v>
      </c>
      <c r="X27122">
        <v>29</v>
      </c>
      <c r="Y27122">
        <v>29</v>
      </c>
      <c r="Z27122">
        <v>29</v>
      </c>
      <c r="AA27122">
        <v>29</v>
      </c>
      <c r="AB27122">
        <v>30</v>
      </c>
      <c r="AC27122">
        <v>30</v>
      </c>
      <c r="AD27122">
        <v>30</v>
      </c>
      <c r="AE27122">
        <v>30</v>
      </c>
      <c r="AF27122">
        <v>30</v>
      </c>
      <c r="AG27122">
        <v>30</v>
      </c>
      <c r="AH27122">
        <v>31</v>
      </c>
      <c r="AI27122">
        <v>31</v>
      </c>
      <c r="AJ27122">
        <v>31</v>
      </c>
      <c r="AK27122">
        <v>31</v>
      </c>
      <c r="AL27122">
        <v>31</v>
      </c>
      <c r="AM27122">
        <v>31</v>
      </c>
      <c r="AN27122">
        <v>31</v>
      </c>
      <c r="AO27122">
        <v>31</v>
      </c>
      <c r="AP27122">
        <v>31</v>
      </c>
      <c r="AQ27122">
        <v>30</v>
      </c>
    </row>
    <row r="27123" spans="1:43">
      <c r="A27123" t="s">
        <v>16785</v>
      </c>
      <c r="B27123" t="s">
        <v>16786</v>
      </c>
      <c r="C27123" t="s">
        <v>16717</v>
      </c>
      <c r="D27123" t="s">
        <v>16718</v>
      </c>
      <c r="E27123" t="s">
        <v>16695</v>
      </c>
      <c r="F27123" t="s">
        <v>16696</v>
      </c>
      <c r="G27123" t="s">
        <v>16559</v>
      </c>
      <c r="H27123" t="s">
        <v>16560</v>
      </c>
      <c r="I27123" s="2">
        <v>1</v>
      </c>
      <c r="J27123" s="2">
        <v>0</v>
      </c>
      <c r="K27123" s="2">
        <v>0</v>
      </c>
      <c r="L27123" t="s">
        <v>120</v>
      </c>
      <c r="M27123" t="s">
        <v>87</v>
      </c>
      <c r="N27123" t="s">
        <v>88</v>
      </c>
      <c r="O27123" t="s">
        <v>85</v>
      </c>
      <c r="P27123" t="s">
        <v>86</v>
      </c>
      <c r="Q27123">
        <v>28</v>
      </c>
      <c r="R27123">
        <v>27</v>
      </c>
      <c r="S27123">
        <v>27</v>
      </c>
      <c r="T27123">
        <v>27</v>
      </c>
      <c r="U27123">
        <v>27</v>
      </c>
      <c r="V27123">
        <v>27</v>
      </c>
      <c r="W27123">
        <v>27</v>
      </c>
      <c r="X27123">
        <v>27</v>
      </c>
      <c r="Y27123">
        <v>27</v>
      </c>
      <c r="Z27123">
        <v>27</v>
      </c>
      <c r="AA27123">
        <v>27</v>
      </c>
      <c r="AB27123">
        <v>27</v>
      </c>
      <c r="AC27123">
        <v>27</v>
      </c>
      <c r="AD27123">
        <v>27</v>
      </c>
      <c r="AE27123">
        <v>27</v>
      </c>
      <c r="AF27123">
        <v>27</v>
      </c>
      <c r="AG27123">
        <v>27</v>
      </c>
      <c r="AH27123">
        <v>27</v>
      </c>
      <c r="AI27123">
        <v>26</v>
      </c>
      <c r="AJ27123">
        <v>26</v>
      </c>
      <c r="AK27123">
        <v>26</v>
      </c>
      <c r="AL27123">
        <v>26</v>
      </c>
      <c r="AM27123">
        <v>26</v>
      </c>
      <c r="AN27123">
        <v>26</v>
      </c>
      <c r="AO27123">
        <v>26</v>
      </c>
      <c r="AP27123">
        <v>26</v>
      </c>
      <c r="AQ27123">
        <v>26</v>
      </c>
    </row>
    <row r="27124" spans="1:43">
      <c r="A27124" t="s">
        <v>16785</v>
      </c>
      <c r="B27124" t="s">
        <v>16786</v>
      </c>
      <c r="C27124" t="s">
        <v>16717</v>
      </c>
      <c r="D27124" t="s">
        <v>16718</v>
      </c>
      <c r="E27124" t="s">
        <v>16695</v>
      </c>
      <c r="F27124" t="s">
        <v>16696</v>
      </c>
      <c r="G27124" t="s">
        <v>16559</v>
      </c>
      <c r="H27124" t="s">
        <v>16560</v>
      </c>
      <c r="I27124" s="2">
        <v>1</v>
      </c>
      <c r="J27124" s="2">
        <v>0</v>
      </c>
      <c r="K27124" s="2">
        <v>0</v>
      </c>
      <c r="L27124" t="s">
        <v>120</v>
      </c>
      <c r="M27124" t="s">
        <v>89</v>
      </c>
      <c r="N27124" t="s">
        <v>90</v>
      </c>
      <c r="O27124" t="s">
        <v>85</v>
      </c>
      <c r="P27124" t="s">
        <v>86</v>
      </c>
      <c r="Q27124">
        <v>28</v>
      </c>
      <c r="R27124">
        <v>28</v>
      </c>
      <c r="S27124">
        <v>29</v>
      </c>
      <c r="T27124">
        <v>29</v>
      </c>
      <c r="U27124">
        <v>30</v>
      </c>
      <c r="V27124">
        <v>30</v>
      </c>
      <c r="W27124">
        <v>30</v>
      </c>
      <c r="X27124">
        <v>31</v>
      </c>
      <c r="Y27124">
        <v>31</v>
      </c>
      <c r="Z27124">
        <v>31</v>
      </c>
      <c r="AA27124">
        <v>31</v>
      </c>
      <c r="AB27124">
        <v>32</v>
      </c>
      <c r="AC27124">
        <v>32</v>
      </c>
      <c r="AD27124">
        <v>32</v>
      </c>
      <c r="AE27124">
        <v>32</v>
      </c>
      <c r="AF27124">
        <v>32</v>
      </c>
      <c r="AG27124">
        <v>32</v>
      </c>
      <c r="AH27124">
        <v>32</v>
      </c>
      <c r="AI27124">
        <v>32</v>
      </c>
      <c r="AJ27124">
        <v>32</v>
      </c>
      <c r="AK27124">
        <v>32</v>
      </c>
      <c r="AL27124">
        <v>31</v>
      </c>
      <c r="AM27124">
        <v>31</v>
      </c>
      <c r="AN27124">
        <v>31</v>
      </c>
      <c r="AO27124">
        <v>31</v>
      </c>
      <c r="AP27124">
        <v>31</v>
      </c>
      <c r="AQ27124">
        <v>31</v>
      </c>
    </row>
    <row r="27125" spans="1:43">
      <c r="A27125" t="s">
        <v>16785</v>
      </c>
      <c r="B27125" t="s">
        <v>16786</v>
      </c>
      <c r="C27125" t="s">
        <v>16717</v>
      </c>
      <c r="D27125" t="s">
        <v>16718</v>
      </c>
      <c r="E27125" t="s">
        <v>16695</v>
      </c>
      <c r="F27125" t="s">
        <v>16696</v>
      </c>
      <c r="G27125" t="s">
        <v>16559</v>
      </c>
      <c r="H27125" t="s">
        <v>16560</v>
      </c>
      <c r="I27125" s="2">
        <v>1</v>
      </c>
      <c r="J27125" s="2">
        <v>0</v>
      </c>
      <c r="K27125" s="2">
        <v>0</v>
      </c>
      <c r="L27125" t="s">
        <v>120</v>
      </c>
      <c r="M27125" t="s">
        <v>83</v>
      </c>
      <c r="N27125" t="s">
        <v>91</v>
      </c>
      <c r="O27125" t="s">
        <v>85</v>
      </c>
      <c r="P27125" t="s">
        <v>86</v>
      </c>
      <c r="Q27125">
        <v>28</v>
      </c>
      <c r="R27125">
        <v>28</v>
      </c>
      <c r="S27125">
        <v>28</v>
      </c>
      <c r="T27125">
        <v>28</v>
      </c>
      <c r="U27125">
        <v>29</v>
      </c>
      <c r="V27125">
        <v>29</v>
      </c>
      <c r="W27125">
        <v>29</v>
      </c>
      <c r="X27125">
        <v>29</v>
      </c>
      <c r="Y27125">
        <v>29</v>
      </c>
      <c r="Z27125">
        <v>29</v>
      </c>
      <c r="AA27125">
        <v>29</v>
      </c>
      <c r="AB27125">
        <v>30</v>
      </c>
      <c r="AC27125">
        <v>30</v>
      </c>
      <c r="AD27125">
        <v>30</v>
      </c>
      <c r="AE27125">
        <v>30</v>
      </c>
      <c r="AF27125">
        <v>30</v>
      </c>
      <c r="AG27125">
        <v>30</v>
      </c>
      <c r="AH27125">
        <v>31</v>
      </c>
      <c r="AI27125">
        <v>31</v>
      </c>
      <c r="AJ27125">
        <v>31</v>
      </c>
      <c r="AK27125">
        <v>31</v>
      </c>
      <c r="AL27125">
        <v>31</v>
      </c>
      <c r="AM27125">
        <v>31</v>
      </c>
      <c r="AN27125">
        <v>31</v>
      </c>
      <c r="AO27125">
        <v>31</v>
      </c>
      <c r="AP27125">
        <v>31</v>
      </c>
      <c r="AQ27125">
        <v>30</v>
      </c>
    </row>
    <row r="27126" spans="1:43">
      <c r="A27126" t="s">
        <v>16787</v>
      </c>
      <c r="B27126" t="s">
        <v>16788</v>
      </c>
      <c r="C27126" t="s">
        <v>16789</v>
      </c>
      <c r="D27126" t="s">
        <v>16790</v>
      </c>
      <c r="E27126" t="s">
        <v>16695</v>
      </c>
      <c r="F27126" t="s">
        <v>16696</v>
      </c>
      <c r="G27126" t="s">
        <v>16559</v>
      </c>
      <c r="H27126" t="s">
        <v>16560</v>
      </c>
      <c r="I27126" s="2">
        <v>1</v>
      </c>
      <c r="J27126" s="2">
        <v>0</v>
      </c>
      <c r="K27126" s="2">
        <v>0</v>
      </c>
      <c r="L27126" t="s">
        <v>120</v>
      </c>
      <c r="M27126" t="s">
        <v>83</v>
      </c>
      <c r="N27126" t="s">
        <v>84</v>
      </c>
      <c r="O27126" t="s">
        <v>85</v>
      </c>
      <c r="P27126" t="s">
        <v>86</v>
      </c>
      <c r="Q27126">
        <v>5</v>
      </c>
      <c r="R27126">
        <v>5</v>
      </c>
      <c r="S27126">
        <v>5</v>
      </c>
      <c r="T27126">
        <v>5</v>
      </c>
      <c r="U27126">
        <v>5</v>
      </c>
      <c r="V27126">
        <v>5</v>
      </c>
      <c r="W27126">
        <v>5</v>
      </c>
      <c r="X27126">
        <v>5</v>
      </c>
      <c r="Y27126">
        <v>5</v>
      </c>
      <c r="Z27126">
        <v>5</v>
      </c>
      <c r="AA27126">
        <v>5</v>
      </c>
      <c r="AB27126">
        <v>5</v>
      </c>
      <c r="AC27126">
        <v>6</v>
      </c>
      <c r="AD27126">
        <v>6</v>
      </c>
      <c r="AE27126">
        <v>6</v>
      </c>
      <c r="AF27126">
        <v>6</v>
      </c>
      <c r="AG27126">
        <v>6</v>
      </c>
      <c r="AH27126">
        <v>6</v>
      </c>
      <c r="AI27126">
        <v>6</v>
      </c>
      <c r="AJ27126">
        <v>6</v>
      </c>
      <c r="AK27126">
        <v>6</v>
      </c>
      <c r="AL27126">
        <v>6</v>
      </c>
      <c r="AM27126">
        <v>6</v>
      </c>
      <c r="AN27126">
        <v>6</v>
      </c>
      <c r="AO27126">
        <v>6</v>
      </c>
      <c r="AP27126">
        <v>6</v>
      </c>
      <c r="AQ27126">
        <v>6</v>
      </c>
    </row>
    <row r="27127" spans="1:43">
      <c r="A27127" t="s">
        <v>16787</v>
      </c>
      <c r="B27127" t="s">
        <v>16788</v>
      </c>
      <c r="C27127" t="s">
        <v>16789</v>
      </c>
      <c r="D27127" t="s">
        <v>16790</v>
      </c>
      <c r="E27127" t="s">
        <v>16695</v>
      </c>
      <c r="F27127" t="s">
        <v>16696</v>
      </c>
      <c r="G27127" t="s">
        <v>16559</v>
      </c>
      <c r="H27127" t="s">
        <v>16560</v>
      </c>
      <c r="I27127" s="2">
        <v>1</v>
      </c>
      <c r="J27127" s="2">
        <v>0</v>
      </c>
      <c r="K27127" s="2">
        <v>0</v>
      </c>
      <c r="L27127" t="s">
        <v>120</v>
      </c>
      <c r="M27127" t="s">
        <v>87</v>
      </c>
      <c r="N27127" t="s">
        <v>88</v>
      </c>
      <c r="O27127" t="s">
        <v>85</v>
      </c>
      <c r="P27127" t="s">
        <v>86</v>
      </c>
      <c r="Q27127">
        <v>5</v>
      </c>
      <c r="R27127">
        <v>5</v>
      </c>
      <c r="S27127">
        <v>5</v>
      </c>
      <c r="T27127">
        <v>5</v>
      </c>
      <c r="U27127">
        <v>5</v>
      </c>
      <c r="V27127">
        <v>5</v>
      </c>
      <c r="W27127">
        <v>5</v>
      </c>
      <c r="X27127">
        <v>5</v>
      </c>
      <c r="Y27127">
        <v>5</v>
      </c>
      <c r="Z27127">
        <v>5</v>
      </c>
      <c r="AA27127">
        <v>5</v>
      </c>
      <c r="AB27127">
        <v>5</v>
      </c>
      <c r="AC27127">
        <v>5</v>
      </c>
      <c r="AD27127">
        <v>5</v>
      </c>
      <c r="AE27127">
        <v>5</v>
      </c>
      <c r="AF27127">
        <v>5</v>
      </c>
      <c r="AG27127">
        <v>5</v>
      </c>
      <c r="AH27127">
        <v>5</v>
      </c>
      <c r="AI27127">
        <v>5</v>
      </c>
      <c r="AJ27127">
        <v>5</v>
      </c>
      <c r="AK27127">
        <v>5</v>
      </c>
      <c r="AL27127">
        <v>5</v>
      </c>
      <c r="AM27127">
        <v>5</v>
      </c>
      <c r="AN27127">
        <v>5</v>
      </c>
      <c r="AO27127">
        <v>5</v>
      </c>
      <c r="AP27127">
        <v>5</v>
      </c>
      <c r="AQ27127">
        <v>5</v>
      </c>
    </row>
    <row r="27128" spans="1:43">
      <c r="A27128" t="s">
        <v>16787</v>
      </c>
      <c r="B27128" t="s">
        <v>16788</v>
      </c>
      <c r="C27128" t="s">
        <v>16789</v>
      </c>
      <c r="D27128" t="s">
        <v>16790</v>
      </c>
      <c r="E27128" t="s">
        <v>16695</v>
      </c>
      <c r="F27128" t="s">
        <v>16696</v>
      </c>
      <c r="G27128" t="s">
        <v>16559</v>
      </c>
      <c r="H27128" t="s">
        <v>16560</v>
      </c>
      <c r="I27128" s="2">
        <v>1</v>
      </c>
      <c r="J27128" s="2">
        <v>0</v>
      </c>
      <c r="K27128" s="2">
        <v>0</v>
      </c>
      <c r="L27128" t="s">
        <v>120</v>
      </c>
      <c r="M27128" t="s">
        <v>89</v>
      </c>
      <c r="N27128" t="s">
        <v>90</v>
      </c>
      <c r="O27128" t="s">
        <v>85</v>
      </c>
      <c r="P27128" t="s">
        <v>86</v>
      </c>
      <c r="Q27128">
        <v>5</v>
      </c>
      <c r="R27128">
        <v>5</v>
      </c>
      <c r="S27128">
        <v>5</v>
      </c>
      <c r="T27128">
        <v>5</v>
      </c>
      <c r="U27128">
        <v>5</v>
      </c>
      <c r="V27128">
        <v>6</v>
      </c>
      <c r="W27128">
        <v>6</v>
      </c>
      <c r="X27128">
        <v>6</v>
      </c>
      <c r="Y27128">
        <v>6</v>
      </c>
      <c r="Z27128">
        <v>6</v>
      </c>
      <c r="AA27128">
        <v>6</v>
      </c>
      <c r="AB27128">
        <v>6</v>
      </c>
      <c r="AC27128">
        <v>6</v>
      </c>
      <c r="AD27128">
        <v>6</v>
      </c>
      <c r="AE27128">
        <v>6</v>
      </c>
      <c r="AF27128">
        <v>6</v>
      </c>
      <c r="AG27128">
        <v>6</v>
      </c>
      <c r="AH27128">
        <v>6</v>
      </c>
      <c r="AI27128">
        <v>6</v>
      </c>
      <c r="AJ27128">
        <v>6</v>
      </c>
      <c r="AK27128">
        <v>6</v>
      </c>
      <c r="AL27128">
        <v>6</v>
      </c>
      <c r="AM27128">
        <v>6</v>
      </c>
      <c r="AN27128">
        <v>6</v>
      </c>
      <c r="AO27128">
        <v>6</v>
      </c>
      <c r="AP27128">
        <v>6</v>
      </c>
      <c r="AQ27128">
        <v>6</v>
      </c>
    </row>
    <row r="27129" spans="1:43">
      <c r="A27129" t="s">
        <v>16787</v>
      </c>
      <c r="B27129" t="s">
        <v>16788</v>
      </c>
      <c r="C27129" t="s">
        <v>16789</v>
      </c>
      <c r="D27129" t="s">
        <v>16790</v>
      </c>
      <c r="E27129" t="s">
        <v>16695</v>
      </c>
      <c r="F27129" t="s">
        <v>16696</v>
      </c>
      <c r="G27129" t="s">
        <v>16559</v>
      </c>
      <c r="H27129" t="s">
        <v>16560</v>
      </c>
      <c r="I27129" s="2">
        <v>1</v>
      </c>
      <c r="J27129" s="2">
        <v>0</v>
      </c>
      <c r="K27129" s="2">
        <v>0</v>
      </c>
      <c r="L27129" t="s">
        <v>120</v>
      </c>
      <c r="M27129" t="s">
        <v>83</v>
      </c>
      <c r="N27129" t="s">
        <v>91</v>
      </c>
      <c r="O27129" t="s">
        <v>85</v>
      </c>
      <c r="P27129" t="s">
        <v>86</v>
      </c>
      <c r="Q27129">
        <v>5</v>
      </c>
      <c r="R27129">
        <v>5</v>
      </c>
      <c r="S27129">
        <v>5</v>
      </c>
      <c r="T27129">
        <v>5</v>
      </c>
      <c r="U27129">
        <v>5</v>
      </c>
      <c r="V27129">
        <v>5</v>
      </c>
      <c r="W27129">
        <v>5</v>
      </c>
      <c r="X27129">
        <v>5</v>
      </c>
      <c r="Y27129">
        <v>5</v>
      </c>
      <c r="Z27129">
        <v>5</v>
      </c>
      <c r="AA27129">
        <v>5</v>
      </c>
      <c r="AB27129">
        <v>5</v>
      </c>
      <c r="AC27129">
        <v>6</v>
      </c>
      <c r="AD27129">
        <v>6</v>
      </c>
      <c r="AE27129">
        <v>6</v>
      </c>
      <c r="AF27129">
        <v>6</v>
      </c>
      <c r="AG27129">
        <v>6</v>
      </c>
      <c r="AH27129">
        <v>6</v>
      </c>
      <c r="AI27129">
        <v>6</v>
      </c>
      <c r="AJ27129">
        <v>6</v>
      </c>
      <c r="AK27129">
        <v>6</v>
      </c>
      <c r="AL27129">
        <v>6</v>
      </c>
      <c r="AM27129">
        <v>6</v>
      </c>
      <c r="AN27129">
        <v>6</v>
      </c>
      <c r="AO27129">
        <v>6</v>
      </c>
      <c r="AP27129">
        <v>6</v>
      </c>
      <c r="AQ27129">
        <v>6</v>
      </c>
    </row>
    <row r="27130" spans="1:43">
      <c r="A27130" t="s">
        <v>16791</v>
      </c>
      <c r="B27130" t="s">
        <v>16792</v>
      </c>
      <c r="C27130" t="s">
        <v>16789</v>
      </c>
      <c r="D27130" t="s">
        <v>16790</v>
      </c>
      <c r="E27130" t="s">
        <v>16695</v>
      </c>
      <c r="F27130" t="s">
        <v>16696</v>
      </c>
      <c r="G27130" t="s">
        <v>16559</v>
      </c>
      <c r="H27130" t="s">
        <v>16560</v>
      </c>
      <c r="I27130" s="2">
        <v>1</v>
      </c>
      <c r="J27130" s="2">
        <v>0</v>
      </c>
      <c r="K27130" s="2">
        <v>0</v>
      </c>
      <c r="L27130" t="s">
        <v>120</v>
      </c>
      <c r="M27130" t="s">
        <v>83</v>
      </c>
      <c r="N27130" t="s">
        <v>84</v>
      </c>
      <c r="O27130" t="s">
        <v>85</v>
      </c>
      <c r="P27130" t="s">
        <v>86</v>
      </c>
      <c r="Q27130">
        <v>27</v>
      </c>
      <c r="R27130">
        <v>27</v>
      </c>
      <c r="S27130">
        <v>28</v>
      </c>
      <c r="T27130">
        <v>28</v>
      </c>
      <c r="U27130">
        <v>28</v>
      </c>
      <c r="V27130">
        <v>28</v>
      </c>
      <c r="W27130">
        <v>28</v>
      </c>
      <c r="X27130">
        <v>28</v>
      </c>
      <c r="Y27130">
        <v>29</v>
      </c>
      <c r="Z27130">
        <v>29</v>
      </c>
      <c r="AA27130">
        <v>29</v>
      </c>
      <c r="AB27130">
        <v>29</v>
      </c>
      <c r="AC27130">
        <v>29</v>
      </c>
      <c r="AD27130">
        <v>29</v>
      </c>
      <c r="AE27130">
        <v>29</v>
      </c>
      <c r="AF27130">
        <v>29</v>
      </c>
      <c r="AG27130">
        <v>30</v>
      </c>
      <c r="AH27130">
        <v>30</v>
      </c>
      <c r="AI27130">
        <v>30</v>
      </c>
      <c r="AJ27130">
        <v>30</v>
      </c>
      <c r="AK27130">
        <v>30</v>
      </c>
      <c r="AL27130">
        <v>30</v>
      </c>
      <c r="AM27130">
        <v>30</v>
      </c>
      <c r="AN27130">
        <v>30</v>
      </c>
      <c r="AO27130">
        <v>30</v>
      </c>
      <c r="AP27130">
        <v>30</v>
      </c>
      <c r="AQ27130">
        <v>30</v>
      </c>
    </row>
    <row r="27131" spans="1:43">
      <c r="A27131" t="s">
        <v>16791</v>
      </c>
      <c r="B27131" t="s">
        <v>16792</v>
      </c>
      <c r="C27131" t="s">
        <v>16789</v>
      </c>
      <c r="D27131" t="s">
        <v>16790</v>
      </c>
      <c r="E27131" t="s">
        <v>16695</v>
      </c>
      <c r="F27131" t="s">
        <v>16696</v>
      </c>
      <c r="G27131" t="s">
        <v>16559</v>
      </c>
      <c r="H27131" t="s">
        <v>16560</v>
      </c>
      <c r="I27131" s="2">
        <v>1</v>
      </c>
      <c r="J27131" s="2">
        <v>0</v>
      </c>
      <c r="K27131" s="2">
        <v>0</v>
      </c>
      <c r="L27131" t="s">
        <v>120</v>
      </c>
      <c r="M27131" t="s">
        <v>87</v>
      </c>
      <c r="N27131" t="s">
        <v>88</v>
      </c>
      <c r="O27131" t="s">
        <v>85</v>
      </c>
      <c r="P27131" t="s">
        <v>86</v>
      </c>
      <c r="Q27131">
        <v>27</v>
      </c>
      <c r="R27131">
        <v>27</v>
      </c>
      <c r="S27131">
        <v>27</v>
      </c>
      <c r="T27131">
        <v>27</v>
      </c>
      <c r="U27131">
        <v>27</v>
      </c>
      <c r="V27131">
        <v>27</v>
      </c>
      <c r="W27131">
        <v>26</v>
      </c>
      <c r="X27131">
        <v>26</v>
      </c>
      <c r="Y27131">
        <v>26</v>
      </c>
      <c r="Z27131">
        <v>26</v>
      </c>
      <c r="AA27131">
        <v>26</v>
      </c>
      <c r="AB27131">
        <v>26</v>
      </c>
      <c r="AC27131">
        <v>26</v>
      </c>
      <c r="AD27131">
        <v>26</v>
      </c>
      <c r="AE27131">
        <v>26</v>
      </c>
      <c r="AF27131">
        <v>26</v>
      </c>
      <c r="AG27131">
        <v>26</v>
      </c>
      <c r="AH27131">
        <v>26</v>
      </c>
      <c r="AI27131">
        <v>26</v>
      </c>
      <c r="AJ27131">
        <v>26</v>
      </c>
      <c r="AK27131">
        <v>26</v>
      </c>
      <c r="AL27131">
        <v>26</v>
      </c>
      <c r="AM27131">
        <v>26</v>
      </c>
      <c r="AN27131">
        <v>26</v>
      </c>
      <c r="AO27131">
        <v>26</v>
      </c>
      <c r="AP27131">
        <v>26</v>
      </c>
      <c r="AQ27131">
        <v>26</v>
      </c>
    </row>
    <row r="27132" spans="1:43">
      <c r="A27132" t="s">
        <v>16791</v>
      </c>
      <c r="B27132" t="s">
        <v>16792</v>
      </c>
      <c r="C27132" t="s">
        <v>16789</v>
      </c>
      <c r="D27132" t="s">
        <v>16790</v>
      </c>
      <c r="E27132" t="s">
        <v>16695</v>
      </c>
      <c r="F27132" t="s">
        <v>16696</v>
      </c>
      <c r="G27132" t="s">
        <v>16559</v>
      </c>
      <c r="H27132" t="s">
        <v>16560</v>
      </c>
      <c r="I27132" s="2">
        <v>1</v>
      </c>
      <c r="J27132" s="2">
        <v>0</v>
      </c>
      <c r="K27132" s="2">
        <v>0</v>
      </c>
      <c r="L27132" t="s">
        <v>120</v>
      </c>
      <c r="M27132" t="s">
        <v>89</v>
      </c>
      <c r="N27132" t="s">
        <v>90</v>
      </c>
      <c r="O27132" t="s">
        <v>85</v>
      </c>
      <c r="P27132" t="s">
        <v>86</v>
      </c>
      <c r="Q27132">
        <v>27</v>
      </c>
      <c r="R27132">
        <v>28</v>
      </c>
      <c r="S27132">
        <v>28</v>
      </c>
      <c r="T27132">
        <v>29</v>
      </c>
      <c r="U27132">
        <v>29</v>
      </c>
      <c r="V27132">
        <v>29</v>
      </c>
      <c r="W27132">
        <v>30</v>
      </c>
      <c r="X27132">
        <v>30</v>
      </c>
      <c r="Y27132">
        <v>30</v>
      </c>
      <c r="Z27132">
        <v>30</v>
      </c>
      <c r="AA27132">
        <v>31</v>
      </c>
      <c r="AB27132">
        <v>31</v>
      </c>
      <c r="AC27132">
        <v>31</v>
      </c>
      <c r="AD27132">
        <v>31</v>
      </c>
      <c r="AE27132">
        <v>31</v>
      </c>
      <c r="AF27132">
        <v>31</v>
      </c>
      <c r="AG27132">
        <v>31</v>
      </c>
      <c r="AH27132">
        <v>31</v>
      </c>
      <c r="AI27132">
        <v>31</v>
      </c>
      <c r="AJ27132">
        <v>31</v>
      </c>
      <c r="AK27132">
        <v>31</v>
      </c>
      <c r="AL27132">
        <v>31</v>
      </c>
      <c r="AM27132">
        <v>30</v>
      </c>
      <c r="AN27132">
        <v>30</v>
      </c>
      <c r="AO27132">
        <v>30</v>
      </c>
      <c r="AP27132">
        <v>30</v>
      </c>
      <c r="AQ27132">
        <v>30</v>
      </c>
    </row>
    <row r="27133" spans="1:43">
      <c r="A27133" t="s">
        <v>16791</v>
      </c>
      <c r="B27133" t="s">
        <v>16792</v>
      </c>
      <c r="C27133" t="s">
        <v>16789</v>
      </c>
      <c r="D27133" t="s">
        <v>16790</v>
      </c>
      <c r="E27133" t="s">
        <v>16695</v>
      </c>
      <c r="F27133" t="s">
        <v>16696</v>
      </c>
      <c r="G27133" t="s">
        <v>16559</v>
      </c>
      <c r="H27133" t="s">
        <v>16560</v>
      </c>
      <c r="I27133" s="2">
        <v>1</v>
      </c>
      <c r="J27133" s="2">
        <v>0</v>
      </c>
      <c r="K27133" s="2">
        <v>0</v>
      </c>
      <c r="L27133" t="s">
        <v>120</v>
      </c>
      <c r="M27133" t="s">
        <v>83</v>
      </c>
      <c r="N27133" t="s">
        <v>91</v>
      </c>
      <c r="O27133" t="s">
        <v>85</v>
      </c>
      <c r="P27133" t="s">
        <v>86</v>
      </c>
      <c r="Q27133">
        <v>27</v>
      </c>
      <c r="R27133">
        <v>27</v>
      </c>
      <c r="S27133">
        <v>28</v>
      </c>
      <c r="T27133">
        <v>28</v>
      </c>
      <c r="U27133">
        <v>28</v>
      </c>
      <c r="V27133">
        <v>28</v>
      </c>
      <c r="W27133">
        <v>28</v>
      </c>
      <c r="X27133">
        <v>28</v>
      </c>
      <c r="Y27133">
        <v>29</v>
      </c>
      <c r="Z27133">
        <v>29</v>
      </c>
      <c r="AA27133">
        <v>29</v>
      </c>
      <c r="AB27133">
        <v>29</v>
      </c>
      <c r="AC27133">
        <v>29</v>
      </c>
      <c r="AD27133">
        <v>29</v>
      </c>
      <c r="AE27133">
        <v>29</v>
      </c>
      <c r="AF27133">
        <v>29</v>
      </c>
      <c r="AG27133">
        <v>30</v>
      </c>
      <c r="AH27133">
        <v>30</v>
      </c>
      <c r="AI27133">
        <v>30</v>
      </c>
      <c r="AJ27133">
        <v>30</v>
      </c>
      <c r="AK27133">
        <v>30</v>
      </c>
      <c r="AL27133">
        <v>30</v>
      </c>
      <c r="AM27133">
        <v>30</v>
      </c>
      <c r="AN27133">
        <v>30</v>
      </c>
      <c r="AO27133">
        <v>30</v>
      </c>
      <c r="AP27133">
        <v>30</v>
      </c>
      <c r="AQ27133">
        <v>30</v>
      </c>
    </row>
    <row r="27134" spans="1:43">
      <c r="A27134" t="s">
        <v>16793</v>
      </c>
      <c r="B27134" t="s">
        <v>16794</v>
      </c>
      <c r="C27134" t="s">
        <v>16789</v>
      </c>
      <c r="D27134" t="s">
        <v>16790</v>
      </c>
      <c r="E27134" t="s">
        <v>16695</v>
      </c>
      <c r="F27134" t="s">
        <v>16696</v>
      </c>
      <c r="G27134" t="s">
        <v>16559</v>
      </c>
      <c r="H27134" t="s">
        <v>16560</v>
      </c>
      <c r="I27134" s="2">
        <v>1</v>
      </c>
      <c r="J27134" s="2">
        <v>0</v>
      </c>
      <c r="K27134" s="2">
        <v>0</v>
      </c>
      <c r="L27134" t="s">
        <v>120</v>
      </c>
      <c r="M27134" t="s">
        <v>83</v>
      </c>
      <c r="N27134" t="s">
        <v>84</v>
      </c>
      <c r="O27134" t="s">
        <v>85</v>
      </c>
      <c r="P27134" t="s">
        <v>86</v>
      </c>
      <c r="Q27134">
        <v>13</v>
      </c>
      <c r="R27134">
        <v>13</v>
      </c>
      <c r="S27134">
        <v>13</v>
      </c>
      <c r="T27134">
        <v>13</v>
      </c>
      <c r="U27134">
        <v>13</v>
      </c>
      <c r="V27134">
        <v>13</v>
      </c>
      <c r="W27134">
        <v>13</v>
      </c>
      <c r="X27134">
        <v>13</v>
      </c>
      <c r="Y27134">
        <v>14</v>
      </c>
      <c r="Z27134">
        <v>14</v>
      </c>
      <c r="AA27134">
        <v>14</v>
      </c>
      <c r="AB27134">
        <v>14</v>
      </c>
      <c r="AC27134">
        <v>14</v>
      </c>
      <c r="AD27134">
        <v>14</v>
      </c>
      <c r="AE27134">
        <v>14</v>
      </c>
      <c r="AF27134">
        <v>14</v>
      </c>
      <c r="AG27134">
        <v>14</v>
      </c>
      <c r="AH27134">
        <v>14</v>
      </c>
      <c r="AI27134">
        <v>14</v>
      </c>
      <c r="AJ27134">
        <v>14</v>
      </c>
      <c r="AK27134">
        <v>14</v>
      </c>
      <c r="AL27134">
        <v>14</v>
      </c>
      <c r="AM27134">
        <v>14</v>
      </c>
      <c r="AN27134">
        <v>14</v>
      </c>
      <c r="AO27134">
        <v>14</v>
      </c>
      <c r="AP27134">
        <v>14</v>
      </c>
      <c r="AQ27134">
        <v>14</v>
      </c>
    </row>
    <row r="27135" spans="1:43">
      <c r="A27135" t="s">
        <v>16793</v>
      </c>
      <c r="B27135" t="s">
        <v>16794</v>
      </c>
      <c r="C27135" t="s">
        <v>16789</v>
      </c>
      <c r="D27135" t="s">
        <v>16790</v>
      </c>
      <c r="E27135" t="s">
        <v>16695</v>
      </c>
      <c r="F27135" t="s">
        <v>16696</v>
      </c>
      <c r="G27135" t="s">
        <v>16559</v>
      </c>
      <c r="H27135" t="s">
        <v>16560</v>
      </c>
      <c r="I27135" s="2">
        <v>1</v>
      </c>
      <c r="J27135" s="2">
        <v>0</v>
      </c>
      <c r="K27135" s="2">
        <v>0</v>
      </c>
      <c r="L27135" t="s">
        <v>120</v>
      </c>
      <c r="M27135" t="s">
        <v>87</v>
      </c>
      <c r="N27135" t="s">
        <v>88</v>
      </c>
      <c r="O27135" t="s">
        <v>85</v>
      </c>
      <c r="P27135" t="s">
        <v>86</v>
      </c>
      <c r="Q27135">
        <v>13</v>
      </c>
      <c r="R27135">
        <v>13</v>
      </c>
      <c r="S27135">
        <v>13</v>
      </c>
      <c r="T27135">
        <v>13</v>
      </c>
      <c r="U27135">
        <v>13</v>
      </c>
      <c r="V27135">
        <v>13</v>
      </c>
      <c r="W27135">
        <v>13</v>
      </c>
      <c r="X27135">
        <v>13</v>
      </c>
      <c r="Y27135">
        <v>13</v>
      </c>
      <c r="Z27135">
        <v>12</v>
      </c>
      <c r="AA27135">
        <v>12</v>
      </c>
      <c r="AB27135">
        <v>12</v>
      </c>
      <c r="AC27135">
        <v>12</v>
      </c>
      <c r="AD27135">
        <v>12</v>
      </c>
      <c r="AE27135">
        <v>12</v>
      </c>
      <c r="AF27135">
        <v>12</v>
      </c>
      <c r="AG27135">
        <v>12</v>
      </c>
      <c r="AH27135">
        <v>12</v>
      </c>
      <c r="AI27135">
        <v>12</v>
      </c>
      <c r="AJ27135">
        <v>12</v>
      </c>
      <c r="AK27135">
        <v>12</v>
      </c>
      <c r="AL27135">
        <v>12</v>
      </c>
      <c r="AM27135">
        <v>12</v>
      </c>
      <c r="AN27135">
        <v>12</v>
      </c>
      <c r="AO27135">
        <v>12</v>
      </c>
      <c r="AP27135">
        <v>12</v>
      </c>
      <c r="AQ27135">
        <v>12</v>
      </c>
    </row>
    <row r="27136" spans="1:43">
      <c r="A27136" t="s">
        <v>16793</v>
      </c>
      <c r="B27136" t="s">
        <v>16794</v>
      </c>
      <c r="C27136" t="s">
        <v>16789</v>
      </c>
      <c r="D27136" t="s">
        <v>16790</v>
      </c>
      <c r="E27136" t="s">
        <v>16695</v>
      </c>
      <c r="F27136" t="s">
        <v>16696</v>
      </c>
      <c r="G27136" t="s">
        <v>16559</v>
      </c>
      <c r="H27136" t="s">
        <v>16560</v>
      </c>
      <c r="I27136" s="2">
        <v>1</v>
      </c>
      <c r="J27136" s="2">
        <v>0</v>
      </c>
      <c r="K27136" s="2">
        <v>0</v>
      </c>
      <c r="L27136" t="s">
        <v>120</v>
      </c>
      <c r="M27136" t="s">
        <v>89</v>
      </c>
      <c r="N27136" t="s">
        <v>90</v>
      </c>
      <c r="O27136" t="s">
        <v>85</v>
      </c>
      <c r="P27136" t="s">
        <v>86</v>
      </c>
      <c r="Q27136">
        <v>13</v>
      </c>
      <c r="R27136">
        <v>13</v>
      </c>
      <c r="S27136">
        <v>13</v>
      </c>
      <c r="T27136">
        <v>14</v>
      </c>
      <c r="U27136">
        <v>14</v>
      </c>
      <c r="V27136">
        <v>14</v>
      </c>
      <c r="W27136">
        <v>14</v>
      </c>
      <c r="X27136">
        <v>14</v>
      </c>
      <c r="Y27136">
        <v>14</v>
      </c>
      <c r="Z27136">
        <v>14</v>
      </c>
      <c r="AA27136">
        <v>15</v>
      </c>
      <c r="AB27136">
        <v>15</v>
      </c>
      <c r="AC27136">
        <v>15</v>
      </c>
      <c r="AD27136">
        <v>15</v>
      </c>
      <c r="AE27136">
        <v>15</v>
      </c>
      <c r="AF27136">
        <v>15</v>
      </c>
      <c r="AG27136">
        <v>15</v>
      </c>
      <c r="AH27136">
        <v>15</v>
      </c>
      <c r="AI27136">
        <v>15</v>
      </c>
      <c r="AJ27136">
        <v>15</v>
      </c>
      <c r="AK27136">
        <v>15</v>
      </c>
      <c r="AL27136">
        <v>14</v>
      </c>
      <c r="AM27136">
        <v>14</v>
      </c>
      <c r="AN27136">
        <v>14</v>
      </c>
      <c r="AO27136">
        <v>14</v>
      </c>
      <c r="AP27136">
        <v>14</v>
      </c>
      <c r="AQ27136">
        <v>14</v>
      </c>
    </row>
    <row r="27137" spans="1:43">
      <c r="A27137" t="s">
        <v>16793</v>
      </c>
      <c r="B27137" t="s">
        <v>16794</v>
      </c>
      <c r="C27137" t="s">
        <v>16789</v>
      </c>
      <c r="D27137" t="s">
        <v>16790</v>
      </c>
      <c r="E27137" t="s">
        <v>16695</v>
      </c>
      <c r="F27137" t="s">
        <v>16696</v>
      </c>
      <c r="G27137" t="s">
        <v>16559</v>
      </c>
      <c r="H27137" t="s">
        <v>16560</v>
      </c>
      <c r="I27137" s="2">
        <v>1</v>
      </c>
      <c r="J27137" s="2">
        <v>0</v>
      </c>
      <c r="K27137" s="2">
        <v>0</v>
      </c>
      <c r="L27137" t="s">
        <v>120</v>
      </c>
      <c r="M27137" t="s">
        <v>83</v>
      </c>
      <c r="N27137" t="s">
        <v>91</v>
      </c>
      <c r="O27137" t="s">
        <v>85</v>
      </c>
      <c r="P27137" t="s">
        <v>86</v>
      </c>
      <c r="Q27137">
        <v>13</v>
      </c>
      <c r="R27137">
        <v>13</v>
      </c>
      <c r="S27137">
        <v>13</v>
      </c>
      <c r="T27137">
        <v>13</v>
      </c>
      <c r="U27137">
        <v>13</v>
      </c>
      <c r="V27137">
        <v>13</v>
      </c>
      <c r="W27137">
        <v>13</v>
      </c>
      <c r="X27137">
        <v>13</v>
      </c>
      <c r="Y27137">
        <v>14</v>
      </c>
      <c r="Z27137">
        <v>14</v>
      </c>
      <c r="AA27137">
        <v>14</v>
      </c>
      <c r="AB27137">
        <v>14</v>
      </c>
      <c r="AC27137">
        <v>14</v>
      </c>
      <c r="AD27137">
        <v>14</v>
      </c>
      <c r="AE27137">
        <v>14</v>
      </c>
      <c r="AF27137">
        <v>14</v>
      </c>
      <c r="AG27137">
        <v>14</v>
      </c>
      <c r="AH27137">
        <v>14</v>
      </c>
      <c r="AI27137">
        <v>14</v>
      </c>
      <c r="AJ27137">
        <v>14</v>
      </c>
      <c r="AK27137">
        <v>14</v>
      </c>
      <c r="AL27137">
        <v>14</v>
      </c>
      <c r="AM27137">
        <v>14</v>
      </c>
      <c r="AN27137">
        <v>14</v>
      </c>
      <c r="AO27137">
        <v>14</v>
      </c>
      <c r="AP27137">
        <v>14</v>
      </c>
      <c r="AQ27137">
        <v>14</v>
      </c>
    </row>
    <row r="27138" spans="1:43">
      <c r="A27138" t="s">
        <v>16795</v>
      </c>
      <c r="B27138" t="s">
        <v>16796</v>
      </c>
      <c r="C27138" t="s">
        <v>16797</v>
      </c>
      <c r="D27138" t="s">
        <v>16798</v>
      </c>
      <c r="E27138" t="s">
        <v>16695</v>
      </c>
      <c r="F27138" t="s">
        <v>16696</v>
      </c>
      <c r="G27138" t="s">
        <v>16559</v>
      </c>
      <c r="H27138" t="s">
        <v>16560</v>
      </c>
      <c r="I27138" s="2">
        <v>1</v>
      </c>
      <c r="J27138" s="2">
        <v>0</v>
      </c>
      <c r="K27138" s="2">
        <v>0</v>
      </c>
      <c r="L27138" t="s">
        <v>120</v>
      </c>
      <c r="M27138" t="s">
        <v>83</v>
      </c>
      <c r="N27138" t="s">
        <v>84</v>
      </c>
      <c r="O27138" t="s">
        <v>85</v>
      </c>
      <c r="P27138" t="s">
        <v>86</v>
      </c>
      <c r="Q27138">
        <v>12</v>
      </c>
      <c r="R27138">
        <v>12</v>
      </c>
      <c r="S27138">
        <v>12</v>
      </c>
      <c r="T27138">
        <v>12</v>
      </c>
      <c r="U27138">
        <v>12</v>
      </c>
      <c r="V27138">
        <v>12</v>
      </c>
      <c r="W27138">
        <v>12</v>
      </c>
      <c r="X27138">
        <v>12</v>
      </c>
      <c r="Y27138">
        <v>12</v>
      </c>
      <c r="Z27138">
        <v>12</v>
      </c>
      <c r="AA27138">
        <v>12</v>
      </c>
      <c r="AB27138">
        <v>12</v>
      </c>
      <c r="AC27138">
        <v>12</v>
      </c>
      <c r="AD27138">
        <v>12</v>
      </c>
      <c r="AE27138">
        <v>12</v>
      </c>
      <c r="AF27138">
        <v>12</v>
      </c>
      <c r="AG27138">
        <v>12</v>
      </c>
      <c r="AH27138">
        <v>13</v>
      </c>
      <c r="AI27138">
        <v>13</v>
      </c>
      <c r="AJ27138">
        <v>13</v>
      </c>
      <c r="AK27138">
        <v>13</v>
      </c>
      <c r="AL27138">
        <v>13</v>
      </c>
      <c r="AM27138">
        <v>13</v>
      </c>
      <c r="AN27138">
        <v>13</v>
      </c>
      <c r="AO27138">
        <v>13</v>
      </c>
      <c r="AP27138">
        <v>12</v>
      </c>
      <c r="AQ27138">
        <v>12</v>
      </c>
    </row>
    <row r="27139" spans="1:43">
      <c r="A27139" t="s">
        <v>16795</v>
      </c>
      <c r="B27139" t="s">
        <v>16796</v>
      </c>
      <c r="C27139" t="s">
        <v>16797</v>
      </c>
      <c r="D27139" t="s">
        <v>16798</v>
      </c>
      <c r="E27139" t="s">
        <v>16695</v>
      </c>
      <c r="F27139" t="s">
        <v>16696</v>
      </c>
      <c r="G27139" t="s">
        <v>16559</v>
      </c>
      <c r="H27139" t="s">
        <v>16560</v>
      </c>
      <c r="I27139" s="2">
        <v>1</v>
      </c>
      <c r="J27139" s="2">
        <v>0</v>
      </c>
      <c r="K27139" s="2">
        <v>0</v>
      </c>
      <c r="L27139" t="s">
        <v>120</v>
      </c>
      <c r="M27139" t="s">
        <v>87</v>
      </c>
      <c r="N27139" t="s">
        <v>88</v>
      </c>
      <c r="O27139" t="s">
        <v>85</v>
      </c>
      <c r="P27139" t="s">
        <v>86</v>
      </c>
      <c r="Q27139">
        <v>12</v>
      </c>
      <c r="R27139">
        <v>12</v>
      </c>
      <c r="S27139">
        <v>12</v>
      </c>
      <c r="T27139">
        <v>12</v>
      </c>
      <c r="U27139">
        <v>12</v>
      </c>
      <c r="V27139">
        <v>12</v>
      </c>
      <c r="W27139">
        <v>12</v>
      </c>
      <c r="X27139">
        <v>12</v>
      </c>
      <c r="Y27139">
        <v>12</v>
      </c>
      <c r="Z27139">
        <v>12</v>
      </c>
      <c r="AA27139">
        <v>12</v>
      </c>
      <c r="AB27139">
        <v>12</v>
      </c>
      <c r="AC27139">
        <v>12</v>
      </c>
      <c r="AD27139">
        <v>12</v>
      </c>
      <c r="AE27139">
        <v>12</v>
      </c>
      <c r="AF27139">
        <v>12</v>
      </c>
      <c r="AG27139">
        <v>12</v>
      </c>
      <c r="AH27139">
        <v>12</v>
      </c>
      <c r="AI27139">
        <v>12</v>
      </c>
      <c r="AJ27139">
        <v>12</v>
      </c>
      <c r="AK27139">
        <v>12</v>
      </c>
      <c r="AL27139">
        <v>12</v>
      </c>
      <c r="AM27139">
        <v>12</v>
      </c>
      <c r="AN27139">
        <v>12</v>
      </c>
      <c r="AO27139">
        <v>12</v>
      </c>
      <c r="AP27139">
        <v>12</v>
      </c>
      <c r="AQ27139">
        <v>12</v>
      </c>
    </row>
    <row r="27140" spans="1:43">
      <c r="A27140" t="s">
        <v>16795</v>
      </c>
      <c r="B27140" t="s">
        <v>16796</v>
      </c>
      <c r="C27140" t="s">
        <v>16797</v>
      </c>
      <c r="D27140" t="s">
        <v>16798</v>
      </c>
      <c r="E27140" t="s">
        <v>16695</v>
      </c>
      <c r="F27140" t="s">
        <v>16696</v>
      </c>
      <c r="G27140" t="s">
        <v>16559</v>
      </c>
      <c r="H27140" t="s">
        <v>16560</v>
      </c>
      <c r="I27140" s="2">
        <v>1</v>
      </c>
      <c r="J27140" s="2">
        <v>0</v>
      </c>
      <c r="K27140" s="2">
        <v>0</v>
      </c>
      <c r="L27140" t="s">
        <v>120</v>
      </c>
      <c r="M27140" t="s">
        <v>89</v>
      </c>
      <c r="N27140" t="s">
        <v>90</v>
      </c>
      <c r="O27140" t="s">
        <v>85</v>
      </c>
      <c r="P27140" t="s">
        <v>86</v>
      </c>
      <c r="Q27140">
        <v>12</v>
      </c>
      <c r="R27140">
        <v>12</v>
      </c>
      <c r="S27140">
        <v>12</v>
      </c>
      <c r="T27140">
        <v>12</v>
      </c>
      <c r="U27140">
        <v>12</v>
      </c>
      <c r="V27140">
        <v>12</v>
      </c>
      <c r="W27140">
        <v>13</v>
      </c>
      <c r="X27140">
        <v>13</v>
      </c>
      <c r="Y27140">
        <v>13</v>
      </c>
      <c r="Z27140">
        <v>13</v>
      </c>
      <c r="AA27140">
        <v>13</v>
      </c>
      <c r="AB27140">
        <v>13</v>
      </c>
      <c r="AC27140">
        <v>13</v>
      </c>
      <c r="AD27140">
        <v>13</v>
      </c>
      <c r="AE27140">
        <v>13</v>
      </c>
      <c r="AF27140">
        <v>13</v>
      </c>
      <c r="AG27140">
        <v>13</v>
      </c>
      <c r="AH27140">
        <v>13</v>
      </c>
      <c r="AI27140">
        <v>13</v>
      </c>
      <c r="AJ27140">
        <v>13</v>
      </c>
      <c r="AK27140">
        <v>13</v>
      </c>
      <c r="AL27140">
        <v>13</v>
      </c>
      <c r="AM27140">
        <v>13</v>
      </c>
      <c r="AN27140">
        <v>13</v>
      </c>
      <c r="AO27140">
        <v>13</v>
      </c>
      <c r="AP27140">
        <v>13</v>
      </c>
      <c r="AQ27140">
        <v>13</v>
      </c>
    </row>
    <row r="27141" spans="1:43">
      <c r="A27141" t="s">
        <v>16795</v>
      </c>
      <c r="B27141" t="s">
        <v>16796</v>
      </c>
      <c r="C27141" t="s">
        <v>16797</v>
      </c>
      <c r="D27141" t="s">
        <v>16798</v>
      </c>
      <c r="E27141" t="s">
        <v>16695</v>
      </c>
      <c r="F27141" t="s">
        <v>16696</v>
      </c>
      <c r="G27141" t="s">
        <v>16559</v>
      </c>
      <c r="H27141" t="s">
        <v>16560</v>
      </c>
      <c r="I27141" s="2">
        <v>1</v>
      </c>
      <c r="J27141" s="2">
        <v>0</v>
      </c>
      <c r="K27141" s="2">
        <v>0</v>
      </c>
      <c r="L27141" t="s">
        <v>120</v>
      </c>
      <c r="M27141" t="s">
        <v>83</v>
      </c>
      <c r="N27141" t="s">
        <v>91</v>
      </c>
      <c r="O27141" t="s">
        <v>85</v>
      </c>
      <c r="P27141" t="s">
        <v>86</v>
      </c>
      <c r="Q27141">
        <v>12</v>
      </c>
      <c r="R27141">
        <v>12</v>
      </c>
      <c r="S27141">
        <v>12</v>
      </c>
      <c r="T27141">
        <v>12</v>
      </c>
      <c r="U27141">
        <v>12</v>
      </c>
      <c r="V27141">
        <v>12</v>
      </c>
      <c r="W27141">
        <v>12</v>
      </c>
      <c r="X27141">
        <v>12</v>
      </c>
      <c r="Y27141">
        <v>12</v>
      </c>
      <c r="Z27141">
        <v>12</v>
      </c>
      <c r="AA27141">
        <v>12</v>
      </c>
      <c r="AB27141">
        <v>12</v>
      </c>
      <c r="AC27141">
        <v>12</v>
      </c>
      <c r="AD27141">
        <v>12</v>
      </c>
      <c r="AE27141">
        <v>12</v>
      </c>
      <c r="AF27141">
        <v>12</v>
      </c>
      <c r="AG27141">
        <v>12</v>
      </c>
      <c r="AH27141">
        <v>13</v>
      </c>
      <c r="AI27141">
        <v>13</v>
      </c>
      <c r="AJ27141">
        <v>13</v>
      </c>
      <c r="AK27141">
        <v>13</v>
      </c>
      <c r="AL27141">
        <v>13</v>
      </c>
      <c r="AM27141">
        <v>13</v>
      </c>
      <c r="AN27141">
        <v>13</v>
      </c>
      <c r="AO27141">
        <v>13</v>
      </c>
      <c r="AP27141">
        <v>12</v>
      </c>
      <c r="AQ27141">
        <v>12</v>
      </c>
    </row>
    <row r="27142" spans="1:43">
      <c r="A27142" t="s">
        <v>16799</v>
      </c>
      <c r="B27142" t="s">
        <v>16800</v>
      </c>
      <c r="C27142" t="s">
        <v>16797</v>
      </c>
      <c r="D27142" t="s">
        <v>16798</v>
      </c>
      <c r="E27142" t="s">
        <v>16695</v>
      </c>
      <c r="F27142" t="s">
        <v>16696</v>
      </c>
      <c r="G27142" t="s">
        <v>16559</v>
      </c>
      <c r="H27142" t="s">
        <v>16560</v>
      </c>
      <c r="I27142" s="2">
        <v>1</v>
      </c>
      <c r="J27142" s="2">
        <v>0</v>
      </c>
      <c r="K27142" s="2">
        <v>0</v>
      </c>
      <c r="L27142" t="s">
        <v>120</v>
      </c>
      <c r="M27142" t="s">
        <v>83</v>
      </c>
      <c r="N27142" t="s">
        <v>84</v>
      </c>
      <c r="O27142" t="s">
        <v>85</v>
      </c>
      <c r="P27142" t="s">
        <v>86</v>
      </c>
      <c r="Q27142">
        <v>8</v>
      </c>
      <c r="R27142">
        <v>8</v>
      </c>
      <c r="S27142">
        <v>8</v>
      </c>
      <c r="T27142">
        <v>8</v>
      </c>
      <c r="U27142">
        <v>8</v>
      </c>
      <c r="V27142">
        <v>8</v>
      </c>
      <c r="W27142">
        <v>8</v>
      </c>
      <c r="X27142">
        <v>8</v>
      </c>
      <c r="Y27142">
        <v>8</v>
      </c>
      <c r="Z27142">
        <v>8</v>
      </c>
      <c r="AA27142">
        <v>8</v>
      </c>
      <c r="AB27142">
        <v>8</v>
      </c>
      <c r="AC27142">
        <v>8</v>
      </c>
      <c r="AD27142">
        <v>9</v>
      </c>
      <c r="AE27142">
        <v>9</v>
      </c>
      <c r="AF27142">
        <v>9</v>
      </c>
      <c r="AG27142">
        <v>9</v>
      </c>
      <c r="AH27142">
        <v>9</v>
      </c>
      <c r="AI27142">
        <v>9</v>
      </c>
      <c r="AJ27142">
        <v>9</v>
      </c>
      <c r="AK27142">
        <v>9</v>
      </c>
      <c r="AL27142">
        <v>9</v>
      </c>
      <c r="AM27142">
        <v>9</v>
      </c>
      <c r="AN27142">
        <v>9</v>
      </c>
      <c r="AO27142">
        <v>9</v>
      </c>
      <c r="AP27142">
        <v>9</v>
      </c>
      <c r="AQ27142">
        <v>9</v>
      </c>
    </row>
    <row r="27143" spans="1:43">
      <c r="A27143" t="s">
        <v>16799</v>
      </c>
      <c r="B27143" t="s">
        <v>16800</v>
      </c>
      <c r="C27143" t="s">
        <v>16797</v>
      </c>
      <c r="D27143" t="s">
        <v>16798</v>
      </c>
      <c r="E27143" t="s">
        <v>16695</v>
      </c>
      <c r="F27143" t="s">
        <v>16696</v>
      </c>
      <c r="G27143" t="s">
        <v>16559</v>
      </c>
      <c r="H27143" t="s">
        <v>16560</v>
      </c>
      <c r="I27143" s="2">
        <v>1</v>
      </c>
      <c r="J27143" s="2">
        <v>0</v>
      </c>
      <c r="K27143" s="2">
        <v>0</v>
      </c>
      <c r="L27143" t="s">
        <v>120</v>
      </c>
      <c r="M27143" t="s">
        <v>87</v>
      </c>
      <c r="N27143" t="s">
        <v>88</v>
      </c>
      <c r="O27143" t="s">
        <v>85</v>
      </c>
      <c r="P27143" t="s">
        <v>86</v>
      </c>
      <c r="Q27143">
        <v>8</v>
      </c>
      <c r="R27143">
        <v>8</v>
      </c>
      <c r="S27143">
        <v>8</v>
      </c>
      <c r="T27143">
        <v>8</v>
      </c>
      <c r="U27143">
        <v>8</v>
      </c>
      <c r="V27143">
        <v>8</v>
      </c>
      <c r="W27143">
        <v>8</v>
      </c>
      <c r="X27143">
        <v>8</v>
      </c>
      <c r="Y27143">
        <v>8</v>
      </c>
      <c r="Z27143">
        <v>8</v>
      </c>
      <c r="AA27143">
        <v>8</v>
      </c>
      <c r="AB27143">
        <v>8</v>
      </c>
      <c r="AC27143">
        <v>8</v>
      </c>
      <c r="AD27143">
        <v>8</v>
      </c>
      <c r="AE27143">
        <v>8</v>
      </c>
      <c r="AF27143">
        <v>8</v>
      </c>
      <c r="AG27143">
        <v>8</v>
      </c>
      <c r="AH27143">
        <v>8</v>
      </c>
      <c r="AI27143">
        <v>8</v>
      </c>
      <c r="AJ27143">
        <v>8</v>
      </c>
      <c r="AK27143">
        <v>7</v>
      </c>
      <c r="AL27143">
        <v>7</v>
      </c>
      <c r="AM27143">
        <v>7</v>
      </c>
      <c r="AN27143">
        <v>7</v>
      </c>
      <c r="AO27143">
        <v>7</v>
      </c>
      <c r="AP27143">
        <v>7</v>
      </c>
      <c r="AQ27143">
        <v>7</v>
      </c>
    </row>
    <row r="27144" spans="1:43">
      <c r="A27144" t="s">
        <v>16799</v>
      </c>
      <c r="B27144" t="s">
        <v>16800</v>
      </c>
      <c r="C27144" t="s">
        <v>16797</v>
      </c>
      <c r="D27144" t="s">
        <v>16798</v>
      </c>
      <c r="E27144" t="s">
        <v>16695</v>
      </c>
      <c r="F27144" t="s">
        <v>16696</v>
      </c>
      <c r="G27144" t="s">
        <v>16559</v>
      </c>
      <c r="H27144" t="s">
        <v>16560</v>
      </c>
      <c r="I27144" s="2">
        <v>1</v>
      </c>
      <c r="J27144" s="2">
        <v>0</v>
      </c>
      <c r="K27144" s="2">
        <v>0</v>
      </c>
      <c r="L27144" t="s">
        <v>120</v>
      </c>
      <c r="M27144" t="s">
        <v>89</v>
      </c>
      <c r="N27144" t="s">
        <v>90</v>
      </c>
      <c r="O27144" t="s">
        <v>85</v>
      </c>
      <c r="P27144" t="s">
        <v>86</v>
      </c>
      <c r="Q27144">
        <v>8</v>
      </c>
      <c r="R27144">
        <v>8</v>
      </c>
      <c r="S27144">
        <v>8</v>
      </c>
      <c r="T27144">
        <v>8</v>
      </c>
      <c r="U27144">
        <v>9</v>
      </c>
      <c r="V27144">
        <v>9</v>
      </c>
      <c r="W27144">
        <v>9</v>
      </c>
      <c r="X27144">
        <v>9</v>
      </c>
      <c r="Y27144">
        <v>9</v>
      </c>
      <c r="Z27144">
        <v>9</v>
      </c>
      <c r="AA27144">
        <v>9</v>
      </c>
      <c r="AB27144">
        <v>9</v>
      </c>
      <c r="AC27144">
        <v>9</v>
      </c>
      <c r="AD27144">
        <v>9</v>
      </c>
      <c r="AE27144">
        <v>9</v>
      </c>
      <c r="AF27144">
        <v>9</v>
      </c>
      <c r="AG27144">
        <v>9</v>
      </c>
      <c r="AH27144">
        <v>9</v>
      </c>
      <c r="AI27144">
        <v>9</v>
      </c>
      <c r="AJ27144">
        <v>9</v>
      </c>
      <c r="AK27144">
        <v>9</v>
      </c>
      <c r="AL27144">
        <v>9</v>
      </c>
      <c r="AM27144">
        <v>9</v>
      </c>
      <c r="AN27144">
        <v>9</v>
      </c>
      <c r="AO27144">
        <v>9</v>
      </c>
      <c r="AP27144">
        <v>9</v>
      </c>
      <c r="AQ27144">
        <v>9</v>
      </c>
    </row>
    <row r="27145" spans="1:43">
      <c r="A27145" t="s">
        <v>16799</v>
      </c>
      <c r="B27145" t="s">
        <v>16800</v>
      </c>
      <c r="C27145" t="s">
        <v>16797</v>
      </c>
      <c r="D27145" t="s">
        <v>16798</v>
      </c>
      <c r="E27145" t="s">
        <v>16695</v>
      </c>
      <c r="F27145" t="s">
        <v>16696</v>
      </c>
      <c r="G27145" t="s">
        <v>16559</v>
      </c>
      <c r="H27145" t="s">
        <v>16560</v>
      </c>
      <c r="I27145" s="2">
        <v>1</v>
      </c>
      <c r="J27145" s="2">
        <v>0</v>
      </c>
      <c r="K27145" s="2">
        <v>0</v>
      </c>
      <c r="L27145" t="s">
        <v>120</v>
      </c>
      <c r="M27145" t="s">
        <v>83</v>
      </c>
      <c r="N27145" t="s">
        <v>91</v>
      </c>
      <c r="O27145" t="s">
        <v>85</v>
      </c>
      <c r="P27145" t="s">
        <v>86</v>
      </c>
      <c r="Q27145">
        <v>8</v>
      </c>
      <c r="R27145">
        <v>8</v>
      </c>
      <c r="S27145">
        <v>8</v>
      </c>
      <c r="T27145">
        <v>8</v>
      </c>
      <c r="U27145">
        <v>8</v>
      </c>
      <c r="V27145">
        <v>8</v>
      </c>
      <c r="W27145">
        <v>8</v>
      </c>
      <c r="X27145">
        <v>8</v>
      </c>
      <c r="Y27145">
        <v>8</v>
      </c>
      <c r="Z27145">
        <v>8</v>
      </c>
      <c r="AA27145">
        <v>8</v>
      </c>
      <c r="AB27145">
        <v>8</v>
      </c>
      <c r="AC27145">
        <v>8</v>
      </c>
      <c r="AD27145">
        <v>9</v>
      </c>
      <c r="AE27145">
        <v>9</v>
      </c>
      <c r="AF27145">
        <v>9</v>
      </c>
      <c r="AG27145">
        <v>9</v>
      </c>
      <c r="AH27145">
        <v>9</v>
      </c>
      <c r="AI27145">
        <v>9</v>
      </c>
      <c r="AJ27145">
        <v>9</v>
      </c>
      <c r="AK27145">
        <v>9</v>
      </c>
      <c r="AL27145">
        <v>9</v>
      </c>
      <c r="AM27145">
        <v>9</v>
      </c>
      <c r="AN27145">
        <v>9</v>
      </c>
      <c r="AO27145">
        <v>9</v>
      </c>
      <c r="AP27145">
        <v>9</v>
      </c>
      <c r="AQ27145">
        <v>9</v>
      </c>
    </row>
    <row r="27146" spans="1:43">
      <c r="A27146" t="s">
        <v>16801</v>
      </c>
      <c r="B27146" t="s">
        <v>16802</v>
      </c>
      <c r="C27146" t="s">
        <v>16797</v>
      </c>
      <c r="D27146" t="s">
        <v>16798</v>
      </c>
      <c r="E27146" t="s">
        <v>16695</v>
      </c>
      <c r="F27146" t="s">
        <v>16696</v>
      </c>
      <c r="G27146" t="s">
        <v>16559</v>
      </c>
      <c r="H27146" t="s">
        <v>16560</v>
      </c>
      <c r="I27146" s="2">
        <v>1</v>
      </c>
      <c r="J27146" s="2">
        <v>0</v>
      </c>
      <c r="K27146" s="2">
        <v>0</v>
      </c>
      <c r="L27146" t="s">
        <v>120</v>
      </c>
      <c r="M27146" t="s">
        <v>83</v>
      </c>
      <c r="N27146" t="s">
        <v>84</v>
      </c>
      <c r="O27146" t="s">
        <v>85</v>
      </c>
      <c r="P27146" t="s">
        <v>86</v>
      </c>
      <c r="Q27146">
        <v>26</v>
      </c>
      <c r="R27146">
        <v>26</v>
      </c>
      <c r="S27146">
        <v>26</v>
      </c>
      <c r="T27146">
        <v>26</v>
      </c>
      <c r="U27146">
        <v>26</v>
      </c>
      <c r="V27146">
        <v>26</v>
      </c>
      <c r="W27146">
        <v>27</v>
      </c>
      <c r="X27146">
        <v>27</v>
      </c>
      <c r="Y27146">
        <v>27</v>
      </c>
      <c r="Z27146">
        <v>27</v>
      </c>
      <c r="AA27146">
        <v>27</v>
      </c>
      <c r="AB27146">
        <v>27</v>
      </c>
      <c r="AC27146">
        <v>27</v>
      </c>
      <c r="AD27146">
        <v>27</v>
      </c>
      <c r="AE27146">
        <v>28</v>
      </c>
      <c r="AF27146">
        <v>28</v>
      </c>
      <c r="AG27146">
        <v>28</v>
      </c>
      <c r="AH27146">
        <v>28</v>
      </c>
      <c r="AI27146">
        <v>28</v>
      </c>
      <c r="AJ27146">
        <v>28</v>
      </c>
      <c r="AK27146">
        <v>28</v>
      </c>
      <c r="AL27146">
        <v>28</v>
      </c>
      <c r="AM27146">
        <v>28</v>
      </c>
      <c r="AN27146">
        <v>28</v>
      </c>
      <c r="AO27146">
        <v>28</v>
      </c>
      <c r="AP27146">
        <v>28</v>
      </c>
      <c r="AQ27146">
        <v>28</v>
      </c>
    </row>
    <row r="27147" spans="1:43">
      <c r="A27147" t="s">
        <v>16801</v>
      </c>
      <c r="B27147" t="s">
        <v>16802</v>
      </c>
      <c r="C27147" t="s">
        <v>16797</v>
      </c>
      <c r="D27147" t="s">
        <v>16798</v>
      </c>
      <c r="E27147" t="s">
        <v>16695</v>
      </c>
      <c r="F27147" t="s">
        <v>16696</v>
      </c>
      <c r="G27147" t="s">
        <v>16559</v>
      </c>
      <c r="H27147" t="s">
        <v>16560</v>
      </c>
      <c r="I27147" s="2">
        <v>1</v>
      </c>
      <c r="J27147" s="2">
        <v>0</v>
      </c>
      <c r="K27147" s="2">
        <v>0</v>
      </c>
      <c r="L27147" t="s">
        <v>120</v>
      </c>
      <c r="M27147" t="s">
        <v>87</v>
      </c>
      <c r="N27147" t="s">
        <v>88</v>
      </c>
      <c r="O27147" t="s">
        <v>85</v>
      </c>
      <c r="P27147" t="s">
        <v>86</v>
      </c>
      <c r="Q27147">
        <v>26</v>
      </c>
      <c r="R27147">
        <v>26</v>
      </c>
      <c r="S27147">
        <v>26</v>
      </c>
      <c r="T27147">
        <v>26</v>
      </c>
      <c r="U27147">
        <v>26</v>
      </c>
      <c r="V27147">
        <v>26</v>
      </c>
      <c r="W27147">
        <v>26</v>
      </c>
      <c r="X27147">
        <v>26</v>
      </c>
      <c r="Y27147">
        <v>26</v>
      </c>
      <c r="Z27147">
        <v>26</v>
      </c>
      <c r="AA27147">
        <v>26</v>
      </c>
      <c r="AB27147">
        <v>26</v>
      </c>
      <c r="AC27147">
        <v>26</v>
      </c>
      <c r="AD27147">
        <v>25</v>
      </c>
      <c r="AE27147">
        <v>25</v>
      </c>
      <c r="AF27147">
        <v>25</v>
      </c>
      <c r="AG27147">
        <v>25</v>
      </c>
      <c r="AH27147">
        <v>25</v>
      </c>
      <c r="AI27147">
        <v>25</v>
      </c>
      <c r="AJ27147">
        <v>25</v>
      </c>
      <c r="AK27147">
        <v>25</v>
      </c>
      <c r="AL27147">
        <v>25</v>
      </c>
      <c r="AM27147">
        <v>25</v>
      </c>
      <c r="AN27147">
        <v>25</v>
      </c>
      <c r="AO27147">
        <v>25</v>
      </c>
      <c r="AP27147">
        <v>25</v>
      </c>
      <c r="AQ27147">
        <v>25</v>
      </c>
    </row>
    <row r="27148" spans="1:43">
      <c r="A27148" t="s">
        <v>16801</v>
      </c>
      <c r="B27148" t="s">
        <v>16802</v>
      </c>
      <c r="C27148" t="s">
        <v>16797</v>
      </c>
      <c r="D27148" t="s">
        <v>16798</v>
      </c>
      <c r="E27148" t="s">
        <v>16695</v>
      </c>
      <c r="F27148" t="s">
        <v>16696</v>
      </c>
      <c r="G27148" t="s">
        <v>16559</v>
      </c>
      <c r="H27148" t="s">
        <v>16560</v>
      </c>
      <c r="I27148" s="2">
        <v>1</v>
      </c>
      <c r="J27148" s="2">
        <v>0</v>
      </c>
      <c r="K27148" s="2">
        <v>0</v>
      </c>
      <c r="L27148" t="s">
        <v>120</v>
      </c>
      <c r="M27148" t="s">
        <v>89</v>
      </c>
      <c r="N27148" t="s">
        <v>90</v>
      </c>
      <c r="O27148" t="s">
        <v>85</v>
      </c>
      <c r="P27148" t="s">
        <v>86</v>
      </c>
      <c r="Q27148">
        <v>26</v>
      </c>
      <c r="R27148">
        <v>26</v>
      </c>
      <c r="S27148">
        <v>27</v>
      </c>
      <c r="T27148">
        <v>27</v>
      </c>
      <c r="U27148">
        <v>27</v>
      </c>
      <c r="V27148">
        <v>28</v>
      </c>
      <c r="W27148">
        <v>28</v>
      </c>
      <c r="X27148">
        <v>28</v>
      </c>
      <c r="Y27148">
        <v>28</v>
      </c>
      <c r="Z27148">
        <v>29</v>
      </c>
      <c r="AA27148">
        <v>29</v>
      </c>
      <c r="AB27148">
        <v>29</v>
      </c>
      <c r="AC27148">
        <v>29</v>
      </c>
      <c r="AD27148">
        <v>29</v>
      </c>
      <c r="AE27148">
        <v>29</v>
      </c>
      <c r="AF27148">
        <v>29</v>
      </c>
      <c r="AG27148">
        <v>29</v>
      </c>
      <c r="AH27148">
        <v>29</v>
      </c>
      <c r="AI27148">
        <v>29</v>
      </c>
      <c r="AJ27148">
        <v>29</v>
      </c>
      <c r="AK27148">
        <v>29</v>
      </c>
      <c r="AL27148">
        <v>28</v>
      </c>
      <c r="AM27148">
        <v>28</v>
      </c>
      <c r="AN27148">
        <v>28</v>
      </c>
      <c r="AO27148">
        <v>28</v>
      </c>
      <c r="AP27148">
        <v>28</v>
      </c>
      <c r="AQ27148">
        <v>28</v>
      </c>
    </row>
    <row r="27149" spans="1:43">
      <c r="A27149" t="s">
        <v>16801</v>
      </c>
      <c r="B27149" t="s">
        <v>16802</v>
      </c>
      <c r="C27149" t="s">
        <v>16797</v>
      </c>
      <c r="D27149" t="s">
        <v>16798</v>
      </c>
      <c r="E27149" t="s">
        <v>16695</v>
      </c>
      <c r="F27149" t="s">
        <v>16696</v>
      </c>
      <c r="G27149" t="s">
        <v>16559</v>
      </c>
      <c r="H27149" t="s">
        <v>16560</v>
      </c>
      <c r="I27149" s="2">
        <v>1</v>
      </c>
      <c r="J27149" s="2">
        <v>0</v>
      </c>
      <c r="K27149" s="2">
        <v>0</v>
      </c>
      <c r="L27149" t="s">
        <v>120</v>
      </c>
      <c r="M27149" t="s">
        <v>83</v>
      </c>
      <c r="N27149" t="s">
        <v>91</v>
      </c>
      <c r="O27149" t="s">
        <v>85</v>
      </c>
      <c r="P27149" t="s">
        <v>86</v>
      </c>
      <c r="Q27149">
        <v>26</v>
      </c>
      <c r="R27149">
        <v>26</v>
      </c>
      <c r="S27149">
        <v>26</v>
      </c>
      <c r="T27149">
        <v>26</v>
      </c>
      <c r="U27149">
        <v>26</v>
      </c>
      <c r="V27149">
        <v>26</v>
      </c>
      <c r="W27149">
        <v>27</v>
      </c>
      <c r="X27149">
        <v>27</v>
      </c>
      <c r="Y27149">
        <v>27</v>
      </c>
      <c r="Z27149">
        <v>27</v>
      </c>
      <c r="AA27149">
        <v>27</v>
      </c>
      <c r="AB27149">
        <v>27</v>
      </c>
      <c r="AC27149">
        <v>27</v>
      </c>
      <c r="AD27149">
        <v>27</v>
      </c>
      <c r="AE27149">
        <v>28</v>
      </c>
      <c r="AF27149">
        <v>28</v>
      </c>
      <c r="AG27149">
        <v>28</v>
      </c>
      <c r="AH27149">
        <v>28</v>
      </c>
      <c r="AI27149">
        <v>28</v>
      </c>
      <c r="AJ27149">
        <v>28</v>
      </c>
      <c r="AK27149">
        <v>28</v>
      </c>
      <c r="AL27149">
        <v>28</v>
      </c>
      <c r="AM27149">
        <v>28</v>
      </c>
      <c r="AN27149">
        <v>28</v>
      </c>
      <c r="AO27149">
        <v>28</v>
      </c>
      <c r="AP27149">
        <v>28</v>
      </c>
      <c r="AQ27149">
        <v>28</v>
      </c>
    </row>
    <row r="27150" spans="1:43">
      <c r="A27150" t="s">
        <v>16803</v>
      </c>
      <c r="B27150" t="s">
        <v>16804</v>
      </c>
      <c r="C27150" t="s">
        <v>16797</v>
      </c>
      <c r="D27150" t="s">
        <v>16798</v>
      </c>
      <c r="E27150" t="s">
        <v>16695</v>
      </c>
      <c r="F27150" t="s">
        <v>16696</v>
      </c>
      <c r="G27150" t="s">
        <v>16559</v>
      </c>
      <c r="H27150" t="s">
        <v>16560</v>
      </c>
      <c r="I27150" s="2">
        <v>1</v>
      </c>
      <c r="J27150" s="2">
        <v>0</v>
      </c>
      <c r="K27150" s="2">
        <v>0</v>
      </c>
      <c r="L27150" t="s">
        <v>120</v>
      </c>
      <c r="M27150" t="s">
        <v>83</v>
      </c>
      <c r="N27150" t="s">
        <v>84</v>
      </c>
      <c r="O27150" t="s">
        <v>85</v>
      </c>
      <c r="P27150" t="s">
        <v>86</v>
      </c>
      <c r="Q27150">
        <v>14</v>
      </c>
      <c r="R27150">
        <v>14</v>
      </c>
      <c r="S27150">
        <v>14</v>
      </c>
      <c r="T27150">
        <v>14</v>
      </c>
      <c r="U27150">
        <v>14</v>
      </c>
      <c r="V27150">
        <v>14</v>
      </c>
      <c r="W27150">
        <v>14</v>
      </c>
      <c r="X27150">
        <v>15</v>
      </c>
      <c r="Y27150">
        <v>15</v>
      </c>
      <c r="Z27150">
        <v>15</v>
      </c>
      <c r="AA27150">
        <v>15</v>
      </c>
      <c r="AB27150">
        <v>15</v>
      </c>
      <c r="AC27150">
        <v>15</v>
      </c>
      <c r="AD27150">
        <v>15</v>
      </c>
      <c r="AE27150">
        <v>15</v>
      </c>
      <c r="AF27150">
        <v>15</v>
      </c>
      <c r="AG27150">
        <v>15</v>
      </c>
      <c r="AH27150">
        <v>15</v>
      </c>
      <c r="AI27150">
        <v>15</v>
      </c>
      <c r="AJ27150">
        <v>15</v>
      </c>
      <c r="AK27150">
        <v>15</v>
      </c>
      <c r="AL27150">
        <v>15</v>
      </c>
      <c r="AM27150">
        <v>15</v>
      </c>
      <c r="AN27150">
        <v>15</v>
      </c>
      <c r="AO27150">
        <v>15</v>
      </c>
      <c r="AP27150">
        <v>15</v>
      </c>
      <c r="AQ27150">
        <v>15</v>
      </c>
    </row>
    <row r="27151" spans="1:43">
      <c r="A27151" t="s">
        <v>16803</v>
      </c>
      <c r="B27151" t="s">
        <v>16804</v>
      </c>
      <c r="C27151" t="s">
        <v>16797</v>
      </c>
      <c r="D27151" t="s">
        <v>16798</v>
      </c>
      <c r="E27151" t="s">
        <v>16695</v>
      </c>
      <c r="F27151" t="s">
        <v>16696</v>
      </c>
      <c r="G27151" t="s">
        <v>16559</v>
      </c>
      <c r="H27151" t="s">
        <v>16560</v>
      </c>
      <c r="I27151" s="2">
        <v>1</v>
      </c>
      <c r="J27151" s="2">
        <v>0</v>
      </c>
      <c r="K27151" s="2">
        <v>0</v>
      </c>
      <c r="L27151" t="s">
        <v>120</v>
      </c>
      <c r="M27151" t="s">
        <v>87</v>
      </c>
      <c r="N27151" t="s">
        <v>88</v>
      </c>
      <c r="O27151" t="s">
        <v>85</v>
      </c>
      <c r="P27151" t="s">
        <v>86</v>
      </c>
      <c r="Q27151">
        <v>14</v>
      </c>
      <c r="R27151">
        <v>14</v>
      </c>
      <c r="S27151">
        <v>14</v>
      </c>
      <c r="T27151">
        <v>14</v>
      </c>
      <c r="U27151">
        <v>14</v>
      </c>
      <c r="V27151">
        <v>14</v>
      </c>
      <c r="W27151">
        <v>14</v>
      </c>
      <c r="X27151">
        <v>14</v>
      </c>
      <c r="Y27151">
        <v>14</v>
      </c>
      <c r="Z27151">
        <v>13</v>
      </c>
      <c r="AA27151">
        <v>13</v>
      </c>
      <c r="AB27151">
        <v>13</v>
      </c>
      <c r="AC27151">
        <v>13</v>
      </c>
      <c r="AD27151">
        <v>13</v>
      </c>
      <c r="AE27151">
        <v>13</v>
      </c>
      <c r="AF27151">
        <v>13</v>
      </c>
      <c r="AG27151">
        <v>13</v>
      </c>
      <c r="AH27151">
        <v>13</v>
      </c>
      <c r="AI27151">
        <v>13</v>
      </c>
      <c r="AJ27151">
        <v>13</v>
      </c>
      <c r="AK27151">
        <v>13</v>
      </c>
      <c r="AL27151">
        <v>13</v>
      </c>
      <c r="AM27151">
        <v>13</v>
      </c>
      <c r="AN27151">
        <v>13</v>
      </c>
      <c r="AO27151">
        <v>13</v>
      </c>
      <c r="AP27151">
        <v>13</v>
      </c>
      <c r="AQ27151">
        <v>13</v>
      </c>
    </row>
    <row r="27152" spans="1:43">
      <c r="A27152" t="s">
        <v>16803</v>
      </c>
      <c r="B27152" t="s">
        <v>16804</v>
      </c>
      <c r="C27152" t="s">
        <v>16797</v>
      </c>
      <c r="D27152" t="s">
        <v>16798</v>
      </c>
      <c r="E27152" t="s">
        <v>16695</v>
      </c>
      <c r="F27152" t="s">
        <v>16696</v>
      </c>
      <c r="G27152" t="s">
        <v>16559</v>
      </c>
      <c r="H27152" t="s">
        <v>16560</v>
      </c>
      <c r="I27152" s="2">
        <v>1</v>
      </c>
      <c r="J27152" s="2">
        <v>0</v>
      </c>
      <c r="K27152" s="2">
        <v>0</v>
      </c>
      <c r="L27152" t="s">
        <v>120</v>
      </c>
      <c r="M27152" t="s">
        <v>89</v>
      </c>
      <c r="N27152" t="s">
        <v>90</v>
      </c>
      <c r="O27152" t="s">
        <v>85</v>
      </c>
      <c r="P27152" t="s">
        <v>86</v>
      </c>
      <c r="Q27152">
        <v>14</v>
      </c>
      <c r="R27152">
        <v>14</v>
      </c>
      <c r="S27152">
        <v>14</v>
      </c>
      <c r="T27152">
        <v>15</v>
      </c>
      <c r="U27152">
        <v>15</v>
      </c>
      <c r="V27152">
        <v>15</v>
      </c>
      <c r="W27152">
        <v>15</v>
      </c>
      <c r="X27152">
        <v>15</v>
      </c>
      <c r="Y27152">
        <v>15</v>
      </c>
      <c r="Z27152">
        <v>16</v>
      </c>
      <c r="AA27152">
        <v>16</v>
      </c>
      <c r="AB27152">
        <v>16</v>
      </c>
      <c r="AC27152">
        <v>16</v>
      </c>
      <c r="AD27152">
        <v>16</v>
      </c>
      <c r="AE27152">
        <v>16</v>
      </c>
      <c r="AF27152">
        <v>16</v>
      </c>
      <c r="AG27152">
        <v>16</v>
      </c>
      <c r="AH27152">
        <v>16</v>
      </c>
      <c r="AI27152">
        <v>16</v>
      </c>
      <c r="AJ27152">
        <v>16</v>
      </c>
      <c r="AK27152">
        <v>16</v>
      </c>
      <c r="AL27152">
        <v>15</v>
      </c>
      <c r="AM27152">
        <v>15</v>
      </c>
      <c r="AN27152">
        <v>15</v>
      </c>
      <c r="AO27152">
        <v>15</v>
      </c>
      <c r="AP27152">
        <v>15</v>
      </c>
      <c r="AQ27152">
        <v>15</v>
      </c>
    </row>
    <row r="27153" spans="1:43">
      <c r="A27153" t="s">
        <v>16803</v>
      </c>
      <c r="B27153" t="s">
        <v>16804</v>
      </c>
      <c r="C27153" t="s">
        <v>16797</v>
      </c>
      <c r="D27153" t="s">
        <v>16798</v>
      </c>
      <c r="E27153" t="s">
        <v>16695</v>
      </c>
      <c r="F27153" t="s">
        <v>16696</v>
      </c>
      <c r="G27153" t="s">
        <v>16559</v>
      </c>
      <c r="H27153" t="s">
        <v>16560</v>
      </c>
      <c r="I27153" s="2">
        <v>1</v>
      </c>
      <c r="J27153" s="2">
        <v>0</v>
      </c>
      <c r="K27153" s="2">
        <v>0</v>
      </c>
      <c r="L27153" t="s">
        <v>120</v>
      </c>
      <c r="M27153" t="s">
        <v>83</v>
      </c>
      <c r="N27153" t="s">
        <v>91</v>
      </c>
      <c r="O27153" t="s">
        <v>85</v>
      </c>
      <c r="P27153" t="s">
        <v>86</v>
      </c>
      <c r="Q27153">
        <v>14</v>
      </c>
      <c r="R27153">
        <v>14</v>
      </c>
      <c r="S27153">
        <v>14</v>
      </c>
      <c r="T27153">
        <v>14</v>
      </c>
      <c r="U27153">
        <v>14</v>
      </c>
      <c r="V27153">
        <v>14</v>
      </c>
      <c r="W27153">
        <v>14</v>
      </c>
      <c r="X27153">
        <v>15</v>
      </c>
      <c r="Y27153">
        <v>15</v>
      </c>
      <c r="Z27153">
        <v>15</v>
      </c>
      <c r="AA27153">
        <v>15</v>
      </c>
      <c r="AB27153">
        <v>15</v>
      </c>
      <c r="AC27153">
        <v>15</v>
      </c>
      <c r="AD27153">
        <v>15</v>
      </c>
      <c r="AE27153">
        <v>15</v>
      </c>
      <c r="AF27153">
        <v>15</v>
      </c>
      <c r="AG27153">
        <v>15</v>
      </c>
      <c r="AH27153">
        <v>15</v>
      </c>
      <c r="AI27153">
        <v>15</v>
      </c>
      <c r="AJ27153">
        <v>15</v>
      </c>
      <c r="AK27153">
        <v>15</v>
      </c>
      <c r="AL27153">
        <v>15</v>
      </c>
      <c r="AM27153">
        <v>15</v>
      </c>
      <c r="AN27153">
        <v>15</v>
      </c>
      <c r="AO27153">
        <v>15</v>
      </c>
      <c r="AP27153">
        <v>15</v>
      </c>
      <c r="AQ27153">
        <v>15</v>
      </c>
    </row>
    <row r="27154" spans="1:43">
      <c r="A27154" t="s">
        <v>16805</v>
      </c>
      <c r="B27154" t="s">
        <v>16806</v>
      </c>
      <c r="C27154" t="s">
        <v>16807</v>
      </c>
      <c r="D27154" t="s">
        <v>16808</v>
      </c>
      <c r="E27154" t="s">
        <v>16695</v>
      </c>
      <c r="F27154" t="s">
        <v>16696</v>
      </c>
      <c r="G27154" t="s">
        <v>16559</v>
      </c>
      <c r="H27154" t="s">
        <v>16560</v>
      </c>
      <c r="I27154" s="2">
        <v>1</v>
      </c>
      <c r="J27154" s="2">
        <v>0</v>
      </c>
      <c r="K27154" s="2">
        <v>0</v>
      </c>
      <c r="L27154" t="s">
        <v>120</v>
      </c>
      <c r="M27154" t="s">
        <v>83</v>
      </c>
      <c r="N27154" t="s">
        <v>84</v>
      </c>
      <c r="O27154" t="s">
        <v>85</v>
      </c>
      <c r="P27154" t="s">
        <v>86</v>
      </c>
      <c r="Q27154">
        <v>40</v>
      </c>
      <c r="R27154">
        <v>40</v>
      </c>
      <c r="S27154">
        <v>41</v>
      </c>
      <c r="T27154">
        <v>41</v>
      </c>
      <c r="U27154">
        <v>41</v>
      </c>
      <c r="V27154">
        <v>42</v>
      </c>
      <c r="W27154">
        <v>42</v>
      </c>
      <c r="X27154">
        <v>42</v>
      </c>
      <c r="Y27154">
        <v>42</v>
      </c>
      <c r="Z27154">
        <v>42</v>
      </c>
      <c r="AA27154">
        <v>42</v>
      </c>
      <c r="AB27154">
        <v>43</v>
      </c>
      <c r="AC27154">
        <v>43</v>
      </c>
      <c r="AD27154">
        <v>43</v>
      </c>
      <c r="AE27154">
        <v>43</v>
      </c>
      <c r="AF27154">
        <v>43</v>
      </c>
      <c r="AG27154">
        <v>43</v>
      </c>
      <c r="AH27154">
        <v>44</v>
      </c>
      <c r="AI27154">
        <v>44</v>
      </c>
      <c r="AJ27154">
        <v>44</v>
      </c>
      <c r="AK27154">
        <v>44</v>
      </c>
      <c r="AL27154">
        <v>44</v>
      </c>
      <c r="AM27154">
        <v>44</v>
      </c>
      <c r="AN27154">
        <v>44</v>
      </c>
      <c r="AO27154">
        <v>43</v>
      </c>
      <c r="AP27154">
        <v>43</v>
      </c>
      <c r="AQ27154">
        <v>43</v>
      </c>
    </row>
    <row r="27155" spans="1:43">
      <c r="A27155" t="s">
        <v>16805</v>
      </c>
      <c r="B27155" t="s">
        <v>16806</v>
      </c>
      <c r="C27155" t="s">
        <v>16807</v>
      </c>
      <c r="D27155" t="s">
        <v>16808</v>
      </c>
      <c r="E27155" t="s">
        <v>16695</v>
      </c>
      <c r="F27155" t="s">
        <v>16696</v>
      </c>
      <c r="G27155" t="s">
        <v>16559</v>
      </c>
      <c r="H27155" t="s">
        <v>16560</v>
      </c>
      <c r="I27155" s="2">
        <v>1</v>
      </c>
      <c r="J27155" s="2">
        <v>0</v>
      </c>
      <c r="K27155" s="2">
        <v>0</v>
      </c>
      <c r="L27155" t="s">
        <v>120</v>
      </c>
      <c r="M27155" t="s">
        <v>87</v>
      </c>
      <c r="N27155" t="s">
        <v>88</v>
      </c>
      <c r="O27155" t="s">
        <v>85</v>
      </c>
      <c r="P27155" t="s">
        <v>86</v>
      </c>
      <c r="Q27155">
        <v>40</v>
      </c>
      <c r="R27155">
        <v>40</v>
      </c>
      <c r="S27155">
        <v>40</v>
      </c>
      <c r="T27155">
        <v>40</v>
      </c>
      <c r="U27155">
        <v>39</v>
      </c>
      <c r="V27155">
        <v>39</v>
      </c>
      <c r="W27155">
        <v>39</v>
      </c>
      <c r="X27155">
        <v>39</v>
      </c>
      <c r="Y27155">
        <v>39</v>
      </c>
      <c r="Z27155">
        <v>39</v>
      </c>
      <c r="AA27155">
        <v>39</v>
      </c>
      <c r="AB27155">
        <v>39</v>
      </c>
      <c r="AC27155">
        <v>39</v>
      </c>
      <c r="AD27155">
        <v>38</v>
      </c>
      <c r="AE27155">
        <v>38</v>
      </c>
      <c r="AF27155">
        <v>38</v>
      </c>
      <c r="AG27155">
        <v>38</v>
      </c>
      <c r="AH27155">
        <v>38</v>
      </c>
      <c r="AI27155">
        <v>38</v>
      </c>
      <c r="AJ27155">
        <v>38</v>
      </c>
      <c r="AK27155">
        <v>38</v>
      </c>
      <c r="AL27155">
        <v>38</v>
      </c>
      <c r="AM27155">
        <v>38</v>
      </c>
      <c r="AN27155">
        <v>38</v>
      </c>
      <c r="AO27155">
        <v>38</v>
      </c>
      <c r="AP27155">
        <v>38</v>
      </c>
      <c r="AQ27155">
        <v>38</v>
      </c>
    </row>
    <row r="27156" spans="1:43">
      <c r="A27156" t="s">
        <v>16805</v>
      </c>
      <c r="B27156" t="s">
        <v>16806</v>
      </c>
      <c r="C27156" t="s">
        <v>16807</v>
      </c>
      <c r="D27156" t="s">
        <v>16808</v>
      </c>
      <c r="E27156" t="s">
        <v>16695</v>
      </c>
      <c r="F27156" t="s">
        <v>16696</v>
      </c>
      <c r="G27156" t="s">
        <v>16559</v>
      </c>
      <c r="H27156" t="s">
        <v>16560</v>
      </c>
      <c r="I27156" s="2">
        <v>1</v>
      </c>
      <c r="J27156" s="2">
        <v>0</v>
      </c>
      <c r="K27156" s="2">
        <v>0</v>
      </c>
      <c r="L27156" t="s">
        <v>120</v>
      </c>
      <c r="M27156" t="s">
        <v>89</v>
      </c>
      <c r="N27156" t="s">
        <v>90</v>
      </c>
      <c r="O27156" t="s">
        <v>85</v>
      </c>
      <c r="P27156" t="s">
        <v>86</v>
      </c>
      <c r="Q27156">
        <v>40</v>
      </c>
      <c r="R27156">
        <v>40</v>
      </c>
      <c r="S27156">
        <v>41</v>
      </c>
      <c r="T27156">
        <v>41</v>
      </c>
      <c r="U27156">
        <v>42</v>
      </c>
      <c r="V27156">
        <v>42</v>
      </c>
      <c r="W27156">
        <v>43</v>
      </c>
      <c r="X27156">
        <v>43</v>
      </c>
      <c r="Y27156">
        <v>44</v>
      </c>
      <c r="Z27156">
        <v>44</v>
      </c>
      <c r="AA27156">
        <v>44</v>
      </c>
      <c r="AB27156">
        <v>44</v>
      </c>
      <c r="AC27156">
        <v>45</v>
      </c>
      <c r="AD27156">
        <v>45</v>
      </c>
      <c r="AE27156">
        <v>45</v>
      </c>
      <c r="AF27156">
        <v>45</v>
      </c>
      <c r="AG27156">
        <v>45</v>
      </c>
      <c r="AH27156">
        <v>44</v>
      </c>
      <c r="AI27156">
        <v>44</v>
      </c>
      <c r="AJ27156">
        <v>44</v>
      </c>
      <c r="AK27156">
        <v>44</v>
      </c>
      <c r="AL27156">
        <v>44</v>
      </c>
      <c r="AM27156">
        <v>43</v>
      </c>
      <c r="AN27156">
        <v>43</v>
      </c>
      <c r="AO27156">
        <v>43</v>
      </c>
      <c r="AP27156">
        <v>43</v>
      </c>
      <c r="AQ27156">
        <v>43</v>
      </c>
    </row>
    <row r="27157" spans="1:43">
      <c r="A27157" t="s">
        <v>16805</v>
      </c>
      <c r="B27157" t="s">
        <v>16806</v>
      </c>
      <c r="C27157" t="s">
        <v>16807</v>
      </c>
      <c r="D27157" t="s">
        <v>16808</v>
      </c>
      <c r="E27157" t="s">
        <v>16695</v>
      </c>
      <c r="F27157" t="s">
        <v>16696</v>
      </c>
      <c r="G27157" t="s">
        <v>16559</v>
      </c>
      <c r="H27157" t="s">
        <v>16560</v>
      </c>
      <c r="I27157" s="2">
        <v>1</v>
      </c>
      <c r="J27157" s="2">
        <v>0</v>
      </c>
      <c r="K27157" s="2">
        <v>0</v>
      </c>
      <c r="L27157" t="s">
        <v>120</v>
      </c>
      <c r="M27157" t="s">
        <v>83</v>
      </c>
      <c r="N27157" t="s">
        <v>91</v>
      </c>
      <c r="O27157" t="s">
        <v>85</v>
      </c>
      <c r="P27157" t="s">
        <v>86</v>
      </c>
      <c r="Q27157">
        <v>40</v>
      </c>
      <c r="R27157">
        <v>40</v>
      </c>
      <c r="S27157">
        <v>41</v>
      </c>
      <c r="T27157">
        <v>41</v>
      </c>
      <c r="U27157">
        <v>41</v>
      </c>
      <c r="V27157">
        <v>42</v>
      </c>
      <c r="W27157">
        <v>42</v>
      </c>
      <c r="X27157">
        <v>42</v>
      </c>
      <c r="Y27157">
        <v>42</v>
      </c>
      <c r="Z27157">
        <v>42</v>
      </c>
      <c r="AA27157">
        <v>42</v>
      </c>
      <c r="AB27157">
        <v>43</v>
      </c>
      <c r="AC27157">
        <v>43</v>
      </c>
      <c r="AD27157">
        <v>43</v>
      </c>
      <c r="AE27157">
        <v>43</v>
      </c>
      <c r="AF27157">
        <v>43</v>
      </c>
      <c r="AG27157">
        <v>43</v>
      </c>
      <c r="AH27157">
        <v>44</v>
      </c>
      <c r="AI27157">
        <v>44</v>
      </c>
      <c r="AJ27157">
        <v>44</v>
      </c>
      <c r="AK27157">
        <v>44</v>
      </c>
      <c r="AL27157">
        <v>44</v>
      </c>
      <c r="AM27157">
        <v>44</v>
      </c>
      <c r="AN27157">
        <v>44</v>
      </c>
      <c r="AO27157">
        <v>43</v>
      </c>
      <c r="AP27157">
        <v>43</v>
      </c>
      <c r="AQ27157">
        <v>43</v>
      </c>
    </row>
    <row r="27158" spans="1:43">
      <c r="A27158" t="s">
        <v>16809</v>
      </c>
      <c r="B27158" t="s">
        <v>16810</v>
      </c>
      <c r="C27158" t="s">
        <v>16807</v>
      </c>
      <c r="D27158" t="s">
        <v>16808</v>
      </c>
      <c r="E27158" t="s">
        <v>16695</v>
      </c>
      <c r="F27158" t="s">
        <v>16696</v>
      </c>
      <c r="G27158" t="s">
        <v>16559</v>
      </c>
      <c r="H27158" t="s">
        <v>16560</v>
      </c>
      <c r="I27158" s="2">
        <v>1</v>
      </c>
      <c r="J27158" s="2">
        <v>0</v>
      </c>
      <c r="K27158" s="2">
        <v>0</v>
      </c>
      <c r="L27158" t="s">
        <v>120</v>
      </c>
      <c r="M27158" t="s">
        <v>83</v>
      </c>
      <c r="N27158" t="s">
        <v>84</v>
      </c>
      <c r="O27158" t="s">
        <v>85</v>
      </c>
      <c r="P27158" t="s">
        <v>86</v>
      </c>
      <c r="Q27158">
        <v>17</v>
      </c>
      <c r="R27158">
        <v>17</v>
      </c>
      <c r="S27158">
        <v>17</v>
      </c>
      <c r="T27158">
        <v>17</v>
      </c>
      <c r="U27158">
        <v>17</v>
      </c>
      <c r="V27158">
        <v>17</v>
      </c>
      <c r="W27158">
        <v>17</v>
      </c>
      <c r="X27158">
        <v>17</v>
      </c>
      <c r="Y27158">
        <v>17</v>
      </c>
      <c r="Z27158">
        <v>17</v>
      </c>
      <c r="AA27158">
        <v>17</v>
      </c>
      <c r="AB27158">
        <v>18</v>
      </c>
      <c r="AC27158">
        <v>18</v>
      </c>
      <c r="AD27158">
        <v>18</v>
      </c>
      <c r="AE27158">
        <v>18</v>
      </c>
      <c r="AF27158">
        <v>18</v>
      </c>
      <c r="AG27158">
        <v>18</v>
      </c>
      <c r="AH27158">
        <v>18</v>
      </c>
      <c r="AI27158">
        <v>18</v>
      </c>
      <c r="AJ27158">
        <v>18</v>
      </c>
      <c r="AK27158">
        <v>18</v>
      </c>
      <c r="AL27158">
        <v>18</v>
      </c>
      <c r="AM27158">
        <v>18</v>
      </c>
      <c r="AN27158">
        <v>18</v>
      </c>
      <c r="AO27158">
        <v>18</v>
      </c>
      <c r="AP27158">
        <v>18</v>
      </c>
      <c r="AQ27158">
        <v>18</v>
      </c>
    </row>
    <row r="27159" spans="1:43">
      <c r="A27159" t="s">
        <v>16809</v>
      </c>
      <c r="B27159" t="s">
        <v>16810</v>
      </c>
      <c r="C27159" t="s">
        <v>16807</v>
      </c>
      <c r="D27159" t="s">
        <v>16808</v>
      </c>
      <c r="E27159" t="s">
        <v>16695</v>
      </c>
      <c r="F27159" t="s">
        <v>16696</v>
      </c>
      <c r="G27159" t="s">
        <v>16559</v>
      </c>
      <c r="H27159" t="s">
        <v>16560</v>
      </c>
      <c r="I27159" s="2">
        <v>1</v>
      </c>
      <c r="J27159" s="2">
        <v>0</v>
      </c>
      <c r="K27159" s="2">
        <v>0</v>
      </c>
      <c r="L27159" t="s">
        <v>120</v>
      </c>
      <c r="M27159" t="s">
        <v>87</v>
      </c>
      <c r="N27159" t="s">
        <v>88</v>
      </c>
      <c r="O27159" t="s">
        <v>85</v>
      </c>
      <c r="P27159" t="s">
        <v>86</v>
      </c>
      <c r="Q27159">
        <v>17</v>
      </c>
      <c r="R27159">
        <v>17</v>
      </c>
      <c r="S27159">
        <v>17</v>
      </c>
      <c r="T27159">
        <v>17</v>
      </c>
      <c r="U27159">
        <v>17</v>
      </c>
      <c r="V27159">
        <v>17</v>
      </c>
      <c r="W27159">
        <v>17</v>
      </c>
      <c r="X27159">
        <v>17</v>
      </c>
      <c r="Y27159">
        <v>17</v>
      </c>
      <c r="Z27159">
        <v>17</v>
      </c>
      <c r="AA27159">
        <v>17</v>
      </c>
      <c r="AB27159">
        <v>17</v>
      </c>
      <c r="AC27159">
        <v>17</v>
      </c>
      <c r="AD27159">
        <v>17</v>
      </c>
      <c r="AE27159">
        <v>17</v>
      </c>
      <c r="AF27159">
        <v>17</v>
      </c>
      <c r="AG27159">
        <v>17</v>
      </c>
      <c r="AH27159">
        <v>17</v>
      </c>
      <c r="AI27159">
        <v>17</v>
      </c>
      <c r="AJ27159">
        <v>17</v>
      </c>
      <c r="AK27159">
        <v>17</v>
      </c>
      <c r="AL27159">
        <v>17</v>
      </c>
      <c r="AM27159">
        <v>17</v>
      </c>
      <c r="AN27159">
        <v>17</v>
      </c>
      <c r="AO27159">
        <v>16</v>
      </c>
      <c r="AP27159">
        <v>16</v>
      </c>
      <c r="AQ27159">
        <v>16</v>
      </c>
    </row>
    <row r="27160" spans="1:43">
      <c r="A27160" t="s">
        <v>16809</v>
      </c>
      <c r="B27160" t="s">
        <v>16810</v>
      </c>
      <c r="C27160" t="s">
        <v>16807</v>
      </c>
      <c r="D27160" t="s">
        <v>16808</v>
      </c>
      <c r="E27160" t="s">
        <v>16695</v>
      </c>
      <c r="F27160" t="s">
        <v>16696</v>
      </c>
      <c r="G27160" t="s">
        <v>16559</v>
      </c>
      <c r="H27160" t="s">
        <v>16560</v>
      </c>
      <c r="I27160" s="2">
        <v>1</v>
      </c>
      <c r="J27160" s="2">
        <v>0</v>
      </c>
      <c r="K27160" s="2">
        <v>0</v>
      </c>
      <c r="L27160" t="s">
        <v>120</v>
      </c>
      <c r="M27160" t="s">
        <v>89</v>
      </c>
      <c r="N27160" t="s">
        <v>90</v>
      </c>
      <c r="O27160" t="s">
        <v>85</v>
      </c>
      <c r="P27160" t="s">
        <v>86</v>
      </c>
      <c r="Q27160">
        <v>17</v>
      </c>
      <c r="R27160">
        <v>17</v>
      </c>
      <c r="S27160">
        <v>17</v>
      </c>
      <c r="T27160">
        <v>17</v>
      </c>
      <c r="U27160">
        <v>18</v>
      </c>
      <c r="V27160">
        <v>18</v>
      </c>
      <c r="W27160">
        <v>18</v>
      </c>
      <c r="X27160">
        <v>18</v>
      </c>
      <c r="Y27160">
        <v>18</v>
      </c>
      <c r="Z27160">
        <v>18</v>
      </c>
      <c r="AA27160">
        <v>19</v>
      </c>
      <c r="AB27160">
        <v>19</v>
      </c>
      <c r="AC27160">
        <v>19</v>
      </c>
      <c r="AD27160">
        <v>19</v>
      </c>
      <c r="AE27160">
        <v>19</v>
      </c>
      <c r="AF27160">
        <v>19</v>
      </c>
      <c r="AG27160">
        <v>19</v>
      </c>
      <c r="AH27160">
        <v>19</v>
      </c>
      <c r="AI27160">
        <v>19</v>
      </c>
      <c r="AJ27160">
        <v>19</v>
      </c>
      <c r="AK27160">
        <v>18</v>
      </c>
      <c r="AL27160">
        <v>18</v>
      </c>
      <c r="AM27160">
        <v>18</v>
      </c>
      <c r="AN27160">
        <v>18</v>
      </c>
      <c r="AO27160">
        <v>18</v>
      </c>
      <c r="AP27160">
        <v>18</v>
      </c>
      <c r="AQ27160">
        <v>18</v>
      </c>
    </row>
    <row r="27161" spans="1:43">
      <c r="A27161" t="s">
        <v>16809</v>
      </c>
      <c r="B27161" t="s">
        <v>16810</v>
      </c>
      <c r="C27161" t="s">
        <v>16807</v>
      </c>
      <c r="D27161" t="s">
        <v>16808</v>
      </c>
      <c r="E27161" t="s">
        <v>16695</v>
      </c>
      <c r="F27161" t="s">
        <v>16696</v>
      </c>
      <c r="G27161" t="s">
        <v>16559</v>
      </c>
      <c r="H27161" t="s">
        <v>16560</v>
      </c>
      <c r="I27161" s="2">
        <v>1</v>
      </c>
      <c r="J27161" s="2">
        <v>0</v>
      </c>
      <c r="K27161" s="2">
        <v>0</v>
      </c>
      <c r="L27161" t="s">
        <v>120</v>
      </c>
      <c r="M27161" t="s">
        <v>83</v>
      </c>
      <c r="N27161" t="s">
        <v>91</v>
      </c>
      <c r="O27161" t="s">
        <v>85</v>
      </c>
      <c r="P27161" t="s">
        <v>86</v>
      </c>
      <c r="Q27161">
        <v>17</v>
      </c>
      <c r="R27161">
        <v>17</v>
      </c>
      <c r="S27161">
        <v>17</v>
      </c>
      <c r="T27161">
        <v>17</v>
      </c>
      <c r="U27161">
        <v>17</v>
      </c>
      <c r="V27161">
        <v>17</v>
      </c>
      <c r="W27161">
        <v>17</v>
      </c>
      <c r="X27161">
        <v>17</v>
      </c>
      <c r="Y27161">
        <v>17</v>
      </c>
      <c r="Z27161">
        <v>17</v>
      </c>
      <c r="AA27161">
        <v>17</v>
      </c>
      <c r="AB27161">
        <v>18</v>
      </c>
      <c r="AC27161">
        <v>18</v>
      </c>
      <c r="AD27161">
        <v>18</v>
      </c>
      <c r="AE27161">
        <v>18</v>
      </c>
      <c r="AF27161">
        <v>18</v>
      </c>
      <c r="AG27161">
        <v>18</v>
      </c>
      <c r="AH27161">
        <v>18</v>
      </c>
      <c r="AI27161">
        <v>18</v>
      </c>
      <c r="AJ27161">
        <v>18</v>
      </c>
      <c r="AK27161">
        <v>18</v>
      </c>
      <c r="AL27161">
        <v>18</v>
      </c>
      <c r="AM27161">
        <v>18</v>
      </c>
      <c r="AN27161">
        <v>18</v>
      </c>
      <c r="AO27161">
        <v>18</v>
      </c>
      <c r="AP27161">
        <v>18</v>
      </c>
      <c r="AQ27161">
        <v>18</v>
      </c>
    </row>
    <row r="27162" spans="1:43">
      <c r="A27162" t="s">
        <v>16811</v>
      </c>
      <c r="B27162" t="s">
        <v>16812</v>
      </c>
      <c r="C27162" t="s">
        <v>16813</v>
      </c>
      <c r="D27162" t="s">
        <v>16814</v>
      </c>
      <c r="E27162" t="s">
        <v>16695</v>
      </c>
      <c r="F27162" t="s">
        <v>16696</v>
      </c>
      <c r="G27162" t="s">
        <v>16559</v>
      </c>
      <c r="H27162" t="s">
        <v>16560</v>
      </c>
      <c r="I27162" s="2">
        <v>1</v>
      </c>
      <c r="J27162" s="2">
        <v>0</v>
      </c>
      <c r="K27162" s="2">
        <v>0</v>
      </c>
      <c r="L27162" t="s">
        <v>120</v>
      </c>
      <c r="M27162" t="s">
        <v>83</v>
      </c>
      <c r="N27162" t="s">
        <v>84</v>
      </c>
      <c r="O27162" t="s">
        <v>85</v>
      </c>
      <c r="P27162" t="s">
        <v>86</v>
      </c>
      <c r="Q27162">
        <v>6</v>
      </c>
      <c r="R27162">
        <v>6</v>
      </c>
      <c r="S27162">
        <v>6</v>
      </c>
      <c r="T27162">
        <v>6</v>
      </c>
      <c r="U27162">
        <v>7</v>
      </c>
      <c r="V27162">
        <v>7</v>
      </c>
      <c r="W27162">
        <v>7</v>
      </c>
      <c r="X27162">
        <v>7</v>
      </c>
      <c r="Y27162">
        <v>7</v>
      </c>
      <c r="Z27162">
        <v>7</v>
      </c>
      <c r="AA27162">
        <v>7</v>
      </c>
      <c r="AB27162">
        <v>7</v>
      </c>
      <c r="AC27162">
        <v>7</v>
      </c>
      <c r="AD27162">
        <v>7</v>
      </c>
      <c r="AE27162">
        <v>7</v>
      </c>
      <c r="AF27162">
        <v>7</v>
      </c>
      <c r="AG27162">
        <v>7</v>
      </c>
      <c r="AH27162">
        <v>7</v>
      </c>
      <c r="AI27162">
        <v>7</v>
      </c>
      <c r="AJ27162">
        <v>7</v>
      </c>
      <c r="AK27162">
        <v>7</v>
      </c>
      <c r="AL27162">
        <v>7</v>
      </c>
      <c r="AM27162">
        <v>7</v>
      </c>
      <c r="AN27162">
        <v>7</v>
      </c>
      <c r="AO27162">
        <v>7</v>
      </c>
      <c r="AP27162">
        <v>7</v>
      </c>
      <c r="AQ27162">
        <v>7</v>
      </c>
    </row>
    <row r="27163" spans="1:43">
      <c r="A27163" t="s">
        <v>16811</v>
      </c>
      <c r="B27163" t="s">
        <v>16812</v>
      </c>
      <c r="C27163" t="s">
        <v>16813</v>
      </c>
      <c r="D27163" t="s">
        <v>16814</v>
      </c>
      <c r="E27163" t="s">
        <v>16695</v>
      </c>
      <c r="F27163" t="s">
        <v>16696</v>
      </c>
      <c r="G27163" t="s">
        <v>16559</v>
      </c>
      <c r="H27163" t="s">
        <v>16560</v>
      </c>
      <c r="I27163" s="2">
        <v>1</v>
      </c>
      <c r="J27163" s="2">
        <v>0</v>
      </c>
      <c r="K27163" s="2">
        <v>0</v>
      </c>
      <c r="L27163" t="s">
        <v>120</v>
      </c>
      <c r="M27163" t="s">
        <v>87</v>
      </c>
      <c r="N27163" t="s">
        <v>88</v>
      </c>
      <c r="O27163" t="s">
        <v>85</v>
      </c>
      <c r="P27163" t="s">
        <v>86</v>
      </c>
      <c r="Q27163">
        <v>6</v>
      </c>
      <c r="R27163">
        <v>6</v>
      </c>
      <c r="S27163">
        <v>6</v>
      </c>
      <c r="T27163">
        <v>6</v>
      </c>
      <c r="U27163">
        <v>6</v>
      </c>
      <c r="V27163">
        <v>6</v>
      </c>
      <c r="W27163">
        <v>6</v>
      </c>
      <c r="X27163">
        <v>6</v>
      </c>
      <c r="Y27163">
        <v>6</v>
      </c>
      <c r="Z27163">
        <v>6</v>
      </c>
      <c r="AA27163">
        <v>6</v>
      </c>
      <c r="AB27163">
        <v>6</v>
      </c>
      <c r="AC27163">
        <v>6</v>
      </c>
      <c r="AD27163">
        <v>6</v>
      </c>
      <c r="AE27163">
        <v>6</v>
      </c>
      <c r="AF27163">
        <v>6</v>
      </c>
      <c r="AG27163">
        <v>6</v>
      </c>
      <c r="AH27163">
        <v>6</v>
      </c>
      <c r="AI27163">
        <v>6</v>
      </c>
      <c r="AJ27163">
        <v>6</v>
      </c>
      <c r="AK27163">
        <v>6</v>
      </c>
      <c r="AL27163">
        <v>6</v>
      </c>
      <c r="AM27163">
        <v>6</v>
      </c>
      <c r="AN27163">
        <v>6</v>
      </c>
      <c r="AO27163">
        <v>6</v>
      </c>
      <c r="AP27163">
        <v>6</v>
      </c>
      <c r="AQ27163">
        <v>6</v>
      </c>
    </row>
    <row r="27164" spans="1:43">
      <c r="A27164" t="s">
        <v>16811</v>
      </c>
      <c r="B27164" t="s">
        <v>16812</v>
      </c>
      <c r="C27164" t="s">
        <v>16813</v>
      </c>
      <c r="D27164" t="s">
        <v>16814</v>
      </c>
      <c r="E27164" t="s">
        <v>16695</v>
      </c>
      <c r="F27164" t="s">
        <v>16696</v>
      </c>
      <c r="G27164" t="s">
        <v>16559</v>
      </c>
      <c r="H27164" t="s">
        <v>16560</v>
      </c>
      <c r="I27164" s="2">
        <v>1</v>
      </c>
      <c r="J27164" s="2">
        <v>0</v>
      </c>
      <c r="K27164" s="2">
        <v>0</v>
      </c>
      <c r="L27164" t="s">
        <v>120</v>
      </c>
      <c r="M27164" t="s">
        <v>89</v>
      </c>
      <c r="N27164" t="s">
        <v>90</v>
      </c>
      <c r="O27164" t="s">
        <v>85</v>
      </c>
      <c r="P27164" t="s">
        <v>86</v>
      </c>
      <c r="Q27164">
        <v>6</v>
      </c>
      <c r="R27164">
        <v>7</v>
      </c>
      <c r="S27164">
        <v>7</v>
      </c>
      <c r="T27164">
        <v>7</v>
      </c>
      <c r="U27164">
        <v>7</v>
      </c>
      <c r="V27164">
        <v>7</v>
      </c>
      <c r="W27164">
        <v>7</v>
      </c>
      <c r="X27164">
        <v>7</v>
      </c>
      <c r="Y27164">
        <v>7</v>
      </c>
      <c r="Z27164">
        <v>7</v>
      </c>
      <c r="AA27164">
        <v>7</v>
      </c>
      <c r="AB27164">
        <v>7</v>
      </c>
      <c r="AC27164">
        <v>7</v>
      </c>
      <c r="AD27164">
        <v>7</v>
      </c>
      <c r="AE27164">
        <v>7</v>
      </c>
      <c r="AF27164">
        <v>7</v>
      </c>
      <c r="AG27164">
        <v>7</v>
      </c>
      <c r="AH27164">
        <v>7</v>
      </c>
      <c r="AI27164">
        <v>7</v>
      </c>
      <c r="AJ27164">
        <v>7</v>
      </c>
      <c r="AK27164">
        <v>7</v>
      </c>
      <c r="AL27164">
        <v>7</v>
      </c>
      <c r="AM27164">
        <v>7</v>
      </c>
      <c r="AN27164">
        <v>7</v>
      </c>
      <c r="AO27164">
        <v>7</v>
      </c>
      <c r="AP27164">
        <v>7</v>
      </c>
      <c r="AQ27164">
        <v>7</v>
      </c>
    </row>
    <row r="27165" spans="1:43">
      <c r="A27165" t="s">
        <v>16811</v>
      </c>
      <c r="B27165" t="s">
        <v>16812</v>
      </c>
      <c r="C27165" t="s">
        <v>16813</v>
      </c>
      <c r="D27165" t="s">
        <v>16814</v>
      </c>
      <c r="E27165" t="s">
        <v>16695</v>
      </c>
      <c r="F27165" t="s">
        <v>16696</v>
      </c>
      <c r="G27165" t="s">
        <v>16559</v>
      </c>
      <c r="H27165" t="s">
        <v>16560</v>
      </c>
      <c r="I27165" s="2">
        <v>1</v>
      </c>
      <c r="J27165" s="2">
        <v>0</v>
      </c>
      <c r="K27165" s="2">
        <v>0</v>
      </c>
      <c r="L27165" t="s">
        <v>120</v>
      </c>
      <c r="M27165" t="s">
        <v>83</v>
      </c>
      <c r="N27165" t="s">
        <v>91</v>
      </c>
      <c r="O27165" t="s">
        <v>85</v>
      </c>
      <c r="P27165" t="s">
        <v>86</v>
      </c>
      <c r="Q27165">
        <v>6</v>
      </c>
      <c r="R27165">
        <v>6</v>
      </c>
      <c r="S27165">
        <v>6</v>
      </c>
      <c r="T27165">
        <v>6</v>
      </c>
      <c r="U27165">
        <v>7</v>
      </c>
      <c r="V27165">
        <v>7</v>
      </c>
      <c r="W27165">
        <v>7</v>
      </c>
      <c r="X27165">
        <v>7</v>
      </c>
      <c r="Y27165">
        <v>7</v>
      </c>
      <c r="Z27165">
        <v>7</v>
      </c>
      <c r="AA27165">
        <v>7</v>
      </c>
      <c r="AB27165">
        <v>7</v>
      </c>
      <c r="AC27165">
        <v>7</v>
      </c>
      <c r="AD27165">
        <v>7</v>
      </c>
      <c r="AE27165">
        <v>7</v>
      </c>
      <c r="AF27165">
        <v>7</v>
      </c>
      <c r="AG27165">
        <v>7</v>
      </c>
      <c r="AH27165">
        <v>7</v>
      </c>
      <c r="AI27165">
        <v>7</v>
      </c>
      <c r="AJ27165">
        <v>7</v>
      </c>
      <c r="AK27165">
        <v>7</v>
      </c>
      <c r="AL27165">
        <v>7</v>
      </c>
      <c r="AM27165">
        <v>7</v>
      </c>
      <c r="AN27165">
        <v>7</v>
      </c>
      <c r="AO27165">
        <v>7</v>
      </c>
      <c r="AP27165">
        <v>7</v>
      </c>
      <c r="AQ27165">
        <v>7</v>
      </c>
    </row>
    <row r="27166" spans="1:43">
      <c r="A27166" t="s">
        <v>16815</v>
      </c>
      <c r="B27166" t="s">
        <v>16816</v>
      </c>
      <c r="C27166" t="s">
        <v>16817</v>
      </c>
      <c r="D27166" t="s">
        <v>16818</v>
      </c>
      <c r="E27166" t="s">
        <v>16695</v>
      </c>
      <c r="F27166" t="s">
        <v>16696</v>
      </c>
      <c r="G27166" t="s">
        <v>16559</v>
      </c>
      <c r="H27166" t="s">
        <v>16560</v>
      </c>
      <c r="I27166" s="2">
        <v>1</v>
      </c>
      <c r="J27166" s="2">
        <v>0</v>
      </c>
      <c r="K27166" s="2">
        <v>0</v>
      </c>
      <c r="L27166" t="s">
        <v>120</v>
      </c>
      <c r="M27166" t="s">
        <v>83</v>
      </c>
      <c r="N27166" t="s">
        <v>84</v>
      </c>
      <c r="O27166" t="s">
        <v>85</v>
      </c>
      <c r="P27166" t="s">
        <v>86</v>
      </c>
      <c r="Q27166">
        <v>62</v>
      </c>
      <c r="R27166">
        <v>63</v>
      </c>
      <c r="S27166">
        <v>63</v>
      </c>
      <c r="T27166">
        <v>63</v>
      </c>
      <c r="U27166">
        <v>64</v>
      </c>
      <c r="V27166">
        <v>64</v>
      </c>
      <c r="W27166">
        <v>64</v>
      </c>
      <c r="X27166">
        <v>65</v>
      </c>
      <c r="Y27166">
        <v>65</v>
      </c>
      <c r="Z27166">
        <v>65</v>
      </c>
      <c r="AA27166">
        <v>65</v>
      </c>
      <c r="AB27166">
        <v>66</v>
      </c>
      <c r="AC27166">
        <v>66</v>
      </c>
      <c r="AD27166">
        <v>66</v>
      </c>
      <c r="AE27166">
        <v>66</v>
      </c>
      <c r="AF27166">
        <v>67</v>
      </c>
      <c r="AG27166">
        <v>67</v>
      </c>
      <c r="AH27166">
        <v>67</v>
      </c>
      <c r="AI27166">
        <v>67</v>
      </c>
      <c r="AJ27166">
        <v>68</v>
      </c>
      <c r="AK27166">
        <v>68</v>
      </c>
      <c r="AL27166">
        <v>68</v>
      </c>
      <c r="AM27166">
        <v>67</v>
      </c>
      <c r="AN27166">
        <v>67</v>
      </c>
      <c r="AO27166">
        <v>67</v>
      </c>
      <c r="AP27166">
        <v>66</v>
      </c>
      <c r="AQ27166">
        <v>66</v>
      </c>
    </row>
    <row r="27167" spans="1:43">
      <c r="A27167" t="s">
        <v>16815</v>
      </c>
      <c r="B27167" t="s">
        <v>16816</v>
      </c>
      <c r="C27167" t="s">
        <v>16817</v>
      </c>
      <c r="D27167" t="s">
        <v>16818</v>
      </c>
      <c r="E27167" t="s">
        <v>16695</v>
      </c>
      <c r="F27167" t="s">
        <v>16696</v>
      </c>
      <c r="G27167" t="s">
        <v>16559</v>
      </c>
      <c r="H27167" t="s">
        <v>16560</v>
      </c>
      <c r="I27167" s="2">
        <v>1</v>
      </c>
      <c r="J27167" s="2">
        <v>0</v>
      </c>
      <c r="K27167" s="2">
        <v>0</v>
      </c>
      <c r="L27167" t="s">
        <v>120</v>
      </c>
      <c r="M27167" t="s">
        <v>87</v>
      </c>
      <c r="N27167" t="s">
        <v>88</v>
      </c>
      <c r="O27167" t="s">
        <v>85</v>
      </c>
      <c r="P27167" t="s">
        <v>86</v>
      </c>
      <c r="Q27167">
        <v>62</v>
      </c>
      <c r="R27167">
        <v>61</v>
      </c>
      <c r="S27167">
        <v>61</v>
      </c>
      <c r="T27167">
        <v>61</v>
      </c>
      <c r="U27167">
        <v>61</v>
      </c>
      <c r="V27167">
        <v>61</v>
      </c>
      <c r="W27167">
        <v>60</v>
      </c>
      <c r="X27167">
        <v>60</v>
      </c>
      <c r="Y27167">
        <v>60</v>
      </c>
      <c r="Z27167">
        <v>60</v>
      </c>
      <c r="AA27167">
        <v>60</v>
      </c>
      <c r="AB27167">
        <v>59</v>
      </c>
      <c r="AC27167">
        <v>59</v>
      </c>
      <c r="AD27167">
        <v>59</v>
      </c>
      <c r="AE27167">
        <v>59</v>
      </c>
      <c r="AF27167">
        <v>59</v>
      </c>
      <c r="AG27167">
        <v>59</v>
      </c>
      <c r="AH27167">
        <v>59</v>
      </c>
      <c r="AI27167">
        <v>58</v>
      </c>
      <c r="AJ27167">
        <v>58</v>
      </c>
      <c r="AK27167">
        <v>58</v>
      </c>
      <c r="AL27167">
        <v>58</v>
      </c>
      <c r="AM27167">
        <v>58</v>
      </c>
      <c r="AN27167">
        <v>58</v>
      </c>
      <c r="AO27167">
        <v>58</v>
      </c>
      <c r="AP27167">
        <v>58</v>
      </c>
      <c r="AQ27167">
        <v>57</v>
      </c>
    </row>
    <row r="27168" spans="1:43">
      <c r="A27168" t="s">
        <v>16815</v>
      </c>
      <c r="B27168" t="s">
        <v>16816</v>
      </c>
      <c r="C27168" t="s">
        <v>16817</v>
      </c>
      <c r="D27168" t="s">
        <v>16818</v>
      </c>
      <c r="E27168" t="s">
        <v>16695</v>
      </c>
      <c r="F27168" t="s">
        <v>16696</v>
      </c>
      <c r="G27168" t="s">
        <v>16559</v>
      </c>
      <c r="H27168" t="s">
        <v>16560</v>
      </c>
      <c r="I27168" s="2">
        <v>1</v>
      </c>
      <c r="J27168" s="2">
        <v>0</v>
      </c>
      <c r="K27168" s="2">
        <v>0</v>
      </c>
      <c r="L27168" t="s">
        <v>120</v>
      </c>
      <c r="M27168" t="s">
        <v>89</v>
      </c>
      <c r="N27168" t="s">
        <v>90</v>
      </c>
      <c r="O27168" t="s">
        <v>85</v>
      </c>
      <c r="P27168" t="s">
        <v>86</v>
      </c>
      <c r="Q27168">
        <v>62</v>
      </c>
      <c r="R27168">
        <v>63</v>
      </c>
      <c r="S27168">
        <v>64</v>
      </c>
      <c r="T27168">
        <v>64</v>
      </c>
      <c r="U27168">
        <v>65</v>
      </c>
      <c r="V27168">
        <v>66</v>
      </c>
      <c r="W27168">
        <v>66</v>
      </c>
      <c r="X27168">
        <v>67</v>
      </c>
      <c r="Y27168">
        <v>68</v>
      </c>
      <c r="Z27168">
        <v>68</v>
      </c>
      <c r="AA27168">
        <v>69</v>
      </c>
      <c r="AB27168">
        <v>69</v>
      </c>
      <c r="AC27168">
        <v>70</v>
      </c>
      <c r="AD27168">
        <v>70</v>
      </c>
      <c r="AE27168">
        <v>70</v>
      </c>
      <c r="AF27168">
        <v>70</v>
      </c>
      <c r="AG27168">
        <v>69</v>
      </c>
      <c r="AH27168">
        <v>69</v>
      </c>
      <c r="AI27168">
        <v>69</v>
      </c>
      <c r="AJ27168">
        <v>68</v>
      </c>
      <c r="AK27168">
        <v>68</v>
      </c>
      <c r="AL27168">
        <v>67</v>
      </c>
      <c r="AM27168">
        <v>67</v>
      </c>
      <c r="AN27168">
        <v>67</v>
      </c>
      <c r="AO27168">
        <v>66</v>
      </c>
      <c r="AP27168">
        <v>66</v>
      </c>
      <c r="AQ27168">
        <v>66</v>
      </c>
    </row>
    <row r="27169" spans="1:43">
      <c r="A27169" t="s">
        <v>16815</v>
      </c>
      <c r="B27169" t="s">
        <v>16816</v>
      </c>
      <c r="C27169" t="s">
        <v>16817</v>
      </c>
      <c r="D27169" t="s">
        <v>16818</v>
      </c>
      <c r="E27169" t="s">
        <v>16695</v>
      </c>
      <c r="F27169" t="s">
        <v>16696</v>
      </c>
      <c r="G27169" t="s">
        <v>16559</v>
      </c>
      <c r="H27169" t="s">
        <v>16560</v>
      </c>
      <c r="I27169" s="2">
        <v>1</v>
      </c>
      <c r="J27169" s="2">
        <v>0</v>
      </c>
      <c r="K27169" s="2">
        <v>0</v>
      </c>
      <c r="L27169" t="s">
        <v>120</v>
      </c>
      <c r="M27169" t="s">
        <v>83</v>
      </c>
      <c r="N27169" t="s">
        <v>91</v>
      </c>
      <c r="O27169" t="s">
        <v>85</v>
      </c>
      <c r="P27169" t="s">
        <v>86</v>
      </c>
      <c r="Q27169">
        <v>62</v>
      </c>
      <c r="R27169">
        <v>63</v>
      </c>
      <c r="S27169">
        <v>63</v>
      </c>
      <c r="T27169">
        <v>63</v>
      </c>
      <c r="U27169">
        <v>64</v>
      </c>
      <c r="V27169">
        <v>64</v>
      </c>
      <c r="W27169">
        <v>64</v>
      </c>
      <c r="X27169">
        <v>65</v>
      </c>
      <c r="Y27169">
        <v>65</v>
      </c>
      <c r="Z27169">
        <v>65</v>
      </c>
      <c r="AA27169">
        <v>65</v>
      </c>
      <c r="AB27169">
        <v>66</v>
      </c>
      <c r="AC27169">
        <v>66</v>
      </c>
      <c r="AD27169">
        <v>66</v>
      </c>
      <c r="AE27169">
        <v>66</v>
      </c>
      <c r="AF27169">
        <v>67</v>
      </c>
      <c r="AG27169">
        <v>67</v>
      </c>
      <c r="AH27169">
        <v>67</v>
      </c>
      <c r="AI27169">
        <v>67</v>
      </c>
      <c r="AJ27169">
        <v>68</v>
      </c>
      <c r="AK27169">
        <v>68</v>
      </c>
      <c r="AL27169">
        <v>68</v>
      </c>
      <c r="AM27169">
        <v>67</v>
      </c>
      <c r="AN27169">
        <v>67</v>
      </c>
      <c r="AO27169">
        <v>67</v>
      </c>
      <c r="AP27169">
        <v>66</v>
      </c>
      <c r="AQ27169">
        <v>66</v>
      </c>
    </row>
    <row r="27170" spans="1:43">
      <c r="A27170" t="s">
        <v>16819</v>
      </c>
      <c r="B27170" t="s">
        <v>16820</v>
      </c>
      <c r="C27170" t="s">
        <v>16817</v>
      </c>
      <c r="D27170" t="s">
        <v>16818</v>
      </c>
      <c r="E27170" t="s">
        <v>16695</v>
      </c>
      <c r="F27170" t="s">
        <v>16696</v>
      </c>
      <c r="G27170" t="s">
        <v>16559</v>
      </c>
      <c r="H27170" t="s">
        <v>16560</v>
      </c>
      <c r="I27170" s="2">
        <v>1</v>
      </c>
      <c r="J27170" s="2">
        <v>0</v>
      </c>
      <c r="K27170" s="2">
        <v>0</v>
      </c>
      <c r="L27170" t="s">
        <v>120</v>
      </c>
      <c r="M27170" t="s">
        <v>83</v>
      </c>
      <c r="N27170" t="s">
        <v>84</v>
      </c>
      <c r="O27170" t="s">
        <v>85</v>
      </c>
      <c r="P27170" t="s">
        <v>86</v>
      </c>
      <c r="Q27170">
        <v>6</v>
      </c>
      <c r="R27170">
        <v>6</v>
      </c>
      <c r="S27170">
        <v>6</v>
      </c>
      <c r="T27170">
        <v>6</v>
      </c>
      <c r="U27170">
        <v>6</v>
      </c>
      <c r="V27170">
        <v>6</v>
      </c>
      <c r="W27170">
        <v>6</v>
      </c>
      <c r="X27170">
        <v>6</v>
      </c>
      <c r="Y27170">
        <v>6</v>
      </c>
      <c r="Z27170">
        <v>6</v>
      </c>
      <c r="AA27170">
        <v>7</v>
      </c>
      <c r="AB27170">
        <v>7</v>
      </c>
      <c r="AC27170">
        <v>7</v>
      </c>
      <c r="AD27170">
        <v>7</v>
      </c>
      <c r="AE27170">
        <v>7</v>
      </c>
      <c r="AF27170">
        <v>7</v>
      </c>
      <c r="AG27170">
        <v>7</v>
      </c>
      <c r="AH27170">
        <v>7</v>
      </c>
      <c r="AI27170">
        <v>7</v>
      </c>
      <c r="AJ27170">
        <v>7</v>
      </c>
      <c r="AK27170">
        <v>7</v>
      </c>
      <c r="AL27170">
        <v>7</v>
      </c>
      <c r="AM27170">
        <v>7</v>
      </c>
      <c r="AN27170">
        <v>7</v>
      </c>
      <c r="AO27170">
        <v>7</v>
      </c>
      <c r="AP27170">
        <v>7</v>
      </c>
      <c r="AQ27170">
        <v>7</v>
      </c>
    </row>
    <row r="27171" spans="1:43">
      <c r="A27171" t="s">
        <v>16819</v>
      </c>
      <c r="B27171" t="s">
        <v>16820</v>
      </c>
      <c r="C27171" t="s">
        <v>16817</v>
      </c>
      <c r="D27171" t="s">
        <v>16818</v>
      </c>
      <c r="E27171" t="s">
        <v>16695</v>
      </c>
      <c r="F27171" t="s">
        <v>16696</v>
      </c>
      <c r="G27171" t="s">
        <v>16559</v>
      </c>
      <c r="H27171" t="s">
        <v>16560</v>
      </c>
      <c r="I27171" s="2">
        <v>1</v>
      </c>
      <c r="J27171" s="2">
        <v>0</v>
      </c>
      <c r="K27171" s="2">
        <v>0</v>
      </c>
      <c r="L27171" t="s">
        <v>120</v>
      </c>
      <c r="M27171" t="s">
        <v>87</v>
      </c>
      <c r="N27171" t="s">
        <v>88</v>
      </c>
      <c r="O27171" t="s">
        <v>85</v>
      </c>
      <c r="P27171" t="s">
        <v>86</v>
      </c>
      <c r="Q27171">
        <v>6</v>
      </c>
      <c r="R27171">
        <v>6</v>
      </c>
      <c r="S27171">
        <v>6</v>
      </c>
      <c r="T27171">
        <v>6</v>
      </c>
      <c r="U27171">
        <v>6</v>
      </c>
      <c r="V27171">
        <v>6</v>
      </c>
      <c r="W27171">
        <v>6</v>
      </c>
      <c r="X27171">
        <v>6</v>
      </c>
      <c r="Y27171">
        <v>6</v>
      </c>
      <c r="Z27171">
        <v>6</v>
      </c>
      <c r="AA27171">
        <v>6</v>
      </c>
      <c r="AB27171">
        <v>6</v>
      </c>
      <c r="AC27171">
        <v>6</v>
      </c>
      <c r="AD27171">
        <v>6</v>
      </c>
      <c r="AE27171">
        <v>6</v>
      </c>
      <c r="AF27171">
        <v>6</v>
      </c>
      <c r="AG27171">
        <v>6</v>
      </c>
      <c r="AH27171">
        <v>6</v>
      </c>
      <c r="AI27171">
        <v>6</v>
      </c>
      <c r="AJ27171">
        <v>6</v>
      </c>
      <c r="AK27171">
        <v>6</v>
      </c>
      <c r="AL27171">
        <v>6</v>
      </c>
      <c r="AM27171">
        <v>6</v>
      </c>
      <c r="AN27171">
        <v>6</v>
      </c>
      <c r="AO27171">
        <v>6</v>
      </c>
      <c r="AP27171">
        <v>6</v>
      </c>
      <c r="AQ27171">
        <v>6</v>
      </c>
    </row>
    <row r="27172" spans="1:43">
      <c r="A27172" t="s">
        <v>16819</v>
      </c>
      <c r="B27172" t="s">
        <v>16820</v>
      </c>
      <c r="C27172" t="s">
        <v>16817</v>
      </c>
      <c r="D27172" t="s">
        <v>16818</v>
      </c>
      <c r="E27172" t="s">
        <v>16695</v>
      </c>
      <c r="F27172" t="s">
        <v>16696</v>
      </c>
      <c r="G27172" t="s">
        <v>16559</v>
      </c>
      <c r="H27172" t="s">
        <v>16560</v>
      </c>
      <c r="I27172" s="2">
        <v>1</v>
      </c>
      <c r="J27172" s="2">
        <v>0</v>
      </c>
      <c r="K27172" s="2">
        <v>0</v>
      </c>
      <c r="L27172" t="s">
        <v>120</v>
      </c>
      <c r="M27172" t="s">
        <v>89</v>
      </c>
      <c r="N27172" t="s">
        <v>90</v>
      </c>
      <c r="O27172" t="s">
        <v>85</v>
      </c>
      <c r="P27172" t="s">
        <v>86</v>
      </c>
      <c r="Q27172">
        <v>6</v>
      </c>
      <c r="R27172">
        <v>6</v>
      </c>
      <c r="S27172">
        <v>6</v>
      </c>
      <c r="T27172">
        <v>7</v>
      </c>
      <c r="U27172">
        <v>7</v>
      </c>
      <c r="V27172">
        <v>7</v>
      </c>
      <c r="W27172">
        <v>7</v>
      </c>
      <c r="X27172">
        <v>7</v>
      </c>
      <c r="Y27172">
        <v>7</v>
      </c>
      <c r="Z27172">
        <v>7</v>
      </c>
      <c r="AA27172">
        <v>7</v>
      </c>
      <c r="AB27172">
        <v>7</v>
      </c>
      <c r="AC27172">
        <v>7</v>
      </c>
      <c r="AD27172">
        <v>7</v>
      </c>
      <c r="AE27172">
        <v>7</v>
      </c>
      <c r="AF27172">
        <v>7</v>
      </c>
      <c r="AG27172">
        <v>7</v>
      </c>
      <c r="AH27172">
        <v>7</v>
      </c>
      <c r="AI27172">
        <v>7</v>
      </c>
      <c r="AJ27172">
        <v>7</v>
      </c>
      <c r="AK27172">
        <v>7</v>
      </c>
      <c r="AL27172">
        <v>7</v>
      </c>
      <c r="AM27172">
        <v>7</v>
      </c>
      <c r="AN27172">
        <v>7</v>
      </c>
      <c r="AO27172">
        <v>7</v>
      </c>
      <c r="AP27172">
        <v>7</v>
      </c>
      <c r="AQ27172">
        <v>7</v>
      </c>
    </row>
    <row r="27173" spans="1:43">
      <c r="A27173" t="s">
        <v>16819</v>
      </c>
      <c r="B27173" t="s">
        <v>16820</v>
      </c>
      <c r="C27173" t="s">
        <v>16817</v>
      </c>
      <c r="D27173" t="s">
        <v>16818</v>
      </c>
      <c r="E27173" t="s">
        <v>16695</v>
      </c>
      <c r="F27173" t="s">
        <v>16696</v>
      </c>
      <c r="G27173" t="s">
        <v>16559</v>
      </c>
      <c r="H27173" t="s">
        <v>16560</v>
      </c>
      <c r="I27173" s="2">
        <v>1</v>
      </c>
      <c r="J27173" s="2">
        <v>0</v>
      </c>
      <c r="K27173" s="2">
        <v>0</v>
      </c>
      <c r="L27173" t="s">
        <v>120</v>
      </c>
      <c r="M27173" t="s">
        <v>83</v>
      </c>
      <c r="N27173" t="s">
        <v>91</v>
      </c>
      <c r="O27173" t="s">
        <v>85</v>
      </c>
      <c r="P27173" t="s">
        <v>86</v>
      </c>
      <c r="Q27173">
        <v>6</v>
      </c>
      <c r="R27173">
        <v>6</v>
      </c>
      <c r="S27173">
        <v>6</v>
      </c>
      <c r="T27173">
        <v>6</v>
      </c>
      <c r="U27173">
        <v>6</v>
      </c>
      <c r="V27173">
        <v>6</v>
      </c>
      <c r="W27173">
        <v>6</v>
      </c>
      <c r="X27173">
        <v>6</v>
      </c>
      <c r="Y27173">
        <v>6</v>
      </c>
      <c r="Z27173">
        <v>6</v>
      </c>
      <c r="AA27173">
        <v>7</v>
      </c>
      <c r="AB27173">
        <v>7</v>
      </c>
      <c r="AC27173">
        <v>7</v>
      </c>
      <c r="AD27173">
        <v>7</v>
      </c>
      <c r="AE27173">
        <v>7</v>
      </c>
      <c r="AF27173">
        <v>7</v>
      </c>
      <c r="AG27173">
        <v>7</v>
      </c>
      <c r="AH27173">
        <v>7</v>
      </c>
      <c r="AI27173">
        <v>7</v>
      </c>
      <c r="AJ27173">
        <v>7</v>
      </c>
      <c r="AK27173">
        <v>7</v>
      </c>
      <c r="AL27173">
        <v>7</v>
      </c>
      <c r="AM27173">
        <v>7</v>
      </c>
      <c r="AN27173">
        <v>7</v>
      </c>
      <c r="AO27173">
        <v>7</v>
      </c>
      <c r="AP27173">
        <v>7</v>
      </c>
      <c r="AQ27173">
        <v>7</v>
      </c>
    </row>
    <row r="27174" spans="1:43">
      <c r="A27174" t="s">
        <v>16821</v>
      </c>
      <c r="B27174" t="s">
        <v>16822</v>
      </c>
      <c r="C27174" t="s">
        <v>16817</v>
      </c>
      <c r="D27174" t="s">
        <v>16818</v>
      </c>
      <c r="E27174" t="s">
        <v>16695</v>
      </c>
      <c r="F27174" t="s">
        <v>16696</v>
      </c>
      <c r="G27174" t="s">
        <v>16559</v>
      </c>
      <c r="H27174" t="s">
        <v>16560</v>
      </c>
      <c r="I27174" s="2">
        <v>1</v>
      </c>
      <c r="J27174" s="2">
        <v>0</v>
      </c>
      <c r="K27174" s="2">
        <v>0</v>
      </c>
      <c r="L27174" t="s">
        <v>120</v>
      </c>
      <c r="M27174" t="s">
        <v>83</v>
      </c>
      <c r="N27174" t="s">
        <v>84</v>
      </c>
      <c r="O27174" t="s">
        <v>85</v>
      </c>
      <c r="P27174" t="s">
        <v>86</v>
      </c>
      <c r="Q27174">
        <v>25</v>
      </c>
      <c r="R27174">
        <v>26</v>
      </c>
      <c r="S27174">
        <v>26</v>
      </c>
      <c r="T27174">
        <v>26</v>
      </c>
      <c r="U27174">
        <v>26</v>
      </c>
      <c r="V27174">
        <v>26</v>
      </c>
      <c r="W27174">
        <v>26</v>
      </c>
      <c r="X27174">
        <v>26</v>
      </c>
      <c r="Y27174">
        <v>27</v>
      </c>
      <c r="Z27174">
        <v>27</v>
      </c>
      <c r="AA27174">
        <v>27</v>
      </c>
      <c r="AB27174">
        <v>27</v>
      </c>
      <c r="AC27174">
        <v>27</v>
      </c>
      <c r="AD27174">
        <v>27</v>
      </c>
      <c r="AE27174">
        <v>27</v>
      </c>
      <c r="AF27174">
        <v>27</v>
      </c>
      <c r="AG27174">
        <v>27</v>
      </c>
      <c r="AH27174">
        <v>27</v>
      </c>
      <c r="AI27174">
        <v>28</v>
      </c>
      <c r="AJ27174">
        <v>28</v>
      </c>
      <c r="AK27174">
        <v>28</v>
      </c>
      <c r="AL27174">
        <v>28</v>
      </c>
      <c r="AM27174">
        <v>27</v>
      </c>
      <c r="AN27174">
        <v>27</v>
      </c>
      <c r="AO27174">
        <v>27</v>
      </c>
      <c r="AP27174">
        <v>27</v>
      </c>
      <c r="AQ27174">
        <v>27</v>
      </c>
    </row>
    <row r="27175" spans="1:43">
      <c r="A27175" t="s">
        <v>16821</v>
      </c>
      <c r="B27175" t="s">
        <v>16822</v>
      </c>
      <c r="C27175" t="s">
        <v>16817</v>
      </c>
      <c r="D27175" t="s">
        <v>16818</v>
      </c>
      <c r="E27175" t="s">
        <v>16695</v>
      </c>
      <c r="F27175" t="s">
        <v>16696</v>
      </c>
      <c r="G27175" t="s">
        <v>16559</v>
      </c>
      <c r="H27175" t="s">
        <v>16560</v>
      </c>
      <c r="I27175" s="2">
        <v>1</v>
      </c>
      <c r="J27175" s="2">
        <v>0</v>
      </c>
      <c r="K27175" s="2">
        <v>0</v>
      </c>
      <c r="L27175" t="s">
        <v>120</v>
      </c>
      <c r="M27175" t="s">
        <v>87</v>
      </c>
      <c r="N27175" t="s">
        <v>88</v>
      </c>
      <c r="O27175" t="s">
        <v>85</v>
      </c>
      <c r="P27175" t="s">
        <v>86</v>
      </c>
      <c r="Q27175">
        <v>25</v>
      </c>
      <c r="R27175">
        <v>25</v>
      </c>
      <c r="S27175">
        <v>25</v>
      </c>
      <c r="T27175">
        <v>25</v>
      </c>
      <c r="U27175">
        <v>25</v>
      </c>
      <c r="V27175">
        <v>25</v>
      </c>
      <c r="W27175">
        <v>25</v>
      </c>
      <c r="X27175">
        <v>25</v>
      </c>
      <c r="Y27175">
        <v>25</v>
      </c>
      <c r="Z27175">
        <v>24</v>
      </c>
      <c r="AA27175">
        <v>24</v>
      </c>
      <c r="AB27175">
        <v>24</v>
      </c>
      <c r="AC27175">
        <v>24</v>
      </c>
      <c r="AD27175">
        <v>24</v>
      </c>
      <c r="AE27175">
        <v>24</v>
      </c>
      <c r="AF27175">
        <v>24</v>
      </c>
      <c r="AG27175">
        <v>24</v>
      </c>
      <c r="AH27175">
        <v>24</v>
      </c>
      <c r="AI27175">
        <v>24</v>
      </c>
      <c r="AJ27175">
        <v>24</v>
      </c>
      <c r="AK27175">
        <v>24</v>
      </c>
      <c r="AL27175">
        <v>24</v>
      </c>
      <c r="AM27175">
        <v>24</v>
      </c>
      <c r="AN27175">
        <v>24</v>
      </c>
      <c r="AO27175">
        <v>23</v>
      </c>
      <c r="AP27175">
        <v>23</v>
      </c>
      <c r="AQ27175">
        <v>23</v>
      </c>
    </row>
    <row r="27176" spans="1:43">
      <c r="A27176" t="s">
        <v>16821</v>
      </c>
      <c r="B27176" t="s">
        <v>16822</v>
      </c>
      <c r="C27176" t="s">
        <v>16817</v>
      </c>
      <c r="D27176" t="s">
        <v>16818</v>
      </c>
      <c r="E27176" t="s">
        <v>16695</v>
      </c>
      <c r="F27176" t="s">
        <v>16696</v>
      </c>
      <c r="G27176" t="s">
        <v>16559</v>
      </c>
      <c r="H27176" t="s">
        <v>16560</v>
      </c>
      <c r="I27176" s="2">
        <v>1</v>
      </c>
      <c r="J27176" s="2">
        <v>0</v>
      </c>
      <c r="K27176" s="2">
        <v>0</v>
      </c>
      <c r="L27176" t="s">
        <v>120</v>
      </c>
      <c r="M27176" t="s">
        <v>89</v>
      </c>
      <c r="N27176" t="s">
        <v>90</v>
      </c>
      <c r="O27176" t="s">
        <v>85</v>
      </c>
      <c r="P27176" t="s">
        <v>86</v>
      </c>
      <c r="Q27176">
        <v>25</v>
      </c>
      <c r="R27176">
        <v>25</v>
      </c>
      <c r="S27176">
        <v>25</v>
      </c>
      <c r="T27176">
        <v>26</v>
      </c>
      <c r="U27176">
        <v>26</v>
      </c>
      <c r="V27176">
        <v>26</v>
      </c>
      <c r="W27176">
        <v>27</v>
      </c>
      <c r="X27176">
        <v>27</v>
      </c>
      <c r="Y27176">
        <v>27</v>
      </c>
      <c r="Z27176">
        <v>27</v>
      </c>
      <c r="AA27176">
        <v>27</v>
      </c>
      <c r="AB27176">
        <v>28</v>
      </c>
      <c r="AC27176">
        <v>28</v>
      </c>
      <c r="AD27176">
        <v>28</v>
      </c>
      <c r="AE27176">
        <v>28</v>
      </c>
      <c r="AF27176">
        <v>28</v>
      </c>
      <c r="AG27176">
        <v>28</v>
      </c>
      <c r="AH27176">
        <v>28</v>
      </c>
      <c r="AI27176">
        <v>27</v>
      </c>
      <c r="AJ27176">
        <v>27</v>
      </c>
      <c r="AK27176">
        <v>27</v>
      </c>
      <c r="AL27176">
        <v>27</v>
      </c>
      <c r="AM27176">
        <v>27</v>
      </c>
      <c r="AN27176">
        <v>27</v>
      </c>
      <c r="AO27176">
        <v>26</v>
      </c>
      <c r="AP27176">
        <v>26</v>
      </c>
      <c r="AQ27176">
        <v>26</v>
      </c>
    </row>
    <row r="27177" spans="1:43">
      <c r="A27177" t="s">
        <v>16821</v>
      </c>
      <c r="B27177" t="s">
        <v>16822</v>
      </c>
      <c r="C27177" t="s">
        <v>16817</v>
      </c>
      <c r="D27177" t="s">
        <v>16818</v>
      </c>
      <c r="E27177" t="s">
        <v>16695</v>
      </c>
      <c r="F27177" t="s">
        <v>16696</v>
      </c>
      <c r="G27177" t="s">
        <v>16559</v>
      </c>
      <c r="H27177" t="s">
        <v>16560</v>
      </c>
      <c r="I27177" s="2">
        <v>1</v>
      </c>
      <c r="J27177" s="2">
        <v>0</v>
      </c>
      <c r="K27177" s="2">
        <v>0</v>
      </c>
      <c r="L27177" t="s">
        <v>120</v>
      </c>
      <c r="M27177" t="s">
        <v>83</v>
      </c>
      <c r="N27177" t="s">
        <v>91</v>
      </c>
      <c r="O27177" t="s">
        <v>85</v>
      </c>
      <c r="P27177" t="s">
        <v>86</v>
      </c>
      <c r="Q27177">
        <v>25</v>
      </c>
      <c r="R27177">
        <v>26</v>
      </c>
      <c r="S27177">
        <v>26</v>
      </c>
      <c r="T27177">
        <v>26</v>
      </c>
      <c r="U27177">
        <v>26</v>
      </c>
      <c r="V27177">
        <v>26</v>
      </c>
      <c r="W27177">
        <v>26</v>
      </c>
      <c r="X27177">
        <v>26</v>
      </c>
      <c r="Y27177">
        <v>27</v>
      </c>
      <c r="Z27177">
        <v>27</v>
      </c>
      <c r="AA27177">
        <v>27</v>
      </c>
      <c r="AB27177">
        <v>27</v>
      </c>
      <c r="AC27177">
        <v>27</v>
      </c>
      <c r="AD27177">
        <v>27</v>
      </c>
      <c r="AE27177">
        <v>27</v>
      </c>
      <c r="AF27177">
        <v>27</v>
      </c>
      <c r="AG27177">
        <v>27</v>
      </c>
      <c r="AH27177">
        <v>27</v>
      </c>
      <c r="AI27177">
        <v>28</v>
      </c>
      <c r="AJ27177">
        <v>28</v>
      </c>
      <c r="AK27177">
        <v>28</v>
      </c>
      <c r="AL27177">
        <v>28</v>
      </c>
      <c r="AM27177">
        <v>27</v>
      </c>
      <c r="AN27177">
        <v>27</v>
      </c>
      <c r="AO27177">
        <v>27</v>
      </c>
      <c r="AP27177">
        <v>27</v>
      </c>
      <c r="AQ27177">
        <v>27</v>
      </c>
    </row>
    <row r="27178" spans="1:43">
      <c r="A27178" t="s">
        <v>16823</v>
      </c>
      <c r="B27178" t="s">
        <v>16824</v>
      </c>
      <c r="C27178" t="s">
        <v>16817</v>
      </c>
      <c r="D27178" t="s">
        <v>16818</v>
      </c>
      <c r="E27178" t="s">
        <v>16695</v>
      </c>
      <c r="F27178" t="s">
        <v>16696</v>
      </c>
      <c r="G27178" t="s">
        <v>16559</v>
      </c>
      <c r="H27178" t="s">
        <v>16560</v>
      </c>
      <c r="I27178" s="2">
        <v>1</v>
      </c>
      <c r="J27178" s="2">
        <v>0</v>
      </c>
      <c r="K27178" s="2">
        <v>0</v>
      </c>
      <c r="L27178" t="s">
        <v>120</v>
      </c>
      <c r="M27178" t="s">
        <v>83</v>
      </c>
      <c r="N27178" t="s">
        <v>84</v>
      </c>
      <c r="O27178" t="s">
        <v>85</v>
      </c>
      <c r="P27178" t="s">
        <v>86</v>
      </c>
      <c r="Q27178">
        <v>12</v>
      </c>
      <c r="R27178">
        <v>12</v>
      </c>
      <c r="S27178">
        <v>12</v>
      </c>
      <c r="T27178">
        <v>12</v>
      </c>
      <c r="U27178">
        <v>12</v>
      </c>
      <c r="V27178">
        <v>12</v>
      </c>
      <c r="W27178">
        <v>12</v>
      </c>
      <c r="X27178">
        <v>12</v>
      </c>
      <c r="Y27178">
        <v>12</v>
      </c>
      <c r="Z27178">
        <v>12</v>
      </c>
      <c r="AA27178">
        <v>12</v>
      </c>
      <c r="AB27178">
        <v>12</v>
      </c>
      <c r="AC27178">
        <v>12</v>
      </c>
      <c r="AD27178">
        <v>12</v>
      </c>
      <c r="AE27178">
        <v>12</v>
      </c>
      <c r="AF27178">
        <v>12</v>
      </c>
      <c r="AG27178">
        <v>12</v>
      </c>
      <c r="AH27178">
        <v>13</v>
      </c>
      <c r="AI27178">
        <v>13</v>
      </c>
      <c r="AJ27178">
        <v>13</v>
      </c>
      <c r="AK27178">
        <v>13</v>
      </c>
      <c r="AL27178">
        <v>13</v>
      </c>
      <c r="AM27178">
        <v>13</v>
      </c>
      <c r="AN27178">
        <v>13</v>
      </c>
      <c r="AO27178">
        <v>12</v>
      </c>
      <c r="AP27178">
        <v>12</v>
      </c>
      <c r="AQ27178">
        <v>12</v>
      </c>
    </row>
    <row r="27179" spans="1:43">
      <c r="A27179" t="s">
        <v>16823</v>
      </c>
      <c r="B27179" t="s">
        <v>16824</v>
      </c>
      <c r="C27179" t="s">
        <v>16817</v>
      </c>
      <c r="D27179" t="s">
        <v>16818</v>
      </c>
      <c r="E27179" t="s">
        <v>16695</v>
      </c>
      <c r="F27179" t="s">
        <v>16696</v>
      </c>
      <c r="G27179" t="s">
        <v>16559</v>
      </c>
      <c r="H27179" t="s">
        <v>16560</v>
      </c>
      <c r="I27179" s="2">
        <v>1</v>
      </c>
      <c r="J27179" s="2">
        <v>0</v>
      </c>
      <c r="K27179" s="2">
        <v>0</v>
      </c>
      <c r="L27179" t="s">
        <v>120</v>
      </c>
      <c r="M27179" t="s">
        <v>87</v>
      </c>
      <c r="N27179" t="s">
        <v>88</v>
      </c>
      <c r="O27179" t="s">
        <v>85</v>
      </c>
      <c r="P27179" t="s">
        <v>86</v>
      </c>
      <c r="Q27179">
        <v>12</v>
      </c>
      <c r="R27179">
        <v>12</v>
      </c>
      <c r="S27179">
        <v>12</v>
      </c>
      <c r="T27179">
        <v>12</v>
      </c>
      <c r="U27179">
        <v>12</v>
      </c>
      <c r="V27179">
        <v>12</v>
      </c>
      <c r="W27179">
        <v>12</v>
      </c>
      <c r="X27179">
        <v>12</v>
      </c>
      <c r="Y27179">
        <v>12</v>
      </c>
      <c r="Z27179">
        <v>12</v>
      </c>
      <c r="AA27179">
        <v>12</v>
      </c>
      <c r="AB27179">
        <v>12</v>
      </c>
      <c r="AC27179">
        <v>12</v>
      </c>
      <c r="AD27179">
        <v>12</v>
      </c>
      <c r="AE27179">
        <v>12</v>
      </c>
      <c r="AF27179">
        <v>12</v>
      </c>
      <c r="AG27179">
        <v>12</v>
      </c>
      <c r="AH27179">
        <v>12</v>
      </c>
      <c r="AI27179">
        <v>12</v>
      </c>
      <c r="AJ27179">
        <v>12</v>
      </c>
      <c r="AK27179">
        <v>12</v>
      </c>
      <c r="AL27179">
        <v>12</v>
      </c>
      <c r="AM27179">
        <v>12</v>
      </c>
      <c r="AN27179">
        <v>12</v>
      </c>
      <c r="AO27179">
        <v>12</v>
      </c>
      <c r="AP27179">
        <v>12</v>
      </c>
      <c r="AQ27179">
        <v>12</v>
      </c>
    </row>
    <row r="27180" spans="1:43">
      <c r="A27180" t="s">
        <v>16823</v>
      </c>
      <c r="B27180" t="s">
        <v>16824</v>
      </c>
      <c r="C27180" t="s">
        <v>16817</v>
      </c>
      <c r="D27180" t="s">
        <v>16818</v>
      </c>
      <c r="E27180" t="s">
        <v>16695</v>
      </c>
      <c r="F27180" t="s">
        <v>16696</v>
      </c>
      <c r="G27180" t="s">
        <v>16559</v>
      </c>
      <c r="H27180" t="s">
        <v>16560</v>
      </c>
      <c r="I27180" s="2">
        <v>1</v>
      </c>
      <c r="J27180" s="2">
        <v>0</v>
      </c>
      <c r="K27180" s="2">
        <v>0</v>
      </c>
      <c r="L27180" t="s">
        <v>120</v>
      </c>
      <c r="M27180" t="s">
        <v>89</v>
      </c>
      <c r="N27180" t="s">
        <v>90</v>
      </c>
      <c r="O27180" t="s">
        <v>85</v>
      </c>
      <c r="P27180" t="s">
        <v>86</v>
      </c>
      <c r="Q27180">
        <v>12</v>
      </c>
      <c r="R27180">
        <v>12</v>
      </c>
      <c r="S27180">
        <v>12</v>
      </c>
      <c r="T27180">
        <v>12</v>
      </c>
      <c r="U27180">
        <v>12</v>
      </c>
      <c r="V27180">
        <v>12</v>
      </c>
      <c r="W27180">
        <v>13</v>
      </c>
      <c r="X27180">
        <v>13</v>
      </c>
      <c r="Y27180">
        <v>13</v>
      </c>
      <c r="Z27180">
        <v>13</v>
      </c>
      <c r="AA27180">
        <v>13</v>
      </c>
      <c r="AB27180">
        <v>13</v>
      </c>
      <c r="AC27180">
        <v>13</v>
      </c>
      <c r="AD27180">
        <v>13</v>
      </c>
      <c r="AE27180">
        <v>13</v>
      </c>
      <c r="AF27180">
        <v>13</v>
      </c>
      <c r="AG27180">
        <v>13</v>
      </c>
      <c r="AH27180">
        <v>13</v>
      </c>
      <c r="AI27180">
        <v>13</v>
      </c>
      <c r="AJ27180">
        <v>13</v>
      </c>
      <c r="AK27180">
        <v>13</v>
      </c>
      <c r="AL27180">
        <v>13</v>
      </c>
      <c r="AM27180">
        <v>13</v>
      </c>
      <c r="AN27180">
        <v>13</v>
      </c>
      <c r="AO27180">
        <v>13</v>
      </c>
      <c r="AP27180">
        <v>13</v>
      </c>
      <c r="AQ27180">
        <v>12</v>
      </c>
    </row>
    <row r="27181" spans="1:43">
      <c r="A27181" t="s">
        <v>16823</v>
      </c>
      <c r="B27181" t="s">
        <v>16824</v>
      </c>
      <c r="C27181" t="s">
        <v>16817</v>
      </c>
      <c r="D27181" t="s">
        <v>16818</v>
      </c>
      <c r="E27181" t="s">
        <v>16695</v>
      </c>
      <c r="F27181" t="s">
        <v>16696</v>
      </c>
      <c r="G27181" t="s">
        <v>16559</v>
      </c>
      <c r="H27181" t="s">
        <v>16560</v>
      </c>
      <c r="I27181" s="2">
        <v>1</v>
      </c>
      <c r="J27181" s="2">
        <v>0</v>
      </c>
      <c r="K27181" s="2">
        <v>0</v>
      </c>
      <c r="L27181" t="s">
        <v>120</v>
      </c>
      <c r="M27181" t="s">
        <v>83</v>
      </c>
      <c r="N27181" t="s">
        <v>91</v>
      </c>
      <c r="O27181" t="s">
        <v>85</v>
      </c>
      <c r="P27181" t="s">
        <v>86</v>
      </c>
      <c r="Q27181">
        <v>12</v>
      </c>
      <c r="R27181">
        <v>12</v>
      </c>
      <c r="S27181">
        <v>12</v>
      </c>
      <c r="T27181">
        <v>12</v>
      </c>
      <c r="U27181">
        <v>12</v>
      </c>
      <c r="V27181">
        <v>12</v>
      </c>
      <c r="W27181">
        <v>12</v>
      </c>
      <c r="X27181">
        <v>12</v>
      </c>
      <c r="Y27181">
        <v>12</v>
      </c>
      <c r="Z27181">
        <v>12</v>
      </c>
      <c r="AA27181">
        <v>12</v>
      </c>
      <c r="AB27181">
        <v>12</v>
      </c>
      <c r="AC27181">
        <v>12</v>
      </c>
      <c r="AD27181">
        <v>12</v>
      </c>
      <c r="AE27181">
        <v>12</v>
      </c>
      <c r="AF27181">
        <v>12</v>
      </c>
      <c r="AG27181">
        <v>12</v>
      </c>
      <c r="AH27181">
        <v>13</v>
      </c>
      <c r="AI27181">
        <v>13</v>
      </c>
      <c r="AJ27181">
        <v>13</v>
      </c>
      <c r="AK27181">
        <v>13</v>
      </c>
      <c r="AL27181">
        <v>13</v>
      </c>
      <c r="AM27181">
        <v>13</v>
      </c>
      <c r="AN27181">
        <v>13</v>
      </c>
      <c r="AO27181">
        <v>12</v>
      </c>
      <c r="AP27181">
        <v>12</v>
      </c>
      <c r="AQ27181">
        <v>12</v>
      </c>
    </row>
    <row r="27182" spans="1:43">
      <c r="A27182" t="s">
        <v>16825</v>
      </c>
      <c r="B27182" t="s">
        <v>16826</v>
      </c>
      <c r="C27182" t="s">
        <v>16817</v>
      </c>
      <c r="D27182" t="s">
        <v>16818</v>
      </c>
      <c r="E27182" t="s">
        <v>16695</v>
      </c>
      <c r="F27182" t="s">
        <v>16696</v>
      </c>
      <c r="G27182" t="s">
        <v>16559</v>
      </c>
      <c r="H27182" t="s">
        <v>16560</v>
      </c>
      <c r="I27182" s="2">
        <v>1</v>
      </c>
      <c r="J27182" s="2">
        <v>0</v>
      </c>
      <c r="K27182" s="2">
        <v>0</v>
      </c>
      <c r="L27182" t="s">
        <v>120</v>
      </c>
      <c r="M27182" t="s">
        <v>83</v>
      </c>
      <c r="N27182" t="s">
        <v>84</v>
      </c>
      <c r="O27182" t="s">
        <v>85</v>
      </c>
      <c r="P27182" t="s">
        <v>86</v>
      </c>
      <c r="Q27182">
        <v>10</v>
      </c>
      <c r="R27182">
        <v>10</v>
      </c>
      <c r="S27182">
        <v>10</v>
      </c>
      <c r="T27182">
        <v>10</v>
      </c>
      <c r="U27182">
        <v>10</v>
      </c>
      <c r="V27182">
        <v>10</v>
      </c>
      <c r="W27182">
        <v>11</v>
      </c>
      <c r="X27182">
        <v>11</v>
      </c>
      <c r="Y27182">
        <v>11</v>
      </c>
      <c r="Z27182">
        <v>11</v>
      </c>
      <c r="AA27182">
        <v>11</v>
      </c>
      <c r="AB27182">
        <v>11</v>
      </c>
      <c r="AC27182">
        <v>11</v>
      </c>
      <c r="AD27182">
        <v>11</v>
      </c>
      <c r="AE27182">
        <v>11</v>
      </c>
      <c r="AF27182">
        <v>11</v>
      </c>
      <c r="AG27182">
        <v>11</v>
      </c>
      <c r="AH27182">
        <v>11</v>
      </c>
      <c r="AI27182">
        <v>11</v>
      </c>
      <c r="AJ27182">
        <v>11</v>
      </c>
      <c r="AK27182">
        <v>11</v>
      </c>
      <c r="AL27182">
        <v>11</v>
      </c>
      <c r="AM27182">
        <v>11</v>
      </c>
      <c r="AN27182">
        <v>11</v>
      </c>
      <c r="AO27182">
        <v>11</v>
      </c>
      <c r="AP27182">
        <v>11</v>
      </c>
      <c r="AQ27182">
        <v>11</v>
      </c>
    </row>
    <row r="27183" spans="1:43">
      <c r="A27183" t="s">
        <v>16825</v>
      </c>
      <c r="B27183" t="s">
        <v>16826</v>
      </c>
      <c r="C27183" t="s">
        <v>16817</v>
      </c>
      <c r="D27183" t="s">
        <v>16818</v>
      </c>
      <c r="E27183" t="s">
        <v>16695</v>
      </c>
      <c r="F27183" t="s">
        <v>16696</v>
      </c>
      <c r="G27183" t="s">
        <v>16559</v>
      </c>
      <c r="H27183" t="s">
        <v>16560</v>
      </c>
      <c r="I27183" s="2">
        <v>1</v>
      </c>
      <c r="J27183" s="2">
        <v>0</v>
      </c>
      <c r="K27183" s="2">
        <v>0</v>
      </c>
      <c r="L27183" t="s">
        <v>120</v>
      </c>
      <c r="M27183" t="s">
        <v>87</v>
      </c>
      <c r="N27183" t="s">
        <v>88</v>
      </c>
      <c r="O27183" t="s">
        <v>85</v>
      </c>
      <c r="P27183" t="s">
        <v>86</v>
      </c>
      <c r="Q27183">
        <v>10</v>
      </c>
      <c r="R27183">
        <v>10</v>
      </c>
      <c r="S27183">
        <v>10</v>
      </c>
      <c r="T27183">
        <v>10</v>
      </c>
      <c r="U27183">
        <v>10</v>
      </c>
      <c r="V27183">
        <v>10</v>
      </c>
      <c r="W27183">
        <v>10</v>
      </c>
      <c r="X27183">
        <v>10</v>
      </c>
      <c r="Y27183">
        <v>10</v>
      </c>
      <c r="Z27183">
        <v>10</v>
      </c>
      <c r="AA27183">
        <v>10</v>
      </c>
      <c r="AB27183">
        <v>10</v>
      </c>
      <c r="AC27183">
        <v>10</v>
      </c>
      <c r="AD27183">
        <v>10</v>
      </c>
      <c r="AE27183">
        <v>10</v>
      </c>
      <c r="AF27183">
        <v>10</v>
      </c>
      <c r="AG27183">
        <v>10</v>
      </c>
      <c r="AH27183">
        <v>10</v>
      </c>
      <c r="AI27183">
        <v>10</v>
      </c>
      <c r="AJ27183">
        <v>10</v>
      </c>
      <c r="AK27183">
        <v>10</v>
      </c>
      <c r="AL27183">
        <v>10</v>
      </c>
      <c r="AM27183">
        <v>9</v>
      </c>
      <c r="AN27183">
        <v>9</v>
      </c>
      <c r="AO27183">
        <v>9</v>
      </c>
      <c r="AP27183">
        <v>9</v>
      </c>
      <c r="AQ27183">
        <v>9</v>
      </c>
    </row>
    <row r="27184" spans="1:43">
      <c r="A27184" t="s">
        <v>16825</v>
      </c>
      <c r="B27184" t="s">
        <v>16826</v>
      </c>
      <c r="C27184" t="s">
        <v>16817</v>
      </c>
      <c r="D27184" t="s">
        <v>16818</v>
      </c>
      <c r="E27184" t="s">
        <v>16695</v>
      </c>
      <c r="F27184" t="s">
        <v>16696</v>
      </c>
      <c r="G27184" t="s">
        <v>16559</v>
      </c>
      <c r="H27184" t="s">
        <v>16560</v>
      </c>
      <c r="I27184" s="2">
        <v>1</v>
      </c>
      <c r="J27184" s="2">
        <v>0</v>
      </c>
      <c r="K27184" s="2">
        <v>0</v>
      </c>
      <c r="L27184" t="s">
        <v>120</v>
      </c>
      <c r="M27184" t="s">
        <v>89</v>
      </c>
      <c r="N27184" t="s">
        <v>90</v>
      </c>
      <c r="O27184" t="s">
        <v>85</v>
      </c>
      <c r="P27184" t="s">
        <v>86</v>
      </c>
      <c r="Q27184">
        <v>10</v>
      </c>
      <c r="R27184">
        <v>10</v>
      </c>
      <c r="S27184">
        <v>11</v>
      </c>
      <c r="T27184">
        <v>11</v>
      </c>
      <c r="U27184">
        <v>11</v>
      </c>
      <c r="V27184">
        <v>11</v>
      </c>
      <c r="W27184">
        <v>11</v>
      </c>
      <c r="X27184">
        <v>11</v>
      </c>
      <c r="Y27184">
        <v>11</v>
      </c>
      <c r="Z27184">
        <v>11</v>
      </c>
      <c r="AA27184">
        <v>11</v>
      </c>
      <c r="AB27184">
        <v>11</v>
      </c>
      <c r="AC27184">
        <v>12</v>
      </c>
      <c r="AD27184">
        <v>12</v>
      </c>
      <c r="AE27184">
        <v>12</v>
      </c>
      <c r="AF27184">
        <v>12</v>
      </c>
      <c r="AG27184">
        <v>12</v>
      </c>
      <c r="AH27184">
        <v>11</v>
      </c>
      <c r="AI27184">
        <v>11</v>
      </c>
      <c r="AJ27184">
        <v>11</v>
      </c>
      <c r="AK27184">
        <v>11</v>
      </c>
      <c r="AL27184">
        <v>11</v>
      </c>
      <c r="AM27184">
        <v>11</v>
      </c>
      <c r="AN27184">
        <v>11</v>
      </c>
      <c r="AO27184">
        <v>11</v>
      </c>
      <c r="AP27184">
        <v>11</v>
      </c>
      <c r="AQ27184">
        <v>11</v>
      </c>
    </row>
    <row r="27185" spans="1:43">
      <c r="A27185" t="s">
        <v>16825</v>
      </c>
      <c r="B27185" t="s">
        <v>16826</v>
      </c>
      <c r="C27185" t="s">
        <v>16817</v>
      </c>
      <c r="D27185" t="s">
        <v>16818</v>
      </c>
      <c r="E27185" t="s">
        <v>16695</v>
      </c>
      <c r="F27185" t="s">
        <v>16696</v>
      </c>
      <c r="G27185" t="s">
        <v>16559</v>
      </c>
      <c r="H27185" t="s">
        <v>16560</v>
      </c>
      <c r="I27185" s="2">
        <v>1</v>
      </c>
      <c r="J27185" s="2">
        <v>0</v>
      </c>
      <c r="K27185" s="2">
        <v>0</v>
      </c>
      <c r="L27185" t="s">
        <v>120</v>
      </c>
      <c r="M27185" t="s">
        <v>83</v>
      </c>
      <c r="N27185" t="s">
        <v>91</v>
      </c>
      <c r="O27185" t="s">
        <v>85</v>
      </c>
      <c r="P27185" t="s">
        <v>86</v>
      </c>
      <c r="Q27185">
        <v>10</v>
      </c>
      <c r="R27185">
        <v>10</v>
      </c>
      <c r="S27185">
        <v>10</v>
      </c>
      <c r="T27185">
        <v>10</v>
      </c>
      <c r="U27185">
        <v>10</v>
      </c>
      <c r="V27185">
        <v>10</v>
      </c>
      <c r="W27185">
        <v>11</v>
      </c>
      <c r="X27185">
        <v>11</v>
      </c>
      <c r="Y27185">
        <v>11</v>
      </c>
      <c r="Z27185">
        <v>11</v>
      </c>
      <c r="AA27185">
        <v>11</v>
      </c>
      <c r="AB27185">
        <v>11</v>
      </c>
      <c r="AC27185">
        <v>11</v>
      </c>
      <c r="AD27185">
        <v>11</v>
      </c>
      <c r="AE27185">
        <v>11</v>
      </c>
      <c r="AF27185">
        <v>11</v>
      </c>
      <c r="AG27185">
        <v>11</v>
      </c>
      <c r="AH27185">
        <v>11</v>
      </c>
      <c r="AI27185">
        <v>11</v>
      </c>
      <c r="AJ27185">
        <v>11</v>
      </c>
      <c r="AK27185">
        <v>11</v>
      </c>
      <c r="AL27185">
        <v>11</v>
      </c>
      <c r="AM27185">
        <v>11</v>
      </c>
      <c r="AN27185">
        <v>11</v>
      </c>
      <c r="AO27185">
        <v>11</v>
      </c>
      <c r="AP27185">
        <v>11</v>
      </c>
      <c r="AQ27185">
        <v>11</v>
      </c>
    </row>
    <row r="27186" spans="1:43">
      <c r="A27186" t="s">
        <v>16827</v>
      </c>
      <c r="B27186" t="s">
        <v>16828</v>
      </c>
      <c r="C27186" t="s">
        <v>16807</v>
      </c>
      <c r="D27186" t="s">
        <v>16808</v>
      </c>
      <c r="E27186" t="s">
        <v>16695</v>
      </c>
      <c r="F27186" t="s">
        <v>16696</v>
      </c>
      <c r="G27186" t="s">
        <v>16559</v>
      </c>
      <c r="H27186" t="s">
        <v>16560</v>
      </c>
      <c r="I27186" s="2">
        <v>1</v>
      </c>
      <c r="J27186" s="2">
        <v>0</v>
      </c>
      <c r="K27186" s="2">
        <v>0</v>
      </c>
      <c r="L27186" t="s">
        <v>120</v>
      </c>
      <c r="M27186" t="s">
        <v>83</v>
      </c>
      <c r="N27186" t="s">
        <v>84</v>
      </c>
      <c r="O27186" t="s">
        <v>85</v>
      </c>
      <c r="P27186" t="s">
        <v>86</v>
      </c>
      <c r="Q27186">
        <v>84</v>
      </c>
      <c r="R27186">
        <v>85</v>
      </c>
      <c r="S27186">
        <v>86</v>
      </c>
      <c r="T27186">
        <v>86</v>
      </c>
      <c r="U27186">
        <v>87</v>
      </c>
      <c r="V27186">
        <v>87</v>
      </c>
      <c r="W27186">
        <v>88</v>
      </c>
      <c r="X27186">
        <v>88</v>
      </c>
      <c r="Y27186">
        <v>88</v>
      </c>
      <c r="Z27186">
        <v>89</v>
      </c>
      <c r="AA27186">
        <v>89</v>
      </c>
      <c r="AB27186">
        <v>89</v>
      </c>
      <c r="AC27186">
        <v>90</v>
      </c>
      <c r="AD27186">
        <v>90</v>
      </c>
      <c r="AE27186">
        <v>91</v>
      </c>
      <c r="AF27186">
        <v>91</v>
      </c>
      <c r="AG27186">
        <v>91</v>
      </c>
      <c r="AH27186">
        <v>92</v>
      </c>
      <c r="AI27186">
        <v>92</v>
      </c>
      <c r="AJ27186">
        <v>92</v>
      </c>
      <c r="AK27186">
        <v>93</v>
      </c>
      <c r="AL27186">
        <v>92</v>
      </c>
      <c r="AM27186">
        <v>92</v>
      </c>
      <c r="AN27186">
        <v>91</v>
      </c>
      <c r="AO27186">
        <v>91</v>
      </c>
      <c r="AP27186">
        <v>91</v>
      </c>
      <c r="AQ27186">
        <v>90</v>
      </c>
    </row>
    <row r="27187" spans="1:43">
      <c r="A27187" t="s">
        <v>16827</v>
      </c>
      <c r="B27187" t="s">
        <v>16828</v>
      </c>
      <c r="C27187" t="s">
        <v>16807</v>
      </c>
      <c r="D27187" t="s">
        <v>16808</v>
      </c>
      <c r="E27187" t="s">
        <v>16695</v>
      </c>
      <c r="F27187" t="s">
        <v>16696</v>
      </c>
      <c r="G27187" t="s">
        <v>16559</v>
      </c>
      <c r="H27187" t="s">
        <v>16560</v>
      </c>
      <c r="I27187" s="2">
        <v>1</v>
      </c>
      <c r="J27187" s="2">
        <v>0</v>
      </c>
      <c r="K27187" s="2">
        <v>0</v>
      </c>
      <c r="L27187" t="s">
        <v>120</v>
      </c>
      <c r="M27187" t="s">
        <v>87</v>
      </c>
      <c r="N27187" t="s">
        <v>88</v>
      </c>
      <c r="O27187" t="s">
        <v>85</v>
      </c>
      <c r="P27187" t="s">
        <v>86</v>
      </c>
      <c r="Q27187">
        <v>84</v>
      </c>
      <c r="R27187">
        <v>83</v>
      </c>
      <c r="S27187">
        <v>83</v>
      </c>
      <c r="T27187">
        <v>83</v>
      </c>
      <c r="U27187">
        <v>83</v>
      </c>
      <c r="V27187">
        <v>83</v>
      </c>
      <c r="W27187">
        <v>82</v>
      </c>
      <c r="X27187">
        <v>82</v>
      </c>
      <c r="Y27187">
        <v>82</v>
      </c>
      <c r="Z27187">
        <v>82</v>
      </c>
      <c r="AA27187">
        <v>81</v>
      </c>
      <c r="AB27187">
        <v>81</v>
      </c>
      <c r="AC27187">
        <v>81</v>
      </c>
      <c r="AD27187">
        <v>81</v>
      </c>
      <c r="AE27187">
        <v>81</v>
      </c>
      <c r="AF27187">
        <v>80</v>
      </c>
      <c r="AG27187">
        <v>80</v>
      </c>
      <c r="AH27187">
        <v>80</v>
      </c>
      <c r="AI27187">
        <v>80</v>
      </c>
      <c r="AJ27187">
        <v>80</v>
      </c>
      <c r="AK27187">
        <v>80</v>
      </c>
      <c r="AL27187">
        <v>80</v>
      </c>
      <c r="AM27187">
        <v>79</v>
      </c>
      <c r="AN27187">
        <v>79</v>
      </c>
      <c r="AO27187">
        <v>79</v>
      </c>
      <c r="AP27187">
        <v>79</v>
      </c>
      <c r="AQ27187">
        <v>79</v>
      </c>
    </row>
    <row r="27188" spans="1:43">
      <c r="A27188" t="s">
        <v>16827</v>
      </c>
      <c r="B27188" t="s">
        <v>16828</v>
      </c>
      <c r="C27188" t="s">
        <v>16807</v>
      </c>
      <c r="D27188" t="s">
        <v>16808</v>
      </c>
      <c r="E27188" t="s">
        <v>16695</v>
      </c>
      <c r="F27188" t="s">
        <v>16696</v>
      </c>
      <c r="G27188" t="s">
        <v>16559</v>
      </c>
      <c r="H27188" t="s">
        <v>16560</v>
      </c>
      <c r="I27188" s="2">
        <v>1</v>
      </c>
      <c r="J27188" s="2">
        <v>0</v>
      </c>
      <c r="K27188" s="2">
        <v>0</v>
      </c>
      <c r="L27188" t="s">
        <v>120</v>
      </c>
      <c r="M27188" t="s">
        <v>89</v>
      </c>
      <c r="N27188" t="s">
        <v>90</v>
      </c>
      <c r="O27188" t="s">
        <v>85</v>
      </c>
      <c r="P27188" t="s">
        <v>86</v>
      </c>
      <c r="Q27188">
        <v>84</v>
      </c>
      <c r="R27188">
        <v>85</v>
      </c>
      <c r="S27188">
        <v>87</v>
      </c>
      <c r="T27188">
        <v>88</v>
      </c>
      <c r="U27188">
        <v>89</v>
      </c>
      <c r="V27188">
        <v>90</v>
      </c>
      <c r="W27188">
        <v>91</v>
      </c>
      <c r="X27188">
        <v>92</v>
      </c>
      <c r="Y27188">
        <v>92</v>
      </c>
      <c r="Z27188">
        <v>93</v>
      </c>
      <c r="AA27188">
        <v>94</v>
      </c>
      <c r="AB27188">
        <v>94</v>
      </c>
      <c r="AC27188">
        <v>95</v>
      </c>
      <c r="AD27188">
        <v>96</v>
      </c>
      <c r="AE27188">
        <v>96</v>
      </c>
      <c r="AF27188">
        <v>95</v>
      </c>
      <c r="AG27188">
        <v>95</v>
      </c>
      <c r="AH27188">
        <v>94</v>
      </c>
      <c r="AI27188">
        <v>94</v>
      </c>
      <c r="AJ27188">
        <v>93</v>
      </c>
      <c r="AK27188">
        <v>93</v>
      </c>
      <c r="AL27188">
        <v>92</v>
      </c>
      <c r="AM27188">
        <v>92</v>
      </c>
      <c r="AN27188">
        <v>91</v>
      </c>
      <c r="AO27188">
        <v>91</v>
      </c>
      <c r="AP27188">
        <v>91</v>
      </c>
      <c r="AQ27188">
        <v>90</v>
      </c>
    </row>
    <row r="27189" spans="1:43">
      <c r="A27189" t="s">
        <v>16827</v>
      </c>
      <c r="B27189" t="s">
        <v>16828</v>
      </c>
      <c r="C27189" t="s">
        <v>16807</v>
      </c>
      <c r="D27189" t="s">
        <v>16808</v>
      </c>
      <c r="E27189" t="s">
        <v>16695</v>
      </c>
      <c r="F27189" t="s">
        <v>16696</v>
      </c>
      <c r="G27189" t="s">
        <v>16559</v>
      </c>
      <c r="H27189" t="s">
        <v>16560</v>
      </c>
      <c r="I27189" s="2">
        <v>1</v>
      </c>
      <c r="J27189" s="2">
        <v>0</v>
      </c>
      <c r="K27189" s="2">
        <v>0</v>
      </c>
      <c r="L27189" t="s">
        <v>120</v>
      </c>
      <c r="M27189" t="s">
        <v>83</v>
      </c>
      <c r="N27189" t="s">
        <v>91</v>
      </c>
      <c r="O27189" t="s">
        <v>85</v>
      </c>
      <c r="P27189" t="s">
        <v>86</v>
      </c>
      <c r="Q27189">
        <v>84</v>
      </c>
      <c r="R27189">
        <v>85</v>
      </c>
      <c r="S27189">
        <v>86</v>
      </c>
      <c r="T27189">
        <v>86</v>
      </c>
      <c r="U27189">
        <v>87</v>
      </c>
      <c r="V27189">
        <v>87</v>
      </c>
      <c r="W27189">
        <v>88</v>
      </c>
      <c r="X27189">
        <v>88</v>
      </c>
      <c r="Y27189">
        <v>88</v>
      </c>
      <c r="Z27189">
        <v>89</v>
      </c>
      <c r="AA27189">
        <v>89</v>
      </c>
      <c r="AB27189">
        <v>89</v>
      </c>
      <c r="AC27189">
        <v>90</v>
      </c>
      <c r="AD27189">
        <v>90</v>
      </c>
      <c r="AE27189">
        <v>91</v>
      </c>
      <c r="AF27189">
        <v>91</v>
      </c>
      <c r="AG27189">
        <v>91</v>
      </c>
      <c r="AH27189">
        <v>92</v>
      </c>
      <c r="AI27189">
        <v>92</v>
      </c>
      <c r="AJ27189">
        <v>92</v>
      </c>
      <c r="AK27189">
        <v>93</v>
      </c>
      <c r="AL27189">
        <v>92</v>
      </c>
      <c r="AM27189">
        <v>92</v>
      </c>
      <c r="AN27189">
        <v>91</v>
      </c>
      <c r="AO27189">
        <v>91</v>
      </c>
      <c r="AP27189">
        <v>91</v>
      </c>
      <c r="AQ27189">
        <v>90</v>
      </c>
    </row>
    <row r="27190" spans="1:43">
      <c r="A27190" t="s">
        <v>16829</v>
      </c>
      <c r="B27190" t="s">
        <v>16830</v>
      </c>
      <c r="C27190" t="s">
        <v>16705</v>
      </c>
      <c r="D27190" t="s">
        <v>16706</v>
      </c>
      <c r="E27190" t="s">
        <v>16695</v>
      </c>
      <c r="F27190" t="s">
        <v>16696</v>
      </c>
      <c r="G27190" t="s">
        <v>16559</v>
      </c>
      <c r="H27190" t="s">
        <v>16560</v>
      </c>
      <c r="I27190" s="2">
        <v>1</v>
      </c>
      <c r="J27190" s="2">
        <v>0</v>
      </c>
      <c r="K27190" s="2">
        <v>0</v>
      </c>
      <c r="L27190" t="s">
        <v>120</v>
      </c>
      <c r="M27190" t="s">
        <v>83</v>
      </c>
      <c r="N27190" t="s">
        <v>84</v>
      </c>
      <c r="O27190" t="s">
        <v>85</v>
      </c>
      <c r="P27190" t="s">
        <v>86</v>
      </c>
      <c r="Q27190">
        <v>62</v>
      </c>
      <c r="R27190">
        <v>62</v>
      </c>
      <c r="S27190">
        <v>63</v>
      </c>
      <c r="T27190">
        <v>63</v>
      </c>
      <c r="U27190">
        <v>63</v>
      </c>
      <c r="V27190">
        <v>64</v>
      </c>
      <c r="W27190">
        <v>64</v>
      </c>
      <c r="X27190">
        <v>64</v>
      </c>
      <c r="Y27190">
        <v>65</v>
      </c>
      <c r="Z27190">
        <v>65</v>
      </c>
      <c r="AA27190">
        <v>65</v>
      </c>
      <c r="AB27190">
        <v>66</v>
      </c>
      <c r="AC27190">
        <v>66</v>
      </c>
      <c r="AD27190">
        <v>66</v>
      </c>
      <c r="AE27190">
        <v>66</v>
      </c>
      <c r="AF27190">
        <v>67</v>
      </c>
      <c r="AG27190">
        <v>67</v>
      </c>
      <c r="AH27190">
        <v>67</v>
      </c>
      <c r="AI27190">
        <v>67</v>
      </c>
      <c r="AJ27190">
        <v>68</v>
      </c>
      <c r="AK27190">
        <v>68</v>
      </c>
      <c r="AL27190">
        <v>68</v>
      </c>
      <c r="AM27190">
        <v>68</v>
      </c>
      <c r="AN27190">
        <v>67</v>
      </c>
      <c r="AO27190">
        <v>67</v>
      </c>
      <c r="AP27190">
        <v>67</v>
      </c>
      <c r="AQ27190">
        <v>66</v>
      </c>
    </row>
    <row r="27191" spans="1:43">
      <c r="A27191" t="s">
        <v>16829</v>
      </c>
      <c r="B27191" t="s">
        <v>16830</v>
      </c>
      <c r="C27191" t="s">
        <v>16705</v>
      </c>
      <c r="D27191" t="s">
        <v>16706</v>
      </c>
      <c r="E27191" t="s">
        <v>16695</v>
      </c>
      <c r="F27191" t="s">
        <v>16696</v>
      </c>
      <c r="G27191" t="s">
        <v>16559</v>
      </c>
      <c r="H27191" t="s">
        <v>16560</v>
      </c>
      <c r="I27191" s="2">
        <v>1</v>
      </c>
      <c r="J27191" s="2">
        <v>0</v>
      </c>
      <c r="K27191" s="2">
        <v>0</v>
      </c>
      <c r="L27191" t="s">
        <v>120</v>
      </c>
      <c r="M27191" t="s">
        <v>87</v>
      </c>
      <c r="N27191" t="s">
        <v>88</v>
      </c>
      <c r="O27191" t="s">
        <v>85</v>
      </c>
      <c r="P27191" t="s">
        <v>86</v>
      </c>
      <c r="Q27191">
        <v>62</v>
      </c>
      <c r="R27191">
        <v>62</v>
      </c>
      <c r="S27191">
        <v>62</v>
      </c>
      <c r="T27191">
        <v>62</v>
      </c>
      <c r="U27191">
        <v>62</v>
      </c>
      <c r="V27191">
        <v>61</v>
      </c>
      <c r="W27191">
        <v>61</v>
      </c>
      <c r="X27191">
        <v>61</v>
      </c>
      <c r="Y27191">
        <v>61</v>
      </c>
      <c r="Z27191">
        <v>61</v>
      </c>
      <c r="AA27191">
        <v>61</v>
      </c>
      <c r="AB27191">
        <v>60</v>
      </c>
      <c r="AC27191">
        <v>60</v>
      </c>
      <c r="AD27191">
        <v>60</v>
      </c>
      <c r="AE27191">
        <v>60</v>
      </c>
      <c r="AF27191">
        <v>60</v>
      </c>
      <c r="AG27191">
        <v>60</v>
      </c>
      <c r="AH27191">
        <v>60</v>
      </c>
      <c r="AI27191">
        <v>60</v>
      </c>
      <c r="AJ27191">
        <v>59</v>
      </c>
      <c r="AK27191">
        <v>59</v>
      </c>
      <c r="AL27191">
        <v>59</v>
      </c>
      <c r="AM27191">
        <v>59</v>
      </c>
      <c r="AN27191">
        <v>59</v>
      </c>
      <c r="AO27191">
        <v>59</v>
      </c>
      <c r="AP27191">
        <v>59</v>
      </c>
      <c r="AQ27191">
        <v>59</v>
      </c>
    </row>
    <row r="27192" spans="1:43">
      <c r="A27192" t="s">
        <v>16829</v>
      </c>
      <c r="B27192" t="s">
        <v>16830</v>
      </c>
      <c r="C27192" t="s">
        <v>16705</v>
      </c>
      <c r="D27192" t="s">
        <v>16706</v>
      </c>
      <c r="E27192" t="s">
        <v>16695</v>
      </c>
      <c r="F27192" t="s">
        <v>16696</v>
      </c>
      <c r="G27192" t="s">
        <v>16559</v>
      </c>
      <c r="H27192" t="s">
        <v>16560</v>
      </c>
      <c r="I27192" s="2">
        <v>1</v>
      </c>
      <c r="J27192" s="2">
        <v>0</v>
      </c>
      <c r="K27192" s="2">
        <v>0</v>
      </c>
      <c r="L27192" t="s">
        <v>120</v>
      </c>
      <c r="M27192" t="s">
        <v>89</v>
      </c>
      <c r="N27192" t="s">
        <v>90</v>
      </c>
      <c r="O27192" t="s">
        <v>85</v>
      </c>
      <c r="P27192" t="s">
        <v>86</v>
      </c>
      <c r="Q27192">
        <v>62</v>
      </c>
      <c r="R27192">
        <v>63</v>
      </c>
      <c r="S27192">
        <v>64</v>
      </c>
      <c r="T27192">
        <v>65</v>
      </c>
      <c r="U27192">
        <v>66</v>
      </c>
      <c r="V27192">
        <v>67</v>
      </c>
      <c r="W27192">
        <v>67</v>
      </c>
      <c r="X27192">
        <v>68</v>
      </c>
      <c r="Y27192">
        <v>68</v>
      </c>
      <c r="Z27192">
        <v>69</v>
      </c>
      <c r="AA27192">
        <v>69</v>
      </c>
      <c r="AB27192">
        <v>70</v>
      </c>
      <c r="AC27192">
        <v>70</v>
      </c>
      <c r="AD27192">
        <v>71</v>
      </c>
      <c r="AE27192">
        <v>71</v>
      </c>
      <c r="AF27192">
        <v>71</v>
      </c>
      <c r="AG27192">
        <v>70</v>
      </c>
      <c r="AH27192">
        <v>70</v>
      </c>
      <c r="AI27192">
        <v>70</v>
      </c>
      <c r="AJ27192">
        <v>69</v>
      </c>
      <c r="AK27192">
        <v>69</v>
      </c>
      <c r="AL27192">
        <v>69</v>
      </c>
      <c r="AM27192">
        <v>68</v>
      </c>
      <c r="AN27192">
        <v>68</v>
      </c>
      <c r="AO27192">
        <v>68</v>
      </c>
      <c r="AP27192">
        <v>67</v>
      </c>
      <c r="AQ27192">
        <v>67</v>
      </c>
    </row>
    <row r="27193" spans="1:43">
      <c r="A27193" t="s">
        <v>16829</v>
      </c>
      <c r="B27193" t="s">
        <v>16830</v>
      </c>
      <c r="C27193" t="s">
        <v>16705</v>
      </c>
      <c r="D27193" t="s">
        <v>16706</v>
      </c>
      <c r="E27193" t="s">
        <v>16695</v>
      </c>
      <c r="F27193" t="s">
        <v>16696</v>
      </c>
      <c r="G27193" t="s">
        <v>16559</v>
      </c>
      <c r="H27193" t="s">
        <v>16560</v>
      </c>
      <c r="I27193" s="2">
        <v>1</v>
      </c>
      <c r="J27193" s="2">
        <v>0</v>
      </c>
      <c r="K27193" s="2">
        <v>0</v>
      </c>
      <c r="L27193" t="s">
        <v>120</v>
      </c>
      <c r="M27193" t="s">
        <v>83</v>
      </c>
      <c r="N27193" t="s">
        <v>91</v>
      </c>
      <c r="O27193" t="s">
        <v>85</v>
      </c>
      <c r="P27193" t="s">
        <v>86</v>
      </c>
      <c r="Q27193">
        <v>62</v>
      </c>
      <c r="R27193">
        <v>62</v>
      </c>
      <c r="S27193">
        <v>63</v>
      </c>
      <c r="T27193">
        <v>63</v>
      </c>
      <c r="U27193">
        <v>63</v>
      </c>
      <c r="V27193">
        <v>64</v>
      </c>
      <c r="W27193">
        <v>64</v>
      </c>
      <c r="X27193">
        <v>64</v>
      </c>
      <c r="Y27193">
        <v>65</v>
      </c>
      <c r="Z27193">
        <v>65</v>
      </c>
      <c r="AA27193">
        <v>65</v>
      </c>
      <c r="AB27193">
        <v>66</v>
      </c>
      <c r="AC27193">
        <v>66</v>
      </c>
      <c r="AD27193">
        <v>66</v>
      </c>
      <c r="AE27193">
        <v>66</v>
      </c>
      <c r="AF27193">
        <v>67</v>
      </c>
      <c r="AG27193">
        <v>67</v>
      </c>
      <c r="AH27193">
        <v>67</v>
      </c>
      <c r="AI27193">
        <v>67</v>
      </c>
      <c r="AJ27193">
        <v>68</v>
      </c>
      <c r="AK27193">
        <v>68</v>
      </c>
      <c r="AL27193">
        <v>68</v>
      </c>
      <c r="AM27193">
        <v>68</v>
      </c>
      <c r="AN27193">
        <v>67</v>
      </c>
      <c r="AO27193">
        <v>67</v>
      </c>
      <c r="AP27193">
        <v>67</v>
      </c>
      <c r="AQ27193">
        <v>66</v>
      </c>
    </row>
    <row r="27194" spans="1:43">
      <c r="A27194" t="s">
        <v>16831</v>
      </c>
      <c r="B27194" t="s">
        <v>16832</v>
      </c>
      <c r="C27194" t="s">
        <v>16833</v>
      </c>
      <c r="D27194" t="s">
        <v>16834</v>
      </c>
      <c r="E27194" t="s">
        <v>16695</v>
      </c>
      <c r="F27194" t="s">
        <v>16696</v>
      </c>
      <c r="G27194" t="s">
        <v>16559</v>
      </c>
      <c r="H27194" t="s">
        <v>16560</v>
      </c>
      <c r="I27194" s="2">
        <v>1</v>
      </c>
      <c r="J27194" s="2">
        <v>0</v>
      </c>
      <c r="K27194" s="2">
        <v>0</v>
      </c>
      <c r="L27194" t="s">
        <v>120</v>
      </c>
      <c r="M27194" t="s">
        <v>83</v>
      </c>
      <c r="N27194" t="s">
        <v>84</v>
      </c>
      <c r="O27194" t="s">
        <v>85</v>
      </c>
      <c r="P27194" t="s">
        <v>86</v>
      </c>
      <c r="Q27194">
        <v>14</v>
      </c>
      <c r="R27194">
        <v>14</v>
      </c>
      <c r="S27194">
        <v>14</v>
      </c>
      <c r="T27194">
        <v>14</v>
      </c>
      <c r="U27194">
        <v>14</v>
      </c>
      <c r="V27194">
        <v>15</v>
      </c>
      <c r="W27194">
        <v>15</v>
      </c>
      <c r="X27194">
        <v>15</v>
      </c>
      <c r="Y27194">
        <v>15</v>
      </c>
      <c r="Z27194">
        <v>15</v>
      </c>
      <c r="AA27194">
        <v>15</v>
      </c>
      <c r="AB27194">
        <v>15</v>
      </c>
      <c r="AC27194">
        <v>15</v>
      </c>
      <c r="AD27194">
        <v>15</v>
      </c>
      <c r="AE27194">
        <v>15</v>
      </c>
      <c r="AF27194">
        <v>15</v>
      </c>
      <c r="AG27194">
        <v>15</v>
      </c>
      <c r="AH27194">
        <v>15</v>
      </c>
      <c r="AI27194">
        <v>15</v>
      </c>
      <c r="AJ27194">
        <v>15</v>
      </c>
      <c r="AK27194">
        <v>15</v>
      </c>
      <c r="AL27194">
        <v>15</v>
      </c>
      <c r="AM27194">
        <v>15</v>
      </c>
      <c r="AN27194">
        <v>15</v>
      </c>
      <c r="AO27194">
        <v>15</v>
      </c>
      <c r="AP27194">
        <v>15</v>
      </c>
      <c r="AQ27194">
        <v>15</v>
      </c>
    </row>
    <row r="27195" spans="1:43">
      <c r="A27195" t="s">
        <v>16831</v>
      </c>
      <c r="B27195" t="s">
        <v>16832</v>
      </c>
      <c r="C27195" t="s">
        <v>16833</v>
      </c>
      <c r="D27195" t="s">
        <v>16834</v>
      </c>
      <c r="E27195" t="s">
        <v>16695</v>
      </c>
      <c r="F27195" t="s">
        <v>16696</v>
      </c>
      <c r="G27195" t="s">
        <v>16559</v>
      </c>
      <c r="H27195" t="s">
        <v>16560</v>
      </c>
      <c r="I27195" s="2">
        <v>1</v>
      </c>
      <c r="J27195" s="2">
        <v>0</v>
      </c>
      <c r="K27195" s="2">
        <v>0</v>
      </c>
      <c r="L27195" t="s">
        <v>120</v>
      </c>
      <c r="M27195" t="s">
        <v>87</v>
      </c>
      <c r="N27195" t="s">
        <v>88</v>
      </c>
      <c r="O27195" t="s">
        <v>85</v>
      </c>
      <c r="P27195" t="s">
        <v>86</v>
      </c>
      <c r="Q27195">
        <v>14</v>
      </c>
      <c r="R27195">
        <v>14</v>
      </c>
      <c r="S27195">
        <v>14</v>
      </c>
      <c r="T27195">
        <v>14</v>
      </c>
      <c r="U27195">
        <v>14</v>
      </c>
      <c r="V27195">
        <v>14</v>
      </c>
      <c r="W27195">
        <v>14</v>
      </c>
      <c r="X27195">
        <v>14</v>
      </c>
      <c r="Y27195">
        <v>14</v>
      </c>
      <c r="Z27195">
        <v>14</v>
      </c>
      <c r="AA27195">
        <v>14</v>
      </c>
      <c r="AB27195">
        <v>14</v>
      </c>
      <c r="AC27195">
        <v>14</v>
      </c>
      <c r="AD27195">
        <v>14</v>
      </c>
      <c r="AE27195">
        <v>13</v>
      </c>
      <c r="AF27195">
        <v>13</v>
      </c>
      <c r="AG27195">
        <v>13</v>
      </c>
      <c r="AH27195">
        <v>13</v>
      </c>
      <c r="AI27195">
        <v>13</v>
      </c>
      <c r="AJ27195">
        <v>13</v>
      </c>
      <c r="AK27195">
        <v>13</v>
      </c>
      <c r="AL27195">
        <v>13</v>
      </c>
      <c r="AM27195">
        <v>13</v>
      </c>
      <c r="AN27195">
        <v>13</v>
      </c>
      <c r="AO27195">
        <v>13</v>
      </c>
      <c r="AP27195">
        <v>13</v>
      </c>
      <c r="AQ27195">
        <v>13</v>
      </c>
    </row>
    <row r="27196" spans="1:43">
      <c r="A27196" t="s">
        <v>16831</v>
      </c>
      <c r="B27196" t="s">
        <v>16832</v>
      </c>
      <c r="C27196" t="s">
        <v>16833</v>
      </c>
      <c r="D27196" t="s">
        <v>16834</v>
      </c>
      <c r="E27196" t="s">
        <v>16695</v>
      </c>
      <c r="F27196" t="s">
        <v>16696</v>
      </c>
      <c r="G27196" t="s">
        <v>16559</v>
      </c>
      <c r="H27196" t="s">
        <v>16560</v>
      </c>
      <c r="I27196" s="2">
        <v>1</v>
      </c>
      <c r="J27196" s="2">
        <v>0</v>
      </c>
      <c r="K27196" s="2">
        <v>0</v>
      </c>
      <c r="L27196" t="s">
        <v>120</v>
      </c>
      <c r="M27196" t="s">
        <v>89</v>
      </c>
      <c r="N27196" t="s">
        <v>90</v>
      </c>
      <c r="O27196" t="s">
        <v>85</v>
      </c>
      <c r="P27196" t="s">
        <v>86</v>
      </c>
      <c r="Q27196">
        <v>14</v>
      </c>
      <c r="R27196">
        <v>14</v>
      </c>
      <c r="S27196">
        <v>15</v>
      </c>
      <c r="T27196">
        <v>15</v>
      </c>
      <c r="U27196">
        <v>15</v>
      </c>
      <c r="V27196">
        <v>15</v>
      </c>
      <c r="W27196">
        <v>15</v>
      </c>
      <c r="X27196">
        <v>15</v>
      </c>
      <c r="Y27196">
        <v>16</v>
      </c>
      <c r="Z27196">
        <v>16</v>
      </c>
      <c r="AA27196">
        <v>16</v>
      </c>
      <c r="AB27196">
        <v>16</v>
      </c>
      <c r="AC27196">
        <v>16</v>
      </c>
      <c r="AD27196">
        <v>16</v>
      </c>
      <c r="AE27196">
        <v>16</v>
      </c>
      <c r="AF27196">
        <v>16</v>
      </c>
      <c r="AG27196">
        <v>16</v>
      </c>
      <c r="AH27196">
        <v>16</v>
      </c>
      <c r="AI27196">
        <v>16</v>
      </c>
      <c r="AJ27196">
        <v>16</v>
      </c>
      <c r="AK27196">
        <v>16</v>
      </c>
      <c r="AL27196">
        <v>16</v>
      </c>
      <c r="AM27196">
        <v>15</v>
      </c>
      <c r="AN27196">
        <v>15</v>
      </c>
      <c r="AO27196">
        <v>15</v>
      </c>
      <c r="AP27196">
        <v>15</v>
      </c>
      <c r="AQ27196">
        <v>15</v>
      </c>
    </row>
    <row r="27197" spans="1:43">
      <c r="A27197" t="s">
        <v>16831</v>
      </c>
      <c r="B27197" t="s">
        <v>16832</v>
      </c>
      <c r="C27197" t="s">
        <v>16833</v>
      </c>
      <c r="D27197" t="s">
        <v>16834</v>
      </c>
      <c r="E27197" t="s">
        <v>16695</v>
      </c>
      <c r="F27197" t="s">
        <v>16696</v>
      </c>
      <c r="G27197" t="s">
        <v>16559</v>
      </c>
      <c r="H27197" t="s">
        <v>16560</v>
      </c>
      <c r="I27197" s="2">
        <v>1</v>
      </c>
      <c r="J27197" s="2">
        <v>0</v>
      </c>
      <c r="K27197" s="2">
        <v>0</v>
      </c>
      <c r="L27197" t="s">
        <v>120</v>
      </c>
      <c r="M27197" t="s">
        <v>83</v>
      </c>
      <c r="N27197" t="s">
        <v>91</v>
      </c>
      <c r="O27197" t="s">
        <v>85</v>
      </c>
      <c r="P27197" t="s">
        <v>86</v>
      </c>
      <c r="Q27197">
        <v>14</v>
      </c>
      <c r="R27197">
        <v>14</v>
      </c>
      <c r="S27197">
        <v>14</v>
      </c>
      <c r="T27197">
        <v>14</v>
      </c>
      <c r="U27197">
        <v>14</v>
      </c>
      <c r="V27197">
        <v>15</v>
      </c>
      <c r="W27197">
        <v>15</v>
      </c>
      <c r="X27197">
        <v>15</v>
      </c>
      <c r="Y27197">
        <v>15</v>
      </c>
      <c r="Z27197">
        <v>15</v>
      </c>
      <c r="AA27197">
        <v>15</v>
      </c>
      <c r="AB27197">
        <v>15</v>
      </c>
      <c r="AC27197">
        <v>15</v>
      </c>
      <c r="AD27197">
        <v>15</v>
      </c>
      <c r="AE27197">
        <v>15</v>
      </c>
      <c r="AF27197">
        <v>15</v>
      </c>
      <c r="AG27197">
        <v>15</v>
      </c>
      <c r="AH27197">
        <v>15</v>
      </c>
      <c r="AI27197">
        <v>15</v>
      </c>
      <c r="AJ27197">
        <v>15</v>
      </c>
      <c r="AK27197">
        <v>15</v>
      </c>
      <c r="AL27197">
        <v>15</v>
      </c>
      <c r="AM27197">
        <v>15</v>
      </c>
      <c r="AN27197">
        <v>15</v>
      </c>
      <c r="AO27197">
        <v>15</v>
      </c>
      <c r="AP27197">
        <v>15</v>
      </c>
      <c r="AQ27197">
        <v>15</v>
      </c>
    </row>
    <row r="27198" spans="1:43">
      <c r="A27198" t="s">
        <v>16835</v>
      </c>
      <c r="B27198" t="s">
        <v>16836</v>
      </c>
      <c r="C27198" t="s">
        <v>16833</v>
      </c>
      <c r="D27198" t="s">
        <v>16834</v>
      </c>
      <c r="E27198" t="s">
        <v>16695</v>
      </c>
      <c r="F27198" t="s">
        <v>16696</v>
      </c>
      <c r="G27198" t="s">
        <v>16559</v>
      </c>
      <c r="H27198" t="s">
        <v>16560</v>
      </c>
      <c r="I27198" s="2">
        <v>1</v>
      </c>
      <c r="J27198" s="2">
        <v>0</v>
      </c>
      <c r="K27198" s="2">
        <v>0</v>
      </c>
      <c r="L27198" t="s">
        <v>120</v>
      </c>
      <c r="M27198" t="s">
        <v>83</v>
      </c>
      <c r="N27198" t="s">
        <v>84</v>
      </c>
      <c r="O27198" t="s">
        <v>85</v>
      </c>
      <c r="P27198" t="s">
        <v>86</v>
      </c>
      <c r="Q27198">
        <v>46</v>
      </c>
      <c r="R27198">
        <v>46</v>
      </c>
      <c r="S27198">
        <v>47</v>
      </c>
      <c r="T27198">
        <v>47</v>
      </c>
      <c r="U27198">
        <v>47</v>
      </c>
      <c r="V27198">
        <v>47</v>
      </c>
      <c r="W27198">
        <v>48</v>
      </c>
      <c r="X27198">
        <v>48</v>
      </c>
      <c r="Y27198">
        <v>48</v>
      </c>
      <c r="Z27198">
        <v>48</v>
      </c>
      <c r="AA27198">
        <v>49</v>
      </c>
      <c r="AB27198">
        <v>49</v>
      </c>
      <c r="AC27198">
        <v>49</v>
      </c>
      <c r="AD27198">
        <v>49</v>
      </c>
      <c r="AE27198">
        <v>49</v>
      </c>
      <c r="AF27198">
        <v>49</v>
      </c>
      <c r="AG27198">
        <v>50</v>
      </c>
      <c r="AH27198">
        <v>50</v>
      </c>
      <c r="AI27198">
        <v>50</v>
      </c>
      <c r="AJ27198">
        <v>50</v>
      </c>
      <c r="AK27198">
        <v>50</v>
      </c>
      <c r="AL27198">
        <v>50</v>
      </c>
      <c r="AM27198">
        <v>50</v>
      </c>
      <c r="AN27198">
        <v>50</v>
      </c>
      <c r="AO27198">
        <v>49</v>
      </c>
      <c r="AP27198">
        <v>49</v>
      </c>
      <c r="AQ27198">
        <v>49</v>
      </c>
    </row>
    <row r="27199" spans="1:43">
      <c r="A27199" t="s">
        <v>16835</v>
      </c>
      <c r="B27199" t="s">
        <v>16836</v>
      </c>
      <c r="C27199" t="s">
        <v>16833</v>
      </c>
      <c r="D27199" t="s">
        <v>16834</v>
      </c>
      <c r="E27199" t="s">
        <v>16695</v>
      </c>
      <c r="F27199" t="s">
        <v>16696</v>
      </c>
      <c r="G27199" t="s">
        <v>16559</v>
      </c>
      <c r="H27199" t="s">
        <v>16560</v>
      </c>
      <c r="I27199" s="2">
        <v>1</v>
      </c>
      <c r="J27199" s="2">
        <v>0</v>
      </c>
      <c r="K27199" s="2">
        <v>0</v>
      </c>
      <c r="L27199" t="s">
        <v>120</v>
      </c>
      <c r="M27199" t="s">
        <v>87</v>
      </c>
      <c r="N27199" t="s">
        <v>88</v>
      </c>
      <c r="O27199" t="s">
        <v>85</v>
      </c>
      <c r="P27199" t="s">
        <v>86</v>
      </c>
      <c r="Q27199">
        <v>46</v>
      </c>
      <c r="R27199">
        <v>45</v>
      </c>
      <c r="S27199">
        <v>45</v>
      </c>
      <c r="T27199">
        <v>45</v>
      </c>
      <c r="U27199">
        <v>45</v>
      </c>
      <c r="V27199">
        <v>45</v>
      </c>
      <c r="W27199">
        <v>45</v>
      </c>
      <c r="X27199">
        <v>45</v>
      </c>
      <c r="Y27199">
        <v>45</v>
      </c>
      <c r="Z27199">
        <v>44</v>
      </c>
      <c r="AA27199">
        <v>44</v>
      </c>
      <c r="AB27199">
        <v>44</v>
      </c>
      <c r="AC27199">
        <v>44</v>
      </c>
      <c r="AD27199">
        <v>44</v>
      </c>
      <c r="AE27199">
        <v>44</v>
      </c>
      <c r="AF27199">
        <v>44</v>
      </c>
      <c r="AG27199">
        <v>44</v>
      </c>
      <c r="AH27199">
        <v>44</v>
      </c>
      <c r="AI27199">
        <v>44</v>
      </c>
      <c r="AJ27199">
        <v>43</v>
      </c>
      <c r="AK27199">
        <v>43</v>
      </c>
      <c r="AL27199">
        <v>43</v>
      </c>
      <c r="AM27199">
        <v>43</v>
      </c>
      <c r="AN27199">
        <v>43</v>
      </c>
      <c r="AO27199">
        <v>43</v>
      </c>
      <c r="AP27199">
        <v>43</v>
      </c>
      <c r="AQ27199">
        <v>43</v>
      </c>
    </row>
    <row r="27200" spans="1:43">
      <c r="A27200" t="s">
        <v>16835</v>
      </c>
      <c r="B27200" t="s">
        <v>16836</v>
      </c>
      <c r="C27200" t="s">
        <v>16833</v>
      </c>
      <c r="D27200" t="s">
        <v>16834</v>
      </c>
      <c r="E27200" t="s">
        <v>16695</v>
      </c>
      <c r="F27200" t="s">
        <v>16696</v>
      </c>
      <c r="G27200" t="s">
        <v>16559</v>
      </c>
      <c r="H27200" t="s">
        <v>16560</v>
      </c>
      <c r="I27200" s="2">
        <v>1</v>
      </c>
      <c r="J27200" s="2">
        <v>0</v>
      </c>
      <c r="K27200" s="2">
        <v>0</v>
      </c>
      <c r="L27200" t="s">
        <v>120</v>
      </c>
      <c r="M27200" t="s">
        <v>89</v>
      </c>
      <c r="N27200" t="s">
        <v>90</v>
      </c>
      <c r="O27200" t="s">
        <v>85</v>
      </c>
      <c r="P27200" t="s">
        <v>86</v>
      </c>
      <c r="Q27200">
        <v>46</v>
      </c>
      <c r="R27200">
        <v>47</v>
      </c>
      <c r="S27200">
        <v>48</v>
      </c>
      <c r="T27200">
        <v>48</v>
      </c>
      <c r="U27200">
        <v>49</v>
      </c>
      <c r="V27200">
        <v>50</v>
      </c>
      <c r="W27200">
        <v>50</v>
      </c>
      <c r="X27200">
        <v>50</v>
      </c>
      <c r="Y27200">
        <v>51</v>
      </c>
      <c r="Z27200">
        <v>51</v>
      </c>
      <c r="AA27200">
        <v>51</v>
      </c>
      <c r="AB27200">
        <v>52</v>
      </c>
      <c r="AC27200">
        <v>52</v>
      </c>
      <c r="AD27200">
        <v>52</v>
      </c>
      <c r="AE27200">
        <v>53</v>
      </c>
      <c r="AF27200">
        <v>52</v>
      </c>
      <c r="AG27200">
        <v>52</v>
      </c>
      <c r="AH27200">
        <v>52</v>
      </c>
      <c r="AI27200">
        <v>51</v>
      </c>
      <c r="AJ27200">
        <v>51</v>
      </c>
      <c r="AK27200">
        <v>51</v>
      </c>
      <c r="AL27200">
        <v>51</v>
      </c>
      <c r="AM27200">
        <v>50</v>
      </c>
      <c r="AN27200">
        <v>50</v>
      </c>
      <c r="AO27200">
        <v>50</v>
      </c>
      <c r="AP27200">
        <v>50</v>
      </c>
      <c r="AQ27200">
        <v>49</v>
      </c>
    </row>
    <row r="27201" spans="1:43">
      <c r="A27201" t="s">
        <v>16835</v>
      </c>
      <c r="B27201" t="s">
        <v>16836</v>
      </c>
      <c r="C27201" t="s">
        <v>16833</v>
      </c>
      <c r="D27201" t="s">
        <v>16834</v>
      </c>
      <c r="E27201" t="s">
        <v>16695</v>
      </c>
      <c r="F27201" t="s">
        <v>16696</v>
      </c>
      <c r="G27201" t="s">
        <v>16559</v>
      </c>
      <c r="H27201" t="s">
        <v>16560</v>
      </c>
      <c r="I27201" s="2">
        <v>1</v>
      </c>
      <c r="J27201" s="2">
        <v>0</v>
      </c>
      <c r="K27201" s="2">
        <v>0</v>
      </c>
      <c r="L27201" t="s">
        <v>120</v>
      </c>
      <c r="M27201" t="s">
        <v>83</v>
      </c>
      <c r="N27201" t="s">
        <v>91</v>
      </c>
      <c r="O27201" t="s">
        <v>85</v>
      </c>
      <c r="P27201" t="s">
        <v>86</v>
      </c>
      <c r="Q27201">
        <v>46</v>
      </c>
      <c r="R27201">
        <v>46</v>
      </c>
      <c r="S27201">
        <v>47</v>
      </c>
      <c r="T27201">
        <v>47</v>
      </c>
      <c r="U27201">
        <v>47</v>
      </c>
      <c r="V27201">
        <v>47</v>
      </c>
      <c r="W27201">
        <v>48</v>
      </c>
      <c r="X27201">
        <v>48</v>
      </c>
      <c r="Y27201">
        <v>48</v>
      </c>
      <c r="Z27201">
        <v>48</v>
      </c>
      <c r="AA27201">
        <v>49</v>
      </c>
      <c r="AB27201">
        <v>49</v>
      </c>
      <c r="AC27201">
        <v>49</v>
      </c>
      <c r="AD27201">
        <v>49</v>
      </c>
      <c r="AE27201">
        <v>49</v>
      </c>
      <c r="AF27201">
        <v>49</v>
      </c>
      <c r="AG27201">
        <v>50</v>
      </c>
      <c r="AH27201">
        <v>50</v>
      </c>
      <c r="AI27201">
        <v>50</v>
      </c>
      <c r="AJ27201">
        <v>50</v>
      </c>
      <c r="AK27201">
        <v>50</v>
      </c>
      <c r="AL27201">
        <v>50</v>
      </c>
      <c r="AM27201">
        <v>50</v>
      </c>
      <c r="AN27201">
        <v>50</v>
      </c>
      <c r="AO27201">
        <v>49</v>
      </c>
      <c r="AP27201">
        <v>49</v>
      </c>
      <c r="AQ27201">
        <v>49</v>
      </c>
    </row>
    <row r="27202" spans="1:43">
      <c r="A27202" t="s">
        <v>16837</v>
      </c>
      <c r="B27202" t="s">
        <v>16838</v>
      </c>
      <c r="C27202" t="s">
        <v>16833</v>
      </c>
      <c r="D27202" t="s">
        <v>16834</v>
      </c>
      <c r="E27202" t="s">
        <v>16695</v>
      </c>
      <c r="F27202" t="s">
        <v>16696</v>
      </c>
      <c r="G27202" t="s">
        <v>16559</v>
      </c>
      <c r="H27202" t="s">
        <v>16560</v>
      </c>
      <c r="I27202" s="2">
        <v>1</v>
      </c>
      <c r="J27202" s="2">
        <v>0</v>
      </c>
      <c r="K27202" s="2">
        <v>0</v>
      </c>
      <c r="L27202" t="s">
        <v>120</v>
      </c>
      <c r="M27202" t="s">
        <v>83</v>
      </c>
      <c r="N27202" t="s">
        <v>84</v>
      </c>
      <c r="O27202" t="s">
        <v>85</v>
      </c>
      <c r="P27202" t="s">
        <v>86</v>
      </c>
      <c r="Q27202">
        <v>11</v>
      </c>
      <c r="R27202">
        <v>11</v>
      </c>
      <c r="S27202">
        <v>11</v>
      </c>
      <c r="T27202">
        <v>11</v>
      </c>
      <c r="U27202">
        <v>11</v>
      </c>
      <c r="V27202">
        <v>11</v>
      </c>
      <c r="W27202">
        <v>11</v>
      </c>
      <c r="X27202">
        <v>11</v>
      </c>
      <c r="Y27202">
        <v>11</v>
      </c>
      <c r="Z27202">
        <v>11</v>
      </c>
      <c r="AA27202">
        <v>11</v>
      </c>
      <c r="AB27202">
        <v>11</v>
      </c>
      <c r="AC27202">
        <v>11</v>
      </c>
      <c r="AD27202">
        <v>11</v>
      </c>
      <c r="AE27202">
        <v>11</v>
      </c>
      <c r="AF27202">
        <v>11</v>
      </c>
      <c r="AG27202">
        <v>11</v>
      </c>
      <c r="AH27202">
        <v>11</v>
      </c>
      <c r="AI27202">
        <v>11</v>
      </c>
      <c r="AJ27202">
        <v>12</v>
      </c>
      <c r="AK27202">
        <v>12</v>
      </c>
      <c r="AL27202">
        <v>12</v>
      </c>
      <c r="AM27202">
        <v>11</v>
      </c>
      <c r="AN27202">
        <v>11</v>
      </c>
      <c r="AO27202">
        <v>11</v>
      </c>
      <c r="AP27202">
        <v>11</v>
      </c>
      <c r="AQ27202">
        <v>11</v>
      </c>
    </row>
    <row r="27203" spans="1:43">
      <c r="A27203" t="s">
        <v>16837</v>
      </c>
      <c r="B27203" t="s">
        <v>16838</v>
      </c>
      <c r="C27203" t="s">
        <v>16833</v>
      </c>
      <c r="D27203" t="s">
        <v>16834</v>
      </c>
      <c r="E27203" t="s">
        <v>16695</v>
      </c>
      <c r="F27203" t="s">
        <v>16696</v>
      </c>
      <c r="G27203" t="s">
        <v>16559</v>
      </c>
      <c r="H27203" t="s">
        <v>16560</v>
      </c>
      <c r="I27203" s="2">
        <v>1</v>
      </c>
      <c r="J27203" s="2">
        <v>0</v>
      </c>
      <c r="K27203" s="2">
        <v>0</v>
      </c>
      <c r="L27203" t="s">
        <v>120</v>
      </c>
      <c r="M27203" t="s">
        <v>87</v>
      </c>
      <c r="N27203" t="s">
        <v>88</v>
      </c>
      <c r="O27203" t="s">
        <v>85</v>
      </c>
      <c r="P27203" t="s">
        <v>86</v>
      </c>
      <c r="Q27203">
        <v>11</v>
      </c>
      <c r="R27203">
        <v>11</v>
      </c>
      <c r="S27203">
        <v>11</v>
      </c>
      <c r="T27203">
        <v>11</v>
      </c>
      <c r="U27203">
        <v>11</v>
      </c>
      <c r="V27203">
        <v>11</v>
      </c>
      <c r="W27203">
        <v>11</v>
      </c>
      <c r="X27203">
        <v>11</v>
      </c>
      <c r="Y27203">
        <v>11</v>
      </c>
      <c r="Z27203">
        <v>11</v>
      </c>
      <c r="AA27203">
        <v>11</v>
      </c>
      <c r="AB27203">
        <v>11</v>
      </c>
      <c r="AC27203">
        <v>11</v>
      </c>
      <c r="AD27203">
        <v>11</v>
      </c>
      <c r="AE27203">
        <v>11</v>
      </c>
      <c r="AF27203">
        <v>11</v>
      </c>
      <c r="AG27203">
        <v>11</v>
      </c>
      <c r="AH27203">
        <v>11</v>
      </c>
      <c r="AI27203">
        <v>11</v>
      </c>
      <c r="AJ27203">
        <v>11</v>
      </c>
      <c r="AK27203">
        <v>11</v>
      </c>
      <c r="AL27203">
        <v>11</v>
      </c>
      <c r="AM27203">
        <v>11</v>
      </c>
      <c r="AN27203">
        <v>11</v>
      </c>
      <c r="AO27203">
        <v>11</v>
      </c>
      <c r="AP27203">
        <v>11</v>
      </c>
      <c r="AQ27203">
        <v>11</v>
      </c>
    </row>
    <row r="27204" spans="1:43">
      <c r="A27204" t="s">
        <v>16837</v>
      </c>
      <c r="B27204" t="s">
        <v>16838</v>
      </c>
      <c r="C27204" t="s">
        <v>16833</v>
      </c>
      <c r="D27204" t="s">
        <v>16834</v>
      </c>
      <c r="E27204" t="s">
        <v>16695</v>
      </c>
      <c r="F27204" t="s">
        <v>16696</v>
      </c>
      <c r="G27204" t="s">
        <v>16559</v>
      </c>
      <c r="H27204" t="s">
        <v>16560</v>
      </c>
      <c r="I27204" s="2">
        <v>1</v>
      </c>
      <c r="J27204" s="2">
        <v>0</v>
      </c>
      <c r="K27204" s="2">
        <v>0</v>
      </c>
      <c r="L27204" t="s">
        <v>120</v>
      </c>
      <c r="M27204" t="s">
        <v>89</v>
      </c>
      <c r="N27204" t="s">
        <v>90</v>
      </c>
      <c r="O27204" t="s">
        <v>85</v>
      </c>
      <c r="P27204" t="s">
        <v>86</v>
      </c>
      <c r="Q27204">
        <v>11</v>
      </c>
      <c r="R27204">
        <v>11</v>
      </c>
      <c r="S27204">
        <v>11</v>
      </c>
      <c r="T27204">
        <v>11</v>
      </c>
      <c r="U27204">
        <v>11</v>
      </c>
      <c r="V27204">
        <v>11</v>
      </c>
      <c r="W27204">
        <v>11</v>
      </c>
      <c r="X27204">
        <v>12</v>
      </c>
      <c r="Y27204">
        <v>12</v>
      </c>
      <c r="Z27204">
        <v>12</v>
      </c>
      <c r="AA27204">
        <v>12</v>
      </c>
      <c r="AB27204">
        <v>12</v>
      </c>
      <c r="AC27204">
        <v>12</v>
      </c>
      <c r="AD27204">
        <v>12</v>
      </c>
      <c r="AE27204">
        <v>12</v>
      </c>
      <c r="AF27204">
        <v>12</v>
      </c>
      <c r="AG27204">
        <v>12</v>
      </c>
      <c r="AH27204">
        <v>12</v>
      </c>
      <c r="AI27204">
        <v>12</v>
      </c>
      <c r="AJ27204">
        <v>12</v>
      </c>
      <c r="AK27204">
        <v>12</v>
      </c>
      <c r="AL27204">
        <v>12</v>
      </c>
      <c r="AM27204">
        <v>12</v>
      </c>
      <c r="AN27204">
        <v>12</v>
      </c>
      <c r="AO27204">
        <v>11</v>
      </c>
      <c r="AP27204">
        <v>11</v>
      </c>
      <c r="AQ27204">
        <v>11</v>
      </c>
    </row>
    <row r="27205" spans="1:43">
      <c r="A27205" t="s">
        <v>16837</v>
      </c>
      <c r="B27205" t="s">
        <v>16838</v>
      </c>
      <c r="C27205" t="s">
        <v>16833</v>
      </c>
      <c r="D27205" t="s">
        <v>16834</v>
      </c>
      <c r="E27205" t="s">
        <v>16695</v>
      </c>
      <c r="F27205" t="s">
        <v>16696</v>
      </c>
      <c r="G27205" t="s">
        <v>16559</v>
      </c>
      <c r="H27205" t="s">
        <v>16560</v>
      </c>
      <c r="I27205" s="2">
        <v>1</v>
      </c>
      <c r="J27205" s="2">
        <v>0</v>
      </c>
      <c r="K27205" s="2">
        <v>0</v>
      </c>
      <c r="L27205" t="s">
        <v>120</v>
      </c>
      <c r="M27205" t="s">
        <v>83</v>
      </c>
      <c r="N27205" t="s">
        <v>91</v>
      </c>
      <c r="O27205" t="s">
        <v>85</v>
      </c>
      <c r="P27205" t="s">
        <v>86</v>
      </c>
      <c r="Q27205">
        <v>11</v>
      </c>
      <c r="R27205">
        <v>11</v>
      </c>
      <c r="S27205">
        <v>11</v>
      </c>
      <c r="T27205">
        <v>11</v>
      </c>
      <c r="U27205">
        <v>11</v>
      </c>
      <c r="V27205">
        <v>11</v>
      </c>
      <c r="W27205">
        <v>11</v>
      </c>
      <c r="X27205">
        <v>11</v>
      </c>
      <c r="Y27205">
        <v>11</v>
      </c>
      <c r="Z27205">
        <v>11</v>
      </c>
      <c r="AA27205">
        <v>11</v>
      </c>
      <c r="AB27205">
        <v>11</v>
      </c>
      <c r="AC27205">
        <v>11</v>
      </c>
      <c r="AD27205">
        <v>11</v>
      </c>
      <c r="AE27205">
        <v>11</v>
      </c>
      <c r="AF27205">
        <v>11</v>
      </c>
      <c r="AG27205">
        <v>11</v>
      </c>
      <c r="AH27205">
        <v>11</v>
      </c>
      <c r="AI27205">
        <v>11</v>
      </c>
      <c r="AJ27205">
        <v>12</v>
      </c>
      <c r="AK27205">
        <v>12</v>
      </c>
      <c r="AL27205">
        <v>12</v>
      </c>
      <c r="AM27205">
        <v>11</v>
      </c>
      <c r="AN27205">
        <v>11</v>
      </c>
      <c r="AO27205">
        <v>11</v>
      </c>
      <c r="AP27205">
        <v>11</v>
      </c>
      <c r="AQ27205">
        <v>11</v>
      </c>
    </row>
    <row r="27206" spans="1:43">
      <c r="A27206" t="s">
        <v>16839</v>
      </c>
      <c r="B27206" t="s">
        <v>16840</v>
      </c>
      <c r="C27206" t="s">
        <v>16833</v>
      </c>
      <c r="D27206" t="s">
        <v>16834</v>
      </c>
      <c r="E27206" t="s">
        <v>16695</v>
      </c>
      <c r="F27206" t="s">
        <v>16696</v>
      </c>
      <c r="G27206" t="s">
        <v>16559</v>
      </c>
      <c r="H27206" t="s">
        <v>16560</v>
      </c>
      <c r="I27206" s="2">
        <v>1</v>
      </c>
      <c r="J27206" s="2">
        <v>0</v>
      </c>
      <c r="K27206" s="2">
        <v>0</v>
      </c>
      <c r="L27206" t="s">
        <v>120</v>
      </c>
      <c r="M27206" t="s">
        <v>83</v>
      </c>
      <c r="N27206" t="s">
        <v>84</v>
      </c>
      <c r="O27206" t="s">
        <v>85</v>
      </c>
      <c r="P27206" t="s">
        <v>86</v>
      </c>
      <c r="Q27206">
        <v>14</v>
      </c>
      <c r="R27206">
        <v>14</v>
      </c>
      <c r="S27206">
        <v>14</v>
      </c>
      <c r="T27206">
        <v>14</v>
      </c>
      <c r="U27206">
        <v>14</v>
      </c>
      <c r="V27206">
        <v>14</v>
      </c>
      <c r="W27206">
        <v>14</v>
      </c>
      <c r="X27206">
        <v>14</v>
      </c>
      <c r="Y27206">
        <v>14</v>
      </c>
      <c r="Z27206">
        <v>14</v>
      </c>
      <c r="AA27206">
        <v>14</v>
      </c>
      <c r="AB27206">
        <v>14</v>
      </c>
      <c r="AC27206">
        <v>15</v>
      </c>
      <c r="AD27206">
        <v>15</v>
      </c>
      <c r="AE27206">
        <v>15</v>
      </c>
      <c r="AF27206">
        <v>15</v>
      </c>
      <c r="AG27206">
        <v>15</v>
      </c>
      <c r="AH27206">
        <v>15</v>
      </c>
      <c r="AI27206">
        <v>15</v>
      </c>
      <c r="AJ27206">
        <v>15</v>
      </c>
      <c r="AK27206">
        <v>15</v>
      </c>
      <c r="AL27206">
        <v>15</v>
      </c>
      <c r="AM27206">
        <v>15</v>
      </c>
      <c r="AN27206">
        <v>15</v>
      </c>
      <c r="AO27206">
        <v>15</v>
      </c>
      <c r="AP27206">
        <v>15</v>
      </c>
      <c r="AQ27206">
        <v>15</v>
      </c>
    </row>
    <row r="27207" spans="1:43">
      <c r="A27207" t="s">
        <v>16839</v>
      </c>
      <c r="B27207" t="s">
        <v>16840</v>
      </c>
      <c r="C27207" t="s">
        <v>16833</v>
      </c>
      <c r="D27207" t="s">
        <v>16834</v>
      </c>
      <c r="E27207" t="s">
        <v>16695</v>
      </c>
      <c r="F27207" t="s">
        <v>16696</v>
      </c>
      <c r="G27207" t="s">
        <v>16559</v>
      </c>
      <c r="H27207" t="s">
        <v>16560</v>
      </c>
      <c r="I27207" s="2">
        <v>1</v>
      </c>
      <c r="J27207" s="2">
        <v>0</v>
      </c>
      <c r="K27207" s="2">
        <v>0</v>
      </c>
      <c r="L27207" t="s">
        <v>120</v>
      </c>
      <c r="M27207" t="s">
        <v>87</v>
      </c>
      <c r="N27207" t="s">
        <v>88</v>
      </c>
      <c r="O27207" t="s">
        <v>85</v>
      </c>
      <c r="P27207" t="s">
        <v>86</v>
      </c>
      <c r="Q27207">
        <v>14</v>
      </c>
      <c r="R27207">
        <v>14</v>
      </c>
      <c r="S27207">
        <v>13</v>
      </c>
      <c r="T27207">
        <v>13</v>
      </c>
      <c r="U27207">
        <v>13</v>
      </c>
      <c r="V27207">
        <v>13</v>
      </c>
      <c r="W27207">
        <v>13</v>
      </c>
      <c r="X27207">
        <v>13</v>
      </c>
      <c r="Y27207">
        <v>13</v>
      </c>
      <c r="Z27207">
        <v>13</v>
      </c>
      <c r="AA27207">
        <v>13</v>
      </c>
      <c r="AB27207">
        <v>13</v>
      </c>
      <c r="AC27207">
        <v>13</v>
      </c>
      <c r="AD27207">
        <v>13</v>
      </c>
      <c r="AE27207">
        <v>13</v>
      </c>
      <c r="AF27207">
        <v>13</v>
      </c>
      <c r="AG27207">
        <v>13</v>
      </c>
      <c r="AH27207">
        <v>13</v>
      </c>
      <c r="AI27207">
        <v>13</v>
      </c>
      <c r="AJ27207">
        <v>13</v>
      </c>
      <c r="AK27207">
        <v>13</v>
      </c>
      <c r="AL27207">
        <v>13</v>
      </c>
      <c r="AM27207">
        <v>13</v>
      </c>
      <c r="AN27207">
        <v>13</v>
      </c>
      <c r="AO27207">
        <v>13</v>
      </c>
      <c r="AP27207">
        <v>13</v>
      </c>
      <c r="AQ27207">
        <v>13</v>
      </c>
    </row>
    <row r="27208" spans="1:43">
      <c r="A27208" t="s">
        <v>16839</v>
      </c>
      <c r="B27208" t="s">
        <v>16840</v>
      </c>
      <c r="C27208" t="s">
        <v>16833</v>
      </c>
      <c r="D27208" t="s">
        <v>16834</v>
      </c>
      <c r="E27208" t="s">
        <v>16695</v>
      </c>
      <c r="F27208" t="s">
        <v>16696</v>
      </c>
      <c r="G27208" t="s">
        <v>16559</v>
      </c>
      <c r="H27208" t="s">
        <v>16560</v>
      </c>
      <c r="I27208" s="2">
        <v>1</v>
      </c>
      <c r="J27208" s="2">
        <v>0</v>
      </c>
      <c r="K27208" s="2">
        <v>0</v>
      </c>
      <c r="L27208" t="s">
        <v>120</v>
      </c>
      <c r="M27208" t="s">
        <v>89</v>
      </c>
      <c r="N27208" t="s">
        <v>90</v>
      </c>
      <c r="O27208" t="s">
        <v>85</v>
      </c>
      <c r="P27208" t="s">
        <v>86</v>
      </c>
      <c r="Q27208">
        <v>14</v>
      </c>
      <c r="R27208">
        <v>14</v>
      </c>
      <c r="S27208">
        <v>14</v>
      </c>
      <c r="T27208">
        <v>14</v>
      </c>
      <c r="U27208">
        <v>15</v>
      </c>
      <c r="V27208">
        <v>15</v>
      </c>
      <c r="W27208">
        <v>15</v>
      </c>
      <c r="X27208">
        <v>15</v>
      </c>
      <c r="Y27208">
        <v>15</v>
      </c>
      <c r="Z27208">
        <v>15</v>
      </c>
      <c r="AA27208">
        <v>15</v>
      </c>
      <c r="AB27208">
        <v>15</v>
      </c>
      <c r="AC27208">
        <v>15</v>
      </c>
      <c r="AD27208">
        <v>16</v>
      </c>
      <c r="AE27208">
        <v>16</v>
      </c>
      <c r="AF27208">
        <v>16</v>
      </c>
      <c r="AG27208">
        <v>15</v>
      </c>
      <c r="AH27208">
        <v>15</v>
      </c>
      <c r="AI27208">
        <v>15</v>
      </c>
      <c r="AJ27208">
        <v>15</v>
      </c>
      <c r="AK27208">
        <v>15</v>
      </c>
      <c r="AL27208">
        <v>15</v>
      </c>
      <c r="AM27208">
        <v>15</v>
      </c>
      <c r="AN27208">
        <v>15</v>
      </c>
      <c r="AO27208">
        <v>15</v>
      </c>
      <c r="AP27208">
        <v>15</v>
      </c>
      <c r="AQ27208">
        <v>15</v>
      </c>
    </row>
    <row r="27209" spans="1:43">
      <c r="A27209" t="s">
        <v>16839</v>
      </c>
      <c r="B27209" t="s">
        <v>16840</v>
      </c>
      <c r="C27209" t="s">
        <v>16833</v>
      </c>
      <c r="D27209" t="s">
        <v>16834</v>
      </c>
      <c r="E27209" t="s">
        <v>16695</v>
      </c>
      <c r="F27209" t="s">
        <v>16696</v>
      </c>
      <c r="G27209" t="s">
        <v>16559</v>
      </c>
      <c r="H27209" t="s">
        <v>16560</v>
      </c>
      <c r="I27209" s="2">
        <v>1</v>
      </c>
      <c r="J27209" s="2">
        <v>0</v>
      </c>
      <c r="K27209" s="2">
        <v>0</v>
      </c>
      <c r="L27209" t="s">
        <v>120</v>
      </c>
      <c r="M27209" t="s">
        <v>83</v>
      </c>
      <c r="N27209" t="s">
        <v>91</v>
      </c>
      <c r="O27209" t="s">
        <v>85</v>
      </c>
      <c r="P27209" t="s">
        <v>86</v>
      </c>
      <c r="Q27209">
        <v>14</v>
      </c>
      <c r="R27209">
        <v>14</v>
      </c>
      <c r="S27209">
        <v>14</v>
      </c>
      <c r="T27209">
        <v>14</v>
      </c>
      <c r="U27209">
        <v>14</v>
      </c>
      <c r="V27209">
        <v>14</v>
      </c>
      <c r="W27209">
        <v>14</v>
      </c>
      <c r="X27209">
        <v>14</v>
      </c>
      <c r="Y27209">
        <v>14</v>
      </c>
      <c r="Z27209">
        <v>14</v>
      </c>
      <c r="AA27209">
        <v>14</v>
      </c>
      <c r="AB27209">
        <v>14</v>
      </c>
      <c r="AC27209">
        <v>15</v>
      </c>
      <c r="AD27209">
        <v>15</v>
      </c>
      <c r="AE27209">
        <v>15</v>
      </c>
      <c r="AF27209">
        <v>15</v>
      </c>
      <c r="AG27209">
        <v>15</v>
      </c>
      <c r="AH27209">
        <v>15</v>
      </c>
      <c r="AI27209">
        <v>15</v>
      </c>
      <c r="AJ27209">
        <v>15</v>
      </c>
      <c r="AK27209">
        <v>15</v>
      </c>
      <c r="AL27209">
        <v>15</v>
      </c>
      <c r="AM27209">
        <v>15</v>
      </c>
      <c r="AN27209">
        <v>15</v>
      </c>
      <c r="AO27209">
        <v>15</v>
      </c>
      <c r="AP27209">
        <v>15</v>
      </c>
      <c r="AQ27209">
        <v>15</v>
      </c>
    </row>
    <row r="27210" spans="1:43">
      <c r="A27210" t="s">
        <v>16841</v>
      </c>
      <c r="B27210" t="s">
        <v>16842</v>
      </c>
      <c r="C27210" t="s">
        <v>16833</v>
      </c>
      <c r="D27210" t="s">
        <v>16834</v>
      </c>
      <c r="E27210" t="s">
        <v>16695</v>
      </c>
      <c r="F27210" t="s">
        <v>16696</v>
      </c>
      <c r="G27210" t="s">
        <v>16559</v>
      </c>
      <c r="H27210" t="s">
        <v>16560</v>
      </c>
      <c r="I27210" s="2">
        <v>1</v>
      </c>
      <c r="J27210" s="2">
        <v>0</v>
      </c>
      <c r="K27210" s="2">
        <v>0</v>
      </c>
      <c r="L27210" t="s">
        <v>120</v>
      </c>
      <c r="M27210" t="s">
        <v>83</v>
      </c>
      <c r="N27210" t="s">
        <v>84</v>
      </c>
      <c r="O27210" t="s">
        <v>85</v>
      </c>
      <c r="P27210" t="s">
        <v>86</v>
      </c>
      <c r="Q27210">
        <v>15</v>
      </c>
      <c r="R27210">
        <v>15</v>
      </c>
      <c r="S27210">
        <v>15</v>
      </c>
      <c r="T27210">
        <v>15</v>
      </c>
      <c r="U27210">
        <v>15</v>
      </c>
      <c r="V27210">
        <v>15</v>
      </c>
      <c r="W27210">
        <v>15</v>
      </c>
      <c r="X27210">
        <v>15</v>
      </c>
      <c r="Y27210">
        <v>15</v>
      </c>
      <c r="Z27210">
        <v>15</v>
      </c>
      <c r="AA27210">
        <v>15</v>
      </c>
      <c r="AB27210">
        <v>16</v>
      </c>
      <c r="AC27210">
        <v>16</v>
      </c>
      <c r="AD27210">
        <v>16</v>
      </c>
      <c r="AE27210">
        <v>16</v>
      </c>
      <c r="AF27210">
        <v>16</v>
      </c>
      <c r="AG27210">
        <v>16</v>
      </c>
      <c r="AH27210">
        <v>16</v>
      </c>
      <c r="AI27210">
        <v>16</v>
      </c>
      <c r="AJ27210">
        <v>16</v>
      </c>
      <c r="AK27210">
        <v>16</v>
      </c>
      <c r="AL27210">
        <v>16</v>
      </c>
      <c r="AM27210">
        <v>16</v>
      </c>
      <c r="AN27210">
        <v>16</v>
      </c>
      <c r="AO27210">
        <v>16</v>
      </c>
      <c r="AP27210">
        <v>16</v>
      </c>
      <c r="AQ27210">
        <v>16</v>
      </c>
    </row>
    <row r="27211" spans="1:43">
      <c r="A27211" t="s">
        <v>16841</v>
      </c>
      <c r="B27211" t="s">
        <v>16842</v>
      </c>
      <c r="C27211" t="s">
        <v>16833</v>
      </c>
      <c r="D27211" t="s">
        <v>16834</v>
      </c>
      <c r="E27211" t="s">
        <v>16695</v>
      </c>
      <c r="F27211" t="s">
        <v>16696</v>
      </c>
      <c r="G27211" t="s">
        <v>16559</v>
      </c>
      <c r="H27211" t="s">
        <v>16560</v>
      </c>
      <c r="I27211" s="2">
        <v>1</v>
      </c>
      <c r="J27211" s="2">
        <v>0</v>
      </c>
      <c r="K27211" s="2">
        <v>0</v>
      </c>
      <c r="L27211" t="s">
        <v>120</v>
      </c>
      <c r="M27211" t="s">
        <v>87</v>
      </c>
      <c r="N27211" t="s">
        <v>88</v>
      </c>
      <c r="O27211" t="s">
        <v>85</v>
      </c>
      <c r="P27211" t="s">
        <v>86</v>
      </c>
      <c r="Q27211">
        <v>15</v>
      </c>
      <c r="R27211">
        <v>14</v>
      </c>
      <c r="S27211">
        <v>14</v>
      </c>
      <c r="T27211">
        <v>14</v>
      </c>
      <c r="U27211">
        <v>14</v>
      </c>
      <c r="V27211">
        <v>14</v>
      </c>
      <c r="W27211">
        <v>14</v>
      </c>
      <c r="X27211">
        <v>14</v>
      </c>
      <c r="Y27211">
        <v>14</v>
      </c>
      <c r="Z27211">
        <v>14</v>
      </c>
      <c r="AA27211">
        <v>14</v>
      </c>
      <c r="AB27211">
        <v>14</v>
      </c>
      <c r="AC27211">
        <v>14</v>
      </c>
      <c r="AD27211">
        <v>14</v>
      </c>
      <c r="AE27211">
        <v>14</v>
      </c>
      <c r="AF27211">
        <v>14</v>
      </c>
      <c r="AG27211">
        <v>14</v>
      </c>
      <c r="AH27211">
        <v>14</v>
      </c>
      <c r="AI27211">
        <v>14</v>
      </c>
      <c r="AJ27211">
        <v>14</v>
      </c>
      <c r="AK27211">
        <v>14</v>
      </c>
      <c r="AL27211">
        <v>14</v>
      </c>
      <c r="AM27211">
        <v>14</v>
      </c>
      <c r="AN27211">
        <v>14</v>
      </c>
      <c r="AO27211">
        <v>14</v>
      </c>
      <c r="AP27211">
        <v>14</v>
      </c>
      <c r="AQ27211">
        <v>14</v>
      </c>
    </row>
    <row r="27212" spans="1:43">
      <c r="A27212" t="s">
        <v>16841</v>
      </c>
      <c r="B27212" t="s">
        <v>16842</v>
      </c>
      <c r="C27212" t="s">
        <v>16833</v>
      </c>
      <c r="D27212" t="s">
        <v>16834</v>
      </c>
      <c r="E27212" t="s">
        <v>16695</v>
      </c>
      <c r="F27212" t="s">
        <v>16696</v>
      </c>
      <c r="G27212" t="s">
        <v>16559</v>
      </c>
      <c r="H27212" t="s">
        <v>16560</v>
      </c>
      <c r="I27212" s="2">
        <v>1</v>
      </c>
      <c r="J27212" s="2">
        <v>0</v>
      </c>
      <c r="K27212" s="2">
        <v>0</v>
      </c>
      <c r="L27212" t="s">
        <v>120</v>
      </c>
      <c r="M27212" t="s">
        <v>89</v>
      </c>
      <c r="N27212" t="s">
        <v>90</v>
      </c>
      <c r="O27212" t="s">
        <v>85</v>
      </c>
      <c r="P27212" t="s">
        <v>86</v>
      </c>
      <c r="Q27212">
        <v>15</v>
      </c>
      <c r="R27212">
        <v>15</v>
      </c>
      <c r="S27212">
        <v>15</v>
      </c>
      <c r="T27212">
        <v>15</v>
      </c>
      <c r="U27212">
        <v>16</v>
      </c>
      <c r="V27212">
        <v>16</v>
      </c>
      <c r="W27212">
        <v>16</v>
      </c>
      <c r="X27212">
        <v>16</v>
      </c>
      <c r="Y27212">
        <v>16</v>
      </c>
      <c r="Z27212">
        <v>16</v>
      </c>
      <c r="AA27212">
        <v>16</v>
      </c>
      <c r="AB27212">
        <v>17</v>
      </c>
      <c r="AC27212">
        <v>17</v>
      </c>
      <c r="AD27212">
        <v>17</v>
      </c>
      <c r="AE27212">
        <v>17</v>
      </c>
      <c r="AF27212">
        <v>17</v>
      </c>
      <c r="AG27212">
        <v>17</v>
      </c>
      <c r="AH27212">
        <v>16</v>
      </c>
      <c r="AI27212">
        <v>16</v>
      </c>
      <c r="AJ27212">
        <v>16</v>
      </c>
      <c r="AK27212">
        <v>16</v>
      </c>
      <c r="AL27212">
        <v>16</v>
      </c>
      <c r="AM27212">
        <v>16</v>
      </c>
      <c r="AN27212">
        <v>16</v>
      </c>
      <c r="AO27212">
        <v>16</v>
      </c>
      <c r="AP27212">
        <v>16</v>
      </c>
      <c r="AQ27212">
        <v>16</v>
      </c>
    </row>
    <row r="27213" spans="1:43">
      <c r="A27213" t="s">
        <v>16841</v>
      </c>
      <c r="B27213" t="s">
        <v>16842</v>
      </c>
      <c r="C27213" t="s">
        <v>16833</v>
      </c>
      <c r="D27213" t="s">
        <v>16834</v>
      </c>
      <c r="E27213" t="s">
        <v>16695</v>
      </c>
      <c r="F27213" t="s">
        <v>16696</v>
      </c>
      <c r="G27213" t="s">
        <v>16559</v>
      </c>
      <c r="H27213" t="s">
        <v>16560</v>
      </c>
      <c r="I27213" s="2">
        <v>1</v>
      </c>
      <c r="J27213" s="2">
        <v>0</v>
      </c>
      <c r="K27213" s="2">
        <v>0</v>
      </c>
      <c r="L27213" t="s">
        <v>120</v>
      </c>
      <c r="M27213" t="s">
        <v>83</v>
      </c>
      <c r="N27213" t="s">
        <v>91</v>
      </c>
      <c r="O27213" t="s">
        <v>85</v>
      </c>
      <c r="P27213" t="s">
        <v>86</v>
      </c>
      <c r="Q27213">
        <v>15</v>
      </c>
      <c r="R27213">
        <v>15</v>
      </c>
      <c r="S27213">
        <v>15</v>
      </c>
      <c r="T27213">
        <v>15</v>
      </c>
      <c r="U27213">
        <v>15</v>
      </c>
      <c r="V27213">
        <v>15</v>
      </c>
      <c r="W27213">
        <v>15</v>
      </c>
      <c r="X27213">
        <v>15</v>
      </c>
      <c r="Y27213">
        <v>15</v>
      </c>
      <c r="Z27213">
        <v>15</v>
      </c>
      <c r="AA27213">
        <v>15</v>
      </c>
      <c r="AB27213">
        <v>16</v>
      </c>
      <c r="AC27213">
        <v>16</v>
      </c>
      <c r="AD27213">
        <v>16</v>
      </c>
      <c r="AE27213">
        <v>16</v>
      </c>
      <c r="AF27213">
        <v>16</v>
      </c>
      <c r="AG27213">
        <v>16</v>
      </c>
      <c r="AH27213">
        <v>16</v>
      </c>
      <c r="AI27213">
        <v>16</v>
      </c>
      <c r="AJ27213">
        <v>16</v>
      </c>
      <c r="AK27213">
        <v>16</v>
      </c>
      <c r="AL27213">
        <v>16</v>
      </c>
      <c r="AM27213">
        <v>16</v>
      </c>
      <c r="AN27213">
        <v>16</v>
      </c>
      <c r="AO27213">
        <v>16</v>
      </c>
      <c r="AP27213">
        <v>16</v>
      </c>
      <c r="AQ27213">
        <v>16</v>
      </c>
    </row>
    <row r="27214" spans="1:43">
      <c r="A27214" t="s">
        <v>16843</v>
      </c>
      <c r="B27214" t="s">
        <v>16844</v>
      </c>
      <c r="C27214" t="s">
        <v>16845</v>
      </c>
      <c r="D27214" t="s">
        <v>16846</v>
      </c>
      <c r="E27214" t="s">
        <v>16695</v>
      </c>
      <c r="F27214" t="s">
        <v>16696</v>
      </c>
      <c r="G27214" t="s">
        <v>16559</v>
      </c>
      <c r="H27214" t="s">
        <v>16560</v>
      </c>
      <c r="I27214" s="2">
        <v>1</v>
      </c>
      <c r="J27214" s="2">
        <v>0</v>
      </c>
      <c r="K27214" s="2">
        <v>0</v>
      </c>
      <c r="L27214" t="s">
        <v>120</v>
      </c>
      <c r="M27214" t="s">
        <v>83</v>
      </c>
      <c r="N27214" t="s">
        <v>84</v>
      </c>
      <c r="O27214" t="s">
        <v>85</v>
      </c>
      <c r="P27214" t="s">
        <v>86</v>
      </c>
      <c r="Q27214">
        <v>76</v>
      </c>
      <c r="R27214">
        <v>77</v>
      </c>
      <c r="S27214">
        <v>77</v>
      </c>
      <c r="T27214">
        <v>78</v>
      </c>
      <c r="U27214">
        <v>78</v>
      </c>
      <c r="V27214">
        <v>78</v>
      </c>
      <c r="W27214">
        <v>79</v>
      </c>
      <c r="X27214">
        <v>79</v>
      </c>
      <c r="Y27214">
        <v>79</v>
      </c>
      <c r="Z27214">
        <v>80</v>
      </c>
      <c r="AA27214">
        <v>80</v>
      </c>
      <c r="AB27214">
        <v>80</v>
      </c>
      <c r="AC27214">
        <v>80</v>
      </c>
      <c r="AD27214">
        <v>81</v>
      </c>
      <c r="AE27214">
        <v>81</v>
      </c>
      <c r="AF27214">
        <v>81</v>
      </c>
      <c r="AG27214">
        <v>82</v>
      </c>
      <c r="AH27214">
        <v>82</v>
      </c>
      <c r="AI27214">
        <v>82</v>
      </c>
      <c r="AJ27214">
        <v>82</v>
      </c>
      <c r="AK27214">
        <v>83</v>
      </c>
      <c r="AL27214">
        <v>82</v>
      </c>
      <c r="AM27214">
        <v>82</v>
      </c>
      <c r="AN27214">
        <v>81</v>
      </c>
      <c r="AO27214">
        <v>81</v>
      </c>
      <c r="AP27214">
        <v>81</v>
      </c>
      <c r="AQ27214">
        <v>80</v>
      </c>
    </row>
    <row r="27215" spans="1:43">
      <c r="A27215" t="s">
        <v>16843</v>
      </c>
      <c r="B27215" t="s">
        <v>16844</v>
      </c>
      <c r="C27215" t="s">
        <v>16845</v>
      </c>
      <c r="D27215" t="s">
        <v>16846</v>
      </c>
      <c r="E27215" t="s">
        <v>16695</v>
      </c>
      <c r="F27215" t="s">
        <v>16696</v>
      </c>
      <c r="G27215" t="s">
        <v>16559</v>
      </c>
      <c r="H27215" t="s">
        <v>16560</v>
      </c>
      <c r="I27215" s="2">
        <v>1</v>
      </c>
      <c r="J27215" s="2">
        <v>0</v>
      </c>
      <c r="K27215" s="2">
        <v>0</v>
      </c>
      <c r="L27215" t="s">
        <v>120</v>
      </c>
      <c r="M27215" t="s">
        <v>87</v>
      </c>
      <c r="N27215" t="s">
        <v>88</v>
      </c>
      <c r="O27215" t="s">
        <v>85</v>
      </c>
      <c r="P27215" t="s">
        <v>86</v>
      </c>
      <c r="Q27215">
        <v>76</v>
      </c>
      <c r="R27215">
        <v>75</v>
      </c>
      <c r="S27215">
        <v>75</v>
      </c>
      <c r="T27215">
        <v>75</v>
      </c>
      <c r="U27215">
        <v>75</v>
      </c>
      <c r="V27215">
        <v>74</v>
      </c>
      <c r="W27215">
        <v>74</v>
      </c>
      <c r="X27215">
        <v>74</v>
      </c>
      <c r="Y27215">
        <v>73</v>
      </c>
      <c r="Z27215">
        <v>73</v>
      </c>
      <c r="AA27215">
        <v>73</v>
      </c>
      <c r="AB27215">
        <v>72</v>
      </c>
      <c r="AC27215">
        <v>72</v>
      </c>
      <c r="AD27215">
        <v>72</v>
      </c>
      <c r="AE27215">
        <v>72</v>
      </c>
      <c r="AF27215">
        <v>71</v>
      </c>
      <c r="AG27215">
        <v>71</v>
      </c>
      <c r="AH27215">
        <v>71</v>
      </c>
      <c r="AI27215">
        <v>71</v>
      </c>
      <c r="AJ27215">
        <v>71</v>
      </c>
      <c r="AK27215">
        <v>70</v>
      </c>
      <c r="AL27215">
        <v>70</v>
      </c>
      <c r="AM27215">
        <v>70</v>
      </c>
      <c r="AN27215">
        <v>70</v>
      </c>
      <c r="AO27215">
        <v>69</v>
      </c>
      <c r="AP27215">
        <v>69</v>
      </c>
      <c r="AQ27215">
        <v>69</v>
      </c>
    </row>
    <row r="27216" spans="1:43">
      <c r="A27216" t="s">
        <v>16843</v>
      </c>
      <c r="B27216" t="s">
        <v>16844</v>
      </c>
      <c r="C27216" t="s">
        <v>16845</v>
      </c>
      <c r="D27216" t="s">
        <v>16846</v>
      </c>
      <c r="E27216" t="s">
        <v>16695</v>
      </c>
      <c r="F27216" t="s">
        <v>16696</v>
      </c>
      <c r="G27216" t="s">
        <v>16559</v>
      </c>
      <c r="H27216" t="s">
        <v>16560</v>
      </c>
      <c r="I27216" s="2">
        <v>1</v>
      </c>
      <c r="J27216" s="2">
        <v>0</v>
      </c>
      <c r="K27216" s="2">
        <v>0</v>
      </c>
      <c r="L27216" t="s">
        <v>120</v>
      </c>
      <c r="M27216" t="s">
        <v>89</v>
      </c>
      <c r="N27216" t="s">
        <v>90</v>
      </c>
      <c r="O27216" t="s">
        <v>85</v>
      </c>
      <c r="P27216" t="s">
        <v>86</v>
      </c>
      <c r="Q27216">
        <v>76</v>
      </c>
      <c r="R27216">
        <v>77</v>
      </c>
      <c r="S27216">
        <v>78</v>
      </c>
      <c r="T27216">
        <v>79</v>
      </c>
      <c r="U27216">
        <v>80</v>
      </c>
      <c r="V27216">
        <v>81</v>
      </c>
      <c r="W27216">
        <v>82</v>
      </c>
      <c r="X27216">
        <v>82</v>
      </c>
      <c r="Y27216">
        <v>83</v>
      </c>
      <c r="Z27216">
        <v>84</v>
      </c>
      <c r="AA27216">
        <v>84</v>
      </c>
      <c r="AB27216">
        <v>85</v>
      </c>
      <c r="AC27216">
        <v>85</v>
      </c>
      <c r="AD27216">
        <v>86</v>
      </c>
      <c r="AE27216">
        <v>86</v>
      </c>
      <c r="AF27216">
        <v>85</v>
      </c>
      <c r="AG27216">
        <v>85</v>
      </c>
      <c r="AH27216">
        <v>84</v>
      </c>
      <c r="AI27216">
        <v>84</v>
      </c>
      <c r="AJ27216">
        <v>83</v>
      </c>
      <c r="AK27216">
        <v>83</v>
      </c>
      <c r="AL27216">
        <v>82</v>
      </c>
      <c r="AM27216">
        <v>82</v>
      </c>
      <c r="AN27216">
        <v>81</v>
      </c>
      <c r="AO27216">
        <v>81</v>
      </c>
      <c r="AP27216">
        <v>80</v>
      </c>
      <c r="AQ27216">
        <v>80</v>
      </c>
    </row>
    <row r="27217" spans="1:43">
      <c r="A27217" t="s">
        <v>16843</v>
      </c>
      <c r="B27217" t="s">
        <v>16844</v>
      </c>
      <c r="C27217" t="s">
        <v>16845</v>
      </c>
      <c r="D27217" t="s">
        <v>16846</v>
      </c>
      <c r="E27217" t="s">
        <v>16695</v>
      </c>
      <c r="F27217" t="s">
        <v>16696</v>
      </c>
      <c r="G27217" t="s">
        <v>16559</v>
      </c>
      <c r="H27217" t="s">
        <v>16560</v>
      </c>
      <c r="I27217" s="2">
        <v>1</v>
      </c>
      <c r="J27217" s="2">
        <v>0</v>
      </c>
      <c r="K27217" s="2">
        <v>0</v>
      </c>
      <c r="L27217" t="s">
        <v>120</v>
      </c>
      <c r="M27217" t="s">
        <v>83</v>
      </c>
      <c r="N27217" t="s">
        <v>91</v>
      </c>
      <c r="O27217" t="s">
        <v>85</v>
      </c>
      <c r="P27217" t="s">
        <v>86</v>
      </c>
      <c r="Q27217">
        <v>76</v>
      </c>
      <c r="R27217">
        <v>77</v>
      </c>
      <c r="S27217">
        <v>77</v>
      </c>
      <c r="T27217">
        <v>78</v>
      </c>
      <c r="U27217">
        <v>78</v>
      </c>
      <c r="V27217">
        <v>78</v>
      </c>
      <c r="W27217">
        <v>79</v>
      </c>
      <c r="X27217">
        <v>79</v>
      </c>
      <c r="Y27217">
        <v>79</v>
      </c>
      <c r="Z27217">
        <v>80</v>
      </c>
      <c r="AA27217">
        <v>80</v>
      </c>
      <c r="AB27217">
        <v>80</v>
      </c>
      <c r="AC27217">
        <v>80</v>
      </c>
      <c r="AD27217">
        <v>81</v>
      </c>
      <c r="AE27217">
        <v>81</v>
      </c>
      <c r="AF27217">
        <v>81</v>
      </c>
      <c r="AG27217">
        <v>82</v>
      </c>
      <c r="AH27217">
        <v>82</v>
      </c>
      <c r="AI27217">
        <v>82</v>
      </c>
      <c r="AJ27217">
        <v>82</v>
      </c>
      <c r="AK27217">
        <v>83</v>
      </c>
      <c r="AL27217">
        <v>82</v>
      </c>
      <c r="AM27217">
        <v>82</v>
      </c>
      <c r="AN27217">
        <v>81</v>
      </c>
      <c r="AO27217">
        <v>81</v>
      </c>
      <c r="AP27217">
        <v>81</v>
      </c>
      <c r="AQ27217">
        <v>80</v>
      </c>
    </row>
    <row r="27218" spans="1:43">
      <c r="A27218" t="s">
        <v>16847</v>
      </c>
      <c r="B27218" t="s">
        <v>16848</v>
      </c>
      <c r="C27218" t="s">
        <v>16845</v>
      </c>
      <c r="D27218" t="s">
        <v>16846</v>
      </c>
      <c r="E27218" t="s">
        <v>16695</v>
      </c>
      <c r="F27218" t="s">
        <v>16696</v>
      </c>
      <c r="G27218" t="s">
        <v>16559</v>
      </c>
      <c r="H27218" t="s">
        <v>16560</v>
      </c>
      <c r="I27218" s="2">
        <v>1</v>
      </c>
      <c r="J27218" s="2">
        <v>0</v>
      </c>
      <c r="K27218" s="2">
        <v>0</v>
      </c>
      <c r="L27218" t="s">
        <v>120</v>
      </c>
      <c r="M27218" t="s">
        <v>83</v>
      </c>
      <c r="N27218" t="s">
        <v>84</v>
      </c>
      <c r="O27218" t="s">
        <v>85</v>
      </c>
      <c r="P27218" t="s">
        <v>86</v>
      </c>
      <c r="Q27218">
        <v>24</v>
      </c>
      <c r="R27218">
        <v>24</v>
      </c>
      <c r="S27218">
        <v>24</v>
      </c>
      <c r="T27218">
        <v>24</v>
      </c>
      <c r="U27218">
        <v>24</v>
      </c>
      <c r="V27218">
        <v>24</v>
      </c>
      <c r="W27218">
        <v>24</v>
      </c>
      <c r="X27218">
        <v>25</v>
      </c>
      <c r="Y27218">
        <v>25</v>
      </c>
      <c r="Z27218">
        <v>25</v>
      </c>
      <c r="AA27218">
        <v>25</v>
      </c>
      <c r="AB27218">
        <v>25</v>
      </c>
      <c r="AC27218">
        <v>25</v>
      </c>
      <c r="AD27218">
        <v>25</v>
      </c>
      <c r="AE27218">
        <v>25</v>
      </c>
      <c r="AF27218">
        <v>25</v>
      </c>
      <c r="AG27218">
        <v>25</v>
      </c>
      <c r="AH27218">
        <v>25</v>
      </c>
      <c r="AI27218">
        <v>26</v>
      </c>
      <c r="AJ27218">
        <v>26</v>
      </c>
      <c r="AK27218">
        <v>26</v>
      </c>
      <c r="AL27218">
        <v>26</v>
      </c>
      <c r="AM27218">
        <v>25</v>
      </c>
      <c r="AN27218">
        <v>25</v>
      </c>
      <c r="AO27218">
        <v>25</v>
      </c>
      <c r="AP27218">
        <v>25</v>
      </c>
      <c r="AQ27218">
        <v>25</v>
      </c>
    </row>
    <row r="27219" spans="1:43">
      <c r="A27219" t="s">
        <v>16847</v>
      </c>
      <c r="B27219" t="s">
        <v>16848</v>
      </c>
      <c r="C27219" t="s">
        <v>16845</v>
      </c>
      <c r="D27219" t="s">
        <v>16846</v>
      </c>
      <c r="E27219" t="s">
        <v>16695</v>
      </c>
      <c r="F27219" t="s">
        <v>16696</v>
      </c>
      <c r="G27219" t="s">
        <v>16559</v>
      </c>
      <c r="H27219" t="s">
        <v>16560</v>
      </c>
      <c r="I27219" s="2">
        <v>1</v>
      </c>
      <c r="J27219" s="2">
        <v>0</v>
      </c>
      <c r="K27219" s="2">
        <v>0</v>
      </c>
      <c r="L27219" t="s">
        <v>120</v>
      </c>
      <c r="M27219" t="s">
        <v>87</v>
      </c>
      <c r="N27219" t="s">
        <v>88</v>
      </c>
      <c r="O27219" t="s">
        <v>85</v>
      </c>
      <c r="P27219" t="s">
        <v>86</v>
      </c>
      <c r="Q27219">
        <v>24</v>
      </c>
      <c r="R27219">
        <v>24</v>
      </c>
      <c r="S27219">
        <v>24</v>
      </c>
      <c r="T27219">
        <v>24</v>
      </c>
      <c r="U27219">
        <v>24</v>
      </c>
      <c r="V27219">
        <v>24</v>
      </c>
      <c r="W27219">
        <v>24</v>
      </c>
      <c r="X27219">
        <v>24</v>
      </c>
      <c r="Y27219">
        <v>24</v>
      </c>
      <c r="Z27219">
        <v>24</v>
      </c>
      <c r="AA27219">
        <v>24</v>
      </c>
      <c r="AB27219">
        <v>24</v>
      </c>
      <c r="AC27219">
        <v>23</v>
      </c>
      <c r="AD27219">
        <v>23</v>
      </c>
      <c r="AE27219">
        <v>23</v>
      </c>
      <c r="AF27219">
        <v>23</v>
      </c>
      <c r="AG27219">
        <v>23</v>
      </c>
      <c r="AH27219">
        <v>23</v>
      </c>
      <c r="AI27219">
        <v>23</v>
      </c>
      <c r="AJ27219">
        <v>23</v>
      </c>
      <c r="AK27219">
        <v>23</v>
      </c>
      <c r="AL27219">
        <v>23</v>
      </c>
      <c r="AM27219">
        <v>23</v>
      </c>
      <c r="AN27219">
        <v>23</v>
      </c>
      <c r="AO27219">
        <v>23</v>
      </c>
      <c r="AP27219">
        <v>23</v>
      </c>
      <c r="AQ27219">
        <v>23</v>
      </c>
    </row>
    <row r="27220" spans="1:43">
      <c r="A27220" t="s">
        <v>16847</v>
      </c>
      <c r="B27220" t="s">
        <v>16848</v>
      </c>
      <c r="C27220" t="s">
        <v>16845</v>
      </c>
      <c r="D27220" t="s">
        <v>16846</v>
      </c>
      <c r="E27220" t="s">
        <v>16695</v>
      </c>
      <c r="F27220" t="s">
        <v>16696</v>
      </c>
      <c r="G27220" t="s">
        <v>16559</v>
      </c>
      <c r="H27220" t="s">
        <v>16560</v>
      </c>
      <c r="I27220" s="2">
        <v>1</v>
      </c>
      <c r="J27220" s="2">
        <v>0</v>
      </c>
      <c r="K27220" s="2">
        <v>0</v>
      </c>
      <c r="L27220" t="s">
        <v>120</v>
      </c>
      <c r="M27220" t="s">
        <v>89</v>
      </c>
      <c r="N27220" t="s">
        <v>90</v>
      </c>
      <c r="O27220" t="s">
        <v>85</v>
      </c>
      <c r="P27220" t="s">
        <v>86</v>
      </c>
      <c r="Q27220">
        <v>24</v>
      </c>
      <c r="R27220">
        <v>24</v>
      </c>
      <c r="S27220">
        <v>25</v>
      </c>
      <c r="T27220">
        <v>25</v>
      </c>
      <c r="U27220">
        <v>25</v>
      </c>
      <c r="V27220">
        <v>25</v>
      </c>
      <c r="W27220">
        <v>26</v>
      </c>
      <c r="X27220">
        <v>26</v>
      </c>
      <c r="Y27220">
        <v>26</v>
      </c>
      <c r="Z27220">
        <v>26</v>
      </c>
      <c r="AA27220">
        <v>26</v>
      </c>
      <c r="AB27220">
        <v>27</v>
      </c>
      <c r="AC27220">
        <v>27</v>
      </c>
      <c r="AD27220">
        <v>27</v>
      </c>
      <c r="AE27220">
        <v>27</v>
      </c>
      <c r="AF27220">
        <v>27</v>
      </c>
      <c r="AG27220">
        <v>27</v>
      </c>
      <c r="AH27220">
        <v>27</v>
      </c>
      <c r="AI27220">
        <v>26</v>
      </c>
      <c r="AJ27220">
        <v>26</v>
      </c>
      <c r="AK27220">
        <v>26</v>
      </c>
      <c r="AL27220">
        <v>26</v>
      </c>
      <c r="AM27220">
        <v>26</v>
      </c>
      <c r="AN27220">
        <v>26</v>
      </c>
      <c r="AO27220">
        <v>25</v>
      </c>
      <c r="AP27220">
        <v>25</v>
      </c>
      <c r="AQ27220">
        <v>25</v>
      </c>
    </row>
    <row r="27221" spans="1:43">
      <c r="A27221" t="s">
        <v>16847</v>
      </c>
      <c r="B27221" t="s">
        <v>16848</v>
      </c>
      <c r="C27221" t="s">
        <v>16845</v>
      </c>
      <c r="D27221" t="s">
        <v>16846</v>
      </c>
      <c r="E27221" t="s">
        <v>16695</v>
      </c>
      <c r="F27221" t="s">
        <v>16696</v>
      </c>
      <c r="G27221" t="s">
        <v>16559</v>
      </c>
      <c r="H27221" t="s">
        <v>16560</v>
      </c>
      <c r="I27221" s="2">
        <v>1</v>
      </c>
      <c r="J27221" s="2">
        <v>0</v>
      </c>
      <c r="K27221" s="2">
        <v>0</v>
      </c>
      <c r="L27221" t="s">
        <v>120</v>
      </c>
      <c r="M27221" t="s">
        <v>83</v>
      </c>
      <c r="N27221" t="s">
        <v>91</v>
      </c>
      <c r="O27221" t="s">
        <v>85</v>
      </c>
      <c r="P27221" t="s">
        <v>86</v>
      </c>
      <c r="Q27221">
        <v>24</v>
      </c>
      <c r="R27221">
        <v>24</v>
      </c>
      <c r="S27221">
        <v>24</v>
      </c>
      <c r="T27221">
        <v>24</v>
      </c>
      <c r="U27221">
        <v>24</v>
      </c>
      <c r="V27221">
        <v>24</v>
      </c>
      <c r="W27221">
        <v>24</v>
      </c>
      <c r="X27221">
        <v>25</v>
      </c>
      <c r="Y27221">
        <v>25</v>
      </c>
      <c r="Z27221">
        <v>25</v>
      </c>
      <c r="AA27221">
        <v>25</v>
      </c>
      <c r="AB27221">
        <v>25</v>
      </c>
      <c r="AC27221">
        <v>25</v>
      </c>
      <c r="AD27221">
        <v>25</v>
      </c>
      <c r="AE27221">
        <v>25</v>
      </c>
      <c r="AF27221">
        <v>25</v>
      </c>
      <c r="AG27221">
        <v>25</v>
      </c>
      <c r="AH27221">
        <v>25</v>
      </c>
      <c r="AI27221">
        <v>26</v>
      </c>
      <c r="AJ27221">
        <v>26</v>
      </c>
      <c r="AK27221">
        <v>26</v>
      </c>
      <c r="AL27221">
        <v>26</v>
      </c>
      <c r="AM27221">
        <v>25</v>
      </c>
      <c r="AN27221">
        <v>25</v>
      </c>
      <c r="AO27221">
        <v>25</v>
      </c>
      <c r="AP27221">
        <v>25</v>
      </c>
      <c r="AQ27221">
        <v>25</v>
      </c>
    </row>
    <row r="27222" spans="1:43">
      <c r="A27222" t="s">
        <v>16849</v>
      </c>
      <c r="B27222" t="s">
        <v>16850</v>
      </c>
      <c r="C27222" t="s">
        <v>16845</v>
      </c>
      <c r="D27222" t="s">
        <v>16846</v>
      </c>
      <c r="E27222" t="s">
        <v>16695</v>
      </c>
      <c r="F27222" t="s">
        <v>16696</v>
      </c>
      <c r="G27222" t="s">
        <v>16559</v>
      </c>
      <c r="H27222" t="s">
        <v>16560</v>
      </c>
      <c r="I27222" s="2">
        <v>1</v>
      </c>
      <c r="J27222" s="2">
        <v>0</v>
      </c>
      <c r="K27222" s="2">
        <v>0</v>
      </c>
      <c r="L27222" t="s">
        <v>120</v>
      </c>
      <c r="M27222" t="s">
        <v>83</v>
      </c>
      <c r="N27222" t="s">
        <v>84</v>
      </c>
      <c r="O27222" t="s">
        <v>85</v>
      </c>
      <c r="P27222" t="s">
        <v>86</v>
      </c>
      <c r="Q27222">
        <v>21</v>
      </c>
      <c r="R27222">
        <v>21</v>
      </c>
      <c r="S27222">
        <v>21</v>
      </c>
      <c r="T27222">
        <v>21</v>
      </c>
      <c r="U27222">
        <v>21</v>
      </c>
      <c r="V27222">
        <v>21</v>
      </c>
      <c r="W27222">
        <v>22</v>
      </c>
      <c r="X27222">
        <v>22</v>
      </c>
      <c r="Y27222">
        <v>22</v>
      </c>
      <c r="Z27222">
        <v>22</v>
      </c>
      <c r="AA27222">
        <v>22</v>
      </c>
      <c r="AB27222">
        <v>22</v>
      </c>
      <c r="AC27222">
        <v>22</v>
      </c>
      <c r="AD27222">
        <v>22</v>
      </c>
      <c r="AE27222">
        <v>22</v>
      </c>
      <c r="AF27222">
        <v>22</v>
      </c>
      <c r="AG27222">
        <v>22</v>
      </c>
      <c r="AH27222">
        <v>22</v>
      </c>
      <c r="AI27222">
        <v>23</v>
      </c>
      <c r="AJ27222">
        <v>23</v>
      </c>
      <c r="AK27222">
        <v>23</v>
      </c>
      <c r="AL27222">
        <v>23</v>
      </c>
      <c r="AM27222">
        <v>23</v>
      </c>
      <c r="AN27222">
        <v>22</v>
      </c>
      <c r="AO27222">
        <v>22</v>
      </c>
      <c r="AP27222">
        <v>22</v>
      </c>
      <c r="AQ27222">
        <v>22</v>
      </c>
    </row>
    <row r="27223" spans="1:43">
      <c r="A27223" t="s">
        <v>16849</v>
      </c>
      <c r="B27223" t="s">
        <v>16850</v>
      </c>
      <c r="C27223" t="s">
        <v>16845</v>
      </c>
      <c r="D27223" t="s">
        <v>16846</v>
      </c>
      <c r="E27223" t="s">
        <v>16695</v>
      </c>
      <c r="F27223" t="s">
        <v>16696</v>
      </c>
      <c r="G27223" t="s">
        <v>16559</v>
      </c>
      <c r="H27223" t="s">
        <v>16560</v>
      </c>
      <c r="I27223" s="2">
        <v>1</v>
      </c>
      <c r="J27223" s="2">
        <v>0</v>
      </c>
      <c r="K27223" s="2">
        <v>0</v>
      </c>
      <c r="L27223" t="s">
        <v>120</v>
      </c>
      <c r="M27223" t="s">
        <v>87</v>
      </c>
      <c r="N27223" t="s">
        <v>88</v>
      </c>
      <c r="O27223" t="s">
        <v>85</v>
      </c>
      <c r="P27223" t="s">
        <v>86</v>
      </c>
      <c r="Q27223">
        <v>21</v>
      </c>
      <c r="R27223">
        <v>21</v>
      </c>
      <c r="S27223">
        <v>21</v>
      </c>
      <c r="T27223">
        <v>21</v>
      </c>
      <c r="U27223">
        <v>20</v>
      </c>
      <c r="V27223">
        <v>20</v>
      </c>
      <c r="W27223">
        <v>20</v>
      </c>
      <c r="X27223">
        <v>20</v>
      </c>
      <c r="Y27223">
        <v>20</v>
      </c>
      <c r="Z27223">
        <v>20</v>
      </c>
      <c r="AA27223">
        <v>20</v>
      </c>
      <c r="AB27223">
        <v>20</v>
      </c>
      <c r="AC27223">
        <v>20</v>
      </c>
      <c r="AD27223">
        <v>20</v>
      </c>
      <c r="AE27223">
        <v>20</v>
      </c>
      <c r="AF27223">
        <v>20</v>
      </c>
      <c r="AG27223">
        <v>20</v>
      </c>
      <c r="AH27223">
        <v>20</v>
      </c>
      <c r="AI27223">
        <v>19</v>
      </c>
      <c r="AJ27223">
        <v>19</v>
      </c>
      <c r="AK27223">
        <v>19</v>
      </c>
      <c r="AL27223">
        <v>19</v>
      </c>
      <c r="AM27223">
        <v>19</v>
      </c>
      <c r="AN27223">
        <v>19</v>
      </c>
      <c r="AO27223">
        <v>19</v>
      </c>
      <c r="AP27223">
        <v>19</v>
      </c>
      <c r="AQ27223">
        <v>19</v>
      </c>
    </row>
    <row r="27224" spans="1:43">
      <c r="A27224" t="s">
        <v>16849</v>
      </c>
      <c r="B27224" t="s">
        <v>16850</v>
      </c>
      <c r="C27224" t="s">
        <v>16845</v>
      </c>
      <c r="D27224" t="s">
        <v>16846</v>
      </c>
      <c r="E27224" t="s">
        <v>16695</v>
      </c>
      <c r="F27224" t="s">
        <v>16696</v>
      </c>
      <c r="G27224" t="s">
        <v>16559</v>
      </c>
      <c r="H27224" t="s">
        <v>16560</v>
      </c>
      <c r="I27224" s="2">
        <v>1</v>
      </c>
      <c r="J27224" s="2">
        <v>0</v>
      </c>
      <c r="K27224" s="2">
        <v>0</v>
      </c>
      <c r="L27224" t="s">
        <v>120</v>
      </c>
      <c r="M27224" t="s">
        <v>89</v>
      </c>
      <c r="N27224" t="s">
        <v>90</v>
      </c>
      <c r="O27224" t="s">
        <v>85</v>
      </c>
      <c r="P27224" t="s">
        <v>86</v>
      </c>
      <c r="Q27224">
        <v>21</v>
      </c>
      <c r="R27224">
        <v>21</v>
      </c>
      <c r="S27224">
        <v>22</v>
      </c>
      <c r="T27224">
        <v>22</v>
      </c>
      <c r="U27224">
        <v>22</v>
      </c>
      <c r="V27224">
        <v>22</v>
      </c>
      <c r="W27224">
        <v>23</v>
      </c>
      <c r="X27224">
        <v>23</v>
      </c>
      <c r="Y27224">
        <v>23</v>
      </c>
      <c r="Z27224">
        <v>23</v>
      </c>
      <c r="AA27224">
        <v>23</v>
      </c>
      <c r="AB27224">
        <v>24</v>
      </c>
      <c r="AC27224">
        <v>24</v>
      </c>
      <c r="AD27224">
        <v>24</v>
      </c>
      <c r="AE27224">
        <v>24</v>
      </c>
      <c r="AF27224">
        <v>24</v>
      </c>
      <c r="AG27224">
        <v>24</v>
      </c>
      <c r="AH27224">
        <v>23</v>
      </c>
      <c r="AI27224">
        <v>23</v>
      </c>
      <c r="AJ27224">
        <v>23</v>
      </c>
      <c r="AK27224">
        <v>23</v>
      </c>
      <c r="AL27224">
        <v>23</v>
      </c>
      <c r="AM27224">
        <v>23</v>
      </c>
      <c r="AN27224">
        <v>23</v>
      </c>
      <c r="AO27224">
        <v>23</v>
      </c>
      <c r="AP27224">
        <v>22</v>
      </c>
      <c r="AQ27224">
        <v>22</v>
      </c>
    </row>
    <row r="27225" spans="1:43">
      <c r="A27225" t="s">
        <v>16849</v>
      </c>
      <c r="B27225" t="s">
        <v>16850</v>
      </c>
      <c r="C27225" t="s">
        <v>16845</v>
      </c>
      <c r="D27225" t="s">
        <v>16846</v>
      </c>
      <c r="E27225" t="s">
        <v>16695</v>
      </c>
      <c r="F27225" t="s">
        <v>16696</v>
      </c>
      <c r="G27225" t="s">
        <v>16559</v>
      </c>
      <c r="H27225" t="s">
        <v>16560</v>
      </c>
      <c r="I27225" s="2">
        <v>1</v>
      </c>
      <c r="J27225" s="2">
        <v>0</v>
      </c>
      <c r="K27225" s="2">
        <v>0</v>
      </c>
      <c r="L27225" t="s">
        <v>120</v>
      </c>
      <c r="M27225" t="s">
        <v>83</v>
      </c>
      <c r="N27225" t="s">
        <v>91</v>
      </c>
      <c r="O27225" t="s">
        <v>85</v>
      </c>
      <c r="P27225" t="s">
        <v>86</v>
      </c>
      <c r="Q27225">
        <v>21</v>
      </c>
      <c r="R27225">
        <v>21</v>
      </c>
      <c r="S27225">
        <v>21</v>
      </c>
      <c r="T27225">
        <v>21</v>
      </c>
      <c r="U27225">
        <v>21</v>
      </c>
      <c r="V27225">
        <v>21</v>
      </c>
      <c r="W27225">
        <v>22</v>
      </c>
      <c r="X27225">
        <v>22</v>
      </c>
      <c r="Y27225">
        <v>22</v>
      </c>
      <c r="Z27225">
        <v>22</v>
      </c>
      <c r="AA27225">
        <v>22</v>
      </c>
      <c r="AB27225">
        <v>22</v>
      </c>
      <c r="AC27225">
        <v>22</v>
      </c>
      <c r="AD27225">
        <v>22</v>
      </c>
      <c r="AE27225">
        <v>22</v>
      </c>
      <c r="AF27225">
        <v>22</v>
      </c>
      <c r="AG27225">
        <v>22</v>
      </c>
      <c r="AH27225">
        <v>22</v>
      </c>
      <c r="AI27225">
        <v>23</v>
      </c>
      <c r="AJ27225">
        <v>23</v>
      </c>
      <c r="AK27225">
        <v>23</v>
      </c>
      <c r="AL27225">
        <v>23</v>
      </c>
      <c r="AM27225">
        <v>23</v>
      </c>
      <c r="AN27225">
        <v>22</v>
      </c>
      <c r="AO27225">
        <v>22</v>
      </c>
      <c r="AP27225">
        <v>22</v>
      </c>
      <c r="AQ27225">
        <v>22</v>
      </c>
    </row>
    <row r="27226" spans="1:43">
      <c r="A27226" t="s">
        <v>16851</v>
      </c>
      <c r="B27226" t="s">
        <v>16852</v>
      </c>
      <c r="C27226" t="s">
        <v>16853</v>
      </c>
      <c r="D27226" t="s">
        <v>16854</v>
      </c>
      <c r="E27226" t="s">
        <v>16695</v>
      </c>
      <c r="F27226" t="s">
        <v>16696</v>
      </c>
      <c r="G27226" t="s">
        <v>16559</v>
      </c>
      <c r="H27226" t="s">
        <v>16560</v>
      </c>
      <c r="I27226" s="2">
        <v>1</v>
      </c>
      <c r="J27226" s="2">
        <v>0</v>
      </c>
      <c r="K27226" s="2">
        <v>0</v>
      </c>
      <c r="L27226" t="s">
        <v>120</v>
      </c>
      <c r="M27226" t="s">
        <v>83</v>
      </c>
      <c r="N27226" t="s">
        <v>84</v>
      </c>
      <c r="O27226" t="s">
        <v>85</v>
      </c>
      <c r="P27226" t="s">
        <v>86</v>
      </c>
      <c r="Q27226">
        <v>17</v>
      </c>
      <c r="R27226">
        <v>17</v>
      </c>
      <c r="S27226">
        <v>17</v>
      </c>
      <c r="T27226">
        <v>17</v>
      </c>
      <c r="U27226">
        <v>17</v>
      </c>
      <c r="V27226">
        <v>17</v>
      </c>
      <c r="W27226">
        <v>17</v>
      </c>
      <c r="X27226">
        <v>17</v>
      </c>
      <c r="Y27226">
        <v>17</v>
      </c>
      <c r="Z27226">
        <v>18</v>
      </c>
      <c r="AA27226">
        <v>18</v>
      </c>
      <c r="AB27226">
        <v>18</v>
      </c>
      <c r="AC27226">
        <v>18</v>
      </c>
      <c r="AD27226">
        <v>18</v>
      </c>
      <c r="AE27226">
        <v>18</v>
      </c>
      <c r="AF27226">
        <v>18</v>
      </c>
      <c r="AG27226">
        <v>18</v>
      </c>
      <c r="AH27226">
        <v>18</v>
      </c>
      <c r="AI27226">
        <v>18</v>
      </c>
      <c r="AJ27226">
        <v>18</v>
      </c>
      <c r="AK27226">
        <v>18</v>
      </c>
      <c r="AL27226">
        <v>18</v>
      </c>
      <c r="AM27226">
        <v>18</v>
      </c>
      <c r="AN27226">
        <v>18</v>
      </c>
      <c r="AO27226">
        <v>18</v>
      </c>
      <c r="AP27226">
        <v>18</v>
      </c>
      <c r="AQ27226">
        <v>18</v>
      </c>
    </row>
    <row r="27227" spans="1:43">
      <c r="A27227" t="s">
        <v>16851</v>
      </c>
      <c r="B27227" t="s">
        <v>16852</v>
      </c>
      <c r="C27227" t="s">
        <v>16853</v>
      </c>
      <c r="D27227" t="s">
        <v>16854</v>
      </c>
      <c r="E27227" t="s">
        <v>16695</v>
      </c>
      <c r="F27227" t="s">
        <v>16696</v>
      </c>
      <c r="G27227" t="s">
        <v>16559</v>
      </c>
      <c r="H27227" t="s">
        <v>16560</v>
      </c>
      <c r="I27227" s="2">
        <v>1</v>
      </c>
      <c r="J27227" s="2">
        <v>0</v>
      </c>
      <c r="K27227" s="2">
        <v>0</v>
      </c>
      <c r="L27227" t="s">
        <v>120</v>
      </c>
      <c r="M27227" t="s">
        <v>87</v>
      </c>
      <c r="N27227" t="s">
        <v>88</v>
      </c>
      <c r="O27227" t="s">
        <v>85</v>
      </c>
      <c r="P27227" t="s">
        <v>86</v>
      </c>
      <c r="Q27227">
        <v>17</v>
      </c>
      <c r="R27227">
        <v>17</v>
      </c>
      <c r="S27227">
        <v>16</v>
      </c>
      <c r="T27227">
        <v>16</v>
      </c>
      <c r="U27227">
        <v>16</v>
      </c>
      <c r="V27227">
        <v>16</v>
      </c>
      <c r="W27227">
        <v>16</v>
      </c>
      <c r="X27227">
        <v>16</v>
      </c>
      <c r="Y27227">
        <v>16</v>
      </c>
      <c r="Z27227">
        <v>16</v>
      </c>
      <c r="AA27227">
        <v>16</v>
      </c>
      <c r="AB27227">
        <v>16</v>
      </c>
      <c r="AC27227">
        <v>16</v>
      </c>
      <c r="AD27227">
        <v>16</v>
      </c>
      <c r="AE27227">
        <v>16</v>
      </c>
      <c r="AF27227">
        <v>16</v>
      </c>
      <c r="AG27227">
        <v>16</v>
      </c>
      <c r="AH27227">
        <v>16</v>
      </c>
      <c r="AI27227">
        <v>16</v>
      </c>
      <c r="AJ27227">
        <v>16</v>
      </c>
      <c r="AK27227">
        <v>16</v>
      </c>
      <c r="AL27227">
        <v>16</v>
      </c>
      <c r="AM27227">
        <v>16</v>
      </c>
      <c r="AN27227">
        <v>16</v>
      </c>
      <c r="AO27227">
        <v>16</v>
      </c>
      <c r="AP27227">
        <v>16</v>
      </c>
      <c r="AQ27227">
        <v>15</v>
      </c>
    </row>
    <row r="27228" spans="1:43">
      <c r="A27228" t="s">
        <v>16851</v>
      </c>
      <c r="B27228" t="s">
        <v>16852</v>
      </c>
      <c r="C27228" t="s">
        <v>16853</v>
      </c>
      <c r="D27228" t="s">
        <v>16854</v>
      </c>
      <c r="E27228" t="s">
        <v>16695</v>
      </c>
      <c r="F27228" t="s">
        <v>16696</v>
      </c>
      <c r="G27228" t="s">
        <v>16559</v>
      </c>
      <c r="H27228" t="s">
        <v>16560</v>
      </c>
      <c r="I27228" s="2">
        <v>1</v>
      </c>
      <c r="J27228" s="2">
        <v>0</v>
      </c>
      <c r="K27228" s="2">
        <v>0</v>
      </c>
      <c r="L27228" t="s">
        <v>120</v>
      </c>
      <c r="M27228" t="s">
        <v>89</v>
      </c>
      <c r="N27228" t="s">
        <v>90</v>
      </c>
      <c r="O27228" t="s">
        <v>85</v>
      </c>
      <c r="P27228" t="s">
        <v>86</v>
      </c>
      <c r="Q27228">
        <v>17</v>
      </c>
      <c r="R27228">
        <v>17</v>
      </c>
      <c r="S27228">
        <v>17</v>
      </c>
      <c r="T27228">
        <v>18</v>
      </c>
      <c r="U27228">
        <v>18</v>
      </c>
      <c r="V27228">
        <v>18</v>
      </c>
      <c r="W27228">
        <v>18</v>
      </c>
      <c r="X27228">
        <v>18</v>
      </c>
      <c r="Y27228">
        <v>18</v>
      </c>
      <c r="Z27228">
        <v>19</v>
      </c>
      <c r="AA27228">
        <v>19</v>
      </c>
      <c r="AB27228">
        <v>19</v>
      </c>
      <c r="AC27228">
        <v>19</v>
      </c>
      <c r="AD27228">
        <v>19</v>
      </c>
      <c r="AE27228">
        <v>19</v>
      </c>
      <c r="AF27228">
        <v>19</v>
      </c>
      <c r="AG27228">
        <v>19</v>
      </c>
      <c r="AH27228">
        <v>19</v>
      </c>
      <c r="AI27228">
        <v>19</v>
      </c>
      <c r="AJ27228">
        <v>19</v>
      </c>
      <c r="AK27228">
        <v>19</v>
      </c>
      <c r="AL27228">
        <v>18</v>
      </c>
      <c r="AM27228">
        <v>18</v>
      </c>
      <c r="AN27228">
        <v>18</v>
      </c>
      <c r="AO27228">
        <v>18</v>
      </c>
      <c r="AP27228">
        <v>18</v>
      </c>
      <c r="AQ27228">
        <v>18</v>
      </c>
    </row>
    <row r="27229" spans="1:43">
      <c r="A27229" t="s">
        <v>16851</v>
      </c>
      <c r="B27229" t="s">
        <v>16852</v>
      </c>
      <c r="C27229" t="s">
        <v>16853</v>
      </c>
      <c r="D27229" t="s">
        <v>16854</v>
      </c>
      <c r="E27229" t="s">
        <v>16695</v>
      </c>
      <c r="F27229" t="s">
        <v>16696</v>
      </c>
      <c r="G27229" t="s">
        <v>16559</v>
      </c>
      <c r="H27229" t="s">
        <v>16560</v>
      </c>
      <c r="I27229" s="2">
        <v>1</v>
      </c>
      <c r="J27229" s="2">
        <v>0</v>
      </c>
      <c r="K27229" s="2">
        <v>0</v>
      </c>
      <c r="L27229" t="s">
        <v>120</v>
      </c>
      <c r="M27229" t="s">
        <v>83</v>
      </c>
      <c r="N27229" t="s">
        <v>91</v>
      </c>
      <c r="O27229" t="s">
        <v>85</v>
      </c>
      <c r="P27229" t="s">
        <v>86</v>
      </c>
      <c r="Q27229">
        <v>17</v>
      </c>
      <c r="R27229">
        <v>17</v>
      </c>
      <c r="S27229">
        <v>17</v>
      </c>
      <c r="T27229">
        <v>17</v>
      </c>
      <c r="U27229">
        <v>17</v>
      </c>
      <c r="V27229">
        <v>17</v>
      </c>
      <c r="W27229">
        <v>17</v>
      </c>
      <c r="X27229">
        <v>17</v>
      </c>
      <c r="Y27229">
        <v>17</v>
      </c>
      <c r="Z27229">
        <v>18</v>
      </c>
      <c r="AA27229">
        <v>18</v>
      </c>
      <c r="AB27229">
        <v>18</v>
      </c>
      <c r="AC27229">
        <v>18</v>
      </c>
      <c r="AD27229">
        <v>18</v>
      </c>
      <c r="AE27229">
        <v>18</v>
      </c>
      <c r="AF27229">
        <v>18</v>
      </c>
      <c r="AG27229">
        <v>18</v>
      </c>
      <c r="AH27229">
        <v>18</v>
      </c>
      <c r="AI27229">
        <v>18</v>
      </c>
      <c r="AJ27229">
        <v>18</v>
      </c>
      <c r="AK27229">
        <v>18</v>
      </c>
      <c r="AL27229">
        <v>18</v>
      </c>
      <c r="AM27229">
        <v>18</v>
      </c>
      <c r="AN27229">
        <v>18</v>
      </c>
      <c r="AO27229">
        <v>18</v>
      </c>
      <c r="AP27229">
        <v>18</v>
      </c>
      <c r="AQ27229">
        <v>18</v>
      </c>
    </row>
    <row r="27230" spans="1:43">
      <c r="A27230" t="s">
        <v>16855</v>
      </c>
      <c r="B27230" t="s">
        <v>16856</v>
      </c>
      <c r="C27230" t="s">
        <v>16853</v>
      </c>
      <c r="D27230" t="s">
        <v>16854</v>
      </c>
      <c r="E27230" t="s">
        <v>16695</v>
      </c>
      <c r="F27230" t="s">
        <v>16696</v>
      </c>
      <c r="G27230" t="s">
        <v>16559</v>
      </c>
      <c r="H27230" t="s">
        <v>16560</v>
      </c>
      <c r="I27230" s="2">
        <v>1</v>
      </c>
      <c r="J27230" s="2">
        <v>0</v>
      </c>
      <c r="K27230" s="2">
        <v>0</v>
      </c>
      <c r="L27230" t="s">
        <v>120</v>
      </c>
      <c r="M27230" t="s">
        <v>83</v>
      </c>
      <c r="N27230" t="s">
        <v>84</v>
      </c>
      <c r="O27230" t="s">
        <v>85</v>
      </c>
      <c r="P27230" t="s">
        <v>86</v>
      </c>
      <c r="Q27230">
        <v>19</v>
      </c>
      <c r="R27230">
        <v>19</v>
      </c>
      <c r="S27230">
        <v>19</v>
      </c>
      <c r="T27230">
        <v>19</v>
      </c>
      <c r="U27230">
        <v>19</v>
      </c>
      <c r="V27230">
        <v>19</v>
      </c>
      <c r="W27230">
        <v>19</v>
      </c>
      <c r="X27230">
        <v>20</v>
      </c>
      <c r="Y27230">
        <v>20</v>
      </c>
      <c r="Z27230">
        <v>20</v>
      </c>
      <c r="AA27230">
        <v>20</v>
      </c>
      <c r="AB27230">
        <v>20</v>
      </c>
      <c r="AC27230">
        <v>20</v>
      </c>
      <c r="AD27230">
        <v>20</v>
      </c>
      <c r="AE27230">
        <v>20</v>
      </c>
      <c r="AF27230">
        <v>20</v>
      </c>
      <c r="AG27230">
        <v>20</v>
      </c>
      <c r="AH27230">
        <v>20</v>
      </c>
      <c r="AI27230">
        <v>20</v>
      </c>
      <c r="AJ27230">
        <v>21</v>
      </c>
      <c r="AK27230">
        <v>21</v>
      </c>
      <c r="AL27230">
        <v>21</v>
      </c>
      <c r="AM27230">
        <v>20</v>
      </c>
      <c r="AN27230">
        <v>20</v>
      </c>
      <c r="AO27230">
        <v>20</v>
      </c>
      <c r="AP27230">
        <v>20</v>
      </c>
      <c r="AQ27230">
        <v>20</v>
      </c>
    </row>
    <row r="27231" spans="1:43">
      <c r="A27231" t="s">
        <v>16855</v>
      </c>
      <c r="B27231" t="s">
        <v>16856</v>
      </c>
      <c r="C27231" t="s">
        <v>16853</v>
      </c>
      <c r="D27231" t="s">
        <v>16854</v>
      </c>
      <c r="E27231" t="s">
        <v>16695</v>
      </c>
      <c r="F27231" t="s">
        <v>16696</v>
      </c>
      <c r="G27231" t="s">
        <v>16559</v>
      </c>
      <c r="H27231" t="s">
        <v>16560</v>
      </c>
      <c r="I27231" s="2">
        <v>1</v>
      </c>
      <c r="J27231" s="2">
        <v>0</v>
      </c>
      <c r="K27231" s="2">
        <v>0</v>
      </c>
      <c r="L27231" t="s">
        <v>120</v>
      </c>
      <c r="M27231" t="s">
        <v>87</v>
      </c>
      <c r="N27231" t="s">
        <v>88</v>
      </c>
      <c r="O27231" t="s">
        <v>85</v>
      </c>
      <c r="P27231" t="s">
        <v>86</v>
      </c>
      <c r="Q27231">
        <v>19</v>
      </c>
      <c r="R27231">
        <v>19</v>
      </c>
      <c r="S27231">
        <v>19</v>
      </c>
      <c r="T27231">
        <v>18</v>
      </c>
      <c r="U27231">
        <v>18</v>
      </c>
      <c r="V27231">
        <v>18</v>
      </c>
      <c r="W27231">
        <v>18</v>
      </c>
      <c r="X27231">
        <v>18</v>
      </c>
      <c r="Y27231">
        <v>18</v>
      </c>
      <c r="Z27231">
        <v>18</v>
      </c>
      <c r="AA27231">
        <v>18</v>
      </c>
      <c r="AB27231">
        <v>18</v>
      </c>
      <c r="AC27231">
        <v>18</v>
      </c>
      <c r="AD27231">
        <v>18</v>
      </c>
      <c r="AE27231">
        <v>18</v>
      </c>
      <c r="AF27231">
        <v>18</v>
      </c>
      <c r="AG27231">
        <v>18</v>
      </c>
      <c r="AH27231">
        <v>18</v>
      </c>
      <c r="AI27231">
        <v>18</v>
      </c>
      <c r="AJ27231">
        <v>18</v>
      </c>
      <c r="AK27231">
        <v>18</v>
      </c>
      <c r="AL27231">
        <v>18</v>
      </c>
      <c r="AM27231">
        <v>18</v>
      </c>
      <c r="AN27231">
        <v>18</v>
      </c>
      <c r="AO27231">
        <v>17</v>
      </c>
      <c r="AP27231">
        <v>17</v>
      </c>
      <c r="AQ27231">
        <v>17</v>
      </c>
    </row>
    <row r="27232" spans="1:43">
      <c r="A27232" t="s">
        <v>16855</v>
      </c>
      <c r="B27232" t="s">
        <v>16856</v>
      </c>
      <c r="C27232" t="s">
        <v>16853</v>
      </c>
      <c r="D27232" t="s">
        <v>16854</v>
      </c>
      <c r="E27232" t="s">
        <v>16695</v>
      </c>
      <c r="F27232" t="s">
        <v>16696</v>
      </c>
      <c r="G27232" t="s">
        <v>16559</v>
      </c>
      <c r="H27232" t="s">
        <v>16560</v>
      </c>
      <c r="I27232" s="2">
        <v>1</v>
      </c>
      <c r="J27232" s="2">
        <v>0</v>
      </c>
      <c r="K27232" s="2">
        <v>0</v>
      </c>
      <c r="L27232" t="s">
        <v>120</v>
      </c>
      <c r="M27232" t="s">
        <v>89</v>
      </c>
      <c r="N27232" t="s">
        <v>90</v>
      </c>
      <c r="O27232" t="s">
        <v>85</v>
      </c>
      <c r="P27232" t="s">
        <v>86</v>
      </c>
      <c r="Q27232">
        <v>19</v>
      </c>
      <c r="R27232">
        <v>19</v>
      </c>
      <c r="S27232">
        <v>20</v>
      </c>
      <c r="T27232">
        <v>20</v>
      </c>
      <c r="U27232">
        <v>20</v>
      </c>
      <c r="V27232">
        <v>20</v>
      </c>
      <c r="W27232">
        <v>20</v>
      </c>
      <c r="X27232">
        <v>21</v>
      </c>
      <c r="Y27232">
        <v>21</v>
      </c>
      <c r="Z27232">
        <v>21</v>
      </c>
      <c r="AA27232">
        <v>21</v>
      </c>
      <c r="AB27232">
        <v>21</v>
      </c>
      <c r="AC27232">
        <v>21</v>
      </c>
      <c r="AD27232">
        <v>22</v>
      </c>
      <c r="AE27232">
        <v>22</v>
      </c>
      <c r="AF27232">
        <v>21</v>
      </c>
      <c r="AG27232">
        <v>21</v>
      </c>
      <c r="AH27232">
        <v>21</v>
      </c>
      <c r="AI27232">
        <v>21</v>
      </c>
      <c r="AJ27232">
        <v>21</v>
      </c>
      <c r="AK27232">
        <v>21</v>
      </c>
      <c r="AL27232">
        <v>21</v>
      </c>
      <c r="AM27232">
        <v>21</v>
      </c>
      <c r="AN27232">
        <v>21</v>
      </c>
      <c r="AO27232">
        <v>21</v>
      </c>
      <c r="AP27232">
        <v>20</v>
      </c>
      <c r="AQ27232">
        <v>20</v>
      </c>
    </row>
    <row r="27233" spans="1:43">
      <c r="A27233" t="s">
        <v>16855</v>
      </c>
      <c r="B27233" t="s">
        <v>16856</v>
      </c>
      <c r="C27233" t="s">
        <v>16853</v>
      </c>
      <c r="D27233" t="s">
        <v>16854</v>
      </c>
      <c r="E27233" t="s">
        <v>16695</v>
      </c>
      <c r="F27233" t="s">
        <v>16696</v>
      </c>
      <c r="G27233" t="s">
        <v>16559</v>
      </c>
      <c r="H27233" t="s">
        <v>16560</v>
      </c>
      <c r="I27233" s="2">
        <v>1</v>
      </c>
      <c r="J27233" s="2">
        <v>0</v>
      </c>
      <c r="K27233" s="2">
        <v>0</v>
      </c>
      <c r="L27233" t="s">
        <v>120</v>
      </c>
      <c r="M27233" t="s">
        <v>83</v>
      </c>
      <c r="N27233" t="s">
        <v>91</v>
      </c>
      <c r="O27233" t="s">
        <v>85</v>
      </c>
      <c r="P27233" t="s">
        <v>86</v>
      </c>
      <c r="Q27233">
        <v>19</v>
      </c>
      <c r="R27233">
        <v>19</v>
      </c>
      <c r="S27233">
        <v>19</v>
      </c>
      <c r="T27233">
        <v>19</v>
      </c>
      <c r="U27233">
        <v>19</v>
      </c>
      <c r="V27233">
        <v>19</v>
      </c>
      <c r="W27233">
        <v>19</v>
      </c>
      <c r="X27233">
        <v>20</v>
      </c>
      <c r="Y27233">
        <v>20</v>
      </c>
      <c r="Z27233">
        <v>20</v>
      </c>
      <c r="AA27233">
        <v>20</v>
      </c>
      <c r="AB27233">
        <v>20</v>
      </c>
      <c r="AC27233">
        <v>20</v>
      </c>
      <c r="AD27233">
        <v>20</v>
      </c>
      <c r="AE27233">
        <v>20</v>
      </c>
      <c r="AF27233">
        <v>20</v>
      </c>
      <c r="AG27233">
        <v>20</v>
      </c>
      <c r="AH27233">
        <v>20</v>
      </c>
      <c r="AI27233">
        <v>20</v>
      </c>
      <c r="AJ27233">
        <v>21</v>
      </c>
      <c r="AK27233">
        <v>21</v>
      </c>
      <c r="AL27233">
        <v>21</v>
      </c>
      <c r="AM27233">
        <v>20</v>
      </c>
      <c r="AN27233">
        <v>20</v>
      </c>
      <c r="AO27233">
        <v>20</v>
      </c>
      <c r="AP27233">
        <v>20</v>
      </c>
      <c r="AQ27233">
        <v>20</v>
      </c>
    </row>
    <row r="27234" spans="1:43">
      <c r="A27234" t="s">
        <v>16857</v>
      </c>
      <c r="B27234" t="s">
        <v>16858</v>
      </c>
      <c r="C27234" t="s">
        <v>16853</v>
      </c>
      <c r="D27234" t="s">
        <v>16854</v>
      </c>
      <c r="E27234" t="s">
        <v>16695</v>
      </c>
      <c r="F27234" t="s">
        <v>16696</v>
      </c>
      <c r="G27234" t="s">
        <v>16559</v>
      </c>
      <c r="H27234" t="s">
        <v>16560</v>
      </c>
      <c r="I27234" s="2">
        <v>1</v>
      </c>
      <c r="J27234" s="2">
        <v>0</v>
      </c>
      <c r="K27234" s="2">
        <v>0</v>
      </c>
      <c r="L27234" t="s">
        <v>120</v>
      </c>
      <c r="M27234" t="s">
        <v>83</v>
      </c>
      <c r="N27234" t="s">
        <v>84</v>
      </c>
      <c r="O27234" t="s">
        <v>85</v>
      </c>
      <c r="P27234" t="s">
        <v>86</v>
      </c>
      <c r="Q27234">
        <v>11</v>
      </c>
      <c r="R27234">
        <v>11</v>
      </c>
      <c r="S27234">
        <v>11</v>
      </c>
      <c r="T27234">
        <v>11</v>
      </c>
      <c r="U27234">
        <v>11</v>
      </c>
      <c r="V27234">
        <v>11</v>
      </c>
      <c r="W27234">
        <v>11</v>
      </c>
      <c r="X27234">
        <v>11</v>
      </c>
      <c r="Y27234">
        <v>11</v>
      </c>
      <c r="Z27234">
        <v>11</v>
      </c>
      <c r="AA27234">
        <v>11</v>
      </c>
      <c r="AB27234">
        <v>11</v>
      </c>
      <c r="AC27234">
        <v>11</v>
      </c>
      <c r="AD27234">
        <v>11</v>
      </c>
      <c r="AE27234">
        <v>11</v>
      </c>
      <c r="AF27234">
        <v>11</v>
      </c>
      <c r="AG27234">
        <v>11</v>
      </c>
      <c r="AH27234">
        <v>11</v>
      </c>
      <c r="AI27234">
        <v>12</v>
      </c>
      <c r="AJ27234">
        <v>12</v>
      </c>
      <c r="AK27234">
        <v>12</v>
      </c>
      <c r="AL27234">
        <v>12</v>
      </c>
      <c r="AM27234">
        <v>12</v>
      </c>
      <c r="AN27234">
        <v>11</v>
      </c>
      <c r="AO27234">
        <v>11</v>
      </c>
      <c r="AP27234">
        <v>11</v>
      </c>
      <c r="AQ27234">
        <v>11</v>
      </c>
    </row>
    <row r="27235" spans="1:43">
      <c r="A27235" t="s">
        <v>16857</v>
      </c>
      <c r="B27235" t="s">
        <v>16858</v>
      </c>
      <c r="C27235" t="s">
        <v>16853</v>
      </c>
      <c r="D27235" t="s">
        <v>16854</v>
      </c>
      <c r="E27235" t="s">
        <v>16695</v>
      </c>
      <c r="F27235" t="s">
        <v>16696</v>
      </c>
      <c r="G27235" t="s">
        <v>16559</v>
      </c>
      <c r="H27235" t="s">
        <v>16560</v>
      </c>
      <c r="I27235" s="2">
        <v>1</v>
      </c>
      <c r="J27235" s="2">
        <v>0</v>
      </c>
      <c r="K27235" s="2">
        <v>0</v>
      </c>
      <c r="L27235" t="s">
        <v>120</v>
      </c>
      <c r="M27235" t="s">
        <v>87</v>
      </c>
      <c r="N27235" t="s">
        <v>88</v>
      </c>
      <c r="O27235" t="s">
        <v>85</v>
      </c>
      <c r="P27235" t="s">
        <v>86</v>
      </c>
      <c r="Q27235">
        <v>11</v>
      </c>
      <c r="R27235">
        <v>11</v>
      </c>
      <c r="S27235">
        <v>11</v>
      </c>
      <c r="T27235">
        <v>11</v>
      </c>
      <c r="U27235">
        <v>11</v>
      </c>
      <c r="V27235">
        <v>11</v>
      </c>
      <c r="W27235">
        <v>11</v>
      </c>
      <c r="X27235">
        <v>11</v>
      </c>
      <c r="Y27235">
        <v>11</v>
      </c>
      <c r="Z27235">
        <v>11</v>
      </c>
      <c r="AA27235">
        <v>11</v>
      </c>
      <c r="AB27235">
        <v>11</v>
      </c>
      <c r="AC27235">
        <v>11</v>
      </c>
      <c r="AD27235">
        <v>11</v>
      </c>
      <c r="AE27235">
        <v>11</v>
      </c>
      <c r="AF27235">
        <v>11</v>
      </c>
      <c r="AG27235">
        <v>11</v>
      </c>
      <c r="AH27235">
        <v>11</v>
      </c>
      <c r="AI27235">
        <v>11</v>
      </c>
      <c r="AJ27235">
        <v>11</v>
      </c>
      <c r="AK27235">
        <v>11</v>
      </c>
      <c r="AL27235">
        <v>11</v>
      </c>
      <c r="AM27235">
        <v>11</v>
      </c>
      <c r="AN27235">
        <v>11</v>
      </c>
      <c r="AO27235">
        <v>11</v>
      </c>
      <c r="AP27235">
        <v>11</v>
      </c>
      <c r="AQ27235">
        <v>11</v>
      </c>
    </row>
    <row r="27236" spans="1:43">
      <c r="A27236" t="s">
        <v>16857</v>
      </c>
      <c r="B27236" t="s">
        <v>16858</v>
      </c>
      <c r="C27236" t="s">
        <v>16853</v>
      </c>
      <c r="D27236" t="s">
        <v>16854</v>
      </c>
      <c r="E27236" t="s">
        <v>16695</v>
      </c>
      <c r="F27236" t="s">
        <v>16696</v>
      </c>
      <c r="G27236" t="s">
        <v>16559</v>
      </c>
      <c r="H27236" t="s">
        <v>16560</v>
      </c>
      <c r="I27236" s="2">
        <v>1</v>
      </c>
      <c r="J27236" s="2">
        <v>0</v>
      </c>
      <c r="K27236" s="2">
        <v>0</v>
      </c>
      <c r="L27236" t="s">
        <v>120</v>
      </c>
      <c r="M27236" t="s">
        <v>89</v>
      </c>
      <c r="N27236" t="s">
        <v>90</v>
      </c>
      <c r="O27236" t="s">
        <v>85</v>
      </c>
      <c r="P27236" t="s">
        <v>86</v>
      </c>
      <c r="Q27236">
        <v>11</v>
      </c>
      <c r="R27236">
        <v>11</v>
      </c>
      <c r="S27236">
        <v>11</v>
      </c>
      <c r="T27236">
        <v>11</v>
      </c>
      <c r="U27236">
        <v>11</v>
      </c>
      <c r="V27236">
        <v>11</v>
      </c>
      <c r="W27236">
        <v>11</v>
      </c>
      <c r="X27236">
        <v>12</v>
      </c>
      <c r="Y27236">
        <v>12</v>
      </c>
      <c r="Z27236">
        <v>12</v>
      </c>
      <c r="AA27236">
        <v>12</v>
      </c>
      <c r="AB27236">
        <v>12</v>
      </c>
      <c r="AC27236">
        <v>12</v>
      </c>
      <c r="AD27236">
        <v>12</v>
      </c>
      <c r="AE27236">
        <v>12</v>
      </c>
      <c r="AF27236">
        <v>12</v>
      </c>
      <c r="AG27236">
        <v>12</v>
      </c>
      <c r="AH27236">
        <v>12</v>
      </c>
      <c r="AI27236">
        <v>12</v>
      </c>
      <c r="AJ27236">
        <v>12</v>
      </c>
      <c r="AK27236">
        <v>12</v>
      </c>
      <c r="AL27236">
        <v>12</v>
      </c>
      <c r="AM27236">
        <v>12</v>
      </c>
      <c r="AN27236">
        <v>12</v>
      </c>
      <c r="AO27236">
        <v>12</v>
      </c>
      <c r="AP27236">
        <v>12</v>
      </c>
      <c r="AQ27236">
        <v>11</v>
      </c>
    </row>
    <row r="27237" spans="1:43">
      <c r="A27237" t="s">
        <v>16857</v>
      </c>
      <c r="B27237" t="s">
        <v>16858</v>
      </c>
      <c r="C27237" t="s">
        <v>16853</v>
      </c>
      <c r="D27237" t="s">
        <v>16854</v>
      </c>
      <c r="E27237" t="s">
        <v>16695</v>
      </c>
      <c r="F27237" t="s">
        <v>16696</v>
      </c>
      <c r="G27237" t="s">
        <v>16559</v>
      </c>
      <c r="H27237" t="s">
        <v>16560</v>
      </c>
      <c r="I27237" s="2">
        <v>1</v>
      </c>
      <c r="J27237" s="2">
        <v>0</v>
      </c>
      <c r="K27237" s="2">
        <v>0</v>
      </c>
      <c r="L27237" t="s">
        <v>120</v>
      </c>
      <c r="M27237" t="s">
        <v>83</v>
      </c>
      <c r="N27237" t="s">
        <v>91</v>
      </c>
      <c r="O27237" t="s">
        <v>85</v>
      </c>
      <c r="P27237" t="s">
        <v>86</v>
      </c>
      <c r="Q27237">
        <v>11</v>
      </c>
      <c r="R27237">
        <v>11</v>
      </c>
      <c r="S27237">
        <v>11</v>
      </c>
      <c r="T27237">
        <v>11</v>
      </c>
      <c r="U27237">
        <v>11</v>
      </c>
      <c r="V27237">
        <v>11</v>
      </c>
      <c r="W27237">
        <v>11</v>
      </c>
      <c r="X27237">
        <v>11</v>
      </c>
      <c r="Y27237">
        <v>11</v>
      </c>
      <c r="Z27237">
        <v>11</v>
      </c>
      <c r="AA27237">
        <v>11</v>
      </c>
      <c r="AB27237">
        <v>11</v>
      </c>
      <c r="AC27237">
        <v>11</v>
      </c>
      <c r="AD27237">
        <v>11</v>
      </c>
      <c r="AE27237">
        <v>11</v>
      </c>
      <c r="AF27237">
        <v>11</v>
      </c>
      <c r="AG27237">
        <v>11</v>
      </c>
      <c r="AH27237">
        <v>11</v>
      </c>
      <c r="AI27237">
        <v>12</v>
      </c>
      <c r="AJ27237">
        <v>12</v>
      </c>
      <c r="AK27237">
        <v>12</v>
      </c>
      <c r="AL27237">
        <v>12</v>
      </c>
      <c r="AM27237">
        <v>12</v>
      </c>
      <c r="AN27237">
        <v>11</v>
      </c>
      <c r="AO27237">
        <v>11</v>
      </c>
      <c r="AP27237">
        <v>11</v>
      </c>
      <c r="AQ27237">
        <v>11</v>
      </c>
    </row>
    <row r="27238" spans="1:43">
      <c r="A27238" t="s">
        <v>16859</v>
      </c>
      <c r="B27238" t="s">
        <v>16860</v>
      </c>
      <c r="C27238" t="s">
        <v>16853</v>
      </c>
      <c r="D27238" t="s">
        <v>16854</v>
      </c>
      <c r="E27238" t="s">
        <v>16695</v>
      </c>
      <c r="F27238" t="s">
        <v>16696</v>
      </c>
      <c r="G27238" t="s">
        <v>16559</v>
      </c>
      <c r="H27238" t="s">
        <v>16560</v>
      </c>
      <c r="I27238" s="2">
        <v>1</v>
      </c>
      <c r="J27238" s="2">
        <v>0</v>
      </c>
      <c r="K27238" s="2">
        <v>0</v>
      </c>
      <c r="L27238" t="s">
        <v>120</v>
      </c>
      <c r="M27238" t="s">
        <v>83</v>
      </c>
      <c r="N27238" t="s">
        <v>84</v>
      </c>
      <c r="O27238" t="s">
        <v>85</v>
      </c>
      <c r="P27238" t="s">
        <v>86</v>
      </c>
      <c r="Q27238">
        <v>2</v>
      </c>
      <c r="R27238">
        <v>2</v>
      </c>
      <c r="S27238">
        <v>2</v>
      </c>
      <c r="T27238">
        <v>2</v>
      </c>
      <c r="U27238">
        <v>2</v>
      </c>
      <c r="V27238">
        <v>2</v>
      </c>
      <c r="W27238">
        <v>2</v>
      </c>
      <c r="X27238">
        <v>2</v>
      </c>
      <c r="Y27238">
        <v>2</v>
      </c>
      <c r="Z27238">
        <v>2</v>
      </c>
      <c r="AA27238">
        <v>2</v>
      </c>
      <c r="AB27238">
        <v>2</v>
      </c>
      <c r="AC27238">
        <v>2</v>
      </c>
      <c r="AD27238">
        <v>2</v>
      </c>
      <c r="AE27238">
        <v>2</v>
      </c>
      <c r="AF27238">
        <v>2</v>
      </c>
      <c r="AG27238">
        <v>2</v>
      </c>
      <c r="AH27238">
        <v>2</v>
      </c>
      <c r="AI27238">
        <v>2</v>
      </c>
      <c r="AJ27238">
        <v>2</v>
      </c>
      <c r="AK27238">
        <v>2</v>
      </c>
      <c r="AL27238">
        <v>2</v>
      </c>
      <c r="AM27238">
        <v>2</v>
      </c>
      <c r="AN27238">
        <v>2</v>
      </c>
      <c r="AO27238">
        <v>2</v>
      </c>
      <c r="AP27238">
        <v>2</v>
      </c>
      <c r="AQ27238">
        <v>2</v>
      </c>
    </row>
    <row r="27239" spans="1:43">
      <c r="A27239" t="s">
        <v>16859</v>
      </c>
      <c r="B27239" t="s">
        <v>16860</v>
      </c>
      <c r="C27239" t="s">
        <v>16853</v>
      </c>
      <c r="D27239" t="s">
        <v>16854</v>
      </c>
      <c r="E27239" t="s">
        <v>16695</v>
      </c>
      <c r="F27239" t="s">
        <v>16696</v>
      </c>
      <c r="G27239" t="s">
        <v>16559</v>
      </c>
      <c r="H27239" t="s">
        <v>16560</v>
      </c>
      <c r="I27239" s="2">
        <v>1</v>
      </c>
      <c r="J27239" s="2">
        <v>0</v>
      </c>
      <c r="K27239" s="2">
        <v>0</v>
      </c>
      <c r="L27239" t="s">
        <v>120</v>
      </c>
      <c r="M27239" t="s">
        <v>87</v>
      </c>
      <c r="N27239" t="s">
        <v>88</v>
      </c>
      <c r="O27239" t="s">
        <v>85</v>
      </c>
      <c r="P27239" t="s">
        <v>86</v>
      </c>
      <c r="Q27239">
        <v>2</v>
      </c>
      <c r="R27239">
        <v>2</v>
      </c>
      <c r="S27239">
        <v>2</v>
      </c>
      <c r="T27239">
        <v>2</v>
      </c>
      <c r="U27239">
        <v>2</v>
      </c>
      <c r="V27239">
        <v>2</v>
      </c>
      <c r="W27239">
        <v>2</v>
      </c>
      <c r="X27239">
        <v>2</v>
      </c>
      <c r="Y27239">
        <v>2</v>
      </c>
      <c r="Z27239">
        <v>2</v>
      </c>
      <c r="AA27239">
        <v>2</v>
      </c>
      <c r="AB27239">
        <v>2</v>
      </c>
      <c r="AC27239">
        <v>2</v>
      </c>
      <c r="AD27239">
        <v>2</v>
      </c>
      <c r="AE27239">
        <v>2</v>
      </c>
      <c r="AF27239">
        <v>2</v>
      </c>
      <c r="AG27239">
        <v>2</v>
      </c>
      <c r="AH27239">
        <v>2</v>
      </c>
      <c r="AI27239">
        <v>2</v>
      </c>
      <c r="AJ27239">
        <v>2</v>
      </c>
      <c r="AK27239">
        <v>2</v>
      </c>
      <c r="AL27239">
        <v>2</v>
      </c>
      <c r="AM27239">
        <v>2</v>
      </c>
      <c r="AN27239">
        <v>2</v>
      </c>
      <c r="AO27239">
        <v>2</v>
      </c>
      <c r="AP27239">
        <v>2</v>
      </c>
      <c r="AQ27239">
        <v>2</v>
      </c>
    </row>
    <row r="27240" spans="1:43">
      <c r="A27240" t="s">
        <v>16859</v>
      </c>
      <c r="B27240" t="s">
        <v>16860</v>
      </c>
      <c r="C27240" t="s">
        <v>16853</v>
      </c>
      <c r="D27240" t="s">
        <v>16854</v>
      </c>
      <c r="E27240" t="s">
        <v>16695</v>
      </c>
      <c r="F27240" t="s">
        <v>16696</v>
      </c>
      <c r="G27240" t="s">
        <v>16559</v>
      </c>
      <c r="H27240" t="s">
        <v>16560</v>
      </c>
      <c r="I27240" s="2">
        <v>1</v>
      </c>
      <c r="J27240" s="2">
        <v>0</v>
      </c>
      <c r="K27240" s="2">
        <v>0</v>
      </c>
      <c r="L27240" t="s">
        <v>120</v>
      </c>
      <c r="M27240" t="s">
        <v>89</v>
      </c>
      <c r="N27240" t="s">
        <v>90</v>
      </c>
      <c r="O27240" t="s">
        <v>85</v>
      </c>
      <c r="P27240" t="s">
        <v>86</v>
      </c>
      <c r="Q27240">
        <v>2</v>
      </c>
      <c r="R27240">
        <v>2</v>
      </c>
      <c r="S27240">
        <v>2</v>
      </c>
      <c r="T27240">
        <v>2</v>
      </c>
      <c r="U27240">
        <v>2</v>
      </c>
      <c r="V27240">
        <v>2</v>
      </c>
      <c r="W27240">
        <v>2</v>
      </c>
      <c r="X27240">
        <v>2</v>
      </c>
      <c r="Y27240">
        <v>2</v>
      </c>
      <c r="Z27240">
        <v>2</v>
      </c>
      <c r="AA27240">
        <v>2</v>
      </c>
      <c r="AB27240">
        <v>2</v>
      </c>
      <c r="AC27240">
        <v>3</v>
      </c>
      <c r="AD27240">
        <v>3</v>
      </c>
      <c r="AE27240">
        <v>3</v>
      </c>
      <c r="AF27240">
        <v>3</v>
      </c>
      <c r="AG27240">
        <v>3</v>
      </c>
      <c r="AH27240">
        <v>2</v>
      </c>
      <c r="AI27240">
        <v>2</v>
      </c>
      <c r="AJ27240">
        <v>2</v>
      </c>
      <c r="AK27240">
        <v>2</v>
      </c>
      <c r="AL27240">
        <v>2</v>
      </c>
      <c r="AM27240">
        <v>2</v>
      </c>
      <c r="AN27240">
        <v>2</v>
      </c>
      <c r="AO27240">
        <v>2</v>
      </c>
      <c r="AP27240">
        <v>2</v>
      </c>
      <c r="AQ27240">
        <v>2</v>
      </c>
    </row>
    <row r="27241" spans="1:43">
      <c r="A27241" t="s">
        <v>16859</v>
      </c>
      <c r="B27241" t="s">
        <v>16860</v>
      </c>
      <c r="C27241" t="s">
        <v>16853</v>
      </c>
      <c r="D27241" t="s">
        <v>16854</v>
      </c>
      <c r="E27241" t="s">
        <v>16695</v>
      </c>
      <c r="F27241" t="s">
        <v>16696</v>
      </c>
      <c r="G27241" t="s">
        <v>16559</v>
      </c>
      <c r="H27241" t="s">
        <v>16560</v>
      </c>
      <c r="I27241" s="2">
        <v>1</v>
      </c>
      <c r="J27241" s="2">
        <v>0</v>
      </c>
      <c r="K27241" s="2">
        <v>0</v>
      </c>
      <c r="L27241" t="s">
        <v>120</v>
      </c>
      <c r="M27241" t="s">
        <v>83</v>
      </c>
      <c r="N27241" t="s">
        <v>91</v>
      </c>
      <c r="O27241" t="s">
        <v>85</v>
      </c>
      <c r="P27241" t="s">
        <v>86</v>
      </c>
      <c r="Q27241">
        <v>2</v>
      </c>
      <c r="R27241">
        <v>2</v>
      </c>
      <c r="S27241">
        <v>2</v>
      </c>
      <c r="T27241">
        <v>2</v>
      </c>
      <c r="U27241">
        <v>2</v>
      </c>
      <c r="V27241">
        <v>2</v>
      </c>
      <c r="W27241">
        <v>2</v>
      </c>
      <c r="X27241">
        <v>2</v>
      </c>
      <c r="Y27241">
        <v>2</v>
      </c>
      <c r="Z27241">
        <v>2</v>
      </c>
      <c r="AA27241">
        <v>2</v>
      </c>
      <c r="AB27241">
        <v>2</v>
      </c>
      <c r="AC27241">
        <v>2</v>
      </c>
      <c r="AD27241">
        <v>2</v>
      </c>
      <c r="AE27241">
        <v>2</v>
      </c>
      <c r="AF27241">
        <v>2</v>
      </c>
      <c r="AG27241">
        <v>2</v>
      </c>
      <c r="AH27241">
        <v>2</v>
      </c>
      <c r="AI27241">
        <v>2</v>
      </c>
      <c r="AJ27241">
        <v>2</v>
      </c>
      <c r="AK27241">
        <v>2</v>
      </c>
      <c r="AL27241">
        <v>2</v>
      </c>
      <c r="AM27241">
        <v>2</v>
      </c>
      <c r="AN27241">
        <v>2</v>
      </c>
      <c r="AO27241">
        <v>2</v>
      </c>
      <c r="AP27241">
        <v>2</v>
      </c>
      <c r="AQ27241">
        <v>2</v>
      </c>
    </row>
    <row r="27242" spans="1:43">
      <c r="A27242" t="s">
        <v>16861</v>
      </c>
      <c r="B27242" t="s">
        <v>16862</v>
      </c>
      <c r="C27242" t="s">
        <v>16853</v>
      </c>
      <c r="D27242" t="s">
        <v>16854</v>
      </c>
      <c r="E27242" t="s">
        <v>16695</v>
      </c>
      <c r="F27242" t="s">
        <v>16696</v>
      </c>
      <c r="G27242" t="s">
        <v>16559</v>
      </c>
      <c r="H27242" t="s">
        <v>16560</v>
      </c>
      <c r="I27242" s="2">
        <v>1</v>
      </c>
      <c r="J27242" s="2">
        <v>0</v>
      </c>
      <c r="K27242" s="2">
        <v>0</v>
      </c>
      <c r="L27242" t="s">
        <v>120</v>
      </c>
      <c r="M27242" t="s">
        <v>83</v>
      </c>
      <c r="N27242" t="s">
        <v>84</v>
      </c>
      <c r="O27242" t="s">
        <v>85</v>
      </c>
      <c r="P27242" t="s">
        <v>86</v>
      </c>
      <c r="Q27242">
        <v>15</v>
      </c>
      <c r="R27242">
        <v>15</v>
      </c>
      <c r="S27242">
        <v>15</v>
      </c>
      <c r="T27242">
        <v>15</v>
      </c>
      <c r="U27242">
        <v>15</v>
      </c>
      <c r="V27242">
        <v>15</v>
      </c>
      <c r="W27242">
        <v>15</v>
      </c>
      <c r="X27242">
        <v>16</v>
      </c>
      <c r="Y27242">
        <v>16</v>
      </c>
      <c r="Z27242">
        <v>16</v>
      </c>
      <c r="AA27242">
        <v>16</v>
      </c>
      <c r="AB27242">
        <v>16</v>
      </c>
      <c r="AC27242">
        <v>16</v>
      </c>
      <c r="AD27242">
        <v>16</v>
      </c>
      <c r="AE27242">
        <v>16</v>
      </c>
      <c r="AF27242">
        <v>16</v>
      </c>
      <c r="AG27242">
        <v>16</v>
      </c>
      <c r="AH27242">
        <v>16</v>
      </c>
      <c r="AI27242">
        <v>16</v>
      </c>
      <c r="AJ27242">
        <v>16</v>
      </c>
      <c r="AK27242">
        <v>16</v>
      </c>
      <c r="AL27242">
        <v>16</v>
      </c>
      <c r="AM27242">
        <v>16</v>
      </c>
      <c r="AN27242">
        <v>16</v>
      </c>
      <c r="AO27242">
        <v>16</v>
      </c>
      <c r="AP27242">
        <v>16</v>
      </c>
      <c r="AQ27242">
        <v>16</v>
      </c>
    </row>
    <row r="27243" spans="1:43">
      <c r="A27243" t="s">
        <v>16861</v>
      </c>
      <c r="B27243" t="s">
        <v>16862</v>
      </c>
      <c r="C27243" t="s">
        <v>16853</v>
      </c>
      <c r="D27243" t="s">
        <v>16854</v>
      </c>
      <c r="E27243" t="s">
        <v>16695</v>
      </c>
      <c r="F27243" t="s">
        <v>16696</v>
      </c>
      <c r="G27243" t="s">
        <v>16559</v>
      </c>
      <c r="H27243" t="s">
        <v>16560</v>
      </c>
      <c r="I27243" s="2">
        <v>1</v>
      </c>
      <c r="J27243" s="2">
        <v>0</v>
      </c>
      <c r="K27243" s="2">
        <v>0</v>
      </c>
      <c r="L27243" t="s">
        <v>120</v>
      </c>
      <c r="M27243" t="s">
        <v>87</v>
      </c>
      <c r="N27243" t="s">
        <v>88</v>
      </c>
      <c r="O27243" t="s">
        <v>85</v>
      </c>
      <c r="P27243" t="s">
        <v>86</v>
      </c>
      <c r="Q27243">
        <v>15</v>
      </c>
      <c r="R27243">
        <v>15</v>
      </c>
      <c r="S27243">
        <v>15</v>
      </c>
      <c r="T27243">
        <v>15</v>
      </c>
      <c r="U27243">
        <v>15</v>
      </c>
      <c r="V27243">
        <v>15</v>
      </c>
      <c r="W27243">
        <v>15</v>
      </c>
      <c r="X27243">
        <v>14</v>
      </c>
      <c r="Y27243">
        <v>14</v>
      </c>
      <c r="Z27243">
        <v>14</v>
      </c>
      <c r="AA27243">
        <v>14</v>
      </c>
      <c r="AB27243">
        <v>14</v>
      </c>
      <c r="AC27243">
        <v>14</v>
      </c>
      <c r="AD27243">
        <v>14</v>
      </c>
      <c r="AE27243">
        <v>14</v>
      </c>
      <c r="AF27243">
        <v>14</v>
      </c>
      <c r="AG27243">
        <v>14</v>
      </c>
      <c r="AH27243">
        <v>14</v>
      </c>
      <c r="AI27243">
        <v>14</v>
      </c>
      <c r="AJ27243">
        <v>14</v>
      </c>
      <c r="AK27243">
        <v>14</v>
      </c>
      <c r="AL27243">
        <v>14</v>
      </c>
      <c r="AM27243">
        <v>14</v>
      </c>
      <c r="AN27243">
        <v>14</v>
      </c>
      <c r="AO27243">
        <v>14</v>
      </c>
      <c r="AP27243">
        <v>14</v>
      </c>
      <c r="AQ27243">
        <v>14</v>
      </c>
    </row>
    <row r="27244" spans="1:43">
      <c r="A27244" t="s">
        <v>16861</v>
      </c>
      <c r="B27244" t="s">
        <v>16862</v>
      </c>
      <c r="C27244" t="s">
        <v>16853</v>
      </c>
      <c r="D27244" t="s">
        <v>16854</v>
      </c>
      <c r="E27244" t="s">
        <v>16695</v>
      </c>
      <c r="F27244" t="s">
        <v>16696</v>
      </c>
      <c r="G27244" t="s">
        <v>16559</v>
      </c>
      <c r="H27244" t="s">
        <v>16560</v>
      </c>
      <c r="I27244" s="2">
        <v>1</v>
      </c>
      <c r="J27244" s="2">
        <v>0</v>
      </c>
      <c r="K27244" s="2">
        <v>0</v>
      </c>
      <c r="L27244" t="s">
        <v>120</v>
      </c>
      <c r="M27244" t="s">
        <v>89</v>
      </c>
      <c r="N27244" t="s">
        <v>90</v>
      </c>
      <c r="O27244" t="s">
        <v>85</v>
      </c>
      <c r="P27244" t="s">
        <v>86</v>
      </c>
      <c r="Q27244">
        <v>15</v>
      </c>
      <c r="R27244">
        <v>15</v>
      </c>
      <c r="S27244">
        <v>15</v>
      </c>
      <c r="T27244">
        <v>16</v>
      </c>
      <c r="U27244">
        <v>16</v>
      </c>
      <c r="V27244">
        <v>16</v>
      </c>
      <c r="W27244">
        <v>16</v>
      </c>
      <c r="X27244">
        <v>16</v>
      </c>
      <c r="Y27244">
        <v>16</v>
      </c>
      <c r="Z27244">
        <v>17</v>
      </c>
      <c r="AA27244">
        <v>17</v>
      </c>
      <c r="AB27244">
        <v>17</v>
      </c>
      <c r="AC27244">
        <v>17</v>
      </c>
      <c r="AD27244">
        <v>17</v>
      </c>
      <c r="AE27244">
        <v>17</v>
      </c>
      <c r="AF27244">
        <v>17</v>
      </c>
      <c r="AG27244">
        <v>17</v>
      </c>
      <c r="AH27244">
        <v>17</v>
      </c>
      <c r="AI27244">
        <v>17</v>
      </c>
      <c r="AJ27244">
        <v>17</v>
      </c>
      <c r="AK27244">
        <v>17</v>
      </c>
      <c r="AL27244">
        <v>17</v>
      </c>
      <c r="AM27244">
        <v>16</v>
      </c>
      <c r="AN27244">
        <v>16</v>
      </c>
      <c r="AO27244">
        <v>16</v>
      </c>
      <c r="AP27244">
        <v>16</v>
      </c>
      <c r="AQ27244">
        <v>16</v>
      </c>
    </row>
    <row r="27245" spans="1:43">
      <c r="A27245" t="s">
        <v>16861</v>
      </c>
      <c r="B27245" t="s">
        <v>16862</v>
      </c>
      <c r="C27245" t="s">
        <v>16853</v>
      </c>
      <c r="D27245" t="s">
        <v>16854</v>
      </c>
      <c r="E27245" t="s">
        <v>16695</v>
      </c>
      <c r="F27245" t="s">
        <v>16696</v>
      </c>
      <c r="G27245" t="s">
        <v>16559</v>
      </c>
      <c r="H27245" t="s">
        <v>16560</v>
      </c>
      <c r="I27245" s="2">
        <v>1</v>
      </c>
      <c r="J27245" s="2">
        <v>0</v>
      </c>
      <c r="K27245" s="2">
        <v>0</v>
      </c>
      <c r="L27245" t="s">
        <v>120</v>
      </c>
      <c r="M27245" t="s">
        <v>83</v>
      </c>
      <c r="N27245" t="s">
        <v>91</v>
      </c>
      <c r="O27245" t="s">
        <v>85</v>
      </c>
      <c r="P27245" t="s">
        <v>86</v>
      </c>
      <c r="Q27245">
        <v>15</v>
      </c>
      <c r="R27245">
        <v>15</v>
      </c>
      <c r="S27245">
        <v>15</v>
      </c>
      <c r="T27245">
        <v>15</v>
      </c>
      <c r="U27245">
        <v>15</v>
      </c>
      <c r="V27245">
        <v>15</v>
      </c>
      <c r="W27245">
        <v>15</v>
      </c>
      <c r="X27245">
        <v>16</v>
      </c>
      <c r="Y27245">
        <v>16</v>
      </c>
      <c r="Z27245">
        <v>16</v>
      </c>
      <c r="AA27245">
        <v>16</v>
      </c>
      <c r="AB27245">
        <v>16</v>
      </c>
      <c r="AC27245">
        <v>16</v>
      </c>
      <c r="AD27245">
        <v>16</v>
      </c>
      <c r="AE27245">
        <v>16</v>
      </c>
      <c r="AF27245">
        <v>16</v>
      </c>
      <c r="AG27245">
        <v>16</v>
      </c>
      <c r="AH27245">
        <v>16</v>
      </c>
      <c r="AI27245">
        <v>16</v>
      </c>
      <c r="AJ27245">
        <v>16</v>
      </c>
      <c r="AK27245">
        <v>16</v>
      </c>
      <c r="AL27245">
        <v>16</v>
      </c>
      <c r="AM27245">
        <v>16</v>
      </c>
      <c r="AN27245">
        <v>16</v>
      </c>
      <c r="AO27245">
        <v>16</v>
      </c>
      <c r="AP27245">
        <v>16</v>
      </c>
      <c r="AQ27245">
        <v>16</v>
      </c>
    </row>
    <row r="27246" spans="1:43">
      <c r="A27246" t="s">
        <v>16863</v>
      </c>
      <c r="B27246" t="s">
        <v>16864</v>
      </c>
      <c r="C27246" t="s">
        <v>16727</v>
      </c>
      <c r="D27246" t="s">
        <v>16728</v>
      </c>
      <c r="E27246" t="s">
        <v>16695</v>
      </c>
      <c r="F27246" t="s">
        <v>16696</v>
      </c>
      <c r="G27246" t="s">
        <v>16559</v>
      </c>
      <c r="H27246" t="s">
        <v>16560</v>
      </c>
      <c r="I27246" s="2">
        <v>1</v>
      </c>
      <c r="J27246" s="2">
        <v>0</v>
      </c>
      <c r="K27246" s="2">
        <v>0</v>
      </c>
      <c r="L27246" t="s">
        <v>120</v>
      </c>
      <c r="M27246" t="s">
        <v>83</v>
      </c>
      <c r="N27246" t="s">
        <v>84</v>
      </c>
      <c r="O27246" t="s">
        <v>85</v>
      </c>
      <c r="P27246" t="s">
        <v>86</v>
      </c>
      <c r="Q27246">
        <v>19</v>
      </c>
      <c r="R27246">
        <v>19</v>
      </c>
      <c r="S27246">
        <v>19</v>
      </c>
      <c r="T27246">
        <v>19</v>
      </c>
      <c r="U27246">
        <v>19</v>
      </c>
      <c r="V27246">
        <v>19</v>
      </c>
      <c r="W27246">
        <v>19</v>
      </c>
      <c r="X27246">
        <v>20</v>
      </c>
      <c r="Y27246">
        <v>20</v>
      </c>
      <c r="Z27246">
        <v>20</v>
      </c>
      <c r="AA27246">
        <v>20</v>
      </c>
      <c r="AB27246">
        <v>20</v>
      </c>
      <c r="AC27246">
        <v>20</v>
      </c>
      <c r="AD27246">
        <v>20</v>
      </c>
      <c r="AE27246">
        <v>20</v>
      </c>
      <c r="AF27246">
        <v>20</v>
      </c>
      <c r="AG27246">
        <v>20</v>
      </c>
      <c r="AH27246">
        <v>20</v>
      </c>
      <c r="AI27246">
        <v>20</v>
      </c>
      <c r="AJ27246">
        <v>21</v>
      </c>
      <c r="AK27246">
        <v>21</v>
      </c>
      <c r="AL27246">
        <v>21</v>
      </c>
      <c r="AM27246">
        <v>20</v>
      </c>
      <c r="AN27246">
        <v>20</v>
      </c>
      <c r="AO27246">
        <v>20</v>
      </c>
      <c r="AP27246">
        <v>20</v>
      </c>
      <c r="AQ27246">
        <v>20</v>
      </c>
    </row>
    <row r="27247" spans="1:43">
      <c r="A27247" t="s">
        <v>16863</v>
      </c>
      <c r="B27247" t="s">
        <v>16864</v>
      </c>
      <c r="C27247" t="s">
        <v>16727</v>
      </c>
      <c r="D27247" t="s">
        <v>16728</v>
      </c>
      <c r="E27247" t="s">
        <v>16695</v>
      </c>
      <c r="F27247" t="s">
        <v>16696</v>
      </c>
      <c r="G27247" t="s">
        <v>16559</v>
      </c>
      <c r="H27247" t="s">
        <v>16560</v>
      </c>
      <c r="I27247" s="2">
        <v>1</v>
      </c>
      <c r="J27247" s="2">
        <v>0</v>
      </c>
      <c r="K27247" s="2">
        <v>0</v>
      </c>
      <c r="L27247" t="s">
        <v>120</v>
      </c>
      <c r="M27247" t="s">
        <v>87</v>
      </c>
      <c r="N27247" t="s">
        <v>88</v>
      </c>
      <c r="O27247" t="s">
        <v>85</v>
      </c>
      <c r="P27247" t="s">
        <v>86</v>
      </c>
      <c r="Q27247">
        <v>19</v>
      </c>
      <c r="R27247">
        <v>19</v>
      </c>
      <c r="S27247">
        <v>18</v>
      </c>
      <c r="T27247">
        <v>18</v>
      </c>
      <c r="U27247">
        <v>18</v>
      </c>
      <c r="V27247">
        <v>18</v>
      </c>
      <c r="W27247">
        <v>18</v>
      </c>
      <c r="X27247">
        <v>18</v>
      </c>
      <c r="Y27247">
        <v>18</v>
      </c>
      <c r="Z27247">
        <v>18</v>
      </c>
      <c r="AA27247">
        <v>18</v>
      </c>
      <c r="AB27247">
        <v>18</v>
      </c>
      <c r="AC27247">
        <v>18</v>
      </c>
      <c r="AD27247">
        <v>18</v>
      </c>
      <c r="AE27247">
        <v>18</v>
      </c>
      <c r="AF27247">
        <v>18</v>
      </c>
      <c r="AG27247">
        <v>18</v>
      </c>
      <c r="AH27247">
        <v>18</v>
      </c>
      <c r="AI27247">
        <v>18</v>
      </c>
      <c r="AJ27247">
        <v>18</v>
      </c>
      <c r="AK27247">
        <v>18</v>
      </c>
      <c r="AL27247">
        <v>18</v>
      </c>
      <c r="AM27247">
        <v>18</v>
      </c>
      <c r="AN27247">
        <v>18</v>
      </c>
      <c r="AO27247">
        <v>17</v>
      </c>
      <c r="AP27247">
        <v>17</v>
      </c>
      <c r="AQ27247">
        <v>17</v>
      </c>
    </row>
    <row r="27248" spans="1:43">
      <c r="A27248" t="s">
        <v>16863</v>
      </c>
      <c r="B27248" t="s">
        <v>16864</v>
      </c>
      <c r="C27248" t="s">
        <v>16727</v>
      </c>
      <c r="D27248" t="s">
        <v>16728</v>
      </c>
      <c r="E27248" t="s">
        <v>16695</v>
      </c>
      <c r="F27248" t="s">
        <v>16696</v>
      </c>
      <c r="G27248" t="s">
        <v>16559</v>
      </c>
      <c r="H27248" t="s">
        <v>16560</v>
      </c>
      <c r="I27248" s="2">
        <v>1</v>
      </c>
      <c r="J27248" s="2">
        <v>0</v>
      </c>
      <c r="K27248" s="2">
        <v>0</v>
      </c>
      <c r="L27248" t="s">
        <v>120</v>
      </c>
      <c r="M27248" t="s">
        <v>89</v>
      </c>
      <c r="N27248" t="s">
        <v>90</v>
      </c>
      <c r="O27248" t="s">
        <v>85</v>
      </c>
      <c r="P27248" t="s">
        <v>86</v>
      </c>
      <c r="Q27248">
        <v>19</v>
      </c>
      <c r="R27248">
        <v>19</v>
      </c>
      <c r="S27248">
        <v>19</v>
      </c>
      <c r="T27248">
        <v>20</v>
      </c>
      <c r="U27248">
        <v>20</v>
      </c>
      <c r="V27248">
        <v>20</v>
      </c>
      <c r="W27248">
        <v>20</v>
      </c>
      <c r="X27248">
        <v>21</v>
      </c>
      <c r="Y27248">
        <v>21</v>
      </c>
      <c r="Z27248">
        <v>21</v>
      </c>
      <c r="AA27248">
        <v>21</v>
      </c>
      <c r="AB27248">
        <v>21</v>
      </c>
      <c r="AC27248">
        <v>21</v>
      </c>
      <c r="AD27248">
        <v>22</v>
      </c>
      <c r="AE27248">
        <v>22</v>
      </c>
      <c r="AF27248">
        <v>21</v>
      </c>
      <c r="AG27248">
        <v>21</v>
      </c>
      <c r="AH27248">
        <v>21</v>
      </c>
      <c r="AI27248">
        <v>21</v>
      </c>
      <c r="AJ27248">
        <v>21</v>
      </c>
      <c r="AK27248">
        <v>21</v>
      </c>
      <c r="AL27248">
        <v>21</v>
      </c>
      <c r="AM27248">
        <v>21</v>
      </c>
      <c r="AN27248">
        <v>21</v>
      </c>
      <c r="AO27248">
        <v>21</v>
      </c>
      <c r="AP27248">
        <v>20</v>
      </c>
      <c r="AQ27248">
        <v>20</v>
      </c>
    </row>
    <row r="27249" spans="1:43">
      <c r="A27249" t="s">
        <v>16863</v>
      </c>
      <c r="B27249" t="s">
        <v>16864</v>
      </c>
      <c r="C27249" t="s">
        <v>16727</v>
      </c>
      <c r="D27249" t="s">
        <v>16728</v>
      </c>
      <c r="E27249" t="s">
        <v>16695</v>
      </c>
      <c r="F27249" t="s">
        <v>16696</v>
      </c>
      <c r="G27249" t="s">
        <v>16559</v>
      </c>
      <c r="H27249" t="s">
        <v>16560</v>
      </c>
      <c r="I27249" s="2">
        <v>1</v>
      </c>
      <c r="J27249" s="2">
        <v>0</v>
      </c>
      <c r="K27249" s="2">
        <v>0</v>
      </c>
      <c r="L27249" t="s">
        <v>120</v>
      </c>
      <c r="M27249" t="s">
        <v>83</v>
      </c>
      <c r="N27249" t="s">
        <v>91</v>
      </c>
      <c r="O27249" t="s">
        <v>85</v>
      </c>
      <c r="P27249" t="s">
        <v>86</v>
      </c>
      <c r="Q27249">
        <v>19</v>
      </c>
      <c r="R27249">
        <v>19</v>
      </c>
      <c r="S27249">
        <v>19</v>
      </c>
      <c r="T27249">
        <v>19</v>
      </c>
      <c r="U27249">
        <v>19</v>
      </c>
      <c r="V27249">
        <v>19</v>
      </c>
      <c r="W27249">
        <v>19</v>
      </c>
      <c r="X27249">
        <v>20</v>
      </c>
      <c r="Y27249">
        <v>20</v>
      </c>
      <c r="Z27249">
        <v>20</v>
      </c>
      <c r="AA27249">
        <v>20</v>
      </c>
      <c r="AB27249">
        <v>20</v>
      </c>
      <c r="AC27249">
        <v>20</v>
      </c>
      <c r="AD27249">
        <v>20</v>
      </c>
      <c r="AE27249">
        <v>20</v>
      </c>
      <c r="AF27249">
        <v>20</v>
      </c>
      <c r="AG27249">
        <v>20</v>
      </c>
      <c r="AH27249">
        <v>20</v>
      </c>
      <c r="AI27249">
        <v>20</v>
      </c>
      <c r="AJ27249">
        <v>21</v>
      </c>
      <c r="AK27249">
        <v>21</v>
      </c>
      <c r="AL27249">
        <v>21</v>
      </c>
      <c r="AM27249">
        <v>20</v>
      </c>
      <c r="AN27249">
        <v>20</v>
      </c>
      <c r="AO27249">
        <v>20</v>
      </c>
      <c r="AP27249">
        <v>20</v>
      </c>
      <c r="AQ27249">
        <v>20</v>
      </c>
    </row>
    <row r="27250" spans="1:43">
      <c r="A27250" t="s">
        <v>16865</v>
      </c>
      <c r="B27250" t="s">
        <v>16866</v>
      </c>
      <c r="C27250" t="s">
        <v>16727</v>
      </c>
      <c r="D27250" t="s">
        <v>16728</v>
      </c>
      <c r="E27250" t="s">
        <v>16695</v>
      </c>
      <c r="F27250" t="s">
        <v>16696</v>
      </c>
      <c r="G27250" t="s">
        <v>16559</v>
      </c>
      <c r="H27250" t="s">
        <v>16560</v>
      </c>
      <c r="I27250" s="2">
        <v>1</v>
      </c>
      <c r="J27250" s="2">
        <v>0</v>
      </c>
      <c r="K27250" s="2">
        <v>0</v>
      </c>
      <c r="L27250" t="s">
        <v>120</v>
      </c>
      <c r="M27250" t="s">
        <v>83</v>
      </c>
      <c r="N27250" t="s">
        <v>84</v>
      </c>
      <c r="O27250" t="s">
        <v>85</v>
      </c>
      <c r="P27250" t="s">
        <v>86</v>
      </c>
      <c r="Q27250">
        <v>10</v>
      </c>
      <c r="R27250">
        <v>10</v>
      </c>
      <c r="S27250">
        <v>10</v>
      </c>
      <c r="T27250">
        <v>10</v>
      </c>
      <c r="U27250">
        <v>10</v>
      </c>
      <c r="V27250">
        <v>10</v>
      </c>
      <c r="W27250">
        <v>11</v>
      </c>
      <c r="X27250">
        <v>11</v>
      </c>
      <c r="Y27250">
        <v>11</v>
      </c>
      <c r="Z27250">
        <v>11</v>
      </c>
      <c r="AA27250">
        <v>11</v>
      </c>
      <c r="AB27250">
        <v>11</v>
      </c>
      <c r="AC27250">
        <v>11</v>
      </c>
      <c r="AD27250">
        <v>11</v>
      </c>
      <c r="AE27250">
        <v>11</v>
      </c>
      <c r="AF27250">
        <v>11</v>
      </c>
      <c r="AG27250">
        <v>11</v>
      </c>
      <c r="AH27250">
        <v>11</v>
      </c>
      <c r="AI27250">
        <v>11</v>
      </c>
      <c r="AJ27250">
        <v>11</v>
      </c>
      <c r="AK27250">
        <v>11</v>
      </c>
      <c r="AL27250">
        <v>11</v>
      </c>
      <c r="AM27250">
        <v>11</v>
      </c>
      <c r="AN27250">
        <v>11</v>
      </c>
      <c r="AO27250">
        <v>11</v>
      </c>
      <c r="AP27250">
        <v>11</v>
      </c>
      <c r="AQ27250">
        <v>11</v>
      </c>
    </row>
    <row r="27251" spans="1:43">
      <c r="A27251" t="s">
        <v>16865</v>
      </c>
      <c r="B27251" t="s">
        <v>16866</v>
      </c>
      <c r="C27251" t="s">
        <v>16727</v>
      </c>
      <c r="D27251" t="s">
        <v>16728</v>
      </c>
      <c r="E27251" t="s">
        <v>16695</v>
      </c>
      <c r="F27251" t="s">
        <v>16696</v>
      </c>
      <c r="G27251" t="s">
        <v>16559</v>
      </c>
      <c r="H27251" t="s">
        <v>16560</v>
      </c>
      <c r="I27251" s="2">
        <v>1</v>
      </c>
      <c r="J27251" s="2">
        <v>0</v>
      </c>
      <c r="K27251" s="2">
        <v>0</v>
      </c>
      <c r="L27251" t="s">
        <v>120</v>
      </c>
      <c r="M27251" t="s">
        <v>87</v>
      </c>
      <c r="N27251" t="s">
        <v>88</v>
      </c>
      <c r="O27251" t="s">
        <v>85</v>
      </c>
      <c r="P27251" t="s">
        <v>86</v>
      </c>
      <c r="Q27251">
        <v>10</v>
      </c>
      <c r="R27251">
        <v>10</v>
      </c>
      <c r="S27251">
        <v>10</v>
      </c>
      <c r="T27251">
        <v>10</v>
      </c>
      <c r="U27251">
        <v>10</v>
      </c>
      <c r="V27251">
        <v>10</v>
      </c>
      <c r="W27251">
        <v>10</v>
      </c>
      <c r="X27251">
        <v>10</v>
      </c>
      <c r="Y27251">
        <v>10</v>
      </c>
      <c r="Z27251">
        <v>10</v>
      </c>
      <c r="AA27251">
        <v>10</v>
      </c>
      <c r="AB27251">
        <v>10</v>
      </c>
      <c r="AC27251">
        <v>10</v>
      </c>
      <c r="AD27251">
        <v>10</v>
      </c>
      <c r="AE27251">
        <v>10</v>
      </c>
      <c r="AF27251">
        <v>10</v>
      </c>
      <c r="AG27251">
        <v>10</v>
      </c>
      <c r="AH27251">
        <v>10</v>
      </c>
      <c r="AI27251">
        <v>10</v>
      </c>
      <c r="AJ27251">
        <v>10</v>
      </c>
      <c r="AK27251">
        <v>10</v>
      </c>
      <c r="AL27251">
        <v>10</v>
      </c>
      <c r="AM27251">
        <v>10</v>
      </c>
      <c r="AN27251">
        <v>9</v>
      </c>
      <c r="AO27251">
        <v>9</v>
      </c>
      <c r="AP27251">
        <v>9</v>
      </c>
      <c r="AQ27251">
        <v>9</v>
      </c>
    </row>
    <row r="27252" spans="1:43">
      <c r="A27252" t="s">
        <v>16865</v>
      </c>
      <c r="B27252" t="s">
        <v>16866</v>
      </c>
      <c r="C27252" t="s">
        <v>16727</v>
      </c>
      <c r="D27252" t="s">
        <v>16728</v>
      </c>
      <c r="E27252" t="s">
        <v>16695</v>
      </c>
      <c r="F27252" t="s">
        <v>16696</v>
      </c>
      <c r="G27252" t="s">
        <v>16559</v>
      </c>
      <c r="H27252" t="s">
        <v>16560</v>
      </c>
      <c r="I27252" s="2">
        <v>1</v>
      </c>
      <c r="J27252" s="2">
        <v>0</v>
      </c>
      <c r="K27252" s="2">
        <v>0</v>
      </c>
      <c r="L27252" t="s">
        <v>120</v>
      </c>
      <c r="M27252" t="s">
        <v>89</v>
      </c>
      <c r="N27252" t="s">
        <v>90</v>
      </c>
      <c r="O27252" t="s">
        <v>85</v>
      </c>
      <c r="P27252" t="s">
        <v>86</v>
      </c>
      <c r="Q27252">
        <v>10</v>
      </c>
      <c r="R27252">
        <v>10</v>
      </c>
      <c r="S27252">
        <v>11</v>
      </c>
      <c r="T27252">
        <v>11</v>
      </c>
      <c r="U27252">
        <v>11</v>
      </c>
      <c r="V27252">
        <v>11</v>
      </c>
      <c r="W27252">
        <v>11</v>
      </c>
      <c r="X27252">
        <v>11</v>
      </c>
      <c r="Y27252">
        <v>11</v>
      </c>
      <c r="Z27252">
        <v>11</v>
      </c>
      <c r="AA27252">
        <v>11</v>
      </c>
      <c r="AB27252">
        <v>12</v>
      </c>
      <c r="AC27252">
        <v>12</v>
      </c>
      <c r="AD27252">
        <v>12</v>
      </c>
      <c r="AE27252">
        <v>12</v>
      </c>
      <c r="AF27252">
        <v>12</v>
      </c>
      <c r="AG27252">
        <v>12</v>
      </c>
      <c r="AH27252">
        <v>12</v>
      </c>
      <c r="AI27252">
        <v>11</v>
      </c>
      <c r="AJ27252">
        <v>11</v>
      </c>
      <c r="AK27252">
        <v>11</v>
      </c>
      <c r="AL27252">
        <v>11</v>
      </c>
      <c r="AM27252">
        <v>11</v>
      </c>
      <c r="AN27252">
        <v>11</v>
      </c>
      <c r="AO27252">
        <v>11</v>
      </c>
      <c r="AP27252">
        <v>11</v>
      </c>
      <c r="AQ27252">
        <v>11</v>
      </c>
    </row>
    <row r="27253" spans="1:43">
      <c r="A27253" t="s">
        <v>16865</v>
      </c>
      <c r="B27253" t="s">
        <v>16866</v>
      </c>
      <c r="C27253" t="s">
        <v>16727</v>
      </c>
      <c r="D27253" t="s">
        <v>16728</v>
      </c>
      <c r="E27253" t="s">
        <v>16695</v>
      </c>
      <c r="F27253" t="s">
        <v>16696</v>
      </c>
      <c r="G27253" t="s">
        <v>16559</v>
      </c>
      <c r="H27253" t="s">
        <v>16560</v>
      </c>
      <c r="I27253" s="2">
        <v>1</v>
      </c>
      <c r="J27253" s="2">
        <v>0</v>
      </c>
      <c r="K27253" s="2">
        <v>0</v>
      </c>
      <c r="L27253" t="s">
        <v>120</v>
      </c>
      <c r="M27253" t="s">
        <v>83</v>
      </c>
      <c r="N27253" t="s">
        <v>91</v>
      </c>
      <c r="O27253" t="s">
        <v>85</v>
      </c>
      <c r="P27253" t="s">
        <v>86</v>
      </c>
      <c r="Q27253">
        <v>10</v>
      </c>
      <c r="R27253">
        <v>10</v>
      </c>
      <c r="S27253">
        <v>10</v>
      </c>
      <c r="T27253">
        <v>10</v>
      </c>
      <c r="U27253">
        <v>10</v>
      </c>
      <c r="V27253">
        <v>10</v>
      </c>
      <c r="W27253">
        <v>11</v>
      </c>
      <c r="X27253">
        <v>11</v>
      </c>
      <c r="Y27253">
        <v>11</v>
      </c>
      <c r="Z27253">
        <v>11</v>
      </c>
      <c r="AA27253">
        <v>11</v>
      </c>
      <c r="AB27253">
        <v>11</v>
      </c>
      <c r="AC27253">
        <v>11</v>
      </c>
      <c r="AD27253">
        <v>11</v>
      </c>
      <c r="AE27253">
        <v>11</v>
      </c>
      <c r="AF27253">
        <v>11</v>
      </c>
      <c r="AG27253">
        <v>11</v>
      </c>
      <c r="AH27253">
        <v>11</v>
      </c>
      <c r="AI27253">
        <v>11</v>
      </c>
      <c r="AJ27253">
        <v>11</v>
      </c>
      <c r="AK27253">
        <v>11</v>
      </c>
      <c r="AL27253">
        <v>11</v>
      </c>
      <c r="AM27253">
        <v>11</v>
      </c>
      <c r="AN27253">
        <v>11</v>
      </c>
      <c r="AO27253">
        <v>11</v>
      </c>
      <c r="AP27253">
        <v>11</v>
      </c>
      <c r="AQ27253">
        <v>11</v>
      </c>
    </row>
    <row r="27254" spans="1:43">
      <c r="A27254" t="s">
        <v>16867</v>
      </c>
      <c r="B27254" t="s">
        <v>16868</v>
      </c>
      <c r="C27254" t="s">
        <v>16721</v>
      </c>
      <c r="D27254" t="s">
        <v>16722</v>
      </c>
      <c r="E27254" t="s">
        <v>16695</v>
      </c>
      <c r="F27254" t="s">
        <v>16696</v>
      </c>
      <c r="G27254" t="s">
        <v>16559</v>
      </c>
      <c r="H27254" t="s">
        <v>16560</v>
      </c>
      <c r="I27254" s="2">
        <v>1</v>
      </c>
      <c r="J27254" s="2">
        <v>0</v>
      </c>
      <c r="K27254" s="2">
        <v>0</v>
      </c>
      <c r="L27254" t="s">
        <v>120</v>
      </c>
      <c r="M27254" t="s">
        <v>83</v>
      </c>
      <c r="N27254" t="s">
        <v>84</v>
      </c>
      <c r="O27254" t="s">
        <v>85</v>
      </c>
      <c r="P27254" t="s">
        <v>86</v>
      </c>
      <c r="Q27254">
        <v>20</v>
      </c>
      <c r="R27254">
        <v>20</v>
      </c>
      <c r="S27254">
        <v>20</v>
      </c>
      <c r="T27254">
        <v>20</v>
      </c>
      <c r="U27254">
        <v>20</v>
      </c>
      <c r="V27254">
        <v>20</v>
      </c>
      <c r="W27254">
        <v>20</v>
      </c>
      <c r="X27254">
        <v>20</v>
      </c>
      <c r="Y27254">
        <v>21</v>
      </c>
      <c r="Z27254">
        <v>21</v>
      </c>
      <c r="AA27254">
        <v>21</v>
      </c>
      <c r="AB27254">
        <v>21</v>
      </c>
      <c r="AC27254">
        <v>21</v>
      </c>
      <c r="AD27254">
        <v>21</v>
      </c>
      <c r="AE27254">
        <v>21</v>
      </c>
      <c r="AF27254">
        <v>21</v>
      </c>
      <c r="AG27254">
        <v>21</v>
      </c>
      <c r="AH27254">
        <v>21</v>
      </c>
      <c r="AI27254">
        <v>21</v>
      </c>
      <c r="AJ27254">
        <v>21</v>
      </c>
      <c r="AK27254">
        <v>21</v>
      </c>
      <c r="AL27254">
        <v>21</v>
      </c>
      <c r="AM27254">
        <v>21</v>
      </c>
      <c r="AN27254">
        <v>21</v>
      </c>
      <c r="AO27254">
        <v>21</v>
      </c>
      <c r="AP27254">
        <v>21</v>
      </c>
      <c r="AQ27254">
        <v>21</v>
      </c>
    </row>
    <row r="27255" spans="1:43">
      <c r="A27255" t="s">
        <v>16867</v>
      </c>
      <c r="B27255" t="s">
        <v>16868</v>
      </c>
      <c r="C27255" t="s">
        <v>16721</v>
      </c>
      <c r="D27255" t="s">
        <v>16722</v>
      </c>
      <c r="E27255" t="s">
        <v>16695</v>
      </c>
      <c r="F27255" t="s">
        <v>16696</v>
      </c>
      <c r="G27255" t="s">
        <v>16559</v>
      </c>
      <c r="H27255" t="s">
        <v>16560</v>
      </c>
      <c r="I27255" s="2">
        <v>1</v>
      </c>
      <c r="J27255" s="2">
        <v>0</v>
      </c>
      <c r="K27255" s="2">
        <v>0</v>
      </c>
      <c r="L27255" t="s">
        <v>120</v>
      </c>
      <c r="M27255" t="s">
        <v>87</v>
      </c>
      <c r="N27255" t="s">
        <v>88</v>
      </c>
      <c r="O27255" t="s">
        <v>85</v>
      </c>
      <c r="P27255" t="s">
        <v>86</v>
      </c>
      <c r="Q27255">
        <v>20</v>
      </c>
      <c r="R27255">
        <v>19</v>
      </c>
      <c r="S27255">
        <v>19</v>
      </c>
      <c r="T27255">
        <v>19</v>
      </c>
      <c r="U27255">
        <v>19</v>
      </c>
      <c r="V27255">
        <v>19</v>
      </c>
      <c r="W27255">
        <v>19</v>
      </c>
      <c r="X27255">
        <v>19</v>
      </c>
      <c r="Y27255">
        <v>19</v>
      </c>
      <c r="Z27255">
        <v>19</v>
      </c>
      <c r="AA27255">
        <v>19</v>
      </c>
      <c r="AB27255">
        <v>19</v>
      </c>
      <c r="AC27255">
        <v>19</v>
      </c>
      <c r="AD27255">
        <v>19</v>
      </c>
      <c r="AE27255">
        <v>19</v>
      </c>
      <c r="AF27255">
        <v>19</v>
      </c>
      <c r="AG27255">
        <v>19</v>
      </c>
      <c r="AH27255">
        <v>18</v>
      </c>
      <c r="AI27255">
        <v>18</v>
      </c>
      <c r="AJ27255">
        <v>18</v>
      </c>
      <c r="AK27255">
        <v>18</v>
      </c>
      <c r="AL27255">
        <v>18</v>
      </c>
      <c r="AM27255">
        <v>18</v>
      </c>
      <c r="AN27255">
        <v>18</v>
      </c>
      <c r="AO27255">
        <v>18</v>
      </c>
      <c r="AP27255">
        <v>18</v>
      </c>
      <c r="AQ27255">
        <v>18</v>
      </c>
    </row>
    <row r="27256" spans="1:43">
      <c r="A27256" t="s">
        <v>16867</v>
      </c>
      <c r="B27256" t="s">
        <v>16868</v>
      </c>
      <c r="C27256" t="s">
        <v>16721</v>
      </c>
      <c r="D27256" t="s">
        <v>16722</v>
      </c>
      <c r="E27256" t="s">
        <v>16695</v>
      </c>
      <c r="F27256" t="s">
        <v>16696</v>
      </c>
      <c r="G27256" t="s">
        <v>16559</v>
      </c>
      <c r="H27256" t="s">
        <v>16560</v>
      </c>
      <c r="I27256" s="2">
        <v>1</v>
      </c>
      <c r="J27256" s="2">
        <v>0</v>
      </c>
      <c r="K27256" s="2">
        <v>0</v>
      </c>
      <c r="L27256" t="s">
        <v>120</v>
      </c>
      <c r="M27256" t="s">
        <v>89</v>
      </c>
      <c r="N27256" t="s">
        <v>90</v>
      </c>
      <c r="O27256" t="s">
        <v>85</v>
      </c>
      <c r="P27256" t="s">
        <v>86</v>
      </c>
      <c r="Q27256">
        <v>20</v>
      </c>
      <c r="R27256">
        <v>20</v>
      </c>
      <c r="S27256">
        <v>21</v>
      </c>
      <c r="T27256">
        <v>21</v>
      </c>
      <c r="U27256">
        <v>21</v>
      </c>
      <c r="V27256">
        <v>21</v>
      </c>
      <c r="W27256">
        <v>21</v>
      </c>
      <c r="X27256">
        <v>22</v>
      </c>
      <c r="Y27256">
        <v>22</v>
      </c>
      <c r="Z27256">
        <v>22</v>
      </c>
      <c r="AA27256">
        <v>22</v>
      </c>
      <c r="AB27256">
        <v>22</v>
      </c>
      <c r="AC27256">
        <v>22</v>
      </c>
      <c r="AD27256">
        <v>22</v>
      </c>
      <c r="AE27256">
        <v>23</v>
      </c>
      <c r="AF27256">
        <v>22</v>
      </c>
      <c r="AG27256">
        <v>22</v>
      </c>
      <c r="AH27256">
        <v>22</v>
      </c>
      <c r="AI27256">
        <v>22</v>
      </c>
      <c r="AJ27256">
        <v>22</v>
      </c>
      <c r="AK27256">
        <v>22</v>
      </c>
      <c r="AL27256">
        <v>22</v>
      </c>
      <c r="AM27256">
        <v>21</v>
      </c>
      <c r="AN27256">
        <v>21</v>
      </c>
      <c r="AO27256">
        <v>21</v>
      </c>
      <c r="AP27256">
        <v>21</v>
      </c>
      <c r="AQ27256">
        <v>21</v>
      </c>
    </row>
    <row r="27257" spans="1:43">
      <c r="A27257" t="s">
        <v>16867</v>
      </c>
      <c r="B27257" t="s">
        <v>16868</v>
      </c>
      <c r="C27257" t="s">
        <v>16721</v>
      </c>
      <c r="D27257" t="s">
        <v>16722</v>
      </c>
      <c r="E27257" t="s">
        <v>16695</v>
      </c>
      <c r="F27257" t="s">
        <v>16696</v>
      </c>
      <c r="G27257" t="s">
        <v>16559</v>
      </c>
      <c r="H27257" t="s">
        <v>16560</v>
      </c>
      <c r="I27257" s="2">
        <v>1</v>
      </c>
      <c r="J27257" s="2">
        <v>0</v>
      </c>
      <c r="K27257" s="2">
        <v>0</v>
      </c>
      <c r="L27257" t="s">
        <v>120</v>
      </c>
      <c r="M27257" t="s">
        <v>83</v>
      </c>
      <c r="N27257" t="s">
        <v>91</v>
      </c>
      <c r="O27257" t="s">
        <v>85</v>
      </c>
      <c r="P27257" t="s">
        <v>86</v>
      </c>
      <c r="Q27257">
        <v>20</v>
      </c>
      <c r="R27257">
        <v>20</v>
      </c>
      <c r="S27257">
        <v>20</v>
      </c>
      <c r="T27257">
        <v>20</v>
      </c>
      <c r="U27257">
        <v>20</v>
      </c>
      <c r="V27257">
        <v>20</v>
      </c>
      <c r="W27257">
        <v>20</v>
      </c>
      <c r="X27257">
        <v>20</v>
      </c>
      <c r="Y27257">
        <v>21</v>
      </c>
      <c r="Z27257">
        <v>21</v>
      </c>
      <c r="AA27257">
        <v>21</v>
      </c>
      <c r="AB27257">
        <v>21</v>
      </c>
      <c r="AC27257">
        <v>21</v>
      </c>
      <c r="AD27257">
        <v>21</v>
      </c>
      <c r="AE27257">
        <v>21</v>
      </c>
      <c r="AF27257">
        <v>21</v>
      </c>
      <c r="AG27257">
        <v>21</v>
      </c>
      <c r="AH27257">
        <v>21</v>
      </c>
      <c r="AI27257">
        <v>21</v>
      </c>
      <c r="AJ27257">
        <v>21</v>
      </c>
      <c r="AK27257">
        <v>21</v>
      </c>
      <c r="AL27257">
        <v>21</v>
      </c>
      <c r="AM27257">
        <v>21</v>
      </c>
      <c r="AN27257">
        <v>21</v>
      </c>
      <c r="AO27257">
        <v>21</v>
      </c>
      <c r="AP27257">
        <v>21</v>
      </c>
      <c r="AQ27257">
        <v>21</v>
      </c>
    </row>
    <row r="27258" spans="1:43">
      <c r="A27258" t="s">
        <v>16869</v>
      </c>
      <c r="B27258" t="s">
        <v>16870</v>
      </c>
      <c r="C27258" t="s">
        <v>16721</v>
      </c>
      <c r="D27258" t="s">
        <v>16722</v>
      </c>
      <c r="E27258" t="s">
        <v>16695</v>
      </c>
      <c r="F27258" t="s">
        <v>16696</v>
      </c>
      <c r="G27258" t="s">
        <v>16559</v>
      </c>
      <c r="H27258" t="s">
        <v>16560</v>
      </c>
      <c r="I27258" s="2">
        <v>1</v>
      </c>
      <c r="J27258" s="2">
        <v>0</v>
      </c>
      <c r="K27258" s="2">
        <v>0</v>
      </c>
      <c r="L27258" t="s">
        <v>120</v>
      </c>
      <c r="M27258" t="s">
        <v>83</v>
      </c>
      <c r="N27258" t="s">
        <v>84</v>
      </c>
      <c r="O27258" t="s">
        <v>85</v>
      </c>
      <c r="P27258" t="s">
        <v>86</v>
      </c>
      <c r="Q27258">
        <v>18</v>
      </c>
      <c r="R27258">
        <v>18</v>
      </c>
      <c r="S27258">
        <v>18</v>
      </c>
      <c r="T27258">
        <v>18</v>
      </c>
      <c r="U27258">
        <v>18</v>
      </c>
      <c r="V27258">
        <v>18</v>
      </c>
      <c r="W27258">
        <v>19</v>
      </c>
      <c r="X27258">
        <v>19</v>
      </c>
      <c r="Y27258">
        <v>19</v>
      </c>
      <c r="Z27258">
        <v>19</v>
      </c>
      <c r="AA27258">
        <v>19</v>
      </c>
      <c r="AB27258">
        <v>19</v>
      </c>
      <c r="AC27258">
        <v>19</v>
      </c>
      <c r="AD27258">
        <v>19</v>
      </c>
      <c r="AE27258">
        <v>19</v>
      </c>
      <c r="AF27258">
        <v>19</v>
      </c>
      <c r="AG27258">
        <v>19</v>
      </c>
      <c r="AH27258">
        <v>19</v>
      </c>
      <c r="AI27258">
        <v>19</v>
      </c>
      <c r="AJ27258">
        <v>19</v>
      </c>
      <c r="AK27258">
        <v>19</v>
      </c>
      <c r="AL27258">
        <v>19</v>
      </c>
      <c r="AM27258">
        <v>19</v>
      </c>
      <c r="AN27258">
        <v>19</v>
      </c>
      <c r="AO27258">
        <v>19</v>
      </c>
      <c r="AP27258">
        <v>19</v>
      </c>
      <c r="AQ27258">
        <v>19</v>
      </c>
    </row>
    <row r="27259" spans="1:43">
      <c r="A27259" t="s">
        <v>16869</v>
      </c>
      <c r="B27259" t="s">
        <v>16870</v>
      </c>
      <c r="C27259" t="s">
        <v>16721</v>
      </c>
      <c r="D27259" t="s">
        <v>16722</v>
      </c>
      <c r="E27259" t="s">
        <v>16695</v>
      </c>
      <c r="F27259" t="s">
        <v>16696</v>
      </c>
      <c r="G27259" t="s">
        <v>16559</v>
      </c>
      <c r="H27259" t="s">
        <v>16560</v>
      </c>
      <c r="I27259" s="2">
        <v>1</v>
      </c>
      <c r="J27259" s="2">
        <v>0</v>
      </c>
      <c r="K27259" s="2">
        <v>0</v>
      </c>
      <c r="L27259" t="s">
        <v>120</v>
      </c>
      <c r="M27259" t="s">
        <v>87</v>
      </c>
      <c r="N27259" t="s">
        <v>88</v>
      </c>
      <c r="O27259" t="s">
        <v>85</v>
      </c>
      <c r="P27259" t="s">
        <v>86</v>
      </c>
      <c r="Q27259">
        <v>18</v>
      </c>
      <c r="R27259">
        <v>18</v>
      </c>
      <c r="S27259">
        <v>18</v>
      </c>
      <c r="T27259">
        <v>18</v>
      </c>
      <c r="U27259">
        <v>18</v>
      </c>
      <c r="V27259">
        <v>17</v>
      </c>
      <c r="W27259">
        <v>17</v>
      </c>
      <c r="X27259">
        <v>17</v>
      </c>
      <c r="Y27259">
        <v>17</v>
      </c>
      <c r="Z27259">
        <v>17</v>
      </c>
      <c r="AA27259">
        <v>17</v>
      </c>
      <c r="AB27259">
        <v>17</v>
      </c>
      <c r="AC27259">
        <v>17</v>
      </c>
      <c r="AD27259">
        <v>17</v>
      </c>
      <c r="AE27259">
        <v>17</v>
      </c>
      <c r="AF27259">
        <v>17</v>
      </c>
      <c r="AG27259">
        <v>17</v>
      </c>
      <c r="AH27259">
        <v>17</v>
      </c>
      <c r="AI27259">
        <v>17</v>
      </c>
      <c r="AJ27259">
        <v>17</v>
      </c>
      <c r="AK27259">
        <v>17</v>
      </c>
      <c r="AL27259">
        <v>17</v>
      </c>
      <c r="AM27259">
        <v>17</v>
      </c>
      <c r="AN27259">
        <v>17</v>
      </c>
      <c r="AO27259">
        <v>16</v>
      </c>
      <c r="AP27259">
        <v>16</v>
      </c>
      <c r="AQ27259">
        <v>16</v>
      </c>
    </row>
    <row r="27260" spans="1:43">
      <c r="A27260" t="s">
        <v>16869</v>
      </c>
      <c r="B27260" t="s">
        <v>16870</v>
      </c>
      <c r="C27260" t="s">
        <v>16721</v>
      </c>
      <c r="D27260" t="s">
        <v>16722</v>
      </c>
      <c r="E27260" t="s">
        <v>16695</v>
      </c>
      <c r="F27260" t="s">
        <v>16696</v>
      </c>
      <c r="G27260" t="s">
        <v>16559</v>
      </c>
      <c r="H27260" t="s">
        <v>16560</v>
      </c>
      <c r="I27260" s="2">
        <v>1</v>
      </c>
      <c r="J27260" s="2">
        <v>0</v>
      </c>
      <c r="K27260" s="2">
        <v>0</v>
      </c>
      <c r="L27260" t="s">
        <v>120</v>
      </c>
      <c r="M27260" t="s">
        <v>89</v>
      </c>
      <c r="N27260" t="s">
        <v>90</v>
      </c>
      <c r="O27260" t="s">
        <v>85</v>
      </c>
      <c r="P27260" t="s">
        <v>86</v>
      </c>
      <c r="Q27260">
        <v>18</v>
      </c>
      <c r="R27260">
        <v>18</v>
      </c>
      <c r="S27260">
        <v>19</v>
      </c>
      <c r="T27260">
        <v>19</v>
      </c>
      <c r="U27260">
        <v>19</v>
      </c>
      <c r="V27260">
        <v>19</v>
      </c>
      <c r="W27260">
        <v>19</v>
      </c>
      <c r="X27260">
        <v>20</v>
      </c>
      <c r="Y27260">
        <v>20</v>
      </c>
      <c r="Z27260">
        <v>20</v>
      </c>
      <c r="AA27260">
        <v>20</v>
      </c>
      <c r="AB27260">
        <v>20</v>
      </c>
      <c r="AC27260">
        <v>20</v>
      </c>
      <c r="AD27260">
        <v>20</v>
      </c>
      <c r="AE27260">
        <v>20</v>
      </c>
      <c r="AF27260">
        <v>20</v>
      </c>
      <c r="AG27260">
        <v>20</v>
      </c>
      <c r="AH27260">
        <v>20</v>
      </c>
      <c r="AI27260">
        <v>20</v>
      </c>
      <c r="AJ27260">
        <v>20</v>
      </c>
      <c r="AK27260">
        <v>20</v>
      </c>
      <c r="AL27260">
        <v>20</v>
      </c>
      <c r="AM27260">
        <v>19</v>
      </c>
      <c r="AN27260">
        <v>19</v>
      </c>
      <c r="AO27260">
        <v>19</v>
      </c>
      <c r="AP27260">
        <v>19</v>
      </c>
      <c r="AQ27260">
        <v>19</v>
      </c>
    </row>
    <row r="27261" spans="1:43">
      <c r="A27261" t="s">
        <v>16869</v>
      </c>
      <c r="B27261" t="s">
        <v>16870</v>
      </c>
      <c r="C27261" t="s">
        <v>16721</v>
      </c>
      <c r="D27261" t="s">
        <v>16722</v>
      </c>
      <c r="E27261" t="s">
        <v>16695</v>
      </c>
      <c r="F27261" t="s">
        <v>16696</v>
      </c>
      <c r="G27261" t="s">
        <v>16559</v>
      </c>
      <c r="H27261" t="s">
        <v>16560</v>
      </c>
      <c r="I27261" s="2">
        <v>1</v>
      </c>
      <c r="J27261" s="2">
        <v>0</v>
      </c>
      <c r="K27261" s="2">
        <v>0</v>
      </c>
      <c r="L27261" t="s">
        <v>120</v>
      </c>
      <c r="M27261" t="s">
        <v>83</v>
      </c>
      <c r="N27261" t="s">
        <v>91</v>
      </c>
      <c r="O27261" t="s">
        <v>85</v>
      </c>
      <c r="P27261" t="s">
        <v>86</v>
      </c>
      <c r="Q27261">
        <v>18</v>
      </c>
      <c r="R27261">
        <v>18</v>
      </c>
      <c r="S27261">
        <v>18</v>
      </c>
      <c r="T27261">
        <v>18</v>
      </c>
      <c r="U27261">
        <v>18</v>
      </c>
      <c r="V27261">
        <v>18</v>
      </c>
      <c r="W27261">
        <v>19</v>
      </c>
      <c r="X27261">
        <v>19</v>
      </c>
      <c r="Y27261">
        <v>19</v>
      </c>
      <c r="Z27261">
        <v>19</v>
      </c>
      <c r="AA27261">
        <v>19</v>
      </c>
      <c r="AB27261">
        <v>19</v>
      </c>
      <c r="AC27261">
        <v>19</v>
      </c>
      <c r="AD27261">
        <v>19</v>
      </c>
      <c r="AE27261">
        <v>19</v>
      </c>
      <c r="AF27261">
        <v>19</v>
      </c>
      <c r="AG27261">
        <v>19</v>
      </c>
      <c r="AH27261">
        <v>19</v>
      </c>
      <c r="AI27261">
        <v>19</v>
      </c>
      <c r="AJ27261">
        <v>19</v>
      </c>
      <c r="AK27261">
        <v>19</v>
      </c>
      <c r="AL27261">
        <v>19</v>
      </c>
      <c r="AM27261">
        <v>19</v>
      </c>
      <c r="AN27261">
        <v>19</v>
      </c>
      <c r="AO27261">
        <v>19</v>
      </c>
      <c r="AP27261">
        <v>19</v>
      </c>
      <c r="AQ27261">
        <v>19</v>
      </c>
    </row>
    <row r="27262" spans="1:43">
      <c r="A27262" t="s">
        <v>16871</v>
      </c>
      <c r="B27262" t="s">
        <v>16872</v>
      </c>
      <c r="C27262" t="s">
        <v>16873</v>
      </c>
      <c r="D27262" t="s">
        <v>16874</v>
      </c>
      <c r="E27262" t="s">
        <v>16695</v>
      </c>
      <c r="F27262" t="s">
        <v>16696</v>
      </c>
      <c r="G27262" t="s">
        <v>16559</v>
      </c>
      <c r="H27262" t="s">
        <v>16560</v>
      </c>
      <c r="I27262" s="2">
        <v>1</v>
      </c>
      <c r="J27262" s="2">
        <v>0</v>
      </c>
      <c r="K27262" s="2">
        <v>0</v>
      </c>
      <c r="L27262" t="s">
        <v>120</v>
      </c>
      <c r="M27262" t="s">
        <v>83</v>
      </c>
      <c r="N27262" t="s">
        <v>84</v>
      </c>
      <c r="O27262" t="s">
        <v>85</v>
      </c>
      <c r="P27262" t="s">
        <v>86</v>
      </c>
      <c r="Q27262">
        <v>11</v>
      </c>
      <c r="R27262">
        <v>11</v>
      </c>
      <c r="S27262">
        <v>11</v>
      </c>
      <c r="T27262">
        <v>11</v>
      </c>
      <c r="U27262">
        <v>11</v>
      </c>
      <c r="V27262">
        <v>11</v>
      </c>
      <c r="W27262">
        <v>12</v>
      </c>
      <c r="X27262">
        <v>12</v>
      </c>
      <c r="Y27262">
        <v>12</v>
      </c>
      <c r="Z27262">
        <v>12</v>
      </c>
      <c r="AA27262">
        <v>12</v>
      </c>
      <c r="AB27262">
        <v>12</v>
      </c>
      <c r="AC27262">
        <v>12</v>
      </c>
      <c r="AD27262">
        <v>12</v>
      </c>
      <c r="AE27262">
        <v>12</v>
      </c>
      <c r="AF27262">
        <v>12</v>
      </c>
      <c r="AG27262">
        <v>12</v>
      </c>
      <c r="AH27262">
        <v>12</v>
      </c>
      <c r="AI27262">
        <v>12</v>
      </c>
      <c r="AJ27262">
        <v>12</v>
      </c>
      <c r="AK27262">
        <v>12</v>
      </c>
      <c r="AL27262">
        <v>12</v>
      </c>
      <c r="AM27262">
        <v>12</v>
      </c>
      <c r="AN27262">
        <v>12</v>
      </c>
      <c r="AO27262">
        <v>12</v>
      </c>
      <c r="AP27262">
        <v>12</v>
      </c>
      <c r="AQ27262">
        <v>12</v>
      </c>
    </row>
    <row r="27263" spans="1:43">
      <c r="A27263" t="s">
        <v>16871</v>
      </c>
      <c r="B27263" t="s">
        <v>16872</v>
      </c>
      <c r="C27263" t="s">
        <v>16873</v>
      </c>
      <c r="D27263" t="s">
        <v>16874</v>
      </c>
      <c r="E27263" t="s">
        <v>16695</v>
      </c>
      <c r="F27263" t="s">
        <v>16696</v>
      </c>
      <c r="G27263" t="s">
        <v>16559</v>
      </c>
      <c r="H27263" t="s">
        <v>16560</v>
      </c>
      <c r="I27263" s="2">
        <v>1</v>
      </c>
      <c r="J27263" s="2">
        <v>0</v>
      </c>
      <c r="K27263" s="2">
        <v>0</v>
      </c>
      <c r="L27263" t="s">
        <v>120</v>
      </c>
      <c r="M27263" t="s">
        <v>87</v>
      </c>
      <c r="N27263" t="s">
        <v>88</v>
      </c>
      <c r="O27263" t="s">
        <v>85</v>
      </c>
      <c r="P27263" t="s">
        <v>86</v>
      </c>
      <c r="Q27263">
        <v>11</v>
      </c>
      <c r="R27263">
        <v>11</v>
      </c>
      <c r="S27263">
        <v>11</v>
      </c>
      <c r="T27263">
        <v>11</v>
      </c>
      <c r="U27263">
        <v>11</v>
      </c>
      <c r="V27263">
        <v>11</v>
      </c>
      <c r="W27263">
        <v>11</v>
      </c>
      <c r="X27263">
        <v>11</v>
      </c>
      <c r="Y27263">
        <v>11</v>
      </c>
      <c r="Z27263">
        <v>11</v>
      </c>
      <c r="AA27263">
        <v>11</v>
      </c>
      <c r="AB27263">
        <v>11</v>
      </c>
      <c r="AC27263">
        <v>11</v>
      </c>
      <c r="AD27263">
        <v>11</v>
      </c>
      <c r="AE27263">
        <v>11</v>
      </c>
      <c r="AF27263">
        <v>11</v>
      </c>
      <c r="AG27263">
        <v>11</v>
      </c>
      <c r="AH27263">
        <v>11</v>
      </c>
      <c r="AI27263">
        <v>11</v>
      </c>
      <c r="AJ27263">
        <v>10</v>
      </c>
      <c r="AK27263">
        <v>10</v>
      </c>
      <c r="AL27263">
        <v>10</v>
      </c>
      <c r="AM27263">
        <v>10</v>
      </c>
      <c r="AN27263">
        <v>10</v>
      </c>
      <c r="AO27263">
        <v>10</v>
      </c>
      <c r="AP27263">
        <v>10</v>
      </c>
      <c r="AQ27263">
        <v>10</v>
      </c>
    </row>
    <row r="27264" spans="1:43">
      <c r="A27264" t="s">
        <v>16871</v>
      </c>
      <c r="B27264" t="s">
        <v>16872</v>
      </c>
      <c r="C27264" t="s">
        <v>16873</v>
      </c>
      <c r="D27264" t="s">
        <v>16874</v>
      </c>
      <c r="E27264" t="s">
        <v>16695</v>
      </c>
      <c r="F27264" t="s">
        <v>16696</v>
      </c>
      <c r="G27264" t="s">
        <v>16559</v>
      </c>
      <c r="H27264" t="s">
        <v>16560</v>
      </c>
      <c r="I27264" s="2">
        <v>1</v>
      </c>
      <c r="J27264" s="2">
        <v>0</v>
      </c>
      <c r="K27264" s="2">
        <v>0</v>
      </c>
      <c r="L27264" t="s">
        <v>120</v>
      </c>
      <c r="M27264" t="s">
        <v>89</v>
      </c>
      <c r="N27264" t="s">
        <v>90</v>
      </c>
      <c r="O27264" t="s">
        <v>85</v>
      </c>
      <c r="P27264" t="s">
        <v>86</v>
      </c>
      <c r="Q27264">
        <v>11</v>
      </c>
      <c r="R27264">
        <v>11</v>
      </c>
      <c r="S27264">
        <v>12</v>
      </c>
      <c r="T27264">
        <v>12</v>
      </c>
      <c r="U27264">
        <v>12</v>
      </c>
      <c r="V27264">
        <v>12</v>
      </c>
      <c r="W27264">
        <v>12</v>
      </c>
      <c r="X27264">
        <v>12</v>
      </c>
      <c r="Y27264">
        <v>12</v>
      </c>
      <c r="Z27264">
        <v>12</v>
      </c>
      <c r="AA27264">
        <v>13</v>
      </c>
      <c r="AB27264">
        <v>13</v>
      </c>
      <c r="AC27264">
        <v>13</v>
      </c>
      <c r="AD27264">
        <v>13</v>
      </c>
      <c r="AE27264">
        <v>13</v>
      </c>
      <c r="AF27264">
        <v>13</v>
      </c>
      <c r="AG27264">
        <v>13</v>
      </c>
      <c r="AH27264">
        <v>13</v>
      </c>
      <c r="AI27264">
        <v>13</v>
      </c>
      <c r="AJ27264">
        <v>13</v>
      </c>
      <c r="AK27264">
        <v>12</v>
      </c>
      <c r="AL27264">
        <v>12</v>
      </c>
      <c r="AM27264">
        <v>12</v>
      </c>
      <c r="AN27264">
        <v>12</v>
      </c>
      <c r="AO27264">
        <v>12</v>
      </c>
      <c r="AP27264">
        <v>12</v>
      </c>
      <c r="AQ27264">
        <v>12</v>
      </c>
    </row>
    <row r="27265" spans="1:43">
      <c r="A27265" t="s">
        <v>16871</v>
      </c>
      <c r="B27265" t="s">
        <v>16872</v>
      </c>
      <c r="C27265" t="s">
        <v>16873</v>
      </c>
      <c r="D27265" t="s">
        <v>16874</v>
      </c>
      <c r="E27265" t="s">
        <v>16695</v>
      </c>
      <c r="F27265" t="s">
        <v>16696</v>
      </c>
      <c r="G27265" t="s">
        <v>16559</v>
      </c>
      <c r="H27265" t="s">
        <v>16560</v>
      </c>
      <c r="I27265" s="2">
        <v>1</v>
      </c>
      <c r="J27265" s="2">
        <v>0</v>
      </c>
      <c r="K27265" s="2">
        <v>0</v>
      </c>
      <c r="L27265" t="s">
        <v>120</v>
      </c>
      <c r="M27265" t="s">
        <v>83</v>
      </c>
      <c r="N27265" t="s">
        <v>91</v>
      </c>
      <c r="O27265" t="s">
        <v>85</v>
      </c>
      <c r="P27265" t="s">
        <v>86</v>
      </c>
      <c r="Q27265">
        <v>11</v>
      </c>
      <c r="R27265">
        <v>11</v>
      </c>
      <c r="S27265">
        <v>11</v>
      </c>
      <c r="T27265">
        <v>11</v>
      </c>
      <c r="U27265">
        <v>11</v>
      </c>
      <c r="V27265">
        <v>11</v>
      </c>
      <c r="W27265">
        <v>12</v>
      </c>
      <c r="X27265">
        <v>12</v>
      </c>
      <c r="Y27265">
        <v>12</v>
      </c>
      <c r="Z27265">
        <v>12</v>
      </c>
      <c r="AA27265">
        <v>12</v>
      </c>
      <c r="AB27265">
        <v>12</v>
      </c>
      <c r="AC27265">
        <v>12</v>
      </c>
      <c r="AD27265">
        <v>12</v>
      </c>
      <c r="AE27265">
        <v>12</v>
      </c>
      <c r="AF27265">
        <v>12</v>
      </c>
      <c r="AG27265">
        <v>12</v>
      </c>
      <c r="AH27265">
        <v>12</v>
      </c>
      <c r="AI27265">
        <v>12</v>
      </c>
      <c r="AJ27265">
        <v>12</v>
      </c>
      <c r="AK27265">
        <v>12</v>
      </c>
      <c r="AL27265">
        <v>12</v>
      </c>
      <c r="AM27265">
        <v>12</v>
      </c>
      <c r="AN27265">
        <v>12</v>
      </c>
      <c r="AO27265">
        <v>12</v>
      </c>
      <c r="AP27265">
        <v>12</v>
      </c>
      <c r="AQ27265">
        <v>12</v>
      </c>
    </row>
    <row r="27266" spans="1:43">
      <c r="A27266" t="s">
        <v>16875</v>
      </c>
      <c r="B27266" t="s">
        <v>16876</v>
      </c>
      <c r="C27266" t="s">
        <v>16873</v>
      </c>
      <c r="D27266" t="s">
        <v>16874</v>
      </c>
      <c r="E27266" t="s">
        <v>16695</v>
      </c>
      <c r="F27266" t="s">
        <v>16696</v>
      </c>
      <c r="G27266" t="s">
        <v>16559</v>
      </c>
      <c r="H27266" t="s">
        <v>16560</v>
      </c>
      <c r="I27266" s="2">
        <v>1</v>
      </c>
      <c r="J27266" s="2">
        <v>0</v>
      </c>
      <c r="K27266" s="2">
        <v>0</v>
      </c>
      <c r="L27266" t="s">
        <v>120</v>
      </c>
      <c r="M27266" t="s">
        <v>83</v>
      </c>
      <c r="N27266" t="s">
        <v>84</v>
      </c>
      <c r="O27266" t="s">
        <v>85</v>
      </c>
      <c r="P27266" t="s">
        <v>86</v>
      </c>
      <c r="Q27266">
        <v>12</v>
      </c>
      <c r="R27266">
        <v>12</v>
      </c>
      <c r="S27266">
        <v>12</v>
      </c>
      <c r="T27266">
        <v>12</v>
      </c>
      <c r="U27266">
        <v>12</v>
      </c>
      <c r="V27266">
        <v>13</v>
      </c>
      <c r="W27266">
        <v>13</v>
      </c>
      <c r="X27266">
        <v>13</v>
      </c>
      <c r="Y27266">
        <v>13</v>
      </c>
      <c r="Z27266">
        <v>13</v>
      </c>
      <c r="AA27266">
        <v>13</v>
      </c>
      <c r="AB27266">
        <v>13</v>
      </c>
      <c r="AC27266">
        <v>13</v>
      </c>
      <c r="AD27266">
        <v>13</v>
      </c>
      <c r="AE27266">
        <v>13</v>
      </c>
      <c r="AF27266">
        <v>13</v>
      </c>
      <c r="AG27266">
        <v>13</v>
      </c>
      <c r="AH27266">
        <v>13</v>
      </c>
      <c r="AI27266">
        <v>13</v>
      </c>
      <c r="AJ27266">
        <v>13</v>
      </c>
      <c r="AK27266">
        <v>13</v>
      </c>
      <c r="AL27266">
        <v>13</v>
      </c>
      <c r="AM27266">
        <v>13</v>
      </c>
      <c r="AN27266">
        <v>13</v>
      </c>
      <c r="AO27266">
        <v>13</v>
      </c>
      <c r="AP27266">
        <v>13</v>
      </c>
      <c r="AQ27266">
        <v>13</v>
      </c>
    </row>
    <row r="27267" spans="1:43">
      <c r="A27267" t="s">
        <v>16875</v>
      </c>
      <c r="B27267" t="s">
        <v>16876</v>
      </c>
      <c r="C27267" t="s">
        <v>16873</v>
      </c>
      <c r="D27267" t="s">
        <v>16874</v>
      </c>
      <c r="E27267" t="s">
        <v>16695</v>
      </c>
      <c r="F27267" t="s">
        <v>16696</v>
      </c>
      <c r="G27267" t="s">
        <v>16559</v>
      </c>
      <c r="H27267" t="s">
        <v>16560</v>
      </c>
      <c r="I27267" s="2">
        <v>1</v>
      </c>
      <c r="J27267" s="2">
        <v>0</v>
      </c>
      <c r="K27267" s="2">
        <v>0</v>
      </c>
      <c r="L27267" t="s">
        <v>120</v>
      </c>
      <c r="M27267" t="s">
        <v>87</v>
      </c>
      <c r="N27267" t="s">
        <v>88</v>
      </c>
      <c r="O27267" t="s">
        <v>85</v>
      </c>
      <c r="P27267" t="s">
        <v>86</v>
      </c>
      <c r="Q27267">
        <v>12</v>
      </c>
      <c r="R27267">
        <v>12</v>
      </c>
      <c r="S27267">
        <v>12</v>
      </c>
      <c r="T27267">
        <v>12</v>
      </c>
      <c r="U27267">
        <v>12</v>
      </c>
      <c r="V27267">
        <v>12</v>
      </c>
      <c r="W27267">
        <v>12</v>
      </c>
      <c r="X27267">
        <v>12</v>
      </c>
      <c r="Y27267">
        <v>12</v>
      </c>
      <c r="Z27267">
        <v>12</v>
      </c>
      <c r="AA27267">
        <v>12</v>
      </c>
      <c r="AB27267">
        <v>12</v>
      </c>
      <c r="AC27267">
        <v>12</v>
      </c>
      <c r="AD27267">
        <v>12</v>
      </c>
      <c r="AE27267">
        <v>12</v>
      </c>
      <c r="AF27267">
        <v>12</v>
      </c>
      <c r="AG27267">
        <v>12</v>
      </c>
      <c r="AH27267">
        <v>12</v>
      </c>
      <c r="AI27267">
        <v>11</v>
      </c>
      <c r="AJ27267">
        <v>11</v>
      </c>
      <c r="AK27267">
        <v>11</v>
      </c>
      <c r="AL27267">
        <v>11</v>
      </c>
      <c r="AM27267">
        <v>11</v>
      </c>
      <c r="AN27267">
        <v>11</v>
      </c>
      <c r="AO27267">
        <v>11</v>
      </c>
      <c r="AP27267">
        <v>11</v>
      </c>
      <c r="AQ27267">
        <v>11</v>
      </c>
    </row>
    <row r="27268" spans="1:43">
      <c r="A27268" t="s">
        <v>16875</v>
      </c>
      <c r="B27268" t="s">
        <v>16876</v>
      </c>
      <c r="C27268" t="s">
        <v>16873</v>
      </c>
      <c r="D27268" t="s">
        <v>16874</v>
      </c>
      <c r="E27268" t="s">
        <v>16695</v>
      </c>
      <c r="F27268" t="s">
        <v>16696</v>
      </c>
      <c r="G27268" t="s">
        <v>16559</v>
      </c>
      <c r="H27268" t="s">
        <v>16560</v>
      </c>
      <c r="I27268" s="2">
        <v>1</v>
      </c>
      <c r="J27268" s="2">
        <v>0</v>
      </c>
      <c r="K27268" s="2">
        <v>0</v>
      </c>
      <c r="L27268" t="s">
        <v>120</v>
      </c>
      <c r="M27268" t="s">
        <v>89</v>
      </c>
      <c r="N27268" t="s">
        <v>90</v>
      </c>
      <c r="O27268" t="s">
        <v>85</v>
      </c>
      <c r="P27268" t="s">
        <v>86</v>
      </c>
      <c r="Q27268">
        <v>12</v>
      </c>
      <c r="R27268">
        <v>12</v>
      </c>
      <c r="S27268">
        <v>13</v>
      </c>
      <c r="T27268">
        <v>13</v>
      </c>
      <c r="U27268">
        <v>13</v>
      </c>
      <c r="V27268">
        <v>13</v>
      </c>
      <c r="W27268">
        <v>13</v>
      </c>
      <c r="X27268">
        <v>13</v>
      </c>
      <c r="Y27268">
        <v>13</v>
      </c>
      <c r="Z27268">
        <v>14</v>
      </c>
      <c r="AA27268">
        <v>14</v>
      </c>
      <c r="AB27268">
        <v>14</v>
      </c>
      <c r="AC27268">
        <v>14</v>
      </c>
      <c r="AD27268">
        <v>14</v>
      </c>
      <c r="AE27268">
        <v>14</v>
      </c>
      <c r="AF27268">
        <v>14</v>
      </c>
      <c r="AG27268">
        <v>14</v>
      </c>
      <c r="AH27268">
        <v>14</v>
      </c>
      <c r="AI27268">
        <v>14</v>
      </c>
      <c r="AJ27268">
        <v>14</v>
      </c>
      <c r="AK27268">
        <v>14</v>
      </c>
      <c r="AL27268">
        <v>14</v>
      </c>
      <c r="AM27268">
        <v>14</v>
      </c>
      <c r="AN27268">
        <v>13</v>
      </c>
      <c r="AO27268">
        <v>13</v>
      </c>
      <c r="AP27268">
        <v>13</v>
      </c>
      <c r="AQ27268">
        <v>13</v>
      </c>
    </row>
    <row r="27269" spans="1:43">
      <c r="A27269" t="s">
        <v>16875</v>
      </c>
      <c r="B27269" t="s">
        <v>16876</v>
      </c>
      <c r="C27269" t="s">
        <v>16873</v>
      </c>
      <c r="D27269" t="s">
        <v>16874</v>
      </c>
      <c r="E27269" t="s">
        <v>16695</v>
      </c>
      <c r="F27269" t="s">
        <v>16696</v>
      </c>
      <c r="G27269" t="s">
        <v>16559</v>
      </c>
      <c r="H27269" t="s">
        <v>16560</v>
      </c>
      <c r="I27269" s="2">
        <v>1</v>
      </c>
      <c r="J27269" s="2">
        <v>0</v>
      </c>
      <c r="K27269" s="2">
        <v>0</v>
      </c>
      <c r="L27269" t="s">
        <v>120</v>
      </c>
      <c r="M27269" t="s">
        <v>83</v>
      </c>
      <c r="N27269" t="s">
        <v>91</v>
      </c>
      <c r="O27269" t="s">
        <v>85</v>
      </c>
      <c r="P27269" t="s">
        <v>86</v>
      </c>
      <c r="Q27269">
        <v>12</v>
      </c>
      <c r="R27269">
        <v>12</v>
      </c>
      <c r="S27269">
        <v>12</v>
      </c>
      <c r="T27269">
        <v>12</v>
      </c>
      <c r="U27269">
        <v>12</v>
      </c>
      <c r="V27269">
        <v>13</v>
      </c>
      <c r="W27269">
        <v>13</v>
      </c>
      <c r="X27269">
        <v>13</v>
      </c>
      <c r="Y27269">
        <v>13</v>
      </c>
      <c r="Z27269">
        <v>13</v>
      </c>
      <c r="AA27269">
        <v>13</v>
      </c>
      <c r="AB27269">
        <v>13</v>
      </c>
      <c r="AC27269">
        <v>13</v>
      </c>
      <c r="AD27269">
        <v>13</v>
      </c>
      <c r="AE27269">
        <v>13</v>
      </c>
      <c r="AF27269">
        <v>13</v>
      </c>
      <c r="AG27269">
        <v>13</v>
      </c>
      <c r="AH27269">
        <v>13</v>
      </c>
      <c r="AI27269">
        <v>13</v>
      </c>
      <c r="AJ27269">
        <v>13</v>
      </c>
      <c r="AK27269">
        <v>13</v>
      </c>
      <c r="AL27269">
        <v>13</v>
      </c>
      <c r="AM27269">
        <v>13</v>
      </c>
      <c r="AN27269">
        <v>13</v>
      </c>
      <c r="AO27269">
        <v>13</v>
      </c>
      <c r="AP27269">
        <v>13</v>
      </c>
      <c r="AQ27269">
        <v>13</v>
      </c>
    </row>
    <row r="27270" spans="1:43">
      <c r="A27270" t="s">
        <v>16877</v>
      </c>
      <c r="B27270" t="s">
        <v>16878</v>
      </c>
      <c r="C27270" t="s">
        <v>16873</v>
      </c>
      <c r="D27270" t="s">
        <v>16874</v>
      </c>
      <c r="E27270" t="s">
        <v>16695</v>
      </c>
      <c r="F27270" t="s">
        <v>16696</v>
      </c>
      <c r="G27270" t="s">
        <v>16559</v>
      </c>
      <c r="H27270" t="s">
        <v>16560</v>
      </c>
      <c r="I27270" s="2">
        <v>1</v>
      </c>
      <c r="J27270" s="2">
        <v>0</v>
      </c>
      <c r="K27270" s="2">
        <v>0</v>
      </c>
      <c r="L27270" t="s">
        <v>120</v>
      </c>
      <c r="M27270" t="s">
        <v>83</v>
      </c>
      <c r="N27270" t="s">
        <v>84</v>
      </c>
      <c r="O27270" t="s">
        <v>85</v>
      </c>
      <c r="P27270" t="s">
        <v>86</v>
      </c>
      <c r="Q27270">
        <v>76</v>
      </c>
      <c r="R27270">
        <v>76</v>
      </c>
      <c r="S27270">
        <v>77</v>
      </c>
      <c r="T27270">
        <v>78</v>
      </c>
      <c r="U27270">
        <v>78</v>
      </c>
      <c r="V27270">
        <v>78</v>
      </c>
      <c r="W27270">
        <v>79</v>
      </c>
      <c r="X27270">
        <v>79</v>
      </c>
      <c r="Y27270">
        <v>80</v>
      </c>
      <c r="Z27270">
        <v>80</v>
      </c>
      <c r="AA27270">
        <v>80</v>
      </c>
      <c r="AB27270">
        <v>81</v>
      </c>
      <c r="AC27270">
        <v>81</v>
      </c>
      <c r="AD27270">
        <v>81</v>
      </c>
      <c r="AE27270">
        <v>82</v>
      </c>
      <c r="AF27270">
        <v>82</v>
      </c>
      <c r="AG27270">
        <v>82</v>
      </c>
      <c r="AH27270">
        <v>83</v>
      </c>
      <c r="AI27270">
        <v>83</v>
      </c>
      <c r="AJ27270">
        <v>83</v>
      </c>
      <c r="AK27270">
        <v>84</v>
      </c>
      <c r="AL27270">
        <v>84</v>
      </c>
      <c r="AM27270">
        <v>83</v>
      </c>
      <c r="AN27270">
        <v>83</v>
      </c>
      <c r="AO27270">
        <v>83</v>
      </c>
      <c r="AP27270">
        <v>82</v>
      </c>
      <c r="AQ27270">
        <v>82</v>
      </c>
    </row>
    <row r="27271" spans="1:43">
      <c r="A27271" t="s">
        <v>16877</v>
      </c>
      <c r="B27271" t="s">
        <v>16878</v>
      </c>
      <c r="C27271" t="s">
        <v>16873</v>
      </c>
      <c r="D27271" t="s">
        <v>16874</v>
      </c>
      <c r="E27271" t="s">
        <v>16695</v>
      </c>
      <c r="F27271" t="s">
        <v>16696</v>
      </c>
      <c r="G27271" t="s">
        <v>16559</v>
      </c>
      <c r="H27271" t="s">
        <v>16560</v>
      </c>
      <c r="I27271" s="2">
        <v>1</v>
      </c>
      <c r="J27271" s="2">
        <v>0</v>
      </c>
      <c r="K27271" s="2">
        <v>0</v>
      </c>
      <c r="L27271" t="s">
        <v>120</v>
      </c>
      <c r="M27271" t="s">
        <v>87</v>
      </c>
      <c r="N27271" t="s">
        <v>88</v>
      </c>
      <c r="O27271" t="s">
        <v>85</v>
      </c>
      <c r="P27271" t="s">
        <v>86</v>
      </c>
      <c r="Q27271">
        <v>76</v>
      </c>
      <c r="R27271">
        <v>76</v>
      </c>
      <c r="S27271">
        <v>76</v>
      </c>
      <c r="T27271">
        <v>76</v>
      </c>
      <c r="U27271">
        <v>75</v>
      </c>
      <c r="V27271">
        <v>75</v>
      </c>
      <c r="W27271">
        <v>75</v>
      </c>
      <c r="X27271">
        <v>75</v>
      </c>
      <c r="Y27271">
        <v>75</v>
      </c>
      <c r="Z27271">
        <v>74</v>
      </c>
      <c r="AA27271">
        <v>74</v>
      </c>
      <c r="AB27271">
        <v>74</v>
      </c>
      <c r="AC27271">
        <v>74</v>
      </c>
      <c r="AD27271">
        <v>74</v>
      </c>
      <c r="AE27271">
        <v>73</v>
      </c>
      <c r="AF27271">
        <v>73</v>
      </c>
      <c r="AG27271">
        <v>73</v>
      </c>
      <c r="AH27271">
        <v>73</v>
      </c>
      <c r="AI27271">
        <v>73</v>
      </c>
      <c r="AJ27271">
        <v>73</v>
      </c>
      <c r="AK27271">
        <v>72</v>
      </c>
      <c r="AL27271">
        <v>72</v>
      </c>
      <c r="AM27271">
        <v>72</v>
      </c>
      <c r="AN27271">
        <v>72</v>
      </c>
      <c r="AO27271">
        <v>72</v>
      </c>
      <c r="AP27271">
        <v>72</v>
      </c>
      <c r="AQ27271">
        <v>72</v>
      </c>
    </row>
    <row r="27272" spans="1:43">
      <c r="A27272" t="s">
        <v>16877</v>
      </c>
      <c r="B27272" t="s">
        <v>16878</v>
      </c>
      <c r="C27272" t="s">
        <v>16873</v>
      </c>
      <c r="D27272" t="s">
        <v>16874</v>
      </c>
      <c r="E27272" t="s">
        <v>16695</v>
      </c>
      <c r="F27272" t="s">
        <v>16696</v>
      </c>
      <c r="G27272" t="s">
        <v>16559</v>
      </c>
      <c r="H27272" t="s">
        <v>16560</v>
      </c>
      <c r="I27272" s="2">
        <v>1</v>
      </c>
      <c r="J27272" s="2">
        <v>0</v>
      </c>
      <c r="K27272" s="2">
        <v>0</v>
      </c>
      <c r="L27272" t="s">
        <v>120</v>
      </c>
      <c r="M27272" t="s">
        <v>89</v>
      </c>
      <c r="N27272" t="s">
        <v>90</v>
      </c>
      <c r="O27272" t="s">
        <v>85</v>
      </c>
      <c r="P27272" t="s">
        <v>86</v>
      </c>
      <c r="Q27272">
        <v>76</v>
      </c>
      <c r="R27272">
        <v>77</v>
      </c>
      <c r="S27272">
        <v>78</v>
      </c>
      <c r="T27272">
        <v>79</v>
      </c>
      <c r="U27272">
        <v>80</v>
      </c>
      <c r="V27272">
        <v>81</v>
      </c>
      <c r="W27272">
        <v>82</v>
      </c>
      <c r="X27272">
        <v>82</v>
      </c>
      <c r="Y27272">
        <v>83</v>
      </c>
      <c r="Z27272">
        <v>84</v>
      </c>
      <c r="AA27272">
        <v>84</v>
      </c>
      <c r="AB27272">
        <v>85</v>
      </c>
      <c r="AC27272">
        <v>86</v>
      </c>
      <c r="AD27272">
        <v>86</v>
      </c>
      <c r="AE27272">
        <v>87</v>
      </c>
      <c r="AF27272">
        <v>86</v>
      </c>
      <c r="AG27272">
        <v>86</v>
      </c>
      <c r="AH27272">
        <v>85</v>
      </c>
      <c r="AI27272">
        <v>85</v>
      </c>
      <c r="AJ27272">
        <v>84</v>
      </c>
      <c r="AK27272">
        <v>84</v>
      </c>
      <c r="AL27272">
        <v>84</v>
      </c>
      <c r="AM27272">
        <v>83</v>
      </c>
      <c r="AN27272">
        <v>83</v>
      </c>
      <c r="AO27272">
        <v>83</v>
      </c>
      <c r="AP27272">
        <v>82</v>
      </c>
      <c r="AQ27272">
        <v>82</v>
      </c>
    </row>
    <row r="27273" spans="1:43">
      <c r="A27273" t="s">
        <v>16877</v>
      </c>
      <c r="B27273" t="s">
        <v>16878</v>
      </c>
      <c r="C27273" t="s">
        <v>16873</v>
      </c>
      <c r="D27273" t="s">
        <v>16874</v>
      </c>
      <c r="E27273" t="s">
        <v>16695</v>
      </c>
      <c r="F27273" t="s">
        <v>16696</v>
      </c>
      <c r="G27273" t="s">
        <v>16559</v>
      </c>
      <c r="H27273" t="s">
        <v>16560</v>
      </c>
      <c r="I27273" s="2">
        <v>1</v>
      </c>
      <c r="J27273" s="2">
        <v>0</v>
      </c>
      <c r="K27273" s="2">
        <v>0</v>
      </c>
      <c r="L27273" t="s">
        <v>120</v>
      </c>
      <c r="M27273" t="s">
        <v>83</v>
      </c>
      <c r="N27273" t="s">
        <v>91</v>
      </c>
      <c r="O27273" t="s">
        <v>85</v>
      </c>
      <c r="P27273" t="s">
        <v>86</v>
      </c>
      <c r="Q27273">
        <v>76</v>
      </c>
      <c r="R27273">
        <v>76</v>
      </c>
      <c r="S27273">
        <v>77</v>
      </c>
      <c r="T27273">
        <v>78</v>
      </c>
      <c r="U27273">
        <v>78</v>
      </c>
      <c r="V27273">
        <v>78</v>
      </c>
      <c r="W27273">
        <v>79</v>
      </c>
      <c r="X27273">
        <v>79</v>
      </c>
      <c r="Y27273">
        <v>80</v>
      </c>
      <c r="Z27273">
        <v>80</v>
      </c>
      <c r="AA27273">
        <v>80</v>
      </c>
      <c r="AB27273">
        <v>81</v>
      </c>
      <c r="AC27273">
        <v>81</v>
      </c>
      <c r="AD27273">
        <v>81</v>
      </c>
      <c r="AE27273">
        <v>82</v>
      </c>
      <c r="AF27273">
        <v>82</v>
      </c>
      <c r="AG27273">
        <v>82</v>
      </c>
      <c r="AH27273">
        <v>83</v>
      </c>
      <c r="AI27273">
        <v>83</v>
      </c>
      <c r="AJ27273">
        <v>83</v>
      </c>
      <c r="AK27273">
        <v>84</v>
      </c>
      <c r="AL27273">
        <v>84</v>
      </c>
      <c r="AM27273">
        <v>83</v>
      </c>
      <c r="AN27273">
        <v>83</v>
      </c>
      <c r="AO27273">
        <v>83</v>
      </c>
      <c r="AP27273">
        <v>82</v>
      </c>
      <c r="AQ27273">
        <v>82</v>
      </c>
    </row>
    <row r="27274" spans="1:43">
      <c r="A27274" t="s">
        <v>16879</v>
      </c>
      <c r="B27274" t="s">
        <v>16880</v>
      </c>
      <c r="C27274" t="s">
        <v>16713</v>
      </c>
      <c r="D27274" t="s">
        <v>16714</v>
      </c>
      <c r="E27274" t="s">
        <v>16695</v>
      </c>
      <c r="F27274" t="s">
        <v>16696</v>
      </c>
      <c r="G27274" t="s">
        <v>16559</v>
      </c>
      <c r="H27274" t="s">
        <v>16560</v>
      </c>
      <c r="I27274" s="2">
        <v>1</v>
      </c>
      <c r="J27274" s="2">
        <v>0</v>
      </c>
      <c r="K27274" s="2">
        <v>0</v>
      </c>
      <c r="L27274" t="s">
        <v>120</v>
      </c>
      <c r="M27274" t="s">
        <v>83</v>
      </c>
      <c r="N27274" t="s">
        <v>84</v>
      </c>
      <c r="O27274" t="s">
        <v>85</v>
      </c>
      <c r="P27274" t="s">
        <v>86</v>
      </c>
      <c r="Q27274">
        <v>8</v>
      </c>
      <c r="R27274">
        <v>8</v>
      </c>
      <c r="S27274">
        <v>8</v>
      </c>
      <c r="T27274">
        <v>8</v>
      </c>
      <c r="U27274">
        <v>8</v>
      </c>
      <c r="V27274">
        <v>8</v>
      </c>
      <c r="W27274">
        <v>8</v>
      </c>
      <c r="X27274">
        <v>8</v>
      </c>
      <c r="Y27274">
        <v>8</v>
      </c>
      <c r="Z27274">
        <v>8</v>
      </c>
      <c r="AA27274">
        <v>8</v>
      </c>
      <c r="AB27274">
        <v>8</v>
      </c>
      <c r="AC27274">
        <v>8</v>
      </c>
      <c r="AD27274">
        <v>8</v>
      </c>
      <c r="AE27274">
        <v>8</v>
      </c>
      <c r="AF27274">
        <v>8</v>
      </c>
      <c r="AG27274">
        <v>8</v>
      </c>
      <c r="AH27274">
        <v>8</v>
      </c>
      <c r="AI27274">
        <v>9</v>
      </c>
      <c r="AJ27274">
        <v>9</v>
      </c>
      <c r="AK27274">
        <v>9</v>
      </c>
      <c r="AL27274">
        <v>9</v>
      </c>
      <c r="AM27274">
        <v>9</v>
      </c>
      <c r="AN27274">
        <v>8</v>
      </c>
      <c r="AO27274">
        <v>8</v>
      </c>
      <c r="AP27274">
        <v>8</v>
      </c>
      <c r="AQ27274">
        <v>8</v>
      </c>
    </row>
    <row r="27275" spans="1:43">
      <c r="A27275" t="s">
        <v>16879</v>
      </c>
      <c r="B27275" t="s">
        <v>16880</v>
      </c>
      <c r="C27275" t="s">
        <v>16713</v>
      </c>
      <c r="D27275" t="s">
        <v>16714</v>
      </c>
      <c r="E27275" t="s">
        <v>16695</v>
      </c>
      <c r="F27275" t="s">
        <v>16696</v>
      </c>
      <c r="G27275" t="s">
        <v>16559</v>
      </c>
      <c r="H27275" t="s">
        <v>16560</v>
      </c>
      <c r="I27275" s="2">
        <v>1</v>
      </c>
      <c r="J27275" s="2">
        <v>0</v>
      </c>
      <c r="K27275" s="2">
        <v>0</v>
      </c>
      <c r="L27275" t="s">
        <v>120</v>
      </c>
      <c r="M27275" t="s">
        <v>87</v>
      </c>
      <c r="N27275" t="s">
        <v>88</v>
      </c>
      <c r="O27275" t="s">
        <v>85</v>
      </c>
      <c r="P27275" t="s">
        <v>86</v>
      </c>
      <c r="Q27275">
        <v>8</v>
      </c>
      <c r="R27275">
        <v>8</v>
      </c>
      <c r="S27275">
        <v>8</v>
      </c>
      <c r="T27275">
        <v>8</v>
      </c>
      <c r="U27275">
        <v>8</v>
      </c>
      <c r="V27275">
        <v>8</v>
      </c>
      <c r="W27275">
        <v>8</v>
      </c>
      <c r="X27275">
        <v>8</v>
      </c>
      <c r="Y27275">
        <v>8</v>
      </c>
      <c r="Z27275">
        <v>8</v>
      </c>
      <c r="AA27275">
        <v>7</v>
      </c>
      <c r="AB27275">
        <v>7</v>
      </c>
      <c r="AC27275">
        <v>7</v>
      </c>
      <c r="AD27275">
        <v>7</v>
      </c>
      <c r="AE27275">
        <v>7</v>
      </c>
      <c r="AF27275">
        <v>7</v>
      </c>
      <c r="AG27275">
        <v>7</v>
      </c>
      <c r="AH27275">
        <v>7</v>
      </c>
      <c r="AI27275">
        <v>7</v>
      </c>
      <c r="AJ27275">
        <v>7</v>
      </c>
      <c r="AK27275">
        <v>7</v>
      </c>
      <c r="AL27275">
        <v>7</v>
      </c>
      <c r="AM27275">
        <v>7</v>
      </c>
      <c r="AN27275">
        <v>7</v>
      </c>
      <c r="AO27275">
        <v>7</v>
      </c>
      <c r="AP27275">
        <v>7</v>
      </c>
      <c r="AQ27275">
        <v>7</v>
      </c>
    </row>
    <row r="27276" spans="1:43">
      <c r="A27276" t="s">
        <v>16879</v>
      </c>
      <c r="B27276" t="s">
        <v>16880</v>
      </c>
      <c r="C27276" t="s">
        <v>16713</v>
      </c>
      <c r="D27276" t="s">
        <v>16714</v>
      </c>
      <c r="E27276" t="s">
        <v>16695</v>
      </c>
      <c r="F27276" t="s">
        <v>16696</v>
      </c>
      <c r="G27276" t="s">
        <v>16559</v>
      </c>
      <c r="H27276" t="s">
        <v>16560</v>
      </c>
      <c r="I27276" s="2">
        <v>1</v>
      </c>
      <c r="J27276" s="2">
        <v>0</v>
      </c>
      <c r="K27276" s="2">
        <v>0</v>
      </c>
      <c r="L27276" t="s">
        <v>120</v>
      </c>
      <c r="M27276" t="s">
        <v>89</v>
      </c>
      <c r="N27276" t="s">
        <v>90</v>
      </c>
      <c r="O27276" t="s">
        <v>85</v>
      </c>
      <c r="P27276" t="s">
        <v>86</v>
      </c>
      <c r="Q27276">
        <v>8</v>
      </c>
      <c r="R27276">
        <v>8</v>
      </c>
      <c r="S27276">
        <v>8</v>
      </c>
      <c r="T27276">
        <v>8</v>
      </c>
      <c r="U27276">
        <v>8</v>
      </c>
      <c r="V27276">
        <v>8</v>
      </c>
      <c r="W27276">
        <v>8</v>
      </c>
      <c r="X27276">
        <v>9</v>
      </c>
      <c r="Y27276">
        <v>9</v>
      </c>
      <c r="Z27276">
        <v>9</v>
      </c>
      <c r="AA27276">
        <v>9</v>
      </c>
      <c r="AB27276">
        <v>9</v>
      </c>
      <c r="AC27276">
        <v>9</v>
      </c>
      <c r="AD27276">
        <v>9</v>
      </c>
      <c r="AE27276">
        <v>9</v>
      </c>
      <c r="AF27276">
        <v>9</v>
      </c>
      <c r="AG27276">
        <v>9</v>
      </c>
      <c r="AH27276">
        <v>9</v>
      </c>
      <c r="AI27276">
        <v>9</v>
      </c>
      <c r="AJ27276">
        <v>9</v>
      </c>
      <c r="AK27276">
        <v>9</v>
      </c>
      <c r="AL27276">
        <v>9</v>
      </c>
      <c r="AM27276">
        <v>9</v>
      </c>
      <c r="AN27276">
        <v>9</v>
      </c>
      <c r="AO27276">
        <v>9</v>
      </c>
      <c r="AP27276">
        <v>9</v>
      </c>
      <c r="AQ27276">
        <v>9</v>
      </c>
    </row>
    <row r="27277" spans="1:43">
      <c r="A27277" t="s">
        <v>16879</v>
      </c>
      <c r="B27277" t="s">
        <v>16880</v>
      </c>
      <c r="C27277" t="s">
        <v>16713</v>
      </c>
      <c r="D27277" t="s">
        <v>16714</v>
      </c>
      <c r="E27277" t="s">
        <v>16695</v>
      </c>
      <c r="F27277" t="s">
        <v>16696</v>
      </c>
      <c r="G27277" t="s">
        <v>16559</v>
      </c>
      <c r="H27277" t="s">
        <v>16560</v>
      </c>
      <c r="I27277" s="2">
        <v>1</v>
      </c>
      <c r="J27277" s="2">
        <v>0</v>
      </c>
      <c r="K27277" s="2">
        <v>0</v>
      </c>
      <c r="L27277" t="s">
        <v>120</v>
      </c>
      <c r="M27277" t="s">
        <v>83</v>
      </c>
      <c r="N27277" t="s">
        <v>91</v>
      </c>
      <c r="O27277" t="s">
        <v>85</v>
      </c>
      <c r="P27277" t="s">
        <v>86</v>
      </c>
      <c r="Q27277">
        <v>8</v>
      </c>
      <c r="R27277">
        <v>8</v>
      </c>
      <c r="S27277">
        <v>8</v>
      </c>
      <c r="T27277">
        <v>8</v>
      </c>
      <c r="U27277">
        <v>8</v>
      </c>
      <c r="V27277">
        <v>8</v>
      </c>
      <c r="W27277">
        <v>8</v>
      </c>
      <c r="X27277">
        <v>8</v>
      </c>
      <c r="Y27277">
        <v>8</v>
      </c>
      <c r="Z27277">
        <v>8</v>
      </c>
      <c r="AA27277">
        <v>8</v>
      </c>
      <c r="AB27277">
        <v>8</v>
      </c>
      <c r="AC27277">
        <v>8</v>
      </c>
      <c r="AD27277">
        <v>8</v>
      </c>
      <c r="AE27277">
        <v>8</v>
      </c>
      <c r="AF27277">
        <v>8</v>
      </c>
      <c r="AG27277">
        <v>8</v>
      </c>
      <c r="AH27277">
        <v>8</v>
      </c>
      <c r="AI27277">
        <v>9</v>
      </c>
      <c r="AJ27277">
        <v>9</v>
      </c>
      <c r="AK27277">
        <v>9</v>
      </c>
      <c r="AL27277">
        <v>9</v>
      </c>
      <c r="AM27277">
        <v>9</v>
      </c>
      <c r="AN27277">
        <v>8</v>
      </c>
      <c r="AO27277">
        <v>8</v>
      </c>
      <c r="AP27277">
        <v>8</v>
      </c>
      <c r="AQ27277">
        <v>8</v>
      </c>
    </row>
    <row r="27278" spans="1:43">
      <c r="A27278" t="s">
        <v>16881</v>
      </c>
      <c r="B27278" t="s">
        <v>16882</v>
      </c>
      <c r="C27278" t="s">
        <v>16713</v>
      </c>
      <c r="D27278" t="s">
        <v>16714</v>
      </c>
      <c r="E27278" t="s">
        <v>16695</v>
      </c>
      <c r="F27278" t="s">
        <v>16696</v>
      </c>
      <c r="G27278" t="s">
        <v>16559</v>
      </c>
      <c r="H27278" t="s">
        <v>16560</v>
      </c>
      <c r="I27278" s="2">
        <v>1</v>
      </c>
      <c r="J27278" s="2">
        <v>0</v>
      </c>
      <c r="K27278" s="2">
        <v>0</v>
      </c>
      <c r="L27278" t="s">
        <v>120</v>
      </c>
      <c r="M27278" t="s">
        <v>83</v>
      </c>
      <c r="N27278" t="s">
        <v>84</v>
      </c>
      <c r="O27278" t="s">
        <v>85</v>
      </c>
      <c r="P27278" t="s">
        <v>86</v>
      </c>
      <c r="Q27278">
        <v>31</v>
      </c>
      <c r="R27278">
        <v>31</v>
      </c>
      <c r="S27278">
        <v>31</v>
      </c>
      <c r="T27278">
        <v>31</v>
      </c>
      <c r="U27278">
        <v>31</v>
      </c>
      <c r="V27278">
        <v>32</v>
      </c>
      <c r="W27278">
        <v>32</v>
      </c>
      <c r="X27278">
        <v>32</v>
      </c>
      <c r="Y27278">
        <v>32</v>
      </c>
      <c r="Z27278">
        <v>32</v>
      </c>
      <c r="AA27278">
        <v>32</v>
      </c>
      <c r="AB27278">
        <v>32</v>
      </c>
      <c r="AC27278">
        <v>32</v>
      </c>
      <c r="AD27278">
        <v>33</v>
      </c>
      <c r="AE27278">
        <v>33</v>
      </c>
      <c r="AF27278">
        <v>33</v>
      </c>
      <c r="AG27278">
        <v>33</v>
      </c>
      <c r="AH27278">
        <v>33</v>
      </c>
      <c r="AI27278">
        <v>33</v>
      </c>
      <c r="AJ27278">
        <v>33</v>
      </c>
      <c r="AK27278">
        <v>33</v>
      </c>
      <c r="AL27278">
        <v>33</v>
      </c>
      <c r="AM27278">
        <v>33</v>
      </c>
      <c r="AN27278">
        <v>33</v>
      </c>
      <c r="AO27278">
        <v>33</v>
      </c>
      <c r="AP27278">
        <v>33</v>
      </c>
      <c r="AQ27278">
        <v>33</v>
      </c>
    </row>
    <row r="27279" spans="1:43">
      <c r="A27279" t="s">
        <v>16881</v>
      </c>
      <c r="B27279" t="s">
        <v>16882</v>
      </c>
      <c r="C27279" t="s">
        <v>16713</v>
      </c>
      <c r="D27279" t="s">
        <v>16714</v>
      </c>
      <c r="E27279" t="s">
        <v>16695</v>
      </c>
      <c r="F27279" t="s">
        <v>16696</v>
      </c>
      <c r="G27279" t="s">
        <v>16559</v>
      </c>
      <c r="H27279" t="s">
        <v>16560</v>
      </c>
      <c r="I27279" s="2">
        <v>1</v>
      </c>
      <c r="J27279" s="2">
        <v>0</v>
      </c>
      <c r="K27279" s="2">
        <v>0</v>
      </c>
      <c r="L27279" t="s">
        <v>120</v>
      </c>
      <c r="M27279" t="s">
        <v>87</v>
      </c>
      <c r="N27279" t="s">
        <v>88</v>
      </c>
      <c r="O27279" t="s">
        <v>85</v>
      </c>
      <c r="P27279" t="s">
        <v>86</v>
      </c>
      <c r="Q27279">
        <v>31</v>
      </c>
      <c r="R27279">
        <v>31</v>
      </c>
      <c r="S27279">
        <v>31</v>
      </c>
      <c r="T27279">
        <v>31</v>
      </c>
      <c r="U27279">
        <v>31</v>
      </c>
      <c r="V27279">
        <v>31</v>
      </c>
      <c r="W27279">
        <v>31</v>
      </c>
      <c r="X27279">
        <v>31</v>
      </c>
      <c r="Y27279">
        <v>31</v>
      </c>
      <c r="Z27279">
        <v>30</v>
      </c>
      <c r="AA27279">
        <v>30</v>
      </c>
      <c r="AB27279">
        <v>30</v>
      </c>
      <c r="AC27279">
        <v>30</v>
      </c>
      <c r="AD27279">
        <v>30</v>
      </c>
      <c r="AE27279">
        <v>30</v>
      </c>
      <c r="AF27279">
        <v>30</v>
      </c>
      <c r="AG27279">
        <v>30</v>
      </c>
      <c r="AH27279">
        <v>30</v>
      </c>
      <c r="AI27279">
        <v>30</v>
      </c>
      <c r="AJ27279">
        <v>30</v>
      </c>
      <c r="AK27279">
        <v>30</v>
      </c>
      <c r="AL27279">
        <v>29</v>
      </c>
      <c r="AM27279">
        <v>29</v>
      </c>
      <c r="AN27279">
        <v>29</v>
      </c>
      <c r="AO27279">
        <v>29</v>
      </c>
      <c r="AP27279">
        <v>29</v>
      </c>
      <c r="AQ27279">
        <v>29</v>
      </c>
    </row>
    <row r="27280" spans="1:43">
      <c r="A27280" t="s">
        <v>16881</v>
      </c>
      <c r="B27280" t="s">
        <v>16882</v>
      </c>
      <c r="C27280" t="s">
        <v>16713</v>
      </c>
      <c r="D27280" t="s">
        <v>16714</v>
      </c>
      <c r="E27280" t="s">
        <v>16695</v>
      </c>
      <c r="F27280" t="s">
        <v>16696</v>
      </c>
      <c r="G27280" t="s">
        <v>16559</v>
      </c>
      <c r="H27280" t="s">
        <v>16560</v>
      </c>
      <c r="I27280" s="2">
        <v>1</v>
      </c>
      <c r="J27280" s="2">
        <v>0</v>
      </c>
      <c r="K27280" s="2">
        <v>0</v>
      </c>
      <c r="L27280" t="s">
        <v>120</v>
      </c>
      <c r="M27280" t="s">
        <v>89</v>
      </c>
      <c r="N27280" t="s">
        <v>90</v>
      </c>
      <c r="O27280" t="s">
        <v>85</v>
      </c>
      <c r="P27280" t="s">
        <v>86</v>
      </c>
      <c r="Q27280">
        <v>31</v>
      </c>
      <c r="R27280">
        <v>31</v>
      </c>
      <c r="S27280">
        <v>32</v>
      </c>
      <c r="T27280">
        <v>32</v>
      </c>
      <c r="U27280">
        <v>33</v>
      </c>
      <c r="V27280">
        <v>33</v>
      </c>
      <c r="W27280">
        <v>33</v>
      </c>
      <c r="X27280">
        <v>34</v>
      </c>
      <c r="Y27280">
        <v>34</v>
      </c>
      <c r="Z27280">
        <v>34</v>
      </c>
      <c r="AA27280">
        <v>34</v>
      </c>
      <c r="AB27280">
        <v>35</v>
      </c>
      <c r="AC27280">
        <v>35</v>
      </c>
      <c r="AD27280">
        <v>35</v>
      </c>
      <c r="AE27280">
        <v>35</v>
      </c>
      <c r="AF27280">
        <v>35</v>
      </c>
      <c r="AG27280">
        <v>35</v>
      </c>
      <c r="AH27280">
        <v>34</v>
      </c>
      <c r="AI27280">
        <v>34</v>
      </c>
      <c r="AJ27280">
        <v>34</v>
      </c>
      <c r="AK27280">
        <v>34</v>
      </c>
      <c r="AL27280">
        <v>34</v>
      </c>
      <c r="AM27280">
        <v>34</v>
      </c>
      <c r="AN27280">
        <v>33</v>
      </c>
      <c r="AO27280">
        <v>33</v>
      </c>
      <c r="AP27280">
        <v>33</v>
      </c>
      <c r="AQ27280">
        <v>33</v>
      </c>
    </row>
    <row r="27281" spans="1:43">
      <c r="A27281" t="s">
        <v>16881</v>
      </c>
      <c r="B27281" t="s">
        <v>16882</v>
      </c>
      <c r="C27281" t="s">
        <v>16713</v>
      </c>
      <c r="D27281" t="s">
        <v>16714</v>
      </c>
      <c r="E27281" t="s">
        <v>16695</v>
      </c>
      <c r="F27281" t="s">
        <v>16696</v>
      </c>
      <c r="G27281" t="s">
        <v>16559</v>
      </c>
      <c r="H27281" t="s">
        <v>16560</v>
      </c>
      <c r="I27281" s="2">
        <v>1</v>
      </c>
      <c r="J27281" s="2">
        <v>0</v>
      </c>
      <c r="K27281" s="2">
        <v>0</v>
      </c>
      <c r="L27281" t="s">
        <v>120</v>
      </c>
      <c r="M27281" t="s">
        <v>83</v>
      </c>
      <c r="N27281" t="s">
        <v>91</v>
      </c>
      <c r="O27281" t="s">
        <v>85</v>
      </c>
      <c r="P27281" t="s">
        <v>86</v>
      </c>
      <c r="Q27281">
        <v>31</v>
      </c>
      <c r="R27281">
        <v>31</v>
      </c>
      <c r="S27281">
        <v>31</v>
      </c>
      <c r="T27281">
        <v>31</v>
      </c>
      <c r="U27281">
        <v>31</v>
      </c>
      <c r="V27281">
        <v>32</v>
      </c>
      <c r="W27281">
        <v>32</v>
      </c>
      <c r="X27281">
        <v>32</v>
      </c>
      <c r="Y27281">
        <v>32</v>
      </c>
      <c r="Z27281">
        <v>32</v>
      </c>
      <c r="AA27281">
        <v>32</v>
      </c>
      <c r="AB27281">
        <v>32</v>
      </c>
      <c r="AC27281">
        <v>32</v>
      </c>
      <c r="AD27281">
        <v>33</v>
      </c>
      <c r="AE27281">
        <v>33</v>
      </c>
      <c r="AF27281">
        <v>33</v>
      </c>
      <c r="AG27281">
        <v>33</v>
      </c>
      <c r="AH27281">
        <v>33</v>
      </c>
      <c r="AI27281">
        <v>33</v>
      </c>
      <c r="AJ27281">
        <v>33</v>
      </c>
      <c r="AK27281">
        <v>33</v>
      </c>
      <c r="AL27281">
        <v>33</v>
      </c>
      <c r="AM27281">
        <v>33</v>
      </c>
      <c r="AN27281">
        <v>33</v>
      </c>
      <c r="AO27281">
        <v>33</v>
      </c>
      <c r="AP27281">
        <v>33</v>
      </c>
      <c r="AQ27281">
        <v>33</v>
      </c>
    </row>
    <row r="27282" spans="1:43">
      <c r="A27282" t="s">
        <v>16883</v>
      </c>
      <c r="B27282" t="s">
        <v>16884</v>
      </c>
      <c r="C27282" t="s">
        <v>16885</v>
      </c>
      <c r="D27282" t="s">
        <v>16886</v>
      </c>
      <c r="E27282" t="s">
        <v>16695</v>
      </c>
      <c r="F27282" t="s">
        <v>16696</v>
      </c>
      <c r="G27282" t="s">
        <v>16559</v>
      </c>
      <c r="H27282" t="s">
        <v>16560</v>
      </c>
      <c r="I27282" s="2">
        <v>1</v>
      </c>
      <c r="J27282" s="2">
        <v>0</v>
      </c>
      <c r="K27282" s="2">
        <v>0</v>
      </c>
      <c r="L27282" t="s">
        <v>120</v>
      </c>
      <c r="M27282" t="s">
        <v>83</v>
      </c>
      <c r="N27282" t="s">
        <v>84</v>
      </c>
      <c r="O27282" t="s">
        <v>85</v>
      </c>
      <c r="P27282" t="s">
        <v>86</v>
      </c>
      <c r="Q27282">
        <v>15</v>
      </c>
      <c r="R27282">
        <v>15</v>
      </c>
      <c r="S27282">
        <v>15</v>
      </c>
      <c r="T27282">
        <v>15</v>
      </c>
      <c r="U27282">
        <v>15</v>
      </c>
      <c r="V27282">
        <v>15</v>
      </c>
      <c r="W27282">
        <v>15</v>
      </c>
      <c r="X27282">
        <v>16</v>
      </c>
      <c r="Y27282">
        <v>16</v>
      </c>
      <c r="Z27282">
        <v>16</v>
      </c>
      <c r="AA27282">
        <v>16</v>
      </c>
      <c r="AB27282">
        <v>16</v>
      </c>
      <c r="AC27282">
        <v>16</v>
      </c>
      <c r="AD27282">
        <v>16</v>
      </c>
      <c r="AE27282">
        <v>16</v>
      </c>
      <c r="AF27282">
        <v>16</v>
      </c>
      <c r="AG27282">
        <v>16</v>
      </c>
      <c r="AH27282">
        <v>16</v>
      </c>
      <c r="AI27282">
        <v>16</v>
      </c>
      <c r="AJ27282">
        <v>16</v>
      </c>
      <c r="AK27282">
        <v>16</v>
      </c>
      <c r="AL27282">
        <v>16</v>
      </c>
      <c r="AM27282">
        <v>16</v>
      </c>
      <c r="AN27282">
        <v>16</v>
      </c>
      <c r="AO27282">
        <v>16</v>
      </c>
      <c r="AP27282">
        <v>16</v>
      </c>
      <c r="AQ27282">
        <v>16</v>
      </c>
    </row>
    <row r="27283" spans="1:43">
      <c r="A27283" t="s">
        <v>16883</v>
      </c>
      <c r="B27283" t="s">
        <v>16884</v>
      </c>
      <c r="C27283" t="s">
        <v>16885</v>
      </c>
      <c r="D27283" t="s">
        <v>16886</v>
      </c>
      <c r="E27283" t="s">
        <v>16695</v>
      </c>
      <c r="F27283" t="s">
        <v>16696</v>
      </c>
      <c r="G27283" t="s">
        <v>16559</v>
      </c>
      <c r="H27283" t="s">
        <v>16560</v>
      </c>
      <c r="I27283" s="2">
        <v>1</v>
      </c>
      <c r="J27283" s="2">
        <v>0</v>
      </c>
      <c r="K27283" s="2">
        <v>0</v>
      </c>
      <c r="L27283" t="s">
        <v>120</v>
      </c>
      <c r="M27283" t="s">
        <v>87</v>
      </c>
      <c r="N27283" t="s">
        <v>88</v>
      </c>
      <c r="O27283" t="s">
        <v>85</v>
      </c>
      <c r="P27283" t="s">
        <v>86</v>
      </c>
      <c r="Q27283">
        <v>15</v>
      </c>
      <c r="R27283">
        <v>15</v>
      </c>
      <c r="S27283">
        <v>15</v>
      </c>
      <c r="T27283">
        <v>15</v>
      </c>
      <c r="U27283">
        <v>15</v>
      </c>
      <c r="V27283">
        <v>15</v>
      </c>
      <c r="W27283">
        <v>15</v>
      </c>
      <c r="X27283">
        <v>14</v>
      </c>
      <c r="Y27283">
        <v>14</v>
      </c>
      <c r="Z27283">
        <v>14</v>
      </c>
      <c r="AA27283">
        <v>14</v>
      </c>
      <c r="AB27283">
        <v>14</v>
      </c>
      <c r="AC27283">
        <v>14</v>
      </c>
      <c r="AD27283">
        <v>14</v>
      </c>
      <c r="AE27283">
        <v>14</v>
      </c>
      <c r="AF27283">
        <v>14</v>
      </c>
      <c r="AG27283">
        <v>14</v>
      </c>
      <c r="AH27283">
        <v>14</v>
      </c>
      <c r="AI27283">
        <v>14</v>
      </c>
      <c r="AJ27283">
        <v>14</v>
      </c>
      <c r="AK27283">
        <v>14</v>
      </c>
      <c r="AL27283">
        <v>14</v>
      </c>
      <c r="AM27283">
        <v>14</v>
      </c>
      <c r="AN27283">
        <v>14</v>
      </c>
      <c r="AO27283">
        <v>14</v>
      </c>
      <c r="AP27283">
        <v>14</v>
      </c>
      <c r="AQ27283">
        <v>14</v>
      </c>
    </row>
    <row r="27284" spans="1:43">
      <c r="A27284" t="s">
        <v>16883</v>
      </c>
      <c r="B27284" t="s">
        <v>16884</v>
      </c>
      <c r="C27284" t="s">
        <v>16885</v>
      </c>
      <c r="D27284" t="s">
        <v>16886</v>
      </c>
      <c r="E27284" t="s">
        <v>16695</v>
      </c>
      <c r="F27284" t="s">
        <v>16696</v>
      </c>
      <c r="G27284" t="s">
        <v>16559</v>
      </c>
      <c r="H27284" t="s">
        <v>16560</v>
      </c>
      <c r="I27284" s="2">
        <v>1</v>
      </c>
      <c r="J27284" s="2">
        <v>0</v>
      </c>
      <c r="K27284" s="2">
        <v>0</v>
      </c>
      <c r="L27284" t="s">
        <v>120</v>
      </c>
      <c r="M27284" t="s">
        <v>89</v>
      </c>
      <c r="N27284" t="s">
        <v>90</v>
      </c>
      <c r="O27284" t="s">
        <v>85</v>
      </c>
      <c r="P27284" t="s">
        <v>86</v>
      </c>
      <c r="Q27284">
        <v>15</v>
      </c>
      <c r="R27284">
        <v>15</v>
      </c>
      <c r="S27284">
        <v>16</v>
      </c>
      <c r="T27284">
        <v>16</v>
      </c>
      <c r="U27284">
        <v>16</v>
      </c>
      <c r="V27284">
        <v>16</v>
      </c>
      <c r="W27284">
        <v>16</v>
      </c>
      <c r="X27284">
        <v>16</v>
      </c>
      <c r="Y27284">
        <v>16</v>
      </c>
      <c r="Z27284">
        <v>17</v>
      </c>
      <c r="AA27284">
        <v>17</v>
      </c>
      <c r="AB27284">
        <v>17</v>
      </c>
      <c r="AC27284">
        <v>17</v>
      </c>
      <c r="AD27284">
        <v>17</v>
      </c>
      <c r="AE27284">
        <v>17</v>
      </c>
      <c r="AF27284">
        <v>17</v>
      </c>
      <c r="AG27284">
        <v>17</v>
      </c>
      <c r="AH27284">
        <v>17</v>
      </c>
      <c r="AI27284">
        <v>17</v>
      </c>
      <c r="AJ27284">
        <v>17</v>
      </c>
      <c r="AK27284">
        <v>17</v>
      </c>
      <c r="AL27284">
        <v>16</v>
      </c>
      <c r="AM27284">
        <v>16</v>
      </c>
      <c r="AN27284">
        <v>16</v>
      </c>
      <c r="AO27284">
        <v>16</v>
      </c>
      <c r="AP27284">
        <v>16</v>
      </c>
      <c r="AQ27284">
        <v>16</v>
      </c>
    </row>
    <row r="27285" spans="1:43">
      <c r="A27285" t="s">
        <v>16883</v>
      </c>
      <c r="B27285" t="s">
        <v>16884</v>
      </c>
      <c r="C27285" t="s">
        <v>16885</v>
      </c>
      <c r="D27285" t="s">
        <v>16886</v>
      </c>
      <c r="E27285" t="s">
        <v>16695</v>
      </c>
      <c r="F27285" t="s">
        <v>16696</v>
      </c>
      <c r="G27285" t="s">
        <v>16559</v>
      </c>
      <c r="H27285" t="s">
        <v>16560</v>
      </c>
      <c r="I27285" s="2">
        <v>1</v>
      </c>
      <c r="J27285" s="2">
        <v>0</v>
      </c>
      <c r="K27285" s="2">
        <v>0</v>
      </c>
      <c r="L27285" t="s">
        <v>120</v>
      </c>
      <c r="M27285" t="s">
        <v>83</v>
      </c>
      <c r="N27285" t="s">
        <v>91</v>
      </c>
      <c r="O27285" t="s">
        <v>85</v>
      </c>
      <c r="P27285" t="s">
        <v>86</v>
      </c>
      <c r="Q27285">
        <v>15</v>
      </c>
      <c r="R27285">
        <v>15</v>
      </c>
      <c r="S27285">
        <v>15</v>
      </c>
      <c r="T27285">
        <v>15</v>
      </c>
      <c r="U27285">
        <v>15</v>
      </c>
      <c r="V27285">
        <v>15</v>
      </c>
      <c r="W27285">
        <v>15</v>
      </c>
      <c r="X27285">
        <v>16</v>
      </c>
      <c r="Y27285">
        <v>16</v>
      </c>
      <c r="Z27285">
        <v>16</v>
      </c>
      <c r="AA27285">
        <v>16</v>
      </c>
      <c r="AB27285">
        <v>16</v>
      </c>
      <c r="AC27285">
        <v>16</v>
      </c>
      <c r="AD27285">
        <v>16</v>
      </c>
      <c r="AE27285">
        <v>16</v>
      </c>
      <c r="AF27285">
        <v>16</v>
      </c>
      <c r="AG27285">
        <v>16</v>
      </c>
      <c r="AH27285">
        <v>16</v>
      </c>
      <c r="AI27285">
        <v>16</v>
      </c>
      <c r="AJ27285">
        <v>16</v>
      </c>
      <c r="AK27285">
        <v>16</v>
      </c>
      <c r="AL27285">
        <v>16</v>
      </c>
      <c r="AM27285">
        <v>16</v>
      </c>
      <c r="AN27285">
        <v>16</v>
      </c>
      <c r="AO27285">
        <v>16</v>
      </c>
      <c r="AP27285">
        <v>16</v>
      </c>
      <c r="AQ27285">
        <v>16</v>
      </c>
    </row>
    <row r="27286" spans="1:43">
      <c r="A27286" t="s">
        <v>16887</v>
      </c>
      <c r="B27286" t="s">
        <v>16888</v>
      </c>
      <c r="C27286" t="s">
        <v>16885</v>
      </c>
      <c r="D27286" t="s">
        <v>16886</v>
      </c>
      <c r="E27286" t="s">
        <v>16695</v>
      </c>
      <c r="F27286" t="s">
        <v>16696</v>
      </c>
      <c r="G27286" t="s">
        <v>16559</v>
      </c>
      <c r="H27286" t="s">
        <v>16560</v>
      </c>
      <c r="I27286" s="2">
        <v>1</v>
      </c>
      <c r="J27286" s="2">
        <v>0</v>
      </c>
      <c r="K27286" s="2">
        <v>0</v>
      </c>
      <c r="L27286" t="s">
        <v>120</v>
      </c>
      <c r="M27286" t="s">
        <v>83</v>
      </c>
      <c r="N27286" t="s">
        <v>84</v>
      </c>
      <c r="O27286" t="s">
        <v>85</v>
      </c>
      <c r="P27286" t="s">
        <v>86</v>
      </c>
      <c r="Q27286">
        <v>29</v>
      </c>
      <c r="R27286">
        <v>30</v>
      </c>
      <c r="S27286">
        <v>30</v>
      </c>
      <c r="T27286">
        <v>30</v>
      </c>
      <c r="U27286">
        <v>30</v>
      </c>
      <c r="V27286">
        <v>30</v>
      </c>
      <c r="W27286">
        <v>30</v>
      </c>
      <c r="X27286">
        <v>31</v>
      </c>
      <c r="Y27286">
        <v>31</v>
      </c>
      <c r="Z27286">
        <v>31</v>
      </c>
      <c r="AA27286">
        <v>31</v>
      </c>
      <c r="AB27286">
        <v>31</v>
      </c>
      <c r="AC27286">
        <v>31</v>
      </c>
      <c r="AD27286">
        <v>31</v>
      </c>
      <c r="AE27286">
        <v>31</v>
      </c>
      <c r="AF27286">
        <v>32</v>
      </c>
      <c r="AG27286">
        <v>32</v>
      </c>
      <c r="AH27286">
        <v>32</v>
      </c>
      <c r="AI27286">
        <v>32</v>
      </c>
      <c r="AJ27286">
        <v>32</v>
      </c>
      <c r="AK27286">
        <v>32</v>
      </c>
      <c r="AL27286">
        <v>32</v>
      </c>
      <c r="AM27286">
        <v>32</v>
      </c>
      <c r="AN27286">
        <v>32</v>
      </c>
      <c r="AO27286">
        <v>32</v>
      </c>
      <c r="AP27286">
        <v>32</v>
      </c>
      <c r="AQ27286">
        <v>31</v>
      </c>
    </row>
    <row r="27287" spans="1:43">
      <c r="A27287" t="s">
        <v>16887</v>
      </c>
      <c r="B27287" t="s">
        <v>16888</v>
      </c>
      <c r="C27287" t="s">
        <v>16885</v>
      </c>
      <c r="D27287" t="s">
        <v>16886</v>
      </c>
      <c r="E27287" t="s">
        <v>16695</v>
      </c>
      <c r="F27287" t="s">
        <v>16696</v>
      </c>
      <c r="G27287" t="s">
        <v>16559</v>
      </c>
      <c r="H27287" t="s">
        <v>16560</v>
      </c>
      <c r="I27287" s="2">
        <v>1</v>
      </c>
      <c r="J27287" s="2">
        <v>0</v>
      </c>
      <c r="K27287" s="2">
        <v>0</v>
      </c>
      <c r="L27287" t="s">
        <v>120</v>
      </c>
      <c r="M27287" t="s">
        <v>87</v>
      </c>
      <c r="N27287" t="s">
        <v>88</v>
      </c>
      <c r="O27287" t="s">
        <v>85</v>
      </c>
      <c r="P27287" t="s">
        <v>86</v>
      </c>
      <c r="Q27287">
        <v>29</v>
      </c>
      <c r="R27287">
        <v>29</v>
      </c>
      <c r="S27287">
        <v>29</v>
      </c>
      <c r="T27287">
        <v>29</v>
      </c>
      <c r="U27287">
        <v>29</v>
      </c>
      <c r="V27287">
        <v>29</v>
      </c>
      <c r="W27287">
        <v>29</v>
      </c>
      <c r="X27287">
        <v>29</v>
      </c>
      <c r="Y27287">
        <v>28</v>
      </c>
      <c r="Z27287">
        <v>28</v>
      </c>
      <c r="AA27287">
        <v>28</v>
      </c>
      <c r="AB27287">
        <v>28</v>
      </c>
      <c r="AC27287">
        <v>28</v>
      </c>
      <c r="AD27287">
        <v>28</v>
      </c>
      <c r="AE27287">
        <v>28</v>
      </c>
      <c r="AF27287">
        <v>28</v>
      </c>
      <c r="AG27287">
        <v>28</v>
      </c>
      <c r="AH27287">
        <v>28</v>
      </c>
      <c r="AI27287">
        <v>28</v>
      </c>
      <c r="AJ27287">
        <v>28</v>
      </c>
      <c r="AK27287">
        <v>28</v>
      </c>
      <c r="AL27287">
        <v>27</v>
      </c>
      <c r="AM27287">
        <v>27</v>
      </c>
      <c r="AN27287">
        <v>27</v>
      </c>
      <c r="AO27287">
        <v>27</v>
      </c>
      <c r="AP27287">
        <v>27</v>
      </c>
      <c r="AQ27287">
        <v>27</v>
      </c>
    </row>
    <row r="27288" spans="1:43">
      <c r="A27288" t="s">
        <v>16887</v>
      </c>
      <c r="B27288" t="s">
        <v>16888</v>
      </c>
      <c r="C27288" t="s">
        <v>16885</v>
      </c>
      <c r="D27288" t="s">
        <v>16886</v>
      </c>
      <c r="E27288" t="s">
        <v>16695</v>
      </c>
      <c r="F27288" t="s">
        <v>16696</v>
      </c>
      <c r="G27288" t="s">
        <v>16559</v>
      </c>
      <c r="H27288" t="s">
        <v>16560</v>
      </c>
      <c r="I27288" s="2">
        <v>1</v>
      </c>
      <c r="J27288" s="2">
        <v>0</v>
      </c>
      <c r="K27288" s="2">
        <v>0</v>
      </c>
      <c r="L27288" t="s">
        <v>120</v>
      </c>
      <c r="M27288" t="s">
        <v>89</v>
      </c>
      <c r="N27288" t="s">
        <v>90</v>
      </c>
      <c r="O27288" t="s">
        <v>85</v>
      </c>
      <c r="P27288" t="s">
        <v>86</v>
      </c>
      <c r="Q27288">
        <v>29</v>
      </c>
      <c r="R27288">
        <v>29</v>
      </c>
      <c r="S27288">
        <v>30</v>
      </c>
      <c r="T27288">
        <v>30</v>
      </c>
      <c r="U27288">
        <v>30</v>
      </c>
      <c r="V27288">
        <v>31</v>
      </c>
      <c r="W27288">
        <v>31</v>
      </c>
      <c r="X27288">
        <v>31</v>
      </c>
      <c r="Y27288">
        <v>31</v>
      </c>
      <c r="Z27288">
        <v>32</v>
      </c>
      <c r="AA27288">
        <v>32</v>
      </c>
      <c r="AB27288">
        <v>32</v>
      </c>
      <c r="AC27288">
        <v>32</v>
      </c>
      <c r="AD27288">
        <v>33</v>
      </c>
      <c r="AE27288">
        <v>33</v>
      </c>
      <c r="AF27288">
        <v>33</v>
      </c>
      <c r="AG27288">
        <v>32</v>
      </c>
      <c r="AH27288">
        <v>32</v>
      </c>
      <c r="AI27288">
        <v>32</v>
      </c>
      <c r="AJ27288">
        <v>32</v>
      </c>
      <c r="AK27288">
        <v>32</v>
      </c>
      <c r="AL27288">
        <v>32</v>
      </c>
      <c r="AM27288">
        <v>31</v>
      </c>
      <c r="AN27288">
        <v>31</v>
      </c>
      <c r="AO27288">
        <v>31</v>
      </c>
      <c r="AP27288">
        <v>31</v>
      </c>
      <c r="AQ27288">
        <v>31</v>
      </c>
    </row>
    <row r="27289" spans="1:43">
      <c r="A27289" t="s">
        <v>16887</v>
      </c>
      <c r="B27289" t="s">
        <v>16888</v>
      </c>
      <c r="C27289" t="s">
        <v>16885</v>
      </c>
      <c r="D27289" t="s">
        <v>16886</v>
      </c>
      <c r="E27289" t="s">
        <v>16695</v>
      </c>
      <c r="F27289" t="s">
        <v>16696</v>
      </c>
      <c r="G27289" t="s">
        <v>16559</v>
      </c>
      <c r="H27289" t="s">
        <v>16560</v>
      </c>
      <c r="I27289" s="2">
        <v>1</v>
      </c>
      <c r="J27289" s="2">
        <v>0</v>
      </c>
      <c r="K27289" s="2">
        <v>0</v>
      </c>
      <c r="L27289" t="s">
        <v>120</v>
      </c>
      <c r="M27289" t="s">
        <v>83</v>
      </c>
      <c r="N27289" t="s">
        <v>91</v>
      </c>
      <c r="O27289" t="s">
        <v>85</v>
      </c>
      <c r="P27289" t="s">
        <v>86</v>
      </c>
      <c r="Q27289">
        <v>29</v>
      </c>
      <c r="R27289">
        <v>30</v>
      </c>
      <c r="S27289">
        <v>30</v>
      </c>
      <c r="T27289">
        <v>30</v>
      </c>
      <c r="U27289">
        <v>30</v>
      </c>
      <c r="V27289">
        <v>30</v>
      </c>
      <c r="W27289">
        <v>30</v>
      </c>
      <c r="X27289">
        <v>31</v>
      </c>
      <c r="Y27289">
        <v>31</v>
      </c>
      <c r="Z27289">
        <v>31</v>
      </c>
      <c r="AA27289">
        <v>31</v>
      </c>
      <c r="AB27289">
        <v>31</v>
      </c>
      <c r="AC27289">
        <v>31</v>
      </c>
      <c r="AD27289">
        <v>31</v>
      </c>
      <c r="AE27289">
        <v>31</v>
      </c>
      <c r="AF27289">
        <v>32</v>
      </c>
      <c r="AG27289">
        <v>32</v>
      </c>
      <c r="AH27289">
        <v>32</v>
      </c>
      <c r="AI27289">
        <v>32</v>
      </c>
      <c r="AJ27289">
        <v>32</v>
      </c>
      <c r="AK27289">
        <v>32</v>
      </c>
      <c r="AL27289">
        <v>32</v>
      </c>
      <c r="AM27289">
        <v>32</v>
      </c>
      <c r="AN27289">
        <v>32</v>
      </c>
      <c r="AO27289">
        <v>32</v>
      </c>
      <c r="AP27289">
        <v>32</v>
      </c>
      <c r="AQ27289">
        <v>31</v>
      </c>
    </row>
    <row r="27290" spans="1:43">
      <c r="A27290" t="s">
        <v>16889</v>
      </c>
      <c r="B27290" t="s">
        <v>16890</v>
      </c>
      <c r="C27290" t="s">
        <v>16885</v>
      </c>
      <c r="D27290" t="s">
        <v>16886</v>
      </c>
      <c r="E27290" t="s">
        <v>16695</v>
      </c>
      <c r="F27290" t="s">
        <v>16696</v>
      </c>
      <c r="G27290" t="s">
        <v>16559</v>
      </c>
      <c r="H27290" t="s">
        <v>16560</v>
      </c>
      <c r="I27290" s="2">
        <v>1</v>
      </c>
      <c r="J27290" s="2">
        <v>0</v>
      </c>
      <c r="K27290" s="2">
        <v>0</v>
      </c>
      <c r="L27290" t="s">
        <v>120</v>
      </c>
      <c r="M27290" t="s">
        <v>83</v>
      </c>
      <c r="N27290" t="s">
        <v>84</v>
      </c>
      <c r="O27290" t="s">
        <v>85</v>
      </c>
      <c r="P27290" t="s">
        <v>86</v>
      </c>
      <c r="Q27290">
        <v>10</v>
      </c>
      <c r="R27290">
        <v>10</v>
      </c>
      <c r="S27290">
        <v>10</v>
      </c>
      <c r="T27290">
        <v>10</v>
      </c>
      <c r="U27290">
        <v>10</v>
      </c>
      <c r="V27290">
        <v>10</v>
      </c>
      <c r="W27290">
        <v>10</v>
      </c>
      <c r="X27290">
        <v>10</v>
      </c>
      <c r="Y27290">
        <v>10</v>
      </c>
      <c r="Z27290">
        <v>10</v>
      </c>
      <c r="AA27290">
        <v>10</v>
      </c>
      <c r="AB27290">
        <v>10</v>
      </c>
      <c r="AC27290">
        <v>10</v>
      </c>
      <c r="AD27290">
        <v>10</v>
      </c>
      <c r="AE27290">
        <v>10</v>
      </c>
      <c r="AF27290">
        <v>11</v>
      </c>
      <c r="AG27290">
        <v>11</v>
      </c>
      <c r="AH27290">
        <v>11</v>
      </c>
      <c r="AI27290">
        <v>11</v>
      </c>
      <c r="AJ27290">
        <v>11</v>
      </c>
      <c r="AK27290">
        <v>11</v>
      </c>
      <c r="AL27290">
        <v>11</v>
      </c>
      <c r="AM27290">
        <v>11</v>
      </c>
      <c r="AN27290">
        <v>11</v>
      </c>
      <c r="AO27290">
        <v>11</v>
      </c>
      <c r="AP27290">
        <v>11</v>
      </c>
      <c r="AQ27290">
        <v>10</v>
      </c>
    </row>
    <row r="27291" spans="1:43">
      <c r="A27291" t="s">
        <v>16889</v>
      </c>
      <c r="B27291" t="s">
        <v>16890</v>
      </c>
      <c r="C27291" t="s">
        <v>16885</v>
      </c>
      <c r="D27291" t="s">
        <v>16886</v>
      </c>
      <c r="E27291" t="s">
        <v>16695</v>
      </c>
      <c r="F27291" t="s">
        <v>16696</v>
      </c>
      <c r="G27291" t="s">
        <v>16559</v>
      </c>
      <c r="H27291" t="s">
        <v>16560</v>
      </c>
      <c r="I27291" s="2">
        <v>1</v>
      </c>
      <c r="J27291" s="2">
        <v>0</v>
      </c>
      <c r="K27291" s="2">
        <v>0</v>
      </c>
      <c r="L27291" t="s">
        <v>120</v>
      </c>
      <c r="M27291" t="s">
        <v>87</v>
      </c>
      <c r="N27291" t="s">
        <v>88</v>
      </c>
      <c r="O27291" t="s">
        <v>85</v>
      </c>
      <c r="P27291" t="s">
        <v>86</v>
      </c>
      <c r="Q27291">
        <v>10</v>
      </c>
      <c r="R27291">
        <v>10</v>
      </c>
      <c r="S27291">
        <v>10</v>
      </c>
      <c r="T27291">
        <v>10</v>
      </c>
      <c r="U27291">
        <v>10</v>
      </c>
      <c r="V27291">
        <v>10</v>
      </c>
      <c r="W27291">
        <v>10</v>
      </c>
      <c r="X27291">
        <v>9</v>
      </c>
      <c r="Y27291">
        <v>9</v>
      </c>
      <c r="Z27291">
        <v>9</v>
      </c>
      <c r="AA27291">
        <v>9</v>
      </c>
      <c r="AB27291">
        <v>9</v>
      </c>
      <c r="AC27291">
        <v>9</v>
      </c>
      <c r="AD27291">
        <v>9</v>
      </c>
      <c r="AE27291">
        <v>9</v>
      </c>
      <c r="AF27291">
        <v>9</v>
      </c>
      <c r="AG27291">
        <v>9</v>
      </c>
      <c r="AH27291">
        <v>9</v>
      </c>
      <c r="AI27291">
        <v>9</v>
      </c>
      <c r="AJ27291">
        <v>9</v>
      </c>
      <c r="AK27291">
        <v>9</v>
      </c>
      <c r="AL27291">
        <v>9</v>
      </c>
      <c r="AM27291">
        <v>9</v>
      </c>
      <c r="AN27291">
        <v>9</v>
      </c>
      <c r="AO27291">
        <v>9</v>
      </c>
      <c r="AP27291">
        <v>9</v>
      </c>
      <c r="AQ27291">
        <v>9</v>
      </c>
    </row>
    <row r="27292" spans="1:43">
      <c r="A27292" t="s">
        <v>16889</v>
      </c>
      <c r="B27292" t="s">
        <v>16890</v>
      </c>
      <c r="C27292" t="s">
        <v>16885</v>
      </c>
      <c r="D27292" t="s">
        <v>16886</v>
      </c>
      <c r="E27292" t="s">
        <v>16695</v>
      </c>
      <c r="F27292" t="s">
        <v>16696</v>
      </c>
      <c r="G27292" t="s">
        <v>16559</v>
      </c>
      <c r="H27292" t="s">
        <v>16560</v>
      </c>
      <c r="I27292" s="2">
        <v>1</v>
      </c>
      <c r="J27292" s="2">
        <v>0</v>
      </c>
      <c r="K27292" s="2">
        <v>0</v>
      </c>
      <c r="L27292" t="s">
        <v>120</v>
      </c>
      <c r="M27292" t="s">
        <v>89</v>
      </c>
      <c r="N27292" t="s">
        <v>90</v>
      </c>
      <c r="O27292" t="s">
        <v>85</v>
      </c>
      <c r="P27292" t="s">
        <v>86</v>
      </c>
      <c r="Q27292">
        <v>10</v>
      </c>
      <c r="R27292">
        <v>10</v>
      </c>
      <c r="S27292">
        <v>10</v>
      </c>
      <c r="T27292">
        <v>10</v>
      </c>
      <c r="U27292">
        <v>10</v>
      </c>
      <c r="V27292">
        <v>11</v>
      </c>
      <c r="W27292">
        <v>11</v>
      </c>
      <c r="X27292">
        <v>11</v>
      </c>
      <c r="Y27292">
        <v>11</v>
      </c>
      <c r="Z27292">
        <v>11</v>
      </c>
      <c r="AA27292">
        <v>11</v>
      </c>
      <c r="AB27292">
        <v>11</v>
      </c>
      <c r="AC27292">
        <v>11</v>
      </c>
      <c r="AD27292">
        <v>11</v>
      </c>
      <c r="AE27292">
        <v>11</v>
      </c>
      <c r="AF27292">
        <v>11</v>
      </c>
      <c r="AG27292">
        <v>11</v>
      </c>
      <c r="AH27292">
        <v>11</v>
      </c>
      <c r="AI27292">
        <v>11</v>
      </c>
      <c r="AJ27292">
        <v>11</v>
      </c>
      <c r="AK27292">
        <v>11</v>
      </c>
      <c r="AL27292">
        <v>11</v>
      </c>
      <c r="AM27292">
        <v>11</v>
      </c>
      <c r="AN27292">
        <v>11</v>
      </c>
      <c r="AO27292">
        <v>11</v>
      </c>
      <c r="AP27292">
        <v>11</v>
      </c>
      <c r="AQ27292">
        <v>11</v>
      </c>
    </row>
    <row r="27293" spans="1:43">
      <c r="A27293" t="s">
        <v>16889</v>
      </c>
      <c r="B27293" t="s">
        <v>16890</v>
      </c>
      <c r="C27293" t="s">
        <v>16885</v>
      </c>
      <c r="D27293" t="s">
        <v>16886</v>
      </c>
      <c r="E27293" t="s">
        <v>16695</v>
      </c>
      <c r="F27293" t="s">
        <v>16696</v>
      </c>
      <c r="G27293" t="s">
        <v>16559</v>
      </c>
      <c r="H27293" t="s">
        <v>16560</v>
      </c>
      <c r="I27293" s="2">
        <v>1</v>
      </c>
      <c r="J27293" s="2">
        <v>0</v>
      </c>
      <c r="K27293" s="2">
        <v>0</v>
      </c>
      <c r="L27293" t="s">
        <v>120</v>
      </c>
      <c r="M27293" t="s">
        <v>83</v>
      </c>
      <c r="N27293" t="s">
        <v>91</v>
      </c>
      <c r="O27293" t="s">
        <v>85</v>
      </c>
      <c r="P27293" t="s">
        <v>86</v>
      </c>
      <c r="Q27293">
        <v>10</v>
      </c>
      <c r="R27293">
        <v>10</v>
      </c>
      <c r="S27293">
        <v>10</v>
      </c>
      <c r="T27293">
        <v>10</v>
      </c>
      <c r="U27293">
        <v>10</v>
      </c>
      <c r="V27293">
        <v>10</v>
      </c>
      <c r="W27293">
        <v>10</v>
      </c>
      <c r="X27293">
        <v>10</v>
      </c>
      <c r="Y27293">
        <v>10</v>
      </c>
      <c r="Z27293">
        <v>10</v>
      </c>
      <c r="AA27293">
        <v>10</v>
      </c>
      <c r="AB27293">
        <v>10</v>
      </c>
      <c r="AC27293">
        <v>10</v>
      </c>
      <c r="AD27293">
        <v>10</v>
      </c>
      <c r="AE27293">
        <v>10</v>
      </c>
      <c r="AF27293">
        <v>11</v>
      </c>
      <c r="AG27293">
        <v>11</v>
      </c>
      <c r="AH27293">
        <v>11</v>
      </c>
      <c r="AI27293">
        <v>11</v>
      </c>
      <c r="AJ27293">
        <v>11</v>
      </c>
      <c r="AK27293">
        <v>11</v>
      </c>
      <c r="AL27293">
        <v>11</v>
      </c>
      <c r="AM27293">
        <v>11</v>
      </c>
      <c r="AN27293">
        <v>11</v>
      </c>
      <c r="AO27293">
        <v>11</v>
      </c>
      <c r="AP27293">
        <v>11</v>
      </c>
      <c r="AQ27293">
        <v>10</v>
      </c>
    </row>
    <row r="27294" spans="1:43">
      <c r="A27294" t="s">
        <v>16891</v>
      </c>
      <c r="B27294" t="s">
        <v>16892</v>
      </c>
      <c r="C27294" t="s">
        <v>16885</v>
      </c>
      <c r="D27294" t="s">
        <v>16886</v>
      </c>
      <c r="E27294" t="s">
        <v>16695</v>
      </c>
      <c r="F27294" t="s">
        <v>16696</v>
      </c>
      <c r="G27294" t="s">
        <v>16559</v>
      </c>
      <c r="H27294" t="s">
        <v>16560</v>
      </c>
      <c r="I27294" s="2">
        <v>1</v>
      </c>
      <c r="J27294" s="2">
        <v>0</v>
      </c>
      <c r="K27294" s="2">
        <v>0</v>
      </c>
      <c r="L27294" t="s">
        <v>120</v>
      </c>
      <c r="M27294" t="s">
        <v>83</v>
      </c>
      <c r="N27294" t="s">
        <v>84</v>
      </c>
      <c r="O27294" t="s">
        <v>85</v>
      </c>
      <c r="P27294" t="s">
        <v>86</v>
      </c>
      <c r="Q27294">
        <v>49</v>
      </c>
      <c r="R27294">
        <v>50</v>
      </c>
      <c r="S27294">
        <v>50</v>
      </c>
      <c r="T27294">
        <v>50</v>
      </c>
      <c r="U27294">
        <v>51</v>
      </c>
      <c r="V27294">
        <v>51</v>
      </c>
      <c r="W27294">
        <v>51</v>
      </c>
      <c r="X27294">
        <v>51</v>
      </c>
      <c r="Y27294">
        <v>52</v>
      </c>
      <c r="Z27294">
        <v>52</v>
      </c>
      <c r="AA27294">
        <v>52</v>
      </c>
      <c r="AB27294">
        <v>52</v>
      </c>
      <c r="AC27294">
        <v>52</v>
      </c>
      <c r="AD27294">
        <v>52</v>
      </c>
      <c r="AE27294">
        <v>53</v>
      </c>
      <c r="AF27294">
        <v>53</v>
      </c>
      <c r="AG27294">
        <v>53</v>
      </c>
      <c r="AH27294">
        <v>53</v>
      </c>
      <c r="AI27294">
        <v>53</v>
      </c>
      <c r="AJ27294">
        <v>54</v>
      </c>
      <c r="AK27294">
        <v>54</v>
      </c>
      <c r="AL27294">
        <v>54</v>
      </c>
      <c r="AM27294">
        <v>53</v>
      </c>
      <c r="AN27294">
        <v>53</v>
      </c>
      <c r="AO27294">
        <v>53</v>
      </c>
      <c r="AP27294">
        <v>53</v>
      </c>
      <c r="AQ27294">
        <v>52</v>
      </c>
    </row>
    <row r="27295" spans="1:43">
      <c r="A27295" t="s">
        <v>16891</v>
      </c>
      <c r="B27295" t="s">
        <v>16892</v>
      </c>
      <c r="C27295" t="s">
        <v>16885</v>
      </c>
      <c r="D27295" t="s">
        <v>16886</v>
      </c>
      <c r="E27295" t="s">
        <v>16695</v>
      </c>
      <c r="F27295" t="s">
        <v>16696</v>
      </c>
      <c r="G27295" t="s">
        <v>16559</v>
      </c>
      <c r="H27295" t="s">
        <v>16560</v>
      </c>
      <c r="I27295" s="2">
        <v>1</v>
      </c>
      <c r="J27295" s="2">
        <v>0</v>
      </c>
      <c r="K27295" s="2">
        <v>0</v>
      </c>
      <c r="L27295" t="s">
        <v>120</v>
      </c>
      <c r="M27295" t="s">
        <v>87</v>
      </c>
      <c r="N27295" t="s">
        <v>88</v>
      </c>
      <c r="O27295" t="s">
        <v>85</v>
      </c>
      <c r="P27295" t="s">
        <v>86</v>
      </c>
      <c r="Q27295">
        <v>49</v>
      </c>
      <c r="R27295">
        <v>49</v>
      </c>
      <c r="S27295">
        <v>49</v>
      </c>
      <c r="T27295">
        <v>49</v>
      </c>
      <c r="U27295">
        <v>48</v>
      </c>
      <c r="V27295">
        <v>48</v>
      </c>
      <c r="W27295">
        <v>48</v>
      </c>
      <c r="X27295">
        <v>48</v>
      </c>
      <c r="Y27295">
        <v>48</v>
      </c>
      <c r="Z27295">
        <v>48</v>
      </c>
      <c r="AA27295">
        <v>47</v>
      </c>
      <c r="AB27295">
        <v>47</v>
      </c>
      <c r="AC27295">
        <v>47</v>
      </c>
      <c r="AD27295">
        <v>47</v>
      </c>
      <c r="AE27295">
        <v>47</v>
      </c>
      <c r="AF27295">
        <v>47</v>
      </c>
      <c r="AG27295">
        <v>46</v>
      </c>
      <c r="AH27295">
        <v>46</v>
      </c>
      <c r="AI27295">
        <v>46</v>
      </c>
      <c r="AJ27295">
        <v>46</v>
      </c>
      <c r="AK27295">
        <v>46</v>
      </c>
      <c r="AL27295">
        <v>46</v>
      </c>
      <c r="AM27295">
        <v>46</v>
      </c>
      <c r="AN27295">
        <v>46</v>
      </c>
      <c r="AO27295">
        <v>46</v>
      </c>
      <c r="AP27295">
        <v>45</v>
      </c>
      <c r="AQ27295">
        <v>45</v>
      </c>
    </row>
    <row r="27296" spans="1:43">
      <c r="A27296" t="s">
        <v>16891</v>
      </c>
      <c r="B27296" t="s">
        <v>16892</v>
      </c>
      <c r="C27296" t="s">
        <v>16885</v>
      </c>
      <c r="D27296" t="s">
        <v>16886</v>
      </c>
      <c r="E27296" t="s">
        <v>16695</v>
      </c>
      <c r="F27296" t="s">
        <v>16696</v>
      </c>
      <c r="G27296" t="s">
        <v>16559</v>
      </c>
      <c r="H27296" t="s">
        <v>16560</v>
      </c>
      <c r="I27296" s="2">
        <v>1</v>
      </c>
      <c r="J27296" s="2">
        <v>0</v>
      </c>
      <c r="K27296" s="2">
        <v>0</v>
      </c>
      <c r="L27296" t="s">
        <v>120</v>
      </c>
      <c r="M27296" t="s">
        <v>89</v>
      </c>
      <c r="N27296" t="s">
        <v>90</v>
      </c>
      <c r="O27296" t="s">
        <v>85</v>
      </c>
      <c r="P27296" t="s">
        <v>86</v>
      </c>
      <c r="Q27296">
        <v>49</v>
      </c>
      <c r="R27296">
        <v>50</v>
      </c>
      <c r="S27296">
        <v>50</v>
      </c>
      <c r="T27296">
        <v>51</v>
      </c>
      <c r="U27296">
        <v>52</v>
      </c>
      <c r="V27296">
        <v>52</v>
      </c>
      <c r="W27296">
        <v>53</v>
      </c>
      <c r="X27296">
        <v>53</v>
      </c>
      <c r="Y27296">
        <v>54</v>
      </c>
      <c r="Z27296">
        <v>54</v>
      </c>
      <c r="AA27296">
        <v>54</v>
      </c>
      <c r="AB27296">
        <v>55</v>
      </c>
      <c r="AC27296">
        <v>55</v>
      </c>
      <c r="AD27296">
        <v>55</v>
      </c>
      <c r="AE27296">
        <v>55</v>
      </c>
      <c r="AF27296">
        <v>55</v>
      </c>
      <c r="AG27296">
        <v>55</v>
      </c>
      <c r="AH27296">
        <v>54</v>
      </c>
      <c r="AI27296">
        <v>54</v>
      </c>
      <c r="AJ27296">
        <v>54</v>
      </c>
      <c r="AK27296">
        <v>54</v>
      </c>
      <c r="AL27296">
        <v>53</v>
      </c>
      <c r="AM27296">
        <v>53</v>
      </c>
      <c r="AN27296">
        <v>53</v>
      </c>
      <c r="AO27296">
        <v>52</v>
      </c>
      <c r="AP27296">
        <v>52</v>
      </c>
      <c r="AQ27296">
        <v>52</v>
      </c>
    </row>
    <row r="27297" spans="1:43">
      <c r="A27297" t="s">
        <v>16891</v>
      </c>
      <c r="B27297" t="s">
        <v>16892</v>
      </c>
      <c r="C27297" t="s">
        <v>16885</v>
      </c>
      <c r="D27297" t="s">
        <v>16886</v>
      </c>
      <c r="E27297" t="s">
        <v>16695</v>
      </c>
      <c r="F27297" t="s">
        <v>16696</v>
      </c>
      <c r="G27297" t="s">
        <v>16559</v>
      </c>
      <c r="H27297" t="s">
        <v>16560</v>
      </c>
      <c r="I27297" s="2">
        <v>1</v>
      </c>
      <c r="J27297" s="2">
        <v>0</v>
      </c>
      <c r="K27297" s="2">
        <v>0</v>
      </c>
      <c r="L27297" t="s">
        <v>120</v>
      </c>
      <c r="M27297" t="s">
        <v>83</v>
      </c>
      <c r="N27297" t="s">
        <v>91</v>
      </c>
      <c r="O27297" t="s">
        <v>85</v>
      </c>
      <c r="P27297" t="s">
        <v>86</v>
      </c>
      <c r="Q27297">
        <v>49</v>
      </c>
      <c r="R27297">
        <v>50</v>
      </c>
      <c r="S27297">
        <v>50</v>
      </c>
      <c r="T27297">
        <v>50</v>
      </c>
      <c r="U27297">
        <v>51</v>
      </c>
      <c r="V27297">
        <v>51</v>
      </c>
      <c r="W27297">
        <v>51</v>
      </c>
      <c r="X27297">
        <v>51</v>
      </c>
      <c r="Y27297">
        <v>52</v>
      </c>
      <c r="Z27297">
        <v>52</v>
      </c>
      <c r="AA27297">
        <v>52</v>
      </c>
      <c r="AB27297">
        <v>52</v>
      </c>
      <c r="AC27297">
        <v>52</v>
      </c>
      <c r="AD27297">
        <v>52</v>
      </c>
      <c r="AE27297">
        <v>53</v>
      </c>
      <c r="AF27297">
        <v>53</v>
      </c>
      <c r="AG27297">
        <v>53</v>
      </c>
      <c r="AH27297">
        <v>53</v>
      </c>
      <c r="AI27297">
        <v>53</v>
      </c>
      <c r="AJ27297">
        <v>54</v>
      </c>
      <c r="AK27297">
        <v>54</v>
      </c>
      <c r="AL27297">
        <v>54</v>
      </c>
      <c r="AM27297">
        <v>53</v>
      </c>
      <c r="AN27297">
        <v>53</v>
      </c>
      <c r="AO27297">
        <v>53</v>
      </c>
      <c r="AP27297">
        <v>53</v>
      </c>
      <c r="AQ27297">
        <v>52</v>
      </c>
    </row>
    <row r="27298" spans="1:43">
      <c r="A27298" t="s">
        <v>16893</v>
      </c>
      <c r="B27298" t="s">
        <v>16894</v>
      </c>
      <c r="C27298" t="s">
        <v>16813</v>
      </c>
      <c r="D27298" t="s">
        <v>16814</v>
      </c>
      <c r="E27298" t="s">
        <v>16695</v>
      </c>
      <c r="F27298" t="s">
        <v>16696</v>
      </c>
      <c r="G27298" t="s">
        <v>16559</v>
      </c>
      <c r="H27298" t="s">
        <v>16560</v>
      </c>
      <c r="I27298" s="2">
        <v>1</v>
      </c>
      <c r="J27298" s="2">
        <v>0</v>
      </c>
      <c r="K27298" s="2">
        <v>0</v>
      </c>
      <c r="L27298" t="s">
        <v>120</v>
      </c>
      <c r="M27298" t="s">
        <v>83</v>
      </c>
      <c r="N27298" t="s">
        <v>84</v>
      </c>
      <c r="O27298" t="s">
        <v>85</v>
      </c>
      <c r="P27298" t="s">
        <v>86</v>
      </c>
      <c r="Q27298">
        <v>8</v>
      </c>
      <c r="R27298">
        <v>8</v>
      </c>
      <c r="S27298">
        <v>8</v>
      </c>
      <c r="T27298">
        <v>8</v>
      </c>
      <c r="U27298">
        <v>8</v>
      </c>
      <c r="V27298">
        <v>8</v>
      </c>
      <c r="W27298">
        <v>8</v>
      </c>
      <c r="X27298">
        <v>8</v>
      </c>
      <c r="Y27298">
        <v>8</v>
      </c>
      <c r="Z27298">
        <v>8</v>
      </c>
      <c r="AA27298">
        <v>8</v>
      </c>
      <c r="AB27298">
        <v>8</v>
      </c>
      <c r="AC27298">
        <v>8</v>
      </c>
      <c r="AD27298">
        <v>8</v>
      </c>
      <c r="AE27298">
        <v>8</v>
      </c>
      <c r="AF27298">
        <v>8</v>
      </c>
      <c r="AG27298">
        <v>9</v>
      </c>
      <c r="AH27298">
        <v>9</v>
      </c>
      <c r="AI27298">
        <v>9</v>
      </c>
      <c r="AJ27298">
        <v>9</v>
      </c>
      <c r="AK27298">
        <v>9</v>
      </c>
      <c r="AL27298">
        <v>9</v>
      </c>
      <c r="AM27298">
        <v>9</v>
      </c>
      <c r="AN27298">
        <v>9</v>
      </c>
      <c r="AO27298">
        <v>9</v>
      </c>
      <c r="AP27298">
        <v>9</v>
      </c>
      <c r="AQ27298">
        <v>8</v>
      </c>
    </row>
    <row r="27299" spans="1:43">
      <c r="A27299" t="s">
        <v>16893</v>
      </c>
      <c r="B27299" t="s">
        <v>16894</v>
      </c>
      <c r="C27299" t="s">
        <v>16813</v>
      </c>
      <c r="D27299" t="s">
        <v>16814</v>
      </c>
      <c r="E27299" t="s">
        <v>16695</v>
      </c>
      <c r="F27299" t="s">
        <v>16696</v>
      </c>
      <c r="G27299" t="s">
        <v>16559</v>
      </c>
      <c r="H27299" t="s">
        <v>16560</v>
      </c>
      <c r="I27299" s="2">
        <v>1</v>
      </c>
      <c r="J27299" s="2">
        <v>0</v>
      </c>
      <c r="K27299" s="2">
        <v>0</v>
      </c>
      <c r="L27299" t="s">
        <v>120</v>
      </c>
      <c r="M27299" t="s">
        <v>87</v>
      </c>
      <c r="N27299" t="s">
        <v>88</v>
      </c>
      <c r="O27299" t="s">
        <v>85</v>
      </c>
      <c r="P27299" t="s">
        <v>86</v>
      </c>
      <c r="Q27299">
        <v>8</v>
      </c>
      <c r="R27299">
        <v>8</v>
      </c>
      <c r="S27299">
        <v>8</v>
      </c>
      <c r="T27299">
        <v>8</v>
      </c>
      <c r="U27299">
        <v>8</v>
      </c>
      <c r="V27299">
        <v>8</v>
      </c>
      <c r="W27299">
        <v>8</v>
      </c>
      <c r="X27299">
        <v>8</v>
      </c>
      <c r="Y27299">
        <v>8</v>
      </c>
      <c r="Z27299">
        <v>8</v>
      </c>
      <c r="AA27299">
        <v>8</v>
      </c>
      <c r="AB27299">
        <v>8</v>
      </c>
      <c r="AC27299">
        <v>8</v>
      </c>
      <c r="AD27299">
        <v>8</v>
      </c>
      <c r="AE27299">
        <v>8</v>
      </c>
      <c r="AF27299">
        <v>7</v>
      </c>
      <c r="AG27299">
        <v>7</v>
      </c>
      <c r="AH27299">
        <v>7</v>
      </c>
      <c r="AI27299">
        <v>7</v>
      </c>
      <c r="AJ27299">
        <v>7</v>
      </c>
      <c r="AK27299">
        <v>7</v>
      </c>
      <c r="AL27299">
        <v>7</v>
      </c>
      <c r="AM27299">
        <v>7</v>
      </c>
      <c r="AN27299">
        <v>7</v>
      </c>
      <c r="AO27299">
        <v>7</v>
      </c>
      <c r="AP27299">
        <v>7</v>
      </c>
      <c r="AQ27299">
        <v>7</v>
      </c>
    </row>
    <row r="27300" spans="1:43">
      <c r="A27300" t="s">
        <v>16893</v>
      </c>
      <c r="B27300" t="s">
        <v>16894</v>
      </c>
      <c r="C27300" t="s">
        <v>16813</v>
      </c>
      <c r="D27300" t="s">
        <v>16814</v>
      </c>
      <c r="E27300" t="s">
        <v>16695</v>
      </c>
      <c r="F27300" t="s">
        <v>16696</v>
      </c>
      <c r="G27300" t="s">
        <v>16559</v>
      </c>
      <c r="H27300" t="s">
        <v>16560</v>
      </c>
      <c r="I27300" s="2">
        <v>1</v>
      </c>
      <c r="J27300" s="2">
        <v>0</v>
      </c>
      <c r="K27300" s="2">
        <v>0</v>
      </c>
      <c r="L27300" t="s">
        <v>120</v>
      </c>
      <c r="M27300" t="s">
        <v>89</v>
      </c>
      <c r="N27300" t="s">
        <v>90</v>
      </c>
      <c r="O27300" t="s">
        <v>85</v>
      </c>
      <c r="P27300" t="s">
        <v>86</v>
      </c>
      <c r="Q27300">
        <v>8</v>
      </c>
      <c r="R27300">
        <v>8</v>
      </c>
      <c r="S27300">
        <v>8</v>
      </c>
      <c r="T27300">
        <v>8</v>
      </c>
      <c r="U27300">
        <v>8</v>
      </c>
      <c r="V27300">
        <v>8</v>
      </c>
      <c r="W27300">
        <v>9</v>
      </c>
      <c r="X27300">
        <v>9</v>
      </c>
      <c r="Y27300">
        <v>9</v>
      </c>
      <c r="Z27300">
        <v>9</v>
      </c>
      <c r="AA27300">
        <v>9</v>
      </c>
      <c r="AB27300">
        <v>9</v>
      </c>
      <c r="AC27300">
        <v>9</v>
      </c>
      <c r="AD27300">
        <v>9</v>
      </c>
      <c r="AE27300">
        <v>9</v>
      </c>
      <c r="AF27300">
        <v>9</v>
      </c>
      <c r="AG27300">
        <v>9</v>
      </c>
      <c r="AH27300">
        <v>9</v>
      </c>
      <c r="AI27300">
        <v>9</v>
      </c>
      <c r="AJ27300">
        <v>9</v>
      </c>
      <c r="AK27300">
        <v>9</v>
      </c>
      <c r="AL27300">
        <v>9</v>
      </c>
      <c r="AM27300">
        <v>9</v>
      </c>
      <c r="AN27300">
        <v>9</v>
      </c>
      <c r="AO27300">
        <v>9</v>
      </c>
      <c r="AP27300">
        <v>9</v>
      </c>
      <c r="AQ27300">
        <v>9</v>
      </c>
    </row>
    <row r="27301" spans="1:43">
      <c r="A27301" t="s">
        <v>16893</v>
      </c>
      <c r="B27301" t="s">
        <v>16894</v>
      </c>
      <c r="C27301" t="s">
        <v>16813</v>
      </c>
      <c r="D27301" t="s">
        <v>16814</v>
      </c>
      <c r="E27301" t="s">
        <v>16695</v>
      </c>
      <c r="F27301" t="s">
        <v>16696</v>
      </c>
      <c r="G27301" t="s">
        <v>16559</v>
      </c>
      <c r="H27301" t="s">
        <v>16560</v>
      </c>
      <c r="I27301" s="2">
        <v>1</v>
      </c>
      <c r="J27301" s="2">
        <v>0</v>
      </c>
      <c r="K27301" s="2">
        <v>0</v>
      </c>
      <c r="L27301" t="s">
        <v>120</v>
      </c>
      <c r="M27301" t="s">
        <v>83</v>
      </c>
      <c r="N27301" t="s">
        <v>91</v>
      </c>
      <c r="O27301" t="s">
        <v>85</v>
      </c>
      <c r="P27301" t="s">
        <v>86</v>
      </c>
      <c r="Q27301">
        <v>8</v>
      </c>
      <c r="R27301">
        <v>8</v>
      </c>
      <c r="S27301">
        <v>8</v>
      </c>
      <c r="T27301">
        <v>8</v>
      </c>
      <c r="U27301">
        <v>8</v>
      </c>
      <c r="V27301">
        <v>8</v>
      </c>
      <c r="W27301">
        <v>8</v>
      </c>
      <c r="X27301">
        <v>8</v>
      </c>
      <c r="Y27301">
        <v>8</v>
      </c>
      <c r="Z27301">
        <v>8</v>
      </c>
      <c r="AA27301">
        <v>8</v>
      </c>
      <c r="AB27301">
        <v>8</v>
      </c>
      <c r="AC27301">
        <v>8</v>
      </c>
      <c r="AD27301">
        <v>8</v>
      </c>
      <c r="AE27301">
        <v>8</v>
      </c>
      <c r="AF27301">
        <v>8</v>
      </c>
      <c r="AG27301">
        <v>9</v>
      </c>
      <c r="AH27301">
        <v>9</v>
      </c>
      <c r="AI27301">
        <v>9</v>
      </c>
      <c r="AJ27301">
        <v>9</v>
      </c>
      <c r="AK27301">
        <v>9</v>
      </c>
      <c r="AL27301">
        <v>9</v>
      </c>
      <c r="AM27301">
        <v>9</v>
      </c>
      <c r="AN27301">
        <v>9</v>
      </c>
      <c r="AO27301">
        <v>9</v>
      </c>
      <c r="AP27301">
        <v>9</v>
      </c>
      <c r="AQ27301">
        <v>8</v>
      </c>
    </row>
    <row r="27302" spans="1:43">
      <c r="A27302" t="s">
        <v>16895</v>
      </c>
      <c r="B27302" t="s">
        <v>16896</v>
      </c>
      <c r="C27302" t="s">
        <v>16813</v>
      </c>
      <c r="D27302" t="s">
        <v>16814</v>
      </c>
      <c r="E27302" t="s">
        <v>16695</v>
      </c>
      <c r="F27302" t="s">
        <v>16696</v>
      </c>
      <c r="G27302" t="s">
        <v>16559</v>
      </c>
      <c r="H27302" t="s">
        <v>16560</v>
      </c>
      <c r="I27302" s="2">
        <v>1</v>
      </c>
      <c r="J27302" s="2">
        <v>0</v>
      </c>
      <c r="K27302" s="2">
        <v>0</v>
      </c>
      <c r="L27302" t="s">
        <v>120</v>
      </c>
      <c r="M27302" t="s">
        <v>83</v>
      </c>
      <c r="N27302" t="s">
        <v>84</v>
      </c>
      <c r="O27302" t="s">
        <v>85</v>
      </c>
      <c r="P27302" t="s">
        <v>86</v>
      </c>
      <c r="Q27302">
        <v>7</v>
      </c>
      <c r="R27302">
        <v>7</v>
      </c>
      <c r="S27302">
        <v>7</v>
      </c>
      <c r="T27302">
        <v>7</v>
      </c>
      <c r="U27302">
        <v>7</v>
      </c>
      <c r="V27302">
        <v>7</v>
      </c>
      <c r="W27302">
        <v>7</v>
      </c>
      <c r="X27302">
        <v>7</v>
      </c>
      <c r="Y27302">
        <v>7</v>
      </c>
      <c r="Z27302">
        <v>7</v>
      </c>
      <c r="AA27302">
        <v>7</v>
      </c>
      <c r="AB27302">
        <v>7</v>
      </c>
      <c r="AC27302">
        <v>7</v>
      </c>
      <c r="AD27302">
        <v>7</v>
      </c>
      <c r="AE27302">
        <v>8</v>
      </c>
      <c r="AF27302">
        <v>8</v>
      </c>
      <c r="AG27302">
        <v>8</v>
      </c>
      <c r="AH27302">
        <v>8</v>
      </c>
      <c r="AI27302">
        <v>8</v>
      </c>
      <c r="AJ27302">
        <v>8</v>
      </c>
      <c r="AK27302">
        <v>8</v>
      </c>
      <c r="AL27302">
        <v>8</v>
      </c>
      <c r="AM27302">
        <v>8</v>
      </c>
      <c r="AN27302">
        <v>8</v>
      </c>
      <c r="AO27302">
        <v>8</v>
      </c>
      <c r="AP27302">
        <v>8</v>
      </c>
      <c r="AQ27302">
        <v>8</v>
      </c>
    </row>
    <row r="27303" spans="1:43">
      <c r="A27303" t="s">
        <v>16895</v>
      </c>
      <c r="B27303" t="s">
        <v>16896</v>
      </c>
      <c r="C27303" t="s">
        <v>16813</v>
      </c>
      <c r="D27303" t="s">
        <v>16814</v>
      </c>
      <c r="E27303" t="s">
        <v>16695</v>
      </c>
      <c r="F27303" t="s">
        <v>16696</v>
      </c>
      <c r="G27303" t="s">
        <v>16559</v>
      </c>
      <c r="H27303" t="s">
        <v>16560</v>
      </c>
      <c r="I27303" s="2">
        <v>1</v>
      </c>
      <c r="J27303" s="2">
        <v>0</v>
      </c>
      <c r="K27303" s="2">
        <v>0</v>
      </c>
      <c r="L27303" t="s">
        <v>120</v>
      </c>
      <c r="M27303" t="s">
        <v>87</v>
      </c>
      <c r="N27303" t="s">
        <v>88</v>
      </c>
      <c r="O27303" t="s">
        <v>85</v>
      </c>
      <c r="P27303" t="s">
        <v>86</v>
      </c>
      <c r="Q27303">
        <v>7</v>
      </c>
      <c r="R27303">
        <v>7</v>
      </c>
      <c r="S27303">
        <v>7</v>
      </c>
      <c r="T27303">
        <v>7</v>
      </c>
      <c r="U27303">
        <v>7</v>
      </c>
      <c r="V27303">
        <v>7</v>
      </c>
      <c r="W27303">
        <v>7</v>
      </c>
      <c r="X27303">
        <v>7</v>
      </c>
      <c r="Y27303">
        <v>7</v>
      </c>
      <c r="Z27303">
        <v>7</v>
      </c>
      <c r="AA27303">
        <v>7</v>
      </c>
      <c r="AB27303">
        <v>7</v>
      </c>
      <c r="AC27303">
        <v>7</v>
      </c>
      <c r="AD27303">
        <v>7</v>
      </c>
      <c r="AE27303">
        <v>7</v>
      </c>
      <c r="AF27303">
        <v>7</v>
      </c>
      <c r="AG27303">
        <v>7</v>
      </c>
      <c r="AH27303">
        <v>7</v>
      </c>
      <c r="AI27303">
        <v>7</v>
      </c>
      <c r="AJ27303">
        <v>7</v>
      </c>
      <c r="AK27303">
        <v>7</v>
      </c>
      <c r="AL27303">
        <v>7</v>
      </c>
      <c r="AM27303">
        <v>7</v>
      </c>
      <c r="AN27303">
        <v>7</v>
      </c>
      <c r="AO27303">
        <v>7</v>
      </c>
      <c r="AP27303">
        <v>7</v>
      </c>
      <c r="AQ27303">
        <v>7</v>
      </c>
    </row>
    <row r="27304" spans="1:43">
      <c r="A27304" t="s">
        <v>16895</v>
      </c>
      <c r="B27304" t="s">
        <v>16896</v>
      </c>
      <c r="C27304" t="s">
        <v>16813</v>
      </c>
      <c r="D27304" t="s">
        <v>16814</v>
      </c>
      <c r="E27304" t="s">
        <v>16695</v>
      </c>
      <c r="F27304" t="s">
        <v>16696</v>
      </c>
      <c r="G27304" t="s">
        <v>16559</v>
      </c>
      <c r="H27304" t="s">
        <v>16560</v>
      </c>
      <c r="I27304" s="2">
        <v>1</v>
      </c>
      <c r="J27304" s="2">
        <v>0</v>
      </c>
      <c r="K27304" s="2">
        <v>0</v>
      </c>
      <c r="L27304" t="s">
        <v>120</v>
      </c>
      <c r="M27304" t="s">
        <v>89</v>
      </c>
      <c r="N27304" t="s">
        <v>90</v>
      </c>
      <c r="O27304" t="s">
        <v>85</v>
      </c>
      <c r="P27304" t="s">
        <v>86</v>
      </c>
      <c r="Q27304">
        <v>7</v>
      </c>
      <c r="R27304">
        <v>7</v>
      </c>
      <c r="S27304">
        <v>7</v>
      </c>
      <c r="T27304">
        <v>7</v>
      </c>
      <c r="U27304">
        <v>7</v>
      </c>
      <c r="V27304">
        <v>7</v>
      </c>
      <c r="W27304">
        <v>8</v>
      </c>
      <c r="X27304">
        <v>8</v>
      </c>
      <c r="Y27304">
        <v>8</v>
      </c>
      <c r="Z27304">
        <v>8</v>
      </c>
      <c r="AA27304">
        <v>8</v>
      </c>
      <c r="AB27304">
        <v>8</v>
      </c>
      <c r="AC27304">
        <v>8</v>
      </c>
      <c r="AD27304">
        <v>8</v>
      </c>
      <c r="AE27304">
        <v>8</v>
      </c>
      <c r="AF27304">
        <v>8</v>
      </c>
      <c r="AG27304">
        <v>8</v>
      </c>
      <c r="AH27304">
        <v>8</v>
      </c>
      <c r="AI27304">
        <v>8</v>
      </c>
      <c r="AJ27304">
        <v>8</v>
      </c>
      <c r="AK27304">
        <v>8</v>
      </c>
      <c r="AL27304">
        <v>8</v>
      </c>
      <c r="AM27304">
        <v>8</v>
      </c>
      <c r="AN27304">
        <v>8</v>
      </c>
      <c r="AO27304">
        <v>8</v>
      </c>
      <c r="AP27304">
        <v>8</v>
      </c>
      <c r="AQ27304">
        <v>8</v>
      </c>
    </row>
    <row r="27305" spans="1:43">
      <c r="A27305" t="s">
        <v>16895</v>
      </c>
      <c r="B27305" t="s">
        <v>16896</v>
      </c>
      <c r="C27305" t="s">
        <v>16813</v>
      </c>
      <c r="D27305" t="s">
        <v>16814</v>
      </c>
      <c r="E27305" t="s">
        <v>16695</v>
      </c>
      <c r="F27305" t="s">
        <v>16696</v>
      </c>
      <c r="G27305" t="s">
        <v>16559</v>
      </c>
      <c r="H27305" t="s">
        <v>16560</v>
      </c>
      <c r="I27305" s="2">
        <v>1</v>
      </c>
      <c r="J27305" s="2">
        <v>0</v>
      </c>
      <c r="K27305" s="2">
        <v>0</v>
      </c>
      <c r="L27305" t="s">
        <v>120</v>
      </c>
      <c r="M27305" t="s">
        <v>83</v>
      </c>
      <c r="N27305" t="s">
        <v>91</v>
      </c>
      <c r="O27305" t="s">
        <v>85</v>
      </c>
      <c r="P27305" t="s">
        <v>86</v>
      </c>
      <c r="Q27305">
        <v>7</v>
      </c>
      <c r="R27305">
        <v>7</v>
      </c>
      <c r="S27305">
        <v>7</v>
      </c>
      <c r="T27305">
        <v>7</v>
      </c>
      <c r="U27305">
        <v>7</v>
      </c>
      <c r="V27305">
        <v>7</v>
      </c>
      <c r="W27305">
        <v>7</v>
      </c>
      <c r="X27305">
        <v>7</v>
      </c>
      <c r="Y27305">
        <v>7</v>
      </c>
      <c r="Z27305">
        <v>7</v>
      </c>
      <c r="AA27305">
        <v>7</v>
      </c>
      <c r="AB27305">
        <v>7</v>
      </c>
      <c r="AC27305">
        <v>7</v>
      </c>
      <c r="AD27305">
        <v>7</v>
      </c>
      <c r="AE27305">
        <v>8</v>
      </c>
      <c r="AF27305">
        <v>8</v>
      </c>
      <c r="AG27305">
        <v>8</v>
      </c>
      <c r="AH27305">
        <v>8</v>
      </c>
      <c r="AI27305">
        <v>8</v>
      </c>
      <c r="AJ27305">
        <v>8</v>
      </c>
      <c r="AK27305">
        <v>8</v>
      </c>
      <c r="AL27305">
        <v>8</v>
      </c>
      <c r="AM27305">
        <v>8</v>
      </c>
      <c r="AN27305">
        <v>8</v>
      </c>
      <c r="AO27305">
        <v>8</v>
      </c>
      <c r="AP27305">
        <v>8</v>
      </c>
      <c r="AQ27305">
        <v>8</v>
      </c>
    </row>
    <row r="27306" spans="1:43">
      <c r="A27306" t="s">
        <v>16897</v>
      </c>
      <c r="B27306" t="s">
        <v>16898</v>
      </c>
      <c r="C27306" t="s">
        <v>16813</v>
      </c>
      <c r="D27306" t="s">
        <v>16814</v>
      </c>
      <c r="E27306" t="s">
        <v>16695</v>
      </c>
      <c r="F27306" t="s">
        <v>16696</v>
      </c>
      <c r="G27306" t="s">
        <v>16559</v>
      </c>
      <c r="H27306" t="s">
        <v>16560</v>
      </c>
      <c r="I27306" s="2">
        <v>1</v>
      </c>
      <c r="J27306" s="2">
        <v>0</v>
      </c>
      <c r="K27306" s="2">
        <v>0</v>
      </c>
      <c r="L27306" t="s">
        <v>120</v>
      </c>
      <c r="M27306" t="s">
        <v>83</v>
      </c>
      <c r="N27306" t="s">
        <v>84</v>
      </c>
      <c r="O27306" t="s">
        <v>85</v>
      </c>
      <c r="P27306" t="s">
        <v>86</v>
      </c>
      <c r="Q27306">
        <v>31</v>
      </c>
      <c r="R27306">
        <v>32</v>
      </c>
      <c r="S27306">
        <v>32</v>
      </c>
      <c r="T27306">
        <v>32</v>
      </c>
      <c r="U27306">
        <v>32</v>
      </c>
      <c r="V27306">
        <v>32</v>
      </c>
      <c r="W27306">
        <v>33</v>
      </c>
      <c r="X27306">
        <v>33</v>
      </c>
      <c r="Y27306">
        <v>33</v>
      </c>
      <c r="Z27306">
        <v>33</v>
      </c>
      <c r="AA27306">
        <v>33</v>
      </c>
      <c r="AB27306">
        <v>33</v>
      </c>
      <c r="AC27306">
        <v>34</v>
      </c>
      <c r="AD27306">
        <v>34</v>
      </c>
      <c r="AE27306">
        <v>34</v>
      </c>
      <c r="AF27306">
        <v>34</v>
      </c>
      <c r="AG27306">
        <v>34</v>
      </c>
      <c r="AH27306">
        <v>34</v>
      </c>
      <c r="AI27306">
        <v>35</v>
      </c>
      <c r="AJ27306">
        <v>35</v>
      </c>
      <c r="AK27306">
        <v>35</v>
      </c>
      <c r="AL27306">
        <v>35</v>
      </c>
      <c r="AM27306">
        <v>35</v>
      </c>
      <c r="AN27306">
        <v>35</v>
      </c>
      <c r="AO27306">
        <v>34</v>
      </c>
      <c r="AP27306">
        <v>34</v>
      </c>
      <c r="AQ27306">
        <v>34</v>
      </c>
    </row>
    <row r="27307" spans="1:43">
      <c r="A27307" t="s">
        <v>16897</v>
      </c>
      <c r="B27307" t="s">
        <v>16898</v>
      </c>
      <c r="C27307" t="s">
        <v>16813</v>
      </c>
      <c r="D27307" t="s">
        <v>16814</v>
      </c>
      <c r="E27307" t="s">
        <v>16695</v>
      </c>
      <c r="F27307" t="s">
        <v>16696</v>
      </c>
      <c r="G27307" t="s">
        <v>16559</v>
      </c>
      <c r="H27307" t="s">
        <v>16560</v>
      </c>
      <c r="I27307" s="2">
        <v>1</v>
      </c>
      <c r="J27307" s="2">
        <v>0</v>
      </c>
      <c r="K27307" s="2">
        <v>0</v>
      </c>
      <c r="L27307" t="s">
        <v>120</v>
      </c>
      <c r="M27307" t="s">
        <v>87</v>
      </c>
      <c r="N27307" t="s">
        <v>88</v>
      </c>
      <c r="O27307" t="s">
        <v>85</v>
      </c>
      <c r="P27307" t="s">
        <v>86</v>
      </c>
      <c r="Q27307">
        <v>31</v>
      </c>
      <c r="R27307">
        <v>31</v>
      </c>
      <c r="S27307">
        <v>31</v>
      </c>
      <c r="T27307">
        <v>31</v>
      </c>
      <c r="U27307">
        <v>31</v>
      </c>
      <c r="V27307">
        <v>31</v>
      </c>
      <c r="W27307">
        <v>31</v>
      </c>
      <c r="X27307">
        <v>31</v>
      </c>
      <c r="Y27307">
        <v>30</v>
      </c>
      <c r="Z27307">
        <v>30</v>
      </c>
      <c r="AA27307">
        <v>30</v>
      </c>
      <c r="AB27307">
        <v>30</v>
      </c>
      <c r="AC27307">
        <v>30</v>
      </c>
      <c r="AD27307">
        <v>30</v>
      </c>
      <c r="AE27307">
        <v>30</v>
      </c>
      <c r="AF27307">
        <v>30</v>
      </c>
      <c r="AG27307">
        <v>30</v>
      </c>
      <c r="AH27307">
        <v>30</v>
      </c>
      <c r="AI27307">
        <v>30</v>
      </c>
      <c r="AJ27307">
        <v>30</v>
      </c>
      <c r="AK27307">
        <v>30</v>
      </c>
      <c r="AL27307">
        <v>30</v>
      </c>
      <c r="AM27307">
        <v>30</v>
      </c>
      <c r="AN27307">
        <v>30</v>
      </c>
      <c r="AO27307">
        <v>30</v>
      </c>
      <c r="AP27307">
        <v>30</v>
      </c>
      <c r="AQ27307">
        <v>30</v>
      </c>
    </row>
    <row r="27308" spans="1:43">
      <c r="A27308" t="s">
        <v>16897</v>
      </c>
      <c r="B27308" t="s">
        <v>16898</v>
      </c>
      <c r="C27308" t="s">
        <v>16813</v>
      </c>
      <c r="D27308" t="s">
        <v>16814</v>
      </c>
      <c r="E27308" t="s">
        <v>16695</v>
      </c>
      <c r="F27308" t="s">
        <v>16696</v>
      </c>
      <c r="G27308" t="s">
        <v>16559</v>
      </c>
      <c r="H27308" t="s">
        <v>16560</v>
      </c>
      <c r="I27308" s="2">
        <v>1</v>
      </c>
      <c r="J27308" s="2">
        <v>0</v>
      </c>
      <c r="K27308" s="2">
        <v>0</v>
      </c>
      <c r="L27308" t="s">
        <v>120</v>
      </c>
      <c r="M27308" t="s">
        <v>89</v>
      </c>
      <c r="N27308" t="s">
        <v>90</v>
      </c>
      <c r="O27308" t="s">
        <v>85</v>
      </c>
      <c r="P27308" t="s">
        <v>86</v>
      </c>
      <c r="Q27308">
        <v>31</v>
      </c>
      <c r="R27308">
        <v>31</v>
      </c>
      <c r="S27308">
        <v>32</v>
      </c>
      <c r="T27308">
        <v>32</v>
      </c>
      <c r="U27308">
        <v>32</v>
      </c>
      <c r="V27308">
        <v>33</v>
      </c>
      <c r="W27308">
        <v>33</v>
      </c>
      <c r="X27308">
        <v>34</v>
      </c>
      <c r="Y27308">
        <v>34</v>
      </c>
      <c r="Z27308">
        <v>34</v>
      </c>
      <c r="AA27308">
        <v>34</v>
      </c>
      <c r="AB27308">
        <v>35</v>
      </c>
      <c r="AC27308">
        <v>35</v>
      </c>
      <c r="AD27308">
        <v>35</v>
      </c>
      <c r="AE27308">
        <v>35</v>
      </c>
      <c r="AF27308">
        <v>35</v>
      </c>
      <c r="AG27308">
        <v>35</v>
      </c>
      <c r="AH27308">
        <v>35</v>
      </c>
      <c r="AI27308">
        <v>35</v>
      </c>
      <c r="AJ27308">
        <v>35</v>
      </c>
      <c r="AK27308">
        <v>34</v>
      </c>
      <c r="AL27308">
        <v>34</v>
      </c>
      <c r="AM27308">
        <v>34</v>
      </c>
      <c r="AN27308">
        <v>34</v>
      </c>
      <c r="AO27308">
        <v>34</v>
      </c>
      <c r="AP27308">
        <v>34</v>
      </c>
      <c r="AQ27308">
        <v>34</v>
      </c>
    </row>
    <row r="27309" spans="1:43">
      <c r="A27309" t="s">
        <v>16897</v>
      </c>
      <c r="B27309" t="s">
        <v>16898</v>
      </c>
      <c r="C27309" t="s">
        <v>16813</v>
      </c>
      <c r="D27309" t="s">
        <v>16814</v>
      </c>
      <c r="E27309" t="s">
        <v>16695</v>
      </c>
      <c r="F27309" t="s">
        <v>16696</v>
      </c>
      <c r="G27309" t="s">
        <v>16559</v>
      </c>
      <c r="H27309" t="s">
        <v>16560</v>
      </c>
      <c r="I27309" s="2">
        <v>1</v>
      </c>
      <c r="J27309" s="2">
        <v>0</v>
      </c>
      <c r="K27309" s="2">
        <v>0</v>
      </c>
      <c r="L27309" t="s">
        <v>120</v>
      </c>
      <c r="M27309" t="s">
        <v>83</v>
      </c>
      <c r="N27309" t="s">
        <v>91</v>
      </c>
      <c r="O27309" t="s">
        <v>85</v>
      </c>
      <c r="P27309" t="s">
        <v>86</v>
      </c>
      <c r="Q27309">
        <v>31</v>
      </c>
      <c r="R27309">
        <v>32</v>
      </c>
      <c r="S27309">
        <v>32</v>
      </c>
      <c r="T27309">
        <v>32</v>
      </c>
      <c r="U27309">
        <v>32</v>
      </c>
      <c r="V27309">
        <v>32</v>
      </c>
      <c r="W27309">
        <v>33</v>
      </c>
      <c r="X27309">
        <v>33</v>
      </c>
      <c r="Y27309">
        <v>33</v>
      </c>
      <c r="Z27309">
        <v>33</v>
      </c>
      <c r="AA27309">
        <v>33</v>
      </c>
      <c r="AB27309">
        <v>33</v>
      </c>
      <c r="AC27309">
        <v>34</v>
      </c>
      <c r="AD27309">
        <v>34</v>
      </c>
      <c r="AE27309">
        <v>34</v>
      </c>
      <c r="AF27309">
        <v>34</v>
      </c>
      <c r="AG27309">
        <v>34</v>
      </c>
      <c r="AH27309">
        <v>34</v>
      </c>
      <c r="AI27309">
        <v>35</v>
      </c>
      <c r="AJ27309">
        <v>35</v>
      </c>
      <c r="AK27309">
        <v>35</v>
      </c>
      <c r="AL27309">
        <v>35</v>
      </c>
      <c r="AM27309">
        <v>35</v>
      </c>
      <c r="AN27309">
        <v>35</v>
      </c>
      <c r="AO27309">
        <v>34</v>
      </c>
      <c r="AP27309">
        <v>34</v>
      </c>
      <c r="AQ27309">
        <v>34</v>
      </c>
    </row>
    <row r="27310" spans="1:43">
      <c r="A27310" t="s">
        <v>16899</v>
      </c>
      <c r="B27310" t="s">
        <v>16900</v>
      </c>
      <c r="C27310" t="s">
        <v>16901</v>
      </c>
      <c r="D27310" t="s">
        <v>16902</v>
      </c>
      <c r="E27310" t="s">
        <v>16695</v>
      </c>
      <c r="F27310" t="s">
        <v>16696</v>
      </c>
      <c r="G27310" t="s">
        <v>16559</v>
      </c>
      <c r="H27310" t="s">
        <v>16560</v>
      </c>
      <c r="I27310" s="2">
        <v>1</v>
      </c>
      <c r="J27310" s="2">
        <v>0</v>
      </c>
      <c r="K27310" s="2">
        <v>0</v>
      </c>
      <c r="L27310" t="s">
        <v>120</v>
      </c>
      <c r="M27310" t="s">
        <v>83</v>
      </c>
      <c r="N27310" t="s">
        <v>84</v>
      </c>
      <c r="O27310" t="s">
        <v>85</v>
      </c>
      <c r="P27310" t="s">
        <v>86</v>
      </c>
      <c r="Q27310">
        <v>43</v>
      </c>
      <c r="R27310">
        <v>43</v>
      </c>
      <c r="S27310">
        <v>43</v>
      </c>
      <c r="T27310">
        <v>44</v>
      </c>
      <c r="U27310">
        <v>44</v>
      </c>
      <c r="V27310">
        <v>44</v>
      </c>
      <c r="W27310">
        <v>44</v>
      </c>
      <c r="X27310">
        <v>44</v>
      </c>
      <c r="Y27310">
        <v>45</v>
      </c>
      <c r="Z27310">
        <v>45</v>
      </c>
      <c r="AA27310">
        <v>45</v>
      </c>
      <c r="AB27310">
        <v>45</v>
      </c>
      <c r="AC27310">
        <v>45</v>
      </c>
      <c r="AD27310">
        <v>46</v>
      </c>
      <c r="AE27310">
        <v>46</v>
      </c>
      <c r="AF27310">
        <v>46</v>
      </c>
      <c r="AG27310">
        <v>46</v>
      </c>
      <c r="AH27310">
        <v>46</v>
      </c>
      <c r="AI27310">
        <v>47</v>
      </c>
      <c r="AJ27310">
        <v>47</v>
      </c>
      <c r="AK27310">
        <v>47</v>
      </c>
      <c r="AL27310">
        <v>47</v>
      </c>
      <c r="AM27310">
        <v>47</v>
      </c>
      <c r="AN27310">
        <v>46</v>
      </c>
      <c r="AO27310">
        <v>46</v>
      </c>
      <c r="AP27310">
        <v>46</v>
      </c>
      <c r="AQ27310">
        <v>46</v>
      </c>
    </row>
    <row r="27311" spans="1:43">
      <c r="A27311" t="s">
        <v>16899</v>
      </c>
      <c r="B27311" t="s">
        <v>16900</v>
      </c>
      <c r="C27311" t="s">
        <v>16901</v>
      </c>
      <c r="D27311" t="s">
        <v>16902</v>
      </c>
      <c r="E27311" t="s">
        <v>16695</v>
      </c>
      <c r="F27311" t="s">
        <v>16696</v>
      </c>
      <c r="G27311" t="s">
        <v>16559</v>
      </c>
      <c r="H27311" t="s">
        <v>16560</v>
      </c>
      <c r="I27311" s="2">
        <v>1</v>
      </c>
      <c r="J27311" s="2">
        <v>0</v>
      </c>
      <c r="K27311" s="2">
        <v>0</v>
      </c>
      <c r="L27311" t="s">
        <v>120</v>
      </c>
      <c r="M27311" t="s">
        <v>87</v>
      </c>
      <c r="N27311" t="s">
        <v>88</v>
      </c>
      <c r="O27311" t="s">
        <v>85</v>
      </c>
      <c r="P27311" t="s">
        <v>86</v>
      </c>
      <c r="Q27311">
        <v>43</v>
      </c>
      <c r="R27311">
        <v>43</v>
      </c>
      <c r="S27311">
        <v>43</v>
      </c>
      <c r="T27311">
        <v>43</v>
      </c>
      <c r="U27311">
        <v>43</v>
      </c>
      <c r="V27311">
        <v>43</v>
      </c>
      <c r="W27311">
        <v>43</v>
      </c>
      <c r="X27311">
        <v>42</v>
      </c>
      <c r="Y27311">
        <v>42</v>
      </c>
      <c r="Z27311">
        <v>42</v>
      </c>
      <c r="AA27311">
        <v>42</v>
      </c>
      <c r="AB27311">
        <v>42</v>
      </c>
      <c r="AC27311">
        <v>42</v>
      </c>
      <c r="AD27311">
        <v>42</v>
      </c>
      <c r="AE27311">
        <v>42</v>
      </c>
      <c r="AF27311">
        <v>41</v>
      </c>
      <c r="AG27311">
        <v>41</v>
      </c>
      <c r="AH27311">
        <v>41</v>
      </c>
      <c r="AI27311">
        <v>41</v>
      </c>
      <c r="AJ27311">
        <v>41</v>
      </c>
      <c r="AK27311">
        <v>41</v>
      </c>
      <c r="AL27311">
        <v>41</v>
      </c>
      <c r="AM27311">
        <v>41</v>
      </c>
      <c r="AN27311">
        <v>41</v>
      </c>
      <c r="AO27311">
        <v>41</v>
      </c>
      <c r="AP27311">
        <v>41</v>
      </c>
      <c r="AQ27311">
        <v>41</v>
      </c>
    </row>
    <row r="27312" spans="1:43">
      <c r="A27312" t="s">
        <v>16899</v>
      </c>
      <c r="B27312" t="s">
        <v>16900</v>
      </c>
      <c r="C27312" t="s">
        <v>16901</v>
      </c>
      <c r="D27312" t="s">
        <v>16902</v>
      </c>
      <c r="E27312" t="s">
        <v>16695</v>
      </c>
      <c r="F27312" t="s">
        <v>16696</v>
      </c>
      <c r="G27312" t="s">
        <v>16559</v>
      </c>
      <c r="H27312" t="s">
        <v>16560</v>
      </c>
      <c r="I27312" s="2">
        <v>1</v>
      </c>
      <c r="J27312" s="2">
        <v>0</v>
      </c>
      <c r="K27312" s="2">
        <v>0</v>
      </c>
      <c r="L27312" t="s">
        <v>120</v>
      </c>
      <c r="M27312" t="s">
        <v>89</v>
      </c>
      <c r="N27312" t="s">
        <v>90</v>
      </c>
      <c r="O27312" t="s">
        <v>85</v>
      </c>
      <c r="P27312" t="s">
        <v>86</v>
      </c>
      <c r="Q27312">
        <v>43</v>
      </c>
      <c r="R27312">
        <v>44</v>
      </c>
      <c r="S27312">
        <v>44</v>
      </c>
      <c r="T27312">
        <v>45</v>
      </c>
      <c r="U27312">
        <v>46</v>
      </c>
      <c r="V27312">
        <v>46</v>
      </c>
      <c r="W27312">
        <v>46</v>
      </c>
      <c r="X27312">
        <v>47</v>
      </c>
      <c r="Y27312">
        <v>47</v>
      </c>
      <c r="Z27312">
        <v>48</v>
      </c>
      <c r="AA27312">
        <v>48</v>
      </c>
      <c r="AB27312">
        <v>48</v>
      </c>
      <c r="AC27312">
        <v>49</v>
      </c>
      <c r="AD27312">
        <v>49</v>
      </c>
      <c r="AE27312">
        <v>49</v>
      </c>
      <c r="AF27312">
        <v>49</v>
      </c>
      <c r="AG27312">
        <v>49</v>
      </c>
      <c r="AH27312">
        <v>48</v>
      </c>
      <c r="AI27312">
        <v>48</v>
      </c>
      <c r="AJ27312">
        <v>48</v>
      </c>
      <c r="AK27312">
        <v>48</v>
      </c>
      <c r="AL27312">
        <v>48</v>
      </c>
      <c r="AM27312">
        <v>47</v>
      </c>
      <c r="AN27312">
        <v>47</v>
      </c>
      <c r="AO27312">
        <v>47</v>
      </c>
      <c r="AP27312">
        <v>47</v>
      </c>
      <c r="AQ27312">
        <v>47</v>
      </c>
    </row>
    <row r="27313" spans="1:43">
      <c r="A27313" t="s">
        <v>16899</v>
      </c>
      <c r="B27313" t="s">
        <v>16900</v>
      </c>
      <c r="C27313" t="s">
        <v>16901</v>
      </c>
      <c r="D27313" t="s">
        <v>16902</v>
      </c>
      <c r="E27313" t="s">
        <v>16695</v>
      </c>
      <c r="F27313" t="s">
        <v>16696</v>
      </c>
      <c r="G27313" t="s">
        <v>16559</v>
      </c>
      <c r="H27313" t="s">
        <v>16560</v>
      </c>
      <c r="I27313" s="2">
        <v>1</v>
      </c>
      <c r="J27313" s="2">
        <v>0</v>
      </c>
      <c r="K27313" s="2">
        <v>0</v>
      </c>
      <c r="L27313" t="s">
        <v>120</v>
      </c>
      <c r="M27313" t="s">
        <v>83</v>
      </c>
      <c r="N27313" t="s">
        <v>91</v>
      </c>
      <c r="O27313" t="s">
        <v>85</v>
      </c>
      <c r="P27313" t="s">
        <v>86</v>
      </c>
      <c r="Q27313">
        <v>43</v>
      </c>
      <c r="R27313">
        <v>43</v>
      </c>
      <c r="S27313">
        <v>43</v>
      </c>
      <c r="T27313">
        <v>44</v>
      </c>
      <c r="U27313">
        <v>44</v>
      </c>
      <c r="V27313">
        <v>44</v>
      </c>
      <c r="W27313">
        <v>44</v>
      </c>
      <c r="X27313">
        <v>44</v>
      </c>
      <c r="Y27313">
        <v>45</v>
      </c>
      <c r="Z27313">
        <v>45</v>
      </c>
      <c r="AA27313">
        <v>45</v>
      </c>
      <c r="AB27313">
        <v>45</v>
      </c>
      <c r="AC27313">
        <v>45</v>
      </c>
      <c r="AD27313">
        <v>46</v>
      </c>
      <c r="AE27313">
        <v>46</v>
      </c>
      <c r="AF27313">
        <v>46</v>
      </c>
      <c r="AG27313">
        <v>46</v>
      </c>
      <c r="AH27313">
        <v>46</v>
      </c>
      <c r="AI27313">
        <v>47</v>
      </c>
      <c r="AJ27313">
        <v>47</v>
      </c>
      <c r="AK27313">
        <v>47</v>
      </c>
      <c r="AL27313">
        <v>47</v>
      </c>
      <c r="AM27313">
        <v>47</v>
      </c>
      <c r="AN27313">
        <v>46</v>
      </c>
      <c r="AO27313">
        <v>46</v>
      </c>
      <c r="AP27313">
        <v>46</v>
      </c>
      <c r="AQ27313">
        <v>46</v>
      </c>
    </row>
    <row r="27314" spans="1:43">
      <c r="A27314" t="s">
        <v>16903</v>
      </c>
      <c r="B27314" t="s">
        <v>16904</v>
      </c>
      <c r="C27314" t="s">
        <v>16901</v>
      </c>
      <c r="D27314" t="s">
        <v>16902</v>
      </c>
      <c r="E27314" t="s">
        <v>16695</v>
      </c>
      <c r="F27314" t="s">
        <v>16696</v>
      </c>
      <c r="G27314" t="s">
        <v>16559</v>
      </c>
      <c r="H27314" t="s">
        <v>16560</v>
      </c>
      <c r="I27314" s="2">
        <v>1</v>
      </c>
      <c r="J27314" s="2">
        <v>0</v>
      </c>
      <c r="K27314" s="2">
        <v>0</v>
      </c>
      <c r="L27314" t="s">
        <v>120</v>
      </c>
      <c r="M27314" t="s">
        <v>83</v>
      </c>
      <c r="N27314" t="s">
        <v>84</v>
      </c>
      <c r="O27314" t="s">
        <v>85</v>
      </c>
      <c r="P27314" t="s">
        <v>86</v>
      </c>
      <c r="Q27314">
        <v>46</v>
      </c>
      <c r="R27314">
        <v>46</v>
      </c>
      <c r="S27314">
        <v>46</v>
      </c>
      <c r="T27314">
        <v>47</v>
      </c>
      <c r="U27314">
        <v>47</v>
      </c>
      <c r="V27314">
        <v>47</v>
      </c>
      <c r="W27314">
        <v>47</v>
      </c>
      <c r="X27314">
        <v>47</v>
      </c>
      <c r="Y27314">
        <v>48</v>
      </c>
      <c r="Z27314">
        <v>48</v>
      </c>
      <c r="AA27314">
        <v>48</v>
      </c>
      <c r="AB27314">
        <v>48</v>
      </c>
      <c r="AC27314">
        <v>48</v>
      </c>
      <c r="AD27314">
        <v>48</v>
      </c>
      <c r="AE27314">
        <v>49</v>
      </c>
      <c r="AF27314">
        <v>49</v>
      </c>
      <c r="AG27314">
        <v>49</v>
      </c>
      <c r="AH27314">
        <v>49</v>
      </c>
      <c r="AI27314">
        <v>49</v>
      </c>
      <c r="AJ27314">
        <v>49</v>
      </c>
      <c r="AK27314">
        <v>50</v>
      </c>
      <c r="AL27314">
        <v>49</v>
      </c>
      <c r="AM27314">
        <v>49</v>
      </c>
      <c r="AN27314">
        <v>49</v>
      </c>
      <c r="AO27314">
        <v>49</v>
      </c>
      <c r="AP27314">
        <v>48</v>
      </c>
      <c r="AQ27314">
        <v>48</v>
      </c>
    </row>
    <row r="27315" spans="1:43">
      <c r="A27315" t="s">
        <v>16903</v>
      </c>
      <c r="B27315" t="s">
        <v>16904</v>
      </c>
      <c r="C27315" t="s">
        <v>16901</v>
      </c>
      <c r="D27315" t="s">
        <v>16902</v>
      </c>
      <c r="E27315" t="s">
        <v>16695</v>
      </c>
      <c r="F27315" t="s">
        <v>16696</v>
      </c>
      <c r="G27315" t="s">
        <v>16559</v>
      </c>
      <c r="H27315" t="s">
        <v>16560</v>
      </c>
      <c r="I27315" s="2">
        <v>1</v>
      </c>
      <c r="J27315" s="2">
        <v>0</v>
      </c>
      <c r="K27315" s="2">
        <v>0</v>
      </c>
      <c r="L27315" t="s">
        <v>120</v>
      </c>
      <c r="M27315" t="s">
        <v>87</v>
      </c>
      <c r="N27315" t="s">
        <v>88</v>
      </c>
      <c r="O27315" t="s">
        <v>85</v>
      </c>
      <c r="P27315" t="s">
        <v>86</v>
      </c>
      <c r="Q27315">
        <v>46</v>
      </c>
      <c r="R27315">
        <v>46</v>
      </c>
      <c r="S27315">
        <v>46</v>
      </c>
      <c r="T27315">
        <v>46</v>
      </c>
      <c r="U27315">
        <v>46</v>
      </c>
      <c r="V27315">
        <v>46</v>
      </c>
      <c r="W27315">
        <v>45</v>
      </c>
      <c r="X27315">
        <v>45</v>
      </c>
      <c r="Y27315">
        <v>45</v>
      </c>
      <c r="Z27315">
        <v>45</v>
      </c>
      <c r="AA27315">
        <v>45</v>
      </c>
      <c r="AB27315">
        <v>45</v>
      </c>
      <c r="AC27315">
        <v>44</v>
      </c>
      <c r="AD27315">
        <v>44</v>
      </c>
      <c r="AE27315">
        <v>44</v>
      </c>
      <c r="AF27315">
        <v>44</v>
      </c>
      <c r="AG27315">
        <v>44</v>
      </c>
      <c r="AH27315">
        <v>44</v>
      </c>
      <c r="AI27315">
        <v>44</v>
      </c>
      <c r="AJ27315">
        <v>44</v>
      </c>
      <c r="AK27315">
        <v>43</v>
      </c>
      <c r="AL27315">
        <v>43</v>
      </c>
      <c r="AM27315">
        <v>43</v>
      </c>
      <c r="AN27315">
        <v>43</v>
      </c>
      <c r="AO27315">
        <v>43</v>
      </c>
      <c r="AP27315">
        <v>43</v>
      </c>
      <c r="AQ27315">
        <v>43</v>
      </c>
    </row>
    <row r="27316" spans="1:43">
      <c r="A27316" t="s">
        <v>16903</v>
      </c>
      <c r="B27316" t="s">
        <v>16904</v>
      </c>
      <c r="C27316" t="s">
        <v>16901</v>
      </c>
      <c r="D27316" t="s">
        <v>16902</v>
      </c>
      <c r="E27316" t="s">
        <v>16695</v>
      </c>
      <c r="F27316" t="s">
        <v>16696</v>
      </c>
      <c r="G27316" t="s">
        <v>16559</v>
      </c>
      <c r="H27316" t="s">
        <v>16560</v>
      </c>
      <c r="I27316" s="2">
        <v>1</v>
      </c>
      <c r="J27316" s="2">
        <v>0</v>
      </c>
      <c r="K27316" s="2">
        <v>0</v>
      </c>
      <c r="L27316" t="s">
        <v>120</v>
      </c>
      <c r="M27316" t="s">
        <v>89</v>
      </c>
      <c r="N27316" t="s">
        <v>90</v>
      </c>
      <c r="O27316" t="s">
        <v>85</v>
      </c>
      <c r="P27316" t="s">
        <v>86</v>
      </c>
      <c r="Q27316">
        <v>46</v>
      </c>
      <c r="R27316">
        <v>47</v>
      </c>
      <c r="S27316">
        <v>48</v>
      </c>
      <c r="T27316">
        <v>48</v>
      </c>
      <c r="U27316">
        <v>49</v>
      </c>
      <c r="V27316">
        <v>49</v>
      </c>
      <c r="W27316">
        <v>50</v>
      </c>
      <c r="X27316">
        <v>50</v>
      </c>
      <c r="Y27316">
        <v>50</v>
      </c>
      <c r="Z27316">
        <v>51</v>
      </c>
      <c r="AA27316">
        <v>51</v>
      </c>
      <c r="AB27316">
        <v>51</v>
      </c>
      <c r="AC27316">
        <v>52</v>
      </c>
      <c r="AD27316">
        <v>52</v>
      </c>
      <c r="AE27316">
        <v>52</v>
      </c>
      <c r="AF27316">
        <v>52</v>
      </c>
      <c r="AG27316">
        <v>52</v>
      </c>
      <c r="AH27316">
        <v>51</v>
      </c>
      <c r="AI27316">
        <v>51</v>
      </c>
      <c r="AJ27316">
        <v>51</v>
      </c>
      <c r="AK27316">
        <v>50</v>
      </c>
      <c r="AL27316">
        <v>50</v>
      </c>
      <c r="AM27316">
        <v>50</v>
      </c>
      <c r="AN27316">
        <v>50</v>
      </c>
      <c r="AO27316">
        <v>49</v>
      </c>
      <c r="AP27316">
        <v>49</v>
      </c>
      <c r="AQ27316">
        <v>49</v>
      </c>
    </row>
    <row r="27317" spans="1:43">
      <c r="A27317" t="s">
        <v>16903</v>
      </c>
      <c r="B27317" t="s">
        <v>16904</v>
      </c>
      <c r="C27317" t="s">
        <v>16901</v>
      </c>
      <c r="D27317" t="s">
        <v>16902</v>
      </c>
      <c r="E27317" t="s">
        <v>16695</v>
      </c>
      <c r="F27317" t="s">
        <v>16696</v>
      </c>
      <c r="G27317" t="s">
        <v>16559</v>
      </c>
      <c r="H27317" t="s">
        <v>16560</v>
      </c>
      <c r="I27317" s="2">
        <v>1</v>
      </c>
      <c r="J27317" s="2">
        <v>0</v>
      </c>
      <c r="K27317" s="2">
        <v>0</v>
      </c>
      <c r="L27317" t="s">
        <v>120</v>
      </c>
      <c r="M27317" t="s">
        <v>83</v>
      </c>
      <c r="N27317" t="s">
        <v>91</v>
      </c>
      <c r="O27317" t="s">
        <v>85</v>
      </c>
      <c r="P27317" t="s">
        <v>86</v>
      </c>
      <c r="Q27317">
        <v>46</v>
      </c>
      <c r="R27317">
        <v>46</v>
      </c>
      <c r="S27317">
        <v>46</v>
      </c>
      <c r="T27317">
        <v>47</v>
      </c>
      <c r="U27317">
        <v>47</v>
      </c>
      <c r="V27317">
        <v>47</v>
      </c>
      <c r="W27317">
        <v>47</v>
      </c>
      <c r="X27317">
        <v>47</v>
      </c>
      <c r="Y27317">
        <v>48</v>
      </c>
      <c r="Z27317">
        <v>48</v>
      </c>
      <c r="AA27317">
        <v>48</v>
      </c>
      <c r="AB27317">
        <v>48</v>
      </c>
      <c r="AC27317">
        <v>48</v>
      </c>
      <c r="AD27317">
        <v>48</v>
      </c>
      <c r="AE27317">
        <v>49</v>
      </c>
      <c r="AF27317">
        <v>49</v>
      </c>
      <c r="AG27317">
        <v>49</v>
      </c>
      <c r="AH27317">
        <v>49</v>
      </c>
      <c r="AI27317">
        <v>49</v>
      </c>
      <c r="AJ27317">
        <v>49</v>
      </c>
      <c r="AK27317">
        <v>50</v>
      </c>
      <c r="AL27317">
        <v>49</v>
      </c>
      <c r="AM27317">
        <v>49</v>
      </c>
      <c r="AN27317">
        <v>49</v>
      </c>
      <c r="AO27317">
        <v>49</v>
      </c>
      <c r="AP27317">
        <v>48</v>
      </c>
      <c r="AQ27317">
        <v>48</v>
      </c>
    </row>
    <row r="27318" spans="1:43">
      <c r="A27318" t="s">
        <v>16905</v>
      </c>
      <c r="B27318" t="s">
        <v>16906</v>
      </c>
      <c r="C27318" t="s">
        <v>16901</v>
      </c>
      <c r="D27318" t="s">
        <v>16902</v>
      </c>
      <c r="E27318" t="s">
        <v>16695</v>
      </c>
      <c r="F27318" t="s">
        <v>16696</v>
      </c>
      <c r="G27318" t="s">
        <v>16559</v>
      </c>
      <c r="H27318" t="s">
        <v>16560</v>
      </c>
      <c r="I27318" s="2">
        <v>1</v>
      </c>
      <c r="J27318" s="2">
        <v>0</v>
      </c>
      <c r="K27318" s="2">
        <v>0</v>
      </c>
      <c r="L27318" t="s">
        <v>120</v>
      </c>
      <c r="M27318" t="s">
        <v>83</v>
      </c>
      <c r="N27318" t="s">
        <v>84</v>
      </c>
      <c r="O27318" t="s">
        <v>85</v>
      </c>
      <c r="P27318" t="s">
        <v>86</v>
      </c>
      <c r="Q27318">
        <v>16</v>
      </c>
      <c r="R27318">
        <v>17</v>
      </c>
      <c r="S27318">
        <v>17</v>
      </c>
      <c r="T27318">
        <v>17</v>
      </c>
      <c r="U27318">
        <v>17</v>
      </c>
      <c r="V27318">
        <v>17</v>
      </c>
      <c r="W27318">
        <v>17</v>
      </c>
      <c r="X27318">
        <v>17</v>
      </c>
      <c r="Y27318">
        <v>17</v>
      </c>
      <c r="Z27318">
        <v>17</v>
      </c>
      <c r="AA27318">
        <v>17</v>
      </c>
      <c r="AB27318">
        <v>17</v>
      </c>
      <c r="AC27318">
        <v>17</v>
      </c>
      <c r="AD27318">
        <v>18</v>
      </c>
      <c r="AE27318">
        <v>18</v>
      </c>
      <c r="AF27318">
        <v>18</v>
      </c>
      <c r="AG27318">
        <v>18</v>
      </c>
      <c r="AH27318">
        <v>18</v>
      </c>
      <c r="AI27318">
        <v>18</v>
      </c>
      <c r="AJ27318">
        <v>18</v>
      </c>
      <c r="AK27318">
        <v>18</v>
      </c>
      <c r="AL27318">
        <v>18</v>
      </c>
      <c r="AM27318">
        <v>18</v>
      </c>
      <c r="AN27318">
        <v>18</v>
      </c>
      <c r="AO27318">
        <v>18</v>
      </c>
      <c r="AP27318">
        <v>18</v>
      </c>
      <c r="AQ27318">
        <v>18</v>
      </c>
    </row>
    <row r="27319" spans="1:43">
      <c r="A27319" t="s">
        <v>16905</v>
      </c>
      <c r="B27319" t="s">
        <v>16906</v>
      </c>
      <c r="C27319" t="s">
        <v>16901</v>
      </c>
      <c r="D27319" t="s">
        <v>16902</v>
      </c>
      <c r="E27319" t="s">
        <v>16695</v>
      </c>
      <c r="F27319" t="s">
        <v>16696</v>
      </c>
      <c r="G27319" t="s">
        <v>16559</v>
      </c>
      <c r="H27319" t="s">
        <v>16560</v>
      </c>
      <c r="I27319" s="2">
        <v>1</v>
      </c>
      <c r="J27319" s="2">
        <v>0</v>
      </c>
      <c r="K27319" s="2">
        <v>0</v>
      </c>
      <c r="L27319" t="s">
        <v>120</v>
      </c>
      <c r="M27319" t="s">
        <v>87</v>
      </c>
      <c r="N27319" t="s">
        <v>88</v>
      </c>
      <c r="O27319" t="s">
        <v>85</v>
      </c>
      <c r="P27319" t="s">
        <v>86</v>
      </c>
      <c r="Q27319">
        <v>16</v>
      </c>
      <c r="R27319">
        <v>16</v>
      </c>
      <c r="S27319">
        <v>16</v>
      </c>
      <c r="T27319">
        <v>16</v>
      </c>
      <c r="U27319">
        <v>16</v>
      </c>
      <c r="V27319">
        <v>16</v>
      </c>
      <c r="W27319">
        <v>16</v>
      </c>
      <c r="X27319">
        <v>16</v>
      </c>
      <c r="Y27319">
        <v>16</v>
      </c>
      <c r="Z27319">
        <v>16</v>
      </c>
      <c r="AA27319">
        <v>16</v>
      </c>
      <c r="AB27319">
        <v>16</v>
      </c>
      <c r="AC27319">
        <v>16</v>
      </c>
      <c r="AD27319">
        <v>16</v>
      </c>
      <c r="AE27319">
        <v>16</v>
      </c>
      <c r="AF27319">
        <v>16</v>
      </c>
      <c r="AG27319">
        <v>16</v>
      </c>
      <c r="AH27319">
        <v>15</v>
      </c>
      <c r="AI27319">
        <v>15</v>
      </c>
      <c r="AJ27319">
        <v>15</v>
      </c>
      <c r="AK27319">
        <v>15</v>
      </c>
      <c r="AL27319">
        <v>15</v>
      </c>
      <c r="AM27319">
        <v>15</v>
      </c>
      <c r="AN27319">
        <v>15</v>
      </c>
      <c r="AO27319">
        <v>15</v>
      </c>
      <c r="AP27319">
        <v>15</v>
      </c>
      <c r="AQ27319">
        <v>15</v>
      </c>
    </row>
    <row r="27320" spans="1:43">
      <c r="A27320" t="s">
        <v>16905</v>
      </c>
      <c r="B27320" t="s">
        <v>16906</v>
      </c>
      <c r="C27320" t="s">
        <v>16901</v>
      </c>
      <c r="D27320" t="s">
        <v>16902</v>
      </c>
      <c r="E27320" t="s">
        <v>16695</v>
      </c>
      <c r="F27320" t="s">
        <v>16696</v>
      </c>
      <c r="G27320" t="s">
        <v>16559</v>
      </c>
      <c r="H27320" t="s">
        <v>16560</v>
      </c>
      <c r="I27320" s="2">
        <v>1</v>
      </c>
      <c r="J27320" s="2">
        <v>0</v>
      </c>
      <c r="K27320" s="2">
        <v>0</v>
      </c>
      <c r="L27320" t="s">
        <v>120</v>
      </c>
      <c r="M27320" t="s">
        <v>89</v>
      </c>
      <c r="N27320" t="s">
        <v>90</v>
      </c>
      <c r="O27320" t="s">
        <v>85</v>
      </c>
      <c r="P27320" t="s">
        <v>86</v>
      </c>
      <c r="Q27320">
        <v>16</v>
      </c>
      <c r="R27320">
        <v>16</v>
      </c>
      <c r="S27320">
        <v>16</v>
      </c>
      <c r="T27320">
        <v>16</v>
      </c>
      <c r="U27320">
        <v>16</v>
      </c>
      <c r="V27320">
        <v>17</v>
      </c>
      <c r="W27320">
        <v>17</v>
      </c>
      <c r="X27320">
        <v>17</v>
      </c>
      <c r="Y27320">
        <v>17</v>
      </c>
      <c r="Z27320">
        <v>17</v>
      </c>
      <c r="AA27320">
        <v>17</v>
      </c>
      <c r="AB27320">
        <v>18</v>
      </c>
      <c r="AC27320">
        <v>18</v>
      </c>
      <c r="AD27320">
        <v>18</v>
      </c>
      <c r="AE27320">
        <v>18</v>
      </c>
      <c r="AF27320">
        <v>18</v>
      </c>
      <c r="AG27320">
        <v>18</v>
      </c>
      <c r="AH27320">
        <v>18</v>
      </c>
      <c r="AI27320">
        <v>18</v>
      </c>
      <c r="AJ27320">
        <v>17</v>
      </c>
      <c r="AK27320">
        <v>17</v>
      </c>
      <c r="AL27320">
        <v>17</v>
      </c>
      <c r="AM27320">
        <v>17</v>
      </c>
      <c r="AN27320">
        <v>17</v>
      </c>
      <c r="AO27320">
        <v>17</v>
      </c>
      <c r="AP27320">
        <v>17</v>
      </c>
      <c r="AQ27320">
        <v>17</v>
      </c>
    </row>
    <row r="27321" spans="1:43">
      <c r="A27321" t="s">
        <v>16905</v>
      </c>
      <c r="B27321" t="s">
        <v>16906</v>
      </c>
      <c r="C27321" t="s">
        <v>16901</v>
      </c>
      <c r="D27321" t="s">
        <v>16902</v>
      </c>
      <c r="E27321" t="s">
        <v>16695</v>
      </c>
      <c r="F27321" t="s">
        <v>16696</v>
      </c>
      <c r="G27321" t="s">
        <v>16559</v>
      </c>
      <c r="H27321" t="s">
        <v>16560</v>
      </c>
      <c r="I27321" s="2">
        <v>1</v>
      </c>
      <c r="J27321" s="2">
        <v>0</v>
      </c>
      <c r="K27321" s="2">
        <v>0</v>
      </c>
      <c r="L27321" t="s">
        <v>120</v>
      </c>
      <c r="M27321" t="s">
        <v>83</v>
      </c>
      <c r="N27321" t="s">
        <v>91</v>
      </c>
      <c r="O27321" t="s">
        <v>85</v>
      </c>
      <c r="P27321" t="s">
        <v>86</v>
      </c>
      <c r="Q27321">
        <v>16</v>
      </c>
      <c r="R27321">
        <v>17</v>
      </c>
      <c r="S27321">
        <v>17</v>
      </c>
      <c r="T27321">
        <v>17</v>
      </c>
      <c r="U27321">
        <v>17</v>
      </c>
      <c r="V27321">
        <v>17</v>
      </c>
      <c r="W27321">
        <v>17</v>
      </c>
      <c r="X27321">
        <v>17</v>
      </c>
      <c r="Y27321">
        <v>17</v>
      </c>
      <c r="Z27321">
        <v>17</v>
      </c>
      <c r="AA27321">
        <v>17</v>
      </c>
      <c r="AB27321">
        <v>17</v>
      </c>
      <c r="AC27321">
        <v>17</v>
      </c>
      <c r="AD27321">
        <v>18</v>
      </c>
      <c r="AE27321">
        <v>18</v>
      </c>
      <c r="AF27321">
        <v>18</v>
      </c>
      <c r="AG27321">
        <v>18</v>
      </c>
      <c r="AH27321">
        <v>18</v>
      </c>
      <c r="AI27321">
        <v>18</v>
      </c>
      <c r="AJ27321">
        <v>18</v>
      </c>
      <c r="AK27321">
        <v>18</v>
      </c>
      <c r="AL27321">
        <v>18</v>
      </c>
      <c r="AM27321">
        <v>18</v>
      </c>
      <c r="AN27321">
        <v>18</v>
      </c>
      <c r="AO27321">
        <v>18</v>
      </c>
      <c r="AP27321">
        <v>18</v>
      </c>
      <c r="AQ27321">
        <v>18</v>
      </c>
    </row>
    <row r="27322" spans="1:43">
      <c r="A27322" t="s">
        <v>16907</v>
      </c>
      <c r="B27322" t="s">
        <v>16908</v>
      </c>
      <c r="C27322" t="s">
        <v>16901</v>
      </c>
      <c r="D27322" t="s">
        <v>16902</v>
      </c>
      <c r="E27322" t="s">
        <v>16695</v>
      </c>
      <c r="F27322" t="s">
        <v>16696</v>
      </c>
      <c r="G27322" t="s">
        <v>16559</v>
      </c>
      <c r="H27322" t="s">
        <v>16560</v>
      </c>
      <c r="I27322" s="2">
        <v>1</v>
      </c>
      <c r="J27322" s="2">
        <v>0</v>
      </c>
      <c r="K27322" s="2">
        <v>0</v>
      </c>
      <c r="L27322" t="s">
        <v>120</v>
      </c>
      <c r="M27322" t="s">
        <v>83</v>
      </c>
      <c r="N27322" t="s">
        <v>84</v>
      </c>
      <c r="O27322" t="s">
        <v>85</v>
      </c>
      <c r="P27322" t="s">
        <v>86</v>
      </c>
      <c r="Q27322">
        <v>29</v>
      </c>
      <c r="R27322">
        <v>29</v>
      </c>
      <c r="S27322">
        <v>29</v>
      </c>
      <c r="T27322">
        <v>30</v>
      </c>
      <c r="U27322">
        <v>30</v>
      </c>
      <c r="V27322">
        <v>30</v>
      </c>
      <c r="W27322">
        <v>30</v>
      </c>
      <c r="X27322">
        <v>30</v>
      </c>
      <c r="Y27322">
        <v>30</v>
      </c>
      <c r="Z27322">
        <v>30</v>
      </c>
      <c r="AA27322">
        <v>31</v>
      </c>
      <c r="AB27322">
        <v>31</v>
      </c>
      <c r="AC27322">
        <v>31</v>
      </c>
      <c r="AD27322">
        <v>31</v>
      </c>
      <c r="AE27322">
        <v>31</v>
      </c>
      <c r="AF27322">
        <v>31</v>
      </c>
      <c r="AG27322">
        <v>31</v>
      </c>
      <c r="AH27322">
        <v>31</v>
      </c>
      <c r="AI27322">
        <v>32</v>
      </c>
      <c r="AJ27322">
        <v>32</v>
      </c>
      <c r="AK27322">
        <v>32</v>
      </c>
      <c r="AL27322">
        <v>32</v>
      </c>
      <c r="AM27322">
        <v>32</v>
      </c>
      <c r="AN27322">
        <v>31</v>
      </c>
      <c r="AO27322">
        <v>31</v>
      </c>
      <c r="AP27322">
        <v>31</v>
      </c>
      <c r="AQ27322">
        <v>31</v>
      </c>
    </row>
    <row r="27323" spans="1:43">
      <c r="A27323" t="s">
        <v>16907</v>
      </c>
      <c r="B27323" t="s">
        <v>16908</v>
      </c>
      <c r="C27323" t="s">
        <v>16901</v>
      </c>
      <c r="D27323" t="s">
        <v>16902</v>
      </c>
      <c r="E27323" t="s">
        <v>16695</v>
      </c>
      <c r="F27323" t="s">
        <v>16696</v>
      </c>
      <c r="G27323" t="s">
        <v>16559</v>
      </c>
      <c r="H27323" t="s">
        <v>16560</v>
      </c>
      <c r="I27323" s="2">
        <v>1</v>
      </c>
      <c r="J27323" s="2">
        <v>0</v>
      </c>
      <c r="K27323" s="2">
        <v>0</v>
      </c>
      <c r="L27323" t="s">
        <v>120</v>
      </c>
      <c r="M27323" t="s">
        <v>87</v>
      </c>
      <c r="N27323" t="s">
        <v>88</v>
      </c>
      <c r="O27323" t="s">
        <v>85</v>
      </c>
      <c r="P27323" t="s">
        <v>86</v>
      </c>
      <c r="Q27323">
        <v>29</v>
      </c>
      <c r="R27323">
        <v>29</v>
      </c>
      <c r="S27323">
        <v>29</v>
      </c>
      <c r="T27323">
        <v>29</v>
      </c>
      <c r="U27323">
        <v>28</v>
      </c>
      <c r="V27323">
        <v>28</v>
      </c>
      <c r="W27323">
        <v>28</v>
      </c>
      <c r="X27323">
        <v>28</v>
      </c>
      <c r="Y27323">
        <v>28</v>
      </c>
      <c r="Z27323">
        <v>28</v>
      </c>
      <c r="AA27323">
        <v>28</v>
      </c>
      <c r="AB27323">
        <v>28</v>
      </c>
      <c r="AC27323">
        <v>28</v>
      </c>
      <c r="AD27323">
        <v>28</v>
      </c>
      <c r="AE27323">
        <v>27</v>
      </c>
      <c r="AF27323">
        <v>27</v>
      </c>
      <c r="AG27323">
        <v>27</v>
      </c>
      <c r="AH27323">
        <v>27</v>
      </c>
      <c r="AI27323">
        <v>27</v>
      </c>
      <c r="AJ27323">
        <v>27</v>
      </c>
      <c r="AK27323">
        <v>27</v>
      </c>
      <c r="AL27323">
        <v>27</v>
      </c>
      <c r="AM27323">
        <v>27</v>
      </c>
      <c r="AN27323">
        <v>27</v>
      </c>
      <c r="AO27323">
        <v>27</v>
      </c>
      <c r="AP27323">
        <v>27</v>
      </c>
      <c r="AQ27323">
        <v>27</v>
      </c>
    </row>
    <row r="27324" spans="1:43">
      <c r="A27324" t="s">
        <v>16907</v>
      </c>
      <c r="B27324" t="s">
        <v>16908</v>
      </c>
      <c r="C27324" t="s">
        <v>16901</v>
      </c>
      <c r="D27324" t="s">
        <v>16902</v>
      </c>
      <c r="E27324" t="s">
        <v>16695</v>
      </c>
      <c r="F27324" t="s">
        <v>16696</v>
      </c>
      <c r="G27324" t="s">
        <v>16559</v>
      </c>
      <c r="H27324" t="s">
        <v>16560</v>
      </c>
      <c r="I27324" s="2">
        <v>1</v>
      </c>
      <c r="J27324" s="2">
        <v>0</v>
      </c>
      <c r="K27324" s="2">
        <v>0</v>
      </c>
      <c r="L27324" t="s">
        <v>120</v>
      </c>
      <c r="M27324" t="s">
        <v>89</v>
      </c>
      <c r="N27324" t="s">
        <v>90</v>
      </c>
      <c r="O27324" t="s">
        <v>85</v>
      </c>
      <c r="P27324" t="s">
        <v>86</v>
      </c>
      <c r="Q27324">
        <v>29</v>
      </c>
      <c r="R27324">
        <v>30</v>
      </c>
      <c r="S27324">
        <v>30</v>
      </c>
      <c r="T27324">
        <v>31</v>
      </c>
      <c r="U27324">
        <v>31</v>
      </c>
      <c r="V27324">
        <v>31</v>
      </c>
      <c r="W27324">
        <v>32</v>
      </c>
      <c r="X27324">
        <v>32</v>
      </c>
      <c r="Y27324">
        <v>32</v>
      </c>
      <c r="Z27324">
        <v>32</v>
      </c>
      <c r="AA27324">
        <v>33</v>
      </c>
      <c r="AB27324">
        <v>33</v>
      </c>
      <c r="AC27324">
        <v>33</v>
      </c>
      <c r="AD27324">
        <v>33</v>
      </c>
      <c r="AE27324">
        <v>33</v>
      </c>
      <c r="AF27324">
        <v>33</v>
      </c>
      <c r="AG27324">
        <v>33</v>
      </c>
      <c r="AH27324">
        <v>33</v>
      </c>
      <c r="AI27324">
        <v>33</v>
      </c>
      <c r="AJ27324">
        <v>33</v>
      </c>
      <c r="AK27324">
        <v>32</v>
      </c>
      <c r="AL27324">
        <v>32</v>
      </c>
      <c r="AM27324">
        <v>32</v>
      </c>
      <c r="AN27324">
        <v>32</v>
      </c>
      <c r="AO27324">
        <v>32</v>
      </c>
      <c r="AP27324">
        <v>32</v>
      </c>
      <c r="AQ27324">
        <v>31</v>
      </c>
    </row>
    <row r="27325" spans="1:43">
      <c r="A27325" t="s">
        <v>16907</v>
      </c>
      <c r="B27325" t="s">
        <v>16908</v>
      </c>
      <c r="C27325" t="s">
        <v>16901</v>
      </c>
      <c r="D27325" t="s">
        <v>16902</v>
      </c>
      <c r="E27325" t="s">
        <v>16695</v>
      </c>
      <c r="F27325" t="s">
        <v>16696</v>
      </c>
      <c r="G27325" t="s">
        <v>16559</v>
      </c>
      <c r="H27325" t="s">
        <v>16560</v>
      </c>
      <c r="I27325" s="2">
        <v>1</v>
      </c>
      <c r="J27325" s="2">
        <v>0</v>
      </c>
      <c r="K27325" s="2">
        <v>0</v>
      </c>
      <c r="L27325" t="s">
        <v>120</v>
      </c>
      <c r="M27325" t="s">
        <v>83</v>
      </c>
      <c r="N27325" t="s">
        <v>91</v>
      </c>
      <c r="O27325" t="s">
        <v>85</v>
      </c>
      <c r="P27325" t="s">
        <v>86</v>
      </c>
      <c r="Q27325">
        <v>29</v>
      </c>
      <c r="R27325">
        <v>29</v>
      </c>
      <c r="S27325">
        <v>29</v>
      </c>
      <c r="T27325">
        <v>30</v>
      </c>
      <c r="U27325">
        <v>30</v>
      </c>
      <c r="V27325">
        <v>30</v>
      </c>
      <c r="W27325">
        <v>30</v>
      </c>
      <c r="X27325">
        <v>30</v>
      </c>
      <c r="Y27325">
        <v>30</v>
      </c>
      <c r="Z27325">
        <v>30</v>
      </c>
      <c r="AA27325">
        <v>31</v>
      </c>
      <c r="AB27325">
        <v>31</v>
      </c>
      <c r="AC27325">
        <v>31</v>
      </c>
      <c r="AD27325">
        <v>31</v>
      </c>
      <c r="AE27325">
        <v>31</v>
      </c>
      <c r="AF27325">
        <v>31</v>
      </c>
      <c r="AG27325">
        <v>31</v>
      </c>
      <c r="AH27325">
        <v>31</v>
      </c>
      <c r="AI27325">
        <v>32</v>
      </c>
      <c r="AJ27325">
        <v>32</v>
      </c>
      <c r="AK27325">
        <v>32</v>
      </c>
      <c r="AL27325">
        <v>32</v>
      </c>
      <c r="AM27325">
        <v>32</v>
      </c>
      <c r="AN27325">
        <v>31</v>
      </c>
      <c r="AO27325">
        <v>31</v>
      </c>
      <c r="AP27325">
        <v>31</v>
      </c>
      <c r="AQ27325">
        <v>31</v>
      </c>
    </row>
    <row r="27326" spans="1:43">
      <c r="A27326" t="s">
        <v>16909</v>
      </c>
      <c r="B27326" t="s">
        <v>16910</v>
      </c>
      <c r="C27326" t="s">
        <v>16911</v>
      </c>
      <c r="D27326" t="s">
        <v>16912</v>
      </c>
      <c r="E27326" t="s">
        <v>16695</v>
      </c>
      <c r="F27326" t="s">
        <v>16696</v>
      </c>
      <c r="G27326" t="s">
        <v>16559</v>
      </c>
      <c r="H27326" t="s">
        <v>16560</v>
      </c>
      <c r="I27326" s="2">
        <v>1</v>
      </c>
      <c r="J27326" s="2">
        <v>0</v>
      </c>
      <c r="K27326" s="2">
        <v>0</v>
      </c>
      <c r="L27326" t="s">
        <v>120</v>
      </c>
      <c r="M27326" t="s">
        <v>83</v>
      </c>
      <c r="N27326" t="s">
        <v>84</v>
      </c>
      <c r="O27326" t="s">
        <v>85</v>
      </c>
      <c r="P27326" t="s">
        <v>86</v>
      </c>
      <c r="Q27326">
        <v>23</v>
      </c>
      <c r="R27326">
        <v>23</v>
      </c>
      <c r="S27326">
        <v>23</v>
      </c>
      <c r="T27326">
        <v>23</v>
      </c>
      <c r="U27326">
        <v>23</v>
      </c>
      <c r="V27326">
        <v>23</v>
      </c>
      <c r="W27326">
        <v>24</v>
      </c>
      <c r="X27326">
        <v>24</v>
      </c>
      <c r="Y27326">
        <v>24</v>
      </c>
      <c r="Z27326">
        <v>24</v>
      </c>
      <c r="AA27326">
        <v>24</v>
      </c>
      <c r="AB27326">
        <v>24</v>
      </c>
      <c r="AC27326">
        <v>24</v>
      </c>
      <c r="AD27326">
        <v>24</v>
      </c>
      <c r="AE27326">
        <v>24</v>
      </c>
      <c r="AF27326">
        <v>24</v>
      </c>
      <c r="AG27326">
        <v>24</v>
      </c>
      <c r="AH27326">
        <v>24</v>
      </c>
      <c r="AI27326">
        <v>25</v>
      </c>
      <c r="AJ27326">
        <v>25</v>
      </c>
      <c r="AK27326">
        <v>25</v>
      </c>
      <c r="AL27326">
        <v>25</v>
      </c>
      <c r="AM27326">
        <v>24</v>
      </c>
      <c r="AN27326">
        <v>24</v>
      </c>
      <c r="AO27326">
        <v>24</v>
      </c>
      <c r="AP27326">
        <v>24</v>
      </c>
      <c r="AQ27326">
        <v>24</v>
      </c>
    </row>
    <row r="27327" spans="1:43">
      <c r="A27327" t="s">
        <v>16909</v>
      </c>
      <c r="B27327" t="s">
        <v>16910</v>
      </c>
      <c r="C27327" t="s">
        <v>16911</v>
      </c>
      <c r="D27327" t="s">
        <v>16912</v>
      </c>
      <c r="E27327" t="s">
        <v>16695</v>
      </c>
      <c r="F27327" t="s">
        <v>16696</v>
      </c>
      <c r="G27327" t="s">
        <v>16559</v>
      </c>
      <c r="H27327" t="s">
        <v>16560</v>
      </c>
      <c r="I27327" s="2">
        <v>1</v>
      </c>
      <c r="J27327" s="2">
        <v>0</v>
      </c>
      <c r="K27327" s="2">
        <v>0</v>
      </c>
      <c r="L27327" t="s">
        <v>120</v>
      </c>
      <c r="M27327" t="s">
        <v>87</v>
      </c>
      <c r="N27327" t="s">
        <v>88</v>
      </c>
      <c r="O27327" t="s">
        <v>85</v>
      </c>
      <c r="P27327" t="s">
        <v>86</v>
      </c>
      <c r="Q27327">
        <v>23</v>
      </c>
      <c r="R27327">
        <v>23</v>
      </c>
      <c r="S27327">
        <v>23</v>
      </c>
      <c r="T27327">
        <v>22</v>
      </c>
      <c r="U27327">
        <v>22</v>
      </c>
      <c r="V27327">
        <v>22</v>
      </c>
      <c r="W27327">
        <v>22</v>
      </c>
      <c r="X27327">
        <v>22</v>
      </c>
      <c r="Y27327">
        <v>22</v>
      </c>
      <c r="Z27327">
        <v>22</v>
      </c>
      <c r="AA27327">
        <v>22</v>
      </c>
      <c r="AB27327">
        <v>22</v>
      </c>
      <c r="AC27327">
        <v>22</v>
      </c>
      <c r="AD27327">
        <v>22</v>
      </c>
      <c r="AE27327">
        <v>21</v>
      </c>
      <c r="AF27327">
        <v>21</v>
      </c>
      <c r="AG27327">
        <v>21</v>
      </c>
      <c r="AH27327">
        <v>21</v>
      </c>
      <c r="AI27327">
        <v>21</v>
      </c>
      <c r="AJ27327">
        <v>21</v>
      </c>
      <c r="AK27327">
        <v>21</v>
      </c>
      <c r="AL27327">
        <v>21</v>
      </c>
      <c r="AM27327">
        <v>21</v>
      </c>
      <c r="AN27327">
        <v>21</v>
      </c>
      <c r="AO27327">
        <v>21</v>
      </c>
      <c r="AP27327">
        <v>21</v>
      </c>
      <c r="AQ27327">
        <v>21</v>
      </c>
    </row>
    <row r="27328" spans="1:43">
      <c r="A27328" t="s">
        <v>16909</v>
      </c>
      <c r="B27328" t="s">
        <v>16910</v>
      </c>
      <c r="C27328" t="s">
        <v>16911</v>
      </c>
      <c r="D27328" t="s">
        <v>16912</v>
      </c>
      <c r="E27328" t="s">
        <v>16695</v>
      </c>
      <c r="F27328" t="s">
        <v>16696</v>
      </c>
      <c r="G27328" t="s">
        <v>16559</v>
      </c>
      <c r="H27328" t="s">
        <v>16560</v>
      </c>
      <c r="I27328" s="2">
        <v>1</v>
      </c>
      <c r="J27328" s="2">
        <v>0</v>
      </c>
      <c r="K27328" s="2">
        <v>0</v>
      </c>
      <c r="L27328" t="s">
        <v>120</v>
      </c>
      <c r="M27328" t="s">
        <v>89</v>
      </c>
      <c r="N27328" t="s">
        <v>90</v>
      </c>
      <c r="O27328" t="s">
        <v>85</v>
      </c>
      <c r="P27328" t="s">
        <v>86</v>
      </c>
      <c r="Q27328">
        <v>23</v>
      </c>
      <c r="R27328">
        <v>23</v>
      </c>
      <c r="S27328">
        <v>24</v>
      </c>
      <c r="T27328">
        <v>24</v>
      </c>
      <c r="U27328">
        <v>24</v>
      </c>
      <c r="V27328">
        <v>25</v>
      </c>
      <c r="W27328">
        <v>25</v>
      </c>
      <c r="X27328">
        <v>25</v>
      </c>
      <c r="Y27328">
        <v>25</v>
      </c>
      <c r="Z27328">
        <v>25</v>
      </c>
      <c r="AA27328">
        <v>25</v>
      </c>
      <c r="AB27328">
        <v>26</v>
      </c>
      <c r="AC27328">
        <v>26</v>
      </c>
      <c r="AD27328">
        <v>26</v>
      </c>
      <c r="AE27328">
        <v>26</v>
      </c>
      <c r="AF27328">
        <v>26</v>
      </c>
      <c r="AG27328">
        <v>26</v>
      </c>
      <c r="AH27328">
        <v>25</v>
      </c>
      <c r="AI27328">
        <v>25</v>
      </c>
      <c r="AJ27328">
        <v>25</v>
      </c>
      <c r="AK27328">
        <v>25</v>
      </c>
      <c r="AL27328">
        <v>25</v>
      </c>
      <c r="AM27328">
        <v>25</v>
      </c>
      <c r="AN27328">
        <v>25</v>
      </c>
      <c r="AO27328">
        <v>24</v>
      </c>
      <c r="AP27328">
        <v>24</v>
      </c>
      <c r="AQ27328">
        <v>24</v>
      </c>
    </row>
    <row r="27329" spans="1:43">
      <c r="A27329" t="s">
        <v>16909</v>
      </c>
      <c r="B27329" t="s">
        <v>16910</v>
      </c>
      <c r="C27329" t="s">
        <v>16911</v>
      </c>
      <c r="D27329" t="s">
        <v>16912</v>
      </c>
      <c r="E27329" t="s">
        <v>16695</v>
      </c>
      <c r="F27329" t="s">
        <v>16696</v>
      </c>
      <c r="G27329" t="s">
        <v>16559</v>
      </c>
      <c r="H27329" t="s">
        <v>16560</v>
      </c>
      <c r="I27329" s="2">
        <v>1</v>
      </c>
      <c r="J27329" s="2">
        <v>0</v>
      </c>
      <c r="K27329" s="2">
        <v>0</v>
      </c>
      <c r="L27329" t="s">
        <v>120</v>
      </c>
      <c r="M27329" t="s">
        <v>83</v>
      </c>
      <c r="N27329" t="s">
        <v>91</v>
      </c>
      <c r="O27329" t="s">
        <v>85</v>
      </c>
      <c r="P27329" t="s">
        <v>86</v>
      </c>
      <c r="Q27329">
        <v>23</v>
      </c>
      <c r="R27329">
        <v>23</v>
      </c>
      <c r="S27329">
        <v>23</v>
      </c>
      <c r="T27329">
        <v>23</v>
      </c>
      <c r="U27329">
        <v>23</v>
      </c>
      <c r="V27329">
        <v>23</v>
      </c>
      <c r="W27329">
        <v>24</v>
      </c>
      <c r="X27329">
        <v>24</v>
      </c>
      <c r="Y27329">
        <v>24</v>
      </c>
      <c r="Z27329">
        <v>24</v>
      </c>
      <c r="AA27329">
        <v>24</v>
      </c>
      <c r="AB27329">
        <v>24</v>
      </c>
      <c r="AC27329">
        <v>24</v>
      </c>
      <c r="AD27329">
        <v>24</v>
      </c>
      <c r="AE27329">
        <v>24</v>
      </c>
      <c r="AF27329">
        <v>24</v>
      </c>
      <c r="AG27329">
        <v>24</v>
      </c>
      <c r="AH27329">
        <v>24</v>
      </c>
      <c r="AI27329">
        <v>25</v>
      </c>
      <c r="AJ27329">
        <v>25</v>
      </c>
      <c r="AK27329">
        <v>25</v>
      </c>
      <c r="AL27329">
        <v>25</v>
      </c>
      <c r="AM27329">
        <v>24</v>
      </c>
      <c r="AN27329">
        <v>24</v>
      </c>
      <c r="AO27329">
        <v>24</v>
      </c>
      <c r="AP27329">
        <v>24</v>
      </c>
      <c r="AQ27329">
        <v>24</v>
      </c>
    </row>
    <row r="27330" spans="1:43">
      <c r="A27330" t="s">
        <v>16913</v>
      </c>
      <c r="B27330" t="s">
        <v>16914</v>
      </c>
      <c r="C27330" t="s">
        <v>16911</v>
      </c>
      <c r="D27330" t="s">
        <v>16912</v>
      </c>
      <c r="E27330" t="s">
        <v>16695</v>
      </c>
      <c r="F27330" t="s">
        <v>16696</v>
      </c>
      <c r="G27330" t="s">
        <v>16559</v>
      </c>
      <c r="H27330" t="s">
        <v>16560</v>
      </c>
      <c r="I27330" s="2">
        <v>1</v>
      </c>
      <c r="J27330" s="2">
        <v>0</v>
      </c>
      <c r="K27330" s="2">
        <v>0</v>
      </c>
      <c r="L27330" t="s">
        <v>120</v>
      </c>
      <c r="M27330" t="s">
        <v>83</v>
      </c>
      <c r="N27330" t="s">
        <v>84</v>
      </c>
      <c r="O27330" t="s">
        <v>85</v>
      </c>
      <c r="P27330" t="s">
        <v>86</v>
      </c>
      <c r="Q27330">
        <v>32</v>
      </c>
      <c r="R27330">
        <v>32</v>
      </c>
      <c r="S27330">
        <v>32</v>
      </c>
      <c r="T27330">
        <v>33</v>
      </c>
      <c r="U27330">
        <v>33</v>
      </c>
      <c r="V27330">
        <v>33</v>
      </c>
      <c r="W27330">
        <v>33</v>
      </c>
      <c r="X27330">
        <v>33</v>
      </c>
      <c r="Y27330">
        <v>33</v>
      </c>
      <c r="Z27330">
        <v>33</v>
      </c>
      <c r="AA27330">
        <v>34</v>
      </c>
      <c r="AB27330">
        <v>34</v>
      </c>
      <c r="AC27330">
        <v>34</v>
      </c>
      <c r="AD27330">
        <v>34</v>
      </c>
      <c r="AE27330">
        <v>34</v>
      </c>
      <c r="AF27330">
        <v>34</v>
      </c>
      <c r="AG27330">
        <v>34</v>
      </c>
      <c r="AH27330">
        <v>34</v>
      </c>
      <c r="AI27330">
        <v>34</v>
      </c>
      <c r="AJ27330">
        <v>35</v>
      </c>
      <c r="AK27330">
        <v>35</v>
      </c>
      <c r="AL27330">
        <v>34</v>
      </c>
      <c r="AM27330">
        <v>34</v>
      </c>
      <c r="AN27330">
        <v>34</v>
      </c>
      <c r="AO27330">
        <v>34</v>
      </c>
      <c r="AP27330">
        <v>34</v>
      </c>
      <c r="AQ27330">
        <v>33</v>
      </c>
    </row>
    <row r="27331" spans="1:43">
      <c r="A27331" t="s">
        <v>16913</v>
      </c>
      <c r="B27331" t="s">
        <v>16914</v>
      </c>
      <c r="C27331" t="s">
        <v>16911</v>
      </c>
      <c r="D27331" t="s">
        <v>16912</v>
      </c>
      <c r="E27331" t="s">
        <v>16695</v>
      </c>
      <c r="F27331" t="s">
        <v>16696</v>
      </c>
      <c r="G27331" t="s">
        <v>16559</v>
      </c>
      <c r="H27331" t="s">
        <v>16560</v>
      </c>
      <c r="I27331" s="2">
        <v>1</v>
      </c>
      <c r="J27331" s="2">
        <v>0</v>
      </c>
      <c r="K27331" s="2">
        <v>0</v>
      </c>
      <c r="L27331" t="s">
        <v>120</v>
      </c>
      <c r="M27331" t="s">
        <v>87</v>
      </c>
      <c r="N27331" t="s">
        <v>88</v>
      </c>
      <c r="O27331" t="s">
        <v>85</v>
      </c>
      <c r="P27331" t="s">
        <v>86</v>
      </c>
      <c r="Q27331">
        <v>32</v>
      </c>
      <c r="R27331">
        <v>32</v>
      </c>
      <c r="S27331">
        <v>32</v>
      </c>
      <c r="T27331">
        <v>31</v>
      </c>
      <c r="U27331">
        <v>31</v>
      </c>
      <c r="V27331">
        <v>31</v>
      </c>
      <c r="W27331">
        <v>31</v>
      </c>
      <c r="X27331">
        <v>31</v>
      </c>
      <c r="Y27331">
        <v>31</v>
      </c>
      <c r="Z27331">
        <v>31</v>
      </c>
      <c r="AA27331">
        <v>31</v>
      </c>
      <c r="AB27331">
        <v>30</v>
      </c>
      <c r="AC27331">
        <v>30</v>
      </c>
      <c r="AD27331">
        <v>30</v>
      </c>
      <c r="AE27331">
        <v>30</v>
      </c>
      <c r="AF27331">
        <v>30</v>
      </c>
      <c r="AG27331">
        <v>30</v>
      </c>
      <c r="AH27331">
        <v>30</v>
      </c>
      <c r="AI27331">
        <v>30</v>
      </c>
      <c r="AJ27331">
        <v>30</v>
      </c>
      <c r="AK27331">
        <v>30</v>
      </c>
      <c r="AL27331">
        <v>29</v>
      </c>
      <c r="AM27331">
        <v>29</v>
      </c>
      <c r="AN27331">
        <v>29</v>
      </c>
      <c r="AO27331">
        <v>29</v>
      </c>
      <c r="AP27331">
        <v>29</v>
      </c>
      <c r="AQ27331">
        <v>29</v>
      </c>
    </row>
    <row r="27332" spans="1:43">
      <c r="A27332" t="s">
        <v>16913</v>
      </c>
      <c r="B27332" t="s">
        <v>16914</v>
      </c>
      <c r="C27332" t="s">
        <v>16911</v>
      </c>
      <c r="D27332" t="s">
        <v>16912</v>
      </c>
      <c r="E27332" t="s">
        <v>16695</v>
      </c>
      <c r="F27332" t="s">
        <v>16696</v>
      </c>
      <c r="G27332" t="s">
        <v>16559</v>
      </c>
      <c r="H27332" t="s">
        <v>16560</v>
      </c>
      <c r="I27332" s="2">
        <v>1</v>
      </c>
      <c r="J27332" s="2">
        <v>0</v>
      </c>
      <c r="K27332" s="2">
        <v>0</v>
      </c>
      <c r="L27332" t="s">
        <v>120</v>
      </c>
      <c r="M27332" t="s">
        <v>89</v>
      </c>
      <c r="N27332" t="s">
        <v>90</v>
      </c>
      <c r="O27332" t="s">
        <v>85</v>
      </c>
      <c r="P27332" t="s">
        <v>86</v>
      </c>
      <c r="Q27332">
        <v>32</v>
      </c>
      <c r="R27332">
        <v>33</v>
      </c>
      <c r="S27332">
        <v>33</v>
      </c>
      <c r="T27332">
        <v>34</v>
      </c>
      <c r="U27332">
        <v>34</v>
      </c>
      <c r="V27332">
        <v>34</v>
      </c>
      <c r="W27332">
        <v>35</v>
      </c>
      <c r="X27332">
        <v>35</v>
      </c>
      <c r="Y27332">
        <v>35</v>
      </c>
      <c r="Z27332">
        <v>36</v>
      </c>
      <c r="AA27332">
        <v>36</v>
      </c>
      <c r="AB27332">
        <v>36</v>
      </c>
      <c r="AC27332">
        <v>36</v>
      </c>
      <c r="AD27332">
        <v>36</v>
      </c>
      <c r="AE27332">
        <v>36</v>
      </c>
      <c r="AF27332">
        <v>36</v>
      </c>
      <c r="AG27332">
        <v>36</v>
      </c>
      <c r="AH27332">
        <v>36</v>
      </c>
      <c r="AI27332">
        <v>35</v>
      </c>
      <c r="AJ27332">
        <v>35</v>
      </c>
      <c r="AK27332">
        <v>35</v>
      </c>
      <c r="AL27332">
        <v>35</v>
      </c>
      <c r="AM27332">
        <v>35</v>
      </c>
      <c r="AN27332">
        <v>34</v>
      </c>
      <c r="AO27332">
        <v>34</v>
      </c>
      <c r="AP27332">
        <v>34</v>
      </c>
      <c r="AQ27332">
        <v>34</v>
      </c>
    </row>
    <row r="27333" spans="1:43">
      <c r="A27333" t="s">
        <v>16913</v>
      </c>
      <c r="B27333" t="s">
        <v>16914</v>
      </c>
      <c r="C27333" t="s">
        <v>16911</v>
      </c>
      <c r="D27333" t="s">
        <v>16912</v>
      </c>
      <c r="E27333" t="s">
        <v>16695</v>
      </c>
      <c r="F27333" t="s">
        <v>16696</v>
      </c>
      <c r="G27333" t="s">
        <v>16559</v>
      </c>
      <c r="H27333" t="s">
        <v>16560</v>
      </c>
      <c r="I27333" s="2">
        <v>1</v>
      </c>
      <c r="J27333" s="2">
        <v>0</v>
      </c>
      <c r="K27333" s="2">
        <v>0</v>
      </c>
      <c r="L27333" t="s">
        <v>120</v>
      </c>
      <c r="M27333" t="s">
        <v>83</v>
      </c>
      <c r="N27333" t="s">
        <v>91</v>
      </c>
      <c r="O27333" t="s">
        <v>85</v>
      </c>
      <c r="P27333" t="s">
        <v>86</v>
      </c>
      <c r="Q27333">
        <v>32</v>
      </c>
      <c r="R27333">
        <v>32</v>
      </c>
      <c r="S27333">
        <v>32</v>
      </c>
      <c r="T27333">
        <v>33</v>
      </c>
      <c r="U27333">
        <v>33</v>
      </c>
      <c r="V27333">
        <v>33</v>
      </c>
      <c r="W27333">
        <v>33</v>
      </c>
      <c r="X27333">
        <v>33</v>
      </c>
      <c r="Y27333">
        <v>33</v>
      </c>
      <c r="Z27333">
        <v>33</v>
      </c>
      <c r="AA27333">
        <v>34</v>
      </c>
      <c r="AB27333">
        <v>34</v>
      </c>
      <c r="AC27333">
        <v>34</v>
      </c>
      <c r="AD27333">
        <v>34</v>
      </c>
      <c r="AE27333">
        <v>34</v>
      </c>
      <c r="AF27333">
        <v>34</v>
      </c>
      <c r="AG27333">
        <v>34</v>
      </c>
      <c r="AH27333">
        <v>34</v>
      </c>
      <c r="AI27333">
        <v>34</v>
      </c>
      <c r="AJ27333">
        <v>35</v>
      </c>
      <c r="AK27333">
        <v>35</v>
      </c>
      <c r="AL27333">
        <v>34</v>
      </c>
      <c r="AM27333">
        <v>34</v>
      </c>
      <c r="AN27333">
        <v>34</v>
      </c>
      <c r="AO27333">
        <v>34</v>
      </c>
      <c r="AP27333">
        <v>34</v>
      </c>
      <c r="AQ27333">
        <v>33</v>
      </c>
    </row>
    <row r="27334" spans="1:43">
      <c r="A27334" t="s">
        <v>16915</v>
      </c>
      <c r="B27334" t="s">
        <v>16916</v>
      </c>
      <c r="C27334" t="s">
        <v>16911</v>
      </c>
      <c r="D27334" t="s">
        <v>16912</v>
      </c>
      <c r="E27334" t="s">
        <v>16695</v>
      </c>
      <c r="F27334" t="s">
        <v>16696</v>
      </c>
      <c r="G27334" t="s">
        <v>16559</v>
      </c>
      <c r="H27334" t="s">
        <v>16560</v>
      </c>
      <c r="I27334" s="2">
        <v>1</v>
      </c>
      <c r="J27334" s="2">
        <v>0</v>
      </c>
      <c r="K27334" s="2">
        <v>0</v>
      </c>
      <c r="L27334" t="s">
        <v>120</v>
      </c>
      <c r="M27334" t="s">
        <v>83</v>
      </c>
      <c r="N27334" t="s">
        <v>84</v>
      </c>
      <c r="O27334" t="s">
        <v>85</v>
      </c>
      <c r="P27334" t="s">
        <v>86</v>
      </c>
      <c r="Q27334">
        <v>10</v>
      </c>
      <c r="R27334">
        <v>10</v>
      </c>
      <c r="S27334">
        <v>10</v>
      </c>
      <c r="T27334">
        <v>10</v>
      </c>
      <c r="U27334">
        <v>10</v>
      </c>
      <c r="V27334">
        <v>10</v>
      </c>
      <c r="W27334">
        <v>10</v>
      </c>
      <c r="X27334">
        <v>10</v>
      </c>
      <c r="Y27334">
        <v>11</v>
      </c>
      <c r="Z27334">
        <v>11</v>
      </c>
      <c r="AA27334">
        <v>11</v>
      </c>
      <c r="AB27334">
        <v>11</v>
      </c>
      <c r="AC27334">
        <v>11</v>
      </c>
      <c r="AD27334">
        <v>11</v>
      </c>
      <c r="AE27334">
        <v>11</v>
      </c>
      <c r="AF27334">
        <v>11</v>
      </c>
      <c r="AG27334">
        <v>11</v>
      </c>
      <c r="AH27334">
        <v>11</v>
      </c>
      <c r="AI27334">
        <v>11</v>
      </c>
      <c r="AJ27334">
        <v>11</v>
      </c>
      <c r="AK27334">
        <v>11</v>
      </c>
      <c r="AL27334">
        <v>11</v>
      </c>
      <c r="AM27334">
        <v>11</v>
      </c>
      <c r="AN27334">
        <v>11</v>
      </c>
      <c r="AO27334">
        <v>11</v>
      </c>
      <c r="AP27334">
        <v>11</v>
      </c>
      <c r="AQ27334">
        <v>11</v>
      </c>
    </row>
    <row r="27335" spans="1:43">
      <c r="A27335" t="s">
        <v>16915</v>
      </c>
      <c r="B27335" t="s">
        <v>16916</v>
      </c>
      <c r="C27335" t="s">
        <v>16911</v>
      </c>
      <c r="D27335" t="s">
        <v>16912</v>
      </c>
      <c r="E27335" t="s">
        <v>16695</v>
      </c>
      <c r="F27335" t="s">
        <v>16696</v>
      </c>
      <c r="G27335" t="s">
        <v>16559</v>
      </c>
      <c r="H27335" t="s">
        <v>16560</v>
      </c>
      <c r="I27335" s="2">
        <v>1</v>
      </c>
      <c r="J27335" s="2">
        <v>0</v>
      </c>
      <c r="K27335" s="2">
        <v>0</v>
      </c>
      <c r="L27335" t="s">
        <v>120</v>
      </c>
      <c r="M27335" t="s">
        <v>87</v>
      </c>
      <c r="N27335" t="s">
        <v>88</v>
      </c>
      <c r="O27335" t="s">
        <v>85</v>
      </c>
      <c r="P27335" t="s">
        <v>86</v>
      </c>
      <c r="Q27335">
        <v>10</v>
      </c>
      <c r="R27335">
        <v>10</v>
      </c>
      <c r="S27335">
        <v>10</v>
      </c>
      <c r="T27335">
        <v>10</v>
      </c>
      <c r="U27335">
        <v>10</v>
      </c>
      <c r="V27335">
        <v>10</v>
      </c>
      <c r="W27335">
        <v>10</v>
      </c>
      <c r="X27335">
        <v>10</v>
      </c>
      <c r="Y27335">
        <v>10</v>
      </c>
      <c r="Z27335">
        <v>10</v>
      </c>
      <c r="AA27335">
        <v>10</v>
      </c>
      <c r="AB27335">
        <v>10</v>
      </c>
      <c r="AC27335">
        <v>10</v>
      </c>
      <c r="AD27335">
        <v>10</v>
      </c>
      <c r="AE27335">
        <v>9</v>
      </c>
      <c r="AF27335">
        <v>9</v>
      </c>
      <c r="AG27335">
        <v>9</v>
      </c>
      <c r="AH27335">
        <v>9</v>
      </c>
      <c r="AI27335">
        <v>9</v>
      </c>
      <c r="AJ27335">
        <v>9</v>
      </c>
      <c r="AK27335">
        <v>9</v>
      </c>
      <c r="AL27335">
        <v>9</v>
      </c>
      <c r="AM27335">
        <v>9</v>
      </c>
      <c r="AN27335">
        <v>9</v>
      </c>
      <c r="AO27335">
        <v>9</v>
      </c>
      <c r="AP27335">
        <v>9</v>
      </c>
      <c r="AQ27335">
        <v>9</v>
      </c>
    </row>
    <row r="27336" spans="1:43">
      <c r="A27336" t="s">
        <v>16915</v>
      </c>
      <c r="B27336" t="s">
        <v>16916</v>
      </c>
      <c r="C27336" t="s">
        <v>16911</v>
      </c>
      <c r="D27336" t="s">
        <v>16912</v>
      </c>
      <c r="E27336" t="s">
        <v>16695</v>
      </c>
      <c r="F27336" t="s">
        <v>16696</v>
      </c>
      <c r="G27336" t="s">
        <v>16559</v>
      </c>
      <c r="H27336" t="s">
        <v>16560</v>
      </c>
      <c r="I27336" s="2">
        <v>1</v>
      </c>
      <c r="J27336" s="2">
        <v>0</v>
      </c>
      <c r="K27336" s="2">
        <v>0</v>
      </c>
      <c r="L27336" t="s">
        <v>120</v>
      </c>
      <c r="M27336" t="s">
        <v>89</v>
      </c>
      <c r="N27336" t="s">
        <v>90</v>
      </c>
      <c r="O27336" t="s">
        <v>85</v>
      </c>
      <c r="P27336" t="s">
        <v>86</v>
      </c>
      <c r="Q27336">
        <v>10</v>
      </c>
      <c r="R27336">
        <v>10</v>
      </c>
      <c r="S27336">
        <v>10</v>
      </c>
      <c r="T27336">
        <v>11</v>
      </c>
      <c r="U27336">
        <v>11</v>
      </c>
      <c r="V27336">
        <v>11</v>
      </c>
      <c r="W27336">
        <v>11</v>
      </c>
      <c r="X27336">
        <v>11</v>
      </c>
      <c r="Y27336">
        <v>11</v>
      </c>
      <c r="Z27336">
        <v>11</v>
      </c>
      <c r="AA27336">
        <v>11</v>
      </c>
      <c r="AB27336">
        <v>11</v>
      </c>
      <c r="AC27336">
        <v>11</v>
      </c>
      <c r="AD27336">
        <v>11</v>
      </c>
      <c r="AE27336">
        <v>11</v>
      </c>
      <c r="AF27336">
        <v>11</v>
      </c>
      <c r="AG27336">
        <v>11</v>
      </c>
      <c r="AH27336">
        <v>11</v>
      </c>
      <c r="AI27336">
        <v>11</v>
      </c>
      <c r="AJ27336">
        <v>11</v>
      </c>
      <c r="AK27336">
        <v>11</v>
      </c>
      <c r="AL27336">
        <v>11</v>
      </c>
      <c r="AM27336">
        <v>11</v>
      </c>
      <c r="AN27336">
        <v>11</v>
      </c>
      <c r="AO27336">
        <v>11</v>
      </c>
      <c r="AP27336">
        <v>11</v>
      </c>
      <c r="AQ27336">
        <v>11</v>
      </c>
    </row>
    <row r="27337" spans="1:43">
      <c r="A27337" t="s">
        <v>16915</v>
      </c>
      <c r="B27337" t="s">
        <v>16916</v>
      </c>
      <c r="C27337" t="s">
        <v>16911</v>
      </c>
      <c r="D27337" t="s">
        <v>16912</v>
      </c>
      <c r="E27337" t="s">
        <v>16695</v>
      </c>
      <c r="F27337" t="s">
        <v>16696</v>
      </c>
      <c r="G27337" t="s">
        <v>16559</v>
      </c>
      <c r="H27337" t="s">
        <v>16560</v>
      </c>
      <c r="I27337" s="2">
        <v>1</v>
      </c>
      <c r="J27337" s="2">
        <v>0</v>
      </c>
      <c r="K27337" s="2">
        <v>0</v>
      </c>
      <c r="L27337" t="s">
        <v>120</v>
      </c>
      <c r="M27337" t="s">
        <v>83</v>
      </c>
      <c r="N27337" t="s">
        <v>91</v>
      </c>
      <c r="O27337" t="s">
        <v>85</v>
      </c>
      <c r="P27337" t="s">
        <v>86</v>
      </c>
      <c r="Q27337">
        <v>10</v>
      </c>
      <c r="R27337">
        <v>10</v>
      </c>
      <c r="S27337">
        <v>10</v>
      </c>
      <c r="T27337">
        <v>10</v>
      </c>
      <c r="U27337">
        <v>10</v>
      </c>
      <c r="V27337">
        <v>10</v>
      </c>
      <c r="W27337">
        <v>10</v>
      </c>
      <c r="X27337">
        <v>10</v>
      </c>
      <c r="Y27337">
        <v>11</v>
      </c>
      <c r="Z27337">
        <v>11</v>
      </c>
      <c r="AA27337">
        <v>11</v>
      </c>
      <c r="AB27337">
        <v>11</v>
      </c>
      <c r="AC27337">
        <v>11</v>
      </c>
      <c r="AD27337">
        <v>11</v>
      </c>
      <c r="AE27337">
        <v>11</v>
      </c>
      <c r="AF27337">
        <v>11</v>
      </c>
      <c r="AG27337">
        <v>11</v>
      </c>
      <c r="AH27337">
        <v>11</v>
      </c>
      <c r="AI27337">
        <v>11</v>
      </c>
      <c r="AJ27337">
        <v>11</v>
      </c>
      <c r="AK27337">
        <v>11</v>
      </c>
      <c r="AL27337">
        <v>11</v>
      </c>
      <c r="AM27337">
        <v>11</v>
      </c>
      <c r="AN27337">
        <v>11</v>
      </c>
      <c r="AO27337">
        <v>11</v>
      </c>
      <c r="AP27337">
        <v>11</v>
      </c>
      <c r="AQ27337">
        <v>11</v>
      </c>
    </row>
    <row r="27338" spans="1:43">
      <c r="A27338" t="s">
        <v>16917</v>
      </c>
      <c r="B27338" t="s">
        <v>16918</v>
      </c>
      <c r="C27338" t="s">
        <v>16911</v>
      </c>
      <c r="D27338" t="s">
        <v>16912</v>
      </c>
      <c r="E27338" t="s">
        <v>16695</v>
      </c>
      <c r="F27338" t="s">
        <v>16696</v>
      </c>
      <c r="G27338" t="s">
        <v>16559</v>
      </c>
      <c r="H27338" t="s">
        <v>16560</v>
      </c>
      <c r="I27338" s="2">
        <v>1</v>
      </c>
      <c r="J27338" s="2">
        <v>0</v>
      </c>
      <c r="K27338" s="2">
        <v>0</v>
      </c>
      <c r="L27338" t="s">
        <v>120</v>
      </c>
      <c r="M27338" t="s">
        <v>83</v>
      </c>
      <c r="N27338" t="s">
        <v>84</v>
      </c>
      <c r="O27338" t="s">
        <v>85</v>
      </c>
      <c r="P27338" t="s">
        <v>86</v>
      </c>
      <c r="Q27338">
        <v>23</v>
      </c>
      <c r="R27338">
        <v>23</v>
      </c>
      <c r="S27338">
        <v>23</v>
      </c>
      <c r="T27338">
        <v>23</v>
      </c>
      <c r="U27338">
        <v>23</v>
      </c>
      <c r="V27338">
        <v>23</v>
      </c>
      <c r="W27338">
        <v>23</v>
      </c>
      <c r="X27338">
        <v>23</v>
      </c>
      <c r="Y27338">
        <v>23</v>
      </c>
      <c r="Z27338">
        <v>24</v>
      </c>
      <c r="AA27338">
        <v>24</v>
      </c>
      <c r="AB27338">
        <v>24</v>
      </c>
      <c r="AC27338">
        <v>24</v>
      </c>
      <c r="AD27338">
        <v>24</v>
      </c>
      <c r="AE27338">
        <v>24</v>
      </c>
      <c r="AF27338">
        <v>24</v>
      </c>
      <c r="AG27338">
        <v>24</v>
      </c>
      <c r="AH27338">
        <v>24</v>
      </c>
      <c r="AI27338">
        <v>24</v>
      </c>
      <c r="AJ27338">
        <v>24</v>
      </c>
      <c r="AK27338">
        <v>24</v>
      </c>
      <c r="AL27338">
        <v>24</v>
      </c>
      <c r="AM27338">
        <v>24</v>
      </c>
      <c r="AN27338">
        <v>24</v>
      </c>
      <c r="AO27338">
        <v>24</v>
      </c>
      <c r="AP27338">
        <v>24</v>
      </c>
      <c r="AQ27338">
        <v>24</v>
      </c>
    </row>
    <row r="27339" spans="1:43">
      <c r="A27339" t="s">
        <v>16917</v>
      </c>
      <c r="B27339" t="s">
        <v>16918</v>
      </c>
      <c r="C27339" t="s">
        <v>16911</v>
      </c>
      <c r="D27339" t="s">
        <v>16912</v>
      </c>
      <c r="E27339" t="s">
        <v>16695</v>
      </c>
      <c r="F27339" t="s">
        <v>16696</v>
      </c>
      <c r="G27339" t="s">
        <v>16559</v>
      </c>
      <c r="H27339" t="s">
        <v>16560</v>
      </c>
      <c r="I27339" s="2">
        <v>1</v>
      </c>
      <c r="J27339" s="2">
        <v>0</v>
      </c>
      <c r="K27339" s="2">
        <v>0</v>
      </c>
      <c r="L27339" t="s">
        <v>120</v>
      </c>
      <c r="M27339" t="s">
        <v>87</v>
      </c>
      <c r="N27339" t="s">
        <v>88</v>
      </c>
      <c r="O27339" t="s">
        <v>85</v>
      </c>
      <c r="P27339" t="s">
        <v>86</v>
      </c>
      <c r="Q27339">
        <v>23</v>
      </c>
      <c r="R27339">
        <v>23</v>
      </c>
      <c r="S27339">
        <v>23</v>
      </c>
      <c r="T27339">
        <v>23</v>
      </c>
      <c r="U27339">
        <v>23</v>
      </c>
      <c r="V27339">
        <v>23</v>
      </c>
      <c r="W27339">
        <v>23</v>
      </c>
      <c r="X27339">
        <v>23</v>
      </c>
      <c r="Y27339">
        <v>23</v>
      </c>
      <c r="Z27339">
        <v>23</v>
      </c>
      <c r="AA27339">
        <v>23</v>
      </c>
      <c r="AB27339">
        <v>22</v>
      </c>
      <c r="AC27339">
        <v>22</v>
      </c>
      <c r="AD27339">
        <v>22</v>
      </c>
      <c r="AE27339">
        <v>22</v>
      </c>
      <c r="AF27339">
        <v>22</v>
      </c>
      <c r="AG27339">
        <v>22</v>
      </c>
      <c r="AH27339">
        <v>22</v>
      </c>
      <c r="AI27339">
        <v>22</v>
      </c>
      <c r="AJ27339">
        <v>22</v>
      </c>
      <c r="AK27339">
        <v>22</v>
      </c>
      <c r="AL27339">
        <v>22</v>
      </c>
      <c r="AM27339">
        <v>22</v>
      </c>
      <c r="AN27339">
        <v>22</v>
      </c>
      <c r="AO27339">
        <v>22</v>
      </c>
      <c r="AP27339">
        <v>21</v>
      </c>
      <c r="AQ27339">
        <v>21</v>
      </c>
    </row>
    <row r="27340" spans="1:43">
      <c r="A27340" t="s">
        <v>16917</v>
      </c>
      <c r="B27340" t="s">
        <v>16918</v>
      </c>
      <c r="C27340" t="s">
        <v>16911</v>
      </c>
      <c r="D27340" t="s">
        <v>16912</v>
      </c>
      <c r="E27340" t="s">
        <v>16695</v>
      </c>
      <c r="F27340" t="s">
        <v>16696</v>
      </c>
      <c r="G27340" t="s">
        <v>16559</v>
      </c>
      <c r="H27340" t="s">
        <v>16560</v>
      </c>
      <c r="I27340" s="2">
        <v>1</v>
      </c>
      <c r="J27340" s="2">
        <v>0</v>
      </c>
      <c r="K27340" s="2">
        <v>0</v>
      </c>
      <c r="L27340" t="s">
        <v>120</v>
      </c>
      <c r="M27340" t="s">
        <v>89</v>
      </c>
      <c r="N27340" t="s">
        <v>90</v>
      </c>
      <c r="O27340" t="s">
        <v>85</v>
      </c>
      <c r="P27340" t="s">
        <v>86</v>
      </c>
      <c r="Q27340">
        <v>23</v>
      </c>
      <c r="R27340">
        <v>23</v>
      </c>
      <c r="S27340">
        <v>23</v>
      </c>
      <c r="T27340">
        <v>24</v>
      </c>
      <c r="U27340">
        <v>24</v>
      </c>
      <c r="V27340">
        <v>24</v>
      </c>
      <c r="W27340">
        <v>24</v>
      </c>
      <c r="X27340">
        <v>25</v>
      </c>
      <c r="Y27340">
        <v>25</v>
      </c>
      <c r="Z27340">
        <v>25</v>
      </c>
      <c r="AA27340">
        <v>25</v>
      </c>
      <c r="AB27340">
        <v>25</v>
      </c>
      <c r="AC27340">
        <v>25</v>
      </c>
      <c r="AD27340">
        <v>26</v>
      </c>
      <c r="AE27340">
        <v>26</v>
      </c>
      <c r="AF27340">
        <v>25</v>
      </c>
      <c r="AG27340">
        <v>25</v>
      </c>
      <c r="AH27340">
        <v>25</v>
      </c>
      <c r="AI27340">
        <v>25</v>
      </c>
      <c r="AJ27340">
        <v>25</v>
      </c>
      <c r="AK27340">
        <v>25</v>
      </c>
      <c r="AL27340">
        <v>24</v>
      </c>
      <c r="AM27340">
        <v>24</v>
      </c>
      <c r="AN27340">
        <v>24</v>
      </c>
      <c r="AO27340">
        <v>24</v>
      </c>
      <c r="AP27340">
        <v>24</v>
      </c>
      <c r="AQ27340">
        <v>24</v>
      </c>
    </row>
    <row r="27341" spans="1:43">
      <c r="A27341" t="s">
        <v>16917</v>
      </c>
      <c r="B27341" t="s">
        <v>16918</v>
      </c>
      <c r="C27341" t="s">
        <v>16911</v>
      </c>
      <c r="D27341" t="s">
        <v>16912</v>
      </c>
      <c r="E27341" t="s">
        <v>16695</v>
      </c>
      <c r="F27341" t="s">
        <v>16696</v>
      </c>
      <c r="G27341" t="s">
        <v>16559</v>
      </c>
      <c r="H27341" t="s">
        <v>16560</v>
      </c>
      <c r="I27341" s="2">
        <v>1</v>
      </c>
      <c r="J27341" s="2">
        <v>0</v>
      </c>
      <c r="K27341" s="2">
        <v>0</v>
      </c>
      <c r="L27341" t="s">
        <v>120</v>
      </c>
      <c r="M27341" t="s">
        <v>83</v>
      </c>
      <c r="N27341" t="s">
        <v>91</v>
      </c>
      <c r="O27341" t="s">
        <v>85</v>
      </c>
      <c r="P27341" t="s">
        <v>86</v>
      </c>
      <c r="Q27341">
        <v>23</v>
      </c>
      <c r="R27341">
        <v>23</v>
      </c>
      <c r="S27341">
        <v>23</v>
      </c>
      <c r="T27341">
        <v>23</v>
      </c>
      <c r="U27341">
        <v>23</v>
      </c>
      <c r="V27341">
        <v>23</v>
      </c>
      <c r="W27341">
        <v>23</v>
      </c>
      <c r="X27341">
        <v>23</v>
      </c>
      <c r="Y27341">
        <v>23</v>
      </c>
      <c r="Z27341">
        <v>24</v>
      </c>
      <c r="AA27341">
        <v>24</v>
      </c>
      <c r="AB27341">
        <v>24</v>
      </c>
      <c r="AC27341">
        <v>24</v>
      </c>
      <c r="AD27341">
        <v>24</v>
      </c>
      <c r="AE27341">
        <v>24</v>
      </c>
      <c r="AF27341">
        <v>24</v>
      </c>
      <c r="AG27341">
        <v>24</v>
      </c>
      <c r="AH27341">
        <v>24</v>
      </c>
      <c r="AI27341">
        <v>24</v>
      </c>
      <c r="AJ27341">
        <v>24</v>
      </c>
      <c r="AK27341">
        <v>24</v>
      </c>
      <c r="AL27341">
        <v>24</v>
      </c>
      <c r="AM27341">
        <v>24</v>
      </c>
      <c r="AN27341">
        <v>24</v>
      </c>
      <c r="AO27341">
        <v>24</v>
      </c>
      <c r="AP27341">
        <v>24</v>
      </c>
      <c r="AQ27341">
        <v>24</v>
      </c>
    </row>
    <row r="27342" spans="1:43">
      <c r="A27342" t="s">
        <v>16919</v>
      </c>
      <c r="B27342" t="s">
        <v>16920</v>
      </c>
      <c r="C27342" t="s">
        <v>16921</v>
      </c>
      <c r="D27342" t="s">
        <v>16922</v>
      </c>
      <c r="E27342" t="s">
        <v>16923</v>
      </c>
      <c r="F27342" t="s">
        <v>16924</v>
      </c>
      <c r="G27342" t="s">
        <v>16559</v>
      </c>
      <c r="H27342" t="s">
        <v>16560</v>
      </c>
      <c r="I27342" s="2">
        <v>1</v>
      </c>
      <c r="J27342" s="2">
        <v>0</v>
      </c>
      <c r="K27342" s="2">
        <v>0</v>
      </c>
      <c r="L27342" t="s">
        <v>120</v>
      </c>
      <c r="M27342" t="s">
        <v>83</v>
      </c>
      <c r="N27342" t="s">
        <v>84</v>
      </c>
      <c r="O27342" t="s">
        <v>85</v>
      </c>
      <c r="P27342" t="s">
        <v>86</v>
      </c>
      <c r="Q27342">
        <v>30</v>
      </c>
      <c r="R27342">
        <v>30</v>
      </c>
      <c r="S27342">
        <v>30</v>
      </c>
      <c r="T27342">
        <v>30</v>
      </c>
      <c r="U27342">
        <v>30</v>
      </c>
      <c r="V27342">
        <v>31</v>
      </c>
      <c r="W27342">
        <v>31</v>
      </c>
      <c r="X27342">
        <v>31</v>
      </c>
      <c r="Y27342">
        <v>31</v>
      </c>
      <c r="Z27342">
        <v>31</v>
      </c>
      <c r="AA27342">
        <v>31</v>
      </c>
      <c r="AB27342">
        <v>32</v>
      </c>
      <c r="AC27342">
        <v>32</v>
      </c>
      <c r="AD27342">
        <v>32</v>
      </c>
      <c r="AE27342">
        <v>32</v>
      </c>
      <c r="AF27342">
        <v>32</v>
      </c>
      <c r="AG27342">
        <v>32</v>
      </c>
      <c r="AH27342">
        <v>32</v>
      </c>
      <c r="AI27342">
        <v>33</v>
      </c>
      <c r="AJ27342">
        <v>33</v>
      </c>
      <c r="AK27342">
        <v>33</v>
      </c>
      <c r="AL27342">
        <v>33</v>
      </c>
      <c r="AM27342">
        <v>33</v>
      </c>
      <c r="AN27342">
        <v>33</v>
      </c>
      <c r="AO27342">
        <v>32</v>
      </c>
      <c r="AP27342">
        <v>32</v>
      </c>
      <c r="AQ27342">
        <v>32</v>
      </c>
    </row>
    <row r="27343" spans="1:43">
      <c r="A27343" t="s">
        <v>16919</v>
      </c>
      <c r="B27343" t="s">
        <v>16920</v>
      </c>
      <c r="C27343" t="s">
        <v>16921</v>
      </c>
      <c r="D27343" t="s">
        <v>16922</v>
      </c>
      <c r="E27343" t="s">
        <v>16923</v>
      </c>
      <c r="F27343" t="s">
        <v>16924</v>
      </c>
      <c r="G27343" t="s">
        <v>16559</v>
      </c>
      <c r="H27343" t="s">
        <v>16560</v>
      </c>
      <c r="I27343" s="2">
        <v>1</v>
      </c>
      <c r="J27343" s="2">
        <v>0</v>
      </c>
      <c r="K27343" s="2">
        <v>0</v>
      </c>
      <c r="L27343" t="s">
        <v>120</v>
      </c>
      <c r="M27343" t="s">
        <v>87</v>
      </c>
      <c r="N27343" t="s">
        <v>88</v>
      </c>
      <c r="O27343" t="s">
        <v>85</v>
      </c>
      <c r="P27343" t="s">
        <v>86</v>
      </c>
      <c r="Q27343">
        <v>30</v>
      </c>
      <c r="R27343">
        <v>30</v>
      </c>
      <c r="S27343">
        <v>30</v>
      </c>
      <c r="T27343">
        <v>30</v>
      </c>
      <c r="U27343">
        <v>30</v>
      </c>
      <c r="V27343">
        <v>30</v>
      </c>
      <c r="W27343">
        <v>30</v>
      </c>
      <c r="X27343">
        <v>30</v>
      </c>
      <c r="Y27343">
        <v>30</v>
      </c>
      <c r="Z27343">
        <v>30</v>
      </c>
      <c r="AA27343">
        <v>30</v>
      </c>
      <c r="AB27343">
        <v>30</v>
      </c>
      <c r="AC27343">
        <v>30</v>
      </c>
      <c r="AD27343">
        <v>29</v>
      </c>
      <c r="AE27343">
        <v>29</v>
      </c>
      <c r="AF27343">
        <v>29</v>
      </c>
      <c r="AG27343">
        <v>29</v>
      </c>
      <c r="AH27343">
        <v>29</v>
      </c>
      <c r="AI27343">
        <v>29</v>
      </c>
      <c r="AJ27343">
        <v>29</v>
      </c>
      <c r="AK27343">
        <v>29</v>
      </c>
      <c r="AL27343">
        <v>29</v>
      </c>
      <c r="AM27343">
        <v>29</v>
      </c>
      <c r="AN27343">
        <v>29</v>
      </c>
      <c r="AO27343">
        <v>29</v>
      </c>
      <c r="AP27343">
        <v>29</v>
      </c>
      <c r="AQ27343">
        <v>29</v>
      </c>
    </row>
    <row r="27344" spans="1:43">
      <c r="A27344" t="s">
        <v>16919</v>
      </c>
      <c r="B27344" t="s">
        <v>16920</v>
      </c>
      <c r="C27344" t="s">
        <v>16921</v>
      </c>
      <c r="D27344" t="s">
        <v>16922</v>
      </c>
      <c r="E27344" t="s">
        <v>16923</v>
      </c>
      <c r="F27344" t="s">
        <v>16924</v>
      </c>
      <c r="G27344" t="s">
        <v>16559</v>
      </c>
      <c r="H27344" t="s">
        <v>16560</v>
      </c>
      <c r="I27344" s="2">
        <v>1</v>
      </c>
      <c r="J27344" s="2">
        <v>0</v>
      </c>
      <c r="K27344" s="2">
        <v>0</v>
      </c>
      <c r="L27344" t="s">
        <v>120</v>
      </c>
      <c r="M27344" t="s">
        <v>89</v>
      </c>
      <c r="N27344" t="s">
        <v>90</v>
      </c>
      <c r="O27344" t="s">
        <v>85</v>
      </c>
      <c r="P27344" t="s">
        <v>86</v>
      </c>
      <c r="Q27344">
        <v>30</v>
      </c>
      <c r="R27344">
        <v>30</v>
      </c>
      <c r="S27344">
        <v>31</v>
      </c>
      <c r="T27344">
        <v>31</v>
      </c>
      <c r="U27344">
        <v>32</v>
      </c>
      <c r="V27344">
        <v>32</v>
      </c>
      <c r="W27344">
        <v>32</v>
      </c>
      <c r="X27344">
        <v>33</v>
      </c>
      <c r="Y27344">
        <v>33</v>
      </c>
      <c r="Z27344">
        <v>33</v>
      </c>
      <c r="AA27344">
        <v>33</v>
      </c>
      <c r="AB27344">
        <v>34</v>
      </c>
      <c r="AC27344">
        <v>34</v>
      </c>
      <c r="AD27344">
        <v>34</v>
      </c>
      <c r="AE27344">
        <v>34</v>
      </c>
      <c r="AF27344">
        <v>34</v>
      </c>
      <c r="AG27344">
        <v>34</v>
      </c>
      <c r="AH27344">
        <v>34</v>
      </c>
      <c r="AI27344">
        <v>34</v>
      </c>
      <c r="AJ27344">
        <v>34</v>
      </c>
      <c r="AK27344">
        <v>33</v>
      </c>
      <c r="AL27344">
        <v>33</v>
      </c>
      <c r="AM27344">
        <v>33</v>
      </c>
      <c r="AN27344">
        <v>33</v>
      </c>
      <c r="AO27344">
        <v>33</v>
      </c>
      <c r="AP27344">
        <v>33</v>
      </c>
      <c r="AQ27344">
        <v>33</v>
      </c>
    </row>
    <row r="27345" spans="1:43">
      <c r="A27345" t="s">
        <v>16919</v>
      </c>
      <c r="B27345" t="s">
        <v>16920</v>
      </c>
      <c r="C27345" t="s">
        <v>16921</v>
      </c>
      <c r="D27345" t="s">
        <v>16922</v>
      </c>
      <c r="E27345" t="s">
        <v>16923</v>
      </c>
      <c r="F27345" t="s">
        <v>16924</v>
      </c>
      <c r="G27345" t="s">
        <v>16559</v>
      </c>
      <c r="H27345" t="s">
        <v>16560</v>
      </c>
      <c r="I27345" s="2">
        <v>1</v>
      </c>
      <c r="J27345" s="2">
        <v>0</v>
      </c>
      <c r="K27345" s="2">
        <v>0</v>
      </c>
      <c r="L27345" t="s">
        <v>120</v>
      </c>
      <c r="M27345" t="s">
        <v>83</v>
      </c>
      <c r="N27345" t="s">
        <v>91</v>
      </c>
      <c r="O27345" t="s">
        <v>85</v>
      </c>
      <c r="P27345" t="s">
        <v>86</v>
      </c>
      <c r="Q27345">
        <v>30</v>
      </c>
      <c r="R27345">
        <v>30</v>
      </c>
      <c r="S27345">
        <v>30</v>
      </c>
      <c r="T27345">
        <v>30</v>
      </c>
      <c r="U27345">
        <v>30</v>
      </c>
      <c r="V27345">
        <v>31</v>
      </c>
      <c r="W27345">
        <v>31</v>
      </c>
      <c r="X27345">
        <v>31</v>
      </c>
      <c r="Y27345">
        <v>31</v>
      </c>
      <c r="Z27345">
        <v>31</v>
      </c>
      <c r="AA27345">
        <v>31</v>
      </c>
      <c r="AB27345">
        <v>32</v>
      </c>
      <c r="AC27345">
        <v>32</v>
      </c>
      <c r="AD27345">
        <v>32</v>
      </c>
      <c r="AE27345">
        <v>32</v>
      </c>
      <c r="AF27345">
        <v>32</v>
      </c>
      <c r="AG27345">
        <v>32</v>
      </c>
      <c r="AH27345">
        <v>32</v>
      </c>
      <c r="AI27345">
        <v>33</v>
      </c>
      <c r="AJ27345">
        <v>33</v>
      </c>
      <c r="AK27345">
        <v>33</v>
      </c>
      <c r="AL27345">
        <v>33</v>
      </c>
      <c r="AM27345">
        <v>33</v>
      </c>
      <c r="AN27345">
        <v>33</v>
      </c>
      <c r="AO27345">
        <v>32</v>
      </c>
      <c r="AP27345">
        <v>32</v>
      </c>
      <c r="AQ27345">
        <v>32</v>
      </c>
    </row>
    <row r="27346" spans="1:43">
      <c r="A27346" t="s">
        <v>16925</v>
      </c>
      <c r="B27346" t="s">
        <v>16926</v>
      </c>
      <c r="C27346" t="s">
        <v>16921</v>
      </c>
      <c r="D27346" t="s">
        <v>16922</v>
      </c>
      <c r="E27346" t="s">
        <v>16923</v>
      </c>
      <c r="F27346" t="s">
        <v>16924</v>
      </c>
      <c r="G27346" t="s">
        <v>16559</v>
      </c>
      <c r="H27346" t="s">
        <v>16560</v>
      </c>
      <c r="I27346" s="2">
        <v>1</v>
      </c>
      <c r="J27346" s="2">
        <v>0</v>
      </c>
      <c r="K27346" s="2">
        <v>0</v>
      </c>
      <c r="L27346" t="s">
        <v>120</v>
      </c>
      <c r="M27346" t="s">
        <v>83</v>
      </c>
      <c r="N27346" t="s">
        <v>84</v>
      </c>
      <c r="O27346" t="s">
        <v>85</v>
      </c>
      <c r="P27346" t="s">
        <v>86</v>
      </c>
      <c r="Q27346">
        <v>15</v>
      </c>
      <c r="R27346">
        <v>15</v>
      </c>
      <c r="S27346">
        <v>15</v>
      </c>
      <c r="T27346">
        <v>15</v>
      </c>
      <c r="U27346">
        <v>15</v>
      </c>
      <c r="V27346">
        <v>15</v>
      </c>
      <c r="W27346">
        <v>15</v>
      </c>
      <c r="X27346">
        <v>15</v>
      </c>
      <c r="Y27346">
        <v>15</v>
      </c>
      <c r="Z27346">
        <v>15</v>
      </c>
      <c r="AA27346">
        <v>16</v>
      </c>
      <c r="AB27346">
        <v>16</v>
      </c>
      <c r="AC27346">
        <v>16</v>
      </c>
      <c r="AD27346">
        <v>16</v>
      </c>
      <c r="AE27346">
        <v>16</v>
      </c>
      <c r="AF27346">
        <v>16</v>
      </c>
      <c r="AG27346">
        <v>16</v>
      </c>
      <c r="AH27346">
        <v>16</v>
      </c>
      <c r="AI27346">
        <v>16</v>
      </c>
      <c r="AJ27346">
        <v>16</v>
      </c>
      <c r="AK27346">
        <v>16</v>
      </c>
      <c r="AL27346">
        <v>16</v>
      </c>
      <c r="AM27346">
        <v>16</v>
      </c>
      <c r="AN27346">
        <v>16</v>
      </c>
      <c r="AO27346">
        <v>16</v>
      </c>
      <c r="AP27346">
        <v>16</v>
      </c>
      <c r="AQ27346">
        <v>16</v>
      </c>
    </row>
    <row r="27347" spans="1:43">
      <c r="A27347" t="s">
        <v>16925</v>
      </c>
      <c r="B27347" t="s">
        <v>16926</v>
      </c>
      <c r="C27347" t="s">
        <v>16921</v>
      </c>
      <c r="D27347" t="s">
        <v>16922</v>
      </c>
      <c r="E27347" t="s">
        <v>16923</v>
      </c>
      <c r="F27347" t="s">
        <v>16924</v>
      </c>
      <c r="G27347" t="s">
        <v>16559</v>
      </c>
      <c r="H27347" t="s">
        <v>16560</v>
      </c>
      <c r="I27347" s="2">
        <v>1</v>
      </c>
      <c r="J27347" s="2">
        <v>0</v>
      </c>
      <c r="K27347" s="2">
        <v>0</v>
      </c>
      <c r="L27347" t="s">
        <v>120</v>
      </c>
      <c r="M27347" t="s">
        <v>87</v>
      </c>
      <c r="N27347" t="s">
        <v>88</v>
      </c>
      <c r="O27347" t="s">
        <v>85</v>
      </c>
      <c r="P27347" t="s">
        <v>86</v>
      </c>
      <c r="Q27347">
        <v>15</v>
      </c>
      <c r="R27347">
        <v>15</v>
      </c>
      <c r="S27347">
        <v>14</v>
      </c>
      <c r="T27347">
        <v>14</v>
      </c>
      <c r="U27347">
        <v>14</v>
      </c>
      <c r="V27347">
        <v>14</v>
      </c>
      <c r="W27347">
        <v>14</v>
      </c>
      <c r="X27347">
        <v>14</v>
      </c>
      <c r="Y27347">
        <v>14</v>
      </c>
      <c r="Z27347">
        <v>14</v>
      </c>
      <c r="AA27347">
        <v>14</v>
      </c>
      <c r="AB27347">
        <v>14</v>
      </c>
      <c r="AC27347">
        <v>14</v>
      </c>
      <c r="AD27347">
        <v>14</v>
      </c>
      <c r="AE27347">
        <v>14</v>
      </c>
      <c r="AF27347">
        <v>14</v>
      </c>
      <c r="AG27347">
        <v>14</v>
      </c>
      <c r="AH27347">
        <v>14</v>
      </c>
      <c r="AI27347">
        <v>14</v>
      </c>
      <c r="AJ27347">
        <v>14</v>
      </c>
      <c r="AK27347">
        <v>14</v>
      </c>
      <c r="AL27347">
        <v>14</v>
      </c>
      <c r="AM27347">
        <v>14</v>
      </c>
      <c r="AN27347">
        <v>14</v>
      </c>
      <c r="AO27347">
        <v>14</v>
      </c>
      <c r="AP27347">
        <v>14</v>
      </c>
      <c r="AQ27347">
        <v>14</v>
      </c>
    </row>
    <row r="27348" spans="1:43">
      <c r="A27348" t="s">
        <v>16925</v>
      </c>
      <c r="B27348" t="s">
        <v>16926</v>
      </c>
      <c r="C27348" t="s">
        <v>16921</v>
      </c>
      <c r="D27348" t="s">
        <v>16922</v>
      </c>
      <c r="E27348" t="s">
        <v>16923</v>
      </c>
      <c r="F27348" t="s">
        <v>16924</v>
      </c>
      <c r="G27348" t="s">
        <v>16559</v>
      </c>
      <c r="H27348" t="s">
        <v>16560</v>
      </c>
      <c r="I27348" s="2">
        <v>1</v>
      </c>
      <c r="J27348" s="2">
        <v>0</v>
      </c>
      <c r="K27348" s="2">
        <v>0</v>
      </c>
      <c r="L27348" t="s">
        <v>120</v>
      </c>
      <c r="M27348" t="s">
        <v>89</v>
      </c>
      <c r="N27348" t="s">
        <v>90</v>
      </c>
      <c r="O27348" t="s">
        <v>85</v>
      </c>
      <c r="P27348" t="s">
        <v>86</v>
      </c>
      <c r="Q27348">
        <v>15</v>
      </c>
      <c r="R27348">
        <v>15</v>
      </c>
      <c r="S27348">
        <v>15</v>
      </c>
      <c r="T27348">
        <v>15</v>
      </c>
      <c r="U27348">
        <v>16</v>
      </c>
      <c r="V27348">
        <v>16</v>
      </c>
      <c r="W27348">
        <v>16</v>
      </c>
      <c r="X27348">
        <v>16</v>
      </c>
      <c r="Y27348">
        <v>16</v>
      </c>
      <c r="Z27348">
        <v>16</v>
      </c>
      <c r="AA27348">
        <v>17</v>
      </c>
      <c r="AB27348">
        <v>17</v>
      </c>
      <c r="AC27348">
        <v>17</v>
      </c>
      <c r="AD27348">
        <v>17</v>
      </c>
      <c r="AE27348">
        <v>17</v>
      </c>
      <c r="AF27348">
        <v>17</v>
      </c>
      <c r="AG27348">
        <v>17</v>
      </c>
      <c r="AH27348">
        <v>17</v>
      </c>
      <c r="AI27348">
        <v>17</v>
      </c>
      <c r="AJ27348">
        <v>17</v>
      </c>
      <c r="AK27348">
        <v>17</v>
      </c>
      <c r="AL27348">
        <v>17</v>
      </c>
      <c r="AM27348">
        <v>16</v>
      </c>
      <c r="AN27348">
        <v>16</v>
      </c>
      <c r="AO27348">
        <v>16</v>
      </c>
      <c r="AP27348">
        <v>16</v>
      </c>
      <c r="AQ27348">
        <v>16</v>
      </c>
    </row>
    <row r="27349" spans="1:43">
      <c r="A27349" t="s">
        <v>16925</v>
      </c>
      <c r="B27349" t="s">
        <v>16926</v>
      </c>
      <c r="C27349" t="s">
        <v>16921</v>
      </c>
      <c r="D27349" t="s">
        <v>16922</v>
      </c>
      <c r="E27349" t="s">
        <v>16923</v>
      </c>
      <c r="F27349" t="s">
        <v>16924</v>
      </c>
      <c r="G27349" t="s">
        <v>16559</v>
      </c>
      <c r="H27349" t="s">
        <v>16560</v>
      </c>
      <c r="I27349" s="2">
        <v>1</v>
      </c>
      <c r="J27349" s="2">
        <v>0</v>
      </c>
      <c r="K27349" s="2">
        <v>0</v>
      </c>
      <c r="L27349" t="s">
        <v>120</v>
      </c>
      <c r="M27349" t="s">
        <v>83</v>
      </c>
      <c r="N27349" t="s">
        <v>91</v>
      </c>
      <c r="O27349" t="s">
        <v>85</v>
      </c>
      <c r="P27349" t="s">
        <v>86</v>
      </c>
      <c r="Q27349">
        <v>15</v>
      </c>
      <c r="R27349">
        <v>15</v>
      </c>
      <c r="S27349">
        <v>15</v>
      </c>
      <c r="T27349">
        <v>15</v>
      </c>
      <c r="U27349">
        <v>15</v>
      </c>
      <c r="V27349">
        <v>15</v>
      </c>
      <c r="W27349">
        <v>15</v>
      </c>
      <c r="X27349">
        <v>15</v>
      </c>
      <c r="Y27349">
        <v>15</v>
      </c>
      <c r="Z27349">
        <v>15</v>
      </c>
      <c r="AA27349">
        <v>16</v>
      </c>
      <c r="AB27349">
        <v>16</v>
      </c>
      <c r="AC27349">
        <v>16</v>
      </c>
      <c r="AD27349">
        <v>16</v>
      </c>
      <c r="AE27349">
        <v>16</v>
      </c>
      <c r="AF27349">
        <v>16</v>
      </c>
      <c r="AG27349">
        <v>16</v>
      </c>
      <c r="AH27349">
        <v>16</v>
      </c>
      <c r="AI27349">
        <v>16</v>
      </c>
      <c r="AJ27349">
        <v>16</v>
      </c>
      <c r="AK27349">
        <v>16</v>
      </c>
      <c r="AL27349">
        <v>16</v>
      </c>
      <c r="AM27349">
        <v>16</v>
      </c>
      <c r="AN27349">
        <v>16</v>
      </c>
      <c r="AO27349">
        <v>16</v>
      </c>
      <c r="AP27349">
        <v>16</v>
      </c>
      <c r="AQ27349">
        <v>16</v>
      </c>
    </row>
    <row r="27350" spans="1:43">
      <c r="A27350" t="s">
        <v>16927</v>
      </c>
      <c r="B27350" t="s">
        <v>16928</v>
      </c>
      <c r="C27350" t="s">
        <v>16921</v>
      </c>
      <c r="D27350" t="s">
        <v>16922</v>
      </c>
      <c r="E27350" t="s">
        <v>16923</v>
      </c>
      <c r="F27350" t="s">
        <v>16924</v>
      </c>
      <c r="G27350" t="s">
        <v>16559</v>
      </c>
      <c r="H27350" t="s">
        <v>16560</v>
      </c>
      <c r="I27350" s="2">
        <v>1</v>
      </c>
      <c r="J27350" s="2">
        <v>0</v>
      </c>
      <c r="K27350" s="2">
        <v>0</v>
      </c>
      <c r="L27350" t="s">
        <v>120</v>
      </c>
      <c r="M27350" t="s">
        <v>83</v>
      </c>
      <c r="N27350" t="s">
        <v>84</v>
      </c>
      <c r="O27350" t="s">
        <v>85</v>
      </c>
      <c r="P27350" t="s">
        <v>86</v>
      </c>
      <c r="Q27350">
        <v>47</v>
      </c>
      <c r="R27350">
        <v>47</v>
      </c>
      <c r="S27350">
        <v>48</v>
      </c>
      <c r="T27350">
        <v>48</v>
      </c>
      <c r="U27350">
        <v>48</v>
      </c>
      <c r="V27350">
        <v>49</v>
      </c>
      <c r="W27350">
        <v>49</v>
      </c>
      <c r="X27350">
        <v>49</v>
      </c>
      <c r="Y27350">
        <v>49</v>
      </c>
      <c r="Z27350">
        <v>50</v>
      </c>
      <c r="AA27350">
        <v>50</v>
      </c>
      <c r="AB27350">
        <v>50</v>
      </c>
      <c r="AC27350">
        <v>50</v>
      </c>
      <c r="AD27350">
        <v>51</v>
      </c>
      <c r="AE27350">
        <v>51</v>
      </c>
      <c r="AF27350">
        <v>51</v>
      </c>
      <c r="AG27350">
        <v>51</v>
      </c>
      <c r="AH27350">
        <v>51</v>
      </c>
      <c r="AI27350">
        <v>52</v>
      </c>
      <c r="AJ27350">
        <v>52</v>
      </c>
      <c r="AK27350">
        <v>52</v>
      </c>
      <c r="AL27350">
        <v>52</v>
      </c>
      <c r="AM27350">
        <v>52</v>
      </c>
      <c r="AN27350">
        <v>52</v>
      </c>
      <c r="AO27350">
        <v>51</v>
      </c>
      <c r="AP27350">
        <v>51</v>
      </c>
      <c r="AQ27350">
        <v>51</v>
      </c>
    </row>
    <row r="27351" spans="1:43">
      <c r="A27351" t="s">
        <v>16927</v>
      </c>
      <c r="B27351" t="s">
        <v>16928</v>
      </c>
      <c r="C27351" t="s">
        <v>16921</v>
      </c>
      <c r="D27351" t="s">
        <v>16922</v>
      </c>
      <c r="E27351" t="s">
        <v>16923</v>
      </c>
      <c r="F27351" t="s">
        <v>16924</v>
      </c>
      <c r="G27351" t="s">
        <v>16559</v>
      </c>
      <c r="H27351" t="s">
        <v>16560</v>
      </c>
      <c r="I27351" s="2">
        <v>1</v>
      </c>
      <c r="J27351" s="2">
        <v>0</v>
      </c>
      <c r="K27351" s="2">
        <v>0</v>
      </c>
      <c r="L27351" t="s">
        <v>120</v>
      </c>
      <c r="M27351" t="s">
        <v>87</v>
      </c>
      <c r="N27351" t="s">
        <v>88</v>
      </c>
      <c r="O27351" t="s">
        <v>85</v>
      </c>
      <c r="P27351" t="s">
        <v>86</v>
      </c>
      <c r="Q27351">
        <v>47</v>
      </c>
      <c r="R27351">
        <v>46</v>
      </c>
      <c r="S27351">
        <v>46</v>
      </c>
      <c r="T27351">
        <v>46</v>
      </c>
      <c r="U27351">
        <v>46</v>
      </c>
      <c r="V27351">
        <v>46</v>
      </c>
      <c r="W27351">
        <v>46</v>
      </c>
      <c r="X27351">
        <v>46</v>
      </c>
      <c r="Y27351">
        <v>46</v>
      </c>
      <c r="Z27351">
        <v>46</v>
      </c>
      <c r="AA27351">
        <v>45</v>
      </c>
      <c r="AB27351">
        <v>45</v>
      </c>
      <c r="AC27351">
        <v>45</v>
      </c>
      <c r="AD27351">
        <v>45</v>
      </c>
      <c r="AE27351">
        <v>45</v>
      </c>
      <c r="AF27351">
        <v>45</v>
      </c>
      <c r="AG27351">
        <v>45</v>
      </c>
      <c r="AH27351">
        <v>45</v>
      </c>
      <c r="AI27351">
        <v>45</v>
      </c>
      <c r="AJ27351">
        <v>45</v>
      </c>
      <c r="AK27351">
        <v>45</v>
      </c>
      <c r="AL27351">
        <v>44</v>
      </c>
      <c r="AM27351">
        <v>44</v>
      </c>
      <c r="AN27351">
        <v>44</v>
      </c>
      <c r="AO27351">
        <v>44</v>
      </c>
      <c r="AP27351">
        <v>44</v>
      </c>
      <c r="AQ27351">
        <v>44</v>
      </c>
    </row>
    <row r="27352" spans="1:43">
      <c r="A27352" t="s">
        <v>16927</v>
      </c>
      <c r="B27352" t="s">
        <v>16928</v>
      </c>
      <c r="C27352" t="s">
        <v>16921</v>
      </c>
      <c r="D27352" t="s">
        <v>16922</v>
      </c>
      <c r="E27352" t="s">
        <v>16923</v>
      </c>
      <c r="F27352" t="s">
        <v>16924</v>
      </c>
      <c r="G27352" t="s">
        <v>16559</v>
      </c>
      <c r="H27352" t="s">
        <v>16560</v>
      </c>
      <c r="I27352" s="2">
        <v>1</v>
      </c>
      <c r="J27352" s="2">
        <v>0</v>
      </c>
      <c r="K27352" s="2">
        <v>0</v>
      </c>
      <c r="L27352" t="s">
        <v>120</v>
      </c>
      <c r="M27352" t="s">
        <v>89</v>
      </c>
      <c r="N27352" t="s">
        <v>90</v>
      </c>
      <c r="O27352" t="s">
        <v>85</v>
      </c>
      <c r="P27352" t="s">
        <v>86</v>
      </c>
      <c r="Q27352">
        <v>47</v>
      </c>
      <c r="R27352">
        <v>48</v>
      </c>
      <c r="S27352">
        <v>49</v>
      </c>
      <c r="T27352">
        <v>49</v>
      </c>
      <c r="U27352">
        <v>50</v>
      </c>
      <c r="V27352">
        <v>51</v>
      </c>
      <c r="W27352">
        <v>51</v>
      </c>
      <c r="X27352">
        <v>52</v>
      </c>
      <c r="Y27352">
        <v>52</v>
      </c>
      <c r="Z27352">
        <v>53</v>
      </c>
      <c r="AA27352">
        <v>53</v>
      </c>
      <c r="AB27352">
        <v>53</v>
      </c>
      <c r="AC27352">
        <v>54</v>
      </c>
      <c r="AD27352">
        <v>54</v>
      </c>
      <c r="AE27352">
        <v>54</v>
      </c>
      <c r="AF27352">
        <v>54</v>
      </c>
      <c r="AG27352">
        <v>54</v>
      </c>
      <c r="AH27352">
        <v>54</v>
      </c>
      <c r="AI27352">
        <v>53</v>
      </c>
      <c r="AJ27352">
        <v>53</v>
      </c>
      <c r="AK27352">
        <v>53</v>
      </c>
      <c r="AL27352">
        <v>53</v>
      </c>
      <c r="AM27352">
        <v>53</v>
      </c>
      <c r="AN27352">
        <v>52</v>
      </c>
      <c r="AO27352">
        <v>52</v>
      </c>
      <c r="AP27352">
        <v>52</v>
      </c>
      <c r="AQ27352">
        <v>52</v>
      </c>
    </row>
    <row r="27353" spans="1:43">
      <c r="A27353" t="s">
        <v>16927</v>
      </c>
      <c r="B27353" t="s">
        <v>16928</v>
      </c>
      <c r="C27353" t="s">
        <v>16921</v>
      </c>
      <c r="D27353" t="s">
        <v>16922</v>
      </c>
      <c r="E27353" t="s">
        <v>16923</v>
      </c>
      <c r="F27353" t="s">
        <v>16924</v>
      </c>
      <c r="G27353" t="s">
        <v>16559</v>
      </c>
      <c r="H27353" t="s">
        <v>16560</v>
      </c>
      <c r="I27353" s="2">
        <v>1</v>
      </c>
      <c r="J27353" s="2">
        <v>0</v>
      </c>
      <c r="K27353" s="2">
        <v>0</v>
      </c>
      <c r="L27353" t="s">
        <v>120</v>
      </c>
      <c r="M27353" t="s">
        <v>83</v>
      </c>
      <c r="N27353" t="s">
        <v>91</v>
      </c>
      <c r="O27353" t="s">
        <v>85</v>
      </c>
      <c r="P27353" t="s">
        <v>86</v>
      </c>
      <c r="Q27353">
        <v>47</v>
      </c>
      <c r="R27353">
        <v>47</v>
      </c>
      <c r="S27353">
        <v>48</v>
      </c>
      <c r="T27353">
        <v>48</v>
      </c>
      <c r="U27353">
        <v>48</v>
      </c>
      <c r="V27353">
        <v>49</v>
      </c>
      <c r="W27353">
        <v>49</v>
      </c>
      <c r="X27353">
        <v>49</v>
      </c>
      <c r="Y27353">
        <v>49</v>
      </c>
      <c r="Z27353">
        <v>50</v>
      </c>
      <c r="AA27353">
        <v>50</v>
      </c>
      <c r="AB27353">
        <v>50</v>
      </c>
      <c r="AC27353">
        <v>50</v>
      </c>
      <c r="AD27353">
        <v>51</v>
      </c>
      <c r="AE27353">
        <v>51</v>
      </c>
      <c r="AF27353">
        <v>51</v>
      </c>
      <c r="AG27353">
        <v>51</v>
      </c>
      <c r="AH27353">
        <v>51</v>
      </c>
      <c r="AI27353">
        <v>52</v>
      </c>
      <c r="AJ27353">
        <v>52</v>
      </c>
      <c r="AK27353">
        <v>52</v>
      </c>
      <c r="AL27353">
        <v>52</v>
      </c>
      <c r="AM27353">
        <v>52</v>
      </c>
      <c r="AN27353">
        <v>52</v>
      </c>
      <c r="AO27353">
        <v>51</v>
      </c>
      <c r="AP27353">
        <v>51</v>
      </c>
      <c r="AQ27353">
        <v>51</v>
      </c>
    </row>
    <row r="27354" spans="1:43">
      <c r="A27354" t="s">
        <v>16929</v>
      </c>
      <c r="B27354" t="s">
        <v>16930</v>
      </c>
      <c r="C27354" t="s">
        <v>16921</v>
      </c>
      <c r="D27354" t="s">
        <v>16922</v>
      </c>
      <c r="E27354" t="s">
        <v>16923</v>
      </c>
      <c r="F27354" t="s">
        <v>16924</v>
      </c>
      <c r="G27354" t="s">
        <v>16559</v>
      </c>
      <c r="H27354" t="s">
        <v>16560</v>
      </c>
      <c r="I27354" s="2">
        <v>1</v>
      </c>
      <c r="J27354" s="2">
        <v>0</v>
      </c>
      <c r="K27354" s="2">
        <v>0</v>
      </c>
      <c r="L27354" t="s">
        <v>120</v>
      </c>
      <c r="M27354" t="s">
        <v>83</v>
      </c>
      <c r="N27354" t="s">
        <v>84</v>
      </c>
      <c r="O27354" t="s">
        <v>85</v>
      </c>
      <c r="P27354" t="s">
        <v>86</v>
      </c>
      <c r="Q27354">
        <v>18</v>
      </c>
      <c r="R27354">
        <v>18</v>
      </c>
      <c r="S27354">
        <v>19</v>
      </c>
      <c r="T27354">
        <v>19</v>
      </c>
      <c r="U27354">
        <v>19</v>
      </c>
      <c r="V27354">
        <v>19</v>
      </c>
      <c r="W27354">
        <v>19</v>
      </c>
      <c r="X27354">
        <v>19</v>
      </c>
      <c r="Y27354">
        <v>19</v>
      </c>
      <c r="Z27354">
        <v>19</v>
      </c>
      <c r="AA27354">
        <v>19</v>
      </c>
      <c r="AB27354">
        <v>19</v>
      </c>
      <c r="AC27354">
        <v>20</v>
      </c>
      <c r="AD27354">
        <v>20</v>
      </c>
      <c r="AE27354">
        <v>20</v>
      </c>
      <c r="AF27354">
        <v>20</v>
      </c>
      <c r="AG27354">
        <v>20</v>
      </c>
      <c r="AH27354">
        <v>20</v>
      </c>
      <c r="AI27354">
        <v>20</v>
      </c>
      <c r="AJ27354">
        <v>20</v>
      </c>
      <c r="AK27354">
        <v>20</v>
      </c>
      <c r="AL27354">
        <v>20</v>
      </c>
      <c r="AM27354">
        <v>20</v>
      </c>
      <c r="AN27354">
        <v>20</v>
      </c>
      <c r="AO27354">
        <v>20</v>
      </c>
      <c r="AP27354">
        <v>20</v>
      </c>
      <c r="AQ27354">
        <v>20</v>
      </c>
    </row>
    <row r="27355" spans="1:43">
      <c r="A27355" t="s">
        <v>16929</v>
      </c>
      <c r="B27355" t="s">
        <v>16930</v>
      </c>
      <c r="C27355" t="s">
        <v>16921</v>
      </c>
      <c r="D27355" t="s">
        <v>16922</v>
      </c>
      <c r="E27355" t="s">
        <v>16923</v>
      </c>
      <c r="F27355" t="s">
        <v>16924</v>
      </c>
      <c r="G27355" t="s">
        <v>16559</v>
      </c>
      <c r="H27355" t="s">
        <v>16560</v>
      </c>
      <c r="I27355" s="2">
        <v>1</v>
      </c>
      <c r="J27355" s="2">
        <v>0</v>
      </c>
      <c r="K27355" s="2">
        <v>0</v>
      </c>
      <c r="L27355" t="s">
        <v>120</v>
      </c>
      <c r="M27355" t="s">
        <v>87</v>
      </c>
      <c r="N27355" t="s">
        <v>88</v>
      </c>
      <c r="O27355" t="s">
        <v>85</v>
      </c>
      <c r="P27355" t="s">
        <v>86</v>
      </c>
      <c r="Q27355">
        <v>18</v>
      </c>
      <c r="R27355">
        <v>18</v>
      </c>
      <c r="S27355">
        <v>18</v>
      </c>
      <c r="T27355">
        <v>18</v>
      </c>
      <c r="U27355">
        <v>18</v>
      </c>
      <c r="V27355">
        <v>18</v>
      </c>
      <c r="W27355">
        <v>18</v>
      </c>
      <c r="X27355">
        <v>18</v>
      </c>
      <c r="Y27355">
        <v>18</v>
      </c>
      <c r="Z27355">
        <v>18</v>
      </c>
      <c r="AA27355">
        <v>18</v>
      </c>
      <c r="AB27355">
        <v>18</v>
      </c>
      <c r="AC27355">
        <v>18</v>
      </c>
      <c r="AD27355">
        <v>18</v>
      </c>
      <c r="AE27355">
        <v>18</v>
      </c>
      <c r="AF27355">
        <v>18</v>
      </c>
      <c r="AG27355">
        <v>17</v>
      </c>
      <c r="AH27355">
        <v>17</v>
      </c>
      <c r="AI27355">
        <v>17</v>
      </c>
      <c r="AJ27355">
        <v>17</v>
      </c>
      <c r="AK27355">
        <v>17</v>
      </c>
      <c r="AL27355">
        <v>17</v>
      </c>
      <c r="AM27355">
        <v>17</v>
      </c>
      <c r="AN27355">
        <v>17</v>
      </c>
      <c r="AO27355">
        <v>17</v>
      </c>
      <c r="AP27355">
        <v>17</v>
      </c>
      <c r="AQ27355">
        <v>17</v>
      </c>
    </row>
    <row r="27356" spans="1:43">
      <c r="A27356" t="s">
        <v>16929</v>
      </c>
      <c r="B27356" t="s">
        <v>16930</v>
      </c>
      <c r="C27356" t="s">
        <v>16921</v>
      </c>
      <c r="D27356" t="s">
        <v>16922</v>
      </c>
      <c r="E27356" t="s">
        <v>16923</v>
      </c>
      <c r="F27356" t="s">
        <v>16924</v>
      </c>
      <c r="G27356" t="s">
        <v>16559</v>
      </c>
      <c r="H27356" t="s">
        <v>16560</v>
      </c>
      <c r="I27356" s="2">
        <v>1</v>
      </c>
      <c r="J27356" s="2">
        <v>0</v>
      </c>
      <c r="K27356" s="2">
        <v>0</v>
      </c>
      <c r="L27356" t="s">
        <v>120</v>
      </c>
      <c r="M27356" t="s">
        <v>89</v>
      </c>
      <c r="N27356" t="s">
        <v>90</v>
      </c>
      <c r="O27356" t="s">
        <v>85</v>
      </c>
      <c r="P27356" t="s">
        <v>86</v>
      </c>
      <c r="Q27356">
        <v>18</v>
      </c>
      <c r="R27356">
        <v>19</v>
      </c>
      <c r="S27356">
        <v>19</v>
      </c>
      <c r="T27356">
        <v>19</v>
      </c>
      <c r="U27356">
        <v>19</v>
      </c>
      <c r="V27356">
        <v>20</v>
      </c>
      <c r="W27356">
        <v>20</v>
      </c>
      <c r="X27356">
        <v>20</v>
      </c>
      <c r="Y27356">
        <v>20</v>
      </c>
      <c r="Z27356">
        <v>20</v>
      </c>
      <c r="AA27356">
        <v>21</v>
      </c>
      <c r="AB27356">
        <v>21</v>
      </c>
      <c r="AC27356">
        <v>21</v>
      </c>
      <c r="AD27356">
        <v>21</v>
      </c>
      <c r="AE27356">
        <v>21</v>
      </c>
      <c r="AF27356">
        <v>21</v>
      </c>
      <c r="AG27356">
        <v>21</v>
      </c>
      <c r="AH27356">
        <v>21</v>
      </c>
      <c r="AI27356">
        <v>21</v>
      </c>
      <c r="AJ27356">
        <v>21</v>
      </c>
      <c r="AK27356">
        <v>21</v>
      </c>
      <c r="AL27356">
        <v>21</v>
      </c>
      <c r="AM27356">
        <v>21</v>
      </c>
      <c r="AN27356">
        <v>20</v>
      </c>
      <c r="AO27356">
        <v>20</v>
      </c>
      <c r="AP27356">
        <v>20</v>
      </c>
      <c r="AQ27356">
        <v>20</v>
      </c>
    </row>
    <row r="27357" spans="1:43">
      <c r="A27357" t="s">
        <v>16929</v>
      </c>
      <c r="B27357" t="s">
        <v>16930</v>
      </c>
      <c r="C27357" t="s">
        <v>16921</v>
      </c>
      <c r="D27357" t="s">
        <v>16922</v>
      </c>
      <c r="E27357" t="s">
        <v>16923</v>
      </c>
      <c r="F27357" t="s">
        <v>16924</v>
      </c>
      <c r="G27357" t="s">
        <v>16559</v>
      </c>
      <c r="H27357" t="s">
        <v>16560</v>
      </c>
      <c r="I27357" s="2">
        <v>1</v>
      </c>
      <c r="J27357" s="2">
        <v>0</v>
      </c>
      <c r="K27357" s="2">
        <v>0</v>
      </c>
      <c r="L27357" t="s">
        <v>120</v>
      </c>
      <c r="M27357" t="s">
        <v>83</v>
      </c>
      <c r="N27357" t="s">
        <v>91</v>
      </c>
      <c r="O27357" t="s">
        <v>85</v>
      </c>
      <c r="P27357" t="s">
        <v>86</v>
      </c>
      <c r="Q27357">
        <v>18</v>
      </c>
      <c r="R27357">
        <v>18</v>
      </c>
      <c r="S27357">
        <v>19</v>
      </c>
      <c r="T27357">
        <v>19</v>
      </c>
      <c r="U27357">
        <v>19</v>
      </c>
      <c r="V27357">
        <v>19</v>
      </c>
      <c r="W27357">
        <v>19</v>
      </c>
      <c r="X27357">
        <v>19</v>
      </c>
      <c r="Y27357">
        <v>19</v>
      </c>
      <c r="Z27357">
        <v>19</v>
      </c>
      <c r="AA27357">
        <v>19</v>
      </c>
      <c r="AB27357">
        <v>19</v>
      </c>
      <c r="AC27357">
        <v>20</v>
      </c>
      <c r="AD27357">
        <v>20</v>
      </c>
      <c r="AE27357">
        <v>20</v>
      </c>
      <c r="AF27357">
        <v>20</v>
      </c>
      <c r="AG27357">
        <v>20</v>
      </c>
      <c r="AH27357">
        <v>20</v>
      </c>
      <c r="AI27357">
        <v>20</v>
      </c>
      <c r="AJ27357">
        <v>20</v>
      </c>
      <c r="AK27357">
        <v>20</v>
      </c>
      <c r="AL27357">
        <v>20</v>
      </c>
      <c r="AM27357">
        <v>20</v>
      </c>
      <c r="AN27357">
        <v>20</v>
      </c>
      <c r="AO27357">
        <v>20</v>
      </c>
      <c r="AP27357">
        <v>20</v>
      </c>
      <c r="AQ27357">
        <v>20</v>
      </c>
    </row>
    <row r="27358" spans="1:43">
      <c r="A27358" t="s">
        <v>16931</v>
      </c>
      <c r="B27358" t="s">
        <v>16932</v>
      </c>
      <c r="C27358" t="s">
        <v>16921</v>
      </c>
      <c r="D27358" t="s">
        <v>16922</v>
      </c>
      <c r="E27358" t="s">
        <v>16923</v>
      </c>
      <c r="F27358" t="s">
        <v>16924</v>
      </c>
      <c r="G27358" t="s">
        <v>16559</v>
      </c>
      <c r="H27358" t="s">
        <v>16560</v>
      </c>
      <c r="I27358" s="2">
        <v>1</v>
      </c>
      <c r="J27358" s="2">
        <v>0</v>
      </c>
      <c r="K27358" s="2">
        <v>0</v>
      </c>
      <c r="L27358" t="s">
        <v>120</v>
      </c>
      <c r="M27358" t="s">
        <v>83</v>
      </c>
      <c r="N27358" t="s">
        <v>84</v>
      </c>
      <c r="O27358" t="s">
        <v>85</v>
      </c>
      <c r="P27358" t="s">
        <v>86</v>
      </c>
      <c r="Q27358">
        <v>29</v>
      </c>
      <c r="R27358">
        <v>29</v>
      </c>
      <c r="S27358">
        <v>30</v>
      </c>
      <c r="T27358">
        <v>30</v>
      </c>
      <c r="U27358">
        <v>30</v>
      </c>
      <c r="V27358">
        <v>30</v>
      </c>
      <c r="W27358">
        <v>30</v>
      </c>
      <c r="X27358">
        <v>31</v>
      </c>
      <c r="Y27358">
        <v>31</v>
      </c>
      <c r="Z27358">
        <v>31</v>
      </c>
      <c r="AA27358">
        <v>31</v>
      </c>
      <c r="AB27358">
        <v>31</v>
      </c>
      <c r="AC27358">
        <v>31</v>
      </c>
      <c r="AD27358">
        <v>32</v>
      </c>
      <c r="AE27358">
        <v>32</v>
      </c>
      <c r="AF27358">
        <v>32</v>
      </c>
      <c r="AG27358">
        <v>32</v>
      </c>
      <c r="AH27358">
        <v>32</v>
      </c>
      <c r="AI27358">
        <v>32</v>
      </c>
      <c r="AJ27358">
        <v>33</v>
      </c>
      <c r="AK27358">
        <v>33</v>
      </c>
      <c r="AL27358">
        <v>33</v>
      </c>
      <c r="AM27358">
        <v>33</v>
      </c>
      <c r="AN27358">
        <v>32</v>
      </c>
      <c r="AO27358">
        <v>32</v>
      </c>
      <c r="AP27358">
        <v>32</v>
      </c>
      <c r="AQ27358">
        <v>32</v>
      </c>
    </row>
    <row r="27359" spans="1:43">
      <c r="A27359" t="s">
        <v>16931</v>
      </c>
      <c r="B27359" t="s">
        <v>16932</v>
      </c>
      <c r="C27359" t="s">
        <v>16921</v>
      </c>
      <c r="D27359" t="s">
        <v>16922</v>
      </c>
      <c r="E27359" t="s">
        <v>16923</v>
      </c>
      <c r="F27359" t="s">
        <v>16924</v>
      </c>
      <c r="G27359" t="s">
        <v>16559</v>
      </c>
      <c r="H27359" t="s">
        <v>16560</v>
      </c>
      <c r="I27359" s="2">
        <v>1</v>
      </c>
      <c r="J27359" s="2">
        <v>0</v>
      </c>
      <c r="K27359" s="2">
        <v>0</v>
      </c>
      <c r="L27359" t="s">
        <v>120</v>
      </c>
      <c r="M27359" t="s">
        <v>87</v>
      </c>
      <c r="N27359" t="s">
        <v>88</v>
      </c>
      <c r="O27359" t="s">
        <v>85</v>
      </c>
      <c r="P27359" t="s">
        <v>86</v>
      </c>
      <c r="Q27359">
        <v>29</v>
      </c>
      <c r="R27359">
        <v>29</v>
      </c>
      <c r="S27359">
        <v>29</v>
      </c>
      <c r="T27359">
        <v>29</v>
      </c>
      <c r="U27359">
        <v>29</v>
      </c>
      <c r="V27359">
        <v>29</v>
      </c>
      <c r="W27359">
        <v>29</v>
      </c>
      <c r="X27359">
        <v>29</v>
      </c>
      <c r="Y27359">
        <v>28</v>
      </c>
      <c r="Z27359">
        <v>28</v>
      </c>
      <c r="AA27359">
        <v>28</v>
      </c>
      <c r="AB27359">
        <v>28</v>
      </c>
      <c r="AC27359">
        <v>28</v>
      </c>
      <c r="AD27359">
        <v>28</v>
      </c>
      <c r="AE27359">
        <v>28</v>
      </c>
      <c r="AF27359">
        <v>28</v>
      </c>
      <c r="AG27359">
        <v>28</v>
      </c>
      <c r="AH27359">
        <v>28</v>
      </c>
      <c r="AI27359">
        <v>28</v>
      </c>
      <c r="AJ27359">
        <v>28</v>
      </c>
      <c r="AK27359">
        <v>28</v>
      </c>
      <c r="AL27359">
        <v>28</v>
      </c>
      <c r="AM27359">
        <v>28</v>
      </c>
      <c r="AN27359">
        <v>28</v>
      </c>
      <c r="AO27359">
        <v>28</v>
      </c>
      <c r="AP27359">
        <v>28</v>
      </c>
      <c r="AQ27359">
        <v>28</v>
      </c>
    </row>
    <row r="27360" spans="1:43">
      <c r="A27360" t="s">
        <v>16931</v>
      </c>
      <c r="B27360" t="s">
        <v>16932</v>
      </c>
      <c r="C27360" t="s">
        <v>16921</v>
      </c>
      <c r="D27360" t="s">
        <v>16922</v>
      </c>
      <c r="E27360" t="s">
        <v>16923</v>
      </c>
      <c r="F27360" t="s">
        <v>16924</v>
      </c>
      <c r="G27360" t="s">
        <v>16559</v>
      </c>
      <c r="H27360" t="s">
        <v>16560</v>
      </c>
      <c r="I27360" s="2">
        <v>1</v>
      </c>
      <c r="J27360" s="2">
        <v>0</v>
      </c>
      <c r="K27360" s="2">
        <v>0</v>
      </c>
      <c r="L27360" t="s">
        <v>120</v>
      </c>
      <c r="M27360" t="s">
        <v>89</v>
      </c>
      <c r="N27360" t="s">
        <v>90</v>
      </c>
      <c r="O27360" t="s">
        <v>85</v>
      </c>
      <c r="P27360" t="s">
        <v>86</v>
      </c>
      <c r="Q27360">
        <v>29</v>
      </c>
      <c r="R27360">
        <v>30</v>
      </c>
      <c r="S27360">
        <v>30</v>
      </c>
      <c r="T27360">
        <v>31</v>
      </c>
      <c r="U27360">
        <v>31</v>
      </c>
      <c r="V27360">
        <v>32</v>
      </c>
      <c r="W27360">
        <v>32</v>
      </c>
      <c r="X27360">
        <v>32</v>
      </c>
      <c r="Y27360">
        <v>33</v>
      </c>
      <c r="Z27360">
        <v>33</v>
      </c>
      <c r="AA27360">
        <v>33</v>
      </c>
      <c r="AB27360">
        <v>33</v>
      </c>
      <c r="AC27360">
        <v>34</v>
      </c>
      <c r="AD27360">
        <v>34</v>
      </c>
      <c r="AE27360">
        <v>34</v>
      </c>
      <c r="AF27360">
        <v>34</v>
      </c>
      <c r="AG27360">
        <v>34</v>
      </c>
      <c r="AH27360">
        <v>34</v>
      </c>
      <c r="AI27360">
        <v>34</v>
      </c>
      <c r="AJ27360">
        <v>33</v>
      </c>
      <c r="AK27360">
        <v>33</v>
      </c>
      <c r="AL27360">
        <v>33</v>
      </c>
      <c r="AM27360">
        <v>33</v>
      </c>
      <c r="AN27360">
        <v>33</v>
      </c>
      <c r="AO27360">
        <v>33</v>
      </c>
      <c r="AP27360">
        <v>33</v>
      </c>
      <c r="AQ27360">
        <v>33</v>
      </c>
    </row>
    <row r="27361" spans="1:43">
      <c r="A27361" t="s">
        <v>16931</v>
      </c>
      <c r="B27361" t="s">
        <v>16932</v>
      </c>
      <c r="C27361" t="s">
        <v>16921</v>
      </c>
      <c r="D27361" t="s">
        <v>16922</v>
      </c>
      <c r="E27361" t="s">
        <v>16923</v>
      </c>
      <c r="F27361" t="s">
        <v>16924</v>
      </c>
      <c r="G27361" t="s">
        <v>16559</v>
      </c>
      <c r="H27361" t="s">
        <v>16560</v>
      </c>
      <c r="I27361" s="2">
        <v>1</v>
      </c>
      <c r="J27361" s="2">
        <v>0</v>
      </c>
      <c r="K27361" s="2">
        <v>0</v>
      </c>
      <c r="L27361" t="s">
        <v>120</v>
      </c>
      <c r="M27361" t="s">
        <v>83</v>
      </c>
      <c r="N27361" t="s">
        <v>91</v>
      </c>
      <c r="O27361" t="s">
        <v>85</v>
      </c>
      <c r="P27361" t="s">
        <v>86</v>
      </c>
      <c r="Q27361">
        <v>29</v>
      </c>
      <c r="R27361">
        <v>29</v>
      </c>
      <c r="S27361">
        <v>30</v>
      </c>
      <c r="T27361">
        <v>30</v>
      </c>
      <c r="U27361">
        <v>30</v>
      </c>
      <c r="V27361">
        <v>30</v>
      </c>
      <c r="W27361">
        <v>30</v>
      </c>
      <c r="X27361">
        <v>31</v>
      </c>
      <c r="Y27361">
        <v>31</v>
      </c>
      <c r="Z27361">
        <v>31</v>
      </c>
      <c r="AA27361">
        <v>31</v>
      </c>
      <c r="AB27361">
        <v>31</v>
      </c>
      <c r="AC27361">
        <v>31</v>
      </c>
      <c r="AD27361">
        <v>32</v>
      </c>
      <c r="AE27361">
        <v>32</v>
      </c>
      <c r="AF27361">
        <v>32</v>
      </c>
      <c r="AG27361">
        <v>32</v>
      </c>
      <c r="AH27361">
        <v>32</v>
      </c>
      <c r="AI27361">
        <v>32</v>
      </c>
      <c r="AJ27361">
        <v>33</v>
      </c>
      <c r="AK27361">
        <v>33</v>
      </c>
      <c r="AL27361">
        <v>33</v>
      </c>
      <c r="AM27361">
        <v>33</v>
      </c>
      <c r="AN27361">
        <v>32</v>
      </c>
      <c r="AO27361">
        <v>32</v>
      </c>
      <c r="AP27361">
        <v>32</v>
      </c>
      <c r="AQ27361">
        <v>32</v>
      </c>
    </row>
    <row r="27362" spans="1:43">
      <c r="A27362" t="s">
        <v>16933</v>
      </c>
      <c r="B27362" t="s">
        <v>16934</v>
      </c>
      <c r="C27362" t="s">
        <v>16935</v>
      </c>
      <c r="D27362" t="s">
        <v>16936</v>
      </c>
      <c r="E27362" t="s">
        <v>16923</v>
      </c>
      <c r="F27362" t="s">
        <v>16924</v>
      </c>
      <c r="G27362" t="s">
        <v>16559</v>
      </c>
      <c r="H27362" t="s">
        <v>16560</v>
      </c>
      <c r="I27362" s="2">
        <v>1</v>
      </c>
      <c r="J27362" s="2">
        <v>0</v>
      </c>
      <c r="K27362" s="2">
        <v>0</v>
      </c>
      <c r="L27362" t="s">
        <v>120</v>
      </c>
      <c r="M27362" t="s">
        <v>83</v>
      </c>
      <c r="N27362" t="s">
        <v>84</v>
      </c>
      <c r="O27362" t="s">
        <v>85</v>
      </c>
      <c r="P27362" t="s">
        <v>86</v>
      </c>
      <c r="Q27362">
        <v>6</v>
      </c>
      <c r="R27362">
        <v>6</v>
      </c>
      <c r="S27362">
        <v>6</v>
      </c>
      <c r="T27362">
        <v>7</v>
      </c>
      <c r="U27362">
        <v>7</v>
      </c>
      <c r="V27362">
        <v>7</v>
      </c>
      <c r="W27362">
        <v>7</v>
      </c>
      <c r="X27362">
        <v>7</v>
      </c>
      <c r="Y27362">
        <v>7</v>
      </c>
      <c r="Z27362">
        <v>7</v>
      </c>
      <c r="AA27362">
        <v>7</v>
      </c>
      <c r="AB27362">
        <v>7</v>
      </c>
      <c r="AC27362">
        <v>7</v>
      </c>
      <c r="AD27362">
        <v>7</v>
      </c>
      <c r="AE27362">
        <v>7</v>
      </c>
      <c r="AF27362">
        <v>7</v>
      </c>
      <c r="AG27362">
        <v>7</v>
      </c>
      <c r="AH27362">
        <v>7</v>
      </c>
      <c r="AI27362">
        <v>7</v>
      </c>
      <c r="AJ27362">
        <v>7</v>
      </c>
      <c r="AK27362">
        <v>7</v>
      </c>
      <c r="AL27362">
        <v>7</v>
      </c>
      <c r="AM27362">
        <v>7</v>
      </c>
      <c r="AN27362">
        <v>7</v>
      </c>
      <c r="AO27362">
        <v>7</v>
      </c>
      <c r="AP27362">
        <v>7</v>
      </c>
      <c r="AQ27362">
        <v>7</v>
      </c>
    </row>
    <row r="27363" spans="1:43">
      <c r="A27363" t="s">
        <v>16933</v>
      </c>
      <c r="B27363" t="s">
        <v>16934</v>
      </c>
      <c r="C27363" t="s">
        <v>16935</v>
      </c>
      <c r="D27363" t="s">
        <v>16936</v>
      </c>
      <c r="E27363" t="s">
        <v>16923</v>
      </c>
      <c r="F27363" t="s">
        <v>16924</v>
      </c>
      <c r="G27363" t="s">
        <v>16559</v>
      </c>
      <c r="H27363" t="s">
        <v>16560</v>
      </c>
      <c r="I27363" s="2">
        <v>1</v>
      </c>
      <c r="J27363" s="2">
        <v>0</v>
      </c>
      <c r="K27363" s="2">
        <v>0</v>
      </c>
      <c r="L27363" t="s">
        <v>120</v>
      </c>
      <c r="M27363" t="s">
        <v>87</v>
      </c>
      <c r="N27363" t="s">
        <v>88</v>
      </c>
      <c r="O27363" t="s">
        <v>85</v>
      </c>
      <c r="P27363" t="s">
        <v>86</v>
      </c>
      <c r="Q27363">
        <v>6</v>
      </c>
      <c r="R27363">
        <v>6</v>
      </c>
      <c r="S27363">
        <v>6</v>
      </c>
      <c r="T27363">
        <v>6</v>
      </c>
      <c r="U27363">
        <v>6</v>
      </c>
      <c r="V27363">
        <v>6</v>
      </c>
      <c r="W27363">
        <v>6</v>
      </c>
      <c r="X27363">
        <v>6</v>
      </c>
      <c r="Y27363">
        <v>6</v>
      </c>
      <c r="Z27363">
        <v>6</v>
      </c>
      <c r="AA27363">
        <v>6</v>
      </c>
      <c r="AB27363">
        <v>6</v>
      </c>
      <c r="AC27363">
        <v>6</v>
      </c>
      <c r="AD27363">
        <v>6</v>
      </c>
      <c r="AE27363">
        <v>6</v>
      </c>
      <c r="AF27363">
        <v>6</v>
      </c>
      <c r="AG27363">
        <v>6</v>
      </c>
      <c r="AH27363">
        <v>6</v>
      </c>
      <c r="AI27363">
        <v>6</v>
      </c>
      <c r="AJ27363">
        <v>6</v>
      </c>
      <c r="AK27363">
        <v>6</v>
      </c>
      <c r="AL27363">
        <v>6</v>
      </c>
      <c r="AM27363">
        <v>6</v>
      </c>
      <c r="AN27363">
        <v>6</v>
      </c>
      <c r="AO27363">
        <v>6</v>
      </c>
      <c r="AP27363">
        <v>6</v>
      </c>
      <c r="AQ27363">
        <v>6</v>
      </c>
    </row>
    <row r="27364" spans="1:43">
      <c r="A27364" t="s">
        <v>16933</v>
      </c>
      <c r="B27364" t="s">
        <v>16934</v>
      </c>
      <c r="C27364" t="s">
        <v>16935</v>
      </c>
      <c r="D27364" t="s">
        <v>16936</v>
      </c>
      <c r="E27364" t="s">
        <v>16923</v>
      </c>
      <c r="F27364" t="s">
        <v>16924</v>
      </c>
      <c r="G27364" t="s">
        <v>16559</v>
      </c>
      <c r="H27364" t="s">
        <v>16560</v>
      </c>
      <c r="I27364" s="2">
        <v>1</v>
      </c>
      <c r="J27364" s="2">
        <v>0</v>
      </c>
      <c r="K27364" s="2">
        <v>0</v>
      </c>
      <c r="L27364" t="s">
        <v>120</v>
      </c>
      <c r="M27364" t="s">
        <v>89</v>
      </c>
      <c r="N27364" t="s">
        <v>90</v>
      </c>
      <c r="O27364" t="s">
        <v>85</v>
      </c>
      <c r="P27364" t="s">
        <v>86</v>
      </c>
      <c r="Q27364">
        <v>6</v>
      </c>
      <c r="R27364">
        <v>7</v>
      </c>
      <c r="S27364">
        <v>7</v>
      </c>
      <c r="T27364">
        <v>7</v>
      </c>
      <c r="U27364">
        <v>7</v>
      </c>
      <c r="V27364">
        <v>7</v>
      </c>
      <c r="W27364">
        <v>7</v>
      </c>
      <c r="X27364">
        <v>7</v>
      </c>
      <c r="Y27364">
        <v>7</v>
      </c>
      <c r="Z27364">
        <v>7</v>
      </c>
      <c r="AA27364">
        <v>7</v>
      </c>
      <c r="AB27364">
        <v>7</v>
      </c>
      <c r="AC27364">
        <v>7</v>
      </c>
      <c r="AD27364">
        <v>7</v>
      </c>
      <c r="AE27364">
        <v>7</v>
      </c>
      <c r="AF27364">
        <v>7</v>
      </c>
      <c r="AG27364">
        <v>7</v>
      </c>
      <c r="AH27364">
        <v>7</v>
      </c>
      <c r="AI27364">
        <v>7</v>
      </c>
      <c r="AJ27364">
        <v>7</v>
      </c>
      <c r="AK27364">
        <v>7</v>
      </c>
      <c r="AL27364">
        <v>7</v>
      </c>
      <c r="AM27364">
        <v>7</v>
      </c>
      <c r="AN27364">
        <v>7</v>
      </c>
      <c r="AO27364">
        <v>7</v>
      </c>
      <c r="AP27364">
        <v>7</v>
      </c>
      <c r="AQ27364">
        <v>7</v>
      </c>
    </row>
    <row r="27365" spans="1:43">
      <c r="A27365" t="s">
        <v>16933</v>
      </c>
      <c r="B27365" t="s">
        <v>16934</v>
      </c>
      <c r="C27365" t="s">
        <v>16935</v>
      </c>
      <c r="D27365" t="s">
        <v>16936</v>
      </c>
      <c r="E27365" t="s">
        <v>16923</v>
      </c>
      <c r="F27365" t="s">
        <v>16924</v>
      </c>
      <c r="G27365" t="s">
        <v>16559</v>
      </c>
      <c r="H27365" t="s">
        <v>16560</v>
      </c>
      <c r="I27365" s="2">
        <v>1</v>
      </c>
      <c r="J27365" s="2">
        <v>0</v>
      </c>
      <c r="K27365" s="2">
        <v>0</v>
      </c>
      <c r="L27365" t="s">
        <v>120</v>
      </c>
      <c r="M27365" t="s">
        <v>83</v>
      </c>
      <c r="N27365" t="s">
        <v>91</v>
      </c>
      <c r="O27365" t="s">
        <v>85</v>
      </c>
      <c r="P27365" t="s">
        <v>86</v>
      </c>
      <c r="Q27365">
        <v>6</v>
      </c>
      <c r="R27365">
        <v>6</v>
      </c>
      <c r="S27365">
        <v>6</v>
      </c>
      <c r="T27365">
        <v>7</v>
      </c>
      <c r="U27365">
        <v>7</v>
      </c>
      <c r="V27365">
        <v>7</v>
      </c>
      <c r="W27365">
        <v>7</v>
      </c>
      <c r="X27365">
        <v>7</v>
      </c>
      <c r="Y27365">
        <v>7</v>
      </c>
      <c r="Z27365">
        <v>7</v>
      </c>
      <c r="AA27365">
        <v>7</v>
      </c>
      <c r="AB27365">
        <v>7</v>
      </c>
      <c r="AC27365">
        <v>7</v>
      </c>
      <c r="AD27365">
        <v>7</v>
      </c>
      <c r="AE27365">
        <v>7</v>
      </c>
      <c r="AF27365">
        <v>7</v>
      </c>
      <c r="AG27365">
        <v>7</v>
      </c>
      <c r="AH27365">
        <v>7</v>
      </c>
      <c r="AI27365">
        <v>7</v>
      </c>
      <c r="AJ27365">
        <v>7</v>
      </c>
      <c r="AK27365">
        <v>7</v>
      </c>
      <c r="AL27365">
        <v>7</v>
      </c>
      <c r="AM27365">
        <v>7</v>
      </c>
      <c r="AN27365">
        <v>7</v>
      </c>
      <c r="AO27365">
        <v>7</v>
      </c>
      <c r="AP27365">
        <v>7</v>
      </c>
      <c r="AQ27365">
        <v>7</v>
      </c>
    </row>
    <row r="27366" spans="1:43">
      <c r="A27366" t="s">
        <v>16937</v>
      </c>
      <c r="B27366" t="s">
        <v>16938</v>
      </c>
      <c r="C27366" t="s">
        <v>16935</v>
      </c>
      <c r="D27366" t="s">
        <v>16936</v>
      </c>
      <c r="E27366" t="s">
        <v>16923</v>
      </c>
      <c r="F27366" t="s">
        <v>16924</v>
      </c>
      <c r="G27366" t="s">
        <v>16559</v>
      </c>
      <c r="H27366" t="s">
        <v>16560</v>
      </c>
      <c r="I27366" s="2">
        <v>1</v>
      </c>
      <c r="J27366" s="2">
        <v>0</v>
      </c>
      <c r="K27366" s="2">
        <v>0</v>
      </c>
      <c r="L27366" t="s">
        <v>120</v>
      </c>
      <c r="M27366" t="s">
        <v>83</v>
      </c>
      <c r="N27366" t="s">
        <v>84</v>
      </c>
      <c r="O27366" t="s">
        <v>85</v>
      </c>
      <c r="P27366" t="s">
        <v>86</v>
      </c>
      <c r="Q27366">
        <v>38</v>
      </c>
      <c r="R27366">
        <v>38</v>
      </c>
      <c r="S27366">
        <v>39</v>
      </c>
      <c r="T27366">
        <v>39</v>
      </c>
      <c r="U27366">
        <v>39</v>
      </c>
      <c r="V27366">
        <v>40</v>
      </c>
      <c r="W27366">
        <v>40</v>
      </c>
      <c r="X27366">
        <v>40</v>
      </c>
      <c r="Y27366">
        <v>41</v>
      </c>
      <c r="Z27366">
        <v>41</v>
      </c>
      <c r="AA27366">
        <v>41</v>
      </c>
      <c r="AB27366">
        <v>41</v>
      </c>
      <c r="AC27366">
        <v>42</v>
      </c>
      <c r="AD27366">
        <v>42</v>
      </c>
      <c r="AE27366">
        <v>42</v>
      </c>
      <c r="AF27366">
        <v>43</v>
      </c>
      <c r="AG27366">
        <v>43</v>
      </c>
      <c r="AH27366">
        <v>43</v>
      </c>
      <c r="AI27366">
        <v>44</v>
      </c>
      <c r="AJ27366">
        <v>44</v>
      </c>
      <c r="AK27366">
        <v>44</v>
      </c>
      <c r="AL27366">
        <v>44</v>
      </c>
      <c r="AM27366">
        <v>44</v>
      </c>
      <c r="AN27366">
        <v>44</v>
      </c>
      <c r="AO27366">
        <v>44</v>
      </c>
      <c r="AP27366">
        <v>44</v>
      </c>
      <c r="AQ27366">
        <v>44</v>
      </c>
    </row>
    <row r="27367" spans="1:43">
      <c r="A27367" t="s">
        <v>16937</v>
      </c>
      <c r="B27367" t="s">
        <v>16938</v>
      </c>
      <c r="C27367" t="s">
        <v>16935</v>
      </c>
      <c r="D27367" t="s">
        <v>16936</v>
      </c>
      <c r="E27367" t="s">
        <v>16923</v>
      </c>
      <c r="F27367" t="s">
        <v>16924</v>
      </c>
      <c r="G27367" t="s">
        <v>16559</v>
      </c>
      <c r="H27367" t="s">
        <v>16560</v>
      </c>
      <c r="I27367" s="2">
        <v>1</v>
      </c>
      <c r="J27367" s="2">
        <v>0</v>
      </c>
      <c r="K27367" s="2">
        <v>0</v>
      </c>
      <c r="L27367" t="s">
        <v>120</v>
      </c>
      <c r="M27367" t="s">
        <v>87</v>
      </c>
      <c r="N27367" t="s">
        <v>88</v>
      </c>
      <c r="O27367" t="s">
        <v>85</v>
      </c>
      <c r="P27367" t="s">
        <v>86</v>
      </c>
      <c r="Q27367">
        <v>38</v>
      </c>
      <c r="R27367">
        <v>38</v>
      </c>
      <c r="S27367">
        <v>38</v>
      </c>
      <c r="T27367">
        <v>38</v>
      </c>
      <c r="U27367">
        <v>38</v>
      </c>
      <c r="V27367">
        <v>38</v>
      </c>
      <c r="W27367">
        <v>38</v>
      </c>
      <c r="X27367">
        <v>38</v>
      </c>
      <c r="Y27367">
        <v>38</v>
      </c>
      <c r="Z27367">
        <v>38</v>
      </c>
      <c r="AA27367">
        <v>38</v>
      </c>
      <c r="AB27367">
        <v>38</v>
      </c>
      <c r="AC27367">
        <v>38</v>
      </c>
      <c r="AD27367">
        <v>38</v>
      </c>
      <c r="AE27367">
        <v>38</v>
      </c>
      <c r="AF27367">
        <v>38</v>
      </c>
      <c r="AG27367">
        <v>38</v>
      </c>
      <c r="AH27367">
        <v>38</v>
      </c>
      <c r="AI27367">
        <v>38</v>
      </c>
      <c r="AJ27367">
        <v>38</v>
      </c>
      <c r="AK27367">
        <v>38</v>
      </c>
      <c r="AL27367">
        <v>38</v>
      </c>
      <c r="AM27367">
        <v>38</v>
      </c>
      <c r="AN27367">
        <v>38</v>
      </c>
      <c r="AO27367">
        <v>38</v>
      </c>
      <c r="AP27367">
        <v>38</v>
      </c>
      <c r="AQ27367">
        <v>38</v>
      </c>
    </row>
    <row r="27368" spans="1:43">
      <c r="A27368" t="s">
        <v>16937</v>
      </c>
      <c r="B27368" t="s">
        <v>16938</v>
      </c>
      <c r="C27368" t="s">
        <v>16935</v>
      </c>
      <c r="D27368" t="s">
        <v>16936</v>
      </c>
      <c r="E27368" t="s">
        <v>16923</v>
      </c>
      <c r="F27368" t="s">
        <v>16924</v>
      </c>
      <c r="G27368" t="s">
        <v>16559</v>
      </c>
      <c r="H27368" t="s">
        <v>16560</v>
      </c>
      <c r="I27368" s="2">
        <v>1</v>
      </c>
      <c r="J27368" s="2">
        <v>0</v>
      </c>
      <c r="K27368" s="2">
        <v>0</v>
      </c>
      <c r="L27368" t="s">
        <v>120</v>
      </c>
      <c r="M27368" t="s">
        <v>89</v>
      </c>
      <c r="N27368" t="s">
        <v>90</v>
      </c>
      <c r="O27368" t="s">
        <v>85</v>
      </c>
      <c r="P27368" t="s">
        <v>86</v>
      </c>
      <c r="Q27368">
        <v>38</v>
      </c>
      <c r="R27368">
        <v>39</v>
      </c>
      <c r="S27368">
        <v>40</v>
      </c>
      <c r="T27368">
        <v>40</v>
      </c>
      <c r="U27368">
        <v>41</v>
      </c>
      <c r="V27368">
        <v>41</v>
      </c>
      <c r="W27368">
        <v>42</v>
      </c>
      <c r="X27368">
        <v>42</v>
      </c>
      <c r="Y27368">
        <v>43</v>
      </c>
      <c r="Z27368">
        <v>43</v>
      </c>
      <c r="AA27368">
        <v>44</v>
      </c>
      <c r="AB27368">
        <v>44</v>
      </c>
      <c r="AC27368">
        <v>45</v>
      </c>
      <c r="AD27368">
        <v>45</v>
      </c>
      <c r="AE27368">
        <v>45</v>
      </c>
      <c r="AF27368">
        <v>45</v>
      </c>
      <c r="AG27368">
        <v>45</v>
      </c>
      <c r="AH27368">
        <v>45</v>
      </c>
      <c r="AI27368">
        <v>45</v>
      </c>
      <c r="AJ27368">
        <v>45</v>
      </c>
      <c r="AK27368">
        <v>45</v>
      </c>
      <c r="AL27368">
        <v>45</v>
      </c>
      <c r="AM27368">
        <v>45</v>
      </c>
      <c r="AN27368">
        <v>45</v>
      </c>
      <c r="AO27368">
        <v>45</v>
      </c>
      <c r="AP27368">
        <v>45</v>
      </c>
      <c r="AQ27368">
        <v>45</v>
      </c>
    </row>
    <row r="27369" spans="1:43">
      <c r="A27369" t="s">
        <v>16937</v>
      </c>
      <c r="B27369" t="s">
        <v>16938</v>
      </c>
      <c r="C27369" t="s">
        <v>16935</v>
      </c>
      <c r="D27369" t="s">
        <v>16936</v>
      </c>
      <c r="E27369" t="s">
        <v>16923</v>
      </c>
      <c r="F27369" t="s">
        <v>16924</v>
      </c>
      <c r="G27369" t="s">
        <v>16559</v>
      </c>
      <c r="H27369" t="s">
        <v>16560</v>
      </c>
      <c r="I27369" s="2">
        <v>1</v>
      </c>
      <c r="J27369" s="2">
        <v>0</v>
      </c>
      <c r="K27369" s="2">
        <v>0</v>
      </c>
      <c r="L27369" t="s">
        <v>120</v>
      </c>
      <c r="M27369" t="s">
        <v>83</v>
      </c>
      <c r="N27369" t="s">
        <v>91</v>
      </c>
      <c r="O27369" t="s">
        <v>85</v>
      </c>
      <c r="P27369" t="s">
        <v>86</v>
      </c>
      <c r="Q27369">
        <v>38</v>
      </c>
      <c r="R27369">
        <v>38</v>
      </c>
      <c r="S27369">
        <v>39</v>
      </c>
      <c r="T27369">
        <v>39</v>
      </c>
      <c r="U27369">
        <v>39</v>
      </c>
      <c r="V27369">
        <v>40</v>
      </c>
      <c r="W27369">
        <v>40</v>
      </c>
      <c r="X27369">
        <v>40</v>
      </c>
      <c r="Y27369">
        <v>41</v>
      </c>
      <c r="Z27369">
        <v>41</v>
      </c>
      <c r="AA27369">
        <v>41</v>
      </c>
      <c r="AB27369">
        <v>41</v>
      </c>
      <c r="AC27369">
        <v>42</v>
      </c>
      <c r="AD27369">
        <v>42</v>
      </c>
      <c r="AE27369">
        <v>42</v>
      </c>
      <c r="AF27369">
        <v>43</v>
      </c>
      <c r="AG27369">
        <v>43</v>
      </c>
      <c r="AH27369">
        <v>43</v>
      </c>
      <c r="AI27369">
        <v>44</v>
      </c>
      <c r="AJ27369">
        <v>44</v>
      </c>
      <c r="AK27369">
        <v>44</v>
      </c>
      <c r="AL27369">
        <v>44</v>
      </c>
      <c r="AM27369">
        <v>44</v>
      </c>
      <c r="AN27369">
        <v>44</v>
      </c>
      <c r="AO27369">
        <v>44</v>
      </c>
      <c r="AP27369">
        <v>44</v>
      </c>
      <c r="AQ27369">
        <v>44</v>
      </c>
    </row>
    <row r="27370" spans="1:43">
      <c r="A27370" t="s">
        <v>16939</v>
      </c>
      <c r="B27370" t="s">
        <v>16940</v>
      </c>
      <c r="C27370" t="s">
        <v>16935</v>
      </c>
      <c r="D27370" t="s">
        <v>16936</v>
      </c>
      <c r="E27370" t="s">
        <v>16923</v>
      </c>
      <c r="F27370" t="s">
        <v>16924</v>
      </c>
      <c r="G27370" t="s">
        <v>16559</v>
      </c>
      <c r="H27370" t="s">
        <v>16560</v>
      </c>
      <c r="I27370" s="2">
        <v>1</v>
      </c>
      <c r="J27370" s="2">
        <v>0</v>
      </c>
      <c r="K27370" s="2">
        <v>0</v>
      </c>
      <c r="L27370" t="s">
        <v>120</v>
      </c>
      <c r="M27370" t="s">
        <v>83</v>
      </c>
      <c r="N27370" t="s">
        <v>84</v>
      </c>
      <c r="O27370" t="s">
        <v>85</v>
      </c>
      <c r="P27370" t="s">
        <v>86</v>
      </c>
      <c r="Q27370">
        <v>11</v>
      </c>
      <c r="R27370">
        <v>11</v>
      </c>
      <c r="S27370">
        <v>11</v>
      </c>
      <c r="T27370">
        <v>11</v>
      </c>
      <c r="U27370">
        <v>11</v>
      </c>
      <c r="V27370">
        <v>11</v>
      </c>
      <c r="W27370">
        <v>11</v>
      </c>
      <c r="X27370">
        <v>11</v>
      </c>
      <c r="Y27370">
        <v>11</v>
      </c>
      <c r="Z27370">
        <v>11</v>
      </c>
      <c r="AA27370">
        <v>12</v>
      </c>
      <c r="AB27370">
        <v>12</v>
      </c>
      <c r="AC27370">
        <v>12</v>
      </c>
      <c r="AD27370">
        <v>12</v>
      </c>
      <c r="AE27370">
        <v>12</v>
      </c>
      <c r="AF27370">
        <v>12</v>
      </c>
      <c r="AG27370">
        <v>12</v>
      </c>
      <c r="AH27370">
        <v>12</v>
      </c>
      <c r="AI27370">
        <v>12</v>
      </c>
      <c r="AJ27370">
        <v>12</v>
      </c>
      <c r="AK27370">
        <v>12</v>
      </c>
      <c r="AL27370">
        <v>12</v>
      </c>
      <c r="AM27370">
        <v>12</v>
      </c>
      <c r="AN27370">
        <v>12</v>
      </c>
      <c r="AO27370">
        <v>12</v>
      </c>
      <c r="AP27370">
        <v>12</v>
      </c>
      <c r="AQ27370">
        <v>12</v>
      </c>
    </row>
    <row r="27371" spans="1:43">
      <c r="A27371" t="s">
        <v>16939</v>
      </c>
      <c r="B27371" t="s">
        <v>16940</v>
      </c>
      <c r="C27371" t="s">
        <v>16935</v>
      </c>
      <c r="D27371" t="s">
        <v>16936</v>
      </c>
      <c r="E27371" t="s">
        <v>16923</v>
      </c>
      <c r="F27371" t="s">
        <v>16924</v>
      </c>
      <c r="G27371" t="s">
        <v>16559</v>
      </c>
      <c r="H27371" t="s">
        <v>16560</v>
      </c>
      <c r="I27371" s="2">
        <v>1</v>
      </c>
      <c r="J27371" s="2">
        <v>0</v>
      </c>
      <c r="K27371" s="2">
        <v>0</v>
      </c>
      <c r="L27371" t="s">
        <v>120</v>
      </c>
      <c r="M27371" t="s">
        <v>87</v>
      </c>
      <c r="N27371" t="s">
        <v>88</v>
      </c>
      <c r="O27371" t="s">
        <v>85</v>
      </c>
      <c r="P27371" t="s">
        <v>86</v>
      </c>
      <c r="Q27371">
        <v>11</v>
      </c>
      <c r="R27371">
        <v>11</v>
      </c>
      <c r="S27371">
        <v>11</v>
      </c>
      <c r="T27371">
        <v>11</v>
      </c>
      <c r="U27371">
        <v>11</v>
      </c>
      <c r="V27371">
        <v>11</v>
      </c>
      <c r="W27371">
        <v>11</v>
      </c>
      <c r="X27371">
        <v>11</v>
      </c>
      <c r="Y27371">
        <v>11</v>
      </c>
      <c r="Z27371">
        <v>11</v>
      </c>
      <c r="AA27371">
        <v>11</v>
      </c>
      <c r="AB27371">
        <v>10</v>
      </c>
      <c r="AC27371">
        <v>10</v>
      </c>
      <c r="AD27371">
        <v>10</v>
      </c>
      <c r="AE27371">
        <v>10</v>
      </c>
      <c r="AF27371">
        <v>10</v>
      </c>
      <c r="AG27371">
        <v>10</v>
      </c>
      <c r="AH27371">
        <v>10</v>
      </c>
      <c r="AI27371">
        <v>10</v>
      </c>
      <c r="AJ27371">
        <v>10</v>
      </c>
      <c r="AK27371">
        <v>10</v>
      </c>
      <c r="AL27371">
        <v>10</v>
      </c>
      <c r="AM27371">
        <v>10</v>
      </c>
      <c r="AN27371">
        <v>10</v>
      </c>
      <c r="AO27371">
        <v>10</v>
      </c>
      <c r="AP27371">
        <v>10</v>
      </c>
      <c r="AQ27371">
        <v>10</v>
      </c>
    </row>
    <row r="27372" spans="1:43">
      <c r="A27372" t="s">
        <v>16939</v>
      </c>
      <c r="B27372" t="s">
        <v>16940</v>
      </c>
      <c r="C27372" t="s">
        <v>16935</v>
      </c>
      <c r="D27372" t="s">
        <v>16936</v>
      </c>
      <c r="E27372" t="s">
        <v>16923</v>
      </c>
      <c r="F27372" t="s">
        <v>16924</v>
      </c>
      <c r="G27372" t="s">
        <v>16559</v>
      </c>
      <c r="H27372" t="s">
        <v>16560</v>
      </c>
      <c r="I27372" s="2">
        <v>1</v>
      </c>
      <c r="J27372" s="2">
        <v>0</v>
      </c>
      <c r="K27372" s="2">
        <v>0</v>
      </c>
      <c r="L27372" t="s">
        <v>120</v>
      </c>
      <c r="M27372" t="s">
        <v>89</v>
      </c>
      <c r="N27372" t="s">
        <v>90</v>
      </c>
      <c r="O27372" t="s">
        <v>85</v>
      </c>
      <c r="P27372" t="s">
        <v>86</v>
      </c>
      <c r="Q27372">
        <v>11</v>
      </c>
      <c r="R27372">
        <v>11</v>
      </c>
      <c r="S27372">
        <v>11</v>
      </c>
      <c r="T27372">
        <v>11</v>
      </c>
      <c r="U27372">
        <v>11</v>
      </c>
      <c r="V27372">
        <v>12</v>
      </c>
      <c r="W27372">
        <v>12</v>
      </c>
      <c r="X27372">
        <v>12</v>
      </c>
      <c r="Y27372">
        <v>12</v>
      </c>
      <c r="Z27372">
        <v>12</v>
      </c>
      <c r="AA27372">
        <v>12</v>
      </c>
      <c r="AB27372">
        <v>12</v>
      </c>
      <c r="AC27372">
        <v>13</v>
      </c>
      <c r="AD27372">
        <v>13</v>
      </c>
      <c r="AE27372">
        <v>13</v>
      </c>
      <c r="AF27372">
        <v>13</v>
      </c>
      <c r="AG27372">
        <v>13</v>
      </c>
      <c r="AH27372">
        <v>13</v>
      </c>
      <c r="AI27372">
        <v>13</v>
      </c>
      <c r="AJ27372">
        <v>13</v>
      </c>
      <c r="AK27372">
        <v>13</v>
      </c>
      <c r="AL27372">
        <v>13</v>
      </c>
      <c r="AM27372">
        <v>13</v>
      </c>
      <c r="AN27372">
        <v>13</v>
      </c>
      <c r="AO27372">
        <v>12</v>
      </c>
      <c r="AP27372">
        <v>12</v>
      </c>
      <c r="AQ27372">
        <v>12</v>
      </c>
    </row>
    <row r="27373" spans="1:43">
      <c r="A27373" t="s">
        <v>16939</v>
      </c>
      <c r="B27373" t="s">
        <v>16940</v>
      </c>
      <c r="C27373" t="s">
        <v>16935</v>
      </c>
      <c r="D27373" t="s">
        <v>16936</v>
      </c>
      <c r="E27373" t="s">
        <v>16923</v>
      </c>
      <c r="F27373" t="s">
        <v>16924</v>
      </c>
      <c r="G27373" t="s">
        <v>16559</v>
      </c>
      <c r="H27373" t="s">
        <v>16560</v>
      </c>
      <c r="I27373" s="2">
        <v>1</v>
      </c>
      <c r="J27373" s="2">
        <v>0</v>
      </c>
      <c r="K27373" s="2">
        <v>0</v>
      </c>
      <c r="L27373" t="s">
        <v>120</v>
      </c>
      <c r="M27373" t="s">
        <v>83</v>
      </c>
      <c r="N27373" t="s">
        <v>91</v>
      </c>
      <c r="O27373" t="s">
        <v>85</v>
      </c>
      <c r="P27373" t="s">
        <v>86</v>
      </c>
      <c r="Q27373">
        <v>11</v>
      </c>
      <c r="R27373">
        <v>11</v>
      </c>
      <c r="S27373">
        <v>11</v>
      </c>
      <c r="T27373">
        <v>11</v>
      </c>
      <c r="U27373">
        <v>11</v>
      </c>
      <c r="V27373">
        <v>11</v>
      </c>
      <c r="W27373">
        <v>11</v>
      </c>
      <c r="X27373">
        <v>11</v>
      </c>
      <c r="Y27373">
        <v>11</v>
      </c>
      <c r="Z27373">
        <v>11</v>
      </c>
      <c r="AA27373">
        <v>12</v>
      </c>
      <c r="AB27373">
        <v>12</v>
      </c>
      <c r="AC27373">
        <v>12</v>
      </c>
      <c r="AD27373">
        <v>12</v>
      </c>
      <c r="AE27373">
        <v>12</v>
      </c>
      <c r="AF27373">
        <v>12</v>
      </c>
      <c r="AG27373">
        <v>12</v>
      </c>
      <c r="AH27373">
        <v>12</v>
      </c>
      <c r="AI27373">
        <v>12</v>
      </c>
      <c r="AJ27373">
        <v>12</v>
      </c>
      <c r="AK27373">
        <v>12</v>
      </c>
      <c r="AL27373">
        <v>12</v>
      </c>
      <c r="AM27373">
        <v>12</v>
      </c>
      <c r="AN27373">
        <v>12</v>
      </c>
      <c r="AO27373">
        <v>12</v>
      </c>
      <c r="AP27373">
        <v>12</v>
      </c>
      <c r="AQ27373">
        <v>12</v>
      </c>
    </row>
    <row r="27374" spans="1:43">
      <c r="A27374" t="s">
        <v>16941</v>
      </c>
      <c r="B27374" t="s">
        <v>16942</v>
      </c>
      <c r="C27374" t="s">
        <v>16935</v>
      </c>
      <c r="D27374" t="s">
        <v>16936</v>
      </c>
      <c r="E27374" t="s">
        <v>16923</v>
      </c>
      <c r="F27374" t="s">
        <v>16924</v>
      </c>
      <c r="G27374" t="s">
        <v>16559</v>
      </c>
      <c r="H27374" t="s">
        <v>16560</v>
      </c>
      <c r="I27374" s="2">
        <v>1</v>
      </c>
      <c r="J27374" s="2">
        <v>0</v>
      </c>
      <c r="K27374" s="2">
        <v>0</v>
      </c>
      <c r="L27374" t="s">
        <v>120</v>
      </c>
      <c r="M27374" t="s">
        <v>83</v>
      </c>
      <c r="N27374" t="s">
        <v>84</v>
      </c>
      <c r="O27374" t="s">
        <v>85</v>
      </c>
      <c r="P27374" t="s">
        <v>86</v>
      </c>
      <c r="Q27374">
        <v>46</v>
      </c>
      <c r="R27374">
        <v>46</v>
      </c>
      <c r="S27374">
        <v>47</v>
      </c>
      <c r="T27374">
        <v>47</v>
      </c>
      <c r="U27374">
        <v>47</v>
      </c>
      <c r="V27374">
        <v>48</v>
      </c>
      <c r="W27374">
        <v>48</v>
      </c>
      <c r="X27374">
        <v>48</v>
      </c>
      <c r="Y27374">
        <v>49</v>
      </c>
      <c r="Z27374">
        <v>49</v>
      </c>
      <c r="AA27374">
        <v>50</v>
      </c>
      <c r="AB27374">
        <v>50</v>
      </c>
      <c r="AC27374">
        <v>50</v>
      </c>
      <c r="AD27374">
        <v>51</v>
      </c>
      <c r="AE27374">
        <v>51</v>
      </c>
      <c r="AF27374">
        <v>51</v>
      </c>
      <c r="AG27374">
        <v>52</v>
      </c>
      <c r="AH27374">
        <v>52</v>
      </c>
      <c r="AI27374">
        <v>52</v>
      </c>
      <c r="AJ27374">
        <v>53</v>
      </c>
      <c r="AK27374">
        <v>53</v>
      </c>
      <c r="AL27374">
        <v>53</v>
      </c>
      <c r="AM27374">
        <v>53</v>
      </c>
      <c r="AN27374">
        <v>53</v>
      </c>
      <c r="AO27374">
        <v>53</v>
      </c>
      <c r="AP27374">
        <v>53</v>
      </c>
      <c r="AQ27374">
        <v>53</v>
      </c>
    </row>
    <row r="27375" spans="1:43">
      <c r="A27375" t="s">
        <v>16941</v>
      </c>
      <c r="B27375" t="s">
        <v>16942</v>
      </c>
      <c r="C27375" t="s">
        <v>16935</v>
      </c>
      <c r="D27375" t="s">
        <v>16936</v>
      </c>
      <c r="E27375" t="s">
        <v>16923</v>
      </c>
      <c r="F27375" t="s">
        <v>16924</v>
      </c>
      <c r="G27375" t="s">
        <v>16559</v>
      </c>
      <c r="H27375" t="s">
        <v>16560</v>
      </c>
      <c r="I27375" s="2">
        <v>1</v>
      </c>
      <c r="J27375" s="2">
        <v>0</v>
      </c>
      <c r="K27375" s="2">
        <v>0</v>
      </c>
      <c r="L27375" t="s">
        <v>120</v>
      </c>
      <c r="M27375" t="s">
        <v>87</v>
      </c>
      <c r="N27375" t="s">
        <v>88</v>
      </c>
      <c r="O27375" t="s">
        <v>85</v>
      </c>
      <c r="P27375" t="s">
        <v>86</v>
      </c>
      <c r="Q27375">
        <v>46</v>
      </c>
      <c r="R27375">
        <v>46</v>
      </c>
      <c r="S27375">
        <v>46</v>
      </c>
      <c r="T27375">
        <v>46</v>
      </c>
      <c r="U27375">
        <v>46</v>
      </c>
      <c r="V27375">
        <v>46</v>
      </c>
      <c r="W27375">
        <v>46</v>
      </c>
      <c r="X27375">
        <v>46</v>
      </c>
      <c r="Y27375">
        <v>46</v>
      </c>
      <c r="Z27375">
        <v>46</v>
      </c>
      <c r="AA27375">
        <v>46</v>
      </c>
      <c r="AB27375">
        <v>46</v>
      </c>
      <c r="AC27375">
        <v>46</v>
      </c>
      <c r="AD27375">
        <v>46</v>
      </c>
      <c r="AE27375">
        <v>46</v>
      </c>
      <c r="AF27375">
        <v>46</v>
      </c>
      <c r="AG27375">
        <v>46</v>
      </c>
      <c r="AH27375">
        <v>46</v>
      </c>
      <c r="AI27375">
        <v>46</v>
      </c>
      <c r="AJ27375">
        <v>46</v>
      </c>
      <c r="AK27375">
        <v>46</v>
      </c>
      <c r="AL27375">
        <v>46</v>
      </c>
      <c r="AM27375">
        <v>46</v>
      </c>
      <c r="AN27375">
        <v>46</v>
      </c>
      <c r="AO27375">
        <v>46</v>
      </c>
      <c r="AP27375">
        <v>46</v>
      </c>
      <c r="AQ27375">
        <v>46</v>
      </c>
    </row>
    <row r="27376" spans="1:43">
      <c r="A27376" t="s">
        <v>16941</v>
      </c>
      <c r="B27376" t="s">
        <v>16942</v>
      </c>
      <c r="C27376" t="s">
        <v>16935</v>
      </c>
      <c r="D27376" t="s">
        <v>16936</v>
      </c>
      <c r="E27376" t="s">
        <v>16923</v>
      </c>
      <c r="F27376" t="s">
        <v>16924</v>
      </c>
      <c r="G27376" t="s">
        <v>16559</v>
      </c>
      <c r="H27376" t="s">
        <v>16560</v>
      </c>
      <c r="I27376" s="2">
        <v>1</v>
      </c>
      <c r="J27376" s="2">
        <v>0</v>
      </c>
      <c r="K27376" s="2">
        <v>0</v>
      </c>
      <c r="L27376" t="s">
        <v>120</v>
      </c>
      <c r="M27376" t="s">
        <v>89</v>
      </c>
      <c r="N27376" t="s">
        <v>90</v>
      </c>
      <c r="O27376" t="s">
        <v>85</v>
      </c>
      <c r="P27376" t="s">
        <v>86</v>
      </c>
      <c r="Q27376">
        <v>46</v>
      </c>
      <c r="R27376">
        <v>47</v>
      </c>
      <c r="S27376">
        <v>48</v>
      </c>
      <c r="T27376">
        <v>48</v>
      </c>
      <c r="U27376">
        <v>49</v>
      </c>
      <c r="V27376">
        <v>50</v>
      </c>
      <c r="W27376">
        <v>50</v>
      </c>
      <c r="X27376">
        <v>51</v>
      </c>
      <c r="Y27376">
        <v>52</v>
      </c>
      <c r="Z27376">
        <v>52</v>
      </c>
      <c r="AA27376">
        <v>53</v>
      </c>
      <c r="AB27376">
        <v>53</v>
      </c>
      <c r="AC27376">
        <v>54</v>
      </c>
      <c r="AD27376">
        <v>54</v>
      </c>
      <c r="AE27376">
        <v>55</v>
      </c>
      <c r="AF27376">
        <v>55</v>
      </c>
      <c r="AG27376">
        <v>55</v>
      </c>
      <c r="AH27376">
        <v>55</v>
      </c>
      <c r="AI27376">
        <v>55</v>
      </c>
      <c r="AJ27376">
        <v>55</v>
      </c>
      <c r="AK27376">
        <v>54</v>
      </c>
      <c r="AL27376">
        <v>54</v>
      </c>
      <c r="AM27376">
        <v>54</v>
      </c>
      <c r="AN27376">
        <v>54</v>
      </c>
      <c r="AO27376">
        <v>54</v>
      </c>
      <c r="AP27376">
        <v>54</v>
      </c>
      <c r="AQ27376">
        <v>54</v>
      </c>
    </row>
    <row r="27377" spans="1:43">
      <c r="A27377" t="s">
        <v>16941</v>
      </c>
      <c r="B27377" t="s">
        <v>16942</v>
      </c>
      <c r="C27377" t="s">
        <v>16935</v>
      </c>
      <c r="D27377" t="s">
        <v>16936</v>
      </c>
      <c r="E27377" t="s">
        <v>16923</v>
      </c>
      <c r="F27377" t="s">
        <v>16924</v>
      </c>
      <c r="G27377" t="s">
        <v>16559</v>
      </c>
      <c r="H27377" t="s">
        <v>16560</v>
      </c>
      <c r="I27377" s="2">
        <v>1</v>
      </c>
      <c r="J27377" s="2">
        <v>0</v>
      </c>
      <c r="K27377" s="2">
        <v>0</v>
      </c>
      <c r="L27377" t="s">
        <v>120</v>
      </c>
      <c r="M27377" t="s">
        <v>83</v>
      </c>
      <c r="N27377" t="s">
        <v>91</v>
      </c>
      <c r="O27377" t="s">
        <v>85</v>
      </c>
      <c r="P27377" t="s">
        <v>86</v>
      </c>
      <c r="Q27377">
        <v>46</v>
      </c>
      <c r="R27377">
        <v>46</v>
      </c>
      <c r="S27377">
        <v>47</v>
      </c>
      <c r="T27377">
        <v>47</v>
      </c>
      <c r="U27377">
        <v>47</v>
      </c>
      <c r="V27377">
        <v>48</v>
      </c>
      <c r="W27377">
        <v>48</v>
      </c>
      <c r="X27377">
        <v>48</v>
      </c>
      <c r="Y27377">
        <v>49</v>
      </c>
      <c r="Z27377">
        <v>49</v>
      </c>
      <c r="AA27377">
        <v>50</v>
      </c>
      <c r="AB27377">
        <v>50</v>
      </c>
      <c r="AC27377">
        <v>50</v>
      </c>
      <c r="AD27377">
        <v>51</v>
      </c>
      <c r="AE27377">
        <v>51</v>
      </c>
      <c r="AF27377">
        <v>51</v>
      </c>
      <c r="AG27377">
        <v>52</v>
      </c>
      <c r="AH27377">
        <v>52</v>
      </c>
      <c r="AI27377">
        <v>52</v>
      </c>
      <c r="AJ27377">
        <v>53</v>
      </c>
      <c r="AK27377">
        <v>53</v>
      </c>
      <c r="AL27377">
        <v>53</v>
      </c>
      <c r="AM27377">
        <v>53</v>
      </c>
      <c r="AN27377">
        <v>53</v>
      </c>
      <c r="AO27377">
        <v>53</v>
      </c>
      <c r="AP27377">
        <v>53</v>
      </c>
      <c r="AQ27377">
        <v>53</v>
      </c>
    </row>
    <row r="27378" spans="1:43">
      <c r="A27378" t="s">
        <v>16943</v>
      </c>
      <c r="B27378" t="s">
        <v>16944</v>
      </c>
      <c r="C27378" t="s">
        <v>16935</v>
      </c>
      <c r="D27378" t="s">
        <v>16936</v>
      </c>
      <c r="E27378" t="s">
        <v>16923</v>
      </c>
      <c r="F27378" t="s">
        <v>16924</v>
      </c>
      <c r="G27378" t="s">
        <v>16559</v>
      </c>
      <c r="H27378" t="s">
        <v>16560</v>
      </c>
      <c r="I27378" s="2">
        <v>1</v>
      </c>
      <c r="J27378" s="2">
        <v>0</v>
      </c>
      <c r="K27378" s="2">
        <v>0</v>
      </c>
      <c r="L27378" t="s">
        <v>120</v>
      </c>
      <c r="M27378" t="s">
        <v>83</v>
      </c>
      <c r="N27378" t="s">
        <v>84</v>
      </c>
      <c r="O27378" t="s">
        <v>85</v>
      </c>
      <c r="P27378" t="s">
        <v>86</v>
      </c>
      <c r="Q27378">
        <v>15</v>
      </c>
      <c r="R27378">
        <v>15</v>
      </c>
      <c r="S27378">
        <v>15</v>
      </c>
      <c r="T27378">
        <v>15</v>
      </c>
      <c r="U27378">
        <v>15</v>
      </c>
      <c r="V27378">
        <v>15</v>
      </c>
      <c r="W27378">
        <v>16</v>
      </c>
      <c r="X27378">
        <v>16</v>
      </c>
      <c r="Y27378">
        <v>16</v>
      </c>
      <c r="Z27378">
        <v>16</v>
      </c>
      <c r="AA27378">
        <v>16</v>
      </c>
      <c r="AB27378">
        <v>16</v>
      </c>
      <c r="AC27378">
        <v>16</v>
      </c>
      <c r="AD27378">
        <v>16</v>
      </c>
      <c r="AE27378">
        <v>16</v>
      </c>
      <c r="AF27378">
        <v>16</v>
      </c>
      <c r="AG27378">
        <v>16</v>
      </c>
      <c r="AH27378">
        <v>16</v>
      </c>
      <c r="AI27378">
        <v>16</v>
      </c>
      <c r="AJ27378">
        <v>16</v>
      </c>
      <c r="AK27378">
        <v>16</v>
      </c>
      <c r="AL27378">
        <v>16</v>
      </c>
      <c r="AM27378">
        <v>16</v>
      </c>
      <c r="AN27378">
        <v>16</v>
      </c>
      <c r="AO27378">
        <v>16</v>
      </c>
      <c r="AP27378">
        <v>16</v>
      </c>
      <c r="AQ27378">
        <v>16</v>
      </c>
    </row>
    <row r="27379" spans="1:43">
      <c r="A27379" t="s">
        <v>16943</v>
      </c>
      <c r="B27379" t="s">
        <v>16944</v>
      </c>
      <c r="C27379" t="s">
        <v>16935</v>
      </c>
      <c r="D27379" t="s">
        <v>16936</v>
      </c>
      <c r="E27379" t="s">
        <v>16923</v>
      </c>
      <c r="F27379" t="s">
        <v>16924</v>
      </c>
      <c r="G27379" t="s">
        <v>16559</v>
      </c>
      <c r="H27379" t="s">
        <v>16560</v>
      </c>
      <c r="I27379" s="2">
        <v>1</v>
      </c>
      <c r="J27379" s="2">
        <v>0</v>
      </c>
      <c r="K27379" s="2">
        <v>0</v>
      </c>
      <c r="L27379" t="s">
        <v>120</v>
      </c>
      <c r="M27379" t="s">
        <v>87</v>
      </c>
      <c r="N27379" t="s">
        <v>88</v>
      </c>
      <c r="O27379" t="s">
        <v>85</v>
      </c>
      <c r="P27379" t="s">
        <v>86</v>
      </c>
      <c r="Q27379">
        <v>15</v>
      </c>
      <c r="R27379">
        <v>15</v>
      </c>
      <c r="S27379">
        <v>15</v>
      </c>
      <c r="T27379">
        <v>15</v>
      </c>
      <c r="U27379">
        <v>15</v>
      </c>
      <c r="V27379">
        <v>15</v>
      </c>
      <c r="W27379">
        <v>15</v>
      </c>
      <c r="X27379">
        <v>15</v>
      </c>
      <c r="Y27379">
        <v>14</v>
      </c>
      <c r="Z27379">
        <v>14</v>
      </c>
      <c r="AA27379">
        <v>14</v>
      </c>
      <c r="AB27379">
        <v>14</v>
      </c>
      <c r="AC27379">
        <v>14</v>
      </c>
      <c r="AD27379">
        <v>14</v>
      </c>
      <c r="AE27379">
        <v>14</v>
      </c>
      <c r="AF27379">
        <v>14</v>
      </c>
      <c r="AG27379">
        <v>14</v>
      </c>
      <c r="AH27379">
        <v>14</v>
      </c>
      <c r="AI27379">
        <v>14</v>
      </c>
      <c r="AJ27379">
        <v>14</v>
      </c>
      <c r="AK27379">
        <v>14</v>
      </c>
      <c r="AL27379">
        <v>14</v>
      </c>
      <c r="AM27379">
        <v>14</v>
      </c>
      <c r="AN27379">
        <v>14</v>
      </c>
      <c r="AO27379">
        <v>14</v>
      </c>
      <c r="AP27379">
        <v>14</v>
      </c>
      <c r="AQ27379">
        <v>14</v>
      </c>
    </row>
    <row r="27380" spans="1:43">
      <c r="A27380" t="s">
        <v>16943</v>
      </c>
      <c r="B27380" t="s">
        <v>16944</v>
      </c>
      <c r="C27380" t="s">
        <v>16935</v>
      </c>
      <c r="D27380" t="s">
        <v>16936</v>
      </c>
      <c r="E27380" t="s">
        <v>16923</v>
      </c>
      <c r="F27380" t="s">
        <v>16924</v>
      </c>
      <c r="G27380" t="s">
        <v>16559</v>
      </c>
      <c r="H27380" t="s">
        <v>16560</v>
      </c>
      <c r="I27380" s="2">
        <v>1</v>
      </c>
      <c r="J27380" s="2">
        <v>0</v>
      </c>
      <c r="K27380" s="2">
        <v>0</v>
      </c>
      <c r="L27380" t="s">
        <v>120</v>
      </c>
      <c r="M27380" t="s">
        <v>89</v>
      </c>
      <c r="N27380" t="s">
        <v>90</v>
      </c>
      <c r="O27380" t="s">
        <v>85</v>
      </c>
      <c r="P27380" t="s">
        <v>86</v>
      </c>
      <c r="Q27380">
        <v>15</v>
      </c>
      <c r="R27380">
        <v>15</v>
      </c>
      <c r="S27380">
        <v>16</v>
      </c>
      <c r="T27380">
        <v>16</v>
      </c>
      <c r="U27380">
        <v>16</v>
      </c>
      <c r="V27380">
        <v>16</v>
      </c>
      <c r="W27380">
        <v>16</v>
      </c>
      <c r="X27380">
        <v>16</v>
      </c>
      <c r="Y27380">
        <v>17</v>
      </c>
      <c r="Z27380">
        <v>17</v>
      </c>
      <c r="AA27380">
        <v>17</v>
      </c>
      <c r="AB27380">
        <v>17</v>
      </c>
      <c r="AC27380">
        <v>17</v>
      </c>
      <c r="AD27380">
        <v>17</v>
      </c>
      <c r="AE27380">
        <v>17</v>
      </c>
      <c r="AF27380">
        <v>17</v>
      </c>
      <c r="AG27380">
        <v>17</v>
      </c>
      <c r="AH27380">
        <v>17</v>
      </c>
      <c r="AI27380">
        <v>17</v>
      </c>
      <c r="AJ27380">
        <v>16</v>
      </c>
      <c r="AK27380">
        <v>16</v>
      </c>
      <c r="AL27380">
        <v>16</v>
      </c>
      <c r="AM27380">
        <v>16</v>
      </c>
      <c r="AN27380">
        <v>16</v>
      </c>
      <c r="AO27380">
        <v>16</v>
      </c>
      <c r="AP27380">
        <v>16</v>
      </c>
      <c r="AQ27380">
        <v>16</v>
      </c>
    </row>
    <row r="27381" spans="1:43">
      <c r="A27381" t="s">
        <v>16943</v>
      </c>
      <c r="B27381" t="s">
        <v>16944</v>
      </c>
      <c r="C27381" t="s">
        <v>16935</v>
      </c>
      <c r="D27381" t="s">
        <v>16936</v>
      </c>
      <c r="E27381" t="s">
        <v>16923</v>
      </c>
      <c r="F27381" t="s">
        <v>16924</v>
      </c>
      <c r="G27381" t="s">
        <v>16559</v>
      </c>
      <c r="H27381" t="s">
        <v>16560</v>
      </c>
      <c r="I27381" s="2">
        <v>1</v>
      </c>
      <c r="J27381" s="2">
        <v>0</v>
      </c>
      <c r="K27381" s="2">
        <v>0</v>
      </c>
      <c r="L27381" t="s">
        <v>120</v>
      </c>
      <c r="M27381" t="s">
        <v>83</v>
      </c>
      <c r="N27381" t="s">
        <v>91</v>
      </c>
      <c r="O27381" t="s">
        <v>85</v>
      </c>
      <c r="P27381" t="s">
        <v>86</v>
      </c>
      <c r="Q27381">
        <v>15</v>
      </c>
      <c r="R27381">
        <v>15</v>
      </c>
      <c r="S27381">
        <v>15</v>
      </c>
      <c r="T27381">
        <v>15</v>
      </c>
      <c r="U27381">
        <v>15</v>
      </c>
      <c r="V27381">
        <v>15</v>
      </c>
      <c r="W27381">
        <v>16</v>
      </c>
      <c r="X27381">
        <v>16</v>
      </c>
      <c r="Y27381">
        <v>16</v>
      </c>
      <c r="Z27381">
        <v>16</v>
      </c>
      <c r="AA27381">
        <v>16</v>
      </c>
      <c r="AB27381">
        <v>16</v>
      </c>
      <c r="AC27381">
        <v>16</v>
      </c>
      <c r="AD27381">
        <v>16</v>
      </c>
      <c r="AE27381">
        <v>16</v>
      </c>
      <c r="AF27381">
        <v>16</v>
      </c>
      <c r="AG27381">
        <v>16</v>
      </c>
      <c r="AH27381">
        <v>16</v>
      </c>
      <c r="AI27381">
        <v>16</v>
      </c>
      <c r="AJ27381">
        <v>16</v>
      </c>
      <c r="AK27381">
        <v>16</v>
      </c>
      <c r="AL27381">
        <v>16</v>
      </c>
      <c r="AM27381">
        <v>16</v>
      </c>
      <c r="AN27381">
        <v>16</v>
      </c>
      <c r="AO27381">
        <v>16</v>
      </c>
      <c r="AP27381">
        <v>16</v>
      </c>
      <c r="AQ27381">
        <v>16</v>
      </c>
    </row>
    <row r="27382" spans="1:43">
      <c r="A27382" t="s">
        <v>16945</v>
      </c>
      <c r="B27382" t="s">
        <v>16946</v>
      </c>
      <c r="C27382" t="s">
        <v>16947</v>
      </c>
      <c r="D27382" t="s">
        <v>16948</v>
      </c>
      <c r="E27382" t="s">
        <v>16923</v>
      </c>
      <c r="F27382" t="s">
        <v>16924</v>
      </c>
      <c r="G27382" t="s">
        <v>16559</v>
      </c>
      <c r="H27382" t="s">
        <v>16560</v>
      </c>
      <c r="I27382" s="2">
        <v>1</v>
      </c>
      <c r="J27382" s="2">
        <v>0</v>
      </c>
      <c r="K27382" s="2">
        <v>0</v>
      </c>
      <c r="L27382" t="s">
        <v>120</v>
      </c>
      <c r="M27382" t="s">
        <v>83</v>
      </c>
      <c r="N27382" t="s">
        <v>84</v>
      </c>
      <c r="O27382" t="s">
        <v>85</v>
      </c>
      <c r="P27382" t="s">
        <v>86</v>
      </c>
      <c r="Q27382">
        <v>121</v>
      </c>
      <c r="R27382">
        <v>122</v>
      </c>
      <c r="S27382">
        <v>123</v>
      </c>
      <c r="T27382">
        <v>124</v>
      </c>
      <c r="U27382">
        <v>125</v>
      </c>
      <c r="V27382">
        <v>125</v>
      </c>
      <c r="W27382">
        <v>126</v>
      </c>
      <c r="X27382">
        <v>127</v>
      </c>
      <c r="Y27382">
        <v>127</v>
      </c>
      <c r="Z27382">
        <v>128</v>
      </c>
      <c r="AA27382">
        <v>129</v>
      </c>
      <c r="AB27382">
        <v>129</v>
      </c>
      <c r="AC27382">
        <v>130</v>
      </c>
      <c r="AD27382">
        <v>131</v>
      </c>
      <c r="AE27382">
        <v>131</v>
      </c>
      <c r="AF27382">
        <v>132</v>
      </c>
      <c r="AG27382">
        <v>132</v>
      </c>
      <c r="AH27382">
        <v>133</v>
      </c>
      <c r="AI27382">
        <v>134</v>
      </c>
      <c r="AJ27382">
        <v>134</v>
      </c>
      <c r="AK27382">
        <v>135</v>
      </c>
      <c r="AL27382">
        <v>135</v>
      </c>
      <c r="AM27382">
        <v>134</v>
      </c>
      <c r="AN27382">
        <v>133</v>
      </c>
      <c r="AO27382">
        <v>133</v>
      </c>
      <c r="AP27382">
        <v>133</v>
      </c>
      <c r="AQ27382">
        <v>132</v>
      </c>
    </row>
    <row r="27383" spans="1:43">
      <c r="A27383" t="s">
        <v>16945</v>
      </c>
      <c r="B27383" t="s">
        <v>16946</v>
      </c>
      <c r="C27383" t="s">
        <v>16947</v>
      </c>
      <c r="D27383" t="s">
        <v>16948</v>
      </c>
      <c r="E27383" t="s">
        <v>16923</v>
      </c>
      <c r="F27383" t="s">
        <v>16924</v>
      </c>
      <c r="G27383" t="s">
        <v>16559</v>
      </c>
      <c r="H27383" t="s">
        <v>16560</v>
      </c>
      <c r="I27383" s="2">
        <v>1</v>
      </c>
      <c r="J27383" s="2">
        <v>0</v>
      </c>
      <c r="K27383" s="2">
        <v>0</v>
      </c>
      <c r="L27383" t="s">
        <v>120</v>
      </c>
      <c r="M27383" t="s">
        <v>87</v>
      </c>
      <c r="N27383" t="s">
        <v>88</v>
      </c>
      <c r="O27383" t="s">
        <v>85</v>
      </c>
      <c r="P27383" t="s">
        <v>86</v>
      </c>
      <c r="Q27383">
        <v>121</v>
      </c>
      <c r="R27383">
        <v>121</v>
      </c>
      <c r="S27383">
        <v>121</v>
      </c>
      <c r="T27383">
        <v>120</v>
      </c>
      <c r="U27383">
        <v>120</v>
      </c>
      <c r="V27383">
        <v>120</v>
      </c>
      <c r="W27383">
        <v>119</v>
      </c>
      <c r="X27383">
        <v>119</v>
      </c>
      <c r="Y27383">
        <v>119</v>
      </c>
      <c r="Z27383">
        <v>119</v>
      </c>
      <c r="AA27383">
        <v>118</v>
      </c>
      <c r="AB27383">
        <v>118</v>
      </c>
      <c r="AC27383">
        <v>118</v>
      </c>
      <c r="AD27383">
        <v>118</v>
      </c>
      <c r="AE27383">
        <v>117</v>
      </c>
      <c r="AF27383">
        <v>117</v>
      </c>
      <c r="AG27383">
        <v>117</v>
      </c>
      <c r="AH27383">
        <v>117</v>
      </c>
      <c r="AI27383">
        <v>116</v>
      </c>
      <c r="AJ27383">
        <v>116</v>
      </c>
      <c r="AK27383">
        <v>116</v>
      </c>
      <c r="AL27383">
        <v>116</v>
      </c>
      <c r="AM27383">
        <v>115</v>
      </c>
      <c r="AN27383">
        <v>115</v>
      </c>
      <c r="AO27383">
        <v>115</v>
      </c>
      <c r="AP27383">
        <v>115</v>
      </c>
      <c r="AQ27383">
        <v>115</v>
      </c>
    </row>
    <row r="27384" spans="1:43">
      <c r="A27384" t="s">
        <v>16945</v>
      </c>
      <c r="B27384" t="s">
        <v>16946</v>
      </c>
      <c r="C27384" t="s">
        <v>16947</v>
      </c>
      <c r="D27384" t="s">
        <v>16948</v>
      </c>
      <c r="E27384" t="s">
        <v>16923</v>
      </c>
      <c r="F27384" t="s">
        <v>16924</v>
      </c>
      <c r="G27384" t="s">
        <v>16559</v>
      </c>
      <c r="H27384" t="s">
        <v>16560</v>
      </c>
      <c r="I27384" s="2">
        <v>1</v>
      </c>
      <c r="J27384" s="2">
        <v>0</v>
      </c>
      <c r="K27384" s="2">
        <v>0</v>
      </c>
      <c r="L27384" t="s">
        <v>120</v>
      </c>
      <c r="M27384" t="s">
        <v>89</v>
      </c>
      <c r="N27384" t="s">
        <v>90</v>
      </c>
      <c r="O27384" t="s">
        <v>85</v>
      </c>
      <c r="P27384" t="s">
        <v>86</v>
      </c>
      <c r="Q27384">
        <v>121</v>
      </c>
      <c r="R27384">
        <v>122</v>
      </c>
      <c r="S27384">
        <v>124</v>
      </c>
      <c r="T27384">
        <v>126</v>
      </c>
      <c r="U27384">
        <v>127</v>
      </c>
      <c r="V27384">
        <v>129</v>
      </c>
      <c r="W27384">
        <v>130</v>
      </c>
      <c r="X27384">
        <v>132</v>
      </c>
      <c r="Y27384">
        <v>133</v>
      </c>
      <c r="Z27384">
        <v>134</v>
      </c>
      <c r="AA27384">
        <v>135</v>
      </c>
      <c r="AB27384">
        <v>136</v>
      </c>
      <c r="AC27384">
        <v>137</v>
      </c>
      <c r="AD27384">
        <v>138</v>
      </c>
      <c r="AE27384">
        <v>139</v>
      </c>
      <c r="AF27384">
        <v>138</v>
      </c>
      <c r="AG27384">
        <v>138</v>
      </c>
      <c r="AH27384">
        <v>137</v>
      </c>
      <c r="AI27384">
        <v>136</v>
      </c>
      <c r="AJ27384">
        <v>136</v>
      </c>
      <c r="AK27384">
        <v>135</v>
      </c>
      <c r="AL27384">
        <v>135</v>
      </c>
      <c r="AM27384">
        <v>134</v>
      </c>
      <c r="AN27384">
        <v>134</v>
      </c>
      <c r="AO27384">
        <v>133</v>
      </c>
      <c r="AP27384">
        <v>133</v>
      </c>
      <c r="AQ27384">
        <v>132</v>
      </c>
    </row>
    <row r="27385" spans="1:43">
      <c r="A27385" t="s">
        <v>16945</v>
      </c>
      <c r="B27385" t="s">
        <v>16946</v>
      </c>
      <c r="C27385" t="s">
        <v>16947</v>
      </c>
      <c r="D27385" t="s">
        <v>16948</v>
      </c>
      <c r="E27385" t="s">
        <v>16923</v>
      </c>
      <c r="F27385" t="s">
        <v>16924</v>
      </c>
      <c r="G27385" t="s">
        <v>16559</v>
      </c>
      <c r="H27385" t="s">
        <v>16560</v>
      </c>
      <c r="I27385" s="2">
        <v>1</v>
      </c>
      <c r="J27385" s="2">
        <v>0</v>
      </c>
      <c r="K27385" s="2">
        <v>0</v>
      </c>
      <c r="L27385" t="s">
        <v>120</v>
      </c>
      <c r="M27385" t="s">
        <v>83</v>
      </c>
      <c r="N27385" t="s">
        <v>91</v>
      </c>
      <c r="O27385" t="s">
        <v>85</v>
      </c>
      <c r="P27385" t="s">
        <v>86</v>
      </c>
      <c r="Q27385">
        <v>121</v>
      </c>
      <c r="R27385">
        <v>122</v>
      </c>
      <c r="S27385">
        <v>123</v>
      </c>
      <c r="T27385">
        <v>124</v>
      </c>
      <c r="U27385">
        <v>125</v>
      </c>
      <c r="V27385">
        <v>125</v>
      </c>
      <c r="W27385">
        <v>126</v>
      </c>
      <c r="X27385">
        <v>127</v>
      </c>
      <c r="Y27385">
        <v>127</v>
      </c>
      <c r="Z27385">
        <v>128</v>
      </c>
      <c r="AA27385">
        <v>129</v>
      </c>
      <c r="AB27385">
        <v>129</v>
      </c>
      <c r="AC27385">
        <v>130</v>
      </c>
      <c r="AD27385">
        <v>131</v>
      </c>
      <c r="AE27385">
        <v>131</v>
      </c>
      <c r="AF27385">
        <v>132</v>
      </c>
      <c r="AG27385">
        <v>132</v>
      </c>
      <c r="AH27385">
        <v>133</v>
      </c>
      <c r="AI27385">
        <v>134</v>
      </c>
      <c r="AJ27385">
        <v>134</v>
      </c>
      <c r="AK27385">
        <v>135</v>
      </c>
      <c r="AL27385">
        <v>135</v>
      </c>
      <c r="AM27385">
        <v>134</v>
      </c>
      <c r="AN27385">
        <v>133</v>
      </c>
      <c r="AO27385">
        <v>133</v>
      </c>
      <c r="AP27385">
        <v>133</v>
      </c>
      <c r="AQ27385">
        <v>132</v>
      </c>
    </row>
    <row r="27386" spans="1:43">
      <c r="A27386" t="s">
        <v>16949</v>
      </c>
      <c r="B27386" t="s">
        <v>16950</v>
      </c>
      <c r="C27386" t="s">
        <v>16947</v>
      </c>
      <c r="D27386" t="s">
        <v>16948</v>
      </c>
      <c r="E27386" t="s">
        <v>16923</v>
      </c>
      <c r="F27386" t="s">
        <v>16924</v>
      </c>
      <c r="G27386" t="s">
        <v>16559</v>
      </c>
      <c r="H27386" t="s">
        <v>16560</v>
      </c>
      <c r="I27386" s="2">
        <v>1</v>
      </c>
      <c r="J27386" s="2">
        <v>0</v>
      </c>
      <c r="K27386" s="2">
        <v>0</v>
      </c>
      <c r="L27386" t="s">
        <v>120</v>
      </c>
      <c r="M27386" t="s">
        <v>83</v>
      </c>
      <c r="N27386" t="s">
        <v>84</v>
      </c>
      <c r="O27386" t="s">
        <v>85</v>
      </c>
      <c r="P27386" t="s">
        <v>86</v>
      </c>
      <c r="Q27386">
        <v>37</v>
      </c>
      <c r="R27386">
        <v>37</v>
      </c>
      <c r="S27386">
        <v>38</v>
      </c>
      <c r="T27386">
        <v>38</v>
      </c>
      <c r="U27386">
        <v>38</v>
      </c>
      <c r="V27386">
        <v>38</v>
      </c>
      <c r="W27386">
        <v>38</v>
      </c>
      <c r="X27386">
        <v>39</v>
      </c>
      <c r="Y27386">
        <v>39</v>
      </c>
      <c r="Z27386">
        <v>39</v>
      </c>
      <c r="AA27386">
        <v>39</v>
      </c>
      <c r="AB27386">
        <v>39</v>
      </c>
      <c r="AC27386">
        <v>39</v>
      </c>
      <c r="AD27386">
        <v>40</v>
      </c>
      <c r="AE27386">
        <v>40</v>
      </c>
      <c r="AF27386">
        <v>40</v>
      </c>
      <c r="AG27386">
        <v>40</v>
      </c>
      <c r="AH27386">
        <v>40</v>
      </c>
      <c r="AI27386">
        <v>40</v>
      </c>
      <c r="AJ27386">
        <v>41</v>
      </c>
      <c r="AK27386">
        <v>41</v>
      </c>
      <c r="AL27386">
        <v>41</v>
      </c>
      <c r="AM27386">
        <v>40</v>
      </c>
      <c r="AN27386">
        <v>40</v>
      </c>
      <c r="AO27386">
        <v>40</v>
      </c>
      <c r="AP27386">
        <v>40</v>
      </c>
      <c r="AQ27386">
        <v>40</v>
      </c>
    </row>
    <row r="27387" spans="1:43">
      <c r="A27387" t="s">
        <v>16949</v>
      </c>
      <c r="B27387" t="s">
        <v>16950</v>
      </c>
      <c r="C27387" t="s">
        <v>16947</v>
      </c>
      <c r="D27387" t="s">
        <v>16948</v>
      </c>
      <c r="E27387" t="s">
        <v>16923</v>
      </c>
      <c r="F27387" t="s">
        <v>16924</v>
      </c>
      <c r="G27387" t="s">
        <v>16559</v>
      </c>
      <c r="H27387" t="s">
        <v>16560</v>
      </c>
      <c r="I27387" s="2">
        <v>1</v>
      </c>
      <c r="J27387" s="2">
        <v>0</v>
      </c>
      <c r="K27387" s="2">
        <v>0</v>
      </c>
      <c r="L27387" t="s">
        <v>120</v>
      </c>
      <c r="M27387" t="s">
        <v>87</v>
      </c>
      <c r="N27387" t="s">
        <v>88</v>
      </c>
      <c r="O27387" t="s">
        <v>85</v>
      </c>
      <c r="P27387" t="s">
        <v>86</v>
      </c>
      <c r="Q27387">
        <v>37</v>
      </c>
      <c r="R27387">
        <v>37</v>
      </c>
      <c r="S27387">
        <v>37</v>
      </c>
      <c r="T27387">
        <v>36</v>
      </c>
      <c r="U27387">
        <v>36</v>
      </c>
      <c r="V27387">
        <v>36</v>
      </c>
      <c r="W27387">
        <v>36</v>
      </c>
      <c r="X27387">
        <v>36</v>
      </c>
      <c r="Y27387">
        <v>36</v>
      </c>
      <c r="Z27387">
        <v>36</v>
      </c>
      <c r="AA27387">
        <v>36</v>
      </c>
      <c r="AB27387">
        <v>36</v>
      </c>
      <c r="AC27387">
        <v>35</v>
      </c>
      <c r="AD27387">
        <v>35</v>
      </c>
      <c r="AE27387">
        <v>35</v>
      </c>
      <c r="AF27387">
        <v>35</v>
      </c>
      <c r="AG27387">
        <v>35</v>
      </c>
      <c r="AH27387">
        <v>35</v>
      </c>
      <c r="AI27387">
        <v>35</v>
      </c>
      <c r="AJ27387">
        <v>35</v>
      </c>
      <c r="AK27387">
        <v>35</v>
      </c>
      <c r="AL27387">
        <v>35</v>
      </c>
      <c r="AM27387">
        <v>35</v>
      </c>
      <c r="AN27387">
        <v>35</v>
      </c>
      <c r="AO27387">
        <v>34</v>
      </c>
      <c r="AP27387">
        <v>34</v>
      </c>
      <c r="AQ27387">
        <v>34</v>
      </c>
    </row>
    <row r="27388" spans="1:43">
      <c r="A27388" t="s">
        <v>16949</v>
      </c>
      <c r="B27388" t="s">
        <v>16950</v>
      </c>
      <c r="C27388" t="s">
        <v>16947</v>
      </c>
      <c r="D27388" t="s">
        <v>16948</v>
      </c>
      <c r="E27388" t="s">
        <v>16923</v>
      </c>
      <c r="F27388" t="s">
        <v>16924</v>
      </c>
      <c r="G27388" t="s">
        <v>16559</v>
      </c>
      <c r="H27388" t="s">
        <v>16560</v>
      </c>
      <c r="I27388" s="2">
        <v>1</v>
      </c>
      <c r="J27388" s="2">
        <v>0</v>
      </c>
      <c r="K27388" s="2">
        <v>0</v>
      </c>
      <c r="L27388" t="s">
        <v>120</v>
      </c>
      <c r="M27388" t="s">
        <v>89</v>
      </c>
      <c r="N27388" t="s">
        <v>90</v>
      </c>
      <c r="O27388" t="s">
        <v>85</v>
      </c>
      <c r="P27388" t="s">
        <v>86</v>
      </c>
      <c r="Q27388">
        <v>37</v>
      </c>
      <c r="R27388">
        <v>38</v>
      </c>
      <c r="S27388">
        <v>39</v>
      </c>
      <c r="T27388">
        <v>39</v>
      </c>
      <c r="U27388">
        <v>40</v>
      </c>
      <c r="V27388">
        <v>40</v>
      </c>
      <c r="W27388">
        <v>40</v>
      </c>
      <c r="X27388">
        <v>41</v>
      </c>
      <c r="Y27388">
        <v>41</v>
      </c>
      <c r="Z27388">
        <v>41</v>
      </c>
      <c r="AA27388">
        <v>42</v>
      </c>
      <c r="AB27388">
        <v>42</v>
      </c>
      <c r="AC27388">
        <v>42</v>
      </c>
      <c r="AD27388">
        <v>43</v>
      </c>
      <c r="AE27388">
        <v>43</v>
      </c>
      <c r="AF27388">
        <v>42</v>
      </c>
      <c r="AG27388">
        <v>42</v>
      </c>
      <c r="AH27388">
        <v>42</v>
      </c>
      <c r="AI27388">
        <v>42</v>
      </c>
      <c r="AJ27388">
        <v>42</v>
      </c>
      <c r="AK27388">
        <v>41</v>
      </c>
      <c r="AL27388">
        <v>41</v>
      </c>
      <c r="AM27388">
        <v>41</v>
      </c>
      <c r="AN27388">
        <v>41</v>
      </c>
      <c r="AO27388">
        <v>41</v>
      </c>
      <c r="AP27388">
        <v>40</v>
      </c>
      <c r="AQ27388">
        <v>40</v>
      </c>
    </row>
    <row r="27389" spans="1:43">
      <c r="A27389" t="s">
        <v>16949</v>
      </c>
      <c r="B27389" t="s">
        <v>16950</v>
      </c>
      <c r="C27389" t="s">
        <v>16947</v>
      </c>
      <c r="D27389" t="s">
        <v>16948</v>
      </c>
      <c r="E27389" t="s">
        <v>16923</v>
      </c>
      <c r="F27389" t="s">
        <v>16924</v>
      </c>
      <c r="G27389" t="s">
        <v>16559</v>
      </c>
      <c r="H27389" t="s">
        <v>16560</v>
      </c>
      <c r="I27389" s="2">
        <v>1</v>
      </c>
      <c r="J27389" s="2">
        <v>0</v>
      </c>
      <c r="K27389" s="2">
        <v>0</v>
      </c>
      <c r="L27389" t="s">
        <v>120</v>
      </c>
      <c r="M27389" t="s">
        <v>83</v>
      </c>
      <c r="N27389" t="s">
        <v>91</v>
      </c>
      <c r="O27389" t="s">
        <v>85</v>
      </c>
      <c r="P27389" t="s">
        <v>86</v>
      </c>
      <c r="Q27389">
        <v>37</v>
      </c>
      <c r="R27389">
        <v>37</v>
      </c>
      <c r="S27389">
        <v>38</v>
      </c>
      <c r="T27389">
        <v>38</v>
      </c>
      <c r="U27389">
        <v>38</v>
      </c>
      <c r="V27389">
        <v>38</v>
      </c>
      <c r="W27389">
        <v>38</v>
      </c>
      <c r="X27389">
        <v>39</v>
      </c>
      <c r="Y27389">
        <v>39</v>
      </c>
      <c r="Z27389">
        <v>39</v>
      </c>
      <c r="AA27389">
        <v>39</v>
      </c>
      <c r="AB27389">
        <v>39</v>
      </c>
      <c r="AC27389">
        <v>39</v>
      </c>
      <c r="AD27389">
        <v>40</v>
      </c>
      <c r="AE27389">
        <v>40</v>
      </c>
      <c r="AF27389">
        <v>40</v>
      </c>
      <c r="AG27389">
        <v>40</v>
      </c>
      <c r="AH27389">
        <v>40</v>
      </c>
      <c r="AI27389">
        <v>40</v>
      </c>
      <c r="AJ27389">
        <v>41</v>
      </c>
      <c r="AK27389">
        <v>41</v>
      </c>
      <c r="AL27389">
        <v>41</v>
      </c>
      <c r="AM27389">
        <v>40</v>
      </c>
      <c r="AN27389">
        <v>40</v>
      </c>
      <c r="AO27389">
        <v>40</v>
      </c>
      <c r="AP27389">
        <v>40</v>
      </c>
      <c r="AQ27389">
        <v>40</v>
      </c>
    </row>
    <row r="27390" spans="1:43">
      <c r="A27390" t="s">
        <v>16951</v>
      </c>
      <c r="B27390" t="s">
        <v>16952</v>
      </c>
      <c r="C27390" t="s">
        <v>16953</v>
      </c>
      <c r="D27390" t="s">
        <v>16954</v>
      </c>
      <c r="E27390" t="s">
        <v>16923</v>
      </c>
      <c r="F27390" t="s">
        <v>16924</v>
      </c>
      <c r="G27390" t="s">
        <v>16559</v>
      </c>
      <c r="H27390" t="s">
        <v>16560</v>
      </c>
      <c r="I27390" s="2">
        <v>1</v>
      </c>
      <c r="J27390" s="2">
        <v>0</v>
      </c>
      <c r="K27390" s="2">
        <v>0</v>
      </c>
      <c r="L27390" t="s">
        <v>120</v>
      </c>
      <c r="M27390" t="s">
        <v>83</v>
      </c>
      <c r="N27390" t="s">
        <v>84</v>
      </c>
      <c r="O27390" t="s">
        <v>85</v>
      </c>
      <c r="P27390" t="s">
        <v>86</v>
      </c>
      <c r="Q27390">
        <v>6</v>
      </c>
      <c r="R27390">
        <v>6</v>
      </c>
      <c r="S27390">
        <v>6</v>
      </c>
      <c r="T27390">
        <v>6</v>
      </c>
      <c r="U27390">
        <v>6</v>
      </c>
      <c r="V27390">
        <v>6</v>
      </c>
      <c r="W27390">
        <v>6</v>
      </c>
      <c r="X27390">
        <v>6</v>
      </c>
      <c r="Y27390">
        <v>6</v>
      </c>
      <c r="Z27390">
        <v>6</v>
      </c>
      <c r="AA27390">
        <v>6</v>
      </c>
      <c r="AB27390">
        <v>6</v>
      </c>
      <c r="AC27390">
        <v>6</v>
      </c>
      <c r="AD27390">
        <v>6</v>
      </c>
      <c r="AE27390">
        <v>6</v>
      </c>
      <c r="AF27390">
        <v>6</v>
      </c>
      <c r="AG27390">
        <v>6</v>
      </c>
      <c r="AH27390">
        <v>6</v>
      </c>
      <c r="AI27390">
        <v>6</v>
      </c>
      <c r="AJ27390">
        <v>6</v>
      </c>
      <c r="AK27390">
        <v>6</v>
      </c>
      <c r="AL27390">
        <v>6</v>
      </c>
      <c r="AM27390">
        <v>6</v>
      </c>
      <c r="AN27390">
        <v>6</v>
      </c>
      <c r="AO27390">
        <v>6</v>
      </c>
      <c r="AP27390">
        <v>6</v>
      </c>
      <c r="AQ27390">
        <v>6</v>
      </c>
    </row>
    <row r="27391" spans="1:43">
      <c r="A27391" t="s">
        <v>16951</v>
      </c>
      <c r="B27391" t="s">
        <v>16952</v>
      </c>
      <c r="C27391" t="s">
        <v>16953</v>
      </c>
      <c r="D27391" t="s">
        <v>16954</v>
      </c>
      <c r="E27391" t="s">
        <v>16923</v>
      </c>
      <c r="F27391" t="s">
        <v>16924</v>
      </c>
      <c r="G27391" t="s">
        <v>16559</v>
      </c>
      <c r="H27391" t="s">
        <v>16560</v>
      </c>
      <c r="I27391" s="2">
        <v>1</v>
      </c>
      <c r="J27391" s="2">
        <v>0</v>
      </c>
      <c r="K27391" s="2">
        <v>0</v>
      </c>
      <c r="L27391" t="s">
        <v>120</v>
      </c>
      <c r="M27391" t="s">
        <v>87</v>
      </c>
      <c r="N27391" t="s">
        <v>88</v>
      </c>
      <c r="O27391" t="s">
        <v>85</v>
      </c>
      <c r="P27391" t="s">
        <v>86</v>
      </c>
      <c r="Q27391">
        <v>6</v>
      </c>
      <c r="R27391">
        <v>6</v>
      </c>
      <c r="S27391">
        <v>6</v>
      </c>
      <c r="T27391">
        <v>6</v>
      </c>
      <c r="U27391">
        <v>6</v>
      </c>
      <c r="V27391">
        <v>6</v>
      </c>
      <c r="W27391">
        <v>5</v>
      </c>
      <c r="X27391">
        <v>5</v>
      </c>
      <c r="Y27391">
        <v>5</v>
      </c>
      <c r="Z27391">
        <v>5</v>
      </c>
      <c r="AA27391">
        <v>5</v>
      </c>
      <c r="AB27391">
        <v>5</v>
      </c>
      <c r="AC27391">
        <v>5</v>
      </c>
      <c r="AD27391">
        <v>5</v>
      </c>
      <c r="AE27391">
        <v>5</v>
      </c>
      <c r="AF27391">
        <v>5</v>
      </c>
      <c r="AG27391">
        <v>5</v>
      </c>
      <c r="AH27391">
        <v>5</v>
      </c>
      <c r="AI27391">
        <v>5</v>
      </c>
      <c r="AJ27391">
        <v>5</v>
      </c>
      <c r="AK27391">
        <v>5</v>
      </c>
      <c r="AL27391">
        <v>5</v>
      </c>
      <c r="AM27391">
        <v>5</v>
      </c>
      <c r="AN27391">
        <v>5</v>
      </c>
      <c r="AO27391">
        <v>5</v>
      </c>
      <c r="AP27391">
        <v>5</v>
      </c>
      <c r="AQ27391">
        <v>5</v>
      </c>
    </row>
    <row r="27392" spans="1:43">
      <c r="A27392" t="s">
        <v>16951</v>
      </c>
      <c r="B27392" t="s">
        <v>16952</v>
      </c>
      <c r="C27392" t="s">
        <v>16953</v>
      </c>
      <c r="D27392" t="s">
        <v>16954</v>
      </c>
      <c r="E27392" t="s">
        <v>16923</v>
      </c>
      <c r="F27392" t="s">
        <v>16924</v>
      </c>
      <c r="G27392" t="s">
        <v>16559</v>
      </c>
      <c r="H27392" t="s">
        <v>16560</v>
      </c>
      <c r="I27392" s="2">
        <v>1</v>
      </c>
      <c r="J27392" s="2">
        <v>0</v>
      </c>
      <c r="K27392" s="2">
        <v>0</v>
      </c>
      <c r="L27392" t="s">
        <v>120</v>
      </c>
      <c r="M27392" t="s">
        <v>89</v>
      </c>
      <c r="N27392" t="s">
        <v>90</v>
      </c>
      <c r="O27392" t="s">
        <v>85</v>
      </c>
      <c r="P27392" t="s">
        <v>86</v>
      </c>
      <c r="Q27392">
        <v>6</v>
      </c>
      <c r="R27392">
        <v>6</v>
      </c>
      <c r="S27392">
        <v>6</v>
      </c>
      <c r="T27392">
        <v>6</v>
      </c>
      <c r="U27392">
        <v>6</v>
      </c>
      <c r="V27392">
        <v>6</v>
      </c>
      <c r="W27392">
        <v>6</v>
      </c>
      <c r="X27392">
        <v>6</v>
      </c>
      <c r="Y27392">
        <v>6</v>
      </c>
      <c r="Z27392">
        <v>6</v>
      </c>
      <c r="AA27392">
        <v>6</v>
      </c>
      <c r="AB27392">
        <v>6</v>
      </c>
      <c r="AC27392">
        <v>6</v>
      </c>
      <c r="AD27392">
        <v>6</v>
      </c>
      <c r="AE27392">
        <v>6</v>
      </c>
      <c r="AF27392">
        <v>6</v>
      </c>
      <c r="AG27392">
        <v>6</v>
      </c>
      <c r="AH27392">
        <v>6</v>
      </c>
      <c r="AI27392">
        <v>6</v>
      </c>
      <c r="AJ27392">
        <v>6</v>
      </c>
      <c r="AK27392">
        <v>6</v>
      </c>
      <c r="AL27392">
        <v>6</v>
      </c>
      <c r="AM27392">
        <v>6</v>
      </c>
      <c r="AN27392">
        <v>6</v>
      </c>
      <c r="AO27392">
        <v>6</v>
      </c>
      <c r="AP27392">
        <v>6</v>
      </c>
      <c r="AQ27392">
        <v>6</v>
      </c>
    </row>
    <row r="27393" spans="1:43">
      <c r="A27393" t="s">
        <v>16951</v>
      </c>
      <c r="B27393" t="s">
        <v>16952</v>
      </c>
      <c r="C27393" t="s">
        <v>16953</v>
      </c>
      <c r="D27393" t="s">
        <v>16954</v>
      </c>
      <c r="E27393" t="s">
        <v>16923</v>
      </c>
      <c r="F27393" t="s">
        <v>16924</v>
      </c>
      <c r="G27393" t="s">
        <v>16559</v>
      </c>
      <c r="H27393" t="s">
        <v>16560</v>
      </c>
      <c r="I27393" s="2">
        <v>1</v>
      </c>
      <c r="J27393" s="2">
        <v>0</v>
      </c>
      <c r="K27393" s="2">
        <v>0</v>
      </c>
      <c r="L27393" t="s">
        <v>120</v>
      </c>
      <c r="M27393" t="s">
        <v>83</v>
      </c>
      <c r="N27393" t="s">
        <v>91</v>
      </c>
      <c r="O27393" t="s">
        <v>85</v>
      </c>
      <c r="P27393" t="s">
        <v>86</v>
      </c>
      <c r="Q27393">
        <v>6</v>
      </c>
      <c r="R27393">
        <v>6</v>
      </c>
      <c r="S27393">
        <v>6</v>
      </c>
      <c r="T27393">
        <v>6</v>
      </c>
      <c r="U27393">
        <v>6</v>
      </c>
      <c r="V27393">
        <v>6</v>
      </c>
      <c r="W27393">
        <v>6</v>
      </c>
      <c r="X27393">
        <v>6</v>
      </c>
      <c r="Y27393">
        <v>6</v>
      </c>
      <c r="Z27393">
        <v>6</v>
      </c>
      <c r="AA27393">
        <v>6</v>
      </c>
      <c r="AB27393">
        <v>6</v>
      </c>
      <c r="AC27393">
        <v>6</v>
      </c>
      <c r="AD27393">
        <v>6</v>
      </c>
      <c r="AE27393">
        <v>6</v>
      </c>
      <c r="AF27393">
        <v>6</v>
      </c>
      <c r="AG27393">
        <v>6</v>
      </c>
      <c r="AH27393">
        <v>6</v>
      </c>
      <c r="AI27393">
        <v>6</v>
      </c>
      <c r="AJ27393">
        <v>6</v>
      </c>
      <c r="AK27393">
        <v>6</v>
      </c>
      <c r="AL27393">
        <v>6</v>
      </c>
      <c r="AM27393">
        <v>6</v>
      </c>
      <c r="AN27393">
        <v>6</v>
      </c>
      <c r="AO27393">
        <v>6</v>
      </c>
      <c r="AP27393">
        <v>6</v>
      </c>
      <c r="AQ27393">
        <v>6</v>
      </c>
    </row>
    <row r="27394" spans="1:43">
      <c r="A27394" t="s">
        <v>16955</v>
      </c>
      <c r="B27394" t="s">
        <v>16956</v>
      </c>
      <c r="C27394" t="s">
        <v>16953</v>
      </c>
      <c r="D27394" t="s">
        <v>16954</v>
      </c>
      <c r="E27394" t="s">
        <v>16923</v>
      </c>
      <c r="F27394" t="s">
        <v>16924</v>
      </c>
      <c r="G27394" t="s">
        <v>16559</v>
      </c>
      <c r="H27394" t="s">
        <v>16560</v>
      </c>
      <c r="I27394" s="2">
        <v>1</v>
      </c>
      <c r="J27394" s="2">
        <v>0</v>
      </c>
      <c r="K27394" s="2">
        <v>0</v>
      </c>
      <c r="L27394" t="s">
        <v>120</v>
      </c>
      <c r="M27394" t="s">
        <v>83</v>
      </c>
      <c r="N27394" t="s">
        <v>84</v>
      </c>
      <c r="O27394" t="s">
        <v>85</v>
      </c>
      <c r="P27394" t="s">
        <v>86</v>
      </c>
      <c r="Q27394">
        <v>26</v>
      </c>
      <c r="R27394">
        <v>26</v>
      </c>
      <c r="S27394">
        <v>26</v>
      </c>
      <c r="T27394">
        <v>26</v>
      </c>
      <c r="U27394">
        <v>26</v>
      </c>
      <c r="V27394">
        <v>26</v>
      </c>
      <c r="W27394">
        <v>26</v>
      </c>
      <c r="X27394">
        <v>27</v>
      </c>
      <c r="Y27394">
        <v>27</v>
      </c>
      <c r="Z27394">
        <v>27</v>
      </c>
      <c r="AA27394">
        <v>27</v>
      </c>
      <c r="AB27394">
        <v>27</v>
      </c>
      <c r="AC27394">
        <v>27</v>
      </c>
      <c r="AD27394">
        <v>27</v>
      </c>
      <c r="AE27394">
        <v>27</v>
      </c>
      <c r="AF27394">
        <v>27</v>
      </c>
      <c r="AG27394">
        <v>28</v>
      </c>
      <c r="AH27394">
        <v>28</v>
      </c>
      <c r="AI27394">
        <v>28</v>
      </c>
      <c r="AJ27394">
        <v>28</v>
      </c>
      <c r="AK27394">
        <v>28</v>
      </c>
      <c r="AL27394">
        <v>28</v>
      </c>
      <c r="AM27394">
        <v>28</v>
      </c>
      <c r="AN27394">
        <v>28</v>
      </c>
      <c r="AO27394">
        <v>27</v>
      </c>
      <c r="AP27394">
        <v>27</v>
      </c>
      <c r="AQ27394">
        <v>27</v>
      </c>
    </row>
    <row r="27395" spans="1:43">
      <c r="A27395" t="s">
        <v>16955</v>
      </c>
      <c r="B27395" t="s">
        <v>16956</v>
      </c>
      <c r="C27395" t="s">
        <v>16953</v>
      </c>
      <c r="D27395" t="s">
        <v>16954</v>
      </c>
      <c r="E27395" t="s">
        <v>16923</v>
      </c>
      <c r="F27395" t="s">
        <v>16924</v>
      </c>
      <c r="G27395" t="s">
        <v>16559</v>
      </c>
      <c r="H27395" t="s">
        <v>16560</v>
      </c>
      <c r="I27395" s="2">
        <v>1</v>
      </c>
      <c r="J27395" s="2">
        <v>0</v>
      </c>
      <c r="K27395" s="2">
        <v>0</v>
      </c>
      <c r="L27395" t="s">
        <v>120</v>
      </c>
      <c r="M27395" t="s">
        <v>87</v>
      </c>
      <c r="N27395" t="s">
        <v>88</v>
      </c>
      <c r="O27395" t="s">
        <v>85</v>
      </c>
      <c r="P27395" t="s">
        <v>86</v>
      </c>
      <c r="Q27395">
        <v>26</v>
      </c>
      <c r="R27395">
        <v>26</v>
      </c>
      <c r="S27395">
        <v>26</v>
      </c>
      <c r="T27395">
        <v>26</v>
      </c>
      <c r="U27395">
        <v>26</v>
      </c>
      <c r="V27395">
        <v>26</v>
      </c>
      <c r="W27395">
        <v>26</v>
      </c>
      <c r="X27395">
        <v>26</v>
      </c>
      <c r="Y27395">
        <v>26</v>
      </c>
      <c r="Z27395">
        <v>26</v>
      </c>
      <c r="AA27395">
        <v>25</v>
      </c>
      <c r="AB27395">
        <v>25</v>
      </c>
      <c r="AC27395">
        <v>25</v>
      </c>
      <c r="AD27395">
        <v>25</v>
      </c>
      <c r="AE27395">
        <v>25</v>
      </c>
      <c r="AF27395">
        <v>25</v>
      </c>
      <c r="AG27395">
        <v>25</v>
      </c>
      <c r="AH27395">
        <v>25</v>
      </c>
      <c r="AI27395">
        <v>25</v>
      </c>
      <c r="AJ27395">
        <v>25</v>
      </c>
      <c r="AK27395">
        <v>25</v>
      </c>
      <c r="AL27395">
        <v>25</v>
      </c>
      <c r="AM27395">
        <v>25</v>
      </c>
      <c r="AN27395">
        <v>25</v>
      </c>
      <c r="AO27395">
        <v>25</v>
      </c>
      <c r="AP27395">
        <v>24</v>
      </c>
      <c r="AQ27395">
        <v>24</v>
      </c>
    </row>
    <row r="27396" spans="1:43">
      <c r="A27396" t="s">
        <v>16955</v>
      </c>
      <c r="B27396" t="s">
        <v>16956</v>
      </c>
      <c r="C27396" t="s">
        <v>16953</v>
      </c>
      <c r="D27396" t="s">
        <v>16954</v>
      </c>
      <c r="E27396" t="s">
        <v>16923</v>
      </c>
      <c r="F27396" t="s">
        <v>16924</v>
      </c>
      <c r="G27396" t="s">
        <v>16559</v>
      </c>
      <c r="H27396" t="s">
        <v>16560</v>
      </c>
      <c r="I27396" s="2">
        <v>1</v>
      </c>
      <c r="J27396" s="2">
        <v>0</v>
      </c>
      <c r="K27396" s="2">
        <v>0</v>
      </c>
      <c r="L27396" t="s">
        <v>120</v>
      </c>
      <c r="M27396" t="s">
        <v>89</v>
      </c>
      <c r="N27396" t="s">
        <v>90</v>
      </c>
      <c r="O27396" t="s">
        <v>85</v>
      </c>
      <c r="P27396" t="s">
        <v>86</v>
      </c>
      <c r="Q27396">
        <v>26</v>
      </c>
      <c r="R27396">
        <v>26</v>
      </c>
      <c r="S27396">
        <v>26</v>
      </c>
      <c r="T27396">
        <v>27</v>
      </c>
      <c r="U27396">
        <v>27</v>
      </c>
      <c r="V27396">
        <v>27</v>
      </c>
      <c r="W27396">
        <v>28</v>
      </c>
      <c r="X27396">
        <v>28</v>
      </c>
      <c r="Y27396">
        <v>28</v>
      </c>
      <c r="Z27396">
        <v>28</v>
      </c>
      <c r="AA27396">
        <v>29</v>
      </c>
      <c r="AB27396">
        <v>29</v>
      </c>
      <c r="AC27396">
        <v>29</v>
      </c>
      <c r="AD27396">
        <v>29</v>
      </c>
      <c r="AE27396">
        <v>29</v>
      </c>
      <c r="AF27396">
        <v>29</v>
      </c>
      <c r="AG27396">
        <v>29</v>
      </c>
      <c r="AH27396">
        <v>29</v>
      </c>
      <c r="AI27396">
        <v>29</v>
      </c>
      <c r="AJ27396">
        <v>29</v>
      </c>
      <c r="AK27396">
        <v>28</v>
      </c>
      <c r="AL27396">
        <v>28</v>
      </c>
      <c r="AM27396">
        <v>28</v>
      </c>
      <c r="AN27396">
        <v>28</v>
      </c>
      <c r="AO27396">
        <v>28</v>
      </c>
      <c r="AP27396">
        <v>28</v>
      </c>
      <c r="AQ27396">
        <v>28</v>
      </c>
    </row>
    <row r="27397" spans="1:43">
      <c r="A27397" t="s">
        <v>16955</v>
      </c>
      <c r="B27397" t="s">
        <v>16956</v>
      </c>
      <c r="C27397" t="s">
        <v>16953</v>
      </c>
      <c r="D27397" t="s">
        <v>16954</v>
      </c>
      <c r="E27397" t="s">
        <v>16923</v>
      </c>
      <c r="F27397" t="s">
        <v>16924</v>
      </c>
      <c r="G27397" t="s">
        <v>16559</v>
      </c>
      <c r="H27397" t="s">
        <v>16560</v>
      </c>
      <c r="I27397" s="2">
        <v>1</v>
      </c>
      <c r="J27397" s="2">
        <v>0</v>
      </c>
      <c r="K27397" s="2">
        <v>0</v>
      </c>
      <c r="L27397" t="s">
        <v>120</v>
      </c>
      <c r="M27397" t="s">
        <v>83</v>
      </c>
      <c r="N27397" t="s">
        <v>91</v>
      </c>
      <c r="O27397" t="s">
        <v>85</v>
      </c>
      <c r="P27397" t="s">
        <v>86</v>
      </c>
      <c r="Q27397">
        <v>26</v>
      </c>
      <c r="R27397">
        <v>26</v>
      </c>
      <c r="S27397">
        <v>26</v>
      </c>
      <c r="T27397">
        <v>26</v>
      </c>
      <c r="U27397">
        <v>26</v>
      </c>
      <c r="V27397">
        <v>26</v>
      </c>
      <c r="W27397">
        <v>26</v>
      </c>
      <c r="X27397">
        <v>27</v>
      </c>
      <c r="Y27397">
        <v>27</v>
      </c>
      <c r="Z27397">
        <v>27</v>
      </c>
      <c r="AA27397">
        <v>27</v>
      </c>
      <c r="AB27397">
        <v>27</v>
      </c>
      <c r="AC27397">
        <v>27</v>
      </c>
      <c r="AD27397">
        <v>27</v>
      </c>
      <c r="AE27397">
        <v>27</v>
      </c>
      <c r="AF27397">
        <v>27</v>
      </c>
      <c r="AG27397">
        <v>28</v>
      </c>
      <c r="AH27397">
        <v>28</v>
      </c>
      <c r="AI27397">
        <v>28</v>
      </c>
      <c r="AJ27397">
        <v>28</v>
      </c>
      <c r="AK27397">
        <v>28</v>
      </c>
      <c r="AL27397">
        <v>28</v>
      </c>
      <c r="AM27397">
        <v>28</v>
      </c>
      <c r="AN27397">
        <v>28</v>
      </c>
      <c r="AO27397">
        <v>27</v>
      </c>
      <c r="AP27397">
        <v>27</v>
      </c>
      <c r="AQ27397">
        <v>27</v>
      </c>
    </row>
    <row r="27398" spans="1:43">
      <c r="A27398" t="s">
        <v>16957</v>
      </c>
      <c r="B27398" t="s">
        <v>16958</v>
      </c>
      <c r="C27398" t="s">
        <v>16953</v>
      </c>
      <c r="D27398" t="s">
        <v>16954</v>
      </c>
      <c r="E27398" t="s">
        <v>16923</v>
      </c>
      <c r="F27398" t="s">
        <v>16924</v>
      </c>
      <c r="G27398" t="s">
        <v>16559</v>
      </c>
      <c r="H27398" t="s">
        <v>16560</v>
      </c>
      <c r="I27398" s="2">
        <v>1</v>
      </c>
      <c r="J27398" s="2">
        <v>0</v>
      </c>
      <c r="K27398" s="2">
        <v>0</v>
      </c>
      <c r="L27398" t="s">
        <v>120</v>
      </c>
      <c r="M27398" t="s">
        <v>83</v>
      </c>
      <c r="N27398" t="s">
        <v>84</v>
      </c>
      <c r="O27398" t="s">
        <v>85</v>
      </c>
      <c r="P27398" t="s">
        <v>86</v>
      </c>
      <c r="Q27398">
        <v>10</v>
      </c>
      <c r="R27398">
        <v>10</v>
      </c>
      <c r="S27398">
        <v>10</v>
      </c>
      <c r="T27398">
        <v>10</v>
      </c>
      <c r="U27398">
        <v>10</v>
      </c>
      <c r="V27398">
        <v>10</v>
      </c>
      <c r="W27398">
        <v>10</v>
      </c>
      <c r="X27398">
        <v>10</v>
      </c>
      <c r="Y27398">
        <v>10</v>
      </c>
      <c r="Z27398">
        <v>10</v>
      </c>
      <c r="AA27398">
        <v>10</v>
      </c>
      <c r="AB27398">
        <v>10</v>
      </c>
      <c r="AC27398">
        <v>11</v>
      </c>
      <c r="AD27398">
        <v>11</v>
      </c>
      <c r="AE27398">
        <v>11</v>
      </c>
      <c r="AF27398">
        <v>11</v>
      </c>
      <c r="AG27398">
        <v>11</v>
      </c>
      <c r="AH27398">
        <v>11</v>
      </c>
      <c r="AI27398">
        <v>11</v>
      </c>
      <c r="AJ27398">
        <v>11</v>
      </c>
      <c r="AK27398">
        <v>11</v>
      </c>
      <c r="AL27398">
        <v>11</v>
      </c>
      <c r="AM27398">
        <v>11</v>
      </c>
      <c r="AN27398">
        <v>11</v>
      </c>
      <c r="AO27398">
        <v>11</v>
      </c>
      <c r="AP27398">
        <v>10</v>
      </c>
      <c r="AQ27398">
        <v>10</v>
      </c>
    </row>
    <row r="27399" spans="1:43">
      <c r="A27399" t="s">
        <v>16957</v>
      </c>
      <c r="B27399" t="s">
        <v>16958</v>
      </c>
      <c r="C27399" t="s">
        <v>16953</v>
      </c>
      <c r="D27399" t="s">
        <v>16954</v>
      </c>
      <c r="E27399" t="s">
        <v>16923</v>
      </c>
      <c r="F27399" t="s">
        <v>16924</v>
      </c>
      <c r="G27399" t="s">
        <v>16559</v>
      </c>
      <c r="H27399" t="s">
        <v>16560</v>
      </c>
      <c r="I27399" s="2">
        <v>1</v>
      </c>
      <c r="J27399" s="2">
        <v>0</v>
      </c>
      <c r="K27399" s="2">
        <v>0</v>
      </c>
      <c r="L27399" t="s">
        <v>120</v>
      </c>
      <c r="M27399" t="s">
        <v>87</v>
      </c>
      <c r="N27399" t="s">
        <v>88</v>
      </c>
      <c r="O27399" t="s">
        <v>85</v>
      </c>
      <c r="P27399" t="s">
        <v>86</v>
      </c>
      <c r="Q27399">
        <v>10</v>
      </c>
      <c r="R27399">
        <v>10</v>
      </c>
      <c r="S27399">
        <v>10</v>
      </c>
      <c r="T27399">
        <v>10</v>
      </c>
      <c r="U27399">
        <v>10</v>
      </c>
      <c r="V27399">
        <v>10</v>
      </c>
      <c r="W27399">
        <v>10</v>
      </c>
      <c r="X27399">
        <v>10</v>
      </c>
      <c r="Y27399">
        <v>10</v>
      </c>
      <c r="Z27399">
        <v>10</v>
      </c>
      <c r="AA27399">
        <v>10</v>
      </c>
      <c r="AB27399">
        <v>9</v>
      </c>
      <c r="AC27399">
        <v>9</v>
      </c>
      <c r="AD27399">
        <v>9</v>
      </c>
      <c r="AE27399">
        <v>9</v>
      </c>
      <c r="AF27399">
        <v>9</v>
      </c>
      <c r="AG27399">
        <v>9</v>
      </c>
      <c r="AH27399">
        <v>9</v>
      </c>
      <c r="AI27399">
        <v>9</v>
      </c>
      <c r="AJ27399">
        <v>9</v>
      </c>
      <c r="AK27399">
        <v>9</v>
      </c>
      <c r="AL27399">
        <v>9</v>
      </c>
      <c r="AM27399">
        <v>9</v>
      </c>
      <c r="AN27399">
        <v>9</v>
      </c>
      <c r="AO27399">
        <v>9</v>
      </c>
      <c r="AP27399">
        <v>9</v>
      </c>
      <c r="AQ27399">
        <v>9</v>
      </c>
    </row>
    <row r="27400" spans="1:43">
      <c r="A27400" t="s">
        <v>16957</v>
      </c>
      <c r="B27400" t="s">
        <v>16958</v>
      </c>
      <c r="C27400" t="s">
        <v>16953</v>
      </c>
      <c r="D27400" t="s">
        <v>16954</v>
      </c>
      <c r="E27400" t="s">
        <v>16923</v>
      </c>
      <c r="F27400" t="s">
        <v>16924</v>
      </c>
      <c r="G27400" t="s">
        <v>16559</v>
      </c>
      <c r="H27400" t="s">
        <v>16560</v>
      </c>
      <c r="I27400" s="2">
        <v>1</v>
      </c>
      <c r="J27400" s="2">
        <v>0</v>
      </c>
      <c r="K27400" s="2">
        <v>0</v>
      </c>
      <c r="L27400" t="s">
        <v>120</v>
      </c>
      <c r="M27400" t="s">
        <v>89</v>
      </c>
      <c r="N27400" t="s">
        <v>90</v>
      </c>
      <c r="O27400" t="s">
        <v>85</v>
      </c>
      <c r="P27400" t="s">
        <v>86</v>
      </c>
      <c r="Q27400">
        <v>10</v>
      </c>
      <c r="R27400">
        <v>10</v>
      </c>
      <c r="S27400">
        <v>10</v>
      </c>
      <c r="T27400">
        <v>10</v>
      </c>
      <c r="U27400">
        <v>11</v>
      </c>
      <c r="V27400">
        <v>11</v>
      </c>
      <c r="W27400">
        <v>11</v>
      </c>
      <c r="X27400">
        <v>11</v>
      </c>
      <c r="Y27400">
        <v>11</v>
      </c>
      <c r="Z27400">
        <v>11</v>
      </c>
      <c r="AA27400">
        <v>11</v>
      </c>
      <c r="AB27400">
        <v>11</v>
      </c>
      <c r="AC27400">
        <v>11</v>
      </c>
      <c r="AD27400">
        <v>11</v>
      </c>
      <c r="AE27400">
        <v>11</v>
      </c>
      <c r="AF27400">
        <v>11</v>
      </c>
      <c r="AG27400">
        <v>11</v>
      </c>
      <c r="AH27400">
        <v>11</v>
      </c>
      <c r="AI27400">
        <v>11</v>
      </c>
      <c r="AJ27400">
        <v>11</v>
      </c>
      <c r="AK27400">
        <v>11</v>
      </c>
      <c r="AL27400">
        <v>11</v>
      </c>
      <c r="AM27400">
        <v>11</v>
      </c>
      <c r="AN27400">
        <v>11</v>
      </c>
      <c r="AO27400">
        <v>11</v>
      </c>
      <c r="AP27400">
        <v>11</v>
      </c>
      <c r="AQ27400">
        <v>10</v>
      </c>
    </row>
    <row r="27401" spans="1:43">
      <c r="A27401" t="s">
        <v>16957</v>
      </c>
      <c r="B27401" t="s">
        <v>16958</v>
      </c>
      <c r="C27401" t="s">
        <v>16953</v>
      </c>
      <c r="D27401" t="s">
        <v>16954</v>
      </c>
      <c r="E27401" t="s">
        <v>16923</v>
      </c>
      <c r="F27401" t="s">
        <v>16924</v>
      </c>
      <c r="G27401" t="s">
        <v>16559</v>
      </c>
      <c r="H27401" t="s">
        <v>16560</v>
      </c>
      <c r="I27401" s="2">
        <v>1</v>
      </c>
      <c r="J27401" s="2">
        <v>0</v>
      </c>
      <c r="K27401" s="2">
        <v>0</v>
      </c>
      <c r="L27401" t="s">
        <v>120</v>
      </c>
      <c r="M27401" t="s">
        <v>83</v>
      </c>
      <c r="N27401" t="s">
        <v>91</v>
      </c>
      <c r="O27401" t="s">
        <v>85</v>
      </c>
      <c r="P27401" t="s">
        <v>86</v>
      </c>
      <c r="Q27401">
        <v>10</v>
      </c>
      <c r="R27401">
        <v>10</v>
      </c>
      <c r="S27401">
        <v>10</v>
      </c>
      <c r="T27401">
        <v>10</v>
      </c>
      <c r="U27401">
        <v>10</v>
      </c>
      <c r="V27401">
        <v>10</v>
      </c>
      <c r="W27401">
        <v>10</v>
      </c>
      <c r="X27401">
        <v>10</v>
      </c>
      <c r="Y27401">
        <v>10</v>
      </c>
      <c r="Z27401">
        <v>10</v>
      </c>
      <c r="AA27401">
        <v>10</v>
      </c>
      <c r="AB27401">
        <v>10</v>
      </c>
      <c r="AC27401">
        <v>11</v>
      </c>
      <c r="AD27401">
        <v>11</v>
      </c>
      <c r="AE27401">
        <v>11</v>
      </c>
      <c r="AF27401">
        <v>11</v>
      </c>
      <c r="AG27401">
        <v>11</v>
      </c>
      <c r="AH27401">
        <v>11</v>
      </c>
      <c r="AI27401">
        <v>11</v>
      </c>
      <c r="AJ27401">
        <v>11</v>
      </c>
      <c r="AK27401">
        <v>11</v>
      </c>
      <c r="AL27401">
        <v>11</v>
      </c>
      <c r="AM27401">
        <v>11</v>
      </c>
      <c r="AN27401">
        <v>11</v>
      </c>
      <c r="AO27401">
        <v>11</v>
      </c>
      <c r="AP27401">
        <v>10</v>
      </c>
      <c r="AQ27401">
        <v>10</v>
      </c>
    </row>
    <row r="27402" spans="1:43">
      <c r="A27402" t="s">
        <v>16959</v>
      </c>
      <c r="B27402" t="s">
        <v>16960</v>
      </c>
      <c r="C27402" t="s">
        <v>16953</v>
      </c>
      <c r="D27402" t="s">
        <v>16954</v>
      </c>
      <c r="E27402" t="s">
        <v>16923</v>
      </c>
      <c r="F27402" t="s">
        <v>16924</v>
      </c>
      <c r="G27402" t="s">
        <v>16559</v>
      </c>
      <c r="H27402" t="s">
        <v>16560</v>
      </c>
      <c r="I27402" s="2">
        <v>1</v>
      </c>
      <c r="J27402" s="2">
        <v>0</v>
      </c>
      <c r="K27402" s="2">
        <v>0</v>
      </c>
      <c r="L27402" t="s">
        <v>120</v>
      </c>
      <c r="M27402" t="s">
        <v>83</v>
      </c>
      <c r="N27402" t="s">
        <v>84</v>
      </c>
      <c r="O27402" t="s">
        <v>85</v>
      </c>
      <c r="P27402" t="s">
        <v>86</v>
      </c>
      <c r="Q27402">
        <v>13</v>
      </c>
      <c r="R27402">
        <v>13</v>
      </c>
      <c r="S27402">
        <v>13</v>
      </c>
      <c r="T27402">
        <v>13</v>
      </c>
      <c r="U27402">
        <v>13</v>
      </c>
      <c r="V27402">
        <v>13</v>
      </c>
      <c r="W27402">
        <v>13</v>
      </c>
      <c r="X27402">
        <v>13</v>
      </c>
      <c r="Y27402">
        <v>14</v>
      </c>
      <c r="Z27402">
        <v>14</v>
      </c>
      <c r="AA27402">
        <v>14</v>
      </c>
      <c r="AB27402">
        <v>14</v>
      </c>
      <c r="AC27402">
        <v>14</v>
      </c>
      <c r="AD27402">
        <v>14</v>
      </c>
      <c r="AE27402">
        <v>14</v>
      </c>
      <c r="AF27402">
        <v>14</v>
      </c>
      <c r="AG27402">
        <v>14</v>
      </c>
      <c r="AH27402">
        <v>14</v>
      </c>
      <c r="AI27402">
        <v>14</v>
      </c>
      <c r="AJ27402">
        <v>14</v>
      </c>
      <c r="AK27402">
        <v>14</v>
      </c>
      <c r="AL27402">
        <v>14</v>
      </c>
      <c r="AM27402">
        <v>14</v>
      </c>
      <c r="AN27402">
        <v>14</v>
      </c>
      <c r="AO27402">
        <v>14</v>
      </c>
      <c r="AP27402">
        <v>14</v>
      </c>
      <c r="AQ27402">
        <v>14</v>
      </c>
    </row>
    <row r="27403" spans="1:43">
      <c r="A27403" t="s">
        <v>16959</v>
      </c>
      <c r="B27403" t="s">
        <v>16960</v>
      </c>
      <c r="C27403" t="s">
        <v>16953</v>
      </c>
      <c r="D27403" t="s">
        <v>16954</v>
      </c>
      <c r="E27403" t="s">
        <v>16923</v>
      </c>
      <c r="F27403" t="s">
        <v>16924</v>
      </c>
      <c r="G27403" t="s">
        <v>16559</v>
      </c>
      <c r="H27403" t="s">
        <v>16560</v>
      </c>
      <c r="I27403" s="2">
        <v>1</v>
      </c>
      <c r="J27403" s="2">
        <v>0</v>
      </c>
      <c r="K27403" s="2">
        <v>0</v>
      </c>
      <c r="L27403" t="s">
        <v>120</v>
      </c>
      <c r="M27403" t="s">
        <v>87</v>
      </c>
      <c r="N27403" t="s">
        <v>88</v>
      </c>
      <c r="O27403" t="s">
        <v>85</v>
      </c>
      <c r="P27403" t="s">
        <v>86</v>
      </c>
      <c r="Q27403">
        <v>13</v>
      </c>
      <c r="R27403">
        <v>13</v>
      </c>
      <c r="S27403">
        <v>13</v>
      </c>
      <c r="T27403">
        <v>13</v>
      </c>
      <c r="U27403">
        <v>13</v>
      </c>
      <c r="V27403">
        <v>13</v>
      </c>
      <c r="W27403">
        <v>13</v>
      </c>
      <c r="X27403">
        <v>13</v>
      </c>
      <c r="Y27403">
        <v>13</v>
      </c>
      <c r="Z27403">
        <v>12</v>
      </c>
      <c r="AA27403">
        <v>12</v>
      </c>
      <c r="AB27403">
        <v>12</v>
      </c>
      <c r="AC27403">
        <v>12</v>
      </c>
      <c r="AD27403">
        <v>12</v>
      </c>
      <c r="AE27403">
        <v>12</v>
      </c>
      <c r="AF27403">
        <v>12</v>
      </c>
      <c r="AG27403">
        <v>12</v>
      </c>
      <c r="AH27403">
        <v>12</v>
      </c>
      <c r="AI27403">
        <v>12</v>
      </c>
      <c r="AJ27403">
        <v>12</v>
      </c>
      <c r="AK27403">
        <v>12</v>
      </c>
      <c r="AL27403">
        <v>12</v>
      </c>
      <c r="AM27403">
        <v>12</v>
      </c>
      <c r="AN27403">
        <v>12</v>
      </c>
      <c r="AO27403">
        <v>12</v>
      </c>
      <c r="AP27403">
        <v>12</v>
      </c>
      <c r="AQ27403">
        <v>12</v>
      </c>
    </row>
    <row r="27404" spans="1:43">
      <c r="A27404" t="s">
        <v>16959</v>
      </c>
      <c r="B27404" t="s">
        <v>16960</v>
      </c>
      <c r="C27404" t="s">
        <v>16953</v>
      </c>
      <c r="D27404" t="s">
        <v>16954</v>
      </c>
      <c r="E27404" t="s">
        <v>16923</v>
      </c>
      <c r="F27404" t="s">
        <v>16924</v>
      </c>
      <c r="G27404" t="s">
        <v>16559</v>
      </c>
      <c r="H27404" t="s">
        <v>16560</v>
      </c>
      <c r="I27404" s="2">
        <v>1</v>
      </c>
      <c r="J27404" s="2">
        <v>0</v>
      </c>
      <c r="K27404" s="2">
        <v>0</v>
      </c>
      <c r="L27404" t="s">
        <v>120</v>
      </c>
      <c r="M27404" t="s">
        <v>89</v>
      </c>
      <c r="N27404" t="s">
        <v>90</v>
      </c>
      <c r="O27404" t="s">
        <v>85</v>
      </c>
      <c r="P27404" t="s">
        <v>86</v>
      </c>
      <c r="Q27404">
        <v>13</v>
      </c>
      <c r="R27404">
        <v>13</v>
      </c>
      <c r="S27404">
        <v>13</v>
      </c>
      <c r="T27404">
        <v>14</v>
      </c>
      <c r="U27404">
        <v>14</v>
      </c>
      <c r="V27404">
        <v>14</v>
      </c>
      <c r="W27404">
        <v>14</v>
      </c>
      <c r="X27404">
        <v>14</v>
      </c>
      <c r="Y27404">
        <v>14</v>
      </c>
      <c r="Z27404">
        <v>14</v>
      </c>
      <c r="AA27404">
        <v>15</v>
      </c>
      <c r="AB27404">
        <v>15</v>
      </c>
      <c r="AC27404">
        <v>15</v>
      </c>
      <c r="AD27404">
        <v>15</v>
      </c>
      <c r="AE27404">
        <v>15</v>
      </c>
      <c r="AF27404">
        <v>15</v>
      </c>
      <c r="AG27404">
        <v>15</v>
      </c>
      <c r="AH27404">
        <v>15</v>
      </c>
      <c r="AI27404">
        <v>15</v>
      </c>
      <c r="AJ27404">
        <v>15</v>
      </c>
      <c r="AK27404">
        <v>14</v>
      </c>
      <c r="AL27404">
        <v>14</v>
      </c>
      <c r="AM27404">
        <v>14</v>
      </c>
      <c r="AN27404">
        <v>14</v>
      </c>
      <c r="AO27404">
        <v>14</v>
      </c>
      <c r="AP27404">
        <v>14</v>
      </c>
      <c r="AQ27404">
        <v>14</v>
      </c>
    </row>
    <row r="27405" spans="1:43">
      <c r="A27405" t="s">
        <v>16959</v>
      </c>
      <c r="B27405" t="s">
        <v>16960</v>
      </c>
      <c r="C27405" t="s">
        <v>16953</v>
      </c>
      <c r="D27405" t="s">
        <v>16954</v>
      </c>
      <c r="E27405" t="s">
        <v>16923</v>
      </c>
      <c r="F27405" t="s">
        <v>16924</v>
      </c>
      <c r="G27405" t="s">
        <v>16559</v>
      </c>
      <c r="H27405" t="s">
        <v>16560</v>
      </c>
      <c r="I27405" s="2">
        <v>1</v>
      </c>
      <c r="J27405" s="2">
        <v>0</v>
      </c>
      <c r="K27405" s="2">
        <v>0</v>
      </c>
      <c r="L27405" t="s">
        <v>120</v>
      </c>
      <c r="M27405" t="s">
        <v>83</v>
      </c>
      <c r="N27405" t="s">
        <v>91</v>
      </c>
      <c r="O27405" t="s">
        <v>85</v>
      </c>
      <c r="P27405" t="s">
        <v>86</v>
      </c>
      <c r="Q27405">
        <v>13</v>
      </c>
      <c r="R27405">
        <v>13</v>
      </c>
      <c r="S27405">
        <v>13</v>
      </c>
      <c r="T27405">
        <v>13</v>
      </c>
      <c r="U27405">
        <v>13</v>
      </c>
      <c r="V27405">
        <v>13</v>
      </c>
      <c r="W27405">
        <v>13</v>
      </c>
      <c r="X27405">
        <v>13</v>
      </c>
      <c r="Y27405">
        <v>14</v>
      </c>
      <c r="Z27405">
        <v>14</v>
      </c>
      <c r="AA27405">
        <v>14</v>
      </c>
      <c r="AB27405">
        <v>14</v>
      </c>
      <c r="AC27405">
        <v>14</v>
      </c>
      <c r="AD27405">
        <v>14</v>
      </c>
      <c r="AE27405">
        <v>14</v>
      </c>
      <c r="AF27405">
        <v>14</v>
      </c>
      <c r="AG27405">
        <v>14</v>
      </c>
      <c r="AH27405">
        <v>14</v>
      </c>
      <c r="AI27405">
        <v>14</v>
      </c>
      <c r="AJ27405">
        <v>14</v>
      </c>
      <c r="AK27405">
        <v>14</v>
      </c>
      <c r="AL27405">
        <v>14</v>
      </c>
      <c r="AM27405">
        <v>14</v>
      </c>
      <c r="AN27405">
        <v>14</v>
      </c>
      <c r="AO27405">
        <v>14</v>
      </c>
      <c r="AP27405">
        <v>14</v>
      </c>
      <c r="AQ27405">
        <v>14</v>
      </c>
    </row>
    <row r="27406" spans="1:43">
      <c r="A27406" t="s">
        <v>16961</v>
      </c>
      <c r="B27406" t="s">
        <v>16962</v>
      </c>
      <c r="C27406" t="s">
        <v>16963</v>
      </c>
      <c r="D27406" t="s">
        <v>16964</v>
      </c>
      <c r="E27406" t="s">
        <v>16923</v>
      </c>
      <c r="F27406" t="s">
        <v>16924</v>
      </c>
      <c r="G27406" t="s">
        <v>16559</v>
      </c>
      <c r="H27406" t="s">
        <v>16560</v>
      </c>
      <c r="I27406" s="2">
        <v>1</v>
      </c>
      <c r="J27406" s="2">
        <v>0</v>
      </c>
      <c r="K27406" s="2">
        <v>0</v>
      </c>
      <c r="L27406" t="s">
        <v>120</v>
      </c>
      <c r="M27406" t="s">
        <v>83</v>
      </c>
      <c r="N27406" t="s">
        <v>84</v>
      </c>
      <c r="O27406" t="s">
        <v>85</v>
      </c>
      <c r="P27406" t="s">
        <v>86</v>
      </c>
      <c r="Q27406">
        <v>4</v>
      </c>
      <c r="R27406">
        <v>4</v>
      </c>
      <c r="S27406">
        <v>4</v>
      </c>
      <c r="T27406">
        <v>4</v>
      </c>
      <c r="U27406">
        <v>4</v>
      </c>
      <c r="V27406">
        <v>4</v>
      </c>
      <c r="W27406">
        <v>4</v>
      </c>
      <c r="X27406">
        <v>4</v>
      </c>
      <c r="Y27406">
        <v>4</v>
      </c>
      <c r="Z27406">
        <v>4</v>
      </c>
      <c r="AA27406">
        <v>4</v>
      </c>
      <c r="AB27406">
        <v>4</v>
      </c>
      <c r="AC27406">
        <v>4</v>
      </c>
      <c r="AD27406">
        <v>4</v>
      </c>
      <c r="AE27406">
        <v>4</v>
      </c>
      <c r="AF27406">
        <v>4</v>
      </c>
      <c r="AG27406">
        <v>4</v>
      </c>
      <c r="AH27406">
        <v>4</v>
      </c>
      <c r="AI27406">
        <v>4</v>
      </c>
      <c r="AJ27406">
        <v>4</v>
      </c>
      <c r="AK27406">
        <v>4</v>
      </c>
      <c r="AL27406">
        <v>4</v>
      </c>
      <c r="AM27406">
        <v>4</v>
      </c>
      <c r="AN27406">
        <v>4</v>
      </c>
      <c r="AO27406">
        <v>4</v>
      </c>
      <c r="AP27406">
        <v>4</v>
      </c>
      <c r="AQ27406">
        <v>4</v>
      </c>
    </row>
    <row r="27407" spans="1:43">
      <c r="A27407" t="s">
        <v>16961</v>
      </c>
      <c r="B27407" t="s">
        <v>16962</v>
      </c>
      <c r="C27407" t="s">
        <v>16963</v>
      </c>
      <c r="D27407" t="s">
        <v>16964</v>
      </c>
      <c r="E27407" t="s">
        <v>16923</v>
      </c>
      <c r="F27407" t="s">
        <v>16924</v>
      </c>
      <c r="G27407" t="s">
        <v>16559</v>
      </c>
      <c r="H27407" t="s">
        <v>16560</v>
      </c>
      <c r="I27407" s="2">
        <v>1</v>
      </c>
      <c r="J27407" s="2">
        <v>0</v>
      </c>
      <c r="K27407" s="2">
        <v>0</v>
      </c>
      <c r="L27407" t="s">
        <v>120</v>
      </c>
      <c r="M27407" t="s">
        <v>87</v>
      </c>
      <c r="N27407" t="s">
        <v>88</v>
      </c>
      <c r="O27407" t="s">
        <v>85</v>
      </c>
      <c r="P27407" t="s">
        <v>86</v>
      </c>
      <c r="Q27407">
        <v>4</v>
      </c>
      <c r="R27407">
        <v>4</v>
      </c>
      <c r="S27407">
        <v>4</v>
      </c>
      <c r="T27407">
        <v>4</v>
      </c>
      <c r="U27407">
        <v>4</v>
      </c>
      <c r="V27407">
        <v>4</v>
      </c>
      <c r="W27407">
        <v>4</v>
      </c>
      <c r="X27407">
        <v>4</v>
      </c>
      <c r="Y27407">
        <v>4</v>
      </c>
      <c r="Z27407">
        <v>4</v>
      </c>
      <c r="AA27407">
        <v>4</v>
      </c>
      <c r="AB27407">
        <v>4</v>
      </c>
      <c r="AC27407">
        <v>3</v>
      </c>
      <c r="AD27407">
        <v>3</v>
      </c>
      <c r="AE27407">
        <v>3</v>
      </c>
      <c r="AF27407">
        <v>3</v>
      </c>
      <c r="AG27407">
        <v>3</v>
      </c>
      <c r="AH27407">
        <v>3</v>
      </c>
      <c r="AI27407">
        <v>3</v>
      </c>
      <c r="AJ27407">
        <v>3</v>
      </c>
      <c r="AK27407">
        <v>3</v>
      </c>
      <c r="AL27407">
        <v>3</v>
      </c>
      <c r="AM27407">
        <v>3</v>
      </c>
      <c r="AN27407">
        <v>3</v>
      </c>
      <c r="AO27407">
        <v>3</v>
      </c>
      <c r="AP27407">
        <v>3</v>
      </c>
      <c r="AQ27407">
        <v>3</v>
      </c>
    </row>
    <row r="27408" spans="1:43">
      <c r="A27408" t="s">
        <v>16961</v>
      </c>
      <c r="B27408" t="s">
        <v>16962</v>
      </c>
      <c r="C27408" t="s">
        <v>16963</v>
      </c>
      <c r="D27408" t="s">
        <v>16964</v>
      </c>
      <c r="E27408" t="s">
        <v>16923</v>
      </c>
      <c r="F27408" t="s">
        <v>16924</v>
      </c>
      <c r="G27408" t="s">
        <v>16559</v>
      </c>
      <c r="H27408" t="s">
        <v>16560</v>
      </c>
      <c r="I27408" s="2">
        <v>1</v>
      </c>
      <c r="J27408" s="2">
        <v>0</v>
      </c>
      <c r="K27408" s="2">
        <v>0</v>
      </c>
      <c r="L27408" t="s">
        <v>120</v>
      </c>
      <c r="M27408" t="s">
        <v>89</v>
      </c>
      <c r="N27408" t="s">
        <v>90</v>
      </c>
      <c r="O27408" t="s">
        <v>85</v>
      </c>
      <c r="P27408" t="s">
        <v>86</v>
      </c>
      <c r="Q27408">
        <v>4</v>
      </c>
      <c r="R27408">
        <v>4</v>
      </c>
      <c r="S27408">
        <v>4</v>
      </c>
      <c r="T27408">
        <v>4</v>
      </c>
      <c r="U27408">
        <v>4</v>
      </c>
      <c r="V27408">
        <v>4</v>
      </c>
      <c r="W27408">
        <v>4</v>
      </c>
      <c r="X27408">
        <v>4</v>
      </c>
      <c r="Y27408">
        <v>4</v>
      </c>
      <c r="Z27408">
        <v>4</v>
      </c>
      <c r="AA27408">
        <v>4</v>
      </c>
      <c r="AB27408">
        <v>4</v>
      </c>
      <c r="AC27408">
        <v>4</v>
      </c>
      <c r="AD27408">
        <v>4</v>
      </c>
      <c r="AE27408">
        <v>4</v>
      </c>
      <c r="AF27408">
        <v>4</v>
      </c>
      <c r="AG27408">
        <v>4</v>
      </c>
      <c r="AH27408">
        <v>4</v>
      </c>
      <c r="AI27408">
        <v>4</v>
      </c>
      <c r="AJ27408">
        <v>4</v>
      </c>
      <c r="AK27408">
        <v>4</v>
      </c>
      <c r="AL27408">
        <v>4</v>
      </c>
      <c r="AM27408">
        <v>4</v>
      </c>
      <c r="AN27408">
        <v>4</v>
      </c>
      <c r="AO27408">
        <v>4</v>
      </c>
      <c r="AP27408">
        <v>4</v>
      </c>
      <c r="AQ27408">
        <v>4</v>
      </c>
    </row>
    <row r="27409" spans="1:43">
      <c r="A27409" t="s">
        <v>16961</v>
      </c>
      <c r="B27409" t="s">
        <v>16962</v>
      </c>
      <c r="C27409" t="s">
        <v>16963</v>
      </c>
      <c r="D27409" t="s">
        <v>16964</v>
      </c>
      <c r="E27409" t="s">
        <v>16923</v>
      </c>
      <c r="F27409" t="s">
        <v>16924</v>
      </c>
      <c r="G27409" t="s">
        <v>16559</v>
      </c>
      <c r="H27409" t="s">
        <v>16560</v>
      </c>
      <c r="I27409" s="2">
        <v>1</v>
      </c>
      <c r="J27409" s="2">
        <v>0</v>
      </c>
      <c r="K27409" s="2">
        <v>0</v>
      </c>
      <c r="L27409" t="s">
        <v>120</v>
      </c>
      <c r="M27409" t="s">
        <v>83</v>
      </c>
      <c r="N27409" t="s">
        <v>91</v>
      </c>
      <c r="O27409" t="s">
        <v>85</v>
      </c>
      <c r="P27409" t="s">
        <v>86</v>
      </c>
      <c r="Q27409">
        <v>4</v>
      </c>
      <c r="R27409">
        <v>4</v>
      </c>
      <c r="S27409">
        <v>4</v>
      </c>
      <c r="T27409">
        <v>4</v>
      </c>
      <c r="U27409">
        <v>4</v>
      </c>
      <c r="V27409">
        <v>4</v>
      </c>
      <c r="W27409">
        <v>4</v>
      </c>
      <c r="X27409">
        <v>4</v>
      </c>
      <c r="Y27409">
        <v>4</v>
      </c>
      <c r="Z27409">
        <v>4</v>
      </c>
      <c r="AA27409">
        <v>4</v>
      </c>
      <c r="AB27409">
        <v>4</v>
      </c>
      <c r="AC27409">
        <v>4</v>
      </c>
      <c r="AD27409">
        <v>4</v>
      </c>
      <c r="AE27409">
        <v>4</v>
      </c>
      <c r="AF27409">
        <v>4</v>
      </c>
      <c r="AG27409">
        <v>4</v>
      </c>
      <c r="AH27409">
        <v>4</v>
      </c>
      <c r="AI27409">
        <v>4</v>
      </c>
      <c r="AJ27409">
        <v>4</v>
      </c>
      <c r="AK27409">
        <v>4</v>
      </c>
      <c r="AL27409">
        <v>4</v>
      </c>
      <c r="AM27409">
        <v>4</v>
      </c>
      <c r="AN27409">
        <v>4</v>
      </c>
      <c r="AO27409">
        <v>4</v>
      </c>
      <c r="AP27409">
        <v>4</v>
      </c>
      <c r="AQ27409">
        <v>4</v>
      </c>
    </row>
    <row r="27410" spans="1:43">
      <c r="A27410" t="s">
        <v>16965</v>
      </c>
      <c r="B27410" t="s">
        <v>16966</v>
      </c>
      <c r="C27410" t="s">
        <v>16963</v>
      </c>
      <c r="D27410" t="s">
        <v>16964</v>
      </c>
      <c r="E27410" t="s">
        <v>16923</v>
      </c>
      <c r="F27410" t="s">
        <v>16924</v>
      </c>
      <c r="G27410" t="s">
        <v>16559</v>
      </c>
      <c r="H27410" t="s">
        <v>16560</v>
      </c>
      <c r="I27410" s="2">
        <v>1</v>
      </c>
      <c r="J27410" s="2">
        <v>0</v>
      </c>
      <c r="K27410" s="2">
        <v>0</v>
      </c>
      <c r="L27410" t="s">
        <v>120</v>
      </c>
      <c r="M27410" t="s">
        <v>83</v>
      </c>
      <c r="N27410" t="s">
        <v>84</v>
      </c>
      <c r="O27410" t="s">
        <v>85</v>
      </c>
      <c r="P27410" t="s">
        <v>86</v>
      </c>
      <c r="Q27410">
        <v>8</v>
      </c>
      <c r="R27410">
        <v>8</v>
      </c>
      <c r="S27410">
        <v>8</v>
      </c>
      <c r="T27410">
        <v>8</v>
      </c>
      <c r="U27410">
        <v>8</v>
      </c>
      <c r="V27410">
        <v>8</v>
      </c>
      <c r="W27410">
        <v>8</v>
      </c>
      <c r="X27410">
        <v>8</v>
      </c>
      <c r="Y27410">
        <v>8</v>
      </c>
      <c r="Z27410">
        <v>8</v>
      </c>
      <c r="AA27410">
        <v>8</v>
      </c>
      <c r="AB27410">
        <v>8</v>
      </c>
      <c r="AC27410">
        <v>8</v>
      </c>
      <c r="AD27410">
        <v>8</v>
      </c>
      <c r="AE27410">
        <v>8</v>
      </c>
      <c r="AF27410">
        <v>8</v>
      </c>
      <c r="AG27410">
        <v>8</v>
      </c>
      <c r="AH27410">
        <v>8</v>
      </c>
      <c r="AI27410">
        <v>8</v>
      </c>
      <c r="AJ27410">
        <v>8</v>
      </c>
      <c r="AK27410">
        <v>8</v>
      </c>
      <c r="AL27410">
        <v>8</v>
      </c>
      <c r="AM27410">
        <v>8</v>
      </c>
      <c r="AN27410">
        <v>8</v>
      </c>
      <c r="AO27410">
        <v>8</v>
      </c>
      <c r="AP27410">
        <v>8</v>
      </c>
      <c r="AQ27410">
        <v>8</v>
      </c>
    </row>
    <row r="27411" spans="1:43">
      <c r="A27411" t="s">
        <v>16965</v>
      </c>
      <c r="B27411" t="s">
        <v>16966</v>
      </c>
      <c r="C27411" t="s">
        <v>16963</v>
      </c>
      <c r="D27411" t="s">
        <v>16964</v>
      </c>
      <c r="E27411" t="s">
        <v>16923</v>
      </c>
      <c r="F27411" t="s">
        <v>16924</v>
      </c>
      <c r="G27411" t="s">
        <v>16559</v>
      </c>
      <c r="H27411" t="s">
        <v>16560</v>
      </c>
      <c r="I27411" s="2">
        <v>1</v>
      </c>
      <c r="J27411" s="2">
        <v>0</v>
      </c>
      <c r="K27411" s="2">
        <v>0</v>
      </c>
      <c r="L27411" t="s">
        <v>120</v>
      </c>
      <c r="M27411" t="s">
        <v>87</v>
      </c>
      <c r="N27411" t="s">
        <v>88</v>
      </c>
      <c r="O27411" t="s">
        <v>85</v>
      </c>
      <c r="P27411" t="s">
        <v>86</v>
      </c>
      <c r="Q27411">
        <v>8</v>
      </c>
      <c r="R27411">
        <v>8</v>
      </c>
      <c r="S27411">
        <v>8</v>
      </c>
      <c r="T27411">
        <v>8</v>
      </c>
      <c r="U27411">
        <v>8</v>
      </c>
      <c r="V27411">
        <v>8</v>
      </c>
      <c r="W27411">
        <v>8</v>
      </c>
      <c r="X27411">
        <v>7</v>
      </c>
      <c r="Y27411">
        <v>7</v>
      </c>
      <c r="Z27411">
        <v>7</v>
      </c>
      <c r="AA27411">
        <v>7</v>
      </c>
      <c r="AB27411">
        <v>7</v>
      </c>
      <c r="AC27411">
        <v>7</v>
      </c>
      <c r="AD27411">
        <v>7</v>
      </c>
      <c r="AE27411">
        <v>7</v>
      </c>
      <c r="AF27411">
        <v>7</v>
      </c>
      <c r="AG27411">
        <v>7</v>
      </c>
      <c r="AH27411">
        <v>7</v>
      </c>
      <c r="AI27411">
        <v>7</v>
      </c>
      <c r="AJ27411">
        <v>7</v>
      </c>
      <c r="AK27411">
        <v>7</v>
      </c>
      <c r="AL27411">
        <v>7</v>
      </c>
      <c r="AM27411">
        <v>7</v>
      </c>
      <c r="AN27411">
        <v>7</v>
      </c>
      <c r="AO27411">
        <v>7</v>
      </c>
      <c r="AP27411">
        <v>7</v>
      </c>
      <c r="AQ27411">
        <v>7</v>
      </c>
    </row>
    <row r="27412" spans="1:43">
      <c r="A27412" t="s">
        <v>16965</v>
      </c>
      <c r="B27412" t="s">
        <v>16966</v>
      </c>
      <c r="C27412" t="s">
        <v>16963</v>
      </c>
      <c r="D27412" t="s">
        <v>16964</v>
      </c>
      <c r="E27412" t="s">
        <v>16923</v>
      </c>
      <c r="F27412" t="s">
        <v>16924</v>
      </c>
      <c r="G27412" t="s">
        <v>16559</v>
      </c>
      <c r="H27412" t="s">
        <v>16560</v>
      </c>
      <c r="I27412" s="2">
        <v>1</v>
      </c>
      <c r="J27412" s="2">
        <v>0</v>
      </c>
      <c r="K27412" s="2">
        <v>0</v>
      </c>
      <c r="L27412" t="s">
        <v>120</v>
      </c>
      <c r="M27412" t="s">
        <v>89</v>
      </c>
      <c r="N27412" t="s">
        <v>90</v>
      </c>
      <c r="O27412" t="s">
        <v>85</v>
      </c>
      <c r="P27412" t="s">
        <v>86</v>
      </c>
      <c r="Q27412">
        <v>8</v>
      </c>
      <c r="R27412">
        <v>8</v>
      </c>
      <c r="S27412">
        <v>8</v>
      </c>
      <c r="T27412">
        <v>8</v>
      </c>
      <c r="U27412">
        <v>8</v>
      </c>
      <c r="V27412">
        <v>8</v>
      </c>
      <c r="W27412">
        <v>8</v>
      </c>
      <c r="X27412">
        <v>8</v>
      </c>
      <c r="Y27412">
        <v>9</v>
      </c>
      <c r="Z27412">
        <v>9</v>
      </c>
      <c r="AA27412">
        <v>9</v>
      </c>
      <c r="AB27412">
        <v>9</v>
      </c>
      <c r="AC27412">
        <v>9</v>
      </c>
      <c r="AD27412">
        <v>9</v>
      </c>
      <c r="AE27412">
        <v>9</v>
      </c>
      <c r="AF27412">
        <v>9</v>
      </c>
      <c r="AG27412">
        <v>9</v>
      </c>
      <c r="AH27412">
        <v>9</v>
      </c>
      <c r="AI27412">
        <v>9</v>
      </c>
      <c r="AJ27412">
        <v>9</v>
      </c>
      <c r="AK27412">
        <v>9</v>
      </c>
      <c r="AL27412">
        <v>9</v>
      </c>
      <c r="AM27412">
        <v>9</v>
      </c>
      <c r="AN27412">
        <v>8</v>
      </c>
      <c r="AO27412">
        <v>8</v>
      </c>
      <c r="AP27412">
        <v>8</v>
      </c>
      <c r="AQ27412">
        <v>8</v>
      </c>
    </row>
    <row r="27413" spans="1:43">
      <c r="A27413" t="s">
        <v>16965</v>
      </c>
      <c r="B27413" t="s">
        <v>16966</v>
      </c>
      <c r="C27413" t="s">
        <v>16963</v>
      </c>
      <c r="D27413" t="s">
        <v>16964</v>
      </c>
      <c r="E27413" t="s">
        <v>16923</v>
      </c>
      <c r="F27413" t="s">
        <v>16924</v>
      </c>
      <c r="G27413" t="s">
        <v>16559</v>
      </c>
      <c r="H27413" t="s">
        <v>16560</v>
      </c>
      <c r="I27413" s="2">
        <v>1</v>
      </c>
      <c r="J27413" s="2">
        <v>0</v>
      </c>
      <c r="K27413" s="2">
        <v>0</v>
      </c>
      <c r="L27413" t="s">
        <v>120</v>
      </c>
      <c r="M27413" t="s">
        <v>83</v>
      </c>
      <c r="N27413" t="s">
        <v>91</v>
      </c>
      <c r="O27413" t="s">
        <v>85</v>
      </c>
      <c r="P27413" t="s">
        <v>86</v>
      </c>
      <c r="Q27413">
        <v>8</v>
      </c>
      <c r="R27413">
        <v>8</v>
      </c>
      <c r="S27413">
        <v>8</v>
      </c>
      <c r="T27413">
        <v>8</v>
      </c>
      <c r="U27413">
        <v>8</v>
      </c>
      <c r="V27413">
        <v>8</v>
      </c>
      <c r="W27413">
        <v>8</v>
      </c>
      <c r="X27413">
        <v>8</v>
      </c>
      <c r="Y27413">
        <v>8</v>
      </c>
      <c r="Z27413">
        <v>8</v>
      </c>
      <c r="AA27413">
        <v>8</v>
      </c>
      <c r="AB27413">
        <v>8</v>
      </c>
      <c r="AC27413">
        <v>8</v>
      </c>
      <c r="AD27413">
        <v>8</v>
      </c>
      <c r="AE27413">
        <v>8</v>
      </c>
      <c r="AF27413">
        <v>8</v>
      </c>
      <c r="AG27413">
        <v>8</v>
      </c>
      <c r="AH27413">
        <v>8</v>
      </c>
      <c r="AI27413">
        <v>8</v>
      </c>
      <c r="AJ27413">
        <v>8</v>
      </c>
      <c r="AK27413">
        <v>8</v>
      </c>
      <c r="AL27413">
        <v>8</v>
      </c>
      <c r="AM27413">
        <v>8</v>
      </c>
      <c r="AN27413">
        <v>8</v>
      </c>
      <c r="AO27413">
        <v>8</v>
      </c>
      <c r="AP27413">
        <v>8</v>
      </c>
      <c r="AQ27413">
        <v>8</v>
      </c>
    </row>
    <row r="27414" spans="1:43">
      <c r="A27414" t="s">
        <v>16967</v>
      </c>
      <c r="B27414" t="s">
        <v>16968</v>
      </c>
      <c r="C27414" t="s">
        <v>16963</v>
      </c>
      <c r="D27414" t="s">
        <v>16964</v>
      </c>
      <c r="E27414" t="s">
        <v>16923</v>
      </c>
      <c r="F27414" t="s">
        <v>16924</v>
      </c>
      <c r="G27414" t="s">
        <v>16559</v>
      </c>
      <c r="H27414" t="s">
        <v>16560</v>
      </c>
      <c r="I27414" s="2">
        <v>1</v>
      </c>
      <c r="J27414" s="2">
        <v>0</v>
      </c>
      <c r="K27414" s="2">
        <v>0</v>
      </c>
      <c r="L27414" t="s">
        <v>120</v>
      </c>
      <c r="M27414" t="s">
        <v>83</v>
      </c>
      <c r="N27414" t="s">
        <v>84</v>
      </c>
      <c r="O27414" t="s">
        <v>85</v>
      </c>
      <c r="P27414" t="s">
        <v>86</v>
      </c>
      <c r="Q27414">
        <v>31</v>
      </c>
      <c r="R27414">
        <v>32</v>
      </c>
      <c r="S27414">
        <v>32</v>
      </c>
      <c r="T27414">
        <v>32</v>
      </c>
      <c r="U27414">
        <v>32</v>
      </c>
      <c r="V27414">
        <v>33</v>
      </c>
      <c r="W27414">
        <v>33</v>
      </c>
      <c r="X27414">
        <v>33</v>
      </c>
      <c r="Y27414">
        <v>33</v>
      </c>
      <c r="Z27414">
        <v>34</v>
      </c>
      <c r="AA27414">
        <v>34</v>
      </c>
      <c r="AB27414">
        <v>34</v>
      </c>
      <c r="AC27414">
        <v>34</v>
      </c>
      <c r="AD27414">
        <v>35</v>
      </c>
      <c r="AE27414">
        <v>35</v>
      </c>
      <c r="AF27414">
        <v>35</v>
      </c>
      <c r="AG27414">
        <v>35</v>
      </c>
      <c r="AH27414">
        <v>36</v>
      </c>
      <c r="AI27414">
        <v>36</v>
      </c>
      <c r="AJ27414">
        <v>36</v>
      </c>
      <c r="AK27414">
        <v>36</v>
      </c>
      <c r="AL27414">
        <v>36</v>
      </c>
      <c r="AM27414">
        <v>36</v>
      </c>
      <c r="AN27414">
        <v>36</v>
      </c>
      <c r="AO27414">
        <v>36</v>
      </c>
      <c r="AP27414">
        <v>36</v>
      </c>
      <c r="AQ27414">
        <v>36</v>
      </c>
    </row>
    <row r="27415" spans="1:43">
      <c r="A27415" t="s">
        <v>16967</v>
      </c>
      <c r="B27415" t="s">
        <v>16968</v>
      </c>
      <c r="C27415" t="s">
        <v>16963</v>
      </c>
      <c r="D27415" t="s">
        <v>16964</v>
      </c>
      <c r="E27415" t="s">
        <v>16923</v>
      </c>
      <c r="F27415" t="s">
        <v>16924</v>
      </c>
      <c r="G27415" t="s">
        <v>16559</v>
      </c>
      <c r="H27415" t="s">
        <v>16560</v>
      </c>
      <c r="I27415" s="2">
        <v>1</v>
      </c>
      <c r="J27415" s="2">
        <v>0</v>
      </c>
      <c r="K27415" s="2">
        <v>0</v>
      </c>
      <c r="L27415" t="s">
        <v>120</v>
      </c>
      <c r="M27415" t="s">
        <v>87</v>
      </c>
      <c r="N27415" t="s">
        <v>88</v>
      </c>
      <c r="O27415" t="s">
        <v>85</v>
      </c>
      <c r="P27415" t="s">
        <v>86</v>
      </c>
      <c r="Q27415">
        <v>31</v>
      </c>
      <c r="R27415">
        <v>31</v>
      </c>
      <c r="S27415">
        <v>31</v>
      </c>
      <c r="T27415">
        <v>31</v>
      </c>
      <c r="U27415">
        <v>31</v>
      </c>
      <c r="V27415">
        <v>31</v>
      </c>
      <c r="W27415">
        <v>31</v>
      </c>
      <c r="X27415">
        <v>31</v>
      </c>
      <c r="Y27415">
        <v>31</v>
      </c>
      <c r="Z27415">
        <v>31</v>
      </c>
      <c r="AA27415">
        <v>31</v>
      </c>
      <c r="AB27415">
        <v>31</v>
      </c>
      <c r="AC27415">
        <v>31</v>
      </c>
      <c r="AD27415">
        <v>31</v>
      </c>
      <c r="AE27415">
        <v>31</v>
      </c>
      <c r="AF27415">
        <v>31</v>
      </c>
      <c r="AG27415">
        <v>31</v>
      </c>
      <c r="AH27415">
        <v>31</v>
      </c>
      <c r="AI27415">
        <v>31</v>
      </c>
      <c r="AJ27415">
        <v>31</v>
      </c>
      <c r="AK27415">
        <v>31</v>
      </c>
      <c r="AL27415">
        <v>31</v>
      </c>
      <c r="AM27415">
        <v>31</v>
      </c>
      <c r="AN27415">
        <v>31</v>
      </c>
      <c r="AO27415">
        <v>31</v>
      </c>
      <c r="AP27415">
        <v>31</v>
      </c>
      <c r="AQ27415">
        <v>31</v>
      </c>
    </row>
    <row r="27416" spans="1:43">
      <c r="A27416" t="s">
        <v>16967</v>
      </c>
      <c r="B27416" t="s">
        <v>16968</v>
      </c>
      <c r="C27416" t="s">
        <v>16963</v>
      </c>
      <c r="D27416" t="s">
        <v>16964</v>
      </c>
      <c r="E27416" t="s">
        <v>16923</v>
      </c>
      <c r="F27416" t="s">
        <v>16924</v>
      </c>
      <c r="G27416" t="s">
        <v>16559</v>
      </c>
      <c r="H27416" t="s">
        <v>16560</v>
      </c>
      <c r="I27416" s="2">
        <v>1</v>
      </c>
      <c r="J27416" s="2">
        <v>0</v>
      </c>
      <c r="K27416" s="2">
        <v>0</v>
      </c>
      <c r="L27416" t="s">
        <v>120</v>
      </c>
      <c r="M27416" t="s">
        <v>89</v>
      </c>
      <c r="N27416" t="s">
        <v>90</v>
      </c>
      <c r="O27416" t="s">
        <v>85</v>
      </c>
      <c r="P27416" t="s">
        <v>86</v>
      </c>
      <c r="Q27416">
        <v>31</v>
      </c>
      <c r="R27416">
        <v>31</v>
      </c>
      <c r="S27416">
        <v>32</v>
      </c>
      <c r="T27416">
        <v>32</v>
      </c>
      <c r="U27416">
        <v>33</v>
      </c>
      <c r="V27416">
        <v>33</v>
      </c>
      <c r="W27416">
        <v>34</v>
      </c>
      <c r="X27416">
        <v>34</v>
      </c>
      <c r="Y27416">
        <v>34</v>
      </c>
      <c r="Z27416">
        <v>35</v>
      </c>
      <c r="AA27416">
        <v>35</v>
      </c>
      <c r="AB27416">
        <v>35</v>
      </c>
      <c r="AC27416">
        <v>36</v>
      </c>
      <c r="AD27416">
        <v>36</v>
      </c>
      <c r="AE27416">
        <v>36</v>
      </c>
      <c r="AF27416">
        <v>36</v>
      </c>
      <c r="AG27416">
        <v>36</v>
      </c>
      <c r="AH27416">
        <v>36</v>
      </c>
      <c r="AI27416">
        <v>36</v>
      </c>
      <c r="AJ27416">
        <v>36</v>
      </c>
      <c r="AK27416">
        <v>36</v>
      </c>
      <c r="AL27416">
        <v>36</v>
      </c>
      <c r="AM27416">
        <v>36</v>
      </c>
      <c r="AN27416">
        <v>36</v>
      </c>
      <c r="AO27416">
        <v>36</v>
      </c>
      <c r="AP27416">
        <v>36</v>
      </c>
      <c r="AQ27416">
        <v>36</v>
      </c>
    </row>
    <row r="27417" spans="1:43">
      <c r="A27417" t="s">
        <v>16967</v>
      </c>
      <c r="B27417" t="s">
        <v>16968</v>
      </c>
      <c r="C27417" t="s">
        <v>16963</v>
      </c>
      <c r="D27417" t="s">
        <v>16964</v>
      </c>
      <c r="E27417" t="s">
        <v>16923</v>
      </c>
      <c r="F27417" t="s">
        <v>16924</v>
      </c>
      <c r="G27417" t="s">
        <v>16559</v>
      </c>
      <c r="H27417" t="s">
        <v>16560</v>
      </c>
      <c r="I27417" s="2">
        <v>1</v>
      </c>
      <c r="J27417" s="2">
        <v>0</v>
      </c>
      <c r="K27417" s="2">
        <v>0</v>
      </c>
      <c r="L27417" t="s">
        <v>120</v>
      </c>
      <c r="M27417" t="s">
        <v>83</v>
      </c>
      <c r="N27417" t="s">
        <v>91</v>
      </c>
      <c r="O27417" t="s">
        <v>85</v>
      </c>
      <c r="P27417" t="s">
        <v>86</v>
      </c>
      <c r="Q27417">
        <v>31</v>
      </c>
      <c r="R27417">
        <v>32</v>
      </c>
      <c r="S27417">
        <v>32</v>
      </c>
      <c r="T27417">
        <v>32</v>
      </c>
      <c r="U27417">
        <v>32</v>
      </c>
      <c r="V27417">
        <v>33</v>
      </c>
      <c r="W27417">
        <v>33</v>
      </c>
      <c r="X27417">
        <v>33</v>
      </c>
      <c r="Y27417">
        <v>33</v>
      </c>
      <c r="Z27417">
        <v>34</v>
      </c>
      <c r="AA27417">
        <v>34</v>
      </c>
      <c r="AB27417">
        <v>34</v>
      </c>
      <c r="AC27417">
        <v>34</v>
      </c>
      <c r="AD27417">
        <v>35</v>
      </c>
      <c r="AE27417">
        <v>35</v>
      </c>
      <c r="AF27417">
        <v>35</v>
      </c>
      <c r="AG27417">
        <v>35</v>
      </c>
      <c r="AH27417">
        <v>36</v>
      </c>
      <c r="AI27417">
        <v>36</v>
      </c>
      <c r="AJ27417">
        <v>36</v>
      </c>
      <c r="AK27417">
        <v>36</v>
      </c>
      <c r="AL27417">
        <v>36</v>
      </c>
      <c r="AM27417">
        <v>36</v>
      </c>
      <c r="AN27417">
        <v>36</v>
      </c>
      <c r="AO27417">
        <v>36</v>
      </c>
      <c r="AP27417">
        <v>36</v>
      </c>
      <c r="AQ27417">
        <v>36</v>
      </c>
    </row>
    <row r="27418" spans="1:43">
      <c r="A27418" t="s">
        <v>16969</v>
      </c>
      <c r="B27418" t="s">
        <v>16970</v>
      </c>
      <c r="C27418" t="s">
        <v>16963</v>
      </c>
      <c r="D27418" t="s">
        <v>16964</v>
      </c>
      <c r="E27418" t="s">
        <v>16923</v>
      </c>
      <c r="F27418" t="s">
        <v>16924</v>
      </c>
      <c r="G27418" t="s">
        <v>16559</v>
      </c>
      <c r="H27418" t="s">
        <v>16560</v>
      </c>
      <c r="I27418" s="2">
        <v>1</v>
      </c>
      <c r="J27418" s="2">
        <v>0</v>
      </c>
      <c r="K27418" s="2">
        <v>0</v>
      </c>
      <c r="L27418" t="s">
        <v>120</v>
      </c>
      <c r="M27418" t="s">
        <v>83</v>
      </c>
      <c r="N27418" t="s">
        <v>84</v>
      </c>
      <c r="O27418" t="s">
        <v>85</v>
      </c>
      <c r="P27418" t="s">
        <v>86</v>
      </c>
      <c r="Q27418">
        <v>6</v>
      </c>
      <c r="R27418">
        <v>6</v>
      </c>
      <c r="S27418">
        <v>6</v>
      </c>
      <c r="T27418">
        <v>6</v>
      </c>
      <c r="U27418">
        <v>6</v>
      </c>
      <c r="V27418">
        <v>6</v>
      </c>
      <c r="W27418">
        <v>6</v>
      </c>
      <c r="X27418">
        <v>6</v>
      </c>
      <c r="Y27418">
        <v>6</v>
      </c>
      <c r="Z27418">
        <v>6</v>
      </c>
      <c r="AA27418">
        <v>6</v>
      </c>
      <c r="AB27418">
        <v>6</v>
      </c>
      <c r="AC27418">
        <v>6</v>
      </c>
      <c r="AD27418">
        <v>6</v>
      </c>
      <c r="AE27418">
        <v>6</v>
      </c>
      <c r="AF27418">
        <v>6</v>
      </c>
      <c r="AG27418">
        <v>6</v>
      </c>
      <c r="AH27418">
        <v>6</v>
      </c>
      <c r="AI27418">
        <v>6</v>
      </c>
      <c r="AJ27418">
        <v>6</v>
      </c>
      <c r="AK27418">
        <v>6</v>
      </c>
      <c r="AL27418">
        <v>6</v>
      </c>
      <c r="AM27418">
        <v>6</v>
      </c>
      <c r="AN27418">
        <v>6</v>
      </c>
      <c r="AO27418">
        <v>6</v>
      </c>
      <c r="AP27418">
        <v>6</v>
      </c>
      <c r="AQ27418">
        <v>6</v>
      </c>
    </row>
    <row r="27419" spans="1:43">
      <c r="A27419" t="s">
        <v>16969</v>
      </c>
      <c r="B27419" t="s">
        <v>16970</v>
      </c>
      <c r="C27419" t="s">
        <v>16963</v>
      </c>
      <c r="D27419" t="s">
        <v>16964</v>
      </c>
      <c r="E27419" t="s">
        <v>16923</v>
      </c>
      <c r="F27419" t="s">
        <v>16924</v>
      </c>
      <c r="G27419" t="s">
        <v>16559</v>
      </c>
      <c r="H27419" t="s">
        <v>16560</v>
      </c>
      <c r="I27419" s="2">
        <v>1</v>
      </c>
      <c r="J27419" s="2">
        <v>0</v>
      </c>
      <c r="K27419" s="2">
        <v>0</v>
      </c>
      <c r="L27419" t="s">
        <v>120</v>
      </c>
      <c r="M27419" t="s">
        <v>87</v>
      </c>
      <c r="N27419" t="s">
        <v>88</v>
      </c>
      <c r="O27419" t="s">
        <v>85</v>
      </c>
      <c r="P27419" t="s">
        <v>86</v>
      </c>
      <c r="Q27419">
        <v>6</v>
      </c>
      <c r="R27419">
        <v>6</v>
      </c>
      <c r="S27419">
        <v>6</v>
      </c>
      <c r="T27419">
        <v>6</v>
      </c>
      <c r="U27419">
        <v>6</v>
      </c>
      <c r="V27419">
        <v>6</v>
      </c>
      <c r="W27419">
        <v>6</v>
      </c>
      <c r="X27419">
        <v>6</v>
      </c>
      <c r="Y27419">
        <v>6</v>
      </c>
      <c r="Z27419">
        <v>6</v>
      </c>
      <c r="AA27419">
        <v>6</v>
      </c>
      <c r="AB27419">
        <v>6</v>
      </c>
      <c r="AC27419">
        <v>6</v>
      </c>
      <c r="AD27419">
        <v>6</v>
      </c>
      <c r="AE27419">
        <v>6</v>
      </c>
      <c r="AF27419">
        <v>6</v>
      </c>
      <c r="AG27419">
        <v>6</v>
      </c>
      <c r="AH27419">
        <v>6</v>
      </c>
      <c r="AI27419">
        <v>6</v>
      </c>
      <c r="AJ27419">
        <v>6</v>
      </c>
      <c r="AK27419">
        <v>6</v>
      </c>
      <c r="AL27419">
        <v>6</v>
      </c>
      <c r="AM27419">
        <v>6</v>
      </c>
      <c r="AN27419">
        <v>6</v>
      </c>
      <c r="AO27419">
        <v>6</v>
      </c>
      <c r="AP27419">
        <v>6</v>
      </c>
      <c r="AQ27419">
        <v>6</v>
      </c>
    </row>
    <row r="27420" spans="1:43">
      <c r="A27420" t="s">
        <v>16969</v>
      </c>
      <c r="B27420" t="s">
        <v>16970</v>
      </c>
      <c r="C27420" t="s">
        <v>16963</v>
      </c>
      <c r="D27420" t="s">
        <v>16964</v>
      </c>
      <c r="E27420" t="s">
        <v>16923</v>
      </c>
      <c r="F27420" t="s">
        <v>16924</v>
      </c>
      <c r="G27420" t="s">
        <v>16559</v>
      </c>
      <c r="H27420" t="s">
        <v>16560</v>
      </c>
      <c r="I27420" s="2">
        <v>1</v>
      </c>
      <c r="J27420" s="2">
        <v>0</v>
      </c>
      <c r="K27420" s="2">
        <v>0</v>
      </c>
      <c r="L27420" t="s">
        <v>120</v>
      </c>
      <c r="M27420" t="s">
        <v>89</v>
      </c>
      <c r="N27420" t="s">
        <v>90</v>
      </c>
      <c r="O27420" t="s">
        <v>85</v>
      </c>
      <c r="P27420" t="s">
        <v>86</v>
      </c>
      <c r="Q27420">
        <v>6</v>
      </c>
      <c r="R27420">
        <v>6</v>
      </c>
      <c r="S27420">
        <v>6</v>
      </c>
      <c r="T27420">
        <v>6</v>
      </c>
      <c r="U27420">
        <v>6</v>
      </c>
      <c r="V27420">
        <v>6</v>
      </c>
      <c r="W27420">
        <v>6</v>
      </c>
      <c r="X27420">
        <v>6</v>
      </c>
      <c r="Y27420">
        <v>6</v>
      </c>
      <c r="Z27420">
        <v>6</v>
      </c>
      <c r="AA27420">
        <v>6</v>
      </c>
      <c r="AB27420">
        <v>6</v>
      </c>
      <c r="AC27420">
        <v>6</v>
      </c>
      <c r="AD27420">
        <v>6</v>
      </c>
      <c r="AE27420">
        <v>6</v>
      </c>
      <c r="AF27420">
        <v>6</v>
      </c>
      <c r="AG27420">
        <v>6</v>
      </c>
      <c r="AH27420">
        <v>6</v>
      </c>
      <c r="AI27420">
        <v>6</v>
      </c>
      <c r="AJ27420">
        <v>6</v>
      </c>
      <c r="AK27420">
        <v>6</v>
      </c>
      <c r="AL27420">
        <v>6</v>
      </c>
      <c r="AM27420">
        <v>6</v>
      </c>
      <c r="AN27420">
        <v>6</v>
      </c>
      <c r="AO27420">
        <v>6</v>
      </c>
      <c r="AP27420">
        <v>6</v>
      </c>
      <c r="AQ27420">
        <v>6</v>
      </c>
    </row>
    <row r="27421" spans="1:43">
      <c r="A27421" t="s">
        <v>16969</v>
      </c>
      <c r="B27421" t="s">
        <v>16970</v>
      </c>
      <c r="C27421" t="s">
        <v>16963</v>
      </c>
      <c r="D27421" t="s">
        <v>16964</v>
      </c>
      <c r="E27421" t="s">
        <v>16923</v>
      </c>
      <c r="F27421" t="s">
        <v>16924</v>
      </c>
      <c r="G27421" t="s">
        <v>16559</v>
      </c>
      <c r="H27421" t="s">
        <v>16560</v>
      </c>
      <c r="I27421" s="2">
        <v>1</v>
      </c>
      <c r="J27421" s="2">
        <v>0</v>
      </c>
      <c r="K27421" s="2">
        <v>0</v>
      </c>
      <c r="L27421" t="s">
        <v>120</v>
      </c>
      <c r="M27421" t="s">
        <v>83</v>
      </c>
      <c r="N27421" t="s">
        <v>91</v>
      </c>
      <c r="O27421" t="s">
        <v>85</v>
      </c>
      <c r="P27421" t="s">
        <v>86</v>
      </c>
      <c r="Q27421">
        <v>6</v>
      </c>
      <c r="R27421">
        <v>6</v>
      </c>
      <c r="S27421">
        <v>6</v>
      </c>
      <c r="T27421">
        <v>6</v>
      </c>
      <c r="U27421">
        <v>6</v>
      </c>
      <c r="V27421">
        <v>6</v>
      </c>
      <c r="W27421">
        <v>6</v>
      </c>
      <c r="X27421">
        <v>6</v>
      </c>
      <c r="Y27421">
        <v>6</v>
      </c>
      <c r="Z27421">
        <v>6</v>
      </c>
      <c r="AA27421">
        <v>6</v>
      </c>
      <c r="AB27421">
        <v>6</v>
      </c>
      <c r="AC27421">
        <v>6</v>
      </c>
      <c r="AD27421">
        <v>6</v>
      </c>
      <c r="AE27421">
        <v>6</v>
      </c>
      <c r="AF27421">
        <v>6</v>
      </c>
      <c r="AG27421">
        <v>6</v>
      </c>
      <c r="AH27421">
        <v>6</v>
      </c>
      <c r="AI27421">
        <v>6</v>
      </c>
      <c r="AJ27421">
        <v>6</v>
      </c>
      <c r="AK27421">
        <v>6</v>
      </c>
      <c r="AL27421">
        <v>6</v>
      </c>
      <c r="AM27421">
        <v>6</v>
      </c>
      <c r="AN27421">
        <v>6</v>
      </c>
      <c r="AO27421">
        <v>6</v>
      </c>
      <c r="AP27421">
        <v>6</v>
      </c>
      <c r="AQ27421">
        <v>6</v>
      </c>
    </row>
    <row r="27422" spans="1:43">
      <c r="A27422" t="s">
        <v>16971</v>
      </c>
      <c r="B27422" t="s">
        <v>16972</v>
      </c>
      <c r="C27422" t="s">
        <v>16963</v>
      </c>
      <c r="D27422" t="s">
        <v>16964</v>
      </c>
      <c r="E27422" t="s">
        <v>16923</v>
      </c>
      <c r="F27422" t="s">
        <v>16924</v>
      </c>
      <c r="G27422" t="s">
        <v>16559</v>
      </c>
      <c r="H27422" t="s">
        <v>16560</v>
      </c>
      <c r="I27422" s="2">
        <v>1</v>
      </c>
      <c r="J27422" s="2">
        <v>0</v>
      </c>
      <c r="K27422" s="2">
        <v>0</v>
      </c>
      <c r="L27422" t="s">
        <v>120</v>
      </c>
      <c r="M27422" t="s">
        <v>83</v>
      </c>
      <c r="N27422" t="s">
        <v>84</v>
      </c>
      <c r="O27422" t="s">
        <v>85</v>
      </c>
      <c r="P27422" t="s">
        <v>86</v>
      </c>
      <c r="Q27422">
        <v>51</v>
      </c>
      <c r="R27422">
        <v>52</v>
      </c>
      <c r="S27422">
        <v>52</v>
      </c>
      <c r="T27422">
        <v>52</v>
      </c>
      <c r="U27422">
        <v>52</v>
      </c>
      <c r="V27422">
        <v>53</v>
      </c>
      <c r="W27422">
        <v>53</v>
      </c>
      <c r="X27422">
        <v>53</v>
      </c>
      <c r="Y27422">
        <v>54</v>
      </c>
      <c r="Z27422">
        <v>54</v>
      </c>
      <c r="AA27422">
        <v>54</v>
      </c>
      <c r="AB27422">
        <v>54</v>
      </c>
      <c r="AC27422">
        <v>55</v>
      </c>
      <c r="AD27422">
        <v>55</v>
      </c>
      <c r="AE27422">
        <v>55</v>
      </c>
      <c r="AF27422">
        <v>55</v>
      </c>
      <c r="AG27422">
        <v>56</v>
      </c>
      <c r="AH27422">
        <v>56</v>
      </c>
      <c r="AI27422">
        <v>56</v>
      </c>
      <c r="AJ27422">
        <v>56</v>
      </c>
      <c r="AK27422">
        <v>57</v>
      </c>
      <c r="AL27422">
        <v>56</v>
      </c>
      <c r="AM27422">
        <v>56</v>
      </c>
      <c r="AN27422">
        <v>56</v>
      </c>
      <c r="AO27422">
        <v>56</v>
      </c>
      <c r="AP27422">
        <v>56</v>
      </c>
      <c r="AQ27422">
        <v>55</v>
      </c>
    </row>
    <row r="27423" spans="1:43">
      <c r="A27423" t="s">
        <v>16971</v>
      </c>
      <c r="B27423" t="s">
        <v>16972</v>
      </c>
      <c r="C27423" t="s">
        <v>16963</v>
      </c>
      <c r="D27423" t="s">
        <v>16964</v>
      </c>
      <c r="E27423" t="s">
        <v>16923</v>
      </c>
      <c r="F27423" t="s">
        <v>16924</v>
      </c>
      <c r="G27423" t="s">
        <v>16559</v>
      </c>
      <c r="H27423" t="s">
        <v>16560</v>
      </c>
      <c r="I27423" s="2">
        <v>1</v>
      </c>
      <c r="J27423" s="2">
        <v>0</v>
      </c>
      <c r="K27423" s="2">
        <v>0</v>
      </c>
      <c r="L27423" t="s">
        <v>120</v>
      </c>
      <c r="M27423" t="s">
        <v>87</v>
      </c>
      <c r="N27423" t="s">
        <v>88</v>
      </c>
      <c r="O27423" t="s">
        <v>85</v>
      </c>
      <c r="P27423" t="s">
        <v>86</v>
      </c>
      <c r="Q27423">
        <v>51</v>
      </c>
      <c r="R27423">
        <v>51</v>
      </c>
      <c r="S27423">
        <v>50</v>
      </c>
      <c r="T27423">
        <v>50</v>
      </c>
      <c r="U27423">
        <v>50</v>
      </c>
      <c r="V27423">
        <v>50</v>
      </c>
      <c r="W27423">
        <v>50</v>
      </c>
      <c r="X27423">
        <v>50</v>
      </c>
      <c r="Y27423">
        <v>50</v>
      </c>
      <c r="Z27423">
        <v>49</v>
      </c>
      <c r="AA27423">
        <v>49</v>
      </c>
      <c r="AB27423">
        <v>49</v>
      </c>
      <c r="AC27423">
        <v>49</v>
      </c>
      <c r="AD27423">
        <v>49</v>
      </c>
      <c r="AE27423">
        <v>49</v>
      </c>
      <c r="AF27423">
        <v>49</v>
      </c>
      <c r="AG27423">
        <v>49</v>
      </c>
      <c r="AH27423">
        <v>49</v>
      </c>
      <c r="AI27423">
        <v>48</v>
      </c>
      <c r="AJ27423">
        <v>48</v>
      </c>
      <c r="AK27423">
        <v>48</v>
      </c>
      <c r="AL27423">
        <v>48</v>
      </c>
      <c r="AM27423">
        <v>48</v>
      </c>
      <c r="AN27423">
        <v>48</v>
      </c>
      <c r="AO27423">
        <v>48</v>
      </c>
      <c r="AP27423">
        <v>48</v>
      </c>
      <c r="AQ27423">
        <v>48</v>
      </c>
    </row>
    <row r="27424" spans="1:43">
      <c r="A27424" t="s">
        <v>16971</v>
      </c>
      <c r="B27424" t="s">
        <v>16972</v>
      </c>
      <c r="C27424" t="s">
        <v>16963</v>
      </c>
      <c r="D27424" t="s">
        <v>16964</v>
      </c>
      <c r="E27424" t="s">
        <v>16923</v>
      </c>
      <c r="F27424" t="s">
        <v>16924</v>
      </c>
      <c r="G27424" t="s">
        <v>16559</v>
      </c>
      <c r="H27424" t="s">
        <v>16560</v>
      </c>
      <c r="I27424" s="2">
        <v>1</v>
      </c>
      <c r="J27424" s="2">
        <v>0</v>
      </c>
      <c r="K27424" s="2">
        <v>0</v>
      </c>
      <c r="L27424" t="s">
        <v>120</v>
      </c>
      <c r="M27424" t="s">
        <v>89</v>
      </c>
      <c r="N27424" t="s">
        <v>90</v>
      </c>
      <c r="O27424" t="s">
        <v>85</v>
      </c>
      <c r="P27424" t="s">
        <v>86</v>
      </c>
      <c r="Q27424">
        <v>51</v>
      </c>
      <c r="R27424">
        <v>51</v>
      </c>
      <c r="S27424">
        <v>52</v>
      </c>
      <c r="T27424">
        <v>53</v>
      </c>
      <c r="U27424">
        <v>54</v>
      </c>
      <c r="V27424">
        <v>54</v>
      </c>
      <c r="W27424">
        <v>55</v>
      </c>
      <c r="X27424">
        <v>55</v>
      </c>
      <c r="Y27424">
        <v>56</v>
      </c>
      <c r="Z27424">
        <v>56</v>
      </c>
      <c r="AA27424">
        <v>57</v>
      </c>
      <c r="AB27424">
        <v>57</v>
      </c>
      <c r="AC27424">
        <v>58</v>
      </c>
      <c r="AD27424">
        <v>58</v>
      </c>
      <c r="AE27424">
        <v>58</v>
      </c>
      <c r="AF27424">
        <v>58</v>
      </c>
      <c r="AG27424">
        <v>58</v>
      </c>
      <c r="AH27424">
        <v>57</v>
      </c>
      <c r="AI27424">
        <v>57</v>
      </c>
      <c r="AJ27424">
        <v>57</v>
      </c>
      <c r="AK27424">
        <v>57</v>
      </c>
      <c r="AL27424">
        <v>56</v>
      </c>
      <c r="AM27424">
        <v>56</v>
      </c>
      <c r="AN27424">
        <v>56</v>
      </c>
      <c r="AO27424">
        <v>56</v>
      </c>
      <c r="AP27424">
        <v>55</v>
      </c>
      <c r="AQ27424">
        <v>55</v>
      </c>
    </row>
    <row r="27425" spans="1:43">
      <c r="A27425" t="s">
        <v>16971</v>
      </c>
      <c r="B27425" t="s">
        <v>16972</v>
      </c>
      <c r="C27425" t="s">
        <v>16963</v>
      </c>
      <c r="D27425" t="s">
        <v>16964</v>
      </c>
      <c r="E27425" t="s">
        <v>16923</v>
      </c>
      <c r="F27425" t="s">
        <v>16924</v>
      </c>
      <c r="G27425" t="s">
        <v>16559</v>
      </c>
      <c r="H27425" t="s">
        <v>16560</v>
      </c>
      <c r="I27425" s="2">
        <v>1</v>
      </c>
      <c r="J27425" s="2">
        <v>0</v>
      </c>
      <c r="K27425" s="2">
        <v>0</v>
      </c>
      <c r="L27425" t="s">
        <v>120</v>
      </c>
      <c r="M27425" t="s">
        <v>83</v>
      </c>
      <c r="N27425" t="s">
        <v>91</v>
      </c>
      <c r="O27425" t="s">
        <v>85</v>
      </c>
      <c r="P27425" t="s">
        <v>86</v>
      </c>
      <c r="Q27425">
        <v>51</v>
      </c>
      <c r="R27425">
        <v>52</v>
      </c>
      <c r="S27425">
        <v>52</v>
      </c>
      <c r="T27425">
        <v>52</v>
      </c>
      <c r="U27425">
        <v>52</v>
      </c>
      <c r="V27425">
        <v>53</v>
      </c>
      <c r="W27425">
        <v>53</v>
      </c>
      <c r="X27425">
        <v>53</v>
      </c>
      <c r="Y27425">
        <v>54</v>
      </c>
      <c r="Z27425">
        <v>54</v>
      </c>
      <c r="AA27425">
        <v>54</v>
      </c>
      <c r="AB27425">
        <v>54</v>
      </c>
      <c r="AC27425">
        <v>55</v>
      </c>
      <c r="AD27425">
        <v>55</v>
      </c>
      <c r="AE27425">
        <v>55</v>
      </c>
      <c r="AF27425">
        <v>55</v>
      </c>
      <c r="AG27425">
        <v>56</v>
      </c>
      <c r="AH27425">
        <v>56</v>
      </c>
      <c r="AI27425">
        <v>56</v>
      </c>
      <c r="AJ27425">
        <v>56</v>
      </c>
      <c r="AK27425">
        <v>57</v>
      </c>
      <c r="AL27425">
        <v>56</v>
      </c>
      <c r="AM27425">
        <v>56</v>
      </c>
      <c r="AN27425">
        <v>56</v>
      </c>
      <c r="AO27425">
        <v>56</v>
      </c>
      <c r="AP27425">
        <v>56</v>
      </c>
      <c r="AQ27425">
        <v>55</v>
      </c>
    </row>
    <row r="27426" spans="1:43">
      <c r="A27426" t="s">
        <v>16973</v>
      </c>
      <c r="B27426" t="s">
        <v>16974</v>
      </c>
      <c r="C27426" t="s">
        <v>16963</v>
      </c>
      <c r="D27426" t="s">
        <v>16964</v>
      </c>
      <c r="E27426" t="s">
        <v>16923</v>
      </c>
      <c r="F27426" t="s">
        <v>16924</v>
      </c>
      <c r="G27426" t="s">
        <v>16559</v>
      </c>
      <c r="H27426" t="s">
        <v>16560</v>
      </c>
      <c r="I27426" s="2">
        <v>1</v>
      </c>
      <c r="J27426" s="2">
        <v>0</v>
      </c>
      <c r="K27426" s="2">
        <v>0</v>
      </c>
      <c r="L27426" t="s">
        <v>120</v>
      </c>
      <c r="M27426" t="s">
        <v>83</v>
      </c>
      <c r="N27426" t="s">
        <v>84</v>
      </c>
      <c r="O27426" t="s">
        <v>85</v>
      </c>
      <c r="P27426" t="s">
        <v>86</v>
      </c>
      <c r="Q27426">
        <v>8</v>
      </c>
      <c r="R27426">
        <v>8</v>
      </c>
      <c r="S27426">
        <v>8</v>
      </c>
      <c r="T27426">
        <v>8</v>
      </c>
      <c r="U27426">
        <v>8</v>
      </c>
      <c r="V27426">
        <v>8</v>
      </c>
      <c r="W27426">
        <v>8</v>
      </c>
      <c r="X27426">
        <v>9</v>
      </c>
      <c r="Y27426">
        <v>9</v>
      </c>
      <c r="Z27426">
        <v>9</v>
      </c>
      <c r="AA27426">
        <v>9</v>
      </c>
      <c r="AB27426">
        <v>9</v>
      </c>
      <c r="AC27426">
        <v>9</v>
      </c>
      <c r="AD27426">
        <v>9</v>
      </c>
      <c r="AE27426">
        <v>9</v>
      </c>
      <c r="AF27426">
        <v>9</v>
      </c>
      <c r="AG27426">
        <v>9</v>
      </c>
      <c r="AH27426">
        <v>9</v>
      </c>
      <c r="AI27426">
        <v>9</v>
      </c>
      <c r="AJ27426">
        <v>9</v>
      </c>
      <c r="AK27426">
        <v>9</v>
      </c>
      <c r="AL27426">
        <v>9</v>
      </c>
      <c r="AM27426">
        <v>9</v>
      </c>
      <c r="AN27426">
        <v>9</v>
      </c>
      <c r="AO27426">
        <v>9</v>
      </c>
      <c r="AP27426">
        <v>9</v>
      </c>
      <c r="AQ27426">
        <v>9</v>
      </c>
    </row>
    <row r="27427" spans="1:43">
      <c r="A27427" t="s">
        <v>16973</v>
      </c>
      <c r="B27427" t="s">
        <v>16974</v>
      </c>
      <c r="C27427" t="s">
        <v>16963</v>
      </c>
      <c r="D27427" t="s">
        <v>16964</v>
      </c>
      <c r="E27427" t="s">
        <v>16923</v>
      </c>
      <c r="F27427" t="s">
        <v>16924</v>
      </c>
      <c r="G27427" t="s">
        <v>16559</v>
      </c>
      <c r="H27427" t="s">
        <v>16560</v>
      </c>
      <c r="I27427" s="2">
        <v>1</v>
      </c>
      <c r="J27427" s="2">
        <v>0</v>
      </c>
      <c r="K27427" s="2">
        <v>0</v>
      </c>
      <c r="L27427" t="s">
        <v>120</v>
      </c>
      <c r="M27427" t="s">
        <v>87</v>
      </c>
      <c r="N27427" t="s">
        <v>88</v>
      </c>
      <c r="O27427" t="s">
        <v>85</v>
      </c>
      <c r="P27427" t="s">
        <v>86</v>
      </c>
      <c r="Q27427">
        <v>8</v>
      </c>
      <c r="R27427">
        <v>8</v>
      </c>
      <c r="S27427">
        <v>8</v>
      </c>
      <c r="T27427">
        <v>8</v>
      </c>
      <c r="U27427">
        <v>8</v>
      </c>
      <c r="V27427">
        <v>8</v>
      </c>
      <c r="W27427">
        <v>8</v>
      </c>
      <c r="X27427">
        <v>8</v>
      </c>
      <c r="Y27427">
        <v>8</v>
      </c>
      <c r="Z27427">
        <v>8</v>
      </c>
      <c r="AA27427">
        <v>8</v>
      </c>
      <c r="AB27427">
        <v>8</v>
      </c>
      <c r="AC27427">
        <v>8</v>
      </c>
      <c r="AD27427">
        <v>8</v>
      </c>
      <c r="AE27427">
        <v>8</v>
      </c>
      <c r="AF27427">
        <v>8</v>
      </c>
      <c r="AG27427">
        <v>8</v>
      </c>
      <c r="AH27427">
        <v>8</v>
      </c>
      <c r="AI27427">
        <v>8</v>
      </c>
      <c r="AJ27427">
        <v>8</v>
      </c>
      <c r="AK27427">
        <v>8</v>
      </c>
      <c r="AL27427">
        <v>8</v>
      </c>
      <c r="AM27427">
        <v>8</v>
      </c>
      <c r="AN27427">
        <v>7</v>
      </c>
      <c r="AO27427">
        <v>7</v>
      </c>
      <c r="AP27427">
        <v>7</v>
      </c>
      <c r="AQ27427">
        <v>7</v>
      </c>
    </row>
    <row r="27428" spans="1:43">
      <c r="A27428" t="s">
        <v>16973</v>
      </c>
      <c r="B27428" t="s">
        <v>16974</v>
      </c>
      <c r="C27428" t="s">
        <v>16963</v>
      </c>
      <c r="D27428" t="s">
        <v>16964</v>
      </c>
      <c r="E27428" t="s">
        <v>16923</v>
      </c>
      <c r="F27428" t="s">
        <v>16924</v>
      </c>
      <c r="G27428" t="s">
        <v>16559</v>
      </c>
      <c r="H27428" t="s">
        <v>16560</v>
      </c>
      <c r="I27428" s="2">
        <v>1</v>
      </c>
      <c r="J27428" s="2">
        <v>0</v>
      </c>
      <c r="K27428" s="2">
        <v>0</v>
      </c>
      <c r="L27428" t="s">
        <v>120</v>
      </c>
      <c r="M27428" t="s">
        <v>89</v>
      </c>
      <c r="N27428" t="s">
        <v>90</v>
      </c>
      <c r="O27428" t="s">
        <v>85</v>
      </c>
      <c r="P27428" t="s">
        <v>86</v>
      </c>
      <c r="Q27428">
        <v>8</v>
      </c>
      <c r="R27428">
        <v>8</v>
      </c>
      <c r="S27428">
        <v>9</v>
      </c>
      <c r="T27428">
        <v>9</v>
      </c>
      <c r="U27428">
        <v>9</v>
      </c>
      <c r="V27428">
        <v>9</v>
      </c>
      <c r="W27428">
        <v>9</v>
      </c>
      <c r="X27428">
        <v>9</v>
      </c>
      <c r="Y27428">
        <v>9</v>
      </c>
      <c r="Z27428">
        <v>9</v>
      </c>
      <c r="AA27428">
        <v>9</v>
      </c>
      <c r="AB27428">
        <v>9</v>
      </c>
      <c r="AC27428">
        <v>9</v>
      </c>
      <c r="AD27428">
        <v>9</v>
      </c>
      <c r="AE27428">
        <v>9</v>
      </c>
      <c r="AF27428">
        <v>9</v>
      </c>
      <c r="AG27428">
        <v>9</v>
      </c>
      <c r="AH27428">
        <v>9</v>
      </c>
      <c r="AI27428">
        <v>9</v>
      </c>
      <c r="AJ27428">
        <v>9</v>
      </c>
      <c r="AK27428">
        <v>9</v>
      </c>
      <c r="AL27428">
        <v>9</v>
      </c>
      <c r="AM27428">
        <v>9</v>
      </c>
      <c r="AN27428">
        <v>9</v>
      </c>
      <c r="AO27428">
        <v>9</v>
      </c>
      <c r="AP27428">
        <v>9</v>
      </c>
      <c r="AQ27428">
        <v>9</v>
      </c>
    </row>
    <row r="27429" spans="1:43">
      <c r="A27429" t="s">
        <v>16973</v>
      </c>
      <c r="B27429" t="s">
        <v>16974</v>
      </c>
      <c r="C27429" t="s">
        <v>16963</v>
      </c>
      <c r="D27429" t="s">
        <v>16964</v>
      </c>
      <c r="E27429" t="s">
        <v>16923</v>
      </c>
      <c r="F27429" t="s">
        <v>16924</v>
      </c>
      <c r="G27429" t="s">
        <v>16559</v>
      </c>
      <c r="H27429" t="s">
        <v>16560</v>
      </c>
      <c r="I27429" s="2">
        <v>1</v>
      </c>
      <c r="J27429" s="2">
        <v>0</v>
      </c>
      <c r="K27429" s="2">
        <v>0</v>
      </c>
      <c r="L27429" t="s">
        <v>120</v>
      </c>
      <c r="M27429" t="s">
        <v>83</v>
      </c>
      <c r="N27429" t="s">
        <v>91</v>
      </c>
      <c r="O27429" t="s">
        <v>85</v>
      </c>
      <c r="P27429" t="s">
        <v>86</v>
      </c>
      <c r="Q27429">
        <v>8</v>
      </c>
      <c r="R27429">
        <v>8</v>
      </c>
      <c r="S27429">
        <v>8</v>
      </c>
      <c r="T27429">
        <v>8</v>
      </c>
      <c r="U27429">
        <v>8</v>
      </c>
      <c r="V27429">
        <v>8</v>
      </c>
      <c r="W27429">
        <v>8</v>
      </c>
      <c r="X27429">
        <v>9</v>
      </c>
      <c r="Y27429">
        <v>9</v>
      </c>
      <c r="Z27429">
        <v>9</v>
      </c>
      <c r="AA27429">
        <v>9</v>
      </c>
      <c r="AB27429">
        <v>9</v>
      </c>
      <c r="AC27429">
        <v>9</v>
      </c>
      <c r="AD27429">
        <v>9</v>
      </c>
      <c r="AE27429">
        <v>9</v>
      </c>
      <c r="AF27429">
        <v>9</v>
      </c>
      <c r="AG27429">
        <v>9</v>
      </c>
      <c r="AH27429">
        <v>9</v>
      </c>
      <c r="AI27429">
        <v>9</v>
      </c>
      <c r="AJ27429">
        <v>9</v>
      </c>
      <c r="AK27429">
        <v>9</v>
      </c>
      <c r="AL27429">
        <v>9</v>
      </c>
      <c r="AM27429">
        <v>9</v>
      </c>
      <c r="AN27429">
        <v>9</v>
      </c>
      <c r="AO27429">
        <v>9</v>
      </c>
      <c r="AP27429">
        <v>9</v>
      </c>
      <c r="AQ27429">
        <v>9</v>
      </c>
    </row>
    <row r="27430" spans="1:43">
      <c r="A27430" t="s">
        <v>16975</v>
      </c>
      <c r="B27430" t="s">
        <v>16976</v>
      </c>
      <c r="C27430" t="s">
        <v>16977</v>
      </c>
      <c r="D27430" t="s">
        <v>16978</v>
      </c>
      <c r="E27430" t="s">
        <v>16923</v>
      </c>
      <c r="F27430" t="s">
        <v>16924</v>
      </c>
      <c r="G27430" t="s">
        <v>16559</v>
      </c>
      <c r="H27430" t="s">
        <v>16560</v>
      </c>
      <c r="I27430" s="2">
        <v>1</v>
      </c>
      <c r="J27430" s="2">
        <v>0</v>
      </c>
      <c r="K27430" s="2">
        <v>0</v>
      </c>
      <c r="L27430" t="s">
        <v>120</v>
      </c>
      <c r="M27430" t="s">
        <v>83</v>
      </c>
      <c r="N27430" t="s">
        <v>84</v>
      </c>
      <c r="O27430" t="s">
        <v>85</v>
      </c>
      <c r="P27430" t="s">
        <v>86</v>
      </c>
      <c r="Q27430">
        <v>43</v>
      </c>
      <c r="R27430">
        <v>43</v>
      </c>
      <c r="S27430">
        <v>43</v>
      </c>
      <c r="T27430">
        <v>44</v>
      </c>
      <c r="U27430">
        <v>44</v>
      </c>
      <c r="V27430">
        <v>44</v>
      </c>
      <c r="W27430">
        <v>44</v>
      </c>
      <c r="X27430">
        <v>44</v>
      </c>
      <c r="Y27430">
        <v>44</v>
      </c>
      <c r="Z27430">
        <v>45</v>
      </c>
      <c r="AA27430">
        <v>45</v>
      </c>
      <c r="AB27430">
        <v>45</v>
      </c>
      <c r="AC27430">
        <v>45</v>
      </c>
      <c r="AD27430">
        <v>45</v>
      </c>
      <c r="AE27430">
        <v>45</v>
      </c>
      <c r="AF27430">
        <v>45</v>
      </c>
      <c r="AG27430">
        <v>45</v>
      </c>
      <c r="AH27430">
        <v>46</v>
      </c>
      <c r="AI27430">
        <v>46</v>
      </c>
      <c r="AJ27430">
        <v>46</v>
      </c>
      <c r="AK27430">
        <v>46</v>
      </c>
      <c r="AL27430">
        <v>46</v>
      </c>
      <c r="AM27430">
        <v>45</v>
      </c>
      <c r="AN27430">
        <v>45</v>
      </c>
      <c r="AO27430">
        <v>45</v>
      </c>
      <c r="AP27430">
        <v>44</v>
      </c>
      <c r="AQ27430">
        <v>44</v>
      </c>
    </row>
    <row r="27431" spans="1:43">
      <c r="A27431" t="s">
        <v>16975</v>
      </c>
      <c r="B27431" t="s">
        <v>16976</v>
      </c>
      <c r="C27431" t="s">
        <v>16977</v>
      </c>
      <c r="D27431" t="s">
        <v>16978</v>
      </c>
      <c r="E27431" t="s">
        <v>16923</v>
      </c>
      <c r="F27431" t="s">
        <v>16924</v>
      </c>
      <c r="G27431" t="s">
        <v>16559</v>
      </c>
      <c r="H27431" t="s">
        <v>16560</v>
      </c>
      <c r="I27431" s="2">
        <v>1</v>
      </c>
      <c r="J27431" s="2">
        <v>0</v>
      </c>
      <c r="K27431" s="2">
        <v>0</v>
      </c>
      <c r="L27431" t="s">
        <v>120</v>
      </c>
      <c r="M27431" t="s">
        <v>87</v>
      </c>
      <c r="N27431" t="s">
        <v>88</v>
      </c>
      <c r="O27431" t="s">
        <v>85</v>
      </c>
      <c r="P27431" t="s">
        <v>86</v>
      </c>
      <c r="Q27431">
        <v>43</v>
      </c>
      <c r="R27431">
        <v>42</v>
      </c>
      <c r="S27431">
        <v>42</v>
      </c>
      <c r="T27431">
        <v>42</v>
      </c>
      <c r="U27431">
        <v>42</v>
      </c>
      <c r="V27431">
        <v>42</v>
      </c>
      <c r="W27431">
        <v>41</v>
      </c>
      <c r="X27431">
        <v>41</v>
      </c>
      <c r="Y27431">
        <v>41</v>
      </c>
      <c r="Z27431">
        <v>41</v>
      </c>
      <c r="AA27431">
        <v>41</v>
      </c>
      <c r="AB27431">
        <v>41</v>
      </c>
      <c r="AC27431">
        <v>40</v>
      </c>
      <c r="AD27431">
        <v>40</v>
      </c>
      <c r="AE27431">
        <v>40</v>
      </c>
      <c r="AF27431">
        <v>40</v>
      </c>
      <c r="AG27431">
        <v>40</v>
      </c>
      <c r="AH27431">
        <v>40</v>
      </c>
      <c r="AI27431">
        <v>39</v>
      </c>
      <c r="AJ27431">
        <v>39</v>
      </c>
      <c r="AK27431">
        <v>39</v>
      </c>
      <c r="AL27431">
        <v>39</v>
      </c>
      <c r="AM27431">
        <v>39</v>
      </c>
      <c r="AN27431">
        <v>39</v>
      </c>
      <c r="AO27431">
        <v>38</v>
      </c>
      <c r="AP27431">
        <v>38</v>
      </c>
      <c r="AQ27431">
        <v>38</v>
      </c>
    </row>
    <row r="27432" spans="1:43">
      <c r="A27432" t="s">
        <v>16975</v>
      </c>
      <c r="B27432" t="s">
        <v>16976</v>
      </c>
      <c r="C27432" t="s">
        <v>16977</v>
      </c>
      <c r="D27432" t="s">
        <v>16978</v>
      </c>
      <c r="E27432" t="s">
        <v>16923</v>
      </c>
      <c r="F27432" t="s">
        <v>16924</v>
      </c>
      <c r="G27432" t="s">
        <v>16559</v>
      </c>
      <c r="H27432" t="s">
        <v>16560</v>
      </c>
      <c r="I27432" s="2">
        <v>1</v>
      </c>
      <c r="J27432" s="2">
        <v>0</v>
      </c>
      <c r="K27432" s="2">
        <v>0</v>
      </c>
      <c r="L27432" t="s">
        <v>120</v>
      </c>
      <c r="M27432" t="s">
        <v>89</v>
      </c>
      <c r="N27432" t="s">
        <v>90</v>
      </c>
      <c r="O27432" t="s">
        <v>85</v>
      </c>
      <c r="P27432" t="s">
        <v>86</v>
      </c>
      <c r="Q27432">
        <v>43</v>
      </c>
      <c r="R27432">
        <v>44</v>
      </c>
      <c r="S27432">
        <v>44</v>
      </c>
      <c r="T27432">
        <v>45</v>
      </c>
      <c r="U27432">
        <v>45</v>
      </c>
      <c r="V27432">
        <v>46</v>
      </c>
      <c r="W27432">
        <v>46</v>
      </c>
      <c r="X27432">
        <v>47</v>
      </c>
      <c r="Y27432">
        <v>47</v>
      </c>
      <c r="Z27432">
        <v>47</v>
      </c>
      <c r="AA27432">
        <v>48</v>
      </c>
      <c r="AB27432">
        <v>48</v>
      </c>
      <c r="AC27432">
        <v>48</v>
      </c>
      <c r="AD27432">
        <v>48</v>
      </c>
      <c r="AE27432">
        <v>49</v>
      </c>
      <c r="AF27432">
        <v>48</v>
      </c>
      <c r="AG27432">
        <v>48</v>
      </c>
      <c r="AH27432">
        <v>47</v>
      </c>
      <c r="AI27432">
        <v>47</v>
      </c>
      <c r="AJ27432">
        <v>47</v>
      </c>
      <c r="AK27432">
        <v>46</v>
      </c>
      <c r="AL27432">
        <v>46</v>
      </c>
      <c r="AM27432">
        <v>46</v>
      </c>
      <c r="AN27432">
        <v>46</v>
      </c>
      <c r="AO27432">
        <v>45</v>
      </c>
      <c r="AP27432">
        <v>45</v>
      </c>
      <c r="AQ27432">
        <v>45</v>
      </c>
    </row>
    <row r="27433" spans="1:43">
      <c r="A27433" t="s">
        <v>16975</v>
      </c>
      <c r="B27433" t="s">
        <v>16976</v>
      </c>
      <c r="C27433" t="s">
        <v>16977</v>
      </c>
      <c r="D27433" t="s">
        <v>16978</v>
      </c>
      <c r="E27433" t="s">
        <v>16923</v>
      </c>
      <c r="F27433" t="s">
        <v>16924</v>
      </c>
      <c r="G27433" t="s">
        <v>16559</v>
      </c>
      <c r="H27433" t="s">
        <v>16560</v>
      </c>
      <c r="I27433" s="2">
        <v>1</v>
      </c>
      <c r="J27433" s="2">
        <v>0</v>
      </c>
      <c r="K27433" s="2">
        <v>0</v>
      </c>
      <c r="L27433" t="s">
        <v>120</v>
      </c>
      <c r="M27433" t="s">
        <v>83</v>
      </c>
      <c r="N27433" t="s">
        <v>91</v>
      </c>
      <c r="O27433" t="s">
        <v>85</v>
      </c>
      <c r="P27433" t="s">
        <v>86</v>
      </c>
      <c r="Q27433">
        <v>43</v>
      </c>
      <c r="R27433">
        <v>43</v>
      </c>
      <c r="S27433">
        <v>43</v>
      </c>
      <c r="T27433">
        <v>44</v>
      </c>
      <c r="U27433">
        <v>44</v>
      </c>
      <c r="V27433">
        <v>44</v>
      </c>
      <c r="W27433">
        <v>44</v>
      </c>
      <c r="X27433">
        <v>44</v>
      </c>
      <c r="Y27433">
        <v>44</v>
      </c>
      <c r="Z27433">
        <v>45</v>
      </c>
      <c r="AA27433">
        <v>45</v>
      </c>
      <c r="AB27433">
        <v>45</v>
      </c>
      <c r="AC27433">
        <v>45</v>
      </c>
      <c r="AD27433">
        <v>45</v>
      </c>
      <c r="AE27433">
        <v>45</v>
      </c>
      <c r="AF27433">
        <v>45</v>
      </c>
      <c r="AG27433">
        <v>45</v>
      </c>
      <c r="AH27433">
        <v>46</v>
      </c>
      <c r="AI27433">
        <v>46</v>
      </c>
      <c r="AJ27433">
        <v>46</v>
      </c>
      <c r="AK27433">
        <v>46</v>
      </c>
      <c r="AL27433">
        <v>46</v>
      </c>
      <c r="AM27433">
        <v>45</v>
      </c>
      <c r="AN27433">
        <v>45</v>
      </c>
      <c r="AO27433">
        <v>45</v>
      </c>
      <c r="AP27433">
        <v>44</v>
      </c>
      <c r="AQ27433">
        <v>44</v>
      </c>
    </row>
    <row r="27434" spans="1:43">
      <c r="A27434" t="s">
        <v>16979</v>
      </c>
      <c r="B27434" t="s">
        <v>16980</v>
      </c>
      <c r="C27434" t="s">
        <v>16953</v>
      </c>
      <c r="D27434" t="s">
        <v>16954</v>
      </c>
      <c r="E27434" t="s">
        <v>16923</v>
      </c>
      <c r="F27434" t="s">
        <v>16924</v>
      </c>
      <c r="G27434" t="s">
        <v>16559</v>
      </c>
      <c r="H27434" t="s">
        <v>16560</v>
      </c>
      <c r="I27434" s="2">
        <v>1</v>
      </c>
      <c r="J27434" s="2">
        <v>0</v>
      </c>
      <c r="K27434" s="2">
        <v>0</v>
      </c>
      <c r="L27434" t="s">
        <v>120</v>
      </c>
      <c r="M27434" t="s">
        <v>83</v>
      </c>
      <c r="N27434" t="s">
        <v>84</v>
      </c>
      <c r="O27434" t="s">
        <v>85</v>
      </c>
      <c r="P27434" t="s">
        <v>86</v>
      </c>
      <c r="Q27434">
        <v>27</v>
      </c>
      <c r="R27434">
        <v>27</v>
      </c>
      <c r="S27434">
        <v>28</v>
      </c>
      <c r="T27434">
        <v>28</v>
      </c>
      <c r="U27434">
        <v>28</v>
      </c>
      <c r="V27434">
        <v>28</v>
      </c>
      <c r="W27434">
        <v>28</v>
      </c>
      <c r="X27434">
        <v>28</v>
      </c>
      <c r="Y27434">
        <v>28</v>
      </c>
      <c r="Z27434">
        <v>28</v>
      </c>
      <c r="AA27434">
        <v>29</v>
      </c>
      <c r="AB27434">
        <v>29</v>
      </c>
      <c r="AC27434">
        <v>29</v>
      </c>
      <c r="AD27434">
        <v>29</v>
      </c>
      <c r="AE27434">
        <v>29</v>
      </c>
      <c r="AF27434">
        <v>29</v>
      </c>
      <c r="AG27434">
        <v>29</v>
      </c>
      <c r="AH27434">
        <v>29</v>
      </c>
      <c r="AI27434">
        <v>29</v>
      </c>
      <c r="AJ27434">
        <v>29</v>
      </c>
      <c r="AK27434">
        <v>30</v>
      </c>
      <c r="AL27434">
        <v>29</v>
      </c>
      <c r="AM27434">
        <v>29</v>
      </c>
      <c r="AN27434">
        <v>29</v>
      </c>
      <c r="AO27434">
        <v>29</v>
      </c>
      <c r="AP27434">
        <v>29</v>
      </c>
      <c r="AQ27434">
        <v>29</v>
      </c>
    </row>
    <row r="27435" spans="1:43">
      <c r="A27435" t="s">
        <v>16979</v>
      </c>
      <c r="B27435" t="s">
        <v>16980</v>
      </c>
      <c r="C27435" t="s">
        <v>16953</v>
      </c>
      <c r="D27435" t="s">
        <v>16954</v>
      </c>
      <c r="E27435" t="s">
        <v>16923</v>
      </c>
      <c r="F27435" t="s">
        <v>16924</v>
      </c>
      <c r="G27435" t="s">
        <v>16559</v>
      </c>
      <c r="H27435" t="s">
        <v>16560</v>
      </c>
      <c r="I27435" s="2">
        <v>1</v>
      </c>
      <c r="J27435" s="2">
        <v>0</v>
      </c>
      <c r="K27435" s="2">
        <v>0</v>
      </c>
      <c r="L27435" t="s">
        <v>120</v>
      </c>
      <c r="M27435" t="s">
        <v>87</v>
      </c>
      <c r="N27435" t="s">
        <v>88</v>
      </c>
      <c r="O27435" t="s">
        <v>85</v>
      </c>
      <c r="P27435" t="s">
        <v>86</v>
      </c>
      <c r="Q27435">
        <v>27</v>
      </c>
      <c r="R27435">
        <v>27</v>
      </c>
      <c r="S27435">
        <v>27</v>
      </c>
      <c r="T27435">
        <v>27</v>
      </c>
      <c r="U27435">
        <v>27</v>
      </c>
      <c r="V27435">
        <v>27</v>
      </c>
      <c r="W27435">
        <v>26</v>
      </c>
      <c r="X27435">
        <v>26</v>
      </c>
      <c r="Y27435">
        <v>26</v>
      </c>
      <c r="Z27435">
        <v>26</v>
      </c>
      <c r="AA27435">
        <v>26</v>
      </c>
      <c r="AB27435">
        <v>26</v>
      </c>
      <c r="AC27435">
        <v>26</v>
      </c>
      <c r="AD27435">
        <v>26</v>
      </c>
      <c r="AE27435">
        <v>26</v>
      </c>
      <c r="AF27435">
        <v>26</v>
      </c>
      <c r="AG27435">
        <v>25</v>
      </c>
      <c r="AH27435">
        <v>25</v>
      </c>
      <c r="AI27435">
        <v>25</v>
      </c>
      <c r="AJ27435">
        <v>25</v>
      </c>
      <c r="AK27435">
        <v>25</v>
      </c>
      <c r="AL27435">
        <v>25</v>
      </c>
      <c r="AM27435">
        <v>25</v>
      </c>
      <c r="AN27435">
        <v>25</v>
      </c>
      <c r="AO27435">
        <v>25</v>
      </c>
      <c r="AP27435">
        <v>25</v>
      </c>
      <c r="AQ27435">
        <v>25</v>
      </c>
    </row>
    <row r="27436" spans="1:43">
      <c r="A27436" t="s">
        <v>16979</v>
      </c>
      <c r="B27436" t="s">
        <v>16980</v>
      </c>
      <c r="C27436" t="s">
        <v>16953</v>
      </c>
      <c r="D27436" t="s">
        <v>16954</v>
      </c>
      <c r="E27436" t="s">
        <v>16923</v>
      </c>
      <c r="F27436" t="s">
        <v>16924</v>
      </c>
      <c r="G27436" t="s">
        <v>16559</v>
      </c>
      <c r="H27436" t="s">
        <v>16560</v>
      </c>
      <c r="I27436" s="2">
        <v>1</v>
      </c>
      <c r="J27436" s="2">
        <v>0</v>
      </c>
      <c r="K27436" s="2">
        <v>0</v>
      </c>
      <c r="L27436" t="s">
        <v>120</v>
      </c>
      <c r="M27436" t="s">
        <v>89</v>
      </c>
      <c r="N27436" t="s">
        <v>90</v>
      </c>
      <c r="O27436" t="s">
        <v>85</v>
      </c>
      <c r="P27436" t="s">
        <v>86</v>
      </c>
      <c r="Q27436">
        <v>27</v>
      </c>
      <c r="R27436">
        <v>27</v>
      </c>
      <c r="S27436">
        <v>27</v>
      </c>
      <c r="T27436">
        <v>28</v>
      </c>
      <c r="U27436">
        <v>28</v>
      </c>
      <c r="V27436">
        <v>28</v>
      </c>
      <c r="W27436">
        <v>29</v>
      </c>
      <c r="X27436">
        <v>29</v>
      </c>
      <c r="Y27436">
        <v>29</v>
      </c>
      <c r="Z27436">
        <v>29</v>
      </c>
      <c r="AA27436">
        <v>29</v>
      </c>
      <c r="AB27436">
        <v>30</v>
      </c>
      <c r="AC27436">
        <v>30</v>
      </c>
      <c r="AD27436">
        <v>30</v>
      </c>
      <c r="AE27436">
        <v>30</v>
      </c>
      <c r="AF27436">
        <v>30</v>
      </c>
      <c r="AG27436">
        <v>30</v>
      </c>
      <c r="AH27436">
        <v>30</v>
      </c>
      <c r="AI27436">
        <v>29</v>
      </c>
      <c r="AJ27436">
        <v>29</v>
      </c>
      <c r="AK27436">
        <v>29</v>
      </c>
      <c r="AL27436">
        <v>29</v>
      </c>
      <c r="AM27436">
        <v>29</v>
      </c>
      <c r="AN27436">
        <v>28</v>
      </c>
      <c r="AO27436">
        <v>28</v>
      </c>
      <c r="AP27436">
        <v>28</v>
      </c>
      <c r="AQ27436">
        <v>28</v>
      </c>
    </row>
    <row r="27437" spans="1:43">
      <c r="A27437" t="s">
        <v>16979</v>
      </c>
      <c r="B27437" t="s">
        <v>16980</v>
      </c>
      <c r="C27437" t="s">
        <v>16953</v>
      </c>
      <c r="D27437" t="s">
        <v>16954</v>
      </c>
      <c r="E27437" t="s">
        <v>16923</v>
      </c>
      <c r="F27437" t="s">
        <v>16924</v>
      </c>
      <c r="G27437" t="s">
        <v>16559</v>
      </c>
      <c r="H27437" t="s">
        <v>16560</v>
      </c>
      <c r="I27437" s="2">
        <v>1</v>
      </c>
      <c r="J27437" s="2">
        <v>0</v>
      </c>
      <c r="K27437" s="2">
        <v>0</v>
      </c>
      <c r="L27437" t="s">
        <v>120</v>
      </c>
      <c r="M27437" t="s">
        <v>83</v>
      </c>
      <c r="N27437" t="s">
        <v>91</v>
      </c>
      <c r="O27437" t="s">
        <v>85</v>
      </c>
      <c r="P27437" t="s">
        <v>86</v>
      </c>
      <c r="Q27437">
        <v>27</v>
      </c>
      <c r="R27437">
        <v>27</v>
      </c>
      <c r="S27437">
        <v>28</v>
      </c>
      <c r="T27437">
        <v>28</v>
      </c>
      <c r="U27437">
        <v>28</v>
      </c>
      <c r="V27437">
        <v>28</v>
      </c>
      <c r="W27437">
        <v>28</v>
      </c>
      <c r="X27437">
        <v>28</v>
      </c>
      <c r="Y27437">
        <v>28</v>
      </c>
      <c r="Z27437">
        <v>28</v>
      </c>
      <c r="AA27437">
        <v>29</v>
      </c>
      <c r="AB27437">
        <v>29</v>
      </c>
      <c r="AC27437">
        <v>29</v>
      </c>
      <c r="AD27437">
        <v>29</v>
      </c>
      <c r="AE27437">
        <v>29</v>
      </c>
      <c r="AF27437">
        <v>29</v>
      </c>
      <c r="AG27437">
        <v>29</v>
      </c>
      <c r="AH27437">
        <v>29</v>
      </c>
      <c r="AI27437">
        <v>29</v>
      </c>
      <c r="AJ27437">
        <v>29</v>
      </c>
      <c r="AK27437">
        <v>30</v>
      </c>
      <c r="AL27437">
        <v>29</v>
      </c>
      <c r="AM27437">
        <v>29</v>
      </c>
      <c r="AN27437">
        <v>29</v>
      </c>
      <c r="AO27437">
        <v>29</v>
      </c>
      <c r="AP27437">
        <v>29</v>
      </c>
      <c r="AQ27437">
        <v>29</v>
      </c>
    </row>
    <row r="27438" spans="1:43">
      <c r="A27438" t="s">
        <v>16981</v>
      </c>
      <c r="B27438" t="s">
        <v>16982</v>
      </c>
      <c r="C27438" t="s">
        <v>16977</v>
      </c>
      <c r="D27438" t="s">
        <v>16978</v>
      </c>
      <c r="E27438" t="s">
        <v>16923</v>
      </c>
      <c r="F27438" t="s">
        <v>16924</v>
      </c>
      <c r="G27438" t="s">
        <v>16559</v>
      </c>
      <c r="H27438" t="s">
        <v>16560</v>
      </c>
      <c r="I27438" s="2">
        <v>1</v>
      </c>
      <c r="J27438" s="2">
        <v>0</v>
      </c>
      <c r="K27438" s="2">
        <v>0</v>
      </c>
      <c r="L27438" t="s">
        <v>120</v>
      </c>
      <c r="M27438" t="s">
        <v>83</v>
      </c>
      <c r="N27438" t="s">
        <v>84</v>
      </c>
      <c r="O27438" t="s">
        <v>85</v>
      </c>
      <c r="P27438" t="s">
        <v>86</v>
      </c>
      <c r="Q27438">
        <v>42</v>
      </c>
      <c r="R27438">
        <v>42</v>
      </c>
      <c r="S27438">
        <v>43</v>
      </c>
      <c r="T27438">
        <v>43</v>
      </c>
      <c r="U27438">
        <v>43</v>
      </c>
      <c r="V27438">
        <v>43</v>
      </c>
      <c r="W27438">
        <v>44</v>
      </c>
      <c r="X27438">
        <v>44</v>
      </c>
      <c r="Y27438">
        <v>44</v>
      </c>
      <c r="Z27438">
        <v>44</v>
      </c>
      <c r="AA27438">
        <v>44</v>
      </c>
      <c r="AB27438">
        <v>45</v>
      </c>
      <c r="AC27438">
        <v>45</v>
      </c>
      <c r="AD27438">
        <v>45</v>
      </c>
      <c r="AE27438">
        <v>45</v>
      </c>
      <c r="AF27438">
        <v>45</v>
      </c>
      <c r="AG27438">
        <v>46</v>
      </c>
      <c r="AH27438">
        <v>46</v>
      </c>
      <c r="AI27438">
        <v>46</v>
      </c>
      <c r="AJ27438">
        <v>46</v>
      </c>
      <c r="AK27438">
        <v>46</v>
      </c>
      <c r="AL27438">
        <v>46</v>
      </c>
      <c r="AM27438">
        <v>46</v>
      </c>
      <c r="AN27438">
        <v>46</v>
      </c>
      <c r="AO27438">
        <v>46</v>
      </c>
      <c r="AP27438">
        <v>45</v>
      </c>
      <c r="AQ27438">
        <v>45</v>
      </c>
    </row>
    <row r="27439" spans="1:43">
      <c r="A27439" t="s">
        <v>16981</v>
      </c>
      <c r="B27439" t="s">
        <v>16982</v>
      </c>
      <c r="C27439" t="s">
        <v>16977</v>
      </c>
      <c r="D27439" t="s">
        <v>16978</v>
      </c>
      <c r="E27439" t="s">
        <v>16923</v>
      </c>
      <c r="F27439" t="s">
        <v>16924</v>
      </c>
      <c r="G27439" t="s">
        <v>16559</v>
      </c>
      <c r="H27439" t="s">
        <v>16560</v>
      </c>
      <c r="I27439" s="2">
        <v>1</v>
      </c>
      <c r="J27439" s="2">
        <v>0</v>
      </c>
      <c r="K27439" s="2">
        <v>0</v>
      </c>
      <c r="L27439" t="s">
        <v>120</v>
      </c>
      <c r="M27439" t="s">
        <v>87</v>
      </c>
      <c r="N27439" t="s">
        <v>88</v>
      </c>
      <c r="O27439" t="s">
        <v>85</v>
      </c>
      <c r="P27439" t="s">
        <v>86</v>
      </c>
      <c r="Q27439">
        <v>42</v>
      </c>
      <c r="R27439">
        <v>42</v>
      </c>
      <c r="S27439">
        <v>41</v>
      </c>
      <c r="T27439">
        <v>41</v>
      </c>
      <c r="U27439">
        <v>41</v>
      </c>
      <c r="V27439">
        <v>41</v>
      </c>
      <c r="W27439">
        <v>41</v>
      </c>
      <c r="X27439">
        <v>41</v>
      </c>
      <c r="Y27439">
        <v>41</v>
      </c>
      <c r="Z27439">
        <v>41</v>
      </c>
      <c r="AA27439">
        <v>41</v>
      </c>
      <c r="AB27439">
        <v>40</v>
      </c>
      <c r="AC27439">
        <v>40</v>
      </c>
      <c r="AD27439">
        <v>40</v>
      </c>
      <c r="AE27439">
        <v>40</v>
      </c>
      <c r="AF27439">
        <v>40</v>
      </c>
      <c r="AG27439">
        <v>40</v>
      </c>
      <c r="AH27439">
        <v>40</v>
      </c>
      <c r="AI27439">
        <v>40</v>
      </c>
      <c r="AJ27439">
        <v>40</v>
      </c>
      <c r="AK27439">
        <v>40</v>
      </c>
      <c r="AL27439">
        <v>40</v>
      </c>
      <c r="AM27439">
        <v>39</v>
      </c>
      <c r="AN27439">
        <v>39</v>
      </c>
      <c r="AO27439">
        <v>39</v>
      </c>
      <c r="AP27439">
        <v>39</v>
      </c>
      <c r="AQ27439">
        <v>39</v>
      </c>
    </row>
    <row r="27440" spans="1:43">
      <c r="A27440" t="s">
        <v>16981</v>
      </c>
      <c r="B27440" t="s">
        <v>16982</v>
      </c>
      <c r="C27440" t="s">
        <v>16977</v>
      </c>
      <c r="D27440" t="s">
        <v>16978</v>
      </c>
      <c r="E27440" t="s">
        <v>16923</v>
      </c>
      <c r="F27440" t="s">
        <v>16924</v>
      </c>
      <c r="G27440" t="s">
        <v>16559</v>
      </c>
      <c r="H27440" t="s">
        <v>16560</v>
      </c>
      <c r="I27440" s="2">
        <v>1</v>
      </c>
      <c r="J27440" s="2">
        <v>0</v>
      </c>
      <c r="K27440" s="2">
        <v>0</v>
      </c>
      <c r="L27440" t="s">
        <v>120</v>
      </c>
      <c r="M27440" t="s">
        <v>89</v>
      </c>
      <c r="N27440" t="s">
        <v>90</v>
      </c>
      <c r="O27440" t="s">
        <v>85</v>
      </c>
      <c r="P27440" t="s">
        <v>86</v>
      </c>
      <c r="Q27440">
        <v>42</v>
      </c>
      <c r="R27440">
        <v>43</v>
      </c>
      <c r="S27440">
        <v>44</v>
      </c>
      <c r="T27440">
        <v>44</v>
      </c>
      <c r="U27440">
        <v>45</v>
      </c>
      <c r="V27440">
        <v>45</v>
      </c>
      <c r="W27440">
        <v>46</v>
      </c>
      <c r="X27440">
        <v>46</v>
      </c>
      <c r="Y27440">
        <v>47</v>
      </c>
      <c r="Z27440">
        <v>47</v>
      </c>
      <c r="AA27440">
        <v>47</v>
      </c>
      <c r="AB27440">
        <v>48</v>
      </c>
      <c r="AC27440">
        <v>48</v>
      </c>
      <c r="AD27440">
        <v>48</v>
      </c>
      <c r="AE27440">
        <v>48</v>
      </c>
      <c r="AF27440">
        <v>48</v>
      </c>
      <c r="AG27440">
        <v>48</v>
      </c>
      <c r="AH27440">
        <v>48</v>
      </c>
      <c r="AI27440">
        <v>48</v>
      </c>
      <c r="AJ27440">
        <v>47</v>
      </c>
      <c r="AK27440">
        <v>47</v>
      </c>
      <c r="AL27440">
        <v>47</v>
      </c>
      <c r="AM27440">
        <v>47</v>
      </c>
      <c r="AN27440">
        <v>46</v>
      </c>
      <c r="AO27440">
        <v>46</v>
      </c>
      <c r="AP27440">
        <v>46</v>
      </c>
      <c r="AQ27440">
        <v>46</v>
      </c>
    </row>
    <row r="27441" spans="1:43">
      <c r="A27441" t="s">
        <v>16981</v>
      </c>
      <c r="B27441" t="s">
        <v>16982</v>
      </c>
      <c r="C27441" t="s">
        <v>16977</v>
      </c>
      <c r="D27441" t="s">
        <v>16978</v>
      </c>
      <c r="E27441" t="s">
        <v>16923</v>
      </c>
      <c r="F27441" t="s">
        <v>16924</v>
      </c>
      <c r="G27441" t="s">
        <v>16559</v>
      </c>
      <c r="H27441" t="s">
        <v>16560</v>
      </c>
      <c r="I27441" s="2">
        <v>1</v>
      </c>
      <c r="J27441" s="2">
        <v>0</v>
      </c>
      <c r="K27441" s="2">
        <v>0</v>
      </c>
      <c r="L27441" t="s">
        <v>120</v>
      </c>
      <c r="M27441" t="s">
        <v>83</v>
      </c>
      <c r="N27441" t="s">
        <v>91</v>
      </c>
      <c r="O27441" t="s">
        <v>85</v>
      </c>
      <c r="P27441" t="s">
        <v>86</v>
      </c>
      <c r="Q27441">
        <v>42</v>
      </c>
      <c r="R27441">
        <v>42</v>
      </c>
      <c r="S27441">
        <v>43</v>
      </c>
      <c r="T27441">
        <v>43</v>
      </c>
      <c r="U27441">
        <v>43</v>
      </c>
      <c r="V27441">
        <v>43</v>
      </c>
      <c r="W27441">
        <v>44</v>
      </c>
      <c r="X27441">
        <v>44</v>
      </c>
      <c r="Y27441">
        <v>44</v>
      </c>
      <c r="Z27441">
        <v>44</v>
      </c>
      <c r="AA27441">
        <v>44</v>
      </c>
      <c r="AB27441">
        <v>45</v>
      </c>
      <c r="AC27441">
        <v>45</v>
      </c>
      <c r="AD27441">
        <v>45</v>
      </c>
      <c r="AE27441">
        <v>45</v>
      </c>
      <c r="AF27441">
        <v>45</v>
      </c>
      <c r="AG27441">
        <v>46</v>
      </c>
      <c r="AH27441">
        <v>46</v>
      </c>
      <c r="AI27441">
        <v>46</v>
      </c>
      <c r="AJ27441">
        <v>46</v>
      </c>
      <c r="AK27441">
        <v>46</v>
      </c>
      <c r="AL27441">
        <v>46</v>
      </c>
      <c r="AM27441">
        <v>46</v>
      </c>
      <c r="AN27441">
        <v>46</v>
      </c>
      <c r="AO27441">
        <v>46</v>
      </c>
      <c r="AP27441">
        <v>45</v>
      </c>
      <c r="AQ27441">
        <v>45</v>
      </c>
    </row>
    <row r="27442" spans="1:43">
      <c r="A27442" t="s">
        <v>16983</v>
      </c>
      <c r="B27442" t="s">
        <v>16984</v>
      </c>
      <c r="C27442" t="s">
        <v>16977</v>
      </c>
      <c r="D27442" t="s">
        <v>16978</v>
      </c>
      <c r="E27442" t="s">
        <v>16923</v>
      </c>
      <c r="F27442" t="s">
        <v>16924</v>
      </c>
      <c r="G27442" t="s">
        <v>16559</v>
      </c>
      <c r="H27442" t="s">
        <v>16560</v>
      </c>
      <c r="I27442" s="2">
        <v>1</v>
      </c>
      <c r="J27442" s="2">
        <v>0</v>
      </c>
      <c r="K27442" s="2">
        <v>0</v>
      </c>
      <c r="L27442" t="s">
        <v>120</v>
      </c>
      <c r="M27442" t="s">
        <v>83</v>
      </c>
      <c r="N27442" t="s">
        <v>84</v>
      </c>
      <c r="O27442" t="s">
        <v>85</v>
      </c>
      <c r="P27442" t="s">
        <v>86</v>
      </c>
      <c r="Q27442">
        <v>50</v>
      </c>
      <c r="R27442">
        <v>50</v>
      </c>
      <c r="S27442">
        <v>51</v>
      </c>
      <c r="T27442">
        <v>51</v>
      </c>
      <c r="U27442">
        <v>51</v>
      </c>
      <c r="V27442">
        <v>52</v>
      </c>
      <c r="W27442">
        <v>52</v>
      </c>
      <c r="X27442">
        <v>52</v>
      </c>
      <c r="Y27442">
        <v>53</v>
      </c>
      <c r="Z27442">
        <v>53</v>
      </c>
      <c r="AA27442">
        <v>53</v>
      </c>
      <c r="AB27442">
        <v>53</v>
      </c>
      <c r="AC27442">
        <v>54</v>
      </c>
      <c r="AD27442">
        <v>54</v>
      </c>
      <c r="AE27442">
        <v>54</v>
      </c>
      <c r="AF27442">
        <v>54</v>
      </c>
      <c r="AG27442">
        <v>54</v>
      </c>
      <c r="AH27442">
        <v>55</v>
      </c>
      <c r="AI27442">
        <v>55</v>
      </c>
      <c r="AJ27442">
        <v>55</v>
      </c>
      <c r="AK27442">
        <v>55</v>
      </c>
      <c r="AL27442">
        <v>55</v>
      </c>
      <c r="AM27442">
        <v>55</v>
      </c>
      <c r="AN27442">
        <v>55</v>
      </c>
      <c r="AO27442">
        <v>55</v>
      </c>
      <c r="AP27442">
        <v>54</v>
      </c>
      <c r="AQ27442">
        <v>54</v>
      </c>
    </row>
    <row r="27443" spans="1:43">
      <c r="A27443" t="s">
        <v>16983</v>
      </c>
      <c r="B27443" t="s">
        <v>16984</v>
      </c>
      <c r="C27443" t="s">
        <v>16977</v>
      </c>
      <c r="D27443" t="s">
        <v>16978</v>
      </c>
      <c r="E27443" t="s">
        <v>16923</v>
      </c>
      <c r="F27443" t="s">
        <v>16924</v>
      </c>
      <c r="G27443" t="s">
        <v>16559</v>
      </c>
      <c r="H27443" t="s">
        <v>16560</v>
      </c>
      <c r="I27443" s="2">
        <v>1</v>
      </c>
      <c r="J27443" s="2">
        <v>0</v>
      </c>
      <c r="K27443" s="2">
        <v>0</v>
      </c>
      <c r="L27443" t="s">
        <v>120</v>
      </c>
      <c r="M27443" t="s">
        <v>87</v>
      </c>
      <c r="N27443" t="s">
        <v>88</v>
      </c>
      <c r="O27443" t="s">
        <v>85</v>
      </c>
      <c r="P27443" t="s">
        <v>86</v>
      </c>
      <c r="Q27443">
        <v>50</v>
      </c>
      <c r="R27443">
        <v>49</v>
      </c>
      <c r="S27443">
        <v>49</v>
      </c>
      <c r="T27443">
        <v>49</v>
      </c>
      <c r="U27443">
        <v>49</v>
      </c>
      <c r="V27443">
        <v>49</v>
      </c>
      <c r="W27443">
        <v>49</v>
      </c>
      <c r="X27443">
        <v>49</v>
      </c>
      <c r="Y27443">
        <v>49</v>
      </c>
      <c r="Z27443">
        <v>48</v>
      </c>
      <c r="AA27443">
        <v>48</v>
      </c>
      <c r="AB27443">
        <v>48</v>
      </c>
      <c r="AC27443">
        <v>48</v>
      </c>
      <c r="AD27443">
        <v>48</v>
      </c>
      <c r="AE27443">
        <v>48</v>
      </c>
      <c r="AF27443">
        <v>48</v>
      </c>
      <c r="AG27443">
        <v>48</v>
      </c>
      <c r="AH27443">
        <v>48</v>
      </c>
      <c r="AI27443">
        <v>48</v>
      </c>
      <c r="AJ27443">
        <v>47</v>
      </c>
      <c r="AK27443">
        <v>47</v>
      </c>
      <c r="AL27443">
        <v>47</v>
      </c>
      <c r="AM27443">
        <v>47</v>
      </c>
      <c r="AN27443">
        <v>47</v>
      </c>
      <c r="AO27443">
        <v>47</v>
      </c>
      <c r="AP27443">
        <v>47</v>
      </c>
      <c r="AQ27443">
        <v>47</v>
      </c>
    </row>
    <row r="27444" spans="1:43">
      <c r="A27444" t="s">
        <v>16983</v>
      </c>
      <c r="B27444" t="s">
        <v>16984</v>
      </c>
      <c r="C27444" t="s">
        <v>16977</v>
      </c>
      <c r="D27444" t="s">
        <v>16978</v>
      </c>
      <c r="E27444" t="s">
        <v>16923</v>
      </c>
      <c r="F27444" t="s">
        <v>16924</v>
      </c>
      <c r="G27444" t="s">
        <v>16559</v>
      </c>
      <c r="H27444" t="s">
        <v>16560</v>
      </c>
      <c r="I27444" s="2">
        <v>1</v>
      </c>
      <c r="J27444" s="2">
        <v>0</v>
      </c>
      <c r="K27444" s="2">
        <v>0</v>
      </c>
      <c r="L27444" t="s">
        <v>120</v>
      </c>
      <c r="M27444" t="s">
        <v>89</v>
      </c>
      <c r="N27444" t="s">
        <v>90</v>
      </c>
      <c r="O27444" t="s">
        <v>85</v>
      </c>
      <c r="P27444" t="s">
        <v>86</v>
      </c>
      <c r="Q27444">
        <v>50</v>
      </c>
      <c r="R27444">
        <v>51</v>
      </c>
      <c r="S27444">
        <v>52</v>
      </c>
      <c r="T27444">
        <v>53</v>
      </c>
      <c r="U27444">
        <v>53</v>
      </c>
      <c r="V27444">
        <v>54</v>
      </c>
      <c r="W27444">
        <v>54</v>
      </c>
      <c r="X27444">
        <v>55</v>
      </c>
      <c r="Y27444">
        <v>56</v>
      </c>
      <c r="Z27444">
        <v>56</v>
      </c>
      <c r="AA27444">
        <v>56</v>
      </c>
      <c r="AB27444">
        <v>57</v>
      </c>
      <c r="AC27444">
        <v>57</v>
      </c>
      <c r="AD27444">
        <v>58</v>
      </c>
      <c r="AE27444">
        <v>58</v>
      </c>
      <c r="AF27444">
        <v>58</v>
      </c>
      <c r="AG27444">
        <v>57</v>
      </c>
      <c r="AH27444">
        <v>57</v>
      </c>
      <c r="AI27444">
        <v>57</v>
      </c>
      <c r="AJ27444">
        <v>57</v>
      </c>
      <c r="AK27444">
        <v>56</v>
      </c>
      <c r="AL27444">
        <v>56</v>
      </c>
      <c r="AM27444">
        <v>56</v>
      </c>
      <c r="AN27444">
        <v>56</v>
      </c>
      <c r="AO27444">
        <v>55</v>
      </c>
      <c r="AP27444">
        <v>55</v>
      </c>
      <c r="AQ27444">
        <v>55</v>
      </c>
    </row>
    <row r="27445" spans="1:43">
      <c r="A27445" t="s">
        <v>16983</v>
      </c>
      <c r="B27445" t="s">
        <v>16984</v>
      </c>
      <c r="C27445" t="s">
        <v>16977</v>
      </c>
      <c r="D27445" t="s">
        <v>16978</v>
      </c>
      <c r="E27445" t="s">
        <v>16923</v>
      </c>
      <c r="F27445" t="s">
        <v>16924</v>
      </c>
      <c r="G27445" t="s">
        <v>16559</v>
      </c>
      <c r="H27445" t="s">
        <v>16560</v>
      </c>
      <c r="I27445" s="2">
        <v>1</v>
      </c>
      <c r="J27445" s="2">
        <v>0</v>
      </c>
      <c r="K27445" s="2">
        <v>0</v>
      </c>
      <c r="L27445" t="s">
        <v>120</v>
      </c>
      <c r="M27445" t="s">
        <v>83</v>
      </c>
      <c r="N27445" t="s">
        <v>91</v>
      </c>
      <c r="O27445" t="s">
        <v>85</v>
      </c>
      <c r="P27445" t="s">
        <v>86</v>
      </c>
      <c r="Q27445">
        <v>50</v>
      </c>
      <c r="R27445">
        <v>50</v>
      </c>
      <c r="S27445">
        <v>51</v>
      </c>
      <c r="T27445">
        <v>51</v>
      </c>
      <c r="U27445">
        <v>51</v>
      </c>
      <c r="V27445">
        <v>52</v>
      </c>
      <c r="W27445">
        <v>52</v>
      </c>
      <c r="X27445">
        <v>52</v>
      </c>
      <c r="Y27445">
        <v>53</v>
      </c>
      <c r="Z27445">
        <v>53</v>
      </c>
      <c r="AA27445">
        <v>53</v>
      </c>
      <c r="AB27445">
        <v>53</v>
      </c>
      <c r="AC27445">
        <v>54</v>
      </c>
      <c r="AD27445">
        <v>54</v>
      </c>
      <c r="AE27445">
        <v>54</v>
      </c>
      <c r="AF27445">
        <v>54</v>
      </c>
      <c r="AG27445">
        <v>54</v>
      </c>
      <c r="AH27445">
        <v>55</v>
      </c>
      <c r="AI27445">
        <v>55</v>
      </c>
      <c r="AJ27445">
        <v>55</v>
      </c>
      <c r="AK27445">
        <v>55</v>
      </c>
      <c r="AL27445">
        <v>55</v>
      </c>
      <c r="AM27445">
        <v>55</v>
      </c>
      <c r="AN27445">
        <v>55</v>
      </c>
      <c r="AO27445">
        <v>55</v>
      </c>
      <c r="AP27445">
        <v>54</v>
      </c>
      <c r="AQ27445">
        <v>54</v>
      </c>
    </row>
    <row r="27446" spans="1:43">
      <c r="A27446" t="s">
        <v>16985</v>
      </c>
      <c r="B27446" t="s">
        <v>16986</v>
      </c>
      <c r="C27446" t="s">
        <v>16987</v>
      </c>
      <c r="D27446" t="s">
        <v>16988</v>
      </c>
      <c r="E27446" t="s">
        <v>16923</v>
      </c>
      <c r="F27446" t="s">
        <v>16924</v>
      </c>
      <c r="G27446" t="s">
        <v>16559</v>
      </c>
      <c r="H27446" t="s">
        <v>16560</v>
      </c>
      <c r="I27446" s="2">
        <v>1</v>
      </c>
      <c r="J27446" s="2">
        <v>0</v>
      </c>
      <c r="K27446" s="2">
        <v>0</v>
      </c>
      <c r="L27446" t="s">
        <v>120</v>
      </c>
      <c r="M27446" t="s">
        <v>83</v>
      </c>
      <c r="N27446" t="s">
        <v>84</v>
      </c>
      <c r="O27446" t="s">
        <v>85</v>
      </c>
      <c r="P27446" t="s">
        <v>86</v>
      </c>
      <c r="Q27446">
        <v>49</v>
      </c>
      <c r="R27446">
        <v>49</v>
      </c>
      <c r="S27446">
        <v>49</v>
      </c>
      <c r="T27446">
        <v>50</v>
      </c>
      <c r="U27446">
        <v>50</v>
      </c>
      <c r="V27446">
        <v>50</v>
      </c>
      <c r="W27446">
        <v>50</v>
      </c>
      <c r="X27446">
        <v>51</v>
      </c>
      <c r="Y27446">
        <v>51</v>
      </c>
      <c r="Z27446">
        <v>51</v>
      </c>
      <c r="AA27446">
        <v>51</v>
      </c>
      <c r="AB27446">
        <v>51</v>
      </c>
      <c r="AC27446">
        <v>52</v>
      </c>
      <c r="AD27446">
        <v>52</v>
      </c>
      <c r="AE27446">
        <v>52</v>
      </c>
      <c r="AF27446">
        <v>52</v>
      </c>
      <c r="AG27446">
        <v>52</v>
      </c>
      <c r="AH27446">
        <v>53</v>
      </c>
      <c r="AI27446">
        <v>53</v>
      </c>
      <c r="AJ27446">
        <v>53</v>
      </c>
      <c r="AK27446">
        <v>53</v>
      </c>
      <c r="AL27446">
        <v>53</v>
      </c>
      <c r="AM27446">
        <v>53</v>
      </c>
      <c r="AN27446">
        <v>52</v>
      </c>
      <c r="AO27446">
        <v>52</v>
      </c>
      <c r="AP27446">
        <v>52</v>
      </c>
      <c r="AQ27446">
        <v>52</v>
      </c>
    </row>
    <row r="27447" spans="1:43">
      <c r="A27447" t="s">
        <v>16985</v>
      </c>
      <c r="B27447" t="s">
        <v>16986</v>
      </c>
      <c r="C27447" t="s">
        <v>16987</v>
      </c>
      <c r="D27447" t="s">
        <v>16988</v>
      </c>
      <c r="E27447" t="s">
        <v>16923</v>
      </c>
      <c r="F27447" t="s">
        <v>16924</v>
      </c>
      <c r="G27447" t="s">
        <v>16559</v>
      </c>
      <c r="H27447" t="s">
        <v>16560</v>
      </c>
      <c r="I27447" s="2">
        <v>1</v>
      </c>
      <c r="J27447" s="2">
        <v>0</v>
      </c>
      <c r="K27447" s="2">
        <v>0</v>
      </c>
      <c r="L27447" t="s">
        <v>120</v>
      </c>
      <c r="M27447" t="s">
        <v>87</v>
      </c>
      <c r="N27447" t="s">
        <v>88</v>
      </c>
      <c r="O27447" t="s">
        <v>85</v>
      </c>
      <c r="P27447" t="s">
        <v>86</v>
      </c>
      <c r="Q27447">
        <v>49</v>
      </c>
      <c r="R27447">
        <v>49</v>
      </c>
      <c r="S27447">
        <v>49</v>
      </c>
      <c r="T27447">
        <v>49</v>
      </c>
      <c r="U27447">
        <v>49</v>
      </c>
      <c r="V27447">
        <v>49</v>
      </c>
      <c r="W27447">
        <v>48</v>
      </c>
      <c r="X27447">
        <v>48</v>
      </c>
      <c r="Y27447">
        <v>48</v>
      </c>
      <c r="Z27447">
        <v>48</v>
      </c>
      <c r="AA27447">
        <v>48</v>
      </c>
      <c r="AB27447">
        <v>48</v>
      </c>
      <c r="AC27447">
        <v>47</v>
      </c>
      <c r="AD27447">
        <v>47</v>
      </c>
      <c r="AE27447">
        <v>47</v>
      </c>
      <c r="AF27447">
        <v>47</v>
      </c>
      <c r="AG27447">
        <v>47</v>
      </c>
      <c r="AH27447">
        <v>47</v>
      </c>
      <c r="AI27447">
        <v>47</v>
      </c>
      <c r="AJ27447">
        <v>47</v>
      </c>
      <c r="AK27447">
        <v>46</v>
      </c>
      <c r="AL27447">
        <v>46</v>
      </c>
      <c r="AM27447">
        <v>46</v>
      </c>
      <c r="AN27447">
        <v>46</v>
      </c>
      <c r="AO27447">
        <v>46</v>
      </c>
      <c r="AP27447">
        <v>46</v>
      </c>
      <c r="AQ27447">
        <v>46</v>
      </c>
    </row>
    <row r="27448" spans="1:43">
      <c r="A27448" t="s">
        <v>16985</v>
      </c>
      <c r="B27448" t="s">
        <v>16986</v>
      </c>
      <c r="C27448" t="s">
        <v>16987</v>
      </c>
      <c r="D27448" t="s">
        <v>16988</v>
      </c>
      <c r="E27448" t="s">
        <v>16923</v>
      </c>
      <c r="F27448" t="s">
        <v>16924</v>
      </c>
      <c r="G27448" t="s">
        <v>16559</v>
      </c>
      <c r="H27448" t="s">
        <v>16560</v>
      </c>
      <c r="I27448" s="2">
        <v>1</v>
      </c>
      <c r="J27448" s="2">
        <v>0</v>
      </c>
      <c r="K27448" s="2">
        <v>0</v>
      </c>
      <c r="L27448" t="s">
        <v>120</v>
      </c>
      <c r="M27448" t="s">
        <v>89</v>
      </c>
      <c r="N27448" t="s">
        <v>90</v>
      </c>
      <c r="O27448" t="s">
        <v>85</v>
      </c>
      <c r="P27448" t="s">
        <v>86</v>
      </c>
      <c r="Q27448">
        <v>49</v>
      </c>
      <c r="R27448">
        <v>50</v>
      </c>
      <c r="S27448">
        <v>51</v>
      </c>
      <c r="T27448">
        <v>51</v>
      </c>
      <c r="U27448">
        <v>52</v>
      </c>
      <c r="V27448">
        <v>52</v>
      </c>
      <c r="W27448">
        <v>53</v>
      </c>
      <c r="X27448">
        <v>53</v>
      </c>
      <c r="Y27448">
        <v>54</v>
      </c>
      <c r="Z27448">
        <v>54</v>
      </c>
      <c r="AA27448">
        <v>55</v>
      </c>
      <c r="AB27448">
        <v>55</v>
      </c>
      <c r="AC27448">
        <v>55</v>
      </c>
      <c r="AD27448">
        <v>56</v>
      </c>
      <c r="AE27448">
        <v>56</v>
      </c>
      <c r="AF27448">
        <v>55</v>
      </c>
      <c r="AG27448">
        <v>55</v>
      </c>
      <c r="AH27448">
        <v>55</v>
      </c>
      <c r="AI27448">
        <v>55</v>
      </c>
      <c r="AJ27448">
        <v>54</v>
      </c>
      <c r="AK27448">
        <v>54</v>
      </c>
      <c r="AL27448">
        <v>54</v>
      </c>
      <c r="AM27448">
        <v>53</v>
      </c>
      <c r="AN27448">
        <v>53</v>
      </c>
      <c r="AO27448">
        <v>53</v>
      </c>
      <c r="AP27448">
        <v>52</v>
      </c>
      <c r="AQ27448">
        <v>52</v>
      </c>
    </row>
    <row r="27449" spans="1:43">
      <c r="A27449" t="s">
        <v>16985</v>
      </c>
      <c r="B27449" t="s">
        <v>16986</v>
      </c>
      <c r="C27449" t="s">
        <v>16987</v>
      </c>
      <c r="D27449" t="s">
        <v>16988</v>
      </c>
      <c r="E27449" t="s">
        <v>16923</v>
      </c>
      <c r="F27449" t="s">
        <v>16924</v>
      </c>
      <c r="G27449" t="s">
        <v>16559</v>
      </c>
      <c r="H27449" t="s">
        <v>16560</v>
      </c>
      <c r="I27449" s="2">
        <v>1</v>
      </c>
      <c r="J27449" s="2">
        <v>0</v>
      </c>
      <c r="K27449" s="2">
        <v>0</v>
      </c>
      <c r="L27449" t="s">
        <v>120</v>
      </c>
      <c r="M27449" t="s">
        <v>83</v>
      </c>
      <c r="N27449" t="s">
        <v>91</v>
      </c>
      <c r="O27449" t="s">
        <v>85</v>
      </c>
      <c r="P27449" t="s">
        <v>86</v>
      </c>
      <c r="Q27449">
        <v>49</v>
      </c>
      <c r="R27449">
        <v>49</v>
      </c>
      <c r="S27449">
        <v>49</v>
      </c>
      <c r="T27449">
        <v>50</v>
      </c>
      <c r="U27449">
        <v>50</v>
      </c>
      <c r="V27449">
        <v>50</v>
      </c>
      <c r="W27449">
        <v>50</v>
      </c>
      <c r="X27449">
        <v>51</v>
      </c>
      <c r="Y27449">
        <v>51</v>
      </c>
      <c r="Z27449">
        <v>51</v>
      </c>
      <c r="AA27449">
        <v>51</v>
      </c>
      <c r="AB27449">
        <v>51</v>
      </c>
      <c r="AC27449">
        <v>52</v>
      </c>
      <c r="AD27449">
        <v>52</v>
      </c>
      <c r="AE27449">
        <v>52</v>
      </c>
      <c r="AF27449">
        <v>52</v>
      </c>
      <c r="AG27449">
        <v>52</v>
      </c>
      <c r="AH27449">
        <v>53</v>
      </c>
      <c r="AI27449">
        <v>53</v>
      </c>
      <c r="AJ27449">
        <v>53</v>
      </c>
      <c r="AK27449">
        <v>53</v>
      </c>
      <c r="AL27449">
        <v>53</v>
      </c>
      <c r="AM27449">
        <v>53</v>
      </c>
      <c r="AN27449">
        <v>52</v>
      </c>
      <c r="AO27449">
        <v>52</v>
      </c>
      <c r="AP27449">
        <v>52</v>
      </c>
      <c r="AQ27449">
        <v>52</v>
      </c>
    </row>
    <row r="27450" spans="1:43">
      <c r="A27450" t="s">
        <v>16989</v>
      </c>
      <c r="B27450" t="s">
        <v>16990</v>
      </c>
      <c r="C27450" t="s">
        <v>16991</v>
      </c>
      <c r="D27450" t="s">
        <v>16992</v>
      </c>
      <c r="E27450" t="s">
        <v>16923</v>
      </c>
      <c r="F27450" t="s">
        <v>16924</v>
      </c>
      <c r="G27450" t="s">
        <v>16559</v>
      </c>
      <c r="H27450" t="s">
        <v>16560</v>
      </c>
      <c r="I27450" s="2">
        <v>1</v>
      </c>
      <c r="J27450" s="2">
        <v>0</v>
      </c>
      <c r="K27450" s="2">
        <v>0</v>
      </c>
      <c r="L27450" t="s">
        <v>120</v>
      </c>
      <c r="M27450" t="s">
        <v>83</v>
      </c>
      <c r="N27450" t="s">
        <v>84</v>
      </c>
      <c r="O27450" t="s">
        <v>85</v>
      </c>
      <c r="P27450" t="s">
        <v>86</v>
      </c>
      <c r="Q27450">
        <v>15</v>
      </c>
      <c r="R27450">
        <v>15</v>
      </c>
      <c r="S27450">
        <v>15</v>
      </c>
      <c r="T27450">
        <v>16</v>
      </c>
      <c r="U27450">
        <v>16</v>
      </c>
      <c r="V27450">
        <v>16</v>
      </c>
      <c r="W27450">
        <v>16</v>
      </c>
      <c r="X27450">
        <v>16</v>
      </c>
      <c r="Y27450">
        <v>16</v>
      </c>
      <c r="Z27450">
        <v>16</v>
      </c>
      <c r="AA27450">
        <v>16</v>
      </c>
      <c r="AB27450">
        <v>16</v>
      </c>
      <c r="AC27450">
        <v>16</v>
      </c>
      <c r="AD27450">
        <v>16</v>
      </c>
      <c r="AE27450">
        <v>16</v>
      </c>
      <c r="AF27450">
        <v>17</v>
      </c>
      <c r="AG27450">
        <v>17</v>
      </c>
      <c r="AH27450">
        <v>17</v>
      </c>
      <c r="AI27450">
        <v>17</v>
      </c>
      <c r="AJ27450">
        <v>17</v>
      </c>
      <c r="AK27450">
        <v>17</v>
      </c>
      <c r="AL27450">
        <v>17</v>
      </c>
      <c r="AM27450">
        <v>17</v>
      </c>
      <c r="AN27450">
        <v>17</v>
      </c>
      <c r="AO27450">
        <v>17</v>
      </c>
      <c r="AP27450">
        <v>17</v>
      </c>
      <c r="AQ27450">
        <v>17</v>
      </c>
    </row>
    <row r="27451" spans="1:43">
      <c r="A27451" t="s">
        <v>16989</v>
      </c>
      <c r="B27451" t="s">
        <v>16990</v>
      </c>
      <c r="C27451" t="s">
        <v>16991</v>
      </c>
      <c r="D27451" t="s">
        <v>16992</v>
      </c>
      <c r="E27451" t="s">
        <v>16923</v>
      </c>
      <c r="F27451" t="s">
        <v>16924</v>
      </c>
      <c r="G27451" t="s">
        <v>16559</v>
      </c>
      <c r="H27451" t="s">
        <v>16560</v>
      </c>
      <c r="I27451" s="2">
        <v>1</v>
      </c>
      <c r="J27451" s="2">
        <v>0</v>
      </c>
      <c r="K27451" s="2">
        <v>0</v>
      </c>
      <c r="L27451" t="s">
        <v>120</v>
      </c>
      <c r="M27451" t="s">
        <v>87</v>
      </c>
      <c r="N27451" t="s">
        <v>88</v>
      </c>
      <c r="O27451" t="s">
        <v>85</v>
      </c>
      <c r="P27451" t="s">
        <v>86</v>
      </c>
      <c r="Q27451">
        <v>15</v>
      </c>
      <c r="R27451">
        <v>15</v>
      </c>
      <c r="S27451">
        <v>15</v>
      </c>
      <c r="T27451">
        <v>15</v>
      </c>
      <c r="U27451">
        <v>15</v>
      </c>
      <c r="V27451">
        <v>15</v>
      </c>
      <c r="W27451">
        <v>15</v>
      </c>
      <c r="X27451">
        <v>15</v>
      </c>
      <c r="Y27451">
        <v>15</v>
      </c>
      <c r="Z27451">
        <v>15</v>
      </c>
      <c r="AA27451">
        <v>15</v>
      </c>
      <c r="AB27451">
        <v>15</v>
      </c>
      <c r="AC27451">
        <v>15</v>
      </c>
      <c r="AD27451">
        <v>15</v>
      </c>
      <c r="AE27451">
        <v>15</v>
      </c>
      <c r="AF27451">
        <v>15</v>
      </c>
      <c r="AG27451">
        <v>15</v>
      </c>
      <c r="AH27451">
        <v>15</v>
      </c>
      <c r="AI27451">
        <v>14</v>
      </c>
      <c r="AJ27451">
        <v>14</v>
      </c>
      <c r="AK27451">
        <v>14</v>
      </c>
      <c r="AL27451">
        <v>14</v>
      </c>
      <c r="AM27451">
        <v>14</v>
      </c>
      <c r="AN27451">
        <v>14</v>
      </c>
      <c r="AO27451">
        <v>14</v>
      </c>
      <c r="AP27451">
        <v>14</v>
      </c>
      <c r="AQ27451">
        <v>14</v>
      </c>
    </row>
    <row r="27452" spans="1:43">
      <c r="A27452" t="s">
        <v>16989</v>
      </c>
      <c r="B27452" t="s">
        <v>16990</v>
      </c>
      <c r="C27452" t="s">
        <v>16991</v>
      </c>
      <c r="D27452" t="s">
        <v>16992</v>
      </c>
      <c r="E27452" t="s">
        <v>16923</v>
      </c>
      <c r="F27452" t="s">
        <v>16924</v>
      </c>
      <c r="G27452" t="s">
        <v>16559</v>
      </c>
      <c r="H27452" t="s">
        <v>16560</v>
      </c>
      <c r="I27452" s="2">
        <v>1</v>
      </c>
      <c r="J27452" s="2">
        <v>0</v>
      </c>
      <c r="K27452" s="2">
        <v>0</v>
      </c>
      <c r="L27452" t="s">
        <v>120</v>
      </c>
      <c r="M27452" t="s">
        <v>89</v>
      </c>
      <c r="N27452" t="s">
        <v>90</v>
      </c>
      <c r="O27452" t="s">
        <v>85</v>
      </c>
      <c r="P27452" t="s">
        <v>86</v>
      </c>
      <c r="Q27452">
        <v>15</v>
      </c>
      <c r="R27452">
        <v>16</v>
      </c>
      <c r="S27452">
        <v>16</v>
      </c>
      <c r="T27452">
        <v>16</v>
      </c>
      <c r="U27452">
        <v>16</v>
      </c>
      <c r="V27452">
        <v>16</v>
      </c>
      <c r="W27452">
        <v>17</v>
      </c>
      <c r="X27452">
        <v>17</v>
      </c>
      <c r="Y27452">
        <v>17</v>
      </c>
      <c r="Z27452">
        <v>17</v>
      </c>
      <c r="AA27452">
        <v>17</v>
      </c>
      <c r="AB27452">
        <v>17</v>
      </c>
      <c r="AC27452">
        <v>17</v>
      </c>
      <c r="AD27452">
        <v>18</v>
      </c>
      <c r="AE27452">
        <v>18</v>
      </c>
      <c r="AF27452">
        <v>18</v>
      </c>
      <c r="AG27452">
        <v>17</v>
      </c>
      <c r="AH27452">
        <v>17</v>
      </c>
      <c r="AI27452">
        <v>17</v>
      </c>
      <c r="AJ27452">
        <v>17</v>
      </c>
      <c r="AK27452">
        <v>17</v>
      </c>
      <c r="AL27452">
        <v>17</v>
      </c>
      <c r="AM27452">
        <v>17</v>
      </c>
      <c r="AN27452">
        <v>17</v>
      </c>
      <c r="AO27452">
        <v>17</v>
      </c>
      <c r="AP27452">
        <v>17</v>
      </c>
      <c r="AQ27452">
        <v>17</v>
      </c>
    </row>
    <row r="27453" spans="1:43">
      <c r="A27453" t="s">
        <v>16989</v>
      </c>
      <c r="B27453" t="s">
        <v>16990</v>
      </c>
      <c r="C27453" t="s">
        <v>16991</v>
      </c>
      <c r="D27453" t="s">
        <v>16992</v>
      </c>
      <c r="E27453" t="s">
        <v>16923</v>
      </c>
      <c r="F27453" t="s">
        <v>16924</v>
      </c>
      <c r="G27453" t="s">
        <v>16559</v>
      </c>
      <c r="H27453" t="s">
        <v>16560</v>
      </c>
      <c r="I27453" s="2">
        <v>1</v>
      </c>
      <c r="J27453" s="2">
        <v>0</v>
      </c>
      <c r="K27453" s="2">
        <v>0</v>
      </c>
      <c r="L27453" t="s">
        <v>120</v>
      </c>
      <c r="M27453" t="s">
        <v>83</v>
      </c>
      <c r="N27453" t="s">
        <v>91</v>
      </c>
      <c r="O27453" t="s">
        <v>85</v>
      </c>
      <c r="P27453" t="s">
        <v>86</v>
      </c>
      <c r="Q27453">
        <v>15</v>
      </c>
      <c r="R27453">
        <v>15</v>
      </c>
      <c r="S27453">
        <v>15</v>
      </c>
      <c r="T27453">
        <v>16</v>
      </c>
      <c r="U27453">
        <v>16</v>
      </c>
      <c r="V27453">
        <v>16</v>
      </c>
      <c r="W27453">
        <v>16</v>
      </c>
      <c r="X27453">
        <v>16</v>
      </c>
      <c r="Y27453">
        <v>16</v>
      </c>
      <c r="Z27453">
        <v>16</v>
      </c>
      <c r="AA27453">
        <v>16</v>
      </c>
      <c r="AB27453">
        <v>16</v>
      </c>
      <c r="AC27453">
        <v>16</v>
      </c>
      <c r="AD27453">
        <v>16</v>
      </c>
      <c r="AE27453">
        <v>16</v>
      </c>
      <c r="AF27453">
        <v>17</v>
      </c>
      <c r="AG27453">
        <v>17</v>
      </c>
      <c r="AH27453">
        <v>17</v>
      </c>
      <c r="AI27453">
        <v>17</v>
      </c>
      <c r="AJ27453">
        <v>17</v>
      </c>
      <c r="AK27453">
        <v>17</v>
      </c>
      <c r="AL27453">
        <v>17</v>
      </c>
      <c r="AM27453">
        <v>17</v>
      </c>
      <c r="AN27453">
        <v>17</v>
      </c>
      <c r="AO27453">
        <v>17</v>
      </c>
      <c r="AP27453">
        <v>17</v>
      </c>
      <c r="AQ27453">
        <v>17</v>
      </c>
    </row>
    <row r="27454" spans="1:43">
      <c r="A27454" t="s">
        <v>16993</v>
      </c>
      <c r="B27454" t="s">
        <v>16994</v>
      </c>
      <c r="C27454" t="s">
        <v>16991</v>
      </c>
      <c r="D27454" t="s">
        <v>16992</v>
      </c>
      <c r="E27454" t="s">
        <v>16923</v>
      </c>
      <c r="F27454" t="s">
        <v>16924</v>
      </c>
      <c r="G27454" t="s">
        <v>16559</v>
      </c>
      <c r="H27454" t="s">
        <v>16560</v>
      </c>
      <c r="I27454" s="2">
        <v>1</v>
      </c>
      <c r="J27454" s="2">
        <v>0</v>
      </c>
      <c r="K27454" s="2">
        <v>0</v>
      </c>
      <c r="L27454" t="s">
        <v>120</v>
      </c>
      <c r="M27454" t="s">
        <v>83</v>
      </c>
      <c r="N27454" t="s">
        <v>84</v>
      </c>
      <c r="O27454" t="s">
        <v>85</v>
      </c>
      <c r="P27454" t="s">
        <v>86</v>
      </c>
      <c r="Q27454">
        <v>21</v>
      </c>
      <c r="R27454">
        <v>22</v>
      </c>
      <c r="S27454">
        <v>22</v>
      </c>
      <c r="T27454">
        <v>22</v>
      </c>
      <c r="U27454">
        <v>22</v>
      </c>
      <c r="V27454">
        <v>22</v>
      </c>
      <c r="W27454">
        <v>22</v>
      </c>
      <c r="X27454">
        <v>22</v>
      </c>
      <c r="Y27454">
        <v>22</v>
      </c>
      <c r="Z27454">
        <v>22</v>
      </c>
      <c r="AA27454">
        <v>22</v>
      </c>
      <c r="AB27454">
        <v>23</v>
      </c>
      <c r="AC27454">
        <v>23</v>
      </c>
      <c r="AD27454">
        <v>23</v>
      </c>
      <c r="AE27454">
        <v>23</v>
      </c>
      <c r="AF27454">
        <v>23</v>
      </c>
      <c r="AG27454">
        <v>23</v>
      </c>
      <c r="AH27454">
        <v>23</v>
      </c>
      <c r="AI27454">
        <v>23</v>
      </c>
      <c r="AJ27454">
        <v>23</v>
      </c>
      <c r="AK27454">
        <v>23</v>
      </c>
      <c r="AL27454">
        <v>23</v>
      </c>
      <c r="AM27454">
        <v>23</v>
      </c>
      <c r="AN27454">
        <v>23</v>
      </c>
      <c r="AO27454">
        <v>23</v>
      </c>
      <c r="AP27454">
        <v>23</v>
      </c>
      <c r="AQ27454">
        <v>23</v>
      </c>
    </row>
    <row r="27455" spans="1:43">
      <c r="A27455" t="s">
        <v>16993</v>
      </c>
      <c r="B27455" t="s">
        <v>16994</v>
      </c>
      <c r="C27455" t="s">
        <v>16991</v>
      </c>
      <c r="D27455" t="s">
        <v>16992</v>
      </c>
      <c r="E27455" t="s">
        <v>16923</v>
      </c>
      <c r="F27455" t="s">
        <v>16924</v>
      </c>
      <c r="G27455" t="s">
        <v>16559</v>
      </c>
      <c r="H27455" t="s">
        <v>16560</v>
      </c>
      <c r="I27455" s="2">
        <v>1</v>
      </c>
      <c r="J27455" s="2">
        <v>0</v>
      </c>
      <c r="K27455" s="2">
        <v>0</v>
      </c>
      <c r="L27455" t="s">
        <v>120</v>
      </c>
      <c r="M27455" t="s">
        <v>87</v>
      </c>
      <c r="N27455" t="s">
        <v>88</v>
      </c>
      <c r="O27455" t="s">
        <v>85</v>
      </c>
      <c r="P27455" t="s">
        <v>86</v>
      </c>
      <c r="Q27455">
        <v>21</v>
      </c>
      <c r="R27455">
        <v>21</v>
      </c>
      <c r="S27455">
        <v>21</v>
      </c>
      <c r="T27455">
        <v>21</v>
      </c>
      <c r="U27455">
        <v>21</v>
      </c>
      <c r="V27455">
        <v>21</v>
      </c>
      <c r="W27455">
        <v>21</v>
      </c>
      <c r="X27455">
        <v>21</v>
      </c>
      <c r="Y27455">
        <v>21</v>
      </c>
      <c r="Z27455">
        <v>21</v>
      </c>
      <c r="AA27455">
        <v>20</v>
      </c>
      <c r="AB27455">
        <v>20</v>
      </c>
      <c r="AC27455">
        <v>20</v>
      </c>
      <c r="AD27455">
        <v>20</v>
      </c>
      <c r="AE27455">
        <v>20</v>
      </c>
      <c r="AF27455">
        <v>20</v>
      </c>
      <c r="AG27455">
        <v>20</v>
      </c>
      <c r="AH27455">
        <v>20</v>
      </c>
      <c r="AI27455">
        <v>20</v>
      </c>
      <c r="AJ27455">
        <v>20</v>
      </c>
      <c r="AK27455">
        <v>20</v>
      </c>
      <c r="AL27455">
        <v>20</v>
      </c>
      <c r="AM27455">
        <v>20</v>
      </c>
      <c r="AN27455">
        <v>20</v>
      </c>
      <c r="AO27455">
        <v>20</v>
      </c>
      <c r="AP27455">
        <v>20</v>
      </c>
      <c r="AQ27455">
        <v>20</v>
      </c>
    </row>
    <row r="27456" spans="1:43">
      <c r="A27456" t="s">
        <v>16993</v>
      </c>
      <c r="B27456" t="s">
        <v>16994</v>
      </c>
      <c r="C27456" t="s">
        <v>16991</v>
      </c>
      <c r="D27456" t="s">
        <v>16992</v>
      </c>
      <c r="E27456" t="s">
        <v>16923</v>
      </c>
      <c r="F27456" t="s">
        <v>16924</v>
      </c>
      <c r="G27456" t="s">
        <v>16559</v>
      </c>
      <c r="H27456" t="s">
        <v>16560</v>
      </c>
      <c r="I27456" s="2">
        <v>1</v>
      </c>
      <c r="J27456" s="2">
        <v>0</v>
      </c>
      <c r="K27456" s="2">
        <v>0</v>
      </c>
      <c r="L27456" t="s">
        <v>120</v>
      </c>
      <c r="M27456" t="s">
        <v>89</v>
      </c>
      <c r="N27456" t="s">
        <v>90</v>
      </c>
      <c r="O27456" t="s">
        <v>85</v>
      </c>
      <c r="P27456" t="s">
        <v>86</v>
      </c>
      <c r="Q27456">
        <v>21</v>
      </c>
      <c r="R27456">
        <v>21</v>
      </c>
      <c r="S27456">
        <v>21</v>
      </c>
      <c r="T27456">
        <v>21</v>
      </c>
      <c r="U27456">
        <v>22</v>
      </c>
      <c r="V27456">
        <v>22</v>
      </c>
      <c r="W27456">
        <v>22</v>
      </c>
      <c r="X27456">
        <v>22</v>
      </c>
      <c r="Y27456">
        <v>23</v>
      </c>
      <c r="Z27456">
        <v>23</v>
      </c>
      <c r="AA27456">
        <v>23</v>
      </c>
      <c r="AB27456">
        <v>23</v>
      </c>
      <c r="AC27456">
        <v>23</v>
      </c>
      <c r="AD27456">
        <v>23</v>
      </c>
      <c r="AE27456">
        <v>23</v>
      </c>
      <c r="AF27456">
        <v>23</v>
      </c>
      <c r="AG27456">
        <v>23</v>
      </c>
      <c r="AH27456">
        <v>23</v>
      </c>
      <c r="AI27456">
        <v>23</v>
      </c>
      <c r="AJ27456">
        <v>23</v>
      </c>
      <c r="AK27456">
        <v>23</v>
      </c>
      <c r="AL27456">
        <v>22</v>
      </c>
      <c r="AM27456">
        <v>22</v>
      </c>
      <c r="AN27456">
        <v>22</v>
      </c>
      <c r="AO27456">
        <v>22</v>
      </c>
      <c r="AP27456">
        <v>22</v>
      </c>
      <c r="AQ27456">
        <v>22</v>
      </c>
    </row>
    <row r="27457" spans="1:43">
      <c r="A27457" t="s">
        <v>16993</v>
      </c>
      <c r="B27457" t="s">
        <v>16994</v>
      </c>
      <c r="C27457" t="s">
        <v>16991</v>
      </c>
      <c r="D27457" t="s">
        <v>16992</v>
      </c>
      <c r="E27457" t="s">
        <v>16923</v>
      </c>
      <c r="F27457" t="s">
        <v>16924</v>
      </c>
      <c r="G27457" t="s">
        <v>16559</v>
      </c>
      <c r="H27457" t="s">
        <v>16560</v>
      </c>
      <c r="I27457" s="2">
        <v>1</v>
      </c>
      <c r="J27457" s="2">
        <v>0</v>
      </c>
      <c r="K27457" s="2">
        <v>0</v>
      </c>
      <c r="L27457" t="s">
        <v>120</v>
      </c>
      <c r="M27457" t="s">
        <v>83</v>
      </c>
      <c r="N27457" t="s">
        <v>91</v>
      </c>
      <c r="O27457" t="s">
        <v>85</v>
      </c>
      <c r="P27457" t="s">
        <v>86</v>
      </c>
      <c r="Q27457">
        <v>21</v>
      </c>
      <c r="R27457">
        <v>22</v>
      </c>
      <c r="S27457">
        <v>22</v>
      </c>
      <c r="T27457">
        <v>22</v>
      </c>
      <c r="U27457">
        <v>22</v>
      </c>
      <c r="V27457">
        <v>22</v>
      </c>
      <c r="W27457">
        <v>22</v>
      </c>
      <c r="X27457">
        <v>22</v>
      </c>
      <c r="Y27457">
        <v>22</v>
      </c>
      <c r="Z27457">
        <v>22</v>
      </c>
      <c r="AA27457">
        <v>22</v>
      </c>
      <c r="AB27457">
        <v>23</v>
      </c>
      <c r="AC27457">
        <v>23</v>
      </c>
      <c r="AD27457">
        <v>23</v>
      </c>
      <c r="AE27457">
        <v>23</v>
      </c>
      <c r="AF27457">
        <v>23</v>
      </c>
      <c r="AG27457">
        <v>23</v>
      </c>
      <c r="AH27457">
        <v>23</v>
      </c>
      <c r="AI27457">
        <v>23</v>
      </c>
      <c r="AJ27457">
        <v>23</v>
      </c>
      <c r="AK27457">
        <v>23</v>
      </c>
      <c r="AL27457">
        <v>23</v>
      </c>
      <c r="AM27457">
        <v>23</v>
      </c>
      <c r="AN27457">
        <v>23</v>
      </c>
      <c r="AO27457">
        <v>23</v>
      </c>
      <c r="AP27457">
        <v>23</v>
      </c>
      <c r="AQ27457">
        <v>23</v>
      </c>
    </row>
    <row r="27458" spans="1:43">
      <c r="A27458" t="s">
        <v>16995</v>
      </c>
      <c r="B27458" t="s">
        <v>16996</v>
      </c>
      <c r="C27458" t="s">
        <v>16997</v>
      </c>
      <c r="D27458" t="s">
        <v>16998</v>
      </c>
      <c r="E27458" t="s">
        <v>16923</v>
      </c>
      <c r="F27458" t="s">
        <v>16924</v>
      </c>
      <c r="G27458" t="s">
        <v>16559</v>
      </c>
      <c r="H27458" t="s">
        <v>16560</v>
      </c>
      <c r="I27458" s="2">
        <v>1</v>
      </c>
      <c r="J27458" s="2">
        <v>0</v>
      </c>
      <c r="K27458" s="2">
        <v>0</v>
      </c>
      <c r="L27458" t="s">
        <v>120</v>
      </c>
      <c r="M27458" t="s">
        <v>83</v>
      </c>
      <c r="N27458" t="s">
        <v>84</v>
      </c>
      <c r="O27458" t="s">
        <v>85</v>
      </c>
      <c r="P27458" t="s">
        <v>86</v>
      </c>
      <c r="Q27458">
        <v>78</v>
      </c>
      <c r="R27458">
        <v>79</v>
      </c>
      <c r="S27458">
        <v>79</v>
      </c>
      <c r="T27458">
        <v>80</v>
      </c>
      <c r="U27458">
        <v>80</v>
      </c>
      <c r="V27458">
        <v>81</v>
      </c>
      <c r="W27458">
        <v>81</v>
      </c>
      <c r="X27458">
        <v>82</v>
      </c>
      <c r="Y27458">
        <v>82</v>
      </c>
      <c r="Z27458">
        <v>83</v>
      </c>
      <c r="AA27458">
        <v>83</v>
      </c>
      <c r="AB27458">
        <v>84</v>
      </c>
      <c r="AC27458">
        <v>84</v>
      </c>
      <c r="AD27458">
        <v>84</v>
      </c>
      <c r="AE27458">
        <v>85</v>
      </c>
      <c r="AF27458">
        <v>85</v>
      </c>
      <c r="AG27458">
        <v>86</v>
      </c>
      <c r="AH27458">
        <v>86</v>
      </c>
      <c r="AI27458">
        <v>86</v>
      </c>
      <c r="AJ27458">
        <v>87</v>
      </c>
      <c r="AK27458">
        <v>87</v>
      </c>
      <c r="AL27458">
        <v>87</v>
      </c>
      <c r="AM27458">
        <v>87</v>
      </c>
      <c r="AN27458">
        <v>87</v>
      </c>
      <c r="AO27458">
        <v>86</v>
      </c>
      <c r="AP27458">
        <v>86</v>
      </c>
      <c r="AQ27458">
        <v>86</v>
      </c>
    </row>
    <row r="27459" spans="1:43">
      <c r="A27459" t="s">
        <v>16995</v>
      </c>
      <c r="B27459" t="s">
        <v>16996</v>
      </c>
      <c r="C27459" t="s">
        <v>16997</v>
      </c>
      <c r="D27459" t="s">
        <v>16998</v>
      </c>
      <c r="E27459" t="s">
        <v>16923</v>
      </c>
      <c r="F27459" t="s">
        <v>16924</v>
      </c>
      <c r="G27459" t="s">
        <v>16559</v>
      </c>
      <c r="H27459" t="s">
        <v>16560</v>
      </c>
      <c r="I27459" s="2">
        <v>1</v>
      </c>
      <c r="J27459" s="2">
        <v>0</v>
      </c>
      <c r="K27459" s="2">
        <v>0</v>
      </c>
      <c r="L27459" t="s">
        <v>120</v>
      </c>
      <c r="M27459" t="s">
        <v>87</v>
      </c>
      <c r="N27459" t="s">
        <v>88</v>
      </c>
      <c r="O27459" t="s">
        <v>85</v>
      </c>
      <c r="P27459" t="s">
        <v>86</v>
      </c>
      <c r="Q27459">
        <v>78</v>
      </c>
      <c r="R27459">
        <v>77</v>
      </c>
      <c r="S27459">
        <v>77</v>
      </c>
      <c r="T27459">
        <v>77</v>
      </c>
      <c r="U27459">
        <v>77</v>
      </c>
      <c r="V27459">
        <v>77</v>
      </c>
      <c r="W27459">
        <v>76</v>
      </c>
      <c r="X27459">
        <v>76</v>
      </c>
      <c r="Y27459">
        <v>76</v>
      </c>
      <c r="Z27459">
        <v>76</v>
      </c>
      <c r="AA27459">
        <v>76</v>
      </c>
      <c r="AB27459">
        <v>76</v>
      </c>
      <c r="AC27459">
        <v>75</v>
      </c>
      <c r="AD27459">
        <v>75</v>
      </c>
      <c r="AE27459">
        <v>75</v>
      </c>
      <c r="AF27459">
        <v>75</v>
      </c>
      <c r="AG27459">
        <v>75</v>
      </c>
      <c r="AH27459">
        <v>75</v>
      </c>
      <c r="AI27459">
        <v>75</v>
      </c>
      <c r="AJ27459">
        <v>75</v>
      </c>
      <c r="AK27459">
        <v>74</v>
      </c>
      <c r="AL27459">
        <v>74</v>
      </c>
      <c r="AM27459">
        <v>74</v>
      </c>
      <c r="AN27459">
        <v>74</v>
      </c>
      <c r="AO27459">
        <v>74</v>
      </c>
      <c r="AP27459">
        <v>74</v>
      </c>
      <c r="AQ27459">
        <v>74</v>
      </c>
    </row>
    <row r="27460" spans="1:43">
      <c r="A27460" t="s">
        <v>16995</v>
      </c>
      <c r="B27460" t="s">
        <v>16996</v>
      </c>
      <c r="C27460" t="s">
        <v>16997</v>
      </c>
      <c r="D27460" t="s">
        <v>16998</v>
      </c>
      <c r="E27460" t="s">
        <v>16923</v>
      </c>
      <c r="F27460" t="s">
        <v>16924</v>
      </c>
      <c r="G27460" t="s">
        <v>16559</v>
      </c>
      <c r="H27460" t="s">
        <v>16560</v>
      </c>
      <c r="I27460" s="2">
        <v>1</v>
      </c>
      <c r="J27460" s="2">
        <v>0</v>
      </c>
      <c r="K27460" s="2">
        <v>0</v>
      </c>
      <c r="L27460" t="s">
        <v>120</v>
      </c>
      <c r="M27460" t="s">
        <v>89</v>
      </c>
      <c r="N27460" t="s">
        <v>90</v>
      </c>
      <c r="O27460" t="s">
        <v>85</v>
      </c>
      <c r="P27460" t="s">
        <v>86</v>
      </c>
      <c r="Q27460">
        <v>78</v>
      </c>
      <c r="R27460">
        <v>79</v>
      </c>
      <c r="S27460">
        <v>80</v>
      </c>
      <c r="T27460">
        <v>81</v>
      </c>
      <c r="U27460">
        <v>83</v>
      </c>
      <c r="V27460">
        <v>84</v>
      </c>
      <c r="W27460">
        <v>84</v>
      </c>
      <c r="X27460">
        <v>85</v>
      </c>
      <c r="Y27460">
        <v>86</v>
      </c>
      <c r="Z27460">
        <v>87</v>
      </c>
      <c r="AA27460">
        <v>88</v>
      </c>
      <c r="AB27460">
        <v>88</v>
      </c>
      <c r="AC27460">
        <v>89</v>
      </c>
      <c r="AD27460">
        <v>90</v>
      </c>
      <c r="AE27460">
        <v>90</v>
      </c>
      <c r="AF27460">
        <v>90</v>
      </c>
      <c r="AG27460">
        <v>89</v>
      </c>
      <c r="AH27460">
        <v>89</v>
      </c>
      <c r="AI27460">
        <v>89</v>
      </c>
      <c r="AJ27460">
        <v>88</v>
      </c>
      <c r="AK27460">
        <v>88</v>
      </c>
      <c r="AL27460">
        <v>88</v>
      </c>
      <c r="AM27460">
        <v>87</v>
      </c>
      <c r="AN27460">
        <v>87</v>
      </c>
      <c r="AO27460">
        <v>87</v>
      </c>
      <c r="AP27460">
        <v>86</v>
      </c>
      <c r="AQ27460">
        <v>86</v>
      </c>
    </row>
    <row r="27461" spans="1:43">
      <c r="A27461" t="s">
        <v>16995</v>
      </c>
      <c r="B27461" t="s">
        <v>16996</v>
      </c>
      <c r="C27461" t="s">
        <v>16997</v>
      </c>
      <c r="D27461" t="s">
        <v>16998</v>
      </c>
      <c r="E27461" t="s">
        <v>16923</v>
      </c>
      <c r="F27461" t="s">
        <v>16924</v>
      </c>
      <c r="G27461" t="s">
        <v>16559</v>
      </c>
      <c r="H27461" t="s">
        <v>16560</v>
      </c>
      <c r="I27461" s="2">
        <v>1</v>
      </c>
      <c r="J27461" s="2">
        <v>0</v>
      </c>
      <c r="K27461" s="2">
        <v>0</v>
      </c>
      <c r="L27461" t="s">
        <v>120</v>
      </c>
      <c r="M27461" t="s">
        <v>83</v>
      </c>
      <c r="N27461" t="s">
        <v>91</v>
      </c>
      <c r="O27461" t="s">
        <v>85</v>
      </c>
      <c r="P27461" t="s">
        <v>86</v>
      </c>
      <c r="Q27461">
        <v>78</v>
      </c>
      <c r="R27461">
        <v>79</v>
      </c>
      <c r="S27461">
        <v>79</v>
      </c>
      <c r="T27461">
        <v>80</v>
      </c>
      <c r="U27461">
        <v>80</v>
      </c>
      <c r="V27461">
        <v>81</v>
      </c>
      <c r="W27461">
        <v>81</v>
      </c>
      <c r="X27461">
        <v>82</v>
      </c>
      <c r="Y27461">
        <v>82</v>
      </c>
      <c r="Z27461">
        <v>83</v>
      </c>
      <c r="AA27461">
        <v>83</v>
      </c>
      <c r="AB27461">
        <v>84</v>
      </c>
      <c r="AC27461">
        <v>84</v>
      </c>
      <c r="AD27461">
        <v>84</v>
      </c>
      <c r="AE27461">
        <v>85</v>
      </c>
      <c r="AF27461">
        <v>85</v>
      </c>
      <c r="AG27461">
        <v>86</v>
      </c>
      <c r="AH27461">
        <v>86</v>
      </c>
      <c r="AI27461">
        <v>86</v>
      </c>
      <c r="AJ27461">
        <v>87</v>
      </c>
      <c r="AK27461">
        <v>87</v>
      </c>
      <c r="AL27461">
        <v>87</v>
      </c>
      <c r="AM27461">
        <v>87</v>
      </c>
      <c r="AN27461">
        <v>87</v>
      </c>
      <c r="AO27461">
        <v>86</v>
      </c>
      <c r="AP27461">
        <v>86</v>
      </c>
      <c r="AQ27461">
        <v>86</v>
      </c>
    </row>
    <row r="27462" spans="1:43">
      <c r="A27462" t="s">
        <v>16999</v>
      </c>
      <c r="B27462" t="s">
        <v>17000</v>
      </c>
      <c r="C27462" t="s">
        <v>16997</v>
      </c>
      <c r="D27462" t="s">
        <v>16998</v>
      </c>
      <c r="E27462" t="s">
        <v>16923</v>
      </c>
      <c r="F27462" t="s">
        <v>16924</v>
      </c>
      <c r="G27462" t="s">
        <v>16559</v>
      </c>
      <c r="H27462" t="s">
        <v>16560</v>
      </c>
      <c r="I27462" s="2">
        <v>1</v>
      </c>
      <c r="J27462" s="2">
        <v>0</v>
      </c>
      <c r="K27462" s="2">
        <v>0</v>
      </c>
      <c r="L27462" t="s">
        <v>120</v>
      </c>
      <c r="M27462" t="s">
        <v>83</v>
      </c>
      <c r="N27462" t="s">
        <v>84</v>
      </c>
      <c r="O27462" t="s">
        <v>85</v>
      </c>
      <c r="P27462" t="s">
        <v>86</v>
      </c>
      <c r="Q27462">
        <v>20</v>
      </c>
      <c r="R27462">
        <v>20</v>
      </c>
      <c r="S27462">
        <v>20</v>
      </c>
      <c r="T27462">
        <v>21</v>
      </c>
      <c r="U27462">
        <v>21</v>
      </c>
      <c r="V27462">
        <v>21</v>
      </c>
      <c r="W27462">
        <v>21</v>
      </c>
      <c r="X27462">
        <v>21</v>
      </c>
      <c r="Y27462">
        <v>21</v>
      </c>
      <c r="Z27462">
        <v>21</v>
      </c>
      <c r="AA27462">
        <v>21</v>
      </c>
      <c r="AB27462">
        <v>21</v>
      </c>
      <c r="AC27462">
        <v>21</v>
      </c>
      <c r="AD27462">
        <v>21</v>
      </c>
      <c r="AE27462">
        <v>21</v>
      </c>
      <c r="AF27462">
        <v>21</v>
      </c>
      <c r="AG27462">
        <v>21</v>
      </c>
      <c r="AH27462">
        <v>21</v>
      </c>
      <c r="AI27462">
        <v>21</v>
      </c>
      <c r="AJ27462">
        <v>22</v>
      </c>
      <c r="AK27462">
        <v>22</v>
      </c>
      <c r="AL27462">
        <v>21</v>
      </c>
      <c r="AM27462">
        <v>21</v>
      </c>
      <c r="AN27462">
        <v>21</v>
      </c>
      <c r="AO27462">
        <v>21</v>
      </c>
      <c r="AP27462">
        <v>21</v>
      </c>
      <c r="AQ27462">
        <v>21</v>
      </c>
    </row>
    <row r="27463" spans="1:43">
      <c r="A27463" t="s">
        <v>16999</v>
      </c>
      <c r="B27463" t="s">
        <v>17000</v>
      </c>
      <c r="C27463" t="s">
        <v>16997</v>
      </c>
      <c r="D27463" t="s">
        <v>16998</v>
      </c>
      <c r="E27463" t="s">
        <v>16923</v>
      </c>
      <c r="F27463" t="s">
        <v>16924</v>
      </c>
      <c r="G27463" t="s">
        <v>16559</v>
      </c>
      <c r="H27463" t="s">
        <v>16560</v>
      </c>
      <c r="I27463" s="2">
        <v>1</v>
      </c>
      <c r="J27463" s="2">
        <v>0</v>
      </c>
      <c r="K27463" s="2">
        <v>0</v>
      </c>
      <c r="L27463" t="s">
        <v>120</v>
      </c>
      <c r="M27463" t="s">
        <v>87</v>
      </c>
      <c r="N27463" t="s">
        <v>88</v>
      </c>
      <c r="O27463" t="s">
        <v>85</v>
      </c>
      <c r="P27463" t="s">
        <v>86</v>
      </c>
      <c r="Q27463">
        <v>20</v>
      </c>
      <c r="R27463">
        <v>20</v>
      </c>
      <c r="S27463">
        <v>20</v>
      </c>
      <c r="T27463">
        <v>20</v>
      </c>
      <c r="U27463">
        <v>20</v>
      </c>
      <c r="V27463">
        <v>20</v>
      </c>
      <c r="W27463">
        <v>20</v>
      </c>
      <c r="X27463">
        <v>19</v>
      </c>
      <c r="Y27463">
        <v>19</v>
      </c>
      <c r="Z27463">
        <v>19</v>
      </c>
      <c r="AA27463">
        <v>19</v>
      </c>
      <c r="AB27463">
        <v>19</v>
      </c>
      <c r="AC27463">
        <v>19</v>
      </c>
      <c r="AD27463">
        <v>19</v>
      </c>
      <c r="AE27463">
        <v>19</v>
      </c>
      <c r="AF27463">
        <v>19</v>
      </c>
      <c r="AG27463">
        <v>19</v>
      </c>
      <c r="AH27463">
        <v>19</v>
      </c>
      <c r="AI27463">
        <v>19</v>
      </c>
      <c r="AJ27463">
        <v>18</v>
      </c>
      <c r="AK27463">
        <v>18</v>
      </c>
      <c r="AL27463">
        <v>18</v>
      </c>
      <c r="AM27463">
        <v>18</v>
      </c>
      <c r="AN27463">
        <v>18</v>
      </c>
      <c r="AO27463">
        <v>18</v>
      </c>
      <c r="AP27463">
        <v>18</v>
      </c>
      <c r="AQ27463">
        <v>18</v>
      </c>
    </row>
    <row r="27464" spans="1:43">
      <c r="A27464" t="s">
        <v>16999</v>
      </c>
      <c r="B27464" t="s">
        <v>17000</v>
      </c>
      <c r="C27464" t="s">
        <v>16997</v>
      </c>
      <c r="D27464" t="s">
        <v>16998</v>
      </c>
      <c r="E27464" t="s">
        <v>16923</v>
      </c>
      <c r="F27464" t="s">
        <v>16924</v>
      </c>
      <c r="G27464" t="s">
        <v>16559</v>
      </c>
      <c r="H27464" t="s">
        <v>16560</v>
      </c>
      <c r="I27464" s="2">
        <v>1</v>
      </c>
      <c r="J27464" s="2">
        <v>0</v>
      </c>
      <c r="K27464" s="2">
        <v>0</v>
      </c>
      <c r="L27464" t="s">
        <v>120</v>
      </c>
      <c r="M27464" t="s">
        <v>89</v>
      </c>
      <c r="N27464" t="s">
        <v>90</v>
      </c>
      <c r="O27464" t="s">
        <v>85</v>
      </c>
      <c r="P27464" t="s">
        <v>86</v>
      </c>
      <c r="Q27464">
        <v>20</v>
      </c>
      <c r="R27464">
        <v>21</v>
      </c>
      <c r="S27464">
        <v>21</v>
      </c>
      <c r="T27464">
        <v>21</v>
      </c>
      <c r="U27464">
        <v>21</v>
      </c>
      <c r="V27464">
        <v>22</v>
      </c>
      <c r="W27464">
        <v>22</v>
      </c>
      <c r="X27464">
        <v>22</v>
      </c>
      <c r="Y27464">
        <v>22</v>
      </c>
      <c r="Z27464">
        <v>22</v>
      </c>
      <c r="AA27464">
        <v>22</v>
      </c>
      <c r="AB27464">
        <v>23</v>
      </c>
      <c r="AC27464">
        <v>23</v>
      </c>
      <c r="AD27464">
        <v>23</v>
      </c>
      <c r="AE27464">
        <v>23</v>
      </c>
      <c r="AF27464">
        <v>23</v>
      </c>
      <c r="AG27464">
        <v>23</v>
      </c>
      <c r="AH27464">
        <v>22</v>
      </c>
      <c r="AI27464">
        <v>22</v>
      </c>
      <c r="AJ27464">
        <v>22</v>
      </c>
      <c r="AK27464">
        <v>22</v>
      </c>
      <c r="AL27464">
        <v>22</v>
      </c>
      <c r="AM27464">
        <v>22</v>
      </c>
      <c r="AN27464">
        <v>21</v>
      </c>
      <c r="AO27464">
        <v>21</v>
      </c>
      <c r="AP27464">
        <v>21</v>
      </c>
      <c r="AQ27464">
        <v>21</v>
      </c>
    </row>
    <row r="27465" spans="1:43">
      <c r="A27465" t="s">
        <v>16999</v>
      </c>
      <c r="B27465" t="s">
        <v>17000</v>
      </c>
      <c r="C27465" t="s">
        <v>16997</v>
      </c>
      <c r="D27465" t="s">
        <v>16998</v>
      </c>
      <c r="E27465" t="s">
        <v>16923</v>
      </c>
      <c r="F27465" t="s">
        <v>16924</v>
      </c>
      <c r="G27465" t="s">
        <v>16559</v>
      </c>
      <c r="H27465" t="s">
        <v>16560</v>
      </c>
      <c r="I27465" s="2">
        <v>1</v>
      </c>
      <c r="J27465" s="2">
        <v>0</v>
      </c>
      <c r="K27465" s="2">
        <v>0</v>
      </c>
      <c r="L27465" t="s">
        <v>120</v>
      </c>
      <c r="M27465" t="s">
        <v>83</v>
      </c>
      <c r="N27465" t="s">
        <v>91</v>
      </c>
      <c r="O27465" t="s">
        <v>85</v>
      </c>
      <c r="P27465" t="s">
        <v>86</v>
      </c>
      <c r="Q27465">
        <v>20</v>
      </c>
      <c r="R27465">
        <v>20</v>
      </c>
      <c r="S27465">
        <v>20</v>
      </c>
      <c r="T27465">
        <v>21</v>
      </c>
      <c r="U27465">
        <v>21</v>
      </c>
      <c r="V27465">
        <v>21</v>
      </c>
      <c r="W27465">
        <v>21</v>
      </c>
      <c r="X27465">
        <v>21</v>
      </c>
      <c r="Y27465">
        <v>21</v>
      </c>
      <c r="Z27465">
        <v>21</v>
      </c>
      <c r="AA27465">
        <v>21</v>
      </c>
      <c r="AB27465">
        <v>21</v>
      </c>
      <c r="AC27465">
        <v>21</v>
      </c>
      <c r="AD27465">
        <v>21</v>
      </c>
      <c r="AE27465">
        <v>21</v>
      </c>
      <c r="AF27465">
        <v>21</v>
      </c>
      <c r="AG27465">
        <v>21</v>
      </c>
      <c r="AH27465">
        <v>21</v>
      </c>
      <c r="AI27465">
        <v>21</v>
      </c>
      <c r="AJ27465">
        <v>22</v>
      </c>
      <c r="AK27465">
        <v>22</v>
      </c>
      <c r="AL27465">
        <v>21</v>
      </c>
      <c r="AM27465">
        <v>21</v>
      </c>
      <c r="AN27465">
        <v>21</v>
      </c>
      <c r="AO27465">
        <v>21</v>
      </c>
      <c r="AP27465">
        <v>21</v>
      </c>
      <c r="AQ27465">
        <v>21</v>
      </c>
    </row>
    <row r="27466" spans="1:43">
      <c r="A27466" t="s">
        <v>17001</v>
      </c>
      <c r="B27466" t="s">
        <v>17002</v>
      </c>
      <c r="C27466" t="s">
        <v>16997</v>
      </c>
      <c r="D27466" t="s">
        <v>16998</v>
      </c>
      <c r="E27466" t="s">
        <v>16923</v>
      </c>
      <c r="F27466" t="s">
        <v>16924</v>
      </c>
      <c r="G27466" t="s">
        <v>16559</v>
      </c>
      <c r="H27466" t="s">
        <v>16560</v>
      </c>
      <c r="I27466" s="2">
        <v>1</v>
      </c>
      <c r="J27466" s="2">
        <v>0</v>
      </c>
      <c r="K27466" s="2">
        <v>0</v>
      </c>
      <c r="L27466" t="s">
        <v>120</v>
      </c>
      <c r="M27466" t="s">
        <v>83</v>
      </c>
      <c r="N27466" t="s">
        <v>84</v>
      </c>
      <c r="O27466" t="s">
        <v>85</v>
      </c>
      <c r="P27466" t="s">
        <v>86</v>
      </c>
      <c r="Q27466">
        <v>15</v>
      </c>
      <c r="R27466">
        <v>15</v>
      </c>
      <c r="S27466">
        <v>15</v>
      </c>
      <c r="T27466">
        <v>15</v>
      </c>
      <c r="U27466">
        <v>16</v>
      </c>
      <c r="V27466">
        <v>16</v>
      </c>
      <c r="W27466">
        <v>16</v>
      </c>
      <c r="X27466">
        <v>16</v>
      </c>
      <c r="Y27466">
        <v>16</v>
      </c>
      <c r="Z27466">
        <v>16</v>
      </c>
      <c r="AA27466">
        <v>16</v>
      </c>
      <c r="AB27466">
        <v>16</v>
      </c>
      <c r="AC27466">
        <v>16</v>
      </c>
      <c r="AD27466">
        <v>16</v>
      </c>
      <c r="AE27466">
        <v>16</v>
      </c>
      <c r="AF27466">
        <v>16</v>
      </c>
      <c r="AG27466">
        <v>16</v>
      </c>
      <c r="AH27466">
        <v>16</v>
      </c>
      <c r="AI27466">
        <v>16</v>
      </c>
      <c r="AJ27466">
        <v>16</v>
      </c>
      <c r="AK27466">
        <v>16</v>
      </c>
      <c r="AL27466">
        <v>16</v>
      </c>
      <c r="AM27466">
        <v>16</v>
      </c>
      <c r="AN27466">
        <v>16</v>
      </c>
      <c r="AO27466">
        <v>16</v>
      </c>
      <c r="AP27466">
        <v>16</v>
      </c>
      <c r="AQ27466">
        <v>16</v>
      </c>
    </row>
    <row r="27467" spans="1:43">
      <c r="A27467" t="s">
        <v>17001</v>
      </c>
      <c r="B27467" t="s">
        <v>17002</v>
      </c>
      <c r="C27467" t="s">
        <v>16997</v>
      </c>
      <c r="D27467" t="s">
        <v>16998</v>
      </c>
      <c r="E27467" t="s">
        <v>16923</v>
      </c>
      <c r="F27467" t="s">
        <v>16924</v>
      </c>
      <c r="G27467" t="s">
        <v>16559</v>
      </c>
      <c r="H27467" t="s">
        <v>16560</v>
      </c>
      <c r="I27467" s="2">
        <v>1</v>
      </c>
      <c r="J27467" s="2">
        <v>0</v>
      </c>
      <c r="K27467" s="2">
        <v>0</v>
      </c>
      <c r="L27467" t="s">
        <v>120</v>
      </c>
      <c r="M27467" t="s">
        <v>87</v>
      </c>
      <c r="N27467" t="s">
        <v>88</v>
      </c>
      <c r="O27467" t="s">
        <v>85</v>
      </c>
      <c r="P27467" t="s">
        <v>86</v>
      </c>
      <c r="Q27467">
        <v>15</v>
      </c>
      <c r="R27467">
        <v>15</v>
      </c>
      <c r="S27467">
        <v>15</v>
      </c>
      <c r="T27467">
        <v>15</v>
      </c>
      <c r="U27467">
        <v>15</v>
      </c>
      <c r="V27467">
        <v>15</v>
      </c>
      <c r="W27467">
        <v>15</v>
      </c>
      <c r="X27467">
        <v>15</v>
      </c>
      <c r="Y27467">
        <v>15</v>
      </c>
      <c r="Z27467">
        <v>14</v>
      </c>
      <c r="AA27467">
        <v>14</v>
      </c>
      <c r="AB27467">
        <v>14</v>
      </c>
      <c r="AC27467">
        <v>14</v>
      </c>
      <c r="AD27467">
        <v>14</v>
      </c>
      <c r="AE27467">
        <v>14</v>
      </c>
      <c r="AF27467">
        <v>14</v>
      </c>
      <c r="AG27467">
        <v>14</v>
      </c>
      <c r="AH27467">
        <v>14</v>
      </c>
      <c r="AI27467">
        <v>14</v>
      </c>
      <c r="AJ27467">
        <v>14</v>
      </c>
      <c r="AK27467">
        <v>14</v>
      </c>
      <c r="AL27467">
        <v>14</v>
      </c>
      <c r="AM27467">
        <v>14</v>
      </c>
      <c r="AN27467">
        <v>14</v>
      </c>
      <c r="AO27467">
        <v>14</v>
      </c>
      <c r="AP27467">
        <v>14</v>
      </c>
      <c r="AQ27467">
        <v>13</v>
      </c>
    </row>
    <row r="27468" spans="1:43">
      <c r="A27468" t="s">
        <v>17001</v>
      </c>
      <c r="B27468" t="s">
        <v>17002</v>
      </c>
      <c r="C27468" t="s">
        <v>16997</v>
      </c>
      <c r="D27468" t="s">
        <v>16998</v>
      </c>
      <c r="E27468" t="s">
        <v>16923</v>
      </c>
      <c r="F27468" t="s">
        <v>16924</v>
      </c>
      <c r="G27468" t="s">
        <v>16559</v>
      </c>
      <c r="H27468" t="s">
        <v>16560</v>
      </c>
      <c r="I27468" s="2">
        <v>1</v>
      </c>
      <c r="J27468" s="2">
        <v>0</v>
      </c>
      <c r="K27468" s="2">
        <v>0</v>
      </c>
      <c r="L27468" t="s">
        <v>120</v>
      </c>
      <c r="M27468" t="s">
        <v>89</v>
      </c>
      <c r="N27468" t="s">
        <v>90</v>
      </c>
      <c r="O27468" t="s">
        <v>85</v>
      </c>
      <c r="P27468" t="s">
        <v>86</v>
      </c>
      <c r="Q27468">
        <v>15</v>
      </c>
      <c r="R27468">
        <v>16</v>
      </c>
      <c r="S27468">
        <v>16</v>
      </c>
      <c r="T27468">
        <v>16</v>
      </c>
      <c r="U27468">
        <v>16</v>
      </c>
      <c r="V27468">
        <v>16</v>
      </c>
      <c r="W27468">
        <v>16</v>
      </c>
      <c r="X27468">
        <v>17</v>
      </c>
      <c r="Y27468">
        <v>17</v>
      </c>
      <c r="Z27468">
        <v>17</v>
      </c>
      <c r="AA27468">
        <v>17</v>
      </c>
      <c r="AB27468">
        <v>17</v>
      </c>
      <c r="AC27468">
        <v>17</v>
      </c>
      <c r="AD27468">
        <v>17</v>
      </c>
      <c r="AE27468">
        <v>17</v>
      </c>
      <c r="AF27468">
        <v>17</v>
      </c>
      <c r="AG27468">
        <v>17</v>
      </c>
      <c r="AH27468">
        <v>17</v>
      </c>
      <c r="AI27468">
        <v>17</v>
      </c>
      <c r="AJ27468">
        <v>16</v>
      </c>
      <c r="AK27468">
        <v>16</v>
      </c>
      <c r="AL27468">
        <v>16</v>
      </c>
      <c r="AM27468">
        <v>16</v>
      </c>
      <c r="AN27468">
        <v>16</v>
      </c>
      <c r="AO27468">
        <v>16</v>
      </c>
      <c r="AP27468">
        <v>16</v>
      </c>
      <c r="AQ27468">
        <v>16</v>
      </c>
    </row>
    <row r="27469" spans="1:43">
      <c r="A27469" t="s">
        <v>17001</v>
      </c>
      <c r="B27469" t="s">
        <v>17002</v>
      </c>
      <c r="C27469" t="s">
        <v>16997</v>
      </c>
      <c r="D27469" t="s">
        <v>16998</v>
      </c>
      <c r="E27469" t="s">
        <v>16923</v>
      </c>
      <c r="F27469" t="s">
        <v>16924</v>
      </c>
      <c r="G27469" t="s">
        <v>16559</v>
      </c>
      <c r="H27469" t="s">
        <v>16560</v>
      </c>
      <c r="I27469" s="2">
        <v>1</v>
      </c>
      <c r="J27469" s="2">
        <v>0</v>
      </c>
      <c r="K27469" s="2">
        <v>0</v>
      </c>
      <c r="L27469" t="s">
        <v>120</v>
      </c>
      <c r="M27469" t="s">
        <v>83</v>
      </c>
      <c r="N27469" t="s">
        <v>91</v>
      </c>
      <c r="O27469" t="s">
        <v>85</v>
      </c>
      <c r="P27469" t="s">
        <v>86</v>
      </c>
      <c r="Q27469">
        <v>15</v>
      </c>
      <c r="R27469">
        <v>15</v>
      </c>
      <c r="S27469">
        <v>15</v>
      </c>
      <c r="T27469">
        <v>15</v>
      </c>
      <c r="U27469">
        <v>16</v>
      </c>
      <c r="V27469">
        <v>16</v>
      </c>
      <c r="W27469">
        <v>16</v>
      </c>
      <c r="X27469">
        <v>16</v>
      </c>
      <c r="Y27469">
        <v>16</v>
      </c>
      <c r="Z27469">
        <v>16</v>
      </c>
      <c r="AA27469">
        <v>16</v>
      </c>
      <c r="AB27469">
        <v>16</v>
      </c>
      <c r="AC27469">
        <v>16</v>
      </c>
      <c r="AD27469">
        <v>16</v>
      </c>
      <c r="AE27469">
        <v>16</v>
      </c>
      <c r="AF27469">
        <v>16</v>
      </c>
      <c r="AG27469">
        <v>16</v>
      </c>
      <c r="AH27469">
        <v>16</v>
      </c>
      <c r="AI27469">
        <v>16</v>
      </c>
      <c r="AJ27469">
        <v>16</v>
      </c>
      <c r="AK27469">
        <v>16</v>
      </c>
      <c r="AL27469">
        <v>16</v>
      </c>
      <c r="AM27469">
        <v>16</v>
      </c>
      <c r="AN27469">
        <v>16</v>
      </c>
      <c r="AO27469">
        <v>16</v>
      </c>
      <c r="AP27469">
        <v>16</v>
      </c>
      <c r="AQ27469">
        <v>16</v>
      </c>
    </row>
    <row r="27470" spans="1:43">
      <c r="A27470" t="s">
        <v>17003</v>
      </c>
      <c r="B27470" t="s">
        <v>17004</v>
      </c>
      <c r="C27470" t="s">
        <v>16997</v>
      </c>
      <c r="D27470" t="s">
        <v>16998</v>
      </c>
      <c r="E27470" t="s">
        <v>16923</v>
      </c>
      <c r="F27470" t="s">
        <v>16924</v>
      </c>
      <c r="G27470" t="s">
        <v>16559</v>
      </c>
      <c r="H27470" t="s">
        <v>16560</v>
      </c>
      <c r="I27470" s="2">
        <v>1</v>
      </c>
      <c r="J27470" s="2">
        <v>0</v>
      </c>
      <c r="K27470" s="2">
        <v>0</v>
      </c>
      <c r="L27470" t="s">
        <v>120</v>
      </c>
      <c r="M27470" t="s">
        <v>83</v>
      </c>
      <c r="N27470" t="s">
        <v>84</v>
      </c>
      <c r="O27470" t="s">
        <v>85</v>
      </c>
      <c r="P27470" t="s">
        <v>86</v>
      </c>
      <c r="Q27470">
        <v>18</v>
      </c>
      <c r="R27470">
        <v>18</v>
      </c>
      <c r="S27470">
        <v>18</v>
      </c>
      <c r="T27470">
        <v>18</v>
      </c>
      <c r="U27470">
        <v>18</v>
      </c>
      <c r="V27470">
        <v>18</v>
      </c>
      <c r="W27470">
        <v>18</v>
      </c>
      <c r="X27470">
        <v>18</v>
      </c>
      <c r="Y27470">
        <v>18</v>
      </c>
      <c r="Z27470">
        <v>18</v>
      </c>
      <c r="AA27470">
        <v>18</v>
      </c>
      <c r="AB27470">
        <v>18</v>
      </c>
      <c r="AC27470">
        <v>19</v>
      </c>
      <c r="AD27470">
        <v>19</v>
      </c>
      <c r="AE27470">
        <v>19</v>
      </c>
      <c r="AF27470">
        <v>19</v>
      </c>
      <c r="AG27470">
        <v>19</v>
      </c>
      <c r="AH27470">
        <v>19</v>
      </c>
      <c r="AI27470">
        <v>19</v>
      </c>
      <c r="AJ27470">
        <v>19</v>
      </c>
      <c r="AK27470">
        <v>19</v>
      </c>
      <c r="AL27470">
        <v>19</v>
      </c>
      <c r="AM27470">
        <v>19</v>
      </c>
      <c r="AN27470">
        <v>19</v>
      </c>
      <c r="AO27470">
        <v>18</v>
      </c>
      <c r="AP27470">
        <v>18</v>
      </c>
      <c r="AQ27470">
        <v>18</v>
      </c>
    </row>
    <row r="27471" spans="1:43">
      <c r="A27471" t="s">
        <v>17003</v>
      </c>
      <c r="B27471" t="s">
        <v>17004</v>
      </c>
      <c r="C27471" t="s">
        <v>16997</v>
      </c>
      <c r="D27471" t="s">
        <v>16998</v>
      </c>
      <c r="E27471" t="s">
        <v>16923</v>
      </c>
      <c r="F27471" t="s">
        <v>16924</v>
      </c>
      <c r="G27471" t="s">
        <v>16559</v>
      </c>
      <c r="H27471" t="s">
        <v>16560</v>
      </c>
      <c r="I27471" s="2">
        <v>1</v>
      </c>
      <c r="J27471" s="2">
        <v>0</v>
      </c>
      <c r="K27471" s="2">
        <v>0</v>
      </c>
      <c r="L27471" t="s">
        <v>120</v>
      </c>
      <c r="M27471" t="s">
        <v>87</v>
      </c>
      <c r="N27471" t="s">
        <v>88</v>
      </c>
      <c r="O27471" t="s">
        <v>85</v>
      </c>
      <c r="P27471" t="s">
        <v>86</v>
      </c>
      <c r="Q27471">
        <v>18</v>
      </c>
      <c r="R27471">
        <v>18</v>
      </c>
      <c r="S27471">
        <v>18</v>
      </c>
      <c r="T27471">
        <v>18</v>
      </c>
      <c r="U27471">
        <v>18</v>
      </c>
      <c r="V27471">
        <v>18</v>
      </c>
      <c r="W27471">
        <v>18</v>
      </c>
      <c r="X27471">
        <v>18</v>
      </c>
      <c r="Y27471">
        <v>18</v>
      </c>
      <c r="Z27471">
        <v>18</v>
      </c>
      <c r="AA27471">
        <v>18</v>
      </c>
      <c r="AB27471">
        <v>18</v>
      </c>
      <c r="AC27471">
        <v>18</v>
      </c>
      <c r="AD27471">
        <v>18</v>
      </c>
      <c r="AE27471">
        <v>18</v>
      </c>
      <c r="AF27471">
        <v>17</v>
      </c>
      <c r="AG27471">
        <v>17</v>
      </c>
      <c r="AH27471">
        <v>17</v>
      </c>
      <c r="AI27471">
        <v>17</v>
      </c>
      <c r="AJ27471">
        <v>17</v>
      </c>
      <c r="AK27471">
        <v>17</v>
      </c>
      <c r="AL27471">
        <v>17</v>
      </c>
      <c r="AM27471">
        <v>17</v>
      </c>
      <c r="AN27471">
        <v>17</v>
      </c>
      <c r="AO27471">
        <v>17</v>
      </c>
      <c r="AP27471">
        <v>17</v>
      </c>
      <c r="AQ27471">
        <v>17</v>
      </c>
    </row>
    <row r="27472" spans="1:43">
      <c r="A27472" t="s">
        <v>17003</v>
      </c>
      <c r="B27472" t="s">
        <v>17004</v>
      </c>
      <c r="C27472" t="s">
        <v>16997</v>
      </c>
      <c r="D27472" t="s">
        <v>16998</v>
      </c>
      <c r="E27472" t="s">
        <v>16923</v>
      </c>
      <c r="F27472" t="s">
        <v>16924</v>
      </c>
      <c r="G27472" t="s">
        <v>16559</v>
      </c>
      <c r="H27472" t="s">
        <v>16560</v>
      </c>
      <c r="I27472" s="2">
        <v>1</v>
      </c>
      <c r="J27472" s="2">
        <v>0</v>
      </c>
      <c r="K27472" s="2">
        <v>0</v>
      </c>
      <c r="L27472" t="s">
        <v>120</v>
      </c>
      <c r="M27472" t="s">
        <v>89</v>
      </c>
      <c r="N27472" t="s">
        <v>90</v>
      </c>
      <c r="O27472" t="s">
        <v>85</v>
      </c>
      <c r="P27472" t="s">
        <v>86</v>
      </c>
      <c r="Q27472">
        <v>18</v>
      </c>
      <c r="R27472">
        <v>18</v>
      </c>
      <c r="S27472">
        <v>18</v>
      </c>
      <c r="T27472">
        <v>19</v>
      </c>
      <c r="U27472">
        <v>19</v>
      </c>
      <c r="V27472">
        <v>19</v>
      </c>
      <c r="W27472">
        <v>19</v>
      </c>
      <c r="X27472">
        <v>19</v>
      </c>
      <c r="Y27472">
        <v>19</v>
      </c>
      <c r="Z27472">
        <v>20</v>
      </c>
      <c r="AA27472">
        <v>20</v>
      </c>
      <c r="AB27472">
        <v>20</v>
      </c>
      <c r="AC27472">
        <v>20</v>
      </c>
      <c r="AD27472">
        <v>20</v>
      </c>
      <c r="AE27472">
        <v>20</v>
      </c>
      <c r="AF27472">
        <v>20</v>
      </c>
      <c r="AG27472">
        <v>20</v>
      </c>
      <c r="AH27472">
        <v>20</v>
      </c>
      <c r="AI27472">
        <v>19</v>
      </c>
      <c r="AJ27472">
        <v>19</v>
      </c>
      <c r="AK27472">
        <v>19</v>
      </c>
      <c r="AL27472">
        <v>19</v>
      </c>
      <c r="AM27472">
        <v>19</v>
      </c>
      <c r="AN27472">
        <v>19</v>
      </c>
      <c r="AO27472">
        <v>19</v>
      </c>
      <c r="AP27472">
        <v>19</v>
      </c>
      <c r="AQ27472">
        <v>18</v>
      </c>
    </row>
    <row r="27473" spans="1:43">
      <c r="A27473" t="s">
        <v>17003</v>
      </c>
      <c r="B27473" t="s">
        <v>17004</v>
      </c>
      <c r="C27473" t="s">
        <v>16997</v>
      </c>
      <c r="D27473" t="s">
        <v>16998</v>
      </c>
      <c r="E27473" t="s">
        <v>16923</v>
      </c>
      <c r="F27473" t="s">
        <v>16924</v>
      </c>
      <c r="G27473" t="s">
        <v>16559</v>
      </c>
      <c r="H27473" t="s">
        <v>16560</v>
      </c>
      <c r="I27473" s="2">
        <v>1</v>
      </c>
      <c r="J27473" s="2">
        <v>0</v>
      </c>
      <c r="K27473" s="2">
        <v>0</v>
      </c>
      <c r="L27473" t="s">
        <v>120</v>
      </c>
      <c r="M27473" t="s">
        <v>83</v>
      </c>
      <c r="N27473" t="s">
        <v>91</v>
      </c>
      <c r="O27473" t="s">
        <v>85</v>
      </c>
      <c r="P27473" t="s">
        <v>86</v>
      </c>
      <c r="Q27473">
        <v>18</v>
      </c>
      <c r="R27473">
        <v>18</v>
      </c>
      <c r="S27473">
        <v>18</v>
      </c>
      <c r="T27473">
        <v>18</v>
      </c>
      <c r="U27473">
        <v>18</v>
      </c>
      <c r="V27473">
        <v>18</v>
      </c>
      <c r="W27473">
        <v>18</v>
      </c>
      <c r="X27473">
        <v>18</v>
      </c>
      <c r="Y27473">
        <v>18</v>
      </c>
      <c r="Z27473">
        <v>18</v>
      </c>
      <c r="AA27473">
        <v>18</v>
      </c>
      <c r="AB27473">
        <v>18</v>
      </c>
      <c r="AC27473">
        <v>19</v>
      </c>
      <c r="AD27473">
        <v>19</v>
      </c>
      <c r="AE27473">
        <v>19</v>
      </c>
      <c r="AF27473">
        <v>19</v>
      </c>
      <c r="AG27473">
        <v>19</v>
      </c>
      <c r="AH27473">
        <v>19</v>
      </c>
      <c r="AI27473">
        <v>19</v>
      </c>
      <c r="AJ27473">
        <v>19</v>
      </c>
      <c r="AK27473">
        <v>19</v>
      </c>
      <c r="AL27473">
        <v>19</v>
      </c>
      <c r="AM27473">
        <v>19</v>
      </c>
      <c r="AN27473">
        <v>19</v>
      </c>
      <c r="AO27473">
        <v>18</v>
      </c>
      <c r="AP27473">
        <v>18</v>
      </c>
      <c r="AQ27473">
        <v>18</v>
      </c>
    </row>
    <row r="27474" spans="1:43">
      <c r="A27474" t="s">
        <v>17005</v>
      </c>
      <c r="B27474" t="s">
        <v>17006</v>
      </c>
      <c r="C27474" t="s">
        <v>16997</v>
      </c>
      <c r="D27474" t="s">
        <v>16998</v>
      </c>
      <c r="E27474" t="s">
        <v>16923</v>
      </c>
      <c r="F27474" t="s">
        <v>16924</v>
      </c>
      <c r="G27474" t="s">
        <v>16559</v>
      </c>
      <c r="H27474" t="s">
        <v>16560</v>
      </c>
      <c r="I27474" s="2">
        <v>1</v>
      </c>
      <c r="J27474" s="2">
        <v>0</v>
      </c>
      <c r="K27474" s="2">
        <v>0</v>
      </c>
      <c r="L27474" t="s">
        <v>120</v>
      </c>
      <c r="M27474" t="s">
        <v>83</v>
      </c>
      <c r="N27474" t="s">
        <v>84</v>
      </c>
      <c r="O27474" t="s">
        <v>85</v>
      </c>
      <c r="P27474" t="s">
        <v>86</v>
      </c>
      <c r="Q27474">
        <v>14</v>
      </c>
      <c r="R27474">
        <v>14</v>
      </c>
      <c r="S27474">
        <v>14</v>
      </c>
      <c r="T27474">
        <v>14</v>
      </c>
      <c r="U27474">
        <v>15</v>
      </c>
      <c r="V27474">
        <v>15</v>
      </c>
      <c r="W27474">
        <v>15</v>
      </c>
      <c r="X27474">
        <v>15</v>
      </c>
      <c r="Y27474">
        <v>15</v>
      </c>
      <c r="Z27474">
        <v>15</v>
      </c>
      <c r="AA27474">
        <v>15</v>
      </c>
      <c r="AB27474">
        <v>15</v>
      </c>
      <c r="AC27474">
        <v>15</v>
      </c>
      <c r="AD27474">
        <v>15</v>
      </c>
      <c r="AE27474">
        <v>15</v>
      </c>
      <c r="AF27474">
        <v>15</v>
      </c>
      <c r="AG27474">
        <v>15</v>
      </c>
      <c r="AH27474">
        <v>15</v>
      </c>
      <c r="AI27474">
        <v>15</v>
      </c>
      <c r="AJ27474">
        <v>15</v>
      </c>
      <c r="AK27474">
        <v>15</v>
      </c>
      <c r="AL27474">
        <v>15</v>
      </c>
      <c r="AM27474">
        <v>15</v>
      </c>
      <c r="AN27474">
        <v>15</v>
      </c>
      <c r="AO27474">
        <v>15</v>
      </c>
      <c r="AP27474">
        <v>15</v>
      </c>
      <c r="AQ27474">
        <v>15</v>
      </c>
    </row>
    <row r="27475" spans="1:43">
      <c r="A27475" t="s">
        <v>17005</v>
      </c>
      <c r="B27475" t="s">
        <v>17006</v>
      </c>
      <c r="C27475" t="s">
        <v>16997</v>
      </c>
      <c r="D27475" t="s">
        <v>16998</v>
      </c>
      <c r="E27475" t="s">
        <v>16923</v>
      </c>
      <c r="F27475" t="s">
        <v>16924</v>
      </c>
      <c r="G27475" t="s">
        <v>16559</v>
      </c>
      <c r="H27475" t="s">
        <v>16560</v>
      </c>
      <c r="I27475" s="2">
        <v>1</v>
      </c>
      <c r="J27475" s="2">
        <v>0</v>
      </c>
      <c r="K27475" s="2">
        <v>0</v>
      </c>
      <c r="L27475" t="s">
        <v>120</v>
      </c>
      <c r="M27475" t="s">
        <v>87</v>
      </c>
      <c r="N27475" t="s">
        <v>88</v>
      </c>
      <c r="O27475" t="s">
        <v>85</v>
      </c>
      <c r="P27475" t="s">
        <v>86</v>
      </c>
      <c r="Q27475">
        <v>14</v>
      </c>
      <c r="R27475">
        <v>14</v>
      </c>
      <c r="S27475">
        <v>14</v>
      </c>
      <c r="T27475">
        <v>14</v>
      </c>
      <c r="U27475">
        <v>14</v>
      </c>
      <c r="V27475">
        <v>14</v>
      </c>
      <c r="W27475">
        <v>14</v>
      </c>
      <c r="X27475">
        <v>14</v>
      </c>
      <c r="Y27475">
        <v>14</v>
      </c>
      <c r="Z27475">
        <v>14</v>
      </c>
      <c r="AA27475">
        <v>14</v>
      </c>
      <c r="AB27475">
        <v>14</v>
      </c>
      <c r="AC27475">
        <v>14</v>
      </c>
      <c r="AD27475">
        <v>13</v>
      </c>
      <c r="AE27475">
        <v>13</v>
      </c>
      <c r="AF27475">
        <v>13</v>
      </c>
      <c r="AG27475">
        <v>13</v>
      </c>
      <c r="AH27475">
        <v>13</v>
      </c>
      <c r="AI27475">
        <v>13</v>
      </c>
      <c r="AJ27475">
        <v>13</v>
      </c>
      <c r="AK27475">
        <v>13</v>
      </c>
      <c r="AL27475">
        <v>13</v>
      </c>
      <c r="AM27475">
        <v>13</v>
      </c>
      <c r="AN27475">
        <v>13</v>
      </c>
      <c r="AO27475">
        <v>13</v>
      </c>
      <c r="AP27475">
        <v>13</v>
      </c>
      <c r="AQ27475">
        <v>13</v>
      </c>
    </row>
    <row r="27476" spans="1:43">
      <c r="A27476" t="s">
        <v>17005</v>
      </c>
      <c r="B27476" t="s">
        <v>17006</v>
      </c>
      <c r="C27476" t="s">
        <v>16997</v>
      </c>
      <c r="D27476" t="s">
        <v>16998</v>
      </c>
      <c r="E27476" t="s">
        <v>16923</v>
      </c>
      <c r="F27476" t="s">
        <v>16924</v>
      </c>
      <c r="G27476" t="s">
        <v>16559</v>
      </c>
      <c r="H27476" t="s">
        <v>16560</v>
      </c>
      <c r="I27476" s="2">
        <v>1</v>
      </c>
      <c r="J27476" s="2">
        <v>0</v>
      </c>
      <c r="K27476" s="2">
        <v>0</v>
      </c>
      <c r="L27476" t="s">
        <v>120</v>
      </c>
      <c r="M27476" t="s">
        <v>89</v>
      </c>
      <c r="N27476" t="s">
        <v>90</v>
      </c>
      <c r="O27476" t="s">
        <v>85</v>
      </c>
      <c r="P27476" t="s">
        <v>86</v>
      </c>
      <c r="Q27476">
        <v>14</v>
      </c>
      <c r="R27476">
        <v>15</v>
      </c>
      <c r="S27476">
        <v>15</v>
      </c>
      <c r="T27476">
        <v>15</v>
      </c>
      <c r="U27476">
        <v>15</v>
      </c>
      <c r="V27476">
        <v>15</v>
      </c>
      <c r="W27476">
        <v>15</v>
      </c>
      <c r="X27476">
        <v>16</v>
      </c>
      <c r="Y27476">
        <v>16</v>
      </c>
      <c r="Z27476">
        <v>16</v>
      </c>
      <c r="AA27476">
        <v>16</v>
      </c>
      <c r="AB27476">
        <v>16</v>
      </c>
      <c r="AC27476">
        <v>16</v>
      </c>
      <c r="AD27476">
        <v>16</v>
      </c>
      <c r="AE27476">
        <v>16</v>
      </c>
      <c r="AF27476">
        <v>16</v>
      </c>
      <c r="AG27476">
        <v>16</v>
      </c>
      <c r="AH27476">
        <v>16</v>
      </c>
      <c r="AI27476">
        <v>16</v>
      </c>
      <c r="AJ27476">
        <v>16</v>
      </c>
      <c r="AK27476">
        <v>16</v>
      </c>
      <c r="AL27476">
        <v>16</v>
      </c>
      <c r="AM27476">
        <v>16</v>
      </c>
      <c r="AN27476">
        <v>15</v>
      </c>
      <c r="AO27476">
        <v>15</v>
      </c>
      <c r="AP27476">
        <v>15</v>
      </c>
      <c r="AQ27476">
        <v>15</v>
      </c>
    </row>
    <row r="27477" spans="1:43">
      <c r="A27477" t="s">
        <v>17005</v>
      </c>
      <c r="B27477" t="s">
        <v>17006</v>
      </c>
      <c r="C27477" t="s">
        <v>16997</v>
      </c>
      <c r="D27477" t="s">
        <v>16998</v>
      </c>
      <c r="E27477" t="s">
        <v>16923</v>
      </c>
      <c r="F27477" t="s">
        <v>16924</v>
      </c>
      <c r="G27477" t="s">
        <v>16559</v>
      </c>
      <c r="H27477" t="s">
        <v>16560</v>
      </c>
      <c r="I27477" s="2">
        <v>1</v>
      </c>
      <c r="J27477" s="2">
        <v>0</v>
      </c>
      <c r="K27477" s="2">
        <v>0</v>
      </c>
      <c r="L27477" t="s">
        <v>120</v>
      </c>
      <c r="M27477" t="s">
        <v>83</v>
      </c>
      <c r="N27477" t="s">
        <v>91</v>
      </c>
      <c r="O27477" t="s">
        <v>85</v>
      </c>
      <c r="P27477" t="s">
        <v>86</v>
      </c>
      <c r="Q27477">
        <v>14</v>
      </c>
      <c r="R27477">
        <v>14</v>
      </c>
      <c r="S27477">
        <v>14</v>
      </c>
      <c r="T27477">
        <v>14</v>
      </c>
      <c r="U27477">
        <v>15</v>
      </c>
      <c r="V27477">
        <v>15</v>
      </c>
      <c r="W27477">
        <v>15</v>
      </c>
      <c r="X27477">
        <v>15</v>
      </c>
      <c r="Y27477">
        <v>15</v>
      </c>
      <c r="Z27477">
        <v>15</v>
      </c>
      <c r="AA27477">
        <v>15</v>
      </c>
      <c r="AB27477">
        <v>15</v>
      </c>
      <c r="AC27477">
        <v>15</v>
      </c>
      <c r="AD27477">
        <v>15</v>
      </c>
      <c r="AE27477">
        <v>15</v>
      </c>
      <c r="AF27477">
        <v>15</v>
      </c>
      <c r="AG27477">
        <v>15</v>
      </c>
      <c r="AH27477">
        <v>15</v>
      </c>
      <c r="AI27477">
        <v>15</v>
      </c>
      <c r="AJ27477">
        <v>15</v>
      </c>
      <c r="AK27477">
        <v>15</v>
      </c>
      <c r="AL27477">
        <v>15</v>
      </c>
      <c r="AM27477">
        <v>15</v>
      </c>
      <c r="AN27477">
        <v>15</v>
      </c>
      <c r="AO27477">
        <v>15</v>
      </c>
      <c r="AP27477">
        <v>15</v>
      </c>
      <c r="AQ27477">
        <v>15</v>
      </c>
    </row>
    <row r="27478" spans="1:43">
      <c r="A27478" t="s">
        <v>17007</v>
      </c>
      <c r="B27478" t="s">
        <v>17008</v>
      </c>
      <c r="C27478" t="s">
        <v>17009</v>
      </c>
      <c r="D27478" t="s">
        <v>17010</v>
      </c>
      <c r="E27478" t="s">
        <v>16923</v>
      </c>
      <c r="F27478" t="s">
        <v>16924</v>
      </c>
      <c r="G27478" t="s">
        <v>16559</v>
      </c>
      <c r="H27478" t="s">
        <v>16560</v>
      </c>
      <c r="I27478" s="2">
        <v>1</v>
      </c>
      <c r="J27478" s="2">
        <v>0</v>
      </c>
      <c r="K27478" s="2">
        <v>0</v>
      </c>
      <c r="L27478" t="s">
        <v>120</v>
      </c>
      <c r="M27478" t="s">
        <v>83</v>
      </c>
      <c r="N27478" t="s">
        <v>84</v>
      </c>
      <c r="O27478" t="s">
        <v>85</v>
      </c>
      <c r="P27478" t="s">
        <v>86</v>
      </c>
      <c r="Q27478">
        <v>16</v>
      </c>
      <c r="R27478">
        <v>16</v>
      </c>
      <c r="S27478">
        <v>16</v>
      </c>
      <c r="T27478">
        <v>17</v>
      </c>
      <c r="U27478">
        <v>17</v>
      </c>
      <c r="V27478">
        <v>17</v>
      </c>
      <c r="W27478">
        <v>17</v>
      </c>
      <c r="X27478">
        <v>17</v>
      </c>
      <c r="Y27478">
        <v>17</v>
      </c>
      <c r="Z27478">
        <v>17</v>
      </c>
      <c r="AA27478">
        <v>17</v>
      </c>
      <c r="AB27478">
        <v>17</v>
      </c>
      <c r="AC27478">
        <v>17</v>
      </c>
      <c r="AD27478">
        <v>17</v>
      </c>
      <c r="AE27478">
        <v>17</v>
      </c>
      <c r="AF27478">
        <v>17</v>
      </c>
      <c r="AG27478">
        <v>17</v>
      </c>
      <c r="AH27478">
        <v>17</v>
      </c>
      <c r="AI27478">
        <v>17</v>
      </c>
      <c r="AJ27478">
        <v>17</v>
      </c>
      <c r="AK27478">
        <v>17</v>
      </c>
      <c r="AL27478">
        <v>17</v>
      </c>
      <c r="AM27478">
        <v>17</v>
      </c>
      <c r="AN27478">
        <v>17</v>
      </c>
      <c r="AO27478">
        <v>17</v>
      </c>
      <c r="AP27478">
        <v>17</v>
      </c>
      <c r="AQ27478">
        <v>17</v>
      </c>
    </row>
    <row r="27479" spans="1:43">
      <c r="A27479" t="s">
        <v>17007</v>
      </c>
      <c r="B27479" t="s">
        <v>17008</v>
      </c>
      <c r="C27479" t="s">
        <v>17009</v>
      </c>
      <c r="D27479" t="s">
        <v>17010</v>
      </c>
      <c r="E27479" t="s">
        <v>16923</v>
      </c>
      <c r="F27479" t="s">
        <v>16924</v>
      </c>
      <c r="G27479" t="s">
        <v>16559</v>
      </c>
      <c r="H27479" t="s">
        <v>16560</v>
      </c>
      <c r="I27479" s="2">
        <v>1</v>
      </c>
      <c r="J27479" s="2">
        <v>0</v>
      </c>
      <c r="K27479" s="2">
        <v>0</v>
      </c>
      <c r="L27479" t="s">
        <v>120</v>
      </c>
      <c r="M27479" t="s">
        <v>87</v>
      </c>
      <c r="N27479" t="s">
        <v>88</v>
      </c>
      <c r="O27479" t="s">
        <v>85</v>
      </c>
      <c r="P27479" t="s">
        <v>86</v>
      </c>
      <c r="Q27479">
        <v>16</v>
      </c>
      <c r="R27479">
        <v>16</v>
      </c>
      <c r="S27479">
        <v>16</v>
      </c>
      <c r="T27479">
        <v>16</v>
      </c>
      <c r="U27479">
        <v>16</v>
      </c>
      <c r="V27479">
        <v>16</v>
      </c>
      <c r="W27479">
        <v>16</v>
      </c>
      <c r="X27479">
        <v>16</v>
      </c>
      <c r="Y27479">
        <v>16</v>
      </c>
      <c r="Z27479">
        <v>16</v>
      </c>
      <c r="AA27479">
        <v>15</v>
      </c>
      <c r="AB27479">
        <v>15</v>
      </c>
      <c r="AC27479">
        <v>15</v>
      </c>
      <c r="AD27479">
        <v>15</v>
      </c>
      <c r="AE27479">
        <v>15</v>
      </c>
      <c r="AF27479">
        <v>15</v>
      </c>
      <c r="AG27479">
        <v>15</v>
      </c>
      <c r="AH27479">
        <v>15</v>
      </c>
      <c r="AI27479">
        <v>15</v>
      </c>
      <c r="AJ27479">
        <v>15</v>
      </c>
      <c r="AK27479">
        <v>15</v>
      </c>
      <c r="AL27479">
        <v>15</v>
      </c>
      <c r="AM27479">
        <v>15</v>
      </c>
      <c r="AN27479">
        <v>15</v>
      </c>
      <c r="AO27479">
        <v>15</v>
      </c>
      <c r="AP27479">
        <v>15</v>
      </c>
      <c r="AQ27479">
        <v>15</v>
      </c>
    </row>
    <row r="27480" spans="1:43">
      <c r="A27480" t="s">
        <v>17007</v>
      </c>
      <c r="B27480" t="s">
        <v>17008</v>
      </c>
      <c r="C27480" t="s">
        <v>17009</v>
      </c>
      <c r="D27480" t="s">
        <v>17010</v>
      </c>
      <c r="E27480" t="s">
        <v>16923</v>
      </c>
      <c r="F27480" t="s">
        <v>16924</v>
      </c>
      <c r="G27480" t="s">
        <v>16559</v>
      </c>
      <c r="H27480" t="s">
        <v>16560</v>
      </c>
      <c r="I27480" s="2">
        <v>1</v>
      </c>
      <c r="J27480" s="2">
        <v>0</v>
      </c>
      <c r="K27480" s="2">
        <v>0</v>
      </c>
      <c r="L27480" t="s">
        <v>120</v>
      </c>
      <c r="M27480" t="s">
        <v>89</v>
      </c>
      <c r="N27480" t="s">
        <v>90</v>
      </c>
      <c r="O27480" t="s">
        <v>85</v>
      </c>
      <c r="P27480" t="s">
        <v>86</v>
      </c>
      <c r="Q27480">
        <v>16</v>
      </c>
      <c r="R27480">
        <v>17</v>
      </c>
      <c r="S27480">
        <v>17</v>
      </c>
      <c r="T27480">
        <v>17</v>
      </c>
      <c r="U27480">
        <v>17</v>
      </c>
      <c r="V27480">
        <v>17</v>
      </c>
      <c r="W27480">
        <v>18</v>
      </c>
      <c r="X27480">
        <v>18</v>
      </c>
      <c r="Y27480">
        <v>18</v>
      </c>
      <c r="Z27480">
        <v>18</v>
      </c>
      <c r="AA27480">
        <v>18</v>
      </c>
      <c r="AB27480">
        <v>18</v>
      </c>
      <c r="AC27480">
        <v>18</v>
      </c>
      <c r="AD27480">
        <v>18</v>
      </c>
      <c r="AE27480">
        <v>18</v>
      </c>
      <c r="AF27480">
        <v>18</v>
      </c>
      <c r="AG27480">
        <v>18</v>
      </c>
      <c r="AH27480">
        <v>18</v>
      </c>
      <c r="AI27480">
        <v>18</v>
      </c>
      <c r="AJ27480">
        <v>18</v>
      </c>
      <c r="AK27480">
        <v>18</v>
      </c>
      <c r="AL27480">
        <v>18</v>
      </c>
      <c r="AM27480">
        <v>17</v>
      </c>
      <c r="AN27480">
        <v>17</v>
      </c>
      <c r="AO27480">
        <v>17</v>
      </c>
      <c r="AP27480">
        <v>17</v>
      </c>
      <c r="AQ27480">
        <v>17</v>
      </c>
    </row>
    <row r="27481" spans="1:43">
      <c r="A27481" t="s">
        <v>17007</v>
      </c>
      <c r="B27481" t="s">
        <v>17008</v>
      </c>
      <c r="C27481" t="s">
        <v>17009</v>
      </c>
      <c r="D27481" t="s">
        <v>17010</v>
      </c>
      <c r="E27481" t="s">
        <v>16923</v>
      </c>
      <c r="F27481" t="s">
        <v>16924</v>
      </c>
      <c r="G27481" t="s">
        <v>16559</v>
      </c>
      <c r="H27481" t="s">
        <v>16560</v>
      </c>
      <c r="I27481" s="2">
        <v>1</v>
      </c>
      <c r="J27481" s="2">
        <v>0</v>
      </c>
      <c r="K27481" s="2">
        <v>0</v>
      </c>
      <c r="L27481" t="s">
        <v>120</v>
      </c>
      <c r="M27481" t="s">
        <v>83</v>
      </c>
      <c r="N27481" t="s">
        <v>91</v>
      </c>
      <c r="O27481" t="s">
        <v>85</v>
      </c>
      <c r="P27481" t="s">
        <v>86</v>
      </c>
      <c r="Q27481">
        <v>16</v>
      </c>
      <c r="R27481">
        <v>16</v>
      </c>
      <c r="S27481">
        <v>16</v>
      </c>
      <c r="T27481">
        <v>17</v>
      </c>
      <c r="U27481">
        <v>17</v>
      </c>
      <c r="V27481">
        <v>17</v>
      </c>
      <c r="W27481">
        <v>17</v>
      </c>
      <c r="X27481">
        <v>17</v>
      </c>
      <c r="Y27481">
        <v>17</v>
      </c>
      <c r="Z27481">
        <v>17</v>
      </c>
      <c r="AA27481">
        <v>17</v>
      </c>
      <c r="AB27481">
        <v>17</v>
      </c>
      <c r="AC27481">
        <v>17</v>
      </c>
      <c r="AD27481">
        <v>17</v>
      </c>
      <c r="AE27481">
        <v>17</v>
      </c>
      <c r="AF27481">
        <v>17</v>
      </c>
      <c r="AG27481">
        <v>17</v>
      </c>
      <c r="AH27481">
        <v>17</v>
      </c>
      <c r="AI27481">
        <v>17</v>
      </c>
      <c r="AJ27481">
        <v>17</v>
      </c>
      <c r="AK27481">
        <v>17</v>
      </c>
      <c r="AL27481">
        <v>17</v>
      </c>
      <c r="AM27481">
        <v>17</v>
      </c>
      <c r="AN27481">
        <v>17</v>
      </c>
      <c r="AO27481">
        <v>17</v>
      </c>
      <c r="AP27481">
        <v>17</v>
      </c>
      <c r="AQ27481">
        <v>17</v>
      </c>
    </row>
    <row r="27482" spans="1:43">
      <c r="A27482" t="s">
        <v>17011</v>
      </c>
      <c r="B27482" t="s">
        <v>17012</v>
      </c>
      <c r="C27482" t="s">
        <v>17009</v>
      </c>
      <c r="D27482" t="s">
        <v>17010</v>
      </c>
      <c r="E27482" t="s">
        <v>16923</v>
      </c>
      <c r="F27482" t="s">
        <v>16924</v>
      </c>
      <c r="G27482" t="s">
        <v>16559</v>
      </c>
      <c r="H27482" t="s">
        <v>16560</v>
      </c>
      <c r="I27482" s="2">
        <v>1</v>
      </c>
      <c r="J27482" s="2">
        <v>0</v>
      </c>
      <c r="K27482" s="2">
        <v>0</v>
      </c>
      <c r="L27482" t="s">
        <v>120</v>
      </c>
      <c r="M27482" t="s">
        <v>83</v>
      </c>
      <c r="N27482" t="s">
        <v>84</v>
      </c>
      <c r="O27482" t="s">
        <v>85</v>
      </c>
      <c r="P27482" t="s">
        <v>86</v>
      </c>
      <c r="Q27482">
        <v>22</v>
      </c>
      <c r="R27482">
        <v>22</v>
      </c>
      <c r="S27482">
        <v>22</v>
      </c>
      <c r="T27482">
        <v>22</v>
      </c>
      <c r="U27482">
        <v>23</v>
      </c>
      <c r="V27482">
        <v>23</v>
      </c>
      <c r="W27482">
        <v>23</v>
      </c>
      <c r="X27482">
        <v>23</v>
      </c>
      <c r="Y27482">
        <v>23</v>
      </c>
      <c r="Z27482">
        <v>23</v>
      </c>
      <c r="AA27482">
        <v>23</v>
      </c>
      <c r="AB27482">
        <v>23</v>
      </c>
      <c r="AC27482">
        <v>23</v>
      </c>
      <c r="AD27482">
        <v>23</v>
      </c>
      <c r="AE27482">
        <v>23</v>
      </c>
      <c r="AF27482">
        <v>23</v>
      </c>
      <c r="AG27482">
        <v>24</v>
      </c>
      <c r="AH27482">
        <v>24</v>
      </c>
      <c r="AI27482">
        <v>24</v>
      </c>
      <c r="AJ27482">
        <v>24</v>
      </c>
      <c r="AK27482">
        <v>24</v>
      </c>
      <c r="AL27482">
        <v>24</v>
      </c>
      <c r="AM27482">
        <v>24</v>
      </c>
      <c r="AN27482">
        <v>23</v>
      </c>
      <c r="AO27482">
        <v>23</v>
      </c>
      <c r="AP27482">
        <v>23</v>
      </c>
      <c r="AQ27482">
        <v>23</v>
      </c>
    </row>
    <row r="27483" spans="1:43">
      <c r="A27483" t="s">
        <v>17011</v>
      </c>
      <c r="B27483" t="s">
        <v>17012</v>
      </c>
      <c r="C27483" t="s">
        <v>17009</v>
      </c>
      <c r="D27483" t="s">
        <v>17010</v>
      </c>
      <c r="E27483" t="s">
        <v>16923</v>
      </c>
      <c r="F27483" t="s">
        <v>16924</v>
      </c>
      <c r="G27483" t="s">
        <v>16559</v>
      </c>
      <c r="H27483" t="s">
        <v>16560</v>
      </c>
      <c r="I27483" s="2">
        <v>1</v>
      </c>
      <c r="J27483" s="2">
        <v>0</v>
      </c>
      <c r="K27483" s="2">
        <v>0</v>
      </c>
      <c r="L27483" t="s">
        <v>120</v>
      </c>
      <c r="M27483" t="s">
        <v>87</v>
      </c>
      <c r="N27483" t="s">
        <v>88</v>
      </c>
      <c r="O27483" t="s">
        <v>85</v>
      </c>
      <c r="P27483" t="s">
        <v>86</v>
      </c>
      <c r="Q27483">
        <v>22</v>
      </c>
      <c r="R27483">
        <v>22</v>
      </c>
      <c r="S27483">
        <v>22</v>
      </c>
      <c r="T27483">
        <v>22</v>
      </c>
      <c r="U27483">
        <v>22</v>
      </c>
      <c r="V27483">
        <v>21</v>
      </c>
      <c r="W27483">
        <v>21</v>
      </c>
      <c r="X27483">
        <v>21</v>
      </c>
      <c r="Y27483">
        <v>21</v>
      </c>
      <c r="Z27483">
        <v>21</v>
      </c>
      <c r="AA27483">
        <v>21</v>
      </c>
      <c r="AB27483">
        <v>21</v>
      </c>
      <c r="AC27483">
        <v>21</v>
      </c>
      <c r="AD27483">
        <v>21</v>
      </c>
      <c r="AE27483">
        <v>21</v>
      </c>
      <c r="AF27483">
        <v>21</v>
      </c>
      <c r="AG27483">
        <v>21</v>
      </c>
      <c r="AH27483">
        <v>21</v>
      </c>
      <c r="AI27483">
        <v>20</v>
      </c>
      <c r="AJ27483">
        <v>20</v>
      </c>
      <c r="AK27483">
        <v>20</v>
      </c>
      <c r="AL27483">
        <v>20</v>
      </c>
      <c r="AM27483">
        <v>20</v>
      </c>
      <c r="AN27483">
        <v>20</v>
      </c>
      <c r="AO27483">
        <v>20</v>
      </c>
      <c r="AP27483">
        <v>20</v>
      </c>
      <c r="AQ27483">
        <v>20</v>
      </c>
    </row>
    <row r="27484" spans="1:43">
      <c r="A27484" t="s">
        <v>17011</v>
      </c>
      <c r="B27484" t="s">
        <v>17012</v>
      </c>
      <c r="C27484" t="s">
        <v>17009</v>
      </c>
      <c r="D27484" t="s">
        <v>17010</v>
      </c>
      <c r="E27484" t="s">
        <v>16923</v>
      </c>
      <c r="F27484" t="s">
        <v>16924</v>
      </c>
      <c r="G27484" t="s">
        <v>16559</v>
      </c>
      <c r="H27484" t="s">
        <v>16560</v>
      </c>
      <c r="I27484" s="2">
        <v>1</v>
      </c>
      <c r="J27484" s="2">
        <v>0</v>
      </c>
      <c r="K27484" s="2">
        <v>0</v>
      </c>
      <c r="L27484" t="s">
        <v>120</v>
      </c>
      <c r="M27484" t="s">
        <v>89</v>
      </c>
      <c r="N27484" t="s">
        <v>90</v>
      </c>
      <c r="O27484" t="s">
        <v>85</v>
      </c>
      <c r="P27484" t="s">
        <v>86</v>
      </c>
      <c r="Q27484">
        <v>22</v>
      </c>
      <c r="R27484">
        <v>23</v>
      </c>
      <c r="S27484">
        <v>23</v>
      </c>
      <c r="T27484">
        <v>23</v>
      </c>
      <c r="U27484">
        <v>23</v>
      </c>
      <c r="V27484">
        <v>24</v>
      </c>
      <c r="W27484">
        <v>24</v>
      </c>
      <c r="X27484">
        <v>24</v>
      </c>
      <c r="Y27484">
        <v>24</v>
      </c>
      <c r="Z27484">
        <v>24</v>
      </c>
      <c r="AA27484">
        <v>25</v>
      </c>
      <c r="AB27484">
        <v>25</v>
      </c>
      <c r="AC27484">
        <v>25</v>
      </c>
      <c r="AD27484">
        <v>25</v>
      </c>
      <c r="AE27484">
        <v>25</v>
      </c>
      <c r="AF27484">
        <v>25</v>
      </c>
      <c r="AG27484">
        <v>25</v>
      </c>
      <c r="AH27484">
        <v>25</v>
      </c>
      <c r="AI27484">
        <v>24</v>
      </c>
      <c r="AJ27484">
        <v>24</v>
      </c>
      <c r="AK27484">
        <v>24</v>
      </c>
      <c r="AL27484">
        <v>24</v>
      </c>
      <c r="AM27484">
        <v>24</v>
      </c>
      <c r="AN27484">
        <v>24</v>
      </c>
      <c r="AO27484">
        <v>24</v>
      </c>
      <c r="AP27484">
        <v>23</v>
      </c>
      <c r="AQ27484">
        <v>23</v>
      </c>
    </row>
    <row r="27485" spans="1:43">
      <c r="A27485" t="s">
        <v>17011</v>
      </c>
      <c r="B27485" t="s">
        <v>17012</v>
      </c>
      <c r="C27485" t="s">
        <v>17009</v>
      </c>
      <c r="D27485" t="s">
        <v>17010</v>
      </c>
      <c r="E27485" t="s">
        <v>16923</v>
      </c>
      <c r="F27485" t="s">
        <v>16924</v>
      </c>
      <c r="G27485" t="s">
        <v>16559</v>
      </c>
      <c r="H27485" t="s">
        <v>16560</v>
      </c>
      <c r="I27485" s="2">
        <v>1</v>
      </c>
      <c r="J27485" s="2">
        <v>0</v>
      </c>
      <c r="K27485" s="2">
        <v>0</v>
      </c>
      <c r="L27485" t="s">
        <v>120</v>
      </c>
      <c r="M27485" t="s">
        <v>83</v>
      </c>
      <c r="N27485" t="s">
        <v>91</v>
      </c>
      <c r="O27485" t="s">
        <v>85</v>
      </c>
      <c r="P27485" t="s">
        <v>86</v>
      </c>
      <c r="Q27485">
        <v>22</v>
      </c>
      <c r="R27485">
        <v>22</v>
      </c>
      <c r="S27485">
        <v>22</v>
      </c>
      <c r="T27485">
        <v>22</v>
      </c>
      <c r="U27485">
        <v>23</v>
      </c>
      <c r="V27485">
        <v>23</v>
      </c>
      <c r="W27485">
        <v>23</v>
      </c>
      <c r="X27485">
        <v>23</v>
      </c>
      <c r="Y27485">
        <v>23</v>
      </c>
      <c r="Z27485">
        <v>23</v>
      </c>
      <c r="AA27485">
        <v>23</v>
      </c>
      <c r="AB27485">
        <v>23</v>
      </c>
      <c r="AC27485">
        <v>23</v>
      </c>
      <c r="AD27485">
        <v>23</v>
      </c>
      <c r="AE27485">
        <v>23</v>
      </c>
      <c r="AF27485">
        <v>23</v>
      </c>
      <c r="AG27485">
        <v>24</v>
      </c>
      <c r="AH27485">
        <v>24</v>
      </c>
      <c r="AI27485">
        <v>24</v>
      </c>
      <c r="AJ27485">
        <v>24</v>
      </c>
      <c r="AK27485">
        <v>24</v>
      </c>
      <c r="AL27485">
        <v>24</v>
      </c>
      <c r="AM27485">
        <v>24</v>
      </c>
      <c r="AN27485">
        <v>23</v>
      </c>
      <c r="AO27485">
        <v>23</v>
      </c>
      <c r="AP27485">
        <v>23</v>
      </c>
      <c r="AQ27485">
        <v>23</v>
      </c>
    </row>
    <row r="27486" spans="1:43">
      <c r="A27486" t="s">
        <v>17013</v>
      </c>
      <c r="B27486" t="s">
        <v>17014</v>
      </c>
      <c r="C27486" t="s">
        <v>17009</v>
      </c>
      <c r="D27486" t="s">
        <v>17010</v>
      </c>
      <c r="E27486" t="s">
        <v>16923</v>
      </c>
      <c r="F27486" t="s">
        <v>16924</v>
      </c>
      <c r="G27486" t="s">
        <v>16559</v>
      </c>
      <c r="H27486" t="s">
        <v>16560</v>
      </c>
      <c r="I27486" s="2">
        <v>1</v>
      </c>
      <c r="J27486" s="2">
        <v>0</v>
      </c>
      <c r="K27486" s="2">
        <v>0</v>
      </c>
      <c r="L27486" t="s">
        <v>120</v>
      </c>
      <c r="M27486" t="s">
        <v>83</v>
      </c>
      <c r="N27486" t="s">
        <v>84</v>
      </c>
      <c r="O27486" t="s">
        <v>85</v>
      </c>
      <c r="P27486" t="s">
        <v>86</v>
      </c>
      <c r="Q27486">
        <v>46</v>
      </c>
      <c r="R27486">
        <v>46</v>
      </c>
      <c r="S27486">
        <v>46</v>
      </c>
      <c r="T27486">
        <v>46</v>
      </c>
      <c r="U27486">
        <v>47</v>
      </c>
      <c r="V27486">
        <v>47</v>
      </c>
      <c r="W27486">
        <v>47</v>
      </c>
      <c r="X27486">
        <v>47</v>
      </c>
      <c r="Y27486">
        <v>48</v>
      </c>
      <c r="Z27486">
        <v>48</v>
      </c>
      <c r="AA27486">
        <v>48</v>
      </c>
      <c r="AB27486">
        <v>48</v>
      </c>
      <c r="AC27486">
        <v>48</v>
      </c>
      <c r="AD27486">
        <v>48</v>
      </c>
      <c r="AE27486">
        <v>49</v>
      </c>
      <c r="AF27486">
        <v>49</v>
      </c>
      <c r="AG27486">
        <v>49</v>
      </c>
      <c r="AH27486">
        <v>49</v>
      </c>
      <c r="AI27486">
        <v>49</v>
      </c>
      <c r="AJ27486">
        <v>49</v>
      </c>
      <c r="AK27486">
        <v>50</v>
      </c>
      <c r="AL27486">
        <v>49</v>
      </c>
      <c r="AM27486">
        <v>49</v>
      </c>
      <c r="AN27486">
        <v>49</v>
      </c>
      <c r="AO27486">
        <v>49</v>
      </c>
      <c r="AP27486">
        <v>48</v>
      </c>
      <c r="AQ27486">
        <v>48</v>
      </c>
    </row>
    <row r="27487" spans="1:43">
      <c r="A27487" t="s">
        <v>17013</v>
      </c>
      <c r="B27487" t="s">
        <v>17014</v>
      </c>
      <c r="C27487" t="s">
        <v>17009</v>
      </c>
      <c r="D27487" t="s">
        <v>17010</v>
      </c>
      <c r="E27487" t="s">
        <v>16923</v>
      </c>
      <c r="F27487" t="s">
        <v>16924</v>
      </c>
      <c r="G27487" t="s">
        <v>16559</v>
      </c>
      <c r="H27487" t="s">
        <v>16560</v>
      </c>
      <c r="I27487" s="2">
        <v>1</v>
      </c>
      <c r="J27487" s="2">
        <v>0</v>
      </c>
      <c r="K27487" s="2">
        <v>0</v>
      </c>
      <c r="L27487" t="s">
        <v>120</v>
      </c>
      <c r="M27487" t="s">
        <v>87</v>
      </c>
      <c r="N27487" t="s">
        <v>88</v>
      </c>
      <c r="O27487" t="s">
        <v>85</v>
      </c>
      <c r="P27487" t="s">
        <v>86</v>
      </c>
      <c r="Q27487">
        <v>46</v>
      </c>
      <c r="R27487">
        <v>46</v>
      </c>
      <c r="S27487">
        <v>46</v>
      </c>
      <c r="T27487">
        <v>46</v>
      </c>
      <c r="U27487">
        <v>46</v>
      </c>
      <c r="V27487">
        <v>45</v>
      </c>
      <c r="W27487">
        <v>45</v>
      </c>
      <c r="X27487">
        <v>45</v>
      </c>
      <c r="Y27487">
        <v>45</v>
      </c>
      <c r="Z27487">
        <v>45</v>
      </c>
      <c r="AA27487">
        <v>45</v>
      </c>
      <c r="AB27487">
        <v>45</v>
      </c>
      <c r="AC27487">
        <v>44</v>
      </c>
      <c r="AD27487">
        <v>44</v>
      </c>
      <c r="AE27487">
        <v>44</v>
      </c>
      <c r="AF27487">
        <v>44</v>
      </c>
      <c r="AG27487">
        <v>44</v>
      </c>
      <c r="AH27487">
        <v>44</v>
      </c>
      <c r="AI27487">
        <v>44</v>
      </c>
      <c r="AJ27487">
        <v>43</v>
      </c>
      <c r="AK27487">
        <v>43</v>
      </c>
      <c r="AL27487">
        <v>43</v>
      </c>
      <c r="AM27487">
        <v>43</v>
      </c>
      <c r="AN27487">
        <v>43</v>
      </c>
      <c r="AO27487">
        <v>43</v>
      </c>
      <c r="AP27487">
        <v>43</v>
      </c>
      <c r="AQ27487">
        <v>43</v>
      </c>
    </row>
    <row r="27488" spans="1:43">
      <c r="A27488" t="s">
        <v>17013</v>
      </c>
      <c r="B27488" t="s">
        <v>17014</v>
      </c>
      <c r="C27488" t="s">
        <v>17009</v>
      </c>
      <c r="D27488" t="s">
        <v>17010</v>
      </c>
      <c r="E27488" t="s">
        <v>16923</v>
      </c>
      <c r="F27488" t="s">
        <v>16924</v>
      </c>
      <c r="G27488" t="s">
        <v>16559</v>
      </c>
      <c r="H27488" t="s">
        <v>16560</v>
      </c>
      <c r="I27488" s="2">
        <v>1</v>
      </c>
      <c r="J27488" s="2">
        <v>0</v>
      </c>
      <c r="K27488" s="2">
        <v>0</v>
      </c>
      <c r="L27488" t="s">
        <v>120</v>
      </c>
      <c r="M27488" t="s">
        <v>89</v>
      </c>
      <c r="N27488" t="s">
        <v>90</v>
      </c>
      <c r="O27488" t="s">
        <v>85</v>
      </c>
      <c r="P27488" t="s">
        <v>86</v>
      </c>
      <c r="Q27488">
        <v>46</v>
      </c>
      <c r="R27488">
        <v>47</v>
      </c>
      <c r="S27488">
        <v>47</v>
      </c>
      <c r="T27488">
        <v>48</v>
      </c>
      <c r="U27488">
        <v>48</v>
      </c>
      <c r="V27488">
        <v>49</v>
      </c>
      <c r="W27488">
        <v>49</v>
      </c>
      <c r="X27488">
        <v>50</v>
      </c>
      <c r="Y27488">
        <v>50</v>
      </c>
      <c r="Z27488">
        <v>51</v>
      </c>
      <c r="AA27488">
        <v>51</v>
      </c>
      <c r="AB27488">
        <v>51</v>
      </c>
      <c r="AC27488">
        <v>52</v>
      </c>
      <c r="AD27488">
        <v>52</v>
      </c>
      <c r="AE27488">
        <v>52</v>
      </c>
      <c r="AF27488">
        <v>52</v>
      </c>
      <c r="AG27488">
        <v>52</v>
      </c>
      <c r="AH27488">
        <v>51</v>
      </c>
      <c r="AI27488">
        <v>51</v>
      </c>
      <c r="AJ27488">
        <v>51</v>
      </c>
      <c r="AK27488">
        <v>50</v>
      </c>
      <c r="AL27488">
        <v>50</v>
      </c>
      <c r="AM27488">
        <v>50</v>
      </c>
      <c r="AN27488">
        <v>50</v>
      </c>
      <c r="AO27488">
        <v>49</v>
      </c>
      <c r="AP27488">
        <v>49</v>
      </c>
      <c r="AQ27488">
        <v>49</v>
      </c>
    </row>
    <row r="27489" spans="1:43">
      <c r="A27489" t="s">
        <v>17013</v>
      </c>
      <c r="B27489" t="s">
        <v>17014</v>
      </c>
      <c r="C27489" t="s">
        <v>17009</v>
      </c>
      <c r="D27489" t="s">
        <v>17010</v>
      </c>
      <c r="E27489" t="s">
        <v>16923</v>
      </c>
      <c r="F27489" t="s">
        <v>16924</v>
      </c>
      <c r="G27489" t="s">
        <v>16559</v>
      </c>
      <c r="H27489" t="s">
        <v>16560</v>
      </c>
      <c r="I27489" s="2">
        <v>1</v>
      </c>
      <c r="J27489" s="2">
        <v>0</v>
      </c>
      <c r="K27489" s="2">
        <v>0</v>
      </c>
      <c r="L27489" t="s">
        <v>120</v>
      </c>
      <c r="M27489" t="s">
        <v>83</v>
      </c>
      <c r="N27489" t="s">
        <v>91</v>
      </c>
      <c r="O27489" t="s">
        <v>85</v>
      </c>
      <c r="P27489" t="s">
        <v>86</v>
      </c>
      <c r="Q27489">
        <v>46</v>
      </c>
      <c r="R27489">
        <v>46</v>
      </c>
      <c r="S27489">
        <v>46</v>
      </c>
      <c r="T27489">
        <v>46</v>
      </c>
      <c r="U27489">
        <v>47</v>
      </c>
      <c r="V27489">
        <v>47</v>
      </c>
      <c r="W27489">
        <v>47</v>
      </c>
      <c r="X27489">
        <v>47</v>
      </c>
      <c r="Y27489">
        <v>48</v>
      </c>
      <c r="Z27489">
        <v>48</v>
      </c>
      <c r="AA27489">
        <v>48</v>
      </c>
      <c r="AB27489">
        <v>48</v>
      </c>
      <c r="AC27489">
        <v>48</v>
      </c>
      <c r="AD27489">
        <v>48</v>
      </c>
      <c r="AE27489">
        <v>49</v>
      </c>
      <c r="AF27489">
        <v>49</v>
      </c>
      <c r="AG27489">
        <v>49</v>
      </c>
      <c r="AH27489">
        <v>49</v>
      </c>
      <c r="AI27489">
        <v>49</v>
      </c>
      <c r="AJ27489">
        <v>49</v>
      </c>
      <c r="AK27489">
        <v>50</v>
      </c>
      <c r="AL27489">
        <v>49</v>
      </c>
      <c r="AM27489">
        <v>49</v>
      </c>
      <c r="AN27489">
        <v>49</v>
      </c>
      <c r="AO27489">
        <v>49</v>
      </c>
      <c r="AP27489">
        <v>48</v>
      </c>
      <c r="AQ27489">
        <v>48</v>
      </c>
    </row>
    <row r="27490" spans="1:43">
      <c r="A27490" t="s">
        <v>17015</v>
      </c>
      <c r="B27490" t="s">
        <v>17016</v>
      </c>
      <c r="C27490" t="s">
        <v>17009</v>
      </c>
      <c r="D27490" t="s">
        <v>17010</v>
      </c>
      <c r="E27490" t="s">
        <v>16923</v>
      </c>
      <c r="F27490" t="s">
        <v>16924</v>
      </c>
      <c r="G27490" t="s">
        <v>16559</v>
      </c>
      <c r="H27490" t="s">
        <v>16560</v>
      </c>
      <c r="I27490" s="2">
        <v>1</v>
      </c>
      <c r="J27490" s="2">
        <v>0</v>
      </c>
      <c r="K27490" s="2">
        <v>0</v>
      </c>
      <c r="L27490" t="s">
        <v>120</v>
      </c>
      <c r="M27490" t="s">
        <v>83</v>
      </c>
      <c r="N27490" t="s">
        <v>84</v>
      </c>
      <c r="O27490" t="s">
        <v>85</v>
      </c>
      <c r="P27490" t="s">
        <v>86</v>
      </c>
      <c r="Q27490">
        <v>45</v>
      </c>
      <c r="R27490">
        <v>45</v>
      </c>
      <c r="S27490">
        <v>45</v>
      </c>
      <c r="T27490">
        <v>45</v>
      </c>
      <c r="U27490">
        <v>46</v>
      </c>
      <c r="V27490">
        <v>46</v>
      </c>
      <c r="W27490">
        <v>46</v>
      </c>
      <c r="X27490">
        <v>47</v>
      </c>
      <c r="Y27490">
        <v>47</v>
      </c>
      <c r="Z27490">
        <v>47</v>
      </c>
      <c r="AA27490">
        <v>47</v>
      </c>
      <c r="AB27490">
        <v>48</v>
      </c>
      <c r="AC27490">
        <v>48</v>
      </c>
      <c r="AD27490">
        <v>48</v>
      </c>
      <c r="AE27490">
        <v>48</v>
      </c>
      <c r="AF27490">
        <v>48</v>
      </c>
      <c r="AG27490">
        <v>49</v>
      </c>
      <c r="AH27490">
        <v>49</v>
      </c>
      <c r="AI27490">
        <v>49</v>
      </c>
      <c r="AJ27490">
        <v>49</v>
      </c>
      <c r="AK27490">
        <v>50</v>
      </c>
      <c r="AL27490">
        <v>50</v>
      </c>
      <c r="AM27490">
        <v>49</v>
      </c>
      <c r="AN27490">
        <v>49</v>
      </c>
      <c r="AO27490">
        <v>49</v>
      </c>
      <c r="AP27490">
        <v>49</v>
      </c>
      <c r="AQ27490">
        <v>49</v>
      </c>
    </row>
    <row r="27491" spans="1:43">
      <c r="A27491" t="s">
        <v>17015</v>
      </c>
      <c r="B27491" t="s">
        <v>17016</v>
      </c>
      <c r="C27491" t="s">
        <v>17009</v>
      </c>
      <c r="D27491" t="s">
        <v>17010</v>
      </c>
      <c r="E27491" t="s">
        <v>16923</v>
      </c>
      <c r="F27491" t="s">
        <v>16924</v>
      </c>
      <c r="G27491" t="s">
        <v>16559</v>
      </c>
      <c r="H27491" t="s">
        <v>16560</v>
      </c>
      <c r="I27491" s="2">
        <v>1</v>
      </c>
      <c r="J27491" s="2">
        <v>0</v>
      </c>
      <c r="K27491" s="2">
        <v>0</v>
      </c>
      <c r="L27491" t="s">
        <v>120</v>
      </c>
      <c r="M27491" t="s">
        <v>87</v>
      </c>
      <c r="N27491" t="s">
        <v>88</v>
      </c>
      <c r="O27491" t="s">
        <v>85</v>
      </c>
      <c r="P27491" t="s">
        <v>86</v>
      </c>
      <c r="Q27491">
        <v>45</v>
      </c>
      <c r="R27491">
        <v>45</v>
      </c>
      <c r="S27491">
        <v>45</v>
      </c>
      <c r="T27491">
        <v>45</v>
      </c>
      <c r="U27491">
        <v>45</v>
      </c>
      <c r="V27491">
        <v>45</v>
      </c>
      <c r="W27491">
        <v>44</v>
      </c>
      <c r="X27491">
        <v>44</v>
      </c>
      <c r="Y27491">
        <v>44</v>
      </c>
      <c r="Z27491">
        <v>44</v>
      </c>
      <c r="AA27491">
        <v>44</v>
      </c>
      <c r="AB27491">
        <v>44</v>
      </c>
      <c r="AC27491">
        <v>44</v>
      </c>
      <c r="AD27491">
        <v>44</v>
      </c>
      <c r="AE27491">
        <v>44</v>
      </c>
      <c r="AF27491">
        <v>44</v>
      </c>
      <c r="AG27491">
        <v>44</v>
      </c>
      <c r="AH27491">
        <v>44</v>
      </c>
      <c r="AI27491">
        <v>43</v>
      </c>
      <c r="AJ27491">
        <v>43</v>
      </c>
      <c r="AK27491">
        <v>43</v>
      </c>
      <c r="AL27491">
        <v>43</v>
      </c>
      <c r="AM27491">
        <v>43</v>
      </c>
      <c r="AN27491">
        <v>43</v>
      </c>
      <c r="AO27491">
        <v>43</v>
      </c>
      <c r="AP27491">
        <v>43</v>
      </c>
      <c r="AQ27491">
        <v>43</v>
      </c>
    </row>
    <row r="27492" spans="1:43">
      <c r="A27492" t="s">
        <v>17015</v>
      </c>
      <c r="B27492" t="s">
        <v>17016</v>
      </c>
      <c r="C27492" t="s">
        <v>17009</v>
      </c>
      <c r="D27492" t="s">
        <v>17010</v>
      </c>
      <c r="E27492" t="s">
        <v>16923</v>
      </c>
      <c r="F27492" t="s">
        <v>16924</v>
      </c>
      <c r="G27492" t="s">
        <v>16559</v>
      </c>
      <c r="H27492" t="s">
        <v>16560</v>
      </c>
      <c r="I27492" s="2">
        <v>1</v>
      </c>
      <c r="J27492" s="2">
        <v>0</v>
      </c>
      <c r="K27492" s="2">
        <v>0</v>
      </c>
      <c r="L27492" t="s">
        <v>120</v>
      </c>
      <c r="M27492" t="s">
        <v>89</v>
      </c>
      <c r="N27492" t="s">
        <v>90</v>
      </c>
      <c r="O27492" t="s">
        <v>85</v>
      </c>
      <c r="P27492" t="s">
        <v>86</v>
      </c>
      <c r="Q27492">
        <v>45</v>
      </c>
      <c r="R27492">
        <v>46</v>
      </c>
      <c r="S27492">
        <v>46</v>
      </c>
      <c r="T27492">
        <v>47</v>
      </c>
      <c r="U27492">
        <v>48</v>
      </c>
      <c r="V27492">
        <v>48</v>
      </c>
      <c r="W27492">
        <v>49</v>
      </c>
      <c r="X27492">
        <v>49</v>
      </c>
      <c r="Y27492">
        <v>50</v>
      </c>
      <c r="Z27492">
        <v>50</v>
      </c>
      <c r="AA27492">
        <v>50</v>
      </c>
      <c r="AB27492">
        <v>51</v>
      </c>
      <c r="AC27492">
        <v>51</v>
      </c>
      <c r="AD27492">
        <v>52</v>
      </c>
      <c r="AE27492">
        <v>52</v>
      </c>
      <c r="AF27492">
        <v>52</v>
      </c>
      <c r="AG27492">
        <v>51</v>
      </c>
      <c r="AH27492">
        <v>51</v>
      </c>
      <c r="AI27492">
        <v>51</v>
      </c>
      <c r="AJ27492">
        <v>51</v>
      </c>
      <c r="AK27492">
        <v>51</v>
      </c>
      <c r="AL27492">
        <v>50</v>
      </c>
      <c r="AM27492">
        <v>50</v>
      </c>
      <c r="AN27492">
        <v>50</v>
      </c>
      <c r="AO27492">
        <v>50</v>
      </c>
      <c r="AP27492">
        <v>50</v>
      </c>
      <c r="AQ27492">
        <v>49</v>
      </c>
    </row>
    <row r="27493" spans="1:43">
      <c r="A27493" t="s">
        <v>17015</v>
      </c>
      <c r="B27493" t="s">
        <v>17016</v>
      </c>
      <c r="C27493" t="s">
        <v>17009</v>
      </c>
      <c r="D27493" t="s">
        <v>17010</v>
      </c>
      <c r="E27493" t="s">
        <v>16923</v>
      </c>
      <c r="F27493" t="s">
        <v>16924</v>
      </c>
      <c r="G27493" t="s">
        <v>16559</v>
      </c>
      <c r="H27493" t="s">
        <v>16560</v>
      </c>
      <c r="I27493" s="2">
        <v>1</v>
      </c>
      <c r="J27493" s="2">
        <v>0</v>
      </c>
      <c r="K27493" s="2">
        <v>0</v>
      </c>
      <c r="L27493" t="s">
        <v>120</v>
      </c>
      <c r="M27493" t="s">
        <v>83</v>
      </c>
      <c r="N27493" t="s">
        <v>91</v>
      </c>
      <c r="O27493" t="s">
        <v>85</v>
      </c>
      <c r="P27493" t="s">
        <v>86</v>
      </c>
      <c r="Q27493">
        <v>45</v>
      </c>
      <c r="R27493">
        <v>45</v>
      </c>
      <c r="S27493">
        <v>45</v>
      </c>
      <c r="T27493">
        <v>45</v>
      </c>
      <c r="U27493">
        <v>46</v>
      </c>
      <c r="V27493">
        <v>46</v>
      </c>
      <c r="W27493">
        <v>46</v>
      </c>
      <c r="X27493">
        <v>47</v>
      </c>
      <c r="Y27493">
        <v>47</v>
      </c>
      <c r="Z27493">
        <v>47</v>
      </c>
      <c r="AA27493">
        <v>47</v>
      </c>
      <c r="AB27493">
        <v>48</v>
      </c>
      <c r="AC27493">
        <v>48</v>
      </c>
      <c r="AD27493">
        <v>48</v>
      </c>
      <c r="AE27493">
        <v>48</v>
      </c>
      <c r="AF27493">
        <v>48</v>
      </c>
      <c r="AG27493">
        <v>49</v>
      </c>
      <c r="AH27493">
        <v>49</v>
      </c>
      <c r="AI27493">
        <v>49</v>
      </c>
      <c r="AJ27493">
        <v>49</v>
      </c>
      <c r="AK27493">
        <v>50</v>
      </c>
      <c r="AL27493">
        <v>50</v>
      </c>
      <c r="AM27493">
        <v>49</v>
      </c>
      <c r="AN27493">
        <v>49</v>
      </c>
      <c r="AO27493">
        <v>49</v>
      </c>
      <c r="AP27493">
        <v>49</v>
      </c>
      <c r="AQ27493">
        <v>49</v>
      </c>
    </row>
    <row r="27494" spans="1:43">
      <c r="A27494" t="s">
        <v>17017</v>
      </c>
      <c r="B27494" t="s">
        <v>17018</v>
      </c>
      <c r="C27494" t="s">
        <v>16991</v>
      </c>
      <c r="D27494" t="s">
        <v>16992</v>
      </c>
      <c r="E27494" t="s">
        <v>16923</v>
      </c>
      <c r="F27494" t="s">
        <v>16924</v>
      </c>
      <c r="G27494" t="s">
        <v>16559</v>
      </c>
      <c r="H27494" t="s">
        <v>16560</v>
      </c>
      <c r="I27494" s="2">
        <v>1</v>
      </c>
      <c r="J27494" s="2">
        <v>0</v>
      </c>
      <c r="K27494" s="2">
        <v>0</v>
      </c>
      <c r="L27494" t="s">
        <v>120</v>
      </c>
      <c r="M27494" t="s">
        <v>83</v>
      </c>
      <c r="N27494" t="s">
        <v>84</v>
      </c>
      <c r="O27494" t="s">
        <v>85</v>
      </c>
      <c r="P27494" t="s">
        <v>86</v>
      </c>
      <c r="Q27494">
        <v>18</v>
      </c>
      <c r="R27494">
        <v>18</v>
      </c>
      <c r="S27494">
        <v>18</v>
      </c>
      <c r="T27494">
        <v>18</v>
      </c>
      <c r="U27494">
        <v>18</v>
      </c>
      <c r="V27494">
        <v>18</v>
      </c>
      <c r="W27494">
        <v>18</v>
      </c>
      <c r="X27494">
        <v>18</v>
      </c>
      <c r="Y27494">
        <v>18</v>
      </c>
      <c r="Z27494">
        <v>18</v>
      </c>
      <c r="AA27494">
        <v>18</v>
      </c>
      <c r="AB27494">
        <v>19</v>
      </c>
      <c r="AC27494">
        <v>19</v>
      </c>
      <c r="AD27494">
        <v>19</v>
      </c>
      <c r="AE27494">
        <v>19</v>
      </c>
      <c r="AF27494">
        <v>19</v>
      </c>
      <c r="AG27494">
        <v>19</v>
      </c>
      <c r="AH27494">
        <v>19</v>
      </c>
      <c r="AI27494">
        <v>19</v>
      </c>
      <c r="AJ27494">
        <v>19</v>
      </c>
      <c r="AK27494">
        <v>19</v>
      </c>
      <c r="AL27494">
        <v>19</v>
      </c>
      <c r="AM27494">
        <v>19</v>
      </c>
      <c r="AN27494">
        <v>19</v>
      </c>
      <c r="AO27494">
        <v>19</v>
      </c>
      <c r="AP27494">
        <v>19</v>
      </c>
      <c r="AQ27494">
        <v>19</v>
      </c>
    </row>
    <row r="27495" spans="1:43">
      <c r="A27495" t="s">
        <v>17017</v>
      </c>
      <c r="B27495" t="s">
        <v>17018</v>
      </c>
      <c r="C27495" t="s">
        <v>16991</v>
      </c>
      <c r="D27495" t="s">
        <v>16992</v>
      </c>
      <c r="E27495" t="s">
        <v>16923</v>
      </c>
      <c r="F27495" t="s">
        <v>16924</v>
      </c>
      <c r="G27495" t="s">
        <v>16559</v>
      </c>
      <c r="H27495" t="s">
        <v>16560</v>
      </c>
      <c r="I27495" s="2">
        <v>1</v>
      </c>
      <c r="J27495" s="2">
        <v>0</v>
      </c>
      <c r="K27495" s="2">
        <v>0</v>
      </c>
      <c r="L27495" t="s">
        <v>120</v>
      </c>
      <c r="M27495" t="s">
        <v>87</v>
      </c>
      <c r="N27495" t="s">
        <v>88</v>
      </c>
      <c r="O27495" t="s">
        <v>85</v>
      </c>
      <c r="P27495" t="s">
        <v>86</v>
      </c>
      <c r="Q27495">
        <v>18</v>
      </c>
      <c r="R27495">
        <v>18</v>
      </c>
      <c r="S27495">
        <v>18</v>
      </c>
      <c r="T27495">
        <v>18</v>
      </c>
      <c r="U27495">
        <v>18</v>
      </c>
      <c r="V27495">
        <v>18</v>
      </c>
      <c r="W27495">
        <v>18</v>
      </c>
      <c r="X27495">
        <v>18</v>
      </c>
      <c r="Y27495">
        <v>18</v>
      </c>
      <c r="Z27495">
        <v>18</v>
      </c>
      <c r="AA27495">
        <v>18</v>
      </c>
      <c r="AB27495">
        <v>18</v>
      </c>
      <c r="AC27495">
        <v>18</v>
      </c>
      <c r="AD27495">
        <v>18</v>
      </c>
      <c r="AE27495">
        <v>18</v>
      </c>
      <c r="AF27495">
        <v>18</v>
      </c>
      <c r="AG27495">
        <v>18</v>
      </c>
      <c r="AH27495">
        <v>17</v>
      </c>
      <c r="AI27495">
        <v>17</v>
      </c>
      <c r="AJ27495">
        <v>17</v>
      </c>
      <c r="AK27495">
        <v>17</v>
      </c>
      <c r="AL27495">
        <v>17</v>
      </c>
      <c r="AM27495">
        <v>17</v>
      </c>
      <c r="AN27495">
        <v>17</v>
      </c>
      <c r="AO27495">
        <v>17</v>
      </c>
      <c r="AP27495">
        <v>17</v>
      </c>
      <c r="AQ27495">
        <v>17</v>
      </c>
    </row>
    <row r="27496" spans="1:43">
      <c r="A27496" t="s">
        <v>17017</v>
      </c>
      <c r="B27496" t="s">
        <v>17018</v>
      </c>
      <c r="C27496" t="s">
        <v>16991</v>
      </c>
      <c r="D27496" t="s">
        <v>16992</v>
      </c>
      <c r="E27496" t="s">
        <v>16923</v>
      </c>
      <c r="F27496" t="s">
        <v>16924</v>
      </c>
      <c r="G27496" t="s">
        <v>16559</v>
      </c>
      <c r="H27496" t="s">
        <v>16560</v>
      </c>
      <c r="I27496" s="2">
        <v>1</v>
      </c>
      <c r="J27496" s="2">
        <v>0</v>
      </c>
      <c r="K27496" s="2">
        <v>0</v>
      </c>
      <c r="L27496" t="s">
        <v>120</v>
      </c>
      <c r="M27496" t="s">
        <v>89</v>
      </c>
      <c r="N27496" t="s">
        <v>90</v>
      </c>
      <c r="O27496" t="s">
        <v>85</v>
      </c>
      <c r="P27496" t="s">
        <v>86</v>
      </c>
      <c r="Q27496">
        <v>18</v>
      </c>
      <c r="R27496">
        <v>18</v>
      </c>
      <c r="S27496">
        <v>18</v>
      </c>
      <c r="T27496">
        <v>18</v>
      </c>
      <c r="U27496">
        <v>19</v>
      </c>
      <c r="V27496">
        <v>19</v>
      </c>
      <c r="W27496">
        <v>19</v>
      </c>
      <c r="X27496">
        <v>19</v>
      </c>
      <c r="Y27496">
        <v>19</v>
      </c>
      <c r="Z27496">
        <v>20</v>
      </c>
      <c r="AA27496">
        <v>20</v>
      </c>
      <c r="AB27496">
        <v>20</v>
      </c>
      <c r="AC27496">
        <v>20</v>
      </c>
      <c r="AD27496">
        <v>20</v>
      </c>
      <c r="AE27496">
        <v>20</v>
      </c>
      <c r="AF27496">
        <v>20</v>
      </c>
      <c r="AG27496">
        <v>20</v>
      </c>
      <c r="AH27496">
        <v>20</v>
      </c>
      <c r="AI27496">
        <v>20</v>
      </c>
      <c r="AJ27496">
        <v>19</v>
      </c>
      <c r="AK27496">
        <v>19</v>
      </c>
      <c r="AL27496">
        <v>19</v>
      </c>
      <c r="AM27496">
        <v>19</v>
      </c>
      <c r="AN27496">
        <v>19</v>
      </c>
      <c r="AO27496">
        <v>19</v>
      </c>
      <c r="AP27496">
        <v>19</v>
      </c>
      <c r="AQ27496">
        <v>19</v>
      </c>
    </row>
    <row r="27497" spans="1:43">
      <c r="A27497" t="s">
        <v>17017</v>
      </c>
      <c r="B27497" t="s">
        <v>17018</v>
      </c>
      <c r="C27497" t="s">
        <v>16991</v>
      </c>
      <c r="D27497" t="s">
        <v>16992</v>
      </c>
      <c r="E27497" t="s">
        <v>16923</v>
      </c>
      <c r="F27497" t="s">
        <v>16924</v>
      </c>
      <c r="G27497" t="s">
        <v>16559</v>
      </c>
      <c r="H27497" t="s">
        <v>16560</v>
      </c>
      <c r="I27497" s="2">
        <v>1</v>
      </c>
      <c r="J27497" s="2">
        <v>0</v>
      </c>
      <c r="K27497" s="2">
        <v>0</v>
      </c>
      <c r="L27497" t="s">
        <v>120</v>
      </c>
      <c r="M27497" t="s">
        <v>83</v>
      </c>
      <c r="N27497" t="s">
        <v>91</v>
      </c>
      <c r="O27497" t="s">
        <v>85</v>
      </c>
      <c r="P27497" t="s">
        <v>86</v>
      </c>
      <c r="Q27497">
        <v>18</v>
      </c>
      <c r="R27497">
        <v>18</v>
      </c>
      <c r="S27497">
        <v>18</v>
      </c>
      <c r="T27497">
        <v>18</v>
      </c>
      <c r="U27497">
        <v>18</v>
      </c>
      <c r="V27497">
        <v>18</v>
      </c>
      <c r="W27497">
        <v>18</v>
      </c>
      <c r="X27497">
        <v>18</v>
      </c>
      <c r="Y27497">
        <v>18</v>
      </c>
      <c r="Z27497">
        <v>18</v>
      </c>
      <c r="AA27497">
        <v>18</v>
      </c>
      <c r="AB27497">
        <v>19</v>
      </c>
      <c r="AC27497">
        <v>19</v>
      </c>
      <c r="AD27497">
        <v>19</v>
      </c>
      <c r="AE27497">
        <v>19</v>
      </c>
      <c r="AF27497">
        <v>19</v>
      </c>
      <c r="AG27497">
        <v>19</v>
      </c>
      <c r="AH27497">
        <v>19</v>
      </c>
      <c r="AI27497">
        <v>19</v>
      </c>
      <c r="AJ27497">
        <v>19</v>
      </c>
      <c r="AK27497">
        <v>19</v>
      </c>
      <c r="AL27497">
        <v>19</v>
      </c>
      <c r="AM27497">
        <v>19</v>
      </c>
      <c r="AN27497">
        <v>19</v>
      </c>
      <c r="AO27497">
        <v>19</v>
      </c>
      <c r="AP27497">
        <v>19</v>
      </c>
      <c r="AQ27497">
        <v>19</v>
      </c>
    </row>
    <row r="27498" spans="1:43">
      <c r="A27498" t="s">
        <v>17019</v>
      </c>
      <c r="B27498" t="s">
        <v>17020</v>
      </c>
      <c r="C27498" t="s">
        <v>16991</v>
      </c>
      <c r="D27498" t="s">
        <v>16992</v>
      </c>
      <c r="E27498" t="s">
        <v>16923</v>
      </c>
      <c r="F27498" t="s">
        <v>16924</v>
      </c>
      <c r="G27498" t="s">
        <v>16559</v>
      </c>
      <c r="H27498" t="s">
        <v>16560</v>
      </c>
      <c r="I27498" s="2">
        <v>1</v>
      </c>
      <c r="J27498" s="2">
        <v>0</v>
      </c>
      <c r="K27498" s="2">
        <v>0</v>
      </c>
      <c r="L27498" t="s">
        <v>120</v>
      </c>
      <c r="M27498" t="s">
        <v>83</v>
      </c>
      <c r="N27498" t="s">
        <v>84</v>
      </c>
      <c r="O27498" t="s">
        <v>85</v>
      </c>
      <c r="P27498" t="s">
        <v>86</v>
      </c>
      <c r="Q27498">
        <v>42</v>
      </c>
      <c r="R27498">
        <v>42</v>
      </c>
      <c r="S27498">
        <v>43</v>
      </c>
      <c r="T27498">
        <v>43</v>
      </c>
      <c r="U27498">
        <v>43</v>
      </c>
      <c r="V27498">
        <v>43</v>
      </c>
      <c r="W27498">
        <v>43</v>
      </c>
      <c r="X27498">
        <v>44</v>
      </c>
      <c r="Y27498">
        <v>44</v>
      </c>
      <c r="Z27498">
        <v>44</v>
      </c>
      <c r="AA27498">
        <v>44</v>
      </c>
      <c r="AB27498">
        <v>44</v>
      </c>
      <c r="AC27498">
        <v>44</v>
      </c>
      <c r="AD27498">
        <v>44</v>
      </c>
      <c r="AE27498">
        <v>45</v>
      </c>
      <c r="AF27498">
        <v>45</v>
      </c>
      <c r="AG27498">
        <v>45</v>
      </c>
      <c r="AH27498">
        <v>45</v>
      </c>
      <c r="AI27498">
        <v>45</v>
      </c>
      <c r="AJ27498">
        <v>45</v>
      </c>
      <c r="AK27498">
        <v>45</v>
      </c>
      <c r="AL27498">
        <v>45</v>
      </c>
      <c r="AM27498">
        <v>45</v>
      </c>
      <c r="AN27498">
        <v>45</v>
      </c>
      <c r="AO27498">
        <v>44</v>
      </c>
      <c r="AP27498">
        <v>44</v>
      </c>
      <c r="AQ27498">
        <v>44</v>
      </c>
    </row>
    <row r="27499" spans="1:43">
      <c r="A27499" t="s">
        <v>17019</v>
      </c>
      <c r="B27499" t="s">
        <v>17020</v>
      </c>
      <c r="C27499" t="s">
        <v>16991</v>
      </c>
      <c r="D27499" t="s">
        <v>16992</v>
      </c>
      <c r="E27499" t="s">
        <v>16923</v>
      </c>
      <c r="F27499" t="s">
        <v>16924</v>
      </c>
      <c r="G27499" t="s">
        <v>16559</v>
      </c>
      <c r="H27499" t="s">
        <v>16560</v>
      </c>
      <c r="I27499" s="2">
        <v>1</v>
      </c>
      <c r="J27499" s="2">
        <v>0</v>
      </c>
      <c r="K27499" s="2">
        <v>0</v>
      </c>
      <c r="L27499" t="s">
        <v>120</v>
      </c>
      <c r="M27499" t="s">
        <v>87</v>
      </c>
      <c r="N27499" t="s">
        <v>88</v>
      </c>
      <c r="O27499" t="s">
        <v>85</v>
      </c>
      <c r="P27499" t="s">
        <v>86</v>
      </c>
      <c r="Q27499">
        <v>42</v>
      </c>
      <c r="R27499">
        <v>42</v>
      </c>
      <c r="S27499">
        <v>41</v>
      </c>
      <c r="T27499">
        <v>41</v>
      </c>
      <c r="U27499">
        <v>41</v>
      </c>
      <c r="V27499">
        <v>41</v>
      </c>
      <c r="W27499">
        <v>41</v>
      </c>
      <c r="X27499">
        <v>41</v>
      </c>
      <c r="Y27499">
        <v>40</v>
      </c>
      <c r="Z27499">
        <v>40</v>
      </c>
      <c r="AA27499">
        <v>40</v>
      </c>
      <c r="AB27499">
        <v>40</v>
      </c>
      <c r="AC27499">
        <v>40</v>
      </c>
      <c r="AD27499">
        <v>40</v>
      </c>
      <c r="AE27499">
        <v>40</v>
      </c>
      <c r="AF27499">
        <v>39</v>
      </c>
      <c r="AG27499">
        <v>39</v>
      </c>
      <c r="AH27499">
        <v>39</v>
      </c>
      <c r="AI27499">
        <v>39</v>
      </c>
      <c r="AJ27499">
        <v>39</v>
      </c>
      <c r="AK27499">
        <v>39</v>
      </c>
      <c r="AL27499">
        <v>39</v>
      </c>
      <c r="AM27499">
        <v>38</v>
      </c>
      <c r="AN27499">
        <v>38</v>
      </c>
      <c r="AO27499">
        <v>38</v>
      </c>
      <c r="AP27499">
        <v>38</v>
      </c>
      <c r="AQ27499">
        <v>38</v>
      </c>
    </row>
    <row r="27500" spans="1:43">
      <c r="A27500" t="s">
        <v>17019</v>
      </c>
      <c r="B27500" t="s">
        <v>17020</v>
      </c>
      <c r="C27500" t="s">
        <v>16991</v>
      </c>
      <c r="D27500" t="s">
        <v>16992</v>
      </c>
      <c r="E27500" t="s">
        <v>16923</v>
      </c>
      <c r="F27500" t="s">
        <v>16924</v>
      </c>
      <c r="G27500" t="s">
        <v>16559</v>
      </c>
      <c r="H27500" t="s">
        <v>16560</v>
      </c>
      <c r="I27500" s="2">
        <v>1</v>
      </c>
      <c r="J27500" s="2">
        <v>0</v>
      </c>
      <c r="K27500" s="2">
        <v>0</v>
      </c>
      <c r="L27500" t="s">
        <v>120</v>
      </c>
      <c r="M27500" t="s">
        <v>89</v>
      </c>
      <c r="N27500" t="s">
        <v>90</v>
      </c>
      <c r="O27500" t="s">
        <v>85</v>
      </c>
      <c r="P27500" t="s">
        <v>86</v>
      </c>
      <c r="Q27500">
        <v>42</v>
      </c>
      <c r="R27500">
        <v>43</v>
      </c>
      <c r="S27500">
        <v>44</v>
      </c>
      <c r="T27500">
        <v>44</v>
      </c>
      <c r="U27500">
        <v>45</v>
      </c>
      <c r="V27500">
        <v>45</v>
      </c>
      <c r="W27500">
        <v>46</v>
      </c>
      <c r="X27500">
        <v>46</v>
      </c>
      <c r="Y27500">
        <v>46</v>
      </c>
      <c r="Z27500">
        <v>47</v>
      </c>
      <c r="AA27500">
        <v>47</v>
      </c>
      <c r="AB27500">
        <v>47</v>
      </c>
      <c r="AC27500">
        <v>48</v>
      </c>
      <c r="AD27500">
        <v>48</v>
      </c>
      <c r="AE27500">
        <v>48</v>
      </c>
      <c r="AF27500">
        <v>48</v>
      </c>
      <c r="AG27500">
        <v>47</v>
      </c>
      <c r="AH27500">
        <v>47</v>
      </c>
      <c r="AI27500">
        <v>47</v>
      </c>
      <c r="AJ27500">
        <v>46</v>
      </c>
      <c r="AK27500">
        <v>46</v>
      </c>
      <c r="AL27500">
        <v>46</v>
      </c>
      <c r="AM27500">
        <v>45</v>
      </c>
      <c r="AN27500">
        <v>45</v>
      </c>
      <c r="AO27500">
        <v>45</v>
      </c>
      <c r="AP27500">
        <v>45</v>
      </c>
      <c r="AQ27500">
        <v>44</v>
      </c>
    </row>
    <row r="27501" spans="1:43">
      <c r="A27501" t="s">
        <v>17019</v>
      </c>
      <c r="B27501" t="s">
        <v>17020</v>
      </c>
      <c r="C27501" t="s">
        <v>16991</v>
      </c>
      <c r="D27501" t="s">
        <v>16992</v>
      </c>
      <c r="E27501" t="s">
        <v>16923</v>
      </c>
      <c r="F27501" t="s">
        <v>16924</v>
      </c>
      <c r="G27501" t="s">
        <v>16559</v>
      </c>
      <c r="H27501" t="s">
        <v>16560</v>
      </c>
      <c r="I27501" s="2">
        <v>1</v>
      </c>
      <c r="J27501" s="2">
        <v>0</v>
      </c>
      <c r="K27501" s="2">
        <v>0</v>
      </c>
      <c r="L27501" t="s">
        <v>120</v>
      </c>
      <c r="M27501" t="s">
        <v>83</v>
      </c>
      <c r="N27501" t="s">
        <v>91</v>
      </c>
      <c r="O27501" t="s">
        <v>85</v>
      </c>
      <c r="P27501" t="s">
        <v>86</v>
      </c>
      <c r="Q27501">
        <v>42</v>
      </c>
      <c r="R27501">
        <v>42</v>
      </c>
      <c r="S27501">
        <v>43</v>
      </c>
      <c r="T27501">
        <v>43</v>
      </c>
      <c r="U27501">
        <v>43</v>
      </c>
      <c r="V27501">
        <v>43</v>
      </c>
      <c r="W27501">
        <v>43</v>
      </c>
      <c r="X27501">
        <v>44</v>
      </c>
      <c r="Y27501">
        <v>44</v>
      </c>
      <c r="Z27501">
        <v>44</v>
      </c>
      <c r="AA27501">
        <v>44</v>
      </c>
      <c r="AB27501">
        <v>44</v>
      </c>
      <c r="AC27501">
        <v>44</v>
      </c>
      <c r="AD27501">
        <v>44</v>
      </c>
      <c r="AE27501">
        <v>45</v>
      </c>
      <c r="AF27501">
        <v>45</v>
      </c>
      <c r="AG27501">
        <v>45</v>
      </c>
      <c r="AH27501">
        <v>45</v>
      </c>
      <c r="AI27501">
        <v>45</v>
      </c>
      <c r="AJ27501">
        <v>45</v>
      </c>
      <c r="AK27501">
        <v>45</v>
      </c>
      <c r="AL27501">
        <v>45</v>
      </c>
      <c r="AM27501">
        <v>45</v>
      </c>
      <c r="AN27501">
        <v>45</v>
      </c>
      <c r="AO27501">
        <v>44</v>
      </c>
      <c r="AP27501">
        <v>44</v>
      </c>
      <c r="AQ27501">
        <v>44</v>
      </c>
    </row>
    <row r="27502" spans="1:43">
      <c r="A27502" t="s">
        <v>17021</v>
      </c>
      <c r="B27502" t="s">
        <v>17022</v>
      </c>
      <c r="C27502" t="s">
        <v>17023</v>
      </c>
      <c r="D27502" t="s">
        <v>17024</v>
      </c>
      <c r="E27502" t="s">
        <v>16923</v>
      </c>
      <c r="F27502" t="s">
        <v>16924</v>
      </c>
      <c r="G27502" t="s">
        <v>16559</v>
      </c>
      <c r="H27502" t="s">
        <v>16560</v>
      </c>
      <c r="I27502" s="2">
        <v>1</v>
      </c>
      <c r="J27502" s="2">
        <v>0</v>
      </c>
      <c r="K27502" s="2">
        <v>0</v>
      </c>
      <c r="L27502" t="s">
        <v>120</v>
      </c>
      <c r="M27502" t="s">
        <v>83</v>
      </c>
      <c r="N27502" t="s">
        <v>84</v>
      </c>
      <c r="O27502" t="s">
        <v>85</v>
      </c>
      <c r="P27502" t="s">
        <v>86</v>
      </c>
      <c r="Q27502">
        <v>12</v>
      </c>
      <c r="R27502">
        <v>12</v>
      </c>
      <c r="S27502">
        <v>12</v>
      </c>
      <c r="T27502">
        <v>12</v>
      </c>
      <c r="U27502">
        <v>12</v>
      </c>
      <c r="V27502">
        <v>12</v>
      </c>
      <c r="W27502">
        <v>12</v>
      </c>
      <c r="X27502">
        <v>12</v>
      </c>
      <c r="Y27502">
        <v>12</v>
      </c>
      <c r="Z27502">
        <v>12</v>
      </c>
      <c r="AA27502">
        <v>12</v>
      </c>
      <c r="AB27502">
        <v>12</v>
      </c>
      <c r="AC27502">
        <v>12</v>
      </c>
      <c r="AD27502">
        <v>12</v>
      </c>
      <c r="AE27502">
        <v>13</v>
      </c>
      <c r="AF27502">
        <v>13</v>
      </c>
      <c r="AG27502">
        <v>13</v>
      </c>
      <c r="AH27502">
        <v>13</v>
      </c>
      <c r="AI27502">
        <v>13</v>
      </c>
      <c r="AJ27502">
        <v>13</v>
      </c>
      <c r="AK27502">
        <v>13</v>
      </c>
      <c r="AL27502">
        <v>13</v>
      </c>
      <c r="AM27502">
        <v>13</v>
      </c>
      <c r="AN27502">
        <v>13</v>
      </c>
      <c r="AO27502">
        <v>12</v>
      </c>
      <c r="AP27502">
        <v>12</v>
      </c>
      <c r="AQ27502">
        <v>12</v>
      </c>
    </row>
    <row r="27503" spans="1:43">
      <c r="A27503" t="s">
        <v>17021</v>
      </c>
      <c r="B27503" t="s">
        <v>17022</v>
      </c>
      <c r="C27503" t="s">
        <v>17023</v>
      </c>
      <c r="D27503" t="s">
        <v>17024</v>
      </c>
      <c r="E27503" t="s">
        <v>16923</v>
      </c>
      <c r="F27503" t="s">
        <v>16924</v>
      </c>
      <c r="G27503" t="s">
        <v>16559</v>
      </c>
      <c r="H27503" t="s">
        <v>16560</v>
      </c>
      <c r="I27503" s="2">
        <v>1</v>
      </c>
      <c r="J27503" s="2">
        <v>0</v>
      </c>
      <c r="K27503" s="2">
        <v>0</v>
      </c>
      <c r="L27503" t="s">
        <v>120</v>
      </c>
      <c r="M27503" t="s">
        <v>87</v>
      </c>
      <c r="N27503" t="s">
        <v>88</v>
      </c>
      <c r="O27503" t="s">
        <v>85</v>
      </c>
      <c r="P27503" t="s">
        <v>86</v>
      </c>
      <c r="Q27503">
        <v>12</v>
      </c>
      <c r="R27503">
        <v>12</v>
      </c>
      <c r="S27503">
        <v>12</v>
      </c>
      <c r="T27503">
        <v>12</v>
      </c>
      <c r="U27503">
        <v>11</v>
      </c>
      <c r="V27503">
        <v>11</v>
      </c>
      <c r="W27503">
        <v>11</v>
      </c>
      <c r="X27503">
        <v>11</v>
      </c>
      <c r="Y27503">
        <v>11</v>
      </c>
      <c r="Z27503">
        <v>11</v>
      </c>
      <c r="AA27503">
        <v>11</v>
      </c>
      <c r="AB27503">
        <v>11</v>
      </c>
      <c r="AC27503">
        <v>11</v>
      </c>
      <c r="AD27503">
        <v>11</v>
      </c>
      <c r="AE27503">
        <v>11</v>
      </c>
      <c r="AF27503">
        <v>11</v>
      </c>
      <c r="AG27503">
        <v>11</v>
      </c>
      <c r="AH27503">
        <v>11</v>
      </c>
      <c r="AI27503">
        <v>11</v>
      </c>
      <c r="AJ27503">
        <v>11</v>
      </c>
      <c r="AK27503">
        <v>11</v>
      </c>
      <c r="AL27503">
        <v>11</v>
      </c>
      <c r="AM27503">
        <v>11</v>
      </c>
      <c r="AN27503">
        <v>11</v>
      </c>
      <c r="AO27503">
        <v>11</v>
      </c>
      <c r="AP27503">
        <v>11</v>
      </c>
      <c r="AQ27503">
        <v>11</v>
      </c>
    </row>
    <row r="27504" spans="1:43">
      <c r="A27504" t="s">
        <v>17021</v>
      </c>
      <c r="B27504" t="s">
        <v>17022</v>
      </c>
      <c r="C27504" t="s">
        <v>17023</v>
      </c>
      <c r="D27504" t="s">
        <v>17024</v>
      </c>
      <c r="E27504" t="s">
        <v>16923</v>
      </c>
      <c r="F27504" t="s">
        <v>16924</v>
      </c>
      <c r="G27504" t="s">
        <v>16559</v>
      </c>
      <c r="H27504" t="s">
        <v>16560</v>
      </c>
      <c r="I27504" s="2">
        <v>1</v>
      </c>
      <c r="J27504" s="2">
        <v>0</v>
      </c>
      <c r="K27504" s="2">
        <v>0</v>
      </c>
      <c r="L27504" t="s">
        <v>120</v>
      </c>
      <c r="M27504" t="s">
        <v>89</v>
      </c>
      <c r="N27504" t="s">
        <v>90</v>
      </c>
      <c r="O27504" t="s">
        <v>85</v>
      </c>
      <c r="P27504" t="s">
        <v>86</v>
      </c>
      <c r="Q27504">
        <v>12</v>
      </c>
      <c r="R27504">
        <v>12</v>
      </c>
      <c r="S27504">
        <v>12</v>
      </c>
      <c r="T27504">
        <v>12</v>
      </c>
      <c r="U27504">
        <v>12</v>
      </c>
      <c r="V27504">
        <v>13</v>
      </c>
      <c r="W27504">
        <v>13</v>
      </c>
      <c r="X27504">
        <v>13</v>
      </c>
      <c r="Y27504">
        <v>13</v>
      </c>
      <c r="Z27504">
        <v>13</v>
      </c>
      <c r="AA27504">
        <v>13</v>
      </c>
      <c r="AB27504">
        <v>13</v>
      </c>
      <c r="AC27504">
        <v>13</v>
      </c>
      <c r="AD27504">
        <v>13</v>
      </c>
      <c r="AE27504">
        <v>13</v>
      </c>
      <c r="AF27504">
        <v>13</v>
      </c>
      <c r="AG27504">
        <v>13</v>
      </c>
      <c r="AH27504">
        <v>13</v>
      </c>
      <c r="AI27504">
        <v>13</v>
      </c>
      <c r="AJ27504">
        <v>13</v>
      </c>
      <c r="AK27504">
        <v>13</v>
      </c>
      <c r="AL27504">
        <v>13</v>
      </c>
      <c r="AM27504">
        <v>13</v>
      </c>
      <c r="AN27504">
        <v>13</v>
      </c>
      <c r="AO27504">
        <v>13</v>
      </c>
      <c r="AP27504">
        <v>13</v>
      </c>
      <c r="AQ27504">
        <v>12</v>
      </c>
    </row>
    <row r="27505" spans="1:43">
      <c r="A27505" t="s">
        <v>17021</v>
      </c>
      <c r="B27505" t="s">
        <v>17022</v>
      </c>
      <c r="C27505" t="s">
        <v>17023</v>
      </c>
      <c r="D27505" t="s">
        <v>17024</v>
      </c>
      <c r="E27505" t="s">
        <v>16923</v>
      </c>
      <c r="F27505" t="s">
        <v>16924</v>
      </c>
      <c r="G27505" t="s">
        <v>16559</v>
      </c>
      <c r="H27505" t="s">
        <v>16560</v>
      </c>
      <c r="I27505" s="2">
        <v>1</v>
      </c>
      <c r="J27505" s="2">
        <v>0</v>
      </c>
      <c r="K27505" s="2">
        <v>0</v>
      </c>
      <c r="L27505" t="s">
        <v>120</v>
      </c>
      <c r="M27505" t="s">
        <v>83</v>
      </c>
      <c r="N27505" t="s">
        <v>91</v>
      </c>
      <c r="O27505" t="s">
        <v>85</v>
      </c>
      <c r="P27505" t="s">
        <v>86</v>
      </c>
      <c r="Q27505">
        <v>12</v>
      </c>
      <c r="R27505">
        <v>12</v>
      </c>
      <c r="S27505">
        <v>12</v>
      </c>
      <c r="T27505">
        <v>12</v>
      </c>
      <c r="U27505">
        <v>12</v>
      </c>
      <c r="V27505">
        <v>12</v>
      </c>
      <c r="W27505">
        <v>12</v>
      </c>
      <c r="X27505">
        <v>12</v>
      </c>
      <c r="Y27505">
        <v>12</v>
      </c>
      <c r="Z27505">
        <v>12</v>
      </c>
      <c r="AA27505">
        <v>12</v>
      </c>
      <c r="AB27505">
        <v>12</v>
      </c>
      <c r="AC27505">
        <v>12</v>
      </c>
      <c r="AD27505">
        <v>12</v>
      </c>
      <c r="AE27505">
        <v>13</v>
      </c>
      <c r="AF27505">
        <v>13</v>
      </c>
      <c r="AG27505">
        <v>13</v>
      </c>
      <c r="AH27505">
        <v>13</v>
      </c>
      <c r="AI27505">
        <v>13</v>
      </c>
      <c r="AJ27505">
        <v>13</v>
      </c>
      <c r="AK27505">
        <v>13</v>
      </c>
      <c r="AL27505">
        <v>13</v>
      </c>
      <c r="AM27505">
        <v>13</v>
      </c>
      <c r="AN27505">
        <v>13</v>
      </c>
      <c r="AO27505">
        <v>12</v>
      </c>
      <c r="AP27505">
        <v>12</v>
      </c>
      <c r="AQ27505">
        <v>12</v>
      </c>
    </row>
    <row r="27506" spans="1:43">
      <c r="A27506" t="s">
        <v>17025</v>
      </c>
      <c r="B27506" t="s">
        <v>17026</v>
      </c>
      <c r="C27506" t="s">
        <v>17023</v>
      </c>
      <c r="D27506" t="s">
        <v>17024</v>
      </c>
      <c r="E27506" t="s">
        <v>16923</v>
      </c>
      <c r="F27506" t="s">
        <v>16924</v>
      </c>
      <c r="G27506" t="s">
        <v>16559</v>
      </c>
      <c r="H27506" t="s">
        <v>16560</v>
      </c>
      <c r="I27506" s="2">
        <v>1</v>
      </c>
      <c r="J27506" s="2">
        <v>0</v>
      </c>
      <c r="K27506" s="2">
        <v>0</v>
      </c>
      <c r="L27506" t="s">
        <v>120</v>
      </c>
      <c r="M27506" t="s">
        <v>83</v>
      </c>
      <c r="N27506" t="s">
        <v>84</v>
      </c>
      <c r="O27506" t="s">
        <v>85</v>
      </c>
      <c r="P27506" t="s">
        <v>86</v>
      </c>
      <c r="Q27506">
        <v>77</v>
      </c>
      <c r="R27506">
        <v>77</v>
      </c>
      <c r="S27506">
        <v>78</v>
      </c>
      <c r="T27506">
        <v>78</v>
      </c>
      <c r="U27506">
        <v>79</v>
      </c>
      <c r="V27506">
        <v>79</v>
      </c>
      <c r="W27506">
        <v>79</v>
      </c>
      <c r="X27506">
        <v>80</v>
      </c>
      <c r="Y27506">
        <v>80</v>
      </c>
      <c r="Z27506">
        <v>80</v>
      </c>
      <c r="AA27506">
        <v>81</v>
      </c>
      <c r="AB27506">
        <v>81</v>
      </c>
      <c r="AC27506">
        <v>81</v>
      </c>
      <c r="AD27506">
        <v>82</v>
      </c>
      <c r="AE27506">
        <v>82</v>
      </c>
      <c r="AF27506">
        <v>82</v>
      </c>
      <c r="AG27506">
        <v>82</v>
      </c>
      <c r="AH27506">
        <v>83</v>
      </c>
      <c r="AI27506">
        <v>83</v>
      </c>
      <c r="AJ27506">
        <v>83</v>
      </c>
      <c r="AK27506">
        <v>83</v>
      </c>
      <c r="AL27506">
        <v>83</v>
      </c>
      <c r="AM27506">
        <v>83</v>
      </c>
      <c r="AN27506">
        <v>82</v>
      </c>
      <c r="AO27506">
        <v>82</v>
      </c>
      <c r="AP27506">
        <v>81</v>
      </c>
      <c r="AQ27506">
        <v>81</v>
      </c>
    </row>
    <row r="27507" spans="1:43">
      <c r="A27507" t="s">
        <v>17025</v>
      </c>
      <c r="B27507" t="s">
        <v>17026</v>
      </c>
      <c r="C27507" t="s">
        <v>17023</v>
      </c>
      <c r="D27507" t="s">
        <v>17024</v>
      </c>
      <c r="E27507" t="s">
        <v>16923</v>
      </c>
      <c r="F27507" t="s">
        <v>16924</v>
      </c>
      <c r="G27507" t="s">
        <v>16559</v>
      </c>
      <c r="H27507" t="s">
        <v>16560</v>
      </c>
      <c r="I27507" s="2">
        <v>1</v>
      </c>
      <c r="J27507" s="2">
        <v>0</v>
      </c>
      <c r="K27507" s="2">
        <v>0</v>
      </c>
      <c r="L27507" t="s">
        <v>120</v>
      </c>
      <c r="M27507" t="s">
        <v>87</v>
      </c>
      <c r="N27507" t="s">
        <v>88</v>
      </c>
      <c r="O27507" t="s">
        <v>85</v>
      </c>
      <c r="P27507" t="s">
        <v>86</v>
      </c>
      <c r="Q27507">
        <v>77</v>
      </c>
      <c r="R27507">
        <v>77</v>
      </c>
      <c r="S27507">
        <v>77</v>
      </c>
      <c r="T27507">
        <v>76</v>
      </c>
      <c r="U27507">
        <v>76</v>
      </c>
      <c r="V27507">
        <v>76</v>
      </c>
      <c r="W27507">
        <v>76</v>
      </c>
      <c r="X27507">
        <v>75</v>
      </c>
      <c r="Y27507">
        <v>75</v>
      </c>
      <c r="Z27507">
        <v>75</v>
      </c>
      <c r="AA27507">
        <v>75</v>
      </c>
      <c r="AB27507">
        <v>74</v>
      </c>
      <c r="AC27507">
        <v>74</v>
      </c>
      <c r="AD27507">
        <v>74</v>
      </c>
      <c r="AE27507">
        <v>74</v>
      </c>
      <c r="AF27507">
        <v>73</v>
      </c>
      <c r="AG27507">
        <v>73</v>
      </c>
      <c r="AH27507">
        <v>73</v>
      </c>
      <c r="AI27507">
        <v>73</v>
      </c>
      <c r="AJ27507">
        <v>73</v>
      </c>
      <c r="AK27507">
        <v>72</v>
      </c>
      <c r="AL27507">
        <v>72</v>
      </c>
      <c r="AM27507">
        <v>72</v>
      </c>
      <c r="AN27507">
        <v>72</v>
      </c>
      <c r="AO27507">
        <v>72</v>
      </c>
      <c r="AP27507">
        <v>71</v>
      </c>
      <c r="AQ27507">
        <v>71</v>
      </c>
    </row>
    <row r="27508" spans="1:43">
      <c r="A27508" t="s">
        <v>17025</v>
      </c>
      <c r="B27508" t="s">
        <v>17026</v>
      </c>
      <c r="C27508" t="s">
        <v>17023</v>
      </c>
      <c r="D27508" t="s">
        <v>17024</v>
      </c>
      <c r="E27508" t="s">
        <v>16923</v>
      </c>
      <c r="F27508" t="s">
        <v>16924</v>
      </c>
      <c r="G27508" t="s">
        <v>16559</v>
      </c>
      <c r="H27508" t="s">
        <v>16560</v>
      </c>
      <c r="I27508" s="2">
        <v>1</v>
      </c>
      <c r="J27508" s="2">
        <v>0</v>
      </c>
      <c r="K27508" s="2">
        <v>0</v>
      </c>
      <c r="L27508" t="s">
        <v>120</v>
      </c>
      <c r="M27508" t="s">
        <v>89</v>
      </c>
      <c r="N27508" t="s">
        <v>90</v>
      </c>
      <c r="O27508" t="s">
        <v>85</v>
      </c>
      <c r="P27508" t="s">
        <v>86</v>
      </c>
      <c r="Q27508">
        <v>77</v>
      </c>
      <c r="R27508">
        <v>78</v>
      </c>
      <c r="S27508">
        <v>79</v>
      </c>
      <c r="T27508">
        <v>80</v>
      </c>
      <c r="U27508">
        <v>81</v>
      </c>
      <c r="V27508">
        <v>82</v>
      </c>
      <c r="W27508">
        <v>82</v>
      </c>
      <c r="X27508">
        <v>83</v>
      </c>
      <c r="Y27508">
        <v>84</v>
      </c>
      <c r="Z27508">
        <v>84</v>
      </c>
      <c r="AA27508">
        <v>85</v>
      </c>
      <c r="AB27508">
        <v>86</v>
      </c>
      <c r="AC27508">
        <v>86</v>
      </c>
      <c r="AD27508">
        <v>87</v>
      </c>
      <c r="AE27508">
        <v>87</v>
      </c>
      <c r="AF27508">
        <v>86</v>
      </c>
      <c r="AG27508">
        <v>86</v>
      </c>
      <c r="AH27508">
        <v>85</v>
      </c>
      <c r="AI27508">
        <v>85</v>
      </c>
      <c r="AJ27508">
        <v>84</v>
      </c>
      <c r="AK27508">
        <v>84</v>
      </c>
      <c r="AL27508">
        <v>83</v>
      </c>
      <c r="AM27508">
        <v>83</v>
      </c>
      <c r="AN27508">
        <v>82</v>
      </c>
      <c r="AO27508">
        <v>82</v>
      </c>
      <c r="AP27508">
        <v>81</v>
      </c>
      <c r="AQ27508">
        <v>81</v>
      </c>
    </row>
    <row r="27509" spans="1:43">
      <c r="A27509" t="s">
        <v>17025</v>
      </c>
      <c r="B27509" t="s">
        <v>17026</v>
      </c>
      <c r="C27509" t="s">
        <v>17023</v>
      </c>
      <c r="D27509" t="s">
        <v>17024</v>
      </c>
      <c r="E27509" t="s">
        <v>16923</v>
      </c>
      <c r="F27509" t="s">
        <v>16924</v>
      </c>
      <c r="G27509" t="s">
        <v>16559</v>
      </c>
      <c r="H27509" t="s">
        <v>16560</v>
      </c>
      <c r="I27509" s="2">
        <v>1</v>
      </c>
      <c r="J27509" s="2">
        <v>0</v>
      </c>
      <c r="K27509" s="2">
        <v>0</v>
      </c>
      <c r="L27509" t="s">
        <v>120</v>
      </c>
      <c r="M27509" t="s">
        <v>83</v>
      </c>
      <c r="N27509" t="s">
        <v>91</v>
      </c>
      <c r="O27509" t="s">
        <v>85</v>
      </c>
      <c r="P27509" t="s">
        <v>86</v>
      </c>
      <c r="Q27509">
        <v>77</v>
      </c>
      <c r="R27509">
        <v>77</v>
      </c>
      <c r="S27509">
        <v>78</v>
      </c>
      <c r="T27509">
        <v>78</v>
      </c>
      <c r="U27509">
        <v>79</v>
      </c>
      <c r="V27509">
        <v>79</v>
      </c>
      <c r="W27509">
        <v>79</v>
      </c>
      <c r="X27509">
        <v>80</v>
      </c>
      <c r="Y27509">
        <v>80</v>
      </c>
      <c r="Z27509">
        <v>80</v>
      </c>
      <c r="AA27509">
        <v>81</v>
      </c>
      <c r="AB27509">
        <v>81</v>
      </c>
      <c r="AC27509">
        <v>81</v>
      </c>
      <c r="AD27509">
        <v>82</v>
      </c>
      <c r="AE27509">
        <v>82</v>
      </c>
      <c r="AF27509">
        <v>82</v>
      </c>
      <c r="AG27509">
        <v>82</v>
      </c>
      <c r="AH27509">
        <v>83</v>
      </c>
      <c r="AI27509">
        <v>83</v>
      </c>
      <c r="AJ27509">
        <v>83</v>
      </c>
      <c r="AK27509">
        <v>83</v>
      </c>
      <c r="AL27509">
        <v>83</v>
      </c>
      <c r="AM27509">
        <v>83</v>
      </c>
      <c r="AN27509">
        <v>82</v>
      </c>
      <c r="AO27509">
        <v>82</v>
      </c>
      <c r="AP27509">
        <v>81</v>
      </c>
      <c r="AQ27509">
        <v>81</v>
      </c>
    </row>
    <row r="27510" spans="1:43">
      <c r="A27510" t="s">
        <v>17027</v>
      </c>
      <c r="B27510" t="s">
        <v>17028</v>
      </c>
      <c r="C27510" t="s">
        <v>17023</v>
      </c>
      <c r="D27510" t="s">
        <v>17024</v>
      </c>
      <c r="E27510" t="s">
        <v>16923</v>
      </c>
      <c r="F27510" t="s">
        <v>16924</v>
      </c>
      <c r="G27510" t="s">
        <v>16559</v>
      </c>
      <c r="H27510" t="s">
        <v>16560</v>
      </c>
      <c r="I27510" s="2">
        <v>1</v>
      </c>
      <c r="J27510" s="2">
        <v>0</v>
      </c>
      <c r="K27510" s="2">
        <v>0</v>
      </c>
      <c r="L27510" t="s">
        <v>120</v>
      </c>
      <c r="M27510" t="s">
        <v>83</v>
      </c>
      <c r="N27510" t="s">
        <v>84</v>
      </c>
      <c r="O27510" t="s">
        <v>85</v>
      </c>
      <c r="P27510" t="s">
        <v>86</v>
      </c>
      <c r="Q27510">
        <v>17</v>
      </c>
      <c r="R27510">
        <v>17</v>
      </c>
      <c r="S27510">
        <v>18</v>
      </c>
      <c r="T27510">
        <v>18</v>
      </c>
      <c r="U27510">
        <v>18</v>
      </c>
      <c r="V27510">
        <v>18</v>
      </c>
      <c r="W27510">
        <v>18</v>
      </c>
      <c r="X27510">
        <v>18</v>
      </c>
      <c r="Y27510">
        <v>18</v>
      </c>
      <c r="Z27510">
        <v>18</v>
      </c>
      <c r="AA27510">
        <v>18</v>
      </c>
      <c r="AB27510">
        <v>18</v>
      </c>
      <c r="AC27510">
        <v>18</v>
      </c>
      <c r="AD27510">
        <v>18</v>
      </c>
      <c r="AE27510">
        <v>18</v>
      </c>
      <c r="AF27510">
        <v>18</v>
      </c>
      <c r="AG27510">
        <v>19</v>
      </c>
      <c r="AH27510">
        <v>19</v>
      </c>
      <c r="AI27510">
        <v>19</v>
      </c>
      <c r="AJ27510">
        <v>19</v>
      </c>
      <c r="AK27510">
        <v>19</v>
      </c>
      <c r="AL27510">
        <v>19</v>
      </c>
      <c r="AM27510">
        <v>19</v>
      </c>
      <c r="AN27510">
        <v>18</v>
      </c>
      <c r="AO27510">
        <v>18</v>
      </c>
      <c r="AP27510">
        <v>18</v>
      </c>
      <c r="AQ27510">
        <v>18</v>
      </c>
    </row>
    <row r="27511" spans="1:43">
      <c r="A27511" t="s">
        <v>17027</v>
      </c>
      <c r="B27511" t="s">
        <v>17028</v>
      </c>
      <c r="C27511" t="s">
        <v>17023</v>
      </c>
      <c r="D27511" t="s">
        <v>17024</v>
      </c>
      <c r="E27511" t="s">
        <v>16923</v>
      </c>
      <c r="F27511" t="s">
        <v>16924</v>
      </c>
      <c r="G27511" t="s">
        <v>16559</v>
      </c>
      <c r="H27511" t="s">
        <v>16560</v>
      </c>
      <c r="I27511" s="2">
        <v>1</v>
      </c>
      <c r="J27511" s="2">
        <v>0</v>
      </c>
      <c r="K27511" s="2">
        <v>0</v>
      </c>
      <c r="L27511" t="s">
        <v>120</v>
      </c>
      <c r="M27511" t="s">
        <v>87</v>
      </c>
      <c r="N27511" t="s">
        <v>88</v>
      </c>
      <c r="O27511" t="s">
        <v>85</v>
      </c>
      <c r="P27511" t="s">
        <v>86</v>
      </c>
      <c r="Q27511">
        <v>17</v>
      </c>
      <c r="R27511">
        <v>17</v>
      </c>
      <c r="S27511">
        <v>17</v>
      </c>
      <c r="T27511">
        <v>17</v>
      </c>
      <c r="U27511">
        <v>17</v>
      </c>
      <c r="V27511">
        <v>17</v>
      </c>
      <c r="W27511">
        <v>17</v>
      </c>
      <c r="X27511">
        <v>17</v>
      </c>
      <c r="Y27511">
        <v>17</v>
      </c>
      <c r="Z27511">
        <v>17</v>
      </c>
      <c r="AA27511">
        <v>17</v>
      </c>
      <c r="AB27511">
        <v>17</v>
      </c>
      <c r="AC27511">
        <v>16</v>
      </c>
      <c r="AD27511">
        <v>16</v>
      </c>
      <c r="AE27511">
        <v>16</v>
      </c>
      <c r="AF27511">
        <v>16</v>
      </c>
      <c r="AG27511">
        <v>16</v>
      </c>
      <c r="AH27511">
        <v>16</v>
      </c>
      <c r="AI27511">
        <v>16</v>
      </c>
      <c r="AJ27511">
        <v>16</v>
      </c>
      <c r="AK27511">
        <v>16</v>
      </c>
      <c r="AL27511">
        <v>16</v>
      </c>
      <c r="AM27511">
        <v>16</v>
      </c>
      <c r="AN27511">
        <v>16</v>
      </c>
      <c r="AO27511">
        <v>16</v>
      </c>
      <c r="AP27511">
        <v>16</v>
      </c>
      <c r="AQ27511">
        <v>16</v>
      </c>
    </row>
    <row r="27512" spans="1:43">
      <c r="A27512" t="s">
        <v>17027</v>
      </c>
      <c r="B27512" t="s">
        <v>17028</v>
      </c>
      <c r="C27512" t="s">
        <v>17023</v>
      </c>
      <c r="D27512" t="s">
        <v>17024</v>
      </c>
      <c r="E27512" t="s">
        <v>16923</v>
      </c>
      <c r="F27512" t="s">
        <v>16924</v>
      </c>
      <c r="G27512" t="s">
        <v>16559</v>
      </c>
      <c r="H27512" t="s">
        <v>16560</v>
      </c>
      <c r="I27512" s="2">
        <v>1</v>
      </c>
      <c r="J27512" s="2">
        <v>0</v>
      </c>
      <c r="K27512" s="2">
        <v>0</v>
      </c>
      <c r="L27512" t="s">
        <v>120</v>
      </c>
      <c r="M27512" t="s">
        <v>89</v>
      </c>
      <c r="N27512" t="s">
        <v>90</v>
      </c>
      <c r="O27512" t="s">
        <v>85</v>
      </c>
      <c r="P27512" t="s">
        <v>86</v>
      </c>
      <c r="Q27512">
        <v>17</v>
      </c>
      <c r="R27512">
        <v>18</v>
      </c>
      <c r="S27512">
        <v>18</v>
      </c>
      <c r="T27512">
        <v>18</v>
      </c>
      <c r="U27512">
        <v>18</v>
      </c>
      <c r="V27512">
        <v>19</v>
      </c>
      <c r="W27512">
        <v>19</v>
      </c>
      <c r="X27512">
        <v>19</v>
      </c>
      <c r="Y27512">
        <v>19</v>
      </c>
      <c r="Z27512">
        <v>19</v>
      </c>
      <c r="AA27512">
        <v>19</v>
      </c>
      <c r="AB27512">
        <v>19</v>
      </c>
      <c r="AC27512">
        <v>20</v>
      </c>
      <c r="AD27512">
        <v>20</v>
      </c>
      <c r="AE27512">
        <v>20</v>
      </c>
      <c r="AF27512">
        <v>20</v>
      </c>
      <c r="AG27512">
        <v>20</v>
      </c>
      <c r="AH27512">
        <v>19</v>
      </c>
      <c r="AI27512">
        <v>19</v>
      </c>
      <c r="AJ27512">
        <v>19</v>
      </c>
      <c r="AK27512">
        <v>19</v>
      </c>
      <c r="AL27512">
        <v>19</v>
      </c>
      <c r="AM27512">
        <v>19</v>
      </c>
      <c r="AN27512">
        <v>19</v>
      </c>
      <c r="AO27512">
        <v>19</v>
      </c>
      <c r="AP27512">
        <v>18</v>
      </c>
      <c r="AQ27512">
        <v>18</v>
      </c>
    </row>
    <row r="27513" spans="1:43">
      <c r="A27513" t="s">
        <v>17027</v>
      </c>
      <c r="B27513" t="s">
        <v>17028</v>
      </c>
      <c r="C27513" t="s">
        <v>17023</v>
      </c>
      <c r="D27513" t="s">
        <v>17024</v>
      </c>
      <c r="E27513" t="s">
        <v>16923</v>
      </c>
      <c r="F27513" t="s">
        <v>16924</v>
      </c>
      <c r="G27513" t="s">
        <v>16559</v>
      </c>
      <c r="H27513" t="s">
        <v>16560</v>
      </c>
      <c r="I27513" s="2">
        <v>1</v>
      </c>
      <c r="J27513" s="2">
        <v>0</v>
      </c>
      <c r="K27513" s="2">
        <v>0</v>
      </c>
      <c r="L27513" t="s">
        <v>120</v>
      </c>
      <c r="M27513" t="s">
        <v>83</v>
      </c>
      <c r="N27513" t="s">
        <v>91</v>
      </c>
      <c r="O27513" t="s">
        <v>85</v>
      </c>
      <c r="P27513" t="s">
        <v>86</v>
      </c>
      <c r="Q27513">
        <v>17</v>
      </c>
      <c r="R27513">
        <v>17</v>
      </c>
      <c r="S27513">
        <v>18</v>
      </c>
      <c r="T27513">
        <v>18</v>
      </c>
      <c r="U27513">
        <v>18</v>
      </c>
      <c r="V27513">
        <v>18</v>
      </c>
      <c r="W27513">
        <v>18</v>
      </c>
      <c r="X27513">
        <v>18</v>
      </c>
      <c r="Y27513">
        <v>18</v>
      </c>
      <c r="Z27513">
        <v>18</v>
      </c>
      <c r="AA27513">
        <v>18</v>
      </c>
      <c r="AB27513">
        <v>18</v>
      </c>
      <c r="AC27513">
        <v>18</v>
      </c>
      <c r="AD27513">
        <v>18</v>
      </c>
      <c r="AE27513">
        <v>18</v>
      </c>
      <c r="AF27513">
        <v>18</v>
      </c>
      <c r="AG27513">
        <v>19</v>
      </c>
      <c r="AH27513">
        <v>19</v>
      </c>
      <c r="AI27513">
        <v>19</v>
      </c>
      <c r="AJ27513">
        <v>19</v>
      </c>
      <c r="AK27513">
        <v>19</v>
      </c>
      <c r="AL27513">
        <v>19</v>
      </c>
      <c r="AM27513">
        <v>19</v>
      </c>
      <c r="AN27513">
        <v>18</v>
      </c>
      <c r="AO27513">
        <v>18</v>
      </c>
      <c r="AP27513">
        <v>18</v>
      </c>
      <c r="AQ27513">
        <v>18</v>
      </c>
    </row>
    <row r="27514" spans="1:43">
      <c r="A27514" t="s">
        <v>17029</v>
      </c>
      <c r="B27514" t="s">
        <v>17030</v>
      </c>
      <c r="C27514" t="s">
        <v>17031</v>
      </c>
      <c r="D27514" t="s">
        <v>17032</v>
      </c>
      <c r="E27514" t="s">
        <v>16923</v>
      </c>
      <c r="F27514" t="s">
        <v>16924</v>
      </c>
      <c r="G27514" t="s">
        <v>16559</v>
      </c>
      <c r="H27514" t="s">
        <v>16560</v>
      </c>
      <c r="I27514" s="2">
        <v>1</v>
      </c>
      <c r="J27514" s="2">
        <v>0</v>
      </c>
      <c r="K27514" s="2">
        <v>0</v>
      </c>
      <c r="L27514" t="s">
        <v>120</v>
      </c>
      <c r="M27514" t="s">
        <v>83</v>
      </c>
      <c r="N27514" t="s">
        <v>84</v>
      </c>
      <c r="O27514" t="s">
        <v>85</v>
      </c>
      <c r="P27514" t="s">
        <v>86</v>
      </c>
      <c r="Q27514">
        <v>63</v>
      </c>
      <c r="R27514">
        <v>63</v>
      </c>
      <c r="S27514">
        <v>63</v>
      </c>
      <c r="T27514">
        <v>64</v>
      </c>
      <c r="U27514">
        <v>64</v>
      </c>
      <c r="V27514">
        <v>64</v>
      </c>
      <c r="W27514">
        <v>64</v>
      </c>
      <c r="X27514">
        <v>64</v>
      </c>
      <c r="Y27514">
        <v>65</v>
      </c>
      <c r="Z27514">
        <v>65</v>
      </c>
      <c r="AA27514">
        <v>65</v>
      </c>
      <c r="AB27514">
        <v>65</v>
      </c>
      <c r="AC27514">
        <v>65</v>
      </c>
      <c r="AD27514">
        <v>65</v>
      </c>
      <c r="AE27514">
        <v>65</v>
      </c>
      <c r="AF27514">
        <v>65</v>
      </c>
      <c r="AG27514">
        <v>65</v>
      </c>
      <c r="AH27514">
        <v>65</v>
      </c>
      <c r="AI27514">
        <v>65</v>
      </c>
      <c r="AJ27514">
        <v>65</v>
      </c>
      <c r="AK27514">
        <v>65</v>
      </c>
      <c r="AL27514">
        <v>65</v>
      </c>
      <c r="AM27514">
        <v>64</v>
      </c>
      <c r="AN27514">
        <v>64</v>
      </c>
      <c r="AO27514">
        <v>63</v>
      </c>
      <c r="AP27514">
        <v>63</v>
      </c>
      <c r="AQ27514">
        <v>62</v>
      </c>
    </row>
    <row r="27515" spans="1:43">
      <c r="A27515" t="s">
        <v>17029</v>
      </c>
      <c r="B27515" t="s">
        <v>17030</v>
      </c>
      <c r="C27515" t="s">
        <v>17031</v>
      </c>
      <c r="D27515" t="s">
        <v>17032</v>
      </c>
      <c r="E27515" t="s">
        <v>16923</v>
      </c>
      <c r="F27515" t="s">
        <v>16924</v>
      </c>
      <c r="G27515" t="s">
        <v>16559</v>
      </c>
      <c r="H27515" t="s">
        <v>16560</v>
      </c>
      <c r="I27515" s="2">
        <v>1</v>
      </c>
      <c r="J27515" s="2">
        <v>0</v>
      </c>
      <c r="K27515" s="2">
        <v>0</v>
      </c>
      <c r="L27515" t="s">
        <v>120</v>
      </c>
      <c r="M27515" t="s">
        <v>87</v>
      </c>
      <c r="N27515" t="s">
        <v>88</v>
      </c>
      <c r="O27515" t="s">
        <v>85</v>
      </c>
      <c r="P27515" t="s">
        <v>86</v>
      </c>
      <c r="Q27515">
        <v>63</v>
      </c>
      <c r="R27515">
        <v>63</v>
      </c>
      <c r="S27515">
        <v>63</v>
      </c>
      <c r="T27515">
        <v>62</v>
      </c>
      <c r="U27515">
        <v>62</v>
      </c>
      <c r="V27515">
        <v>62</v>
      </c>
      <c r="W27515">
        <v>61</v>
      </c>
      <c r="X27515">
        <v>61</v>
      </c>
      <c r="Y27515">
        <v>61</v>
      </c>
      <c r="Z27515">
        <v>60</v>
      </c>
      <c r="AA27515">
        <v>60</v>
      </c>
      <c r="AB27515">
        <v>60</v>
      </c>
      <c r="AC27515">
        <v>59</v>
      </c>
      <c r="AD27515">
        <v>59</v>
      </c>
      <c r="AE27515">
        <v>59</v>
      </c>
      <c r="AF27515">
        <v>59</v>
      </c>
      <c r="AG27515">
        <v>58</v>
      </c>
      <c r="AH27515">
        <v>58</v>
      </c>
      <c r="AI27515">
        <v>58</v>
      </c>
      <c r="AJ27515">
        <v>57</v>
      </c>
      <c r="AK27515">
        <v>57</v>
      </c>
      <c r="AL27515">
        <v>57</v>
      </c>
      <c r="AM27515">
        <v>56</v>
      </c>
      <c r="AN27515">
        <v>56</v>
      </c>
      <c r="AO27515">
        <v>56</v>
      </c>
      <c r="AP27515">
        <v>55</v>
      </c>
      <c r="AQ27515">
        <v>55</v>
      </c>
    </row>
    <row r="27516" spans="1:43">
      <c r="A27516" t="s">
        <v>17029</v>
      </c>
      <c r="B27516" t="s">
        <v>17030</v>
      </c>
      <c r="C27516" t="s">
        <v>17031</v>
      </c>
      <c r="D27516" t="s">
        <v>17032</v>
      </c>
      <c r="E27516" t="s">
        <v>16923</v>
      </c>
      <c r="F27516" t="s">
        <v>16924</v>
      </c>
      <c r="G27516" t="s">
        <v>16559</v>
      </c>
      <c r="H27516" t="s">
        <v>16560</v>
      </c>
      <c r="I27516" s="2">
        <v>1</v>
      </c>
      <c r="J27516" s="2">
        <v>0</v>
      </c>
      <c r="K27516" s="2">
        <v>0</v>
      </c>
      <c r="L27516" t="s">
        <v>120</v>
      </c>
      <c r="M27516" t="s">
        <v>89</v>
      </c>
      <c r="N27516" t="s">
        <v>90</v>
      </c>
      <c r="O27516" t="s">
        <v>85</v>
      </c>
      <c r="P27516" t="s">
        <v>86</v>
      </c>
      <c r="Q27516">
        <v>63</v>
      </c>
      <c r="R27516">
        <v>63</v>
      </c>
      <c r="S27516">
        <v>64</v>
      </c>
      <c r="T27516">
        <v>65</v>
      </c>
      <c r="U27516">
        <v>65</v>
      </c>
      <c r="V27516">
        <v>66</v>
      </c>
      <c r="W27516">
        <v>67</v>
      </c>
      <c r="X27516">
        <v>67</v>
      </c>
      <c r="Y27516">
        <v>67</v>
      </c>
      <c r="Z27516">
        <v>68</v>
      </c>
      <c r="AA27516">
        <v>68</v>
      </c>
      <c r="AB27516">
        <v>68</v>
      </c>
      <c r="AC27516">
        <v>69</v>
      </c>
      <c r="AD27516">
        <v>69</v>
      </c>
      <c r="AE27516">
        <v>69</v>
      </c>
      <c r="AF27516">
        <v>68</v>
      </c>
      <c r="AG27516">
        <v>68</v>
      </c>
      <c r="AH27516">
        <v>67</v>
      </c>
      <c r="AI27516">
        <v>66</v>
      </c>
      <c r="AJ27516">
        <v>66</v>
      </c>
      <c r="AK27516">
        <v>65</v>
      </c>
      <c r="AL27516">
        <v>65</v>
      </c>
      <c r="AM27516">
        <v>64</v>
      </c>
      <c r="AN27516">
        <v>63</v>
      </c>
      <c r="AO27516">
        <v>63</v>
      </c>
      <c r="AP27516">
        <v>62</v>
      </c>
      <c r="AQ27516">
        <v>62</v>
      </c>
    </row>
    <row r="27517" spans="1:43">
      <c r="A27517" t="s">
        <v>17029</v>
      </c>
      <c r="B27517" t="s">
        <v>17030</v>
      </c>
      <c r="C27517" t="s">
        <v>17031</v>
      </c>
      <c r="D27517" t="s">
        <v>17032</v>
      </c>
      <c r="E27517" t="s">
        <v>16923</v>
      </c>
      <c r="F27517" t="s">
        <v>16924</v>
      </c>
      <c r="G27517" t="s">
        <v>16559</v>
      </c>
      <c r="H27517" t="s">
        <v>16560</v>
      </c>
      <c r="I27517" s="2">
        <v>1</v>
      </c>
      <c r="J27517" s="2">
        <v>0</v>
      </c>
      <c r="K27517" s="2">
        <v>0</v>
      </c>
      <c r="L27517" t="s">
        <v>120</v>
      </c>
      <c r="M27517" t="s">
        <v>83</v>
      </c>
      <c r="N27517" t="s">
        <v>91</v>
      </c>
      <c r="O27517" t="s">
        <v>85</v>
      </c>
      <c r="P27517" t="s">
        <v>86</v>
      </c>
      <c r="Q27517">
        <v>63</v>
      </c>
      <c r="R27517">
        <v>63</v>
      </c>
      <c r="S27517">
        <v>63</v>
      </c>
      <c r="T27517">
        <v>64</v>
      </c>
      <c r="U27517">
        <v>64</v>
      </c>
      <c r="V27517">
        <v>64</v>
      </c>
      <c r="W27517">
        <v>64</v>
      </c>
      <c r="X27517">
        <v>64</v>
      </c>
      <c r="Y27517">
        <v>65</v>
      </c>
      <c r="Z27517">
        <v>65</v>
      </c>
      <c r="AA27517">
        <v>65</v>
      </c>
      <c r="AB27517">
        <v>65</v>
      </c>
      <c r="AC27517">
        <v>65</v>
      </c>
      <c r="AD27517">
        <v>65</v>
      </c>
      <c r="AE27517">
        <v>65</v>
      </c>
      <c r="AF27517">
        <v>65</v>
      </c>
      <c r="AG27517">
        <v>65</v>
      </c>
      <c r="AH27517">
        <v>65</v>
      </c>
      <c r="AI27517">
        <v>65</v>
      </c>
      <c r="AJ27517">
        <v>65</v>
      </c>
      <c r="AK27517">
        <v>65</v>
      </c>
      <c r="AL27517">
        <v>65</v>
      </c>
      <c r="AM27517">
        <v>64</v>
      </c>
      <c r="AN27517">
        <v>64</v>
      </c>
      <c r="AO27517">
        <v>63</v>
      </c>
      <c r="AP27517">
        <v>63</v>
      </c>
      <c r="AQ27517">
        <v>62</v>
      </c>
    </row>
    <row r="27518" spans="1:43">
      <c r="A27518" t="s">
        <v>17033</v>
      </c>
      <c r="B27518" t="s">
        <v>17034</v>
      </c>
      <c r="C27518" t="s">
        <v>17031</v>
      </c>
      <c r="D27518" t="s">
        <v>17032</v>
      </c>
      <c r="E27518" t="s">
        <v>16923</v>
      </c>
      <c r="F27518" t="s">
        <v>16924</v>
      </c>
      <c r="G27518" t="s">
        <v>16559</v>
      </c>
      <c r="H27518" t="s">
        <v>16560</v>
      </c>
      <c r="I27518" s="2">
        <v>1</v>
      </c>
      <c r="J27518" s="2">
        <v>0</v>
      </c>
      <c r="K27518" s="2">
        <v>0</v>
      </c>
      <c r="L27518" t="s">
        <v>120</v>
      </c>
      <c r="M27518" t="s">
        <v>83</v>
      </c>
      <c r="N27518" t="s">
        <v>84</v>
      </c>
      <c r="O27518" t="s">
        <v>85</v>
      </c>
      <c r="P27518" t="s">
        <v>86</v>
      </c>
      <c r="Q27518">
        <v>67</v>
      </c>
      <c r="R27518">
        <v>68</v>
      </c>
      <c r="S27518">
        <v>68</v>
      </c>
      <c r="T27518">
        <v>69</v>
      </c>
      <c r="U27518">
        <v>69</v>
      </c>
      <c r="V27518">
        <v>69</v>
      </c>
      <c r="W27518">
        <v>70</v>
      </c>
      <c r="X27518">
        <v>70</v>
      </c>
      <c r="Y27518">
        <v>70</v>
      </c>
      <c r="Z27518">
        <v>70</v>
      </c>
      <c r="AA27518">
        <v>71</v>
      </c>
      <c r="AB27518">
        <v>71</v>
      </c>
      <c r="AC27518">
        <v>71</v>
      </c>
      <c r="AD27518">
        <v>71</v>
      </c>
      <c r="AE27518">
        <v>72</v>
      </c>
      <c r="AF27518">
        <v>72</v>
      </c>
      <c r="AG27518">
        <v>72</v>
      </c>
      <c r="AH27518">
        <v>72</v>
      </c>
      <c r="AI27518">
        <v>72</v>
      </c>
      <c r="AJ27518">
        <v>73</v>
      </c>
      <c r="AK27518">
        <v>73</v>
      </c>
      <c r="AL27518">
        <v>73</v>
      </c>
      <c r="AM27518">
        <v>72</v>
      </c>
      <c r="AN27518">
        <v>72</v>
      </c>
      <c r="AO27518">
        <v>71</v>
      </c>
      <c r="AP27518">
        <v>71</v>
      </c>
      <c r="AQ27518">
        <v>70</v>
      </c>
    </row>
    <row r="27519" spans="1:43">
      <c r="A27519" t="s">
        <v>17033</v>
      </c>
      <c r="B27519" t="s">
        <v>17034</v>
      </c>
      <c r="C27519" t="s">
        <v>17031</v>
      </c>
      <c r="D27519" t="s">
        <v>17032</v>
      </c>
      <c r="E27519" t="s">
        <v>16923</v>
      </c>
      <c r="F27519" t="s">
        <v>16924</v>
      </c>
      <c r="G27519" t="s">
        <v>16559</v>
      </c>
      <c r="H27519" t="s">
        <v>16560</v>
      </c>
      <c r="I27519" s="2">
        <v>1</v>
      </c>
      <c r="J27519" s="2">
        <v>0</v>
      </c>
      <c r="K27519" s="2">
        <v>0</v>
      </c>
      <c r="L27519" t="s">
        <v>120</v>
      </c>
      <c r="M27519" t="s">
        <v>87</v>
      </c>
      <c r="N27519" t="s">
        <v>88</v>
      </c>
      <c r="O27519" t="s">
        <v>85</v>
      </c>
      <c r="P27519" t="s">
        <v>86</v>
      </c>
      <c r="Q27519">
        <v>67</v>
      </c>
      <c r="R27519">
        <v>67</v>
      </c>
      <c r="S27519">
        <v>66</v>
      </c>
      <c r="T27519">
        <v>66</v>
      </c>
      <c r="U27519">
        <v>66</v>
      </c>
      <c r="V27519">
        <v>66</v>
      </c>
      <c r="W27519">
        <v>65</v>
      </c>
      <c r="X27519">
        <v>65</v>
      </c>
      <c r="Y27519">
        <v>65</v>
      </c>
      <c r="Z27519">
        <v>65</v>
      </c>
      <c r="AA27519">
        <v>64</v>
      </c>
      <c r="AB27519">
        <v>64</v>
      </c>
      <c r="AC27519">
        <v>64</v>
      </c>
      <c r="AD27519">
        <v>64</v>
      </c>
      <c r="AE27519">
        <v>63</v>
      </c>
      <c r="AF27519">
        <v>63</v>
      </c>
      <c r="AG27519">
        <v>63</v>
      </c>
      <c r="AH27519">
        <v>63</v>
      </c>
      <c r="AI27519">
        <v>63</v>
      </c>
      <c r="AJ27519">
        <v>62</v>
      </c>
      <c r="AK27519">
        <v>62</v>
      </c>
      <c r="AL27519">
        <v>62</v>
      </c>
      <c r="AM27519">
        <v>62</v>
      </c>
      <c r="AN27519">
        <v>62</v>
      </c>
      <c r="AO27519">
        <v>61</v>
      </c>
      <c r="AP27519">
        <v>61</v>
      </c>
      <c r="AQ27519">
        <v>61</v>
      </c>
    </row>
    <row r="27520" spans="1:43">
      <c r="A27520" t="s">
        <v>17033</v>
      </c>
      <c r="B27520" t="s">
        <v>17034</v>
      </c>
      <c r="C27520" t="s">
        <v>17031</v>
      </c>
      <c r="D27520" t="s">
        <v>17032</v>
      </c>
      <c r="E27520" t="s">
        <v>16923</v>
      </c>
      <c r="F27520" t="s">
        <v>16924</v>
      </c>
      <c r="G27520" t="s">
        <v>16559</v>
      </c>
      <c r="H27520" t="s">
        <v>16560</v>
      </c>
      <c r="I27520" s="2">
        <v>1</v>
      </c>
      <c r="J27520" s="2">
        <v>0</v>
      </c>
      <c r="K27520" s="2">
        <v>0</v>
      </c>
      <c r="L27520" t="s">
        <v>120</v>
      </c>
      <c r="M27520" t="s">
        <v>89</v>
      </c>
      <c r="N27520" t="s">
        <v>90</v>
      </c>
      <c r="O27520" t="s">
        <v>85</v>
      </c>
      <c r="P27520" t="s">
        <v>86</v>
      </c>
      <c r="Q27520">
        <v>67</v>
      </c>
      <c r="R27520">
        <v>68</v>
      </c>
      <c r="S27520">
        <v>69</v>
      </c>
      <c r="T27520">
        <v>70</v>
      </c>
      <c r="U27520">
        <v>71</v>
      </c>
      <c r="V27520">
        <v>71</v>
      </c>
      <c r="W27520">
        <v>72</v>
      </c>
      <c r="X27520">
        <v>73</v>
      </c>
      <c r="Y27520">
        <v>73</v>
      </c>
      <c r="Z27520">
        <v>74</v>
      </c>
      <c r="AA27520">
        <v>74</v>
      </c>
      <c r="AB27520">
        <v>75</v>
      </c>
      <c r="AC27520">
        <v>75</v>
      </c>
      <c r="AD27520">
        <v>76</v>
      </c>
      <c r="AE27520">
        <v>76</v>
      </c>
      <c r="AF27520">
        <v>75</v>
      </c>
      <c r="AG27520">
        <v>75</v>
      </c>
      <c r="AH27520">
        <v>74</v>
      </c>
      <c r="AI27520">
        <v>74</v>
      </c>
      <c r="AJ27520">
        <v>73</v>
      </c>
      <c r="AK27520">
        <v>73</v>
      </c>
      <c r="AL27520">
        <v>72</v>
      </c>
      <c r="AM27520">
        <v>72</v>
      </c>
      <c r="AN27520">
        <v>71</v>
      </c>
      <c r="AO27520">
        <v>71</v>
      </c>
      <c r="AP27520">
        <v>71</v>
      </c>
      <c r="AQ27520">
        <v>70</v>
      </c>
    </row>
    <row r="27521" spans="1:43">
      <c r="A27521" t="s">
        <v>17033</v>
      </c>
      <c r="B27521" t="s">
        <v>17034</v>
      </c>
      <c r="C27521" t="s">
        <v>17031</v>
      </c>
      <c r="D27521" t="s">
        <v>17032</v>
      </c>
      <c r="E27521" t="s">
        <v>16923</v>
      </c>
      <c r="F27521" t="s">
        <v>16924</v>
      </c>
      <c r="G27521" t="s">
        <v>16559</v>
      </c>
      <c r="H27521" t="s">
        <v>16560</v>
      </c>
      <c r="I27521" s="2">
        <v>1</v>
      </c>
      <c r="J27521" s="2">
        <v>0</v>
      </c>
      <c r="K27521" s="2">
        <v>0</v>
      </c>
      <c r="L27521" t="s">
        <v>120</v>
      </c>
      <c r="M27521" t="s">
        <v>83</v>
      </c>
      <c r="N27521" t="s">
        <v>91</v>
      </c>
      <c r="O27521" t="s">
        <v>85</v>
      </c>
      <c r="P27521" t="s">
        <v>86</v>
      </c>
      <c r="Q27521">
        <v>67</v>
      </c>
      <c r="R27521">
        <v>68</v>
      </c>
      <c r="S27521">
        <v>68</v>
      </c>
      <c r="T27521">
        <v>69</v>
      </c>
      <c r="U27521">
        <v>69</v>
      </c>
      <c r="V27521">
        <v>69</v>
      </c>
      <c r="W27521">
        <v>70</v>
      </c>
      <c r="X27521">
        <v>70</v>
      </c>
      <c r="Y27521">
        <v>70</v>
      </c>
      <c r="Z27521">
        <v>70</v>
      </c>
      <c r="AA27521">
        <v>71</v>
      </c>
      <c r="AB27521">
        <v>71</v>
      </c>
      <c r="AC27521">
        <v>71</v>
      </c>
      <c r="AD27521">
        <v>71</v>
      </c>
      <c r="AE27521">
        <v>72</v>
      </c>
      <c r="AF27521">
        <v>72</v>
      </c>
      <c r="AG27521">
        <v>72</v>
      </c>
      <c r="AH27521">
        <v>72</v>
      </c>
      <c r="AI27521">
        <v>72</v>
      </c>
      <c r="AJ27521">
        <v>73</v>
      </c>
      <c r="AK27521">
        <v>73</v>
      </c>
      <c r="AL27521">
        <v>73</v>
      </c>
      <c r="AM27521">
        <v>72</v>
      </c>
      <c r="AN27521">
        <v>72</v>
      </c>
      <c r="AO27521">
        <v>71</v>
      </c>
      <c r="AP27521">
        <v>71</v>
      </c>
      <c r="AQ27521">
        <v>70</v>
      </c>
    </row>
    <row r="27522" spans="1:43">
      <c r="A27522" t="s">
        <v>17035</v>
      </c>
      <c r="B27522" t="s">
        <v>17036</v>
      </c>
      <c r="C27522" t="s">
        <v>17037</v>
      </c>
      <c r="D27522" t="s">
        <v>17038</v>
      </c>
      <c r="E27522" t="s">
        <v>16923</v>
      </c>
      <c r="F27522" t="s">
        <v>16924</v>
      </c>
      <c r="G27522" t="s">
        <v>16559</v>
      </c>
      <c r="H27522" t="s">
        <v>16560</v>
      </c>
      <c r="I27522" s="2">
        <v>1</v>
      </c>
      <c r="J27522" s="2">
        <v>0</v>
      </c>
      <c r="K27522" s="2">
        <v>0</v>
      </c>
      <c r="L27522" t="s">
        <v>120</v>
      </c>
      <c r="M27522" t="s">
        <v>83</v>
      </c>
      <c r="N27522" t="s">
        <v>84</v>
      </c>
      <c r="O27522" t="s">
        <v>85</v>
      </c>
      <c r="P27522" t="s">
        <v>86</v>
      </c>
      <c r="Q27522">
        <v>16</v>
      </c>
      <c r="R27522">
        <v>16</v>
      </c>
      <c r="S27522">
        <v>16</v>
      </c>
      <c r="T27522">
        <v>16</v>
      </c>
      <c r="U27522">
        <v>16</v>
      </c>
      <c r="V27522">
        <v>16</v>
      </c>
      <c r="W27522">
        <v>16</v>
      </c>
      <c r="X27522">
        <v>16</v>
      </c>
      <c r="Y27522">
        <v>17</v>
      </c>
      <c r="Z27522">
        <v>17</v>
      </c>
      <c r="AA27522">
        <v>17</v>
      </c>
      <c r="AB27522">
        <v>17</v>
      </c>
      <c r="AC27522">
        <v>17</v>
      </c>
      <c r="AD27522">
        <v>17</v>
      </c>
      <c r="AE27522">
        <v>17</v>
      </c>
      <c r="AF27522">
        <v>17</v>
      </c>
      <c r="AG27522">
        <v>17</v>
      </c>
      <c r="AH27522">
        <v>17</v>
      </c>
      <c r="AI27522">
        <v>17</v>
      </c>
      <c r="AJ27522">
        <v>17</v>
      </c>
      <c r="AK27522">
        <v>17</v>
      </c>
      <c r="AL27522">
        <v>17</v>
      </c>
      <c r="AM27522">
        <v>17</v>
      </c>
      <c r="AN27522">
        <v>17</v>
      </c>
      <c r="AO27522">
        <v>17</v>
      </c>
      <c r="AP27522">
        <v>17</v>
      </c>
      <c r="AQ27522">
        <v>17</v>
      </c>
    </row>
    <row r="27523" spans="1:43">
      <c r="A27523" t="s">
        <v>17035</v>
      </c>
      <c r="B27523" t="s">
        <v>17036</v>
      </c>
      <c r="C27523" t="s">
        <v>17037</v>
      </c>
      <c r="D27523" t="s">
        <v>17038</v>
      </c>
      <c r="E27523" t="s">
        <v>16923</v>
      </c>
      <c r="F27523" t="s">
        <v>16924</v>
      </c>
      <c r="G27523" t="s">
        <v>16559</v>
      </c>
      <c r="H27523" t="s">
        <v>16560</v>
      </c>
      <c r="I27523" s="2">
        <v>1</v>
      </c>
      <c r="J27523" s="2">
        <v>0</v>
      </c>
      <c r="K27523" s="2">
        <v>0</v>
      </c>
      <c r="L27523" t="s">
        <v>120</v>
      </c>
      <c r="M27523" t="s">
        <v>87</v>
      </c>
      <c r="N27523" t="s">
        <v>88</v>
      </c>
      <c r="O27523" t="s">
        <v>85</v>
      </c>
      <c r="P27523" t="s">
        <v>86</v>
      </c>
      <c r="Q27523">
        <v>16</v>
      </c>
      <c r="R27523">
        <v>16</v>
      </c>
      <c r="S27523">
        <v>16</v>
      </c>
      <c r="T27523">
        <v>15</v>
      </c>
      <c r="U27523">
        <v>15</v>
      </c>
      <c r="V27523">
        <v>15</v>
      </c>
      <c r="W27523">
        <v>15</v>
      </c>
      <c r="X27523">
        <v>15</v>
      </c>
      <c r="Y27523">
        <v>15</v>
      </c>
      <c r="Z27523">
        <v>15</v>
      </c>
      <c r="AA27523">
        <v>15</v>
      </c>
      <c r="AB27523">
        <v>15</v>
      </c>
      <c r="AC27523">
        <v>15</v>
      </c>
      <c r="AD27523">
        <v>15</v>
      </c>
      <c r="AE27523">
        <v>15</v>
      </c>
      <c r="AF27523">
        <v>15</v>
      </c>
      <c r="AG27523">
        <v>15</v>
      </c>
      <c r="AH27523">
        <v>15</v>
      </c>
      <c r="AI27523">
        <v>15</v>
      </c>
      <c r="AJ27523">
        <v>15</v>
      </c>
      <c r="AK27523">
        <v>15</v>
      </c>
      <c r="AL27523">
        <v>15</v>
      </c>
      <c r="AM27523">
        <v>15</v>
      </c>
      <c r="AN27523">
        <v>15</v>
      </c>
      <c r="AO27523">
        <v>15</v>
      </c>
      <c r="AP27523">
        <v>15</v>
      </c>
      <c r="AQ27523">
        <v>15</v>
      </c>
    </row>
    <row r="27524" spans="1:43">
      <c r="A27524" t="s">
        <v>17035</v>
      </c>
      <c r="B27524" t="s">
        <v>17036</v>
      </c>
      <c r="C27524" t="s">
        <v>17037</v>
      </c>
      <c r="D27524" t="s">
        <v>17038</v>
      </c>
      <c r="E27524" t="s">
        <v>16923</v>
      </c>
      <c r="F27524" t="s">
        <v>16924</v>
      </c>
      <c r="G27524" t="s">
        <v>16559</v>
      </c>
      <c r="H27524" t="s">
        <v>16560</v>
      </c>
      <c r="I27524" s="2">
        <v>1</v>
      </c>
      <c r="J27524" s="2">
        <v>0</v>
      </c>
      <c r="K27524" s="2">
        <v>0</v>
      </c>
      <c r="L27524" t="s">
        <v>120</v>
      </c>
      <c r="M27524" t="s">
        <v>89</v>
      </c>
      <c r="N27524" t="s">
        <v>90</v>
      </c>
      <c r="O27524" t="s">
        <v>85</v>
      </c>
      <c r="P27524" t="s">
        <v>86</v>
      </c>
      <c r="Q27524">
        <v>16</v>
      </c>
      <c r="R27524">
        <v>16</v>
      </c>
      <c r="S27524">
        <v>16</v>
      </c>
      <c r="T27524">
        <v>17</v>
      </c>
      <c r="U27524">
        <v>17</v>
      </c>
      <c r="V27524">
        <v>17</v>
      </c>
      <c r="W27524">
        <v>17</v>
      </c>
      <c r="X27524">
        <v>17</v>
      </c>
      <c r="Y27524">
        <v>17</v>
      </c>
      <c r="Z27524">
        <v>18</v>
      </c>
      <c r="AA27524">
        <v>18</v>
      </c>
      <c r="AB27524">
        <v>18</v>
      </c>
      <c r="AC27524">
        <v>18</v>
      </c>
      <c r="AD27524">
        <v>18</v>
      </c>
      <c r="AE27524">
        <v>18</v>
      </c>
      <c r="AF27524">
        <v>18</v>
      </c>
      <c r="AG27524">
        <v>18</v>
      </c>
      <c r="AH27524">
        <v>18</v>
      </c>
      <c r="AI27524">
        <v>18</v>
      </c>
      <c r="AJ27524">
        <v>18</v>
      </c>
      <c r="AK27524">
        <v>18</v>
      </c>
      <c r="AL27524">
        <v>17</v>
      </c>
      <c r="AM27524">
        <v>17</v>
      </c>
      <c r="AN27524">
        <v>17</v>
      </c>
      <c r="AO27524">
        <v>17</v>
      </c>
      <c r="AP27524">
        <v>17</v>
      </c>
      <c r="AQ27524">
        <v>17</v>
      </c>
    </row>
    <row r="27525" spans="1:43">
      <c r="A27525" t="s">
        <v>17035</v>
      </c>
      <c r="B27525" t="s">
        <v>17036</v>
      </c>
      <c r="C27525" t="s">
        <v>17037</v>
      </c>
      <c r="D27525" t="s">
        <v>17038</v>
      </c>
      <c r="E27525" t="s">
        <v>16923</v>
      </c>
      <c r="F27525" t="s">
        <v>16924</v>
      </c>
      <c r="G27525" t="s">
        <v>16559</v>
      </c>
      <c r="H27525" t="s">
        <v>16560</v>
      </c>
      <c r="I27525" s="2">
        <v>1</v>
      </c>
      <c r="J27525" s="2">
        <v>0</v>
      </c>
      <c r="K27525" s="2">
        <v>0</v>
      </c>
      <c r="L27525" t="s">
        <v>120</v>
      </c>
      <c r="M27525" t="s">
        <v>83</v>
      </c>
      <c r="N27525" t="s">
        <v>91</v>
      </c>
      <c r="O27525" t="s">
        <v>85</v>
      </c>
      <c r="P27525" t="s">
        <v>86</v>
      </c>
      <c r="Q27525">
        <v>16</v>
      </c>
      <c r="R27525">
        <v>16</v>
      </c>
      <c r="S27525">
        <v>16</v>
      </c>
      <c r="T27525">
        <v>16</v>
      </c>
      <c r="U27525">
        <v>16</v>
      </c>
      <c r="V27525">
        <v>16</v>
      </c>
      <c r="W27525">
        <v>16</v>
      </c>
      <c r="X27525">
        <v>16</v>
      </c>
      <c r="Y27525">
        <v>17</v>
      </c>
      <c r="Z27525">
        <v>17</v>
      </c>
      <c r="AA27525">
        <v>17</v>
      </c>
      <c r="AB27525">
        <v>17</v>
      </c>
      <c r="AC27525">
        <v>17</v>
      </c>
      <c r="AD27525">
        <v>17</v>
      </c>
      <c r="AE27525">
        <v>17</v>
      </c>
      <c r="AF27525">
        <v>17</v>
      </c>
      <c r="AG27525">
        <v>17</v>
      </c>
      <c r="AH27525">
        <v>17</v>
      </c>
      <c r="AI27525">
        <v>17</v>
      </c>
      <c r="AJ27525">
        <v>17</v>
      </c>
      <c r="AK27525">
        <v>17</v>
      </c>
      <c r="AL27525">
        <v>17</v>
      </c>
      <c r="AM27525">
        <v>17</v>
      </c>
      <c r="AN27525">
        <v>17</v>
      </c>
      <c r="AO27525">
        <v>17</v>
      </c>
      <c r="AP27525">
        <v>17</v>
      </c>
      <c r="AQ27525">
        <v>17</v>
      </c>
    </row>
    <row r="27526" spans="1:43">
      <c r="A27526" t="s">
        <v>17039</v>
      </c>
      <c r="B27526" t="s">
        <v>17040</v>
      </c>
      <c r="C27526" t="s">
        <v>17037</v>
      </c>
      <c r="D27526" t="s">
        <v>17038</v>
      </c>
      <c r="E27526" t="s">
        <v>16923</v>
      </c>
      <c r="F27526" t="s">
        <v>16924</v>
      </c>
      <c r="G27526" t="s">
        <v>16559</v>
      </c>
      <c r="H27526" t="s">
        <v>16560</v>
      </c>
      <c r="I27526" s="2">
        <v>1</v>
      </c>
      <c r="J27526" s="2">
        <v>0</v>
      </c>
      <c r="K27526" s="2">
        <v>0</v>
      </c>
      <c r="L27526" t="s">
        <v>120</v>
      </c>
      <c r="M27526" t="s">
        <v>83</v>
      </c>
      <c r="N27526" t="s">
        <v>84</v>
      </c>
      <c r="O27526" t="s">
        <v>85</v>
      </c>
      <c r="P27526" t="s">
        <v>86</v>
      </c>
      <c r="Q27526">
        <v>12</v>
      </c>
      <c r="R27526">
        <v>12</v>
      </c>
      <c r="S27526">
        <v>12</v>
      </c>
      <c r="T27526">
        <v>12</v>
      </c>
      <c r="U27526">
        <v>12</v>
      </c>
      <c r="V27526">
        <v>12</v>
      </c>
      <c r="W27526">
        <v>12</v>
      </c>
      <c r="X27526">
        <v>12</v>
      </c>
      <c r="Y27526">
        <v>12</v>
      </c>
      <c r="Z27526">
        <v>12</v>
      </c>
      <c r="AA27526">
        <v>12</v>
      </c>
      <c r="AB27526">
        <v>12</v>
      </c>
      <c r="AC27526">
        <v>12</v>
      </c>
      <c r="AD27526">
        <v>12</v>
      </c>
      <c r="AE27526">
        <v>12</v>
      </c>
      <c r="AF27526">
        <v>13</v>
      </c>
      <c r="AG27526">
        <v>13</v>
      </c>
      <c r="AH27526">
        <v>13</v>
      </c>
      <c r="AI27526">
        <v>13</v>
      </c>
      <c r="AJ27526">
        <v>13</v>
      </c>
      <c r="AK27526">
        <v>13</v>
      </c>
      <c r="AL27526">
        <v>13</v>
      </c>
      <c r="AM27526">
        <v>13</v>
      </c>
      <c r="AN27526">
        <v>13</v>
      </c>
      <c r="AO27526">
        <v>13</v>
      </c>
      <c r="AP27526">
        <v>12</v>
      </c>
      <c r="AQ27526">
        <v>12</v>
      </c>
    </row>
    <row r="27527" spans="1:43">
      <c r="A27527" t="s">
        <v>17039</v>
      </c>
      <c r="B27527" t="s">
        <v>17040</v>
      </c>
      <c r="C27527" t="s">
        <v>17037</v>
      </c>
      <c r="D27527" t="s">
        <v>17038</v>
      </c>
      <c r="E27527" t="s">
        <v>16923</v>
      </c>
      <c r="F27527" t="s">
        <v>16924</v>
      </c>
      <c r="G27527" t="s">
        <v>16559</v>
      </c>
      <c r="H27527" t="s">
        <v>16560</v>
      </c>
      <c r="I27527" s="2">
        <v>1</v>
      </c>
      <c r="J27527" s="2">
        <v>0</v>
      </c>
      <c r="K27527" s="2">
        <v>0</v>
      </c>
      <c r="L27527" t="s">
        <v>120</v>
      </c>
      <c r="M27527" t="s">
        <v>87</v>
      </c>
      <c r="N27527" t="s">
        <v>88</v>
      </c>
      <c r="O27527" t="s">
        <v>85</v>
      </c>
      <c r="P27527" t="s">
        <v>86</v>
      </c>
      <c r="Q27527">
        <v>12</v>
      </c>
      <c r="R27527">
        <v>12</v>
      </c>
      <c r="S27527">
        <v>12</v>
      </c>
      <c r="T27527">
        <v>12</v>
      </c>
      <c r="U27527">
        <v>12</v>
      </c>
      <c r="V27527">
        <v>12</v>
      </c>
      <c r="W27527">
        <v>12</v>
      </c>
      <c r="X27527">
        <v>12</v>
      </c>
      <c r="Y27527">
        <v>12</v>
      </c>
      <c r="Z27527">
        <v>12</v>
      </c>
      <c r="AA27527">
        <v>12</v>
      </c>
      <c r="AB27527">
        <v>12</v>
      </c>
      <c r="AC27527">
        <v>12</v>
      </c>
      <c r="AD27527">
        <v>12</v>
      </c>
      <c r="AE27527">
        <v>12</v>
      </c>
      <c r="AF27527">
        <v>12</v>
      </c>
      <c r="AG27527">
        <v>12</v>
      </c>
      <c r="AH27527">
        <v>12</v>
      </c>
      <c r="AI27527">
        <v>12</v>
      </c>
      <c r="AJ27527">
        <v>12</v>
      </c>
      <c r="AK27527">
        <v>12</v>
      </c>
      <c r="AL27527">
        <v>12</v>
      </c>
      <c r="AM27527">
        <v>12</v>
      </c>
      <c r="AN27527">
        <v>12</v>
      </c>
      <c r="AO27527">
        <v>12</v>
      </c>
      <c r="AP27527">
        <v>12</v>
      </c>
      <c r="AQ27527">
        <v>12</v>
      </c>
    </row>
    <row r="27528" spans="1:43">
      <c r="A27528" t="s">
        <v>17039</v>
      </c>
      <c r="B27528" t="s">
        <v>17040</v>
      </c>
      <c r="C27528" t="s">
        <v>17037</v>
      </c>
      <c r="D27528" t="s">
        <v>17038</v>
      </c>
      <c r="E27528" t="s">
        <v>16923</v>
      </c>
      <c r="F27528" t="s">
        <v>16924</v>
      </c>
      <c r="G27528" t="s">
        <v>16559</v>
      </c>
      <c r="H27528" t="s">
        <v>16560</v>
      </c>
      <c r="I27528" s="2">
        <v>1</v>
      </c>
      <c r="J27528" s="2">
        <v>0</v>
      </c>
      <c r="K27528" s="2">
        <v>0</v>
      </c>
      <c r="L27528" t="s">
        <v>120</v>
      </c>
      <c r="M27528" t="s">
        <v>89</v>
      </c>
      <c r="N27528" t="s">
        <v>90</v>
      </c>
      <c r="O27528" t="s">
        <v>85</v>
      </c>
      <c r="P27528" t="s">
        <v>86</v>
      </c>
      <c r="Q27528">
        <v>12</v>
      </c>
      <c r="R27528">
        <v>12</v>
      </c>
      <c r="S27528">
        <v>12</v>
      </c>
      <c r="T27528">
        <v>12</v>
      </c>
      <c r="U27528">
        <v>12</v>
      </c>
      <c r="V27528">
        <v>12</v>
      </c>
      <c r="W27528">
        <v>13</v>
      </c>
      <c r="X27528">
        <v>13</v>
      </c>
      <c r="Y27528">
        <v>13</v>
      </c>
      <c r="Z27528">
        <v>13</v>
      </c>
      <c r="AA27528">
        <v>13</v>
      </c>
      <c r="AB27528">
        <v>13</v>
      </c>
      <c r="AC27528">
        <v>13</v>
      </c>
      <c r="AD27528">
        <v>13</v>
      </c>
      <c r="AE27528">
        <v>13</v>
      </c>
      <c r="AF27528">
        <v>13</v>
      </c>
      <c r="AG27528">
        <v>13</v>
      </c>
      <c r="AH27528">
        <v>13</v>
      </c>
      <c r="AI27528">
        <v>13</v>
      </c>
      <c r="AJ27528">
        <v>13</v>
      </c>
      <c r="AK27528">
        <v>13</v>
      </c>
      <c r="AL27528">
        <v>13</v>
      </c>
      <c r="AM27528">
        <v>13</v>
      </c>
      <c r="AN27528">
        <v>13</v>
      </c>
      <c r="AO27528">
        <v>13</v>
      </c>
      <c r="AP27528">
        <v>13</v>
      </c>
      <c r="AQ27528">
        <v>13</v>
      </c>
    </row>
    <row r="27529" spans="1:43">
      <c r="A27529" t="s">
        <v>17039</v>
      </c>
      <c r="B27529" t="s">
        <v>17040</v>
      </c>
      <c r="C27529" t="s">
        <v>17037</v>
      </c>
      <c r="D27529" t="s">
        <v>17038</v>
      </c>
      <c r="E27529" t="s">
        <v>16923</v>
      </c>
      <c r="F27529" t="s">
        <v>16924</v>
      </c>
      <c r="G27529" t="s">
        <v>16559</v>
      </c>
      <c r="H27529" t="s">
        <v>16560</v>
      </c>
      <c r="I27529" s="2">
        <v>1</v>
      </c>
      <c r="J27529" s="2">
        <v>0</v>
      </c>
      <c r="K27529" s="2">
        <v>0</v>
      </c>
      <c r="L27529" t="s">
        <v>120</v>
      </c>
      <c r="M27529" t="s">
        <v>83</v>
      </c>
      <c r="N27529" t="s">
        <v>91</v>
      </c>
      <c r="O27529" t="s">
        <v>85</v>
      </c>
      <c r="P27529" t="s">
        <v>86</v>
      </c>
      <c r="Q27529">
        <v>12</v>
      </c>
      <c r="R27529">
        <v>12</v>
      </c>
      <c r="S27529">
        <v>12</v>
      </c>
      <c r="T27529">
        <v>12</v>
      </c>
      <c r="U27529">
        <v>12</v>
      </c>
      <c r="V27529">
        <v>12</v>
      </c>
      <c r="W27529">
        <v>12</v>
      </c>
      <c r="X27529">
        <v>12</v>
      </c>
      <c r="Y27529">
        <v>12</v>
      </c>
      <c r="Z27529">
        <v>12</v>
      </c>
      <c r="AA27529">
        <v>12</v>
      </c>
      <c r="AB27529">
        <v>12</v>
      </c>
      <c r="AC27529">
        <v>12</v>
      </c>
      <c r="AD27529">
        <v>12</v>
      </c>
      <c r="AE27529">
        <v>12</v>
      </c>
      <c r="AF27529">
        <v>13</v>
      </c>
      <c r="AG27529">
        <v>13</v>
      </c>
      <c r="AH27529">
        <v>13</v>
      </c>
      <c r="AI27529">
        <v>13</v>
      </c>
      <c r="AJ27529">
        <v>13</v>
      </c>
      <c r="AK27529">
        <v>13</v>
      </c>
      <c r="AL27529">
        <v>13</v>
      </c>
      <c r="AM27529">
        <v>13</v>
      </c>
      <c r="AN27529">
        <v>13</v>
      </c>
      <c r="AO27529">
        <v>13</v>
      </c>
      <c r="AP27529">
        <v>12</v>
      </c>
      <c r="AQ27529">
        <v>12</v>
      </c>
    </row>
    <row r="27530" spans="1:43">
      <c r="A27530" t="s">
        <v>17041</v>
      </c>
      <c r="B27530" t="s">
        <v>17042</v>
      </c>
      <c r="C27530" t="s">
        <v>17037</v>
      </c>
      <c r="D27530" t="s">
        <v>17038</v>
      </c>
      <c r="E27530" t="s">
        <v>16923</v>
      </c>
      <c r="F27530" t="s">
        <v>16924</v>
      </c>
      <c r="G27530" t="s">
        <v>16559</v>
      </c>
      <c r="H27530" t="s">
        <v>16560</v>
      </c>
      <c r="I27530" s="2">
        <v>1</v>
      </c>
      <c r="J27530" s="2">
        <v>0</v>
      </c>
      <c r="K27530" s="2">
        <v>0</v>
      </c>
      <c r="L27530" t="s">
        <v>120</v>
      </c>
      <c r="M27530" t="s">
        <v>83</v>
      </c>
      <c r="N27530" t="s">
        <v>84</v>
      </c>
      <c r="O27530" t="s">
        <v>85</v>
      </c>
      <c r="P27530" t="s">
        <v>86</v>
      </c>
      <c r="Q27530">
        <v>5</v>
      </c>
      <c r="R27530">
        <v>5</v>
      </c>
      <c r="S27530">
        <v>5</v>
      </c>
      <c r="T27530">
        <v>5</v>
      </c>
      <c r="U27530">
        <v>5</v>
      </c>
      <c r="V27530">
        <v>5</v>
      </c>
      <c r="W27530">
        <v>6</v>
      </c>
      <c r="X27530">
        <v>6</v>
      </c>
      <c r="Y27530">
        <v>6</v>
      </c>
      <c r="Z27530">
        <v>6</v>
      </c>
      <c r="AA27530">
        <v>6</v>
      </c>
      <c r="AB27530">
        <v>6</v>
      </c>
      <c r="AC27530">
        <v>6</v>
      </c>
      <c r="AD27530">
        <v>6</v>
      </c>
      <c r="AE27530">
        <v>6</v>
      </c>
      <c r="AF27530">
        <v>6</v>
      </c>
      <c r="AG27530">
        <v>6</v>
      </c>
      <c r="AH27530">
        <v>6</v>
      </c>
      <c r="AI27530">
        <v>6</v>
      </c>
      <c r="AJ27530">
        <v>6</v>
      </c>
      <c r="AK27530">
        <v>6</v>
      </c>
      <c r="AL27530">
        <v>6</v>
      </c>
      <c r="AM27530">
        <v>6</v>
      </c>
      <c r="AN27530">
        <v>6</v>
      </c>
      <c r="AO27530">
        <v>6</v>
      </c>
      <c r="AP27530">
        <v>6</v>
      </c>
      <c r="AQ27530">
        <v>6</v>
      </c>
    </row>
    <row r="27531" spans="1:43">
      <c r="A27531" t="s">
        <v>17041</v>
      </c>
      <c r="B27531" t="s">
        <v>17042</v>
      </c>
      <c r="C27531" t="s">
        <v>17037</v>
      </c>
      <c r="D27531" t="s">
        <v>17038</v>
      </c>
      <c r="E27531" t="s">
        <v>16923</v>
      </c>
      <c r="F27531" t="s">
        <v>16924</v>
      </c>
      <c r="G27531" t="s">
        <v>16559</v>
      </c>
      <c r="H27531" t="s">
        <v>16560</v>
      </c>
      <c r="I27531" s="2">
        <v>1</v>
      </c>
      <c r="J27531" s="2">
        <v>0</v>
      </c>
      <c r="K27531" s="2">
        <v>0</v>
      </c>
      <c r="L27531" t="s">
        <v>120</v>
      </c>
      <c r="M27531" t="s">
        <v>87</v>
      </c>
      <c r="N27531" t="s">
        <v>88</v>
      </c>
      <c r="O27531" t="s">
        <v>85</v>
      </c>
      <c r="P27531" t="s">
        <v>86</v>
      </c>
      <c r="Q27531">
        <v>5</v>
      </c>
      <c r="R27531">
        <v>5</v>
      </c>
      <c r="S27531">
        <v>5</v>
      </c>
      <c r="T27531">
        <v>5</v>
      </c>
      <c r="U27531">
        <v>5</v>
      </c>
      <c r="V27531">
        <v>5</v>
      </c>
      <c r="W27531">
        <v>5</v>
      </c>
      <c r="X27531">
        <v>5</v>
      </c>
      <c r="Y27531">
        <v>5</v>
      </c>
      <c r="Z27531">
        <v>5</v>
      </c>
      <c r="AA27531">
        <v>5</v>
      </c>
      <c r="AB27531">
        <v>5</v>
      </c>
      <c r="AC27531">
        <v>5</v>
      </c>
      <c r="AD27531">
        <v>5</v>
      </c>
      <c r="AE27531">
        <v>5</v>
      </c>
      <c r="AF27531">
        <v>5</v>
      </c>
      <c r="AG27531">
        <v>5</v>
      </c>
      <c r="AH27531">
        <v>5</v>
      </c>
      <c r="AI27531">
        <v>5</v>
      </c>
      <c r="AJ27531">
        <v>5</v>
      </c>
      <c r="AK27531">
        <v>5</v>
      </c>
      <c r="AL27531">
        <v>5</v>
      </c>
      <c r="AM27531">
        <v>5</v>
      </c>
      <c r="AN27531">
        <v>5</v>
      </c>
      <c r="AO27531">
        <v>5</v>
      </c>
      <c r="AP27531">
        <v>5</v>
      </c>
      <c r="AQ27531">
        <v>5</v>
      </c>
    </row>
    <row r="27532" spans="1:43">
      <c r="A27532" t="s">
        <v>17041</v>
      </c>
      <c r="B27532" t="s">
        <v>17042</v>
      </c>
      <c r="C27532" t="s">
        <v>17037</v>
      </c>
      <c r="D27532" t="s">
        <v>17038</v>
      </c>
      <c r="E27532" t="s">
        <v>16923</v>
      </c>
      <c r="F27532" t="s">
        <v>16924</v>
      </c>
      <c r="G27532" t="s">
        <v>16559</v>
      </c>
      <c r="H27532" t="s">
        <v>16560</v>
      </c>
      <c r="I27532" s="2">
        <v>1</v>
      </c>
      <c r="J27532" s="2">
        <v>0</v>
      </c>
      <c r="K27532" s="2">
        <v>0</v>
      </c>
      <c r="L27532" t="s">
        <v>120</v>
      </c>
      <c r="M27532" t="s">
        <v>89</v>
      </c>
      <c r="N27532" t="s">
        <v>90</v>
      </c>
      <c r="O27532" t="s">
        <v>85</v>
      </c>
      <c r="P27532" t="s">
        <v>86</v>
      </c>
      <c r="Q27532">
        <v>5</v>
      </c>
      <c r="R27532">
        <v>5</v>
      </c>
      <c r="S27532">
        <v>6</v>
      </c>
      <c r="T27532">
        <v>6</v>
      </c>
      <c r="U27532">
        <v>6</v>
      </c>
      <c r="V27532">
        <v>6</v>
      </c>
      <c r="W27532">
        <v>6</v>
      </c>
      <c r="X27532">
        <v>6</v>
      </c>
      <c r="Y27532">
        <v>6</v>
      </c>
      <c r="Z27532">
        <v>6</v>
      </c>
      <c r="AA27532">
        <v>6</v>
      </c>
      <c r="AB27532">
        <v>6</v>
      </c>
      <c r="AC27532">
        <v>6</v>
      </c>
      <c r="AD27532">
        <v>6</v>
      </c>
      <c r="AE27532">
        <v>6</v>
      </c>
      <c r="AF27532">
        <v>6</v>
      </c>
      <c r="AG27532">
        <v>6</v>
      </c>
      <c r="AH27532">
        <v>6</v>
      </c>
      <c r="AI27532">
        <v>6</v>
      </c>
      <c r="AJ27532">
        <v>6</v>
      </c>
      <c r="AK27532">
        <v>6</v>
      </c>
      <c r="AL27532">
        <v>6</v>
      </c>
      <c r="AM27532">
        <v>6</v>
      </c>
      <c r="AN27532">
        <v>6</v>
      </c>
      <c r="AO27532">
        <v>6</v>
      </c>
      <c r="AP27532">
        <v>6</v>
      </c>
      <c r="AQ27532">
        <v>6</v>
      </c>
    </row>
    <row r="27533" spans="1:43">
      <c r="A27533" t="s">
        <v>17041</v>
      </c>
      <c r="B27533" t="s">
        <v>17042</v>
      </c>
      <c r="C27533" t="s">
        <v>17037</v>
      </c>
      <c r="D27533" t="s">
        <v>17038</v>
      </c>
      <c r="E27533" t="s">
        <v>16923</v>
      </c>
      <c r="F27533" t="s">
        <v>16924</v>
      </c>
      <c r="G27533" t="s">
        <v>16559</v>
      </c>
      <c r="H27533" t="s">
        <v>16560</v>
      </c>
      <c r="I27533" s="2">
        <v>1</v>
      </c>
      <c r="J27533" s="2">
        <v>0</v>
      </c>
      <c r="K27533" s="2">
        <v>0</v>
      </c>
      <c r="L27533" t="s">
        <v>120</v>
      </c>
      <c r="M27533" t="s">
        <v>83</v>
      </c>
      <c r="N27533" t="s">
        <v>91</v>
      </c>
      <c r="O27533" t="s">
        <v>85</v>
      </c>
      <c r="P27533" t="s">
        <v>86</v>
      </c>
      <c r="Q27533">
        <v>5</v>
      </c>
      <c r="R27533">
        <v>5</v>
      </c>
      <c r="S27533">
        <v>5</v>
      </c>
      <c r="T27533">
        <v>5</v>
      </c>
      <c r="U27533">
        <v>5</v>
      </c>
      <c r="V27533">
        <v>5</v>
      </c>
      <c r="W27533">
        <v>6</v>
      </c>
      <c r="X27533">
        <v>6</v>
      </c>
      <c r="Y27533">
        <v>6</v>
      </c>
      <c r="Z27533">
        <v>6</v>
      </c>
      <c r="AA27533">
        <v>6</v>
      </c>
      <c r="AB27533">
        <v>6</v>
      </c>
      <c r="AC27533">
        <v>6</v>
      </c>
      <c r="AD27533">
        <v>6</v>
      </c>
      <c r="AE27533">
        <v>6</v>
      </c>
      <c r="AF27533">
        <v>6</v>
      </c>
      <c r="AG27533">
        <v>6</v>
      </c>
      <c r="AH27533">
        <v>6</v>
      </c>
      <c r="AI27533">
        <v>6</v>
      </c>
      <c r="AJ27533">
        <v>6</v>
      </c>
      <c r="AK27533">
        <v>6</v>
      </c>
      <c r="AL27533">
        <v>6</v>
      </c>
      <c r="AM27533">
        <v>6</v>
      </c>
      <c r="AN27533">
        <v>6</v>
      </c>
      <c r="AO27533">
        <v>6</v>
      </c>
      <c r="AP27533">
        <v>6</v>
      </c>
      <c r="AQ27533">
        <v>6</v>
      </c>
    </row>
    <row r="27534" spans="1:43">
      <c r="A27534" t="s">
        <v>17043</v>
      </c>
      <c r="B27534" t="s">
        <v>17044</v>
      </c>
      <c r="C27534" t="s">
        <v>17037</v>
      </c>
      <c r="D27534" t="s">
        <v>17038</v>
      </c>
      <c r="E27534" t="s">
        <v>16923</v>
      </c>
      <c r="F27534" t="s">
        <v>16924</v>
      </c>
      <c r="G27534" t="s">
        <v>16559</v>
      </c>
      <c r="H27534" t="s">
        <v>16560</v>
      </c>
      <c r="I27534" s="2">
        <v>1</v>
      </c>
      <c r="J27534" s="2">
        <v>0</v>
      </c>
      <c r="K27534" s="2">
        <v>0</v>
      </c>
      <c r="L27534" t="s">
        <v>120</v>
      </c>
      <c r="M27534" t="s">
        <v>83</v>
      </c>
      <c r="N27534" t="s">
        <v>84</v>
      </c>
      <c r="O27534" t="s">
        <v>85</v>
      </c>
      <c r="P27534" t="s">
        <v>86</v>
      </c>
      <c r="Q27534">
        <v>6</v>
      </c>
      <c r="R27534">
        <v>6</v>
      </c>
      <c r="S27534">
        <v>6</v>
      </c>
      <c r="T27534">
        <v>6</v>
      </c>
      <c r="U27534">
        <v>6</v>
      </c>
      <c r="V27534">
        <v>6</v>
      </c>
      <c r="W27534">
        <v>6</v>
      </c>
      <c r="X27534">
        <v>6</v>
      </c>
      <c r="Y27534">
        <v>6</v>
      </c>
      <c r="Z27534">
        <v>6</v>
      </c>
      <c r="AA27534">
        <v>6</v>
      </c>
      <c r="AB27534">
        <v>7</v>
      </c>
      <c r="AC27534">
        <v>7</v>
      </c>
      <c r="AD27534">
        <v>7</v>
      </c>
      <c r="AE27534">
        <v>7</v>
      </c>
      <c r="AF27534">
        <v>7</v>
      </c>
      <c r="AG27534">
        <v>7</v>
      </c>
      <c r="AH27534">
        <v>7</v>
      </c>
      <c r="AI27534">
        <v>7</v>
      </c>
      <c r="AJ27534">
        <v>7</v>
      </c>
      <c r="AK27534">
        <v>7</v>
      </c>
      <c r="AL27534">
        <v>7</v>
      </c>
      <c r="AM27534">
        <v>7</v>
      </c>
      <c r="AN27534">
        <v>7</v>
      </c>
      <c r="AO27534">
        <v>7</v>
      </c>
      <c r="AP27534">
        <v>7</v>
      </c>
      <c r="AQ27534">
        <v>7</v>
      </c>
    </row>
    <row r="27535" spans="1:43">
      <c r="A27535" t="s">
        <v>17043</v>
      </c>
      <c r="B27535" t="s">
        <v>17044</v>
      </c>
      <c r="C27535" t="s">
        <v>17037</v>
      </c>
      <c r="D27535" t="s">
        <v>17038</v>
      </c>
      <c r="E27535" t="s">
        <v>16923</v>
      </c>
      <c r="F27535" t="s">
        <v>16924</v>
      </c>
      <c r="G27535" t="s">
        <v>16559</v>
      </c>
      <c r="H27535" t="s">
        <v>16560</v>
      </c>
      <c r="I27535" s="2">
        <v>1</v>
      </c>
      <c r="J27535" s="2">
        <v>0</v>
      </c>
      <c r="K27535" s="2">
        <v>0</v>
      </c>
      <c r="L27535" t="s">
        <v>120</v>
      </c>
      <c r="M27535" t="s">
        <v>87</v>
      </c>
      <c r="N27535" t="s">
        <v>88</v>
      </c>
      <c r="O27535" t="s">
        <v>85</v>
      </c>
      <c r="P27535" t="s">
        <v>86</v>
      </c>
      <c r="Q27535">
        <v>6</v>
      </c>
      <c r="R27535">
        <v>6</v>
      </c>
      <c r="S27535">
        <v>6</v>
      </c>
      <c r="T27535">
        <v>6</v>
      </c>
      <c r="U27535">
        <v>6</v>
      </c>
      <c r="V27535">
        <v>6</v>
      </c>
      <c r="W27535">
        <v>6</v>
      </c>
      <c r="X27535">
        <v>6</v>
      </c>
      <c r="Y27535">
        <v>6</v>
      </c>
      <c r="Z27535">
        <v>6</v>
      </c>
      <c r="AA27535">
        <v>6</v>
      </c>
      <c r="AB27535">
        <v>6</v>
      </c>
      <c r="AC27535">
        <v>6</v>
      </c>
      <c r="AD27535">
        <v>6</v>
      </c>
      <c r="AE27535">
        <v>6</v>
      </c>
      <c r="AF27535">
        <v>6</v>
      </c>
      <c r="AG27535">
        <v>6</v>
      </c>
      <c r="AH27535">
        <v>6</v>
      </c>
      <c r="AI27535">
        <v>6</v>
      </c>
      <c r="AJ27535">
        <v>6</v>
      </c>
      <c r="AK27535">
        <v>6</v>
      </c>
      <c r="AL27535">
        <v>6</v>
      </c>
      <c r="AM27535">
        <v>6</v>
      </c>
      <c r="AN27535">
        <v>6</v>
      </c>
      <c r="AO27535">
        <v>6</v>
      </c>
      <c r="AP27535">
        <v>6</v>
      </c>
      <c r="AQ27535">
        <v>6</v>
      </c>
    </row>
    <row r="27536" spans="1:43">
      <c r="A27536" t="s">
        <v>17043</v>
      </c>
      <c r="B27536" t="s">
        <v>17044</v>
      </c>
      <c r="C27536" t="s">
        <v>17037</v>
      </c>
      <c r="D27536" t="s">
        <v>17038</v>
      </c>
      <c r="E27536" t="s">
        <v>16923</v>
      </c>
      <c r="F27536" t="s">
        <v>16924</v>
      </c>
      <c r="G27536" t="s">
        <v>16559</v>
      </c>
      <c r="H27536" t="s">
        <v>16560</v>
      </c>
      <c r="I27536" s="2">
        <v>1</v>
      </c>
      <c r="J27536" s="2">
        <v>0</v>
      </c>
      <c r="K27536" s="2">
        <v>0</v>
      </c>
      <c r="L27536" t="s">
        <v>120</v>
      </c>
      <c r="M27536" t="s">
        <v>89</v>
      </c>
      <c r="N27536" t="s">
        <v>90</v>
      </c>
      <c r="O27536" t="s">
        <v>85</v>
      </c>
      <c r="P27536" t="s">
        <v>86</v>
      </c>
      <c r="Q27536">
        <v>6</v>
      </c>
      <c r="R27536">
        <v>6</v>
      </c>
      <c r="S27536">
        <v>6</v>
      </c>
      <c r="T27536">
        <v>6</v>
      </c>
      <c r="U27536">
        <v>7</v>
      </c>
      <c r="V27536">
        <v>7</v>
      </c>
      <c r="W27536">
        <v>7</v>
      </c>
      <c r="X27536">
        <v>7</v>
      </c>
      <c r="Y27536">
        <v>7</v>
      </c>
      <c r="Z27536">
        <v>7</v>
      </c>
      <c r="AA27536">
        <v>7</v>
      </c>
      <c r="AB27536">
        <v>7</v>
      </c>
      <c r="AC27536">
        <v>7</v>
      </c>
      <c r="AD27536">
        <v>7</v>
      </c>
      <c r="AE27536">
        <v>7</v>
      </c>
      <c r="AF27536">
        <v>7</v>
      </c>
      <c r="AG27536">
        <v>7</v>
      </c>
      <c r="AH27536">
        <v>7</v>
      </c>
      <c r="AI27536">
        <v>7</v>
      </c>
      <c r="AJ27536">
        <v>7</v>
      </c>
      <c r="AK27536">
        <v>7</v>
      </c>
      <c r="AL27536">
        <v>7</v>
      </c>
      <c r="AM27536">
        <v>7</v>
      </c>
      <c r="AN27536">
        <v>7</v>
      </c>
      <c r="AO27536">
        <v>7</v>
      </c>
      <c r="AP27536">
        <v>7</v>
      </c>
      <c r="AQ27536">
        <v>7</v>
      </c>
    </row>
    <row r="27537" spans="1:43">
      <c r="A27537" t="s">
        <v>17043</v>
      </c>
      <c r="B27537" t="s">
        <v>17044</v>
      </c>
      <c r="C27537" t="s">
        <v>17037</v>
      </c>
      <c r="D27537" t="s">
        <v>17038</v>
      </c>
      <c r="E27537" t="s">
        <v>16923</v>
      </c>
      <c r="F27537" t="s">
        <v>16924</v>
      </c>
      <c r="G27537" t="s">
        <v>16559</v>
      </c>
      <c r="H27537" t="s">
        <v>16560</v>
      </c>
      <c r="I27537" s="2">
        <v>1</v>
      </c>
      <c r="J27537" s="2">
        <v>0</v>
      </c>
      <c r="K27537" s="2">
        <v>0</v>
      </c>
      <c r="L27537" t="s">
        <v>120</v>
      </c>
      <c r="M27537" t="s">
        <v>83</v>
      </c>
      <c r="N27537" t="s">
        <v>91</v>
      </c>
      <c r="O27537" t="s">
        <v>85</v>
      </c>
      <c r="P27537" t="s">
        <v>86</v>
      </c>
      <c r="Q27537">
        <v>6</v>
      </c>
      <c r="R27537">
        <v>6</v>
      </c>
      <c r="S27537">
        <v>6</v>
      </c>
      <c r="T27537">
        <v>6</v>
      </c>
      <c r="U27537">
        <v>6</v>
      </c>
      <c r="V27537">
        <v>6</v>
      </c>
      <c r="W27537">
        <v>6</v>
      </c>
      <c r="X27537">
        <v>6</v>
      </c>
      <c r="Y27537">
        <v>6</v>
      </c>
      <c r="Z27537">
        <v>6</v>
      </c>
      <c r="AA27537">
        <v>6</v>
      </c>
      <c r="AB27537">
        <v>7</v>
      </c>
      <c r="AC27537">
        <v>7</v>
      </c>
      <c r="AD27537">
        <v>7</v>
      </c>
      <c r="AE27537">
        <v>7</v>
      </c>
      <c r="AF27537">
        <v>7</v>
      </c>
      <c r="AG27537">
        <v>7</v>
      </c>
      <c r="AH27537">
        <v>7</v>
      </c>
      <c r="AI27537">
        <v>7</v>
      </c>
      <c r="AJ27537">
        <v>7</v>
      </c>
      <c r="AK27537">
        <v>7</v>
      </c>
      <c r="AL27537">
        <v>7</v>
      </c>
      <c r="AM27537">
        <v>7</v>
      </c>
      <c r="AN27537">
        <v>7</v>
      </c>
      <c r="AO27537">
        <v>7</v>
      </c>
      <c r="AP27537">
        <v>7</v>
      </c>
      <c r="AQ27537">
        <v>7</v>
      </c>
    </row>
    <row r="27538" spans="1:43">
      <c r="A27538" t="s">
        <v>17045</v>
      </c>
      <c r="B27538" t="s">
        <v>17046</v>
      </c>
      <c r="C27538" t="s">
        <v>17047</v>
      </c>
      <c r="D27538" t="s">
        <v>17048</v>
      </c>
      <c r="E27538" t="s">
        <v>16923</v>
      </c>
      <c r="F27538" t="s">
        <v>16924</v>
      </c>
      <c r="G27538" t="s">
        <v>16559</v>
      </c>
      <c r="H27538" t="s">
        <v>16560</v>
      </c>
      <c r="I27538" s="2">
        <v>1</v>
      </c>
      <c r="J27538" s="2">
        <v>0</v>
      </c>
      <c r="K27538" s="2">
        <v>0</v>
      </c>
      <c r="L27538" t="s">
        <v>120</v>
      </c>
      <c r="M27538" t="s">
        <v>83</v>
      </c>
      <c r="N27538" t="s">
        <v>84</v>
      </c>
      <c r="O27538" t="s">
        <v>85</v>
      </c>
      <c r="P27538" t="s">
        <v>86</v>
      </c>
      <c r="Q27538">
        <v>21</v>
      </c>
      <c r="R27538">
        <v>21</v>
      </c>
      <c r="S27538">
        <v>21</v>
      </c>
      <c r="T27538">
        <v>22</v>
      </c>
      <c r="U27538">
        <v>22</v>
      </c>
      <c r="V27538">
        <v>22</v>
      </c>
      <c r="W27538">
        <v>22</v>
      </c>
      <c r="X27538">
        <v>22</v>
      </c>
      <c r="Y27538">
        <v>22</v>
      </c>
      <c r="Z27538">
        <v>22</v>
      </c>
      <c r="AA27538">
        <v>22</v>
      </c>
      <c r="AB27538">
        <v>22</v>
      </c>
      <c r="AC27538">
        <v>22</v>
      </c>
      <c r="AD27538">
        <v>22</v>
      </c>
      <c r="AE27538">
        <v>22</v>
      </c>
      <c r="AF27538">
        <v>23</v>
      </c>
      <c r="AG27538">
        <v>23</v>
      </c>
      <c r="AH27538">
        <v>23</v>
      </c>
      <c r="AI27538">
        <v>23</v>
      </c>
      <c r="AJ27538">
        <v>23</v>
      </c>
      <c r="AK27538">
        <v>23</v>
      </c>
      <c r="AL27538">
        <v>23</v>
      </c>
      <c r="AM27538">
        <v>23</v>
      </c>
      <c r="AN27538">
        <v>22</v>
      </c>
      <c r="AO27538">
        <v>22</v>
      </c>
      <c r="AP27538">
        <v>22</v>
      </c>
      <c r="AQ27538">
        <v>22</v>
      </c>
    </row>
    <row r="27539" spans="1:43">
      <c r="A27539" t="s">
        <v>17045</v>
      </c>
      <c r="B27539" t="s">
        <v>17046</v>
      </c>
      <c r="C27539" t="s">
        <v>17047</v>
      </c>
      <c r="D27539" t="s">
        <v>17048</v>
      </c>
      <c r="E27539" t="s">
        <v>16923</v>
      </c>
      <c r="F27539" t="s">
        <v>16924</v>
      </c>
      <c r="G27539" t="s">
        <v>16559</v>
      </c>
      <c r="H27539" t="s">
        <v>16560</v>
      </c>
      <c r="I27539" s="2">
        <v>1</v>
      </c>
      <c r="J27539" s="2">
        <v>0</v>
      </c>
      <c r="K27539" s="2">
        <v>0</v>
      </c>
      <c r="L27539" t="s">
        <v>120</v>
      </c>
      <c r="M27539" t="s">
        <v>87</v>
      </c>
      <c r="N27539" t="s">
        <v>88</v>
      </c>
      <c r="O27539" t="s">
        <v>85</v>
      </c>
      <c r="P27539" t="s">
        <v>86</v>
      </c>
      <c r="Q27539">
        <v>21</v>
      </c>
      <c r="R27539">
        <v>21</v>
      </c>
      <c r="S27539">
        <v>21</v>
      </c>
      <c r="T27539">
        <v>21</v>
      </c>
      <c r="U27539">
        <v>21</v>
      </c>
      <c r="V27539">
        <v>21</v>
      </c>
      <c r="W27539">
        <v>21</v>
      </c>
      <c r="X27539">
        <v>20</v>
      </c>
      <c r="Y27539">
        <v>20</v>
      </c>
      <c r="Z27539">
        <v>20</v>
      </c>
      <c r="AA27539">
        <v>20</v>
      </c>
      <c r="AB27539">
        <v>20</v>
      </c>
      <c r="AC27539">
        <v>20</v>
      </c>
      <c r="AD27539">
        <v>20</v>
      </c>
      <c r="AE27539">
        <v>20</v>
      </c>
      <c r="AF27539">
        <v>20</v>
      </c>
      <c r="AG27539">
        <v>20</v>
      </c>
      <c r="AH27539">
        <v>20</v>
      </c>
      <c r="AI27539">
        <v>20</v>
      </c>
      <c r="AJ27539">
        <v>20</v>
      </c>
      <c r="AK27539">
        <v>19</v>
      </c>
      <c r="AL27539">
        <v>19</v>
      </c>
      <c r="AM27539">
        <v>19</v>
      </c>
      <c r="AN27539">
        <v>19</v>
      </c>
      <c r="AO27539">
        <v>19</v>
      </c>
      <c r="AP27539">
        <v>19</v>
      </c>
      <c r="AQ27539">
        <v>19</v>
      </c>
    </row>
    <row r="27540" spans="1:43">
      <c r="A27540" t="s">
        <v>17045</v>
      </c>
      <c r="B27540" t="s">
        <v>17046</v>
      </c>
      <c r="C27540" t="s">
        <v>17047</v>
      </c>
      <c r="D27540" t="s">
        <v>17048</v>
      </c>
      <c r="E27540" t="s">
        <v>16923</v>
      </c>
      <c r="F27540" t="s">
        <v>16924</v>
      </c>
      <c r="G27540" t="s">
        <v>16559</v>
      </c>
      <c r="H27540" t="s">
        <v>16560</v>
      </c>
      <c r="I27540" s="2">
        <v>1</v>
      </c>
      <c r="J27540" s="2">
        <v>0</v>
      </c>
      <c r="K27540" s="2">
        <v>0</v>
      </c>
      <c r="L27540" t="s">
        <v>120</v>
      </c>
      <c r="M27540" t="s">
        <v>89</v>
      </c>
      <c r="N27540" t="s">
        <v>90</v>
      </c>
      <c r="O27540" t="s">
        <v>85</v>
      </c>
      <c r="P27540" t="s">
        <v>86</v>
      </c>
      <c r="Q27540">
        <v>21</v>
      </c>
      <c r="R27540">
        <v>22</v>
      </c>
      <c r="S27540">
        <v>22</v>
      </c>
      <c r="T27540">
        <v>22</v>
      </c>
      <c r="U27540">
        <v>23</v>
      </c>
      <c r="V27540">
        <v>23</v>
      </c>
      <c r="W27540">
        <v>23</v>
      </c>
      <c r="X27540">
        <v>23</v>
      </c>
      <c r="Y27540">
        <v>23</v>
      </c>
      <c r="Z27540">
        <v>23</v>
      </c>
      <c r="AA27540">
        <v>24</v>
      </c>
      <c r="AB27540">
        <v>24</v>
      </c>
      <c r="AC27540">
        <v>24</v>
      </c>
      <c r="AD27540">
        <v>24</v>
      </c>
      <c r="AE27540">
        <v>24</v>
      </c>
      <c r="AF27540">
        <v>24</v>
      </c>
      <c r="AG27540">
        <v>24</v>
      </c>
      <c r="AH27540">
        <v>24</v>
      </c>
      <c r="AI27540">
        <v>23</v>
      </c>
      <c r="AJ27540">
        <v>23</v>
      </c>
      <c r="AK27540">
        <v>23</v>
      </c>
      <c r="AL27540">
        <v>23</v>
      </c>
      <c r="AM27540">
        <v>23</v>
      </c>
      <c r="AN27540">
        <v>23</v>
      </c>
      <c r="AO27540">
        <v>23</v>
      </c>
      <c r="AP27540">
        <v>22</v>
      </c>
      <c r="AQ27540">
        <v>22</v>
      </c>
    </row>
    <row r="27541" spans="1:43">
      <c r="A27541" t="s">
        <v>17045</v>
      </c>
      <c r="B27541" t="s">
        <v>17046</v>
      </c>
      <c r="C27541" t="s">
        <v>17047</v>
      </c>
      <c r="D27541" t="s">
        <v>17048</v>
      </c>
      <c r="E27541" t="s">
        <v>16923</v>
      </c>
      <c r="F27541" t="s">
        <v>16924</v>
      </c>
      <c r="G27541" t="s">
        <v>16559</v>
      </c>
      <c r="H27541" t="s">
        <v>16560</v>
      </c>
      <c r="I27541" s="2">
        <v>1</v>
      </c>
      <c r="J27541" s="2">
        <v>0</v>
      </c>
      <c r="K27541" s="2">
        <v>0</v>
      </c>
      <c r="L27541" t="s">
        <v>120</v>
      </c>
      <c r="M27541" t="s">
        <v>83</v>
      </c>
      <c r="N27541" t="s">
        <v>91</v>
      </c>
      <c r="O27541" t="s">
        <v>85</v>
      </c>
      <c r="P27541" t="s">
        <v>86</v>
      </c>
      <c r="Q27541">
        <v>21</v>
      </c>
      <c r="R27541">
        <v>21</v>
      </c>
      <c r="S27541">
        <v>21</v>
      </c>
      <c r="T27541">
        <v>22</v>
      </c>
      <c r="U27541">
        <v>22</v>
      </c>
      <c r="V27541">
        <v>22</v>
      </c>
      <c r="W27541">
        <v>22</v>
      </c>
      <c r="X27541">
        <v>22</v>
      </c>
      <c r="Y27541">
        <v>22</v>
      </c>
      <c r="Z27541">
        <v>22</v>
      </c>
      <c r="AA27541">
        <v>22</v>
      </c>
      <c r="AB27541">
        <v>22</v>
      </c>
      <c r="AC27541">
        <v>22</v>
      </c>
      <c r="AD27541">
        <v>22</v>
      </c>
      <c r="AE27541">
        <v>22</v>
      </c>
      <c r="AF27541">
        <v>23</v>
      </c>
      <c r="AG27541">
        <v>23</v>
      </c>
      <c r="AH27541">
        <v>23</v>
      </c>
      <c r="AI27541">
        <v>23</v>
      </c>
      <c r="AJ27541">
        <v>23</v>
      </c>
      <c r="AK27541">
        <v>23</v>
      </c>
      <c r="AL27541">
        <v>23</v>
      </c>
      <c r="AM27541">
        <v>23</v>
      </c>
      <c r="AN27541">
        <v>22</v>
      </c>
      <c r="AO27541">
        <v>22</v>
      </c>
      <c r="AP27541">
        <v>22</v>
      </c>
      <c r="AQ27541">
        <v>22</v>
      </c>
    </row>
    <row r="27542" spans="1:43">
      <c r="A27542" t="s">
        <v>17049</v>
      </c>
      <c r="B27542" t="s">
        <v>17050</v>
      </c>
      <c r="C27542" t="s">
        <v>17047</v>
      </c>
      <c r="D27542" t="s">
        <v>17048</v>
      </c>
      <c r="E27542" t="s">
        <v>16923</v>
      </c>
      <c r="F27542" t="s">
        <v>16924</v>
      </c>
      <c r="G27542" t="s">
        <v>16559</v>
      </c>
      <c r="H27542" t="s">
        <v>16560</v>
      </c>
      <c r="I27542" s="2">
        <v>1</v>
      </c>
      <c r="J27542" s="2">
        <v>0</v>
      </c>
      <c r="K27542" s="2">
        <v>0</v>
      </c>
      <c r="L27542" t="s">
        <v>120</v>
      </c>
      <c r="M27542" t="s">
        <v>83</v>
      </c>
      <c r="N27542" t="s">
        <v>84</v>
      </c>
      <c r="O27542" t="s">
        <v>85</v>
      </c>
      <c r="P27542" t="s">
        <v>86</v>
      </c>
      <c r="Q27542">
        <v>28</v>
      </c>
      <c r="R27542">
        <v>29</v>
      </c>
      <c r="S27542">
        <v>29</v>
      </c>
      <c r="T27542">
        <v>29</v>
      </c>
      <c r="U27542">
        <v>29</v>
      </c>
      <c r="V27542">
        <v>29</v>
      </c>
      <c r="W27542">
        <v>29</v>
      </c>
      <c r="X27542">
        <v>30</v>
      </c>
      <c r="Y27542">
        <v>30</v>
      </c>
      <c r="Z27542">
        <v>30</v>
      </c>
      <c r="AA27542">
        <v>30</v>
      </c>
      <c r="AB27542">
        <v>30</v>
      </c>
      <c r="AC27542">
        <v>30</v>
      </c>
      <c r="AD27542">
        <v>30</v>
      </c>
      <c r="AE27542">
        <v>31</v>
      </c>
      <c r="AF27542">
        <v>31</v>
      </c>
      <c r="AG27542">
        <v>31</v>
      </c>
      <c r="AH27542">
        <v>31</v>
      </c>
      <c r="AI27542">
        <v>31</v>
      </c>
      <c r="AJ27542">
        <v>31</v>
      </c>
      <c r="AK27542">
        <v>31</v>
      </c>
      <c r="AL27542">
        <v>31</v>
      </c>
      <c r="AM27542">
        <v>31</v>
      </c>
      <c r="AN27542">
        <v>31</v>
      </c>
      <c r="AO27542">
        <v>31</v>
      </c>
      <c r="AP27542">
        <v>31</v>
      </c>
      <c r="AQ27542">
        <v>31</v>
      </c>
    </row>
    <row r="27543" spans="1:43">
      <c r="A27543" t="s">
        <v>17049</v>
      </c>
      <c r="B27543" t="s">
        <v>17050</v>
      </c>
      <c r="C27543" t="s">
        <v>17047</v>
      </c>
      <c r="D27543" t="s">
        <v>17048</v>
      </c>
      <c r="E27543" t="s">
        <v>16923</v>
      </c>
      <c r="F27543" t="s">
        <v>16924</v>
      </c>
      <c r="G27543" t="s">
        <v>16559</v>
      </c>
      <c r="H27543" t="s">
        <v>16560</v>
      </c>
      <c r="I27543" s="2">
        <v>1</v>
      </c>
      <c r="J27543" s="2">
        <v>0</v>
      </c>
      <c r="K27543" s="2">
        <v>0</v>
      </c>
      <c r="L27543" t="s">
        <v>120</v>
      </c>
      <c r="M27543" t="s">
        <v>87</v>
      </c>
      <c r="N27543" t="s">
        <v>88</v>
      </c>
      <c r="O27543" t="s">
        <v>85</v>
      </c>
      <c r="P27543" t="s">
        <v>86</v>
      </c>
      <c r="Q27543">
        <v>28</v>
      </c>
      <c r="R27543">
        <v>28</v>
      </c>
      <c r="S27543">
        <v>28</v>
      </c>
      <c r="T27543">
        <v>28</v>
      </c>
      <c r="U27543">
        <v>28</v>
      </c>
      <c r="V27543">
        <v>28</v>
      </c>
      <c r="W27543">
        <v>28</v>
      </c>
      <c r="X27543">
        <v>28</v>
      </c>
      <c r="Y27543">
        <v>27</v>
      </c>
      <c r="Z27543">
        <v>27</v>
      </c>
      <c r="AA27543">
        <v>27</v>
      </c>
      <c r="AB27543">
        <v>27</v>
      </c>
      <c r="AC27543">
        <v>27</v>
      </c>
      <c r="AD27543">
        <v>27</v>
      </c>
      <c r="AE27543">
        <v>27</v>
      </c>
      <c r="AF27543">
        <v>27</v>
      </c>
      <c r="AG27543">
        <v>27</v>
      </c>
      <c r="AH27543">
        <v>27</v>
      </c>
      <c r="AI27543">
        <v>27</v>
      </c>
      <c r="AJ27543">
        <v>27</v>
      </c>
      <c r="AK27543">
        <v>27</v>
      </c>
      <c r="AL27543">
        <v>27</v>
      </c>
      <c r="AM27543">
        <v>27</v>
      </c>
      <c r="AN27543">
        <v>26</v>
      </c>
      <c r="AO27543">
        <v>26</v>
      </c>
      <c r="AP27543">
        <v>26</v>
      </c>
      <c r="AQ27543">
        <v>26</v>
      </c>
    </row>
    <row r="27544" spans="1:43">
      <c r="A27544" t="s">
        <v>17049</v>
      </c>
      <c r="B27544" t="s">
        <v>17050</v>
      </c>
      <c r="C27544" t="s">
        <v>17047</v>
      </c>
      <c r="D27544" t="s">
        <v>17048</v>
      </c>
      <c r="E27544" t="s">
        <v>16923</v>
      </c>
      <c r="F27544" t="s">
        <v>16924</v>
      </c>
      <c r="G27544" t="s">
        <v>16559</v>
      </c>
      <c r="H27544" t="s">
        <v>16560</v>
      </c>
      <c r="I27544" s="2">
        <v>1</v>
      </c>
      <c r="J27544" s="2">
        <v>0</v>
      </c>
      <c r="K27544" s="2">
        <v>0</v>
      </c>
      <c r="L27544" t="s">
        <v>120</v>
      </c>
      <c r="M27544" t="s">
        <v>89</v>
      </c>
      <c r="N27544" t="s">
        <v>90</v>
      </c>
      <c r="O27544" t="s">
        <v>85</v>
      </c>
      <c r="P27544" t="s">
        <v>86</v>
      </c>
      <c r="Q27544">
        <v>28</v>
      </c>
      <c r="R27544">
        <v>28</v>
      </c>
      <c r="S27544">
        <v>28</v>
      </c>
      <c r="T27544">
        <v>29</v>
      </c>
      <c r="U27544">
        <v>29</v>
      </c>
      <c r="V27544">
        <v>30</v>
      </c>
      <c r="W27544">
        <v>30</v>
      </c>
      <c r="X27544">
        <v>30</v>
      </c>
      <c r="Y27544">
        <v>30</v>
      </c>
      <c r="Z27544">
        <v>31</v>
      </c>
      <c r="AA27544">
        <v>31</v>
      </c>
      <c r="AB27544">
        <v>31</v>
      </c>
      <c r="AC27544">
        <v>31</v>
      </c>
      <c r="AD27544">
        <v>32</v>
      </c>
      <c r="AE27544">
        <v>32</v>
      </c>
      <c r="AF27544">
        <v>32</v>
      </c>
      <c r="AG27544">
        <v>31</v>
      </c>
      <c r="AH27544">
        <v>31</v>
      </c>
      <c r="AI27544">
        <v>31</v>
      </c>
      <c r="AJ27544">
        <v>31</v>
      </c>
      <c r="AK27544">
        <v>31</v>
      </c>
      <c r="AL27544">
        <v>31</v>
      </c>
      <c r="AM27544">
        <v>31</v>
      </c>
      <c r="AN27544">
        <v>30</v>
      </c>
      <c r="AO27544">
        <v>30</v>
      </c>
      <c r="AP27544">
        <v>30</v>
      </c>
      <c r="AQ27544">
        <v>30</v>
      </c>
    </row>
    <row r="27545" spans="1:43">
      <c r="A27545" t="s">
        <v>17049</v>
      </c>
      <c r="B27545" t="s">
        <v>17050</v>
      </c>
      <c r="C27545" t="s">
        <v>17047</v>
      </c>
      <c r="D27545" t="s">
        <v>17048</v>
      </c>
      <c r="E27545" t="s">
        <v>16923</v>
      </c>
      <c r="F27545" t="s">
        <v>16924</v>
      </c>
      <c r="G27545" t="s">
        <v>16559</v>
      </c>
      <c r="H27545" t="s">
        <v>16560</v>
      </c>
      <c r="I27545" s="2">
        <v>1</v>
      </c>
      <c r="J27545" s="2">
        <v>0</v>
      </c>
      <c r="K27545" s="2">
        <v>0</v>
      </c>
      <c r="L27545" t="s">
        <v>120</v>
      </c>
      <c r="M27545" t="s">
        <v>83</v>
      </c>
      <c r="N27545" t="s">
        <v>91</v>
      </c>
      <c r="O27545" t="s">
        <v>85</v>
      </c>
      <c r="P27545" t="s">
        <v>86</v>
      </c>
      <c r="Q27545">
        <v>28</v>
      </c>
      <c r="R27545">
        <v>29</v>
      </c>
      <c r="S27545">
        <v>29</v>
      </c>
      <c r="T27545">
        <v>29</v>
      </c>
      <c r="U27545">
        <v>29</v>
      </c>
      <c r="V27545">
        <v>29</v>
      </c>
      <c r="W27545">
        <v>29</v>
      </c>
      <c r="X27545">
        <v>30</v>
      </c>
      <c r="Y27545">
        <v>30</v>
      </c>
      <c r="Z27545">
        <v>30</v>
      </c>
      <c r="AA27545">
        <v>30</v>
      </c>
      <c r="AB27545">
        <v>30</v>
      </c>
      <c r="AC27545">
        <v>30</v>
      </c>
      <c r="AD27545">
        <v>30</v>
      </c>
      <c r="AE27545">
        <v>31</v>
      </c>
      <c r="AF27545">
        <v>31</v>
      </c>
      <c r="AG27545">
        <v>31</v>
      </c>
      <c r="AH27545">
        <v>31</v>
      </c>
      <c r="AI27545">
        <v>31</v>
      </c>
      <c r="AJ27545">
        <v>31</v>
      </c>
      <c r="AK27545">
        <v>31</v>
      </c>
      <c r="AL27545">
        <v>31</v>
      </c>
      <c r="AM27545">
        <v>31</v>
      </c>
      <c r="AN27545">
        <v>31</v>
      </c>
      <c r="AO27545">
        <v>31</v>
      </c>
      <c r="AP27545">
        <v>31</v>
      </c>
      <c r="AQ27545">
        <v>31</v>
      </c>
    </row>
    <row r="27546" spans="1:43">
      <c r="A27546" t="s">
        <v>17051</v>
      </c>
      <c r="B27546" t="s">
        <v>17052</v>
      </c>
      <c r="C27546" t="s">
        <v>16953</v>
      </c>
      <c r="D27546" t="s">
        <v>16954</v>
      </c>
      <c r="E27546" t="s">
        <v>16923</v>
      </c>
      <c r="F27546" t="s">
        <v>16924</v>
      </c>
      <c r="G27546" t="s">
        <v>16559</v>
      </c>
      <c r="H27546" t="s">
        <v>16560</v>
      </c>
      <c r="I27546" s="2">
        <v>1</v>
      </c>
      <c r="J27546" s="2">
        <v>0</v>
      </c>
      <c r="K27546" s="2">
        <v>0</v>
      </c>
      <c r="L27546" t="s">
        <v>120</v>
      </c>
      <c r="M27546" t="s">
        <v>83</v>
      </c>
      <c r="N27546" t="s">
        <v>84</v>
      </c>
      <c r="O27546" t="s">
        <v>85</v>
      </c>
      <c r="P27546" t="s">
        <v>86</v>
      </c>
      <c r="Q27546">
        <v>42</v>
      </c>
      <c r="R27546">
        <v>42</v>
      </c>
      <c r="S27546">
        <v>42</v>
      </c>
      <c r="T27546">
        <v>42</v>
      </c>
      <c r="U27546">
        <v>43</v>
      </c>
      <c r="V27546">
        <v>43</v>
      </c>
      <c r="W27546">
        <v>43</v>
      </c>
      <c r="X27546">
        <v>43</v>
      </c>
      <c r="Y27546">
        <v>43</v>
      </c>
      <c r="Z27546">
        <v>44</v>
      </c>
      <c r="AA27546">
        <v>44</v>
      </c>
      <c r="AB27546">
        <v>44</v>
      </c>
      <c r="AC27546">
        <v>44</v>
      </c>
      <c r="AD27546">
        <v>44</v>
      </c>
      <c r="AE27546">
        <v>44</v>
      </c>
      <c r="AF27546">
        <v>44</v>
      </c>
      <c r="AG27546">
        <v>44</v>
      </c>
      <c r="AH27546">
        <v>45</v>
      </c>
      <c r="AI27546">
        <v>45</v>
      </c>
      <c r="AJ27546">
        <v>45</v>
      </c>
      <c r="AK27546">
        <v>45</v>
      </c>
      <c r="AL27546">
        <v>45</v>
      </c>
      <c r="AM27546">
        <v>44</v>
      </c>
      <c r="AN27546">
        <v>44</v>
      </c>
      <c r="AO27546">
        <v>44</v>
      </c>
      <c r="AP27546">
        <v>44</v>
      </c>
      <c r="AQ27546">
        <v>43</v>
      </c>
    </row>
    <row r="27547" spans="1:43">
      <c r="A27547" t="s">
        <v>17051</v>
      </c>
      <c r="B27547" t="s">
        <v>17052</v>
      </c>
      <c r="C27547" t="s">
        <v>16953</v>
      </c>
      <c r="D27547" t="s">
        <v>16954</v>
      </c>
      <c r="E27547" t="s">
        <v>16923</v>
      </c>
      <c r="F27547" t="s">
        <v>16924</v>
      </c>
      <c r="G27547" t="s">
        <v>16559</v>
      </c>
      <c r="H27547" t="s">
        <v>16560</v>
      </c>
      <c r="I27547" s="2">
        <v>1</v>
      </c>
      <c r="J27547" s="2">
        <v>0</v>
      </c>
      <c r="K27547" s="2">
        <v>0</v>
      </c>
      <c r="L27547" t="s">
        <v>120</v>
      </c>
      <c r="M27547" t="s">
        <v>87</v>
      </c>
      <c r="N27547" t="s">
        <v>88</v>
      </c>
      <c r="O27547" t="s">
        <v>85</v>
      </c>
      <c r="P27547" t="s">
        <v>86</v>
      </c>
      <c r="Q27547">
        <v>42</v>
      </c>
      <c r="R27547">
        <v>42</v>
      </c>
      <c r="S27547">
        <v>42</v>
      </c>
      <c r="T27547">
        <v>42</v>
      </c>
      <c r="U27547">
        <v>42</v>
      </c>
      <c r="V27547">
        <v>42</v>
      </c>
      <c r="W27547">
        <v>41</v>
      </c>
      <c r="X27547">
        <v>41</v>
      </c>
      <c r="Y27547">
        <v>41</v>
      </c>
      <c r="Z27547">
        <v>41</v>
      </c>
      <c r="AA27547">
        <v>41</v>
      </c>
      <c r="AB27547">
        <v>41</v>
      </c>
      <c r="AC27547">
        <v>40</v>
      </c>
      <c r="AD27547">
        <v>40</v>
      </c>
      <c r="AE27547">
        <v>40</v>
      </c>
      <c r="AF27547">
        <v>40</v>
      </c>
      <c r="AG27547">
        <v>40</v>
      </c>
      <c r="AH27547">
        <v>40</v>
      </c>
      <c r="AI27547">
        <v>40</v>
      </c>
      <c r="AJ27547">
        <v>39</v>
      </c>
      <c r="AK27547">
        <v>39</v>
      </c>
      <c r="AL27547">
        <v>39</v>
      </c>
      <c r="AM27547">
        <v>39</v>
      </c>
      <c r="AN27547">
        <v>39</v>
      </c>
      <c r="AO27547">
        <v>39</v>
      </c>
      <c r="AP27547">
        <v>39</v>
      </c>
      <c r="AQ27547">
        <v>38</v>
      </c>
    </row>
    <row r="27548" spans="1:43">
      <c r="A27548" t="s">
        <v>17051</v>
      </c>
      <c r="B27548" t="s">
        <v>17052</v>
      </c>
      <c r="C27548" t="s">
        <v>16953</v>
      </c>
      <c r="D27548" t="s">
        <v>16954</v>
      </c>
      <c r="E27548" t="s">
        <v>16923</v>
      </c>
      <c r="F27548" t="s">
        <v>16924</v>
      </c>
      <c r="G27548" t="s">
        <v>16559</v>
      </c>
      <c r="H27548" t="s">
        <v>16560</v>
      </c>
      <c r="I27548" s="2">
        <v>1</v>
      </c>
      <c r="J27548" s="2">
        <v>0</v>
      </c>
      <c r="K27548" s="2">
        <v>0</v>
      </c>
      <c r="L27548" t="s">
        <v>120</v>
      </c>
      <c r="M27548" t="s">
        <v>89</v>
      </c>
      <c r="N27548" t="s">
        <v>90</v>
      </c>
      <c r="O27548" t="s">
        <v>85</v>
      </c>
      <c r="P27548" t="s">
        <v>86</v>
      </c>
      <c r="Q27548">
        <v>42</v>
      </c>
      <c r="R27548">
        <v>43</v>
      </c>
      <c r="S27548">
        <v>43</v>
      </c>
      <c r="T27548">
        <v>44</v>
      </c>
      <c r="U27548">
        <v>44</v>
      </c>
      <c r="V27548">
        <v>45</v>
      </c>
      <c r="W27548">
        <v>45</v>
      </c>
      <c r="X27548">
        <v>46</v>
      </c>
      <c r="Y27548">
        <v>46</v>
      </c>
      <c r="Z27548">
        <v>46</v>
      </c>
      <c r="AA27548">
        <v>47</v>
      </c>
      <c r="AB27548">
        <v>47</v>
      </c>
      <c r="AC27548">
        <v>47</v>
      </c>
      <c r="AD27548">
        <v>47</v>
      </c>
      <c r="AE27548">
        <v>47</v>
      </c>
      <c r="AF27548">
        <v>47</v>
      </c>
      <c r="AG27548">
        <v>47</v>
      </c>
      <c r="AH27548">
        <v>47</v>
      </c>
      <c r="AI27548">
        <v>46</v>
      </c>
      <c r="AJ27548">
        <v>46</v>
      </c>
      <c r="AK27548">
        <v>46</v>
      </c>
      <c r="AL27548">
        <v>45</v>
      </c>
      <c r="AM27548">
        <v>45</v>
      </c>
      <c r="AN27548">
        <v>45</v>
      </c>
      <c r="AO27548">
        <v>44</v>
      </c>
      <c r="AP27548">
        <v>44</v>
      </c>
      <c r="AQ27548">
        <v>44</v>
      </c>
    </row>
    <row r="27549" spans="1:43">
      <c r="A27549" t="s">
        <v>17051</v>
      </c>
      <c r="B27549" t="s">
        <v>17052</v>
      </c>
      <c r="C27549" t="s">
        <v>16953</v>
      </c>
      <c r="D27549" t="s">
        <v>16954</v>
      </c>
      <c r="E27549" t="s">
        <v>16923</v>
      </c>
      <c r="F27549" t="s">
        <v>16924</v>
      </c>
      <c r="G27549" t="s">
        <v>16559</v>
      </c>
      <c r="H27549" t="s">
        <v>16560</v>
      </c>
      <c r="I27549" s="2">
        <v>1</v>
      </c>
      <c r="J27549" s="2">
        <v>0</v>
      </c>
      <c r="K27549" s="2">
        <v>0</v>
      </c>
      <c r="L27549" t="s">
        <v>120</v>
      </c>
      <c r="M27549" t="s">
        <v>83</v>
      </c>
      <c r="N27549" t="s">
        <v>91</v>
      </c>
      <c r="O27549" t="s">
        <v>85</v>
      </c>
      <c r="P27549" t="s">
        <v>86</v>
      </c>
      <c r="Q27549">
        <v>42</v>
      </c>
      <c r="R27549">
        <v>42</v>
      </c>
      <c r="S27549">
        <v>42</v>
      </c>
      <c r="T27549">
        <v>42</v>
      </c>
      <c r="U27549">
        <v>43</v>
      </c>
      <c r="V27549">
        <v>43</v>
      </c>
      <c r="W27549">
        <v>43</v>
      </c>
      <c r="X27549">
        <v>43</v>
      </c>
      <c r="Y27549">
        <v>43</v>
      </c>
      <c r="Z27549">
        <v>44</v>
      </c>
      <c r="AA27549">
        <v>44</v>
      </c>
      <c r="AB27549">
        <v>44</v>
      </c>
      <c r="AC27549">
        <v>44</v>
      </c>
      <c r="AD27549">
        <v>44</v>
      </c>
      <c r="AE27549">
        <v>44</v>
      </c>
      <c r="AF27549">
        <v>44</v>
      </c>
      <c r="AG27549">
        <v>44</v>
      </c>
      <c r="AH27549">
        <v>45</v>
      </c>
      <c r="AI27549">
        <v>45</v>
      </c>
      <c r="AJ27549">
        <v>45</v>
      </c>
      <c r="AK27549">
        <v>45</v>
      </c>
      <c r="AL27549">
        <v>45</v>
      </c>
      <c r="AM27549">
        <v>44</v>
      </c>
      <c r="AN27549">
        <v>44</v>
      </c>
      <c r="AO27549">
        <v>44</v>
      </c>
      <c r="AP27549">
        <v>44</v>
      </c>
      <c r="AQ27549">
        <v>43</v>
      </c>
    </row>
    <row r="27550" spans="1:43">
      <c r="A27550" t="s">
        <v>17053</v>
      </c>
      <c r="B27550" t="s">
        <v>17054</v>
      </c>
      <c r="C27550" t="s">
        <v>16987</v>
      </c>
      <c r="D27550" t="s">
        <v>16988</v>
      </c>
      <c r="E27550" t="s">
        <v>16923</v>
      </c>
      <c r="F27550" t="s">
        <v>16924</v>
      </c>
      <c r="G27550" t="s">
        <v>16559</v>
      </c>
      <c r="H27550" t="s">
        <v>16560</v>
      </c>
      <c r="I27550" s="2">
        <v>1</v>
      </c>
      <c r="J27550" s="2">
        <v>0</v>
      </c>
      <c r="K27550" s="2">
        <v>0</v>
      </c>
      <c r="L27550" t="s">
        <v>120</v>
      </c>
      <c r="M27550" t="s">
        <v>83</v>
      </c>
      <c r="N27550" t="s">
        <v>84</v>
      </c>
      <c r="O27550" t="s">
        <v>85</v>
      </c>
      <c r="P27550" t="s">
        <v>86</v>
      </c>
      <c r="Q27550">
        <v>31</v>
      </c>
      <c r="R27550">
        <v>31</v>
      </c>
      <c r="S27550">
        <v>31</v>
      </c>
      <c r="T27550">
        <v>31</v>
      </c>
      <c r="U27550">
        <v>32</v>
      </c>
      <c r="V27550">
        <v>32</v>
      </c>
      <c r="W27550">
        <v>32</v>
      </c>
      <c r="X27550">
        <v>32</v>
      </c>
      <c r="Y27550">
        <v>32</v>
      </c>
      <c r="Z27550">
        <v>33</v>
      </c>
      <c r="AA27550">
        <v>33</v>
      </c>
      <c r="AB27550">
        <v>33</v>
      </c>
      <c r="AC27550">
        <v>33</v>
      </c>
      <c r="AD27550">
        <v>33</v>
      </c>
      <c r="AE27550">
        <v>33</v>
      </c>
      <c r="AF27550">
        <v>33</v>
      </c>
      <c r="AG27550">
        <v>34</v>
      </c>
      <c r="AH27550">
        <v>34</v>
      </c>
      <c r="AI27550">
        <v>34</v>
      </c>
      <c r="AJ27550">
        <v>34</v>
      </c>
      <c r="AK27550">
        <v>34</v>
      </c>
      <c r="AL27550">
        <v>34</v>
      </c>
      <c r="AM27550">
        <v>34</v>
      </c>
      <c r="AN27550">
        <v>34</v>
      </c>
      <c r="AO27550">
        <v>34</v>
      </c>
      <c r="AP27550">
        <v>34</v>
      </c>
      <c r="AQ27550">
        <v>33</v>
      </c>
    </row>
    <row r="27551" spans="1:43">
      <c r="A27551" t="s">
        <v>17053</v>
      </c>
      <c r="B27551" t="s">
        <v>17054</v>
      </c>
      <c r="C27551" t="s">
        <v>16987</v>
      </c>
      <c r="D27551" t="s">
        <v>16988</v>
      </c>
      <c r="E27551" t="s">
        <v>16923</v>
      </c>
      <c r="F27551" t="s">
        <v>16924</v>
      </c>
      <c r="G27551" t="s">
        <v>16559</v>
      </c>
      <c r="H27551" t="s">
        <v>16560</v>
      </c>
      <c r="I27551" s="2">
        <v>1</v>
      </c>
      <c r="J27551" s="2">
        <v>0</v>
      </c>
      <c r="K27551" s="2">
        <v>0</v>
      </c>
      <c r="L27551" t="s">
        <v>120</v>
      </c>
      <c r="M27551" t="s">
        <v>87</v>
      </c>
      <c r="N27551" t="s">
        <v>88</v>
      </c>
      <c r="O27551" t="s">
        <v>85</v>
      </c>
      <c r="P27551" t="s">
        <v>86</v>
      </c>
      <c r="Q27551">
        <v>31</v>
      </c>
      <c r="R27551">
        <v>31</v>
      </c>
      <c r="S27551">
        <v>30</v>
      </c>
      <c r="T27551">
        <v>30</v>
      </c>
      <c r="U27551">
        <v>30</v>
      </c>
      <c r="V27551">
        <v>30</v>
      </c>
      <c r="W27551">
        <v>30</v>
      </c>
      <c r="X27551">
        <v>30</v>
      </c>
      <c r="Y27551">
        <v>30</v>
      </c>
      <c r="Z27551">
        <v>30</v>
      </c>
      <c r="AA27551">
        <v>30</v>
      </c>
      <c r="AB27551">
        <v>30</v>
      </c>
      <c r="AC27551">
        <v>30</v>
      </c>
      <c r="AD27551">
        <v>30</v>
      </c>
      <c r="AE27551">
        <v>30</v>
      </c>
      <c r="AF27551">
        <v>30</v>
      </c>
      <c r="AG27551">
        <v>29</v>
      </c>
      <c r="AH27551">
        <v>29</v>
      </c>
      <c r="AI27551">
        <v>29</v>
      </c>
      <c r="AJ27551">
        <v>29</v>
      </c>
      <c r="AK27551">
        <v>29</v>
      </c>
      <c r="AL27551">
        <v>29</v>
      </c>
      <c r="AM27551">
        <v>29</v>
      </c>
      <c r="AN27551">
        <v>29</v>
      </c>
      <c r="AO27551">
        <v>29</v>
      </c>
      <c r="AP27551">
        <v>29</v>
      </c>
      <c r="AQ27551">
        <v>29</v>
      </c>
    </row>
    <row r="27552" spans="1:43">
      <c r="A27552" t="s">
        <v>17053</v>
      </c>
      <c r="B27552" t="s">
        <v>17054</v>
      </c>
      <c r="C27552" t="s">
        <v>16987</v>
      </c>
      <c r="D27552" t="s">
        <v>16988</v>
      </c>
      <c r="E27552" t="s">
        <v>16923</v>
      </c>
      <c r="F27552" t="s">
        <v>16924</v>
      </c>
      <c r="G27552" t="s">
        <v>16559</v>
      </c>
      <c r="H27552" t="s">
        <v>16560</v>
      </c>
      <c r="I27552" s="2">
        <v>1</v>
      </c>
      <c r="J27552" s="2">
        <v>0</v>
      </c>
      <c r="K27552" s="2">
        <v>0</v>
      </c>
      <c r="L27552" t="s">
        <v>120</v>
      </c>
      <c r="M27552" t="s">
        <v>89</v>
      </c>
      <c r="N27552" t="s">
        <v>90</v>
      </c>
      <c r="O27552" t="s">
        <v>85</v>
      </c>
      <c r="P27552" t="s">
        <v>86</v>
      </c>
      <c r="Q27552">
        <v>31</v>
      </c>
      <c r="R27552">
        <v>32</v>
      </c>
      <c r="S27552">
        <v>32</v>
      </c>
      <c r="T27552">
        <v>33</v>
      </c>
      <c r="U27552">
        <v>33</v>
      </c>
      <c r="V27552">
        <v>33</v>
      </c>
      <c r="W27552">
        <v>34</v>
      </c>
      <c r="X27552">
        <v>34</v>
      </c>
      <c r="Y27552">
        <v>34</v>
      </c>
      <c r="Z27552">
        <v>35</v>
      </c>
      <c r="AA27552">
        <v>35</v>
      </c>
      <c r="AB27552">
        <v>35</v>
      </c>
      <c r="AC27552">
        <v>35</v>
      </c>
      <c r="AD27552">
        <v>36</v>
      </c>
      <c r="AE27552">
        <v>36</v>
      </c>
      <c r="AF27552">
        <v>36</v>
      </c>
      <c r="AG27552">
        <v>35</v>
      </c>
      <c r="AH27552">
        <v>35</v>
      </c>
      <c r="AI27552">
        <v>35</v>
      </c>
      <c r="AJ27552">
        <v>35</v>
      </c>
      <c r="AK27552">
        <v>35</v>
      </c>
      <c r="AL27552">
        <v>35</v>
      </c>
      <c r="AM27552">
        <v>35</v>
      </c>
      <c r="AN27552">
        <v>34</v>
      </c>
      <c r="AO27552">
        <v>34</v>
      </c>
      <c r="AP27552">
        <v>34</v>
      </c>
      <c r="AQ27552">
        <v>34</v>
      </c>
    </row>
    <row r="27553" spans="1:43">
      <c r="A27553" t="s">
        <v>17053</v>
      </c>
      <c r="B27553" t="s">
        <v>17054</v>
      </c>
      <c r="C27553" t="s">
        <v>16987</v>
      </c>
      <c r="D27553" t="s">
        <v>16988</v>
      </c>
      <c r="E27553" t="s">
        <v>16923</v>
      </c>
      <c r="F27553" t="s">
        <v>16924</v>
      </c>
      <c r="G27553" t="s">
        <v>16559</v>
      </c>
      <c r="H27553" t="s">
        <v>16560</v>
      </c>
      <c r="I27553" s="2">
        <v>1</v>
      </c>
      <c r="J27553" s="2">
        <v>0</v>
      </c>
      <c r="K27553" s="2">
        <v>0</v>
      </c>
      <c r="L27553" t="s">
        <v>120</v>
      </c>
      <c r="M27553" t="s">
        <v>83</v>
      </c>
      <c r="N27553" t="s">
        <v>91</v>
      </c>
      <c r="O27553" t="s">
        <v>85</v>
      </c>
      <c r="P27553" t="s">
        <v>86</v>
      </c>
      <c r="Q27553">
        <v>31</v>
      </c>
      <c r="R27553">
        <v>31</v>
      </c>
      <c r="S27553">
        <v>31</v>
      </c>
      <c r="T27553">
        <v>31</v>
      </c>
      <c r="U27553">
        <v>32</v>
      </c>
      <c r="V27553">
        <v>32</v>
      </c>
      <c r="W27553">
        <v>32</v>
      </c>
      <c r="X27553">
        <v>32</v>
      </c>
      <c r="Y27553">
        <v>32</v>
      </c>
      <c r="Z27553">
        <v>33</v>
      </c>
      <c r="AA27553">
        <v>33</v>
      </c>
      <c r="AB27553">
        <v>33</v>
      </c>
      <c r="AC27553">
        <v>33</v>
      </c>
      <c r="AD27553">
        <v>33</v>
      </c>
      <c r="AE27553">
        <v>33</v>
      </c>
      <c r="AF27553">
        <v>33</v>
      </c>
      <c r="AG27553">
        <v>34</v>
      </c>
      <c r="AH27553">
        <v>34</v>
      </c>
      <c r="AI27553">
        <v>34</v>
      </c>
      <c r="AJ27553">
        <v>34</v>
      </c>
      <c r="AK27553">
        <v>34</v>
      </c>
      <c r="AL27553">
        <v>34</v>
      </c>
      <c r="AM27553">
        <v>34</v>
      </c>
      <c r="AN27553">
        <v>34</v>
      </c>
      <c r="AO27553">
        <v>34</v>
      </c>
      <c r="AP27553">
        <v>34</v>
      </c>
      <c r="AQ27553">
        <v>33</v>
      </c>
    </row>
    <row r="27554" spans="1:43">
      <c r="A27554" t="s">
        <v>17055</v>
      </c>
      <c r="B27554" t="s">
        <v>17056</v>
      </c>
      <c r="C27554" t="s">
        <v>16987</v>
      </c>
      <c r="D27554" t="s">
        <v>16988</v>
      </c>
      <c r="E27554" t="s">
        <v>16923</v>
      </c>
      <c r="F27554" t="s">
        <v>16924</v>
      </c>
      <c r="G27554" t="s">
        <v>16559</v>
      </c>
      <c r="H27554" t="s">
        <v>16560</v>
      </c>
      <c r="I27554" s="2">
        <v>1</v>
      </c>
      <c r="J27554" s="2">
        <v>0</v>
      </c>
      <c r="K27554" s="2">
        <v>0</v>
      </c>
      <c r="L27554" t="s">
        <v>120</v>
      </c>
      <c r="M27554" t="s">
        <v>83</v>
      </c>
      <c r="N27554" t="s">
        <v>84</v>
      </c>
      <c r="O27554" t="s">
        <v>85</v>
      </c>
      <c r="P27554" t="s">
        <v>86</v>
      </c>
      <c r="Q27554">
        <v>21</v>
      </c>
      <c r="R27554">
        <v>21</v>
      </c>
      <c r="S27554">
        <v>21</v>
      </c>
      <c r="T27554">
        <v>21</v>
      </c>
      <c r="U27554">
        <v>21</v>
      </c>
      <c r="V27554">
        <v>21</v>
      </c>
      <c r="W27554">
        <v>21</v>
      </c>
      <c r="X27554">
        <v>21</v>
      </c>
      <c r="Y27554">
        <v>21</v>
      </c>
      <c r="Z27554">
        <v>22</v>
      </c>
      <c r="AA27554">
        <v>22</v>
      </c>
      <c r="AB27554">
        <v>22</v>
      </c>
      <c r="AC27554">
        <v>22</v>
      </c>
      <c r="AD27554">
        <v>22</v>
      </c>
      <c r="AE27554">
        <v>22</v>
      </c>
      <c r="AF27554">
        <v>22</v>
      </c>
      <c r="AG27554">
        <v>22</v>
      </c>
      <c r="AH27554">
        <v>22</v>
      </c>
      <c r="AI27554">
        <v>22</v>
      </c>
      <c r="AJ27554">
        <v>22</v>
      </c>
      <c r="AK27554">
        <v>22</v>
      </c>
      <c r="AL27554">
        <v>22</v>
      </c>
      <c r="AM27554">
        <v>22</v>
      </c>
      <c r="AN27554">
        <v>22</v>
      </c>
      <c r="AO27554">
        <v>22</v>
      </c>
      <c r="AP27554">
        <v>22</v>
      </c>
      <c r="AQ27554">
        <v>21</v>
      </c>
    </row>
    <row r="27555" spans="1:43">
      <c r="A27555" t="s">
        <v>17055</v>
      </c>
      <c r="B27555" t="s">
        <v>17056</v>
      </c>
      <c r="C27555" t="s">
        <v>16987</v>
      </c>
      <c r="D27555" t="s">
        <v>16988</v>
      </c>
      <c r="E27555" t="s">
        <v>16923</v>
      </c>
      <c r="F27555" t="s">
        <v>16924</v>
      </c>
      <c r="G27555" t="s">
        <v>16559</v>
      </c>
      <c r="H27555" t="s">
        <v>16560</v>
      </c>
      <c r="I27555" s="2">
        <v>1</v>
      </c>
      <c r="J27555" s="2">
        <v>0</v>
      </c>
      <c r="K27555" s="2">
        <v>0</v>
      </c>
      <c r="L27555" t="s">
        <v>120</v>
      </c>
      <c r="M27555" t="s">
        <v>87</v>
      </c>
      <c r="N27555" t="s">
        <v>88</v>
      </c>
      <c r="O27555" t="s">
        <v>85</v>
      </c>
      <c r="P27555" t="s">
        <v>86</v>
      </c>
      <c r="Q27555">
        <v>21</v>
      </c>
      <c r="R27555">
        <v>21</v>
      </c>
      <c r="S27555">
        <v>21</v>
      </c>
      <c r="T27555">
        <v>21</v>
      </c>
      <c r="U27555">
        <v>21</v>
      </c>
      <c r="V27555">
        <v>21</v>
      </c>
      <c r="W27555">
        <v>21</v>
      </c>
      <c r="X27555">
        <v>21</v>
      </c>
      <c r="Y27555">
        <v>21</v>
      </c>
      <c r="Z27555">
        <v>21</v>
      </c>
      <c r="AA27555">
        <v>21</v>
      </c>
      <c r="AB27555">
        <v>21</v>
      </c>
      <c r="AC27555">
        <v>21</v>
      </c>
      <c r="AD27555">
        <v>20</v>
      </c>
      <c r="AE27555">
        <v>20</v>
      </c>
      <c r="AF27555">
        <v>20</v>
      </c>
      <c r="AG27555">
        <v>20</v>
      </c>
      <c r="AH27555">
        <v>20</v>
      </c>
      <c r="AI27555">
        <v>20</v>
      </c>
      <c r="AJ27555">
        <v>20</v>
      </c>
      <c r="AK27555">
        <v>20</v>
      </c>
      <c r="AL27555">
        <v>20</v>
      </c>
      <c r="AM27555">
        <v>20</v>
      </c>
      <c r="AN27555">
        <v>20</v>
      </c>
      <c r="AO27555">
        <v>20</v>
      </c>
      <c r="AP27555">
        <v>20</v>
      </c>
      <c r="AQ27555">
        <v>20</v>
      </c>
    </row>
    <row r="27556" spans="1:43">
      <c r="A27556" t="s">
        <v>17055</v>
      </c>
      <c r="B27556" t="s">
        <v>17056</v>
      </c>
      <c r="C27556" t="s">
        <v>16987</v>
      </c>
      <c r="D27556" t="s">
        <v>16988</v>
      </c>
      <c r="E27556" t="s">
        <v>16923</v>
      </c>
      <c r="F27556" t="s">
        <v>16924</v>
      </c>
      <c r="G27556" t="s">
        <v>16559</v>
      </c>
      <c r="H27556" t="s">
        <v>16560</v>
      </c>
      <c r="I27556" s="2">
        <v>1</v>
      </c>
      <c r="J27556" s="2">
        <v>0</v>
      </c>
      <c r="K27556" s="2">
        <v>0</v>
      </c>
      <c r="L27556" t="s">
        <v>120</v>
      </c>
      <c r="M27556" t="s">
        <v>89</v>
      </c>
      <c r="N27556" t="s">
        <v>90</v>
      </c>
      <c r="O27556" t="s">
        <v>85</v>
      </c>
      <c r="P27556" t="s">
        <v>86</v>
      </c>
      <c r="Q27556">
        <v>21</v>
      </c>
      <c r="R27556">
        <v>21</v>
      </c>
      <c r="S27556">
        <v>21</v>
      </c>
      <c r="T27556">
        <v>22</v>
      </c>
      <c r="U27556">
        <v>22</v>
      </c>
      <c r="V27556">
        <v>22</v>
      </c>
      <c r="W27556">
        <v>22</v>
      </c>
      <c r="X27556">
        <v>23</v>
      </c>
      <c r="Y27556">
        <v>23</v>
      </c>
      <c r="Z27556">
        <v>23</v>
      </c>
      <c r="AA27556">
        <v>23</v>
      </c>
      <c r="AB27556">
        <v>23</v>
      </c>
      <c r="AC27556">
        <v>23</v>
      </c>
      <c r="AD27556">
        <v>23</v>
      </c>
      <c r="AE27556">
        <v>23</v>
      </c>
      <c r="AF27556">
        <v>23</v>
      </c>
      <c r="AG27556">
        <v>23</v>
      </c>
      <c r="AH27556">
        <v>23</v>
      </c>
      <c r="AI27556">
        <v>23</v>
      </c>
      <c r="AJ27556">
        <v>23</v>
      </c>
      <c r="AK27556">
        <v>23</v>
      </c>
      <c r="AL27556">
        <v>22</v>
      </c>
      <c r="AM27556">
        <v>22</v>
      </c>
      <c r="AN27556">
        <v>22</v>
      </c>
      <c r="AO27556">
        <v>22</v>
      </c>
      <c r="AP27556">
        <v>22</v>
      </c>
      <c r="AQ27556">
        <v>22</v>
      </c>
    </row>
    <row r="27557" spans="1:43">
      <c r="A27557" t="s">
        <v>17055</v>
      </c>
      <c r="B27557" t="s">
        <v>17056</v>
      </c>
      <c r="C27557" t="s">
        <v>16987</v>
      </c>
      <c r="D27557" t="s">
        <v>16988</v>
      </c>
      <c r="E27557" t="s">
        <v>16923</v>
      </c>
      <c r="F27557" t="s">
        <v>16924</v>
      </c>
      <c r="G27557" t="s">
        <v>16559</v>
      </c>
      <c r="H27557" t="s">
        <v>16560</v>
      </c>
      <c r="I27557" s="2">
        <v>1</v>
      </c>
      <c r="J27557" s="2">
        <v>0</v>
      </c>
      <c r="K27557" s="2">
        <v>0</v>
      </c>
      <c r="L27557" t="s">
        <v>120</v>
      </c>
      <c r="M27557" t="s">
        <v>83</v>
      </c>
      <c r="N27557" t="s">
        <v>91</v>
      </c>
      <c r="O27557" t="s">
        <v>85</v>
      </c>
      <c r="P27557" t="s">
        <v>86</v>
      </c>
      <c r="Q27557">
        <v>21</v>
      </c>
      <c r="R27557">
        <v>21</v>
      </c>
      <c r="S27557">
        <v>21</v>
      </c>
      <c r="T27557">
        <v>21</v>
      </c>
      <c r="U27557">
        <v>21</v>
      </c>
      <c r="V27557">
        <v>21</v>
      </c>
      <c r="W27557">
        <v>21</v>
      </c>
      <c r="X27557">
        <v>21</v>
      </c>
      <c r="Y27557">
        <v>21</v>
      </c>
      <c r="Z27557">
        <v>22</v>
      </c>
      <c r="AA27557">
        <v>22</v>
      </c>
      <c r="AB27557">
        <v>22</v>
      </c>
      <c r="AC27557">
        <v>22</v>
      </c>
      <c r="AD27557">
        <v>22</v>
      </c>
      <c r="AE27557">
        <v>22</v>
      </c>
      <c r="AF27557">
        <v>22</v>
      </c>
      <c r="AG27557">
        <v>22</v>
      </c>
      <c r="AH27557">
        <v>22</v>
      </c>
      <c r="AI27557">
        <v>22</v>
      </c>
      <c r="AJ27557">
        <v>22</v>
      </c>
      <c r="AK27557">
        <v>22</v>
      </c>
      <c r="AL27557">
        <v>22</v>
      </c>
      <c r="AM27557">
        <v>22</v>
      </c>
      <c r="AN27557">
        <v>22</v>
      </c>
      <c r="AO27557">
        <v>22</v>
      </c>
      <c r="AP27557">
        <v>22</v>
      </c>
      <c r="AQ27557">
        <v>21</v>
      </c>
    </row>
    <row r="27558" spans="1:43">
      <c r="A27558" t="s">
        <v>17057</v>
      </c>
      <c r="B27558" t="s">
        <v>17058</v>
      </c>
      <c r="C27558" t="s">
        <v>17047</v>
      </c>
      <c r="D27558" t="s">
        <v>17048</v>
      </c>
      <c r="E27558" t="s">
        <v>16923</v>
      </c>
      <c r="F27558" t="s">
        <v>16924</v>
      </c>
      <c r="G27558" t="s">
        <v>16559</v>
      </c>
      <c r="H27558" t="s">
        <v>16560</v>
      </c>
      <c r="I27558" s="2">
        <v>1</v>
      </c>
      <c r="J27558" s="2">
        <v>0</v>
      </c>
      <c r="K27558" s="2">
        <v>0</v>
      </c>
      <c r="L27558" t="s">
        <v>120</v>
      </c>
      <c r="M27558" t="s">
        <v>83</v>
      </c>
      <c r="N27558" t="s">
        <v>84</v>
      </c>
      <c r="O27558" t="s">
        <v>85</v>
      </c>
      <c r="P27558" t="s">
        <v>86</v>
      </c>
      <c r="Q27558">
        <v>46</v>
      </c>
      <c r="R27558">
        <v>46</v>
      </c>
      <c r="S27558">
        <v>47</v>
      </c>
      <c r="T27558">
        <v>47</v>
      </c>
      <c r="U27558">
        <v>47</v>
      </c>
      <c r="V27558">
        <v>47</v>
      </c>
      <c r="W27558">
        <v>48</v>
      </c>
      <c r="X27558">
        <v>48</v>
      </c>
      <c r="Y27558">
        <v>48</v>
      </c>
      <c r="Z27558">
        <v>48</v>
      </c>
      <c r="AA27558">
        <v>48</v>
      </c>
      <c r="AB27558">
        <v>48</v>
      </c>
      <c r="AC27558">
        <v>49</v>
      </c>
      <c r="AD27558">
        <v>49</v>
      </c>
      <c r="AE27558">
        <v>49</v>
      </c>
      <c r="AF27558">
        <v>49</v>
      </c>
      <c r="AG27558">
        <v>49</v>
      </c>
      <c r="AH27558">
        <v>49</v>
      </c>
      <c r="AI27558">
        <v>50</v>
      </c>
      <c r="AJ27558">
        <v>50</v>
      </c>
      <c r="AK27558">
        <v>50</v>
      </c>
      <c r="AL27558">
        <v>50</v>
      </c>
      <c r="AM27558">
        <v>49</v>
      </c>
      <c r="AN27558">
        <v>49</v>
      </c>
      <c r="AO27558">
        <v>49</v>
      </c>
      <c r="AP27558">
        <v>48</v>
      </c>
      <c r="AQ27558">
        <v>48</v>
      </c>
    </row>
    <row r="27559" spans="1:43">
      <c r="A27559" t="s">
        <v>17057</v>
      </c>
      <c r="B27559" t="s">
        <v>17058</v>
      </c>
      <c r="C27559" t="s">
        <v>17047</v>
      </c>
      <c r="D27559" t="s">
        <v>17048</v>
      </c>
      <c r="E27559" t="s">
        <v>16923</v>
      </c>
      <c r="F27559" t="s">
        <v>16924</v>
      </c>
      <c r="G27559" t="s">
        <v>16559</v>
      </c>
      <c r="H27559" t="s">
        <v>16560</v>
      </c>
      <c r="I27559" s="2">
        <v>1</v>
      </c>
      <c r="J27559" s="2">
        <v>0</v>
      </c>
      <c r="K27559" s="2">
        <v>0</v>
      </c>
      <c r="L27559" t="s">
        <v>120</v>
      </c>
      <c r="M27559" t="s">
        <v>87</v>
      </c>
      <c r="N27559" t="s">
        <v>88</v>
      </c>
      <c r="O27559" t="s">
        <v>85</v>
      </c>
      <c r="P27559" t="s">
        <v>86</v>
      </c>
      <c r="Q27559">
        <v>46</v>
      </c>
      <c r="R27559">
        <v>45</v>
      </c>
      <c r="S27559">
        <v>45</v>
      </c>
      <c r="T27559">
        <v>45</v>
      </c>
      <c r="U27559">
        <v>45</v>
      </c>
      <c r="V27559">
        <v>45</v>
      </c>
      <c r="W27559">
        <v>45</v>
      </c>
      <c r="X27559">
        <v>44</v>
      </c>
      <c r="Y27559">
        <v>44</v>
      </c>
      <c r="Z27559">
        <v>44</v>
      </c>
      <c r="AA27559">
        <v>44</v>
      </c>
      <c r="AB27559">
        <v>44</v>
      </c>
      <c r="AC27559">
        <v>44</v>
      </c>
      <c r="AD27559">
        <v>44</v>
      </c>
      <c r="AE27559">
        <v>43</v>
      </c>
      <c r="AF27559">
        <v>43</v>
      </c>
      <c r="AG27559">
        <v>43</v>
      </c>
      <c r="AH27559">
        <v>43</v>
      </c>
      <c r="AI27559">
        <v>43</v>
      </c>
      <c r="AJ27559">
        <v>43</v>
      </c>
      <c r="AK27559">
        <v>43</v>
      </c>
      <c r="AL27559">
        <v>43</v>
      </c>
      <c r="AM27559">
        <v>42</v>
      </c>
      <c r="AN27559">
        <v>42</v>
      </c>
      <c r="AO27559">
        <v>42</v>
      </c>
      <c r="AP27559">
        <v>42</v>
      </c>
      <c r="AQ27559">
        <v>42</v>
      </c>
    </row>
    <row r="27560" spans="1:43">
      <c r="A27560" t="s">
        <v>17057</v>
      </c>
      <c r="B27560" t="s">
        <v>17058</v>
      </c>
      <c r="C27560" t="s">
        <v>17047</v>
      </c>
      <c r="D27560" t="s">
        <v>17048</v>
      </c>
      <c r="E27560" t="s">
        <v>16923</v>
      </c>
      <c r="F27560" t="s">
        <v>16924</v>
      </c>
      <c r="G27560" t="s">
        <v>16559</v>
      </c>
      <c r="H27560" t="s">
        <v>16560</v>
      </c>
      <c r="I27560" s="2">
        <v>1</v>
      </c>
      <c r="J27560" s="2">
        <v>0</v>
      </c>
      <c r="K27560" s="2">
        <v>0</v>
      </c>
      <c r="L27560" t="s">
        <v>120</v>
      </c>
      <c r="M27560" t="s">
        <v>89</v>
      </c>
      <c r="N27560" t="s">
        <v>90</v>
      </c>
      <c r="O27560" t="s">
        <v>85</v>
      </c>
      <c r="P27560" t="s">
        <v>86</v>
      </c>
      <c r="Q27560">
        <v>46</v>
      </c>
      <c r="R27560">
        <v>47</v>
      </c>
      <c r="S27560">
        <v>48</v>
      </c>
      <c r="T27560">
        <v>48</v>
      </c>
      <c r="U27560">
        <v>49</v>
      </c>
      <c r="V27560">
        <v>49</v>
      </c>
      <c r="W27560">
        <v>50</v>
      </c>
      <c r="X27560">
        <v>50</v>
      </c>
      <c r="Y27560">
        <v>51</v>
      </c>
      <c r="Z27560">
        <v>51</v>
      </c>
      <c r="AA27560">
        <v>51</v>
      </c>
      <c r="AB27560">
        <v>52</v>
      </c>
      <c r="AC27560">
        <v>52</v>
      </c>
      <c r="AD27560">
        <v>52</v>
      </c>
      <c r="AE27560">
        <v>52</v>
      </c>
      <c r="AF27560">
        <v>52</v>
      </c>
      <c r="AG27560">
        <v>52</v>
      </c>
      <c r="AH27560">
        <v>51</v>
      </c>
      <c r="AI27560">
        <v>51</v>
      </c>
      <c r="AJ27560">
        <v>51</v>
      </c>
      <c r="AK27560">
        <v>50</v>
      </c>
      <c r="AL27560">
        <v>50</v>
      </c>
      <c r="AM27560">
        <v>50</v>
      </c>
      <c r="AN27560">
        <v>50</v>
      </c>
      <c r="AO27560">
        <v>49</v>
      </c>
      <c r="AP27560">
        <v>49</v>
      </c>
      <c r="AQ27560">
        <v>49</v>
      </c>
    </row>
    <row r="27561" spans="1:43">
      <c r="A27561" t="s">
        <v>17057</v>
      </c>
      <c r="B27561" t="s">
        <v>17058</v>
      </c>
      <c r="C27561" t="s">
        <v>17047</v>
      </c>
      <c r="D27561" t="s">
        <v>17048</v>
      </c>
      <c r="E27561" t="s">
        <v>16923</v>
      </c>
      <c r="F27561" t="s">
        <v>16924</v>
      </c>
      <c r="G27561" t="s">
        <v>16559</v>
      </c>
      <c r="H27561" t="s">
        <v>16560</v>
      </c>
      <c r="I27561" s="2">
        <v>1</v>
      </c>
      <c r="J27561" s="2">
        <v>0</v>
      </c>
      <c r="K27561" s="2">
        <v>0</v>
      </c>
      <c r="L27561" t="s">
        <v>120</v>
      </c>
      <c r="M27561" t="s">
        <v>83</v>
      </c>
      <c r="N27561" t="s">
        <v>91</v>
      </c>
      <c r="O27561" t="s">
        <v>85</v>
      </c>
      <c r="P27561" t="s">
        <v>86</v>
      </c>
      <c r="Q27561">
        <v>46</v>
      </c>
      <c r="R27561">
        <v>46</v>
      </c>
      <c r="S27561">
        <v>47</v>
      </c>
      <c r="T27561">
        <v>47</v>
      </c>
      <c r="U27561">
        <v>47</v>
      </c>
      <c r="V27561">
        <v>47</v>
      </c>
      <c r="W27561">
        <v>48</v>
      </c>
      <c r="X27561">
        <v>48</v>
      </c>
      <c r="Y27561">
        <v>48</v>
      </c>
      <c r="Z27561">
        <v>48</v>
      </c>
      <c r="AA27561">
        <v>48</v>
      </c>
      <c r="AB27561">
        <v>48</v>
      </c>
      <c r="AC27561">
        <v>49</v>
      </c>
      <c r="AD27561">
        <v>49</v>
      </c>
      <c r="AE27561">
        <v>49</v>
      </c>
      <c r="AF27561">
        <v>49</v>
      </c>
      <c r="AG27561">
        <v>49</v>
      </c>
      <c r="AH27561">
        <v>49</v>
      </c>
      <c r="AI27561">
        <v>50</v>
      </c>
      <c r="AJ27561">
        <v>50</v>
      </c>
      <c r="AK27561">
        <v>50</v>
      </c>
      <c r="AL27561">
        <v>50</v>
      </c>
      <c r="AM27561">
        <v>49</v>
      </c>
      <c r="AN27561">
        <v>49</v>
      </c>
      <c r="AO27561">
        <v>49</v>
      </c>
      <c r="AP27561">
        <v>48</v>
      </c>
      <c r="AQ27561">
        <v>48</v>
      </c>
    </row>
    <row r="27562" spans="1:43">
      <c r="A27562" t="s">
        <v>17059</v>
      </c>
      <c r="B27562" t="s">
        <v>17060</v>
      </c>
      <c r="C27562" t="s">
        <v>17047</v>
      </c>
      <c r="D27562" t="s">
        <v>17048</v>
      </c>
      <c r="E27562" t="s">
        <v>16923</v>
      </c>
      <c r="F27562" t="s">
        <v>16924</v>
      </c>
      <c r="G27562" t="s">
        <v>16559</v>
      </c>
      <c r="H27562" t="s">
        <v>16560</v>
      </c>
      <c r="I27562" s="2">
        <v>1</v>
      </c>
      <c r="J27562" s="2">
        <v>0</v>
      </c>
      <c r="K27562" s="2">
        <v>0</v>
      </c>
      <c r="L27562" t="s">
        <v>120</v>
      </c>
      <c r="M27562" t="s">
        <v>83</v>
      </c>
      <c r="N27562" t="s">
        <v>84</v>
      </c>
      <c r="O27562" t="s">
        <v>85</v>
      </c>
      <c r="P27562" t="s">
        <v>86</v>
      </c>
      <c r="Q27562">
        <v>32</v>
      </c>
      <c r="R27562">
        <v>32</v>
      </c>
      <c r="S27562">
        <v>32</v>
      </c>
      <c r="T27562">
        <v>32</v>
      </c>
      <c r="U27562">
        <v>32</v>
      </c>
      <c r="V27562">
        <v>32</v>
      </c>
      <c r="W27562">
        <v>33</v>
      </c>
      <c r="X27562">
        <v>33</v>
      </c>
      <c r="Y27562">
        <v>33</v>
      </c>
      <c r="Z27562">
        <v>33</v>
      </c>
      <c r="AA27562">
        <v>33</v>
      </c>
      <c r="AB27562">
        <v>33</v>
      </c>
      <c r="AC27562">
        <v>33</v>
      </c>
      <c r="AD27562">
        <v>33</v>
      </c>
      <c r="AE27562">
        <v>33</v>
      </c>
      <c r="AF27562">
        <v>34</v>
      </c>
      <c r="AG27562">
        <v>34</v>
      </c>
      <c r="AH27562">
        <v>34</v>
      </c>
      <c r="AI27562">
        <v>34</v>
      </c>
      <c r="AJ27562">
        <v>34</v>
      </c>
      <c r="AK27562">
        <v>34</v>
      </c>
      <c r="AL27562">
        <v>34</v>
      </c>
      <c r="AM27562">
        <v>34</v>
      </c>
      <c r="AN27562">
        <v>33</v>
      </c>
      <c r="AO27562">
        <v>33</v>
      </c>
      <c r="AP27562">
        <v>33</v>
      </c>
      <c r="AQ27562">
        <v>33</v>
      </c>
    </row>
    <row r="27563" spans="1:43">
      <c r="A27563" t="s">
        <v>17059</v>
      </c>
      <c r="B27563" t="s">
        <v>17060</v>
      </c>
      <c r="C27563" t="s">
        <v>17047</v>
      </c>
      <c r="D27563" t="s">
        <v>17048</v>
      </c>
      <c r="E27563" t="s">
        <v>16923</v>
      </c>
      <c r="F27563" t="s">
        <v>16924</v>
      </c>
      <c r="G27563" t="s">
        <v>16559</v>
      </c>
      <c r="H27563" t="s">
        <v>16560</v>
      </c>
      <c r="I27563" s="2">
        <v>1</v>
      </c>
      <c r="J27563" s="2">
        <v>0</v>
      </c>
      <c r="K27563" s="2">
        <v>0</v>
      </c>
      <c r="L27563" t="s">
        <v>120</v>
      </c>
      <c r="M27563" t="s">
        <v>87</v>
      </c>
      <c r="N27563" t="s">
        <v>88</v>
      </c>
      <c r="O27563" t="s">
        <v>85</v>
      </c>
      <c r="P27563" t="s">
        <v>86</v>
      </c>
      <c r="Q27563">
        <v>32</v>
      </c>
      <c r="R27563">
        <v>32</v>
      </c>
      <c r="S27563">
        <v>32</v>
      </c>
      <c r="T27563">
        <v>32</v>
      </c>
      <c r="U27563">
        <v>32</v>
      </c>
      <c r="V27563">
        <v>32</v>
      </c>
      <c r="W27563">
        <v>32</v>
      </c>
      <c r="X27563">
        <v>31</v>
      </c>
      <c r="Y27563">
        <v>31</v>
      </c>
      <c r="Z27563">
        <v>31</v>
      </c>
      <c r="AA27563">
        <v>31</v>
      </c>
      <c r="AB27563">
        <v>31</v>
      </c>
      <c r="AC27563">
        <v>31</v>
      </c>
      <c r="AD27563">
        <v>31</v>
      </c>
      <c r="AE27563">
        <v>31</v>
      </c>
      <c r="AF27563">
        <v>31</v>
      </c>
      <c r="AG27563">
        <v>31</v>
      </c>
      <c r="AH27563">
        <v>30</v>
      </c>
      <c r="AI27563">
        <v>30</v>
      </c>
      <c r="AJ27563">
        <v>30</v>
      </c>
      <c r="AK27563">
        <v>30</v>
      </c>
      <c r="AL27563">
        <v>30</v>
      </c>
      <c r="AM27563">
        <v>30</v>
      </c>
      <c r="AN27563">
        <v>30</v>
      </c>
      <c r="AO27563">
        <v>30</v>
      </c>
      <c r="AP27563">
        <v>30</v>
      </c>
      <c r="AQ27563">
        <v>30</v>
      </c>
    </row>
    <row r="27564" spans="1:43">
      <c r="A27564" t="s">
        <v>17059</v>
      </c>
      <c r="B27564" t="s">
        <v>17060</v>
      </c>
      <c r="C27564" t="s">
        <v>17047</v>
      </c>
      <c r="D27564" t="s">
        <v>17048</v>
      </c>
      <c r="E27564" t="s">
        <v>16923</v>
      </c>
      <c r="F27564" t="s">
        <v>16924</v>
      </c>
      <c r="G27564" t="s">
        <v>16559</v>
      </c>
      <c r="H27564" t="s">
        <v>16560</v>
      </c>
      <c r="I27564" s="2">
        <v>1</v>
      </c>
      <c r="J27564" s="2">
        <v>0</v>
      </c>
      <c r="K27564" s="2">
        <v>0</v>
      </c>
      <c r="L27564" t="s">
        <v>120</v>
      </c>
      <c r="M27564" t="s">
        <v>89</v>
      </c>
      <c r="N27564" t="s">
        <v>90</v>
      </c>
      <c r="O27564" t="s">
        <v>85</v>
      </c>
      <c r="P27564" t="s">
        <v>86</v>
      </c>
      <c r="Q27564">
        <v>32</v>
      </c>
      <c r="R27564">
        <v>32</v>
      </c>
      <c r="S27564">
        <v>33</v>
      </c>
      <c r="T27564">
        <v>33</v>
      </c>
      <c r="U27564">
        <v>33</v>
      </c>
      <c r="V27564">
        <v>34</v>
      </c>
      <c r="W27564">
        <v>34</v>
      </c>
      <c r="X27564">
        <v>34</v>
      </c>
      <c r="Y27564">
        <v>35</v>
      </c>
      <c r="Z27564">
        <v>35</v>
      </c>
      <c r="AA27564">
        <v>35</v>
      </c>
      <c r="AB27564">
        <v>35</v>
      </c>
      <c r="AC27564">
        <v>36</v>
      </c>
      <c r="AD27564">
        <v>36</v>
      </c>
      <c r="AE27564">
        <v>36</v>
      </c>
      <c r="AF27564">
        <v>36</v>
      </c>
      <c r="AG27564">
        <v>35</v>
      </c>
      <c r="AH27564">
        <v>35</v>
      </c>
      <c r="AI27564">
        <v>35</v>
      </c>
      <c r="AJ27564">
        <v>35</v>
      </c>
      <c r="AK27564">
        <v>34</v>
      </c>
      <c r="AL27564">
        <v>34</v>
      </c>
      <c r="AM27564">
        <v>34</v>
      </c>
      <c r="AN27564">
        <v>34</v>
      </c>
      <c r="AO27564">
        <v>34</v>
      </c>
      <c r="AP27564">
        <v>33</v>
      </c>
      <c r="AQ27564">
        <v>33</v>
      </c>
    </row>
    <row r="27565" spans="1:43">
      <c r="A27565" t="s">
        <v>17059</v>
      </c>
      <c r="B27565" t="s">
        <v>17060</v>
      </c>
      <c r="C27565" t="s">
        <v>17047</v>
      </c>
      <c r="D27565" t="s">
        <v>17048</v>
      </c>
      <c r="E27565" t="s">
        <v>16923</v>
      </c>
      <c r="F27565" t="s">
        <v>16924</v>
      </c>
      <c r="G27565" t="s">
        <v>16559</v>
      </c>
      <c r="H27565" t="s">
        <v>16560</v>
      </c>
      <c r="I27565" s="2">
        <v>1</v>
      </c>
      <c r="J27565" s="2">
        <v>0</v>
      </c>
      <c r="K27565" s="2">
        <v>0</v>
      </c>
      <c r="L27565" t="s">
        <v>120</v>
      </c>
      <c r="M27565" t="s">
        <v>83</v>
      </c>
      <c r="N27565" t="s">
        <v>91</v>
      </c>
      <c r="O27565" t="s">
        <v>85</v>
      </c>
      <c r="P27565" t="s">
        <v>86</v>
      </c>
      <c r="Q27565">
        <v>32</v>
      </c>
      <c r="R27565">
        <v>32</v>
      </c>
      <c r="S27565">
        <v>32</v>
      </c>
      <c r="T27565">
        <v>32</v>
      </c>
      <c r="U27565">
        <v>32</v>
      </c>
      <c r="V27565">
        <v>32</v>
      </c>
      <c r="W27565">
        <v>33</v>
      </c>
      <c r="X27565">
        <v>33</v>
      </c>
      <c r="Y27565">
        <v>33</v>
      </c>
      <c r="Z27565">
        <v>33</v>
      </c>
      <c r="AA27565">
        <v>33</v>
      </c>
      <c r="AB27565">
        <v>33</v>
      </c>
      <c r="AC27565">
        <v>33</v>
      </c>
      <c r="AD27565">
        <v>33</v>
      </c>
      <c r="AE27565">
        <v>33</v>
      </c>
      <c r="AF27565">
        <v>34</v>
      </c>
      <c r="AG27565">
        <v>34</v>
      </c>
      <c r="AH27565">
        <v>34</v>
      </c>
      <c r="AI27565">
        <v>34</v>
      </c>
      <c r="AJ27565">
        <v>34</v>
      </c>
      <c r="AK27565">
        <v>34</v>
      </c>
      <c r="AL27565">
        <v>34</v>
      </c>
      <c r="AM27565">
        <v>34</v>
      </c>
      <c r="AN27565">
        <v>33</v>
      </c>
      <c r="AO27565">
        <v>33</v>
      </c>
      <c r="AP27565">
        <v>33</v>
      </c>
      <c r="AQ27565">
        <v>33</v>
      </c>
    </row>
    <row r="27566" spans="1:43">
      <c r="A27566" t="s">
        <v>17061</v>
      </c>
      <c r="B27566" t="s">
        <v>17062</v>
      </c>
      <c r="C27566" t="s">
        <v>17063</v>
      </c>
      <c r="D27566" t="s">
        <v>17064</v>
      </c>
      <c r="E27566" t="s">
        <v>16923</v>
      </c>
      <c r="F27566" t="s">
        <v>16924</v>
      </c>
      <c r="G27566" t="s">
        <v>16559</v>
      </c>
      <c r="H27566" t="s">
        <v>16560</v>
      </c>
      <c r="I27566" s="2">
        <v>1</v>
      </c>
      <c r="J27566" s="2">
        <v>0</v>
      </c>
      <c r="K27566" s="2">
        <v>0</v>
      </c>
      <c r="L27566" t="s">
        <v>120</v>
      </c>
      <c r="M27566" t="s">
        <v>83</v>
      </c>
      <c r="N27566" t="s">
        <v>84</v>
      </c>
      <c r="O27566" t="s">
        <v>85</v>
      </c>
      <c r="P27566" t="s">
        <v>86</v>
      </c>
      <c r="Q27566">
        <v>31</v>
      </c>
      <c r="R27566">
        <v>31</v>
      </c>
      <c r="S27566">
        <v>31</v>
      </c>
      <c r="T27566">
        <v>32</v>
      </c>
      <c r="U27566">
        <v>32</v>
      </c>
      <c r="V27566">
        <v>32</v>
      </c>
      <c r="W27566">
        <v>32</v>
      </c>
      <c r="X27566">
        <v>32</v>
      </c>
      <c r="Y27566">
        <v>32</v>
      </c>
      <c r="Z27566">
        <v>32</v>
      </c>
      <c r="AA27566">
        <v>33</v>
      </c>
      <c r="AB27566">
        <v>33</v>
      </c>
      <c r="AC27566">
        <v>33</v>
      </c>
      <c r="AD27566">
        <v>33</v>
      </c>
      <c r="AE27566">
        <v>33</v>
      </c>
      <c r="AF27566">
        <v>33</v>
      </c>
      <c r="AG27566">
        <v>33</v>
      </c>
      <c r="AH27566">
        <v>33</v>
      </c>
      <c r="AI27566">
        <v>34</v>
      </c>
      <c r="AJ27566">
        <v>34</v>
      </c>
      <c r="AK27566">
        <v>34</v>
      </c>
      <c r="AL27566">
        <v>34</v>
      </c>
      <c r="AM27566">
        <v>34</v>
      </c>
      <c r="AN27566">
        <v>33</v>
      </c>
      <c r="AO27566">
        <v>33</v>
      </c>
      <c r="AP27566">
        <v>33</v>
      </c>
      <c r="AQ27566">
        <v>33</v>
      </c>
    </row>
    <row r="27567" spans="1:43">
      <c r="A27567" t="s">
        <v>17061</v>
      </c>
      <c r="B27567" t="s">
        <v>17062</v>
      </c>
      <c r="C27567" t="s">
        <v>17063</v>
      </c>
      <c r="D27567" t="s">
        <v>17064</v>
      </c>
      <c r="E27567" t="s">
        <v>16923</v>
      </c>
      <c r="F27567" t="s">
        <v>16924</v>
      </c>
      <c r="G27567" t="s">
        <v>16559</v>
      </c>
      <c r="H27567" t="s">
        <v>16560</v>
      </c>
      <c r="I27567" s="2">
        <v>1</v>
      </c>
      <c r="J27567" s="2">
        <v>0</v>
      </c>
      <c r="K27567" s="2">
        <v>0</v>
      </c>
      <c r="L27567" t="s">
        <v>120</v>
      </c>
      <c r="M27567" t="s">
        <v>87</v>
      </c>
      <c r="N27567" t="s">
        <v>88</v>
      </c>
      <c r="O27567" t="s">
        <v>85</v>
      </c>
      <c r="P27567" t="s">
        <v>86</v>
      </c>
      <c r="Q27567">
        <v>31</v>
      </c>
      <c r="R27567">
        <v>31</v>
      </c>
      <c r="S27567">
        <v>31</v>
      </c>
      <c r="T27567">
        <v>30</v>
      </c>
      <c r="U27567">
        <v>30</v>
      </c>
      <c r="V27567">
        <v>30</v>
      </c>
      <c r="W27567">
        <v>30</v>
      </c>
      <c r="X27567">
        <v>30</v>
      </c>
      <c r="Y27567">
        <v>30</v>
      </c>
      <c r="Z27567">
        <v>30</v>
      </c>
      <c r="AA27567">
        <v>30</v>
      </c>
      <c r="AB27567">
        <v>30</v>
      </c>
      <c r="AC27567">
        <v>30</v>
      </c>
      <c r="AD27567">
        <v>30</v>
      </c>
      <c r="AE27567">
        <v>29</v>
      </c>
      <c r="AF27567">
        <v>29</v>
      </c>
      <c r="AG27567">
        <v>29</v>
      </c>
      <c r="AH27567">
        <v>29</v>
      </c>
      <c r="AI27567">
        <v>29</v>
      </c>
      <c r="AJ27567">
        <v>29</v>
      </c>
      <c r="AK27567">
        <v>29</v>
      </c>
      <c r="AL27567">
        <v>29</v>
      </c>
      <c r="AM27567">
        <v>29</v>
      </c>
      <c r="AN27567">
        <v>29</v>
      </c>
      <c r="AO27567">
        <v>29</v>
      </c>
      <c r="AP27567">
        <v>29</v>
      </c>
      <c r="AQ27567">
        <v>28</v>
      </c>
    </row>
    <row r="27568" spans="1:43">
      <c r="A27568" t="s">
        <v>17061</v>
      </c>
      <c r="B27568" t="s">
        <v>17062</v>
      </c>
      <c r="C27568" t="s">
        <v>17063</v>
      </c>
      <c r="D27568" t="s">
        <v>17064</v>
      </c>
      <c r="E27568" t="s">
        <v>16923</v>
      </c>
      <c r="F27568" t="s">
        <v>16924</v>
      </c>
      <c r="G27568" t="s">
        <v>16559</v>
      </c>
      <c r="H27568" t="s">
        <v>16560</v>
      </c>
      <c r="I27568" s="2">
        <v>1</v>
      </c>
      <c r="J27568" s="2">
        <v>0</v>
      </c>
      <c r="K27568" s="2">
        <v>0</v>
      </c>
      <c r="L27568" t="s">
        <v>120</v>
      </c>
      <c r="M27568" t="s">
        <v>89</v>
      </c>
      <c r="N27568" t="s">
        <v>90</v>
      </c>
      <c r="O27568" t="s">
        <v>85</v>
      </c>
      <c r="P27568" t="s">
        <v>86</v>
      </c>
      <c r="Q27568">
        <v>31</v>
      </c>
      <c r="R27568">
        <v>32</v>
      </c>
      <c r="S27568">
        <v>32</v>
      </c>
      <c r="T27568">
        <v>33</v>
      </c>
      <c r="U27568">
        <v>33</v>
      </c>
      <c r="V27568">
        <v>33</v>
      </c>
      <c r="W27568">
        <v>34</v>
      </c>
      <c r="X27568">
        <v>34</v>
      </c>
      <c r="Y27568">
        <v>34</v>
      </c>
      <c r="Z27568">
        <v>34</v>
      </c>
      <c r="AA27568">
        <v>35</v>
      </c>
      <c r="AB27568">
        <v>35</v>
      </c>
      <c r="AC27568">
        <v>35</v>
      </c>
      <c r="AD27568">
        <v>35</v>
      </c>
      <c r="AE27568">
        <v>35</v>
      </c>
      <c r="AF27568">
        <v>35</v>
      </c>
      <c r="AG27568">
        <v>35</v>
      </c>
      <c r="AH27568">
        <v>35</v>
      </c>
      <c r="AI27568">
        <v>35</v>
      </c>
      <c r="AJ27568">
        <v>34</v>
      </c>
      <c r="AK27568">
        <v>34</v>
      </c>
      <c r="AL27568">
        <v>34</v>
      </c>
      <c r="AM27568">
        <v>34</v>
      </c>
      <c r="AN27568">
        <v>34</v>
      </c>
      <c r="AO27568">
        <v>34</v>
      </c>
      <c r="AP27568">
        <v>33</v>
      </c>
      <c r="AQ27568">
        <v>33</v>
      </c>
    </row>
    <row r="27569" spans="1:43">
      <c r="A27569" t="s">
        <v>17061</v>
      </c>
      <c r="B27569" t="s">
        <v>17062</v>
      </c>
      <c r="C27569" t="s">
        <v>17063</v>
      </c>
      <c r="D27569" t="s">
        <v>17064</v>
      </c>
      <c r="E27569" t="s">
        <v>16923</v>
      </c>
      <c r="F27569" t="s">
        <v>16924</v>
      </c>
      <c r="G27569" t="s">
        <v>16559</v>
      </c>
      <c r="H27569" t="s">
        <v>16560</v>
      </c>
      <c r="I27569" s="2">
        <v>1</v>
      </c>
      <c r="J27569" s="2">
        <v>0</v>
      </c>
      <c r="K27569" s="2">
        <v>0</v>
      </c>
      <c r="L27569" t="s">
        <v>120</v>
      </c>
      <c r="M27569" t="s">
        <v>83</v>
      </c>
      <c r="N27569" t="s">
        <v>91</v>
      </c>
      <c r="O27569" t="s">
        <v>85</v>
      </c>
      <c r="P27569" t="s">
        <v>86</v>
      </c>
      <c r="Q27569">
        <v>31</v>
      </c>
      <c r="R27569">
        <v>31</v>
      </c>
      <c r="S27569">
        <v>31</v>
      </c>
      <c r="T27569">
        <v>32</v>
      </c>
      <c r="U27569">
        <v>32</v>
      </c>
      <c r="V27569">
        <v>32</v>
      </c>
      <c r="W27569">
        <v>32</v>
      </c>
      <c r="X27569">
        <v>32</v>
      </c>
      <c r="Y27569">
        <v>32</v>
      </c>
      <c r="Z27569">
        <v>32</v>
      </c>
      <c r="AA27569">
        <v>33</v>
      </c>
      <c r="AB27569">
        <v>33</v>
      </c>
      <c r="AC27569">
        <v>33</v>
      </c>
      <c r="AD27569">
        <v>33</v>
      </c>
      <c r="AE27569">
        <v>33</v>
      </c>
      <c r="AF27569">
        <v>33</v>
      </c>
      <c r="AG27569">
        <v>33</v>
      </c>
      <c r="AH27569">
        <v>33</v>
      </c>
      <c r="AI27569">
        <v>34</v>
      </c>
      <c r="AJ27569">
        <v>34</v>
      </c>
      <c r="AK27569">
        <v>34</v>
      </c>
      <c r="AL27569">
        <v>34</v>
      </c>
      <c r="AM27569">
        <v>34</v>
      </c>
      <c r="AN27569">
        <v>33</v>
      </c>
      <c r="AO27569">
        <v>33</v>
      </c>
      <c r="AP27569">
        <v>33</v>
      </c>
      <c r="AQ27569">
        <v>33</v>
      </c>
    </row>
    <row r="27570" spans="1:43">
      <c r="A27570" t="s">
        <v>17065</v>
      </c>
      <c r="B27570" t="s">
        <v>17066</v>
      </c>
      <c r="C27570" t="s">
        <v>17063</v>
      </c>
      <c r="D27570" t="s">
        <v>17064</v>
      </c>
      <c r="E27570" t="s">
        <v>16923</v>
      </c>
      <c r="F27570" t="s">
        <v>16924</v>
      </c>
      <c r="G27570" t="s">
        <v>16559</v>
      </c>
      <c r="H27570" t="s">
        <v>16560</v>
      </c>
      <c r="I27570" s="2">
        <v>1</v>
      </c>
      <c r="J27570" s="2">
        <v>0</v>
      </c>
      <c r="K27570" s="2">
        <v>0</v>
      </c>
      <c r="L27570" t="s">
        <v>120</v>
      </c>
      <c r="M27570" t="s">
        <v>83</v>
      </c>
      <c r="N27570" t="s">
        <v>84</v>
      </c>
      <c r="O27570" t="s">
        <v>85</v>
      </c>
      <c r="P27570" t="s">
        <v>86</v>
      </c>
      <c r="Q27570">
        <v>19</v>
      </c>
      <c r="R27570">
        <v>19</v>
      </c>
      <c r="S27570">
        <v>19</v>
      </c>
      <c r="T27570">
        <v>19</v>
      </c>
      <c r="U27570">
        <v>20</v>
      </c>
      <c r="V27570">
        <v>20</v>
      </c>
      <c r="W27570">
        <v>20</v>
      </c>
      <c r="X27570">
        <v>20</v>
      </c>
      <c r="Y27570">
        <v>20</v>
      </c>
      <c r="Z27570">
        <v>20</v>
      </c>
      <c r="AA27570">
        <v>20</v>
      </c>
      <c r="AB27570">
        <v>20</v>
      </c>
      <c r="AC27570">
        <v>20</v>
      </c>
      <c r="AD27570">
        <v>20</v>
      </c>
      <c r="AE27570">
        <v>21</v>
      </c>
      <c r="AF27570">
        <v>21</v>
      </c>
      <c r="AG27570">
        <v>21</v>
      </c>
      <c r="AH27570">
        <v>21</v>
      </c>
      <c r="AI27570">
        <v>21</v>
      </c>
      <c r="AJ27570">
        <v>21</v>
      </c>
      <c r="AK27570">
        <v>21</v>
      </c>
      <c r="AL27570">
        <v>21</v>
      </c>
      <c r="AM27570">
        <v>21</v>
      </c>
      <c r="AN27570">
        <v>21</v>
      </c>
      <c r="AO27570">
        <v>21</v>
      </c>
      <c r="AP27570">
        <v>21</v>
      </c>
      <c r="AQ27570">
        <v>20</v>
      </c>
    </row>
    <row r="27571" spans="1:43">
      <c r="A27571" t="s">
        <v>17065</v>
      </c>
      <c r="B27571" t="s">
        <v>17066</v>
      </c>
      <c r="C27571" t="s">
        <v>17063</v>
      </c>
      <c r="D27571" t="s">
        <v>17064</v>
      </c>
      <c r="E27571" t="s">
        <v>16923</v>
      </c>
      <c r="F27571" t="s">
        <v>16924</v>
      </c>
      <c r="G27571" t="s">
        <v>16559</v>
      </c>
      <c r="H27571" t="s">
        <v>16560</v>
      </c>
      <c r="I27571" s="2">
        <v>1</v>
      </c>
      <c r="J27571" s="2">
        <v>0</v>
      </c>
      <c r="K27571" s="2">
        <v>0</v>
      </c>
      <c r="L27571" t="s">
        <v>120</v>
      </c>
      <c r="M27571" t="s">
        <v>87</v>
      </c>
      <c r="N27571" t="s">
        <v>88</v>
      </c>
      <c r="O27571" t="s">
        <v>85</v>
      </c>
      <c r="P27571" t="s">
        <v>86</v>
      </c>
      <c r="Q27571">
        <v>19</v>
      </c>
      <c r="R27571">
        <v>19</v>
      </c>
      <c r="S27571">
        <v>19</v>
      </c>
      <c r="T27571">
        <v>19</v>
      </c>
      <c r="U27571">
        <v>19</v>
      </c>
      <c r="V27571">
        <v>19</v>
      </c>
      <c r="W27571">
        <v>19</v>
      </c>
      <c r="X27571">
        <v>19</v>
      </c>
      <c r="Y27571">
        <v>19</v>
      </c>
      <c r="Z27571">
        <v>18</v>
      </c>
      <c r="AA27571">
        <v>18</v>
      </c>
      <c r="AB27571">
        <v>18</v>
      </c>
      <c r="AC27571">
        <v>18</v>
      </c>
      <c r="AD27571">
        <v>18</v>
      </c>
      <c r="AE27571">
        <v>18</v>
      </c>
      <c r="AF27571">
        <v>18</v>
      </c>
      <c r="AG27571">
        <v>18</v>
      </c>
      <c r="AH27571">
        <v>18</v>
      </c>
      <c r="AI27571">
        <v>18</v>
      </c>
      <c r="AJ27571">
        <v>18</v>
      </c>
      <c r="AK27571">
        <v>18</v>
      </c>
      <c r="AL27571">
        <v>18</v>
      </c>
      <c r="AM27571">
        <v>18</v>
      </c>
      <c r="AN27571">
        <v>18</v>
      </c>
      <c r="AO27571">
        <v>18</v>
      </c>
      <c r="AP27571">
        <v>18</v>
      </c>
      <c r="AQ27571">
        <v>18</v>
      </c>
    </row>
    <row r="27572" spans="1:43">
      <c r="A27572" t="s">
        <v>17065</v>
      </c>
      <c r="B27572" t="s">
        <v>17066</v>
      </c>
      <c r="C27572" t="s">
        <v>17063</v>
      </c>
      <c r="D27572" t="s">
        <v>17064</v>
      </c>
      <c r="E27572" t="s">
        <v>16923</v>
      </c>
      <c r="F27572" t="s">
        <v>16924</v>
      </c>
      <c r="G27572" t="s">
        <v>16559</v>
      </c>
      <c r="H27572" t="s">
        <v>16560</v>
      </c>
      <c r="I27572" s="2">
        <v>1</v>
      </c>
      <c r="J27572" s="2">
        <v>0</v>
      </c>
      <c r="K27572" s="2">
        <v>0</v>
      </c>
      <c r="L27572" t="s">
        <v>120</v>
      </c>
      <c r="M27572" t="s">
        <v>89</v>
      </c>
      <c r="N27572" t="s">
        <v>90</v>
      </c>
      <c r="O27572" t="s">
        <v>85</v>
      </c>
      <c r="P27572" t="s">
        <v>86</v>
      </c>
      <c r="Q27572">
        <v>19</v>
      </c>
      <c r="R27572">
        <v>20</v>
      </c>
      <c r="S27572">
        <v>20</v>
      </c>
      <c r="T27572">
        <v>20</v>
      </c>
      <c r="U27572">
        <v>20</v>
      </c>
      <c r="V27572">
        <v>21</v>
      </c>
      <c r="W27572">
        <v>21</v>
      </c>
      <c r="X27572">
        <v>21</v>
      </c>
      <c r="Y27572">
        <v>21</v>
      </c>
      <c r="Z27572">
        <v>21</v>
      </c>
      <c r="AA27572">
        <v>21</v>
      </c>
      <c r="AB27572">
        <v>22</v>
      </c>
      <c r="AC27572">
        <v>22</v>
      </c>
      <c r="AD27572">
        <v>22</v>
      </c>
      <c r="AE27572">
        <v>22</v>
      </c>
      <c r="AF27572">
        <v>22</v>
      </c>
      <c r="AG27572">
        <v>22</v>
      </c>
      <c r="AH27572">
        <v>22</v>
      </c>
      <c r="AI27572">
        <v>22</v>
      </c>
      <c r="AJ27572">
        <v>21</v>
      </c>
      <c r="AK27572">
        <v>21</v>
      </c>
      <c r="AL27572">
        <v>21</v>
      </c>
      <c r="AM27572">
        <v>21</v>
      </c>
      <c r="AN27572">
        <v>21</v>
      </c>
      <c r="AO27572">
        <v>21</v>
      </c>
      <c r="AP27572">
        <v>21</v>
      </c>
      <c r="AQ27572">
        <v>21</v>
      </c>
    </row>
    <row r="27573" spans="1:43">
      <c r="A27573" t="s">
        <v>17065</v>
      </c>
      <c r="B27573" t="s">
        <v>17066</v>
      </c>
      <c r="C27573" t="s">
        <v>17063</v>
      </c>
      <c r="D27573" t="s">
        <v>17064</v>
      </c>
      <c r="E27573" t="s">
        <v>16923</v>
      </c>
      <c r="F27573" t="s">
        <v>16924</v>
      </c>
      <c r="G27573" t="s">
        <v>16559</v>
      </c>
      <c r="H27573" t="s">
        <v>16560</v>
      </c>
      <c r="I27573" s="2">
        <v>1</v>
      </c>
      <c r="J27573" s="2">
        <v>0</v>
      </c>
      <c r="K27573" s="2">
        <v>0</v>
      </c>
      <c r="L27573" t="s">
        <v>120</v>
      </c>
      <c r="M27573" t="s">
        <v>83</v>
      </c>
      <c r="N27573" t="s">
        <v>91</v>
      </c>
      <c r="O27573" t="s">
        <v>85</v>
      </c>
      <c r="P27573" t="s">
        <v>86</v>
      </c>
      <c r="Q27573">
        <v>19</v>
      </c>
      <c r="R27573">
        <v>19</v>
      </c>
      <c r="S27573">
        <v>19</v>
      </c>
      <c r="T27573">
        <v>19</v>
      </c>
      <c r="U27573">
        <v>20</v>
      </c>
      <c r="V27573">
        <v>20</v>
      </c>
      <c r="W27573">
        <v>20</v>
      </c>
      <c r="X27573">
        <v>20</v>
      </c>
      <c r="Y27573">
        <v>20</v>
      </c>
      <c r="Z27573">
        <v>20</v>
      </c>
      <c r="AA27573">
        <v>20</v>
      </c>
      <c r="AB27573">
        <v>20</v>
      </c>
      <c r="AC27573">
        <v>20</v>
      </c>
      <c r="AD27573">
        <v>20</v>
      </c>
      <c r="AE27573">
        <v>21</v>
      </c>
      <c r="AF27573">
        <v>21</v>
      </c>
      <c r="AG27573">
        <v>21</v>
      </c>
      <c r="AH27573">
        <v>21</v>
      </c>
      <c r="AI27573">
        <v>21</v>
      </c>
      <c r="AJ27573">
        <v>21</v>
      </c>
      <c r="AK27573">
        <v>21</v>
      </c>
      <c r="AL27573">
        <v>21</v>
      </c>
      <c r="AM27573">
        <v>21</v>
      </c>
      <c r="AN27573">
        <v>21</v>
      </c>
      <c r="AO27573">
        <v>21</v>
      </c>
      <c r="AP27573">
        <v>21</v>
      </c>
      <c r="AQ27573">
        <v>20</v>
      </c>
    </row>
    <row r="27574" spans="1:43">
      <c r="A27574" t="s">
        <v>17067</v>
      </c>
      <c r="B27574" t="s">
        <v>17068</v>
      </c>
      <c r="C27574" t="s">
        <v>17063</v>
      </c>
      <c r="D27574" t="s">
        <v>17064</v>
      </c>
      <c r="E27574" t="s">
        <v>16923</v>
      </c>
      <c r="F27574" t="s">
        <v>16924</v>
      </c>
      <c r="G27574" t="s">
        <v>16559</v>
      </c>
      <c r="H27574" t="s">
        <v>16560</v>
      </c>
      <c r="I27574" s="2">
        <v>1</v>
      </c>
      <c r="J27574" s="2">
        <v>0</v>
      </c>
      <c r="K27574" s="2">
        <v>0</v>
      </c>
      <c r="L27574" t="s">
        <v>120</v>
      </c>
      <c r="M27574" t="s">
        <v>83</v>
      </c>
      <c r="N27574" t="s">
        <v>84</v>
      </c>
      <c r="O27574" t="s">
        <v>85</v>
      </c>
      <c r="P27574" t="s">
        <v>86</v>
      </c>
      <c r="Q27574">
        <v>23</v>
      </c>
      <c r="R27574">
        <v>23</v>
      </c>
      <c r="S27574">
        <v>23</v>
      </c>
      <c r="T27574">
        <v>23</v>
      </c>
      <c r="U27574">
        <v>23</v>
      </c>
      <c r="V27574">
        <v>24</v>
      </c>
      <c r="W27574">
        <v>24</v>
      </c>
      <c r="X27574">
        <v>24</v>
      </c>
      <c r="Y27574">
        <v>24</v>
      </c>
      <c r="Z27574">
        <v>24</v>
      </c>
      <c r="AA27574">
        <v>24</v>
      </c>
      <c r="AB27574">
        <v>24</v>
      </c>
      <c r="AC27574">
        <v>24</v>
      </c>
      <c r="AD27574">
        <v>24</v>
      </c>
      <c r="AE27574">
        <v>25</v>
      </c>
      <c r="AF27574">
        <v>25</v>
      </c>
      <c r="AG27574">
        <v>25</v>
      </c>
      <c r="AH27574">
        <v>25</v>
      </c>
      <c r="AI27574">
        <v>25</v>
      </c>
      <c r="AJ27574">
        <v>25</v>
      </c>
      <c r="AK27574">
        <v>25</v>
      </c>
      <c r="AL27574">
        <v>25</v>
      </c>
      <c r="AM27574">
        <v>25</v>
      </c>
      <c r="AN27574">
        <v>25</v>
      </c>
      <c r="AO27574">
        <v>25</v>
      </c>
      <c r="AP27574">
        <v>25</v>
      </c>
      <c r="AQ27574">
        <v>24</v>
      </c>
    </row>
    <row r="27575" spans="1:43">
      <c r="A27575" t="s">
        <v>17067</v>
      </c>
      <c r="B27575" t="s">
        <v>17068</v>
      </c>
      <c r="C27575" t="s">
        <v>17063</v>
      </c>
      <c r="D27575" t="s">
        <v>17064</v>
      </c>
      <c r="E27575" t="s">
        <v>16923</v>
      </c>
      <c r="F27575" t="s">
        <v>16924</v>
      </c>
      <c r="G27575" t="s">
        <v>16559</v>
      </c>
      <c r="H27575" t="s">
        <v>16560</v>
      </c>
      <c r="I27575" s="2">
        <v>1</v>
      </c>
      <c r="J27575" s="2">
        <v>0</v>
      </c>
      <c r="K27575" s="2">
        <v>0</v>
      </c>
      <c r="L27575" t="s">
        <v>120</v>
      </c>
      <c r="M27575" t="s">
        <v>87</v>
      </c>
      <c r="N27575" t="s">
        <v>88</v>
      </c>
      <c r="O27575" t="s">
        <v>85</v>
      </c>
      <c r="P27575" t="s">
        <v>86</v>
      </c>
      <c r="Q27575">
        <v>23</v>
      </c>
      <c r="R27575">
        <v>23</v>
      </c>
      <c r="S27575">
        <v>22</v>
      </c>
      <c r="T27575">
        <v>22</v>
      </c>
      <c r="U27575">
        <v>22</v>
      </c>
      <c r="V27575">
        <v>22</v>
      </c>
      <c r="W27575">
        <v>22</v>
      </c>
      <c r="X27575">
        <v>22</v>
      </c>
      <c r="Y27575">
        <v>22</v>
      </c>
      <c r="Z27575">
        <v>22</v>
      </c>
      <c r="AA27575">
        <v>22</v>
      </c>
      <c r="AB27575">
        <v>22</v>
      </c>
      <c r="AC27575">
        <v>22</v>
      </c>
      <c r="AD27575">
        <v>22</v>
      </c>
      <c r="AE27575">
        <v>22</v>
      </c>
      <c r="AF27575">
        <v>22</v>
      </c>
      <c r="AG27575">
        <v>22</v>
      </c>
      <c r="AH27575">
        <v>22</v>
      </c>
      <c r="AI27575">
        <v>22</v>
      </c>
      <c r="AJ27575">
        <v>22</v>
      </c>
      <c r="AK27575">
        <v>21</v>
      </c>
      <c r="AL27575">
        <v>21</v>
      </c>
      <c r="AM27575">
        <v>21</v>
      </c>
      <c r="AN27575">
        <v>21</v>
      </c>
      <c r="AO27575">
        <v>21</v>
      </c>
      <c r="AP27575">
        <v>21</v>
      </c>
      <c r="AQ27575">
        <v>21</v>
      </c>
    </row>
    <row r="27576" spans="1:43">
      <c r="A27576" t="s">
        <v>17067</v>
      </c>
      <c r="B27576" t="s">
        <v>17068</v>
      </c>
      <c r="C27576" t="s">
        <v>17063</v>
      </c>
      <c r="D27576" t="s">
        <v>17064</v>
      </c>
      <c r="E27576" t="s">
        <v>16923</v>
      </c>
      <c r="F27576" t="s">
        <v>16924</v>
      </c>
      <c r="G27576" t="s">
        <v>16559</v>
      </c>
      <c r="H27576" t="s">
        <v>16560</v>
      </c>
      <c r="I27576" s="2">
        <v>1</v>
      </c>
      <c r="J27576" s="2">
        <v>0</v>
      </c>
      <c r="K27576" s="2">
        <v>0</v>
      </c>
      <c r="L27576" t="s">
        <v>120</v>
      </c>
      <c r="M27576" t="s">
        <v>89</v>
      </c>
      <c r="N27576" t="s">
        <v>90</v>
      </c>
      <c r="O27576" t="s">
        <v>85</v>
      </c>
      <c r="P27576" t="s">
        <v>86</v>
      </c>
      <c r="Q27576">
        <v>23</v>
      </c>
      <c r="R27576">
        <v>23</v>
      </c>
      <c r="S27576">
        <v>24</v>
      </c>
      <c r="T27576">
        <v>24</v>
      </c>
      <c r="U27576">
        <v>24</v>
      </c>
      <c r="V27576">
        <v>25</v>
      </c>
      <c r="W27576">
        <v>25</v>
      </c>
      <c r="X27576">
        <v>25</v>
      </c>
      <c r="Y27576">
        <v>25</v>
      </c>
      <c r="Z27576">
        <v>25</v>
      </c>
      <c r="AA27576">
        <v>26</v>
      </c>
      <c r="AB27576">
        <v>26</v>
      </c>
      <c r="AC27576">
        <v>26</v>
      </c>
      <c r="AD27576">
        <v>26</v>
      </c>
      <c r="AE27576">
        <v>26</v>
      </c>
      <c r="AF27576">
        <v>26</v>
      </c>
      <c r="AG27576">
        <v>26</v>
      </c>
      <c r="AH27576">
        <v>26</v>
      </c>
      <c r="AI27576">
        <v>26</v>
      </c>
      <c r="AJ27576">
        <v>26</v>
      </c>
      <c r="AK27576">
        <v>25</v>
      </c>
      <c r="AL27576">
        <v>25</v>
      </c>
      <c r="AM27576">
        <v>25</v>
      </c>
      <c r="AN27576">
        <v>25</v>
      </c>
      <c r="AO27576">
        <v>25</v>
      </c>
      <c r="AP27576">
        <v>25</v>
      </c>
      <c r="AQ27576">
        <v>25</v>
      </c>
    </row>
    <row r="27577" spans="1:43">
      <c r="A27577" t="s">
        <v>17067</v>
      </c>
      <c r="B27577" t="s">
        <v>17068</v>
      </c>
      <c r="C27577" t="s">
        <v>17063</v>
      </c>
      <c r="D27577" t="s">
        <v>17064</v>
      </c>
      <c r="E27577" t="s">
        <v>16923</v>
      </c>
      <c r="F27577" t="s">
        <v>16924</v>
      </c>
      <c r="G27577" t="s">
        <v>16559</v>
      </c>
      <c r="H27577" t="s">
        <v>16560</v>
      </c>
      <c r="I27577" s="2">
        <v>1</v>
      </c>
      <c r="J27577" s="2">
        <v>0</v>
      </c>
      <c r="K27577" s="2">
        <v>0</v>
      </c>
      <c r="L27577" t="s">
        <v>120</v>
      </c>
      <c r="M27577" t="s">
        <v>83</v>
      </c>
      <c r="N27577" t="s">
        <v>91</v>
      </c>
      <c r="O27577" t="s">
        <v>85</v>
      </c>
      <c r="P27577" t="s">
        <v>86</v>
      </c>
      <c r="Q27577">
        <v>23</v>
      </c>
      <c r="R27577">
        <v>23</v>
      </c>
      <c r="S27577">
        <v>23</v>
      </c>
      <c r="T27577">
        <v>23</v>
      </c>
      <c r="U27577">
        <v>23</v>
      </c>
      <c r="V27577">
        <v>24</v>
      </c>
      <c r="W27577">
        <v>24</v>
      </c>
      <c r="X27577">
        <v>24</v>
      </c>
      <c r="Y27577">
        <v>24</v>
      </c>
      <c r="Z27577">
        <v>24</v>
      </c>
      <c r="AA27577">
        <v>24</v>
      </c>
      <c r="AB27577">
        <v>24</v>
      </c>
      <c r="AC27577">
        <v>24</v>
      </c>
      <c r="AD27577">
        <v>24</v>
      </c>
      <c r="AE27577">
        <v>25</v>
      </c>
      <c r="AF27577">
        <v>25</v>
      </c>
      <c r="AG27577">
        <v>25</v>
      </c>
      <c r="AH27577">
        <v>25</v>
      </c>
      <c r="AI27577">
        <v>25</v>
      </c>
      <c r="AJ27577">
        <v>25</v>
      </c>
      <c r="AK27577">
        <v>25</v>
      </c>
      <c r="AL27577">
        <v>25</v>
      </c>
      <c r="AM27577">
        <v>25</v>
      </c>
      <c r="AN27577">
        <v>25</v>
      </c>
      <c r="AO27577">
        <v>25</v>
      </c>
      <c r="AP27577">
        <v>25</v>
      </c>
      <c r="AQ27577">
        <v>24</v>
      </c>
    </row>
    <row r="27578" spans="1:43">
      <c r="A27578" t="s">
        <v>17069</v>
      </c>
      <c r="B27578" t="s">
        <v>17070</v>
      </c>
      <c r="C27578" t="s">
        <v>17063</v>
      </c>
      <c r="D27578" t="s">
        <v>17064</v>
      </c>
      <c r="E27578" t="s">
        <v>16923</v>
      </c>
      <c r="F27578" t="s">
        <v>16924</v>
      </c>
      <c r="G27578" t="s">
        <v>16559</v>
      </c>
      <c r="H27578" t="s">
        <v>16560</v>
      </c>
      <c r="I27578" s="2">
        <v>1</v>
      </c>
      <c r="J27578" s="2">
        <v>0</v>
      </c>
      <c r="K27578" s="2">
        <v>0</v>
      </c>
      <c r="L27578" t="s">
        <v>120</v>
      </c>
      <c r="M27578" t="s">
        <v>83</v>
      </c>
      <c r="N27578" t="s">
        <v>84</v>
      </c>
      <c r="O27578" t="s">
        <v>85</v>
      </c>
      <c r="P27578" t="s">
        <v>86</v>
      </c>
      <c r="Q27578">
        <v>86</v>
      </c>
      <c r="R27578">
        <v>87</v>
      </c>
      <c r="S27578">
        <v>87</v>
      </c>
      <c r="T27578">
        <v>88</v>
      </c>
      <c r="U27578">
        <v>88</v>
      </c>
      <c r="V27578">
        <v>89</v>
      </c>
      <c r="W27578">
        <v>89</v>
      </c>
      <c r="X27578">
        <v>90</v>
      </c>
      <c r="Y27578">
        <v>90</v>
      </c>
      <c r="Z27578">
        <v>91</v>
      </c>
      <c r="AA27578">
        <v>91</v>
      </c>
      <c r="AB27578">
        <v>92</v>
      </c>
      <c r="AC27578">
        <v>92</v>
      </c>
      <c r="AD27578">
        <v>92</v>
      </c>
      <c r="AE27578">
        <v>93</v>
      </c>
      <c r="AF27578">
        <v>93</v>
      </c>
      <c r="AG27578">
        <v>94</v>
      </c>
      <c r="AH27578">
        <v>94</v>
      </c>
      <c r="AI27578">
        <v>94</v>
      </c>
      <c r="AJ27578">
        <v>95</v>
      </c>
      <c r="AK27578">
        <v>95</v>
      </c>
      <c r="AL27578">
        <v>95</v>
      </c>
      <c r="AM27578">
        <v>94</v>
      </c>
      <c r="AN27578">
        <v>94</v>
      </c>
      <c r="AO27578">
        <v>94</v>
      </c>
      <c r="AP27578">
        <v>93</v>
      </c>
      <c r="AQ27578">
        <v>93</v>
      </c>
    </row>
    <row r="27579" spans="1:43">
      <c r="A27579" t="s">
        <v>17069</v>
      </c>
      <c r="B27579" t="s">
        <v>17070</v>
      </c>
      <c r="C27579" t="s">
        <v>17063</v>
      </c>
      <c r="D27579" t="s">
        <v>17064</v>
      </c>
      <c r="E27579" t="s">
        <v>16923</v>
      </c>
      <c r="F27579" t="s">
        <v>16924</v>
      </c>
      <c r="G27579" t="s">
        <v>16559</v>
      </c>
      <c r="H27579" t="s">
        <v>16560</v>
      </c>
      <c r="I27579" s="2">
        <v>1</v>
      </c>
      <c r="J27579" s="2">
        <v>0</v>
      </c>
      <c r="K27579" s="2">
        <v>0</v>
      </c>
      <c r="L27579" t="s">
        <v>120</v>
      </c>
      <c r="M27579" t="s">
        <v>87</v>
      </c>
      <c r="N27579" t="s">
        <v>88</v>
      </c>
      <c r="O27579" t="s">
        <v>85</v>
      </c>
      <c r="P27579" t="s">
        <v>86</v>
      </c>
      <c r="Q27579">
        <v>86</v>
      </c>
      <c r="R27579">
        <v>86</v>
      </c>
      <c r="S27579">
        <v>86</v>
      </c>
      <c r="T27579">
        <v>86</v>
      </c>
      <c r="U27579">
        <v>85</v>
      </c>
      <c r="V27579">
        <v>85</v>
      </c>
      <c r="W27579">
        <v>85</v>
      </c>
      <c r="X27579">
        <v>85</v>
      </c>
      <c r="Y27579">
        <v>85</v>
      </c>
      <c r="Z27579">
        <v>84</v>
      </c>
      <c r="AA27579">
        <v>84</v>
      </c>
      <c r="AB27579">
        <v>84</v>
      </c>
      <c r="AC27579">
        <v>84</v>
      </c>
      <c r="AD27579">
        <v>84</v>
      </c>
      <c r="AE27579">
        <v>83</v>
      </c>
      <c r="AF27579">
        <v>83</v>
      </c>
      <c r="AG27579">
        <v>83</v>
      </c>
      <c r="AH27579">
        <v>83</v>
      </c>
      <c r="AI27579">
        <v>83</v>
      </c>
      <c r="AJ27579">
        <v>83</v>
      </c>
      <c r="AK27579">
        <v>82</v>
      </c>
      <c r="AL27579">
        <v>82</v>
      </c>
      <c r="AM27579">
        <v>82</v>
      </c>
      <c r="AN27579">
        <v>82</v>
      </c>
      <c r="AO27579">
        <v>82</v>
      </c>
      <c r="AP27579">
        <v>82</v>
      </c>
      <c r="AQ27579">
        <v>82</v>
      </c>
    </row>
    <row r="27580" spans="1:43">
      <c r="A27580" t="s">
        <v>17069</v>
      </c>
      <c r="B27580" t="s">
        <v>17070</v>
      </c>
      <c r="C27580" t="s">
        <v>17063</v>
      </c>
      <c r="D27580" t="s">
        <v>17064</v>
      </c>
      <c r="E27580" t="s">
        <v>16923</v>
      </c>
      <c r="F27580" t="s">
        <v>16924</v>
      </c>
      <c r="G27580" t="s">
        <v>16559</v>
      </c>
      <c r="H27580" t="s">
        <v>16560</v>
      </c>
      <c r="I27580" s="2">
        <v>1</v>
      </c>
      <c r="J27580" s="2">
        <v>0</v>
      </c>
      <c r="K27580" s="2">
        <v>0</v>
      </c>
      <c r="L27580" t="s">
        <v>120</v>
      </c>
      <c r="M27580" t="s">
        <v>89</v>
      </c>
      <c r="N27580" t="s">
        <v>90</v>
      </c>
      <c r="O27580" t="s">
        <v>85</v>
      </c>
      <c r="P27580" t="s">
        <v>86</v>
      </c>
      <c r="Q27580">
        <v>86</v>
      </c>
      <c r="R27580">
        <v>87</v>
      </c>
      <c r="S27580">
        <v>88</v>
      </c>
      <c r="T27580">
        <v>90</v>
      </c>
      <c r="U27580">
        <v>91</v>
      </c>
      <c r="V27580">
        <v>92</v>
      </c>
      <c r="W27580">
        <v>93</v>
      </c>
      <c r="X27580">
        <v>94</v>
      </c>
      <c r="Y27580">
        <v>94</v>
      </c>
      <c r="Z27580">
        <v>95</v>
      </c>
      <c r="AA27580">
        <v>96</v>
      </c>
      <c r="AB27580">
        <v>97</v>
      </c>
      <c r="AC27580">
        <v>97</v>
      </c>
      <c r="AD27580">
        <v>98</v>
      </c>
      <c r="AE27580">
        <v>98</v>
      </c>
      <c r="AF27580">
        <v>98</v>
      </c>
      <c r="AG27580">
        <v>97</v>
      </c>
      <c r="AH27580">
        <v>97</v>
      </c>
      <c r="AI27580">
        <v>97</v>
      </c>
      <c r="AJ27580">
        <v>96</v>
      </c>
      <c r="AK27580">
        <v>96</v>
      </c>
      <c r="AL27580">
        <v>95</v>
      </c>
      <c r="AM27580">
        <v>95</v>
      </c>
      <c r="AN27580">
        <v>94</v>
      </c>
      <c r="AO27580">
        <v>94</v>
      </c>
      <c r="AP27580">
        <v>94</v>
      </c>
      <c r="AQ27580">
        <v>93</v>
      </c>
    </row>
    <row r="27581" spans="1:43">
      <c r="A27581" t="s">
        <v>17069</v>
      </c>
      <c r="B27581" t="s">
        <v>17070</v>
      </c>
      <c r="C27581" t="s">
        <v>17063</v>
      </c>
      <c r="D27581" t="s">
        <v>17064</v>
      </c>
      <c r="E27581" t="s">
        <v>16923</v>
      </c>
      <c r="F27581" t="s">
        <v>16924</v>
      </c>
      <c r="G27581" t="s">
        <v>16559</v>
      </c>
      <c r="H27581" t="s">
        <v>16560</v>
      </c>
      <c r="I27581" s="2">
        <v>1</v>
      </c>
      <c r="J27581" s="2">
        <v>0</v>
      </c>
      <c r="K27581" s="2">
        <v>0</v>
      </c>
      <c r="L27581" t="s">
        <v>120</v>
      </c>
      <c r="M27581" t="s">
        <v>83</v>
      </c>
      <c r="N27581" t="s">
        <v>91</v>
      </c>
      <c r="O27581" t="s">
        <v>85</v>
      </c>
      <c r="P27581" t="s">
        <v>86</v>
      </c>
      <c r="Q27581">
        <v>86</v>
      </c>
      <c r="R27581">
        <v>87</v>
      </c>
      <c r="S27581">
        <v>87</v>
      </c>
      <c r="T27581">
        <v>88</v>
      </c>
      <c r="U27581">
        <v>88</v>
      </c>
      <c r="V27581">
        <v>89</v>
      </c>
      <c r="W27581">
        <v>89</v>
      </c>
      <c r="X27581">
        <v>90</v>
      </c>
      <c r="Y27581">
        <v>90</v>
      </c>
      <c r="Z27581">
        <v>91</v>
      </c>
      <c r="AA27581">
        <v>91</v>
      </c>
      <c r="AB27581">
        <v>92</v>
      </c>
      <c r="AC27581">
        <v>92</v>
      </c>
      <c r="AD27581">
        <v>92</v>
      </c>
      <c r="AE27581">
        <v>93</v>
      </c>
      <c r="AF27581">
        <v>93</v>
      </c>
      <c r="AG27581">
        <v>94</v>
      </c>
      <c r="AH27581">
        <v>94</v>
      </c>
      <c r="AI27581">
        <v>94</v>
      </c>
      <c r="AJ27581">
        <v>95</v>
      </c>
      <c r="AK27581">
        <v>95</v>
      </c>
      <c r="AL27581">
        <v>95</v>
      </c>
      <c r="AM27581">
        <v>94</v>
      </c>
      <c r="AN27581">
        <v>94</v>
      </c>
      <c r="AO27581">
        <v>94</v>
      </c>
      <c r="AP27581">
        <v>93</v>
      </c>
      <c r="AQ27581">
        <v>93</v>
      </c>
    </row>
    <row r="27582" spans="1:43">
      <c r="A27582" t="s">
        <v>17071</v>
      </c>
      <c r="B27582" t="s">
        <v>17072</v>
      </c>
      <c r="C27582" t="s">
        <v>17063</v>
      </c>
      <c r="D27582" t="s">
        <v>17064</v>
      </c>
      <c r="E27582" t="s">
        <v>16923</v>
      </c>
      <c r="F27582" t="s">
        <v>16924</v>
      </c>
      <c r="G27582" t="s">
        <v>16559</v>
      </c>
      <c r="H27582" t="s">
        <v>16560</v>
      </c>
      <c r="I27582" s="2">
        <v>1</v>
      </c>
      <c r="J27582" s="2">
        <v>0</v>
      </c>
      <c r="K27582" s="2">
        <v>0</v>
      </c>
      <c r="L27582" t="s">
        <v>120</v>
      </c>
      <c r="M27582" t="s">
        <v>83</v>
      </c>
      <c r="N27582" t="s">
        <v>84</v>
      </c>
      <c r="O27582" t="s">
        <v>85</v>
      </c>
      <c r="P27582" t="s">
        <v>86</v>
      </c>
      <c r="Q27582">
        <v>14</v>
      </c>
      <c r="R27582">
        <v>14</v>
      </c>
      <c r="S27582">
        <v>14</v>
      </c>
      <c r="T27582">
        <v>14</v>
      </c>
      <c r="U27582">
        <v>14</v>
      </c>
      <c r="V27582">
        <v>14</v>
      </c>
      <c r="W27582">
        <v>14</v>
      </c>
      <c r="X27582">
        <v>15</v>
      </c>
      <c r="Y27582">
        <v>15</v>
      </c>
      <c r="Z27582">
        <v>15</v>
      </c>
      <c r="AA27582">
        <v>15</v>
      </c>
      <c r="AB27582">
        <v>15</v>
      </c>
      <c r="AC27582">
        <v>15</v>
      </c>
      <c r="AD27582">
        <v>15</v>
      </c>
      <c r="AE27582">
        <v>15</v>
      </c>
      <c r="AF27582">
        <v>15</v>
      </c>
      <c r="AG27582">
        <v>15</v>
      </c>
      <c r="AH27582">
        <v>15</v>
      </c>
      <c r="AI27582">
        <v>15</v>
      </c>
      <c r="AJ27582">
        <v>15</v>
      </c>
      <c r="AK27582">
        <v>15</v>
      </c>
      <c r="AL27582">
        <v>15</v>
      </c>
      <c r="AM27582">
        <v>15</v>
      </c>
      <c r="AN27582">
        <v>15</v>
      </c>
      <c r="AO27582">
        <v>15</v>
      </c>
      <c r="AP27582">
        <v>15</v>
      </c>
      <c r="AQ27582">
        <v>15</v>
      </c>
    </row>
    <row r="27583" spans="1:43">
      <c r="A27583" t="s">
        <v>17071</v>
      </c>
      <c r="B27583" t="s">
        <v>17072</v>
      </c>
      <c r="C27583" t="s">
        <v>17063</v>
      </c>
      <c r="D27583" t="s">
        <v>17064</v>
      </c>
      <c r="E27583" t="s">
        <v>16923</v>
      </c>
      <c r="F27583" t="s">
        <v>16924</v>
      </c>
      <c r="G27583" t="s">
        <v>16559</v>
      </c>
      <c r="H27583" t="s">
        <v>16560</v>
      </c>
      <c r="I27583" s="2">
        <v>1</v>
      </c>
      <c r="J27583" s="2">
        <v>0</v>
      </c>
      <c r="K27583" s="2">
        <v>0</v>
      </c>
      <c r="L27583" t="s">
        <v>120</v>
      </c>
      <c r="M27583" t="s">
        <v>87</v>
      </c>
      <c r="N27583" t="s">
        <v>88</v>
      </c>
      <c r="O27583" t="s">
        <v>85</v>
      </c>
      <c r="P27583" t="s">
        <v>86</v>
      </c>
      <c r="Q27583">
        <v>14</v>
      </c>
      <c r="R27583">
        <v>14</v>
      </c>
      <c r="S27583">
        <v>14</v>
      </c>
      <c r="T27583">
        <v>14</v>
      </c>
      <c r="U27583">
        <v>14</v>
      </c>
      <c r="V27583">
        <v>14</v>
      </c>
      <c r="W27583">
        <v>14</v>
      </c>
      <c r="X27583">
        <v>14</v>
      </c>
      <c r="Y27583">
        <v>14</v>
      </c>
      <c r="Z27583">
        <v>13</v>
      </c>
      <c r="AA27583">
        <v>13</v>
      </c>
      <c r="AB27583">
        <v>13</v>
      </c>
      <c r="AC27583">
        <v>13</v>
      </c>
      <c r="AD27583">
        <v>13</v>
      </c>
      <c r="AE27583">
        <v>13</v>
      </c>
      <c r="AF27583">
        <v>13</v>
      </c>
      <c r="AG27583">
        <v>13</v>
      </c>
      <c r="AH27583">
        <v>13</v>
      </c>
      <c r="AI27583">
        <v>13</v>
      </c>
      <c r="AJ27583">
        <v>13</v>
      </c>
      <c r="AK27583">
        <v>13</v>
      </c>
      <c r="AL27583">
        <v>13</v>
      </c>
      <c r="AM27583">
        <v>13</v>
      </c>
      <c r="AN27583">
        <v>13</v>
      </c>
      <c r="AO27583">
        <v>13</v>
      </c>
      <c r="AP27583">
        <v>13</v>
      </c>
      <c r="AQ27583">
        <v>13</v>
      </c>
    </row>
    <row r="27584" spans="1:43">
      <c r="A27584" t="s">
        <v>17071</v>
      </c>
      <c r="B27584" t="s">
        <v>17072</v>
      </c>
      <c r="C27584" t="s">
        <v>17063</v>
      </c>
      <c r="D27584" t="s">
        <v>17064</v>
      </c>
      <c r="E27584" t="s">
        <v>16923</v>
      </c>
      <c r="F27584" t="s">
        <v>16924</v>
      </c>
      <c r="G27584" t="s">
        <v>16559</v>
      </c>
      <c r="H27584" t="s">
        <v>16560</v>
      </c>
      <c r="I27584" s="2">
        <v>1</v>
      </c>
      <c r="J27584" s="2">
        <v>0</v>
      </c>
      <c r="K27584" s="2">
        <v>0</v>
      </c>
      <c r="L27584" t="s">
        <v>120</v>
      </c>
      <c r="M27584" t="s">
        <v>89</v>
      </c>
      <c r="N27584" t="s">
        <v>90</v>
      </c>
      <c r="O27584" t="s">
        <v>85</v>
      </c>
      <c r="P27584" t="s">
        <v>86</v>
      </c>
      <c r="Q27584">
        <v>14</v>
      </c>
      <c r="R27584">
        <v>14</v>
      </c>
      <c r="S27584">
        <v>14</v>
      </c>
      <c r="T27584">
        <v>15</v>
      </c>
      <c r="U27584">
        <v>15</v>
      </c>
      <c r="V27584">
        <v>15</v>
      </c>
      <c r="W27584">
        <v>15</v>
      </c>
      <c r="X27584">
        <v>15</v>
      </c>
      <c r="Y27584">
        <v>15</v>
      </c>
      <c r="Z27584">
        <v>16</v>
      </c>
      <c r="AA27584">
        <v>16</v>
      </c>
      <c r="AB27584">
        <v>16</v>
      </c>
      <c r="AC27584">
        <v>16</v>
      </c>
      <c r="AD27584">
        <v>16</v>
      </c>
      <c r="AE27584">
        <v>16</v>
      </c>
      <c r="AF27584">
        <v>16</v>
      </c>
      <c r="AG27584">
        <v>16</v>
      </c>
      <c r="AH27584">
        <v>16</v>
      </c>
      <c r="AI27584">
        <v>16</v>
      </c>
      <c r="AJ27584">
        <v>16</v>
      </c>
      <c r="AK27584">
        <v>16</v>
      </c>
      <c r="AL27584">
        <v>16</v>
      </c>
      <c r="AM27584">
        <v>15</v>
      </c>
      <c r="AN27584">
        <v>15</v>
      </c>
      <c r="AO27584">
        <v>15</v>
      </c>
      <c r="AP27584">
        <v>15</v>
      </c>
      <c r="AQ27584">
        <v>15</v>
      </c>
    </row>
    <row r="27585" spans="1:43">
      <c r="A27585" t="s">
        <v>17071</v>
      </c>
      <c r="B27585" t="s">
        <v>17072</v>
      </c>
      <c r="C27585" t="s">
        <v>17063</v>
      </c>
      <c r="D27585" t="s">
        <v>17064</v>
      </c>
      <c r="E27585" t="s">
        <v>16923</v>
      </c>
      <c r="F27585" t="s">
        <v>16924</v>
      </c>
      <c r="G27585" t="s">
        <v>16559</v>
      </c>
      <c r="H27585" t="s">
        <v>16560</v>
      </c>
      <c r="I27585" s="2">
        <v>1</v>
      </c>
      <c r="J27585" s="2">
        <v>0</v>
      </c>
      <c r="K27585" s="2">
        <v>0</v>
      </c>
      <c r="L27585" t="s">
        <v>120</v>
      </c>
      <c r="M27585" t="s">
        <v>83</v>
      </c>
      <c r="N27585" t="s">
        <v>91</v>
      </c>
      <c r="O27585" t="s">
        <v>85</v>
      </c>
      <c r="P27585" t="s">
        <v>86</v>
      </c>
      <c r="Q27585">
        <v>14</v>
      </c>
      <c r="R27585">
        <v>14</v>
      </c>
      <c r="S27585">
        <v>14</v>
      </c>
      <c r="T27585">
        <v>14</v>
      </c>
      <c r="U27585">
        <v>14</v>
      </c>
      <c r="V27585">
        <v>14</v>
      </c>
      <c r="W27585">
        <v>14</v>
      </c>
      <c r="X27585">
        <v>15</v>
      </c>
      <c r="Y27585">
        <v>15</v>
      </c>
      <c r="Z27585">
        <v>15</v>
      </c>
      <c r="AA27585">
        <v>15</v>
      </c>
      <c r="AB27585">
        <v>15</v>
      </c>
      <c r="AC27585">
        <v>15</v>
      </c>
      <c r="AD27585">
        <v>15</v>
      </c>
      <c r="AE27585">
        <v>15</v>
      </c>
      <c r="AF27585">
        <v>15</v>
      </c>
      <c r="AG27585">
        <v>15</v>
      </c>
      <c r="AH27585">
        <v>15</v>
      </c>
      <c r="AI27585">
        <v>15</v>
      </c>
      <c r="AJ27585">
        <v>15</v>
      </c>
      <c r="AK27585">
        <v>15</v>
      </c>
      <c r="AL27585">
        <v>15</v>
      </c>
      <c r="AM27585">
        <v>15</v>
      </c>
      <c r="AN27585">
        <v>15</v>
      </c>
      <c r="AO27585">
        <v>15</v>
      </c>
      <c r="AP27585">
        <v>15</v>
      </c>
      <c r="AQ27585">
        <v>15</v>
      </c>
    </row>
    <row r="27586" spans="1:43">
      <c r="A27586" t="s">
        <v>17073</v>
      </c>
      <c r="B27586" t="s">
        <v>17074</v>
      </c>
      <c r="C27586" t="s">
        <v>16991</v>
      </c>
      <c r="D27586" t="s">
        <v>16992</v>
      </c>
      <c r="E27586" t="s">
        <v>16923</v>
      </c>
      <c r="F27586" t="s">
        <v>16924</v>
      </c>
      <c r="G27586" t="s">
        <v>16559</v>
      </c>
      <c r="H27586" t="s">
        <v>16560</v>
      </c>
      <c r="I27586" s="2">
        <v>1</v>
      </c>
      <c r="J27586" s="2">
        <v>0</v>
      </c>
      <c r="K27586" s="2">
        <v>0</v>
      </c>
      <c r="L27586" t="s">
        <v>120</v>
      </c>
      <c r="M27586" t="s">
        <v>83</v>
      </c>
      <c r="N27586" t="s">
        <v>84</v>
      </c>
      <c r="O27586" t="s">
        <v>85</v>
      </c>
      <c r="P27586" t="s">
        <v>86</v>
      </c>
      <c r="Q27586">
        <v>26</v>
      </c>
      <c r="R27586">
        <v>26</v>
      </c>
      <c r="S27586">
        <v>26</v>
      </c>
      <c r="T27586">
        <v>26</v>
      </c>
      <c r="U27586">
        <v>27</v>
      </c>
      <c r="V27586">
        <v>27</v>
      </c>
      <c r="W27586">
        <v>27</v>
      </c>
      <c r="X27586">
        <v>27</v>
      </c>
      <c r="Y27586">
        <v>27</v>
      </c>
      <c r="Z27586">
        <v>27</v>
      </c>
      <c r="AA27586">
        <v>27</v>
      </c>
      <c r="AB27586">
        <v>27</v>
      </c>
      <c r="AC27586">
        <v>28</v>
      </c>
      <c r="AD27586">
        <v>28</v>
      </c>
      <c r="AE27586">
        <v>28</v>
      </c>
      <c r="AF27586">
        <v>28</v>
      </c>
      <c r="AG27586">
        <v>28</v>
      </c>
      <c r="AH27586">
        <v>28</v>
      </c>
      <c r="AI27586">
        <v>28</v>
      </c>
      <c r="AJ27586">
        <v>28</v>
      </c>
      <c r="AK27586">
        <v>28</v>
      </c>
      <c r="AL27586">
        <v>28</v>
      </c>
      <c r="AM27586">
        <v>28</v>
      </c>
      <c r="AN27586">
        <v>28</v>
      </c>
      <c r="AO27586">
        <v>28</v>
      </c>
      <c r="AP27586">
        <v>28</v>
      </c>
      <c r="AQ27586">
        <v>27</v>
      </c>
    </row>
    <row r="27587" spans="1:43">
      <c r="A27587" t="s">
        <v>17073</v>
      </c>
      <c r="B27587" t="s">
        <v>17074</v>
      </c>
      <c r="C27587" t="s">
        <v>16991</v>
      </c>
      <c r="D27587" t="s">
        <v>16992</v>
      </c>
      <c r="E27587" t="s">
        <v>16923</v>
      </c>
      <c r="F27587" t="s">
        <v>16924</v>
      </c>
      <c r="G27587" t="s">
        <v>16559</v>
      </c>
      <c r="H27587" t="s">
        <v>16560</v>
      </c>
      <c r="I27587" s="2">
        <v>1</v>
      </c>
      <c r="J27587" s="2">
        <v>0</v>
      </c>
      <c r="K27587" s="2">
        <v>0</v>
      </c>
      <c r="L27587" t="s">
        <v>120</v>
      </c>
      <c r="M27587" t="s">
        <v>87</v>
      </c>
      <c r="N27587" t="s">
        <v>88</v>
      </c>
      <c r="O27587" t="s">
        <v>85</v>
      </c>
      <c r="P27587" t="s">
        <v>86</v>
      </c>
      <c r="Q27587">
        <v>26</v>
      </c>
      <c r="R27587">
        <v>26</v>
      </c>
      <c r="S27587">
        <v>26</v>
      </c>
      <c r="T27587">
        <v>25</v>
      </c>
      <c r="U27587">
        <v>25</v>
      </c>
      <c r="V27587">
        <v>25</v>
      </c>
      <c r="W27587">
        <v>25</v>
      </c>
      <c r="X27587">
        <v>25</v>
      </c>
      <c r="Y27587">
        <v>25</v>
      </c>
      <c r="Z27587">
        <v>25</v>
      </c>
      <c r="AA27587">
        <v>25</v>
      </c>
      <c r="AB27587">
        <v>25</v>
      </c>
      <c r="AC27587">
        <v>25</v>
      </c>
      <c r="AD27587">
        <v>25</v>
      </c>
      <c r="AE27587">
        <v>25</v>
      </c>
      <c r="AF27587">
        <v>25</v>
      </c>
      <c r="AG27587">
        <v>24</v>
      </c>
      <c r="AH27587">
        <v>24</v>
      </c>
      <c r="AI27587">
        <v>24</v>
      </c>
      <c r="AJ27587">
        <v>24</v>
      </c>
      <c r="AK27587">
        <v>24</v>
      </c>
      <c r="AL27587">
        <v>24</v>
      </c>
      <c r="AM27587">
        <v>24</v>
      </c>
      <c r="AN27587">
        <v>24</v>
      </c>
      <c r="AO27587">
        <v>24</v>
      </c>
      <c r="AP27587">
        <v>24</v>
      </c>
      <c r="AQ27587">
        <v>24</v>
      </c>
    </row>
    <row r="27588" spans="1:43">
      <c r="A27588" t="s">
        <v>17073</v>
      </c>
      <c r="B27588" t="s">
        <v>17074</v>
      </c>
      <c r="C27588" t="s">
        <v>16991</v>
      </c>
      <c r="D27588" t="s">
        <v>16992</v>
      </c>
      <c r="E27588" t="s">
        <v>16923</v>
      </c>
      <c r="F27588" t="s">
        <v>16924</v>
      </c>
      <c r="G27588" t="s">
        <v>16559</v>
      </c>
      <c r="H27588" t="s">
        <v>16560</v>
      </c>
      <c r="I27588" s="2">
        <v>1</v>
      </c>
      <c r="J27588" s="2">
        <v>0</v>
      </c>
      <c r="K27588" s="2">
        <v>0</v>
      </c>
      <c r="L27588" t="s">
        <v>120</v>
      </c>
      <c r="M27588" t="s">
        <v>89</v>
      </c>
      <c r="N27588" t="s">
        <v>90</v>
      </c>
      <c r="O27588" t="s">
        <v>85</v>
      </c>
      <c r="P27588" t="s">
        <v>86</v>
      </c>
      <c r="Q27588">
        <v>26</v>
      </c>
      <c r="R27588">
        <v>27</v>
      </c>
      <c r="S27588">
        <v>27</v>
      </c>
      <c r="T27588">
        <v>27</v>
      </c>
      <c r="U27588">
        <v>28</v>
      </c>
      <c r="V27588">
        <v>28</v>
      </c>
      <c r="W27588">
        <v>28</v>
      </c>
      <c r="X27588">
        <v>28</v>
      </c>
      <c r="Y27588">
        <v>29</v>
      </c>
      <c r="Z27588">
        <v>29</v>
      </c>
      <c r="AA27588">
        <v>29</v>
      </c>
      <c r="AB27588">
        <v>29</v>
      </c>
      <c r="AC27588">
        <v>30</v>
      </c>
      <c r="AD27588">
        <v>30</v>
      </c>
      <c r="AE27588">
        <v>30</v>
      </c>
      <c r="AF27588">
        <v>30</v>
      </c>
      <c r="AG27588">
        <v>29</v>
      </c>
      <c r="AH27588">
        <v>29</v>
      </c>
      <c r="AI27588">
        <v>29</v>
      </c>
      <c r="AJ27588">
        <v>29</v>
      </c>
      <c r="AK27588">
        <v>29</v>
      </c>
      <c r="AL27588">
        <v>29</v>
      </c>
      <c r="AM27588">
        <v>28</v>
      </c>
      <c r="AN27588">
        <v>28</v>
      </c>
      <c r="AO27588">
        <v>28</v>
      </c>
      <c r="AP27588">
        <v>28</v>
      </c>
      <c r="AQ27588">
        <v>28</v>
      </c>
    </row>
    <row r="27589" spans="1:43">
      <c r="A27589" t="s">
        <v>17073</v>
      </c>
      <c r="B27589" t="s">
        <v>17074</v>
      </c>
      <c r="C27589" t="s">
        <v>16991</v>
      </c>
      <c r="D27589" t="s">
        <v>16992</v>
      </c>
      <c r="E27589" t="s">
        <v>16923</v>
      </c>
      <c r="F27589" t="s">
        <v>16924</v>
      </c>
      <c r="G27589" t="s">
        <v>16559</v>
      </c>
      <c r="H27589" t="s">
        <v>16560</v>
      </c>
      <c r="I27589" s="2">
        <v>1</v>
      </c>
      <c r="J27589" s="2">
        <v>0</v>
      </c>
      <c r="K27589" s="2">
        <v>0</v>
      </c>
      <c r="L27589" t="s">
        <v>120</v>
      </c>
      <c r="M27589" t="s">
        <v>83</v>
      </c>
      <c r="N27589" t="s">
        <v>91</v>
      </c>
      <c r="O27589" t="s">
        <v>85</v>
      </c>
      <c r="P27589" t="s">
        <v>86</v>
      </c>
      <c r="Q27589">
        <v>26</v>
      </c>
      <c r="R27589">
        <v>26</v>
      </c>
      <c r="S27589">
        <v>26</v>
      </c>
      <c r="T27589">
        <v>26</v>
      </c>
      <c r="U27589">
        <v>27</v>
      </c>
      <c r="V27589">
        <v>27</v>
      </c>
      <c r="W27589">
        <v>27</v>
      </c>
      <c r="X27589">
        <v>27</v>
      </c>
      <c r="Y27589">
        <v>27</v>
      </c>
      <c r="Z27589">
        <v>27</v>
      </c>
      <c r="AA27589">
        <v>27</v>
      </c>
      <c r="AB27589">
        <v>27</v>
      </c>
      <c r="AC27589">
        <v>28</v>
      </c>
      <c r="AD27589">
        <v>28</v>
      </c>
      <c r="AE27589">
        <v>28</v>
      </c>
      <c r="AF27589">
        <v>28</v>
      </c>
      <c r="AG27589">
        <v>28</v>
      </c>
      <c r="AH27589">
        <v>28</v>
      </c>
      <c r="AI27589">
        <v>28</v>
      </c>
      <c r="AJ27589">
        <v>28</v>
      </c>
      <c r="AK27589">
        <v>28</v>
      </c>
      <c r="AL27589">
        <v>28</v>
      </c>
      <c r="AM27589">
        <v>28</v>
      </c>
      <c r="AN27589">
        <v>28</v>
      </c>
      <c r="AO27589">
        <v>28</v>
      </c>
      <c r="AP27589">
        <v>28</v>
      </c>
      <c r="AQ27589">
        <v>27</v>
      </c>
    </row>
    <row r="27590" spans="1:43">
      <c r="A27590" t="s">
        <v>17075</v>
      </c>
      <c r="B27590" t="s">
        <v>17076</v>
      </c>
      <c r="C27590" t="s">
        <v>16991</v>
      </c>
      <c r="D27590" t="s">
        <v>16992</v>
      </c>
      <c r="E27590" t="s">
        <v>16923</v>
      </c>
      <c r="F27590" t="s">
        <v>16924</v>
      </c>
      <c r="G27590" t="s">
        <v>16559</v>
      </c>
      <c r="H27590" t="s">
        <v>16560</v>
      </c>
      <c r="I27590" s="2">
        <v>1</v>
      </c>
      <c r="J27590" s="2">
        <v>0</v>
      </c>
      <c r="K27590" s="2">
        <v>0</v>
      </c>
      <c r="L27590" t="s">
        <v>120</v>
      </c>
      <c r="M27590" t="s">
        <v>83</v>
      </c>
      <c r="N27590" t="s">
        <v>84</v>
      </c>
      <c r="O27590" t="s">
        <v>85</v>
      </c>
      <c r="P27590" t="s">
        <v>86</v>
      </c>
      <c r="Q27590">
        <v>28</v>
      </c>
      <c r="R27590">
        <v>28</v>
      </c>
      <c r="S27590">
        <v>29</v>
      </c>
      <c r="T27590">
        <v>29</v>
      </c>
      <c r="U27590">
        <v>29</v>
      </c>
      <c r="V27590">
        <v>29</v>
      </c>
      <c r="W27590">
        <v>29</v>
      </c>
      <c r="X27590">
        <v>29</v>
      </c>
      <c r="Y27590">
        <v>29</v>
      </c>
      <c r="Z27590">
        <v>30</v>
      </c>
      <c r="AA27590">
        <v>30</v>
      </c>
      <c r="AB27590">
        <v>30</v>
      </c>
      <c r="AC27590">
        <v>30</v>
      </c>
      <c r="AD27590">
        <v>30</v>
      </c>
      <c r="AE27590">
        <v>30</v>
      </c>
      <c r="AF27590">
        <v>30</v>
      </c>
      <c r="AG27590">
        <v>30</v>
      </c>
      <c r="AH27590">
        <v>30</v>
      </c>
      <c r="AI27590">
        <v>31</v>
      </c>
      <c r="AJ27590">
        <v>31</v>
      </c>
      <c r="AK27590">
        <v>31</v>
      </c>
      <c r="AL27590">
        <v>31</v>
      </c>
      <c r="AM27590">
        <v>30</v>
      </c>
      <c r="AN27590">
        <v>30</v>
      </c>
      <c r="AO27590">
        <v>30</v>
      </c>
      <c r="AP27590">
        <v>30</v>
      </c>
      <c r="AQ27590">
        <v>30</v>
      </c>
    </row>
    <row r="27591" spans="1:43">
      <c r="A27591" t="s">
        <v>17075</v>
      </c>
      <c r="B27591" t="s">
        <v>17076</v>
      </c>
      <c r="C27591" t="s">
        <v>16991</v>
      </c>
      <c r="D27591" t="s">
        <v>16992</v>
      </c>
      <c r="E27591" t="s">
        <v>16923</v>
      </c>
      <c r="F27591" t="s">
        <v>16924</v>
      </c>
      <c r="G27591" t="s">
        <v>16559</v>
      </c>
      <c r="H27591" t="s">
        <v>16560</v>
      </c>
      <c r="I27591" s="2">
        <v>1</v>
      </c>
      <c r="J27591" s="2">
        <v>0</v>
      </c>
      <c r="K27591" s="2">
        <v>0</v>
      </c>
      <c r="L27591" t="s">
        <v>120</v>
      </c>
      <c r="M27591" t="s">
        <v>87</v>
      </c>
      <c r="N27591" t="s">
        <v>88</v>
      </c>
      <c r="O27591" t="s">
        <v>85</v>
      </c>
      <c r="P27591" t="s">
        <v>86</v>
      </c>
      <c r="Q27591">
        <v>28</v>
      </c>
      <c r="R27591">
        <v>28</v>
      </c>
      <c r="S27591">
        <v>28</v>
      </c>
      <c r="T27591">
        <v>28</v>
      </c>
      <c r="U27591">
        <v>28</v>
      </c>
      <c r="V27591">
        <v>27</v>
      </c>
      <c r="W27591">
        <v>27</v>
      </c>
      <c r="X27591">
        <v>27</v>
      </c>
      <c r="Y27591">
        <v>27</v>
      </c>
      <c r="Z27591">
        <v>27</v>
      </c>
      <c r="AA27591">
        <v>27</v>
      </c>
      <c r="AB27591">
        <v>27</v>
      </c>
      <c r="AC27591">
        <v>27</v>
      </c>
      <c r="AD27591">
        <v>27</v>
      </c>
      <c r="AE27591">
        <v>27</v>
      </c>
      <c r="AF27591">
        <v>27</v>
      </c>
      <c r="AG27591">
        <v>27</v>
      </c>
      <c r="AH27591">
        <v>26</v>
      </c>
      <c r="AI27591">
        <v>26</v>
      </c>
      <c r="AJ27591">
        <v>26</v>
      </c>
      <c r="AK27591">
        <v>26</v>
      </c>
      <c r="AL27591">
        <v>26</v>
      </c>
      <c r="AM27591">
        <v>26</v>
      </c>
      <c r="AN27591">
        <v>26</v>
      </c>
      <c r="AO27591">
        <v>26</v>
      </c>
      <c r="AP27591">
        <v>26</v>
      </c>
      <c r="AQ27591">
        <v>26</v>
      </c>
    </row>
    <row r="27592" spans="1:43">
      <c r="A27592" t="s">
        <v>17075</v>
      </c>
      <c r="B27592" t="s">
        <v>17076</v>
      </c>
      <c r="C27592" t="s">
        <v>16991</v>
      </c>
      <c r="D27592" t="s">
        <v>16992</v>
      </c>
      <c r="E27592" t="s">
        <v>16923</v>
      </c>
      <c r="F27592" t="s">
        <v>16924</v>
      </c>
      <c r="G27592" t="s">
        <v>16559</v>
      </c>
      <c r="H27592" t="s">
        <v>16560</v>
      </c>
      <c r="I27592" s="2">
        <v>1</v>
      </c>
      <c r="J27592" s="2">
        <v>0</v>
      </c>
      <c r="K27592" s="2">
        <v>0</v>
      </c>
      <c r="L27592" t="s">
        <v>120</v>
      </c>
      <c r="M27592" t="s">
        <v>89</v>
      </c>
      <c r="N27592" t="s">
        <v>90</v>
      </c>
      <c r="O27592" t="s">
        <v>85</v>
      </c>
      <c r="P27592" t="s">
        <v>86</v>
      </c>
      <c r="Q27592">
        <v>28</v>
      </c>
      <c r="R27592">
        <v>29</v>
      </c>
      <c r="S27592">
        <v>29</v>
      </c>
      <c r="T27592">
        <v>30</v>
      </c>
      <c r="U27592">
        <v>30</v>
      </c>
      <c r="V27592">
        <v>30</v>
      </c>
      <c r="W27592">
        <v>31</v>
      </c>
      <c r="X27592">
        <v>31</v>
      </c>
      <c r="Y27592">
        <v>31</v>
      </c>
      <c r="Z27592">
        <v>31</v>
      </c>
      <c r="AA27592">
        <v>32</v>
      </c>
      <c r="AB27592">
        <v>32</v>
      </c>
      <c r="AC27592">
        <v>32</v>
      </c>
      <c r="AD27592">
        <v>32</v>
      </c>
      <c r="AE27592">
        <v>32</v>
      </c>
      <c r="AF27592">
        <v>32</v>
      </c>
      <c r="AG27592">
        <v>32</v>
      </c>
      <c r="AH27592">
        <v>32</v>
      </c>
      <c r="AI27592">
        <v>32</v>
      </c>
      <c r="AJ27592">
        <v>31</v>
      </c>
      <c r="AK27592">
        <v>31</v>
      </c>
      <c r="AL27592">
        <v>31</v>
      </c>
      <c r="AM27592">
        <v>31</v>
      </c>
      <c r="AN27592">
        <v>31</v>
      </c>
      <c r="AO27592">
        <v>30</v>
      </c>
      <c r="AP27592">
        <v>30</v>
      </c>
      <c r="AQ27592">
        <v>30</v>
      </c>
    </row>
    <row r="27593" spans="1:43">
      <c r="A27593" t="s">
        <v>17075</v>
      </c>
      <c r="B27593" t="s">
        <v>17076</v>
      </c>
      <c r="C27593" t="s">
        <v>16991</v>
      </c>
      <c r="D27593" t="s">
        <v>16992</v>
      </c>
      <c r="E27593" t="s">
        <v>16923</v>
      </c>
      <c r="F27593" t="s">
        <v>16924</v>
      </c>
      <c r="G27593" t="s">
        <v>16559</v>
      </c>
      <c r="H27593" t="s">
        <v>16560</v>
      </c>
      <c r="I27593" s="2">
        <v>1</v>
      </c>
      <c r="J27593" s="2">
        <v>0</v>
      </c>
      <c r="K27593" s="2">
        <v>0</v>
      </c>
      <c r="L27593" t="s">
        <v>120</v>
      </c>
      <c r="M27593" t="s">
        <v>83</v>
      </c>
      <c r="N27593" t="s">
        <v>91</v>
      </c>
      <c r="O27593" t="s">
        <v>85</v>
      </c>
      <c r="P27593" t="s">
        <v>86</v>
      </c>
      <c r="Q27593">
        <v>28</v>
      </c>
      <c r="R27593">
        <v>28</v>
      </c>
      <c r="S27593">
        <v>29</v>
      </c>
      <c r="T27593">
        <v>29</v>
      </c>
      <c r="U27593">
        <v>29</v>
      </c>
      <c r="V27593">
        <v>29</v>
      </c>
      <c r="W27593">
        <v>29</v>
      </c>
      <c r="X27593">
        <v>29</v>
      </c>
      <c r="Y27593">
        <v>29</v>
      </c>
      <c r="Z27593">
        <v>30</v>
      </c>
      <c r="AA27593">
        <v>30</v>
      </c>
      <c r="AB27593">
        <v>30</v>
      </c>
      <c r="AC27593">
        <v>30</v>
      </c>
      <c r="AD27593">
        <v>30</v>
      </c>
      <c r="AE27593">
        <v>30</v>
      </c>
      <c r="AF27593">
        <v>30</v>
      </c>
      <c r="AG27593">
        <v>30</v>
      </c>
      <c r="AH27593">
        <v>30</v>
      </c>
      <c r="AI27593">
        <v>31</v>
      </c>
      <c r="AJ27593">
        <v>31</v>
      </c>
      <c r="AK27593">
        <v>31</v>
      </c>
      <c r="AL27593">
        <v>31</v>
      </c>
      <c r="AM27593">
        <v>30</v>
      </c>
      <c r="AN27593">
        <v>30</v>
      </c>
      <c r="AO27593">
        <v>30</v>
      </c>
      <c r="AP27593">
        <v>30</v>
      </c>
      <c r="AQ27593">
        <v>30</v>
      </c>
    </row>
    <row r="27594" spans="1:43">
      <c r="A27594" t="s">
        <v>17077</v>
      </c>
      <c r="B27594" t="s">
        <v>17078</v>
      </c>
      <c r="C27594" t="s">
        <v>17079</v>
      </c>
      <c r="D27594" t="s">
        <v>17080</v>
      </c>
      <c r="E27594" t="s">
        <v>16923</v>
      </c>
      <c r="F27594" t="s">
        <v>16924</v>
      </c>
      <c r="G27594" t="s">
        <v>16559</v>
      </c>
      <c r="H27594" t="s">
        <v>16560</v>
      </c>
      <c r="I27594" s="2">
        <v>1</v>
      </c>
      <c r="J27594" s="2">
        <v>0</v>
      </c>
      <c r="K27594" s="2">
        <v>0</v>
      </c>
      <c r="L27594" t="s">
        <v>120</v>
      </c>
      <c r="M27594" t="s">
        <v>83</v>
      </c>
      <c r="N27594" t="s">
        <v>84</v>
      </c>
      <c r="O27594" t="s">
        <v>85</v>
      </c>
      <c r="P27594" t="s">
        <v>86</v>
      </c>
      <c r="Q27594">
        <v>34</v>
      </c>
      <c r="R27594">
        <v>34</v>
      </c>
      <c r="S27594">
        <v>34</v>
      </c>
      <c r="T27594">
        <v>35</v>
      </c>
      <c r="U27594">
        <v>35</v>
      </c>
      <c r="V27594">
        <v>35</v>
      </c>
      <c r="W27594">
        <v>35</v>
      </c>
      <c r="X27594">
        <v>35</v>
      </c>
      <c r="Y27594">
        <v>35</v>
      </c>
      <c r="Z27594">
        <v>35</v>
      </c>
      <c r="AA27594">
        <v>36</v>
      </c>
      <c r="AB27594">
        <v>36</v>
      </c>
      <c r="AC27594">
        <v>36</v>
      </c>
      <c r="AD27594">
        <v>36</v>
      </c>
      <c r="AE27594">
        <v>36</v>
      </c>
      <c r="AF27594">
        <v>36</v>
      </c>
      <c r="AG27594">
        <v>36</v>
      </c>
      <c r="AH27594">
        <v>36</v>
      </c>
      <c r="AI27594">
        <v>36</v>
      </c>
      <c r="AJ27594">
        <v>36</v>
      </c>
      <c r="AK27594">
        <v>37</v>
      </c>
      <c r="AL27594">
        <v>36</v>
      </c>
      <c r="AM27594">
        <v>36</v>
      </c>
      <c r="AN27594">
        <v>36</v>
      </c>
      <c r="AO27594">
        <v>36</v>
      </c>
      <c r="AP27594">
        <v>35</v>
      </c>
      <c r="AQ27594">
        <v>35</v>
      </c>
    </row>
    <row r="27595" spans="1:43">
      <c r="A27595" t="s">
        <v>17077</v>
      </c>
      <c r="B27595" t="s">
        <v>17078</v>
      </c>
      <c r="C27595" t="s">
        <v>17079</v>
      </c>
      <c r="D27595" t="s">
        <v>17080</v>
      </c>
      <c r="E27595" t="s">
        <v>16923</v>
      </c>
      <c r="F27595" t="s">
        <v>16924</v>
      </c>
      <c r="G27595" t="s">
        <v>16559</v>
      </c>
      <c r="H27595" t="s">
        <v>16560</v>
      </c>
      <c r="I27595" s="2">
        <v>1</v>
      </c>
      <c r="J27595" s="2">
        <v>0</v>
      </c>
      <c r="K27595" s="2">
        <v>0</v>
      </c>
      <c r="L27595" t="s">
        <v>120</v>
      </c>
      <c r="M27595" t="s">
        <v>87</v>
      </c>
      <c r="N27595" t="s">
        <v>88</v>
      </c>
      <c r="O27595" t="s">
        <v>85</v>
      </c>
      <c r="P27595" t="s">
        <v>86</v>
      </c>
      <c r="Q27595">
        <v>34</v>
      </c>
      <c r="R27595">
        <v>34</v>
      </c>
      <c r="S27595">
        <v>33</v>
      </c>
      <c r="T27595">
        <v>33</v>
      </c>
      <c r="U27595">
        <v>33</v>
      </c>
      <c r="V27595">
        <v>33</v>
      </c>
      <c r="W27595">
        <v>33</v>
      </c>
      <c r="X27595">
        <v>33</v>
      </c>
      <c r="Y27595">
        <v>33</v>
      </c>
      <c r="Z27595">
        <v>33</v>
      </c>
      <c r="AA27595">
        <v>32</v>
      </c>
      <c r="AB27595">
        <v>32</v>
      </c>
      <c r="AC27595">
        <v>32</v>
      </c>
      <c r="AD27595">
        <v>32</v>
      </c>
      <c r="AE27595">
        <v>32</v>
      </c>
      <c r="AF27595">
        <v>32</v>
      </c>
      <c r="AG27595">
        <v>32</v>
      </c>
      <c r="AH27595">
        <v>32</v>
      </c>
      <c r="AI27595">
        <v>31</v>
      </c>
      <c r="AJ27595">
        <v>31</v>
      </c>
      <c r="AK27595">
        <v>31</v>
      </c>
      <c r="AL27595">
        <v>31</v>
      </c>
      <c r="AM27595">
        <v>31</v>
      </c>
      <c r="AN27595">
        <v>31</v>
      </c>
      <c r="AO27595">
        <v>31</v>
      </c>
      <c r="AP27595">
        <v>31</v>
      </c>
      <c r="AQ27595">
        <v>30</v>
      </c>
    </row>
    <row r="27596" spans="1:43">
      <c r="A27596" t="s">
        <v>17077</v>
      </c>
      <c r="B27596" t="s">
        <v>17078</v>
      </c>
      <c r="C27596" t="s">
        <v>17079</v>
      </c>
      <c r="D27596" t="s">
        <v>17080</v>
      </c>
      <c r="E27596" t="s">
        <v>16923</v>
      </c>
      <c r="F27596" t="s">
        <v>16924</v>
      </c>
      <c r="G27596" t="s">
        <v>16559</v>
      </c>
      <c r="H27596" t="s">
        <v>16560</v>
      </c>
      <c r="I27596" s="2">
        <v>1</v>
      </c>
      <c r="J27596" s="2">
        <v>0</v>
      </c>
      <c r="K27596" s="2">
        <v>0</v>
      </c>
      <c r="L27596" t="s">
        <v>120</v>
      </c>
      <c r="M27596" t="s">
        <v>89</v>
      </c>
      <c r="N27596" t="s">
        <v>90</v>
      </c>
      <c r="O27596" t="s">
        <v>85</v>
      </c>
      <c r="P27596" t="s">
        <v>86</v>
      </c>
      <c r="Q27596">
        <v>34</v>
      </c>
      <c r="R27596">
        <v>35</v>
      </c>
      <c r="S27596">
        <v>35</v>
      </c>
      <c r="T27596">
        <v>36</v>
      </c>
      <c r="U27596">
        <v>36</v>
      </c>
      <c r="V27596">
        <v>36</v>
      </c>
      <c r="W27596">
        <v>37</v>
      </c>
      <c r="X27596">
        <v>37</v>
      </c>
      <c r="Y27596">
        <v>37</v>
      </c>
      <c r="Z27596">
        <v>38</v>
      </c>
      <c r="AA27596">
        <v>38</v>
      </c>
      <c r="AB27596">
        <v>38</v>
      </c>
      <c r="AC27596">
        <v>38</v>
      </c>
      <c r="AD27596">
        <v>39</v>
      </c>
      <c r="AE27596">
        <v>39</v>
      </c>
      <c r="AF27596">
        <v>38</v>
      </c>
      <c r="AG27596">
        <v>38</v>
      </c>
      <c r="AH27596">
        <v>38</v>
      </c>
      <c r="AI27596">
        <v>38</v>
      </c>
      <c r="AJ27596">
        <v>37</v>
      </c>
      <c r="AK27596">
        <v>37</v>
      </c>
      <c r="AL27596">
        <v>37</v>
      </c>
      <c r="AM27596">
        <v>37</v>
      </c>
      <c r="AN27596">
        <v>36</v>
      </c>
      <c r="AO27596">
        <v>36</v>
      </c>
      <c r="AP27596">
        <v>36</v>
      </c>
      <c r="AQ27596">
        <v>36</v>
      </c>
    </row>
    <row r="27597" spans="1:43">
      <c r="A27597" t="s">
        <v>17077</v>
      </c>
      <c r="B27597" t="s">
        <v>17078</v>
      </c>
      <c r="C27597" t="s">
        <v>17079</v>
      </c>
      <c r="D27597" t="s">
        <v>17080</v>
      </c>
      <c r="E27597" t="s">
        <v>16923</v>
      </c>
      <c r="F27597" t="s">
        <v>16924</v>
      </c>
      <c r="G27597" t="s">
        <v>16559</v>
      </c>
      <c r="H27597" t="s">
        <v>16560</v>
      </c>
      <c r="I27597" s="2">
        <v>1</v>
      </c>
      <c r="J27597" s="2">
        <v>0</v>
      </c>
      <c r="K27597" s="2">
        <v>0</v>
      </c>
      <c r="L27597" t="s">
        <v>120</v>
      </c>
      <c r="M27597" t="s">
        <v>83</v>
      </c>
      <c r="N27597" t="s">
        <v>91</v>
      </c>
      <c r="O27597" t="s">
        <v>85</v>
      </c>
      <c r="P27597" t="s">
        <v>86</v>
      </c>
      <c r="Q27597">
        <v>34</v>
      </c>
      <c r="R27597">
        <v>34</v>
      </c>
      <c r="S27597">
        <v>34</v>
      </c>
      <c r="T27597">
        <v>35</v>
      </c>
      <c r="U27597">
        <v>35</v>
      </c>
      <c r="V27597">
        <v>35</v>
      </c>
      <c r="W27597">
        <v>35</v>
      </c>
      <c r="X27597">
        <v>35</v>
      </c>
      <c r="Y27597">
        <v>35</v>
      </c>
      <c r="Z27597">
        <v>35</v>
      </c>
      <c r="AA27597">
        <v>36</v>
      </c>
      <c r="AB27597">
        <v>36</v>
      </c>
      <c r="AC27597">
        <v>36</v>
      </c>
      <c r="AD27597">
        <v>36</v>
      </c>
      <c r="AE27597">
        <v>36</v>
      </c>
      <c r="AF27597">
        <v>36</v>
      </c>
      <c r="AG27597">
        <v>36</v>
      </c>
      <c r="AH27597">
        <v>36</v>
      </c>
      <c r="AI27597">
        <v>36</v>
      </c>
      <c r="AJ27597">
        <v>36</v>
      </c>
      <c r="AK27597">
        <v>37</v>
      </c>
      <c r="AL27597">
        <v>36</v>
      </c>
      <c r="AM27597">
        <v>36</v>
      </c>
      <c r="AN27597">
        <v>36</v>
      </c>
      <c r="AO27597">
        <v>36</v>
      </c>
      <c r="AP27597">
        <v>35</v>
      </c>
      <c r="AQ27597">
        <v>35</v>
      </c>
    </row>
    <row r="27598" spans="1:43">
      <c r="A27598" t="s">
        <v>17081</v>
      </c>
      <c r="B27598" t="s">
        <v>17082</v>
      </c>
      <c r="C27598" t="s">
        <v>17079</v>
      </c>
      <c r="D27598" t="s">
        <v>17080</v>
      </c>
      <c r="E27598" t="s">
        <v>16923</v>
      </c>
      <c r="F27598" t="s">
        <v>16924</v>
      </c>
      <c r="G27598" t="s">
        <v>16559</v>
      </c>
      <c r="H27598" t="s">
        <v>16560</v>
      </c>
      <c r="I27598" s="2">
        <v>1</v>
      </c>
      <c r="J27598" s="2">
        <v>0</v>
      </c>
      <c r="K27598" s="2">
        <v>0</v>
      </c>
      <c r="L27598" t="s">
        <v>120</v>
      </c>
      <c r="M27598" t="s">
        <v>83</v>
      </c>
      <c r="N27598" t="s">
        <v>84</v>
      </c>
      <c r="O27598" t="s">
        <v>85</v>
      </c>
      <c r="P27598" t="s">
        <v>86</v>
      </c>
      <c r="Q27598">
        <v>35</v>
      </c>
      <c r="R27598">
        <v>36</v>
      </c>
      <c r="S27598">
        <v>36</v>
      </c>
      <c r="T27598">
        <v>36</v>
      </c>
      <c r="U27598">
        <v>36</v>
      </c>
      <c r="V27598">
        <v>37</v>
      </c>
      <c r="W27598">
        <v>37</v>
      </c>
      <c r="X27598">
        <v>37</v>
      </c>
      <c r="Y27598">
        <v>37</v>
      </c>
      <c r="Z27598">
        <v>37</v>
      </c>
      <c r="AA27598">
        <v>37</v>
      </c>
      <c r="AB27598">
        <v>38</v>
      </c>
      <c r="AC27598">
        <v>38</v>
      </c>
      <c r="AD27598">
        <v>38</v>
      </c>
      <c r="AE27598">
        <v>38</v>
      </c>
      <c r="AF27598">
        <v>38</v>
      </c>
      <c r="AG27598">
        <v>38</v>
      </c>
      <c r="AH27598">
        <v>38</v>
      </c>
      <c r="AI27598">
        <v>39</v>
      </c>
      <c r="AJ27598">
        <v>39</v>
      </c>
      <c r="AK27598">
        <v>39</v>
      </c>
      <c r="AL27598">
        <v>39</v>
      </c>
      <c r="AM27598">
        <v>39</v>
      </c>
      <c r="AN27598">
        <v>38</v>
      </c>
      <c r="AO27598">
        <v>38</v>
      </c>
      <c r="AP27598">
        <v>38</v>
      </c>
      <c r="AQ27598">
        <v>38</v>
      </c>
    </row>
    <row r="27599" spans="1:43">
      <c r="A27599" t="s">
        <v>17081</v>
      </c>
      <c r="B27599" t="s">
        <v>17082</v>
      </c>
      <c r="C27599" t="s">
        <v>17079</v>
      </c>
      <c r="D27599" t="s">
        <v>17080</v>
      </c>
      <c r="E27599" t="s">
        <v>16923</v>
      </c>
      <c r="F27599" t="s">
        <v>16924</v>
      </c>
      <c r="G27599" t="s">
        <v>16559</v>
      </c>
      <c r="H27599" t="s">
        <v>16560</v>
      </c>
      <c r="I27599" s="2">
        <v>1</v>
      </c>
      <c r="J27599" s="2">
        <v>0</v>
      </c>
      <c r="K27599" s="2">
        <v>0</v>
      </c>
      <c r="L27599" t="s">
        <v>120</v>
      </c>
      <c r="M27599" t="s">
        <v>87</v>
      </c>
      <c r="N27599" t="s">
        <v>88</v>
      </c>
      <c r="O27599" t="s">
        <v>85</v>
      </c>
      <c r="P27599" t="s">
        <v>86</v>
      </c>
      <c r="Q27599">
        <v>35</v>
      </c>
      <c r="R27599">
        <v>35</v>
      </c>
      <c r="S27599">
        <v>35</v>
      </c>
      <c r="T27599">
        <v>35</v>
      </c>
      <c r="U27599">
        <v>35</v>
      </c>
      <c r="V27599">
        <v>35</v>
      </c>
      <c r="W27599">
        <v>34</v>
      </c>
      <c r="X27599">
        <v>34</v>
      </c>
      <c r="Y27599">
        <v>34</v>
      </c>
      <c r="Z27599">
        <v>34</v>
      </c>
      <c r="AA27599">
        <v>34</v>
      </c>
      <c r="AB27599">
        <v>34</v>
      </c>
      <c r="AC27599">
        <v>34</v>
      </c>
      <c r="AD27599">
        <v>34</v>
      </c>
      <c r="AE27599">
        <v>34</v>
      </c>
      <c r="AF27599">
        <v>34</v>
      </c>
      <c r="AG27599">
        <v>34</v>
      </c>
      <c r="AH27599">
        <v>34</v>
      </c>
      <c r="AI27599">
        <v>33</v>
      </c>
      <c r="AJ27599">
        <v>33</v>
      </c>
      <c r="AK27599">
        <v>33</v>
      </c>
      <c r="AL27599">
        <v>33</v>
      </c>
      <c r="AM27599">
        <v>33</v>
      </c>
      <c r="AN27599">
        <v>33</v>
      </c>
      <c r="AO27599">
        <v>33</v>
      </c>
      <c r="AP27599">
        <v>33</v>
      </c>
      <c r="AQ27599">
        <v>33</v>
      </c>
    </row>
    <row r="27600" spans="1:43">
      <c r="A27600" t="s">
        <v>17081</v>
      </c>
      <c r="B27600" t="s">
        <v>17082</v>
      </c>
      <c r="C27600" t="s">
        <v>17079</v>
      </c>
      <c r="D27600" t="s">
        <v>17080</v>
      </c>
      <c r="E27600" t="s">
        <v>16923</v>
      </c>
      <c r="F27600" t="s">
        <v>16924</v>
      </c>
      <c r="G27600" t="s">
        <v>16559</v>
      </c>
      <c r="H27600" t="s">
        <v>16560</v>
      </c>
      <c r="I27600" s="2">
        <v>1</v>
      </c>
      <c r="J27600" s="2">
        <v>0</v>
      </c>
      <c r="K27600" s="2">
        <v>0</v>
      </c>
      <c r="L27600" t="s">
        <v>120</v>
      </c>
      <c r="M27600" t="s">
        <v>89</v>
      </c>
      <c r="N27600" t="s">
        <v>90</v>
      </c>
      <c r="O27600" t="s">
        <v>85</v>
      </c>
      <c r="P27600" t="s">
        <v>86</v>
      </c>
      <c r="Q27600">
        <v>35</v>
      </c>
      <c r="R27600">
        <v>35</v>
      </c>
      <c r="S27600">
        <v>36</v>
      </c>
      <c r="T27600">
        <v>36</v>
      </c>
      <c r="U27600">
        <v>37</v>
      </c>
      <c r="V27600">
        <v>37</v>
      </c>
      <c r="W27600">
        <v>37</v>
      </c>
      <c r="X27600">
        <v>38</v>
      </c>
      <c r="Y27600">
        <v>38</v>
      </c>
      <c r="Z27600">
        <v>39</v>
      </c>
      <c r="AA27600">
        <v>39</v>
      </c>
      <c r="AB27600">
        <v>39</v>
      </c>
      <c r="AC27600">
        <v>39</v>
      </c>
      <c r="AD27600">
        <v>40</v>
      </c>
      <c r="AE27600">
        <v>40</v>
      </c>
      <c r="AF27600">
        <v>40</v>
      </c>
      <c r="AG27600">
        <v>39</v>
      </c>
      <c r="AH27600">
        <v>39</v>
      </c>
      <c r="AI27600">
        <v>39</v>
      </c>
      <c r="AJ27600">
        <v>39</v>
      </c>
      <c r="AK27600">
        <v>39</v>
      </c>
      <c r="AL27600">
        <v>38</v>
      </c>
      <c r="AM27600">
        <v>38</v>
      </c>
      <c r="AN27600">
        <v>38</v>
      </c>
      <c r="AO27600">
        <v>38</v>
      </c>
      <c r="AP27600">
        <v>38</v>
      </c>
      <c r="AQ27600">
        <v>37</v>
      </c>
    </row>
    <row r="27601" spans="1:43">
      <c r="A27601" t="s">
        <v>17081</v>
      </c>
      <c r="B27601" t="s">
        <v>17082</v>
      </c>
      <c r="C27601" t="s">
        <v>17079</v>
      </c>
      <c r="D27601" t="s">
        <v>17080</v>
      </c>
      <c r="E27601" t="s">
        <v>16923</v>
      </c>
      <c r="F27601" t="s">
        <v>16924</v>
      </c>
      <c r="G27601" t="s">
        <v>16559</v>
      </c>
      <c r="H27601" t="s">
        <v>16560</v>
      </c>
      <c r="I27601" s="2">
        <v>1</v>
      </c>
      <c r="J27601" s="2">
        <v>0</v>
      </c>
      <c r="K27601" s="2">
        <v>0</v>
      </c>
      <c r="L27601" t="s">
        <v>120</v>
      </c>
      <c r="M27601" t="s">
        <v>83</v>
      </c>
      <c r="N27601" t="s">
        <v>91</v>
      </c>
      <c r="O27601" t="s">
        <v>85</v>
      </c>
      <c r="P27601" t="s">
        <v>86</v>
      </c>
      <c r="Q27601">
        <v>35</v>
      </c>
      <c r="R27601">
        <v>36</v>
      </c>
      <c r="S27601">
        <v>36</v>
      </c>
      <c r="T27601">
        <v>36</v>
      </c>
      <c r="U27601">
        <v>36</v>
      </c>
      <c r="V27601">
        <v>37</v>
      </c>
      <c r="W27601">
        <v>37</v>
      </c>
      <c r="X27601">
        <v>37</v>
      </c>
      <c r="Y27601">
        <v>37</v>
      </c>
      <c r="Z27601">
        <v>37</v>
      </c>
      <c r="AA27601">
        <v>37</v>
      </c>
      <c r="AB27601">
        <v>38</v>
      </c>
      <c r="AC27601">
        <v>38</v>
      </c>
      <c r="AD27601">
        <v>38</v>
      </c>
      <c r="AE27601">
        <v>38</v>
      </c>
      <c r="AF27601">
        <v>38</v>
      </c>
      <c r="AG27601">
        <v>38</v>
      </c>
      <c r="AH27601">
        <v>38</v>
      </c>
      <c r="AI27601">
        <v>39</v>
      </c>
      <c r="AJ27601">
        <v>39</v>
      </c>
      <c r="AK27601">
        <v>39</v>
      </c>
      <c r="AL27601">
        <v>39</v>
      </c>
      <c r="AM27601">
        <v>39</v>
      </c>
      <c r="AN27601">
        <v>38</v>
      </c>
      <c r="AO27601">
        <v>38</v>
      </c>
      <c r="AP27601">
        <v>38</v>
      </c>
      <c r="AQ27601">
        <v>38</v>
      </c>
    </row>
    <row r="27602" spans="1:43">
      <c r="A27602" t="s">
        <v>17083</v>
      </c>
      <c r="B27602" t="s">
        <v>17084</v>
      </c>
      <c r="C27602" t="s">
        <v>16987</v>
      </c>
      <c r="D27602" t="s">
        <v>16988</v>
      </c>
      <c r="E27602" t="s">
        <v>16923</v>
      </c>
      <c r="F27602" t="s">
        <v>16924</v>
      </c>
      <c r="G27602" t="s">
        <v>16559</v>
      </c>
      <c r="H27602" t="s">
        <v>16560</v>
      </c>
      <c r="I27602" s="2">
        <v>1</v>
      </c>
      <c r="J27602" s="2">
        <v>0</v>
      </c>
      <c r="K27602" s="2">
        <v>0</v>
      </c>
      <c r="L27602" t="s">
        <v>120</v>
      </c>
      <c r="M27602" t="s">
        <v>83</v>
      </c>
      <c r="N27602" t="s">
        <v>84</v>
      </c>
      <c r="O27602" t="s">
        <v>85</v>
      </c>
      <c r="P27602" t="s">
        <v>86</v>
      </c>
      <c r="Q27602">
        <v>18</v>
      </c>
      <c r="R27602">
        <v>18</v>
      </c>
      <c r="S27602">
        <v>18</v>
      </c>
      <c r="T27602">
        <v>18</v>
      </c>
      <c r="U27602">
        <v>18</v>
      </c>
      <c r="V27602">
        <v>18</v>
      </c>
      <c r="W27602">
        <v>18</v>
      </c>
      <c r="X27602">
        <v>18</v>
      </c>
      <c r="Y27602">
        <v>19</v>
      </c>
      <c r="Z27602">
        <v>19</v>
      </c>
      <c r="AA27602">
        <v>19</v>
      </c>
      <c r="AB27602">
        <v>19</v>
      </c>
      <c r="AC27602">
        <v>19</v>
      </c>
      <c r="AD27602">
        <v>19</v>
      </c>
      <c r="AE27602">
        <v>19</v>
      </c>
      <c r="AF27602">
        <v>19</v>
      </c>
      <c r="AG27602">
        <v>19</v>
      </c>
      <c r="AH27602">
        <v>19</v>
      </c>
      <c r="AI27602">
        <v>19</v>
      </c>
      <c r="AJ27602">
        <v>19</v>
      </c>
      <c r="AK27602">
        <v>19</v>
      </c>
      <c r="AL27602">
        <v>19</v>
      </c>
      <c r="AM27602">
        <v>19</v>
      </c>
      <c r="AN27602">
        <v>19</v>
      </c>
      <c r="AO27602">
        <v>19</v>
      </c>
      <c r="AP27602">
        <v>19</v>
      </c>
      <c r="AQ27602">
        <v>19</v>
      </c>
    </row>
    <row r="27603" spans="1:43">
      <c r="A27603" t="s">
        <v>17083</v>
      </c>
      <c r="B27603" t="s">
        <v>17084</v>
      </c>
      <c r="C27603" t="s">
        <v>16987</v>
      </c>
      <c r="D27603" t="s">
        <v>16988</v>
      </c>
      <c r="E27603" t="s">
        <v>16923</v>
      </c>
      <c r="F27603" t="s">
        <v>16924</v>
      </c>
      <c r="G27603" t="s">
        <v>16559</v>
      </c>
      <c r="H27603" t="s">
        <v>16560</v>
      </c>
      <c r="I27603" s="2">
        <v>1</v>
      </c>
      <c r="J27603" s="2">
        <v>0</v>
      </c>
      <c r="K27603" s="2">
        <v>0</v>
      </c>
      <c r="L27603" t="s">
        <v>120</v>
      </c>
      <c r="M27603" t="s">
        <v>87</v>
      </c>
      <c r="N27603" t="s">
        <v>88</v>
      </c>
      <c r="O27603" t="s">
        <v>85</v>
      </c>
      <c r="P27603" t="s">
        <v>86</v>
      </c>
      <c r="Q27603">
        <v>18</v>
      </c>
      <c r="R27603">
        <v>18</v>
      </c>
      <c r="S27603">
        <v>18</v>
      </c>
      <c r="T27603">
        <v>17</v>
      </c>
      <c r="U27603">
        <v>17</v>
      </c>
      <c r="V27603">
        <v>17</v>
      </c>
      <c r="W27603">
        <v>17</v>
      </c>
      <c r="X27603">
        <v>17</v>
      </c>
      <c r="Y27603">
        <v>17</v>
      </c>
      <c r="Z27603">
        <v>17</v>
      </c>
      <c r="AA27603">
        <v>17</v>
      </c>
      <c r="AB27603">
        <v>17</v>
      </c>
      <c r="AC27603">
        <v>17</v>
      </c>
      <c r="AD27603">
        <v>17</v>
      </c>
      <c r="AE27603">
        <v>17</v>
      </c>
      <c r="AF27603">
        <v>17</v>
      </c>
      <c r="AG27603">
        <v>17</v>
      </c>
      <c r="AH27603">
        <v>17</v>
      </c>
      <c r="AI27603">
        <v>17</v>
      </c>
      <c r="AJ27603">
        <v>17</v>
      </c>
      <c r="AK27603">
        <v>16</v>
      </c>
      <c r="AL27603">
        <v>16</v>
      </c>
      <c r="AM27603">
        <v>16</v>
      </c>
      <c r="AN27603">
        <v>16</v>
      </c>
      <c r="AO27603">
        <v>16</v>
      </c>
      <c r="AP27603">
        <v>16</v>
      </c>
      <c r="AQ27603">
        <v>16</v>
      </c>
    </row>
    <row r="27604" spans="1:43">
      <c r="A27604" t="s">
        <v>17083</v>
      </c>
      <c r="B27604" t="s">
        <v>17084</v>
      </c>
      <c r="C27604" t="s">
        <v>16987</v>
      </c>
      <c r="D27604" t="s">
        <v>16988</v>
      </c>
      <c r="E27604" t="s">
        <v>16923</v>
      </c>
      <c r="F27604" t="s">
        <v>16924</v>
      </c>
      <c r="G27604" t="s">
        <v>16559</v>
      </c>
      <c r="H27604" t="s">
        <v>16560</v>
      </c>
      <c r="I27604" s="2">
        <v>1</v>
      </c>
      <c r="J27604" s="2">
        <v>0</v>
      </c>
      <c r="K27604" s="2">
        <v>0</v>
      </c>
      <c r="L27604" t="s">
        <v>120</v>
      </c>
      <c r="M27604" t="s">
        <v>89</v>
      </c>
      <c r="N27604" t="s">
        <v>90</v>
      </c>
      <c r="O27604" t="s">
        <v>85</v>
      </c>
      <c r="P27604" t="s">
        <v>86</v>
      </c>
      <c r="Q27604">
        <v>18</v>
      </c>
      <c r="R27604">
        <v>18</v>
      </c>
      <c r="S27604">
        <v>18</v>
      </c>
      <c r="T27604">
        <v>19</v>
      </c>
      <c r="U27604">
        <v>19</v>
      </c>
      <c r="V27604">
        <v>19</v>
      </c>
      <c r="W27604">
        <v>19</v>
      </c>
      <c r="X27604">
        <v>19</v>
      </c>
      <c r="Y27604">
        <v>20</v>
      </c>
      <c r="Z27604">
        <v>20</v>
      </c>
      <c r="AA27604">
        <v>20</v>
      </c>
      <c r="AB27604">
        <v>20</v>
      </c>
      <c r="AC27604">
        <v>20</v>
      </c>
      <c r="AD27604">
        <v>20</v>
      </c>
      <c r="AE27604">
        <v>20</v>
      </c>
      <c r="AF27604">
        <v>20</v>
      </c>
      <c r="AG27604">
        <v>20</v>
      </c>
      <c r="AH27604">
        <v>20</v>
      </c>
      <c r="AI27604">
        <v>20</v>
      </c>
      <c r="AJ27604">
        <v>20</v>
      </c>
      <c r="AK27604">
        <v>20</v>
      </c>
      <c r="AL27604">
        <v>20</v>
      </c>
      <c r="AM27604">
        <v>19</v>
      </c>
      <c r="AN27604">
        <v>19</v>
      </c>
      <c r="AO27604">
        <v>19</v>
      </c>
      <c r="AP27604">
        <v>19</v>
      </c>
      <c r="AQ27604">
        <v>19</v>
      </c>
    </row>
    <row r="27605" spans="1:43">
      <c r="A27605" t="s">
        <v>17083</v>
      </c>
      <c r="B27605" t="s">
        <v>17084</v>
      </c>
      <c r="C27605" t="s">
        <v>16987</v>
      </c>
      <c r="D27605" t="s">
        <v>16988</v>
      </c>
      <c r="E27605" t="s">
        <v>16923</v>
      </c>
      <c r="F27605" t="s">
        <v>16924</v>
      </c>
      <c r="G27605" t="s">
        <v>16559</v>
      </c>
      <c r="H27605" t="s">
        <v>16560</v>
      </c>
      <c r="I27605" s="2">
        <v>1</v>
      </c>
      <c r="J27605" s="2">
        <v>0</v>
      </c>
      <c r="K27605" s="2">
        <v>0</v>
      </c>
      <c r="L27605" t="s">
        <v>120</v>
      </c>
      <c r="M27605" t="s">
        <v>83</v>
      </c>
      <c r="N27605" t="s">
        <v>91</v>
      </c>
      <c r="O27605" t="s">
        <v>85</v>
      </c>
      <c r="P27605" t="s">
        <v>86</v>
      </c>
      <c r="Q27605">
        <v>18</v>
      </c>
      <c r="R27605">
        <v>18</v>
      </c>
      <c r="S27605">
        <v>18</v>
      </c>
      <c r="T27605">
        <v>18</v>
      </c>
      <c r="U27605">
        <v>18</v>
      </c>
      <c r="V27605">
        <v>18</v>
      </c>
      <c r="W27605">
        <v>18</v>
      </c>
      <c r="X27605">
        <v>18</v>
      </c>
      <c r="Y27605">
        <v>19</v>
      </c>
      <c r="Z27605">
        <v>19</v>
      </c>
      <c r="AA27605">
        <v>19</v>
      </c>
      <c r="AB27605">
        <v>19</v>
      </c>
      <c r="AC27605">
        <v>19</v>
      </c>
      <c r="AD27605">
        <v>19</v>
      </c>
      <c r="AE27605">
        <v>19</v>
      </c>
      <c r="AF27605">
        <v>19</v>
      </c>
      <c r="AG27605">
        <v>19</v>
      </c>
      <c r="AH27605">
        <v>19</v>
      </c>
      <c r="AI27605">
        <v>19</v>
      </c>
      <c r="AJ27605">
        <v>19</v>
      </c>
      <c r="AK27605">
        <v>19</v>
      </c>
      <c r="AL27605">
        <v>19</v>
      </c>
      <c r="AM27605">
        <v>19</v>
      </c>
      <c r="AN27605">
        <v>19</v>
      </c>
      <c r="AO27605">
        <v>19</v>
      </c>
      <c r="AP27605">
        <v>19</v>
      </c>
      <c r="AQ27605">
        <v>19</v>
      </c>
    </row>
    <row r="27606" spans="1:43">
      <c r="A27606" t="s">
        <v>17085</v>
      </c>
      <c r="B27606" t="s">
        <v>17086</v>
      </c>
      <c r="C27606" t="s">
        <v>17087</v>
      </c>
      <c r="D27606" t="s">
        <v>17088</v>
      </c>
      <c r="E27606" t="s">
        <v>16923</v>
      </c>
      <c r="F27606" t="s">
        <v>16924</v>
      </c>
      <c r="G27606" t="s">
        <v>16559</v>
      </c>
      <c r="H27606" t="s">
        <v>16560</v>
      </c>
      <c r="I27606" s="2">
        <v>1</v>
      </c>
      <c r="J27606" s="2">
        <v>0</v>
      </c>
      <c r="K27606" s="2">
        <v>0</v>
      </c>
      <c r="L27606" t="s">
        <v>120</v>
      </c>
      <c r="M27606" t="s">
        <v>83</v>
      </c>
      <c r="N27606" t="s">
        <v>84</v>
      </c>
      <c r="O27606" t="s">
        <v>85</v>
      </c>
      <c r="P27606" t="s">
        <v>86</v>
      </c>
      <c r="Q27606">
        <v>15</v>
      </c>
      <c r="R27606">
        <v>15</v>
      </c>
      <c r="S27606">
        <v>16</v>
      </c>
      <c r="T27606">
        <v>16</v>
      </c>
      <c r="U27606">
        <v>16</v>
      </c>
      <c r="V27606">
        <v>16</v>
      </c>
      <c r="W27606">
        <v>16</v>
      </c>
      <c r="X27606">
        <v>16</v>
      </c>
      <c r="Y27606">
        <v>16</v>
      </c>
      <c r="Z27606">
        <v>16</v>
      </c>
      <c r="AA27606">
        <v>16</v>
      </c>
      <c r="AB27606">
        <v>16</v>
      </c>
      <c r="AC27606">
        <v>17</v>
      </c>
      <c r="AD27606">
        <v>17</v>
      </c>
      <c r="AE27606">
        <v>17</v>
      </c>
      <c r="AF27606">
        <v>17</v>
      </c>
      <c r="AG27606">
        <v>17</v>
      </c>
      <c r="AH27606">
        <v>17</v>
      </c>
      <c r="AI27606">
        <v>17</v>
      </c>
      <c r="AJ27606">
        <v>17</v>
      </c>
      <c r="AK27606">
        <v>17</v>
      </c>
      <c r="AL27606">
        <v>17</v>
      </c>
      <c r="AM27606">
        <v>17</v>
      </c>
      <c r="AN27606">
        <v>17</v>
      </c>
      <c r="AO27606">
        <v>17</v>
      </c>
      <c r="AP27606">
        <v>17</v>
      </c>
      <c r="AQ27606">
        <v>17</v>
      </c>
    </row>
    <row r="27607" spans="1:43">
      <c r="A27607" t="s">
        <v>17085</v>
      </c>
      <c r="B27607" t="s">
        <v>17086</v>
      </c>
      <c r="C27607" t="s">
        <v>17087</v>
      </c>
      <c r="D27607" t="s">
        <v>17088</v>
      </c>
      <c r="E27607" t="s">
        <v>16923</v>
      </c>
      <c r="F27607" t="s">
        <v>16924</v>
      </c>
      <c r="G27607" t="s">
        <v>16559</v>
      </c>
      <c r="H27607" t="s">
        <v>16560</v>
      </c>
      <c r="I27607" s="2">
        <v>1</v>
      </c>
      <c r="J27607" s="2">
        <v>0</v>
      </c>
      <c r="K27607" s="2">
        <v>0</v>
      </c>
      <c r="L27607" t="s">
        <v>120</v>
      </c>
      <c r="M27607" t="s">
        <v>87</v>
      </c>
      <c r="N27607" t="s">
        <v>88</v>
      </c>
      <c r="O27607" t="s">
        <v>85</v>
      </c>
      <c r="P27607" t="s">
        <v>86</v>
      </c>
      <c r="Q27607">
        <v>15</v>
      </c>
      <c r="R27607">
        <v>15</v>
      </c>
      <c r="S27607">
        <v>15</v>
      </c>
      <c r="T27607">
        <v>15</v>
      </c>
      <c r="U27607">
        <v>15</v>
      </c>
      <c r="V27607">
        <v>15</v>
      </c>
      <c r="W27607">
        <v>15</v>
      </c>
      <c r="X27607">
        <v>15</v>
      </c>
      <c r="Y27607">
        <v>15</v>
      </c>
      <c r="Z27607">
        <v>15</v>
      </c>
      <c r="AA27607">
        <v>15</v>
      </c>
      <c r="AB27607">
        <v>15</v>
      </c>
      <c r="AC27607">
        <v>15</v>
      </c>
      <c r="AD27607">
        <v>15</v>
      </c>
      <c r="AE27607">
        <v>15</v>
      </c>
      <c r="AF27607">
        <v>15</v>
      </c>
      <c r="AG27607">
        <v>15</v>
      </c>
      <c r="AH27607">
        <v>15</v>
      </c>
      <c r="AI27607">
        <v>15</v>
      </c>
      <c r="AJ27607">
        <v>15</v>
      </c>
      <c r="AK27607">
        <v>15</v>
      </c>
      <c r="AL27607">
        <v>15</v>
      </c>
      <c r="AM27607">
        <v>15</v>
      </c>
      <c r="AN27607">
        <v>15</v>
      </c>
      <c r="AO27607">
        <v>15</v>
      </c>
      <c r="AP27607">
        <v>15</v>
      </c>
      <c r="AQ27607">
        <v>15</v>
      </c>
    </row>
    <row r="27608" spans="1:43">
      <c r="A27608" t="s">
        <v>17085</v>
      </c>
      <c r="B27608" t="s">
        <v>17086</v>
      </c>
      <c r="C27608" t="s">
        <v>17087</v>
      </c>
      <c r="D27608" t="s">
        <v>17088</v>
      </c>
      <c r="E27608" t="s">
        <v>16923</v>
      </c>
      <c r="F27608" t="s">
        <v>16924</v>
      </c>
      <c r="G27608" t="s">
        <v>16559</v>
      </c>
      <c r="H27608" t="s">
        <v>16560</v>
      </c>
      <c r="I27608" s="2">
        <v>1</v>
      </c>
      <c r="J27608" s="2">
        <v>0</v>
      </c>
      <c r="K27608" s="2">
        <v>0</v>
      </c>
      <c r="L27608" t="s">
        <v>120</v>
      </c>
      <c r="M27608" t="s">
        <v>89</v>
      </c>
      <c r="N27608" t="s">
        <v>90</v>
      </c>
      <c r="O27608" t="s">
        <v>85</v>
      </c>
      <c r="P27608" t="s">
        <v>86</v>
      </c>
      <c r="Q27608">
        <v>15</v>
      </c>
      <c r="R27608">
        <v>15</v>
      </c>
      <c r="S27608">
        <v>15</v>
      </c>
      <c r="T27608">
        <v>15</v>
      </c>
      <c r="U27608">
        <v>15</v>
      </c>
      <c r="V27608">
        <v>16</v>
      </c>
      <c r="W27608">
        <v>16</v>
      </c>
      <c r="X27608">
        <v>16</v>
      </c>
      <c r="Y27608">
        <v>16</v>
      </c>
      <c r="Z27608">
        <v>16</v>
      </c>
      <c r="AA27608">
        <v>16</v>
      </c>
      <c r="AB27608">
        <v>17</v>
      </c>
      <c r="AC27608">
        <v>17</v>
      </c>
      <c r="AD27608">
        <v>17</v>
      </c>
      <c r="AE27608">
        <v>17</v>
      </c>
      <c r="AF27608">
        <v>17</v>
      </c>
      <c r="AG27608">
        <v>17</v>
      </c>
      <c r="AH27608">
        <v>17</v>
      </c>
      <c r="AI27608">
        <v>17</v>
      </c>
      <c r="AJ27608">
        <v>17</v>
      </c>
      <c r="AK27608">
        <v>16</v>
      </c>
      <c r="AL27608">
        <v>16</v>
      </c>
      <c r="AM27608">
        <v>16</v>
      </c>
      <c r="AN27608">
        <v>16</v>
      </c>
      <c r="AO27608">
        <v>16</v>
      </c>
      <c r="AP27608">
        <v>16</v>
      </c>
      <c r="AQ27608">
        <v>16</v>
      </c>
    </row>
    <row r="27609" spans="1:43">
      <c r="A27609" t="s">
        <v>17085</v>
      </c>
      <c r="B27609" t="s">
        <v>17086</v>
      </c>
      <c r="C27609" t="s">
        <v>17087</v>
      </c>
      <c r="D27609" t="s">
        <v>17088</v>
      </c>
      <c r="E27609" t="s">
        <v>16923</v>
      </c>
      <c r="F27609" t="s">
        <v>16924</v>
      </c>
      <c r="G27609" t="s">
        <v>16559</v>
      </c>
      <c r="H27609" t="s">
        <v>16560</v>
      </c>
      <c r="I27609" s="2">
        <v>1</v>
      </c>
      <c r="J27609" s="2">
        <v>0</v>
      </c>
      <c r="K27609" s="2">
        <v>0</v>
      </c>
      <c r="L27609" t="s">
        <v>120</v>
      </c>
      <c r="M27609" t="s">
        <v>83</v>
      </c>
      <c r="N27609" t="s">
        <v>91</v>
      </c>
      <c r="O27609" t="s">
        <v>85</v>
      </c>
      <c r="P27609" t="s">
        <v>86</v>
      </c>
      <c r="Q27609">
        <v>15</v>
      </c>
      <c r="R27609">
        <v>15</v>
      </c>
      <c r="S27609">
        <v>16</v>
      </c>
      <c r="T27609">
        <v>16</v>
      </c>
      <c r="U27609">
        <v>16</v>
      </c>
      <c r="V27609">
        <v>16</v>
      </c>
      <c r="W27609">
        <v>16</v>
      </c>
      <c r="X27609">
        <v>16</v>
      </c>
      <c r="Y27609">
        <v>16</v>
      </c>
      <c r="Z27609">
        <v>16</v>
      </c>
      <c r="AA27609">
        <v>16</v>
      </c>
      <c r="AB27609">
        <v>16</v>
      </c>
      <c r="AC27609">
        <v>17</v>
      </c>
      <c r="AD27609">
        <v>17</v>
      </c>
      <c r="AE27609">
        <v>17</v>
      </c>
      <c r="AF27609">
        <v>17</v>
      </c>
      <c r="AG27609">
        <v>17</v>
      </c>
      <c r="AH27609">
        <v>17</v>
      </c>
      <c r="AI27609">
        <v>17</v>
      </c>
      <c r="AJ27609">
        <v>17</v>
      </c>
      <c r="AK27609">
        <v>17</v>
      </c>
      <c r="AL27609">
        <v>17</v>
      </c>
      <c r="AM27609">
        <v>17</v>
      </c>
      <c r="AN27609">
        <v>17</v>
      </c>
      <c r="AO27609">
        <v>17</v>
      </c>
      <c r="AP27609">
        <v>17</v>
      </c>
      <c r="AQ27609">
        <v>17</v>
      </c>
    </row>
    <row r="27610" spans="1:43">
      <c r="A27610" t="s">
        <v>17089</v>
      </c>
      <c r="B27610" t="s">
        <v>17090</v>
      </c>
      <c r="C27610" t="s">
        <v>17087</v>
      </c>
      <c r="D27610" t="s">
        <v>17088</v>
      </c>
      <c r="E27610" t="s">
        <v>16923</v>
      </c>
      <c r="F27610" t="s">
        <v>16924</v>
      </c>
      <c r="G27610" t="s">
        <v>16559</v>
      </c>
      <c r="H27610" t="s">
        <v>16560</v>
      </c>
      <c r="I27610" s="2">
        <v>1</v>
      </c>
      <c r="J27610" s="2">
        <v>0</v>
      </c>
      <c r="K27610" s="2">
        <v>0</v>
      </c>
      <c r="L27610" t="s">
        <v>120</v>
      </c>
      <c r="M27610" t="s">
        <v>83</v>
      </c>
      <c r="N27610" t="s">
        <v>84</v>
      </c>
      <c r="O27610" t="s">
        <v>85</v>
      </c>
      <c r="P27610" t="s">
        <v>86</v>
      </c>
      <c r="Q27610">
        <v>54</v>
      </c>
      <c r="R27610">
        <v>54</v>
      </c>
      <c r="S27610">
        <v>55</v>
      </c>
      <c r="T27610">
        <v>55</v>
      </c>
      <c r="U27610">
        <v>55</v>
      </c>
      <c r="V27610">
        <v>56</v>
      </c>
      <c r="W27610">
        <v>56</v>
      </c>
      <c r="X27610">
        <v>56</v>
      </c>
      <c r="Y27610">
        <v>57</v>
      </c>
      <c r="Z27610">
        <v>57</v>
      </c>
      <c r="AA27610">
        <v>57</v>
      </c>
      <c r="AB27610">
        <v>58</v>
      </c>
      <c r="AC27610">
        <v>58</v>
      </c>
      <c r="AD27610">
        <v>58</v>
      </c>
      <c r="AE27610">
        <v>58</v>
      </c>
      <c r="AF27610">
        <v>59</v>
      </c>
      <c r="AG27610">
        <v>59</v>
      </c>
      <c r="AH27610">
        <v>59</v>
      </c>
      <c r="AI27610">
        <v>59</v>
      </c>
      <c r="AJ27610">
        <v>60</v>
      </c>
      <c r="AK27610">
        <v>60</v>
      </c>
      <c r="AL27610">
        <v>60</v>
      </c>
      <c r="AM27610">
        <v>60</v>
      </c>
      <c r="AN27610">
        <v>60</v>
      </c>
      <c r="AO27610">
        <v>59</v>
      </c>
      <c r="AP27610">
        <v>59</v>
      </c>
      <c r="AQ27610">
        <v>59</v>
      </c>
    </row>
    <row r="27611" spans="1:43">
      <c r="A27611" t="s">
        <v>17089</v>
      </c>
      <c r="B27611" t="s">
        <v>17090</v>
      </c>
      <c r="C27611" t="s">
        <v>17087</v>
      </c>
      <c r="D27611" t="s">
        <v>17088</v>
      </c>
      <c r="E27611" t="s">
        <v>16923</v>
      </c>
      <c r="F27611" t="s">
        <v>16924</v>
      </c>
      <c r="G27611" t="s">
        <v>16559</v>
      </c>
      <c r="H27611" t="s">
        <v>16560</v>
      </c>
      <c r="I27611" s="2">
        <v>1</v>
      </c>
      <c r="J27611" s="2">
        <v>0</v>
      </c>
      <c r="K27611" s="2">
        <v>0</v>
      </c>
      <c r="L27611" t="s">
        <v>120</v>
      </c>
      <c r="M27611" t="s">
        <v>87</v>
      </c>
      <c r="N27611" t="s">
        <v>88</v>
      </c>
      <c r="O27611" t="s">
        <v>85</v>
      </c>
      <c r="P27611" t="s">
        <v>86</v>
      </c>
      <c r="Q27611">
        <v>54</v>
      </c>
      <c r="R27611">
        <v>54</v>
      </c>
      <c r="S27611">
        <v>54</v>
      </c>
      <c r="T27611">
        <v>54</v>
      </c>
      <c r="U27611">
        <v>54</v>
      </c>
      <c r="V27611">
        <v>54</v>
      </c>
      <c r="W27611">
        <v>54</v>
      </c>
      <c r="X27611">
        <v>53</v>
      </c>
      <c r="Y27611">
        <v>53</v>
      </c>
      <c r="Z27611">
        <v>53</v>
      </c>
      <c r="AA27611">
        <v>53</v>
      </c>
      <c r="AB27611">
        <v>53</v>
      </c>
      <c r="AC27611">
        <v>53</v>
      </c>
      <c r="AD27611">
        <v>53</v>
      </c>
      <c r="AE27611">
        <v>53</v>
      </c>
      <c r="AF27611">
        <v>53</v>
      </c>
      <c r="AG27611">
        <v>53</v>
      </c>
      <c r="AH27611">
        <v>53</v>
      </c>
      <c r="AI27611">
        <v>52</v>
      </c>
      <c r="AJ27611">
        <v>52</v>
      </c>
      <c r="AK27611">
        <v>52</v>
      </c>
      <c r="AL27611">
        <v>52</v>
      </c>
      <c r="AM27611">
        <v>52</v>
      </c>
      <c r="AN27611">
        <v>52</v>
      </c>
      <c r="AO27611">
        <v>52</v>
      </c>
      <c r="AP27611">
        <v>52</v>
      </c>
      <c r="AQ27611">
        <v>52</v>
      </c>
    </row>
    <row r="27612" spans="1:43">
      <c r="A27612" t="s">
        <v>17089</v>
      </c>
      <c r="B27612" t="s">
        <v>17090</v>
      </c>
      <c r="C27612" t="s">
        <v>17087</v>
      </c>
      <c r="D27612" t="s">
        <v>17088</v>
      </c>
      <c r="E27612" t="s">
        <v>16923</v>
      </c>
      <c r="F27612" t="s">
        <v>16924</v>
      </c>
      <c r="G27612" t="s">
        <v>16559</v>
      </c>
      <c r="H27612" t="s">
        <v>16560</v>
      </c>
      <c r="I27612" s="2">
        <v>1</v>
      </c>
      <c r="J27612" s="2">
        <v>0</v>
      </c>
      <c r="K27612" s="2">
        <v>0</v>
      </c>
      <c r="L27612" t="s">
        <v>120</v>
      </c>
      <c r="M27612" t="s">
        <v>89</v>
      </c>
      <c r="N27612" t="s">
        <v>90</v>
      </c>
      <c r="O27612" t="s">
        <v>85</v>
      </c>
      <c r="P27612" t="s">
        <v>86</v>
      </c>
      <c r="Q27612">
        <v>54</v>
      </c>
      <c r="R27612">
        <v>55</v>
      </c>
      <c r="S27612">
        <v>56</v>
      </c>
      <c r="T27612">
        <v>57</v>
      </c>
      <c r="U27612">
        <v>57</v>
      </c>
      <c r="V27612">
        <v>58</v>
      </c>
      <c r="W27612">
        <v>59</v>
      </c>
      <c r="X27612">
        <v>59</v>
      </c>
      <c r="Y27612">
        <v>60</v>
      </c>
      <c r="Z27612">
        <v>60</v>
      </c>
      <c r="AA27612">
        <v>61</v>
      </c>
      <c r="AB27612">
        <v>61</v>
      </c>
      <c r="AC27612">
        <v>62</v>
      </c>
      <c r="AD27612">
        <v>62</v>
      </c>
      <c r="AE27612">
        <v>63</v>
      </c>
      <c r="AF27612">
        <v>62</v>
      </c>
      <c r="AG27612">
        <v>62</v>
      </c>
      <c r="AH27612">
        <v>62</v>
      </c>
      <c r="AI27612">
        <v>62</v>
      </c>
      <c r="AJ27612">
        <v>61</v>
      </c>
      <c r="AK27612">
        <v>61</v>
      </c>
      <c r="AL27612">
        <v>61</v>
      </c>
      <c r="AM27612">
        <v>61</v>
      </c>
      <c r="AN27612">
        <v>61</v>
      </c>
      <c r="AO27612">
        <v>60</v>
      </c>
      <c r="AP27612">
        <v>60</v>
      </c>
      <c r="AQ27612">
        <v>60</v>
      </c>
    </row>
    <row r="27613" spans="1:43">
      <c r="A27613" t="s">
        <v>17089</v>
      </c>
      <c r="B27613" t="s">
        <v>17090</v>
      </c>
      <c r="C27613" t="s">
        <v>17087</v>
      </c>
      <c r="D27613" t="s">
        <v>17088</v>
      </c>
      <c r="E27613" t="s">
        <v>16923</v>
      </c>
      <c r="F27613" t="s">
        <v>16924</v>
      </c>
      <c r="G27613" t="s">
        <v>16559</v>
      </c>
      <c r="H27613" t="s">
        <v>16560</v>
      </c>
      <c r="I27613" s="2">
        <v>1</v>
      </c>
      <c r="J27613" s="2">
        <v>0</v>
      </c>
      <c r="K27613" s="2">
        <v>0</v>
      </c>
      <c r="L27613" t="s">
        <v>120</v>
      </c>
      <c r="M27613" t="s">
        <v>83</v>
      </c>
      <c r="N27613" t="s">
        <v>91</v>
      </c>
      <c r="O27613" t="s">
        <v>85</v>
      </c>
      <c r="P27613" t="s">
        <v>86</v>
      </c>
      <c r="Q27613">
        <v>54</v>
      </c>
      <c r="R27613">
        <v>54</v>
      </c>
      <c r="S27613">
        <v>55</v>
      </c>
      <c r="T27613">
        <v>55</v>
      </c>
      <c r="U27613">
        <v>55</v>
      </c>
      <c r="V27613">
        <v>56</v>
      </c>
      <c r="W27613">
        <v>56</v>
      </c>
      <c r="X27613">
        <v>56</v>
      </c>
      <c r="Y27613">
        <v>57</v>
      </c>
      <c r="Z27613">
        <v>57</v>
      </c>
      <c r="AA27613">
        <v>57</v>
      </c>
      <c r="AB27613">
        <v>58</v>
      </c>
      <c r="AC27613">
        <v>58</v>
      </c>
      <c r="AD27613">
        <v>58</v>
      </c>
      <c r="AE27613">
        <v>58</v>
      </c>
      <c r="AF27613">
        <v>59</v>
      </c>
      <c r="AG27613">
        <v>59</v>
      </c>
      <c r="AH27613">
        <v>59</v>
      </c>
      <c r="AI27613">
        <v>59</v>
      </c>
      <c r="AJ27613">
        <v>60</v>
      </c>
      <c r="AK27613">
        <v>60</v>
      </c>
      <c r="AL27613">
        <v>60</v>
      </c>
      <c r="AM27613">
        <v>60</v>
      </c>
      <c r="AN27613">
        <v>60</v>
      </c>
      <c r="AO27613">
        <v>59</v>
      </c>
      <c r="AP27613">
        <v>59</v>
      </c>
      <c r="AQ27613">
        <v>59</v>
      </c>
    </row>
    <row r="27614" spans="1:43">
      <c r="A27614" t="s">
        <v>17091</v>
      </c>
      <c r="B27614" t="s">
        <v>17092</v>
      </c>
      <c r="C27614" t="s">
        <v>17093</v>
      </c>
      <c r="D27614" t="s">
        <v>17094</v>
      </c>
      <c r="E27614" t="s">
        <v>16923</v>
      </c>
      <c r="F27614" t="s">
        <v>16924</v>
      </c>
      <c r="G27614" t="s">
        <v>16559</v>
      </c>
      <c r="H27614" t="s">
        <v>16560</v>
      </c>
      <c r="I27614" s="2">
        <v>1</v>
      </c>
      <c r="J27614" s="2">
        <v>0</v>
      </c>
      <c r="K27614" s="2">
        <v>0</v>
      </c>
      <c r="L27614" t="s">
        <v>120</v>
      </c>
      <c r="M27614" t="s">
        <v>83</v>
      </c>
      <c r="N27614" t="s">
        <v>84</v>
      </c>
      <c r="O27614" t="s">
        <v>85</v>
      </c>
      <c r="P27614" t="s">
        <v>86</v>
      </c>
      <c r="Q27614">
        <v>28</v>
      </c>
      <c r="R27614">
        <v>28</v>
      </c>
      <c r="S27614">
        <v>28</v>
      </c>
      <c r="T27614">
        <v>28</v>
      </c>
      <c r="U27614">
        <v>28</v>
      </c>
      <c r="V27614">
        <v>28</v>
      </c>
      <c r="W27614">
        <v>29</v>
      </c>
      <c r="X27614">
        <v>29</v>
      </c>
      <c r="Y27614">
        <v>29</v>
      </c>
      <c r="Z27614">
        <v>29</v>
      </c>
      <c r="AA27614">
        <v>29</v>
      </c>
      <c r="AB27614">
        <v>29</v>
      </c>
      <c r="AC27614">
        <v>29</v>
      </c>
      <c r="AD27614">
        <v>29</v>
      </c>
      <c r="AE27614">
        <v>29</v>
      </c>
      <c r="AF27614">
        <v>29</v>
      </c>
      <c r="AG27614">
        <v>29</v>
      </c>
      <c r="AH27614">
        <v>29</v>
      </c>
      <c r="AI27614">
        <v>30</v>
      </c>
      <c r="AJ27614">
        <v>30</v>
      </c>
      <c r="AK27614">
        <v>30</v>
      </c>
      <c r="AL27614">
        <v>30</v>
      </c>
      <c r="AM27614">
        <v>29</v>
      </c>
      <c r="AN27614">
        <v>29</v>
      </c>
      <c r="AO27614">
        <v>29</v>
      </c>
      <c r="AP27614">
        <v>29</v>
      </c>
      <c r="AQ27614">
        <v>29</v>
      </c>
    </row>
    <row r="27615" spans="1:43">
      <c r="A27615" t="s">
        <v>17091</v>
      </c>
      <c r="B27615" t="s">
        <v>17092</v>
      </c>
      <c r="C27615" t="s">
        <v>17093</v>
      </c>
      <c r="D27615" t="s">
        <v>17094</v>
      </c>
      <c r="E27615" t="s">
        <v>16923</v>
      </c>
      <c r="F27615" t="s">
        <v>16924</v>
      </c>
      <c r="G27615" t="s">
        <v>16559</v>
      </c>
      <c r="H27615" t="s">
        <v>16560</v>
      </c>
      <c r="I27615" s="2">
        <v>1</v>
      </c>
      <c r="J27615" s="2">
        <v>0</v>
      </c>
      <c r="K27615" s="2">
        <v>0</v>
      </c>
      <c r="L27615" t="s">
        <v>120</v>
      </c>
      <c r="M27615" t="s">
        <v>87</v>
      </c>
      <c r="N27615" t="s">
        <v>88</v>
      </c>
      <c r="O27615" t="s">
        <v>85</v>
      </c>
      <c r="P27615" t="s">
        <v>86</v>
      </c>
      <c r="Q27615">
        <v>28</v>
      </c>
      <c r="R27615">
        <v>27</v>
      </c>
      <c r="S27615">
        <v>27</v>
      </c>
      <c r="T27615">
        <v>27</v>
      </c>
      <c r="U27615">
        <v>27</v>
      </c>
      <c r="V27615">
        <v>27</v>
      </c>
      <c r="W27615">
        <v>27</v>
      </c>
      <c r="X27615">
        <v>27</v>
      </c>
      <c r="Y27615">
        <v>27</v>
      </c>
      <c r="Z27615">
        <v>27</v>
      </c>
      <c r="AA27615">
        <v>26</v>
      </c>
      <c r="AB27615">
        <v>26</v>
      </c>
      <c r="AC27615">
        <v>26</v>
      </c>
      <c r="AD27615">
        <v>26</v>
      </c>
      <c r="AE27615">
        <v>26</v>
      </c>
      <c r="AF27615">
        <v>26</v>
      </c>
      <c r="AG27615">
        <v>26</v>
      </c>
      <c r="AH27615">
        <v>26</v>
      </c>
      <c r="AI27615">
        <v>26</v>
      </c>
      <c r="AJ27615">
        <v>25</v>
      </c>
      <c r="AK27615">
        <v>25</v>
      </c>
      <c r="AL27615">
        <v>25</v>
      </c>
      <c r="AM27615">
        <v>25</v>
      </c>
      <c r="AN27615">
        <v>25</v>
      </c>
      <c r="AO27615">
        <v>25</v>
      </c>
      <c r="AP27615">
        <v>25</v>
      </c>
      <c r="AQ27615">
        <v>25</v>
      </c>
    </row>
    <row r="27616" spans="1:43">
      <c r="A27616" t="s">
        <v>17091</v>
      </c>
      <c r="B27616" t="s">
        <v>17092</v>
      </c>
      <c r="C27616" t="s">
        <v>17093</v>
      </c>
      <c r="D27616" t="s">
        <v>17094</v>
      </c>
      <c r="E27616" t="s">
        <v>16923</v>
      </c>
      <c r="F27616" t="s">
        <v>16924</v>
      </c>
      <c r="G27616" t="s">
        <v>16559</v>
      </c>
      <c r="H27616" t="s">
        <v>16560</v>
      </c>
      <c r="I27616" s="2">
        <v>1</v>
      </c>
      <c r="J27616" s="2">
        <v>0</v>
      </c>
      <c r="K27616" s="2">
        <v>0</v>
      </c>
      <c r="L27616" t="s">
        <v>120</v>
      </c>
      <c r="M27616" t="s">
        <v>89</v>
      </c>
      <c r="N27616" t="s">
        <v>90</v>
      </c>
      <c r="O27616" t="s">
        <v>85</v>
      </c>
      <c r="P27616" t="s">
        <v>86</v>
      </c>
      <c r="Q27616">
        <v>28</v>
      </c>
      <c r="R27616">
        <v>28</v>
      </c>
      <c r="S27616">
        <v>29</v>
      </c>
      <c r="T27616">
        <v>29</v>
      </c>
      <c r="U27616">
        <v>29</v>
      </c>
      <c r="V27616">
        <v>30</v>
      </c>
      <c r="W27616">
        <v>30</v>
      </c>
      <c r="X27616">
        <v>30</v>
      </c>
      <c r="Y27616">
        <v>30</v>
      </c>
      <c r="Z27616">
        <v>31</v>
      </c>
      <c r="AA27616">
        <v>31</v>
      </c>
      <c r="AB27616">
        <v>31</v>
      </c>
      <c r="AC27616">
        <v>31</v>
      </c>
      <c r="AD27616">
        <v>31</v>
      </c>
      <c r="AE27616">
        <v>31</v>
      </c>
      <c r="AF27616">
        <v>31</v>
      </c>
      <c r="AG27616">
        <v>31</v>
      </c>
      <c r="AH27616">
        <v>31</v>
      </c>
      <c r="AI27616">
        <v>30</v>
      </c>
      <c r="AJ27616">
        <v>30</v>
      </c>
      <c r="AK27616">
        <v>30</v>
      </c>
      <c r="AL27616">
        <v>30</v>
      </c>
      <c r="AM27616">
        <v>30</v>
      </c>
      <c r="AN27616">
        <v>29</v>
      </c>
      <c r="AO27616">
        <v>29</v>
      </c>
      <c r="AP27616">
        <v>29</v>
      </c>
      <c r="AQ27616">
        <v>29</v>
      </c>
    </row>
    <row r="27617" spans="1:43">
      <c r="A27617" t="s">
        <v>17091</v>
      </c>
      <c r="B27617" t="s">
        <v>17092</v>
      </c>
      <c r="C27617" t="s">
        <v>17093</v>
      </c>
      <c r="D27617" t="s">
        <v>17094</v>
      </c>
      <c r="E27617" t="s">
        <v>16923</v>
      </c>
      <c r="F27617" t="s">
        <v>16924</v>
      </c>
      <c r="G27617" t="s">
        <v>16559</v>
      </c>
      <c r="H27617" t="s">
        <v>16560</v>
      </c>
      <c r="I27617" s="2">
        <v>1</v>
      </c>
      <c r="J27617" s="2">
        <v>0</v>
      </c>
      <c r="K27617" s="2">
        <v>0</v>
      </c>
      <c r="L27617" t="s">
        <v>120</v>
      </c>
      <c r="M27617" t="s">
        <v>83</v>
      </c>
      <c r="N27617" t="s">
        <v>91</v>
      </c>
      <c r="O27617" t="s">
        <v>85</v>
      </c>
      <c r="P27617" t="s">
        <v>86</v>
      </c>
      <c r="Q27617">
        <v>28</v>
      </c>
      <c r="R27617">
        <v>28</v>
      </c>
      <c r="S27617">
        <v>28</v>
      </c>
      <c r="T27617">
        <v>28</v>
      </c>
      <c r="U27617">
        <v>28</v>
      </c>
      <c r="V27617">
        <v>28</v>
      </c>
      <c r="W27617">
        <v>29</v>
      </c>
      <c r="X27617">
        <v>29</v>
      </c>
      <c r="Y27617">
        <v>29</v>
      </c>
      <c r="Z27617">
        <v>29</v>
      </c>
      <c r="AA27617">
        <v>29</v>
      </c>
      <c r="AB27617">
        <v>29</v>
      </c>
      <c r="AC27617">
        <v>29</v>
      </c>
      <c r="AD27617">
        <v>29</v>
      </c>
      <c r="AE27617">
        <v>29</v>
      </c>
      <c r="AF27617">
        <v>29</v>
      </c>
      <c r="AG27617">
        <v>29</v>
      </c>
      <c r="AH27617">
        <v>29</v>
      </c>
      <c r="AI27617">
        <v>30</v>
      </c>
      <c r="AJ27617">
        <v>30</v>
      </c>
      <c r="AK27617">
        <v>30</v>
      </c>
      <c r="AL27617">
        <v>30</v>
      </c>
      <c r="AM27617">
        <v>29</v>
      </c>
      <c r="AN27617">
        <v>29</v>
      </c>
      <c r="AO27617">
        <v>29</v>
      </c>
      <c r="AP27617">
        <v>29</v>
      </c>
      <c r="AQ27617">
        <v>29</v>
      </c>
    </row>
    <row r="27618" spans="1:43">
      <c r="A27618" t="s">
        <v>17095</v>
      </c>
      <c r="B27618" t="s">
        <v>17096</v>
      </c>
      <c r="C27618" t="s">
        <v>17093</v>
      </c>
      <c r="D27618" t="s">
        <v>17094</v>
      </c>
      <c r="E27618" t="s">
        <v>16923</v>
      </c>
      <c r="F27618" t="s">
        <v>16924</v>
      </c>
      <c r="G27618" t="s">
        <v>16559</v>
      </c>
      <c r="H27618" t="s">
        <v>16560</v>
      </c>
      <c r="I27618" s="2">
        <v>1</v>
      </c>
      <c r="J27618" s="2">
        <v>0</v>
      </c>
      <c r="K27618" s="2">
        <v>0</v>
      </c>
      <c r="L27618" t="s">
        <v>120</v>
      </c>
      <c r="M27618" t="s">
        <v>83</v>
      </c>
      <c r="N27618" t="s">
        <v>84</v>
      </c>
      <c r="O27618" t="s">
        <v>85</v>
      </c>
      <c r="P27618" t="s">
        <v>86</v>
      </c>
      <c r="Q27618">
        <v>7</v>
      </c>
      <c r="R27618">
        <v>7</v>
      </c>
      <c r="S27618">
        <v>7</v>
      </c>
      <c r="T27618">
        <v>7</v>
      </c>
      <c r="U27618">
        <v>7</v>
      </c>
      <c r="V27618">
        <v>7</v>
      </c>
      <c r="W27618">
        <v>7</v>
      </c>
      <c r="X27618">
        <v>7</v>
      </c>
      <c r="Y27618">
        <v>7</v>
      </c>
      <c r="Z27618">
        <v>7</v>
      </c>
      <c r="AA27618">
        <v>7</v>
      </c>
      <c r="AB27618">
        <v>7</v>
      </c>
      <c r="AC27618">
        <v>7</v>
      </c>
      <c r="AD27618">
        <v>7</v>
      </c>
      <c r="AE27618">
        <v>7</v>
      </c>
      <c r="AF27618">
        <v>7</v>
      </c>
      <c r="AG27618">
        <v>7</v>
      </c>
      <c r="AH27618">
        <v>8</v>
      </c>
      <c r="AI27618">
        <v>8</v>
      </c>
      <c r="AJ27618">
        <v>8</v>
      </c>
      <c r="AK27618">
        <v>8</v>
      </c>
      <c r="AL27618">
        <v>8</v>
      </c>
      <c r="AM27618">
        <v>7</v>
      </c>
      <c r="AN27618">
        <v>7</v>
      </c>
      <c r="AO27618">
        <v>7</v>
      </c>
      <c r="AP27618">
        <v>7</v>
      </c>
      <c r="AQ27618">
        <v>7</v>
      </c>
    </row>
    <row r="27619" spans="1:43">
      <c r="A27619" t="s">
        <v>17095</v>
      </c>
      <c r="B27619" t="s">
        <v>17096</v>
      </c>
      <c r="C27619" t="s">
        <v>17093</v>
      </c>
      <c r="D27619" t="s">
        <v>17094</v>
      </c>
      <c r="E27619" t="s">
        <v>16923</v>
      </c>
      <c r="F27619" t="s">
        <v>16924</v>
      </c>
      <c r="G27619" t="s">
        <v>16559</v>
      </c>
      <c r="H27619" t="s">
        <v>16560</v>
      </c>
      <c r="I27619" s="2">
        <v>1</v>
      </c>
      <c r="J27619" s="2">
        <v>0</v>
      </c>
      <c r="K27619" s="2">
        <v>0</v>
      </c>
      <c r="L27619" t="s">
        <v>120</v>
      </c>
      <c r="M27619" t="s">
        <v>87</v>
      </c>
      <c r="N27619" t="s">
        <v>88</v>
      </c>
      <c r="O27619" t="s">
        <v>85</v>
      </c>
      <c r="P27619" t="s">
        <v>86</v>
      </c>
      <c r="Q27619">
        <v>7</v>
      </c>
      <c r="R27619">
        <v>7</v>
      </c>
      <c r="S27619">
        <v>7</v>
      </c>
      <c r="T27619">
        <v>7</v>
      </c>
      <c r="U27619">
        <v>7</v>
      </c>
      <c r="V27619">
        <v>7</v>
      </c>
      <c r="W27619">
        <v>7</v>
      </c>
      <c r="X27619">
        <v>7</v>
      </c>
      <c r="Y27619">
        <v>7</v>
      </c>
      <c r="Z27619">
        <v>7</v>
      </c>
      <c r="AA27619">
        <v>7</v>
      </c>
      <c r="AB27619">
        <v>7</v>
      </c>
      <c r="AC27619">
        <v>7</v>
      </c>
      <c r="AD27619">
        <v>7</v>
      </c>
      <c r="AE27619">
        <v>7</v>
      </c>
      <c r="AF27619">
        <v>7</v>
      </c>
      <c r="AG27619">
        <v>7</v>
      </c>
      <c r="AH27619">
        <v>7</v>
      </c>
      <c r="AI27619">
        <v>7</v>
      </c>
      <c r="AJ27619">
        <v>6</v>
      </c>
      <c r="AK27619">
        <v>6</v>
      </c>
      <c r="AL27619">
        <v>6</v>
      </c>
      <c r="AM27619">
        <v>6</v>
      </c>
      <c r="AN27619">
        <v>6</v>
      </c>
      <c r="AO27619">
        <v>6</v>
      </c>
      <c r="AP27619">
        <v>6</v>
      </c>
      <c r="AQ27619">
        <v>6</v>
      </c>
    </row>
    <row r="27620" spans="1:43">
      <c r="A27620" t="s">
        <v>17095</v>
      </c>
      <c r="B27620" t="s">
        <v>17096</v>
      </c>
      <c r="C27620" t="s">
        <v>17093</v>
      </c>
      <c r="D27620" t="s">
        <v>17094</v>
      </c>
      <c r="E27620" t="s">
        <v>16923</v>
      </c>
      <c r="F27620" t="s">
        <v>16924</v>
      </c>
      <c r="G27620" t="s">
        <v>16559</v>
      </c>
      <c r="H27620" t="s">
        <v>16560</v>
      </c>
      <c r="I27620" s="2">
        <v>1</v>
      </c>
      <c r="J27620" s="2">
        <v>0</v>
      </c>
      <c r="K27620" s="2">
        <v>0</v>
      </c>
      <c r="L27620" t="s">
        <v>120</v>
      </c>
      <c r="M27620" t="s">
        <v>89</v>
      </c>
      <c r="N27620" t="s">
        <v>90</v>
      </c>
      <c r="O27620" t="s">
        <v>85</v>
      </c>
      <c r="P27620" t="s">
        <v>86</v>
      </c>
      <c r="Q27620">
        <v>7</v>
      </c>
      <c r="R27620">
        <v>7</v>
      </c>
      <c r="S27620">
        <v>7</v>
      </c>
      <c r="T27620">
        <v>7</v>
      </c>
      <c r="U27620">
        <v>7</v>
      </c>
      <c r="V27620">
        <v>8</v>
      </c>
      <c r="W27620">
        <v>8</v>
      </c>
      <c r="X27620">
        <v>8</v>
      </c>
      <c r="Y27620">
        <v>8</v>
      </c>
      <c r="Z27620">
        <v>8</v>
      </c>
      <c r="AA27620">
        <v>8</v>
      </c>
      <c r="AB27620">
        <v>8</v>
      </c>
      <c r="AC27620">
        <v>8</v>
      </c>
      <c r="AD27620">
        <v>8</v>
      </c>
      <c r="AE27620">
        <v>8</v>
      </c>
      <c r="AF27620">
        <v>8</v>
      </c>
      <c r="AG27620">
        <v>8</v>
      </c>
      <c r="AH27620">
        <v>8</v>
      </c>
      <c r="AI27620">
        <v>8</v>
      </c>
      <c r="AJ27620">
        <v>8</v>
      </c>
      <c r="AK27620">
        <v>8</v>
      </c>
      <c r="AL27620">
        <v>8</v>
      </c>
      <c r="AM27620">
        <v>8</v>
      </c>
      <c r="AN27620">
        <v>7</v>
      </c>
      <c r="AO27620">
        <v>7</v>
      </c>
      <c r="AP27620">
        <v>7</v>
      </c>
      <c r="AQ27620">
        <v>7</v>
      </c>
    </row>
    <row r="27621" spans="1:43">
      <c r="A27621" t="s">
        <v>17095</v>
      </c>
      <c r="B27621" t="s">
        <v>17096</v>
      </c>
      <c r="C27621" t="s">
        <v>17093</v>
      </c>
      <c r="D27621" t="s">
        <v>17094</v>
      </c>
      <c r="E27621" t="s">
        <v>16923</v>
      </c>
      <c r="F27621" t="s">
        <v>16924</v>
      </c>
      <c r="G27621" t="s">
        <v>16559</v>
      </c>
      <c r="H27621" t="s">
        <v>16560</v>
      </c>
      <c r="I27621" s="2">
        <v>1</v>
      </c>
      <c r="J27621" s="2">
        <v>0</v>
      </c>
      <c r="K27621" s="2">
        <v>0</v>
      </c>
      <c r="L27621" t="s">
        <v>120</v>
      </c>
      <c r="M27621" t="s">
        <v>83</v>
      </c>
      <c r="N27621" t="s">
        <v>91</v>
      </c>
      <c r="O27621" t="s">
        <v>85</v>
      </c>
      <c r="P27621" t="s">
        <v>86</v>
      </c>
      <c r="Q27621">
        <v>7</v>
      </c>
      <c r="R27621">
        <v>7</v>
      </c>
      <c r="S27621">
        <v>7</v>
      </c>
      <c r="T27621">
        <v>7</v>
      </c>
      <c r="U27621">
        <v>7</v>
      </c>
      <c r="V27621">
        <v>7</v>
      </c>
      <c r="W27621">
        <v>7</v>
      </c>
      <c r="X27621">
        <v>7</v>
      </c>
      <c r="Y27621">
        <v>7</v>
      </c>
      <c r="Z27621">
        <v>7</v>
      </c>
      <c r="AA27621">
        <v>7</v>
      </c>
      <c r="AB27621">
        <v>7</v>
      </c>
      <c r="AC27621">
        <v>7</v>
      </c>
      <c r="AD27621">
        <v>7</v>
      </c>
      <c r="AE27621">
        <v>7</v>
      </c>
      <c r="AF27621">
        <v>7</v>
      </c>
      <c r="AG27621">
        <v>7</v>
      </c>
      <c r="AH27621">
        <v>8</v>
      </c>
      <c r="AI27621">
        <v>8</v>
      </c>
      <c r="AJ27621">
        <v>8</v>
      </c>
      <c r="AK27621">
        <v>8</v>
      </c>
      <c r="AL27621">
        <v>8</v>
      </c>
      <c r="AM27621">
        <v>7</v>
      </c>
      <c r="AN27621">
        <v>7</v>
      </c>
      <c r="AO27621">
        <v>7</v>
      </c>
      <c r="AP27621">
        <v>7</v>
      </c>
      <c r="AQ27621">
        <v>7</v>
      </c>
    </row>
    <row r="27622" spans="1:43">
      <c r="A27622" t="s">
        <v>17097</v>
      </c>
      <c r="B27622" t="s">
        <v>17098</v>
      </c>
      <c r="C27622" t="s">
        <v>17093</v>
      </c>
      <c r="D27622" t="s">
        <v>17094</v>
      </c>
      <c r="E27622" t="s">
        <v>16923</v>
      </c>
      <c r="F27622" t="s">
        <v>16924</v>
      </c>
      <c r="G27622" t="s">
        <v>16559</v>
      </c>
      <c r="H27622" t="s">
        <v>16560</v>
      </c>
      <c r="I27622" s="2">
        <v>1</v>
      </c>
      <c r="J27622" s="2">
        <v>0</v>
      </c>
      <c r="K27622" s="2">
        <v>0</v>
      </c>
      <c r="L27622" t="s">
        <v>120</v>
      </c>
      <c r="M27622" t="s">
        <v>83</v>
      </c>
      <c r="N27622" t="s">
        <v>84</v>
      </c>
      <c r="O27622" t="s">
        <v>85</v>
      </c>
      <c r="P27622" t="s">
        <v>86</v>
      </c>
      <c r="Q27622">
        <v>148</v>
      </c>
      <c r="R27622">
        <v>149</v>
      </c>
      <c r="S27622">
        <v>150</v>
      </c>
      <c r="T27622">
        <v>151</v>
      </c>
      <c r="U27622">
        <v>152</v>
      </c>
      <c r="V27622">
        <v>153</v>
      </c>
      <c r="W27622">
        <v>154</v>
      </c>
      <c r="X27622">
        <v>154</v>
      </c>
      <c r="Y27622">
        <v>155</v>
      </c>
      <c r="Z27622">
        <v>156</v>
      </c>
      <c r="AA27622">
        <v>157</v>
      </c>
      <c r="AB27622">
        <v>158</v>
      </c>
      <c r="AC27622">
        <v>158</v>
      </c>
      <c r="AD27622">
        <v>159</v>
      </c>
      <c r="AE27622">
        <v>160</v>
      </c>
      <c r="AF27622">
        <v>160</v>
      </c>
      <c r="AG27622">
        <v>161</v>
      </c>
      <c r="AH27622">
        <v>162</v>
      </c>
      <c r="AI27622">
        <v>162</v>
      </c>
      <c r="AJ27622">
        <v>163</v>
      </c>
      <c r="AK27622">
        <v>164</v>
      </c>
      <c r="AL27622">
        <v>164</v>
      </c>
      <c r="AM27622">
        <v>163</v>
      </c>
      <c r="AN27622">
        <v>162</v>
      </c>
      <c r="AO27622">
        <v>162</v>
      </c>
      <c r="AP27622">
        <v>161</v>
      </c>
      <c r="AQ27622">
        <v>161</v>
      </c>
    </row>
    <row r="27623" spans="1:43">
      <c r="A27623" t="s">
        <v>17097</v>
      </c>
      <c r="B27623" t="s">
        <v>17098</v>
      </c>
      <c r="C27623" t="s">
        <v>17093</v>
      </c>
      <c r="D27623" t="s">
        <v>17094</v>
      </c>
      <c r="E27623" t="s">
        <v>16923</v>
      </c>
      <c r="F27623" t="s">
        <v>16924</v>
      </c>
      <c r="G27623" t="s">
        <v>16559</v>
      </c>
      <c r="H27623" t="s">
        <v>16560</v>
      </c>
      <c r="I27623" s="2">
        <v>1</v>
      </c>
      <c r="J27623" s="2">
        <v>0</v>
      </c>
      <c r="K27623" s="2">
        <v>0</v>
      </c>
      <c r="L27623" t="s">
        <v>120</v>
      </c>
      <c r="M27623" t="s">
        <v>87</v>
      </c>
      <c r="N27623" t="s">
        <v>88</v>
      </c>
      <c r="O27623" t="s">
        <v>85</v>
      </c>
      <c r="P27623" t="s">
        <v>86</v>
      </c>
      <c r="Q27623">
        <v>148</v>
      </c>
      <c r="R27623">
        <v>148</v>
      </c>
      <c r="S27623">
        <v>148</v>
      </c>
      <c r="T27623">
        <v>147</v>
      </c>
      <c r="U27623">
        <v>147</v>
      </c>
      <c r="V27623">
        <v>147</v>
      </c>
      <c r="W27623">
        <v>146</v>
      </c>
      <c r="X27623">
        <v>146</v>
      </c>
      <c r="Y27623">
        <v>146</v>
      </c>
      <c r="Z27623">
        <v>145</v>
      </c>
      <c r="AA27623">
        <v>145</v>
      </c>
      <c r="AB27623">
        <v>145</v>
      </c>
      <c r="AC27623">
        <v>144</v>
      </c>
      <c r="AD27623">
        <v>144</v>
      </c>
      <c r="AE27623">
        <v>144</v>
      </c>
      <c r="AF27623">
        <v>143</v>
      </c>
      <c r="AG27623">
        <v>143</v>
      </c>
      <c r="AH27623">
        <v>143</v>
      </c>
      <c r="AI27623">
        <v>143</v>
      </c>
      <c r="AJ27623">
        <v>142</v>
      </c>
      <c r="AK27623">
        <v>142</v>
      </c>
      <c r="AL27623">
        <v>142</v>
      </c>
      <c r="AM27623">
        <v>142</v>
      </c>
      <c r="AN27623">
        <v>141</v>
      </c>
      <c r="AO27623">
        <v>141</v>
      </c>
      <c r="AP27623">
        <v>141</v>
      </c>
      <c r="AQ27623">
        <v>141</v>
      </c>
    </row>
    <row r="27624" spans="1:43">
      <c r="A27624" t="s">
        <v>17097</v>
      </c>
      <c r="B27624" t="s">
        <v>17098</v>
      </c>
      <c r="C27624" t="s">
        <v>17093</v>
      </c>
      <c r="D27624" t="s">
        <v>17094</v>
      </c>
      <c r="E27624" t="s">
        <v>16923</v>
      </c>
      <c r="F27624" t="s">
        <v>16924</v>
      </c>
      <c r="G27624" t="s">
        <v>16559</v>
      </c>
      <c r="H27624" t="s">
        <v>16560</v>
      </c>
      <c r="I27624" s="2">
        <v>1</v>
      </c>
      <c r="J27624" s="2">
        <v>0</v>
      </c>
      <c r="K27624" s="2">
        <v>0</v>
      </c>
      <c r="L27624" t="s">
        <v>120</v>
      </c>
      <c r="M27624" t="s">
        <v>89</v>
      </c>
      <c r="N27624" t="s">
        <v>90</v>
      </c>
      <c r="O27624" t="s">
        <v>85</v>
      </c>
      <c r="P27624" t="s">
        <v>86</v>
      </c>
      <c r="Q27624">
        <v>148</v>
      </c>
      <c r="R27624">
        <v>150</v>
      </c>
      <c r="S27624">
        <v>153</v>
      </c>
      <c r="T27624">
        <v>155</v>
      </c>
      <c r="U27624">
        <v>157</v>
      </c>
      <c r="V27624">
        <v>158</v>
      </c>
      <c r="W27624">
        <v>160</v>
      </c>
      <c r="X27624">
        <v>162</v>
      </c>
      <c r="Y27624">
        <v>163</v>
      </c>
      <c r="Z27624">
        <v>165</v>
      </c>
      <c r="AA27624">
        <v>166</v>
      </c>
      <c r="AB27624">
        <v>167</v>
      </c>
      <c r="AC27624">
        <v>169</v>
      </c>
      <c r="AD27624">
        <v>170</v>
      </c>
      <c r="AE27624">
        <v>170</v>
      </c>
      <c r="AF27624">
        <v>169</v>
      </c>
      <c r="AG27624">
        <v>169</v>
      </c>
      <c r="AH27624">
        <v>168</v>
      </c>
      <c r="AI27624">
        <v>167</v>
      </c>
      <c r="AJ27624">
        <v>167</v>
      </c>
      <c r="AK27624">
        <v>166</v>
      </c>
      <c r="AL27624">
        <v>165</v>
      </c>
      <c r="AM27624">
        <v>164</v>
      </c>
      <c r="AN27624">
        <v>164</v>
      </c>
      <c r="AO27624">
        <v>163</v>
      </c>
      <c r="AP27624">
        <v>163</v>
      </c>
      <c r="AQ27624">
        <v>162</v>
      </c>
    </row>
    <row r="27625" spans="1:43">
      <c r="A27625" t="s">
        <v>17097</v>
      </c>
      <c r="B27625" t="s">
        <v>17098</v>
      </c>
      <c r="C27625" t="s">
        <v>17093</v>
      </c>
      <c r="D27625" t="s">
        <v>17094</v>
      </c>
      <c r="E27625" t="s">
        <v>16923</v>
      </c>
      <c r="F27625" t="s">
        <v>16924</v>
      </c>
      <c r="G27625" t="s">
        <v>16559</v>
      </c>
      <c r="H27625" t="s">
        <v>16560</v>
      </c>
      <c r="I27625" s="2">
        <v>1</v>
      </c>
      <c r="J27625" s="2">
        <v>0</v>
      </c>
      <c r="K27625" s="2">
        <v>0</v>
      </c>
      <c r="L27625" t="s">
        <v>120</v>
      </c>
      <c r="M27625" t="s">
        <v>83</v>
      </c>
      <c r="N27625" t="s">
        <v>91</v>
      </c>
      <c r="O27625" t="s">
        <v>85</v>
      </c>
      <c r="P27625" t="s">
        <v>86</v>
      </c>
      <c r="Q27625">
        <v>148</v>
      </c>
      <c r="R27625">
        <v>149</v>
      </c>
      <c r="S27625">
        <v>150</v>
      </c>
      <c r="T27625">
        <v>151</v>
      </c>
      <c r="U27625">
        <v>152</v>
      </c>
      <c r="V27625">
        <v>153</v>
      </c>
      <c r="W27625">
        <v>154</v>
      </c>
      <c r="X27625">
        <v>154</v>
      </c>
      <c r="Y27625">
        <v>155</v>
      </c>
      <c r="Z27625">
        <v>156</v>
      </c>
      <c r="AA27625">
        <v>157</v>
      </c>
      <c r="AB27625">
        <v>158</v>
      </c>
      <c r="AC27625">
        <v>158</v>
      </c>
      <c r="AD27625">
        <v>159</v>
      </c>
      <c r="AE27625">
        <v>160</v>
      </c>
      <c r="AF27625">
        <v>160</v>
      </c>
      <c r="AG27625">
        <v>161</v>
      </c>
      <c r="AH27625">
        <v>162</v>
      </c>
      <c r="AI27625">
        <v>162</v>
      </c>
      <c r="AJ27625">
        <v>163</v>
      </c>
      <c r="AK27625">
        <v>164</v>
      </c>
      <c r="AL27625">
        <v>164</v>
      </c>
      <c r="AM27625">
        <v>163</v>
      </c>
      <c r="AN27625">
        <v>162</v>
      </c>
      <c r="AO27625">
        <v>162</v>
      </c>
      <c r="AP27625">
        <v>161</v>
      </c>
      <c r="AQ27625">
        <v>161</v>
      </c>
    </row>
    <row r="27626" spans="1:43">
      <c r="A27626" t="s">
        <v>17099</v>
      </c>
      <c r="B27626" t="s">
        <v>17100</v>
      </c>
      <c r="C27626" t="s">
        <v>17087</v>
      </c>
      <c r="D27626" t="s">
        <v>17088</v>
      </c>
      <c r="E27626" t="s">
        <v>16923</v>
      </c>
      <c r="F27626" t="s">
        <v>16924</v>
      </c>
      <c r="G27626" t="s">
        <v>16559</v>
      </c>
      <c r="H27626" t="s">
        <v>16560</v>
      </c>
      <c r="I27626" s="2">
        <v>1</v>
      </c>
      <c r="J27626" s="2">
        <v>0</v>
      </c>
      <c r="K27626" s="2">
        <v>0</v>
      </c>
      <c r="L27626" t="s">
        <v>120</v>
      </c>
      <c r="M27626" t="s">
        <v>83</v>
      </c>
      <c r="N27626" t="s">
        <v>84</v>
      </c>
      <c r="O27626" t="s">
        <v>85</v>
      </c>
      <c r="P27626" t="s">
        <v>86</v>
      </c>
      <c r="Q27626">
        <v>16</v>
      </c>
      <c r="R27626">
        <v>16</v>
      </c>
      <c r="S27626">
        <v>16</v>
      </c>
      <c r="T27626">
        <v>16</v>
      </c>
      <c r="U27626">
        <v>16</v>
      </c>
      <c r="V27626">
        <v>16</v>
      </c>
      <c r="W27626">
        <v>16</v>
      </c>
      <c r="X27626">
        <v>16</v>
      </c>
      <c r="Y27626">
        <v>16</v>
      </c>
      <c r="Z27626">
        <v>16</v>
      </c>
      <c r="AA27626">
        <v>16</v>
      </c>
      <c r="AB27626">
        <v>16</v>
      </c>
      <c r="AC27626">
        <v>17</v>
      </c>
      <c r="AD27626">
        <v>17</v>
      </c>
      <c r="AE27626">
        <v>17</v>
      </c>
      <c r="AF27626">
        <v>17</v>
      </c>
      <c r="AG27626">
        <v>17</v>
      </c>
      <c r="AH27626">
        <v>17</v>
      </c>
      <c r="AI27626">
        <v>17</v>
      </c>
      <c r="AJ27626">
        <v>17</v>
      </c>
      <c r="AK27626">
        <v>17</v>
      </c>
      <c r="AL27626">
        <v>17</v>
      </c>
      <c r="AM27626">
        <v>17</v>
      </c>
      <c r="AN27626">
        <v>17</v>
      </c>
      <c r="AO27626">
        <v>16</v>
      </c>
      <c r="AP27626">
        <v>16</v>
      </c>
      <c r="AQ27626">
        <v>16</v>
      </c>
    </row>
    <row r="27627" spans="1:43">
      <c r="A27627" t="s">
        <v>17099</v>
      </c>
      <c r="B27627" t="s">
        <v>17100</v>
      </c>
      <c r="C27627" t="s">
        <v>17087</v>
      </c>
      <c r="D27627" t="s">
        <v>17088</v>
      </c>
      <c r="E27627" t="s">
        <v>16923</v>
      </c>
      <c r="F27627" t="s">
        <v>16924</v>
      </c>
      <c r="G27627" t="s">
        <v>16559</v>
      </c>
      <c r="H27627" t="s">
        <v>16560</v>
      </c>
      <c r="I27627" s="2">
        <v>1</v>
      </c>
      <c r="J27627" s="2">
        <v>0</v>
      </c>
      <c r="K27627" s="2">
        <v>0</v>
      </c>
      <c r="L27627" t="s">
        <v>120</v>
      </c>
      <c r="M27627" t="s">
        <v>87</v>
      </c>
      <c r="N27627" t="s">
        <v>88</v>
      </c>
      <c r="O27627" t="s">
        <v>85</v>
      </c>
      <c r="P27627" t="s">
        <v>86</v>
      </c>
      <c r="Q27627">
        <v>16</v>
      </c>
      <c r="R27627">
        <v>16</v>
      </c>
      <c r="S27627">
        <v>16</v>
      </c>
      <c r="T27627">
        <v>15</v>
      </c>
      <c r="U27627">
        <v>15</v>
      </c>
      <c r="V27627">
        <v>15</v>
      </c>
      <c r="W27627">
        <v>15</v>
      </c>
      <c r="X27627">
        <v>15</v>
      </c>
      <c r="Y27627">
        <v>15</v>
      </c>
      <c r="Z27627">
        <v>15</v>
      </c>
      <c r="AA27627">
        <v>15</v>
      </c>
      <c r="AB27627">
        <v>15</v>
      </c>
      <c r="AC27627">
        <v>15</v>
      </c>
      <c r="AD27627">
        <v>15</v>
      </c>
      <c r="AE27627">
        <v>15</v>
      </c>
      <c r="AF27627">
        <v>15</v>
      </c>
      <c r="AG27627">
        <v>15</v>
      </c>
      <c r="AH27627">
        <v>15</v>
      </c>
      <c r="AI27627">
        <v>14</v>
      </c>
      <c r="AJ27627">
        <v>14</v>
      </c>
      <c r="AK27627">
        <v>14</v>
      </c>
      <c r="AL27627">
        <v>14</v>
      </c>
      <c r="AM27627">
        <v>14</v>
      </c>
      <c r="AN27627">
        <v>14</v>
      </c>
      <c r="AO27627">
        <v>14</v>
      </c>
      <c r="AP27627">
        <v>14</v>
      </c>
      <c r="AQ27627">
        <v>14</v>
      </c>
    </row>
    <row r="27628" spans="1:43">
      <c r="A27628" t="s">
        <v>17099</v>
      </c>
      <c r="B27628" t="s">
        <v>17100</v>
      </c>
      <c r="C27628" t="s">
        <v>17087</v>
      </c>
      <c r="D27628" t="s">
        <v>17088</v>
      </c>
      <c r="E27628" t="s">
        <v>16923</v>
      </c>
      <c r="F27628" t="s">
        <v>16924</v>
      </c>
      <c r="G27628" t="s">
        <v>16559</v>
      </c>
      <c r="H27628" t="s">
        <v>16560</v>
      </c>
      <c r="I27628" s="2">
        <v>1</v>
      </c>
      <c r="J27628" s="2">
        <v>0</v>
      </c>
      <c r="K27628" s="2">
        <v>0</v>
      </c>
      <c r="L27628" t="s">
        <v>120</v>
      </c>
      <c r="M27628" t="s">
        <v>89</v>
      </c>
      <c r="N27628" t="s">
        <v>90</v>
      </c>
      <c r="O27628" t="s">
        <v>85</v>
      </c>
      <c r="P27628" t="s">
        <v>86</v>
      </c>
      <c r="Q27628">
        <v>16</v>
      </c>
      <c r="R27628">
        <v>16</v>
      </c>
      <c r="S27628">
        <v>16</v>
      </c>
      <c r="T27628">
        <v>17</v>
      </c>
      <c r="U27628">
        <v>17</v>
      </c>
      <c r="V27628">
        <v>17</v>
      </c>
      <c r="W27628">
        <v>17</v>
      </c>
      <c r="X27628">
        <v>17</v>
      </c>
      <c r="Y27628">
        <v>17</v>
      </c>
      <c r="Z27628">
        <v>17</v>
      </c>
      <c r="AA27628">
        <v>18</v>
      </c>
      <c r="AB27628">
        <v>18</v>
      </c>
      <c r="AC27628">
        <v>18</v>
      </c>
      <c r="AD27628">
        <v>18</v>
      </c>
      <c r="AE27628">
        <v>18</v>
      </c>
      <c r="AF27628">
        <v>18</v>
      </c>
      <c r="AG27628">
        <v>18</v>
      </c>
      <c r="AH27628">
        <v>17</v>
      </c>
      <c r="AI27628">
        <v>17</v>
      </c>
      <c r="AJ27628">
        <v>17</v>
      </c>
      <c r="AK27628">
        <v>17</v>
      </c>
      <c r="AL27628">
        <v>17</v>
      </c>
      <c r="AM27628">
        <v>17</v>
      </c>
      <c r="AN27628">
        <v>17</v>
      </c>
      <c r="AO27628">
        <v>17</v>
      </c>
      <c r="AP27628">
        <v>17</v>
      </c>
      <c r="AQ27628">
        <v>16</v>
      </c>
    </row>
    <row r="27629" spans="1:43">
      <c r="A27629" t="s">
        <v>17099</v>
      </c>
      <c r="B27629" t="s">
        <v>17100</v>
      </c>
      <c r="C27629" t="s">
        <v>17087</v>
      </c>
      <c r="D27629" t="s">
        <v>17088</v>
      </c>
      <c r="E27629" t="s">
        <v>16923</v>
      </c>
      <c r="F27629" t="s">
        <v>16924</v>
      </c>
      <c r="G27629" t="s">
        <v>16559</v>
      </c>
      <c r="H27629" t="s">
        <v>16560</v>
      </c>
      <c r="I27629" s="2">
        <v>1</v>
      </c>
      <c r="J27629" s="2">
        <v>0</v>
      </c>
      <c r="K27629" s="2">
        <v>0</v>
      </c>
      <c r="L27629" t="s">
        <v>120</v>
      </c>
      <c r="M27629" t="s">
        <v>83</v>
      </c>
      <c r="N27629" t="s">
        <v>91</v>
      </c>
      <c r="O27629" t="s">
        <v>85</v>
      </c>
      <c r="P27629" t="s">
        <v>86</v>
      </c>
      <c r="Q27629">
        <v>16</v>
      </c>
      <c r="R27629">
        <v>16</v>
      </c>
      <c r="S27629">
        <v>16</v>
      </c>
      <c r="T27629">
        <v>16</v>
      </c>
      <c r="U27629">
        <v>16</v>
      </c>
      <c r="V27629">
        <v>16</v>
      </c>
      <c r="W27629">
        <v>16</v>
      </c>
      <c r="X27629">
        <v>16</v>
      </c>
      <c r="Y27629">
        <v>16</v>
      </c>
      <c r="Z27629">
        <v>16</v>
      </c>
      <c r="AA27629">
        <v>16</v>
      </c>
      <c r="AB27629">
        <v>16</v>
      </c>
      <c r="AC27629">
        <v>17</v>
      </c>
      <c r="AD27629">
        <v>17</v>
      </c>
      <c r="AE27629">
        <v>17</v>
      </c>
      <c r="AF27629">
        <v>17</v>
      </c>
      <c r="AG27629">
        <v>17</v>
      </c>
      <c r="AH27629">
        <v>17</v>
      </c>
      <c r="AI27629">
        <v>17</v>
      </c>
      <c r="AJ27629">
        <v>17</v>
      </c>
      <c r="AK27629">
        <v>17</v>
      </c>
      <c r="AL27629">
        <v>17</v>
      </c>
      <c r="AM27629">
        <v>17</v>
      </c>
      <c r="AN27629">
        <v>17</v>
      </c>
      <c r="AO27629">
        <v>16</v>
      </c>
      <c r="AP27629">
        <v>16</v>
      </c>
      <c r="AQ27629">
        <v>16</v>
      </c>
    </row>
    <row r="27630" spans="1:43">
      <c r="A27630" t="s">
        <v>17101</v>
      </c>
      <c r="B27630" t="s">
        <v>17102</v>
      </c>
      <c r="C27630" t="s">
        <v>17087</v>
      </c>
      <c r="D27630" t="s">
        <v>17088</v>
      </c>
      <c r="E27630" t="s">
        <v>16923</v>
      </c>
      <c r="F27630" t="s">
        <v>16924</v>
      </c>
      <c r="G27630" t="s">
        <v>16559</v>
      </c>
      <c r="H27630" t="s">
        <v>16560</v>
      </c>
      <c r="I27630" s="2">
        <v>1</v>
      </c>
      <c r="J27630" s="2">
        <v>0</v>
      </c>
      <c r="K27630" s="2">
        <v>0</v>
      </c>
      <c r="L27630" t="s">
        <v>120</v>
      </c>
      <c r="M27630" t="s">
        <v>83</v>
      </c>
      <c r="N27630" t="s">
        <v>84</v>
      </c>
      <c r="O27630" t="s">
        <v>85</v>
      </c>
      <c r="P27630" t="s">
        <v>86</v>
      </c>
      <c r="Q27630">
        <v>12</v>
      </c>
      <c r="R27630">
        <v>12</v>
      </c>
      <c r="S27630">
        <v>12</v>
      </c>
      <c r="T27630">
        <v>13</v>
      </c>
      <c r="U27630">
        <v>13</v>
      </c>
      <c r="V27630">
        <v>13</v>
      </c>
      <c r="W27630">
        <v>13</v>
      </c>
      <c r="X27630">
        <v>13</v>
      </c>
      <c r="Y27630">
        <v>13</v>
      </c>
      <c r="Z27630">
        <v>13</v>
      </c>
      <c r="AA27630">
        <v>13</v>
      </c>
      <c r="AB27630">
        <v>13</v>
      </c>
      <c r="AC27630">
        <v>13</v>
      </c>
      <c r="AD27630">
        <v>13</v>
      </c>
      <c r="AE27630">
        <v>13</v>
      </c>
      <c r="AF27630">
        <v>13</v>
      </c>
      <c r="AG27630">
        <v>13</v>
      </c>
      <c r="AH27630">
        <v>13</v>
      </c>
      <c r="AI27630">
        <v>13</v>
      </c>
      <c r="AJ27630">
        <v>13</v>
      </c>
      <c r="AK27630">
        <v>13</v>
      </c>
      <c r="AL27630">
        <v>13</v>
      </c>
      <c r="AM27630">
        <v>13</v>
      </c>
      <c r="AN27630">
        <v>13</v>
      </c>
      <c r="AO27630">
        <v>13</v>
      </c>
      <c r="AP27630">
        <v>13</v>
      </c>
      <c r="AQ27630">
        <v>13</v>
      </c>
    </row>
    <row r="27631" spans="1:43">
      <c r="A27631" t="s">
        <v>17101</v>
      </c>
      <c r="B27631" t="s">
        <v>17102</v>
      </c>
      <c r="C27631" t="s">
        <v>17087</v>
      </c>
      <c r="D27631" t="s">
        <v>17088</v>
      </c>
      <c r="E27631" t="s">
        <v>16923</v>
      </c>
      <c r="F27631" t="s">
        <v>16924</v>
      </c>
      <c r="G27631" t="s">
        <v>16559</v>
      </c>
      <c r="H27631" t="s">
        <v>16560</v>
      </c>
      <c r="I27631" s="2">
        <v>1</v>
      </c>
      <c r="J27631" s="2">
        <v>0</v>
      </c>
      <c r="K27631" s="2">
        <v>0</v>
      </c>
      <c r="L27631" t="s">
        <v>120</v>
      </c>
      <c r="M27631" t="s">
        <v>87</v>
      </c>
      <c r="N27631" t="s">
        <v>88</v>
      </c>
      <c r="O27631" t="s">
        <v>85</v>
      </c>
      <c r="P27631" t="s">
        <v>86</v>
      </c>
      <c r="Q27631">
        <v>12</v>
      </c>
      <c r="R27631">
        <v>12</v>
      </c>
      <c r="S27631">
        <v>12</v>
      </c>
      <c r="T27631">
        <v>12</v>
      </c>
      <c r="U27631">
        <v>12</v>
      </c>
      <c r="V27631">
        <v>12</v>
      </c>
      <c r="W27631">
        <v>12</v>
      </c>
      <c r="X27631">
        <v>12</v>
      </c>
      <c r="Y27631">
        <v>12</v>
      </c>
      <c r="Z27631">
        <v>12</v>
      </c>
      <c r="AA27631">
        <v>12</v>
      </c>
      <c r="AB27631">
        <v>12</v>
      </c>
      <c r="AC27631">
        <v>12</v>
      </c>
      <c r="AD27631">
        <v>12</v>
      </c>
      <c r="AE27631">
        <v>12</v>
      </c>
      <c r="AF27631">
        <v>11</v>
      </c>
      <c r="AG27631">
        <v>11</v>
      </c>
      <c r="AH27631">
        <v>11</v>
      </c>
      <c r="AI27631">
        <v>11</v>
      </c>
      <c r="AJ27631">
        <v>11</v>
      </c>
      <c r="AK27631">
        <v>11</v>
      </c>
      <c r="AL27631">
        <v>11</v>
      </c>
      <c r="AM27631">
        <v>11</v>
      </c>
      <c r="AN27631">
        <v>11</v>
      </c>
      <c r="AO27631">
        <v>11</v>
      </c>
      <c r="AP27631">
        <v>11</v>
      </c>
      <c r="AQ27631">
        <v>11</v>
      </c>
    </row>
    <row r="27632" spans="1:43">
      <c r="A27632" t="s">
        <v>17101</v>
      </c>
      <c r="B27632" t="s">
        <v>17102</v>
      </c>
      <c r="C27632" t="s">
        <v>17087</v>
      </c>
      <c r="D27632" t="s">
        <v>17088</v>
      </c>
      <c r="E27632" t="s">
        <v>16923</v>
      </c>
      <c r="F27632" t="s">
        <v>16924</v>
      </c>
      <c r="G27632" t="s">
        <v>16559</v>
      </c>
      <c r="H27632" t="s">
        <v>16560</v>
      </c>
      <c r="I27632" s="2">
        <v>1</v>
      </c>
      <c r="J27632" s="2">
        <v>0</v>
      </c>
      <c r="K27632" s="2">
        <v>0</v>
      </c>
      <c r="L27632" t="s">
        <v>120</v>
      </c>
      <c r="M27632" t="s">
        <v>89</v>
      </c>
      <c r="N27632" t="s">
        <v>90</v>
      </c>
      <c r="O27632" t="s">
        <v>85</v>
      </c>
      <c r="P27632" t="s">
        <v>86</v>
      </c>
      <c r="Q27632">
        <v>12</v>
      </c>
      <c r="R27632">
        <v>13</v>
      </c>
      <c r="S27632">
        <v>13</v>
      </c>
      <c r="T27632">
        <v>13</v>
      </c>
      <c r="U27632">
        <v>13</v>
      </c>
      <c r="V27632">
        <v>13</v>
      </c>
      <c r="W27632">
        <v>13</v>
      </c>
      <c r="X27632">
        <v>13</v>
      </c>
      <c r="Y27632">
        <v>14</v>
      </c>
      <c r="Z27632">
        <v>14</v>
      </c>
      <c r="AA27632">
        <v>14</v>
      </c>
      <c r="AB27632">
        <v>14</v>
      </c>
      <c r="AC27632">
        <v>14</v>
      </c>
      <c r="AD27632">
        <v>14</v>
      </c>
      <c r="AE27632">
        <v>14</v>
      </c>
      <c r="AF27632">
        <v>14</v>
      </c>
      <c r="AG27632">
        <v>14</v>
      </c>
      <c r="AH27632">
        <v>14</v>
      </c>
      <c r="AI27632">
        <v>14</v>
      </c>
      <c r="AJ27632">
        <v>13</v>
      </c>
      <c r="AK27632">
        <v>13</v>
      </c>
      <c r="AL27632">
        <v>13</v>
      </c>
      <c r="AM27632">
        <v>13</v>
      </c>
      <c r="AN27632">
        <v>13</v>
      </c>
      <c r="AO27632">
        <v>13</v>
      </c>
      <c r="AP27632">
        <v>13</v>
      </c>
      <c r="AQ27632">
        <v>13</v>
      </c>
    </row>
    <row r="27633" spans="1:43">
      <c r="A27633" t="s">
        <v>17101</v>
      </c>
      <c r="B27633" t="s">
        <v>17102</v>
      </c>
      <c r="C27633" t="s">
        <v>17087</v>
      </c>
      <c r="D27633" t="s">
        <v>17088</v>
      </c>
      <c r="E27633" t="s">
        <v>16923</v>
      </c>
      <c r="F27633" t="s">
        <v>16924</v>
      </c>
      <c r="G27633" t="s">
        <v>16559</v>
      </c>
      <c r="H27633" t="s">
        <v>16560</v>
      </c>
      <c r="I27633" s="2">
        <v>1</v>
      </c>
      <c r="J27633" s="2">
        <v>0</v>
      </c>
      <c r="K27633" s="2">
        <v>0</v>
      </c>
      <c r="L27633" t="s">
        <v>120</v>
      </c>
      <c r="M27633" t="s">
        <v>83</v>
      </c>
      <c r="N27633" t="s">
        <v>91</v>
      </c>
      <c r="O27633" t="s">
        <v>85</v>
      </c>
      <c r="P27633" t="s">
        <v>86</v>
      </c>
      <c r="Q27633">
        <v>12</v>
      </c>
      <c r="R27633">
        <v>12</v>
      </c>
      <c r="S27633">
        <v>12</v>
      </c>
      <c r="T27633">
        <v>13</v>
      </c>
      <c r="U27633">
        <v>13</v>
      </c>
      <c r="V27633">
        <v>13</v>
      </c>
      <c r="W27633">
        <v>13</v>
      </c>
      <c r="X27633">
        <v>13</v>
      </c>
      <c r="Y27633">
        <v>13</v>
      </c>
      <c r="Z27633">
        <v>13</v>
      </c>
      <c r="AA27633">
        <v>13</v>
      </c>
      <c r="AB27633">
        <v>13</v>
      </c>
      <c r="AC27633">
        <v>13</v>
      </c>
      <c r="AD27633">
        <v>13</v>
      </c>
      <c r="AE27633">
        <v>13</v>
      </c>
      <c r="AF27633">
        <v>13</v>
      </c>
      <c r="AG27633">
        <v>13</v>
      </c>
      <c r="AH27633">
        <v>13</v>
      </c>
      <c r="AI27633">
        <v>13</v>
      </c>
      <c r="AJ27633">
        <v>13</v>
      </c>
      <c r="AK27633">
        <v>13</v>
      </c>
      <c r="AL27633">
        <v>13</v>
      </c>
      <c r="AM27633">
        <v>13</v>
      </c>
      <c r="AN27633">
        <v>13</v>
      </c>
      <c r="AO27633">
        <v>13</v>
      </c>
      <c r="AP27633">
        <v>13</v>
      </c>
      <c r="AQ27633">
        <v>13</v>
      </c>
    </row>
    <row r="27634" spans="1:43">
      <c r="A27634" t="s">
        <v>17103</v>
      </c>
      <c r="B27634" t="s">
        <v>17104</v>
      </c>
      <c r="C27634" t="s">
        <v>17087</v>
      </c>
      <c r="D27634" t="s">
        <v>17088</v>
      </c>
      <c r="E27634" t="s">
        <v>16923</v>
      </c>
      <c r="F27634" t="s">
        <v>16924</v>
      </c>
      <c r="G27634" t="s">
        <v>16559</v>
      </c>
      <c r="H27634" t="s">
        <v>16560</v>
      </c>
      <c r="I27634" s="2">
        <v>1</v>
      </c>
      <c r="J27634" s="2">
        <v>0</v>
      </c>
      <c r="K27634" s="2">
        <v>0</v>
      </c>
      <c r="L27634" t="s">
        <v>120</v>
      </c>
      <c r="M27634" t="s">
        <v>83</v>
      </c>
      <c r="N27634" t="s">
        <v>84</v>
      </c>
      <c r="O27634" t="s">
        <v>85</v>
      </c>
      <c r="P27634" t="s">
        <v>86</v>
      </c>
      <c r="Q27634">
        <v>27</v>
      </c>
      <c r="R27634">
        <v>27</v>
      </c>
      <c r="S27634">
        <v>27</v>
      </c>
      <c r="T27634">
        <v>27</v>
      </c>
      <c r="U27634">
        <v>28</v>
      </c>
      <c r="V27634">
        <v>28</v>
      </c>
      <c r="W27634">
        <v>28</v>
      </c>
      <c r="X27634">
        <v>28</v>
      </c>
      <c r="Y27634">
        <v>28</v>
      </c>
      <c r="Z27634">
        <v>28</v>
      </c>
      <c r="AA27634">
        <v>28</v>
      </c>
      <c r="AB27634">
        <v>28</v>
      </c>
      <c r="AC27634">
        <v>28</v>
      </c>
      <c r="AD27634">
        <v>28</v>
      </c>
      <c r="AE27634">
        <v>28</v>
      </c>
      <c r="AF27634">
        <v>29</v>
      </c>
      <c r="AG27634">
        <v>29</v>
      </c>
      <c r="AH27634">
        <v>29</v>
      </c>
      <c r="AI27634">
        <v>29</v>
      </c>
      <c r="AJ27634">
        <v>29</v>
      </c>
      <c r="AK27634">
        <v>29</v>
      </c>
      <c r="AL27634">
        <v>29</v>
      </c>
      <c r="AM27634">
        <v>29</v>
      </c>
      <c r="AN27634">
        <v>28</v>
      </c>
      <c r="AO27634">
        <v>28</v>
      </c>
      <c r="AP27634">
        <v>28</v>
      </c>
      <c r="AQ27634">
        <v>28</v>
      </c>
    </row>
    <row r="27635" spans="1:43">
      <c r="A27635" t="s">
        <v>17103</v>
      </c>
      <c r="B27635" t="s">
        <v>17104</v>
      </c>
      <c r="C27635" t="s">
        <v>17087</v>
      </c>
      <c r="D27635" t="s">
        <v>17088</v>
      </c>
      <c r="E27635" t="s">
        <v>16923</v>
      </c>
      <c r="F27635" t="s">
        <v>16924</v>
      </c>
      <c r="G27635" t="s">
        <v>16559</v>
      </c>
      <c r="H27635" t="s">
        <v>16560</v>
      </c>
      <c r="I27635" s="2">
        <v>1</v>
      </c>
      <c r="J27635" s="2">
        <v>0</v>
      </c>
      <c r="K27635" s="2">
        <v>0</v>
      </c>
      <c r="L27635" t="s">
        <v>120</v>
      </c>
      <c r="M27635" t="s">
        <v>87</v>
      </c>
      <c r="N27635" t="s">
        <v>88</v>
      </c>
      <c r="O27635" t="s">
        <v>85</v>
      </c>
      <c r="P27635" t="s">
        <v>86</v>
      </c>
      <c r="Q27635">
        <v>27</v>
      </c>
      <c r="R27635">
        <v>27</v>
      </c>
      <c r="S27635">
        <v>27</v>
      </c>
      <c r="T27635">
        <v>26</v>
      </c>
      <c r="U27635">
        <v>26</v>
      </c>
      <c r="V27635">
        <v>26</v>
      </c>
      <c r="W27635">
        <v>26</v>
      </c>
      <c r="X27635">
        <v>26</v>
      </c>
      <c r="Y27635">
        <v>26</v>
      </c>
      <c r="Z27635">
        <v>26</v>
      </c>
      <c r="AA27635">
        <v>26</v>
      </c>
      <c r="AB27635">
        <v>26</v>
      </c>
      <c r="AC27635">
        <v>25</v>
      </c>
      <c r="AD27635">
        <v>25</v>
      </c>
      <c r="AE27635">
        <v>25</v>
      </c>
      <c r="AF27635">
        <v>25</v>
      </c>
      <c r="AG27635">
        <v>25</v>
      </c>
      <c r="AH27635">
        <v>25</v>
      </c>
      <c r="AI27635">
        <v>25</v>
      </c>
      <c r="AJ27635">
        <v>25</v>
      </c>
      <c r="AK27635">
        <v>25</v>
      </c>
      <c r="AL27635">
        <v>24</v>
      </c>
      <c r="AM27635">
        <v>24</v>
      </c>
      <c r="AN27635">
        <v>24</v>
      </c>
      <c r="AO27635">
        <v>24</v>
      </c>
      <c r="AP27635">
        <v>24</v>
      </c>
      <c r="AQ27635">
        <v>24</v>
      </c>
    </row>
    <row r="27636" spans="1:43">
      <c r="A27636" t="s">
        <v>17103</v>
      </c>
      <c r="B27636" t="s">
        <v>17104</v>
      </c>
      <c r="C27636" t="s">
        <v>17087</v>
      </c>
      <c r="D27636" t="s">
        <v>17088</v>
      </c>
      <c r="E27636" t="s">
        <v>16923</v>
      </c>
      <c r="F27636" t="s">
        <v>16924</v>
      </c>
      <c r="G27636" t="s">
        <v>16559</v>
      </c>
      <c r="H27636" t="s">
        <v>16560</v>
      </c>
      <c r="I27636" s="2">
        <v>1</v>
      </c>
      <c r="J27636" s="2">
        <v>0</v>
      </c>
      <c r="K27636" s="2">
        <v>0</v>
      </c>
      <c r="L27636" t="s">
        <v>120</v>
      </c>
      <c r="M27636" t="s">
        <v>89</v>
      </c>
      <c r="N27636" t="s">
        <v>90</v>
      </c>
      <c r="O27636" t="s">
        <v>85</v>
      </c>
      <c r="P27636" t="s">
        <v>86</v>
      </c>
      <c r="Q27636">
        <v>27</v>
      </c>
      <c r="R27636">
        <v>28</v>
      </c>
      <c r="S27636">
        <v>28</v>
      </c>
      <c r="T27636">
        <v>28</v>
      </c>
      <c r="U27636">
        <v>29</v>
      </c>
      <c r="V27636">
        <v>29</v>
      </c>
      <c r="W27636">
        <v>29</v>
      </c>
      <c r="X27636">
        <v>29</v>
      </c>
      <c r="Y27636">
        <v>30</v>
      </c>
      <c r="Z27636">
        <v>30</v>
      </c>
      <c r="AA27636">
        <v>30</v>
      </c>
      <c r="AB27636">
        <v>30</v>
      </c>
      <c r="AC27636">
        <v>30</v>
      </c>
      <c r="AD27636">
        <v>31</v>
      </c>
      <c r="AE27636">
        <v>31</v>
      </c>
      <c r="AF27636">
        <v>30</v>
      </c>
      <c r="AG27636">
        <v>30</v>
      </c>
      <c r="AH27636">
        <v>30</v>
      </c>
      <c r="AI27636">
        <v>30</v>
      </c>
      <c r="AJ27636">
        <v>29</v>
      </c>
      <c r="AK27636">
        <v>29</v>
      </c>
      <c r="AL27636">
        <v>29</v>
      </c>
      <c r="AM27636">
        <v>29</v>
      </c>
      <c r="AN27636">
        <v>29</v>
      </c>
      <c r="AO27636">
        <v>28</v>
      </c>
      <c r="AP27636">
        <v>28</v>
      </c>
      <c r="AQ27636">
        <v>28</v>
      </c>
    </row>
    <row r="27637" spans="1:43">
      <c r="A27637" t="s">
        <v>17103</v>
      </c>
      <c r="B27637" t="s">
        <v>17104</v>
      </c>
      <c r="C27637" t="s">
        <v>17087</v>
      </c>
      <c r="D27637" t="s">
        <v>17088</v>
      </c>
      <c r="E27637" t="s">
        <v>16923</v>
      </c>
      <c r="F27637" t="s">
        <v>16924</v>
      </c>
      <c r="G27637" t="s">
        <v>16559</v>
      </c>
      <c r="H27637" t="s">
        <v>16560</v>
      </c>
      <c r="I27637" s="2">
        <v>1</v>
      </c>
      <c r="J27637" s="2">
        <v>0</v>
      </c>
      <c r="K27637" s="2">
        <v>0</v>
      </c>
      <c r="L27637" t="s">
        <v>120</v>
      </c>
      <c r="M27637" t="s">
        <v>83</v>
      </c>
      <c r="N27637" t="s">
        <v>91</v>
      </c>
      <c r="O27637" t="s">
        <v>85</v>
      </c>
      <c r="P27637" t="s">
        <v>86</v>
      </c>
      <c r="Q27637">
        <v>27</v>
      </c>
      <c r="R27637">
        <v>27</v>
      </c>
      <c r="S27637">
        <v>27</v>
      </c>
      <c r="T27637">
        <v>27</v>
      </c>
      <c r="U27637">
        <v>28</v>
      </c>
      <c r="V27637">
        <v>28</v>
      </c>
      <c r="W27637">
        <v>28</v>
      </c>
      <c r="X27637">
        <v>28</v>
      </c>
      <c r="Y27637">
        <v>28</v>
      </c>
      <c r="Z27637">
        <v>28</v>
      </c>
      <c r="AA27637">
        <v>28</v>
      </c>
      <c r="AB27637">
        <v>28</v>
      </c>
      <c r="AC27637">
        <v>28</v>
      </c>
      <c r="AD27637">
        <v>28</v>
      </c>
      <c r="AE27637">
        <v>28</v>
      </c>
      <c r="AF27637">
        <v>29</v>
      </c>
      <c r="AG27637">
        <v>29</v>
      </c>
      <c r="AH27637">
        <v>29</v>
      </c>
      <c r="AI27637">
        <v>29</v>
      </c>
      <c r="AJ27637">
        <v>29</v>
      </c>
      <c r="AK27637">
        <v>29</v>
      </c>
      <c r="AL27637">
        <v>29</v>
      </c>
      <c r="AM27637">
        <v>29</v>
      </c>
      <c r="AN27637">
        <v>28</v>
      </c>
      <c r="AO27637">
        <v>28</v>
      </c>
      <c r="AP27637">
        <v>28</v>
      </c>
      <c r="AQ27637">
        <v>28</v>
      </c>
    </row>
    <row r="27638" spans="1:43">
      <c r="A27638" t="s">
        <v>17105</v>
      </c>
      <c r="B27638" t="s">
        <v>17106</v>
      </c>
      <c r="C27638" t="s">
        <v>17093</v>
      </c>
      <c r="D27638" t="s">
        <v>17094</v>
      </c>
      <c r="E27638" t="s">
        <v>16923</v>
      </c>
      <c r="F27638" t="s">
        <v>16924</v>
      </c>
      <c r="G27638" t="s">
        <v>16559</v>
      </c>
      <c r="H27638" t="s">
        <v>16560</v>
      </c>
      <c r="I27638" s="2">
        <v>1</v>
      </c>
      <c r="J27638" s="2">
        <v>0</v>
      </c>
      <c r="K27638" s="2">
        <v>0</v>
      </c>
      <c r="L27638" t="s">
        <v>120</v>
      </c>
      <c r="M27638" t="s">
        <v>83</v>
      </c>
      <c r="N27638" t="s">
        <v>84</v>
      </c>
      <c r="O27638" t="s">
        <v>85</v>
      </c>
      <c r="P27638" t="s">
        <v>86</v>
      </c>
      <c r="Q27638">
        <v>12</v>
      </c>
      <c r="R27638">
        <v>12</v>
      </c>
      <c r="S27638">
        <v>12</v>
      </c>
      <c r="T27638">
        <v>12</v>
      </c>
      <c r="U27638">
        <v>12</v>
      </c>
      <c r="V27638">
        <v>12</v>
      </c>
      <c r="W27638">
        <v>12</v>
      </c>
      <c r="X27638">
        <v>12</v>
      </c>
      <c r="Y27638">
        <v>12</v>
      </c>
      <c r="Z27638">
        <v>12</v>
      </c>
      <c r="AA27638">
        <v>12</v>
      </c>
      <c r="AB27638">
        <v>12</v>
      </c>
      <c r="AC27638">
        <v>12</v>
      </c>
      <c r="AD27638">
        <v>12</v>
      </c>
      <c r="AE27638">
        <v>12</v>
      </c>
      <c r="AF27638">
        <v>12</v>
      </c>
      <c r="AG27638">
        <v>12</v>
      </c>
      <c r="AH27638">
        <v>12</v>
      </c>
      <c r="AI27638">
        <v>12</v>
      </c>
      <c r="AJ27638">
        <v>12</v>
      </c>
      <c r="AK27638">
        <v>12</v>
      </c>
      <c r="AL27638">
        <v>12</v>
      </c>
      <c r="AM27638">
        <v>12</v>
      </c>
      <c r="AN27638">
        <v>12</v>
      </c>
      <c r="AO27638">
        <v>12</v>
      </c>
      <c r="AP27638">
        <v>12</v>
      </c>
      <c r="AQ27638">
        <v>12</v>
      </c>
    </row>
    <row r="27639" spans="1:43">
      <c r="A27639" t="s">
        <v>17105</v>
      </c>
      <c r="B27639" t="s">
        <v>17106</v>
      </c>
      <c r="C27639" t="s">
        <v>17093</v>
      </c>
      <c r="D27639" t="s">
        <v>17094</v>
      </c>
      <c r="E27639" t="s">
        <v>16923</v>
      </c>
      <c r="F27639" t="s">
        <v>16924</v>
      </c>
      <c r="G27639" t="s">
        <v>16559</v>
      </c>
      <c r="H27639" t="s">
        <v>16560</v>
      </c>
      <c r="I27639" s="2">
        <v>1</v>
      </c>
      <c r="J27639" s="2">
        <v>0</v>
      </c>
      <c r="K27639" s="2">
        <v>0</v>
      </c>
      <c r="L27639" t="s">
        <v>120</v>
      </c>
      <c r="M27639" t="s">
        <v>87</v>
      </c>
      <c r="N27639" t="s">
        <v>88</v>
      </c>
      <c r="O27639" t="s">
        <v>85</v>
      </c>
      <c r="P27639" t="s">
        <v>86</v>
      </c>
      <c r="Q27639">
        <v>12</v>
      </c>
      <c r="R27639">
        <v>11</v>
      </c>
      <c r="S27639">
        <v>11</v>
      </c>
      <c r="T27639">
        <v>11</v>
      </c>
      <c r="U27639">
        <v>11</v>
      </c>
      <c r="V27639">
        <v>11</v>
      </c>
      <c r="W27639">
        <v>11</v>
      </c>
      <c r="X27639">
        <v>11</v>
      </c>
      <c r="Y27639">
        <v>11</v>
      </c>
      <c r="Z27639">
        <v>11</v>
      </c>
      <c r="AA27639">
        <v>11</v>
      </c>
      <c r="AB27639">
        <v>11</v>
      </c>
      <c r="AC27639">
        <v>11</v>
      </c>
      <c r="AD27639">
        <v>11</v>
      </c>
      <c r="AE27639">
        <v>11</v>
      </c>
      <c r="AF27639">
        <v>11</v>
      </c>
      <c r="AG27639">
        <v>11</v>
      </c>
      <c r="AH27639">
        <v>11</v>
      </c>
      <c r="AI27639">
        <v>11</v>
      </c>
      <c r="AJ27639">
        <v>11</v>
      </c>
      <c r="AK27639">
        <v>11</v>
      </c>
      <c r="AL27639">
        <v>11</v>
      </c>
      <c r="AM27639">
        <v>11</v>
      </c>
      <c r="AN27639">
        <v>11</v>
      </c>
      <c r="AO27639">
        <v>10</v>
      </c>
      <c r="AP27639">
        <v>10</v>
      </c>
      <c r="AQ27639">
        <v>10</v>
      </c>
    </row>
    <row r="27640" spans="1:43">
      <c r="A27640" t="s">
        <v>17105</v>
      </c>
      <c r="B27640" t="s">
        <v>17106</v>
      </c>
      <c r="C27640" t="s">
        <v>17093</v>
      </c>
      <c r="D27640" t="s">
        <v>17094</v>
      </c>
      <c r="E27640" t="s">
        <v>16923</v>
      </c>
      <c r="F27640" t="s">
        <v>16924</v>
      </c>
      <c r="G27640" t="s">
        <v>16559</v>
      </c>
      <c r="H27640" t="s">
        <v>16560</v>
      </c>
      <c r="I27640" s="2">
        <v>1</v>
      </c>
      <c r="J27640" s="2">
        <v>0</v>
      </c>
      <c r="K27640" s="2">
        <v>0</v>
      </c>
      <c r="L27640" t="s">
        <v>120</v>
      </c>
      <c r="M27640" t="s">
        <v>89</v>
      </c>
      <c r="N27640" t="s">
        <v>90</v>
      </c>
      <c r="O27640" t="s">
        <v>85</v>
      </c>
      <c r="P27640" t="s">
        <v>86</v>
      </c>
      <c r="Q27640">
        <v>12</v>
      </c>
      <c r="R27640">
        <v>12</v>
      </c>
      <c r="S27640">
        <v>12</v>
      </c>
      <c r="T27640">
        <v>12</v>
      </c>
      <c r="U27640">
        <v>12</v>
      </c>
      <c r="V27640">
        <v>12</v>
      </c>
      <c r="W27640">
        <v>13</v>
      </c>
      <c r="X27640">
        <v>13</v>
      </c>
      <c r="Y27640">
        <v>13</v>
      </c>
      <c r="Z27640">
        <v>13</v>
      </c>
      <c r="AA27640">
        <v>13</v>
      </c>
      <c r="AB27640">
        <v>13</v>
      </c>
      <c r="AC27640">
        <v>13</v>
      </c>
      <c r="AD27640">
        <v>13</v>
      </c>
      <c r="AE27640">
        <v>13</v>
      </c>
      <c r="AF27640">
        <v>13</v>
      </c>
      <c r="AG27640">
        <v>13</v>
      </c>
      <c r="AH27640">
        <v>13</v>
      </c>
      <c r="AI27640">
        <v>13</v>
      </c>
      <c r="AJ27640">
        <v>13</v>
      </c>
      <c r="AK27640">
        <v>13</v>
      </c>
      <c r="AL27640">
        <v>13</v>
      </c>
      <c r="AM27640">
        <v>12</v>
      </c>
      <c r="AN27640">
        <v>12</v>
      </c>
      <c r="AO27640">
        <v>12</v>
      </c>
      <c r="AP27640">
        <v>12</v>
      </c>
      <c r="AQ27640">
        <v>12</v>
      </c>
    </row>
    <row r="27641" spans="1:43">
      <c r="A27641" t="s">
        <v>17105</v>
      </c>
      <c r="B27641" t="s">
        <v>17106</v>
      </c>
      <c r="C27641" t="s">
        <v>17093</v>
      </c>
      <c r="D27641" t="s">
        <v>17094</v>
      </c>
      <c r="E27641" t="s">
        <v>16923</v>
      </c>
      <c r="F27641" t="s">
        <v>16924</v>
      </c>
      <c r="G27641" t="s">
        <v>16559</v>
      </c>
      <c r="H27641" t="s">
        <v>16560</v>
      </c>
      <c r="I27641" s="2">
        <v>1</v>
      </c>
      <c r="J27641" s="2">
        <v>0</v>
      </c>
      <c r="K27641" s="2">
        <v>0</v>
      </c>
      <c r="L27641" t="s">
        <v>120</v>
      </c>
      <c r="M27641" t="s">
        <v>83</v>
      </c>
      <c r="N27641" t="s">
        <v>91</v>
      </c>
      <c r="O27641" t="s">
        <v>85</v>
      </c>
      <c r="P27641" t="s">
        <v>86</v>
      </c>
      <c r="Q27641">
        <v>12</v>
      </c>
      <c r="R27641">
        <v>12</v>
      </c>
      <c r="S27641">
        <v>12</v>
      </c>
      <c r="T27641">
        <v>12</v>
      </c>
      <c r="U27641">
        <v>12</v>
      </c>
      <c r="V27641">
        <v>12</v>
      </c>
      <c r="W27641">
        <v>12</v>
      </c>
      <c r="X27641">
        <v>12</v>
      </c>
      <c r="Y27641">
        <v>12</v>
      </c>
      <c r="Z27641">
        <v>12</v>
      </c>
      <c r="AA27641">
        <v>12</v>
      </c>
      <c r="AB27641">
        <v>12</v>
      </c>
      <c r="AC27641">
        <v>12</v>
      </c>
      <c r="AD27641">
        <v>12</v>
      </c>
      <c r="AE27641">
        <v>12</v>
      </c>
      <c r="AF27641">
        <v>12</v>
      </c>
      <c r="AG27641">
        <v>12</v>
      </c>
      <c r="AH27641">
        <v>12</v>
      </c>
      <c r="AI27641">
        <v>12</v>
      </c>
      <c r="AJ27641">
        <v>12</v>
      </c>
      <c r="AK27641">
        <v>12</v>
      </c>
      <c r="AL27641">
        <v>12</v>
      </c>
      <c r="AM27641">
        <v>12</v>
      </c>
      <c r="AN27641">
        <v>12</v>
      </c>
      <c r="AO27641">
        <v>12</v>
      </c>
      <c r="AP27641">
        <v>12</v>
      </c>
      <c r="AQ27641">
        <v>12</v>
      </c>
    </row>
    <row r="27642" spans="1:43">
      <c r="A27642" t="s">
        <v>17107</v>
      </c>
      <c r="B27642" t="s">
        <v>17108</v>
      </c>
      <c r="C27642" t="s">
        <v>17093</v>
      </c>
      <c r="D27642" t="s">
        <v>17094</v>
      </c>
      <c r="E27642" t="s">
        <v>16923</v>
      </c>
      <c r="F27642" t="s">
        <v>16924</v>
      </c>
      <c r="G27642" t="s">
        <v>16559</v>
      </c>
      <c r="H27642" t="s">
        <v>16560</v>
      </c>
      <c r="I27642" s="2">
        <v>1</v>
      </c>
      <c r="J27642" s="2">
        <v>0</v>
      </c>
      <c r="K27642" s="2">
        <v>0</v>
      </c>
      <c r="L27642" t="s">
        <v>120</v>
      </c>
      <c r="M27642" t="s">
        <v>83</v>
      </c>
      <c r="N27642" t="s">
        <v>84</v>
      </c>
      <c r="O27642" t="s">
        <v>85</v>
      </c>
      <c r="P27642" t="s">
        <v>86</v>
      </c>
      <c r="Q27642">
        <v>8</v>
      </c>
      <c r="R27642">
        <v>8</v>
      </c>
      <c r="S27642">
        <v>8</v>
      </c>
      <c r="T27642">
        <v>8</v>
      </c>
      <c r="U27642">
        <v>8</v>
      </c>
      <c r="V27642">
        <v>8</v>
      </c>
      <c r="W27642">
        <v>8</v>
      </c>
      <c r="X27642">
        <v>8</v>
      </c>
      <c r="Y27642">
        <v>8</v>
      </c>
      <c r="Z27642">
        <v>8</v>
      </c>
      <c r="AA27642">
        <v>8</v>
      </c>
      <c r="AB27642">
        <v>8</v>
      </c>
      <c r="AC27642">
        <v>8</v>
      </c>
      <c r="AD27642">
        <v>8</v>
      </c>
      <c r="AE27642">
        <v>8</v>
      </c>
      <c r="AF27642">
        <v>8</v>
      </c>
      <c r="AG27642">
        <v>8</v>
      </c>
      <c r="AH27642">
        <v>8</v>
      </c>
      <c r="AI27642">
        <v>8</v>
      </c>
      <c r="AJ27642">
        <v>8</v>
      </c>
      <c r="AK27642">
        <v>8</v>
      </c>
      <c r="AL27642">
        <v>8</v>
      </c>
      <c r="AM27642">
        <v>8</v>
      </c>
      <c r="AN27642">
        <v>8</v>
      </c>
      <c r="AO27642">
        <v>8</v>
      </c>
      <c r="AP27642">
        <v>8</v>
      </c>
      <c r="AQ27642">
        <v>8</v>
      </c>
    </row>
    <row r="27643" spans="1:43">
      <c r="A27643" t="s">
        <v>17107</v>
      </c>
      <c r="B27643" t="s">
        <v>17108</v>
      </c>
      <c r="C27643" t="s">
        <v>17093</v>
      </c>
      <c r="D27643" t="s">
        <v>17094</v>
      </c>
      <c r="E27643" t="s">
        <v>16923</v>
      </c>
      <c r="F27643" t="s">
        <v>16924</v>
      </c>
      <c r="G27643" t="s">
        <v>16559</v>
      </c>
      <c r="H27643" t="s">
        <v>16560</v>
      </c>
      <c r="I27643" s="2">
        <v>1</v>
      </c>
      <c r="J27643" s="2">
        <v>0</v>
      </c>
      <c r="K27643" s="2">
        <v>0</v>
      </c>
      <c r="L27643" t="s">
        <v>120</v>
      </c>
      <c r="M27643" t="s">
        <v>87</v>
      </c>
      <c r="N27643" t="s">
        <v>88</v>
      </c>
      <c r="O27643" t="s">
        <v>85</v>
      </c>
      <c r="P27643" t="s">
        <v>86</v>
      </c>
      <c r="Q27643">
        <v>8</v>
      </c>
      <c r="R27643">
        <v>8</v>
      </c>
      <c r="S27643">
        <v>8</v>
      </c>
      <c r="T27643">
        <v>8</v>
      </c>
      <c r="U27643">
        <v>8</v>
      </c>
      <c r="V27643">
        <v>8</v>
      </c>
      <c r="W27643">
        <v>8</v>
      </c>
      <c r="X27643">
        <v>8</v>
      </c>
      <c r="Y27643">
        <v>8</v>
      </c>
      <c r="Z27643">
        <v>8</v>
      </c>
      <c r="AA27643">
        <v>7</v>
      </c>
      <c r="AB27643">
        <v>7</v>
      </c>
      <c r="AC27643">
        <v>7</v>
      </c>
      <c r="AD27643">
        <v>7</v>
      </c>
      <c r="AE27643">
        <v>7</v>
      </c>
      <c r="AF27643">
        <v>7</v>
      </c>
      <c r="AG27643">
        <v>7</v>
      </c>
      <c r="AH27643">
        <v>7</v>
      </c>
      <c r="AI27643">
        <v>7</v>
      </c>
      <c r="AJ27643">
        <v>7</v>
      </c>
      <c r="AK27643">
        <v>7</v>
      </c>
      <c r="AL27643">
        <v>7</v>
      </c>
      <c r="AM27643">
        <v>7</v>
      </c>
      <c r="AN27643">
        <v>7</v>
      </c>
      <c r="AO27643">
        <v>7</v>
      </c>
      <c r="AP27643">
        <v>7</v>
      </c>
      <c r="AQ27643">
        <v>7</v>
      </c>
    </row>
    <row r="27644" spans="1:43">
      <c r="A27644" t="s">
        <v>17107</v>
      </c>
      <c r="B27644" t="s">
        <v>17108</v>
      </c>
      <c r="C27644" t="s">
        <v>17093</v>
      </c>
      <c r="D27644" t="s">
        <v>17094</v>
      </c>
      <c r="E27644" t="s">
        <v>16923</v>
      </c>
      <c r="F27644" t="s">
        <v>16924</v>
      </c>
      <c r="G27644" t="s">
        <v>16559</v>
      </c>
      <c r="H27644" t="s">
        <v>16560</v>
      </c>
      <c r="I27644" s="2">
        <v>1</v>
      </c>
      <c r="J27644" s="2">
        <v>0</v>
      </c>
      <c r="K27644" s="2">
        <v>0</v>
      </c>
      <c r="L27644" t="s">
        <v>120</v>
      </c>
      <c r="M27644" t="s">
        <v>89</v>
      </c>
      <c r="N27644" t="s">
        <v>90</v>
      </c>
      <c r="O27644" t="s">
        <v>85</v>
      </c>
      <c r="P27644" t="s">
        <v>86</v>
      </c>
      <c r="Q27644">
        <v>8</v>
      </c>
      <c r="R27644">
        <v>8</v>
      </c>
      <c r="S27644">
        <v>8</v>
      </c>
      <c r="T27644">
        <v>8</v>
      </c>
      <c r="U27644">
        <v>8</v>
      </c>
      <c r="V27644">
        <v>8</v>
      </c>
      <c r="W27644">
        <v>8</v>
      </c>
      <c r="X27644">
        <v>9</v>
      </c>
      <c r="Y27644">
        <v>9</v>
      </c>
      <c r="Z27644">
        <v>9</v>
      </c>
      <c r="AA27644">
        <v>9</v>
      </c>
      <c r="AB27644">
        <v>9</v>
      </c>
      <c r="AC27644">
        <v>9</v>
      </c>
      <c r="AD27644">
        <v>9</v>
      </c>
      <c r="AE27644">
        <v>9</v>
      </c>
      <c r="AF27644">
        <v>9</v>
      </c>
      <c r="AG27644">
        <v>9</v>
      </c>
      <c r="AH27644">
        <v>9</v>
      </c>
      <c r="AI27644">
        <v>9</v>
      </c>
      <c r="AJ27644">
        <v>9</v>
      </c>
      <c r="AK27644">
        <v>9</v>
      </c>
      <c r="AL27644">
        <v>8</v>
      </c>
      <c r="AM27644">
        <v>8</v>
      </c>
      <c r="AN27644">
        <v>8</v>
      </c>
      <c r="AO27644">
        <v>8</v>
      </c>
      <c r="AP27644">
        <v>8</v>
      </c>
      <c r="AQ27644">
        <v>8</v>
      </c>
    </row>
    <row r="27645" spans="1:43">
      <c r="A27645" t="s">
        <v>17107</v>
      </c>
      <c r="B27645" t="s">
        <v>17108</v>
      </c>
      <c r="C27645" t="s">
        <v>17093</v>
      </c>
      <c r="D27645" t="s">
        <v>17094</v>
      </c>
      <c r="E27645" t="s">
        <v>16923</v>
      </c>
      <c r="F27645" t="s">
        <v>16924</v>
      </c>
      <c r="G27645" t="s">
        <v>16559</v>
      </c>
      <c r="H27645" t="s">
        <v>16560</v>
      </c>
      <c r="I27645" s="2">
        <v>1</v>
      </c>
      <c r="J27645" s="2">
        <v>0</v>
      </c>
      <c r="K27645" s="2">
        <v>0</v>
      </c>
      <c r="L27645" t="s">
        <v>120</v>
      </c>
      <c r="M27645" t="s">
        <v>83</v>
      </c>
      <c r="N27645" t="s">
        <v>91</v>
      </c>
      <c r="O27645" t="s">
        <v>85</v>
      </c>
      <c r="P27645" t="s">
        <v>86</v>
      </c>
      <c r="Q27645">
        <v>8</v>
      </c>
      <c r="R27645">
        <v>8</v>
      </c>
      <c r="S27645">
        <v>8</v>
      </c>
      <c r="T27645">
        <v>8</v>
      </c>
      <c r="U27645">
        <v>8</v>
      </c>
      <c r="V27645">
        <v>8</v>
      </c>
      <c r="W27645">
        <v>8</v>
      </c>
      <c r="X27645">
        <v>8</v>
      </c>
      <c r="Y27645">
        <v>8</v>
      </c>
      <c r="Z27645">
        <v>8</v>
      </c>
      <c r="AA27645">
        <v>8</v>
      </c>
      <c r="AB27645">
        <v>8</v>
      </c>
      <c r="AC27645">
        <v>8</v>
      </c>
      <c r="AD27645">
        <v>8</v>
      </c>
      <c r="AE27645">
        <v>8</v>
      </c>
      <c r="AF27645">
        <v>8</v>
      </c>
      <c r="AG27645">
        <v>8</v>
      </c>
      <c r="AH27645">
        <v>8</v>
      </c>
      <c r="AI27645">
        <v>8</v>
      </c>
      <c r="AJ27645">
        <v>8</v>
      </c>
      <c r="AK27645">
        <v>8</v>
      </c>
      <c r="AL27645">
        <v>8</v>
      </c>
      <c r="AM27645">
        <v>8</v>
      </c>
      <c r="AN27645">
        <v>8</v>
      </c>
      <c r="AO27645">
        <v>8</v>
      </c>
      <c r="AP27645">
        <v>8</v>
      </c>
      <c r="AQ27645">
        <v>8</v>
      </c>
    </row>
    <row r="27646" spans="1:43">
      <c r="A27646" t="s">
        <v>17109</v>
      </c>
      <c r="B27646" t="s">
        <v>17110</v>
      </c>
      <c r="C27646" t="s">
        <v>17093</v>
      </c>
      <c r="D27646" t="s">
        <v>17094</v>
      </c>
      <c r="E27646" t="s">
        <v>16923</v>
      </c>
      <c r="F27646" t="s">
        <v>16924</v>
      </c>
      <c r="G27646" t="s">
        <v>16559</v>
      </c>
      <c r="H27646" t="s">
        <v>16560</v>
      </c>
      <c r="I27646" s="2">
        <v>1</v>
      </c>
      <c r="J27646" s="2">
        <v>0</v>
      </c>
      <c r="K27646" s="2">
        <v>0</v>
      </c>
      <c r="L27646" t="s">
        <v>120</v>
      </c>
      <c r="M27646" t="s">
        <v>83</v>
      </c>
      <c r="N27646" t="s">
        <v>84</v>
      </c>
      <c r="O27646" t="s">
        <v>85</v>
      </c>
      <c r="P27646" t="s">
        <v>86</v>
      </c>
      <c r="Q27646">
        <v>16</v>
      </c>
      <c r="R27646">
        <v>16</v>
      </c>
      <c r="S27646">
        <v>16</v>
      </c>
      <c r="T27646">
        <v>16</v>
      </c>
      <c r="U27646">
        <v>16</v>
      </c>
      <c r="V27646">
        <v>16</v>
      </c>
      <c r="W27646">
        <v>17</v>
      </c>
      <c r="X27646">
        <v>17</v>
      </c>
      <c r="Y27646">
        <v>17</v>
      </c>
      <c r="Z27646">
        <v>17</v>
      </c>
      <c r="AA27646">
        <v>17</v>
      </c>
      <c r="AB27646">
        <v>17</v>
      </c>
      <c r="AC27646">
        <v>17</v>
      </c>
      <c r="AD27646">
        <v>17</v>
      </c>
      <c r="AE27646">
        <v>17</v>
      </c>
      <c r="AF27646">
        <v>17</v>
      </c>
      <c r="AG27646">
        <v>17</v>
      </c>
      <c r="AH27646">
        <v>17</v>
      </c>
      <c r="AI27646">
        <v>17</v>
      </c>
      <c r="AJ27646">
        <v>17</v>
      </c>
      <c r="AK27646">
        <v>17</v>
      </c>
      <c r="AL27646">
        <v>17</v>
      </c>
      <c r="AM27646">
        <v>17</v>
      </c>
      <c r="AN27646">
        <v>17</v>
      </c>
      <c r="AO27646">
        <v>17</v>
      </c>
      <c r="AP27646">
        <v>17</v>
      </c>
      <c r="AQ27646">
        <v>17</v>
      </c>
    </row>
    <row r="27647" spans="1:43">
      <c r="A27647" t="s">
        <v>17109</v>
      </c>
      <c r="B27647" t="s">
        <v>17110</v>
      </c>
      <c r="C27647" t="s">
        <v>17093</v>
      </c>
      <c r="D27647" t="s">
        <v>17094</v>
      </c>
      <c r="E27647" t="s">
        <v>16923</v>
      </c>
      <c r="F27647" t="s">
        <v>16924</v>
      </c>
      <c r="G27647" t="s">
        <v>16559</v>
      </c>
      <c r="H27647" t="s">
        <v>16560</v>
      </c>
      <c r="I27647" s="2">
        <v>1</v>
      </c>
      <c r="J27647" s="2">
        <v>0</v>
      </c>
      <c r="K27647" s="2">
        <v>0</v>
      </c>
      <c r="L27647" t="s">
        <v>120</v>
      </c>
      <c r="M27647" t="s">
        <v>87</v>
      </c>
      <c r="N27647" t="s">
        <v>88</v>
      </c>
      <c r="O27647" t="s">
        <v>85</v>
      </c>
      <c r="P27647" t="s">
        <v>86</v>
      </c>
      <c r="Q27647">
        <v>16</v>
      </c>
      <c r="R27647">
        <v>16</v>
      </c>
      <c r="S27647">
        <v>16</v>
      </c>
      <c r="T27647">
        <v>16</v>
      </c>
      <c r="U27647">
        <v>16</v>
      </c>
      <c r="V27647">
        <v>16</v>
      </c>
      <c r="W27647">
        <v>16</v>
      </c>
      <c r="X27647">
        <v>15</v>
      </c>
      <c r="Y27647">
        <v>15</v>
      </c>
      <c r="Z27647">
        <v>15</v>
      </c>
      <c r="AA27647">
        <v>15</v>
      </c>
      <c r="AB27647">
        <v>15</v>
      </c>
      <c r="AC27647">
        <v>15</v>
      </c>
      <c r="AD27647">
        <v>15</v>
      </c>
      <c r="AE27647">
        <v>15</v>
      </c>
      <c r="AF27647">
        <v>15</v>
      </c>
      <c r="AG27647">
        <v>15</v>
      </c>
      <c r="AH27647">
        <v>15</v>
      </c>
      <c r="AI27647">
        <v>15</v>
      </c>
      <c r="AJ27647">
        <v>15</v>
      </c>
      <c r="AK27647">
        <v>15</v>
      </c>
      <c r="AL27647">
        <v>15</v>
      </c>
      <c r="AM27647">
        <v>15</v>
      </c>
      <c r="AN27647">
        <v>14</v>
      </c>
      <c r="AO27647">
        <v>14</v>
      </c>
      <c r="AP27647">
        <v>14</v>
      </c>
      <c r="AQ27647">
        <v>14</v>
      </c>
    </row>
    <row r="27648" spans="1:43">
      <c r="A27648" t="s">
        <v>17109</v>
      </c>
      <c r="B27648" t="s">
        <v>17110</v>
      </c>
      <c r="C27648" t="s">
        <v>17093</v>
      </c>
      <c r="D27648" t="s">
        <v>17094</v>
      </c>
      <c r="E27648" t="s">
        <v>16923</v>
      </c>
      <c r="F27648" t="s">
        <v>16924</v>
      </c>
      <c r="G27648" t="s">
        <v>16559</v>
      </c>
      <c r="H27648" t="s">
        <v>16560</v>
      </c>
      <c r="I27648" s="2">
        <v>1</v>
      </c>
      <c r="J27648" s="2">
        <v>0</v>
      </c>
      <c r="K27648" s="2">
        <v>0</v>
      </c>
      <c r="L27648" t="s">
        <v>120</v>
      </c>
      <c r="M27648" t="s">
        <v>89</v>
      </c>
      <c r="N27648" t="s">
        <v>90</v>
      </c>
      <c r="O27648" t="s">
        <v>85</v>
      </c>
      <c r="P27648" t="s">
        <v>86</v>
      </c>
      <c r="Q27648">
        <v>16</v>
      </c>
      <c r="R27648">
        <v>16</v>
      </c>
      <c r="S27648">
        <v>17</v>
      </c>
      <c r="T27648">
        <v>17</v>
      </c>
      <c r="U27648">
        <v>17</v>
      </c>
      <c r="V27648">
        <v>17</v>
      </c>
      <c r="W27648">
        <v>17</v>
      </c>
      <c r="X27648">
        <v>18</v>
      </c>
      <c r="Y27648">
        <v>18</v>
      </c>
      <c r="Z27648">
        <v>18</v>
      </c>
      <c r="AA27648">
        <v>18</v>
      </c>
      <c r="AB27648">
        <v>18</v>
      </c>
      <c r="AC27648">
        <v>18</v>
      </c>
      <c r="AD27648">
        <v>18</v>
      </c>
      <c r="AE27648">
        <v>18</v>
      </c>
      <c r="AF27648">
        <v>18</v>
      </c>
      <c r="AG27648">
        <v>18</v>
      </c>
      <c r="AH27648">
        <v>18</v>
      </c>
      <c r="AI27648">
        <v>18</v>
      </c>
      <c r="AJ27648">
        <v>18</v>
      </c>
      <c r="AK27648">
        <v>17</v>
      </c>
      <c r="AL27648">
        <v>17</v>
      </c>
      <c r="AM27648">
        <v>17</v>
      </c>
      <c r="AN27648">
        <v>17</v>
      </c>
      <c r="AO27648">
        <v>17</v>
      </c>
      <c r="AP27648">
        <v>17</v>
      </c>
      <c r="AQ27648">
        <v>17</v>
      </c>
    </row>
    <row r="27649" spans="1:43">
      <c r="A27649" t="s">
        <v>17109</v>
      </c>
      <c r="B27649" t="s">
        <v>17110</v>
      </c>
      <c r="C27649" t="s">
        <v>17093</v>
      </c>
      <c r="D27649" t="s">
        <v>17094</v>
      </c>
      <c r="E27649" t="s">
        <v>16923</v>
      </c>
      <c r="F27649" t="s">
        <v>16924</v>
      </c>
      <c r="G27649" t="s">
        <v>16559</v>
      </c>
      <c r="H27649" t="s">
        <v>16560</v>
      </c>
      <c r="I27649" s="2">
        <v>1</v>
      </c>
      <c r="J27649" s="2">
        <v>0</v>
      </c>
      <c r="K27649" s="2">
        <v>0</v>
      </c>
      <c r="L27649" t="s">
        <v>120</v>
      </c>
      <c r="M27649" t="s">
        <v>83</v>
      </c>
      <c r="N27649" t="s">
        <v>91</v>
      </c>
      <c r="O27649" t="s">
        <v>85</v>
      </c>
      <c r="P27649" t="s">
        <v>86</v>
      </c>
      <c r="Q27649">
        <v>16</v>
      </c>
      <c r="R27649">
        <v>16</v>
      </c>
      <c r="S27649">
        <v>16</v>
      </c>
      <c r="T27649">
        <v>16</v>
      </c>
      <c r="U27649">
        <v>16</v>
      </c>
      <c r="V27649">
        <v>16</v>
      </c>
      <c r="W27649">
        <v>17</v>
      </c>
      <c r="X27649">
        <v>17</v>
      </c>
      <c r="Y27649">
        <v>17</v>
      </c>
      <c r="Z27649">
        <v>17</v>
      </c>
      <c r="AA27649">
        <v>17</v>
      </c>
      <c r="AB27649">
        <v>17</v>
      </c>
      <c r="AC27649">
        <v>17</v>
      </c>
      <c r="AD27649">
        <v>17</v>
      </c>
      <c r="AE27649">
        <v>17</v>
      </c>
      <c r="AF27649">
        <v>17</v>
      </c>
      <c r="AG27649">
        <v>17</v>
      </c>
      <c r="AH27649">
        <v>17</v>
      </c>
      <c r="AI27649">
        <v>17</v>
      </c>
      <c r="AJ27649">
        <v>17</v>
      </c>
      <c r="AK27649">
        <v>17</v>
      </c>
      <c r="AL27649">
        <v>17</v>
      </c>
      <c r="AM27649">
        <v>17</v>
      </c>
      <c r="AN27649">
        <v>17</v>
      </c>
      <c r="AO27649">
        <v>17</v>
      </c>
      <c r="AP27649">
        <v>17</v>
      </c>
      <c r="AQ27649">
        <v>17</v>
      </c>
    </row>
    <row r="27650" spans="1:43">
      <c r="A27650" t="s">
        <v>17111</v>
      </c>
      <c r="B27650" t="s">
        <v>17112</v>
      </c>
      <c r="C27650" t="s">
        <v>17113</v>
      </c>
      <c r="D27650" t="s">
        <v>17114</v>
      </c>
      <c r="E27650" t="s">
        <v>17115</v>
      </c>
      <c r="F27650" t="s">
        <v>17116</v>
      </c>
      <c r="G27650" t="s">
        <v>16559</v>
      </c>
      <c r="H27650" t="s">
        <v>16560</v>
      </c>
      <c r="I27650" s="2">
        <v>1</v>
      </c>
      <c r="J27650" s="2">
        <v>0</v>
      </c>
      <c r="K27650" s="2">
        <v>0</v>
      </c>
      <c r="L27650" t="s">
        <v>120</v>
      </c>
      <c r="M27650" t="s">
        <v>83</v>
      </c>
      <c r="N27650" t="s">
        <v>84</v>
      </c>
      <c r="O27650" t="s">
        <v>85</v>
      </c>
      <c r="P27650" t="s">
        <v>86</v>
      </c>
      <c r="Q27650">
        <v>21</v>
      </c>
      <c r="R27650">
        <v>21</v>
      </c>
      <c r="S27650">
        <v>22</v>
      </c>
      <c r="T27650">
        <v>22</v>
      </c>
      <c r="U27650">
        <v>23</v>
      </c>
      <c r="V27650">
        <v>23</v>
      </c>
      <c r="W27650">
        <v>23</v>
      </c>
      <c r="X27650">
        <v>24</v>
      </c>
      <c r="Y27650">
        <v>24</v>
      </c>
      <c r="Z27650">
        <v>25</v>
      </c>
      <c r="AA27650">
        <v>25</v>
      </c>
      <c r="AB27650">
        <v>25</v>
      </c>
      <c r="AC27650">
        <v>26</v>
      </c>
      <c r="AD27650">
        <v>26</v>
      </c>
      <c r="AE27650">
        <v>27</v>
      </c>
      <c r="AF27650">
        <v>27</v>
      </c>
      <c r="AG27650">
        <v>27</v>
      </c>
      <c r="AH27650">
        <v>28</v>
      </c>
      <c r="AI27650">
        <v>28</v>
      </c>
      <c r="AJ27650">
        <v>29</v>
      </c>
      <c r="AK27650">
        <v>29</v>
      </c>
      <c r="AL27650">
        <v>29</v>
      </c>
      <c r="AM27650">
        <v>29</v>
      </c>
      <c r="AN27650">
        <v>30</v>
      </c>
      <c r="AO27650">
        <v>30</v>
      </c>
      <c r="AP27650">
        <v>30</v>
      </c>
      <c r="AQ27650">
        <v>30</v>
      </c>
    </row>
    <row r="27651" spans="1:43">
      <c r="A27651" t="s">
        <v>17111</v>
      </c>
      <c r="B27651" t="s">
        <v>17112</v>
      </c>
      <c r="C27651" t="s">
        <v>17113</v>
      </c>
      <c r="D27651" t="s">
        <v>17114</v>
      </c>
      <c r="E27651" t="s">
        <v>17115</v>
      </c>
      <c r="F27651" t="s">
        <v>17116</v>
      </c>
      <c r="G27651" t="s">
        <v>16559</v>
      </c>
      <c r="H27651" t="s">
        <v>16560</v>
      </c>
      <c r="I27651" s="2">
        <v>1</v>
      </c>
      <c r="J27651" s="2">
        <v>0</v>
      </c>
      <c r="K27651" s="2">
        <v>0</v>
      </c>
      <c r="L27651" t="s">
        <v>120</v>
      </c>
      <c r="M27651" t="s">
        <v>87</v>
      </c>
      <c r="N27651" t="s">
        <v>88</v>
      </c>
      <c r="O27651" t="s">
        <v>85</v>
      </c>
      <c r="P27651" t="s">
        <v>86</v>
      </c>
      <c r="Q27651">
        <v>21</v>
      </c>
      <c r="R27651">
        <v>21</v>
      </c>
      <c r="S27651">
        <v>21</v>
      </c>
      <c r="T27651">
        <v>21</v>
      </c>
      <c r="U27651">
        <v>22</v>
      </c>
      <c r="V27651">
        <v>22</v>
      </c>
      <c r="W27651">
        <v>22</v>
      </c>
      <c r="X27651">
        <v>22</v>
      </c>
      <c r="Y27651">
        <v>22</v>
      </c>
      <c r="Z27651">
        <v>23</v>
      </c>
      <c r="AA27651">
        <v>23</v>
      </c>
      <c r="AB27651">
        <v>23</v>
      </c>
      <c r="AC27651">
        <v>23</v>
      </c>
      <c r="AD27651">
        <v>23</v>
      </c>
      <c r="AE27651">
        <v>24</v>
      </c>
      <c r="AF27651">
        <v>24</v>
      </c>
      <c r="AG27651">
        <v>24</v>
      </c>
      <c r="AH27651">
        <v>24</v>
      </c>
      <c r="AI27651">
        <v>24</v>
      </c>
      <c r="AJ27651">
        <v>25</v>
      </c>
      <c r="AK27651">
        <v>25</v>
      </c>
      <c r="AL27651">
        <v>25</v>
      </c>
      <c r="AM27651">
        <v>25</v>
      </c>
      <c r="AN27651">
        <v>26</v>
      </c>
      <c r="AO27651">
        <v>26</v>
      </c>
      <c r="AP27651">
        <v>26</v>
      </c>
      <c r="AQ27651">
        <v>26</v>
      </c>
    </row>
    <row r="27652" spans="1:43">
      <c r="A27652" t="s">
        <v>17111</v>
      </c>
      <c r="B27652" t="s">
        <v>17112</v>
      </c>
      <c r="C27652" t="s">
        <v>17113</v>
      </c>
      <c r="D27652" t="s">
        <v>17114</v>
      </c>
      <c r="E27652" t="s">
        <v>17115</v>
      </c>
      <c r="F27652" t="s">
        <v>17116</v>
      </c>
      <c r="G27652" t="s">
        <v>16559</v>
      </c>
      <c r="H27652" t="s">
        <v>16560</v>
      </c>
      <c r="I27652" s="2">
        <v>1</v>
      </c>
      <c r="J27652" s="2">
        <v>0</v>
      </c>
      <c r="K27652" s="2">
        <v>0</v>
      </c>
      <c r="L27652" t="s">
        <v>120</v>
      </c>
      <c r="M27652" t="s">
        <v>89</v>
      </c>
      <c r="N27652" t="s">
        <v>90</v>
      </c>
      <c r="O27652" t="s">
        <v>85</v>
      </c>
      <c r="P27652" t="s">
        <v>86</v>
      </c>
      <c r="Q27652">
        <v>21</v>
      </c>
      <c r="R27652">
        <v>22</v>
      </c>
      <c r="S27652">
        <v>22</v>
      </c>
      <c r="T27652">
        <v>23</v>
      </c>
      <c r="U27652">
        <v>23</v>
      </c>
      <c r="V27652">
        <v>24</v>
      </c>
      <c r="W27652">
        <v>25</v>
      </c>
      <c r="X27652">
        <v>25</v>
      </c>
      <c r="Y27652">
        <v>26</v>
      </c>
      <c r="Z27652">
        <v>26</v>
      </c>
      <c r="AA27652">
        <v>27</v>
      </c>
      <c r="AB27652">
        <v>27</v>
      </c>
      <c r="AC27652">
        <v>28</v>
      </c>
      <c r="AD27652">
        <v>28</v>
      </c>
      <c r="AE27652">
        <v>28</v>
      </c>
      <c r="AF27652">
        <v>29</v>
      </c>
      <c r="AG27652">
        <v>29</v>
      </c>
      <c r="AH27652">
        <v>29</v>
      </c>
      <c r="AI27652">
        <v>29</v>
      </c>
      <c r="AJ27652">
        <v>29</v>
      </c>
      <c r="AK27652">
        <v>29</v>
      </c>
      <c r="AL27652">
        <v>30</v>
      </c>
      <c r="AM27652">
        <v>30</v>
      </c>
      <c r="AN27652">
        <v>30</v>
      </c>
      <c r="AO27652">
        <v>30</v>
      </c>
      <c r="AP27652">
        <v>30</v>
      </c>
      <c r="AQ27652">
        <v>30</v>
      </c>
    </row>
    <row r="27653" spans="1:43">
      <c r="A27653" t="s">
        <v>17111</v>
      </c>
      <c r="B27653" t="s">
        <v>17112</v>
      </c>
      <c r="C27653" t="s">
        <v>17113</v>
      </c>
      <c r="D27653" t="s">
        <v>17114</v>
      </c>
      <c r="E27653" t="s">
        <v>17115</v>
      </c>
      <c r="F27653" t="s">
        <v>17116</v>
      </c>
      <c r="G27653" t="s">
        <v>16559</v>
      </c>
      <c r="H27653" t="s">
        <v>16560</v>
      </c>
      <c r="I27653" s="2">
        <v>1</v>
      </c>
      <c r="J27653" s="2">
        <v>0</v>
      </c>
      <c r="K27653" s="2">
        <v>0</v>
      </c>
      <c r="L27653" t="s">
        <v>120</v>
      </c>
      <c r="M27653" t="s">
        <v>83</v>
      </c>
      <c r="N27653" t="s">
        <v>91</v>
      </c>
      <c r="O27653" t="s">
        <v>85</v>
      </c>
      <c r="P27653" t="s">
        <v>86</v>
      </c>
      <c r="Q27653">
        <v>21</v>
      </c>
      <c r="R27653">
        <v>21</v>
      </c>
      <c r="S27653">
        <v>22</v>
      </c>
      <c r="T27653">
        <v>22</v>
      </c>
      <c r="U27653">
        <v>23</v>
      </c>
      <c r="V27653">
        <v>23</v>
      </c>
      <c r="W27653">
        <v>23</v>
      </c>
      <c r="X27653">
        <v>24</v>
      </c>
      <c r="Y27653">
        <v>24</v>
      </c>
      <c r="Z27653">
        <v>25</v>
      </c>
      <c r="AA27653">
        <v>25</v>
      </c>
      <c r="AB27653">
        <v>25</v>
      </c>
      <c r="AC27653">
        <v>26</v>
      </c>
      <c r="AD27653">
        <v>26</v>
      </c>
      <c r="AE27653">
        <v>27</v>
      </c>
      <c r="AF27653">
        <v>27</v>
      </c>
      <c r="AG27653">
        <v>27</v>
      </c>
      <c r="AH27653">
        <v>28</v>
      </c>
      <c r="AI27653">
        <v>28</v>
      </c>
      <c r="AJ27653">
        <v>29</v>
      </c>
      <c r="AK27653">
        <v>29</v>
      </c>
      <c r="AL27653">
        <v>29</v>
      </c>
      <c r="AM27653">
        <v>29</v>
      </c>
      <c r="AN27653">
        <v>30</v>
      </c>
      <c r="AO27653">
        <v>30</v>
      </c>
      <c r="AP27653">
        <v>30</v>
      </c>
      <c r="AQ27653">
        <v>30</v>
      </c>
    </row>
    <row r="27654" spans="1:43">
      <c r="A27654" t="s">
        <v>17117</v>
      </c>
      <c r="B27654" t="s">
        <v>17118</v>
      </c>
      <c r="C27654" t="s">
        <v>17113</v>
      </c>
      <c r="D27654" t="s">
        <v>17114</v>
      </c>
      <c r="E27654" t="s">
        <v>17115</v>
      </c>
      <c r="F27654" t="s">
        <v>17116</v>
      </c>
      <c r="G27654" t="s">
        <v>16559</v>
      </c>
      <c r="H27654" t="s">
        <v>16560</v>
      </c>
      <c r="I27654" s="2">
        <v>1</v>
      </c>
      <c r="J27654" s="2">
        <v>0</v>
      </c>
      <c r="K27654" s="2">
        <v>0</v>
      </c>
      <c r="L27654" t="s">
        <v>120</v>
      </c>
      <c r="M27654" t="s">
        <v>83</v>
      </c>
      <c r="N27654" t="s">
        <v>84</v>
      </c>
      <c r="O27654" t="s">
        <v>85</v>
      </c>
      <c r="P27654" t="s">
        <v>86</v>
      </c>
      <c r="Q27654">
        <v>22</v>
      </c>
      <c r="R27654">
        <v>23</v>
      </c>
      <c r="S27654">
        <v>23</v>
      </c>
      <c r="T27654">
        <v>24</v>
      </c>
      <c r="U27654">
        <v>24</v>
      </c>
      <c r="V27654">
        <v>24</v>
      </c>
      <c r="W27654">
        <v>25</v>
      </c>
      <c r="X27654">
        <v>25</v>
      </c>
      <c r="Y27654">
        <v>26</v>
      </c>
      <c r="Z27654">
        <v>26</v>
      </c>
      <c r="AA27654">
        <v>27</v>
      </c>
      <c r="AB27654">
        <v>27</v>
      </c>
      <c r="AC27654">
        <v>27</v>
      </c>
      <c r="AD27654">
        <v>28</v>
      </c>
      <c r="AE27654">
        <v>28</v>
      </c>
      <c r="AF27654">
        <v>29</v>
      </c>
      <c r="AG27654">
        <v>29</v>
      </c>
      <c r="AH27654">
        <v>30</v>
      </c>
      <c r="AI27654">
        <v>30</v>
      </c>
      <c r="AJ27654">
        <v>31</v>
      </c>
      <c r="AK27654">
        <v>31</v>
      </c>
      <c r="AL27654">
        <v>31</v>
      </c>
      <c r="AM27654">
        <v>31</v>
      </c>
      <c r="AN27654">
        <v>32</v>
      </c>
      <c r="AO27654">
        <v>32</v>
      </c>
      <c r="AP27654">
        <v>32</v>
      </c>
      <c r="AQ27654">
        <v>32</v>
      </c>
    </row>
    <row r="27655" spans="1:43">
      <c r="A27655" t="s">
        <v>17117</v>
      </c>
      <c r="B27655" t="s">
        <v>17118</v>
      </c>
      <c r="C27655" t="s">
        <v>17113</v>
      </c>
      <c r="D27655" t="s">
        <v>17114</v>
      </c>
      <c r="E27655" t="s">
        <v>17115</v>
      </c>
      <c r="F27655" t="s">
        <v>17116</v>
      </c>
      <c r="G27655" t="s">
        <v>16559</v>
      </c>
      <c r="H27655" t="s">
        <v>16560</v>
      </c>
      <c r="I27655" s="2">
        <v>1</v>
      </c>
      <c r="J27655" s="2">
        <v>0</v>
      </c>
      <c r="K27655" s="2">
        <v>0</v>
      </c>
      <c r="L27655" t="s">
        <v>120</v>
      </c>
      <c r="M27655" t="s">
        <v>87</v>
      </c>
      <c r="N27655" t="s">
        <v>88</v>
      </c>
      <c r="O27655" t="s">
        <v>85</v>
      </c>
      <c r="P27655" t="s">
        <v>86</v>
      </c>
      <c r="Q27655">
        <v>22</v>
      </c>
      <c r="R27655">
        <v>22</v>
      </c>
      <c r="S27655">
        <v>23</v>
      </c>
      <c r="T27655">
        <v>23</v>
      </c>
      <c r="U27655">
        <v>23</v>
      </c>
      <c r="V27655">
        <v>23</v>
      </c>
      <c r="W27655">
        <v>23</v>
      </c>
      <c r="X27655">
        <v>24</v>
      </c>
      <c r="Y27655">
        <v>24</v>
      </c>
      <c r="Z27655">
        <v>24</v>
      </c>
      <c r="AA27655">
        <v>24</v>
      </c>
      <c r="AB27655">
        <v>24</v>
      </c>
      <c r="AC27655">
        <v>25</v>
      </c>
      <c r="AD27655">
        <v>25</v>
      </c>
      <c r="AE27655">
        <v>25</v>
      </c>
      <c r="AF27655">
        <v>25</v>
      </c>
      <c r="AG27655">
        <v>26</v>
      </c>
      <c r="AH27655">
        <v>26</v>
      </c>
      <c r="AI27655">
        <v>26</v>
      </c>
      <c r="AJ27655">
        <v>26</v>
      </c>
      <c r="AK27655">
        <v>26</v>
      </c>
      <c r="AL27655">
        <v>27</v>
      </c>
      <c r="AM27655">
        <v>27</v>
      </c>
      <c r="AN27655">
        <v>27</v>
      </c>
      <c r="AO27655">
        <v>27</v>
      </c>
      <c r="AP27655">
        <v>27</v>
      </c>
      <c r="AQ27655">
        <v>28</v>
      </c>
    </row>
    <row r="27656" spans="1:43">
      <c r="A27656" t="s">
        <v>17117</v>
      </c>
      <c r="B27656" t="s">
        <v>17118</v>
      </c>
      <c r="C27656" t="s">
        <v>17113</v>
      </c>
      <c r="D27656" t="s">
        <v>17114</v>
      </c>
      <c r="E27656" t="s">
        <v>17115</v>
      </c>
      <c r="F27656" t="s">
        <v>17116</v>
      </c>
      <c r="G27656" t="s">
        <v>16559</v>
      </c>
      <c r="H27656" t="s">
        <v>16560</v>
      </c>
      <c r="I27656" s="2">
        <v>1</v>
      </c>
      <c r="J27656" s="2">
        <v>0</v>
      </c>
      <c r="K27656" s="2">
        <v>0</v>
      </c>
      <c r="L27656" t="s">
        <v>120</v>
      </c>
      <c r="M27656" t="s">
        <v>89</v>
      </c>
      <c r="N27656" t="s">
        <v>90</v>
      </c>
      <c r="O27656" t="s">
        <v>85</v>
      </c>
      <c r="P27656" t="s">
        <v>86</v>
      </c>
      <c r="Q27656">
        <v>22</v>
      </c>
      <c r="R27656">
        <v>22</v>
      </c>
      <c r="S27656">
        <v>23</v>
      </c>
      <c r="T27656">
        <v>23</v>
      </c>
      <c r="U27656">
        <v>24</v>
      </c>
      <c r="V27656">
        <v>25</v>
      </c>
      <c r="W27656">
        <v>25</v>
      </c>
      <c r="X27656">
        <v>26</v>
      </c>
      <c r="Y27656">
        <v>26</v>
      </c>
      <c r="Z27656">
        <v>27</v>
      </c>
      <c r="AA27656">
        <v>27</v>
      </c>
      <c r="AB27656">
        <v>28</v>
      </c>
      <c r="AC27656">
        <v>28</v>
      </c>
      <c r="AD27656">
        <v>29</v>
      </c>
      <c r="AE27656">
        <v>29</v>
      </c>
      <c r="AF27656">
        <v>30</v>
      </c>
      <c r="AG27656">
        <v>30</v>
      </c>
      <c r="AH27656">
        <v>30</v>
      </c>
      <c r="AI27656">
        <v>30</v>
      </c>
      <c r="AJ27656">
        <v>30</v>
      </c>
      <c r="AK27656">
        <v>30</v>
      </c>
      <c r="AL27656">
        <v>30</v>
      </c>
      <c r="AM27656">
        <v>31</v>
      </c>
      <c r="AN27656">
        <v>31</v>
      </c>
      <c r="AO27656">
        <v>31</v>
      </c>
      <c r="AP27656">
        <v>31</v>
      </c>
      <c r="AQ27656">
        <v>31</v>
      </c>
    </row>
    <row r="27657" spans="1:43">
      <c r="A27657" t="s">
        <v>17117</v>
      </c>
      <c r="B27657" t="s">
        <v>17118</v>
      </c>
      <c r="C27657" t="s">
        <v>17113</v>
      </c>
      <c r="D27657" t="s">
        <v>17114</v>
      </c>
      <c r="E27657" t="s">
        <v>17115</v>
      </c>
      <c r="F27657" t="s">
        <v>17116</v>
      </c>
      <c r="G27657" t="s">
        <v>16559</v>
      </c>
      <c r="H27657" t="s">
        <v>16560</v>
      </c>
      <c r="I27657" s="2">
        <v>1</v>
      </c>
      <c r="J27657" s="2">
        <v>0</v>
      </c>
      <c r="K27657" s="2">
        <v>0</v>
      </c>
      <c r="L27657" t="s">
        <v>120</v>
      </c>
      <c r="M27657" t="s">
        <v>83</v>
      </c>
      <c r="N27657" t="s">
        <v>91</v>
      </c>
      <c r="O27657" t="s">
        <v>85</v>
      </c>
      <c r="P27657" t="s">
        <v>86</v>
      </c>
      <c r="Q27657">
        <v>22</v>
      </c>
      <c r="R27657">
        <v>23</v>
      </c>
      <c r="S27657">
        <v>23</v>
      </c>
      <c r="T27657">
        <v>24</v>
      </c>
      <c r="U27657">
        <v>24</v>
      </c>
      <c r="V27657">
        <v>24</v>
      </c>
      <c r="W27657">
        <v>25</v>
      </c>
      <c r="X27657">
        <v>25</v>
      </c>
      <c r="Y27657">
        <v>26</v>
      </c>
      <c r="Z27657">
        <v>26</v>
      </c>
      <c r="AA27657">
        <v>27</v>
      </c>
      <c r="AB27657">
        <v>27</v>
      </c>
      <c r="AC27657">
        <v>27</v>
      </c>
      <c r="AD27657">
        <v>28</v>
      </c>
      <c r="AE27657">
        <v>28</v>
      </c>
      <c r="AF27657">
        <v>29</v>
      </c>
      <c r="AG27657">
        <v>29</v>
      </c>
      <c r="AH27657">
        <v>30</v>
      </c>
      <c r="AI27657">
        <v>30</v>
      </c>
      <c r="AJ27657">
        <v>31</v>
      </c>
      <c r="AK27657">
        <v>31</v>
      </c>
      <c r="AL27657">
        <v>31</v>
      </c>
      <c r="AM27657">
        <v>31</v>
      </c>
      <c r="AN27657">
        <v>32</v>
      </c>
      <c r="AO27657">
        <v>32</v>
      </c>
      <c r="AP27657">
        <v>32</v>
      </c>
      <c r="AQ27657">
        <v>32</v>
      </c>
    </row>
    <row r="27658" spans="1:43">
      <c r="A27658" t="s">
        <v>17119</v>
      </c>
      <c r="B27658" t="s">
        <v>17120</v>
      </c>
      <c r="C27658" t="s">
        <v>17113</v>
      </c>
      <c r="D27658" t="s">
        <v>17114</v>
      </c>
      <c r="E27658" t="s">
        <v>17115</v>
      </c>
      <c r="F27658" t="s">
        <v>17116</v>
      </c>
      <c r="G27658" t="s">
        <v>16559</v>
      </c>
      <c r="H27658" t="s">
        <v>16560</v>
      </c>
      <c r="I27658" s="2">
        <v>1</v>
      </c>
      <c r="J27658" s="2">
        <v>0</v>
      </c>
      <c r="K27658" s="2">
        <v>0</v>
      </c>
      <c r="L27658" t="s">
        <v>120</v>
      </c>
      <c r="M27658" t="s">
        <v>83</v>
      </c>
      <c r="N27658" t="s">
        <v>84</v>
      </c>
      <c r="O27658" t="s">
        <v>85</v>
      </c>
      <c r="P27658" t="s">
        <v>86</v>
      </c>
      <c r="Q27658">
        <v>133</v>
      </c>
      <c r="R27658">
        <v>136</v>
      </c>
      <c r="S27658">
        <v>138</v>
      </c>
      <c r="T27658">
        <v>141</v>
      </c>
      <c r="U27658">
        <v>143</v>
      </c>
      <c r="V27658">
        <v>146</v>
      </c>
      <c r="W27658">
        <v>149</v>
      </c>
      <c r="X27658">
        <v>151</v>
      </c>
      <c r="Y27658">
        <v>154</v>
      </c>
      <c r="Z27658">
        <v>156</v>
      </c>
      <c r="AA27658">
        <v>159</v>
      </c>
      <c r="AB27658">
        <v>161</v>
      </c>
      <c r="AC27658">
        <v>164</v>
      </c>
      <c r="AD27658">
        <v>166</v>
      </c>
      <c r="AE27658">
        <v>169</v>
      </c>
      <c r="AF27658">
        <v>171</v>
      </c>
      <c r="AG27658">
        <v>174</v>
      </c>
      <c r="AH27658">
        <v>176</v>
      </c>
      <c r="AI27658">
        <v>179</v>
      </c>
      <c r="AJ27658">
        <v>182</v>
      </c>
      <c r="AK27658">
        <v>184</v>
      </c>
      <c r="AL27658">
        <v>186</v>
      </c>
      <c r="AM27658">
        <v>187</v>
      </c>
      <c r="AN27658">
        <v>188</v>
      </c>
      <c r="AO27658">
        <v>189</v>
      </c>
      <c r="AP27658">
        <v>190</v>
      </c>
      <c r="AQ27658">
        <v>191</v>
      </c>
    </row>
    <row r="27659" spans="1:43">
      <c r="A27659" t="s">
        <v>17119</v>
      </c>
      <c r="B27659" t="s">
        <v>17120</v>
      </c>
      <c r="C27659" t="s">
        <v>17113</v>
      </c>
      <c r="D27659" t="s">
        <v>17114</v>
      </c>
      <c r="E27659" t="s">
        <v>17115</v>
      </c>
      <c r="F27659" t="s">
        <v>17116</v>
      </c>
      <c r="G27659" t="s">
        <v>16559</v>
      </c>
      <c r="H27659" t="s">
        <v>16560</v>
      </c>
      <c r="I27659" s="2">
        <v>1</v>
      </c>
      <c r="J27659" s="2">
        <v>0</v>
      </c>
      <c r="K27659" s="2">
        <v>0</v>
      </c>
      <c r="L27659" t="s">
        <v>120</v>
      </c>
      <c r="M27659" t="s">
        <v>87</v>
      </c>
      <c r="N27659" t="s">
        <v>88</v>
      </c>
      <c r="O27659" t="s">
        <v>85</v>
      </c>
      <c r="P27659" t="s">
        <v>86</v>
      </c>
      <c r="Q27659">
        <v>133</v>
      </c>
      <c r="R27659">
        <v>134</v>
      </c>
      <c r="S27659">
        <v>136</v>
      </c>
      <c r="T27659">
        <v>137</v>
      </c>
      <c r="U27659">
        <v>138</v>
      </c>
      <c r="V27659">
        <v>139</v>
      </c>
      <c r="W27659">
        <v>141</v>
      </c>
      <c r="X27659">
        <v>142</v>
      </c>
      <c r="Y27659">
        <v>143</v>
      </c>
      <c r="Z27659">
        <v>144</v>
      </c>
      <c r="AA27659">
        <v>146</v>
      </c>
      <c r="AB27659">
        <v>147</v>
      </c>
      <c r="AC27659">
        <v>148</v>
      </c>
      <c r="AD27659">
        <v>150</v>
      </c>
      <c r="AE27659">
        <v>151</v>
      </c>
      <c r="AF27659">
        <v>152</v>
      </c>
      <c r="AG27659">
        <v>153</v>
      </c>
      <c r="AH27659">
        <v>155</v>
      </c>
      <c r="AI27659">
        <v>156</v>
      </c>
      <c r="AJ27659">
        <v>157</v>
      </c>
      <c r="AK27659">
        <v>159</v>
      </c>
      <c r="AL27659">
        <v>160</v>
      </c>
      <c r="AM27659">
        <v>161</v>
      </c>
      <c r="AN27659">
        <v>163</v>
      </c>
      <c r="AO27659">
        <v>164</v>
      </c>
      <c r="AP27659">
        <v>165</v>
      </c>
      <c r="AQ27659">
        <v>167</v>
      </c>
    </row>
    <row r="27660" spans="1:43">
      <c r="A27660" t="s">
        <v>17119</v>
      </c>
      <c r="B27660" t="s">
        <v>17120</v>
      </c>
      <c r="C27660" t="s">
        <v>17113</v>
      </c>
      <c r="D27660" t="s">
        <v>17114</v>
      </c>
      <c r="E27660" t="s">
        <v>17115</v>
      </c>
      <c r="F27660" t="s">
        <v>17116</v>
      </c>
      <c r="G27660" t="s">
        <v>16559</v>
      </c>
      <c r="H27660" t="s">
        <v>16560</v>
      </c>
      <c r="I27660" s="2">
        <v>1</v>
      </c>
      <c r="J27660" s="2">
        <v>0</v>
      </c>
      <c r="K27660" s="2">
        <v>0</v>
      </c>
      <c r="L27660" t="s">
        <v>120</v>
      </c>
      <c r="M27660" t="s">
        <v>89</v>
      </c>
      <c r="N27660" t="s">
        <v>90</v>
      </c>
      <c r="O27660" t="s">
        <v>85</v>
      </c>
      <c r="P27660" t="s">
        <v>86</v>
      </c>
      <c r="Q27660">
        <v>133</v>
      </c>
      <c r="R27660">
        <v>137</v>
      </c>
      <c r="S27660">
        <v>141</v>
      </c>
      <c r="T27660">
        <v>144</v>
      </c>
      <c r="U27660">
        <v>148</v>
      </c>
      <c r="V27660">
        <v>151</v>
      </c>
      <c r="W27660">
        <v>155</v>
      </c>
      <c r="X27660">
        <v>158</v>
      </c>
      <c r="Y27660">
        <v>161</v>
      </c>
      <c r="Z27660">
        <v>164</v>
      </c>
      <c r="AA27660">
        <v>168</v>
      </c>
      <c r="AB27660">
        <v>171</v>
      </c>
      <c r="AC27660">
        <v>174</v>
      </c>
      <c r="AD27660">
        <v>177</v>
      </c>
      <c r="AE27660">
        <v>180</v>
      </c>
      <c r="AF27660">
        <v>181</v>
      </c>
      <c r="AG27660">
        <v>182</v>
      </c>
      <c r="AH27660">
        <v>183</v>
      </c>
      <c r="AI27660">
        <v>184</v>
      </c>
      <c r="AJ27660">
        <v>185</v>
      </c>
      <c r="AK27660">
        <v>186</v>
      </c>
      <c r="AL27660">
        <v>187</v>
      </c>
      <c r="AM27660">
        <v>188</v>
      </c>
      <c r="AN27660">
        <v>189</v>
      </c>
      <c r="AO27660">
        <v>190</v>
      </c>
      <c r="AP27660">
        <v>190</v>
      </c>
      <c r="AQ27660">
        <v>191</v>
      </c>
    </row>
    <row r="27661" spans="1:43">
      <c r="A27661" t="s">
        <v>17119</v>
      </c>
      <c r="B27661" t="s">
        <v>17120</v>
      </c>
      <c r="C27661" t="s">
        <v>17113</v>
      </c>
      <c r="D27661" t="s">
        <v>17114</v>
      </c>
      <c r="E27661" t="s">
        <v>17115</v>
      </c>
      <c r="F27661" t="s">
        <v>17116</v>
      </c>
      <c r="G27661" t="s">
        <v>16559</v>
      </c>
      <c r="H27661" t="s">
        <v>16560</v>
      </c>
      <c r="I27661" s="2">
        <v>1</v>
      </c>
      <c r="J27661" s="2">
        <v>0</v>
      </c>
      <c r="K27661" s="2">
        <v>0</v>
      </c>
      <c r="L27661" t="s">
        <v>120</v>
      </c>
      <c r="M27661" t="s">
        <v>83</v>
      </c>
      <c r="N27661" t="s">
        <v>91</v>
      </c>
      <c r="O27661" t="s">
        <v>85</v>
      </c>
      <c r="P27661" t="s">
        <v>86</v>
      </c>
      <c r="Q27661">
        <v>133</v>
      </c>
      <c r="R27661">
        <v>136</v>
      </c>
      <c r="S27661">
        <v>138</v>
      </c>
      <c r="T27661">
        <v>141</v>
      </c>
      <c r="U27661">
        <v>143</v>
      </c>
      <c r="V27661">
        <v>146</v>
      </c>
      <c r="W27661">
        <v>149</v>
      </c>
      <c r="X27661">
        <v>151</v>
      </c>
      <c r="Y27661">
        <v>154</v>
      </c>
      <c r="Z27661">
        <v>156</v>
      </c>
      <c r="AA27661">
        <v>159</v>
      </c>
      <c r="AB27661">
        <v>161</v>
      </c>
      <c r="AC27661">
        <v>164</v>
      </c>
      <c r="AD27661">
        <v>166</v>
      </c>
      <c r="AE27661">
        <v>169</v>
      </c>
      <c r="AF27661">
        <v>171</v>
      </c>
      <c r="AG27661">
        <v>174</v>
      </c>
      <c r="AH27661">
        <v>176</v>
      </c>
      <c r="AI27661">
        <v>179</v>
      </c>
      <c r="AJ27661">
        <v>182</v>
      </c>
      <c r="AK27661">
        <v>184</v>
      </c>
      <c r="AL27661">
        <v>186</v>
      </c>
      <c r="AM27661">
        <v>187</v>
      </c>
      <c r="AN27661">
        <v>188</v>
      </c>
      <c r="AO27661">
        <v>189</v>
      </c>
      <c r="AP27661">
        <v>190</v>
      </c>
      <c r="AQ27661">
        <v>191</v>
      </c>
    </row>
    <row r="27662" spans="1:43">
      <c r="A27662" t="s">
        <v>17121</v>
      </c>
      <c r="B27662" t="s">
        <v>17122</v>
      </c>
      <c r="C27662" t="s">
        <v>17113</v>
      </c>
      <c r="D27662" t="s">
        <v>17114</v>
      </c>
      <c r="E27662" t="s">
        <v>17115</v>
      </c>
      <c r="F27662" t="s">
        <v>17116</v>
      </c>
      <c r="G27662" t="s">
        <v>16559</v>
      </c>
      <c r="H27662" t="s">
        <v>16560</v>
      </c>
      <c r="I27662" s="2">
        <v>1</v>
      </c>
      <c r="J27662" s="2">
        <v>0</v>
      </c>
      <c r="K27662" s="2">
        <v>0</v>
      </c>
      <c r="L27662" t="s">
        <v>120</v>
      </c>
      <c r="M27662" t="s">
        <v>83</v>
      </c>
      <c r="N27662" t="s">
        <v>84</v>
      </c>
      <c r="O27662" t="s">
        <v>85</v>
      </c>
      <c r="P27662" t="s">
        <v>86</v>
      </c>
      <c r="Q27662">
        <v>21</v>
      </c>
      <c r="R27662">
        <v>21</v>
      </c>
      <c r="S27662">
        <v>21</v>
      </c>
      <c r="T27662">
        <v>22</v>
      </c>
      <c r="U27662">
        <v>22</v>
      </c>
      <c r="V27662">
        <v>22</v>
      </c>
      <c r="W27662">
        <v>23</v>
      </c>
      <c r="X27662">
        <v>23</v>
      </c>
      <c r="Y27662">
        <v>24</v>
      </c>
      <c r="Z27662">
        <v>24</v>
      </c>
      <c r="AA27662">
        <v>24</v>
      </c>
      <c r="AB27662">
        <v>25</v>
      </c>
      <c r="AC27662">
        <v>25</v>
      </c>
      <c r="AD27662">
        <v>26</v>
      </c>
      <c r="AE27662">
        <v>26</v>
      </c>
      <c r="AF27662">
        <v>26</v>
      </c>
      <c r="AG27662">
        <v>27</v>
      </c>
      <c r="AH27662">
        <v>27</v>
      </c>
      <c r="AI27662">
        <v>28</v>
      </c>
      <c r="AJ27662">
        <v>28</v>
      </c>
      <c r="AK27662">
        <v>28</v>
      </c>
      <c r="AL27662">
        <v>29</v>
      </c>
      <c r="AM27662">
        <v>29</v>
      </c>
      <c r="AN27662">
        <v>29</v>
      </c>
      <c r="AO27662">
        <v>29</v>
      </c>
      <c r="AP27662">
        <v>29</v>
      </c>
      <c r="AQ27662">
        <v>29</v>
      </c>
    </row>
    <row r="27663" spans="1:43">
      <c r="A27663" t="s">
        <v>17121</v>
      </c>
      <c r="B27663" t="s">
        <v>17122</v>
      </c>
      <c r="C27663" t="s">
        <v>17113</v>
      </c>
      <c r="D27663" t="s">
        <v>17114</v>
      </c>
      <c r="E27663" t="s">
        <v>17115</v>
      </c>
      <c r="F27663" t="s">
        <v>17116</v>
      </c>
      <c r="G27663" t="s">
        <v>16559</v>
      </c>
      <c r="H27663" t="s">
        <v>16560</v>
      </c>
      <c r="I27663" s="2">
        <v>1</v>
      </c>
      <c r="J27663" s="2">
        <v>0</v>
      </c>
      <c r="K27663" s="2">
        <v>0</v>
      </c>
      <c r="L27663" t="s">
        <v>120</v>
      </c>
      <c r="M27663" t="s">
        <v>87</v>
      </c>
      <c r="N27663" t="s">
        <v>88</v>
      </c>
      <c r="O27663" t="s">
        <v>85</v>
      </c>
      <c r="P27663" t="s">
        <v>86</v>
      </c>
      <c r="Q27663">
        <v>21</v>
      </c>
      <c r="R27663">
        <v>22</v>
      </c>
      <c r="S27663">
        <v>22</v>
      </c>
      <c r="T27663">
        <v>22</v>
      </c>
      <c r="U27663">
        <v>22</v>
      </c>
      <c r="V27663">
        <v>22</v>
      </c>
      <c r="W27663">
        <v>23</v>
      </c>
      <c r="X27663">
        <v>23</v>
      </c>
      <c r="Y27663">
        <v>23</v>
      </c>
      <c r="Z27663">
        <v>23</v>
      </c>
      <c r="AA27663">
        <v>23</v>
      </c>
      <c r="AB27663">
        <v>23</v>
      </c>
      <c r="AC27663">
        <v>24</v>
      </c>
      <c r="AD27663">
        <v>24</v>
      </c>
      <c r="AE27663">
        <v>24</v>
      </c>
      <c r="AF27663">
        <v>24</v>
      </c>
      <c r="AG27663">
        <v>24</v>
      </c>
      <c r="AH27663">
        <v>25</v>
      </c>
      <c r="AI27663">
        <v>25</v>
      </c>
      <c r="AJ27663">
        <v>25</v>
      </c>
      <c r="AK27663">
        <v>25</v>
      </c>
      <c r="AL27663">
        <v>25</v>
      </c>
      <c r="AM27663">
        <v>26</v>
      </c>
      <c r="AN27663">
        <v>26</v>
      </c>
      <c r="AO27663">
        <v>26</v>
      </c>
      <c r="AP27663">
        <v>26</v>
      </c>
      <c r="AQ27663">
        <v>26</v>
      </c>
    </row>
    <row r="27664" spans="1:43">
      <c r="A27664" t="s">
        <v>17121</v>
      </c>
      <c r="B27664" t="s">
        <v>17122</v>
      </c>
      <c r="C27664" t="s">
        <v>17113</v>
      </c>
      <c r="D27664" t="s">
        <v>17114</v>
      </c>
      <c r="E27664" t="s">
        <v>17115</v>
      </c>
      <c r="F27664" t="s">
        <v>17116</v>
      </c>
      <c r="G27664" t="s">
        <v>16559</v>
      </c>
      <c r="H27664" t="s">
        <v>16560</v>
      </c>
      <c r="I27664" s="2">
        <v>1</v>
      </c>
      <c r="J27664" s="2">
        <v>0</v>
      </c>
      <c r="K27664" s="2">
        <v>0</v>
      </c>
      <c r="L27664" t="s">
        <v>120</v>
      </c>
      <c r="M27664" t="s">
        <v>89</v>
      </c>
      <c r="N27664" t="s">
        <v>90</v>
      </c>
      <c r="O27664" t="s">
        <v>85</v>
      </c>
      <c r="P27664" t="s">
        <v>86</v>
      </c>
      <c r="Q27664">
        <v>21</v>
      </c>
      <c r="R27664">
        <v>21</v>
      </c>
      <c r="S27664">
        <v>22</v>
      </c>
      <c r="T27664">
        <v>22</v>
      </c>
      <c r="U27664">
        <v>23</v>
      </c>
      <c r="V27664">
        <v>23</v>
      </c>
      <c r="W27664">
        <v>24</v>
      </c>
      <c r="X27664">
        <v>25</v>
      </c>
      <c r="Y27664">
        <v>25</v>
      </c>
      <c r="Z27664">
        <v>26</v>
      </c>
      <c r="AA27664">
        <v>26</v>
      </c>
      <c r="AB27664">
        <v>27</v>
      </c>
      <c r="AC27664">
        <v>27</v>
      </c>
      <c r="AD27664">
        <v>28</v>
      </c>
      <c r="AE27664">
        <v>28</v>
      </c>
      <c r="AF27664">
        <v>28</v>
      </c>
      <c r="AG27664">
        <v>28</v>
      </c>
      <c r="AH27664">
        <v>28</v>
      </c>
      <c r="AI27664">
        <v>28</v>
      </c>
      <c r="AJ27664">
        <v>29</v>
      </c>
      <c r="AK27664">
        <v>29</v>
      </c>
      <c r="AL27664">
        <v>29</v>
      </c>
      <c r="AM27664">
        <v>29</v>
      </c>
      <c r="AN27664">
        <v>29</v>
      </c>
      <c r="AO27664">
        <v>29</v>
      </c>
      <c r="AP27664">
        <v>29</v>
      </c>
      <c r="AQ27664">
        <v>30</v>
      </c>
    </row>
    <row r="27665" spans="1:43">
      <c r="A27665" t="s">
        <v>17121</v>
      </c>
      <c r="B27665" t="s">
        <v>17122</v>
      </c>
      <c r="C27665" t="s">
        <v>17113</v>
      </c>
      <c r="D27665" t="s">
        <v>17114</v>
      </c>
      <c r="E27665" t="s">
        <v>17115</v>
      </c>
      <c r="F27665" t="s">
        <v>17116</v>
      </c>
      <c r="G27665" t="s">
        <v>16559</v>
      </c>
      <c r="H27665" t="s">
        <v>16560</v>
      </c>
      <c r="I27665" s="2">
        <v>1</v>
      </c>
      <c r="J27665" s="2">
        <v>0</v>
      </c>
      <c r="K27665" s="2">
        <v>0</v>
      </c>
      <c r="L27665" t="s">
        <v>120</v>
      </c>
      <c r="M27665" t="s">
        <v>83</v>
      </c>
      <c r="N27665" t="s">
        <v>91</v>
      </c>
      <c r="O27665" t="s">
        <v>85</v>
      </c>
      <c r="P27665" t="s">
        <v>86</v>
      </c>
      <c r="Q27665">
        <v>21</v>
      </c>
      <c r="R27665">
        <v>21</v>
      </c>
      <c r="S27665">
        <v>21</v>
      </c>
      <c r="T27665">
        <v>22</v>
      </c>
      <c r="U27665">
        <v>22</v>
      </c>
      <c r="V27665">
        <v>22</v>
      </c>
      <c r="W27665">
        <v>23</v>
      </c>
      <c r="X27665">
        <v>23</v>
      </c>
      <c r="Y27665">
        <v>24</v>
      </c>
      <c r="Z27665">
        <v>24</v>
      </c>
      <c r="AA27665">
        <v>24</v>
      </c>
      <c r="AB27665">
        <v>25</v>
      </c>
      <c r="AC27665">
        <v>25</v>
      </c>
      <c r="AD27665">
        <v>26</v>
      </c>
      <c r="AE27665">
        <v>26</v>
      </c>
      <c r="AF27665">
        <v>26</v>
      </c>
      <c r="AG27665">
        <v>27</v>
      </c>
      <c r="AH27665">
        <v>27</v>
      </c>
      <c r="AI27665">
        <v>28</v>
      </c>
      <c r="AJ27665">
        <v>28</v>
      </c>
      <c r="AK27665">
        <v>28</v>
      </c>
      <c r="AL27665">
        <v>29</v>
      </c>
      <c r="AM27665">
        <v>29</v>
      </c>
      <c r="AN27665">
        <v>29</v>
      </c>
      <c r="AO27665">
        <v>29</v>
      </c>
      <c r="AP27665">
        <v>29</v>
      </c>
      <c r="AQ27665">
        <v>29</v>
      </c>
    </row>
    <row r="27666" spans="1:43">
      <c r="A27666" t="s">
        <v>17123</v>
      </c>
      <c r="B27666" t="s">
        <v>17124</v>
      </c>
      <c r="C27666" t="s">
        <v>17113</v>
      </c>
      <c r="D27666" t="s">
        <v>17114</v>
      </c>
      <c r="E27666" t="s">
        <v>17115</v>
      </c>
      <c r="F27666" t="s">
        <v>17116</v>
      </c>
      <c r="G27666" t="s">
        <v>16559</v>
      </c>
      <c r="H27666" t="s">
        <v>16560</v>
      </c>
      <c r="I27666" s="2">
        <v>1</v>
      </c>
      <c r="J27666" s="2">
        <v>0</v>
      </c>
      <c r="K27666" s="2">
        <v>0</v>
      </c>
      <c r="L27666" t="s">
        <v>120</v>
      </c>
      <c r="M27666" t="s">
        <v>83</v>
      </c>
      <c r="N27666" t="s">
        <v>84</v>
      </c>
      <c r="O27666" t="s">
        <v>85</v>
      </c>
      <c r="P27666" t="s">
        <v>86</v>
      </c>
      <c r="Q27666">
        <v>15</v>
      </c>
      <c r="R27666">
        <v>15</v>
      </c>
      <c r="S27666">
        <v>16</v>
      </c>
      <c r="T27666">
        <v>16</v>
      </c>
      <c r="U27666">
        <v>16</v>
      </c>
      <c r="V27666">
        <v>16</v>
      </c>
      <c r="W27666">
        <v>17</v>
      </c>
      <c r="X27666">
        <v>17</v>
      </c>
      <c r="Y27666">
        <v>17</v>
      </c>
      <c r="Z27666">
        <v>18</v>
      </c>
      <c r="AA27666">
        <v>18</v>
      </c>
      <c r="AB27666">
        <v>18</v>
      </c>
      <c r="AC27666">
        <v>18</v>
      </c>
      <c r="AD27666">
        <v>19</v>
      </c>
      <c r="AE27666">
        <v>19</v>
      </c>
      <c r="AF27666">
        <v>19</v>
      </c>
      <c r="AG27666">
        <v>20</v>
      </c>
      <c r="AH27666">
        <v>20</v>
      </c>
      <c r="AI27666">
        <v>20</v>
      </c>
      <c r="AJ27666">
        <v>21</v>
      </c>
      <c r="AK27666">
        <v>21</v>
      </c>
      <c r="AL27666">
        <v>21</v>
      </c>
      <c r="AM27666">
        <v>21</v>
      </c>
      <c r="AN27666">
        <v>21</v>
      </c>
      <c r="AO27666">
        <v>21</v>
      </c>
      <c r="AP27666">
        <v>21</v>
      </c>
      <c r="AQ27666">
        <v>21</v>
      </c>
    </row>
    <row r="27667" spans="1:43">
      <c r="A27667" t="s">
        <v>17123</v>
      </c>
      <c r="B27667" t="s">
        <v>17124</v>
      </c>
      <c r="C27667" t="s">
        <v>17113</v>
      </c>
      <c r="D27667" t="s">
        <v>17114</v>
      </c>
      <c r="E27667" t="s">
        <v>17115</v>
      </c>
      <c r="F27667" t="s">
        <v>17116</v>
      </c>
      <c r="G27667" t="s">
        <v>16559</v>
      </c>
      <c r="H27667" t="s">
        <v>16560</v>
      </c>
      <c r="I27667" s="2">
        <v>1</v>
      </c>
      <c r="J27667" s="2">
        <v>0</v>
      </c>
      <c r="K27667" s="2">
        <v>0</v>
      </c>
      <c r="L27667" t="s">
        <v>120</v>
      </c>
      <c r="M27667" t="s">
        <v>87</v>
      </c>
      <c r="N27667" t="s">
        <v>88</v>
      </c>
      <c r="O27667" t="s">
        <v>85</v>
      </c>
      <c r="P27667" t="s">
        <v>86</v>
      </c>
      <c r="Q27667">
        <v>15</v>
      </c>
      <c r="R27667">
        <v>15</v>
      </c>
      <c r="S27667">
        <v>15</v>
      </c>
      <c r="T27667">
        <v>15</v>
      </c>
      <c r="U27667">
        <v>15</v>
      </c>
      <c r="V27667">
        <v>16</v>
      </c>
      <c r="W27667">
        <v>16</v>
      </c>
      <c r="X27667">
        <v>16</v>
      </c>
      <c r="Y27667">
        <v>16</v>
      </c>
      <c r="Z27667">
        <v>16</v>
      </c>
      <c r="AA27667">
        <v>16</v>
      </c>
      <c r="AB27667">
        <v>16</v>
      </c>
      <c r="AC27667">
        <v>17</v>
      </c>
      <c r="AD27667">
        <v>17</v>
      </c>
      <c r="AE27667">
        <v>17</v>
      </c>
      <c r="AF27667">
        <v>17</v>
      </c>
      <c r="AG27667">
        <v>17</v>
      </c>
      <c r="AH27667">
        <v>17</v>
      </c>
      <c r="AI27667">
        <v>17</v>
      </c>
      <c r="AJ27667">
        <v>18</v>
      </c>
      <c r="AK27667">
        <v>18</v>
      </c>
      <c r="AL27667">
        <v>18</v>
      </c>
      <c r="AM27667">
        <v>18</v>
      </c>
      <c r="AN27667">
        <v>18</v>
      </c>
      <c r="AO27667">
        <v>18</v>
      </c>
      <c r="AP27667">
        <v>18</v>
      </c>
      <c r="AQ27667">
        <v>19</v>
      </c>
    </row>
    <row r="27668" spans="1:43">
      <c r="A27668" t="s">
        <v>17123</v>
      </c>
      <c r="B27668" t="s">
        <v>17124</v>
      </c>
      <c r="C27668" t="s">
        <v>17113</v>
      </c>
      <c r="D27668" t="s">
        <v>17114</v>
      </c>
      <c r="E27668" t="s">
        <v>17115</v>
      </c>
      <c r="F27668" t="s">
        <v>17116</v>
      </c>
      <c r="G27668" t="s">
        <v>16559</v>
      </c>
      <c r="H27668" t="s">
        <v>16560</v>
      </c>
      <c r="I27668" s="2">
        <v>1</v>
      </c>
      <c r="J27668" s="2">
        <v>0</v>
      </c>
      <c r="K27668" s="2">
        <v>0</v>
      </c>
      <c r="L27668" t="s">
        <v>120</v>
      </c>
      <c r="M27668" t="s">
        <v>89</v>
      </c>
      <c r="N27668" t="s">
        <v>90</v>
      </c>
      <c r="O27668" t="s">
        <v>85</v>
      </c>
      <c r="P27668" t="s">
        <v>86</v>
      </c>
      <c r="Q27668">
        <v>15</v>
      </c>
      <c r="R27668">
        <v>16</v>
      </c>
      <c r="S27668">
        <v>16</v>
      </c>
      <c r="T27668">
        <v>16</v>
      </c>
      <c r="U27668">
        <v>17</v>
      </c>
      <c r="V27668">
        <v>17</v>
      </c>
      <c r="W27668">
        <v>18</v>
      </c>
      <c r="X27668">
        <v>18</v>
      </c>
      <c r="Y27668">
        <v>18</v>
      </c>
      <c r="Z27668">
        <v>19</v>
      </c>
      <c r="AA27668">
        <v>19</v>
      </c>
      <c r="AB27668">
        <v>19</v>
      </c>
      <c r="AC27668">
        <v>20</v>
      </c>
      <c r="AD27668">
        <v>20</v>
      </c>
      <c r="AE27668">
        <v>20</v>
      </c>
      <c r="AF27668">
        <v>21</v>
      </c>
      <c r="AG27668">
        <v>21</v>
      </c>
      <c r="AH27668">
        <v>21</v>
      </c>
      <c r="AI27668">
        <v>21</v>
      </c>
      <c r="AJ27668">
        <v>21</v>
      </c>
      <c r="AK27668">
        <v>21</v>
      </c>
      <c r="AL27668">
        <v>21</v>
      </c>
      <c r="AM27668">
        <v>21</v>
      </c>
      <c r="AN27668">
        <v>21</v>
      </c>
      <c r="AO27668">
        <v>21</v>
      </c>
      <c r="AP27668">
        <v>21</v>
      </c>
      <c r="AQ27668">
        <v>22</v>
      </c>
    </row>
    <row r="27669" spans="1:43">
      <c r="A27669" t="s">
        <v>17123</v>
      </c>
      <c r="B27669" t="s">
        <v>17124</v>
      </c>
      <c r="C27669" t="s">
        <v>17113</v>
      </c>
      <c r="D27669" t="s">
        <v>17114</v>
      </c>
      <c r="E27669" t="s">
        <v>17115</v>
      </c>
      <c r="F27669" t="s">
        <v>17116</v>
      </c>
      <c r="G27669" t="s">
        <v>16559</v>
      </c>
      <c r="H27669" t="s">
        <v>16560</v>
      </c>
      <c r="I27669" s="2">
        <v>1</v>
      </c>
      <c r="J27669" s="2">
        <v>0</v>
      </c>
      <c r="K27669" s="2">
        <v>0</v>
      </c>
      <c r="L27669" t="s">
        <v>120</v>
      </c>
      <c r="M27669" t="s">
        <v>83</v>
      </c>
      <c r="N27669" t="s">
        <v>91</v>
      </c>
      <c r="O27669" t="s">
        <v>85</v>
      </c>
      <c r="P27669" t="s">
        <v>86</v>
      </c>
      <c r="Q27669">
        <v>15</v>
      </c>
      <c r="R27669">
        <v>15</v>
      </c>
      <c r="S27669">
        <v>16</v>
      </c>
      <c r="T27669">
        <v>16</v>
      </c>
      <c r="U27669">
        <v>16</v>
      </c>
      <c r="V27669">
        <v>16</v>
      </c>
      <c r="W27669">
        <v>17</v>
      </c>
      <c r="X27669">
        <v>17</v>
      </c>
      <c r="Y27669">
        <v>17</v>
      </c>
      <c r="Z27669">
        <v>18</v>
      </c>
      <c r="AA27669">
        <v>18</v>
      </c>
      <c r="AB27669">
        <v>18</v>
      </c>
      <c r="AC27669">
        <v>18</v>
      </c>
      <c r="AD27669">
        <v>19</v>
      </c>
      <c r="AE27669">
        <v>19</v>
      </c>
      <c r="AF27669">
        <v>19</v>
      </c>
      <c r="AG27669">
        <v>20</v>
      </c>
      <c r="AH27669">
        <v>20</v>
      </c>
      <c r="AI27669">
        <v>20</v>
      </c>
      <c r="AJ27669">
        <v>21</v>
      </c>
      <c r="AK27669">
        <v>21</v>
      </c>
      <c r="AL27669">
        <v>21</v>
      </c>
      <c r="AM27669">
        <v>21</v>
      </c>
      <c r="AN27669">
        <v>21</v>
      </c>
      <c r="AO27669">
        <v>21</v>
      </c>
      <c r="AP27669">
        <v>21</v>
      </c>
      <c r="AQ27669">
        <v>21</v>
      </c>
    </row>
    <row r="27670" spans="1:43">
      <c r="A27670" t="s">
        <v>17125</v>
      </c>
      <c r="B27670" t="s">
        <v>17126</v>
      </c>
      <c r="C27670" t="s">
        <v>17127</v>
      </c>
      <c r="D27670" t="s">
        <v>17128</v>
      </c>
      <c r="E27670" t="s">
        <v>17115</v>
      </c>
      <c r="F27670" t="s">
        <v>17116</v>
      </c>
      <c r="G27670" t="s">
        <v>16559</v>
      </c>
      <c r="H27670" t="s">
        <v>16560</v>
      </c>
      <c r="I27670" s="2">
        <v>1</v>
      </c>
      <c r="J27670" s="2">
        <v>0</v>
      </c>
      <c r="K27670" s="2">
        <v>0</v>
      </c>
      <c r="L27670" t="s">
        <v>120</v>
      </c>
      <c r="M27670" t="s">
        <v>83</v>
      </c>
      <c r="N27670" t="s">
        <v>84</v>
      </c>
      <c r="O27670" t="s">
        <v>85</v>
      </c>
      <c r="P27670" t="s">
        <v>86</v>
      </c>
      <c r="Q27670">
        <v>51</v>
      </c>
      <c r="R27670">
        <v>52</v>
      </c>
      <c r="S27670">
        <v>53</v>
      </c>
      <c r="T27670">
        <v>54</v>
      </c>
      <c r="U27670">
        <v>55</v>
      </c>
      <c r="V27670">
        <v>55</v>
      </c>
      <c r="W27670">
        <v>56</v>
      </c>
      <c r="X27670">
        <v>57</v>
      </c>
      <c r="Y27670">
        <v>58</v>
      </c>
      <c r="Z27670">
        <v>59</v>
      </c>
      <c r="AA27670">
        <v>60</v>
      </c>
      <c r="AB27670">
        <v>61</v>
      </c>
      <c r="AC27670">
        <v>62</v>
      </c>
      <c r="AD27670">
        <v>63</v>
      </c>
      <c r="AE27670">
        <v>64</v>
      </c>
      <c r="AF27670">
        <v>65</v>
      </c>
      <c r="AG27670">
        <v>66</v>
      </c>
      <c r="AH27670">
        <v>67</v>
      </c>
      <c r="AI27670">
        <v>68</v>
      </c>
      <c r="AJ27670">
        <v>69</v>
      </c>
      <c r="AK27670">
        <v>70</v>
      </c>
      <c r="AL27670">
        <v>71</v>
      </c>
      <c r="AM27670">
        <v>71</v>
      </c>
      <c r="AN27670">
        <v>72</v>
      </c>
      <c r="AO27670">
        <v>72</v>
      </c>
      <c r="AP27670">
        <v>72</v>
      </c>
      <c r="AQ27670">
        <v>73</v>
      </c>
    </row>
    <row r="27671" spans="1:43">
      <c r="A27671" t="s">
        <v>17125</v>
      </c>
      <c r="B27671" t="s">
        <v>17126</v>
      </c>
      <c r="C27671" t="s">
        <v>17127</v>
      </c>
      <c r="D27671" t="s">
        <v>17128</v>
      </c>
      <c r="E27671" t="s">
        <v>17115</v>
      </c>
      <c r="F27671" t="s">
        <v>17116</v>
      </c>
      <c r="G27671" t="s">
        <v>16559</v>
      </c>
      <c r="H27671" t="s">
        <v>16560</v>
      </c>
      <c r="I27671" s="2">
        <v>1</v>
      </c>
      <c r="J27671" s="2">
        <v>0</v>
      </c>
      <c r="K27671" s="2">
        <v>0</v>
      </c>
      <c r="L27671" t="s">
        <v>120</v>
      </c>
      <c r="M27671" t="s">
        <v>87</v>
      </c>
      <c r="N27671" t="s">
        <v>88</v>
      </c>
      <c r="O27671" t="s">
        <v>85</v>
      </c>
      <c r="P27671" t="s">
        <v>86</v>
      </c>
      <c r="Q27671">
        <v>51</v>
      </c>
      <c r="R27671">
        <v>52</v>
      </c>
      <c r="S27671">
        <v>52</v>
      </c>
      <c r="T27671">
        <v>53</v>
      </c>
      <c r="U27671">
        <v>53</v>
      </c>
      <c r="V27671">
        <v>54</v>
      </c>
      <c r="W27671">
        <v>54</v>
      </c>
      <c r="X27671">
        <v>55</v>
      </c>
      <c r="Y27671">
        <v>55</v>
      </c>
      <c r="Z27671">
        <v>56</v>
      </c>
      <c r="AA27671">
        <v>56</v>
      </c>
      <c r="AB27671">
        <v>56</v>
      </c>
      <c r="AC27671">
        <v>57</v>
      </c>
      <c r="AD27671">
        <v>57</v>
      </c>
      <c r="AE27671">
        <v>58</v>
      </c>
      <c r="AF27671">
        <v>58</v>
      </c>
      <c r="AG27671">
        <v>59</v>
      </c>
      <c r="AH27671">
        <v>59</v>
      </c>
      <c r="AI27671">
        <v>60</v>
      </c>
      <c r="AJ27671">
        <v>60</v>
      </c>
      <c r="AK27671">
        <v>61</v>
      </c>
      <c r="AL27671">
        <v>61</v>
      </c>
      <c r="AM27671">
        <v>62</v>
      </c>
      <c r="AN27671">
        <v>62</v>
      </c>
      <c r="AO27671">
        <v>63</v>
      </c>
      <c r="AP27671">
        <v>63</v>
      </c>
      <c r="AQ27671">
        <v>64</v>
      </c>
    </row>
    <row r="27672" spans="1:43">
      <c r="A27672" t="s">
        <v>17125</v>
      </c>
      <c r="B27672" t="s">
        <v>17126</v>
      </c>
      <c r="C27672" t="s">
        <v>17127</v>
      </c>
      <c r="D27672" t="s">
        <v>17128</v>
      </c>
      <c r="E27672" t="s">
        <v>17115</v>
      </c>
      <c r="F27672" t="s">
        <v>17116</v>
      </c>
      <c r="G27672" t="s">
        <v>16559</v>
      </c>
      <c r="H27672" t="s">
        <v>16560</v>
      </c>
      <c r="I27672" s="2">
        <v>1</v>
      </c>
      <c r="J27672" s="2">
        <v>0</v>
      </c>
      <c r="K27672" s="2">
        <v>0</v>
      </c>
      <c r="L27672" t="s">
        <v>120</v>
      </c>
      <c r="M27672" t="s">
        <v>89</v>
      </c>
      <c r="N27672" t="s">
        <v>90</v>
      </c>
      <c r="O27672" t="s">
        <v>85</v>
      </c>
      <c r="P27672" t="s">
        <v>86</v>
      </c>
      <c r="Q27672">
        <v>51</v>
      </c>
      <c r="R27672">
        <v>53</v>
      </c>
      <c r="S27672">
        <v>54</v>
      </c>
      <c r="T27672">
        <v>55</v>
      </c>
      <c r="U27672">
        <v>57</v>
      </c>
      <c r="V27672">
        <v>58</v>
      </c>
      <c r="W27672">
        <v>59</v>
      </c>
      <c r="X27672">
        <v>61</v>
      </c>
      <c r="Y27672">
        <v>62</v>
      </c>
      <c r="Z27672">
        <v>63</v>
      </c>
      <c r="AA27672">
        <v>64</v>
      </c>
      <c r="AB27672">
        <v>66</v>
      </c>
      <c r="AC27672">
        <v>67</v>
      </c>
      <c r="AD27672">
        <v>68</v>
      </c>
      <c r="AE27672">
        <v>69</v>
      </c>
      <c r="AF27672">
        <v>69</v>
      </c>
      <c r="AG27672">
        <v>70</v>
      </c>
      <c r="AH27672">
        <v>70</v>
      </c>
      <c r="AI27672">
        <v>70</v>
      </c>
      <c r="AJ27672">
        <v>71</v>
      </c>
      <c r="AK27672">
        <v>71</v>
      </c>
      <c r="AL27672">
        <v>72</v>
      </c>
      <c r="AM27672">
        <v>72</v>
      </c>
      <c r="AN27672">
        <v>72</v>
      </c>
      <c r="AO27672">
        <v>73</v>
      </c>
      <c r="AP27672">
        <v>73</v>
      </c>
      <c r="AQ27672">
        <v>73</v>
      </c>
    </row>
    <row r="27673" spans="1:43">
      <c r="A27673" t="s">
        <v>17125</v>
      </c>
      <c r="B27673" t="s">
        <v>17126</v>
      </c>
      <c r="C27673" t="s">
        <v>17127</v>
      </c>
      <c r="D27673" t="s">
        <v>17128</v>
      </c>
      <c r="E27673" t="s">
        <v>17115</v>
      </c>
      <c r="F27673" t="s">
        <v>17116</v>
      </c>
      <c r="G27673" t="s">
        <v>16559</v>
      </c>
      <c r="H27673" t="s">
        <v>16560</v>
      </c>
      <c r="I27673" s="2">
        <v>1</v>
      </c>
      <c r="J27673" s="2">
        <v>0</v>
      </c>
      <c r="K27673" s="2">
        <v>0</v>
      </c>
      <c r="L27673" t="s">
        <v>120</v>
      </c>
      <c r="M27673" t="s">
        <v>83</v>
      </c>
      <c r="N27673" t="s">
        <v>91</v>
      </c>
      <c r="O27673" t="s">
        <v>85</v>
      </c>
      <c r="P27673" t="s">
        <v>86</v>
      </c>
      <c r="Q27673">
        <v>51</v>
      </c>
      <c r="R27673">
        <v>52</v>
      </c>
      <c r="S27673">
        <v>53</v>
      </c>
      <c r="T27673">
        <v>54</v>
      </c>
      <c r="U27673">
        <v>55</v>
      </c>
      <c r="V27673">
        <v>55</v>
      </c>
      <c r="W27673">
        <v>56</v>
      </c>
      <c r="X27673">
        <v>57</v>
      </c>
      <c r="Y27673">
        <v>58</v>
      </c>
      <c r="Z27673">
        <v>59</v>
      </c>
      <c r="AA27673">
        <v>60</v>
      </c>
      <c r="AB27673">
        <v>61</v>
      </c>
      <c r="AC27673">
        <v>62</v>
      </c>
      <c r="AD27673">
        <v>63</v>
      </c>
      <c r="AE27673">
        <v>64</v>
      </c>
      <c r="AF27673">
        <v>65</v>
      </c>
      <c r="AG27673">
        <v>66</v>
      </c>
      <c r="AH27673">
        <v>67</v>
      </c>
      <c r="AI27673">
        <v>68</v>
      </c>
      <c r="AJ27673">
        <v>69</v>
      </c>
      <c r="AK27673">
        <v>70</v>
      </c>
      <c r="AL27673">
        <v>71</v>
      </c>
      <c r="AM27673">
        <v>71</v>
      </c>
      <c r="AN27673">
        <v>72</v>
      </c>
      <c r="AO27673">
        <v>72</v>
      </c>
      <c r="AP27673">
        <v>72</v>
      </c>
      <c r="AQ27673">
        <v>73</v>
      </c>
    </row>
    <row r="27674" spans="1:43">
      <c r="A27674" t="s">
        <v>17129</v>
      </c>
      <c r="B27674" t="s">
        <v>17130</v>
      </c>
      <c r="C27674" t="s">
        <v>17131</v>
      </c>
      <c r="D27674" t="s">
        <v>17132</v>
      </c>
      <c r="E27674" t="s">
        <v>17115</v>
      </c>
      <c r="F27674" t="s">
        <v>17116</v>
      </c>
      <c r="G27674" t="s">
        <v>16559</v>
      </c>
      <c r="H27674" t="s">
        <v>16560</v>
      </c>
      <c r="I27674" s="2">
        <v>1</v>
      </c>
      <c r="J27674" s="2">
        <v>0</v>
      </c>
      <c r="K27674" s="2">
        <v>0</v>
      </c>
      <c r="L27674" t="s">
        <v>120</v>
      </c>
      <c r="M27674" t="s">
        <v>83</v>
      </c>
      <c r="N27674" t="s">
        <v>84</v>
      </c>
      <c r="O27674" t="s">
        <v>85</v>
      </c>
      <c r="P27674" t="s">
        <v>86</v>
      </c>
      <c r="Q27674">
        <v>9</v>
      </c>
      <c r="R27674">
        <v>9</v>
      </c>
      <c r="S27674">
        <v>9</v>
      </c>
      <c r="T27674">
        <v>9</v>
      </c>
      <c r="U27674">
        <v>9</v>
      </c>
      <c r="V27674">
        <v>10</v>
      </c>
      <c r="W27674">
        <v>10</v>
      </c>
      <c r="X27674">
        <v>10</v>
      </c>
      <c r="Y27674">
        <v>10</v>
      </c>
      <c r="Z27674">
        <v>10</v>
      </c>
      <c r="AA27674">
        <v>10</v>
      </c>
      <c r="AB27674">
        <v>11</v>
      </c>
      <c r="AC27674">
        <v>11</v>
      </c>
      <c r="AD27674">
        <v>11</v>
      </c>
      <c r="AE27674">
        <v>11</v>
      </c>
      <c r="AF27674">
        <v>11</v>
      </c>
      <c r="AG27674">
        <v>11</v>
      </c>
      <c r="AH27674">
        <v>12</v>
      </c>
      <c r="AI27674">
        <v>12</v>
      </c>
      <c r="AJ27674">
        <v>12</v>
      </c>
      <c r="AK27674">
        <v>12</v>
      </c>
      <c r="AL27674">
        <v>12</v>
      </c>
      <c r="AM27674">
        <v>12</v>
      </c>
      <c r="AN27674">
        <v>12</v>
      </c>
      <c r="AO27674">
        <v>12</v>
      </c>
      <c r="AP27674">
        <v>12</v>
      </c>
      <c r="AQ27674">
        <v>12</v>
      </c>
    </row>
    <row r="27675" spans="1:43">
      <c r="A27675" t="s">
        <v>17129</v>
      </c>
      <c r="B27675" t="s">
        <v>17130</v>
      </c>
      <c r="C27675" t="s">
        <v>17131</v>
      </c>
      <c r="D27675" t="s">
        <v>17132</v>
      </c>
      <c r="E27675" t="s">
        <v>17115</v>
      </c>
      <c r="F27675" t="s">
        <v>17116</v>
      </c>
      <c r="G27675" t="s">
        <v>16559</v>
      </c>
      <c r="H27675" t="s">
        <v>16560</v>
      </c>
      <c r="I27675" s="2">
        <v>1</v>
      </c>
      <c r="J27675" s="2">
        <v>0</v>
      </c>
      <c r="K27675" s="2">
        <v>0</v>
      </c>
      <c r="L27675" t="s">
        <v>120</v>
      </c>
      <c r="M27675" t="s">
        <v>87</v>
      </c>
      <c r="N27675" t="s">
        <v>88</v>
      </c>
      <c r="O27675" t="s">
        <v>85</v>
      </c>
      <c r="P27675" t="s">
        <v>86</v>
      </c>
      <c r="Q27675">
        <v>9</v>
      </c>
      <c r="R27675">
        <v>9</v>
      </c>
      <c r="S27675">
        <v>9</v>
      </c>
      <c r="T27675">
        <v>9</v>
      </c>
      <c r="U27675">
        <v>9</v>
      </c>
      <c r="V27675">
        <v>9</v>
      </c>
      <c r="W27675">
        <v>9</v>
      </c>
      <c r="X27675">
        <v>9</v>
      </c>
      <c r="Y27675">
        <v>9</v>
      </c>
      <c r="Z27675">
        <v>9</v>
      </c>
      <c r="AA27675">
        <v>9</v>
      </c>
      <c r="AB27675">
        <v>10</v>
      </c>
      <c r="AC27675">
        <v>10</v>
      </c>
      <c r="AD27675">
        <v>10</v>
      </c>
      <c r="AE27675">
        <v>10</v>
      </c>
      <c r="AF27675">
        <v>10</v>
      </c>
      <c r="AG27675">
        <v>10</v>
      </c>
      <c r="AH27675">
        <v>10</v>
      </c>
      <c r="AI27675">
        <v>10</v>
      </c>
      <c r="AJ27675">
        <v>10</v>
      </c>
      <c r="AK27675">
        <v>10</v>
      </c>
      <c r="AL27675">
        <v>10</v>
      </c>
      <c r="AM27675">
        <v>11</v>
      </c>
      <c r="AN27675">
        <v>11</v>
      </c>
      <c r="AO27675">
        <v>11</v>
      </c>
      <c r="AP27675">
        <v>11</v>
      </c>
      <c r="AQ27675">
        <v>11</v>
      </c>
    </row>
    <row r="27676" spans="1:43">
      <c r="A27676" t="s">
        <v>17129</v>
      </c>
      <c r="B27676" t="s">
        <v>17130</v>
      </c>
      <c r="C27676" t="s">
        <v>17131</v>
      </c>
      <c r="D27676" t="s">
        <v>17132</v>
      </c>
      <c r="E27676" t="s">
        <v>17115</v>
      </c>
      <c r="F27676" t="s">
        <v>17116</v>
      </c>
      <c r="G27676" t="s">
        <v>16559</v>
      </c>
      <c r="H27676" t="s">
        <v>16560</v>
      </c>
      <c r="I27676" s="2">
        <v>1</v>
      </c>
      <c r="J27676" s="2">
        <v>0</v>
      </c>
      <c r="K27676" s="2">
        <v>0</v>
      </c>
      <c r="L27676" t="s">
        <v>120</v>
      </c>
      <c r="M27676" t="s">
        <v>89</v>
      </c>
      <c r="N27676" t="s">
        <v>90</v>
      </c>
      <c r="O27676" t="s">
        <v>85</v>
      </c>
      <c r="P27676" t="s">
        <v>86</v>
      </c>
      <c r="Q27676">
        <v>9</v>
      </c>
      <c r="R27676">
        <v>9</v>
      </c>
      <c r="S27676">
        <v>9</v>
      </c>
      <c r="T27676">
        <v>10</v>
      </c>
      <c r="U27676">
        <v>10</v>
      </c>
      <c r="V27676">
        <v>10</v>
      </c>
      <c r="W27676">
        <v>10</v>
      </c>
      <c r="X27676">
        <v>10</v>
      </c>
      <c r="Y27676">
        <v>11</v>
      </c>
      <c r="Z27676">
        <v>11</v>
      </c>
      <c r="AA27676">
        <v>11</v>
      </c>
      <c r="AB27676">
        <v>11</v>
      </c>
      <c r="AC27676">
        <v>11</v>
      </c>
      <c r="AD27676">
        <v>12</v>
      </c>
      <c r="AE27676">
        <v>12</v>
      </c>
      <c r="AF27676">
        <v>12</v>
      </c>
      <c r="AG27676">
        <v>12</v>
      </c>
      <c r="AH27676">
        <v>12</v>
      </c>
      <c r="AI27676">
        <v>12</v>
      </c>
      <c r="AJ27676">
        <v>12</v>
      </c>
      <c r="AK27676">
        <v>12</v>
      </c>
      <c r="AL27676">
        <v>12</v>
      </c>
      <c r="AM27676">
        <v>12</v>
      </c>
      <c r="AN27676">
        <v>12</v>
      </c>
      <c r="AO27676">
        <v>12</v>
      </c>
      <c r="AP27676">
        <v>13</v>
      </c>
      <c r="AQ27676">
        <v>13</v>
      </c>
    </row>
    <row r="27677" spans="1:43">
      <c r="A27677" t="s">
        <v>17129</v>
      </c>
      <c r="B27677" t="s">
        <v>17130</v>
      </c>
      <c r="C27677" t="s">
        <v>17131</v>
      </c>
      <c r="D27677" t="s">
        <v>17132</v>
      </c>
      <c r="E27677" t="s">
        <v>17115</v>
      </c>
      <c r="F27677" t="s">
        <v>17116</v>
      </c>
      <c r="G27677" t="s">
        <v>16559</v>
      </c>
      <c r="H27677" t="s">
        <v>16560</v>
      </c>
      <c r="I27677" s="2">
        <v>1</v>
      </c>
      <c r="J27677" s="2">
        <v>0</v>
      </c>
      <c r="K27677" s="2">
        <v>0</v>
      </c>
      <c r="L27677" t="s">
        <v>120</v>
      </c>
      <c r="M27677" t="s">
        <v>83</v>
      </c>
      <c r="N27677" t="s">
        <v>91</v>
      </c>
      <c r="O27677" t="s">
        <v>85</v>
      </c>
      <c r="P27677" t="s">
        <v>86</v>
      </c>
      <c r="Q27677">
        <v>9</v>
      </c>
      <c r="R27677">
        <v>9</v>
      </c>
      <c r="S27677">
        <v>9</v>
      </c>
      <c r="T27677">
        <v>9</v>
      </c>
      <c r="U27677">
        <v>9</v>
      </c>
      <c r="V27677">
        <v>10</v>
      </c>
      <c r="W27677">
        <v>10</v>
      </c>
      <c r="X27677">
        <v>10</v>
      </c>
      <c r="Y27677">
        <v>10</v>
      </c>
      <c r="Z27677">
        <v>10</v>
      </c>
      <c r="AA27677">
        <v>10</v>
      </c>
      <c r="AB27677">
        <v>11</v>
      </c>
      <c r="AC27677">
        <v>11</v>
      </c>
      <c r="AD27677">
        <v>11</v>
      </c>
      <c r="AE27677">
        <v>11</v>
      </c>
      <c r="AF27677">
        <v>11</v>
      </c>
      <c r="AG27677">
        <v>11</v>
      </c>
      <c r="AH27677">
        <v>12</v>
      </c>
      <c r="AI27677">
        <v>12</v>
      </c>
      <c r="AJ27677">
        <v>12</v>
      </c>
      <c r="AK27677">
        <v>12</v>
      </c>
      <c r="AL27677">
        <v>12</v>
      </c>
      <c r="AM27677">
        <v>12</v>
      </c>
      <c r="AN27677">
        <v>12</v>
      </c>
      <c r="AO27677">
        <v>12</v>
      </c>
      <c r="AP27677">
        <v>12</v>
      </c>
      <c r="AQ27677">
        <v>12</v>
      </c>
    </row>
    <row r="27678" spans="1:43">
      <c r="A27678" t="s">
        <v>17133</v>
      </c>
      <c r="B27678" t="s">
        <v>17134</v>
      </c>
      <c r="C27678" t="s">
        <v>17131</v>
      </c>
      <c r="D27678" t="s">
        <v>17132</v>
      </c>
      <c r="E27678" t="s">
        <v>17115</v>
      </c>
      <c r="F27678" t="s">
        <v>17116</v>
      </c>
      <c r="G27678" t="s">
        <v>16559</v>
      </c>
      <c r="H27678" t="s">
        <v>16560</v>
      </c>
      <c r="I27678" s="2">
        <v>1</v>
      </c>
      <c r="J27678" s="2">
        <v>0</v>
      </c>
      <c r="K27678" s="2">
        <v>0</v>
      </c>
      <c r="L27678" t="s">
        <v>120</v>
      </c>
      <c r="M27678" t="s">
        <v>83</v>
      </c>
      <c r="N27678" t="s">
        <v>84</v>
      </c>
      <c r="O27678" t="s">
        <v>85</v>
      </c>
      <c r="P27678" t="s">
        <v>86</v>
      </c>
      <c r="Q27678">
        <v>80</v>
      </c>
      <c r="R27678">
        <v>81</v>
      </c>
      <c r="S27678">
        <v>83</v>
      </c>
      <c r="T27678">
        <v>85</v>
      </c>
      <c r="U27678">
        <v>86</v>
      </c>
      <c r="V27678">
        <v>88</v>
      </c>
      <c r="W27678">
        <v>89</v>
      </c>
      <c r="X27678">
        <v>91</v>
      </c>
      <c r="Y27678">
        <v>92</v>
      </c>
      <c r="Z27678">
        <v>94</v>
      </c>
      <c r="AA27678">
        <v>95</v>
      </c>
      <c r="AB27678">
        <v>97</v>
      </c>
      <c r="AC27678">
        <v>99</v>
      </c>
      <c r="AD27678">
        <v>100</v>
      </c>
      <c r="AE27678">
        <v>102</v>
      </c>
      <c r="AF27678">
        <v>103</v>
      </c>
      <c r="AG27678">
        <v>105</v>
      </c>
      <c r="AH27678">
        <v>107</v>
      </c>
      <c r="AI27678">
        <v>108</v>
      </c>
      <c r="AJ27678">
        <v>110</v>
      </c>
      <c r="AK27678">
        <v>111</v>
      </c>
      <c r="AL27678">
        <v>112</v>
      </c>
      <c r="AM27678">
        <v>113</v>
      </c>
      <c r="AN27678">
        <v>114</v>
      </c>
      <c r="AO27678">
        <v>114</v>
      </c>
      <c r="AP27678">
        <v>115</v>
      </c>
      <c r="AQ27678">
        <v>116</v>
      </c>
    </row>
    <row r="27679" spans="1:43">
      <c r="A27679" t="s">
        <v>17133</v>
      </c>
      <c r="B27679" t="s">
        <v>17134</v>
      </c>
      <c r="C27679" t="s">
        <v>17131</v>
      </c>
      <c r="D27679" t="s">
        <v>17132</v>
      </c>
      <c r="E27679" t="s">
        <v>17115</v>
      </c>
      <c r="F27679" t="s">
        <v>17116</v>
      </c>
      <c r="G27679" t="s">
        <v>16559</v>
      </c>
      <c r="H27679" t="s">
        <v>16560</v>
      </c>
      <c r="I27679" s="2">
        <v>1</v>
      </c>
      <c r="J27679" s="2">
        <v>0</v>
      </c>
      <c r="K27679" s="2">
        <v>0</v>
      </c>
      <c r="L27679" t="s">
        <v>120</v>
      </c>
      <c r="M27679" t="s">
        <v>87</v>
      </c>
      <c r="N27679" t="s">
        <v>88</v>
      </c>
      <c r="O27679" t="s">
        <v>85</v>
      </c>
      <c r="P27679" t="s">
        <v>86</v>
      </c>
      <c r="Q27679">
        <v>80</v>
      </c>
      <c r="R27679">
        <v>81</v>
      </c>
      <c r="S27679">
        <v>82</v>
      </c>
      <c r="T27679">
        <v>82</v>
      </c>
      <c r="U27679">
        <v>83</v>
      </c>
      <c r="V27679">
        <v>84</v>
      </c>
      <c r="W27679">
        <v>85</v>
      </c>
      <c r="X27679">
        <v>86</v>
      </c>
      <c r="Y27679">
        <v>86</v>
      </c>
      <c r="Z27679">
        <v>87</v>
      </c>
      <c r="AA27679">
        <v>88</v>
      </c>
      <c r="AB27679">
        <v>89</v>
      </c>
      <c r="AC27679">
        <v>90</v>
      </c>
      <c r="AD27679">
        <v>90</v>
      </c>
      <c r="AE27679">
        <v>91</v>
      </c>
      <c r="AF27679">
        <v>92</v>
      </c>
      <c r="AG27679">
        <v>93</v>
      </c>
      <c r="AH27679">
        <v>94</v>
      </c>
      <c r="AI27679">
        <v>94</v>
      </c>
      <c r="AJ27679">
        <v>95</v>
      </c>
      <c r="AK27679">
        <v>96</v>
      </c>
      <c r="AL27679">
        <v>97</v>
      </c>
      <c r="AM27679">
        <v>98</v>
      </c>
      <c r="AN27679">
        <v>98</v>
      </c>
      <c r="AO27679">
        <v>99</v>
      </c>
      <c r="AP27679">
        <v>100</v>
      </c>
      <c r="AQ27679">
        <v>101</v>
      </c>
    </row>
    <row r="27680" spans="1:43">
      <c r="A27680" t="s">
        <v>17133</v>
      </c>
      <c r="B27680" t="s">
        <v>17134</v>
      </c>
      <c r="C27680" t="s">
        <v>17131</v>
      </c>
      <c r="D27680" t="s">
        <v>17132</v>
      </c>
      <c r="E27680" t="s">
        <v>17115</v>
      </c>
      <c r="F27680" t="s">
        <v>17116</v>
      </c>
      <c r="G27680" t="s">
        <v>16559</v>
      </c>
      <c r="H27680" t="s">
        <v>16560</v>
      </c>
      <c r="I27680" s="2">
        <v>1</v>
      </c>
      <c r="J27680" s="2">
        <v>0</v>
      </c>
      <c r="K27680" s="2">
        <v>0</v>
      </c>
      <c r="L27680" t="s">
        <v>120</v>
      </c>
      <c r="M27680" t="s">
        <v>89</v>
      </c>
      <c r="N27680" t="s">
        <v>90</v>
      </c>
      <c r="O27680" t="s">
        <v>85</v>
      </c>
      <c r="P27680" t="s">
        <v>86</v>
      </c>
      <c r="Q27680">
        <v>80</v>
      </c>
      <c r="R27680">
        <v>82</v>
      </c>
      <c r="S27680">
        <v>84</v>
      </c>
      <c r="T27680">
        <v>86</v>
      </c>
      <c r="U27680">
        <v>88</v>
      </c>
      <c r="V27680">
        <v>91</v>
      </c>
      <c r="W27680">
        <v>93</v>
      </c>
      <c r="X27680">
        <v>95</v>
      </c>
      <c r="Y27680">
        <v>97</v>
      </c>
      <c r="Z27680">
        <v>99</v>
      </c>
      <c r="AA27680">
        <v>101</v>
      </c>
      <c r="AB27680">
        <v>103</v>
      </c>
      <c r="AC27680">
        <v>105</v>
      </c>
      <c r="AD27680">
        <v>107</v>
      </c>
      <c r="AE27680">
        <v>108</v>
      </c>
      <c r="AF27680">
        <v>109</v>
      </c>
      <c r="AG27680">
        <v>110</v>
      </c>
      <c r="AH27680">
        <v>110</v>
      </c>
      <c r="AI27680">
        <v>111</v>
      </c>
      <c r="AJ27680">
        <v>111</v>
      </c>
      <c r="AK27680">
        <v>112</v>
      </c>
      <c r="AL27680">
        <v>113</v>
      </c>
      <c r="AM27680">
        <v>113</v>
      </c>
      <c r="AN27680">
        <v>114</v>
      </c>
      <c r="AO27680">
        <v>114</v>
      </c>
      <c r="AP27680">
        <v>115</v>
      </c>
      <c r="AQ27680">
        <v>116</v>
      </c>
    </row>
    <row r="27681" spans="1:43">
      <c r="A27681" t="s">
        <v>17133</v>
      </c>
      <c r="B27681" t="s">
        <v>17134</v>
      </c>
      <c r="C27681" t="s">
        <v>17131</v>
      </c>
      <c r="D27681" t="s">
        <v>17132</v>
      </c>
      <c r="E27681" t="s">
        <v>17115</v>
      </c>
      <c r="F27681" t="s">
        <v>17116</v>
      </c>
      <c r="G27681" t="s">
        <v>16559</v>
      </c>
      <c r="H27681" t="s">
        <v>16560</v>
      </c>
      <c r="I27681" s="2">
        <v>1</v>
      </c>
      <c r="J27681" s="2">
        <v>0</v>
      </c>
      <c r="K27681" s="2">
        <v>0</v>
      </c>
      <c r="L27681" t="s">
        <v>120</v>
      </c>
      <c r="M27681" t="s">
        <v>83</v>
      </c>
      <c r="N27681" t="s">
        <v>91</v>
      </c>
      <c r="O27681" t="s">
        <v>85</v>
      </c>
      <c r="P27681" t="s">
        <v>86</v>
      </c>
      <c r="Q27681">
        <v>80</v>
      </c>
      <c r="R27681">
        <v>81</v>
      </c>
      <c r="S27681">
        <v>83</v>
      </c>
      <c r="T27681">
        <v>85</v>
      </c>
      <c r="U27681">
        <v>86</v>
      </c>
      <c r="V27681">
        <v>88</v>
      </c>
      <c r="W27681">
        <v>89</v>
      </c>
      <c r="X27681">
        <v>91</v>
      </c>
      <c r="Y27681">
        <v>92</v>
      </c>
      <c r="Z27681">
        <v>94</v>
      </c>
      <c r="AA27681">
        <v>95</v>
      </c>
      <c r="AB27681">
        <v>97</v>
      </c>
      <c r="AC27681">
        <v>99</v>
      </c>
      <c r="AD27681">
        <v>100</v>
      </c>
      <c r="AE27681">
        <v>102</v>
      </c>
      <c r="AF27681">
        <v>103</v>
      </c>
      <c r="AG27681">
        <v>105</v>
      </c>
      <c r="AH27681">
        <v>107</v>
      </c>
      <c r="AI27681">
        <v>108</v>
      </c>
      <c r="AJ27681">
        <v>110</v>
      </c>
      <c r="AK27681">
        <v>111</v>
      </c>
      <c r="AL27681">
        <v>112</v>
      </c>
      <c r="AM27681">
        <v>113</v>
      </c>
      <c r="AN27681">
        <v>114</v>
      </c>
      <c r="AO27681">
        <v>114</v>
      </c>
      <c r="AP27681">
        <v>115</v>
      </c>
      <c r="AQ27681">
        <v>116</v>
      </c>
    </row>
    <row r="27682" spans="1:43">
      <c r="A27682" t="s">
        <v>17135</v>
      </c>
      <c r="B27682" t="s">
        <v>17136</v>
      </c>
      <c r="C27682" t="s">
        <v>17131</v>
      </c>
      <c r="D27682" t="s">
        <v>17132</v>
      </c>
      <c r="E27682" t="s">
        <v>17115</v>
      </c>
      <c r="F27682" t="s">
        <v>17116</v>
      </c>
      <c r="G27682" t="s">
        <v>16559</v>
      </c>
      <c r="H27682" t="s">
        <v>16560</v>
      </c>
      <c r="I27682" s="2">
        <v>1</v>
      </c>
      <c r="J27682" s="2">
        <v>0</v>
      </c>
      <c r="K27682" s="2">
        <v>0</v>
      </c>
      <c r="L27682" t="s">
        <v>120</v>
      </c>
      <c r="M27682" t="s">
        <v>83</v>
      </c>
      <c r="N27682" t="s">
        <v>84</v>
      </c>
      <c r="O27682" t="s">
        <v>85</v>
      </c>
      <c r="P27682" t="s">
        <v>86</v>
      </c>
      <c r="Q27682">
        <v>22</v>
      </c>
      <c r="R27682">
        <v>22</v>
      </c>
      <c r="S27682">
        <v>23</v>
      </c>
      <c r="T27682">
        <v>23</v>
      </c>
      <c r="U27682">
        <v>24</v>
      </c>
      <c r="V27682">
        <v>24</v>
      </c>
      <c r="W27682">
        <v>24</v>
      </c>
      <c r="X27682">
        <v>25</v>
      </c>
      <c r="Y27682">
        <v>25</v>
      </c>
      <c r="Z27682">
        <v>26</v>
      </c>
      <c r="AA27682">
        <v>26</v>
      </c>
      <c r="AB27682">
        <v>26</v>
      </c>
      <c r="AC27682">
        <v>27</v>
      </c>
      <c r="AD27682">
        <v>27</v>
      </c>
      <c r="AE27682">
        <v>28</v>
      </c>
      <c r="AF27682">
        <v>28</v>
      </c>
      <c r="AG27682">
        <v>29</v>
      </c>
      <c r="AH27682">
        <v>29</v>
      </c>
      <c r="AI27682">
        <v>29</v>
      </c>
      <c r="AJ27682">
        <v>30</v>
      </c>
      <c r="AK27682">
        <v>30</v>
      </c>
      <c r="AL27682">
        <v>30</v>
      </c>
      <c r="AM27682">
        <v>31</v>
      </c>
      <c r="AN27682">
        <v>31</v>
      </c>
      <c r="AO27682">
        <v>31</v>
      </c>
      <c r="AP27682">
        <v>31</v>
      </c>
      <c r="AQ27682">
        <v>31</v>
      </c>
    </row>
    <row r="27683" spans="1:43">
      <c r="A27683" t="s">
        <v>17135</v>
      </c>
      <c r="B27683" t="s">
        <v>17136</v>
      </c>
      <c r="C27683" t="s">
        <v>17131</v>
      </c>
      <c r="D27683" t="s">
        <v>17132</v>
      </c>
      <c r="E27683" t="s">
        <v>17115</v>
      </c>
      <c r="F27683" t="s">
        <v>17116</v>
      </c>
      <c r="G27683" t="s">
        <v>16559</v>
      </c>
      <c r="H27683" t="s">
        <v>16560</v>
      </c>
      <c r="I27683" s="2">
        <v>1</v>
      </c>
      <c r="J27683" s="2">
        <v>0</v>
      </c>
      <c r="K27683" s="2">
        <v>0</v>
      </c>
      <c r="L27683" t="s">
        <v>120</v>
      </c>
      <c r="M27683" t="s">
        <v>87</v>
      </c>
      <c r="N27683" t="s">
        <v>88</v>
      </c>
      <c r="O27683" t="s">
        <v>85</v>
      </c>
      <c r="P27683" t="s">
        <v>86</v>
      </c>
      <c r="Q27683">
        <v>22</v>
      </c>
      <c r="R27683">
        <v>22</v>
      </c>
      <c r="S27683">
        <v>22</v>
      </c>
      <c r="T27683">
        <v>22</v>
      </c>
      <c r="U27683">
        <v>23</v>
      </c>
      <c r="V27683">
        <v>23</v>
      </c>
      <c r="W27683">
        <v>23</v>
      </c>
      <c r="X27683">
        <v>23</v>
      </c>
      <c r="Y27683">
        <v>23</v>
      </c>
      <c r="Z27683">
        <v>24</v>
      </c>
      <c r="AA27683">
        <v>24</v>
      </c>
      <c r="AB27683">
        <v>24</v>
      </c>
      <c r="AC27683">
        <v>24</v>
      </c>
      <c r="AD27683">
        <v>24</v>
      </c>
      <c r="AE27683">
        <v>25</v>
      </c>
      <c r="AF27683">
        <v>25</v>
      </c>
      <c r="AG27683">
        <v>25</v>
      </c>
      <c r="AH27683">
        <v>25</v>
      </c>
      <c r="AI27683">
        <v>25</v>
      </c>
      <c r="AJ27683">
        <v>26</v>
      </c>
      <c r="AK27683">
        <v>26</v>
      </c>
      <c r="AL27683">
        <v>26</v>
      </c>
      <c r="AM27683">
        <v>26</v>
      </c>
      <c r="AN27683">
        <v>27</v>
      </c>
      <c r="AO27683">
        <v>27</v>
      </c>
      <c r="AP27683">
        <v>27</v>
      </c>
      <c r="AQ27683">
        <v>27</v>
      </c>
    </row>
    <row r="27684" spans="1:43">
      <c r="A27684" t="s">
        <v>17135</v>
      </c>
      <c r="B27684" t="s">
        <v>17136</v>
      </c>
      <c r="C27684" t="s">
        <v>17131</v>
      </c>
      <c r="D27684" t="s">
        <v>17132</v>
      </c>
      <c r="E27684" t="s">
        <v>17115</v>
      </c>
      <c r="F27684" t="s">
        <v>17116</v>
      </c>
      <c r="G27684" t="s">
        <v>16559</v>
      </c>
      <c r="H27684" t="s">
        <v>16560</v>
      </c>
      <c r="I27684" s="2">
        <v>1</v>
      </c>
      <c r="J27684" s="2">
        <v>0</v>
      </c>
      <c r="K27684" s="2">
        <v>0</v>
      </c>
      <c r="L27684" t="s">
        <v>120</v>
      </c>
      <c r="M27684" t="s">
        <v>89</v>
      </c>
      <c r="N27684" t="s">
        <v>90</v>
      </c>
      <c r="O27684" t="s">
        <v>85</v>
      </c>
      <c r="P27684" t="s">
        <v>86</v>
      </c>
      <c r="Q27684">
        <v>22</v>
      </c>
      <c r="R27684">
        <v>23</v>
      </c>
      <c r="S27684">
        <v>23</v>
      </c>
      <c r="T27684">
        <v>24</v>
      </c>
      <c r="U27684">
        <v>25</v>
      </c>
      <c r="V27684">
        <v>25</v>
      </c>
      <c r="W27684">
        <v>26</v>
      </c>
      <c r="X27684">
        <v>26</v>
      </c>
      <c r="Y27684">
        <v>27</v>
      </c>
      <c r="Z27684">
        <v>27</v>
      </c>
      <c r="AA27684">
        <v>28</v>
      </c>
      <c r="AB27684">
        <v>28</v>
      </c>
      <c r="AC27684">
        <v>29</v>
      </c>
      <c r="AD27684">
        <v>29</v>
      </c>
      <c r="AE27684">
        <v>30</v>
      </c>
      <c r="AF27684">
        <v>30</v>
      </c>
      <c r="AG27684">
        <v>30</v>
      </c>
      <c r="AH27684">
        <v>30</v>
      </c>
      <c r="AI27684">
        <v>30</v>
      </c>
      <c r="AJ27684">
        <v>30</v>
      </c>
      <c r="AK27684">
        <v>31</v>
      </c>
      <c r="AL27684">
        <v>31</v>
      </c>
      <c r="AM27684">
        <v>31</v>
      </c>
      <c r="AN27684">
        <v>31</v>
      </c>
      <c r="AO27684">
        <v>31</v>
      </c>
      <c r="AP27684">
        <v>31</v>
      </c>
      <c r="AQ27684">
        <v>32</v>
      </c>
    </row>
    <row r="27685" spans="1:43">
      <c r="A27685" t="s">
        <v>17135</v>
      </c>
      <c r="B27685" t="s">
        <v>17136</v>
      </c>
      <c r="C27685" t="s">
        <v>17131</v>
      </c>
      <c r="D27685" t="s">
        <v>17132</v>
      </c>
      <c r="E27685" t="s">
        <v>17115</v>
      </c>
      <c r="F27685" t="s">
        <v>17116</v>
      </c>
      <c r="G27685" t="s">
        <v>16559</v>
      </c>
      <c r="H27685" t="s">
        <v>16560</v>
      </c>
      <c r="I27685" s="2">
        <v>1</v>
      </c>
      <c r="J27685" s="2">
        <v>0</v>
      </c>
      <c r="K27685" s="2">
        <v>0</v>
      </c>
      <c r="L27685" t="s">
        <v>120</v>
      </c>
      <c r="M27685" t="s">
        <v>83</v>
      </c>
      <c r="N27685" t="s">
        <v>91</v>
      </c>
      <c r="O27685" t="s">
        <v>85</v>
      </c>
      <c r="P27685" t="s">
        <v>86</v>
      </c>
      <c r="Q27685">
        <v>22</v>
      </c>
      <c r="R27685">
        <v>22</v>
      </c>
      <c r="S27685">
        <v>23</v>
      </c>
      <c r="T27685">
        <v>23</v>
      </c>
      <c r="U27685">
        <v>24</v>
      </c>
      <c r="V27685">
        <v>24</v>
      </c>
      <c r="W27685">
        <v>24</v>
      </c>
      <c r="X27685">
        <v>25</v>
      </c>
      <c r="Y27685">
        <v>25</v>
      </c>
      <c r="Z27685">
        <v>26</v>
      </c>
      <c r="AA27685">
        <v>26</v>
      </c>
      <c r="AB27685">
        <v>26</v>
      </c>
      <c r="AC27685">
        <v>27</v>
      </c>
      <c r="AD27685">
        <v>27</v>
      </c>
      <c r="AE27685">
        <v>28</v>
      </c>
      <c r="AF27685">
        <v>28</v>
      </c>
      <c r="AG27685">
        <v>29</v>
      </c>
      <c r="AH27685">
        <v>29</v>
      </c>
      <c r="AI27685">
        <v>29</v>
      </c>
      <c r="AJ27685">
        <v>30</v>
      </c>
      <c r="AK27685">
        <v>30</v>
      </c>
      <c r="AL27685">
        <v>30</v>
      </c>
      <c r="AM27685">
        <v>31</v>
      </c>
      <c r="AN27685">
        <v>31</v>
      </c>
      <c r="AO27685">
        <v>31</v>
      </c>
      <c r="AP27685">
        <v>31</v>
      </c>
      <c r="AQ27685">
        <v>31</v>
      </c>
    </row>
    <row r="27686" spans="1:43">
      <c r="A27686" t="s">
        <v>17137</v>
      </c>
      <c r="B27686" t="s">
        <v>17138</v>
      </c>
      <c r="C27686" t="s">
        <v>17131</v>
      </c>
      <c r="D27686" t="s">
        <v>17132</v>
      </c>
      <c r="E27686" t="s">
        <v>17115</v>
      </c>
      <c r="F27686" t="s">
        <v>17116</v>
      </c>
      <c r="G27686" t="s">
        <v>16559</v>
      </c>
      <c r="H27686" t="s">
        <v>16560</v>
      </c>
      <c r="I27686" s="2">
        <v>1</v>
      </c>
      <c r="J27686" s="2">
        <v>0</v>
      </c>
      <c r="K27686" s="2">
        <v>0</v>
      </c>
      <c r="L27686" t="s">
        <v>120</v>
      </c>
      <c r="M27686" t="s">
        <v>83</v>
      </c>
      <c r="N27686" t="s">
        <v>84</v>
      </c>
      <c r="O27686" t="s">
        <v>85</v>
      </c>
      <c r="P27686" t="s">
        <v>86</v>
      </c>
      <c r="Q27686">
        <v>44</v>
      </c>
      <c r="R27686">
        <v>44</v>
      </c>
      <c r="S27686">
        <v>45</v>
      </c>
      <c r="T27686">
        <v>46</v>
      </c>
      <c r="U27686">
        <v>47</v>
      </c>
      <c r="V27686">
        <v>48</v>
      </c>
      <c r="W27686">
        <v>49</v>
      </c>
      <c r="X27686">
        <v>49</v>
      </c>
      <c r="Y27686">
        <v>50</v>
      </c>
      <c r="Z27686">
        <v>51</v>
      </c>
      <c r="AA27686">
        <v>52</v>
      </c>
      <c r="AB27686">
        <v>53</v>
      </c>
      <c r="AC27686">
        <v>53</v>
      </c>
      <c r="AD27686">
        <v>54</v>
      </c>
      <c r="AE27686">
        <v>55</v>
      </c>
      <c r="AF27686">
        <v>56</v>
      </c>
      <c r="AG27686">
        <v>57</v>
      </c>
      <c r="AH27686">
        <v>58</v>
      </c>
      <c r="AI27686">
        <v>59</v>
      </c>
      <c r="AJ27686">
        <v>59</v>
      </c>
      <c r="AK27686">
        <v>60</v>
      </c>
      <c r="AL27686">
        <v>61</v>
      </c>
      <c r="AM27686">
        <v>61</v>
      </c>
      <c r="AN27686">
        <v>61</v>
      </c>
      <c r="AO27686">
        <v>62</v>
      </c>
      <c r="AP27686">
        <v>62</v>
      </c>
      <c r="AQ27686">
        <v>62</v>
      </c>
    </row>
    <row r="27687" spans="1:43">
      <c r="A27687" t="s">
        <v>17137</v>
      </c>
      <c r="B27687" t="s">
        <v>17138</v>
      </c>
      <c r="C27687" t="s">
        <v>17131</v>
      </c>
      <c r="D27687" t="s">
        <v>17132</v>
      </c>
      <c r="E27687" t="s">
        <v>17115</v>
      </c>
      <c r="F27687" t="s">
        <v>17116</v>
      </c>
      <c r="G27687" t="s">
        <v>16559</v>
      </c>
      <c r="H27687" t="s">
        <v>16560</v>
      </c>
      <c r="I27687" s="2">
        <v>1</v>
      </c>
      <c r="J27687" s="2">
        <v>0</v>
      </c>
      <c r="K27687" s="2">
        <v>0</v>
      </c>
      <c r="L27687" t="s">
        <v>120</v>
      </c>
      <c r="M27687" t="s">
        <v>87</v>
      </c>
      <c r="N27687" t="s">
        <v>88</v>
      </c>
      <c r="O27687" t="s">
        <v>85</v>
      </c>
      <c r="P27687" t="s">
        <v>86</v>
      </c>
      <c r="Q27687">
        <v>44</v>
      </c>
      <c r="R27687">
        <v>45</v>
      </c>
      <c r="S27687">
        <v>45</v>
      </c>
      <c r="T27687">
        <v>45</v>
      </c>
      <c r="U27687">
        <v>46</v>
      </c>
      <c r="V27687">
        <v>46</v>
      </c>
      <c r="W27687">
        <v>47</v>
      </c>
      <c r="X27687">
        <v>47</v>
      </c>
      <c r="Y27687">
        <v>47</v>
      </c>
      <c r="Z27687">
        <v>48</v>
      </c>
      <c r="AA27687">
        <v>48</v>
      </c>
      <c r="AB27687">
        <v>49</v>
      </c>
      <c r="AC27687">
        <v>49</v>
      </c>
      <c r="AD27687">
        <v>50</v>
      </c>
      <c r="AE27687">
        <v>50</v>
      </c>
      <c r="AF27687">
        <v>50</v>
      </c>
      <c r="AG27687">
        <v>51</v>
      </c>
      <c r="AH27687">
        <v>51</v>
      </c>
      <c r="AI27687">
        <v>52</v>
      </c>
      <c r="AJ27687">
        <v>52</v>
      </c>
      <c r="AK27687">
        <v>53</v>
      </c>
      <c r="AL27687">
        <v>53</v>
      </c>
      <c r="AM27687">
        <v>53</v>
      </c>
      <c r="AN27687">
        <v>54</v>
      </c>
      <c r="AO27687">
        <v>54</v>
      </c>
      <c r="AP27687">
        <v>55</v>
      </c>
      <c r="AQ27687">
        <v>55</v>
      </c>
    </row>
    <row r="27688" spans="1:43">
      <c r="A27688" t="s">
        <v>17137</v>
      </c>
      <c r="B27688" t="s">
        <v>17138</v>
      </c>
      <c r="C27688" t="s">
        <v>17131</v>
      </c>
      <c r="D27688" t="s">
        <v>17132</v>
      </c>
      <c r="E27688" t="s">
        <v>17115</v>
      </c>
      <c r="F27688" t="s">
        <v>17116</v>
      </c>
      <c r="G27688" t="s">
        <v>16559</v>
      </c>
      <c r="H27688" t="s">
        <v>16560</v>
      </c>
      <c r="I27688" s="2">
        <v>1</v>
      </c>
      <c r="J27688" s="2">
        <v>0</v>
      </c>
      <c r="K27688" s="2">
        <v>0</v>
      </c>
      <c r="L27688" t="s">
        <v>120</v>
      </c>
      <c r="M27688" t="s">
        <v>89</v>
      </c>
      <c r="N27688" t="s">
        <v>90</v>
      </c>
      <c r="O27688" t="s">
        <v>85</v>
      </c>
      <c r="P27688" t="s">
        <v>86</v>
      </c>
      <c r="Q27688">
        <v>44</v>
      </c>
      <c r="R27688">
        <v>45</v>
      </c>
      <c r="S27688">
        <v>46</v>
      </c>
      <c r="T27688">
        <v>48</v>
      </c>
      <c r="U27688">
        <v>49</v>
      </c>
      <c r="V27688">
        <v>50</v>
      </c>
      <c r="W27688">
        <v>51</v>
      </c>
      <c r="X27688">
        <v>52</v>
      </c>
      <c r="Y27688">
        <v>53</v>
      </c>
      <c r="Z27688">
        <v>54</v>
      </c>
      <c r="AA27688">
        <v>55</v>
      </c>
      <c r="AB27688">
        <v>56</v>
      </c>
      <c r="AC27688">
        <v>57</v>
      </c>
      <c r="AD27688">
        <v>58</v>
      </c>
      <c r="AE27688">
        <v>59</v>
      </c>
      <c r="AF27688">
        <v>59</v>
      </c>
      <c r="AG27688">
        <v>60</v>
      </c>
      <c r="AH27688">
        <v>60</v>
      </c>
      <c r="AI27688">
        <v>60</v>
      </c>
      <c r="AJ27688">
        <v>61</v>
      </c>
      <c r="AK27688">
        <v>61</v>
      </c>
      <c r="AL27688">
        <v>61</v>
      </c>
      <c r="AM27688">
        <v>62</v>
      </c>
      <c r="AN27688">
        <v>62</v>
      </c>
      <c r="AO27688">
        <v>62</v>
      </c>
      <c r="AP27688">
        <v>63</v>
      </c>
      <c r="AQ27688">
        <v>63</v>
      </c>
    </row>
    <row r="27689" spans="1:43">
      <c r="A27689" t="s">
        <v>17137</v>
      </c>
      <c r="B27689" t="s">
        <v>17138</v>
      </c>
      <c r="C27689" t="s">
        <v>17131</v>
      </c>
      <c r="D27689" t="s">
        <v>17132</v>
      </c>
      <c r="E27689" t="s">
        <v>17115</v>
      </c>
      <c r="F27689" t="s">
        <v>17116</v>
      </c>
      <c r="G27689" t="s">
        <v>16559</v>
      </c>
      <c r="H27689" t="s">
        <v>16560</v>
      </c>
      <c r="I27689" s="2">
        <v>1</v>
      </c>
      <c r="J27689" s="2">
        <v>0</v>
      </c>
      <c r="K27689" s="2">
        <v>0</v>
      </c>
      <c r="L27689" t="s">
        <v>120</v>
      </c>
      <c r="M27689" t="s">
        <v>83</v>
      </c>
      <c r="N27689" t="s">
        <v>91</v>
      </c>
      <c r="O27689" t="s">
        <v>85</v>
      </c>
      <c r="P27689" t="s">
        <v>86</v>
      </c>
      <c r="Q27689">
        <v>44</v>
      </c>
      <c r="R27689">
        <v>44</v>
      </c>
      <c r="S27689">
        <v>45</v>
      </c>
      <c r="T27689">
        <v>46</v>
      </c>
      <c r="U27689">
        <v>47</v>
      </c>
      <c r="V27689">
        <v>48</v>
      </c>
      <c r="W27689">
        <v>49</v>
      </c>
      <c r="X27689">
        <v>49</v>
      </c>
      <c r="Y27689">
        <v>50</v>
      </c>
      <c r="Z27689">
        <v>51</v>
      </c>
      <c r="AA27689">
        <v>52</v>
      </c>
      <c r="AB27689">
        <v>53</v>
      </c>
      <c r="AC27689">
        <v>53</v>
      </c>
      <c r="AD27689">
        <v>54</v>
      </c>
      <c r="AE27689">
        <v>55</v>
      </c>
      <c r="AF27689">
        <v>56</v>
      </c>
      <c r="AG27689">
        <v>57</v>
      </c>
      <c r="AH27689">
        <v>58</v>
      </c>
      <c r="AI27689">
        <v>59</v>
      </c>
      <c r="AJ27689">
        <v>59</v>
      </c>
      <c r="AK27689">
        <v>60</v>
      </c>
      <c r="AL27689">
        <v>61</v>
      </c>
      <c r="AM27689">
        <v>61</v>
      </c>
      <c r="AN27689">
        <v>61</v>
      </c>
      <c r="AO27689">
        <v>62</v>
      </c>
      <c r="AP27689">
        <v>62</v>
      </c>
      <c r="AQ27689">
        <v>62</v>
      </c>
    </row>
    <row r="27690" spans="1:43">
      <c r="A27690" t="s">
        <v>17139</v>
      </c>
      <c r="B27690" t="s">
        <v>17140</v>
      </c>
      <c r="C27690" t="s">
        <v>17131</v>
      </c>
      <c r="D27690" t="s">
        <v>17132</v>
      </c>
      <c r="E27690" t="s">
        <v>17115</v>
      </c>
      <c r="F27690" t="s">
        <v>17116</v>
      </c>
      <c r="G27690" t="s">
        <v>16559</v>
      </c>
      <c r="H27690" t="s">
        <v>16560</v>
      </c>
      <c r="I27690" s="2">
        <v>1</v>
      </c>
      <c r="J27690" s="2">
        <v>0</v>
      </c>
      <c r="K27690" s="2">
        <v>0</v>
      </c>
      <c r="L27690" t="s">
        <v>120</v>
      </c>
      <c r="M27690" t="s">
        <v>83</v>
      </c>
      <c r="N27690" t="s">
        <v>84</v>
      </c>
      <c r="O27690" t="s">
        <v>85</v>
      </c>
      <c r="P27690" t="s">
        <v>86</v>
      </c>
      <c r="Q27690">
        <v>19</v>
      </c>
      <c r="R27690">
        <v>19</v>
      </c>
      <c r="S27690">
        <v>19</v>
      </c>
      <c r="T27690">
        <v>20</v>
      </c>
      <c r="U27690">
        <v>20</v>
      </c>
      <c r="V27690">
        <v>20</v>
      </c>
      <c r="W27690">
        <v>21</v>
      </c>
      <c r="X27690">
        <v>21</v>
      </c>
      <c r="Y27690">
        <v>21</v>
      </c>
      <c r="Z27690">
        <v>22</v>
      </c>
      <c r="AA27690">
        <v>22</v>
      </c>
      <c r="AB27690">
        <v>22</v>
      </c>
      <c r="AC27690">
        <v>23</v>
      </c>
      <c r="AD27690">
        <v>23</v>
      </c>
      <c r="AE27690">
        <v>23</v>
      </c>
      <c r="AF27690">
        <v>24</v>
      </c>
      <c r="AG27690">
        <v>24</v>
      </c>
      <c r="AH27690">
        <v>25</v>
      </c>
      <c r="AI27690">
        <v>25</v>
      </c>
      <c r="AJ27690">
        <v>25</v>
      </c>
      <c r="AK27690">
        <v>26</v>
      </c>
      <c r="AL27690">
        <v>26</v>
      </c>
      <c r="AM27690">
        <v>26</v>
      </c>
      <c r="AN27690">
        <v>26</v>
      </c>
      <c r="AO27690">
        <v>26</v>
      </c>
      <c r="AP27690">
        <v>26</v>
      </c>
      <c r="AQ27690">
        <v>27</v>
      </c>
    </row>
    <row r="27691" spans="1:43">
      <c r="A27691" t="s">
        <v>17139</v>
      </c>
      <c r="B27691" t="s">
        <v>17140</v>
      </c>
      <c r="C27691" t="s">
        <v>17131</v>
      </c>
      <c r="D27691" t="s">
        <v>17132</v>
      </c>
      <c r="E27691" t="s">
        <v>17115</v>
      </c>
      <c r="F27691" t="s">
        <v>17116</v>
      </c>
      <c r="G27691" t="s">
        <v>16559</v>
      </c>
      <c r="H27691" t="s">
        <v>16560</v>
      </c>
      <c r="I27691" s="2">
        <v>1</v>
      </c>
      <c r="J27691" s="2">
        <v>0</v>
      </c>
      <c r="K27691" s="2">
        <v>0</v>
      </c>
      <c r="L27691" t="s">
        <v>120</v>
      </c>
      <c r="M27691" t="s">
        <v>87</v>
      </c>
      <c r="N27691" t="s">
        <v>88</v>
      </c>
      <c r="O27691" t="s">
        <v>85</v>
      </c>
      <c r="P27691" t="s">
        <v>86</v>
      </c>
      <c r="Q27691">
        <v>19</v>
      </c>
      <c r="R27691">
        <v>20</v>
      </c>
      <c r="S27691">
        <v>20</v>
      </c>
      <c r="T27691">
        <v>20</v>
      </c>
      <c r="U27691">
        <v>20</v>
      </c>
      <c r="V27691">
        <v>20</v>
      </c>
      <c r="W27691">
        <v>20</v>
      </c>
      <c r="X27691">
        <v>21</v>
      </c>
      <c r="Y27691">
        <v>21</v>
      </c>
      <c r="Z27691">
        <v>21</v>
      </c>
      <c r="AA27691">
        <v>21</v>
      </c>
      <c r="AB27691">
        <v>21</v>
      </c>
      <c r="AC27691">
        <v>22</v>
      </c>
      <c r="AD27691">
        <v>22</v>
      </c>
      <c r="AE27691">
        <v>22</v>
      </c>
      <c r="AF27691">
        <v>22</v>
      </c>
      <c r="AG27691">
        <v>22</v>
      </c>
      <c r="AH27691">
        <v>22</v>
      </c>
      <c r="AI27691">
        <v>23</v>
      </c>
      <c r="AJ27691">
        <v>23</v>
      </c>
      <c r="AK27691">
        <v>23</v>
      </c>
      <c r="AL27691">
        <v>23</v>
      </c>
      <c r="AM27691">
        <v>23</v>
      </c>
      <c r="AN27691">
        <v>23</v>
      </c>
      <c r="AO27691">
        <v>24</v>
      </c>
      <c r="AP27691">
        <v>24</v>
      </c>
      <c r="AQ27691">
        <v>24</v>
      </c>
    </row>
    <row r="27692" spans="1:43">
      <c r="A27692" t="s">
        <v>17139</v>
      </c>
      <c r="B27692" t="s">
        <v>17140</v>
      </c>
      <c r="C27692" t="s">
        <v>17131</v>
      </c>
      <c r="D27692" t="s">
        <v>17132</v>
      </c>
      <c r="E27692" t="s">
        <v>17115</v>
      </c>
      <c r="F27692" t="s">
        <v>17116</v>
      </c>
      <c r="G27692" t="s">
        <v>16559</v>
      </c>
      <c r="H27692" t="s">
        <v>16560</v>
      </c>
      <c r="I27692" s="2">
        <v>1</v>
      </c>
      <c r="J27692" s="2">
        <v>0</v>
      </c>
      <c r="K27692" s="2">
        <v>0</v>
      </c>
      <c r="L27692" t="s">
        <v>120</v>
      </c>
      <c r="M27692" t="s">
        <v>89</v>
      </c>
      <c r="N27692" t="s">
        <v>90</v>
      </c>
      <c r="O27692" t="s">
        <v>85</v>
      </c>
      <c r="P27692" t="s">
        <v>86</v>
      </c>
      <c r="Q27692">
        <v>19</v>
      </c>
      <c r="R27692">
        <v>19</v>
      </c>
      <c r="S27692">
        <v>20</v>
      </c>
      <c r="T27692">
        <v>20</v>
      </c>
      <c r="U27692">
        <v>21</v>
      </c>
      <c r="V27692">
        <v>21</v>
      </c>
      <c r="W27692">
        <v>22</v>
      </c>
      <c r="X27692">
        <v>22</v>
      </c>
      <c r="Y27692">
        <v>23</v>
      </c>
      <c r="Z27692">
        <v>23</v>
      </c>
      <c r="AA27692">
        <v>23</v>
      </c>
      <c r="AB27692">
        <v>24</v>
      </c>
      <c r="AC27692">
        <v>24</v>
      </c>
      <c r="AD27692">
        <v>25</v>
      </c>
      <c r="AE27692">
        <v>25</v>
      </c>
      <c r="AF27692">
        <v>25</v>
      </c>
      <c r="AG27692">
        <v>25</v>
      </c>
      <c r="AH27692">
        <v>26</v>
      </c>
      <c r="AI27692">
        <v>26</v>
      </c>
      <c r="AJ27692">
        <v>26</v>
      </c>
      <c r="AK27692">
        <v>26</v>
      </c>
      <c r="AL27692">
        <v>26</v>
      </c>
      <c r="AM27692">
        <v>26</v>
      </c>
      <c r="AN27692">
        <v>26</v>
      </c>
      <c r="AO27692">
        <v>26</v>
      </c>
      <c r="AP27692">
        <v>27</v>
      </c>
      <c r="AQ27692">
        <v>27</v>
      </c>
    </row>
    <row r="27693" spans="1:43">
      <c r="A27693" t="s">
        <v>17139</v>
      </c>
      <c r="B27693" t="s">
        <v>17140</v>
      </c>
      <c r="C27693" t="s">
        <v>17131</v>
      </c>
      <c r="D27693" t="s">
        <v>17132</v>
      </c>
      <c r="E27693" t="s">
        <v>17115</v>
      </c>
      <c r="F27693" t="s">
        <v>17116</v>
      </c>
      <c r="G27693" t="s">
        <v>16559</v>
      </c>
      <c r="H27693" t="s">
        <v>16560</v>
      </c>
      <c r="I27693" s="2">
        <v>1</v>
      </c>
      <c r="J27693" s="2">
        <v>0</v>
      </c>
      <c r="K27693" s="2">
        <v>0</v>
      </c>
      <c r="L27693" t="s">
        <v>120</v>
      </c>
      <c r="M27693" t="s">
        <v>83</v>
      </c>
      <c r="N27693" t="s">
        <v>91</v>
      </c>
      <c r="O27693" t="s">
        <v>85</v>
      </c>
      <c r="P27693" t="s">
        <v>86</v>
      </c>
      <c r="Q27693">
        <v>19</v>
      </c>
      <c r="R27693">
        <v>19</v>
      </c>
      <c r="S27693">
        <v>19</v>
      </c>
      <c r="T27693">
        <v>20</v>
      </c>
      <c r="U27693">
        <v>20</v>
      </c>
      <c r="V27693">
        <v>20</v>
      </c>
      <c r="W27693">
        <v>21</v>
      </c>
      <c r="X27693">
        <v>21</v>
      </c>
      <c r="Y27693">
        <v>21</v>
      </c>
      <c r="Z27693">
        <v>22</v>
      </c>
      <c r="AA27693">
        <v>22</v>
      </c>
      <c r="AB27693">
        <v>22</v>
      </c>
      <c r="AC27693">
        <v>23</v>
      </c>
      <c r="AD27693">
        <v>23</v>
      </c>
      <c r="AE27693">
        <v>23</v>
      </c>
      <c r="AF27693">
        <v>24</v>
      </c>
      <c r="AG27693">
        <v>24</v>
      </c>
      <c r="AH27693">
        <v>25</v>
      </c>
      <c r="AI27693">
        <v>25</v>
      </c>
      <c r="AJ27693">
        <v>25</v>
      </c>
      <c r="AK27693">
        <v>26</v>
      </c>
      <c r="AL27693">
        <v>26</v>
      </c>
      <c r="AM27693">
        <v>26</v>
      </c>
      <c r="AN27693">
        <v>26</v>
      </c>
      <c r="AO27693">
        <v>26</v>
      </c>
      <c r="AP27693">
        <v>26</v>
      </c>
      <c r="AQ27693">
        <v>27</v>
      </c>
    </row>
    <row r="27694" spans="1:43">
      <c r="A27694" t="s">
        <v>17141</v>
      </c>
      <c r="B27694" t="s">
        <v>17142</v>
      </c>
      <c r="C27694" t="s">
        <v>17143</v>
      </c>
      <c r="D27694" t="s">
        <v>17144</v>
      </c>
      <c r="E27694" t="s">
        <v>17115</v>
      </c>
      <c r="F27694" t="s">
        <v>17116</v>
      </c>
      <c r="G27694" t="s">
        <v>16559</v>
      </c>
      <c r="H27694" t="s">
        <v>16560</v>
      </c>
      <c r="I27694" s="2">
        <v>1</v>
      </c>
      <c r="J27694" s="2">
        <v>0</v>
      </c>
      <c r="K27694" s="2">
        <v>0</v>
      </c>
      <c r="L27694" t="s">
        <v>120</v>
      </c>
      <c r="M27694" t="s">
        <v>83</v>
      </c>
      <c r="N27694" t="s">
        <v>84</v>
      </c>
      <c r="O27694" t="s">
        <v>85</v>
      </c>
      <c r="P27694" t="s">
        <v>86</v>
      </c>
      <c r="Q27694">
        <v>14</v>
      </c>
      <c r="R27694">
        <v>14</v>
      </c>
      <c r="S27694">
        <v>14</v>
      </c>
      <c r="T27694">
        <v>14</v>
      </c>
      <c r="U27694">
        <v>15</v>
      </c>
      <c r="V27694">
        <v>15</v>
      </c>
      <c r="W27694">
        <v>15</v>
      </c>
      <c r="X27694">
        <v>16</v>
      </c>
      <c r="Y27694">
        <v>16</v>
      </c>
      <c r="Z27694">
        <v>16</v>
      </c>
      <c r="AA27694">
        <v>16</v>
      </c>
      <c r="AB27694">
        <v>17</v>
      </c>
      <c r="AC27694">
        <v>17</v>
      </c>
      <c r="AD27694">
        <v>17</v>
      </c>
      <c r="AE27694">
        <v>17</v>
      </c>
      <c r="AF27694">
        <v>18</v>
      </c>
      <c r="AG27694">
        <v>18</v>
      </c>
      <c r="AH27694">
        <v>18</v>
      </c>
      <c r="AI27694">
        <v>18</v>
      </c>
      <c r="AJ27694">
        <v>19</v>
      </c>
      <c r="AK27694">
        <v>19</v>
      </c>
      <c r="AL27694">
        <v>19</v>
      </c>
      <c r="AM27694">
        <v>19</v>
      </c>
      <c r="AN27694">
        <v>19</v>
      </c>
      <c r="AO27694">
        <v>19</v>
      </c>
      <c r="AP27694">
        <v>19</v>
      </c>
      <c r="AQ27694">
        <v>19</v>
      </c>
    </row>
    <row r="27695" spans="1:43">
      <c r="A27695" t="s">
        <v>17141</v>
      </c>
      <c r="B27695" t="s">
        <v>17142</v>
      </c>
      <c r="C27695" t="s">
        <v>17143</v>
      </c>
      <c r="D27695" t="s">
        <v>17144</v>
      </c>
      <c r="E27695" t="s">
        <v>17115</v>
      </c>
      <c r="F27695" t="s">
        <v>17116</v>
      </c>
      <c r="G27695" t="s">
        <v>16559</v>
      </c>
      <c r="H27695" t="s">
        <v>16560</v>
      </c>
      <c r="I27695" s="2">
        <v>1</v>
      </c>
      <c r="J27695" s="2">
        <v>0</v>
      </c>
      <c r="K27695" s="2">
        <v>0</v>
      </c>
      <c r="L27695" t="s">
        <v>120</v>
      </c>
      <c r="M27695" t="s">
        <v>87</v>
      </c>
      <c r="N27695" t="s">
        <v>88</v>
      </c>
      <c r="O27695" t="s">
        <v>85</v>
      </c>
      <c r="P27695" t="s">
        <v>86</v>
      </c>
      <c r="Q27695">
        <v>14</v>
      </c>
      <c r="R27695">
        <v>14</v>
      </c>
      <c r="S27695">
        <v>14</v>
      </c>
      <c r="T27695">
        <v>14</v>
      </c>
      <c r="U27695">
        <v>14</v>
      </c>
      <c r="V27695">
        <v>14</v>
      </c>
      <c r="W27695">
        <v>14</v>
      </c>
      <c r="X27695">
        <v>14</v>
      </c>
      <c r="Y27695">
        <v>15</v>
      </c>
      <c r="Z27695">
        <v>15</v>
      </c>
      <c r="AA27695">
        <v>15</v>
      </c>
      <c r="AB27695">
        <v>15</v>
      </c>
      <c r="AC27695">
        <v>15</v>
      </c>
      <c r="AD27695">
        <v>15</v>
      </c>
      <c r="AE27695">
        <v>15</v>
      </c>
      <c r="AF27695">
        <v>15</v>
      </c>
      <c r="AG27695">
        <v>16</v>
      </c>
      <c r="AH27695">
        <v>16</v>
      </c>
      <c r="AI27695">
        <v>16</v>
      </c>
      <c r="AJ27695">
        <v>16</v>
      </c>
      <c r="AK27695">
        <v>16</v>
      </c>
      <c r="AL27695">
        <v>16</v>
      </c>
      <c r="AM27695">
        <v>16</v>
      </c>
      <c r="AN27695">
        <v>17</v>
      </c>
      <c r="AO27695">
        <v>17</v>
      </c>
      <c r="AP27695">
        <v>17</v>
      </c>
      <c r="AQ27695">
        <v>17</v>
      </c>
    </row>
    <row r="27696" spans="1:43">
      <c r="A27696" t="s">
        <v>17141</v>
      </c>
      <c r="B27696" t="s">
        <v>17142</v>
      </c>
      <c r="C27696" t="s">
        <v>17143</v>
      </c>
      <c r="D27696" t="s">
        <v>17144</v>
      </c>
      <c r="E27696" t="s">
        <v>17115</v>
      </c>
      <c r="F27696" t="s">
        <v>17116</v>
      </c>
      <c r="G27696" t="s">
        <v>16559</v>
      </c>
      <c r="H27696" t="s">
        <v>16560</v>
      </c>
      <c r="I27696" s="2">
        <v>1</v>
      </c>
      <c r="J27696" s="2">
        <v>0</v>
      </c>
      <c r="K27696" s="2">
        <v>0</v>
      </c>
      <c r="L27696" t="s">
        <v>120</v>
      </c>
      <c r="M27696" t="s">
        <v>89</v>
      </c>
      <c r="N27696" t="s">
        <v>90</v>
      </c>
      <c r="O27696" t="s">
        <v>85</v>
      </c>
      <c r="P27696" t="s">
        <v>86</v>
      </c>
      <c r="Q27696">
        <v>14</v>
      </c>
      <c r="R27696">
        <v>14</v>
      </c>
      <c r="S27696">
        <v>15</v>
      </c>
      <c r="T27696">
        <v>15</v>
      </c>
      <c r="U27696">
        <v>15</v>
      </c>
      <c r="V27696">
        <v>16</v>
      </c>
      <c r="W27696">
        <v>16</v>
      </c>
      <c r="X27696">
        <v>16</v>
      </c>
      <c r="Y27696">
        <v>17</v>
      </c>
      <c r="Z27696">
        <v>17</v>
      </c>
      <c r="AA27696">
        <v>17</v>
      </c>
      <c r="AB27696">
        <v>18</v>
      </c>
      <c r="AC27696">
        <v>18</v>
      </c>
      <c r="AD27696">
        <v>18</v>
      </c>
      <c r="AE27696">
        <v>19</v>
      </c>
      <c r="AF27696">
        <v>19</v>
      </c>
      <c r="AG27696">
        <v>19</v>
      </c>
      <c r="AH27696">
        <v>19</v>
      </c>
      <c r="AI27696">
        <v>19</v>
      </c>
      <c r="AJ27696">
        <v>19</v>
      </c>
      <c r="AK27696">
        <v>19</v>
      </c>
      <c r="AL27696">
        <v>19</v>
      </c>
      <c r="AM27696">
        <v>19</v>
      </c>
      <c r="AN27696">
        <v>19</v>
      </c>
      <c r="AO27696">
        <v>19</v>
      </c>
      <c r="AP27696">
        <v>20</v>
      </c>
      <c r="AQ27696">
        <v>20</v>
      </c>
    </row>
    <row r="27697" spans="1:43">
      <c r="A27697" t="s">
        <v>17141</v>
      </c>
      <c r="B27697" t="s">
        <v>17142</v>
      </c>
      <c r="C27697" t="s">
        <v>17143</v>
      </c>
      <c r="D27697" t="s">
        <v>17144</v>
      </c>
      <c r="E27697" t="s">
        <v>17115</v>
      </c>
      <c r="F27697" t="s">
        <v>17116</v>
      </c>
      <c r="G27697" t="s">
        <v>16559</v>
      </c>
      <c r="H27697" t="s">
        <v>16560</v>
      </c>
      <c r="I27697" s="2">
        <v>1</v>
      </c>
      <c r="J27697" s="2">
        <v>0</v>
      </c>
      <c r="K27697" s="2">
        <v>0</v>
      </c>
      <c r="L27697" t="s">
        <v>120</v>
      </c>
      <c r="M27697" t="s">
        <v>83</v>
      </c>
      <c r="N27697" t="s">
        <v>91</v>
      </c>
      <c r="O27697" t="s">
        <v>85</v>
      </c>
      <c r="P27697" t="s">
        <v>86</v>
      </c>
      <c r="Q27697">
        <v>14</v>
      </c>
      <c r="R27697">
        <v>14</v>
      </c>
      <c r="S27697">
        <v>14</v>
      </c>
      <c r="T27697">
        <v>14</v>
      </c>
      <c r="U27697">
        <v>15</v>
      </c>
      <c r="V27697">
        <v>15</v>
      </c>
      <c r="W27697">
        <v>15</v>
      </c>
      <c r="X27697">
        <v>16</v>
      </c>
      <c r="Y27697">
        <v>16</v>
      </c>
      <c r="Z27697">
        <v>16</v>
      </c>
      <c r="AA27697">
        <v>16</v>
      </c>
      <c r="AB27697">
        <v>17</v>
      </c>
      <c r="AC27697">
        <v>17</v>
      </c>
      <c r="AD27697">
        <v>17</v>
      </c>
      <c r="AE27697">
        <v>17</v>
      </c>
      <c r="AF27697">
        <v>18</v>
      </c>
      <c r="AG27697">
        <v>18</v>
      </c>
      <c r="AH27697">
        <v>18</v>
      </c>
      <c r="AI27697">
        <v>18</v>
      </c>
      <c r="AJ27697">
        <v>19</v>
      </c>
      <c r="AK27697">
        <v>19</v>
      </c>
      <c r="AL27697">
        <v>19</v>
      </c>
      <c r="AM27697">
        <v>19</v>
      </c>
      <c r="AN27697">
        <v>19</v>
      </c>
      <c r="AO27697">
        <v>19</v>
      </c>
      <c r="AP27697">
        <v>19</v>
      </c>
      <c r="AQ27697">
        <v>19</v>
      </c>
    </row>
    <row r="27698" spans="1:43">
      <c r="A27698" t="s">
        <v>17145</v>
      </c>
      <c r="B27698" t="s">
        <v>17146</v>
      </c>
      <c r="C27698" t="s">
        <v>17143</v>
      </c>
      <c r="D27698" t="s">
        <v>17144</v>
      </c>
      <c r="E27698" t="s">
        <v>17115</v>
      </c>
      <c r="F27698" t="s">
        <v>17116</v>
      </c>
      <c r="G27698" t="s">
        <v>16559</v>
      </c>
      <c r="H27698" t="s">
        <v>16560</v>
      </c>
      <c r="I27698" s="2">
        <v>1</v>
      </c>
      <c r="J27698" s="2">
        <v>0</v>
      </c>
      <c r="K27698" s="2">
        <v>0</v>
      </c>
      <c r="L27698" t="s">
        <v>120</v>
      </c>
      <c r="M27698" t="s">
        <v>83</v>
      </c>
      <c r="N27698" t="s">
        <v>84</v>
      </c>
      <c r="O27698" t="s">
        <v>85</v>
      </c>
      <c r="P27698" t="s">
        <v>86</v>
      </c>
      <c r="Q27698">
        <v>15</v>
      </c>
      <c r="R27698">
        <v>16</v>
      </c>
      <c r="S27698">
        <v>16</v>
      </c>
      <c r="T27698">
        <v>16</v>
      </c>
      <c r="U27698">
        <v>16</v>
      </c>
      <c r="V27698">
        <v>17</v>
      </c>
      <c r="W27698">
        <v>17</v>
      </c>
      <c r="X27698">
        <v>17</v>
      </c>
      <c r="Y27698">
        <v>18</v>
      </c>
      <c r="Z27698">
        <v>18</v>
      </c>
      <c r="AA27698">
        <v>18</v>
      </c>
      <c r="AB27698">
        <v>18</v>
      </c>
      <c r="AC27698">
        <v>19</v>
      </c>
      <c r="AD27698">
        <v>19</v>
      </c>
      <c r="AE27698">
        <v>19</v>
      </c>
      <c r="AF27698">
        <v>20</v>
      </c>
      <c r="AG27698">
        <v>20</v>
      </c>
      <c r="AH27698">
        <v>20</v>
      </c>
      <c r="AI27698">
        <v>20</v>
      </c>
      <c r="AJ27698">
        <v>21</v>
      </c>
      <c r="AK27698">
        <v>21</v>
      </c>
      <c r="AL27698">
        <v>21</v>
      </c>
      <c r="AM27698">
        <v>21</v>
      </c>
      <c r="AN27698">
        <v>21</v>
      </c>
      <c r="AO27698">
        <v>22</v>
      </c>
      <c r="AP27698">
        <v>22</v>
      </c>
      <c r="AQ27698">
        <v>22</v>
      </c>
    </row>
    <row r="27699" spans="1:43">
      <c r="A27699" t="s">
        <v>17145</v>
      </c>
      <c r="B27699" t="s">
        <v>17146</v>
      </c>
      <c r="C27699" t="s">
        <v>17143</v>
      </c>
      <c r="D27699" t="s">
        <v>17144</v>
      </c>
      <c r="E27699" t="s">
        <v>17115</v>
      </c>
      <c r="F27699" t="s">
        <v>17116</v>
      </c>
      <c r="G27699" t="s">
        <v>16559</v>
      </c>
      <c r="H27699" t="s">
        <v>16560</v>
      </c>
      <c r="I27699" s="2">
        <v>1</v>
      </c>
      <c r="J27699" s="2">
        <v>0</v>
      </c>
      <c r="K27699" s="2">
        <v>0</v>
      </c>
      <c r="L27699" t="s">
        <v>120</v>
      </c>
      <c r="M27699" t="s">
        <v>87</v>
      </c>
      <c r="N27699" t="s">
        <v>88</v>
      </c>
      <c r="O27699" t="s">
        <v>85</v>
      </c>
      <c r="P27699" t="s">
        <v>86</v>
      </c>
      <c r="Q27699">
        <v>15</v>
      </c>
      <c r="R27699">
        <v>15</v>
      </c>
      <c r="S27699">
        <v>15</v>
      </c>
      <c r="T27699">
        <v>16</v>
      </c>
      <c r="U27699">
        <v>16</v>
      </c>
      <c r="V27699">
        <v>16</v>
      </c>
      <c r="W27699">
        <v>16</v>
      </c>
      <c r="X27699">
        <v>16</v>
      </c>
      <c r="Y27699">
        <v>16</v>
      </c>
      <c r="Z27699">
        <v>16</v>
      </c>
      <c r="AA27699">
        <v>17</v>
      </c>
      <c r="AB27699">
        <v>17</v>
      </c>
      <c r="AC27699">
        <v>17</v>
      </c>
      <c r="AD27699">
        <v>17</v>
      </c>
      <c r="AE27699">
        <v>17</v>
      </c>
      <c r="AF27699">
        <v>17</v>
      </c>
      <c r="AG27699">
        <v>17</v>
      </c>
      <c r="AH27699">
        <v>18</v>
      </c>
      <c r="AI27699">
        <v>18</v>
      </c>
      <c r="AJ27699">
        <v>18</v>
      </c>
      <c r="AK27699">
        <v>18</v>
      </c>
      <c r="AL27699">
        <v>18</v>
      </c>
      <c r="AM27699">
        <v>18</v>
      </c>
      <c r="AN27699">
        <v>19</v>
      </c>
      <c r="AO27699">
        <v>19</v>
      </c>
      <c r="AP27699">
        <v>19</v>
      </c>
      <c r="AQ27699">
        <v>19</v>
      </c>
    </row>
    <row r="27700" spans="1:43">
      <c r="A27700" t="s">
        <v>17145</v>
      </c>
      <c r="B27700" t="s">
        <v>17146</v>
      </c>
      <c r="C27700" t="s">
        <v>17143</v>
      </c>
      <c r="D27700" t="s">
        <v>17144</v>
      </c>
      <c r="E27700" t="s">
        <v>17115</v>
      </c>
      <c r="F27700" t="s">
        <v>17116</v>
      </c>
      <c r="G27700" t="s">
        <v>16559</v>
      </c>
      <c r="H27700" t="s">
        <v>16560</v>
      </c>
      <c r="I27700" s="2">
        <v>1</v>
      </c>
      <c r="J27700" s="2">
        <v>0</v>
      </c>
      <c r="K27700" s="2">
        <v>0</v>
      </c>
      <c r="L27700" t="s">
        <v>120</v>
      </c>
      <c r="M27700" t="s">
        <v>89</v>
      </c>
      <c r="N27700" t="s">
        <v>90</v>
      </c>
      <c r="O27700" t="s">
        <v>85</v>
      </c>
      <c r="P27700" t="s">
        <v>86</v>
      </c>
      <c r="Q27700">
        <v>15</v>
      </c>
      <c r="R27700">
        <v>16</v>
      </c>
      <c r="S27700">
        <v>16</v>
      </c>
      <c r="T27700">
        <v>17</v>
      </c>
      <c r="U27700">
        <v>17</v>
      </c>
      <c r="V27700">
        <v>17</v>
      </c>
      <c r="W27700">
        <v>18</v>
      </c>
      <c r="X27700">
        <v>18</v>
      </c>
      <c r="Y27700">
        <v>19</v>
      </c>
      <c r="Z27700">
        <v>19</v>
      </c>
      <c r="AA27700">
        <v>19</v>
      </c>
      <c r="AB27700">
        <v>20</v>
      </c>
      <c r="AC27700">
        <v>20</v>
      </c>
      <c r="AD27700">
        <v>20</v>
      </c>
      <c r="AE27700">
        <v>21</v>
      </c>
      <c r="AF27700">
        <v>21</v>
      </c>
      <c r="AG27700">
        <v>21</v>
      </c>
      <c r="AH27700">
        <v>21</v>
      </c>
      <c r="AI27700">
        <v>21</v>
      </c>
      <c r="AJ27700">
        <v>21</v>
      </c>
      <c r="AK27700">
        <v>21</v>
      </c>
      <c r="AL27700">
        <v>21</v>
      </c>
      <c r="AM27700">
        <v>22</v>
      </c>
      <c r="AN27700">
        <v>22</v>
      </c>
      <c r="AO27700">
        <v>22</v>
      </c>
      <c r="AP27700">
        <v>22</v>
      </c>
      <c r="AQ27700">
        <v>22</v>
      </c>
    </row>
    <row r="27701" spans="1:43">
      <c r="A27701" t="s">
        <v>17145</v>
      </c>
      <c r="B27701" t="s">
        <v>17146</v>
      </c>
      <c r="C27701" t="s">
        <v>17143</v>
      </c>
      <c r="D27701" t="s">
        <v>17144</v>
      </c>
      <c r="E27701" t="s">
        <v>17115</v>
      </c>
      <c r="F27701" t="s">
        <v>17116</v>
      </c>
      <c r="G27701" t="s">
        <v>16559</v>
      </c>
      <c r="H27701" t="s">
        <v>16560</v>
      </c>
      <c r="I27701" s="2">
        <v>1</v>
      </c>
      <c r="J27701" s="2">
        <v>0</v>
      </c>
      <c r="K27701" s="2">
        <v>0</v>
      </c>
      <c r="L27701" t="s">
        <v>120</v>
      </c>
      <c r="M27701" t="s">
        <v>83</v>
      </c>
      <c r="N27701" t="s">
        <v>91</v>
      </c>
      <c r="O27701" t="s">
        <v>85</v>
      </c>
      <c r="P27701" t="s">
        <v>86</v>
      </c>
      <c r="Q27701">
        <v>15</v>
      </c>
      <c r="R27701">
        <v>16</v>
      </c>
      <c r="S27701">
        <v>16</v>
      </c>
      <c r="T27701">
        <v>16</v>
      </c>
      <c r="U27701">
        <v>16</v>
      </c>
      <c r="V27701">
        <v>17</v>
      </c>
      <c r="W27701">
        <v>17</v>
      </c>
      <c r="X27701">
        <v>17</v>
      </c>
      <c r="Y27701">
        <v>18</v>
      </c>
      <c r="Z27701">
        <v>18</v>
      </c>
      <c r="AA27701">
        <v>18</v>
      </c>
      <c r="AB27701">
        <v>18</v>
      </c>
      <c r="AC27701">
        <v>19</v>
      </c>
      <c r="AD27701">
        <v>19</v>
      </c>
      <c r="AE27701">
        <v>19</v>
      </c>
      <c r="AF27701">
        <v>20</v>
      </c>
      <c r="AG27701">
        <v>20</v>
      </c>
      <c r="AH27701">
        <v>20</v>
      </c>
      <c r="AI27701">
        <v>20</v>
      </c>
      <c r="AJ27701">
        <v>21</v>
      </c>
      <c r="AK27701">
        <v>21</v>
      </c>
      <c r="AL27701">
        <v>21</v>
      </c>
      <c r="AM27701">
        <v>21</v>
      </c>
      <c r="AN27701">
        <v>21</v>
      </c>
      <c r="AO27701">
        <v>22</v>
      </c>
      <c r="AP27701">
        <v>22</v>
      </c>
      <c r="AQ27701">
        <v>22</v>
      </c>
    </row>
    <row r="27702" spans="1:43">
      <c r="A27702" t="s">
        <v>17147</v>
      </c>
      <c r="B27702" t="s">
        <v>17148</v>
      </c>
      <c r="C27702" t="s">
        <v>17143</v>
      </c>
      <c r="D27702" t="s">
        <v>17144</v>
      </c>
      <c r="E27702" t="s">
        <v>17115</v>
      </c>
      <c r="F27702" t="s">
        <v>17116</v>
      </c>
      <c r="G27702" t="s">
        <v>16559</v>
      </c>
      <c r="H27702" t="s">
        <v>16560</v>
      </c>
      <c r="I27702" s="2">
        <v>1</v>
      </c>
      <c r="J27702" s="2">
        <v>0</v>
      </c>
      <c r="K27702" s="2">
        <v>0</v>
      </c>
      <c r="L27702" t="s">
        <v>120</v>
      </c>
      <c r="M27702" t="s">
        <v>83</v>
      </c>
      <c r="N27702" t="s">
        <v>84</v>
      </c>
      <c r="O27702" t="s">
        <v>85</v>
      </c>
      <c r="P27702" t="s">
        <v>86</v>
      </c>
      <c r="Q27702">
        <v>38</v>
      </c>
      <c r="R27702">
        <v>39</v>
      </c>
      <c r="S27702">
        <v>40</v>
      </c>
      <c r="T27702">
        <v>41</v>
      </c>
      <c r="U27702">
        <v>41</v>
      </c>
      <c r="V27702">
        <v>42</v>
      </c>
      <c r="W27702">
        <v>43</v>
      </c>
      <c r="X27702">
        <v>44</v>
      </c>
      <c r="Y27702">
        <v>44</v>
      </c>
      <c r="Z27702">
        <v>45</v>
      </c>
      <c r="AA27702">
        <v>46</v>
      </c>
      <c r="AB27702">
        <v>46</v>
      </c>
      <c r="AC27702">
        <v>47</v>
      </c>
      <c r="AD27702">
        <v>48</v>
      </c>
      <c r="AE27702">
        <v>49</v>
      </c>
      <c r="AF27702">
        <v>49</v>
      </c>
      <c r="AG27702">
        <v>50</v>
      </c>
      <c r="AH27702">
        <v>51</v>
      </c>
      <c r="AI27702">
        <v>51</v>
      </c>
      <c r="AJ27702">
        <v>52</v>
      </c>
      <c r="AK27702">
        <v>53</v>
      </c>
      <c r="AL27702">
        <v>53</v>
      </c>
      <c r="AM27702">
        <v>54</v>
      </c>
      <c r="AN27702">
        <v>54</v>
      </c>
      <c r="AO27702">
        <v>54</v>
      </c>
      <c r="AP27702">
        <v>55</v>
      </c>
      <c r="AQ27702">
        <v>55</v>
      </c>
    </row>
    <row r="27703" spans="1:43">
      <c r="A27703" t="s">
        <v>17147</v>
      </c>
      <c r="B27703" t="s">
        <v>17148</v>
      </c>
      <c r="C27703" t="s">
        <v>17143</v>
      </c>
      <c r="D27703" t="s">
        <v>17144</v>
      </c>
      <c r="E27703" t="s">
        <v>17115</v>
      </c>
      <c r="F27703" t="s">
        <v>17116</v>
      </c>
      <c r="G27703" t="s">
        <v>16559</v>
      </c>
      <c r="H27703" t="s">
        <v>16560</v>
      </c>
      <c r="I27703" s="2">
        <v>1</v>
      </c>
      <c r="J27703" s="2">
        <v>0</v>
      </c>
      <c r="K27703" s="2">
        <v>0</v>
      </c>
      <c r="L27703" t="s">
        <v>120</v>
      </c>
      <c r="M27703" t="s">
        <v>87</v>
      </c>
      <c r="N27703" t="s">
        <v>88</v>
      </c>
      <c r="O27703" t="s">
        <v>85</v>
      </c>
      <c r="P27703" t="s">
        <v>86</v>
      </c>
      <c r="Q27703">
        <v>38</v>
      </c>
      <c r="R27703">
        <v>38</v>
      </c>
      <c r="S27703">
        <v>39</v>
      </c>
      <c r="T27703">
        <v>39</v>
      </c>
      <c r="U27703">
        <v>40</v>
      </c>
      <c r="V27703">
        <v>40</v>
      </c>
      <c r="W27703">
        <v>40</v>
      </c>
      <c r="X27703">
        <v>41</v>
      </c>
      <c r="Y27703">
        <v>41</v>
      </c>
      <c r="Z27703">
        <v>41</v>
      </c>
      <c r="AA27703">
        <v>42</v>
      </c>
      <c r="AB27703">
        <v>42</v>
      </c>
      <c r="AC27703">
        <v>42</v>
      </c>
      <c r="AD27703">
        <v>43</v>
      </c>
      <c r="AE27703">
        <v>43</v>
      </c>
      <c r="AF27703">
        <v>44</v>
      </c>
      <c r="AG27703">
        <v>44</v>
      </c>
      <c r="AH27703">
        <v>44</v>
      </c>
      <c r="AI27703">
        <v>45</v>
      </c>
      <c r="AJ27703">
        <v>45</v>
      </c>
      <c r="AK27703">
        <v>45</v>
      </c>
      <c r="AL27703">
        <v>46</v>
      </c>
      <c r="AM27703">
        <v>46</v>
      </c>
      <c r="AN27703">
        <v>47</v>
      </c>
      <c r="AO27703">
        <v>47</v>
      </c>
      <c r="AP27703">
        <v>47</v>
      </c>
      <c r="AQ27703">
        <v>48</v>
      </c>
    </row>
    <row r="27704" spans="1:43">
      <c r="A27704" t="s">
        <v>17147</v>
      </c>
      <c r="B27704" t="s">
        <v>17148</v>
      </c>
      <c r="C27704" t="s">
        <v>17143</v>
      </c>
      <c r="D27704" t="s">
        <v>17144</v>
      </c>
      <c r="E27704" t="s">
        <v>17115</v>
      </c>
      <c r="F27704" t="s">
        <v>17116</v>
      </c>
      <c r="G27704" t="s">
        <v>16559</v>
      </c>
      <c r="H27704" t="s">
        <v>16560</v>
      </c>
      <c r="I27704" s="2">
        <v>1</v>
      </c>
      <c r="J27704" s="2">
        <v>0</v>
      </c>
      <c r="K27704" s="2">
        <v>0</v>
      </c>
      <c r="L27704" t="s">
        <v>120</v>
      </c>
      <c r="M27704" t="s">
        <v>89</v>
      </c>
      <c r="N27704" t="s">
        <v>90</v>
      </c>
      <c r="O27704" t="s">
        <v>85</v>
      </c>
      <c r="P27704" t="s">
        <v>86</v>
      </c>
      <c r="Q27704">
        <v>38</v>
      </c>
      <c r="R27704">
        <v>39</v>
      </c>
      <c r="S27704">
        <v>40</v>
      </c>
      <c r="T27704">
        <v>41</v>
      </c>
      <c r="U27704">
        <v>42</v>
      </c>
      <c r="V27704">
        <v>43</v>
      </c>
      <c r="W27704">
        <v>44</v>
      </c>
      <c r="X27704">
        <v>45</v>
      </c>
      <c r="Y27704">
        <v>46</v>
      </c>
      <c r="Z27704">
        <v>47</v>
      </c>
      <c r="AA27704">
        <v>48</v>
      </c>
      <c r="AB27704">
        <v>48</v>
      </c>
      <c r="AC27704">
        <v>49</v>
      </c>
      <c r="AD27704">
        <v>50</v>
      </c>
      <c r="AE27704">
        <v>51</v>
      </c>
      <c r="AF27704">
        <v>51</v>
      </c>
      <c r="AG27704">
        <v>52</v>
      </c>
      <c r="AH27704">
        <v>52</v>
      </c>
      <c r="AI27704">
        <v>52</v>
      </c>
      <c r="AJ27704">
        <v>52</v>
      </c>
      <c r="AK27704">
        <v>53</v>
      </c>
      <c r="AL27704">
        <v>53</v>
      </c>
      <c r="AM27704">
        <v>53</v>
      </c>
      <c r="AN27704">
        <v>54</v>
      </c>
      <c r="AO27704">
        <v>54</v>
      </c>
      <c r="AP27704">
        <v>54</v>
      </c>
      <c r="AQ27704">
        <v>54</v>
      </c>
    </row>
    <row r="27705" spans="1:43">
      <c r="A27705" t="s">
        <v>17147</v>
      </c>
      <c r="B27705" t="s">
        <v>17148</v>
      </c>
      <c r="C27705" t="s">
        <v>17143</v>
      </c>
      <c r="D27705" t="s">
        <v>17144</v>
      </c>
      <c r="E27705" t="s">
        <v>17115</v>
      </c>
      <c r="F27705" t="s">
        <v>17116</v>
      </c>
      <c r="G27705" t="s">
        <v>16559</v>
      </c>
      <c r="H27705" t="s">
        <v>16560</v>
      </c>
      <c r="I27705" s="2">
        <v>1</v>
      </c>
      <c r="J27705" s="2">
        <v>0</v>
      </c>
      <c r="K27705" s="2">
        <v>0</v>
      </c>
      <c r="L27705" t="s">
        <v>120</v>
      </c>
      <c r="M27705" t="s">
        <v>83</v>
      </c>
      <c r="N27705" t="s">
        <v>91</v>
      </c>
      <c r="O27705" t="s">
        <v>85</v>
      </c>
      <c r="P27705" t="s">
        <v>86</v>
      </c>
      <c r="Q27705">
        <v>38</v>
      </c>
      <c r="R27705">
        <v>39</v>
      </c>
      <c r="S27705">
        <v>40</v>
      </c>
      <c r="T27705">
        <v>41</v>
      </c>
      <c r="U27705">
        <v>41</v>
      </c>
      <c r="V27705">
        <v>42</v>
      </c>
      <c r="W27705">
        <v>43</v>
      </c>
      <c r="X27705">
        <v>44</v>
      </c>
      <c r="Y27705">
        <v>44</v>
      </c>
      <c r="Z27705">
        <v>45</v>
      </c>
      <c r="AA27705">
        <v>46</v>
      </c>
      <c r="AB27705">
        <v>46</v>
      </c>
      <c r="AC27705">
        <v>47</v>
      </c>
      <c r="AD27705">
        <v>48</v>
      </c>
      <c r="AE27705">
        <v>49</v>
      </c>
      <c r="AF27705">
        <v>49</v>
      </c>
      <c r="AG27705">
        <v>50</v>
      </c>
      <c r="AH27705">
        <v>51</v>
      </c>
      <c r="AI27705">
        <v>51</v>
      </c>
      <c r="AJ27705">
        <v>52</v>
      </c>
      <c r="AK27705">
        <v>53</v>
      </c>
      <c r="AL27705">
        <v>53</v>
      </c>
      <c r="AM27705">
        <v>54</v>
      </c>
      <c r="AN27705">
        <v>54</v>
      </c>
      <c r="AO27705">
        <v>54</v>
      </c>
      <c r="AP27705">
        <v>55</v>
      </c>
      <c r="AQ27705">
        <v>55</v>
      </c>
    </row>
    <row r="27706" spans="1:43">
      <c r="A27706" t="s">
        <v>17149</v>
      </c>
      <c r="B27706" t="s">
        <v>17150</v>
      </c>
      <c r="C27706" t="s">
        <v>17143</v>
      </c>
      <c r="D27706" t="s">
        <v>17144</v>
      </c>
      <c r="E27706" t="s">
        <v>17115</v>
      </c>
      <c r="F27706" t="s">
        <v>17116</v>
      </c>
      <c r="G27706" t="s">
        <v>16559</v>
      </c>
      <c r="H27706" t="s">
        <v>16560</v>
      </c>
      <c r="I27706" s="2">
        <v>1</v>
      </c>
      <c r="J27706" s="2">
        <v>0</v>
      </c>
      <c r="K27706" s="2">
        <v>0</v>
      </c>
      <c r="L27706" t="s">
        <v>120</v>
      </c>
      <c r="M27706" t="s">
        <v>83</v>
      </c>
      <c r="N27706" t="s">
        <v>84</v>
      </c>
      <c r="O27706" t="s">
        <v>85</v>
      </c>
      <c r="P27706" t="s">
        <v>86</v>
      </c>
      <c r="Q27706">
        <v>21</v>
      </c>
      <c r="R27706">
        <v>21</v>
      </c>
      <c r="S27706">
        <v>22</v>
      </c>
      <c r="T27706">
        <v>22</v>
      </c>
      <c r="U27706">
        <v>22</v>
      </c>
      <c r="V27706">
        <v>23</v>
      </c>
      <c r="W27706">
        <v>23</v>
      </c>
      <c r="X27706">
        <v>24</v>
      </c>
      <c r="Y27706">
        <v>24</v>
      </c>
      <c r="Z27706">
        <v>24</v>
      </c>
      <c r="AA27706">
        <v>25</v>
      </c>
      <c r="AB27706">
        <v>25</v>
      </c>
      <c r="AC27706">
        <v>26</v>
      </c>
      <c r="AD27706">
        <v>26</v>
      </c>
      <c r="AE27706">
        <v>26</v>
      </c>
      <c r="AF27706">
        <v>27</v>
      </c>
      <c r="AG27706">
        <v>27</v>
      </c>
      <c r="AH27706">
        <v>28</v>
      </c>
      <c r="AI27706">
        <v>28</v>
      </c>
      <c r="AJ27706">
        <v>28</v>
      </c>
      <c r="AK27706">
        <v>29</v>
      </c>
      <c r="AL27706">
        <v>29</v>
      </c>
      <c r="AM27706">
        <v>29</v>
      </c>
      <c r="AN27706">
        <v>29</v>
      </c>
      <c r="AO27706">
        <v>30</v>
      </c>
      <c r="AP27706">
        <v>30</v>
      </c>
      <c r="AQ27706">
        <v>30</v>
      </c>
    </row>
    <row r="27707" spans="1:43">
      <c r="A27707" t="s">
        <v>17149</v>
      </c>
      <c r="B27707" t="s">
        <v>17150</v>
      </c>
      <c r="C27707" t="s">
        <v>17143</v>
      </c>
      <c r="D27707" t="s">
        <v>17144</v>
      </c>
      <c r="E27707" t="s">
        <v>17115</v>
      </c>
      <c r="F27707" t="s">
        <v>17116</v>
      </c>
      <c r="G27707" t="s">
        <v>16559</v>
      </c>
      <c r="H27707" t="s">
        <v>16560</v>
      </c>
      <c r="I27707" s="2">
        <v>1</v>
      </c>
      <c r="J27707" s="2">
        <v>0</v>
      </c>
      <c r="K27707" s="2">
        <v>0</v>
      </c>
      <c r="L27707" t="s">
        <v>120</v>
      </c>
      <c r="M27707" t="s">
        <v>87</v>
      </c>
      <c r="N27707" t="s">
        <v>88</v>
      </c>
      <c r="O27707" t="s">
        <v>85</v>
      </c>
      <c r="P27707" t="s">
        <v>86</v>
      </c>
      <c r="Q27707">
        <v>21</v>
      </c>
      <c r="R27707">
        <v>21</v>
      </c>
      <c r="S27707">
        <v>21</v>
      </c>
      <c r="T27707">
        <v>21</v>
      </c>
      <c r="U27707">
        <v>21</v>
      </c>
      <c r="V27707">
        <v>22</v>
      </c>
      <c r="W27707">
        <v>22</v>
      </c>
      <c r="X27707">
        <v>22</v>
      </c>
      <c r="Y27707">
        <v>22</v>
      </c>
      <c r="Z27707">
        <v>22</v>
      </c>
      <c r="AA27707">
        <v>23</v>
      </c>
      <c r="AB27707">
        <v>23</v>
      </c>
      <c r="AC27707">
        <v>23</v>
      </c>
      <c r="AD27707">
        <v>23</v>
      </c>
      <c r="AE27707">
        <v>23</v>
      </c>
      <c r="AF27707">
        <v>24</v>
      </c>
      <c r="AG27707">
        <v>24</v>
      </c>
      <c r="AH27707">
        <v>24</v>
      </c>
      <c r="AI27707">
        <v>24</v>
      </c>
      <c r="AJ27707">
        <v>24</v>
      </c>
      <c r="AK27707">
        <v>25</v>
      </c>
      <c r="AL27707">
        <v>25</v>
      </c>
      <c r="AM27707">
        <v>25</v>
      </c>
      <c r="AN27707">
        <v>25</v>
      </c>
      <c r="AO27707">
        <v>25</v>
      </c>
      <c r="AP27707">
        <v>26</v>
      </c>
      <c r="AQ27707">
        <v>26</v>
      </c>
    </row>
    <row r="27708" spans="1:43">
      <c r="A27708" t="s">
        <v>17149</v>
      </c>
      <c r="B27708" t="s">
        <v>17150</v>
      </c>
      <c r="C27708" t="s">
        <v>17143</v>
      </c>
      <c r="D27708" t="s">
        <v>17144</v>
      </c>
      <c r="E27708" t="s">
        <v>17115</v>
      </c>
      <c r="F27708" t="s">
        <v>17116</v>
      </c>
      <c r="G27708" t="s">
        <v>16559</v>
      </c>
      <c r="H27708" t="s">
        <v>16560</v>
      </c>
      <c r="I27708" s="2">
        <v>1</v>
      </c>
      <c r="J27708" s="2">
        <v>0</v>
      </c>
      <c r="K27708" s="2">
        <v>0</v>
      </c>
      <c r="L27708" t="s">
        <v>120</v>
      </c>
      <c r="M27708" t="s">
        <v>89</v>
      </c>
      <c r="N27708" t="s">
        <v>90</v>
      </c>
      <c r="O27708" t="s">
        <v>85</v>
      </c>
      <c r="P27708" t="s">
        <v>86</v>
      </c>
      <c r="Q27708">
        <v>21</v>
      </c>
      <c r="R27708">
        <v>22</v>
      </c>
      <c r="S27708">
        <v>22</v>
      </c>
      <c r="T27708">
        <v>23</v>
      </c>
      <c r="U27708">
        <v>23</v>
      </c>
      <c r="V27708">
        <v>24</v>
      </c>
      <c r="W27708">
        <v>24</v>
      </c>
      <c r="X27708">
        <v>25</v>
      </c>
      <c r="Y27708">
        <v>25</v>
      </c>
      <c r="Z27708">
        <v>26</v>
      </c>
      <c r="AA27708">
        <v>26</v>
      </c>
      <c r="AB27708">
        <v>27</v>
      </c>
      <c r="AC27708">
        <v>27</v>
      </c>
      <c r="AD27708">
        <v>28</v>
      </c>
      <c r="AE27708">
        <v>28</v>
      </c>
      <c r="AF27708">
        <v>29</v>
      </c>
      <c r="AG27708">
        <v>29</v>
      </c>
      <c r="AH27708">
        <v>29</v>
      </c>
      <c r="AI27708">
        <v>29</v>
      </c>
      <c r="AJ27708">
        <v>29</v>
      </c>
      <c r="AK27708">
        <v>29</v>
      </c>
      <c r="AL27708">
        <v>29</v>
      </c>
      <c r="AM27708">
        <v>30</v>
      </c>
      <c r="AN27708">
        <v>30</v>
      </c>
      <c r="AO27708">
        <v>30</v>
      </c>
      <c r="AP27708">
        <v>30</v>
      </c>
      <c r="AQ27708">
        <v>30</v>
      </c>
    </row>
    <row r="27709" spans="1:43">
      <c r="A27709" t="s">
        <v>17149</v>
      </c>
      <c r="B27709" t="s">
        <v>17150</v>
      </c>
      <c r="C27709" t="s">
        <v>17143</v>
      </c>
      <c r="D27709" t="s">
        <v>17144</v>
      </c>
      <c r="E27709" t="s">
        <v>17115</v>
      </c>
      <c r="F27709" t="s">
        <v>17116</v>
      </c>
      <c r="G27709" t="s">
        <v>16559</v>
      </c>
      <c r="H27709" t="s">
        <v>16560</v>
      </c>
      <c r="I27709" s="2">
        <v>1</v>
      </c>
      <c r="J27709" s="2">
        <v>0</v>
      </c>
      <c r="K27709" s="2">
        <v>0</v>
      </c>
      <c r="L27709" t="s">
        <v>120</v>
      </c>
      <c r="M27709" t="s">
        <v>83</v>
      </c>
      <c r="N27709" t="s">
        <v>91</v>
      </c>
      <c r="O27709" t="s">
        <v>85</v>
      </c>
      <c r="P27709" t="s">
        <v>86</v>
      </c>
      <c r="Q27709">
        <v>21</v>
      </c>
      <c r="R27709">
        <v>21</v>
      </c>
      <c r="S27709">
        <v>22</v>
      </c>
      <c r="T27709">
        <v>22</v>
      </c>
      <c r="U27709">
        <v>22</v>
      </c>
      <c r="V27709">
        <v>23</v>
      </c>
      <c r="W27709">
        <v>23</v>
      </c>
      <c r="X27709">
        <v>24</v>
      </c>
      <c r="Y27709">
        <v>24</v>
      </c>
      <c r="Z27709">
        <v>24</v>
      </c>
      <c r="AA27709">
        <v>25</v>
      </c>
      <c r="AB27709">
        <v>25</v>
      </c>
      <c r="AC27709">
        <v>26</v>
      </c>
      <c r="AD27709">
        <v>26</v>
      </c>
      <c r="AE27709">
        <v>26</v>
      </c>
      <c r="AF27709">
        <v>27</v>
      </c>
      <c r="AG27709">
        <v>27</v>
      </c>
      <c r="AH27709">
        <v>28</v>
      </c>
      <c r="AI27709">
        <v>28</v>
      </c>
      <c r="AJ27709">
        <v>28</v>
      </c>
      <c r="AK27709">
        <v>29</v>
      </c>
      <c r="AL27709">
        <v>29</v>
      </c>
      <c r="AM27709">
        <v>29</v>
      </c>
      <c r="AN27709">
        <v>29</v>
      </c>
      <c r="AO27709">
        <v>30</v>
      </c>
      <c r="AP27709">
        <v>30</v>
      </c>
      <c r="AQ27709">
        <v>30</v>
      </c>
    </row>
    <row r="27710" spans="1:43">
      <c r="A27710" t="s">
        <v>17151</v>
      </c>
      <c r="B27710" t="s">
        <v>17152</v>
      </c>
      <c r="C27710" t="s">
        <v>17143</v>
      </c>
      <c r="D27710" t="s">
        <v>17144</v>
      </c>
      <c r="E27710" t="s">
        <v>17115</v>
      </c>
      <c r="F27710" t="s">
        <v>17116</v>
      </c>
      <c r="G27710" t="s">
        <v>16559</v>
      </c>
      <c r="H27710" t="s">
        <v>16560</v>
      </c>
      <c r="I27710" s="2">
        <v>1</v>
      </c>
      <c r="J27710" s="2">
        <v>0</v>
      </c>
      <c r="K27710" s="2">
        <v>0</v>
      </c>
      <c r="L27710" t="s">
        <v>120</v>
      </c>
      <c r="M27710" t="s">
        <v>83</v>
      </c>
      <c r="N27710" t="s">
        <v>84</v>
      </c>
      <c r="O27710" t="s">
        <v>85</v>
      </c>
      <c r="P27710" t="s">
        <v>86</v>
      </c>
      <c r="Q27710">
        <v>36</v>
      </c>
      <c r="R27710">
        <v>36</v>
      </c>
      <c r="S27710">
        <v>37</v>
      </c>
      <c r="T27710">
        <v>38</v>
      </c>
      <c r="U27710">
        <v>39</v>
      </c>
      <c r="V27710">
        <v>39</v>
      </c>
      <c r="W27710">
        <v>40</v>
      </c>
      <c r="X27710">
        <v>41</v>
      </c>
      <c r="Y27710">
        <v>41</v>
      </c>
      <c r="Z27710">
        <v>42</v>
      </c>
      <c r="AA27710">
        <v>43</v>
      </c>
      <c r="AB27710">
        <v>43</v>
      </c>
      <c r="AC27710">
        <v>44</v>
      </c>
      <c r="AD27710">
        <v>45</v>
      </c>
      <c r="AE27710">
        <v>45</v>
      </c>
      <c r="AF27710">
        <v>46</v>
      </c>
      <c r="AG27710">
        <v>47</v>
      </c>
      <c r="AH27710">
        <v>48</v>
      </c>
      <c r="AI27710">
        <v>48</v>
      </c>
      <c r="AJ27710">
        <v>49</v>
      </c>
      <c r="AK27710">
        <v>50</v>
      </c>
      <c r="AL27710">
        <v>50</v>
      </c>
      <c r="AM27710">
        <v>50</v>
      </c>
      <c r="AN27710">
        <v>51</v>
      </c>
      <c r="AO27710">
        <v>51</v>
      </c>
      <c r="AP27710">
        <v>51</v>
      </c>
      <c r="AQ27710">
        <v>51</v>
      </c>
    </row>
    <row r="27711" spans="1:43">
      <c r="A27711" t="s">
        <v>17151</v>
      </c>
      <c r="B27711" t="s">
        <v>17152</v>
      </c>
      <c r="C27711" t="s">
        <v>17143</v>
      </c>
      <c r="D27711" t="s">
        <v>17144</v>
      </c>
      <c r="E27711" t="s">
        <v>17115</v>
      </c>
      <c r="F27711" t="s">
        <v>17116</v>
      </c>
      <c r="G27711" t="s">
        <v>16559</v>
      </c>
      <c r="H27711" t="s">
        <v>16560</v>
      </c>
      <c r="I27711" s="2">
        <v>1</v>
      </c>
      <c r="J27711" s="2">
        <v>0</v>
      </c>
      <c r="K27711" s="2">
        <v>0</v>
      </c>
      <c r="L27711" t="s">
        <v>120</v>
      </c>
      <c r="M27711" t="s">
        <v>87</v>
      </c>
      <c r="N27711" t="s">
        <v>88</v>
      </c>
      <c r="O27711" t="s">
        <v>85</v>
      </c>
      <c r="P27711" t="s">
        <v>86</v>
      </c>
      <c r="Q27711">
        <v>36</v>
      </c>
      <c r="R27711">
        <v>37</v>
      </c>
      <c r="S27711">
        <v>37</v>
      </c>
      <c r="T27711">
        <v>37</v>
      </c>
      <c r="U27711">
        <v>38</v>
      </c>
      <c r="V27711">
        <v>38</v>
      </c>
      <c r="W27711">
        <v>39</v>
      </c>
      <c r="X27711">
        <v>39</v>
      </c>
      <c r="Y27711">
        <v>39</v>
      </c>
      <c r="Z27711">
        <v>40</v>
      </c>
      <c r="AA27711">
        <v>40</v>
      </c>
      <c r="AB27711">
        <v>40</v>
      </c>
      <c r="AC27711">
        <v>41</v>
      </c>
      <c r="AD27711">
        <v>41</v>
      </c>
      <c r="AE27711">
        <v>41</v>
      </c>
      <c r="AF27711">
        <v>42</v>
      </c>
      <c r="AG27711">
        <v>42</v>
      </c>
      <c r="AH27711">
        <v>42</v>
      </c>
      <c r="AI27711">
        <v>43</v>
      </c>
      <c r="AJ27711">
        <v>43</v>
      </c>
      <c r="AK27711">
        <v>43</v>
      </c>
      <c r="AL27711">
        <v>44</v>
      </c>
      <c r="AM27711">
        <v>44</v>
      </c>
      <c r="AN27711">
        <v>44</v>
      </c>
      <c r="AO27711">
        <v>45</v>
      </c>
      <c r="AP27711">
        <v>45</v>
      </c>
      <c r="AQ27711">
        <v>46</v>
      </c>
    </row>
    <row r="27712" spans="1:43">
      <c r="A27712" t="s">
        <v>17151</v>
      </c>
      <c r="B27712" t="s">
        <v>17152</v>
      </c>
      <c r="C27712" t="s">
        <v>17143</v>
      </c>
      <c r="D27712" t="s">
        <v>17144</v>
      </c>
      <c r="E27712" t="s">
        <v>17115</v>
      </c>
      <c r="F27712" t="s">
        <v>17116</v>
      </c>
      <c r="G27712" t="s">
        <v>16559</v>
      </c>
      <c r="H27712" t="s">
        <v>16560</v>
      </c>
      <c r="I27712" s="2">
        <v>1</v>
      </c>
      <c r="J27712" s="2">
        <v>0</v>
      </c>
      <c r="K27712" s="2">
        <v>0</v>
      </c>
      <c r="L27712" t="s">
        <v>120</v>
      </c>
      <c r="M27712" t="s">
        <v>89</v>
      </c>
      <c r="N27712" t="s">
        <v>90</v>
      </c>
      <c r="O27712" t="s">
        <v>85</v>
      </c>
      <c r="P27712" t="s">
        <v>86</v>
      </c>
      <c r="Q27712">
        <v>36</v>
      </c>
      <c r="R27712">
        <v>37</v>
      </c>
      <c r="S27712">
        <v>38</v>
      </c>
      <c r="T27712">
        <v>39</v>
      </c>
      <c r="U27712">
        <v>40</v>
      </c>
      <c r="V27712">
        <v>41</v>
      </c>
      <c r="W27712">
        <v>42</v>
      </c>
      <c r="X27712">
        <v>43</v>
      </c>
      <c r="Y27712">
        <v>44</v>
      </c>
      <c r="Z27712">
        <v>45</v>
      </c>
      <c r="AA27712">
        <v>45</v>
      </c>
      <c r="AB27712">
        <v>46</v>
      </c>
      <c r="AC27712">
        <v>47</v>
      </c>
      <c r="AD27712">
        <v>48</v>
      </c>
      <c r="AE27712">
        <v>49</v>
      </c>
      <c r="AF27712">
        <v>49</v>
      </c>
      <c r="AG27712">
        <v>49</v>
      </c>
      <c r="AH27712">
        <v>50</v>
      </c>
      <c r="AI27712">
        <v>50</v>
      </c>
      <c r="AJ27712">
        <v>50</v>
      </c>
      <c r="AK27712">
        <v>50</v>
      </c>
      <c r="AL27712">
        <v>51</v>
      </c>
      <c r="AM27712">
        <v>51</v>
      </c>
      <c r="AN27712">
        <v>51</v>
      </c>
      <c r="AO27712">
        <v>51</v>
      </c>
      <c r="AP27712">
        <v>52</v>
      </c>
      <c r="AQ27712">
        <v>52</v>
      </c>
    </row>
    <row r="27713" spans="1:43">
      <c r="A27713" t="s">
        <v>17151</v>
      </c>
      <c r="B27713" t="s">
        <v>17152</v>
      </c>
      <c r="C27713" t="s">
        <v>17143</v>
      </c>
      <c r="D27713" t="s">
        <v>17144</v>
      </c>
      <c r="E27713" t="s">
        <v>17115</v>
      </c>
      <c r="F27713" t="s">
        <v>17116</v>
      </c>
      <c r="G27713" t="s">
        <v>16559</v>
      </c>
      <c r="H27713" t="s">
        <v>16560</v>
      </c>
      <c r="I27713" s="2">
        <v>1</v>
      </c>
      <c r="J27713" s="2">
        <v>0</v>
      </c>
      <c r="K27713" s="2">
        <v>0</v>
      </c>
      <c r="L27713" t="s">
        <v>120</v>
      </c>
      <c r="M27713" t="s">
        <v>83</v>
      </c>
      <c r="N27713" t="s">
        <v>91</v>
      </c>
      <c r="O27713" t="s">
        <v>85</v>
      </c>
      <c r="P27713" t="s">
        <v>86</v>
      </c>
      <c r="Q27713">
        <v>36</v>
      </c>
      <c r="R27713">
        <v>36</v>
      </c>
      <c r="S27713">
        <v>37</v>
      </c>
      <c r="T27713">
        <v>38</v>
      </c>
      <c r="U27713">
        <v>39</v>
      </c>
      <c r="V27713">
        <v>39</v>
      </c>
      <c r="W27713">
        <v>40</v>
      </c>
      <c r="X27713">
        <v>41</v>
      </c>
      <c r="Y27713">
        <v>41</v>
      </c>
      <c r="Z27713">
        <v>42</v>
      </c>
      <c r="AA27713">
        <v>43</v>
      </c>
      <c r="AB27713">
        <v>43</v>
      </c>
      <c r="AC27713">
        <v>44</v>
      </c>
      <c r="AD27713">
        <v>45</v>
      </c>
      <c r="AE27713">
        <v>45</v>
      </c>
      <c r="AF27713">
        <v>46</v>
      </c>
      <c r="AG27713">
        <v>47</v>
      </c>
      <c r="AH27713">
        <v>48</v>
      </c>
      <c r="AI27713">
        <v>48</v>
      </c>
      <c r="AJ27713">
        <v>49</v>
      </c>
      <c r="AK27713">
        <v>50</v>
      </c>
      <c r="AL27713">
        <v>50</v>
      </c>
      <c r="AM27713">
        <v>50</v>
      </c>
      <c r="AN27713">
        <v>51</v>
      </c>
      <c r="AO27713">
        <v>51</v>
      </c>
      <c r="AP27713">
        <v>51</v>
      </c>
      <c r="AQ27713">
        <v>51</v>
      </c>
    </row>
    <row r="27714" spans="1:43">
      <c r="A27714" t="s">
        <v>17153</v>
      </c>
      <c r="B27714" t="s">
        <v>17154</v>
      </c>
      <c r="C27714" t="s">
        <v>17155</v>
      </c>
      <c r="D27714" t="s">
        <v>17156</v>
      </c>
      <c r="E27714" t="s">
        <v>17115</v>
      </c>
      <c r="F27714" t="s">
        <v>17116</v>
      </c>
      <c r="G27714" t="s">
        <v>16559</v>
      </c>
      <c r="H27714" t="s">
        <v>16560</v>
      </c>
      <c r="I27714" s="2">
        <v>1</v>
      </c>
      <c r="J27714" s="2">
        <v>0</v>
      </c>
      <c r="K27714" s="2">
        <v>0</v>
      </c>
      <c r="L27714" t="s">
        <v>120</v>
      </c>
      <c r="M27714" t="s">
        <v>83</v>
      </c>
      <c r="N27714" t="s">
        <v>84</v>
      </c>
      <c r="O27714" t="s">
        <v>85</v>
      </c>
      <c r="P27714" t="s">
        <v>86</v>
      </c>
      <c r="Q27714">
        <v>9</v>
      </c>
      <c r="R27714">
        <v>9</v>
      </c>
      <c r="S27714">
        <v>9</v>
      </c>
      <c r="T27714">
        <v>9</v>
      </c>
      <c r="U27714">
        <v>9</v>
      </c>
      <c r="V27714">
        <v>10</v>
      </c>
      <c r="W27714">
        <v>10</v>
      </c>
      <c r="X27714">
        <v>10</v>
      </c>
      <c r="Y27714">
        <v>10</v>
      </c>
      <c r="Z27714">
        <v>10</v>
      </c>
      <c r="AA27714">
        <v>10</v>
      </c>
      <c r="AB27714">
        <v>11</v>
      </c>
      <c r="AC27714">
        <v>11</v>
      </c>
      <c r="AD27714">
        <v>11</v>
      </c>
      <c r="AE27714">
        <v>11</v>
      </c>
      <c r="AF27714">
        <v>11</v>
      </c>
      <c r="AG27714">
        <v>12</v>
      </c>
      <c r="AH27714">
        <v>12</v>
      </c>
      <c r="AI27714">
        <v>12</v>
      </c>
      <c r="AJ27714">
        <v>12</v>
      </c>
      <c r="AK27714">
        <v>12</v>
      </c>
      <c r="AL27714">
        <v>12</v>
      </c>
      <c r="AM27714">
        <v>12</v>
      </c>
      <c r="AN27714">
        <v>12</v>
      </c>
      <c r="AO27714">
        <v>13</v>
      </c>
      <c r="AP27714">
        <v>13</v>
      </c>
      <c r="AQ27714">
        <v>13</v>
      </c>
    </row>
    <row r="27715" spans="1:43">
      <c r="A27715" t="s">
        <v>17153</v>
      </c>
      <c r="B27715" t="s">
        <v>17154</v>
      </c>
      <c r="C27715" t="s">
        <v>17155</v>
      </c>
      <c r="D27715" t="s">
        <v>17156</v>
      </c>
      <c r="E27715" t="s">
        <v>17115</v>
      </c>
      <c r="F27715" t="s">
        <v>17116</v>
      </c>
      <c r="G27715" t="s">
        <v>16559</v>
      </c>
      <c r="H27715" t="s">
        <v>16560</v>
      </c>
      <c r="I27715" s="2">
        <v>1</v>
      </c>
      <c r="J27715" s="2">
        <v>0</v>
      </c>
      <c r="K27715" s="2">
        <v>0</v>
      </c>
      <c r="L27715" t="s">
        <v>120</v>
      </c>
      <c r="M27715" t="s">
        <v>87</v>
      </c>
      <c r="N27715" t="s">
        <v>88</v>
      </c>
      <c r="O27715" t="s">
        <v>85</v>
      </c>
      <c r="P27715" t="s">
        <v>86</v>
      </c>
      <c r="Q27715">
        <v>9</v>
      </c>
      <c r="R27715">
        <v>9</v>
      </c>
      <c r="S27715">
        <v>9</v>
      </c>
      <c r="T27715">
        <v>9</v>
      </c>
      <c r="U27715">
        <v>9</v>
      </c>
      <c r="V27715">
        <v>9</v>
      </c>
      <c r="W27715">
        <v>9</v>
      </c>
      <c r="X27715">
        <v>9</v>
      </c>
      <c r="Y27715">
        <v>9</v>
      </c>
      <c r="Z27715">
        <v>9</v>
      </c>
      <c r="AA27715">
        <v>10</v>
      </c>
      <c r="AB27715">
        <v>10</v>
      </c>
      <c r="AC27715">
        <v>10</v>
      </c>
      <c r="AD27715">
        <v>10</v>
      </c>
      <c r="AE27715">
        <v>10</v>
      </c>
      <c r="AF27715">
        <v>10</v>
      </c>
      <c r="AG27715">
        <v>10</v>
      </c>
      <c r="AH27715">
        <v>10</v>
      </c>
      <c r="AI27715">
        <v>10</v>
      </c>
      <c r="AJ27715">
        <v>10</v>
      </c>
      <c r="AK27715">
        <v>10</v>
      </c>
      <c r="AL27715">
        <v>11</v>
      </c>
      <c r="AM27715">
        <v>11</v>
      </c>
      <c r="AN27715">
        <v>11</v>
      </c>
      <c r="AO27715">
        <v>11</v>
      </c>
      <c r="AP27715">
        <v>11</v>
      </c>
      <c r="AQ27715">
        <v>11</v>
      </c>
    </row>
    <row r="27716" spans="1:43">
      <c r="A27716" t="s">
        <v>17153</v>
      </c>
      <c r="B27716" t="s">
        <v>17154</v>
      </c>
      <c r="C27716" t="s">
        <v>17155</v>
      </c>
      <c r="D27716" t="s">
        <v>17156</v>
      </c>
      <c r="E27716" t="s">
        <v>17115</v>
      </c>
      <c r="F27716" t="s">
        <v>17116</v>
      </c>
      <c r="G27716" t="s">
        <v>16559</v>
      </c>
      <c r="H27716" t="s">
        <v>16560</v>
      </c>
      <c r="I27716" s="2">
        <v>1</v>
      </c>
      <c r="J27716" s="2">
        <v>0</v>
      </c>
      <c r="K27716" s="2">
        <v>0</v>
      </c>
      <c r="L27716" t="s">
        <v>120</v>
      </c>
      <c r="M27716" t="s">
        <v>89</v>
      </c>
      <c r="N27716" t="s">
        <v>90</v>
      </c>
      <c r="O27716" t="s">
        <v>85</v>
      </c>
      <c r="P27716" t="s">
        <v>86</v>
      </c>
      <c r="Q27716">
        <v>9</v>
      </c>
      <c r="R27716">
        <v>9</v>
      </c>
      <c r="S27716">
        <v>9</v>
      </c>
      <c r="T27716">
        <v>10</v>
      </c>
      <c r="U27716">
        <v>10</v>
      </c>
      <c r="V27716">
        <v>10</v>
      </c>
      <c r="W27716">
        <v>10</v>
      </c>
      <c r="X27716">
        <v>11</v>
      </c>
      <c r="Y27716">
        <v>11</v>
      </c>
      <c r="Z27716">
        <v>11</v>
      </c>
      <c r="AA27716">
        <v>11</v>
      </c>
      <c r="AB27716">
        <v>11</v>
      </c>
      <c r="AC27716">
        <v>12</v>
      </c>
      <c r="AD27716">
        <v>12</v>
      </c>
      <c r="AE27716">
        <v>12</v>
      </c>
      <c r="AF27716">
        <v>12</v>
      </c>
      <c r="AG27716">
        <v>12</v>
      </c>
      <c r="AH27716">
        <v>12</v>
      </c>
      <c r="AI27716">
        <v>12</v>
      </c>
      <c r="AJ27716">
        <v>12</v>
      </c>
      <c r="AK27716">
        <v>12</v>
      </c>
      <c r="AL27716">
        <v>12</v>
      </c>
      <c r="AM27716">
        <v>13</v>
      </c>
      <c r="AN27716">
        <v>13</v>
      </c>
      <c r="AO27716">
        <v>13</v>
      </c>
      <c r="AP27716">
        <v>13</v>
      </c>
      <c r="AQ27716">
        <v>13</v>
      </c>
    </row>
    <row r="27717" spans="1:43">
      <c r="A27717" t="s">
        <v>17153</v>
      </c>
      <c r="B27717" t="s">
        <v>17154</v>
      </c>
      <c r="C27717" t="s">
        <v>17155</v>
      </c>
      <c r="D27717" t="s">
        <v>17156</v>
      </c>
      <c r="E27717" t="s">
        <v>17115</v>
      </c>
      <c r="F27717" t="s">
        <v>17116</v>
      </c>
      <c r="G27717" t="s">
        <v>16559</v>
      </c>
      <c r="H27717" t="s">
        <v>16560</v>
      </c>
      <c r="I27717" s="2">
        <v>1</v>
      </c>
      <c r="J27717" s="2">
        <v>0</v>
      </c>
      <c r="K27717" s="2">
        <v>0</v>
      </c>
      <c r="L27717" t="s">
        <v>120</v>
      </c>
      <c r="M27717" t="s">
        <v>83</v>
      </c>
      <c r="N27717" t="s">
        <v>91</v>
      </c>
      <c r="O27717" t="s">
        <v>85</v>
      </c>
      <c r="P27717" t="s">
        <v>86</v>
      </c>
      <c r="Q27717">
        <v>9</v>
      </c>
      <c r="R27717">
        <v>9</v>
      </c>
      <c r="S27717">
        <v>9</v>
      </c>
      <c r="T27717">
        <v>9</v>
      </c>
      <c r="U27717">
        <v>9</v>
      </c>
      <c r="V27717">
        <v>10</v>
      </c>
      <c r="W27717">
        <v>10</v>
      </c>
      <c r="X27717">
        <v>10</v>
      </c>
      <c r="Y27717">
        <v>10</v>
      </c>
      <c r="Z27717">
        <v>10</v>
      </c>
      <c r="AA27717">
        <v>10</v>
      </c>
      <c r="AB27717">
        <v>11</v>
      </c>
      <c r="AC27717">
        <v>11</v>
      </c>
      <c r="AD27717">
        <v>11</v>
      </c>
      <c r="AE27717">
        <v>11</v>
      </c>
      <c r="AF27717">
        <v>11</v>
      </c>
      <c r="AG27717">
        <v>12</v>
      </c>
      <c r="AH27717">
        <v>12</v>
      </c>
      <c r="AI27717">
        <v>12</v>
      </c>
      <c r="AJ27717">
        <v>12</v>
      </c>
      <c r="AK27717">
        <v>12</v>
      </c>
      <c r="AL27717">
        <v>12</v>
      </c>
      <c r="AM27717">
        <v>12</v>
      </c>
      <c r="AN27717">
        <v>12</v>
      </c>
      <c r="AO27717">
        <v>13</v>
      </c>
      <c r="AP27717">
        <v>13</v>
      </c>
      <c r="AQ27717">
        <v>13</v>
      </c>
    </row>
    <row r="27718" spans="1:43">
      <c r="A27718" t="s">
        <v>17157</v>
      </c>
      <c r="B27718" t="s">
        <v>17158</v>
      </c>
      <c r="C27718" t="s">
        <v>17155</v>
      </c>
      <c r="D27718" t="s">
        <v>17156</v>
      </c>
      <c r="E27718" t="s">
        <v>17115</v>
      </c>
      <c r="F27718" t="s">
        <v>17116</v>
      </c>
      <c r="G27718" t="s">
        <v>16559</v>
      </c>
      <c r="H27718" t="s">
        <v>16560</v>
      </c>
      <c r="I27718" s="2">
        <v>1</v>
      </c>
      <c r="J27718" s="2">
        <v>0</v>
      </c>
      <c r="K27718" s="2">
        <v>0</v>
      </c>
      <c r="L27718" t="s">
        <v>120</v>
      </c>
      <c r="M27718" t="s">
        <v>83</v>
      </c>
      <c r="N27718" t="s">
        <v>84</v>
      </c>
      <c r="O27718" t="s">
        <v>85</v>
      </c>
      <c r="P27718" t="s">
        <v>86</v>
      </c>
      <c r="Q27718">
        <v>33</v>
      </c>
      <c r="R27718">
        <v>33</v>
      </c>
      <c r="S27718">
        <v>34</v>
      </c>
      <c r="T27718">
        <v>35</v>
      </c>
      <c r="U27718">
        <v>35</v>
      </c>
      <c r="V27718">
        <v>36</v>
      </c>
      <c r="W27718">
        <v>36</v>
      </c>
      <c r="X27718">
        <v>37</v>
      </c>
      <c r="Y27718">
        <v>38</v>
      </c>
      <c r="Z27718">
        <v>38</v>
      </c>
      <c r="AA27718">
        <v>39</v>
      </c>
      <c r="AB27718">
        <v>40</v>
      </c>
      <c r="AC27718">
        <v>40</v>
      </c>
      <c r="AD27718">
        <v>41</v>
      </c>
      <c r="AE27718">
        <v>42</v>
      </c>
      <c r="AF27718">
        <v>42</v>
      </c>
      <c r="AG27718">
        <v>43</v>
      </c>
      <c r="AH27718">
        <v>44</v>
      </c>
      <c r="AI27718">
        <v>44</v>
      </c>
      <c r="AJ27718">
        <v>45</v>
      </c>
      <c r="AK27718">
        <v>46</v>
      </c>
      <c r="AL27718">
        <v>46</v>
      </c>
      <c r="AM27718">
        <v>46</v>
      </c>
      <c r="AN27718">
        <v>46</v>
      </c>
      <c r="AO27718">
        <v>47</v>
      </c>
      <c r="AP27718">
        <v>47</v>
      </c>
      <c r="AQ27718">
        <v>47</v>
      </c>
    </row>
    <row r="27719" spans="1:43">
      <c r="A27719" t="s">
        <v>17157</v>
      </c>
      <c r="B27719" t="s">
        <v>17158</v>
      </c>
      <c r="C27719" t="s">
        <v>17155</v>
      </c>
      <c r="D27719" t="s">
        <v>17156</v>
      </c>
      <c r="E27719" t="s">
        <v>17115</v>
      </c>
      <c r="F27719" t="s">
        <v>17116</v>
      </c>
      <c r="G27719" t="s">
        <v>16559</v>
      </c>
      <c r="H27719" t="s">
        <v>16560</v>
      </c>
      <c r="I27719" s="2">
        <v>1</v>
      </c>
      <c r="J27719" s="2">
        <v>0</v>
      </c>
      <c r="K27719" s="2">
        <v>0</v>
      </c>
      <c r="L27719" t="s">
        <v>120</v>
      </c>
      <c r="M27719" t="s">
        <v>87</v>
      </c>
      <c r="N27719" t="s">
        <v>88</v>
      </c>
      <c r="O27719" t="s">
        <v>85</v>
      </c>
      <c r="P27719" t="s">
        <v>86</v>
      </c>
      <c r="Q27719">
        <v>33</v>
      </c>
      <c r="R27719">
        <v>34</v>
      </c>
      <c r="S27719">
        <v>34</v>
      </c>
      <c r="T27719">
        <v>34</v>
      </c>
      <c r="U27719">
        <v>35</v>
      </c>
      <c r="V27719">
        <v>35</v>
      </c>
      <c r="W27719">
        <v>35</v>
      </c>
      <c r="X27719">
        <v>36</v>
      </c>
      <c r="Y27719">
        <v>36</v>
      </c>
      <c r="Z27719">
        <v>36</v>
      </c>
      <c r="AA27719">
        <v>37</v>
      </c>
      <c r="AB27719">
        <v>37</v>
      </c>
      <c r="AC27719">
        <v>37</v>
      </c>
      <c r="AD27719">
        <v>38</v>
      </c>
      <c r="AE27719">
        <v>38</v>
      </c>
      <c r="AF27719">
        <v>38</v>
      </c>
      <c r="AG27719">
        <v>38</v>
      </c>
      <c r="AH27719">
        <v>39</v>
      </c>
      <c r="AI27719">
        <v>39</v>
      </c>
      <c r="AJ27719">
        <v>39</v>
      </c>
      <c r="AK27719">
        <v>40</v>
      </c>
      <c r="AL27719">
        <v>40</v>
      </c>
      <c r="AM27719">
        <v>40</v>
      </c>
      <c r="AN27719">
        <v>41</v>
      </c>
      <c r="AO27719">
        <v>41</v>
      </c>
      <c r="AP27719">
        <v>41</v>
      </c>
      <c r="AQ27719">
        <v>42</v>
      </c>
    </row>
    <row r="27720" spans="1:43">
      <c r="A27720" t="s">
        <v>17157</v>
      </c>
      <c r="B27720" t="s">
        <v>17158</v>
      </c>
      <c r="C27720" t="s">
        <v>17155</v>
      </c>
      <c r="D27720" t="s">
        <v>17156</v>
      </c>
      <c r="E27720" t="s">
        <v>17115</v>
      </c>
      <c r="F27720" t="s">
        <v>17116</v>
      </c>
      <c r="G27720" t="s">
        <v>16559</v>
      </c>
      <c r="H27720" t="s">
        <v>16560</v>
      </c>
      <c r="I27720" s="2">
        <v>1</v>
      </c>
      <c r="J27720" s="2">
        <v>0</v>
      </c>
      <c r="K27720" s="2">
        <v>0</v>
      </c>
      <c r="L27720" t="s">
        <v>120</v>
      </c>
      <c r="M27720" t="s">
        <v>89</v>
      </c>
      <c r="N27720" t="s">
        <v>90</v>
      </c>
      <c r="O27720" t="s">
        <v>85</v>
      </c>
      <c r="P27720" t="s">
        <v>86</v>
      </c>
      <c r="Q27720">
        <v>33</v>
      </c>
      <c r="R27720">
        <v>34</v>
      </c>
      <c r="S27720">
        <v>35</v>
      </c>
      <c r="T27720">
        <v>36</v>
      </c>
      <c r="U27720">
        <v>37</v>
      </c>
      <c r="V27720">
        <v>37</v>
      </c>
      <c r="W27720">
        <v>38</v>
      </c>
      <c r="X27720">
        <v>39</v>
      </c>
      <c r="Y27720">
        <v>40</v>
      </c>
      <c r="Z27720">
        <v>41</v>
      </c>
      <c r="AA27720">
        <v>42</v>
      </c>
      <c r="AB27720">
        <v>42</v>
      </c>
      <c r="AC27720">
        <v>43</v>
      </c>
      <c r="AD27720">
        <v>44</v>
      </c>
      <c r="AE27720">
        <v>45</v>
      </c>
      <c r="AF27720">
        <v>45</v>
      </c>
      <c r="AG27720">
        <v>45</v>
      </c>
      <c r="AH27720">
        <v>45</v>
      </c>
      <c r="AI27720">
        <v>46</v>
      </c>
      <c r="AJ27720">
        <v>46</v>
      </c>
      <c r="AK27720">
        <v>46</v>
      </c>
      <c r="AL27720">
        <v>46</v>
      </c>
      <c r="AM27720">
        <v>47</v>
      </c>
      <c r="AN27720">
        <v>47</v>
      </c>
      <c r="AO27720">
        <v>47</v>
      </c>
      <c r="AP27720">
        <v>47</v>
      </c>
      <c r="AQ27720">
        <v>48</v>
      </c>
    </row>
    <row r="27721" spans="1:43">
      <c r="A27721" t="s">
        <v>17157</v>
      </c>
      <c r="B27721" t="s">
        <v>17158</v>
      </c>
      <c r="C27721" t="s">
        <v>17155</v>
      </c>
      <c r="D27721" t="s">
        <v>17156</v>
      </c>
      <c r="E27721" t="s">
        <v>17115</v>
      </c>
      <c r="F27721" t="s">
        <v>17116</v>
      </c>
      <c r="G27721" t="s">
        <v>16559</v>
      </c>
      <c r="H27721" t="s">
        <v>16560</v>
      </c>
      <c r="I27721" s="2">
        <v>1</v>
      </c>
      <c r="J27721" s="2">
        <v>0</v>
      </c>
      <c r="K27721" s="2">
        <v>0</v>
      </c>
      <c r="L27721" t="s">
        <v>120</v>
      </c>
      <c r="M27721" t="s">
        <v>83</v>
      </c>
      <c r="N27721" t="s">
        <v>91</v>
      </c>
      <c r="O27721" t="s">
        <v>85</v>
      </c>
      <c r="P27721" t="s">
        <v>86</v>
      </c>
      <c r="Q27721">
        <v>33</v>
      </c>
      <c r="R27721">
        <v>33</v>
      </c>
      <c r="S27721">
        <v>34</v>
      </c>
      <c r="T27721">
        <v>35</v>
      </c>
      <c r="U27721">
        <v>35</v>
      </c>
      <c r="V27721">
        <v>36</v>
      </c>
      <c r="W27721">
        <v>36</v>
      </c>
      <c r="X27721">
        <v>37</v>
      </c>
      <c r="Y27721">
        <v>38</v>
      </c>
      <c r="Z27721">
        <v>38</v>
      </c>
      <c r="AA27721">
        <v>39</v>
      </c>
      <c r="AB27721">
        <v>40</v>
      </c>
      <c r="AC27721">
        <v>40</v>
      </c>
      <c r="AD27721">
        <v>41</v>
      </c>
      <c r="AE27721">
        <v>42</v>
      </c>
      <c r="AF27721">
        <v>42</v>
      </c>
      <c r="AG27721">
        <v>43</v>
      </c>
      <c r="AH27721">
        <v>44</v>
      </c>
      <c r="AI27721">
        <v>44</v>
      </c>
      <c r="AJ27721">
        <v>45</v>
      </c>
      <c r="AK27721">
        <v>46</v>
      </c>
      <c r="AL27721">
        <v>46</v>
      </c>
      <c r="AM27721">
        <v>46</v>
      </c>
      <c r="AN27721">
        <v>46</v>
      </c>
      <c r="AO27721">
        <v>47</v>
      </c>
      <c r="AP27721">
        <v>47</v>
      </c>
      <c r="AQ27721">
        <v>47</v>
      </c>
    </row>
    <row r="27722" spans="1:43">
      <c r="A27722" t="s">
        <v>17159</v>
      </c>
      <c r="B27722" t="s">
        <v>17160</v>
      </c>
      <c r="C27722" t="s">
        <v>17155</v>
      </c>
      <c r="D27722" t="s">
        <v>17156</v>
      </c>
      <c r="E27722" t="s">
        <v>17115</v>
      </c>
      <c r="F27722" t="s">
        <v>17116</v>
      </c>
      <c r="G27722" t="s">
        <v>16559</v>
      </c>
      <c r="H27722" t="s">
        <v>16560</v>
      </c>
      <c r="I27722" s="2">
        <v>1</v>
      </c>
      <c r="J27722" s="2">
        <v>0</v>
      </c>
      <c r="K27722" s="2">
        <v>0</v>
      </c>
      <c r="L27722" t="s">
        <v>120</v>
      </c>
      <c r="M27722" t="s">
        <v>83</v>
      </c>
      <c r="N27722" t="s">
        <v>84</v>
      </c>
      <c r="O27722" t="s">
        <v>85</v>
      </c>
      <c r="P27722" t="s">
        <v>86</v>
      </c>
      <c r="Q27722">
        <v>29</v>
      </c>
      <c r="R27722">
        <v>29</v>
      </c>
      <c r="S27722">
        <v>30</v>
      </c>
      <c r="T27722">
        <v>31</v>
      </c>
      <c r="U27722">
        <v>31</v>
      </c>
      <c r="V27722">
        <v>32</v>
      </c>
      <c r="W27722">
        <v>32</v>
      </c>
      <c r="X27722">
        <v>33</v>
      </c>
      <c r="Y27722">
        <v>33</v>
      </c>
      <c r="Z27722">
        <v>34</v>
      </c>
      <c r="AA27722">
        <v>34</v>
      </c>
      <c r="AB27722">
        <v>35</v>
      </c>
      <c r="AC27722">
        <v>36</v>
      </c>
      <c r="AD27722">
        <v>36</v>
      </c>
      <c r="AE27722">
        <v>37</v>
      </c>
      <c r="AF27722">
        <v>37</v>
      </c>
      <c r="AG27722">
        <v>38</v>
      </c>
      <c r="AH27722">
        <v>38</v>
      </c>
      <c r="AI27722">
        <v>39</v>
      </c>
      <c r="AJ27722">
        <v>40</v>
      </c>
      <c r="AK27722">
        <v>40</v>
      </c>
      <c r="AL27722">
        <v>41</v>
      </c>
      <c r="AM27722">
        <v>41</v>
      </c>
      <c r="AN27722">
        <v>41</v>
      </c>
      <c r="AO27722">
        <v>41</v>
      </c>
      <c r="AP27722">
        <v>41</v>
      </c>
      <c r="AQ27722">
        <v>42</v>
      </c>
    </row>
    <row r="27723" spans="1:43">
      <c r="A27723" t="s">
        <v>17159</v>
      </c>
      <c r="B27723" t="s">
        <v>17160</v>
      </c>
      <c r="C27723" t="s">
        <v>17155</v>
      </c>
      <c r="D27723" t="s">
        <v>17156</v>
      </c>
      <c r="E27723" t="s">
        <v>17115</v>
      </c>
      <c r="F27723" t="s">
        <v>17116</v>
      </c>
      <c r="G27723" t="s">
        <v>16559</v>
      </c>
      <c r="H27723" t="s">
        <v>16560</v>
      </c>
      <c r="I27723" s="2">
        <v>1</v>
      </c>
      <c r="J27723" s="2">
        <v>0</v>
      </c>
      <c r="K27723" s="2">
        <v>0</v>
      </c>
      <c r="L27723" t="s">
        <v>120</v>
      </c>
      <c r="M27723" t="s">
        <v>87</v>
      </c>
      <c r="N27723" t="s">
        <v>88</v>
      </c>
      <c r="O27723" t="s">
        <v>85</v>
      </c>
      <c r="P27723" t="s">
        <v>86</v>
      </c>
      <c r="Q27723">
        <v>29</v>
      </c>
      <c r="R27723">
        <v>29</v>
      </c>
      <c r="S27723">
        <v>29</v>
      </c>
      <c r="T27723">
        <v>29</v>
      </c>
      <c r="U27723">
        <v>30</v>
      </c>
      <c r="V27723">
        <v>30</v>
      </c>
      <c r="W27723">
        <v>30</v>
      </c>
      <c r="X27723">
        <v>31</v>
      </c>
      <c r="Y27723">
        <v>31</v>
      </c>
      <c r="Z27723">
        <v>31</v>
      </c>
      <c r="AA27723">
        <v>31</v>
      </c>
      <c r="AB27723">
        <v>32</v>
      </c>
      <c r="AC27723">
        <v>32</v>
      </c>
      <c r="AD27723">
        <v>32</v>
      </c>
      <c r="AE27723">
        <v>33</v>
      </c>
      <c r="AF27723">
        <v>33</v>
      </c>
      <c r="AG27723">
        <v>33</v>
      </c>
      <c r="AH27723">
        <v>33</v>
      </c>
      <c r="AI27723">
        <v>34</v>
      </c>
      <c r="AJ27723">
        <v>34</v>
      </c>
      <c r="AK27723">
        <v>34</v>
      </c>
      <c r="AL27723">
        <v>35</v>
      </c>
      <c r="AM27723">
        <v>35</v>
      </c>
      <c r="AN27723">
        <v>35</v>
      </c>
      <c r="AO27723">
        <v>35</v>
      </c>
      <c r="AP27723">
        <v>36</v>
      </c>
      <c r="AQ27723">
        <v>36</v>
      </c>
    </row>
    <row r="27724" spans="1:43">
      <c r="A27724" t="s">
        <v>17159</v>
      </c>
      <c r="B27724" t="s">
        <v>17160</v>
      </c>
      <c r="C27724" t="s">
        <v>17155</v>
      </c>
      <c r="D27724" t="s">
        <v>17156</v>
      </c>
      <c r="E27724" t="s">
        <v>17115</v>
      </c>
      <c r="F27724" t="s">
        <v>17116</v>
      </c>
      <c r="G27724" t="s">
        <v>16559</v>
      </c>
      <c r="H27724" t="s">
        <v>16560</v>
      </c>
      <c r="I27724" s="2">
        <v>1</v>
      </c>
      <c r="J27724" s="2">
        <v>0</v>
      </c>
      <c r="K27724" s="2">
        <v>0</v>
      </c>
      <c r="L27724" t="s">
        <v>120</v>
      </c>
      <c r="M27724" t="s">
        <v>89</v>
      </c>
      <c r="N27724" t="s">
        <v>90</v>
      </c>
      <c r="O27724" t="s">
        <v>85</v>
      </c>
      <c r="P27724" t="s">
        <v>86</v>
      </c>
      <c r="Q27724">
        <v>29</v>
      </c>
      <c r="R27724">
        <v>30</v>
      </c>
      <c r="S27724">
        <v>31</v>
      </c>
      <c r="T27724">
        <v>32</v>
      </c>
      <c r="U27724">
        <v>32</v>
      </c>
      <c r="V27724">
        <v>33</v>
      </c>
      <c r="W27724">
        <v>34</v>
      </c>
      <c r="X27724">
        <v>35</v>
      </c>
      <c r="Y27724">
        <v>35</v>
      </c>
      <c r="Z27724">
        <v>36</v>
      </c>
      <c r="AA27724">
        <v>37</v>
      </c>
      <c r="AB27724">
        <v>37</v>
      </c>
      <c r="AC27724">
        <v>38</v>
      </c>
      <c r="AD27724">
        <v>39</v>
      </c>
      <c r="AE27724">
        <v>39</v>
      </c>
      <c r="AF27724">
        <v>40</v>
      </c>
      <c r="AG27724">
        <v>40</v>
      </c>
      <c r="AH27724">
        <v>40</v>
      </c>
      <c r="AI27724">
        <v>40</v>
      </c>
      <c r="AJ27724">
        <v>40</v>
      </c>
      <c r="AK27724">
        <v>41</v>
      </c>
      <c r="AL27724">
        <v>41</v>
      </c>
      <c r="AM27724">
        <v>41</v>
      </c>
      <c r="AN27724">
        <v>41</v>
      </c>
      <c r="AO27724">
        <v>41</v>
      </c>
      <c r="AP27724">
        <v>42</v>
      </c>
      <c r="AQ27724">
        <v>42</v>
      </c>
    </row>
    <row r="27725" spans="1:43">
      <c r="A27725" t="s">
        <v>17159</v>
      </c>
      <c r="B27725" t="s">
        <v>17160</v>
      </c>
      <c r="C27725" t="s">
        <v>17155</v>
      </c>
      <c r="D27725" t="s">
        <v>17156</v>
      </c>
      <c r="E27725" t="s">
        <v>17115</v>
      </c>
      <c r="F27725" t="s">
        <v>17116</v>
      </c>
      <c r="G27725" t="s">
        <v>16559</v>
      </c>
      <c r="H27725" t="s">
        <v>16560</v>
      </c>
      <c r="I27725" s="2">
        <v>1</v>
      </c>
      <c r="J27725" s="2">
        <v>0</v>
      </c>
      <c r="K27725" s="2">
        <v>0</v>
      </c>
      <c r="L27725" t="s">
        <v>120</v>
      </c>
      <c r="M27725" t="s">
        <v>83</v>
      </c>
      <c r="N27725" t="s">
        <v>91</v>
      </c>
      <c r="O27725" t="s">
        <v>85</v>
      </c>
      <c r="P27725" t="s">
        <v>86</v>
      </c>
      <c r="Q27725">
        <v>29</v>
      </c>
      <c r="R27725">
        <v>29</v>
      </c>
      <c r="S27725">
        <v>30</v>
      </c>
      <c r="T27725">
        <v>31</v>
      </c>
      <c r="U27725">
        <v>31</v>
      </c>
      <c r="V27725">
        <v>32</v>
      </c>
      <c r="W27725">
        <v>32</v>
      </c>
      <c r="X27725">
        <v>33</v>
      </c>
      <c r="Y27725">
        <v>33</v>
      </c>
      <c r="Z27725">
        <v>34</v>
      </c>
      <c r="AA27725">
        <v>34</v>
      </c>
      <c r="AB27725">
        <v>35</v>
      </c>
      <c r="AC27725">
        <v>36</v>
      </c>
      <c r="AD27725">
        <v>36</v>
      </c>
      <c r="AE27725">
        <v>37</v>
      </c>
      <c r="AF27725">
        <v>37</v>
      </c>
      <c r="AG27725">
        <v>38</v>
      </c>
      <c r="AH27725">
        <v>38</v>
      </c>
      <c r="AI27725">
        <v>39</v>
      </c>
      <c r="AJ27725">
        <v>40</v>
      </c>
      <c r="AK27725">
        <v>40</v>
      </c>
      <c r="AL27725">
        <v>41</v>
      </c>
      <c r="AM27725">
        <v>41</v>
      </c>
      <c r="AN27725">
        <v>41</v>
      </c>
      <c r="AO27725">
        <v>41</v>
      </c>
      <c r="AP27725">
        <v>41</v>
      </c>
      <c r="AQ27725">
        <v>42</v>
      </c>
    </row>
    <row r="27726" spans="1:43">
      <c r="A27726" t="s">
        <v>17161</v>
      </c>
      <c r="B27726" t="s">
        <v>17162</v>
      </c>
      <c r="C27726" t="s">
        <v>17155</v>
      </c>
      <c r="D27726" t="s">
        <v>17156</v>
      </c>
      <c r="E27726" t="s">
        <v>17115</v>
      </c>
      <c r="F27726" t="s">
        <v>17116</v>
      </c>
      <c r="G27726" t="s">
        <v>16559</v>
      </c>
      <c r="H27726" t="s">
        <v>16560</v>
      </c>
      <c r="I27726" s="2">
        <v>1</v>
      </c>
      <c r="J27726" s="2">
        <v>0</v>
      </c>
      <c r="K27726" s="2">
        <v>0</v>
      </c>
      <c r="L27726" t="s">
        <v>120</v>
      </c>
      <c r="M27726" t="s">
        <v>83</v>
      </c>
      <c r="N27726" t="s">
        <v>84</v>
      </c>
      <c r="O27726" t="s">
        <v>85</v>
      </c>
      <c r="P27726" t="s">
        <v>86</v>
      </c>
      <c r="Q27726">
        <v>47</v>
      </c>
      <c r="R27726">
        <v>48</v>
      </c>
      <c r="S27726">
        <v>49</v>
      </c>
      <c r="T27726">
        <v>49</v>
      </c>
      <c r="U27726">
        <v>50</v>
      </c>
      <c r="V27726">
        <v>51</v>
      </c>
      <c r="W27726">
        <v>52</v>
      </c>
      <c r="X27726">
        <v>53</v>
      </c>
      <c r="Y27726">
        <v>54</v>
      </c>
      <c r="Z27726">
        <v>55</v>
      </c>
      <c r="AA27726">
        <v>56</v>
      </c>
      <c r="AB27726">
        <v>57</v>
      </c>
      <c r="AC27726">
        <v>58</v>
      </c>
      <c r="AD27726">
        <v>59</v>
      </c>
      <c r="AE27726">
        <v>59</v>
      </c>
      <c r="AF27726">
        <v>60</v>
      </c>
      <c r="AG27726">
        <v>61</v>
      </c>
      <c r="AH27726">
        <v>62</v>
      </c>
      <c r="AI27726">
        <v>63</v>
      </c>
      <c r="AJ27726">
        <v>64</v>
      </c>
      <c r="AK27726">
        <v>65</v>
      </c>
      <c r="AL27726">
        <v>66</v>
      </c>
      <c r="AM27726">
        <v>66</v>
      </c>
      <c r="AN27726">
        <v>66</v>
      </c>
      <c r="AO27726">
        <v>67</v>
      </c>
      <c r="AP27726">
        <v>67</v>
      </c>
      <c r="AQ27726">
        <v>67</v>
      </c>
    </row>
    <row r="27727" spans="1:43">
      <c r="A27727" t="s">
        <v>17161</v>
      </c>
      <c r="B27727" t="s">
        <v>17162</v>
      </c>
      <c r="C27727" t="s">
        <v>17155</v>
      </c>
      <c r="D27727" t="s">
        <v>17156</v>
      </c>
      <c r="E27727" t="s">
        <v>17115</v>
      </c>
      <c r="F27727" t="s">
        <v>17116</v>
      </c>
      <c r="G27727" t="s">
        <v>16559</v>
      </c>
      <c r="H27727" t="s">
        <v>16560</v>
      </c>
      <c r="I27727" s="2">
        <v>1</v>
      </c>
      <c r="J27727" s="2">
        <v>0</v>
      </c>
      <c r="K27727" s="2">
        <v>0</v>
      </c>
      <c r="L27727" t="s">
        <v>120</v>
      </c>
      <c r="M27727" t="s">
        <v>87</v>
      </c>
      <c r="N27727" t="s">
        <v>88</v>
      </c>
      <c r="O27727" t="s">
        <v>85</v>
      </c>
      <c r="P27727" t="s">
        <v>86</v>
      </c>
      <c r="Q27727">
        <v>47</v>
      </c>
      <c r="R27727">
        <v>48</v>
      </c>
      <c r="S27727">
        <v>48</v>
      </c>
      <c r="T27727">
        <v>49</v>
      </c>
      <c r="U27727">
        <v>49</v>
      </c>
      <c r="V27727">
        <v>50</v>
      </c>
      <c r="W27727">
        <v>50</v>
      </c>
      <c r="X27727">
        <v>50</v>
      </c>
      <c r="Y27727">
        <v>51</v>
      </c>
      <c r="Z27727">
        <v>51</v>
      </c>
      <c r="AA27727">
        <v>52</v>
      </c>
      <c r="AB27727">
        <v>52</v>
      </c>
      <c r="AC27727">
        <v>53</v>
      </c>
      <c r="AD27727">
        <v>53</v>
      </c>
      <c r="AE27727">
        <v>54</v>
      </c>
      <c r="AF27727">
        <v>54</v>
      </c>
      <c r="AG27727">
        <v>55</v>
      </c>
      <c r="AH27727">
        <v>55</v>
      </c>
      <c r="AI27727">
        <v>55</v>
      </c>
      <c r="AJ27727">
        <v>56</v>
      </c>
      <c r="AK27727">
        <v>56</v>
      </c>
      <c r="AL27727">
        <v>57</v>
      </c>
      <c r="AM27727">
        <v>57</v>
      </c>
      <c r="AN27727">
        <v>58</v>
      </c>
      <c r="AO27727">
        <v>58</v>
      </c>
      <c r="AP27727">
        <v>59</v>
      </c>
      <c r="AQ27727">
        <v>59</v>
      </c>
    </row>
    <row r="27728" spans="1:43">
      <c r="A27728" t="s">
        <v>17161</v>
      </c>
      <c r="B27728" t="s">
        <v>17162</v>
      </c>
      <c r="C27728" t="s">
        <v>17155</v>
      </c>
      <c r="D27728" t="s">
        <v>17156</v>
      </c>
      <c r="E27728" t="s">
        <v>17115</v>
      </c>
      <c r="F27728" t="s">
        <v>17116</v>
      </c>
      <c r="G27728" t="s">
        <v>16559</v>
      </c>
      <c r="H27728" t="s">
        <v>16560</v>
      </c>
      <c r="I27728" s="2">
        <v>1</v>
      </c>
      <c r="J27728" s="2">
        <v>0</v>
      </c>
      <c r="K27728" s="2">
        <v>0</v>
      </c>
      <c r="L27728" t="s">
        <v>120</v>
      </c>
      <c r="M27728" t="s">
        <v>89</v>
      </c>
      <c r="N27728" t="s">
        <v>90</v>
      </c>
      <c r="O27728" t="s">
        <v>85</v>
      </c>
      <c r="P27728" t="s">
        <v>86</v>
      </c>
      <c r="Q27728">
        <v>47</v>
      </c>
      <c r="R27728">
        <v>49</v>
      </c>
      <c r="S27728">
        <v>50</v>
      </c>
      <c r="T27728">
        <v>51</v>
      </c>
      <c r="U27728">
        <v>52</v>
      </c>
      <c r="V27728">
        <v>54</v>
      </c>
      <c r="W27728">
        <v>55</v>
      </c>
      <c r="X27728">
        <v>56</v>
      </c>
      <c r="Y27728">
        <v>57</v>
      </c>
      <c r="Z27728">
        <v>58</v>
      </c>
      <c r="AA27728">
        <v>59</v>
      </c>
      <c r="AB27728">
        <v>61</v>
      </c>
      <c r="AC27728">
        <v>62</v>
      </c>
      <c r="AD27728">
        <v>63</v>
      </c>
      <c r="AE27728">
        <v>64</v>
      </c>
      <c r="AF27728">
        <v>64</v>
      </c>
      <c r="AG27728">
        <v>65</v>
      </c>
      <c r="AH27728">
        <v>65</v>
      </c>
      <c r="AI27728">
        <v>65</v>
      </c>
      <c r="AJ27728">
        <v>65</v>
      </c>
      <c r="AK27728">
        <v>66</v>
      </c>
      <c r="AL27728">
        <v>66</v>
      </c>
      <c r="AM27728">
        <v>66</v>
      </c>
      <c r="AN27728">
        <v>67</v>
      </c>
      <c r="AO27728">
        <v>67</v>
      </c>
      <c r="AP27728">
        <v>67</v>
      </c>
      <c r="AQ27728">
        <v>68</v>
      </c>
    </row>
    <row r="27729" spans="1:43">
      <c r="A27729" t="s">
        <v>17161</v>
      </c>
      <c r="B27729" t="s">
        <v>17162</v>
      </c>
      <c r="C27729" t="s">
        <v>17155</v>
      </c>
      <c r="D27729" t="s">
        <v>17156</v>
      </c>
      <c r="E27729" t="s">
        <v>17115</v>
      </c>
      <c r="F27729" t="s">
        <v>17116</v>
      </c>
      <c r="G27729" t="s">
        <v>16559</v>
      </c>
      <c r="H27729" t="s">
        <v>16560</v>
      </c>
      <c r="I27729" s="2">
        <v>1</v>
      </c>
      <c r="J27729" s="2">
        <v>0</v>
      </c>
      <c r="K27729" s="2">
        <v>0</v>
      </c>
      <c r="L27729" t="s">
        <v>120</v>
      </c>
      <c r="M27729" t="s">
        <v>83</v>
      </c>
      <c r="N27729" t="s">
        <v>91</v>
      </c>
      <c r="O27729" t="s">
        <v>85</v>
      </c>
      <c r="P27729" t="s">
        <v>86</v>
      </c>
      <c r="Q27729">
        <v>47</v>
      </c>
      <c r="R27729">
        <v>48</v>
      </c>
      <c r="S27729">
        <v>49</v>
      </c>
      <c r="T27729">
        <v>49</v>
      </c>
      <c r="U27729">
        <v>50</v>
      </c>
      <c r="V27729">
        <v>51</v>
      </c>
      <c r="W27729">
        <v>52</v>
      </c>
      <c r="X27729">
        <v>53</v>
      </c>
      <c r="Y27729">
        <v>54</v>
      </c>
      <c r="Z27729">
        <v>55</v>
      </c>
      <c r="AA27729">
        <v>56</v>
      </c>
      <c r="AB27729">
        <v>57</v>
      </c>
      <c r="AC27729">
        <v>58</v>
      </c>
      <c r="AD27729">
        <v>59</v>
      </c>
      <c r="AE27729">
        <v>59</v>
      </c>
      <c r="AF27729">
        <v>60</v>
      </c>
      <c r="AG27729">
        <v>61</v>
      </c>
      <c r="AH27729">
        <v>62</v>
      </c>
      <c r="AI27729">
        <v>63</v>
      </c>
      <c r="AJ27729">
        <v>64</v>
      </c>
      <c r="AK27729">
        <v>65</v>
      </c>
      <c r="AL27729">
        <v>66</v>
      </c>
      <c r="AM27729">
        <v>66</v>
      </c>
      <c r="AN27729">
        <v>66</v>
      </c>
      <c r="AO27729">
        <v>67</v>
      </c>
      <c r="AP27729">
        <v>67</v>
      </c>
      <c r="AQ27729">
        <v>67</v>
      </c>
    </row>
    <row r="27730" spans="1:43">
      <c r="A27730" t="s">
        <v>17163</v>
      </c>
      <c r="B27730" t="s">
        <v>17164</v>
      </c>
      <c r="C27730" t="s">
        <v>17165</v>
      </c>
      <c r="D27730" t="s">
        <v>17166</v>
      </c>
      <c r="E27730" t="s">
        <v>17115</v>
      </c>
      <c r="F27730" t="s">
        <v>17116</v>
      </c>
      <c r="G27730" t="s">
        <v>16559</v>
      </c>
      <c r="H27730" t="s">
        <v>16560</v>
      </c>
      <c r="I27730" s="2">
        <v>1</v>
      </c>
      <c r="J27730" s="2">
        <v>0</v>
      </c>
      <c r="K27730" s="2">
        <v>0</v>
      </c>
      <c r="L27730" t="s">
        <v>120</v>
      </c>
      <c r="M27730" t="s">
        <v>83</v>
      </c>
      <c r="N27730" t="s">
        <v>84</v>
      </c>
      <c r="O27730" t="s">
        <v>85</v>
      </c>
      <c r="P27730" t="s">
        <v>86</v>
      </c>
      <c r="Q27730">
        <v>10</v>
      </c>
      <c r="R27730">
        <v>10</v>
      </c>
      <c r="S27730">
        <v>10</v>
      </c>
      <c r="T27730">
        <v>11</v>
      </c>
      <c r="U27730">
        <v>11</v>
      </c>
      <c r="V27730">
        <v>11</v>
      </c>
      <c r="W27730">
        <v>11</v>
      </c>
      <c r="X27730">
        <v>11</v>
      </c>
      <c r="Y27730">
        <v>12</v>
      </c>
      <c r="Z27730">
        <v>12</v>
      </c>
      <c r="AA27730">
        <v>12</v>
      </c>
      <c r="AB27730">
        <v>12</v>
      </c>
      <c r="AC27730">
        <v>12</v>
      </c>
      <c r="AD27730">
        <v>13</v>
      </c>
      <c r="AE27730">
        <v>13</v>
      </c>
      <c r="AF27730">
        <v>13</v>
      </c>
      <c r="AG27730">
        <v>13</v>
      </c>
      <c r="AH27730">
        <v>13</v>
      </c>
      <c r="AI27730">
        <v>14</v>
      </c>
      <c r="AJ27730">
        <v>14</v>
      </c>
      <c r="AK27730">
        <v>14</v>
      </c>
      <c r="AL27730">
        <v>14</v>
      </c>
      <c r="AM27730">
        <v>14</v>
      </c>
      <c r="AN27730">
        <v>14</v>
      </c>
      <c r="AO27730">
        <v>14</v>
      </c>
      <c r="AP27730">
        <v>14</v>
      </c>
      <c r="AQ27730">
        <v>14</v>
      </c>
    </row>
    <row r="27731" spans="1:43">
      <c r="A27731" t="s">
        <v>17163</v>
      </c>
      <c r="B27731" t="s">
        <v>17164</v>
      </c>
      <c r="C27731" t="s">
        <v>17165</v>
      </c>
      <c r="D27731" t="s">
        <v>17166</v>
      </c>
      <c r="E27731" t="s">
        <v>17115</v>
      </c>
      <c r="F27731" t="s">
        <v>17116</v>
      </c>
      <c r="G27731" t="s">
        <v>16559</v>
      </c>
      <c r="H27731" t="s">
        <v>16560</v>
      </c>
      <c r="I27731" s="2">
        <v>1</v>
      </c>
      <c r="J27731" s="2">
        <v>0</v>
      </c>
      <c r="K27731" s="2">
        <v>0</v>
      </c>
      <c r="L27731" t="s">
        <v>120</v>
      </c>
      <c r="M27731" t="s">
        <v>87</v>
      </c>
      <c r="N27731" t="s">
        <v>88</v>
      </c>
      <c r="O27731" t="s">
        <v>85</v>
      </c>
      <c r="P27731" t="s">
        <v>86</v>
      </c>
      <c r="Q27731">
        <v>10</v>
      </c>
      <c r="R27731">
        <v>10</v>
      </c>
      <c r="S27731">
        <v>10</v>
      </c>
      <c r="T27731">
        <v>10</v>
      </c>
      <c r="U27731">
        <v>10</v>
      </c>
      <c r="V27731">
        <v>10</v>
      </c>
      <c r="W27731">
        <v>11</v>
      </c>
      <c r="X27731">
        <v>11</v>
      </c>
      <c r="Y27731">
        <v>11</v>
      </c>
      <c r="Z27731">
        <v>11</v>
      </c>
      <c r="AA27731">
        <v>11</v>
      </c>
      <c r="AB27731">
        <v>11</v>
      </c>
      <c r="AC27731">
        <v>11</v>
      </c>
      <c r="AD27731">
        <v>11</v>
      </c>
      <c r="AE27731">
        <v>11</v>
      </c>
      <c r="AF27731">
        <v>11</v>
      </c>
      <c r="AG27731">
        <v>11</v>
      </c>
      <c r="AH27731">
        <v>12</v>
      </c>
      <c r="AI27731">
        <v>12</v>
      </c>
      <c r="AJ27731">
        <v>12</v>
      </c>
      <c r="AK27731">
        <v>12</v>
      </c>
      <c r="AL27731">
        <v>12</v>
      </c>
      <c r="AM27731">
        <v>12</v>
      </c>
      <c r="AN27731">
        <v>12</v>
      </c>
      <c r="AO27731">
        <v>12</v>
      </c>
      <c r="AP27731">
        <v>12</v>
      </c>
      <c r="AQ27731">
        <v>12</v>
      </c>
    </row>
    <row r="27732" spans="1:43">
      <c r="A27732" t="s">
        <v>17163</v>
      </c>
      <c r="B27732" t="s">
        <v>17164</v>
      </c>
      <c r="C27732" t="s">
        <v>17165</v>
      </c>
      <c r="D27732" t="s">
        <v>17166</v>
      </c>
      <c r="E27732" t="s">
        <v>17115</v>
      </c>
      <c r="F27732" t="s">
        <v>17116</v>
      </c>
      <c r="G27732" t="s">
        <v>16559</v>
      </c>
      <c r="H27732" t="s">
        <v>16560</v>
      </c>
      <c r="I27732" s="2">
        <v>1</v>
      </c>
      <c r="J27732" s="2">
        <v>0</v>
      </c>
      <c r="K27732" s="2">
        <v>0</v>
      </c>
      <c r="L27732" t="s">
        <v>120</v>
      </c>
      <c r="M27732" t="s">
        <v>89</v>
      </c>
      <c r="N27732" t="s">
        <v>90</v>
      </c>
      <c r="O27732" t="s">
        <v>85</v>
      </c>
      <c r="P27732" t="s">
        <v>86</v>
      </c>
      <c r="Q27732">
        <v>10</v>
      </c>
      <c r="R27732">
        <v>10</v>
      </c>
      <c r="S27732">
        <v>11</v>
      </c>
      <c r="T27732">
        <v>11</v>
      </c>
      <c r="U27732">
        <v>11</v>
      </c>
      <c r="V27732">
        <v>12</v>
      </c>
      <c r="W27732">
        <v>12</v>
      </c>
      <c r="X27732">
        <v>12</v>
      </c>
      <c r="Y27732">
        <v>12</v>
      </c>
      <c r="Z27732">
        <v>13</v>
      </c>
      <c r="AA27732">
        <v>13</v>
      </c>
      <c r="AB27732">
        <v>13</v>
      </c>
      <c r="AC27732">
        <v>13</v>
      </c>
      <c r="AD27732">
        <v>13</v>
      </c>
      <c r="AE27732">
        <v>14</v>
      </c>
      <c r="AF27732">
        <v>14</v>
      </c>
      <c r="AG27732">
        <v>14</v>
      </c>
      <c r="AH27732">
        <v>14</v>
      </c>
      <c r="AI27732">
        <v>14</v>
      </c>
      <c r="AJ27732">
        <v>14</v>
      </c>
      <c r="AK27732">
        <v>14</v>
      </c>
      <c r="AL27732">
        <v>14</v>
      </c>
      <c r="AM27732">
        <v>14</v>
      </c>
      <c r="AN27732">
        <v>14</v>
      </c>
      <c r="AO27732">
        <v>14</v>
      </c>
      <c r="AP27732">
        <v>14</v>
      </c>
      <c r="AQ27732">
        <v>14</v>
      </c>
    </row>
    <row r="27733" spans="1:43">
      <c r="A27733" t="s">
        <v>17163</v>
      </c>
      <c r="B27733" t="s">
        <v>17164</v>
      </c>
      <c r="C27733" t="s">
        <v>17165</v>
      </c>
      <c r="D27733" t="s">
        <v>17166</v>
      </c>
      <c r="E27733" t="s">
        <v>17115</v>
      </c>
      <c r="F27733" t="s">
        <v>17116</v>
      </c>
      <c r="G27733" t="s">
        <v>16559</v>
      </c>
      <c r="H27733" t="s">
        <v>16560</v>
      </c>
      <c r="I27733" s="2">
        <v>1</v>
      </c>
      <c r="J27733" s="2">
        <v>0</v>
      </c>
      <c r="K27733" s="2">
        <v>0</v>
      </c>
      <c r="L27733" t="s">
        <v>120</v>
      </c>
      <c r="M27733" t="s">
        <v>83</v>
      </c>
      <c r="N27733" t="s">
        <v>91</v>
      </c>
      <c r="O27733" t="s">
        <v>85</v>
      </c>
      <c r="P27733" t="s">
        <v>86</v>
      </c>
      <c r="Q27733">
        <v>10</v>
      </c>
      <c r="R27733">
        <v>10</v>
      </c>
      <c r="S27733">
        <v>10</v>
      </c>
      <c r="T27733">
        <v>11</v>
      </c>
      <c r="U27733">
        <v>11</v>
      </c>
      <c r="V27733">
        <v>11</v>
      </c>
      <c r="W27733">
        <v>11</v>
      </c>
      <c r="X27733">
        <v>11</v>
      </c>
      <c r="Y27733">
        <v>12</v>
      </c>
      <c r="Z27733">
        <v>12</v>
      </c>
      <c r="AA27733">
        <v>12</v>
      </c>
      <c r="AB27733">
        <v>12</v>
      </c>
      <c r="AC27733">
        <v>12</v>
      </c>
      <c r="AD27733">
        <v>13</v>
      </c>
      <c r="AE27733">
        <v>13</v>
      </c>
      <c r="AF27733">
        <v>13</v>
      </c>
      <c r="AG27733">
        <v>13</v>
      </c>
      <c r="AH27733">
        <v>13</v>
      </c>
      <c r="AI27733">
        <v>14</v>
      </c>
      <c r="AJ27733">
        <v>14</v>
      </c>
      <c r="AK27733">
        <v>14</v>
      </c>
      <c r="AL27733">
        <v>14</v>
      </c>
      <c r="AM27733">
        <v>14</v>
      </c>
      <c r="AN27733">
        <v>14</v>
      </c>
      <c r="AO27733">
        <v>14</v>
      </c>
      <c r="AP27733">
        <v>14</v>
      </c>
      <c r="AQ27733">
        <v>14</v>
      </c>
    </row>
    <row r="27734" spans="1:43">
      <c r="A27734" t="s">
        <v>17167</v>
      </c>
      <c r="B27734" t="s">
        <v>17168</v>
      </c>
      <c r="C27734" t="s">
        <v>17165</v>
      </c>
      <c r="D27734" t="s">
        <v>17166</v>
      </c>
      <c r="E27734" t="s">
        <v>17115</v>
      </c>
      <c r="F27734" t="s">
        <v>17116</v>
      </c>
      <c r="G27734" t="s">
        <v>16559</v>
      </c>
      <c r="H27734" t="s">
        <v>16560</v>
      </c>
      <c r="I27734" s="2">
        <v>1</v>
      </c>
      <c r="J27734" s="2">
        <v>0</v>
      </c>
      <c r="K27734" s="2">
        <v>0</v>
      </c>
      <c r="L27734" t="s">
        <v>120</v>
      </c>
      <c r="M27734" t="s">
        <v>83</v>
      </c>
      <c r="N27734" t="s">
        <v>84</v>
      </c>
      <c r="O27734" t="s">
        <v>85</v>
      </c>
      <c r="P27734" t="s">
        <v>86</v>
      </c>
      <c r="Q27734">
        <v>22</v>
      </c>
      <c r="R27734">
        <v>23</v>
      </c>
      <c r="S27734">
        <v>23</v>
      </c>
      <c r="T27734">
        <v>24</v>
      </c>
      <c r="U27734">
        <v>24</v>
      </c>
      <c r="V27734">
        <v>25</v>
      </c>
      <c r="W27734">
        <v>25</v>
      </c>
      <c r="X27734">
        <v>25</v>
      </c>
      <c r="Y27734">
        <v>26</v>
      </c>
      <c r="Z27734">
        <v>26</v>
      </c>
      <c r="AA27734">
        <v>27</v>
      </c>
      <c r="AB27734">
        <v>27</v>
      </c>
      <c r="AC27734">
        <v>28</v>
      </c>
      <c r="AD27734">
        <v>28</v>
      </c>
      <c r="AE27734">
        <v>28</v>
      </c>
      <c r="AF27734">
        <v>29</v>
      </c>
      <c r="AG27734">
        <v>29</v>
      </c>
      <c r="AH27734">
        <v>30</v>
      </c>
      <c r="AI27734">
        <v>30</v>
      </c>
      <c r="AJ27734">
        <v>31</v>
      </c>
      <c r="AK27734">
        <v>31</v>
      </c>
      <c r="AL27734">
        <v>31</v>
      </c>
      <c r="AM27734">
        <v>32</v>
      </c>
      <c r="AN27734">
        <v>32</v>
      </c>
      <c r="AO27734">
        <v>32</v>
      </c>
      <c r="AP27734">
        <v>32</v>
      </c>
      <c r="AQ27734">
        <v>32</v>
      </c>
    </row>
    <row r="27735" spans="1:43">
      <c r="A27735" t="s">
        <v>17167</v>
      </c>
      <c r="B27735" t="s">
        <v>17168</v>
      </c>
      <c r="C27735" t="s">
        <v>17165</v>
      </c>
      <c r="D27735" t="s">
        <v>17166</v>
      </c>
      <c r="E27735" t="s">
        <v>17115</v>
      </c>
      <c r="F27735" t="s">
        <v>17116</v>
      </c>
      <c r="G27735" t="s">
        <v>16559</v>
      </c>
      <c r="H27735" t="s">
        <v>16560</v>
      </c>
      <c r="I27735" s="2">
        <v>1</v>
      </c>
      <c r="J27735" s="2">
        <v>0</v>
      </c>
      <c r="K27735" s="2">
        <v>0</v>
      </c>
      <c r="L27735" t="s">
        <v>120</v>
      </c>
      <c r="M27735" t="s">
        <v>87</v>
      </c>
      <c r="N27735" t="s">
        <v>88</v>
      </c>
      <c r="O27735" t="s">
        <v>85</v>
      </c>
      <c r="P27735" t="s">
        <v>86</v>
      </c>
      <c r="Q27735">
        <v>22</v>
      </c>
      <c r="R27735">
        <v>22</v>
      </c>
      <c r="S27735">
        <v>23</v>
      </c>
      <c r="T27735">
        <v>23</v>
      </c>
      <c r="U27735">
        <v>23</v>
      </c>
      <c r="V27735">
        <v>23</v>
      </c>
      <c r="W27735">
        <v>23</v>
      </c>
      <c r="X27735">
        <v>24</v>
      </c>
      <c r="Y27735">
        <v>24</v>
      </c>
      <c r="Z27735">
        <v>24</v>
      </c>
      <c r="AA27735">
        <v>24</v>
      </c>
      <c r="AB27735">
        <v>25</v>
      </c>
      <c r="AC27735">
        <v>25</v>
      </c>
      <c r="AD27735">
        <v>25</v>
      </c>
      <c r="AE27735">
        <v>25</v>
      </c>
      <c r="AF27735">
        <v>25</v>
      </c>
      <c r="AG27735">
        <v>26</v>
      </c>
      <c r="AH27735">
        <v>26</v>
      </c>
      <c r="AI27735">
        <v>26</v>
      </c>
      <c r="AJ27735">
        <v>26</v>
      </c>
      <c r="AK27735">
        <v>27</v>
      </c>
      <c r="AL27735">
        <v>27</v>
      </c>
      <c r="AM27735">
        <v>27</v>
      </c>
      <c r="AN27735">
        <v>27</v>
      </c>
      <c r="AO27735">
        <v>27</v>
      </c>
      <c r="AP27735">
        <v>28</v>
      </c>
      <c r="AQ27735">
        <v>28</v>
      </c>
    </row>
    <row r="27736" spans="1:43">
      <c r="A27736" t="s">
        <v>17167</v>
      </c>
      <c r="B27736" t="s">
        <v>17168</v>
      </c>
      <c r="C27736" t="s">
        <v>17165</v>
      </c>
      <c r="D27736" t="s">
        <v>17166</v>
      </c>
      <c r="E27736" t="s">
        <v>17115</v>
      </c>
      <c r="F27736" t="s">
        <v>17116</v>
      </c>
      <c r="G27736" t="s">
        <v>16559</v>
      </c>
      <c r="H27736" t="s">
        <v>16560</v>
      </c>
      <c r="I27736" s="2">
        <v>1</v>
      </c>
      <c r="J27736" s="2">
        <v>0</v>
      </c>
      <c r="K27736" s="2">
        <v>0</v>
      </c>
      <c r="L27736" t="s">
        <v>120</v>
      </c>
      <c r="M27736" t="s">
        <v>89</v>
      </c>
      <c r="N27736" t="s">
        <v>90</v>
      </c>
      <c r="O27736" t="s">
        <v>85</v>
      </c>
      <c r="P27736" t="s">
        <v>86</v>
      </c>
      <c r="Q27736">
        <v>22</v>
      </c>
      <c r="R27736">
        <v>22</v>
      </c>
      <c r="S27736">
        <v>23</v>
      </c>
      <c r="T27736">
        <v>23</v>
      </c>
      <c r="U27736">
        <v>24</v>
      </c>
      <c r="V27736">
        <v>25</v>
      </c>
      <c r="W27736">
        <v>25</v>
      </c>
      <c r="X27736">
        <v>26</v>
      </c>
      <c r="Y27736">
        <v>26</v>
      </c>
      <c r="Z27736">
        <v>27</v>
      </c>
      <c r="AA27736">
        <v>27</v>
      </c>
      <c r="AB27736">
        <v>28</v>
      </c>
      <c r="AC27736">
        <v>29</v>
      </c>
      <c r="AD27736">
        <v>29</v>
      </c>
      <c r="AE27736">
        <v>30</v>
      </c>
      <c r="AF27736">
        <v>30</v>
      </c>
      <c r="AG27736">
        <v>30</v>
      </c>
      <c r="AH27736">
        <v>30</v>
      </c>
      <c r="AI27736">
        <v>30</v>
      </c>
      <c r="AJ27736">
        <v>30</v>
      </c>
      <c r="AK27736">
        <v>30</v>
      </c>
      <c r="AL27736">
        <v>31</v>
      </c>
      <c r="AM27736">
        <v>31</v>
      </c>
      <c r="AN27736">
        <v>31</v>
      </c>
      <c r="AO27736">
        <v>31</v>
      </c>
      <c r="AP27736">
        <v>31</v>
      </c>
      <c r="AQ27736">
        <v>31</v>
      </c>
    </row>
    <row r="27737" spans="1:43">
      <c r="A27737" t="s">
        <v>17167</v>
      </c>
      <c r="B27737" t="s">
        <v>17168</v>
      </c>
      <c r="C27737" t="s">
        <v>17165</v>
      </c>
      <c r="D27737" t="s">
        <v>17166</v>
      </c>
      <c r="E27737" t="s">
        <v>17115</v>
      </c>
      <c r="F27737" t="s">
        <v>17116</v>
      </c>
      <c r="G27737" t="s">
        <v>16559</v>
      </c>
      <c r="H27737" t="s">
        <v>16560</v>
      </c>
      <c r="I27737" s="2">
        <v>1</v>
      </c>
      <c r="J27737" s="2">
        <v>0</v>
      </c>
      <c r="K27737" s="2">
        <v>0</v>
      </c>
      <c r="L27737" t="s">
        <v>120</v>
      </c>
      <c r="M27737" t="s">
        <v>83</v>
      </c>
      <c r="N27737" t="s">
        <v>91</v>
      </c>
      <c r="O27737" t="s">
        <v>85</v>
      </c>
      <c r="P27737" t="s">
        <v>86</v>
      </c>
      <c r="Q27737">
        <v>22</v>
      </c>
      <c r="R27737">
        <v>23</v>
      </c>
      <c r="S27737">
        <v>23</v>
      </c>
      <c r="T27737">
        <v>24</v>
      </c>
      <c r="U27737">
        <v>24</v>
      </c>
      <c r="V27737">
        <v>25</v>
      </c>
      <c r="W27737">
        <v>25</v>
      </c>
      <c r="X27737">
        <v>25</v>
      </c>
      <c r="Y27737">
        <v>26</v>
      </c>
      <c r="Z27737">
        <v>26</v>
      </c>
      <c r="AA27737">
        <v>27</v>
      </c>
      <c r="AB27737">
        <v>27</v>
      </c>
      <c r="AC27737">
        <v>28</v>
      </c>
      <c r="AD27737">
        <v>28</v>
      </c>
      <c r="AE27737">
        <v>28</v>
      </c>
      <c r="AF27737">
        <v>29</v>
      </c>
      <c r="AG27737">
        <v>29</v>
      </c>
      <c r="AH27737">
        <v>30</v>
      </c>
      <c r="AI27737">
        <v>30</v>
      </c>
      <c r="AJ27737">
        <v>31</v>
      </c>
      <c r="AK27737">
        <v>31</v>
      </c>
      <c r="AL27737">
        <v>31</v>
      </c>
      <c r="AM27737">
        <v>32</v>
      </c>
      <c r="AN27737">
        <v>32</v>
      </c>
      <c r="AO27737">
        <v>32</v>
      </c>
      <c r="AP27737">
        <v>32</v>
      </c>
      <c r="AQ27737">
        <v>32</v>
      </c>
    </row>
    <row r="27738" spans="1:43">
      <c r="A27738" t="s">
        <v>17169</v>
      </c>
      <c r="B27738" t="s">
        <v>17170</v>
      </c>
      <c r="C27738" t="s">
        <v>17165</v>
      </c>
      <c r="D27738" t="s">
        <v>17166</v>
      </c>
      <c r="E27738" t="s">
        <v>17115</v>
      </c>
      <c r="F27738" t="s">
        <v>17116</v>
      </c>
      <c r="G27738" t="s">
        <v>16559</v>
      </c>
      <c r="H27738" t="s">
        <v>16560</v>
      </c>
      <c r="I27738" s="2">
        <v>1</v>
      </c>
      <c r="J27738" s="2">
        <v>0</v>
      </c>
      <c r="K27738" s="2">
        <v>0</v>
      </c>
      <c r="L27738" t="s">
        <v>120</v>
      </c>
      <c r="M27738" t="s">
        <v>83</v>
      </c>
      <c r="N27738" t="s">
        <v>84</v>
      </c>
      <c r="O27738" t="s">
        <v>85</v>
      </c>
      <c r="P27738" t="s">
        <v>86</v>
      </c>
      <c r="Q27738">
        <v>44</v>
      </c>
      <c r="R27738">
        <v>45</v>
      </c>
      <c r="S27738">
        <v>46</v>
      </c>
      <c r="T27738">
        <v>47</v>
      </c>
      <c r="U27738">
        <v>48</v>
      </c>
      <c r="V27738">
        <v>48</v>
      </c>
      <c r="W27738">
        <v>49</v>
      </c>
      <c r="X27738">
        <v>50</v>
      </c>
      <c r="Y27738">
        <v>51</v>
      </c>
      <c r="Z27738">
        <v>52</v>
      </c>
      <c r="AA27738">
        <v>53</v>
      </c>
      <c r="AB27738">
        <v>54</v>
      </c>
      <c r="AC27738">
        <v>54</v>
      </c>
      <c r="AD27738">
        <v>55</v>
      </c>
      <c r="AE27738">
        <v>56</v>
      </c>
      <c r="AF27738">
        <v>57</v>
      </c>
      <c r="AG27738">
        <v>58</v>
      </c>
      <c r="AH27738">
        <v>59</v>
      </c>
      <c r="AI27738">
        <v>60</v>
      </c>
      <c r="AJ27738">
        <v>61</v>
      </c>
      <c r="AK27738">
        <v>62</v>
      </c>
      <c r="AL27738">
        <v>62</v>
      </c>
      <c r="AM27738">
        <v>62</v>
      </c>
      <c r="AN27738">
        <v>63</v>
      </c>
      <c r="AO27738">
        <v>63</v>
      </c>
      <c r="AP27738">
        <v>63</v>
      </c>
      <c r="AQ27738">
        <v>64</v>
      </c>
    </row>
    <row r="27739" spans="1:43">
      <c r="A27739" t="s">
        <v>17169</v>
      </c>
      <c r="B27739" t="s">
        <v>17170</v>
      </c>
      <c r="C27739" t="s">
        <v>17165</v>
      </c>
      <c r="D27739" t="s">
        <v>17166</v>
      </c>
      <c r="E27739" t="s">
        <v>17115</v>
      </c>
      <c r="F27739" t="s">
        <v>17116</v>
      </c>
      <c r="G27739" t="s">
        <v>16559</v>
      </c>
      <c r="H27739" t="s">
        <v>16560</v>
      </c>
      <c r="I27739" s="2">
        <v>1</v>
      </c>
      <c r="J27739" s="2">
        <v>0</v>
      </c>
      <c r="K27739" s="2">
        <v>0</v>
      </c>
      <c r="L27739" t="s">
        <v>120</v>
      </c>
      <c r="M27739" t="s">
        <v>87</v>
      </c>
      <c r="N27739" t="s">
        <v>88</v>
      </c>
      <c r="O27739" t="s">
        <v>85</v>
      </c>
      <c r="P27739" t="s">
        <v>86</v>
      </c>
      <c r="Q27739">
        <v>44</v>
      </c>
      <c r="R27739">
        <v>44</v>
      </c>
      <c r="S27739">
        <v>45</v>
      </c>
      <c r="T27739">
        <v>45</v>
      </c>
      <c r="U27739">
        <v>45</v>
      </c>
      <c r="V27739">
        <v>46</v>
      </c>
      <c r="W27739">
        <v>46</v>
      </c>
      <c r="X27739">
        <v>47</v>
      </c>
      <c r="Y27739">
        <v>47</v>
      </c>
      <c r="Z27739">
        <v>48</v>
      </c>
      <c r="AA27739">
        <v>48</v>
      </c>
      <c r="AB27739">
        <v>48</v>
      </c>
      <c r="AC27739">
        <v>49</v>
      </c>
      <c r="AD27739">
        <v>49</v>
      </c>
      <c r="AE27739">
        <v>50</v>
      </c>
      <c r="AF27739">
        <v>50</v>
      </c>
      <c r="AG27739">
        <v>51</v>
      </c>
      <c r="AH27739">
        <v>51</v>
      </c>
      <c r="AI27739">
        <v>52</v>
      </c>
      <c r="AJ27739">
        <v>52</v>
      </c>
      <c r="AK27739">
        <v>52</v>
      </c>
      <c r="AL27739">
        <v>53</v>
      </c>
      <c r="AM27739">
        <v>53</v>
      </c>
      <c r="AN27739">
        <v>54</v>
      </c>
      <c r="AO27739">
        <v>54</v>
      </c>
      <c r="AP27739">
        <v>55</v>
      </c>
      <c r="AQ27739">
        <v>55</v>
      </c>
    </row>
    <row r="27740" spans="1:43">
      <c r="A27740" t="s">
        <v>17169</v>
      </c>
      <c r="B27740" t="s">
        <v>17170</v>
      </c>
      <c r="C27740" t="s">
        <v>17165</v>
      </c>
      <c r="D27740" t="s">
        <v>17166</v>
      </c>
      <c r="E27740" t="s">
        <v>17115</v>
      </c>
      <c r="F27740" t="s">
        <v>17116</v>
      </c>
      <c r="G27740" t="s">
        <v>16559</v>
      </c>
      <c r="H27740" t="s">
        <v>16560</v>
      </c>
      <c r="I27740" s="2">
        <v>1</v>
      </c>
      <c r="J27740" s="2">
        <v>0</v>
      </c>
      <c r="K27740" s="2">
        <v>0</v>
      </c>
      <c r="L27740" t="s">
        <v>120</v>
      </c>
      <c r="M27740" t="s">
        <v>89</v>
      </c>
      <c r="N27740" t="s">
        <v>90</v>
      </c>
      <c r="O27740" t="s">
        <v>85</v>
      </c>
      <c r="P27740" t="s">
        <v>86</v>
      </c>
      <c r="Q27740">
        <v>44</v>
      </c>
      <c r="R27740">
        <v>45</v>
      </c>
      <c r="S27740">
        <v>46</v>
      </c>
      <c r="T27740">
        <v>47</v>
      </c>
      <c r="U27740">
        <v>48</v>
      </c>
      <c r="V27740">
        <v>50</v>
      </c>
      <c r="W27740">
        <v>51</v>
      </c>
      <c r="X27740">
        <v>52</v>
      </c>
      <c r="Y27740">
        <v>53</v>
      </c>
      <c r="Z27740">
        <v>54</v>
      </c>
      <c r="AA27740">
        <v>55</v>
      </c>
      <c r="AB27740">
        <v>56</v>
      </c>
      <c r="AC27740">
        <v>57</v>
      </c>
      <c r="AD27740">
        <v>59</v>
      </c>
      <c r="AE27740">
        <v>59</v>
      </c>
      <c r="AF27740">
        <v>60</v>
      </c>
      <c r="AG27740">
        <v>60</v>
      </c>
      <c r="AH27740">
        <v>60</v>
      </c>
      <c r="AI27740">
        <v>61</v>
      </c>
      <c r="AJ27740">
        <v>61</v>
      </c>
      <c r="AK27740">
        <v>61</v>
      </c>
      <c r="AL27740">
        <v>62</v>
      </c>
      <c r="AM27740">
        <v>62</v>
      </c>
      <c r="AN27740">
        <v>62</v>
      </c>
      <c r="AO27740">
        <v>63</v>
      </c>
      <c r="AP27740">
        <v>63</v>
      </c>
      <c r="AQ27740">
        <v>63</v>
      </c>
    </row>
    <row r="27741" spans="1:43">
      <c r="A27741" t="s">
        <v>17169</v>
      </c>
      <c r="B27741" t="s">
        <v>17170</v>
      </c>
      <c r="C27741" t="s">
        <v>17165</v>
      </c>
      <c r="D27741" t="s">
        <v>17166</v>
      </c>
      <c r="E27741" t="s">
        <v>17115</v>
      </c>
      <c r="F27741" t="s">
        <v>17116</v>
      </c>
      <c r="G27741" t="s">
        <v>16559</v>
      </c>
      <c r="H27741" t="s">
        <v>16560</v>
      </c>
      <c r="I27741" s="2">
        <v>1</v>
      </c>
      <c r="J27741" s="2">
        <v>0</v>
      </c>
      <c r="K27741" s="2">
        <v>0</v>
      </c>
      <c r="L27741" t="s">
        <v>120</v>
      </c>
      <c r="M27741" t="s">
        <v>83</v>
      </c>
      <c r="N27741" t="s">
        <v>91</v>
      </c>
      <c r="O27741" t="s">
        <v>85</v>
      </c>
      <c r="P27741" t="s">
        <v>86</v>
      </c>
      <c r="Q27741">
        <v>44</v>
      </c>
      <c r="R27741">
        <v>45</v>
      </c>
      <c r="S27741">
        <v>46</v>
      </c>
      <c r="T27741">
        <v>47</v>
      </c>
      <c r="U27741">
        <v>48</v>
      </c>
      <c r="V27741">
        <v>48</v>
      </c>
      <c r="W27741">
        <v>49</v>
      </c>
      <c r="X27741">
        <v>50</v>
      </c>
      <c r="Y27741">
        <v>51</v>
      </c>
      <c r="Z27741">
        <v>52</v>
      </c>
      <c r="AA27741">
        <v>53</v>
      </c>
      <c r="AB27741">
        <v>54</v>
      </c>
      <c r="AC27741">
        <v>54</v>
      </c>
      <c r="AD27741">
        <v>55</v>
      </c>
      <c r="AE27741">
        <v>56</v>
      </c>
      <c r="AF27741">
        <v>57</v>
      </c>
      <c r="AG27741">
        <v>58</v>
      </c>
      <c r="AH27741">
        <v>59</v>
      </c>
      <c r="AI27741">
        <v>60</v>
      </c>
      <c r="AJ27741">
        <v>61</v>
      </c>
      <c r="AK27741">
        <v>62</v>
      </c>
      <c r="AL27741">
        <v>62</v>
      </c>
      <c r="AM27741">
        <v>62</v>
      </c>
      <c r="AN27741">
        <v>63</v>
      </c>
      <c r="AO27741">
        <v>63</v>
      </c>
      <c r="AP27741">
        <v>63</v>
      </c>
      <c r="AQ27741">
        <v>64</v>
      </c>
    </row>
    <row r="27742" spans="1:43">
      <c r="A27742" t="s">
        <v>17171</v>
      </c>
      <c r="B27742" t="s">
        <v>17172</v>
      </c>
      <c r="C27742" t="s">
        <v>17165</v>
      </c>
      <c r="D27742" t="s">
        <v>17166</v>
      </c>
      <c r="E27742" t="s">
        <v>17115</v>
      </c>
      <c r="F27742" t="s">
        <v>17116</v>
      </c>
      <c r="G27742" t="s">
        <v>16559</v>
      </c>
      <c r="H27742" t="s">
        <v>16560</v>
      </c>
      <c r="I27742" s="2">
        <v>1</v>
      </c>
      <c r="J27742" s="2">
        <v>0</v>
      </c>
      <c r="K27742" s="2">
        <v>0</v>
      </c>
      <c r="L27742" t="s">
        <v>120</v>
      </c>
      <c r="M27742" t="s">
        <v>83</v>
      </c>
      <c r="N27742" t="s">
        <v>84</v>
      </c>
      <c r="O27742" t="s">
        <v>85</v>
      </c>
      <c r="P27742" t="s">
        <v>86</v>
      </c>
      <c r="Q27742">
        <v>6</v>
      </c>
      <c r="R27742">
        <v>6</v>
      </c>
      <c r="S27742">
        <v>6</v>
      </c>
      <c r="T27742">
        <v>6</v>
      </c>
      <c r="U27742">
        <v>6</v>
      </c>
      <c r="V27742">
        <v>7</v>
      </c>
      <c r="W27742">
        <v>7</v>
      </c>
      <c r="X27742">
        <v>7</v>
      </c>
      <c r="Y27742">
        <v>7</v>
      </c>
      <c r="Z27742">
        <v>7</v>
      </c>
      <c r="AA27742">
        <v>7</v>
      </c>
      <c r="AB27742">
        <v>7</v>
      </c>
      <c r="AC27742">
        <v>7</v>
      </c>
      <c r="AD27742">
        <v>8</v>
      </c>
      <c r="AE27742">
        <v>8</v>
      </c>
      <c r="AF27742">
        <v>8</v>
      </c>
      <c r="AG27742">
        <v>8</v>
      </c>
      <c r="AH27742">
        <v>8</v>
      </c>
      <c r="AI27742">
        <v>8</v>
      </c>
      <c r="AJ27742">
        <v>8</v>
      </c>
      <c r="AK27742">
        <v>8</v>
      </c>
      <c r="AL27742">
        <v>8</v>
      </c>
      <c r="AM27742">
        <v>9</v>
      </c>
      <c r="AN27742">
        <v>9</v>
      </c>
      <c r="AO27742">
        <v>9</v>
      </c>
      <c r="AP27742">
        <v>9</v>
      </c>
      <c r="AQ27742">
        <v>9</v>
      </c>
    </row>
    <row r="27743" spans="1:43">
      <c r="A27743" t="s">
        <v>17171</v>
      </c>
      <c r="B27743" t="s">
        <v>17172</v>
      </c>
      <c r="C27743" t="s">
        <v>17165</v>
      </c>
      <c r="D27743" t="s">
        <v>17166</v>
      </c>
      <c r="E27743" t="s">
        <v>17115</v>
      </c>
      <c r="F27743" t="s">
        <v>17116</v>
      </c>
      <c r="G27743" t="s">
        <v>16559</v>
      </c>
      <c r="H27743" t="s">
        <v>16560</v>
      </c>
      <c r="I27743" s="2">
        <v>1</v>
      </c>
      <c r="J27743" s="2">
        <v>0</v>
      </c>
      <c r="K27743" s="2">
        <v>0</v>
      </c>
      <c r="L27743" t="s">
        <v>120</v>
      </c>
      <c r="M27743" t="s">
        <v>87</v>
      </c>
      <c r="N27743" t="s">
        <v>88</v>
      </c>
      <c r="O27743" t="s">
        <v>85</v>
      </c>
      <c r="P27743" t="s">
        <v>86</v>
      </c>
      <c r="Q27743">
        <v>6</v>
      </c>
      <c r="R27743">
        <v>6</v>
      </c>
      <c r="S27743">
        <v>6</v>
      </c>
      <c r="T27743">
        <v>6</v>
      </c>
      <c r="U27743">
        <v>6</v>
      </c>
      <c r="V27743">
        <v>6</v>
      </c>
      <c r="W27743">
        <v>6</v>
      </c>
      <c r="X27743">
        <v>6</v>
      </c>
      <c r="Y27743">
        <v>6</v>
      </c>
      <c r="Z27743">
        <v>6</v>
      </c>
      <c r="AA27743">
        <v>7</v>
      </c>
      <c r="AB27743">
        <v>7</v>
      </c>
      <c r="AC27743">
        <v>7</v>
      </c>
      <c r="AD27743">
        <v>7</v>
      </c>
      <c r="AE27743">
        <v>7</v>
      </c>
      <c r="AF27743">
        <v>7</v>
      </c>
      <c r="AG27743">
        <v>7</v>
      </c>
      <c r="AH27743">
        <v>7</v>
      </c>
      <c r="AI27743">
        <v>7</v>
      </c>
      <c r="AJ27743">
        <v>7</v>
      </c>
      <c r="AK27743">
        <v>7</v>
      </c>
      <c r="AL27743">
        <v>7</v>
      </c>
      <c r="AM27743">
        <v>7</v>
      </c>
      <c r="AN27743">
        <v>7</v>
      </c>
      <c r="AO27743">
        <v>7</v>
      </c>
      <c r="AP27743">
        <v>7</v>
      </c>
      <c r="AQ27743">
        <v>8</v>
      </c>
    </row>
    <row r="27744" spans="1:43">
      <c r="A27744" t="s">
        <v>17171</v>
      </c>
      <c r="B27744" t="s">
        <v>17172</v>
      </c>
      <c r="C27744" t="s">
        <v>17165</v>
      </c>
      <c r="D27744" t="s">
        <v>17166</v>
      </c>
      <c r="E27744" t="s">
        <v>17115</v>
      </c>
      <c r="F27744" t="s">
        <v>17116</v>
      </c>
      <c r="G27744" t="s">
        <v>16559</v>
      </c>
      <c r="H27744" t="s">
        <v>16560</v>
      </c>
      <c r="I27744" s="2">
        <v>1</v>
      </c>
      <c r="J27744" s="2">
        <v>0</v>
      </c>
      <c r="K27744" s="2">
        <v>0</v>
      </c>
      <c r="L27744" t="s">
        <v>120</v>
      </c>
      <c r="M27744" t="s">
        <v>89</v>
      </c>
      <c r="N27744" t="s">
        <v>90</v>
      </c>
      <c r="O27744" t="s">
        <v>85</v>
      </c>
      <c r="P27744" t="s">
        <v>86</v>
      </c>
      <c r="Q27744">
        <v>6</v>
      </c>
      <c r="R27744">
        <v>6</v>
      </c>
      <c r="S27744">
        <v>6</v>
      </c>
      <c r="T27744">
        <v>7</v>
      </c>
      <c r="U27744">
        <v>7</v>
      </c>
      <c r="V27744">
        <v>7</v>
      </c>
      <c r="W27744">
        <v>7</v>
      </c>
      <c r="X27744">
        <v>7</v>
      </c>
      <c r="Y27744">
        <v>7</v>
      </c>
      <c r="Z27744">
        <v>8</v>
      </c>
      <c r="AA27744">
        <v>8</v>
      </c>
      <c r="AB27744">
        <v>8</v>
      </c>
      <c r="AC27744">
        <v>8</v>
      </c>
      <c r="AD27744">
        <v>8</v>
      </c>
      <c r="AE27744">
        <v>8</v>
      </c>
      <c r="AF27744">
        <v>8</v>
      </c>
      <c r="AG27744">
        <v>8</v>
      </c>
      <c r="AH27744">
        <v>8</v>
      </c>
      <c r="AI27744">
        <v>8</v>
      </c>
      <c r="AJ27744">
        <v>8</v>
      </c>
      <c r="AK27744">
        <v>8</v>
      </c>
      <c r="AL27744">
        <v>9</v>
      </c>
      <c r="AM27744">
        <v>9</v>
      </c>
      <c r="AN27744">
        <v>9</v>
      </c>
      <c r="AO27744">
        <v>9</v>
      </c>
      <c r="AP27744">
        <v>9</v>
      </c>
      <c r="AQ27744">
        <v>9</v>
      </c>
    </row>
    <row r="27745" spans="1:43">
      <c r="A27745" t="s">
        <v>17171</v>
      </c>
      <c r="B27745" t="s">
        <v>17172</v>
      </c>
      <c r="C27745" t="s">
        <v>17165</v>
      </c>
      <c r="D27745" t="s">
        <v>17166</v>
      </c>
      <c r="E27745" t="s">
        <v>17115</v>
      </c>
      <c r="F27745" t="s">
        <v>17116</v>
      </c>
      <c r="G27745" t="s">
        <v>16559</v>
      </c>
      <c r="H27745" t="s">
        <v>16560</v>
      </c>
      <c r="I27745" s="2">
        <v>1</v>
      </c>
      <c r="J27745" s="2">
        <v>0</v>
      </c>
      <c r="K27745" s="2">
        <v>0</v>
      </c>
      <c r="L27745" t="s">
        <v>120</v>
      </c>
      <c r="M27745" t="s">
        <v>83</v>
      </c>
      <c r="N27745" t="s">
        <v>91</v>
      </c>
      <c r="O27745" t="s">
        <v>85</v>
      </c>
      <c r="P27745" t="s">
        <v>86</v>
      </c>
      <c r="Q27745">
        <v>6</v>
      </c>
      <c r="R27745">
        <v>6</v>
      </c>
      <c r="S27745">
        <v>6</v>
      </c>
      <c r="T27745">
        <v>6</v>
      </c>
      <c r="U27745">
        <v>6</v>
      </c>
      <c r="V27745">
        <v>7</v>
      </c>
      <c r="W27745">
        <v>7</v>
      </c>
      <c r="X27745">
        <v>7</v>
      </c>
      <c r="Y27745">
        <v>7</v>
      </c>
      <c r="Z27745">
        <v>7</v>
      </c>
      <c r="AA27745">
        <v>7</v>
      </c>
      <c r="AB27745">
        <v>7</v>
      </c>
      <c r="AC27745">
        <v>7</v>
      </c>
      <c r="AD27745">
        <v>8</v>
      </c>
      <c r="AE27745">
        <v>8</v>
      </c>
      <c r="AF27745">
        <v>8</v>
      </c>
      <c r="AG27745">
        <v>8</v>
      </c>
      <c r="AH27745">
        <v>8</v>
      </c>
      <c r="AI27745">
        <v>8</v>
      </c>
      <c r="AJ27745">
        <v>8</v>
      </c>
      <c r="AK27745">
        <v>8</v>
      </c>
      <c r="AL27745">
        <v>8</v>
      </c>
      <c r="AM27745">
        <v>9</v>
      </c>
      <c r="AN27745">
        <v>9</v>
      </c>
      <c r="AO27745">
        <v>9</v>
      </c>
      <c r="AP27745">
        <v>9</v>
      </c>
      <c r="AQ27745">
        <v>9</v>
      </c>
    </row>
    <row r="27746" spans="1:43">
      <c r="A27746" t="s">
        <v>17173</v>
      </c>
      <c r="B27746" t="s">
        <v>17174</v>
      </c>
      <c r="C27746" t="s">
        <v>17175</v>
      </c>
      <c r="D27746" t="s">
        <v>17176</v>
      </c>
      <c r="E27746" t="s">
        <v>17115</v>
      </c>
      <c r="F27746" t="s">
        <v>17116</v>
      </c>
      <c r="G27746" t="s">
        <v>16559</v>
      </c>
      <c r="H27746" t="s">
        <v>16560</v>
      </c>
      <c r="I27746" s="2">
        <v>1</v>
      </c>
      <c r="J27746" s="2">
        <v>0</v>
      </c>
      <c r="K27746" s="2">
        <v>0</v>
      </c>
      <c r="L27746" t="s">
        <v>120</v>
      </c>
      <c r="M27746" t="s">
        <v>83</v>
      </c>
      <c r="N27746" t="s">
        <v>84</v>
      </c>
      <c r="O27746" t="s">
        <v>85</v>
      </c>
      <c r="P27746" t="s">
        <v>86</v>
      </c>
      <c r="Q27746">
        <v>32</v>
      </c>
      <c r="R27746">
        <v>33</v>
      </c>
      <c r="S27746">
        <v>33</v>
      </c>
      <c r="T27746">
        <v>34</v>
      </c>
      <c r="U27746">
        <v>35</v>
      </c>
      <c r="V27746">
        <v>35</v>
      </c>
      <c r="W27746">
        <v>36</v>
      </c>
      <c r="X27746">
        <v>37</v>
      </c>
      <c r="Y27746">
        <v>37</v>
      </c>
      <c r="Z27746">
        <v>38</v>
      </c>
      <c r="AA27746">
        <v>38</v>
      </c>
      <c r="AB27746">
        <v>39</v>
      </c>
      <c r="AC27746">
        <v>40</v>
      </c>
      <c r="AD27746">
        <v>40</v>
      </c>
      <c r="AE27746">
        <v>41</v>
      </c>
      <c r="AF27746">
        <v>41</v>
      </c>
      <c r="AG27746">
        <v>42</v>
      </c>
      <c r="AH27746">
        <v>43</v>
      </c>
      <c r="AI27746">
        <v>43</v>
      </c>
      <c r="AJ27746">
        <v>44</v>
      </c>
      <c r="AK27746">
        <v>45</v>
      </c>
      <c r="AL27746">
        <v>45</v>
      </c>
      <c r="AM27746">
        <v>45</v>
      </c>
      <c r="AN27746">
        <v>45</v>
      </c>
      <c r="AO27746">
        <v>46</v>
      </c>
      <c r="AP27746">
        <v>46</v>
      </c>
      <c r="AQ27746">
        <v>46</v>
      </c>
    </row>
    <row r="27747" spans="1:43">
      <c r="A27747" t="s">
        <v>17173</v>
      </c>
      <c r="B27747" t="s">
        <v>17174</v>
      </c>
      <c r="C27747" t="s">
        <v>17175</v>
      </c>
      <c r="D27747" t="s">
        <v>17176</v>
      </c>
      <c r="E27747" t="s">
        <v>17115</v>
      </c>
      <c r="F27747" t="s">
        <v>17116</v>
      </c>
      <c r="G27747" t="s">
        <v>16559</v>
      </c>
      <c r="H27747" t="s">
        <v>16560</v>
      </c>
      <c r="I27747" s="2">
        <v>1</v>
      </c>
      <c r="J27747" s="2">
        <v>0</v>
      </c>
      <c r="K27747" s="2">
        <v>0</v>
      </c>
      <c r="L27747" t="s">
        <v>120</v>
      </c>
      <c r="M27747" t="s">
        <v>87</v>
      </c>
      <c r="N27747" t="s">
        <v>88</v>
      </c>
      <c r="O27747" t="s">
        <v>85</v>
      </c>
      <c r="P27747" t="s">
        <v>86</v>
      </c>
      <c r="Q27747">
        <v>32</v>
      </c>
      <c r="R27747">
        <v>32</v>
      </c>
      <c r="S27747">
        <v>33</v>
      </c>
      <c r="T27747">
        <v>33</v>
      </c>
      <c r="U27747">
        <v>33</v>
      </c>
      <c r="V27747">
        <v>33</v>
      </c>
      <c r="W27747">
        <v>34</v>
      </c>
      <c r="X27747">
        <v>34</v>
      </c>
      <c r="Y27747">
        <v>34</v>
      </c>
      <c r="Z27747">
        <v>35</v>
      </c>
      <c r="AA27747">
        <v>35</v>
      </c>
      <c r="AB27747">
        <v>35</v>
      </c>
      <c r="AC27747">
        <v>36</v>
      </c>
      <c r="AD27747">
        <v>36</v>
      </c>
      <c r="AE27747">
        <v>36</v>
      </c>
      <c r="AF27747">
        <v>37</v>
      </c>
      <c r="AG27747">
        <v>37</v>
      </c>
      <c r="AH27747">
        <v>37</v>
      </c>
      <c r="AI27747">
        <v>37</v>
      </c>
      <c r="AJ27747">
        <v>38</v>
      </c>
      <c r="AK27747">
        <v>38</v>
      </c>
      <c r="AL27747">
        <v>38</v>
      </c>
      <c r="AM27747">
        <v>39</v>
      </c>
      <c r="AN27747">
        <v>39</v>
      </c>
      <c r="AO27747">
        <v>39</v>
      </c>
      <c r="AP27747">
        <v>40</v>
      </c>
      <c r="AQ27747">
        <v>40</v>
      </c>
    </row>
    <row r="27748" spans="1:43">
      <c r="A27748" t="s">
        <v>17173</v>
      </c>
      <c r="B27748" t="s">
        <v>17174</v>
      </c>
      <c r="C27748" t="s">
        <v>17175</v>
      </c>
      <c r="D27748" t="s">
        <v>17176</v>
      </c>
      <c r="E27748" t="s">
        <v>17115</v>
      </c>
      <c r="F27748" t="s">
        <v>17116</v>
      </c>
      <c r="G27748" t="s">
        <v>16559</v>
      </c>
      <c r="H27748" t="s">
        <v>16560</v>
      </c>
      <c r="I27748" s="2">
        <v>1</v>
      </c>
      <c r="J27748" s="2">
        <v>0</v>
      </c>
      <c r="K27748" s="2">
        <v>0</v>
      </c>
      <c r="L27748" t="s">
        <v>120</v>
      </c>
      <c r="M27748" t="s">
        <v>89</v>
      </c>
      <c r="N27748" t="s">
        <v>90</v>
      </c>
      <c r="O27748" t="s">
        <v>85</v>
      </c>
      <c r="P27748" t="s">
        <v>86</v>
      </c>
      <c r="Q27748">
        <v>32</v>
      </c>
      <c r="R27748">
        <v>32</v>
      </c>
      <c r="S27748">
        <v>33</v>
      </c>
      <c r="T27748">
        <v>34</v>
      </c>
      <c r="U27748">
        <v>35</v>
      </c>
      <c r="V27748">
        <v>36</v>
      </c>
      <c r="W27748">
        <v>37</v>
      </c>
      <c r="X27748">
        <v>37</v>
      </c>
      <c r="Y27748">
        <v>38</v>
      </c>
      <c r="Z27748">
        <v>39</v>
      </c>
      <c r="AA27748">
        <v>40</v>
      </c>
      <c r="AB27748">
        <v>41</v>
      </c>
      <c r="AC27748">
        <v>41</v>
      </c>
      <c r="AD27748">
        <v>42</v>
      </c>
      <c r="AE27748">
        <v>43</v>
      </c>
      <c r="AF27748">
        <v>43</v>
      </c>
      <c r="AG27748">
        <v>43</v>
      </c>
      <c r="AH27748">
        <v>43</v>
      </c>
      <c r="AI27748">
        <v>44</v>
      </c>
      <c r="AJ27748">
        <v>44</v>
      </c>
      <c r="AK27748">
        <v>44</v>
      </c>
      <c r="AL27748">
        <v>44</v>
      </c>
      <c r="AM27748">
        <v>44</v>
      </c>
      <c r="AN27748">
        <v>45</v>
      </c>
      <c r="AO27748">
        <v>45</v>
      </c>
      <c r="AP27748">
        <v>45</v>
      </c>
      <c r="AQ27748">
        <v>45</v>
      </c>
    </row>
    <row r="27749" spans="1:43">
      <c r="A27749" t="s">
        <v>17173</v>
      </c>
      <c r="B27749" t="s">
        <v>17174</v>
      </c>
      <c r="C27749" t="s">
        <v>17175</v>
      </c>
      <c r="D27749" t="s">
        <v>17176</v>
      </c>
      <c r="E27749" t="s">
        <v>17115</v>
      </c>
      <c r="F27749" t="s">
        <v>17116</v>
      </c>
      <c r="G27749" t="s">
        <v>16559</v>
      </c>
      <c r="H27749" t="s">
        <v>16560</v>
      </c>
      <c r="I27749" s="2">
        <v>1</v>
      </c>
      <c r="J27749" s="2">
        <v>0</v>
      </c>
      <c r="K27749" s="2">
        <v>0</v>
      </c>
      <c r="L27749" t="s">
        <v>120</v>
      </c>
      <c r="M27749" t="s">
        <v>83</v>
      </c>
      <c r="N27749" t="s">
        <v>91</v>
      </c>
      <c r="O27749" t="s">
        <v>85</v>
      </c>
      <c r="P27749" t="s">
        <v>86</v>
      </c>
      <c r="Q27749">
        <v>32</v>
      </c>
      <c r="R27749">
        <v>33</v>
      </c>
      <c r="S27749">
        <v>33</v>
      </c>
      <c r="T27749">
        <v>34</v>
      </c>
      <c r="U27749">
        <v>35</v>
      </c>
      <c r="V27749">
        <v>35</v>
      </c>
      <c r="W27749">
        <v>36</v>
      </c>
      <c r="X27749">
        <v>37</v>
      </c>
      <c r="Y27749">
        <v>37</v>
      </c>
      <c r="Z27749">
        <v>38</v>
      </c>
      <c r="AA27749">
        <v>38</v>
      </c>
      <c r="AB27749">
        <v>39</v>
      </c>
      <c r="AC27749">
        <v>40</v>
      </c>
      <c r="AD27749">
        <v>40</v>
      </c>
      <c r="AE27749">
        <v>41</v>
      </c>
      <c r="AF27749">
        <v>41</v>
      </c>
      <c r="AG27749">
        <v>42</v>
      </c>
      <c r="AH27749">
        <v>43</v>
      </c>
      <c r="AI27749">
        <v>43</v>
      </c>
      <c r="AJ27749">
        <v>44</v>
      </c>
      <c r="AK27749">
        <v>45</v>
      </c>
      <c r="AL27749">
        <v>45</v>
      </c>
      <c r="AM27749">
        <v>45</v>
      </c>
      <c r="AN27749">
        <v>45</v>
      </c>
      <c r="AO27749">
        <v>46</v>
      </c>
      <c r="AP27749">
        <v>46</v>
      </c>
      <c r="AQ27749">
        <v>46</v>
      </c>
    </row>
    <row r="27750" spans="1:43">
      <c r="A27750" t="s">
        <v>17177</v>
      </c>
      <c r="B27750" t="s">
        <v>17178</v>
      </c>
      <c r="C27750" t="s">
        <v>17175</v>
      </c>
      <c r="D27750" t="s">
        <v>17176</v>
      </c>
      <c r="E27750" t="s">
        <v>17115</v>
      </c>
      <c r="F27750" t="s">
        <v>17116</v>
      </c>
      <c r="G27750" t="s">
        <v>16559</v>
      </c>
      <c r="H27750" t="s">
        <v>16560</v>
      </c>
      <c r="I27750" s="2">
        <v>1</v>
      </c>
      <c r="J27750" s="2">
        <v>0</v>
      </c>
      <c r="K27750" s="2">
        <v>0</v>
      </c>
      <c r="L27750" t="s">
        <v>120</v>
      </c>
      <c r="M27750" t="s">
        <v>83</v>
      </c>
      <c r="N27750" t="s">
        <v>84</v>
      </c>
      <c r="O27750" t="s">
        <v>85</v>
      </c>
      <c r="P27750" t="s">
        <v>86</v>
      </c>
      <c r="Q27750">
        <v>13</v>
      </c>
      <c r="R27750">
        <v>13</v>
      </c>
      <c r="S27750">
        <v>13</v>
      </c>
      <c r="T27750">
        <v>13</v>
      </c>
      <c r="U27750">
        <v>14</v>
      </c>
      <c r="V27750">
        <v>14</v>
      </c>
      <c r="W27750">
        <v>14</v>
      </c>
      <c r="X27750">
        <v>14</v>
      </c>
      <c r="Y27750">
        <v>15</v>
      </c>
      <c r="Z27750">
        <v>15</v>
      </c>
      <c r="AA27750">
        <v>15</v>
      </c>
      <c r="AB27750">
        <v>15</v>
      </c>
      <c r="AC27750">
        <v>16</v>
      </c>
      <c r="AD27750">
        <v>16</v>
      </c>
      <c r="AE27750">
        <v>16</v>
      </c>
      <c r="AF27750">
        <v>16</v>
      </c>
      <c r="AG27750">
        <v>17</v>
      </c>
      <c r="AH27750">
        <v>17</v>
      </c>
      <c r="AI27750">
        <v>17</v>
      </c>
      <c r="AJ27750">
        <v>17</v>
      </c>
      <c r="AK27750">
        <v>18</v>
      </c>
      <c r="AL27750">
        <v>18</v>
      </c>
      <c r="AM27750">
        <v>18</v>
      </c>
      <c r="AN27750">
        <v>18</v>
      </c>
      <c r="AO27750">
        <v>18</v>
      </c>
      <c r="AP27750">
        <v>18</v>
      </c>
      <c r="AQ27750">
        <v>18</v>
      </c>
    </row>
    <row r="27751" spans="1:43">
      <c r="A27751" t="s">
        <v>17177</v>
      </c>
      <c r="B27751" t="s">
        <v>17178</v>
      </c>
      <c r="C27751" t="s">
        <v>17175</v>
      </c>
      <c r="D27751" t="s">
        <v>17176</v>
      </c>
      <c r="E27751" t="s">
        <v>17115</v>
      </c>
      <c r="F27751" t="s">
        <v>17116</v>
      </c>
      <c r="G27751" t="s">
        <v>16559</v>
      </c>
      <c r="H27751" t="s">
        <v>16560</v>
      </c>
      <c r="I27751" s="2">
        <v>1</v>
      </c>
      <c r="J27751" s="2">
        <v>0</v>
      </c>
      <c r="K27751" s="2">
        <v>0</v>
      </c>
      <c r="L27751" t="s">
        <v>120</v>
      </c>
      <c r="M27751" t="s">
        <v>87</v>
      </c>
      <c r="N27751" t="s">
        <v>88</v>
      </c>
      <c r="O27751" t="s">
        <v>85</v>
      </c>
      <c r="P27751" t="s">
        <v>86</v>
      </c>
      <c r="Q27751">
        <v>13</v>
      </c>
      <c r="R27751">
        <v>13</v>
      </c>
      <c r="S27751">
        <v>13</v>
      </c>
      <c r="T27751">
        <v>13</v>
      </c>
      <c r="U27751">
        <v>13</v>
      </c>
      <c r="V27751">
        <v>13</v>
      </c>
      <c r="W27751">
        <v>13</v>
      </c>
      <c r="X27751">
        <v>13</v>
      </c>
      <c r="Y27751">
        <v>14</v>
      </c>
      <c r="Z27751">
        <v>14</v>
      </c>
      <c r="AA27751">
        <v>14</v>
      </c>
      <c r="AB27751">
        <v>14</v>
      </c>
      <c r="AC27751">
        <v>14</v>
      </c>
      <c r="AD27751">
        <v>14</v>
      </c>
      <c r="AE27751">
        <v>14</v>
      </c>
      <c r="AF27751">
        <v>14</v>
      </c>
      <c r="AG27751">
        <v>14</v>
      </c>
      <c r="AH27751">
        <v>15</v>
      </c>
      <c r="AI27751">
        <v>15</v>
      </c>
      <c r="AJ27751">
        <v>15</v>
      </c>
      <c r="AK27751">
        <v>15</v>
      </c>
      <c r="AL27751">
        <v>15</v>
      </c>
      <c r="AM27751">
        <v>15</v>
      </c>
      <c r="AN27751">
        <v>15</v>
      </c>
      <c r="AO27751">
        <v>15</v>
      </c>
      <c r="AP27751">
        <v>16</v>
      </c>
      <c r="AQ27751">
        <v>16</v>
      </c>
    </row>
    <row r="27752" spans="1:43">
      <c r="A27752" t="s">
        <v>17177</v>
      </c>
      <c r="B27752" t="s">
        <v>17178</v>
      </c>
      <c r="C27752" t="s">
        <v>17175</v>
      </c>
      <c r="D27752" t="s">
        <v>17176</v>
      </c>
      <c r="E27752" t="s">
        <v>17115</v>
      </c>
      <c r="F27752" t="s">
        <v>17116</v>
      </c>
      <c r="G27752" t="s">
        <v>16559</v>
      </c>
      <c r="H27752" t="s">
        <v>16560</v>
      </c>
      <c r="I27752" s="2">
        <v>1</v>
      </c>
      <c r="J27752" s="2">
        <v>0</v>
      </c>
      <c r="K27752" s="2">
        <v>0</v>
      </c>
      <c r="L27752" t="s">
        <v>120</v>
      </c>
      <c r="M27752" t="s">
        <v>89</v>
      </c>
      <c r="N27752" t="s">
        <v>90</v>
      </c>
      <c r="O27752" t="s">
        <v>85</v>
      </c>
      <c r="P27752" t="s">
        <v>86</v>
      </c>
      <c r="Q27752">
        <v>13</v>
      </c>
      <c r="R27752">
        <v>13</v>
      </c>
      <c r="S27752">
        <v>14</v>
      </c>
      <c r="T27752">
        <v>14</v>
      </c>
      <c r="U27752">
        <v>14</v>
      </c>
      <c r="V27752">
        <v>15</v>
      </c>
      <c r="W27752">
        <v>15</v>
      </c>
      <c r="X27752">
        <v>15</v>
      </c>
      <c r="Y27752">
        <v>15</v>
      </c>
      <c r="Z27752">
        <v>16</v>
      </c>
      <c r="AA27752">
        <v>16</v>
      </c>
      <c r="AB27752">
        <v>16</v>
      </c>
      <c r="AC27752">
        <v>17</v>
      </c>
      <c r="AD27752">
        <v>17</v>
      </c>
      <c r="AE27752">
        <v>17</v>
      </c>
      <c r="AF27752">
        <v>17</v>
      </c>
      <c r="AG27752">
        <v>17</v>
      </c>
      <c r="AH27752">
        <v>17</v>
      </c>
      <c r="AI27752">
        <v>18</v>
      </c>
      <c r="AJ27752">
        <v>18</v>
      </c>
      <c r="AK27752">
        <v>18</v>
      </c>
      <c r="AL27752">
        <v>18</v>
      </c>
      <c r="AM27752">
        <v>18</v>
      </c>
      <c r="AN27752">
        <v>18</v>
      </c>
      <c r="AO27752">
        <v>18</v>
      </c>
      <c r="AP27752">
        <v>18</v>
      </c>
      <c r="AQ27752">
        <v>18</v>
      </c>
    </row>
    <row r="27753" spans="1:43">
      <c r="A27753" t="s">
        <v>17177</v>
      </c>
      <c r="B27753" t="s">
        <v>17178</v>
      </c>
      <c r="C27753" t="s">
        <v>17175</v>
      </c>
      <c r="D27753" t="s">
        <v>17176</v>
      </c>
      <c r="E27753" t="s">
        <v>17115</v>
      </c>
      <c r="F27753" t="s">
        <v>17116</v>
      </c>
      <c r="G27753" t="s">
        <v>16559</v>
      </c>
      <c r="H27753" t="s">
        <v>16560</v>
      </c>
      <c r="I27753" s="2">
        <v>1</v>
      </c>
      <c r="J27753" s="2">
        <v>0</v>
      </c>
      <c r="K27753" s="2">
        <v>0</v>
      </c>
      <c r="L27753" t="s">
        <v>120</v>
      </c>
      <c r="M27753" t="s">
        <v>83</v>
      </c>
      <c r="N27753" t="s">
        <v>91</v>
      </c>
      <c r="O27753" t="s">
        <v>85</v>
      </c>
      <c r="P27753" t="s">
        <v>86</v>
      </c>
      <c r="Q27753">
        <v>13</v>
      </c>
      <c r="R27753">
        <v>13</v>
      </c>
      <c r="S27753">
        <v>13</v>
      </c>
      <c r="T27753">
        <v>13</v>
      </c>
      <c r="U27753">
        <v>14</v>
      </c>
      <c r="V27753">
        <v>14</v>
      </c>
      <c r="W27753">
        <v>14</v>
      </c>
      <c r="X27753">
        <v>14</v>
      </c>
      <c r="Y27753">
        <v>15</v>
      </c>
      <c r="Z27753">
        <v>15</v>
      </c>
      <c r="AA27753">
        <v>15</v>
      </c>
      <c r="AB27753">
        <v>15</v>
      </c>
      <c r="AC27753">
        <v>16</v>
      </c>
      <c r="AD27753">
        <v>16</v>
      </c>
      <c r="AE27753">
        <v>16</v>
      </c>
      <c r="AF27753">
        <v>16</v>
      </c>
      <c r="AG27753">
        <v>17</v>
      </c>
      <c r="AH27753">
        <v>17</v>
      </c>
      <c r="AI27753">
        <v>17</v>
      </c>
      <c r="AJ27753">
        <v>17</v>
      </c>
      <c r="AK27753">
        <v>18</v>
      </c>
      <c r="AL27753">
        <v>18</v>
      </c>
      <c r="AM27753">
        <v>18</v>
      </c>
      <c r="AN27753">
        <v>18</v>
      </c>
      <c r="AO27753">
        <v>18</v>
      </c>
      <c r="AP27753">
        <v>18</v>
      </c>
      <c r="AQ27753">
        <v>18</v>
      </c>
    </row>
    <row r="27754" spans="1:43">
      <c r="A27754" t="s">
        <v>17179</v>
      </c>
      <c r="B27754" t="s">
        <v>17180</v>
      </c>
      <c r="C27754" t="s">
        <v>17175</v>
      </c>
      <c r="D27754" t="s">
        <v>17176</v>
      </c>
      <c r="E27754" t="s">
        <v>17115</v>
      </c>
      <c r="F27754" t="s">
        <v>17116</v>
      </c>
      <c r="G27754" t="s">
        <v>16559</v>
      </c>
      <c r="H27754" t="s">
        <v>16560</v>
      </c>
      <c r="I27754" s="2">
        <v>1</v>
      </c>
      <c r="J27754" s="2">
        <v>0</v>
      </c>
      <c r="K27754" s="2">
        <v>0</v>
      </c>
      <c r="L27754" t="s">
        <v>120</v>
      </c>
      <c r="M27754" t="s">
        <v>83</v>
      </c>
      <c r="N27754" t="s">
        <v>84</v>
      </c>
      <c r="O27754" t="s">
        <v>85</v>
      </c>
      <c r="P27754" t="s">
        <v>86</v>
      </c>
      <c r="Q27754">
        <v>86</v>
      </c>
      <c r="R27754">
        <v>88</v>
      </c>
      <c r="S27754">
        <v>89</v>
      </c>
      <c r="T27754">
        <v>91</v>
      </c>
      <c r="U27754">
        <v>92</v>
      </c>
      <c r="V27754">
        <v>94</v>
      </c>
      <c r="W27754">
        <v>96</v>
      </c>
      <c r="X27754">
        <v>97</v>
      </c>
      <c r="Y27754">
        <v>99</v>
      </c>
      <c r="Z27754">
        <v>101</v>
      </c>
      <c r="AA27754">
        <v>102</v>
      </c>
      <c r="AB27754">
        <v>104</v>
      </c>
      <c r="AC27754">
        <v>105</v>
      </c>
      <c r="AD27754">
        <v>107</v>
      </c>
      <c r="AE27754">
        <v>109</v>
      </c>
      <c r="AF27754">
        <v>110</v>
      </c>
      <c r="AG27754">
        <v>112</v>
      </c>
      <c r="AH27754">
        <v>114</v>
      </c>
      <c r="AI27754">
        <v>115</v>
      </c>
      <c r="AJ27754">
        <v>117</v>
      </c>
      <c r="AK27754">
        <v>119</v>
      </c>
      <c r="AL27754">
        <v>120</v>
      </c>
      <c r="AM27754">
        <v>120</v>
      </c>
      <c r="AN27754">
        <v>121</v>
      </c>
      <c r="AO27754">
        <v>121</v>
      </c>
      <c r="AP27754">
        <v>122</v>
      </c>
      <c r="AQ27754">
        <v>122</v>
      </c>
    </row>
    <row r="27755" spans="1:43">
      <c r="A27755" t="s">
        <v>17179</v>
      </c>
      <c r="B27755" t="s">
        <v>17180</v>
      </c>
      <c r="C27755" t="s">
        <v>17175</v>
      </c>
      <c r="D27755" t="s">
        <v>17176</v>
      </c>
      <c r="E27755" t="s">
        <v>17115</v>
      </c>
      <c r="F27755" t="s">
        <v>17116</v>
      </c>
      <c r="G27755" t="s">
        <v>16559</v>
      </c>
      <c r="H27755" t="s">
        <v>16560</v>
      </c>
      <c r="I27755" s="2">
        <v>1</v>
      </c>
      <c r="J27755" s="2">
        <v>0</v>
      </c>
      <c r="K27755" s="2">
        <v>0</v>
      </c>
      <c r="L27755" t="s">
        <v>120</v>
      </c>
      <c r="M27755" t="s">
        <v>87</v>
      </c>
      <c r="N27755" t="s">
        <v>88</v>
      </c>
      <c r="O27755" t="s">
        <v>85</v>
      </c>
      <c r="P27755" t="s">
        <v>86</v>
      </c>
      <c r="Q27755">
        <v>86</v>
      </c>
      <c r="R27755">
        <v>87</v>
      </c>
      <c r="S27755">
        <v>88</v>
      </c>
      <c r="T27755">
        <v>89</v>
      </c>
      <c r="U27755">
        <v>89</v>
      </c>
      <c r="V27755">
        <v>90</v>
      </c>
      <c r="W27755">
        <v>91</v>
      </c>
      <c r="X27755">
        <v>92</v>
      </c>
      <c r="Y27755">
        <v>93</v>
      </c>
      <c r="Z27755">
        <v>93</v>
      </c>
      <c r="AA27755">
        <v>94</v>
      </c>
      <c r="AB27755">
        <v>95</v>
      </c>
      <c r="AC27755">
        <v>96</v>
      </c>
      <c r="AD27755">
        <v>97</v>
      </c>
      <c r="AE27755">
        <v>98</v>
      </c>
      <c r="AF27755">
        <v>98</v>
      </c>
      <c r="AG27755">
        <v>99</v>
      </c>
      <c r="AH27755">
        <v>100</v>
      </c>
      <c r="AI27755">
        <v>101</v>
      </c>
      <c r="AJ27755">
        <v>102</v>
      </c>
      <c r="AK27755">
        <v>102</v>
      </c>
      <c r="AL27755">
        <v>103</v>
      </c>
      <c r="AM27755">
        <v>104</v>
      </c>
      <c r="AN27755">
        <v>105</v>
      </c>
      <c r="AO27755">
        <v>106</v>
      </c>
      <c r="AP27755">
        <v>107</v>
      </c>
      <c r="AQ27755">
        <v>108</v>
      </c>
    </row>
    <row r="27756" spans="1:43">
      <c r="A27756" t="s">
        <v>17179</v>
      </c>
      <c r="B27756" t="s">
        <v>17180</v>
      </c>
      <c r="C27756" t="s">
        <v>17175</v>
      </c>
      <c r="D27756" t="s">
        <v>17176</v>
      </c>
      <c r="E27756" t="s">
        <v>17115</v>
      </c>
      <c r="F27756" t="s">
        <v>17116</v>
      </c>
      <c r="G27756" t="s">
        <v>16559</v>
      </c>
      <c r="H27756" t="s">
        <v>16560</v>
      </c>
      <c r="I27756" s="2">
        <v>1</v>
      </c>
      <c r="J27756" s="2">
        <v>0</v>
      </c>
      <c r="K27756" s="2">
        <v>0</v>
      </c>
      <c r="L27756" t="s">
        <v>120</v>
      </c>
      <c r="M27756" t="s">
        <v>89</v>
      </c>
      <c r="N27756" t="s">
        <v>90</v>
      </c>
      <c r="O27756" t="s">
        <v>85</v>
      </c>
      <c r="P27756" t="s">
        <v>86</v>
      </c>
      <c r="Q27756">
        <v>86</v>
      </c>
      <c r="R27756">
        <v>88</v>
      </c>
      <c r="S27756">
        <v>90</v>
      </c>
      <c r="T27756">
        <v>93</v>
      </c>
      <c r="U27756">
        <v>95</v>
      </c>
      <c r="V27756">
        <v>97</v>
      </c>
      <c r="W27756">
        <v>99</v>
      </c>
      <c r="X27756">
        <v>101</v>
      </c>
      <c r="Y27756">
        <v>104</v>
      </c>
      <c r="Z27756">
        <v>106</v>
      </c>
      <c r="AA27756">
        <v>108</v>
      </c>
      <c r="AB27756">
        <v>110</v>
      </c>
      <c r="AC27756">
        <v>112</v>
      </c>
      <c r="AD27756">
        <v>114</v>
      </c>
      <c r="AE27756">
        <v>115</v>
      </c>
      <c r="AF27756">
        <v>116</v>
      </c>
      <c r="AG27756">
        <v>117</v>
      </c>
      <c r="AH27756">
        <v>117</v>
      </c>
      <c r="AI27756">
        <v>118</v>
      </c>
      <c r="AJ27756">
        <v>118</v>
      </c>
      <c r="AK27756">
        <v>119</v>
      </c>
      <c r="AL27756">
        <v>120</v>
      </c>
      <c r="AM27756">
        <v>120</v>
      </c>
      <c r="AN27756">
        <v>121</v>
      </c>
      <c r="AO27756">
        <v>121</v>
      </c>
      <c r="AP27756">
        <v>122</v>
      </c>
      <c r="AQ27756">
        <v>122</v>
      </c>
    </row>
    <row r="27757" spans="1:43">
      <c r="A27757" t="s">
        <v>17179</v>
      </c>
      <c r="B27757" t="s">
        <v>17180</v>
      </c>
      <c r="C27757" t="s">
        <v>17175</v>
      </c>
      <c r="D27757" t="s">
        <v>17176</v>
      </c>
      <c r="E27757" t="s">
        <v>17115</v>
      </c>
      <c r="F27757" t="s">
        <v>17116</v>
      </c>
      <c r="G27757" t="s">
        <v>16559</v>
      </c>
      <c r="H27757" t="s">
        <v>16560</v>
      </c>
      <c r="I27757" s="2">
        <v>1</v>
      </c>
      <c r="J27757" s="2">
        <v>0</v>
      </c>
      <c r="K27757" s="2">
        <v>0</v>
      </c>
      <c r="L27757" t="s">
        <v>120</v>
      </c>
      <c r="M27757" t="s">
        <v>83</v>
      </c>
      <c r="N27757" t="s">
        <v>91</v>
      </c>
      <c r="O27757" t="s">
        <v>85</v>
      </c>
      <c r="P27757" t="s">
        <v>86</v>
      </c>
      <c r="Q27757">
        <v>86</v>
      </c>
      <c r="R27757">
        <v>88</v>
      </c>
      <c r="S27757">
        <v>89</v>
      </c>
      <c r="T27757">
        <v>91</v>
      </c>
      <c r="U27757">
        <v>92</v>
      </c>
      <c r="V27757">
        <v>94</v>
      </c>
      <c r="W27757">
        <v>96</v>
      </c>
      <c r="X27757">
        <v>97</v>
      </c>
      <c r="Y27757">
        <v>99</v>
      </c>
      <c r="Z27757">
        <v>101</v>
      </c>
      <c r="AA27757">
        <v>102</v>
      </c>
      <c r="AB27757">
        <v>104</v>
      </c>
      <c r="AC27757">
        <v>105</v>
      </c>
      <c r="AD27757">
        <v>107</v>
      </c>
      <c r="AE27757">
        <v>109</v>
      </c>
      <c r="AF27757">
        <v>110</v>
      </c>
      <c r="AG27757">
        <v>112</v>
      </c>
      <c r="AH27757">
        <v>114</v>
      </c>
      <c r="AI27757">
        <v>115</v>
      </c>
      <c r="AJ27757">
        <v>117</v>
      </c>
      <c r="AK27757">
        <v>119</v>
      </c>
      <c r="AL27757">
        <v>120</v>
      </c>
      <c r="AM27757">
        <v>120</v>
      </c>
      <c r="AN27757">
        <v>121</v>
      </c>
      <c r="AO27757">
        <v>121</v>
      </c>
      <c r="AP27757">
        <v>122</v>
      </c>
      <c r="AQ27757">
        <v>122</v>
      </c>
    </row>
    <row r="27758" spans="1:43">
      <c r="A27758" t="s">
        <v>17181</v>
      </c>
      <c r="B27758" t="s">
        <v>17182</v>
      </c>
      <c r="C27758" t="s">
        <v>17175</v>
      </c>
      <c r="D27758" t="s">
        <v>17176</v>
      </c>
      <c r="E27758" t="s">
        <v>17115</v>
      </c>
      <c r="F27758" t="s">
        <v>17116</v>
      </c>
      <c r="G27758" t="s">
        <v>16559</v>
      </c>
      <c r="H27758" t="s">
        <v>16560</v>
      </c>
      <c r="I27758" s="2">
        <v>1</v>
      </c>
      <c r="J27758" s="2">
        <v>0</v>
      </c>
      <c r="K27758" s="2">
        <v>0</v>
      </c>
      <c r="L27758" t="s">
        <v>120</v>
      </c>
      <c r="M27758" t="s">
        <v>83</v>
      </c>
      <c r="N27758" t="s">
        <v>84</v>
      </c>
      <c r="O27758" t="s">
        <v>85</v>
      </c>
      <c r="P27758" t="s">
        <v>86</v>
      </c>
      <c r="Q27758">
        <v>18</v>
      </c>
      <c r="R27758">
        <v>18</v>
      </c>
      <c r="S27758">
        <v>19</v>
      </c>
      <c r="T27758">
        <v>19</v>
      </c>
      <c r="U27758">
        <v>19</v>
      </c>
      <c r="V27758">
        <v>20</v>
      </c>
      <c r="W27758">
        <v>20</v>
      </c>
      <c r="X27758">
        <v>20</v>
      </c>
      <c r="Y27758">
        <v>21</v>
      </c>
      <c r="Z27758">
        <v>21</v>
      </c>
      <c r="AA27758">
        <v>21</v>
      </c>
      <c r="AB27758">
        <v>22</v>
      </c>
      <c r="AC27758">
        <v>22</v>
      </c>
      <c r="AD27758">
        <v>22</v>
      </c>
      <c r="AE27758">
        <v>23</v>
      </c>
      <c r="AF27758">
        <v>23</v>
      </c>
      <c r="AG27758">
        <v>23</v>
      </c>
      <c r="AH27758">
        <v>24</v>
      </c>
      <c r="AI27758">
        <v>24</v>
      </c>
      <c r="AJ27758">
        <v>25</v>
      </c>
      <c r="AK27758">
        <v>25</v>
      </c>
      <c r="AL27758">
        <v>25</v>
      </c>
      <c r="AM27758">
        <v>25</v>
      </c>
      <c r="AN27758">
        <v>25</v>
      </c>
      <c r="AO27758">
        <v>25</v>
      </c>
      <c r="AP27758">
        <v>26</v>
      </c>
      <c r="AQ27758">
        <v>26</v>
      </c>
    </row>
    <row r="27759" spans="1:43">
      <c r="A27759" t="s">
        <v>17181</v>
      </c>
      <c r="B27759" t="s">
        <v>17182</v>
      </c>
      <c r="C27759" t="s">
        <v>17175</v>
      </c>
      <c r="D27759" t="s">
        <v>17176</v>
      </c>
      <c r="E27759" t="s">
        <v>17115</v>
      </c>
      <c r="F27759" t="s">
        <v>17116</v>
      </c>
      <c r="G27759" t="s">
        <v>16559</v>
      </c>
      <c r="H27759" t="s">
        <v>16560</v>
      </c>
      <c r="I27759" s="2">
        <v>1</v>
      </c>
      <c r="J27759" s="2">
        <v>0</v>
      </c>
      <c r="K27759" s="2">
        <v>0</v>
      </c>
      <c r="L27759" t="s">
        <v>120</v>
      </c>
      <c r="M27759" t="s">
        <v>87</v>
      </c>
      <c r="N27759" t="s">
        <v>88</v>
      </c>
      <c r="O27759" t="s">
        <v>85</v>
      </c>
      <c r="P27759" t="s">
        <v>86</v>
      </c>
      <c r="Q27759">
        <v>18</v>
      </c>
      <c r="R27759">
        <v>18</v>
      </c>
      <c r="S27759">
        <v>18</v>
      </c>
      <c r="T27759">
        <v>18</v>
      </c>
      <c r="U27759">
        <v>19</v>
      </c>
      <c r="V27759">
        <v>19</v>
      </c>
      <c r="W27759">
        <v>19</v>
      </c>
      <c r="X27759">
        <v>19</v>
      </c>
      <c r="Y27759">
        <v>19</v>
      </c>
      <c r="Z27759">
        <v>19</v>
      </c>
      <c r="AA27759">
        <v>20</v>
      </c>
      <c r="AB27759">
        <v>20</v>
      </c>
      <c r="AC27759">
        <v>20</v>
      </c>
      <c r="AD27759">
        <v>20</v>
      </c>
      <c r="AE27759">
        <v>20</v>
      </c>
      <c r="AF27759">
        <v>20</v>
      </c>
      <c r="AG27759">
        <v>21</v>
      </c>
      <c r="AH27759">
        <v>21</v>
      </c>
      <c r="AI27759">
        <v>21</v>
      </c>
      <c r="AJ27759">
        <v>21</v>
      </c>
      <c r="AK27759">
        <v>21</v>
      </c>
      <c r="AL27759">
        <v>21</v>
      </c>
      <c r="AM27759">
        <v>22</v>
      </c>
      <c r="AN27759">
        <v>22</v>
      </c>
      <c r="AO27759">
        <v>22</v>
      </c>
      <c r="AP27759">
        <v>22</v>
      </c>
      <c r="AQ27759">
        <v>22</v>
      </c>
    </row>
    <row r="27760" spans="1:43">
      <c r="A27760" t="s">
        <v>17181</v>
      </c>
      <c r="B27760" t="s">
        <v>17182</v>
      </c>
      <c r="C27760" t="s">
        <v>17175</v>
      </c>
      <c r="D27760" t="s">
        <v>17176</v>
      </c>
      <c r="E27760" t="s">
        <v>17115</v>
      </c>
      <c r="F27760" t="s">
        <v>17116</v>
      </c>
      <c r="G27760" t="s">
        <v>16559</v>
      </c>
      <c r="H27760" t="s">
        <v>16560</v>
      </c>
      <c r="I27760" s="2">
        <v>1</v>
      </c>
      <c r="J27760" s="2">
        <v>0</v>
      </c>
      <c r="K27760" s="2">
        <v>0</v>
      </c>
      <c r="L27760" t="s">
        <v>120</v>
      </c>
      <c r="M27760" t="s">
        <v>89</v>
      </c>
      <c r="N27760" t="s">
        <v>90</v>
      </c>
      <c r="O27760" t="s">
        <v>85</v>
      </c>
      <c r="P27760" t="s">
        <v>86</v>
      </c>
      <c r="Q27760">
        <v>18</v>
      </c>
      <c r="R27760">
        <v>19</v>
      </c>
      <c r="S27760">
        <v>19</v>
      </c>
      <c r="T27760">
        <v>20</v>
      </c>
      <c r="U27760">
        <v>20</v>
      </c>
      <c r="V27760">
        <v>21</v>
      </c>
      <c r="W27760">
        <v>21</v>
      </c>
      <c r="X27760">
        <v>22</v>
      </c>
      <c r="Y27760">
        <v>22</v>
      </c>
      <c r="Z27760">
        <v>22</v>
      </c>
      <c r="AA27760">
        <v>23</v>
      </c>
      <c r="AB27760">
        <v>23</v>
      </c>
      <c r="AC27760">
        <v>24</v>
      </c>
      <c r="AD27760">
        <v>24</v>
      </c>
      <c r="AE27760">
        <v>24</v>
      </c>
      <c r="AF27760">
        <v>25</v>
      </c>
      <c r="AG27760">
        <v>25</v>
      </c>
      <c r="AH27760">
        <v>25</v>
      </c>
      <c r="AI27760">
        <v>25</v>
      </c>
      <c r="AJ27760">
        <v>25</v>
      </c>
      <c r="AK27760">
        <v>25</v>
      </c>
      <c r="AL27760">
        <v>25</v>
      </c>
      <c r="AM27760">
        <v>25</v>
      </c>
      <c r="AN27760">
        <v>25</v>
      </c>
      <c r="AO27760">
        <v>26</v>
      </c>
      <c r="AP27760">
        <v>26</v>
      </c>
      <c r="AQ27760">
        <v>26</v>
      </c>
    </row>
    <row r="27761" spans="1:43">
      <c r="A27761" t="s">
        <v>17181</v>
      </c>
      <c r="B27761" t="s">
        <v>17182</v>
      </c>
      <c r="C27761" t="s">
        <v>17175</v>
      </c>
      <c r="D27761" t="s">
        <v>17176</v>
      </c>
      <c r="E27761" t="s">
        <v>17115</v>
      </c>
      <c r="F27761" t="s">
        <v>17116</v>
      </c>
      <c r="G27761" t="s">
        <v>16559</v>
      </c>
      <c r="H27761" t="s">
        <v>16560</v>
      </c>
      <c r="I27761" s="2">
        <v>1</v>
      </c>
      <c r="J27761" s="2">
        <v>0</v>
      </c>
      <c r="K27761" s="2">
        <v>0</v>
      </c>
      <c r="L27761" t="s">
        <v>120</v>
      </c>
      <c r="M27761" t="s">
        <v>83</v>
      </c>
      <c r="N27761" t="s">
        <v>91</v>
      </c>
      <c r="O27761" t="s">
        <v>85</v>
      </c>
      <c r="P27761" t="s">
        <v>86</v>
      </c>
      <c r="Q27761">
        <v>18</v>
      </c>
      <c r="R27761">
        <v>18</v>
      </c>
      <c r="S27761">
        <v>19</v>
      </c>
      <c r="T27761">
        <v>19</v>
      </c>
      <c r="U27761">
        <v>19</v>
      </c>
      <c r="V27761">
        <v>20</v>
      </c>
      <c r="W27761">
        <v>20</v>
      </c>
      <c r="X27761">
        <v>20</v>
      </c>
      <c r="Y27761">
        <v>21</v>
      </c>
      <c r="Z27761">
        <v>21</v>
      </c>
      <c r="AA27761">
        <v>21</v>
      </c>
      <c r="AB27761">
        <v>22</v>
      </c>
      <c r="AC27761">
        <v>22</v>
      </c>
      <c r="AD27761">
        <v>22</v>
      </c>
      <c r="AE27761">
        <v>23</v>
      </c>
      <c r="AF27761">
        <v>23</v>
      </c>
      <c r="AG27761">
        <v>23</v>
      </c>
      <c r="AH27761">
        <v>24</v>
      </c>
      <c r="AI27761">
        <v>24</v>
      </c>
      <c r="AJ27761">
        <v>25</v>
      </c>
      <c r="AK27761">
        <v>25</v>
      </c>
      <c r="AL27761">
        <v>25</v>
      </c>
      <c r="AM27761">
        <v>25</v>
      </c>
      <c r="AN27761">
        <v>25</v>
      </c>
      <c r="AO27761">
        <v>25</v>
      </c>
      <c r="AP27761">
        <v>26</v>
      </c>
      <c r="AQ27761">
        <v>26</v>
      </c>
    </row>
    <row r="27762" spans="1:43">
      <c r="A27762" t="s">
        <v>17183</v>
      </c>
      <c r="B27762" t="s">
        <v>17184</v>
      </c>
      <c r="C27762" t="s">
        <v>17185</v>
      </c>
      <c r="D27762" t="s">
        <v>17186</v>
      </c>
      <c r="E27762" t="s">
        <v>17115</v>
      </c>
      <c r="F27762" t="s">
        <v>17116</v>
      </c>
      <c r="G27762" t="s">
        <v>16559</v>
      </c>
      <c r="H27762" t="s">
        <v>16560</v>
      </c>
      <c r="I27762" s="2">
        <v>1</v>
      </c>
      <c r="J27762" s="2">
        <v>0</v>
      </c>
      <c r="K27762" s="2">
        <v>0</v>
      </c>
      <c r="L27762" t="s">
        <v>120</v>
      </c>
      <c r="M27762" t="s">
        <v>83</v>
      </c>
      <c r="N27762" t="s">
        <v>84</v>
      </c>
      <c r="O27762" t="s">
        <v>85</v>
      </c>
      <c r="P27762" t="s">
        <v>86</v>
      </c>
      <c r="Q27762">
        <v>17</v>
      </c>
      <c r="R27762">
        <v>17</v>
      </c>
      <c r="S27762">
        <v>17</v>
      </c>
      <c r="T27762">
        <v>18</v>
      </c>
      <c r="U27762">
        <v>18</v>
      </c>
      <c r="V27762">
        <v>18</v>
      </c>
      <c r="W27762">
        <v>19</v>
      </c>
      <c r="X27762">
        <v>19</v>
      </c>
      <c r="Y27762">
        <v>19</v>
      </c>
      <c r="Z27762">
        <v>20</v>
      </c>
      <c r="AA27762">
        <v>20</v>
      </c>
      <c r="AB27762">
        <v>20</v>
      </c>
      <c r="AC27762">
        <v>21</v>
      </c>
      <c r="AD27762">
        <v>21</v>
      </c>
      <c r="AE27762">
        <v>21</v>
      </c>
      <c r="AF27762">
        <v>22</v>
      </c>
      <c r="AG27762">
        <v>22</v>
      </c>
      <c r="AH27762">
        <v>22</v>
      </c>
      <c r="AI27762">
        <v>23</v>
      </c>
      <c r="AJ27762">
        <v>23</v>
      </c>
      <c r="AK27762">
        <v>23</v>
      </c>
      <c r="AL27762">
        <v>23</v>
      </c>
      <c r="AM27762">
        <v>23</v>
      </c>
      <c r="AN27762">
        <v>24</v>
      </c>
      <c r="AO27762">
        <v>24</v>
      </c>
      <c r="AP27762">
        <v>24</v>
      </c>
      <c r="AQ27762">
        <v>24</v>
      </c>
    </row>
    <row r="27763" spans="1:43">
      <c r="A27763" t="s">
        <v>17183</v>
      </c>
      <c r="B27763" t="s">
        <v>17184</v>
      </c>
      <c r="C27763" t="s">
        <v>17185</v>
      </c>
      <c r="D27763" t="s">
        <v>17186</v>
      </c>
      <c r="E27763" t="s">
        <v>17115</v>
      </c>
      <c r="F27763" t="s">
        <v>17116</v>
      </c>
      <c r="G27763" t="s">
        <v>16559</v>
      </c>
      <c r="H27763" t="s">
        <v>16560</v>
      </c>
      <c r="I27763" s="2">
        <v>1</v>
      </c>
      <c r="J27763" s="2">
        <v>0</v>
      </c>
      <c r="K27763" s="2">
        <v>0</v>
      </c>
      <c r="L27763" t="s">
        <v>120</v>
      </c>
      <c r="M27763" t="s">
        <v>87</v>
      </c>
      <c r="N27763" t="s">
        <v>88</v>
      </c>
      <c r="O27763" t="s">
        <v>85</v>
      </c>
      <c r="P27763" t="s">
        <v>86</v>
      </c>
      <c r="Q27763">
        <v>17</v>
      </c>
      <c r="R27763">
        <v>17</v>
      </c>
      <c r="S27763">
        <v>17</v>
      </c>
      <c r="T27763">
        <v>17</v>
      </c>
      <c r="U27763">
        <v>17</v>
      </c>
      <c r="V27763">
        <v>17</v>
      </c>
      <c r="W27763">
        <v>18</v>
      </c>
      <c r="X27763">
        <v>18</v>
      </c>
      <c r="Y27763">
        <v>18</v>
      </c>
      <c r="Z27763">
        <v>18</v>
      </c>
      <c r="AA27763">
        <v>18</v>
      </c>
      <c r="AB27763">
        <v>18</v>
      </c>
      <c r="AC27763">
        <v>19</v>
      </c>
      <c r="AD27763">
        <v>19</v>
      </c>
      <c r="AE27763">
        <v>19</v>
      </c>
      <c r="AF27763">
        <v>19</v>
      </c>
      <c r="AG27763">
        <v>19</v>
      </c>
      <c r="AH27763">
        <v>19</v>
      </c>
      <c r="AI27763">
        <v>19</v>
      </c>
      <c r="AJ27763">
        <v>20</v>
      </c>
      <c r="AK27763">
        <v>20</v>
      </c>
      <c r="AL27763">
        <v>20</v>
      </c>
      <c r="AM27763">
        <v>20</v>
      </c>
      <c r="AN27763">
        <v>20</v>
      </c>
      <c r="AO27763">
        <v>20</v>
      </c>
      <c r="AP27763">
        <v>21</v>
      </c>
      <c r="AQ27763">
        <v>21</v>
      </c>
    </row>
    <row r="27764" spans="1:43">
      <c r="A27764" t="s">
        <v>17183</v>
      </c>
      <c r="B27764" t="s">
        <v>17184</v>
      </c>
      <c r="C27764" t="s">
        <v>17185</v>
      </c>
      <c r="D27764" t="s">
        <v>17186</v>
      </c>
      <c r="E27764" t="s">
        <v>17115</v>
      </c>
      <c r="F27764" t="s">
        <v>17116</v>
      </c>
      <c r="G27764" t="s">
        <v>16559</v>
      </c>
      <c r="H27764" t="s">
        <v>16560</v>
      </c>
      <c r="I27764" s="2">
        <v>1</v>
      </c>
      <c r="J27764" s="2">
        <v>0</v>
      </c>
      <c r="K27764" s="2">
        <v>0</v>
      </c>
      <c r="L27764" t="s">
        <v>120</v>
      </c>
      <c r="M27764" t="s">
        <v>89</v>
      </c>
      <c r="N27764" t="s">
        <v>90</v>
      </c>
      <c r="O27764" t="s">
        <v>85</v>
      </c>
      <c r="P27764" t="s">
        <v>86</v>
      </c>
      <c r="Q27764">
        <v>17</v>
      </c>
      <c r="R27764">
        <v>17</v>
      </c>
      <c r="S27764">
        <v>18</v>
      </c>
      <c r="T27764">
        <v>18</v>
      </c>
      <c r="U27764">
        <v>19</v>
      </c>
      <c r="V27764">
        <v>19</v>
      </c>
      <c r="W27764">
        <v>20</v>
      </c>
      <c r="X27764">
        <v>20</v>
      </c>
      <c r="Y27764">
        <v>20</v>
      </c>
      <c r="Z27764">
        <v>21</v>
      </c>
      <c r="AA27764">
        <v>21</v>
      </c>
      <c r="AB27764">
        <v>22</v>
      </c>
      <c r="AC27764">
        <v>22</v>
      </c>
      <c r="AD27764">
        <v>22</v>
      </c>
      <c r="AE27764">
        <v>23</v>
      </c>
      <c r="AF27764">
        <v>23</v>
      </c>
      <c r="AG27764">
        <v>23</v>
      </c>
      <c r="AH27764">
        <v>23</v>
      </c>
      <c r="AI27764">
        <v>23</v>
      </c>
      <c r="AJ27764">
        <v>23</v>
      </c>
      <c r="AK27764">
        <v>23</v>
      </c>
      <c r="AL27764">
        <v>24</v>
      </c>
      <c r="AM27764">
        <v>24</v>
      </c>
      <c r="AN27764">
        <v>24</v>
      </c>
      <c r="AO27764">
        <v>24</v>
      </c>
      <c r="AP27764">
        <v>24</v>
      </c>
      <c r="AQ27764">
        <v>24</v>
      </c>
    </row>
    <row r="27765" spans="1:43">
      <c r="A27765" t="s">
        <v>17183</v>
      </c>
      <c r="B27765" t="s">
        <v>17184</v>
      </c>
      <c r="C27765" t="s">
        <v>17185</v>
      </c>
      <c r="D27765" t="s">
        <v>17186</v>
      </c>
      <c r="E27765" t="s">
        <v>17115</v>
      </c>
      <c r="F27765" t="s">
        <v>17116</v>
      </c>
      <c r="G27765" t="s">
        <v>16559</v>
      </c>
      <c r="H27765" t="s">
        <v>16560</v>
      </c>
      <c r="I27765" s="2">
        <v>1</v>
      </c>
      <c r="J27765" s="2">
        <v>0</v>
      </c>
      <c r="K27765" s="2">
        <v>0</v>
      </c>
      <c r="L27765" t="s">
        <v>120</v>
      </c>
      <c r="M27765" t="s">
        <v>83</v>
      </c>
      <c r="N27765" t="s">
        <v>91</v>
      </c>
      <c r="O27765" t="s">
        <v>85</v>
      </c>
      <c r="P27765" t="s">
        <v>86</v>
      </c>
      <c r="Q27765">
        <v>17</v>
      </c>
      <c r="R27765">
        <v>17</v>
      </c>
      <c r="S27765">
        <v>17</v>
      </c>
      <c r="T27765">
        <v>18</v>
      </c>
      <c r="U27765">
        <v>18</v>
      </c>
      <c r="V27765">
        <v>18</v>
      </c>
      <c r="W27765">
        <v>19</v>
      </c>
      <c r="X27765">
        <v>19</v>
      </c>
      <c r="Y27765">
        <v>19</v>
      </c>
      <c r="Z27765">
        <v>20</v>
      </c>
      <c r="AA27765">
        <v>20</v>
      </c>
      <c r="AB27765">
        <v>20</v>
      </c>
      <c r="AC27765">
        <v>21</v>
      </c>
      <c r="AD27765">
        <v>21</v>
      </c>
      <c r="AE27765">
        <v>21</v>
      </c>
      <c r="AF27765">
        <v>22</v>
      </c>
      <c r="AG27765">
        <v>22</v>
      </c>
      <c r="AH27765">
        <v>22</v>
      </c>
      <c r="AI27765">
        <v>23</v>
      </c>
      <c r="AJ27765">
        <v>23</v>
      </c>
      <c r="AK27765">
        <v>23</v>
      </c>
      <c r="AL27765">
        <v>23</v>
      </c>
      <c r="AM27765">
        <v>23</v>
      </c>
      <c r="AN27765">
        <v>24</v>
      </c>
      <c r="AO27765">
        <v>24</v>
      </c>
      <c r="AP27765">
        <v>24</v>
      </c>
      <c r="AQ27765">
        <v>24</v>
      </c>
    </row>
    <row r="27766" spans="1:43">
      <c r="A27766" t="s">
        <v>17187</v>
      </c>
      <c r="B27766" t="s">
        <v>17188</v>
      </c>
      <c r="C27766" t="s">
        <v>17185</v>
      </c>
      <c r="D27766" t="s">
        <v>17186</v>
      </c>
      <c r="E27766" t="s">
        <v>17115</v>
      </c>
      <c r="F27766" t="s">
        <v>17116</v>
      </c>
      <c r="G27766" t="s">
        <v>16559</v>
      </c>
      <c r="H27766" t="s">
        <v>16560</v>
      </c>
      <c r="I27766" s="2">
        <v>1</v>
      </c>
      <c r="J27766" s="2">
        <v>0</v>
      </c>
      <c r="K27766" s="2">
        <v>0</v>
      </c>
      <c r="L27766" t="s">
        <v>120</v>
      </c>
      <c r="M27766" t="s">
        <v>83</v>
      </c>
      <c r="N27766" t="s">
        <v>84</v>
      </c>
      <c r="O27766" t="s">
        <v>85</v>
      </c>
      <c r="P27766" t="s">
        <v>86</v>
      </c>
      <c r="Q27766">
        <v>28</v>
      </c>
      <c r="R27766">
        <v>28</v>
      </c>
      <c r="S27766">
        <v>29</v>
      </c>
      <c r="T27766">
        <v>29</v>
      </c>
      <c r="U27766">
        <v>30</v>
      </c>
      <c r="V27766">
        <v>30</v>
      </c>
      <c r="W27766">
        <v>31</v>
      </c>
      <c r="X27766">
        <v>31</v>
      </c>
      <c r="Y27766">
        <v>32</v>
      </c>
      <c r="Z27766">
        <v>32</v>
      </c>
      <c r="AA27766">
        <v>33</v>
      </c>
      <c r="AB27766">
        <v>33</v>
      </c>
      <c r="AC27766">
        <v>34</v>
      </c>
      <c r="AD27766">
        <v>34</v>
      </c>
      <c r="AE27766">
        <v>35</v>
      </c>
      <c r="AF27766">
        <v>35</v>
      </c>
      <c r="AG27766">
        <v>36</v>
      </c>
      <c r="AH27766">
        <v>36</v>
      </c>
      <c r="AI27766">
        <v>37</v>
      </c>
      <c r="AJ27766">
        <v>38</v>
      </c>
      <c r="AK27766">
        <v>38</v>
      </c>
      <c r="AL27766">
        <v>38</v>
      </c>
      <c r="AM27766">
        <v>39</v>
      </c>
      <c r="AN27766">
        <v>39</v>
      </c>
      <c r="AO27766">
        <v>39</v>
      </c>
      <c r="AP27766">
        <v>39</v>
      </c>
      <c r="AQ27766">
        <v>39</v>
      </c>
    </row>
    <row r="27767" spans="1:43">
      <c r="A27767" t="s">
        <v>17187</v>
      </c>
      <c r="B27767" t="s">
        <v>17188</v>
      </c>
      <c r="C27767" t="s">
        <v>17185</v>
      </c>
      <c r="D27767" t="s">
        <v>17186</v>
      </c>
      <c r="E27767" t="s">
        <v>17115</v>
      </c>
      <c r="F27767" t="s">
        <v>17116</v>
      </c>
      <c r="G27767" t="s">
        <v>16559</v>
      </c>
      <c r="H27767" t="s">
        <v>16560</v>
      </c>
      <c r="I27767" s="2">
        <v>1</v>
      </c>
      <c r="J27767" s="2">
        <v>0</v>
      </c>
      <c r="K27767" s="2">
        <v>0</v>
      </c>
      <c r="L27767" t="s">
        <v>120</v>
      </c>
      <c r="M27767" t="s">
        <v>87</v>
      </c>
      <c r="N27767" t="s">
        <v>88</v>
      </c>
      <c r="O27767" t="s">
        <v>85</v>
      </c>
      <c r="P27767" t="s">
        <v>86</v>
      </c>
      <c r="Q27767">
        <v>28</v>
      </c>
      <c r="R27767">
        <v>29</v>
      </c>
      <c r="S27767">
        <v>29</v>
      </c>
      <c r="T27767">
        <v>29</v>
      </c>
      <c r="U27767">
        <v>29</v>
      </c>
      <c r="V27767">
        <v>30</v>
      </c>
      <c r="W27767">
        <v>30</v>
      </c>
      <c r="X27767">
        <v>30</v>
      </c>
      <c r="Y27767">
        <v>30</v>
      </c>
      <c r="Z27767">
        <v>31</v>
      </c>
      <c r="AA27767">
        <v>31</v>
      </c>
      <c r="AB27767">
        <v>31</v>
      </c>
      <c r="AC27767">
        <v>31</v>
      </c>
      <c r="AD27767">
        <v>32</v>
      </c>
      <c r="AE27767">
        <v>32</v>
      </c>
      <c r="AF27767">
        <v>32</v>
      </c>
      <c r="AG27767">
        <v>32</v>
      </c>
      <c r="AH27767">
        <v>33</v>
      </c>
      <c r="AI27767">
        <v>33</v>
      </c>
      <c r="AJ27767">
        <v>33</v>
      </c>
      <c r="AK27767">
        <v>34</v>
      </c>
      <c r="AL27767">
        <v>34</v>
      </c>
      <c r="AM27767">
        <v>34</v>
      </c>
      <c r="AN27767">
        <v>34</v>
      </c>
      <c r="AO27767">
        <v>35</v>
      </c>
      <c r="AP27767">
        <v>35</v>
      </c>
      <c r="AQ27767">
        <v>35</v>
      </c>
    </row>
    <row r="27768" spans="1:43">
      <c r="A27768" t="s">
        <v>17187</v>
      </c>
      <c r="B27768" t="s">
        <v>17188</v>
      </c>
      <c r="C27768" t="s">
        <v>17185</v>
      </c>
      <c r="D27768" t="s">
        <v>17186</v>
      </c>
      <c r="E27768" t="s">
        <v>17115</v>
      </c>
      <c r="F27768" t="s">
        <v>17116</v>
      </c>
      <c r="G27768" t="s">
        <v>16559</v>
      </c>
      <c r="H27768" t="s">
        <v>16560</v>
      </c>
      <c r="I27768" s="2">
        <v>1</v>
      </c>
      <c r="J27768" s="2">
        <v>0</v>
      </c>
      <c r="K27768" s="2">
        <v>0</v>
      </c>
      <c r="L27768" t="s">
        <v>120</v>
      </c>
      <c r="M27768" t="s">
        <v>89</v>
      </c>
      <c r="N27768" t="s">
        <v>90</v>
      </c>
      <c r="O27768" t="s">
        <v>85</v>
      </c>
      <c r="P27768" t="s">
        <v>86</v>
      </c>
      <c r="Q27768">
        <v>28</v>
      </c>
      <c r="R27768">
        <v>29</v>
      </c>
      <c r="S27768">
        <v>29</v>
      </c>
      <c r="T27768">
        <v>30</v>
      </c>
      <c r="U27768">
        <v>31</v>
      </c>
      <c r="V27768">
        <v>32</v>
      </c>
      <c r="W27768">
        <v>32</v>
      </c>
      <c r="X27768">
        <v>33</v>
      </c>
      <c r="Y27768">
        <v>34</v>
      </c>
      <c r="Z27768">
        <v>34</v>
      </c>
      <c r="AA27768">
        <v>35</v>
      </c>
      <c r="AB27768">
        <v>36</v>
      </c>
      <c r="AC27768">
        <v>36</v>
      </c>
      <c r="AD27768">
        <v>37</v>
      </c>
      <c r="AE27768">
        <v>37</v>
      </c>
      <c r="AF27768">
        <v>38</v>
      </c>
      <c r="AG27768">
        <v>38</v>
      </c>
      <c r="AH27768">
        <v>38</v>
      </c>
      <c r="AI27768">
        <v>38</v>
      </c>
      <c r="AJ27768">
        <v>38</v>
      </c>
      <c r="AK27768">
        <v>39</v>
      </c>
      <c r="AL27768">
        <v>39</v>
      </c>
      <c r="AM27768">
        <v>39</v>
      </c>
      <c r="AN27768">
        <v>39</v>
      </c>
      <c r="AO27768">
        <v>39</v>
      </c>
      <c r="AP27768">
        <v>39</v>
      </c>
      <c r="AQ27768">
        <v>40</v>
      </c>
    </row>
    <row r="27769" spans="1:43">
      <c r="A27769" t="s">
        <v>17187</v>
      </c>
      <c r="B27769" t="s">
        <v>17188</v>
      </c>
      <c r="C27769" t="s">
        <v>17185</v>
      </c>
      <c r="D27769" t="s">
        <v>17186</v>
      </c>
      <c r="E27769" t="s">
        <v>17115</v>
      </c>
      <c r="F27769" t="s">
        <v>17116</v>
      </c>
      <c r="G27769" t="s">
        <v>16559</v>
      </c>
      <c r="H27769" t="s">
        <v>16560</v>
      </c>
      <c r="I27769" s="2">
        <v>1</v>
      </c>
      <c r="J27769" s="2">
        <v>0</v>
      </c>
      <c r="K27769" s="2">
        <v>0</v>
      </c>
      <c r="L27769" t="s">
        <v>120</v>
      </c>
      <c r="M27769" t="s">
        <v>83</v>
      </c>
      <c r="N27769" t="s">
        <v>91</v>
      </c>
      <c r="O27769" t="s">
        <v>85</v>
      </c>
      <c r="P27769" t="s">
        <v>86</v>
      </c>
      <c r="Q27769">
        <v>28</v>
      </c>
      <c r="R27769">
        <v>28</v>
      </c>
      <c r="S27769">
        <v>29</v>
      </c>
      <c r="T27769">
        <v>29</v>
      </c>
      <c r="U27769">
        <v>30</v>
      </c>
      <c r="V27769">
        <v>30</v>
      </c>
      <c r="W27769">
        <v>31</v>
      </c>
      <c r="X27769">
        <v>31</v>
      </c>
      <c r="Y27769">
        <v>32</v>
      </c>
      <c r="Z27769">
        <v>32</v>
      </c>
      <c r="AA27769">
        <v>33</v>
      </c>
      <c r="AB27769">
        <v>33</v>
      </c>
      <c r="AC27769">
        <v>34</v>
      </c>
      <c r="AD27769">
        <v>34</v>
      </c>
      <c r="AE27769">
        <v>35</v>
      </c>
      <c r="AF27769">
        <v>35</v>
      </c>
      <c r="AG27769">
        <v>36</v>
      </c>
      <c r="AH27769">
        <v>36</v>
      </c>
      <c r="AI27769">
        <v>37</v>
      </c>
      <c r="AJ27769">
        <v>38</v>
      </c>
      <c r="AK27769">
        <v>38</v>
      </c>
      <c r="AL27769">
        <v>38</v>
      </c>
      <c r="AM27769">
        <v>39</v>
      </c>
      <c r="AN27769">
        <v>39</v>
      </c>
      <c r="AO27769">
        <v>39</v>
      </c>
      <c r="AP27769">
        <v>39</v>
      </c>
      <c r="AQ27769">
        <v>39</v>
      </c>
    </row>
    <row r="27770" spans="1:43">
      <c r="A27770" t="s">
        <v>17189</v>
      </c>
      <c r="B27770" t="s">
        <v>17190</v>
      </c>
      <c r="C27770" t="s">
        <v>17185</v>
      </c>
      <c r="D27770" t="s">
        <v>17186</v>
      </c>
      <c r="E27770" t="s">
        <v>17115</v>
      </c>
      <c r="F27770" t="s">
        <v>17116</v>
      </c>
      <c r="G27770" t="s">
        <v>16559</v>
      </c>
      <c r="H27770" t="s">
        <v>16560</v>
      </c>
      <c r="I27770" s="2">
        <v>1</v>
      </c>
      <c r="J27770" s="2">
        <v>0</v>
      </c>
      <c r="K27770" s="2">
        <v>0</v>
      </c>
      <c r="L27770" t="s">
        <v>120</v>
      </c>
      <c r="M27770" t="s">
        <v>83</v>
      </c>
      <c r="N27770" t="s">
        <v>84</v>
      </c>
      <c r="O27770" t="s">
        <v>85</v>
      </c>
      <c r="P27770" t="s">
        <v>86</v>
      </c>
      <c r="Q27770">
        <v>33</v>
      </c>
      <c r="R27770">
        <v>33</v>
      </c>
      <c r="S27770">
        <v>34</v>
      </c>
      <c r="T27770">
        <v>35</v>
      </c>
      <c r="U27770">
        <v>35</v>
      </c>
      <c r="V27770">
        <v>36</v>
      </c>
      <c r="W27770">
        <v>37</v>
      </c>
      <c r="X27770">
        <v>37</v>
      </c>
      <c r="Y27770">
        <v>38</v>
      </c>
      <c r="Z27770">
        <v>38</v>
      </c>
      <c r="AA27770">
        <v>39</v>
      </c>
      <c r="AB27770">
        <v>40</v>
      </c>
      <c r="AC27770">
        <v>40</v>
      </c>
      <c r="AD27770">
        <v>41</v>
      </c>
      <c r="AE27770">
        <v>41</v>
      </c>
      <c r="AF27770">
        <v>42</v>
      </c>
      <c r="AG27770">
        <v>43</v>
      </c>
      <c r="AH27770">
        <v>43</v>
      </c>
      <c r="AI27770">
        <v>44</v>
      </c>
      <c r="AJ27770">
        <v>45</v>
      </c>
      <c r="AK27770">
        <v>45</v>
      </c>
      <c r="AL27770">
        <v>46</v>
      </c>
      <c r="AM27770">
        <v>46</v>
      </c>
      <c r="AN27770">
        <v>46</v>
      </c>
      <c r="AO27770">
        <v>46</v>
      </c>
      <c r="AP27770">
        <v>46</v>
      </c>
      <c r="AQ27770">
        <v>47</v>
      </c>
    </row>
    <row r="27771" spans="1:43">
      <c r="A27771" t="s">
        <v>17189</v>
      </c>
      <c r="B27771" t="s">
        <v>17190</v>
      </c>
      <c r="C27771" t="s">
        <v>17185</v>
      </c>
      <c r="D27771" t="s">
        <v>17186</v>
      </c>
      <c r="E27771" t="s">
        <v>17115</v>
      </c>
      <c r="F27771" t="s">
        <v>17116</v>
      </c>
      <c r="G27771" t="s">
        <v>16559</v>
      </c>
      <c r="H27771" t="s">
        <v>16560</v>
      </c>
      <c r="I27771" s="2">
        <v>1</v>
      </c>
      <c r="J27771" s="2">
        <v>0</v>
      </c>
      <c r="K27771" s="2">
        <v>0</v>
      </c>
      <c r="L27771" t="s">
        <v>120</v>
      </c>
      <c r="M27771" t="s">
        <v>87</v>
      </c>
      <c r="N27771" t="s">
        <v>88</v>
      </c>
      <c r="O27771" t="s">
        <v>85</v>
      </c>
      <c r="P27771" t="s">
        <v>86</v>
      </c>
      <c r="Q27771">
        <v>33</v>
      </c>
      <c r="R27771">
        <v>34</v>
      </c>
      <c r="S27771">
        <v>34</v>
      </c>
      <c r="T27771">
        <v>34</v>
      </c>
      <c r="U27771">
        <v>35</v>
      </c>
      <c r="V27771">
        <v>35</v>
      </c>
      <c r="W27771">
        <v>35</v>
      </c>
      <c r="X27771">
        <v>36</v>
      </c>
      <c r="Y27771">
        <v>36</v>
      </c>
      <c r="Z27771">
        <v>36</v>
      </c>
      <c r="AA27771">
        <v>37</v>
      </c>
      <c r="AB27771">
        <v>37</v>
      </c>
      <c r="AC27771">
        <v>37</v>
      </c>
      <c r="AD27771">
        <v>37</v>
      </c>
      <c r="AE27771">
        <v>38</v>
      </c>
      <c r="AF27771">
        <v>38</v>
      </c>
      <c r="AG27771">
        <v>38</v>
      </c>
      <c r="AH27771">
        <v>39</v>
      </c>
      <c r="AI27771">
        <v>39</v>
      </c>
      <c r="AJ27771">
        <v>39</v>
      </c>
      <c r="AK27771">
        <v>40</v>
      </c>
      <c r="AL27771">
        <v>40</v>
      </c>
      <c r="AM27771">
        <v>40</v>
      </c>
      <c r="AN27771">
        <v>41</v>
      </c>
      <c r="AO27771">
        <v>41</v>
      </c>
      <c r="AP27771">
        <v>41</v>
      </c>
      <c r="AQ27771">
        <v>42</v>
      </c>
    </row>
    <row r="27772" spans="1:43">
      <c r="A27772" t="s">
        <v>17189</v>
      </c>
      <c r="B27772" t="s">
        <v>17190</v>
      </c>
      <c r="C27772" t="s">
        <v>17185</v>
      </c>
      <c r="D27772" t="s">
        <v>17186</v>
      </c>
      <c r="E27772" t="s">
        <v>17115</v>
      </c>
      <c r="F27772" t="s">
        <v>17116</v>
      </c>
      <c r="G27772" t="s">
        <v>16559</v>
      </c>
      <c r="H27772" t="s">
        <v>16560</v>
      </c>
      <c r="I27772" s="2">
        <v>1</v>
      </c>
      <c r="J27772" s="2">
        <v>0</v>
      </c>
      <c r="K27772" s="2">
        <v>0</v>
      </c>
      <c r="L27772" t="s">
        <v>120</v>
      </c>
      <c r="M27772" t="s">
        <v>89</v>
      </c>
      <c r="N27772" t="s">
        <v>90</v>
      </c>
      <c r="O27772" t="s">
        <v>85</v>
      </c>
      <c r="P27772" t="s">
        <v>86</v>
      </c>
      <c r="Q27772">
        <v>33</v>
      </c>
      <c r="R27772">
        <v>34</v>
      </c>
      <c r="S27772">
        <v>35</v>
      </c>
      <c r="T27772">
        <v>36</v>
      </c>
      <c r="U27772">
        <v>37</v>
      </c>
      <c r="V27772">
        <v>37</v>
      </c>
      <c r="W27772">
        <v>38</v>
      </c>
      <c r="X27772">
        <v>39</v>
      </c>
      <c r="Y27772">
        <v>40</v>
      </c>
      <c r="Z27772">
        <v>41</v>
      </c>
      <c r="AA27772">
        <v>41</v>
      </c>
      <c r="AB27772">
        <v>42</v>
      </c>
      <c r="AC27772">
        <v>43</v>
      </c>
      <c r="AD27772">
        <v>44</v>
      </c>
      <c r="AE27772">
        <v>44</v>
      </c>
      <c r="AF27772">
        <v>45</v>
      </c>
      <c r="AG27772">
        <v>45</v>
      </c>
      <c r="AH27772">
        <v>45</v>
      </c>
      <c r="AI27772">
        <v>45</v>
      </c>
      <c r="AJ27772">
        <v>46</v>
      </c>
      <c r="AK27772">
        <v>46</v>
      </c>
      <c r="AL27772">
        <v>46</v>
      </c>
      <c r="AM27772">
        <v>46</v>
      </c>
      <c r="AN27772">
        <v>46</v>
      </c>
      <c r="AO27772">
        <v>47</v>
      </c>
      <c r="AP27772">
        <v>47</v>
      </c>
      <c r="AQ27772">
        <v>47</v>
      </c>
    </row>
    <row r="27773" spans="1:43">
      <c r="A27773" t="s">
        <v>17189</v>
      </c>
      <c r="B27773" t="s">
        <v>17190</v>
      </c>
      <c r="C27773" t="s">
        <v>17185</v>
      </c>
      <c r="D27773" t="s">
        <v>17186</v>
      </c>
      <c r="E27773" t="s">
        <v>17115</v>
      </c>
      <c r="F27773" t="s">
        <v>17116</v>
      </c>
      <c r="G27773" t="s">
        <v>16559</v>
      </c>
      <c r="H27773" t="s">
        <v>16560</v>
      </c>
      <c r="I27773" s="2">
        <v>1</v>
      </c>
      <c r="J27773" s="2">
        <v>0</v>
      </c>
      <c r="K27773" s="2">
        <v>0</v>
      </c>
      <c r="L27773" t="s">
        <v>120</v>
      </c>
      <c r="M27773" t="s">
        <v>83</v>
      </c>
      <c r="N27773" t="s">
        <v>91</v>
      </c>
      <c r="O27773" t="s">
        <v>85</v>
      </c>
      <c r="P27773" t="s">
        <v>86</v>
      </c>
      <c r="Q27773">
        <v>33</v>
      </c>
      <c r="R27773">
        <v>33</v>
      </c>
      <c r="S27773">
        <v>34</v>
      </c>
      <c r="T27773">
        <v>35</v>
      </c>
      <c r="U27773">
        <v>35</v>
      </c>
      <c r="V27773">
        <v>36</v>
      </c>
      <c r="W27773">
        <v>37</v>
      </c>
      <c r="X27773">
        <v>37</v>
      </c>
      <c r="Y27773">
        <v>38</v>
      </c>
      <c r="Z27773">
        <v>38</v>
      </c>
      <c r="AA27773">
        <v>39</v>
      </c>
      <c r="AB27773">
        <v>40</v>
      </c>
      <c r="AC27773">
        <v>40</v>
      </c>
      <c r="AD27773">
        <v>41</v>
      </c>
      <c r="AE27773">
        <v>41</v>
      </c>
      <c r="AF27773">
        <v>42</v>
      </c>
      <c r="AG27773">
        <v>43</v>
      </c>
      <c r="AH27773">
        <v>43</v>
      </c>
      <c r="AI27773">
        <v>44</v>
      </c>
      <c r="AJ27773">
        <v>45</v>
      </c>
      <c r="AK27773">
        <v>45</v>
      </c>
      <c r="AL27773">
        <v>46</v>
      </c>
      <c r="AM27773">
        <v>46</v>
      </c>
      <c r="AN27773">
        <v>46</v>
      </c>
      <c r="AO27773">
        <v>46</v>
      </c>
      <c r="AP27773">
        <v>46</v>
      </c>
      <c r="AQ27773">
        <v>47</v>
      </c>
    </row>
    <row r="27774" spans="1:43">
      <c r="A27774" t="s">
        <v>17191</v>
      </c>
      <c r="B27774" t="s">
        <v>17192</v>
      </c>
      <c r="C27774" t="s">
        <v>17185</v>
      </c>
      <c r="D27774" t="s">
        <v>17186</v>
      </c>
      <c r="E27774" t="s">
        <v>17115</v>
      </c>
      <c r="F27774" t="s">
        <v>17116</v>
      </c>
      <c r="G27774" t="s">
        <v>16559</v>
      </c>
      <c r="H27774" t="s">
        <v>16560</v>
      </c>
      <c r="I27774" s="2">
        <v>1</v>
      </c>
      <c r="J27774" s="2">
        <v>0</v>
      </c>
      <c r="K27774" s="2">
        <v>0</v>
      </c>
      <c r="L27774" t="s">
        <v>120</v>
      </c>
      <c r="M27774" t="s">
        <v>83</v>
      </c>
      <c r="N27774" t="s">
        <v>84</v>
      </c>
      <c r="O27774" t="s">
        <v>85</v>
      </c>
      <c r="P27774" t="s">
        <v>86</v>
      </c>
      <c r="Q27774">
        <v>28</v>
      </c>
      <c r="R27774">
        <v>29</v>
      </c>
      <c r="S27774">
        <v>29</v>
      </c>
      <c r="T27774">
        <v>30</v>
      </c>
      <c r="U27774">
        <v>31</v>
      </c>
      <c r="V27774">
        <v>31</v>
      </c>
      <c r="W27774">
        <v>32</v>
      </c>
      <c r="X27774">
        <v>32</v>
      </c>
      <c r="Y27774">
        <v>33</v>
      </c>
      <c r="Z27774">
        <v>33</v>
      </c>
      <c r="AA27774">
        <v>34</v>
      </c>
      <c r="AB27774">
        <v>34</v>
      </c>
      <c r="AC27774">
        <v>35</v>
      </c>
      <c r="AD27774">
        <v>35</v>
      </c>
      <c r="AE27774">
        <v>36</v>
      </c>
      <c r="AF27774">
        <v>36</v>
      </c>
      <c r="AG27774">
        <v>37</v>
      </c>
      <c r="AH27774">
        <v>38</v>
      </c>
      <c r="AI27774">
        <v>38</v>
      </c>
      <c r="AJ27774">
        <v>39</v>
      </c>
      <c r="AK27774">
        <v>39</v>
      </c>
      <c r="AL27774">
        <v>40</v>
      </c>
      <c r="AM27774">
        <v>40</v>
      </c>
      <c r="AN27774">
        <v>40</v>
      </c>
      <c r="AO27774">
        <v>40</v>
      </c>
      <c r="AP27774">
        <v>40</v>
      </c>
      <c r="AQ27774">
        <v>41</v>
      </c>
    </row>
    <row r="27775" spans="1:43">
      <c r="A27775" t="s">
        <v>17191</v>
      </c>
      <c r="B27775" t="s">
        <v>17192</v>
      </c>
      <c r="C27775" t="s">
        <v>17185</v>
      </c>
      <c r="D27775" t="s">
        <v>17186</v>
      </c>
      <c r="E27775" t="s">
        <v>17115</v>
      </c>
      <c r="F27775" t="s">
        <v>17116</v>
      </c>
      <c r="G27775" t="s">
        <v>16559</v>
      </c>
      <c r="H27775" t="s">
        <v>16560</v>
      </c>
      <c r="I27775" s="2">
        <v>1</v>
      </c>
      <c r="J27775" s="2">
        <v>0</v>
      </c>
      <c r="K27775" s="2">
        <v>0</v>
      </c>
      <c r="L27775" t="s">
        <v>120</v>
      </c>
      <c r="M27775" t="s">
        <v>87</v>
      </c>
      <c r="N27775" t="s">
        <v>88</v>
      </c>
      <c r="O27775" t="s">
        <v>85</v>
      </c>
      <c r="P27775" t="s">
        <v>86</v>
      </c>
      <c r="Q27775">
        <v>28</v>
      </c>
      <c r="R27775">
        <v>28</v>
      </c>
      <c r="S27775">
        <v>29</v>
      </c>
      <c r="T27775">
        <v>29</v>
      </c>
      <c r="U27775">
        <v>29</v>
      </c>
      <c r="V27775">
        <v>29</v>
      </c>
      <c r="W27775">
        <v>30</v>
      </c>
      <c r="X27775">
        <v>30</v>
      </c>
      <c r="Y27775">
        <v>30</v>
      </c>
      <c r="Z27775">
        <v>30</v>
      </c>
      <c r="AA27775">
        <v>31</v>
      </c>
      <c r="AB27775">
        <v>31</v>
      </c>
      <c r="AC27775">
        <v>31</v>
      </c>
      <c r="AD27775">
        <v>32</v>
      </c>
      <c r="AE27775">
        <v>32</v>
      </c>
      <c r="AF27775">
        <v>32</v>
      </c>
      <c r="AG27775">
        <v>32</v>
      </c>
      <c r="AH27775">
        <v>33</v>
      </c>
      <c r="AI27775">
        <v>33</v>
      </c>
      <c r="AJ27775">
        <v>33</v>
      </c>
      <c r="AK27775">
        <v>34</v>
      </c>
      <c r="AL27775">
        <v>34</v>
      </c>
      <c r="AM27775">
        <v>34</v>
      </c>
      <c r="AN27775">
        <v>34</v>
      </c>
      <c r="AO27775">
        <v>35</v>
      </c>
      <c r="AP27775">
        <v>35</v>
      </c>
      <c r="AQ27775">
        <v>35</v>
      </c>
    </row>
    <row r="27776" spans="1:43">
      <c r="A27776" t="s">
        <v>17191</v>
      </c>
      <c r="B27776" t="s">
        <v>17192</v>
      </c>
      <c r="C27776" t="s">
        <v>17185</v>
      </c>
      <c r="D27776" t="s">
        <v>17186</v>
      </c>
      <c r="E27776" t="s">
        <v>17115</v>
      </c>
      <c r="F27776" t="s">
        <v>17116</v>
      </c>
      <c r="G27776" t="s">
        <v>16559</v>
      </c>
      <c r="H27776" t="s">
        <v>16560</v>
      </c>
      <c r="I27776" s="2">
        <v>1</v>
      </c>
      <c r="J27776" s="2">
        <v>0</v>
      </c>
      <c r="K27776" s="2">
        <v>0</v>
      </c>
      <c r="L27776" t="s">
        <v>120</v>
      </c>
      <c r="M27776" t="s">
        <v>89</v>
      </c>
      <c r="N27776" t="s">
        <v>90</v>
      </c>
      <c r="O27776" t="s">
        <v>85</v>
      </c>
      <c r="P27776" t="s">
        <v>86</v>
      </c>
      <c r="Q27776">
        <v>28</v>
      </c>
      <c r="R27776">
        <v>28</v>
      </c>
      <c r="S27776">
        <v>29</v>
      </c>
      <c r="T27776">
        <v>30</v>
      </c>
      <c r="U27776">
        <v>31</v>
      </c>
      <c r="V27776">
        <v>31</v>
      </c>
      <c r="W27776">
        <v>32</v>
      </c>
      <c r="X27776">
        <v>33</v>
      </c>
      <c r="Y27776">
        <v>34</v>
      </c>
      <c r="Z27776">
        <v>34</v>
      </c>
      <c r="AA27776">
        <v>35</v>
      </c>
      <c r="AB27776">
        <v>36</v>
      </c>
      <c r="AC27776">
        <v>36</v>
      </c>
      <c r="AD27776">
        <v>37</v>
      </c>
      <c r="AE27776">
        <v>38</v>
      </c>
      <c r="AF27776">
        <v>38</v>
      </c>
      <c r="AG27776">
        <v>38</v>
      </c>
      <c r="AH27776">
        <v>38</v>
      </c>
      <c r="AI27776">
        <v>38</v>
      </c>
      <c r="AJ27776">
        <v>39</v>
      </c>
      <c r="AK27776">
        <v>39</v>
      </c>
      <c r="AL27776">
        <v>39</v>
      </c>
      <c r="AM27776">
        <v>39</v>
      </c>
      <c r="AN27776">
        <v>39</v>
      </c>
      <c r="AO27776">
        <v>40</v>
      </c>
      <c r="AP27776">
        <v>40</v>
      </c>
      <c r="AQ27776">
        <v>40</v>
      </c>
    </row>
    <row r="27777" spans="1:43">
      <c r="A27777" t="s">
        <v>17191</v>
      </c>
      <c r="B27777" t="s">
        <v>17192</v>
      </c>
      <c r="C27777" t="s">
        <v>17185</v>
      </c>
      <c r="D27777" t="s">
        <v>17186</v>
      </c>
      <c r="E27777" t="s">
        <v>17115</v>
      </c>
      <c r="F27777" t="s">
        <v>17116</v>
      </c>
      <c r="G27777" t="s">
        <v>16559</v>
      </c>
      <c r="H27777" t="s">
        <v>16560</v>
      </c>
      <c r="I27777" s="2">
        <v>1</v>
      </c>
      <c r="J27777" s="2">
        <v>0</v>
      </c>
      <c r="K27777" s="2">
        <v>0</v>
      </c>
      <c r="L27777" t="s">
        <v>120</v>
      </c>
      <c r="M27777" t="s">
        <v>83</v>
      </c>
      <c r="N27777" t="s">
        <v>91</v>
      </c>
      <c r="O27777" t="s">
        <v>85</v>
      </c>
      <c r="P27777" t="s">
        <v>86</v>
      </c>
      <c r="Q27777">
        <v>28</v>
      </c>
      <c r="R27777">
        <v>29</v>
      </c>
      <c r="S27777">
        <v>29</v>
      </c>
      <c r="T27777">
        <v>30</v>
      </c>
      <c r="U27777">
        <v>31</v>
      </c>
      <c r="V27777">
        <v>31</v>
      </c>
      <c r="W27777">
        <v>32</v>
      </c>
      <c r="X27777">
        <v>32</v>
      </c>
      <c r="Y27777">
        <v>33</v>
      </c>
      <c r="Z27777">
        <v>33</v>
      </c>
      <c r="AA27777">
        <v>34</v>
      </c>
      <c r="AB27777">
        <v>34</v>
      </c>
      <c r="AC27777">
        <v>35</v>
      </c>
      <c r="AD27777">
        <v>35</v>
      </c>
      <c r="AE27777">
        <v>36</v>
      </c>
      <c r="AF27777">
        <v>36</v>
      </c>
      <c r="AG27777">
        <v>37</v>
      </c>
      <c r="AH27777">
        <v>38</v>
      </c>
      <c r="AI27777">
        <v>38</v>
      </c>
      <c r="AJ27777">
        <v>39</v>
      </c>
      <c r="AK27777">
        <v>39</v>
      </c>
      <c r="AL27777">
        <v>40</v>
      </c>
      <c r="AM27777">
        <v>40</v>
      </c>
      <c r="AN27777">
        <v>40</v>
      </c>
      <c r="AO27777">
        <v>40</v>
      </c>
      <c r="AP27777">
        <v>40</v>
      </c>
      <c r="AQ27777">
        <v>41</v>
      </c>
    </row>
    <row r="27778" spans="1:43">
      <c r="A27778" t="s">
        <v>17193</v>
      </c>
      <c r="B27778" t="s">
        <v>17194</v>
      </c>
      <c r="C27778" t="s">
        <v>17175</v>
      </c>
      <c r="D27778" t="s">
        <v>17176</v>
      </c>
      <c r="E27778" t="s">
        <v>17115</v>
      </c>
      <c r="F27778" t="s">
        <v>17116</v>
      </c>
      <c r="G27778" t="s">
        <v>16559</v>
      </c>
      <c r="H27778" t="s">
        <v>16560</v>
      </c>
      <c r="I27778" s="2">
        <v>1</v>
      </c>
      <c r="J27778" s="2">
        <v>0</v>
      </c>
      <c r="K27778" s="2">
        <v>0</v>
      </c>
      <c r="L27778" t="s">
        <v>120</v>
      </c>
      <c r="M27778" t="s">
        <v>83</v>
      </c>
      <c r="N27778" t="s">
        <v>84</v>
      </c>
      <c r="O27778" t="s">
        <v>85</v>
      </c>
      <c r="P27778" t="s">
        <v>86</v>
      </c>
      <c r="Q27778">
        <v>11</v>
      </c>
      <c r="R27778">
        <v>12</v>
      </c>
      <c r="S27778">
        <v>12</v>
      </c>
      <c r="T27778">
        <v>12</v>
      </c>
      <c r="U27778">
        <v>12</v>
      </c>
      <c r="V27778">
        <v>12</v>
      </c>
      <c r="W27778">
        <v>13</v>
      </c>
      <c r="X27778">
        <v>13</v>
      </c>
      <c r="Y27778">
        <v>13</v>
      </c>
      <c r="Z27778">
        <v>13</v>
      </c>
      <c r="AA27778">
        <v>14</v>
      </c>
      <c r="AB27778">
        <v>14</v>
      </c>
      <c r="AC27778">
        <v>14</v>
      </c>
      <c r="AD27778">
        <v>14</v>
      </c>
      <c r="AE27778">
        <v>14</v>
      </c>
      <c r="AF27778">
        <v>15</v>
      </c>
      <c r="AG27778">
        <v>15</v>
      </c>
      <c r="AH27778">
        <v>15</v>
      </c>
      <c r="AI27778">
        <v>15</v>
      </c>
      <c r="AJ27778">
        <v>16</v>
      </c>
      <c r="AK27778">
        <v>16</v>
      </c>
      <c r="AL27778">
        <v>16</v>
      </c>
      <c r="AM27778">
        <v>16</v>
      </c>
      <c r="AN27778">
        <v>16</v>
      </c>
      <c r="AO27778">
        <v>16</v>
      </c>
      <c r="AP27778">
        <v>16</v>
      </c>
      <c r="AQ27778">
        <v>16</v>
      </c>
    </row>
    <row r="27779" spans="1:43">
      <c r="A27779" t="s">
        <v>17193</v>
      </c>
      <c r="B27779" t="s">
        <v>17194</v>
      </c>
      <c r="C27779" t="s">
        <v>17175</v>
      </c>
      <c r="D27779" t="s">
        <v>17176</v>
      </c>
      <c r="E27779" t="s">
        <v>17115</v>
      </c>
      <c r="F27779" t="s">
        <v>17116</v>
      </c>
      <c r="G27779" t="s">
        <v>16559</v>
      </c>
      <c r="H27779" t="s">
        <v>16560</v>
      </c>
      <c r="I27779" s="2">
        <v>1</v>
      </c>
      <c r="J27779" s="2">
        <v>0</v>
      </c>
      <c r="K27779" s="2">
        <v>0</v>
      </c>
      <c r="L27779" t="s">
        <v>120</v>
      </c>
      <c r="M27779" t="s">
        <v>87</v>
      </c>
      <c r="N27779" t="s">
        <v>88</v>
      </c>
      <c r="O27779" t="s">
        <v>85</v>
      </c>
      <c r="P27779" t="s">
        <v>86</v>
      </c>
      <c r="Q27779">
        <v>11</v>
      </c>
      <c r="R27779">
        <v>11</v>
      </c>
      <c r="S27779">
        <v>12</v>
      </c>
      <c r="T27779">
        <v>12</v>
      </c>
      <c r="U27779">
        <v>12</v>
      </c>
      <c r="V27779">
        <v>12</v>
      </c>
      <c r="W27779">
        <v>12</v>
      </c>
      <c r="X27779">
        <v>12</v>
      </c>
      <c r="Y27779">
        <v>12</v>
      </c>
      <c r="Z27779">
        <v>12</v>
      </c>
      <c r="AA27779">
        <v>12</v>
      </c>
      <c r="AB27779">
        <v>12</v>
      </c>
      <c r="AC27779">
        <v>13</v>
      </c>
      <c r="AD27779">
        <v>13</v>
      </c>
      <c r="AE27779">
        <v>13</v>
      </c>
      <c r="AF27779">
        <v>13</v>
      </c>
      <c r="AG27779">
        <v>13</v>
      </c>
      <c r="AH27779">
        <v>13</v>
      </c>
      <c r="AI27779">
        <v>13</v>
      </c>
      <c r="AJ27779">
        <v>13</v>
      </c>
      <c r="AK27779">
        <v>13</v>
      </c>
      <c r="AL27779">
        <v>14</v>
      </c>
      <c r="AM27779">
        <v>14</v>
      </c>
      <c r="AN27779">
        <v>14</v>
      </c>
      <c r="AO27779">
        <v>14</v>
      </c>
      <c r="AP27779">
        <v>14</v>
      </c>
      <c r="AQ27779">
        <v>14</v>
      </c>
    </row>
    <row r="27780" spans="1:43">
      <c r="A27780" t="s">
        <v>17193</v>
      </c>
      <c r="B27780" t="s">
        <v>17194</v>
      </c>
      <c r="C27780" t="s">
        <v>17175</v>
      </c>
      <c r="D27780" t="s">
        <v>17176</v>
      </c>
      <c r="E27780" t="s">
        <v>17115</v>
      </c>
      <c r="F27780" t="s">
        <v>17116</v>
      </c>
      <c r="G27780" t="s">
        <v>16559</v>
      </c>
      <c r="H27780" t="s">
        <v>16560</v>
      </c>
      <c r="I27780" s="2">
        <v>1</v>
      </c>
      <c r="J27780" s="2">
        <v>0</v>
      </c>
      <c r="K27780" s="2">
        <v>0</v>
      </c>
      <c r="L27780" t="s">
        <v>120</v>
      </c>
      <c r="M27780" t="s">
        <v>89</v>
      </c>
      <c r="N27780" t="s">
        <v>90</v>
      </c>
      <c r="O27780" t="s">
        <v>85</v>
      </c>
      <c r="P27780" t="s">
        <v>86</v>
      </c>
      <c r="Q27780">
        <v>11</v>
      </c>
      <c r="R27780">
        <v>11</v>
      </c>
      <c r="S27780">
        <v>11</v>
      </c>
      <c r="T27780">
        <v>11</v>
      </c>
      <c r="U27780">
        <v>12</v>
      </c>
      <c r="V27780">
        <v>12</v>
      </c>
      <c r="W27780">
        <v>12</v>
      </c>
      <c r="X27780">
        <v>13</v>
      </c>
      <c r="Y27780">
        <v>13</v>
      </c>
      <c r="Z27780">
        <v>13</v>
      </c>
      <c r="AA27780">
        <v>13</v>
      </c>
      <c r="AB27780">
        <v>14</v>
      </c>
      <c r="AC27780">
        <v>14</v>
      </c>
      <c r="AD27780">
        <v>14</v>
      </c>
      <c r="AE27780">
        <v>14</v>
      </c>
      <c r="AF27780">
        <v>15</v>
      </c>
      <c r="AG27780">
        <v>15</v>
      </c>
      <c r="AH27780">
        <v>15</v>
      </c>
      <c r="AI27780">
        <v>15</v>
      </c>
      <c r="AJ27780">
        <v>15</v>
      </c>
      <c r="AK27780">
        <v>15</v>
      </c>
      <c r="AL27780">
        <v>15</v>
      </c>
      <c r="AM27780">
        <v>15</v>
      </c>
      <c r="AN27780">
        <v>15</v>
      </c>
      <c r="AO27780">
        <v>15</v>
      </c>
      <c r="AP27780">
        <v>15</v>
      </c>
      <c r="AQ27780">
        <v>15</v>
      </c>
    </row>
    <row r="27781" spans="1:43">
      <c r="A27781" t="s">
        <v>17193</v>
      </c>
      <c r="B27781" t="s">
        <v>17194</v>
      </c>
      <c r="C27781" t="s">
        <v>17175</v>
      </c>
      <c r="D27781" t="s">
        <v>17176</v>
      </c>
      <c r="E27781" t="s">
        <v>17115</v>
      </c>
      <c r="F27781" t="s">
        <v>17116</v>
      </c>
      <c r="G27781" t="s">
        <v>16559</v>
      </c>
      <c r="H27781" t="s">
        <v>16560</v>
      </c>
      <c r="I27781" s="2">
        <v>1</v>
      </c>
      <c r="J27781" s="2">
        <v>0</v>
      </c>
      <c r="K27781" s="2">
        <v>0</v>
      </c>
      <c r="L27781" t="s">
        <v>120</v>
      </c>
      <c r="M27781" t="s">
        <v>83</v>
      </c>
      <c r="N27781" t="s">
        <v>91</v>
      </c>
      <c r="O27781" t="s">
        <v>85</v>
      </c>
      <c r="P27781" t="s">
        <v>86</v>
      </c>
      <c r="Q27781">
        <v>11</v>
      </c>
      <c r="R27781">
        <v>12</v>
      </c>
      <c r="S27781">
        <v>12</v>
      </c>
      <c r="T27781">
        <v>12</v>
      </c>
      <c r="U27781">
        <v>12</v>
      </c>
      <c r="V27781">
        <v>12</v>
      </c>
      <c r="W27781">
        <v>13</v>
      </c>
      <c r="X27781">
        <v>13</v>
      </c>
      <c r="Y27781">
        <v>13</v>
      </c>
      <c r="Z27781">
        <v>13</v>
      </c>
      <c r="AA27781">
        <v>14</v>
      </c>
      <c r="AB27781">
        <v>14</v>
      </c>
      <c r="AC27781">
        <v>14</v>
      </c>
      <c r="AD27781">
        <v>14</v>
      </c>
      <c r="AE27781">
        <v>14</v>
      </c>
      <c r="AF27781">
        <v>15</v>
      </c>
      <c r="AG27781">
        <v>15</v>
      </c>
      <c r="AH27781">
        <v>15</v>
      </c>
      <c r="AI27781">
        <v>15</v>
      </c>
      <c r="AJ27781">
        <v>16</v>
      </c>
      <c r="AK27781">
        <v>16</v>
      </c>
      <c r="AL27781">
        <v>16</v>
      </c>
      <c r="AM27781">
        <v>16</v>
      </c>
      <c r="AN27781">
        <v>16</v>
      </c>
      <c r="AO27781">
        <v>16</v>
      </c>
      <c r="AP27781">
        <v>16</v>
      </c>
      <c r="AQ27781">
        <v>16</v>
      </c>
    </row>
    <row r="27782" spans="1:43">
      <c r="A27782" t="s">
        <v>17195</v>
      </c>
      <c r="B27782" t="s">
        <v>17196</v>
      </c>
      <c r="C27782" t="s">
        <v>17175</v>
      </c>
      <c r="D27782" t="s">
        <v>17176</v>
      </c>
      <c r="E27782" t="s">
        <v>17115</v>
      </c>
      <c r="F27782" t="s">
        <v>17116</v>
      </c>
      <c r="G27782" t="s">
        <v>16559</v>
      </c>
      <c r="H27782" t="s">
        <v>16560</v>
      </c>
      <c r="I27782" s="2">
        <v>1</v>
      </c>
      <c r="J27782" s="2">
        <v>0</v>
      </c>
      <c r="K27782" s="2">
        <v>0</v>
      </c>
      <c r="L27782" t="s">
        <v>120</v>
      </c>
      <c r="M27782" t="s">
        <v>83</v>
      </c>
      <c r="N27782" t="s">
        <v>84</v>
      </c>
      <c r="O27782" t="s">
        <v>85</v>
      </c>
      <c r="P27782" t="s">
        <v>86</v>
      </c>
      <c r="Q27782">
        <v>11</v>
      </c>
      <c r="R27782">
        <v>11</v>
      </c>
      <c r="S27782">
        <v>12</v>
      </c>
      <c r="T27782">
        <v>12</v>
      </c>
      <c r="U27782">
        <v>12</v>
      </c>
      <c r="V27782">
        <v>12</v>
      </c>
      <c r="W27782">
        <v>13</v>
      </c>
      <c r="X27782">
        <v>13</v>
      </c>
      <c r="Y27782">
        <v>13</v>
      </c>
      <c r="Z27782">
        <v>13</v>
      </c>
      <c r="AA27782">
        <v>13</v>
      </c>
      <c r="AB27782">
        <v>14</v>
      </c>
      <c r="AC27782">
        <v>14</v>
      </c>
      <c r="AD27782">
        <v>14</v>
      </c>
      <c r="AE27782">
        <v>14</v>
      </c>
      <c r="AF27782">
        <v>14</v>
      </c>
      <c r="AG27782">
        <v>15</v>
      </c>
      <c r="AH27782">
        <v>15</v>
      </c>
      <c r="AI27782">
        <v>15</v>
      </c>
      <c r="AJ27782">
        <v>15</v>
      </c>
      <c r="AK27782">
        <v>16</v>
      </c>
      <c r="AL27782">
        <v>16</v>
      </c>
      <c r="AM27782">
        <v>16</v>
      </c>
      <c r="AN27782">
        <v>16</v>
      </c>
      <c r="AO27782">
        <v>16</v>
      </c>
      <c r="AP27782">
        <v>16</v>
      </c>
      <c r="AQ27782">
        <v>16</v>
      </c>
    </row>
    <row r="27783" spans="1:43">
      <c r="A27783" t="s">
        <v>17195</v>
      </c>
      <c r="B27783" t="s">
        <v>17196</v>
      </c>
      <c r="C27783" t="s">
        <v>17175</v>
      </c>
      <c r="D27783" t="s">
        <v>17176</v>
      </c>
      <c r="E27783" t="s">
        <v>17115</v>
      </c>
      <c r="F27783" t="s">
        <v>17116</v>
      </c>
      <c r="G27783" t="s">
        <v>16559</v>
      </c>
      <c r="H27783" t="s">
        <v>16560</v>
      </c>
      <c r="I27783" s="2">
        <v>1</v>
      </c>
      <c r="J27783" s="2">
        <v>0</v>
      </c>
      <c r="K27783" s="2">
        <v>0</v>
      </c>
      <c r="L27783" t="s">
        <v>120</v>
      </c>
      <c r="M27783" t="s">
        <v>87</v>
      </c>
      <c r="N27783" t="s">
        <v>88</v>
      </c>
      <c r="O27783" t="s">
        <v>85</v>
      </c>
      <c r="P27783" t="s">
        <v>86</v>
      </c>
      <c r="Q27783">
        <v>11</v>
      </c>
      <c r="R27783">
        <v>11</v>
      </c>
      <c r="S27783">
        <v>11</v>
      </c>
      <c r="T27783">
        <v>11</v>
      </c>
      <c r="U27783">
        <v>12</v>
      </c>
      <c r="V27783">
        <v>12</v>
      </c>
      <c r="W27783">
        <v>12</v>
      </c>
      <c r="X27783">
        <v>12</v>
      </c>
      <c r="Y27783">
        <v>12</v>
      </c>
      <c r="Z27783">
        <v>12</v>
      </c>
      <c r="AA27783">
        <v>12</v>
      </c>
      <c r="AB27783">
        <v>12</v>
      </c>
      <c r="AC27783">
        <v>12</v>
      </c>
      <c r="AD27783">
        <v>13</v>
      </c>
      <c r="AE27783">
        <v>13</v>
      </c>
      <c r="AF27783">
        <v>13</v>
      </c>
      <c r="AG27783">
        <v>13</v>
      </c>
      <c r="AH27783">
        <v>13</v>
      </c>
      <c r="AI27783">
        <v>13</v>
      </c>
      <c r="AJ27783">
        <v>13</v>
      </c>
      <c r="AK27783">
        <v>13</v>
      </c>
      <c r="AL27783">
        <v>13</v>
      </c>
      <c r="AM27783">
        <v>13</v>
      </c>
      <c r="AN27783">
        <v>14</v>
      </c>
      <c r="AO27783">
        <v>14</v>
      </c>
      <c r="AP27783">
        <v>14</v>
      </c>
      <c r="AQ27783">
        <v>14</v>
      </c>
    </row>
    <row r="27784" spans="1:43">
      <c r="A27784" t="s">
        <v>17195</v>
      </c>
      <c r="B27784" t="s">
        <v>17196</v>
      </c>
      <c r="C27784" t="s">
        <v>17175</v>
      </c>
      <c r="D27784" t="s">
        <v>17176</v>
      </c>
      <c r="E27784" t="s">
        <v>17115</v>
      </c>
      <c r="F27784" t="s">
        <v>17116</v>
      </c>
      <c r="G27784" t="s">
        <v>16559</v>
      </c>
      <c r="H27784" t="s">
        <v>16560</v>
      </c>
      <c r="I27784" s="2">
        <v>1</v>
      </c>
      <c r="J27784" s="2">
        <v>0</v>
      </c>
      <c r="K27784" s="2">
        <v>0</v>
      </c>
      <c r="L27784" t="s">
        <v>120</v>
      </c>
      <c r="M27784" t="s">
        <v>89</v>
      </c>
      <c r="N27784" t="s">
        <v>90</v>
      </c>
      <c r="O27784" t="s">
        <v>85</v>
      </c>
      <c r="P27784" t="s">
        <v>86</v>
      </c>
      <c r="Q27784">
        <v>11</v>
      </c>
      <c r="R27784">
        <v>12</v>
      </c>
      <c r="S27784">
        <v>12</v>
      </c>
      <c r="T27784">
        <v>12</v>
      </c>
      <c r="U27784">
        <v>13</v>
      </c>
      <c r="V27784">
        <v>13</v>
      </c>
      <c r="W27784">
        <v>13</v>
      </c>
      <c r="X27784">
        <v>13</v>
      </c>
      <c r="Y27784">
        <v>14</v>
      </c>
      <c r="Z27784">
        <v>14</v>
      </c>
      <c r="AA27784">
        <v>14</v>
      </c>
      <c r="AB27784">
        <v>15</v>
      </c>
      <c r="AC27784">
        <v>15</v>
      </c>
      <c r="AD27784">
        <v>15</v>
      </c>
      <c r="AE27784">
        <v>15</v>
      </c>
      <c r="AF27784">
        <v>15</v>
      </c>
      <c r="AG27784">
        <v>15</v>
      </c>
      <c r="AH27784">
        <v>15</v>
      </c>
      <c r="AI27784">
        <v>16</v>
      </c>
      <c r="AJ27784">
        <v>16</v>
      </c>
      <c r="AK27784">
        <v>16</v>
      </c>
      <c r="AL27784">
        <v>16</v>
      </c>
      <c r="AM27784">
        <v>16</v>
      </c>
      <c r="AN27784">
        <v>16</v>
      </c>
      <c r="AO27784">
        <v>16</v>
      </c>
      <c r="AP27784">
        <v>16</v>
      </c>
      <c r="AQ27784">
        <v>16</v>
      </c>
    </row>
    <row r="27785" spans="1:43">
      <c r="A27785" t="s">
        <v>17195</v>
      </c>
      <c r="B27785" t="s">
        <v>17196</v>
      </c>
      <c r="C27785" t="s">
        <v>17175</v>
      </c>
      <c r="D27785" t="s">
        <v>17176</v>
      </c>
      <c r="E27785" t="s">
        <v>17115</v>
      </c>
      <c r="F27785" t="s">
        <v>17116</v>
      </c>
      <c r="G27785" t="s">
        <v>16559</v>
      </c>
      <c r="H27785" t="s">
        <v>16560</v>
      </c>
      <c r="I27785" s="2">
        <v>1</v>
      </c>
      <c r="J27785" s="2">
        <v>0</v>
      </c>
      <c r="K27785" s="2">
        <v>0</v>
      </c>
      <c r="L27785" t="s">
        <v>120</v>
      </c>
      <c r="M27785" t="s">
        <v>83</v>
      </c>
      <c r="N27785" t="s">
        <v>91</v>
      </c>
      <c r="O27785" t="s">
        <v>85</v>
      </c>
      <c r="P27785" t="s">
        <v>86</v>
      </c>
      <c r="Q27785">
        <v>11</v>
      </c>
      <c r="R27785">
        <v>11</v>
      </c>
      <c r="S27785">
        <v>12</v>
      </c>
      <c r="T27785">
        <v>12</v>
      </c>
      <c r="U27785">
        <v>12</v>
      </c>
      <c r="V27785">
        <v>12</v>
      </c>
      <c r="W27785">
        <v>13</v>
      </c>
      <c r="X27785">
        <v>13</v>
      </c>
      <c r="Y27785">
        <v>13</v>
      </c>
      <c r="Z27785">
        <v>13</v>
      </c>
      <c r="AA27785">
        <v>13</v>
      </c>
      <c r="AB27785">
        <v>14</v>
      </c>
      <c r="AC27785">
        <v>14</v>
      </c>
      <c r="AD27785">
        <v>14</v>
      </c>
      <c r="AE27785">
        <v>14</v>
      </c>
      <c r="AF27785">
        <v>14</v>
      </c>
      <c r="AG27785">
        <v>15</v>
      </c>
      <c r="AH27785">
        <v>15</v>
      </c>
      <c r="AI27785">
        <v>15</v>
      </c>
      <c r="AJ27785">
        <v>15</v>
      </c>
      <c r="AK27785">
        <v>16</v>
      </c>
      <c r="AL27785">
        <v>16</v>
      </c>
      <c r="AM27785">
        <v>16</v>
      </c>
      <c r="AN27785">
        <v>16</v>
      </c>
      <c r="AO27785">
        <v>16</v>
      </c>
      <c r="AP27785">
        <v>16</v>
      </c>
      <c r="AQ27785">
        <v>16</v>
      </c>
    </row>
    <row r="27786" spans="1:43">
      <c r="A27786" t="s">
        <v>17197</v>
      </c>
      <c r="B27786" t="s">
        <v>17198</v>
      </c>
      <c r="C27786" t="s">
        <v>17199</v>
      </c>
      <c r="D27786" t="s">
        <v>17200</v>
      </c>
      <c r="E27786" t="s">
        <v>17115</v>
      </c>
      <c r="F27786" t="s">
        <v>17116</v>
      </c>
      <c r="G27786" t="s">
        <v>16559</v>
      </c>
      <c r="H27786" t="s">
        <v>16560</v>
      </c>
      <c r="I27786" s="2">
        <v>1</v>
      </c>
      <c r="J27786" s="2">
        <v>0</v>
      </c>
      <c r="K27786" s="2">
        <v>0</v>
      </c>
      <c r="L27786" t="s">
        <v>120</v>
      </c>
      <c r="M27786" t="s">
        <v>83</v>
      </c>
      <c r="N27786" t="s">
        <v>84</v>
      </c>
      <c r="O27786" t="s">
        <v>85</v>
      </c>
      <c r="P27786" t="s">
        <v>86</v>
      </c>
      <c r="Q27786">
        <v>26</v>
      </c>
      <c r="R27786">
        <v>27</v>
      </c>
      <c r="S27786">
        <v>27</v>
      </c>
      <c r="T27786">
        <v>28</v>
      </c>
      <c r="U27786">
        <v>28</v>
      </c>
      <c r="V27786">
        <v>29</v>
      </c>
      <c r="W27786">
        <v>29</v>
      </c>
      <c r="X27786">
        <v>30</v>
      </c>
      <c r="Y27786">
        <v>30</v>
      </c>
      <c r="Z27786">
        <v>31</v>
      </c>
      <c r="AA27786">
        <v>31</v>
      </c>
      <c r="AB27786">
        <v>32</v>
      </c>
      <c r="AC27786">
        <v>32</v>
      </c>
      <c r="AD27786">
        <v>33</v>
      </c>
      <c r="AE27786">
        <v>33</v>
      </c>
      <c r="AF27786">
        <v>34</v>
      </c>
      <c r="AG27786">
        <v>34</v>
      </c>
      <c r="AH27786">
        <v>35</v>
      </c>
      <c r="AI27786">
        <v>35</v>
      </c>
      <c r="AJ27786">
        <v>36</v>
      </c>
      <c r="AK27786">
        <v>36</v>
      </c>
      <c r="AL27786">
        <v>36</v>
      </c>
      <c r="AM27786">
        <v>37</v>
      </c>
      <c r="AN27786">
        <v>37</v>
      </c>
      <c r="AO27786">
        <v>37</v>
      </c>
      <c r="AP27786">
        <v>37</v>
      </c>
      <c r="AQ27786">
        <v>37</v>
      </c>
    </row>
    <row r="27787" spans="1:43">
      <c r="A27787" t="s">
        <v>17197</v>
      </c>
      <c r="B27787" t="s">
        <v>17198</v>
      </c>
      <c r="C27787" t="s">
        <v>17199</v>
      </c>
      <c r="D27787" t="s">
        <v>17200</v>
      </c>
      <c r="E27787" t="s">
        <v>17115</v>
      </c>
      <c r="F27787" t="s">
        <v>17116</v>
      </c>
      <c r="G27787" t="s">
        <v>16559</v>
      </c>
      <c r="H27787" t="s">
        <v>16560</v>
      </c>
      <c r="I27787" s="2">
        <v>1</v>
      </c>
      <c r="J27787" s="2">
        <v>0</v>
      </c>
      <c r="K27787" s="2">
        <v>0</v>
      </c>
      <c r="L27787" t="s">
        <v>120</v>
      </c>
      <c r="M27787" t="s">
        <v>87</v>
      </c>
      <c r="N27787" t="s">
        <v>88</v>
      </c>
      <c r="O27787" t="s">
        <v>85</v>
      </c>
      <c r="P27787" t="s">
        <v>86</v>
      </c>
      <c r="Q27787">
        <v>26</v>
      </c>
      <c r="R27787">
        <v>26</v>
      </c>
      <c r="S27787">
        <v>26</v>
      </c>
      <c r="T27787">
        <v>27</v>
      </c>
      <c r="U27787">
        <v>27</v>
      </c>
      <c r="V27787">
        <v>27</v>
      </c>
      <c r="W27787">
        <v>27</v>
      </c>
      <c r="X27787">
        <v>28</v>
      </c>
      <c r="Y27787">
        <v>28</v>
      </c>
      <c r="Z27787">
        <v>28</v>
      </c>
      <c r="AA27787">
        <v>28</v>
      </c>
      <c r="AB27787">
        <v>29</v>
      </c>
      <c r="AC27787">
        <v>29</v>
      </c>
      <c r="AD27787">
        <v>29</v>
      </c>
      <c r="AE27787">
        <v>29</v>
      </c>
      <c r="AF27787">
        <v>30</v>
      </c>
      <c r="AG27787">
        <v>30</v>
      </c>
      <c r="AH27787">
        <v>30</v>
      </c>
      <c r="AI27787">
        <v>30</v>
      </c>
      <c r="AJ27787">
        <v>31</v>
      </c>
      <c r="AK27787">
        <v>31</v>
      </c>
      <c r="AL27787">
        <v>31</v>
      </c>
      <c r="AM27787">
        <v>31</v>
      </c>
      <c r="AN27787">
        <v>32</v>
      </c>
      <c r="AO27787">
        <v>32</v>
      </c>
      <c r="AP27787">
        <v>32</v>
      </c>
      <c r="AQ27787">
        <v>32</v>
      </c>
    </row>
    <row r="27788" spans="1:43">
      <c r="A27788" t="s">
        <v>17197</v>
      </c>
      <c r="B27788" t="s">
        <v>17198</v>
      </c>
      <c r="C27788" t="s">
        <v>17199</v>
      </c>
      <c r="D27788" t="s">
        <v>17200</v>
      </c>
      <c r="E27788" t="s">
        <v>17115</v>
      </c>
      <c r="F27788" t="s">
        <v>17116</v>
      </c>
      <c r="G27788" t="s">
        <v>16559</v>
      </c>
      <c r="H27788" t="s">
        <v>16560</v>
      </c>
      <c r="I27788" s="2">
        <v>1</v>
      </c>
      <c r="J27788" s="2">
        <v>0</v>
      </c>
      <c r="K27788" s="2">
        <v>0</v>
      </c>
      <c r="L27788" t="s">
        <v>120</v>
      </c>
      <c r="M27788" t="s">
        <v>89</v>
      </c>
      <c r="N27788" t="s">
        <v>90</v>
      </c>
      <c r="O27788" t="s">
        <v>85</v>
      </c>
      <c r="P27788" t="s">
        <v>86</v>
      </c>
      <c r="Q27788">
        <v>26</v>
      </c>
      <c r="R27788">
        <v>27</v>
      </c>
      <c r="S27788">
        <v>28</v>
      </c>
      <c r="T27788">
        <v>29</v>
      </c>
      <c r="U27788">
        <v>29</v>
      </c>
      <c r="V27788">
        <v>30</v>
      </c>
      <c r="W27788">
        <v>31</v>
      </c>
      <c r="X27788">
        <v>31</v>
      </c>
      <c r="Y27788">
        <v>32</v>
      </c>
      <c r="Z27788">
        <v>33</v>
      </c>
      <c r="AA27788">
        <v>33</v>
      </c>
      <c r="AB27788">
        <v>34</v>
      </c>
      <c r="AC27788">
        <v>34</v>
      </c>
      <c r="AD27788">
        <v>35</v>
      </c>
      <c r="AE27788">
        <v>35</v>
      </c>
      <c r="AF27788">
        <v>36</v>
      </c>
      <c r="AG27788">
        <v>36</v>
      </c>
      <c r="AH27788">
        <v>36</v>
      </c>
      <c r="AI27788">
        <v>36</v>
      </c>
      <c r="AJ27788">
        <v>36</v>
      </c>
      <c r="AK27788">
        <v>37</v>
      </c>
      <c r="AL27788">
        <v>37</v>
      </c>
      <c r="AM27788">
        <v>37</v>
      </c>
      <c r="AN27788">
        <v>37</v>
      </c>
      <c r="AO27788">
        <v>37</v>
      </c>
      <c r="AP27788">
        <v>37</v>
      </c>
      <c r="AQ27788">
        <v>38</v>
      </c>
    </row>
    <row r="27789" spans="1:43">
      <c r="A27789" t="s">
        <v>17197</v>
      </c>
      <c r="B27789" t="s">
        <v>17198</v>
      </c>
      <c r="C27789" t="s">
        <v>17199</v>
      </c>
      <c r="D27789" t="s">
        <v>17200</v>
      </c>
      <c r="E27789" t="s">
        <v>17115</v>
      </c>
      <c r="F27789" t="s">
        <v>17116</v>
      </c>
      <c r="G27789" t="s">
        <v>16559</v>
      </c>
      <c r="H27789" t="s">
        <v>16560</v>
      </c>
      <c r="I27789" s="2">
        <v>1</v>
      </c>
      <c r="J27789" s="2">
        <v>0</v>
      </c>
      <c r="K27789" s="2">
        <v>0</v>
      </c>
      <c r="L27789" t="s">
        <v>120</v>
      </c>
      <c r="M27789" t="s">
        <v>83</v>
      </c>
      <c r="N27789" t="s">
        <v>91</v>
      </c>
      <c r="O27789" t="s">
        <v>85</v>
      </c>
      <c r="P27789" t="s">
        <v>86</v>
      </c>
      <c r="Q27789">
        <v>26</v>
      </c>
      <c r="R27789">
        <v>27</v>
      </c>
      <c r="S27789">
        <v>27</v>
      </c>
      <c r="T27789">
        <v>28</v>
      </c>
      <c r="U27789">
        <v>28</v>
      </c>
      <c r="V27789">
        <v>29</v>
      </c>
      <c r="W27789">
        <v>29</v>
      </c>
      <c r="X27789">
        <v>30</v>
      </c>
      <c r="Y27789">
        <v>30</v>
      </c>
      <c r="Z27789">
        <v>31</v>
      </c>
      <c r="AA27789">
        <v>31</v>
      </c>
      <c r="AB27789">
        <v>32</v>
      </c>
      <c r="AC27789">
        <v>32</v>
      </c>
      <c r="AD27789">
        <v>33</v>
      </c>
      <c r="AE27789">
        <v>33</v>
      </c>
      <c r="AF27789">
        <v>34</v>
      </c>
      <c r="AG27789">
        <v>34</v>
      </c>
      <c r="AH27789">
        <v>35</v>
      </c>
      <c r="AI27789">
        <v>35</v>
      </c>
      <c r="AJ27789">
        <v>36</v>
      </c>
      <c r="AK27789">
        <v>36</v>
      </c>
      <c r="AL27789">
        <v>36</v>
      </c>
      <c r="AM27789">
        <v>37</v>
      </c>
      <c r="AN27789">
        <v>37</v>
      </c>
      <c r="AO27789">
        <v>37</v>
      </c>
      <c r="AP27789">
        <v>37</v>
      </c>
      <c r="AQ27789">
        <v>37</v>
      </c>
    </row>
    <row r="27790" spans="1:43">
      <c r="A27790" t="s">
        <v>17201</v>
      </c>
      <c r="B27790" t="s">
        <v>17202</v>
      </c>
      <c r="C27790" t="s">
        <v>17199</v>
      </c>
      <c r="D27790" t="s">
        <v>17200</v>
      </c>
      <c r="E27790" t="s">
        <v>17115</v>
      </c>
      <c r="F27790" t="s">
        <v>17116</v>
      </c>
      <c r="G27790" t="s">
        <v>16559</v>
      </c>
      <c r="H27790" t="s">
        <v>16560</v>
      </c>
      <c r="I27790" s="2">
        <v>1</v>
      </c>
      <c r="J27790" s="2">
        <v>0</v>
      </c>
      <c r="K27790" s="2">
        <v>0</v>
      </c>
      <c r="L27790" t="s">
        <v>120</v>
      </c>
      <c r="M27790" t="s">
        <v>83</v>
      </c>
      <c r="N27790" t="s">
        <v>84</v>
      </c>
      <c r="O27790" t="s">
        <v>85</v>
      </c>
      <c r="P27790" t="s">
        <v>86</v>
      </c>
      <c r="Q27790">
        <v>20</v>
      </c>
      <c r="R27790">
        <v>20</v>
      </c>
      <c r="S27790">
        <v>21</v>
      </c>
      <c r="T27790">
        <v>21</v>
      </c>
      <c r="U27790">
        <v>21</v>
      </c>
      <c r="V27790">
        <v>22</v>
      </c>
      <c r="W27790">
        <v>22</v>
      </c>
      <c r="X27790">
        <v>22</v>
      </c>
      <c r="Y27790">
        <v>23</v>
      </c>
      <c r="Z27790">
        <v>23</v>
      </c>
      <c r="AA27790">
        <v>23</v>
      </c>
      <c r="AB27790">
        <v>24</v>
      </c>
      <c r="AC27790">
        <v>24</v>
      </c>
      <c r="AD27790">
        <v>25</v>
      </c>
      <c r="AE27790">
        <v>25</v>
      </c>
      <c r="AF27790">
        <v>25</v>
      </c>
      <c r="AG27790">
        <v>26</v>
      </c>
      <c r="AH27790">
        <v>26</v>
      </c>
      <c r="AI27790">
        <v>27</v>
      </c>
      <c r="AJ27790">
        <v>27</v>
      </c>
      <c r="AK27790">
        <v>27</v>
      </c>
      <c r="AL27790">
        <v>28</v>
      </c>
      <c r="AM27790">
        <v>28</v>
      </c>
      <c r="AN27790">
        <v>28</v>
      </c>
      <c r="AO27790">
        <v>28</v>
      </c>
      <c r="AP27790">
        <v>28</v>
      </c>
      <c r="AQ27790">
        <v>28</v>
      </c>
    </row>
    <row r="27791" spans="1:43">
      <c r="A27791" t="s">
        <v>17201</v>
      </c>
      <c r="B27791" t="s">
        <v>17202</v>
      </c>
      <c r="C27791" t="s">
        <v>17199</v>
      </c>
      <c r="D27791" t="s">
        <v>17200</v>
      </c>
      <c r="E27791" t="s">
        <v>17115</v>
      </c>
      <c r="F27791" t="s">
        <v>17116</v>
      </c>
      <c r="G27791" t="s">
        <v>16559</v>
      </c>
      <c r="H27791" t="s">
        <v>16560</v>
      </c>
      <c r="I27791" s="2">
        <v>1</v>
      </c>
      <c r="J27791" s="2">
        <v>0</v>
      </c>
      <c r="K27791" s="2">
        <v>0</v>
      </c>
      <c r="L27791" t="s">
        <v>120</v>
      </c>
      <c r="M27791" t="s">
        <v>87</v>
      </c>
      <c r="N27791" t="s">
        <v>88</v>
      </c>
      <c r="O27791" t="s">
        <v>85</v>
      </c>
      <c r="P27791" t="s">
        <v>86</v>
      </c>
      <c r="Q27791">
        <v>20</v>
      </c>
      <c r="R27791">
        <v>20</v>
      </c>
      <c r="S27791">
        <v>20</v>
      </c>
      <c r="T27791">
        <v>20</v>
      </c>
      <c r="U27791">
        <v>20</v>
      </c>
      <c r="V27791">
        <v>20</v>
      </c>
      <c r="W27791">
        <v>21</v>
      </c>
      <c r="X27791">
        <v>21</v>
      </c>
      <c r="Y27791">
        <v>21</v>
      </c>
      <c r="Z27791">
        <v>21</v>
      </c>
      <c r="AA27791">
        <v>21</v>
      </c>
      <c r="AB27791">
        <v>22</v>
      </c>
      <c r="AC27791">
        <v>22</v>
      </c>
      <c r="AD27791">
        <v>22</v>
      </c>
      <c r="AE27791">
        <v>22</v>
      </c>
      <c r="AF27791">
        <v>22</v>
      </c>
      <c r="AG27791">
        <v>23</v>
      </c>
      <c r="AH27791">
        <v>23</v>
      </c>
      <c r="AI27791">
        <v>23</v>
      </c>
      <c r="AJ27791">
        <v>23</v>
      </c>
      <c r="AK27791">
        <v>23</v>
      </c>
      <c r="AL27791">
        <v>24</v>
      </c>
      <c r="AM27791">
        <v>24</v>
      </c>
      <c r="AN27791">
        <v>24</v>
      </c>
      <c r="AO27791">
        <v>24</v>
      </c>
      <c r="AP27791">
        <v>24</v>
      </c>
      <c r="AQ27791">
        <v>24</v>
      </c>
    </row>
    <row r="27792" spans="1:43">
      <c r="A27792" t="s">
        <v>17201</v>
      </c>
      <c r="B27792" t="s">
        <v>17202</v>
      </c>
      <c r="C27792" t="s">
        <v>17199</v>
      </c>
      <c r="D27792" t="s">
        <v>17200</v>
      </c>
      <c r="E27792" t="s">
        <v>17115</v>
      </c>
      <c r="F27792" t="s">
        <v>17116</v>
      </c>
      <c r="G27792" t="s">
        <v>16559</v>
      </c>
      <c r="H27792" t="s">
        <v>16560</v>
      </c>
      <c r="I27792" s="2">
        <v>1</v>
      </c>
      <c r="J27792" s="2">
        <v>0</v>
      </c>
      <c r="K27792" s="2">
        <v>0</v>
      </c>
      <c r="L27792" t="s">
        <v>120</v>
      </c>
      <c r="M27792" t="s">
        <v>89</v>
      </c>
      <c r="N27792" t="s">
        <v>90</v>
      </c>
      <c r="O27792" t="s">
        <v>85</v>
      </c>
      <c r="P27792" t="s">
        <v>86</v>
      </c>
      <c r="Q27792">
        <v>20</v>
      </c>
      <c r="R27792">
        <v>20</v>
      </c>
      <c r="S27792">
        <v>21</v>
      </c>
      <c r="T27792">
        <v>22</v>
      </c>
      <c r="U27792">
        <v>22</v>
      </c>
      <c r="V27792">
        <v>23</v>
      </c>
      <c r="W27792">
        <v>23</v>
      </c>
      <c r="X27792">
        <v>24</v>
      </c>
      <c r="Y27792">
        <v>24</v>
      </c>
      <c r="Z27792">
        <v>25</v>
      </c>
      <c r="AA27792">
        <v>25</v>
      </c>
      <c r="AB27792">
        <v>25</v>
      </c>
      <c r="AC27792">
        <v>26</v>
      </c>
      <c r="AD27792">
        <v>26</v>
      </c>
      <c r="AE27792">
        <v>27</v>
      </c>
      <c r="AF27792">
        <v>27</v>
      </c>
      <c r="AG27792">
        <v>27</v>
      </c>
      <c r="AH27792">
        <v>27</v>
      </c>
      <c r="AI27792">
        <v>27</v>
      </c>
      <c r="AJ27792">
        <v>27</v>
      </c>
      <c r="AK27792">
        <v>28</v>
      </c>
      <c r="AL27792">
        <v>28</v>
      </c>
      <c r="AM27792">
        <v>28</v>
      </c>
      <c r="AN27792">
        <v>28</v>
      </c>
      <c r="AO27792">
        <v>28</v>
      </c>
      <c r="AP27792">
        <v>28</v>
      </c>
      <c r="AQ27792">
        <v>28</v>
      </c>
    </row>
    <row r="27793" spans="1:43">
      <c r="A27793" t="s">
        <v>17201</v>
      </c>
      <c r="B27793" t="s">
        <v>17202</v>
      </c>
      <c r="C27793" t="s">
        <v>17199</v>
      </c>
      <c r="D27793" t="s">
        <v>17200</v>
      </c>
      <c r="E27793" t="s">
        <v>17115</v>
      </c>
      <c r="F27793" t="s">
        <v>17116</v>
      </c>
      <c r="G27793" t="s">
        <v>16559</v>
      </c>
      <c r="H27793" t="s">
        <v>16560</v>
      </c>
      <c r="I27793" s="2">
        <v>1</v>
      </c>
      <c r="J27793" s="2">
        <v>0</v>
      </c>
      <c r="K27793" s="2">
        <v>0</v>
      </c>
      <c r="L27793" t="s">
        <v>120</v>
      </c>
      <c r="M27793" t="s">
        <v>83</v>
      </c>
      <c r="N27793" t="s">
        <v>91</v>
      </c>
      <c r="O27793" t="s">
        <v>85</v>
      </c>
      <c r="P27793" t="s">
        <v>86</v>
      </c>
      <c r="Q27793">
        <v>20</v>
      </c>
      <c r="R27793">
        <v>20</v>
      </c>
      <c r="S27793">
        <v>21</v>
      </c>
      <c r="T27793">
        <v>21</v>
      </c>
      <c r="U27793">
        <v>21</v>
      </c>
      <c r="V27793">
        <v>22</v>
      </c>
      <c r="W27793">
        <v>22</v>
      </c>
      <c r="X27793">
        <v>22</v>
      </c>
      <c r="Y27793">
        <v>23</v>
      </c>
      <c r="Z27793">
        <v>23</v>
      </c>
      <c r="AA27793">
        <v>23</v>
      </c>
      <c r="AB27793">
        <v>24</v>
      </c>
      <c r="AC27793">
        <v>24</v>
      </c>
      <c r="AD27793">
        <v>25</v>
      </c>
      <c r="AE27793">
        <v>25</v>
      </c>
      <c r="AF27793">
        <v>25</v>
      </c>
      <c r="AG27793">
        <v>26</v>
      </c>
      <c r="AH27793">
        <v>26</v>
      </c>
      <c r="AI27793">
        <v>27</v>
      </c>
      <c r="AJ27793">
        <v>27</v>
      </c>
      <c r="AK27793">
        <v>27</v>
      </c>
      <c r="AL27793">
        <v>28</v>
      </c>
      <c r="AM27793">
        <v>28</v>
      </c>
      <c r="AN27793">
        <v>28</v>
      </c>
      <c r="AO27793">
        <v>28</v>
      </c>
      <c r="AP27793">
        <v>28</v>
      </c>
      <c r="AQ27793">
        <v>28</v>
      </c>
    </row>
    <row r="27794" spans="1:43">
      <c r="A27794" t="s">
        <v>17203</v>
      </c>
      <c r="B27794" t="s">
        <v>17204</v>
      </c>
      <c r="C27794" t="s">
        <v>17199</v>
      </c>
      <c r="D27794" t="s">
        <v>17200</v>
      </c>
      <c r="E27794" t="s">
        <v>17115</v>
      </c>
      <c r="F27794" t="s">
        <v>17116</v>
      </c>
      <c r="G27794" t="s">
        <v>16559</v>
      </c>
      <c r="H27794" t="s">
        <v>16560</v>
      </c>
      <c r="I27794" s="2">
        <v>1</v>
      </c>
      <c r="J27794" s="2">
        <v>0</v>
      </c>
      <c r="K27794" s="2">
        <v>0</v>
      </c>
      <c r="L27794" t="s">
        <v>120</v>
      </c>
      <c r="M27794" t="s">
        <v>83</v>
      </c>
      <c r="N27794" t="s">
        <v>84</v>
      </c>
      <c r="O27794" t="s">
        <v>85</v>
      </c>
      <c r="P27794" t="s">
        <v>86</v>
      </c>
      <c r="Q27794">
        <v>31</v>
      </c>
      <c r="R27794">
        <v>32</v>
      </c>
      <c r="S27794">
        <v>32</v>
      </c>
      <c r="T27794">
        <v>33</v>
      </c>
      <c r="U27794">
        <v>33</v>
      </c>
      <c r="V27794">
        <v>34</v>
      </c>
      <c r="W27794">
        <v>35</v>
      </c>
      <c r="X27794">
        <v>35</v>
      </c>
      <c r="Y27794">
        <v>36</v>
      </c>
      <c r="Z27794">
        <v>36</v>
      </c>
      <c r="AA27794">
        <v>37</v>
      </c>
      <c r="AB27794">
        <v>38</v>
      </c>
      <c r="AC27794">
        <v>38</v>
      </c>
      <c r="AD27794">
        <v>39</v>
      </c>
      <c r="AE27794">
        <v>39</v>
      </c>
      <c r="AF27794">
        <v>40</v>
      </c>
      <c r="AG27794">
        <v>41</v>
      </c>
      <c r="AH27794">
        <v>41</v>
      </c>
      <c r="AI27794">
        <v>42</v>
      </c>
      <c r="AJ27794">
        <v>42</v>
      </c>
      <c r="AK27794">
        <v>43</v>
      </c>
      <c r="AL27794">
        <v>43</v>
      </c>
      <c r="AM27794">
        <v>44</v>
      </c>
      <c r="AN27794">
        <v>44</v>
      </c>
      <c r="AO27794">
        <v>44</v>
      </c>
      <c r="AP27794">
        <v>44</v>
      </c>
      <c r="AQ27794">
        <v>44</v>
      </c>
    </row>
    <row r="27795" spans="1:43">
      <c r="A27795" t="s">
        <v>17203</v>
      </c>
      <c r="B27795" t="s">
        <v>17204</v>
      </c>
      <c r="C27795" t="s">
        <v>17199</v>
      </c>
      <c r="D27795" t="s">
        <v>17200</v>
      </c>
      <c r="E27795" t="s">
        <v>17115</v>
      </c>
      <c r="F27795" t="s">
        <v>17116</v>
      </c>
      <c r="G27795" t="s">
        <v>16559</v>
      </c>
      <c r="H27795" t="s">
        <v>16560</v>
      </c>
      <c r="I27795" s="2">
        <v>1</v>
      </c>
      <c r="J27795" s="2">
        <v>0</v>
      </c>
      <c r="K27795" s="2">
        <v>0</v>
      </c>
      <c r="L27795" t="s">
        <v>120</v>
      </c>
      <c r="M27795" t="s">
        <v>87</v>
      </c>
      <c r="N27795" t="s">
        <v>88</v>
      </c>
      <c r="O27795" t="s">
        <v>85</v>
      </c>
      <c r="P27795" t="s">
        <v>86</v>
      </c>
      <c r="Q27795">
        <v>31</v>
      </c>
      <c r="R27795">
        <v>31</v>
      </c>
      <c r="S27795">
        <v>31</v>
      </c>
      <c r="T27795">
        <v>32</v>
      </c>
      <c r="U27795">
        <v>32</v>
      </c>
      <c r="V27795">
        <v>32</v>
      </c>
      <c r="W27795">
        <v>33</v>
      </c>
      <c r="X27795">
        <v>33</v>
      </c>
      <c r="Y27795">
        <v>33</v>
      </c>
      <c r="Z27795">
        <v>33</v>
      </c>
      <c r="AA27795">
        <v>34</v>
      </c>
      <c r="AB27795">
        <v>34</v>
      </c>
      <c r="AC27795">
        <v>34</v>
      </c>
      <c r="AD27795">
        <v>35</v>
      </c>
      <c r="AE27795">
        <v>35</v>
      </c>
      <c r="AF27795">
        <v>35</v>
      </c>
      <c r="AG27795">
        <v>35</v>
      </c>
      <c r="AH27795">
        <v>36</v>
      </c>
      <c r="AI27795">
        <v>36</v>
      </c>
      <c r="AJ27795">
        <v>36</v>
      </c>
      <c r="AK27795">
        <v>37</v>
      </c>
      <c r="AL27795">
        <v>37</v>
      </c>
      <c r="AM27795">
        <v>37</v>
      </c>
      <c r="AN27795">
        <v>38</v>
      </c>
      <c r="AO27795">
        <v>38</v>
      </c>
      <c r="AP27795">
        <v>38</v>
      </c>
      <c r="AQ27795">
        <v>39</v>
      </c>
    </row>
    <row r="27796" spans="1:43">
      <c r="A27796" t="s">
        <v>17203</v>
      </c>
      <c r="B27796" t="s">
        <v>17204</v>
      </c>
      <c r="C27796" t="s">
        <v>17199</v>
      </c>
      <c r="D27796" t="s">
        <v>17200</v>
      </c>
      <c r="E27796" t="s">
        <v>17115</v>
      </c>
      <c r="F27796" t="s">
        <v>17116</v>
      </c>
      <c r="G27796" t="s">
        <v>16559</v>
      </c>
      <c r="H27796" t="s">
        <v>16560</v>
      </c>
      <c r="I27796" s="2">
        <v>1</v>
      </c>
      <c r="J27796" s="2">
        <v>0</v>
      </c>
      <c r="K27796" s="2">
        <v>0</v>
      </c>
      <c r="L27796" t="s">
        <v>120</v>
      </c>
      <c r="M27796" t="s">
        <v>89</v>
      </c>
      <c r="N27796" t="s">
        <v>90</v>
      </c>
      <c r="O27796" t="s">
        <v>85</v>
      </c>
      <c r="P27796" t="s">
        <v>86</v>
      </c>
      <c r="Q27796">
        <v>31</v>
      </c>
      <c r="R27796">
        <v>32</v>
      </c>
      <c r="S27796">
        <v>33</v>
      </c>
      <c r="T27796">
        <v>34</v>
      </c>
      <c r="U27796">
        <v>35</v>
      </c>
      <c r="V27796">
        <v>36</v>
      </c>
      <c r="W27796">
        <v>36</v>
      </c>
      <c r="X27796">
        <v>37</v>
      </c>
      <c r="Y27796">
        <v>38</v>
      </c>
      <c r="Z27796">
        <v>39</v>
      </c>
      <c r="AA27796">
        <v>39</v>
      </c>
      <c r="AB27796">
        <v>40</v>
      </c>
      <c r="AC27796">
        <v>41</v>
      </c>
      <c r="AD27796">
        <v>42</v>
      </c>
      <c r="AE27796">
        <v>42</v>
      </c>
      <c r="AF27796">
        <v>42</v>
      </c>
      <c r="AG27796">
        <v>43</v>
      </c>
      <c r="AH27796">
        <v>43</v>
      </c>
      <c r="AI27796">
        <v>43</v>
      </c>
      <c r="AJ27796">
        <v>43</v>
      </c>
      <c r="AK27796">
        <v>43</v>
      </c>
      <c r="AL27796">
        <v>44</v>
      </c>
      <c r="AM27796">
        <v>44</v>
      </c>
      <c r="AN27796">
        <v>44</v>
      </c>
      <c r="AO27796">
        <v>44</v>
      </c>
      <c r="AP27796">
        <v>44</v>
      </c>
      <c r="AQ27796">
        <v>45</v>
      </c>
    </row>
    <row r="27797" spans="1:43">
      <c r="A27797" t="s">
        <v>17203</v>
      </c>
      <c r="B27797" t="s">
        <v>17204</v>
      </c>
      <c r="C27797" t="s">
        <v>17199</v>
      </c>
      <c r="D27797" t="s">
        <v>17200</v>
      </c>
      <c r="E27797" t="s">
        <v>17115</v>
      </c>
      <c r="F27797" t="s">
        <v>17116</v>
      </c>
      <c r="G27797" t="s">
        <v>16559</v>
      </c>
      <c r="H27797" t="s">
        <v>16560</v>
      </c>
      <c r="I27797" s="2">
        <v>1</v>
      </c>
      <c r="J27797" s="2">
        <v>0</v>
      </c>
      <c r="K27797" s="2">
        <v>0</v>
      </c>
      <c r="L27797" t="s">
        <v>120</v>
      </c>
      <c r="M27797" t="s">
        <v>83</v>
      </c>
      <c r="N27797" t="s">
        <v>91</v>
      </c>
      <c r="O27797" t="s">
        <v>85</v>
      </c>
      <c r="P27797" t="s">
        <v>86</v>
      </c>
      <c r="Q27797">
        <v>31</v>
      </c>
      <c r="R27797">
        <v>32</v>
      </c>
      <c r="S27797">
        <v>32</v>
      </c>
      <c r="T27797">
        <v>33</v>
      </c>
      <c r="U27797">
        <v>33</v>
      </c>
      <c r="V27797">
        <v>34</v>
      </c>
      <c r="W27797">
        <v>35</v>
      </c>
      <c r="X27797">
        <v>35</v>
      </c>
      <c r="Y27797">
        <v>36</v>
      </c>
      <c r="Z27797">
        <v>36</v>
      </c>
      <c r="AA27797">
        <v>37</v>
      </c>
      <c r="AB27797">
        <v>38</v>
      </c>
      <c r="AC27797">
        <v>38</v>
      </c>
      <c r="AD27797">
        <v>39</v>
      </c>
      <c r="AE27797">
        <v>39</v>
      </c>
      <c r="AF27797">
        <v>40</v>
      </c>
      <c r="AG27797">
        <v>41</v>
      </c>
      <c r="AH27797">
        <v>41</v>
      </c>
      <c r="AI27797">
        <v>42</v>
      </c>
      <c r="AJ27797">
        <v>42</v>
      </c>
      <c r="AK27797">
        <v>43</v>
      </c>
      <c r="AL27797">
        <v>43</v>
      </c>
      <c r="AM27797">
        <v>44</v>
      </c>
      <c r="AN27797">
        <v>44</v>
      </c>
      <c r="AO27797">
        <v>44</v>
      </c>
      <c r="AP27797">
        <v>44</v>
      </c>
      <c r="AQ27797">
        <v>44</v>
      </c>
    </row>
    <row r="27798" spans="1:43">
      <c r="A27798" t="s">
        <v>17205</v>
      </c>
      <c r="B27798" t="s">
        <v>17206</v>
      </c>
      <c r="C27798" t="s">
        <v>17199</v>
      </c>
      <c r="D27798" t="s">
        <v>17200</v>
      </c>
      <c r="E27798" t="s">
        <v>17115</v>
      </c>
      <c r="F27798" t="s">
        <v>17116</v>
      </c>
      <c r="G27798" t="s">
        <v>16559</v>
      </c>
      <c r="H27798" t="s">
        <v>16560</v>
      </c>
      <c r="I27798" s="2">
        <v>1</v>
      </c>
      <c r="J27798" s="2">
        <v>0</v>
      </c>
      <c r="K27798" s="2">
        <v>0</v>
      </c>
      <c r="L27798" t="s">
        <v>120</v>
      </c>
      <c r="M27798" t="s">
        <v>83</v>
      </c>
      <c r="N27798" t="s">
        <v>84</v>
      </c>
      <c r="O27798" t="s">
        <v>85</v>
      </c>
      <c r="P27798" t="s">
        <v>86</v>
      </c>
      <c r="Q27798">
        <v>32</v>
      </c>
      <c r="R27798">
        <v>32</v>
      </c>
      <c r="S27798">
        <v>33</v>
      </c>
      <c r="T27798">
        <v>33</v>
      </c>
      <c r="U27798">
        <v>34</v>
      </c>
      <c r="V27798">
        <v>35</v>
      </c>
      <c r="W27798">
        <v>35</v>
      </c>
      <c r="X27798">
        <v>36</v>
      </c>
      <c r="Y27798">
        <v>36</v>
      </c>
      <c r="Z27798">
        <v>37</v>
      </c>
      <c r="AA27798">
        <v>38</v>
      </c>
      <c r="AB27798">
        <v>38</v>
      </c>
      <c r="AC27798">
        <v>39</v>
      </c>
      <c r="AD27798">
        <v>39</v>
      </c>
      <c r="AE27798">
        <v>40</v>
      </c>
      <c r="AF27798">
        <v>41</v>
      </c>
      <c r="AG27798">
        <v>41</v>
      </c>
      <c r="AH27798">
        <v>42</v>
      </c>
      <c r="AI27798">
        <v>43</v>
      </c>
      <c r="AJ27798">
        <v>43</v>
      </c>
      <c r="AK27798">
        <v>44</v>
      </c>
      <c r="AL27798">
        <v>44</v>
      </c>
      <c r="AM27798">
        <v>44</v>
      </c>
      <c r="AN27798">
        <v>45</v>
      </c>
      <c r="AO27798">
        <v>45</v>
      </c>
      <c r="AP27798">
        <v>45</v>
      </c>
      <c r="AQ27798">
        <v>45</v>
      </c>
    </row>
    <row r="27799" spans="1:43">
      <c r="A27799" t="s">
        <v>17205</v>
      </c>
      <c r="B27799" t="s">
        <v>17206</v>
      </c>
      <c r="C27799" t="s">
        <v>17199</v>
      </c>
      <c r="D27799" t="s">
        <v>17200</v>
      </c>
      <c r="E27799" t="s">
        <v>17115</v>
      </c>
      <c r="F27799" t="s">
        <v>17116</v>
      </c>
      <c r="G27799" t="s">
        <v>16559</v>
      </c>
      <c r="H27799" t="s">
        <v>16560</v>
      </c>
      <c r="I27799" s="2">
        <v>1</v>
      </c>
      <c r="J27799" s="2">
        <v>0</v>
      </c>
      <c r="K27799" s="2">
        <v>0</v>
      </c>
      <c r="L27799" t="s">
        <v>120</v>
      </c>
      <c r="M27799" t="s">
        <v>87</v>
      </c>
      <c r="N27799" t="s">
        <v>88</v>
      </c>
      <c r="O27799" t="s">
        <v>85</v>
      </c>
      <c r="P27799" t="s">
        <v>86</v>
      </c>
      <c r="Q27799">
        <v>32</v>
      </c>
      <c r="R27799">
        <v>33</v>
      </c>
      <c r="S27799">
        <v>33</v>
      </c>
      <c r="T27799">
        <v>33</v>
      </c>
      <c r="U27799">
        <v>34</v>
      </c>
      <c r="V27799">
        <v>34</v>
      </c>
      <c r="W27799">
        <v>34</v>
      </c>
      <c r="X27799">
        <v>34</v>
      </c>
      <c r="Y27799">
        <v>35</v>
      </c>
      <c r="Z27799">
        <v>35</v>
      </c>
      <c r="AA27799">
        <v>35</v>
      </c>
      <c r="AB27799">
        <v>36</v>
      </c>
      <c r="AC27799">
        <v>36</v>
      </c>
      <c r="AD27799">
        <v>36</v>
      </c>
      <c r="AE27799">
        <v>37</v>
      </c>
      <c r="AF27799">
        <v>37</v>
      </c>
      <c r="AG27799">
        <v>37</v>
      </c>
      <c r="AH27799">
        <v>37</v>
      </c>
      <c r="AI27799">
        <v>38</v>
      </c>
      <c r="AJ27799">
        <v>38</v>
      </c>
      <c r="AK27799">
        <v>38</v>
      </c>
      <c r="AL27799">
        <v>39</v>
      </c>
      <c r="AM27799">
        <v>39</v>
      </c>
      <c r="AN27799">
        <v>39</v>
      </c>
      <c r="AO27799">
        <v>40</v>
      </c>
      <c r="AP27799">
        <v>40</v>
      </c>
      <c r="AQ27799">
        <v>40</v>
      </c>
    </row>
    <row r="27800" spans="1:43">
      <c r="A27800" t="s">
        <v>17205</v>
      </c>
      <c r="B27800" t="s">
        <v>17206</v>
      </c>
      <c r="C27800" t="s">
        <v>17199</v>
      </c>
      <c r="D27800" t="s">
        <v>17200</v>
      </c>
      <c r="E27800" t="s">
        <v>17115</v>
      </c>
      <c r="F27800" t="s">
        <v>17116</v>
      </c>
      <c r="G27800" t="s">
        <v>16559</v>
      </c>
      <c r="H27800" t="s">
        <v>16560</v>
      </c>
      <c r="I27800" s="2">
        <v>1</v>
      </c>
      <c r="J27800" s="2">
        <v>0</v>
      </c>
      <c r="K27800" s="2">
        <v>0</v>
      </c>
      <c r="L27800" t="s">
        <v>120</v>
      </c>
      <c r="M27800" t="s">
        <v>89</v>
      </c>
      <c r="N27800" t="s">
        <v>90</v>
      </c>
      <c r="O27800" t="s">
        <v>85</v>
      </c>
      <c r="P27800" t="s">
        <v>86</v>
      </c>
      <c r="Q27800">
        <v>32</v>
      </c>
      <c r="R27800">
        <v>33</v>
      </c>
      <c r="S27800">
        <v>34</v>
      </c>
      <c r="T27800">
        <v>35</v>
      </c>
      <c r="U27800">
        <v>35</v>
      </c>
      <c r="V27800">
        <v>36</v>
      </c>
      <c r="W27800">
        <v>37</v>
      </c>
      <c r="X27800">
        <v>38</v>
      </c>
      <c r="Y27800">
        <v>39</v>
      </c>
      <c r="Z27800">
        <v>39</v>
      </c>
      <c r="AA27800">
        <v>40</v>
      </c>
      <c r="AB27800">
        <v>41</v>
      </c>
      <c r="AC27800">
        <v>42</v>
      </c>
      <c r="AD27800">
        <v>42</v>
      </c>
      <c r="AE27800">
        <v>43</v>
      </c>
      <c r="AF27800">
        <v>43</v>
      </c>
      <c r="AG27800">
        <v>43</v>
      </c>
      <c r="AH27800">
        <v>44</v>
      </c>
      <c r="AI27800">
        <v>44</v>
      </c>
      <c r="AJ27800">
        <v>44</v>
      </c>
      <c r="AK27800">
        <v>44</v>
      </c>
      <c r="AL27800">
        <v>45</v>
      </c>
      <c r="AM27800">
        <v>45</v>
      </c>
      <c r="AN27800">
        <v>45</v>
      </c>
      <c r="AO27800">
        <v>45</v>
      </c>
      <c r="AP27800">
        <v>45</v>
      </c>
      <c r="AQ27800">
        <v>46</v>
      </c>
    </row>
    <row r="27801" spans="1:43">
      <c r="A27801" t="s">
        <v>17205</v>
      </c>
      <c r="B27801" t="s">
        <v>17206</v>
      </c>
      <c r="C27801" t="s">
        <v>17199</v>
      </c>
      <c r="D27801" t="s">
        <v>17200</v>
      </c>
      <c r="E27801" t="s">
        <v>17115</v>
      </c>
      <c r="F27801" t="s">
        <v>17116</v>
      </c>
      <c r="G27801" t="s">
        <v>16559</v>
      </c>
      <c r="H27801" t="s">
        <v>16560</v>
      </c>
      <c r="I27801" s="2">
        <v>1</v>
      </c>
      <c r="J27801" s="2">
        <v>0</v>
      </c>
      <c r="K27801" s="2">
        <v>0</v>
      </c>
      <c r="L27801" t="s">
        <v>120</v>
      </c>
      <c r="M27801" t="s">
        <v>83</v>
      </c>
      <c r="N27801" t="s">
        <v>91</v>
      </c>
      <c r="O27801" t="s">
        <v>85</v>
      </c>
      <c r="P27801" t="s">
        <v>86</v>
      </c>
      <c r="Q27801">
        <v>32</v>
      </c>
      <c r="R27801">
        <v>32</v>
      </c>
      <c r="S27801">
        <v>33</v>
      </c>
      <c r="T27801">
        <v>33</v>
      </c>
      <c r="U27801">
        <v>34</v>
      </c>
      <c r="V27801">
        <v>35</v>
      </c>
      <c r="W27801">
        <v>35</v>
      </c>
      <c r="X27801">
        <v>36</v>
      </c>
      <c r="Y27801">
        <v>36</v>
      </c>
      <c r="Z27801">
        <v>37</v>
      </c>
      <c r="AA27801">
        <v>38</v>
      </c>
      <c r="AB27801">
        <v>38</v>
      </c>
      <c r="AC27801">
        <v>39</v>
      </c>
      <c r="AD27801">
        <v>39</v>
      </c>
      <c r="AE27801">
        <v>40</v>
      </c>
      <c r="AF27801">
        <v>41</v>
      </c>
      <c r="AG27801">
        <v>41</v>
      </c>
      <c r="AH27801">
        <v>42</v>
      </c>
      <c r="AI27801">
        <v>43</v>
      </c>
      <c r="AJ27801">
        <v>43</v>
      </c>
      <c r="AK27801">
        <v>44</v>
      </c>
      <c r="AL27801">
        <v>44</v>
      </c>
      <c r="AM27801">
        <v>44</v>
      </c>
      <c r="AN27801">
        <v>45</v>
      </c>
      <c r="AO27801">
        <v>45</v>
      </c>
      <c r="AP27801">
        <v>45</v>
      </c>
      <c r="AQ27801">
        <v>45</v>
      </c>
    </row>
    <row r="27802" spans="1:43">
      <c r="A27802" t="s">
        <v>17207</v>
      </c>
      <c r="B27802" t="s">
        <v>17208</v>
      </c>
      <c r="C27802" t="s">
        <v>17199</v>
      </c>
      <c r="D27802" t="s">
        <v>17200</v>
      </c>
      <c r="E27802" t="s">
        <v>17115</v>
      </c>
      <c r="F27802" t="s">
        <v>17116</v>
      </c>
      <c r="G27802" t="s">
        <v>16559</v>
      </c>
      <c r="H27802" t="s">
        <v>16560</v>
      </c>
      <c r="I27802" s="2">
        <v>1</v>
      </c>
      <c r="J27802" s="2">
        <v>0</v>
      </c>
      <c r="K27802" s="2">
        <v>0</v>
      </c>
      <c r="L27802" t="s">
        <v>120</v>
      </c>
      <c r="M27802" t="s">
        <v>83</v>
      </c>
      <c r="N27802" t="s">
        <v>84</v>
      </c>
      <c r="O27802" t="s">
        <v>85</v>
      </c>
      <c r="P27802" t="s">
        <v>86</v>
      </c>
      <c r="Q27802">
        <v>16</v>
      </c>
      <c r="R27802">
        <v>16</v>
      </c>
      <c r="S27802">
        <v>17</v>
      </c>
      <c r="T27802">
        <v>17</v>
      </c>
      <c r="U27802">
        <v>17</v>
      </c>
      <c r="V27802">
        <v>18</v>
      </c>
      <c r="W27802">
        <v>18</v>
      </c>
      <c r="X27802">
        <v>18</v>
      </c>
      <c r="Y27802">
        <v>18</v>
      </c>
      <c r="Z27802">
        <v>19</v>
      </c>
      <c r="AA27802">
        <v>19</v>
      </c>
      <c r="AB27802">
        <v>19</v>
      </c>
      <c r="AC27802">
        <v>20</v>
      </c>
      <c r="AD27802">
        <v>20</v>
      </c>
      <c r="AE27802">
        <v>20</v>
      </c>
      <c r="AF27802">
        <v>21</v>
      </c>
      <c r="AG27802">
        <v>21</v>
      </c>
      <c r="AH27802">
        <v>21</v>
      </c>
      <c r="AI27802">
        <v>22</v>
      </c>
      <c r="AJ27802">
        <v>22</v>
      </c>
      <c r="AK27802">
        <v>22</v>
      </c>
      <c r="AL27802">
        <v>22</v>
      </c>
      <c r="AM27802">
        <v>22</v>
      </c>
      <c r="AN27802">
        <v>23</v>
      </c>
      <c r="AO27802">
        <v>23</v>
      </c>
      <c r="AP27802">
        <v>23</v>
      </c>
      <c r="AQ27802">
        <v>23</v>
      </c>
    </row>
    <row r="27803" spans="1:43">
      <c r="A27803" t="s">
        <v>17207</v>
      </c>
      <c r="B27803" t="s">
        <v>17208</v>
      </c>
      <c r="C27803" t="s">
        <v>17199</v>
      </c>
      <c r="D27803" t="s">
        <v>17200</v>
      </c>
      <c r="E27803" t="s">
        <v>17115</v>
      </c>
      <c r="F27803" t="s">
        <v>17116</v>
      </c>
      <c r="G27803" t="s">
        <v>16559</v>
      </c>
      <c r="H27803" t="s">
        <v>16560</v>
      </c>
      <c r="I27803" s="2">
        <v>1</v>
      </c>
      <c r="J27803" s="2">
        <v>0</v>
      </c>
      <c r="K27803" s="2">
        <v>0</v>
      </c>
      <c r="L27803" t="s">
        <v>120</v>
      </c>
      <c r="M27803" t="s">
        <v>87</v>
      </c>
      <c r="N27803" t="s">
        <v>88</v>
      </c>
      <c r="O27803" t="s">
        <v>85</v>
      </c>
      <c r="P27803" t="s">
        <v>86</v>
      </c>
      <c r="Q27803">
        <v>16</v>
      </c>
      <c r="R27803">
        <v>16</v>
      </c>
      <c r="S27803">
        <v>16</v>
      </c>
      <c r="T27803">
        <v>16</v>
      </c>
      <c r="U27803">
        <v>16</v>
      </c>
      <c r="V27803">
        <v>17</v>
      </c>
      <c r="W27803">
        <v>17</v>
      </c>
      <c r="X27803">
        <v>17</v>
      </c>
      <c r="Y27803">
        <v>17</v>
      </c>
      <c r="Z27803">
        <v>17</v>
      </c>
      <c r="AA27803">
        <v>17</v>
      </c>
      <c r="AB27803">
        <v>18</v>
      </c>
      <c r="AC27803">
        <v>18</v>
      </c>
      <c r="AD27803">
        <v>18</v>
      </c>
      <c r="AE27803">
        <v>18</v>
      </c>
      <c r="AF27803">
        <v>18</v>
      </c>
      <c r="AG27803">
        <v>18</v>
      </c>
      <c r="AH27803">
        <v>18</v>
      </c>
      <c r="AI27803">
        <v>19</v>
      </c>
      <c r="AJ27803">
        <v>19</v>
      </c>
      <c r="AK27803">
        <v>19</v>
      </c>
      <c r="AL27803">
        <v>19</v>
      </c>
      <c r="AM27803">
        <v>19</v>
      </c>
      <c r="AN27803">
        <v>19</v>
      </c>
      <c r="AO27803">
        <v>20</v>
      </c>
      <c r="AP27803">
        <v>20</v>
      </c>
      <c r="AQ27803">
        <v>20</v>
      </c>
    </row>
    <row r="27804" spans="1:43">
      <c r="A27804" t="s">
        <v>17207</v>
      </c>
      <c r="B27804" t="s">
        <v>17208</v>
      </c>
      <c r="C27804" t="s">
        <v>17199</v>
      </c>
      <c r="D27804" t="s">
        <v>17200</v>
      </c>
      <c r="E27804" t="s">
        <v>17115</v>
      </c>
      <c r="F27804" t="s">
        <v>17116</v>
      </c>
      <c r="G27804" t="s">
        <v>16559</v>
      </c>
      <c r="H27804" t="s">
        <v>16560</v>
      </c>
      <c r="I27804" s="2">
        <v>1</v>
      </c>
      <c r="J27804" s="2">
        <v>0</v>
      </c>
      <c r="K27804" s="2">
        <v>0</v>
      </c>
      <c r="L27804" t="s">
        <v>120</v>
      </c>
      <c r="M27804" t="s">
        <v>89</v>
      </c>
      <c r="N27804" t="s">
        <v>90</v>
      </c>
      <c r="O27804" t="s">
        <v>85</v>
      </c>
      <c r="P27804" t="s">
        <v>86</v>
      </c>
      <c r="Q27804">
        <v>16</v>
      </c>
      <c r="R27804">
        <v>17</v>
      </c>
      <c r="S27804">
        <v>17</v>
      </c>
      <c r="T27804">
        <v>17</v>
      </c>
      <c r="U27804">
        <v>18</v>
      </c>
      <c r="V27804">
        <v>18</v>
      </c>
      <c r="W27804">
        <v>19</v>
      </c>
      <c r="X27804">
        <v>19</v>
      </c>
      <c r="Y27804">
        <v>20</v>
      </c>
      <c r="Z27804">
        <v>20</v>
      </c>
      <c r="AA27804">
        <v>20</v>
      </c>
      <c r="AB27804">
        <v>21</v>
      </c>
      <c r="AC27804">
        <v>21</v>
      </c>
      <c r="AD27804">
        <v>21</v>
      </c>
      <c r="AE27804">
        <v>22</v>
      </c>
      <c r="AF27804">
        <v>22</v>
      </c>
      <c r="AG27804">
        <v>22</v>
      </c>
      <c r="AH27804">
        <v>22</v>
      </c>
      <c r="AI27804">
        <v>22</v>
      </c>
      <c r="AJ27804">
        <v>22</v>
      </c>
      <c r="AK27804">
        <v>22</v>
      </c>
      <c r="AL27804">
        <v>23</v>
      </c>
      <c r="AM27804">
        <v>23</v>
      </c>
      <c r="AN27804">
        <v>23</v>
      </c>
      <c r="AO27804">
        <v>23</v>
      </c>
      <c r="AP27804">
        <v>23</v>
      </c>
      <c r="AQ27804">
        <v>23</v>
      </c>
    </row>
    <row r="27805" spans="1:43">
      <c r="A27805" t="s">
        <v>17207</v>
      </c>
      <c r="B27805" t="s">
        <v>17208</v>
      </c>
      <c r="C27805" t="s">
        <v>17199</v>
      </c>
      <c r="D27805" t="s">
        <v>17200</v>
      </c>
      <c r="E27805" t="s">
        <v>17115</v>
      </c>
      <c r="F27805" t="s">
        <v>17116</v>
      </c>
      <c r="G27805" t="s">
        <v>16559</v>
      </c>
      <c r="H27805" t="s">
        <v>16560</v>
      </c>
      <c r="I27805" s="2">
        <v>1</v>
      </c>
      <c r="J27805" s="2">
        <v>0</v>
      </c>
      <c r="K27805" s="2">
        <v>0</v>
      </c>
      <c r="L27805" t="s">
        <v>120</v>
      </c>
      <c r="M27805" t="s">
        <v>83</v>
      </c>
      <c r="N27805" t="s">
        <v>91</v>
      </c>
      <c r="O27805" t="s">
        <v>85</v>
      </c>
      <c r="P27805" t="s">
        <v>86</v>
      </c>
      <c r="Q27805">
        <v>16</v>
      </c>
      <c r="R27805">
        <v>16</v>
      </c>
      <c r="S27805">
        <v>17</v>
      </c>
      <c r="T27805">
        <v>17</v>
      </c>
      <c r="U27805">
        <v>17</v>
      </c>
      <c r="V27805">
        <v>18</v>
      </c>
      <c r="W27805">
        <v>18</v>
      </c>
      <c r="X27805">
        <v>18</v>
      </c>
      <c r="Y27805">
        <v>18</v>
      </c>
      <c r="Z27805">
        <v>19</v>
      </c>
      <c r="AA27805">
        <v>19</v>
      </c>
      <c r="AB27805">
        <v>19</v>
      </c>
      <c r="AC27805">
        <v>20</v>
      </c>
      <c r="AD27805">
        <v>20</v>
      </c>
      <c r="AE27805">
        <v>20</v>
      </c>
      <c r="AF27805">
        <v>21</v>
      </c>
      <c r="AG27805">
        <v>21</v>
      </c>
      <c r="AH27805">
        <v>21</v>
      </c>
      <c r="AI27805">
        <v>22</v>
      </c>
      <c r="AJ27805">
        <v>22</v>
      </c>
      <c r="AK27805">
        <v>22</v>
      </c>
      <c r="AL27805">
        <v>22</v>
      </c>
      <c r="AM27805">
        <v>22</v>
      </c>
      <c r="AN27805">
        <v>23</v>
      </c>
      <c r="AO27805">
        <v>23</v>
      </c>
      <c r="AP27805">
        <v>23</v>
      </c>
      <c r="AQ27805">
        <v>23</v>
      </c>
    </row>
    <row r="27806" spans="1:43">
      <c r="A27806" t="s">
        <v>17209</v>
      </c>
      <c r="B27806" t="s">
        <v>17210</v>
      </c>
      <c r="C27806" t="s">
        <v>17199</v>
      </c>
      <c r="D27806" t="s">
        <v>17200</v>
      </c>
      <c r="E27806" t="s">
        <v>17115</v>
      </c>
      <c r="F27806" t="s">
        <v>17116</v>
      </c>
      <c r="G27806" t="s">
        <v>16559</v>
      </c>
      <c r="H27806" t="s">
        <v>16560</v>
      </c>
      <c r="I27806" s="2">
        <v>1</v>
      </c>
      <c r="J27806" s="2">
        <v>0</v>
      </c>
      <c r="K27806" s="2">
        <v>0</v>
      </c>
      <c r="L27806" t="s">
        <v>120</v>
      </c>
      <c r="M27806" t="s">
        <v>83</v>
      </c>
      <c r="N27806" t="s">
        <v>84</v>
      </c>
      <c r="O27806" t="s">
        <v>85</v>
      </c>
      <c r="P27806" t="s">
        <v>86</v>
      </c>
      <c r="Q27806">
        <v>48</v>
      </c>
      <c r="R27806">
        <v>49</v>
      </c>
      <c r="S27806">
        <v>49</v>
      </c>
      <c r="T27806">
        <v>50</v>
      </c>
      <c r="U27806">
        <v>51</v>
      </c>
      <c r="V27806">
        <v>52</v>
      </c>
      <c r="W27806">
        <v>53</v>
      </c>
      <c r="X27806">
        <v>54</v>
      </c>
      <c r="Y27806">
        <v>55</v>
      </c>
      <c r="Z27806">
        <v>56</v>
      </c>
      <c r="AA27806">
        <v>57</v>
      </c>
      <c r="AB27806">
        <v>58</v>
      </c>
      <c r="AC27806">
        <v>58</v>
      </c>
      <c r="AD27806">
        <v>59</v>
      </c>
      <c r="AE27806">
        <v>60</v>
      </c>
      <c r="AF27806">
        <v>61</v>
      </c>
      <c r="AG27806">
        <v>62</v>
      </c>
      <c r="AH27806">
        <v>63</v>
      </c>
      <c r="AI27806">
        <v>64</v>
      </c>
      <c r="AJ27806">
        <v>65</v>
      </c>
      <c r="AK27806">
        <v>66</v>
      </c>
      <c r="AL27806">
        <v>66</v>
      </c>
      <c r="AM27806">
        <v>67</v>
      </c>
      <c r="AN27806">
        <v>67</v>
      </c>
      <c r="AO27806">
        <v>67</v>
      </c>
      <c r="AP27806">
        <v>68</v>
      </c>
      <c r="AQ27806">
        <v>68</v>
      </c>
    </row>
    <row r="27807" spans="1:43">
      <c r="A27807" t="s">
        <v>17209</v>
      </c>
      <c r="B27807" t="s">
        <v>17210</v>
      </c>
      <c r="C27807" t="s">
        <v>17199</v>
      </c>
      <c r="D27807" t="s">
        <v>17200</v>
      </c>
      <c r="E27807" t="s">
        <v>17115</v>
      </c>
      <c r="F27807" t="s">
        <v>17116</v>
      </c>
      <c r="G27807" t="s">
        <v>16559</v>
      </c>
      <c r="H27807" t="s">
        <v>16560</v>
      </c>
      <c r="I27807" s="2">
        <v>1</v>
      </c>
      <c r="J27807" s="2">
        <v>0</v>
      </c>
      <c r="K27807" s="2">
        <v>0</v>
      </c>
      <c r="L27807" t="s">
        <v>120</v>
      </c>
      <c r="M27807" t="s">
        <v>87</v>
      </c>
      <c r="N27807" t="s">
        <v>88</v>
      </c>
      <c r="O27807" t="s">
        <v>85</v>
      </c>
      <c r="P27807" t="s">
        <v>86</v>
      </c>
      <c r="Q27807">
        <v>48</v>
      </c>
      <c r="R27807">
        <v>49</v>
      </c>
      <c r="S27807">
        <v>49</v>
      </c>
      <c r="T27807">
        <v>49</v>
      </c>
      <c r="U27807">
        <v>50</v>
      </c>
      <c r="V27807">
        <v>50</v>
      </c>
      <c r="W27807">
        <v>51</v>
      </c>
      <c r="X27807">
        <v>51</v>
      </c>
      <c r="Y27807">
        <v>52</v>
      </c>
      <c r="Z27807">
        <v>52</v>
      </c>
      <c r="AA27807">
        <v>53</v>
      </c>
      <c r="AB27807">
        <v>53</v>
      </c>
      <c r="AC27807">
        <v>54</v>
      </c>
      <c r="AD27807">
        <v>54</v>
      </c>
      <c r="AE27807">
        <v>54</v>
      </c>
      <c r="AF27807">
        <v>55</v>
      </c>
      <c r="AG27807">
        <v>55</v>
      </c>
      <c r="AH27807">
        <v>56</v>
      </c>
      <c r="AI27807">
        <v>56</v>
      </c>
      <c r="AJ27807">
        <v>57</v>
      </c>
      <c r="AK27807">
        <v>57</v>
      </c>
      <c r="AL27807">
        <v>58</v>
      </c>
      <c r="AM27807">
        <v>58</v>
      </c>
      <c r="AN27807">
        <v>59</v>
      </c>
      <c r="AO27807">
        <v>59</v>
      </c>
      <c r="AP27807">
        <v>60</v>
      </c>
      <c r="AQ27807">
        <v>60</v>
      </c>
    </row>
    <row r="27808" spans="1:43">
      <c r="A27808" t="s">
        <v>17209</v>
      </c>
      <c r="B27808" t="s">
        <v>17210</v>
      </c>
      <c r="C27808" t="s">
        <v>17199</v>
      </c>
      <c r="D27808" t="s">
        <v>17200</v>
      </c>
      <c r="E27808" t="s">
        <v>17115</v>
      </c>
      <c r="F27808" t="s">
        <v>17116</v>
      </c>
      <c r="G27808" t="s">
        <v>16559</v>
      </c>
      <c r="H27808" t="s">
        <v>16560</v>
      </c>
      <c r="I27808" s="2">
        <v>1</v>
      </c>
      <c r="J27808" s="2">
        <v>0</v>
      </c>
      <c r="K27808" s="2">
        <v>0</v>
      </c>
      <c r="L27808" t="s">
        <v>120</v>
      </c>
      <c r="M27808" t="s">
        <v>89</v>
      </c>
      <c r="N27808" t="s">
        <v>90</v>
      </c>
      <c r="O27808" t="s">
        <v>85</v>
      </c>
      <c r="P27808" t="s">
        <v>86</v>
      </c>
      <c r="Q27808">
        <v>48</v>
      </c>
      <c r="R27808">
        <v>49</v>
      </c>
      <c r="S27808">
        <v>51</v>
      </c>
      <c r="T27808">
        <v>52</v>
      </c>
      <c r="U27808">
        <v>53</v>
      </c>
      <c r="V27808">
        <v>54</v>
      </c>
      <c r="W27808">
        <v>56</v>
      </c>
      <c r="X27808">
        <v>57</v>
      </c>
      <c r="Y27808">
        <v>58</v>
      </c>
      <c r="Z27808">
        <v>59</v>
      </c>
      <c r="AA27808">
        <v>60</v>
      </c>
      <c r="AB27808">
        <v>61</v>
      </c>
      <c r="AC27808">
        <v>63</v>
      </c>
      <c r="AD27808">
        <v>64</v>
      </c>
      <c r="AE27808">
        <v>65</v>
      </c>
      <c r="AF27808">
        <v>65</v>
      </c>
      <c r="AG27808">
        <v>65</v>
      </c>
      <c r="AH27808">
        <v>66</v>
      </c>
      <c r="AI27808">
        <v>66</v>
      </c>
      <c r="AJ27808">
        <v>66</v>
      </c>
      <c r="AK27808">
        <v>67</v>
      </c>
      <c r="AL27808">
        <v>67</v>
      </c>
      <c r="AM27808">
        <v>67</v>
      </c>
      <c r="AN27808">
        <v>68</v>
      </c>
      <c r="AO27808">
        <v>68</v>
      </c>
      <c r="AP27808">
        <v>68</v>
      </c>
      <c r="AQ27808">
        <v>68</v>
      </c>
    </row>
    <row r="27809" spans="1:43">
      <c r="A27809" t="s">
        <v>17209</v>
      </c>
      <c r="B27809" t="s">
        <v>17210</v>
      </c>
      <c r="C27809" t="s">
        <v>17199</v>
      </c>
      <c r="D27809" t="s">
        <v>17200</v>
      </c>
      <c r="E27809" t="s">
        <v>17115</v>
      </c>
      <c r="F27809" t="s">
        <v>17116</v>
      </c>
      <c r="G27809" t="s">
        <v>16559</v>
      </c>
      <c r="H27809" t="s">
        <v>16560</v>
      </c>
      <c r="I27809" s="2">
        <v>1</v>
      </c>
      <c r="J27809" s="2">
        <v>0</v>
      </c>
      <c r="K27809" s="2">
        <v>0</v>
      </c>
      <c r="L27809" t="s">
        <v>120</v>
      </c>
      <c r="M27809" t="s">
        <v>83</v>
      </c>
      <c r="N27809" t="s">
        <v>91</v>
      </c>
      <c r="O27809" t="s">
        <v>85</v>
      </c>
      <c r="P27809" t="s">
        <v>86</v>
      </c>
      <c r="Q27809">
        <v>48</v>
      </c>
      <c r="R27809">
        <v>49</v>
      </c>
      <c r="S27809">
        <v>49</v>
      </c>
      <c r="T27809">
        <v>50</v>
      </c>
      <c r="U27809">
        <v>51</v>
      </c>
      <c r="V27809">
        <v>52</v>
      </c>
      <c r="W27809">
        <v>53</v>
      </c>
      <c r="X27809">
        <v>54</v>
      </c>
      <c r="Y27809">
        <v>55</v>
      </c>
      <c r="Z27809">
        <v>56</v>
      </c>
      <c r="AA27809">
        <v>57</v>
      </c>
      <c r="AB27809">
        <v>58</v>
      </c>
      <c r="AC27809">
        <v>58</v>
      </c>
      <c r="AD27809">
        <v>59</v>
      </c>
      <c r="AE27809">
        <v>60</v>
      </c>
      <c r="AF27809">
        <v>61</v>
      </c>
      <c r="AG27809">
        <v>62</v>
      </c>
      <c r="AH27809">
        <v>63</v>
      </c>
      <c r="AI27809">
        <v>64</v>
      </c>
      <c r="AJ27809">
        <v>65</v>
      </c>
      <c r="AK27809">
        <v>66</v>
      </c>
      <c r="AL27809">
        <v>66</v>
      </c>
      <c r="AM27809">
        <v>67</v>
      </c>
      <c r="AN27809">
        <v>67</v>
      </c>
      <c r="AO27809">
        <v>67</v>
      </c>
      <c r="AP27809">
        <v>68</v>
      </c>
      <c r="AQ27809">
        <v>68</v>
      </c>
    </row>
    <row r="27810" spans="1:43">
      <c r="A27810" t="s">
        <v>17211</v>
      </c>
      <c r="B27810" t="s">
        <v>17212</v>
      </c>
      <c r="C27810" t="s">
        <v>17127</v>
      </c>
      <c r="D27810" t="s">
        <v>17128</v>
      </c>
      <c r="E27810" t="s">
        <v>17115</v>
      </c>
      <c r="F27810" t="s">
        <v>17116</v>
      </c>
      <c r="G27810" t="s">
        <v>16559</v>
      </c>
      <c r="H27810" t="s">
        <v>16560</v>
      </c>
      <c r="I27810" s="2">
        <v>1</v>
      </c>
      <c r="J27810" s="2">
        <v>0</v>
      </c>
      <c r="K27810" s="2">
        <v>0</v>
      </c>
      <c r="L27810" t="s">
        <v>120</v>
      </c>
      <c r="M27810" t="s">
        <v>83</v>
      </c>
      <c r="N27810" t="s">
        <v>84</v>
      </c>
      <c r="O27810" t="s">
        <v>85</v>
      </c>
      <c r="P27810" t="s">
        <v>86</v>
      </c>
      <c r="Q27810">
        <v>59</v>
      </c>
      <c r="R27810">
        <v>60</v>
      </c>
      <c r="S27810">
        <v>61</v>
      </c>
      <c r="T27810">
        <v>62</v>
      </c>
      <c r="U27810">
        <v>63</v>
      </c>
      <c r="V27810">
        <v>64</v>
      </c>
      <c r="W27810">
        <v>66</v>
      </c>
      <c r="X27810">
        <v>67</v>
      </c>
      <c r="Y27810">
        <v>68</v>
      </c>
      <c r="Z27810">
        <v>69</v>
      </c>
      <c r="AA27810">
        <v>70</v>
      </c>
      <c r="AB27810">
        <v>71</v>
      </c>
      <c r="AC27810">
        <v>72</v>
      </c>
      <c r="AD27810">
        <v>73</v>
      </c>
      <c r="AE27810">
        <v>75</v>
      </c>
      <c r="AF27810">
        <v>76</v>
      </c>
      <c r="AG27810">
        <v>77</v>
      </c>
      <c r="AH27810">
        <v>78</v>
      </c>
      <c r="AI27810">
        <v>79</v>
      </c>
      <c r="AJ27810">
        <v>80</v>
      </c>
      <c r="AK27810">
        <v>82</v>
      </c>
      <c r="AL27810">
        <v>82</v>
      </c>
      <c r="AM27810">
        <v>83</v>
      </c>
      <c r="AN27810">
        <v>83</v>
      </c>
      <c r="AO27810">
        <v>83</v>
      </c>
      <c r="AP27810">
        <v>84</v>
      </c>
      <c r="AQ27810">
        <v>84</v>
      </c>
    </row>
    <row r="27811" spans="1:43">
      <c r="A27811" t="s">
        <v>17211</v>
      </c>
      <c r="B27811" t="s">
        <v>17212</v>
      </c>
      <c r="C27811" t="s">
        <v>17127</v>
      </c>
      <c r="D27811" t="s">
        <v>17128</v>
      </c>
      <c r="E27811" t="s">
        <v>17115</v>
      </c>
      <c r="F27811" t="s">
        <v>17116</v>
      </c>
      <c r="G27811" t="s">
        <v>16559</v>
      </c>
      <c r="H27811" t="s">
        <v>16560</v>
      </c>
      <c r="I27811" s="2">
        <v>1</v>
      </c>
      <c r="J27811" s="2">
        <v>0</v>
      </c>
      <c r="K27811" s="2">
        <v>0</v>
      </c>
      <c r="L27811" t="s">
        <v>120</v>
      </c>
      <c r="M27811" t="s">
        <v>87</v>
      </c>
      <c r="N27811" t="s">
        <v>88</v>
      </c>
      <c r="O27811" t="s">
        <v>85</v>
      </c>
      <c r="P27811" t="s">
        <v>86</v>
      </c>
      <c r="Q27811">
        <v>59</v>
      </c>
      <c r="R27811">
        <v>60</v>
      </c>
      <c r="S27811">
        <v>60</v>
      </c>
      <c r="T27811">
        <v>61</v>
      </c>
      <c r="U27811">
        <v>61</v>
      </c>
      <c r="V27811">
        <v>62</v>
      </c>
      <c r="W27811">
        <v>63</v>
      </c>
      <c r="X27811">
        <v>63</v>
      </c>
      <c r="Y27811">
        <v>64</v>
      </c>
      <c r="Z27811">
        <v>64</v>
      </c>
      <c r="AA27811">
        <v>65</v>
      </c>
      <c r="AB27811">
        <v>65</v>
      </c>
      <c r="AC27811">
        <v>66</v>
      </c>
      <c r="AD27811">
        <v>66</v>
      </c>
      <c r="AE27811">
        <v>67</v>
      </c>
      <c r="AF27811">
        <v>68</v>
      </c>
      <c r="AG27811">
        <v>68</v>
      </c>
      <c r="AH27811">
        <v>69</v>
      </c>
      <c r="AI27811">
        <v>69</v>
      </c>
      <c r="AJ27811">
        <v>70</v>
      </c>
      <c r="AK27811">
        <v>70</v>
      </c>
      <c r="AL27811">
        <v>71</v>
      </c>
      <c r="AM27811">
        <v>72</v>
      </c>
      <c r="AN27811">
        <v>72</v>
      </c>
      <c r="AO27811">
        <v>73</v>
      </c>
      <c r="AP27811">
        <v>73</v>
      </c>
      <c r="AQ27811">
        <v>74</v>
      </c>
    </row>
    <row r="27812" spans="1:43">
      <c r="A27812" t="s">
        <v>17211</v>
      </c>
      <c r="B27812" t="s">
        <v>17212</v>
      </c>
      <c r="C27812" t="s">
        <v>17127</v>
      </c>
      <c r="D27812" t="s">
        <v>17128</v>
      </c>
      <c r="E27812" t="s">
        <v>17115</v>
      </c>
      <c r="F27812" t="s">
        <v>17116</v>
      </c>
      <c r="G27812" t="s">
        <v>16559</v>
      </c>
      <c r="H27812" t="s">
        <v>16560</v>
      </c>
      <c r="I27812" s="2">
        <v>1</v>
      </c>
      <c r="J27812" s="2">
        <v>0</v>
      </c>
      <c r="K27812" s="2">
        <v>0</v>
      </c>
      <c r="L27812" t="s">
        <v>120</v>
      </c>
      <c r="M27812" t="s">
        <v>89</v>
      </c>
      <c r="N27812" t="s">
        <v>90</v>
      </c>
      <c r="O27812" t="s">
        <v>85</v>
      </c>
      <c r="P27812" t="s">
        <v>86</v>
      </c>
      <c r="Q27812">
        <v>59</v>
      </c>
      <c r="R27812">
        <v>61</v>
      </c>
      <c r="S27812">
        <v>63</v>
      </c>
      <c r="T27812">
        <v>64</v>
      </c>
      <c r="U27812">
        <v>66</v>
      </c>
      <c r="V27812">
        <v>67</v>
      </c>
      <c r="W27812">
        <v>69</v>
      </c>
      <c r="X27812">
        <v>70</v>
      </c>
      <c r="Y27812">
        <v>72</v>
      </c>
      <c r="Z27812">
        <v>73</v>
      </c>
      <c r="AA27812">
        <v>75</v>
      </c>
      <c r="AB27812">
        <v>76</v>
      </c>
      <c r="AC27812">
        <v>78</v>
      </c>
      <c r="AD27812">
        <v>79</v>
      </c>
      <c r="AE27812">
        <v>80</v>
      </c>
      <c r="AF27812">
        <v>80</v>
      </c>
      <c r="AG27812">
        <v>81</v>
      </c>
      <c r="AH27812">
        <v>81</v>
      </c>
      <c r="AI27812">
        <v>82</v>
      </c>
      <c r="AJ27812">
        <v>82</v>
      </c>
      <c r="AK27812">
        <v>82</v>
      </c>
      <c r="AL27812">
        <v>83</v>
      </c>
      <c r="AM27812">
        <v>83</v>
      </c>
      <c r="AN27812">
        <v>83</v>
      </c>
      <c r="AO27812">
        <v>84</v>
      </c>
      <c r="AP27812">
        <v>84</v>
      </c>
      <c r="AQ27812">
        <v>85</v>
      </c>
    </row>
    <row r="27813" spans="1:43">
      <c r="A27813" t="s">
        <v>17211</v>
      </c>
      <c r="B27813" t="s">
        <v>17212</v>
      </c>
      <c r="C27813" t="s">
        <v>17127</v>
      </c>
      <c r="D27813" t="s">
        <v>17128</v>
      </c>
      <c r="E27813" t="s">
        <v>17115</v>
      </c>
      <c r="F27813" t="s">
        <v>17116</v>
      </c>
      <c r="G27813" t="s">
        <v>16559</v>
      </c>
      <c r="H27813" t="s">
        <v>16560</v>
      </c>
      <c r="I27813" s="2">
        <v>1</v>
      </c>
      <c r="J27813" s="2">
        <v>0</v>
      </c>
      <c r="K27813" s="2">
        <v>0</v>
      </c>
      <c r="L27813" t="s">
        <v>120</v>
      </c>
      <c r="M27813" t="s">
        <v>83</v>
      </c>
      <c r="N27813" t="s">
        <v>91</v>
      </c>
      <c r="O27813" t="s">
        <v>85</v>
      </c>
      <c r="P27813" t="s">
        <v>86</v>
      </c>
      <c r="Q27813">
        <v>59</v>
      </c>
      <c r="R27813">
        <v>60</v>
      </c>
      <c r="S27813">
        <v>61</v>
      </c>
      <c r="T27813">
        <v>62</v>
      </c>
      <c r="U27813">
        <v>63</v>
      </c>
      <c r="V27813">
        <v>64</v>
      </c>
      <c r="W27813">
        <v>66</v>
      </c>
      <c r="X27813">
        <v>67</v>
      </c>
      <c r="Y27813">
        <v>68</v>
      </c>
      <c r="Z27813">
        <v>69</v>
      </c>
      <c r="AA27813">
        <v>70</v>
      </c>
      <c r="AB27813">
        <v>71</v>
      </c>
      <c r="AC27813">
        <v>72</v>
      </c>
      <c r="AD27813">
        <v>73</v>
      </c>
      <c r="AE27813">
        <v>75</v>
      </c>
      <c r="AF27813">
        <v>76</v>
      </c>
      <c r="AG27813">
        <v>77</v>
      </c>
      <c r="AH27813">
        <v>78</v>
      </c>
      <c r="AI27813">
        <v>79</v>
      </c>
      <c r="AJ27813">
        <v>80</v>
      </c>
      <c r="AK27813">
        <v>82</v>
      </c>
      <c r="AL27813">
        <v>82</v>
      </c>
      <c r="AM27813">
        <v>83</v>
      </c>
      <c r="AN27813">
        <v>83</v>
      </c>
      <c r="AO27813">
        <v>83</v>
      </c>
      <c r="AP27813">
        <v>84</v>
      </c>
      <c r="AQ27813">
        <v>84</v>
      </c>
    </row>
    <row r="27814" spans="1:43">
      <c r="A27814" t="s">
        <v>17213</v>
      </c>
      <c r="B27814" t="s">
        <v>17214</v>
      </c>
      <c r="C27814" t="s">
        <v>17127</v>
      </c>
      <c r="D27814" t="s">
        <v>17128</v>
      </c>
      <c r="E27814" t="s">
        <v>17115</v>
      </c>
      <c r="F27814" t="s">
        <v>17116</v>
      </c>
      <c r="G27814" t="s">
        <v>16559</v>
      </c>
      <c r="H27814" t="s">
        <v>16560</v>
      </c>
      <c r="I27814" s="2">
        <v>1</v>
      </c>
      <c r="J27814" s="2">
        <v>0</v>
      </c>
      <c r="K27814" s="2">
        <v>0</v>
      </c>
      <c r="L27814" t="s">
        <v>120</v>
      </c>
      <c r="M27814" t="s">
        <v>83</v>
      </c>
      <c r="N27814" t="s">
        <v>84</v>
      </c>
      <c r="O27814" t="s">
        <v>85</v>
      </c>
      <c r="P27814" t="s">
        <v>86</v>
      </c>
      <c r="Q27814">
        <v>28</v>
      </c>
      <c r="R27814">
        <v>28</v>
      </c>
      <c r="S27814">
        <v>29</v>
      </c>
      <c r="T27814">
        <v>30</v>
      </c>
      <c r="U27814">
        <v>30</v>
      </c>
      <c r="V27814">
        <v>31</v>
      </c>
      <c r="W27814">
        <v>31</v>
      </c>
      <c r="X27814">
        <v>32</v>
      </c>
      <c r="Y27814">
        <v>32</v>
      </c>
      <c r="Z27814">
        <v>33</v>
      </c>
      <c r="AA27814">
        <v>33</v>
      </c>
      <c r="AB27814">
        <v>34</v>
      </c>
      <c r="AC27814">
        <v>34</v>
      </c>
      <c r="AD27814">
        <v>35</v>
      </c>
      <c r="AE27814">
        <v>35</v>
      </c>
      <c r="AF27814">
        <v>36</v>
      </c>
      <c r="AG27814">
        <v>37</v>
      </c>
      <c r="AH27814">
        <v>37</v>
      </c>
      <c r="AI27814">
        <v>38</v>
      </c>
      <c r="AJ27814">
        <v>38</v>
      </c>
      <c r="AK27814">
        <v>39</v>
      </c>
      <c r="AL27814">
        <v>39</v>
      </c>
      <c r="AM27814">
        <v>39</v>
      </c>
      <c r="AN27814">
        <v>39</v>
      </c>
      <c r="AO27814">
        <v>40</v>
      </c>
      <c r="AP27814">
        <v>40</v>
      </c>
      <c r="AQ27814">
        <v>40</v>
      </c>
    </row>
    <row r="27815" spans="1:43">
      <c r="A27815" t="s">
        <v>17213</v>
      </c>
      <c r="B27815" t="s">
        <v>17214</v>
      </c>
      <c r="C27815" t="s">
        <v>17127</v>
      </c>
      <c r="D27815" t="s">
        <v>17128</v>
      </c>
      <c r="E27815" t="s">
        <v>17115</v>
      </c>
      <c r="F27815" t="s">
        <v>17116</v>
      </c>
      <c r="G27815" t="s">
        <v>16559</v>
      </c>
      <c r="H27815" t="s">
        <v>16560</v>
      </c>
      <c r="I27815" s="2">
        <v>1</v>
      </c>
      <c r="J27815" s="2">
        <v>0</v>
      </c>
      <c r="K27815" s="2">
        <v>0</v>
      </c>
      <c r="L27815" t="s">
        <v>120</v>
      </c>
      <c r="M27815" t="s">
        <v>87</v>
      </c>
      <c r="N27815" t="s">
        <v>88</v>
      </c>
      <c r="O27815" t="s">
        <v>85</v>
      </c>
      <c r="P27815" t="s">
        <v>86</v>
      </c>
      <c r="Q27815">
        <v>28</v>
      </c>
      <c r="R27815">
        <v>28</v>
      </c>
      <c r="S27815">
        <v>28</v>
      </c>
      <c r="T27815">
        <v>28</v>
      </c>
      <c r="U27815">
        <v>29</v>
      </c>
      <c r="V27815">
        <v>29</v>
      </c>
      <c r="W27815">
        <v>29</v>
      </c>
      <c r="X27815">
        <v>30</v>
      </c>
      <c r="Y27815">
        <v>30</v>
      </c>
      <c r="Z27815">
        <v>30</v>
      </c>
      <c r="AA27815">
        <v>30</v>
      </c>
      <c r="AB27815">
        <v>31</v>
      </c>
      <c r="AC27815">
        <v>31</v>
      </c>
      <c r="AD27815">
        <v>31</v>
      </c>
      <c r="AE27815">
        <v>31</v>
      </c>
      <c r="AF27815">
        <v>32</v>
      </c>
      <c r="AG27815">
        <v>32</v>
      </c>
      <c r="AH27815">
        <v>32</v>
      </c>
      <c r="AI27815">
        <v>32</v>
      </c>
      <c r="AJ27815">
        <v>33</v>
      </c>
      <c r="AK27815">
        <v>33</v>
      </c>
      <c r="AL27815">
        <v>33</v>
      </c>
      <c r="AM27815">
        <v>34</v>
      </c>
      <c r="AN27815">
        <v>34</v>
      </c>
      <c r="AO27815">
        <v>34</v>
      </c>
      <c r="AP27815">
        <v>34</v>
      </c>
      <c r="AQ27815">
        <v>35</v>
      </c>
    </row>
    <row r="27816" spans="1:43">
      <c r="A27816" t="s">
        <v>17213</v>
      </c>
      <c r="B27816" t="s">
        <v>17214</v>
      </c>
      <c r="C27816" t="s">
        <v>17127</v>
      </c>
      <c r="D27816" t="s">
        <v>17128</v>
      </c>
      <c r="E27816" t="s">
        <v>17115</v>
      </c>
      <c r="F27816" t="s">
        <v>17116</v>
      </c>
      <c r="G27816" t="s">
        <v>16559</v>
      </c>
      <c r="H27816" t="s">
        <v>16560</v>
      </c>
      <c r="I27816" s="2">
        <v>1</v>
      </c>
      <c r="J27816" s="2">
        <v>0</v>
      </c>
      <c r="K27816" s="2">
        <v>0</v>
      </c>
      <c r="L27816" t="s">
        <v>120</v>
      </c>
      <c r="M27816" t="s">
        <v>89</v>
      </c>
      <c r="N27816" t="s">
        <v>90</v>
      </c>
      <c r="O27816" t="s">
        <v>85</v>
      </c>
      <c r="P27816" t="s">
        <v>86</v>
      </c>
      <c r="Q27816">
        <v>28</v>
      </c>
      <c r="R27816">
        <v>29</v>
      </c>
      <c r="S27816">
        <v>30</v>
      </c>
      <c r="T27816">
        <v>30</v>
      </c>
      <c r="U27816">
        <v>31</v>
      </c>
      <c r="V27816">
        <v>32</v>
      </c>
      <c r="W27816">
        <v>33</v>
      </c>
      <c r="X27816">
        <v>33</v>
      </c>
      <c r="Y27816">
        <v>34</v>
      </c>
      <c r="Z27816">
        <v>35</v>
      </c>
      <c r="AA27816">
        <v>35</v>
      </c>
      <c r="AB27816">
        <v>36</v>
      </c>
      <c r="AC27816">
        <v>37</v>
      </c>
      <c r="AD27816">
        <v>38</v>
      </c>
      <c r="AE27816">
        <v>38</v>
      </c>
      <c r="AF27816">
        <v>38</v>
      </c>
      <c r="AG27816">
        <v>38</v>
      </c>
      <c r="AH27816">
        <v>39</v>
      </c>
      <c r="AI27816">
        <v>39</v>
      </c>
      <c r="AJ27816">
        <v>39</v>
      </c>
      <c r="AK27816">
        <v>39</v>
      </c>
      <c r="AL27816">
        <v>39</v>
      </c>
      <c r="AM27816">
        <v>39</v>
      </c>
      <c r="AN27816">
        <v>40</v>
      </c>
      <c r="AO27816">
        <v>40</v>
      </c>
      <c r="AP27816">
        <v>40</v>
      </c>
      <c r="AQ27816">
        <v>40</v>
      </c>
    </row>
    <row r="27817" spans="1:43">
      <c r="A27817" t="s">
        <v>17213</v>
      </c>
      <c r="B27817" t="s">
        <v>17214</v>
      </c>
      <c r="C27817" t="s">
        <v>17127</v>
      </c>
      <c r="D27817" t="s">
        <v>17128</v>
      </c>
      <c r="E27817" t="s">
        <v>17115</v>
      </c>
      <c r="F27817" t="s">
        <v>17116</v>
      </c>
      <c r="G27817" t="s">
        <v>16559</v>
      </c>
      <c r="H27817" t="s">
        <v>16560</v>
      </c>
      <c r="I27817" s="2">
        <v>1</v>
      </c>
      <c r="J27817" s="2">
        <v>0</v>
      </c>
      <c r="K27817" s="2">
        <v>0</v>
      </c>
      <c r="L27817" t="s">
        <v>120</v>
      </c>
      <c r="M27817" t="s">
        <v>83</v>
      </c>
      <c r="N27817" t="s">
        <v>91</v>
      </c>
      <c r="O27817" t="s">
        <v>85</v>
      </c>
      <c r="P27817" t="s">
        <v>86</v>
      </c>
      <c r="Q27817">
        <v>28</v>
      </c>
      <c r="R27817">
        <v>28</v>
      </c>
      <c r="S27817">
        <v>29</v>
      </c>
      <c r="T27817">
        <v>30</v>
      </c>
      <c r="U27817">
        <v>30</v>
      </c>
      <c r="V27817">
        <v>31</v>
      </c>
      <c r="W27817">
        <v>31</v>
      </c>
      <c r="X27817">
        <v>32</v>
      </c>
      <c r="Y27817">
        <v>32</v>
      </c>
      <c r="Z27817">
        <v>33</v>
      </c>
      <c r="AA27817">
        <v>33</v>
      </c>
      <c r="AB27817">
        <v>34</v>
      </c>
      <c r="AC27817">
        <v>34</v>
      </c>
      <c r="AD27817">
        <v>35</v>
      </c>
      <c r="AE27817">
        <v>35</v>
      </c>
      <c r="AF27817">
        <v>36</v>
      </c>
      <c r="AG27817">
        <v>37</v>
      </c>
      <c r="AH27817">
        <v>37</v>
      </c>
      <c r="AI27817">
        <v>38</v>
      </c>
      <c r="AJ27817">
        <v>38</v>
      </c>
      <c r="AK27817">
        <v>39</v>
      </c>
      <c r="AL27817">
        <v>39</v>
      </c>
      <c r="AM27817">
        <v>39</v>
      </c>
      <c r="AN27817">
        <v>39</v>
      </c>
      <c r="AO27817">
        <v>40</v>
      </c>
      <c r="AP27817">
        <v>40</v>
      </c>
      <c r="AQ27817">
        <v>40</v>
      </c>
    </row>
    <row r="27818" spans="1:43">
      <c r="A27818" t="s">
        <v>17215</v>
      </c>
      <c r="B27818" t="s">
        <v>17216</v>
      </c>
      <c r="C27818" t="s">
        <v>17127</v>
      </c>
      <c r="D27818" t="s">
        <v>17128</v>
      </c>
      <c r="E27818" t="s">
        <v>17115</v>
      </c>
      <c r="F27818" t="s">
        <v>17116</v>
      </c>
      <c r="G27818" t="s">
        <v>16559</v>
      </c>
      <c r="H27818" t="s">
        <v>16560</v>
      </c>
      <c r="I27818" s="2">
        <v>1</v>
      </c>
      <c r="J27818" s="2">
        <v>0</v>
      </c>
      <c r="K27818" s="2">
        <v>0</v>
      </c>
      <c r="L27818" t="s">
        <v>120</v>
      </c>
      <c r="M27818" t="s">
        <v>83</v>
      </c>
      <c r="N27818" t="s">
        <v>84</v>
      </c>
      <c r="O27818" t="s">
        <v>85</v>
      </c>
      <c r="P27818" t="s">
        <v>86</v>
      </c>
      <c r="Q27818">
        <v>16</v>
      </c>
      <c r="R27818">
        <v>17</v>
      </c>
      <c r="S27818">
        <v>17</v>
      </c>
      <c r="T27818">
        <v>17</v>
      </c>
      <c r="U27818">
        <v>18</v>
      </c>
      <c r="V27818">
        <v>18</v>
      </c>
      <c r="W27818">
        <v>18</v>
      </c>
      <c r="X27818">
        <v>19</v>
      </c>
      <c r="Y27818">
        <v>19</v>
      </c>
      <c r="Z27818">
        <v>19</v>
      </c>
      <c r="AA27818">
        <v>19</v>
      </c>
      <c r="AB27818">
        <v>20</v>
      </c>
      <c r="AC27818">
        <v>20</v>
      </c>
      <c r="AD27818">
        <v>20</v>
      </c>
      <c r="AE27818">
        <v>21</v>
      </c>
      <c r="AF27818">
        <v>21</v>
      </c>
      <c r="AG27818">
        <v>21</v>
      </c>
      <c r="AH27818">
        <v>22</v>
      </c>
      <c r="AI27818">
        <v>22</v>
      </c>
      <c r="AJ27818">
        <v>22</v>
      </c>
      <c r="AK27818">
        <v>23</v>
      </c>
      <c r="AL27818">
        <v>23</v>
      </c>
      <c r="AM27818">
        <v>23</v>
      </c>
      <c r="AN27818">
        <v>23</v>
      </c>
      <c r="AO27818">
        <v>23</v>
      </c>
      <c r="AP27818">
        <v>23</v>
      </c>
      <c r="AQ27818">
        <v>23</v>
      </c>
    </row>
    <row r="27819" spans="1:43">
      <c r="A27819" t="s">
        <v>17215</v>
      </c>
      <c r="B27819" t="s">
        <v>17216</v>
      </c>
      <c r="C27819" t="s">
        <v>17127</v>
      </c>
      <c r="D27819" t="s">
        <v>17128</v>
      </c>
      <c r="E27819" t="s">
        <v>17115</v>
      </c>
      <c r="F27819" t="s">
        <v>17116</v>
      </c>
      <c r="G27819" t="s">
        <v>16559</v>
      </c>
      <c r="H27819" t="s">
        <v>16560</v>
      </c>
      <c r="I27819" s="2">
        <v>1</v>
      </c>
      <c r="J27819" s="2">
        <v>0</v>
      </c>
      <c r="K27819" s="2">
        <v>0</v>
      </c>
      <c r="L27819" t="s">
        <v>120</v>
      </c>
      <c r="M27819" t="s">
        <v>87</v>
      </c>
      <c r="N27819" t="s">
        <v>88</v>
      </c>
      <c r="O27819" t="s">
        <v>85</v>
      </c>
      <c r="P27819" t="s">
        <v>86</v>
      </c>
      <c r="Q27819">
        <v>16</v>
      </c>
      <c r="R27819">
        <v>16</v>
      </c>
      <c r="S27819">
        <v>17</v>
      </c>
      <c r="T27819">
        <v>17</v>
      </c>
      <c r="U27819">
        <v>17</v>
      </c>
      <c r="V27819">
        <v>17</v>
      </c>
      <c r="W27819">
        <v>17</v>
      </c>
      <c r="X27819">
        <v>17</v>
      </c>
      <c r="Y27819">
        <v>17</v>
      </c>
      <c r="Z27819">
        <v>18</v>
      </c>
      <c r="AA27819">
        <v>18</v>
      </c>
      <c r="AB27819">
        <v>18</v>
      </c>
      <c r="AC27819">
        <v>18</v>
      </c>
      <c r="AD27819">
        <v>18</v>
      </c>
      <c r="AE27819">
        <v>18</v>
      </c>
      <c r="AF27819">
        <v>19</v>
      </c>
      <c r="AG27819">
        <v>19</v>
      </c>
      <c r="AH27819">
        <v>19</v>
      </c>
      <c r="AI27819">
        <v>19</v>
      </c>
      <c r="AJ27819">
        <v>19</v>
      </c>
      <c r="AK27819">
        <v>19</v>
      </c>
      <c r="AL27819">
        <v>19</v>
      </c>
      <c r="AM27819">
        <v>20</v>
      </c>
      <c r="AN27819">
        <v>20</v>
      </c>
      <c r="AO27819">
        <v>20</v>
      </c>
      <c r="AP27819">
        <v>20</v>
      </c>
      <c r="AQ27819">
        <v>20</v>
      </c>
    </row>
    <row r="27820" spans="1:43">
      <c r="A27820" t="s">
        <v>17215</v>
      </c>
      <c r="B27820" t="s">
        <v>17216</v>
      </c>
      <c r="C27820" t="s">
        <v>17127</v>
      </c>
      <c r="D27820" t="s">
        <v>17128</v>
      </c>
      <c r="E27820" t="s">
        <v>17115</v>
      </c>
      <c r="F27820" t="s">
        <v>17116</v>
      </c>
      <c r="G27820" t="s">
        <v>16559</v>
      </c>
      <c r="H27820" t="s">
        <v>16560</v>
      </c>
      <c r="I27820" s="2">
        <v>1</v>
      </c>
      <c r="J27820" s="2">
        <v>0</v>
      </c>
      <c r="K27820" s="2">
        <v>0</v>
      </c>
      <c r="L27820" t="s">
        <v>120</v>
      </c>
      <c r="M27820" t="s">
        <v>89</v>
      </c>
      <c r="N27820" t="s">
        <v>90</v>
      </c>
      <c r="O27820" t="s">
        <v>85</v>
      </c>
      <c r="P27820" t="s">
        <v>86</v>
      </c>
      <c r="Q27820">
        <v>16</v>
      </c>
      <c r="R27820">
        <v>16</v>
      </c>
      <c r="S27820">
        <v>16</v>
      </c>
      <c r="T27820">
        <v>17</v>
      </c>
      <c r="U27820">
        <v>17</v>
      </c>
      <c r="V27820">
        <v>18</v>
      </c>
      <c r="W27820">
        <v>18</v>
      </c>
      <c r="X27820">
        <v>19</v>
      </c>
      <c r="Y27820">
        <v>19</v>
      </c>
      <c r="Z27820">
        <v>19</v>
      </c>
      <c r="AA27820">
        <v>20</v>
      </c>
      <c r="AB27820">
        <v>20</v>
      </c>
      <c r="AC27820">
        <v>21</v>
      </c>
      <c r="AD27820">
        <v>21</v>
      </c>
      <c r="AE27820">
        <v>21</v>
      </c>
      <c r="AF27820">
        <v>21</v>
      </c>
      <c r="AG27820">
        <v>21</v>
      </c>
      <c r="AH27820">
        <v>22</v>
      </c>
      <c r="AI27820">
        <v>22</v>
      </c>
      <c r="AJ27820">
        <v>22</v>
      </c>
      <c r="AK27820">
        <v>22</v>
      </c>
      <c r="AL27820">
        <v>22</v>
      </c>
      <c r="AM27820">
        <v>22</v>
      </c>
      <c r="AN27820">
        <v>22</v>
      </c>
      <c r="AO27820">
        <v>22</v>
      </c>
      <c r="AP27820">
        <v>22</v>
      </c>
      <c r="AQ27820">
        <v>23</v>
      </c>
    </row>
    <row r="27821" spans="1:43">
      <c r="A27821" t="s">
        <v>17215</v>
      </c>
      <c r="B27821" t="s">
        <v>17216</v>
      </c>
      <c r="C27821" t="s">
        <v>17127</v>
      </c>
      <c r="D27821" t="s">
        <v>17128</v>
      </c>
      <c r="E27821" t="s">
        <v>17115</v>
      </c>
      <c r="F27821" t="s">
        <v>17116</v>
      </c>
      <c r="G27821" t="s">
        <v>16559</v>
      </c>
      <c r="H27821" t="s">
        <v>16560</v>
      </c>
      <c r="I27821" s="2">
        <v>1</v>
      </c>
      <c r="J27821" s="2">
        <v>0</v>
      </c>
      <c r="K27821" s="2">
        <v>0</v>
      </c>
      <c r="L27821" t="s">
        <v>120</v>
      </c>
      <c r="M27821" t="s">
        <v>83</v>
      </c>
      <c r="N27821" t="s">
        <v>91</v>
      </c>
      <c r="O27821" t="s">
        <v>85</v>
      </c>
      <c r="P27821" t="s">
        <v>86</v>
      </c>
      <c r="Q27821">
        <v>16</v>
      </c>
      <c r="R27821">
        <v>17</v>
      </c>
      <c r="S27821">
        <v>17</v>
      </c>
      <c r="T27821">
        <v>17</v>
      </c>
      <c r="U27821">
        <v>18</v>
      </c>
      <c r="V27821">
        <v>18</v>
      </c>
      <c r="W27821">
        <v>18</v>
      </c>
      <c r="X27821">
        <v>19</v>
      </c>
      <c r="Y27821">
        <v>19</v>
      </c>
      <c r="Z27821">
        <v>19</v>
      </c>
      <c r="AA27821">
        <v>19</v>
      </c>
      <c r="AB27821">
        <v>20</v>
      </c>
      <c r="AC27821">
        <v>20</v>
      </c>
      <c r="AD27821">
        <v>20</v>
      </c>
      <c r="AE27821">
        <v>21</v>
      </c>
      <c r="AF27821">
        <v>21</v>
      </c>
      <c r="AG27821">
        <v>21</v>
      </c>
      <c r="AH27821">
        <v>22</v>
      </c>
      <c r="AI27821">
        <v>22</v>
      </c>
      <c r="AJ27821">
        <v>22</v>
      </c>
      <c r="AK27821">
        <v>23</v>
      </c>
      <c r="AL27821">
        <v>23</v>
      </c>
      <c r="AM27821">
        <v>23</v>
      </c>
      <c r="AN27821">
        <v>23</v>
      </c>
      <c r="AO27821">
        <v>23</v>
      </c>
      <c r="AP27821">
        <v>23</v>
      </c>
      <c r="AQ27821">
        <v>23</v>
      </c>
    </row>
    <row r="27822" spans="1:43">
      <c r="A27822" t="s">
        <v>17217</v>
      </c>
      <c r="B27822" t="s">
        <v>17218</v>
      </c>
      <c r="C27822" t="s">
        <v>17219</v>
      </c>
      <c r="D27822" t="s">
        <v>17220</v>
      </c>
      <c r="E27822" t="s">
        <v>17115</v>
      </c>
      <c r="F27822" t="s">
        <v>17116</v>
      </c>
      <c r="G27822" t="s">
        <v>16559</v>
      </c>
      <c r="H27822" t="s">
        <v>16560</v>
      </c>
      <c r="I27822" s="2">
        <v>1</v>
      </c>
      <c r="J27822" s="2">
        <v>0</v>
      </c>
      <c r="K27822" s="2">
        <v>0</v>
      </c>
      <c r="L27822" t="s">
        <v>120</v>
      </c>
      <c r="M27822" t="s">
        <v>83</v>
      </c>
      <c r="N27822" t="s">
        <v>84</v>
      </c>
      <c r="O27822" t="s">
        <v>85</v>
      </c>
      <c r="P27822" t="s">
        <v>86</v>
      </c>
      <c r="Q27822">
        <v>7</v>
      </c>
      <c r="R27822">
        <v>7</v>
      </c>
      <c r="S27822">
        <v>8</v>
      </c>
      <c r="T27822">
        <v>8</v>
      </c>
      <c r="U27822">
        <v>8</v>
      </c>
      <c r="V27822">
        <v>8</v>
      </c>
      <c r="W27822">
        <v>8</v>
      </c>
      <c r="X27822">
        <v>8</v>
      </c>
      <c r="Y27822">
        <v>8</v>
      </c>
      <c r="Z27822">
        <v>9</v>
      </c>
      <c r="AA27822">
        <v>9</v>
      </c>
      <c r="AB27822">
        <v>9</v>
      </c>
      <c r="AC27822">
        <v>9</v>
      </c>
      <c r="AD27822">
        <v>9</v>
      </c>
      <c r="AE27822">
        <v>9</v>
      </c>
      <c r="AF27822">
        <v>9</v>
      </c>
      <c r="AG27822">
        <v>10</v>
      </c>
      <c r="AH27822">
        <v>10</v>
      </c>
      <c r="AI27822">
        <v>10</v>
      </c>
      <c r="AJ27822">
        <v>10</v>
      </c>
      <c r="AK27822">
        <v>10</v>
      </c>
      <c r="AL27822">
        <v>10</v>
      </c>
      <c r="AM27822">
        <v>10</v>
      </c>
      <c r="AN27822">
        <v>10</v>
      </c>
      <c r="AO27822">
        <v>10</v>
      </c>
      <c r="AP27822">
        <v>10</v>
      </c>
      <c r="AQ27822">
        <v>10</v>
      </c>
    </row>
    <row r="27823" spans="1:43">
      <c r="A27823" t="s">
        <v>17217</v>
      </c>
      <c r="B27823" t="s">
        <v>17218</v>
      </c>
      <c r="C27823" t="s">
        <v>17219</v>
      </c>
      <c r="D27823" t="s">
        <v>17220</v>
      </c>
      <c r="E27823" t="s">
        <v>17115</v>
      </c>
      <c r="F27823" t="s">
        <v>17116</v>
      </c>
      <c r="G27823" t="s">
        <v>16559</v>
      </c>
      <c r="H27823" t="s">
        <v>16560</v>
      </c>
      <c r="I27823" s="2">
        <v>1</v>
      </c>
      <c r="J27823" s="2">
        <v>0</v>
      </c>
      <c r="K27823" s="2">
        <v>0</v>
      </c>
      <c r="L27823" t="s">
        <v>120</v>
      </c>
      <c r="M27823" t="s">
        <v>87</v>
      </c>
      <c r="N27823" t="s">
        <v>88</v>
      </c>
      <c r="O27823" t="s">
        <v>85</v>
      </c>
      <c r="P27823" t="s">
        <v>86</v>
      </c>
      <c r="Q27823">
        <v>7</v>
      </c>
      <c r="R27823">
        <v>7</v>
      </c>
      <c r="S27823">
        <v>7</v>
      </c>
      <c r="T27823">
        <v>7</v>
      </c>
      <c r="U27823">
        <v>7</v>
      </c>
      <c r="V27823">
        <v>8</v>
      </c>
      <c r="W27823">
        <v>8</v>
      </c>
      <c r="X27823">
        <v>8</v>
      </c>
      <c r="Y27823">
        <v>8</v>
      </c>
      <c r="Z27823">
        <v>8</v>
      </c>
      <c r="AA27823">
        <v>8</v>
      </c>
      <c r="AB27823">
        <v>8</v>
      </c>
      <c r="AC27823">
        <v>8</v>
      </c>
      <c r="AD27823">
        <v>8</v>
      </c>
      <c r="AE27823">
        <v>8</v>
      </c>
      <c r="AF27823">
        <v>8</v>
      </c>
      <c r="AG27823">
        <v>8</v>
      </c>
      <c r="AH27823">
        <v>8</v>
      </c>
      <c r="AI27823">
        <v>8</v>
      </c>
      <c r="AJ27823">
        <v>9</v>
      </c>
      <c r="AK27823">
        <v>9</v>
      </c>
      <c r="AL27823">
        <v>9</v>
      </c>
      <c r="AM27823">
        <v>9</v>
      </c>
      <c r="AN27823">
        <v>9</v>
      </c>
      <c r="AO27823">
        <v>9</v>
      </c>
      <c r="AP27823">
        <v>9</v>
      </c>
      <c r="AQ27823">
        <v>9</v>
      </c>
    </row>
    <row r="27824" spans="1:43">
      <c r="A27824" t="s">
        <v>17217</v>
      </c>
      <c r="B27824" t="s">
        <v>17218</v>
      </c>
      <c r="C27824" t="s">
        <v>17219</v>
      </c>
      <c r="D27824" t="s">
        <v>17220</v>
      </c>
      <c r="E27824" t="s">
        <v>17115</v>
      </c>
      <c r="F27824" t="s">
        <v>17116</v>
      </c>
      <c r="G27824" t="s">
        <v>16559</v>
      </c>
      <c r="H27824" t="s">
        <v>16560</v>
      </c>
      <c r="I27824" s="2">
        <v>1</v>
      </c>
      <c r="J27824" s="2">
        <v>0</v>
      </c>
      <c r="K27824" s="2">
        <v>0</v>
      </c>
      <c r="L27824" t="s">
        <v>120</v>
      </c>
      <c r="M27824" t="s">
        <v>89</v>
      </c>
      <c r="N27824" t="s">
        <v>90</v>
      </c>
      <c r="O27824" t="s">
        <v>85</v>
      </c>
      <c r="P27824" t="s">
        <v>86</v>
      </c>
      <c r="Q27824">
        <v>7</v>
      </c>
      <c r="R27824">
        <v>8</v>
      </c>
      <c r="S27824">
        <v>8</v>
      </c>
      <c r="T27824">
        <v>8</v>
      </c>
      <c r="U27824">
        <v>8</v>
      </c>
      <c r="V27824">
        <v>8</v>
      </c>
      <c r="W27824">
        <v>9</v>
      </c>
      <c r="X27824">
        <v>9</v>
      </c>
      <c r="Y27824">
        <v>9</v>
      </c>
      <c r="Z27824">
        <v>9</v>
      </c>
      <c r="AA27824">
        <v>9</v>
      </c>
      <c r="AB27824">
        <v>9</v>
      </c>
      <c r="AC27824">
        <v>10</v>
      </c>
      <c r="AD27824">
        <v>10</v>
      </c>
      <c r="AE27824">
        <v>10</v>
      </c>
      <c r="AF27824">
        <v>10</v>
      </c>
      <c r="AG27824">
        <v>10</v>
      </c>
      <c r="AH27824">
        <v>10</v>
      </c>
      <c r="AI27824">
        <v>10</v>
      </c>
      <c r="AJ27824">
        <v>10</v>
      </c>
      <c r="AK27824">
        <v>10</v>
      </c>
      <c r="AL27824">
        <v>10</v>
      </c>
      <c r="AM27824">
        <v>10</v>
      </c>
      <c r="AN27824">
        <v>10</v>
      </c>
      <c r="AO27824">
        <v>10</v>
      </c>
      <c r="AP27824">
        <v>10</v>
      </c>
      <c r="AQ27824">
        <v>11</v>
      </c>
    </row>
    <row r="27825" spans="1:43">
      <c r="A27825" t="s">
        <v>17217</v>
      </c>
      <c r="B27825" t="s">
        <v>17218</v>
      </c>
      <c r="C27825" t="s">
        <v>17219</v>
      </c>
      <c r="D27825" t="s">
        <v>17220</v>
      </c>
      <c r="E27825" t="s">
        <v>17115</v>
      </c>
      <c r="F27825" t="s">
        <v>17116</v>
      </c>
      <c r="G27825" t="s">
        <v>16559</v>
      </c>
      <c r="H27825" t="s">
        <v>16560</v>
      </c>
      <c r="I27825" s="2">
        <v>1</v>
      </c>
      <c r="J27825" s="2">
        <v>0</v>
      </c>
      <c r="K27825" s="2">
        <v>0</v>
      </c>
      <c r="L27825" t="s">
        <v>120</v>
      </c>
      <c r="M27825" t="s">
        <v>83</v>
      </c>
      <c r="N27825" t="s">
        <v>91</v>
      </c>
      <c r="O27825" t="s">
        <v>85</v>
      </c>
      <c r="P27825" t="s">
        <v>86</v>
      </c>
      <c r="Q27825">
        <v>7</v>
      </c>
      <c r="R27825">
        <v>7</v>
      </c>
      <c r="S27825">
        <v>8</v>
      </c>
      <c r="T27825">
        <v>8</v>
      </c>
      <c r="U27825">
        <v>8</v>
      </c>
      <c r="V27825">
        <v>8</v>
      </c>
      <c r="W27825">
        <v>8</v>
      </c>
      <c r="X27825">
        <v>8</v>
      </c>
      <c r="Y27825">
        <v>8</v>
      </c>
      <c r="Z27825">
        <v>9</v>
      </c>
      <c r="AA27825">
        <v>9</v>
      </c>
      <c r="AB27825">
        <v>9</v>
      </c>
      <c r="AC27825">
        <v>9</v>
      </c>
      <c r="AD27825">
        <v>9</v>
      </c>
      <c r="AE27825">
        <v>9</v>
      </c>
      <c r="AF27825">
        <v>9</v>
      </c>
      <c r="AG27825">
        <v>10</v>
      </c>
      <c r="AH27825">
        <v>10</v>
      </c>
      <c r="AI27825">
        <v>10</v>
      </c>
      <c r="AJ27825">
        <v>10</v>
      </c>
      <c r="AK27825">
        <v>10</v>
      </c>
      <c r="AL27825">
        <v>10</v>
      </c>
      <c r="AM27825">
        <v>10</v>
      </c>
      <c r="AN27825">
        <v>10</v>
      </c>
      <c r="AO27825">
        <v>10</v>
      </c>
      <c r="AP27825">
        <v>10</v>
      </c>
      <c r="AQ27825">
        <v>10</v>
      </c>
    </row>
    <row r="27826" spans="1:43">
      <c r="A27826" t="s">
        <v>17221</v>
      </c>
      <c r="B27826" t="s">
        <v>17222</v>
      </c>
      <c r="C27826" t="s">
        <v>17219</v>
      </c>
      <c r="D27826" t="s">
        <v>17220</v>
      </c>
      <c r="E27826" t="s">
        <v>17115</v>
      </c>
      <c r="F27826" t="s">
        <v>17116</v>
      </c>
      <c r="G27826" t="s">
        <v>16559</v>
      </c>
      <c r="H27826" t="s">
        <v>16560</v>
      </c>
      <c r="I27826" s="2">
        <v>1</v>
      </c>
      <c r="J27826" s="2">
        <v>0</v>
      </c>
      <c r="K27826" s="2">
        <v>0</v>
      </c>
      <c r="L27826" t="s">
        <v>120</v>
      </c>
      <c r="M27826" t="s">
        <v>83</v>
      </c>
      <c r="N27826" t="s">
        <v>84</v>
      </c>
      <c r="O27826" t="s">
        <v>85</v>
      </c>
      <c r="P27826" t="s">
        <v>86</v>
      </c>
      <c r="Q27826">
        <v>8</v>
      </c>
      <c r="R27826">
        <v>8</v>
      </c>
      <c r="S27826">
        <v>8</v>
      </c>
      <c r="T27826">
        <v>8</v>
      </c>
      <c r="U27826">
        <v>8</v>
      </c>
      <c r="V27826">
        <v>8</v>
      </c>
      <c r="W27826">
        <v>9</v>
      </c>
      <c r="X27826">
        <v>9</v>
      </c>
      <c r="Y27826">
        <v>9</v>
      </c>
      <c r="Z27826">
        <v>9</v>
      </c>
      <c r="AA27826">
        <v>9</v>
      </c>
      <c r="AB27826">
        <v>9</v>
      </c>
      <c r="AC27826">
        <v>9</v>
      </c>
      <c r="AD27826">
        <v>10</v>
      </c>
      <c r="AE27826">
        <v>10</v>
      </c>
      <c r="AF27826">
        <v>10</v>
      </c>
      <c r="AG27826">
        <v>10</v>
      </c>
      <c r="AH27826">
        <v>10</v>
      </c>
      <c r="AI27826">
        <v>10</v>
      </c>
      <c r="AJ27826">
        <v>10</v>
      </c>
      <c r="AK27826">
        <v>11</v>
      </c>
      <c r="AL27826">
        <v>11</v>
      </c>
      <c r="AM27826">
        <v>11</v>
      </c>
      <c r="AN27826">
        <v>11</v>
      </c>
      <c r="AO27826">
        <v>11</v>
      </c>
      <c r="AP27826">
        <v>11</v>
      </c>
      <c r="AQ27826">
        <v>11</v>
      </c>
    </row>
    <row r="27827" spans="1:43">
      <c r="A27827" t="s">
        <v>17221</v>
      </c>
      <c r="B27827" t="s">
        <v>17222</v>
      </c>
      <c r="C27827" t="s">
        <v>17219</v>
      </c>
      <c r="D27827" t="s">
        <v>17220</v>
      </c>
      <c r="E27827" t="s">
        <v>17115</v>
      </c>
      <c r="F27827" t="s">
        <v>17116</v>
      </c>
      <c r="G27827" t="s">
        <v>16559</v>
      </c>
      <c r="H27827" t="s">
        <v>16560</v>
      </c>
      <c r="I27827" s="2">
        <v>1</v>
      </c>
      <c r="J27827" s="2">
        <v>0</v>
      </c>
      <c r="K27827" s="2">
        <v>0</v>
      </c>
      <c r="L27827" t="s">
        <v>120</v>
      </c>
      <c r="M27827" t="s">
        <v>87</v>
      </c>
      <c r="N27827" t="s">
        <v>88</v>
      </c>
      <c r="O27827" t="s">
        <v>85</v>
      </c>
      <c r="P27827" t="s">
        <v>86</v>
      </c>
      <c r="Q27827">
        <v>8</v>
      </c>
      <c r="R27827">
        <v>8</v>
      </c>
      <c r="S27827">
        <v>8</v>
      </c>
      <c r="T27827">
        <v>8</v>
      </c>
      <c r="U27827">
        <v>8</v>
      </c>
      <c r="V27827">
        <v>8</v>
      </c>
      <c r="W27827">
        <v>8</v>
      </c>
      <c r="X27827">
        <v>8</v>
      </c>
      <c r="Y27827">
        <v>8</v>
      </c>
      <c r="Z27827">
        <v>8</v>
      </c>
      <c r="AA27827">
        <v>8</v>
      </c>
      <c r="AB27827">
        <v>8</v>
      </c>
      <c r="AC27827">
        <v>8</v>
      </c>
      <c r="AD27827">
        <v>9</v>
      </c>
      <c r="AE27827">
        <v>9</v>
      </c>
      <c r="AF27827">
        <v>9</v>
      </c>
      <c r="AG27827">
        <v>9</v>
      </c>
      <c r="AH27827">
        <v>9</v>
      </c>
      <c r="AI27827">
        <v>9</v>
      </c>
      <c r="AJ27827">
        <v>9</v>
      </c>
      <c r="AK27827">
        <v>9</v>
      </c>
      <c r="AL27827">
        <v>9</v>
      </c>
      <c r="AM27827">
        <v>9</v>
      </c>
      <c r="AN27827">
        <v>9</v>
      </c>
      <c r="AO27827">
        <v>9</v>
      </c>
      <c r="AP27827">
        <v>9</v>
      </c>
      <c r="AQ27827">
        <v>10</v>
      </c>
    </row>
    <row r="27828" spans="1:43">
      <c r="A27828" t="s">
        <v>17221</v>
      </c>
      <c r="B27828" t="s">
        <v>17222</v>
      </c>
      <c r="C27828" t="s">
        <v>17219</v>
      </c>
      <c r="D27828" t="s">
        <v>17220</v>
      </c>
      <c r="E27828" t="s">
        <v>17115</v>
      </c>
      <c r="F27828" t="s">
        <v>17116</v>
      </c>
      <c r="G27828" t="s">
        <v>16559</v>
      </c>
      <c r="H27828" t="s">
        <v>16560</v>
      </c>
      <c r="I27828" s="2">
        <v>1</v>
      </c>
      <c r="J27828" s="2">
        <v>0</v>
      </c>
      <c r="K27828" s="2">
        <v>0</v>
      </c>
      <c r="L27828" t="s">
        <v>120</v>
      </c>
      <c r="M27828" t="s">
        <v>89</v>
      </c>
      <c r="N27828" t="s">
        <v>90</v>
      </c>
      <c r="O27828" t="s">
        <v>85</v>
      </c>
      <c r="P27828" t="s">
        <v>86</v>
      </c>
      <c r="Q27828">
        <v>8</v>
      </c>
      <c r="R27828">
        <v>8</v>
      </c>
      <c r="S27828">
        <v>8</v>
      </c>
      <c r="T27828">
        <v>8</v>
      </c>
      <c r="U27828">
        <v>9</v>
      </c>
      <c r="V27828">
        <v>9</v>
      </c>
      <c r="W27828">
        <v>9</v>
      </c>
      <c r="X27828">
        <v>9</v>
      </c>
      <c r="Y27828">
        <v>9</v>
      </c>
      <c r="Z27828">
        <v>10</v>
      </c>
      <c r="AA27828">
        <v>10</v>
      </c>
      <c r="AB27828">
        <v>10</v>
      </c>
      <c r="AC27828">
        <v>10</v>
      </c>
      <c r="AD27828">
        <v>10</v>
      </c>
      <c r="AE27828">
        <v>10</v>
      </c>
      <c r="AF27828">
        <v>10</v>
      </c>
      <c r="AG27828">
        <v>11</v>
      </c>
      <c r="AH27828">
        <v>11</v>
      </c>
      <c r="AI27828">
        <v>11</v>
      </c>
      <c r="AJ27828">
        <v>11</v>
      </c>
      <c r="AK27828">
        <v>11</v>
      </c>
      <c r="AL27828">
        <v>11</v>
      </c>
      <c r="AM27828">
        <v>11</v>
      </c>
      <c r="AN27828">
        <v>11</v>
      </c>
      <c r="AO27828">
        <v>11</v>
      </c>
      <c r="AP27828">
        <v>11</v>
      </c>
      <c r="AQ27828">
        <v>11</v>
      </c>
    </row>
    <row r="27829" spans="1:43">
      <c r="A27829" t="s">
        <v>17221</v>
      </c>
      <c r="B27829" t="s">
        <v>17222</v>
      </c>
      <c r="C27829" t="s">
        <v>17219</v>
      </c>
      <c r="D27829" t="s">
        <v>17220</v>
      </c>
      <c r="E27829" t="s">
        <v>17115</v>
      </c>
      <c r="F27829" t="s">
        <v>17116</v>
      </c>
      <c r="G27829" t="s">
        <v>16559</v>
      </c>
      <c r="H27829" t="s">
        <v>16560</v>
      </c>
      <c r="I27829" s="2">
        <v>1</v>
      </c>
      <c r="J27829" s="2">
        <v>0</v>
      </c>
      <c r="K27829" s="2">
        <v>0</v>
      </c>
      <c r="L27829" t="s">
        <v>120</v>
      </c>
      <c r="M27829" t="s">
        <v>83</v>
      </c>
      <c r="N27829" t="s">
        <v>91</v>
      </c>
      <c r="O27829" t="s">
        <v>85</v>
      </c>
      <c r="P27829" t="s">
        <v>86</v>
      </c>
      <c r="Q27829">
        <v>8</v>
      </c>
      <c r="R27829">
        <v>8</v>
      </c>
      <c r="S27829">
        <v>8</v>
      </c>
      <c r="T27829">
        <v>8</v>
      </c>
      <c r="U27829">
        <v>8</v>
      </c>
      <c r="V27829">
        <v>8</v>
      </c>
      <c r="W27829">
        <v>9</v>
      </c>
      <c r="X27829">
        <v>9</v>
      </c>
      <c r="Y27829">
        <v>9</v>
      </c>
      <c r="Z27829">
        <v>9</v>
      </c>
      <c r="AA27829">
        <v>9</v>
      </c>
      <c r="AB27829">
        <v>9</v>
      </c>
      <c r="AC27829">
        <v>9</v>
      </c>
      <c r="AD27829">
        <v>10</v>
      </c>
      <c r="AE27829">
        <v>10</v>
      </c>
      <c r="AF27829">
        <v>10</v>
      </c>
      <c r="AG27829">
        <v>10</v>
      </c>
      <c r="AH27829">
        <v>10</v>
      </c>
      <c r="AI27829">
        <v>10</v>
      </c>
      <c r="AJ27829">
        <v>10</v>
      </c>
      <c r="AK27829">
        <v>11</v>
      </c>
      <c r="AL27829">
        <v>11</v>
      </c>
      <c r="AM27829">
        <v>11</v>
      </c>
      <c r="AN27829">
        <v>11</v>
      </c>
      <c r="AO27829">
        <v>11</v>
      </c>
      <c r="AP27829">
        <v>11</v>
      </c>
      <c r="AQ27829">
        <v>11</v>
      </c>
    </row>
    <row r="27830" spans="1:43">
      <c r="A27830" t="s">
        <v>17223</v>
      </c>
      <c r="B27830" t="s">
        <v>17224</v>
      </c>
      <c r="C27830" t="s">
        <v>17219</v>
      </c>
      <c r="D27830" t="s">
        <v>17220</v>
      </c>
      <c r="E27830" t="s">
        <v>17115</v>
      </c>
      <c r="F27830" t="s">
        <v>17116</v>
      </c>
      <c r="G27830" t="s">
        <v>16559</v>
      </c>
      <c r="H27830" t="s">
        <v>16560</v>
      </c>
      <c r="I27830" s="2">
        <v>1</v>
      </c>
      <c r="J27830" s="2">
        <v>0</v>
      </c>
      <c r="K27830" s="2">
        <v>0</v>
      </c>
      <c r="L27830" t="s">
        <v>120</v>
      </c>
      <c r="M27830" t="s">
        <v>83</v>
      </c>
      <c r="N27830" t="s">
        <v>84</v>
      </c>
      <c r="O27830" t="s">
        <v>85</v>
      </c>
      <c r="P27830" t="s">
        <v>86</v>
      </c>
      <c r="Q27830">
        <v>12</v>
      </c>
      <c r="R27830">
        <v>12</v>
      </c>
      <c r="S27830">
        <v>12</v>
      </c>
      <c r="T27830">
        <v>13</v>
      </c>
      <c r="U27830">
        <v>13</v>
      </c>
      <c r="V27830">
        <v>13</v>
      </c>
      <c r="W27830">
        <v>13</v>
      </c>
      <c r="X27830">
        <v>14</v>
      </c>
      <c r="Y27830">
        <v>14</v>
      </c>
      <c r="Z27830">
        <v>14</v>
      </c>
      <c r="AA27830">
        <v>14</v>
      </c>
      <c r="AB27830">
        <v>15</v>
      </c>
      <c r="AC27830">
        <v>15</v>
      </c>
      <c r="AD27830">
        <v>15</v>
      </c>
      <c r="AE27830">
        <v>15</v>
      </c>
      <c r="AF27830">
        <v>15</v>
      </c>
      <c r="AG27830">
        <v>16</v>
      </c>
      <c r="AH27830">
        <v>16</v>
      </c>
      <c r="AI27830">
        <v>16</v>
      </c>
      <c r="AJ27830">
        <v>16</v>
      </c>
      <c r="AK27830">
        <v>17</v>
      </c>
      <c r="AL27830">
        <v>17</v>
      </c>
      <c r="AM27830">
        <v>17</v>
      </c>
      <c r="AN27830">
        <v>17</v>
      </c>
      <c r="AO27830">
        <v>17</v>
      </c>
      <c r="AP27830">
        <v>17</v>
      </c>
      <c r="AQ27830">
        <v>17</v>
      </c>
    </row>
    <row r="27831" spans="1:43">
      <c r="A27831" t="s">
        <v>17223</v>
      </c>
      <c r="B27831" t="s">
        <v>17224</v>
      </c>
      <c r="C27831" t="s">
        <v>17219</v>
      </c>
      <c r="D27831" t="s">
        <v>17220</v>
      </c>
      <c r="E27831" t="s">
        <v>17115</v>
      </c>
      <c r="F27831" t="s">
        <v>17116</v>
      </c>
      <c r="G27831" t="s">
        <v>16559</v>
      </c>
      <c r="H27831" t="s">
        <v>16560</v>
      </c>
      <c r="I27831" s="2">
        <v>1</v>
      </c>
      <c r="J27831" s="2">
        <v>0</v>
      </c>
      <c r="K27831" s="2">
        <v>0</v>
      </c>
      <c r="L27831" t="s">
        <v>120</v>
      </c>
      <c r="M27831" t="s">
        <v>87</v>
      </c>
      <c r="N27831" t="s">
        <v>88</v>
      </c>
      <c r="O27831" t="s">
        <v>85</v>
      </c>
      <c r="P27831" t="s">
        <v>86</v>
      </c>
      <c r="Q27831">
        <v>12</v>
      </c>
      <c r="R27831">
        <v>12</v>
      </c>
      <c r="S27831">
        <v>12</v>
      </c>
      <c r="T27831">
        <v>12</v>
      </c>
      <c r="U27831">
        <v>12</v>
      </c>
      <c r="V27831">
        <v>12</v>
      </c>
      <c r="W27831">
        <v>13</v>
      </c>
      <c r="X27831">
        <v>13</v>
      </c>
      <c r="Y27831">
        <v>13</v>
      </c>
      <c r="Z27831">
        <v>13</v>
      </c>
      <c r="AA27831">
        <v>13</v>
      </c>
      <c r="AB27831">
        <v>13</v>
      </c>
      <c r="AC27831">
        <v>13</v>
      </c>
      <c r="AD27831">
        <v>13</v>
      </c>
      <c r="AE27831">
        <v>14</v>
      </c>
      <c r="AF27831">
        <v>14</v>
      </c>
      <c r="AG27831">
        <v>14</v>
      </c>
      <c r="AH27831">
        <v>14</v>
      </c>
      <c r="AI27831">
        <v>14</v>
      </c>
      <c r="AJ27831">
        <v>14</v>
      </c>
      <c r="AK27831">
        <v>14</v>
      </c>
      <c r="AL27831">
        <v>14</v>
      </c>
      <c r="AM27831">
        <v>14</v>
      </c>
      <c r="AN27831">
        <v>15</v>
      </c>
      <c r="AO27831">
        <v>15</v>
      </c>
      <c r="AP27831">
        <v>15</v>
      </c>
      <c r="AQ27831">
        <v>15</v>
      </c>
    </row>
    <row r="27832" spans="1:43">
      <c r="A27832" t="s">
        <v>17223</v>
      </c>
      <c r="B27832" t="s">
        <v>17224</v>
      </c>
      <c r="C27832" t="s">
        <v>17219</v>
      </c>
      <c r="D27832" t="s">
        <v>17220</v>
      </c>
      <c r="E27832" t="s">
        <v>17115</v>
      </c>
      <c r="F27832" t="s">
        <v>17116</v>
      </c>
      <c r="G27832" t="s">
        <v>16559</v>
      </c>
      <c r="H27832" t="s">
        <v>16560</v>
      </c>
      <c r="I27832" s="2">
        <v>1</v>
      </c>
      <c r="J27832" s="2">
        <v>0</v>
      </c>
      <c r="K27832" s="2">
        <v>0</v>
      </c>
      <c r="L27832" t="s">
        <v>120</v>
      </c>
      <c r="M27832" t="s">
        <v>89</v>
      </c>
      <c r="N27832" t="s">
        <v>90</v>
      </c>
      <c r="O27832" t="s">
        <v>85</v>
      </c>
      <c r="P27832" t="s">
        <v>86</v>
      </c>
      <c r="Q27832">
        <v>12</v>
      </c>
      <c r="R27832">
        <v>12</v>
      </c>
      <c r="S27832">
        <v>13</v>
      </c>
      <c r="T27832">
        <v>13</v>
      </c>
      <c r="U27832">
        <v>13</v>
      </c>
      <c r="V27832">
        <v>14</v>
      </c>
      <c r="W27832">
        <v>14</v>
      </c>
      <c r="X27832">
        <v>14</v>
      </c>
      <c r="Y27832">
        <v>15</v>
      </c>
      <c r="Z27832">
        <v>15</v>
      </c>
      <c r="AA27832">
        <v>15</v>
      </c>
      <c r="AB27832">
        <v>16</v>
      </c>
      <c r="AC27832">
        <v>16</v>
      </c>
      <c r="AD27832">
        <v>16</v>
      </c>
      <c r="AE27832">
        <v>16</v>
      </c>
      <c r="AF27832">
        <v>16</v>
      </c>
      <c r="AG27832">
        <v>17</v>
      </c>
      <c r="AH27832">
        <v>17</v>
      </c>
      <c r="AI27832">
        <v>17</v>
      </c>
      <c r="AJ27832">
        <v>17</v>
      </c>
      <c r="AK27832">
        <v>17</v>
      </c>
      <c r="AL27832">
        <v>17</v>
      </c>
      <c r="AM27832">
        <v>17</v>
      </c>
      <c r="AN27832">
        <v>17</v>
      </c>
      <c r="AO27832">
        <v>17</v>
      </c>
      <c r="AP27832">
        <v>17</v>
      </c>
      <c r="AQ27832">
        <v>17</v>
      </c>
    </row>
    <row r="27833" spans="1:43">
      <c r="A27833" t="s">
        <v>17223</v>
      </c>
      <c r="B27833" t="s">
        <v>17224</v>
      </c>
      <c r="C27833" t="s">
        <v>17219</v>
      </c>
      <c r="D27833" t="s">
        <v>17220</v>
      </c>
      <c r="E27833" t="s">
        <v>17115</v>
      </c>
      <c r="F27833" t="s">
        <v>17116</v>
      </c>
      <c r="G27833" t="s">
        <v>16559</v>
      </c>
      <c r="H27833" t="s">
        <v>16560</v>
      </c>
      <c r="I27833" s="2">
        <v>1</v>
      </c>
      <c r="J27833" s="2">
        <v>0</v>
      </c>
      <c r="K27833" s="2">
        <v>0</v>
      </c>
      <c r="L27833" t="s">
        <v>120</v>
      </c>
      <c r="M27833" t="s">
        <v>83</v>
      </c>
      <c r="N27833" t="s">
        <v>91</v>
      </c>
      <c r="O27833" t="s">
        <v>85</v>
      </c>
      <c r="P27833" t="s">
        <v>86</v>
      </c>
      <c r="Q27833">
        <v>12</v>
      </c>
      <c r="R27833">
        <v>12</v>
      </c>
      <c r="S27833">
        <v>12</v>
      </c>
      <c r="T27833">
        <v>13</v>
      </c>
      <c r="U27833">
        <v>13</v>
      </c>
      <c r="V27833">
        <v>13</v>
      </c>
      <c r="W27833">
        <v>13</v>
      </c>
      <c r="X27833">
        <v>14</v>
      </c>
      <c r="Y27833">
        <v>14</v>
      </c>
      <c r="Z27833">
        <v>14</v>
      </c>
      <c r="AA27833">
        <v>14</v>
      </c>
      <c r="AB27833">
        <v>15</v>
      </c>
      <c r="AC27833">
        <v>15</v>
      </c>
      <c r="AD27833">
        <v>15</v>
      </c>
      <c r="AE27833">
        <v>15</v>
      </c>
      <c r="AF27833">
        <v>15</v>
      </c>
      <c r="AG27833">
        <v>16</v>
      </c>
      <c r="AH27833">
        <v>16</v>
      </c>
      <c r="AI27833">
        <v>16</v>
      </c>
      <c r="AJ27833">
        <v>16</v>
      </c>
      <c r="AK27833">
        <v>17</v>
      </c>
      <c r="AL27833">
        <v>17</v>
      </c>
      <c r="AM27833">
        <v>17</v>
      </c>
      <c r="AN27833">
        <v>17</v>
      </c>
      <c r="AO27833">
        <v>17</v>
      </c>
      <c r="AP27833">
        <v>17</v>
      </c>
      <c r="AQ27833">
        <v>17</v>
      </c>
    </row>
    <row r="27834" spans="1:43">
      <c r="A27834" t="s">
        <v>17225</v>
      </c>
      <c r="B27834" t="s">
        <v>17226</v>
      </c>
      <c r="C27834" t="s">
        <v>17219</v>
      </c>
      <c r="D27834" t="s">
        <v>17220</v>
      </c>
      <c r="E27834" t="s">
        <v>17115</v>
      </c>
      <c r="F27834" t="s">
        <v>17116</v>
      </c>
      <c r="G27834" t="s">
        <v>16559</v>
      </c>
      <c r="H27834" t="s">
        <v>16560</v>
      </c>
      <c r="I27834" s="2">
        <v>1</v>
      </c>
      <c r="J27834" s="2">
        <v>0</v>
      </c>
      <c r="K27834" s="2">
        <v>0</v>
      </c>
      <c r="L27834" t="s">
        <v>120</v>
      </c>
      <c r="M27834" t="s">
        <v>83</v>
      </c>
      <c r="N27834" t="s">
        <v>84</v>
      </c>
      <c r="O27834" t="s">
        <v>85</v>
      </c>
      <c r="P27834" t="s">
        <v>86</v>
      </c>
      <c r="Q27834">
        <v>88</v>
      </c>
      <c r="R27834">
        <v>89</v>
      </c>
      <c r="S27834">
        <v>91</v>
      </c>
      <c r="T27834">
        <v>93</v>
      </c>
      <c r="U27834">
        <v>94</v>
      </c>
      <c r="V27834">
        <v>96</v>
      </c>
      <c r="W27834">
        <v>98</v>
      </c>
      <c r="X27834">
        <v>99</v>
      </c>
      <c r="Y27834">
        <v>101</v>
      </c>
      <c r="Z27834">
        <v>103</v>
      </c>
      <c r="AA27834">
        <v>105</v>
      </c>
      <c r="AB27834">
        <v>106</v>
      </c>
      <c r="AC27834">
        <v>108</v>
      </c>
      <c r="AD27834">
        <v>110</v>
      </c>
      <c r="AE27834">
        <v>111</v>
      </c>
      <c r="AF27834">
        <v>113</v>
      </c>
      <c r="AG27834">
        <v>115</v>
      </c>
      <c r="AH27834">
        <v>117</v>
      </c>
      <c r="AI27834">
        <v>119</v>
      </c>
      <c r="AJ27834">
        <v>120</v>
      </c>
      <c r="AK27834">
        <v>122</v>
      </c>
      <c r="AL27834">
        <v>123</v>
      </c>
      <c r="AM27834">
        <v>124</v>
      </c>
      <c r="AN27834">
        <v>124</v>
      </c>
      <c r="AO27834">
        <v>125</v>
      </c>
      <c r="AP27834">
        <v>126</v>
      </c>
      <c r="AQ27834">
        <v>126</v>
      </c>
    </row>
    <row r="27835" spans="1:43">
      <c r="A27835" t="s">
        <v>17225</v>
      </c>
      <c r="B27835" t="s">
        <v>17226</v>
      </c>
      <c r="C27835" t="s">
        <v>17219</v>
      </c>
      <c r="D27835" t="s">
        <v>17220</v>
      </c>
      <c r="E27835" t="s">
        <v>17115</v>
      </c>
      <c r="F27835" t="s">
        <v>17116</v>
      </c>
      <c r="G27835" t="s">
        <v>16559</v>
      </c>
      <c r="H27835" t="s">
        <v>16560</v>
      </c>
      <c r="I27835" s="2">
        <v>1</v>
      </c>
      <c r="J27835" s="2">
        <v>0</v>
      </c>
      <c r="K27835" s="2">
        <v>0</v>
      </c>
      <c r="L27835" t="s">
        <v>120</v>
      </c>
      <c r="M27835" t="s">
        <v>87</v>
      </c>
      <c r="N27835" t="s">
        <v>88</v>
      </c>
      <c r="O27835" t="s">
        <v>85</v>
      </c>
      <c r="P27835" t="s">
        <v>86</v>
      </c>
      <c r="Q27835">
        <v>88</v>
      </c>
      <c r="R27835">
        <v>89</v>
      </c>
      <c r="S27835">
        <v>90</v>
      </c>
      <c r="T27835">
        <v>90</v>
      </c>
      <c r="U27835">
        <v>91</v>
      </c>
      <c r="V27835">
        <v>92</v>
      </c>
      <c r="W27835">
        <v>93</v>
      </c>
      <c r="X27835">
        <v>94</v>
      </c>
      <c r="Y27835">
        <v>95</v>
      </c>
      <c r="Z27835">
        <v>95</v>
      </c>
      <c r="AA27835">
        <v>96</v>
      </c>
      <c r="AB27835">
        <v>97</v>
      </c>
      <c r="AC27835">
        <v>98</v>
      </c>
      <c r="AD27835">
        <v>99</v>
      </c>
      <c r="AE27835">
        <v>100</v>
      </c>
      <c r="AF27835">
        <v>101</v>
      </c>
      <c r="AG27835">
        <v>101</v>
      </c>
      <c r="AH27835">
        <v>102</v>
      </c>
      <c r="AI27835">
        <v>103</v>
      </c>
      <c r="AJ27835">
        <v>104</v>
      </c>
      <c r="AK27835">
        <v>105</v>
      </c>
      <c r="AL27835">
        <v>106</v>
      </c>
      <c r="AM27835">
        <v>107</v>
      </c>
      <c r="AN27835">
        <v>107</v>
      </c>
      <c r="AO27835">
        <v>108</v>
      </c>
      <c r="AP27835">
        <v>109</v>
      </c>
      <c r="AQ27835">
        <v>110</v>
      </c>
    </row>
    <row r="27836" spans="1:43">
      <c r="A27836" t="s">
        <v>17225</v>
      </c>
      <c r="B27836" t="s">
        <v>17226</v>
      </c>
      <c r="C27836" t="s">
        <v>17219</v>
      </c>
      <c r="D27836" t="s">
        <v>17220</v>
      </c>
      <c r="E27836" t="s">
        <v>17115</v>
      </c>
      <c r="F27836" t="s">
        <v>17116</v>
      </c>
      <c r="G27836" t="s">
        <v>16559</v>
      </c>
      <c r="H27836" t="s">
        <v>16560</v>
      </c>
      <c r="I27836" s="2">
        <v>1</v>
      </c>
      <c r="J27836" s="2">
        <v>0</v>
      </c>
      <c r="K27836" s="2">
        <v>0</v>
      </c>
      <c r="L27836" t="s">
        <v>120</v>
      </c>
      <c r="M27836" t="s">
        <v>89</v>
      </c>
      <c r="N27836" t="s">
        <v>90</v>
      </c>
      <c r="O27836" t="s">
        <v>85</v>
      </c>
      <c r="P27836" t="s">
        <v>86</v>
      </c>
      <c r="Q27836">
        <v>88</v>
      </c>
      <c r="R27836">
        <v>90</v>
      </c>
      <c r="S27836">
        <v>92</v>
      </c>
      <c r="T27836">
        <v>95</v>
      </c>
      <c r="U27836">
        <v>97</v>
      </c>
      <c r="V27836">
        <v>99</v>
      </c>
      <c r="W27836">
        <v>102</v>
      </c>
      <c r="X27836">
        <v>104</v>
      </c>
      <c r="Y27836">
        <v>106</v>
      </c>
      <c r="Z27836">
        <v>108</v>
      </c>
      <c r="AA27836">
        <v>111</v>
      </c>
      <c r="AB27836">
        <v>113</v>
      </c>
      <c r="AC27836">
        <v>115</v>
      </c>
      <c r="AD27836">
        <v>117</v>
      </c>
      <c r="AE27836">
        <v>119</v>
      </c>
      <c r="AF27836">
        <v>119</v>
      </c>
      <c r="AG27836">
        <v>120</v>
      </c>
      <c r="AH27836">
        <v>121</v>
      </c>
      <c r="AI27836">
        <v>121</v>
      </c>
      <c r="AJ27836">
        <v>122</v>
      </c>
      <c r="AK27836">
        <v>123</v>
      </c>
      <c r="AL27836">
        <v>123</v>
      </c>
      <c r="AM27836">
        <v>124</v>
      </c>
      <c r="AN27836">
        <v>124</v>
      </c>
      <c r="AO27836">
        <v>125</v>
      </c>
      <c r="AP27836">
        <v>126</v>
      </c>
      <c r="AQ27836">
        <v>126</v>
      </c>
    </row>
    <row r="27837" spans="1:43">
      <c r="A27837" t="s">
        <v>17225</v>
      </c>
      <c r="B27837" t="s">
        <v>17226</v>
      </c>
      <c r="C27837" t="s">
        <v>17219</v>
      </c>
      <c r="D27837" t="s">
        <v>17220</v>
      </c>
      <c r="E27837" t="s">
        <v>17115</v>
      </c>
      <c r="F27837" t="s">
        <v>17116</v>
      </c>
      <c r="G27837" t="s">
        <v>16559</v>
      </c>
      <c r="H27837" t="s">
        <v>16560</v>
      </c>
      <c r="I27837" s="2">
        <v>1</v>
      </c>
      <c r="J27837" s="2">
        <v>0</v>
      </c>
      <c r="K27837" s="2">
        <v>0</v>
      </c>
      <c r="L27837" t="s">
        <v>120</v>
      </c>
      <c r="M27837" t="s">
        <v>83</v>
      </c>
      <c r="N27837" t="s">
        <v>91</v>
      </c>
      <c r="O27837" t="s">
        <v>85</v>
      </c>
      <c r="P27837" t="s">
        <v>86</v>
      </c>
      <c r="Q27837">
        <v>88</v>
      </c>
      <c r="R27837">
        <v>89</v>
      </c>
      <c r="S27837">
        <v>91</v>
      </c>
      <c r="T27837">
        <v>93</v>
      </c>
      <c r="U27837">
        <v>94</v>
      </c>
      <c r="V27837">
        <v>96</v>
      </c>
      <c r="W27837">
        <v>98</v>
      </c>
      <c r="X27837">
        <v>99</v>
      </c>
      <c r="Y27837">
        <v>101</v>
      </c>
      <c r="Z27837">
        <v>103</v>
      </c>
      <c r="AA27837">
        <v>105</v>
      </c>
      <c r="AB27837">
        <v>106</v>
      </c>
      <c r="AC27837">
        <v>108</v>
      </c>
      <c r="AD27837">
        <v>110</v>
      </c>
      <c r="AE27837">
        <v>111</v>
      </c>
      <c r="AF27837">
        <v>113</v>
      </c>
      <c r="AG27837">
        <v>115</v>
      </c>
      <c r="AH27837">
        <v>117</v>
      </c>
      <c r="AI27837">
        <v>119</v>
      </c>
      <c r="AJ27837">
        <v>120</v>
      </c>
      <c r="AK27837">
        <v>122</v>
      </c>
      <c r="AL27837">
        <v>123</v>
      </c>
      <c r="AM27837">
        <v>124</v>
      </c>
      <c r="AN27837">
        <v>124</v>
      </c>
      <c r="AO27837">
        <v>125</v>
      </c>
      <c r="AP27837">
        <v>126</v>
      </c>
      <c r="AQ27837">
        <v>126</v>
      </c>
    </row>
    <row r="27838" spans="1:43">
      <c r="A27838" t="s">
        <v>17227</v>
      </c>
      <c r="B27838" t="s">
        <v>17228</v>
      </c>
      <c r="C27838" t="s">
        <v>17229</v>
      </c>
      <c r="D27838" t="s">
        <v>17230</v>
      </c>
      <c r="E27838" t="s">
        <v>17115</v>
      </c>
      <c r="F27838" t="s">
        <v>17116</v>
      </c>
      <c r="G27838" t="s">
        <v>16559</v>
      </c>
      <c r="H27838" t="s">
        <v>16560</v>
      </c>
      <c r="I27838" s="2">
        <v>1</v>
      </c>
      <c r="J27838" s="2">
        <v>0</v>
      </c>
      <c r="K27838" s="2">
        <v>0</v>
      </c>
      <c r="L27838" t="s">
        <v>120</v>
      </c>
      <c r="M27838" t="s">
        <v>83</v>
      </c>
      <c r="N27838" t="s">
        <v>84</v>
      </c>
      <c r="O27838" t="s">
        <v>85</v>
      </c>
      <c r="P27838" t="s">
        <v>86</v>
      </c>
      <c r="Q27838">
        <v>24</v>
      </c>
      <c r="R27838">
        <v>24</v>
      </c>
      <c r="S27838">
        <v>25</v>
      </c>
      <c r="T27838">
        <v>25</v>
      </c>
      <c r="U27838">
        <v>25</v>
      </c>
      <c r="V27838">
        <v>26</v>
      </c>
      <c r="W27838">
        <v>26</v>
      </c>
      <c r="X27838">
        <v>27</v>
      </c>
      <c r="Y27838">
        <v>27</v>
      </c>
      <c r="Z27838">
        <v>28</v>
      </c>
      <c r="AA27838">
        <v>28</v>
      </c>
      <c r="AB27838">
        <v>29</v>
      </c>
      <c r="AC27838">
        <v>29</v>
      </c>
      <c r="AD27838">
        <v>30</v>
      </c>
      <c r="AE27838">
        <v>30</v>
      </c>
      <c r="AF27838">
        <v>30</v>
      </c>
      <c r="AG27838">
        <v>31</v>
      </c>
      <c r="AH27838">
        <v>31</v>
      </c>
      <c r="AI27838">
        <v>32</v>
      </c>
      <c r="AJ27838">
        <v>32</v>
      </c>
      <c r="AK27838">
        <v>33</v>
      </c>
      <c r="AL27838">
        <v>33</v>
      </c>
      <c r="AM27838">
        <v>33</v>
      </c>
      <c r="AN27838">
        <v>33</v>
      </c>
      <c r="AO27838">
        <v>34</v>
      </c>
      <c r="AP27838">
        <v>34</v>
      </c>
      <c r="AQ27838">
        <v>34</v>
      </c>
    </row>
    <row r="27839" spans="1:43">
      <c r="A27839" t="s">
        <v>17227</v>
      </c>
      <c r="B27839" t="s">
        <v>17228</v>
      </c>
      <c r="C27839" t="s">
        <v>17229</v>
      </c>
      <c r="D27839" t="s">
        <v>17230</v>
      </c>
      <c r="E27839" t="s">
        <v>17115</v>
      </c>
      <c r="F27839" t="s">
        <v>17116</v>
      </c>
      <c r="G27839" t="s">
        <v>16559</v>
      </c>
      <c r="H27839" t="s">
        <v>16560</v>
      </c>
      <c r="I27839" s="2">
        <v>1</v>
      </c>
      <c r="J27839" s="2">
        <v>0</v>
      </c>
      <c r="K27839" s="2">
        <v>0</v>
      </c>
      <c r="L27839" t="s">
        <v>120</v>
      </c>
      <c r="M27839" t="s">
        <v>87</v>
      </c>
      <c r="N27839" t="s">
        <v>88</v>
      </c>
      <c r="O27839" t="s">
        <v>85</v>
      </c>
      <c r="P27839" t="s">
        <v>86</v>
      </c>
      <c r="Q27839">
        <v>24</v>
      </c>
      <c r="R27839">
        <v>25</v>
      </c>
      <c r="S27839">
        <v>25</v>
      </c>
      <c r="T27839">
        <v>25</v>
      </c>
      <c r="U27839">
        <v>25</v>
      </c>
      <c r="V27839">
        <v>26</v>
      </c>
      <c r="W27839">
        <v>26</v>
      </c>
      <c r="X27839">
        <v>26</v>
      </c>
      <c r="Y27839">
        <v>26</v>
      </c>
      <c r="Z27839">
        <v>26</v>
      </c>
      <c r="AA27839">
        <v>27</v>
      </c>
      <c r="AB27839">
        <v>27</v>
      </c>
      <c r="AC27839">
        <v>27</v>
      </c>
      <c r="AD27839">
        <v>27</v>
      </c>
      <c r="AE27839">
        <v>28</v>
      </c>
      <c r="AF27839">
        <v>28</v>
      </c>
      <c r="AG27839">
        <v>28</v>
      </c>
      <c r="AH27839">
        <v>28</v>
      </c>
      <c r="AI27839">
        <v>29</v>
      </c>
      <c r="AJ27839">
        <v>29</v>
      </c>
      <c r="AK27839">
        <v>29</v>
      </c>
      <c r="AL27839">
        <v>29</v>
      </c>
      <c r="AM27839">
        <v>29</v>
      </c>
      <c r="AN27839">
        <v>30</v>
      </c>
      <c r="AO27839">
        <v>30</v>
      </c>
      <c r="AP27839">
        <v>30</v>
      </c>
      <c r="AQ27839">
        <v>30</v>
      </c>
    </row>
    <row r="27840" spans="1:43">
      <c r="A27840" t="s">
        <v>17227</v>
      </c>
      <c r="B27840" t="s">
        <v>17228</v>
      </c>
      <c r="C27840" t="s">
        <v>17229</v>
      </c>
      <c r="D27840" t="s">
        <v>17230</v>
      </c>
      <c r="E27840" t="s">
        <v>17115</v>
      </c>
      <c r="F27840" t="s">
        <v>17116</v>
      </c>
      <c r="G27840" t="s">
        <v>16559</v>
      </c>
      <c r="H27840" t="s">
        <v>16560</v>
      </c>
      <c r="I27840" s="2">
        <v>1</v>
      </c>
      <c r="J27840" s="2">
        <v>0</v>
      </c>
      <c r="K27840" s="2">
        <v>0</v>
      </c>
      <c r="L27840" t="s">
        <v>120</v>
      </c>
      <c r="M27840" t="s">
        <v>89</v>
      </c>
      <c r="N27840" t="s">
        <v>90</v>
      </c>
      <c r="O27840" t="s">
        <v>85</v>
      </c>
      <c r="P27840" t="s">
        <v>86</v>
      </c>
      <c r="Q27840">
        <v>24</v>
      </c>
      <c r="R27840">
        <v>25</v>
      </c>
      <c r="S27840">
        <v>25</v>
      </c>
      <c r="T27840">
        <v>26</v>
      </c>
      <c r="U27840">
        <v>26</v>
      </c>
      <c r="V27840">
        <v>27</v>
      </c>
      <c r="W27840">
        <v>28</v>
      </c>
      <c r="X27840">
        <v>28</v>
      </c>
      <c r="Y27840">
        <v>29</v>
      </c>
      <c r="Z27840">
        <v>29</v>
      </c>
      <c r="AA27840">
        <v>30</v>
      </c>
      <c r="AB27840">
        <v>31</v>
      </c>
      <c r="AC27840">
        <v>31</v>
      </c>
      <c r="AD27840">
        <v>32</v>
      </c>
      <c r="AE27840">
        <v>32</v>
      </c>
      <c r="AF27840">
        <v>32</v>
      </c>
      <c r="AG27840">
        <v>33</v>
      </c>
      <c r="AH27840">
        <v>33</v>
      </c>
      <c r="AI27840">
        <v>33</v>
      </c>
      <c r="AJ27840">
        <v>33</v>
      </c>
      <c r="AK27840">
        <v>33</v>
      </c>
      <c r="AL27840">
        <v>33</v>
      </c>
      <c r="AM27840">
        <v>34</v>
      </c>
      <c r="AN27840">
        <v>34</v>
      </c>
      <c r="AO27840">
        <v>34</v>
      </c>
      <c r="AP27840">
        <v>34</v>
      </c>
      <c r="AQ27840">
        <v>34</v>
      </c>
    </row>
    <row r="27841" spans="1:43">
      <c r="A27841" t="s">
        <v>17227</v>
      </c>
      <c r="B27841" t="s">
        <v>17228</v>
      </c>
      <c r="C27841" t="s">
        <v>17229</v>
      </c>
      <c r="D27841" t="s">
        <v>17230</v>
      </c>
      <c r="E27841" t="s">
        <v>17115</v>
      </c>
      <c r="F27841" t="s">
        <v>17116</v>
      </c>
      <c r="G27841" t="s">
        <v>16559</v>
      </c>
      <c r="H27841" t="s">
        <v>16560</v>
      </c>
      <c r="I27841" s="2">
        <v>1</v>
      </c>
      <c r="J27841" s="2">
        <v>0</v>
      </c>
      <c r="K27841" s="2">
        <v>0</v>
      </c>
      <c r="L27841" t="s">
        <v>120</v>
      </c>
      <c r="M27841" t="s">
        <v>83</v>
      </c>
      <c r="N27841" t="s">
        <v>91</v>
      </c>
      <c r="O27841" t="s">
        <v>85</v>
      </c>
      <c r="P27841" t="s">
        <v>86</v>
      </c>
      <c r="Q27841">
        <v>24</v>
      </c>
      <c r="R27841">
        <v>24</v>
      </c>
      <c r="S27841">
        <v>25</v>
      </c>
      <c r="T27841">
        <v>25</v>
      </c>
      <c r="U27841">
        <v>25</v>
      </c>
      <c r="V27841">
        <v>26</v>
      </c>
      <c r="W27841">
        <v>26</v>
      </c>
      <c r="X27841">
        <v>27</v>
      </c>
      <c r="Y27841">
        <v>27</v>
      </c>
      <c r="Z27841">
        <v>28</v>
      </c>
      <c r="AA27841">
        <v>28</v>
      </c>
      <c r="AB27841">
        <v>29</v>
      </c>
      <c r="AC27841">
        <v>29</v>
      </c>
      <c r="AD27841">
        <v>30</v>
      </c>
      <c r="AE27841">
        <v>30</v>
      </c>
      <c r="AF27841">
        <v>30</v>
      </c>
      <c r="AG27841">
        <v>31</v>
      </c>
      <c r="AH27841">
        <v>31</v>
      </c>
      <c r="AI27841">
        <v>32</v>
      </c>
      <c r="AJ27841">
        <v>32</v>
      </c>
      <c r="AK27841">
        <v>33</v>
      </c>
      <c r="AL27841">
        <v>33</v>
      </c>
      <c r="AM27841">
        <v>33</v>
      </c>
      <c r="AN27841">
        <v>33</v>
      </c>
      <c r="AO27841">
        <v>34</v>
      </c>
      <c r="AP27841">
        <v>34</v>
      </c>
      <c r="AQ27841">
        <v>34</v>
      </c>
    </row>
    <row r="27842" spans="1:43">
      <c r="A27842" t="s">
        <v>17231</v>
      </c>
      <c r="B27842" t="s">
        <v>17232</v>
      </c>
      <c r="C27842" t="s">
        <v>17229</v>
      </c>
      <c r="D27842" t="s">
        <v>17230</v>
      </c>
      <c r="E27842" t="s">
        <v>17115</v>
      </c>
      <c r="F27842" t="s">
        <v>17116</v>
      </c>
      <c r="G27842" t="s">
        <v>16559</v>
      </c>
      <c r="H27842" t="s">
        <v>16560</v>
      </c>
      <c r="I27842" s="2">
        <v>1</v>
      </c>
      <c r="J27842" s="2">
        <v>0</v>
      </c>
      <c r="K27842" s="2">
        <v>0</v>
      </c>
      <c r="L27842" t="s">
        <v>120</v>
      </c>
      <c r="M27842" t="s">
        <v>83</v>
      </c>
      <c r="N27842" t="s">
        <v>84</v>
      </c>
      <c r="O27842" t="s">
        <v>85</v>
      </c>
      <c r="P27842" t="s">
        <v>86</v>
      </c>
      <c r="Q27842">
        <v>38</v>
      </c>
      <c r="R27842">
        <v>39</v>
      </c>
      <c r="S27842">
        <v>40</v>
      </c>
      <c r="T27842">
        <v>40</v>
      </c>
      <c r="U27842">
        <v>41</v>
      </c>
      <c r="V27842">
        <v>42</v>
      </c>
      <c r="W27842">
        <v>43</v>
      </c>
      <c r="X27842">
        <v>43</v>
      </c>
      <c r="Y27842">
        <v>44</v>
      </c>
      <c r="Z27842">
        <v>45</v>
      </c>
      <c r="AA27842">
        <v>46</v>
      </c>
      <c r="AB27842">
        <v>46</v>
      </c>
      <c r="AC27842">
        <v>47</v>
      </c>
      <c r="AD27842">
        <v>48</v>
      </c>
      <c r="AE27842">
        <v>48</v>
      </c>
      <c r="AF27842">
        <v>49</v>
      </c>
      <c r="AG27842">
        <v>50</v>
      </c>
      <c r="AH27842">
        <v>51</v>
      </c>
      <c r="AI27842">
        <v>52</v>
      </c>
      <c r="AJ27842">
        <v>52</v>
      </c>
      <c r="AK27842">
        <v>53</v>
      </c>
      <c r="AL27842">
        <v>53</v>
      </c>
      <c r="AM27842">
        <v>54</v>
      </c>
      <c r="AN27842">
        <v>54</v>
      </c>
      <c r="AO27842">
        <v>54</v>
      </c>
      <c r="AP27842">
        <v>55</v>
      </c>
      <c r="AQ27842">
        <v>55</v>
      </c>
    </row>
    <row r="27843" spans="1:43">
      <c r="A27843" t="s">
        <v>17231</v>
      </c>
      <c r="B27843" t="s">
        <v>17232</v>
      </c>
      <c r="C27843" t="s">
        <v>17229</v>
      </c>
      <c r="D27843" t="s">
        <v>17230</v>
      </c>
      <c r="E27843" t="s">
        <v>17115</v>
      </c>
      <c r="F27843" t="s">
        <v>17116</v>
      </c>
      <c r="G27843" t="s">
        <v>16559</v>
      </c>
      <c r="H27843" t="s">
        <v>16560</v>
      </c>
      <c r="I27843" s="2">
        <v>1</v>
      </c>
      <c r="J27843" s="2">
        <v>0</v>
      </c>
      <c r="K27843" s="2">
        <v>0</v>
      </c>
      <c r="L27843" t="s">
        <v>120</v>
      </c>
      <c r="M27843" t="s">
        <v>87</v>
      </c>
      <c r="N27843" t="s">
        <v>88</v>
      </c>
      <c r="O27843" t="s">
        <v>85</v>
      </c>
      <c r="P27843" t="s">
        <v>86</v>
      </c>
      <c r="Q27843">
        <v>38</v>
      </c>
      <c r="R27843">
        <v>38</v>
      </c>
      <c r="S27843">
        <v>39</v>
      </c>
      <c r="T27843">
        <v>39</v>
      </c>
      <c r="U27843">
        <v>39</v>
      </c>
      <c r="V27843">
        <v>40</v>
      </c>
      <c r="W27843">
        <v>40</v>
      </c>
      <c r="X27843">
        <v>40</v>
      </c>
      <c r="Y27843">
        <v>41</v>
      </c>
      <c r="Z27843">
        <v>41</v>
      </c>
      <c r="AA27843">
        <v>41</v>
      </c>
      <c r="AB27843">
        <v>42</v>
      </c>
      <c r="AC27843">
        <v>42</v>
      </c>
      <c r="AD27843">
        <v>43</v>
      </c>
      <c r="AE27843">
        <v>43</v>
      </c>
      <c r="AF27843">
        <v>43</v>
      </c>
      <c r="AG27843">
        <v>44</v>
      </c>
      <c r="AH27843">
        <v>44</v>
      </c>
      <c r="AI27843">
        <v>44</v>
      </c>
      <c r="AJ27843">
        <v>45</v>
      </c>
      <c r="AK27843">
        <v>45</v>
      </c>
      <c r="AL27843">
        <v>46</v>
      </c>
      <c r="AM27843">
        <v>46</v>
      </c>
      <c r="AN27843">
        <v>46</v>
      </c>
      <c r="AO27843">
        <v>47</v>
      </c>
      <c r="AP27843">
        <v>47</v>
      </c>
      <c r="AQ27843">
        <v>48</v>
      </c>
    </row>
    <row r="27844" spans="1:43">
      <c r="A27844" t="s">
        <v>17231</v>
      </c>
      <c r="B27844" t="s">
        <v>17232</v>
      </c>
      <c r="C27844" t="s">
        <v>17229</v>
      </c>
      <c r="D27844" t="s">
        <v>17230</v>
      </c>
      <c r="E27844" t="s">
        <v>17115</v>
      </c>
      <c r="F27844" t="s">
        <v>17116</v>
      </c>
      <c r="G27844" t="s">
        <v>16559</v>
      </c>
      <c r="H27844" t="s">
        <v>16560</v>
      </c>
      <c r="I27844" s="2">
        <v>1</v>
      </c>
      <c r="J27844" s="2">
        <v>0</v>
      </c>
      <c r="K27844" s="2">
        <v>0</v>
      </c>
      <c r="L27844" t="s">
        <v>120</v>
      </c>
      <c r="M27844" t="s">
        <v>89</v>
      </c>
      <c r="N27844" t="s">
        <v>90</v>
      </c>
      <c r="O27844" t="s">
        <v>85</v>
      </c>
      <c r="P27844" t="s">
        <v>86</v>
      </c>
      <c r="Q27844">
        <v>38</v>
      </c>
      <c r="R27844">
        <v>39</v>
      </c>
      <c r="S27844">
        <v>40</v>
      </c>
      <c r="T27844">
        <v>41</v>
      </c>
      <c r="U27844">
        <v>42</v>
      </c>
      <c r="V27844">
        <v>43</v>
      </c>
      <c r="W27844">
        <v>44</v>
      </c>
      <c r="X27844">
        <v>45</v>
      </c>
      <c r="Y27844">
        <v>46</v>
      </c>
      <c r="Z27844">
        <v>47</v>
      </c>
      <c r="AA27844">
        <v>47</v>
      </c>
      <c r="AB27844">
        <v>48</v>
      </c>
      <c r="AC27844">
        <v>49</v>
      </c>
      <c r="AD27844">
        <v>50</v>
      </c>
      <c r="AE27844">
        <v>51</v>
      </c>
      <c r="AF27844">
        <v>51</v>
      </c>
      <c r="AG27844">
        <v>52</v>
      </c>
      <c r="AH27844">
        <v>52</v>
      </c>
      <c r="AI27844">
        <v>52</v>
      </c>
      <c r="AJ27844">
        <v>52</v>
      </c>
      <c r="AK27844">
        <v>53</v>
      </c>
      <c r="AL27844">
        <v>53</v>
      </c>
      <c r="AM27844">
        <v>53</v>
      </c>
      <c r="AN27844">
        <v>54</v>
      </c>
      <c r="AO27844">
        <v>54</v>
      </c>
      <c r="AP27844">
        <v>54</v>
      </c>
      <c r="AQ27844">
        <v>54</v>
      </c>
    </row>
    <row r="27845" spans="1:43">
      <c r="A27845" t="s">
        <v>17231</v>
      </c>
      <c r="B27845" t="s">
        <v>17232</v>
      </c>
      <c r="C27845" t="s">
        <v>17229</v>
      </c>
      <c r="D27845" t="s">
        <v>17230</v>
      </c>
      <c r="E27845" t="s">
        <v>17115</v>
      </c>
      <c r="F27845" t="s">
        <v>17116</v>
      </c>
      <c r="G27845" t="s">
        <v>16559</v>
      </c>
      <c r="H27845" t="s">
        <v>16560</v>
      </c>
      <c r="I27845" s="2">
        <v>1</v>
      </c>
      <c r="J27845" s="2">
        <v>0</v>
      </c>
      <c r="K27845" s="2">
        <v>0</v>
      </c>
      <c r="L27845" t="s">
        <v>120</v>
      </c>
      <c r="M27845" t="s">
        <v>83</v>
      </c>
      <c r="N27845" t="s">
        <v>91</v>
      </c>
      <c r="O27845" t="s">
        <v>85</v>
      </c>
      <c r="P27845" t="s">
        <v>86</v>
      </c>
      <c r="Q27845">
        <v>38</v>
      </c>
      <c r="R27845">
        <v>39</v>
      </c>
      <c r="S27845">
        <v>40</v>
      </c>
      <c r="T27845">
        <v>40</v>
      </c>
      <c r="U27845">
        <v>41</v>
      </c>
      <c r="V27845">
        <v>42</v>
      </c>
      <c r="W27845">
        <v>43</v>
      </c>
      <c r="X27845">
        <v>43</v>
      </c>
      <c r="Y27845">
        <v>44</v>
      </c>
      <c r="Z27845">
        <v>45</v>
      </c>
      <c r="AA27845">
        <v>46</v>
      </c>
      <c r="AB27845">
        <v>46</v>
      </c>
      <c r="AC27845">
        <v>47</v>
      </c>
      <c r="AD27845">
        <v>48</v>
      </c>
      <c r="AE27845">
        <v>48</v>
      </c>
      <c r="AF27845">
        <v>49</v>
      </c>
      <c r="AG27845">
        <v>50</v>
      </c>
      <c r="AH27845">
        <v>51</v>
      </c>
      <c r="AI27845">
        <v>52</v>
      </c>
      <c r="AJ27845">
        <v>52</v>
      </c>
      <c r="AK27845">
        <v>53</v>
      </c>
      <c r="AL27845">
        <v>53</v>
      </c>
      <c r="AM27845">
        <v>54</v>
      </c>
      <c r="AN27845">
        <v>54</v>
      </c>
      <c r="AO27845">
        <v>54</v>
      </c>
      <c r="AP27845">
        <v>55</v>
      </c>
      <c r="AQ27845">
        <v>55</v>
      </c>
    </row>
    <row r="27846" spans="1:43">
      <c r="A27846" t="s">
        <v>17233</v>
      </c>
      <c r="B27846" t="s">
        <v>17234</v>
      </c>
      <c r="C27846" t="s">
        <v>17229</v>
      </c>
      <c r="D27846" t="s">
        <v>17230</v>
      </c>
      <c r="E27846" t="s">
        <v>17115</v>
      </c>
      <c r="F27846" t="s">
        <v>17116</v>
      </c>
      <c r="G27846" t="s">
        <v>16559</v>
      </c>
      <c r="H27846" t="s">
        <v>16560</v>
      </c>
      <c r="I27846" s="2">
        <v>1</v>
      </c>
      <c r="J27846" s="2">
        <v>0</v>
      </c>
      <c r="K27846" s="2">
        <v>0</v>
      </c>
      <c r="L27846" t="s">
        <v>120</v>
      </c>
      <c r="M27846" t="s">
        <v>83</v>
      </c>
      <c r="N27846" t="s">
        <v>84</v>
      </c>
      <c r="O27846" t="s">
        <v>85</v>
      </c>
      <c r="P27846" t="s">
        <v>86</v>
      </c>
      <c r="Q27846">
        <v>47</v>
      </c>
      <c r="R27846">
        <v>48</v>
      </c>
      <c r="S27846">
        <v>49</v>
      </c>
      <c r="T27846">
        <v>49</v>
      </c>
      <c r="U27846">
        <v>50</v>
      </c>
      <c r="V27846">
        <v>51</v>
      </c>
      <c r="W27846">
        <v>52</v>
      </c>
      <c r="X27846">
        <v>53</v>
      </c>
      <c r="Y27846">
        <v>54</v>
      </c>
      <c r="Z27846">
        <v>55</v>
      </c>
      <c r="AA27846">
        <v>56</v>
      </c>
      <c r="AB27846">
        <v>56</v>
      </c>
      <c r="AC27846">
        <v>57</v>
      </c>
      <c r="AD27846">
        <v>58</v>
      </c>
      <c r="AE27846">
        <v>59</v>
      </c>
      <c r="AF27846">
        <v>60</v>
      </c>
      <c r="AG27846">
        <v>61</v>
      </c>
      <c r="AH27846">
        <v>62</v>
      </c>
      <c r="AI27846">
        <v>63</v>
      </c>
      <c r="AJ27846">
        <v>64</v>
      </c>
      <c r="AK27846">
        <v>65</v>
      </c>
      <c r="AL27846">
        <v>65</v>
      </c>
      <c r="AM27846">
        <v>66</v>
      </c>
      <c r="AN27846">
        <v>66</v>
      </c>
      <c r="AO27846">
        <v>66</v>
      </c>
      <c r="AP27846">
        <v>66</v>
      </c>
      <c r="AQ27846">
        <v>67</v>
      </c>
    </row>
    <row r="27847" spans="1:43">
      <c r="A27847" t="s">
        <v>17233</v>
      </c>
      <c r="B27847" t="s">
        <v>17234</v>
      </c>
      <c r="C27847" t="s">
        <v>17229</v>
      </c>
      <c r="D27847" t="s">
        <v>17230</v>
      </c>
      <c r="E27847" t="s">
        <v>17115</v>
      </c>
      <c r="F27847" t="s">
        <v>17116</v>
      </c>
      <c r="G27847" t="s">
        <v>16559</v>
      </c>
      <c r="H27847" t="s">
        <v>16560</v>
      </c>
      <c r="I27847" s="2">
        <v>1</v>
      </c>
      <c r="J27847" s="2">
        <v>0</v>
      </c>
      <c r="K27847" s="2">
        <v>0</v>
      </c>
      <c r="L27847" t="s">
        <v>120</v>
      </c>
      <c r="M27847" t="s">
        <v>87</v>
      </c>
      <c r="N27847" t="s">
        <v>88</v>
      </c>
      <c r="O27847" t="s">
        <v>85</v>
      </c>
      <c r="P27847" t="s">
        <v>86</v>
      </c>
      <c r="Q27847">
        <v>47</v>
      </c>
      <c r="R27847">
        <v>48</v>
      </c>
      <c r="S27847">
        <v>48</v>
      </c>
      <c r="T27847">
        <v>49</v>
      </c>
      <c r="U27847">
        <v>49</v>
      </c>
      <c r="V27847">
        <v>50</v>
      </c>
      <c r="W27847">
        <v>50</v>
      </c>
      <c r="X27847">
        <v>50</v>
      </c>
      <c r="Y27847">
        <v>51</v>
      </c>
      <c r="Z27847">
        <v>51</v>
      </c>
      <c r="AA27847">
        <v>52</v>
      </c>
      <c r="AB27847">
        <v>52</v>
      </c>
      <c r="AC27847">
        <v>53</v>
      </c>
      <c r="AD27847">
        <v>53</v>
      </c>
      <c r="AE27847">
        <v>54</v>
      </c>
      <c r="AF27847">
        <v>54</v>
      </c>
      <c r="AG27847">
        <v>54</v>
      </c>
      <c r="AH27847">
        <v>55</v>
      </c>
      <c r="AI27847">
        <v>55</v>
      </c>
      <c r="AJ27847">
        <v>56</v>
      </c>
      <c r="AK27847">
        <v>56</v>
      </c>
      <c r="AL27847">
        <v>57</v>
      </c>
      <c r="AM27847">
        <v>57</v>
      </c>
      <c r="AN27847">
        <v>58</v>
      </c>
      <c r="AO27847">
        <v>58</v>
      </c>
      <c r="AP27847">
        <v>59</v>
      </c>
      <c r="AQ27847">
        <v>59</v>
      </c>
    </row>
    <row r="27848" spans="1:43">
      <c r="A27848" t="s">
        <v>17233</v>
      </c>
      <c r="B27848" t="s">
        <v>17234</v>
      </c>
      <c r="C27848" t="s">
        <v>17229</v>
      </c>
      <c r="D27848" t="s">
        <v>17230</v>
      </c>
      <c r="E27848" t="s">
        <v>17115</v>
      </c>
      <c r="F27848" t="s">
        <v>17116</v>
      </c>
      <c r="G27848" t="s">
        <v>16559</v>
      </c>
      <c r="H27848" t="s">
        <v>16560</v>
      </c>
      <c r="I27848" s="2">
        <v>1</v>
      </c>
      <c r="J27848" s="2">
        <v>0</v>
      </c>
      <c r="K27848" s="2">
        <v>0</v>
      </c>
      <c r="L27848" t="s">
        <v>120</v>
      </c>
      <c r="M27848" t="s">
        <v>89</v>
      </c>
      <c r="N27848" t="s">
        <v>90</v>
      </c>
      <c r="O27848" t="s">
        <v>85</v>
      </c>
      <c r="P27848" t="s">
        <v>86</v>
      </c>
      <c r="Q27848">
        <v>47</v>
      </c>
      <c r="R27848">
        <v>48</v>
      </c>
      <c r="S27848">
        <v>50</v>
      </c>
      <c r="T27848">
        <v>51</v>
      </c>
      <c r="U27848">
        <v>52</v>
      </c>
      <c r="V27848">
        <v>53</v>
      </c>
      <c r="W27848">
        <v>55</v>
      </c>
      <c r="X27848">
        <v>56</v>
      </c>
      <c r="Y27848">
        <v>57</v>
      </c>
      <c r="Z27848">
        <v>58</v>
      </c>
      <c r="AA27848">
        <v>59</v>
      </c>
      <c r="AB27848">
        <v>60</v>
      </c>
      <c r="AC27848">
        <v>61</v>
      </c>
      <c r="AD27848">
        <v>63</v>
      </c>
      <c r="AE27848">
        <v>63</v>
      </c>
      <c r="AF27848">
        <v>64</v>
      </c>
      <c r="AG27848">
        <v>64</v>
      </c>
      <c r="AH27848">
        <v>64</v>
      </c>
      <c r="AI27848">
        <v>65</v>
      </c>
      <c r="AJ27848">
        <v>65</v>
      </c>
      <c r="AK27848">
        <v>65</v>
      </c>
      <c r="AL27848">
        <v>66</v>
      </c>
      <c r="AM27848">
        <v>66</v>
      </c>
      <c r="AN27848">
        <v>66</v>
      </c>
      <c r="AO27848">
        <v>67</v>
      </c>
      <c r="AP27848">
        <v>67</v>
      </c>
      <c r="AQ27848">
        <v>67</v>
      </c>
    </row>
    <row r="27849" spans="1:43">
      <c r="A27849" t="s">
        <v>17233</v>
      </c>
      <c r="B27849" t="s">
        <v>17234</v>
      </c>
      <c r="C27849" t="s">
        <v>17229</v>
      </c>
      <c r="D27849" t="s">
        <v>17230</v>
      </c>
      <c r="E27849" t="s">
        <v>17115</v>
      </c>
      <c r="F27849" t="s">
        <v>17116</v>
      </c>
      <c r="G27849" t="s">
        <v>16559</v>
      </c>
      <c r="H27849" t="s">
        <v>16560</v>
      </c>
      <c r="I27849" s="2">
        <v>1</v>
      </c>
      <c r="J27849" s="2">
        <v>0</v>
      </c>
      <c r="K27849" s="2">
        <v>0</v>
      </c>
      <c r="L27849" t="s">
        <v>120</v>
      </c>
      <c r="M27849" t="s">
        <v>83</v>
      </c>
      <c r="N27849" t="s">
        <v>91</v>
      </c>
      <c r="O27849" t="s">
        <v>85</v>
      </c>
      <c r="P27849" t="s">
        <v>86</v>
      </c>
      <c r="Q27849">
        <v>47</v>
      </c>
      <c r="R27849">
        <v>48</v>
      </c>
      <c r="S27849">
        <v>49</v>
      </c>
      <c r="T27849">
        <v>49</v>
      </c>
      <c r="U27849">
        <v>50</v>
      </c>
      <c r="V27849">
        <v>51</v>
      </c>
      <c r="W27849">
        <v>52</v>
      </c>
      <c r="X27849">
        <v>53</v>
      </c>
      <c r="Y27849">
        <v>54</v>
      </c>
      <c r="Z27849">
        <v>55</v>
      </c>
      <c r="AA27849">
        <v>56</v>
      </c>
      <c r="AB27849">
        <v>56</v>
      </c>
      <c r="AC27849">
        <v>57</v>
      </c>
      <c r="AD27849">
        <v>58</v>
      </c>
      <c r="AE27849">
        <v>59</v>
      </c>
      <c r="AF27849">
        <v>60</v>
      </c>
      <c r="AG27849">
        <v>61</v>
      </c>
      <c r="AH27849">
        <v>62</v>
      </c>
      <c r="AI27849">
        <v>63</v>
      </c>
      <c r="AJ27849">
        <v>64</v>
      </c>
      <c r="AK27849">
        <v>65</v>
      </c>
      <c r="AL27849">
        <v>65</v>
      </c>
      <c r="AM27849">
        <v>66</v>
      </c>
      <c r="AN27849">
        <v>66</v>
      </c>
      <c r="AO27849">
        <v>66</v>
      </c>
      <c r="AP27849">
        <v>66</v>
      </c>
      <c r="AQ27849">
        <v>67</v>
      </c>
    </row>
    <row r="27850" spans="1:43">
      <c r="A27850" t="s">
        <v>17235</v>
      </c>
      <c r="B27850" t="s">
        <v>17236</v>
      </c>
      <c r="C27850" t="s">
        <v>17229</v>
      </c>
      <c r="D27850" t="s">
        <v>17230</v>
      </c>
      <c r="E27850" t="s">
        <v>17115</v>
      </c>
      <c r="F27850" t="s">
        <v>17116</v>
      </c>
      <c r="G27850" t="s">
        <v>16559</v>
      </c>
      <c r="H27850" t="s">
        <v>16560</v>
      </c>
      <c r="I27850" s="2">
        <v>1</v>
      </c>
      <c r="J27850" s="2">
        <v>0</v>
      </c>
      <c r="K27850" s="2">
        <v>0</v>
      </c>
      <c r="L27850" t="s">
        <v>120</v>
      </c>
      <c r="M27850" t="s">
        <v>83</v>
      </c>
      <c r="N27850" t="s">
        <v>84</v>
      </c>
      <c r="O27850" t="s">
        <v>85</v>
      </c>
      <c r="P27850" t="s">
        <v>86</v>
      </c>
      <c r="Q27850">
        <v>13</v>
      </c>
      <c r="R27850">
        <v>14</v>
      </c>
      <c r="S27850">
        <v>14</v>
      </c>
      <c r="T27850">
        <v>14</v>
      </c>
      <c r="U27850">
        <v>14</v>
      </c>
      <c r="V27850">
        <v>15</v>
      </c>
      <c r="W27850">
        <v>15</v>
      </c>
      <c r="X27850">
        <v>15</v>
      </c>
      <c r="Y27850">
        <v>15</v>
      </c>
      <c r="Z27850">
        <v>16</v>
      </c>
      <c r="AA27850">
        <v>16</v>
      </c>
      <c r="AB27850">
        <v>16</v>
      </c>
      <c r="AC27850">
        <v>16</v>
      </c>
      <c r="AD27850">
        <v>17</v>
      </c>
      <c r="AE27850">
        <v>17</v>
      </c>
      <c r="AF27850">
        <v>17</v>
      </c>
      <c r="AG27850">
        <v>18</v>
      </c>
      <c r="AH27850">
        <v>18</v>
      </c>
      <c r="AI27850">
        <v>18</v>
      </c>
      <c r="AJ27850">
        <v>18</v>
      </c>
      <c r="AK27850">
        <v>19</v>
      </c>
      <c r="AL27850">
        <v>19</v>
      </c>
      <c r="AM27850">
        <v>19</v>
      </c>
      <c r="AN27850">
        <v>19</v>
      </c>
      <c r="AO27850">
        <v>19</v>
      </c>
      <c r="AP27850">
        <v>19</v>
      </c>
      <c r="AQ27850">
        <v>19</v>
      </c>
    </row>
    <row r="27851" spans="1:43">
      <c r="A27851" t="s">
        <v>17235</v>
      </c>
      <c r="B27851" t="s">
        <v>17236</v>
      </c>
      <c r="C27851" t="s">
        <v>17229</v>
      </c>
      <c r="D27851" t="s">
        <v>17230</v>
      </c>
      <c r="E27851" t="s">
        <v>17115</v>
      </c>
      <c r="F27851" t="s">
        <v>17116</v>
      </c>
      <c r="G27851" t="s">
        <v>16559</v>
      </c>
      <c r="H27851" t="s">
        <v>16560</v>
      </c>
      <c r="I27851" s="2">
        <v>1</v>
      </c>
      <c r="J27851" s="2">
        <v>0</v>
      </c>
      <c r="K27851" s="2">
        <v>0</v>
      </c>
      <c r="L27851" t="s">
        <v>120</v>
      </c>
      <c r="M27851" t="s">
        <v>87</v>
      </c>
      <c r="N27851" t="s">
        <v>88</v>
      </c>
      <c r="O27851" t="s">
        <v>85</v>
      </c>
      <c r="P27851" t="s">
        <v>86</v>
      </c>
      <c r="Q27851">
        <v>13</v>
      </c>
      <c r="R27851">
        <v>13</v>
      </c>
      <c r="S27851">
        <v>14</v>
      </c>
      <c r="T27851">
        <v>14</v>
      </c>
      <c r="U27851">
        <v>14</v>
      </c>
      <c r="V27851">
        <v>14</v>
      </c>
      <c r="W27851">
        <v>14</v>
      </c>
      <c r="X27851">
        <v>14</v>
      </c>
      <c r="Y27851">
        <v>14</v>
      </c>
      <c r="Z27851">
        <v>14</v>
      </c>
      <c r="AA27851">
        <v>15</v>
      </c>
      <c r="AB27851">
        <v>15</v>
      </c>
      <c r="AC27851">
        <v>15</v>
      </c>
      <c r="AD27851">
        <v>15</v>
      </c>
      <c r="AE27851">
        <v>15</v>
      </c>
      <c r="AF27851">
        <v>15</v>
      </c>
      <c r="AG27851">
        <v>15</v>
      </c>
      <c r="AH27851">
        <v>15</v>
      </c>
      <c r="AI27851">
        <v>16</v>
      </c>
      <c r="AJ27851">
        <v>16</v>
      </c>
      <c r="AK27851">
        <v>16</v>
      </c>
      <c r="AL27851">
        <v>16</v>
      </c>
      <c r="AM27851">
        <v>16</v>
      </c>
      <c r="AN27851">
        <v>16</v>
      </c>
      <c r="AO27851">
        <v>16</v>
      </c>
      <c r="AP27851">
        <v>17</v>
      </c>
      <c r="AQ27851">
        <v>17</v>
      </c>
    </row>
    <row r="27852" spans="1:43">
      <c r="A27852" t="s">
        <v>17235</v>
      </c>
      <c r="B27852" t="s">
        <v>17236</v>
      </c>
      <c r="C27852" t="s">
        <v>17229</v>
      </c>
      <c r="D27852" t="s">
        <v>17230</v>
      </c>
      <c r="E27852" t="s">
        <v>17115</v>
      </c>
      <c r="F27852" t="s">
        <v>17116</v>
      </c>
      <c r="G27852" t="s">
        <v>16559</v>
      </c>
      <c r="H27852" t="s">
        <v>16560</v>
      </c>
      <c r="I27852" s="2">
        <v>1</v>
      </c>
      <c r="J27852" s="2">
        <v>0</v>
      </c>
      <c r="K27852" s="2">
        <v>0</v>
      </c>
      <c r="L27852" t="s">
        <v>120</v>
      </c>
      <c r="M27852" t="s">
        <v>89</v>
      </c>
      <c r="N27852" t="s">
        <v>90</v>
      </c>
      <c r="O27852" t="s">
        <v>85</v>
      </c>
      <c r="P27852" t="s">
        <v>86</v>
      </c>
      <c r="Q27852">
        <v>13</v>
      </c>
      <c r="R27852">
        <v>13</v>
      </c>
      <c r="S27852">
        <v>13</v>
      </c>
      <c r="T27852">
        <v>14</v>
      </c>
      <c r="U27852">
        <v>14</v>
      </c>
      <c r="V27852">
        <v>14</v>
      </c>
      <c r="W27852">
        <v>15</v>
      </c>
      <c r="X27852">
        <v>15</v>
      </c>
      <c r="Y27852">
        <v>15</v>
      </c>
      <c r="Z27852">
        <v>16</v>
      </c>
      <c r="AA27852">
        <v>16</v>
      </c>
      <c r="AB27852">
        <v>16</v>
      </c>
      <c r="AC27852">
        <v>17</v>
      </c>
      <c r="AD27852">
        <v>17</v>
      </c>
      <c r="AE27852">
        <v>17</v>
      </c>
      <c r="AF27852">
        <v>17</v>
      </c>
      <c r="AG27852">
        <v>17</v>
      </c>
      <c r="AH27852">
        <v>18</v>
      </c>
      <c r="AI27852">
        <v>18</v>
      </c>
      <c r="AJ27852">
        <v>18</v>
      </c>
      <c r="AK27852">
        <v>18</v>
      </c>
      <c r="AL27852">
        <v>18</v>
      </c>
      <c r="AM27852">
        <v>18</v>
      </c>
      <c r="AN27852">
        <v>18</v>
      </c>
      <c r="AO27852">
        <v>18</v>
      </c>
      <c r="AP27852">
        <v>18</v>
      </c>
      <c r="AQ27852">
        <v>18</v>
      </c>
    </row>
    <row r="27853" spans="1:43">
      <c r="A27853" t="s">
        <v>17235</v>
      </c>
      <c r="B27853" t="s">
        <v>17236</v>
      </c>
      <c r="C27853" t="s">
        <v>17229</v>
      </c>
      <c r="D27853" t="s">
        <v>17230</v>
      </c>
      <c r="E27853" t="s">
        <v>17115</v>
      </c>
      <c r="F27853" t="s">
        <v>17116</v>
      </c>
      <c r="G27853" t="s">
        <v>16559</v>
      </c>
      <c r="H27853" t="s">
        <v>16560</v>
      </c>
      <c r="I27853" s="2">
        <v>1</v>
      </c>
      <c r="J27853" s="2">
        <v>0</v>
      </c>
      <c r="K27853" s="2">
        <v>0</v>
      </c>
      <c r="L27853" t="s">
        <v>120</v>
      </c>
      <c r="M27853" t="s">
        <v>83</v>
      </c>
      <c r="N27853" t="s">
        <v>91</v>
      </c>
      <c r="O27853" t="s">
        <v>85</v>
      </c>
      <c r="P27853" t="s">
        <v>86</v>
      </c>
      <c r="Q27853">
        <v>13</v>
      </c>
      <c r="R27853">
        <v>14</v>
      </c>
      <c r="S27853">
        <v>14</v>
      </c>
      <c r="T27853">
        <v>14</v>
      </c>
      <c r="U27853">
        <v>14</v>
      </c>
      <c r="V27853">
        <v>15</v>
      </c>
      <c r="W27853">
        <v>15</v>
      </c>
      <c r="X27853">
        <v>15</v>
      </c>
      <c r="Y27853">
        <v>15</v>
      </c>
      <c r="Z27853">
        <v>16</v>
      </c>
      <c r="AA27853">
        <v>16</v>
      </c>
      <c r="AB27853">
        <v>16</v>
      </c>
      <c r="AC27853">
        <v>16</v>
      </c>
      <c r="AD27853">
        <v>17</v>
      </c>
      <c r="AE27853">
        <v>17</v>
      </c>
      <c r="AF27853">
        <v>17</v>
      </c>
      <c r="AG27853">
        <v>18</v>
      </c>
      <c r="AH27853">
        <v>18</v>
      </c>
      <c r="AI27853">
        <v>18</v>
      </c>
      <c r="AJ27853">
        <v>18</v>
      </c>
      <c r="AK27853">
        <v>19</v>
      </c>
      <c r="AL27853">
        <v>19</v>
      </c>
      <c r="AM27853">
        <v>19</v>
      </c>
      <c r="AN27853">
        <v>19</v>
      </c>
      <c r="AO27853">
        <v>19</v>
      </c>
      <c r="AP27853">
        <v>19</v>
      </c>
      <c r="AQ27853">
        <v>19</v>
      </c>
    </row>
    <row r="27854" spans="1:43">
      <c r="A27854" t="s">
        <v>17237</v>
      </c>
      <c r="B27854" t="s">
        <v>17238</v>
      </c>
      <c r="C27854" t="s">
        <v>17229</v>
      </c>
      <c r="D27854" t="s">
        <v>17230</v>
      </c>
      <c r="E27854" t="s">
        <v>17115</v>
      </c>
      <c r="F27854" t="s">
        <v>17116</v>
      </c>
      <c r="G27854" t="s">
        <v>16559</v>
      </c>
      <c r="H27854" t="s">
        <v>16560</v>
      </c>
      <c r="I27854" s="2">
        <v>1</v>
      </c>
      <c r="J27854" s="2">
        <v>0</v>
      </c>
      <c r="K27854" s="2">
        <v>0</v>
      </c>
      <c r="L27854" t="s">
        <v>120</v>
      </c>
      <c r="M27854" t="s">
        <v>83</v>
      </c>
      <c r="N27854" t="s">
        <v>84</v>
      </c>
      <c r="O27854" t="s">
        <v>85</v>
      </c>
      <c r="P27854" t="s">
        <v>86</v>
      </c>
      <c r="Q27854">
        <v>15</v>
      </c>
      <c r="R27854">
        <v>16</v>
      </c>
      <c r="S27854">
        <v>16</v>
      </c>
      <c r="T27854">
        <v>16</v>
      </c>
      <c r="U27854">
        <v>16</v>
      </c>
      <c r="V27854">
        <v>17</v>
      </c>
      <c r="W27854">
        <v>17</v>
      </c>
      <c r="X27854">
        <v>17</v>
      </c>
      <c r="Y27854">
        <v>18</v>
      </c>
      <c r="Z27854">
        <v>18</v>
      </c>
      <c r="AA27854">
        <v>18</v>
      </c>
      <c r="AB27854">
        <v>18</v>
      </c>
      <c r="AC27854">
        <v>19</v>
      </c>
      <c r="AD27854">
        <v>19</v>
      </c>
      <c r="AE27854">
        <v>19</v>
      </c>
      <c r="AF27854">
        <v>20</v>
      </c>
      <c r="AG27854">
        <v>20</v>
      </c>
      <c r="AH27854">
        <v>20</v>
      </c>
      <c r="AI27854">
        <v>21</v>
      </c>
      <c r="AJ27854">
        <v>21</v>
      </c>
      <c r="AK27854">
        <v>21</v>
      </c>
      <c r="AL27854">
        <v>21</v>
      </c>
      <c r="AM27854">
        <v>21</v>
      </c>
      <c r="AN27854">
        <v>22</v>
      </c>
      <c r="AO27854">
        <v>22</v>
      </c>
      <c r="AP27854">
        <v>22</v>
      </c>
      <c r="AQ27854">
        <v>22</v>
      </c>
    </row>
    <row r="27855" spans="1:43">
      <c r="A27855" t="s">
        <v>17237</v>
      </c>
      <c r="B27855" t="s">
        <v>17238</v>
      </c>
      <c r="C27855" t="s">
        <v>17229</v>
      </c>
      <c r="D27855" t="s">
        <v>17230</v>
      </c>
      <c r="E27855" t="s">
        <v>17115</v>
      </c>
      <c r="F27855" t="s">
        <v>17116</v>
      </c>
      <c r="G27855" t="s">
        <v>16559</v>
      </c>
      <c r="H27855" t="s">
        <v>16560</v>
      </c>
      <c r="I27855" s="2">
        <v>1</v>
      </c>
      <c r="J27855" s="2">
        <v>0</v>
      </c>
      <c r="K27855" s="2">
        <v>0</v>
      </c>
      <c r="L27855" t="s">
        <v>120</v>
      </c>
      <c r="M27855" t="s">
        <v>87</v>
      </c>
      <c r="N27855" t="s">
        <v>88</v>
      </c>
      <c r="O27855" t="s">
        <v>85</v>
      </c>
      <c r="P27855" t="s">
        <v>86</v>
      </c>
      <c r="Q27855">
        <v>15</v>
      </c>
      <c r="R27855">
        <v>15</v>
      </c>
      <c r="S27855">
        <v>15</v>
      </c>
      <c r="T27855">
        <v>16</v>
      </c>
      <c r="U27855">
        <v>16</v>
      </c>
      <c r="V27855">
        <v>16</v>
      </c>
      <c r="W27855">
        <v>16</v>
      </c>
      <c r="X27855">
        <v>16</v>
      </c>
      <c r="Y27855">
        <v>16</v>
      </c>
      <c r="Z27855">
        <v>16</v>
      </c>
      <c r="AA27855">
        <v>17</v>
      </c>
      <c r="AB27855">
        <v>17</v>
      </c>
      <c r="AC27855">
        <v>17</v>
      </c>
      <c r="AD27855">
        <v>17</v>
      </c>
      <c r="AE27855">
        <v>17</v>
      </c>
      <c r="AF27855">
        <v>17</v>
      </c>
      <c r="AG27855">
        <v>17</v>
      </c>
      <c r="AH27855">
        <v>18</v>
      </c>
      <c r="AI27855">
        <v>18</v>
      </c>
      <c r="AJ27855">
        <v>18</v>
      </c>
      <c r="AK27855">
        <v>18</v>
      </c>
      <c r="AL27855">
        <v>18</v>
      </c>
      <c r="AM27855">
        <v>18</v>
      </c>
      <c r="AN27855">
        <v>19</v>
      </c>
      <c r="AO27855">
        <v>19</v>
      </c>
      <c r="AP27855">
        <v>19</v>
      </c>
      <c r="AQ27855">
        <v>19</v>
      </c>
    </row>
    <row r="27856" spans="1:43">
      <c r="A27856" t="s">
        <v>17237</v>
      </c>
      <c r="B27856" t="s">
        <v>17238</v>
      </c>
      <c r="C27856" t="s">
        <v>17229</v>
      </c>
      <c r="D27856" t="s">
        <v>17230</v>
      </c>
      <c r="E27856" t="s">
        <v>17115</v>
      </c>
      <c r="F27856" t="s">
        <v>17116</v>
      </c>
      <c r="G27856" t="s">
        <v>16559</v>
      </c>
      <c r="H27856" t="s">
        <v>16560</v>
      </c>
      <c r="I27856" s="2">
        <v>1</v>
      </c>
      <c r="J27856" s="2">
        <v>0</v>
      </c>
      <c r="K27856" s="2">
        <v>0</v>
      </c>
      <c r="L27856" t="s">
        <v>120</v>
      </c>
      <c r="M27856" t="s">
        <v>89</v>
      </c>
      <c r="N27856" t="s">
        <v>90</v>
      </c>
      <c r="O27856" t="s">
        <v>85</v>
      </c>
      <c r="P27856" t="s">
        <v>86</v>
      </c>
      <c r="Q27856">
        <v>15</v>
      </c>
      <c r="R27856">
        <v>16</v>
      </c>
      <c r="S27856">
        <v>16</v>
      </c>
      <c r="T27856">
        <v>17</v>
      </c>
      <c r="U27856">
        <v>17</v>
      </c>
      <c r="V27856">
        <v>17</v>
      </c>
      <c r="W27856">
        <v>18</v>
      </c>
      <c r="X27856">
        <v>18</v>
      </c>
      <c r="Y27856">
        <v>19</v>
      </c>
      <c r="Z27856">
        <v>19</v>
      </c>
      <c r="AA27856">
        <v>19</v>
      </c>
      <c r="AB27856">
        <v>20</v>
      </c>
      <c r="AC27856">
        <v>20</v>
      </c>
      <c r="AD27856">
        <v>20</v>
      </c>
      <c r="AE27856">
        <v>21</v>
      </c>
      <c r="AF27856">
        <v>21</v>
      </c>
      <c r="AG27856">
        <v>21</v>
      </c>
      <c r="AH27856">
        <v>21</v>
      </c>
      <c r="AI27856">
        <v>21</v>
      </c>
      <c r="AJ27856">
        <v>21</v>
      </c>
      <c r="AK27856">
        <v>21</v>
      </c>
      <c r="AL27856">
        <v>22</v>
      </c>
      <c r="AM27856">
        <v>22</v>
      </c>
      <c r="AN27856">
        <v>22</v>
      </c>
      <c r="AO27856">
        <v>22</v>
      </c>
      <c r="AP27856">
        <v>22</v>
      </c>
      <c r="AQ27856">
        <v>22</v>
      </c>
    </row>
    <row r="27857" spans="1:43">
      <c r="A27857" t="s">
        <v>17237</v>
      </c>
      <c r="B27857" t="s">
        <v>17238</v>
      </c>
      <c r="C27857" t="s">
        <v>17229</v>
      </c>
      <c r="D27857" t="s">
        <v>17230</v>
      </c>
      <c r="E27857" t="s">
        <v>17115</v>
      </c>
      <c r="F27857" t="s">
        <v>17116</v>
      </c>
      <c r="G27857" t="s">
        <v>16559</v>
      </c>
      <c r="H27857" t="s">
        <v>16560</v>
      </c>
      <c r="I27857" s="2">
        <v>1</v>
      </c>
      <c r="J27857" s="2">
        <v>0</v>
      </c>
      <c r="K27857" s="2">
        <v>0</v>
      </c>
      <c r="L27857" t="s">
        <v>120</v>
      </c>
      <c r="M27857" t="s">
        <v>83</v>
      </c>
      <c r="N27857" t="s">
        <v>91</v>
      </c>
      <c r="O27857" t="s">
        <v>85</v>
      </c>
      <c r="P27857" t="s">
        <v>86</v>
      </c>
      <c r="Q27857">
        <v>15</v>
      </c>
      <c r="R27857">
        <v>16</v>
      </c>
      <c r="S27857">
        <v>16</v>
      </c>
      <c r="T27857">
        <v>16</v>
      </c>
      <c r="U27857">
        <v>16</v>
      </c>
      <c r="V27857">
        <v>17</v>
      </c>
      <c r="W27857">
        <v>17</v>
      </c>
      <c r="X27857">
        <v>17</v>
      </c>
      <c r="Y27857">
        <v>18</v>
      </c>
      <c r="Z27857">
        <v>18</v>
      </c>
      <c r="AA27857">
        <v>18</v>
      </c>
      <c r="AB27857">
        <v>18</v>
      </c>
      <c r="AC27857">
        <v>19</v>
      </c>
      <c r="AD27857">
        <v>19</v>
      </c>
      <c r="AE27857">
        <v>19</v>
      </c>
      <c r="AF27857">
        <v>20</v>
      </c>
      <c r="AG27857">
        <v>20</v>
      </c>
      <c r="AH27857">
        <v>20</v>
      </c>
      <c r="AI27857">
        <v>21</v>
      </c>
      <c r="AJ27857">
        <v>21</v>
      </c>
      <c r="AK27857">
        <v>21</v>
      </c>
      <c r="AL27857">
        <v>21</v>
      </c>
      <c r="AM27857">
        <v>21</v>
      </c>
      <c r="AN27857">
        <v>22</v>
      </c>
      <c r="AO27857">
        <v>22</v>
      </c>
      <c r="AP27857">
        <v>22</v>
      </c>
      <c r="AQ27857">
        <v>22</v>
      </c>
    </row>
    <row r="27858" spans="1:43">
      <c r="A27858" t="s">
        <v>17239</v>
      </c>
      <c r="B27858" t="s">
        <v>17240</v>
      </c>
      <c r="C27858" t="s">
        <v>17241</v>
      </c>
      <c r="D27858" t="s">
        <v>17242</v>
      </c>
      <c r="E27858" t="s">
        <v>17115</v>
      </c>
      <c r="F27858" t="s">
        <v>17116</v>
      </c>
      <c r="G27858" t="s">
        <v>16559</v>
      </c>
      <c r="H27858" t="s">
        <v>16560</v>
      </c>
      <c r="I27858" s="2">
        <v>1</v>
      </c>
      <c r="J27858" s="2">
        <v>0</v>
      </c>
      <c r="K27858" s="2">
        <v>0</v>
      </c>
      <c r="L27858" t="s">
        <v>120</v>
      </c>
      <c r="M27858" t="s">
        <v>83</v>
      </c>
      <c r="N27858" t="s">
        <v>84</v>
      </c>
      <c r="O27858" t="s">
        <v>85</v>
      </c>
      <c r="P27858" t="s">
        <v>86</v>
      </c>
      <c r="Q27858">
        <v>22</v>
      </c>
      <c r="R27858">
        <v>22</v>
      </c>
      <c r="S27858">
        <v>23</v>
      </c>
      <c r="T27858">
        <v>23</v>
      </c>
      <c r="U27858">
        <v>23</v>
      </c>
      <c r="V27858">
        <v>24</v>
      </c>
      <c r="W27858">
        <v>24</v>
      </c>
      <c r="X27858">
        <v>25</v>
      </c>
      <c r="Y27858">
        <v>25</v>
      </c>
      <c r="Z27858">
        <v>25</v>
      </c>
      <c r="AA27858">
        <v>26</v>
      </c>
      <c r="AB27858">
        <v>26</v>
      </c>
      <c r="AC27858">
        <v>27</v>
      </c>
      <c r="AD27858">
        <v>27</v>
      </c>
      <c r="AE27858">
        <v>28</v>
      </c>
      <c r="AF27858">
        <v>28</v>
      </c>
      <c r="AG27858">
        <v>28</v>
      </c>
      <c r="AH27858">
        <v>29</v>
      </c>
      <c r="AI27858">
        <v>29</v>
      </c>
      <c r="AJ27858">
        <v>30</v>
      </c>
      <c r="AK27858">
        <v>30</v>
      </c>
      <c r="AL27858">
        <v>30</v>
      </c>
      <c r="AM27858">
        <v>30</v>
      </c>
      <c r="AN27858">
        <v>31</v>
      </c>
      <c r="AO27858">
        <v>31</v>
      </c>
      <c r="AP27858">
        <v>31</v>
      </c>
      <c r="AQ27858">
        <v>31</v>
      </c>
    </row>
    <row r="27859" spans="1:43">
      <c r="A27859" t="s">
        <v>17239</v>
      </c>
      <c r="B27859" t="s">
        <v>17240</v>
      </c>
      <c r="C27859" t="s">
        <v>17241</v>
      </c>
      <c r="D27859" t="s">
        <v>17242</v>
      </c>
      <c r="E27859" t="s">
        <v>17115</v>
      </c>
      <c r="F27859" t="s">
        <v>17116</v>
      </c>
      <c r="G27859" t="s">
        <v>16559</v>
      </c>
      <c r="H27859" t="s">
        <v>16560</v>
      </c>
      <c r="I27859" s="2">
        <v>1</v>
      </c>
      <c r="J27859" s="2">
        <v>0</v>
      </c>
      <c r="K27859" s="2">
        <v>0</v>
      </c>
      <c r="L27859" t="s">
        <v>120</v>
      </c>
      <c r="M27859" t="s">
        <v>87</v>
      </c>
      <c r="N27859" t="s">
        <v>88</v>
      </c>
      <c r="O27859" t="s">
        <v>85</v>
      </c>
      <c r="P27859" t="s">
        <v>86</v>
      </c>
      <c r="Q27859">
        <v>22</v>
      </c>
      <c r="R27859">
        <v>22</v>
      </c>
      <c r="S27859">
        <v>22</v>
      </c>
      <c r="T27859">
        <v>22</v>
      </c>
      <c r="U27859">
        <v>22</v>
      </c>
      <c r="V27859">
        <v>23</v>
      </c>
      <c r="W27859">
        <v>23</v>
      </c>
      <c r="X27859">
        <v>23</v>
      </c>
      <c r="Y27859">
        <v>23</v>
      </c>
      <c r="Z27859">
        <v>23</v>
      </c>
      <c r="AA27859">
        <v>24</v>
      </c>
      <c r="AB27859">
        <v>24</v>
      </c>
      <c r="AC27859">
        <v>24</v>
      </c>
      <c r="AD27859">
        <v>24</v>
      </c>
      <c r="AE27859">
        <v>24</v>
      </c>
      <c r="AF27859">
        <v>25</v>
      </c>
      <c r="AG27859">
        <v>25</v>
      </c>
      <c r="AH27859">
        <v>25</v>
      </c>
      <c r="AI27859">
        <v>25</v>
      </c>
      <c r="AJ27859">
        <v>25</v>
      </c>
      <c r="AK27859">
        <v>26</v>
      </c>
      <c r="AL27859">
        <v>26</v>
      </c>
      <c r="AM27859">
        <v>26</v>
      </c>
      <c r="AN27859">
        <v>26</v>
      </c>
      <c r="AO27859">
        <v>27</v>
      </c>
      <c r="AP27859">
        <v>27</v>
      </c>
      <c r="AQ27859">
        <v>27</v>
      </c>
    </row>
    <row r="27860" spans="1:43">
      <c r="A27860" t="s">
        <v>17239</v>
      </c>
      <c r="B27860" t="s">
        <v>17240</v>
      </c>
      <c r="C27860" t="s">
        <v>17241</v>
      </c>
      <c r="D27860" t="s">
        <v>17242</v>
      </c>
      <c r="E27860" t="s">
        <v>17115</v>
      </c>
      <c r="F27860" t="s">
        <v>17116</v>
      </c>
      <c r="G27860" t="s">
        <v>16559</v>
      </c>
      <c r="H27860" t="s">
        <v>16560</v>
      </c>
      <c r="I27860" s="2">
        <v>1</v>
      </c>
      <c r="J27860" s="2">
        <v>0</v>
      </c>
      <c r="K27860" s="2">
        <v>0</v>
      </c>
      <c r="L27860" t="s">
        <v>120</v>
      </c>
      <c r="M27860" t="s">
        <v>89</v>
      </c>
      <c r="N27860" t="s">
        <v>90</v>
      </c>
      <c r="O27860" t="s">
        <v>85</v>
      </c>
      <c r="P27860" t="s">
        <v>86</v>
      </c>
      <c r="Q27860">
        <v>22</v>
      </c>
      <c r="R27860">
        <v>23</v>
      </c>
      <c r="S27860">
        <v>23</v>
      </c>
      <c r="T27860">
        <v>24</v>
      </c>
      <c r="U27860">
        <v>24</v>
      </c>
      <c r="V27860">
        <v>25</v>
      </c>
      <c r="W27860">
        <v>25</v>
      </c>
      <c r="X27860">
        <v>26</v>
      </c>
      <c r="Y27860">
        <v>27</v>
      </c>
      <c r="Z27860">
        <v>27</v>
      </c>
      <c r="AA27860">
        <v>28</v>
      </c>
      <c r="AB27860">
        <v>28</v>
      </c>
      <c r="AC27860">
        <v>29</v>
      </c>
      <c r="AD27860">
        <v>29</v>
      </c>
      <c r="AE27860">
        <v>30</v>
      </c>
      <c r="AF27860">
        <v>30</v>
      </c>
      <c r="AG27860">
        <v>30</v>
      </c>
      <c r="AH27860">
        <v>30</v>
      </c>
      <c r="AI27860">
        <v>30</v>
      </c>
      <c r="AJ27860">
        <v>30</v>
      </c>
      <c r="AK27860">
        <v>30</v>
      </c>
      <c r="AL27860">
        <v>31</v>
      </c>
      <c r="AM27860">
        <v>31</v>
      </c>
      <c r="AN27860">
        <v>31</v>
      </c>
      <c r="AO27860">
        <v>31</v>
      </c>
      <c r="AP27860">
        <v>31</v>
      </c>
      <c r="AQ27860">
        <v>31</v>
      </c>
    </row>
    <row r="27861" spans="1:43">
      <c r="A27861" t="s">
        <v>17239</v>
      </c>
      <c r="B27861" t="s">
        <v>17240</v>
      </c>
      <c r="C27861" t="s">
        <v>17241</v>
      </c>
      <c r="D27861" t="s">
        <v>17242</v>
      </c>
      <c r="E27861" t="s">
        <v>17115</v>
      </c>
      <c r="F27861" t="s">
        <v>17116</v>
      </c>
      <c r="G27861" t="s">
        <v>16559</v>
      </c>
      <c r="H27861" t="s">
        <v>16560</v>
      </c>
      <c r="I27861" s="2">
        <v>1</v>
      </c>
      <c r="J27861" s="2">
        <v>0</v>
      </c>
      <c r="K27861" s="2">
        <v>0</v>
      </c>
      <c r="L27861" t="s">
        <v>120</v>
      </c>
      <c r="M27861" t="s">
        <v>83</v>
      </c>
      <c r="N27861" t="s">
        <v>91</v>
      </c>
      <c r="O27861" t="s">
        <v>85</v>
      </c>
      <c r="P27861" t="s">
        <v>86</v>
      </c>
      <c r="Q27861">
        <v>22</v>
      </c>
      <c r="R27861">
        <v>22</v>
      </c>
      <c r="S27861">
        <v>23</v>
      </c>
      <c r="T27861">
        <v>23</v>
      </c>
      <c r="U27861">
        <v>23</v>
      </c>
      <c r="V27861">
        <v>24</v>
      </c>
      <c r="W27861">
        <v>24</v>
      </c>
      <c r="X27861">
        <v>25</v>
      </c>
      <c r="Y27861">
        <v>25</v>
      </c>
      <c r="Z27861">
        <v>25</v>
      </c>
      <c r="AA27861">
        <v>26</v>
      </c>
      <c r="AB27861">
        <v>26</v>
      </c>
      <c r="AC27861">
        <v>27</v>
      </c>
      <c r="AD27861">
        <v>27</v>
      </c>
      <c r="AE27861">
        <v>28</v>
      </c>
      <c r="AF27861">
        <v>28</v>
      </c>
      <c r="AG27861">
        <v>28</v>
      </c>
      <c r="AH27861">
        <v>29</v>
      </c>
      <c r="AI27861">
        <v>29</v>
      </c>
      <c r="AJ27861">
        <v>30</v>
      </c>
      <c r="AK27861">
        <v>30</v>
      </c>
      <c r="AL27861">
        <v>30</v>
      </c>
      <c r="AM27861">
        <v>30</v>
      </c>
      <c r="AN27861">
        <v>31</v>
      </c>
      <c r="AO27861">
        <v>31</v>
      </c>
      <c r="AP27861">
        <v>31</v>
      </c>
      <c r="AQ27861">
        <v>31</v>
      </c>
    </row>
    <row r="27862" spans="1:43">
      <c r="A27862" t="s">
        <v>17243</v>
      </c>
      <c r="B27862" t="s">
        <v>17244</v>
      </c>
      <c r="C27862" t="s">
        <v>17241</v>
      </c>
      <c r="D27862" t="s">
        <v>17242</v>
      </c>
      <c r="E27862" t="s">
        <v>17115</v>
      </c>
      <c r="F27862" t="s">
        <v>17116</v>
      </c>
      <c r="G27862" t="s">
        <v>16559</v>
      </c>
      <c r="H27862" t="s">
        <v>16560</v>
      </c>
      <c r="I27862" s="2">
        <v>1</v>
      </c>
      <c r="J27862" s="2">
        <v>0</v>
      </c>
      <c r="K27862" s="2">
        <v>0</v>
      </c>
      <c r="L27862" t="s">
        <v>120</v>
      </c>
      <c r="M27862" t="s">
        <v>83</v>
      </c>
      <c r="N27862" t="s">
        <v>84</v>
      </c>
      <c r="O27862" t="s">
        <v>85</v>
      </c>
      <c r="P27862" t="s">
        <v>86</v>
      </c>
      <c r="Q27862">
        <v>33</v>
      </c>
      <c r="R27862">
        <v>34</v>
      </c>
      <c r="S27862">
        <v>35</v>
      </c>
      <c r="T27862">
        <v>35</v>
      </c>
      <c r="U27862">
        <v>36</v>
      </c>
      <c r="V27862">
        <v>37</v>
      </c>
      <c r="W27862">
        <v>37</v>
      </c>
      <c r="X27862">
        <v>38</v>
      </c>
      <c r="Y27862">
        <v>38</v>
      </c>
      <c r="Z27862">
        <v>39</v>
      </c>
      <c r="AA27862">
        <v>40</v>
      </c>
      <c r="AB27862">
        <v>40</v>
      </c>
      <c r="AC27862">
        <v>41</v>
      </c>
      <c r="AD27862">
        <v>42</v>
      </c>
      <c r="AE27862">
        <v>42</v>
      </c>
      <c r="AF27862">
        <v>43</v>
      </c>
      <c r="AG27862">
        <v>44</v>
      </c>
      <c r="AH27862">
        <v>44</v>
      </c>
      <c r="AI27862">
        <v>45</v>
      </c>
      <c r="AJ27862">
        <v>46</v>
      </c>
      <c r="AK27862">
        <v>46</v>
      </c>
      <c r="AL27862">
        <v>47</v>
      </c>
      <c r="AM27862">
        <v>47</v>
      </c>
      <c r="AN27862">
        <v>47</v>
      </c>
      <c r="AO27862">
        <v>47</v>
      </c>
      <c r="AP27862">
        <v>47</v>
      </c>
      <c r="AQ27862">
        <v>48</v>
      </c>
    </row>
    <row r="27863" spans="1:43">
      <c r="A27863" t="s">
        <v>17243</v>
      </c>
      <c r="B27863" t="s">
        <v>17244</v>
      </c>
      <c r="C27863" t="s">
        <v>17241</v>
      </c>
      <c r="D27863" t="s">
        <v>17242</v>
      </c>
      <c r="E27863" t="s">
        <v>17115</v>
      </c>
      <c r="F27863" t="s">
        <v>17116</v>
      </c>
      <c r="G27863" t="s">
        <v>16559</v>
      </c>
      <c r="H27863" t="s">
        <v>16560</v>
      </c>
      <c r="I27863" s="2">
        <v>1</v>
      </c>
      <c r="J27863" s="2">
        <v>0</v>
      </c>
      <c r="K27863" s="2">
        <v>0</v>
      </c>
      <c r="L27863" t="s">
        <v>120</v>
      </c>
      <c r="M27863" t="s">
        <v>87</v>
      </c>
      <c r="N27863" t="s">
        <v>88</v>
      </c>
      <c r="O27863" t="s">
        <v>85</v>
      </c>
      <c r="P27863" t="s">
        <v>86</v>
      </c>
      <c r="Q27863">
        <v>33</v>
      </c>
      <c r="R27863">
        <v>33</v>
      </c>
      <c r="S27863">
        <v>34</v>
      </c>
      <c r="T27863">
        <v>34</v>
      </c>
      <c r="U27863">
        <v>34</v>
      </c>
      <c r="V27863">
        <v>35</v>
      </c>
      <c r="W27863">
        <v>35</v>
      </c>
      <c r="X27863">
        <v>35</v>
      </c>
      <c r="Y27863">
        <v>36</v>
      </c>
      <c r="Z27863">
        <v>36</v>
      </c>
      <c r="AA27863">
        <v>36</v>
      </c>
      <c r="AB27863">
        <v>37</v>
      </c>
      <c r="AC27863">
        <v>37</v>
      </c>
      <c r="AD27863">
        <v>37</v>
      </c>
      <c r="AE27863">
        <v>38</v>
      </c>
      <c r="AF27863">
        <v>38</v>
      </c>
      <c r="AG27863">
        <v>38</v>
      </c>
      <c r="AH27863">
        <v>38</v>
      </c>
      <c r="AI27863">
        <v>39</v>
      </c>
      <c r="AJ27863">
        <v>39</v>
      </c>
      <c r="AK27863">
        <v>39</v>
      </c>
      <c r="AL27863">
        <v>40</v>
      </c>
      <c r="AM27863">
        <v>40</v>
      </c>
      <c r="AN27863">
        <v>40</v>
      </c>
      <c r="AO27863">
        <v>41</v>
      </c>
      <c r="AP27863">
        <v>41</v>
      </c>
      <c r="AQ27863">
        <v>41</v>
      </c>
    </row>
    <row r="27864" spans="1:43">
      <c r="A27864" t="s">
        <v>17243</v>
      </c>
      <c r="B27864" t="s">
        <v>17244</v>
      </c>
      <c r="C27864" t="s">
        <v>17241</v>
      </c>
      <c r="D27864" t="s">
        <v>17242</v>
      </c>
      <c r="E27864" t="s">
        <v>17115</v>
      </c>
      <c r="F27864" t="s">
        <v>17116</v>
      </c>
      <c r="G27864" t="s">
        <v>16559</v>
      </c>
      <c r="H27864" t="s">
        <v>16560</v>
      </c>
      <c r="I27864" s="2">
        <v>1</v>
      </c>
      <c r="J27864" s="2">
        <v>0</v>
      </c>
      <c r="K27864" s="2">
        <v>0</v>
      </c>
      <c r="L27864" t="s">
        <v>120</v>
      </c>
      <c r="M27864" t="s">
        <v>89</v>
      </c>
      <c r="N27864" t="s">
        <v>90</v>
      </c>
      <c r="O27864" t="s">
        <v>85</v>
      </c>
      <c r="P27864" t="s">
        <v>86</v>
      </c>
      <c r="Q27864">
        <v>33</v>
      </c>
      <c r="R27864">
        <v>34</v>
      </c>
      <c r="S27864">
        <v>35</v>
      </c>
      <c r="T27864">
        <v>35</v>
      </c>
      <c r="U27864">
        <v>36</v>
      </c>
      <c r="V27864">
        <v>37</v>
      </c>
      <c r="W27864">
        <v>38</v>
      </c>
      <c r="X27864">
        <v>39</v>
      </c>
      <c r="Y27864">
        <v>40</v>
      </c>
      <c r="Z27864">
        <v>40</v>
      </c>
      <c r="AA27864">
        <v>41</v>
      </c>
      <c r="AB27864">
        <v>42</v>
      </c>
      <c r="AC27864">
        <v>43</v>
      </c>
      <c r="AD27864">
        <v>44</v>
      </c>
      <c r="AE27864">
        <v>44</v>
      </c>
      <c r="AF27864">
        <v>45</v>
      </c>
      <c r="AG27864">
        <v>45</v>
      </c>
      <c r="AH27864">
        <v>45</v>
      </c>
      <c r="AI27864">
        <v>45</v>
      </c>
      <c r="AJ27864">
        <v>45</v>
      </c>
      <c r="AK27864">
        <v>46</v>
      </c>
      <c r="AL27864">
        <v>46</v>
      </c>
      <c r="AM27864">
        <v>46</v>
      </c>
      <c r="AN27864">
        <v>46</v>
      </c>
      <c r="AO27864">
        <v>47</v>
      </c>
      <c r="AP27864">
        <v>47</v>
      </c>
      <c r="AQ27864">
        <v>47</v>
      </c>
    </row>
    <row r="27865" spans="1:43">
      <c r="A27865" t="s">
        <v>17243</v>
      </c>
      <c r="B27865" t="s">
        <v>17244</v>
      </c>
      <c r="C27865" t="s">
        <v>17241</v>
      </c>
      <c r="D27865" t="s">
        <v>17242</v>
      </c>
      <c r="E27865" t="s">
        <v>17115</v>
      </c>
      <c r="F27865" t="s">
        <v>17116</v>
      </c>
      <c r="G27865" t="s">
        <v>16559</v>
      </c>
      <c r="H27865" t="s">
        <v>16560</v>
      </c>
      <c r="I27865" s="2">
        <v>1</v>
      </c>
      <c r="J27865" s="2">
        <v>0</v>
      </c>
      <c r="K27865" s="2">
        <v>0</v>
      </c>
      <c r="L27865" t="s">
        <v>120</v>
      </c>
      <c r="M27865" t="s">
        <v>83</v>
      </c>
      <c r="N27865" t="s">
        <v>91</v>
      </c>
      <c r="O27865" t="s">
        <v>85</v>
      </c>
      <c r="P27865" t="s">
        <v>86</v>
      </c>
      <c r="Q27865">
        <v>33</v>
      </c>
      <c r="R27865">
        <v>34</v>
      </c>
      <c r="S27865">
        <v>35</v>
      </c>
      <c r="T27865">
        <v>35</v>
      </c>
      <c r="U27865">
        <v>36</v>
      </c>
      <c r="V27865">
        <v>37</v>
      </c>
      <c r="W27865">
        <v>37</v>
      </c>
      <c r="X27865">
        <v>38</v>
      </c>
      <c r="Y27865">
        <v>38</v>
      </c>
      <c r="Z27865">
        <v>39</v>
      </c>
      <c r="AA27865">
        <v>40</v>
      </c>
      <c r="AB27865">
        <v>40</v>
      </c>
      <c r="AC27865">
        <v>41</v>
      </c>
      <c r="AD27865">
        <v>42</v>
      </c>
      <c r="AE27865">
        <v>42</v>
      </c>
      <c r="AF27865">
        <v>43</v>
      </c>
      <c r="AG27865">
        <v>44</v>
      </c>
      <c r="AH27865">
        <v>44</v>
      </c>
      <c r="AI27865">
        <v>45</v>
      </c>
      <c r="AJ27865">
        <v>46</v>
      </c>
      <c r="AK27865">
        <v>46</v>
      </c>
      <c r="AL27865">
        <v>47</v>
      </c>
      <c r="AM27865">
        <v>47</v>
      </c>
      <c r="AN27865">
        <v>47</v>
      </c>
      <c r="AO27865">
        <v>47</v>
      </c>
      <c r="AP27865">
        <v>47</v>
      </c>
      <c r="AQ27865">
        <v>48</v>
      </c>
    </row>
    <row r="27866" spans="1:43">
      <c r="A27866" t="s">
        <v>17245</v>
      </c>
      <c r="B27866" t="s">
        <v>17246</v>
      </c>
      <c r="C27866" t="s">
        <v>17241</v>
      </c>
      <c r="D27866" t="s">
        <v>17242</v>
      </c>
      <c r="E27866" t="s">
        <v>17115</v>
      </c>
      <c r="F27866" t="s">
        <v>17116</v>
      </c>
      <c r="G27866" t="s">
        <v>16559</v>
      </c>
      <c r="H27866" t="s">
        <v>16560</v>
      </c>
      <c r="I27866" s="2">
        <v>1</v>
      </c>
      <c r="J27866" s="2">
        <v>0</v>
      </c>
      <c r="K27866" s="2">
        <v>0</v>
      </c>
      <c r="L27866" t="s">
        <v>120</v>
      </c>
      <c r="M27866" t="s">
        <v>83</v>
      </c>
      <c r="N27866" t="s">
        <v>84</v>
      </c>
      <c r="O27866" t="s">
        <v>85</v>
      </c>
      <c r="P27866" t="s">
        <v>86</v>
      </c>
      <c r="Q27866">
        <v>67</v>
      </c>
      <c r="R27866">
        <v>68</v>
      </c>
      <c r="S27866">
        <v>69</v>
      </c>
      <c r="T27866">
        <v>70</v>
      </c>
      <c r="U27866">
        <v>72</v>
      </c>
      <c r="V27866">
        <v>73</v>
      </c>
      <c r="W27866">
        <v>74</v>
      </c>
      <c r="X27866">
        <v>76</v>
      </c>
      <c r="Y27866">
        <v>77</v>
      </c>
      <c r="Z27866">
        <v>78</v>
      </c>
      <c r="AA27866">
        <v>79</v>
      </c>
      <c r="AB27866">
        <v>81</v>
      </c>
      <c r="AC27866">
        <v>82</v>
      </c>
      <c r="AD27866">
        <v>83</v>
      </c>
      <c r="AE27866">
        <v>85</v>
      </c>
      <c r="AF27866">
        <v>86</v>
      </c>
      <c r="AG27866">
        <v>87</v>
      </c>
      <c r="AH27866">
        <v>88</v>
      </c>
      <c r="AI27866">
        <v>90</v>
      </c>
      <c r="AJ27866">
        <v>91</v>
      </c>
      <c r="AK27866">
        <v>92</v>
      </c>
      <c r="AL27866">
        <v>93</v>
      </c>
      <c r="AM27866">
        <v>94</v>
      </c>
      <c r="AN27866">
        <v>94</v>
      </c>
      <c r="AO27866">
        <v>95</v>
      </c>
      <c r="AP27866">
        <v>95</v>
      </c>
      <c r="AQ27866">
        <v>95</v>
      </c>
    </row>
    <row r="27867" spans="1:43">
      <c r="A27867" t="s">
        <v>17245</v>
      </c>
      <c r="B27867" t="s">
        <v>17246</v>
      </c>
      <c r="C27867" t="s">
        <v>17241</v>
      </c>
      <c r="D27867" t="s">
        <v>17242</v>
      </c>
      <c r="E27867" t="s">
        <v>17115</v>
      </c>
      <c r="F27867" t="s">
        <v>17116</v>
      </c>
      <c r="G27867" t="s">
        <v>16559</v>
      </c>
      <c r="H27867" t="s">
        <v>16560</v>
      </c>
      <c r="I27867" s="2">
        <v>1</v>
      </c>
      <c r="J27867" s="2">
        <v>0</v>
      </c>
      <c r="K27867" s="2">
        <v>0</v>
      </c>
      <c r="L27867" t="s">
        <v>120</v>
      </c>
      <c r="M27867" t="s">
        <v>87</v>
      </c>
      <c r="N27867" t="s">
        <v>88</v>
      </c>
      <c r="O27867" t="s">
        <v>85</v>
      </c>
      <c r="P27867" t="s">
        <v>86</v>
      </c>
      <c r="Q27867">
        <v>67</v>
      </c>
      <c r="R27867">
        <v>68</v>
      </c>
      <c r="S27867">
        <v>68</v>
      </c>
      <c r="T27867">
        <v>69</v>
      </c>
      <c r="U27867">
        <v>70</v>
      </c>
      <c r="V27867">
        <v>70</v>
      </c>
      <c r="W27867">
        <v>71</v>
      </c>
      <c r="X27867">
        <v>71</v>
      </c>
      <c r="Y27867">
        <v>72</v>
      </c>
      <c r="Z27867">
        <v>73</v>
      </c>
      <c r="AA27867">
        <v>73</v>
      </c>
      <c r="AB27867">
        <v>74</v>
      </c>
      <c r="AC27867">
        <v>75</v>
      </c>
      <c r="AD27867">
        <v>75</v>
      </c>
      <c r="AE27867">
        <v>76</v>
      </c>
      <c r="AF27867">
        <v>77</v>
      </c>
      <c r="AG27867">
        <v>77</v>
      </c>
      <c r="AH27867">
        <v>78</v>
      </c>
      <c r="AI27867">
        <v>79</v>
      </c>
      <c r="AJ27867">
        <v>79</v>
      </c>
      <c r="AK27867">
        <v>80</v>
      </c>
      <c r="AL27867">
        <v>81</v>
      </c>
      <c r="AM27867">
        <v>81</v>
      </c>
      <c r="AN27867">
        <v>82</v>
      </c>
      <c r="AO27867">
        <v>83</v>
      </c>
      <c r="AP27867">
        <v>83</v>
      </c>
      <c r="AQ27867">
        <v>84</v>
      </c>
    </row>
    <row r="27868" spans="1:43">
      <c r="A27868" t="s">
        <v>17245</v>
      </c>
      <c r="B27868" t="s">
        <v>17246</v>
      </c>
      <c r="C27868" t="s">
        <v>17241</v>
      </c>
      <c r="D27868" t="s">
        <v>17242</v>
      </c>
      <c r="E27868" t="s">
        <v>17115</v>
      </c>
      <c r="F27868" t="s">
        <v>17116</v>
      </c>
      <c r="G27868" t="s">
        <v>16559</v>
      </c>
      <c r="H27868" t="s">
        <v>16560</v>
      </c>
      <c r="I27868" s="2">
        <v>1</v>
      </c>
      <c r="J27868" s="2">
        <v>0</v>
      </c>
      <c r="K27868" s="2">
        <v>0</v>
      </c>
      <c r="L27868" t="s">
        <v>120</v>
      </c>
      <c r="M27868" t="s">
        <v>89</v>
      </c>
      <c r="N27868" t="s">
        <v>90</v>
      </c>
      <c r="O27868" t="s">
        <v>85</v>
      </c>
      <c r="P27868" t="s">
        <v>86</v>
      </c>
      <c r="Q27868">
        <v>67</v>
      </c>
      <c r="R27868">
        <v>69</v>
      </c>
      <c r="S27868">
        <v>71</v>
      </c>
      <c r="T27868">
        <v>73</v>
      </c>
      <c r="U27868">
        <v>75</v>
      </c>
      <c r="V27868">
        <v>76</v>
      </c>
      <c r="W27868">
        <v>78</v>
      </c>
      <c r="X27868">
        <v>80</v>
      </c>
      <c r="Y27868">
        <v>81</v>
      </c>
      <c r="Z27868">
        <v>83</v>
      </c>
      <c r="AA27868">
        <v>84</v>
      </c>
      <c r="AB27868">
        <v>86</v>
      </c>
      <c r="AC27868">
        <v>88</v>
      </c>
      <c r="AD27868">
        <v>89</v>
      </c>
      <c r="AE27868">
        <v>91</v>
      </c>
      <c r="AF27868">
        <v>91</v>
      </c>
      <c r="AG27868">
        <v>92</v>
      </c>
      <c r="AH27868">
        <v>92</v>
      </c>
      <c r="AI27868">
        <v>93</v>
      </c>
      <c r="AJ27868">
        <v>93</v>
      </c>
      <c r="AK27868">
        <v>93</v>
      </c>
      <c r="AL27868">
        <v>94</v>
      </c>
      <c r="AM27868">
        <v>94</v>
      </c>
      <c r="AN27868">
        <v>95</v>
      </c>
      <c r="AO27868">
        <v>95</v>
      </c>
      <c r="AP27868">
        <v>96</v>
      </c>
      <c r="AQ27868">
        <v>96</v>
      </c>
    </row>
    <row r="27869" spans="1:43">
      <c r="A27869" t="s">
        <v>17245</v>
      </c>
      <c r="B27869" t="s">
        <v>17246</v>
      </c>
      <c r="C27869" t="s">
        <v>17241</v>
      </c>
      <c r="D27869" t="s">
        <v>17242</v>
      </c>
      <c r="E27869" t="s">
        <v>17115</v>
      </c>
      <c r="F27869" t="s">
        <v>17116</v>
      </c>
      <c r="G27869" t="s">
        <v>16559</v>
      </c>
      <c r="H27869" t="s">
        <v>16560</v>
      </c>
      <c r="I27869" s="2">
        <v>1</v>
      </c>
      <c r="J27869" s="2">
        <v>0</v>
      </c>
      <c r="K27869" s="2">
        <v>0</v>
      </c>
      <c r="L27869" t="s">
        <v>120</v>
      </c>
      <c r="M27869" t="s">
        <v>83</v>
      </c>
      <c r="N27869" t="s">
        <v>91</v>
      </c>
      <c r="O27869" t="s">
        <v>85</v>
      </c>
      <c r="P27869" t="s">
        <v>86</v>
      </c>
      <c r="Q27869">
        <v>67</v>
      </c>
      <c r="R27869">
        <v>68</v>
      </c>
      <c r="S27869">
        <v>69</v>
      </c>
      <c r="T27869">
        <v>70</v>
      </c>
      <c r="U27869">
        <v>72</v>
      </c>
      <c r="V27869">
        <v>73</v>
      </c>
      <c r="W27869">
        <v>74</v>
      </c>
      <c r="X27869">
        <v>76</v>
      </c>
      <c r="Y27869">
        <v>77</v>
      </c>
      <c r="Z27869">
        <v>78</v>
      </c>
      <c r="AA27869">
        <v>79</v>
      </c>
      <c r="AB27869">
        <v>81</v>
      </c>
      <c r="AC27869">
        <v>82</v>
      </c>
      <c r="AD27869">
        <v>83</v>
      </c>
      <c r="AE27869">
        <v>85</v>
      </c>
      <c r="AF27869">
        <v>86</v>
      </c>
      <c r="AG27869">
        <v>87</v>
      </c>
      <c r="AH27869">
        <v>88</v>
      </c>
      <c r="AI27869">
        <v>90</v>
      </c>
      <c r="AJ27869">
        <v>91</v>
      </c>
      <c r="AK27869">
        <v>92</v>
      </c>
      <c r="AL27869">
        <v>93</v>
      </c>
      <c r="AM27869">
        <v>94</v>
      </c>
      <c r="AN27869">
        <v>94</v>
      </c>
      <c r="AO27869">
        <v>95</v>
      </c>
      <c r="AP27869">
        <v>95</v>
      </c>
      <c r="AQ27869">
        <v>95</v>
      </c>
    </row>
    <row r="27870" spans="1:43">
      <c r="A27870" t="s">
        <v>17247</v>
      </c>
      <c r="B27870" t="s">
        <v>17248</v>
      </c>
      <c r="C27870" t="s">
        <v>17241</v>
      </c>
      <c r="D27870" t="s">
        <v>17242</v>
      </c>
      <c r="E27870" t="s">
        <v>17115</v>
      </c>
      <c r="F27870" t="s">
        <v>17116</v>
      </c>
      <c r="G27870" t="s">
        <v>16559</v>
      </c>
      <c r="H27870" t="s">
        <v>16560</v>
      </c>
      <c r="I27870" s="2">
        <v>1</v>
      </c>
      <c r="J27870" s="2">
        <v>0</v>
      </c>
      <c r="K27870" s="2">
        <v>0</v>
      </c>
      <c r="L27870" t="s">
        <v>120</v>
      </c>
      <c r="M27870" t="s">
        <v>83</v>
      </c>
      <c r="N27870" t="s">
        <v>84</v>
      </c>
      <c r="O27870" t="s">
        <v>85</v>
      </c>
      <c r="P27870" t="s">
        <v>86</v>
      </c>
      <c r="Q27870">
        <v>58</v>
      </c>
      <c r="R27870">
        <v>59</v>
      </c>
      <c r="S27870">
        <v>60</v>
      </c>
      <c r="T27870">
        <v>61</v>
      </c>
      <c r="U27870">
        <v>62</v>
      </c>
      <c r="V27870">
        <v>63</v>
      </c>
      <c r="W27870">
        <v>64</v>
      </c>
      <c r="X27870">
        <v>66</v>
      </c>
      <c r="Y27870">
        <v>67</v>
      </c>
      <c r="Z27870">
        <v>68</v>
      </c>
      <c r="AA27870">
        <v>69</v>
      </c>
      <c r="AB27870">
        <v>70</v>
      </c>
      <c r="AC27870">
        <v>71</v>
      </c>
      <c r="AD27870">
        <v>72</v>
      </c>
      <c r="AE27870">
        <v>73</v>
      </c>
      <c r="AF27870">
        <v>74</v>
      </c>
      <c r="AG27870">
        <v>75</v>
      </c>
      <c r="AH27870">
        <v>77</v>
      </c>
      <c r="AI27870">
        <v>78</v>
      </c>
      <c r="AJ27870">
        <v>79</v>
      </c>
      <c r="AK27870">
        <v>80</v>
      </c>
      <c r="AL27870">
        <v>81</v>
      </c>
      <c r="AM27870">
        <v>81</v>
      </c>
      <c r="AN27870">
        <v>81</v>
      </c>
      <c r="AO27870">
        <v>82</v>
      </c>
      <c r="AP27870">
        <v>82</v>
      </c>
      <c r="AQ27870">
        <v>83</v>
      </c>
    </row>
    <row r="27871" spans="1:43">
      <c r="A27871" t="s">
        <v>17247</v>
      </c>
      <c r="B27871" t="s">
        <v>17248</v>
      </c>
      <c r="C27871" t="s">
        <v>17241</v>
      </c>
      <c r="D27871" t="s">
        <v>17242</v>
      </c>
      <c r="E27871" t="s">
        <v>17115</v>
      </c>
      <c r="F27871" t="s">
        <v>17116</v>
      </c>
      <c r="G27871" t="s">
        <v>16559</v>
      </c>
      <c r="H27871" t="s">
        <v>16560</v>
      </c>
      <c r="I27871" s="2">
        <v>1</v>
      </c>
      <c r="J27871" s="2">
        <v>0</v>
      </c>
      <c r="K27871" s="2">
        <v>0</v>
      </c>
      <c r="L27871" t="s">
        <v>120</v>
      </c>
      <c r="M27871" t="s">
        <v>87</v>
      </c>
      <c r="N27871" t="s">
        <v>88</v>
      </c>
      <c r="O27871" t="s">
        <v>85</v>
      </c>
      <c r="P27871" t="s">
        <v>86</v>
      </c>
      <c r="Q27871">
        <v>58</v>
      </c>
      <c r="R27871">
        <v>59</v>
      </c>
      <c r="S27871">
        <v>59</v>
      </c>
      <c r="T27871">
        <v>60</v>
      </c>
      <c r="U27871">
        <v>60</v>
      </c>
      <c r="V27871">
        <v>61</v>
      </c>
      <c r="W27871">
        <v>62</v>
      </c>
      <c r="X27871">
        <v>62</v>
      </c>
      <c r="Y27871">
        <v>63</v>
      </c>
      <c r="Z27871">
        <v>63</v>
      </c>
      <c r="AA27871">
        <v>64</v>
      </c>
      <c r="AB27871">
        <v>64</v>
      </c>
      <c r="AC27871">
        <v>65</v>
      </c>
      <c r="AD27871">
        <v>65</v>
      </c>
      <c r="AE27871">
        <v>66</v>
      </c>
      <c r="AF27871">
        <v>67</v>
      </c>
      <c r="AG27871">
        <v>67</v>
      </c>
      <c r="AH27871">
        <v>68</v>
      </c>
      <c r="AI27871">
        <v>68</v>
      </c>
      <c r="AJ27871">
        <v>69</v>
      </c>
      <c r="AK27871">
        <v>69</v>
      </c>
      <c r="AL27871">
        <v>70</v>
      </c>
      <c r="AM27871">
        <v>71</v>
      </c>
      <c r="AN27871">
        <v>71</v>
      </c>
      <c r="AO27871">
        <v>72</v>
      </c>
      <c r="AP27871">
        <v>72</v>
      </c>
      <c r="AQ27871">
        <v>73</v>
      </c>
    </row>
    <row r="27872" spans="1:43">
      <c r="A27872" t="s">
        <v>17247</v>
      </c>
      <c r="B27872" t="s">
        <v>17248</v>
      </c>
      <c r="C27872" t="s">
        <v>17241</v>
      </c>
      <c r="D27872" t="s">
        <v>17242</v>
      </c>
      <c r="E27872" t="s">
        <v>17115</v>
      </c>
      <c r="F27872" t="s">
        <v>17116</v>
      </c>
      <c r="G27872" t="s">
        <v>16559</v>
      </c>
      <c r="H27872" t="s">
        <v>16560</v>
      </c>
      <c r="I27872" s="2">
        <v>1</v>
      </c>
      <c r="J27872" s="2">
        <v>0</v>
      </c>
      <c r="K27872" s="2">
        <v>0</v>
      </c>
      <c r="L27872" t="s">
        <v>120</v>
      </c>
      <c r="M27872" t="s">
        <v>89</v>
      </c>
      <c r="N27872" t="s">
        <v>90</v>
      </c>
      <c r="O27872" t="s">
        <v>85</v>
      </c>
      <c r="P27872" t="s">
        <v>86</v>
      </c>
      <c r="Q27872">
        <v>58</v>
      </c>
      <c r="R27872">
        <v>60</v>
      </c>
      <c r="S27872">
        <v>62</v>
      </c>
      <c r="T27872">
        <v>63</v>
      </c>
      <c r="U27872">
        <v>65</v>
      </c>
      <c r="V27872">
        <v>66</v>
      </c>
      <c r="W27872">
        <v>68</v>
      </c>
      <c r="X27872">
        <v>69</v>
      </c>
      <c r="Y27872">
        <v>70</v>
      </c>
      <c r="Z27872">
        <v>72</v>
      </c>
      <c r="AA27872">
        <v>73</v>
      </c>
      <c r="AB27872">
        <v>75</v>
      </c>
      <c r="AC27872">
        <v>76</v>
      </c>
      <c r="AD27872">
        <v>77</v>
      </c>
      <c r="AE27872">
        <v>79</v>
      </c>
      <c r="AF27872">
        <v>79</v>
      </c>
      <c r="AG27872">
        <v>79</v>
      </c>
      <c r="AH27872">
        <v>80</v>
      </c>
      <c r="AI27872">
        <v>80</v>
      </c>
      <c r="AJ27872">
        <v>81</v>
      </c>
      <c r="AK27872">
        <v>81</v>
      </c>
      <c r="AL27872">
        <v>81</v>
      </c>
      <c r="AM27872">
        <v>82</v>
      </c>
      <c r="AN27872">
        <v>82</v>
      </c>
      <c r="AO27872">
        <v>83</v>
      </c>
      <c r="AP27872">
        <v>83</v>
      </c>
      <c r="AQ27872">
        <v>83</v>
      </c>
    </row>
    <row r="27873" spans="1:43">
      <c r="A27873" t="s">
        <v>17247</v>
      </c>
      <c r="B27873" t="s">
        <v>17248</v>
      </c>
      <c r="C27873" t="s">
        <v>17241</v>
      </c>
      <c r="D27873" t="s">
        <v>17242</v>
      </c>
      <c r="E27873" t="s">
        <v>17115</v>
      </c>
      <c r="F27873" t="s">
        <v>17116</v>
      </c>
      <c r="G27873" t="s">
        <v>16559</v>
      </c>
      <c r="H27873" t="s">
        <v>16560</v>
      </c>
      <c r="I27873" s="2">
        <v>1</v>
      </c>
      <c r="J27873" s="2">
        <v>0</v>
      </c>
      <c r="K27873" s="2">
        <v>0</v>
      </c>
      <c r="L27873" t="s">
        <v>120</v>
      </c>
      <c r="M27873" t="s">
        <v>83</v>
      </c>
      <c r="N27873" t="s">
        <v>91</v>
      </c>
      <c r="O27873" t="s">
        <v>85</v>
      </c>
      <c r="P27873" t="s">
        <v>86</v>
      </c>
      <c r="Q27873">
        <v>58</v>
      </c>
      <c r="R27873">
        <v>59</v>
      </c>
      <c r="S27873">
        <v>60</v>
      </c>
      <c r="T27873">
        <v>61</v>
      </c>
      <c r="U27873">
        <v>62</v>
      </c>
      <c r="V27873">
        <v>63</v>
      </c>
      <c r="W27873">
        <v>64</v>
      </c>
      <c r="X27873">
        <v>66</v>
      </c>
      <c r="Y27873">
        <v>67</v>
      </c>
      <c r="Z27873">
        <v>68</v>
      </c>
      <c r="AA27873">
        <v>69</v>
      </c>
      <c r="AB27873">
        <v>70</v>
      </c>
      <c r="AC27873">
        <v>71</v>
      </c>
      <c r="AD27873">
        <v>72</v>
      </c>
      <c r="AE27873">
        <v>73</v>
      </c>
      <c r="AF27873">
        <v>74</v>
      </c>
      <c r="AG27873">
        <v>75</v>
      </c>
      <c r="AH27873">
        <v>77</v>
      </c>
      <c r="AI27873">
        <v>78</v>
      </c>
      <c r="AJ27873">
        <v>79</v>
      </c>
      <c r="AK27873">
        <v>80</v>
      </c>
      <c r="AL27873">
        <v>81</v>
      </c>
      <c r="AM27873">
        <v>81</v>
      </c>
      <c r="AN27873">
        <v>81</v>
      </c>
      <c r="AO27873">
        <v>82</v>
      </c>
      <c r="AP27873">
        <v>82</v>
      </c>
      <c r="AQ27873">
        <v>83</v>
      </c>
    </row>
    <row r="27874" spans="1:43">
      <c r="A27874" t="s">
        <v>17249</v>
      </c>
      <c r="B27874" t="s">
        <v>17250</v>
      </c>
      <c r="C27874" t="s">
        <v>17241</v>
      </c>
      <c r="D27874" t="s">
        <v>17242</v>
      </c>
      <c r="E27874" t="s">
        <v>17115</v>
      </c>
      <c r="F27874" t="s">
        <v>17116</v>
      </c>
      <c r="G27874" t="s">
        <v>16559</v>
      </c>
      <c r="H27874" t="s">
        <v>16560</v>
      </c>
      <c r="I27874" s="2">
        <v>1</v>
      </c>
      <c r="J27874" s="2">
        <v>0</v>
      </c>
      <c r="K27874" s="2">
        <v>0</v>
      </c>
      <c r="L27874" t="s">
        <v>120</v>
      </c>
      <c r="M27874" t="s">
        <v>83</v>
      </c>
      <c r="N27874" t="s">
        <v>84</v>
      </c>
      <c r="O27874" t="s">
        <v>85</v>
      </c>
      <c r="P27874" t="s">
        <v>86</v>
      </c>
      <c r="Q27874">
        <v>51</v>
      </c>
      <c r="R27874">
        <v>52</v>
      </c>
      <c r="S27874">
        <v>53</v>
      </c>
      <c r="T27874">
        <v>54</v>
      </c>
      <c r="U27874">
        <v>55</v>
      </c>
      <c r="V27874">
        <v>56</v>
      </c>
      <c r="W27874">
        <v>57</v>
      </c>
      <c r="X27874">
        <v>58</v>
      </c>
      <c r="Y27874">
        <v>58</v>
      </c>
      <c r="Z27874">
        <v>59</v>
      </c>
      <c r="AA27874">
        <v>60</v>
      </c>
      <c r="AB27874">
        <v>61</v>
      </c>
      <c r="AC27874">
        <v>62</v>
      </c>
      <c r="AD27874">
        <v>63</v>
      </c>
      <c r="AE27874">
        <v>64</v>
      </c>
      <c r="AF27874">
        <v>65</v>
      </c>
      <c r="AG27874">
        <v>66</v>
      </c>
      <c r="AH27874">
        <v>67</v>
      </c>
      <c r="AI27874">
        <v>68</v>
      </c>
      <c r="AJ27874">
        <v>69</v>
      </c>
      <c r="AK27874">
        <v>70</v>
      </c>
      <c r="AL27874">
        <v>71</v>
      </c>
      <c r="AM27874">
        <v>71</v>
      </c>
      <c r="AN27874">
        <v>72</v>
      </c>
      <c r="AO27874">
        <v>72</v>
      </c>
      <c r="AP27874">
        <v>72</v>
      </c>
      <c r="AQ27874">
        <v>73</v>
      </c>
    </row>
    <row r="27875" spans="1:43">
      <c r="A27875" t="s">
        <v>17249</v>
      </c>
      <c r="B27875" t="s">
        <v>17250</v>
      </c>
      <c r="C27875" t="s">
        <v>17241</v>
      </c>
      <c r="D27875" t="s">
        <v>17242</v>
      </c>
      <c r="E27875" t="s">
        <v>17115</v>
      </c>
      <c r="F27875" t="s">
        <v>17116</v>
      </c>
      <c r="G27875" t="s">
        <v>16559</v>
      </c>
      <c r="H27875" t="s">
        <v>16560</v>
      </c>
      <c r="I27875" s="2">
        <v>1</v>
      </c>
      <c r="J27875" s="2">
        <v>0</v>
      </c>
      <c r="K27875" s="2">
        <v>0</v>
      </c>
      <c r="L27875" t="s">
        <v>120</v>
      </c>
      <c r="M27875" t="s">
        <v>87</v>
      </c>
      <c r="N27875" t="s">
        <v>88</v>
      </c>
      <c r="O27875" t="s">
        <v>85</v>
      </c>
      <c r="P27875" t="s">
        <v>86</v>
      </c>
      <c r="Q27875">
        <v>51</v>
      </c>
      <c r="R27875">
        <v>52</v>
      </c>
      <c r="S27875">
        <v>52</v>
      </c>
      <c r="T27875">
        <v>53</v>
      </c>
      <c r="U27875">
        <v>53</v>
      </c>
      <c r="V27875">
        <v>54</v>
      </c>
      <c r="W27875">
        <v>54</v>
      </c>
      <c r="X27875">
        <v>55</v>
      </c>
      <c r="Y27875">
        <v>55</v>
      </c>
      <c r="Z27875">
        <v>56</v>
      </c>
      <c r="AA27875">
        <v>56</v>
      </c>
      <c r="AB27875">
        <v>57</v>
      </c>
      <c r="AC27875">
        <v>57</v>
      </c>
      <c r="AD27875">
        <v>58</v>
      </c>
      <c r="AE27875">
        <v>58</v>
      </c>
      <c r="AF27875">
        <v>59</v>
      </c>
      <c r="AG27875">
        <v>59</v>
      </c>
      <c r="AH27875">
        <v>60</v>
      </c>
      <c r="AI27875">
        <v>60</v>
      </c>
      <c r="AJ27875">
        <v>61</v>
      </c>
      <c r="AK27875">
        <v>61</v>
      </c>
      <c r="AL27875">
        <v>62</v>
      </c>
      <c r="AM27875">
        <v>62</v>
      </c>
      <c r="AN27875">
        <v>63</v>
      </c>
      <c r="AO27875">
        <v>63</v>
      </c>
      <c r="AP27875">
        <v>64</v>
      </c>
      <c r="AQ27875">
        <v>64</v>
      </c>
    </row>
    <row r="27876" spans="1:43">
      <c r="A27876" t="s">
        <v>17249</v>
      </c>
      <c r="B27876" t="s">
        <v>17250</v>
      </c>
      <c r="C27876" t="s">
        <v>17241</v>
      </c>
      <c r="D27876" t="s">
        <v>17242</v>
      </c>
      <c r="E27876" t="s">
        <v>17115</v>
      </c>
      <c r="F27876" t="s">
        <v>17116</v>
      </c>
      <c r="G27876" t="s">
        <v>16559</v>
      </c>
      <c r="H27876" t="s">
        <v>16560</v>
      </c>
      <c r="I27876" s="2">
        <v>1</v>
      </c>
      <c r="J27876" s="2">
        <v>0</v>
      </c>
      <c r="K27876" s="2">
        <v>0</v>
      </c>
      <c r="L27876" t="s">
        <v>120</v>
      </c>
      <c r="M27876" t="s">
        <v>89</v>
      </c>
      <c r="N27876" t="s">
        <v>90</v>
      </c>
      <c r="O27876" t="s">
        <v>85</v>
      </c>
      <c r="P27876" t="s">
        <v>86</v>
      </c>
      <c r="Q27876">
        <v>51</v>
      </c>
      <c r="R27876">
        <v>53</v>
      </c>
      <c r="S27876">
        <v>54</v>
      </c>
      <c r="T27876">
        <v>55</v>
      </c>
      <c r="U27876">
        <v>57</v>
      </c>
      <c r="V27876">
        <v>58</v>
      </c>
      <c r="W27876">
        <v>59</v>
      </c>
      <c r="X27876">
        <v>61</v>
      </c>
      <c r="Y27876">
        <v>62</v>
      </c>
      <c r="Z27876">
        <v>63</v>
      </c>
      <c r="AA27876">
        <v>64</v>
      </c>
      <c r="AB27876">
        <v>66</v>
      </c>
      <c r="AC27876">
        <v>67</v>
      </c>
      <c r="AD27876">
        <v>68</v>
      </c>
      <c r="AE27876">
        <v>69</v>
      </c>
      <c r="AF27876">
        <v>69</v>
      </c>
      <c r="AG27876">
        <v>70</v>
      </c>
      <c r="AH27876">
        <v>70</v>
      </c>
      <c r="AI27876">
        <v>70</v>
      </c>
      <c r="AJ27876">
        <v>71</v>
      </c>
      <c r="AK27876">
        <v>71</v>
      </c>
      <c r="AL27876">
        <v>72</v>
      </c>
      <c r="AM27876">
        <v>72</v>
      </c>
      <c r="AN27876">
        <v>72</v>
      </c>
      <c r="AO27876">
        <v>73</v>
      </c>
      <c r="AP27876">
        <v>73</v>
      </c>
      <c r="AQ27876">
        <v>73</v>
      </c>
    </row>
    <row r="27877" spans="1:43">
      <c r="A27877" t="s">
        <v>17249</v>
      </c>
      <c r="B27877" t="s">
        <v>17250</v>
      </c>
      <c r="C27877" t="s">
        <v>17241</v>
      </c>
      <c r="D27877" t="s">
        <v>17242</v>
      </c>
      <c r="E27877" t="s">
        <v>17115</v>
      </c>
      <c r="F27877" t="s">
        <v>17116</v>
      </c>
      <c r="G27877" t="s">
        <v>16559</v>
      </c>
      <c r="H27877" t="s">
        <v>16560</v>
      </c>
      <c r="I27877" s="2">
        <v>1</v>
      </c>
      <c r="J27877" s="2">
        <v>0</v>
      </c>
      <c r="K27877" s="2">
        <v>0</v>
      </c>
      <c r="L27877" t="s">
        <v>120</v>
      </c>
      <c r="M27877" t="s">
        <v>83</v>
      </c>
      <c r="N27877" t="s">
        <v>91</v>
      </c>
      <c r="O27877" t="s">
        <v>85</v>
      </c>
      <c r="P27877" t="s">
        <v>86</v>
      </c>
      <c r="Q27877">
        <v>51</v>
      </c>
      <c r="R27877">
        <v>52</v>
      </c>
      <c r="S27877">
        <v>53</v>
      </c>
      <c r="T27877">
        <v>54</v>
      </c>
      <c r="U27877">
        <v>55</v>
      </c>
      <c r="V27877">
        <v>56</v>
      </c>
      <c r="W27877">
        <v>57</v>
      </c>
      <c r="X27877">
        <v>58</v>
      </c>
      <c r="Y27877">
        <v>58</v>
      </c>
      <c r="Z27877">
        <v>59</v>
      </c>
      <c r="AA27877">
        <v>60</v>
      </c>
      <c r="AB27877">
        <v>61</v>
      </c>
      <c r="AC27877">
        <v>62</v>
      </c>
      <c r="AD27877">
        <v>63</v>
      </c>
      <c r="AE27877">
        <v>64</v>
      </c>
      <c r="AF27877">
        <v>65</v>
      </c>
      <c r="AG27877">
        <v>66</v>
      </c>
      <c r="AH27877">
        <v>67</v>
      </c>
      <c r="AI27877">
        <v>68</v>
      </c>
      <c r="AJ27877">
        <v>69</v>
      </c>
      <c r="AK27877">
        <v>70</v>
      </c>
      <c r="AL27877">
        <v>71</v>
      </c>
      <c r="AM27877">
        <v>71</v>
      </c>
      <c r="AN27877">
        <v>72</v>
      </c>
      <c r="AO27877">
        <v>72</v>
      </c>
      <c r="AP27877">
        <v>72</v>
      </c>
      <c r="AQ27877">
        <v>73</v>
      </c>
    </row>
    <row r="27878" spans="1:43">
      <c r="A27878" t="s">
        <v>17251</v>
      </c>
      <c r="B27878" t="s">
        <v>17252</v>
      </c>
      <c r="C27878" t="s">
        <v>17253</v>
      </c>
      <c r="D27878" t="s">
        <v>17254</v>
      </c>
      <c r="E27878" t="s">
        <v>17115</v>
      </c>
      <c r="F27878" t="s">
        <v>17116</v>
      </c>
      <c r="G27878" t="s">
        <v>16559</v>
      </c>
      <c r="H27878" t="s">
        <v>16560</v>
      </c>
      <c r="I27878" s="2">
        <v>1</v>
      </c>
      <c r="J27878" s="2">
        <v>0</v>
      </c>
      <c r="K27878" s="2">
        <v>0</v>
      </c>
      <c r="L27878" t="s">
        <v>120</v>
      </c>
      <c r="M27878" t="s">
        <v>83</v>
      </c>
      <c r="N27878" t="s">
        <v>84</v>
      </c>
      <c r="O27878" t="s">
        <v>85</v>
      </c>
      <c r="P27878" t="s">
        <v>86</v>
      </c>
      <c r="Q27878">
        <v>12</v>
      </c>
      <c r="R27878">
        <v>13</v>
      </c>
      <c r="S27878">
        <v>13</v>
      </c>
      <c r="T27878">
        <v>13</v>
      </c>
      <c r="U27878">
        <v>13</v>
      </c>
      <c r="V27878">
        <v>14</v>
      </c>
      <c r="W27878">
        <v>14</v>
      </c>
      <c r="X27878">
        <v>14</v>
      </c>
      <c r="Y27878">
        <v>14</v>
      </c>
      <c r="Z27878">
        <v>15</v>
      </c>
      <c r="AA27878">
        <v>15</v>
      </c>
      <c r="AB27878">
        <v>15</v>
      </c>
      <c r="AC27878">
        <v>15</v>
      </c>
      <c r="AD27878">
        <v>15</v>
      </c>
      <c r="AE27878">
        <v>16</v>
      </c>
      <c r="AF27878">
        <v>16</v>
      </c>
      <c r="AG27878">
        <v>16</v>
      </c>
      <c r="AH27878">
        <v>16</v>
      </c>
      <c r="AI27878">
        <v>17</v>
      </c>
      <c r="AJ27878">
        <v>17</v>
      </c>
      <c r="AK27878">
        <v>17</v>
      </c>
      <c r="AL27878">
        <v>17</v>
      </c>
      <c r="AM27878">
        <v>17</v>
      </c>
      <c r="AN27878">
        <v>17</v>
      </c>
      <c r="AO27878">
        <v>17</v>
      </c>
      <c r="AP27878">
        <v>17</v>
      </c>
      <c r="AQ27878">
        <v>17</v>
      </c>
    </row>
    <row r="27879" spans="1:43">
      <c r="A27879" t="s">
        <v>17251</v>
      </c>
      <c r="B27879" t="s">
        <v>17252</v>
      </c>
      <c r="C27879" t="s">
        <v>17253</v>
      </c>
      <c r="D27879" t="s">
        <v>17254</v>
      </c>
      <c r="E27879" t="s">
        <v>17115</v>
      </c>
      <c r="F27879" t="s">
        <v>17116</v>
      </c>
      <c r="G27879" t="s">
        <v>16559</v>
      </c>
      <c r="H27879" t="s">
        <v>16560</v>
      </c>
      <c r="I27879" s="2">
        <v>1</v>
      </c>
      <c r="J27879" s="2">
        <v>0</v>
      </c>
      <c r="K27879" s="2">
        <v>0</v>
      </c>
      <c r="L27879" t="s">
        <v>120</v>
      </c>
      <c r="M27879" t="s">
        <v>87</v>
      </c>
      <c r="N27879" t="s">
        <v>88</v>
      </c>
      <c r="O27879" t="s">
        <v>85</v>
      </c>
      <c r="P27879" t="s">
        <v>86</v>
      </c>
      <c r="Q27879">
        <v>12</v>
      </c>
      <c r="R27879">
        <v>12</v>
      </c>
      <c r="S27879">
        <v>13</v>
      </c>
      <c r="T27879">
        <v>13</v>
      </c>
      <c r="U27879">
        <v>13</v>
      </c>
      <c r="V27879">
        <v>13</v>
      </c>
      <c r="W27879">
        <v>13</v>
      </c>
      <c r="X27879">
        <v>13</v>
      </c>
      <c r="Y27879">
        <v>13</v>
      </c>
      <c r="Z27879">
        <v>13</v>
      </c>
      <c r="AA27879">
        <v>13</v>
      </c>
      <c r="AB27879">
        <v>14</v>
      </c>
      <c r="AC27879">
        <v>14</v>
      </c>
      <c r="AD27879">
        <v>14</v>
      </c>
      <c r="AE27879">
        <v>14</v>
      </c>
      <c r="AF27879">
        <v>14</v>
      </c>
      <c r="AG27879">
        <v>14</v>
      </c>
      <c r="AH27879">
        <v>14</v>
      </c>
      <c r="AI27879">
        <v>14</v>
      </c>
      <c r="AJ27879">
        <v>14</v>
      </c>
      <c r="AK27879">
        <v>15</v>
      </c>
      <c r="AL27879">
        <v>15</v>
      </c>
      <c r="AM27879">
        <v>15</v>
      </c>
      <c r="AN27879">
        <v>15</v>
      </c>
      <c r="AO27879">
        <v>15</v>
      </c>
      <c r="AP27879">
        <v>15</v>
      </c>
      <c r="AQ27879">
        <v>15</v>
      </c>
    </row>
    <row r="27880" spans="1:43">
      <c r="A27880" t="s">
        <v>17251</v>
      </c>
      <c r="B27880" t="s">
        <v>17252</v>
      </c>
      <c r="C27880" t="s">
        <v>17253</v>
      </c>
      <c r="D27880" t="s">
        <v>17254</v>
      </c>
      <c r="E27880" t="s">
        <v>17115</v>
      </c>
      <c r="F27880" t="s">
        <v>17116</v>
      </c>
      <c r="G27880" t="s">
        <v>16559</v>
      </c>
      <c r="H27880" t="s">
        <v>16560</v>
      </c>
      <c r="I27880" s="2">
        <v>1</v>
      </c>
      <c r="J27880" s="2">
        <v>0</v>
      </c>
      <c r="K27880" s="2">
        <v>0</v>
      </c>
      <c r="L27880" t="s">
        <v>120</v>
      </c>
      <c r="M27880" t="s">
        <v>89</v>
      </c>
      <c r="N27880" t="s">
        <v>90</v>
      </c>
      <c r="O27880" t="s">
        <v>85</v>
      </c>
      <c r="P27880" t="s">
        <v>86</v>
      </c>
      <c r="Q27880">
        <v>12</v>
      </c>
      <c r="R27880">
        <v>12</v>
      </c>
      <c r="S27880">
        <v>12</v>
      </c>
      <c r="T27880">
        <v>13</v>
      </c>
      <c r="U27880">
        <v>13</v>
      </c>
      <c r="V27880">
        <v>13</v>
      </c>
      <c r="W27880">
        <v>13</v>
      </c>
      <c r="X27880">
        <v>14</v>
      </c>
      <c r="Y27880">
        <v>14</v>
      </c>
      <c r="Z27880">
        <v>14</v>
      </c>
      <c r="AA27880">
        <v>15</v>
      </c>
      <c r="AB27880">
        <v>15</v>
      </c>
      <c r="AC27880">
        <v>15</v>
      </c>
      <c r="AD27880">
        <v>16</v>
      </c>
      <c r="AE27880">
        <v>16</v>
      </c>
      <c r="AF27880">
        <v>16</v>
      </c>
      <c r="AG27880">
        <v>16</v>
      </c>
      <c r="AH27880">
        <v>16</v>
      </c>
      <c r="AI27880">
        <v>16</v>
      </c>
      <c r="AJ27880">
        <v>16</v>
      </c>
      <c r="AK27880">
        <v>16</v>
      </c>
      <c r="AL27880">
        <v>16</v>
      </c>
      <c r="AM27880">
        <v>16</v>
      </c>
      <c r="AN27880">
        <v>16</v>
      </c>
      <c r="AO27880">
        <v>16</v>
      </c>
      <c r="AP27880">
        <v>16</v>
      </c>
      <c r="AQ27880">
        <v>17</v>
      </c>
    </row>
    <row r="27881" spans="1:43">
      <c r="A27881" t="s">
        <v>17251</v>
      </c>
      <c r="B27881" t="s">
        <v>17252</v>
      </c>
      <c r="C27881" t="s">
        <v>17253</v>
      </c>
      <c r="D27881" t="s">
        <v>17254</v>
      </c>
      <c r="E27881" t="s">
        <v>17115</v>
      </c>
      <c r="F27881" t="s">
        <v>17116</v>
      </c>
      <c r="G27881" t="s">
        <v>16559</v>
      </c>
      <c r="H27881" t="s">
        <v>16560</v>
      </c>
      <c r="I27881" s="2">
        <v>1</v>
      </c>
      <c r="J27881" s="2">
        <v>0</v>
      </c>
      <c r="K27881" s="2">
        <v>0</v>
      </c>
      <c r="L27881" t="s">
        <v>120</v>
      </c>
      <c r="M27881" t="s">
        <v>83</v>
      </c>
      <c r="N27881" t="s">
        <v>91</v>
      </c>
      <c r="O27881" t="s">
        <v>85</v>
      </c>
      <c r="P27881" t="s">
        <v>86</v>
      </c>
      <c r="Q27881">
        <v>12</v>
      </c>
      <c r="R27881">
        <v>13</v>
      </c>
      <c r="S27881">
        <v>13</v>
      </c>
      <c r="T27881">
        <v>13</v>
      </c>
      <c r="U27881">
        <v>13</v>
      </c>
      <c r="V27881">
        <v>14</v>
      </c>
      <c r="W27881">
        <v>14</v>
      </c>
      <c r="X27881">
        <v>14</v>
      </c>
      <c r="Y27881">
        <v>14</v>
      </c>
      <c r="Z27881">
        <v>15</v>
      </c>
      <c r="AA27881">
        <v>15</v>
      </c>
      <c r="AB27881">
        <v>15</v>
      </c>
      <c r="AC27881">
        <v>15</v>
      </c>
      <c r="AD27881">
        <v>15</v>
      </c>
      <c r="AE27881">
        <v>16</v>
      </c>
      <c r="AF27881">
        <v>16</v>
      </c>
      <c r="AG27881">
        <v>16</v>
      </c>
      <c r="AH27881">
        <v>16</v>
      </c>
      <c r="AI27881">
        <v>17</v>
      </c>
      <c r="AJ27881">
        <v>17</v>
      </c>
      <c r="AK27881">
        <v>17</v>
      </c>
      <c r="AL27881">
        <v>17</v>
      </c>
      <c r="AM27881">
        <v>17</v>
      </c>
      <c r="AN27881">
        <v>17</v>
      </c>
      <c r="AO27881">
        <v>17</v>
      </c>
      <c r="AP27881">
        <v>17</v>
      </c>
      <c r="AQ27881">
        <v>17</v>
      </c>
    </row>
    <row r="27882" spans="1:43">
      <c r="A27882" t="s">
        <v>17255</v>
      </c>
      <c r="B27882" t="s">
        <v>17256</v>
      </c>
      <c r="C27882" t="s">
        <v>17253</v>
      </c>
      <c r="D27882" t="s">
        <v>17254</v>
      </c>
      <c r="E27882" t="s">
        <v>17115</v>
      </c>
      <c r="F27882" t="s">
        <v>17116</v>
      </c>
      <c r="G27882" t="s">
        <v>16559</v>
      </c>
      <c r="H27882" t="s">
        <v>16560</v>
      </c>
      <c r="I27882" s="2">
        <v>1</v>
      </c>
      <c r="J27882" s="2">
        <v>0</v>
      </c>
      <c r="K27882" s="2">
        <v>0</v>
      </c>
      <c r="L27882" t="s">
        <v>120</v>
      </c>
      <c r="M27882" t="s">
        <v>83</v>
      </c>
      <c r="N27882" t="s">
        <v>84</v>
      </c>
      <c r="O27882" t="s">
        <v>85</v>
      </c>
      <c r="P27882" t="s">
        <v>86</v>
      </c>
      <c r="Q27882">
        <v>24</v>
      </c>
      <c r="R27882">
        <v>24</v>
      </c>
      <c r="S27882">
        <v>25</v>
      </c>
      <c r="T27882">
        <v>25</v>
      </c>
      <c r="U27882">
        <v>26</v>
      </c>
      <c r="V27882">
        <v>26</v>
      </c>
      <c r="W27882">
        <v>27</v>
      </c>
      <c r="X27882">
        <v>27</v>
      </c>
      <c r="Y27882">
        <v>28</v>
      </c>
      <c r="Z27882">
        <v>28</v>
      </c>
      <c r="AA27882">
        <v>28</v>
      </c>
      <c r="AB27882">
        <v>29</v>
      </c>
      <c r="AC27882">
        <v>29</v>
      </c>
      <c r="AD27882">
        <v>30</v>
      </c>
      <c r="AE27882">
        <v>30</v>
      </c>
      <c r="AF27882">
        <v>31</v>
      </c>
      <c r="AG27882">
        <v>31</v>
      </c>
      <c r="AH27882">
        <v>31</v>
      </c>
      <c r="AI27882">
        <v>32</v>
      </c>
      <c r="AJ27882">
        <v>32</v>
      </c>
      <c r="AK27882">
        <v>33</v>
      </c>
      <c r="AL27882">
        <v>33</v>
      </c>
      <c r="AM27882">
        <v>33</v>
      </c>
      <c r="AN27882">
        <v>33</v>
      </c>
      <c r="AO27882">
        <v>33</v>
      </c>
      <c r="AP27882">
        <v>33</v>
      </c>
      <c r="AQ27882">
        <v>34</v>
      </c>
    </row>
    <row r="27883" spans="1:43">
      <c r="A27883" t="s">
        <v>17255</v>
      </c>
      <c r="B27883" t="s">
        <v>17256</v>
      </c>
      <c r="C27883" t="s">
        <v>17253</v>
      </c>
      <c r="D27883" t="s">
        <v>17254</v>
      </c>
      <c r="E27883" t="s">
        <v>17115</v>
      </c>
      <c r="F27883" t="s">
        <v>17116</v>
      </c>
      <c r="G27883" t="s">
        <v>16559</v>
      </c>
      <c r="H27883" t="s">
        <v>16560</v>
      </c>
      <c r="I27883" s="2">
        <v>1</v>
      </c>
      <c r="J27883" s="2">
        <v>0</v>
      </c>
      <c r="K27883" s="2">
        <v>0</v>
      </c>
      <c r="L27883" t="s">
        <v>120</v>
      </c>
      <c r="M27883" t="s">
        <v>87</v>
      </c>
      <c r="N27883" t="s">
        <v>88</v>
      </c>
      <c r="O27883" t="s">
        <v>85</v>
      </c>
      <c r="P27883" t="s">
        <v>86</v>
      </c>
      <c r="Q27883">
        <v>24</v>
      </c>
      <c r="R27883">
        <v>24</v>
      </c>
      <c r="S27883">
        <v>24</v>
      </c>
      <c r="T27883">
        <v>24</v>
      </c>
      <c r="U27883">
        <v>25</v>
      </c>
      <c r="V27883">
        <v>25</v>
      </c>
      <c r="W27883">
        <v>25</v>
      </c>
      <c r="X27883">
        <v>25</v>
      </c>
      <c r="Y27883">
        <v>25</v>
      </c>
      <c r="Z27883">
        <v>26</v>
      </c>
      <c r="AA27883">
        <v>26</v>
      </c>
      <c r="AB27883">
        <v>26</v>
      </c>
      <c r="AC27883">
        <v>26</v>
      </c>
      <c r="AD27883">
        <v>27</v>
      </c>
      <c r="AE27883">
        <v>27</v>
      </c>
      <c r="AF27883">
        <v>27</v>
      </c>
      <c r="AG27883">
        <v>27</v>
      </c>
      <c r="AH27883">
        <v>27</v>
      </c>
      <c r="AI27883">
        <v>28</v>
      </c>
      <c r="AJ27883">
        <v>28</v>
      </c>
      <c r="AK27883">
        <v>28</v>
      </c>
      <c r="AL27883">
        <v>28</v>
      </c>
      <c r="AM27883">
        <v>29</v>
      </c>
      <c r="AN27883">
        <v>29</v>
      </c>
      <c r="AO27883">
        <v>29</v>
      </c>
      <c r="AP27883">
        <v>29</v>
      </c>
      <c r="AQ27883">
        <v>29</v>
      </c>
    </row>
    <row r="27884" spans="1:43">
      <c r="A27884" t="s">
        <v>17255</v>
      </c>
      <c r="B27884" t="s">
        <v>17256</v>
      </c>
      <c r="C27884" t="s">
        <v>17253</v>
      </c>
      <c r="D27884" t="s">
        <v>17254</v>
      </c>
      <c r="E27884" t="s">
        <v>17115</v>
      </c>
      <c r="F27884" t="s">
        <v>17116</v>
      </c>
      <c r="G27884" t="s">
        <v>16559</v>
      </c>
      <c r="H27884" t="s">
        <v>16560</v>
      </c>
      <c r="I27884" s="2">
        <v>1</v>
      </c>
      <c r="J27884" s="2">
        <v>0</v>
      </c>
      <c r="K27884" s="2">
        <v>0</v>
      </c>
      <c r="L27884" t="s">
        <v>120</v>
      </c>
      <c r="M27884" t="s">
        <v>89</v>
      </c>
      <c r="N27884" t="s">
        <v>90</v>
      </c>
      <c r="O27884" t="s">
        <v>85</v>
      </c>
      <c r="P27884" t="s">
        <v>86</v>
      </c>
      <c r="Q27884">
        <v>24</v>
      </c>
      <c r="R27884">
        <v>25</v>
      </c>
      <c r="S27884">
        <v>26</v>
      </c>
      <c r="T27884">
        <v>26</v>
      </c>
      <c r="U27884">
        <v>27</v>
      </c>
      <c r="V27884">
        <v>27</v>
      </c>
      <c r="W27884">
        <v>28</v>
      </c>
      <c r="X27884">
        <v>28</v>
      </c>
      <c r="Y27884">
        <v>29</v>
      </c>
      <c r="Z27884">
        <v>30</v>
      </c>
      <c r="AA27884">
        <v>30</v>
      </c>
      <c r="AB27884">
        <v>31</v>
      </c>
      <c r="AC27884">
        <v>31</v>
      </c>
      <c r="AD27884">
        <v>32</v>
      </c>
      <c r="AE27884">
        <v>32</v>
      </c>
      <c r="AF27884">
        <v>32</v>
      </c>
      <c r="AG27884">
        <v>32</v>
      </c>
      <c r="AH27884">
        <v>33</v>
      </c>
      <c r="AI27884">
        <v>33</v>
      </c>
      <c r="AJ27884">
        <v>33</v>
      </c>
      <c r="AK27884">
        <v>33</v>
      </c>
      <c r="AL27884">
        <v>33</v>
      </c>
      <c r="AM27884">
        <v>33</v>
      </c>
      <c r="AN27884">
        <v>33</v>
      </c>
      <c r="AO27884">
        <v>33</v>
      </c>
      <c r="AP27884">
        <v>34</v>
      </c>
      <c r="AQ27884">
        <v>34</v>
      </c>
    </row>
    <row r="27885" spans="1:43">
      <c r="A27885" t="s">
        <v>17255</v>
      </c>
      <c r="B27885" t="s">
        <v>17256</v>
      </c>
      <c r="C27885" t="s">
        <v>17253</v>
      </c>
      <c r="D27885" t="s">
        <v>17254</v>
      </c>
      <c r="E27885" t="s">
        <v>17115</v>
      </c>
      <c r="F27885" t="s">
        <v>17116</v>
      </c>
      <c r="G27885" t="s">
        <v>16559</v>
      </c>
      <c r="H27885" t="s">
        <v>16560</v>
      </c>
      <c r="I27885" s="2">
        <v>1</v>
      </c>
      <c r="J27885" s="2">
        <v>0</v>
      </c>
      <c r="K27885" s="2">
        <v>0</v>
      </c>
      <c r="L27885" t="s">
        <v>120</v>
      </c>
      <c r="M27885" t="s">
        <v>83</v>
      </c>
      <c r="N27885" t="s">
        <v>91</v>
      </c>
      <c r="O27885" t="s">
        <v>85</v>
      </c>
      <c r="P27885" t="s">
        <v>86</v>
      </c>
      <c r="Q27885">
        <v>24</v>
      </c>
      <c r="R27885">
        <v>24</v>
      </c>
      <c r="S27885">
        <v>25</v>
      </c>
      <c r="T27885">
        <v>25</v>
      </c>
      <c r="U27885">
        <v>26</v>
      </c>
      <c r="V27885">
        <v>26</v>
      </c>
      <c r="W27885">
        <v>27</v>
      </c>
      <c r="X27885">
        <v>27</v>
      </c>
      <c r="Y27885">
        <v>28</v>
      </c>
      <c r="Z27885">
        <v>28</v>
      </c>
      <c r="AA27885">
        <v>28</v>
      </c>
      <c r="AB27885">
        <v>29</v>
      </c>
      <c r="AC27885">
        <v>29</v>
      </c>
      <c r="AD27885">
        <v>30</v>
      </c>
      <c r="AE27885">
        <v>30</v>
      </c>
      <c r="AF27885">
        <v>31</v>
      </c>
      <c r="AG27885">
        <v>31</v>
      </c>
      <c r="AH27885">
        <v>31</v>
      </c>
      <c r="AI27885">
        <v>32</v>
      </c>
      <c r="AJ27885">
        <v>32</v>
      </c>
      <c r="AK27885">
        <v>33</v>
      </c>
      <c r="AL27885">
        <v>33</v>
      </c>
      <c r="AM27885">
        <v>33</v>
      </c>
      <c r="AN27885">
        <v>33</v>
      </c>
      <c r="AO27885">
        <v>33</v>
      </c>
      <c r="AP27885">
        <v>33</v>
      </c>
      <c r="AQ27885">
        <v>34</v>
      </c>
    </row>
    <row r="27886" spans="1:43">
      <c r="A27886" t="s">
        <v>17257</v>
      </c>
      <c r="B27886" t="s">
        <v>17258</v>
      </c>
      <c r="C27886" t="s">
        <v>17253</v>
      </c>
      <c r="D27886" t="s">
        <v>17254</v>
      </c>
      <c r="E27886" t="s">
        <v>17115</v>
      </c>
      <c r="F27886" t="s">
        <v>17116</v>
      </c>
      <c r="G27886" t="s">
        <v>16559</v>
      </c>
      <c r="H27886" t="s">
        <v>16560</v>
      </c>
      <c r="I27886" s="2">
        <v>1</v>
      </c>
      <c r="J27886" s="2">
        <v>0</v>
      </c>
      <c r="K27886" s="2">
        <v>0</v>
      </c>
      <c r="L27886" t="s">
        <v>120</v>
      </c>
      <c r="M27886" t="s">
        <v>83</v>
      </c>
      <c r="N27886" t="s">
        <v>84</v>
      </c>
      <c r="O27886" t="s">
        <v>85</v>
      </c>
      <c r="P27886" t="s">
        <v>86</v>
      </c>
      <c r="Q27886">
        <v>39</v>
      </c>
      <c r="R27886">
        <v>40</v>
      </c>
      <c r="S27886">
        <v>41</v>
      </c>
      <c r="T27886">
        <v>42</v>
      </c>
      <c r="U27886">
        <v>42</v>
      </c>
      <c r="V27886">
        <v>43</v>
      </c>
      <c r="W27886">
        <v>44</v>
      </c>
      <c r="X27886">
        <v>44</v>
      </c>
      <c r="Y27886">
        <v>45</v>
      </c>
      <c r="Z27886">
        <v>46</v>
      </c>
      <c r="AA27886">
        <v>47</v>
      </c>
      <c r="AB27886">
        <v>47</v>
      </c>
      <c r="AC27886">
        <v>48</v>
      </c>
      <c r="AD27886">
        <v>49</v>
      </c>
      <c r="AE27886">
        <v>49</v>
      </c>
      <c r="AF27886">
        <v>50</v>
      </c>
      <c r="AG27886">
        <v>51</v>
      </c>
      <c r="AH27886">
        <v>52</v>
      </c>
      <c r="AI27886">
        <v>52</v>
      </c>
      <c r="AJ27886">
        <v>53</v>
      </c>
      <c r="AK27886">
        <v>54</v>
      </c>
      <c r="AL27886">
        <v>54</v>
      </c>
      <c r="AM27886">
        <v>54</v>
      </c>
      <c r="AN27886">
        <v>55</v>
      </c>
      <c r="AO27886">
        <v>55</v>
      </c>
      <c r="AP27886">
        <v>55</v>
      </c>
      <c r="AQ27886">
        <v>55</v>
      </c>
    </row>
    <row r="27887" spans="1:43">
      <c r="A27887" t="s">
        <v>17257</v>
      </c>
      <c r="B27887" t="s">
        <v>17258</v>
      </c>
      <c r="C27887" t="s">
        <v>17253</v>
      </c>
      <c r="D27887" t="s">
        <v>17254</v>
      </c>
      <c r="E27887" t="s">
        <v>17115</v>
      </c>
      <c r="F27887" t="s">
        <v>17116</v>
      </c>
      <c r="G27887" t="s">
        <v>16559</v>
      </c>
      <c r="H27887" t="s">
        <v>16560</v>
      </c>
      <c r="I27887" s="2">
        <v>1</v>
      </c>
      <c r="J27887" s="2">
        <v>0</v>
      </c>
      <c r="K27887" s="2">
        <v>0</v>
      </c>
      <c r="L27887" t="s">
        <v>120</v>
      </c>
      <c r="M27887" t="s">
        <v>87</v>
      </c>
      <c r="N27887" t="s">
        <v>88</v>
      </c>
      <c r="O27887" t="s">
        <v>85</v>
      </c>
      <c r="P27887" t="s">
        <v>86</v>
      </c>
      <c r="Q27887">
        <v>39</v>
      </c>
      <c r="R27887">
        <v>39</v>
      </c>
      <c r="S27887">
        <v>40</v>
      </c>
      <c r="T27887">
        <v>40</v>
      </c>
      <c r="U27887">
        <v>40</v>
      </c>
      <c r="V27887">
        <v>41</v>
      </c>
      <c r="W27887">
        <v>41</v>
      </c>
      <c r="X27887">
        <v>41</v>
      </c>
      <c r="Y27887">
        <v>42</v>
      </c>
      <c r="Z27887">
        <v>42</v>
      </c>
      <c r="AA27887">
        <v>43</v>
      </c>
      <c r="AB27887">
        <v>43</v>
      </c>
      <c r="AC27887">
        <v>43</v>
      </c>
      <c r="AD27887">
        <v>44</v>
      </c>
      <c r="AE27887">
        <v>44</v>
      </c>
      <c r="AF27887">
        <v>44</v>
      </c>
      <c r="AG27887">
        <v>45</v>
      </c>
      <c r="AH27887">
        <v>45</v>
      </c>
      <c r="AI27887">
        <v>45</v>
      </c>
      <c r="AJ27887">
        <v>46</v>
      </c>
      <c r="AK27887">
        <v>46</v>
      </c>
      <c r="AL27887">
        <v>47</v>
      </c>
      <c r="AM27887">
        <v>47</v>
      </c>
      <c r="AN27887">
        <v>47</v>
      </c>
      <c r="AO27887">
        <v>48</v>
      </c>
      <c r="AP27887">
        <v>48</v>
      </c>
      <c r="AQ27887">
        <v>48</v>
      </c>
    </row>
    <row r="27888" spans="1:43">
      <c r="A27888" t="s">
        <v>17257</v>
      </c>
      <c r="B27888" t="s">
        <v>17258</v>
      </c>
      <c r="C27888" t="s">
        <v>17253</v>
      </c>
      <c r="D27888" t="s">
        <v>17254</v>
      </c>
      <c r="E27888" t="s">
        <v>17115</v>
      </c>
      <c r="F27888" t="s">
        <v>17116</v>
      </c>
      <c r="G27888" t="s">
        <v>16559</v>
      </c>
      <c r="H27888" t="s">
        <v>16560</v>
      </c>
      <c r="I27888" s="2">
        <v>1</v>
      </c>
      <c r="J27888" s="2">
        <v>0</v>
      </c>
      <c r="K27888" s="2">
        <v>0</v>
      </c>
      <c r="L27888" t="s">
        <v>120</v>
      </c>
      <c r="M27888" t="s">
        <v>89</v>
      </c>
      <c r="N27888" t="s">
        <v>90</v>
      </c>
      <c r="O27888" t="s">
        <v>85</v>
      </c>
      <c r="P27888" t="s">
        <v>86</v>
      </c>
      <c r="Q27888">
        <v>39</v>
      </c>
      <c r="R27888">
        <v>40</v>
      </c>
      <c r="S27888">
        <v>41</v>
      </c>
      <c r="T27888">
        <v>42</v>
      </c>
      <c r="U27888">
        <v>43</v>
      </c>
      <c r="V27888">
        <v>44</v>
      </c>
      <c r="W27888">
        <v>45</v>
      </c>
      <c r="X27888">
        <v>46</v>
      </c>
      <c r="Y27888">
        <v>47</v>
      </c>
      <c r="Z27888">
        <v>48</v>
      </c>
      <c r="AA27888">
        <v>49</v>
      </c>
      <c r="AB27888">
        <v>49</v>
      </c>
      <c r="AC27888">
        <v>50</v>
      </c>
      <c r="AD27888">
        <v>51</v>
      </c>
      <c r="AE27888">
        <v>52</v>
      </c>
      <c r="AF27888">
        <v>52</v>
      </c>
      <c r="AG27888">
        <v>52</v>
      </c>
      <c r="AH27888">
        <v>53</v>
      </c>
      <c r="AI27888">
        <v>53</v>
      </c>
      <c r="AJ27888">
        <v>53</v>
      </c>
      <c r="AK27888">
        <v>53</v>
      </c>
      <c r="AL27888">
        <v>54</v>
      </c>
      <c r="AM27888">
        <v>54</v>
      </c>
      <c r="AN27888">
        <v>54</v>
      </c>
      <c r="AO27888">
        <v>54</v>
      </c>
      <c r="AP27888">
        <v>54</v>
      </c>
      <c r="AQ27888">
        <v>55</v>
      </c>
    </row>
    <row r="27889" spans="1:43">
      <c r="A27889" t="s">
        <v>17257</v>
      </c>
      <c r="B27889" t="s">
        <v>17258</v>
      </c>
      <c r="C27889" t="s">
        <v>17253</v>
      </c>
      <c r="D27889" t="s">
        <v>17254</v>
      </c>
      <c r="E27889" t="s">
        <v>17115</v>
      </c>
      <c r="F27889" t="s">
        <v>17116</v>
      </c>
      <c r="G27889" t="s">
        <v>16559</v>
      </c>
      <c r="H27889" t="s">
        <v>16560</v>
      </c>
      <c r="I27889" s="2">
        <v>1</v>
      </c>
      <c r="J27889" s="2">
        <v>0</v>
      </c>
      <c r="K27889" s="2">
        <v>0</v>
      </c>
      <c r="L27889" t="s">
        <v>120</v>
      </c>
      <c r="M27889" t="s">
        <v>83</v>
      </c>
      <c r="N27889" t="s">
        <v>91</v>
      </c>
      <c r="O27889" t="s">
        <v>85</v>
      </c>
      <c r="P27889" t="s">
        <v>86</v>
      </c>
      <c r="Q27889">
        <v>39</v>
      </c>
      <c r="R27889">
        <v>40</v>
      </c>
      <c r="S27889">
        <v>41</v>
      </c>
      <c r="T27889">
        <v>42</v>
      </c>
      <c r="U27889">
        <v>42</v>
      </c>
      <c r="V27889">
        <v>43</v>
      </c>
      <c r="W27889">
        <v>44</v>
      </c>
      <c r="X27889">
        <v>44</v>
      </c>
      <c r="Y27889">
        <v>45</v>
      </c>
      <c r="Z27889">
        <v>46</v>
      </c>
      <c r="AA27889">
        <v>47</v>
      </c>
      <c r="AB27889">
        <v>47</v>
      </c>
      <c r="AC27889">
        <v>48</v>
      </c>
      <c r="AD27889">
        <v>49</v>
      </c>
      <c r="AE27889">
        <v>49</v>
      </c>
      <c r="AF27889">
        <v>50</v>
      </c>
      <c r="AG27889">
        <v>51</v>
      </c>
      <c r="AH27889">
        <v>52</v>
      </c>
      <c r="AI27889">
        <v>52</v>
      </c>
      <c r="AJ27889">
        <v>53</v>
      </c>
      <c r="AK27889">
        <v>54</v>
      </c>
      <c r="AL27889">
        <v>54</v>
      </c>
      <c r="AM27889">
        <v>54</v>
      </c>
      <c r="AN27889">
        <v>55</v>
      </c>
      <c r="AO27889">
        <v>55</v>
      </c>
      <c r="AP27889">
        <v>55</v>
      </c>
      <c r="AQ27889">
        <v>55</v>
      </c>
    </row>
    <row r="27890" spans="1:43">
      <c r="A27890" t="s">
        <v>17259</v>
      </c>
      <c r="B27890" t="s">
        <v>17260</v>
      </c>
      <c r="C27890" t="s">
        <v>17253</v>
      </c>
      <c r="D27890" t="s">
        <v>17254</v>
      </c>
      <c r="E27890" t="s">
        <v>17115</v>
      </c>
      <c r="F27890" t="s">
        <v>17116</v>
      </c>
      <c r="G27890" t="s">
        <v>16559</v>
      </c>
      <c r="H27890" t="s">
        <v>16560</v>
      </c>
      <c r="I27890" s="2">
        <v>1</v>
      </c>
      <c r="J27890" s="2">
        <v>0</v>
      </c>
      <c r="K27890" s="2">
        <v>0</v>
      </c>
      <c r="L27890" t="s">
        <v>120</v>
      </c>
      <c r="M27890" t="s">
        <v>83</v>
      </c>
      <c r="N27890" t="s">
        <v>84</v>
      </c>
      <c r="O27890" t="s">
        <v>85</v>
      </c>
      <c r="P27890" t="s">
        <v>86</v>
      </c>
      <c r="Q27890">
        <v>38</v>
      </c>
      <c r="R27890">
        <v>39</v>
      </c>
      <c r="S27890">
        <v>40</v>
      </c>
      <c r="T27890">
        <v>40</v>
      </c>
      <c r="U27890">
        <v>41</v>
      </c>
      <c r="V27890">
        <v>42</v>
      </c>
      <c r="W27890">
        <v>43</v>
      </c>
      <c r="X27890">
        <v>43</v>
      </c>
      <c r="Y27890">
        <v>44</v>
      </c>
      <c r="Z27890">
        <v>45</v>
      </c>
      <c r="AA27890">
        <v>45</v>
      </c>
      <c r="AB27890">
        <v>46</v>
      </c>
      <c r="AC27890">
        <v>47</v>
      </c>
      <c r="AD27890">
        <v>48</v>
      </c>
      <c r="AE27890">
        <v>48</v>
      </c>
      <c r="AF27890">
        <v>49</v>
      </c>
      <c r="AG27890">
        <v>50</v>
      </c>
      <c r="AH27890">
        <v>51</v>
      </c>
      <c r="AI27890">
        <v>51</v>
      </c>
      <c r="AJ27890">
        <v>52</v>
      </c>
      <c r="AK27890">
        <v>53</v>
      </c>
      <c r="AL27890">
        <v>53</v>
      </c>
      <c r="AM27890">
        <v>54</v>
      </c>
      <c r="AN27890">
        <v>54</v>
      </c>
      <c r="AO27890">
        <v>54</v>
      </c>
      <c r="AP27890">
        <v>54</v>
      </c>
      <c r="AQ27890">
        <v>55</v>
      </c>
    </row>
    <row r="27891" spans="1:43">
      <c r="A27891" t="s">
        <v>17259</v>
      </c>
      <c r="B27891" t="s">
        <v>17260</v>
      </c>
      <c r="C27891" t="s">
        <v>17253</v>
      </c>
      <c r="D27891" t="s">
        <v>17254</v>
      </c>
      <c r="E27891" t="s">
        <v>17115</v>
      </c>
      <c r="F27891" t="s">
        <v>17116</v>
      </c>
      <c r="G27891" t="s">
        <v>16559</v>
      </c>
      <c r="H27891" t="s">
        <v>16560</v>
      </c>
      <c r="I27891" s="2">
        <v>1</v>
      </c>
      <c r="J27891" s="2">
        <v>0</v>
      </c>
      <c r="K27891" s="2">
        <v>0</v>
      </c>
      <c r="L27891" t="s">
        <v>120</v>
      </c>
      <c r="M27891" t="s">
        <v>87</v>
      </c>
      <c r="N27891" t="s">
        <v>88</v>
      </c>
      <c r="O27891" t="s">
        <v>85</v>
      </c>
      <c r="P27891" t="s">
        <v>86</v>
      </c>
      <c r="Q27891">
        <v>38</v>
      </c>
      <c r="R27891">
        <v>38</v>
      </c>
      <c r="S27891">
        <v>39</v>
      </c>
      <c r="T27891">
        <v>39</v>
      </c>
      <c r="U27891">
        <v>39</v>
      </c>
      <c r="V27891">
        <v>40</v>
      </c>
      <c r="W27891">
        <v>40</v>
      </c>
      <c r="X27891">
        <v>40</v>
      </c>
      <c r="Y27891">
        <v>41</v>
      </c>
      <c r="Z27891">
        <v>41</v>
      </c>
      <c r="AA27891">
        <v>41</v>
      </c>
      <c r="AB27891">
        <v>42</v>
      </c>
      <c r="AC27891">
        <v>42</v>
      </c>
      <c r="AD27891">
        <v>42</v>
      </c>
      <c r="AE27891">
        <v>43</v>
      </c>
      <c r="AF27891">
        <v>43</v>
      </c>
      <c r="AG27891">
        <v>44</v>
      </c>
      <c r="AH27891">
        <v>44</v>
      </c>
      <c r="AI27891">
        <v>44</v>
      </c>
      <c r="AJ27891">
        <v>45</v>
      </c>
      <c r="AK27891">
        <v>45</v>
      </c>
      <c r="AL27891">
        <v>45</v>
      </c>
      <c r="AM27891">
        <v>46</v>
      </c>
      <c r="AN27891">
        <v>46</v>
      </c>
      <c r="AO27891">
        <v>47</v>
      </c>
      <c r="AP27891">
        <v>47</v>
      </c>
      <c r="AQ27891">
        <v>47</v>
      </c>
    </row>
    <row r="27892" spans="1:43">
      <c r="A27892" t="s">
        <v>17259</v>
      </c>
      <c r="B27892" t="s">
        <v>17260</v>
      </c>
      <c r="C27892" t="s">
        <v>17253</v>
      </c>
      <c r="D27892" t="s">
        <v>17254</v>
      </c>
      <c r="E27892" t="s">
        <v>17115</v>
      </c>
      <c r="F27892" t="s">
        <v>17116</v>
      </c>
      <c r="G27892" t="s">
        <v>16559</v>
      </c>
      <c r="H27892" t="s">
        <v>16560</v>
      </c>
      <c r="I27892" s="2">
        <v>1</v>
      </c>
      <c r="J27892" s="2">
        <v>0</v>
      </c>
      <c r="K27892" s="2">
        <v>0</v>
      </c>
      <c r="L27892" t="s">
        <v>120</v>
      </c>
      <c r="M27892" t="s">
        <v>89</v>
      </c>
      <c r="N27892" t="s">
        <v>90</v>
      </c>
      <c r="O27892" t="s">
        <v>85</v>
      </c>
      <c r="P27892" t="s">
        <v>86</v>
      </c>
      <c r="Q27892">
        <v>38</v>
      </c>
      <c r="R27892">
        <v>39</v>
      </c>
      <c r="S27892">
        <v>40</v>
      </c>
      <c r="T27892">
        <v>41</v>
      </c>
      <c r="U27892">
        <v>42</v>
      </c>
      <c r="V27892">
        <v>43</v>
      </c>
      <c r="W27892">
        <v>44</v>
      </c>
      <c r="X27892">
        <v>45</v>
      </c>
      <c r="Y27892">
        <v>46</v>
      </c>
      <c r="Z27892">
        <v>46</v>
      </c>
      <c r="AA27892">
        <v>47</v>
      </c>
      <c r="AB27892">
        <v>48</v>
      </c>
      <c r="AC27892">
        <v>49</v>
      </c>
      <c r="AD27892">
        <v>50</v>
      </c>
      <c r="AE27892">
        <v>51</v>
      </c>
      <c r="AF27892">
        <v>51</v>
      </c>
      <c r="AG27892">
        <v>52</v>
      </c>
      <c r="AH27892">
        <v>52</v>
      </c>
      <c r="AI27892">
        <v>52</v>
      </c>
      <c r="AJ27892">
        <v>52</v>
      </c>
      <c r="AK27892">
        <v>53</v>
      </c>
      <c r="AL27892">
        <v>53</v>
      </c>
      <c r="AM27892">
        <v>53</v>
      </c>
      <c r="AN27892">
        <v>53</v>
      </c>
      <c r="AO27892">
        <v>54</v>
      </c>
      <c r="AP27892">
        <v>54</v>
      </c>
      <c r="AQ27892">
        <v>54</v>
      </c>
    </row>
    <row r="27893" spans="1:43">
      <c r="A27893" t="s">
        <v>17259</v>
      </c>
      <c r="B27893" t="s">
        <v>17260</v>
      </c>
      <c r="C27893" t="s">
        <v>17253</v>
      </c>
      <c r="D27893" t="s">
        <v>17254</v>
      </c>
      <c r="E27893" t="s">
        <v>17115</v>
      </c>
      <c r="F27893" t="s">
        <v>17116</v>
      </c>
      <c r="G27893" t="s">
        <v>16559</v>
      </c>
      <c r="H27893" t="s">
        <v>16560</v>
      </c>
      <c r="I27893" s="2">
        <v>1</v>
      </c>
      <c r="J27893" s="2">
        <v>0</v>
      </c>
      <c r="K27893" s="2">
        <v>0</v>
      </c>
      <c r="L27893" t="s">
        <v>120</v>
      </c>
      <c r="M27893" t="s">
        <v>83</v>
      </c>
      <c r="N27893" t="s">
        <v>91</v>
      </c>
      <c r="O27893" t="s">
        <v>85</v>
      </c>
      <c r="P27893" t="s">
        <v>86</v>
      </c>
      <c r="Q27893">
        <v>38</v>
      </c>
      <c r="R27893">
        <v>39</v>
      </c>
      <c r="S27893">
        <v>40</v>
      </c>
      <c r="T27893">
        <v>40</v>
      </c>
      <c r="U27893">
        <v>41</v>
      </c>
      <c r="V27893">
        <v>42</v>
      </c>
      <c r="W27893">
        <v>43</v>
      </c>
      <c r="X27893">
        <v>43</v>
      </c>
      <c r="Y27893">
        <v>44</v>
      </c>
      <c r="Z27893">
        <v>45</v>
      </c>
      <c r="AA27893">
        <v>45</v>
      </c>
      <c r="AB27893">
        <v>46</v>
      </c>
      <c r="AC27893">
        <v>47</v>
      </c>
      <c r="AD27893">
        <v>48</v>
      </c>
      <c r="AE27893">
        <v>48</v>
      </c>
      <c r="AF27893">
        <v>49</v>
      </c>
      <c r="AG27893">
        <v>50</v>
      </c>
      <c r="AH27893">
        <v>51</v>
      </c>
      <c r="AI27893">
        <v>51</v>
      </c>
      <c r="AJ27893">
        <v>52</v>
      </c>
      <c r="AK27893">
        <v>53</v>
      </c>
      <c r="AL27893">
        <v>53</v>
      </c>
      <c r="AM27893">
        <v>54</v>
      </c>
      <c r="AN27893">
        <v>54</v>
      </c>
      <c r="AO27893">
        <v>54</v>
      </c>
      <c r="AP27893">
        <v>54</v>
      </c>
      <c r="AQ27893">
        <v>55</v>
      </c>
    </row>
    <row r="27894" spans="1:43">
      <c r="A27894" t="s">
        <v>17261</v>
      </c>
      <c r="B27894" t="s">
        <v>17262</v>
      </c>
      <c r="C27894" t="s">
        <v>17263</v>
      </c>
      <c r="D27894" t="s">
        <v>17264</v>
      </c>
      <c r="E27894" t="s">
        <v>17265</v>
      </c>
      <c r="F27894" t="s">
        <v>17266</v>
      </c>
      <c r="G27894" t="s">
        <v>16559</v>
      </c>
      <c r="H27894" t="s">
        <v>16560</v>
      </c>
      <c r="I27894" s="2">
        <v>1</v>
      </c>
      <c r="J27894" s="2">
        <v>0</v>
      </c>
      <c r="K27894" s="2">
        <v>0</v>
      </c>
      <c r="L27894" t="s">
        <v>120</v>
      </c>
      <c r="M27894" t="s">
        <v>83</v>
      </c>
      <c r="N27894" t="s">
        <v>84</v>
      </c>
      <c r="O27894" t="s">
        <v>85</v>
      </c>
      <c r="P27894" t="s">
        <v>86</v>
      </c>
      <c r="Q27894">
        <v>52</v>
      </c>
      <c r="R27894">
        <v>52</v>
      </c>
      <c r="S27894">
        <v>52</v>
      </c>
      <c r="T27894">
        <v>53</v>
      </c>
      <c r="U27894">
        <v>53</v>
      </c>
      <c r="V27894">
        <v>54</v>
      </c>
      <c r="W27894">
        <v>54</v>
      </c>
      <c r="X27894">
        <v>54</v>
      </c>
      <c r="Y27894">
        <v>55</v>
      </c>
      <c r="Z27894">
        <v>55</v>
      </c>
      <c r="AA27894">
        <v>55</v>
      </c>
      <c r="AB27894">
        <v>55</v>
      </c>
      <c r="AC27894">
        <v>56</v>
      </c>
      <c r="AD27894">
        <v>56</v>
      </c>
      <c r="AE27894">
        <v>56</v>
      </c>
      <c r="AF27894">
        <v>56</v>
      </c>
      <c r="AG27894">
        <v>57</v>
      </c>
      <c r="AH27894">
        <v>57</v>
      </c>
      <c r="AI27894">
        <v>57</v>
      </c>
      <c r="AJ27894">
        <v>57</v>
      </c>
      <c r="AK27894">
        <v>57</v>
      </c>
      <c r="AL27894">
        <v>57</v>
      </c>
      <c r="AM27894">
        <v>57</v>
      </c>
      <c r="AN27894">
        <v>57</v>
      </c>
      <c r="AO27894">
        <v>56</v>
      </c>
      <c r="AP27894">
        <v>56</v>
      </c>
      <c r="AQ27894">
        <v>56</v>
      </c>
    </row>
    <row r="27895" spans="1:43">
      <c r="A27895" t="s">
        <v>17261</v>
      </c>
      <c r="B27895" t="s">
        <v>17262</v>
      </c>
      <c r="C27895" t="s">
        <v>17263</v>
      </c>
      <c r="D27895" t="s">
        <v>17264</v>
      </c>
      <c r="E27895" t="s">
        <v>17265</v>
      </c>
      <c r="F27895" t="s">
        <v>17266</v>
      </c>
      <c r="G27895" t="s">
        <v>16559</v>
      </c>
      <c r="H27895" t="s">
        <v>16560</v>
      </c>
      <c r="I27895" s="2">
        <v>1</v>
      </c>
      <c r="J27895" s="2">
        <v>0</v>
      </c>
      <c r="K27895" s="2">
        <v>0</v>
      </c>
      <c r="L27895" t="s">
        <v>120</v>
      </c>
      <c r="M27895" t="s">
        <v>87</v>
      </c>
      <c r="N27895" t="s">
        <v>88</v>
      </c>
      <c r="O27895" t="s">
        <v>85</v>
      </c>
      <c r="P27895" t="s">
        <v>86</v>
      </c>
      <c r="Q27895">
        <v>52</v>
      </c>
      <c r="R27895">
        <v>52</v>
      </c>
      <c r="S27895">
        <v>52</v>
      </c>
      <c r="T27895">
        <v>52</v>
      </c>
      <c r="U27895">
        <v>52</v>
      </c>
      <c r="V27895">
        <v>52</v>
      </c>
      <c r="W27895">
        <v>52</v>
      </c>
      <c r="X27895">
        <v>52</v>
      </c>
      <c r="Y27895">
        <v>51</v>
      </c>
      <c r="Z27895">
        <v>51</v>
      </c>
      <c r="AA27895">
        <v>51</v>
      </c>
      <c r="AB27895">
        <v>51</v>
      </c>
      <c r="AC27895">
        <v>51</v>
      </c>
      <c r="AD27895">
        <v>51</v>
      </c>
      <c r="AE27895">
        <v>51</v>
      </c>
      <c r="AF27895">
        <v>51</v>
      </c>
      <c r="AG27895">
        <v>51</v>
      </c>
      <c r="AH27895">
        <v>51</v>
      </c>
      <c r="AI27895">
        <v>50</v>
      </c>
      <c r="AJ27895">
        <v>50</v>
      </c>
      <c r="AK27895">
        <v>50</v>
      </c>
      <c r="AL27895">
        <v>50</v>
      </c>
      <c r="AM27895">
        <v>50</v>
      </c>
      <c r="AN27895">
        <v>50</v>
      </c>
      <c r="AO27895">
        <v>50</v>
      </c>
      <c r="AP27895">
        <v>50</v>
      </c>
      <c r="AQ27895">
        <v>50</v>
      </c>
    </row>
    <row r="27896" spans="1:43">
      <c r="A27896" t="s">
        <v>17261</v>
      </c>
      <c r="B27896" t="s">
        <v>17262</v>
      </c>
      <c r="C27896" t="s">
        <v>17263</v>
      </c>
      <c r="D27896" t="s">
        <v>17264</v>
      </c>
      <c r="E27896" t="s">
        <v>17265</v>
      </c>
      <c r="F27896" t="s">
        <v>17266</v>
      </c>
      <c r="G27896" t="s">
        <v>16559</v>
      </c>
      <c r="H27896" t="s">
        <v>16560</v>
      </c>
      <c r="I27896" s="2">
        <v>1</v>
      </c>
      <c r="J27896" s="2">
        <v>0</v>
      </c>
      <c r="K27896" s="2">
        <v>0</v>
      </c>
      <c r="L27896" t="s">
        <v>120</v>
      </c>
      <c r="M27896" t="s">
        <v>89</v>
      </c>
      <c r="N27896" t="s">
        <v>90</v>
      </c>
      <c r="O27896" t="s">
        <v>85</v>
      </c>
      <c r="P27896" t="s">
        <v>86</v>
      </c>
      <c r="Q27896">
        <v>52</v>
      </c>
      <c r="R27896">
        <v>53</v>
      </c>
      <c r="S27896">
        <v>54</v>
      </c>
      <c r="T27896">
        <v>54</v>
      </c>
      <c r="U27896">
        <v>55</v>
      </c>
      <c r="V27896">
        <v>56</v>
      </c>
      <c r="W27896">
        <v>56</v>
      </c>
      <c r="X27896">
        <v>57</v>
      </c>
      <c r="Y27896">
        <v>58</v>
      </c>
      <c r="Z27896">
        <v>58</v>
      </c>
      <c r="AA27896">
        <v>59</v>
      </c>
      <c r="AB27896">
        <v>59</v>
      </c>
      <c r="AC27896">
        <v>59</v>
      </c>
      <c r="AD27896">
        <v>60</v>
      </c>
      <c r="AE27896">
        <v>60</v>
      </c>
      <c r="AF27896">
        <v>60</v>
      </c>
      <c r="AG27896">
        <v>59</v>
      </c>
      <c r="AH27896">
        <v>59</v>
      </c>
      <c r="AI27896">
        <v>59</v>
      </c>
      <c r="AJ27896">
        <v>58</v>
      </c>
      <c r="AK27896">
        <v>58</v>
      </c>
      <c r="AL27896">
        <v>58</v>
      </c>
      <c r="AM27896">
        <v>57</v>
      </c>
      <c r="AN27896">
        <v>57</v>
      </c>
      <c r="AO27896">
        <v>57</v>
      </c>
      <c r="AP27896">
        <v>56</v>
      </c>
      <c r="AQ27896">
        <v>56</v>
      </c>
    </row>
    <row r="27897" spans="1:43">
      <c r="A27897" t="s">
        <v>17261</v>
      </c>
      <c r="B27897" t="s">
        <v>17262</v>
      </c>
      <c r="C27897" t="s">
        <v>17263</v>
      </c>
      <c r="D27897" t="s">
        <v>17264</v>
      </c>
      <c r="E27897" t="s">
        <v>17265</v>
      </c>
      <c r="F27897" t="s">
        <v>17266</v>
      </c>
      <c r="G27897" t="s">
        <v>16559</v>
      </c>
      <c r="H27897" t="s">
        <v>16560</v>
      </c>
      <c r="I27897" s="2">
        <v>1</v>
      </c>
      <c r="J27897" s="2">
        <v>0</v>
      </c>
      <c r="K27897" s="2">
        <v>0</v>
      </c>
      <c r="L27897" t="s">
        <v>120</v>
      </c>
      <c r="M27897" t="s">
        <v>83</v>
      </c>
      <c r="N27897" t="s">
        <v>91</v>
      </c>
      <c r="O27897" t="s">
        <v>85</v>
      </c>
      <c r="P27897" t="s">
        <v>86</v>
      </c>
      <c r="Q27897">
        <v>52</v>
      </c>
      <c r="R27897">
        <v>52</v>
      </c>
      <c r="S27897">
        <v>52</v>
      </c>
      <c r="T27897">
        <v>53</v>
      </c>
      <c r="U27897">
        <v>53</v>
      </c>
      <c r="V27897">
        <v>54</v>
      </c>
      <c r="W27897">
        <v>54</v>
      </c>
      <c r="X27897">
        <v>54</v>
      </c>
      <c r="Y27897">
        <v>55</v>
      </c>
      <c r="Z27897">
        <v>55</v>
      </c>
      <c r="AA27897">
        <v>55</v>
      </c>
      <c r="AB27897">
        <v>55</v>
      </c>
      <c r="AC27897">
        <v>56</v>
      </c>
      <c r="AD27897">
        <v>56</v>
      </c>
      <c r="AE27897">
        <v>56</v>
      </c>
      <c r="AF27897">
        <v>56</v>
      </c>
      <c r="AG27897">
        <v>57</v>
      </c>
      <c r="AH27897">
        <v>57</v>
      </c>
      <c r="AI27897">
        <v>57</v>
      </c>
      <c r="AJ27897">
        <v>57</v>
      </c>
      <c r="AK27897">
        <v>57</v>
      </c>
      <c r="AL27897">
        <v>57</v>
      </c>
      <c r="AM27897">
        <v>57</v>
      </c>
      <c r="AN27897">
        <v>57</v>
      </c>
      <c r="AO27897">
        <v>56</v>
      </c>
      <c r="AP27897">
        <v>56</v>
      </c>
      <c r="AQ27897">
        <v>56</v>
      </c>
    </row>
    <row r="27898" spans="1:43">
      <c r="A27898" t="s">
        <v>17267</v>
      </c>
      <c r="B27898" t="s">
        <v>17268</v>
      </c>
      <c r="C27898" t="s">
        <v>17263</v>
      </c>
      <c r="D27898" t="s">
        <v>17264</v>
      </c>
      <c r="E27898" t="s">
        <v>17265</v>
      </c>
      <c r="F27898" t="s">
        <v>17266</v>
      </c>
      <c r="G27898" t="s">
        <v>16559</v>
      </c>
      <c r="H27898" t="s">
        <v>16560</v>
      </c>
      <c r="I27898" s="2">
        <v>1</v>
      </c>
      <c r="J27898" s="2">
        <v>0</v>
      </c>
      <c r="K27898" s="2">
        <v>0</v>
      </c>
      <c r="L27898" t="s">
        <v>120</v>
      </c>
      <c r="M27898" t="s">
        <v>83</v>
      </c>
      <c r="N27898" t="s">
        <v>84</v>
      </c>
      <c r="O27898" t="s">
        <v>85</v>
      </c>
      <c r="P27898" t="s">
        <v>86</v>
      </c>
      <c r="Q27898">
        <v>35</v>
      </c>
      <c r="R27898">
        <v>35</v>
      </c>
      <c r="S27898">
        <v>36</v>
      </c>
      <c r="T27898">
        <v>36</v>
      </c>
      <c r="U27898">
        <v>36</v>
      </c>
      <c r="V27898">
        <v>36</v>
      </c>
      <c r="W27898">
        <v>37</v>
      </c>
      <c r="X27898">
        <v>37</v>
      </c>
      <c r="Y27898">
        <v>37</v>
      </c>
      <c r="Z27898">
        <v>37</v>
      </c>
      <c r="AA27898">
        <v>38</v>
      </c>
      <c r="AB27898">
        <v>38</v>
      </c>
      <c r="AC27898">
        <v>38</v>
      </c>
      <c r="AD27898">
        <v>38</v>
      </c>
      <c r="AE27898">
        <v>38</v>
      </c>
      <c r="AF27898">
        <v>38</v>
      </c>
      <c r="AG27898">
        <v>39</v>
      </c>
      <c r="AH27898">
        <v>39</v>
      </c>
      <c r="AI27898">
        <v>39</v>
      </c>
      <c r="AJ27898">
        <v>39</v>
      </c>
      <c r="AK27898">
        <v>39</v>
      </c>
      <c r="AL27898">
        <v>39</v>
      </c>
      <c r="AM27898">
        <v>39</v>
      </c>
      <c r="AN27898">
        <v>39</v>
      </c>
      <c r="AO27898">
        <v>38</v>
      </c>
      <c r="AP27898">
        <v>38</v>
      </c>
      <c r="AQ27898">
        <v>38</v>
      </c>
    </row>
    <row r="27899" spans="1:43">
      <c r="A27899" t="s">
        <v>17267</v>
      </c>
      <c r="B27899" t="s">
        <v>17268</v>
      </c>
      <c r="C27899" t="s">
        <v>17263</v>
      </c>
      <c r="D27899" t="s">
        <v>17264</v>
      </c>
      <c r="E27899" t="s">
        <v>17265</v>
      </c>
      <c r="F27899" t="s">
        <v>17266</v>
      </c>
      <c r="G27899" t="s">
        <v>16559</v>
      </c>
      <c r="H27899" t="s">
        <v>16560</v>
      </c>
      <c r="I27899" s="2">
        <v>1</v>
      </c>
      <c r="J27899" s="2">
        <v>0</v>
      </c>
      <c r="K27899" s="2">
        <v>0</v>
      </c>
      <c r="L27899" t="s">
        <v>120</v>
      </c>
      <c r="M27899" t="s">
        <v>87</v>
      </c>
      <c r="N27899" t="s">
        <v>88</v>
      </c>
      <c r="O27899" t="s">
        <v>85</v>
      </c>
      <c r="P27899" t="s">
        <v>86</v>
      </c>
      <c r="Q27899">
        <v>35</v>
      </c>
      <c r="R27899">
        <v>35</v>
      </c>
      <c r="S27899">
        <v>35</v>
      </c>
      <c r="T27899">
        <v>35</v>
      </c>
      <c r="U27899">
        <v>35</v>
      </c>
      <c r="V27899">
        <v>35</v>
      </c>
      <c r="W27899">
        <v>35</v>
      </c>
      <c r="X27899">
        <v>34</v>
      </c>
      <c r="Y27899">
        <v>34</v>
      </c>
      <c r="Z27899">
        <v>34</v>
      </c>
      <c r="AA27899">
        <v>34</v>
      </c>
      <c r="AB27899">
        <v>34</v>
      </c>
      <c r="AC27899">
        <v>34</v>
      </c>
      <c r="AD27899">
        <v>34</v>
      </c>
      <c r="AE27899">
        <v>34</v>
      </c>
      <c r="AF27899">
        <v>34</v>
      </c>
      <c r="AG27899">
        <v>34</v>
      </c>
      <c r="AH27899">
        <v>34</v>
      </c>
      <c r="AI27899">
        <v>34</v>
      </c>
      <c r="AJ27899">
        <v>34</v>
      </c>
      <c r="AK27899">
        <v>34</v>
      </c>
      <c r="AL27899">
        <v>34</v>
      </c>
      <c r="AM27899">
        <v>33</v>
      </c>
      <c r="AN27899">
        <v>33</v>
      </c>
      <c r="AO27899">
        <v>33</v>
      </c>
      <c r="AP27899">
        <v>33</v>
      </c>
      <c r="AQ27899">
        <v>33</v>
      </c>
    </row>
    <row r="27900" spans="1:43">
      <c r="A27900" t="s">
        <v>17267</v>
      </c>
      <c r="B27900" t="s">
        <v>17268</v>
      </c>
      <c r="C27900" t="s">
        <v>17263</v>
      </c>
      <c r="D27900" t="s">
        <v>17264</v>
      </c>
      <c r="E27900" t="s">
        <v>17265</v>
      </c>
      <c r="F27900" t="s">
        <v>17266</v>
      </c>
      <c r="G27900" t="s">
        <v>16559</v>
      </c>
      <c r="H27900" t="s">
        <v>16560</v>
      </c>
      <c r="I27900" s="2">
        <v>1</v>
      </c>
      <c r="J27900" s="2">
        <v>0</v>
      </c>
      <c r="K27900" s="2">
        <v>0</v>
      </c>
      <c r="L27900" t="s">
        <v>120</v>
      </c>
      <c r="M27900" t="s">
        <v>89</v>
      </c>
      <c r="N27900" t="s">
        <v>90</v>
      </c>
      <c r="O27900" t="s">
        <v>85</v>
      </c>
      <c r="P27900" t="s">
        <v>86</v>
      </c>
      <c r="Q27900">
        <v>35</v>
      </c>
      <c r="R27900">
        <v>36</v>
      </c>
      <c r="S27900">
        <v>37</v>
      </c>
      <c r="T27900">
        <v>37</v>
      </c>
      <c r="U27900">
        <v>38</v>
      </c>
      <c r="V27900">
        <v>38</v>
      </c>
      <c r="W27900">
        <v>39</v>
      </c>
      <c r="X27900">
        <v>39</v>
      </c>
      <c r="Y27900">
        <v>39</v>
      </c>
      <c r="Z27900">
        <v>40</v>
      </c>
      <c r="AA27900">
        <v>40</v>
      </c>
      <c r="AB27900">
        <v>40</v>
      </c>
      <c r="AC27900">
        <v>41</v>
      </c>
      <c r="AD27900">
        <v>41</v>
      </c>
      <c r="AE27900">
        <v>41</v>
      </c>
      <c r="AF27900">
        <v>41</v>
      </c>
      <c r="AG27900">
        <v>40</v>
      </c>
      <c r="AH27900">
        <v>40</v>
      </c>
      <c r="AI27900">
        <v>40</v>
      </c>
      <c r="AJ27900">
        <v>40</v>
      </c>
      <c r="AK27900">
        <v>40</v>
      </c>
      <c r="AL27900">
        <v>39</v>
      </c>
      <c r="AM27900">
        <v>39</v>
      </c>
      <c r="AN27900">
        <v>39</v>
      </c>
      <c r="AO27900">
        <v>39</v>
      </c>
      <c r="AP27900">
        <v>39</v>
      </c>
      <c r="AQ27900">
        <v>38</v>
      </c>
    </row>
    <row r="27901" spans="1:43">
      <c r="A27901" t="s">
        <v>17267</v>
      </c>
      <c r="B27901" t="s">
        <v>17268</v>
      </c>
      <c r="C27901" t="s">
        <v>17263</v>
      </c>
      <c r="D27901" t="s">
        <v>17264</v>
      </c>
      <c r="E27901" t="s">
        <v>17265</v>
      </c>
      <c r="F27901" t="s">
        <v>17266</v>
      </c>
      <c r="G27901" t="s">
        <v>16559</v>
      </c>
      <c r="H27901" t="s">
        <v>16560</v>
      </c>
      <c r="I27901" s="2">
        <v>1</v>
      </c>
      <c r="J27901" s="2">
        <v>0</v>
      </c>
      <c r="K27901" s="2">
        <v>0</v>
      </c>
      <c r="L27901" t="s">
        <v>120</v>
      </c>
      <c r="M27901" t="s">
        <v>83</v>
      </c>
      <c r="N27901" t="s">
        <v>91</v>
      </c>
      <c r="O27901" t="s">
        <v>85</v>
      </c>
      <c r="P27901" t="s">
        <v>86</v>
      </c>
      <c r="Q27901">
        <v>35</v>
      </c>
      <c r="R27901">
        <v>35</v>
      </c>
      <c r="S27901">
        <v>36</v>
      </c>
      <c r="T27901">
        <v>36</v>
      </c>
      <c r="U27901">
        <v>36</v>
      </c>
      <c r="V27901">
        <v>36</v>
      </c>
      <c r="W27901">
        <v>37</v>
      </c>
      <c r="X27901">
        <v>37</v>
      </c>
      <c r="Y27901">
        <v>37</v>
      </c>
      <c r="Z27901">
        <v>37</v>
      </c>
      <c r="AA27901">
        <v>38</v>
      </c>
      <c r="AB27901">
        <v>38</v>
      </c>
      <c r="AC27901">
        <v>38</v>
      </c>
      <c r="AD27901">
        <v>38</v>
      </c>
      <c r="AE27901">
        <v>38</v>
      </c>
      <c r="AF27901">
        <v>38</v>
      </c>
      <c r="AG27901">
        <v>39</v>
      </c>
      <c r="AH27901">
        <v>39</v>
      </c>
      <c r="AI27901">
        <v>39</v>
      </c>
      <c r="AJ27901">
        <v>39</v>
      </c>
      <c r="AK27901">
        <v>39</v>
      </c>
      <c r="AL27901">
        <v>39</v>
      </c>
      <c r="AM27901">
        <v>39</v>
      </c>
      <c r="AN27901">
        <v>39</v>
      </c>
      <c r="AO27901">
        <v>38</v>
      </c>
      <c r="AP27901">
        <v>38</v>
      </c>
      <c r="AQ27901">
        <v>38</v>
      </c>
    </row>
    <row r="27902" spans="1:43">
      <c r="A27902" t="s">
        <v>17269</v>
      </c>
      <c r="B27902" t="s">
        <v>17270</v>
      </c>
      <c r="C27902" t="s">
        <v>17271</v>
      </c>
      <c r="D27902" t="s">
        <v>17272</v>
      </c>
      <c r="E27902" t="s">
        <v>17265</v>
      </c>
      <c r="F27902" t="s">
        <v>17266</v>
      </c>
      <c r="G27902" t="s">
        <v>16559</v>
      </c>
      <c r="H27902" t="s">
        <v>16560</v>
      </c>
      <c r="I27902" s="2">
        <v>1</v>
      </c>
      <c r="J27902" s="2">
        <v>0</v>
      </c>
      <c r="K27902" s="2">
        <v>0</v>
      </c>
      <c r="L27902" t="s">
        <v>120</v>
      </c>
      <c r="M27902" t="s">
        <v>83</v>
      </c>
      <c r="N27902" t="s">
        <v>84</v>
      </c>
      <c r="O27902" t="s">
        <v>85</v>
      </c>
      <c r="P27902" t="s">
        <v>86</v>
      </c>
      <c r="Q27902">
        <v>3</v>
      </c>
      <c r="R27902">
        <v>3</v>
      </c>
      <c r="S27902">
        <v>3</v>
      </c>
      <c r="T27902">
        <v>3</v>
      </c>
      <c r="U27902">
        <v>4</v>
      </c>
      <c r="V27902">
        <v>4</v>
      </c>
      <c r="W27902">
        <v>4</v>
      </c>
      <c r="X27902">
        <v>4</v>
      </c>
      <c r="Y27902">
        <v>4</v>
      </c>
      <c r="Z27902">
        <v>4</v>
      </c>
      <c r="AA27902">
        <v>4</v>
      </c>
      <c r="AB27902">
        <v>4</v>
      </c>
      <c r="AC27902">
        <v>4</v>
      </c>
      <c r="AD27902">
        <v>4</v>
      </c>
      <c r="AE27902">
        <v>4</v>
      </c>
      <c r="AF27902">
        <v>4</v>
      </c>
      <c r="AG27902">
        <v>4</v>
      </c>
      <c r="AH27902">
        <v>4</v>
      </c>
      <c r="AI27902">
        <v>4</v>
      </c>
      <c r="AJ27902">
        <v>4</v>
      </c>
      <c r="AK27902">
        <v>4</v>
      </c>
      <c r="AL27902">
        <v>4</v>
      </c>
      <c r="AM27902">
        <v>4</v>
      </c>
      <c r="AN27902">
        <v>4</v>
      </c>
      <c r="AO27902">
        <v>4</v>
      </c>
      <c r="AP27902">
        <v>4</v>
      </c>
      <c r="AQ27902">
        <v>4</v>
      </c>
    </row>
    <row r="27903" spans="1:43">
      <c r="A27903" t="s">
        <v>17269</v>
      </c>
      <c r="B27903" t="s">
        <v>17270</v>
      </c>
      <c r="C27903" t="s">
        <v>17271</v>
      </c>
      <c r="D27903" t="s">
        <v>17272</v>
      </c>
      <c r="E27903" t="s">
        <v>17265</v>
      </c>
      <c r="F27903" t="s">
        <v>17266</v>
      </c>
      <c r="G27903" t="s">
        <v>16559</v>
      </c>
      <c r="H27903" t="s">
        <v>16560</v>
      </c>
      <c r="I27903" s="2">
        <v>1</v>
      </c>
      <c r="J27903" s="2">
        <v>0</v>
      </c>
      <c r="K27903" s="2">
        <v>0</v>
      </c>
      <c r="L27903" t="s">
        <v>120</v>
      </c>
      <c r="M27903" t="s">
        <v>87</v>
      </c>
      <c r="N27903" t="s">
        <v>88</v>
      </c>
      <c r="O27903" t="s">
        <v>85</v>
      </c>
      <c r="P27903" t="s">
        <v>86</v>
      </c>
      <c r="Q27903">
        <v>3</v>
      </c>
      <c r="R27903">
        <v>3</v>
      </c>
      <c r="S27903">
        <v>3</v>
      </c>
      <c r="T27903">
        <v>3</v>
      </c>
      <c r="U27903">
        <v>3</v>
      </c>
      <c r="V27903">
        <v>3</v>
      </c>
      <c r="W27903">
        <v>3</v>
      </c>
      <c r="X27903">
        <v>3</v>
      </c>
      <c r="Y27903">
        <v>3</v>
      </c>
      <c r="Z27903">
        <v>3</v>
      </c>
      <c r="AA27903">
        <v>3</v>
      </c>
      <c r="AB27903">
        <v>3</v>
      </c>
      <c r="AC27903">
        <v>3</v>
      </c>
      <c r="AD27903">
        <v>3</v>
      </c>
      <c r="AE27903">
        <v>3</v>
      </c>
      <c r="AF27903">
        <v>3</v>
      </c>
      <c r="AG27903">
        <v>3</v>
      </c>
      <c r="AH27903">
        <v>3</v>
      </c>
      <c r="AI27903">
        <v>3</v>
      </c>
      <c r="AJ27903">
        <v>3</v>
      </c>
      <c r="AK27903">
        <v>3</v>
      </c>
      <c r="AL27903">
        <v>3</v>
      </c>
      <c r="AM27903">
        <v>3</v>
      </c>
      <c r="AN27903">
        <v>3</v>
      </c>
      <c r="AO27903">
        <v>3</v>
      </c>
      <c r="AP27903">
        <v>3</v>
      </c>
      <c r="AQ27903">
        <v>3</v>
      </c>
    </row>
    <row r="27904" spans="1:43">
      <c r="A27904" t="s">
        <v>17269</v>
      </c>
      <c r="B27904" t="s">
        <v>17270</v>
      </c>
      <c r="C27904" t="s">
        <v>17271</v>
      </c>
      <c r="D27904" t="s">
        <v>17272</v>
      </c>
      <c r="E27904" t="s">
        <v>17265</v>
      </c>
      <c r="F27904" t="s">
        <v>17266</v>
      </c>
      <c r="G27904" t="s">
        <v>16559</v>
      </c>
      <c r="H27904" t="s">
        <v>16560</v>
      </c>
      <c r="I27904" s="2">
        <v>1</v>
      </c>
      <c r="J27904" s="2">
        <v>0</v>
      </c>
      <c r="K27904" s="2">
        <v>0</v>
      </c>
      <c r="L27904" t="s">
        <v>120</v>
      </c>
      <c r="M27904" t="s">
        <v>89</v>
      </c>
      <c r="N27904" t="s">
        <v>90</v>
      </c>
      <c r="O27904" t="s">
        <v>85</v>
      </c>
      <c r="P27904" t="s">
        <v>86</v>
      </c>
      <c r="Q27904">
        <v>3</v>
      </c>
      <c r="R27904">
        <v>3</v>
      </c>
      <c r="S27904">
        <v>4</v>
      </c>
      <c r="T27904">
        <v>4</v>
      </c>
      <c r="U27904">
        <v>4</v>
      </c>
      <c r="V27904">
        <v>4</v>
      </c>
      <c r="W27904">
        <v>4</v>
      </c>
      <c r="X27904">
        <v>4</v>
      </c>
      <c r="Y27904">
        <v>4</v>
      </c>
      <c r="Z27904">
        <v>4</v>
      </c>
      <c r="AA27904">
        <v>4</v>
      </c>
      <c r="AB27904">
        <v>4</v>
      </c>
      <c r="AC27904">
        <v>4</v>
      </c>
      <c r="AD27904">
        <v>4</v>
      </c>
      <c r="AE27904">
        <v>4</v>
      </c>
      <c r="AF27904">
        <v>4</v>
      </c>
      <c r="AG27904">
        <v>4</v>
      </c>
      <c r="AH27904">
        <v>4</v>
      </c>
      <c r="AI27904">
        <v>4</v>
      </c>
      <c r="AJ27904">
        <v>4</v>
      </c>
      <c r="AK27904">
        <v>4</v>
      </c>
      <c r="AL27904">
        <v>4</v>
      </c>
      <c r="AM27904">
        <v>4</v>
      </c>
      <c r="AN27904">
        <v>4</v>
      </c>
      <c r="AO27904">
        <v>4</v>
      </c>
      <c r="AP27904">
        <v>4</v>
      </c>
      <c r="AQ27904">
        <v>4</v>
      </c>
    </row>
    <row r="27905" spans="1:43">
      <c r="A27905" t="s">
        <v>17269</v>
      </c>
      <c r="B27905" t="s">
        <v>17270</v>
      </c>
      <c r="C27905" t="s">
        <v>17271</v>
      </c>
      <c r="D27905" t="s">
        <v>17272</v>
      </c>
      <c r="E27905" t="s">
        <v>17265</v>
      </c>
      <c r="F27905" t="s">
        <v>17266</v>
      </c>
      <c r="G27905" t="s">
        <v>16559</v>
      </c>
      <c r="H27905" t="s">
        <v>16560</v>
      </c>
      <c r="I27905" s="2">
        <v>1</v>
      </c>
      <c r="J27905" s="2">
        <v>0</v>
      </c>
      <c r="K27905" s="2">
        <v>0</v>
      </c>
      <c r="L27905" t="s">
        <v>120</v>
      </c>
      <c r="M27905" t="s">
        <v>83</v>
      </c>
      <c r="N27905" t="s">
        <v>91</v>
      </c>
      <c r="O27905" t="s">
        <v>85</v>
      </c>
      <c r="P27905" t="s">
        <v>86</v>
      </c>
      <c r="Q27905">
        <v>3</v>
      </c>
      <c r="R27905">
        <v>3</v>
      </c>
      <c r="S27905">
        <v>3</v>
      </c>
      <c r="T27905">
        <v>3</v>
      </c>
      <c r="U27905">
        <v>4</v>
      </c>
      <c r="V27905">
        <v>4</v>
      </c>
      <c r="W27905">
        <v>4</v>
      </c>
      <c r="X27905">
        <v>4</v>
      </c>
      <c r="Y27905">
        <v>4</v>
      </c>
      <c r="Z27905">
        <v>4</v>
      </c>
      <c r="AA27905">
        <v>4</v>
      </c>
      <c r="AB27905">
        <v>4</v>
      </c>
      <c r="AC27905">
        <v>4</v>
      </c>
      <c r="AD27905">
        <v>4</v>
      </c>
      <c r="AE27905">
        <v>4</v>
      </c>
      <c r="AF27905">
        <v>4</v>
      </c>
      <c r="AG27905">
        <v>4</v>
      </c>
      <c r="AH27905">
        <v>4</v>
      </c>
      <c r="AI27905">
        <v>4</v>
      </c>
      <c r="AJ27905">
        <v>4</v>
      </c>
      <c r="AK27905">
        <v>4</v>
      </c>
      <c r="AL27905">
        <v>4</v>
      </c>
      <c r="AM27905">
        <v>4</v>
      </c>
      <c r="AN27905">
        <v>4</v>
      </c>
      <c r="AO27905">
        <v>4</v>
      </c>
      <c r="AP27905">
        <v>4</v>
      </c>
      <c r="AQ27905">
        <v>4</v>
      </c>
    </row>
    <row r="27906" spans="1:43">
      <c r="A27906" t="s">
        <v>17273</v>
      </c>
      <c r="B27906" t="s">
        <v>17274</v>
      </c>
      <c r="C27906" t="s">
        <v>17271</v>
      </c>
      <c r="D27906" t="s">
        <v>17272</v>
      </c>
      <c r="E27906" t="s">
        <v>17265</v>
      </c>
      <c r="F27906" t="s">
        <v>17266</v>
      </c>
      <c r="G27906" t="s">
        <v>16559</v>
      </c>
      <c r="H27906" t="s">
        <v>16560</v>
      </c>
      <c r="I27906" s="2">
        <v>1</v>
      </c>
      <c r="J27906" s="2">
        <v>0</v>
      </c>
      <c r="K27906" s="2">
        <v>0</v>
      </c>
      <c r="L27906" t="s">
        <v>120</v>
      </c>
      <c r="M27906" t="s">
        <v>83</v>
      </c>
      <c r="N27906" t="s">
        <v>84</v>
      </c>
      <c r="O27906" t="s">
        <v>85</v>
      </c>
      <c r="P27906" t="s">
        <v>86</v>
      </c>
      <c r="Q27906">
        <v>4</v>
      </c>
      <c r="R27906">
        <v>4</v>
      </c>
      <c r="S27906">
        <v>4</v>
      </c>
      <c r="T27906">
        <v>4</v>
      </c>
      <c r="U27906">
        <v>4</v>
      </c>
      <c r="V27906">
        <v>4</v>
      </c>
      <c r="W27906">
        <v>4</v>
      </c>
      <c r="X27906">
        <v>4</v>
      </c>
      <c r="Y27906">
        <v>5</v>
      </c>
      <c r="Z27906">
        <v>5</v>
      </c>
      <c r="AA27906">
        <v>5</v>
      </c>
      <c r="AB27906">
        <v>5</v>
      </c>
      <c r="AC27906">
        <v>5</v>
      </c>
      <c r="AD27906">
        <v>5</v>
      </c>
      <c r="AE27906">
        <v>5</v>
      </c>
      <c r="AF27906">
        <v>5</v>
      </c>
      <c r="AG27906">
        <v>5</v>
      </c>
      <c r="AH27906">
        <v>5</v>
      </c>
      <c r="AI27906">
        <v>5</v>
      </c>
      <c r="AJ27906">
        <v>5</v>
      </c>
      <c r="AK27906">
        <v>5</v>
      </c>
      <c r="AL27906">
        <v>5</v>
      </c>
      <c r="AM27906">
        <v>5</v>
      </c>
      <c r="AN27906">
        <v>5</v>
      </c>
      <c r="AO27906">
        <v>5</v>
      </c>
      <c r="AP27906">
        <v>5</v>
      </c>
      <c r="AQ27906">
        <v>5</v>
      </c>
    </row>
    <row r="27907" spans="1:43">
      <c r="A27907" t="s">
        <v>17273</v>
      </c>
      <c r="B27907" t="s">
        <v>17274</v>
      </c>
      <c r="C27907" t="s">
        <v>17271</v>
      </c>
      <c r="D27907" t="s">
        <v>17272</v>
      </c>
      <c r="E27907" t="s">
        <v>17265</v>
      </c>
      <c r="F27907" t="s">
        <v>17266</v>
      </c>
      <c r="G27907" t="s">
        <v>16559</v>
      </c>
      <c r="H27907" t="s">
        <v>16560</v>
      </c>
      <c r="I27907" s="2">
        <v>1</v>
      </c>
      <c r="J27907" s="2">
        <v>0</v>
      </c>
      <c r="K27907" s="2">
        <v>0</v>
      </c>
      <c r="L27907" t="s">
        <v>120</v>
      </c>
      <c r="M27907" t="s">
        <v>87</v>
      </c>
      <c r="N27907" t="s">
        <v>88</v>
      </c>
      <c r="O27907" t="s">
        <v>85</v>
      </c>
      <c r="P27907" t="s">
        <v>86</v>
      </c>
      <c r="Q27907">
        <v>4</v>
      </c>
      <c r="R27907">
        <v>4</v>
      </c>
      <c r="S27907">
        <v>4</v>
      </c>
      <c r="T27907">
        <v>4</v>
      </c>
      <c r="U27907">
        <v>4</v>
      </c>
      <c r="V27907">
        <v>4</v>
      </c>
      <c r="W27907">
        <v>4</v>
      </c>
      <c r="X27907">
        <v>4</v>
      </c>
      <c r="Y27907">
        <v>4</v>
      </c>
      <c r="Z27907">
        <v>4</v>
      </c>
      <c r="AA27907">
        <v>4</v>
      </c>
      <c r="AB27907">
        <v>4</v>
      </c>
      <c r="AC27907">
        <v>4</v>
      </c>
      <c r="AD27907">
        <v>4</v>
      </c>
      <c r="AE27907">
        <v>4</v>
      </c>
      <c r="AF27907">
        <v>4</v>
      </c>
      <c r="AG27907">
        <v>4</v>
      </c>
      <c r="AH27907">
        <v>4</v>
      </c>
      <c r="AI27907">
        <v>4</v>
      </c>
      <c r="AJ27907">
        <v>4</v>
      </c>
      <c r="AK27907">
        <v>4</v>
      </c>
      <c r="AL27907">
        <v>4</v>
      </c>
      <c r="AM27907">
        <v>4</v>
      </c>
      <c r="AN27907">
        <v>4</v>
      </c>
      <c r="AO27907">
        <v>4</v>
      </c>
      <c r="AP27907">
        <v>4</v>
      </c>
      <c r="AQ27907">
        <v>4</v>
      </c>
    </row>
    <row r="27908" spans="1:43">
      <c r="A27908" t="s">
        <v>17273</v>
      </c>
      <c r="B27908" t="s">
        <v>17274</v>
      </c>
      <c r="C27908" t="s">
        <v>17271</v>
      </c>
      <c r="D27908" t="s">
        <v>17272</v>
      </c>
      <c r="E27908" t="s">
        <v>17265</v>
      </c>
      <c r="F27908" t="s">
        <v>17266</v>
      </c>
      <c r="G27908" t="s">
        <v>16559</v>
      </c>
      <c r="H27908" t="s">
        <v>16560</v>
      </c>
      <c r="I27908" s="2">
        <v>1</v>
      </c>
      <c r="J27908" s="2">
        <v>0</v>
      </c>
      <c r="K27908" s="2">
        <v>0</v>
      </c>
      <c r="L27908" t="s">
        <v>120</v>
      </c>
      <c r="M27908" t="s">
        <v>89</v>
      </c>
      <c r="N27908" t="s">
        <v>90</v>
      </c>
      <c r="O27908" t="s">
        <v>85</v>
      </c>
      <c r="P27908" t="s">
        <v>86</v>
      </c>
      <c r="Q27908">
        <v>4</v>
      </c>
      <c r="R27908">
        <v>4</v>
      </c>
      <c r="S27908">
        <v>4</v>
      </c>
      <c r="T27908">
        <v>5</v>
      </c>
      <c r="U27908">
        <v>5</v>
      </c>
      <c r="V27908">
        <v>5</v>
      </c>
      <c r="W27908">
        <v>5</v>
      </c>
      <c r="X27908">
        <v>5</v>
      </c>
      <c r="Y27908">
        <v>5</v>
      </c>
      <c r="Z27908">
        <v>5</v>
      </c>
      <c r="AA27908">
        <v>5</v>
      </c>
      <c r="AB27908">
        <v>5</v>
      </c>
      <c r="AC27908">
        <v>5</v>
      </c>
      <c r="AD27908">
        <v>5</v>
      </c>
      <c r="AE27908">
        <v>5</v>
      </c>
      <c r="AF27908">
        <v>5</v>
      </c>
      <c r="AG27908">
        <v>5</v>
      </c>
      <c r="AH27908">
        <v>5</v>
      </c>
      <c r="AI27908">
        <v>5</v>
      </c>
      <c r="AJ27908">
        <v>5</v>
      </c>
      <c r="AK27908">
        <v>5</v>
      </c>
      <c r="AL27908">
        <v>5</v>
      </c>
      <c r="AM27908">
        <v>5</v>
      </c>
      <c r="AN27908">
        <v>5</v>
      </c>
      <c r="AO27908">
        <v>5</v>
      </c>
      <c r="AP27908">
        <v>5</v>
      </c>
      <c r="AQ27908">
        <v>5</v>
      </c>
    </row>
    <row r="27909" spans="1:43">
      <c r="A27909" t="s">
        <v>17273</v>
      </c>
      <c r="B27909" t="s">
        <v>17274</v>
      </c>
      <c r="C27909" t="s">
        <v>17271</v>
      </c>
      <c r="D27909" t="s">
        <v>17272</v>
      </c>
      <c r="E27909" t="s">
        <v>17265</v>
      </c>
      <c r="F27909" t="s">
        <v>17266</v>
      </c>
      <c r="G27909" t="s">
        <v>16559</v>
      </c>
      <c r="H27909" t="s">
        <v>16560</v>
      </c>
      <c r="I27909" s="2">
        <v>1</v>
      </c>
      <c r="J27909" s="2">
        <v>0</v>
      </c>
      <c r="K27909" s="2">
        <v>0</v>
      </c>
      <c r="L27909" t="s">
        <v>120</v>
      </c>
      <c r="M27909" t="s">
        <v>83</v>
      </c>
      <c r="N27909" t="s">
        <v>91</v>
      </c>
      <c r="O27909" t="s">
        <v>85</v>
      </c>
      <c r="P27909" t="s">
        <v>86</v>
      </c>
      <c r="Q27909">
        <v>4</v>
      </c>
      <c r="R27909">
        <v>4</v>
      </c>
      <c r="S27909">
        <v>4</v>
      </c>
      <c r="T27909">
        <v>4</v>
      </c>
      <c r="U27909">
        <v>4</v>
      </c>
      <c r="V27909">
        <v>4</v>
      </c>
      <c r="W27909">
        <v>4</v>
      </c>
      <c r="X27909">
        <v>4</v>
      </c>
      <c r="Y27909">
        <v>5</v>
      </c>
      <c r="Z27909">
        <v>5</v>
      </c>
      <c r="AA27909">
        <v>5</v>
      </c>
      <c r="AB27909">
        <v>5</v>
      </c>
      <c r="AC27909">
        <v>5</v>
      </c>
      <c r="AD27909">
        <v>5</v>
      </c>
      <c r="AE27909">
        <v>5</v>
      </c>
      <c r="AF27909">
        <v>5</v>
      </c>
      <c r="AG27909">
        <v>5</v>
      </c>
      <c r="AH27909">
        <v>5</v>
      </c>
      <c r="AI27909">
        <v>5</v>
      </c>
      <c r="AJ27909">
        <v>5</v>
      </c>
      <c r="AK27909">
        <v>5</v>
      </c>
      <c r="AL27909">
        <v>5</v>
      </c>
      <c r="AM27909">
        <v>5</v>
      </c>
      <c r="AN27909">
        <v>5</v>
      </c>
      <c r="AO27909">
        <v>5</v>
      </c>
      <c r="AP27909">
        <v>5</v>
      </c>
      <c r="AQ27909">
        <v>5</v>
      </c>
    </row>
    <row r="27910" spans="1:43">
      <c r="A27910" t="s">
        <v>17275</v>
      </c>
      <c r="B27910" t="s">
        <v>17276</v>
      </c>
      <c r="C27910" t="s">
        <v>17271</v>
      </c>
      <c r="D27910" t="s">
        <v>17272</v>
      </c>
      <c r="E27910" t="s">
        <v>17265</v>
      </c>
      <c r="F27910" t="s">
        <v>17266</v>
      </c>
      <c r="G27910" t="s">
        <v>16559</v>
      </c>
      <c r="H27910" t="s">
        <v>16560</v>
      </c>
      <c r="I27910" s="2">
        <v>1</v>
      </c>
      <c r="J27910" s="2">
        <v>0</v>
      </c>
      <c r="K27910" s="2">
        <v>0</v>
      </c>
      <c r="L27910" t="s">
        <v>120</v>
      </c>
      <c r="M27910" t="s">
        <v>83</v>
      </c>
      <c r="N27910" t="s">
        <v>84</v>
      </c>
      <c r="O27910" t="s">
        <v>85</v>
      </c>
      <c r="P27910" t="s">
        <v>86</v>
      </c>
      <c r="Q27910">
        <v>71</v>
      </c>
      <c r="R27910">
        <v>72</v>
      </c>
      <c r="S27910">
        <v>72</v>
      </c>
      <c r="T27910">
        <v>73</v>
      </c>
      <c r="U27910">
        <v>73</v>
      </c>
      <c r="V27910">
        <v>74</v>
      </c>
      <c r="W27910">
        <v>74</v>
      </c>
      <c r="X27910">
        <v>75</v>
      </c>
      <c r="Y27910">
        <v>75</v>
      </c>
      <c r="Z27910">
        <v>76</v>
      </c>
      <c r="AA27910">
        <v>76</v>
      </c>
      <c r="AB27910">
        <v>77</v>
      </c>
      <c r="AC27910">
        <v>77</v>
      </c>
      <c r="AD27910">
        <v>77</v>
      </c>
      <c r="AE27910">
        <v>78</v>
      </c>
      <c r="AF27910">
        <v>78</v>
      </c>
      <c r="AG27910">
        <v>78</v>
      </c>
      <c r="AH27910">
        <v>79</v>
      </c>
      <c r="AI27910">
        <v>79</v>
      </c>
      <c r="AJ27910">
        <v>79</v>
      </c>
      <c r="AK27910">
        <v>79</v>
      </c>
      <c r="AL27910">
        <v>79</v>
      </c>
      <c r="AM27910">
        <v>79</v>
      </c>
      <c r="AN27910">
        <v>79</v>
      </c>
      <c r="AO27910">
        <v>78</v>
      </c>
      <c r="AP27910">
        <v>78</v>
      </c>
      <c r="AQ27910">
        <v>77</v>
      </c>
    </row>
    <row r="27911" spans="1:43">
      <c r="A27911" t="s">
        <v>17275</v>
      </c>
      <c r="B27911" t="s">
        <v>17276</v>
      </c>
      <c r="C27911" t="s">
        <v>17271</v>
      </c>
      <c r="D27911" t="s">
        <v>17272</v>
      </c>
      <c r="E27911" t="s">
        <v>17265</v>
      </c>
      <c r="F27911" t="s">
        <v>17266</v>
      </c>
      <c r="G27911" t="s">
        <v>16559</v>
      </c>
      <c r="H27911" t="s">
        <v>16560</v>
      </c>
      <c r="I27911" s="2">
        <v>1</v>
      </c>
      <c r="J27911" s="2">
        <v>0</v>
      </c>
      <c r="K27911" s="2">
        <v>0</v>
      </c>
      <c r="L27911" t="s">
        <v>120</v>
      </c>
      <c r="M27911" t="s">
        <v>87</v>
      </c>
      <c r="N27911" t="s">
        <v>88</v>
      </c>
      <c r="O27911" t="s">
        <v>85</v>
      </c>
      <c r="P27911" t="s">
        <v>86</v>
      </c>
      <c r="Q27911">
        <v>71</v>
      </c>
      <c r="R27911">
        <v>71</v>
      </c>
      <c r="S27911">
        <v>71</v>
      </c>
      <c r="T27911">
        <v>71</v>
      </c>
      <c r="U27911">
        <v>71</v>
      </c>
      <c r="V27911">
        <v>71</v>
      </c>
      <c r="W27911">
        <v>71</v>
      </c>
      <c r="X27911">
        <v>71</v>
      </c>
      <c r="Y27911">
        <v>71</v>
      </c>
      <c r="Z27911">
        <v>71</v>
      </c>
      <c r="AA27911">
        <v>71</v>
      </c>
      <c r="AB27911">
        <v>70</v>
      </c>
      <c r="AC27911">
        <v>70</v>
      </c>
      <c r="AD27911">
        <v>70</v>
      </c>
      <c r="AE27911">
        <v>70</v>
      </c>
      <c r="AF27911">
        <v>70</v>
      </c>
      <c r="AG27911">
        <v>70</v>
      </c>
      <c r="AH27911">
        <v>70</v>
      </c>
      <c r="AI27911">
        <v>70</v>
      </c>
      <c r="AJ27911">
        <v>70</v>
      </c>
      <c r="AK27911">
        <v>70</v>
      </c>
      <c r="AL27911">
        <v>69</v>
      </c>
      <c r="AM27911">
        <v>69</v>
      </c>
      <c r="AN27911">
        <v>69</v>
      </c>
      <c r="AO27911">
        <v>69</v>
      </c>
      <c r="AP27911">
        <v>69</v>
      </c>
      <c r="AQ27911">
        <v>69</v>
      </c>
    </row>
    <row r="27912" spans="1:43">
      <c r="A27912" t="s">
        <v>17275</v>
      </c>
      <c r="B27912" t="s">
        <v>17276</v>
      </c>
      <c r="C27912" t="s">
        <v>17271</v>
      </c>
      <c r="D27912" t="s">
        <v>17272</v>
      </c>
      <c r="E27912" t="s">
        <v>17265</v>
      </c>
      <c r="F27912" t="s">
        <v>17266</v>
      </c>
      <c r="G27912" t="s">
        <v>16559</v>
      </c>
      <c r="H27912" t="s">
        <v>16560</v>
      </c>
      <c r="I27912" s="2">
        <v>1</v>
      </c>
      <c r="J27912" s="2">
        <v>0</v>
      </c>
      <c r="K27912" s="2">
        <v>0</v>
      </c>
      <c r="L27912" t="s">
        <v>120</v>
      </c>
      <c r="M27912" t="s">
        <v>89</v>
      </c>
      <c r="N27912" t="s">
        <v>90</v>
      </c>
      <c r="O27912" t="s">
        <v>85</v>
      </c>
      <c r="P27912" t="s">
        <v>86</v>
      </c>
      <c r="Q27912">
        <v>71</v>
      </c>
      <c r="R27912">
        <v>72</v>
      </c>
      <c r="S27912">
        <v>73</v>
      </c>
      <c r="T27912">
        <v>74</v>
      </c>
      <c r="U27912">
        <v>75</v>
      </c>
      <c r="V27912">
        <v>76</v>
      </c>
      <c r="W27912">
        <v>77</v>
      </c>
      <c r="X27912">
        <v>78</v>
      </c>
      <c r="Y27912">
        <v>78</v>
      </c>
      <c r="Z27912">
        <v>79</v>
      </c>
      <c r="AA27912">
        <v>80</v>
      </c>
      <c r="AB27912">
        <v>80</v>
      </c>
      <c r="AC27912">
        <v>81</v>
      </c>
      <c r="AD27912">
        <v>82</v>
      </c>
      <c r="AE27912">
        <v>82</v>
      </c>
      <c r="AF27912">
        <v>82</v>
      </c>
      <c r="AG27912">
        <v>81</v>
      </c>
      <c r="AH27912">
        <v>81</v>
      </c>
      <c r="AI27912">
        <v>80</v>
      </c>
      <c r="AJ27912">
        <v>80</v>
      </c>
      <c r="AK27912">
        <v>80</v>
      </c>
      <c r="AL27912">
        <v>79</v>
      </c>
      <c r="AM27912">
        <v>79</v>
      </c>
      <c r="AN27912">
        <v>78</v>
      </c>
      <c r="AO27912">
        <v>78</v>
      </c>
      <c r="AP27912">
        <v>78</v>
      </c>
      <c r="AQ27912">
        <v>77</v>
      </c>
    </row>
    <row r="27913" spans="1:43">
      <c r="A27913" t="s">
        <v>17275</v>
      </c>
      <c r="B27913" t="s">
        <v>17276</v>
      </c>
      <c r="C27913" t="s">
        <v>17271</v>
      </c>
      <c r="D27913" t="s">
        <v>17272</v>
      </c>
      <c r="E27913" t="s">
        <v>17265</v>
      </c>
      <c r="F27913" t="s">
        <v>17266</v>
      </c>
      <c r="G27913" t="s">
        <v>16559</v>
      </c>
      <c r="H27913" t="s">
        <v>16560</v>
      </c>
      <c r="I27913" s="2">
        <v>1</v>
      </c>
      <c r="J27913" s="2">
        <v>0</v>
      </c>
      <c r="K27913" s="2">
        <v>0</v>
      </c>
      <c r="L27913" t="s">
        <v>120</v>
      </c>
      <c r="M27913" t="s">
        <v>83</v>
      </c>
      <c r="N27913" t="s">
        <v>91</v>
      </c>
      <c r="O27913" t="s">
        <v>85</v>
      </c>
      <c r="P27913" t="s">
        <v>86</v>
      </c>
      <c r="Q27913">
        <v>71</v>
      </c>
      <c r="R27913">
        <v>72</v>
      </c>
      <c r="S27913">
        <v>72</v>
      </c>
      <c r="T27913">
        <v>73</v>
      </c>
      <c r="U27913">
        <v>73</v>
      </c>
      <c r="V27913">
        <v>74</v>
      </c>
      <c r="W27913">
        <v>74</v>
      </c>
      <c r="X27913">
        <v>75</v>
      </c>
      <c r="Y27913">
        <v>75</v>
      </c>
      <c r="Z27913">
        <v>76</v>
      </c>
      <c r="AA27913">
        <v>76</v>
      </c>
      <c r="AB27913">
        <v>77</v>
      </c>
      <c r="AC27913">
        <v>77</v>
      </c>
      <c r="AD27913">
        <v>77</v>
      </c>
      <c r="AE27913">
        <v>78</v>
      </c>
      <c r="AF27913">
        <v>78</v>
      </c>
      <c r="AG27913">
        <v>78</v>
      </c>
      <c r="AH27913">
        <v>79</v>
      </c>
      <c r="AI27913">
        <v>79</v>
      </c>
      <c r="AJ27913">
        <v>79</v>
      </c>
      <c r="AK27913">
        <v>79</v>
      </c>
      <c r="AL27913">
        <v>79</v>
      </c>
      <c r="AM27913">
        <v>79</v>
      </c>
      <c r="AN27913">
        <v>79</v>
      </c>
      <c r="AO27913">
        <v>78</v>
      </c>
      <c r="AP27913">
        <v>78</v>
      </c>
      <c r="AQ27913">
        <v>77</v>
      </c>
    </row>
    <row r="27914" spans="1:43">
      <c r="A27914" t="s">
        <v>17277</v>
      </c>
      <c r="B27914" t="s">
        <v>17278</v>
      </c>
      <c r="C27914" t="s">
        <v>17271</v>
      </c>
      <c r="D27914" t="s">
        <v>17272</v>
      </c>
      <c r="E27914" t="s">
        <v>17265</v>
      </c>
      <c r="F27914" t="s">
        <v>17266</v>
      </c>
      <c r="G27914" t="s">
        <v>16559</v>
      </c>
      <c r="H27914" t="s">
        <v>16560</v>
      </c>
      <c r="I27914" s="2">
        <v>1</v>
      </c>
      <c r="J27914" s="2">
        <v>0</v>
      </c>
      <c r="K27914" s="2">
        <v>0</v>
      </c>
      <c r="L27914" t="s">
        <v>120</v>
      </c>
      <c r="M27914" t="s">
        <v>83</v>
      </c>
      <c r="N27914" t="s">
        <v>84</v>
      </c>
      <c r="O27914" t="s">
        <v>85</v>
      </c>
      <c r="P27914" t="s">
        <v>86</v>
      </c>
      <c r="Q27914">
        <v>41</v>
      </c>
      <c r="R27914">
        <v>41</v>
      </c>
      <c r="S27914">
        <v>42</v>
      </c>
      <c r="T27914">
        <v>42</v>
      </c>
      <c r="U27914">
        <v>42</v>
      </c>
      <c r="V27914">
        <v>43</v>
      </c>
      <c r="W27914">
        <v>43</v>
      </c>
      <c r="X27914">
        <v>43</v>
      </c>
      <c r="Y27914">
        <v>43</v>
      </c>
      <c r="Z27914">
        <v>44</v>
      </c>
      <c r="AA27914">
        <v>44</v>
      </c>
      <c r="AB27914">
        <v>44</v>
      </c>
      <c r="AC27914">
        <v>44</v>
      </c>
      <c r="AD27914">
        <v>45</v>
      </c>
      <c r="AE27914">
        <v>45</v>
      </c>
      <c r="AF27914">
        <v>45</v>
      </c>
      <c r="AG27914">
        <v>45</v>
      </c>
      <c r="AH27914">
        <v>45</v>
      </c>
      <c r="AI27914">
        <v>45</v>
      </c>
      <c r="AJ27914">
        <v>46</v>
      </c>
      <c r="AK27914">
        <v>46</v>
      </c>
      <c r="AL27914">
        <v>46</v>
      </c>
      <c r="AM27914">
        <v>45</v>
      </c>
      <c r="AN27914">
        <v>45</v>
      </c>
      <c r="AO27914">
        <v>45</v>
      </c>
      <c r="AP27914">
        <v>45</v>
      </c>
      <c r="AQ27914">
        <v>44</v>
      </c>
    </row>
    <row r="27915" spans="1:43">
      <c r="A27915" t="s">
        <v>17277</v>
      </c>
      <c r="B27915" t="s">
        <v>17278</v>
      </c>
      <c r="C27915" t="s">
        <v>17271</v>
      </c>
      <c r="D27915" t="s">
        <v>17272</v>
      </c>
      <c r="E27915" t="s">
        <v>17265</v>
      </c>
      <c r="F27915" t="s">
        <v>17266</v>
      </c>
      <c r="G27915" t="s">
        <v>16559</v>
      </c>
      <c r="H27915" t="s">
        <v>16560</v>
      </c>
      <c r="I27915" s="2">
        <v>1</v>
      </c>
      <c r="J27915" s="2">
        <v>0</v>
      </c>
      <c r="K27915" s="2">
        <v>0</v>
      </c>
      <c r="L27915" t="s">
        <v>120</v>
      </c>
      <c r="M27915" t="s">
        <v>87</v>
      </c>
      <c r="N27915" t="s">
        <v>88</v>
      </c>
      <c r="O27915" t="s">
        <v>85</v>
      </c>
      <c r="P27915" t="s">
        <v>86</v>
      </c>
      <c r="Q27915">
        <v>41</v>
      </c>
      <c r="R27915">
        <v>41</v>
      </c>
      <c r="S27915">
        <v>41</v>
      </c>
      <c r="T27915">
        <v>41</v>
      </c>
      <c r="U27915">
        <v>40</v>
      </c>
      <c r="V27915">
        <v>40</v>
      </c>
      <c r="W27915">
        <v>40</v>
      </c>
      <c r="X27915">
        <v>40</v>
      </c>
      <c r="Y27915">
        <v>40</v>
      </c>
      <c r="Z27915">
        <v>40</v>
      </c>
      <c r="AA27915">
        <v>40</v>
      </c>
      <c r="AB27915">
        <v>40</v>
      </c>
      <c r="AC27915">
        <v>40</v>
      </c>
      <c r="AD27915">
        <v>40</v>
      </c>
      <c r="AE27915">
        <v>40</v>
      </c>
      <c r="AF27915">
        <v>40</v>
      </c>
      <c r="AG27915">
        <v>40</v>
      </c>
      <c r="AH27915">
        <v>40</v>
      </c>
      <c r="AI27915">
        <v>39</v>
      </c>
      <c r="AJ27915">
        <v>39</v>
      </c>
      <c r="AK27915">
        <v>39</v>
      </c>
      <c r="AL27915">
        <v>39</v>
      </c>
      <c r="AM27915">
        <v>39</v>
      </c>
      <c r="AN27915">
        <v>39</v>
      </c>
      <c r="AO27915">
        <v>39</v>
      </c>
      <c r="AP27915">
        <v>39</v>
      </c>
      <c r="AQ27915">
        <v>39</v>
      </c>
    </row>
    <row r="27916" spans="1:43">
      <c r="A27916" t="s">
        <v>17277</v>
      </c>
      <c r="B27916" t="s">
        <v>17278</v>
      </c>
      <c r="C27916" t="s">
        <v>17271</v>
      </c>
      <c r="D27916" t="s">
        <v>17272</v>
      </c>
      <c r="E27916" t="s">
        <v>17265</v>
      </c>
      <c r="F27916" t="s">
        <v>17266</v>
      </c>
      <c r="G27916" t="s">
        <v>16559</v>
      </c>
      <c r="H27916" t="s">
        <v>16560</v>
      </c>
      <c r="I27916" s="2">
        <v>1</v>
      </c>
      <c r="J27916" s="2">
        <v>0</v>
      </c>
      <c r="K27916" s="2">
        <v>0</v>
      </c>
      <c r="L27916" t="s">
        <v>120</v>
      </c>
      <c r="M27916" t="s">
        <v>89</v>
      </c>
      <c r="N27916" t="s">
        <v>90</v>
      </c>
      <c r="O27916" t="s">
        <v>85</v>
      </c>
      <c r="P27916" t="s">
        <v>86</v>
      </c>
      <c r="Q27916">
        <v>41</v>
      </c>
      <c r="R27916">
        <v>42</v>
      </c>
      <c r="S27916">
        <v>43</v>
      </c>
      <c r="T27916">
        <v>43</v>
      </c>
      <c r="U27916">
        <v>44</v>
      </c>
      <c r="V27916">
        <v>45</v>
      </c>
      <c r="W27916">
        <v>45</v>
      </c>
      <c r="X27916">
        <v>45</v>
      </c>
      <c r="Y27916">
        <v>46</v>
      </c>
      <c r="Z27916">
        <v>46</v>
      </c>
      <c r="AA27916">
        <v>47</v>
      </c>
      <c r="AB27916">
        <v>47</v>
      </c>
      <c r="AC27916">
        <v>47</v>
      </c>
      <c r="AD27916">
        <v>48</v>
      </c>
      <c r="AE27916">
        <v>48</v>
      </c>
      <c r="AF27916">
        <v>48</v>
      </c>
      <c r="AG27916">
        <v>47</v>
      </c>
      <c r="AH27916">
        <v>47</v>
      </c>
      <c r="AI27916">
        <v>47</v>
      </c>
      <c r="AJ27916">
        <v>47</v>
      </c>
      <c r="AK27916">
        <v>46</v>
      </c>
      <c r="AL27916">
        <v>46</v>
      </c>
      <c r="AM27916">
        <v>46</v>
      </c>
      <c r="AN27916">
        <v>46</v>
      </c>
      <c r="AO27916">
        <v>45</v>
      </c>
      <c r="AP27916">
        <v>45</v>
      </c>
      <c r="AQ27916">
        <v>45</v>
      </c>
    </row>
    <row r="27917" spans="1:43">
      <c r="A27917" t="s">
        <v>17277</v>
      </c>
      <c r="B27917" t="s">
        <v>17278</v>
      </c>
      <c r="C27917" t="s">
        <v>17271</v>
      </c>
      <c r="D27917" t="s">
        <v>17272</v>
      </c>
      <c r="E27917" t="s">
        <v>17265</v>
      </c>
      <c r="F27917" t="s">
        <v>17266</v>
      </c>
      <c r="G27917" t="s">
        <v>16559</v>
      </c>
      <c r="H27917" t="s">
        <v>16560</v>
      </c>
      <c r="I27917" s="2">
        <v>1</v>
      </c>
      <c r="J27917" s="2">
        <v>0</v>
      </c>
      <c r="K27917" s="2">
        <v>0</v>
      </c>
      <c r="L27917" t="s">
        <v>120</v>
      </c>
      <c r="M27917" t="s">
        <v>83</v>
      </c>
      <c r="N27917" t="s">
        <v>91</v>
      </c>
      <c r="O27917" t="s">
        <v>85</v>
      </c>
      <c r="P27917" t="s">
        <v>86</v>
      </c>
      <c r="Q27917">
        <v>41</v>
      </c>
      <c r="R27917">
        <v>41</v>
      </c>
      <c r="S27917">
        <v>42</v>
      </c>
      <c r="T27917">
        <v>42</v>
      </c>
      <c r="U27917">
        <v>42</v>
      </c>
      <c r="V27917">
        <v>43</v>
      </c>
      <c r="W27917">
        <v>43</v>
      </c>
      <c r="X27917">
        <v>43</v>
      </c>
      <c r="Y27917">
        <v>43</v>
      </c>
      <c r="Z27917">
        <v>44</v>
      </c>
      <c r="AA27917">
        <v>44</v>
      </c>
      <c r="AB27917">
        <v>44</v>
      </c>
      <c r="AC27917">
        <v>44</v>
      </c>
      <c r="AD27917">
        <v>45</v>
      </c>
      <c r="AE27917">
        <v>45</v>
      </c>
      <c r="AF27917">
        <v>45</v>
      </c>
      <c r="AG27917">
        <v>45</v>
      </c>
      <c r="AH27917">
        <v>45</v>
      </c>
      <c r="AI27917">
        <v>45</v>
      </c>
      <c r="AJ27917">
        <v>46</v>
      </c>
      <c r="AK27917">
        <v>46</v>
      </c>
      <c r="AL27917">
        <v>46</v>
      </c>
      <c r="AM27917">
        <v>45</v>
      </c>
      <c r="AN27917">
        <v>45</v>
      </c>
      <c r="AO27917">
        <v>45</v>
      </c>
      <c r="AP27917">
        <v>45</v>
      </c>
      <c r="AQ27917">
        <v>44</v>
      </c>
    </row>
    <row r="27918" spans="1:43">
      <c r="A27918" t="s">
        <v>17279</v>
      </c>
      <c r="B27918" t="s">
        <v>17280</v>
      </c>
      <c r="C27918" t="s">
        <v>17271</v>
      </c>
      <c r="D27918" t="s">
        <v>17272</v>
      </c>
      <c r="E27918" t="s">
        <v>17265</v>
      </c>
      <c r="F27918" t="s">
        <v>17266</v>
      </c>
      <c r="G27918" t="s">
        <v>16559</v>
      </c>
      <c r="H27918" t="s">
        <v>16560</v>
      </c>
      <c r="I27918" s="2">
        <v>1</v>
      </c>
      <c r="J27918" s="2">
        <v>0</v>
      </c>
      <c r="K27918" s="2">
        <v>0</v>
      </c>
      <c r="L27918" t="s">
        <v>120</v>
      </c>
      <c r="M27918" t="s">
        <v>83</v>
      </c>
      <c r="N27918" t="s">
        <v>84</v>
      </c>
      <c r="O27918" t="s">
        <v>85</v>
      </c>
      <c r="P27918" t="s">
        <v>86</v>
      </c>
      <c r="Q27918">
        <v>20</v>
      </c>
      <c r="R27918">
        <v>20</v>
      </c>
      <c r="S27918">
        <v>20</v>
      </c>
      <c r="T27918">
        <v>21</v>
      </c>
      <c r="U27918">
        <v>21</v>
      </c>
      <c r="V27918">
        <v>21</v>
      </c>
      <c r="W27918">
        <v>21</v>
      </c>
      <c r="X27918">
        <v>21</v>
      </c>
      <c r="Y27918">
        <v>21</v>
      </c>
      <c r="Z27918">
        <v>21</v>
      </c>
      <c r="AA27918">
        <v>21</v>
      </c>
      <c r="AB27918">
        <v>22</v>
      </c>
      <c r="AC27918">
        <v>22</v>
      </c>
      <c r="AD27918">
        <v>22</v>
      </c>
      <c r="AE27918">
        <v>22</v>
      </c>
      <c r="AF27918">
        <v>22</v>
      </c>
      <c r="AG27918">
        <v>22</v>
      </c>
      <c r="AH27918">
        <v>22</v>
      </c>
      <c r="AI27918">
        <v>22</v>
      </c>
      <c r="AJ27918">
        <v>22</v>
      </c>
      <c r="AK27918">
        <v>22</v>
      </c>
      <c r="AL27918">
        <v>22</v>
      </c>
      <c r="AM27918">
        <v>22</v>
      </c>
      <c r="AN27918">
        <v>22</v>
      </c>
      <c r="AO27918">
        <v>22</v>
      </c>
      <c r="AP27918">
        <v>22</v>
      </c>
      <c r="AQ27918">
        <v>22</v>
      </c>
    </row>
    <row r="27919" spans="1:43">
      <c r="A27919" t="s">
        <v>17279</v>
      </c>
      <c r="B27919" t="s">
        <v>17280</v>
      </c>
      <c r="C27919" t="s">
        <v>17271</v>
      </c>
      <c r="D27919" t="s">
        <v>17272</v>
      </c>
      <c r="E27919" t="s">
        <v>17265</v>
      </c>
      <c r="F27919" t="s">
        <v>17266</v>
      </c>
      <c r="G27919" t="s">
        <v>16559</v>
      </c>
      <c r="H27919" t="s">
        <v>16560</v>
      </c>
      <c r="I27919" s="2">
        <v>1</v>
      </c>
      <c r="J27919" s="2">
        <v>0</v>
      </c>
      <c r="K27919" s="2">
        <v>0</v>
      </c>
      <c r="L27919" t="s">
        <v>120</v>
      </c>
      <c r="M27919" t="s">
        <v>87</v>
      </c>
      <c r="N27919" t="s">
        <v>88</v>
      </c>
      <c r="O27919" t="s">
        <v>85</v>
      </c>
      <c r="P27919" t="s">
        <v>86</v>
      </c>
      <c r="Q27919">
        <v>20</v>
      </c>
      <c r="R27919">
        <v>20</v>
      </c>
      <c r="S27919">
        <v>20</v>
      </c>
      <c r="T27919">
        <v>20</v>
      </c>
      <c r="U27919">
        <v>20</v>
      </c>
      <c r="V27919">
        <v>20</v>
      </c>
      <c r="W27919">
        <v>20</v>
      </c>
      <c r="X27919">
        <v>20</v>
      </c>
      <c r="Y27919">
        <v>20</v>
      </c>
      <c r="Z27919">
        <v>20</v>
      </c>
      <c r="AA27919">
        <v>20</v>
      </c>
      <c r="AB27919">
        <v>20</v>
      </c>
      <c r="AC27919">
        <v>20</v>
      </c>
      <c r="AD27919">
        <v>20</v>
      </c>
      <c r="AE27919">
        <v>20</v>
      </c>
      <c r="AF27919">
        <v>19</v>
      </c>
      <c r="AG27919">
        <v>19</v>
      </c>
      <c r="AH27919">
        <v>19</v>
      </c>
      <c r="AI27919">
        <v>19</v>
      </c>
      <c r="AJ27919">
        <v>19</v>
      </c>
      <c r="AK27919">
        <v>19</v>
      </c>
      <c r="AL27919">
        <v>19</v>
      </c>
      <c r="AM27919">
        <v>19</v>
      </c>
      <c r="AN27919">
        <v>19</v>
      </c>
      <c r="AO27919">
        <v>19</v>
      </c>
      <c r="AP27919">
        <v>19</v>
      </c>
      <c r="AQ27919">
        <v>19</v>
      </c>
    </row>
    <row r="27920" spans="1:43">
      <c r="A27920" t="s">
        <v>17279</v>
      </c>
      <c r="B27920" t="s">
        <v>17280</v>
      </c>
      <c r="C27920" t="s">
        <v>17271</v>
      </c>
      <c r="D27920" t="s">
        <v>17272</v>
      </c>
      <c r="E27920" t="s">
        <v>17265</v>
      </c>
      <c r="F27920" t="s">
        <v>17266</v>
      </c>
      <c r="G27920" t="s">
        <v>16559</v>
      </c>
      <c r="H27920" t="s">
        <v>16560</v>
      </c>
      <c r="I27920" s="2">
        <v>1</v>
      </c>
      <c r="J27920" s="2">
        <v>0</v>
      </c>
      <c r="K27920" s="2">
        <v>0</v>
      </c>
      <c r="L27920" t="s">
        <v>120</v>
      </c>
      <c r="M27920" t="s">
        <v>89</v>
      </c>
      <c r="N27920" t="s">
        <v>90</v>
      </c>
      <c r="O27920" t="s">
        <v>85</v>
      </c>
      <c r="P27920" t="s">
        <v>86</v>
      </c>
      <c r="Q27920">
        <v>20</v>
      </c>
      <c r="R27920">
        <v>21</v>
      </c>
      <c r="S27920">
        <v>21</v>
      </c>
      <c r="T27920">
        <v>21</v>
      </c>
      <c r="U27920">
        <v>21</v>
      </c>
      <c r="V27920">
        <v>22</v>
      </c>
      <c r="W27920">
        <v>22</v>
      </c>
      <c r="X27920">
        <v>22</v>
      </c>
      <c r="Y27920">
        <v>22</v>
      </c>
      <c r="Z27920">
        <v>23</v>
      </c>
      <c r="AA27920">
        <v>23</v>
      </c>
      <c r="AB27920">
        <v>23</v>
      </c>
      <c r="AC27920">
        <v>23</v>
      </c>
      <c r="AD27920">
        <v>23</v>
      </c>
      <c r="AE27920">
        <v>23</v>
      </c>
      <c r="AF27920">
        <v>23</v>
      </c>
      <c r="AG27920">
        <v>23</v>
      </c>
      <c r="AH27920">
        <v>23</v>
      </c>
      <c r="AI27920">
        <v>23</v>
      </c>
      <c r="AJ27920">
        <v>23</v>
      </c>
      <c r="AK27920">
        <v>23</v>
      </c>
      <c r="AL27920">
        <v>23</v>
      </c>
      <c r="AM27920">
        <v>23</v>
      </c>
      <c r="AN27920">
        <v>22</v>
      </c>
      <c r="AO27920">
        <v>22</v>
      </c>
      <c r="AP27920">
        <v>22</v>
      </c>
      <c r="AQ27920">
        <v>22</v>
      </c>
    </row>
    <row r="27921" spans="1:43">
      <c r="A27921" t="s">
        <v>17279</v>
      </c>
      <c r="B27921" t="s">
        <v>17280</v>
      </c>
      <c r="C27921" t="s">
        <v>17271</v>
      </c>
      <c r="D27921" t="s">
        <v>17272</v>
      </c>
      <c r="E27921" t="s">
        <v>17265</v>
      </c>
      <c r="F27921" t="s">
        <v>17266</v>
      </c>
      <c r="G27921" t="s">
        <v>16559</v>
      </c>
      <c r="H27921" t="s">
        <v>16560</v>
      </c>
      <c r="I27921" s="2">
        <v>1</v>
      </c>
      <c r="J27921" s="2">
        <v>0</v>
      </c>
      <c r="K27921" s="2">
        <v>0</v>
      </c>
      <c r="L27921" t="s">
        <v>120</v>
      </c>
      <c r="M27921" t="s">
        <v>83</v>
      </c>
      <c r="N27921" t="s">
        <v>91</v>
      </c>
      <c r="O27921" t="s">
        <v>85</v>
      </c>
      <c r="P27921" t="s">
        <v>86</v>
      </c>
      <c r="Q27921">
        <v>20</v>
      </c>
      <c r="R27921">
        <v>20</v>
      </c>
      <c r="S27921">
        <v>20</v>
      </c>
      <c r="T27921">
        <v>21</v>
      </c>
      <c r="U27921">
        <v>21</v>
      </c>
      <c r="V27921">
        <v>21</v>
      </c>
      <c r="W27921">
        <v>21</v>
      </c>
      <c r="X27921">
        <v>21</v>
      </c>
      <c r="Y27921">
        <v>21</v>
      </c>
      <c r="Z27921">
        <v>21</v>
      </c>
      <c r="AA27921">
        <v>21</v>
      </c>
      <c r="AB27921">
        <v>22</v>
      </c>
      <c r="AC27921">
        <v>22</v>
      </c>
      <c r="AD27921">
        <v>22</v>
      </c>
      <c r="AE27921">
        <v>22</v>
      </c>
      <c r="AF27921">
        <v>22</v>
      </c>
      <c r="AG27921">
        <v>22</v>
      </c>
      <c r="AH27921">
        <v>22</v>
      </c>
      <c r="AI27921">
        <v>22</v>
      </c>
      <c r="AJ27921">
        <v>22</v>
      </c>
      <c r="AK27921">
        <v>22</v>
      </c>
      <c r="AL27921">
        <v>22</v>
      </c>
      <c r="AM27921">
        <v>22</v>
      </c>
      <c r="AN27921">
        <v>22</v>
      </c>
      <c r="AO27921">
        <v>22</v>
      </c>
      <c r="AP27921">
        <v>22</v>
      </c>
      <c r="AQ27921">
        <v>22</v>
      </c>
    </row>
    <row r="27922" spans="1:43">
      <c r="A27922" t="s">
        <v>17281</v>
      </c>
      <c r="B27922" t="s">
        <v>17282</v>
      </c>
      <c r="C27922" t="s">
        <v>17271</v>
      </c>
      <c r="D27922" t="s">
        <v>17272</v>
      </c>
      <c r="E27922" t="s">
        <v>17265</v>
      </c>
      <c r="F27922" t="s">
        <v>17266</v>
      </c>
      <c r="G27922" t="s">
        <v>16559</v>
      </c>
      <c r="H27922" t="s">
        <v>16560</v>
      </c>
      <c r="I27922" s="2">
        <v>1</v>
      </c>
      <c r="J27922" s="2">
        <v>0</v>
      </c>
      <c r="K27922" s="2">
        <v>0</v>
      </c>
      <c r="L27922" t="s">
        <v>120</v>
      </c>
      <c r="M27922" t="s">
        <v>83</v>
      </c>
      <c r="N27922" t="s">
        <v>84</v>
      </c>
      <c r="O27922" t="s">
        <v>85</v>
      </c>
      <c r="P27922" t="s">
        <v>86</v>
      </c>
      <c r="Q27922">
        <v>12</v>
      </c>
      <c r="R27922">
        <v>13</v>
      </c>
      <c r="S27922">
        <v>13</v>
      </c>
      <c r="T27922">
        <v>13</v>
      </c>
      <c r="U27922">
        <v>13</v>
      </c>
      <c r="V27922">
        <v>13</v>
      </c>
      <c r="W27922">
        <v>13</v>
      </c>
      <c r="X27922">
        <v>13</v>
      </c>
      <c r="Y27922">
        <v>13</v>
      </c>
      <c r="Z27922">
        <v>13</v>
      </c>
      <c r="AA27922">
        <v>13</v>
      </c>
      <c r="AB27922">
        <v>13</v>
      </c>
      <c r="AC27922">
        <v>13</v>
      </c>
      <c r="AD27922">
        <v>14</v>
      </c>
      <c r="AE27922">
        <v>14</v>
      </c>
      <c r="AF27922">
        <v>14</v>
      </c>
      <c r="AG27922">
        <v>14</v>
      </c>
      <c r="AH27922">
        <v>14</v>
      </c>
      <c r="AI27922">
        <v>14</v>
      </c>
      <c r="AJ27922">
        <v>14</v>
      </c>
      <c r="AK27922">
        <v>14</v>
      </c>
      <c r="AL27922">
        <v>14</v>
      </c>
      <c r="AM27922">
        <v>14</v>
      </c>
      <c r="AN27922">
        <v>14</v>
      </c>
      <c r="AO27922">
        <v>14</v>
      </c>
      <c r="AP27922">
        <v>14</v>
      </c>
      <c r="AQ27922">
        <v>14</v>
      </c>
    </row>
    <row r="27923" spans="1:43">
      <c r="A27923" t="s">
        <v>17281</v>
      </c>
      <c r="B27923" t="s">
        <v>17282</v>
      </c>
      <c r="C27923" t="s">
        <v>17271</v>
      </c>
      <c r="D27923" t="s">
        <v>17272</v>
      </c>
      <c r="E27923" t="s">
        <v>17265</v>
      </c>
      <c r="F27923" t="s">
        <v>17266</v>
      </c>
      <c r="G27923" t="s">
        <v>16559</v>
      </c>
      <c r="H27923" t="s">
        <v>16560</v>
      </c>
      <c r="I27923" s="2">
        <v>1</v>
      </c>
      <c r="J27923" s="2">
        <v>0</v>
      </c>
      <c r="K27923" s="2">
        <v>0</v>
      </c>
      <c r="L27923" t="s">
        <v>120</v>
      </c>
      <c r="M27923" t="s">
        <v>87</v>
      </c>
      <c r="N27923" t="s">
        <v>88</v>
      </c>
      <c r="O27923" t="s">
        <v>85</v>
      </c>
      <c r="P27923" t="s">
        <v>86</v>
      </c>
      <c r="Q27923">
        <v>12</v>
      </c>
      <c r="R27923">
        <v>12</v>
      </c>
      <c r="S27923">
        <v>12</v>
      </c>
      <c r="T27923">
        <v>12</v>
      </c>
      <c r="U27923">
        <v>12</v>
      </c>
      <c r="V27923">
        <v>12</v>
      </c>
      <c r="W27923">
        <v>12</v>
      </c>
      <c r="X27923">
        <v>12</v>
      </c>
      <c r="Y27923">
        <v>12</v>
      </c>
      <c r="Z27923">
        <v>12</v>
      </c>
      <c r="AA27923">
        <v>12</v>
      </c>
      <c r="AB27923">
        <v>12</v>
      </c>
      <c r="AC27923">
        <v>12</v>
      </c>
      <c r="AD27923">
        <v>12</v>
      </c>
      <c r="AE27923">
        <v>12</v>
      </c>
      <c r="AF27923">
        <v>12</v>
      </c>
      <c r="AG27923">
        <v>12</v>
      </c>
      <c r="AH27923">
        <v>12</v>
      </c>
      <c r="AI27923">
        <v>12</v>
      </c>
      <c r="AJ27923">
        <v>12</v>
      </c>
      <c r="AK27923">
        <v>12</v>
      </c>
      <c r="AL27923">
        <v>12</v>
      </c>
      <c r="AM27923">
        <v>12</v>
      </c>
      <c r="AN27923">
        <v>12</v>
      </c>
      <c r="AO27923">
        <v>12</v>
      </c>
      <c r="AP27923">
        <v>12</v>
      </c>
      <c r="AQ27923">
        <v>12</v>
      </c>
    </row>
    <row r="27924" spans="1:43">
      <c r="A27924" t="s">
        <v>17281</v>
      </c>
      <c r="B27924" t="s">
        <v>17282</v>
      </c>
      <c r="C27924" t="s">
        <v>17271</v>
      </c>
      <c r="D27924" t="s">
        <v>17272</v>
      </c>
      <c r="E27924" t="s">
        <v>17265</v>
      </c>
      <c r="F27924" t="s">
        <v>17266</v>
      </c>
      <c r="G27924" t="s">
        <v>16559</v>
      </c>
      <c r="H27924" t="s">
        <v>16560</v>
      </c>
      <c r="I27924" s="2">
        <v>1</v>
      </c>
      <c r="J27924" s="2">
        <v>0</v>
      </c>
      <c r="K27924" s="2">
        <v>0</v>
      </c>
      <c r="L27924" t="s">
        <v>120</v>
      </c>
      <c r="M27924" t="s">
        <v>89</v>
      </c>
      <c r="N27924" t="s">
        <v>90</v>
      </c>
      <c r="O27924" t="s">
        <v>85</v>
      </c>
      <c r="P27924" t="s">
        <v>86</v>
      </c>
      <c r="Q27924">
        <v>12</v>
      </c>
      <c r="R27924">
        <v>12</v>
      </c>
      <c r="S27924">
        <v>12</v>
      </c>
      <c r="T27924">
        <v>12</v>
      </c>
      <c r="U27924">
        <v>12</v>
      </c>
      <c r="V27924">
        <v>13</v>
      </c>
      <c r="W27924">
        <v>13</v>
      </c>
      <c r="X27924">
        <v>13</v>
      </c>
      <c r="Y27924">
        <v>13</v>
      </c>
      <c r="Z27924">
        <v>13</v>
      </c>
      <c r="AA27924">
        <v>13</v>
      </c>
      <c r="AB27924">
        <v>13</v>
      </c>
      <c r="AC27924">
        <v>13</v>
      </c>
      <c r="AD27924">
        <v>13</v>
      </c>
      <c r="AE27924">
        <v>14</v>
      </c>
      <c r="AF27924">
        <v>13</v>
      </c>
      <c r="AG27924">
        <v>13</v>
      </c>
      <c r="AH27924">
        <v>13</v>
      </c>
      <c r="AI27924">
        <v>13</v>
      </c>
      <c r="AJ27924">
        <v>13</v>
      </c>
      <c r="AK27924">
        <v>13</v>
      </c>
      <c r="AL27924">
        <v>13</v>
      </c>
      <c r="AM27924">
        <v>13</v>
      </c>
      <c r="AN27924">
        <v>13</v>
      </c>
      <c r="AO27924">
        <v>13</v>
      </c>
      <c r="AP27924">
        <v>13</v>
      </c>
      <c r="AQ27924">
        <v>13</v>
      </c>
    </row>
    <row r="27925" spans="1:43">
      <c r="A27925" t="s">
        <v>17281</v>
      </c>
      <c r="B27925" t="s">
        <v>17282</v>
      </c>
      <c r="C27925" t="s">
        <v>17271</v>
      </c>
      <c r="D27925" t="s">
        <v>17272</v>
      </c>
      <c r="E27925" t="s">
        <v>17265</v>
      </c>
      <c r="F27925" t="s">
        <v>17266</v>
      </c>
      <c r="G27925" t="s">
        <v>16559</v>
      </c>
      <c r="H27925" t="s">
        <v>16560</v>
      </c>
      <c r="I27925" s="2">
        <v>1</v>
      </c>
      <c r="J27925" s="2">
        <v>0</v>
      </c>
      <c r="K27925" s="2">
        <v>0</v>
      </c>
      <c r="L27925" t="s">
        <v>120</v>
      </c>
      <c r="M27925" t="s">
        <v>83</v>
      </c>
      <c r="N27925" t="s">
        <v>91</v>
      </c>
      <c r="O27925" t="s">
        <v>85</v>
      </c>
      <c r="P27925" t="s">
        <v>86</v>
      </c>
      <c r="Q27925">
        <v>12</v>
      </c>
      <c r="R27925">
        <v>13</v>
      </c>
      <c r="S27925">
        <v>13</v>
      </c>
      <c r="T27925">
        <v>13</v>
      </c>
      <c r="U27925">
        <v>13</v>
      </c>
      <c r="V27925">
        <v>13</v>
      </c>
      <c r="W27925">
        <v>13</v>
      </c>
      <c r="X27925">
        <v>13</v>
      </c>
      <c r="Y27925">
        <v>13</v>
      </c>
      <c r="Z27925">
        <v>13</v>
      </c>
      <c r="AA27925">
        <v>13</v>
      </c>
      <c r="AB27925">
        <v>13</v>
      </c>
      <c r="AC27925">
        <v>13</v>
      </c>
      <c r="AD27925">
        <v>14</v>
      </c>
      <c r="AE27925">
        <v>14</v>
      </c>
      <c r="AF27925">
        <v>14</v>
      </c>
      <c r="AG27925">
        <v>14</v>
      </c>
      <c r="AH27925">
        <v>14</v>
      </c>
      <c r="AI27925">
        <v>14</v>
      </c>
      <c r="AJ27925">
        <v>14</v>
      </c>
      <c r="AK27925">
        <v>14</v>
      </c>
      <c r="AL27925">
        <v>14</v>
      </c>
      <c r="AM27925">
        <v>14</v>
      </c>
      <c r="AN27925">
        <v>14</v>
      </c>
      <c r="AO27925">
        <v>14</v>
      </c>
      <c r="AP27925">
        <v>14</v>
      </c>
      <c r="AQ27925">
        <v>14</v>
      </c>
    </row>
    <row r="27926" spans="1:43">
      <c r="A27926" t="s">
        <v>17283</v>
      </c>
      <c r="B27926" t="s">
        <v>17284</v>
      </c>
      <c r="C27926" t="s">
        <v>17271</v>
      </c>
      <c r="D27926" t="s">
        <v>17272</v>
      </c>
      <c r="E27926" t="s">
        <v>17265</v>
      </c>
      <c r="F27926" t="s">
        <v>17266</v>
      </c>
      <c r="G27926" t="s">
        <v>16559</v>
      </c>
      <c r="H27926" t="s">
        <v>16560</v>
      </c>
      <c r="I27926" s="2">
        <v>1</v>
      </c>
      <c r="J27926" s="2">
        <v>0</v>
      </c>
      <c r="K27926" s="2">
        <v>0</v>
      </c>
      <c r="L27926" t="s">
        <v>120</v>
      </c>
      <c r="M27926" t="s">
        <v>83</v>
      </c>
      <c r="N27926" t="s">
        <v>84</v>
      </c>
      <c r="O27926" t="s">
        <v>85</v>
      </c>
      <c r="P27926" t="s">
        <v>86</v>
      </c>
      <c r="Q27926">
        <v>18</v>
      </c>
      <c r="R27926">
        <v>18</v>
      </c>
      <c r="S27926">
        <v>18</v>
      </c>
      <c r="T27926">
        <v>18</v>
      </c>
      <c r="U27926">
        <v>18</v>
      </c>
      <c r="V27926">
        <v>19</v>
      </c>
      <c r="W27926">
        <v>19</v>
      </c>
      <c r="X27926">
        <v>19</v>
      </c>
      <c r="Y27926">
        <v>19</v>
      </c>
      <c r="Z27926">
        <v>19</v>
      </c>
      <c r="AA27926">
        <v>19</v>
      </c>
      <c r="AB27926">
        <v>19</v>
      </c>
      <c r="AC27926">
        <v>19</v>
      </c>
      <c r="AD27926">
        <v>19</v>
      </c>
      <c r="AE27926">
        <v>20</v>
      </c>
      <c r="AF27926">
        <v>20</v>
      </c>
      <c r="AG27926">
        <v>20</v>
      </c>
      <c r="AH27926">
        <v>20</v>
      </c>
      <c r="AI27926">
        <v>20</v>
      </c>
      <c r="AJ27926">
        <v>20</v>
      </c>
      <c r="AK27926">
        <v>20</v>
      </c>
      <c r="AL27926">
        <v>20</v>
      </c>
      <c r="AM27926">
        <v>20</v>
      </c>
      <c r="AN27926">
        <v>20</v>
      </c>
      <c r="AO27926">
        <v>20</v>
      </c>
      <c r="AP27926">
        <v>20</v>
      </c>
      <c r="AQ27926">
        <v>20</v>
      </c>
    </row>
    <row r="27927" spans="1:43">
      <c r="A27927" t="s">
        <v>17283</v>
      </c>
      <c r="B27927" t="s">
        <v>17284</v>
      </c>
      <c r="C27927" t="s">
        <v>17271</v>
      </c>
      <c r="D27927" t="s">
        <v>17272</v>
      </c>
      <c r="E27927" t="s">
        <v>17265</v>
      </c>
      <c r="F27927" t="s">
        <v>17266</v>
      </c>
      <c r="G27927" t="s">
        <v>16559</v>
      </c>
      <c r="H27927" t="s">
        <v>16560</v>
      </c>
      <c r="I27927" s="2">
        <v>1</v>
      </c>
      <c r="J27927" s="2">
        <v>0</v>
      </c>
      <c r="K27927" s="2">
        <v>0</v>
      </c>
      <c r="L27927" t="s">
        <v>120</v>
      </c>
      <c r="M27927" t="s">
        <v>87</v>
      </c>
      <c r="N27927" t="s">
        <v>88</v>
      </c>
      <c r="O27927" t="s">
        <v>85</v>
      </c>
      <c r="P27927" t="s">
        <v>86</v>
      </c>
      <c r="Q27927">
        <v>18</v>
      </c>
      <c r="R27927">
        <v>18</v>
      </c>
      <c r="S27927">
        <v>18</v>
      </c>
      <c r="T27927">
        <v>18</v>
      </c>
      <c r="U27927">
        <v>18</v>
      </c>
      <c r="V27927">
        <v>18</v>
      </c>
      <c r="W27927">
        <v>18</v>
      </c>
      <c r="X27927">
        <v>18</v>
      </c>
      <c r="Y27927">
        <v>18</v>
      </c>
      <c r="Z27927">
        <v>18</v>
      </c>
      <c r="AA27927">
        <v>18</v>
      </c>
      <c r="AB27927">
        <v>18</v>
      </c>
      <c r="AC27927">
        <v>17</v>
      </c>
      <c r="AD27927">
        <v>17</v>
      </c>
      <c r="AE27927">
        <v>17</v>
      </c>
      <c r="AF27927">
        <v>17</v>
      </c>
      <c r="AG27927">
        <v>17</v>
      </c>
      <c r="AH27927">
        <v>17</v>
      </c>
      <c r="AI27927">
        <v>17</v>
      </c>
      <c r="AJ27927">
        <v>17</v>
      </c>
      <c r="AK27927">
        <v>17</v>
      </c>
      <c r="AL27927">
        <v>17</v>
      </c>
      <c r="AM27927">
        <v>17</v>
      </c>
      <c r="AN27927">
        <v>17</v>
      </c>
      <c r="AO27927">
        <v>17</v>
      </c>
      <c r="AP27927">
        <v>17</v>
      </c>
      <c r="AQ27927">
        <v>17</v>
      </c>
    </row>
    <row r="27928" spans="1:43">
      <c r="A27928" t="s">
        <v>17283</v>
      </c>
      <c r="B27928" t="s">
        <v>17284</v>
      </c>
      <c r="C27928" t="s">
        <v>17271</v>
      </c>
      <c r="D27928" t="s">
        <v>17272</v>
      </c>
      <c r="E27928" t="s">
        <v>17265</v>
      </c>
      <c r="F27928" t="s">
        <v>17266</v>
      </c>
      <c r="G27928" t="s">
        <v>16559</v>
      </c>
      <c r="H27928" t="s">
        <v>16560</v>
      </c>
      <c r="I27928" s="2">
        <v>1</v>
      </c>
      <c r="J27928" s="2">
        <v>0</v>
      </c>
      <c r="K27928" s="2">
        <v>0</v>
      </c>
      <c r="L27928" t="s">
        <v>120</v>
      </c>
      <c r="M27928" t="s">
        <v>89</v>
      </c>
      <c r="N27928" t="s">
        <v>90</v>
      </c>
      <c r="O27928" t="s">
        <v>85</v>
      </c>
      <c r="P27928" t="s">
        <v>86</v>
      </c>
      <c r="Q27928">
        <v>18</v>
      </c>
      <c r="R27928">
        <v>18</v>
      </c>
      <c r="S27928">
        <v>19</v>
      </c>
      <c r="T27928">
        <v>19</v>
      </c>
      <c r="U27928">
        <v>19</v>
      </c>
      <c r="V27928">
        <v>19</v>
      </c>
      <c r="W27928">
        <v>20</v>
      </c>
      <c r="X27928">
        <v>20</v>
      </c>
      <c r="Y27928">
        <v>20</v>
      </c>
      <c r="Z27928">
        <v>20</v>
      </c>
      <c r="AA27928">
        <v>20</v>
      </c>
      <c r="AB27928">
        <v>21</v>
      </c>
      <c r="AC27928">
        <v>21</v>
      </c>
      <c r="AD27928">
        <v>21</v>
      </c>
      <c r="AE27928">
        <v>21</v>
      </c>
      <c r="AF27928">
        <v>21</v>
      </c>
      <c r="AG27928">
        <v>21</v>
      </c>
      <c r="AH27928">
        <v>21</v>
      </c>
      <c r="AI27928">
        <v>21</v>
      </c>
      <c r="AJ27928">
        <v>20</v>
      </c>
      <c r="AK27928">
        <v>20</v>
      </c>
      <c r="AL27928">
        <v>20</v>
      </c>
      <c r="AM27928">
        <v>20</v>
      </c>
      <c r="AN27928">
        <v>20</v>
      </c>
      <c r="AO27928">
        <v>20</v>
      </c>
      <c r="AP27928">
        <v>20</v>
      </c>
      <c r="AQ27928">
        <v>20</v>
      </c>
    </row>
    <row r="27929" spans="1:43">
      <c r="A27929" t="s">
        <v>17283</v>
      </c>
      <c r="B27929" t="s">
        <v>17284</v>
      </c>
      <c r="C27929" t="s">
        <v>17271</v>
      </c>
      <c r="D27929" t="s">
        <v>17272</v>
      </c>
      <c r="E27929" t="s">
        <v>17265</v>
      </c>
      <c r="F27929" t="s">
        <v>17266</v>
      </c>
      <c r="G27929" t="s">
        <v>16559</v>
      </c>
      <c r="H27929" t="s">
        <v>16560</v>
      </c>
      <c r="I27929" s="2">
        <v>1</v>
      </c>
      <c r="J27929" s="2">
        <v>0</v>
      </c>
      <c r="K27929" s="2">
        <v>0</v>
      </c>
      <c r="L27929" t="s">
        <v>120</v>
      </c>
      <c r="M27929" t="s">
        <v>83</v>
      </c>
      <c r="N27929" t="s">
        <v>91</v>
      </c>
      <c r="O27929" t="s">
        <v>85</v>
      </c>
      <c r="P27929" t="s">
        <v>86</v>
      </c>
      <c r="Q27929">
        <v>18</v>
      </c>
      <c r="R27929">
        <v>18</v>
      </c>
      <c r="S27929">
        <v>18</v>
      </c>
      <c r="T27929">
        <v>18</v>
      </c>
      <c r="U27929">
        <v>18</v>
      </c>
      <c r="V27929">
        <v>19</v>
      </c>
      <c r="W27929">
        <v>19</v>
      </c>
      <c r="X27929">
        <v>19</v>
      </c>
      <c r="Y27929">
        <v>19</v>
      </c>
      <c r="Z27929">
        <v>19</v>
      </c>
      <c r="AA27929">
        <v>19</v>
      </c>
      <c r="AB27929">
        <v>19</v>
      </c>
      <c r="AC27929">
        <v>19</v>
      </c>
      <c r="AD27929">
        <v>19</v>
      </c>
      <c r="AE27929">
        <v>20</v>
      </c>
      <c r="AF27929">
        <v>20</v>
      </c>
      <c r="AG27929">
        <v>20</v>
      </c>
      <c r="AH27929">
        <v>20</v>
      </c>
      <c r="AI27929">
        <v>20</v>
      </c>
      <c r="AJ27929">
        <v>20</v>
      </c>
      <c r="AK27929">
        <v>20</v>
      </c>
      <c r="AL27929">
        <v>20</v>
      </c>
      <c r="AM27929">
        <v>20</v>
      </c>
      <c r="AN27929">
        <v>20</v>
      </c>
      <c r="AO27929">
        <v>20</v>
      </c>
      <c r="AP27929">
        <v>20</v>
      </c>
      <c r="AQ27929">
        <v>20</v>
      </c>
    </row>
    <row r="27930" spans="1:43">
      <c r="A27930" t="s">
        <v>17285</v>
      </c>
      <c r="B27930" t="s">
        <v>17286</v>
      </c>
      <c r="C27930" t="s">
        <v>17287</v>
      </c>
      <c r="D27930" t="s">
        <v>17288</v>
      </c>
      <c r="E27930" t="s">
        <v>17265</v>
      </c>
      <c r="F27930" t="s">
        <v>17266</v>
      </c>
      <c r="G27930" t="s">
        <v>16559</v>
      </c>
      <c r="H27930" t="s">
        <v>16560</v>
      </c>
      <c r="I27930" s="2">
        <v>1</v>
      </c>
      <c r="J27930" s="2">
        <v>0</v>
      </c>
      <c r="K27930" s="2">
        <v>0</v>
      </c>
      <c r="L27930" t="s">
        <v>120</v>
      </c>
      <c r="M27930" t="s">
        <v>83</v>
      </c>
      <c r="N27930" t="s">
        <v>84</v>
      </c>
      <c r="O27930" t="s">
        <v>85</v>
      </c>
      <c r="P27930" t="s">
        <v>86</v>
      </c>
      <c r="Q27930">
        <v>41</v>
      </c>
      <c r="R27930">
        <v>41</v>
      </c>
      <c r="S27930">
        <v>41</v>
      </c>
      <c r="T27930">
        <v>42</v>
      </c>
      <c r="U27930">
        <v>42</v>
      </c>
      <c r="V27930">
        <v>42</v>
      </c>
      <c r="W27930">
        <v>42</v>
      </c>
      <c r="X27930">
        <v>43</v>
      </c>
      <c r="Y27930">
        <v>43</v>
      </c>
      <c r="Z27930">
        <v>43</v>
      </c>
      <c r="AA27930">
        <v>43</v>
      </c>
      <c r="AB27930">
        <v>43</v>
      </c>
      <c r="AC27930">
        <v>43</v>
      </c>
      <c r="AD27930">
        <v>44</v>
      </c>
      <c r="AE27930">
        <v>44</v>
      </c>
      <c r="AF27930">
        <v>44</v>
      </c>
      <c r="AG27930">
        <v>44</v>
      </c>
      <c r="AH27930">
        <v>44</v>
      </c>
      <c r="AI27930">
        <v>44</v>
      </c>
      <c r="AJ27930">
        <v>44</v>
      </c>
      <c r="AK27930">
        <v>45</v>
      </c>
      <c r="AL27930">
        <v>44</v>
      </c>
      <c r="AM27930">
        <v>44</v>
      </c>
      <c r="AN27930">
        <v>44</v>
      </c>
      <c r="AO27930">
        <v>43</v>
      </c>
      <c r="AP27930">
        <v>43</v>
      </c>
      <c r="AQ27930">
        <v>43</v>
      </c>
    </row>
    <row r="27931" spans="1:43">
      <c r="A27931" t="s">
        <v>17285</v>
      </c>
      <c r="B27931" t="s">
        <v>17286</v>
      </c>
      <c r="C27931" t="s">
        <v>17287</v>
      </c>
      <c r="D27931" t="s">
        <v>17288</v>
      </c>
      <c r="E27931" t="s">
        <v>17265</v>
      </c>
      <c r="F27931" t="s">
        <v>17266</v>
      </c>
      <c r="G27931" t="s">
        <v>16559</v>
      </c>
      <c r="H27931" t="s">
        <v>16560</v>
      </c>
      <c r="I27931" s="2">
        <v>1</v>
      </c>
      <c r="J27931" s="2">
        <v>0</v>
      </c>
      <c r="K27931" s="2">
        <v>0</v>
      </c>
      <c r="L27931" t="s">
        <v>120</v>
      </c>
      <c r="M27931" t="s">
        <v>87</v>
      </c>
      <c r="N27931" t="s">
        <v>88</v>
      </c>
      <c r="O27931" t="s">
        <v>85</v>
      </c>
      <c r="P27931" t="s">
        <v>86</v>
      </c>
      <c r="Q27931">
        <v>41</v>
      </c>
      <c r="R27931">
        <v>41</v>
      </c>
      <c r="S27931">
        <v>41</v>
      </c>
      <c r="T27931">
        <v>41</v>
      </c>
      <c r="U27931">
        <v>41</v>
      </c>
      <c r="V27931">
        <v>41</v>
      </c>
      <c r="W27931">
        <v>41</v>
      </c>
      <c r="X27931">
        <v>41</v>
      </c>
      <c r="Y27931">
        <v>41</v>
      </c>
      <c r="Z27931">
        <v>40</v>
      </c>
      <c r="AA27931">
        <v>40</v>
      </c>
      <c r="AB27931">
        <v>40</v>
      </c>
      <c r="AC27931">
        <v>40</v>
      </c>
      <c r="AD27931">
        <v>40</v>
      </c>
      <c r="AE27931">
        <v>40</v>
      </c>
      <c r="AF27931">
        <v>40</v>
      </c>
      <c r="AG27931">
        <v>40</v>
      </c>
      <c r="AH27931">
        <v>39</v>
      </c>
      <c r="AI27931">
        <v>39</v>
      </c>
      <c r="AJ27931">
        <v>39</v>
      </c>
      <c r="AK27931">
        <v>39</v>
      </c>
      <c r="AL27931">
        <v>39</v>
      </c>
      <c r="AM27931">
        <v>39</v>
      </c>
      <c r="AN27931">
        <v>39</v>
      </c>
      <c r="AO27931">
        <v>39</v>
      </c>
      <c r="AP27931">
        <v>38</v>
      </c>
      <c r="AQ27931">
        <v>38</v>
      </c>
    </row>
    <row r="27932" spans="1:43">
      <c r="A27932" t="s">
        <v>17285</v>
      </c>
      <c r="B27932" t="s">
        <v>17286</v>
      </c>
      <c r="C27932" t="s">
        <v>17287</v>
      </c>
      <c r="D27932" t="s">
        <v>17288</v>
      </c>
      <c r="E27932" t="s">
        <v>17265</v>
      </c>
      <c r="F27932" t="s">
        <v>17266</v>
      </c>
      <c r="G27932" t="s">
        <v>16559</v>
      </c>
      <c r="H27932" t="s">
        <v>16560</v>
      </c>
      <c r="I27932" s="2">
        <v>1</v>
      </c>
      <c r="J27932" s="2">
        <v>0</v>
      </c>
      <c r="K27932" s="2">
        <v>0</v>
      </c>
      <c r="L27932" t="s">
        <v>120</v>
      </c>
      <c r="M27932" t="s">
        <v>89</v>
      </c>
      <c r="N27932" t="s">
        <v>90</v>
      </c>
      <c r="O27932" t="s">
        <v>85</v>
      </c>
      <c r="P27932" t="s">
        <v>86</v>
      </c>
      <c r="Q27932">
        <v>41</v>
      </c>
      <c r="R27932">
        <v>42</v>
      </c>
      <c r="S27932">
        <v>42</v>
      </c>
      <c r="T27932">
        <v>43</v>
      </c>
      <c r="U27932">
        <v>44</v>
      </c>
      <c r="V27932">
        <v>44</v>
      </c>
      <c r="W27932">
        <v>44</v>
      </c>
      <c r="X27932">
        <v>45</v>
      </c>
      <c r="Y27932">
        <v>45</v>
      </c>
      <c r="Z27932">
        <v>46</v>
      </c>
      <c r="AA27932">
        <v>46</v>
      </c>
      <c r="AB27932">
        <v>46</v>
      </c>
      <c r="AC27932">
        <v>47</v>
      </c>
      <c r="AD27932">
        <v>47</v>
      </c>
      <c r="AE27932">
        <v>47</v>
      </c>
      <c r="AF27932">
        <v>47</v>
      </c>
      <c r="AG27932">
        <v>46</v>
      </c>
      <c r="AH27932">
        <v>46</v>
      </c>
      <c r="AI27932">
        <v>46</v>
      </c>
      <c r="AJ27932">
        <v>45</v>
      </c>
      <c r="AK27932">
        <v>45</v>
      </c>
      <c r="AL27932">
        <v>45</v>
      </c>
      <c r="AM27932">
        <v>44</v>
      </c>
      <c r="AN27932">
        <v>44</v>
      </c>
      <c r="AO27932">
        <v>44</v>
      </c>
      <c r="AP27932">
        <v>43</v>
      </c>
      <c r="AQ27932">
        <v>43</v>
      </c>
    </row>
    <row r="27933" spans="1:43">
      <c r="A27933" t="s">
        <v>17285</v>
      </c>
      <c r="B27933" t="s">
        <v>17286</v>
      </c>
      <c r="C27933" t="s">
        <v>17287</v>
      </c>
      <c r="D27933" t="s">
        <v>17288</v>
      </c>
      <c r="E27933" t="s">
        <v>17265</v>
      </c>
      <c r="F27933" t="s">
        <v>17266</v>
      </c>
      <c r="G27933" t="s">
        <v>16559</v>
      </c>
      <c r="H27933" t="s">
        <v>16560</v>
      </c>
      <c r="I27933" s="2">
        <v>1</v>
      </c>
      <c r="J27933" s="2">
        <v>0</v>
      </c>
      <c r="K27933" s="2">
        <v>0</v>
      </c>
      <c r="L27933" t="s">
        <v>120</v>
      </c>
      <c r="M27933" t="s">
        <v>83</v>
      </c>
      <c r="N27933" t="s">
        <v>91</v>
      </c>
      <c r="O27933" t="s">
        <v>85</v>
      </c>
      <c r="P27933" t="s">
        <v>86</v>
      </c>
      <c r="Q27933">
        <v>41</v>
      </c>
      <c r="R27933">
        <v>41</v>
      </c>
      <c r="S27933">
        <v>41</v>
      </c>
      <c r="T27933">
        <v>42</v>
      </c>
      <c r="U27933">
        <v>42</v>
      </c>
      <c r="V27933">
        <v>42</v>
      </c>
      <c r="W27933">
        <v>42</v>
      </c>
      <c r="X27933">
        <v>43</v>
      </c>
      <c r="Y27933">
        <v>43</v>
      </c>
      <c r="Z27933">
        <v>43</v>
      </c>
      <c r="AA27933">
        <v>43</v>
      </c>
      <c r="AB27933">
        <v>43</v>
      </c>
      <c r="AC27933">
        <v>43</v>
      </c>
      <c r="AD27933">
        <v>44</v>
      </c>
      <c r="AE27933">
        <v>44</v>
      </c>
      <c r="AF27933">
        <v>44</v>
      </c>
      <c r="AG27933">
        <v>44</v>
      </c>
      <c r="AH27933">
        <v>44</v>
      </c>
      <c r="AI27933">
        <v>44</v>
      </c>
      <c r="AJ27933">
        <v>44</v>
      </c>
      <c r="AK27933">
        <v>45</v>
      </c>
      <c r="AL27933">
        <v>44</v>
      </c>
      <c r="AM27933">
        <v>44</v>
      </c>
      <c r="AN27933">
        <v>44</v>
      </c>
      <c r="AO27933">
        <v>43</v>
      </c>
      <c r="AP27933">
        <v>43</v>
      </c>
      <c r="AQ27933">
        <v>43</v>
      </c>
    </row>
    <row r="27934" spans="1:43">
      <c r="A27934" t="s">
        <v>17289</v>
      </c>
      <c r="B27934" t="s">
        <v>17290</v>
      </c>
      <c r="C27934" t="s">
        <v>17291</v>
      </c>
      <c r="D27934" t="s">
        <v>17292</v>
      </c>
      <c r="E27934" t="s">
        <v>17265</v>
      </c>
      <c r="F27934" t="s">
        <v>17266</v>
      </c>
      <c r="G27934" t="s">
        <v>16559</v>
      </c>
      <c r="H27934" t="s">
        <v>16560</v>
      </c>
      <c r="I27934" s="2">
        <v>1</v>
      </c>
      <c r="J27934" s="2">
        <v>0</v>
      </c>
      <c r="K27934" s="2">
        <v>0</v>
      </c>
      <c r="L27934" t="s">
        <v>120</v>
      </c>
      <c r="M27934" t="s">
        <v>83</v>
      </c>
      <c r="N27934" t="s">
        <v>84</v>
      </c>
      <c r="O27934" t="s">
        <v>85</v>
      </c>
      <c r="P27934" t="s">
        <v>86</v>
      </c>
      <c r="Q27934">
        <v>30</v>
      </c>
      <c r="R27934">
        <v>31</v>
      </c>
      <c r="S27934">
        <v>31</v>
      </c>
      <c r="T27934">
        <v>31</v>
      </c>
      <c r="U27934">
        <v>31</v>
      </c>
      <c r="V27934">
        <v>32</v>
      </c>
      <c r="W27934">
        <v>32</v>
      </c>
      <c r="X27934">
        <v>32</v>
      </c>
      <c r="Y27934">
        <v>32</v>
      </c>
      <c r="Z27934">
        <v>32</v>
      </c>
      <c r="AA27934">
        <v>32</v>
      </c>
      <c r="AB27934">
        <v>32</v>
      </c>
      <c r="AC27934">
        <v>33</v>
      </c>
      <c r="AD27934">
        <v>33</v>
      </c>
      <c r="AE27934">
        <v>33</v>
      </c>
      <c r="AF27934">
        <v>33</v>
      </c>
      <c r="AG27934">
        <v>33</v>
      </c>
      <c r="AH27934">
        <v>33</v>
      </c>
      <c r="AI27934">
        <v>33</v>
      </c>
      <c r="AJ27934">
        <v>33</v>
      </c>
      <c r="AK27934">
        <v>34</v>
      </c>
      <c r="AL27934">
        <v>33</v>
      </c>
      <c r="AM27934">
        <v>33</v>
      </c>
      <c r="AN27934">
        <v>33</v>
      </c>
      <c r="AO27934">
        <v>33</v>
      </c>
      <c r="AP27934">
        <v>33</v>
      </c>
      <c r="AQ27934">
        <v>32</v>
      </c>
    </row>
    <row r="27935" spans="1:43">
      <c r="A27935" t="s">
        <v>17289</v>
      </c>
      <c r="B27935" t="s">
        <v>17290</v>
      </c>
      <c r="C27935" t="s">
        <v>17291</v>
      </c>
      <c r="D27935" t="s">
        <v>17292</v>
      </c>
      <c r="E27935" t="s">
        <v>17265</v>
      </c>
      <c r="F27935" t="s">
        <v>17266</v>
      </c>
      <c r="G27935" t="s">
        <v>16559</v>
      </c>
      <c r="H27935" t="s">
        <v>16560</v>
      </c>
      <c r="I27935" s="2">
        <v>1</v>
      </c>
      <c r="J27935" s="2">
        <v>0</v>
      </c>
      <c r="K27935" s="2">
        <v>0</v>
      </c>
      <c r="L27935" t="s">
        <v>120</v>
      </c>
      <c r="M27935" t="s">
        <v>87</v>
      </c>
      <c r="N27935" t="s">
        <v>88</v>
      </c>
      <c r="O27935" t="s">
        <v>85</v>
      </c>
      <c r="P27935" t="s">
        <v>86</v>
      </c>
      <c r="Q27935">
        <v>30</v>
      </c>
      <c r="R27935">
        <v>30</v>
      </c>
      <c r="S27935">
        <v>30</v>
      </c>
      <c r="T27935">
        <v>30</v>
      </c>
      <c r="U27935">
        <v>30</v>
      </c>
      <c r="V27935">
        <v>30</v>
      </c>
      <c r="W27935">
        <v>30</v>
      </c>
      <c r="X27935">
        <v>30</v>
      </c>
      <c r="Y27935">
        <v>30</v>
      </c>
      <c r="Z27935">
        <v>30</v>
      </c>
      <c r="AA27935">
        <v>29</v>
      </c>
      <c r="AB27935">
        <v>29</v>
      </c>
      <c r="AC27935">
        <v>29</v>
      </c>
      <c r="AD27935">
        <v>29</v>
      </c>
      <c r="AE27935">
        <v>29</v>
      </c>
      <c r="AF27935">
        <v>29</v>
      </c>
      <c r="AG27935">
        <v>29</v>
      </c>
      <c r="AH27935">
        <v>29</v>
      </c>
      <c r="AI27935">
        <v>29</v>
      </c>
      <c r="AJ27935">
        <v>29</v>
      </c>
      <c r="AK27935">
        <v>29</v>
      </c>
      <c r="AL27935">
        <v>29</v>
      </c>
      <c r="AM27935">
        <v>28</v>
      </c>
      <c r="AN27935">
        <v>28</v>
      </c>
      <c r="AO27935">
        <v>28</v>
      </c>
      <c r="AP27935">
        <v>28</v>
      </c>
      <c r="AQ27935">
        <v>28</v>
      </c>
    </row>
    <row r="27936" spans="1:43">
      <c r="A27936" t="s">
        <v>17289</v>
      </c>
      <c r="B27936" t="s">
        <v>17290</v>
      </c>
      <c r="C27936" t="s">
        <v>17291</v>
      </c>
      <c r="D27936" t="s">
        <v>17292</v>
      </c>
      <c r="E27936" t="s">
        <v>17265</v>
      </c>
      <c r="F27936" t="s">
        <v>17266</v>
      </c>
      <c r="G27936" t="s">
        <v>16559</v>
      </c>
      <c r="H27936" t="s">
        <v>16560</v>
      </c>
      <c r="I27936" s="2">
        <v>1</v>
      </c>
      <c r="J27936" s="2">
        <v>0</v>
      </c>
      <c r="K27936" s="2">
        <v>0</v>
      </c>
      <c r="L27936" t="s">
        <v>120</v>
      </c>
      <c r="M27936" t="s">
        <v>89</v>
      </c>
      <c r="N27936" t="s">
        <v>90</v>
      </c>
      <c r="O27936" t="s">
        <v>85</v>
      </c>
      <c r="P27936" t="s">
        <v>86</v>
      </c>
      <c r="Q27936">
        <v>30</v>
      </c>
      <c r="R27936">
        <v>30</v>
      </c>
      <c r="S27936">
        <v>31</v>
      </c>
      <c r="T27936">
        <v>31</v>
      </c>
      <c r="U27936">
        <v>32</v>
      </c>
      <c r="V27936">
        <v>32</v>
      </c>
      <c r="W27936">
        <v>32</v>
      </c>
      <c r="X27936">
        <v>33</v>
      </c>
      <c r="Y27936">
        <v>33</v>
      </c>
      <c r="Z27936">
        <v>33</v>
      </c>
      <c r="AA27936">
        <v>33</v>
      </c>
      <c r="AB27936">
        <v>34</v>
      </c>
      <c r="AC27936">
        <v>34</v>
      </c>
      <c r="AD27936">
        <v>34</v>
      </c>
      <c r="AE27936">
        <v>34</v>
      </c>
      <c r="AF27936">
        <v>34</v>
      </c>
      <c r="AG27936">
        <v>34</v>
      </c>
      <c r="AH27936">
        <v>34</v>
      </c>
      <c r="AI27936">
        <v>33</v>
      </c>
      <c r="AJ27936">
        <v>33</v>
      </c>
      <c r="AK27936">
        <v>33</v>
      </c>
      <c r="AL27936">
        <v>33</v>
      </c>
      <c r="AM27936">
        <v>32</v>
      </c>
      <c r="AN27936">
        <v>32</v>
      </c>
      <c r="AO27936">
        <v>32</v>
      </c>
      <c r="AP27936">
        <v>32</v>
      </c>
      <c r="AQ27936">
        <v>32</v>
      </c>
    </row>
    <row r="27937" spans="1:43">
      <c r="A27937" t="s">
        <v>17289</v>
      </c>
      <c r="B27937" t="s">
        <v>17290</v>
      </c>
      <c r="C27937" t="s">
        <v>17291</v>
      </c>
      <c r="D27937" t="s">
        <v>17292</v>
      </c>
      <c r="E27937" t="s">
        <v>17265</v>
      </c>
      <c r="F27937" t="s">
        <v>17266</v>
      </c>
      <c r="G27937" t="s">
        <v>16559</v>
      </c>
      <c r="H27937" t="s">
        <v>16560</v>
      </c>
      <c r="I27937" s="2">
        <v>1</v>
      </c>
      <c r="J27937" s="2">
        <v>0</v>
      </c>
      <c r="K27937" s="2">
        <v>0</v>
      </c>
      <c r="L27937" t="s">
        <v>120</v>
      </c>
      <c r="M27937" t="s">
        <v>83</v>
      </c>
      <c r="N27937" t="s">
        <v>91</v>
      </c>
      <c r="O27937" t="s">
        <v>85</v>
      </c>
      <c r="P27937" t="s">
        <v>86</v>
      </c>
      <c r="Q27937">
        <v>30</v>
      </c>
      <c r="R27937">
        <v>31</v>
      </c>
      <c r="S27937">
        <v>31</v>
      </c>
      <c r="T27937">
        <v>31</v>
      </c>
      <c r="U27937">
        <v>31</v>
      </c>
      <c r="V27937">
        <v>32</v>
      </c>
      <c r="W27937">
        <v>32</v>
      </c>
      <c r="X27937">
        <v>32</v>
      </c>
      <c r="Y27937">
        <v>32</v>
      </c>
      <c r="Z27937">
        <v>32</v>
      </c>
      <c r="AA27937">
        <v>32</v>
      </c>
      <c r="AB27937">
        <v>32</v>
      </c>
      <c r="AC27937">
        <v>33</v>
      </c>
      <c r="AD27937">
        <v>33</v>
      </c>
      <c r="AE27937">
        <v>33</v>
      </c>
      <c r="AF27937">
        <v>33</v>
      </c>
      <c r="AG27937">
        <v>33</v>
      </c>
      <c r="AH27937">
        <v>33</v>
      </c>
      <c r="AI27937">
        <v>33</v>
      </c>
      <c r="AJ27937">
        <v>33</v>
      </c>
      <c r="AK27937">
        <v>34</v>
      </c>
      <c r="AL27937">
        <v>33</v>
      </c>
      <c r="AM27937">
        <v>33</v>
      </c>
      <c r="AN27937">
        <v>33</v>
      </c>
      <c r="AO27937">
        <v>33</v>
      </c>
      <c r="AP27937">
        <v>33</v>
      </c>
      <c r="AQ27937">
        <v>32</v>
      </c>
    </row>
    <row r="27938" spans="1:43">
      <c r="A27938" t="s">
        <v>17293</v>
      </c>
      <c r="B27938" t="s">
        <v>17294</v>
      </c>
      <c r="C27938" t="s">
        <v>17291</v>
      </c>
      <c r="D27938" t="s">
        <v>17292</v>
      </c>
      <c r="E27938" t="s">
        <v>17265</v>
      </c>
      <c r="F27938" t="s">
        <v>17266</v>
      </c>
      <c r="G27938" t="s">
        <v>16559</v>
      </c>
      <c r="H27938" t="s">
        <v>16560</v>
      </c>
      <c r="I27938" s="2">
        <v>1</v>
      </c>
      <c r="J27938" s="2">
        <v>0</v>
      </c>
      <c r="K27938" s="2">
        <v>0</v>
      </c>
      <c r="L27938" t="s">
        <v>120</v>
      </c>
      <c r="M27938" t="s">
        <v>83</v>
      </c>
      <c r="N27938" t="s">
        <v>84</v>
      </c>
      <c r="O27938" t="s">
        <v>85</v>
      </c>
      <c r="P27938" t="s">
        <v>86</v>
      </c>
      <c r="Q27938">
        <v>9</v>
      </c>
      <c r="R27938">
        <v>9</v>
      </c>
      <c r="S27938">
        <v>9</v>
      </c>
      <c r="T27938">
        <v>9</v>
      </c>
      <c r="U27938">
        <v>9</v>
      </c>
      <c r="V27938">
        <v>9</v>
      </c>
      <c r="W27938">
        <v>9</v>
      </c>
      <c r="X27938">
        <v>9</v>
      </c>
      <c r="Y27938">
        <v>9</v>
      </c>
      <c r="Z27938">
        <v>9</v>
      </c>
      <c r="AA27938">
        <v>9</v>
      </c>
      <c r="AB27938">
        <v>9</v>
      </c>
      <c r="AC27938">
        <v>9</v>
      </c>
      <c r="AD27938">
        <v>9</v>
      </c>
      <c r="AE27938">
        <v>10</v>
      </c>
      <c r="AF27938">
        <v>10</v>
      </c>
      <c r="AG27938">
        <v>10</v>
      </c>
      <c r="AH27938">
        <v>10</v>
      </c>
      <c r="AI27938">
        <v>10</v>
      </c>
      <c r="AJ27938">
        <v>10</v>
      </c>
      <c r="AK27938">
        <v>10</v>
      </c>
      <c r="AL27938">
        <v>10</v>
      </c>
      <c r="AM27938">
        <v>10</v>
      </c>
      <c r="AN27938">
        <v>10</v>
      </c>
      <c r="AO27938">
        <v>9</v>
      </c>
      <c r="AP27938">
        <v>9</v>
      </c>
      <c r="AQ27938">
        <v>9</v>
      </c>
    </row>
    <row r="27939" spans="1:43">
      <c r="A27939" t="s">
        <v>17293</v>
      </c>
      <c r="B27939" t="s">
        <v>17294</v>
      </c>
      <c r="C27939" t="s">
        <v>17291</v>
      </c>
      <c r="D27939" t="s">
        <v>17292</v>
      </c>
      <c r="E27939" t="s">
        <v>17265</v>
      </c>
      <c r="F27939" t="s">
        <v>17266</v>
      </c>
      <c r="G27939" t="s">
        <v>16559</v>
      </c>
      <c r="H27939" t="s">
        <v>16560</v>
      </c>
      <c r="I27939" s="2">
        <v>1</v>
      </c>
      <c r="J27939" s="2">
        <v>0</v>
      </c>
      <c r="K27939" s="2">
        <v>0</v>
      </c>
      <c r="L27939" t="s">
        <v>120</v>
      </c>
      <c r="M27939" t="s">
        <v>87</v>
      </c>
      <c r="N27939" t="s">
        <v>88</v>
      </c>
      <c r="O27939" t="s">
        <v>85</v>
      </c>
      <c r="P27939" t="s">
        <v>86</v>
      </c>
      <c r="Q27939">
        <v>9</v>
      </c>
      <c r="R27939">
        <v>9</v>
      </c>
      <c r="S27939">
        <v>9</v>
      </c>
      <c r="T27939">
        <v>9</v>
      </c>
      <c r="U27939">
        <v>9</v>
      </c>
      <c r="V27939">
        <v>9</v>
      </c>
      <c r="W27939">
        <v>9</v>
      </c>
      <c r="X27939">
        <v>9</v>
      </c>
      <c r="Y27939">
        <v>9</v>
      </c>
      <c r="Z27939">
        <v>9</v>
      </c>
      <c r="AA27939">
        <v>9</v>
      </c>
      <c r="AB27939">
        <v>8</v>
      </c>
      <c r="AC27939">
        <v>8</v>
      </c>
      <c r="AD27939">
        <v>8</v>
      </c>
      <c r="AE27939">
        <v>8</v>
      </c>
      <c r="AF27939">
        <v>8</v>
      </c>
      <c r="AG27939">
        <v>8</v>
      </c>
      <c r="AH27939">
        <v>8</v>
      </c>
      <c r="AI27939">
        <v>8</v>
      </c>
      <c r="AJ27939">
        <v>8</v>
      </c>
      <c r="AK27939">
        <v>8</v>
      </c>
      <c r="AL27939">
        <v>8</v>
      </c>
      <c r="AM27939">
        <v>8</v>
      </c>
      <c r="AN27939">
        <v>8</v>
      </c>
      <c r="AO27939">
        <v>8</v>
      </c>
      <c r="AP27939">
        <v>8</v>
      </c>
      <c r="AQ27939">
        <v>8</v>
      </c>
    </row>
    <row r="27940" spans="1:43">
      <c r="A27940" t="s">
        <v>17293</v>
      </c>
      <c r="B27940" t="s">
        <v>17294</v>
      </c>
      <c r="C27940" t="s">
        <v>17291</v>
      </c>
      <c r="D27940" t="s">
        <v>17292</v>
      </c>
      <c r="E27940" t="s">
        <v>17265</v>
      </c>
      <c r="F27940" t="s">
        <v>17266</v>
      </c>
      <c r="G27940" t="s">
        <v>16559</v>
      </c>
      <c r="H27940" t="s">
        <v>16560</v>
      </c>
      <c r="I27940" s="2">
        <v>1</v>
      </c>
      <c r="J27940" s="2">
        <v>0</v>
      </c>
      <c r="K27940" s="2">
        <v>0</v>
      </c>
      <c r="L27940" t="s">
        <v>120</v>
      </c>
      <c r="M27940" t="s">
        <v>89</v>
      </c>
      <c r="N27940" t="s">
        <v>90</v>
      </c>
      <c r="O27940" t="s">
        <v>85</v>
      </c>
      <c r="P27940" t="s">
        <v>86</v>
      </c>
      <c r="Q27940">
        <v>9</v>
      </c>
      <c r="R27940">
        <v>9</v>
      </c>
      <c r="S27940">
        <v>9</v>
      </c>
      <c r="T27940">
        <v>9</v>
      </c>
      <c r="U27940">
        <v>9</v>
      </c>
      <c r="V27940">
        <v>10</v>
      </c>
      <c r="W27940">
        <v>10</v>
      </c>
      <c r="X27940">
        <v>10</v>
      </c>
      <c r="Y27940">
        <v>10</v>
      </c>
      <c r="Z27940">
        <v>10</v>
      </c>
      <c r="AA27940">
        <v>10</v>
      </c>
      <c r="AB27940">
        <v>10</v>
      </c>
      <c r="AC27940">
        <v>10</v>
      </c>
      <c r="AD27940">
        <v>10</v>
      </c>
      <c r="AE27940">
        <v>10</v>
      </c>
      <c r="AF27940">
        <v>10</v>
      </c>
      <c r="AG27940">
        <v>10</v>
      </c>
      <c r="AH27940">
        <v>10</v>
      </c>
      <c r="AI27940">
        <v>10</v>
      </c>
      <c r="AJ27940">
        <v>10</v>
      </c>
      <c r="AK27940">
        <v>10</v>
      </c>
      <c r="AL27940">
        <v>10</v>
      </c>
      <c r="AM27940">
        <v>10</v>
      </c>
      <c r="AN27940">
        <v>10</v>
      </c>
      <c r="AO27940">
        <v>10</v>
      </c>
      <c r="AP27940">
        <v>9</v>
      </c>
      <c r="AQ27940">
        <v>9</v>
      </c>
    </row>
    <row r="27941" spans="1:43">
      <c r="A27941" t="s">
        <v>17293</v>
      </c>
      <c r="B27941" t="s">
        <v>17294</v>
      </c>
      <c r="C27941" t="s">
        <v>17291</v>
      </c>
      <c r="D27941" t="s">
        <v>17292</v>
      </c>
      <c r="E27941" t="s">
        <v>17265</v>
      </c>
      <c r="F27941" t="s">
        <v>17266</v>
      </c>
      <c r="G27941" t="s">
        <v>16559</v>
      </c>
      <c r="H27941" t="s">
        <v>16560</v>
      </c>
      <c r="I27941" s="2">
        <v>1</v>
      </c>
      <c r="J27941" s="2">
        <v>0</v>
      </c>
      <c r="K27941" s="2">
        <v>0</v>
      </c>
      <c r="L27941" t="s">
        <v>120</v>
      </c>
      <c r="M27941" t="s">
        <v>83</v>
      </c>
      <c r="N27941" t="s">
        <v>91</v>
      </c>
      <c r="O27941" t="s">
        <v>85</v>
      </c>
      <c r="P27941" t="s">
        <v>86</v>
      </c>
      <c r="Q27941">
        <v>9</v>
      </c>
      <c r="R27941">
        <v>9</v>
      </c>
      <c r="S27941">
        <v>9</v>
      </c>
      <c r="T27941">
        <v>9</v>
      </c>
      <c r="U27941">
        <v>9</v>
      </c>
      <c r="V27941">
        <v>9</v>
      </c>
      <c r="W27941">
        <v>9</v>
      </c>
      <c r="X27941">
        <v>9</v>
      </c>
      <c r="Y27941">
        <v>9</v>
      </c>
      <c r="Z27941">
        <v>9</v>
      </c>
      <c r="AA27941">
        <v>9</v>
      </c>
      <c r="AB27941">
        <v>9</v>
      </c>
      <c r="AC27941">
        <v>9</v>
      </c>
      <c r="AD27941">
        <v>9</v>
      </c>
      <c r="AE27941">
        <v>10</v>
      </c>
      <c r="AF27941">
        <v>10</v>
      </c>
      <c r="AG27941">
        <v>10</v>
      </c>
      <c r="AH27941">
        <v>10</v>
      </c>
      <c r="AI27941">
        <v>10</v>
      </c>
      <c r="AJ27941">
        <v>10</v>
      </c>
      <c r="AK27941">
        <v>10</v>
      </c>
      <c r="AL27941">
        <v>10</v>
      </c>
      <c r="AM27941">
        <v>10</v>
      </c>
      <c r="AN27941">
        <v>10</v>
      </c>
      <c r="AO27941">
        <v>9</v>
      </c>
      <c r="AP27941">
        <v>9</v>
      </c>
      <c r="AQ27941">
        <v>9</v>
      </c>
    </row>
    <row r="27942" spans="1:43">
      <c r="A27942" t="s">
        <v>17295</v>
      </c>
      <c r="B27942" t="s">
        <v>17296</v>
      </c>
      <c r="C27942" t="s">
        <v>17263</v>
      </c>
      <c r="D27942" t="s">
        <v>17264</v>
      </c>
      <c r="E27942" t="s">
        <v>17265</v>
      </c>
      <c r="F27942" t="s">
        <v>17266</v>
      </c>
      <c r="G27942" t="s">
        <v>16559</v>
      </c>
      <c r="H27942" t="s">
        <v>16560</v>
      </c>
      <c r="I27942" s="2">
        <v>1</v>
      </c>
      <c r="J27942" s="2">
        <v>0</v>
      </c>
      <c r="K27942" s="2">
        <v>0</v>
      </c>
      <c r="L27942" t="s">
        <v>120</v>
      </c>
      <c r="M27942" t="s">
        <v>83</v>
      </c>
      <c r="N27942" t="s">
        <v>84</v>
      </c>
      <c r="O27942" t="s">
        <v>85</v>
      </c>
      <c r="P27942" t="s">
        <v>86</v>
      </c>
      <c r="Q27942">
        <v>42</v>
      </c>
      <c r="R27942">
        <v>42</v>
      </c>
      <c r="S27942">
        <v>42</v>
      </c>
      <c r="T27942">
        <v>42</v>
      </c>
      <c r="U27942">
        <v>43</v>
      </c>
      <c r="V27942">
        <v>43</v>
      </c>
      <c r="W27942">
        <v>43</v>
      </c>
      <c r="X27942">
        <v>43</v>
      </c>
      <c r="Y27942">
        <v>43</v>
      </c>
      <c r="Z27942">
        <v>44</v>
      </c>
      <c r="AA27942">
        <v>44</v>
      </c>
      <c r="AB27942">
        <v>44</v>
      </c>
      <c r="AC27942">
        <v>44</v>
      </c>
      <c r="AD27942">
        <v>44</v>
      </c>
      <c r="AE27942">
        <v>44</v>
      </c>
      <c r="AF27942">
        <v>44</v>
      </c>
      <c r="AG27942">
        <v>44</v>
      </c>
      <c r="AH27942">
        <v>45</v>
      </c>
      <c r="AI27942">
        <v>45</v>
      </c>
      <c r="AJ27942">
        <v>45</v>
      </c>
      <c r="AK27942">
        <v>45</v>
      </c>
      <c r="AL27942">
        <v>45</v>
      </c>
      <c r="AM27942">
        <v>44</v>
      </c>
      <c r="AN27942">
        <v>44</v>
      </c>
      <c r="AO27942">
        <v>43</v>
      </c>
      <c r="AP27942">
        <v>43</v>
      </c>
      <c r="AQ27942">
        <v>43</v>
      </c>
    </row>
    <row r="27943" spans="1:43">
      <c r="A27943" t="s">
        <v>17295</v>
      </c>
      <c r="B27943" t="s">
        <v>17296</v>
      </c>
      <c r="C27943" t="s">
        <v>17263</v>
      </c>
      <c r="D27943" t="s">
        <v>17264</v>
      </c>
      <c r="E27943" t="s">
        <v>17265</v>
      </c>
      <c r="F27943" t="s">
        <v>17266</v>
      </c>
      <c r="G27943" t="s">
        <v>16559</v>
      </c>
      <c r="H27943" t="s">
        <v>16560</v>
      </c>
      <c r="I27943" s="2">
        <v>1</v>
      </c>
      <c r="J27943" s="2">
        <v>0</v>
      </c>
      <c r="K27943" s="2">
        <v>0</v>
      </c>
      <c r="L27943" t="s">
        <v>120</v>
      </c>
      <c r="M27943" t="s">
        <v>87</v>
      </c>
      <c r="N27943" t="s">
        <v>88</v>
      </c>
      <c r="O27943" t="s">
        <v>85</v>
      </c>
      <c r="P27943" t="s">
        <v>86</v>
      </c>
      <c r="Q27943">
        <v>42</v>
      </c>
      <c r="R27943">
        <v>42</v>
      </c>
      <c r="S27943">
        <v>42</v>
      </c>
      <c r="T27943">
        <v>42</v>
      </c>
      <c r="U27943">
        <v>42</v>
      </c>
      <c r="V27943">
        <v>42</v>
      </c>
      <c r="W27943">
        <v>41</v>
      </c>
      <c r="X27943">
        <v>41</v>
      </c>
      <c r="Y27943">
        <v>41</v>
      </c>
      <c r="Z27943">
        <v>41</v>
      </c>
      <c r="AA27943">
        <v>41</v>
      </c>
      <c r="AB27943">
        <v>41</v>
      </c>
      <c r="AC27943">
        <v>41</v>
      </c>
      <c r="AD27943">
        <v>40</v>
      </c>
      <c r="AE27943">
        <v>40</v>
      </c>
      <c r="AF27943">
        <v>40</v>
      </c>
      <c r="AG27943">
        <v>40</v>
      </c>
      <c r="AH27943">
        <v>40</v>
      </c>
      <c r="AI27943">
        <v>40</v>
      </c>
      <c r="AJ27943">
        <v>39</v>
      </c>
      <c r="AK27943">
        <v>39</v>
      </c>
      <c r="AL27943">
        <v>39</v>
      </c>
      <c r="AM27943">
        <v>39</v>
      </c>
      <c r="AN27943">
        <v>39</v>
      </c>
      <c r="AO27943">
        <v>39</v>
      </c>
      <c r="AP27943">
        <v>38</v>
      </c>
      <c r="AQ27943">
        <v>38</v>
      </c>
    </row>
    <row r="27944" spans="1:43">
      <c r="A27944" t="s">
        <v>17295</v>
      </c>
      <c r="B27944" t="s">
        <v>17296</v>
      </c>
      <c r="C27944" t="s">
        <v>17263</v>
      </c>
      <c r="D27944" t="s">
        <v>17264</v>
      </c>
      <c r="E27944" t="s">
        <v>17265</v>
      </c>
      <c r="F27944" t="s">
        <v>17266</v>
      </c>
      <c r="G27944" t="s">
        <v>16559</v>
      </c>
      <c r="H27944" t="s">
        <v>16560</v>
      </c>
      <c r="I27944" s="2">
        <v>1</v>
      </c>
      <c r="J27944" s="2">
        <v>0</v>
      </c>
      <c r="K27944" s="2">
        <v>0</v>
      </c>
      <c r="L27944" t="s">
        <v>120</v>
      </c>
      <c r="M27944" t="s">
        <v>89</v>
      </c>
      <c r="N27944" t="s">
        <v>90</v>
      </c>
      <c r="O27944" t="s">
        <v>85</v>
      </c>
      <c r="P27944" t="s">
        <v>86</v>
      </c>
      <c r="Q27944">
        <v>42</v>
      </c>
      <c r="R27944">
        <v>43</v>
      </c>
      <c r="S27944">
        <v>43</v>
      </c>
      <c r="T27944">
        <v>44</v>
      </c>
      <c r="U27944">
        <v>44</v>
      </c>
      <c r="V27944">
        <v>45</v>
      </c>
      <c r="W27944">
        <v>45</v>
      </c>
      <c r="X27944">
        <v>46</v>
      </c>
      <c r="Y27944">
        <v>46</v>
      </c>
      <c r="Z27944">
        <v>46</v>
      </c>
      <c r="AA27944">
        <v>47</v>
      </c>
      <c r="AB27944">
        <v>47</v>
      </c>
      <c r="AC27944">
        <v>47</v>
      </c>
      <c r="AD27944">
        <v>47</v>
      </c>
      <c r="AE27944">
        <v>47</v>
      </c>
      <c r="AF27944">
        <v>47</v>
      </c>
      <c r="AG27944">
        <v>47</v>
      </c>
      <c r="AH27944">
        <v>46</v>
      </c>
      <c r="AI27944">
        <v>46</v>
      </c>
      <c r="AJ27944">
        <v>45</v>
      </c>
      <c r="AK27944">
        <v>45</v>
      </c>
      <c r="AL27944">
        <v>45</v>
      </c>
      <c r="AM27944">
        <v>44</v>
      </c>
      <c r="AN27944">
        <v>44</v>
      </c>
      <c r="AO27944">
        <v>44</v>
      </c>
      <c r="AP27944">
        <v>43</v>
      </c>
      <c r="AQ27944">
        <v>43</v>
      </c>
    </row>
    <row r="27945" spans="1:43">
      <c r="A27945" t="s">
        <v>17295</v>
      </c>
      <c r="B27945" t="s">
        <v>17296</v>
      </c>
      <c r="C27945" t="s">
        <v>17263</v>
      </c>
      <c r="D27945" t="s">
        <v>17264</v>
      </c>
      <c r="E27945" t="s">
        <v>17265</v>
      </c>
      <c r="F27945" t="s">
        <v>17266</v>
      </c>
      <c r="G27945" t="s">
        <v>16559</v>
      </c>
      <c r="H27945" t="s">
        <v>16560</v>
      </c>
      <c r="I27945" s="2">
        <v>1</v>
      </c>
      <c r="J27945" s="2">
        <v>0</v>
      </c>
      <c r="K27945" s="2">
        <v>0</v>
      </c>
      <c r="L27945" t="s">
        <v>120</v>
      </c>
      <c r="M27945" t="s">
        <v>83</v>
      </c>
      <c r="N27945" t="s">
        <v>91</v>
      </c>
      <c r="O27945" t="s">
        <v>85</v>
      </c>
      <c r="P27945" t="s">
        <v>86</v>
      </c>
      <c r="Q27945">
        <v>42</v>
      </c>
      <c r="R27945">
        <v>42</v>
      </c>
      <c r="S27945">
        <v>42</v>
      </c>
      <c r="T27945">
        <v>42</v>
      </c>
      <c r="U27945">
        <v>43</v>
      </c>
      <c r="V27945">
        <v>43</v>
      </c>
      <c r="W27945">
        <v>43</v>
      </c>
      <c r="X27945">
        <v>43</v>
      </c>
      <c r="Y27945">
        <v>43</v>
      </c>
      <c r="Z27945">
        <v>44</v>
      </c>
      <c r="AA27945">
        <v>44</v>
      </c>
      <c r="AB27945">
        <v>44</v>
      </c>
      <c r="AC27945">
        <v>44</v>
      </c>
      <c r="AD27945">
        <v>44</v>
      </c>
      <c r="AE27945">
        <v>44</v>
      </c>
      <c r="AF27945">
        <v>44</v>
      </c>
      <c r="AG27945">
        <v>44</v>
      </c>
      <c r="AH27945">
        <v>45</v>
      </c>
      <c r="AI27945">
        <v>45</v>
      </c>
      <c r="AJ27945">
        <v>45</v>
      </c>
      <c r="AK27945">
        <v>45</v>
      </c>
      <c r="AL27945">
        <v>45</v>
      </c>
      <c r="AM27945">
        <v>44</v>
      </c>
      <c r="AN27945">
        <v>44</v>
      </c>
      <c r="AO27945">
        <v>43</v>
      </c>
      <c r="AP27945">
        <v>43</v>
      </c>
      <c r="AQ27945">
        <v>43</v>
      </c>
    </row>
    <row r="27946" spans="1:43">
      <c r="A27946" t="s">
        <v>17297</v>
      </c>
      <c r="B27946" t="s">
        <v>17298</v>
      </c>
      <c r="C27946" t="s">
        <v>17263</v>
      </c>
      <c r="D27946" t="s">
        <v>17264</v>
      </c>
      <c r="E27946" t="s">
        <v>17265</v>
      </c>
      <c r="F27946" t="s">
        <v>17266</v>
      </c>
      <c r="G27946" t="s">
        <v>16559</v>
      </c>
      <c r="H27946" t="s">
        <v>16560</v>
      </c>
      <c r="I27946" s="2">
        <v>1</v>
      </c>
      <c r="J27946" s="2">
        <v>0</v>
      </c>
      <c r="K27946" s="2">
        <v>0</v>
      </c>
      <c r="L27946" t="s">
        <v>120</v>
      </c>
      <c r="M27946" t="s">
        <v>83</v>
      </c>
      <c r="N27946" t="s">
        <v>84</v>
      </c>
      <c r="O27946" t="s">
        <v>85</v>
      </c>
      <c r="P27946" t="s">
        <v>86</v>
      </c>
      <c r="Q27946">
        <v>54</v>
      </c>
      <c r="R27946">
        <v>55</v>
      </c>
      <c r="S27946">
        <v>55</v>
      </c>
      <c r="T27946">
        <v>56</v>
      </c>
      <c r="U27946">
        <v>56</v>
      </c>
      <c r="V27946">
        <v>56</v>
      </c>
      <c r="W27946">
        <v>57</v>
      </c>
      <c r="X27946">
        <v>57</v>
      </c>
      <c r="Y27946">
        <v>57</v>
      </c>
      <c r="Z27946">
        <v>58</v>
      </c>
      <c r="AA27946">
        <v>58</v>
      </c>
      <c r="AB27946">
        <v>58</v>
      </c>
      <c r="AC27946">
        <v>58</v>
      </c>
      <c r="AD27946">
        <v>59</v>
      </c>
      <c r="AE27946">
        <v>59</v>
      </c>
      <c r="AF27946">
        <v>59</v>
      </c>
      <c r="AG27946">
        <v>59</v>
      </c>
      <c r="AH27946">
        <v>59</v>
      </c>
      <c r="AI27946">
        <v>60</v>
      </c>
      <c r="AJ27946">
        <v>60</v>
      </c>
      <c r="AK27946">
        <v>60</v>
      </c>
      <c r="AL27946">
        <v>60</v>
      </c>
      <c r="AM27946">
        <v>59</v>
      </c>
      <c r="AN27946">
        <v>59</v>
      </c>
      <c r="AO27946">
        <v>59</v>
      </c>
      <c r="AP27946">
        <v>58</v>
      </c>
      <c r="AQ27946">
        <v>58</v>
      </c>
    </row>
    <row r="27947" spans="1:43">
      <c r="A27947" t="s">
        <v>17297</v>
      </c>
      <c r="B27947" t="s">
        <v>17298</v>
      </c>
      <c r="C27947" t="s">
        <v>17263</v>
      </c>
      <c r="D27947" t="s">
        <v>17264</v>
      </c>
      <c r="E27947" t="s">
        <v>17265</v>
      </c>
      <c r="F27947" t="s">
        <v>17266</v>
      </c>
      <c r="G27947" t="s">
        <v>16559</v>
      </c>
      <c r="H27947" t="s">
        <v>16560</v>
      </c>
      <c r="I27947" s="2">
        <v>1</v>
      </c>
      <c r="J27947" s="2">
        <v>0</v>
      </c>
      <c r="K27947" s="2">
        <v>0</v>
      </c>
      <c r="L27947" t="s">
        <v>120</v>
      </c>
      <c r="M27947" t="s">
        <v>87</v>
      </c>
      <c r="N27947" t="s">
        <v>88</v>
      </c>
      <c r="O27947" t="s">
        <v>85</v>
      </c>
      <c r="P27947" t="s">
        <v>86</v>
      </c>
      <c r="Q27947">
        <v>54</v>
      </c>
      <c r="R27947">
        <v>54</v>
      </c>
      <c r="S27947">
        <v>54</v>
      </c>
      <c r="T27947">
        <v>54</v>
      </c>
      <c r="U27947">
        <v>53</v>
      </c>
      <c r="V27947">
        <v>53</v>
      </c>
      <c r="W27947">
        <v>53</v>
      </c>
      <c r="X27947">
        <v>53</v>
      </c>
      <c r="Y27947">
        <v>53</v>
      </c>
      <c r="Z27947">
        <v>53</v>
      </c>
      <c r="AA27947">
        <v>53</v>
      </c>
      <c r="AB27947">
        <v>53</v>
      </c>
      <c r="AC27947">
        <v>52</v>
      </c>
      <c r="AD27947">
        <v>52</v>
      </c>
      <c r="AE27947">
        <v>52</v>
      </c>
      <c r="AF27947">
        <v>52</v>
      </c>
      <c r="AG27947">
        <v>52</v>
      </c>
      <c r="AH27947">
        <v>52</v>
      </c>
      <c r="AI27947">
        <v>52</v>
      </c>
      <c r="AJ27947">
        <v>52</v>
      </c>
      <c r="AK27947">
        <v>51</v>
      </c>
      <c r="AL27947">
        <v>51</v>
      </c>
      <c r="AM27947">
        <v>51</v>
      </c>
      <c r="AN27947">
        <v>51</v>
      </c>
      <c r="AO27947">
        <v>51</v>
      </c>
      <c r="AP27947">
        <v>51</v>
      </c>
      <c r="AQ27947">
        <v>50</v>
      </c>
    </row>
    <row r="27948" spans="1:43">
      <c r="A27948" t="s">
        <v>17297</v>
      </c>
      <c r="B27948" t="s">
        <v>17298</v>
      </c>
      <c r="C27948" t="s">
        <v>17263</v>
      </c>
      <c r="D27948" t="s">
        <v>17264</v>
      </c>
      <c r="E27948" t="s">
        <v>17265</v>
      </c>
      <c r="F27948" t="s">
        <v>17266</v>
      </c>
      <c r="G27948" t="s">
        <v>16559</v>
      </c>
      <c r="H27948" t="s">
        <v>16560</v>
      </c>
      <c r="I27948" s="2">
        <v>1</v>
      </c>
      <c r="J27948" s="2">
        <v>0</v>
      </c>
      <c r="K27948" s="2">
        <v>0</v>
      </c>
      <c r="L27948" t="s">
        <v>120</v>
      </c>
      <c r="M27948" t="s">
        <v>89</v>
      </c>
      <c r="N27948" t="s">
        <v>90</v>
      </c>
      <c r="O27948" t="s">
        <v>85</v>
      </c>
      <c r="P27948" t="s">
        <v>86</v>
      </c>
      <c r="Q27948">
        <v>54</v>
      </c>
      <c r="R27948">
        <v>55</v>
      </c>
      <c r="S27948">
        <v>56</v>
      </c>
      <c r="T27948">
        <v>56</v>
      </c>
      <c r="U27948">
        <v>57</v>
      </c>
      <c r="V27948">
        <v>58</v>
      </c>
      <c r="W27948">
        <v>58</v>
      </c>
      <c r="X27948">
        <v>59</v>
      </c>
      <c r="Y27948">
        <v>60</v>
      </c>
      <c r="Z27948">
        <v>60</v>
      </c>
      <c r="AA27948">
        <v>60</v>
      </c>
      <c r="AB27948">
        <v>61</v>
      </c>
      <c r="AC27948">
        <v>61</v>
      </c>
      <c r="AD27948">
        <v>62</v>
      </c>
      <c r="AE27948">
        <v>62</v>
      </c>
      <c r="AF27948">
        <v>62</v>
      </c>
      <c r="AG27948">
        <v>61</v>
      </c>
      <c r="AH27948">
        <v>61</v>
      </c>
      <c r="AI27948">
        <v>60</v>
      </c>
      <c r="AJ27948">
        <v>60</v>
      </c>
      <c r="AK27948">
        <v>60</v>
      </c>
      <c r="AL27948">
        <v>59</v>
      </c>
      <c r="AM27948">
        <v>59</v>
      </c>
      <c r="AN27948">
        <v>58</v>
      </c>
      <c r="AO27948">
        <v>58</v>
      </c>
      <c r="AP27948">
        <v>58</v>
      </c>
      <c r="AQ27948">
        <v>57</v>
      </c>
    </row>
    <row r="27949" spans="1:43">
      <c r="A27949" t="s">
        <v>17297</v>
      </c>
      <c r="B27949" t="s">
        <v>17298</v>
      </c>
      <c r="C27949" t="s">
        <v>17263</v>
      </c>
      <c r="D27949" t="s">
        <v>17264</v>
      </c>
      <c r="E27949" t="s">
        <v>17265</v>
      </c>
      <c r="F27949" t="s">
        <v>17266</v>
      </c>
      <c r="G27949" t="s">
        <v>16559</v>
      </c>
      <c r="H27949" t="s">
        <v>16560</v>
      </c>
      <c r="I27949" s="2">
        <v>1</v>
      </c>
      <c r="J27949" s="2">
        <v>0</v>
      </c>
      <c r="K27949" s="2">
        <v>0</v>
      </c>
      <c r="L27949" t="s">
        <v>120</v>
      </c>
      <c r="M27949" t="s">
        <v>83</v>
      </c>
      <c r="N27949" t="s">
        <v>91</v>
      </c>
      <c r="O27949" t="s">
        <v>85</v>
      </c>
      <c r="P27949" t="s">
        <v>86</v>
      </c>
      <c r="Q27949">
        <v>54</v>
      </c>
      <c r="R27949">
        <v>55</v>
      </c>
      <c r="S27949">
        <v>55</v>
      </c>
      <c r="T27949">
        <v>56</v>
      </c>
      <c r="U27949">
        <v>56</v>
      </c>
      <c r="V27949">
        <v>56</v>
      </c>
      <c r="W27949">
        <v>57</v>
      </c>
      <c r="X27949">
        <v>57</v>
      </c>
      <c r="Y27949">
        <v>57</v>
      </c>
      <c r="Z27949">
        <v>58</v>
      </c>
      <c r="AA27949">
        <v>58</v>
      </c>
      <c r="AB27949">
        <v>58</v>
      </c>
      <c r="AC27949">
        <v>58</v>
      </c>
      <c r="AD27949">
        <v>59</v>
      </c>
      <c r="AE27949">
        <v>59</v>
      </c>
      <c r="AF27949">
        <v>59</v>
      </c>
      <c r="AG27949">
        <v>59</v>
      </c>
      <c r="AH27949">
        <v>59</v>
      </c>
      <c r="AI27949">
        <v>60</v>
      </c>
      <c r="AJ27949">
        <v>60</v>
      </c>
      <c r="AK27949">
        <v>60</v>
      </c>
      <c r="AL27949">
        <v>60</v>
      </c>
      <c r="AM27949">
        <v>59</v>
      </c>
      <c r="AN27949">
        <v>59</v>
      </c>
      <c r="AO27949">
        <v>59</v>
      </c>
      <c r="AP27949">
        <v>58</v>
      </c>
      <c r="AQ27949">
        <v>58</v>
      </c>
    </row>
    <row r="27950" spans="1:43">
      <c r="A27950" t="s">
        <v>17299</v>
      </c>
      <c r="B27950" t="s">
        <v>17300</v>
      </c>
      <c r="C27950" t="s">
        <v>17301</v>
      </c>
      <c r="D27950" t="s">
        <v>17302</v>
      </c>
      <c r="E27950" t="s">
        <v>17265</v>
      </c>
      <c r="F27950" t="s">
        <v>17266</v>
      </c>
      <c r="G27950" t="s">
        <v>16559</v>
      </c>
      <c r="H27950" t="s">
        <v>16560</v>
      </c>
      <c r="I27950" s="2">
        <v>1</v>
      </c>
      <c r="J27950" s="2">
        <v>0</v>
      </c>
      <c r="K27950" s="2">
        <v>0</v>
      </c>
      <c r="L27950" t="s">
        <v>120</v>
      </c>
      <c r="M27950" t="s">
        <v>83</v>
      </c>
      <c r="N27950" t="s">
        <v>84</v>
      </c>
      <c r="O27950" t="s">
        <v>85</v>
      </c>
      <c r="P27950" t="s">
        <v>86</v>
      </c>
      <c r="Q27950">
        <v>41</v>
      </c>
      <c r="R27950">
        <v>41</v>
      </c>
      <c r="S27950">
        <v>42</v>
      </c>
      <c r="T27950">
        <v>42</v>
      </c>
      <c r="U27950">
        <v>42</v>
      </c>
      <c r="V27950">
        <v>42</v>
      </c>
      <c r="W27950">
        <v>43</v>
      </c>
      <c r="X27950">
        <v>43</v>
      </c>
      <c r="Y27950">
        <v>43</v>
      </c>
      <c r="Z27950">
        <v>43</v>
      </c>
      <c r="AA27950">
        <v>44</v>
      </c>
      <c r="AB27950">
        <v>44</v>
      </c>
      <c r="AC27950">
        <v>44</v>
      </c>
      <c r="AD27950">
        <v>44</v>
      </c>
      <c r="AE27950">
        <v>44</v>
      </c>
      <c r="AF27950">
        <v>45</v>
      </c>
      <c r="AG27950">
        <v>45</v>
      </c>
      <c r="AH27950">
        <v>45</v>
      </c>
      <c r="AI27950">
        <v>45</v>
      </c>
      <c r="AJ27950">
        <v>45</v>
      </c>
      <c r="AK27950">
        <v>45</v>
      </c>
      <c r="AL27950">
        <v>45</v>
      </c>
      <c r="AM27950">
        <v>45</v>
      </c>
      <c r="AN27950">
        <v>44</v>
      </c>
      <c r="AO27950">
        <v>44</v>
      </c>
      <c r="AP27950">
        <v>44</v>
      </c>
      <c r="AQ27950">
        <v>44</v>
      </c>
    </row>
    <row r="27951" spans="1:43">
      <c r="A27951" t="s">
        <v>17299</v>
      </c>
      <c r="B27951" t="s">
        <v>17300</v>
      </c>
      <c r="C27951" t="s">
        <v>17301</v>
      </c>
      <c r="D27951" t="s">
        <v>17302</v>
      </c>
      <c r="E27951" t="s">
        <v>17265</v>
      </c>
      <c r="F27951" t="s">
        <v>17266</v>
      </c>
      <c r="G27951" t="s">
        <v>16559</v>
      </c>
      <c r="H27951" t="s">
        <v>16560</v>
      </c>
      <c r="I27951" s="2">
        <v>1</v>
      </c>
      <c r="J27951" s="2">
        <v>0</v>
      </c>
      <c r="K27951" s="2">
        <v>0</v>
      </c>
      <c r="L27951" t="s">
        <v>120</v>
      </c>
      <c r="M27951" t="s">
        <v>87</v>
      </c>
      <c r="N27951" t="s">
        <v>88</v>
      </c>
      <c r="O27951" t="s">
        <v>85</v>
      </c>
      <c r="P27951" t="s">
        <v>86</v>
      </c>
      <c r="Q27951">
        <v>41</v>
      </c>
      <c r="R27951">
        <v>41</v>
      </c>
      <c r="S27951">
        <v>41</v>
      </c>
      <c r="T27951">
        <v>40</v>
      </c>
      <c r="U27951">
        <v>40</v>
      </c>
      <c r="V27951">
        <v>40</v>
      </c>
      <c r="W27951">
        <v>40</v>
      </c>
      <c r="X27951">
        <v>40</v>
      </c>
      <c r="Y27951">
        <v>40</v>
      </c>
      <c r="Z27951">
        <v>40</v>
      </c>
      <c r="AA27951">
        <v>40</v>
      </c>
      <c r="AB27951">
        <v>40</v>
      </c>
      <c r="AC27951">
        <v>40</v>
      </c>
      <c r="AD27951">
        <v>40</v>
      </c>
      <c r="AE27951">
        <v>39</v>
      </c>
      <c r="AF27951">
        <v>39</v>
      </c>
      <c r="AG27951">
        <v>39</v>
      </c>
      <c r="AH27951">
        <v>39</v>
      </c>
      <c r="AI27951">
        <v>39</v>
      </c>
      <c r="AJ27951">
        <v>39</v>
      </c>
      <c r="AK27951">
        <v>39</v>
      </c>
      <c r="AL27951">
        <v>39</v>
      </c>
      <c r="AM27951">
        <v>39</v>
      </c>
      <c r="AN27951">
        <v>38</v>
      </c>
      <c r="AO27951">
        <v>38</v>
      </c>
      <c r="AP27951">
        <v>38</v>
      </c>
      <c r="AQ27951">
        <v>38</v>
      </c>
    </row>
    <row r="27952" spans="1:43">
      <c r="A27952" t="s">
        <v>17299</v>
      </c>
      <c r="B27952" t="s">
        <v>17300</v>
      </c>
      <c r="C27952" t="s">
        <v>17301</v>
      </c>
      <c r="D27952" t="s">
        <v>17302</v>
      </c>
      <c r="E27952" t="s">
        <v>17265</v>
      </c>
      <c r="F27952" t="s">
        <v>17266</v>
      </c>
      <c r="G27952" t="s">
        <v>16559</v>
      </c>
      <c r="H27952" t="s">
        <v>16560</v>
      </c>
      <c r="I27952" s="2">
        <v>1</v>
      </c>
      <c r="J27952" s="2">
        <v>0</v>
      </c>
      <c r="K27952" s="2">
        <v>0</v>
      </c>
      <c r="L27952" t="s">
        <v>120</v>
      </c>
      <c r="M27952" t="s">
        <v>89</v>
      </c>
      <c r="N27952" t="s">
        <v>90</v>
      </c>
      <c r="O27952" t="s">
        <v>85</v>
      </c>
      <c r="P27952" t="s">
        <v>86</v>
      </c>
      <c r="Q27952">
        <v>41</v>
      </c>
      <c r="R27952">
        <v>42</v>
      </c>
      <c r="S27952">
        <v>43</v>
      </c>
      <c r="T27952">
        <v>43</v>
      </c>
      <c r="U27952">
        <v>44</v>
      </c>
      <c r="V27952">
        <v>44</v>
      </c>
      <c r="W27952">
        <v>45</v>
      </c>
      <c r="X27952">
        <v>45</v>
      </c>
      <c r="Y27952">
        <v>46</v>
      </c>
      <c r="Z27952">
        <v>46</v>
      </c>
      <c r="AA27952">
        <v>46</v>
      </c>
      <c r="AB27952">
        <v>47</v>
      </c>
      <c r="AC27952">
        <v>47</v>
      </c>
      <c r="AD27952">
        <v>47</v>
      </c>
      <c r="AE27952">
        <v>47</v>
      </c>
      <c r="AF27952">
        <v>47</v>
      </c>
      <c r="AG27952">
        <v>47</v>
      </c>
      <c r="AH27952">
        <v>47</v>
      </c>
      <c r="AI27952">
        <v>46</v>
      </c>
      <c r="AJ27952">
        <v>46</v>
      </c>
      <c r="AK27952">
        <v>46</v>
      </c>
      <c r="AL27952">
        <v>45</v>
      </c>
      <c r="AM27952">
        <v>45</v>
      </c>
      <c r="AN27952">
        <v>45</v>
      </c>
      <c r="AO27952">
        <v>44</v>
      </c>
      <c r="AP27952">
        <v>44</v>
      </c>
      <c r="AQ27952">
        <v>44</v>
      </c>
    </row>
    <row r="27953" spans="1:43">
      <c r="A27953" t="s">
        <v>17299</v>
      </c>
      <c r="B27953" t="s">
        <v>17300</v>
      </c>
      <c r="C27953" t="s">
        <v>17301</v>
      </c>
      <c r="D27953" t="s">
        <v>17302</v>
      </c>
      <c r="E27953" t="s">
        <v>17265</v>
      </c>
      <c r="F27953" t="s">
        <v>17266</v>
      </c>
      <c r="G27953" t="s">
        <v>16559</v>
      </c>
      <c r="H27953" t="s">
        <v>16560</v>
      </c>
      <c r="I27953" s="2">
        <v>1</v>
      </c>
      <c r="J27953" s="2">
        <v>0</v>
      </c>
      <c r="K27953" s="2">
        <v>0</v>
      </c>
      <c r="L27953" t="s">
        <v>120</v>
      </c>
      <c r="M27953" t="s">
        <v>83</v>
      </c>
      <c r="N27953" t="s">
        <v>91</v>
      </c>
      <c r="O27953" t="s">
        <v>85</v>
      </c>
      <c r="P27953" t="s">
        <v>86</v>
      </c>
      <c r="Q27953">
        <v>41</v>
      </c>
      <c r="R27953">
        <v>41</v>
      </c>
      <c r="S27953">
        <v>42</v>
      </c>
      <c r="T27953">
        <v>42</v>
      </c>
      <c r="U27953">
        <v>42</v>
      </c>
      <c r="V27953">
        <v>42</v>
      </c>
      <c r="W27953">
        <v>43</v>
      </c>
      <c r="X27953">
        <v>43</v>
      </c>
      <c r="Y27953">
        <v>43</v>
      </c>
      <c r="Z27953">
        <v>43</v>
      </c>
      <c r="AA27953">
        <v>44</v>
      </c>
      <c r="AB27953">
        <v>44</v>
      </c>
      <c r="AC27953">
        <v>44</v>
      </c>
      <c r="AD27953">
        <v>44</v>
      </c>
      <c r="AE27953">
        <v>44</v>
      </c>
      <c r="AF27953">
        <v>45</v>
      </c>
      <c r="AG27953">
        <v>45</v>
      </c>
      <c r="AH27953">
        <v>45</v>
      </c>
      <c r="AI27953">
        <v>45</v>
      </c>
      <c r="AJ27953">
        <v>45</v>
      </c>
      <c r="AK27953">
        <v>45</v>
      </c>
      <c r="AL27953">
        <v>45</v>
      </c>
      <c r="AM27953">
        <v>45</v>
      </c>
      <c r="AN27953">
        <v>44</v>
      </c>
      <c r="AO27953">
        <v>44</v>
      </c>
      <c r="AP27953">
        <v>44</v>
      </c>
      <c r="AQ27953">
        <v>44</v>
      </c>
    </row>
    <row r="27954" spans="1:43">
      <c r="A27954" t="s">
        <v>17303</v>
      </c>
      <c r="B27954" t="s">
        <v>17304</v>
      </c>
      <c r="C27954" t="s">
        <v>17305</v>
      </c>
      <c r="D27954" t="s">
        <v>17306</v>
      </c>
      <c r="E27954" t="s">
        <v>17265</v>
      </c>
      <c r="F27954" t="s">
        <v>17266</v>
      </c>
      <c r="G27954" t="s">
        <v>16559</v>
      </c>
      <c r="H27954" t="s">
        <v>16560</v>
      </c>
      <c r="I27954" s="2">
        <v>1</v>
      </c>
      <c r="J27954" s="2">
        <v>0</v>
      </c>
      <c r="K27954" s="2">
        <v>0</v>
      </c>
      <c r="L27954" t="s">
        <v>120</v>
      </c>
      <c r="M27954" t="s">
        <v>83</v>
      </c>
      <c r="N27954" t="s">
        <v>84</v>
      </c>
      <c r="O27954" t="s">
        <v>85</v>
      </c>
      <c r="P27954" t="s">
        <v>86</v>
      </c>
      <c r="Q27954">
        <v>125</v>
      </c>
      <c r="R27954">
        <v>127</v>
      </c>
      <c r="S27954">
        <v>128</v>
      </c>
      <c r="T27954">
        <v>129</v>
      </c>
      <c r="U27954">
        <v>130</v>
      </c>
      <c r="V27954">
        <v>131</v>
      </c>
      <c r="W27954">
        <v>131</v>
      </c>
      <c r="X27954">
        <v>132</v>
      </c>
      <c r="Y27954">
        <v>133</v>
      </c>
      <c r="Z27954">
        <v>134</v>
      </c>
      <c r="AA27954">
        <v>134</v>
      </c>
      <c r="AB27954">
        <v>135</v>
      </c>
      <c r="AC27954">
        <v>136</v>
      </c>
      <c r="AD27954">
        <v>136</v>
      </c>
      <c r="AE27954">
        <v>137</v>
      </c>
      <c r="AF27954">
        <v>138</v>
      </c>
      <c r="AG27954">
        <v>138</v>
      </c>
      <c r="AH27954">
        <v>139</v>
      </c>
      <c r="AI27954">
        <v>139</v>
      </c>
      <c r="AJ27954">
        <v>140</v>
      </c>
      <c r="AK27954">
        <v>140</v>
      </c>
      <c r="AL27954">
        <v>140</v>
      </c>
      <c r="AM27954">
        <v>139</v>
      </c>
      <c r="AN27954">
        <v>139</v>
      </c>
      <c r="AO27954">
        <v>138</v>
      </c>
      <c r="AP27954">
        <v>138</v>
      </c>
      <c r="AQ27954">
        <v>137</v>
      </c>
    </row>
    <row r="27955" spans="1:43">
      <c r="A27955" t="s">
        <v>17303</v>
      </c>
      <c r="B27955" t="s">
        <v>17304</v>
      </c>
      <c r="C27955" t="s">
        <v>17305</v>
      </c>
      <c r="D27955" t="s">
        <v>17306</v>
      </c>
      <c r="E27955" t="s">
        <v>17265</v>
      </c>
      <c r="F27955" t="s">
        <v>17266</v>
      </c>
      <c r="G27955" t="s">
        <v>16559</v>
      </c>
      <c r="H27955" t="s">
        <v>16560</v>
      </c>
      <c r="I27955" s="2">
        <v>1</v>
      </c>
      <c r="J27955" s="2">
        <v>0</v>
      </c>
      <c r="K27955" s="2">
        <v>0</v>
      </c>
      <c r="L27955" t="s">
        <v>120</v>
      </c>
      <c r="M27955" t="s">
        <v>87</v>
      </c>
      <c r="N27955" t="s">
        <v>88</v>
      </c>
      <c r="O27955" t="s">
        <v>85</v>
      </c>
      <c r="P27955" t="s">
        <v>86</v>
      </c>
      <c r="Q27955">
        <v>125</v>
      </c>
      <c r="R27955">
        <v>125</v>
      </c>
      <c r="S27955">
        <v>125</v>
      </c>
      <c r="T27955">
        <v>125</v>
      </c>
      <c r="U27955">
        <v>125</v>
      </c>
      <c r="V27955">
        <v>125</v>
      </c>
      <c r="W27955">
        <v>124</v>
      </c>
      <c r="X27955">
        <v>124</v>
      </c>
      <c r="Y27955">
        <v>124</v>
      </c>
      <c r="Z27955">
        <v>124</v>
      </c>
      <c r="AA27955">
        <v>124</v>
      </c>
      <c r="AB27955">
        <v>124</v>
      </c>
      <c r="AC27955">
        <v>123</v>
      </c>
      <c r="AD27955">
        <v>123</v>
      </c>
      <c r="AE27955">
        <v>123</v>
      </c>
      <c r="AF27955">
        <v>123</v>
      </c>
      <c r="AG27955">
        <v>123</v>
      </c>
      <c r="AH27955">
        <v>122</v>
      </c>
      <c r="AI27955">
        <v>122</v>
      </c>
      <c r="AJ27955">
        <v>122</v>
      </c>
      <c r="AK27955">
        <v>122</v>
      </c>
      <c r="AL27955">
        <v>122</v>
      </c>
      <c r="AM27955">
        <v>121</v>
      </c>
      <c r="AN27955">
        <v>121</v>
      </c>
      <c r="AO27955">
        <v>121</v>
      </c>
      <c r="AP27955">
        <v>121</v>
      </c>
      <c r="AQ27955">
        <v>120</v>
      </c>
    </row>
    <row r="27956" spans="1:43">
      <c r="A27956" t="s">
        <v>17303</v>
      </c>
      <c r="B27956" t="s">
        <v>17304</v>
      </c>
      <c r="C27956" t="s">
        <v>17305</v>
      </c>
      <c r="D27956" t="s">
        <v>17306</v>
      </c>
      <c r="E27956" t="s">
        <v>17265</v>
      </c>
      <c r="F27956" t="s">
        <v>17266</v>
      </c>
      <c r="G27956" t="s">
        <v>16559</v>
      </c>
      <c r="H27956" t="s">
        <v>16560</v>
      </c>
      <c r="I27956" s="2">
        <v>1</v>
      </c>
      <c r="J27956" s="2">
        <v>0</v>
      </c>
      <c r="K27956" s="2">
        <v>0</v>
      </c>
      <c r="L27956" t="s">
        <v>120</v>
      </c>
      <c r="M27956" t="s">
        <v>89</v>
      </c>
      <c r="N27956" t="s">
        <v>90</v>
      </c>
      <c r="O27956" t="s">
        <v>85</v>
      </c>
      <c r="P27956" t="s">
        <v>86</v>
      </c>
      <c r="Q27956">
        <v>125</v>
      </c>
      <c r="R27956">
        <v>127</v>
      </c>
      <c r="S27956">
        <v>129</v>
      </c>
      <c r="T27956">
        <v>131</v>
      </c>
      <c r="U27956">
        <v>133</v>
      </c>
      <c r="V27956">
        <v>134</v>
      </c>
      <c r="W27956">
        <v>136</v>
      </c>
      <c r="X27956">
        <v>137</v>
      </c>
      <c r="Y27956">
        <v>138</v>
      </c>
      <c r="Z27956">
        <v>140</v>
      </c>
      <c r="AA27956">
        <v>141</v>
      </c>
      <c r="AB27956">
        <v>142</v>
      </c>
      <c r="AC27956">
        <v>143</v>
      </c>
      <c r="AD27956">
        <v>144</v>
      </c>
      <c r="AE27956">
        <v>145</v>
      </c>
      <c r="AF27956">
        <v>144</v>
      </c>
      <c r="AG27956">
        <v>143</v>
      </c>
      <c r="AH27956">
        <v>143</v>
      </c>
      <c r="AI27956">
        <v>142</v>
      </c>
      <c r="AJ27956">
        <v>141</v>
      </c>
      <c r="AK27956">
        <v>141</v>
      </c>
      <c r="AL27956">
        <v>140</v>
      </c>
      <c r="AM27956">
        <v>139</v>
      </c>
      <c r="AN27956">
        <v>139</v>
      </c>
      <c r="AO27956">
        <v>138</v>
      </c>
      <c r="AP27956">
        <v>137</v>
      </c>
      <c r="AQ27956">
        <v>137</v>
      </c>
    </row>
    <row r="27957" spans="1:43">
      <c r="A27957" t="s">
        <v>17303</v>
      </c>
      <c r="B27957" t="s">
        <v>17304</v>
      </c>
      <c r="C27957" t="s">
        <v>17305</v>
      </c>
      <c r="D27957" t="s">
        <v>17306</v>
      </c>
      <c r="E27957" t="s">
        <v>17265</v>
      </c>
      <c r="F27957" t="s">
        <v>17266</v>
      </c>
      <c r="G27957" t="s">
        <v>16559</v>
      </c>
      <c r="H27957" t="s">
        <v>16560</v>
      </c>
      <c r="I27957" s="2">
        <v>1</v>
      </c>
      <c r="J27957" s="2">
        <v>0</v>
      </c>
      <c r="K27957" s="2">
        <v>0</v>
      </c>
      <c r="L27957" t="s">
        <v>120</v>
      </c>
      <c r="M27957" t="s">
        <v>83</v>
      </c>
      <c r="N27957" t="s">
        <v>91</v>
      </c>
      <c r="O27957" t="s">
        <v>85</v>
      </c>
      <c r="P27957" t="s">
        <v>86</v>
      </c>
      <c r="Q27957">
        <v>125</v>
      </c>
      <c r="R27957">
        <v>127</v>
      </c>
      <c r="S27957">
        <v>128</v>
      </c>
      <c r="T27957">
        <v>129</v>
      </c>
      <c r="U27957">
        <v>130</v>
      </c>
      <c r="V27957">
        <v>131</v>
      </c>
      <c r="W27957">
        <v>131</v>
      </c>
      <c r="X27957">
        <v>132</v>
      </c>
      <c r="Y27957">
        <v>133</v>
      </c>
      <c r="Z27957">
        <v>134</v>
      </c>
      <c r="AA27957">
        <v>134</v>
      </c>
      <c r="AB27957">
        <v>135</v>
      </c>
      <c r="AC27957">
        <v>136</v>
      </c>
      <c r="AD27957">
        <v>136</v>
      </c>
      <c r="AE27957">
        <v>137</v>
      </c>
      <c r="AF27957">
        <v>138</v>
      </c>
      <c r="AG27957">
        <v>138</v>
      </c>
      <c r="AH27957">
        <v>139</v>
      </c>
      <c r="AI27957">
        <v>139</v>
      </c>
      <c r="AJ27957">
        <v>140</v>
      </c>
      <c r="AK27957">
        <v>140</v>
      </c>
      <c r="AL27957">
        <v>140</v>
      </c>
      <c r="AM27957">
        <v>139</v>
      </c>
      <c r="AN27957">
        <v>139</v>
      </c>
      <c r="AO27957">
        <v>138</v>
      </c>
      <c r="AP27957">
        <v>138</v>
      </c>
      <c r="AQ27957">
        <v>137</v>
      </c>
    </row>
    <row r="27958" spans="1:43">
      <c r="A27958" t="s">
        <v>17307</v>
      </c>
      <c r="B27958" t="s">
        <v>17308</v>
      </c>
      <c r="C27958" t="s">
        <v>17305</v>
      </c>
      <c r="D27958" t="s">
        <v>17306</v>
      </c>
      <c r="E27958" t="s">
        <v>17265</v>
      </c>
      <c r="F27958" t="s">
        <v>17266</v>
      </c>
      <c r="G27958" t="s">
        <v>16559</v>
      </c>
      <c r="H27958" t="s">
        <v>16560</v>
      </c>
      <c r="I27958" s="2">
        <v>1</v>
      </c>
      <c r="J27958" s="2">
        <v>0</v>
      </c>
      <c r="K27958" s="2">
        <v>0</v>
      </c>
      <c r="L27958" t="s">
        <v>120</v>
      </c>
      <c r="M27958" t="s">
        <v>83</v>
      </c>
      <c r="N27958" t="s">
        <v>84</v>
      </c>
      <c r="O27958" t="s">
        <v>85</v>
      </c>
      <c r="P27958" t="s">
        <v>86</v>
      </c>
      <c r="Q27958">
        <v>24</v>
      </c>
      <c r="R27958">
        <v>24</v>
      </c>
      <c r="S27958">
        <v>25</v>
      </c>
      <c r="T27958">
        <v>25</v>
      </c>
      <c r="U27958">
        <v>25</v>
      </c>
      <c r="V27958">
        <v>25</v>
      </c>
      <c r="W27958">
        <v>25</v>
      </c>
      <c r="X27958">
        <v>25</v>
      </c>
      <c r="Y27958">
        <v>26</v>
      </c>
      <c r="Z27958">
        <v>26</v>
      </c>
      <c r="AA27958">
        <v>26</v>
      </c>
      <c r="AB27958">
        <v>26</v>
      </c>
      <c r="AC27958">
        <v>26</v>
      </c>
      <c r="AD27958">
        <v>26</v>
      </c>
      <c r="AE27958">
        <v>26</v>
      </c>
      <c r="AF27958">
        <v>27</v>
      </c>
      <c r="AG27958">
        <v>27</v>
      </c>
      <c r="AH27958">
        <v>27</v>
      </c>
      <c r="AI27958">
        <v>27</v>
      </c>
      <c r="AJ27958">
        <v>27</v>
      </c>
      <c r="AK27958">
        <v>27</v>
      </c>
      <c r="AL27958">
        <v>27</v>
      </c>
      <c r="AM27958">
        <v>27</v>
      </c>
      <c r="AN27958">
        <v>27</v>
      </c>
      <c r="AO27958">
        <v>27</v>
      </c>
      <c r="AP27958">
        <v>27</v>
      </c>
      <c r="AQ27958">
        <v>26</v>
      </c>
    </row>
    <row r="27959" spans="1:43">
      <c r="A27959" t="s">
        <v>17307</v>
      </c>
      <c r="B27959" t="s">
        <v>17308</v>
      </c>
      <c r="C27959" t="s">
        <v>17305</v>
      </c>
      <c r="D27959" t="s">
        <v>17306</v>
      </c>
      <c r="E27959" t="s">
        <v>17265</v>
      </c>
      <c r="F27959" t="s">
        <v>17266</v>
      </c>
      <c r="G27959" t="s">
        <v>16559</v>
      </c>
      <c r="H27959" t="s">
        <v>16560</v>
      </c>
      <c r="I27959" s="2">
        <v>1</v>
      </c>
      <c r="J27959" s="2">
        <v>0</v>
      </c>
      <c r="K27959" s="2">
        <v>0</v>
      </c>
      <c r="L27959" t="s">
        <v>120</v>
      </c>
      <c r="M27959" t="s">
        <v>87</v>
      </c>
      <c r="N27959" t="s">
        <v>88</v>
      </c>
      <c r="O27959" t="s">
        <v>85</v>
      </c>
      <c r="P27959" t="s">
        <v>86</v>
      </c>
      <c r="Q27959">
        <v>24</v>
      </c>
      <c r="R27959">
        <v>24</v>
      </c>
      <c r="S27959">
        <v>24</v>
      </c>
      <c r="T27959">
        <v>24</v>
      </c>
      <c r="U27959">
        <v>24</v>
      </c>
      <c r="V27959">
        <v>24</v>
      </c>
      <c r="W27959">
        <v>24</v>
      </c>
      <c r="X27959">
        <v>24</v>
      </c>
      <c r="Y27959">
        <v>24</v>
      </c>
      <c r="Z27959">
        <v>24</v>
      </c>
      <c r="AA27959">
        <v>24</v>
      </c>
      <c r="AB27959">
        <v>24</v>
      </c>
      <c r="AC27959">
        <v>24</v>
      </c>
      <c r="AD27959">
        <v>24</v>
      </c>
      <c r="AE27959">
        <v>23</v>
      </c>
      <c r="AF27959">
        <v>23</v>
      </c>
      <c r="AG27959">
        <v>23</v>
      </c>
      <c r="AH27959">
        <v>23</v>
      </c>
      <c r="AI27959">
        <v>23</v>
      </c>
      <c r="AJ27959">
        <v>23</v>
      </c>
      <c r="AK27959">
        <v>23</v>
      </c>
      <c r="AL27959">
        <v>23</v>
      </c>
      <c r="AM27959">
        <v>23</v>
      </c>
      <c r="AN27959">
        <v>23</v>
      </c>
      <c r="AO27959">
        <v>23</v>
      </c>
      <c r="AP27959">
        <v>23</v>
      </c>
      <c r="AQ27959">
        <v>23</v>
      </c>
    </row>
    <row r="27960" spans="1:43">
      <c r="A27960" t="s">
        <v>17307</v>
      </c>
      <c r="B27960" t="s">
        <v>17308</v>
      </c>
      <c r="C27960" t="s">
        <v>17305</v>
      </c>
      <c r="D27960" t="s">
        <v>17306</v>
      </c>
      <c r="E27960" t="s">
        <v>17265</v>
      </c>
      <c r="F27960" t="s">
        <v>17266</v>
      </c>
      <c r="G27960" t="s">
        <v>16559</v>
      </c>
      <c r="H27960" t="s">
        <v>16560</v>
      </c>
      <c r="I27960" s="2">
        <v>1</v>
      </c>
      <c r="J27960" s="2">
        <v>0</v>
      </c>
      <c r="K27960" s="2">
        <v>0</v>
      </c>
      <c r="L27960" t="s">
        <v>120</v>
      </c>
      <c r="M27960" t="s">
        <v>89</v>
      </c>
      <c r="N27960" t="s">
        <v>90</v>
      </c>
      <c r="O27960" t="s">
        <v>85</v>
      </c>
      <c r="P27960" t="s">
        <v>86</v>
      </c>
      <c r="Q27960">
        <v>24</v>
      </c>
      <c r="R27960">
        <v>25</v>
      </c>
      <c r="S27960">
        <v>25</v>
      </c>
      <c r="T27960">
        <v>26</v>
      </c>
      <c r="U27960">
        <v>26</v>
      </c>
      <c r="V27960">
        <v>26</v>
      </c>
      <c r="W27960">
        <v>27</v>
      </c>
      <c r="X27960">
        <v>27</v>
      </c>
      <c r="Y27960">
        <v>27</v>
      </c>
      <c r="Z27960">
        <v>27</v>
      </c>
      <c r="AA27960">
        <v>28</v>
      </c>
      <c r="AB27960">
        <v>28</v>
      </c>
      <c r="AC27960">
        <v>28</v>
      </c>
      <c r="AD27960">
        <v>28</v>
      </c>
      <c r="AE27960">
        <v>28</v>
      </c>
      <c r="AF27960">
        <v>28</v>
      </c>
      <c r="AG27960">
        <v>28</v>
      </c>
      <c r="AH27960">
        <v>28</v>
      </c>
      <c r="AI27960">
        <v>28</v>
      </c>
      <c r="AJ27960">
        <v>28</v>
      </c>
      <c r="AK27960">
        <v>28</v>
      </c>
      <c r="AL27960">
        <v>27</v>
      </c>
      <c r="AM27960">
        <v>27</v>
      </c>
      <c r="AN27960">
        <v>27</v>
      </c>
      <c r="AO27960">
        <v>27</v>
      </c>
      <c r="AP27960">
        <v>27</v>
      </c>
      <c r="AQ27960">
        <v>27</v>
      </c>
    </row>
    <row r="27961" spans="1:43">
      <c r="A27961" t="s">
        <v>17307</v>
      </c>
      <c r="B27961" t="s">
        <v>17308</v>
      </c>
      <c r="C27961" t="s">
        <v>17305</v>
      </c>
      <c r="D27961" t="s">
        <v>17306</v>
      </c>
      <c r="E27961" t="s">
        <v>17265</v>
      </c>
      <c r="F27961" t="s">
        <v>17266</v>
      </c>
      <c r="G27961" t="s">
        <v>16559</v>
      </c>
      <c r="H27961" t="s">
        <v>16560</v>
      </c>
      <c r="I27961" s="2">
        <v>1</v>
      </c>
      <c r="J27961" s="2">
        <v>0</v>
      </c>
      <c r="K27961" s="2">
        <v>0</v>
      </c>
      <c r="L27961" t="s">
        <v>120</v>
      </c>
      <c r="M27961" t="s">
        <v>83</v>
      </c>
      <c r="N27961" t="s">
        <v>91</v>
      </c>
      <c r="O27961" t="s">
        <v>85</v>
      </c>
      <c r="P27961" t="s">
        <v>86</v>
      </c>
      <c r="Q27961">
        <v>24</v>
      </c>
      <c r="R27961">
        <v>24</v>
      </c>
      <c r="S27961">
        <v>25</v>
      </c>
      <c r="T27961">
        <v>25</v>
      </c>
      <c r="U27961">
        <v>25</v>
      </c>
      <c r="V27961">
        <v>25</v>
      </c>
      <c r="W27961">
        <v>25</v>
      </c>
      <c r="X27961">
        <v>25</v>
      </c>
      <c r="Y27961">
        <v>26</v>
      </c>
      <c r="Z27961">
        <v>26</v>
      </c>
      <c r="AA27961">
        <v>26</v>
      </c>
      <c r="AB27961">
        <v>26</v>
      </c>
      <c r="AC27961">
        <v>26</v>
      </c>
      <c r="AD27961">
        <v>26</v>
      </c>
      <c r="AE27961">
        <v>26</v>
      </c>
      <c r="AF27961">
        <v>27</v>
      </c>
      <c r="AG27961">
        <v>27</v>
      </c>
      <c r="AH27961">
        <v>27</v>
      </c>
      <c r="AI27961">
        <v>27</v>
      </c>
      <c r="AJ27961">
        <v>27</v>
      </c>
      <c r="AK27961">
        <v>27</v>
      </c>
      <c r="AL27961">
        <v>27</v>
      </c>
      <c r="AM27961">
        <v>27</v>
      </c>
      <c r="AN27961">
        <v>27</v>
      </c>
      <c r="AO27961">
        <v>27</v>
      </c>
      <c r="AP27961">
        <v>27</v>
      </c>
      <c r="AQ27961">
        <v>26</v>
      </c>
    </row>
    <row r="27962" spans="1:43">
      <c r="A27962" t="s">
        <v>17309</v>
      </c>
      <c r="B27962" t="s">
        <v>17310</v>
      </c>
      <c r="C27962" t="s">
        <v>17305</v>
      </c>
      <c r="D27962" t="s">
        <v>17306</v>
      </c>
      <c r="E27962" t="s">
        <v>17265</v>
      </c>
      <c r="F27962" t="s">
        <v>17266</v>
      </c>
      <c r="G27962" t="s">
        <v>16559</v>
      </c>
      <c r="H27962" t="s">
        <v>16560</v>
      </c>
      <c r="I27962" s="2">
        <v>1</v>
      </c>
      <c r="J27962" s="2">
        <v>0</v>
      </c>
      <c r="K27962" s="2">
        <v>0</v>
      </c>
      <c r="L27962" t="s">
        <v>120</v>
      </c>
      <c r="M27962" t="s">
        <v>83</v>
      </c>
      <c r="N27962" t="s">
        <v>84</v>
      </c>
      <c r="O27962" t="s">
        <v>85</v>
      </c>
      <c r="P27962" t="s">
        <v>86</v>
      </c>
      <c r="Q27962">
        <v>20</v>
      </c>
      <c r="R27962">
        <v>20</v>
      </c>
      <c r="S27962">
        <v>20</v>
      </c>
      <c r="T27962">
        <v>20</v>
      </c>
      <c r="U27962">
        <v>21</v>
      </c>
      <c r="V27962">
        <v>21</v>
      </c>
      <c r="W27962">
        <v>21</v>
      </c>
      <c r="X27962">
        <v>21</v>
      </c>
      <c r="Y27962">
        <v>21</v>
      </c>
      <c r="Z27962">
        <v>21</v>
      </c>
      <c r="AA27962">
        <v>21</v>
      </c>
      <c r="AB27962">
        <v>21</v>
      </c>
      <c r="AC27962">
        <v>22</v>
      </c>
      <c r="AD27962">
        <v>22</v>
      </c>
      <c r="AE27962">
        <v>22</v>
      </c>
      <c r="AF27962">
        <v>22</v>
      </c>
      <c r="AG27962">
        <v>22</v>
      </c>
      <c r="AH27962">
        <v>22</v>
      </c>
      <c r="AI27962">
        <v>22</v>
      </c>
      <c r="AJ27962">
        <v>22</v>
      </c>
      <c r="AK27962">
        <v>22</v>
      </c>
      <c r="AL27962">
        <v>22</v>
      </c>
      <c r="AM27962">
        <v>22</v>
      </c>
      <c r="AN27962">
        <v>22</v>
      </c>
      <c r="AO27962">
        <v>22</v>
      </c>
      <c r="AP27962">
        <v>22</v>
      </c>
      <c r="AQ27962">
        <v>22</v>
      </c>
    </row>
    <row r="27963" spans="1:43">
      <c r="A27963" t="s">
        <v>17309</v>
      </c>
      <c r="B27963" t="s">
        <v>17310</v>
      </c>
      <c r="C27963" t="s">
        <v>17305</v>
      </c>
      <c r="D27963" t="s">
        <v>17306</v>
      </c>
      <c r="E27963" t="s">
        <v>17265</v>
      </c>
      <c r="F27963" t="s">
        <v>17266</v>
      </c>
      <c r="G27963" t="s">
        <v>16559</v>
      </c>
      <c r="H27963" t="s">
        <v>16560</v>
      </c>
      <c r="I27963" s="2">
        <v>1</v>
      </c>
      <c r="J27963" s="2">
        <v>0</v>
      </c>
      <c r="K27963" s="2">
        <v>0</v>
      </c>
      <c r="L27963" t="s">
        <v>120</v>
      </c>
      <c r="M27963" t="s">
        <v>87</v>
      </c>
      <c r="N27963" t="s">
        <v>88</v>
      </c>
      <c r="O27963" t="s">
        <v>85</v>
      </c>
      <c r="P27963" t="s">
        <v>86</v>
      </c>
      <c r="Q27963">
        <v>20</v>
      </c>
      <c r="R27963">
        <v>20</v>
      </c>
      <c r="S27963">
        <v>20</v>
      </c>
      <c r="T27963">
        <v>20</v>
      </c>
      <c r="U27963">
        <v>20</v>
      </c>
      <c r="V27963">
        <v>20</v>
      </c>
      <c r="W27963">
        <v>20</v>
      </c>
      <c r="X27963">
        <v>20</v>
      </c>
      <c r="Y27963">
        <v>20</v>
      </c>
      <c r="Z27963">
        <v>19</v>
      </c>
      <c r="AA27963">
        <v>19</v>
      </c>
      <c r="AB27963">
        <v>19</v>
      </c>
      <c r="AC27963">
        <v>19</v>
      </c>
      <c r="AD27963">
        <v>19</v>
      </c>
      <c r="AE27963">
        <v>19</v>
      </c>
      <c r="AF27963">
        <v>19</v>
      </c>
      <c r="AG27963">
        <v>19</v>
      </c>
      <c r="AH27963">
        <v>19</v>
      </c>
      <c r="AI27963">
        <v>19</v>
      </c>
      <c r="AJ27963">
        <v>19</v>
      </c>
      <c r="AK27963">
        <v>19</v>
      </c>
      <c r="AL27963">
        <v>19</v>
      </c>
      <c r="AM27963">
        <v>19</v>
      </c>
      <c r="AN27963">
        <v>19</v>
      </c>
      <c r="AO27963">
        <v>19</v>
      </c>
      <c r="AP27963">
        <v>19</v>
      </c>
      <c r="AQ27963">
        <v>19</v>
      </c>
    </row>
    <row r="27964" spans="1:43">
      <c r="A27964" t="s">
        <v>17309</v>
      </c>
      <c r="B27964" t="s">
        <v>17310</v>
      </c>
      <c r="C27964" t="s">
        <v>17305</v>
      </c>
      <c r="D27964" t="s">
        <v>17306</v>
      </c>
      <c r="E27964" t="s">
        <v>17265</v>
      </c>
      <c r="F27964" t="s">
        <v>17266</v>
      </c>
      <c r="G27964" t="s">
        <v>16559</v>
      </c>
      <c r="H27964" t="s">
        <v>16560</v>
      </c>
      <c r="I27964" s="2">
        <v>1</v>
      </c>
      <c r="J27964" s="2">
        <v>0</v>
      </c>
      <c r="K27964" s="2">
        <v>0</v>
      </c>
      <c r="L27964" t="s">
        <v>120</v>
      </c>
      <c r="M27964" t="s">
        <v>89</v>
      </c>
      <c r="N27964" t="s">
        <v>90</v>
      </c>
      <c r="O27964" t="s">
        <v>85</v>
      </c>
      <c r="P27964" t="s">
        <v>86</v>
      </c>
      <c r="Q27964">
        <v>20</v>
      </c>
      <c r="R27964">
        <v>20</v>
      </c>
      <c r="S27964">
        <v>21</v>
      </c>
      <c r="T27964">
        <v>21</v>
      </c>
      <c r="U27964">
        <v>21</v>
      </c>
      <c r="V27964">
        <v>22</v>
      </c>
      <c r="W27964">
        <v>22</v>
      </c>
      <c r="X27964">
        <v>22</v>
      </c>
      <c r="Y27964">
        <v>22</v>
      </c>
      <c r="Z27964">
        <v>22</v>
      </c>
      <c r="AA27964">
        <v>23</v>
      </c>
      <c r="AB27964">
        <v>23</v>
      </c>
      <c r="AC27964">
        <v>23</v>
      </c>
      <c r="AD27964">
        <v>23</v>
      </c>
      <c r="AE27964">
        <v>23</v>
      </c>
      <c r="AF27964">
        <v>23</v>
      </c>
      <c r="AG27964">
        <v>23</v>
      </c>
      <c r="AH27964">
        <v>23</v>
      </c>
      <c r="AI27964">
        <v>23</v>
      </c>
      <c r="AJ27964">
        <v>23</v>
      </c>
      <c r="AK27964">
        <v>23</v>
      </c>
      <c r="AL27964">
        <v>22</v>
      </c>
      <c r="AM27964">
        <v>22</v>
      </c>
      <c r="AN27964">
        <v>22</v>
      </c>
      <c r="AO27964">
        <v>22</v>
      </c>
      <c r="AP27964">
        <v>22</v>
      </c>
      <c r="AQ27964">
        <v>22</v>
      </c>
    </row>
    <row r="27965" spans="1:43">
      <c r="A27965" t="s">
        <v>17309</v>
      </c>
      <c r="B27965" t="s">
        <v>17310</v>
      </c>
      <c r="C27965" t="s">
        <v>17305</v>
      </c>
      <c r="D27965" t="s">
        <v>17306</v>
      </c>
      <c r="E27965" t="s">
        <v>17265</v>
      </c>
      <c r="F27965" t="s">
        <v>17266</v>
      </c>
      <c r="G27965" t="s">
        <v>16559</v>
      </c>
      <c r="H27965" t="s">
        <v>16560</v>
      </c>
      <c r="I27965" s="2">
        <v>1</v>
      </c>
      <c r="J27965" s="2">
        <v>0</v>
      </c>
      <c r="K27965" s="2">
        <v>0</v>
      </c>
      <c r="L27965" t="s">
        <v>120</v>
      </c>
      <c r="M27965" t="s">
        <v>83</v>
      </c>
      <c r="N27965" t="s">
        <v>91</v>
      </c>
      <c r="O27965" t="s">
        <v>85</v>
      </c>
      <c r="P27965" t="s">
        <v>86</v>
      </c>
      <c r="Q27965">
        <v>20</v>
      </c>
      <c r="R27965">
        <v>20</v>
      </c>
      <c r="S27965">
        <v>20</v>
      </c>
      <c r="T27965">
        <v>20</v>
      </c>
      <c r="U27965">
        <v>21</v>
      </c>
      <c r="V27965">
        <v>21</v>
      </c>
      <c r="W27965">
        <v>21</v>
      </c>
      <c r="X27965">
        <v>21</v>
      </c>
      <c r="Y27965">
        <v>21</v>
      </c>
      <c r="Z27965">
        <v>21</v>
      </c>
      <c r="AA27965">
        <v>21</v>
      </c>
      <c r="AB27965">
        <v>21</v>
      </c>
      <c r="AC27965">
        <v>22</v>
      </c>
      <c r="AD27965">
        <v>22</v>
      </c>
      <c r="AE27965">
        <v>22</v>
      </c>
      <c r="AF27965">
        <v>22</v>
      </c>
      <c r="AG27965">
        <v>22</v>
      </c>
      <c r="AH27965">
        <v>22</v>
      </c>
      <c r="AI27965">
        <v>22</v>
      </c>
      <c r="AJ27965">
        <v>22</v>
      </c>
      <c r="AK27965">
        <v>22</v>
      </c>
      <c r="AL27965">
        <v>22</v>
      </c>
      <c r="AM27965">
        <v>22</v>
      </c>
      <c r="AN27965">
        <v>22</v>
      </c>
      <c r="AO27965">
        <v>22</v>
      </c>
      <c r="AP27965">
        <v>22</v>
      </c>
      <c r="AQ27965">
        <v>22</v>
      </c>
    </row>
    <row r="27966" spans="1:43">
      <c r="A27966" t="s">
        <v>17311</v>
      </c>
      <c r="B27966" t="s">
        <v>17312</v>
      </c>
      <c r="C27966" t="s">
        <v>17305</v>
      </c>
      <c r="D27966" t="s">
        <v>17306</v>
      </c>
      <c r="E27966" t="s">
        <v>17265</v>
      </c>
      <c r="F27966" t="s">
        <v>17266</v>
      </c>
      <c r="G27966" t="s">
        <v>16559</v>
      </c>
      <c r="H27966" t="s">
        <v>16560</v>
      </c>
      <c r="I27966" s="2">
        <v>1</v>
      </c>
      <c r="J27966" s="2">
        <v>0</v>
      </c>
      <c r="K27966" s="2">
        <v>0</v>
      </c>
      <c r="L27966" t="s">
        <v>120</v>
      </c>
      <c r="M27966" t="s">
        <v>83</v>
      </c>
      <c r="N27966" t="s">
        <v>84</v>
      </c>
      <c r="O27966" t="s">
        <v>85</v>
      </c>
      <c r="P27966" t="s">
        <v>86</v>
      </c>
      <c r="Q27966">
        <v>20</v>
      </c>
      <c r="R27966">
        <v>21</v>
      </c>
      <c r="S27966">
        <v>21</v>
      </c>
      <c r="T27966">
        <v>21</v>
      </c>
      <c r="U27966">
        <v>21</v>
      </c>
      <c r="V27966">
        <v>21</v>
      </c>
      <c r="W27966">
        <v>21</v>
      </c>
      <c r="X27966">
        <v>22</v>
      </c>
      <c r="Y27966">
        <v>22</v>
      </c>
      <c r="Z27966">
        <v>22</v>
      </c>
      <c r="AA27966">
        <v>22</v>
      </c>
      <c r="AB27966">
        <v>22</v>
      </c>
      <c r="AC27966">
        <v>22</v>
      </c>
      <c r="AD27966">
        <v>22</v>
      </c>
      <c r="AE27966">
        <v>22</v>
      </c>
      <c r="AF27966">
        <v>22</v>
      </c>
      <c r="AG27966">
        <v>23</v>
      </c>
      <c r="AH27966">
        <v>23</v>
      </c>
      <c r="AI27966">
        <v>23</v>
      </c>
      <c r="AJ27966">
        <v>23</v>
      </c>
      <c r="AK27966">
        <v>23</v>
      </c>
      <c r="AL27966">
        <v>23</v>
      </c>
      <c r="AM27966">
        <v>23</v>
      </c>
      <c r="AN27966">
        <v>23</v>
      </c>
      <c r="AO27966">
        <v>23</v>
      </c>
      <c r="AP27966">
        <v>22</v>
      </c>
      <c r="AQ27966">
        <v>22</v>
      </c>
    </row>
    <row r="27967" spans="1:43">
      <c r="A27967" t="s">
        <v>17311</v>
      </c>
      <c r="B27967" t="s">
        <v>17312</v>
      </c>
      <c r="C27967" t="s">
        <v>17305</v>
      </c>
      <c r="D27967" t="s">
        <v>17306</v>
      </c>
      <c r="E27967" t="s">
        <v>17265</v>
      </c>
      <c r="F27967" t="s">
        <v>17266</v>
      </c>
      <c r="G27967" t="s">
        <v>16559</v>
      </c>
      <c r="H27967" t="s">
        <v>16560</v>
      </c>
      <c r="I27967" s="2">
        <v>1</v>
      </c>
      <c r="J27967" s="2">
        <v>0</v>
      </c>
      <c r="K27967" s="2">
        <v>0</v>
      </c>
      <c r="L27967" t="s">
        <v>120</v>
      </c>
      <c r="M27967" t="s">
        <v>87</v>
      </c>
      <c r="N27967" t="s">
        <v>88</v>
      </c>
      <c r="O27967" t="s">
        <v>85</v>
      </c>
      <c r="P27967" t="s">
        <v>86</v>
      </c>
      <c r="Q27967">
        <v>20</v>
      </c>
      <c r="R27967">
        <v>20</v>
      </c>
      <c r="S27967">
        <v>20</v>
      </c>
      <c r="T27967">
        <v>20</v>
      </c>
      <c r="U27967">
        <v>20</v>
      </c>
      <c r="V27967">
        <v>20</v>
      </c>
      <c r="W27967">
        <v>20</v>
      </c>
      <c r="X27967">
        <v>20</v>
      </c>
      <c r="Y27967">
        <v>20</v>
      </c>
      <c r="Z27967">
        <v>20</v>
      </c>
      <c r="AA27967">
        <v>20</v>
      </c>
      <c r="AB27967">
        <v>20</v>
      </c>
      <c r="AC27967">
        <v>20</v>
      </c>
      <c r="AD27967">
        <v>20</v>
      </c>
      <c r="AE27967">
        <v>20</v>
      </c>
      <c r="AF27967">
        <v>20</v>
      </c>
      <c r="AG27967">
        <v>20</v>
      </c>
      <c r="AH27967">
        <v>20</v>
      </c>
      <c r="AI27967">
        <v>20</v>
      </c>
      <c r="AJ27967">
        <v>20</v>
      </c>
      <c r="AK27967">
        <v>20</v>
      </c>
      <c r="AL27967">
        <v>20</v>
      </c>
      <c r="AM27967">
        <v>20</v>
      </c>
      <c r="AN27967">
        <v>20</v>
      </c>
      <c r="AO27967">
        <v>19</v>
      </c>
      <c r="AP27967">
        <v>19</v>
      </c>
      <c r="AQ27967">
        <v>19</v>
      </c>
    </row>
    <row r="27968" spans="1:43">
      <c r="A27968" t="s">
        <v>17311</v>
      </c>
      <c r="B27968" t="s">
        <v>17312</v>
      </c>
      <c r="C27968" t="s">
        <v>17305</v>
      </c>
      <c r="D27968" t="s">
        <v>17306</v>
      </c>
      <c r="E27968" t="s">
        <v>17265</v>
      </c>
      <c r="F27968" t="s">
        <v>17266</v>
      </c>
      <c r="G27968" t="s">
        <v>16559</v>
      </c>
      <c r="H27968" t="s">
        <v>16560</v>
      </c>
      <c r="I27968" s="2">
        <v>1</v>
      </c>
      <c r="J27968" s="2">
        <v>0</v>
      </c>
      <c r="K27968" s="2">
        <v>0</v>
      </c>
      <c r="L27968" t="s">
        <v>120</v>
      </c>
      <c r="M27968" t="s">
        <v>89</v>
      </c>
      <c r="N27968" t="s">
        <v>90</v>
      </c>
      <c r="O27968" t="s">
        <v>85</v>
      </c>
      <c r="P27968" t="s">
        <v>86</v>
      </c>
      <c r="Q27968">
        <v>20</v>
      </c>
      <c r="R27968">
        <v>20</v>
      </c>
      <c r="S27968">
        <v>20</v>
      </c>
      <c r="T27968">
        <v>21</v>
      </c>
      <c r="U27968">
        <v>21</v>
      </c>
      <c r="V27968">
        <v>21</v>
      </c>
      <c r="W27968">
        <v>21</v>
      </c>
      <c r="X27968">
        <v>22</v>
      </c>
      <c r="Y27968">
        <v>22</v>
      </c>
      <c r="Z27968">
        <v>22</v>
      </c>
      <c r="AA27968">
        <v>22</v>
      </c>
      <c r="AB27968">
        <v>22</v>
      </c>
      <c r="AC27968">
        <v>23</v>
      </c>
      <c r="AD27968">
        <v>23</v>
      </c>
      <c r="AE27968">
        <v>23</v>
      </c>
      <c r="AF27968">
        <v>23</v>
      </c>
      <c r="AG27968">
        <v>23</v>
      </c>
      <c r="AH27968">
        <v>23</v>
      </c>
      <c r="AI27968">
        <v>22</v>
      </c>
      <c r="AJ27968">
        <v>22</v>
      </c>
      <c r="AK27968">
        <v>22</v>
      </c>
      <c r="AL27968">
        <v>22</v>
      </c>
      <c r="AM27968">
        <v>22</v>
      </c>
      <c r="AN27968">
        <v>22</v>
      </c>
      <c r="AO27968">
        <v>22</v>
      </c>
      <c r="AP27968">
        <v>22</v>
      </c>
      <c r="AQ27968">
        <v>22</v>
      </c>
    </row>
    <row r="27969" spans="1:43">
      <c r="A27969" t="s">
        <v>17311</v>
      </c>
      <c r="B27969" t="s">
        <v>17312</v>
      </c>
      <c r="C27969" t="s">
        <v>17305</v>
      </c>
      <c r="D27969" t="s">
        <v>17306</v>
      </c>
      <c r="E27969" t="s">
        <v>17265</v>
      </c>
      <c r="F27969" t="s">
        <v>17266</v>
      </c>
      <c r="G27969" t="s">
        <v>16559</v>
      </c>
      <c r="H27969" t="s">
        <v>16560</v>
      </c>
      <c r="I27969" s="2">
        <v>1</v>
      </c>
      <c r="J27969" s="2">
        <v>0</v>
      </c>
      <c r="K27969" s="2">
        <v>0</v>
      </c>
      <c r="L27969" t="s">
        <v>120</v>
      </c>
      <c r="M27969" t="s">
        <v>83</v>
      </c>
      <c r="N27969" t="s">
        <v>91</v>
      </c>
      <c r="O27969" t="s">
        <v>85</v>
      </c>
      <c r="P27969" t="s">
        <v>86</v>
      </c>
      <c r="Q27969">
        <v>20</v>
      </c>
      <c r="R27969">
        <v>21</v>
      </c>
      <c r="S27969">
        <v>21</v>
      </c>
      <c r="T27969">
        <v>21</v>
      </c>
      <c r="U27969">
        <v>21</v>
      </c>
      <c r="V27969">
        <v>21</v>
      </c>
      <c r="W27969">
        <v>21</v>
      </c>
      <c r="X27969">
        <v>22</v>
      </c>
      <c r="Y27969">
        <v>22</v>
      </c>
      <c r="Z27969">
        <v>22</v>
      </c>
      <c r="AA27969">
        <v>22</v>
      </c>
      <c r="AB27969">
        <v>22</v>
      </c>
      <c r="AC27969">
        <v>22</v>
      </c>
      <c r="AD27969">
        <v>22</v>
      </c>
      <c r="AE27969">
        <v>22</v>
      </c>
      <c r="AF27969">
        <v>22</v>
      </c>
      <c r="AG27969">
        <v>23</v>
      </c>
      <c r="AH27969">
        <v>23</v>
      </c>
      <c r="AI27969">
        <v>23</v>
      </c>
      <c r="AJ27969">
        <v>23</v>
      </c>
      <c r="AK27969">
        <v>23</v>
      </c>
      <c r="AL27969">
        <v>23</v>
      </c>
      <c r="AM27969">
        <v>23</v>
      </c>
      <c r="AN27969">
        <v>23</v>
      </c>
      <c r="AO27969">
        <v>23</v>
      </c>
      <c r="AP27969">
        <v>22</v>
      </c>
      <c r="AQ27969">
        <v>22</v>
      </c>
    </row>
    <row r="27970" spans="1:43">
      <c r="A27970" t="s">
        <v>17313</v>
      </c>
      <c r="B27970" t="s">
        <v>17314</v>
      </c>
      <c r="C27970" t="s">
        <v>17305</v>
      </c>
      <c r="D27970" t="s">
        <v>17306</v>
      </c>
      <c r="E27970" t="s">
        <v>17265</v>
      </c>
      <c r="F27970" t="s">
        <v>17266</v>
      </c>
      <c r="G27970" t="s">
        <v>16559</v>
      </c>
      <c r="H27970" t="s">
        <v>16560</v>
      </c>
      <c r="I27970" s="2">
        <v>1</v>
      </c>
      <c r="J27970" s="2">
        <v>0</v>
      </c>
      <c r="K27970" s="2">
        <v>0</v>
      </c>
      <c r="L27970" t="s">
        <v>120</v>
      </c>
      <c r="M27970" t="s">
        <v>83</v>
      </c>
      <c r="N27970" t="s">
        <v>84</v>
      </c>
      <c r="O27970" t="s">
        <v>85</v>
      </c>
      <c r="P27970" t="s">
        <v>86</v>
      </c>
      <c r="Q27970">
        <v>114</v>
      </c>
      <c r="R27970">
        <v>115</v>
      </c>
      <c r="S27970">
        <v>116</v>
      </c>
      <c r="T27970">
        <v>116</v>
      </c>
      <c r="U27970">
        <v>117</v>
      </c>
      <c r="V27970">
        <v>118</v>
      </c>
      <c r="W27970">
        <v>118</v>
      </c>
      <c r="X27970">
        <v>119</v>
      </c>
      <c r="Y27970">
        <v>120</v>
      </c>
      <c r="Z27970">
        <v>120</v>
      </c>
      <c r="AA27970">
        <v>121</v>
      </c>
      <c r="AB27970">
        <v>121</v>
      </c>
      <c r="AC27970">
        <v>122</v>
      </c>
      <c r="AD27970">
        <v>122</v>
      </c>
      <c r="AE27970">
        <v>123</v>
      </c>
      <c r="AF27970">
        <v>123</v>
      </c>
      <c r="AG27970">
        <v>123</v>
      </c>
      <c r="AH27970">
        <v>124</v>
      </c>
      <c r="AI27970">
        <v>124</v>
      </c>
      <c r="AJ27970">
        <v>124</v>
      </c>
      <c r="AK27970">
        <v>125</v>
      </c>
      <c r="AL27970">
        <v>124</v>
      </c>
      <c r="AM27970">
        <v>123</v>
      </c>
      <c r="AN27970">
        <v>123</v>
      </c>
      <c r="AO27970">
        <v>122</v>
      </c>
      <c r="AP27970">
        <v>121</v>
      </c>
      <c r="AQ27970">
        <v>120</v>
      </c>
    </row>
    <row r="27971" spans="1:43">
      <c r="A27971" t="s">
        <v>17313</v>
      </c>
      <c r="B27971" t="s">
        <v>17314</v>
      </c>
      <c r="C27971" t="s">
        <v>17305</v>
      </c>
      <c r="D27971" t="s">
        <v>17306</v>
      </c>
      <c r="E27971" t="s">
        <v>17265</v>
      </c>
      <c r="F27971" t="s">
        <v>17266</v>
      </c>
      <c r="G27971" t="s">
        <v>16559</v>
      </c>
      <c r="H27971" t="s">
        <v>16560</v>
      </c>
      <c r="I27971" s="2">
        <v>1</v>
      </c>
      <c r="J27971" s="2">
        <v>0</v>
      </c>
      <c r="K27971" s="2">
        <v>0</v>
      </c>
      <c r="L27971" t="s">
        <v>120</v>
      </c>
      <c r="M27971" t="s">
        <v>87</v>
      </c>
      <c r="N27971" t="s">
        <v>88</v>
      </c>
      <c r="O27971" t="s">
        <v>85</v>
      </c>
      <c r="P27971" t="s">
        <v>86</v>
      </c>
      <c r="Q27971">
        <v>114</v>
      </c>
      <c r="R27971">
        <v>114</v>
      </c>
      <c r="S27971">
        <v>113</v>
      </c>
      <c r="T27971">
        <v>113</v>
      </c>
      <c r="U27971">
        <v>113</v>
      </c>
      <c r="V27971">
        <v>113</v>
      </c>
      <c r="W27971">
        <v>112</v>
      </c>
      <c r="X27971">
        <v>112</v>
      </c>
      <c r="Y27971">
        <v>112</v>
      </c>
      <c r="Z27971">
        <v>111</v>
      </c>
      <c r="AA27971">
        <v>111</v>
      </c>
      <c r="AB27971">
        <v>111</v>
      </c>
      <c r="AC27971">
        <v>110</v>
      </c>
      <c r="AD27971">
        <v>110</v>
      </c>
      <c r="AE27971">
        <v>110</v>
      </c>
      <c r="AF27971">
        <v>109</v>
      </c>
      <c r="AG27971">
        <v>109</v>
      </c>
      <c r="AH27971">
        <v>109</v>
      </c>
      <c r="AI27971">
        <v>108</v>
      </c>
      <c r="AJ27971">
        <v>108</v>
      </c>
      <c r="AK27971">
        <v>108</v>
      </c>
      <c r="AL27971">
        <v>107</v>
      </c>
      <c r="AM27971">
        <v>107</v>
      </c>
      <c r="AN27971">
        <v>106</v>
      </c>
      <c r="AO27971">
        <v>106</v>
      </c>
      <c r="AP27971">
        <v>106</v>
      </c>
      <c r="AQ27971">
        <v>105</v>
      </c>
    </row>
    <row r="27972" spans="1:43">
      <c r="A27972" t="s">
        <v>17313</v>
      </c>
      <c r="B27972" t="s">
        <v>17314</v>
      </c>
      <c r="C27972" t="s">
        <v>17305</v>
      </c>
      <c r="D27972" t="s">
        <v>17306</v>
      </c>
      <c r="E27972" t="s">
        <v>17265</v>
      </c>
      <c r="F27972" t="s">
        <v>17266</v>
      </c>
      <c r="G27972" t="s">
        <v>16559</v>
      </c>
      <c r="H27972" t="s">
        <v>16560</v>
      </c>
      <c r="I27972" s="2">
        <v>1</v>
      </c>
      <c r="J27972" s="2">
        <v>0</v>
      </c>
      <c r="K27972" s="2">
        <v>0</v>
      </c>
      <c r="L27972" t="s">
        <v>120</v>
      </c>
      <c r="M27972" t="s">
        <v>89</v>
      </c>
      <c r="N27972" t="s">
        <v>90</v>
      </c>
      <c r="O27972" t="s">
        <v>85</v>
      </c>
      <c r="P27972" t="s">
        <v>86</v>
      </c>
      <c r="Q27972">
        <v>114</v>
      </c>
      <c r="R27972">
        <v>116</v>
      </c>
      <c r="S27972">
        <v>117</v>
      </c>
      <c r="T27972">
        <v>119</v>
      </c>
      <c r="U27972">
        <v>121</v>
      </c>
      <c r="V27972">
        <v>122</v>
      </c>
      <c r="W27972">
        <v>123</v>
      </c>
      <c r="X27972">
        <v>124</v>
      </c>
      <c r="Y27972">
        <v>126</v>
      </c>
      <c r="Z27972">
        <v>127</v>
      </c>
      <c r="AA27972">
        <v>128</v>
      </c>
      <c r="AB27972">
        <v>128</v>
      </c>
      <c r="AC27972">
        <v>129</v>
      </c>
      <c r="AD27972">
        <v>130</v>
      </c>
      <c r="AE27972">
        <v>131</v>
      </c>
      <c r="AF27972">
        <v>130</v>
      </c>
      <c r="AG27972">
        <v>129</v>
      </c>
      <c r="AH27972">
        <v>128</v>
      </c>
      <c r="AI27972">
        <v>127</v>
      </c>
      <c r="AJ27972">
        <v>126</v>
      </c>
      <c r="AK27972">
        <v>125</v>
      </c>
      <c r="AL27972">
        <v>124</v>
      </c>
      <c r="AM27972">
        <v>123</v>
      </c>
      <c r="AN27972">
        <v>122</v>
      </c>
      <c r="AO27972">
        <v>122</v>
      </c>
      <c r="AP27972">
        <v>121</v>
      </c>
      <c r="AQ27972">
        <v>120</v>
      </c>
    </row>
    <row r="27973" spans="1:43">
      <c r="A27973" t="s">
        <v>17313</v>
      </c>
      <c r="B27973" t="s">
        <v>17314</v>
      </c>
      <c r="C27973" t="s">
        <v>17305</v>
      </c>
      <c r="D27973" t="s">
        <v>17306</v>
      </c>
      <c r="E27973" t="s">
        <v>17265</v>
      </c>
      <c r="F27973" t="s">
        <v>17266</v>
      </c>
      <c r="G27973" t="s">
        <v>16559</v>
      </c>
      <c r="H27973" t="s">
        <v>16560</v>
      </c>
      <c r="I27973" s="2">
        <v>1</v>
      </c>
      <c r="J27973" s="2">
        <v>0</v>
      </c>
      <c r="K27973" s="2">
        <v>0</v>
      </c>
      <c r="L27973" t="s">
        <v>120</v>
      </c>
      <c r="M27973" t="s">
        <v>83</v>
      </c>
      <c r="N27973" t="s">
        <v>91</v>
      </c>
      <c r="O27973" t="s">
        <v>85</v>
      </c>
      <c r="P27973" t="s">
        <v>86</v>
      </c>
      <c r="Q27973">
        <v>114</v>
      </c>
      <c r="R27973">
        <v>115</v>
      </c>
      <c r="S27973">
        <v>116</v>
      </c>
      <c r="T27973">
        <v>116</v>
      </c>
      <c r="U27973">
        <v>117</v>
      </c>
      <c r="V27973">
        <v>118</v>
      </c>
      <c r="W27973">
        <v>118</v>
      </c>
      <c r="X27973">
        <v>119</v>
      </c>
      <c r="Y27973">
        <v>120</v>
      </c>
      <c r="Z27973">
        <v>120</v>
      </c>
      <c r="AA27973">
        <v>121</v>
      </c>
      <c r="AB27973">
        <v>121</v>
      </c>
      <c r="AC27973">
        <v>122</v>
      </c>
      <c r="AD27973">
        <v>122</v>
      </c>
      <c r="AE27973">
        <v>123</v>
      </c>
      <c r="AF27973">
        <v>123</v>
      </c>
      <c r="AG27973">
        <v>123</v>
      </c>
      <c r="AH27973">
        <v>124</v>
      </c>
      <c r="AI27973">
        <v>124</v>
      </c>
      <c r="AJ27973">
        <v>124</v>
      </c>
      <c r="AK27973">
        <v>125</v>
      </c>
      <c r="AL27973">
        <v>124</v>
      </c>
      <c r="AM27973">
        <v>123</v>
      </c>
      <c r="AN27973">
        <v>123</v>
      </c>
      <c r="AO27973">
        <v>122</v>
      </c>
      <c r="AP27973">
        <v>121</v>
      </c>
      <c r="AQ27973">
        <v>120</v>
      </c>
    </row>
    <row r="27974" spans="1:43">
      <c r="A27974" t="s">
        <v>17315</v>
      </c>
      <c r="B27974" t="s">
        <v>17316</v>
      </c>
      <c r="C27974" t="s">
        <v>17317</v>
      </c>
      <c r="D27974" t="s">
        <v>17318</v>
      </c>
      <c r="E27974" t="s">
        <v>17265</v>
      </c>
      <c r="F27974" t="s">
        <v>17266</v>
      </c>
      <c r="G27974" t="s">
        <v>16559</v>
      </c>
      <c r="H27974" t="s">
        <v>16560</v>
      </c>
      <c r="I27974" s="2">
        <v>1</v>
      </c>
      <c r="J27974" s="2">
        <v>0</v>
      </c>
      <c r="K27974" s="2">
        <v>0</v>
      </c>
      <c r="L27974" t="s">
        <v>120</v>
      </c>
      <c r="M27974" t="s">
        <v>83</v>
      </c>
      <c r="N27974" t="s">
        <v>84</v>
      </c>
      <c r="O27974" t="s">
        <v>85</v>
      </c>
      <c r="P27974" t="s">
        <v>86</v>
      </c>
      <c r="Q27974">
        <v>14</v>
      </c>
      <c r="R27974">
        <v>14</v>
      </c>
      <c r="S27974">
        <v>14</v>
      </c>
      <c r="T27974">
        <v>14</v>
      </c>
      <c r="U27974">
        <v>14</v>
      </c>
      <c r="V27974">
        <v>14</v>
      </c>
      <c r="W27974">
        <v>14</v>
      </c>
      <c r="X27974">
        <v>14</v>
      </c>
      <c r="Y27974">
        <v>14</v>
      </c>
      <c r="Z27974">
        <v>15</v>
      </c>
      <c r="AA27974">
        <v>15</v>
      </c>
      <c r="AB27974">
        <v>15</v>
      </c>
      <c r="AC27974">
        <v>15</v>
      </c>
      <c r="AD27974">
        <v>15</v>
      </c>
      <c r="AE27974">
        <v>15</v>
      </c>
      <c r="AF27974">
        <v>15</v>
      </c>
      <c r="AG27974">
        <v>15</v>
      </c>
      <c r="AH27974">
        <v>15</v>
      </c>
      <c r="AI27974">
        <v>15</v>
      </c>
      <c r="AJ27974">
        <v>15</v>
      </c>
      <c r="AK27974">
        <v>15</v>
      </c>
      <c r="AL27974">
        <v>15</v>
      </c>
      <c r="AM27974">
        <v>15</v>
      </c>
      <c r="AN27974">
        <v>15</v>
      </c>
      <c r="AO27974">
        <v>15</v>
      </c>
      <c r="AP27974">
        <v>15</v>
      </c>
      <c r="AQ27974">
        <v>15</v>
      </c>
    </row>
    <row r="27975" spans="1:43">
      <c r="A27975" t="s">
        <v>17315</v>
      </c>
      <c r="B27975" t="s">
        <v>17316</v>
      </c>
      <c r="C27975" t="s">
        <v>17317</v>
      </c>
      <c r="D27975" t="s">
        <v>17318</v>
      </c>
      <c r="E27975" t="s">
        <v>17265</v>
      </c>
      <c r="F27975" t="s">
        <v>17266</v>
      </c>
      <c r="G27975" t="s">
        <v>16559</v>
      </c>
      <c r="H27975" t="s">
        <v>16560</v>
      </c>
      <c r="I27975" s="2">
        <v>1</v>
      </c>
      <c r="J27975" s="2">
        <v>0</v>
      </c>
      <c r="K27975" s="2">
        <v>0</v>
      </c>
      <c r="L27975" t="s">
        <v>120</v>
      </c>
      <c r="M27975" t="s">
        <v>87</v>
      </c>
      <c r="N27975" t="s">
        <v>88</v>
      </c>
      <c r="O27975" t="s">
        <v>85</v>
      </c>
      <c r="P27975" t="s">
        <v>86</v>
      </c>
      <c r="Q27975">
        <v>14</v>
      </c>
      <c r="R27975">
        <v>13</v>
      </c>
      <c r="S27975">
        <v>13</v>
      </c>
      <c r="T27975">
        <v>13</v>
      </c>
      <c r="U27975">
        <v>13</v>
      </c>
      <c r="V27975">
        <v>13</v>
      </c>
      <c r="W27975">
        <v>13</v>
      </c>
      <c r="X27975">
        <v>13</v>
      </c>
      <c r="Y27975">
        <v>13</v>
      </c>
      <c r="Z27975">
        <v>13</v>
      </c>
      <c r="AA27975">
        <v>13</v>
      </c>
      <c r="AB27975">
        <v>13</v>
      </c>
      <c r="AC27975">
        <v>13</v>
      </c>
      <c r="AD27975">
        <v>13</v>
      </c>
      <c r="AE27975">
        <v>13</v>
      </c>
      <c r="AF27975">
        <v>13</v>
      </c>
      <c r="AG27975">
        <v>13</v>
      </c>
      <c r="AH27975">
        <v>13</v>
      </c>
      <c r="AI27975">
        <v>13</v>
      </c>
      <c r="AJ27975">
        <v>13</v>
      </c>
      <c r="AK27975">
        <v>13</v>
      </c>
      <c r="AL27975">
        <v>13</v>
      </c>
      <c r="AM27975">
        <v>13</v>
      </c>
      <c r="AN27975">
        <v>13</v>
      </c>
      <c r="AO27975">
        <v>13</v>
      </c>
      <c r="AP27975">
        <v>13</v>
      </c>
      <c r="AQ27975">
        <v>13</v>
      </c>
    </row>
    <row r="27976" spans="1:43">
      <c r="A27976" t="s">
        <v>17315</v>
      </c>
      <c r="B27976" t="s">
        <v>17316</v>
      </c>
      <c r="C27976" t="s">
        <v>17317</v>
      </c>
      <c r="D27976" t="s">
        <v>17318</v>
      </c>
      <c r="E27976" t="s">
        <v>17265</v>
      </c>
      <c r="F27976" t="s">
        <v>17266</v>
      </c>
      <c r="G27976" t="s">
        <v>16559</v>
      </c>
      <c r="H27976" t="s">
        <v>16560</v>
      </c>
      <c r="I27976" s="2">
        <v>1</v>
      </c>
      <c r="J27976" s="2">
        <v>0</v>
      </c>
      <c r="K27976" s="2">
        <v>0</v>
      </c>
      <c r="L27976" t="s">
        <v>120</v>
      </c>
      <c r="M27976" t="s">
        <v>89</v>
      </c>
      <c r="N27976" t="s">
        <v>90</v>
      </c>
      <c r="O27976" t="s">
        <v>85</v>
      </c>
      <c r="P27976" t="s">
        <v>86</v>
      </c>
      <c r="Q27976">
        <v>14</v>
      </c>
      <c r="R27976">
        <v>14</v>
      </c>
      <c r="S27976">
        <v>14</v>
      </c>
      <c r="T27976">
        <v>14</v>
      </c>
      <c r="U27976">
        <v>15</v>
      </c>
      <c r="V27976">
        <v>15</v>
      </c>
      <c r="W27976">
        <v>15</v>
      </c>
      <c r="X27976">
        <v>15</v>
      </c>
      <c r="Y27976">
        <v>15</v>
      </c>
      <c r="Z27976">
        <v>15</v>
      </c>
      <c r="AA27976">
        <v>15</v>
      </c>
      <c r="AB27976">
        <v>16</v>
      </c>
      <c r="AC27976">
        <v>16</v>
      </c>
      <c r="AD27976">
        <v>16</v>
      </c>
      <c r="AE27976">
        <v>16</v>
      </c>
      <c r="AF27976">
        <v>16</v>
      </c>
      <c r="AG27976">
        <v>16</v>
      </c>
      <c r="AH27976">
        <v>16</v>
      </c>
      <c r="AI27976">
        <v>15</v>
      </c>
      <c r="AJ27976">
        <v>15</v>
      </c>
      <c r="AK27976">
        <v>15</v>
      </c>
      <c r="AL27976">
        <v>15</v>
      </c>
      <c r="AM27976">
        <v>15</v>
      </c>
      <c r="AN27976">
        <v>15</v>
      </c>
      <c r="AO27976">
        <v>15</v>
      </c>
      <c r="AP27976">
        <v>15</v>
      </c>
      <c r="AQ27976">
        <v>15</v>
      </c>
    </row>
    <row r="27977" spans="1:43">
      <c r="A27977" t="s">
        <v>17315</v>
      </c>
      <c r="B27977" t="s">
        <v>17316</v>
      </c>
      <c r="C27977" t="s">
        <v>17317</v>
      </c>
      <c r="D27977" t="s">
        <v>17318</v>
      </c>
      <c r="E27977" t="s">
        <v>17265</v>
      </c>
      <c r="F27977" t="s">
        <v>17266</v>
      </c>
      <c r="G27977" t="s">
        <v>16559</v>
      </c>
      <c r="H27977" t="s">
        <v>16560</v>
      </c>
      <c r="I27977" s="2">
        <v>1</v>
      </c>
      <c r="J27977" s="2">
        <v>0</v>
      </c>
      <c r="K27977" s="2">
        <v>0</v>
      </c>
      <c r="L27977" t="s">
        <v>120</v>
      </c>
      <c r="M27977" t="s">
        <v>83</v>
      </c>
      <c r="N27977" t="s">
        <v>91</v>
      </c>
      <c r="O27977" t="s">
        <v>85</v>
      </c>
      <c r="P27977" t="s">
        <v>86</v>
      </c>
      <c r="Q27977">
        <v>14</v>
      </c>
      <c r="R27977">
        <v>14</v>
      </c>
      <c r="S27977">
        <v>14</v>
      </c>
      <c r="T27977">
        <v>14</v>
      </c>
      <c r="U27977">
        <v>14</v>
      </c>
      <c r="V27977">
        <v>14</v>
      </c>
      <c r="W27977">
        <v>14</v>
      </c>
      <c r="X27977">
        <v>14</v>
      </c>
      <c r="Y27977">
        <v>14</v>
      </c>
      <c r="Z27977">
        <v>15</v>
      </c>
      <c r="AA27977">
        <v>15</v>
      </c>
      <c r="AB27977">
        <v>15</v>
      </c>
      <c r="AC27977">
        <v>15</v>
      </c>
      <c r="AD27977">
        <v>15</v>
      </c>
      <c r="AE27977">
        <v>15</v>
      </c>
      <c r="AF27977">
        <v>15</v>
      </c>
      <c r="AG27977">
        <v>15</v>
      </c>
      <c r="AH27977">
        <v>15</v>
      </c>
      <c r="AI27977">
        <v>15</v>
      </c>
      <c r="AJ27977">
        <v>15</v>
      </c>
      <c r="AK27977">
        <v>15</v>
      </c>
      <c r="AL27977">
        <v>15</v>
      </c>
      <c r="AM27977">
        <v>15</v>
      </c>
      <c r="AN27977">
        <v>15</v>
      </c>
      <c r="AO27977">
        <v>15</v>
      </c>
      <c r="AP27977">
        <v>15</v>
      </c>
      <c r="AQ27977">
        <v>15</v>
      </c>
    </row>
    <row r="27978" spans="1:43">
      <c r="A27978" t="s">
        <v>17319</v>
      </c>
      <c r="B27978" t="s">
        <v>17320</v>
      </c>
      <c r="C27978" t="s">
        <v>17317</v>
      </c>
      <c r="D27978" t="s">
        <v>17318</v>
      </c>
      <c r="E27978" t="s">
        <v>17265</v>
      </c>
      <c r="F27978" t="s">
        <v>17266</v>
      </c>
      <c r="G27978" t="s">
        <v>16559</v>
      </c>
      <c r="H27978" t="s">
        <v>16560</v>
      </c>
      <c r="I27978" s="2">
        <v>1</v>
      </c>
      <c r="J27978" s="2">
        <v>0</v>
      </c>
      <c r="K27978" s="2">
        <v>0</v>
      </c>
      <c r="L27978" t="s">
        <v>120</v>
      </c>
      <c r="M27978" t="s">
        <v>83</v>
      </c>
      <c r="N27978" t="s">
        <v>84</v>
      </c>
      <c r="O27978" t="s">
        <v>85</v>
      </c>
      <c r="P27978" t="s">
        <v>86</v>
      </c>
      <c r="Q27978">
        <v>8</v>
      </c>
      <c r="R27978">
        <v>9</v>
      </c>
      <c r="S27978">
        <v>9</v>
      </c>
      <c r="T27978">
        <v>9</v>
      </c>
      <c r="U27978">
        <v>9</v>
      </c>
      <c r="V27978">
        <v>9</v>
      </c>
      <c r="W27978">
        <v>9</v>
      </c>
      <c r="X27978">
        <v>9</v>
      </c>
      <c r="Y27978">
        <v>9</v>
      </c>
      <c r="Z27978">
        <v>9</v>
      </c>
      <c r="AA27978">
        <v>9</v>
      </c>
      <c r="AB27978">
        <v>9</v>
      </c>
      <c r="AC27978">
        <v>9</v>
      </c>
      <c r="AD27978">
        <v>9</v>
      </c>
      <c r="AE27978">
        <v>9</v>
      </c>
      <c r="AF27978">
        <v>9</v>
      </c>
      <c r="AG27978">
        <v>9</v>
      </c>
      <c r="AH27978">
        <v>9</v>
      </c>
      <c r="AI27978">
        <v>9</v>
      </c>
      <c r="AJ27978">
        <v>9</v>
      </c>
      <c r="AK27978">
        <v>9</v>
      </c>
      <c r="AL27978">
        <v>9</v>
      </c>
      <c r="AM27978">
        <v>9</v>
      </c>
      <c r="AN27978">
        <v>9</v>
      </c>
      <c r="AO27978">
        <v>9</v>
      </c>
      <c r="AP27978">
        <v>9</v>
      </c>
      <c r="AQ27978">
        <v>9</v>
      </c>
    </row>
    <row r="27979" spans="1:43">
      <c r="A27979" t="s">
        <v>17319</v>
      </c>
      <c r="B27979" t="s">
        <v>17320</v>
      </c>
      <c r="C27979" t="s">
        <v>17317</v>
      </c>
      <c r="D27979" t="s">
        <v>17318</v>
      </c>
      <c r="E27979" t="s">
        <v>17265</v>
      </c>
      <c r="F27979" t="s">
        <v>17266</v>
      </c>
      <c r="G27979" t="s">
        <v>16559</v>
      </c>
      <c r="H27979" t="s">
        <v>16560</v>
      </c>
      <c r="I27979" s="2">
        <v>1</v>
      </c>
      <c r="J27979" s="2">
        <v>0</v>
      </c>
      <c r="K27979" s="2">
        <v>0</v>
      </c>
      <c r="L27979" t="s">
        <v>120</v>
      </c>
      <c r="M27979" t="s">
        <v>87</v>
      </c>
      <c r="N27979" t="s">
        <v>88</v>
      </c>
      <c r="O27979" t="s">
        <v>85</v>
      </c>
      <c r="P27979" t="s">
        <v>86</v>
      </c>
      <c r="Q27979">
        <v>8</v>
      </c>
      <c r="R27979">
        <v>8</v>
      </c>
      <c r="S27979">
        <v>8</v>
      </c>
      <c r="T27979">
        <v>8</v>
      </c>
      <c r="U27979">
        <v>8</v>
      </c>
      <c r="V27979">
        <v>8</v>
      </c>
      <c r="W27979">
        <v>8</v>
      </c>
      <c r="X27979">
        <v>8</v>
      </c>
      <c r="Y27979">
        <v>8</v>
      </c>
      <c r="Z27979">
        <v>8</v>
      </c>
      <c r="AA27979">
        <v>8</v>
      </c>
      <c r="AB27979">
        <v>8</v>
      </c>
      <c r="AC27979">
        <v>8</v>
      </c>
      <c r="AD27979">
        <v>8</v>
      </c>
      <c r="AE27979">
        <v>8</v>
      </c>
      <c r="AF27979">
        <v>8</v>
      </c>
      <c r="AG27979">
        <v>8</v>
      </c>
      <c r="AH27979">
        <v>8</v>
      </c>
      <c r="AI27979">
        <v>8</v>
      </c>
      <c r="AJ27979">
        <v>8</v>
      </c>
      <c r="AK27979">
        <v>8</v>
      </c>
      <c r="AL27979">
        <v>8</v>
      </c>
      <c r="AM27979">
        <v>8</v>
      </c>
      <c r="AN27979">
        <v>8</v>
      </c>
      <c r="AO27979">
        <v>8</v>
      </c>
      <c r="AP27979">
        <v>8</v>
      </c>
      <c r="AQ27979">
        <v>8</v>
      </c>
    </row>
    <row r="27980" spans="1:43">
      <c r="A27980" t="s">
        <v>17319</v>
      </c>
      <c r="B27980" t="s">
        <v>17320</v>
      </c>
      <c r="C27980" t="s">
        <v>17317</v>
      </c>
      <c r="D27980" t="s">
        <v>17318</v>
      </c>
      <c r="E27980" t="s">
        <v>17265</v>
      </c>
      <c r="F27980" t="s">
        <v>17266</v>
      </c>
      <c r="G27980" t="s">
        <v>16559</v>
      </c>
      <c r="H27980" t="s">
        <v>16560</v>
      </c>
      <c r="I27980" s="2">
        <v>1</v>
      </c>
      <c r="J27980" s="2">
        <v>0</v>
      </c>
      <c r="K27980" s="2">
        <v>0</v>
      </c>
      <c r="L27980" t="s">
        <v>120</v>
      </c>
      <c r="M27980" t="s">
        <v>89</v>
      </c>
      <c r="N27980" t="s">
        <v>90</v>
      </c>
      <c r="O27980" t="s">
        <v>85</v>
      </c>
      <c r="P27980" t="s">
        <v>86</v>
      </c>
      <c r="Q27980">
        <v>8</v>
      </c>
      <c r="R27980">
        <v>8</v>
      </c>
      <c r="S27980">
        <v>8</v>
      </c>
      <c r="T27980">
        <v>8</v>
      </c>
      <c r="U27980">
        <v>8</v>
      </c>
      <c r="V27980">
        <v>8</v>
      </c>
      <c r="W27980">
        <v>8</v>
      </c>
      <c r="X27980">
        <v>8</v>
      </c>
      <c r="Y27980">
        <v>8</v>
      </c>
      <c r="Z27980">
        <v>9</v>
      </c>
      <c r="AA27980">
        <v>9</v>
      </c>
      <c r="AB27980">
        <v>9</v>
      </c>
      <c r="AC27980">
        <v>9</v>
      </c>
      <c r="AD27980">
        <v>9</v>
      </c>
      <c r="AE27980">
        <v>9</v>
      </c>
      <c r="AF27980">
        <v>9</v>
      </c>
      <c r="AG27980">
        <v>9</v>
      </c>
      <c r="AH27980">
        <v>9</v>
      </c>
      <c r="AI27980">
        <v>9</v>
      </c>
      <c r="AJ27980">
        <v>9</v>
      </c>
      <c r="AK27980">
        <v>8</v>
      </c>
      <c r="AL27980">
        <v>8</v>
      </c>
      <c r="AM27980">
        <v>8</v>
      </c>
      <c r="AN27980">
        <v>8</v>
      </c>
      <c r="AO27980">
        <v>8</v>
      </c>
      <c r="AP27980">
        <v>8</v>
      </c>
      <c r="AQ27980">
        <v>8</v>
      </c>
    </row>
    <row r="27981" spans="1:43">
      <c r="A27981" t="s">
        <v>17319</v>
      </c>
      <c r="B27981" t="s">
        <v>17320</v>
      </c>
      <c r="C27981" t="s">
        <v>17317</v>
      </c>
      <c r="D27981" t="s">
        <v>17318</v>
      </c>
      <c r="E27981" t="s">
        <v>17265</v>
      </c>
      <c r="F27981" t="s">
        <v>17266</v>
      </c>
      <c r="G27981" t="s">
        <v>16559</v>
      </c>
      <c r="H27981" t="s">
        <v>16560</v>
      </c>
      <c r="I27981" s="2">
        <v>1</v>
      </c>
      <c r="J27981" s="2">
        <v>0</v>
      </c>
      <c r="K27981" s="2">
        <v>0</v>
      </c>
      <c r="L27981" t="s">
        <v>120</v>
      </c>
      <c r="M27981" t="s">
        <v>83</v>
      </c>
      <c r="N27981" t="s">
        <v>91</v>
      </c>
      <c r="O27981" t="s">
        <v>85</v>
      </c>
      <c r="P27981" t="s">
        <v>86</v>
      </c>
      <c r="Q27981">
        <v>8</v>
      </c>
      <c r="R27981">
        <v>9</v>
      </c>
      <c r="S27981">
        <v>9</v>
      </c>
      <c r="T27981">
        <v>9</v>
      </c>
      <c r="U27981">
        <v>9</v>
      </c>
      <c r="V27981">
        <v>9</v>
      </c>
      <c r="W27981">
        <v>9</v>
      </c>
      <c r="X27981">
        <v>9</v>
      </c>
      <c r="Y27981">
        <v>9</v>
      </c>
      <c r="Z27981">
        <v>9</v>
      </c>
      <c r="AA27981">
        <v>9</v>
      </c>
      <c r="AB27981">
        <v>9</v>
      </c>
      <c r="AC27981">
        <v>9</v>
      </c>
      <c r="AD27981">
        <v>9</v>
      </c>
      <c r="AE27981">
        <v>9</v>
      </c>
      <c r="AF27981">
        <v>9</v>
      </c>
      <c r="AG27981">
        <v>9</v>
      </c>
      <c r="AH27981">
        <v>9</v>
      </c>
      <c r="AI27981">
        <v>9</v>
      </c>
      <c r="AJ27981">
        <v>9</v>
      </c>
      <c r="AK27981">
        <v>9</v>
      </c>
      <c r="AL27981">
        <v>9</v>
      </c>
      <c r="AM27981">
        <v>9</v>
      </c>
      <c r="AN27981">
        <v>9</v>
      </c>
      <c r="AO27981">
        <v>9</v>
      </c>
      <c r="AP27981">
        <v>9</v>
      </c>
      <c r="AQ27981">
        <v>9</v>
      </c>
    </row>
    <row r="27982" spans="1:43">
      <c r="A27982" t="s">
        <v>17321</v>
      </c>
      <c r="B27982" t="s">
        <v>17322</v>
      </c>
      <c r="C27982" t="s">
        <v>17317</v>
      </c>
      <c r="D27982" t="s">
        <v>17318</v>
      </c>
      <c r="E27982" t="s">
        <v>17265</v>
      </c>
      <c r="F27982" t="s">
        <v>17266</v>
      </c>
      <c r="G27982" t="s">
        <v>16559</v>
      </c>
      <c r="H27982" t="s">
        <v>16560</v>
      </c>
      <c r="I27982" s="2">
        <v>1</v>
      </c>
      <c r="J27982" s="2">
        <v>0</v>
      </c>
      <c r="K27982" s="2">
        <v>0</v>
      </c>
      <c r="L27982" t="s">
        <v>120</v>
      </c>
      <c r="M27982" t="s">
        <v>83</v>
      </c>
      <c r="N27982" t="s">
        <v>84</v>
      </c>
      <c r="O27982" t="s">
        <v>85</v>
      </c>
      <c r="P27982" t="s">
        <v>86</v>
      </c>
      <c r="Q27982">
        <v>12</v>
      </c>
      <c r="R27982">
        <v>12</v>
      </c>
      <c r="S27982">
        <v>12</v>
      </c>
      <c r="T27982">
        <v>12</v>
      </c>
      <c r="U27982">
        <v>12</v>
      </c>
      <c r="V27982">
        <v>13</v>
      </c>
      <c r="W27982">
        <v>13</v>
      </c>
      <c r="X27982">
        <v>13</v>
      </c>
      <c r="Y27982">
        <v>13</v>
      </c>
      <c r="Z27982">
        <v>13</v>
      </c>
      <c r="AA27982">
        <v>13</v>
      </c>
      <c r="AB27982">
        <v>13</v>
      </c>
      <c r="AC27982">
        <v>13</v>
      </c>
      <c r="AD27982">
        <v>13</v>
      </c>
      <c r="AE27982">
        <v>13</v>
      </c>
      <c r="AF27982">
        <v>13</v>
      </c>
      <c r="AG27982">
        <v>13</v>
      </c>
      <c r="AH27982">
        <v>13</v>
      </c>
      <c r="AI27982">
        <v>13</v>
      </c>
      <c r="AJ27982">
        <v>13</v>
      </c>
      <c r="AK27982">
        <v>13</v>
      </c>
      <c r="AL27982">
        <v>13</v>
      </c>
      <c r="AM27982">
        <v>13</v>
      </c>
      <c r="AN27982">
        <v>13</v>
      </c>
      <c r="AO27982">
        <v>13</v>
      </c>
      <c r="AP27982">
        <v>13</v>
      </c>
      <c r="AQ27982">
        <v>13</v>
      </c>
    </row>
    <row r="27983" spans="1:43">
      <c r="A27983" t="s">
        <v>17321</v>
      </c>
      <c r="B27983" t="s">
        <v>17322</v>
      </c>
      <c r="C27983" t="s">
        <v>17317</v>
      </c>
      <c r="D27983" t="s">
        <v>17318</v>
      </c>
      <c r="E27983" t="s">
        <v>17265</v>
      </c>
      <c r="F27983" t="s">
        <v>17266</v>
      </c>
      <c r="G27983" t="s">
        <v>16559</v>
      </c>
      <c r="H27983" t="s">
        <v>16560</v>
      </c>
      <c r="I27983" s="2">
        <v>1</v>
      </c>
      <c r="J27983" s="2">
        <v>0</v>
      </c>
      <c r="K27983" s="2">
        <v>0</v>
      </c>
      <c r="L27983" t="s">
        <v>120</v>
      </c>
      <c r="M27983" t="s">
        <v>87</v>
      </c>
      <c r="N27983" t="s">
        <v>88</v>
      </c>
      <c r="O27983" t="s">
        <v>85</v>
      </c>
      <c r="P27983" t="s">
        <v>86</v>
      </c>
      <c r="Q27983">
        <v>12</v>
      </c>
      <c r="R27983">
        <v>12</v>
      </c>
      <c r="S27983">
        <v>12</v>
      </c>
      <c r="T27983">
        <v>12</v>
      </c>
      <c r="U27983">
        <v>12</v>
      </c>
      <c r="V27983">
        <v>12</v>
      </c>
      <c r="W27983">
        <v>12</v>
      </c>
      <c r="X27983">
        <v>12</v>
      </c>
      <c r="Y27983">
        <v>12</v>
      </c>
      <c r="Z27983">
        <v>12</v>
      </c>
      <c r="AA27983">
        <v>12</v>
      </c>
      <c r="AB27983">
        <v>12</v>
      </c>
      <c r="AC27983">
        <v>12</v>
      </c>
      <c r="AD27983">
        <v>12</v>
      </c>
      <c r="AE27983">
        <v>12</v>
      </c>
      <c r="AF27983">
        <v>12</v>
      </c>
      <c r="AG27983">
        <v>12</v>
      </c>
      <c r="AH27983">
        <v>12</v>
      </c>
      <c r="AI27983">
        <v>12</v>
      </c>
      <c r="AJ27983">
        <v>12</v>
      </c>
      <c r="AK27983">
        <v>12</v>
      </c>
      <c r="AL27983">
        <v>12</v>
      </c>
      <c r="AM27983">
        <v>12</v>
      </c>
      <c r="AN27983">
        <v>12</v>
      </c>
      <c r="AO27983">
        <v>12</v>
      </c>
      <c r="AP27983">
        <v>12</v>
      </c>
      <c r="AQ27983">
        <v>11</v>
      </c>
    </row>
    <row r="27984" spans="1:43">
      <c r="A27984" t="s">
        <v>17321</v>
      </c>
      <c r="B27984" t="s">
        <v>17322</v>
      </c>
      <c r="C27984" t="s">
        <v>17317</v>
      </c>
      <c r="D27984" t="s">
        <v>17318</v>
      </c>
      <c r="E27984" t="s">
        <v>17265</v>
      </c>
      <c r="F27984" t="s">
        <v>17266</v>
      </c>
      <c r="G27984" t="s">
        <v>16559</v>
      </c>
      <c r="H27984" t="s">
        <v>16560</v>
      </c>
      <c r="I27984" s="2">
        <v>1</v>
      </c>
      <c r="J27984" s="2">
        <v>0</v>
      </c>
      <c r="K27984" s="2">
        <v>0</v>
      </c>
      <c r="L27984" t="s">
        <v>120</v>
      </c>
      <c r="M27984" t="s">
        <v>89</v>
      </c>
      <c r="N27984" t="s">
        <v>90</v>
      </c>
      <c r="O27984" t="s">
        <v>85</v>
      </c>
      <c r="P27984" t="s">
        <v>86</v>
      </c>
      <c r="Q27984">
        <v>12</v>
      </c>
      <c r="R27984">
        <v>12</v>
      </c>
      <c r="S27984">
        <v>13</v>
      </c>
      <c r="T27984">
        <v>13</v>
      </c>
      <c r="U27984">
        <v>13</v>
      </c>
      <c r="V27984">
        <v>13</v>
      </c>
      <c r="W27984">
        <v>13</v>
      </c>
      <c r="X27984">
        <v>13</v>
      </c>
      <c r="Y27984">
        <v>13</v>
      </c>
      <c r="Z27984">
        <v>14</v>
      </c>
      <c r="AA27984">
        <v>14</v>
      </c>
      <c r="AB27984">
        <v>14</v>
      </c>
      <c r="AC27984">
        <v>14</v>
      </c>
      <c r="AD27984">
        <v>14</v>
      </c>
      <c r="AE27984">
        <v>14</v>
      </c>
      <c r="AF27984">
        <v>14</v>
      </c>
      <c r="AG27984">
        <v>14</v>
      </c>
      <c r="AH27984">
        <v>14</v>
      </c>
      <c r="AI27984">
        <v>14</v>
      </c>
      <c r="AJ27984">
        <v>14</v>
      </c>
      <c r="AK27984">
        <v>14</v>
      </c>
      <c r="AL27984">
        <v>13</v>
      </c>
      <c r="AM27984">
        <v>13</v>
      </c>
      <c r="AN27984">
        <v>13</v>
      </c>
      <c r="AO27984">
        <v>13</v>
      </c>
      <c r="AP27984">
        <v>13</v>
      </c>
      <c r="AQ27984">
        <v>13</v>
      </c>
    </row>
    <row r="27985" spans="1:43">
      <c r="A27985" t="s">
        <v>17321</v>
      </c>
      <c r="B27985" t="s">
        <v>17322</v>
      </c>
      <c r="C27985" t="s">
        <v>17317</v>
      </c>
      <c r="D27985" t="s">
        <v>17318</v>
      </c>
      <c r="E27985" t="s">
        <v>17265</v>
      </c>
      <c r="F27985" t="s">
        <v>17266</v>
      </c>
      <c r="G27985" t="s">
        <v>16559</v>
      </c>
      <c r="H27985" t="s">
        <v>16560</v>
      </c>
      <c r="I27985" s="2">
        <v>1</v>
      </c>
      <c r="J27985" s="2">
        <v>0</v>
      </c>
      <c r="K27985" s="2">
        <v>0</v>
      </c>
      <c r="L27985" t="s">
        <v>120</v>
      </c>
      <c r="M27985" t="s">
        <v>83</v>
      </c>
      <c r="N27985" t="s">
        <v>91</v>
      </c>
      <c r="O27985" t="s">
        <v>85</v>
      </c>
      <c r="P27985" t="s">
        <v>86</v>
      </c>
      <c r="Q27985">
        <v>12</v>
      </c>
      <c r="R27985">
        <v>12</v>
      </c>
      <c r="S27985">
        <v>12</v>
      </c>
      <c r="T27985">
        <v>12</v>
      </c>
      <c r="U27985">
        <v>12</v>
      </c>
      <c r="V27985">
        <v>13</v>
      </c>
      <c r="W27985">
        <v>13</v>
      </c>
      <c r="X27985">
        <v>13</v>
      </c>
      <c r="Y27985">
        <v>13</v>
      </c>
      <c r="Z27985">
        <v>13</v>
      </c>
      <c r="AA27985">
        <v>13</v>
      </c>
      <c r="AB27985">
        <v>13</v>
      </c>
      <c r="AC27985">
        <v>13</v>
      </c>
      <c r="AD27985">
        <v>13</v>
      </c>
      <c r="AE27985">
        <v>13</v>
      </c>
      <c r="AF27985">
        <v>13</v>
      </c>
      <c r="AG27985">
        <v>13</v>
      </c>
      <c r="AH27985">
        <v>13</v>
      </c>
      <c r="AI27985">
        <v>13</v>
      </c>
      <c r="AJ27985">
        <v>13</v>
      </c>
      <c r="AK27985">
        <v>13</v>
      </c>
      <c r="AL27985">
        <v>13</v>
      </c>
      <c r="AM27985">
        <v>13</v>
      </c>
      <c r="AN27985">
        <v>13</v>
      </c>
      <c r="AO27985">
        <v>13</v>
      </c>
      <c r="AP27985">
        <v>13</v>
      </c>
      <c r="AQ27985">
        <v>13</v>
      </c>
    </row>
    <row r="27986" spans="1:43">
      <c r="A27986" t="s">
        <v>17323</v>
      </c>
      <c r="B27986" t="s">
        <v>17324</v>
      </c>
      <c r="C27986" t="s">
        <v>17317</v>
      </c>
      <c r="D27986" t="s">
        <v>17318</v>
      </c>
      <c r="E27986" t="s">
        <v>17265</v>
      </c>
      <c r="F27986" t="s">
        <v>17266</v>
      </c>
      <c r="G27986" t="s">
        <v>16559</v>
      </c>
      <c r="H27986" t="s">
        <v>16560</v>
      </c>
      <c r="I27986" s="2">
        <v>1</v>
      </c>
      <c r="J27986" s="2">
        <v>0</v>
      </c>
      <c r="K27986" s="2">
        <v>0</v>
      </c>
      <c r="L27986" t="s">
        <v>120</v>
      </c>
      <c r="M27986" t="s">
        <v>83</v>
      </c>
      <c r="N27986" t="s">
        <v>84</v>
      </c>
      <c r="O27986" t="s">
        <v>85</v>
      </c>
      <c r="P27986" t="s">
        <v>86</v>
      </c>
      <c r="Q27986">
        <v>40</v>
      </c>
      <c r="R27986">
        <v>40</v>
      </c>
      <c r="S27986">
        <v>41</v>
      </c>
      <c r="T27986">
        <v>41</v>
      </c>
      <c r="U27986">
        <v>41</v>
      </c>
      <c r="V27986">
        <v>42</v>
      </c>
      <c r="W27986">
        <v>42</v>
      </c>
      <c r="X27986">
        <v>42</v>
      </c>
      <c r="Y27986">
        <v>42</v>
      </c>
      <c r="Z27986">
        <v>43</v>
      </c>
      <c r="AA27986">
        <v>43</v>
      </c>
      <c r="AB27986">
        <v>43</v>
      </c>
      <c r="AC27986">
        <v>43</v>
      </c>
      <c r="AD27986">
        <v>43</v>
      </c>
      <c r="AE27986">
        <v>44</v>
      </c>
      <c r="AF27986">
        <v>44</v>
      </c>
      <c r="AG27986">
        <v>44</v>
      </c>
      <c r="AH27986">
        <v>44</v>
      </c>
      <c r="AI27986">
        <v>44</v>
      </c>
      <c r="AJ27986">
        <v>44</v>
      </c>
      <c r="AK27986">
        <v>45</v>
      </c>
      <c r="AL27986">
        <v>45</v>
      </c>
      <c r="AM27986">
        <v>44</v>
      </c>
      <c r="AN27986">
        <v>44</v>
      </c>
      <c r="AO27986">
        <v>44</v>
      </c>
      <c r="AP27986">
        <v>43</v>
      </c>
      <c r="AQ27986">
        <v>43</v>
      </c>
    </row>
    <row r="27987" spans="1:43">
      <c r="A27987" t="s">
        <v>17323</v>
      </c>
      <c r="B27987" t="s">
        <v>17324</v>
      </c>
      <c r="C27987" t="s">
        <v>17317</v>
      </c>
      <c r="D27987" t="s">
        <v>17318</v>
      </c>
      <c r="E27987" t="s">
        <v>17265</v>
      </c>
      <c r="F27987" t="s">
        <v>17266</v>
      </c>
      <c r="G27987" t="s">
        <v>16559</v>
      </c>
      <c r="H27987" t="s">
        <v>16560</v>
      </c>
      <c r="I27987" s="2">
        <v>1</v>
      </c>
      <c r="J27987" s="2">
        <v>0</v>
      </c>
      <c r="K27987" s="2">
        <v>0</v>
      </c>
      <c r="L27987" t="s">
        <v>120</v>
      </c>
      <c r="M27987" t="s">
        <v>87</v>
      </c>
      <c r="N27987" t="s">
        <v>88</v>
      </c>
      <c r="O27987" t="s">
        <v>85</v>
      </c>
      <c r="P27987" t="s">
        <v>86</v>
      </c>
      <c r="Q27987">
        <v>40</v>
      </c>
      <c r="R27987">
        <v>40</v>
      </c>
      <c r="S27987">
        <v>40</v>
      </c>
      <c r="T27987">
        <v>40</v>
      </c>
      <c r="U27987">
        <v>40</v>
      </c>
      <c r="V27987">
        <v>39</v>
      </c>
      <c r="W27987">
        <v>39</v>
      </c>
      <c r="X27987">
        <v>39</v>
      </c>
      <c r="Y27987">
        <v>39</v>
      </c>
      <c r="Z27987">
        <v>39</v>
      </c>
      <c r="AA27987">
        <v>39</v>
      </c>
      <c r="AB27987">
        <v>39</v>
      </c>
      <c r="AC27987">
        <v>39</v>
      </c>
      <c r="AD27987">
        <v>39</v>
      </c>
      <c r="AE27987">
        <v>39</v>
      </c>
      <c r="AF27987">
        <v>39</v>
      </c>
      <c r="AG27987">
        <v>39</v>
      </c>
      <c r="AH27987">
        <v>39</v>
      </c>
      <c r="AI27987">
        <v>39</v>
      </c>
      <c r="AJ27987">
        <v>39</v>
      </c>
      <c r="AK27987">
        <v>39</v>
      </c>
      <c r="AL27987">
        <v>38</v>
      </c>
      <c r="AM27987">
        <v>38</v>
      </c>
      <c r="AN27987">
        <v>38</v>
      </c>
      <c r="AO27987">
        <v>38</v>
      </c>
      <c r="AP27987">
        <v>38</v>
      </c>
      <c r="AQ27987">
        <v>38</v>
      </c>
    </row>
    <row r="27988" spans="1:43">
      <c r="A27988" t="s">
        <v>17323</v>
      </c>
      <c r="B27988" t="s">
        <v>17324</v>
      </c>
      <c r="C27988" t="s">
        <v>17317</v>
      </c>
      <c r="D27988" t="s">
        <v>17318</v>
      </c>
      <c r="E27988" t="s">
        <v>17265</v>
      </c>
      <c r="F27988" t="s">
        <v>17266</v>
      </c>
      <c r="G27988" t="s">
        <v>16559</v>
      </c>
      <c r="H27988" t="s">
        <v>16560</v>
      </c>
      <c r="I27988" s="2">
        <v>1</v>
      </c>
      <c r="J27988" s="2">
        <v>0</v>
      </c>
      <c r="K27988" s="2">
        <v>0</v>
      </c>
      <c r="L27988" t="s">
        <v>120</v>
      </c>
      <c r="M27988" t="s">
        <v>89</v>
      </c>
      <c r="N27988" t="s">
        <v>90</v>
      </c>
      <c r="O27988" t="s">
        <v>85</v>
      </c>
      <c r="P27988" t="s">
        <v>86</v>
      </c>
      <c r="Q27988">
        <v>40</v>
      </c>
      <c r="R27988">
        <v>41</v>
      </c>
      <c r="S27988">
        <v>42</v>
      </c>
      <c r="T27988">
        <v>42</v>
      </c>
      <c r="U27988">
        <v>43</v>
      </c>
      <c r="V27988">
        <v>43</v>
      </c>
      <c r="W27988">
        <v>44</v>
      </c>
      <c r="X27988">
        <v>44</v>
      </c>
      <c r="Y27988">
        <v>45</v>
      </c>
      <c r="Z27988">
        <v>45</v>
      </c>
      <c r="AA27988">
        <v>45</v>
      </c>
      <c r="AB27988">
        <v>46</v>
      </c>
      <c r="AC27988">
        <v>46</v>
      </c>
      <c r="AD27988">
        <v>47</v>
      </c>
      <c r="AE27988">
        <v>47</v>
      </c>
      <c r="AF27988">
        <v>46</v>
      </c>
      <c r="AG27988">
        <v>46</v>
      </c>
      <c r="AH27988">
        <v>46</v>
      </c>
      <c r="AI27988">
        <v>46</v>
      </c>
      <c r="AJ27988">
        <v>45</v>
      </c>
      <c r="AK27988">
        <v>45</v>
      </c>
      <c r="AL27988">
        <v>45</v>
      </c>
      <c r="AM27988">
        <v>44</v>
      </c>
      <c r="AN27988">
        <v>44</v>
      </c>
      <c r="AO27988">
        <v>44</v>
      </c>
      <c r="AP27988">
        <v>44</v>
      </c>
      <c r="AQ27988">
        <v>43</v>
      </c>
    </row>
    <row r="27989" spans="1:43">
      <c r="A27989" t="s">
        <v>17323</v>
      </c>
      <c r="B27989" t="s">
        <v>17324</v>
      </c>
      <c r="C27989" t="s">
        <v>17317</v>
      </c>
      <c r="D27989" t="s">
        <v>17318</v>
      </c>
      <c r="E27989" t="s">
        <v>17265</v>
      </c>
      <c r="F27989" t="s">
        <v>17266</v>
      </c>
      <c r="G27989" t="s">
        <v>16559</v>
      </c>
      <c r="H27989" t="s">
        <v>16560</v>
      </c>
      <c r="I27989" s="2">
        <v>1</v>
      </c>
      <c r="J27989" s="2">
        <v>0</v>
      </c>
      <c r="K27989" s="2">
        <v>0</v>
      </c>
      <c r="L27989" t="s">
        <v>120</v>
      </c>
      <c r="M27989" t="s">
        <v>83</v>
      </c>
      <c r="N27989" t="s">
        <v>91</v>
      </c>
      <c r="O27989" t="s">
        <v>85</v>
      </c>
      <c r="P27989" t="s">
        <v>86</v>
      </c>
      <c r="Q27989">
        <v>40</v>
      </c>
      <c r="R27989">
        <v>40</v>
      </c>
      <c r="S27989">
        <v>41</v>
      </c>
      <c r="T27989">
        <v>41</v>
      </c>
      <c r="U27989">
        <v>41</v>
      </c>
      <c r="V27989">
        <v>42</v>
      </c>
      <c r="W27989">
        <v>42</v>
      </c>
      <c r="X27989">
        <v>42</v>
      </c>
      <c r="Y27989">
        <v>42</v>
      </c>
      <c r="Z27989">
        <v>43</v>
      </c>
      <c r="AA27989">
        <v>43</v>
      </c>
      <c r="AB27989">
        <v>43</v>
      </c>
      <c r="AC27989">
        <v>43</v>
      </c>
      <c r="AD27989">
        <v>43</v>
      </c>
      <c r="AE27989">
        <v>44</v>
      </c>
      <c r="AF27989">
        <v>44</v>
      </c>
      <c r="AG27989">
        <v>44</v>
      </c>
      <c r="AH27989">
        <v>44</v>
      </c>
      <c r="AI27989">
        <v>44</v>
      </c>
      <c r="AJ27989">
        <v>44</v>
      </c>
      <c r="AK27989">
        <v>45</v>
      </c>
      <c r="AL27989">
        <v>45</v>
      </c>
      <c r="AM27989">
        <v>44</v>
      </c>
      <c r="AN27989">
        <v>44</v>
      </c>
      <c r="AO27989">
        <v>44</v>
      </c>
      <c r="AP27989">
        <v>43</v>
      </c>
      <c r="AQ27989">
        <v>43</v>
      </c>
    </row>
    <row r="27990" spans="1:43">
      <c r="A27990" t="s">
        <v>17325</v>
      </c>
      <c r="B27990" t="s">
        <v>17326</v>
      </c>
      <c r="C27990" t="s">
        <v>17317</v>
      </c>
      <c r="D27990" t="s">
        <v>17318</v>
      </c>
      <c r="E27990" t="s">
        <v>17265</v>
      </c>
      <c r="F27990" t="s">
        <v>17266</v>
      </c>
      <c r="G27990" t="s">
        <v>16559</v>
      </c>
      <c r="H27990" t="s">
        <v>16560</v>
      </c>
      <c r="I27990" s="2">
        <v>1</v>
      </c>
      <c r="J27990" s="2">
        <v>0</v>
      </c>
      <c r="K27990" s="2">
        <v>0</v>
      </c>
      <c r="L27990" t="s">
        <v>120</v>
      </c>
      <c r="M27990" t="s">
        <v>83</v>
      </c>
      <c r="N27990" t="s">
        <v>84</v>
      </c>
      <c r="O27990" t="s">
        <v>85</v>
      </c>
      <c r="P27990" t="s">
        <v>86</v>
      </c>
      <c r="Q27990">
        <v>22</v>
      </c>
      <c r="R27990">
        <v>22</v>
      </c>
      <c r="S27990">
        <v>23</v>
      </c>
      <c r="T27990">
        <v>23</v>
      </c>
      <c r="U27990">
        <v>23</v>
      </c>
      <c r="V27990">
        <v>23</v>
      </c>
      <c r="W27990">
        <v>23</v>
      </c>
      <c r="X27990">
        <v>23</v>
      </c>
      <c r="Y27990">
        <v>23</v>
      </c>
      <c r="Z27990">
        <v>24</v>
      </c>
      <c r="AA27990">
        <v>24</v>
      </c>
      <c r="AB27990">
        <v>24</v>
      </c>
      <c r="AC27990">
        <v>24</v>
      </c>
      <c r="AD27990">
        <v>24</v>
      </c>
      <c r="AE27990">
        <v>24</v>
      </c>
      <c r="AF27990">
        <v>24</v>
      </c>
      <c r="AG27990">
        <v>24</v>
      </c>
      <c r="AH27990">
        <v>24</v>
      </c>
      <c r="AI27990">
        <v>24</v>
      </c>
      <c r="AJ27990">
        <v>24</v>
      </c>
      <c r="AK27990">
        <v>25</v>
      </c>
      <c r="AL27990">
        <v>24</v>
      </c>
      <c r="AM27990">
        <v>24</v>
      </c>
      <c r="AN27990">
        <v>24</v>
      </c>
      <c r="AO27990">
        <v>24</v>
      </c>
      <c r="AP27990">
        <v>24</v>
      </c>
      <c r="AQ27990">
        <v>24</v>
      </c>
    </row>
    <row r="27991" spans="1:43">
      <c r="A27991" t="s">
        <v>17325</v>
      </c>
      <c r="B27991" t="s">
        <v>17326</v>
      </c>
      <c r="C27991" t="s">
        <v>17317</v>
      </c>
      <c r="D27991" t="s">
        <v>17318</v>
      </c>
      <c r="E27991" t="s">
        <v>17265</v>
      </c>
      <c r="F27991" t="s">
        <v>17266</v>
      </c>
      <c r="G27991" t="s">
        <v>16559</v>
      </c>
      <c r="H27991" t="s">
        <v>16560</v>
      </c>
      <c r="I27991" s="2">
        <v>1</v>
      </c>
      <c r="J27991" s="2">
        <v>0</v>
      </c>
      <c r="K27991" s="2">
        <v>0</v>
      </c>
      <c r="L27991" t="s">
        <v>120</v>
      </c>
      <c r="M27991" t="s">
        <v>87</v>
      </c>
      <c r="N27991" t="s">
        <v>88</v>
      </c>
      <c r="O27991" t="s">
        <v>85</v>
      </c>
      <c r="P27991" t="s">
        <v>86</v>
      </c>
      <c r="Q27991">
        <v>22</v>
      </c>
      <c r="R27991">
        <v>22</v>
      </c>
      <c r="S27991">
        <v>22</v>
      </c>
      <c r="T27991">
        <v>22</v>
      </c>
      <c r="U27991">
        <v>22</v>
      </c>
      <c r="V27991">
        <v>22</v>
      </c>
      <c r="W27991">
        <v>22</v>
      </c>
      <c r="X27991">
        <v>22</v>
      </c>
      <c r="Y27991">
        <v>22</v>
      </c>
      <c r="Z27991">
        <v>22</v>
      </c>
      <c r="AA27991">
        <v>22</v>
      </c>
      <c r="AB27991">
        <v>22</v>
      </c>
      <c r="AC27991">
        <v>22</v>
      </c>
      <c r="AD27991">
        <v>21</v>
      </c>
      <c r="AE27991">
        <v>21</v>
      </c>
      <c r="AF27991">
        <v>21</v>
      </c>
      <c r="AG27991">
        <v>21</v>
      </c>
      <c r="AH27991">
        <v>21</v>
      </c>
      <c r="AI27991">
        <v>21</v>
      </c>
      <c r="AJ27991">
        <v>21</v>
      </c>
      <c r="AK27991">
        <v>21</v>
      </c>
      <c r="AL27991">
        <v>21</v>
      </c>
      <c r="AM27991">
        <v>21</v>
      </c>
      <c r="AN27991">
        <v>21</v>
      </c>
      <c r="AO27991">
        <v>21</v>
      </c>
      <c r="AP27991">
        <v>21</v>
      </c>
      <c r="AQ27991">
        <v>21</v>
      </c>
    </row>
    <row r="27992" spans="1:43">
      <c r="A27992" t="s">
        <v>17325</v>
      </c>
      <c r="B27992" t="s">
        <v>17326</v>
      </c>
      <c r="C27992" t="s">
        <v>17317</v>
      </c>
      <c r="D27992" t="s">
        <v>17318</v>
      </c>
      <c r="E27992" t="s">
        <v>17265</v>
      </c>
      <c r="F27992" t="s">
        <v>17266</v>
      </c>
      <c r="G27992" t="s">
        <v>16559</v>
      </c>
      <c r="H27992" t="s">
        <v>16560</v>
      </c>
      <c r="I27992" s="2">
        <v>1</v>
      </c>
      <c r="J27992" s="2">
        <v>0</v>
      </c>
      <c r="K27992" s="2">
        <v>0</v>
      </c>
      <c r="L27992" t="s">
        <v>120</v>
      </c>
      <c r="M27992" t="s">
        <v>89</v>
      </c>
      <c r="N27992" t="s">
        <v>90</v>
      </c>
      <c r="O27992" t="s">
        <v>85</v>
      </c>
      <c r="P27992" t="s">
        <v>86</v>
      </c>
      <c r="Q27992">
        <v>22</v>
      </c>
      <c r="R27992">
        <v>23</v>
      </c>
      <c r="S27992">
        <v>23</v>
      </c>
      <c r="T27992">
        <v>23</v>
      </c>
      <c r="U27992">
        <v>24</v>
      </c>
      <c r="V27992">
        <v>24</v>
      </c>
      <c r="W27992">
        <v>24</v>
      </c>
      <c r="X27992">
        <v>24</v>
      </c>
      <c r="Y27992">
        <v>25</v>
      </c>
      <c r="Z27992">
        <v>25</v>
      </c>
      <c r="AA27992">
        <v>25</v>
      </c>
      <c r="AB27992">
        <v>25</v>
      </c>
      <c r="AC27992">
        <v>25</v>
      </c>
      <c r="AD27992">
        <v>26</v>
      </c>
      <c r="AE27992">
        <v>26</v>
      </c>
      <c r="AF27992">
        <v>26</v>
      </c>
      <c r="AG27992">
        <v>25</v>
      </c>
      <c r="AH27992">
        <v>25</v>
      </c>
      <c r="AI27992">
        <v>25</v>
      </c>
      <c r="AJ27992">
        <v>25</v>
      </c>
      <c r="AK27992">
        <v>25</v>
      </c>
      <c r="AL27992">
        <v>25</v>
      </c>
      <c r="AM27992">
        <v>24</v>
      </c>
      <c r="AN27992">
        <v>24</v>
      </c>
      <c r="AO27992">
        <v>24</v>
      </c>
      <c r="AP27992">
        <v>24</v>
      </c>
      <c r="AQ27992">
        <v>24</v>
      </c>
    </row>
    <row r="27993" spans="1:43">
      <c r="A27993" t="s">
        <v>17325</v>
      </c>
      <c r="B27993" t="s">
        <v>17326</v>
      </c>
      <c r="C27993" t="s">
        <v>17317</v>
      </c>
      <c r="D27993" t="s">
        <v>17318</v>
      </c>
      <c r="E27993" t="s">
        <v>17265</v>
      </c>
      <c r="F27993" t="s">
        <v>17266</v>
      </c>
      <c r="G27993" t="s">
        <v>16559</v>
      </c>
      <c r="H27993" t="s">
        <v>16560</v>
      </c>
      <c r="I27993" s="2">
        <v>1</v>
      </c>
      <c r="J27993" s="2">
        <v>0</v>
      </c>
      <c r="K27993" s="2">
        <v>0</v>
      </c>
      <c r="L27993" t="s">
        <v>120</v>
      </c>
      <c r="M27993" t="s">
        <v>83</v>
      </c>
      <c r="N27993" t="s">
        <v>91</v>
      </c>
      <c r="O27993" t="s">
        <v>85</v>
      </c>
      <c r="P27993" t="s">
        <v>86</v>
      </c>
      <c r="Q27993">
        <v>22</v>
      </c>
      <c r="R27993">
        <v>22</v>
      </c>
      <c r="S27993">
        <v>23</v>
      </c>
      <c r="T27993">
        <v>23</v>
      </c>
      <c r="U27993">
        <v>23</v>
      </c>
      <c r="V27993">
        <v>23</v>
      </c>
      <c r="W27993">
        <v>23</v>
      </c>
      <c r="X27993">
        <v>23</v>
      </c>
      <c r="Y27993">
        <v>23</v>
      </c>
      <c r="Z27993">
        <v>24</v>
      </c>
      <c r="AA27993">
        <v>24</v>
      </c>
      <c r="AB27993">
        <v>24</v>
      </c>
      <c r="AC27993">
        <v>24</v>
      </c>
      <c r="AD27993">
        <v>24</v>
      </c>
      <c r="AE27993">
        <v>24</v>
      </c>
      <c r="AF27993">
        <v>24</v>
      </c>
      <c r="AG27993">
        <v>24</v>
      </c>
      <c r="AH27993">
        <v>24</v>
      </c>
      <c r="AI27993">
        <v>24</v>
      </c>
      <c r="AJ27993">
        <v>24</v>
      </c>
      <c r="AK27993">
        <v>25</v>
      </c>
      <c r="AL27993">
        <v>24</v>
      </c>
      <c r="AM27993">
        <v>24</v>
      </c>
      <c r="AN27993">
        <v>24</v>
      </c>
      <c r="AO27993">
        <v>24</v>
      </c>
      <c r="AP27993">
        <v>24</v>
      </c>
      <c r="AQ27993">
        <v>24</v>
      </c>
    </row>
    <row r="27994" spans="1:43">
      <c r="A27994" t="s">
        <v>17327</v>
      </c>
      <c r="B27994" t="s">
        <v>17328</v>
      </c>
      <c r="C27994" t="s">
        <v>17329</v>
      </c>
      <c r="D27994" t="s">
        <v>17330</v>
      </c>
      <c r="E27994" t="s">
        <v>17265</v>
      </c>
      <c r="F27994" t="s">
        <v>17266</v>
      </c>
      <c r="G27994" t="s">
        <v>16559</v>
      </c>
      <c r="H27994" t="s">
        <v>16560</v>
      </c>
      <c r="I27994" s="2">
        <v>1</v>
      </c>
      <c r="J27994" s="2">
        <v>0</v>
      </c>
      <c r="K27994" s="2">
        <v>0</v>
      </c>
      <c r="L27994" t="s">
        <v>120</v>
      </c>
      <c r="M27994" t="s">
        <v>83</v>
      </c>
      <c r="N27994" t="s">
        <v>84</v>
      </c>
      <c r="O27994" t="s">
        <v>85</v>
      </c>
      <c r="P27994" t="s">
        <v>86</v>
      </c>
      <c r="Q27994">
        <v>9</v>
      </c>
      <c r="R27994">
        <v>10</v>
      </c>
      <c r="S27994">
        <v>10</v>
      </c>
      <c r="T27994">
        <v>10</v>
      </c>
      <c r="U27994">
        <v>10</v>
      </c>
      <c r="V27994">
        <v>10</v>
      </c>
      <c r="W27994">
        <v>10</v>
      </c>
      <c r="X27994">
        <v>10</v>
      </c>
      <c r="Y27994">
        <v>10</v>
      </c>
      <c r="Z27994">
        <v>10</v>
      </c>
      <c r="AA27994">
        <v>10</v>
      </c>
      <c r="AB27994">
        <v>10</v>
      </c>
      <c r="AC27994">
        <v>10</v>
      </c>
      <c r="AD27994">
        <v>10</v>
      </c>
      <c r="AE27994">
        <v>10</v>
      </c>
      <c r="AF27994">
        <v>10</v>
      </c>
      <c r="AG27994">
        <v>10</v>
      </c>
      <c r="AH27994">
        <v>10</v>
      </c>
      <c r="AI27994">
        <v>10</v>
      </c>
      <c r="AJ27994">
        <v>10</v>
      </c>
      <c r="AK27994">
        <v>10</v>
      </c>
      <c r="AL27994">
        <v>10</v>
      </c>
      <c r="AM27994">
        <v>10</v>
      </c>
      <c r="AN27994">
        <v>10</v>
      </c>
      <c r="AO27994">
        <v>10</v>
      </c>
      <c r="AP27994">
        <v>10</v>
      </c>
      <c r="AQ27994">
        <v>10</v>
      </c>
    </row>
    <row r="27995" spans="1:43">
      <c r="A27995" t="s">
        <v>17327</v>
      </c>
      <c r="B27995" t="s">
        <v>17328</v>
      </c>
      <c r="C27995" t="s">
        <v>17329</v>
      </c>
      <c r="D27995" t="s">
        <v>17330</v>
      </c>
      <c r="E27995" t="s">
        <v>17265</v>
      </c>
      <c r="F27995" t="s">
        <v>17266</v>
      </c>
      <c r="G27995" t="s">
        <v>16559</v>
      </c>
      <c r="H27995" t="s">
        <v>16560</v>
      </c>
      <c r="I27995" s="2">
        <v>1</v>
      </c>
      <c r="J27995" s="2">
        <v>0</v>
      </c>
      <c r="K27995" s="2">
        <v>0</v>
      </c>
      <c r="L27995" t="s">
        <v>120</v>
      </c>
      <c r="M27995" t="s">
        <v>87</v>
      </c>
      <c r="N27995" t="s">
        <v>88</v>
      </c>
      <c r="O27995" t="s">
        <v>85</v>
      </c>
      <c r="P27995" t="s">
        <v>86</v>
      </c>
      <c r="Q27995">
        <v>9</v>
      </c>
      <c r="R27995">
        <v>9</v>
      </c>
      <c r="S27995">
        <v>9</v>
      </c>
      <c r="T27995">
        <v>9</v>
      </c>
      <c r="U27995">
        <v>9</v>
      </c>
      <c r="V27995">
        <v>9</v>
      </c>
      <c r="W27995">
        <v>9</v>
      </c>
      <c r="X27995">
        <v>9</v>
      </c>
      <c r="Y27995">
        <v>9</v>
      </c>
      <c r="Z27995">
        <v>9</v>
      </c>
      <c r="AA27995">
        <v>9</v>
      </c>
      <c r="AB27995">
        <v>9</v>
      </c>
      <c r="AC27995">
        <v>9</v>
      </c>
      <c r="AD27995">
        <v>9</v>
      </c>
      <c r="AE27995">
        <v>9</v>
      </c>
      <c r="AF27995">
        <v>9</v>
      </c>
      <c r="AG27995">
        <v>9</v>
      </c>
      <c r="AH27995">
        <v>9</v>
      </c>
      <c r="AI27995">
        <v>9</v>
      </c>
      <c r="AJ27995">
        <v>9</v>
      </c>
      <c r="AK27995">
        <v>9</v>
      </c>
      <c r="AL27995">
        <v>9</v>
      </c>
      <c r="AM27995">
        <v>9</v>
      </c>
      <c r="AN27995">
        <v>9</v>
      </c>
      <c r="AO27995">
        <v>9</v>
      </c>
      <c r="AP27995">
        <v>9</v>
      </c>
      <c r="AQ27995">
        <v>9</v>
      </c>
    </row>
    <row r="27996" spans="1:43">
      <c r="A27996" t="s">
        <v>17327</v>
      </c>
      <c r="B27996" t="s">
        <v>17328</v>
      </c>
      <c r="C27996" t="s">
        <v>17329</v>
      </c>
      <c r="D27996" t="s">
        <v>17330</v>
      </c>
      <c r="E27996" t="s">
        <v>17265</v>
      </c>
      <c r="F27996" t="s">
        <v>17266</v>
      </c>
      <c r="G27996" t="s">
        <v>16559</v>
      </c>
      <c r="H27996" t="s">
        <v>16560</v>
      </c>
      <c r="I27996" s="2">
        <v>1</v>
      </c>
      <c r="J27996" s="2">
        <v>0</v>
      </c>
      <c r="K27996" s="2">
        <v>0</v>
      </c>
      <c r="L27996" t="s">
        <v>120</v>
      </c>
      <c r="M27996" t="s">
        <v>89</v>
      </c>
      <c r="N27996" t="s">
        <v>90</v>
      </c>
      <c r="O27996" t="s">
        <v>85</v>
      </c>
      <c r="P27996" t="s">
        <v>86</v>
      </c>
      <c r="Q27996">
        <v>9</v>
      </c>
      <c r="R27996">
        <v>9</v>
      </c>
      <c r="S27996">
        <v>9</v>
      </c>
      <c r="T27996">
        <v>9</v>
      </c>
      <c r="U27996">
        <v>9</v>
      </c>
      <c r="V27996">
        <v>9</v>
      </c>
      <c r="W27996">
        <v>9</v>
      </c>
      <c r="X27996">
        <v>9</v>
      </c>
      <c r="Y27996">
        <v>10</v>
      </c>
      <c r="Z27996">
        <v>10</v>
      </c>
      <c r="AA27996">
        <v>10</v>
      </c>
      <c r="AB27996">
        <v>10</v>
      </c>
      <c r="AC27996">
        <v>10</v>
      </c>
      <c r="AD27996">
        <v>10</v>
      </c>
      <c r="AE27996">
        <v>10</v>
      </c>
      <c r="AF27996">
        <v>10</v>
      </c>
      <c r="AG27996">
        <v>10</v>
      </c>
      <c r="AH27996">
        <v>10</v>
      </c>
      <c r="AI27996">
        <v>10</v>
      </c>
      <c r="AJ27996">
        <v>10</v>
      </c>
      <c r="AK27996">
        <v>10</v>
      </c>
      <c r="AL27996">
        <v>10</v>
      </c>
      <c r="AM27996">
        <v>9</v>
      </c>
      <c r="AN27996">
        <v>9</v>
      </c>
      <c r="AO27996">
        <v>9</v>
      </c>
      <c r="AP27996">
        <v>9</v>
      </c>
      <c r="AQ27996">
        <v>9</v>
      </c>
    </row>
    <row r="27997" spans="1:43">
      <c r="A27997" t="s">
        <v>17327</v>
      </c>
      <c r="B27997" t="s">
        <v>17328</v>
      </c>
      <c r="C27997" t="s">
        <v>17329</v>
      </c>
      <c r="D27997" t="s">
        <v>17330</v>
      </c>
      <c r="E27997" t="s">
        <v>17265</v>
      </c>
      <c r="F27997" t="s">
        <v>17266</v>
      </c>
      <c r="G27997" t="s">
        <v>16559</v>
      </c>
      <c r="H27997" t="s">
        <v>16560</v>
      </c>
      <c r="I27997" s="2">
        <v>1</v>
      </c>
      <c r="J27997" s="2">
        <v>0</v>
      </c>
      <c r="K27997" s="2">
        <v>0</v>
      </c>
      <c r="L27997" t="s">
        <v>120</v>
      </c>
      <c r="M27997" t="s">
        <v>83</v>
      </c>
      <c r="N27997" t="s">
        <v>91</v>
      </c>
      <c r="O27997" t="s">
        <v>85</v>
      </c>
      <c r="P27997" t="s">
        <v>86</v>
      </c>
      <c r="Q27997">
        <v>9</v>
      </c>
      <c r="R27997">
        <v>10</v>
      </c>
      <c r="S27997">
        <v>10</v>
      </c>
      <c r="T27997">
        <v>10</v>
      </c>
      <c r="U27997">
        <v>10</v>
      </c>
      <c r="V27997">
        <v>10</v>
      </c>
      <c r="W27997">
        <v>10</v>
      </c>
      <c r="X27997">
        <v>10</v>
      </c>
      <c r="Y27997">
        <v>10</v>
      </c>
      <c r="Z27997">
        <v>10</v>
      </c>
      <c r="AA27997">
        <v>10</v>
      </c>
      <c r="AB27997">
        <v>10</v>
      </c>
      <c r="AC27997">
        <v>10</v>
      </c>
      <c r="AD27997">
        <v>10</v>
      </c>
      <c r="AE27997">
        <v>10</v>
      </c>
      <c r="AF27997">
        <v>10</v>
      </c>
      <c r="AG27997">
        <v>10</v>
      </c>
      <c r="AH27997">
        <v>10</v>
      </c>
      <c r="AI27997">
        <v>10</v>
      </c>
      <c r="AJ27997">
        <v>10</v>
      </c>
      <c r="AK27997">
        <v>10</v>
      </c>
      <c r="AL27997">
        <v>10</v>
      </c>
      <c r="AM27997">
        <v>10</v>
      </c>
      <c r="AN27997">
        <v>10</v>
      </c>
      <c r="AO27997">
        <v>10</v>
      </c>
      <c r="AP27997">
        <v>10</v>
      </c>
      <c r="AQ27997">
        <v>10</v>
      </c>
    </row>
    <row r="27998" spans="1:43">
      <c r="A27998" t="s">
        <v>17331</v>
      </c>
      <c r="B27998" t="s">
        <v>17332</v>
      </c>
      <c r="C27998" t="s">
        <v>17329</v>
      </c>
      <c r="D27998" t="s">
        <v>17330</v>
      </c>
      <c r="E27998" t="s">
        <v>17265</v>
      </c>
      <c r="F27998" t="s">
        <v>17266</v>
      </c>
      <c r="G27998" t="s">
        <v>16559</v>
      </c>
      <c r="H27998" t="s">
        <v>16560</v>
      </c>
      <c r="I27998" s="2">
        <v>1</v>
      </c>
      <c r="J27998" s="2">
        <v>0</v>
      </c>
      <c r="K27998" s="2">
        <v>0</v>
      </c>
      <c r="L27998" t="s">
        <v>120</v>
      </c>
      <c r="M27998" t="s">
        <v>83</v>
      </c>
      <c r="N27998" t="s">
        <v>84</v>
      </c>
      <c r="O27998" t="s">
        <v>85</v>
      </c>
      <c r="P27998" t="s">
        <v>86</v>
      </c>
      <c r="Q27998">
        <v>11</v>
      </c>
      <c r="R27998">
        <v>11</v>
      </c>
      <c r="S27998">
        <v>11</v>
      </c>
      <c r="T27998">
        <v>12</v>
      </c>
      <c r="U27998">
        <v>12</v>
      </c>
      <c r="V27998">
        <v>12</v>
      </c>
      <c r="W27998">
        <v>12</v>
      </c>
      <c r="X27998">
        <v>12</v>
      </c>
      <c r="Y27998">
        <v>12</v>
      </c>
      <c r="Z27998">
        <v>12</v>
      </c>
      <c r="AA27998">
        <v>12</v>
      </c>
      <c r="AB27998">
        <v>12</v>
      </c>
      <c r="AC27998">
        <v>12</v>
      </c>
      <c r="AD27998">
        <v>12</v>
      </c>
      <c r="AE27998">
        <v>12</v>
      </c>
      <c r="AF27998">
        <v>12</v>
      </c>
      <c r="AG27998">
        <v>12</v>
      </c>
      <c r="AH27998">
        <v>12</v>
      </c>
      <c r="AI27998">
        <v>12</v>
      </c>
      <c r="AJ27998">
        <v>13</v>
      </c>
      <c r="AK27998">
        <v>13</v>
      </c>
      <c r="AL27998">
        <v>13</v>
      </c>
      <c r="AM27998">
        <v>12</v>
      </c>
      <c r="AN27998">
        <v>12</v>
      </c>
      <c r="AO27998">
        <v>12</v>
      </c>
      <c r="AP27998">
        <v>12</v>
      </c>
      <c r="AQ27998">
        <v>12</v>
      </c>
    </row>
    <row r="27999" spans="1:43">
      <c r="A27999" t="s">
        <v>17331</v>
      </c>
      <c r="B27999" t="s">
        <v>17332</v>
      </c>
      <c r="C27999" t="s">
        <v>17329</v>
      </c>
      <c r="D27999" t="s">
        <v>17330</v>
      </c>
      <c r="E27999" t="s">
        <v>17265</v>
      </c>
      <c r="F27999" t="s">
        <v>17266</v>
      </c>
      <c r="G27999" t="s">
        <v>16559</v>
      </c>
      <c r="H27999" t="s">
        <v>16560</v>
      </c>
      <c r="I27999" s="2">
        <v>1</v>
      </c>
      <c r="J27999" s="2">
        <v>0</v>
      </c>
      <c r="K27999" s="2">
        <v>0</v>
      </c>
      <c r="L27999" t="s">
        <v>120</v>
      </c>
      <c r="M27999" t="s">
        <v>87</v>
      </c>
      <c r="N27999" t="s">
        <v>88</v>
      </c>
      <c r="O27999" t="s">
        <v>85</v>
      </c>
      <c r="P27999" t="s">
        <v>86</v>
      </c>
      <c r="Q27999">
        <v>11</v>
      </c>
      <c r="R27999">
        <v>11</v>
      </c>
      <c r="S27999">
        <v>11</v>
      </c>
      <c r="T27999">
        <v>11</v>
      </c>
      <c r="U27999">
        <v>11</v>
      </c>
      <c r="V27999">
        <v>11</v>
      </c>
      <c r="W27999">
        <v>11</v>
      </c>
      <c r="X27999">
        <v>11</v>
      </c>
      <c r="Y27999">
        <v>11</v>
      </c>
      <c r="Z27999">
        <v>11</v>
      </c>
      <c r="AA27999">
        <v>11</v>
      </c>
      <c r="AB27999">
        <v>11</v>
      </c>
      <c r="AC27999">
        <v>11</v>
      </c>
      <c r="AD27999">
        <v>11</v>
      </c>
      <c r="AE27999">
        <v>11</v>
      </c>
      <c r="AF27999">
        <v>11</v>
      </c>
      <c r="AG27999">
        <v>11</v>
      </c>
      <c r="AH27999">
        <v>11</v>
      </c>
      <c r="AI27999">
        <v>11</v>
      </c>
      <c r="AJ27999">
        <v>11</v>
      </c>
      <c r="AK27999">
        <v>11</v>
      </c>
      <c r="AL27999">
        <v>11</v>
      </c>
      <c r="AM27999">
        <v>11</v>
      </c>
      <c r="AN27999">
        <v>11</v>
      </c>
      <c r="AO27999">
        <v>11</v>
      </c>
      <c r="AP27999">
        <v>11</v>
      </c>
      <c r="AQ27999">
        <v>11</v>
      </c>
    </row>
    <row r="28000" spans="1:43">
      <c r="A28000" t="s">
        <v>17331</v>
      </c>
      <c r="B28000" t="s">
        <v>17332</v>
      </c>
      <c r="C28000" t="s">
        <v>17329</v>
      </c>
      <c r="D28000" t="s">
        <v>17330</v>
      </c>
      <c r="E28000" t="s">
        <v>17265</v>
      </c>
      <c r="F28000" t="s">
        <v>17266</v>
      </c>
      <c r="G28000" t="s">
        <v>16559</v>
      </c>
      <c r="H28000" t="s">
        <v>16560</v>
      </c>
      <c r="I28000" s="2">
        <v>1</v>
      </c>
      <c r="J28000" s="2">
        <v>0</v>
      </c>
      <c r="K28000" s="2">
        <v>0</v>
      </c>
      <c r="L28000" t="s">
        <v>120</v>
      </c>
      <c r="M28000" t="s">
        <v>89</v>
      </c>
      <c r="N28000" t="s">
        <v>90</v>
      </c>
      <c r="O28000" t="s">
        <v>85</v>
      </c>
      <c r="P28000" t="s">
        <v>86</v>
      </c>
      <c r="Q28000">
        <v>11</v>
      </c>
      <c r="R28000">
        <v>12</v>
      </c>
      <c r="S28000">
        <v>12</v>
      </c>
      <c r="T28000">
        <v>12</v>
      </c>
      <c r="U28000">
        <v>12</v>
      </c>
      <c r="V28000">
        <v>12</v>
      </c>
      <c r="W28000">
        <v>12</v>
      </c>
      <c r="X28000">
        <v>13</v>
      </c>
      <c r="Y28000">
        <v>13</v>
      </c>
      <c r="Z28000">
        <v>13</v>
      </c>
      <c r="AA28000">
        <v>13</v>
      </c>
      <c r="AB28000">
        <v>13</v>
      </c>
      <c r="AC28000">
        <v>13</v>
      </c>
      <c r="AD28000">
        <v>13</v>
      </c>
      <c r="AE28000">
        <v>13</v>
      </c>
      <c r="AF28000">
        <v>13</v>
      </c>
      <c r="AG28000">
        <v>13</v>
      </c>
      <c r="AH28000">
        <v>13</v>
      </c>
      <c r="AI28000">
        <v>13</v>
      </c>
      <c r="AJ28000">
        <v>13</v>
      </c>
      <c r="AK28000">
        <v>13</v>
      </c>
      <c r="AL28000">
        <v>13</v>
      </c>
      <c r="AM28000">
        <v>13</v>
      </c>
      <c r="AN28000">
        <v>12</v>
      </c>
      <c r="AO28000">
        <v>12</v>
      </c>
      <c r="AP28000">
        <v>12</v>
      </c>
      <c r="AQ28000">
        <v>12</v>
      </c>
    </row>
    <row r="28001" spans="1:43">
      <c r="A28001" t="s">
        <v>17331</v>
      </c>
      <c r="B28001" t="s">
        <v>17332</v>
      </c>
      <c r="C28001" t="s">
        <v>17329</v>
      </c>
      <c r="D28001" t="s">
        <v>17330</v>
      </c>
      <c r="E28001" t="s">
        <v>17265</v>
      </c>
      <c r="F28001" t="s">
        <v>17266</v>
      </c>
      <c r="G28001" t="s">
        <v>16559</v>
      </c>
      <c r="H28001" t="s">
        <v>16560</v>
      </c>
      <c r="I28001" s="2">
        <v>1</v>
      </c>
      <c r="J28001" s="2">
        <v>0</v>
      </c>
      <c r="K28001" s="2">
        <v>0</v>
      </c>
      <c r="L28001" t="s">
        <v>120</v>
      </c>
      <c r="M28001" t="s">
        <v>83</v>
      </c>
      <c r="N28001" t="s">
        <v>91</v>
      </c>
      <c r="O28001" t="s">
        <v>85</v>
      </c>
      <c r="P28001" t="s">
        <v>86</v>
      </c>
      <c r="Q28001">
        <v>11</v>
      </c>
      <c r="R28001">
        <v>11</v>
      </c>
      <c r="S28001">
        <v>11</v>
      </c>
      <c r="T28001">
        <v>12</v>
      </c>
      <c r="U28001">
        <v>12</v>
      </c>
      <c r="V28001">
        <v>12</v>
      </c>
      <c r="W28001">
        <v>12</v>
      </c>
      <c r="X28001">
        <v>12</v>
      </c>
      <c r="Y28001">
        <v>12</v>
      </c>
      <c r="Z28001">
        <v>12</v>
      </c>
      <c r="AA28001">
        <v>12</v>
      </c>
      <c r="AB28001">
        <v>12</v>
      </c>
      <c r="AC28001">
        <v>12</v>
      </c>
      <c r="AD28001">
        <v>12</v>
      </c>
      <c r="AE28001">
        <v>12</v>
      </c>
      <c r="AF28001">
        <v>12</v>
      </c>
      <c r="AG28001">
        <v>12</v>
      </c>
      <c r="AH28001">
        <v>12</v>
      </c>
      <c r="AI28001">
        <v>12</v>
      </c>
      <c r="AJ28001">
        <v>13</v>
      </c>
      <c r="AK28001">
        <v>13</v>
      </c>
      <c r="AL28001">
        <v>13</v>
      </c>
      <c r="AM28001">
        <v>12</v>
      </c>
      <c r="AN28001">
        <v>12</v>
      </c>
      <c r="AO28001">
        <v>12</v>
      </c>
      <c r="AP28001">
        <v>12</v>
      </c>
      <c r="AQ28001">
        <v>12</v>
      </c>
    </row>
    <row r="28002" spans="1:43">
      <c r="A28002" t="s">
        <v>17333</v>
      </c>
      <c r="B28002" t="s">
        <v>17334</v>
      </c>
      <c r="C28002" t="s">
        <v>17329</v>
      </c>
      <c r="D28002" t="s">
        <v>17330</v>
      </c>
      <c r="E28002" t="s">
        <v>17265</v>
      </c>
      <c r="F28002" t="s">
        <v>17266</v>
      </c>
      <c r="G28002" t="s">
        <v>16559</v>
      </c>
      <c r="H28002" t="s">
        <v>16560</v>
      </c>
      <c r="I28002" s="2">
        <v>1</v>
      </c>
      <c r="J28002" s="2">
        <v>0</v>
      </c>
      <c r="K28002" s="2">
        <v>0</v>
      </c>
      <c r="L28002" t="s">
        <v>120</v>
      </c>
      <c r="M28002" t="s">
        <v>83</v>
      </c>
      <c r="N28002" t="s">
        <v>84</v>
      </c>
      <c r="O28002" t="s">
        <v>85</v>
      </c>
      <c r="P28002" t="s">
        <v>86</v>
      </c>
      <c r="Q28002">
        <v>6</v>
      </c>
      <c r="R28002">
        <v>6</v>
      </c>
      <c r="S28002">
        <v>6</v>
      </c>
      <c r="T28002">
        <v>6</v>
      </c>
      <c r="U28002">
        <v>6</v>
      </c>
      <c r="V28002">
        <v>6</v>
      </c>
      <c r="W28002">
        <v>6</v>
      </c>
      <c r="X28002">
        <v>6</v>
      </c>
      <c r="Y28002">
        <v>6</v>
      </c>
      <c r="Z28002">
        <v>6</v>
      </c>
      <c r="AA28002">
        <v>6</v>
      </c>
      <c r="AB28002">
        <v>6</v>
      </c>
      <c r="AC28002">
        <v>6</v>
      </c>
      <c r="AD28002">
        <v>6</v>
      </c>
      <c r="AE28002">
        <v>6</v>
      </c>
      <c r="AF28002">
        <v>6</v>
      </c>
      <c r="AG28002">
        <v>6</v>
      </c>
      <c r="AH28002">
        <v>6</v>
      </c>
      <c r="AI28002">
        <v>6</v>
      </c>
      <c r="AJ28002">
        <v>6</v>
      </c>
      <c r="AK28002">
        <v>6</v>
      </c>
      <c r="AL28002">
        <v>6</v>
      </c>
      <c r="AM28002">
        <v>6</v>
      </c>
      <c r="AN28002">
        <v>6</v>
      </c>
      <c r="AO28002">
        <v>6</v>
      </c>
      <c r="AP28002">
        <v>6</v>
      </c>
      <c r="AQ28002">
        <v>6</v>
      </c>
    </row>
    <row r="28003" spans="1:43">
      <c r="A28003" t="s">
        <v>17333</v>
      </c>
      <c r="B28003" t="s">
        <v>17334</v>
      </c>
      <c r="C28003" t="s">
        <v>17329</v>
      </c>
      <c r="D28003" t="s">
        <v>17330</v>
      </c>
      <c r="E28003" t="s">
        <v>17265</v>
      </c>
      <c r="F28003" t="s">
        <v>17266</v>
      </c>
      <c r="G28003" t="s">
        <v>16559</v>
      </c>
      <c r="H28003" t="s">
        <v>16560</v>
      </c>
      <c r="I28003" s="2">
        <v>1</v>
      </c>
      <c r="J28003" s="2">
        <v>0</v>
      </c>
      <c r="K28003" s="2">
        <v>0</v>
      </c>
      <c r="L28003" t="s">
        <v>120</v>
      </c>
      <c r="M28003" t="s">
        <v>87</v>
      </c>
      <c r="N28003" t="s">
        <v>88</v>
      </c>
      <c r="O28003" t="s">
        <v>85</v>
      </c>
      <c r="P28003" t="s">
        <v>86</v>
      </c>
      <c r="Q28003">
        <v>6</v>
      </c>
      <c r="R28003">
        <v>6</v>
      </c>
      <c r="S28003">
        <v>6</v>
      </c>
      <c r="T28003">
        <v>6</v>
      </c>
      <c r="U28003">
        <v>6</v>
      </c>
      <c r="V28003">
        <v>6</v>
      </c>
      <c r="W28003">
        <v>6</v>
      </c>
      <c r="X28003">
        <v>6</v>
      </c>
      <c r="Y28003">
        <v>6</v>
      </c>
      <c r="Z28003">
        <v>6</v>
      </c>
      <c r="AA28003">
        <v>6</v>
      </c>
      <c r="AB28003">
        <v>6</v>
      </c>
      <c r="AC28003">
        <v>6</v>
      </c>
      <c r="AD28003">
        <v>6</v>
      </c>
      <c r="AE28003">
        <v>6</v>
      </c>
      <c r="AF28003">
        <v>6</v>
      </c>
      <c r="AG28003">
        <v>6</v>
      </c>
      <c r="AH28003">
        <v>5</v>
      </c>
      <c r="AI28003">
        <v>5</v>
      </c>
      <c r="AJ28003">
        <v>5</v>
      </c>
      <c r="AK28003">
        <v>5</v>
      </c>
      <c r="AL28003">
        <v>5</v>
      </c>
      <c r="AM28003">
        <v>5</v>
      </c>
      <c r="AN28003">
        <v>5</v>
      </c>
      <c r="AO28003">
        <v>5</v>
      </c>
      <c r="AP28003">
        <v>5</v>
      </c>
      <c r="AQ28003">
        <v>5</v>
      </c>
    </row>
    <row r="28004" spans="1:43">
      <c r="A28004" t="s">
        <v>17333</v>
      </c>
      <c r="B28004" t="s">
        <v>17334</v>
      </c>
      <c r="C28004" t="s">
        <v>17329</v>
      </c>
      <c r="D28004" t="s">
        <v>17330</v>
      </c>
      <c r="E28004" t="s">
        <v>17265</v>
      </c>
      <c r="F28004" t="s">
        <v>17266</v>
      </c>
      <c r="G28004" t="s">
        <v>16559</v>
      </c>
      <c r="H28004" t="s">
        <v>16560</v>
      </c>
      <c r="I28004" s="2">
        <v>1</v>
      </c>
      <c r="J28004" s="2">
        <v>0</v>
      </c>
      <c r="K28004" s="2">
        <v>0</v>
      </c>
      <c r="L28004" t="s">
        <v>120</v>
      </c>
      <c r="M28004" t="s">
        <v>89</v>
      </c>
      <c r="N28004" t="s">
        <v>90</v>
      </c>
      <c r="O28004" t="s">
        <v>85</v>
      </c>
      <c r="P28004" t="s">
        <v>86</v>
      </c>
      <c r="Q28004">
        <v>6</v>
      </c>
      <c r="R28004">
        <v>6</v>
      </c>
      <c r="S28004">
        <v>6</v>
      </c>
      <c r="T28004">
        <v>6</v>
      </c>
      <c r="U28004">
        <v>6</v>
      </c>
      <c r="V28004">
        <v>6</v>
      </c>
      <c r="W28004">
        <v>6</v>
      </c>
      <c r="X28004">
        <v>6</v>
      </c>
      <c r="Y28004">
        <v>6</v>
      </c>
      <c r="Z28004">
        <v>6</v>
      </c>
      <c r="AA28004">
        <v>6</v>
      </c>
      <c r="AB28004">
        <v>7</v>
      </c>
      <c r="AC28004">
        <v>7</v>
      </c>
      <c r="AD28004">
        <v>7</v>
      </c>
      <c r="AE28004">
        <v>7</v>
      </c>
      <c r="AF28004">
        <v>7</v>
      </c>
      <c r="AG28004">
        <v>7</v>
      </c>
      <c r="AH28004">
        <v>7</v>
      </c>
      <c r="AI28004">
        <v>6</v>
      </c>
      <c r="AJ28004">
        <v>6</v>
      </c>
      <c r="AK28004">
        <v>6</v>
      </c>
      <c r="AL28004">
        <v>6</v>
      </c>
      <c r="AM28004">
        <v>6</v>
      </c>
      <c r="AN28004">
        <v>6</v>
      </c>
      <c r="AO28004">
        <v>6</v>
      </c>
      <c r="AP28004">
        <v>6</v>
      </c>
      <c r="AQ28004">
        <v>6</v>
      </c>
    </row>
    <row r="28005" spans="1:43">
      <c r="A28005" t="s">
        <v>17333</v>
      </c>
      <c r="B28005" t="s">
        <v>17334</v>
      </c>
      <c r="C28005" t="s">
        <v>17329</v>
      </c>
      <c r="D28005" t="s">
        <v>17330</v>
      </c>
      <c r="E28005" t="s">
        <v>17265</v>
      </c>
      <c r="F28005" t="s">
        <v>17266</v>
      </c>
      <c r="G28005" t="s">
        <v>16559</v>
      </c>
      <c r="H28005" t="s">
        <v>16560</v>
      </c>
      <c r="I28005" s="2">
        <v>1</v>
      </c>
      <c r="J28005" s="2">
        <v>0</v>
      </c>
      <c r="K28005" s="2">
        <v>0</v>
      </c>
      <c r="L28005" t="s">
        <v>120</v>
      </c>
      <c r="M28005" t="s">
        <v>83</v>
      </c>
      <c r="N28005" t="s">
        <v>91</v>
      </c>
      <c r="O28005" t="s">
        <v>85</v>
      </c>
      <c r="P28005" t="s">
        <v>86</v>
      </c>
      <c r="Q28005">
        <v>6</v>
      </c>
      <c r="R28005">
        <v>6</v>
      </c>
      <c r="S28005">
        <v>6</v>
      </c>
      <c r="T28005">
        <v>6</v>
      </c>
      <c r="U28005">
        <v>6</v>
      </c>
      <c r="V28005">
        <v>6</v>
      </c>
      <c r="W28005">
        <v>6</v>
      </c>
      <c r="X28005">
        <v>6</v>
      </c>
      <c r="Y28005">
        <v>6</v>
      </c>
      <c r="Z28005">
        <v>6</v>
      </c>
      <c r="AA28005">
        <v>6</v>
      </c>
      <c r="AB28005">
        <v>6</v>
      </c>
      <c r="AC28005">
        <v>6</v>
      </c>
      <c r="AD28005">
        <v>6</v>
      </c>
      <c r="AE28005">
        <v>6</v>
      </c>
      <c r="AF28005">
        <v>6</v>
      </c>
      <c r="AG28005">
        <v>6</v>
      </c>
      <c r="AH28005">
        <v>6</v>
      </c>
      <c r="AI28005">
        <v>6</v>
      </c>
      <c r="AJ28005">
        <v>6</v>
      </c>
      <c r="AK28005">
        <v>6</v>
      </c>
      <c r="AL28005">
        <v>6</v>
      </c>
      <c r="AM28005">
        <v>6</v>
      </c>
      <c r="AN28005">
        <v>6</v>
      </c>
      <c r="AO28005">
        <v>6</v>
      </c>
      <c r="AP28005">
        <v>6</v>
      </c>
      <c r="AQ28005">
        <v>6</v>
      </c>
    </row>
    <row r="28006" spans="1:43">
      <c r="A28006" t="s">
        <v>17335</v>
      </c>
      <c r="B28006" t="s">
        <v>17336</v>
      </c>
      <c r="C28006" t="s">
        <v>17329</v>
      </c>
      <c r="D28006" t="s">
        <v>17330</v>
      </c>
      <c r="E28006" t="s">
        <v>17265</v>
      </c>
      <c r="F28006" t="s">
        <v>17266</v>
      </c>
      <c r="G28006" t="s">
        <v>16559</v>
      </c>
      <c r="H28006" t="s">
        <v>16560</v>
      </c>
      <c r="I28006" s="2">
        <v>1</v>
      </c>
      <c r="J28006" s="2">
        <v>0</v>
      </c>
      <c r="K28006" s="2">
        <v>0</v>
      </c>
      <c r="L28006" t="s">
        <v>120</v>
      </c>
      <c r="M28006" t="s">
        <v>83</v>
      </c>
      <c r="N28006" t="s">
        <v>84</v>
      </c>
      <c r="O28006" t="s">
        <v>85</v>
      </c>
      <c r="P28006" t="s">
        <v>86</v>
      </c>
      <c r="Q28006">
        <v>10</v>
      </c>
      <c r="R28006">
        <v>11</v>
      </c>
      <c r="S28006">
        <v>11</v>
      </c>
      <c r="T28006">
        <v>11</v>
      </c>
      <c r="U28006">
        <v>11</v>
      </c>
      <c r="V28006">
        <v>11</v>
      </c>
      <c r="W28006">
        <v>11</v>
      </c>
      <c r="X28006">
        <v>11</v>
      </c>
      <c r="Y28006">
        <v>11</v>
      </c>
      <c r="Z28006">
        <v>11</v>
      </c>
      <c r="AA28006">
        <v>11</v>
      </c>
      <c r="AB28006">
        <v>11</v>
      </c>
      <c r="AC28006">
        <v>11</v>
      </c>
      <c r="AD28006">
        <v>11</v>
      </c>
      <c r="AE28006">
        <v>11</v>
      </c>
      <c r="AF28006">
        <v>11</v>
      </c>
      <c r="AG28006">
        <v>11</v>
      </c>
      <c r="AH28006">
        <v>12</v>
      </c>
      <c r="AI28006">
        <v>12</v>
      </c>
      <c r="AJ28006">
        <v>12</v>
      </c>
      <c r="AK28006">
        <v>12</v>
      </c>
      <c r="AL28006">
        <v>12</v>
      </c>
      <c r="AM28006">
        <v>12</v>
      </c>
      <c r="AN28006">
        <v>11</v>
      </c>
      <c r="AO28006">
        <v>11</v>
      </c>
      <c r="AP28006">
        <v>11</v>
      </c>
      <c r="AQ28006">
        <v>11</v>
      </c>
    </row>
    <row r="28007" spans="1:43">
      <c r="A28007" t="s">
        <v>17335</v>
      </c>
      <c r="B28007" t="s">
        <v>17336</v>
      </c>
      <c r="C28007" t="s">
        <v>17329</v>
      </c>
      <c r="D28007" t="s">
        <v>17330</v>
      </c>
      <c r="E28007" t="s">
        <v>17265</v>
      </c>
      <c r="F28007" t="s">
        <v>17266</v>
      </c>
      <c r="G28007" t="s">
        <v>16559</v>
      </c>
      <c r="H28007" t="s">
        <v>16560</v>
      </c>
      <c r="I28007" s="2">
        <v>1</v>
      </c>
      <c r="J28007" s="2">
        <v>0</v>
      </c>
      <c r="K28007" s="2">
        <v>0</v>
      </c>
      <c r="L28007" t="s">
        <v>120</v>
      </c>
      <c r="M28007" t="s">
        <v>87</v>
      </c>
      <c r="N28007" t="s">
        <v>88</v>
      </c>
      <c r="O28007" t="s">
        <v>85</v>
      </c>
      <c r="P28007" t="s">
        <v>86</v>
      </c>
      <c r="Q28007">
        <v>10</v>
      </c>
      <c r="R28007">
        <v>10</v>
      </c>
      <c r="S28007">
        <v>10</v>
      </c>
      <c r="T28007">
        <v>10</v>
      </c>
      <c r="U28007">
        <v>10</v>
      </c>
      <c r="V28007">
        <v>10</v>
      </c>
      <c r="W28007">
        <v>10</v>
      </c>
      <c r="X28007">
        <v>10</v>
      </c>
      <c r="Y28007">
        <v>10</v>
      </c>
      <c r="Z28007">
        <v>10</v>
      </c>
      <c r="AA28007">
        <v>10</v>
      </c>
      <c r="AB28007">
        <v>10</v>
      </c>
      <c r="AC28007">
        <v>10</v>
      </c>
      <c r="AD28007">
        <v>10</v>
      </c>
      <c r="AE28007">
        <v>10</v>
      </c>
      <c r="AF28007">
        <v>10</v>
      </c>
      <c r="AG28007">
        <v>10</v>
      </c>
      <c r="AH28007">
        <v>10</v>
      </c>
      <c r="AI28007">
        <v>10</v>
      </c>
      <c r="AJ28007">
        <v>10</v>
      </c>
      <c r="AK28007">
        <v>10</v>
      </c>
      <c r="AL28007">
        <v>10</v>
      </c>
      <c r="AM28007">
        <v>10</v>
      </c>
      <c r="AN28007">
        <v>10</v>
      </c>
      <c r="AO28007">
        <v>10</v>
      </c>
      <c r="AP28007">
        <v>10</v>
      </c>
      <c r="AQ28007">
        <v>10</v>
      </c>
    </row>
    <row r="28008" spans="1:43">
      <c r="A28008" t="s">
        <v>17335</v>
      </c>
      <c r="B28008" t="s">
        <v>17336</v>
      </c>
      <c r="C28008" t="s">
        <v>17329</v>
      </c>
      <c r="D28008" t="s">
        <v>17330</v>
      </c>
      <c r="E28008" t="s">
        <v>17265</v>
      </c>
      <c r="F28008" t="s">
        <v>17266</v>
      </c>
      <c r="G28008" t="s">
        <v>16559</v>
      </c>
      <c r="H28008" t="s">
        <v>16560</v>
      </c>
      <c r="I28008" s="2">
        <v>1</v>
      </c>
      <c r="J28008" s="2">
        <v>0</v>
      </c>
      <c r="K28008" s="2">
        <v>0</v>
      </c>
      <c r="L28008" t="s">
        <v>120</v>
      </c>
      <c r="M28008" t="s">
        <v>89</v>
      </c>
      <c r="N28008" t="s">
        <v>90</v>
      </c>
      <c r="O28008" t="s">
        <v>85</v>
      </c>
      <c r="P28008" t="s">
        <v>86</v>
      </c>
      <c r="Q28008">
        <v>10</v>
      </c>
      <c r="R28008">
        <v>10</v>
      </c>
      <c r="S28008">
        <v>10</v>
      </c>
      <c r="T28008">
        <v>10</v>
      </c>
      <c r="U28008">
        <v>10</v>
      </c>
      <c r="V28008">
        <v>10</v>
      </c>
      <c r="W28008">
        <v>10</v>
      </c>
      <c r="X28008">
        <v>11</v>
      </c>
      <c r="Y28008">
        <v>11</v>
      </c>
      <c r="Z28008">
        <v>11</v>
      </c>
      <c r="AA28008">
        <v>11</v>
      </c>
      <c r="AB28008">
        <v>11</v>
      </c>
      <c r="AC28008">
        <v>11</v>
      </c>
      <c r="AD28008">
        <v>11</v>
      </c>
      <c r="AE28008">
        <v>11</v>
      </c>
      <c r="AF28008">
        <v>11</v>
      </c>
      <c r="AG28008">
        <v>11</v>
      </c>
      <c r="AH28008">
        <v>11</v>
      </c>
      <c r="AI28008">
        <v>11</v>
      </c>
      <c r="AJ28008">
        <v>11</v>
      </c>
      <c r="AK28008">
        <v>11</v>
      </c>
      <c r="AL28008">
        <v>11</v>
      </c>
      <c r="AM28008">
        <v>11</v>
      </c>
      <c r="AN28008">
        <v>11</v>
      </c>
      <c r="AO28008">
        <v>10</v>
      </c>
      <c r="AP28008">
        <v>10</v>
      </c>
      <c r="AQ28008">
        <v>10</v>
      </c>
    </row>
    <row r="28009" spans="1:43">
      <c r="A28009" t="s">
        <v>17335</v>
      </c>
      <c r="B28009" t="s">
        <v>17336</v>
      </c>
      <c r="C28009" t="s">
        <v>17329</v>
      </c>
      <c r="D28009" t="s">
        <v>17330</v>
      </c>
      <c r="E28009" t="s">
        <v>17265</v>
      </c>
      <c r="F28009" t="s">
        <v>17266</v>
      </c>
      <c r="G28009" t="s">
        <v>16559</v>
      </c>
      <c r="H28009" t="s">
        <v>16560</v>
      </c>
      <c r="I28009" s="2">
        <v>1</v>
      </c>
      <c r="J28009" s="2">
        <v>0</v>
      </c>
      <c r="K28009" s="2">
        <v>0</v>
      </c>
      <c r="L28009" t="s">
        <v>120</v>
      </c>
      <c r="M28009" t="s">
        <v>83</v>
      </c>
      <c r="N28009" t="s">
        <v>91</v>
      </c>
      <c r="O28009" t="s">
        <v>85</v>
      </c>
      <c r="P28009" t="s">
        <v>86</v>
      </c>
      <c r="Q28009">
        <v>10</v>
      </c>
      <c r="R28009">
        <v>11</v>
      </c>
      <c r="S28009">
        <v>11</v>
      </c>
      <c r="T28009">
        <v>11</v>
      </c>
      <c r="U28009">
        <v>11</v>
      </c>
      <c r="V28009">
        <v>11</v>
      </c>
      <c r="W28009">
        <v>11</v>
      </c>
      <c r="X28009">
        <v>11</v>
      </c>
      <c r="Y28009">
        <v>11</v>
      </c>
      <c r="Z28009">
        <v>11</v>
      </c>
      <c r="AA28009">
        <v>11</v>
      </c>
      <c r="AB28009">
        <v>11</v>
      </c>
      <c r="AC28009">
        <v>11</v>
      </c>
      <c r="AD28009">
        <v>11</v>
      </c>
      <c r="AE28009">
        <v>11</v>
      </c>
      <c r="AF28009">
        <v>11</v>
      </c>
      <c r="AG28009">
        <v>11</v>
      </c>
      <c r="AH28009">
        <v>12</v>
      </c>
      <c r="AI28009">
        <v>12</v>
      </c>
      <c r="AJ28009">
        <v>12</v>
      </c>
      <c r="AK28009">
        <v>12</v>
      </c>
      <c r="AL28009">
        <v>12</v>
      </c>
      <c r="AM28009">
        <v>12</v>
      </c>
      <c r="AN28009">
        <v>11</v>
      </c>
      <c r="AO28009">
        <v>11</v>
      </c>
      <c r="AP28009">
        <v>11</v>
      </c>
      <c r="AQ28009">
        <v>11</v>
      </c>
    </row>
    <row r="28010" spans="1:43">
      <c r="A28010" t="s">
        <v>17337</v>
      </c>
      <c r="B28010" t="s">
        <v>17338</v>
      </c>
      <c r="C28010" t="s">
        <v>17329</v>
      </c>
      <c r="D28010" t="s">
        <v>17330</v>
      </c>
      <c r="E28010" t="s">
        <v>17265</v>
      </c>
      <c r="F28010" t="s">
        <v>17266</v>
      </c>
      <c r="G28010" t="s">
        <v>16559</v>
      </c>
      <c r="H28010" t="s">
        <v>16560</v>
      </c>
      <c r="I28010" s="2">
        <v>1</v>
      </c>
      <c r="J28010" s="2">
        <v>0</v>
      </c>
      <c r="K28010" s="2">
        <v>0</v>
      </c>
      <c r="L28010" t="s">
        <v>120</v>
      </c>
      <c r="M28010" t="s">
        <v>83</v>
      </c>
      <c r="N28010" t="s">
        <v>84</v>
      </c>
      <c r="O28010" t="s">
        <v>85</v>
      </c>
      <c r="P28010" t="s">
        <v>86</v>
      </c>
      <c r="Q28010">
        <v>40</v>
      </c>
      <c r="R28010">
        <v>40</v>
      </c>
      <c r="S28010">
        <v>40</v>
      </c>
      <c r="T28010">
        <v>41</v>
      </c>
      <c r="U28010">
        <v>41</v>
      </c>
      <c r="V28010">
        <v>41</v>
      </c>
      <c r="W28010">
        <v>41</v>
      </c>
      <c r="X28010">
        <v>42</v>
      </c>
      <c r="Y28010">
        <v>42</v>
      </c>
      <c r="Z28010">
        <v>42</v>
      </c>
      <c r="AA28010">
        <v>42</v>
      </c>
      <c r="AB28010">
        <v>43</v>
      </c>
      <c r="AC28010">
        <v>43</v>
      </c>
      <c r="AD28010">
        <v>43</v>
      </c>
      <c r="AE28010">
        <v>43</v>
      </c>
      <c r="AF28010">
        <v>43</v>
      </c>
      <c r="AG28010">
        <v>43</v>
      </c>
      <c r="AH28010">
        <v>44</v>
      </c>
      <c r="AI28010">
        <v>44</v>
      </c>
      <c r="AJ28010">
        <v>44</v>
      </c>
      <c r="AK28010">
        <v>44</v>
      </c>
      <c r="AL28010">
        <v>44</v>
      </c>
      <c r="AM28010">
        <v>44</v>
      </c>
      <c r="AN28010">
        <v>43</v>
      </c>
      <c r="AO28010">
        <v>43</v>
      </c>
      <c r="AP28010">
        <v>43</v>
      </c>
      <c r="AQ28010">
        <v>42</v>
      </c>
    </row>
    <row r="28011" spans="1:43">
      <c r="A28011" t="s">
        <v>17337</v>
      </c>
      <c r="B28011" t="s">
        <v>17338</v>
      </c>
      <c r="C28011" t="s">
        <v>17329</v>
      </c>
      <c r="D28011" t="s">
        <v>17330</v>
      </c>
      <c r="E28011" t="s">
        <v>17265</v>
      </c>
      <c r="F28011" t="s">
        <v>17266</v>
      </c>
      <c r="G28011" t="s">
        <v>16559</v>
      </c>
      <c r="H28011" t="s">
        <v>16560</v>
      </c>
      <c r="I28011" s="2">
        <v>1</v>
      </c>
      <c r="J28011" s="2">
        <v>0</v>
      </c>
      <c r="K28011" s="2">
        <v>0</v>
      </c>
      <c r="L28011" t="s">
        <v>120</v>
      </c>
      <c r="M28011" t="s">
        <v>87</v>
      </c>
      <c r="N28011" t="s">
        <v>88</v>
      </c>
      <c r="O28011" t="s">
        <v>85</v>
      </c>
      <c r="P28011" t="s">
        <v>86</v>
      </c>
      <c r="Q28011">
        <v>40</v>
      </c>
      <c r="R28011">
        <v>40</v>
      </c>
      <c r="S28011">
        <v>40</v>
      </c>
      <c r="T28011">
        <v>40</v>
      </c>
      <c r="U28011">
        <v>40</v>
      </c>
      <c r="V28011">
        <v>40</v>
      </c>
      <c r="W28011">
        <v>40</v>
      </c>
      <c r="X28011">
        <v>40</v>
      </c>
      <c r="Y28011">
        <v>40</v>
      </c>
      <c r="Z28011">
        <v>40</v>
      </c>
      <c r="AA28011">
        <v>40</v>
      </c>
      <c r="AB28011">
        <v>40</v>
      </c>
      <c r="AC28011">
        <v>39</v>
      </c>
      <c r="AD28011">
        <v>39</v>
      </c>
      <c r="AE28011">
        <v>39</v>
      </c>
      <c r="AF28011">
        <v>39</v>
      </c>
      <c r="AG28011">
        <v>39</v>
      </c>
      <c r="AH28011">
        <v>39</v>
      </c>
      <c r="AI28011">
        <v>39</v>
      </c>
      <c r="AJ28011">
        <v>39</v>
      </c>
      <c r="AK28011">
        <v>39</v>
      </c>
      <c r="AL28011">
        <v>39</v>
      </c>
      <c r="AM28011">
        <v>39</v>
      </c>
      <c r="AN28011">
        <v>39</v>
      </c>
      <c r="AO28011">
        <v>39</v>
      </c>
      <c r="AP28011">
        <v>38</v>
      </c>
      <c r="AQ28011">
        <v>38</v>
      </c>
    </row>
    <row r="28012" spans="1:43">
      <c r="A28012" t="s">
        <v>17337</v>
      </c>
      <c r="B28012" t="s">
        <v>17338</v>
      </c>
      <c r="C28012" t="s">
        <v>17329</v>
      </c>
      <c r="D28012" t="s">
        <v>17330</v>
      </c>
      <c r="E28012" t="s">
        <v>17265</v>
      </c>
      <c r="F28012" t="s">
        <v>17266</v>
      </c>
      <c r="G28012" t="s">
        <v>16559</v>
      </c>
      <c r="H28012" t="s">
        <v>16560</v>
      </c>
      <c r="I28012" s="2">
        <v>1</v>
      </c>
      <c r="J28012" s="2">
        <v>0</v>
      </c>
      <c r="K28012" s="2">
        <v>0</v>
      </c>
      <c r="L28012" t="s">
        <v>120</v>
      </c>
      <c r="M28012" t="s">
        <v>89</v>
      </c>
      <c r="N28012" t="s">
        <v>90</v>
      </c>
      <c r="O28012" t="s">
        <v>85</v>
      </c>
      <c r="P28012" t="s">
        <v>86</v>
      </c>
      <c r="Q28012">
        <v>40</v>
      </c>
      <c r="R28012">
        <v>41</v>
      </c>
      <c r="S28012">
        <v>41</v>
      </c>
      <c r="T28012">
        <v>42</v>
      </c>
      <c r="U28012">
        <v>42</v>
      </c>
      <c r="V28012">
        <v>43</v>
      </c>
      <c r="W28012">
        <v>43</v>
      </c>
      <c r="X28012">
        <v>44</v>
      </c>
      <c r="Y28012">
        <v>44</v>
      </c>
      <c r="Z28012">
        <v>45</v>
      </c>
      <c r="AA28012">
        <v>45</v>
      </c>
      <c r="AB28012">
        <v>45</v>
      </c>
      <c r="AC28012">
        <v>46</v>
      </c>
      <c r="AD28012">
        <v>46</v>
      </c>
      <c r="AE28012">
        <v>46</v>
      </c>
      <c r="AF28012">
        <v>46</v>
      </c>
      <c r="AG28012">
        <v>45</v>
      </c>
      <c r="AH28012">
        <v>45</v>
      </c>
      <c r="AI28012">
        <v>45</v>
      </c>
      <c r="AJ28012">
        <v>45</v>
      </c>
      <c r="AK28012">
        <v>44</v>
      </c>
      <c r="AL28012">
        <v>44</v>
      </c>
      <c r="AM28012">
        <v>44</v>
      </c>
      <c r="AN28012">
        <v>44</v>
      </c>
      <c r="AO28012">
        <v>43</v>
      </c>
      <c r="AP28012">
        <v>43</v>
      </c>
      <c r="AQ28012">
        <v>43</v>
      </c>
    </row>
    <row r="28013" spans="1:43">
      <c r="A28013" t="s">
        <v>17337</v>
      </c>
      <c r="B28013" t="s">
        <v>17338</v>
      </c>
      <c r="C28013" t="s">
        <v>17329</v>
      </c>
      <c r="D28013" t="s">
        <v>17330</v>
      </c>
      <c r="E28013" t="s">
        <v>17265</v>
      </c>
      <c r="F28013" t="s">
        <v>17266</v>
      </c>
      <c r="G28013" t="s">
        <v>16559</v>
      </c>
      <c r="H28013" t="s">
        <v>16560</v>
      </c>
      <c r="I28013" s="2">
        <v>1</v>
      </c>
      <c r="J28013" s="2">
        <v>0</v>
      </c>
      <c r="K28013" s="2">
        <v>0</v>
      </c>
      <c r="L28013" t="s">
        <v>120</v>
      </c>
      <c r="M28013" t="s">
        <v>83</v>
      </c>
      <c r="N28013" t="s">
        <v>91</v>
      </c>
      <c r="O28013" t="s">
        <v>85</v>
      </c>
      <c r="P28013" t="s">
        <v>86</v>
      </c>
      <c r="Q28013">
        <v>40</v>
      </c>
      <c r="R28013">
        <v>40</v>
      </c>
      <c r="S28013">
        <v>40</v>
      </c>
      <c r="T28013">
        <v>41</v>
      </c>
      <c r="U28013">
        <v>41</v>
      </c>
      <c r="V28013">
        <v>41</v>
      </c>
      <c r="W28013">
        <v>41</v>
      </c>
      <c r="X28013">
        <v>42</v>
      </c>
      <c r="Y28013">
        <v>42</v>
      </c>
      <c r="Z28013">
        <v>42</v>
      </c>
      <c r="AA28013">
        <v>42</v>
      </c>
      <c r="AB28013">
        <v>43</v>
      </c>
      <c r="AC28013">
        <v>43</v>
      </c>
      <c r="AD28013">
        <v>43</v>
      </c>
      <c r="AE28013">
        <v>43</v>
      </c>
      <c r="AF28013">
        <v>43</v>
      </c>
      <c r="AG28013">
        <v>43</v>
      </c>
      <c r="AH28013">
        <v>44</v>
      </c>
      <c r="AI28013">
        <v>44</v>
      </c>
      <c r="AJ28013">
        <v>44</v>
      </c>
      <c r="AK28013">
        <v>44</v>
      </c>
      <c r="AL28013">
        <v>44</v>
      </c>
      <c r="AM28013">
        <v>44</v>
      </c>
      <c r="AN28013">
        <v>43</v>
      </c>
      <c r="AO28013">
        <v>43</v>
      </c>
      <c r="AP28013">
        <v>43</v>
      </c>
      <c r="AQ28013">
        <v>42</v>
      </c>
    </row>
    <row r="28014" spans="1:43">
      <c r="A28014" t="s">
        <v>17339</v>
      </c>
      <c r="B28014" t="s">
        <v>17340</v>
      </c>
      <c r="C28014" t="s">
        <v>17329</v>
      </c>
      <c r="D28014" t="s">
        <v>17330</v>
      </c>
      <c r="E28014" t="s">
        <v>17265</v>
      </c>
      <c r="F28014" t="s">
        <v>17266</v>
      </c>
      <c r="G28014" t="s">
        <v>16559</v>
      </c>
      <c r="H28014" t="s">
        <v>16560</v>
      </c>
      <c r="I28014" s="2">
        <v>1</v>
      </c>
      <c r="J28014" s="2">
        <v>0</v>
      </c>
      <c r="K28014" s="2">
        <v>0</v>
      </c>
      <c r="L28014" t="s">
        <v>120</v>
      </c>
      <c r="M28014" t="s">
        <v>83</v>
      </c>
      <c r="N28014" t="s">
        <v>84</v>
      </c>
      <c r="O28014" t="s">
        <v>85</v>
      </c>
      <c r="P28014" t="s">
        <v>86</v>
      </c>
      <c r="Q28014">
        <v>232</v>
      </c>
      <c r="R28014">
        <v>234</v>
      </c>
      <c r="S28014">
        <v>236</v>
      </c>
      <c r="T28014">
        <v>238</v>
      </c>
      <c r="U28014">
        <v>240</v>
      </c>
      <c r="V28014">
        <v>241</v>
      </c>
      <c r="W28014">
        <v>243</v>
      </c>
      <c r="X28014">
        <v>245</v>
      </c>
      <c r="Y28014">
        <v>246</v>
      </c>
      <c r="Z28014">
        <v>247</v>
      </c>
      <c r="AA28014">
        <v>249</v>
      </c>
      <c r="AB28014">
        <v>250</v>
      </c>
      <c r="AC28014">
        <v>251</v>
      </c>
      <c r="AD28014">
        <v>252</v>
      </c>
      <c r="AE28014">
        <v>254</v>
      </c>
      <c r="AF28014">
        <v>255</v>
      </c>
      <c r="AG28014">
        <v>256</v>
      </c>
      <c r="AH28014">
        <v>257</v>
      </c>
      <c r="AI28014">
        <v>258</v>
      </c>
      <c r="AJ28014">
        <v>259</v>
      </c>
      <c r="AK28014">
        <v>260</v>
      </c>
      <c r="AL28014">
        <v>259</v>
      </c>
      <c r="AM28014">
        <v>258</v>
      </c>
      <c r="AN28014">
        <v>257</v>
      </c>
      <c r="AO28014">
        <v>255</v>
      </c>
      <c r="AP28014">
        <v>254</v>
      </c>
      <c r="AQ28014">
        <v>253</v>
      </c>
    </row>
    <row r="28015" spans="1:43">
      <c r="A28015" t="s">
        <v>17339</v>
      </c>
      <c r="B28015" t="s">
        <v>17340</v>
      </c>
      <c r="C28015" t="s">
        <v>17329</v>
      </c>
      <c r="D28015" t="s">
        <v>17330</v>
      </c>
      <c r="E28015" t="s">
        <v>17265</v>
      </c>
      <c r="F28015" t="s">
        <v>17266</v>
      </c>
      <c r="G28015" t="s">
        <v>16559</v>
      </c>
      <c r="H28015" t="s">
        <v>16560</v>
      </c>
      <c r="I28015" s="2">
        <v>1</v>
      </c>
      <c r="J28015" s="2">
        <v>0</v>
      </c>
      <c r="K28015" s="2">
        <v>0</v>
      </c>
      <c r="L28015" t="s">
        <v>120</v>
      </c>
      <c r="M28015" t="s">
        <v>87</v>
      </c>
      <c r="N28015" t="s">
        <v>88</v>
      </c>
      <c r="O28015" t="s">
        <v>85</v>
      </c>
      <c r="P28015" t="s">
        <v>86</v>
      </c>
      <c r="Q28015">
        <v>232</v>
      </c>
      <c r="R28015">
        <v>232</v>
      </c>
      <c r="S28015">
        <v>232</v>
      </c>
      <c r="T28015">
        <v>231</v>
      </c>
      <c r="U28015">
        <v>231</v>
      </c>
      <c r="V28015">
        <v>231</v>
      </c>
      <c r="W28015">
        <v>230</v>
      </c>
      <c r="X28015">
        <v>230</v>
      </c>
      <c r="Y28015">
        <v>230</v>
      </c>
      <c r="Z28015">
        <v>229</v>
      </c>
      <c r="AA28015">
        <v>229</v>
      </c>
      <c r="AB28015">
        <v>229</v>
      </c>
      <c r="AC28015">
        <v>228</v>
      </c>
      <c r="AD28015">
        <v>228</v>
      </c>
      <c r="AE28015">
        <v>228</v>
      </c>
      <c r="AF28015">
        <v>227</v>
      </c>
      <c r="AG28015">
        <v>227</v>
      </c>
      <c r="AH28015">
        <v>226</v>
      </c>
      <c r="AI28015">
        <v>226</v>
      </c>
      <c r="AJ28015">
        <v>226</v>
      </c>
      <c r="AK28015">
        <v>225</v>
      </c>
      <c r="AL28015">
        <v>225</v>
      </c>
      <c r="AM28015">
        <v>224</v>
      </c>
      <c r="AN28015">
        <v>224</v>
      </c>
      <c r="AO28015">
        <v>223</v>
      </c>
      <c r="AP28015">
        <v>223</v>
      </c>
      <c r="AQ28015">
        <v>222</v>
      </c>
    </row>
    <row r="28016" spans="1:43">
      <c r="A28016" t="s">
        <v>17339</v>
      </c>
      <c r="B28016" t="s">
        <v>17340</v>
      </c>
      <c r="C28016" t="s">
        <v>17329</v>
      </c>
      <c r="D28016" t="s">
        <v>17330</v>
      </c>
      <c r="E28016" t="s">
        <v>17265</v>
      </c>
      <c r="F28016" t="s">
        <v>17266</v>
      </c>
      <c r="G28016" t="s">
        <v>16559</v>
      </c>
      <c r="H28016" t="s">
        <v>16560</v>
      </c>
      <c r="I28016" s="2">
        <v>1</v>
      </c>
      <c r="J28016" s="2">
        <v>0</v>
      </c>
      <c r="K28016" s="2">
        <v>0</v>
      </c>
      <c r="L28016" t="s">
        <v>120</v>
      </c>
      <c r="M28016" t="s">
        <v>89</v>
      </c>
      <c r="N28016" t="s">
        <v>90</v>
      </c>
      <c r="O28016" t="s">
        <v>85</v>
      </c>
      <c r="P28016" t="s">
        <v>86</v>
      </c>
      <c r="Q28016">
        <v>232</v>
      </c>
      <c r="R28016">
        <v>236</v>
      </c>
      <c r="S28016">
        <v>240</v>
      </c>
      <c r="T28016">
        <v>244</v>
      </c>
      <c r="U28016">
        <v>247</v>
      </c>
      <c r="V28016">
        <v>250</v>
      </c>
      <c r="W28016">
        <v>253</v>
      </c>
      <c r="X28016">
        <v>255</v>
      </c>
      <c r="Y28016">
        <v>258</v>
      </c>
      <c r="Z28016">
        <v>260</v>
      </c>
      <c r="AA28016">
        <v>262</v>
      </c>
      <c r="AB28016">
        <v>264</v>
      </c>
      <c r="AC28016">
        <v>267</v>
      </c>
      <c r="AD28016">
        <v>269</v>
      </c>
      <c r="AE28016">
        <v>269</v>
      </c>
      <c r="AF28016">
        <v>268</v>
      </c>
      <c r="AG28016">
        <v>267</v>
      </c>
      <c r="AH28016">
        <v>266</v>
      </c>
      <c r="AI28016">
        <v>265</v>
      </c>
      <c r="AJ28016">
        <v>263</v>
      </c>
      <c r="AK28016">
        <v>262</v>
      </c>
      <c r="AL28016">
        <v>261</v>
      </c>
      <c r="AM28016">
        <v>260</v>
      </c>
      <c r="AN28016">
        <v>258</v>
      </c>
      <c r="AO28016">
        <v>257</v>
      </c>
      <c r="AP28016">
        <v>256</v>
      </c>
      <c r="AQ28016">
        <v>254</v>
      </c>
    </row>
    <row r="28017" spans="1:43">
      <c r="A28017" t="s">
        <v>17339</v>
      </c>
      <c r="B28017" t="s">
        <v>17340</v>
      </c>
      <c r="C28017" t="s">
        <v>17329</v>
      </c>
      <c r="D28017" t="s">
        <v>17330</v>
      </c>
      <c r="E28017" t="s">
        <v>17265</v>
      </c>
      <c r="F28017" t="s">
        <v>17266</v>
      </c>
      <c r="G28017" t="s">
        <v>16559</v>
      </c>
      <c r="H28017" t="s">
        <v>16560</v>
      </c>
      <c r="I28017" s="2">
        <v>1</v>
      </c>
      <c r="J28017" s="2">
        <v>0</v>
      </c>
      <c r="K28017" s="2">
        <v>0</v>
      </c>
      <c r="L28017" t="s">
        <v>120</v>
      </c>
      <c r="M28017" t="s">
        <v>83</v>
      </c>
      <c r="N28017" t="s">
        <v>91</v>
      </c>
      <c r="O28017" t="s">
        <v>85</v>
      </c>
      <c r="P28017" t="s">
        <v>86</v>
      </c>
      <c r="Q28017">
        <v>232</v>
      </c>
      <c r="R28017">
        <v>234</v>
      </c>
      <c r="S28017">
        <v>236</v>
      </c>
      <c r="T28017">
        <v>238</v>
      </c>
      <c r="U28017">
        <v>240</v>
      </c>
      <c r="V28017">
        <v>241</v>
      </c>
      <c r="W28017">
        <v>243</v>
      </c>
      <c r="X28017">
        <v>245</v>
      </c>
      <c r="Y28017">
        <v>246</v>
      </c>
      <c r="Z28017">
        <v>247</v>
      </c>
      <c r="AA28017">
        <v>249</v>
      </c>
      <c r="AB28017">
        <v>250</v>
      </c>
      <c r="AC28017">
        <v>251</v>
      </c>
      <c r="AD28017">
        <v>252</v>
      </c>
      <c r="AE28017">
        <v>254</v>
      </c>
      <c r="AF28017">
        <v>255</v>
      </c>
      <c r="AG28017">
        <v>256</v>
      </c>
      <c r="AH28017">
        <v>257</v>
      </c>
      <c r="AI28017">
        <v>258</v>
      </c>
      <c r="AJ28017">
        <v>259</v>
      </c>
      <c r="AK28017">
        <v>260</v>
      </c>
      <c r="AL28017">
        <v>259</v>
      </c>
      <c r="AM28017">
        <v>258</v>
      </c>
      <c r="AN28017">
        <v>257</v>
      </c>
      <c r="AO28017">
        <v>255</v>
      </c>
      <c r="AP28017">
        <v>254</v>
      </c>
      <c r="AQ28017">
        <v>253</v>
      </c>
    </row>
    <row r="28018" spans="1:43">
      <c r="A28018" t="s">
        <v>17341</v>
      </c>
      <c r="B28018" t="s">
        <v>17342</v>
      </c>
      <c r="C28018" t="s">
        <v>17343</v>
      </c>
      <c r="D28018" t="s">
        <v>17344</v>
      </c>
      <c r="E28018" t="s">
        <v>17265</v>
      </c>
      <c r="F28018" t="s">
        <v>17266</v>
      </c>
      <c r="G28018" t="s">
        <v>16559</v>
      </c>
      <c r="H28018" t="s">
        <v>16560</v>
      </c>
      <c r="I28018" s="2">
        <v>1</v>
      </c>
      <c r="J28018" s="2">
        <v>0</v>
      </c>
      <c r="K28018" s="2">
        <v>0</v>
      </c>
      <c r="L28018" t="s">
        <v>120</v>
      </c>
      <c r="M28018" t="s">
        <v>83</v>
      </c>
      <c r="N28018" t="s">
        <v>84</v>
      </c>
      <c r="O28018" t="s">
        <v>85</v>
      </c>
      <c r="P28018" t="s">
        <v>86</v>
      </c>
      <c r="Q28018">
        <v>11</v>
      </c>
      <c r="R28018">
        <v>11</v>
      </c>
      <c r="S28018">
        <v>11</v>
      </c>
      <c r="T28018">
        <v>11</v>
      </c>
      <c r="U28018">
        <v>11</v>
      </c>
      <c r="V28018">
        <v>11</v>
      </c>
      <c r="W28018">
        <v>11</v>
      </c>
      <c r="X28018">
        <v>12</v>
      </c>
      <c r="Y28018">
        <v>12</v>
      </c>
      <c r="Z28018">
        <v>12</v>
      </c>
      <c r="AA28018">
        <v>12</v>
      </c>
      <c r="AB28018">
        <v>12</v>
      </c>
      <c r="AC28018">
        <v>12</v>
      </c>
      <c r="AD28018">
        <v>12</v>
      </c>
      <c r="AE28018">
        <v>12</v>
      </c>
      <c r="AF28018">
        <v>12</v>
      </c>
      <c r="AG28018">
        <v>12</v>
      </c>
      <c r="AH28018">
        <v>12</v>
      </c>
      <c r="AI28018">
        <v>12</v>
      </c>
      <c r="AJ28018">
        <v>12</v>
      </c>
      <c r="AK28018">
        <v>12</v>
      </c>
      <c r="AL28018">
        <v>12</v>
      </c>
      <c r="AM28018">
        <v>12</v>
      </c>
      <c r="AN28018">
        <v>12</v>
      </c>
      <c r="AO28018">
        <v>12</v>
      </c>
      <c r="AP28018">
        <v>12</v>
      </c>
      <c r="AQ28018">
        <v>12</v>
      </c>
    </row>
    <row r="28019" spans="1:43">
      <c r="A28019" t="s">
        <v>17341</v>
      </c>
      <c r="B28019" t="s">
        <v>17342</v>
      </c>
      <c r="C28019" t="s">
        <v>17343</v>
      </c>
      <c r="D28019" t="s">
        <v>17344</v>
      </c>
      <c r="E28019" t="s">
        <v>17265</v>
      </c>
      <c r="F28019" t="s">
        <v>17266</v>
      </c>
      <c r="G28019" t="s">
        <v>16559</v>
      </c>
      <c r="H28019" t="s">
        <v>16560</v>
      </c>
      <c r="I28019" s="2">
        <v>1</v>
      </c>
      <c r="J28019" s="2">
        <v>0</v>
      </c>
      <c r="K28019" s="2">
        <v>0</v>
      </c>
      <c r="L28019" t="s">
        <v>120</v>
      </c>
      <c r="M28019" t="s">
        <v>87</v>
      </c>
      <c r="N28019" t="s">
        <v>88</v>
      </c>
      <c r="O28019" t="s">
        <v>85</v>
      </c>
      <c r="P28019" t="s">
        <v>86</v>
      </c>
      <c r="Q28019">
        <v>11</v>
      </c>
      <c r="R28019">
        <v>11</v>
      </c>
      <c r="S28019">
        <v>11</v>
      </c>
      <c r="T28019">
        <v>11</v>
      </c>
      <c r="U28019">
        <v>11</v>
      </c>
      <c r="V28019">
        <v>11</v>
      </c>
      <c r="W28019">
        <v>11</v>
      </c>
      <c r="X28019">
        <v>11</v>
      </c>
      <c r="Y28019">
        <v>11</v>
      </c>
      <c r="Z28019">
        <v>11</v>
      </c>
      <c r="AA28019">
        <v>11</v>
      </c>
      <c r="AB28019">
        <v>11</v>
      </c>
      <c r="AC28019">
        <v>11</v>
      </c>
      <c r="AD28019">
        <v>11</v>
      </c>
      <c r="AE28019">
        <v>11</v>
      </c>
      <c r="AF28019">
        <v>10</v>
      </c>
      <c r="AG28019">
        <v>10</v>
      </c>
      <c r="AH28019">
        <v>10</v>
      </c>
      <c r="AI28019">
        <v>10</v>
      </c>
      <c r="AJ28019">
        <v>10</v>
      </c>
      <c r="AK28019">
        <v>10</v>
      </c>
      <c r="AL28019">
        <v>10</v>
      </c>
      <c r="AM28019">
        <v>10</v>
      </c>
      <c r="AN28019">
        <v>10</v>
      </c>
      <c r="AO28019">
        <v>10</v>
      </c>
      <c r="AP28019">
        <v>10</v>
      </c>
      <c r="AQ28019">
        <v>10</v>
      </c>
    </row>
    <row r="28020" spans="1:43">
      <c r="A28020" t="s">
        <v>17341</v>
      </c>
      <c r="B28020" t="s">
        <v>17342</v>
      </c>
      <c r="C28020" t="s">
        <v>17343</v>
      </c>
      <c r="D28020" t="s">
        <v>17344</v>
      </c>
      <c r="E28020" t="s">
        <v>17265</v>
      </c>
      <c r="F28020" t="s">
        <v>17266</v>
      </c>
      <c r="G28020" t="s">
        <v>16559</v>
      </c>
      <c r="H28020" t="s">
        <v>16560</v>
      </c>
      <c r="I28020" s="2">
        <v>1</v>
      </c>
      <c r="J28020" s="2">
        <v>0</v>
      </c>
      <c r="K28020" s="2">
        <v>0</v>
      </c>
      <c r="L28020" t="s">
        <v>120</v>
      </c>
      <c r="M28020" t="s">
        <v>89</v>
      </c>
      <c r="N28020" t="s">
        <v>90</v>
      </c>
      <c r="O28020" t="s">
        <v>85</v>
      </c>
      <c r="P28020" t="s">
        <v>86</v>
      </c>
      <c r="Q28020">
        <v>11</v>
      </c>
      <c r="R28020">
        <v>11</v>
      </c>
      <c r="S28020">
        <v>11</v>
      </c>
      <c r="T28020">
        <v>12</v>
      </c>
      <c r="U28020">
        <v>12</v>
      </c>
      <c r="V28020">
        <v>12</v>
      </c>
      <c r="W28020">
        <v>12</v>
      </c>
      <c r="X28020">
        <v>12</v>
      </c>
      <c r="Y28020">
        <v>12</v>
      </c>
      <c r="Z28020">
        <v>12</v>
      </c>
      <c r="AA28020">
        <v>12</v>
      </c>
      <c r="AB28020">
        <v>13</v>
      </c>
      <c r="AC28020">
        <v>13</v>
      </c>
      <c r="AD28020">
        <v>13</v>
      </c>
      <c r="AE28020">
        <v>13</v>
      </c>
      <c r="AF28020">
        <v>13</v>
      </c>
      <c r="AG28020">
        <v>13</v>
      </c>
      <c r="AH28020">
        <v>12</v>
      </c>
      <c r="AI28020">
        <v>12</v>
      </c>
      <c r="AJ28020">
        <v>12</v>
      </c>
      <c r="AK28020">
        <v>12</v>
      </c>
      <c r="AL28020">
        <v>12</v>
      </c>
      <c r="AM28020">
        <v>12</v>
      </c>
      <c r="AN28020">
        <v>12</v>
      </c>
      <c r="AO28020">
        <v>12</v>
      </c>
      <c r="AP28020">
        <v>12</v>
      </c>
      <c r="AQ28020">
        <v>12</v>
      </c>
    </row>
    <row r="28021" spans="1:43">
      <c r="A28021" t="s">
        <v>17341</v>
      </c>
      <c r="B28021" t="s">
        <v>17342</v>
      </c>
      <c r="C28021" t="s">
        <v>17343</v>
      </c>
      <c r="D28021" t="s">
        <v>17344</v>
      </c>
      <c r="E28021" t="s">
        <v>17265</v>
      </c>
      <c r="F28021" t="s">
        <v>17266</v>
      </c>
      <c r="G28021" t="s">
        <v>16559</v>
      </c>
      <c r="H28021" t="s">
        <v>16560</v>
      </c>
      <c r="I28021" s="2">
        <v>1</v>
      </c>
      <c r="J28021" s="2">
        <v>0</v>
      </c>
      <c r="K28021" s="2">
        <v>0</v>
      </c>
      <c r="L28021" t="s">
        <v>120</v>
      </c>
      <c r="M28021" t="s">
        <v>83</v>
      </c>
      <c r="N28021" t="s">
        <v>91</v>
      </c>
      <c r="O28021" t="s">
        <v>85</v>
      </c>
      <c r="P28021" t="s">
        <v>86</v>
      </c>
      <c r="Q28021">
        <v>11</v>
      </c>
      <c r="R28021">
        <v>11</v>
      </c>
      <c r="S28021">
        <v>11</v>
      </c>
      <c r="T28021">
        <v>11</v>
      </c>
      <c r="U28021">
        <v>11</v>
      </c>
      <c r="V28021">
        <v>11</v>
      </c>
      <c r="W28021">
        <v>11</v>
      </c>
      <c r="X28021">
        <v>12</v>
      </c>
      <c r="Y28021">
        <v>12</v>
      </c>
      <c r="Z28021">
        <v>12</v>
      </c>
      <c r="AA28021">
        <v>12</v>
      </c>
      <c r="AB28021">
        <v>12</v>
      </c>
      <c r="AC28021">
        <v>12</v>
      </c>
      <c r="AD28021">
        <v>12</v>
      </c>
      <c r="AE28021">
        <v>12</v>
      </c>
      <c r="AF28021">
        <v>12</v>
      </c>
      <c r="AG28021">
        <v>12</v>
      </c>
      <c r="AH28021">
        <v>12</v>
      </c>
      <c r="AI28021">
        <v>12</v>
      </c>
      <c r="AJ28021">
        <v>12</v>
      </c>
      <c r="AK28021">
        <v>12</v>
      </c>
      <c r="AL28021">
        <v>12</v>
      </c>
      <c r="AM28021">
        <v>12</v>
      </c>
      <c r="AN28021">
        <v>12</v>
      </c>
      <c r="AO28021">
        <v>12</v>
      </c>
      <c r="AP28021">
        <v>12</v>
      </c>
      <c r="AQ28021">
        <v>12</v>
      </c>
    </row>
    <row r="28022" spans="1:43">
      <c r="A28022" t="s">
        <v>17345</v>
      </c>
      <c r="B28022" t="s">
        <v>17346</v>
      </c>
      <c r="C28022" t="s">
        <v>17343</v>
      </c>
      <c r="D28022" t="s">
        <v>17344</v>
      </c>
      <c r="E28022" t="s">
        <v>17265</v>
      </c>
      <c r="F28022" t="s">
        <v>17266</v>
      </c>
      <c r="G28022" t="s">
        <v>16559</v>
      </c>
      <c r="H28022" t="s">
        <v>16560</v>
      </c>
      <c r="I28022" s="2">
        <v>1</v>
      </c>
      <c r="J28022" s="2">
        <v>0</v>
      </c>
      <c r="K28022" s="2">
        <v>0</v>
      </c>
      <c r="L28022" t="s">
        <v>120</v>
      </c>
      <c r="M28022" t="s">
        <v>83</v>
      </c>
      <c r="N28022" t="s">
        <v>84</v>
      </c>
      <c r="O28022" t="s">
        <v>85</v>
      </c>
      <c r="P28022" t="s">
        <v>86</v>
      </c>
      <c r="Q28022">
        <v>16</v>
      </c>
      <c r="R28022">
        <v>16</v>
      </c>
      <c r="S28022">
        <v>16</v>
      </c>
      <c r="T28022">
        <v>16</v>
      </c>
      <c r="U28022">
        <v>16</v>
      </c>
      <c r="V28022">
        <v>16</v>
      </c>
      <c r="W28022">
        <v>16</v>
      </c>
      <c r="X28022">
        <v>17</v>
      </c>
      <c r="Y28022">
        <v>17</v>
      </c>
      <c r="Z28022">
        <v>17</v>
      </c>
      <c r="AA28022">
        <v>17</v>
      </c>
      <c r="AB28022">
        <v>17</v>
      </c>
      <c r="AC28022">
        <v>17</v>
      </c>
      <c r="AD28022">
        <v>17</v>
      </c>
      <c r="AE28022">
        <v>17</v>
      </c>
      <c r="AF28022">
        <v>17</v>
      </c>
      <c r="AG28022">
        <v>17</v>
      </c>
      <c r="AH28022">
        <v>17</v>
      </c>
      <c r="AI28022">
        <v>17</v>
      </c>
      <c r="AJ28022">
        <v>17</v>
      </c>
      <c r="AK28022">
        <v>17</v>
      </c>
      <c r="AL28022">
        <v>17</v>
      </c>
      <c r="AM28022">
        <v>17</v>
      </c>
      <c r="AN28022">
        <v>17</v>
      </c>
      <c r="AO28022">
        <v>17</v>
      </c>
      <c r="AP28022">
        <v>17</v>
      </c>
      <c r="AQ28022">
        <v>17</v>
      </c>
    </row>
    <row r="28023" spans="1:43">
      <c r="A28023" t="s">
        <v>17345</v>
      </c>
      <c r="B28023" t="s">
        <v>17346</v>
      </c>
      <c r="C28023" t="s">
        <v>17343</v>
      </c>
      <c r="D28023" t="s">
        <v>17344</v>
      </c>
      <c r="E28023" t="s">
        <v>17265</v>
      </c>
      <c r="F28023" t="s">
        <v>17266</v>
      </c>
      <c r="G28023" t="s">
        <v>16559</v>
      </c>
      <c r="H28023" t="s">
        <v>16560</v>
      </c>
      <c r="I28023" s="2">
        <v>1</v>
      </c>
      <c r="J28023" s="2">
        <v>0</v>
      </c>
      <c r="K28023" s="2">
        <v>0</v>
      </c>
      <c r="L28023" t="s">
        <v>120</v>
      </c>
      <c r="M28023" t="s">
        <v>87</v>
      </c>
      <c r="N28023" t="s">
        <v>88</v>
      </c>
      <c r="O28023" t="s">
        <v>85</v>
      </c>
      <c r="P28023" t="s">
        <v>86</v>
      </c>
      <c r="Q28023">
        <v>16</v>
      </c>
      <c r="R28023">
        <v>16</v>
      </c>
      <c r="S28023">
        <v>16</v>
      </c>
      <c r="T28023">
        <v>16</v>
      </c>
      <c r="U28023">
        <v>16</v>
      </c>
      <c r="V28023">
        <v>15</v>
      </c>
      <c r="W28023">
        <v>15</v>
      </c>
      <c r="X28023">
        <v>15</v>
      </c>
      <c r="Y28023">
        <v>15</v>
      </c>
      <c r="Z28023">
        <v>15</v>
      </c>
      <c r="AA28023">
        <v>15</v>
      </c>
      <c r="AB28023">
        <v>15</v>
      </c>
      <c r="AC28023">
        <v>15</v>
      </c>
      <c r="AD28023">
        <v>15</v>
      </c>
      <c r="AE28023">
        <v>15</v>
      </c>
      <c r="AF28023">
        <v>15</v>
      </c>
      <c r="AG28023">
        <v>15</v>
      </c>
      <c r="AH28023">
        <v>15</v>
      </c>
      <c r="AI28023">
        <v>15</v>
      </c>
      <c r="AJ28023">
        <v>15</v>
      </c>
      <c r="AK28023">
        <v>15</v>
      </c>
      <c r="AL28023">
        <v>15</v>
      </c>
      <c r="AM28023">
        <v>15</v>
      </c>
      <c r="AN28023">
        <v>15</v>
      </c>
      <c r="AO28023">
        <v>15</v>
      </c>
      <c r="AP28023">
        <v>15</v>
      </c>
      <c r="AQ28023">
        <v>14</v>
      </c>
    </row>
    <row r="28024" spans="1:43">
      <c r="A28024" t="s">
        <v>17345</v>
      </c>
      <c r="B28024" t="s">
        <v>17346</v>
      </c>
      <c r="C28024" t="s">
        <v>17343</v>
      </c>
      <c r="D28024" t="s">
        <v>17344</v>
      </c>
      <c r="E28024" t="s">
        <v>17265</v>
      </c>
      <c r="F28024" t="s">
        <v>17266</v>
      </c>
      <c r="G28024" t="s">
        <v>16559</v>
      </c>
      <c r="H28024" t="s">
        <v>16560</v>
      </c>
      <c r="I28024" s="2">
        <v>1</v>
      </c>
      <c r="J28024" s="2">
        <v>0</v>
      </c>
      <c r="K28024" s="2">
        <v>0</v>
      </c>
      <c r="L28024" t="s">
        <v>120</v>
      </c>
      <c r="M28024" t="s">
        <v>89</v>
      </c>
      <c r="N28024" t="s">
        <v>90</v>
      </c>
      <c r="O28024" t="s">
        <v>85</v>
      </c>
      <c r="P28024" t="s">
        <v>86</v>
      </c>
      <c r="Q28024">
        <v>16</v>
      </c>
      <c r="R28024">
        <v>16</v>
      </c>
      <c r="S28024">
        <v>16</v>
      </c>
      <c r="T28024">
        <v>17</v>
      </c>
      <c r="U28024">
        <v>17</v>
      </c>
      <c r="V28024">
        <v>17</v>
      </c>
      <c r="W28024">
        <v>17</v>
      </c>
      <c r="X28024">
        <v>17</v>
      </c>
      <c r="Y28024">
        <v>18</v>
      </c>
      <c r="Z28024">
        <v>18</v>
      </c>
      <c r="AA28024">
        <v>18</v>
      </c>
      <c r="AB28024">
        <v>18</v>
      </c>
      <c r="AC28024">
        <v>18</v>
      </c>
      <c r="AD28024">
        <v>18</v>
      </c>
      <c r="AE28024">
        <v>18</v>
      </c>
      <c r="AF28024">
        <v>18</v>
      </c>
      <c r="AG28024">
        <v>18</v>
      </c>
      <c r="AH28024">
        <v>18</v>
      </c>
      <c r="AI28024">
        <v>18</v>
      </c>
      <c r="AJ28024">
        <v>18</v>
      </c>
      <c r="AK28024">
        <v>17</v>
      </c>
      <c r="AL28024">
        <v>17</v>
      </c>
      <c r="AM28024">
        <v>17</v>
      </c>
      <c r="AN28024">
        <v>17</v>
      </c>
      <c r="AO28024">
        <v>17</v>
      </c>
      <c r="AP28024">
        <v>17</v>
      </c>
      <c r="AQ28024">
        <v>17</v>
      </c>
    </row>
    <row r="28025" spans="1:43">
      <c r="A28025" t="s">
        <v>17345</v>
      </c>
      <c r="B28025" t="s">
        <v>17346</v>
      </c>
      <c r="C28025" t="s">
        <v>17343</v>
      </c>
      <c r="D28025" t="s">
        <v>17344</v>
      </c>
      <c r="E28025" t="s">
        <v>17265</v>
      </c>
      <c r="F28025" t="s">
        <v>17266</v>
      </c>
      <c r="G28025" t="s">
        <v>16559</v>
      </c>
      <c r="H28025" t="s">
        <v>16560</v>
      </c>
      <c r="I28025" s="2">
        <v>1</v>
      </c>
      <c r="J28025" s="2">
        <v>0</v>
      </c>
      <c r="K28025" s="2">
        <v>0</v>
      </c>
      <c r="L28025" t="s">
        <v>120</v>
      </c>
      <c r="M28025" t="s">
        <v>83</v>
      </c>
      <c r="N28025" t="s">
        <v>91</v>
      </c>
      <c r="O28025" t="s">
        <v>85</v>
      </c>
      <c r="P28025" t="s">
        <v>86</v>
      </c>
      <c r="Q28025">
        <v>16</v>
      </c>
      <c r="R28025">
        <v>16</v>
      </c>
      <c r="S28025">
        <v>16</v>
      </c>
      <c r="T28025">
        <v>16</v>
      </c>
      <c r="U28025">
        <v>16</v>
      </c>
      <c r="V28025">
        <v>16</v>
      </c>
      <c r="W28025">
        <v>16</v>
      </c>
      <c r="X28025">
        <v>17</v>
      </c>
      <c r="Y28025">
        <v>17</v>
      </c>
      <c r="Z28025">
        <v>17</v>
      </c>
      <c r="AA28025">
        <v>17</v>
      </c>
      <c r="AB28025">
        <v>17</v>
      </c>
      <c r="AC28025">
        <v>17</v>
      </c>
      <c r="AD28025">
        <v>17</v>
      </c>
      <c r="AE28025">
        <v>17</v>
      </c>
      <c r="AF28025">
        <v>17</v>
      </c>
      <c r="AG28025">
        <v>17</v>
      </c>
      <c r="AH28025">
        <v>17</v>
      </c>
      <c r="AI28025">
        <v>17</v>
      </c>
      <c r="AJ28025">
        <v>17</v>
      </c>
      <c r="AK28025">
        <v>17</v>
      </c>
      <c r="AL28025">
        <v>17</v>
      </c>
      <c r="AM28025">
        <v>17</v>
      </c>
      <c r="AN28025">
        <v>17</v>
      </c>
      <c r="AO28025">
        <v>17</v>
      </c>
      <c r="AP28025">
        <v>17</v>
      </c>
      <c r="AQ28025">
        <v>17</v>
      </c>
    </row>
    <row r="28026" spans="1:43">
      <c r="A28026" t="s">
        <v>17347</v>
      </c>
      <c r="B28026" t="s">
        <v>17348</v>
      </c>
      <c r="C28026" t="s">
        <v>17343</v>
      </c>
      <c r="D28026" t="s">
        <v>17344</v>
      </c>
      <c r="E28026" t="s">
        <v>17265</v>
      </c>
      <c r="F28026" t="s">
        <v>17266</v>
      </c>
      <c r="G28026" t="s">
        <v>16559</v>
      </c>
      <c r="H28026" t="s">
        <v>16560</v>
      </c>
      <c r="I28026" s="2">
        <v>1</v>
      </c>
      <c r="J28026" s="2">
        <v>0</v>
      </c>
      <c r="K28026" s="2">
        <v>0</v>
      </c>
      <c r="L28026" t="s">
        <v>120</v>
      </c>
      <c r="M28026" t="s">
        <v>83</v>
      </c>
      <c r="N28026" t="s">
        <v>84</v>
      </c>
      <c r="O28026" t="s">
        <v>85</v>
      </c>
      <c r="P28026" t="s">
        <v>86</v>
      </c>
      <c r="Q28026">
        <v>16</v>
      </c>
      <c r="R28026">
        <v>16</v>
      </c>
      <c r="S28026">
        <v>17</v>
      </c>
      <c r="T28026">
        <v>17</v>
      </c>
      <c r="U28026">
        <v>17</v>
      </c>
      <c r="V28026">
        <v>17</v>
      </c>
      <c r="W28026">
        <v>17</v>
      </c>
      <c r="X28026">
        <v>17</v>
      </c>
      <c r="Y28026">
        <v>17</v>
      </c>
      <c r="Z28026">
        <v>17</v>
      </c>
      <c r="AA28026">
        <v>17</v>
      </c>
      <c r="AB28026">
        <v>17</v>
      </c>
      <c r="AC28026">
        <v>17</v>
      </c>
      <c r="AD28026">
        <v>18</v>
      </c>
      <c r="AE28026">
        <v>18</v>
      </c>
      <c r="AF28026">
        <v>18</v>
      </c>
      <c r="AG28026">
        <v>18</v>
      </c>
      <c r="AH28026">
        <v>18</v>
      </c>
      <c r="AI28026">
        <v>18</v>
      </c>
      <c r="AJ28026">
        <v>18</v>
      </c>
      <c r="AK28026">
        <v>18</v>
      </c>
      <c r="AL28026">
        <v>18</v>
      </c>
      <c r="AM28026">
        <v>18</v>
      </c>
      <c r="AN28026">
        <v>18</v>
      </c>
      <c r="AO28026">
        <v>17</v>
      </c>
      <c r="AP28026">
        <v>17</v>
      </c>
      <c r="AQ28026">
        <v>17</v>
      </c>
    </row>
    <row r="28027" spans="1:43">
      <c r="A28027" t="s">
        <v>17347</v>
      </c>
      <c r="B28027" t="s">
        <v>17348</v>
      </c>
      <c r="C28027" t="s">
        <v>17343</v>
      </c>
      <c r="D28027" t="s">
        <v>17344</v>
      </c>
      <c r="E28027" t="s">
        <v>17265</v>
      </c>
      <c r="F28027" t="s">
        <v>17266</v>
      </c>
      <c r="G28027" t="s">
        <v>16559</v>
      </c>
      <c r="H28027" t="s">
        <v>16560</v>
      </c>
      <c r="I28027" s="2">
        <v>1</v>
      </c>
      <c r="J28027" s="2">
        <v>0</v>
      </c>
      <c r="K28027" s="2">
        <v>0</v>
      </c>
      <c r="L28027" t="s">
        <v>120</v>
      </c>
      <c r="M28027" t="s">
        <v>87</v>
      </c>
      <c r="N28027" t="s">
        <v>88</v>
      </c>
      <c r="O28027" t="s">
        <v>85</v>
      </c>
      <c r="P28027" t="s">
        <v>86</v>
      </c>
      <c r="Q28027">
        <v>16</v>
      </c>
      <c r="R28027">
        <v>16</v>
      </c>
      <c r="S28027">
        <v>16</v>
      </c>
      <c r="T28027">
        <v>16</v>
      </c>
      <c r="U28027">
        <v>16</v>
      </c>
      <c r="V28027">
        <v>16</v>
      </c>
      <c r="W28027">
        <v>16</v>
      </c>
      <c r="X28027">
        <v>16</v>
      </c>
      <c r="Y28027">
        <v>16</v>
      </c>
      <c r="Z28027">
        <v>16</v>
      </c>
      <c r="AA28027">
        <v>16</v>
      </c>
      <c r="AB28027">
        <v>16</v>
      </c>
      <c r="AC28027">
        <v>16</v>
      </c>
      <c r="AD28027">
        <v>16</v>
      </c>
      <c r="AE28027">
        <v>16</v>
      </c>
      <c r="AF28027">
        <v>16</v>
      </c>
      <c r="AG28027">
        <v>16</v>
      </c>
      <c r="AH28027">
        <v>15</v>
      </c>
      <c r="AI28027">
        <v>15</v>
      </c>
      <c r="AJ28027">
        <v>15</v>
      </c>
      <c r="AK28027">
        <v>15</v>
      </c>
      <c r="AL28027">
        <v>15</v>
      </c>
      <c r="AM28027">
        <v>15</v>
      </c>
      <c r="AN28027">
        <v>15</v>
      </c>
      <c r="AO28027">
        <v>15</v>
      </c>
      <c r="AP28027">
        <v>15</v>
      </c>
      <c r="AQ28027">
        <v>15</v>
      </c>
    </row>
    <row r="28028" spans="1:43">
      <c r="A28028" t="s">
        <v>17347</v>
      </c>
      <c r="B28028" t="s">
        <v>17348</v>
      </c>
      <c r="C28028" t="s">
        <v>17343</v>
      </c>
      <c r="D28028" t="s">
        <v>17344</v>
      </c>
      <c r="E28028" t="s">
        <v>17265</v>
      </c>
      <c r="F28028" t="s">
        <v>17266</v>
      </c>
      <c r="G28028" t="s">
        <v>16559</v>
      </c>
      <c r="H28028" t="s">
        <v>16560</v>
      </c>
      <c r="I28028" s="2">
        <v>1</v>
      </c>
      <c r="J28028" s="2">
        <v>0</v>
      </c>
      <c r="K28028" s="2">
        <v>0</v>
      </c>
      <c r="L28028" t="s">
        <v>120</v>
      </c>
      <c r="M28028" t="s">
        <v>89</v>
      </c>
      <c r="N28028" t="s">
        <v>90</v>
      </c>
      <c r="O28028" t="s">
        <v>85</v>
      </c>
      <c r="P28028" t="s">
        <v>86</v>
      </c>
      <c r="Q28028">
        <v>16</v>
      </c>
      <c r="R28028">
        <v>16</v>
      </c>
      <c r="S28028">
        <v>16</v>
      </c>
      <c r="T28028">
        <v>16</v>
      </c>
      <c r="U28028">
        <v>16</v>
      </c>
      <c r="V28028">
        <v>17</v>
      </c>
      <c r="W28028">
        <v>17</v>
      </c>
      <c r="X28028">
        <v>17</v>
      </c>
      <c r="Y28028">
        <v>17</v>
      </c>
      <c r="Z28028">
        <v>17</v>
      </c>
      <c r="AA28028">
        <v>17</v>
      </c>
      <c r="AB28028">
        <v>18</v>
      </c>
      <c r="AC28028">
        <v>18</v>
      </c>
      <c r="AD28028">
        <v>18</v>
      </c>
      <c r="AE28028">
        <v>18</v>
      </c>
      <c r="AF28028">
        <v>18</v>
      </c>
      <c r="AG28028">
        <v>18</v>
      </c>
      <c r="AH28028">
        <v>17</v>
      </c>
      <c r="AI28028">
        <v>17</v>
      </c>
      <c r="AJ28028">
        <v>17</v>
      </c>
      <c r="AK28028">
        <v>17</v>
      </c>
      <c r="AL28028">
        <v>17</v>
      </c>
      <c r="AM28028">
        <v>17</v>
      </c>
      <c r="AN28028">
        <v>17</v>
      </c>
      <c r="AO28028">
        <v>17</v>
      </c>
      <c r="AP28028">
        <v>16</v>
      </c>
      <c r="AQ28028">
        <v>16</v>
      </c>
    </row>
    <row r="28029" spans="1:43">
      <c r="A28029" t="s">
        <v>17347</v>
      </c>
      <c r="B28029" t="s">
        <v>17348</v>
      </c>
      <c r="C28029" t="s">
        <v>17343</v>
      </c>
      <c r="D28029" t="s">
        <v>17344</v>
      </c>
      <c r="E28029" t="s">
        <v>17265</v>
      </c>
      <c r="F28029" t="s">
        <v>17266</v>
      </c>
      <c r="G28029" t="s">
        <v>16559</v>
      </c>
      <c r="H28029" t="s">
        <v>16560</v>
      </c>
      <c r="I28029" s="2">
        <v>1</v>
      </c>
      <c r="J28029" s="2">
        <v>0</v>
      </c>
      <c r="K28029" s="2">
        <v>0</v>
      </c>
      <c r="L28029" t="s">
        <v>120</v>
      </c>
      <c r="M28029" t="s">
        <v>83</v>
      </c>
      <c r="N28029" t="s">
        <v>91</v>
      </c>
      <c r="O28029" t="s">
        <v>85</v>
      </c>
      <c r="P28029" t="s">
        <v>86</v>
      </c>
      <c r="Q28029">
        <v>16</v>
      </c>
      <c r="R28029">
        <v>16</v>
      </c>
      <c r="S28029">
        <v>17</v>
      </c>
      <c r="T28029">
        <v>17</v>
      </c>
      <c r="U28029">
        <v>17</v>
      </c>
      <c r="V28029">
        <v>17</v>
      </c>
      <c r="W28029">
        <v>17</v>
      </c>
      <c r="X28029">
        <v>17</v>
      </c>
      <c r="Y28029">
        <v>17</v>
      </c>
      <c r="Z28029">
        <v>17</v>
      </c>
      <c r="AA28029">
        <v>17</v>
      </c>
      <c r="AB28029">
        <v>17</v>
      </c>
      <c r="AC28029">
        <v>17</v>
      </c>
      <c r="AD28029">
        <v>18</v>
      </c>
      <c r="AE28029">
        <v>18</v>
      </c>
      <c r="AF28029">
        <v>18</v>
      </c>
      <c r="AG28029">
        <v>18</v>
      </c>
      <c r="AH28029">
        <v>18</v>
      </c>
      <c r="AI28029">
        <v>18</v>
      </c>
      <c r="AJ28029">
        <v>18</v>
      </c>
      <c r="AK28029">
        <v>18</v>
      </c>
      <c r="AL28029">
        <v>18</v>
      </c>
      <c r="AM28029">
        <v>18</v>
      </c>
      <c r="AN28029">
        <v>18</v>
      </c>
      <c r="AO28029">
        <v>17</v>
      </c>
      <c r="AP28029">
        <v>17</v>
      </c>
      <c r="AQ28029">
        <v>17</v>
      </c>
    </row>
    <row r="28030" spans="1:43">
      <c r="A28030" t="s">
        <v>17349</v>
      </c>
      <c r="B28030" t="s">
        <v>17350</v>
      </c>
      <c r="C28030" t="s">
        <v>17343</v>
      </c>
      <c r="D28030" t="s">
        <v>17344</v>
      </c>
      <c r="E28030" t="s">
        <v>17265</v>
      </c>
      <c r="F28030" t="s">
        <v>17266</v>
      </c>
      <c r="G28030" t="s">
        <v>16559</v>
      </c>
      <c r="H28030" t="s">
        <v>16560</v>
      </c>
      <c r="I28030" s="2">
        <v>1</v>
      </c>
      <c r="J28030" s="2">
        <v>0</v>
      </c>
      <c r="K28030" s="2">
        <v>0</v>
      </c>
      <c r="L28030" t="s">
        <v>120</v>
      </c>
      <c r="M28030" t="s">
        <v>83</v>
      </c>
      <c r="N28030" t="s">
        <v>84</v>
      </c>
      <c r="O28030" t="s">
        <v>85</v>
      </c>
      <c r="P28030" t="s">
        <v>86</v>
      </c>
      <c r="Q28030">
        <v>11</v>
      </c>
      <c r="R28030">
        <v>12</v>
      </c>
      <c r="S28030">
        <v>12</v>
      </c>
      <c r="T28030">
        <v>12</v>
      </c>
      <c r="U28030">
        <v>12</v>
      </c>
      <c r="V28030">
        <v>12</v>
      </c>
      <c r="W28030">
        <v>12</v>
      </c>
      <c r="X28030">
        <v>12</v>
      </c>
      <c r="Y28030">
        <v>12</v>
      </c>
      <c r="Z28030">
        <v>12</v>
      </c>
      <c r="AA28030">
        <v>12</v>
      </c>
      <c r="AB28030">
        <v>12</v>
      </c>
      <c r="AC28030">
        <v>12</v>
      </c>
      <c r="AD28030">
        <v>12</v>
      </c>
      <c r="AE28030">
        <v>12</v>
      </c>
      <c r="AF28030">
        <v>12</v>
      </c>
      <c r="AG28030">
        <v>12</v>
      </c>
      <c r="AH28030">
        <v>12</v>
      </c>
      <c r="AI28030">
        <v>12</v>
      </c>
      <c r="AJ28030">
        <v>12</v>
      </c>
      <c r="AK28030">
        <v>13</v>
      </c>
      <c r="AL28030">
        <v>12</v>
      </c>
      <c r="AM28030">
        <v>12</v>
      </c>
      <c r="AN28030">
        <v>12</v>
      </c>
      <c r="AO28030">
        <v>12</v>
      </c>
      <c r="AP28030">
        <v>12</v>
      </c>
      <c r="AQ28030">
        <v>12</v>
      </c>
    </row>
    <row r="28031" spans="1:43">
      <c r="A28031" t="s">
        <v>17349</v>
      </c>
      <c r="B28031" t="s">
        <v>17350</v>
      </c>
      <c r="C28031" t="s">
        <v>17343</v>
      </c>
      <c r="D28031" t="s">
        <v>17344</v>
      </c>
      <c r="E28031" t="s">
        <v>17265</v>
      </c>
      <c r="F28031" t="s">
        <v>17266</v>
      </c>
      <c r="G28031" t="s">
        <v>16559</v>
      </c>
      <c r="H28031" t="s">
        <v>16560</v>
      </c>
      <c r="I28031" s="2">
        <v>1</v>
      </c>
      <c r="J28031" s="2">
        <v>0</v>
      </c>
      <c r="K28031" s="2">
        <v>0</v>
      </c>
      <c r="L28031" t="s">
        <v>120</v>
      </c>
      <c r="M28031" t="s">
        <v>87</v>
      </c>
      <c r="N28031" t="s">
        <v>88</v>
      </c>
      <c r="O28031" t="s">
        <v>85</v>
      </c>
      <c r="P28031" t="s">
        <v>86</v>
      </c>
      <c r="Q28031">
        <v>11</v>
      </c>
      <c r="R28031">
        <v>11</v>
      </c>
      <c r="S28031">
        <v>11</v>
      </c>
      <c r="T28031">
        <v>11</v>
      </c>
      <c r="U28031">
        <v>11</v>
      </c>
      <c r="V28031">
        <v>11</v>
      </c>
      <c r="W28031">
        <v>11</v>
      </c>
      <c r="X28031">
        <v>11</v>
      </c>
      <c r="Y28031">
        <v>11</v>
      </c>
      <c r="Z28031">
        <v>11</v>
      </c>
      <c r="AA28031">
        <v>11</v>
      </c>
      <c r="AB28031">
        <v>11</v>
      </c>
      <c r="AC28031">
        <v>11</v>
      </c>
      <c r="AD28031">
        <v>11</v>
      </c>
      <c r="AE28031">
        <v>11</v>
      </c>
      <c r="AF28031">
        <v>11</v>
      </c>
      <c r="AG28031">
        <v>11</v>
      </c>
      <c r="AH28031">
        <v>11</v>
      </c>
      <c r="AI28031">
        <v>11</v>
      </c>
      <c r="AJ28031">
        <v>11</v>
      </c>
      <c r="AK28031">
        <v>11</v>
      </c>
      <c r="AL28031">
        <v>11</v>
      </c>
      <c r="AM28031">
        <v>11</v>
      </c>
      <c r="AN28031">
        <v>11</v>
      </c>
      <c r="AO28031">
        <v>11</v>
      </c>
      <c r="AP28031">
        <v>11</v>
      </c>
      <c r="AQ28031">
        <v>10</v>
      </c>
    </row>
    <row r="28032" spans="1:43">
      <c r="A28032" t="s">
        <v>17349</v>
      </c>
      <c r="B28032" t="s">
        <v>17350</v>
      </c>
      <c r="C28032" t="s">
        <v>17343</v>
      </c>
      <c r="D28032" t="s">
        <v>17344</v>
      </c>
      <c r="E28032" t="s">
        <v>17265</v>
      </c>
      <c r="F28032" t="s">
        <v>17266</v>
      </c>
      <c r="G28032" t="s">
        <v>16559</v>
      </c>
      <c r="H28032" t="s">
        <v>16560</v>
      </c>
      <c r="I28032" s="2">
        <v>1</v>
      </c>
      <c r="J28032" s="2">
        <v>0</v>
      </c>
      <c r="K28032" s="2">
        <v>0</v>
      </c>
      <c r="L28032" t="s">
        <v>120</v>
      </c>
      <c r="M28032" t="s">
        <v>89</v>
      </c>
      <c r="N28032" t="s">
        <v>90</v>
      </c>
      <c r="O28032" t="s">
        <v>85</v>
      </c>
      <c r="P28032" t="s">
        <v>86</v>
      </c>
      <c r="Q28032">
        <v>11</v>
      </c>
      <c r="R28032">
        <v>11</v>
      </c>
      <c r="S28032">
        <v>11</v>
      </c>
      <c r="T28032">
        <v>11</v>
      </c>
      <c r="U28032">
        <v>11</v>
      </c>
      <c r="V28032">
        <v>11</v>
      </c>
      <c r="W28032">
        <v>11</v>
      </c>
      <c r="X28032">
        <v>12</v>
      </c>
      <c r="Y28032">
        <v>12</v>
      </c>
      <c r="Z28032">
        <v>12</v>
      </c>
      <c r="AA28032">
        <v>12</v>
      </c>
      <c r="AB28032">
        <v>12</v>
      </c>
      <c r="AC28032">
        <v>12</v>
      </c>
      <c r="AD28032">
        <v>12</v>
      </c>
      <c r="AE28032">
        <v>12</v>
      </c>
      <c r="AF28032">
        <v>12</v>
      </c>
      <c r="AG28032">
        <v>12</v>
      </c>
      <c r="AH28032">
        <v>12</v>
      </c>
      <c r="AI28032">
        <v>12</v>
      </c>
      <c r="AJ28032">
        <v>12</v>
      </c>
      <c r="AK28032">
        <v>12</v>
      </c>
      <c r="AL28032">
        <v>12</v>
      </c>
      <c r="AM28032">
        <v>11</v>
      </c>
      <c r="AN28032">
        <v>11</v>
      </c>
      <c r="AO28032">
        <v>11</v>
      </c>
      <c r="AP28032">
        <v>11</v>
      </c>
      <c r="AQ28032">
        <v>11</v>
      </c>
    </row>
    <row r="28033" spans="1:43">
      <c r="A28033" t="s">
        <v>17349</v>
      </c>
      <c r="B28033" t="s">
        <v>17350</v>
      </c>
      <c r="C28033" t="s">
        <v>17343</v>
      </c>
      <c r="D28033" t="s">
        <v>17344</v>
      </c>
      <c r="E28033" t="s">
        <v>17265</v>
      </c>
      <c r="F28033" t="s">
        <v>17266</v>
      </c>
      <c r="G28033" t="s">
        <v>16559</v>
      </c>
      <c r="H28033" t="s">
        <v>16560</v>
      </c>
      <c r="I28033" s="2">
        <v>1</v>
      </c>
      <c r="J28033" s="2">
        <v>0</v>
      </c>
      <c r="K28033" s="2">
        <v>0</v>
      </c>
      <c r="L28033" t="s">
        <v>120</v>
      </c>
      <c r="M28033" t="s">
        <v>83</v>
      </c>
      <c r="N28033" t="s">
        <v>91</v>
      </c>
      <c r="O28033" t="s">
        <v>85</v>
      </c>
      <c r="P28033" t="s">
        <v>86</v>
      </c>
      <c r="Q28033">
        <v>11</v>
      </c>
      <c r="R28033">
        <v>12</v>
      </c>
      <c r="S28033">
        <v>12</v>
      </c>
      <c r="T28033">
        <v>12</v>
      </c>
      <c r="U28033">
        <v>12</v>
      </c>
      <c r="V28033">
        <v>12</v>
      </c>
      <c r="W28033">
        <v>12</v>
      </c>
      <c r="X28033">
        <v>12</v>
      </c>
      <c r="Y28033">
        <v>12</v>
      </c>
      <c r="Z28033">
        <v>12</v>
      </c>
      <c r="AA28033">
        <v>12</v>
      </c>
      <c r="AB28033">
        <v>12</v>
      </c>
      <c r="AC28033">
        <v>12</v>
      </c>
      <c r="AD28033">
        <v>12</v>
      </c>
      <c r="AE28033">
        <v>12</v>
      </c>
      <c r="AF28033">
        <v>12</v>
      </c>
      <c r="AG28033">
        <v>12</v>
      </c>
      <c r="AH28033">
        <v>12</v>
      </c>
      <c r="AI28033">
        <v>12</v>
      </c>
      <c r="AJ28033">
        <v>12</v>
      </c>
      <c r="AK28033">
        <v>13</v>
      </c>
      <c r="AL28033">
        <v>12</v>
      </c>
      <c r="AM28033">
        <v>12</v>
      </c>
      <c r="AN28033">
        <v>12</v>
      </c>
      <c r="AO28033">
        <v>12</v>
      </c>
      <c r="AP28033">
        <v>12</v>
      </c>
      <c r="AQ28033">
        <v>12</v>
      </c>
    </row>
    <row r="28034" spans="1:43">
      <c r="A28034" t="s">
        <v>17351</v>
      </c>
      <c r="B28034" t="s">
        <v>17352</v>
      </c>
      <c r="C28034" t="s">
        <v>17343</v>
      </c>
      <c r="D28034" t="s">
        <v>17344</v>
      </c>
      <c r="E28034" t="s">
        <v>17265</v>
      </c>
      <c r="F28034" t="s">
        <v>17266</v>
      </c>
      <c r="G28034" t="s">
        <v>16559</v>
      </c>
      <c r="H28034" t="s">
        <v>16560</v>
      </c>
      <c r="I28034" s="2">
        <v>1</v>
      </c>
      <c r="J28034" s="2">
        <v>0</v>
      </c>
      <c r="K28034" s="2">
        <v>0</v>
      </c>
      <c r="L28034" t="s">
        <v>120</v>
      </c>
      <c r="M28034" t="s">
        <v>83</v>
      </c>
      <c r="N28034" t="s">
        <v>84</v>
      </c>
      <c r="O28034" t="s">
        <v>85</v>
      </c>
      <c r="P28034" t="s">
        <v>86</v>
      </c>
      <c r="Q28034">
        <v>12</v>
      </c>
      <c r="R28034">
        <v>12</v>
      </c>
      <c r="S28034">
        <v>13</v>
      </c>
      <c r="T28034">
        <v>13</v>
      </c>
      <c r="U28034">
        <v>13</v>
      </c>
      <c r="V28034">
        <v>13</v>
      </c>
      <c r="W28034">
        <v>13</v>
      </c>
      <c r="X28034">
        <v>13</v>
      </c>
      <c r="Y28034">
        <v>13</v>
      </c>
      <c r="Z28034">
        <v>13</v>
      </c>
      <c r="AA28034">
        <v>13</v>
      </c>
      <c r="AB28034">
        <v>13</v>
      </c>
      <c r="AC28034">
        <v>13</v>
      </c>
      <c r="AD28034">
        <v>13</v>
      </c>
      <c r="AE28034">
        <v>13</v>
      </c>
      <c r="AF28034">
        <v>13</v>
      </c>
      <c r="AG28034">
        <v>13</v>
      </c>
      <c r="AH28034">
        <v>13</v>
      </c>
      <c r="AI28034">
        <v>13</v>
      </c>
      <c r="AJ28034">
        <v>14</v>
      </c>
      <c r="AK28034">
        <v>14</v>
      </c>
      <c r="AL28034">
        <v>14</v>
      </c>
      <c r="AM28034">
        <v>13</v>
      </c>
      <c r="AN28034">
        <v>13</v>
      </c>
      <c r="AO28034">
        <v>13</v>
      </c>
      <c r="AP28034">
        <v>13</v>
      </c>
      <c r="AQ28034">
        <v>13</v>
      </c>
    </row>
    <row r="28035" spans="1:43">
      <c r="A28035" t="s">
        <v>17351</v>
      </c>
      <c r="B28035" t="s">
        <v>17352</v>
      </c>
      <c r="C28035" t="s">
        <v>17343</v>
      </c>
      <c r="D28035" t="s">
        <v>17344</v>
      </c>
      <c r="E28035" t="s">
        <v>17265</v>
      </c>
      <c r="F28035" t="s">
        <v>17266</v>
      </c>
      <c r="G28035" t="s">
        <v>16559</v>
      </c>
      <c r="H28035" t="s">
        <v>16560</v>
      </c>
      <c r="I28035" s="2">
        <v>1</v>
      </c>
      <c r="J28035" s="2">
        <v>0</v>
      </c>
      <c r="K28035" s="2">
        <v>0</v>
      </c>
      <c r="L28035" t="s">
        <v>120</v>
      </c>
      <c r="M28035" t="s">
        <v>87</v>
      </c>
      <c r="N28035" t="s">
        <v>88</v>
      </c>
      <c r="O28035" t="s">
        <v>85</v>
      </c>
      <c r="P28035" t="s">
        <v>86</v>
      </c>
      <c r="Q28035">
        <v>12</v>
      </c>
      <c r="R28035">
        <v>12</v>
      </c>
      <c r="S28035">
        <v>12</v>
      </c>
      <c r="T28035">
        <v>12</v>
      </c>
      <c r="U28035">
        <v>12</v>
      </c>
      <c r="V28035">
        <v>12</v>
      </c>
      <c r="W28035">
        <v>12</v>
      </c>
      <c r="X28035">
        <v>12</v>
      </c>
      <c r="Y28035">
        <v>12</v>
      </c>
      <c r="Z28035">
        <v>12</v>
      </c>
      <c r="AA28035">
        <v>12</v>
      </c>
      <c r="AB28035">
        <v>12</v>
      </c>
      <c r="AC28035">
        <v>12</v>
      </c>
      <c r="AD28035">
        <v>12</v>
      </c>
      <c r="AE28035">
        <v>12</v>
      </c>
      <c r="AF28035">
        <v>12</v>
      </c>
      <c r="AG28035">
        <v>12</v>
      </c>
      <c r="AH28035">
        <v>12</v>
      </c>
      <c r="AI28035">
        <v>12</v>
      </c>
      <c r="AJ28035">
        <v>12</v>
      </c>
      <c r="AK28035">
        <v>12</v>
      </c>
      <c r="AL28035">
        <v>12</v>
      </c>
      <c r="AM28035">
        <v>12</v>
      </c>
      <c r="AN28035">
        <v>11</v>
      </c>
      <c r="AO28035">
        <v>11</v>
      </c>
      <c r="AP28035">
        <v>11</v>
      </c>
      <c r="AQ28035">
        <v>11</v>
      </c>
    </row>
    <row r="28036" spans="1:43">
      <c r="A28036" t="s">
        <v>17351</v>
      </c>
      <c r="B28036" t="s">
        <v>17352</v>
      </c>
      <c r="C28036" t="s">
        <v>17343</v>
      </c>
      <c r="D28036" t="s">
        <v>17344</v>
      </c>
      <c r="E28036" t="s">
        <v>17265</v>
      </c>
      <c r="F28036" t="s">
        <v>17266</v>
      </c>
      <c r="G28036" t="s">
        <v>16559</v>
      </c>
      <c r="H28036" t="s">
        <v>16560</v>
      </c>
      <c r="I28036" s="2">
        <v>1</v>
      </c>
      <c r="J28036" s="2">
        <v>0</v>
      </c>
      <c r="K28036" s="2">
        <v>0</v>
      </c>
      <c r="L28036" t="s">
        <v>120</v>
      </c>
      <c r="M28036" t="s">
        <v>89</v>
      </c>
      <c r="N28036" t="s">
        <v>90</v>
      </c>
      <c r="O28036" t="s">
        <v>85</v>
      </c>
      <c r="P28036" t="s">
        <v>86</v>
      </c>
      <c r="Q28036">
        <v>12</v>
      </c>
      <c r="R28036">
        <v>12</v>
      </c>
      <c r="S28036">
        <v>12</v>
      </c>
      <c r="T28036">
        <v>12</v>
      </c>
      <c r="U28036">
        <v>12</v>
      </c>
      <c r="V28036">
        <v>12</v>
      </c>
      <c r="W28036">
        <v>13</v>
      </c>
      <c r="X28036">
        <v>13</v>
      </c>
      <c r="Y28036">
        <v>13</v>
      </c>
      <c r="Z28036">
        <v>13</v>
      </c>
      <c r="AA28036">
        <v>13</v>
      </c>
      <c r="AB28036">
        <v>13</v>
      </c>
      <c r="AC28036">
        <v>13</v>
      </c>
      <c r="AD28036">
        <v>13</v>
      </c>
      <c r="AE28036">
        <v>13</v>
      </c>
      <c r="AF28036">
        <v>13</v>
      </c>
      <c r="AG28036">
        <v>13</v>
      </c>
      <c r="AH28036">
        <v>13</v>
      </c>
      <c r="AI28036">
        <v>13</v>
      </c>
      <c r="AJ28036">
        <v>13</v>
      </c>
      <c r="AK28036">
        <v>13</v>
      </c>
      <c r="AL28036">
        <v>13</v>
      </c>
      <c r="AM28036">
        <v>13</v>
      </c>
      <c r="AN28036">
        <v>12</v>
      </c>
      <c r="AO28036">
        <v>12</v>
      </c>
      <c r="AP28036">
        <v>12</v>
      </c>
      <c r="AQ28036">
        <v>12</v>
      </c>
    </row>
    <row r="28037" spans="1:43">
      <c r="A28037" t="s">
        <v>17351</v>
      </c>
      <c r="B28037" t="s">
        <v>17352</v>
      </c>
      <c r="C28037" t="s">
        <v>17343</v>
      </c>
      <c r="D28037" t="s">
        <v>17344</v>
      </c>
      <c r="E28037" t="s">
        <v>17265</v>
      </c>
      <c r="F28037" t="s">
        <v>17266</v>
      </c>
      <c r="G28037" t="s">
        <v>16559</v>
      </c>
      <c r="H28037" t="s">
        <v>16560</v>
      </c>
      <c r="I28037" s="2">
        <v>1</v>
      </c>
      <c r="J28037" s="2">
        <v>0</v>
      </c>
      <c r="K28037" s="2">
        <v>0</v>
      </c>
      <c r="L28037" t="s">
        <v>120</v>
      </c>
      <c r="M28037" t="s">
        <v>83</v>
      </c>
      <c r="N28037" t="s">
        <v>91</v>
      </c>
      <c r="O28037" t="s">
        <v>85</v>
      </c>
      <c r="P28037" t="s">
        <v>86</v>
      </c>
      <c r="Q28037">
        <v>12</v>
      </c>
      <c r="R28037">
        <v>12</v>
      </c>
      <c r="S28037">
        <v>13</v>
      </c>
      <c r="T28037">
        <v>13</v>
      </c>
      <c r="U28037">
        <v>13</v>
      </c>
      <c r="V28037">
        <v>13</v>
      </c>
      <c r="W28037">
        <v>13</v>
      </c>
      <c r="X28037">
        <v>13</v>
      </c>
      <c r="Y28037">
        <v>13</v>
      </c>
      <c r="Z28037">
        <v>13</v>
      </c>
      <c r="AA28037">
        <v>13</v>
      </c>
      <c r="AB28037">
        <v>13</v>
      </c>
      <c r="AC28037">
        <v>13</v>
      </c>
      <c r="AD28037">
        <v>13</v>
      </c>
      <c r="AE28037">
        <v>13</v>
      </c>
      <c r="AF28037">
        <v>13</v>
      </c>
      <c r="AG28037">
        <v>13</v>
      </c>
      <c r="AH28037">
        <v>13</v>
      </c>
      <c r="AI28037">
        <v>13</v>
      </c>
      <c r="AJ28037">
        <v>14</v>
      </c>
      <c r="AK28037">
        <v>14</v>
      </c>
      <c r="AL28037">
        <v>14</v>
      </c>
      <c r="AM28037">
        <v>13</v>
      </c>
      <c r="AN28037">
        <v>13</v>
      </c>
      <c r="AO28037">
        <v>13</v>
      </c>
      <c r="AP28037">
        <v>13</v>
      </c>
      <c r="AQ28037">
        <v>13</v>
      </c>
    </row>
    <row r="28038" spans="1:43">
      <c r="A28038" t="s">
        <v>17353</v>
      </c>
      <c r="B28038" t="s">
        <v>17354</v>
      </c>
      <c r="C28038" t="s">
        <v>17287</v>
      </c>
      <c r="D28038" t="s">
        <v>17288</v>
      </c>
      <c r="E28038" t="s">
        <v>17265</v>
      </c>
      <c r="F28038" t="s">
        <v>17266</v>
      </c>
      <c r="G28038" t="s">
        <v>16559</v>
      </c>
      <c r="H28038" t="s">
        <v>16560</v>
      </c>
      <c r="I28038" s="2">
        <v>1</v>
      </c>
      <c r="J28038" s="2">
        <v>0</v>
      </c>
      <c r="K28038" s="2">
        <v>0</v>
      </c>
      <c r="L28038" t="s">
        <v>120</v>
      </c>
      <c r="M28038" t="s">
        <v>83</v>
      </c>
      <c r="N28038" t="s">
        <v>84</v>
      </c>
      <c r="O28038" t="s">
        <v>85</v>
      </c>
      <c r="P28038" t="s">
        <v>86</v>
      </c>
      <c r="Q28038">
        <v>23</v>
      </c>
      <c r="R28038">
        <v>23</v>
      </c>
      <c r="S28038">
        <v>24</v>
      </c>
      <c r="T28038">
        <v>24</v>
      </c>
      <c r="U28038">
        <v>24</v>
      </c>
      <c r="V28038">
        <v>24</v>
      </c>
      <c r="W28038">
        <v>24</v>
      </c>
      <c r="X28038">
        <v>24</v>
      </c>
      <c r="Y28038">
        <v>25</v>
      </c>
      <c r="Z28038">
        <v>25</v>
      </c>
      <c r="AA28038">
        <v>25</v>
      </c>
      <c r="AB28038">
        <v>25</v>
      </c>
      <c r="AC28038">
        <v>25</v>
      </c>
      <c r="AD28038">
        <v>25</v>
      </c>
      <c r="AE28038">
        <v>25</v>
      </c>
      <c r="AF28038">
        <v>25</v>
      </c>
      <c r="AG28038">
        <v>25</v>
      </c>
      <c r="AH28038">
        <v>25</v>
      </c>
      <c r="AI28038">
        <v>26</v>
      </c>
      <c r="AJ28038">
        <v>26</v>
      </c>
      <c r="AK28038">
        <v>26</v>
      </c>
      <c r="AL28038">
        <v>26</v>
      </c>
      <c r="AM28038">
        <v>25</v>
      </c>
      <c r="AN28038">
        <v>25</v>
      </c>
      <c r="AO28038">
        <v>25</v>
      </c>
      <c r="AP28038">
        <v>25</v>
      </c>
      <c r="AQ28038">
        <v>25</v>
      </c>
    </row>
    <row r="28039" spans="1:43">
      <c r="A28039" t="s">
        <v>17353</v>
      </c>
      <c r="B28039" t="s">
        <v>17354</v>
      </c>
      <c r="C28039" t="s">
        <v>17287</v>
      </c>
      <c r="D28039" t="s">
        <v>17288</v>
      </c>
      <c r="E28039" t="s">
        <v>17265</v>
      </c>
      <c r="F28039" t="s">
        <v>17266</v>
      </c>
      <c r="G28039" t="s">
        <v>16559</v>
      </c>
      <c r="H28039" t="s">
        <v>16560</v>
      </c>
      <c r="I28039" s="2">
        <v>1</v>
      </c>
      <c r="J28039" s="2">
        <v>0</v>
      </c>
      <c r="K28039" s="2">
        <v>0</v>
      </c>
      <c r="L28039" t="s">
        <v>120</v>
      </c>
      <c r="M28039" t="s">
        <v>87</v>
      </c>
      <c r="N28039" t="s">
        <v>88</v>
      </c>
      <c r="O28039" t="s">
        <v>85</v>
      </c>
      <c r="P28039" t="s">
        <v>86</v>
      </c>
      <c r="Q28039">
        <v>23</v>
      </c>
      <c r="R28039">
        <v>23</v>
      </c>
      <c r="S28039">
        <v>23</v>
      </c>
      <c r="T28039">
        <v>23</v>
      </c>
      <c r="U28039">
        <v>23</v>
      </c>
      <c r="V28039">
        <v>23</v>
      </c>
      <c r="W28039">
        <v>23</v>
      </c>
      <c r="X28039">
        <v>23</v>
      </c>
      <c r="Y28039">
        <v>23</v>
      </c>
      <c r="Z28039">
        <v>23</v>
      </c>
      <c r="AA28039">
        <v>23</v>
      </c>
      <c r="AB28039">
        <v>23</v>
      </c>
      <c r="AC28039">
        <v>23</v>
      </c>
      <c r="AD28039">
        <v>22</v>
      </c>
      <c r="AE28039">
        <v>22</v>
      </c>
      <c r="AF28039">
        <v>22</v>
      </c>
      <c r="AG28039">
        <v>22</v>
      </c>
      <c r="AH28039">
        <v>22</v>
      </c>
      <c r="AI28039">
        <v>22</v>
      </c>
      <c r="AJ28039">
        <v>22</v>
      </c>
      <c r="AK28039">
        <v>22</v>
      </c>
      <c r="AL28039">
        <v>22</v>
      </c>
      <c r="AM28039">
        <v>22</v>
      </c>
      <c r="AN28039">
        <v>22</v>
      </c>
      <c r="AO28039">
        <v>22</v>
      </c>
      <c r="AP28039">
        <v>22</v>
      </c>
      <c r="AQ28039">
        <v>22</v>
      </c>
    </row>
    <row r="28040" spans="1:43">
      <c r="A28040" t="s">
        <v>17353</v>
      </c>
      <c r="B28040" t="s">
        <v>17354</v>
      </c>
      <c r="C28040" t="s">
        <v>17287</v>
      </c>
      <c r="D28040" t="s">
        <v>17288</v>
      </c>
      <c r="E28040" t="s">
        <v>17265</v>
      </c>
      <c r="F28040" t="s">
        <v>17266</v>
      </c>
      <c r="G28040" t="s">
        <v>16559</v>
      </c>
      <c r="H28040" t="s">
        <v>16560</v>
      </c>
      <c r="I28040" s="2">
        <v>1</v>
      </c>
      <c r="J28040" s="2">
        <v>0</v>
      </c>
      <c r="K28040" s="2">
        <v>0</v>
      </c>
      <c r="L28040" t="s">
        <v>120</v>
      </c>
      <c r="M28040" t="s">
        <v>89</v>
      </c>
      <c r="N28040" t="s">
        <v>90</v>
      </c>
      <c r="O28040" t="s">
        <v>85</v>
      </c>
      <c r="P28040" t="s">
        <v>86</v>
      </c>
      <c r="Q28040">
        <v>23</v>
      </c>
      <c r="R28040">
        <v>23</v>
      </c>
      <c r="S28040">
        <v>23</v>
      </c>
      <c r="T28040">
        <v>24</v>
      </c>
      <c r="U28040">
        <v>24</v>
      </c>
      <c r="V28040">
        <v>24</v>
      </c>
      <c r="W28040">
        <v>24</v>
      </c>
      <c r="X28040">
        <v>25</v>
      </c>
      <c r="Y28040">
        <v>25</v>
      </c>
      <c r="Z28040">
        <v>25</v>
      </c>
      <c r="AA28040">
        <v>25</v>
      </c>
      <c r="AB28040">
        <v>26</v>
      </c>
      <c r="AC28040">
        <v>26</v>
      </c>
      <c r="AD28040">
        <v>26</v>
      </c>
      <c r="AE28040">
        <v>26</v>
      </c>
      <c r="AF28040">
        <v>26</v>
      </c>
      <c r="AG28040">
        <v>26</v>
      </c>
      <c r="AH28040">
        <v>25</v>
      </c>
      <c r="AI28040">
        <v>25</v>
      </c>
      <c r="AJ28040">
        <v>25</v>
      </c>
      <c r="AK28040">
        <v>25</v>
      </c>
      <c r="AL28040">
        <v>25</v>
      </c>
      <c r="AM28040">
        <v>25</v>
      </c>
      <c r="AN28040">
        <v>24</v>
      </c>
      <c r="AO28040">
        <v>24</v>
      </c>
      <c r="AP28040">
        <v>24</v>
      </c>
      <c r="AQ28040">
        <v>24</v>
      </c>
    </row>
    <row r="28041" spans="1:43">
      <c r="A28041" t="s">
        <v>17353</v>
      </c>
      <c r="B28041" t="s">
        <v>17354</v>
      </c>
      <c r="C28041" t="s">
        <v>17287</v>
      </c>
      <c r="D28041" t="s">
        <v>17288</v>
      </c>
      <c r="E28041" t="s">
        <v>17265</v>
      </c>
      <c r="F28041" t="s">
        <v>17266</v>
      </c>
      <c r="G28041" t="s">
        <v>16559</v>
      </c>
      <c r="H28041" t="s">
        <v>16560</v>
      </c>
      <c r="I28041" s="2">
        <v>1</v>
      </c>
      <c r="J28041" s="2">
        <v>0</v>
      </c>
      <c r="K28041" s="2">
        <v>0</v>
      </c>
      <c r="L28041" t="s">
        <v>120</v>
      </c>
      <c r="M28041" t="s">
        <v>83</v>
      </c>
      <c r="N28041" t="s">
        <v>91</v>
      </c>
      <c r="O28041" t="s">
        <v>85</v>
      </c>
      <c r="P28041" t="s">
        <v>86</v>
      </c>
      <c r="Q28041">
        <v>23</v>
      </c>
      <c r="R28041">
        <v>23</v>
      </c>
      <c r="S28041">
        <v>24</v>
      </c>
      <c r="T28041">
        <v>24</v>
      </c>
      <c r="U28041">
        <v>24</v>
      </c>
      <c r="V28041">
        <v>24</v>
      </c>
      <c r="W28041">
        <v>24</v>
      </c>
      <c r="X28041">
        <v>24</v>
      </c>
      <c r="Y28041">
        <v>25</v>
      </c>
      <c r="Z28041">
        <v>25</v>
      </c>
      <c r="AA28041">
        <v>25</v>
      </c>
      <c r="AB28041">
        <v>25</v>
      </c>
      <c r="AC28041">
        <v>25</v>
      </c>
      <c r="AD28041">
        <v>25</v>
      </c>
      <c r="AE28041">
        <v>25</v>
      </c>
      <c r="AF28041">
        <v>25</v>
      </c>
      <c r="AG28041">
        <v>25</v>
      </c>
      <c r="AH28041">
        <v>25</v>
      </c>
      <c r="AI28041">
        <v>26</v>
      </c>
      <c r="AJ28041">
        <v>26</v>
      </c>
      <c r="AK28041">
        <v>26</v>
      </c>
      <c r="AL28041">
        <v>26</v>
      </c>
      <c r="AM28041">
        <v>25</v>
      </c>
      <c r="AN28041">
        <v>25</v>
      </c>
      <c r="AO28041">
        <v>25</v>
      </c>
      <c r="AP28041">
        <v>25</v>
      </c>
      <c r="AQ28041">
        <v>25</v>
      </c>
    </row>
    <row r="28042" spans="1:43">
      <c r="A28042" t="s">
        <v>17355</v>
      </c>
      <c r="B28042" t="s">
        <v>17356</v>
      </c>
      <c r="C28042" t="s">
        <v>17287</v>
      </c>
      <c r="D28042" t="s">
        <v>17288</v>
      </c>
      <c r="E28042" t="s">
        <v>17265</v>
      </c>
      <c r="F28042" t="s">
        <v>17266</v>
      </c>
      <c r="G28042" t="s">
        <v>16559</v>
      </c>
      <c r="H28042" t="s">
        <v>16560</v>
      </c>
      <c r="I28042" s="2">
        <v>1</v>
      </c>
      <c r="J28042" s="2">
        <v>0</v>
      </c>
      <c r="K28042" s="2">
        <v>0</v>
      </c>
      <c r="L28042" t="s">
        <v>120</v>
      </c>
      <c r="M28042" t="s">
        <v>83</v>
      </c>
      <c r="N28042" t="s">
        <v>84</v>
      </c>
      <c r="O28042" t="s">
        <v>85</v>
      </c>
      <c r="P28042" t="s">
        <v>86</v>
      </c>
      <c r="Q28042">
        <v>31</v>
      </c>
      <c r="R28042">
        <v>32</v>
      </c>
      <c r="S28042">
        <v>32</v>
      </c>
      <c r="T28042">
        <v>32</v>
      </c>
      <c r="U28042">
        <v>32</v>
      </c>
      <c r="V28042">
        <v>32</v>
      </c>
      <c r="W28042">
        <v>33</v>
      </c>
      <c r="X28042">
        <v>33</v>
      </c>
      <c r="Y28042">
        <v>33</v>
      </c>
      <c r="Z28042">
        <v>33</v>
      </c>
      <c r="AA28042">
        <v>33</v>
      </c>
      <c r="AB28042">
        <v>33</v>
      </c>
      <c r="AC28042">
        <v>34</v>
      </c>
      <c r="AD28042">
        <v>34</v>
      </c>
      <c r="AE28042">
        <v>34</v>
      </c>
      <c r="AF28042">
        <v>34</v>
      </c>
      <c r="AG28042">
        <v>34</v>
      </c>
      <c r="AH28042">
        <v>34</v>
      </c>
      <c r="AI28042">
        <v>34</v>
      </c>
      <c r="AJ28042">
        <v>34</v>
      </c>
      <c r="AK28042">
        <v>34</v>
      </c>
      <c r="AL28042">
        <v>34</v>
      </c>
      <c r="AM28042">
        <v>34</v>
      </c>
      <c r="AN28042">
        <v>34</v>
      </c>
      <c r="AO28042">
        <v>34</v>
      </c>
      <c r="AP28042">
        <v>33</v>
      </c>
      <c r="AQ28042">
        <v>33</v>
      </c>
    </row>
    <row r="28043" spans="1:43">
      <c r="A28043" t="s">
        <v>17355</v>
      </c>
      <c r="B28043" t="s">
        <v>17356</v>
      </c>
      <c r="C28043" t="s">
        <v>17287</v>
      </c>
      <c r="D28043" t="s">
        <v>17288</v>
      </c>
      <c r="E28043" t="s">
        <v>17265</v>
      </c>
      <c r="F28043" t="s">
        <v>17266</v>
      </c>
      <c r="G28043" t="s">
        <v>16559</v>
      </c>
      <c r="H28043" t="s">
        <v>16560</v>
      </c>
      <c r="I28043" s="2">
        <v>1</v>
      </c>
      <c r="J28043" s="2">
        <v>0</v>
      </c>
      <c r="K28043" s="2">
        <v>0</v>
      </c>
      <c r="L28043" t="s">
        <v>120</v>
      </c>
      <c r="M28043" t="s">
        <v>87</v>
      </c>
      <c r="N28043" t="s">
        <v>88</v>
      </c>
      <c r="O28043" t="s">
        <v>85</v>
      </c>
      <c r="P28043" t="s">
        <v>86</v>
      </c>
      <c r="Q28043">
        <v>31</v>
      </c>
      <c r="R28043">
        <v>31</v>
      </c>
      <c r="S28043">
        <v>31</v>
      </c>
      <c r="T28043">
        <v>31</v>
      </c>
      <c r="U28043">
        <v>31</v>
      </c>
      <c r="V28043">
        <v>31</v>
      </c>
      <c r="W28043">
        <v>31</v>
      </c>
      <c r="X28043">
        <v>31</v>
      </c>
      <c r="Y28043">
        <v>31</v>
      </c>
      <c r="Z28043">
        <v>30</v>
      </c>
      <c r="AA28043">
        <v>30</v>
      </c>
      <c r="AB28043">
        <v>30</v>
      </c>
      <c r="AC28043">
        <v>30</v>
      </c>
      <c r="AD28043">
        <v>30</v>
      </c>
      <c r="AE28043">
        <v>30</v>
      </c>
      <c r="AF28043">
        <v>30</v>
      </c>
      <c r="AG28043">
        <v>30</v>
      </c>
      <c r="AH28043">
        <v>30</v>
      </c>
      <c r="AI28043">
        <v>30</v>
      </c>
      <c r="AJ28043">
        <v>30</v>
      </c>
      <c r="AK28043">
        <v>29</v>
      </c>
      <c r="AL28043">
        <v>29</v>
      </c>
      <c r="AM28043">
        <v>29</v>
      </c>
      <c r="AN28043">
        <v>29</v>
      </c>
      <c r="AO28043">
        <v>29</v>
      </c>
      <c r="AP28043">
        <v>29</v>
      </c>
      <c r="AQ28043">
        <v>29</v>
      </c>
    </row>
    <row r="28044" spans="1:43">
      <c r="A28044" t="s">
        <v>17355</v>
      </c>
      <c r="B28044" t="s">
        <v>17356</v>
      </c>
      <c r="C28044" t="s">
        <v>17287</v>
      </c>
      <c r="D28044" t="s">
        <v>17288</v>
      </c>
      <c r="E28044" t="s">
        <v>17265</v>
      </c>
      <c r="F28044" t="s">
        <v>17266</v>
      </c>
      <c r="G28044" t="s">
        <v>16559</v>
      </c>
      <c r="H28044" t="s">
        <v>16560</v>
      </c>
      <c r="I28044" s="2">
        <v>1</v>
      </c>
      <c r="J28044" s="2">
        <v>0</v>
      </c>
      <c r="K28044" s="2">
        <v>0</v>
      </c>
      <c r="L28044" t="s">
        <v>120</v>
      </c>
      <c r="M28044" t="s">
        <v>89</v>
      </c>
      <c r="N28044" t="s">
        <v>90</v>
      </c>
      <c r="O28044" t="s">
        <v>85</v>
      </c>
      <c r="P28044" t="s">
        <v>86</v>
      </c>
      <c r="Q28044">
        <v>31</v>
      </c>
      <c r="R28044">
        <v>31</v>
      </c>
      <c r="S28044">
        <v>32</v>
      </c>
      <c r="T28044">
        <v>32</v>
      </c>
      <c r="U28044">
        <v>33</v>
      </c>
      <c r="V28044">
        <v>33</v>
      </c>
      <c r="W28044">
        <v>33</v>
      </c>
      <c r="X28044">
        <v>34</v>
      </c>
      <c r="Y28044">
        <v>34</v>
      </c>
      <c r="Z28044">
        <v>34</v>
      </c>
      <c r="AA28044">
        <v>34</v>
      </c>
      <c r="AB28044">
        <v>35</v>
      </c>
      <c r="AC28044">
        <v>35</v>
      </c>
      <c r="AD28044">
        <v>35</v>
      </c>
      <c r="AE28044">
        <v>35</v>
      </c>
      <c r="AF28044">
        <v>35</v>
      </c>
      <c r="AG28044">
        <v>35</v>
      </c>
      <c r="AH28044">
        <v>35</v>
      </c>
      <c r="AI28044">
        <v>34</v>
      </c>
      <c r="AJ28044">
        <v>34</v>
      </c>
      <c r="AK28044">
        <v>34</v>
      </c>
      <c r="AL28044">
        <v>34</v>
      </c>
      <c r="AM28044">
        <v>33</v>
      </c>
      <c r="AN28044">
        <v>33</v>
      </c>
      <c r="AO28044">
        <v>33</v>
      </c>
      <c r="AP28044">
        <v>33</v>
      </c>
      <c r="AQ28044">
        <v>32</v>
      </c>
    </row>
    <row r="28045" spans="1:43">
      <c r="A28045" t="s">
        <v>17355</v>
      </c>
      <c r="B28045" t="s">
        <v>17356</v>
      </c>
      <c r="C28045" t="s">
        <v>17287</v>
      </c>
      <c r="D28045" t="s">
        <v>17288</v>
      </c>
      <c r="E28045" t="s">
        <v>17265</v>
      </c>
      <c r="F28045" t="s">
        <v>17266</v>
      </c>
      <c r="G28045" t="s">
        <v>16559</v>
      </c>
      <c r="H28045" t="s">
        <v>16560</v>
      </c>
      <c r="I28045" s="2">
        <v>1</v>
      </c>
      <c r="J28045" s="2">
        <v>0</v>
      </c>
      <c r="K28045" s="2">
        <v>0</v>
      </c>
      <c r="L28045" t="s">
        <v>120</v>
      </c>
      <c r="M28045" t="s">
        <v>83</v>
      </c>
      <c r="N28045" t="s">
        <v>91</v>
      </c>
      <c r="O28045" t="s">
        <v>85</v>
      </c>
      <c r="P28045" t="s">
        <v>86</v>
      </c>
      <c r="Q28045">
        <v>31</v>
      </c>
      <c r="R28045">
        <v>32</v>
      </c>
      <c r="S28045">
        <v>32</v>
      </c>
      <c r="T28045">
        <v>32</v>
      </c>
      <c r="U28045">
        <v>32</v>
      </c>
      <c r="V28045">
        <v>32</v>
      </c>
      <c r="W28045">
        <v>33</v>
      </c>
      <c r="X28045">
        <v>33</v>
      </c>
      <c r="Y28045">
        <v>33</v>
      </c>
      <c r="Z28045">
        <v>33</v>
      </c>
      <c r="AA28045">
        <v>33</v>
      </c>
      <c r="AB28045">
        <v>33</v>
      </c>
      <c r="AC28045">
        <v>34</v>
      </c>
      <c r="AD28045">
        <v>34</v>
      </c>
      <c r="AE28045">
        <v>34</v>
      </c>
      <c r="AF28045">
        <v>34</v>
      </c>
      <c r="AG28045">
        <v>34</v>
      </c>
      <c r="AH28045">
        <v>34</v>
      </c>
      <c r="AI28045">
        <v>34</v>
      </c>
      <c r="AJ28045">
        <v>34</v>
      </c>
      <c r="AK28045">
        <v>34</v>
      </c>
      <c r="AL28045">
        <v>34</v>
      </c>
      <c r="AM28045">
        <v>34</v>
      </c>
      <c r="AN28045">
        <v>34</v>
      </c>
      <c r="AO28045">
        <v>34</v>
      </c>
      <c r="AP28045">
        <v>33</v>
      </c>
      <c r="AQ28045">
        <v>33</v>
      </c>
    </row>
    <row r="28046" spans="1:43">
      <c r="A28046" t="s">
        <v>17357</v>
      </c>
      <c r="B28046" t="s">
        <v>17358</v>
      </c>
      <c r="C28046" t="s">
        <v>17287</v>
      </c>
      <c r="D28046" t="s">
        <v>17288</v>
      </c>
      <c r="E28046" t="s">
        <v>17265</v>
      </c>
      <c r="F28046" t="s">
        <v>17266</v>
      </c>
      <c r="G28046" t="s">
        <v>16559</v>
      </c>
      <c r="H28046" t="s">
        <v>16560</v>
      </c>
      <c r="I28046" s="2">
        <v>1</v>
      </c>
      <c r="J28046" s="2">
        <v>0</v>
      </c>
      <c r="K28046" s="2">
        <v>0</v>
      </c>
      <c r="L28046" t="s">
        <v>120</v>
      </c>
      <c r="M28046" t="s">
        <v>83</v>
      </c>
      <c r="N28046" t="s">
        <v>84</v>
      </c>
      <c r="O28046" t="s">
        <v>85</v>
      </c>
      <c r="P28046" t="s">
        <v>86</v>
      </c>
      <c r="Q28046">
        <v>30</v>
      </c>
      <c r="R28046">
        <v>30</v>
      </c>
      <c r="S28046">
        <v>31</v>
      </c>
      <c r="T28046">
        <v>31</v>
      </c>
      <c r="U28046">
        <v>31</v>
      </c>
      <c r="V28046">
        <v>31</v>
      </c>
      <c r="W28046">
        <v>31</v>
      </c>
      <c r="X28046">
        <v>31</v>
      </c>
      <c r="Y28046">
        <v>32</v>
      </c>
      <c r="Z28046">
        <v>32</v>
      </c>
      <c r="AA28046">
        <v>32</v>
      </c>
      <c r="AB28046">
        <v>32</v>
      </c>
      <c r="AC28046">
        <v>32</v>
      </c>
      <c r="AD28046">
        <v>32</v>
      </c>
      <c r="AE28046">
        <v>32</v>
      </c>
      <c r="AF28046">
        <v>32</v>
      </c>
      <c r="AG28046">
        <v>33</v>
      </c>
      <c r="AH28046">
        <v>33</v>
      </c>
      <c r="AI28046">
        <v>33</v>
      </c>
      <c r="AJ28046">
        <v>33</v>
      </c>
      <c r="AK28046">
        <v>33</v>
      </c>
      <c r="AL28046">
        <v>33</v>
      </c>
      <c r="AM28046">
        <v>32</v>
      </c>
      <c r="AN28046">
        <v>32</v>
      </c>
      <c r="AO28046">
        <v>32</v>
      </c>
      <c r="AP28046">
        <v>32</v>
      </c>
      <c r="AQ28046">
        <v>32</v>
      </c>
    </row>
    <row r="28047" spans="1:43">
      <c r="A28047" t="s">
        <v>17357</v>
      </c>
      <c r="B28047" t="s">
        <v>17358</v>
      </c>
      <c r="C28047" t="s">
        <v>17287</v>
      </c>
      <c r="D28047" t="s">
        <v>17288</v>
      </c>
      <c r="E28047" t="s">
        <v>17265</v>
      </c>
      <c r="F28047" t="s">
        <v>17266</v>
      </c>
      <c r="G28047" t="s">
        <v>16559</v>
      </c>
      <c r="H28047" t="s">
        <v>16560</v>
      </c>
      <c r="I28047" s="2">
        <v>1</v>
      </c>
      <c r="J28047" s="2">
        <v>0</v>
      </c>
      <c r="K28047" s="2">
        <v>0</v>
      </c>
      <c r="L28047" t="s">
        <v>120</v>
      </c>
      <c r="M28047" t="s">
        <v>87</v>
      </c>
      <c r="N28047" t="s">
        <v>88</v>
      </c>
      <c r="O28047" t="s">
        <v>85</v>
      </c>
      <c r="P28047" t="s">
        <v>86</v>
      </c>
      <c r="Q28047">
        <v>30</v>
      </c>
      <c r="R28047">
        <v>30</v>
      </c>
      <c r="S28047">
        <v>30</v>
      </c>
      <c r="T28047">
        <v>30</v>
      </c>
      <c r="U28047">
        <v>30</v>
      </c>
      <c r="V28047">
        <v>29</v>
      </c>
      <c r="W28047">
        <v>29</v>
      </c>
      <c r="X28047">
        <v>29</v>
      </c>
      <c r="Y28047">
        <v>29</v>
      </c>
      <c r="Z28047">
        <v>29</v>
      </c>
      <c r="AA28047">
        <v>29</v>
      </c>
      <c r="AB28047">
        <v>29</v>
      </c>
      <c r="AC28047">
        <v>29</v>
      </c>
      <c r="AD28047">
        <v>29</v>
      </c>
      <c r="AE28047">
        <v>29</v>
      </c>
      <c r="AF28047">
        <v>29</v>
      </c>
      <c r="AG28047">
        <v>28</v>
      </c>
      <c r="AH28047">
        <v>28</v>
      </c>
      <c r="AI28047">
        <v>28</v>
      </c>
      <c r="AJ28047">
        <v>28</v>
      </c>
      <c r="AK28047">
        <v>28</v>
      </c>
      <c r="AL28047">
        <v>28</v>
      </c>
      <c r="AM28047">
        <v>28</v>
      </c>
      <c r="AN28047">
        <v>28</v>
      </c>
      <c r="AO28047">
        <v>28</v>
      </c>
      <c r="AP28047">
        <v>27</v>
      </c>
      <c r="AQ28047">
        <v>27</v>
      </c>
    </row>
    <row r="28048" spans="1:43">
      <c r="A28048" t="s">
        <v>17357</v>
      </c>
      <c r="B28048" t="s">
        <v>17358</v>
      </c>
      <c r="C28048" t="s">
        <v>17287</v>
      </c>
      <c r="D28048" t="s">
        <v>17288</v>
      </c>
      <c r="E28048" t="s">
        <v>17265</v>
      </c>
      <c r="F28048" t="s">
        <v>17266</v>
      </c>
      <c r="G28048" t="s">
        <v>16559</v>
      </c>
      <c r="H28048" t="s">
        <v>16560</v>
      </c>
      <c r="I28048" s="2">
        <v>1</v>
      </c>
      <c r="J28048" s="2">
        <v>0</v>
      </c>
      <c r="K28048" s="2">
        <v>0</v>
      </c>
      <c r="L28048" t="s">
        <v>120</v>
      </c>
      <c r="M28048" t="s">
        <v>89</v>
      </c>
      <c r="N28048" t="s">
        <v>90</v>
      </c>
      <c r="O28048" t="s">
        <v>85</v>
      </c>
      <c r="P28048" t="s">
        <v>86</v>
      </c>
      <c r="Q28048">
        <v>30</v>
      </c>
      <c r="R28048">
        <v>31</v>
      </c>
      <c r="S28048">
        <v>31</v>
      </c>
      <c r="T28048">
        <v>32</v>
      </c>
      <c r="U28048">
        <v>32</v>
      </c>
      <c r="V28048">
        <v>32</v>
      </c>
      <c r="W28048">
        <v>33</v>
      </c>
      <c r="X28048">
        <v>33</v>
      </c>
      <c r="Y28048">
        <v>33</v>
      </c>
      <c r="Z28048">
        <v>34</v>
      </c>
      <c r="AA28048">
        <v>34</v>
      </c>
      <c r="AB28048">
        <v>34</v>
      </c>
      <c r="AC28048">
        <v>34</v>
      </c>
      <c r="AD28048">
        <v>35</v>
      </c>
      <c r="AE28048">
        <v>35</v>
      </c>
      <c r="AF28048">
        <v>34</v>
      </c>
      <c r="AG28048">
        <v>34</v>
      </c>
      <c r="AH28048">
        <v>34</v>
      </c>
      <c r="AI28048">
        <v>34</v>
      </c>
      <c r="AJ28048">
        <v>33</v>
      </c>
      <c r="AK28048">
        <v>33</v>
      </c>
      <c r="AL28048">
        <v>33</v>
      </c>
      <c r="AM28048">
        <v>33</v>
      </c>
      <c r="AN28048">
        <v>32</v>
      </c>
      <c r="AO28048">
        <v>32</v>
      </c>
      <c r="AP28048">
        <v>32</v>
      </c>
      <c r="AQ28048">
        <v>32</v>
      </c>
    </row>
    <row r="28049" spans="1:43">
      <c r="A28049" t="s">
        <v>17357</v>
      </c>
      <c r="B28049" t="s">
        <v>17358</v>
      </c>
      <c r="C28049" t="s">
        <v>17287</v>
      </c>
      <c r="D28049" t="s">
        <v>17288</v>
      </c>
      <c r="E28049" t="s">
        <v>17265</v>
      </c>
      <c r="F28049" t="s">
        <v>17266</v>
      </c>
      <c r="G28049" t="s">
        <v>16559</v>
      </c>
      <c r="H28049" t="s">
        <v>16560</v>
      </c>
      <c r="I28049" s="2">
        <v>1</v>
      </c>
      <c r="J28049" s="2">
        <v>0</v>
      </c>
      <c r="K28049" s="2">
        <v>0</v>
      </c>
      <c r="L28049" t="s">
        <v>120</v>
      </c>
      <c r="M28049" t="s">
        <v>83</v>
      </c>
      <c r="N28049" t="s">
        <v>91</v>
      </c>
      <c r="O28049" t="s">
        <v>85</v>
      </c>
      <c r="P28049" t="s">
        <v>86</v>
      </c>
      <c r="Q28049">
        <v>30</v>
      </c>
      <c r="R28049">
        <v>30</v>
      </c>
      <c r="S28049">
        <v>31</v>
      </c>
      <c r="T28049">
        <v>31</v>
      </c>
      <c r="U28049">
        <v>31</v>
      </c>
      <c r="V28049">
        <v>31</v>
      </c>
      <c r="W28049">
        <v>31</v>
      </c>
      <c r="X28049">
        <v>31</v>
      </c>
      <c r="Y28049">
        <v>32</v>
      </c>
      <c r="Z28049">
        <v>32</v>
      </c>
      <c r="AA28049">
        <v>32</v>
      </c>
      <c r="AB28049">
        <v>32</v>
      </c>
      <c r="AC28049">
        <v>32</v>
      </c>
      <c r="AD28049">
        <v>32</v>
      </c>
      <c r="AE28049">
        <v>32</v>
      </c>
      <c r="AF28049">
        <v>32</v>
      </c>
      <c r="AG28049">
        <v>33</v>
      </c>
      <c r="AH28049">
        <v>33</v>
      </c>
      <c r="AI28049">
        <v>33</v>
      </c>
      <c r="AJ28049">
        <v>33</v>
      </c>
      <c r="AK28049">
        <v>33</v>
      </c>
      <c r="AL28049">
        <v>33</v>
      </c>
      <c r="AM28049">
        <v>32</v>
      </c>
      <c r="AN28049">
        <v>32</v>
      </c>
      <c r="AO28049">
        <v>32</v>
      </c>
      <c r="AP28049">
        <v>32</v>
      </c>
      <c r="AQ28049">
        <v>32</v>
      </c>
    </row>
    <row r="28050" spans="1:43">
      <c r="A28050" t="s">
        <v>17359</v>
      </c>
      <c r="B28050" t="s">
        <v>17360</v>
      </c>
      <c r="C28050" t="s">
        <v>17287</v>
      </c>
      <c r="D28050" t="s">
        <v>17288</v>
      </c>
      <c r="E28050" t="s">
        <v>17265</v>
      </c>
      <c r="F28050" t="s">
        <v>17266</v>
      </c>
      <c r="G28050" t="s">
        <v>16559</v>
      </c>
      <c r="H28050" t="s">
        <v>16560</v>
      </c>
      <c r="I28050" s="2">
        <v>1</v>
      </c>
      <c r="J28050" s="2">
        <v>0</v>
      </c>
      <c r="K28050" s="2">
        <v>0</v>
      </c>
      <c r="L28050" t="s">
        <v>120</v>
      </c>
      <c r="M28050" t="s">
        <v>83</v>
      </c>
      <c r="N28050" t="s">
        <v>84</v>
      </c>
      <c r="O28050" t="s">
        <v>85</v>
      </c>
      <c r="P28050" t="s">
        <v>86</v>
      </c>
      <c r="Q28050">
        <v>33</v>
      </c>
      <c r="R28050">
        <v>33</v>
      </c>
      <c r="S28050">
        <v>33</v>
      </c>
      <c r="T28050">
        <v>34</v>
      </c>
      <c r="U28050">
        <v>34</v>
      </c>
      <c r="V28050">
        <v>34</v>
      </c>
      <c r="W28050">
        <v>34</v>
      </c>
      <c r="X28050">
        <v>34</v>
      </c>
      <c r="Y28050">
        <v>35</v>
      </c>
      <c r="Z28050">
        <v>35</v>
      </c>
      <c r="AA28050">
        <v>35</v>
      </c>
      <c r="AB28050">
        <v>35</v>
      </c>
      <c r="AC28050">
        <v>35</v>
      </c>
      <c r="AD28050">
        <v>35</v>
      </c>
      <c r="AE28050">
        <v>35</v>
      </c>
      <c r="AF28050">
        <v>36</v>
      </c>
      <c r="AG28050">
        <v>36</v>
      </c>
      <c r="AH28050">
        <v>36</v>
      </c>
      <c r="AI28050">
        <v>36</v>
      </c>
      <c r="AJ28050">
        <v>36</v>
      </c>
      <c r="AK28050">
        <v>36</v>
      </c>
      <c r="AL28050">
        <v>36</v>
      </c>
      <c r="AM28050">
        <v>36</v>
      </c>
      <c r="AN28050">
        <v>36</v>
      </c>
      <c r="AO28050">
        <v>35</v>
      </c>
      <c r="AP28050">
        <v>35</v>
      </c>
      <c r="AQ28050">
        <v>35</v>
      </c>
    </row>
    <row r="28051" spans="1:43">
      <c r="A28051" t="s">
        <v>17359</v>
      </c>
      <c r="B28051" t="s">
        <v>17360</v>
      </c>
      <c r="C28051" t="s">
        <v>17287</v>
      </c>
      <c r="D28051" t="s">
        <v>17288</v>
      </c>
      <c r="E28051" t="s">
        <v>17265</v>
      </c>
      <c r="F28051" t="s">
        <v>17266</v>
      </c>
      <c r="G28051" t="s">
        <v>16559</v>
      </c>
      <c r="H28051" t="s">
        <v>16560</v>
      </c>
      <c r="I28051" s="2">
        <v>1</v>
      </c>
      <c r="J28051" s="2">
        <v>0</v>
      </c>
      <c r="K28051" s="2">
        <v>0</v>
      </c>
      <c r="L28051" t="s">
        <v>120</v>
      </c>
      <c r="M28051" t="s">
        <v>87</v>
      </c>
      <c r="N28051" t="s">
        <v>88</v>
      </c>
      <c r="O28051" t="s">
        <v>85</v>
      </c>
      <c r="P28051" t="s">
        <v>86</v>
      </c>
      <c r="Q28051">
        <v>33</v>
      </c>
      <c r="R28051">
        <v>33</v>
      </c>
      <c r="S28051">
        <v>32</v>
      </c>
      <c r="T28051">
        <v>32</v>
      </c>
      <c r="U28051">
        <v>32</v>
      </c>
      <c r="V28051">
        <v>32</v>
      </c>
      <c r="W28051">
        <v>32</v>
      </c>
      <c r="X28051">
        <v>32</v>
      </c>
      <c r="Y28051">
        <v>32</v>
      </c>
      <c r="Z28051">
        <v>32</v>
      </c>
      <c r="AA28051">
        <v>32</v>
      </c>
      <c r="AB28051">
        <v>32</v>
      </c>
      <c r="AC28051">
        <v>32</v>
      </c>
      <c r="AD28051">
        <v>32</v>
      </c>
      <c r="AE28051">
        <v>31</v>
      </c>
      <c r="AF28051">
        <v>31</v>
      </c>
      <c r="AG28051">
        <v>31</v>
      </c>
      <c r="AH28051">
        <v>31</v>
      </c>
      <c r="AI28051">
        <v>31</v>
      </c>
      <c r="AJ28051">
        <v>31</v>
      </c>
      <c r="AK28051">
        <v>31</v>
      </c>
      <c r="AL28051">
        <v>31</v>
      </c>
      <c r="AM28051">
        <v>31</v>
      </c>
      <c r="AN28051">
        <v>31</v>
      </c>
      <c r="AO28051">
        <v>31</v>
      </c>
      <c r="AP28051">
        <v>30</v>
      </c>
      <c r="AQ28051">
        <v>30</v>
      </c>
    </row>
    <row r="28052" spans="1:43">
      <c r="A28052" t="s">
        <v>17359</v>
      </c>
      <c r="B28052" t="s">
        <v>17360</v>
      </c>
      <c r="C28052" t="s">
        <v>17287</v>
      </c>
      <c r="D28052" t="s">
        <v>17288</v>
      </c>
      <c r="E28052" t="s">
        <v>17265</v>
      </c>
      <c r="F28052" t="s">
        <v>17266</v>
      </c>
      <c r="G28052" t="s">
        <v>16559</v>
      </c>
      <c r="H28052" t="s">
        <v>16560</v>
      </c>
      <c r="I28052" s="2">
        <v>1</v>
      </c>
      <c r="J28052" s="2">
        <v>0</v>
      </c>
      <c r="K28052" s="2">
        <v>0</v>
      </c>
      <c r="L28052" t="s">
        <v>120</v>
      </c>
      <c r="M28052" t="s">
        <v>89</v>
      </c>
      <c r="N28052" t="s">
        <v>90</v>
      </c>
      <c r="O28052" t="s">
        <v>85</v>
      </c>
      <c r="P28052" t="s">
        <v>86</v>
      </c>
      <c r="Q28052">
        <v>33</v>
      </c>
      <c r="R28052">
        <v>34</v>
      </c>
      <c r="S28052">
        <v>34</v>
      </c>
      <c r="T28052">
        <v>35</v>
      </c>
      <c r="U28052">
        <v>35</v>
      </c>
      <c r="V28052">
        <v>36</v>
      </c>
      <c r="W28052">
        <v>36</v>
      </c>
      <c r="X28052">
        <v>36</v>
      </c>
      <c r="Y28052">
        <v>37</v>
      </c>
      <c r="Z28052">
        <v>37</v>
      </c>
      <c r="AA28052">
        <v>37</v>
      </c>
      <c r="AB28052">
        <v>37</v>
      </c>
      <c r="AC28052">
        <v>38</v>
      </c>
      <c r="AD28052">
        <v>38</v>
      </c>
      <c r="AE28052">
        <v>38</v>
      </c>
      <c r="AF28052">
        <v>38</v>
      </c>
      <c r="AG28052">
        <v>38</v>
      </c>
      <c r="AH28052">
        <v>37</v>
      </c>
      <c r="AI28052">
        <v>37</v>
      </c>
      <c r="AJ28052">
        <v>37</v>
      </c>
      <c r="AK28052">
        <v>37</v>
      </c>
      <c r="AL28052">
        <v>36</v>
      </c>
      <c r="AM28052">
        <v>36</v>
      </c>
      <c r="AN28052">
        <v>36</v>
      </c>
      <c r="AO28052">
        <v>36</v>
      </c>
      <c r="AP28052">
        <v>35</v>
      </c>
      <c r="AQ28052">
        <v>35</v>
      </c>
    </row>
    <row r="28053" spans="1:43">
      <c r="A28053" t="s">
        <v>17359</v>
      </c>
      <c r="B28053" t="s">
        <v>17360</v>
      </c>
      <c r="C28053" t="s">
        <v>17287</v>
      </c>
      <c r="D28053" t="s">
        <v>17288</v>
      </c>
      <c r="E28053" t="s">
        <v>17265</v>
      </c>
      <c r="F28053" t="s">
        <v>17266</v>
      </c>
      <c r="G28053" t="s">
        <v>16559</v>
      </c>
      <c r="H28053" t="s">
        <v>16560</v>
      </c>
      <c r="I28053" s="2">
        <v>1</v>
      </c>
      <c r="J28053" s="2">
        <v>0</v>
      </c>
      <c r="K28053" s="2">
        <v>0</v>
      </c>
      <c r="L28053" t="s">
        <v>120</v>
      </c>
      <c r="M28053" t="s">
        <v>83</v>
      </c>
      <c r="N28053" t="s">
        <v>91</v>
      </c>
      <c r="O28053" t="s">
        <v>85</v>
      </c>
      <c r="P28053" t="s">
        <v>86</v>
      </c>
      <c r="Q28053">
        <v>33</v>
      </c>
      <c r="R28053">
        <v>33</v>
      </c>
      <c r="S28053">
        <v>33</v>
      </c>
      <c r="T28053">
        <v>34</v>
      </c>
      <c r="U28053">
        <v>34</v>
      </c>
      <c r="V28053">
        <v>34</v>
      </c>
      <c r="W28053">
        <v>34</v>
      </c>
      <c r="X28053">
        <v>34</v>
      </c>
      <c r="Y28053">
        <v>35</v>
      </c>
      <c r="Z28053">
        <v>35</v>
      </c>
      <c r="AA28053">
        <v>35</v>
      </c>
      <c r="AB28053">
        <v>35</v>
      </c>
      <c r="AC28053">
        <v>35</v>
      </c>
      <c r="AD28053">
        <v>35</v>
      </c>
      <c r="AE28053">
        <v>35</v>
      </c>
      <c r="AF28053">
        <v>36</v>
      </c>
      <c r="AG28053">
        <v>36</v>
      </c>
      <c r="AH28053">
        <v>36</v>
      </c>
      <c r="AI28053">
        <v>36</v>
      </c>
      <c r="AJ28053">
        <v>36</v>
      </c>
      <c r="AK28053">
        <v>36</v>
      </c>
      <c r="AL28053">
        <v>36</v>
      </c>
      <c r="AM28053">
        <v>36</v>
      </c>
      <c r="AN28053">
        <v>36</v>
      </c>
      <c r="AO28053">
        <v>35</v>
      </c>
      <c r="AP28053">
        <v>35</v>
      </c>
      <c r="AQ28053">
        <v>35</v>
      </c>
    </row>
    <row r="28054" spans="1:43">
      <c r="A28054" t="s">
        <v>17361</v>
      </c>
      <c r="B28054" t="s">
        <v>17362</v>
      </c>
      <c r="C28054" t="s">
        <v>17291</v>
      </c>
      <c r="D28054" t="s">
        <v>17292</v>
      </c>
      <c r="E28054" t="s">
        <v>17265</v>
      </c>
      <c r="F28054" t="s">
        <v>17266</v>
      </c>
      <c r="G28054" t="s">
        <v>16559</v>
      </c>
      <c r="H28054" t="s">
        <v>16560</v>
      </c>
      <c r="I28054" s="2">
        <v>1</v>
      </c>
      <c r="J28054" s="2">
        <v>0</v>
      </c>
      <c r="K28054" s="2">
        <v>0</v>
      </c>
      <c r="L28054" t="s">
        <v>120</v>
      </c>
      <c r="M28054" t="s">
        <v>83</v>
      </c>
      <c r="N28054" t="s">
        <v>84</v>
      </c>
      <c r="O28054" t="s">
        <v>85</v>
      </c>
      <c r="P28054" t="s">
        <v>86</v>
      </c>
      <c r="Q28054">
        <v>45</v>
      </c>
      <c r="R28054">
        <v>45</v>
      </c>
      <c r="S28054">
        <v>45</v>
      </c>
      <c r="T28054">
        <v>46</v>
      </c>
      <c r="U28054">
        <v>46</v>
      </c>
      <c r="V28054">
        <v>46</v>
      </c>
      <c r="W28054">
        <v>46</v>
      </c>
      <c r="X28054">
        <v>47</v>
      </c>
      <c r="Y28054">
        <v>47</v>
      </c>
      <c r="Z28054">
        <v>47</v>
      </c>
      <c r="AA28054">
        <v>47</v>
      </c>
      <c r="AB28054">
        <v>47</v>
      </c>
      <c r="AC28054">
        <v>48</v>
      </c>
      <c r="AD28054">
        <v>48</v>
      </c>
      <c r="AE28054">
        <v>48</v>
      </c>
      <c r="AF28054">
        <v>48</v>
      </c>
      <c r="AG28054">
        <v>48</v>
      </c>
      <c r="AH28054">
        <v>49</v>
      </c>
      <c r="AI28054">
        <v>49</v>
      </c>
      <c r="AJ28054">
        <v>49</v>
      </c>
      <c r="AK28054">
        <v>49</v>
      </c>
      <c r="AL28054">
        <v>49</v>
      </c>
      <c r="AM28054">
        <v>48</v>
      </c>
      <c r="AN28054">
        <v>48</v>
      </c>
      <c r="AO28054">
        <v>48</v>
      </c>
      <c r="AP28054">
        <v>47</v>
      </c>
      <c r="AQ28054">
        <v>47</v>
      </c>
    </row>
    <row r="28055" spans="1:43">
      <c r="A28055" t="s">
        <v>17361</v>
      </c>
      <c r="B28055" t="s">
        <v>17362</v>
      </c>
      <c r="C28055" t="s">
        <v>17291</v>
      </c>
      <c r="D28055" t="s">
        <v>17292</v>
      </c>
      <c r="E28055" t="s">
        <v>17265</v>
      </c>
      <c r="F28055" t="s">
        <v>17266</v>
      </c>
      <c r="G28055" t="s">
        <v>16559</v>
      </c>
      <c r="H28055" t="s">
        <v>16560</v>
      </c>
      <c r="I28055" s="2">
        <v>1</v>
      </c>
      <c r="J28055" s="2">
        <v>0</v>
      </c>
      <c r="K28055" s="2">
        <v>0</v>
      </c>
      <c r="L28055" t="s">
        <v>120</v>
      </c>
      <c r="M28055" t="s">
        <v>87</v>
      </c>
      <c r="N28055" t="s">
        <v>88</v>
      </c>
      <c r="O28055" t="s">
        <v>85</v>
      </c>
      <c r="P28055" t="s">
        <v>86</v>
      </c>
      <c r="Q28055">
        <v>45</v>
      </c>
      <c r="R28055">
        <v>45</v>
      </c>
      <c r="S28055">
        <v>45</v>
      </c>
      <c r="T28055">
        <v>45</v>
      </c>
      <c r="U28055">
        <v>45</v>
      </c>
      <c r="V28055">
        <v>45</v>
      </c>
      <c r="W28055">
        <v>45</v>
      </c>
      <c r="X28055">
        <v>44</v>
      </c>
      <c r="Y28055">
        <v>44</v>
      </c>
      <c r="Z28055">
        <v>44</v>
      </c>
      <c r="AA28055">
        <v>44</v>
      </c>
      <c r="AB28055">
        <v>44</v>
      </c>
      <c r="AC28055">
        <v>44</v>
      </c>
      <c r="AD28055">
        <v>44</v>
      </c>
      <c r="AE28055">
        <v>44</v>
      </c>
      <c r="AF28055">
        <v>43</v>
      </c>
      <c r="AG28055">
        <v>43</v>
      </c>
      <c r="AH28055">
        <v>43</v>
      </c>
      <c r="AI28055">
        <v>43</v>
      </c>
      <c r="AJ28055">
        <v>43</v>
      </c>
      <c r="AK28055">
        <v>43</v>
      </c>
      <c r="AL28055">
        <v>43</v>
      </c>
      <c r="AM28055">
        <v>43</v>
      </c>
      <c r="AN28055">
        <v>42</v>
      </c>
      <c r="AO28055">
        <v>42</v>
      </c>
      <c r="AP28055">
        <v>42</v>
      </c>
      <c r="AQ28055">
        <v>42</v>
      </c>
    </row>
    <row r="28056" spans="1:43">
      <c r="A28056" t="s">
        <v>17361</v>
      </c>
      <c r="B28056" t="s">
        <v>17362</v>
      </c>
      <c r="C28056" t="s">
        <v>17291</v>
      </c>
      <c r="D28056" t="s">
        <v>17292</v>
      </c>
      <c r="E28056" t="s">
        <v>17265</v>
      </c>
      <c r="F28056" t="s">
        <v>17266</v>
      </c>
      <c r="G28056" t="s">
        <v>16559</v>
      </c>
      <c r="H28056" t="s">
        <v>16560</v>
      </c>
      <c r="I28056" s="2">
        <v>1</v>
      </c>
      <c r="J28056" s="2">
        <v>0</v>
      </c>
      <c r="K28056" s="2">
        <v>0</v>
      </c>
      <c r="L28056" t="s">
        <v>120</v>
      </c>
      <c r="M28056" t="s">
        <v>89</v>
      </c>
      <c r="N28056" t="s">
        <v>90</v>
      </c>
      <c r="O28056" t="s">
        <v>85</v>
      </c>
      <c r="P28056" t="s">
        <v>86</v>
      </c>
      <c r="Q28056">
        <v>45</v>
      </c>
      <c r="R28056">
        <v>46</v>
      </c>
      <c r="S28056">
        <v>46</v>
      </c>
      <c r="T28056">
        <v>47</v>
      </c>
      <c r="U28056">
        <v>48</v>
      </c>
      <c r="V28056">
        <v>48</v>
      </c>
      <c r="W28056">
        <v>49</v>
      </c>
      <c r="X28056">
        <v>49</v>
      </c>
      <c r="Y28056">
        <v>50</v>
      </c>
      <c r="Z28056">
        <v>50</v>
      </c>
      <c r="AA28056">
        <v>50</v>
      </c>
      <c r="AB28056">
        <v>51</v>
      </c>
      <c r="AC28056">
        <v>51</v>
      </c>
      <c r="AD28056">
        <v>51</v>
      </c>
      <c r="AE28056">
        <v>52</v>
      </c>
      <c r="AF28056">
        <v>51</v>
      </c>
      <c r="AG28056">
        <v>51</v>
      </c>
      <c r="AH28056">
        <v>51</v>
      </c>
      <c r="AI28056">
        <v>50</v>
      </c>
      <c r="AJ28056">
        <v>50</v>
      </c>
      <c r="AK28056">
        <v>50</v>
      </c>
      <c r="AL28056">
        <v>49</v>
      </c>
      <c r="AM28056">
        <v>49</v>
      </c>
      <c r="AN28056">
        <v>49</v>
      </c>
      <c r="AO28056">
        <v>48</v>
      </c>
      <c r="AP28056">
        <v>48</v>
      </c>
      <c r="AQ28056">
        <v>48</v>
      </c>
    </row>
    <row r="28057" spans="1:43">
      <c r="A28057" t="s">
        <v>17361</v>
      </c>
      <c r="B28057" t="s">
        <v>17362</v>
      </c>
      <c r="C28057" t="s">
        <v>17291</v>
      </c>
      <c r="D28057" t="s">
        <v>17292</v>
      </c>
      <c r="E28057" t="s">
        <v>17265</v>
      </c>
      <c r="F28057" t="s">
        <v>17266</v>
      </c>
      <c r="G28057" t="s">
        <v>16559</v>
      </c>
      <c r="H28057" t="s">
        <v>16560</v>
      </c>
      <c r="I28057" s="2">
        <v>1</v>
      </c>
      <c r="J28057" s="2">
        <v>0</v>
      </c>
      <c r="K28057" s="2">
        <v>0</v>
      </c>
      <c r="L28057" t="s">
        <v>120</v>
      </c>
      <c r="M28057" t="s">
        <v>83</v>
      </c>
      <c r="N28057" t="s">
        <v>91</v>
      </c>
      <c r="O28057" t="s">
        <v>85</v>
      </c>
      <c r="P28057" t="s">
        <v>86</v>
      </c>
      <c r="Q28057">
        <v>45</v>
      </c>
      <c r="R28057">
        <v>45</v>
      </c>
      <c r="S28057">
        <v>45</v>
      </c>
      <c r="T28057">
        <v>46</v>
      </c>
      <c r="U28057">
        <v>46</v>
      </c>
      <c r="V28057">
        <v>46</v>
      </c>
      <c r="W28057">
        <v>46</v>
      </c>
      <c r="X28057">
        <v>47</v>
      </c>
      <c r="Y28057">
        <v>47</v>
      </c>
      <c r="Z28057">
        <v>47</v>
      </c>
      <c r="AA28057">
        <v>47</v>
      </c>
      <c r="AB28057">
        <v>47</v>
      </c>
      <c r="AC28057">
        <v>48</v>
      </c>
      <c r="AD28057">
        <v>48</v>
      </c>
      <c r="AE28057">
        <v>48</v>
      </c>
      <c r="AF28057">
        <v>48</v>
      </c>
      <c r="AG28057">
        <v>48</v>
      </c>
      <c r="AH28057">
        <v>49</v>
      </c>
      <c r="AI28057">
        <v>49</v>
      </c>
      <c r="AJ28057">
        <v>49</v>
      </c>
      <c r="AK28057">
        <v>49</v>
      </c>
      <c r="AL28057">
        <v>49</v>
      </c>
      <c r="AM28057">
        <v>48</v>
      </c>
      <c r="AN28057">
        <v>48</v>
      </c>
      <c r="AO28057">
        <v>48</v>
      </c>
      <c r="AP28057">
        <v>47</v>
      </c>
      <c r="AQ28057">
        <v>47</v>
      </c>
    </row>
    <row r="28058" spans="1:43">
      <c r="A28058" t="s">
        <v>17363</v>
      </c>
      <c r="B28058" t="s">
        <v>17364</v>
      </c>
      <c r="C28058" t="s">
        <v>17291</v>
      </c>
      <c r="D28058" t="s">
        <v>17292</v>
      </c>
      <c r="E28058" t="s">
        <v>17265</v>
      </c>
      <c r="F28058" t="s">
        <v>17266</v>
      </c>
      <c r="G28058" t="s">
        <v>16559</v>
      </c>
      <c r="H28058" t="s">
        <v>16560</v>
      </c>
      <c r="I28058" s="2">
        <v>1</v>
      </c>
      <c r="J28058" s="2">
        <v>0</v>
      </c>
      <c r="K28058" s="2">
        <v>0</v>
      </c>
      <c r="L28058" t="s">
        <v>120</v>
      </c>
      <c r="M28058" t="s">
        <v>83</v>
      </c>
      <c r="N28058" t="s">
        <v>84</v>
      </c>
      <c r="O28058" t="s">
        <v>85</v>
      </c>
      <c r="P28058" t="s">
        <v>86</v>
      </c>
      <c r="Q28058">
        <v>40</v>
      </c>
      <c r="R28058">
        <v>41</v>
      </c>
      <c r="S28058">
        <v>41</v>
      </c>
      <c r="T28058">
        <v>41</v>
      </c>
      <c r="U28058">
        <v>42</v>
      </c>
      <c r="V28058">
        <v>42</v>
      </c>
      <c r="W28058">
        <v>42</v>
      </c>
      <c r="X28058">
        <v>42</v>
      </c>
      <c r="Y28058">
        <v>43</v>
      </c>
      <c r="Z28058">
        <v>43</v>
      </c>
      <c r="AA28058">
        <v>43</v>
      </c>
      <c r="AB28058">
        <v>43</v>
      </c>
      <c r="AC28058">
        <v>44</v>
      </c>
      <c r="AD28058">
        <v>44</v>
      </c>
      <c r="AE28058">
        <v>44</v>
      </c>
      <c r="AF28058">
        <v>44</v>
      </c>
      <c r="AG28058">
        <v>44</v>
      </c>
      <c r="AH28058">
        <v>44</v>
      </c>
      <c r="AI28058">
        <v>45</v>
      </c>
      <c r="AJ28058">
        <v>45</v>
      </c>
      <c r="AK28058">
        <v>45</v>
      </c>
      <c r="AL28058">
        <v>45</v>
      </c>
      <c r="AM28058">
        <v>44</v>
      </c>
      <c r="AN28058">
        <v>44</v>
      </c>
      <c r="AO28058">
        <v>44</v>
      </c>
      <c r="AP28058">
        <v>44</v>
      </c>
      <c r="AQ28058">
        <v>43</v>
      </c>
    </row>
    <row r="28059" spans="1:43">
      <c r="A28059" t="s">
        <v>17363</v>
      </c>
      <c r="B28059" t="s">
        <v>17364</v>
      </c>
      <c r="C28059" t="s">
        <v>17291</v>
      </c>
      <c r="D28059" t="s">
        <v>17292</v>
      </c>
      <c r="E28059" t="s">
        <v>17265</v>
      </c>
      <c r="F28059" t="s">
        <v>17266</v>
      </c>
      <c r="G28059" t="s">
        <v>16559</v>
      </c>
      <c r="H28059" t="s">
        <v>16560</v>
      </c>
      <c r="I28059" s="2">
        <v>1</v>
      </c>
      <c r="J28059" s="2">
        <v>0</v>
      </c>
      <c r="K28059" s="2">
        <v>0</v>
      </c>
      <c r="L28059" t="s">
        <v>120</v>
      </c>
      <c r="M28059" t="s">
        <v>87</v>
      </c>
      <c r="N28059" t="s">
        <v>88</v>
      </c>
      <c r="O28059" t="s">
        <v>85</v>
      </c>
      <c r="P28059" t="s">
        <v>86</v>
      </c>
      <c r="Q28059">
        <v>40</v>
      </c>
      <c r="R28059">
        <v>40</v>
      </c>
      <c r="S28059">
        <v>40</v>
      </c>
      <c r="T28059">
        <v>40</v>
      </c>
      <c r="U28059">
        <v>40</v>
      </c>
      <c r="V28059">
        <v>40</v>
      </c>
      <c r="W28059">
        <v>40</v>
      </c>
      <c r="X28059">
        <v>40</v>
      </c>
      <c r="Y28059">
        <v>40</v>
      </c>
      <c r="Z28059">
        <v>39</v>
      </c>
      <c r="AA28059">
        <v>39</v>
      </c>
      <c r="AB28059">
        <v>39</v>
      </c>
      <c r="AC28059">
        <v>39</v>
      </c>
      <c r="AD28059">
        <v>39</v>
      </c>
      <c r="AE28059">
        <v>39</v>
      </c>
      <c r="AF28059">
        <v>39</v>
      </c>
      <c r="AG28059">
        <v>39</v>
      </c>
      <c r="AH28059">
        <v>39</v>
      </c>
      <c r="AI28059">
        <v>39</v>
      </c>
      <c r="AJ28059">
        <v>39</v>
      </c>
      <c r="AK28059">
        <v>39</v>
      </c>
      <c r="AL28059">
        <v>38</v>
      </c>
      <c r="AM28059">
        <v>38</v>
      </c>
      <c r="AN28059">
        <v>38</v>
      </c>
      <c r="AO28059">
        <v>38</v>
      </c>
      <c r="AP28059">
        <v>38</v>
      </c>
      <c r="AQ28059">
        <v>38</v>
      </c>
    </row>
    <row r="28060" spans="1:43">
      <c r="A28060" t="s">
        <v>17363</v>
      </c>
      <c r="B28060" t="s">
        <v>17364</v>
      </c>
      <c r="C28060" t="s">
        <v>17291</v>
      </c>
      <c r="D28060" t="s">
        <v>17292</v>
      </c>
      <c r="E28060" t="s">
        <v>17265</v>
      </c>
      <c r="F28060" t="s">
        <v>17266</v>
      </c>
      <c r="G28060" t="s">
        <v>16559</v>
      </c>
      <c r="H28060" t="s">
        <v>16560</v>
      </c>
      <c r="I28060" s="2">
        <v>1</v>
      </c>
      <c r="J28060" s="2">
        <v>0</v>
      </c>
      <c r="K28060" s="2">
        <v>0</v>
      </c>
      <c r="L28060" t="s">
        <v>120</v>
      </c>
      <c r="M28060" t="s">
        <v>89</v>
      </c>
      <c r="N28060" t="s">
        <v>90</v>
      </c>
      <c r="O28060" t="s">
        <v>85</v>
      </c>
      <c r="P28060" t="s">
        <v>86</v>
      </c>
      <c r="Q28060">
        <v>40</v>
      </c>
      <c r="R28060">
        <v>40</v>
      </c>
      <c r="S28060">
        <v>41</v>
      </c>
      <c r="T28060">
        <v>42</v>
      </c>
      <c r="U28060">
        <v>42</v>
      </c>
      <c r="V28060">
        <v>43</v>
      </c>
      <c r="W28060">
        <v>43</v>
      </c>
      <c r="X28060">
        <v>44</v>
      </c>
      <c r="Y28060">
        <v>44</v>
      </c>
      <c r="Z28060">
        <v>44</v>
      </c>
      <c r="AA28060">
        <v>45</v>
      </c>
      <c r="AB28060">
        <v>45</v>
      </c>
      <c r="AC28060">
        <v>46</v>
      </c>
      <c r="AD28060">
        <v>46</v>
      </c>
      <c r="AE28060">
        <v>46</v>
      </c>
      <c r="AF28060">
        <v>46</v>
      </c>
      <c r="AG28060">
        <v>45</v>
      </c>
      <c r="AH28060">
        <v>45</v>
      </c>
      <c r="AI28060">
        <v>45</v>
      </c>
      <c r="AJ28060">
        <v>45</v>
      </c>
      <c r="AK28060">
        <v>44</v>
      </c>
      <c r="AL28060">
        <v>44</v>
      </c>
      <c r="AM28060">
        <v>44</v>
      </c>
      <c r="AN28060">
        <v>44</v>
      </c>
      <c r="AO28060">
        <v>43</v>
      </c>
      <c r="AP28060">
        <v>43</v>
      </c>
      <c r="AQ28060">
        <v>43</v>
      </c>
    </row>
    <row r="28061" spans="1:43">
      <c r="A28061" t="s">
        <v>17363</v>
      </c>
      <c r="B28061" t="s">
        <v>17364</v>
      </c>
      <c r="C28061" t="s">
        <v>17291</v>
      </c>
      <c r="D28061" t="s">
        <v>17292</v>
      </c>
      <c r="E28061" t="s">
        <v>17265</v>
      </c>
      <c r="F28061" t="s">
        <v>17266</v>
      </c>
      <c r="G28061" t="s">
        <v>16559</v>
      </c>
      <c r="H28061" t="s">
        <v>16560</v>
      </c>
      <c r="I28061" s="2">
        <v>1</v>
      </c>
      <c r="J28061" s="2">
        <v>0</v>
      </c>
      <c r="K28061" s="2">
        <v>0</v>
      </c>
      <c r="L28061" t="s">
        <v>120</v>
      </c>
      <c r="M28061" t="s">
        <v>83</v>
      </c>
      <c r="N28061" t="s">
        <v>91</v>
      </c>
      <c r="O28061" t="s">
        <v>85</v>
      </c>
      <c r="P28061" t="s">
        <v>86</v>
      </c>
      <c r="Q28061">
        <v>40</v>
      </c>
      <c r="R28061">
        <v>41</v>
      </c>
      <c r="S28061">
        <v>41</v>
      </c>
      <c r="T28061">
        <v>41</v>
      </c>
      <c r="U28061">
        <v>42</v>
      </c>
      <c r="V28061">
        <v>42</v>
      </c>
      <c r="W28061">
        <v>42</v>
      </c>
      <c r="X28061">
        <v>42</v>
      </c>
      <c r="Y28061">
        <v>43</v>
      </c>
      <c r="Z28061">
        <v>43</v>
      </c>
      <c r="AA28061">
        <v>43</v>
      </c>
      <c r="AB28061">
        <v>43</v>
      </c>
      <c r="AC28061">
        <v>44</v>
      </c>
      <c r="AD28061">
        <v>44</v>
      </c>
      <c r="AE28061">
        <v>44</v>
      </c>
      <c r="AF28061">
        <v>44</v>
      </c>
      <c r="AG28061">
        <v>44</v>
      </c>
      <c r="AH28061">
        <v>44</v>
      </c>
      <c r="AI28061">
        <v>45</v>
      </c>
      <c r="AJ28061">
        <v>45</v>
      </c>
      <c r="AK28061">
        <v>45</v>
      </c>
      <c r="AL28061">
        <v>45</v>
      </c>
      <c r="AM28061">
        <v>44</v>
      </c>
      <c r="AN28061">
        <v>44</v>
      </c>
      <c r="AO28061">
        <v>44</v>
      </c>
      <c r="AP28061">
        <v>44</v>
      </c>
      <c r="AQ28061">
        <v>43</v>
      </c>
    </row>
    <row r="28062" spans="1:43">
      <c r="A28062" t="s">
        <v>17365</v>
      </c>
      <c r="B28062" t="s">
        <v>17366</v>
      </c>
      <c r="C28062" t="s">
        <v>17291</v>
      </c>
      <c r="D28062" t="s">
        <v>17292</v>
      </c>
      <c r="E28062" t="s">
        <v>17265</v>
      </c>
      <c r="F28062" t="s">
        <v>17266</v>
      </c>
      <c r="G28062" t="s">
        <v>16559</v>
      </c>
      <c r="H28062" t="s">
        <v>16560</v>
      </c>
      <c r="I28062" s="2">
        <v>1</v>
      </c>
      <c r="J28062" s="2">
        <v>0</v>
      </c>
      <c r="K28062" s="2">
        <v>0</v>
      </c>
      <c r="L28062" t="s">
        <v>120</v>
      </c>
      <c r="M28062" t="s">
        <v>83</v>
      </c>
      <c r="N28062" t="s">
        <v>84</v>
      </c>
      <c r="O28062" t="s">
        <v>85</v>
      </c>
      <c r="P28062" t="s">
        <v>86</v>
      </c>
      <c r="Q28062">
        <v>52</v>
      </c>
      <c r="R28062">
        <v>53</v>
      </c>
      <c r="S28062">
        <v>53</v>
      </c>
      <c r="T28062">
        <v>54</v>
      </c>
      <c r="U28062">
        <v>54</v>
      </c>
      <c r="V28062">
        <v>54</v>
      </c>
      <c r="W28062">
        <v>55</v>
      </c>
      <c r="X28062">
        <v>55</v>
      </c>
      <c r="Y28062">
        <v>55</v>
      </c>
      <c r="Z28062">
        <v>56</v>
      </c>
      <c r="AA28062">
        <v>56</v>
      </c>
      <c r="AB28062">
        <v>56</v>
      </c>
      <c r="AC28062">
        <v>56</v>
      </c>
      <c r="AD28062">
        <v>57</v>
      </c>
      <c r="AE28062">
        <v>57</v>
      </c>
      <c r="AF28062">
        <v>57</v>
      </c>
      <c r="AG28062">
        <v>57</v>
      </c>
      <c r="AH28062">
        <v>58</v>
      </c>
      <c r="AI28062">
        <v>58</v>
      </c>
      <c r="AJ28062">
        <v>58</v>
      </c>
      <c r="AK28062">
        <v>58</v>
      </c>
      <c r="AL28062">
        <v>58</v>
      </c>
      <c r="AM28062">
        <v>58</v>
      </c>
      <c r="AN28062">
        <v>57</v>
      </c>
      <c r="AO28062">
        <v>57</v>
      </c>
      <c r="AP28062">
        <v>57</v>
      </c>
      <c r="AQ28062">
        <v>56</v>
      </c>
    </row>
    <row r="28063" spans="1:43">
      <c r="A28063" t="s">
        <v>17365</v>
      </c>
      <c r="B28063" t="s">
        <v>17366</v>
      </c>
      <c r="C28063" t="s">
        <v>17291</v>
      </c>
      <c r="D28063" t="s">
        <v>17292</v>
      </c>
      <c r="E28063" t="s">
        <v>17265</v>
      </c>
      <c r="F28063" t="s">
        <v>17266</v>
      </c>
      <c r="G28063" t="s">
        <v>16559</v>
      </c>
      <c r="H28063" t="s">
        <v>16560</v>
      </c>
      <c r="I28063" s="2">
        <v>1</v>
      </c>
      <c r="J28063" s="2">
        <v>0</v>
      </c>
      <c r="K28063" s="2">
        <v>0</v>
      </c>
      <c r="L28063" t="s">
        <v>120</v>
      </c>
      <c r="M28063" t="s">
        <v>87</v>
      </c>
      <c r="N28063" t="s">
        <v>88</v>
      </c>
      <c r="O28063" t="s">
        <v>85</v>
      </c>
      <c r="P28063" t="s">
        <v>86</v>
      </c>
      <c r="Q28063">
        <v>52</v>
      </c>
      <c r="R28063">
        <v>52</v>
      </c>
      <c r="S28063">
        <v>52</v>
      </c>
      <c r="T28063">
        <v>52</v>
      </c>
      <c r="U28063">
        <v>52</v>
      </c>
      <c r="V28063">
        <v>51</v>
      </c>
      <c r="W28063">
        <v>51</v>
      </c>
      <c r="X28063">
        <v>51</v>
      </c>
      <c r="Y28063">
        <v>51</v>
      </c>
      <c r="Z28063">
        <v>51</v>
      </c>
      <c r="AA28063">
        <v>51</v>
      </c>
      <c r="AB28063">
        <v>51</v>
      </c>
      <c r="AC28063">
        <v>51</v>
      </c>
      <c r="AD28063">
        <v>51</v>
      </c>
      <c r="AE28063">
        <v>51</v>
      </c>
      <c r="AF28063">
        <v>51</v>
      </c>
      <c r="AG28063">
        <v>50</v>
      </c>
      <c r="AH28063">
        <v>50</v>
      </c>
      <c r="AI28063">
        <v>50</v>
      </c>
      <c r="AJ28063">
        <v>50</v>
      </c>
      <c r="AK28063">
        <v>50</v>
      </c>
      <c r="AL28063">
        <v>50</v>
      </c>
      <c r="AM28063">
        <v>50</v>
      </c>
      <c r="AN28063">
        <v>50</v>
      </c>
      <c r="AO28063">
        <v>49</v>
      </c>
      <c r="AP28063">
        <v>49</v>
      </c>
      <c r="AQ28063">
        <v>49</v>
      </c>
    </row>
    <row r="28064" spans="1:43">
      <c r="A28064" t="s">
        <v>17365</v>
      </c>
      <c r="B28064" t="s">
        <v>17366</v>
      </c>
      <c r="C28064" t="s">
        <v>17291</v>
      </c>
      <c r="D28064" t="s">
        <v>17292</v>
      </c>
      <c r="E28064" t="s">
        <v>17265</v>
      </c>
      <c r="F28064" t="s">
        <v>17266</v>
      </c>
      <c r="G28064" t="s">
        <v>16559</v>
      </c>
      <c r="H28064" t="s">
        <v>16560</v>
      </c>
      <c r="I28064" s="2">
        <v>1</v>
      </c>
      <c r="J28064" s="2">
        <v>0</v>
      </c>
      <c r="K28064" s="2">
        <v>0</v>
      </c>
      <c r="L28064" t="s">
        <v>120</v>
      </c>
      <c r="M28064" t="s">
        <v>89</v>
      </c>
      <c r="N28064" t="s">
        <v>90</v>
      </c>
      <c r="O28064" t="s">
        <v>85</v>
      </c>
      <c r="P28064" t="s">
        <v>86</v>
      </c>
      <c r="Q28064">
        <v>52</v>
      </c>
      <c r="R28064">
        <v>53</v>
      </c>
      <c r="S28064">
        <v>54</v>
      </c>
      <c r="T28064">
        <v>54</v>
      </c>
      <c r="U28064">
        <v>55</v>
      </c>
      <c r="V28064">
        <v>56</v>
      </c>
      <c r="W28064">
        <v>56</v>
      </c>
      <c r="X28064">
        <v>57</v>
      </c>
      <c r="Y28064">
        <v>57</v>
      </c>
      <c r="Z28064">
        <v>58</v>
      </c>
      <c r="AA28064">
        <v>58</v>
      </c>
      <c r="AB28064">
        <v>59</v>
      </c>
      <c r="AC28064">
        <v>59</v>
      </c>
      <c r="AD28064">
        <v>60</v>
      </c>
      <c r="AE28064">
        <v>60</v>
      </c>
      <c r="AF28064">
        <v>60</v>
      </c>
      <c r="AG28064">
        <v>59</v>
      </c>
      <c r="AH28064">
        <v>59</v>
      </c>
      <c r="AI28064">
        <v>59</v>
      </c>
      <c r="AJ28064">
        <v>58</v>
      </c>
      <c r="AK28064">
        <v>58</v>
      </c>
      <c r="AL28064">
        <v>58</v>
      </c>
      <c r="AM28064">
        <v>57</v>
      </c>
      <c r="AN28064">
        <v>57</v>
      </c>
      <c r="AO28064">
        <v>57</v>
      </c>
      <c r="AP28064">
        <v>56</v>
      </c>
      <c r="AQ28064">
        <v>56</v>
      </c>
    </row>
    <row r="28065" spans="1:43">
      <c r="A28065" t="s">
        <v>17365</v>
      </c>
      <c r="B28065" t="s">
        <v>17366</v>
      </c>
      <c r="C28065" t="s">
        <v>17291</v>
      </c>
      <c r="D28065" t="s">
        <v>17292</v>
      </c>
      <c r="E28065" t="s">
        <v>17265</v>
      </c>
      <c r="F28065" t="s">
        <v>17266</v>
      </c>
      <c r="G28065" t="s">
        <v>16559</v>
      </c>
      <c r="H28065" t="s">
        <v>16560</v>
      </c>
      <c r="I28065" s="2">
        <v>1</v>
      </c>
      <c r="J28065" s="2">
        <v>0</v>
      </c>
      <c r="K28065" s="2">
        <v>0</v>
      </c>
      <c r="L28065" t="s">
        <v>120</v>
      </c>
      <c r="M28065" t="s">
        <v>83</v>
      </c>
      <c r="N28065" t="s">
        <v>91</v>
      </c>
      <c r="O28065" t="s">
        <v>85</v>
      </c>
      <c r="P28065" t="s">
        <v>86</v>
      </c>
      <c r="Q28065">
        <v>52</v>
      </c>
      <c r="R28065">
        <v>53</v>
      </c>
      <c r="S28065">
        <v>53</v>
      </c>
      <c r="T28065">
        <v>54</v>
      </c>
      <c r="U28065">
        <v>54</v>
      </c>
      <c r="V28065">
        <v>54</v>
      </c>
      <c r="W28065">
        <v>55</v>
      </c>
      <c r="X28065">
        <v>55</v>
      </c>
      <c r="Y28065">
        <v>55</v>
      </c>
      <c r="Z28065">
        <v>56</v>
      </c>
      <c r="AA28065">
        <v>56</v>
      </c>
      <c r="AB28065">
        <v>56</v>
      </c>
      <c r="AC28065">
        <v>56</v>
      </c>
      <c r="AD28065">
        <v>57</v>
      </c>
      <c r="AE28065">
        <v>57</v>
      </c>
      <c r="AF28065">
        <v>57</v>
      </c>
      <c r="AG28065">
        <v>57</v>
      </c>
      <c r="AH28065">
        <v>58</v>
      </c>
      <c r="AI28065">
        <v>58</v>
      </c>
      <c r="AJ28065">
        <v>58</v>
      </c>
      <c r="AK28065">
        <v>58</v>
      </c>
      <c r="AL28065">
        <v>58</v>
      </c>
      <c r="AM28065">
        <v>58</v>
      </c>
      <c r="AN28065">
        <v>57</v>
      </c>
      <c r="AO28065">
        <v>57</v>
      </c>
      <c r="AP28065">
        <v>57</v>
      </c>
      <c r="AQ28065">
        <v>56</v>
      </c>
    </row>
    <row r="28066" spans="1:43">
      <c r="A28066" t="s">
        <v>17367</v>
      </c>
      <c r="B28066" t="s">
        <v>17368</v>
      </c>
      <c r="C28066" t="s">
        <v>17291</v>
      </c>
      <c r="D28066" t="s">
        <v>17292</v>
      </c>
      <c r="E28066" t="s">
        <v>17265</v>
      </c>
      <c r="F28066" t="s">
        <v>17266</v>
      </c>
      <c r="G28066" t="s">
        <v>16559</v>
      </c>
      <c r="H28066" t="s">
        <v>16560</v>
      </c>
      <c r="I28066" s="2">
        <v>1</v>
      </c>
      <c r="J28066" s="2">
        <v>0</v>
      </c>
      <c r="K28066" s="2">
        <v>0</v>
      </c>
      <c r="L28066" t="s">
        <v>120</v>
      </c>
      <c r="M28066" t="s">
        <v>83</v>
      </c>
      <c r="N28066" t="s">
        <v>84</v>
      </c>
      <c r="O28066" t="s">
        <v>85</v>
      </c>
      <c r="P28066" t="s">
        <v>86</v>
      </c>
      <c r="Q28066">
        <v>18</v>
      </c>
      <c r="R28066">
        <v>18</v>
      </c>
      <c r="S28066">
        <v>18</v>
      </c>
      <c r="T28066">
        <v>19</v>
      </c>
      <c r="U28066">
        <v>19</v>
      </c>
      <c r="V28066">
        <v>19</v>
      </c>
      <c r="W28066">
        <v>19</v>
      </c>
      <c r="X28066">
        <v>19</v>
      </c>
      <c r="Y28066">
        <v>19</v>
      </c>
      <c r="Z28066">
        <v>19</v>
      </c>
      <c r="AA28066">
        <v>19</v>
      </c>
      <c r="AB28066">
        <v>20</v>
      </c>
      <c r="AC28066">
        <v>20</v>
      </c>
      <c r="AD28066">
        <v>20</v>
      </c>
      <c r="AE28066">
        <v>20</v>
      </c>
      <c r="AF28066">
        <v>20</v>
      </c>
      <c r="AG28066">
        <v>20</v>
      </c>
      <c r="AH28066">
        <v>20</v>
      </c>
      <c r="AI28066">
        <v>20</v>
      </c>
      <c r="AJ28066">
        <v>20</v>
      </c>
      <c r="AK28066">
        <v>20</v>
      </c>
      <c r="AL28066">
        <v>20</v>
      </c>
      <c r="AM28066">
        <v>20</v>
      </c>
      <c r="AN28066">
        <v>20</v>
      </c>
      <c r="AO28066">
        <v>20</v>
      </c>
      <c r="AP28066">
        <v>20</v>
      </c>
      <c r="AQ28066">
        <v>20</v>
      </c>
    </row>
    <row r="28067" spans="1:43">
      <c r="A28067" t="s">
        <v>17367</v>
      </c>
      <c r="B28067" t="s">
        <v>17368</v>
      </c>
      <c r="C28067" t="s">
        <v>17291</v>
      </c>
      <c r="D28067" t="s">
        <v>17292</v>
      </c>
      <c r="E28067" t="s">
        <v>17265</v>
      </c>
      <c r="F28067" t="s">
        <v>17266</v>
      </c>
      <c r="G28067" t="s">
        <v>16559</v>
      </c>
      <c r="H28067" t="s">
        <v>16560</v>
      </c>
      <c r="I28067" s="2">
        <v>1</v>
      </c>
      <c r="J28067" s="2">
        <v>0</v>
      </c>
      <c r="K28067" s="2">
        <v>0</v>
      </c>
      <c r="L28067" t="s">
        <v>120</v>
      </c>
      <c r="M28067" t="s">
        <v>87</v>
      </c>
      <c r="N28067" t="s">
        <v>88</v>
      </c>
      <c r="O28067" t="s">
        <v>85</v>
      </c>
      <c r="P28067" t="s">
        <v>86</v>
      </c>
      <c r="Q28067">
        <v>18</v>
      </c>
      <c r="R28067">
        <v>18</v>
      </c>
      <c r="S28067">
        <v>18</v>
      </c>
      <c r="T28067">
        <v>18</v>
      </c>
      <c r="U28067">
        <v>18</v>
      </c>
      <c r="V28067">
        <v>18</v>
      </c>
      <c r="W28067">
        <v>18</v>
      </c>
      <c r="X28067">
        <v>18</v>
      </c>
      <c r="Y28067">
        <v>18</v>
      </c>
      <c r="Z28067">
        <v>18</v>
      </c>
      <c r="AA28067">
        <v>18</v>
      </c>
      <c r="AB28067">
        <v>18</v>
      </c>
      <c r="AC28067">
        <v>18</v>
      </c>
      <c r="AD28067">
        <v>18</v>
      </c>
      <c r="AE28067">
        <v>18</v>
      </c>
      <c r="AF28067">
        <v>18</v>
      </c>
      <c r="AG28067">
        <v>17</v>
      </c>
      <c r="AH28067">
        <v>17</v>
      </c>
      <c r="AI28067">
        <v>17</v>
      </c>
      <c r="AJ28067">
        <v>17</v>
      </c>
      <c r="AK28067">
        <v>17</v>
      </c>
      <c r="AL28067">
        <v>17</v>
      </c>
      <c r="AM28067">
        <v>17</v>
      </c>
      <c r="AN28067">
        <v>17</v>
      </c>
      <c r="AO28067">
        <v>17</v>
      </c>
      <c r="AP28067">
        <v>17</v>
      </c>
      <c r="AQ28067">
        <v>17</v>
      </c>
    </row>
    <row r="28068" spans="1:43">
      <c r="A28068" t="s">
        <v>17367</v>
      </c>
      <c r="B28068" t="s">
        <v>17368</v>
      </c>
      <c r="C28068" t="s">
        <v>17291</v>
      </c>
      <c r="D28068" t="s">
        <v>17292</v>
      </c>
      <c r="E28068" t="s">
        <v>17265</v>
      </c>
      <c r="F28068" t="s">
        <v>17266</v>
      </c>
      <c r="G28068" t="s">
        <v>16559</v>
      </c>
      <c r="H28068" t="s">
        <v>16560</v>
      </c>
      <c r="I28068" s="2">
        <v>1</v>
      </c>
      <c r="J28068" s="2">
        <v>0</v>
      </c>
      <c r="K28068" s="2">
        <v>0</v>
      </c>
      <c r="L28068" t="s">
        <v>120</v>
      </c>
      <c r="M28068" t="s">
        <v>89</v>
      </c>
      <c r="N28068" t="s">
        <v>90</v>
      </c>
      <c r="O28068" t="s">
        <v>85</v>
      </c>
      <c r="P28068" t="s">
        <v>86</v>
      </c>
      <c r="Q28068">
        <v>18</v>
      </c>
      <c r="R28068">
        <v>19</v>
      </c>
      <c r="S28068">
        <v>19</v>
      </c>
      <c r="T28068">
        <v>19</v>
      </c>
      <c r="U28068">
        <v>19</v>
      </c>
      <c r="V28068">
        <v>20</v>
      </c>
      <c r="W28068">
        <v>20</v>
      </c>
      <c r="X28068">
        <v>20</v>
      </c>
      <c r="Y28068">
        <v>20</v>
      </c>
      <c r="Z28068">
        <v>20</v>
      </c>
      <c r="AA28068">
        <v>21</v>
      </c>
      <c r="AB28068">
        <v>21</v>
      </c>
      <c r="AC28068">
        <v>21</v>
      </c>
      <c r="AD28068">
        <v>21</v>
      </c>
      <c r="AE28068">
        <v>21</v>
      </c>
      <c r="AF28068">
        <v>21</v>
      </c>
      <c r="AG28068">
        <v>21</v>
      </c>
      <c r="AH28068">
        <v>21</v>
      </c>
      <c r="AI28068">
        <v>21</v>
      </c>
      <c r="AJ28068">
        <v>21</v>
      </c>
      <c r="AK28068">
        <v>20</v>
      </c>
      <c r="AL28068">
        <v>20</v>
      </c>
      <c r="AM28068">
        <v>20</v>
      </c>
      <c r="AN28068">
        <v>20</v>
      </c>
      <c r="AO28068">
        <v>20</v>
      </c>
      <c r="AP28068">
        <v>20</v>
      </c>
      <c r="AQ28068">
        <v>20</v>
      </c>
    </row>
    <row r="28069" spans="1:43">
      <c r="A28069" t="s">
        <v>17367</v>
      </c>
      <c r="B28069" t="s">
        <v>17368</v>
      </c>
      <c r="C28069" t="s">
        <v>17291</v>
      </c>
      <c r="D28069" t="s">
        <v>17292</v>
      </c>
      <c r="E28069" t="s">
        <v>17265</v>
      </c>
      <c r="F28069" t="s">
        <v>17266</v>
      </c>
      <c r="G28069" t="s">
        <v>16559</v>
      </c>
      <c r="H28069" t="s">
        <v>16560</v>
      </c>
      <c r="I28069" s="2">
        <v>1</v>
      </c>
      <c r="J28069" s="2">
        <v>0</v>
      </c>
      <c r="K28069" s="2">
        <v>0</v>
      </c>
      <c r="L28069" t="s">
        <v>120</v>
      </c>
      <c r="M28069" t="s">
        <v>83</v>
      </c>
      <c r="N28069" t="s">
        <v>91</v>
      </c>
      <c r="O28069" t="s">
        <v>85</v>
      </c>
      <c r="P28069" t="s">
        <v>86</v>
      </c>
      <c r="Q28069">
        <v>18</v>
      </c>
      <c r="R28069">
        <v>18</v>
      </c>
      <c r="S28069">
        <v>18</v>
      </c>
      <c r="T28069">
        <v>19</v>
      </c>
      <c r="U28069">
        <v>19</v>
      </c>
      <c r="V28069">
        <v>19</v>
      </c>
      <c r="W28069">
        <v>19</v>
      </c>
      <c r="X28069">
        <v>19</v>
      </c>
      <c r="Y28069">
        <v>19</v>
      </c>
      <c r="Z28069">
        <v>19</v>
      </c>
      <c r="AA28069">
        <v>19</v>
      </c>
      <c r="AB28069">
        <v>20</v>
      </c>
      <c r="AC28069">
        <v>20</v>
      </c>
      <c r="AD28069">
        <v>20</v>
      </c>
      <c r="AE28069">
        <v>20</v>
      </c>
      <c r="AF28069">
        <v>20</v>
      </c>
      <c r="AG28069">
        <v>20</v>
      </c>
      <c r="AH28069">
        <v>20</v>
      </c>
      <c r="AI28069">
        <v>20</v>
      </c>
      <c r="AJ28069">
        <v>20</v>
      </c>
      <c r="AK28069">
        <v>20</v>
      </c>
      <c r="AL28069">
        <v>20</v>
      </c>
      <c r="AM28069">
        <v>20</v>
      </c>
      <c r="AN28069">
        <v>20</v>
      </c>
      <c r="AO28069">
        <v>20</v>
      </c>
      <c r="AP28069">
        <v>20</v>
      </c>
      <c r="AQ28069">
        <v>20</v>
      </c>
    </row>
    <row r="28070" spans="1:43">
      <c r="A28070" t="s">
        <v>17369</v>
      </c>
      <c r="B28070" t="s">
        <v>17370</v>
      </c>
      <c r="C28070" t="s">
        <v>17371</v>
      </c>
      <c r="D28070" t="s">
        <v>17372</v>
      </c>
      <c r="E28070" t="s">
        <v>17265</v>
      </c>
      <c r="F28070" t="s">
        <v>17266</v>
      </c>
      <c r="G28070" t="s">
        <v>16559</v>
      </c>
      <c r="H28070" t="s">
        <v>16560</v>
      </c>
      <c r="I28070" s="2">
        <v>1</v>
      </c>
      <c r="J28070" s="2">
        <v>0</v>
      </c>
      <c r="K28070" s="2">
        <v>0</v>
      </c>
      <c r="L28070" t="s">
        <v>120</v>
      </c>
      <c r="M28070" t="s">
        <v>83</v>
      </c>
      <c r="N28070" t="s">
        <v>84</v>
      </c>
      <c r="O28070" t="s">
        <v>85</v>
      </c>
      <c r="P28070" t="s">
        <v>86</v>
      </c>
      <c r="Q28070">
        <v>66</v>
      </c>
      <c r="R28070">
        <v>66</v>
      </c>
      <c r="S28070">
        <v>67</v>
      </c>
      <c r="T28070">
        <v>67</v>
      </c>
      <c r="U28070">
        <v>68</v>
      </c>
      <c r="V28070">
        <v>68</v>
      </c>
      <c r="W28070">
        <v>68</v>
      </c>
      <c r="X28070">
        <v>69</v>
      </c>
      <c r="Y28070">
        <v>69</v>
      </c>
      <c r="Z28070">
        <v>70</v>
      </c>
      <c r="AA28070">
        <v>70</v>
      </c>
      <c r="AB28070">
        <v>70</v>
      </c>
      <c r="AC28070">
        <v>71</v>
      </c>
      <c r="AD28070">
        <v>71</v>
      </c>
      <c r="AE28070">
        <v>71</v>
      </c>
      <c r="AF28070">
        <v>71</v>
      </c>
      <c r="AG28070">
        <v>72</v>
      </c>
      <c r="AH28070">
        <v>72</v>
      </c>
      <c r="AI28070">
        <v>72</v>
      </c>
      <c r="AJ28070">
        <v>72</v>
      </c>
      <c r="AK28070">
        <v>73</v>
      </c>
      <c r="AL28070">
        <v>72</v>
      </c>
      <c r="AM28070">
        <v>72</v>
      </c>
      <c r="AN28070">
        <v>71</v>
      </c>
      <c r="AO28070">
        <v>71</v>
      </c>
      <c r="AP28070">
        <v>71</v>
      </c>
      <c r="AQ28070">
        <v>70</v>
      </c>
    </row>
    <row r="28071" spans="1:43">
      <c r="A28071" t="s">
        <v>17369</v>
      </c>
      <c r="B28071" t="s">
        <v>17370</v>
      </c>
      <c r="C28071" t="s">
        <v>17371</v>
      </c>
      <c r="D28071" t="s">
        <v>17372</v>
      </c>
      <c r="E28071" t="s">
        <v>17265</v>
      </c>
      <c r="F28071" t="s">
        <v>17266</v>
      </c>
      <c r="G28071" t="s">
        <v>16559</v>
      </c>
      <c r="H28071" t="s">
        <v>16560</v>
      </c>
      <c r="I28071" s="2">
        <v>1</v>
      </c>
      <c r="J28071" s="2">
        <v>0</v>
      </c>
      <c r="K28071" s="2">
        <v>0</v>
      </c>
      <c r="L28071" t="s">
        <v>120</v>
      </c>
      <c r="M28071" t="s">
        <v>87</v>
      </c>
      <c r="N28071" t="s">
        <v>88</v>
      </c>
      <c r="O28071" t="s">
        <v>85</v>
      </c>
      <c r="P28071" t="s">
        <v>86</v>
      </c>
      <c r="Q28071">
        <v>66</v>
      </c>
      <c r="R28071">
        <v>66</v>
      </c>
      <c r="S28071">
        <v>66</v>
      </c>
      <c r="T28071">
        <v>66</v>
      </c>
      <c r="U28071">
        <v>66</v>
      </c>
      <c r="V28071">
        <v>65</v>
      </c>
      <c r="W28071">
        <v>65</v>
      </c>
      <c r="X28071">
        <v>65</v>
      </c>
      <c r="Y28071">
        <v>65</v>
      </c>
      <c r="Z28071">
        <v>65</v>
      </c>
      <c r="AA28071">
        <v>65</v>
      </c>
      <c r="AB28071">
        <v>65</v>
      </c>
      <c r="AC28071">
        <v>64</v>
      </c>
      <c r="AD28071">
        <v>64</v>
      </c>
      <c r="AE28071">
        <v>64</v>
      </c>
      <c r="AF28071">
        <v>64</v>
      </c>
      <c r="AG28071">
        <v>64</v>
      </c>
      <c r="AH28071">
        <v>64</v>
      </c>
      <c r="AI28071">
        <v>64</v>
      </c>
      <c r="AJ28071">
        <v>63</v>
      </c>
      <c r="AK28071">
        <v>63</v>
      </c>
      <c r="AL28071">
        <v>63</v>
      </c>
      <c r="AM28071">
        <v>63</v>
      </c>
      <c r="AN28071">
        <v>63</v>
      </c>
      <c r="AO28071">
        <v>63</v>
      </c>
      <c r="AP28071">
        <v>62</v>
      </c>
      <c r="AQ28071">
        <v>62</v>
      </c>
    </row>
    <row r="28072" spans="1:43">
      <c r="A28072" t="s">
        <v>17369</v>
      </c>
      <c r="B28072" t="s">
        <v>17370</v>
      </c>
      <c r="C28072" t="s">
        <v>17371</v>
      </c>
      <c r="D28072" t="s">
        <v>17372</v>
      </c>
      <c r="E28072" t="s">
        <v>17265</v>
      </c>
      <c r="F28072" t="s">
        <v>17266</v>
      </c>
      <c r="G28072" t="s">
        <v>16559</v>
      </c>
      <c r="H28072" t="s">
        <v>16560</v>
      </c>
      <c r="I28072" s="2">
        <v>1</v>
      </c>
      <c r="J28072" s="2">
        <v>0</v>
      </c>
      <c r="K28072" s="2">
        <v>0</v>
      </c>
      <c r="L28072" t="s">
        <v>120</v>
      </c>
      <c r="M28072" t="s">
        <v>89</v>
      </c>
      <c r="N28072" t="s">
        <v>90</v>
      </c>
      <c r="O28072" t="s">
        <v>85</v>
      </c>
      <c r="P28072" t="s">
        <v>86</v>
      </c>
      <c r="Q28072">
        <v>66</v>
      </c>
      <c r="R28072">
        <v>67</v>
      </c>
      <c r="S28072">
        <v>68</v>
      </c>
      <c r="T28072">
        <v>69</v>
      </c>
      <c r="U28072">
        <v>70</v>
      </c>
      <c r="V28072">
        <v>71</v>
      </c>
      <c r="W28072">
        <v>72</v>
      </c>
      <c r="X28072">
        <v>72</v>
      </c>
      <c r="Y28072">
        <v>73</v>
      </c>
      <c r="Z28072">
        <v>74</v>
      </c>
      <c r="AA28072">
        <v>74</v>
      </c>
      <c r="AB28072">
        <v>75</v>
      </c>
      <c r="AC28072">
        <v>75</v>
      </c>
      <c r="AD28072">
        <v>76</v>
      </c>
      <c r="AE28072">
        <v>76</v>
      </c>
      <c r="AF28072">
        <v>76</v>
      </c>
      <c r="AG28072">
        <v>75</v>
      </c>
      <c r="AH28072">
        <v>75</v>
      </c>
      <c r="AI28072">
        <v>74</v>
      </c>
      <c r="AJ28072">
        <v>74</v>
      </c>
      <c r="AK28072">
        <v>73</v>
      </c>
      <c r="AL28072">
        <v>73</v>
      </c>
      <c r="AM28072">
        <v>73</v>
      </c>
      <c r="AN28072">
        <v>72</v>
      </c>
      <c r="AO28072">
        <v>72</v>
      </c>
      <c r="AP28072">
        <v>71</v>
      </c>
      <c r="AQ28072">
        <v>71</v>
      </c>
    </row>
    <row r="28073" spans="1:43">
      <c r="A28073" t="s">
        <v>17369</v>
      </c>
      <c r="B28073" t="s">
        <v>17370</v>
      </c>
      <c r="C28073" t="s">
        <v>17371</v>
      </c>
      <c r="D28073" t="s">
        <v>17372</v>
      </c>
      <c r="E28073" t="s">
        <v>17265</v>
      </c>
      <c r="F28073" t="s">
        <v>17266</v>
      </c>
      <c r="G28073" t="s">
        <v>16559</v>
      </c>
      <c r="H28073" t="s">
        <v>16560</v>
      </c>
      <c r="I28073" s="2">
        <v>1</v>
      </c>
      <c r="J28073" s="2">
        <v>0</v>
      </c>
      <c r="K28073" s="2">
        <v>0</v>
      </c>
      <c r="L28073" t="s">
        <v>120</v>
      </c>
      <c r="M28073" t="s">
        <v>83</v>
      </c>
      <c r="N28073" t="s">
        <v>91</v>
      </c>
      <c r="O28073" t="s">
        <v>85</v>
      </c>
      <c r="P28073" t="s">
        <v>86</v>
      </c>
      <c r="Q28073">
        <v>66</v>
      </c>
      <c r="R28073">
        <v>66</v>
      </c>
      <c r="S28073">
        <v>67</v>
      </c>
      <c r="T28073">
        <v>67</v>
      </c>
      <c r="U28073">
        <v>68</v>
      </c>
      <c r="V28073">
        <v>68</v>
      </c>
      <c r="W28073">
        <v>68</v>
      </c>
      <c r="X28073">
        <v>69</v>
      </c>
      <c r="Y28073">
        <v>69</v>
      </c>
      <c r="Z28073">
        <v>70</v>
      </c>
      <c r="AA28073">
        <v>70</v>
      </c>
      <c r="AB28073">
        <v>70</v>
      </c>
      <c r="AC28073">
        <v>71</v>
      </c>
      <c r="AD28073">
        <v>71</v>
      </c>
      <c r="AE28073">
        <v>71</v>
      </c>
      <c r="AF28073">
        <v>71</v>
      </c>
      <c r="AG28073">
        <v>72</v>
      </c>
      <c r="AH28073">
        <v>72</v>
      </c>
      <c r="AI28073">
        <v>72</v>
      </c>
      <c r="AJ28073">
        <v>72</v>
      </c>
      <c r="AK28073">
        <v>73</v>
      </c>
      <c r="AL28073">
        <v>72</v>
      </c>
      <c r="AM28073">
        <v>72</v>
      </c>
      <c r="AN28073">
        <v>71</v>
      </c>
      <c r="AO28073">
        <v>71</v>
      </c>
      <c r="AP28073">
        <v>71</v>
      </c>
      <c r="AQ28073">
        <v>70</v>
      </c>
    </row>
    <row r="28074" spans="1:43">
      <c r="A28074" t="s">
        <v>17373</v>
      </c>
      <c r="B28074" t="s">
        <v>17374</v>
      </c>
      <c r="C28074" t="s">
        <v>17371</v>
      </c>
      <c r="D28074" t="s">
        <v>17372</v>
      </c>
      <c r="E28074" t="s">
        <v>17265</v>
      </c>
      <c r="F28074" t="s">
        <v>17266</v>
      </c>
      <c r="G28074" t="s">
        <v>16559</v>
      </c>
      <c r="H28074" t="s">
        <v>16560</v>
      </c>
      <c r="I28074" s="2">
        <v>1</v>
      </c>
      <c r="J28074" s="2">
        <v>0</v>
      </c>
      <c r="K28074" s="2">
        <v>0</v>
      </c>
      <c r="L28074" t="s">
        <v>120</v>
      </c>
      <c r="M28074" t="s">
        <v>83</v>
      </c>
      <c r="N28074" t="s">
        <v>84</v>
      </c>
      <c r="O28074" t="s">
        <v>85</v>
      </c>
      <c r="P28074" t="s">
        <v>86</v>
      </c>
      <c r="Q28074">
        <v>79</v>
      </c>
      <c r="R28074">
        <v>79</v>
      </c>
      <c r="S28074">
        <v>80</v>
      </c>
      <c r="T28074">
        <v>81</v>
      </c>
      <c r="U28074">
        <v>81</v>
      </c>
      <c r="V28074">
        <v>82</v>
      </c>
      <c r="W28074">
        <v>82</v>
      </c>
      <c r="X28074">
        <v>83</v>
      </c>
      <c r="Y28074">
        <v>83</v>
      </c>
      <c r="Z28074">
        <v>84</v>
      </c>
      <c r="AA28074">
        <v>84</v>
      </c>
      <c r="AB28074">
        <v>84</v>
      </c>
      <c r="AC28074">
        <v>85</v>
      </c>
      <c r="AD28074">
        <v>85</v>
      </c>
      <c r="AE28074">
        <v>85</v>
      </c>
      <c r="AF28074">
        <v>86</v>
      </c>
      <c r="AG28074">
        <v>86</v>
      </c>
      <c r="AH28074">
        <v>86</v>
      </c>
      <c r="AI28074">
        <v>87</v>
      </c>
      <c r="AJ28074">
        <v>87</v>
      </c>
      <c r="AK28074">
        <v>87</v>
      </c>
      <c r="AL28074">
        <v>87</v>
      </c>
      <c r="AM28074">
        <v>86</v>
      </c>
      <c r="AN28074">
        <v>86</v>
      </c>
      <c r="AO28074">
        <v>85</v>
      </c>
      <c r="AP28074">
        <v>85</v>
      </c>
      <c r="AQ28074">
        <v>84</v>
      </c>
    </row>
    <row r="28075" spans="1:43">
      <c r="A28075" t="s">
        <v>17373</v>
      </c>
      <c r="B28075" t="s">
        <v>17374</v>
      </c>
      <c r="C28075" t="s">
        <v>17371</v>
      </c>
      <c r="D28075" t="s">
        <v>17372</v>
      </c>
      <c r="E28075" t="s">
        <v>17265</v>
      </c>
      <c r="F28075" t="s">
        <v>17266</v>
      </c>
      <c r="G28075" t="s">
        <v>16559</v>
      </c>
      <c r="H28075" t="s">
        <v>16560</v>
      </c>
      <c r="I28075" s="2">
        <v>1</v>
      </c>
      <c r="J28075" s="2">
        <v>0</v>
      </c>
      <c r="K28075" s="2">
        <v>0</v>
      </c>
      <c r="L28075" t="s">
        <v>120</v>
      </c>
      <c r="M28075" t="s">
        <v>87</v>
      </c>
      <c r="N28075" t="s">
        <v>88</v>
      </c>
      <c r="O28075" t="s">
        <v>85</v>
      </c>
      <c r="P28075" t="s">
        <v>86</v>
      </c>
      <c r="Q28075">
        <v>79</v>
      </c>
      <c r="R28075">
        <v>79</v>
      </c>
      <c r="S28075">
        <v>79</v>
      </c>
      <c r="T28075">
        <v>79</v>
      </c>
      <c r="U28075">
        <v>79</v>
      </c>
      <c r="V28075">
        <v>78</v>
      </c>
      <c r="W28075">
        <v>78</v>
      </c>
      <c r="X28075">
        <v>78</v>
      </c>
      <c r="Y28075">
        <v>78</v>
      </c>
      <c r="Z28075">
        <v>78</v>
      </c>
      <c r="AA28075">
        <v>78</v>
      </c>
      <c r="AB28075">
        <v>77</v>
      </c>
      <c r="AC28075">
        <v>77</v>
      </c>
      <c r="AD28075">
        <v>77</v>
      </c>
      <c r="AE28075">
        <v>77</v>
      </c>
      <c r="AF28075">
        <v>77</v>
      </c>
      <c r="AG28075">
        <v>77</v>
      </c>
      <c r="AH28075">
        <v>76</v>
      </c>
      <c r="AI28075">
        <v>76</v>
      </c>
      <c r="AJ28075">
        <v>76</v>
      </c>
      <c r="AK28075">
        <v>76</v>
      </c>
      <c r="AL28075">
        <v>76</v>
      </c>
      <c r="AM28075">
        <v>75</v>
      </c>
      <c r="AN28075">
        <v>75</v>
      </c>
      <c r="AO28075">
        <v>75</v>
      </c>
      <c r="AP28075">
        <v>75</v>
      </c>
      <c r="AQ28075">
        <v>75</v>
      </c>
    </row>
    <row r="28076" spans="1:43">
      <c r="A28076" t="s">
        <v>17373</v>
      </c>
      <c r="B28076" t="s">
        <v>17374</v>
      </c>
      <c r="C28076" t="s">
        <v>17371</v>
      </c>
      <c r="D28076" t="s">
        <v>17372</v>
      </c>
      <c r="E28076" t="s">
        <v>17265</v>
      </c>
      <c r="F28076" t="s">
        <v>17266</v>
      </c>
      <c r="G28076" t="s">
        <v>16559</v>
      </c>
      <c r="H28076" t="s">
        <v>16560</v>
      </c>
      <c r="I28076" s="2">
        <v>1</v>
      </c>
      <c r="J28076" s="2">
        <v>0</v>
      </c>
      <c r="K28076" s="2">
        <v>0</v>
      </c>
      <c r="L28076" t="s">
        <v>120</v>
      </c>
      <c r="M28076" t="s">
        <v>89</v>
      </c>
      <c r="N28076" t="s">
        <v>90</v>
      </c>
      <c r="O28076" t="s">
        <v>85</v>
      </c>
      <c r="P28076" t="s">
        <v>86</v>
      </c>
      <c r="Q28076">
        <v>79</v>
      </c>
      <c r="R28076">
        <v>80</v>
      </c>
      <c r="S28076">
        <v>81</v>
      </c>
      <c r="T28076">
        <v>82</v>
      </c>
      <c r="U28076">
        <v>83</v>
      </c>
      <c r="V28076">
        <v>84</v>
      </c>
      <c r="W28076">
        <v>85</v>
      </c>
      <c r="X28076">
        <v>86</v>
      </c>
      <c r="Y28076">
        <v>87</v>
      </c>
      <c r="Z28076">
        <v>88</v>
      </c>
      <c r="AA28076">
        <v>88</v>
      </c>
      <c r="AB28076">
        <v>89</v>
      </c>
      <c r="AC28076">
        <v>90</v>
      </c>
      <c r="AD28076">
        <v>90</v>
      </c>
      <c r="AE28076">
        <v>90</v>
      </c>
      <c r="AF28076">
        <v>90</v>
      </c>
      <c r="AG28076">
        <v>89</v>
      </c>
      <c r="AH28076">
        <v>89</v>
      </c>
      <c r="AI28076">
        <v>88</v>
      </c>
      <c r="AJ28076">
        <v>88</v>
      </c>
      <c r="AK28076">
        <v>87</v>
      </c>
      <c r="AL28076">
        <v>87</v>
      </c>
      <c r="AM28076">
        <v>86</v>
      </c>
      <c r="AN28076">
        <v>86</v>
      </c>
      <c r="AO28076">
        <v>85</v>
      </c>
      <c r="AP28076">
        <v>85</v>
      </c>
      <c r="AQ28076">
        <v>84</v>
      </c>
    </row>
    <row r="28077" spans="1:43">
      <c r="A28077" t="s">
        <v>17373</v>
      </c>
      <c r="B28077" t="s">
        <v>17374</v>
      </c>
      <c r="C28077" t="s">
        <v>17371</v>
      </c>
      <c r="D28077" t="s">
        <v>17372</v>
      </c>
      <c r="E28077" t="s">
        <v>17265</v>
      </c>
      <c r="F28077" t="s">
        <v>17266</v>
      </c>
      <c r="G28077" t="s">
        <v>16559</v>
      </c>
      <c r="H28077" t="s">
        <v>16560</v>
      </c>
      <c r="I28077" s="2">
        <v>1</v>
      </c>
      <c r="J28077" s="2">
        <v>0</v>
      </c>
      <c r="K28077" s="2">
        <v>0</v>
      </c>
      <c r="L28077" t="s">
        <v>120</v>
      </c>
      <c r="M28077" t="s">
        <v>83</v>
      </c>
      <c r="N28077" t="s">
        <v>91</v>
      </c>
      <c r="O28077" t="s">
        <v>85</v>
      </c>
      <c r="P28077" t="s">
        <v>86</v>
      </c>
      <c r="Q28077">
        <v>79</v>
      </c>
      <c r="R28077">
        <v>79</v>
      </c>
      <c r="S28077">
        <v>80</v>
      </c>
      <c r="T28077">
        <v>81</v>
      </c>
      <c r="U28077">
        <v>81</v>
      </c>
      <c r="V28077">
        <v>82</v>
      </c>
      <c r="W28077">
        <v>82</v>
      </c>
      <c r="X28077">
        <v>83</v>
      </c>
      <c r="Y28077">
        <v>83</v>
      </c>
      <c r="Z28077">
        <v>84</v>
      </c>
      <c r="AA28077">
        <v>84</v>
      </c>
      <c r="AB28077">
        <v>84</v>
      </c>
      <c r="AC28077">
        <v>85</v>
      </c>
      <c r="AD28077">
        <v>85</v>
      </c>
      <c r="AE28077">
        <v>85</v>
      </c>
      <c r="AF28077">
        <v>86</v>
      </c>
      <c r="AG28077">
        <v>86</v>
      </c>
      <c r="AH28077">
        <v>86</v>
      </c>
      <c r="AI28077">
        <v>87</v>
      </c>
      <c r="AJ28077">
        <v>87</v>
      </c>
      <c r="AK28077">
        <v>87</v>
      </c>
      <c r="AL28077">
        <v>87</v>
      </c>
      <c r="AM28077">
        <v>86</v>
      </c>
      <c r="AN28077">
        <v>86</v>
      </c>
      <c r="AO28077">
        <v>85</v>
      </c>
      <c r="AP28077">
        <v>85</v>
      </c>
      <c r="AQ28077">
        <v>84</v>
      </c>
    </row>
    <row r="28078" spans="1:43">
      <c r="A28078" t="s">
        <v>17375</v>
      </c>
      <c r="B28078" t="s">
        <v>17376</v>
      </c>
      <c r="C28078" t="s">
        <v>17371</v>
      </c>
      <c r="D28078" t="s">
        <v>17372</v>
      </c>
      <c r="E28078" t="s">
        <v>17265</v>
      </c>
      <c r="F28078" t="s">
        <v>17266</v>
      </c>
      <c r="G28078" t="s">
        <v>16559</v>
      </c>
      <c r="H28078" t="s">
        <v>16560</v>
      </c>
      <c r="I28078" s="2">
        <v>1</v>
      </c>
      <c r="J28078" s="2">
        <v>0</v>
      </c>
      <c r="K28078" s="2">
        <v>0</v>
      </c>
      <c r="L28078" t="s">
        <v>120</v>
      </c>
      <c r="M28078" t="s">
        <v>83</v>
      </c>
      <c r="N28078" t="s">
        <v>84</v>
      </c>
      <c r="O28078" t="s">
        <v>85</v>
      </c>
      <c r="P28078" t="s">
        <v>86</v>
      </c>
      <c r="Q28078">
        <v>34</v>
      </c>
      <c r="R28078">
        <v>34</v>
      </c>
      <c r="S28078">
        <v>35</v>
      </c>
      <c r="T28078">
        <v>35</v>
      </c>
      <c r="U28078">
        <v>35</v>
      </c>
      <c r="V28078">
        <v>35</v>
      </c>
      <c r="W28078">
        <v>36</v>
      </c>
      <c r="X28078">
        <v>36</v>
      </c>
      <c r="Y28078">
        <v>36</v>
      </c>
      <c r="Z28078">
        <v>36</v>
      </c>
      <c r="AA28078">
        <v>36</v>
      </c>
      <c r="AB28078">
        <v>37</v>
      </c>
      <c r="AC28078">
        <v>37</v>
      </c>
      <c r="AD28078">
        <v>37</v>
      </c>
      <c r="AE28078">
        <v>37</v>
      </c>
      <c r="AF28078">
        <v>37</v>
      </c>
      <c r="AG28078">
        <v>37</v>
      </c>
      <c r="AH28078">
        <v>37</v>
      </c>
      <c r="AI28078">
        <v>38</v>
      </c>
      <c r="AJ28078">
        <v>38</v>
      </c>
      <c r="AK28078">
        <v>38</v>
      </c>
      <c r="AL28078">
        <v>38</v>
      </c>
      <c r="AM28078">
        <v>37</v>
      </c>
      <c r="AN28078">
        <v>37</v>
      </c>
      <c r="AO28078">
        <v>37</v>
      </c>
      <c r="AP28078">
        <v>37</v>
      </c>
      <c r="AQ28078">
        <v>37</v>
      </c>
    </row>
    <row r="28079" spans="1:43">
      <c r="A28079" t="s">
        <v>17375</v>
      </c>
      <c r="B28079" t="s">
        <v>17376</v>
      </c>
      <c r="C28079" t="s">
        <v>17371</v>
      </c>
      <c r="D28079" t="s">
        <v>17372</v>
      </c>
      <c r="E28079" t="s">
        <v>17265</v>
      </c>
      <c r="F28079" t="s">
        <v>17266</v>
      </c>
      <c r="G28079" t="s">
        <v>16559</v>
      </c>
      <c r="H28079" t="s">
        <v>16560</v>
      </c>
      <c r="I28079" s="2">
        <v>1</v>
      </c>
      <c r="J28079" s="2">
        <v>0</v>
      </c>
      <c r="K28079" s="2">
        <v>0</v>
      </c>
      <c r="L28079" t="s">
        <v>120</v>
      </c>
      <c r="M28079" t="s">
        <v>87</v>
      </c>
      <c r="N28079" t="s">
        <v>88</v>
      </c>
      <c r="O28079" t="s">
        <v>85</v>
      </c>
      <c r="P28079" t="s">
        <v>86</v>
      </c>
      <c r="Q28079">
        <v>34</v>
      </c>
      <c r="R28079">
        <v>34</v>
      </c>
      <c r="S28079">
        <v>34</v>
      </c>
      <c r="T28079">
        <v>34</v>
      </c>
      <c r="U28079">
        <v>34</v>
      </c>
      <c r="V28079">
        <v>34</v>
      </c>
      <c r="W28079">
        <v>33</v>
      </c>
      <c r="X28079">
        <v>33</v>
      </c>
      <c r="Y28079">
        <v>33</v>
      </c>
      <c r="Z28079">
        <v>33</v>
      </c>
      <c r="AA28079">
        <v>33</v>
      </c>
      <c r="AB28079">
        <v>33</v>
      </c>
      <c r="AC28079">
        <v>33</v>
      </c>
      <c r="AD28079">
        <v>33</v>
      </c>
      <c r="AE28079">
        <v>33</v>
      </c>
      <c r="AF28079">
        <v>33</v>
      </c>
      <c r="AG28079">
        <v>33</v>
      </c>
      <c r="AH28079">
        <v>33</v>
      </c>
      <c r="AI28079">
        <v>33</v>
      </c>
      <c r="AJ28079">
        <v>33</v>
      </c>
      <c r="AK28079">
        <v>32</v>
      </c>
      <c r="AL28079">
        <v>32</v>
      </c>
      <c r="AM28079">
        <v>32</v>
      </c>
      <c r="AN28079">
        <v>32</v>
      </c>
      <c r="AO28079">
        <v>32</v>
      </c>
      <c r="AP28079">
        <v>32</v>
      </c>
      <c r="AQ28079">
        <v>32</v>
      </c>
    </row>
    <row r="28080" spans="1:43">
      <c r="A28080" t="s">
        <v>17375</v>
      </c>
      <c r="B28080" t="s">
        <v>17376</v>
      </c>
      <c r="C28080" t="s">
        <v>17371</v>
      </c>
      <c r="D28080" t="s">
        <v>17372</v>
      </c>
      <c r="E28080" t="s">
        <v>17265</v>
      </c>
      <c r="F28080" t="s">
        <v>17266</v>
      </c>
      <c r="G28080" t="s">
        <v>16559</v>
      </c>
      <c r="H28080" t="s">
        <v>16560</v>
      </c>
      <c r="I28080" s="2">
        <v>1</v>
      </c>
      <c r="J28080" s="2">
        <v>0</v>
      </c>
      <c r="K28080" s="2">
        <v>0</v>
      </c>
      <c r="L28080" t="s">
        <v>120</v>
      </c>
      <c r="M28080" t="s">
        <v>89</v>
      </c>
      <c r="N28080" t="s">
        <v>90</v>
      </c>
      <c r="O28080" t="s">
        <v>85</v>
      </c>
      <c r="P28080" t="s">
        <v>86</v>
      </c>
      <c r="Q28080">
        <v>34</v>
      </c>
      <c r="R28080">
        <v>35</v>
      </c>
      <c r="S28080">
        <v>36</v>
      </c>
      <c r="T28080">
        <v>36</v>
      </c>
      <c r="U28080">
        <v>37</v>
      </c>
      <c r="V28080">
        <v>37</v>
      </c>
      <c r="W28080">
        <v>37</v>
      </c>
      <c r="X28080">
        <v>38</v>
      </c>
      <c r="Y28080">
        <v>38</v>
      </c>
      <c r="Z28080">
        <v>38</v>
      </c>
      <c r="AA28080">
        <v>39</v>
      </c>
      <c r="AB28080">
        <v>39</v>
      </c>
      <c r="AC28080">
        <v>39</v>
      </c>
      <c r="AD28080">
        <v>40</v>
      </c>
      <c r="AE28080">
        <v>40</v>
      </c>
      <c r="AF28080">
        <v>39</v>
      </c>
      <c r="AG28080">
        <v>39</v>
      </c>
      <c r="AH28080">
        <v>39</v>
      </c>
      <c r="AI28080">
        <v>39</v>
      </c>
      <c r="AJ28080">
        <v>39</v>
      </c>
      <c r="AK28080">
        <v>38</v>
      </c>
      <c r="AL28080">
        <v>38</v>
      </c>
      <c r="AM28080">
        <v>38</v>
      </c>
      <c r="AN28080">
        <v>38</v>
      </c>
      <c r="AO28080">
        <v>37</v>
      </c>
      <c r="AP28080">
        <v>37</v>
      </c>
      <c r="AQ28080">
        <v>37</v>
      </c>
    </row>
    <row r="28081" spans="1:43">
      <c r="A28081" t="s">
        <v>17375</v>
      </c>
      <c r="B28081" t="s">
        <v>17376</v>
      </c>
      <c r="C28081" t="s">
        <v>17371</v>
      </c>
      <c r="D28081" t="s">
        <v>17372</v>
      </c>
      <c r="E28081" t="s">
        <v>17265</v>
      </c>
      <c r="F28081" t="s">
        <v>17266</v>
      </c>
      <c r="G28081" t="s">
        <v>16559</v>
      </c>
      <c r="H28081" t="s">
        <v>16560</v>
      </c>
      <c r="I28081" s="2">
        <v>1</v>
      </c>
      <c r="J28081" s="2">
        <v>0</v>
      </c>
      <c r="K28081" s="2">
        <v>0</v>
      </c>
      <c r="L28081" t="s">
        <v>120</v>
      </c>
      <c r="M28081" t="s">
        <v>83</v>
      </c>
      <c r="N28081" t="s">
        <v>91</v>
      </c>
      <c r="O28081" t="s">
        <v>85</v>
      </c>
      <c r="P28081" t="s">
        <v>86</v>
      </c>
      <c r="Q28081">
        <v>34</v>
      </c>
      <c r="R28081">
        <v>34</v>
      </c>
      <c r="S28081">
        <v>35</v>
      </c>
      <c r="T28081">
        <v>35</v>
      </c>
      <c r="U28081">
        <v>35</v>
      </c>
      <c r="V28081">
        <v>35</v>
      </c>
      <c r="W28081">
        <v>36</v>
      </c>
      <c r="X28081">
        <v>36</v>
      </c>
      <c r="Y28081">
        <v>36</v>
      </c>
      <c r="Z28081">
        <v>36</v>
      </c>
      <c r="AA28081">
        <v>36</v>
      </c>
      <c r="AB28081">
        <v>37</v>
      </c>
      <c r="AC28081">
        <v>37</v>
      </c>
      <c r="AD28081">
        <v>37</v>
      </c>
      <c r="AE28081">
        <v>37</v>
      </c>
      <c r="AF28081">
        <v>37</v>
      </c>
      <c r="AG28081">
        <v>37</v>
      </c>
      <c r="AH28081">
        <v>37</v>
      </c>
      <c r="AI28081">
        <v>38</v>
      </c>
      <c r="AJ28081">
        <v>38</v>
      </c>
      <c r="AK28081">
        <v>38</v>
      </c>
      <c r="AL28081">
        <v>38</v>
      </c>
      <c r="AM28081">
        <v>37</v>
      </c>
      <c r="AN28081">
        <v>37</v>
      </c>
      <c r="AO28081">
        <v>37</v>
      </c>
      <c r="AP28081">
        <v>37</v>
      </c>
      <c r="AQ28081">
        <v>37</v>
      </c>
    </row>
    <row r="28082" spans="1:43">
      <c r="A28082" t="s">
        <v>17377</v>
      </c>
      <c r="B28082" t="s">
        <v>17378</v>
      </c>
      <c r="C28082" t="s">
        <v>17371</v>
      </c>
      <c r="D28082" t="s">
        <v>17372</v>
      </c>
      <c r="E28082" t="s">
        <v>17265</v>
      </c>
      <c r="F28082" t="s">
        <v>17266</v>
      </c>
      <c r="G28082" t="s">
        <v>16559</v>
      </c>
      <c r="H28082" t="s">
        <v>16560</v>
      </c>
      <c r="I28082" s="2">
        <v>1</v>
      </c>
      <c r="J28082" s="2">
        <v>0</v>
      </c>
      <c r="K28082" s="2">
        <v>0</v>
      </c>
      <c r="L28082" t="s">
        <v>120</v>
      </c>
      <c r="M28082" t="s">
        <v>83</v>
      </c>
      <c r="N28082" t="s">
        <v>84</v>
      </c>
      <c r="O28082" t="s">
        <v>85</v>
      </c>
      <c r="P28082" t="s">
        <v>86</v>
      </c>
      <c r="Q28082">
        <v>127</v>
      </c>
      <c r="R28082">
        <v>128</v>
      </c>
      <c r="S28082">
        <v>129</v>
      </c>
      <c r="T28082">
        <v>129</v>
      </c>
      <c r="U28082">
        <v>130</v>
      </c>
      <c r="V28082">
        <v>131</v>
      </c>
      <c r="W28082">
        <v>132</v>
      </c>
      <c r="X28082">
        <v>133</v>
      </c>
      <c r="Y28082">
        <v>134</v>
      </c>
      <c r="Z28082">
        <v>134</v>
      </c>
      <c r="AA28082">
        <v>135</v>
      </c>
      <c r="AB28082">
        <v>136</v>
      </c>
      <c r="AC28082">
        <v>136</v>
      </c>
      <c r="AD28082">
        <v>137</v>
      </c>
      <c r="AE28082">
        <v>137</v>
      </c>
      <c r="AF28082">
        <v>138</v>
      </c>
      <c r="AG28082">
        <v>138</v>
      </c>
      <c r="AH28082">
        <v>139</v>
      </c>
      <c r="AI28082">
        <v>139</v>
      </c>
      <c r="AJ28082">
        <v>140</v>
      </c>
      <c r="AK28082">
        <v>140</v>
      </c>
      <c r="AL28082">
        <v>140</v>
      </c>
      <c r="AM28082">
        <v>139</v>
      </c>
      <c r="AN28082">
        <v>138</v>
      </c>
      <c r="AO28082">
        <v>137</v>
      </c>
      <c r="AP28082">
        <v>136</v>
      </c>
      <c r="AQ28082">
        <v>136</v>
      </c>
    </row>
    <row r="28083" spans="1:43">
      <c r="A28083" t="s">
        <v>17377</v>
      </c>
      <c r="B28083" t="s">
        <v>17378</v>
      </c>
      <c r="C28083" t="s">
        <v>17371</v>
      </c>
      <c r="D28083" t="s">
        <v>17372</v>
      </c>
      <c r="E28083" t="s">
        <v>17265</v>
      </c>
      <c r="F28083" t="s">
        <v>17266</v>
      </c>
      <c r="G28083" t="s">
        <v>16559</v>
      </c>
      <c r="H28083" t="s">
        <v>16560</v>
      </c>
      <c r="I28083" s="2">
        <v>1</v>
      </c>
      <c r="J28083" s="2">
        <v>0</v>
      </c>
      <c r="K28083" s="2">
        <v>0</v>
      </c>
      <c r="L28083" t="s">
        <v>120</v>
      </c>
      <c r="M28083" t="s">
        <v>87</v>
      </c>
      <c r="N28083" t="s">
        <v>88</v>
      </c>
      <c r="O28083" t="s">
        <v>85</v>
      </c>
      <c r="P28083" t="s">
        <v>86</v>
      </c>
      <c r="Q28083">
        <v>127</v>
      </c>
      <c r="R28083">
        <v>127</v>
      </c>
      <c r="S28083">
        <v>127</v>
      </c>
      <c r="T28083">
        <v>127</v>
      </c>
      <c r="U28083">
        <v>127</v>
      </c>
      <c r="V28083">
        <v>126</v>
      </c>
      <c r="W28083">
        <v>126</v>
      </c>
      <c r="X28083">
        <v>126</v>
      </c>
      <c r="Y28083">
        <v>126</v>
      </c>
      <c r="Z28083">
        <v>125</v>
      </c>
      <c r="AA28083">
        <v>125</v>
      </c>
      <c r="AB28083">
        <v>125</v>
      </c>
      <c r="AC28083">
        <v>125</v>
      </c>
      <c r="AD28083">
        <v>124</v>
      </c>
      <c r="AE28083">
        <v>124</v>
      </c>
      <c r="AF28083">
        <v>124</v>
      </c>
      <c r="AG28083">
        <v>123</v>
      </c>
      <c r="AH28083">
        <v>123</v>
      </c>
      <c r="AI28083">
        <v>123</v>
      </c>
      <c r="AJ28083">
        <v>123</v>
      </c>
      <c r="AK28083">
        <v>122</v>
      </c>
      <c r="AL28083">
        <v>122</v>
      </c>
      <c r="AM28083">
        <v>122</v>
      </c>
      <c r="AN28083">
        <v>121</v>
      </c>
      <c r="AO28083">
        <v>121</v>
      </c>
      <c r="AP28083">
        <v>121</v>
      </c>
      <c r="AQ28083">
        <v>120</v>
      </c>
    </row>
    <row r="28084" spans="1:43">
      <c r="A28084" t="s">
        <v>17377</v>
      </c>
      <c r="B28084" t="s">
        <v>17378</v>
      </c>
      <c r="C28084" t="s">
        <v>17371</v>
      </c>
      <c r="D28084" t="s">
        <v>17372</v>
      </c>
      <c r="E28084" t="s">
        <v>17265</v>
      </c>
      <c r="F28084" t="s">
        <v>17266</v>
      </c>
      <c r="G28084" t="s">
        <v>16559</v>
      </c>
      <c r="H28084" t="s">
        <v>16560</v>
      </c>
      <c r="I28084" s="2">
        <v>1</v>
      </c>
      <c r="J28084" s="2">
        <v>0</v>
      </c>
      <c r="K28084" s="2">
        <v>0</v>
      </c>
      <c r="L28084" t="s">
        <v>120</v>
      </c>
      <c r="M28084" t="s">
        <v>89</v>
      </c>
      <c r="N28084" t="s">
        <v>90</v>
      </c>
      <c r="O28084" t="s">
        <v>85</v>
      </c>
      <c r="P28084" t="s">
        <v>86</v>
      </c>
      <c r="Q28084">
        <v>127</v>
      </c>
      <c r="R28084">
        <v>129</v>
      </c>
      <c r="S28084">
        <v>131</v>
      </c>
      <c r="T28084">
        <v>133</v>
      </c>
      <c r="U28084">
        <v>134</v>
      </c>
      <c r="V28084">
        <v>136</v>
      </c>
      <c r="W28084">
        <v>137</v>
      </c>
      <c r="X28084">
        <v>139</v>
      </c>
      <c r="Y28084">
        <v>140</v>
      </c>
      <c r="Z28084">
        <v>141</v>
      </c>
      <c r="AA28084">
        <v>142</v>
      </c>
      <c r="AB28084">
        <v>143</v>
      </c>
      <c r="AC28084">
        <v>145</v>
      </c>
      <c r="AD28084">
        <v>146</v>
      </c>
      <c r="AE28084">
        <v>146</v>
      </c>
      <c r="AF28084">
        <v>145</v>
      </c>
      <c r="AG28084">
        <v>144</v>
      </c>
      <c r="AH28084">
        <v>143</v>
      </c>
      <c r="AI28084">
        <v>143</v>
      </c>
      <c r="AJ28084">
        <v>142</v>
      </c>
      <c r="AK28084">
        <v>141</v>
      </c>
      <c r="AL28084">
        <v>140</v>
      </c>
      <c r="AM28084">
        <v>139</v>
      </c>
      <c r="AN28084">
        <v>138</v>
      </c>
      <c r="AO28084">
        <v>137</v>
      </c>
      <c r="AP28084">
        <v>137</v>
      </c>
      <c r="AQ28084">
        <v>136</v>
      </c>
    </row>
    <row r="28085" spans="1:43">
      <c r="A28085" t="s">
        <v>17377</v>
      </c>
      <c r="B28085" t="s">
        <v>17378</v>
      </c>
      <c r="C28085" t="s">
        <v>17371</v>
      </c>
      <c r="D28085" t="s">
        <v>17372</v>
      </c>
      <c r="E28085" t="s">
        <v>17265</v>
      </c>
      <c r="F28085" t="s">
        <v>17266</v>
      </c>
      <c r="G28085" t="s">
        <v>16559</v>
      </c>
      <c r="H28085" t="s">
        <v>16560</v>
      </c>
      <c r="I28085" s="2">
        <v>1</v>
      </c>
      <c r="J28085" s="2">
        <v>0</v>
      </c>
      <c r="K28085" s="2">
        <v>0</v>
      </c>
      <c r="L28085" t="s">
        <v>120</v>
      </c>
      <c r="M28085" t="s">
        <v>83</v>
      </c>
      <c r="N28085" t="s">
        <v>91</v>
      </c>
      <c r="O28085" t="s">
        <v>85</v>
      </c>
      <c r="P28085" t="s">
        <v>86</v>
      </c>
      <c r="Q28085">
        <v>127</v>
      </c>
      <c r="R28085">
        <v>128</v>
      </c>
      <c r="S28085">
        <v>129</v>
      </c>
      <c r="T28085">
        <v>129</v>
      </c>
      <c r="U28085">
        <v>130</v>
      </c>
      <c r="V28085">
        <v>131</v>
      </c>
      <c r="W28085">
        <v>132</v>
      </c>
      <c r="X28085">
        <v>133</v>
      </c>
      <c r="Y28085">
        <v>134</v>
      </c>
      <c r="Z28085">
        <v>134</v>
      </c>
      <c r="AA28085">
        <v>135</v>
      </c>
      <c r="AB28085">
        <v>136</v>
      </c>
      <c r="AC28085">
        <v>136</v>
      </c>
      <c r="AD28085">
        <v>137</v>
      </c>
      <c r="AE28085">
        <v>137</v>
      </c>
      <c r="AF28085">
        <v>138</v>
      </c>
      <c r="AG28085">
        <v>138</v>
      </c>
      <c r="AH28085">
        <v>139</v>
      </c>
      <c r="AI28085">
        <v>139</v>
      </c>
      <c r="AJ28085">
        <v>140</v>
      </c>
      <c r="AK28085">
        <v>140</v>
      </c>
      <c r="AL28085">
        <v>140</v>
      </c>
      <c r="AM28085">
        <v>139</v>
      </c>
      <c r="AN28085">
        <v>138</v>
      </c>
      <c r="AO28085">
        <v>137</v>
      </c>
      <c r="AP28085">
        <v>136</v>
      </c>
      <c r="AQ28085">
        <v>136</v>
      </c>
    </row>
    <row r="28086" spans="1:43">
      <c r="A28086" t="s">
        <v>17379</v>
      </c>
      <c r="B28086" t="s">
        <v>17380</v>
      </c>
      <c r="C28086" t="s">
        <v>17371</v>
      </c>
      <c r="D28086" t="s">
        <v>17372</v>
      </c>
      <c r="E28086" t="s">
        <v>17265</v>
      </c>
      <c r="F28086" t="s">
        <v>17266</v>
      </c>
      <c r="G28086" t="s">
        <v>16559</v>
      </c>
      <c r="H28086" t="s">
        <v>16560</v>
      </c>
      <c r="I28086" s="2">
        <v>1</v>
      </c>
      <c r="J28086" s="2">
        <v>0</v>
      </c>
      <c r="K28086" s="2">
        <v>0</v>
      </c>
      <c r="L28086" t="s">
        <v>120</v>
      </c>
      <c r="M28086" t="s">
        <v>83</v>
      </c>
      <c r="N28086" t="s">
        <v>84</v>
      </c>
      <c r="O28086" t="s">
        <v>85</v>
      </c>
      <c r="P28086" t="s">
        <v>86</v>
      </c>
      <c r="Q28086">
        <v>22</v>
      </c>
      <c r="R28086">
        <v>22</v>
      </c>
      <c r="S28086">
        <v>22</v>
      </c>
      <c r="T28086">
        <v>22</v>
      </c>
      <c r="U28086">
        <v>23</v>
      </c>
      <c r="V28086">
        <v>23</v>
      </c>
      <c r="W28086">
        <v>23</v>
      </c>
      <c r="X28086">
        <v>23</v>
      </c>
      <c r="Y28086">
        <v>23</v>
      </c>
      <c r="Z28086">
        <v>23</v>
      </c>
      <c r="AA28086">
        <v>23</v>
      </c>
      <c r="AB28086">
        <v>24</v>
      </c>
      <c r="AC28086">
        <v>24</v>
      </c>
      <c r="AD28086">
        <v>24</v>
      </c>
      <c r="AE28086">
        <v>24</v>
      </c>
      <c r="AF28086">
        <v>24</v>
      </c>
      <c r="AG28086">
        <v>24</v>
      </c>
      <c r="AH28086">
        <v>24</v>
      </c>
      <c r="AI28086">
        <v>24</v>
      </c>
      <c r="AJ28086">
        <v>24</v>
      </c>
      <c r="AK28086">
        <v>24</v>
      </c>
      <c r="AL28086">
        <v>24</v>
      </c>
      <c r="AM28086">
        <v>24</v>
      </c>
      <c r="AN28086">
        <v>24</v>
      </c>
      <c r="AO28086">
        <v>24</v>
      </c>
      <c r="AP28086">
        <v>24</v>
      </c>
      <c r="AQ28086">
        <v>24</v>
      </c>
    </row>
    <row r="28087" spans="1:43">
      <c r="A28087" t="s">
        <v>17379</v>
      </c>
      <c r="B28087" t="s">
        <v>17380</v>
      </c>
      <c r="C28087" t="s">
        <v>17371</v>
      </c>
      <c r="D28087" t="s">
        <v>17372</v>
      </c>
      <c r="E28087" t="s">
        <v>17265</v>
      </c>
      <c r="F28087" t="s">
        <v>17266</v>
      </c>
      <c r="G28087" t="s">
        <v>16559</v>
      </c>
      <c r="H28087" t="s">
        <v>16560</v>
      </c>
      <c r="I28087" s="2">
        <v>1</v>
      </c>
      <c r="J28087" s="2">
        <v>0</v>
      </c>
      <c r="K28087" s="2">
        <v>0</v>
      </c>
      <c r="L28087" t="s">
        <v>120</v>
      </c>
      <c r="M28087" t="s">
        <v>87</v>
      </c>
      <c r="N28087" t="s">
        <v>88</v>
      </c>
      <c r="O28087" t="s">
        <v>85</v>
      </c>
      <c r="P28087" t="s">
        <v>86</v>
      </c>
      <c r="Q28087">
        <v>22</v>
      </c>
      <c r="R28087">
        <v>22</v>
      </c>
      <c r="S28087">
        <v>22</v>
      </c>
      <c r="T28087">
        <v>22</v>
      </c>
      <c r="U28087">
        <v>22</v>
      </c>
      <c r="V28087">
        <v>22</v>
      </c>
      <c r="W28087">
        <v>22</v>
      </c>
      <c r="X28087">
        <v>22</v>
      </c>
      <c r="Y28087">
        <v>21</v>
      </c>
      <c r="Z28087">
        <v>21</v>
      </c>
      <c r="AA28087">
        <v>21</v>
      </c>
      <c r="AB28087">
        <v>21</v>
      </c>
      <c r="AC28087">
        <v>21</v>
      </c>
      <c r="AD28087">
        <v>21</v>
      </c>
      <c r="AE28087">
        <v>21</v>
      </c>
      <c r="AF28087">
        <v>21</v>
      </c>
      <c r="AG28087">
        <v>21</v>
      </c>
      <c r="AH28087">
        <v>21</v>
      </c>
      <c r="AI28087">
        <v>21</v>
      </c>
      <c r="AJ28087">
        <v>21</v>
      </c>
      <c r="AK28087">
        <v>21</v>
      </c>
      <c r="AL28087">
        <v>21</v>
      </c>
      <c r="AM28087">
        <v>21</v>
      </c>
      <c r="AN28087">
        <v>21</v>
      </c>
      <c r="AO28087">
        <v>21</v>
      </c>
      <c r="AP28087">
        <v>21</v>
      </c>
      <c r="AQ28087">
        <v>21</v>
      </c>
    </row>
    <row r="28088" spans="1:43">
      <c r="A28088" t="s">
        <v>17379</v>
      </c>
      <c r="B28088" t="s">
        <v>17380</v>
      </c>
      <c r="C28088" t="s">
        <v>17371</v>
      </c>
      <c r="D28088" t="s">
        <v>17372</v>
      </c>
      <c r="E28088" t="s">
        <v>17265</v>
      </c>
      <c r="F28088" t="s">
        <v>17266</v>
      </c>
      <c r="G28088" t="s">
        <v>16559</v>
      </c>
      <c r="H28088" t="s">
        <v>16560</v>
      </c>
      <c r="I28088" s="2">
        <v>1</v>
      </c>
      <c r="J28088" s="2">
        <v>0</v>
      </c>
      <c r="K28088" s="2">
        <v>0</v>
      </c>
      <c r="L28088" t="s">
        <v>120</v>
      </c>
      <c r="M28088" t="s">
        <v>89</v>
      </c>
      <c r="N28088" t="s">
        <v>90</v>
      </c>
      <c r="O28088" t="s">
        <v>85</v>
      </c>
      <c r="P28088" t="s">
        <v>86</v>
      </c>
      <c r="Q28088">
        <v>22</v>
      </c>
      <c r="R28088">
        <v>23</v>
      </c>
      <c r="S28088">
        <v>23</v>
      </c>
      <c r="T28088">
        <v>23</v>
      </c>
      <c r="U28088">
        <v>24</v>
      </c>
      <c r="V28088">
        <v>24</v>
      </c>
      <c r="W28088">
        <v>24</v>
      </c>
      <c r="X28088">
        <v>24</v>
      </c>
      <c r="Y28088">
        <v>25</v>
      </c>
      <c r="Z28088">
        <v>25</v>
      </c>
      <c r="AA28088">
        <v>25</v>
      </c>
      <c r="AB28088">
        <v>25</v>
      </c>
      <c r="AC28088">
        <v>25</v>
      </c>
      <c r="AD28088">
        <v>25</v>
      </c>
      <c r="AE28088">
        <v>26</v>
      </c>
      <c r="AF28088">
        <v>25</v>
      </c>
      <c r="AG28088">
        <v>25</v>
      </c>
      <c r="AH28088">
        <v>25</v>
      </c>
      <c r="AI28088">
        <v>25</v>
      </c>
      <c r="AJ28088">
        <v>25</v>
      </c>
      <c r="AK28088">
        <v>25</v>
      </c>
      <c r="AL28088">
        <v>25</v>
      </c>
      <c r="AM28088">
        <v>24</v>
      </c>
      <c r="AN28088">
        <v>24</v>
      </c>
      <c r="AO28088">
        <v>24</v>
      </c>
      <c r="AP28088">
        <v>24</v>
      </c>
      <c r="AQ28088">
        <v>24</v>
      </c>
    </row>
    <row r="28089" spans="1:43">
      <c r="A28089" t="s">
        <v>17379</v>
      </c>
      <c r="B28089" t="s">
        <v>17380</v>
      </c>
      <c r="C28089" t="s">
        <v>17371</v>
      </c>
      <c r="D28089" t="s">
        <v>17372</v>
      </c>
      <c r="E28089" t="s">
        <v>17265</v>
      </c>
      <c r="F28089" t="s">
        <v>17266</v>
      </c>
      <c r="G28089" t="s">
        <v>16559</v>
      </c>
      <c r="H28089" t="s">
        <v>16560</v>
      </c>
      <c r="I28089" s="2">
        <v>1</v>
      </c>
      <c r="J28089" s="2">
        <v>0</v>
      </c>
      <c r="K28089" s="2">
        <v>0</v>
      </c>
      <c r="L28089" t="s">
        <v>120</v>
      </c>
      <c r="M28089" t="s">
        <v>83</v>
      </c>
      <c r="N28089" t="s">
        <v>91</v>
      </c>
      <c r="O28089" t="s">
        <v>85</v>
      </c>
      <c r="P28089" t="s">
        <v>86</v>
      </c>
      <c r="Q28089">
        <v>22</v>
      </c>
      <c r="R28089">
        <v>22</v>
      </c>
      <c r="S28089">
        <v>22</v>
      </c>
      <c r="T28089">
        <v>22</v>
      </c>
      <c r="U28089">
        <v>23</v>
      </c>
      <c r="V28089">
        <v>23</v>
      </c>
      <c r="W28089">
        <v>23</v>
      </c>
      <c r="X28089">
        <v>23</v>
      </c>
      <c r="Y28089">
        <v>23</v>
      </c>
      <c r="Z28089">
        <v>23</v>
      </c>
      <c r="AA28089">
        <v>23</v>
      </c>
      <c r="AB28089">
        <v>24</v>
      </c>
      <c r="AC28089">
        <v>24</v>
      </c>
      <c r="AD28089">
        <v>24</v>
      </c>
      <c r="AE28089">
        <v>24</v>
      </c>
      <c r="AF28089">
        <v>24</v>
      </c>
      <c r="AG28089">
        <v>24</v>
      </c>
      <c r="AH28089">
        <v>24</v>
      </c>
      <c r="AI28089">
        <v>24</v>
      </c>
      <c r="AJ28089">
        <v>24</v>
      </c>
      <c r="AK28089">
        <v>24</v>
      </c>
      <c r="AL28089">
        <v>24</v>
      </c>
      <c r="AM28089">
        <v>24</v>
      </c>
      <c r="AN28089">
        <v>24</v>
      </c>
      <c r="AO28089">
        <v>24</v>
      </c>
      <c r="AP28089">
        <v>24</v>
      </c>
      <c r="AQ28089">
        <v>24</v>
      </c>
    </row>
    <row r="28090" spans="1:43">
      <c r="A28090" t="s">
        <v>17381</v>
      </c>
      <c r="B28090" t="s">
        <v>17382</v>
      </c>
      <c r="C28090" t="s">
        <v>17383</v>
      </c>
      <c r="D28090" t="s">
        <v>17384</v>
      </c>
      <c r="E28090" t="s">
        <v>17265</v>
      </c>
      <c r="F28090" t="s">
        <v>17266</v>
      </c>
      <c r="G28090" t="s">
        <v>16559</v>
      </c>
      <c r="H28090" t="s">
        <v>16560</v>
      </c>
      <c r="I28090" s="2">
        <v>1</v>
      </c>
      <c r="J28090" s="2">
        <v>0</v>
      </c>
      <c r="K28090" s="2">
        <v>0</v>
      </c>
      <c r="L28090" t="s">
        <v>120</v>
      </c>
      <c r="M28090" t="s">
        <v>83</v>
      </c>
      <c r="N28090" t="s">
        <v>84</v>
      </c>
      <c r="O28090" t="s">
        <v>85</v>
      </c>
      <c r="P28090" t="s">
        <v>86</v>
      </c>
      <c r="Q28090">
        <v>11</v>
      </c>
      <c r="R28090">
        <v>12</v>
      </c>
      <c r="S28090">
        <v>12</v>
      </c>
      <c r="T28090">
        <v>12</v>
      </c>
      <c r="U28090">
        <v>12</v>
      </c>
      <c r="V28090">
        <v>12</v>
      </c>
      <c r="W28090">
        <v>12</v>
      </c>
      <c r="X28090">
        <v>12</v>
      </c>
      <c r="Y28090">
        <v>12</v>
      </c>
      <c r="Z28090">
        <v>12</v>
      </c>
      <c r="AA28090">
        <v>12</v>
      </c>
      <c r="AB28090">
        <v>12</v>
      </c>
      <c r="AC28090">
        <v>12</v>
      </c>
      <c r="AD28090">
        <v>12</v>
      </c>
      <c r="AE28090">
        <v>12</v>
      </c>
      <c r="AF28090">
        <v>12</v>
      </c>
      <c r="AG28090">
        <v>13</v>
      </c>
      <c r="AH28090">
        <v>13</v>
      </c>
      <c r="AI28090">
        <v>13</v>
      </c>
      <c r="AJ28090">
        <v>13</v>
      </c>
      <c r="AK28090">
        <v>13</v>
      </c>
      <c r="AL28090">
        <v>13</v>
      </c>
      <c r="AM28090">
        <v>13</v>
      </c>
      <c r="AN28090">
        <v>13</v>
      </c>
      <c r="AO28090">
        <v>12</v>
      </c>
      <c r="AP28090">
        <v>12</v>
      </c>
      <c r="AQ28090">
        <v>12</v>
      </c>
    </row>
    <row r="28091" spans="1:43">
      <c r="A28091" t="s">
        <v>17381</v>
      </c>
      <c r="B28091" t="s">
        <v>17382</v>
      </c>
      <c r="C28091" t="s">
        <v>17383</v>
      </c>
      <c r="D28091" t="s">
        <v>17384</v>
      </c>
      <c r="E28091" t="s">
        <v>17265</v>
      </c>
      <c r="F28091" t="s">
        <v>17266</v>
      </c>
      <c r="G28091" t="s">
        <v>16559</v>
      </c>
      <c r="H28091" t="s">
        <v>16560</v>
      </c>
      <c r="I28091" s="2">
        <v>1</v>
      </c>
      <c r="J28091" s="2">
        <v>0</v>
      </c>
      <c r="K28091" s="2">
        <v>0</v>
      </c>
      <c r="L28091" t="s">
        <v>120</v>
      </c>
      <c r="M28091" t="s">
        <v>87</v>
      </c>
      <c r="N28091" t="s">
        <v>88</v>
      </c>
      <c r="O28091" t="s">
        <v>85</v>
      </c>
      <c r="P28091" t="s">
        <v>86</v>
      </c>
      <c r="Q28091">
        <v>11</v>
      </c>
      <c r="R28091">
        <v>11</v>
      </c>
      <c r="S28091">
        <v>11</v>
      </c>
      <c r="T28091">
        <v>11</v>
      </c>
      <c r="U28091">
        <v>11</v>
      </c>
      <c r="V28091">
        <v>11</v>
      </c>
      <c r="W28091">
        <v>11</v>
      </c>
      <c r="X28091">
        <v>11</v>
      </c>
      <c r="Y28091">
        <v>11</v>
      </c>
      <c r="Z28091">
        <v>11</v>
      </c>
      <c r="AA28091">
        <v>11</v>
      </c>
      <c r="AB28091">
        <v>11</v>
      </c>
      <c r="AC28091">
        <v>11</v>
      </c>
      <c r="AD28091">
        <v>11</v>
      </c>
      <c r="AE28091">
        <v>11</v>
      </c>
      <c r="AF28091">
        <v>11</v>
      </c>
      <c r="AG28091">
        <v>11</v>
      </c>
      <c r="AH28091">
        <v>11</v>
      </c>
      <c r="AI28091">
        <v>11</v>
      </c>
      <c r="AJ28091">
        <v>11</v>
      </c>
      <c r="AK28091">
        <v>11</v>
      </c>
      <c r="AL28091">
        <v>11</v>
      </c>
      <c r="AM28091">
        <v>11</v>
      </c>
      <c r="AN28091">
        <v>11</v>
      </c>
      <c r="AO28091">
        <v>11</v>
      </c>
      <c r="AP28091">
        <v>11</v>
      </c>
      <c r="AQ28091">
        <v>11</v>
      </c>
    </row>
    <row r="28092" spans="1:43">
      <c r="A28092" t="s">
        <v>17381</v>
      </c>
      <c r="B28092" t="s">
        <v>17382</v>
      </c>
      <c r="C28092" t="s">
        <v>17383</v>
      </c>
      <c r="D28092" t="s">
        <v>17384</v>
      </c>
      <c r="E28092" t="s">
        <v>17265</v>
      </c>
      <c r="F28092" t="s">
        <v>17266</v>
      </c>
      <c r="G28092" t="s">
        <v>16559</v>
      </c>
      <c r="H28092" t="s">
        <v>16560</v>
      </c>
      <c r="I28092" s="2">
        <v>1</v>
      </c>
      <c r="J28092" s="2">
        <v>0</v>
      </c>
      <c r="K28092" s="2">
        <v>0</v>
      </c>
      <c r="L28092" t="s">
        <v>120</v>
      </c>
      <c r="M28092" t="s">
        <v>89</v>
      </c>
      <c r="N28092" t="s">
        <v>90</v>
      </c>
      <c r="O28092" t="s">
        <v>85</v>
      </c>
      <c r="P28092" t="s">
        <v>86</v>
      </c>
      <c r="Q28092">
        <v>11</v>
      </c>
      <c r="R28092">
        <v>11</v>
      </c>
      <c r="S28092">
        <v>11</v>
      </c>
      <c r="T28092">
        <v>11</v>
      </c>
      <c r="U28092">
        <v>11</v>
      </c>
      <c r="V28092">
        <v>11</v>
      </c>
      <c r="W28092">
        <v>12</v>
      </c>
      <c r="X28092">
        <v>12</v>
      </c>
      <c r="Y28092">
        <v>12</v>
      </c>
      <c r="Z28092">
        <v>12</v>
      </c>
      <c r="AA28092">
        <v>12</v>
      </c>
      <c r="AB28092">
        <v>12</v>
      </c>
      <c r="AC28092">
        <v>12</v>
      </c>
      <c r="AD28092">
        <v>12</v>
      </c>
      <c r="AE28092">
        <v>12</v>
      </c>
      <c r="AF28092">
        <v>12</v>
      </c>
      <c r="AG28092">
        <v>12</v>
      </c>
      <c r="AH28092">
        <v>12</v>
      </c>
      <c r="AI28092">
        <v>12</v>
      </c>
      <c r="AJ28092">
        <v>12</v>
      </c>
      <c r="AK28092">
        <v>12</v>
      </c>
      <c r="AL28092">
        <v>12</v>
      </c>
      <c r="AM28092">
        <v>12</v>
      </c>
      <c r="AN28092">
        <v>12</v>
      </c>
      <c r="AO28092">
        <v>12</v>
      </c>
      <c r="AP28092">
        <v>11</v>
      </c>
      <c r="AQ28092">
        <v>11</v>
      </c>
    </row>
    <row r="28093" spans="1:43">
      <c r="A28093" t="s">
        <v>17381</v>
      </c>
      <c r="B28093" t="s">
        <v>17382</v>
      </c>
      <c r="C28093" t="s">
        <v>17383</v>
      </c>
      <c r="D28093" t="s">
        <v>17384</v>
      </c>
      <c r="E28093" t="s">
        <v>17265</v>
      </c>
      <c r="F28093" t="s">
        <v>17266</v>
      </c>
      <c r="G28093" t="s">
        <v>16559</v>
      </c>
      <c r="H28093" t="s">
        <v>16560</v>
      </c>
      <c r="I28093" s="2">
        <v>1</v>
      </c>
      <c r="J28093" s="2">
        <v>0</v>
      </c>
      <c r="K28093" s="2">
        <v>0</v>
      </c>
      <c r="L28093" t="s">
        <v>120</v>
      </c>
      <c r="M28093" t="s">
        <v>83</v>
      </c>
      <c r="N28093" t="s">
        <v>91</v>
      </c>
      <c r="O28093" t="s">
        <v>85</v>
      </c>
      <c r="P28093" t="s">
        <v>86</v>
      </c>
      <c r="Q28093">
        <v>11</v>
      </c>
      <c r="R28093">
        <v>12</v>
      </c>
      <c r="S28093">
        <v>12</v>
      </c>
      <c r="T28093">
        <v>12</v>
      </c>
      <c r="U28093">
        <v>12</v>
      </c>
      <c r="V28093">
        <v>12</v>
      </c>
      <c r="W28093">
        <v>12</v>
      </c>
      <c r="X28093">
        <v>12</v>
      </c>
      <c r="Y28093">
        <v>12</v>
      </c>
      <c r="Z28093">
        <v>12</v>
      </c>
      <c r="AA28093">
        <v>12</v>
      </c>
      <c r="AB28093">
        <v>12</v>
      </c>
      <c r="AC28093">
        <v>12</v>
      </c>
      <c r="AD28093">
        <v>12</v>
      </c>
      <c r="AE28093">
        <v>12</v>
      </c>
      <c r="AF28093">
        <v>12</v>
      </c>
      <c r="AG28093">
        <v>13</v>
      </c>
      <c r="AH28093">
        <v>13</v>
      </c>
      <c r="AI28093">
        <v>13</v>
      </c>
      <c r="AJ28093">
        <v>13</v>
      </c>
      <c r="AK28093">
        <v>13</v>
      </c>
      <c r="AL28093">
        <v>13</v>
      </c>
      <c r="AM28093">
        <v>13</v>
      </c>
      <c r="AN28093">
        <v>13</v>
      </c>
      <c r="AO28093">
        <v>12</v>
      </c>
      <c r="AP28093">
        <v>12</v>
      </c>
      <c r="AQ28093">
        <v>12</v>
      </c>
    </row>
    <row r="28094" spans="1:43">
      <c r="A28094" t="s">
        <v>17385</v>
      </c>
      <c r="B28094" t="s">
        <v>17386</v>
      </c>
      <c r="C28094" t="s">
        <v>17383</v>
      </c>
      <c r="D28094" t="s">
        <v>17384</v>
      </c>
      <c r="E28094" t="s">
        <v>17265</v>
      </c>
      <c r="F28094" t="s">
        <v>17266</v>
      </c>
      <c r="G28094" t="s">
        <v>16559</v>
      </c>
      <c r="H28094" t="s">
        <v>16560</v>
      </c>
      <c r="I28094" s="2">
        <v>1</v>
      </c>
      <c r="J28094" s="2">
        <v>0</v>
      </c>
      <c r="K28094" s="2">
        <v>0</v>
      </c>
      <c r="L28094" t="s">
        <v>120</v>
      </c>
      <c r="M28094" t="s">
        <v>83</v>
      </c>
      <c r="N28094" t="s">
        <v>84</v>
      </c>
      <c r="O28094" t="s">
        <v>85</v>
      </c>
      <c r="P28094" t="s">
        <v>86</v>
      </c>
      <c r="Q28094">
        <v>15</v>
      </c>
      <c r="R28094">
        <v>15</v>
      </c>
      <c r="S28094">
        <v>15</v>
      </c>
      <c r="T28094">
        <v>15</v>
      </c>
      <c r="U28094">
        <v>15</v>
      </c>
      <c r="V28094">
        <v>15</v>
      </c>
      <c r="W28094">
        <v>15</v>
      </c>
      <c r="X28094">
        <v>15</v>
      </c>
      <c r="Y28094">
        <v>15</v>
      </c>
      <c r="Z28094">
        <v>15</v>
      </c>
      <c r="AA28094">
        <v>16</v>
      </c>
      <c r="AB28094">
        <v>16</v>
      </c>
      <c r="AC28094">
        <v>16</v>
      </c>
      <c r="AD28094">
        <v>16</v>
      </c>
      <c r="AE28094">
        <v>16</v>
      </c>
      <c r="AF28094">
        <v>16</v>
      </c>
      <c r="AG28094">
        <v>16</v>
      </c>
      <c r="AH28094">
        <v>16</v>
      </c>
      <c r="AI28094">
        <v>16</v>
      </c>
      <c r="AJ28094">
        <v>16</v>
      </c>
      <c r="AK28094">
        <v>16</v>
      </c>
      <c r="AL28094">
        <v>16</v>
      </c>
      <c r="AM28094">
        <v>16</v>
      </c>
      <c r="AN28094">
        <v>16</v>
      </c>
      <c r="AO28094">
        <v>16</v>
      </c>
      <c r="AP28094">
        <v>16</v>
      </c>
      <c r="AQ28094">
        <v>16</v>
      </c>
    </row>
    <row r="28095" spans="1:43">
      <c r="A28095" t="s">
        <v>17385</v>
      </c>
      <c r="B28095" t="s">
        <v>17386</v>
      </c>
      <c r="C28095" t="s">
        <v>17383</v>
      </c>
      <c r="D28095" t="s">
        <v>17384</v>
      </c>
      <c r="E28095" t="s">
        <v>17265</v>
      </c>
      <c r="F28095" t="s">
        <v>17266</v>
      </c>
      <c r="G28095" t="s">
        <v>16559</v>
      </c>
      <c r="H28095" t="s">
        <v>16560</v>
      </c>
      <c r="I28095" s="2">
        <v>1</v>
      </c>
      <c r="J28095" s="2">
        <v>0</v>
      </c>
      <c r="K28095" s="2">
        <v>0</v>
      </c>
      <c r="L28095" t="s">
        <v>120</v>
      </c>
      <c r="M28095" t="s">
        <v>87</v>
      </c>
      <c r="N28095" t="s">
        <v>88</v>
      </c>
      <c r="O28095" t="s">
        <v>85</v>
      </c>
      <c r="P28095" t="s">
        <v>86</v>
      </c>
      <c r="Q28095">
        <v>15</v>
      </c>
      <c r="R28095">
        <v>15</v>
      </c>
      <c r="S28095">
        <v>15</v>
      </c>
      <c r="T28095">
        <v>15</v>
      </c>
      <c r="U28095">
        <v>15</v>
      </c>
      <c r="V28095">
        <v>15</v>
      </c>
      <c r="W28095">
        <v>15</v>
      </c>
      <c r="X28095">
        <v>15</v>
      </c>
      <c r="Y28095">
        <v>15</v>
      </c>
      <c r="Z28095">
        <v>15</v>
      </c>
      <c r="AA28095">
        <v>15</v>
      </c>
      <c r="AB28095">
        <v>15</v>
      </c>
      <c r="AC28095">
        <v>15</v>
      </c>
      <c r="AD28095">
        <v>15</v>
      </c>
      <c r="AE28095">
        <v>15</v>
      </c>
      <c r="AF28095">
        <v>15</v>
      </c>
      <c r="AG28095">
        <v>15</v>
      </c>
      <c r="AH28095">
        <v>15</v>
      </c>
      <c r="AI28095">
        <v>15</v>
      </c>
      <c r="AJ28095">
        <v>15</v>
      </c>
      <c r="AK28095">
        <v>15</v>
      </c>
      <c r="AL28095">
        <v>15</v>
      </c>
      <c r="AM28095">
        <v>15</v>
      </c>
      <c r="AN28095">
        <v>15</v>
      </c>
      <c r="AO28095">
        <v>15</v>
      </c>
      <c r="AP28095">
        <v>15</v>
      </c>
      <c r="AQ28095">
        <v>15</v>
      </c>
    </row>
    <row r="28096" spans="1:43">
      <c r="A28096" t="s">
        <v>17385</v>
      </c>
      <c r="B28096" t="s">
        <v>17386</v>
      </c>
      <c r="C28096" t="s">
        <v>17383</v>
      </c>
      <c r="D28096" t="s">
        <v>17384</v>
      </c>
      <c r="E28096" t="s">
        <v>17265</v>
      </c>
      <c r="F28096" t="s">
        <v>17266</v>
      </c>
      <c r="G28096" t="s">
        <v>16559</v>
      </c>
      <c r="H28096" t="s">
        <v>16560</v>
      </c>
      <c r="I28096" s="2">
        <v>1</v>
      </c>
      <c r="J28096" s="2">
        <v>0</v>
      </c>
      <c r="K28096" s="2">
        <v>0</v>
      </c>
      <c r="L28096" t="s">
        <v>120</v>
      </c>
      <c r="M28096" t="s">
        <v>89</v>
      </c>
      <c r="N28096" t="s">
        <v>90</v>
      </c>
      <c r="O28096" t="s">
        <v>85</v>
      </c>
      <c r="P28096" t="s">
        <v>86</v>
      </c>
      <c r="Q28096">
        <v>15</v>
      </c>
      <c r="R28096">
        <v>15</v>
      </c>
      <c r="S28096">
        <v>15</v>
      </c>
      <c r="T28096">
        <v>15</v>
      </c>
      <c r="U28096">
        <v>16</v>
      </c>
      <c r="V28096">
        <v>16</v>
      </c>
      <c r="W28096">
        <v>16</v>
      </c>
      <c r="X28096">
        <v>16</v>
      </c>
      <c r="Y28096">
        <v>16</v>
      </c>
      <c r="Z28096">
        <v>16</v>
      </c>
      <c r="AA28096">
        <v>17</v>
      </c>
      <c r="AB28096">
        <v>17</v>
      </c>
      <c r="AC28096">
        <v>17</v>
      </c>
      <c r="AD28096">
        <v>17</v>
      </c>
      <c r="AE28096">
        <v>17</v>
      </c>
      <c r="AF28096">
        <v>17</v>
      </c>
      <c r="AG28096">
        <v>17</v>
      </c>
      <c r="AH28096">
        <v>17</v>
      </c>
      <c r="AI28096">
        <v>17</v>
      </c>
      <c r="AJ28096">
        <v>16</v>
      </c>
      <c r="AK28096">
        <v>16</v>
      </c>
      <c r="AL28096">
        <v>16</v>
      </c>
      <c r="AM28096">
        <v>16</v>
      </c>
      <c r="AN28096">
        <v>16</v>
      </c>
      <c r="AO28096">
        <v>16</v>
      </c>
      <c r="AP28096">
        <v>16</v>
      </c>
      <c r="AQ28096">
        <v>16</v>
      </c>
    </row>
    <row r="28097" spans="1:43">
      <c r="A28097" t="s">
        <v>17385</v>
      </c>
      <c r="B28097" t="s">
        <v>17386</v>
      </c>
      <c r="C28097" t="s">
        <v>17383</v>
      </c>
      <c r="D28097" t="s">
        <v>17384</v>
      </c>
      <c r="E28097" t="s">
        <v>17265</v>
      </c>
      <c r="F28097" t="s">
        <v>17266</v>
      </c>
      <c r="G28097" t="s">
        <v>16559</v>
      </c>
      <c r="H28097" t="s">
        <v>16560</v>
      </c>
      <c r="I28097" s="2">
        <v>1</v>
      </c>
      <c r="J28097" s="2">
        <v>0</v>
      </c>
      <c r="K28097" s="2">
        <v>0</v>
      </c>
      <c r="L28097" t="s">
        <v>120</v>
      </c>
      <c r="M28097" t="s">
        <v>83</v>
      </c>
      <c r="N28097" t="s">
        <v>91</v>
      </c>
      <c r="O28097" t="s">
        <v>85</v>
      </c>
      <c r="P28097" t="s">
        <v>86</v>
      </c>
      <c r="Q28097">
        <v>15</v>
      </c>
      <c r="R28097">
        <v>15</v>
      </c>
      <c r="S28097">
        <v>15</v>
      </c>
      <c r="T28097">
        <v>15</v>
      </c>
      <c r="U28097">
        <v>15</v>
      </c>
      <c r="V28097">
        <v>15</v>
      </c>
      <c r="W28097">
        <v>15</v>
      </c>
      <c r="X28097">
        <v>15</v>
      </c>
      <c r="Y28097">
        <v>15</v>
      </c>
      <c r="Z28097">
        <v>15</v>
      </c>
      <c r="AA28097">
        <v>16</v>
      </c>
      <c r="AB28097">
        <v>16</v>
      </c>
      <c r="AC28097">
        <v>16</v>
      </c>
      <c r="AD28097">
        <v>16</v>
      </c>
      <c r="AE28097">
        <v>16</v>
      </c>
      <c r="AF28097">
        <v>16</v>
      </c>
      <c r="AG28097">
        <v>16</v>
      </c>
      <c r="AH28097">
        <v>16</v>
      </c>
      <c r="AI28097">
        <v>16</v>
      </c>
      <c r="AJ28097">
        <v>16</v>
      </c>
      <c r="AK28097">
        <v>16</v>
      </c>
      <c r="AL28097">
        <v>16</v>
      </c>
      <c r="AM28097">
        <v>16</v>
      </c>
      <c r="AN28097">
        <v>16</v>
      </c>
      <c r="AO28097">
        <v>16</v>
      </c>
      <c r="AP28097">
        <v>16</v>
      </c>
      <c r="AQ28097">
        <v>16</v>
      </c>
    </row>
    <row r="28098" spans="1:43">
      <c r="A28098" t="s">
        <v>17387</v>
      </c>
      <c r="B28098" t="s">
        <v>17388</v>
      </c>
      <c r="C28098" t="s">
        <v>17383</v>
      </c>
      <c r="D28098" t="s">
        <v>17384</v>
      </c>
      <c r="E28098" t="s">
        <v>17265</v>
      </c>
      <c r="F28098" t="s">
        <v>17266</v>
      </c>
      <c r="G28098" t="s">
        <v>16559</v>
      </c>
      <c r="H28098" t="s">
        <v>16560</v>
      </c>
      <c r="I28098" s="2">
        <v>1</v>
      </c>
      <c r="J28098" s="2">
        <v>0</v>
      </c>
      <c r="K28098" s="2">
        <v>0</v>
      </c>
      <c r="L28098" t="s">
        <v>120</v>
      </c>
      <c r="M28098" t="s">
        <v>83</v>
      </c>
      <c r="N28098" t="s">
        <v>84</v>
      </c>
      <c r="O28098" t="s">
        <v>85</v>
      </c>
      <c r="P28098" t="s">
        <v>86</v>
      </c>
      <c r="Q28098">
        <v>27</v>
      </c>
      <c r="R28098">
        <v>27</v>
      </c>
      <c r="S28098">
        <v>27</v>
      </c>
      <c r="T28098">
        <v>28</v>
      </c>
      <c r="U28098">
        <v>28</v>
      </c>
      <c r="V28098">
        <v>28</v>
      </c>
      <c r="W28098">
        <v>28</v>
      </c>
      <c r="X28098">
        <v>28</v>
      </c>
      <c r="Y28098">
        <v>29</v>
      </c>
      <c r="Z28098">
        <v>29</v>
      </c>
      <c r="AA28098">
        <v>29</v>
      </c>
      <c r="AB28098">
        <v>29</v>
      </c>
      <c r="AC28098">
        <v>29</v>
      </c>
      <c r="AD28098">
        <v>29</v>
      </c>
      <c r="AE28098">
        <v>29</v>
      </c>
      <c r="AF28098">
        <v>29</v>
      </c>
      <c r="AG28098">
        <v>30</v>
      </c>
      <c r="AH28098">
        <v>30</v>
      </c>
      <c r="AI28098">
        <v>30</v>
      </c>
      <c r="AJ28098">
        <v>30</v>
      </c>
      <c r="AK28098">
        <v>30</v>
      </c>
      <c r="AL28098">
        <v>30</v>
      </c>
      <c r="AM28098">
        <v>30</v>
      </c>
      <c r="AN28098">
        <v>29</v>
      </c>
      <c r="AO28098">
        <v>29</v>
      </c>
      <c r="AP28098">
        <v>29</v>
      </c>
      <c r="AQ28098">
        <v>29</v>
      </c>
    </row>
    <row r="28099" spans="1:43">
      <c r="A28099" t="s">
        <v>17387</v>
      </c>
      <c r="B28099" t="s">
        <v>17388</v>
      </c>
      <c r="C28099" t="s">
        <v>17383</v>
      </c>
      <c r="D28099" t="s">
        <v>17384</v>
      </c>
      <c r="E28099" t="s">
        <v>17265</v>
      </c>
      <c r="F28099" t="s">
        <v>17266</v>
      </c>
      <c r="G28099" t="s">
        <v>16559</v>
      </c>
      <c r="H28099" t="s">
        <v>16560</v>
      </c>
      <c r="I28099" s="2">
        <v>1</v>
      </c>
      <c r="J28099" s="2">
        <v>0</v>
      </c>
      <c r="K28099" s="2">
        <v>0</v>
      </c>
      <c r="L28099" t="s">
        <v>120</v>
      </c>
      <c r="M28099" t="s">
        <v>87</v>
      </c>
      <c r="N28099" t="s">
        <v>88</v>
      </c>
      <c r="O28099" t="s">
        <v>85</v>
      </c>
      <c r="P28099" t="s">
        <v>86</v>
      </c>
      <c r="Q28099">
        <v>27</v>
      </c>
      <c r="R28099">
        <v>27</v>
      </c>
      <c r="S28099">
        <v>27</v>
      </c>
      <c r="T28099">
        <v>27</v>
      </c>
      <c r="U28099">
        <v>27</v>
      </c>
      <c r="V28099">
        <v>27</v>
      </c>
      <c r="W28099">
        <v>26</v>
      </c>
      <c r="X28099">
        <v>26</v>
      </c>
      <c r="Y28099">
        <v>26</v>
      </c>
      <c r="Z28099">
        <v>26</v>
      </c>
      <c r="AA28099">
        <v>26</v>
      </c>
      <c r="AB28099">
        <v>26</v>
      </c>
      <c r="AC28099">
        <v>26</v>
      </c>
      <c r="AD28099">
        <v>26</v>
      </c>
      <c r="AE28099">
        <v>26</v>
      </c>
      <c r="AF28099">
        <v>26</v>
      </c>
      <c r="AG28099">
        <v>26</v>
      </c>
      <c r="AH28099">
        <v>26</v>
      </c>
      <c r="AI28099">
        <v>26</v>
      </c>
      <c r="AJ28099">
        <v>26</v>
      </c>
      <c r="AK28099">
        <v>26</v>
      </c>
      <c r="AL28099">
        <v>26</v>
      </c>
      <c r="AM28099">
        <v>26</v>
      </c>
      <c r="AN28099">
        <v>26</v>
      </c>
      <c r="AO28099">
        <v>25</v>
      </c>
      <c r="AP28099">
        <v>25</v>
      </c>
      <c r="AQ28099">
        <v>25</v>
      </c>
    </row>
    <row r="28100" spans="1:43">
      <c r="A28100" t="s">
        <v>17387</v>
      </c>
      <c r="B28100" t="s">
        <v>17388</v>
      </c>
      <c r="C28100" t="s">
        <v>17383</v>
      </c>
      <c r="D28100" t="s">
        <v>17384</v>
      </c>
      <c r="E28100" t="s">
        <v>17265</v>
      </c>
      <c r="F28100" t="s">
        <v>17266</v>
      </c>
      <c r="G28100" t="s">
        <v>16559</v>
      </c>
      <c r="H28100" t="s">
        <v>16560</v>
      </c>
      <c r="I28100" s="2">
        <v>1</v>
      </c>
      <c r="J28100" s="2">
        <v>0</v>
      </c>
      <c r="K28100" s="2">
        <v>0</v>
      </c>
      <c r="L28100" t="s">
        <v>120</v>
      </c>
      <c r="M28100" t="s">
        <v>89</v>
      </c>
      <c r="N28100" t="s">
        <v>90</v>
      </c>
      <c r="O28100" t="s">
        <v>85</v>
      </c>
      <c r="P28100" t="s">
        <v>86</v>
      </c>
      <c r="Q28100">
        <v>27</v>
      </c>
      <c r="R28100">
        <v>28</v>
      </c>
      <c r="S28100">
        <v>28</v>
      </c>
      <c r="T28100">
        <v>29</v>
      </c>
      <c r="U28100">
        <v>29</v>
      </c>
      <c r="V28100">
        <v>29</v>
      </c>
      <c r="W28100">
        <v>30</v>
      </c>
      <c r="X28100">
        <v>30</v>
      </c>
      <c r="Y28100">
        <v>30</v>
      </c>
      <c r="Z28100">
        <v>30</v>
      </c>
      <c r="AA28100">
        <v>31</v>
      </c>
      <c r="AB28100">
        <v>31</v>
      </c>
      <c r="AC28100">
        <v>31</v>
      </c>
      <c r="AD28100">
        <v>31</v>
      </c>
      <c r="AE28100">
        <v>31</v>
      </c>
      <c r="AF28100">
        <v>31</v>
      </c>
      <c r="AG28100">
        <v>31</v>
      </c>
      <c r="AH28100">
        <v>31</v>
      </c>
      <c r="AI28100">
        <v>31</v>
      </c>
      <c r="AJ28100">
        <v>30</v>
      </c>
      <c r="AK28100">
        <v>30</v>
      </c>
      <c r="AL28100">
        <v>30</v>
      </c>
      <c r="AM28100">
        <v>30</v>
      </c>
      <c r="AN28100">
        <v>30</v>
      </c>
      <c r="AO28100">
        <v>30</v>
      </c>
      <c r="AP28100">
        <v>29</v>
      </c>
      <c r="AQ28100">
        <v>29</v>
      </c>
    </row>
    <row r="28101" spans="1:43">
      <c r="A28101" t="s">
        <v>17387</v>
      </c>
      <c r="B28101" t="s">
        <v>17388</v>
      </c>
      <c r="C28101" t="s">
        <v>17383</v>
      </c>
      <c r="D28101" t="s">
        <v>17384</v>
      </c>
      <c r="E28101" t="s">
        <v>17265</v>
      </c>
      <c r="F28101" t="s">
        <v>17266</v>
      </c>
      <c r="G28101" t="s">
        <v>16559</v>
      </c>
      <c r="H28101" t="s">
        <v>16560</v>
      </c>
      <c r="I28101" s="2">
        <v>1</v>
      </c>
      <c r="J28101" s="2">
        <v>0</v>
      </c>
      <c r="K28101" s="2">
        <v>0</v>
      </c>
      <c r="L28101" t="s">
        <v>120</v>
      </c>
      <c r="M28101" t="s">
        <v>83</v>
      </c>
      <c r="N28101" t="s">
        <v>91</v>
      </c>
      <c r="O28101" t="s">
        <v>85</v>
      </c>
      <c r="P28101" t="s">
        <v>86</v>
      </c>
      <c r="Q28101">
        <v>27</v>
      </c>
      <c r="R28101">
        <v>27</v>
      </c>
      <c r="S28101">
        <v>27</v>
      </c>
      <c r="T28101">
        <v>28</v>
      </c>
      <c r="U28101">
        <v>28</v>
      </c>
      <c r="V28101">
        <v>28</v>
      </c>
      <c r="W28101">
        <v>28</v>
      </c>
      <c r="X28101">
        <v>28</v>
      </c>
      <c r="Y28101">
        <v>29</v>
      </c>
      <c r="Z28101">
        <v>29</v>
      </c>
      <c r="AA28101">
        <v>29</v>
      </c>
      <c r="AB28101">
        <v>29</v>
      </c>
      <c r="AC28101">
        <v>29</v>
      </c>
      <c r="AD28101">
        <v>29</v>
      </c>
      <c r="AE28101">
        <v>29</v>
      </c>
      <c r="AF28101">
        <v>29</v>
      </c>
      <c r="AG28101">
        <v>30</v>
      </c>
      <c r="AH28101">
        <v>30</v>
      </c>
      <c r="AI28101">
        <v>30</v>
      </c>
      <c r="AJ28101">
        <v>30</v>
      </c>
      <c r="AK28101">
        <v>30</v>
      </c>
      <c r="AL28101">
        <v>30</v>
      </c>
      <c r="AM28101">
        <v>30</v>
      </c>
      <c r="AN28101">
        <v>29</v>
      </c>
      <c r="AO28101">
        <v>29</v>
      </c>
      <c r="AP28101">
        <v>29</v>
      </c>
      <c r="AQ28101">
        <v>29</v>
      </c>
    </row>
    <row r="28102" spans="1:43">
      <c r="A28102" t="s">
        <v>17389</v>
      </c>
      <c r="B28102" t="s">
        <v>17390</v>
      </c>
      <c r="C28102" t="s">
        <v>17383</v>
      </c>
      <c r="D28102" t="s">
        <v>17384</v>
      </c>
      <c r="E28102" t="s">
        <v>17265</v>
      </c>
      <c r="F28102" t="s">
        <v>17266</v>
      </c>
      <c r="G28102" t="s">
        <v>16559</v>
      </c>
      <c r="H28102" t="s">
        <v>16560</v>
      </c>
      <c r="I28102" s="2">
        <v>1</v>
      </c>
      <c r="J28102" s="2">
        <v>0</v>
      </c>
      <c r="K28102" s="2">
        <v>0</v>
      </c>
      <c r="L28102" t="s">
        <v>120</v>
      </c>
      <c r="M28102" t="s">
        <v>83</v>
      </c>
      <c r="N28102" t="s">
        <v>84</v>
      </c>
      <c r="O28102" t="s">
        <v>85</v>
      </c>
      <c r="P28102" t="s">
        <v>86</v>
      </c>
      <c r="Q28102">
        <v>4</v>
      </c>
      <c r="R28102">
        <v>4</v>
      </c>
      <c r="S28102">
        <v>4</v>
      </c>
      <c r="T28102">
        <v>4</v>
      </c>
      <c r="U28102">
        <v>4</v>
      </c>
      <c r="V28102">
        <v>4</v>
      </c>
      <c r="W28102">
        <v>4</v>
      </c>
      <c r="X28102">
        <v>4</v>
      </c>
      <c r="Y28102">
        <v>4</v>
      </c>
      <c r="Z28102">
        <v>5</v>
      </c>
      <c r="AA28102">
        <v>5</v>
      </c>
      <c r="AB28102">
        <v>5</v>
      </c>
      <c r="AC28102">
        <v>5</v>
      </c>
      <c r="AD28102">
        <v>5</v>
      </c>
      <c r="AE28102">
        <v>5</v>
      </c>
      <c r="AF28102">
        <v>5</v>
      </c>
      <c r="AG28102">
        <v>5</v>
      </c>
      <c r="AH28102">
        <v>5</v>
      </c>
      <c r="AI28102">
        <v>5</v>
      </c>
      <c r="AJ28102">
        <v>5</v>
      </c>
      <c r="AK28102">
        <v>5</v>
      </c>
      <c r="AL28102">
        <v>5</v>
      </c>
      <c r="AM28102">
        <v>5</v>
      </c>
      <c r="AN28102">
        <v>5</v>
      </c>
      <c r="AO28102">
        <v>5</v>
      </c>
      <c r="AP28102">
        <v>5</v>
      </c>
      <c r="AQ28102">
        <v>5</v>
      </c>
    </row>
    <row r="28103" spans="1:43">
      <c r="A28103" t="s">
        <v>17389</v>
      </c>
      <c r="B28103" t="s">
        <v>17390</v>
      </c>
      <c r="C28103" t="s">
        <v>17383</v>
      </c>
      <c r="D28103" t="s">
        <v>17384</v>
      </c>
      <c r="E28103" t="s">
        <v>17265</v>
      </c>
      <c r="F28103" t="s">
        <v>17266</v>
      </c>
      <c r="G28103" t="s">
        <v>16559</v>
      </c>
      <c r="H28103" t="s">
        <v>16560</v>
      </c>
      <c r="I28103" s="2">
        <v>1</v>
      </c>
      <c r="J28103" s="2">
        <v>0</v>
      </c>
      <c r="K28103" s="2">
        <v>0</v>
      </c>
      <c r="L28103" t="s">
        <v>120</v>
      </c>
      <c r="M28103" t="s">
        <v>87</v>
      </c>
      <c r="N28103" t="s">
        <v>88</v>
      </c>
      <c r="O28103" t="s">
        <v>85</v>
      </c>
      <c r="P28103" t="s">
        <v>86</v>
      </c>
      <c r="Q28103">
        <v>4</v>
      </c>
      <c r="R28103">
        <v>4</v>
      </c>
      <c r="S28103">
        <v>4</v>
      </c>
      <c r="T28103">
        <v>4</v>
      </c>
      <c r="U28103">
        <v>4</v>
      </c>
      <c r="V28103">
        <v>4</v>
      </c>
      <c r="W28103">
        <v>4</v>
      </c>
      <c r="X28103">
        <v>4</v>
      </c>
      <c r="Y28103">
        <v>4</v>
      </c>
      <c r="Z28103">
        <v>4</v>
      </c>
      <c r="AA28103">
        <v>4</v>
      </c>
      <c r="AB28103">
        <v>4</v>
      </c>
      <c r="AC28103">
        <v>4</v>
      </c>
      <c r="AD28103">
        <v>4</v>
      </c>
      <c r="AE28103">
        <v>4</v>
      </c>
      <c r="AF28103">
        <v>4</v>
      </c>
      <c r="AG28103">
        <v>4</v>
      </c>
      <c r="AH28103">
        <v>4</v>
      </c>
      <c r="AI28103">
        <v>4</v>
      </c>
      <c r="AJ28103">
        <v>4</v>
      </c>
      <c r="AK28103">
        <v>4</v>
      </c>
      <c r="AL28103">
        <v>4</v>
      </c>
      <c r="AM28103">
        <v>4</v>
      </c>
      <c r="AN28103">
        <v>4</v>
      </c>
      <c r="AO28103">
        <v>4</v>
      </c>
      <c r="AP28103">
        <v>4</v>
      </c>
      <c r="AQ28103">
        <v>4</v>
      </c>
    </row>
    <row r="28104" spans="1:43">
      <c r="A28104" t="s">
        <v>17389</v>
      </c>
      <c r="B28104" t="s">
        <v>17390</v>
      </c>
      <c r="C28104" t="s">
        <v>17383</v>
      </c>
      <c r="D28104" t="s">
        <v>17384</v>
      </c>
      <c r="E28104" t="s">
        <v>17265</v>
      </c>
      <c r="F28104" t="s">
        <v>17266</v>
      </c>
      <c r="G28104" t="s">
        <v>16559</v>
      </c>
      <c r="H28104" t="s">
        <v>16560</v>
      </c>
      <c r="I28104" s="2">
        <v>1</v>
      </c>
      <c r="J28104" s="2">
        <v>0</v>
      </c>
      <c r="K28104" s="2">
        <v>0</v>
      </c>
      <c r="L28104" t="s">
        <v>120</v>
      </c>
      <c r="M28104" t="s">
        <v>89</v>
      </c>
      <c r="N28104" t="s">
        <v>90</v>
      </c>
      <c r="O28104" t="s">
        <v>85</v>
      </c>
      <c r="P28104" t="s">
        <v>86</v>
      </c>
      <c r="Q28104">
        <v>4</v>
      </c>
      <c r="R28104">
        <v>4</v>
      </c>
      <c r="S28104">
        <v>4</v>
      </c>
      <c r="T28104">
        <v>4</v>
      </c>
      <c r="U28104">
        <v>5</v>
      </c>
      <c r="V28104">
        <v>5</v>
      </c>
      <c r="W28104">
        <v>5</v>
      </c>
      <c r="X28104">
        <v>5</v>
      </c>
      <c r="Y28104">
        <v>5</v>
      </c>
      <c r="Z28104">
        <v>5</v>
      </c>
      <c r="AA28104">
        <v>5</v>
      </c>
      <c r="AB28104">
        <v>5</v>
      </c>
      <c r="AC28104">
        <v>5</v>
      </c>
      <c r="AD28104">
        <v>5</v>
      </c>
      <c r="AE28104">
        <v>5</v>
      </c>
      <c r="AF28104">
        <v>5</v>
      </c>
      <c r="AG28104">
        <v>5</v>
      </c>
      <c r="AH28104">
        <v>5</v>
      </c>
      <c r="AI28104">
        <v>5</v>
      </c>
      <c r="AJ28104">
        <v>5</v>
      </c>
      <c r="AK28104">
        <v>5</v>
      </c>
      <c r="AL28104">
        <v>5</v>
      </c>
      <c r="AM28104">
        <v>5</v>
      </c>
      <c r="AN28104">
        <v>5</v>
      </c>
      <c r="AO28104">
        <v>5</v>
      </c>
      <c r="AP28104">
        <v>5</v>
      </c>
      <c r="AQ28104">
        <v>5</v>
      </c>
    </row>
    <row r="28105" spans="1:43">
      <c r="A28105" t="s">
        <v>17389</v>
      </c>
      <c r="B28105" t="s">
        <v>17390</v>
      </c>
      <c r="C28105" t="s">
        <v>17383</v>
      </c>
      <c r="D28105" t="s">
        <v>17384</v>
      </c>
      <c r="E28105" t="s">
        <v>17265</v>
      </c>
      <c r="F28105" t="s">
        <v>17266</v>
      </c>
      <c r="G28105" t="s">
        <v>16559</v>
      </c>
      <c r="H28105" t="s">
        <v>16560</v>
      </c>
      <c r="I28105" s="2">
        <v>1</v>
      </c>
      <c r="J28105" s="2">
        <v>0</v>
      </c>
      <c r="K28105" s="2">
        <v>0</v>
      </c>
      <c r="L28105" t="s">
        <v>120</v>
      </c>
      <c r="M28105" t="s">
        <v>83</v>
      </c>
      <c r="N28105" t="s">
        <v>91</v>
      </c>
      <c r="O28105" t="s">
        <v>85</v>
      </c>
      <c r="P28105" t="s">
        <v>86</v>
      </c>
      <c r="Q28105">
        <v>4</v>
      </c>
      <c r="R28105">
        <v>4</v>
      </c>
      <c r="S28105">
        <v>4</v>
      </c>
      <c r="T28105">
        <v>4</v>
      </c>
      <c r="U28105">
        <v>4</v>
      </c>
      <c r="V28105">
        <v>4</v>
      </c>
      <c r="W28105">
        <v>4</v>
      </c>
      <c r="X28105">
        <v>4</v>
      </c>
      <c r="Y28105">
        <v>4</v>
      </c>
      <c r="Z28105">
        <v>5</v>
      </c>
      <c r="AA28105">
        <v>5</v>
      </c>
      <c r="AB28105">
        <v>5</v>
      </c>
      <c r="AC28105">
        <v>5</v>
      </c>
      <c r="AD28105">
        <v>5</v>
      </c>
      <c r="AE28105">
        <v>5</v>
      </c>
      <c r="AF28105">
        <v>5</v>
      </c>
      <c r="AG28105">
        <v>5</v>
      </c>
      <c r="AH28105">
        <v>5</v>
      </c>
      <c r="AI28105">
        <v>5</v>
      </c>
      <c r="AJ28105">
        <v>5</v>
      </c>
      <c r="AK28105">
        <v>5</v>
      </c>
      <c r="AL28105">
        <v>5</v>
      </c>
      <c r="AM28105">
        <v>5</v>
      </c>
      <c r="AN28105">
        <v>5</v>
      </c>
      <c r="AO28105">
        <v>5</v>
      </c>
      <c r="AP28105">
        <v>5</v>
      </c>
      <c r="AQ28105">
        <v>5</v>
      </c>
    </row>
    <row r="28106" spans="1:43">
      <c r="A28106" t="s">
        <v>17391</v>
      </c>
      <c r="B28106" t="s">
        <v>17392</v>
      </c>
      <c r="C28106" t="s">
        <v>17393</v>
      </c>
      <c r="D28106" t="s">
        <v>17394</v>
      </c>
      <c r="E28106" t="s">
        <v>17265</v>
      </c>
      <c r="F28106" t="s">
        <v>17266</v>
      </c>
      <c r="G28106" t="s">
        <v>16559</v>
      </c>
      <c r="H28106" t="s">
        <v>16560</v>
      </c>
      <c r="I28106" s="2">
        <v>1</v>
      </c>
      <c r="J28106" s="2">
        <v>0</v>
      </c>
      <c r="K28106" s="2">
        <v>0</v>
      </c>
      <c r="L28106" t="s">
        <v>120</v>
      </c>
      <c r="M28106" t="s">
        <v>83</v>
      </c>
      <c r="N28106" t="s">
        <v>84</v>
      </c>
      <c r="O28106" t="s">
        <v>85</v>
      </c>
      <c r="P28106" t="s">
        <v>86</v>
      </c>
      <c r="Q28106">
        <v>18</v>
      </c>
      <c r="R28106">
        <v>18</v>
      </c>
      <c r="S28106">
        <v>19</v>
      </c>
      <c r="T28106">
        <v>19</v>
      </c>
      <c r="U28106">
        <v>19</v>
      </c>
      <c r="V28106">
        <v>19</v>
      </c>
      <c r="W28106">
        <v>19</v>
      </c>
      <c r="X28106">
        <v>19</v>
      </c>
      <c r="Y28106">
        <v>19</v>
      </c>
      <c r="Z28106">
        <v>19</v>
      </c>
      <c r="AA28106">
        <v>20</v>
      </c>
      <c r="AB28106">
        <v>20</v>
      </c>
      <c r="AC28106">
        <v>20</v>
      </c>
      <c r="AD28106">
        <v>20</v>
      </c>
      <c r="AE28106">
        <v>20</v>
      </c>
      <c r="AF28106">
        <v>20</v>
      </c>
      <c r="AG28106">
        <v>20</v>
      </c>
      <c r="AH28106">
        <v>20</v>
      </c>
      <c r="AI28106">
        <v>20</v>
      </c>
      <c r="AJ28106">
        <v>20</v>
      </c>
      <c r="AK28106">
        <v>20</v>
      </c>
      <c r="AL28106">
        <v>20</v>
      </c>
      <c r="AM28106">
        <v>20</v>
      </c>
      <c r="AN28106">
        <v>20</v>
      </c>
      <c r="AO28106">
        <v>20</v>
      </c>
      <c r="AP28106">
        <v>20</v>
      </c>
      <c r="AQ28106">
        <v>20</v>
      </c>
    </row>
    <row r="28107" spans="1:43">
      <c r="A28107" t="s">
        <v>17391</v>
      </c>
      <c r="B28107" t="s">
        <v>17392</v>
      </c>
      <c r="C28107" t="s">
        <v>17393</v>
      </c>
      <c r="D28107" t="s">
        <v>17394</v>
      </c>
      <c r="E28107" t="s">
        <v>17265</v>
      </c>
      <c r="F28107" t="s">
        <v>17266</v>
      </c>
      <c r="G28107" t="s">
        <v>16559</v>
      </c>
      <c r="H28107" t="s">
        <v>16560</v>
      </c>
      <c r="I28107" s="2">
        <v>1</v>
      </c>
      <c r="J28107" s="2">
        <v>0</v>
      </c>
      <c r="K28107" s="2">
        <v>0</v>
      </c>
      <c r="L28107" t="s">
        <v>120</v>
      </c>
      <c r="M28107" t="s">
        <v>87</v>
      </c>
      <c r="N28107" t="s">
        <v>88</v>
      </c>
      <c r="O28107" t="s">
        <v>85</v>
      </c>
      <c r="P28107" t="s">
        <v>86</v>
      </c>
      <c r="Q28107">
        <v>18</v>
      </c>
      <c r="R28107">
        <v>18</v>
      </c>
      <c r="S28107">
        <v>18</v>
      </c>
      <c r="T28107">
        <v>18</v>
      </c>
      <c r="U28107">
        <v>18</v>
      </c>
      <c r="V28107">
        <v>18</v>
      </c>
      <c r="W28107">
        <v>18</v>
      </c>
      <c r="X28107">
        <v>18</v>
      </c>
      <c r="Y28107">
        <v>18</v>
      </c>
      <c r="Z28107">
        <v>18</v>
      </c>
      <c r="AA28107">
        <v>18</v>
      </c>
      <c r="AB28107">
        <v>18</v>
      </c>
      <c r="AC28107">
        <v>18</v>
      </c>
      <c r="AD28107">
        <v>18</v>
      </c>
      <c r="AE28107">
        <v>18</v>
      </c>
      <c r="AF28107">
        <v>18</v>
      </c>
      <c r="AG28107">
        <v>18</v>
      </c>
      <c r="AH28107">
        <v>18</v>
      </c>
      <c r="AI28107">
        <v>17</v>
      </c>
      <c r="AJ28107">
        <v>17</v>
      </c>
      <c r="AK28107">
        <v>17</v>
      </c>
      <c r="AL28107">
        <v>17</v>
      </c>
      <c r="AM28107">
        <v>17</v>
      </c>
      <c r="AN28107">
        <v>17</v>
      </c>
      <c r="AO28107">
        <v>17</v>
      </c>
      <c r="AP28107">
        <v>17</v>
      </c>
      <c r="AQ28107">
        <v>17</v>
      </c>
    </row>
    <row r="28108" spans="1:43">
      <c r="A28108" t="s">
        <v>17391</v>
      </c>
      <c r="B28108" t="s">
        <v>17392</v>
      </c>
      <c r="C28108" t="s">
        <v>17393</v>
      </c>
      <c r="D28108" t="s">
        <v>17394</v>
      </c>
      <c r="E28108" t="s">
        <v>17265</v>
      </c>
      <c r="F28108" t="s">
        <v>17266</v>
      </c>
      <c r="G28108" t="s">
        <v>16559</v>
      </c>
      <c r="H28108" t="s">
        <v>16560</v>
      </c>
      <c r="I28108" s="2">
        <v>1</v>
      </c>
      <c r="J28108" s="2">
        <v>0</v>
      </c>
      <c r="K28108" s="2">
        <v>0</v>
      </c>
      <c r="L28108" t="s">
        <v>120</v>
      </c>
      <c r="M28108" t="s">
        <v>89</v>
      </c>
      <c r="N28108" t="s">
        <v>90</v>
      </c>
      <c r="O28108" t="s">
        <v>85</v>
      </c>
      <c r="P28108" t="s">
        <v>86</v>
      </c>
      <c r="Q28108">
        <v>18</v>
      </c>
      <c r="R28108">
        <v>19</v>
      </c>
      <c r="S28108">
        <v>19</v>
      </c>
      <c r="T28108">
        <v>19</v>
      </c>
      <c r="U28108">
        <v>20</v>
      </c>
      <c r="V28108">
        <v>20</v>
      </c>
      <c r="W28108">
        <v>20</v>
      </c>
      <c r="X28108">
        <v>20</v>
      </c>
      <c r="Y28108">
        <v>20</v>
      </c>
      <c r="Z28108">
        <v>21</v>
      </c>
      <c r="AA28108">
        <v>21</v>
      </c>
      <c r="AB28108">
        <v>21</v>
      </c>
      <c r="AC28108">
        <v>21</v>
      </c>
      <c r="AD28108">
        <v>21</v>
      </c>
      <c r="AE28108">
        <v>21</v>
      </c>
      <c r="AF28108">
        <v>21</v>
      </c>
      <c r="AG28108">
        <v>21</v>
      </c>
      <c r="AH28108">
        <v>21</v>
      </c>
      <c r="AI28108">
        <v>21</v>
      </c>
      <c r="AJ28108">
        <v>21</v>
      </c>
      <c r="AK28108">
        <v>21</v>
      </c>
      <c r="AL28108">
        <v>20</v>
      </c>
      <c r="AM28108">
        <v>20</v>
      </c>
      <c r="AN28108">
        <v>20</v>
      </c>
      <c r="AO28108">
        <v>20</v>
      </c>
      <c r="AP28108">
        <v>20</v>
      </c>
      <c r="AQ28108">
        <v>20</v>
      </c>
    </row>
    <row r="28109" spans="1:43">
      <c r="A28109" t="s">
        <v>17391</v>
      </c>
      <c r="B28109" t="s">
        <v>17392</v>
      </c>
      <c r="C28109" t="s">
        <v>17393</v>
      </c>
      <c r="D28109" t="s">
        <v>17394</v>
      </c>
      <c r="E28109" t="s">
        <v>17265</v>
      </c>
      <c r="F28109" t="s">
        <v>17266</v>
      </c>
      <c r="G28109" t="s">
        <v>16559</v>
      </c>
      <c r="H28109" t="s">
        <v>16560</v>
      </c>
      <c r="I28109" s="2">
        <v>1</v>
      </c>
      <c r="J28109" s="2">
        <v>0</v>
      </c>
      <c r="K28109" s="2">
        <v>0</v>
      </c>
      <c r="L28109" t="s">
        <v>120</v>
      </c>
      <c r="M28109" t="s">
        <v>83</v>
      </c>
      <c r="N28109" t="s">
        <v>91</v>
      </c>
      <c r="O28109" t="s">
        <v>85</v>
      </c>
      <c r="P28109" t="s">
        <v>86</v>
      </c>
      <c r="Q28109">
        <v>18</v>
      </c>
      <c r="R28109">
        <v>18</v>
      </c>
      <c r="S28109">
        <v>19</v>
      </c>
      <c r="T28109">
        <v>19</v>
      </c>
      <c r="U28109">
        <v>19</v>
      </c>
      <c r="V28109">
        <v>19</v>
      </c>
      <c r="W28109">
        <v>19</v>
      </c>
      <c r="X28109">
        <v>19</v>
      </c>
      <c r="Y28109">
        <v>19</v>
      </c>
      <c r="Z28109">
        <v>19</v>
      </c>
      <c r="AA28109">
        <v>20</v>
      </c>
      <c r="AB28109">
        <v>20</v>
      </c>
      <c r="AC28109">
        <v>20</v>
      </c>
      <c r="AD28109">
        <v>20</v>
      </c>
      <c r="AE28109">
        <v>20</v>
      </c>
      <c r="AF28109">
        <v>20</v>
      </c>
      <c r="AG28109">
        <v>20</v>
      </c>
      <c r="AH28109">
        <v>20</v>
      </c>
      <c r="AI28109">
        <v>20</v>
      </c>
      <c r="AJ28109">
        <v>20</v>
      </c>
      <c r="AK28109">
        <v>20</v>
      </c>
      <c r="AL28109">
        <v>20</v>
      </c>
      <c r="AM28109">
        <v>20</v>
      </c>
      <c r="AN28109">
        <v>20</v>
      </c>
      <c r="AO28109">
        <v>20</v>
      </c>
      <c r="AP28109">
        <v>20</v>
      </c>
      <c r="AQ28109">
        <v>20</v>
      </c>
    </row>
    <row r="28110" spans="1:43">
      <c r="A28110" t="s">
        <v>17395</v>
      </c>
      <c r="B28110" t="s">
        <v>17396</v>
      </c>
      <c r="C28110" t="s">
        <v>17393</v>
      </c>
      <c r="D28110" t="s">
        <v>17394</v>
      </c>
      <c r="E28110" t="s">
        <v>17265</v>
      </c>
      <c r="F28110" t="s">
        <v>17266</v>
      </c>
      <c r="G28110" t="s">
        <v>16559</v>
      </c>
      <c r="H28110" t="s">
        <v>16560</v>
      </c>
      <c r="I28110" s="2">
        <v>1</v>
      </c>
      <c r="J28110" s="2">
        <v>0</v>
      </c>
      <c r="K28110" s="2">
        <v>0</v>
      </c>
      <c r="L28110" t="s">
        <v>120</v>
      </c>
      <c r="M28110" t="s">
        <v>83</v>
      </c>
      <c r="N28110" t="s">
        <v>84</v>
      </c>
      <c r="O28110" t="s">
        <v>85</v>
      </c>
      <c r="P28110" t="s">
        <v>86</v>
      </c>
      <c r="Q28110">
        <v>13</v>
      </c>
      <c r="R28110">
        <v>13</v>
      </c>
      <c r="S28110">
        <v>13</v>
      </c>
      <c r="T28110">
        <v>13</v>
      </c>
      <c r="U28110">
        <v>13</v>
      </c>
      <c r="V28110">
        <v>13</v>
      </c>
      <c r="W28110">
        <v>13</v>
      </c>
      <c r="X28110">
        <v>13</v>
      </c>
      <c r="Y28110">
        <v>13</v>
      </c>
      <c r="Z28110">
        <v>13</v>
      </c>
      <c r="AA28110">
        <v>14</v>
      </c>
      <c r="AB28110">
        <v>14</v>
      </c>
      <c r="AC28110">
        <v>14</v>
      </c>
      <c r="AD28110">
        <v>14</v>
      </c>
      <c r="AE28110">
        <v>14</v>
      </c>
      <c r="AF28110">
        <v>14</v>
      </c>
      <c r="AG28110">
        <v>14</v>
      </c>
      <c r="AH28110">
        <v>14</v>
      </c>
      <c r="AI28110">
        <v>14</v>
      </c>
      <c r="AJ28110">
        <v>14</v>
      </c>
      <c r="AK28110">
        <v>14</v>
      </c>
      <c r="AL28110">
        <v>14</v>
      </c>
      <c r="AM28110">
        <v>14</v>
      </c>
      <c r="AN28110">
        <v>14</v>
      </c>
      <c r="AO28110">
        <v>14</v>
      </c>
      <c r="AP28110">
        <v>14</v>
      </c>
      <c r="AQ28110">
        <v>14</v>
      </c>
    </row>
    <row r="28111" spans="1:43">
      <c r="A28111" t="s">
        <v>17395</v>
      </c>
      <c r="B28111" t="s">
        <v>17396</v>
      </c>
      <c r="C28111" t="s">
        <v>17393</v>
      </c>
      <c r="D28111" t="s">
        <v>17394</v>
      </c>
      <c r="E28111" t="s">
        <v>17265</v>
      </c>
      <c r="F28111" t="s">
        <v>17266</v>
      </c>
      <c r="G28111" t="s">
        <v>16559</v>
      </c>
      <c r="H28111" t="s">
        <v>16560</v>
      </c>
      <c r="I28111" s="2">
        <v>1</v>
      </c>
      <c r="J28111" s="2">
        <v>0</v>
      </c>
      <c r="K28111" s="2">
        <v>0</v>
      </c>
      <c r="L28111" t="s">
        <v>120</v>
      </c>
      <c r="M28111" t="s">
        <v>87</v>
      </c>
      <c r="N28111" t="s">
        <v>88</v>
      </c>
      <c r="O28111" t="s">
        <v>85</v>
      </c>
      <c r="P28111" t="s">
        <v>86</v>
      </c>
      <c r="Q28111">
        <v>13</v>
      </c>
      <c r="R28111">
        <v>13</v>
      </c>
      <c r="S28111">
        <v>13</v>
      </c>
      <c r="T28111">
        <v>13</v>
      </c>
      <c r="U28111">
        <v>12</v>
      </c>
      <c r="V28111">
        <v>12</v>
      </c>
      <c r="W28111">
        <v>12</v>
      </c>
      <c r="X28111">
        <v>12</v>
      </c>
      <c r="Y28111">
        <v>12</v>
      </c>
      <c r="Z28111">
        <v>12</v>
      </c>
      <c r="AA28111">
        <v>12</v>
      </c>
      <c r="AB28111">
        <v>12</v>
      </c>
      <c r="AC28111">
        <v>12</v>
      </c>
      <c r="AD28111">
        <v>12</v>
      </c>
      <c r="AE28111">
        <v>12</v>
      </c>
      <c r="AF28111">
        <v>12</v>
      </c>
      <c r="AG28111">
        <v>12</v>
      </c>
      <c r="AH28111">
        <v>12</v>
      </c>
      <c r="AI28111">
        <v>12</v>
      </c>
      <c r="AJ28111">
        <v>12</v>
      </c>
      <c r="AK28111">
        <v>12</v>
      </c>
      <c r="AL28111">
        <v>12</v>
      </c>
      <c r="AM28111">
        <v>12</v>
      </c>
      <c r="AN28111">
        <v>12</v>
      </c>
      <c r="AO28111">
        <v>12</v>
      </c>
      <c r="AP28111">
        <v>12</v>
      </c>
      <c r="AQ28111">
        <v>12</v>
      </c>
    </row>
    <row r="28112" spans="1:43">
      <c r="A28112" t="s">
        <v>17395</v>
      </c>
      <c r="B28112" t="s">
        <v>17396</v>
      </c>
      <c r="C28112" t="s">
        <v>17393</v>
      </c>
      <c r="D28112" t="s">
        <v>17394</v>
      </c>
      <c r="E28112" t="s">
        <v>17265</v>
      </c>
      <c r="F28112" t="s">
        <v>17266</v>
      </c>
      <c r="G28112" t="s">
        <v>16559</v>
      </c>
      <c r="H28112" t="s">
        <v>16560</v>
      </c>
      <c r="I28112" s="2">
        <v>1</v>
      </c>
      <c r="J28112" s="2">
        <v>0</v>
      </c>
      <c r="K28112" s="2">
        <v>0</v>
      </c>
      <c r="L28112" t="s">
        <v>120</v>
      </c>
      <c r="M28112" t="s">
        <v>89</v>
      </c>
      <c r="N28112" t="s">
        <v>90</v>
      </c>
      <c r="O28112" t="s">
        <v>85</v>
      </c>
      <c r="P28112" t="s">
        <v>86</v>
      </c>
      <c r="Q28112">
        <v>13</v>
      </c>
      <c r="R28112">
        <v>13</v>
      </c>
      <c r="S28112">
        <v>13</v>
      </c>
      <c r="T28112">
        <v>13</v>
      </c>
      <c r="U28112">
        <v>14</v>
      </c>
      <c r="V28112">
        <v>14</v>
      </c>
      <c r="W28112">
        <v>14</v>
      </c>
      <c r="X28112">
        <v>14</v>
      </c>
      <c r="Y28112">
        <v>14</v>
      </c>
      <c r="Z28112">
        <v>14</v>
      </c>
      <c r="AA28112">
        <v>14</v>
      </c>
      <c r="AB28112">
        <v>14</v>
      </c>
      <c r="AC28112">
        <v>15</v>
      </c>
      <c r="AD28112">
        <v>15</v>
      </c>
      <c r="AE28112">
        <v>15</v>
      </c>
      <c r="AF28112">
        <v>15</v>
      </c>
      <c r="AG28112">
        <v>15</v>
      </c>
      <c r="AH28112">
        <v>14</v>
      </c>
      <c r="AI28112">
        <v>14</v>
      </c>
      <c r="AJ28112">
        <v>14</v>
      </c>
      <c r="AK28112">
        <v>14</v>
      </c>
      <c r="AL28112">
        <v>14</v>
      </c>
      <c r="AM28112">
        <v>14</v>
      </c>
      <c r="AN28112">
        <v>14</v>
      </c>
      <c r="AO28112">
        <v>14</v>
      </c>
      <c r="AP28112">
        <v>14</v>
      </c>
      <c r="AQ28112">
        <v>14</v>
      </c>
    </row>
    <row r="28113" spans="1:43">
      <c r="A28113" t="s">
        <v>17395</v>
      </c>
      <c r="B28113" t="s">
        <v>17396</v>
      </c>
      <c r="C28113" t="s">
        <v>17393</v>
      </c>
      <c r="D28113" t="s">
        <v>17394</v>
      </c>
      <c r="E28113" t="s">
        <v>17265</v>
      </c>
      <c r="F28113" t="s">
        <v>17266</v>
      </c>
      <c r="G28113" t="s">
        <v>16559</v>
      </c>
      <c r="H28113" t="s">
        <v>16560</v>
      </c>
      <c r="I28113" s="2">
        <v>1</v>
      </c>
      <c r="J28113" s="2">
        <v>0</v>
      </c>
      <c r="K28113" s="2">
        <v>0</v>
      </c>
      <c r="L28113" t="s">
        <v>120</v>
      </c>
      <c r="M28113" t="s">
        <v>83</v>
      </c>
      <c r="N28113" t="s">
        <v>91</v>
      </c>
      <c r="O28113" t="s">
        <v>85</v>
      </c>
      <c r="P28113" t="s">
        <v>86</v>
      </c>
      <c r="Q28113">
        <v>13</v>
      </c>
      <c r="R28113">
        <v>13</v>
      </c>
      <c r="S28113">
        <v>13</v>
      </c>
      <c r="T28113">
        <v>13</v>
      </c>
      <c r="U28113">
        <v>13</v>
      </c>
      <c r="V28113">
        <v>13</v>
      </c>
      <c r="W28113">
        <v>13</v>
      </c>
      <c r="X28113">
        <v>13</v>
      </c>
      <c r="Y28113">
        <v>13</v>
      </c>
      <c r="Z28113">
        <v>13</v>
      </c>
      <c r="AA28113">
        <v>14</v>
      </c>
      <c r="AB28113">
        <v>14</v>
      </c>
      <c r="AC28113">
        <v>14</v>
      </c>
      <c r="AD28113">
        <v>14</v>
      </c>
      <c r="AE28113">
        <v>14</v>
      </c>
      <c r="AF28113">
        <v>14</v>
      </c>
      <c r="AG28113">
        <v>14</v>
      </c>
      <c r="AH28113">
        <v>14</v>
      </c>
      <c r="AI28113">
        <v>14</v>
      </c>
      <c r="AJ28113">
        <v>14</v>
      </c>
      <c r="AK28113">
        <v>14</v>
      </c>
      <c r="AL28113">
        <v>14</v>
      </c>
      <c r="AM28113">
        <v>14</v>
      </c>
      <c r="AN28113">
        <v>14</v>
      </c>
      <c r="AO28113">
        <v>14</v>
      </c>
      <c r="AP28113">
        <v>14</v>
      </c>
      <c r="AQ28113">
        <v>14</v>
      </c>
    </row>
    <row r="28114" spans="1:43">
      <c r="A28114" t="s">
        <v>17397</v>
      </c>
      <c r="B28114" t="s">
        <v>17398</v>
      </c>
      <c r="C28114" t="s">
        <v>17393</v>
      </c>
      <c r="D28114" t="s">
        <v>17394</v>
      </c>
      <c r="E28114" t="s">
        <v>17265</v>
      </c>
      <c r="F28114" t="s">
        <v>17266</v>
      </c>
      <c r="G28114" t="s">
        <v>16559</v>
      </c>
      <c r="H28114" t="s">
        <v>16560</v>
      </c>
      <c r="I28114" s="2">
        <v>1</v>
      </c>
      <c r="J28114" s="2">
        <v>0</v>
      </c>
      <c r="K28114" s="2">
        <v>0</v>
      </c>
      <c r="L28114" t="s">
        <v>120</v>
      </c>
      <c r="M28114" t="s">
        <v>83</v>
      </c>
      <c r="N28114" t="s">
        <v>84</v>
      </c>
      <c r="O28114" t="s">
        <v>85</v>
      </c>
      <c r="P28114" t="s">
        <v>86</v>
      </c>
      <c r="Q28114">
        <v>11</v>
      </c>
      <c r="R28114">
        <v>11</v>
      </c>
      <c r="S28114">
        <v>11</v>
      </c>
      <c r="T28114">
        <v>11</v>
      </c>
      <c r="U28114">
        <v>11</v>
      </c>
      <c r="V28114">
        <v>11</v>
      </c>
      <c r="W28114">
        <v>11</v>
      </c>
      <c r="X28114">
        <v>11</v>
      </c>
      <c r="Y28114">
        <v>11</v>
      </c>
      <c r="Z28114">
        <v>12</v>
      </c>
      <c r="AA28114">
        <v>12</v>
      </c>
      <c r="AB28114">
        <v>12</v>
      </c>
      <c r="AC28114">
        <v>12</v>
      </c>
      <c r="AD28114">
        <v>12</v>
      </c>
      <c r="AE28114">
        <v>12</v>
      </c>
      <c r="AF28114">
        <v>12</v>
      </c>
      <c r="AG28114">
        <v>12</v>
      </c>
      <c r="AH28114">
        <v>12</v>
      </c>
      <c r="AI28114">
        <v>12</v>
      </c>
      <c r="AJ28114">
        <v>12</v>
      </c>
      <c r="AK28114">
        <v>12</v>
      </c>
      <c r="AL28114">
        <v>12</v>
      </c>
      <c r="AM28114">
        <v>12</v>
      </c>
      <c r="AN28114">
        <v>12</v>
      </c>
      <c r="AO28114">
        <v>12</v>
      </c>
      <c r="AP28114">
        <v>12</v>
      </c>
      <c r="AQ28114">
        <v>12</v>
      </c>
    </row>
    <row r="28115" spans="1:43">
      <c r="A28115" t="s">
        <v>17397</v>
      </c>
      <c r="B28115" t="s">
        <v>17398</v>
      </c>
      <c r="C28115" t="s">
        <v>17393</v>
      </c>
      <c r="D28115" t="s">
        <v>17394</v>
      </c>
      <c r="E28115" t="s">
        <v>17265</v>
      </c>
      <c r="F28115" t="s">
        <v>17266</v>
      </c>
      <c r="G28115" t="s">
        <v>16559</v>
      </c>
      <c r="H28115" t="s">
        <v>16560</v>
      </c>
      <c r="I28115" s="2">
        <v>1</v>
      </c>
      <c r="J28115" s="2">
        <v>0</v>
      </c>
      <c r="K28115" s="2">
        <v>0</v>
      </c>
      <c r="L28115" t="s">
        <v>120</v>
      </c>
      <c r="M28115" t="s">
        <v>87</v>
      </c>
      <c r="N28115" t="s">
        <v>88</v>
      </c>
      <c r="O28115" t="s">
        <v>85</v>
      </c>
      <c r="P28115" t="s">
        <v>86</v>
      </c>
      <c r="Q28115">
        <v>11</v>
      </c>
      <c r="R28115">
        <v>11</v>
      </c>
      <c r="S28115">
        <v>11</v>
      </c>
      <c r="T28115">
        <v>11</v>
      </c>
      <c r="U28115">
        <v>11</v>
      </c>
      <c r="V28115">
        <v>11</v>
      </c>
      <c r="W28115">
        <v>11</v>
      </c>
      <c r="X28115">
        <v>11</v>
      </c>
      <c r="Y28115">
        <v>11</v>
      </c>
      <c r="Z28115">
        <v>11</v>
      </c>
      <c r="AA28115">
        <v>11</v>
      </c>
      <c r="AB28115">
        <v>11</v>
      </c>
      <c r="AC28115">
        <v>11</v>
      </c>
      <c r="AD28115">
        <v>11</v>
      </c>
      <c r="AE28115">
        <v>10</v>
      </c>
      <c r="AF28115">
        <v>10</v>
      </c>
      <c r="AG28115">
        <v>10</v>
      </c>
      <c r="AH28115">
        <v>10</v>
      </c>
      <c r="AI28115">
        <v>10</v>
      </c>
      <c r="AJ28115">
        <v>10</v>
      </c>
      <c r="AK28115">
        <v>10</v>
      </c>
      <c r="AL28115">
        <v>10</v>
      </c>
      <c r="AM28115">
        <v>10</v>
      </c>
      <c r="AN28115">
        <v>10</v>
      </c>
      <c r="AO28115">
        <v>10</v>
      </c>
      <c r="AP28115">
        <v>10</v>
      </c>
      <c r="AQ28115">
        <v>10</v>
      </c>
    </row>
    <row r="28116" spans="1:43">
      <c r="A28116" t="s">
        <v>17397</v>
      </c>
      <c r="B28116" t="s">
        <v>17398</v>
      </c>
      <c r="C28116" t="s">
        <v>17393</v>
      </c>
      <c r="D28116" t="s">
        <v>17394</v>
      </c>
      <c r="E28116" t="s">
        <v>17265</v>
      </c>
      <c r="F28116" t="s">
        <v>17266</v>
      </c>
      <c r="G28116" t="s">
        <v>16559</v>
      </c>
      <c r="H28116" t="s">
        <v>16560</v>
      </c>
      <c r="I28116" s="2">
        <v>1</v>
      </c>
      <c r="J28116" s="2">
        <v>0</v>
      </c>
      <c r="K28116" s="2">
        <v>0</v>
      </c>
      <c r="L28116" t="s">
        <v>120</v>
      </c>
      <c r="M28116" t="s">
        <v>89</v>
      </c>
      <c r="N28116" t="s">
        <v>90</v>
      </c>
      <c r="O28116" t="s">
        <v>85</v>
      </c>
      <c r="P28116" t="s">
        <v>86</v>
      </c>
      <c r="Q28116">
        <v>11</v>
      </c>
      <c r="R28116">
        <v>11</v>
      </c>
      <c r="S28116">
        <v>11</v>
      </c>
      <c r="T28116">
        <v>12</v>
      </c>
      <c r="U28116">
        <v>12</v>
      </c>
      <c r="V28116">
        <v>12</v>
      </c>
      <c r="W28116">
        <v>12</v>
      </c>
      <c r="X28116">
        <v>12</v>
      </c>
      <c r="Y28116">
        <v>12</v>
      </c>
      <c r="Z28116">
        <v>12</v>
      </c>
      <c r="AA28116">
        <v>12</v>
      </c>
      <c r="AB28116">
        <v>12</v>
      </c>
      <c r="AC28116">
        <v>13</v>
      </c>
      <c r="AD28116">
        <v>13</v>
      </c>
      <c r="AE28116">
        <v>13</v>
      </c>
      <c r="AF28116">
        <v>13</v>
      </c>
      <c r="AG28116">
        <v>12</v>
      </c>
      <c r="AH28116">
        <v>12</v>
      </c>
      <c r="AI28116">
        <v>12</v>
      </c>
      <c r="AJ28116">
        <v>12</v>
      </c>
      <c r="AK28116">
        <v>12</v>
      </c>
      <c r="AL28116">
        <v>12</v>
      </c>
      <c r="AM28116">
        <v>12</v>
      </c>
      <c r="AN28116">
        <v>12</v>
      </c>
      <c r="AO28116">
        <v>12</v>
      </c>
      <c r="AP28116">
        <v>12</v>
      </c>
      <c r="AQ28116">
        <v>12</v>
      </c>
    </row>
    <row r="28117" spans="1:43">
      <c r="A28117" t="s">
        <v>17397</v>
      </c>
      <c r="B28117" t="s">
        <v>17398</v>
      </c>
      <c r="C28117" t="s">
        <v>17393</v>
      </c>
      <c r="D28117" t="s">
        <v>17394</v>
      </c>
      <c r="E28117" t="s">
        <v>17265</v>
      </c>
      <c r="F28117" t="s">
        <v>17266</v>
      </c>
      <c r="G28117" t="s">
        <v>16559</v>
      </c>
      <c r="H28117" t="s">
        <v>16560</v>
      </c>
      <c r="I28117" s="2">
        <v>1</v>
      </c>
      <c r="J28117" s="2">
        <v>0</v>
      </c>
      <c r="K28117" s="2">
        <v>0</v>
      </c>
      <c r="L28117" t="s">
        <v>120</v>
      </c>
      <c r="M28117" t="s">
        <v>83</v>
      </c>
      <c r="N28117" t="s">
        <v>91</v>
      </c>
      <c r="O28117" t="s">
        <v>85</v>
      </c>
      <c r="P28117" t="s">
        <v>86</v>
      </c>
      <c r="Q28117">
        <v>11</v>
      </c>
      <c r="R28117">
        <v>11</v>
      </c>
      <c r="S28117">
        <v>11</v>
      </c>
      <c r="T28117">
        <v>11</v>
      </c>
      <c r="U28117">
        <v>11</v>
      </c>
      <c r="V28117">
        <v>11</v>
      </c>
      <c r="W28117">
        <v>11</v>
      </c>
      <c r="X28117">
        <v>11</v>
      </c>
      <c r="Y28117">
        <v>11</v>
      </c>
      <c r="Z28117">
        <v>12</v>
      </c>
      <c r="AA28117">
        <v>12</v>
      </c>
      <c r="AB28117">
        <v>12</v>
      </c>
      <c r="AC28117">
        <v>12</v>
      </c>
      <c r="AD28117">
        <v>12</v>
      </c>
      <c r="AE28117">
        <v>12</v>
      </c>
      <c r="AF28117">
        <v>12</v>
      </c>
      <c r="AG28117">
        <v>12</v>
      </c>
      <c r="AH28117">
        <v>12</v>
      </c>
      <c r="AI28117">
        <v>12</v>
      </c>
      <c r="AJ28117">
        <v>12</v>
      </c>
      <c r="AK28117">
        <v>12</v>
      </c>
      <c r="AL28117">
        <v>12</v>
      </c>
      <c r="AM28117">
        <v>12</v>
      </c>
      <c r="AN28117">
        <v>12</v>
      </c>
      <c r="AO28117">
        <v>12</v>
      </c>
      <c r="AP28117">
        <v>12</v>
      </c>
      <c r="AQ28117">
        <v>12</v>
      </c>
    </row>
    <row r="28118" spans="1:43">
      <c r="A28118" t="s">
        <v>17399</v>
      </c>
      <c r="B28118" t="s">
        <v>17400</v>
      </c>
      <c r="C28118" t="s">
        <v>17393</v>
      </c>
      <c r="D28118" t="s">
        <v>17394</v>
      </c>
      <c r="E28118" t="s">
        <v>17265</v>
      </c>
      <c r="F28118" t="s">
        <v>17266</v>
      </c>
      <c r="G28118" t="s">
        <v>16559</v>
      </c>
      <c r="H28118" t="s">
        <v>16560</v>
      </c>
      <c r="I28118" s="2">
        <v>1</v>
      </c>
      <c r="J28118" s="2">
        <v>0</v>
      </c>
      <c r="K28118" s="2">
        <v>0</v>
      </c>
      <c r="L28118" t="s">
        <v>120</v>
      </c>
      <c r="M28118" t="s">
        <v>83</v>
      </c>
      <c r="N28118" t="s">
        <v>84</v>
      </c>
      <c r="O28118" t="s">
        <v>85</v>
      </c>
      <c r="P28118" t="s">
        <v>86</v>
      </c>
      <c r="Q28118">
        <v>8</v>
      </c>
      <c r="R28118">
        <v>9</v>
      </c>
      <c r="S28118">
        <v>9</v>
      </c>
      <c r="T28118">
        <v>9</v>
      </c>
      <c r="U28118">
        <v>9</v>
      </c>
      <c r="V28118">
        <v>9</v>
      </c>
      <c r="W28118">
        <v>9</v>
      </c>
      <c r="X28118">
        <v>9</v>
      </c>
      <c r="Y28118">
        <v>9</v>
      </c>
      <c r="Z28118">
        <v>9</v>
      </c>
      <c r="AA28118">
        <v>9</v>
      </c>
      <c r="AB28118">
        <v>9</v>
      </c>
      <c r="AC28118">
        <v>9</v>
      </c>
      <c r="AD28118">
        <v>9</v>
      </c>
      <c r="AE28118">
        <v>9</v>
      </c>
      <c r="AF28118">
        <v>9</v>
      </c>
      <c r="AG28118">
        <v>9</v>
      </c>
      <c r="AH28118">
        <v>9</v>
      </c>
      <c r="AI28118">
        <v>9</v>
      </c>
      <c r="AJ28118">
        <v>9</v>
      </c>
      <c r="AK28118">
        <v>9</v>
      </c>
      <c r="AL28118">
        <v>9</v>
      </c>
      <c r="AM28118">
        <v>9</v>
      </c>
      <c r="AN28118">
        <v>9</v>
      </c>
      <c r="AO28118">
        <v>9</v>
      </c>
      <c r="AP28118">
        <v>9</v>
      </c>
      <c r="AQ28118">
        <v>9</v>
      </c>
    </row>
    <row r="28119" spans="1:43">
      <c r="A28119" t="s">
        <v>17399</v>
      </c>
      <c r="B28119" t="s">
        <v>17400</v>
      </c>
      <c r="C28119" t="s">
        <v>17393</v>
      </c>
      <c r="D28119" t="s">
        <v>17394</v>
      </c>
      <c r="E28119" t="s">
        <v>17265</v>
      </c>
      <c r="F28119" t="s">
        <v>17266</v>
      </c>
      <c r="G28119" t="s">
        <v>16559</v>
      </c>
      <c r="H28119" t="s">
        <v>16560</v>
      </c>
      <c r="I28119" s="2">
        <v>1</v>
      </c>
      <c r="J28119" s="2">
        <v>0</v>
      </c>
      <c r="K28119" s="2">
        <v>0</v>
      </c>
      <c r="L28119" t="s">
        <v>120</v>
      </c>
      <c r="M28119" t="s">
        <v>87</v>
      </c>
      <c r="N28119" t="s">
        <v>88</v>
      </c>
      <c r="O28119" t="s">
        <v>85</v>
      </c>
      <c r="P28119" t="s">
        <v>86</v>
      </c>
      <c r="Q28119">
        <v>8</v>
      </c>
      <c r="R28119">
        <v>8</v>
      </c>
      <c r="S28119">
        <v>8</v>
      </c>
      <c r="T28119">
        <v>8</v>
      </c>
      <c r="U28119">
        <v>8</v>
      </c>
      <c r="V28119">
        <v>8</v>
      </c>
      <c r="W28119">
        <v>8</v>
      </c>
      <c r="X28119">
        <v>8</v>
      </c>
      <c r="Y28119">
        <v>8</v>
      </c>
      <c r="Z28119">
        <v>8</v>
      </c>
      <c r="AA28119">
        <v>8</v>
      </c>
      <c r="AB28119">
        <v>8</v>
      </c>
      <c r="AC28119">
        <v>8</v>
      </c>
      <c r="AD28119">
        <v>8</v>
      </c>
      <c r="AE28119">
        <v>8</v>
      </c>
      <c r="AF28119">
        <v>8</v>
      </c>
      <c r="AG28119">
        <v>8</v>
      </c>
      <c r="AH28119">
        <v>8</v>
      </c>
      <c r="AI28119">
        <v>8</v>
      </c>
      <c r="AJ28119">
        <v>8</v>
      </c>
      <c r="AK28119">
        <v>8</v>
      </c>
      <c r="AL28119">
        <v>8</v>
      </c>
      <c r="AM28119">
        <v>8</v>
      </c>
      <c r="AN28119">
        <v>8</v>
      </c>
      <c r="AO28119">
        <v>8</v>
      </c>
      <c r="AP28119">
        <v>8</v>
      </c>
      <c r="AQ28119">
        <v>8</v>
      </c>
    </row>
    <row r="28120" spans="1:43">
      <c r="A28120" t="s">
        <v>17399</v>
      </c>
      <c r="B28120" t="s">
        <v>17400</v>
      </c>
      <c r="C28120" t="s">
        <v>17393</v>
      </c>
      <c r="D28120" t="s">
        <v>17394</v>
      </c>
      <c r="E28120" t="s">
        <v>17265</v>
      </c>
      <c r="F28120" t="s">
        <v>17266</v>
      </c>
      <c r="G28120" t="s">
        <v>16559</v>
      </c>
      <c r="H28120" t="s">
        <v>16560</v>
      </c>
      <c r="I28120" s="2">
        <v>1</v>
      </c>
      <c r="J28120" s="2">
        <v>0</v>
      </c>
      <c r="K28120" s="2">
        <v>0</v>
      </c>
      <c r="L28120" t="s">
        <v>120</v>
      </c>
      <c r="M28120" t="s">
        <v>89</v>
      </c>
      <c r="N28120" t="s">
        <v>90</v>
      </c>
      <c r="O28120" t="s">
        <v>85</v>
      </c>
      <c r="P28120" t="s">
        <v>86</v>
      </c>
      <c r="Q28120">
        <v>8</v>
      </c>
      <c r="R28120">
        <v>8</v>
      </c>
      <c r="S28120">
        <v>8</v>
      </c>
      <c r="T28120">
        <v>8</v>
      </c>
      <c r="U28120">
        <v>8</v>
      </c>
      <c r="V28120">
        <v>8</v>
      </c>
      <c r="W28120">
        <v>8</v>
      </c>
      <c r="X28120">
        <v>8</v>
      </c>
      <c r="Y28120">
        <v>8</v>
      </c>
      <c r="Z28120">
        <v>8</v>
      </c>
      <c r="AA28120">
        <v>9</v>
      </c>
      <c r="AB28120">
        <v>9</v>
      </c>
      <c r="AC28120">
        <v>9</v>
      </c>
      <c r="AD28120">
        <v>9</v>
      </c>
      <c r="AE28120">
        <v>9</v>
      </c>
      <c r="AF28120">
        <v>9</v>
      </c>
      <c r="AG28120">
        <v>9</v>
      </c>
      <c r="AH28120">
        <v>9</v>
      </c>
      <c r="AI28120">
        <v>9</v>
      </c>
      <c r="AJ28120">
        <v>9</v>
      </c>
      <c r="AK28120">
        <v>8</v>
      </c>
      <c r="AL28120">
        <v>8</v>
      </c>
      <c r="AM28120">
        <v>8</v>
      </c>
      <c r="AN28120">
        <v>8</v>
      </c>
      <c r="AO28120">
        <v>8</v>
      </c>
      <c r="AP28120">
        <v>8</v>
      </c>
      <c r="AQ28120">
        <v>8</v>
      </c>
    </row>
    <row r="28121" spans="1:43">
      <c r="A28121" t="s">
        <v>17399</v>
      </c>
      <c r="B28121" t="s">
        <v>17400</v>
      </c>
      <c r="C28121" t="s">
        <v>17393</v>
      </c>
      <c r="D28121" t="s">
        <v>17394</v>
      </c>
      <c r="E28121" t="s">
        <v>17265</v>
      </c>
      <c r="F28121" t="s">
        <v>17266</v>
      </c>
      <c r="G28121" t="s">
        <v>16559</v>
      </c>
      <c r="H28121" t="s">
        <v>16560</v>
      </c>
      <c r="I28121" s="2">
        <v>1</v>
      </c>
      <c r="J28121" s="2">
        <v>0</v>
      </c>
      <c r="K28121" s="2">
        <v>0</v>
      </c>
      <c r="L28121" t="s">
        <v>120</v>
      </c>
      <c r="M28121" t="s">
        <v>83</v>
      </c>
      <c r="N28121" t="s">
        <v>91</v>
      </c>
      <c r="O28121" t="s">
        <v>85</v>
      </c>
      <c r="P28121" t="s">
        <v>86</v>
      </c>
      <c r="Q28121">
        <v>8</v>
      </c>
      <c r="R28121">
        <v>9</v>
      </c>
      <c r="S28121">
        <v>9</v>
      </c>
      <c r="T28121">
        <v>9</v>
      </c>
      <c r="U28121">
        <v>9</v>
      </c>
      <c r="V28121">
        <v>9</v>
      </c>
      <c r="W28121">
        <v>9</v>
      </c>
      <c r="X28121">
        <v>9</v>
      </c>
      <c r="Y28121">
        <v>9</v>
      </c>
      <c r="Z28121">
        <v>9</v>
      </c>
      <c r="AA28121">
        <v>9</v>
      </c>
      <c r="AB28121">
        <v>9</v>
      </c>
      <c r="AC28121">
        <v>9</v>
      </c>
      <c r="AD28121">
        <v>9</v>
      </c>
      <c r="AE28121">
        <v>9</v>
      </c>
      <c r="AF28121">
        <v>9</v>
      </c>
      <c r="AG28121">
        <v>9</v>
      </c>
      <c r="AH28121">
        <v>9</v>
      </c>
      <c r="AI28121">
        <v>9</v>
      </c>
      <c r="AJ28121">
        <v>9</v>
      </c>
      <c r="AK28121">
        <v>9</v>
      </c>
      <c r="AL28121">
        <v>9</v>
      </c>
      <c r="AM28121">
        <v>9</v>
      </c>
      <c r="AN28121">
        <v>9</v>
      </c>
      <c r="AO28121">
        <v>9</v>
      </c>
      <c r="AP28121">
        <v>9</v>
      </c>
      <c r="AQ28121">
        <v>9</v>
      </c>
    </row>
    <row r="28122" spans="1:43">
      <c r="A28122" t="s">
        <v>17401</v>
      </c>
      <c r="B28122" t="s">
        <v>17402</v>
      </c>
      <c r="C28122" t="s">
        <v>17393</v>
      </c>
      <c r="D28122" t="s">
        <v>17394</v>
      </c>
      <c r="E28122" t="s">
        <v>17265</v>
      </c>
      <c r="F28122" t="s">
        <v>17266</v>
      </c>
      <c r="G28122" t="s">
        <v>16559</v>
      </c>
      <c r="H28122" t="s">
        <v>16560</v>
      </c>
      <c r="I28122" s="2">
        <v>1</v>
      </c>
      <c r="J28122" s="2">
        <v>0</v>
      </c>
      <c r="K28122" s="2">
        <v>0</v>
      </c>
      <c r="L28122" t="s">
        <v>120</v>
      </c>
      <c r="M28122" t="s">
        <v>83</v>
      </c>
      <c r="N28122" t="s">
        <v>84</v>
      </c>
      <c r="O28122" t="s">
        <v>85</v>
      </c>
      <c r="P28122" t="s">
        <v>86</v>
      </c>
      <c r="Q28122">
        <v>11</v>
      </c>
      <c r="R28122">
        <v>11</v>
      </c>
      <c r="S28122">
        <v>11</v>
      </c>
      <c r="T28122">
        <v>11</v>
      </c>
      <c r="U28122">
        <v>11</v>
      </c>
      <c r="V28122">
        <v>11</v>
      </c>
      <c r="W28122">
        <v>11</v>
      </c>
      <c r="X28122">
        <v>11</v>
      </c>
      <c r="Y28122">
        <v>11</v>
      </c>
      <c r="Z28122">
        <v>11</v>
      </c>
      <c r="AA28122">
        <v>11</v>
      </c>
      <c r="AB28122">
        <v>11</v>
      </c>
      <c r="AC28122">
        <v>12</v>
      </c>
      <c r="AD28122">
        <v>12</v>
      </c>
      <c r="AE28122">
        <v>12</v>
      </c>
      <c r="AF28122">
        <v>12</v>
      </c>
      <c r="AG28122">
        <v>12</v>
      </c>
      <c r="AH28122">
        <v>12</v>
      </c>
      <c r="AI28122">
        <v>12</v>
      </c>
      <c r="AJ28122">
        <v>12</v>
      </c>
      <c r="AK28122">
        <v>12</v>
      </c>
      <c r="AL28122">
        <v>12</v>
      </c>
      <c r="AM28122">
        <v>12</v>
      </c>
      <c r="AN28122">
        <v>12</v>
      </c>
      <c r="AO28122">
        <v>12</v>
      </c>
      <c r="AP28122">
        <v>12</v>
      </c>
      <c r="AQ28122">
        <v>11</v>
      </c>
    </row>
    <row r="28123" spans="1:43">
      <c r="A28123" t="s">
        <v>17401</v>
      </c>
      <c r="B28123" t="s">
        <v>17402</v>
      </c>
      <c r="C28123" t="s">
        <v>17393</v>
      </c>
      <c r="D28123" t="s">
        <v>17394</v>
      </c>
      <c r="E28123" t="s">
        <v>17265</v>
      </c>
      <c r="F28123" t="s">
        <v>17266</v>
      </c>
      <c r="G28123" t="s">
        <v>16559</v>
      </c>
      <c r="H28123" t="s">
        <v>16560</v>
      </c>
      <c r="I28123" s="2">
        <v>1</v>
      </c>
      <c r="J28123" s="2">
        <v>0</v>
      </c>
      <c r="K28123" s="2">
        <v>0</v>
      </c>
      <c r="L28123" t="s">
        <v>120</v>
      </c>
      <c r="M28123" t="s">
        <v>87</v>
      </c>
      <c r="N28123" t="s">
        <v>88</v>
      </c>
      <c r="O28123" t="s">
        <v>85</v>
      </c>
      <c r="P28123" t="s">
        <v>86</v>
      </c>
      <c r="Q28123">
        <v>11</v>
      </c>
      <c r="R28123">
        <v>11</v>
      </c>
      <c r="S28123">
        <v>11</v>
      </c>
      <c r="T28123">
        <v>11</v>
      </c>
      <c r="U28123">
        <v>11</v>
      </c>
      <c r="V28123">
        <v>11</v>
      </c>
      <c r="W28123">
        <v>11</v>
      </c>
      <c r="X28123">
        <v>10</v>
      </c>
      <c r="Y28123">
        <v>10</v>
      </c>
      <c r="Z28123">
        <v>10</v>
      </c>
      <c r="AA28123">
        <v>10</v>
      </c>
      <c r="AB28123">
        <v>10</v>
      </c>
      <c r="AC28123">
        <v>10</v>
      </c>
      <c r="AD28123">
        <v>10</v>
      </c>
      <c r="AE28123">
        <v>10</v>
      </c>
      <c r="AF28123">
        <v>10</v>
      </c>
      <c r="AG28123">
        <v>10</v>
      </c>
      <c r="AH28123">
        <v>10</v>
      </c>
      <c r="AI28123">
        <v>10</v>
      </c>
      <c r="AJ28123">
        <v>10</v>
      </c>
      <c r="AK28123">
        <v>10</v>
      </c>
      <c r="AL28123">
        <v>10</v>
      </c>
      <c r="AM28123">
        <v>10</v>
      </c>
      <c r="AN28123">
        <v>10</v>
      </c>
      <c r="AO28123">
        <v>10</v>
      </c>
      <c r="AP28123">
        <v>10</v>
      </c>
      <c r="AQ28123">
        <v>10</v>
      </c>
    </row>
    <row r="28124" spans="1:43">
      <c r="A28124" t="s">
        <v>17401</v>
      </c>
      <c r="B28124" t="s">
        <v>17402</v>
      </c>
      <c r="C28124" t="s">
        <v>17393</v>
      </c>
      <c r="D28124" t="s">
        <v>17394</v>
      </c>
      <c r="E28124" t="s">
        <v>17265</v>
      </c>
      <c r="F28124" t="s">
        <v>17266</v>
      </c>
      <c r="G28124" t="s">
        <v>16559</v>
      </c>
      <c r="H28124" t="s">
        <v>16560</v>
      </c>
      <c r="I28124" s="2">
        <v>1</v>
      </c>
      <c r="J28124" s="2">
        <v>0</v>
      </c>
      <c r="K28124" s="2">
        <v>0</v>
      </c>
      <c r="L28124" t="s">
        <v>120</v>
      </c>
      <c r="M28124" t="s">
        <v>89</v>
      </c>
      <c r="N28124" t="s">
        <v>90</v>
      </c>
      <c r="O28124" t="s">
        <v>85</v>
      </c>
      <c r="P28124" t="s">
        <v>86</v>
      </c>
      <c r="Q28124">
        <v>11</v>
      </c>
      <c r="R28124">
        <v>11</v>
      </c>
      <c r="S28124">
        <v>11</v>
      </c>
      <c r="T28124">
        <v>11</v>
      </c>
      <c r="U28124">
        <v>11</v>
      </c>
      <c r="V28124">
        <v>12</v>
      </c>
      <c r="W28124">
        <v>12</v>
      </c>
      <c r="X28124">
        <v>12</v>
      </c>
      <c r="Y28124">
        <v>12</v>
      </c>
      <c r="Z28124">
        <v>12</v>
      </c>
      <c r="AA28124">
        <v>12</v>
      </c>
      <c r="AB28124">
        <v>12</v>
      </c>
      <c r="AC28124">
        <v>12</v>
      </c>
      <c r="AD28124">
        <v>12</v>
      </c>
      <c r="AE28124">
        <v>12</v>
      </c>
      <c r="AF28124">
        <v>12</v>
      </c>
      <c r="AG28124">
        <v>12</v>
      </c>
      <c r="AH28124">
        <v>12</v>
      </c>
      <c r="AI28124">
        <v>12</v>
      </c>
      <c r="AJ28124">
        <v>12</v>
      </c>
      <c r="AK28124">
        <v>12</v>
      </c>
      <c r="AL28124">
        <v>12</v>
      </c>
      <c r="AM28124">
        <v>12</v>
      </c>
      <c r="AN28124">
        <v>12</v>
      </c>
      <c r="AO28124">
        <v>12</v>
      </c>
      <c r="AP28124">
        <v>12</v>
      </c>
      <c r="AQ28124">
        <v>12</v>
      </c>
    </row>
    <row r="28125" spans="1:43">
      <c r="A28125" t="s">
        <v>17401</v>
      </c>
      <c r="B28125" t="s">
        <v>17402</v>
      </c>
      <c r="C28125" t="s">
        <v>17393</v>
      </c>
      <c r="D28125" t="s">
        <v>17394</v>
      </c>
      <c r="E28125" t="s">
        <v>17265</v>
      </c>
      <c r="F28125" t="s">
        <v>17266</v>
      </c>
      <c r="G28125" t="s">
        <v>16559</v>
      </c>
      <c r="H28125" t="s">
        <v>16560</v>
      </c>
      <c r="I28125" s="2">
        <v>1</v>
      </c>
      <c r="J28125" s="2">
        <v>0</v>
      </c>
      <c r="K28125" s="2">
        <v>0</v>
      </c>
      <c r="L28125" t="s">
        <v>120</v>
      </c>
      <c r="M28125" t="s">
        <v>83</v>
      </c>
      <c r="N28125" t="s">
        <v>91</v>
      </c>
      <c r="O28125" t="s">
        <v>85</v>
      </c>
      <c r="P28125" t="s">
        <v>86</v>
      </c>
      <c r="Q28125">
        <v>11</v>
      </c>
      <c r="R28125">
        <v>11</v>
      </c>
      <c r="S28125">
        <v>11</v>
      </c>
      <c r="T28125">
        <v>11</v>
      </c>
      <c r="U28125">
        <v>11</v>
      </c>
      <c r="V28125">
        <v>11</v>
      </c>
      <c r="W28125">
        <v>11</v>
      </c>
      <c r="X28125">
        <v>11</v>
      </c>
      <c r="Y28125">
        <v>11</v>
      </c>
      <c r="Z28125">
        <v>11</v>
      </c>
      <c r="AA28125">
        <v>11</v>
      </c>
      <c r="AB28125">
        <v>11</v>
      </c>
      <c r="AC28125">
        <v>12</v>
      </c>
      <c r="AD28125">
        <v>12</v>
      </c>
      <c r="AE28125">
        <v>12</v>
      </c>
      <c r="AF28125">
        <v>12</v>
      </c>
      <c r="AG28125">
        <v>12</v>
      </c>
      <c r="AH28125">
        <v>12</v>
      </c>
      <c r="AI28125">
        <v>12</v>
      </c>
      <c r="AJ28125">
        <v>12</v>
      </c>
      <c r="AK28125">
        <v>12</v>
      </c>
      <c r="AL28125">
        <v>12</v>
      </c>
      <c r="AM28125">
        <v>12</v>
      </c>
      <c r="AN28125">
        <v>12</v>
      </c>
      <c r="AO28125">
        <v>12</v>
      </c>
      <c r="AP28125">
        <v>12</v>
      </c>
      <c r="AQ28125">
        <v>11</v>
      </c>
    </row>
    <row r="28126" spans="1:43">
      <c r="A28126" t="s">
        <v>17403</v>
      </c>
      <c r="B28126" t="s">
        <v>17404</v>
      </c>
      <c r="C28126" t="s">
        <v>17405</v>
      </c>
      <c r="D28126" t="s">
        <v>17406</v>
      </c>
      <c r="E28126" t="s">
        <v>17265</v>
      </c>
      <c r="F28126" t="s">
        <v>17266</v>
      </c>
      <c r="G28126" t="s">
        <v>16559</v>
      </c>
      <c r="H28126" t="s">
        <v>16560</v>
      </c>
      <c r="I28126" s="2">
        <v>1</v>
      </c>
      <c r="J28126" s="2">
        <v>0</v>
      </c>
      <c r="K28126" s="2">
        <v>0</v>
      </c>
      <c r="L28126" t="s">
        <v>120</v>
      </c>
      <c r="M28126" t="s">
        <v>83</v>
      </c>
      <c r="N28126" t="s">
        <v>84</v>
      </c>
      <c r="O28126" t="s">
        <v>85</v>
      </c>
      <c r="P28126" t="s">
        <v>86</v>
      </c>
      <c r="Q28126">
        <v>90</v>
      </c>
      <c r="R28126">
        <v>91</v>
      </c>
      <c r="S28126">
        <v>92</v>
      </c>
      <c r="T28126">
        <v>92</v>
      </c>
      <c r="U28126">
        <v>93</v>
      </c>
      <c r="V28126">
        <v>94</v>
      </c>
      <c r="W28126">
        <v>94</v>
      </c>
      <c r="X28126">
        <v>95</v>
      </c>
      <c r="Y28126">
        <v>96</v>
      </c>
      <c r="Z28126">
        <v>96</v>
      </c>
      <c r="AA28126">
        <v>97</v>
      </c>
      <c r="AB28126">
        <v>97</v>
      </c>
      <c r="AC28126">
        <v>98</v>
      </c>
      <c r="AD28126">
        <v>98</v>
      </c>
      <c r="AE28126">
        <v>98</v>
      </c>
      <c r="AF28126">
        <v>99</v>
      </c>
      <c r="AG28126">
        <v>99</v>
      </c>
      <c r="AH28126">
        <v>100</v>
      </c>
      <c r="AI28126">
        <v>100</v>
      </c>
      <c r="AJ28126">
        <v>100</v>
      </c>
      <c r="AK28126">
        <v>101</v>
      </c>
      <c r="AL28126">
        <v>101</v>
      </c>
      <c r="AM28126">
        <v>100</v>
      </c>
      <c r="AN28126">
        <v>100</v>
      </c>
      <c r="AO28126">
        <v>99</v>
      </c>
      <c r="AP28126">
        <v>99</v>
      </c>
      <c r="AQ28126">
        <v>98</v>
      </c>
    </row>
    <row r="28127" spans="1:43">
      <c r="A28127" t="s">
        <v>17403</v>
      </c>
      <c r="B28127" t="s">
        <v>17404</v>
      </c>
      <c r="C28127" t="s">
        <v>17405</v>
      </c>
      <c r="D28127" t="s">
        <v>17406</v>
      </c>
      <c r="E28127" t="s">
        <v>17265</v>
      </c>
      <c r="F28127" t="s">
        <v>17266</v>
      </c>
      <c r="G28127" t="s">
        <v>16559</v>
      </c>
      <c r="H28127" t="s">
        <v>16560</v>
      </c>
      <c r="I28127" s="2">
        <v>1</v>
      </c>
      <c r="J28127" s="2">
        <v>0</v>
      </c>
      <c r="K28127" s="2">
        <v>0</v>
      </c>
      <c r="L28127" t="s">
        <v>120</v>
      </c>
      <c r="M28127" t="s">
        <v>87</v>
      </c>
      <c r="N28127" t="s">
        <v>88</v>
      </c>
      <c r="O28127" t="s">
        <v>85</v>
      </c>
      <c r="P28127" t="s">
        <v>86</v>
      </c>
      <c r="Q28127">
        <v>90</v>
      </c>
      <c r="R28127">
        <v>90</v>
      </c>
      <c r="S28127">
        <v>90</v>
      </c>
      <c r="T28127">
        <v>90</v>
      </c>
      <c r="U28127">
        <v>90</v>
      </c>
      <c r="V28127">
        <v>90</v>
      </c>
      <c r="W28127">
        <v>90</v>
      </c>
      <c r="X28127">
        <v>90</v>
      </c>
      <c r="Y28127">
        <v>89</v>
      </c>
      <c r="Z28127">
        <v>89</v>
      </c>
      <c r="AA28127">
        <v>89</v>
      </c>
      <c r="AB28127">
        <v>89</v>
      </c>
      <c r="AC28127">
        <v>89</v>
      </c>
      <c r="AD28127">
        <v>89</v>
      </c>
      <c r="AE28127">
        <v>89</v>
      </c>
      <c r="AF28127">
        <v>88</v>
      </c>
      <c r="AG28127">
        <v>88</v>
      </c>
      <c r="AH28127">
        <v>88</v>
      </c>
      <c r="AI28127">
        <v>88</v>
      </c>
      <c r="AJ28127">
        <v>88</v>
      </c>
      <c r="AK28127">
        <v>88</v>
      </c>
      <c r="AL28127">
        <v>87</v>
      </c>
      <c r="AM28127">
        <v>87</v>
      </c>
      <c r="AN28127">
        <v>87</v>
      </c>
      <c r="AO28127">
        <v>87</v>
      </c>
      <c r="AP28127">
        <v>87</v>
      </c>
      <c r="AQ28127">
        <v>86</v>
      </c>
    </row>
    <row r="28128" spans="1:43">
      <c r="A28128" t="s">
        <v>17403</v>
      </c>
      <c r="B28128" t="s">
        <v>17404</v>
      </c>
      <c r="C28128" t="s">
        <v>17405</v>
      </c>
      <c r="D28128" t="s">
        <v>17406</v>
      </c>
      <c r="E28128" t="s">
        <v>17265</v>
      </c>
      <c r="F28128" t="s">
        <v>17266</v>
      </c>
      <c r="G28128" t="s">
        <v>16559</v>
      </c>
      <c r="H28128" t="s">
        <v>16560</v>
      </c>
      <c r="I28128" s="2">
        <v>1</v>
      </c>
      <c r="J28128" s="2">
        <v>0</v>
      </c>
      <c r="K28128" s="2">
        <v>0</v>
      </c>
      <c r="L28128" t="s">
        <v>120</v>
      </c>
      <c r="M28128" t="s">
        <v>89</v>
      </c>
      <c r="N28128" t="s">
        <v>90</v>
      </c>
      <c r="O28128" t="s">
        <v>85</v>
      </c>
      <c r="P28128" t="s">
        <v>86</v>
      </c>
      <c r="Q28128">
        <v>90</v>
      </c>
      <c r="R28128">
        <v>91</v>
      </c>
      <c r="S28128">
        <v>93</v>
      </c>
      <c r="T28128">
        <v>94</v>
      </c>
      <c r="U28128">
        <v>96</v>
      </c>
      <c r="V28128">
        <v>97</v>
      </c>
      <c r="W28128">
        <v>98</v>
      </c>
      <c r="X28128">
        <v>99</v>
      </c>
      <c r="Y28128">
        <v>100</v>
      </c>
      <c r="Z28128">
        <v>101</v>
      </c>
      <c r="AA28128">
        <v>102</v>
      </c>
      <c r="AB28128">
        <v>102</v>
      </c>
      <c r="AC28128">
        <v>103</v>
      </c>
      <c r="AD28128">
        <v>104</v>
      </c>
      <c r="AE28128">
        <v>104</v>
      </c>
      <c r="AF28128">
        <v>104</v>
      </c>
      <c r="AG28128">
        <v>103</v>
      </c>
      <c r="AH28128">
        <v>103</v>
      </c>
      <c r="AI28128">
        <v>102</v>
      </c>
      <c r="AJ28128">
        <v>102</v>
      </c>
      <c r="AK28128">
        <v>102</v>
      </c>
      <c r="AL28128">
        <v>101</v>
      </c>
      <c r="AM28128">
        <v>101</v>
      </c>
      <c r="AN28128">
        <v>100</v>
      </c>
      <c r="AO28128">
        <v>100</v>
      </c>
      <c r="AP28128">
        <v>99</v>
      </c>
      <c r="AQ28128">
        <v>98</v>
      </c>
    </row>
    <row r="28129" spans="1:43">
      <c r="A28129" t="s">
        <v>17403</v>
      </c>
      <c r="B28129" t="s">
        <v>17404</v>
      </c>
      <c r="C28129" t="s">
        <v>17405</v>
      </c>
      <c r="D28129" t="s">
        <v>17406</v>
      </c>
      <c r="E28129" t="s">
        <v>17265</v>
      </c>
      <c r="F28129" t="s">
        <v>17266</v>
      </c>
      <c r="G28129" t="s">
        <v>16559</v>
      </c>
      <c r="H28129" t="s">
        <v>16560</v>
      </c>
      <c r="I28129" s="2">
        <v>1</v>
      </c>
      <c r="J28129" s="2">
        <v>0</v>
      </c>
      <c r="K28129" s="2">
        <v>0</v>
      </c>
      <c r="L28129" t="s">
        <v>120</v>
      </c>
      <c r="M28129" t="s">
        <v>83</v>
      </c>
      <c r="N28129" t="s">
        <v>91</v>
      </c>
      <c r="O28129" t="s">
        <v>85</v>
      </c>
      <c r="P28129" t="s">
        <v>86</v>
      </c>
      <c r="Q28129">
        <v>90</v>
      </c>
      <c r="R28129">
        <v>91</v>
      </c>
      <c r="S28129">
        <v>92</v>
      </c>
      <c r="T28129">
        <v>92</v>
      </c>
      <c r="U28129">
        <v>93</v>
      </c>
      <c r="V28129">
        <v>94</v>
      </c>
      <c r="W28129">
        <v>94</v>
      </c>
      <c r="X28129">
        <v>95</v>
      </c>
      <c r="Y28129">
        <v>96</v>
      </c>
      <c r="Z28129">
        <v>96</v>
      </c>
      <c r="AA28129">
        <v>97</v>
      </c>
      <c r="AB28129">
        <v>97</v>
      </c>
      <c r="AC28129">
        <v>98</v>
      </c>
      <c r="AD28129">
        <v>98</v>
      </c>
      <c r="AE28129">
        <v>98</v>
      </c>
      <c r="AF28129">
        <v>99</v>
      </c>
      <c r="AG28129">
        <v>99</v>
      </c>
      <c r="AH28129">
        <v>100</v>
      </c>
      <c r="AI28129">
        <v>100</v>
      </c>
      <c r="AJ28129">
        <v>100</v>
      </c>
      <c r="AK28129">
        <v>101</v>
      </c>
      <c r="AL28129">
        <v>101</v>
      </c>
      <c r="AM28129">
        <v>100</v>
      </c>
      <c r="AN28129">
        <v>100</v>
      </c>
      <c r="AO28129">
        <v>99</v>
      </c>
      <c r="AP28129">
        <v>99</v>
      </c>
      <c r="AQ28129">
        <v>98</v>
      </c>
    </row>
    <row r="28130" spans="1:43">
      <c r="A28130" t="s">
        <v>17407</v>
      </c>
      <c r="B28130" t="s">
        <v>17408</v>
      </c>
      <c r="C28130" t="s">
        <v>17405</v>
      </c>
      <c r="D28130" t="s">
        <v>17406</v>
      </c>
      <c r="E28130" t="s">
        <v>17265</v>
      </c>
      <c r="F28130" t="s">
        <v>17266</v>
      </c>
      <c r="G28130" t="s">
        <v>16559</v>
      </c>
      <c r="H28130" t="s">
        <v>16560</v>
      </c>
      <c r="I28130" s="2">
        <v>1</v>
      </c>
      <c r="J28130" s="2">
        <v>0</v>
      </c>
      <c r="K28130" s="2">
        <v>0</v>
      </c>
      <c r="L28130" t="s">
        <v>120</v>
      </c>
      <c r="M28130" t="s">
        <v>83</v>
      </c>
      <c r="N28130" t="s">
        <v>84</v>
      </c>
      <c r="O28130" t="s">
        <v>85</v>
      </c>
      <c r="P28130" t="s">
        <v>86</v>
      </c>
      <c r="Q28130">
        <v>75</v>
      </c>
      <c r="R28130">
        <v>76</v>
      </c>
      <c r="S28130">
        <v>77</v>
      </c>
      <c r="T28130">
        <v>77</v>
      </c>
      <c r="U28130">
        <v>78</v>
      </c>
      <c r="V28130">
        <v>78</v>
      </c>
      <c r="W28130">
        <v>79</v>
      </c>
      <c r="X28130">
        <v>79</v>
      </c>
      <c r="Y28130">
        <v>80</v>
      </c>
      <c r="Z28130">
        <v>80</v>
      </c>
      <c r="AA28130">
        <v>81</v>
      </c>
      <c r="AB28130">
        <v>81</v>
      </c>
      <c r="AC28130">
        <v>82</v>
      </c>
      <c r="AD28130">
        <v>82</v>
      </c>
      <c r="AE28130">
        <v>82</v>
      </c>
      <c r="AF28130">
        <v>83</v>
      </c>
      <c r="AG28130">
        <v>83</v>
      </c>
      <c r="AH28130">
        <v>83</v>
      </c>
      <c r="AI28130">
        <v>84</v>
      </c>
      <c r="AJ28130">
        <v>84</v>
      </c>
      <c r="AK28130">
        <v>84</v>
      </c>
      <c r="AL28130">
        <v>84</v>
      </c>
      <c r="AM28130">
        <v>84</v>
      </c>
      <c r="AN28130">
        <v>83</v>
      </c>
      <c r="AO28130">
        <v>83</v>
      </c>
      <c r="AP28130">
        <v>83</v>
      </c>
      <c r="AQ28130">
        <v>82</v>
      </c>
    </row>
    <row r="28131" spans="1:43">
      <c r="A28131" t="s">
        <v>17407</v>
      </c>
      <c r="B28131" t="s">
        <v>17408</v>
      </c>
      <c r="C28131" t="s">
        <v>17405</v>
      </c>
      <c r="D28131" t="s">
        <v>17406</v>
      </c>
      <c r="E28131" t="s">
        <v>17265</v>
      </c>
      <c r="F28131" t="s">
        <v>17266</v>
      </c>
      <c r="G28131" t="s">
        <v>16559</v>
      </c>
      <c r="H28131" t="s">
        <v>16560</v>
      </c>
      <c r="I28131" s="2">
        <v>1</v>
      </c>
      <c r="J28131" s="2">
        <v>0</v>
      </c>
      <c r="K28131" s="2">
        <v>0</v>
      </c>
      <c r="L28131" t="s">
        <v>120</v>
      </c>
      <c r="M28131" t="s">
        <v>87</v>
      </c>
      <c r="N28131" t="s">
        <v>88</v>
      </c>
      <c r="O28131" t="s">
        <v>85</v>
      </c>
      <c r="P28131" t="s">
        <v>86</v>
      </c>
      <c r="Q28131">
        <v>75</v>
      </c>
      <c r="R28131">
        <v>75</v>
      </c>
      <c r="S28131">
        <v>75</v>
      </c>
      <c r="T28131">
        <v>74</v>
      </c>
      <c r="U28131">
        <v>74</v>
      </c>
      <c r="V28131">
        <v>74</v>
      </c>
      <c r="W28131">
        <v>74</v>
      </c>
      <c r="X28131">
        <v>74</v>
      </c>
      <c r="Y28131">
        <v>74</v>
      </c>
      <c r="Z28131">
        <v>74</v>
      </c>
      <c r="AA28131">
        <v>74</v>
      </c>
      <c r="AB28131">
        <v>74</v>
      </c>
      <c r="AC28131">
        <v>73</v>
      </c>
      <c r="AD28131">
        <v>73</v>
      </c>
      <c r="AE28131">
        <v>73</v>
      </c>
      <c r="AF28131">
        <v>73</v>
      </c>
      <c r="AG28131">
        <v>73</v>
      </c>
      <c r="AH28131">
        <v>73</v>
      </c>
      <c r="AI28131">
        <v>73</v>
      </c>
      <c r="AJ28131">
        <v>73</v>
      </c>
      <c r="AK28131">
        <v>72</v>
      </c>
      <c r="AL28131">
        <v>72</v>
      </c>
      <c r="AM28131">
        <v>72</v>
      </c>
      <c r="AN28131">
        <v>72</v>
      </c>
      <c r="AO28131">
        <v>72</v>
      </c>
      <c r="AP28131">
        <v>72</v>
      </c>
      <c r="AQ28131">
        <v>71</v>
      </c>
    </row>
    <row r="28132" spans="1:43">
      <c r="A28132" t="s">
        <v>17407</v>
      </c>
      <c r="B28132" t="s">
        <v>17408</v>
      </c>
      <c r="C28132" t="s">
        <v>17405</v>
      </c>
      <c r="D28132" t="s">
        <v>17406</v>
      </c>
      <c r="E28132" t="s">
        <v>17265</v>
      </c>
      <c r="F28132" t="s">
        <v>17266</v>
      </c>
      <c r="G28132" t="s">
        <v>16559</v>
      </c>
      <c r="H28132" t="s">
        <v>16560</v>
      </c>
      <c r="I28132" s="2">
        <v>1</v>
      </c>
      <c r="J28132" s="2">
        <v>0</v>
      </c>
      <c r="K28132" s="2">
        <v>0</v>
      </c>
      <c r="L28132" t="s">
        <v>120</v>
      </c>
      <c r="M28132" t="s">
        <v>89</v>
      </c>
      <c r="N28132" t="s">
        <v>90</v>
      </c>
      <c r="O28132" t="s">
        <v>85</v>
      </c>
      <c r="P28132" t="s">
        <v>86</v>
      </c>
      <c r="Q28132">
        <v>75</v>
      </c>
      <c r="R28132">
        <v>76</v>
      </c>
      <c r="S28132">
        <v>78</v>
      </c>
      <c r="T28132">
        <v>79</v>
      </c>
      <c r="U28132">
        <v>80</v>
      </c>
      <c r="V28132">
        <v>81</v>
      </c>
      <c r="W28132">
        <v>82</v>
      </c>
      <c r="X28132">
        <v>83</v>
      </c>
      <c r="Y28132">
        <v>83</v>
      </c>
      <c r="Z28132">
        <v>84</v>
      </c>
      <c r="AA28132">
        <v>85</v>
      </c>
      <c r="AB28132">
        <v>85</v>
      </c>
      <c r="AC28132">
        <v>86</v>
      </c>
      <c r="AD28132">
        <v>87</v>
      </c>
      <c r="AE28132">
        <v>87</v>
      </c>
      <c r="AF28132">
        <v>87</v>
      </c>
      <c r="AG28132">
        <v>86</v>
      </c>
      <c r="AH28132">
        <v>86</v>
      </c>
      <c r="AI28132">
        <v>86</v>
      </c>
      <c r="AJ28132">
        <v>85</v>
      </c>
      <c r="AK28132">
        <v>85</v>
      </c>
      <c r="AL28132">
        <v>84</v>
      </c>
      <c r="AM28132">
        <v>84</v>
      </c>
      <c r="AN28132">
        <v>84</v>
      </c>
      <c r="AO28132">
        <v>83</v>
      </c>
      <c r="AP28132">
        <v>83</v>
      </c>
      <c r="AQ28132">
        <v>82</v>
      </c>
    </row>
    <row r="28133" spans="1:43">
      <c r="A28133" t="s">
        <v>17407</v>
      </c>
      <c r="B28133" t="s">
        <v>17408</v>
      </c>
      <c r="C28133" t="s">
        <v>17405</v>
      </c>
      <c r="D28133" t="s">
        <v>17406</v>
      </c>
      <c r="E28133" t="s">
        <v>17265</v>
      </c>
      <c r="F28133" t="s">
        <v>17266</v>
      </c>
      <c r="G28133" t="s">
        <v>16559</v>
      </c>
      <c r="H28133" t="s">
        <v>16560</v>
      </c>
      <c r="I28133" s="2">
        <v>1</v>
      </c>
      <c r="J28133" s="2">
        <v>0</v>
      </c>
      <c r="K28133" s="2">
        <v>0</v>
      </c>
      <c r="L28133" t="s">
        <v>120</v>
      </c>
      <c r="M28133" t="s">
        <v>83</v>
      </c>
      <c r="N28133" t="s">
        <v>91</v>
      </c>
      <c r="O28133" t="s">
        <v>85</v>
      </c>
      <c r="P28133" t="s">
        <v>86</v>
      </c>
      <c r="Q28133">
        <v>75</v>
      </c>
      <c r="R28133">
        <v>76</v>
      </c>
      <c r="S28133">
        <v>77</v>
      </c>
      <c r="T28133">
        <v>77</v>
      </c>
      <c r="U28133">
        <v>78</v>
      </c>
      <c r="V28133">
        <v>78</v>
      </c>
      <c r="W28133">
        <v>79</v>
      </c>
      <c r="X28133">
        <v>79</v>
      </c>
      <c r="Y28133">
        <v>80</v>
      </c>
      <c r="Z28133">
        <v>80</v>
      </c>
      <c r="AA28133">
        <v>81</v>
      </c>
      <c r="AB28133">
        <v>81</v>
      </c>
      <c r="AC28133">
        <v>82</v>
      </c>
      <c r="AD28133">
        <v>82</v>
      </c>
      <c r="AE28133">
        <v>82</v>
      </c>
      <c r="AF28133">
        <v>83</v>
      </c>
      <c r="AG28133">
        <v>83</v>
      </c>
      <c r="AH28133">
        <v>83</v>
      </c>
      <c r="AI28133">
        <v>84</v>
      </c>
      <c r="AJ28133">
        <v>84</v>
      </c>
      <c r="AK28133">
        <v>84</v>
      </c>
      <c r="AL28133">
        <v>84</v>
      </c>
      <c r="AM28133">
        <v>84</v>
      </c>
      <c r="AN28133">
        <v>83</v>
      </c>
      <c r="AO28133">
        <v>83</v>
      </c>
      <c r="AP28133">
        <v>83</v>
      </c>
      <c r="AQ28133">
        <v>82</v>
      </c>
    </row>
    <row r="28134" spans="1:43">
      <c r="A28134" t="s">
        <v>17409</v>
      </c>
      <c r="B28134" t="s">
        <v>17410</v>
      </c>
      <c r="C28134" t="s">
        <v>17405</v>
      </c>
      <c r="D28134" t="s">
        <v>17406</v>
      </c>
      <c r="E28134" t="s">
        <v>17265</v>
      </c>
      <c r="F28134" t="s">
        <v>17266</v>
      </c>
      <c r="G28134" t="s">
        <v>16559</v>
      </c>
      <c r="H28134" t="s">
        <v>16560</v>
      </c>
      <c r="I28134" s="2">
        <v>1</v>
      </c>
      <c r="J28134" s="2">
        <v>0</v>
      </c>
      <c r="K28134" s="2">
        <v>0</v>
      </c>
      <c r="L28134" t="s">
        <v>120</v>
      </c>
      <c r="M28134" t="s">
        <v>83</v>
      </c>
      <c r="N28134" t="s">
        <v>84</v>
      </c>
      <c r="O28134" t="s">
        <v>85</v>
      </c>
      <c r="P28134" t="s">
        <v>86</v>
      </c>
      <c r="Q28134">
        <v>4</v>
      </c>
      <c r="R28134">
        <v>4</v>
      </c>
      <c r="S28134">
        <v>4</v>
      </c>
      <c r="T28134">
        <v>4</v>
      </c>
      <c r="U28134">
        <v>4</v>
      </c>
      <c r="V28134">
        <v>4</v>
      </c>
      <c r="W28134">
        <v>4</v>
      </c>
      <c r="X28134">
        <v>4</v>
      </c>
      <c r="Y28134">
        <v>4</v>
      </c>
      <c r="Z28134">
        <v>4</v>
      </c>
      <c r="AA28134">
        <v>4</v>
      </c>
      <c r="AB28134">
        <v>4</v>
      </c>
      <c r="AC28134">
        <v>4</v>
      </c>
      <c r="AD28134">
        <v>4</v>
      </c>
      <c r="AE28134">
        <v>4</v>
      </c>
      <c r="AF28134">
        <v>4</v>
      </c>
      <c r="AG28134">
        <v>4</v>
      </c>
      <c r="AH28134">
        <v>4</v>
      </c>
      <c r="AI28134">
        <v>4</v>
      </c>
      <c r="AJ28134">
        <v>4</v>
      </c>
      <c r="AK28134">
        <v>5</v>
      </c>
      <c r="AL28134">
        <v>5</v>
      </c>
      <c r="AM28134">
        <v>4</v>
      </c>
      <c r="AN28134">
        <v>4</v>
      </c>
      <c r="AO28134">
        <v>4</v>
      </c>
      <c r="AP28134">
        <v>4</v>
      </c>
      <c r="AQ28134">
        <v>4</v>
      </c>
    </row>
    <row r="28135" spans="1:43">
      <c r="A28135" t="s">
        <v>17409</v>
      </c>
      <c r="B28135" t="s">
        <v>17410</v>
      </c>
      <c r="C28135" t="s">
        <v>17405</v>
      </c>
      <c r="D28135" t="s">
        <v>17406</v>
      </c>
      <c r="E28135" t="s">
        <v>17265</v>
      </c>
      <c r="F28135" t="s">
        <v>17266</v>
      </c>
      <c r="G28135" t="s">
        <v>16559</v>
      </c>
      <c r="H28135" t="s">
        <v>16560</v>
      </c>
      <c r="I28135" s="2">
        <v>1</v>
      </c>
      <c r="J28135" s="2">
        <v>0</v>
      </c>
      <c r="K28135" s="2">
        <v>0</v>
      </c>
      <c r="L28135" t="s">
        <v>120</v>
      </c>
      <c r="M28135" t="s">
        <v>87</v>
      </c>
      <c r="N28135" t="s">
        <v>88</v>
      </c>
      <c r="O28135" t="s">
        <v>85</v>
      </c>
      <c r="P28135" t="s">
        <v>86</v>
      </c>
      <c r="Q28135">
        <v>4</v>
      </c>
      <c r="R28135">
        <v>4</v>
      </c>
      <c r="S28135">
        <v>4</v>
      </c>
      <c r="T28135">
        <v>4</v>
      </c>
      <c r="U28135">
        <v>4</v>
      </c>
      <c r="V28135">
        <v>4</v>
      </c>
      <c r="W28135">
        <v>4</v>
      </c>
      <c r="X28135">
        <v>4</v>
      </c>
      <c r="Y28135">
        <v>4</v>
      </c>
      <c r="Z28135">
        <v>4</v>
      </c>
      <c r="AA28135">
        <v>4</v>
      </c>
      <c r="AB28135">
        <v>4</v>
      </c>
      <c r="AC28135">
        <v>4</v>
      </c>
      <c r="AD28135">
        <v>4</v>
      </c>
      <c r="AE28135">
        <v>4</v>
      </c>
      <c r="AF28135">
        <v>4</v>
      </c>
      <c r="AG28135">
        <v>4</v>
      </c>
      <c r="AH28135">
        <v>4</v>
      </c>
      <c r="AI28135">
        <v>4</v>
      </c>
      <c r="AJ28135">
        <v>4</v>
      </c>
      <c r="AK28135">
        <v>4</v>
      </c>
      <c r="AL28135">
        <v>4</v>
      </c>
      <c r="AM28135">
        <v>4</v>
      </c>
      <c r="AN28135">
        <v>4</v>
      </c>
      <c r="AO28135">
        <v>4</v>
      </c>
      <c r="AP28135">
        <v>4</v>
      </c>
      <c r="AQ28135">
        <v>4</v>
      </c>
    </row>
    <row r="28136" spans="1:43">
      <c r="A28136" t="s">
        <v>17409</v>
      </c>
      <c r="B28136" t="s">
        <v>17410</v>
      </c>
      <c r="C28136" t="s">
        <v>17405</v>
      </c>
      <c r="D28136" t="s">
        <v>17406</v>
      </c>
      <c r="E28136" t="s">
        <v>17265</v>
      </c>
      <c r="F28136" t="s">
        <v>17266</v>
      </c>
      <c r="G28136" t="s">
        <v>16559</v>
      </c>
      <c r="H28136" t="s">
        <v>16560</v>
      </c>
      <c r="I28136" s="2">
        <v>1</v>
      </c>
      <c r="J28136" s="2">
        <v>0</v>
      </c>
      <c r="K28136" s="2">
        <v>0</v>
      </c>
      <c r="L28136" t="s">
        <v>120</v>
      </c>
      <c r="M28136" t="s">
        <v>89</v>
      </c>
      <c r="N28136" t="s">
        <v>90</v>
      </c>
      <c r="O28136" t="s">
        <v>85</v>
      </c>
      <c r="P28136" t="s">
        <v>86</v>
      </c>
      <c r="Q28136">
        <v>4</v>
      </c>
      <c r="R28136">
        <v>4</v>
      </c>
      <c r="S28136">
        <v>4</v>
      </c>
      <c r="T28136">
        <v>4</v>
      </c>
      <c r="U28136">
        <v>4</v>
      </c>
      <c r="V28136">
        <v>4</v>
      </c>
      <c r="W28136">
        <v>4</v>
      </c>
      <c r="X28136">
        <v>4</v>
      </c>
      <c r="Y28136">
        <v>5</v>
      </c>
      <c r="Z28136">
        <v>5</v>
      </c>
      <c r="AA28136">
        <v>5</v>
      </c>
      <c r="AB28136">
        <v>5</v>
      </c>
      <c r="AC28136">
        <v>5</v>
      </c>
      <c r="AD28136">
        <v>5</v>
      </c>
      <c r="AE28136">
        <v>5</v>
      </c>
      <c r="AF28136">
        <v>5</v>
      </c>
      <c r="AG28136">
        <v>5</v>
      </c>
      <c r="AH28136">
        <v>5</v>
      </c>
      <c r="AI28136">
        <v>5</v>
      </c>
      <c r="AJ28136">
        <v>5</v>
      </c>
      <c r="AK28136">
        <v>5</v>
      </c>
      <c r="AL28136">
        <v>5</v>
      </c>
      <c r="AM28136">
        <v>5</v>
      </c>
      <c r="AN28136">
        <v>5</v>
      </c>
      <c r="AO28136">
        <v>5</v>
      </c>
      <c r="AP28136">
        <v>4</v>
      </c>
      <c r="AQ28136">
        <v>4</v>
      </c>
    </row>
    <row r="28137" spans="1:43">
      <c r="A28137" t="s">
        <v>17409</v>
      </c>
      <c r="B28137" t="s">
        <v>17410</v>
      </c>
      <c r="C28137" t="s">
        <v>17405</v>
      </c>
      <c r="D28137" t="s">
        <v>17406</v>
      </c>
      <c r="E28137" t="s">
        <v>17265</v>
      </c>
      <c r="F28137" t="s">
        <v>17266</v>
      </c>
      <c r="G28137" t="s">
        <v>16559</v>
      </c>
      <c r="H28137" t="s">
        <v>16560</v>
      </c>
      <c r="I28137" s="2">
        <v>1</v>
      </c>
      <c r="J28137" s="2">
        <v>0</v>
      </c>
      <c r="K28137" s="2">
        <v>0</v>
      </c>
      <c r="L28137" t="s">
        <v>120</v>
      </c>
      <c r="M28137" t="s">
        <v>83</v>
      </c>
      <c r="N28137" t="s">
        <v>91</v>
      </c>
      <c r="O28137" t="s">
        <v>85</v>
      </c>
      <c r="P28137" t="s">
        <v>86</v>
      </c>
      <c r="Q28137">
        <v>4</v>
      </c>
      <c r="R28137">
        <v>4</v>
      </c>
      <c r="S28137">
        <v>4</v>
      </c>
      <c r="T28137">
        <v>4</v>
      </c>
      <c r="U28137">
        <v>4</v>
      </c>
      <c r="V28137">
        <v>4</v>
      </c>
      <c r="W28137">
        <v>4</v>
      </c>
      <c r="X28137">
        <v>4</v>
      </c>
      <c r="Y28137">
        <v>4</v>
      </c>
      <c r="Z28137">
        <v>4</v>
      </c>
      <c r="AA28137">
        <v>4</v>
      </c>
      <c r="AB28137">
        <v>4</v>
      </c>
      <c r="AC28137">
        <v>4</v>
      </c>
      <c r="AD28137">
        <v>4</v>
      </c>
      <c r="AE28137">
        <v>4</v>
      </c>
      <c r="AF28137">
        <v>4</v>
      </c>
      <c r="AG28137">
        <v>4</v>
      </c>
      <c r="AH28137">
        <v>4</v>
      </c>
      <c r="AI28137">
        <v>4</v>
      </c>
      <c r="AJ28137">
        <v>4</v>
      </c>
      <c r="AK28137">
        <v>5</v>
      </c>
      <c r="AL28137">
        <v>5</v>
      </c>
      <c r="AM28137">
        <v>4</v>
      </c>
      <c r="AN28137">
        <v>4</v>
      </c>
      <c r="AO28137">
        <v>4</v>
      </c>
      <c r="AP28137">
        <v>4</v>
      </c>
      <c r="AQ28137">
        <v>4</v>
      </c>
    </row>
    <row r="28138" spans="1:43">
      <c r="A28138" t="s">
        <v>17411</v>
      </c>
      <c r="B28138" t="s">
        <v>17412</v>
      </c>
      <c r="C28138" t="s">
        <v>17405</v>
      </c>
      <c r="D28138" t="s">
        <v>17406</v>
      </c>
      <c r="E28138" t="s">
        <v>17265</v>
      </c>
      <c r="F28138" t="s">
        <v>17266</v>
      </c>
      <c r="G28138" t="s">
        <v>16559</v>
      </c>
      <c r="H28138" t="s">
        <v>16560</v>
      </c>
      <c r="I28138" s="2">
        <v>1</v>
      </c>
      <c r="J28138" s="2">
        <v>0</v>
      </c>
      <c r="K28138" s="2">
        <v>0</v>
      </c>
      <c r="L28138" t="s">
        <v>120</v>
      </c>
      <c r="M28138" t="s">
        <v>83</v>
      </c>
      <c r="N28138" t="s">
        <v>84</v>
      </c>
      <c r="O28138" t="s">
        <v>85</v>
      </c>
      <c r="P28138" t="s">
        <v>86</v>
      </c>
      <c r="Q28138">
        <v>14</v>
      </c>
      <c r="R28138">
        <v>14</v>
      </c>
      <c r="S28138">
        <v>14</v>
      </c>
      <c r="T28138">
        <v>15</v>
      </c>
      <c r="U28138">
        <v>15</v>
      </c>
      <c r="V28138">
        <v>15</v>
      </c>
      <c r="W28138">
        <v>15</v>
      </c>
      <c r="X28138">
        <v>15</v>
      </c>
      <c r="Y28138">
        <v>15</v>
      </c>
      <c r="Z28138">
        <v>15</v>
      </c>
      <c r="AA28138">
        <v>15</v>
      </c>
      <c r="AB28138">
        <v>15</v>
      </c>
      <c r="AC28138">
        <v>15</v>
      </c>
      <c r="AD28138">
        <v>15</v>
      </c>
      <c r="AE28138">
        <v>15</v>
      </c>
      <c r="AF28138">
        <v>16</v>
      </c>
      <c r="AG28138">
        <v>16</v>
      </c>
      <c r="AH28138">
        <v>16</v>
      </c>
      <c r="AI28138">
        <v>16</v>
      </c>
      <c r="AJ28138">
        <v>16</v>
      </c>
      <c r="AK28138">
        <v>16</v>
      </c>
      <c r="AL28138">
        <v>16</v>
      </c>
      <c r="AM28138">
        <v>16</v>
      </c>
      <c r="AN28138">
        <v>16</v>
      </c>
      <c r="AO28138">
        <v>15</v>
      </c>
      <c r="AP28138">
        <v>15</v>
      </c>
      <c r="AQ28138">
        <v>15</v>
      </c>
    </row>
    <row r="28139" spans="1:43">
      <c r="A28139" t="s">
        <v>17411</v>
      </c>
      <c r="B28139" t="s">
        <v>17412</v>
      </c>
      <c r="C28139" t="s">
        <v>17405</v>
      </c>
      <c r="D28139" t="s">
        <v>17406</v>
      </c>
      <c r="E28139" t="s">
        <v>17265</v>
      </c>
      <c r="F28139" t="s">
        <v>17266</v>
      </c>
      <c r="G28139" t="s">
        <v>16559</v>
      </c>
      <c r="H28139" t="s">
        <v>16560</v>
      </c>
      <c r="I28139" s="2">
        <v>1</v>
      </c>
      <c r="J28139" s="2">
        <v>0</v>
      </c>
      <c r="K28139" s="2">
        <v>0</v>
      </c>
      <c r="L28139" t="s">
        <v>120</v>
      </c>
      <c r="M28139" t="s">
        <v>87</v>
      </c>
      <c r="N28139" t="s">
        <v>88</v>
      </c>
      <c r="O28139" t="s">
        <v>85</v>
      </c>
      <c r="P28139" t="s">
        <v>86</v>
      </c>
      <c r="Q28139">
        <v>14</v>
      </c>
      <c r="R28139">
        <v>14</v>
      </c>
      <c r="S28139">
        <v>14</v>
      </c>
      <c r="T28139">
        <v>14</v>
      </c>
      <c r="U28139">
        <v>14</v>
      </c>
      <c r="V28139">
        <v>14</v>
      </c>
      <c r="W28139">
        <v>14</v>
      </c>
      <c r="X28139">
        <v>14</v>
      </c>
      <c r="Y28139">
        <v>14</v>
      </c>
      <c r="Z28139">
        <v>14</v>
      </c>
      <c r="AA28139">
        <v>14</v>
      </c>
      <c r="AB28139">
        <v>14</v>
      </c>
      <c r="AC28139">
        <v>14</v>
      </c>
      <c r="AD28139">
        <v>14</v>
      </c>
      <c r="AE28139">
        <v>14</v>
      </c>
      <c r="AF28139">
        <v>14</v>
      </c>
      <c r="AG28139">
        <v>14</v>
      </c>
      <c r="AH28139">
        <v>14</v>
      </c>
      <c r="AI28139">
        <v>14</v>
      </c>
      <c r="AJ28139">
        <v>14</v>
      </c>
      <c r="AK28139">
        <v>14</v>
      </c>
      <c r="AL28139">
        <v>14</v>
      </c>
      <c r="AM28139">
        <v>13</v>
      </c>
      <c r="AN28139">
        <v>13</v>
      </c>
      <c r="AO28139">
        <v>13</v>
      </c>
      <c r="AP28139">
        <v>13</v>
      </c>
      <c r="AQ28139">
        <v>13</v>
      </c>
    </row>
    <row r="28140" spans="1:43">
      <c r="A28140" t="s">
        <v>17411</v>
      </c>
      <c r="B28140" t="s">
        <v>17412</v>
      </c>
      <c r="C28140" t="s">
        <v>17405</v>
      </c>
      <c r="D28140" t="s">
        <v>17406</v>
      </c>
      <c r="E28140" t="s">
        <v>17265</v>
      </c>
      <c r="F28140" t="s">
        <v>17266</v>
      </c>
      <c r="G28140" t="s">
        <v>16559</v>
      </c>
      <c r="H28140" t="s">
        <v>16560</v>
      </c>
      <c r="I28140" s="2">
        <v>1</v>
      </c>
      <c r="J28140" s="2">
        <v>0</v>
      </c>
      <c r="K28140" s="2">
        <v>0</v>
      </c>
      <c r="L28140" t="s">
        <v>120</v>
      </c>
      <c r="M28140" t="s">
        <v>89</v>
      </c>
      <c r="N28140" t="s">
        <v>90</v>
      </c>
      <c r="O28140" t="s">
        <v>85</v>
      </c>
      <c r="P28140" t="s">
        <v>86</v>
      </c>
      <c r="Q28140">
        <v>14</v>
      </c>
      <c r="R28140">
        <v>15</v>
      </c>
      <c r="S28140">
        <v>15</v>
      </c>
      <c r="T28140">
        <v>15</v>
      </c>
      <c r="U28140">
        <v>15</v>
      </c>
      <c r="V28140">
        <v>15</v>
      </c>
      <c r="W28140">
        <v>16</v>
      </c>
      <c r="X28140">
        <v>16</v>
      </c>
      <c r="Y28140">
        <v>16</v>
      </c>
      <c r="Z28140">
        <v>16</v>
      </c>
      <c r="AA28140">
        <v>16</v>
      </c>
      <c r="AB28140">
        <v>16</v>
      </c>
      <c r="AC28140">
        <v>16</v>
      </c>
      <c r="AD28140">
        <v>17</v>
      </c>
      <c r="AE28140">
        <v>17</v>
      </c>
      <c r="AF28140">
        <v>16</v>
      </c>
      <c r="AG28140">
        <v>16</v>
      </c>
      <c r="AH28140">
        <v>16</v>
      </c>
      <c r="AI28140">
        <v>16</v>
      </c>
      <c r="AJ28140">
        <v>16</v>
      </c>
      <c r="AK28140">
        <v>16</v>
      </c>
      <c r="AL28140">
        <v>16</v>
      </c>
      <c r="AM28140">
        <v>16</v>
      </c>
      <c r="AN28140">
        <v>16</v>
      </c>
      <c r="AO28140">
        <v>16</v>
      </c>
      <c r="AP28140">
        <v>16</v>
      </c>
      <c r="AQ28140">
        <v>15</v>
      </c>
    </row>
    <row r="28141" spans="1:43">
      <c r="A28141" t="s">
        <v>17411</v>
      </c>
      <c r="B28141" t="s">
        <v>17412</v>
      </c>
      <c r="C28141" t="s">
        <v>17405</v>
      </c>
      <c r="D28141" t="s">
        <v>17406</v>
      </c>
      <c r="E28141" t="s">
        <v>17265</v>
      </c>
      <c r="F28141" t="s">
        <v>17266</v>
      </c>
      <c r="G28141" t="s">
        <v>16559</v>
      </c>
      <c r="H28141" t="s">
        <v>16560</v>
      </c>
      <c r="I28141" s="2">
        <v>1</v>
      </c>
      <c r="J28141" s="2">
        <v>0</v>
      </c>
      <c r="K28141" s="2">
        <v>0</v>
      </c>
      <c r="L28141" t="s">
        <v>120</v>
      </c>
      <c r="M28141" t="s">
        <v>83</v>
      </c>
      <c r="N28141" t="s">
        <v>91</v>
      </c>
      <c r="O28141" t="s">
        <v>85</v>
      </c>
      <c r="P28141" t="s">
        <v>86</v>
      </c>
      <c r="Q28141">
        <v>14</v>
      </c>
      <c r="R28141">
        <v>14</v>
      </c>
      <c r="S28141">
        <v>14</v>
      </c>
      <c r="T28141">
        <v>15</v>
      </c>
      <c r="U28141">
        <v>15</v>
      </c>
      <c r="V28141">
        <v>15</v>
      </c>
      <c r="W28141">
        <v>15</v>
      </c>
      <c r="X28141">
        <v>15</v>
      </c>
      <c r="Y28141">
        <v>15</v>
      </c>
      <c r="Z28141">
        <v>15</v>
      </c>
      <c r="AA28141">
        <v>15</v>
      </c>
      <c r="AB28141">
        <v>15</v>
      </c>
      <c r="AC28141">
        <v>15</v>
      </c>
      <c r="AD28141">
        <v>15</v>
      </c>
      <c r="AE28141">
        <v>15</v>
      </c>
      <c r="AF28141">
        <v>16</v>
      </c>
      <c r="AG28141">
        <v>16</v>
      </c>
      <c r="AH28141">
        <v>16</v>
      </c>
      <c r="AI28141">
        <v>16</v>
      </c>
      <c r="AJ28141">
        <v>16</v>
      </c>
      <c r="AK28141">
        <v>16</v>
      </c>
      <c r="AL28141">
        <v>16</v>
      </c>
      <c r="AM28141">
        <v>16</v>
      </c>
      <c r="AN28141">
        <v>16</v>
      </c>
      <c r="AO28141">
        <v>15</v>
      </c>
      <c r="AP28141">
        <v>15</v>
      </c>
      <c r="AQ28141">
        <v>15</v>
      </c>
    </row>
    <row r="28142" spans="1:43">
      <c r="A28142" t="s">
        <v>17413</v>
      </c>
      <c r="B28142" t="s">
        <v>17414</v>
      </c>
      <c r="C28142" t="s">
        <v>17405</v>
      </c>
      <c r="D28142" t="s">
        <v>17406</v>
      </c>
      <c r="E28142" t="s">
        <v>17265</v>
      </c>
      <c r="F28142" t="s">
        <v>17266</v>
      </c>
      <c r="G28142" t="s">
        <v>16559</v>
      </c>
      <c r="H28142" t="s">
        <v>16560</v>
      </c>
      <c r="I28142" s="2">
        <v>1</v>
      </c>
      <c r="J28142" s="2">
        <v>0</v>
      </c>
      <c r="K28142" s="2">
        <v>0</v>
      </c>
      <c r="L28142" t="s">
        <v>120</v>
      </c>
      <c r="M28142" t="s">
        <v>83</v>
      </c>
      <c r="N28142" t="s">
        <v>84</v>
      </c>
      <c r="O28142" t="s">
        <v>85</v>
      </c>
      <c r="P28142" t="s">
        <v>86</v>
      </c>
      <c r="Q28142">
        <v>21</v>
      </c>
      <c r="R28142">
        <v>21</v>
      </c>
      <c r="S28142">
        <v>21</v>
      </c>
      <c r="T28142">
        <v>21</v>
      </c>
      <c r="U28142">
        <v>21</v>
      </c>
      <c r="V28142">
        <v>21</v>
      </c>
      <c r="W28142">
        <v>22</v>
      </c>
      <c r="X28142">
        <v>22</v>
      </c>
      <c r="Y28142">
        <v>22</v>
      </c>
      <c r="Z28142">
        <v>22</v>
      </c>
      <c r="AA28142">
        <v>22</v>
      </c>
      <c r="AB28142">
        <v>22</v>
      </c>
      <c r="AC28142">
        <v>22</v>
      </c>
      <c r="AD28142">
        <v>22</v>
      </c>
      <c r="AE28142">
        <v>22</v>
      </c>
      <c r="AF28142">
        <v>23</v>
      </c>
      <c r="AG28142">
        <v>23</v>
      </c>
      <c r="AH28142">
        <v>23</v>
      </c>
      <c r="AI28142">
        <v>23</v>
      </c>
      <c r="AJ28142">
        <v>23</v>
      </c>
      <c r="AK28142">
        <v>23</v>
      </c>
      <c r="AL28142">
        <v>23</v>
      </c>
      <c r="AM28142">
        <v>23</v>
      </c>
      <c r="AN28142">
        <v>23</v>
      </c>
      <c r="AO28142">
        <v>23</v>
      </c>
      <c r="AP28142">
        <v>23</v>
      </c>
      <c r="AQ28142">
        <v>22</v>
      </c>
    </row>
    <row r="28143" spans="1:43">
      <c r="A28143" t="s">
        <v>17413</v>
      </c>
      <c r="B28143" t="s">
        <v>17414</v>
      </c>
      <c r="C28143" t="s">
        <v>17405</v>
      </c>
      <c r="D28143" t="s">
        <v>17406</v>
      </c>
      <c r="E28143" t="s">
        <v>17265</v>
      </c>
      <c r="F28143" t="s">
        <v>17266</v>
      </c>
      <c r="G28143" t="s">
        <v>16559</v>
      </c>
      <c r="H28143" t="s">
        <v>16560</v>
      </c>
      <c r="I28143" s="2">
        <v>1</v>
      </c>
      <c r="J28143" s="2">
        <v>0</v>
      </c>
      <c r="K28143" s="2">
        <v>0</v>
      </c>
      <c r="L28143" t="s">
        <v>120</v>
      </c>
      <c r="M28143" t="s">
        <v>87</v>
      </c>
      <c r="N28143" t="s">
        <v>88</v>
      </c>
      <c r="O28143" t="s">
        <v>85</v>
      </c>
      <c r="P28143" t="s">
        <v>86</v>
      </c>
      <c r="Q28143">
        <v>21</v>
      </c>
      <c r="R28143">
        <v>21</v>
      </c>
      <c r="S28143">
        <v>21</v>
      </c>
      <c r="T28143">
        <v>21</v>
      </c>
      <c r="U28143">
        <v>21</v>
      </c>
      <c r="V28143">
        <v>21</v>
      </c>
      <c r="W28143">
        <v>21</v>
      </c>
      <c r="X28143">
        <v>21</v>
      </c>
      <c r="Y28143">
        <v>21</v>
      </c>
      <c r="Z28143">
        <v>21</v>
      </c>
      <c r="AA28143">
        <v>21</v>
      </c>
      <c r="AB28143">
        <v>21</v>
      </c>
      <c r="AC28143">
        <v>21</v>
      </c>
      <c r="AD28143">
        <v>21</v>
      </c>
      <c r="AE28143">
        <v>21</v>
      </c>
      <c r="AF28143">
        <v>21</v>
      </c>
      <c r="AG28143">
        <v>21</v>
      </c>
      <c r="AH28143">
        <v>21</v>
      </c>
      <c r="AI28143">
        <v>21</v>
      </c>
      <c r="AJ28143">
        <v>21</v>
      </c>
      <c r="AK28143">
        <v>21</v>
      </c>
      <c r="AL28143">
        <v>21</v>
      </c>
      <c r="AM28143">
        <v>21</v>
      </c>
      <c r="AN28143">
        <v>21</v>
      </c>
      <c r="AO28143">
        <v>21</v>
      </c>
      <c r="AP28143">
        <v>21</v>
      </c>
      <c r="AQ28143">
        <v>21</v>
      </c>
    </row>
    <row r="28144" spans="1:43">
      <c r="A28144" t="s">
        <v>17413</v>
      </c>
      <c r="B28144" t="s">
        <v>17414</v>
      </c>
      <c r="C28144" t="s">
        <v>17405</v>
      </c>
      <c r="D28144" t="s">
        <v>17406</v>
      </c>
      <c r="E28144" t="s">
        <v>17265</v>
      </c>
      <c r="F28144" t="s">
        <v>17266</v>
      </c>
      <c r="G28144" t="s">
        <v>16559</v>
      </c>
      <c r="H28144" t="s">
        <v>16560</v>
      </c>
      <c r="I28144" s="2">
        <v>1</v>
      </c>
      <c r="J28144" s="2">
        <v>0</v>
      </c>
      <c r="K28144" s="2">
        <v>0</v>
      </c>
      <c r="L28144" t="s">
        <v>120</v>
      </c>
      <c r="M28144" t="s">
        <v>89</v>
      </c>
      <c r="N28144" t="s">
        <v>90</v>
      </c>
      <c r="O28144" t="s">
        <v>85</v>
      </c>
      <c r="P28144" t="s">
        <v>86</v>
      </c>
      <c r="Q28144">
        <v>21</v>
      </c>
      <c r="R28144">
        <v>21</v>
      </c>
      <c r="S28144">
        <v>21</v>
      </c>
      <c r="T28144">
        <v>22</v>
      </c>
      <c r="U28144">
        <v>22</v>
      </c>
      <c r="V28144">
        <v>22</v>
      </c>
      <c r="W28144">
        <v>23</v>
      </c>
      <c r="X28144">
        <v>23</v>
      </c>
      <c r="Y28144">
        <v>23</v>
      </c>
      <c r="Z28144">
        <v>23</v>
      </c>
      <c r="AA28144">
        <v>23</v>
      </c>
      <c r="AB28144">
        <v>24</v>
      </c>
      <c r="AC28144">
        <v>24</v>
      </c>
      <c r="AD28144">
        <v>24</v>
      </c>
      <c r="AE28144">
        <v>24</v>
      </c>
      <c r="AF28144">
        <v>24</v>
      </c>
      <c r="AG28144">
        <v>24</v>
      </c>
      <c r="AH28144">
        <v>24</v>
      </c>
      <c r="AI28144">
        <v>24</v>
      </c>
      <c r="AJ28144">
        <v>24</v>
      </c>
      <c r="AK28144">
        <v>23</v>
      </c>
      <c r="AL28144">
        <v>23</v>
      </c>
      <c r="AM28144">
        <v>23</v>
      </c>
      <c r="AN28144">
        <v>23</v>
      </c>
      <c r="AO28144">
        <v>23</v>
      </c>
      <c r="AP28144">
        <v>23</v>
      </c>
      <c r="AQ28144">
        <v>23</v>
      </c>
    </row>
    <row r="28145" spans="1:43">
      <c r="A28145" t="s">
        <v>17413</v>
      </c>
      <c r="B28145" t="s">
        <v>17414</v>
      </c>
      <c r="C28145" t="s">
        <v>17405</v>
      </c>
      <c r="D28145" t="s">
        <v>17406</v>
      </c>
      <c r="E28145" t="s">
        <v>17265</v>
      </c>
      <c r="F28145" t="s">
        <v>17266</v>
      </c>
      <c r="G28145" t="s">
        <v>16559</v>
      </c>
      <c r="H28145" t="s">
        <v>16560</v>
      </c>
      <c r="I28145" s="2">
        <v>1</v>
      </c>
      <c r="J28145" s="2">
        <v>0</v>
      </c>
      <c r="K28145" s="2">
        <v>0</v>
      </c>
      <c r="L28145" t="s">
        <v>120</v>
      </c>
      <c r="M28145" t="s">
        <v>83</v>
      </c>
      <c r="N28145" t="s">
        <v>91</v>
      </c>
      <c r="O28145" t="s">
        <v>85</v>
      </c>
      <c r="P28145" t="s">
        <v>86</v>
      </c>
      <c r="Q28145">
        <v>21</v>
      </c>
      <c r="R28145">
        <v>21</v>
      </c>
      <c r="S28145">
        <v>21</v>
      </c>
      <c r="T28145">
        <v>21</v>
      </c>
      <c r="U28145">
        <v>21</v>
      </c>
      <c r="V28145">
        <v>21</v>
      </c>
      <c r="W28145">
        <v>22</v>
      </c>
      <c r="X28145">
        <v>22</v>
      </c>
      <c r="Y28145">
        <v>22</v>
      </c>
      <c r="Z28145">
        <v>22</v>
      </c>
      <c r="AA28145">
        <v>22</v>
      </c>
      <c r="AB28145">
        <v>22</v>
      </c>
      <c r="AC28145">
        <v>22</v>
      </c>
      <c r="AD28145">
        <v>22</v>
      </c>
      <c r="AE28145">
        <v>22</v>
      </c>
      <c r="AF28145">
        <v>23</v>
      </c>
      <c r="AG28145">
        <v>23</v>
      </c>
      <c r="AH28145">
        <v>23</v>
      </c>
      <c r="AI28145">
        <v>23</v>
      </c>
      <c r="AJ28145">
        <v>23</v>
      </c>
      <c r="AK28145">
        <v>23</v>
      </c>
      <c r="AL28145">
        <v>23</v>
      </c>
      <c r="AM28145">
        <v>23</v>
      </c>
      <c r="AN28145">
        <v>23</v>
      </c>
      <c r="AO28145">
        <v>23</v>
      </c>
      <c r="AP28145">
        <v>23</v>
      </c>
      <c r="AQ28145">
        <v>22</v>
      </c>
    </row>
    <row r="28146" spans="1:43">
      <c r="A28146" t="s">
        <v>17415</v>
      </c>
      <c r="B28146" t="s">
        <v>17416</v>
      </c>
      <c r="C28146" t="s">
        <v>17417</v>
      </c>
      <c r="D28146" t="s">
        <v>17418</v>
      </c>
      <c r="E28146" t="s">
        <v>17265</v>
      </c>
      <c r="F28146" t="s">
        <v>17266</v>
      </c>
      <c r="G28146" t="s">
        <v>16559</v>
      </c>
      <c r="H28146" t="s">
        <v>16560</v>
      </c>
      <c r="I28146" s="2">
        <v>1</v>
      </c>
      <c r="J28146" s="2">
        <v>0</v>
      </c>
      <c r="K28146" s="2">
        <v>0</v>
      </c>
      <c r="L28146" t="s">
        <v>120</v>
      </c>
      <c r="M28146" t="s">
        <v>83</v>
      </c>
      <c r="N28146" t="s">
        <v>84</v>
      </c>
      <c r="O28146" t="s">
        <v>85</v>
      </c>
      <c r="P28146" t="s">
        <v>86</v>
      </c>
      <c r="Q28146">
        <v>20</v>
      </c>
      <c r="R28146">
        <v>20</v>
      </c>
      <c r="S28146">
        <v>21</v>
      </c>
      <c r="T28146">
        <v>21</v>
      </c>
      <c r="U28146">
        <v>21</v>
      </c>
      <c r="V28146">
        <v>21</v>
      </c>
      <c r="W28146">
        <v>21</v>
      </c>
      <c r="X28146">
        <v>21</v>
      </c>
      <c r="Y28146">
        <v>21</v>
      </c>
      <c r="Z28146">
        <v>21</v>
      </c>
      <c r="AA28146">
        <v>22</v>
      </c>
      <c r="AB28146">
        <v>22</v>
      </c>
      <c r="AC28146">
        <v>22</v>
      </c>
      <c r="AD28146">
        <v>22</v>
      </c>
      <c r="AE28146">
        <v>22</v>
      </c>
      <c r="AF28146">
        <v>22</v>
      </c>
      <c r="AG28146">
        <v>22</v>
      </c>
      <c r="AH28146">
        <v>22</v>
      </c>
      <c r="AI28146">
        <v>22</v>
      </c>
      <c r="AJ28146">
        <v>22</v>
      </c>
      <c r="AK28146">
        <v>22</v>
      </c>
      <c r="AL28146">
        <v>22</v>
      </c>
      <c r="AM28146">
        <v>22</v>
      </c>
      <c r="AN28146">
        <v>22</v>
      </c>
      <c r="AO28146">
        <v>22</v>
      </c>
      <c r="AP28146">
        <v>22</v>
      </c>
      <c r="AQ28146">
        <v>22</v>
      </c>
    </row>
    <row r="28147" spans="1:43">
      <c r="A28147" t="s">
        <v>17415</v>
      </c>
      <c r="B28147" t="s">
        <v>17416</v>
      </c>
      <c r="C28147" t="s">
        <v>17417</v>
      </c>
      <c r="D28147" t="s">
        <v>17418</v>
      </c>
      <c r="E28147" t="s">
        <v>17265</v>
      </c>
      <c r="F28147" t="s">
        <v>17266</v>
      </c>
      <c r="G28147" t="s">
        <v>16559</v>
      </c>
      <c r="H28147" t="s">
        <v>16560</v>
      </c>
      <c r="I28147" s="2">
        <v>1</v>
      </c>
      <c r="J28147" s="2">
        <v>0</v>
      </c>
      <c r="K28147" s="2">
        <v>0</v>
      </c>
      <c r="L28147" t="s">
        <v>120</v>
      </c>
      <c r="M28147" t="s">
        <v>87</v>
      </c>
      <c r="N28147" t="s">
        <v>88</v>
      </c>
      <c r="O28147" t="s">
        <v>85</v>
      </c>
      <c r="P28147" t="s">
        <v>86</v>
      </c>
      <c r="Q28147">
        <v>20</v>
      </c>
      <c r="R28147">
        <v>20</v>
      </c>
      <c r="S28147">
        <v>20</v>
      </c>
      <c r="T28147">
        <v>20</v>
      </c>
      <c r="U28147">
        <v>20</v>
      </c>
      <c r="V28147">
        <v>20</v>
      </c>
      <c r="W28147">
        <v>20</v>
      </c>
      <c r="X28147">
        <v>20</v>
      </c>
      <c r="Y28147">
        <v>20</v>
      </c>
      <c r="Z28147">
        <v>20</v>
      </c>
      <c r="AA28147">
        <v>20</v>
      </c>
      <c r="AB28147">
        <v>20</v>
      </c>
      <c r="AC28147">
        <v>20</v>
      </c>
      <c r="AD28147">
        <v>20</v>
      </c>
      <c r="AE28147">
        <v>20</v>
      </c>
      <c r="AF28147">
        <v>20</v>
      </c>
      <c r="AG28147">
        <v>19</v>
      </c>
      <c r="AH28147">
        <v>19</v>
      </c>
      <c r="AI28147">
        <v>19</v>
      </c>
      <c r="AJ28147">
        <v>19</v>
      </c>
      <c r="AK28147">
        <v>19</v>
      </c>
      <c r="AL28147">
        <v>19</v>
      </c>
      <c r="AM28147">
        <v>19</v>
      </c>
      <c r="AN28147">
        <v>19</v>
      </c>
      <c r="AO28147">
        <v>19</v>
      </c>
      <c r="AP28147">
        <v>19</v>
      </c>
      <c r="AQ28147">
        <v>19</v>
      </c>
    </row>
    <row r="28148" spans="1:43">
      <c r="A28148" t="s">
        <v>17415</v>
      </c>
      <c r="B28148" t="s">
        <v>17416</v>
      </c>
      <c r="C28148" t="s">
        <v>17417</v>
      </c>
      <c r="D28148" t="s">
        <v>17418</v>
      </c>
      <c r="E28148" t="s">
        <v>17265</v>
      </c>
      <c r="F28148" t="s">
        <v>17266</v>
      </c>
      <c r="G28148" t="s">
        <v>16559</v>
      </c>
      <c r="H28148" t="s">
        <v>16560</v>
      </c>
      <c r="I28148" s="2">
        <v>1</v>
      </c>
      <c r="J28148" s="2">
        <v>0</v>
      </c>
      <c r="K28148" s="2">
        <v>0</v>
      </c>
      <c r="L28148" t="s">
        <v>120</v>
      </c>
      <c r="M28148" t="s">
        <v>89</v>
      </c>
      <c r="N28148" t="s">
        <v>90</v>
      </c>
      <c r="O28148" t="s">
        <v>85</v>
      </c>
      <c r="P28148" t="s">
        <v>86</v>
      </c>
      <c r="Q28148">
        <v>20</v>
      </c>
      <c r="R28148">
        <v>21</v>
      </c>
      <c r="S28148">
        <v>21</v>
      </c>
      <c r="T28148">
        <v>21</v>
      </c>
      <c r="U28148">
        <v>22</v>
      </c>
      <c r="V28148">
        <v>22</v>
      </c>
      <c r="W28148">
        <v>22</v>
      </c>
      <c r="X28148">
        <v>22</v>
      </c>
      <c r="Y28148">
        <v>23</v>
      </c>
      <c r="Z28148">
        <v>23</v>
      </c>
      <c r="AA28148">
        <v>23</v>
      </c>
      <c r="AB28148">
        <v>23</v>
      </c>
      <c r="AC28148">
        <v>23</v>
      </c>
      <c r="AD28148">
        <v>23</v>
      </c>
      <c r="AE28148">
        <v>24</v>
      </c>
      <c r="AF28148">
        <v>23</v>
      </c>
      <c r="AG28148">
        <v>23</v>
      </c>
      <c r="AH28148">
        <v>23</v>
      </c>
      <c r="AI28148">
        <v>23</v>
      </c>
      <c r="AJ28148">
        <v>23</v>
      </c>
      <c r="AK28148">
        <v>23</v>
      </c>
      <c r="AL28148">
        <v>23</v>
      </c>
      <c r="AM28148">
        <v>22</v>
      </c>
      <c r="AN28148">
        <v>22</v>
      </c>
      <c r="AO28148">
        <v>22</v>
      </c>
      <c r="AP28148">
        <v>22</v>
      </c>
      <c r="AQ28148">
        <v>22</v>
      </c>
    </row>
    <row r="28149" spans="1:43">
      <c r="A28149" t="s">
        <v>17415</v>
      </c>
      <c r="B28149" t="s">
        <v>17416</v>
      </c>
      <c r="C28149" t="s">
        <v>17417</v>
      </c>
      <c r="D28149" t="s">
        <v>17418</v>
      </c>
      <c r="E28149" t="s">
        <v>17265</v>
      </c>
      <c r="F28149" t="s">
        <v>17266</v>
      </c>
      <c r="G28149" t="s">
        <v>16559</v>
      </c>
      <c r="H28149" t="s">
        <v>16560</v>
      </c>
      <c r="I28149" s="2">
        <v>1</v>
      </c>
      <c r="J28149" s="2">
        <v>0</v>
      </c>
      <c r="K28149" s="2">
        <v>0</v>
      </c>
      <c r="L28149" t="s">
        <v>120</v>
      </c>
      <c r="M28149" t="s">
        <v>83</v>
      </c>
      <c r="N28149" t="s">
        <v>91</v>
      </c>
      <c r="O28149" t="s">
        <v>85</v>
      </c>
      <c r="P28149" t="s">
        <v>86</v>
      </c>
      <c r="Q28149">
        <v>20</v>
      </c>
      <c r="R28149">
        <v>20</v>
      </c>
      <c r="S28149">
        <v>21</v>
      </c>
      <c r="T28149">
        <v>21</v>
      </c>
      <c r="U28149">
        <v>21</v>
      </c>
      <c r="V28149">
        <v>21</v>
      </c>
      <c r="W28149">
        <v>21</v>
      </c>
      <c r="X28149">
        <v>21</v>
      </c>
      <c r="Y28149">
        <v>21</v>
      </c>
      <c r="Z28149">
        <v>21</v>
      </c>
      <c r="AA28149">
        <v>22</v>
      </c>
      <c r="AB28149">
        <v>22</v>
      </c>
      <c r="AC28149">
        <v>22</v>
      </c>
      <c r="AD28149">
        <v>22</v>
      </c>
      <c r="AE28149">
        <v>22</v>
      </c>
      <c r="AF28149">
        <v>22</v>
      </c>
      <c r="AG28149">
        <v>22</v>
      </c>
      <c r="AH28149">
        <v>22</v>
      </c>
      <c r="AI28149">
        <v>22</v>
      </c>
      <c r="AJ28149">
        <v>22</v>
      </c>
      <c r="AK28149">
        <v>22</v>
      </c>
      <c r="AL28149">
        <v>22</v>
      </c>
      <c r="AM28149">
        <v>22</v>
      </c>
      <c r="AN28149">
        <v>22</v>
      </c>
      <c r="AO28149">
        <v>22</v>
      </c>
      <c r="AP28149">
        <v>22</v>
      </c>
      <c r="AQ28149">
        <v>22</v>
      </c>
    </row>
    <row r="28150" spans="1:43">
      <c r="A28150" t="s">
        <v>17419</v>
      </c>
      <c r="B28150" t="s">
        <v>17420</v>
      </c>
      <c r="C28150" t="s">
        <v>17417</v>
      </c>
      <c r="D28150" t="s">
        <v>17418</v>
      </c>
      <c r="E28150" t="s">
        <v>17265</v>
      </c>
      <c r="F28150" t="s">
        <v>17266</v>
      </c>
      <c r="G28150" t="s">
        <v>16559</v>
      </c>
      <c r="H28150" t="s">
        <v>16560</v>
      </c>
      <c r="I28150" s="2">
        <v>1</v>
      </c>
      <c r="J28150" s="2">
        <v>0</v>
      </c>
      <c r="K28150" s="2">
        <v>0</v>
      </c>
      <c r="L28150" t="s">
        <v>120</v>
      </c>
      <c r="M28150" t="s">
        <v>83</v>
      </c>
      <c r="N28150" t="s">
        <v>84</v>
      </c>
      <c r="O28150" t="s">
        <v>85</v>
      </c>
      <c r="P28150" t="s">
        <v>86</v>
      </c>
      <c r="Q28150">
        <v>8</v>
      </c>
      <c r="R28150">
        <v>8</v>
      </c>
      <c r="S28150">
        <v>8</v>
      </c>
      <c r="T28150">
        <v>8</v>
      </c>
      <c r="U28150">
        <v>8</v>
      </c>
      <c r="V28150">
        <v>9</v>
      </c>
      <c r="W28150">
        <v>9</v>
      </c>
      <c r="X28150">
        <v>9</v>
      </c>
      <c r="Y28150">
        <v>9</v>
      </c>
      <c r="Z28150">
        <v>9</v>
      </c>
      <c r="AA28150">
        <v>9</v>
      </c>
      <c r="AB28150">
        <v>9</v>
      </c>
      <c r="AC28150">
        <v>9</v>
      </c>
      <c r="AD28150">
        <v>9</v>
      </c>
      <c r="AE28150">
        <v>9</v>
      </c>
      <c r="AF28150">
        <v>9</v>
      </c>
      <c r="AG28150">
        <v>9</v>
      </c>
      <c r="AH28150">
        <v>9</v>
      </c>
      <c r="AI28150">
        <v>9</v>
      </c>
      <c r="AJ28150">
        <v>9</v>
      </c>
      <c r="AK28150">
        <v>9</v>
      </c>
      <c r="AL28150">
        <v>9</v>
      </c>
      <c r="AM28150">
        <v>9</v>
      </c>
      <c r="AN28150">
        <v>9</v>
      </c>
      <c r="AO28150">
        <v>9</v>
      </c>
      <c r="AP28150">
        <v>9</v>
      </c>
      <c r="AQ28150">
        <v>9</v>
      </c>
    </row>
    <row r="28151" spans="1:43">
      <c r="A28151" t="s">
        <v>17419</v>
      </c>
      <c r="B28151" t="s">
        <v>17420</v>
      </c>
      <c r="C28151" t="s">
        <v>17417</v>
      </c>
      <c r="D28151" t="s">
        <v>17418</v>
      </c>
      <c r="E28151" t="s">
        <v>17265</v>
      </c>
      <c r="F28151" t="s">
        <v>17266</v>
      </c>
      <c r="G28151" t="s">
        <v>16559</v>
      </c>
      <c r="H28151" t="s">
        <v>16560</v>
      </c>
      <c r="I28151" s="2">
        <v>1</v>
      </c>
      <c r="J28151" s="2">
        <v>0</v>
      </c>
      <c r="K28151" s="2">
        <v>0</v>
      </c>
      <c r="L28151" t="s">
        <v>120</v>
      </c>
      <c r="M28151" t="s">
        <v>87</v>
      </c>
      <c r="N28151" t="s">
        <v>88</v>
      </c>
      <c r="O28151" t="s">
        <v>85</v>
      </c>
      <c r="P28151" t="s">
        <v>86</v>
      </c>
      <c r="Q28151">
        <v>8</v>
      </c>
      <c r="R28151">
        <v>8</v>
      </c>
      <c r="S28151">
        <v>8</v>
      </c>
      <c r="T28151">
        <v>8</v>
      </c>
      <c r="U28151">
        <v>8</v>
      </c>
      <c r="V28151">
        <v>8</v>
      </c>
      <c r="W28151">
        <v>8</v>
      </c>
      <c r="X28151">
        <v>8</v>
      </c>
      <c r="Y28151">
        <v>8</v>
      </c>
      <c r="Z28151">
        <v>8</v>
      </c>
      <c r="AA28151">
        <v>8</v>
      </c>
      <c r="AB28151">
        <v>8</v>
      </c>
      <c r="AC28151">
        <v>8</v>
      </c>
      <c r="AD28151">
        <v>8</v>
      </c>
      <c r="AE28151">
        <v>8</v>
      </c>
      <c r="AF28151">
        <v>8</v>
      </c>
      <c r="AG28151">
        <v>8</v>
      </c>
      <c r="AH28151">
        <v>8</v>
      </c>
      <c r="AI28151">
        <v>8</v>
      </c>
      <c r="AJ28151">
        <v>8</v>
      </c>
      <c r="AK28151">
        <v>8</v>
      </c>
      <c r="AL28151">
        <v>8</v>
      </c>
      <c r="AM28151">
        <v>8</v>
      </c>
      <c r="AN28151">
        <v>8</v>
      </c>
      <c r="AO28151">
        <v>8</v>
      </c>
      <c r="AP28151">
        <v>8</v>
      </c>
      <c r="AQ28151">
        <v>8</v>
      </c>
    </row>
    <row r="28152" spans="1:43">
      <c r="A28152" t="s">
        <v>17419</v>
      </c>
      <c r="B28152" t="s">
        <v>17420</v>
      </c>
      <c r="C28152" t="s">
        <v>17417</v>
      </c>
      <c r="D28152" t="s">
        <v>17418</v>
      </c>
      <c r="E28152" t="s">
        <v>17265</v>
      </c>
      <c r="F28152" t="s">
        <v>17266</v>
      </c>
      <c r="G28152" t="s">
        <v>16559</v>
      </c>
      <c r="H28152" t="s">
        <v>16560</v>
      </c>
      <c r="I28152" s="2">
        <v>1</v>
      </c>
      <c r="J28152" s="2">
        <v>0</v>
      </c>
      <c r="K28152" s="2">
        <v>0</v>
      </c>
      <c r="L28152" t="s">
        <v>120</v>
      </c>
      <c r="M28152" t="s">
        <v>89</v>
      </c>
      <c r="N28152" t="s">
        <v>90</v>
      </c>
      <c r="O28152" t="s">
        <v>85</v>
      </c>
      <c r="P28152" t="s">
        <v>86</v>
      </c>
      <c r="Q28152">
        <v>8</v>
      </c>
      <c r="R28152">
        <v>8</v>
      </c>
      <c r="S28152">
        <v>9</v>
      </c>
      <c r="T28152">
        <v>9</v>
      </c>
      <c r="U28152">
        <v>9</v>
      </c>
      <c r="V28152">
        <v>9</v>
      </c>
      <c r="W28152">
        <v>9</v>
      </c>
      <c r="X28152">
        <v>9</v>
      </c>
      <c r="Y28152">
        <v>9</v>
      </c>
      <c r="Z28152">
        <v>9</v>
      </c>
      <c r="AA28152">
        <v>9</v>
      </c>
      <c r="AB28152">
        <v>9</v>
      </c>
      <c r="AC28152">
        <v>9</v>
      </c>
      <c r="AD28152">
        <v>10</v>
      </c>
      <c r="AE28152">
        <v>10</v>
      </c>
      <c r="AF28152">
        <v>10</v>
      </c>
      <c r="AG28152">
        <v>9</v>
      </c>
      <c r="AH28152">
        <v>9</v>
      </c>
      <c r="AI28152">
        <v>9</v>
      </c>
      <c r="AJ28152">
        <v>9</v>
      </c>
      <c r="AK28152">
        <v>9</v>
      </c>
      <c r="AL28152">
        <v>9</v>
      </c>
      <c r="AM28152">
        <v>9</v>
      </c>
      <c r="AN28152">
        <v>9</v>
      </c>
      <c r="AO28152">
        <v>9</v>
      </c>
      <c r="AP28152">
        <v>9</v>
      </c>
      <c r="AQ28152">
        <v>9</v>
      </c>
    </row>
    <row r="28153" spans="1:43">
      <c r="A28153" t="s">
        <v>17419</v>
      </c>
      <c r="B28153" t="s">
        <v>17420</v>
      </c>
      <c r="C28153" t="s">
        <v>17417</v>
      </c>
      <c r="D28153" t="s">
        <v>17418</v>
      </c>
      <c r="E28153" t="s">
        <v>17265</v>
      </c>
      <c r="F28153" t="s">
        <v>17266</v>
      </c>
      <c r="G28153" t="s">
        <v>16559</v>
      </c>
      <c r="H28153" t="s">
        <v>16560</v>
      </c>
      <c r="I28153" s="2">
        <v>1</v>
      </c>
      <c r="J28153" s="2">
        <v>0</v>
      </c>
      <c r="K28153" s="2">
        <v>0</v>
      </c>
      <c r="L28153" t="s">
        <v>120</v>
      </c>
      <c r="M28153" t="s">
        <v>83</v>
      </c>
      <c r="N28153" t="s">
        <v>91</v>
      </c>
      <c r="O28153" t="s">
        <v>85</v>
      </c>
      <c r="P28153" t="s">
        <v>86</v>
      </c>
      <c r="Q28153">
        <v>8</v>
      </c>
      <c r="R28153">
        <v>8</v>
      </c>
      <c r="S28153">
        <v>8</v>
      </c>
      <c r="T28153">
        <v>8</v>
      </c>
      <c r="U28153">
        <v>8</v>
      </c>
      <c r="V28153">
        <v>9</v>
      </c>
      <c r="W28153">
        <v>9</v>
      </c>
      <c r="X28153">
        <v>9</v>
      </c>
      <c r="Y28153">
        <v>9</v>
      </c>
      <c r="Z28153">
        <v>9</v>
      </c>
      <c r="AA28153">
        <v>9</v>
      </c>
      <c r="AB28153">
        <v>9</v>
      </c>
      <c r="AC28153">
        <v>9</v>
      </c>
      <c r="AD28153">
        <v>9</v>
      </c>
      <c r="AE28153">
        <v>9</v>
      </c>
      <c r="AF28153">
        <v>9</v>
      </c>
      <c r="AG28153">
        <v>9</v>
      </c>
      <c r="AH28153">
        <v>9</v>
      </c>
      <c r="AI28153">
        <v>9</v>
      </c>
      <c r="AJ28153">
        <v>9</v>
      </c>
      <c r="AK28153">
        <v>9</v>
      </c>
      <c r="AL28153">
        <v>9</v>
      </c>
      <c r="AM28153">
        <v>9</v>
      </c>
      <c r="AN28153">
        <v>9</v>
      </c>
      <c r="AO28153">
        <v>9</v>
      </c>
      <c r="AP28153">
        <v>9</v>
      </c>
      <c r="AQ28153">
        <v>9</v>
      </c>
    </row>
    <row r="28154" spans="1:43">
      <c r="A28154" t="s">
        <v>17421</v>
      </c>
      <c r="B28154" t="s">
        <v>17422</v>
      </c>
      <c r="C28154" t="s">
        <v>17417</v>
      </c>
      <c r="D28154" t="s">
        <v>17418</v>
      </c>
      <c r="E28154" t="s">
        <v>17265</v>
      </c>
      <c r="F28154" t="s">
        <v>17266</v>
      </c>
      <c r="G28154" t="s">
        <v>16559</v>
      </c>
      <c r="H28154" t="s">
        <v>16560</v>
      </c>
      <c r="I28154" s="2">
        <v>1</v>
      </c>
      <c r="J28154" s="2">
        <v>0</v>
      </c>
      <c r="K28154" s="2">
        <v>0</v>
      </c>
      <c r="L28154" t="s">
        <v>120</v>
      </c>
      <c r="M28154" t="s">
        <v>83</v>
      </c>
      <c r="N28154" t="s">
        <v>84</v>
      </c>
      <c r="O28154" t="s">
        <v>85</v>
      </c>
      <c r="P28154" t="s">
        <v>86</v>
      </c>
      <c r="Q28154">
        <v>10</v>
      </c>
      <c r="R28154">
        <v>10</v>
      </c>
      <c r="S28154">
        <v>10</v>
      </c>
      <c r="T28154">
        <v>10</v>
      </c>
      <c r="U28154">
        <v>11</v>
      </c>
      <c r="V28154">
        <v>11</v>
      </c>
      <c r="W28154">
        <v>11</v>
      </c>
      <c r="X28154">
        <v>11</v>
      </c>
      <c r="Y28154">
        <v>11</v>
      </c>
      <c r="Z28154">
        <v>11</v>
      </c>
      <c r="AA28154">
        <v>11</v>
      </c>
      <c r="AB28154">
        <v>11</v>
      </c>
      <c r="AC28154">
        <v>11</v>
      </c>
      <c r="AD28154">
        <v>11</v>
      </c>
      <c r="AE28154">
        <v>11</v>
      </c>
      <c r="AF28154">
        <v>11</v>
      </c>
      <c r="AG28154">
        <v>11</v>
      </c>
      <c r="AH28154">
        <v>11</v>
      </c>
      <c r="AI28154">
        <v>11</v>
      </c>
      <c r="AJ28154">
        <v>11</v>
      </c>
      <c r="AK28154">
        <v>11</v>
      </c>
      <c r="AL28154">
        <v>11</v>
      </c>
      <c r="AM28154">
        <v>11</v>
      </c>
      <c r="AN28154">
        <v>11</v>
      </c>
      <c r="AO28154">
        <v>11</v>
      </c>
      <c r="AP28154">
        <v>11</v>
      </c>
      <c r="AQ28154">
        <v>11</v>
      </c>
    </row>
    <row r="28155" spans="1:43">
      <c r="A28155" t="s">
        <v>17421</v>
      </c>
      <c r="B28155" t="s">
        <v>17422</v>
      </c>
      <c r="C28155" t="s">
        <v>17417</v>
      </c>
      <c r="D28155" t="s">
        <v>17418</v>
      </c>
      <c r="E28155" t="s">
        <v>17265</v>
      </c>
      <c r="F28155" t="s">
        <v>17266</v>
      </c>
      <c r="G28155" t="s">
        <v>16559</v>
      </c>
      <c r="H28155" t="s">
        <v>16560</v>
      </c>
      <c r="I28155" s="2">
        <v>1</v>
      </c>
      <c r="J28155" s="2">
        <v>0</v>
      </c>
      <c r="K28155" s="2">
        <v>0</v>
      </c>
      <c r="L28155" t="s">
        <v>120</v>
      </c>
      <c r="M28155" t="s">
        <v>87</v>
      </c>
      <c r="N28155" t="s">
        <v>88</v>
      </c>
      <c r="O28155" t="s">
        <v>85</v>
      </c>
      <c r="P28155" t="s">
        <v>86</v>
      </c>
      <c r="Q28155">
        <v>10</v>
      </c>
      <c r="R28155">
        <v>10</v>
      </c>
      <c r="S28155">
        <v>10</v>
      </c>
      <c r="T28155">
        <v>10</v>
      </c>
      <c r="U28155">
        <v>10</v>
      </c>
      <c r="V28155">
        <v>10</v>
      </c>
      <c r="W28155">
        <v>10</v>
      </c>
      <c r="X28155">
        <v>10</v>
      </c>
      <c r="Y28155">
        <v>10</v>
      </c>
      <c r="Z28155">
        <v>10</v>
      </c>
      <c r="AA28155">
        <v>10</v>
      </c>
      <c r="AB28155">
        <v>10</v>
      </c>
      <c r="AC28155">
        <v>10</v>
      </c>
      <c r="AD28155">
        <v>10</v>
      </c>
      <c r="AE28155">
        <v>10</v>
      </c>
      <c r="AF28155">
        <v>10</v>
      </c>
      <c r="AG28155">
        <v>10</v>
      </c>
      <c r="AH28155">
        <v>10</v>
      </c>
      <c r="AI28155">
        <v>10</v>
      </c>
      <c r="AJ28155">
        <v>10</v>
      </c>
      <c r="AK28155">
        <v>10</v>
      </c>
      <c r="AL28155">
        <v>10</v>
      </c>
      <c r="AM28155">
        <v>10</v>
      </c>
      <c r="AN28155">
        <v>10</v>
      </c>
      <c r="AO28155">
        <v>10</v>
      </c>
      <c r="AP28155">
        <v>10</v>
      </c>
      <c r="AQ28155">
        <v>10</v>
      </c>
    </row>
    <row r="28156" spans="1:43">
      <c r="A28156" t="s">
        <v>17421</v>
      </c>
      <c r="B28156" t="s">
        <v>17422</v>
      </c>
      <c r="C28156" t="s">
        <v>17417</v>
      </c>
      <c r="D28156" t="s">
        <v>17418</v>
      </c>
      <c r="E28156" t="s">
        <v>17265</v>
      </c>
      <c r="F28156" t="s">
        <v>17266</v>
      </c>
      <c r="G28156" t="s">
        <v>16559</v>
      </c>
      <c r="H28156" t="s">
        <v>16560</v>
      </c>
      <c r="I28156" s="2">
        <v>1</v>
      </c>
      <c r="J28156" s="2">
        <v>0</v>
      </c>
      <c r="K28156" s="2">
        <v>0</v>
      </c>
      <c r="L28156" t="s">
        <v>120</v>
      </c>
      <c r="M28156" t="s">
        <v>89</v>
      </c>
      <c r="N28156" t="s">
        <v>90</v>
      </c>
      <c r="O28156" t="s">
        <v>85</v>
      </c>
      <c r="P28156" t="s">
        <v>86</v>
      </c>
      <c r="Q28156">
        <v>10</v>
      </c>
      <c r="R28156">
        <v>10</v>
      </c>
      <c r="S28156">
        <v>11</v>
      </c>
      <c r="T28156">
        <v>11</v>
      </c>
      <c r="U28156">
        <v>11</v>
      </c>
      <c r="V28156">
        <v>11</v>
      </c>
      <c r="W28156">
        <v>11</v>
      </c>
      <c r="X28156">
        <v>11</v>
      </c>
      <c r="Y28156">
        <v>11</v>
      </c>
      <c r="Z28156">
        <v>11</v>
      </c>
      <c r="AA28156">
        <v>12</v>
      </c>
      <c r="AB28156">
        <v>12</v>
      </c>
      <c r="AC28156">
        <v>12</v>
      </c>
      <c r="AD28156">
        <v>12</v>
      </c>
      <c r="AE28156">
        <v>12</v>
      </c>
      <c r="AF28156">
        <v>12</v>
      </c>
      <c r="AG28156">
        <v>12</v>
      </c>
      <c r="AH28156">
        <v>12</v>
      </c>
      <c r="AI28156">
        <v>12</v>
      </c>
      <c r="AJ28156">
        <v>12</v>
      </c>
      <c r="AK28156">
        <v>11</v>
      </c>
      <c r="AL28156">
        <v>11</v>
      </c>
      <c r="AM28156">
        <v>11</v>
      </c>
      <c r="AN28156">
        <v>11</v>
      </c>
      <c r="AO28156">
        <v>11</v>
      </c>
      <c r="AP28156">
        <v>11</v>
      </c>
      <c r="AQ28156">
        <v>11</v>
      </c>
    </row>
    <row r="28157" spans="1:43">
      <c r="A28157" t="s">
        <v>17421</v>
      </c>
      <c r="B28157" t="s">
        <v>17422</v>
      </c>
      <c r="C28157" t="s">
        <v>17417</v>
      </c>
      <c r="D28157" t="s">
        <v>17418</v>
      </c>
      <c r="E28157" t="s">
        <v>17265</v>
      </c>
      <c r="F28157" t="s">
        <v>17266</v>
      </c>
      <c r="G28157" t="s">
        <v>16559</v>
      </c>
      <c r="H28157" t="s">
        <v>16560</v>
      </c>
      <c r="I28157" s="2">
        <v>1</v>
      </c>
      <c r="J28157" s="2">
        <v>0</v>
      </c>
      <c r="K28157" s="2">
        <v>0</v>
      </c>
      <c r="L28157" t="s">
        <v>120</v>
      </c>
      <c r="M28157" t="s">
        <v>83</v>
      </c>
      <c r="N28157" t="s">
        <v>91</v>
      </c>
      <c r="O28157" t="s">
        <v>85</v>
      </c>
      <c r="P28157" t="s">
        <v>86</v>
      </c>
      <c r="Q28157">
        <v>10</v>
      </c>
      <c r="R28157">
        <v>10</v>
      </c>
      <c r="S28157">
        <v>10</v>
      </c>
      <c r="T28157">
        <v>10</v>
      </c>
      <c r="U28157">
        <v>11</v>
      </c>
      <c r="V28157">
        <v>11</v>
      </c>
      <c r="W28157">
        <v>11</v>
      </c>
      <c r="X28157">
        <v>11</v>
      </c>
      <c r="Y28157">
        <v>11</v>
      </c>
      <c r="Z28157">
        <v>11</v>
      </c>
      <c r="AA28157">
        <v>11</v>
      </c>
      <c r="AB28157">
        <v>11</v>
      </c>
      <c r="AC28157">
        <v>11</v>
      </c>
      <c r="AD28157">
        <v>11</v>
      </c>
      <c r="AE28157">
        <v>11</v>
      </c>
      <c r="AF28157">
        <v>11</v>
      </c>
      <c r="AG28157">
        <v>11</v>
      </c>
      <c r="AH28157">
        <v>11</v>
      </c>
      <c r="AI28157">
        <v>11</v>
      </c>
      <c r="AJ28157">
        <v>11</v>
      </c>
      <c r="AK28157">
        <v>11</v>
      </c>
      <c r="AL28157">
        <v>11</v>
      </c>
      <c r="AM28157">
        <v>11</v>
      </c>
      <c r="AN28157">
        <v>11</v>
      </c>
      <c r="AO28157">
        <v>11</v>
      </c>
      <c r="AP28157">
        <v>11</v>
      </c>
      <c r="AQ28157">
        <v>11</v>
      </c>
    </row>
    <row r="28158" spans="1:43">
      <c r="A28158" t="s">
        <v>17423</v>
      </c>
      <c r="B28158" t="s">
        <v>17424</v>
      </c>
      <c r="C28158" t="s">
        <v>17417</v>
      </c>
      <c r="D28158" t="s">
        <v>17418</v>
      </c>
      <c r="E28158" t="s">
        <v>17265</v>
      </c>
      <c r="F28158" t="s">
        <v>17266</v>
      </c>
      <c r="G28158" t="s">
        <v>16559</v>
      </c>
      <c r="H28158" t="s">
        <v>16560</v>
      </c>
      <c r="I28158" s="2">
        <v>1</v>
      </c>
      <c r="J28158" s="2">
        <v>0</v>
      </c>
      <c r="K28158" s="2">
        <v>0</v>
      </c>
      <c r="L28158" t="s">
        <v>120</v>
      </c>
      <c r="M28158" t="s">
        <v>83</v>
      </c>
      <c r="N28158" t="s">
        <v>84</v>
      </c>
      <c r="O28158" t="s">
        <v>85</v>
      </c>
      <c r="P28158" t="s">
        <v>86</v>
      </c>
      <c r="Q28158">
        <v>5</v>
      </c>
      <c r="R28158">
        <v>6</v>
      </c>
      <c r="S28158">
        <v>6</v>
      </c>
      <c r="T28158">
        <v>6</v>
      </c>
      <c r="U28158">
        <v>6</v>
      </c>
      <c r="V28158">
        <v>6</v>
      </c>
      <c r="W28158">
        <v>6</v>
      </c>
      <c r="X28158">
        <v>6</v>
      </c>
      <c r="Y28158">
        <v>6</v>
      </c>
      <c r="Z28158">
        <v>6</v>
      </c>
      <c r="AA28158">
        <v>6</v>
      </c>
      <c r="AB28158">
        <v>6</v>
      </c>
      <c r="AC28158">
        <v>6</v>
      </c>
      <c r="AD28158">
        <v>6</v>
      </c>
      <c r="AE28158">
        <v>6</v>
      </c>
      <c r="AF28158">
        <v>6</v>
      </c>
      <c r="AG28158">
        <v>6</v>
      </c>
      <c r="AH28158">
        <v>6</v>
      </c>
      <c r="AI28158">
        <v>6</v>
      </c>
      <c r="AJ28158">
        <v>6</v>
      </c>
      <c r="AK28158">
        <v>6</v>
      </c>
      <c r="AL28158">
        <v>6</v>
      </c>
      <c r="AM28158">
        <v>6</v>
      </c>
      <c r="AN28158">
        <v>6</v>
      </c>
      <c r="AO28158">
        <v>6</v>
      </c>
      <c r="AP28158">
        <v>6</v>
      </c>
      <c r="AQ28158">
        <v>6</v>
      </c>
    </row>
    <row r="28159" spans="1:43">
      <c r="A28159" t="s">
        <v>17423</v>
      </c>
      <c r="B28159" t="s">
        <v>17424</v>
      </c>
      <c r="C28159" t="s">
        <v>17417</v>
      </c>
      <c r="D28159" t="s">
        <v>17418</v>
      </c>
      <c r="E28159" t="s">
        <v>17265</v>
      </c>
      <c r="F28159" t="s">
        <v>17266</v>
      </c>
      <c r="G28159" t="s">
        <v>16559</v>
      </c>
      <c r="H28159" t="s">
        <v>16560</v>
      </c>
      <c r="I28159" s="2">
        <v>1</v>
      </c>
      <c r="J28159" s="2">
        <v>0</v>
      </c>
      <c r="K28159" s="2">
        <v>0</v>
      </c>
      <c r="L28159" t="s">
        <v>120</v>
      </c>
      <c r="M28159" t="s">
        <v>87</v>
      </c>
      <c r="N28159" t="s">
        <v>88</v>
      </c>
      <c r="O28159" t="s">
        <v>85</v>
      </c>
      <c r="P28159" t="s">
        <v>86</v>
      </c>
      <c r="Q28159">
        <v>5</v>
      </c>
      <c r="R28159">
        <v>5</v>
      </c>
      <c r="S28159">
        <v>5</v>
      </c>
      <c r="T28159">
        <v>5</v>
      </c>
      <c r="U28159">
        <v>5</v>
      </c>
      <c r="V28159">
        <v>5</v>
      </c>
      <c r="W28159">
        <v>5</v>
      </c>
      <c r="X28159">
        <v>5</v>
      </c>
      <c r="Y28159">
        <v>5</v>
      </c>
      <c r="Z28159">
        <v>5</v>
      </c>
      <c r="AA28159">
        <v>5</v>
      </c>
      <c r="AB28159">
        <v>5</v>
      </c>
      <c r="AC28159">
        <v>5</v>
      </c>
      <c r="AD28159">
        <v>5</v>
      </c>
      <c r="AE28159">
        <v>5</v>
      </c>
      <c r="AF28159">
        <v>5</v>
      </c>
      <c r="AG28159">
        <v>5</v>
      </c>
      <c r="AH28159">
        <v>5</v>
      </c>
      <c r="AI28159">
        <v>5</v>
      </c>
      <c r="AJ28159">
        <v>5</v>
      </c>
      <c r="AK28159">
        <v>5</v>
      </c>
      <c r="AL28159">
        <v>5</v>
      </c>
      <c r="AM28159">
        <v>5</v>
      </c>
      <c r="AN28159">
        <v>5</v>
      </c>
      <c r="AO28159">
        <v>5</v>
      </c>
      <c r="AP28159">
        <v>5</v>
      </c>
      <c r="AQ28159">
        <v>5</v>
      </c>
    </row>
    <row r="28160" spans="1:43">
      <c r="A28160" t="s">
        <v>17423</v>
      </c>
      <c r="B28160" t="s">
        <v>17424</v>
      </c>
      <c r="C28160" t="s">
        <v>17417</v>
      </c>
      <c r="D28160" t="s">
        <v>17418</v>
      </c>
      <c r="E28160" t="s">
        <v>17265</v>
      </c>
      <c r="F28160" t="s">
        <v>17266</v>
      </c>
      <c r="G28160" t="s">
        <v>16559</v>
      </c>
      <c r="H28160" t="s">
        <v>16560</v>
      </c>
      <c r="I28160" s="2">
        <v>1</v>
      </c>
      <c r="J28160" s="2">
        <v>0</v>
      </c>
      <c r="K28160" s="2">
        <v>0</v>
      </c>
      <c r="L28160" t="s">
        <v>120</v>
      </c>
      <c r="M28160" t="s">
        <v>89</v>
      </c>
      <c r="N28160" t="s">
        <v>90</v>
      </c>
      <c r="O28160" t="s">
        <v>85</v>
      </c>
      <c r="P28160" t="s">
        <v>86</v>
      </c>
      <c r="Q28160">
        <v>5</v>
      </c>
      <c r="R28160">
        <v>5</v>
      </c>
      <c r="S28160">
        <v>5</v>
      </c>
      <c r="T28160">
        <v>5</v>
      </c>
      <c r="U28160">
        <v>5</v>
      </c>
      <c r="V28160">
        <v>5</v>
      </c>
      <c r="W28160">
        <v>5</v>
      </c>
      <c r="X28160">
        <v>5</v>
      </c>
      <c r="Y28160">
        <v>5</v>
      </c>
      <c r="Z28160">
        <v>5</v>
      </c>
      <c r="AA28160">
        <v>5</v>
      </c>
      <c r="AB28160">
        <v>5</v>
      </c>
      <c r="AC28160">
        <v>5</v>
      </c>
      <c r="AD28160">
        <v>5</v>
      </c>
      <c r="AE28160">
        <v>5</v>
      </c>
      <c r="AF28160">
        <v>5</v>
      </c>
      <c r="AG28160">
        <v>5</v>
      </c>
      <c r="AH28160">
        <v>5</v>
      </c>
      <c r="AI28160">
        <v>5</v>
      </c>
      <c r="AJ28160">
        <v>5</v>
      </c>
      <c r="AK28160">
        <v>5</v>
      </c>
      <c r="AL28160">
        <v>5</v>
      </c>
      <c r="AM28160">
        <v>5</v>
      </c>
      <c r="AN28160">
        <v>5</v>
      </c>
      <c r="AO28160">
        <v>5</v>
      </c>
      <c r="AP28160">
        <v>5</v>
      </c>
      <c r="AQ28160">
        <v>5</v>
      </c>
    </row>
    <row r="28161" spans="1:43">
      <c r="A28161" t="s">
        <v>17423</v>
      </c>
      <c r="B28161" t="s">
        <v>17424</v>
      </c>
      <c r="C28161" t="s">
        <v>17417</v>
      </c>
      <c r="D28161" t="s">
        <v>17418</v>
      </c>
      <c r="E28161" t="s">
        <v>17265</v>
      </c>
      <c r="F28161" t="s">
        <v>17266</v>
      </c>
      <c r="G28161" t="s">
        <v>16559</v>
      </c>
      <c r="H28161" t="s">
        <v>16560</v>
      </c>
      <c r="I28161" s="2">
        <v>1</v>
      </c>
      <c r="J28161" s="2">
        <v>0</v>
      </c>
      <c r="K28161" s="2">
        <v>0</v>
      </c>
      <c r="L28161" t="s">
        <v>120</v>
      </c>
      <c r="M28161" t="s">
        <v>83</v>
      </c>
      <c r="N28161" t="s">
        <v>91</v>
      </c>
      <c r="O28161" t="s">
        <v>85</v>
      </c>
      <c r="P28161" t="s">
        <v>86</v>
      </c>
      <c r="Q28161">
        <v>5</v>
      </c>
      <c r="R28161">
        <v>6</v>
      </c>
      <c r="S28161">
        <v>6</v>
      </c>
      <c r="T28161">
        <v>6</v>
      </c>
      <c r="U28161">
        <v>6</v>
      </c>
      <c r="V28161">
        <v>6</v>
      </c>
      <c r="W28161">
        <v>6</v>
      </c>
      <c r="X28161">
        <v>6</v>
      </c>
      <c r="Y28161">
        <v>6</v>
      </c>
      <c r="Z28161">
        <v>6</v>
      </c>
      <c r="AA28161">
        <v>6</v>
      </c>
      <c r="AB28161">
        <v>6</v>
      </c>
      <c r="AC28161">
        <v>6</v>
      </c>
      <c r="AD28161">
        <v>6</v>
      </c>
      <c r="AE28161">
        <v>6</v>
      </c>
      <c r="AF28161">
        <v>6</v>
      </c>
      <c r="AG28161">
        <v>6</v>
      </c>
      <c r="AH28161">
        <v>6</v>
      </c>
      <c r="AI28161">
        <v>6</v>
      </c>
      <c r="AJ28161">
        <v>6</v>
      </c>
      <c r="AK28161">
        <v>6</v>
      </c>
      <c r="AL28161">
        <v>6</v>
      </c>
      <c r="AM28161">
        <v>6</v>
      </c>
      <c r="AN28161">
        <v>6</v>
      </c>
      <c r="AO28161">
        <v>6</v>
      </c>
      <c r="AP28161">
        <v>6</v>
      </c>
      <c r="AQ28161">
        <v>6</v>
      </c>
    </row>
    <row r="28162" spans="1:43">
      <c r="A28162" t="s">
        <v>17425</v>
      </c>
      <c r="B28162" t="s">
        <v>17426</v>
      </c>
      <c r="C28162" t="s">
        <v>17287</v>
      </c>
      <c r="D28162" t="s">
        <v>17288</v>
      </c>
      <c r="E28162" t="s">
        <v>17265</v>
      </c>
      <c r="F28162" t="s">
        <v>17266</v>
      </c>
      <c r="G28162" t="s">
        <v>16559</v>
      </c>
      <c r="H28162" t="s">
        <v>16560</v>
      </c>
      <c r="I28162" s="2">
        <v>1</v>
      </c>
      <c r="J28162" s="2">
        <v>0</v>
      </c>
      <c r="K28162" s="2">
        <v>0</v>
      </c>
      <c r="L28162" t="s">
        <v>120</v>
      </c>
      <c r="M28162" t="s">
        <v>83</v>
      </c>
      <c r="N28162" t="s">
        <v>84</v>
      </c>
      <c r="O28162" t="s">
        <v>85</v>
      </c>
      <c r="P28162" t="s">
        <v>86</v>
      </c>
      <c r="Q28162">
        <v>41</v>
      </c>
      <c r="R28162">
        <v>41</v>
      </c>
      <c r="S28162">
        <v>42</v>
      </c>
      <c r="T28162">
        <v>42</v>
      </c>
      <c r="U28162">
        <v>42</v>
      </c>
      <c r="V28162">
        <v>43</v>
      </c>
      <c r="W28162">
        <v>43</v>
      </c>
      <c r="X28162">
        <v>43</v>
      </c>
      <c r="Y28162">
        <v>43</v>
      </c>
      <c r="Z28162">
        <v>43</v>
      </c>
      <c r="AA28162">
        <v>44</v>
      </c>
      <c r="AB28162">
        <v>44</v>
      </c>
      <c r="AC28162">
        <v>44</v>
      </c>
      <c r="AD28162">
        <v>44</v>
      </c>
      <c r="AE28162">
        <v>44</v>
      </c>
      <c r="AF28162">
        <v>44</v>
      </c>
      <c r="AG28162">
        <v>45</v>
      </c>
      <c r="AH28162">
        <v>45</v>
      </c>
      <c r="AI28162">
        <v>45</v>
      </c>
      <c r="AJ28162">
        <v>45</v>
      </c>
      <c r="AK28162">
        <v>45</v>
      </c>
      <c r="AL28162">
        <v>45</v>
      </c>
      <c r="AM28162">
        <v>44</v>
      </c>
      <c r="AN28162">
        <v>44</v>
      </c>
      <c r="AO28162">
        <v>44</v>
      </c>
      <c r="AP28162">
        <v>43</v>
      </c>
      <c r="AQ28162">
        <v>43</v>
      </c>
    </row>
    <row r="28163" spans="1:43">
      <c r="A28163" t="s">
        <v>17425</v>
      </c>
      <c r="B28163" t="s">
        <v>17426</v>
      </c>
      <c r="C28163" t="s">
        <v>17287</v>
      </c>
      <c r="D28163" t="s">
        <v>17288</v>
      </c>
      <c r="E28163" t="s">
        <v>17265</v>
      </c>
      <c r="F28163" t="s">
        <v>17266</v>
      </c>
      <c r="G28163" t="s">
        <v>16559</v>
      </c>
      <c r="H28163" t="s">
        <v>16560</v>
      </c>
      <c r="I28163" s="2">
        <v>1</v>
      </c>
      <c r="J28163" s="2">
        <v>0</v>
      </c>
      <c r="K28163" s="2">
        <v>0</v>
      </c>
      <c r="L28163" t="s">
        <v>120</v>
      </c>
      <c r="M28163" t="s">
        <v>87</v>
      </c>
      <c r="N28163" t="s">
        <v>88</v>
      </c>
      <c r="O28163" t="s">
        <v>85</v>
      </c>
      <c r="P28163" t="s">
        <v>86</v>
      </c>
      <c r="Q28163">
        <v>41</v>
      </c>
      <c r="R28163">
        <v>41</v>
      </c>
      <c r="S28163">
        <v>41</v>
      </c>
      <c r="T28163">
        <v>40</v>
      </c>
      <c r="U28163">
        <v>40</v>
      </c>
      <c r="V28163">
        <v>40</v>
      </c>
      <c r="W28163">
        <v>40</v>
      </c>
      <c r="X28163">
        <v>40</v>
      </c>
      <c r="Y28163">
        <v>40</v>
      </c>
      <c r="Z28163">
        <v>40</v>
      </c>
      <c r="AA28163">
        <v>40</v>
      </c>
      <c r="AB28163">
        <v>40</v>
      </c>
      <c r="AC28163">
        <v>39</v>
      </c>
      <c r="AD28163">
        <v>39</v>
      </c>
      <c r="AE28163">
        <v>39</v>
      </c>
      <c r="AF28163">
        <v>39</v>
      </c>
      <c r="AG28163">
        <v>39</v>
      </c>
      <c r="AH28163">
        <v>39</v>
      </c>
      <c r="AI28163">
        <v>39</v>
      </c>
      <c r="AJ28163">
        <v>39</v>
      </c>
      <c r="AK28163">
        <v>38</v>
      </c>
      <c r="AL28163">
        <v>38</v>
      </c>
      <c r="AM28163">
        <v>38</v>
      </c>
      <c r="AN28163">
        <v>38</v>
      </c>
      <c r="AO28163">
        <v>38</v>
      </c>
      <c r="AP28163">
        <v>38</v>
      </c>
      <c r="AQ28163">
        <v>38</v>
      </c>
    </row>
    <row r="28164" spans="1:43">
      <c r="A28164" t="s">
        <v>17425</v>
      </c>
      <c r="B28164" t="s">
        <v>17426</v>
      </c>
      <c r="C28164" t="s">
        <v>17287</v>
      </c>
      <c r="D28164" t="s">
        <v>17288</v>
      </c>
      <c r="E28164" t="s">
        <v>17265</v>
      </c>
      <c r="F28164" t="s">
        <v>17266</v>
      </c>
      <c r="G28164" t="s">
        <v>16559</v>
      </c>
      <c r="H28164" t="s">
        <v>16560</v>
      </c>
      <c r="I28164" s="2">
        <v>1</v>
      </c>
      <c r="J28164" s="2">
        <v>0</v>
      </c>
      <c r="K28164" s="2">
        <v>0</v>
      </c>
      <c r="L28164" t="s">
        <v>120</v>
      </c>
      <c r="M28164" t="s">
        <v>89</v>
      </c>
      <c r="N28164" t="s">
        <v>90</v>
      </c>
      <c r="O28164" t="s">
        <v>85</v>
      </c>
      <c r="P28164" t="s">
        <v>86</v>
      </c>
      <c r="Q28164">
        <v>41</v>
      </c>
      <c r="R28164">
        <v>41</v>
      </c>
      <c r="S28164">
        <v>42</v>
      </c>
      <c r="T28164">
        <v>42</v>
      </c>
      <c r="U28164">
        <v>43</v>
      </c>
      <c r="V28164">
        <v>43</v>
      </c>
      <c r="W28164">
        <v>44</v>
      </c>
      <c r="X28164">
        <v>44</v>
      </c>
      <c r="Y28164">
        <v>45</v>
      </c>
      <c r="Z28164">
        <v>45</v>
      </c>
      <c r="AA28164">
        <v>45</v>
      </c>
      <c r="AB28164">
        <v>46</v>
      </c>
      <c r="AC28164">
        <v>46</v>
      </c>
      <c r="AD28164">
        <v>46</v>
      </c>
      <c r="AE28164">
        <v>46</v>
      </c>
      <c r="AF28164">
        <v>46</v>
      </c>
      <c r="AG28164">
        <v>46</v>
      </c>
      <c r="AH28164">
        <v>45</v>
      </c>
      <c r="AI28164">
        <v>45</v>
      </c>
      <c r="AJ28164">
        <v>45</v>
      </c>
      <c r="AK28164">
        <v>44</v>
      </c>
      <c r="AL28164">
        <v>44</v>
      </c>
      <c r="AM28164">
        <v>44</v>
      </c>
      <c r="AN28164">
        <v>43</v>
      </c>
      <c r="AO28164">
        <v>43</v>
      </c>
      <c r="AP28164">
        <v>43</v>
      </c>
      <c r="AQ28164">
        <v>42</v>
      </c>
    </row>
    <row r="28165" spans="1:43">
      <c r="A28165" t="s">
        <v>17425</v>
      </c>
      <c r="B28165" t="s">
        <v>17426</v>
      </c>
      <c r="C28165" t="s">
        <v>17287</v>
      </c>
      <c r="D28165" t="s">
        <v>17288</v>
      </c>
      <c r="E28165" t="s">
        <v>17265</v>
      </c>
      <c r="F28165" t="s">
        <v>17266</v>
      </c>
      <c r="G28165" t="s">
        <v>16559</v>
      </c>
      <c r="H28165" t="s">
        <v>16560</v>
      </c>
      <c r="I28165" s="2">
        <v>1</v>
      </c>
      <c r="J28165" s="2">
        <v>0</v>
      </c>
      <c r="K28165" s="2">
        <v>0</v>
      </c>
      <c r="L28165" t="s">
        <v>120</v>
      </c>
      <c r="M28165" t="s">
        <v>83</v>
      </c>
      <c r="N28165" t="s">
        <v>91</v>
      </c>
      <c r="O28165" t="s">
        <v>85</v>
      </c>
      <c r="P28165" t="s">
        <v>86</v>
      </c>
      <c r="Q28165">
        <v>41</v>
      </c>
      <c r="R28165">
        <v>41</v>
      </c>
      <c r="S28165">
        <v>42</v>
      </c>
      <c r="T28165">
        <v>42</v>
      </c>
      <c r="U28165">
        <v>42</v>
      </c>
      <c r="V28165">
        <v>43</v>
      </c>
      <c r="W28165">
        <v>43</v>
      </c>
      <c r="X28165">
        <v>43</v>
      </c>
      <c r="Y28165">
        <v>43</v>
      </c>
      <c r="Z28165">
        <v>43</v>
      </c>
      <c r="AA28165">
        <v>44</v>
      </c>
      <c r="AB28165">
        <v>44</v>
      </c>
      <c r="AC28165">
        <v>44</v>
      </c>
      <c r="AD28165">
        <v>44</v>
      </c>
      <c r="AE28165">
        <v>44</v>
      </c>
      <c r="AF28165">
        <v>44</v>
      </c>
      <c r="AG28165">
        <v>45</v>
      </c>
      <c r="AH28165">
        <v>45</v>
      </c>
      <c r="AI28165">
        <v>45</v>
      </c>
      <c r="AJ28165">
        <v>45</v>
      </c>
      <c r="AK28165">
        <v>45</v>
      </c>
      <c r="AL28165">
        <v>45</v>
      </c>
      <c r="AM28165">
        <v>44</v>
      </c>
      <c r="AN28165">
        <v>44</v>
      </c>
      <c r="AO28165">
        <v>44</v>
      </c>
      <c r="AP28165">
        <v>43</v>
      </c>
      <c r="AQ28165">
        <v>43</v>
      </c>
    </row>
    <row r="28166" spans="1:43">
      <c r="A28166" t="s">
        <v>17427</v>
      </c>
      <c r="B28166" t="s">
        <v>17428</v>
      </c>
      <c r="C28166" t="s">
        <v>17429</v>
      </c>
      <c r="D28166" t="s">
        <v>17430</v>
      </c>
      <c r="E28166" t="s">
        <v>17265</v>
      </c>
      <c r="F28166" t="s">
        <v>17266</v>
      </c>
      <c r="G28166" t="s">
        <v>16559</v>
      </c>
      <c r="H28166" t="s">
        <v>16560</v>
      </c>
      <c r="I28166" s="2">
        <v>1</v>
      </c>
      <c r="J28166" s="2">
        <v>0</v>
      </c>
      <c r="K28166" s="2">
        <v>0</v>
      </c>
      <c r="L28166" t="s">
        <v>120</v>
      </c>
      <c r="M28166" t="s">
        <v>83</v>
      </c>
      <c r="N28166" t="s">
        <v>84</v>
      </c>
      <c r="O28166" t="s">
        <v>85</v>
      </c>
      <c r="P28166" t="s">
        <v>86</v>
      </c>
      <c r="Q28166">
        <v>7</v>
      </c>
      <c r="R28166">
        <v>7</v>
      </c>
      <c r="S28166">
        <v>7</v>
      </c>
      <c r="T28166">
        <v>7</v>
      </c>
      <c r="U28166">
        <v>7</v>
      </c>
      <c r="V28166">
        <v>7</v>
      </c>
      <c r="W28166">
        <v>7</v>
      </c>
      <c r="X28166">
        <v>7</v>
      </c>
      <c r="Y28166">
        <v>7</v>
      </c>
      <c r="Z28166">
        <v>7</v>
      </c>
      <c r="AA28166">
        <v>7</v>
      </c>
      <c r="AB28166">
        <v>7</v>
      </c>
      <c r="AC28166">
        <v>7</v>
      </c>
      <c r="AD28166">
        <v>7</v>
      </c>
      <c r="AE28166">
        <v>7</v>
      </c>
      <c r="AF28166">
        <v>7</v>
      </c>
      <c r="AG28166">
        <v>7</v>
      </c>
      <c r="AH28166">
        <v>7</v>
      </c>
      <c r="AI28166">
        <v>7</v>
      </c>
      <c r="AJ28166">
        <v>7</v>
      </c>
      <c r="AK28166">
        <v>7</v>
      </c>
      <c r="AL28166">
        <v>7</v>
      </c>
      <c r="AM28166">
        <v>7</v>
      </c>
      <c r="AN28166">
        <v>7</v>
      </c>
      <c r="AO28166">
        <v>7</v>
      </c>
      <c r="AP28166">
        <v>7</v>
      </c>
      <c r="AQ28166">
        <v>7</v>
      </c>
    </row>
    <row r="28167" spans="1:43">
      <c r="A28167" t="s">
        <v>17427</v>
      </c>
      <c r="B28167" t="s">
        <v>17428</v>
      </c>
      <c r="C28167" t="s">
        <v>17429</v>
      </c>
      <c r="D28167" t="s">
        <v>17430</v>
      </c>
      <c r="E28167" t="s">
        <v>17265</v>
      </c>
      <c r="F28167" t="s">
        <v>17266</v>
      </c>
      <c r="G28167" t="s">
        <v>16559</v>
      </c>
      <c r="H28167" t="s">
        <v>16560</v>
      </c>
      <c r="I28167" s="2">
        <v>1</v>
      </c>
      <c r="J28167" s="2">
        <v>0</v>
      </c>
      <c r="K28167" s="2">
        <v>0</v>
      </c>
      <c r="L28167" t="s">
        <v>120</v>
      </c>
      <c r="M28167" t="s">
        <v>87</v>
      </c>
      <c r="N28167" t="s">
        <v>88</v>
      </c>
      <c r="O28167" t="s">
        <v>85</v>
      </c>
      <c r="P28167" t="s">
        <v>86</v>
      </c>
      <c r="Q28167">
        <v>7</v>
      </c>
      <c r="R28167">
        <v>7</v>
      </c>
      <c r="S28167">
        <v>7</v>
      </c>
      <c r="T28167">
        <v>7</v>
      </c>
      <c r="U28167">
        <v>7</v>
      </c>
      <c r="V28167">
        <v>7</v>
      </c>
      <c r="W28167">
        <v>7</v>
      </c>
      <c r="X28167">
        <v>7</v>
      </c>
      <c r="Y28167">
        <v>6</v>
      </c>
      <c r="Z28167">
        <v>6</v>
      </c>
      <c r="AA28167">
        <v>6</v>
      </c>
      <c r="AB28167">
        <v>6</v>
      </c>
      <c r="AC28167">
        <v>6</v>
      </c>
      <c r="AD28167">
        <v>6</v>
      </c>
      <c r="AE28167">
        <v>6</v>
      </c>
      <c r="AF28167">
        <v>6</v>
      </c>
      <c r="AG28167">
        <v>6</v>
      </c>
      <c r="AH28167">
        <v>6</v>
      </c>
      <c r="AI28167">
        <v>6</v>
      </c>
      <c r="AJ28167">
        <v>6</v>
      </c>
      <c r="AK28167">
        <v>6</v>
      </c>
      <c r="AL28167">
        <v>6</v>
      </c>
      <c r="AM28167">
        <v>6</v>
      </c>
      <c r="AN28167">
        <v>6</v>
      </c>
      <c r="AO28167">
        <v>6</v>
      </c>
      <c r="AP28167">
        <v>6</v>
      </c>
      <c r="AQ28167">
        <v>6</v>
      </c>
    </row>
    <row r="28168" spans="1:43">
      <c r="A28168" t="s">
        <v>17427</v>
      </c>
      <c r="B28168" t="s">
        <v>17428</v>
      </c>
      <c r="C28168" t="s">
        <v>17429</v>
      </c>
      <c r="D28168" t="s">
        <v>17430</v>
      </c>
      <c r="E28168" t="s">
        <v>17265</v>
      </c>
      <c r="F28168" t="s">
        <v>17266</v>
      </c>
      <c r="G28168" t="s">
        <v>16559</v>
      </c>
      <c r="H28168" t="s">
        <v>16560</v>
      </c>
      <c r="I28168" s="2">
        <v>1</v>
      </c>
      <c r="J28168" s="2">
        <v>0</v>
      </c>
      <c r="K28168" s="2">
        <v>0</v>
      </c>
      <c r="L28168" t="s">
        <v>120</v>
      </c>
      <c r="M28168" t="s">
        <v>89</v>
      </c>
      <c r="N28168" t="s">
        <v>90</v>
      </c>
      <c r="O28168" t="s">
        <v>85</v>
      </c>
      <c r="P28168" t="s">
        <v>86</v>
      </c>
      <c r="Q28168">
        <v>7</v>
      </c>
      <c r="R28168">
        <v>7</v>
      </c>
      <c r="S28168">
        <v>7</v>
      </c>
      <c r="T28168">
        <v>7</v>
      </c>
      <c r="U28168">
        <v>7</v>
      </c>
      <c r="V28168">
        <v>7</v>
      </c>
      <c r="W28168">
        <v>7</v>
      </c>
      <c r="X28168">
        <v>7</v>
      </c>
      <c r="Y28168">
        <v>7</v>
      </c>
      <c r="Z28168">
        <v>7</v>
      </c>
      <c r="AA28168">
        <v>8</v>
      </c>
      <c r="AB28168">
        <v>8</v>
      </c>
      <c r="AC28168">
        <v>8</v>
      </c>
      <c r="AD28168">
        <v>8</v>
      </c>
      <c r="AE28168">
        <v>8</v>
      </c>
      <c r="AF28168">
        <v>8</v>
      </c>
      <c r="AG28168">
        <v>8</v>
      </c>
      <c r="AH28168">
        <v>8</v>
      </c>
      <c r="AI28168">
        <v>8</v>
      </c>
      <c r="AJ28168">
        <v>8</v>
      </c>
      <c r="AK28168">
        <v>7</v>
      </c>
      <c r="AL28168">
        <v>7</v>
      </c>
      <c r="AM28168">
        <v>7</v>
      </c>
      <c r="AN28168">
        <v>7</v>
      </c>
      <c r="AO28168">
        <v>7</v>
      </c>
      <c r="AP28168">
        <v>7</v>
      </c>
      <c r="AQ28168">
        <v>7</v>
      </c>
    </row>
    <row r="28169" spans="1:43">
      <c r="A28169" t="s">
        <v>17427</v>
      </c>
      <c r="B28169" t="s">
        <v>17428</v>
      </c>
      <c r="C28169" t="s">
        <v>17429</v>
      </c>
      <c r="D28169" t="s">
        <v>17430</v>
      </c>
      <c r="E28169" t="s">
        <v>17265</v>
      </c>
      <c r="F28169" t="s">
        <v>17266</v>
      </c>
      <c r="G28169" t="s">
        <v>16559</v>
      </c>
      <c r="H28169" t="s">
        <v>16560</v>
      </c>
      <c r="I28169" s="2">
        <v>1</v>
      </c>
      <c r="J28169" s="2">
        <v>0</v>
      </c>
      <c r="K28169" s="2">
        <v>0</v>
      </c>
      <c r="L28169" t="s">
        <v>120</v>
      </c>
      <c r="M28169" t="s">
        <v>83</v>
      </c>
      <c r="N28169" t="s">
        <v>91</v>
      </c>
      <c r="O28169" t="s">
        <v>85</v>
      </c>
      <c r="P28169" t="s">
        <v>86</v>
      </c>
      <c r="Q28169">
        <v>7</v>
      </c>
      <c r="R28169">
        <v>7</v>
      </c>
      <c r="S28169">
        <v>7</v>
      </c>
      <c r="T28169">
        <v>7</v>
      </c>
      <c r="U28169">
        <v>7</v>
      </c>
      <c r="V28169">
        <v>7</v>
      </c>
      <c r="W28169">
        <v>7</v>
      </c>
      <c r="X28169">
        <v>7</v>
      </c>
      <c r="Y28169">
        <v>7</v>
      </c>
      <c r="Z28169">
        <v>7</v>
      </c>
      <c r="AA28169">
        <v>7</v>
      </c>
      <c r="AB28169">
        <v>7</v>
      </c>
      <c r="AC28169">
        <v>7</v>
      </c>
      <c r="AD28169">
        <v>7</v>
      </c>
      <c r="AE28169">
        <v>7</v>
      </c>
      <c r="AF28169">
        <v>7</v>
      </c>
      <c r="AG28169">
        <v>7</v>
      </c>
      <c r="AH28169">
        <v>7</v>
      </c>
      <c r="AI28169">
        <v>7</v>
      </c>
      <c r="AJ28169">
        <v>7</v>
      </c>
      <c r="AK28169">
        <v>7</v>
      </c>
      <c r="AL28169">
        <v>7</v>
      </c>
      <c r="AM28169">
        <v>7</v>
      </c>
      <c r="AN28169">
        <v>7</v>
      </c>
      <c r="AO28169">
        <v>7</v>
      </c>
      <c r="AP28169">
        <v>7</v>
      </c>
      <c r="AQ28169">
        <v>7</v>
      </c>
    </row>
    <row r="28170" spans="1:43">
      <c r="A28170" t="s">
        <v>17431</v>
      </c>
      <c r="B28170" t="s">
        <v>17432</v>
      </c>
      <c r="C28170" t="s">
        <v>17429</v>
      </c>
      <c r="D28170" t="s">
        <v>17430</v>
      </c>
      <c r="E28170" t="s">
        <v>17265</v>
      </c>
      <c r="F28170" t="s">
        <v>17266</v>
      </c>
      <c r="G28170" t="s">
        <v>16559</v>
      </c>
      <c r="H28170" t="s">
        <v>16560</v>
      </c>
      <c r="I28170" s="2">
        <v>1</v>
      </c>
      <c r="J28170" s="2">
        <v>0</v>
      </c>
      <c r="K28170" s="2">
        <v>0</v>
      </c>
      <c r="L28170" t="s">
        <v>120</v>
      </c>
      <c r="M28170" t="s">
        <v>83</v>
      </c>
      <c r="N28170" t="s">
        <v>84</v>
      </c>
      <c r="O28170" t="s">
        <v>85</v>
      </c>
      <c r="P28170" t="s">
        <v>86</v>
      </c>
      <c r="Q28170">
        <v>29</v>
      </c>
      <c r="R28170">
        <v>30</v>
      </c>
      <c r="S28170">
        <v>30</v>
      </c>
      <c r="T28170">
        <v>30</v>
      </c>
      <c r="U28170">
        <v>30</v>
      </c>
      <c r="V28170">
        <v>31</v>
      </c>
      <c r="W28170">
        <v>31</v>
      </c>
      <c r="X28170">
        <v>31</v>
      </c>
      <c r="Y28170">
        <v>31</v>
      </c>
      <c r="Z28170">
        <v>31</v>
      </c>
      <c r="AA28170">
        <v>31</v>
      </c>
      <c r="AB28170">
        <v>32</v>
      </c>
      <c r="AC28170">
        <v>32</v>
      </c>
      <c r="AD28170">
        <v>32</v>
      </c>
      <c r="AE28170">
        <v>32</v>
      </c>
      <c r="AF28170">
        <v>32</v>
      </c>
      <c r="AG28170">
        <v>32</v>
      </c>
      <c r="AH28170">
        <v>32</v>
      </c>
      <c r="AI28170">
        <v>32</v>
      </c>
      <c r="AJ28170">
        <v>33</v>
      </c>
      <c r="AK28170">
        <v>33</v>
      </c>
      <c r="AL28170">
        <v>33</v>
      </c>
      <c r="AM28170">
        <v>32</v>
      </c>
      <c r="AN28170">
        <v>32</v>
      </c>
      <c r="AO28170">
        <v>32</v>
      </c>
      <c r="AP28170">
        <v>32</v>
      </c>
      <c r="AQ28170">
        <v>32</v>
      </c>
    </row>
    <row r="28171" spans="1:43">
      <c r="A28171" t="s">
        <v>17431</v>
      </c>
      <c r="B28171" t="s">
        <v>17432</v>
      </c>
      <c r="C28171" t="s">
        <v>17429</v>
      </c>
      <c r="D28171" t="s">
        <v>17430</v>
      </c>
      <c r="E28171" t="s">
        <v>17265</v>
      </c>
      <c r="F28171" t="s">
        <v>17266</v>
      </c>
      <c r="G28171" t="s">
        <v>16559</v>
      </c>
      <c r="H28171" t="s">
        <v>16560</v>
      </c>
      <c r="I28171" s="2">
        <v>1</v>
      </c>
      <c r="J28171" s="2">
        <v>0</v>
      </c>
      <c r="K28171" s="2">
        <v>0</v>
      </c>
      <c r="L28171" t="s">
        <v>120</v>
      </c>
      <c r="M28171" t="s">
        <v>87</v>
      </c>
      <c r="N28171" t="s">
        <v>88</v>
      </c>
      <c r="O28171" t="s">
        <v>85</v>
      </c>
      <c r="P28171" t="s">
        <v>86</v>
      </c>
      <c r="Q28171">
        <v>29</v>
      </c>
      <c r="R28171">
        <v>29</v>
      </c>
      <c r="S28171">
        <v>29</v>
      </c>
      <c r="T28171">
        <v>29</v>
      </c>
      <c r="U28171">
        <v>29</v>
      </c>
      <c r="V28171">
        <v>29</v>
      </c>
      <c r="W28171">
        <v>29</v>
      </c>
      <c r="X28171">
        <v>29</v>
      </c>
      <c r="Y28171">
        <v>29</v>
      </c>
      <c r="Z28171">
        <v>29</v>
      </c>
      <c r="AA28171">
        <v>29</v>
      </c>
      <c r="AB28171">
        <v>29</v>
      </c>
      <c r="AC28171">
        <v>29</v>
      </c>
      <c r="AD28171">
        <v>28</v>
      </c>
      <c r="AE28171">
        <v>28</v>
      </c>
      <c r="AF28171">
        <v>28</v>
      </c>
      <c r="AG28171">
        <v>28</v>
      </c>
      <c r="AH28171">
        <v>28</v>
      </c>
      <c r="AI28171">
        <v>28</v>
      </c>
      <c r="AJ28171">
        <v>28</v>
      </c>
      <c r="AK28171">
        <v>28</v>
      </c>
      <c r="AL28171">
        <v>28</v>
      </c>
      <c r="AM28171">
        <v>28</v>
      </c>
      <c r="AN28171">
        <v>28</v>
      </c>
      <c r="AO28171">
        <v>28</v>
      </c>
      <c r="AP28171">
        <v>28</v>
      </c>
      <c r="AQ28171">
        <v>28</v>
      </c>
    </row>
    <row r="28172" spans="1:43">
      <c r="A28172" t="s">
        <v>17431</v>
      </c>
      <c r="B28172" t="s">
        <v>17432</v>
      </c>
      <c r="C28172" t="s">
        <v>17429</v>
      </c>
      <c r="D28172" t="s">
        <v>17430</v>
      </c>
      <c r="E28172" t="s">
        <v>17265</v>
      </c>
      <c r="F28172" t="s">
        <v>17266</v>
      </c>
      <c r="G28172" t="s">
        <v>16559</v>
      </c>
      <c r="H28172" t="s">
        <v>16560</v>
      </c>
      <c r="I28172" s="2">
        <v>1</v>
      </c>
      <c r="J28172" s="2">
        <v>0</v>
      </c>
      <c r="K28172" s="2">
        <v>0</v>
      </c>
      <c r="L28172" t="s">
        <v>120</v>
      </c>
      <c r="M28172" t="s">
        <v>89</v>
      </c>
      <c r="N28172" t="s">
        <v>90</v>
      </c>
      <c r="O28172" t="s">
        <v>85</v>
      </c>
      <c r="P28172" t="s">
        <v>86</v>
      </c>
      <c r="Q28172">
        <v>29</v>
      </c>
      <c r="R28172">
        <v>29</v>
      </c>
      <c r="S28172">
        <v>30</v>
      </c>
      <c r="T28172">
        <v>30</v>
      </c>
      <c r="U28172">
        <v>30</v>
      </c>
      <c r="V28172">
        <v>31</v>
      </c>
      <c r="W28172">
        <v>31</v>
      </c>
      <c r="X28172">
        <v>32</v>
      </c>
      <c r="Y28172">
        <v>32</v>
      </c>
      <c r="Z28172">
        <v>32</v>
      </c>
      <c r="AA28172">
        <v>32</v>
      </c>
      <c r="AB28172">
        <v>33</v>
      </c>
      <c r="AC28172">
        <v>33</v>
      </c>
      <c r="AD28172">
        <v>33</v>
      </c>
      <c r="AE28172">
        <v>33</v>
      </c>
      <c r="AF28172">
        <v>33</v>
      </c>
      <c r="AG28172">
        <v>33</v>
      </c>
      <c r="AH28172">
        <v>33</v>
      </c>
      <c r="AI28172">
        <v>32</v>
      </c>
      <c r="AJ28172">
        <v>32</v>
      </c>
      <c r="AK28172">
        <v>32</v>
      </c>
      <c r="AL28172">
        <v>32</v>
      </c>
      <c r="AM28172">
        <v>32</v>
      </c>
      <c r="AN28172">
        <v>31</v>
      </c>
      <c r="AO28172">
        <v>31</v>
      </c>
      <c r="AP28172">
        <v>31</v>
      </c>
      <c r="AQ28172">
        <v>31</v>
      </c>
    </row>
    <row r="28173" spans="1:43">
      <c r="A28173" t="s">
        <v>17431</v>
      </c>
      <c r="B28173" t="s">
        <v>17432</v>
      </c>
      <c r="C28173" t="s">
        <v>17429</v>
      </c>
      <c r="D28173" t="s">
        <v>17430</v>
      </c>
      <c r="E28173" t="s">
        <v>17265</v>
      </c>
      <c r="F28173" t="s">
        <v>17266</v>
      </c>
      <c r="G28173" t="s">
        <v>16559</v>
      </c>
      <c r="H28173" t="s">
        <v>16560</v>
      </c>
      <c r="I28173" s="2">
        <v>1</v>
      </c>
      <c r="J28173" s="2">
        <v>0</v>
      </c>
      <c r="K28173" s="2">
        <v>0</v>
      </c>
      <c r="L28173" t="s">
        <v>120</v>
      </c>
      <c r="M28173" t="s">
        <v>83</v>
      </c>
      <c r="N28173" t="s">
        <v>91</v>
      </c>
      <c r="O28173" t="s">
        <v>85</v>
      </c>
      <c r="P28173" t="s">
        <v>86</v>
      </c>
      <c r="Q28173">
        <v>29</v>
      </c>
      <c r="R28173">
        <v>30</v>
      </c>
      <c r="S28173">
        <v>30</v>
      </c>
      <c r="T28173">
        <v>30</v>
      </c>
      <c r="U28173">
        <v>30</v>
      </c>
      <c r="V28173">
        <v>31</v>
      </c>
      <c r="W28173">
        <v>31</v>
      </c>
      <c r="X28173">
        <v>31</v>
      </c>
      <c r="Y28173">
        <v>31</v>
      </c>
      <c r="Z28173">
        <v>31</v>
      </c>
      <c r="AA28173">
        <v>31</v>
      </c>
      <c r="AB28173">
        <v>32</v>
      </c>
      <c r="AC28173">
        <v>32</v>
      </c>
      <c r="AD28173">
        <v>32</v>
      </c>
      <c r="AE28173">
        <v>32</v>
      </c>
      <c r="AF28173">
        <v>32</v>
      </c>
      <c r="AG28173">
        <v>32</v>
      </c>
      <c r="AH28173">
        <v>32</v>
      </c>
      <c r="AI28173">
        <v>32</v>
      </c>
      <c r="AJ28173">
        <v>33</v>
      </c>
      <c r="AK28173">
        <v>33</v>
      </c>
      <c r="AL28173">
        <v>33</v>
      </c>
      <c r="AM28173">
        <v>32</v>
      </c>
      <c r="AN28173">
        <v>32</v>
      </c>
      <c r="AO28173">
        <v>32</v>
      </c>
      <c r="AP28173">
        <v>32</v>
      </c>
      <c r="AQ28173">
        <v>32</v>
      </c>
    </row>
    <row r="28174" spans="1:43">
      <c r="A28174" t="s">
        <v>17433</v>
      </c>
      <c r="B28174" t="s">
        <v>17434</v>
      </c>
      <c r="C28174" t="s">
        <v>17429</v>
      </c>
      <c r="D28174" t="s">
        <v>17430</v>
      </c>
      <c r="E28174" t="s">
        <v>17265</v>
      </c>
      <c r="F28174" t="s">
        <v>17266</v>
      </c>
      <c r="G28174" t="s">
        <v>16559</v>
      </c>
      <c r="H28174" t="s">
        <v>16560</v>
      </c>
      <c r="I28174" s="2">
        <v>1</v>
      </c>
      <c r="J28174" s="2">
        <v>0</v>
      </c>
      <c r="K28174" s="2">
        <v>0</v>
      </c>
      <c r="L28174" t="s">
        <v>120</v>
      </c>
      <c r="M28174" t="s">
        <v>83</v>
      </c>
      <c r="N28174" t="s">
        <v>84</v>
      </c>
      <c r="O28174" t="s">
        <v>85</v>
      </c>
      <c r="P28174" t="s">
        <v>86</v>
      </c>
      <c r="Q28174">
        <v>63</v>
      </c>
      <c r="R28174">
        <v>64</v>
      </c>
      <c r="S28174">
        <v>64</v>
      </c>
      <c r="T28174">
        <v>65</v>
      </c>
      <c r="U28174">
        <v>65</v>
      </c>
      <c r="V28174">
        <v>66</v>
      </c>
      <c r="W28174">
        <v>66</v>
      </c>
      <c r="X28174">
        <v>66</v>
      </c>
      <c r="Y28174">
        <v>67</v>
      </c>
      <c r="Z28174">
        <v>67</v>
      </c>
      <c r="AA28174">
        <v>67</v>
      </c>
      <c r="AB28174">
        <v>68</v>
      </c>
      <c r="AC28174">
        <v>68</v>
      </c>
      <c r="AD28174">
        <v>68</v>
      </c>
      <c r="AE28174">
        <v>69</v>
      </c>
      <c r="AF28174">
        <v>69</v>
      </c>
      <c r="AG28174">
        <v>69</v>
      </c>
      <c r="AH28174">
        <v>69</v>
      </c>
      <c r="AI28174">
        <v>70</v>
      </c>
      <c r="AJ28174">
        <v>70</v>
      </c>
      <c r="AK28174">
        <v>70</v>
      </c>
      <c r="AL28174">
        <v>70</v>
      </c>
      <c r="AM28174">
        <v>69</v>
      </c>
      <c r="AN28174">
        <v>69</v>
      </c>
      <c r="AO28174">
        <v>69</v>
      </c>
      <c r="AP28174">
        <v>68</v>
      </c>
      <c r="AQ28174">
        <v>68</v>
      </c>
    </row>
    <row r="28175" spans="1:43">
      <c r="A28175" t="s">
        <v>17433</v>
      </c>
      <c r="B28175" t="s">
        <v>17434</v>
      </c>
      <c r="C28175" t="s">
        <v>17429</v>
      </c>
      <c r="D28175" t="s">
        <v>17430</v>
      </c>
      <c r="E28175" t="s">
        <v>17265</v>
      </c>
      <c r="F28175" t="s">
        <v>17266</v>
      </c>
      <c r="G28175" t="s">
        <v>16559</v>
      </c>
      <c r="H28175" t="s">
        <v>16560</v>
      </c>
      <c r="I28175" s="2">
        <v>1</v>
      </c>
      <c r="J28175" s="2">
        <v>0</v>
      </c>
      <c r="K28175" s="2">
        <v>0</v>
      </c>
      <c r="L28175" t="s">
        <v>120</v>
      </c>
      <c r="M28175" t="s">
        <v>87</v>
      </c>
      <c r="N28175" t="s">
        <v>88</v>
      </c>
      <c r="O28175" t="s">
        <v>85</v>
      </c>
      <c r="P28175" t="s">
        <v>86</v>
      </c>
      <c r="Q28175">
        <v>63</v>
      </c>
      <c r="R28175">
        <v>63</v>
      </c>
      <c r="S28175">
        <v>62</v>
      </c>
      <c r="T28175">
        <v>62</v>
      </c>
      <c r="U28175">
        <v>62</v>
      </c>
      <c r="V28175">
        <v>62</v>
      </c>
      <c r="W28175">
        <v>62</v>
      </c>
      <c r="X28175">
        <v>62</v>
      </c>
      <c r="Y28175">
        <v>62</v>
      </c>
      <c r="Z28175">
        <v>62</v>
      </c>
      <c r="AA28175">
        <v>62</v>
      </c>
      <c r="AB28175">
        <v>61</v>
      </c>
      <c r="AC28175">
        <v>61</v>
      </c>
      <c r="AD28175">
        <v>61</v>
      </c>
      <c r="AE28175">
        <v>61</v>
      </c>
      <c r="AF28175">
        <v>61</v>
      </c>
      <c r="AG28175">
        <v>61</v>
      </c>
      <c r="AH28175">
        <v>61</v>
      </c>
      <c r="AI28175">
        <v>60</v>
      </c>
      <c r="AJ28175">
        <v>60</v>
      </c>
      <c r="AK28175">
        <v>60</v>
      </c>
      <c r="AL28175">
        <v>60</v>
      </c>
      <c r="AM28175">
        <v>60</v>
      </c>
      <c r="AN28175">
        <v>60</v>
      </c>
      <c r="AO28175">
        <v>60</v>
      </c>
      <c r="AP28175">
        <v>59</v>
      </c>
      <c r="AQ28175">
        <v>59</v>
      </c>
    </row>
    <row r="28176" spans="1:43">
      <c r="A28176" t="s">
        <v>17433</v>
      </c>
      <c r="B28176" t="s">
        <v>17434</v>
      </c>
      <c r="C28176" t="s">
        <v>17429</v>
      </c>
      <c r="D28176" t="s">
        <v>17430</v>
      </c>
      <c r="E28176" t="s">
        <v>17265</v>
      </c>
      <c r="F28176" t="s">
        <v>17266</v>
      </c>
      <c r="G28176" t="s">
        <v>16559</v>
      </c>
      <c r="H28176" t="s">
        <v>16560</v>
      </c>
      <c r="I28176" s="2">
        <v>1</v>
      </c>
      <c r="J28176" s="2">
        <v>0</v>
      </c>
      <c r="K28176" s="2">
        <v>0</v>
      </c>
      <c r="L28176" t="s">
        <v>120</v>
      </c>
      <c r="M28176" t="s">
        <v>89</v>
      </c>
      <c r="N28176" t="s">
        <v>90</v>
      </c>
      <c r="O28176" t="s">
        <v>85</v>
      </c>
      <c r="P28176" t="s">
        <v>86</v>
      </c>
      <c r="Q28176">
        <v>63</v>
      </c>
      <c r="R28176">
        <v>64</v>
      </c>
      <c r="S28176">
        <v>65</v>
      </c>
      <c r="T28176">
        <v>66</v>
      </c>
      <c r="U28176">
        <v>67</v>
      </c>
      <c r="V28176">
        <v>67</v>
      </c>
      <c r="W28176">
        <v>68</v>
      </c>
      <c r="X28176">
        <v>69</v>
      </c>
      <c r="Y28176">
        <v>70</v>
      </c>
      <c r="Z28176">
        <v>70</v>
      </c>
      <c r="AA28176">
        <v>71</v>
      </c>
      <c r="AB28176">
        <v>71</v>
      </c>
      <c r="AC28176">
        <v>72</v>
      </c>
      <c r="AD28176">
        <v>72</v>
      </c>
      <c r="AE28176">
        <v>72</v>
      </c>
      <c r="AF28176">
        <v>72</v>
      </c>
      <c r="AG28176">
        <v>72</v>
      </c>
      <c r="AH28176">
        <v>71</v>
      </c>
      <c r="AI28176">
        <v>71</v>
      </c>
      <c r="AJ28176">
        <v>70</v>
      </c>
      <c r="AK28176">
        <v>70</v>
      </c>
      <c r="AL28176">
        <v>70</v>
      </c>
      <c r="AM28176">
        <v>69</v>
      </c>
      <c r="AN28176">
        <v>69</v>
      </c>
      <c r="AO28176">
        <v>68</v>
      </c>
      <c r="AP28176">
        <v>68</v>
      </c>
      <c r="AQ28176">
        <v>68</v>
      </c>
    </row>
    <row r="28177" spans="1:43">
      <c r="A28177" t="s">
        <v>17433</v>
      </c>
      <c r="B28177" t="s">
        <v>17434</v>
      </c>
      <c r="C28177" t="s">
        <v>17429</v>
      </c>
      <c r="D28177" t="s">
        <v>17430</v>
      </c>
      <c r="E28177" t="s">
        <v>17265</v>
      </c>
      <c r="F28177" t="s">
        <v>17266</v>
      </c>
      <c r="G28177" t="s">
        <v>16559</v>
      </c>
      <c r="H28177" t="s">
        <v>16560</v>
      </c>
      <c r="I28177" s="2">
        <v>1</v>
      </c>
      <c r="J28177" s="2">
        <v>0</v>
      </c>
      <c r="K28177" s="2">
        <v>0</v>
      </c>
      <c r="L28177" t="s">
        <v>120</v>
      </c>
      <c r="M28177" t="s">
        <v>83</v>
      </c>
      <c r="N28177" t="s">
        <v>91</v>
      </c>
      <c r="O28177" t="s">
        <v>85</v>
      </c>
      <c r="P28177" t="s">
        <v>86</v>
      </c>
      <c r="Q28177">
        <v>63</v>
      </c>
      <c r="R28177">
        <v>64</v>
      </c>
      <c r="S28177">
        <v>64</v>
      </c>
      <c r="T28177">
        <v>65</v>
      </c>
      <c r="U28177">
        <v>65</v>
      </c>
      <c r="V28177">
        <v>66</v>
      </c>
      <c r="W28177">
        <v>66</v>
      </c>
      <c r="X28177">
        <v>66</v>
      </c>
      <c r="Y28177">
        <v>67</v>
      </c>
      <c r="Z28177">
        <v>67</v>
      </c>
      <c r="AA28177">
        <v>67</v>
      </c>
      <c r="AB28177">
        <v>68</v>
      </c>
      <c r="AC28177">
        <v>68</v>
      </c>
      <c r="AD28177">
        <v>68</v>
      </c>
      <c r="AE28177">
        <v>69</v>
      </c>
      <c r="AF28177">
        <v>69</v>
      </c>
      <c r="AG28177">
        <v>69</v>
      </c>
      <c r="AH28177">
        <v>69</v>
      </c>
      <c r="AI28177">
        <v>70</v>
      </c>
      <c r="AJ28177">
        <v>70</v>
      </c>
      <c r="AK28177">
        <v>70</v>
      </c>
      <c r="AL28177">
        <v>70</v>
      </c>
      <c r="AM28177">
        <v>69</v>
      </c>
      <c r="AN28177">
        <v>69</v>
      </c>
      <c r="AO28177">
        <v>69</v>
      </c>
      <c r="AP28177">
        <v>68</v>
      </c>
      <c r="AQ28177">
        <v>68</v>
      </c>
    </row>
    <row r="28178" spans="1:43">
      <c r="A28178" t="s">
        <v>17435</v>
      </c>
      <c r="B28178" t="s">
        <v>17436</v>
      </c>
      <c r="C28178" t="s">
        <v>17429</v>
      </c>
      <c r="D28178" t="s">
        <v>17430</v>
      </c>
      <c r="E28178" t="s">
        <v>17265</v>
      </c>
      <c r="F28178" t="s">
        <v>17266</v>
      </c>
      <c r="G28178" t="s">
        <v>16559</v>
      </c>
      <c r="H28178" t="s">
        <v>16560</v>
      </c>
      <c r="I28178" s="2">
        <v>1</v>
      </c>
      <c r="J28178" s="2">
        <v>0</v>
      </c>
      <c r="K28178" s="2">
        <v>0</v>
      </c>
      <c r="L28178" t="s">
        <v>120</v>
      </c>
      <c r="M28178" t="s">
        <v>83</v>
      </c>
      <c r="N28178" t="s">
        <v>84</v>
      </c>
      <c r="O28178" t="s">
        <v>85</v>
      </c>
      <c r="P28178" t="s">
        <v>86</v>
      </c>
      <c r="Q28178">
        <v>14</v>
      </c>
      <c r="R28178">
        <v>14</v>
      </c>
      <c r="S28178">
        <v>14</v>
      </c>
      <c r="T28178">
        <v>14</v>
      </c>
      <c r="U28178">
        <v>15</v>
      </c>
      <c r="V28178">
        <v>15</v>
      </c>
      <c r="W28178">
        <v>15</v>
      </c>
      <c r="X28178">
        <v>15</v>
      </c>
      <c r="Y28178">
        <v>15</v>
      </c>
      <c r="Z28178">
        <v>15</v>
      </c>
      <c r="AA28178">
        <v>15</v>
      </c>
      <c r="AB28178">
        <v>15</v>
      </c>
      <c r="AC28178">
        <v>15</v>
      </c>
      <c r="AD28178">
        <v>15</v>
      </c>
      <c r="AE28178">
        <v>15</v>
      </c>
      <c r="AF28178">
        <v>15</v>
      </c>
      <c r="AG28178">
        <v>16</v>
      </c>
      <c r="AH28178">
        <v>16</v>
      </c>
      <c r="AI28178">
        <v>16</v>
      </c>
      <c r="AJ28178">
        <v>16</v>
      </c>
      <c r="AK28178">
        <v>16</v>
      </c>
      <c r="AL28178">
        <v>16</v>
      </c>
      <c r="AM28178">
        <v>16</v>
      </c>
      <c r="AN28178">
        <v>16</v>
      </c>
      <c r="AO28178">
        <v>15</v>
      </c>
      <c r="AP28178">
        <v>15</v>
      </c>
      <c r="AQ28178">
        <v>15</v>
      </c>
    </row>
    <row r="28179" spans="1:43">
      <c r="A28179" t="s">
        <v>17435</v>
      </c>
      <c r="B28179" t="s">
        <v>17436</v>
      </c>
      <c r="C28179" t="s">
        <v>17429</v>
      </c>
      <c r="D28179" t="s">
        <v>17430</v>
      </c>
      <c r="E28179" t="s">
        <v>17265</v>
      </c>
      <c r="F28179" t="s">
        <v>17266</v>
      </c>
      <c r="G28179" t="s">
        <v>16559</v>
      </c>
      <c r="H28179" t="s">
        <v>16560</v>
      </c>
      <c r="I28179" s="2">
        <v>1</v>
      </c>
      <c r="J28179" s="2">
        <v>0</v>
      </c>
      <c r="K28179" s="2">
        <v>0</v>
      </c>
      <c r="L28179" t="s">
        <v>120</v>
      </c>
      <c r="M28179" t="s">
        <v>87</v>
      </c>
      <c r="N28179" t="s">
        <v>88</v>
      </c>
      <c r="O28179" t="s">
        <v>85</v>
      </c>
      <c r="P28179" t="s">
        <v>86</v>
      </c>
      <c r="Q28179">
        <v>14</v>
      </c>
      <c r="R28179">
        <v>14</v>
      </c>
      <c r="S28179">
        <v>14</v>
      </c>
      <c r="T28179">
        <v>14</v>
      </c>
      <c r="U28179">
        <v>14</v>
      </c>
      <c r="V28179">
        <v>14</v>
      </c>
      <c r="W28179">
        <v>14</v>
      </c>
      <c r="X28179">
        <v>14</v>
      </c>
      <c r="Y28179">
        <v>14</v>
      </c>
      <c r="Z28179">
        <v>14</v>
      </c>
      <c r="AA28179">
        <v>14</v>
      </c>
      <c r="AB28179">
        <v>14</v>
      </c>
      <c r="AC28179">
        <v>14</v>
      </c>
      <c r="AD28179">
        <v>14</v>
      </c>
      <c r="AE28179">
        <v>14</v>
      </c>
      <c r="AF28179">
        <v>14</v>
      </c>
      <c r="AG28179">
        <v>14</v>
      </c>
      <c r="AH28179">
        <v>14</v>
      </c>
      <c r="AI28179">
        <v>14</v>
      </c>
      <c r="AJ28179">
        <v>14</v>
      </c>
      <c r="AK28179">
        <v>14</v>
      </c>
      <c r="AL28179">
        <v>13</v>
      </c>
      <c r="AM28179">
        <v>13</v>
      </c>
      <c r="AN28179">
        <v>13</v>
      </c>
      <c r="AO28179">
        <v>13</v>
      </c>
      <c r="AP28179">
        <v>13</v>
      </c>
      <c r="AQ28179">
        <v>13</v>
      </c>
    </row>
    <row r="28180" spans="1:43">
      <c r="A28180" t="s">
        <v>17435</v>
      </c>
      <c r="B28180" t="s">
        <v>17436</v>
      </c>
      <c r="C28180" t="s">
        <v>17429</v>
      </c>
      <c r="D28180" t="s">
        <v>17430</v>
      </c>
      <c r="E28180" t="s">
        <v>17265</v>
      </c>
      <c r="F28180" t="s">
        <v>17266</v>
      </c>
      <c r="G28180" t="s">
        <v>16559</v>
      </c>
      <c r="H28180" t="s">
        <v>16560</v>
      </c>
      <c r="I28180" s="2">
        <v>1</v>
      </c>
      <c r="J28180" s="2">
        <v>0</v>
      </c>
      <c r="K28180" s="2">
        <v>0</v>
      </c>
      <c r="L28180" t="s">
        <v>120</v>
      </c>
      <c r="M28180" t="s">
        <v>89</v>
      </c>
      <c r="N28180" t="s">
        <v>90</v>
      </c>
      <c r="O28180" t="s">
        <v>85</v>
      </c>
      <c r="P28180" t="s">
        <v>86</v>
      </c>
      <c r="Q28180">
        <v>14</v>
      </c>
      <c r="R28180">
        <v>14</v>
      </c>
      <c r="S28180">
        <v>15</v>
      </c>
      <c r="T28180">
        <v>15</v>
      </c>
      <c r="U28180">
        <v>15</v>
      </c>
      <c r="V28180">
        <v>15</v>
      </c>
      <c r="W28180">
        <v>15</v>
      </c>
      <c r="X28180">
        <v>16</v>
      </c>
      <c r="Y28180">
        <v>16</v>
      </c>
      <c r="Z28180">
        <v>16</v>
      </c>
      <c r="AA28180">
        <v>16</v>
      </c>
      <c r="AB28180">
        <v>16</v>
      </c>
      <c r="AC28180">
        <v>16</v>
      </c>
      <c r="AD28180">
        <v>16</v>
      </c>
      <c r="AE28180">
        <v>16</v>
      </c>
      <c r="AF28180">
        <v>16</v>
      </c>
      <c r="AG28180">
        <v>16</v>
      </c>
      <c r="AH28180">
        <v>16</v>
      </c>
      <c r="AI28180">
        <v>16</v>
      </c>
      <c r="AJ28180">
        <v>16</v>
      </c>
      <c r="AK28180">
        <v>16</v>
      </c>
      <c r="AL28180">
        <v>16</v>
      </c>
      <c r="AM28180">
        <v>16</v>
      </c>
      <c r="AN28180">
        <v>16</v>
      </c>
      <c r="AO28180">
        <v>16</v>
      </c>
      <c r="AP28180">
        <v>15</v>
      </c>
      <c r="AQ28180">
        <v>15</v>
      </c>
    </row>
    <row r="28181" spans="1:43">
      <c r="A28181" t="s">
        <v>17435</v>
      </c>
      <c r="B28181" t="s">
        <v>17436</v>
      </c>
      <c r="C28181" t="s">
        <v>17429</v>
      </c>
      <c r="D28181" t="s">
        <v>17430</v>
      </c>
      <c r="E28181" t="s">
        <v>17265</v>
      </c>
      <c r="F28181" t="s">
        <v>17266</v>
      </c>
      <c r="G28181" t="s">
        <v>16559</v>
      </c>
      <c r="H28181" t="s">
        <v>16560</v>
      </c>
      <c r="I28181" s="2">
        <v>1</v>
      </c>
      <c r="J28181" s="2">
        <v>0</v>
      </c>
      <c r="K28181" s="2">
        <v>0</v>
      </c>
      <c r="L28181" t="s">
        <v>120</v>
      </c>
      <c r="M28181" t="s">
        <v>83</v>
      </c>
      <c r="N28181" t="s">
        <v>91</v>
      </c>
      <c r="O28181" t="s">
        <v>85</v>
      </c>
      <c r="P28181" t="s">
        <v>86</v>
      </c>
      <c r="Q28181">
        <v>14</v>
      </c>
      <c r="R28181">
        <v>14</v>
      </c>
      <c r="S28181">
        <v>14</v>
      </c>
      <c r="T28181">
        <v>14</v>
      </c>
      <c r="U28181">
        <v>15</v>
      </c>
      <c r="V28181">
        <v>15</v>
      </c>
      <c r="W28181">
        <v>15</v>
      </c>
      <c r="X28181">
        <v>15</v>
      </c>
      <c r="Y28181">
        <v>15</v>
      </c>
      <c r="Z28181">
        <v>15</v>
      </c>
      <c r="AA28181">
        <v>15</v>
      </c>
      <c r="AB28181">
        <v>15</v>
      </c>
      <c r="AC28181">
        <v>15</v>
      </c>
      <c r="AD28181">
        <v>15</v>
      </c>
      <c r="AE28181">
        <v>15</v>
      </c>
      <c r="AF28181">
        <v>15</v>
      </c>
      <c r="AG28181">
        <v>16</v>
      </c>
      <c r="AH28181">
        <v>16</v>
      </c>
      <c r="AI28181">
        <v>16</v>
      </c>
      <c r="AJ28181">
        <v>16</v>
      </c>
      <c r="AK28181">
        <v>16</v>
      </c>
      <c r="AL28181">
        <v>16</v>
      </c>
      <c r="AM28181">
        <v>16</v>
      </c>
      <c r="AN28181">
        <v>16</v>
      </c>
      <c r="AO28181">
        <v>15</v>
      </c>
      <c r="AP28181">
        <v>15</v>
      </c>
      <c r="AQ28181">
        <v>15</v>
      </c>
    </row>
    <row r="28182" spans="1:43">
      <c r="A28182" t="s">
        <v>17437</v>
      </c>
      <c r="B28182" t="s">
        <v>17438</v>
      </c>
      <c r="C28182" t="s">
        <v>17429</v>
      </c>
      <c r="D28182" t="s">
        <v>17430</v>
      </c>
      <c r="E28182" t="s">
        <v>17265</v>
      </c>
      <c r="F28182" t="s">
        <v>17266</v>
      </c>
      <c r="G28182" t="s">
        <v>16559</v>
      </c>
      <c r="H28182" t="s">
        <v>16560</v>
      </c>
      <c r="I28182" s="2">
        <v>1</v>
      </c>
      <c r="J28182" s="2">
        <v>0</v>
      </c>
      <c r="K28182" s="2">
        <v>0</v>
      </c>
      <c r="L28182" t="s">
        <v>120</v>
      </c>
      <c r="M28182" t="s">
        <v>83</v>
      </c>
      <c r="N28182" t="s">
        <v>84</v>
      </c>
      <c r="O28182" t="s">
        <v>85</v>
      </c>
      <c r="P28182" t="s">
        <v>86</v>
      </c>
      <c r="Q28182">
        <v>13</v>
      </c>
      <c r="R28182">
        <v>13</v>
      </c>
      <c r="S28182">
        <v>13</v>
      </c>
      <c r="T28182">
        <v>13</v>
      </c>
      <c r="U28182">
        <v>13</v>
      </c>
      <c r="V28182">
        <v>13</v>
      </c>
      <c r="W28182">
        <v>13</v>
      </c>
      <c r="X28182">
        <v>13</v>
      </c>
      <c r="Y28182">
        <v>13</v>
      </c>
      <c r="Z28182">
        <v>13</v>
      </c>
      <c r="AA28182">
        <v>13</v>
      </c>
      <c r="AB28182">
        <v>13</v>
      </c>
      <c r="AC28182">
        <v>14</v>
      </c>
      <c r="AD28182">
        <v>14</v>
      </c>
      <c r="AE28182">
        <v>14</v>
      </c>
      <c r="AF28182">
        <v>14</v>
      </c>
      <c r="AG28182">
        <v>14</v>
      </c>
      <c r="AH28182">
        <v>14</v>
      </c>
      <c r="AI28182">
        <v>14</v>
      </c>
      <c r="AJ28182">
        <v>14</v>
      </c>
      <c r="AK28182">
        <v>14</v>
      </c>
      <c r="AL28182">
        <v>14</v>
      </c>
      <c r="AM28182">
        <v>14</v>
      </c>
      <c r="AN28182">
        <v>14</v>
      </c>
      <c r="AO28182">
        <v>14</v>
      </c>
      <c r="AP28182">
        <v>14</v>
      </c>
      <c r="AQ28182">
        <v>14</v>
      </c>
    </row>
    <row r="28183" spans="1:43">
      <c r="A28183" t="s">
        <v>17437</v>
      </c>
      <c r="B28183" t="s">
        <v>17438</v>
      </c>
      <c r="C28183" t="s">
        <v>17429</v>
      </c>
      <c r="D28183" t="s">
        <v>17430</v>
      </c>
      <c r="E28183" t="s">
        <v>17265</v>
      </c>
      <c r="F28183" t="s">
        <v>17266</v>
      </c>
      <c r="G28183" t="s">
        <v>16559</v>
      </c>
      <c r="H28183" t="s">
        <v>16560</v>
      </c>
      <c r="I28183" s="2">
        <v>1</v>
      </c>
      <c r="J28183" s="2">
        <v>0</v>
      </c>
      <c r="K28183" s="2">
        <v>0</v>
      </c>
      <c r="L28183" t="s">
        <v>120</v>
      </c>
      <c r="M28183" t="s">
        <v>87</v>
      </c>
      <c r="N28183" t="s">
        <v>88</v>
      </c>
      <c r="O28183" t="s">
        <v>85</v>
      </c>
      <c r="P28183" t="s">
        <v>86</v>
      </c>
      <c r="Q28183">
        <v>13</v>
      </c>
      <c r="R28183">
        <v>13</v>
      </c>
      <c r="S28183">
        <v>13</v>
      </c>
      <c r="T28183">
        <v>13</v>
      </c>
      <c r="U28183">
        <v>13</v>
      </c>
      <c r="V28183">
        <v>13</v>
      </c>
      <c r="W28183">
        <v>13</v>
      </c>
      <c r="X28183">
        <v>13</v>
      </c>
      <c r="Y28183">
        <v>13</v>
      </c>
      <c r="Z28183">
        <v>13</v>
      </c>
      <c r="AA28183">
        <v>13</v>
      </c>
      <c r="AB28183">
        <v>13</v>
      </c>
      <c r="AC28183">
        <v>13</v>
      </c>
      <c r="AD28183">
        <v>13</v>
      </c>
      <c r="AE28183">
        <v>13</v>
      </c>
      <c r="AF28183">
        <v>13</v>
      </c>
      <c r="AG28183">
        <v>13</v>
      </c>
      <c r="AH28183">
        <v>13</v>
      </c>
      <c r="AI28183">
        <v>13</v>
      </c>
      <c r="AJ28183">
        <v>13</v>
      </c>
      <c r="AK28183">
        <v>13</v>
      </c>
      <c r="AL28183">
        <v>13</v>
      </c>
      <c r="AM28183">
        <v>13</v>
      </c>
      <c r="AN28183">
        <v>13</v>
      </c>
      <c r="AO28183">
        <v>13</v>
      </c>
      <c r="AP28183">
        <v>13</v>
      </c>
      <c r="AQ28183">
        <v>13</v>
      </c>
    </row>
    <row r="28184" spans="1:43">
      <c r="A28184" t="s">
        <v>17437</v>
      </c>
      <c r="B28184" t="s">
        <v>17438</v>
      </c>
      <c r="C28184" t="s">
        <v>17429</v>
      </c>
      <c r="D28184" t="s">
        <v>17430</v>
      </c>
      <c r="E28184" t="s">
        <v>17265</v>
      </c>
      <c r="F28184" t="s">
        <v>17266</v>
      </c>
      <c r="G28184" t="s">
        <v>16559</v>
      </c>
      <c r="H28184" t="s">
        <v>16560</v>
      </c>
      <c r="I28184" s="2">
        <v>1</v>
      </c>
      <c r="J28184" s="2">
        <v>0</v>
      </c>
      <c r="K28184" s="2">
        <v>0</v>
      </c>
      <c r="L28184" t="s">
        <v>120</v>
      </c>
      <c r="M28184" t="s">
        <v>89</v>
      </c>
      <c r="N28184" t="s">
        <v>90</v>
      </c>
      <c r="O28184" t="s">
        <v>85</v>
      </c>
      <c r="P28184" t="s">
        <v>86</v>
      </c>
      <c r="Q28184">
        <v>13</v>
      </c>
      <c r="R28184">
        <v>13</v>
      </c>
      <c r="S28184">
        <v>13</v>
      </c>
      <c r="T28184">
        <v>13</v>
      </c>
      <c r="U28184">
        <v>13</v>
      </c>
      <c r="V28184">
        <v>14</v>
      </c>
      <c r="W28184">
        <v>14</v>
      </c>
      <c r="X28184">
        <v>14</v>
      </c>
      <c r="Y28184">
        <v>14</v>
      </c>
      <c r="Z28184">
        <v>14</v>
      </c>
      <c r="AA28184">
        <v>14</v>
      </c>
      <c r="AB28184">
        <v>14</v>
      </c>
      <c r="AC28184">
        <v>14</v>
      </c>
      <c r="AD28184">
        <v>15</v>
      </c>
      <c r="AE28184">
        <v>15</v>
      </c>
      <c r="AF28184">
        <v>15</v>
      </c>
      <c r="AG28184">
        <v>14</v>
      </c>
      <c r="AH28184">
        <v>14</v>
      </c>
      <c r="AI28184">
        <v>14</v>
      </c>
      <c r="AJ28184">
        <v>14</v>
      </c>
      <c r="AK28184">
        <v>14</v>
      </c>
      <c r="AL28184">
        <v>14</v>
      </c>
      <c r="AM28184">
        <v>14</v>
      </c>
      <c r="AN28184">
        <v>14</v>
      </c>
      <c r="AO28184">
        <v>14</v>
      </c>
      <c r="AP28184">
        <v>14</v>
      </c>
      <c r="AQ28184">
        <v>14</v>
      </c>
    </row>
    <row r="28185" spans="1:43">
      <c r="A28185" t="s">
        <v>17437</v>
      </c>
      <c r="B28185" t="s">
        <v>17438</v>
      </c>
      <c r="C28185" t="s">
        <v>17429</v>
      </c>
      <c r="D28185" t="s">
        <v>17430</v>
      </c>
      <c r="E28185" t="s">
        <v>17265</v>
      </c>
      <c r="F28185" t="s">
        <v>17266</v>
      </c>
      <c r="G28185" t="s">
        <v>16559</v>
      </c>
      <c r="H28185" t="s">
        <v>16560</v>
      </c>
      <c r="I28185" s="2">
        <v>1</v>
      </c>
      <c r="J28185" s="2">
        <v>0</v>
      </c>
      <c r="K28185" s="2">
        <v>0</v>
      </c>
      <c r="L28185" t="s">
        <v>120</v>
      </c>
      <c r="M28185" t="s">
        <v>83</v>
      </c>
      <c r="N28185" t="s">
        <v>91</v>
      </c>
      <c r="O28185" t="s">
        <v>85</v>
      </c>
      <c r="P28185" t="s">
        <v>86</v>
      </c>
      <c r="Q28185">
        <v>13</v>
      </c>
      <c r="R28185">
        <v>13</v>
      </c>
      <c r="S28185">
        <v>13</v>
      </c>
      <c r="T28185">
        <v>13</v>
      </c>
      <c r="U28185">
        <v>13</v>
      </c>
      <c r="V28185">
        <v>13</v>
      </c>
      <c r="W28185">
        <v>13</v>
      </c>
      <c r="X28185">
        <v>13</v>
      </c>
      <c r="Y28185">
        <v>13</v>
      </c>
      <c r="Z28185">
        <v>13</v>
      </c>
      <c r="AA28185">
        <v>13</v>
      </c>
      <c r="AB28185">
        <v>13</v>
      </c>
      <c r="AC28185">
        <v>14</v>
      </c>
      <c r="AD28185">
        <v>14</v>
      </c>
      <c r="AE28185">
        <v>14</v>
      </c>
      <c r="AF28185">
        <v>14</v>
      </c>
      <c r="AG28185">
        <v>14</v>
      </c>
      <c r="AH28185">
        <v>14</v>
      </c>
      <c r="AI28185">
        <v>14</v>
      </c>
      <c r="AJ28185">
        <v>14</v>
      </c>
      <c r="AK28185">
        <v>14</v>
      </c>
      <c r="AL28185">
        <v>14</v>
      </c>
      <c r="AM28185">
        <v>14</v>
      </c>
      <c r="AN28185">
        <v>14</v>
      </c>
      <c r="AO28185">
        <v>14</v>
      </c>
      <c r="AP28185">
        <v>14</v>
      </c>
      <c r="AQ28185">
        <v>14</v>
      </c>
    </row>
    <row r="28186" spans="1:43">
      <c r="A28186" t="s">
        <v>17439</v>
      </c>
      <c r="B28186" t="s">
        <v>17440</v>
      </c>
      <c r="C28186" t="s">
        <v>17429</v>
      </c>
      <c r="D28186" t="s">
        <v>17430</v>
      </c>
      <c r="E28186" t="s">
        <v>17265</v>
      </c>
      <c r="F28186" t="s">
        <v>17266</v>
      </c>
      <c r="G28186" t="s">
        <v>16559</v>
      </c>
      <c r="H28186" t="s">
        <v>16560</v>
      </c>
      <c r="I28186" s="2">
        <v>1</v>
      </c>
      <c r="J28186" s="2">
        <v>0</v>
      </c>
      <c r="K28186" s="2">
        <v>0</v>
      </c>
      <c r="L28186" t="s">
        <v>120</v>
      </c>
      <c r="M28186" t="s">
        <v>83</v>
      </c>
      <c r="N28186" t="s">
        <v>84</v>
      </c>
      <c r="O28186" t="s">
        <v>85</v>
      </c>
      <c r="P28186" t="s">
        <v>86</v>
      </c>
      <c r="Q28186">
        <v>12</v>
      </c>
      <c r="R28186">
        <v>12</v>
      </c>
      <c r="S28186">
        <v>12</v>
      </c>
      <c r="T28186">
        <v>12</v>
      </c>
      <c r="U28186">
        <v>13</v>
      </c>
      <c r="V28186">
        <v>13</v>
      </c>
      <c r="W28186">
        <v>13</v>
      </c>
      <c r="X28186">
        <v>13</v>
      </c>
      <c r="Y28186">
        <v>13</v>
      </c>
      <c r="Z28186">
        <v>13</v>
      </c>
      <c r="AA28186">
        <v>13</v>
      </c>
      <c r="AB28186">
        <v>13</v>
      </c>
      <c r="AC28186">
        <v>13</v>
      </c>
      <c r="AD28186">
        <v>13</v>
      </c>
      <c r="AE28186">
        <v>13</v>
      </c>
      <c r="AF28186">
        <v>13</v>
      </c>
      <c r="AG28186">
        <v>13</v>
      </c>
      <c r="AH28186">
        <v>13</v>
      </c>
      <c r="AI28186">
        <v>13</v>
      </c>
      <c r="AJ28186">
        <v>13</v>
      </c>
      <c r="AK28186">
        <v>13</v>
      </c>
      <c r="AL28186">
        <v>13</v>
      </c>
      <c r="AM28186">
        <v>13</v>
      </c>
      <c r="AN28186">
        <v>13</v>
      </c>
      <c r="AO28186">
        <v>13</v>
      </c>
      <c r="AP28186">
        <v>13</v>
      </c>
      <c r="AQ28186">
        <v>13</v>
      </c>
    </row>
    <row r="28187" spans="1:43">
      <c r="A28187" t="s">
        <v>17439</v>
      </c>
      <c r="B28187" t="s">
        <v>17440</v>
      </c>
      <c r="C28187" t="s">
        <v>17429</v>
      </c>
      <c r="D28187" t="s">
        <v>17430</v>
      </c>
      <c r="E28187" t="s">
        <v>17265</v>
      </c>
      <c r="F28187" t="s">
        <v>17266</v>
      </c>
      <c r="G28187" t="s">
        <v>16559</v>
      </c>
      <c r="H28187" t="s">
        <v>16560</v>
      </c>
      <c r="I28187" s="2">
        <v>1</v>
      </c>
      <c r="J28187" s="2">
        <v>0</v>
      </c>
      <c r="K28187" s="2">
        <v>0</v>
      </c>
      <c r="L28187" t="s">
        <v>120</v>
      </c>
      <c r="M28187" t="s">
        <v>87</v>
      </c>
      <c r="N28187" t="s">
        <v>88</v>
      </c>
      <c r="O28187" t="s">
        <v>85</v>
      </c>
      <c r="P28187" t="s">
        <v>86</v>
      </c>
      <c r="Q28187">
        <v>12</v>
      </c>
      <c r="R28187">
        <v>12</v>
      </c>
      <c r="S28187">
        <v>12</v>
      </c>
      <c r="T28187">
        <v>12</v>
      </c>
      <c r="U28187">
        <v>12</v>
      </c>
      <c r="V28187">
        <v>12</v>
      </c>
      <c r="W28187">
        <v>12</v>
      </c>
      <c r="X28187">
        <v>12</v>
      </c>
      <c r="Y28187">
        <v>12</v>
      </c>
      <c r="Z28187">
        <v>12</v>
      </c>
      <c r="AA28187">
        <v>12</v>
      </c>
      <c r="AB28187">
        <v>12</v>
      </c>
      <c r="AC28187">
        <v>12</v>
      </c>
      <c r="AD28187">
        <v>12</v>
      </c>
      <c r="AE28187">
        <v>12</v>
      </c>
      <c r="AF28187">
        <v>12</v>
      </c>
      <c r="AG28187">
        <v>12</v>
      </c>
      <c r="AH28187">
        <v>12</v>
      </c>
      <c r="AI28187">
        <v>12</v>
      </c>
      <c r="AJ28187">
        <v>12</v>
      </c>
      <c r="AK28187">
        <v>12</v>
      </c>
      <c r="AL28187">
        <v>12</v>
      </c>
      <c r="AM28187">
        <v>11</v>
      </c>
      <c r="AN28187">
        <v>11</v>
      </c>
      <c r="AO28187">
        <v>11</v>
      </c>
      <c r="AP28187">
        <v>11</v>
      </c>
      <c r="AQ28187">
        <v>11</v>
      </c>
    </row>
    <row r="28188" spans="1:43">
      <c r="A28188" t="s">
        <v>17439</v>
      </c>
      <c r="B28188" t="s">
        <v>17440</v>
      </c>
      <c r="C28188" t="s">
        <v>17429</v>
      </c>
      <c r="D28188" t="s">
        <v>17430</v>
      </c>
      <c r="E28188" t="s">
        <v>17265</v>
      </c>
      <c r="F28188" t="s">
        <v>17266</v>
      </c>
      <c r="G28188" t="s">
        <v>16559</v>
      </c>
      <c r="H28188" t="s">
        <v>16560</v>
      </c>
      <c r="I28188" s="2">
        <v>1</v>
      </c>
      <c r="J28188" s="2">
        <v>0</v>
      </c>
      <c r="K28188" s="2">
        <v>0</v>
      </c>
      <c r="L28188" t="s">
        <v>120</v>
      </c>
      <c r="M28188" t="s">
        <v>89</v>
      </c>
      <c r="N28188" t="s">
        <v>90</v>
      </c>
      <c r="O28188" t="s">
        <v>85</v>
      </c>
      <c r="P28188" t="s">
        <v>86</v>
      </c>
      <c r="Q28188">
        <v>12</v>
      </c>
      <c r="R28188">
        <v>12</v>
      </c>
      <c r="S28188">
        <v>13</v>
      </c>
      <c r="T28188">
        <v>13</v>
      </c>
      <c r="U28188">
        <v>13</v>
      </c>
      <c r="V28188">
        <v>13</v>
      </c>
      <c r="W28188">
        <v>13</v>
      </c>
      <c r="X28188">
        <v>13</v>
      </c>
      <c r="Y28188">
        <v>14</v>
      </c>
      <c r="Z28188">
        <v>14</v>
      </c>
      <c r="AA28188">
        <v>14</v>
      </c>
      <c r="AB28188">
        <v>14</v>
      </c>
      <c r="AC28188">
        <v>14</v>
      </c>
      <c r="AD28188">
        <v>14</v>
      </c>
      <c r="AE28188">
        <v>14</v>
      </c>
      <c r="AF28188">
        <v>14</v>
      </c>
      <c r="AG28188">
        <v>14</v>
      </c>
      <c r="AH28188">
        <v>14</v>
      </c>
      <c r="AI28188">
        <v>14</v>
      </c>
      <c r="AJ28188">
        <v>14</v>
      </c>
      <c r="AK28188">
        <v>14</v>
      </c>
      <c r="AL28188">
        <v>14</v>
      </c>
      <c r="AM28188">
        <v>14</v>
      </c>
      <c r="AN28188">
        <v>13</v>
      </c>
      <c r="AO28188">
        <v>13</v>
      </c>
      <c r="AP28188">
        <v>13</v>
      </c>
      <c r="AQ28188">
        <v>13</v>
      </c>
    </row>
    <row r="28189" spans="1:43">
      <c r="A28189" t="s">
        <v>17439</v>
      </c>
      <c r="B28189" t="s">
        <v>17440</v>
      </c>
      <c r="C28189" t="s">
        <v>17429</v>
      </c>
      <c r="D28189" t="s">
        <v>17430</v>
      </c>
      <c r="E28189" t="s">
        <v>17265</v>
      </c>
      <c r="F28189" t="s">
        <v>17266</v>
      </c>
      <c r="G28189" t="s">
        <v>16559</v>
      </c>
      <c r="H28189" t="s">
        <v>16560</v>
      </c>
      <c r="I28189" s="2">
        <v>1</v>
      </c>
      <c r="J28189" s="2">
        <v>0</v>
      </c>
      <c r="K28189" s="2">
        <v>0</v>
      </c>
      <c r="L28189" t="s">
        <v>120</v>
      </c>
      <c r="M28189" t="s">
        <v>83</v>
      </c>
      <c r="N28189" t="s">
        <v>91</v>
      </c>
      <c r="O28189" t="s">
        <v>85</v>
      </c>
      <c r="P28189" t="s">
        <v>86</v>
      </c>
      <c r="Q28189">
        <v>12</v>
      </c>
      <c r="R28189">
        <v>12</v>
      </c>
      <c r="S28189">
        <v>12</v>
      </c>
      <c r="T28189">
        <v>12</v>
      </c>
      <c r="U28189">
        <v>13</v>
      </c>
      <c r="V28189">
        <v>13</v>
      </c>
      <c r="W28189">
        <v>13</v>
      </c>
      <c r="X28189">
        <v>13</v>
      </c>
      <c r="Y28189">
        <v>13</v>
      </c>
      <c r="Z28189">
        <v>13</v>
      </c>
      <c r="AA28189">
        <v>13</v>
      </c>
      <c r="AB28189">
        <v>13</v>
      </c>
      <c r="AC28189">
        <v>13</v>
      </c>
      <c r="AD28189">
        <v>13</v>
      </c>
      <c r="AE28189">
        <v>13</v>
      </c>
      <c r="AF28189">
        <v>13</v>
      </c>
      <c r="AG28189">
        <v>13</v>
      </c>
      <c r="AH28189">
        <v>13</v>
      </c>
      <c r="AI28189">
        <v>13</v>
      </c>
      <c r="AJ28189">
        <v>13</v>
      </c>
      <c r="AK28189">
        <v>13</v>
      </c>
      <c r="AL28189">
        <v>13</v>
      </c>
      <c r="AM28189">
        <v>13</v>
      </c>
      <c r="AN28189">
        <v>13</v>
      </c>
      <c r="AO28189">
        <v>13</v>
      </c>
      <c r="AP28189">
        <v>13</v>
      </c>
      <c r="AQ28189">
        <v>13</v>
      </c>
    </row>
    <row r="28190" spans="1:43">
      <c r="A28190" t="s">
        <v>17441</v>
      </c>
      <c r="B28190" t="s">
        <v>17442</v>
      </c>
      <c r="C28190" t="s">
        <v>17443</v>
      </c>
      <c r="D28190" t="s">
        <v>17444</v>
      </c>
      <c r="E28190" t="s">
        <v>17265</v>
      </c>
      <c r="F28190" t="s">
        <v>17266</v>
      </c>
      <c r="G28190" t="s">
        <v>16559</v>
      </c>
      <c r="H28190" t="s">
        <v>16560</v>
      </c>
      <c r="I28190" s="2">
        <v>1</v>
      </c>
      <c r="J28190" s="2">
        <v>0</v>
      </c>
      <c r="K28190" s="2">
        <v>0</v>
      </c>
      <c r="L28190" t="s">
        <v>120</v>
      </c>
      <c r="M28190" t="s">
        <v>83</v>
      </c>
      <c r="N28190" t="s">
        <v>84</v>
      </c>
      <c r="O28190" t="s">
        <v>85</v>
      </c>
      <c r="P28190" t="s">
        <v>86</v>
      </c>
      <c r="Q28190">
        <v>157</v>
      </c>
      <c r="R28190">
        <v>159</v>
      </c>
      <c r="S28190">
        <v>160</v>
      </c>
      <c r="T28190">
        <v>161</v>
      </c>
      <c r="U28190">
        <v>162</v>
      </c>
      <c r="V28190">
        <v>163</v>
      </c>
      <c r="W28190">
        <v>164</v>
      </c>
      <c r="X28190">
        <v>165</v>
      </c>
      <c r="Y28190">
        <v>166</v>
      </c>
      <c r="Z28190">
        <v>167</v>
      </c>
      <c r="AA28190">
        <v>168</v>
      </c>
      <c r="AB28190">
        <v>169</v>
      </c>
      <c r="AC28190">
        <v>169</v>
      </c>
      <c r="AD28190">
        <v>170</v>
      </c>
      <c r="AE28190">
        <v>171</v>
      </c>
      <c r="AF28190">
        <v>172</v>
      </c>
      <c r="AG28190">
        <v>172</v>
      </c>
      <c r="AH28190">
        <v>173</v>
      </c>
      <c r="AI28190">
        <v>173</v>
      </c>
      <c r="AJ28190">
        <v>174</v>
      </c>
      <c r="AK28190">
        <v>175</v>
      </c>
      <c r="AL28190">
        <v>174</v>
      </c>
      <c r="AM28190">
        <v>173</v>
      </c>
      <c r="AN28190">
        <v>172</v>
      </c>
      <c r="AO28190">
        <v>171</v>
      </c>
      <c r="AP28190">
        <v>170</v>
      </c>
      <c r="AQ28190">
        <v>169</v>
      </c>
    </row>
    <row r="28191" spans="1:43">
      <c r="A28191" t="s">
        <v>17441</v>
      </c>
      <c r="B28191" t="s">
        <v>17442</v>
      </c>
      <c r="C28191" t="s">
        <v>17443</v>
      </c>
      <c r="D28191" t="s">
        <v>17444</v>
      </c>
      <c r="E28191" t="s">
        <v>17265</v>
      </c>
      <c r="F28191" t="s">
        <v>17266</v>
      </c>
      <c r="G28191" t="s">
        <v>16559</v>
      </c>
      <c r="H28191" t="s">
        <v>16560</v>
      </c>
      <c r="I28191" s="2">
        <v>1</v>
      </c>
      <c r="J28191" s="2">
        <v>0</v>
      </c>
      <c r="K28191" s="2">
        <v>0</v>
      </c>
      <c r="L28191" t="s">
        <v>120</v>
      </c>
      <c r="M28191" t="s">
        <v>87</v>
      </c>
      <c r="N28191" t="s">
        <v>88</v>
      </c>
      <c r="O28191" t="s">
        <v>85</v>
      </c>
      <c r="P28191" t="s">
        <v>86</v>
      </c>
      <c r="Q28191">
        <v>157</v>
      </c>
      <c r="R28191">
        <v>157</v>
      </c>
      <c r="S28191">
        <v>156</v>
      </c>
      <c r="T28191">
        <v>156</v>
      </c>
      <c r="U28191">
        <v>156</v>
      </c>
      <c r="V28191">
        <v>156</v>
      </c>
      <c r="W28191">
        <v>155</v>
      </c>
      <c r="X28191">
        <v>155</v>
      </c>
      <c r="Y28191">
        <v>155</v>
      </c>
      <c r="Z28191">
        <v>155</v>
      </c>
      <c r="AA28191">
        <v>154</v>
      </c>
      <c r="AB28191">
        <v>154</v>
      </c>
      <c r="AC28191">
        <v>154</v>
      </c>
      <c r="AD28191">
        <v>153</v>
      </c>
      <c r="AE28191">
        <v>153</v>
      </c>
      <c r="AF28191">
        <v>153</v>
      </c>
      <c r="AG28191">
        <v>152</v>
      </c>
      <c r="AH28191">
        <v>152</v>
      </c>
      <c r="AI28191">
        <v>152</v>
      </c>
      <c r="AJ28191">
        <v>151</v>
      </c>
      <c r="AK28191">
        <v>151</v>
      </c>
      <c r="AL28191">
        <v>150</v>
      </c>
      <c r="AM28191">
        <v>150</v>
      </c>
      <c r="AN28191">
        <v>150</v>
      </c>
      <c r="AO28191">
        <v>149</v>
      </c>
      <c r="AP28191">
        <v>149</v>
      </c>
      <c r="AQ28191">
        <v>149</v>
      </c>
    </row>
    <row r="28192" spans="1:43">
      <c r="A28192" t="s">
        <v>17441</v>
      </c>
      <c r="B28192" t="s">
        <v>17442</v>
      </c>
      <c r="C28192" t="s">
        <v>17443</v>
      </c>
      <c r="D28192" t="s">
        <v>17444</v>
      </c>
      <c r="E28192" t="s">
        <v>17265</v>
      </c>
      <c r="F28192" t="s">
        <v>17266</v>
      </c>
      <c r="G28192" t="s">
        <v>16559</v>
      </c>
      <c r="H28192" t="s">
        <v>16560</v>
      </c>
      <c r="I28192" s="2">
        <v>1</v>
      </c>
      <c r="J28192" s="2">
        <v>0</v>
      </c>
      <c r="K28192" s="2">
        <v>0</v>
      </c>
      <c r="L28192" t="s">
        <v>120</v>
      </c>
      <c r="M28192" t="s">
        <v>89</v>
      </c>
      <c r="N28192" t="s">
        <v>90</v>
      </c>
      <c r="O28192" t="s">
        <v>85</v>
      </c>
      <c r="P28192" t="s">
        <v>86</v>
      </c>
      <c r="Q28192">
        <v>157</v>
      </c>
      <c r="R28192">
        <v>159</v>
      </c>
      <c r="S28192">
        <v>162</v>
      </c>
      <c r="T28192">
        <v>164</v>
      </c>
      <c r="U28192">
        <v>167</v>
      </c>
      <c r="V28192">
        <v>168</v>
      </c>
      <c r="W28192">
        <v>170</v>
      </c>
      <c r="X28192">
        <v>172</v>
      </c>
      <c r="Y28192">
        <v>174</v>
      </c>
      <c r="Z28192">
        <v>175</v>
      </c>
      <c r="AA28192">
        <v>177</v>
      </c>
      <c r="AB28192">
        <v>178</v>
      </c>
      <c r="AC28192">
        <v>179</v>
      </c>
      <c r="AD28192">
        <v>181</v>
      </c>
      <c r="AE28192">
        <v>181</v>
      </c>
      <c r="AF28192">
        <v>180</v>
      </c>
      <c r="AG28192">
        <v>179</v>
      </c>
      <c r="AH28192">
        <v>178</v>
      </c>
      <c r="AI28192">
        <v>177</v>
      </c>
      <c r="AJ28192">
        <v>176</v>
      </c>
      <c r="AK28192">
        <v>175</v>
      </c>
      <c r="AL28192">
        <v>174</v>
      </c>
      <c r="AM28192">
        <v>173</v>
      </c>
      <c r="AN28192">
        <v>172</v>
      </c>
      <c r="AO28192">
        <v>171</v>
      </c>
      <c r="AP28192">
        <v>170</v>
      </c>
      <c r="AQ28192">
        <v>169</v>
      </c>
    </row>
    <row r="28193" spans="1:43">
      <c r="A28193" t="s">
        <v>17441</v>
      </c>
      <c r="B28193" t="s">
        <v>17442</v>
      </c>
      <c r="C28193" t="s">
        <v>17443</v>
      </c>
      <c r="D28193" t="s">
        <v>17444</v>
      </c>
      <c r="E28193" t="s">
        <v>17265</v>
      </c>
      <c r="F28193" t="s">
        <v>17266</v>
      </c>
      <c r="G28193" t="s">
        <v>16559</v>
      </c>
      <c r="H28193" t="s">
        <v>16560</v>
      </c>
      <c r="I28193" s="2">
        <v>1</v>
      </c>
      <c r="J28193" s="2">
        <v>0</v>
      </c>
      <c r="K28193" s="2">
        <v>0</v>
      </c>
      <c r="L28193" t="s">
        <v>120</v>
      </c>
      <c r="M28193" t="s">
        <v>83</v>
      </c>
      <c r="N28193" t="s">
        <v>91</v>
      </c>
      <c r="O28193" t="s">
        <v>85</v>
      </c>
      <c r="P28193" t="s">
        <v>86</v>
      </c>
      <c r="Q28193">
        <v>157</v>
      </c>
      <c r="R28193">
        <v>159</v>
      </c>
      <c r="S28193">
        <v>160</v>
      </c>
      <c r="T28193">
        <v>161</v>
      </c>
      <c r="U28193">
        <v>162</v>
      </c>
      <c r="V28193">
        <v>163</v>
      </c>
      <c r="W28193">
        <v>164</v>
      </c>
      <c r="X28193">
        <v>165</v>
      </c>
      <c r="Y28193">
        <v>166</v>
      </c>
      <c r="Z28193">
        <v>167</v>
      </c>
      <c r="AA28193">
        <v>168</v>
      </c>
      <c r="AB28193">
        <v>169</v>
      </c>
      <c r="AC28193">
        <v>169</v>
      </c>
      <c r="AD28193">
        <v>170</v>
      </c>
      <c r="AE28193">
        <v>171</v>
      </c>
      <c r="AF28193">
        <v>172</v>
      </c>
      <c r="AG28193">
        <v>172</v>
      </c>
      <c r="AH28193">
        <v>173</v>
      </c>
      <c r="AI28193">
        <v>173</v>
      </c>
      <c r="AJ28193">
        <v>174</v>
      </c>
      <c r="AK28193">
        <v>175</v>
      </c>
      <c r="AL28193">
        <v>174</v>
      </c>
      <c r="AM28193">
        <v>173</v>
      </c>
      <c r="AN28193">
        <v>172</v>
      </c>
      <c r="AO28193">
        <v>171</v>
      </c>
      <c r="AP28193">
        <v>170</v>
      </c>
      <c r="AQ28193">
        <v>169</v>
      </c>
    </row>
    <row r="28194" spans="1:43">
      <c r="A28194" t="s">
        <v>17445</v>
      </c>
      <c r="B28194" t="s">
        <v>17446</v>
      </c>
      <c r="C28194" t="s">
        <v>17443</v>
      </c>
      <c r="D28194" t="s">
        <v>17444</v>
      </c>
      <c r="E28194" t="s">
        <v>17265</v>
      </c>
      <c r="F28194" t="s">
        <v>17266</v>
      </c>
      <c r="G28194" t="s">
        <v>16559</v>
      </c>
      <c r="H28194" t="s">
        <v>16560</v>
      </c>
      <c r="I28194" s="2">
        <v>1</v>
      </c>
      <c r="J28194" s="2">
        <v>0</v>
      </c>
      <c r="K28194" s="2">
        <v>0</v>
      </c>
      <c r="L28194" t="s">
        <v>120</v>
      </c>
      <c r="M28194" t="s">
        <v>83</v>
      </c>
      <c r="N28194" t="s">
        <v>84</v>
      </c>
      <c r="O28194" t="s">
        <v>85</v>
      </c>
      <c r="P28194" t="s">
        <v>86</v>
      </c>
      <c r="Q28194">
        <v>12</v>
      </c>
      <c r="R28194">
        <v>12</v>
      </c>
      <c r="S28194">
        <v>12</v>
      </c>
      <c r="T28194">
        <v>12</v>
      </c>
      <c r="U28194">
        <v>12</v>
      </c>
      <c r="V28194">
        <v>12</v>
      </c>
      <c r="W28194">
        <v>13</v>
      </c>
      <c r="X28194">
        <v>13</v>
      </c>
      <c r="Y28194">
        <v>13</v>
      </c>
      <c r="Z28194">
        <v>13</v>
      </c>
      <c r="AA28194">
        <v>13</v>
      </c>
      <c r="AB28194">
        <v>13</v>
      </c>
      <c r="AC28194">
        <v>13</v>
      </c>
      <c r="AD28194">
        <v>13</v>
      </c>
      <c r="AE28194">
        <v>13</v>
      </c>
      <c r="AF28194">
        <v>13</v>
      </c>
      <c r="AG28194">
        <v>13</v>
      </c>
      <c r="AH28194">
        <v>13</v>
      </c>
      <c r="AI28194">
        <v>13</v>
      </c>
      <c r="AJ28194">
        <v>13</v>
      </c>
      <c r="AK28194">
        <v>13</v>
      </c>
      <c r="AL28194">
        <v>13</v>
      </c>
      <c r="AM28194">
        <v>13</v>
      </c>
      <c r="AN28194">
        <v>13</v>
      </c>
      <c r="AO28194">
        <v>13</v>
      </c>
      <c r="AP28194">
        <v>13</v>
      </c>
      <c r="AQ28194">
        <v>13</v>
      </c>
    </row>
    <row r="28195" spans="1:43">
      <c r="A28195" t="s">
        <v>17445</v>
      </c>
      <c r="B28195" t="s">
        <v>17446</v>
      </c>
      <c r="C28195" t="s">
        <v>17443</v>
      </c>
      <c r="D28195" t="s">
        <v>17444</v>
      </c>
      <c r="E28195" t="s">
        <v>17265</v>
      </c>
      <c r="F28195" t="s">
        <v>17266</v>
      </c>
      <c r="G28195" t="s">
        <v>16559</v>
      </c>
      <c r="H28195" t="s">
        <v>16560</v>
      </c>
      <c r="I28195" s="2">
        <v>1</v>
      </c>
      <c r="J28195" s="2">
        <v>0</v>
      </c>
      <c r="K28195" s="2">
        <v>0</v>
      </c>
      <c r="L28195" t="s">
        <v>120</v>
      </c>
      <c r="M28195" t="s">
        <v>87</v>
      </c>
      <c r="N28195" t="s">
        <v>88</v>
      </c>
      <c r="O28195" t="s">
        <v>85</v>
      </c>
      <c r="P28195" t="s">
        <v>86</v>
      </c>
      <c r="Q28195">
        <v>12</v>
      </c>
      <c r="R28195">
        <v>12</v>
      </c>
      <c r="S28195">
        <v>12</v>
      </c>
      <c r="T28195">
        <v>12</v>
      </c>
      <c r="U28195">
        <v>12</v>
      </c>
      <c r="V28195">
        <v>12</v>
      </c>
      <c r="W28195">
        <v>12</v>
      </c>
      <c r="X28195">
        <v>12</v>
      </c>
      <c r="Y28195">
        <v>12</v>
      </c>
      <c r="Z28195">
        <v>12</v>
      </c>
      <c r="AA28195">
        <v>12</v>
      </c>
      <c r="AB28195">
        <v>12</v>
      </c>
      <c r="AC28195">
        <v>12</v>
      </c>
      <c r="AD28195">
        <v>12</v>
      </c>
      <c r="AE28195">
        <v>12</v>
      </c>
      <c r="AF28195">
        <v>12</v>
      </c>
      <c r="AG28195">
        <v>12</v>
      </c>
      <c r="AH28195">
        <v>11</v>
      </c>
      <c r="AI28195">
        <v>11</v>
      </c>
      <c r="AJ28195">
        <v>11</v>
      </c>
      <c r="AK28195">
        <v>11</v>
      </c>
      <c r="AL28195">
        <v>11</v>
      </c>
      <c r="AM28195">
        <v>11</v>
      </c>
      <c r="AN28195">
        <v>11</v>
      </c>
      <c r="AO28195">
        <v>11</v>
      </c>
      <c r="AP28195">
        <v>11</v>
      </c>
      <c r="AQ28195">
        <v>11</v>
      </c>
    </row>
    <row r="28196" spans="1:43">
      <c r="A28196" t="s">
        <v>17445</v>
      </c>
      <c r="B28196" t="s">
        <v>17446</v>
      </c>
      <c r="C28196" t="s">
        <v>17443</v>
      </c>
      <c r="D28196" t="s">
        <v>17444</v>
      </c>
      <c r="E28196" t="s">
        <v>17265</v>
      </c>
      <c r="F28196" t="s">
        <v>17266</v>
      </c>
      <c r="G28196" t="s">
        <v>16559</v>
      </c>
      <c r="H28196" t="s">
        <v>16560</v>
      </c>
      <c r="I28196" s="2">
        <v>1</v>
      </c>
      <c r="J28196" s="2">
        <v>0</v>
      </c>
      <c r="K28196" s="2">
        <v>0</v>
      </c>
      <c r="L28196" t="s">
        <v>120</v>
      </c>
      <c r="M28196" t="s">
        <v>89</v>
      </c>
      <c r="N28196" t="s">
        <v>90</v>
      </c>
      <c r="O28196" t="s">
        <v>85</v>
      </c>
      <c r="P28196" t="s">
        <v>86</v>
      </c>
      <c r="Q28196">
        <v>12</v>
      </c>
      <c r="R28196">
        <v>12</v>
      </c>
      <c r="S28196">
        <v>12</v>
      </c>
      <c r="T28196">
        <v>13</v>
      </c>
      <c r="U28196">
        <v>13</v>
      </c>
      <c r="V28196">
        <v>13</v>
      </c>
      <c r="W28196">
        <v>13</v>
      </c>
      <c r="X28196">
        <v>13</v>
      </c>
      <c r="Y28196">
        <v>13</v>
      </c>
      <c r="Z28196">
        <v>13</v>
      </c>
      <c r="AA28196">
        <v>14</v>
      </c>
      <c r="AB28196">
        <v>14</v>
      </c>
      <c r="AC28196">
        <v>14</v>
      </c>
      <c r="AD28196">
        <v>14</v>
      </c>
      <c r="AE28196">
        <v>14</v>
      </c>
      <c r="AF28196">
        <v>14</v>
      </c>
      <c r="AG28196">
        <v>14</v>
      </c>
      <c r="AH28196">
        <v>14</v>
      </c>
      <c r="AI28196">
        <v>14</v>
      </c>
      <c r="AJ28196">
        <v>14</v>
      </c>
      <c r="AK28196">
        <v>13</v>
      </c>
      <c r="AL28196">
        <v>13</v>
      </c>
      <c r="AM28196">
        <v>13</v>
      </c>
      <c r="AN28196">
        <v>13</v>
      </c>
      <c r="AO28196">
        <v>13</v>
      </c>
      <c r="AP28196">
        <v>13</v>
      </c>
      <c r="AQ28196">
        <v>13</v>
      </c>
    </row>
    <row r="28197" spans="1:43">
      <c r="A28197" t="s">
        <v>17445</v>
      </c>
      <c r="B28197" t="s">
        <v>17446</v>
      </c>
      <c r="C28197" t="s">
        <v>17443</v>
      </c>
      <c r="D28197" t="s">
        <v>17444</v>
      </c>
      <c r="E28197" t="s">
        <v>17265</v>
      </c>
      <c r="F28197" t="s">
        <v>17266</v>
      </c>
      <c r="G28197" t="s">
        <v>16559</v>
      </c>
      <c r="H28197" t="s">
        <v>16560</v>
      </c>
      <c r="I28197" s="2">
        <v>1</v>
      </c>
      <c r="J28197" s="2">
        <v>0</v>
      </c>
      <c r="K28197" s="2">
        <v>0</v>
      </c>
      <c r="L28197" t="s">
        <v>120</v>
      </c>
      <c r="M28197" t="s">
        <v>83</v>
      </c>
      <c r="N28197" t="s">
        <v>91</v>
      </c>
      <c r="O28197" t="s">
        <v>85</v>
      </c>
      <c r="P28197" t="s">
        <v>86</v>
      </c>
      <c r="Q28197">
        <v>12</v>
      </c>
      <c r="R28197">
        <v>12</v>
      </c>
      <c r="S28197">
        <v>12</v>
      </c>
      <c r="T28197">
        <v>12</v>
      </c>
      <c r="U28197">
        <v>12</v>
      </c>
      <c r="V28197">
        <v>12</v>
      </c>
      <c r="W28197">
        <v>13</v>
      </c>
      <c r="X28197">
        <v>13</v>
      </c>
      <c r="Y28197">
        <v>13</v>
      </c>
      <c r="Z28197">
        <v>13</v>
      </c>
      <c r="AA28197">
        <v>13</v>
      </c>
      <c r="AB28197">
        <v>13</v>
      </c>
      <c r="AC28197">
        <v>13</v>
      </c>
      <c r="AD28197">
        <v>13</v>
      </c>
      <c r="AE28197">
        <v>13</v>
      </c>
      <c r="AF28197">
        <v>13</v>
      </c>
      <c r="AG28197">
        <v>13</v>
      </c>
      <c r="AH28197">
        <v>13</v>
      </c>
      <c r="AI28197">
        <v>13</v>
      </c>
      <c r="AJ28197">
        <v>13</v>
      </c>
      <c r="AK28197">
        <v>13</v>
      </c>
      <c r="AL28197">
        <v>13</v>
      </c>
      <c r="AM28197">
        <v>13</v>
      </c>
      <c r="AN28197">
        <v>13</v>
      </c>
      <c r="AO28197">
        <v>13</v>
      </c>
      <c r="AP28197">
        <v>13</v>
      </c>
      <c r="AQ28197">
        <v>13</v>
      </c>
    </row>
    <row r="28198" spans="1:43">
      <c r="A28198" t="s">
        <v>17447</v>
      </c>
      <c r="B28198" t="s">
        <v>17448</v>
      </c>
      <c r="C28198" t="s">
        <v>17443</v>
      </c>
      <c r="D28198" t="s">
        <v>17444</v>
      </c>
      <c r="E28198" t="s">
        <v>17265</v>
      </c>
      <c r="F28198" t="s">
        <v>17266</v>
      </c>
      <c r="G28198" t="s">
        <v>16559</v>
      </c>
      <c r="H28198" t="s">
        <v>16560</v>
      </c>
      <c r="I28198" s="2">
        <v>1</v>
      </c>
      <c r="J28198" s="2">
        <v>0</v>
      </c>
      <c r="K28198" s="2">
        <v>0</v>
      </c>
      <c r="L28198" t="s">
        <v>120</v>
      </c>
      <c r="M28198" t="s">
        <v>83</v>
      </c>
      <c r="N28198" t="s">
        <v>84</v>
      </c>
      <c r="O28198" t="s">
        <v>85</v>
      </c>
      <c r="P28198" t="s">
        <v>86</v>
      </c>
      <c r="Q28198">
        <v>14</v>
      </c>
      <c r="R28198">
        <v>14</v>
      </c>
      <c r="S28198">
        <v>14</v>
      </c>
      <c r="T28198">
        <v>14</v>
      </c>
      <c r="U28198">
        <v>14</v>
      </c>
      <c r="V28198">
        <v>14</v>
      </c>
      <c r="W28198">
        <v>14</v>
      </c>
      <c r="X28198">
        <v>14</v>
      </c>
      <c r="Y28198">
        <v>14</v>
      </c>
      <c r="Z28198">
        <v>15</v>
      </c>
      <c r="AA28198">
        <v>15</v>
      </c>
      <c r="AB28198">
        <v>15</v>
      </c>
      <c r="AC28198">
        <v>15</v>
      </c>
      <c r="AD28198">
        <v>15</v>
      </c>
      <c r="AE28198">
        <v>15</v>
      </c>
      <c r="AF28198">
        <v>15</v>
      </c>
      <c r="AG28198">
        <v>15</v>
      </c>
      <c r="AH28198">
        <v>15</v>
      </c>
      <c r="AI28198">
        <v>15</v>
      </c>
      <c r="AJ28198">
        <v>15</v>
      </c>
      <c r="AK28198">
        <v>15</v>
      </c>
      <c r="AL28198">
        <v>15</v>
      </c>
      <c r="AM28198">
        <v>15</v>
      </c>
      <c r="AN28198">
        <v>15</v>
      </c>
      <c r="AO28198">
        <v>15</v>
      </c>
      <c r="AP28198">
        <v>15</v>
      </c>
      <c r="AQ28198">
        <v>15</v>
      </c>
    </row>
    <row r="28199" spans="1:43">
      <c r="A28199" t="s">
        <v>17447</v>
      </c>
      <c r="B28199" t="s">
        <v>17448</v>
      </c>
      <c r="C28199" t="s">
        <v>17443</v>
      </c>
      <c r="D28199" t="s">
        <v>17444</v>
      </c>
      <c r="E28199" t="s">
        <v>17265</v>
      </c>
      <c r="F28199" t="s">
        <v>17266</v>
      </c>
      <c r="G28199" t="s">
        <v>16559</v>
      </c>
      <c r="H28199" t="s">
        <v>16560</v>
      </c>
      <c r="I28199" s="2">
        <v>1</v>
      </c>
      <c r="J28199" s="2">
        <v>0</v>
      </c>
      <c r="K28199" s="2">
        <v>0</v>
      </c>
      <c r="L28199" t="s">
        <v>120</v>
      </c>
      <c r="M28199" t="s">
        <v>87</v>
      </c>
      <c r="N28199" t="s">
        <v>88</v>
      </c>
      <c r="O28199" t="s">
        <v>85</v>
      </c>
      <c r="P28199" t="s">
        <v>86</v>
      </c>
      <c r="Q28199">
        <v>14</v>
      </c>
      <c r="R28199">
        <v>14</v>
      </c>
      <c r="S28199">
        <v>14</v>
      </c>
      <c r="T28199">
        <v>14</v>
      </c>
      <c r="U28199">
        <v>13</v>
      </c>
      <c r="V28199">
        <v>13</v>
      </c>
      <c r="W28199">
        <v>13</v>
      </c>
      <c r="X28199">
        <v>13</v>
      </c>
      <c r="Y28199">
        <v>13</v>
      </c>
      <c r="Z28199">
        <v>13</v>
      </c>
      <c r="AA28199">
        <v>13</v>
      </c>
      <c r="AB28199">
        <v>13</v>
      </c>
      <c r="AC28199">
        <v>13</v>
      </c>
      <c r="AD28199">
        <v>13</v>
      </c>
      <c r="AE28199">
        <v>13</v>
      </c>
      <c r="AF28199">
        <v>13</v>
      </c>
      <c r="AG28199">
        <v>13</v>
      </c>
      <c r="AH28199">
        <v>13</v>
      </c>
      <c r="AI28199">
        <v>13</v>
      </c>
      <c r="AJ28199">
        <v>13</v>
      </c>
      <c r="AK28199">
        <v>13</v>
      </c>
      <c r="AL28199">
        <v>13</v>
      </c>
      <c r="AM28199">
        <v>13</v>
      </c>
      <c r="AN28199">
        <v>13</v>
      </c>
      <c r="AO28199">
        <v>13</v>
      </c>
      <c r="AP28199">
        <v>13</v>
      </c>
      <c r="AQ28199">
        <v>13</v>
      </c>
    </row>
    <row r="28200" spans="1:43">
      <c r="A28200" t="s">
        <v>17447</v>
      </c>
      <c r="B28200" t="s">
        <v>17448</v>
      </c>
      <c r="C28200" t="s">
        <v>17443</v>
      </c>
      <c r="D28200" t="s">
        <v>17444</v>
      </c>
      <c r="E28200" t="s">
        <v>17265</v>
      </c>
      <c r="F28200" t="s">
        <v>17266</v>
      </c>
      <c r="G28200" t="s">
        <v>16559</v>
      </c>
      <c r="H28200" t="s">
        <v>16560</v>
      </c>
      <c r="I28200" s="2">
        <v>1</v>
      </c>
      <c r="J28200" s="2">
        <v>0</v>
      </c>
      <c r="K28200" s="2">
        <v>0</v>
      </c>
      <c r="L28200" t="s">
        <v>120</v>
      </c>
      <c r="M28200" t="s">
        <v>89</v>
      </c>
      <c r="N28200" t="s">
        <v>90</v>
      </c>
      <c r="O28200" t="s">
        <v>85</v>
      </c>
      <c r="P28200" t="s">
        <v>86</v>
      </c>
      <c r="Q28200">
        <v>14</v>
      </c>
      <c r="R28200">
        <v>14</v>
      </c>
      <c r="S28200">
        <v>14</v>
      </c>
      <c r="T28200">
        <v>14</v>
      </c>
      <c r="U28200">
        <v>15</v>
      </c>
      <c r="V28200">
        <v>15</v>
      </c>
      <c r="W28200">
        <v>15</v>
      </c>
      <c r="X28200">
        <v>15</v>
      </c>
      <c r="Y28200">
        <v>15</v>
      </c>
      <c r="Z28200">
        <v>15</v>
      </c>
      <c r="AA28200">
        <v>16</v>
      </c>
      <c r="AB28200">
        <v>16</v>
      </c>
      <c r="AC28200">
        <v>16</v>
      </c>
      <c r="AD28200">
        <v>16</v>
      </c>
      <c r="AE28200">
        <v>16</v>
      </c>
      <c r="AF28200">
        <v>16</v>
      </c>
      <c r="AG28200">
        <v>16</v>
      </c>
      <c r="AH28200">
        <v>16</v>
      </c>
      <c r="AI28200">
        <v>16</v>
      </c>
      <c r="AJ28200">
        <v>15</v>
      </c>
      <c r="AK28200">
        <v>15</v>
      </c>
      <c r="AL28200">
        <v>15</v>
      </c>
      <c r="AM28200">
        <v>15</v>
      </c>
      <c r="AN28200">
        <v>15</v>
      </c>
      <c r="AO28200">
        <v>15</v>
      </c>
      <c r="AP28200">
        <v>15</v>
      </c>
      <c r="AQ28200">
        <v>15</v>
      </c>
    </row>
    <row r="28201" spans="1:43">
      <c r="A28201" t="s">
        <v>17447</v>
      </c>
      <c r="B28201" t="s">
        <v>17448</v>
      </c>
      <c r="C28201" t="s">
        <v>17443</v>
      </c>
      <c r="D28201" t="s">
        <v>17444</v>
      </c>
      <c r="E28201" t="s">
        <v>17265</v>
      </c>
      <c r="F28201" t="s">
        <v>17266</v>
      </c>
      <c r="G28201" t="s">
        <v>16559</v>
      </c>
      <c r="H28201" t="s">
        <v>16560</v>
      </c>
      <c r="I28201" s="2">
        <v>1</v>
      </c>
      <c r="J28201" s="2">
        <v>0</v>
      </c>
      <c r="K28201" s="2">
        <v>0</v>
      </c>
      <c r="L28201" t="s">
        <v>120</v>
      </c>
      <c r="M28201" t="s">
        <v>83</v>
      </c>
      <c r="N28201" t="s">
        <v>91</v>
      </c>
      <c r="O28201" t="s">
        <v>85</v>
      </c>
      <c r="P28201" t="s">
        <v>86</v>
      </c>
      <c r="Q28201">
        <v>14</v>
      </c>
      <c r="R28201">
        <v>14</v>
      </c>
      <c r="S28201">
        <v>14</v>
      </c>
      <c r="T28201">
        <v>14</v>
      </c>
      <c r="U28201">
        <v>14</v>
      </c>
      <c r="V28201">
        <v>14</v>
      </c>
      <c r="W28201">
        <v>14</v>
      </c>
      <c r="X28201">
        <v>14</v>
      </c>
      <c r="Y28201">
        <v>14</v>
      </c>
      <c r="Z28201">
        <v>15</v>
      </c>
      <c r="AA28201">
        <v>15</v>
      </c>
      <c r="AB28201">
        <v>15</v>
      </c>
      <c r="AC28201">
        <v>15</v>
      </c>
      <c r="AD28201">
        <v>15</v>
      </c>
      <c r="AE28201">
        <v>15</v>
      </c>
      <c r="AF28201">
        <v>15</v>
      </c>
      <c r="AG28201">
        <v>15</v>
      </c>
      <c r="AH28201">
        <v>15</v>
      </c>
      <c r="AI28201">
        <v>15</v>
      </c>
      <c r="AJ28201">
        <v>15</v>
      </c>
      <c r="AK28201">
        <v>15</v>
      </c>
      <c r="AL28201">
        <v>15</v>
      </c>
      <c r="AM28201">
        <v>15</v>
      </c>
      <c r="AN28201">
        <v>15</v>
      </c>
      <c r="AO28201">
        <v>15</v>
      </c>
      <c r="AP28201">
        <v>15</v>
      </c>
      <c r="AQ28201">
        <v>15</v>
      </c>
    </row>
    <row r="28202" spans="1:43">
      <c r="A28202" t="s">
        <v>17449</v>
      </c>
      <c r="B28202" t="s">
        <v>17450</v>
      </c>
      <c r="C28202" t="s">
        <v>17263</v>
      </c>
      <c r="D28202" t="s">
        <v>17264</v>
      </c>
      <c r="E28202" t="s">
        <v>17265</v>
      </c>
      <c r="F28202" t="s">
        <v>17266</v>
      </c>
      <c r="G28202" t="s">
        <v>16559</v>
      </c>
      <c r="H28202" t="s">
        <v>16560</v>
      </c>
      <c r="I28202" s="2">
        <v>1</v>
      </c>
      <c r="J28202" s="2">
        <v>0</v>
      </c>
      <c r="K28202" s="2">
        <v>0</v>
      </c>
      <c r="L28202" t="s">
        <v>120</v>
      </c>
      <c r="M28202" t="s">
        <v>83</v>
      </c>
      <c r="N28202" t="s">
        <v>84</v>
      </c>
      <c r="O28202" t="s">
        <v>85</v>
      </c>
      <c r="P28202" t="s">
        <v>86</v>
      </c>
      <c r="Q28202">
        <v>70</v>
      </c>
      <c r="R28202">
        <v>70</v>
      </c>
      <c r="S28202">
        <v>71</v>
      </c>
      <c r="T28202">
        <v>71</v>
      </c>
      <c r="U28202">
        <v>72</v>
      </c>
      <c r="V28202">
        <v>72</v>
      </c>
      <c r="W28202">
        <v>73</v>
      </c>
      <c r="X28202">
        <v>73</v>
      </c>
      <c r="Y28202">
        <v>74</v>
      </c>
      <c r="Z28202">
        <v>74</v>
      </c>
      <c r="AA28202">
        <v>74</v>
      </c>
      <c r="AB28202">
        <v>75</v>
      </c>
      <c r="AC28202">
        <v>75</v>
      </c>
      <c r="AD28202">
        <v>75</v>
      </c>
      <c r="AE28202">
        <v>76</v>
      </c>
      <c r="AF28202">
        <v>76</v>
      </c>
      <c r="AG28202">
        <v>76</v>
      </c>
      <c r="AH28202">
        <v>76</v>
      </c>
      <c r="AI28202">
        <v>77</v>
      </c>
      <c r="AJ28202">
        <v>77</v>
      </c>
      <c r="AK28202">
        <v>77</v>
      </c>
      <c r="AL28202">
        <v>77</v>
      </c>
      <c r="AM28202">
        <v>76</v>
      </c>
      <c r="AN28202">
        <v>76</v>
      </c>
      <c r="AO28202">
        <v>76</v>
      </c>
      <c r="AP28202">
        <v>75</v>
      </c>
      <c r="AQ28202">
        <v>75</v>
      </c>
    </row>
    <row r="28203" spans="1:43">
      <c r="A28203" t="s">
        <v>17449</v>
      </c>
      <c r="B28203" t="s">
        <v>17450</v>
      </c>
      <c r="C28203" t="s">
        <v>17263</v>
      </c>
      <c r="D28203" t="s">
        <v>17264</v>
      </c>
      <c r="E28203" t="s">
        <v>17265</v>
      </c>
      <c r="F28203" t="s">
        <v>17266</v>
      </c>
      <c r="G28203" t="s">
        <v>16559</v>
      </c>
      <c r="H28203" t="s">
        <v>16560</v>
      </c>
      <c r="I28203" s="2">
        <v>1</v>
      </c>
      <c r="J28203" s="2">
        <v>0</v>
      </c>
      <c r="K28203" s="2">
        <v>0</v>
      </c>
      <c r="L28203" t="s">
        <v>120</v>
      </c>
      <c r="M28203" t="s">
        <v>87</v>
      </c>
      <c r="N28203" t="s">
        <v>88</v>
      </c>
      <c r="O28203" t="s">
        <v>85</v>
      </c>
      <c r="P28203" t="s">
        <v>86</v>
      </c>
      <c r="Q28203">
        <v>70</v>
      </c>
      <c r="R28203">
        <v>70</v>
      </c>
      <c r="S28203">
        <v>70</v>
      </c>
      <c r="T28203">
        <v>70</v>
      </c>
      <c r="U28203">
        <v>70</v>
      </c>
      <c r="V28203">
        <v>70</v>
      </c>
      <c r="W28203">
        <v>69</v>
      </c>
      <c r="X28203">
        <v>69</v>
      </c>
      <c r="Y28203">
        <v>69</v>
      </c>
      <c r="Z28203">
        <v>69</v>
      </c>
      <c r="AA28203">
        <v>69</v>
      </c>
      <c r="AB28203">
        <v>69</v>
      </c>
      <c r="AC28203">
        <v>69</v>
      </c>
      <c r="AD28203">
        <v>68</v>
      </c>
      <c r="AE28203">
        <v>68</v>
      </c>
      <c r="AF28203">
        <v>68</v>
      </c>
      <c r="AG28203">
        <v>68</v>
      </c>
      <c r="AH28203">
        <v>68</v>
      </c>
      <c r="AI28203">
        <v>68</v>
      </c>
      <c r="AJ28203">
        <v>67</v>
      </c>
      <c r="AK28203">
        <v>67</v>
      </c>
      <c r="AL28203">
        <v>67</v>
      </c>
      <c r="AM28203">
        <v>67</v>
      </c>
      <c r="AN28203">
        <v>67</v>
      </c>
      <c r="AO28203">
        <v>66</v>
      </c>
      <c r="AP28203">
        <v>66</v>
      </c>
      <c r="AQ28203">
        <v>66</v>
      </c>
    </row>
    <row r="28204" spans="1:43">
      <c r="A28204" t="s">
        <v>17449</v>
      </c>
      <c r="B28204" t="s">
        <v>17450</v>
      </c>
      <c r="C28204" t="s">
        <v>17263</v>
      </c>
      <c r="D28204" t="s">
        <v>17264</v>
      </c>
      <c r="E28204" t="s">
        <v>17265</v>
      </c>
      <c r="F28204" t="s">
        <v>17266</v>
      </c>
      <c r="G28204" t="s">
        <v>16559</v>
      </c>
      <c r="H28204" t="s">
        <v>16560</v>
      </c>
      <c r="I28204" s="2">
        <v>1</v>
      </c>
      <c r="J28204" s="2">
        <v>0</v>
      </c>
      <c r="K28204" s="2">
        <v>0</v>
      </c>
      <c r="L28204" t="s">
        <v>120</v>
      </c>
      <c r="M28204" t="s">
        <v>89</v>
      </c>
      <c r="N28204" t="s">
        <v>90</v>
      </c>
      <c r="O28204" t="s">
        <v>85</v>
      </c>
      <c r="P28204" t="s">
        <v>86</v>
      </c>
      <c r="Q28204">
        <v>70</v>
      </c>
      <c r="R28204">
        <v>71</v>
      </c>
      <c r="S28204">
        <v>72</v>
      </c>
      <c r="T28204">
        <v>73</v>
      </c>
      <c r="U28204">
        <v>74</v>
      </c>
      <c r="V28204">
        <v>75</v>
      </c>
      <c r="W28204">
        <v>75</v>
      </c>
      <c r="X28204">
        <v>76</v>
      </c>
      <c r="Y28204">
        <v>77</v>
      </c>
      <c r="Z28204">
        <v>78</v>
      </c>
      <c r="AA28204">
        <v>78</v>
      </c>
      <c r="AB28204">
        <v>79</v>
      </c>
      <c r="AC28204">
        <v>79</v>
      </c>
      <c r="AD28204">
        <v>80</v>
      </c>
      <c r="AE28204">
        <v>80</v>
      </c>
      <c r="AF28204">
        <v>80</v>
      </c>
      <c r="AG28204">
        <v>79</v>
      </c>
      <c r="AH28204">
        <v>79</v>
      </c>
      <c r="AI28204">
        <v>78</v>
      </c>
      <c r="AJ28204">
        <v>78</v>
      </c>
      <c r="AK28204">
        <v>77</v>
      </c>
      <c r="AL28204">
        <v>77</v>
      </c>
      <c r="AM28204">
        <v>76</v>
      </c>
      <c r="AN28204">
        <v>76</v>
      </c>
      <c r="AO28204">
        <v>75</v>
      </c>
      <c r="AP28204">
        <v>75</v>
      </c>
      <c r="AQ28204">
        <v>74</v>
      </c>
    </row>
    <row r="28205" spans="1:43">
      <c r="A28205" t="s">
        <v>17449</v>
      </c>
      <c r="B28205" t="s">
        <v>17450</v>
      </c>
      <c r="C28205" t="s">
        <v>17263</v>
      </c>
      <c r="D28205" t="s">
        <v>17264</v>
      </c>
      <c r="E28205" t="s">
        <v>17265</v>
      </c>
      <c r="F28205" t="s">
        <v>17266</v>
      </c>
      <c r="G28205" t="s">
        <v>16559</v>
      </c>
      <c r="H28205" t="s">
        <v>16560</v>
      </c>
      <c r="I28205" s="2">
        <v>1</v>
      </c>
      <c r="J28205" s="2">
        <v>0</v>
      </c>
      <c r="K28205" s="2">
        <v>0</v>
      </c>
      <c r="L28205" t="s">
        <v>120</v>
      </c>
      <c r="M28205" t="s">
        <v>83</v>
      </c>
      <c r="N28205" t="s">
        <v>91</v>
      </c>
      <c r="O28205" t="s">
        <v>85</v>
      </c>
      <c r="P28205" t="s">
        <v>86</v>
      </c>
      <c r="Q28205">
        <v>70</v>
      </c>
      <c r="R28205">
        <v>70</v>
      </c>
      <c r="S28205">
        <v>71</v>
      </c>
      <c r="T28205">
        <v>71</v>
      </c>
      <c r="U28205">
        <v>72</v>
      </c>
      <c r="V28205">
        <v>72</v>
      </c>
      <c r="W28205">
        <v>73</v>
      </c>
      <c r="X28205">
        <v>73</v>
      </c>
      <c r="Y28205">
        <v>74</v>
      </c>
      <c r="Z28205">
        <v>74</v>
      </c>
      <c r="AA28205">
        <v>74</v>
      </c>
      <c r="AB28205">
        <v>75</v>
      </c>
      <c r="AC28205">
        <v>75</v>
      </c>
      <c r="AD28205">
        <v>75</v>
      </c>
      <c r="AE28205">
        <v>76</v>
      </c>
      <c r="AF28205">
        <v>76</v>
      </c>
      <c r="AG28205">
        <v>76</v>
      </c>
      <c r="AH28205">
        <v>76</v>
      </c>
      <c r="AI28205">
        <v>77</v>
      </c>
      <c r="AJ28205">
        <v>77</v>
      </c>
      <c r="AK28205">
        <v>77</v>
      </c>
      <c r="AL28205">
        <v>77</v>
      </c>
      <c r="AM28205">
        <v>76</v>
      </c>
      <c r="AN28205">
        <v>76</v>
      </c>
      <c r="AO28205">
        <v>76</v>
      </c>
      <c r="AP28205">
        <v>75</v>
      </c>
      <c r="AQ28205">
        <v>75</v>
      </c>
    </row>
    <row r="28206" spans="1:43">
      <c r="A28206" t="s">
        <v>17451</v>
      </c>
      <c r="B28206" t="s">
        <v>17452</v>
      </c>
      <c r="C28206" t="s">
        <v>17453</v>
      </c>
      <c r="D28206" t="s">
        <v>17454</v>
      </c>
      <c r="E28206" t="s">
        <v>17455</v>
      </c>
      <c r="F28206" t="s">
        <v>17456</v>
      </c>
      <c r="G28206" t="s">
        <v>16559</v>
      </c>
      <c r="H28206" t="s">
        <v>16560</v>
      </c>
      <c r="I28206" s="2">
        <v>1</v>
      </c>
      <c r="J28206" s="2">
        <v>0</v>
      </c>
      <c r="K28206" s="2">
        <v>0</v>
      </c>
      <c r="L28206" t="s">
        <v>120</v>
      </c>
      <c r="M28206" t="s">
        <v>83</v>
      </c>
      <c r="N28206" t="s">
        <v>84</v>
      </c>
      <c r="O28206" t="s">
        <v>85</v>
      </c>
      <c r="P28206" t="s">
        <v>86</v>
      </c>
      <c r="Q28206">
        <v>25</v>
      </c>
      <c r="R28206">
        <v>25</v>
      </c>
      <c r="S28206">
        <v>26</v>
      </c>
      <c r="T28206">
        <v>27</v>
      </c>
      <c r="U28206">
        <v>27</v>
      </c>
      <c r="V28206">
        <v>28</v>
      </c>
      <c r="W28206">
        <v>28</v>
      </c>
      <c r="X28206">
        <v>29</v>
      </c>
      <c r="Y28206">
        <v>30</v>
      </c>
      <c r="Z28206">
        <v>30</v>
      </c>
      <c r="AA28206">
        <v>31</v>
      </c>
      <c r="AB28206">
        <v>32</v>
      </c>
      <c r="AC28206">
        <v>32</v>
      </c>
      <c r="AD28206">
        <v>33</v>
      </c>
      <c r="AE28206">
        <v>34</v>
      </c>
      <c r="AF28206">
        <v>34</v>
      </c>
      <c r="AG28206">
        <v>35</v>
      </c>
      <c r="AH28206">
        <v>36</v>
      </c>
      <c r="AI28206">
        <v>36</v>
      </c>
      <c r="AJ28206">
        <v>37</v>
      </c>
      <c r="AK28206">
        <v>38</v>
      </c>
      <c r="AL28206">
        <v>38</v>
      </c>
      <c r="AM28206">
        <v>39</v>
      </c>
      <c r="AN28206">
        <v>39</v>
      </c>
      <c r="AO28206">
        <v>39</v>
      </c>
      <c r="AP28206">
        <v>40</v>
      </c>
      <c r="AQ28206">
        <v>40</v>
      </c>
    </row>
    <row r="28207" spans="1:43">
      <c r="A28207" t="s">
        <v>17451</v>
      </c>
      <c r="B28207" t="s">
        <v>17452</v>
      </c>
      <c r="C28207" t="s">
        <v>17453</v>
      </c>
      <c r="D28207" t="s">
        <v>17454</v>
      </c>
      <c r="E28207" t="s">
        <v>17455</v>
      </c>
      <c r="F28207" t="s">
        <v>17456</v>
      </c>
      <c r="G28207" t="s">
        <v>16559</v>
      </c>
      <c r="H28207" t="s">
        <v>16560</v>
      </c>
      <c r="I28207" s="2">
        <v>1</v>
      </c>
      <c r="J28207" s="2">
        <v>0</v>
      </c>
      <c r="K28207" s="2">
        <v>0</v>
      </c>
      <c r="L28207" t="s">
        <v>120</v>
      </c>
      <c r="M28207" t="s">
        <v>87</v>
      </c>
      <c r="N28207" t="s">
        <v>88</v>
      </c>
      <c r="O28207" t="s">
        <v>85</v>
      </c>
      <c r="P28207" t="s">
        <v>86</v>
      </c>
      <c r="Q28207">
        <v>25</v>
      </c>
      <c r="R28207">
        <v>25</v>
      </c>
      <c r="S28207">
        <v>25</v>
      </c>
      <c r="T28207">
        <v>26</v>
      </c>
      <c r="U28207">
        <v>26</v>
      </c>
      <c r="V28207">
        <v>26</v>
      </c>
      <c r="W28207">
        <v>27</v>
      </c>
      <c r="X28207">
        <v>27</v>
      </c>
      <c r="Y28207">
        <v>27</v>
      </c>
      <c r="Z28207">
        <v>28</v>
      </c>
      <c r="AA28207">
        <v>28</v>
      </c>
      <c r="AB28207">
        <v>29</v>
      </c>
      <c r="AC28207">
        <v>29</v>
      </c>
      <c r="AD28207">
        <v>29</v>
      </c>
      <c r="AE28207">
        <v>30</v>
      </c>
      <c r="AF28207">
        <v>30</v>
      </c>
      <c r="AG28207">
        <v>31</v>
      </c>
      <c r="AH28207">
        <v>31</v>
      </c>
      <c r="AI28207">
        <v>31</v>
      </c>
      <c r="AJ28207">
        <v>32</v>
      </c>
      <c r="AK28207">
        <v>32</v>
      </c>
      <c r="AL28207">
        <v>33</v>
      </c>
      <c r="AM28207">
        <v>33</v>
      </c>
      <c r="AN28207">
        <v>33</v>
      </c>
      <c r="AO28207">
        <v>34</v>
      </c>
      <c r="AP28207">
        <v>34</v>
      </c>
      <c r="AQ28207">
        <v>35</v>
      </c>
    </row>
    <row r="28208" spans="1:43">
      <c r="A28208" t="s">
        <v>17451</v>
      </c>
      <c r="B28208" t="s">
        <v>17452</v>
      </c>
      <c r="C28208" t="s">
        <v>17453</v>
      </c>
      <c r="D28208" t="s">
        <v>17454</v>
      </c>
      <c r="E28208" t="s">
        <v>17455</v>
      </c>
      <c r="F28208" t="s">
        <v>17456</v>
      </c>
      <c r="G28208" t="s">
        <v>16559</v>
      </c>
      <c r="H28208" t="s">
        <v>16560</v>
      </c>
      <c r="I28208" s="2">
        <v>1</v>
      </c>
      <c r="J28208" s="2">
        <v>0</v>
      </c>
      <c r="K28208" s="2">
        <v>0</v>
      </c>
      <c r="L28208" t="s">
        <v>120</v>
      </c>
      <c r="M28208" t="s">
        <v>89</v>
      </c>
      <c r="N28208" t="s">
        <v>90</v>
      </c>
      <c r="O28208" t="s">
        <v>85</v>
      </c>
      <c r="P28208" t="s">
        <v>86</v>
      </c>
      <c r="Q28208">
        <v>25</v>
      </c>
      <c r="R28208">
        <v>26</v>
      </c>
      <c r="S28208">
        <v>27</v>
      </c>
      <c r="T28208">
        <v>27</v>
      </c>
      <c r="U28208">
        <v>28</v>
      </c>
      <c r="V28208">
        <v>29</v>
      </c>
      <c r="W28208">
        <v>30</v>
      </c>
      <c r="X28208">
        <v>31</v>
      </c>
      <c r="Y28208">
        <v>31</v>
      </c>
      <c r="Z28208">
        <v>32</v>
      </c>
      <c r="AA28208">
        <v>33</v>
      </c>
      <c r="AB28208">
        <v>34</v>
      </c>
      <c r="AC28208">
        <v>35</v>
      </c>
      <c r="AD28208">
        <v>35</v>
      </c>
      <c r="AE28208">
        <v>36</v>
      </c>
      <c r="AF28208">
        <v>36</v>
      </c>
      <c r="AG28208">
        <v>37</v>
      </c>
      <c r="AH28208">
        <v>37</v>
      </c>
      <c r="AI28208">
        <v>37</v>
      </c>
      <c r="AJ28208">
        <v>38</v>
      </c>
      <c r="AK28208">
        <v>38</v>
      </c>
      <c r="AL28208">
        <v>38</v>
      </c>
      <c r="AM28208">
        <v>39</v>
      </c>
      <c r="AN28208">
        <v>39</v>
      </c>
      <c r="AO28208">
        <v>39</v>
      </c>
      <c r="AP28208">
        <v>40</v>
      </c>
      <c r="AQ28208">
        <v>40</v>
      </c>
    </row>
    <row r="28209" spans="1:43">
      <c r="A28209" t="s">
        <v>17451</v>
      </c>
      <c r="B28209" t="s">
        <v>17452</v>
      </c>
      <c r="C28209" t="s">
        <v>17453</v>
      </c>
      <c r="D28209" t="s">
        <v>17454</v>
      </c>
      <c r="E28209" t="s">
        <v>17455</v>
      </c>
      <c r="F28209" t="s">
        <v>17456</v>
      </c>
      <c r="G28209" t="s">
        <v>16559</v>
      </c>
      <c r="H28209" t="s">
        <v>16560</v>
      </c>
      <c r="I28209" s="2">
        <v>1</v>
      </c>
      <c r="J28209" s="2">
        <v>0</v>
      </c>
      <c r="K28209" s="2">
        <v>0</v>
      </c>
      <c r="L28209" t="s">
        <v>120</v>
      </c>
      <c r="M28209" t="s">
        <v>83</v>
      </c>
      <c r="N28209" t="s">
        <v>91</v>
      </c>
      <c r="O28209" t="s">
        <v>85</v>
      </c>
      <c r="P28209" t="s">
        <v>86</v>
      </c>
      <c r="Q28209">
        <v>25</v>
      </c>
      <c r="R28209">
        <v>25</v>
      </c>
      <c r="S28209">
        <v>26</v>
      </c>
      <c r="T28209">
        <v>27</v>
      </c>
      <c r="U28209">
        <v>27</v>
      </c>
      <c r="V28209">
        <v>28</v>
      </c>
      <c r="W28209">
        <v>28</v>
      </c>
      <c r="X28209">
        <v>29</v>
      </c>
      <c r="Y28209">
        <v>30</v>
      </c>
      <c r="Z28209">
        <v>30</v>
      </c>
      <c r="AA28209">
        <v>31</v>
      </c>
      <c r="AB28209">
        <v>32</v>
      </c>
      <c r="AC28209">
        <v>32</v>
      </c>
      <c r="AD28209">
        <v>33</v>
      </c>
      <c r="AE28209">
        <v>34</v>
      </c>
      <c r="AF28209">
        <v>34</v>
      </c>
      <c r="AG28209">
        <v>35</v>
      </c>
      <c r="AH28209">
        <v>36</v>
      </c>
      <c r="AI28209">
        <v>36</v>
      </c>
      <c r="AJ28209">
        <v>37</v>
      </c>
      <c r="AK28209">
        <v>38</v>
      </c>
      <c r="AL28209">
        <v>38</v>
      </c>
      <c r="AM28209">
        <v>39</v>
      </c>
      <c r="AN28209">
        <v>39</v>
      </c>
      <c r="AO28209">
        <v>39</v>
      </c>
      <c r="AP28209">
        <v>40</v>
      </c>
      <c r="AQ28209">
        <v>40</v>
      </c>
    </row>
    <row r="28210" spans="1:43">
      <c r="A28210" t="s">
        <v>17457</v>
      </c>
      <c r="B28210" t="s">
        <v>17458</v>
      </c>
      <c r="C28210" t="s">
        <v>17453</v>
      </c>
      <c r="D28210" t="s">
        <v>17454</v>
      </c>
      <c r="E28210" t="s">
        <v>17455</v>
      </c>
      <c r="F28210" t="s">
        <v>17456</v>
      </c>
      <c r="G28210" t="s">
        <v>16559</v>
      </c>
      <c r="H28210" t="s">
        <v>16560</v>
      </c>
      <c r="I28210" s="2">
        <v>1</v>
      </c>
      <c r="J28210" s="2">
        <v>0</v>
      </c>
      <c r="K28210" s="2">
        <v>0</v>
      </c>
      <c r="L28210" t="s">
        <v>120</v>
      </c>
      <c r="M28210" t="s">
        <v>83</v>
      </c>
      <c r="N28210" t="s">
        <v>84</v>
      </c>
      <c r="O28210" t="s">
        <v>85</v>
      </c>
      <c r="P28210" t="s">
        <v>86</v>
      </c>
      <c r="Q28210">
        <v>16</v>
      </c>
      <c r="R28210">
        <v>16</v>
      </c>
      <c r="S28210">
        <v>17</v>
      </c>
      <c r="T28210">
        <v>17</v>
      </c>
      <c r="U28210">
        <v>18</v>
      </c>
      <c r="V28210">
        <v>18</v>
      </c>
      <c r="W28210">
        <v>18</v>
      </c>
      <c r="X28210">
        <v>19</v>
      </c>
      <c r="Y28210">
        <v>19</v>
      </c>
      <c r="Z28210">
        <v>20</v>
      </c>
      <c r="AA28210">
        <v>20</v>
      </c>
      <c r="AB28210">
        <v>20</v>
      </c>
      <c r="AC28210">
        <v>21</v>
      </c>
      <c r="AD28210">
        <v>21</v>
      </c>
      <c r="AE28210">
        <v>22</v>
      </c>
      <c r="AF28210">
        <v>22</v>
      </c>
      <c r="AG28210">
        <v>23</v>
      </c>
      <c r="AH28210">
        <v>23</v>
      </c>
      <c r="AI28210">
        <v>24</v>
      </c>
      <c r="AJ28210">
        <v>24</v>
      </c>
      <c r="AK28210">
        <v>24</v>
      </c>
      <c r="AL28210">
        <v>25</v>
      </c>
      <c r="AM28210">
        <v>25</v>
      </c>
      <c r="AN28210">
        <v>25</v>
      </c>
      <c r="AO28210">
        <v>25</v>
      </c>
      <c r="AP28210">
        <v>26</v>
      </c>
      <c r="AQ28210">
        <v>26</v>
      </c>
    </row>
    <row r="28211" spans="1:43">
      <c r="A28211" t="s">
        <v>17457</v>
      </c>
      <c r="B28211" t="s">
        <v>17458</v>
      </c>
      <c r="C28211" t="s">
        <v>17453</v>
      </c>
      <c r="D28211" t="s">
        <v>17454</v>
      </c>
      <c r="E28211" t="s">
        <v>17455</v>
      </c>
      <c r="F28211" t="s">
        <v>17456</v>
      </c>
      <c r="G28211" t="s">
        <v>16559</v>
      </c>
      <c r="H28211" t="s">
        <v>16560</v>
      </c>
      <c r="I28211" s="2">
        <v>1</v>
      </c>
      <c r="J28211" s="2">
        <v>0</v>
      </c>
      <c r="K28211" s="2">
        <v>0</v>
      </c>
      <c r="L28211" t="s">
        <v>120</v>
      </c>
      <c r="M28211" t="s">
        <v>87</v>
      </c>
      <c r="N28211" t="s">
        <v>88</v>
      </c>
      <c r="O28211" t="s">
        <v>85</v>
      </c>
      <c r="P28211" t="s">
        <v>86</v>
      </c>
      <c r="Q28211">
        <v>16</v>
      </c>
      <c r="R28211">
        <v>16</v>
      </c>
      <c r="S28211">
        <v>16</v>
      </c>
      <c r="T28211">
        <v>17</v>
      </c>
      <c r="U28211">
        <v>17</v>
      </c>
      <c r="V28211">
        <v>17</v>
      </c>
      <c r="W28211">
        <v>17</v>
      </c>
      <c r="X28211">
        <v>17</v>
      </c>
      <c r="Y28211">
        <v>18</v>
      </c>
      <c r="Z28211">
        <v>18</v>
      </c>
      <c r="AA28211">
        <v>18</v>
      </c>
      <c r="AB28211">
        <v>18</v>
      </c>
      <c r="AC28211">
        <v>19</v>
      </c>
      <c r="AD28211">
        <v>19</v>
      </c>
      <c r="AE28211">
        <v>19</v>
      </c>
      <c r="AF28211">
        <v>19</v>
      </c>
      <c r="AG28211">
        <v>20</v>
      </c>
      <c r="AH28211">
        <v>20</v>
      </c>
      <c r="AI28211">
        <v>20</v>
      </c>
      <c r="AJ28211">
        <v>21</v>
      </c>
      <c r="AK28211">
        <v>21</v>
      </c>
      <c r="AL28211">
        <v>21</v>
      </c>
      <c r="AM28211">
        <v>21</v>
      </c>
      <c r="AN28211">
        <v>22</v>
      </c>
      <c r="AO28211">
        <v>22</v>
      </c>
      <c r="AP28211">
        <v>22</v>
      </c>
      <c r="AQ28211">
        <v>22</v>
      </c>
    </row>
    <row r="28212" spans="1:43">
      <c r="A28212" t="s">
        <v>17457</v>
      </c>
      <c r="B28212" t="s">
        <v>17458</v>
      </c>
      <c r="C28212" t="s">
        <v>17453</v>
      </c>
      <c r="D28212" t="s">
        <v>17454</v>
      </c>
      <c r="E28212" t="s">
        <v>17455</v>
      </c>
      <c r="F28212" t="s">
        <v>17456</v>
      </c>
      <c r="G28212" t="s">
        <v>16559</v>
      </c>
      <c r="H28212" t="s">
        <v>16560</v>
      </c>
      <c r="I28212" s="2">
        <v>1</v>
      </c>
      <c r="J28212" s="2">
        <v>0</v>
      </c>
      <c r="K28212" s="2">
        <v>0</v>
      </c>
      <c r="L28212" t="s">
        <v>120</v>
      </c>
      <c r="M28212" t="s">
        <v>89</v>
      </c>
      <c r="N28212" t="s">
        <v>90</v>
      </c>
      <c r="O28212" t="s">
        <v>85</v>
      </c>
      <c r="P28212" t="s">
        <v>86</v>
      </c>
      <c r="Q28212">
        <v>16</v>
      </c>
      <c r="R28212">
        <v>17</v>
      </c>
      <c r="S28212">
        <v>17</v>
      </c>
      <c r="T28212">
        <v>18</v>
      </c>
      <c r="U28212">
        <v>18</v>
      </c>
      <c r="V28212">
        <v>19</v>
      </c>
      <c r="W28212">
        <v>19</v>
      </c>
      <c r="X28212">
        <v>20</v>
      </c>
      <c r="Y28212">
        <v>20</v>
      </c>
      <c r="Z28212">
        <v>21</v>
      </c>
      <c r="AA28212">
        <v>21</v>
      </c>
      <c r="AB28212">
        <v>22</v>
      </c>
      <c r="AC28212">
        <v>22</v>
      </c>
      <c r="AD28212">
        <v>23</v>
      </c>
      <c r="AE28212">
        <v>23</v>
      </c>
      <c r="AF28212">
        <v>24</v>
      </c>
      <c r="AG28212">
        <v>24</v>
      </c>
      <c r="AH28212">
        <v>24</v>
      </c>
      <c r="AI28212">
        <v>24</v>
      </c>
      <c r="AJ28212">
        <v>24</v>
      </c>
      <c r="AK28212">
        <v>25</v>
      </c>
      <c r="AL28212">
        <v>25</v>
      </c>
      <c r="AM28212">
        <v>25</v>
      </c>
      <c r="AN28212">
        <v>25</v>
      </c>
      <c r="AO28212">
        <v>26</v>
      </c>
      <c r="AP28212">
        <v>26</v>
      </c>
      <c r="AQ28212">
        <v>26</v>
      </c>
    </row>
    <row r="28213" spans="1:43">
      <c r="A28213" t="s">
        <v>17457</v>
      </c>
      <c r="B28213" t="s">
        <v>17458</v>
      </c>
      <c r="C28213" t="s">
        <v>17453</v>
      </c>
      <c r="D28213" t="s">
        <v>17454</v>
      </c>
      <c r="E28213" t="s">
        <v>17455</v>
      </c>
      <c r="F28213" t="s">
        <v>17456</v>
      </c>
      <c r="G28213" t="s">
        <v>16559</v>
      </c>
      <c r="H28213" t="s">
        <v>16560</v>
      </c>
      <c r="I28213" s="2">
        <v>1</v>
      </c>
      <c r="J28213" s="2">
        <v>0</v>
      </c>
      <c r="K28213" s="2">
        <v>0</v>
      </c>
      <c r="L28213" t="s">
        <v>120</v>
      </c>
      <c r="M28213" t="s">
        <v>83</v>
      </c>
      <c r="N28213" t="s">
        <v>91</v>
      </c>
      <c r="O28213" t="s">
        <v>85</v>
      </c>
      <c r="P28213" t="s">
        <v>86</v>
      </c>
      <c r="Q28213">
        <v>16</v>
      </c>
      <c r="R28213">
        <v>16</v>
      </c>
      <c r="S28213">
        <v>17</v>
      </c>
      <c r="T28213">
        <v>17</v>
      </c>
      <c r="U28213">
        <v>18</v>
      </c>
      <c r="V28213">
        <v>18</v>
      </c>
      <c r="W28213">
        <v>18</v>
      </c>
      <c r="X28213">
        <v>19</v>
      </c>
      <c r="Y28213">
        <v>19</v>
      </c>
      <c r="Z28213">
        <v>20</v>
      </c>
      <c r="AA28213">
        <v>20</v>
      </c>
      <c r="AB28213">
        <v>20</v>
      </c>
      <c r="AC28213">
        <v>21</v>
      </c>
      <c r="AD28213">
        <v>21</v>
      </c>
      <c r="AE28213">
        <v>22</v>
      </c>
      <c r="AF28213">
        <v>22</v>
      </c>
      <c r="AG28213">
        <v>23</v>
      </c>
      <c r="AH28213">
        <v>23</v>
      </c>
      <c r="AI28213">
        <v>24</v>
      </c>
      <c r="AJ28213">
        <v>24</v>
      </c>
      <c r="AK28213">
        <v>24</v>
      </c>
      <c r="AL28213">
        <v>25</v>
      </c>
      <c r="AM28213">
        <v>25</v>
      </c>
      <c r="AN28213">
        <v>25</v>
      </c>
      <c r="AO28213">
        <v>25</v>
      </c>
      <c r="AP28213">
        <v>26</v>
      </c>
      <c r="AQ28213">
        <v>26</v>
      </c>
    </row>
    <row r="28214" spans="1:43">
      <c r="A28214" t="s">
        <v>17459</v>
      </c>
      <c r="B28214" t="s">
        <v>17460</v>
      </c>
      <c r="C28214" t="s">
        <v>17461</v>
      </c>
      <c r="D28214" t="s">
        <v>17462</v>
      </c>
      <c r="E28214" t="s">
        <v>17455</v>
      </c>
      <c r="F28214" t="s">
        <v>17456</v>
      </c>
      <c r="G28214" t="s">
        <v>16559</v>
      </c>
      <c r="H28214" t="s">
        <v>16560</v>
      </c>
      <c r="I28214" s="2">
        <v>1</v>
      </c>
      <c r="J28214" s="2">
        <v>0</v>
      </c>
      <c r="K28214" s="2">
        <v>0</v>
      </c>
      <c r="L28214" t="s">
        <v>120</v>
      </c>
      <c r="M28214" t="s">
        <v>83</v>
      </c>
      <c r="N28214" t="s">
        <v>84</v>
      </c>
      <c r="O28214" t="s">
        <v>85</v>
      </c>
      <c r="P28214" t="s">
        <v>86</v>
      </c>
      <c r="Q28214">
        <v>37</v>
      </c>
      <c r="R28214">
        <v>37</v>
      </c>
      <c r="S28214">
        <v>38</v>
      </c>
      <c r="T28214">
        <v>39</v>
      </c>
      <c r="U28214">
        <v>40</v>
      </c>
      <c r="V28214">
        <v>41</v>
      </c>
      <c r="W28214">
        <v>42</v>
      </c>
      <c r="X28214">
        <v>43</v>
      </c>
      <c r="Y28214">
        <v>44</v>
      </c>
      <c r="Z28214">
        <v>45</v>
      </c>
      <c r="AA28214">
        <v>46</v>
      </c>
      <c r="AB28214">
        <v>47</v>
      </c>
      <c r="AC28214">
        <v>48</v>
      </c>
      <c r="AD28214">
        <v>49</v>
      </c>
      <c r="AE28214">
        <v>50</v>
      </c>
      <c r="AF28214">
        <v>51</v>
      </c>
      <c r="AG28214">
        <v>52</v>
      </c>
      <c r="AH28214">
        <v>53</v>
      </c>
      <c r="AI28214">
        <v>54</v>
      </c>
      <c r="AJ28214">
        <v>55</v>
      </c>
      <c r="AK28214">
        <v>56</v>
      </c>
      <c r="AL28214">
        <v>57</v>
      </c>
      <c r="AM28214">
        <v>57</v>
      </c>
      <c r="AN28214">
        <v>58</v>
      </c>
      <c r="AO28214">
        <v>58</v>
      </c>
      <c r="AP28214">
        <v>59</v>
      </c>
      <c r="AQ28214">
        <v>59</v>
      </c>
    </row>
    <row r="28215" spans="1:43">
      <c r="A28215" t="s">
        <v>17459</v>
      </c>
      <c r="B28215" t="s">
        <v>17460</v>
      </c>
      <c r="C28215" t="s">
        <v>17461</v>
      </c>
      <c r="D28215" t="s">
        <v>17462</v>
      </c>
      <c r="E28215" t="s">
        <v>17455</v>
      </c>
      <c r="F28215" t="s">
        <v>17456</v>
      </c>
      <c r="G28215" t="s">
        <v>16559</v>
      </c>
      <c r="H28215" t="s">
        <v>16560</v>
      </c>
      <c r="I28215" s="2">
        <v>1</v>
      </c>
      <c r="J28215" s="2">
        <v>0</v>
      </c>
      <c r="K28215" s="2">
        <v>0</v>
      </c>
      <c r="L28215" t="s">
        <v>120</v>
      </c>
      <c r="M28215" t="s">
        <v>87</v>
      </c>
      <c r="N28215" t="s">
        <v>88</v>
      </c>
      <c r="O28215" t="s">
        <v>85</v>
      </c>
      <c r="P28215" t="s">
        <v>86</v>
      </c>
      <c r="Q28215">
        <v>37</v>
      </c>
      <c r="R28215">
        <v>38</v>
      </c>
      <c r="S28215">
        <v>38</v>
      </c>
      <c r="T28215">
        <v>39</v>
      </c>
      <c r="U28215">
        <v>39</v>
      </c>
      <c r="V28215">
        <v>40</v>
      </c>
      <c r="W28215">
        <v>40</v>
      </c>
      <c r="X28215">
        <v>41</v>
      </c>
      <c r="Y28215">
        <v>42</v>
      </c>
      <c r="Z28215">
        <v>42</v>
      </c>
      <c r="AA28215">
        <v>43</v>
      </c>
      <c r="AB28215">
        <v>43</v>
      </c>
      <c r="AC28215">
        <v>44</v>
      </c>
      <c r="AD28215">
        <v>44</v>
      </c>
      <c r="AE28215">
        <v>45</v>
      </c>
      <c r="AF28215">
        <v>46</v>
      </c>
      <c r="AG28215">
        <v>46</v>
      </c>
      <c r="AH28215">
        <v>47</v>
      </c>
      <c r="AI28215">
        <v>47</v>
      </c>
      <c r="AJ28215">
        <v>48</v>
      </c>
      <c r="AK28215">
        <v>49</v>
      </c>
      <c r="AL28215">
        <v>49</v>
      </c>
      <c r="AM28215">
        <v>50</v>
      </c>
      <c r="AN28215">
        <v>50</v>
      </c>
      <c r="AO28215">
        <v>51</v>
      </c>
      <c r="AP28215">
        <v>52</v>
      </c>
      <c r="AQ28215">
        <v>52</v>
      </c>
    </row>
    <row r="28216" spans="1:43">
      <c r="A28216" t="s">
        <v>17459</v>
      </c>
      <c r="B28216" t="s">
        <v>17460</v>
      </c>
      <c r="C28216" t="s">
        <v>17461</v>
      </c>
      <c r="D28216" t="s">
        <v>17462</v>
      </c>
      <c r="E28216" t="s">
        <v>17455</v>
      </c>
      <c r="F28216" t="s">
        <v>17456</v>
      </c>
      <c r="G28216" t="s">
        <v>16559</v>
      </c>
      <c r="H28216" t="s">
        <v>16560</v>
      </c>
      <c r="I28216" s="2">
        <v>1</v>
      </c>
      <c r="J28216" s="2">
        <v>0</v>
      </c>
      <c r="K28216" s="2">
        <v>0</v>
      </c>
      <c r="L28216" t="s">
        <v>120</v>
      </c>
      <c r="M28216" t="s">
        <v>89</v>
      </c>
      <c r="N28216" t="s">
        <v>90</v>
      </c>
      <c r="O28216" t="s">
        <v>85</v>
      </c>
      <c r="P28216" t="s">
        <v>86</v>
      </c>
      <c r="Q28216">
        <v>37</v>
      </c>
      <c r="R28216">
        <v>38</v>
      </c>
      <c r="S28216">
        <v>39</v>
      </c>
      <c r="T28216">
        <v>40</v>
      </c>
      <c r="U28216">
        <v>42</v>
      </c>
      <c r="V28216">
        <v>43</v>
      </c>
      <c r="W28216">
        <v>44</v>
      </c>
      <c r="X28216">
        <v>45</v>
      </c>
      <c r="Y28216">
        <v>47</v>
      </c>
      <c r="Z28216">
        <v>48</v>
      </c>
      <c r="AA28216">
        <v>49</v>
      </c>
      <c r="AB28216">
        <v>50</v>
      </c>
      <c r="AC28216">
        <v>51</v>
      </c>
      <c r="AD28216">
        <v>53</v>
      </c>
      <c r="AE28216">
        <v>53</v>
      </c>
      <c r="AF28216">
        <v>54</v>
      </c>
      <c r="AG28216">
        <v>55</v>
      </c>
      <c r="AH28216">
        <v>55</v>
      </c>
      <c r="AI28216">
        <v>56</v>
      </c>
      <c r="AJ28216">
        <v>56</v>
      </c>
      <c r="AK28216">
        <v>57</v>
      </c>
      <c r="AL28216">
        <v>57</v>
      </c>
      <c r="AM28216">
        <v>57</v>
      </c>
      <c r="AN28216">
        <v>58</v>
      </c>
      <c r="AO28216">
        <v>58</v>
      </c>
      <c r="AP28216">
        <v>59</v>
      </c>
      <c r="AQ28216">
        <v>59</v>
      </c>
    </row>
    <row r="28217" spans="1:43">
      <c r="A28217" t="s">
        <v>17459</v>
      </c>
      <c r="B28217" t="s">
        <v>17460</v>
      </c>
      <c r="C28217" t="s">
        <v>17461</v>
      </c>
      <c r="D28217" t="s">
        <v>17462</v>
      </c>
      <c r="E28217" t="s">
        <v>17455</v>
      </c>
      <c r="F28217" t="s">
        <v>17456</v>
      </c>
      <c r="G28217" t="s">
        <v>16559</v>
      </c>
      <c r="H28217" t="s">
        <v>16560</v>
      </c>
      <c r="I28217" s="2">
        <v>1</v>
      </c>
      <c r="J28217" s="2">
        <v>0</v>
      </c>
      <c r="K28217" s="2">
        <v>0</v>
      </c>
      <c r="L28217" t="s">
        <v>120</v>
      </c>
      <c r="M28217" t="s">
        <v>83</v>
      </c>
      <c r="N28217" t="s">
        <v>91</v>
      </c>
      <c r="O28217" t="s">
        <v>85</v>
      </c>
      <c r="P28217" t="s">
        <v>86</v>
      </c>
      <c r="Q28217">
        <v>37</v>
      </c>
      <c r="R28217">
        <v>37</v>
      </c>
      <c r="S28217">
        <v>38</v>
      </c>
      <c r="T28217">
        <v>39</v>
      </c>
      <c r="U28217">
        <v>40</v>
      </c>
      <c r="V28217">
        <v>41</v>
      </c>
      <c r="W28217">
        <v>42</v>
      </c>
      <c r="X28217">
        <v>43</v>
      </c>
      <c r="Y28217">
        <v>44</v>
      </c>
      <c r="Z28217">
        <v>45</v>
      </c>
      <c r="AA28217">
        <v>46</v>
      </c>
      <c r="AB28217">
        <v>47</v>
      </c>
      <c r="AC28217">
        <v>48</v>
      </c>
      <c r="AD28217">
        <v>49</v>
      </c>
      <c r="AE28217">
        <v>50</v>
      </c>
      <c r="AF28217">
        <v>51</v>
      </c>
      <c r="AG28217">
        <v>52</v>
      </c>
      <c r="AH28217">
        <v>53</v>
      </c>
      <c r="AI28217">
        <v>54</v>
      </c>
      <c r="AJ28217">
        <v>55</v>
      </c>
      <c r="AK28217">
        <v>56</v>
      </c>
      <c r="AL28217">
        <v>57</v>
      </c>
      <c r="AM28217">
        <v>57</v>
      </c>
      <c r="AN28217">
        <v>58</v>
      </c>
      <c r="AO28217">
        <v>58</v>
      </c>
      <c r="AP28217">
        <v>59</v>
      </c>
      <c r="AQ28217">
        <v>59</v>
      </c>
    </row>
    <row r="28218" spans="1:43">
      <c r="A28218" t="s">
        <v>17463</v>
      </c>
      <c r="B28218" t="s">
        <v>17464</v>
      </c>
      <c r="C28218" t="s">
        <v>17453</v>
      </c>
      <c r="D28218" t="s">
        <v>17454</v>
      </c>
      <c r="E28218" t="s">
        <v>17455</v>
      </c>
      <c r="F28218" t="s">
        <v>17456</v>
      </c>
      <c r="G28218" t="s">
        <v>16559</v>
      </c>
      <c r="H28218" t="s">
        <v>16560</v>
      </c>
      <c r="I28218" s="2">
        <v>1</v>
      </c>
      <c r="J28218" s="2">
        <v>0</v>
      </c>
      <c r="K28218" s="2">
        <v>0</v>
      </c>
      <c r="L28218" t="s">
        <v>120</v>
      </c>
      <c r="M28218" t="s">
        <v>83</v>
      </c>
      <c r="N28218" t="s">
        <v>84</v>
      </c>
      <c r="O28218" t="s">
        <v>85</v>
      </c>
      <c r="P28218" t="s">
        <v>86</v>
      </c>
      <c r="Q28218">
        <v>11</v>
      </c>
      <c r="R28218">
        <v>11</v>
      </c>
      <c r="S28218">
        <v>11</v>
      </c>
      <c r="T28218">
        <v>12</v>
      </c>
      <c r="U28218">
        <v>12</v>
      </c>
      <c r="V28218">
        <v>12</v>
      </c>
      <c r="W28218">
        <v>12</v>
      </c>
      <c r="X28218">
        <v>13</v>
      </c>
      <c r="Y28218">
        <v>13</v>
      </c>
      <c r="Z28218">
        <v>13</v>
      </c>
      <c r="AA28218">
        <v>13</v>
      </c>
      <c r="AB28218">
        <v>14</v>
      </c>
      <c r="AC28218">
        <v>14</v>
      </c>
      <c r="AD28218">
        <v>14</v>
      </c>
      <c r="AE28218">
        <v>15</v>
      </c>
      <c r="AF28218">
        <v>15</v>
      </c>
      <c r="AG28218">
        <v>15</v>
      </c>
      <c r="AH28218">
        <v>16</v>
      </c>
      <c r="AI28218">
        <v>16</v>
      </c>
      <c r="AJ28218">
        <v>16</v>
      </c>
      <c r="AK28218">
        <v>16</v>
      </c>
      <c r="AL28218">
        <v>17</v>
      </c>
      <c r="AM28218">
        <v>17</v>
      </c>
      <c r="AN28218">
        <v>17</v>
      </c>
      <c r="AO28218">
        <v>17</v>
      </c>
      <c r="AP28218">
        <v>17</v>
      </c>
      <c r="AQ28218">
        <v>17</v>
      </c>
    </row>
    <row r="28219" spans="1:43">
      <c r="A28219" t="s">
        <v>17463</v>
      </c>
      <c r="B28219" t="s">
        <v>17464</v>
      </c>
      <c r="C28219" t="s">
        <v>17453</v>
      </c>
      <c r="D28219" t="s">
        <v>17454</v>
      </c>
      <c r="E28219" t="s">
        <v>17455</v>
      </c>
      <c r="F28219" t="s">
        <v>17456</v>
      </c>
      <c r="G28219" t="s">
        <v>16559</v>
      </c>
      <c r="H28219" t="s">
        <v>16560</v>
      </c>
      <c r="I28219" s="2">
        <v>1</v>
      </c>
      <c r="J28219" s="2">
        <v>0</v>
      </c>
      <c r="K28219" s="2">
        <v>0</v>
      </c>
      <c r="L28219" t="s">
        <v>120</v>
      </c>
      <c r="M28219" t="s">
        <v>87</v>
      </c>
      <c r="N28219" t="s">
        <v>88</v>
      </c>
      <c r="O28219" t="s">
        <v>85</v>
      </c>
      <c r="P28219" t="s">
        <v>86</v>
      </c>
      <c r="Q28219">
        <v>11</v>
      </c>
      <c r="R28219">
        <v>11</v>
      </c>
      <c r="S28219">
        <v>11</v>
      </c>
      <c r="T28219">
        <v>11</v>
      </c>
      <c r="U28219">
        <v>11</v>
      </c>
      <c r="V28219">
        <v>11</v>
      </c>
      <c r="W28219">
        <v>12</v>
      </c>
      <c r="X28219">
        <v>12</v>
      </c>
      <c r="Y28219">
        <v>12</v>
      </c>
      <c r="Z28219">
        <v>12</v>
      </c>
      <c r="AA28219">
        <v>12</v>
      </c>
      <c r="AB28219">
        <v>12</v>
      </c>
      <c r="AC28219">
        <v>13</v>
      </c>
      <c r="AD28219">
        <v>13</v>
      </c>
      <c r="AE28219">
        <v>13</v>
      </c>
      <c r="AF28219">
        <v>13</v>
      </c>
      <c r="AG28219">
        <v>13</v>
      </c>
      <c r="AH28219">
        <v>13</v>
      </c>
      <c r="AI28219">
        <v>14</v>
      </c>
      <c r="AJ28219">
        <v>14</v>
      </c>
      <c r="AK28219">
        <v>14</v>
      </c>
      <c r="AL28219">
        <v>14</v>
      </c>
      <c r="AM28219">
        <v>14</v>
      </c>
      <c r="AN28219">
        <v>14</v>
      </c>
      <c r="AO28219">
        <v>15</v>
      </c>
      <c r="AP28219">
        <v>15</v>
      </c>
      <c r="AQ28219">
        <v>15</v>
      </c>
    </row>
    <row r="28220" spans="1:43">
      <c r="A28220" t="s">
        <v>17463</v>
      </c>
      <c r="B28220" t="s">
        <v>17464</v>
      </c>
      <c r="C28220" t="s">
        <v>17453</v>
      </c>
      <c r="D28220" t="s">
        <v>17454</v>
      </c>
      <c r="E28220" t="s">
        <v>17455</v>
      </c>
      <c r="F28220" t="s">
        <v>17456</v>
      </c>
      <c r="G28220" t="s">
        <v>16559</v>
      </c>
      <c r="H28220" t="s">
        <v>16560</v>
      </c>
      <c r="I28220" s="2">
        <v>1</v>
      </c>
      <c r="J28220" s="2">
        <v>0</v>
      </c>
      <c r="K28220" s="2">
        <v>0</v>
      </c>
      <c r="L28220" t="s">
        <v>120</v>
      </c>
      <c r="M28220" t="s">
        <v>89</v>
      </c>
      <c r="N28220" t="s">
        <v>90</v>
      </c>
      <c r="O28220" t="s">
        <v>85</v>
      </c>
      <c r="P28220" t="s">
        <v>86</v>
      </c>
      <c r="Q28220">
        <v>11</v>
      </c>
      <c r="R28220">
        <v>11</v>
      </c>
      <c r="S28220">
        <v>12</v>
      </c>
      <c r="T28220">
        <v>12</v>
      </c>
      <c r="U28220">
        <v>12</v>
      </c>
      <c r="V28220">
        <v>13</v>
      </c>
      <c r="W28220">
        <v>13</v>
      </c>
      <c r="X28220">
        <v>13</v>
      </c>
      <c r="Y28220">
        <v>14</v>
      </c>
      <c r="Z28220">
        <v>14</v>
      </c>
      <c r="AA28220">
        <v>14</v>
      </c>
      <c r="AB28220">
        <v>15</v>
      </c>
      <c r="AC28220">
        <v>15</v>
      </c>
      <c r="AD28220">
        <v>15</v>
      </c>
      <c r="AE28220">
        <v>16</v>
      </c>
      <c r="AF28220">
        <v>16</v>
      </c>
      <c r="AG28220">
        <v>16</v>
      </c>
      <c r="AH28220">
        <v>16</v>
      </c>
      <c r="AI28220">
        <v>16</v>
      </c>
      <c r="AJ28220">
        <v>16</v>
      </c>
      <c r="AK28220">
        <v>17</v>
      </c>
      <c r="AL28220">
        <v>17</v>
      </c>
      <c r="AM28220">
        <v>17</v>
      </c>
      <c r="AN28220">
        <v>17</v>
      </c>
      <c r="AO28220">
        <v>17</v>
      </c>
      <c r="AP28220">
        <v>17</v>
      </c>
      <c r="AQ28220">
        <v>17</v>
      </c>
    </row>
    <row r="28221" spans="1:43">
      <c r="A28221" t="s">
        <v>17463</v>
      </c>
      <c r="B28221" t="s">
        <v>17464</v>
      </c>
      <c r="C28221" t="s">
        <v>17453</v>
      </c>
      <c r="D28221" t="s">
        <v>17454</v>
      </c>
      <c r="E28221" t="s">
        <v>17455</v>
      </c>
      <c r="F28221" t="s">
        <v>17456</v>
      </c>
      <c r="G28221" t="s">
        <v>16559</v>
      </c>
      <c r="H28221" t="s">
        <v>16560</v>
      </c>
      <c r="I28221" s="2">
        <v>1</v>
      </c>
      <c r="J28221" s="2">
        <v>0</v>
      </c>
      <c r="K28221" s="2">
        <v>0</v>
      </c>
      <c r="L28221" t="s">
        <v>120</v>
      </c>
      <c r="M28221" t="s">
        <v>83</v>
      </c>
      <c r="N28221" t="s">
        <v>91</v>
      </c>
      <c r="O28221" t="s">
        <v>85</v>
      </c>
      <c r="P28221" t="s">
        <v>86</v>
      </c>
      <c r="Q28221">
        <v>11</v>
      </c>
      <c r="R28221">
        <v>11</v>
      </c>
      <c r="S28221">
        <v>11</v>
      </c>
      <c r="T28221">
        <v>12</v>
      </c>
      <c r="U28221">
        <v>12</v>
      </c>
      <c r="V28221">
        <v>12</v>
      </c>
      <c r="W28221">
        <v>12</v>
      </c>
      <c r="X28221">
        <v>13</v>
      </c>
      <c r="Y28221">
        <v>13</v>
      </c>
      <c r="Z28221">
        <v>13</v>
      </c>
      <c r="AA28221">
        <v>13</v>
      </c>
      <c r="AB28221">
        <v>14</v>
      </c>
      <c r="AC28221">
        <v>14</v>
      </c>
      <c r="AD28221">
        <v>14</v>
      </c>
      <c r="AE28221">
        <v>15</v>
      </c>
      <c r="AF28221">
        <v>15</v>
      </c>
      <c r="AG28221">
        <v>15</v>
      </c>
      <c r="AH28221">
        <v>16</v>
      </c>
      <c r="AI28221">
        <v>16</v>
      </c>
      <c r="AJ28221">
        <v>16</v>
      </c>
      <c r="AK28221">
        <v>16</v>
      </c>
      <c r="AL28221">
        <v>17</v>
      </c>
      <c r="AM28221">
        <v>17</v>
      </c>
      <c r="AN28221">
        <v>17</v>
      </c>
      <c r="AO28221">
        <v>17</v>
      </c>
      <c r="AP28221">
        <v>17</v>
      </c>
      <c r="AQ28221">
        <v>17</v>
      </c>
    </row>
    <row r="28222" spans="1:43">
      <c r="A28222" t="s">
        <v>17465</v>
      </c>
      <c r="B28222" t="s">
        <v>17466</v>
      </c>
      <c r="C28222" t="s">
        <v>17453</v>
      </c>
      <c r="D28222" t="s">
        <v>17454</v>
      </c>
      <c r="E28222" t="s">
        <v>17455</v>
      </c>
      <c r="F28222" t="s">
        <v>17456</v>
      </c>
      <c r="G28222" t="s">
        <v>16559</v>
      </c>
      <c r="H28222" t="s">
        <v>16560</v>
      </c>
      <c r="I28222" s="2">
        <v>1</v>
      </c>
      <c r="J28222" s="2">
        <v>0</v>
      </c>
      <c r="K28222" s="2">
        <v>0</v>
      </c>
      <c r="L28222" t="s">
        <v>120</v>
      </c>
      <c r="M28222" t="s">
        <v>83</v>
      </c>
      <c r="N28222" t="s">
        <v>84</v>
      </c>
      <c r="O28222" t="s">
        <v>85</v>
      </c>
      <c r="P28222" t="s">
        <v>86</v>
      </c>
      <c r="Q28222">
        <v>12</v>
      </c>
      <c r="R28222">
        <v>12</v>
      </c>
      <c r="S28222">
        <v>13</v>
      </c>
      <c r="T28222">
        <v>13</v>
      </c>
      <c r="U28222">
        <v>13</v>
      </c>
      <c r="V28222">
        <v>14</v>
      </c>
      <c r="W28222">
        <v>14</v>
      </c>
      <c r="X28222">
        <v>14</v>
      </c>
      <c r="Y28222">
        <v>15</v>
      </c>
      <c r="Z28222">
        <v>15</v>
      </c>
      <c r="AA28222">
        <v>15</v>
      </c>
      <c r="AB28222">
        <v>15</v>
      </c>
      <c r="AC28222">
        <v>16</v>
      </c>
      <c r="AD28222">
        <v>16</v>
      </c>
      <c r="AE28222">
        <v>16</v>
      </c>
      <c r="AF28222">
        <v>17</v>
      </c>
      <c r="AG28222">
        <v>17</v>
      </c>
      <c r="AH28222">
        <v>17</v>
      </c>
      <c r="AI28222">
        <v>18</v>
      </c>
      <c r="AJ28222">
        <v>18</v>
      </c>
      <c r="AK28222">
        <v>18</v>
      </c>
      <c r="AL28222">
        <v>19</v>
      </c>
      <c r="AM28222">
        <v>19</v>
      </c>
      <c r="AN28222">
        <v>19</v>
      </c>
      <c r="AO28222">
        <v>19</v>
      </c>
      <c r="AP28222">
        <v>19</v>
      </c>
      <c r="AQ28222">
        <v>19</v>
      </c>
    </row>
    <row r="28223" spans="1:43">
      <c r="A28223" t="s">
        <v>17465</v>
      </c>
      <c r="B28223" t="s">
        <v>17466</v>
      </c>
      <c r="C28223" t="s">
        <v>17453</v>
      </c>
      <c r="D28223" t="s">
        <v>17454</v>
      </c>
      <c r="E28223" t="s">
        <v>17455</v>
      </c>
      <c r="F28223" t="s">
        <v>17456</v>
      </c>
      <c r="G28223" t="s">
        <v>16559</v>
      </c>
      <c r="H28223" t="s">
        <v>16560</v>
      </c>
      <c r="I28223" s="2">
        <v>1</v>
      </c>
      <c r="J28223" s="2">
        <v>0</v>
      </c>
      <c r="K28223" s="2">
        <v>0</v>
      </c>
      <c r="L28223" t="s">
        <v>120</v>
      </c>
      <c r="M28223" t="s">
        <v>87</v>
      </c>
      <c r="N28223" t="s">
        <v>88</v>
      </c>
      <c r="O28223" t="s">
        <v>85</v>
      </c>
      <c r="P28223" t="s">
        <v>86</v>
      </c>
      <c r="Q28223">
        <v>12</v>
      </c>
      <c r="R28223">
        <v>12</v>
      </c>
      <c r="S28223">
        <v>12</v>
      </c>
      <c r="T28223">
        <v>13</v>
      </c>
      <c r="U28223">
        <v>13</v>
      </c>
      <c r="V28223">
        <v>13</v>
      </c>
      <c r="W28223">
        <v>13</v>
      </c>
      <c r="X28223">
        <v>13</v>
      </c>
      <c r="Y28223">
        <v>13</v>
      </c>
      <c r="Z28223">
        <v>14</v>
      </c>
      <c r="AA28223">
        <v>14</v>
      </c>
      <c r="AB28223">
        <v>14</v>
      </c>
      <c r="AC28223">
        <v>14</v>
      </c>
      <c r="AD28223">
        <v>14</v>
      </c>
      <c r="AE28223">
        <v>15</v>
      </c>
      <c r="AF28223">
        <v>15</v>
      </c>
      <c r="AG28223">
        <v>15</v>
      </c>
      <c r="AH28223">
        <v>15</v>
      </c>
      <c r="AI28223">
        <v>15</v>
      </c>
      <c r="AJ28223">
        <v>16</v>
      </c>
      <c r="AK28223">
        <v>16</v>
      </c>
      <c r="AL28223">
        <v>16</v>
      </c>
      <c r="AM28223">
        <v>16</v>
      </c>
      <c r="AN28223">
        <v>16</v>
      </c>
      <c r="AO28223">
        <v>17</v>
      </c>
      <c r="AP28223">
        <v>17</v>
      </c>
      <c r="AQ28223">
        <v>17</v>
      </c>
    </row>
    <row r="28224" spans="1:43">
      <c r="A28224" t="s">
        <v>17465</v>
      </c>
      <c r="B28224" t="s">
        <v>17466</v>
      </c>
      <c r="C28224" t="s">
        <v>17453</v>
      </c>
      <c r="D28224" t="s">
        <v>17454</v>
      </c>
      <c r="E28224" t="s">
        <v>17455</v>
      </c>
      <c r="F28224" t="s">
        <v>17456</v>
      </c>
      <c r="G28224" t="s">
        <v>16559</v>
      </c>
      <c r="H28224" t="s">
        <v>16560</v>
      </c>
      <c r="I28224" s="2">
        <v>1</v>
      </c>
      <c r="J28224" s="2">
        <v>0</v>
      </c>
      <c r="K28224" s="2">
        <v>0</v>
      </c>
      <c r="L28224" t="s">
        <v>120</v>
      </c>
      <c r="M28224" t="s">
        <v>89</v>
      </c>
      <c r="N28224" t="s">
        <v>90</v>
      </c>
      <c r="O28224" t="s">
        <v>85</v>
      </c>
      <c r="P28224" t="s">
        <v>86</v>
      </c>
      <c r="Q28224">
        <v>12</v>
      </c>
      <c r="R28224">
        <v>13</v>
      </c>
      <c r="S28224">
        <v>13</v>
      </c>
      <c r="T28224">
        <v>13</v>
      </c>
      <c r="U28224">
        <v>14</v>
      </c>
      <c r="V28224">
        <v>14</v>
      </c>
      <c r="W28224">
        <v>15</v>
      </c>
      <c r="X28224">
        <v>15</v>
      </c>
      <c r="Y28224">
        <v>15</v>
      </c>
      <c r="Z28224">
        <v>16</v>
      </c>
      <c r="AA28224">
        <v>16</v>
      </c>
      <c r="AB28224">
        <v>17</v>
      </c>
      <c r="AC28224">
        <v>17</v>
      </c>
      <c r="AD28224">
        <v>17</v>
      </c>
      <c r="AE28224">
        <v>18</v>
      </c>
      <c r="AF28224">
        <v>18</v>
      </c>
      <c r="AG28224">
        <v>18</v>
      </c>
      <c r="AH28224">
        <v>18</v>
      </c>
      <c r="AI28224">
        <v>18</v>
      </c>
      <c r="AJ28224">
        <v>18</v>
      </c>
      <c r="AK28224">
        <v>19</v>
      </c>
      <c r="AL28224">
        <v>19</v>
      </c>
      <c r="AM28224">
        <v>19</v>
      </c>
      <c r="AN28224">
        <v>19</v>
      </c>
      <c r="AO28224">
        <v>19</v>
      </c>
      <c r="AP28224">
        <v>19</v>
      </c>
      <c r="AQ28224">
        <v>20</v>
      </c>
    </row>
    <row r="28225" spans="1:43">
      <c r="A28225" t="s">
        <v>17465</v>
      </c>
      <c r="B28225" t="s">
        <v>17466</v>
      </c>
      <c r="C28225" t="s">
        <v>17453</v>
      </c>
      <c r="D28225" t="s">
        <v>17454</v>
      </c>
      <c r="E28225" t="s">
        <v>17455</v>
      </c>
      <c r="F28225" t="s">
        <v>17456</v>
      </c>
      <c r="G28225" t="s">
        <v>16559</v>
      </c>
      <c r="H28225" t="s">
        <v>16560</v>
      </c>
      <c r="I28225" s="2">
        <v>1</v>
      </c>
      <c r="J28225" s="2">
        <v>0</v>
      </c>
      <c r="K28225" s="2">
        <v>0</v>
      </c>
      <c r="L28225" t="s">
        <v>120</v>
      </c>
      <c r="M28225" t="s">
        <v>83</v>
      </c>
      <c r="N28225" t="s">
        <v>91</v>
      </c>
      <c r="O28225" t="s">
        <v>85</v>
      </c>
      <c r="P28225" t="s">
        <v>86</v>
      </c>
      <c r="Q28225">
        <v>12</v>
      </c>
      <c r="R28225">
        <v>12</v>
      </c>
      <c r="S28225">
        <v>13</v>
      </c>
      <c r="T28225">
        <v>13</v>
      </c>
      <c r="U28225">
        <v>13</v>
      </c>
      <c r="V28225">
        <v>14</v>
      </c>
      <c r="W28225">
        <v>14</v>
      </c>
      <c r="X28225">
        <v>14</v>
      </c>
      <c r="Y28225">
        <v>15</v>
      </c>
      <c r="Z28225">
        <v>15</v>
      </c>
      <c r="AA28225">
        <v>15</v>
      </c>
      <c r="AB28225">
        <v>15</v>
      </c>
      <c r="AC28225">
        <v>16</v>
      </c>
      <c r="AD28225">
        <v>16</v>
      </c>
      <c r="AE28225">
        <v>16</v>
      </c>
      <c r="AF28225">
        <v>17</v>
      </c>
      <c r="AG28225">
        <v>17</v>
      </c>
      <c r="AH28225">
        <v>17</v>
      </c>
      <c r="AI28225">
        <v>18</v>
      </c>
      <c r="AJ28225">
        <v>18</v>
      </c>
      <c r="AK28225">
        <v>18</v>
      </c>
      <c r="AL28225">
        <v>19</v>
      </c>
      <c r="AM28225">
        <v>19</v>
      </c>
      <c r="AN28225">
        <v>19</v>
      </c>
      <c r="AO28225">
        <v>19</v>
      </c>
      <c r="AP28225">
        <v>19</v>
      </c>
      <c r="AQ28225">
        <v>19</v>
      </c>
    </row>
    <row r="28226" spans="1:43">
      <c r="A28226" t="s">
        <v>17467</v>
      </c>
      <c r="B28226" t="s">
        <v>17468</v>
      </c>
      <c r="C28226" t="s">
        <v>17469</v>
      </c>
      <c r="D28226" t="s">
        <v>17470</v>
      </c>
      <c r="E28226" t="s">
        <v>17455</v>
      </c>
      <c r="F28226" t="s">
        <v>17456</v>
      </c>
      <c r="G28226" t="s">
        <v>16559</v>
      </c>
      <c r="H28226" t="s">
        <v>16560</v>
      </c>
      <c r="I28226" s="2">
        <v>1</v>
      </c>
      <c r="J28226" s="2">
        <v>0</v>
      </c>
      <c r="K28226" s="2">
        <v>0</v>
      </c>
      <c r="L28226" t="s">
        <v>120</v>
      </c>
      <c r="M28226" t="s">
        <v>83</v>
      </c>
      <c r="N28226" t="s">
        <v>84</v>
      </c>
      <c r="O28226" t="s">
        <v>85</v>
      </c>
      <c r="P28226" t="s">
        <v>86</v>
      </c>
      <c r="Q28226">
        <v>13</v>
      </c>
      <c r="R28226">
        <v>13</v>
      </c>
      <c r="S28226">
        <v>13</v>
      </c>
      <c r="T28226">
        <v>13</v>
      </c>
      <c r="U28226">
        <v>14</v>
      </c>
      <c r="V28226">
        <v>14</v>
      </c>
      <c r="W28226">
        <v>14</v>
      </c>
      <c r="X28226">
        <v>15</v>
      </c>
      <c r="Y28226">
        <v>15</v>
      </c>
      <c r="Z28226">
        <v>15</v>
      </c>
      <c r="AA28226">
        <v>15</v>
      </c>
      <c r="AB28226">
        <v>16</v>
      </c>
      <c r="AC28226">
        <v>16</v>
      </c>
      <c r="AD28226">
        <v>16</v>
      </c>
      <c r="AE28226">
        <v>17</v>
      </c>
      <c r="AF28226">
        <v>17</v>
      </c>
      <c r="AG28226">
        <v>17</v>
      </c>
      <c r="AH28226">
        <v>18</v>
      </c>
      <c r="AI28226">
        <v>18</v>
      </c>
      <c r="AJ28226">
        <v>18</v>
      </c>
      <c r="AK28226">
        <v>18</v>
      </c>
      <c r="AL28226">
        <v>19</v>
      </c>
      <c r="AM28226">
        <v>19</v>
      </c>
      <c r="AN28226">
        <v>19</v>
      </c>
      <c r="AO28226">
        <v>19</v>
      </c>
      <c r="AP28226">
        <v>19</v>
      </c>
      <c r="AQ28226">
        <v>19</v>
      </c>
    </row>
    <row r="28227" spans="1:43">
      <c r="A28227" t="s">
        <v>17467</v>
      </c>
      <c r="B28227" t="s">
        <v>17468</v>
      </c>
      <c r="C28227" t="s">
        <v>17469</v>
      </c>
      <c r="D28227" t="s">
        <v>17470</v>
      </c>
      <c r="E28227" t="s">
        <v>17455</v>
      </c>
      <c r="F28227" t="s">
        <v>17456</v>
      </c>
      <c r="G28227" t="s">
        <v>16559</v>
      </c>
      <c r="H28227" t="s">
        <v>16560</v>
      </c>
      <c r="I28227" s="2">
        <v>1</v>
      </c>
      <c r="J28227" s="2">
        <v>0</v>
      </c>
      <c r="K28227" s="2">
        <v>0</v>
      </c>
      <c r="L28227" t="s">
        <v>120</v>
      </c>
      <c r="M28227" t="s">
        <v>87</v>
      </c>
      <c r="N28227" t="s">
        <v>88</v>
      </c>
      <c r="O28227" t="s">
        <v>85</v>
      </c>
      <c r="P28227" t="s">
        <v>86</v>
      </c>
      <c r="Q28227">
        <v>13</v>
      </c>
      <c r="R28227">
        <v>14</v>
      </c>
      <c r="S28227">
        <v>14</v>
      </c>
      <c r="T28227">
        <v>14</v>
      </c>
      <c r="U28227">
        <v>14</v>
      </c>
      <c r="V28227">
        <v>14</v>
      </c>
      <c r="W28227">
        <v>14</v>
      </c>
      <c r="X28227">
        <v>15</v>
      </c>
      <c r="Y28227">
        <v>15</v>
      </c>
      <c r="Z28227">
        <v>15</v>
      </c>
      <c r="AA28227">
        <v>15</v>
      </c>
      <c r="AB28227">
        <v>15</v>
      </c>
      <c r="AC28227">
        <v>15</v>
      </c>
      <c r="AD28227">
        <v>16</v>
      </c>
      <c r="AE28227">
        <v>16</v>
      </c>
      <c r="AF28227">
        <v>16</v>
      </c>
      <c r="AG28227">
        <v>16</v>
      </c>
      <c r="AH28227">
        <v>16</v>
      </c>
      <c r="AI28227">
        <v>16</v>
      </c>
      <c r="AJ28227">
        <v>17</v>
      </c>
      <c r="AK28227">
        <v>17</v>
      </c>
      <c r="AL28227">
        <v>17</v>
      </c>
      <c r="AM28227">
        <v>17</v>
      </c>
      <c r="AN28227">
        <v>17</v>
      </c>
      <c r="AO28227">
        <v>18</v>
      </c>
      <c r="AP28227">
        <v>18</v>
      </c>
      <c r="AQ28227">
        <v>18</v>
      </c>
    </row>
    <row r="28228" spans="1:43">
      <c r="A28228" t="s">
        <v>17467</v>
      </c>
      <c r="B28228" t="s">
        <v>17468</v>
      </c>
      <c r="C28228" t="s">
        <v>17469</v>
      </c>
      <c r="D28228" t="s">
        <v>17470</v>
      </c>
      <c r="E28228" t="s">
        <v>17455</v>
      </c>
      <c r="F28228" t="s">
        <v>17456</v>
      </c>
      <c r="G28228" t="s">
        <v>16559</v>
      </c>
      <c r="H28228" t="s">
        <v>16560</v>
      </c>
      <c r="I28228" s="2">
        <v>1</v>
      </c>
      <c r="J28228" s="2">
        <v>0</v>
      </c>
      <c r="K28228" s="2">
        <v>0</v>
      </c>
      <c r="L28228" t="s">
        <v>120</v>
      </c>
      <c r="M28228" t="s">
        <v>89</v>
      </c>
      <c r="N28228" t="s">
        <v>90</v>
      </c>
      <c r="O28228" t="s">
        <v>85</v>
      </c>
      <c r="P28228" t="s">
        <v>86</v>
      </c>
      <c r="Q28228">
        <v>13</v>
      </c>
      <c r="R28228">
        <v>13</v>
      </c>
      <c r="S28228">
        <v>13</v>
      </c>
      <c r="T28228">
        <v>14</v>
      </c>
      <c r="U28228">
        <v>14</v>
      </c>
      <c r="V28228">
        <v>15</v>
      </c>
      <c r="W28228">
        <v>15</v>
      </c>
      <c r="X28228">
        <v>15</v>
      </c>
      <c r="Y28228">
        <v>16</v>
      </c>
      <c r="Z28228">
        <v>16</v>
      </c>
      <c r="AA28228">
        <v>16</v>
      </c>
      <c r="AB28228">
        <v>17</v>
      </c>
      <c r="AC28228">
        <v>17</v>
      </c>
      <c r="AD28228">
        <v>17</v>
      </c>
      <c r="AE28228">
        <v>18</v>
      </c>
      <c r="AF28228">
        <v>18</v>
      </c>
      <c r="AG28228">
        <v>18</v>
      </c>
      <c r="AH28228">
        <v>18</v>
      </c>
      <c r="AI28228">
        <v>18</v>
      </c>
      <c r="AJ28228">
        <v>19</v>
      </c>
      <c r="AK28228">
        <v>19</v>
      </c>
      <c r="AL28228">
        <v>19</v>
      </c>
      <c r="AM28228">
        <v>19</v>
      </c>
      <c r="AN28228">
        <v>19</v>
      </c>
      <c r="AO28228">
        <v>19</v>
      </c>
      <c r="AP28228">
        <v>19</v>
      </c>
      <c r="AQ28228">
        <v>20</v>
      </c>
    </row>
    <row r="28229" spans="1:43">
      <c r="A28229" t="s">
        <v>17467</v>
      </c>
      <c r="B28229" t="s">
        <v>17468</v>
      </c>
      <c r="C28229" t="s">
        <v>17469</v>
      </c>
      <c r="D28229" t="s">
        <v>17470</v>
      </c>
      <c r="E28229" t="s">
        <v>17455</v>
      </c>
      <c r="F28229" t="s">
        <v>17456</v>
      </c>
      <c r="G28229" t="s">
        <v>16559</v>
      </c>
      <c r="H28229" t="s">
        <v>16560</v>
      </c>
      <c r="I28229" s="2">
        <v>1</v>
      </c>
      <c r="J28229" s="2">
        <v>0</v>
      </c>
      <c r="K28229" s="2">
        <v>0</v>
      </c>
      <c r="L28229" t="s">
        <v>120</v>
      </c>
      <c r="M28229" t="s">
        <v>83</v>
      </c>
      <c r="N28229" t="s">
        <v>91</v>
      </c>
      <c r="O28229" t="s">
        <v>85</v>
      </c>
      <c r="P28229" t="s">
        <v>86</v>
      </c>
      <c r="Q28229">
        <v>13</v>
      </c>
      <c r="R28229">
        <v>13</v>
      </c>
      <c r="S28229">
        <v>13</v>
      </c>
      <c r="T28229">
        <v>13</v>
      </c>
      <c r="U28229">
        <v>14</v>
      </c>
      <c r="V28229">
        <v>14</v>
      </c>
      <c r="W28229">
        <v>14</v>
      </c>
      <c r="X28229">
        <v>15</v>
      </c>
      <c r="Y28229">
        <v>15</v>
      </c>
      <c r="Z28229">
        <v>15</v>
      </c>
      <c r="AA28229">
        <v>15</v>
      </c>
      <c r="AB28229">
        <v>16</v>
      </c>
      <c r="AC28229">
        <v>16</v>
      </c>
      <c r="AD28229">
        <v>16</v>
      </c>
      <c r="AE28229">
        <v>17</v>
      </c>
      <c r="AF28229">
        <v>17</v>
      </c>
      <c r="AG28229">
        <v>17</v>
      </c>
      <c r="AH28229">
        <v>18</v>
      </c>
      <c r="AI28229">
        <v>18</v>
      </c>
      <c r="AJ28229">
        <v>18</v>
      </c>
      <c r="AK28229">
        <v>18</v>
      </c>
      <c r="AL28229">
        <v>19</v>
      </c>
      <c r="AM28229">
        <v>19</v>
      </c>
      <c r="AN28229">
        <v>19</v>
      </c>
      <c r="AO28229">
        <v>19</v>
      </c>
      <c r="AP28229">
        <v>19</v>
      </c>
      <c r="AQ28229">
        <v>19</v>
      </c>
    </row>
    <row r="28230" spans="1:43">
      <c r="A28230" t="s">
        <v>17471</v>
      </c>
      <c r="B28230" t="s">
        <v>17472</v>
      </c>
      <c r="C28230" t="s">
        <v>17469</v>
      </c>
      <c r="D28230" t="s">
        <v>17470</v>
      </c>
      <c r="E28230" t="s">
        <v>17455</v>
      </c>
      <c r="F28230" t="s">
        <v>17456</v>
      </c>
      <c r="G28230" t="s">
        <v>16559</v>
      </c>
      <c r="H28230" t="s">
        <v>16560</v>
      </c>
      <c r="I28230" s="2">
        <v>1</v>
      </c>
      <c r="J28230" s="2">
        <v>0</v>
      </c>
      <c r="K28230" s="2">
        <v>0</v>
      </c>
      <c r="L28230" t="s">
        <v>120</v>
      </c>
      <c r="M28230" t="s">
        <v>83</v>
      </c>
      <c r="N28230" t="s">
        <v>84</v>
      </c>
      <c r="O28230" t="s">
        <v>85</v>
      </c>
      <c r="P28230" t="s">
        <v>86</v>
      </c>
      <c r="Q28230">
        <v>22</v>
      </c>
      <c r="R28230">
        <v>23</v>
      </c>
      <c r="S28230">
        <v>23</v>
      </c>
      <c r="T28230">
        <v>24</v>
      </c>
      <c r="U28230">
        <v>24</v>
      </c>
      <c r="V28230">
        <v>25</v>
      </c>
      <c r="W28230">
        <v>25</v>
      </c>
      <c r="X28230">
        <v>26</v>
      </c>
      <c r="Y28230">
        <v>26</v>
      </c>
      <c r="Z28230">
        <v>27</v>
      </c>
      <c r="AA28230">
        <v>27</v>
      </c>
      <c r="AB28230">
        <v>28</v>
      </c>
      <c r="AC28230">
        <v>28</v>
      </c>
      <c r="AD28230">
        <v>29</v>
      </c>
      <c r="AE28230">
        <v>29</v>
      </c>
      <c r="AF28230">
        <v>30</v>
      </c>
      <c r="AG28230">
        <v>30</v>
      </c>
      <c r="AH28230">
        <v>31</v>
      </c>
      <c r="AI28230">
        <v>32</v>
      </c>
      <c r="AJ28230">
        <v>32</v>
      </c>
      <c r="AK28230">
        <v>33</v>
      </c>
      <c r="AL28230">
        <v>33</v>
      </c>
      <c r="AM28230">
        <v>33</v>
      </c>
      <c r="AN28230">
        <v>34</v>
      </c>
      <c r="AO28230">
        <v>34</v>
      </c>
      <c r="AP28230">
        <v>34</v>
      </c>
      <c r="AQ28230">
        <v>34</v>
      </c>
    </row>
    <row r="28231" spans="1:43">
      <c r="A28231" t="s">
        <v>17471</v>
      </c>
      <c r="B28231" t="s">
        <v>17472</v>
      </c>
      <c r="C28231" t="s">
        <v>17469</v>
      </c>
      <c r="D28231" t="s">
        <v>17470</v>
      </c>
      <c r="E28231" t="s">
        <v>17455</v>
      </c>
      <c r="F28231" t="s">
        <v>17456</v>
      </c>
      <c r="G28231" t="s">
        <v>16559</v>
      </c>
      <c r="H28231" t="s">
        <v>16560</v>
      </c>
      <c r="I28231" s="2">
        <v>1</v>
      </c>
      <c r="J28231" s="2">
        <v>0</v>
      </c>
      <c r="K28231" s="2">
        <v>0</v>
      </c>
      <c r="L28231" t="s">
        <v>120</v>
      </c>
      <c r="M28231" t="s">
        <v>87</v>
      </c>
      <c r="N28231" t="s">
        <v>88</v>
      </c>
      <c r="O28231" t="s">
        <v>85</v>
      </c>
      <c r="P28231" t="s">
        <v>86</v>
      </c>
      <c r="Q28231">
        <v>22</v>
      </c>
      <c r="R28231">
        <v>22</v>
      </c>
      <c r="S28231">
        <v>23</v>
      </c>
      <c r="T28231">
        <v>23</v>
      </c>
      <c r="U28231">
        <v>23</v>
      </c>
      <c r="V28231">
        <v>23</v>
      </c>
      <c r="W28231">
        <v>24</v>
      </c>
      <c r="X28231">
        <v>24</v>
      </c>
      <c r="Y28231">
        <v>24</v>
      </c>
      <c r="Z28231">
        <v>25</v>
      </c>
      <c r="AA28231">
        <v>25</v>
      </c>
      <c r="AB28231">
        <v>25</v>
      </c>
      <c r="AC28231">
        <v>26</v>
      </c>
      <c r="AD28231">
        <v>26</v>
      </c>
      <c r="AE28231">
        <v>26</v>
      </c>
      <c r="AF28231">
        <v>26</v>
      </c>
      <c r="AG28231">
        <v>27</v>
      </c>
      <c r="AH28231">
        <v>27</v>
      </c>
      <c r="AI28231">
        <v>27</v>
      </c>
      <c r="AJ28231">
        <v>28</v>
      </c>
      <c r="AK28231">
        <v>28</v>
      </c>
      <c r="AL28231">
        <v>28</v>
      </c>
      <c r="AM28231">
        <v>29</v>
      </c>
      <c r="AN28231">
        <v>29</v>
      </c>
      <c r="AO28231">
        <v>29</v>
      </c>
      <c r="AP28231">
        <v>30</v>
      </c>
      <c r="AQ28231">
        <v>30</v>
      </c>
    </row>
    <row r="28232" spans="1:43">
      <c r="A28232" t="s">
        <v>17471</v>
      </c>
      <c r="B28232" t="s">
        <v>17472</v>
      </c>
      <c r="C28232" t="s">
        <v>17469</v>
      </c>
      <c r="D28232" t="s">
        <v>17470</v>
      </c>
      <c r="E28232" t="s">
        <v>17455</v>
      </c>
      <c r="F28232" t="s">
        <v>17456</v>
      </c>
      <c r="G28232" t="s">
        <v>16559</v>
      </c>
      <c r="H28232" t="s">
        <v>16560</v>
      </c>
      <c r="I28232" s="2">
        <v>1</v>
      </c>
      <c r="J28232" s="2">
        <v>0</v>
      </c>
      <c r="K28232" s="2">
        <v>0</v>
      </c>
      <c r="L28232" t="s">
        <v>120</v>
      </c>
      <c r="M28232" t="s">
        <v>89</v>
      </c>
      <c r="N28232" t="s">
        <v>90</v>
      </c>
      <c r="O28232" t="s">
        <v>85</v>
      </c>
      <c r="P28232" t="s">
        <v>86</v>
      </c>
      <c r="Q28232">
        <v>22</v>
      </c>
      <c r="R28232">
        <v>23</v>
      </c>
      <c r="S28232">
        <v>24</v>
      </c>
      <c r="T28232">
        <v>24</v>
      </c>
      <c r="U28232">
        <v>25</v>
      </c>
      <c r="V28232">
        <v>26</v>
      </c>
      <c r="W28232">
        <v>26</v>
      </c>
      <c r="X28232">
        <v>27</v>
      </c>
      <c r="Y28232">
        <v>28</v>
      </c>
      <c r="Z28232">
        <v>28</v>
      </c>
      <c r="AA28232">
        <v>29</v>
      </c>
      <c r="AB28232">
        <v>30</v>
      </c>
      <c r="AC28232">
        <v>30</v>
      </c>
      <c r="AD28232">
        <v>31</v>
      </c>
      <c r="AE28232">
        <v>31</v>
      </c>
      <c r="AF28232">
        <v>32</v>
      </c>
      <c r="AG28232">
        <v>32</v>
      </c>
      <c r="AH28232">
        <v>32</v>
      </c>
      <c r="AI28232">
        <v>32</v>
      </c>
      <c r="AJ28232">
        <v>33</v>
      </c>
      <c r="AK28232">
        <v>33</v>
      </c>
      <c r="AL28232">
        <v>33</v>
      </c>
      <c r="AM28232">
        <v>34</v>
      </c>
      <c r="AN28232">
        <v>34</v>
      </c>
      <c r="AO28232">
        <v>34</v>
      </c>
      <c r="AP28232">
        <v>34</v>
      </c>
      <c r="AQ28232">
        <v>35</v>
      </c>
    </row>
    <row r="28233" spans="1:43">
      <c r="A28233" t="s">
        <v>17471</v>
      </c>
      <c r="B28233" t="s">
        <v>17472</v>
      </c>
      <c r="C28233" t="s">
        <v>17469</v>
      </c>
      <c r="D28233" t="s">
        <v>17470</v>
      </c>
      <c r="E28233" t="s">
        <v>17455</v>
      </c>
      <c r="F28233" t="s">
        <v>17456</v>
      </c>
      <c r="G28233" t="s">
        <v>16559</v>
      </c>
      <c r="H28233" t="s">
        <v>16560</v>
      </c>
      <c r="I28233" s="2">
        <v>1</v>
      </c>
      <c r="J28233" s="2">
        <v>0</v>
      </c>
      <c r="K28233" s="2">
        <v>0</v>
      </c>
      <c r="L28233" t="s">
        <v>120</v>
      </c>
      <c r="M28233" t="s">
        <v>83</v>
      </c>
      <c r="N28233" t="s">
        <v>91</v>
      </c>
      <c r="O28233" t="s">
        <v>85</v>
      </c>
      <c r="P28233" t="s">
        <v>86</v>
      </c>
      <c r="Q28233">
        <v>22</v>
      </c>
      <c r="R28233">
        <v>23</v>
      </c>
      <c r="S28233">
        <v>23</v>
      </c>
      <c r="T28233">
        <v>24</v>
      </c>
      <c r="U28233">
        <v>24</v>
      </c>
      <c r="V28233">
        <v>25</v>
      </c>
      <c r="W28233">
        <v>25</v>
      </c>
      <c r="X28233">
        <v>26</v>
      </c>
      <c r="Y28233">
        <v>26</v>
      </c>
      <c r="Z28233">
        <v>27</v>
      </c>
      <c r="AA28233">
        <v>27</v>
      </c>
      <c r="AB28233">
        <v>28</v>
      </c>
      <c r="AC28233">
        <v>28</v>
      </c>
      <c r="AD28233">
        <v>29</v>
      </c>
      <c r="AE28233">
        <v>29</v>
      </c>
      <c r="AF28233">
        <v>30</v>
      </c>
      <c r="AG28233">
        <v>30</v>
      </c>
      <c r="AH28233">
        <v>31</v>
      </c>
      <c r="AI28233">
        <v>32</v>
      </c>
      <c r="AJ28233">
        <v>32</v>
      </c>
      <c r="AK28233">
        <v>33</v>
      </c>
      <c r="AL28233">
        <v>33</v>
      </c>
      <c r="AM28233">
        <v>33</v>
      </c>
      <c r="AN28233">
        <v>34</v>
      </c>
      <c r="AO28233">
        <v>34</v>
      </c>
      <c r="AP28233">
        <v>34</v>
      </c>
      <c r="AQ28233">
        <v>34</v>
      </c>
    </row>
    <row r="28234" spans="1:43">
      <c r="A28234" t="s">
        <v>17473</v>
      </c>
      <c r="B28234" t="s">
        <v>17474</v>
      </c>
      <c r="C28234" t="s">
        <v>17469</v>
      </c>
      <c r="D28234" t="s">
        <v>17470</v>
      </c>
      <c r="E28234" t="s">
        <v>17455</v>
      </c>
      <c r="F28234" t="s">
        <v>17456</v>
      </c>
      <c r="G28234" t="s">
        <v>16559</v>
      </c>
      <c r="H28234" t="s">
        <v>16560</v>
      </c>
      <c r="I28234" s="2">
        <v>1</v>
      </c>
      <c r="J28234" s="2">
        <v>0</v>
      </c>
      <c r="K28234" s="2">
        <v>0</v>
      </c>
      <c r="L28234" t="s">
        <v>120</v>
      </c>
      <c r="M28234" t="s">
        <v>83</v>
      </c>
      <c r="N28234" t="s">
        <v>84</v>
      </c>
      <c r="O28234" t="s">
        <v>85</v>
      </c>
      <c r="P28234" t="s">
        <v>86</v>
      </c>
      <c r="Q28234">
        <v>18</v>
      </c>
      <c r="R28234">
        <v>18</v>
      </c>
      <c r="S28234">
        <v>19</v>
      </c>
      <c r="T28234">
        <v>19</v>
      </c>
      <c r="U28234">
        <v>20</v>
      </c>
      <c r="V28234">
        <v>20</v>
      </c>
      <c r="W28234">
        <v>21</v>
      </c>
      <c r="X28234">
        <v>21</v>
      </c>
      <c r="Y28234">
        <v>22</v>
      </c>
      <c r="Z28234">
        <v>22</v>
      </c>
      <c r="AA28234">
        <v>23</v>
      </c>
      <c r="AB28234">
        <v>23</v>
      </c>
      <c r="AC28234">
        <v>23</v>
      </c>
      <c r="AD28234">
        <v>24</v>
      </c>
      <c r="AE28234">
        <v>24</v>
      </c>
      <c r="AF28234">
        <v>25</v>
      </c>
      <c r="AG28234">
        <v>25</v>
      </c>
      <c r="AH28234">
        <v>26</v>
      </c>
      <c r="AI28234">
        <v>26</v>
      </c>
      <c r="AJ28234">
        <v>27</v>
      </c>
      <c r="AK28234">
        <v>28</v>
      </c>
      <c r="AL28234">
        <v>28</v>
      </c>
      <c r="AM28234">
        <v>28</v>
      </c>
      <c r="AN28234">
        <v>28</v>
      </c>
      <c r="AO28234">
        <v>29</v>
      </c>
      <c r="AP28234">
        <v>29</v>
      </c>
      <c r="AQ28234">
        <v>29</v>
      </c>
    </row>
    <row r="28235" spans="1:43">
      <c r="A28235" t="s">
        <v>17473</v>
      </c>
      <c r="B28235" t="s">
        <v>17474</v>
      </c>
      <c r="C28235" t="s">
        <v>17469</v>
      </c>
      <c r="D28235" t="s">
        <v>17470</v>
      </c>
      <c r="E28235" t="s">
        <v>17455</v>
      </c>
      <c r="F28235" t="s">
        <v>17456</v>
      </c>
      <c r="G28235" t="s">
        <v>16559</v>
      </c>
      <c r="H28235" t="s">
        <v>16560</v>
      </c>
      <c r="I28235" s="2">
        <v>1</v>
      </c>
      <c r="J28235" s="2">
        <v>0</v>
      </c>
      <c r="K28235" s="2">
        <v>0</v>
      </c>
      <c r="L28235" t="s">
        <v>120</v>
      </c>
      <c r="M28235" t="s">
        <v>87</v>
      </c>
      <c r="N28235" t="s">
        <v>88</v>
      </c>
      <c r="O28235" t="s">
        <v>85</v>
      </c>
      <c r="P28235" t="s">
        <v>86</v>
      </c>
      <c r="Q28235">
        <v>18</v>
      </c>
      <c r="R28235">
        <v>18</v>
      </c>
      <c r="S28235">
        <v>18</v>
      </c>
      <c r="T28235">
        <v>19</v>
      </c>
      <c r="U28235">
        <v>19</v>
      </c>
      <c r="V28235">
        <v>19</v>
      </c>
      <c r="W28235">
        <v>19</v>
      </c>
      <c r="X28235">
        <v>20</v>
      </c>
      <c r="Y28235">
        <v>20</v>
      </c>
      <c r="Z28235">
        <v>20</v>
      </c>
      <c r="AA28235">
        <v>21</v>
      </c>
      <c r="AB28235">
        <v>21</v>
      </c>
      <c r="AC28235">
        <v>21</v>
      </c>
      <c r="AD28235">
        <v>21</v>
      </c>
      <c r="AE28235">
        <v>22</v>
      </c>
      <c r="AF28235">
        <v>22</v>
      </c>
      <c r="AG28235">
        <v>22</v>
      </c>
      <c r="AH28235">
        <v>23</v>
      </c>
      <c r="AI28235">
        <v>23</v>
      </c>
      <c r="AJ28235">
        <v>23</v>
      </c>
      <c r="AK28235">
        <v>23</v>
      </c>
      <c r="AL28235">
        <v>24</v>
      </c>
      <c r="AM28235">
        <v>24</v>
      </c>
      <c r="AN28235">
        <v>24</v>
      </c>
      <c r="AO28235">
        <v>25</v>
      </c>
      <c r="AP28235">
        <v>25</v>
      </c>
      <c r="AQ28235">
        <v>25</v>
      </c>
    </row>
    <row r="28236" spans="1:43">
      <c r="A28236" t="s">
        <v>17473</v>
      </c>
      <c r="B28236" t="s">
        <v>17474</v>
      </c>
      <c r="C28236" t="s">
        <v>17469</v>
      </c>
      <c r="D28236" t="s">
        <v>17470</v>
      </c>
      <c r="E28236" t="s">
        <v>17455</v>
      </c>
      <c r="F28236" t="s">
        <v>17456</v>
      </c>
      <c r="G28236" t="s">
        <v>16559</v>
      </c>
      <c r="H28236" t="s">
        <v>16560</v>
      </c>
      <c r="I28236" s="2">
        <v>1</v>
      </c>
      <c r="J28236" s="2">
        <v>0</v>
      </c>
      <c r="K28236" s="2">
        <v>0</v>
      </c>
      <c r="L28236" t="s">
        <v>120</v>
      </c>
      <c r="M28236" t="s">
        <v>89</v>
      </c>
      <c r="N28236" t="s">
        <v>90</v>
      </c>
      <c r="O28236" t="s">
        <v>85</v>
      </c>
      <c r="P28236" t="s">
        <v>86</v>
      </c>
      <c r="Q28236">
        <v>18</v>
      </c>
      <c r="R28236">
        <v>19</v>
      </c>
      <c r="S28236">
        <v>19</v>
      </c>
      <c r="T28236">
        <v>20</v>
      </c>
      <c r="U28236">
        <v>21</v>
      </c>
      <c r="V28236">
        <v>21</v>
      </c>
      <c r="W28236">
        <v>22</v>
      </c>
      <c r="X28236">
        <v>22</v>
      </c>
      <c r="Y28236">
        <v>23</v>
      </c>
      <c r="Z28236">
        <v>23</v>
      </c>
      <c r="AA28236">
        <v>24</v>
      </c>
      <c r="AB28236">
        <v>25</v>
      </c>
      <c r="AC28236">
        <v>25</v>
      </c>
      <c r="AD28236">
        <v>26</v>
      </c>
      <c r="AE28236">
        <v>26</v>
      </c>
      <c r="AF28236">
        <v>27</v>
      </c>
      <c r="AG28236">
        <v>27</v>
      </c>
      <c r="AH28236">
        <v>27</v>
      </c>
      <c r="AI28236">
        <v>27</v>
      </c>
      <c r="AJ28236">
        <v>28</v>
      </c>
      <c r="AK28236">
        <v>28</v>
      </c>
      <c r="AL28236">
        <v>28</v>
      </c>
      <c r="AM28236">
        <v>28</v>
      </c>
      <c r="AN28236">
        <v>28</v>
      </c>
      <c r="AO28236">
        <v>29</v>
      </c>
      <c r="AP28236">
        <v>29</v>
      </c>
      <c r="AQ28236">
        <v>29</v>
      </c>
    </row>
    <row r="28237" spans="1:43">
      <c r="A28237" t="s">
        <v>17473</v>
      </c>
      <c r="B28237" t="s">
        <v>17474</v>
      </c>
      <c r="C28237" t="s">
        <v>17469</v>
      </c>
      <c r="D28237" t="s">
        <v>17470</v>
      </c>
      <c r="E28237" t="s">
        <v>17455</v>
      </c>
      <c r="F28237" t="s">
        <v>17456</v>
      </c>
      <c r="G28237" t="s">
        <v>16559</v>
      </c>
      <c r="H28237" t="s">
        <v>16560</v>
      </c>
      <c r="I28237" s="2">
        <v>1</v>
      </c>
      <c r="J28237" s="2">
        <v>0</v>
      </c>
      <c r="K28237" s="2">
        <v>0</v>
      </c>
      <c r="L28237" t="s">
        <v>120</v>
      </c>
      <c r="M28237" t="s">
        <v>83</v>
      </c>
      <c r="N28237" t="s">
        <v>91</v>
      </c>
      <c r="O28237" t="s">
        <v>85</v>
      </c>
      <c r="P28237" t="s">
        <v>86</v>
      </c>
      <c r="Q28237">
        <v>18</v>
      </c>
      <c r="R28237">
        <v>18</v>
      </c>
      <c r="S28237">
        <v>19</v>
      </c>
      <c r="T28237">
        <v>19</v>
      </c>
      <c r="U28237">
        <v>20</v>
      </c>
      <c r="V28237">
        <v>20</v>
      </c>
      <c r="W28237">
        <v>21</v>
      </c>
      <c r="X28237">
        <v>21</v>
      </c>
      <c r="Y28237">
        <v>22</v>
      </c>
      <c r="Z28237">
        <v>22</v>
      </c>
      <c r="AA28237">
        <v>23</v>
      </c>
      <c r="AB28237">
        <v>23</v>
      </c>
      <c r="AC28237">
        <v>23</v>
      </c>
      <c r="AD28237">
        <v>24</v>
      </c>
      <c r="AE28237">
        <v>24</v>
      </c>
      <c r="AF28237">
        <v>25</v>
      </c>
      <c r="AG28237">
        <v>25</v>
      </c>
      <c r="AH28237">
        <v>26</v>
      </c>
      <c r="AI28237">
        <v>26</v>
      </c>
      <c r="AJ28237">
        <v>27</v>
      </c>
      <c r="AK28237">
        <v>28</v>
      </c>
      <c r="AL28237">
        <v>28</v>
      </c>
      <c r="AM28237">
        <v>28</v>
      </c>
      <c r="AN28237">
        <v>28</v>
      </c>
      <c r="AO28237">
        <v>29</v>
      </c>
      <c r="AP28237">
        <v>29</v>
      </c>
      <c r="AQ28237">
        <v>29</v>
      </c>
    </row>
    <row r="28238" spans="1:43">
      <c r="A28238" t="s">
        <v>17475</v>
      </c>
      <c r="B28238" t="s">
        <v>17476</v>
      </c>
      <c r="C28238" t="s">
        <v>17469</v>
      </c>
      <c r="D28238" t="s">
        <v>17470</v>
      </c>
      <c r="E28238" t="s">
        <v>17455</v>
      </c>
      <c r="F28238" t="s">
        <v>17456</v>
      </c>
      <c r="G28238" t="s">
        <v>16559</v>
      </c>
      <c r="H28238" t="s">
        <v>16560</v>
      </c>
      <c r="I28238" s="2">
        <v>1</v>
      </c>
      <c r="J28238" s="2">
        <v>0</v>
      </c>
      <c r="K28238" s="2">
        <v>0</v>
      </c>
      <c r="L28238" t="s">
        <v>120</v>
      </c>
      <c r="M28238" t="s">
        <v>83</v>
      </c>
      <c r="N28238" t="s">
        <v>84</v>
      </c>
      <c r="O28238" t="s">
        <v>85</v>
      </c>
      <c r="P28238" t="s">
        <v>86</v>
      </c>
      <c r="Q28238">
        <v>8</v>
      </c>
      <c r="R28238">
        <v>8</v>
      </c>
      <c r="S28238">
        <v>8</v>
      </c>
      <c r="T28238">
        <v>8</v>
      </c>
      <c r="U28238">
        <v>8</v>
      </c>
      <c r="V28238">
        <v>8</v>
      </c>
      <c r="W28238">
        <v>9</v>
      </c>
      <c r="X28238">
        <v>9</v>
      </c>
      <c r="Y28238">
        <v>9</v>
      </c>
      <c r="Z28238">
        <v>9</v>
      </c>
      <c r="AA28238">
        <v>9</v>
      </c>
      <c r="AB28238">
        <v>9</v>
      </c>
      <c r="AC28238">
        <v>10</v>
      </c>
      <c r="AD28238">
        <v>10</v>
      </c>
      <c r="AE28238">
        <v>10</v>
      </c>
      <c r="AF28238">
        <v>10</v>
      </c>
      <c r="AG28238">
        <v>10</v>
      </c>
      <c r="AH28238">
        <v>11</v>
      </c>
      <c r="AI28238">
        <v>11</v>
      </c>
      <c r="AJ28238">
        <v>11</v>
      </c>
      <c r="AK28238">
        <v>11</v>
      </c>
      <c r="AL28238">
        <v>11</v>
      </c>
      <c r="AM28238">
        <v>11</v>
      </c>
      <c r="AN28238">
        <v>12</v>
      </c>
      <c r="AO28238">
        <v>12</v>
      </c>
      <c r="AP28238">
        <v>12</v>
      </c>
      <c r="AQ28238">
        <v>12</v>
      </c>
    </row>
    <row r="28239" spans="1:43">
      <c r="A28239" t="s">
        <v>17475</v>
      </c>
      <c r="B28239" t="s">
        <v>17476</v>
      </c>
      <c r="C28239" t="s">
        <v>17469</v>
      </c>
      <c r="D28239" t="s">
        <v>17470</v>
      </c>
      <c r="E28239" t="s">
        <v>17455</v>
      </c>
      <c r="F28239" t="s">
        <v>17456</v>
      </c>
      <c r="G28239" t="s">
        <v>16559</v>
      </c>
      <c r="H28239" t="s">
        <v>16560</v>
      </c>
      <c r="I28239" s="2">
        <v>1</v>
      </c>
      <c r="J28239" s="2">
        <v>0</v>
      </c>
      <c r="K28239" s="2">
        <v>0</v>
      </c>
      <c r="L28239" t="s">
        <v>120</v>
      </c>
      <c r="M28239" t="s">
        <v>87</v>
      </c>
      <c r="N28239" t="s">
        <v>88</v>
      </c>
      <c r="O28239" t="s">
        <v>85</v>
      </c>
      <c r="P28239" t="s">
        <v>86</v>
      </c>
      <c r="Q28239">
        <v>8</v>
      </c>
      <c r="R28239">
        <v>9</v>
      </c>
      <c r="S28239">
        <v>9</v>
      </c>
      <c r="T28239">
        <v>9</v>
      </c>
      <c r="U28239">
        <v>9</v>
      </c>
      <c r="V28239">
        <v>9</v>
      </c>
      <c r="W28239">
        <v>9</v>
      </c>
      <c r="X28239">
        <v>9</v>
      </c>
      <c r="Y28239">
        <v>9</v>
      </c>
      <c r="Z28239">
        <v>9</v>
      </c>
      <c r="AA28239">
        <v>9</v>
      </c>
      <c r="AB28239">
        <v>10</v>
      </c>
      <c r="AC28239">
        <v>10</v>
      </c>
      <c r="AD28239">
        <v>10</v>
      </c>
      <c r="AE28239">
        <v>10</v>
      </c>
      <c r="AF28239">
        <v>10</v>
      </c>
      <c r="AG28239">
        <v>10</v>
      </c>
      <c r="AH28239">
        <v>10</v>
      </c>
      <c r="AI28239">
        <v>10</v>
      </c>
      <c r="AJ28239">
        <v>10</v>
      </c>
      <c r="AK28239">
        <v>11</v>
      </c>
      <c r="AL28239">
        <v>11</v>
      </c>
      <c r="AM28239">
        <v>11</v>
      </c>
      <c r="AN28239">
        <v>11</v>
      </c>
      <c r="AO28239">
        <v>11</v>
      </c>
      <c r="AP28239">
        <v>11</v>
      </c>
      <c r="AQ28239">
        <v>11</v>
      </c>
    </row>
    <row r="28240" spans="1:43">
      <c r="A28240" t="s">
        <v>17475</v>
      </c>
      <c r="B28240" t="s">
        <v>17476</v>
      </c>
      <c r="C28240" t="s">
        <v>17469</v>
      </c>
      <c r="D28240" t="s">
        <v>17470</v>
      </c>
      <c r="E28240" t="s">
        <v>17455</v>
      </c>
      <c r="F28240" t="s">
        <v>17456</v>
      </c>
      <c r="G28240" t="s">
        <v>16559</v>
      </c>
      <c r="H28240" t="s">
        <v>16560</v>
      </c>
      <c r="I28240" s="2">
        <v>1</v>
      </c>
      <c r="J28240" s="2">
        <v>0</v>
      </c>
      <c r="K28240" s="2">
        <v>0</v>
      </c>
      <c r="L28240" t="s">
        <v>120</v>
      </c>
      <c r="M28240" t="s">
        <v>89</v>
      </c>
      <c r="N28240" t="s">
        <v>90</v>
      </c>
      <c r="O28240" t="s">
        <v>85</v>
      </c>
      <c r="P28240" t="s">
        <v>86</v>
      </c>
      <c r="Q28240">
        <v>8</v>
      </c>
      <c r="R28240">
        <v>8</v>
      </c>
      <c r="S28240">
        <v>8</v>
      </c>
      <c r="T28240">
        <v>8</v>
      </c>
      <c r="U28240">
        <v>9</v>
      </c>
      <c r="V28240">
        <v>9</v>
      </c>
      <c r="W28240">
        <v>9</v>
      </c>
      <c r="X28240">
        <v>9</v>
      </c>
      <c r="Y28240">
        <v>9</v>
      </c>
      <c r="Z28240">
        <v>10</v>
      </c>
      <c r="AA28240">
        <v>10</v>
      </c>
      <c r="AB28240">
        <v>10</v>
      </c>
      <c r="AC28240">
        <v>10</v>
      </c>
      <c r="AD28240">
        <v>11</v>
      </c>
      <c r="AE28240">
        <v>11</v>
      </c>
      <c r="AF28240">
        <v>11</v>
      </c>
      <c r="AG28240">
        <v>11</v>
      </c>
      <c r="AH28240">
        <v>11</v>
      </c>
      <c r="AI28240">
        <v>11</v>
      </c>
      <c r="AJ28240">
        <v>11</v>
      </c>
      <c r="AK28240">
        <v>11</v>
      </c>
      <c r="AL28240">
        <v>11</v>
      </c>
      <c r="AM28240">
        <v>12</v>
      </c>
      <c r="AN28240">
        <v>12</v>
      </c>
      <c r="AO28240">
        <v>12</v>
      </c>
      <c r="AP28240">
        <v>12</v>
      </c>
      <c r="AQ28240">
        <v>12</v>
      </c>
    </row>
    <row r="28241" spans="1:43">
      <c r="A28241" t="s">
        <v>17475</v>
      </c>
      <c r="B28241" t="s">
        <v>17476</v>
      </c>
      <c r="C28241" t="s">
        <v>17469</v>
      </c>
      <c r="D28241" t="s">
        <v>17470</v>
      </c>
      <c r="E28241" t="s">
        <v>17455</v>
      </c>
      <c r="F28241" t="s">
        <v>17456</v>
      </c>
      <c r="G28241" t="s">
        <v>16559</v>
      </c>
      <c r="H28241" t="s">
        <v>16560</v>
      </c>
      <c r="I28241" s="2">
        <v>1</v>
      </c>
      <c r="J28241" s="2">
        <v>0</v>
      </c>
      <c r="K28241" s="2">
        <v>0</v>
      </c>
      <c r="L28241" t="s">
        <v>120</v>
      </c>
      <c r="M28241" t="s">
        <v>83</v>
      </c>
      <c r="N28241" t="s">
        <v>91</v>
      </c>
      <c r="O28241" t="s">
        <v>85</v>
      </c>
      <c r="P28241" t="s">
        <v>86</v>
      </c>
      <c r="Q28241">
        <v>8</v>
      </c>
      <c r="R28241">
        <v>8</v>
      </c>
      <c r="S28241">
        <v>8</v>
      </c>
      <c r="T28241">
        <v>8</v>
      </c>
      <c r="U28241">
        <v>8</v>
      </c>
      <c r="V28241">
        <v>8</v>
      </c>
      <c r="W28241">
        <v>9</v>
      </c>
      <c r="X28241">
        <v>9</v>
      </c>
      <c r="Y28241">
        <v>9</v>
      </c>
      <c r="Z28241">
        <v>9</v>
      </c>
      <c r="AA28241">
        <v>9</v>
      </c>
      <c r="AB28241">
        <v>9</v>
      </c>
      <c r="AC28241">
        <v>10</v>
      </c>
      <c r="AD28241">
        <v>10</v>
      </c>
      <c r="AE28241">
        <v>10</v>
      </c>
      <c r="AF28241">
        <v>10</v>
      </c>
      <c r="AG28241">
        <v>10</v>
      </c>
      <c r="AH28241">
        <v>11</v>
      </c>
      <c r="AI28241">
        <v>11</v>
      </c>
      <c r="AJ28241">
        <v>11</v>
      </c>
      <c r="AK28241">
        <v>11</v>
      </c>
      <c r="AL28241">
        <v>11</v>
      </c>
      <c r="AM28241">
        <v>11</v>
      </c>
      <c r="AN28241">
        <v>12</v>
      </c>
      <c r="AO28241">
        <v>12</v>
      </c>
      <c r="AP28241">
        <v>12</v>
      </c>
      <c r="AQ28241">
        <v>12</v>
      </c>
    </row>
    <row r="28242" spans="1:43">
      <c r="A28242" t="s">
        <v>17477</v>
      </c>
      <c r="B28242" t="s">
        <v>17478</v>
      </c>
      <c r="C28242" t="s">
        <v>17479</v>
      </c>
      <c r="D28242" t="s">
        <v>17480</v>
      </c>
      <c r="E28242" t="s">
        <v>17455</v>
      </c>
      <c r="F28242" t="s">
        <v>17456</v>
      </c>
      <c r="G28242" t="s">
        <v>16559</v>
      </c>
      <c r="H28242" t="s">
        <v>16560</v>
      </c>
      <c r="I28242" s="2">
        <v>1</v>
      </c>
      <c r="J28242" s="2">
        <v>0</v>
      </c>
      <c r="K28242" s="2">
        <v>0</v>
      </c>
      <c r="L28242" t="s">
        <v>120</v>
      </c>
      <c r="M28242" t="s">
        <v>83</v>
      </c>
      <c r="N28242" t="s">
        <v>84</v>
      </c>
      <c r="O28242" t="s">
        <v>85</v>
      </c>
      <c r="P28242" t="s">
        <v>86</v>
      </c>
      <c r="Q28242">
        <v>15</v>
      </c>
      <c r="R28242">
        <v>15</v>
      </c>
      <c r="S28242">
        <v>15</v>
      </c>
      <c r="T28242">
        <v>16</v>
      </c>
      <c r="U28242">
        <v>16</v>
      </c>
      <c r="V28242">
        <v>16</v>
      </c>
      <c r="W28242">
        <v>17</v>
      </c>
      <c r="X28242">
        <v>17</v>
      </c>
      <c r="Y28242">
        <v>17</v>
      </c>
      <c r="Z28242">
        <v>18</v>
      </c>
      <c r="AA28242">
        <v>18</v>
      </c>
      <c r="AB28242">
        <v>19</v>
      </c>
      <c r="AC28242">
        <v>19</v>
      </c>
      <c r="AD28242">
        <v>19</v>
      </c>
      <c r="AE28242">
        <v>20</v>
      </c>
      <c r="AF28242">
        <v>20</v>
      </c>
      <c r="AG28242">
        <v>21</v>
      </c>
      <c r="AH28242">
        <v>21</v>
      </c>
      <c r="AI28242">
        <v>21</v>
      </c>
      <c r="AJ28242">
        <v>22</v>
      </c>
      <c r="AK28242">
        <v>22</v>
      </c>
      <c r="AL28242">
        <v>23</v>
      </c>
      <c r="AM28242">
        <v>23</v>
      </c>
      <c r="AN28242">
        <v>23</v>
      </c>
      <c r="AO28242">
        <v>23</v>
      </c>
      <c r="AP28242">
        <v>23</v>
      </c>
      <c r="AQ28242">
        <v>24</v>
      </c>
    </row>
    <row r="28243" spans="1:43">
      <c r="A28243" t="s">
        <v>17477</v>
      </c>
      <c r="B28243" t="s">
        <v>17478</v>
      </c>
      <c r="C28243" t="s">
        <v>17479</v>
      </c>
      <c r="D28243" t="s">
        <v>17480</v>
      </c>
      <c r="E28243" t="s">
        <v>17455</v>
      </c>
      <c r="F28243" t="s">
        <v>17456</v>
      </c>
      <c r="G28243" t="s">
        <v>16559</v>
      </c>
      <c r="H28243" t="s">
        <v>16560</v>
      </c>
      <c r="I28243" s="2">
        <v>1</v>
      </c>
      <c r="J28243" s="2">
        <v>0</v>
      </c>
      <c r="K28243" s="2">
        <v>0</v>
      </c>
      <c r="L28243" t="s">
        <v>120</v>
      </c>
      <c r="M28243" t="s">
        <v>87</v>
      </c>
      <c r="N28243" t="s">
        <v>88</v>
      </c>
      <c r="O28243" t="s">
        <v>85</v>
      </c>
      <c r="P28243" t="s">
        <v>86</v>
      </c>
      <c r="Q28243">
        <v>15</v>
      </c>
      <c r="R28243">
        <v>16</v>
      </c>
      <c r="S28243">
        <v>16</v>
      </c>
      <c r="T28243">
        <v>16</v>
      </c>
      <c r="U28243">
        <v>16</v>
      </c>
      <c r="V28243">
        <v>17</v>
      </c>
      <c r="W28243">
        <v>17</v>
      </c>
      <c r="X28243">
        <v>17</v>
      </c>
      <c r="Y28243">
        <v>17</v>
      </c>
      <c r="Z28243">
        <v>17</v>
      </c>
      <c r="AA28243">
        <v>18</v>
      </c>
      <c r="AB28243">
        <v>18</v>
      </c>
      <c r="AC28243">
        <v>18</v>
      </c>
      <c r="AD28243">
        <v>18</v>
      </c>
      <c r="AE28243">
        <v>19</v>
      </c>
      <c r="AF28243">
        <v>19</v>
      </c>
      <c r="AG28243">
        <v>19</v>
      </c>
      <c r="AH28243">
        <v>19</v>
      </c>
      <c r="AI28243">
        <v>20</v>
      </c>
      <c r="AJ28243">
        <v>20</v>
      </c>
      <c r="AK28243">
        <v>20</v>
      </c>
      <c r="AL28243">
        <v>20</v>
      </c>
      <c r="AM28243">
        <v>20</v>
      </c>
      <c r="AN28243">
        <v>21</v>
      </c>
      <c r="AO28243">
        <v>21</v>
      </c>
      <c r="AP28243">
        <v>21</v>
      </c>
      <c r="AQ28243">
        <v>21</v>
      </c>
    </row>
    <row r="28244" spans="1:43">
      <c r="A28244" t="s">
        <v>17477</v>
      </c>
      <c r="B28244" t="s">
        <v>17478</v>
      </c>
      <c r="C28244" t="s">
        <v>17479</v>
      </c>
      <c r="D28244" t="s">
        <v>17480</v>
      </c>
      <c r="E28244" t="s">
        <v>17455</v>
      </c>
      <c r="F28244" t="s">
        <v>17456</v>
      </c>
      <c r="G28244" t="s">
        <v>16559</v>
      </c>
      <c r="H28244" t="s">
        <v>16560</v>
      </c>
      <c r="I28244" s="2">
        <v>1</v>
      </c>
      <c r="J28244" s="2">
        <v>0</v>
      </c>
      <c r="K28244" s="2">
        <v>0</v>
      </c>
      <c r="L28244" t="s">
        <v>120</v>
      </c>
      <c r="M28244" t="s">
        <v>89</v>
      </c>
      <c r="N28244" t="s">
        <v>90</v>
      </c>
      <c r="O28244" t="s">
        <v>85</v>
      </c>
      <c r="P28244" t="s">
        <v>86</v>
      </c>
      <c r="Q28244">
        <v>15</v>
      </c>
      <c r="R28244">
        <v>15</v>
      </c>
      <c r="S28244">
        <v>16</v>
      </c>
      <c r="T28244">
        <v>16</v>
      </c>
      <c r="U28244">
        <v>17</v>
      </c>
      <c r="V28244">
        <v>17</v>
      </c>
      <c r="W28244">
        <v>18</v>
      </c>
      <c r="X28244">
        <v>18</v>
      </c>
      <c r="Y28244">
        <v>19</v>
      </c>
      <c r="Z28244">
        <v>19</v>
      </c>
      <c r="AA28244">
        <v>19</v>
      </c>
      <c r="AB28244">
        <v>20</v>
      </c>
      <c r="AC28244">
        <v>20</v>
      </c>
      <c r="AD28244">
        <v>21</v>
      </c>
      <c r="AE28244">
        <v>21</v>
      </c>
      <c r="AF28244">
        <v>22</v>
      </c>
      <c r="AG28244">
        <v>22</v>
      </c>
      <c r="AH28244">
        <v>22</v>
      </c>
      <c r="AI28244">
        <v>22</v>
      </c>
      <c r="AJ28244">
        <v>22</v>
      </c>
      <c r="AK28244">
        <v>22</v>
      </c>
      <c r="AL28244">
        <v>23</v>
      </c>
      <c r="AM28244">
        <v>23</v>
      </c>
      <c r="AN28244">
        <v>23</v>
      </c>
      <c r="AO28244">
        <v>23</v>
      </c>
      <c r="AP28244">
        <v>23</v>
      </c>
      <c r="AQ28244">
        <v>24</v>
      </c>
    </row>
    <row r="28245" spans="1:43">
      <c r="A28245" t="s">
        <v>17477</v>
      </c>
      <c r="B28245" t="s">
        <v>17478</v>
      </c>
      <c r="C28245" t="s">
        <v>17479</v>
      </c>
      <c r="D28245" t="s">
        <v>17480</v>
      </c>
      <c r="E28245" t="s">
        <v>17455</v>
      </c>
      <c r="F28245" t="s">
        <v>17456</v>
      </c>
      <c r="G28245" t="s">
        <v>16559</v>
      </c>
      <c r="H28245" t="s">
        <v>16560</v>
      </c>
      <c r="I28245" s="2">
        <v>1</v>
      </c>
      <c r="J28245" s="2">
        <v>0</v>
      </c>
      <c r="K28245" s="2">
        <v>0</v>
      </c>
      <c r="L28245" t="s">
        <v>120</v>
      </c>
      <c r="M28245" t="s">
        <v>83</v>
      </c>
      <c r="N28245" t="s">
        <v>91</v>
      </c>
      <c r="O28245" t="s">
        <v>85</v>
      </c>
      <c r="P28245" t="s">
        <v>86</v>
      </c>
      <c r="Q28245">
        <v>15</v>
      </c>
      <c r="R28245">
        <v>15</v>
      </c>
      <c r="S28245">
        <v>15</v>
      </c>
      <c r="T28245">
        <v>16</v>
      </c>
      <c r="U28245">
        <v>16</v>
      </c>
      <c r="V28245">
        <v>16</v>
      </c>
      <c r="W28245">
        <v>17</v>
      </c>
      <c r="X28245">
        <v>17</v>
      </c>
      <c r="Y28245">
        <v>17</v>
      </c>
      <c r="Z28245">
        <v>18</v>
      </c>
      <c r="AA28245">
        <v>18</v>
      </c>
      <c r="AB28245">
        <v>19</v>
      </c>
      <c r="AC28245">
        <v>19</v>
      </c>
      <c r="AD28245">
        <v>19</v>
      </c>
      <c r="AE28245">
        <v>20</v>
      </c>
      <c r="AF28245">
        <v>20</v>
      </c>
      <c r="AG28245">
        <v>21</v>
      </c>
      <c r="AH28245">
        <v>21</v>
      </c>
      <c r="AI28245">
        <v>21</v>
      </c>
      <c r="AJ28245">
        <v>22</v>
      </c>
      <c r="AK28245">
        <v>22</v>
      </c>
      <c r="AL28245">
        <v>23</v>
      </c>
      <c r="AM28245">
        <v>23</v>
      </c>
      <c r="AN28245">
        <v>23</v>
      </c>
      <c r="AO28245">
        <v>23</v>
      </c>
      <c r="AP28245">
        <v>23</v>
      </c>
      <c r="AQ28245">
        <v>24</v>
      </c>
    </row>
    <row r="28246" spans="1:43">
      <c r="A28246" t="s">
        <v>17481</v>
      </c>
      <c r="B28246" t="s">
        <v>17482</v>
      </c>
      <c r="C28246" t="s">
        <v>17461</v>
      </c>
      <c r="D28246" t="s">
        <v>17462</v>
      </c>
      <c r="E28246" t="s">
        <v>17455</v>
      </c>
      <c r="F28246" t="s">
        <v>17456</v>
      </c>
      <c r="G28246" t="s">
        <v>16559</v>
      </c>
      <c r="H28246" t="s">
        <v>16560</v>
      </c>
      <c r="I28246" s="2">
        <v>1</v>
      </c>
      <c r="J28246" s="2">
        <v>0</v>
      </c>
      <c r="K28246" s="2">
        <v>0</v>
      </c>
      <c r="L28246" t="s">
        <v>120</v>
      </c>
      <c r="M28246" t="s">
        <v>83</v>
      </c>
      <c r="N28246" t="s">
        <v>84</v>
      </c>
      <c r="O28246" t="s">
        <v>85</v>
      </c>
      <c r="P28246" t="s">
        <v>86</v>
      </c>
      <c r="Q28246">
        <v>92</v>
      </c>
      <c r="R28246">
        <v>94</v>
      </c>
      <c r="S28246">
        <v>96</v>
      </c>
      <c r="T28246">
        <v>98</v>
      </c>
      <c r="U28246">
        <v>101</v>
      </c>
      <c r="V28246">
        <v>103</v>
      </c>
      <c r="W28246">
        <v>105</v>
      </c>
      <c r="X28246">
        <v>108</v>
      </c>
      <c r="Y28246">
        <v>110</v>
      </c>
      <c r="Z28246">
        <v>112</v>
      </c>
      <c r="AA28246">
        <v>115</v>
      </c>
      <c r="AB28246">
        <v>117</v>
      </c>
      <c r="AC28246">
        <v>120</v>
      </c>
      <c r="AD28246">
        <v>122</v>
      </c>
      <c r="AE28246">
        <v>125</v>
      </c>
      <c r="AF28246">
        <v>127</v>
      </c>
      <c r="AG28246">
        <v>130</v>
      </c>
      <c r="AH28246">
        <v>133</v>
      </c>
      <c r="AI28246">
        <v>135</v>
      </c>
      <c r="AJ28246">
        <v>138</v>
      </c>
      <c r="AK28246">
        <v>140</v>
      </c>
      <c r="AL28246">
        <v>142</v>
      </c>
      <c r="AM28246">
        <v>143</v>
      </c>
      <c r="AN28246">
        <v>145</v>
      </c>
      <c r="AO28246">
        <v>146</v>
      </c>
      <c r="AP28246">
        <v>147</v>
      </c>
      <c r="AQ28246">
        <v>148</v>
      </c>
    </row>
    <row r="28247" spans="1:43">
      <c r="A28247" t="s">
        <v>17481</v>
      </c>
      <c r="B28247" t="s">
        <v>17482</v>
      </c>
      <c r="C28247" t="s">
        <v>17461</v>
      </c>
      <c r="D28247" t="s">
        <v>17462</v>
      </c>
      <c r="E28247" t="s">
        <v>17455</v>
      </c>
      <c r="F28247" t="s">
        <v>17456</v>
      </c>
      <c r="G28247" t="s">
        <v>16559</v>
      </c>
      <c r="H28247" t="s">
        <v>16560</v>
      </c>
      <c r="I28247" s="2">
        <v>1</v>
      </c>
      <c r="J28247" s="2">
        <v>0</v>
      </c>
      <c r="K28247" s="2">
        <v>0</v>
      </c>
      <c r="L28247" t="s">
        <v>120</v>
      </c>
      <c r="M28247" t="s">
        <v>87</v>
      </c>
      <c r="N28247" t="s">
        <v>88</v>
      </c>
      <c r="O28247" t="s">
        <v>85</v>
      </c>
      <c r="P28247" t="s">
        <v>86</v>
      </c>
      <c r="Q28247">
        <v>92</v>
      </c>
      <c r="R28247">
        <v>93</v>
      </c>
      <c r="S28247">
        <v>94</v>
      </c>
      <c r="T28247">
        <v>96</v>
      </c>
      <c r="U28247">
        <v>97</v>
      </c>
      <c r="V28247">
        <v>99</v>
      </c>
      <c r="W28247">
        <v>100</v>
      </c>
      <c r="X28247">
        <v>101</v>
      </c>
      <c r="Y28247">
        <v>103</v>
      </c>
      <c r="Z28247">
        <v>104</v>
      </c>
      <c r="AA28247">
        <v>106</v>
      </c>
      <c r="AB28247">
        <v>107</v>
      </c>
      <c r="AC28247">
        <v>109</v>
      </c>
      <c r="AD28247">
        <v>110</v>
      </c>
      <c r="AE28247">
        <v>112</v>
      </c>
      <c r="AF28247">
        <v>113</v>
      </c>
      <c r="AG28247">
        <v>114</v>
      </c>
      <c r="AH28247">
        <v>116</v>
      </c>
      <c r="AI28247">
        <v>117</v>
      </c>
      <c r="AJ28247">
        <v>119</v>
      </c>
      <c r="AK28247">
        <v>120</v>
      </c>
      <c r="AL28247">
        <v>122</v>
      </c>
      <c r="AM28247">
        <v>123</v>
      </c>
      <c r="AN28247">
        <v>125</v>
      </c>
      <c r="AO28247">
        <v>126</v>
      </c>
      <c r="AP28247">
        <v>128</v>
      </c>
      <c r="AQ28247">
        <v>130</v>
      </c>
    </row>
    <row r="28248" spans="1:43">
      <c r="A28248" t="s">
        <v>17481</v>
      </c>
      <c r="B28248" t="s">
        <v>17482</v>
      </c>
      <c r="C28248" t="s">
        <v>17461</v>
      </c>
      <c r="D28248" t="s">
        <v>17462</v>
      </c>
      <c r="E28248" t="s">
        <v>17455</v>
      </c>
      <c r="F28248" t="s">
        <v>17456</v>
      </c>
      <c r="G28248" t="s">
        <v>16559</v>
      </c>
      <c r="H28248" t="s">
        <v>16560</v>
      </c>
      <c r="I28248" s="2">
        <v>1</v>
      </c>
      <c r="J28248" s="2">
        <v>0</v>
      </c>
      <c r="K28248" s="2">
        <v>0</v>
      </c>
      <c r="L28248" t="s">
        <v>120</v>
      </c>
      <c r="M28248" t="s">
        <v>89</v>
      </c>
      <c r="N28248" t="s">
        <v>90</v>
      </c>
      <c r="O28248" t="s">
        <v>85</v>
      </c>
      <c r="P28248" t="s">
        <v>86</v>
      </c>
      <c r="Q28248">
        <v>92</v>
      </c>
      <c r="R28248">
        <v>95</v>
      </c>
      <c r="S28248">
        <v>98</v>
      </c>
      <c r="T28248">
        <v>102</v>
      </c>
      <c r="U28248">
        <v>105</v>
      </c>
      <c r="V28248">
        <v>108</v>
      </c>
      <c r="W28248">
        <v>111</v>
      </c>
      <c r="X28248">
        <v>114</v>
      </c>
      <c r="Y28248">
        <v>117</v>
      </c>
      <c r="Z28248">
        <v>120</v>
      </c>
      <c r="AA28248">
        <v>123</v>
      </c>
      <c r="AB28248">
        <v>125</v>
      </c>
      <c r="AC28248">
        <v>129</v>
      </c>
      <c r="AD28248">
        <v>132</v>
      </c>
      <c r="AE28248">
        <v>134</v>
      </c>
      <c r="AF28248">
        <v>135</v>
      </c>
      <c r="AG28248">
        <v>137</v>
      </c>
      <c r="AH28248">
        <v>138</v>
      </c>
      <c r="AI28248">
        <v>139</v>
      </c>
      <c r="AJ28248">
        <v>140</v>
      </c>
      <c r="AK28248">
        <v>142</v>
      </c>
      <c r="AL28248">
        <v>143</v>
      </c>
      <c r="AM28248">
        <v>144</v>
      </c>
      <c r="AN28248">
        <v>145</v>
      </c>
      <c r="AO28248">
        <v>146</v>
      </c>
      <c r="AP28248">
        <v>148</v>
      </c>
      <c r="AQ28248">
        <v>149</v>
      </c>
    </row>
    <row r="28249" spans="1:43">
      <c r="A28249" t="s">
        <v>17481</v>
      </c>
      <c r="B28249" t="s">
        <v>17482</v>
      </c>
      <c r="C28249" t="s">
        <v>17461</v>
      </c>
      <c r="D28249" t="s">
        <v>17462</v>
      </c>
      <c r="E28249" t="s">
        <v>17455</v>
      </c>
      <c r="F28249" t="s">
        <v>17456</v>
      </c>
      <c r="G28249" t="s">
        <v>16559</v>
      </c>
      <c r="H28249" t="s">
        <v>16560</v>
      </c>
      <c r="I28249" s="2">
        <v>1</v>
      </c>
      <c r="J28249" s="2">
        <v>0</v>
      </c>
      <c r="K28249" s="2">
        <v>0</v>
      </c>
      <c r="L28249" t="s">
        <v>120</v>
      </c>
      <c r="M28249" t="s">
        <v>83</v>
      </c>
      <c r="N28249" t="s">
        <v>91</v>
      </c>
      <c r="O28249" t="s">
        <v>85</v>
      </c>
      <c r="P28249" t="s">
        <v>86</v>
      </c>
      <c r="Q28249">
        <v>92</v>
      </c>
      <c r="R28249">
        <v>94</v>
      </c>
      <c r="S28249">
        <v>96</v>
      </c>
      <c r="T28249">
        <v>98</v>
      </c>
      <c r="U28249">
        <v>101</v>
      </c>
      <c r="V28249">
        <v>103</v>
      </c>
      <c r="W28249">
        <v>105</v>
      </c>
      <c r="X28249">
        <v>108</v>
      </c>
      <c r="Y28249">
        <v>110</v>
      </c>
      <c r="Z28249">
        <v>112</v>
      </c>
      <c r="AA28249">
        <v>115</v>
      </c>
      <c r="AB28249">
        <v>117</v>
      </c>
      <c r="AC28249">
        <v>120</v>
      </c>
      <c r="AD28249">
        <v>122</v>
      </c>
      <c r="AE28249">
        <v>125</v>
      </c>
      <c r="AF28249">
        <v>127</v>
      </c>
      <c r="AG28249">
        <v>130</v>
      </c>
      <c r="AH28249">
        <v>133</v>
      </c>
      <c r="AI28249">
        <v>135</v>
      </c>
      <c r="AJ28249">
        <v>138</v>
      </c>
      <c r="AK28249">
        <v>140</v>
      </c>
      <c r="AL28249">
        <v>142</v>
      </c>
      <c r="AM28249">
        <v>143</v>
      </c>
      <c r="AN28249">
        <v>145</v>
      </c>
      <c r="AO28249">
        <v>146</v>
      </c>
      <c r="AP28249">
        <v>147</v>
      </c>
      <c r="AQ28249">
        <v>148</v>
      </c>
    </row>
    <row r="28250" spans="1:43">
      <c r="A28250" t="s">
        <v>17483</v>
      </c>
      <c r="B28250" t="s">
        <v>17484</v>
      </c>
      <c r="C28250" t="s">
        <v>17461</v>
      </c>
      <c r="D28250" t="s">
        <v>17462</v>
      </c>
      <c r="E28250" t="s">
        <v>17455</v>
      </c>
      <c r="F28250" t="s">
        <v>17456</v>
      </c>
      <c r="G28250" t="s">
        <v>16559</v>
      </c>
      <c r="H28250" t="s">
        <v>16560</v>
      </c>
      <c r="I28250" s="2">
        <v>1</v>
      </c>
      <c r="J28250" s="2">
        <v>0</v>
      </c>
      <c r="K28250" s="2">
        <v>0</v>
      </c>
      <c r="L28250" t="s">
        <v>120</v>
      </c>
      <c r="M28250" t="s">
        <v>83</v>
      </c>
      <c r="N28250" t="s">
        <v>84</v>
      </c>
      <c r="O28250" t="s">
        <v>85</v>
      </c>
      <c r="P28250" t="s">
        <v>86</v>
      </c>
      <c r="Q28250">
        <v>10</v>
      </c>
      <c r="R28250">
        <v>10</v>
      </c>
      <c r="S28250">
        <v>10</v>
      </c>
      <c r="T28250">
        <v>11</v>
      </c>
      <c r="U28250">
        <v>11</v>
      </c>
      <c r="V28250">
        <v>11</v>
      </c>
      <c r="W28250">
        <v>11</v>
      </c>
      <c r="X28250">
        <v>12</v>
      </c>
      <c r="Y28250">
        <v>12</v>
      </c>
      <c r="Z28250">
        <v>12</v>
      </c>
      <c r="AA28250">
        <v>13</v>
      </c>
      <c r="AB28250">
        <v>13</v>
      </c>
      <c r="AC28250">
        <v>13</v>
      </c>
      <c r="AD28250">
        <v>13</v>
      </c>
      <c r="AE28250">
        <v>14</v>
      </c>
      <c r="AF28250">
        <v>14</v>
      </c>
      <c r="AG28250">
        <v>14</v>
      </c>
      <c r="AH28250">
        <v>14</v>
      </c>
      <c r="AI28250">
        <v>15</v>
      </c>
      <c r="AJ28250">
        <v>15</v>
      </c>
      <c r="AK28250">
        <v>15</v>
      </c>
      <c r="AL28250">
        <v>15</v>
      </c>
      <c r="AM28250">
        <v>16</v>
      </c>
      <c r="AN28250">
        <v>16</v>
      </c>
      <c r="AO28250">
        <v>16</v>
      </c>
      <c r="AP28250">
        <v>16</v>
      </c>
      <c r="AQ28250">
        <v>16</v>
      </c>
    </row>
    <row r="28251" spans="1:43">
      <c r="A28251" t="s">
        <v>17483</v>
      </c>
      <c r="B28251" t="s">
        <v>17484</v>
      </c>
      <c r="C28251" t="s">
        <v>17461</v>
      </c>
      <c r="D28251" t="s">
        <v>17462</v>
      </c>
      <c r="E28251" t="s">
        <v>17455</v>
      </c>
      <c r="F28251" t="s">
        <v>17456</v>
      </c>
      <c r="G28251" t="s">
        <v>16559</v>
      </c>
      <c r="H28251" t="s">
        <v>16560</v>
      </c>
      <c r="I28251" s="2">
        <v>1</v>
      </c>
      <c r="J28251" s="2">
        <v>0</v>
      </c>
      <c r="K28251" s="2">
        <v>0</v>
      </c>
      <c r="L28251" t="s">
        <v>120</v>
      </c>
      <c r="M28251" t="s">
        <v>87</v>
      </c>
      <c r="N28251" t="s">
        <v>88</v>
      </c>
      <c r="O28251" t="s">
        <v>85</v>
      </c>
      <c r="P28251" t="s">
        <v>86</v>
      </c>
      <c r="Q28251">
        <v>10</v>
      </c>
      <c r="R28251">
        <v>10</v>
      </c>
      <c r="S28251">
        <v>10</v>
      </c>
      <c r="T28251">
        <v>10</v>
      </c>
      <c r="U28251">
        <v>10</v>
      </c>
      <c r="V28251">
        <v>11</v>
      </c>
      <c r="W28251">
        <v>11</v>
      </c>
      <c r="X28251">
        <v>11</v>
      </c>
      <c r="Y28251">
        <v>11</v>
      </c>
      <c r="Z28251">
        <v>11</v>
      </c>
      <c r="AA28251">
        <v>11</v>
      </c>
      <c r="AB28251">
        <v>12</v>
      </c>
      <c r="AC28251">
        <v>12</v>
      </c>
      <c r="AD28251">
        <v>12</v>
      </c>
      <c r="AE28251">
        <v>12</v>
      </c>
      <c r="AF28251">
        <v>12</v>
      </c>
      <c r="AG28251">
        <v>12</v>
      </c>
      <c r="AH28251">
        <v>12</v>
      </c>
      <c r="AI28251">
        <v>13</v>
      </c>
      <c r="AJ28251">
        <v>13</v>
      </c>
      <c r="AK28251">
        <v>13</v>
      </c>
      <c r="AL28251">
        <v>13</v>
      </c>
      <c r="AM28251">
        <v>13</v>
      </c>
      <c r="AN28251">
        <v>13</v>
      </c>
      <c r="AO28251">
        <v>14</v>
      </c>
      <c r="AP28251">
        <v>14</v>
      </c>
      <c r="AQ28251">
        <v>14</v>
      </c>
    </row>
    <row r="28252" spans="1:43">
      <c r="A28252" t="s">
        <v>17483</v>
      </c>
      <c r="B28252" t="s">
        <v>17484</v>
      </c>
      <c r="C28252" t="s">
        <v>17461</v>
      </c>
      <c r="D28252" t="s">
        <v>17462</v>
      </c>
      <c r="E28252" t="s">
        <v>17455</v>
      </c>
      <c r="F28252" t="s">
        <v>17456</v>
      </c>
      <c r="G28252" t="s">
        <v>16559</v>
      </c>
      <c r="H28252" t="s">
        <v>16560</v>
      </c>
      <c r="I28252" s="2">
        <v>1</v>
      </c>
      <c r="J28252" s="2">
        <v>0</v>
      </c>
      <c r="K28252" s="2">
        <v>0</v>
      </c>
      <c r="L28252" t="s">
        <v>120</v>
      </c>
      <c r="M28252" t="s">
        <v>89</v>
      </c>
      <c r="N28252" t="s">
        <v>90</v>
      </c>
      <c r="O28252" t="s">
        <v>85</v>
      </c>
      <c r="P28252" t="s">
        <v>86</v>
      </c>
      <c r="Q28252">
        <v>10</v>
      </c>
      <c r="R28252">
        <v>10</v>
      </c>
      <c r="S28252">
        <v>11</v>
      </c>
      <c r="T28252">
        <v>11</v>
      </c>
      <c r="U28252">
        <v>11</v>
      </c>
      <c r="V28252">
        <v>12</v>
      </c>
      <c r="W28252">
        <v>12</v>
      </c>
      <c r="X28252">
        <v>12</v>
      </c>
      <c r="Y28252">
        <v>13</v>
      </c>
      <c r="Z28252">
        <v>13</v>
      </c>
      <c r="AA28252">
        <v>13</v>
      </c>
      <c r="AB28252">
        <v>14</v>
      </c>
      <c r="AC28252">
        <v>14</v>
      </c>
      <c r="AD28252">
        <v>14</v>
      </c>
      <c r="AE28252">
        <v>15</v>
      </c>
      <c r="AF28252">
        <v>15</v>
      </c>
      <c r="AG28252">
        <v>15</v>
      </c>
      <c r="AH28252">
        <v>15</v>
      </c>
      <c r="AI28252">
        <v>15</v>
      </c>
      <c r="AJ28252">
        <v>15</v>
      </c>
      <c r="AK28252">
        <v>15</v>
      </c>
      <c r="AL28252">
        <v>15</v>
      </c>
      <c r="AM28252">
        <v>16</v>
      </c>
      <c r="AN28252">
        <v>16</v>
      </c>
      <c r="AO28252">
        <v>16</v>
      </c>
      <c r="AP28252">
        <v>16</v>
      </c>
      <c r="AQ28252">
        <v>16</v>
      </c>
    </row>
    <row r="28253" spans="1:43">
      <c r="A28253" t="s">
        <v>17483</v>
      </c>
      <c r="B28253" t="s">
        <v>17484</v>
      </c>
      <c r="C28253" t="s">
        <v>17461</v>
      </c>
      <c r="D28253" t="s">
        <v>17462</v>
      </c>
      <c r="E28253" t="s">
        <v>17455</v>
      </c>
      <c r="F28253" t="s">
        <v>17456</v>
      </c>
      <c r="G28253" t="s">
        <v>16559</v>
      </c>
      <c r="H28253" t="s">
        <v>16560</v>
      </c>
      <c r="I28253" s="2">
        <v>1</v>
      </c>
      <c r="J28253" s="2">
        <v>0</v>
      </c>
      <c r="K28253" s="2">
        <v>0</v>
      </c>
      <c r="L28253" t="s">
        <v>120</v>
      </c>
      <c r="M28253" t="s">
        <v>83</v>
      </c>
      <c r="N28253" t="s">
        <v>91</v>
      </c>
      <c r="O28253" t="s">
        <v>85</v>
      </c>
      <c r="P28253" t="s">
        <v>86</v>
      </c>
      <c r="Q28253">
        <v>10</v>
      </c>
      <c r="R28253">
        <v>10</v>
      </c>
      <c r="S28253">
        <v>10</v>
      </c>
      <c r="T28253">
        <v>11</v>
      </c>
      <c r="U28253">
        <v>11</v>
      </c>
      <c r="V28253">
        <v>11</v>
      </c>
      <c r="W28253">
        <v>11</v>
      </c>
      <c r="X28253">
        <v>12</v>
      </c>
      <c r="Y28253">
        <v>12</v>
      </c>
      <c r="Z28253">
        <v>12</v>
      </c>
      <c r="AA28253">
        <v>13</v>
      </c>
      <c r="AB28253">
        <v>13</v>
      </c>
      <c r="AC28253">
        <v>13</v>
      </c>
      <c r="AD28253">
        <v>13</v>
      </c>
      <c r="AE28253">
        <v>14</v>
      </c>
      <c r="AF28253">
        <v>14</v>
      </c>
      <c r="AG28253">
        <v>14</v>
      </c>
      <c r="AH28253">
        <v>14</v>
      </c>
      <c r="AI28253">
        <v>15</v>
      </c>
      <c r="AJ28253">
        <v>15</v>
      </c>
      <c r="AK28253">
        <v>15</v>
      </c>
      <c r="AL28253">
        <v>15</v>
      </c>
      <c r="AM28253">
        <v>16</v>
      </c>
      <c r="AN28253">
        <v>16</v>
      </c>
      <c r="AO28253">
        <v>16</v>
      </c>
      <c r="AP28253">
        <v>16</v>
      </c>
      <c r="AQ28253">
        <v>16</v>
      </c>
    </row>
    <row r="28254" spans="1:43">
      <c r="A28254" t="s">
        <v>17485</v>
      </c>
      <c r="B28254" t="s">
        <v>17486</v>
      </c>
      <c r="C28254" t="s">
        <v>17461</v>
      </c>
      <c r="D28254" t="s">
        <v>17462</v>
      </c>
      <c r="E28254" t="s">
        <v>17455</v>
      </c>
      <c r="F28254" t="s">
        <v>17456</v>
      </c>
      <c r="G28254" t="s">
        <v>16559</v>
      </c>
      <c r="H28254" t="s">
        <v>16560</v>
      </c>
      <c r="I28254" s="2">
        <v>1</v>
      </c>
      <c r="J28254" s="2">
        <v>0</v>
      </c>
      <c r="K28254" s="2">
        <v>0</v>
      </c>
      <c r="L28254" t="s">
        <v>120</v>
      </c>
      <c r="M28254" t="s">
        <v>83</v>
      </c>
      <c r="N28254" t="s">
        <v>84</v>
      </c>
      <c r="O28254" t="s">
        <v>85</v>
      </c>
      <c r="P28254" t="s">
        <v>86</v>
      </c>
      <c r="Q28254">
        <v>80</v>
      </c>
      <c r="R28254">
        <v>82</v>
      </c>
      <c r="S28254">
        <v>84</v>
      </c>
      <c r="T28254">
        <v>86</v>
      </c>
      <c r="U28254">
        <v>88</v>
      </c>
      <c r="V28254">
        <v>90</v>
      </c>
      <c r="W28254">
        <v>92</v>
      </c>
      <c r="X28254">
        <v>93</v>
      </c>
      <c r="Y28254">
        <v>95</v>
      </c>
      <c r="Z28254">
        <v>97</v>
      </c>
      <c r="AA28254">
        <v>99</v>
      </c>
      <c r="AB28254">
        <v>101</v>
      </c>
      <c r="AC28254">
        <v>103</v>
      </c>
      <c r="AD28254">
        <v>105</v>
      </c>
      <c r="AE28254">
        <v>107</v>
      </c>
      <c r="AF28254">
        <v>109</v>
      </c>
      <c r="AG28254">
        <v>111</v>
      </c>
      <c r="AH28254">
        <v>113</v>
      </c>
      <c r="AI28254">
        <v>115</v>
      </c>
      <c r="AJ28254">
        <v>117</v>
      </c>
      <c r="AK28254">
        <v>119</v>
      </c>
      <c r="AL28254">
        <v>121</v>
      </c>
      <c r="AM28254">
        <v>122</v>
      </c>
      <c r="AN28254">
        <v>123</v>
      </c>
      <c r="AO28254">
        <v>124</v>
      </c>
      <c r="AP28254">
        <v>125</v>
      </c>
      <c r="AQ28254">
        <v>126</v>
      </c>
    </row>
    <row r="28255" spans="1:43">
      <c r="A28255" t="s">
        <v>17485</v>
      </c>
      <c r="B28255" t="s">
        <v>17486</v>
      </c>
      <c r="C28255" t="s">
        <v>17461</v>
      </c>
      <c r="D28255" t="s">
        <v>17462</v>
      </c>
      <c r="E28255" t="s">
        <v>17455</v>
      </c>
      <c r="F28255" t="s">
        <v>17456</v>
      </c>
      <c r="G28255" t="s">
        <v>16559</v>
      </c>
      <c r="H28255" t="s">
        <v>16560</v>
      </c>
      <c r="I28255" s="2">
        <v>1</v>
      </c>
      <c r="J28255" s="2">
        <v>0</v>
      </c>
      <c r="K28255" s="2">
        <v>0</v>
      </c>
      <c r="L28255" t="s">
        <v>120</v>
      </c>
      <c r="M28255" t="s">
        <v>87</v>
      </c>
      <c r="N28255" t="s">
        <v>88</v>
      </c>
      <c r="O28255" t="s">
        <v>85</v>
      </c>
      <c r="P28255" t="s">
        <v>86</v>
      </c>
      <c r="Q28255">
        <v>80</v>
      </c>
      <c r="R28255">
        <v>81</v>
      </c>
      <c r="S28255">
        <v>83</v>
      </c>
      <c r="T28255">
        <v>84</v>
      </c>
      <c r="U28255">
        <v>85</v>
      </c>
      <c r="V28255">
        <v>86</v>
      </c>
      <c r="W28255">
        <v>87</v>
      </c>
      <c r="X28255">
        <v>88</v>
      </c>
      <c r="Y28255">
        <v>89</v>
      </c>
      <c r="Z28255">
        <v>90</v>
      </c>
      <c r="AA28255">
        <v>91</v>
      </c>
      <c r="AB28255">
        <v>93</v>
      </c>
      <c r="AC28255">
        <v>94</v>
      </c>
      <c r="AD28255">
        <v>95</v>
      </c>
      <c r="AE28255">
        <v>96</v>
      </c>
      <c r="AF28255">
        <v>97</v>
      </c>
      <c r="AG28255">
        <v>98</v>
      </c>
      <c r="AH28255">
        <v>100</v>
      </c>
      <c r="AI28255">
        <v>101</v>
      </c>
      <c r="AJ28255">
        <v>102</v>
      </c>
      <c r="AK28255">
        <v>103</v>
      </c>
      <c r="AL28255">
        <v>104</v>
      </c>
      <c r="AM28255">
        <v>105</v>
      </c>
      <c r="AN28255">
        <v>107</v>
      </c>
      <c r="AO28255">
        <v>108</v>
      </c>
      <c r="AP28255">
        <v>109</v>
      </c>
      <c r="AQ28255">
        <v>110</v>
      </c>
    </row>
    <row r="28256" spans="1:43">
      <c r="A28256" t="s">
        <v>17485</v>
      </c>
      <c r="B28256" t="s">
        <v>17486</v>
      </c>
      <c r="C28256" t="s">
        <v>17461</v>
      </c>
      <c r="D28256" t="s">
        <v>17462</v>
      </c>
      <c r="E28256" t="s">
        <v>17455</v>
      </c>
      <c r="F28256" t="s">
        <v>17456</v>
      </c>
      <c r="G28256" t="s">
        <v>16559</v>
      </c>
      <c r="H28256" t="s">
        <v>16560</v>
      </c>
      <c r="I28256" s="2">
        <v>1</v>
      </c>
      <c r="J28256" s="2">
        <v>0</v>
      </c>
      <c r="K28256" s="2">
        <v>0</v>
      </c>
      <c r="L28256" t="s">
        <v>120</v>
      </c>
      <c r="M28256" t="s">
        <v>89</v>
      </c>
      <c r="N28256" t="s">
        <v>90</v>
      </c>
      <c r="O28256" t="s">
        <v>85</v>
      </c>
      <c r="P28256" t="s">
        <v>86</v>
      </c>
      <c r="Q28256">
        <v>80</v>
      </c>
      <c r="R28256">
        <v>82</v>
      </c>
      <c r="S28256">
        <v>85</v>
      </c>
      <c r="T28256">
        <v>88</v>
      </c>
      <c r="U28256">
        <v>90</v>
      </c>
      <c r="V28256">
        <v>92</v>
      </c>
      <c r="W28256">
        <v>95</v>
      </c>
      <c r="X28256">
        <v>97</v>
      </c>
      <c r="Y28256">
        <v>100</v>
      </c>
      <c r="Z28256">
        <v>102</v>
      </c>
      <c r="AA28256">
        <v>104</v>
      </c>
      <c r="AB28256">
        <v>107</v>
      </c>
      <c r="AC28256">
        <v>109</v>
      </c>
      <c r="AD28256">
        <v>112</v>
      </c>
      <c r="AE28256">
        <v>114</v>
      </c>
      <c r="AF28256">
        <v>115</v>
      </c>
      <c r="AG28256">
        <v>116</v>
      </c>
      <c r="AH28256">
        <v>117</v>
      </c>
      <c r="AI28256">
        <v>118</v>
      </c>
      <c r="AJ28256">
        <v>119</v>
      </c>
      <c r="AK28256">
        <v>120</v>
      </c>
      <c r="AL28256">
        <v>121</v>
      </c>
      <c r="AM28256">
        <v>122</v>
      </c>
      <c r="AN28256">
        <v>123</v>
      </c>
      <c r="AO28256">
        <v>124</v>
      </c>
      <c r="AP28256">
        <v>125</v>
      </c>
      <c r="AQ28256">
        <v>126</v>
      </c>
    </row>
    <row r="28257" spans="1:43">
      <c r="A28257" t="s">
        <v>17485</v>
      </c>
      <c r="B28257" t="s">
        <v>17486</v>
      </c>
      <c r="C28257" t="s">
        <v>17461</v>
      </c>
      <c r="D28257" t="s">
        <v>17462</v>
      </c>
      <c r="E28257" t="s">
        <v>17455</v>
      </c>
      <c r="F28257" t="s">
        <v>17456</v>
      </c>
      <c r="G28257" t="s">
        <v>16559</v>
      </c>
      <c r="H28257" t="s">
        <v>16560</v>
      </c>
      <c r="I28257" s="2">
        <v>1</v>
      </c>
      <c r="J28257" s="2">
        <v>0</v>
      </c>
      <c r="K28257" s="2">
        <v>0</v>
      </c>
      <c r="L28257" t="s">
        <v>120</v>
      </c>
      <c r="M28257" t="s">
        <v>83</v>
      </c>
      <c r="N28257" t="s">
        <v>91</v>
      </c>
      <c r="O28257" t="s">
        <v>85</v>
      </c>
      <c r="P28257" t="s">
        <v>86</v>
      </c>
      <c r="Q28257">
        <v>80</v>
      </c>
      <c r="R28257">
        <v>82</v>
      </c>
      <c r="S28257">
        <v>84</v>
      </c>
      <c r="T28257">
        <v>86</v>
      </c>
      <c r="U28257">
        <v>88</v>
      </c>
      <c r="V28257">
        <v>90</v>
      </c>
      <c r="W28257">
        <v>92</v>
      </c>
      <c r="X28257">
        <v>93</v>
      </c>
      <c r="Y28257">
        <v>95</v>
      </c>
      <c r="Z28257">
        <v>97</v>
      </c>
      <c r="AA28257">
        <v>99</v>
      </c>
      <c r="AB28257">
        <v>101</v>
      </c>
      <c r="AC28257">
        <v>103</v>
      </c>
      <c r="AD28257">
        <v>105</v>
      </c>
      <c r="AE28257">
        <v>107</v>
      </c>
      <c r="AF28257">
        <v>109</v>
      </c>
      <c r="AG28257">
        <v>111</v>
      </c>
      <c r="AH28257">
        <v>113</v>
      </c>
      <c r="AI28257">
        <v>115</v>
      </c>
      <c r="AJ28257">
        <v>117</v>
      </c>
      <c r="AK28257">
        <v>119</v>
      </c>
      <c r="AL28257">
        <v>121</v>
      </c>
      <c r="AM28257">
        <v>122</v>
      </c>
      <c r="AN28257">
        <v>123</v>
      </c>
      <c r="AO28257">
        <v>124</v>
      </c>
      <c r="AP28257">
        <v>125</v>
      </c>
      <c r="AQ28257">
        <v>126</v>
      </c>
    </row>
    <row r="28258" spans="1:43">
      <c r="A28258" t="s">
        <v>17487</v>
      </c>
      <c r="B28258" t="s">
        <v>17488</v>
      </c>
      <c r="C28258" t="s">
        <v>17489</v>
      </c>
      <c r="D28258" t="s">
        <v>17490</v>
      </c>
      <c r="E28258" t="s">
        <v>17455</v>
      </c>
      <c r="F28258" t="s">
        <v>17456</v>
      </c>
      <c r="G28258" t="s">
        <v>16559</v>
      </c>
      <c r="H28258" t="s">
        <v>16560</v>
      </c>
      <c r="I28258" s="2">
        <v>1</v>
      </c>
      <c r="J28258" s="2">
        <v>0</v>
      </c>
      <c r="K28258" s="2">
        <v>0</v>
      </c>
      <c r="L28258" t="s">
        <v>120</v>
      </c>
      <c r="M28258" t="s">
        <v>83</v>
      </c>
      <c r="N28258" t="s">
        <v>84</v>
      </c>
      <c r="O28258" t="s">
        <v>85</v>
      </c>
      <c r="P28258" t="s">
        <v>86</v>
      </c>
      <c r="Q28258">
        <v>14</v>
      </c>
      <c r="R28258">
        <v>15</v>
      </c>
      <c r="S28258">
        <v>15</v>
      </c>
      <c r="T28258">
        <v>15</v>
      </c>
      <c r="U28258">
        <v>16</v>
      </c>
      <c r="V28258">
        <v>16</v>
      </c>
      <c r="W28258">
        <v>16</v>
      </c>
      <c r="X28258">
        <v>17</v>
      </c>
      <c r="Y28258">
        <v>17</v>
      </c>
      <c r="Z28258">
        <v>18</v>
      </c>
      <c r="AA28258">
        <v>18</v>
      </c>
      <c r="AB28258">
        <v>18</v>
      </c>
      <c r="AC28258">
        <v>19</v>
      </c>
      <c r="AD28258">
        <v>19</v>
      </c>
      <c r="AE28258">
        <v>19</v>
      </c>
      <c r="AF28258">
        <v>20</v>
      </c>
      <c r="AG28258">
        <v>20</v>
      </c>
      <c r="AH28258">
        <v>21</v>
      </c>
      <c r="AI28258">
        <v>21</v>
      </c>
      <c r="AJ28258">
        <v>21</v>
      </c>
      <c r="AK28258">
        <v>22</v>
      </c>
      <c r="AL28258">
        <v>22</v>
      </c>
      <c r="AM28258">
        <v>22</v>
      </c>
      <c r="AN28258">
        <v>22</v>
      </c>
      <c r="AO28258">
        <v>23</v>
      </c>
      <c r="AP28258">
        <v>23</v>
      </c>
      <c r="AQ28258">
        <v>23</v>
      </c>
    </row>
    <row r="28259" spans="1:43">
      <c r="A28259" t="s">
        <v>17487</v>
      </c>
      <c r="B28259" t="s">
        <v>17488</v>
      </c>
      <c r="C28259" t="s">
        <v>17489</v>
      </c>
      <c r="D28259" t="s">
        <v>17490</v>
      </c>
      <c r="E28259" t="s">
        <v>17455</v>
      </c>
      <c r="F28259" t="s">
        <v>17456</v>
      </c>
      <c r="G28259" t="s">
        <v>16559</v>
      </c>
      <c r="H28259" t="s">
        <v>16560</v>
      </c>
      <c r="I28259" s="2">
        <v>1</v>
      </c>
      <c r="J28259" s="2">
        <v>0</v>
      </c>
      <c r="K28259" s="2">
        <v>0</v>
      </c>
      <c r="L28259" t="s">
        <v>120</v>
      </c>
      <c r="M28259" t="s">
        <v>87</v>
      </c>
      <c r="N28259" t="s">
        <v>88</v>
      </c>
      <c r="O28259" t="s">
        <v>85</v>
      </c>
      <c r="P28259" t="s">
        <v>86</v>
      </c>
      <c r="Q28259">
        <v>14</v>
      </c>
      <c r="R28259">
        <v>14</v>
      </c>
      <c r="S28259">
        <v>15</v>
      </c>
      <c r="T28259">
        <v>15</v>
      </c>
      <c r="U28259">
        <v>15</v>
      </c>
      <c r="V28259">
        <v>15</v>
      </c>
      <c r="W28259">
        <v>15</v>
      </c>
      <c r="X28259">
        <v>16</v>
      </c>
      <c r="Y28259">
        <v>16</v>
      </c>
      <c r="Z28259">
        <v>16</v>
      </c>
      <c r="AA28259">
        <v>16</v>
      </c>
      <c r="AB28259">
        <v>17</v>
      </c>
      <c r="AC28259">
        <v>17</v>
      </c>
      <c r="AD28259">
        <v>17</v>
      </c>
      <c r="AE28259">
        <v>17</v>
      </c>
      <c r="AF28259">
        <v>17</v>
      </c>
      <c r="AG28259">
        <v>18</v>
      </c>
      <c r="AH28259">
        <v>18</v>
      </c>
      <c r="AI28259">
        <v>18</v>
      </c>
      <c r="AJ28259">
        <v>18</v>
      </c>
      <c r="AK28259">
        <v>19</v>
      </c>
      <c r="AL28259">
        <v>19</v>
      </c>
      <c r="AM28259">
        <v>19</v>
      </c>
      <c r="AN28259">
        <v>19</v>
      </c>
      <c r="AO28259">
        <v>20</v>
      </c>
      <c r="AP28259">
        <v>20</v>
      </c>
      <c r="AQ28259">
        <v>20</v>
      </c>
    </row>
    <row r="28260" spans="1:43">
      <c r="A28260" t="s">
        <v>17487</v>
      </c>
      <c r="B28260" t="s">
        <v>17488</v>
      </c>
      <c r="C28260" t="s">
        <v>17489</v>
      </c>
      <c r="D28260" t="s">
        <v>17490</v>
      </c>
      <c r="E28260" t="s">
        <v>17455</v>
      </c>
      <c r="F28260" t="s">
        <v>17456</v>
      </c>
      <c r="G28260" t="s">
        <v>16559</v>
      </c>
      <c r="H28260" t="s">
        <v>16560</v>
      </c>
      <c r="I28260" s="2">
        <v>1</v>
      </c>
      <c r="J28260" s="2">
        <v>0</v>
      </c>
      <c r="K28260" s="2">
        <v>0</v>
      </c>
      <c r="L28260" t="s">
        <v>120</v>
      </c>
      <c r="M28260" t="s">
        <v>89</v>
      </c>
      <c r="N28260" t="s">
        <v>90</v>
      </c>
      <c r="O28260" t="s">
        <v>85</v>
      </c>
      <c r="P28260" t="s">
        <v>86</v>
      </c>
      <c r="Q28260">
        <v>14</v>
      </c>
      <c r="R28260">
        <v>15</v>
      </c>
      <c r="S28260">
        <v>15</v>
      </c>
      <c r="T28260">
        <v>16</v>
      </c>
      <c r="U28260">
        <v>16</v>
      </c>
      <c r="V28260">
        <v>17</v>
      </c>
      <c r="W28260">
        <v>17</v>
      </c>
      <c r="X28260">
        <v>18</v>
      </c>
      <c r="Y28260">
        <v>18</v>
      </c>
      <c r="Z28260">
        <v>19</v>
      </c>
      <c r="AA28260">
        <v>19</v>
      </c>
      <c r="AB28260">
        <v>20</v>
      </c>
      <c r="AC28260">
        <v>20</v>
      </c>
      <c r="AD28260">
        <v>21</v>
      </c>
      <c r="AE28260">
        <v>21</v>
      </c>
      <c r="AF28260">
        <v>21</v>
      </c>
      <c r="AG28260">
        <v>21</v>
      </c>
      <c r="AH28260">
        <v>21</v>
      </c>
      <c r="AI28260">
        <v>22</v>
      </c>
      <c r="AJ28260">
        <v>22</v>
      </c>
      <c r="AK28260">
        <v>22</v>
      </c>
      <c r="AL28260">
        <v>22</v>
      </c>
      <c r="AM28260">
        <v>22</v>
      </c>
      <c r="AN28260">
        <v>23</v>
      </c>
      <c r="AO28260">
        <v>23</v>
      </c>
      <c r="AP28260">
        <v>23</v>
      </c>
      <c r="AQ28260">
        <v>23</v>
      </c>
    </row>
    <row r="28261" spans="1:43">
      <c r="A28261" t="s">
        <v>17487</v>
      </c>
      <c r="B28261" t="s">
        <v>17488</v>
      </c>
      <c r="C28261" t="s">
        <v>17489</v>
      </c>
      <c r="D28261" t="s">
        <v>17490</v>
      </c>
      <c r="E28261" t="s">
        <v>17455</v>
      </c>
      <c r="F28261" t="s">
        <v>17456</v>
      </c>
      <c r="G28261" t="s">
        <v>16559</v>
      </c>
      <c r="H28261" t="s">
        <v>16560</v>
      </c>
      <c r="I28261" s="2">
        <v>1</v>
      </c>
      <c r="J28261" s="2">
        <v>0</v>
      </c>
      <c r="K28261" s="2">
        <v>0</v>
      </c>
      <c r="L28261" t="s">
        <v>120</v>
      </c>
      <c r="M28261" t="s">
        <v>83</v>
      </c>
      <c r="N28261" t="s">
        <v>91</v>
      </c>
      <c r="O28261" t="s">
        <v>85</v>
      </c>
      <c r="P28261" t="s">
        <v>86</v>
      </c>
      <c r="Q28261">
        <v>14</v>
      </c>
      <c r="R28261">
        <v>15</v>
      </c>
      <c r="S28261">
        <v>15</v>
      </c>
      <c r="T28261">
        <v>15</v>
      </c>
      <c r="U28261">
        <v>16</v>
      </c>
      <c r="V28261">
        <v>16</v>
      </c>
      <c r="W28261">
        <v>16</v>
      </c>
      <c r="X28261">
        <v>17</v>
      </c>
      <c r="Y28261">
        <v>17</v>
      </c>
      <c r="Z28261">
        <v>18</v>
      </c>
      <c r="AA28261">
        <v>18</v>
      </c>
      <c r="AB28261">
        <v>18</v>
      </c>
      <c r="AC28261">
        <v>19</v>
      </c>
      <c r="AD28261">
        <v>19</v>
      </c>
      <c r="AE28261">
        <v>19</v>
      </c>
      <c r="AF28261">
        <v>20</v>
      </c>
      <c r="AG28261">
        <v>20</v>
      </c>
      <c r="AH28261">
        <v>21</v>
      </c>
      <c r="AI28261">
        <v>21</v>
      </c>
      <c r="AJ28261">
        <v>21</v>
      </c>
      <c r="AK28261">
        <v>22</v>
      </c>
      <c r="AL28261">
        <v>22</v>
      </c>
      <c r="AM28261">
        <v>22</v>
      </c>
      <c r="AN28261">
        <v>22</v>
      </c>
      <c r="AO28261">
        <v>23</v>
      </c>
      <c r="AP28261">
        <v>23</v>
      </c>
      <c r="AQ28261">
        <v>23</v>
      </c>
    </row>
    <row r="28262" spans="1:43">
      <c r="A28262" t="s">
        <v>17491</v>
      </c>
      <c r="B28262" t="s">
        <v>17492</v>
      </c>
      <c r="C28262" t="s">
        <v>17489</v>
      </c>
      <c r="D28262" t="s">
        <v>17490</v>
      </c>
      <c r="E28262" t="s">
        <v>17455</v>
      </c>
      <c r="F28262" t="s">
        <v>17456</v>
      </c>
      <c r="G28262" t="s">
        <v>16559</v>
      </c>
      <c r="H28262" t="s">
        <v>16560</v>
      </c>
      <c r="I28262" s="2">
        <v>1</v>
      </c>
      <c r="J28262" s="2">
        <v>0</v>
      </c>
      <c r="K28262" s="2">
        <v>0</v>
      </c>
      <c r="L28262" t="s">
        <v>120</v>
      </c>
      <c r="M28262" t="s">
        <v>83</v>
      </c>
      <c r="N28262" t="s">
        <v>84</v>
      </c>
      <c r="O28262" t="s">
        <v>85</v>
      </c>
      <c r="P28262" t="s">
        <v>86</v>
      </c>
      <c r="Q28262">
        <v>44</v>
      </c>
      <c r="R28262">
        <v>45</v>
      </c>
      <c r="S28262">
        <v>46</v>
      </c>
      <c r="T28262">
        <v>47</v>
      </c>
      <c r="U28262">
        <v>48</v>
      </c>
      <c r="V28262">
        <v>49</v>
      </c>
      <c r="W28262">
        <v>50</v>
      </c>
      <c r="X28262">
        <v>52</v>
      </c>
      <c r="Y28262">
        <v>53</v>
      </c>
      <c r="Z28262">
        <v>54</v>
      </c>
      <c r="AA28262">
        <v>55</v>
      </c>
      <c r="AB28262">
        <v>56</v>
      </c>
      <c r="AC28262">
        <v>57</v>
      </c>
      <c r="AD28262">
        <v>58</v>
      </c>
      <c r="AE28262">
        <v>60</v>
      </c>
      <c r="AF28262">
        <v>61</v>
      </c>
      <c r="AG28262">
        <v>62</v>
      </c>
      <c r="AH28262">
        <v>63</v>
      </c>
      <c r="AI28262">
        <v>64</v>
      </c>
      <c r="AJ28262">
        <v>66</v>
      </c>
      <c r="AK28262">
        <v>67</v>
      </c>
      <c r="AL28262">
        <v>68</v>
      </c>
      <c r="AM28262">
        <v>68</v>
      </c>
      <c r="AN28262">
        <v>69</v>
      </c>
      <c r="AO28262">
        <v>70</v>
      </c>
      <c r="AP28262">
        <v>70</v>
      </c>
      <c r="AQ28262">
        <v>71</v>
      </c>
    </row>
    <row r="28263" spans="1:43">
      <c r="A28263" t="s">
        <v>17491</v>
      </c>
      <c r="B28263" t="s">
        <v>17492</v>
      </c>
      <c r="C28263" t="s">
        <v>17489</v>
      </c>
      <c r="D28263" t="s">
        <v>17490</v>
      </c>
      <c r="E28263" t="s">
        <v>17455</v>
      </c>
      <c r="F28263" t="s">
        <v>17456</v>
      </c>
      <c r="G28263" t="s">
        <v>16559</v>
      </c>
      <c r="H28263" t="s">
        <v>16560</v>
      </c>
      <c r="I28263" s="2">
        <v>1</v>
      </c>
      <c r="J28263" s="2">
        <v>0</v>
      </c>
      <c r="K28263" s="2">
        <v>0</v>
      </c>
      <c r="L28263" t="s">
        <v>120</v>
      </c>
      <c r="M28263" t="s">
        <v>87</v>
      </c>
      <c r="N28263" t="s">
        <v>88</v>
      </c>
      <c r="O28263" t="s">
        <v>85</v>
      </c>
      <c r="P28263" t="s">
        <v>86</v>
      </c>
      <c r="Q28263">
        <v>44</v>
      </c>
      <c r="R28263">
        <v>44</v>
      </c>
      <c r="S28263">
        <v>45</v>
      </c>
      <c r="T28263">
        <v>45</v>
      </c>
      <c r="U28263">
        <v>46</v>
      </c>
      <c r="V28263">
        <v>47</v>
      </c>
      <c r="W28263">
        <v>47</v>
      </c>
      <c r="X28263">
        <v>48</v>
      </c>
      <c r="Y28263">
        <v>49</v>
      </c>
      <c r="Z28263">
        <v>49</v>
      </c>
      <c r="AA28263">
        <v>50</v>
      </c>
      <c r="AB28263">
        <v>51</v>
      </c>
      <c r="AC28263">
        <v>51</v>
      </c>
      <c r="AD28263">
        <v>52</v>
      </c>
      <c r="AE28263">
        <v>53</v>
      </c>
      <c r="AF28263">
        <v>54</v>
      </c>
      <c r="AG28263">
        <v>54</v>
      </c>
      <c r="AH28263">
        <v>55</v>
      </c>
      <c r="AI28263">
        <v>56</v>
      </c>
      <c r="AJ28263">
        <v>56</v>
      </c>
      <c r="AK28263">
        <v>57</v>
      </c>
      <c r="AL28263">
        <v>58</v>
      </c>
      <c r="AM28263">
        <v>58</v>
      </c>
      <c r="AN28263">
        <v>59</v>
      </c>
      <c r="AO28263">
        <v>60</v>
      </c>
      <c r="AP28263">
        <v>61</v>
      </c>
      <c r="AQ28263">
        <v>61</v>
      </c>
    </row>
    <row r="28264" spans="1:43">
      <c r="A28264" t="s">
        <v>17491</v>
      </c>
      <c r="B28264" t="s">
        <v>17492</v>
      </c>
      <c r="C28264" t="s">
        <v>17489</v>
      </c>
      <c r="D28264" t="s">
        <v>17490</v>
      </c>
      <c r="E28264" t="s">
        <v>17455</v>
      </c>
      <c r="F28264" t="s">
        <v>17456</v>
      </c>
      <c r="G28264" t="s">
        <v>16559</v>
      </c>
      <c r="H28264" t="s">
        <v>16560</v>
      </c>
      <c r="I28264" s="2">
        <v>1</v>
      </c>
      <c r="J28264" s="2">
        <v>0</v>
      </c>
      <c r="K28264" s="2">
        <v>0</v>
      </c>
      <c r="L28264" t="s">
        <v>120</v>
      </c>
      <c r="M28264" t="s">
        <v>89</v>
      </c>
      <c r="N28264" t="s">
        <v>90</v>
      </c>
      <c r="O28264" t="s">
        <v>85</v>
      </c>
      <c r="P28264" t="s">
        <v>86</v>
      </c>
      <c r="Q28264">
        <v>44</v>
      </c>
      <c r="R28264">
        <v>46</v>
      </c>
      <c r="S28264">
        <v>47</v>
      </c>
      <c r="T28264">
        <v>49</v>
      </c>
      <c r="U28264">
        <v>50</v>
      </c>
      <c r="V28264">
        <v>52</v>
      </c>
      <c r="W28264">
        <v>53</v>
      </c>
      <c r="X28264">
        <v>54</v>
      </c>
      <c r="Y28264">
        <v>56</v>
      </c>
      <c r="Z28264">
        <v>57</v>
      </c>
      <c r="AA28264">
        <v>59</v>
      </c>
      <c r="AB28264">
        <v>60</v>
      </c>
      <c r="AC28264">
        <v>61</v>
      </c>
      <c r="AD28264">
        <v>63</v>
      </c>
      <c r="AE28264">
        <v>64</v>
      </c>
      <c r="AF28264">
        <v>65</v>
      </c>
      <c r="AG28264">
        <v>65</v>
      </c>
      <c r="AH28264">
        <v>66</v>
      </c>
      <c r="AI28264">
        <v>66</v>
      </c>
      <c r="AJ28264">
        <v>67</v>
      </c>
      <c r="AK28264">
        <v>68</v>
      </c>
      <c r="AL28264">
        <v>68</v>
      </c>
      <c r="AM28264">
        <v>69</v>
      </c>
      <c r="AN28264">
        <v>69</v>
      </c>
      <c r="AO28264">
        <v>70</v>
      </c>
      <c r="AP28264">
        <v>70</v>
      </c>
      <c r="AQ28264">
        <v>71</v>
      </c>
    </row>
    <row r="28265" spans="1:43">
      <c r="A28265" t="s">
        <v>17491</v>
      </c>
      <c r="B28265" t="s">
        <v>17492</v>
      </c>
      <c r="C28265" t="s">
        <v>17489</v>
      </c>
      <c r="D28265" t="s">
        <v>17490</v>
      </c>
      <c r="E28265" t="s">
        <v>17455</v>
      </c>
      <c r="F28265" t="s">
        <v>17456</v>
      </c>
      <c r="G28265" t="s">
        <v>16559</v>
      </c>
      <c r="H28265" t="s">
        <v>16560</v>
      </c>
      <c r="I28265" s="2">
        <v>1</v>
      </c>
      <c r="J28265" s="2">
        <v>0</v>
      </c>
      <c r="K28265" s="2">
        <v>0</v>
      </c>
      <c r="L28265" t="s">
        <v>120</v>
      </c>
      <c r="M28265" t="s">
        <v>83</v>
      </c>
      <c r="N28265" t="s">
        <v>91</v>
      </c>
      <c r="O28265" t="s">
        <v>85</v>
      </c>
      <c r="P28265" t="s">
        <v>86</v>
      </c>
      <c r="Q28265">
        <v>44</v>
      </c>
      <c r="R28265">
        <v>45</v>
      </c>
      <c r="S28265">
        <v>46</v>
      </c>
      <c r="T28265">
        <v>47</v>
      </c>
      <c r="U28265">
        <v>48</v>
      </c>
      <c r="V28265">
        <v>49</v>
      </c>
      <c r="W28265">
        <v>50</v>
      </c>
      <c r="X28265">
        <v>52</v>
      </c>
      <c r="Y28265">
        <v>53</v>
      </c>
      <c r="Z28265">
        <v>54</v>
      </c>
      <c r="AA28265">
        <v>55</v>
      </c>
      <c r="AB28265">
        <v>56</v>
      </c>
      <c r="AC28265">
        <v>57</v>
      </c>
      <c r="AD28265">
        <v>58</v>
      </c>
      <c r="AE28265">
        <v>60</v>
      </c>
      <c r="AF28265">
        <v>61</v>
      </c>
      <c r="AG28265">
        <v>62</v>
      </c>
      <c r="AH28265">
        <v>63</v>
      </c>
      <c r="AI28265">
        <v>64</v>
      </c>
      <c r="AJ28265">
        <v>66</v>
      </c>
      <c r="AK28265">
        <v>67</v>
      </c>
      <c r="AL28265">
        <v>68</v>
      </c>
      <c r="AM28265">
        <v>68</v>
      </c>
      <c r="AN28265">
        <v>69</v>
      </c>
      <c r="AO28265">
        <v>70</v>
      </c>
      <c r="AP28265">
        <v>70</v>
      </c>
      <c r="AQ28265">
        <v>71</v>
      </c>
    </row>
    <row r="28266" spans="1:43">
      <c r="A28266" t="s">
        <v>17493</v>
      </c>
      <c r="B28266" t="s">
        <v>17494</v>
      </c>
      <c r="C28266" t="s">
        <v>17489</v>
      </c>
      <c r="D28266" t="s">
        <v>17490</v>
      </c>
      <c r="E28266" t="s">
        <v>17455</v>
      </c>
      <c r="F28266" t="s">
        <v>17456</v>
      </c>
      <c r="G28266" t="s">
        <v>16559</v>
      </c>
      <c r="H28266" t="s">
        <v>16560</v>
      </c>
      <c r="I28266" s="2">
        <v>1</v>
      </c>
      <c r="J28266" s="2">
        <v>0</v>
      </c>
      <c r="K28266" s="2">
        <v>0</v>
      </c>
      <c r="L28266" t="s">
        <v>120</v>
      </c>
      <c r="M28266" t="s">
        <v>83</v>
      </c>
      <c r="N28266" t="s">
        <v>84</v>
      </c>
      <c r="O28266" t="s">
        <v>85</v>
      </c>
      <c r="P28266" t="s">
        <v>86</v>
      </c>
      <c r="Q28266">
        <v>27</v>
      </c>
      <c r="R28266">
        <v>28</v>
      </c>
      <c r="S28266">
        <v>29</v>
      </c>
      <c r="T28266">
        <v>29</v>
      </c>
      <c r="U28266">
        <v>30</v>
      </c>
      <c r="V28266">
        <v>31</v>
      </c>
      <c r="W28266">
        <v>31</v>
      </c>
      <c r="X28266">
        <v>32</v>
      </c>
      <c r="Y28266">
        <v>33</v>
      </c>
      <c r="Z28266">
        <v>33</v>
      </c>
      <c r="AA28266">
        <v>34</v>
      </c>
      <c r="AB28266">
        <v>35</v>
      </c>
      <c r="AC28266">
        <v>35</v>
      </c>
      <c r="AD28266">
        <v>36</v>
      </c>
      <c r="AE28266">
        <v>37</v>
      </c>
      <c r="AF28266">
        <v>38</v>
      </c>
      <c r="AG28266">
        <v>38</v>
      </c>
      <c r="AH28266">
        <v>39</v>
      </c>
      <c r="AI28266">
        <v>40</v>
      </c>
      <c r="AJ28266">
        <v>41</v>
      </c>
      <c r="AK28266">
        <v>41</v>
      </c>
      <c r="AL28266">
        <v>42</v>
      </c>
      <c r="AM28266">
        <v>42</v>
      </c>
      <c r="AN28266">
        <v>43</v>
      </c>
      <c r="AO28266">
        <v>43</v>
      </c>
      <c r="AP28266">
        <v>43</v>
      </c>
      <c r="AQ28266">
        <v>44</v>
      </c>
    </row>
    <row r="28267" spans="1:43">
      <c r="A28267" t="s">
        <v>17493</v>
      </c>
      <c r="B28267" t="s">
        <v>17494</v>
      </c>
      <c r="C28267" t="s">
        <v>17489</v>
      </c>
      <c r="D28267" t="s">
        <v>17490</v>
      </c>
      <c r="E28267" t="s">
        <v>17455</v>
      </c>
      <c r="F28267" t="s">
        <v>17456</v>
      </c>
      <c r="G28267" t="s">
        <v>16559</v>
      </c>
      <c r="H28267" t="s">
        <v>16560</v>
      </c>
      <c r="I28267" s="2">
        <v>1</v>
      </c>
      <c r="J28267" s="2">
        <v>0</v>
      </c>
      <c r="K28267" s="2">
        <v>0</v>
      </c>
      <c r="L28267" t="s">
        <v>120</v>
      </c>
      <c r="M28267" t="s">
        <v>87</v>
      </c>
      <c r="N28267" t="s">
        <v>88</v>
      </c>
      <c r="O28267" t="s">
        <v>85</v>
      </c>
      <c r="P28267" t="s">
        <v>86</v>
      </c>
      <c r="Q28267">
        <v>27</v>
      </c>
      <c r="R28267">
        <v>27</v>
      </c>
      <c r="S28267">
        <v>28</v>
      </c>
      <c r="T28267">
        <v>28</v>
      </c>
      <c r="U28267">
        <v>29</v>
      </c>
      <c r="V28267">
        <v>29</v>
      </c>
      <c r="W28267">
        <v>29</v>
      </c>
      <c r="X28267">
        <v>30</v>
      </c>
      <c r="Y28267">
        <v>30</v>
      </c>
      <c r="Z28267">
        <v>31</v>
      </c>
      <c r="AA28267">
        <v>31</v>
      </c>
      <c r="AB28267">
        <v>31</v>
      </c>
      <c r="AC28267">
        <v>32</v>
      </c>
      <c r="AD28267">
        <v>32</v>
      </c>
      <c r="AE28267">
        <v>33</v>
      </c>
      <c r="AF28267">
        <v>33</v>
      </c>
      <c r="AG28267">
        <v>34</v>
      </c>
      <c r="AH28267">
        <v>34</v>
      </c>
      <c r="AI28267">
        <v>34</v>
      </c>
      <c r="AJ28267">
        <v>35</v>
      </c>
      <c r="AK28267">
        <v>35</v>
      </c>
      <c r="AL28267">
        <v>36</v>
      </c>
      <c r="AM28267">
        <v>36</v>
      </c>
      <c r="AN28267">
        <v>37</v>
      </c>
      <c r="AO28267">
        <v>37</v>
      </c>
      <c r="AP28267">
        <v>37</v>
      </c>
      <c r="AQ28267">
        <v>38</v>
      </c>
    </row>
    <row r="28268" spans="1:43">
      <c r="A28268" t="s">
        <v>17493</v>
      </c>
      <c r="B28268" t="s">
        <v>17494</v>
      </c>
      <c r="C28268" t="s">
        <v>17489</v>
      </c>
      <c r="D28268" t="s">
        <v>17490</v>
      </c>
      <c r="E28268" t="s">
        <v>17455</v>
      </c>
      <c r="F28268" t="s">
        <v>17456</v>
      </c>
      <c r="G28268" t="s">
        <v>16559</v>
      </c>
      <c r="H28268" t="s">
        <v>16560</v>
      </c>
      <c r="I28268" s="2">
        <v>1</v>
      </c>
      <c r="J28268" s="2">
        <v>0</v>
      </c>
      <c r="K28268" s="2">
        <v>0</v>
      </c>
      <c r="L28268" t="s">
        <v>120</v>
      </c>
      <c r="M28268" t="s">
        <v>89</v>
      </c>
      <c r="N28268" t="s">
        <v>90</v>
      </c>
      <c r="O28268" t="s">
        <v>85</v>
      </c>
      <c r="P28268" t="s">
        <v>86</v>
      </c>
      <c r="Q28268">
        <v>27</v>
      </c>
      <c r="R28268">
        <v>28</v>
      </c>
      <c r="S28268">
        <v>29</v>
      </c>
      <c r="T28268">
        <v>30</v>
      </c>
      <c r="U28268">
        <v>31</v>
      </c>
      <c r="V28268">
        <v>32</v>
      </c>
      <c r="W28268">
        <v>33</v>
      </c>
      <c r="X28268">
        <v>34</v>
      </c>
      <c r="Y28268">
        <v>35</v>
      </c>
      <c r="Z28268">
        <v>35</v>
      </c>
      <c r="AA28268">
        <v>36</v>
      </c>
      <c r="AB28268">
        <v>37</v>
      </c>
      <c r="AC28268">
        <v>38</v>
      </c>
      <c r="AD28268">
        <v>39</v>
      </c>
      <c r="AE28268">
        <v>40</v>
      </c>
      <c r="AF28268">
        <v>40</v>
      </c>
      <c r="AG28268">
        <v>40</v>
      </c>
      <c r="AH28268">
        <v>41</v>
      </c>
      <c r="AI28268">
        <v>41</v>
      </c>
      <c r="AJ28268">
        <v>41</v>
      </c>
      <c r="AK28268">
        <v>42</v>
      </c>
      <c r="AL28268">
        <v>42</v>
      </c>
      <c r="AM28268">
        <v>43</v>
      </c>
      <c r="AN28268">
        <v>43</v>
      </c>
      <c r="AO28268">
        <v>43</v>
      </c>
      <c r="AP28268">
        <v>44</v>
      </c>
      <c r="AQ28268">
        <v>44</v>
      </c>
    </row>
    <row r="28269" spans="1:43">
      <c r="A28269" t="s">
        <v>17493</v>
      </c>
      <c r="B28269" t="s">
        <v>17494</v>
      </c>
      <c r="C28269" t="s">
        <v>17489</v>
      </c>
      <c r="D28269" t="s">
        <v>17490</v>
      </c>
      <c r="E28269" t="s">
        <v>17455</v>
      </c>
      <c r="F28269" t="s">
        <v>17456</v>
      </c>
      <c r="G28269" t="s">
        <v>16559</v>
      </c>
      <c r="H28269" t="s">
        <v>16560</v>
      </c>
      <c r="I28269" s="2">
        <v>1</v>
      </c>
      <c r="J28269" s="2">
        <v>0</v>
      </c>
      <c r="K28269" s="2">
        <v>0</v>
      </c>
      <c r="L28269" t="s">
        <v>120</v>
      </c>
      <c r="M28269" t="s">
        <v>83</v>
      </c>
      <c r="N28269" t="s">
        <v>91</v>
      </c>
      <c r="O28269" t="s">
        <v>85</v>
      </c>
      <c r="P28269" t="s">
        <v>86</v>
      </c>
      <c r="Q28269">
        <v>27</v>
      </c>
      <c r="R28269">
        <v>28</v>
      </c>
      <c r="S28269">
        <v>29</v>
      </c>
      <c r="T28269">
        <v>29</v>
      </c>
      <c r="U28269">
        <v>30</v>
      </c>
      <c r="V28269">
        <v>31</v>
      </c>
      <c r="W28269">
        <v>31</v>
      </c>
      <c r="X28269">
        <v>32</v>
      </c>
      <c r="Y28269">
        <v>33</v>
      </c>
      <c r="Z28269">
        <v>33</v>
      </c>
      <c r="AA28269">
        <v>34</v>
      </c>
      <c r="AB28269">
        <v>35</v>
      </c>
      <c r="AC28269">
        <v>35</v>
      </c>
      <c r="AD28269">
        <v>36</v>
      </c>
      <c r="AE28269">
        <v>37</v>
      </c>
      <c r="AF28269">
        <v>38</v>
      </c>
      <c r="AG28269">
        <v>38</v>
      </c>
      <c r="AH28269">
        <v>39</v>
      </c>
      <c r="AI28269">
        <v>40</v>
      </c>
      <c r="AJ28269">
        <v>41</v>
      </c>
      <c r="AK28269">
        <v>41</v>
      </c>
      <c r="AL28269">
        <v>42</v>
      </c>
      <c r="AM28269">
        <v>42</v>
      </c>
      <c r="AN28269">
        <v>43</v>
      </c>
      <c r="AO28269">
        <v>43</v>
      </c>
      <c r="AP28269">
        <v>43</v>
      </c>
      <c r="AQ28269">
        <v>44</v>
      </c>
    </row>
    <row r="28270" spans="1:43">
      <c r="A28270" t="s">
        <v>17495</v>
      </c>
      <c r="B28270" t="s">
        <v>17496</v>
      </c>
      <c r="C28270" t="s">
        <v>17497</v>
      </c>
      <c r="D28270" t="s">
        <v>17498</v>
      </c>
      <c r="E28270" t="s">
        <v>17455</v>
      </c>
      <c r="F28270" t="s">
        <v>17456</v>
      </c>
      <c r="G28270" t="s">
        <v>16559</v>
      </c>
      <c r="H28270" t="s">
        <v>16560</v>
      </c>
      <c r="I28270" s="2">
        <v>1</v>
      </c>
      <c r="J28270" s="2">
        <v>0</v>
      </c>
      <c r="K28270" s="2">
        <v>0</v>
      </c>
      <c r="L28270" t="s">
        <v>120</v>
      </c>
      <c r="M28270" t="s">
        <v>83</v>
      </c>
      <c r="N28270" t="s">
        <v>84</v>
      </c>
      <c r="O28270" t="s">
        <v>85</v>
      </c>
      <c r="P28270" t="s">
        <v>86</v>
      </c>
      <c r="Q28270">
        <v>20</v>
      </c>
      <c r="R28270">
        <v>20</v>
      </c>
      <c r="S28270">
        <v>21</v>
      </c>
      <c r="T28270">
        <v>21</v>
      </c>
      <c r="U28270">
        <v>22</v>
      </c>
      <c r="V28270">
        <v>22</v>
      </c>
      <c r="W28270">
        <v>23</v>
      </c>
      <c r="X28270">
        <v>24</v>
      </c>
      <c r="Y28270">
        <v>24</v>
      </c>
      <c r="Z28270">
        <v>25</v>
      </c>
      <c r="AA28270">
        <v>25</v>
      </c>
      <c r="AB28270">
        <v>26</v>
      </c>
      <c r="AC28270">
        <v>26</v>
      </c>
      <c r="AD28270">
        <v>27</v>
      </c>
      <c r="AE28270">
        <v>27</v>
      </c>
      <c r="AF28270">
        <v>28</v>
      </c>
      <c r="AG28270">
        <v>28</v>
      </c>
      <c r="AH28270">
        <v>29</v>
      </c>
      <c r="AI28270">
        <v>29</v>
      </c>
      <c r="AJ28270">
        <v>30</v>
      </c>
      <c r="AK28270">
        <v>31</v>
      </c>
      <c r="AL28270">
        <v>31</v>
      </c>
      <c r="AM28270">
        <v>31</v>
      </c>
      <c r="AN28270">
        <v>32</v>
      </c>
      <c r="AO28270">
        <v>32</v>
      </c>
      <c r="AP28270">
        <v>32</v>
      </c>
      <c r="AQ28270">
        <v>32</v>
      </c>
    </row>
    <row r="28271" spans="1:43">
      <c r="A28271" t="s">
        <v>17495</v>
      </c>
      <c r="B28271" t="s">
        <v>17496</v>
      </c>
      <c r="C28271" t="s">
        <v>17497</v>
      </c>
      <c r="D28271" t="s">
        <v>17498</v>
      </c>
      <c r="E28271" t="s">
        <v>17455</v>
      </c>
      <c r="F28271" t="s">
        <v>17456</v>
      </c>
      <c r="G28271" t="s">
        <v>16559</v>
      </c>
      <c r="H28271" t="s">
        <v>16560</v>
      </c>
      <c r="I28271" s="2">
        <v>1</v>
      </c>
      <c r="J28271" s="2">
        <v>0</v>
      </c>
      <c r="K28271" s="2">
        <v>0</v>
      </c>
      <c r="L28271" t="s">
        <v>120</v>
      </c>
      <c r="M28271" t="s">
        <v>87</v>
      </c>
      <c r="N28271" t="s">
        <v>88</v>
      </c>
      <c r="O28271" t="s">
        <v>85</v>
      </c>
      <c r="P28271" t="s">
        <v>86</v>
      </c>
      <c r="Q28271">
        <v>20</v>
      </c>
      <c r="R28271">
        <v>20</v>
      </c>
      <c r="S28271">
        <v>20</v>
      </c>
      <c r="T28271">
        <v>21</v>
      </c>
      <c r="U28271">
        <v>21</v>
      </c>
      <c r="V28271">
        <v>21</v>
      </c>
      <c r="W28271">
        <v>22</v>
      </c>
      <c r="X28271">
        <v>22</v>
      </c>
      <c r="Y28271">
        <v>22</v>
      </c>
      <c r="Z28271">
        <v>23</v>
      </c>
      <c r="AA28271">
        <v>23</v>
      </c>
      <c r="AB28271">
        <v>23</v>
      </c>
      <c r="AC28271">
        <v>23</v>
      </c>
      <c r="AD28271">
        <v>24</v>
      </c>
      <c r="AE28271">
        <v>24</v>
      </c>
      <c r="AF28271">
        <v>24</v>
      </c>
      <c r="AG28271">
        <v>25</v>
      </c>
      <c r="AH28271">
        <v>25</v>
      </c>
      <c r="AI28271">
        <v>25</v>
      </c>
      <c r="AJ28271">
        <v>26</v>
      </c>
      <c r="AK28271">
        <v>26</v>
      </c>
      <c r="AL28271">
        <v>26</v>
      </c>
      <c r="AM28271">
        <v>27</v>
      </c>
      <c r="AN28271">
        <v>27</v>
      </c>
      <c r="AO28271">
        <v>27</v>
      </c>
      <c r="AP28271">
        <v>28</v>
      </c>
      <c r="AQ28271">
        <v>28</v>
      </c>
    </row>
    <row r="28272" spans="1:43">
      <c r="A28272" t="s">
        <v>17495</v>
      </c>
      <c r="B28272" t="s">
        <v>17496</v>
      </c>
      <c r="C28272" t="s">
        <v>17497</v>
      </c>
      <c r="D28272" t="s">
        <v>17498</v>
      </c>
      <c r="E28272" t="s">
        <v>17455</v>
      </c>
      <c r="F28272" t="s">
        <v>17456</v>
      </c>
      <c r="G28272" t="s">
        <v>16559</v>
      </c>
      <c r="H28272" t="s">
        <v>16560</v>
      </c>
      <c r="I28272" s="2">
        <v>1</v>
      </c>
      <c r="J28272" s="2">
        <v>0</v>
      </c>
      <c r="K28272" s="2">
        <v>0</v>
      </c>
      <c r="L28272" t="s">
        <v>120</v>
      </c>
      <c r="M28272" t="s">
        <v>89</v>
      </c>
      <c r="N28272" t="s">
        <v>90</v>
      </c>
      <c r="O28272" t="s">
        <v>85</v>
      </c>
      <c r="P28272" t="s">
        <v>86</v>
      </c>
      <c r="Q28272">
        <v>20</v>
      </c>
      <c r="R28272">
        <v>21</v>
      </c>
      <c r="S28272">
        <v>22</v>
      </c>
      <c r="T28272">
        <v>22</v>
      </c>
      <c r="U28272">
        <v>23</v>
      </c>
      <c r="V28272">
        <v>23</v>
      </c>
      <c r="W28272">
        <v>24</v>
      </c>
      <c r="X28272">
        <v>25</v>
      </c>
      <c r="Y28272">
        <v>25</v>
      </c>
      <c r="Z28272">
        <v>26</v>
      </c>
      <c r="AA28272">
        <v>27</v>
      </c>
      <c r="AB28272">
        <v>27</v>
      </c>
      <c r="AC28272">
        <v>28</v>
      </c>
      <c r="AD28272">
        <v>29</v>
      </c>
      <c r="AE28272">
        <v>29</v>
      </c>
      <c r="AF28272">
        <v>30</v>
      </c>
      <c r="AG28272">
        <v>30</v>
      </c>
      <c r="AH28272">
        <v>30</v>
      </c>
      <c r="AI28272">
        <v>30</v>
      </c>
      <c r="AJ28272">
        <v>31</v>
      </c>
      <c r="AK28272">
        <v>31</v>
      </c>
      <c r="AL28272">
        <v>31</v>
      </c>
      <c r="AM28272">
        <v>31</v>
      </c>
      <c r="AN28272">
        <v>32</v>
      </c>
      <c r="AO28272">
        <v>32</v>
      </c>
      <c r="AP28272">
        <v>32</v>
      </c>
      <c r="AQ28272">
        <v>33</v>
      </c>
    </row>
    <row r="28273" spans="1:43">
      <c r="A28273" t="s">
        <v>17495</v>
      </c>
      <c r="B28273" t="s">
        <v>17496</v>
      </c>
      <c r="C28273" t="s">
        <v>17497</v>
      </c>
      <c r="D28273" t="s">
        <v>17498</v>
      </c>
      <c r="E28273" t="s">
        <v>17455</v>
      </c>
      <c r="F28273" t="s">
        <v>17456</v>
      </c>
      <c r="G28273" t="s">
        <v>16559</v>
      </c>
      <c r="H28273" t="s">
        <v>16560</v>
      </c>
      <c r="I28273" s="2">
        <v>1</v>
      </c>
      <c r="J28273" s="2">
        <v>0</v>
      </c>
      <c r="K28273" s="2">
        <v>0</v>
      </c>
      <c r="L28273" t="s">
        <v>120</v>
      </c>
      <c r="M28273" t="s">
        <v>83</v>
      </c>
      <c r="N28273" t="s">
        <v>91</v>
      </c>
      <c r="O28273" t="s">
        <v>85</v>
      </c>
      <c r="P28273" t="s">
        <v>86</v>
      </c>
      <c r="Q28273">
        <v>20</v>
      </c>
      <c r="R28273">
        <v>20</v>
      </c>
      <c r="S28273">
        <v>21</v>
      </c>
      <c r="T28273">
        <v>21</v>
      </c>
      <c r="U28273">
        <v>22</v>
      </c>
      <c r="V28273">
        <v>22</v>
      </c>
      <c r="W28273">
        <v>23</v>
      </c>
      <c r="X28273">
        <v>24</v>
      </c>
      <c r="Y28273">
        <v>24</v>
      </c>
      <c r="Z28273">
        <v>25</v>
      </c>
      <c r="AA28273">
        <v>25</v>
      </c>
      <c r="AB28273">
        <v>26</v>
      </c>
      <c r="AC28273">
        <v>26</v>
      </c>
      <c r="AD28273">
        <v>27</v>
      </c>
      <c r="AE28273">
        <v>27</v>
      </c>
      <c r="AF28273">
        <v>28</v>
      </c>
      <c r="AG28273">
        <v>28</v>
      </c>
      <c r="AH28273">
        <v>29</v>
      </c>
      <c r="AI28273">
        <v>29</v>
      </c>
      <c r="AJ28273">
        <v>30</v>
      </c>
      <c r="AK28273">
        <v>31</v>
      </c>
      <c r="AL28273">
        <v>31</v>
      </c>
      <c r="AM28273">
        <v>31</v>
      </c>
      <c r="AN28273">
        <v>32</v>
      </c>
      <c r="AO28273">
        <v>32</v>
      </c>
      <c r="AP28273">
        <v>32</v>
      </c>
      <c r="AQ28273">
        <v>32</v>
      </c>
    </row>
    <row r="28274" spans="1:43">
      <c r="A28274" t="s">
        <v>17499</v>
      </c>
      <c r="B28274" t="s">
        <v>17500</v>
      </c>
      <c r="C28274" t="s">
        <v>17497</v>
      </c>
      <c r="D28274" t="s">
        <v>17498</v>
      </c>
      <c r="E28274" t="s">
        <v>17455</v>
      </c>
      <c r="F28274" t="s">
        <v>17456</v>
      </c>
      <c r="G28274" t="s">
        <v>16559</v>
      </c>
      <c r="H28274" t="s">
        <v>16560</v>
      </c>
      <c r="I28274" s="2">
        <v>1</v>
      </c>
      <c r="J28274" s="2">
        <v>0</v>
      </c>
      <c r="K28274" s="2">
        <v>0</v>
      </c>
      <c r="L28274" t="s">
        <v>120</v>
      </c>
      <c r="M28274" t="s">
        <v>83</v>
      </c>
      <c r="N28274" t="s">
        <v>84</v>
      </c>
      <c r="O28274" t="s">
        <v>85</v>
      </c>
      <c r="P28274" t="s">
        <v>86</v>
      </c>
      <c r="Q28274">
        <v>29</v>
      </c>
      <c r="R28274">
        <v>30</v>
      </c>
      <c r="S28274">
        <v>30</v>
      </c>
      <c r="T28274">
        <v>31</v>
      </c>
      <c r="U28274">
        <v>32</v>
      </c>
      <c r="V28274">
        <v>33</v>
      </c>
      <c r="W28274">
        <v>33</v>
      </c>
      <c r="X28274">
        <v>34</v>
      </c>
      <c r="Y28274">
        <v>35</v>
      </c>
      <c r="Z28274">
        <v>36</v>
      </c>
      <c r="AA28274">
        <v>36</v>
      </c>
      <c r="AB28274">
        <v>37</v>
      </c>
      <c r="AC28274">
        <v>38</v>
      </c>
      <c r="AD28274">
        <v>39</v>
      </c>
      <c r="AE28274">
        <v>39</v>
      </c>
      <c r="AF28274">
        <v>40</v>
      </c>
      <c r="AG28274">
        <v>41</v>
      </c>
      <c r="AH28274">
        <v>42</v>
      </c>
      <c r="AI28274">
        <v>43</v>
      </c>
      <c r="AJ28274">
        <v>44</v>
      </c>
      <c r="AK28274">
        <v>44</v>
      </c>
      <c r="AL28274">
        <v>45</v>
      </c>
      <c r="AM28274">
        <v>45</v>
      </c>
      <c r="AN28274">
        <v>46</v>
      </c>
      <c r="AO28274">
        <v>46</v>
      </c>
      <c r="AP28274">
        <v>47</v>
      </c>
      <c r="AQ28274">
        <v>47</v>
      </c>
    </row>
    <row r="28275" spans="1:43">
      <c r="A28275" t="s">
        <v>17499</v>
      </c>
      <c r="B28275" t="s">
        <v>17500</v>
      </c>
      <c r="C28275" t="s">
        <v>17497</v>
      </c>
      <c r="D28275" t="s">
        <v>17498</v>
      </c>
      <c r="E28275" t="s">
        <v>17455</v>
      </c>
      <c r="F28275" t="s">
        <v>17456</v>
      </c>
      <c r="G28275" t="s">
        <v>16559</v>
      </c>
      <c r="H28275" t="s">
        <v>16560</v>
      </c>
      <c r="I28275" s="2">
        <v>1</v>
      </c>
      <c r="J28275" s="2">
        <v>0</v>
      </c>
      <c r="K28275" s="2">
        <v>0</v>
      </c>
      <c r="L28275" t="s">
        <v>120</v>
      </c>
      <c r="M28275" t="s">
        <v>87</v>
      </c>
      <c r="N28275" t="s">
        <v>88</v>
      </c>
      <c r="O28275" t="s">
        <v>85</v>
      </c>
      <c r="P28275" t="s">
        <v>86</v>
      </c>
      <c r="Q28275">
        <v>29</v>
      </c>
      <c r="R28275">
        <v>29</v>
      </c>
      <c r="S28275">
        <v>30</v>
      </c>
      <c r="T28275">
        <v>30</v>
      </c>
      <c r="U28275">
        <v>30</v>
      </c>
      <c r="V28275">
        <v>31</v>
      </c>
      <c r="W28275">
        <v>31</v>
      </c>
      <c r="X28275">
        <v>32</v>
      </c>
      <c r="Y28275">
        <v>32</v>
      </c>
      <c r="Z28275">
        <v>33</v>
      </c>
      <c r="AA28275">
        <v>33</v>
      </c>
      <c r="AB28275">
        <v>34</v>
      </c>
      <c r="AC28275">
        <v>34</v>
      </c>
      <c r="AD28275">
        <v>34</v>
      </c>
      <c r="AE28275">
        <v>35</v>
      </c>
      <c r="AF28275">
        <v>35</v>
      </c>
      <c r="AG28275">
        <v>36</v>
      </c>
      <c r="AH28275">
        <v>36</v>
      </c>
      <c r="AI28275">
        <v>37</v>
      </c>
      <c r="AJ28275">
        <v>37</v>
      </c>
      <c r="AK28275">
        <v>38</v>
      </c>
      <c r="AL28275">
        <v>38</v>
      </c>
      <c r="AM28275">
        <v>39</v>
      </c>
      <c r="AN28275">
        <v>39</v>
      </c>
      <c r="AO28275">
        <v>40</v>
      </c>
      <c r="AP28275">
        <v>40</v>
      </c>
      <c r="AQ28275">
        <v>41</v>
      </c>
    </row>
    <row r="28276" spans="1:43">
      <c r="A28276" t="s">
        <v>17499</v>
      </c>
      <c r="B28276" t="s">
        <v>17500</v>
      </c>
      <c r="C28276" t="s">
        <v>17497</v>
      </c>
      <c r="D28276" t="s">
        <v>17498</v>
      </c>
      <c r="E28276" t="s">
        <v>17455</v>
      </c>
      <c r="F28276" t="s">
        <v>17456</v>
      </c>
      <c r="G28276" t="s">
        <v>16559</v>
      </c>
      <c r="H28276" t="s">
        <v>16560</v>
      </c>
      <c r="I28276" s="2">
        <v>1</v>
      </c>
      <c r="J28276" s="2">
        <v>0</v>
      </c>
      <c r="K28276" s="2">
        <v>0</v>
      </c>
      <c r="L28276" t="s">
        <v>120</v>
      </c>
      <c r="M28276" t="s">
        <v>89</v>
      </c>
      <c r="N28276" t="s">
        <v>90</v>
      </c>
      <c r="O28276" t="s">
        <v>85</v>
      </c>
      <c r="P28276" t="s">
        <v>86</v>
      </c>
      <c r="Q28276">
        <v>29</v>
      </c>
      <c r="R28276">
        <v>30</v>
      </c>
      <c r="S28276">
        <v>31</v>
      </c>
      <c r="T28276">
        <v>32</v>
      </c>
      <c r="U28276">
        <v>33</v>
      </c>
      <c r="V28276">
        <v>34</v>
      </c>
      <c r="W28276">
        <v>35</v>
      </c>
      <c r="X28276">
        <v>36</v>
      </c>
      <c r="Y28276">
        <v>37</v>
      </c>
      <c r="Z28276">
        <v>38</v>
      </c>
      <c r="AA28276">
        <v>39</v>
      </c>
      <c r="AB28276">
        <v>40</v>
      </c>
      <c r="AC28276">
        <v>41</v>
      </c>
      <c r="AD28276">
        <v>42</v>
      </c>
      <c r="AE28276">
        <v>42</v>
      </c>
      <c r="AF28276">
        <v>43</v>
      </c>
      <c r="AG28276">
        <v>43</v>
      </c>
      <c r="AH28276">
        <v>44</v>
      </c>
      <c r="AI28276">
        <v>44</v>
      </c>
      <c r="AJ28276">
        <v>44</v>
      </c>
      <c r="AK28276">
        <v>45</v>
      </c>
      <c r="AL28276">
        <v>45</v>
      </c>
      <c r="AM28276">
        <v>46</v>
      </c>
      <c r="AN28276">
        <v>46</v>
      </c>
      <c r="AO28276">
        <v>46</v>
      </c>
      <c r="AP28276">
        <v>47</v>
      </c>
      <c r="AQ28276">
        <v>47</v>
      </c>
    </row>
    <row r="28277" spans="1:43">
      <c r="A28277" t="s">
        <v>17499</v>
      </c>
      <c r="B28277" t="s">
        <v>17500</v>
      </c>
      <c r="C28277" t="s">
        <v>17497</v>
      </c>
      <c r="D28277" t="s">
        <v>17498</v>
      </c>
      <c r="E28277" t="s">
        <v>17455</v>
      </c>
      <c r="F28277" t="s">
        <v>17456</v>
      </c>
      <c r="G28277" t="s">
        <v>16559</v>
      </c>
      <c r="H28277" t="s">
        <v>16560</v>
      </c>
      <c r="I28277" s="2">
        <v>1</v>
      </c>
      <c r="J28277" s="2">
        <v>0</v>
      </c>
      <c r="K28277" s="2">
        <v>0</v>
      </c>
      <c r="L28277" t="s">
        <v>120</v>
      </c>
      <c r="M28277" t="s">
        <v>83</v>
      </c>
      <c r="N28277" t="s">
        <v>91</v>
      </c>
      <c r="O28277" t="s">
        <v>85</v>
      </c>
      <c r="P28277" t="s">
        <v>86</v>
      </c>
      <c r="Q28277">
        <v>29</v>
      </c>
      <c r="R28277">
        <v>30</v>
      </c>
      <c r="S28277">
        <v>30</v>
      </c>
      <c r="T28277">
        <v>31</v>
      </c>
      <c r="U28277">
        <v>32</v>
      </c>
      <c r="V28277">
        <v>33</v>
      </c>
      <c r="W28277">
        <v>33</v>
      </c>
      <c r="X28277">
        <v>34</v>
      </c>
      <c r="Y28277">
        <v>35</v>
      </c>
      <c r="Z28277">
        <v>36</v>
      </c>
      <c r="AA28277">
        <v>36</v>
      </c>
      <c r="AB28277">
        <v>37</v>
      </c>
      <c r="AC28277">
        <v>38</v>
      </c>
      <c r="AD28277">
        <v>39</v>
      </c>
      <c r="AE28277">
        <v>39</v>
      </c>
      <c r="AF28277">
        <v>40</v>
      </c>
      <c r="AG28277">
        <v>41</v>
      </c>
      <c r="AH28277">
        <v>42</v>
      </c>
      <c r="AI28277">
        <v>43</v>
      </c>
      <c r="AJ28277">
        <v>44</v>
      </c>
      <c r="AK28277">
        <v>44</v>
      </c>
      <c r="AL28277">
        <v>45</v>
      </c>
      <c r="AM28277">
        <v>45</v>
      </c>
      <c r="AN28277">
        <v>46</v>
      </c>
      <c r="AO28277">
        <v>46</v>
      </c>
      <c r="AP28277">
        <v>47</v>
      </c>
      <c r="AQ28277">
        <v>47</v>
      </c>
    </row>
    <row r="28278" spans="1:43">
      <c r="A28278" t="s">
        <v>17501</v>
      </c>
      <c r="B28278" t="s">
        <v>17502</v>
      </c>
      <c r="C28278" t="s">
        <v>17497</v>
      </c>
      <c r="D28278" t="s">
        <v>17498</v>
      </c>
      <c r="E28278" t="s">
        <v>17455</v>
      </c>
      <c r="F28278" t="s">
        <v>17456</v>
      </c>
      <c r="G28278" t="s">
        <v>16559</v>
      </c>
      <c r="H28278" t="s">
        <v>16560</v>
      </c>
      <c r="I28278" s="2">
        <v>1</v>
      </c>
      <c r="J28278" s="2">
        <v>0</v>
      </c>
      <c r="K28278" s="2">
        <v>0</v>
      </c>
      <c r="L28278" t="s">
        <v>120</v>
      </c>
      <c r="M28278" t="s">
        <v>83</v>
      </c>
      <c r="N28278" t="s">
        <v>84</v>
      </c>
      <c r="O28278" t="s">
        <v>85</v>
      </c>
      <c r="P28278" t="s">
        <v>86</v>
      </c>
      <c r="Q28278">
        <v>12</v>
      </c>
      <c r="R28278">
        <v>12</v>
      </c>
      <c r="S28278">
        <v>12</v>
      </c>
      <c r="T28278">
        <v>13</v>
      </c>
      <c r="U28278">
        <v>13</v>
      </c>
      <c r="V28278">
        <v>13</v>
      </c>
      <c r="W28278">
        <v>14</v>
      </c>
      <c r="X28278">
        <v>14</v>
      </c>
      <c r="Y28278">
        <v>14</v>
      </c>
      <c r="Z28278">
        <v>14</v>
      </c>
      <c r="AA28278">
        <v>15</v>
      </c>
      <c r="AB28278">
        <v>15</v>
      </c>
      <c r="AC28278">
        <v>15</v>
      </c>
      <c r="AD28278">
        <v>16</v>
      </c>
      <c r="AE28278">
        <v>16</v>
      </c>
      <c r="AF28278">
        <v>16</v>
      </c>
      <c r="AG28278">
        <v>17</v>
      </c>
      <c r="AH28278">
        <v>17</v>
      </c>
      <c r="AI28278">
        <v>17</v>
      </c>
      <c r="AJ28278">
        <v>18</v>
      </c>
      <c r="AK28278">
        <v>18</v>
      </c>
      <c r="AL28278">
        <v>18</v>
      </c>
      <c r="AM28278">
        <v>18</v>
      </c>
      <c r="AN28278">
        <v>19</v>
      </c>
      <c r="AO28278">
        <v>19</v>
      </c>
      <c r="AP28278">
        <v>19</v>
      </c>
      <c r="AQ28278">
        <v>19</v>
      </c>
    </row>
    <row r="28279" spans="1:43">
      <c r="A28279" t="s">
        <v>17501</v>
      </c>
      <c r="B28279" t="s">
        <v>17502</v>
      </c>
      <c r="C28279" t="s">
        <v>17497</v>
      </c>
      <c r="D28279" t="s">
        <v>17498</v>
      </c>
      <c r="E28279" t="s">
        <v>17455</v>
      </c>
      <c r="F28279" t="s">
        <v>17456</v>
      </c>
      <c r="G28279" t="s">
        <v>16559</v>
      </c>
      <c r="H28279" t="s">
        <v>16560</v>
      </c>
      <c r="I28279" s="2">
        <v>1</v>
      </c>
      <c r="J28279" s="2">
        <v>0</v>
      </c>
      <c r="K28279" s="2">
        <v>0</v>
      </c>
      <c r="L28279" t="s">
        <v>120</v>
      </c>
      <c r="M28279" t="s">
        <v>87</v>
      </c>
      <c r="N28279" t="s">
        <v>88</v>
      </c>
      <c r="O28279" t="s">
        <v>85</v>
      </c>
      <c r="P28279" t="s">
        <v>86</v>
      </c>
      <c r="Q28279">
        <v>12</v>
      </c>
      <c r="R28279">
        <v>12</v>
      </c>
      <c r="S28279">
        <v>12</v>
      </c>
      <c r="T28279">
        <v>12</v>
      </c>
      <c r="U28279">
        <v>12</v>
      </c>
      <c r="V28279">
        <v>13</v>
      </c>
      <c r="W28279">
        <v>13</v>
      </c>
      <c r="X28279">
        <v>13</v>
      </c>
      <c r="Y28279">
        <v>13</v>
      </c>
      <c r="Z28279">
        <v>13</v>
      </c>
      <c r="AA28279">
        <v>13</v>
      </c>
      <c r="AB28279">
        <v>14</v>
      </c>
      <c r="AC28279">
        <v>14</v>
      </c>
      <c r="AD28279">
        <v>14</v>
      </c>
      <c r="AE28279">
        <v>14</v>
      </c>
      <c r="AF28279">
        <v>14</v>
      </c>
      <c r="AG28279">
        <v>15</v>
      </c>
      <c r="AH28279">
        <v>15</v>
      </c>
      <c r="AI28279">
        <v>15</v>
      </c>
      <c r="AJ28279">
        <v>15</v>
      </c>
      <c r="AK28279">
        <v>15</v>
      </c>
      <c r="AL28279">
        <v>15</v>
      </c>
      <c r="AM28279">
        <v>16</v>
      </c>
      <c r="AN28279">
        <v>16</v>
      </c>
      <c r="AO28279">
        <v>16</v>
      </c>
      <c r="AP28279">
        <v>16</v>
      </c>
      <c r="AQ28279">
        <v>16</v>
      </c>
    </row>
    <row r="28280" spans="1:43">
      <c r="A28280" t="s">
        <v>17501</v>
      </c>
      <c r="B28280" t="s">
        <v>17502</v>
      </c>
      <c r="C28280" t="s">
        <v>17497</v>
      </c>
      <c r="D28280" t="s">
        <v>17498</v>
      </c>
      <c r="E28280" t="s">
        <v>17455</v>
      </c>
      <c r="F28280" t="s">
        <v>17456</v>
      </c>
      <c r="G28280" t="s">
        <v>16559</v>
      </c>
      <c r="H28280" t="s">
        <v>16560</v>
      </c>
      <c r="I28280" s="2">
        <v>1</v>
      </c>
      <c r="J28280" s="2">
        <v>0</v>
      </c>
      <c r="K28280" s="2">
        <v>0</v>
      </c>
      <c r="L28280" t="s">
        <v>120</v>
      </c>
      <c r="M28280" t="s">
        <v>89</v>
      </c>
      <c r="N28280" t="s">
        <v>90</v>
      </c>
      <c r="O28280" t="s">
        <v>85</v>
      </c>
      <c r="P28280" t="s">
        <v>86</v>
      </c>
      <c r="Q28280">
        <v>12</v>
      </c>
      <c r="R28280">
        <v>12</v>
      </c>
      <c r="S28280">
        <v>13</v>
      </c>
      <c r="T28280">
        <v>13</v>
      </c>
      <c r="U28280">
        <v>13</v>
      </c>
      <c r="V28280">
        <v>14</v>
      </c>
      <c r="W28280">
        <v>14</v>
      </c>
      <c r="X28280">
        <v>15</v>
      </c>
      <c r="Y28280">
        <v>15</v>
      </c>
      <c r="Z28280">
        <v>15</v>
      </c>
      <c r="AA28280">
        <v>16</v>
      </c>
      <c r="AB28280">
        <v>16</v>
      </c>
      <c r="AC28280">
        <v>17</v>
      </c>
      <c r="AD28280">
        <v>17</v>
      </c>
      <c r="AE28280">
        <v>17</v>
      </c>
      <c r="AF28280">
        <v>17</v>
      </c>
      <c r="AG28280">
        <v>18</v>
      </c>
      <c r="AH28280">
        <v>18</v>
      </c>
      <c r="AI28280">
        <v>18</v>
      </c>
      <c r="AJ28280">
        <v>18</v>
      </c>
      <c r="AK28280">
        <v>18</v>
      </c>
      <c r="AL28280">
        <v>18</v>
      </c>
      <c r="AM28280">
        <v>18</v>
      </c>
      <c r="AN28280">
        <v>19</v>
      </c>
      <c r="AO28280">
        <v>19</v>
      </c>
      <c r="AP28280">
        <v>19</v>
      </c>
      <c r="AQ28280">
        <v>19</v>
      </c>
    </row>
    <row r="28281" spans="1:43">
      <c r="A28281" t="s">
        <v>17501</v>
      </c>
      <c r="B28281" t="s">
        <v>17502</v>
      </c>
      <c r="C28281" t="s">
        <v>17497</v>
      </c>
      <c r="D28281" t="s">
        <v>17498</v>
      </c>
      <c r="E28281" t="s">
        <v>17455</v>
      </c>
      <c r="F28281" t="s">
        <v>17456</v>
      </c>
      <c r="G28281" t="s">
        <v>16559</v>
      </c>
      <c r="H28281" t="s">
        <v>16560</v>
      </c>
      <c r="I28281" s="2">
        <v>1</v>
      </c>
      <c r="J28281" s="2">
        <v>0</v>
      </c>
      <c r="K28281" s="2">
        <v>0</v>
      </c>
      <c r="L28281" t="s">
        <v>120</v>
      </c>
      <c r="M28281" t="s">
        <v>83</v>
      </c>
      <c r="N28281" t="s">
        <v>91</v>
      </c>
      <c r="O28281" t="s">
        <v>85</v>
      </c>
      <c r="P28281" t="s">
        <v>86</v>
      </c>
      <c r="Q28281">
        <v>12</v>
      </c>
      <c r="R28281">
        <v>12</v>
      </c>
      <c r="S28281">
        <v>12</v>
      </c>
      <c r="T28281">
        <v>13</v>
      </c>
      <c r="U28281">
        <v>13</v>
      </c>
      <c r="V28281">
        <v>13</v>
      </c>
      <c r="W28281">
        <v>14</v>
      </c>
      <c r="X28281">
        <v>14</v>
      </c>
      <c r="Y28281">
        <v>14</v>
      </c>
      <c r="Z28281">
        <v>14</v>
      </c>
      <c r="AA28281">
        <v>15</v>
      </c>
      <c r="AB28281">
        <v>15</v>
      </c>
      <c r="AC28281">
        <v>15</v>
      </c>
      <c r="AD28281">
        <v>16</v>
      </c>
      <c r="AE28281">
        <v>16</v>
      </c>
      <c r="AF28281">
        <v>16</v>
      </c>
      <c r="AG28281">
        <v>17</v>
      </c>
      <c r="AH28281">
        <v>17</v>
      </c>
      <c r="AI28281">
        <v>17</v>
      </c>
      <c r="AJ28281">
        <v>18</v>
      </c>
      <c r="AK28281">
        <v>18</v>
      </c>
      <c r="AL28281">
        <v>18</v>
      </c>
      <c r="AM28281">
        <v>18</v>
      </c>
      <c r="AN28281">
        <v>19</v>
      </c>
      <c r="AO28281">
        <v>19</v>
      </c>
      <c r="AP28281">
        <v>19</v>
      </c>
      <c r="AQ28281">
        <v>19</v>
      </c>
    </row>
    <row r="28282" spans="1:43">
      <c r="A28282" t="s">
        <v>17503</v>
      </c>
      <c r="B28282" t="s">
        <v>17504</v>
      </c>
      <c r="C28282" t="s">
        <v>17497</v>
      </c>
      <c r="D28282" t="s">
        <v>17498</v>
      </c>
      <c r="E28282" t="s">
        <v>17455</v>
      </c>
      <c r="F28282" t="s">
        <v>17456</v>
      </c>
      <c r="G28282" t="s">
        <v>16559</v>
      </c>
      <c r="H28282" t="s">
        <v>16560</v>
      </c>
      <c r="I28282" s="2">
        <v>1</v>
      </c>
      <c r="J28282" s="2">
        <v>0</v>
      </c>
      <c r="K28282" s="2">
        <v>0</v>
      </c>
      <c r="L28282" t="s">
        <v>120</v>
      </c>
      <c r="M28282" t="s">
        <v>83</v>
      </c>
      <c r="N28282" t="s">
        <v>84</v>
      </c>
      <c r="O28282" t="s">
        <v>85</v>
      </c>
      <c r="P28282" t="s">
        <v>86</v>
      </c>
      <c r="Q28282">
        <v>42</v>
      </c>
      <c r="R28282">
        <v>43</v>
      </c>
      <c r="S28282">
        <v>44</v>
      </c>
      <c r="T28282">
        <v>45</v>
      </c>
      <c r="U28282">
        <v>46</v>
      </c>
      <c r="V28282">
        <v>47</v>
      </c>
      <c r="W28282">
        <v>48</v>
      </c>
      <c r="X28282">
        <v>49</v>
      </c>
      <c r="Y28282">
        <v>50</v>
      </c>
      <c r="Z28282">
        <v>51</v>
      </c>
      <c r="AA28282">
        <v>52</v>
      </c>
      <c r="AB28282">
        <v>53</v>
      </c>
      <c r="AC28282">
        <v>55</v>
      </c>
      <c r="AD28282">
        <v>56</v>
      </c>
      <c r="AE28282">
        <v>57</v>
      </c>
      <c r="AF28282">
        <v>58</v>
      </c>
      <c r="AG28282">
        <v>59</v>
      </c>
      <c r="AH28282">
        <v>60</v>
      </c>
      <c r="AI28282">
        <v>62</v>
      </c>
      <c r="AJ28282">
        <v>63</v>
      </c>
      <c r="AK28282">
        <v>64</v>
      </c>
      <c r="AL28282">
        <v>65</v>
      </c>
      <c r="AM28282">
        <v>65</v>
      </c>
      <c r="AN28282">
        <v>66</v>
      </c>
      <c r="AO28282">
        <v>66</v>
      </c>
      <c r="AP28282">
        <v>67</v>
      </c>
      <c r="AQ28282">
        <v>68</v>
      </c>
    </row>
    <row r="28283" spans="1:43">
      <c r="A28283" t="s">
        <v>17503</v>
      </c>
      <c r="B28283" t="s">
        <v>17504</v>
      </c>
      <c r="C28283" t="s">
        <v>17497</v>
      </c>
      <c r="D28283" t="s">
        <v>17498</v>
      </c>
      <c r="E28283" t="s">
        <v>17455</v>
      </c>
      <c r="F28283" t="s">
        <v>17456</v>
      </c>
      <c r="G28283" t="s">
        <v>16559</v>
      </c>
      <c r="H28283" t="s">
        <v>16560</v>
      </c>
      <c r="I28283" s="2">
        <v>1</v>
      </c>
      <c r="J28283" s="2">
        <v>0</v>
      </c>
      <c r="K28283" s="2">
        <v>0</v>
      </c>
      <c r="L28283" t="s">
        <v>120</v>
      </c>
      <c r="M28283" t="s">
        <v>87</v>
      </c>
      <c r="N28283" t="s">
        <v>88</v>
      </c>
      <c r="O28283" t="s">
        <v>85</v>
      </c>
      <c r="P28283" t="s">
        <v>86</v>
      </c>
      <c r="Q28283">
        <v>42</v>
      </c>
      <c r="R28283">
        <v>43</v>
      </c>
      <c r="S28283">
        <v>44</v>
      </c>
      <c r="T28283">
        <v>44</v>
      </c>
      <c r="U28283">
        <v>45</v>
      </c>
      <c r="V28283">
        <v>45</v>
      </c>
      <c r="W28283">
        <v>46</v>
      </c>
      <c r="X28283">
        <v>47</v>
      </c>
      <c r="Y28283">
        <v>47</v>
      </c>
      <c r="Z28283">
        <v>48</v>
      </c>
      <c r="AA28283">
        <v>49</v>
      </c>
      <c r="AB28283">
        <v>49</v>
      </c>
      <c r="AC28283">
        <v>50</v>
      </c>
      <c r="AD28283">
        <v>51</v>
      </c>
      <c r="AE28283">
        <v>51</v>
      </c>
      <c r="AF28283">
        <v>52</v>
      </c>
      <c r="AG28283">
        <v>53</v>
      </c>
      <c r="AH28283">
        <v>53</v>
      </c>
      <c r="AI28283">
        <v>54</v>
      </c>
      <c r="AJ28283">
        <v>55</v>
      </c>
      <c r="AK28283">
        <v>55</v>
      </c>
      <c r="AL28283">
        <v>56</v>
      </c>
      <c r="AM28283">
        <v>57</v>
      </c>
      <c r="AN28283">
        <v>57</v>
      </c>
      <c r="AO28283">
        <v>58</v>
      </c>
      <c r="AP28283">
        <v>59</v>
      </c>
      <c r="AQ28283">
        <v>59</v>
      </c>
    </row>
    <row r="28284" spans="1:43">
      <c r="A28284" t="s">
        <v>17503</v>
      </c>
      <c r="B28284" t="s">
        <v>17504</v>
      </c>
      <c r="C28284" t="s">
        <v>17497</v>
      </c>
      <c r="D28284" t="s">
        <v>17498</v>
      </c>
      <c r="E28284" t="s">
        <v>17455</v>
      </c>
      <c r="F28284" t="s">
        <v>17456</v>
      </c>
      <c r="G28284" t="s">
        <v>16559</v>
      </c>
      <c r="H28284" t="s">
        <v>16560</v>
      </c>
      <c r="I28284" s="2">
        <v>1</v>
      </c>
      <c r="J28284" s="2">
        <v>0</v>
      </c>
      <c r="K28284" s="2">
        <v>0</v>
      </c>
      <c r="L28284" t="s">
        <v>120</v>
      </c>
      <c r="M28284" t="s">
        <v>89</v>
      </c>
      <c r="N28284" t="s">
        <v>90</v>
      </c>
      <c r="O28284" t="s">
        <v>85</v>
      </c>
      <c r="P28284" t="s">
        <v>86</v>
      </c>
      <c r="Q28284">
        <v>42</v>
      </c>
      <c r="R28284">
        <v>43</v>
      </c>
      <c r="S28284">
        <v>45</v>
      </c>
      <c r="T28284">
        <v>46</v>
      </c>
      <c r="U28284">
        <v>48</v>
      </c>
      <c r="V28284">
        <v>49</v>
      </c>
      <c r="W28284">
        <v>50</v>
      </c>
      <c r="X28284">
        <v>52</v>
      </c>
      <c r="Y28284">
        <v>53</v>
      </c>
      <c r="Z28284">
        <v>54</v>
      </c>
      <c r="AA28284">
        <v>56</v>
      </c>
      <c r="AB28284">
        <v>57</v>
      </c>
      <c r="AC28284">
        <v>59</v>
      </c>
      <c r="AD28284">
        <v>60</v>
      </c>
      <c r="AE28284">
        <v>61</v>
      </c>
      <c r="AF28284">
        <v>62</v>
      </c>
      <c r="AG28284">
        <v>62</v>
      </c>
      <c r="AH28284">
        <v>63</v>
      </c>
      <c r="AI28284">
        <v>63</v>
      </c>
      <c r="AJ28284">
        <v>64</v>
      </c>
      <c r="AK28284">
        <v>65</v>
      </c>
      <c r="AL28284">
        <v>65</v>
      </c>
      <c r="AM28284">
        <v>66</v>
      </c>
      <c r="AN28284">
        <v>66</v>
      </c>
      <c r="AO28284">
        <v>67</v>
      </c>
      <c r="AP28284">
        <v>67</v>
      </c>
      <c r="AQ28284">
        <v>68</v>
      </c>
    </row>
    <row r="28285" spans="1:43">
      <c r="A28285" t="s">
        <v>17503</v>
      </c>
      <c r="B28285" t="s">
        <v>17504</v>
      </c>
      <c r="C28285" t="s">
        <v>17497</v>
      </c>
      <c r="D28285" t="s">
        <v>17498</v>
      </c>
      <c r="E28285" t="s">
        <v>17455</v>
      </c>
      <c r="F28285" t="s">
        <v>17456</v>
      </c>
      <c r="G28285" t="s">
        <v>16559</v>
      </c>
      <c r="H28285" t="s">
        <v>16560</v>
      </c>
      <c r="I28285" s="2">
        <v>1</v>
      </c>
      <c r="J28285" s="2">
        <v>0</v>
      </c>
      <c r="K28285" s="2">
        <v>0</v>
      </c>
      <c r="L28285" t="s">
        <v>120</v>
      </c>
      <c r="M28285" t="s">
        <v>83</v>
      </c>
      <c r="N28285" t="s">
        <v>91</v>
      </c>
      <c r="O28285" t="s">
        <v>85</v>
      </c>
      <c r="P28285" t="s">
        <v>86</v>
      </c>
      <c r="Q28285">
        <v>42</v>
      </c>
      <c r="R28285">
        <v>43</v>
      </c>
      <c r="S28285">
        <v>44</v>
      </c>
      <c r="T28285">
        <v>45</v>
      </c>
      <c r="U28285">
        <v>46</v>
      </c>
      <c r="V28285">
        <v>47</v>
      </c>
      <c r="W28285">
        <v>48</v>
      </c>
      <c r="X28285">
        <v>49</v>
      </c>
      <c r="Y28285">
        <v>50</v>
      </c>
      <c r="Z28285">
        <v>51</v>
      </c>
      <c r="AA28285">
        <v>52</v>
      </c>
      <c r="AB28285">
        <v>53</v>
      </c>
      <c r="AC28285">
        <v>55</v>
      </c>
      <c r="AD28285">
        <v>56</v>
      </c>
      <c r="AE28285">
        <v>57</v>
      </c>
      <c r="AF28285">
        <v>58</v>
      </c>
      <c r="AG28285">
        <v>59</v>
      </c>
      <c r="AH28285">
        <v>60</v>
      </c>
      <c r="AI28285">
        <v>62</v>
      </c>
      <c r="AJ28285">
        <v>63</v>
      </c>
      <c r="AK28285">
        <v>64</v>
      </c>
      <c r="AL28285">
        <v>65</v>
      </c>
      <c r="AM28285">
        <v>65</v>
      </c>
      <c r="AN28285">
        <v>66</v>
      </c>
      <c r="AO28285">
        <v>66</v>
      </c>
      <c r="AP28285">
        <v>67</v>
      </c>
      <c r="AQ28285">
        <v>68</v>
      </c>
    </row>
    <row r="28286" spans="1:43">
      <c r="A28286" t="s">
        <v>17505</v>
      </c>
      <c r="B28286" t="s">
        <v>17506</v>
      </c>
      <c r="C28286" t="s">
        <v>17507</v>
      </c>
      <c r="D28286" t="s">
        <v>17508</v>
      </c>
      <c r="E28286" t="s">
        <v>17455</v>
      </c>
      <c r="F28286" t="s">
        <v>17456</v>
      </c>
      <c r="G28286" t="s">
        <v>16559</v>
      </c>
      <c r="H28286" t="s">
        <v>16560</v>
      </c>
      <c r="I28286" s="2">
        <v>1</v>
      </c>
      <c r="J28286" s="2">
        <v>0</v>
      </c>
      <c r="K28286" s="2">
        <v>0</v>
      </c>
      <c r="L28286" t="s">
        <v>120</v>
      </c>
      <c r="M28286" t="s">
        <v>83</v>
      </c>
      <c r="N28286" t="s">
        <v>84</v>
      </c>
      <c r="O28286" t="s">
        <v>85</v>
      </c>
      <c r="P28286" t="s">
        <v>86</v>
      </c>
      <c r="Q28286">
        <v>38</v>
      </c>
      <c r="R28286">
        <v>38</v>
      </c>
      <c r="S28286">
        <v>39</v>
      </c>
      <c r="T28286">
        <v>40</v>
      </c>
      <c r="U28286">
        <v>41</v>
      </c>
      <c r="V28286">
        <v>42</v>
      </c>
      <c r="W28286">
        <v>43</v>
      </c>
      <c r="X28286">
        <v>44</v>
      </c>
      <c r="Y28286">
        <v>45</v>
      </c>
      <c r="Z28286">
        <v>46</v>
      </c>
      <c r="AA28286">
        <v>47</v>
      </c>
      <c r="AB28286">
        <v>48</v>
      </c>
      <c r="AC28286">
        <v>49</v>
      </c>
      <c r="AD28286">
        <v>50</v>
      </c>
      <c r="AE28286">
        <v>51</v>
      </c>
      <c r="AF28286">
        <v>52</v>
      </c>
      <c r="AG28286">
        <v>53</v>
      </c>
      <c r="AH28286">
        <v>55</v>
      </c>
      <c r="AI28286">
        <v>56</v>
      </c>
      <c r="AJ28286">
        <v>57</v>
      </c>
      <c r="AK28286">
        <v>58</v>
      </c>
      <c r="AL28286">
        <v>59</v>
      </c>
      <c r="AM28286">
        <v>59</v>
      </c>
      <c r="AN28286">
        <v>60</v>
      </c>
      <c r="AO28286">
        <v>60</v>
      </c>
      <c r="AP28286">
        <v>61</v>
      </c>
      <c r="AQ28286">
        <v>61</v>
      </c>
    </row>
    <row r="28287" spans="1:43">
      <c r="A28287" t="s">
        <v>17505</v>
      </c>
      <c r="B28287" t="s">
        <v>17506</v>
      </c>
      <c r="C28287" t="s">
        <v>17507</v>
      </c>
      <c r="D28287" t="s">
        <v>17508</v>
      </c>
      <c r="E28287" t="s">
        <v>17455</v>
      </c>
      <c r="F28287" t="s">
        <v>17456</v>
      </c>
      <c r="G28287" t="s">
        <v>16559</v>
      </c>
      <c r="H28287" t="s">
        <v>16560</v>
      </c>
      <c r="I28287" s="2">
        <v>1</v>
      </c>
      <c r="J28287" s="2">
        <v>0</v>
      </c>
      <c r="K28287" s="2">
        <v>0</v>
      </c>
      <c r="L28287" t="s">
        <v>120</v>
      </c>
      <c r="M28287" t="s">
        <v>87</v>
      </c>
      <c r="N28287" t="s">
        <v>88</v>
      </c>
      <c r="O28287" t="s">
        <v>85</v>
      </c>
      <c r="P28287" t="s">
        <v>86</v>
      </c>
      <c r="Q28287">
        <v>38</v>
      </c>
      <c r="R28287">
        <v>39</v>
      </c>
      <c r="S28287">
        <v>39</v>
      </c>
      <c r="T28287">
        <v>40</v>
      </c>
      <c r="U28287">
        <v>40</v>
      </c>
      <c r="V28287">
        <v>41</v>
      </c>
      <c r="W28287">
        <v>42</v>
      </c>
      <c r="X28287">
        <v>42</v>
      </c>
      <c r="Y28287">
        <v>43</v>
      </c>
      <c r="Z28287">
        <v>43</v>
      </c>
      <c r="AA28287">
        <v>44</v>
      </c>
      <c r="AB28287">
        <v>45</v>
      </c>
      <c r="AC28287">
        <v>45</v>
      </c>
      <c r="AD28287">
        <v>46</v>
      </c>
      <c r="AE28287">
        <v>46</v>
      </c>
      <c r="AF28287">
        <v>47</v>
      </c>
      <c r="AG28287">
        <v>48</v>
      </c>
      <c r="AH28287">
        <v>48</v>
      </c>
      <c r="AI28287">
        <v>49</v>
      </c>
      <c r="AJ28287">
        <v>50</v>
      </c>
      <c r="AK28287">
        <v>50</v>
      </c>
      <c r="AL28287">
        <v>51</v>
      </c>
      <c r="AM28287">
        <v>51</v>
      </c>
      <c r="AN28287">
        <v>52</v>
      </c>
      <c r="AO28287">
        <v>53</v>
      </c>
      <c r="AP28287">
        <v>53</v>
      </c>
      <c r="AQ28287">
        <v>54</v>
      </c>
    </row>
    <row r="28288" spans="1:43">
      <c r="A28288" t="s">
        <v>17505</v>
      </c>
      <c r="B28288" t="s">
        <v>17506</v>
      </c>
      <c r="C28288" t="s">
        <v>17507</v>
      </c>
      <c r="D28288" t="s">
        <v>17508</v>
      </c>
      <c r="E28288" t="s">
        <v>17455</v>
      </c>
      <c r="F28288" t="s">
        <v>17456</v>
      </c>
      <c r="G28288" t="s">
        <v>16559</v>
      </c>
      <c r="H28288" t="s">
        <v>16560</v>
      </c>
      <c r="I28288" s="2">
        <v>1</v>
      </c>
      <c r="J28288" s="2">
        <v>0</v>
      </c>
      <c r="K28288" s="2">
        <v>0</v>
      </c>
      <c r="L28288" t="s">
        <v>120</v>
      </c>
      <c r="M28288" t="s">
        <v>89</v>
      </c>
      <c r="N28288" t="s">
        <v>90</v>
      </c>
      <c r="O28288" t="s">
        <v>85</v>
      </c>
      <c r="P28288" t="s">
        <v>86</v>
      </c>
      <c r="Q28288">
        <v>38</v>
      </c>
      <c r="R28288">
        <v>39</v>
      </c>
      <c r="S28288">
        <v>40</v>
      </c>
      <c r="T28288">
        <v>42</v>
      </c>
      <c r="U28288">
        <v>43</v>
      </c>
      <c r="V28288">
        <v>44</v>
      </c>
      <c r="W28288">
        <v>45</v>
      </c>
      <c r="X28288">
        <v>47</v>
      </c>
      <c r="Y28288">
        <v>48</v>
      </c>
      <c r="Z28288">
        <v>49</v>
      </c>
      <c r="AA28288">
        <v>50</v>
      </c>
      <c r="AB28288">
        <v>52</v>
      </c>
      <c r="AC28288">
        <v>53</v>
      </c>
      <c r="AD28288">
        <v>54</v>
      </c>
      <c r="AE28288">
        <v>55</v>
      </c>
      <c r="AF28288">
        <v>56</v>
      </c>
      <c r="AG28288">
        <v>56</v>
      </c>
      <c r="AH28288">
        <v>57</v>
      </c>
      <c r="AI28288">
        <v>57</v>
      </c>
      <c r="AJ28288">
        <v>58</v>
      </c>
      <c r="AK28288">
        <v>58</v>
      </c>
      <c r="AL28288">
        <v>59</v>
      </c>
      <c r="AM28288">
        <v>59</v>
      </c>
      <c r="AN28288">
        <v>60</v>
      </c>
      <c r="AO28288">
        <v>60</v>
      </c>
      <c r="AP28288">
        <v>61</v>
      </c>
      <c r="AQ28288">
        <v>61</v>
      </c>
    </row>
    <row r="28289" spans="1:43">
      <c r="A28289" t="s">
        <v>17505</v>
      </c>
      <c r="B28289" t="s">
        <v>17506</v>
      </c>
      <c r="C28289" t="s">
        <v>17507</v>
      </c>
      <c r="D28289" t="s">
        <v>17508</v>
      </c>
      <c r="E28289" t="s">
        <v>17455</v>
      </c>
      <c r="F28289" t="s">
        <v>17456</v>
      </c>
      <c r="G28289" t="s">
        <v>16559</v>
      </c>
      <c r="H28289" t="s">
        <v>16560</v>
      </c>
      <c r="I28289" s="2">
        <v>1</v>
      </c>
      <c r="J28289" s="2">
        <v>0</v>
      </c>
      <c r="K28289" s="2">
        <v>0</v>
      </c>
      <c r="L28289" t="s">
        <v>120</v>
      </c>
      <c r="M28289" t="s">
        <v>83</v>
      </c>
      <c r="N28289" t="s">
        <v>91</v>
      </c>
      <c r="O28289" t="s">
        <v>85</v>
      </c>
      <c r="P28289" t="s">
        <v>86</v>
      </c>
      <c r="Q28289">
        <v>38</v>
      </c>
      <c r="R28289">
        <v>38</v>
      </c>
      <c r="S28289">
        <v>39</v>
      </c>
      <c r="T28289">
        <v>40</v>
      </c>
      <c r="U28289">
        <v>41</v>
      </c>
      <c r="V28289">
        <v>42</v>
      </c>
      <c r="W28289">
        <v>43</v>
      </c>
      <c r="X28289">
        <v>44</v>
      </c>
      <c r="Y28289">
        <v>45</v>
      </c>
      <c r="Z28289">
        <v>46</v>
      </c>
      <c r="AA28289">
        <v>47</v>
      </c>
      <c r="AB28289">
        <v>48</v>
      </c>
      <c r="AC28289">
        <v>49</v>
      </c>
      <c r="AD28289">
        <v>50</v>
      </c>
      <c r="AE28289">
        <v>51</v>
      </c>
      <c r="AF28289">
        <v>52</v>
      </c>
      <c r="AG28289">
        <v>53</v>
      </c>
      <c r="AH28289">
        <v>55</v>
      </c>
      <c r="AI28289">
        <v>56</v>
      </c>
      <c r="AJ28289">
        <v>57</v>
      </c>
      <c r="AK28289">
        <v>58</v>
      </c>
      <c r="AL28289">
        <v>59</v>
      </c>
      <c r="AM28289">
        <v>59</v>
      </c>
      <c r="AN28289">
        <v>60</v>
      </c>
      <c r="AO28289">
        <v>60</v>
      </c>
      <c r="AP28289">
        <v>61</v>
      </c>
      <c r="AQ28289">
        <v>61</v>
      </c>
    </row>
    <row r="28290" spans="1:43">
      <c r="A28290" t="s">
        <v>17509</v>
      </c>
      <c r="B28290" t="s">
        <v>17510</v>
      </c>
      <c r="C28290" t="s">
        <v>17507</v>
      </c>
      <c r="D28290" t="s">
        <v>17508</v>
      </c>
      <c r="E28290" t="s">
        <v>17455</v>
      </c>
      <c r="F28290" t="s">
        <v>17456</v>
      </c>
      <c r="G28290" t="s">
        <v>16559</v>
      </c>
      <c r="H28290" t="s">
        <v>16560</v>
      </c>
      <c r="I28290" s="2">
        <v>1</v>
      </c>
      <c r="J28290" s="2">
        <v>0</v>
      </c>
      <c r="K28290" s="2">
        <v>0</v>
      </c>
      <c r="L28290" t="s">
        <v>120</v>
      </c>
      <c r="M28290" t="s">
        <v>83</v>
      </c>
      <c r="N28290" t="s">
        <v>84</v>
      </c>
      <c r="O28290" t="s">
        <v>85</v>
      </c>
      <c r="P28290" t="s">
        <v>86</v>
      </c>
      <c r="Q28290">
        <v>9</v>
      </c>
      <c r="R28290">
        <v>9</v>
      </c>
      <c r="S28290">
        <v>9</v>
      </c>
      <c r="T28290">
        <v>9</v>
      </c>
      <c r="U28290">
        <v>10</v>
      </c>
      <c r="V28290">
        <v>10</v>
      </c>
      <c r="W28290">
        <v>10</v>
      </c>
      <c r="X28290">
        <v>10</v>
      </c>
      <c r="Y28290">
        <v>10</v>
      </c>
      <c r="Z28290">
        <v>11</v>
      </c>
      <c r="AA28290">
        <v>11</v>
      </c>
      <c r="AB28290">
        <v>11</v>
      </c>
      <c r="AC28290">
        <v>11</v>
      </c>
      <c r="AD28290">
        <v>12</v>
      </c>
      <c r="AE28290">
        <v>12</v>
      </c>
      <c r="AF28290">
        <v>12</v>
      </c>
      <c r="AG28290">
        <v>12</v>
      </c>
      <c r="AH28290">
        <v>13</v>
      </c>
      <c r="AI28290">
        <v>13</v>
      </c>
      <c r="AJ28290">
        <v>13</v>
      </c>
      <c r="AK28290">
        <v>13</v>
      </c>
      <c r="AL28290">
        <v>14</v>
      </c>
      <c r="AM28290">
        <v>14</v>
      </c>
      <c r="AN28290">
        <v>14</v>
      </c>
      <c r="AO28290">
        <v>14</v>
      </c>
      <c r="AP28290">
        <v>14</v>
      </c>
      <c r="AQ28290">
        <v>14</v>
      </c>
    </row>
    <row r="28291" spans="1:43">
      <c r="A28291" t="s">
        <v>17509</v>
      </c>
      <c r="B28291" t="s">
        <v>17510</v>
      </c>
      <c r="C28291" t="s">
        <v>17507</v>
      </c>
      <c r="D28291" t="s">
        <v>17508</v>
      </c>
      <c r="E28291" t="s">
        <v>17455</v>
      </c>
      <c r="F28291" t="s">
        <v>17456</v>
      </c>
      <c r="G28291" t="s">
        <v>16559</v>
      </c>
      <c r="H28291" t="s">
        <v>16560</v>
      </c>
      <c r="I28291" s="2">
        <v>1</v>
      </c>
      <c r="J28291" s="2">
        <v>0</v>
      </c>
      <c r="K28291" s="2">
        <v>0</v>
      </c>
      <c r="L28291" t="s">
        <v>120</v>
      </c>
      <c r="M28291" t="s">
        <v>87</v>
      </c>
      <c r="N28291" t="s">
        <v>88</v>
      </c>
      <c r="O28291" t="s">
        <v>85</v>
      </c>
      <c r="P28291" t="s">
        <v>86</v>
      </c>
      <c r="Q28291">
        <v>9</v>
      </c>
      <c r="R28291">
        <v>9</v>
      </c>
      <c r="S28291">
        <v>9</v>
      </c>
      <c r="T28291">
        <v>9</v>
      </c>
      <c r="U28291">
        <v>9</v>
      </c>
      <c r="V28291">
        <v>9</v>
      </c>
      <c r="W28291">
        <v>9</v>
      </c>
      <c r="X28291">
        <v>10</v>
      </c>
      <c r="Y28291">
        <v>10</v>
      </c>
      <c r="Z28291">
        <v>10</v>
      </c>
      <c r="AA28291">
        <v>10</v>
      </c>
      <c r="AB28291">
        <v>10</v>
      </c>
      <c r="AC28291">
        <v>10</v>
      </c>
      <c r="AD28291">
        <v>10</v>
      </c>
      <c r="AE28291">
        <v>11</v>
      </c>
      <c r="AF28291">
        <v>11</v>
      </c>
      <c r="AG28291">
        <v>11</v>
      </c>
      <c r="AH28291">
        <v>11</v>
      </c>
      <c r="AI28291">
        <v>11</v>
      </c>
      <c r="AJ28291">
        <v>11</v>
      </c>
      <c r="AK28291">
        <v>11</v>
      </c>
      <c r="AL28291">
        <v>12</v>
      </c>
      <c r="AM28291">
        <v>12</v>
      </c>
      <c r="AN28291">
        <v>12</v>
      </c>
      <c r="AO28291">
        <v>12</v>
      </c>
      <c r="AP28291">
        <v>12</v>
      </c>
      <c r="AQ28291">
        <v>12</v>
      </c>
    </row>
    <row r="28292" spans="1:43">
      <c r="A28292" t="s">
        <v>17509</v>
      </c>
      <c r="B28292" t="s">
        <v>17510</v>
      </c>
      <c r="C28292" t="s">
        <v>17507</v>
      </c>
      <c r="D28292" t="s">
        <v>17508</v>
      </c>
      <c r="E28292" t="s">
        <v>17455</v>
      </c>
      <c r="F28292" t="s">
        <v>17456</v>
      </c>
      <c r="G28292" t="s">
        <v>16559</v>
      </c>
      <c r="H28292" t="s">
        <v>16560</v>
      </c>
      <c r="I28292" s="2">
        <v>1</v>
      </c>
      <c r="J28292" s="2">
        <v>0</v>
      </c>
      <c r="K28292" s="2">
        <v>0</v>
      </c>
      <c r="L28292" t="s">
        <v>120</v>
      </c>
      <c r="M28292" t="s">
        <v>89</v>
      </c>
      <c r="N28292" t="s">
        <v>90</v>
      </c>
      <c r="O28292" t="s">
        <v>85</v>
      </c>
      <c r="P28292" t="s">
        <v>86</v>
      </c>
      <c r="Q28292">
        <v>9</v>
      </c>
      <c r="R28292">
        <v>9</v>
      </c>
      <c r="S28292">
        <v>9</v>
      </c>
      <c r="T28292">
        <v>10</v>
      </c>
      <c r="U28292">
        <v>10</v>
      </c>
      <c r="V28292">
        <v>10</v>
      </c>
      <c r="W28292">
        <v>11</v>
      </c>
      <c r="X28292">
        <v>11</v>
      </c>
      <c r="Y28292">
        <v>11</v>
      </c>
      <c r="Z28292">
        <v>11</v>
      </c>
      <c r="AA28292">
        <v>12</v>
      </c>
      <c r="AB28292">
        <v>12</v>
      </c>
      <c r="AC28292">
        <v>12</v>
      </c>
      <c r="AD28292">
        <v>13</v>
      </c>
      <c r="AE28292">
        <v>13</v>
      </c>
      <c r="AF28292">
        <v>13</v>
      </c>
      <c r="AG28292">
        <v>13</v>
      </c>
      <c r="AH28292">
        <v>13</v>
      </c>
      <c r="AI28292">
        <v>13</v>
      </c>
      <c r="AJ28292">
        <v>13</v>
      </c>
      <c r="AK28292">
        <v>13</v>
      </c>
      <c r="AL28292">
        <v>14</v>
      </c>
      <c r="AM28292">
        <v>14</v>
      </c>
      <c r="AN28292">
        <v>14</v>
      </c>
      <c r="AO28292">
        <v>14</v>
      </c>
      <c r="AP28292">
        <v>14</v>
      </c>
      <c r="AQ28292">
        <v>14</v>
      </c>
    </row>
    <row r="28293" spans="1:43">
      <c r="A28293" t="s">
        <v>17509</v>
      </c>
      <c r="B28293" t="s">
        <v>17510</v>
      </c>
      <c r="C28293" t="s">
        <v>17507</v>
      </c>
      <c r="D28293" t="s">
        <v>17508</v>
      </c>
      <c r="E28293" t="s">
        <v>17455</v>
      </c>
      <c r="F28293" t="s">
        <v>17456</v>
      </c>
      <c r="G28293" t="s">
        <v>16559</v>
      </c>
      <c r="H28293" t="s">
        <v>16560</v>
      </c>
      <c r="I28293" s="2">
        <v>1</v>
      </c>
      <c r="J28293" s="2">
        <v>0</v>
      </c>
      <c r="K28293" s="2">
        <v>0</v>
      </c>
      <c r="L28293" t="s">
        <v>120</v>
      </c>
      <c r="M28293" t="s">
        <v>83</v>
      </c>
      <c r="N28293" t="s">
        <v>91</v>
      </c>
      <c r="O28293" t="s">
        <v>85</v>
      </c>
      <c r="P28293" t="s">
        <v>86</v>
      </c>
      <c r="Q28293">
        <v>9</v>
      </c>
      <c r="R28293">
        <v>9</v>
      </c>
      <c r="S28293">
        <v>9</v>
      </c>
      <c r="T28293">
        <v>9</v>
      </c>
      <c r="U28293">
        <v>10</v>
      </c>
      <c r="V28293">
        <v>10</v>
      </c>
      <c r="W28293">
        <v>10</v>
      </c>
      <c r="X28293">
        <v>10</v>
      </c>
      <c r="Y28293">
        <v>10</v>
      </c>
      <c r="Z28293">
        <v>11</v>
      </c>
      <c r="AA28293">
        <v>11</v>
      </c>
      <c r="AB28293">
        <v>11</v>
      </c>
      <c r="AC28293">
        <v>11</v>
      </c>
      <c r="AD28293">
        <v>12</v>
      </c>
      <c r="AE28293">
        <v>12</v>
      </c>
      <c r="AF28293">
        <v>12</v>
      </c>
      <c r="AG28293">
        <v>12</v>
      </c>
      <c r="AH28293">
        <v>13</v>
      </c>
      <c r="AI28293">
        <v>13</v>
      </c>
      <c r="AJ28293">
        <v>13</v>
      </c>
      <c r="AK28293">
        <v>13</v>
      </c>
      <c r="AL28293">
        <v>14</v>
      </c>
      <c r="AM28293">
        <v>14</v>
      </c>
      <c r="AN28293">
        <v>14</v>
      </c>
      <c r="AO28293">
        <v>14</v>
      </c>
      <c r="AP28293">
        <v>14</v>
      </c>
      <c r="AQ28293">
        <v>14</v>
      </c>
    </row>
    <row r="28294" spans="1:43">
      <c r="A28294" t="s">
        <v>17511</v>
      </c>
      <c r="B28294" t="s">
        <v>17512</v>
      </c>
      <c r="C28294" t="s">
        <v>17507</v>
      </c>
      <c r="D28294" t="s">
        <v>17508</v>
      </c>
      <c r="E28294" t="s">
        <v>17455</v>
      </c>
      <c r="F28294" t="s">
        <v>17456</v>
      </c>
      <c r="G28294" t="s">
        <v>16559</v>
      </c>
      <c r="H28294" t="s">
        <v>16560</v>
      </c>
      <c r="I28294" s="2">
        <v>1</v>
      </c>
      <c r="J28294" s="2">
        <v>0</v>
      </c>
      <c r="K28294" s="2">
        <v>0</v>
      </c>
      <c r="L28294" t="s">
        <v>120</v>
      </c>
      <c r="M28294" t="s">
        <v>83</v>
      </c>
      <c r="N28294" t="s">
        <v>84</v>
      </c>
      <c r="O28294" t="s">
        <v>85</v>
      </c>
      <c r="P28294" t="s">
        <v>86</v>
      </c>
      <c r="Q28294">
        <v>15</v>
      </c>
      <c r="R28294">
        <v>16</v>
      </c>
      <c r="S28294">
        <v>16</v>
      </c>
      <c r="T28294">
        <v>16</v>
      </c>
      <c r="U28294">
        <v>17</v>
      </c>
      <c r="V28294">
        <v>17</v>
      </c>
      <c r="W28294">
        <v>18</v>
      </c>
      <c r="X28294">
        <v>18</v>
      </c>
      <c r="Y28294">
        <v>18</v>
      </c>
      <c r="Z28294">
        <v>19</v>
      </c>
      <c r="AA28294">
        <v>19</v>
      </c>
      <c r="AB28294">
        <v>20</v>
      </c>
      <c r="AC28294">
        <v>20</v>
      </c>
      <c r="AD28294">
        <v>20</v>
      </c>
      <c r="AE28294">
        <v>21</v>
      </c>
      <c r="AF28294">
        <v>21</v>
      </c>
      <c r="AG28294">
        <v>22</v>
      </c>
      <c r="AH28294">
        <v>22</v>
      </c>
      <c r="AI28294">
        <v>23</v>
      </c>
      <c r="AJ28294">
        <v>23</v>
      </c>
      <c r="AK28294">
        <v>24</v>
      </c>
      <c r="AL28294">
        <v>24</v>
      </c>
      <c r="AM28294">
        <v>24</v>
      </c>
      <c r="AN28294">
        <v>24</v>
      </c>
      <c r="AO28294">
        <v>24</v>
      </c>
      <c r="AP28294">
        <v>25</v>
      </c>
      <c r="AQ28294">
        <v>25</v>
      </c>
    </row>
    <row r="28295" spans="1:43">
      <c r="A28295" t="s">
        <v>17511</v>
      </c>
      <c r="B28295" t="s">
        <v>17512</v>
      </c>
      <c r="C28295" t="s">
        <v>17507</v>
      </c>
      <c r="D28295" t="s">
        <v>17508</v>
      </c>
      <c r="E28295" t="s">
        <v>17455</v>
      </c>
      <c r="F28295" t="s">
        <v>17456</v>
      </c>
      <c r="G28295" t="s">
        <v>16559</v>
      </c>
      <c r="H28295" t="s">
        <v>16560</v>
      </c>
      <c r="I28295" s="2">
        <v>1</v>
      </c>
      <c r="J28295" s="2">
        <v>0</v>
      </c>
      <c r="K28295" s="2">
        <v>0</v>
      </c>
      <c r="L28295" t="s">
        <v>120</v>
      </c>
      <c r="M28295" t="s">
        <v>87</v>
      </c>
      <c r="N28295" t="s">
        <v>88</v>
      </c>
      <c r="O28295" t="s">
        <v>85</v>
      </c>
      <c r="P28295" t="s">
        <v>86</v>
      </c>
      <c r="Q28295">
        <v>15</v>
      </c>
      <c r="R28295">
        <v>15</v>
      </c>
      <c r="S28295">
        <v>16</v>
      </c>
      <c r="T28295">
        <v>16</v>
      </c>
      <c r="U28295">
        <v>16</v>
      </c>
      <c r="V28295">
        <v>16</v>
      </c>
      <c r="W28295">
        <v>17</v>
      </c>
      <c r="X28295">
        <v>17</v>
      </c>
      <c r="Y28295">
        <v>17</v>
      </c>
      <c r="Z28295">
        <v>17</v>
      </c>
      <c r="AA28295">
        <v>17</v>
      </c>
      <c r="AB28295">
        <v>18</v>
      </c>
      <c r="AC28295">
        <v>18</v>
      </c>
      <c r="AD28295">
        <v>18</v>
      </c>
      <c r="AE28295">
        <v>18</v>
      </c>
      <c r="AF28295">
        <v>19</v>
      </c>
      <c r="AG28295">
        <v>19</v>
      </c>
      <c r="AH28295">
        <v>19</v>
      </c>
      <c r="AI28295">
        <v>20</v>
      </c>
      <c r="AJ28295">
        <v>20</v>
      </c>
      <c r="AK28295">
        <v>20</v>
      </c>
      <c r="AL28295">
        <v>20</v>
      </c>
      <c r="AM28295">
        <v>21</v>
      </c>
      <c r="AN28295">
        <v>21</v>
      </c>
      <c r="AO28295">
        <v>21</v>
      </c>
      <c r="AP28295">
        <v>21</v>
      </c>
      <c r="AQ28295">
        <v>22</v>
      </c>
    </row>
    <row r="28296" spans="1:43">
      <c r="A28296" t="s">
        <v>17511</v>
      </c>
      <c r="B28296" t="s">
        <v>17512</v>
      </c>
      <c r="C28296" t="s">
        <v>17507</v>
      </c>
      <c r="D28296" t="s">
        <v>17508</v>
      </c>
      <c r="E28296" t="s">
        <v>17455</v>
      </c>
      <c r="F28296" t="s">
        <v>17456</v>
      </c>
      <c r="G28296" t="s">
        <v>16559</v>
      </c>
      <c r="H28296" t="s">
        <v>16560</v>
      </c>
      <c r="I28296" s="2">
        <v>1</v>
      </c>
      <c r="J28296" s="2">
        <v>0</v>
      </c>
      <c r="K28296" s="2">
        <v>0</v>
      </c>
      <c r="L28296" t="s">
        <v>120</v>
      </c>
      <c r="M28296" t="s">
        <v>89</v>
      </c>
      <c r="N28296" t="s">
        <v>90</v>
      </c>
      <c r="O28296" t="s">
        <v>85</v>
      </c>
      <c r="P28296" t="s">
        <v>86</v>
      </c>
      <c r="Q28296">
        <v>15</v>
      </c>
      <c r="R28296">
        <v>16</v>
      </c>
      <c r="S28296">
        <v>16</v>
      </c>
      <c r="T28296">
        <v>17</v>
      </c>
      <c r="U28296">
        <v>17</v>
      </c>
      <c r="V28296">
        <v>18</v>
      </c>
      <c r="W28296">
        <v>18</v>
      </c>
      <c r="X28296">
        <v>19</v>
      </c>
      <c r="Y28296">
        <v>19</v>
      </c>
      <c r="Z28296">
        <v>20</v>
      </c>
      <c r="AA28296">
        <v>20</v>
      </c>
      <c r="AB28296">
        <v>21</v>
      </c>
      <c r="AC28296">
        <v>22</v>
      </c>
      <c r="AD28296">
        <v>22</v>
      </c>
      <c r="AE28296">
        <v>22</v>
      </c>
      <c r="AF28296">
        <v>23</v>
      </c>
      <c r="AG28296">
        <v>23</v>
      </c>
      <c r="AH28296">
        <v>23</v>
      </c>
      <c r="AI28296">
        <v>23</v>
      </c>
      <c r="AJ28296">
        <v>24</v>
      </c>
      <c r="AK28296">
        <v>24</v>
      </c>
      <c r="AL28296">
        <v>24</v>
      </c>
      <c r="AM28296">
        <v>24</v>
      </c>
      <c r="AN28296">
        <v>24</v>
      </c>
      <c r="AO28296">
        <v>25</v>
      </c>
      <c r="AP28296">
        <v>25</v>
      </c>
      <c r="AQ28296">
        <v>25</v>
      </c>
    </row>
    <row r="28297" spans="1:43">
      <c r="A28297" t="s">
        <v>17511</v>
      </c>
      <c r="B28297" t="s">
        <v>17512</v>
      </c>
      <c r="C28297" t="s">
        <v>17507</v>
      </c>
      <c r="D28297" t="s">
        <v>17508</v>
      </c>
      <c r="E28297" t="s">
        <v>17455</v>
      </c>
      <c r="F28297" t="s">
        <v>17456</v>
      </c>
      <c r="G28297" t="s">
        <v>16559</v>
      </c>
      <c r="H28297" t="s">
        <v>16560</v>
      </c>
      <c r="I28297" s="2">
        <v>1</v>
      </c>
      <c r="J28297" s="2">
        <v>0</v>
      </c>
      <c r="K28297" s="2">
        <v>0</v>
      </c>
      <c r="L28297" t="s">
        <v>120</v>
      </c>
      <c r="M28297" t="s">
        <v>83</v>
      </c>
      <c r="N28297" t="s">
        <v>91</v>
      </c>
      <c r="O28297" t="s">
        <v>85</v>
      </c>
      <c r="P28297" t="s">
        <v>86</v>
      </c>
      <c r="Q28297">
        <v>15</v>
      </c>
      <c r="R28297">
        <v>16</v>
      </c>
      <c r="S28297">
        <v>16</v>
      </c>
      <c r="T28297">
        <v>16</v>
      </c>
      <c r="U28297">
        <v>17</v>
      </c>
      <c r="V28297">
        <v>17</v>
      </c>
      <c r="W28297">
        <v>18</v>
      </c>
      <c r="X28297">
        <v>18</v>
      </c>
      <c r="Y28297">
        <v>18</v>
      </c>
      <c r="Z28297">
        <v>19</v>
      </c>
      <c r="AA28297">
        <v>19</v>
      </c>
      <c r="AB28297">
        <v>20</v>
      </c>
      <c r="AC28297">
        <v>20</v>
      </c>
      <c r="AD28297">
        <v>20</v>
      </c>
      <c r="AE28297">
        <v>21</v>
      </c>
      <c r="AF28297">
        <v>21</v>
      </c>
      <c r="AG28297">
        <v>22</v>
      </c>
      <c r="AH28297">
        <v>22</v>
      </c>
      <c r="AI28297">
        <v>23</v>
      </c>
      <c r="AJ28297">
        <v>23</v>
      </c>
      <c r="AK28297">
        <v>24</v>
      </c>
      <c r="AL28297">
        <v>24</v>
      </c>
      <c r="AM28297">
        <v>24</v>
      </c>
      <c r="AN28297">
        <v>24</v>
      </c>
      <c r="AO28297">
        <v>24</v>
      </c>
      <c r="AP28297">
        <v>25</v>
      </c>
      <c r="AQ28297">
        <v>25</v>
      </c>
    </row>
    <row r="28298" spans="1:43">
      <c r="A28298" t="s">
        <v>17513</v>
      </c>
      <c r="B28298" t="s">
        <v>17514</v>
      </c>
      <c r="C28298" t="s">
        <v>17507</v>
      </c>
      <c r="D28298" t="s">
        <v>17508</v>
      </c>
      <c r="E28298" t="s">
        <v>17455</v>
      </c>
      <c r="F28298" t="s">
        <v>17456</v>
      </c>
      <c r="G28298" t="s">
        <v>16559</v>
      </c>
      <c r="H28298" t="s">
        <v>16560</v>
      </c>
      <c r="I28298" s="2">
        <v>1</v>
      </c>
      <c r="J28298" s="2">
        <v>0</v>
      </c>
      <c r="K28298" s="2">
        <v>0</v>
      </c>
      <c r="L28298" t="s">
        <v>120</v>
      </c>
      <c r="M28298" t="s">
        <v>83</v>
      </c>
      <c r="N28298" t="s">
        <v>84</v>
      </c>
      <c r="O28298" t="s">
        <v>85</v>
      </c>
      <c r="P28298" t="s">
        <v>86</v>
      </c>
      <c r="Q28298">
        <v>23</v>
      </c>
      <c r="R28298">
        <v>24</v>
      </c>
      <c r="S28298">
        <v>25</v>
      </c>
      <c r="T28298">
        <v>25</v>
      </c>
      <c r="U28298">
        <v>26</v>
      </c>
      <c r="V28298">
        <v>26</v>
      </c>
      <c r="W28298">
        <v>27</v>
      </c>
      <c r="X28298">
        <v>28</v>
      </c>
      <c r="Y28298">
        <v>28</v>
      </c>
      <c r="Z28298">
        <v>29</v>
      </c>
      <c r="AA28298">
        <v>29</v>
      </c>
      <c r="AB28298">
        <v>30</v>
      </c>
      <c r="AC28298">
        <v>31</v>
      </c>
      <c r="AD28298">
        <v>31</v>
      </c>
      <c r="AE28298">
        <v>32</v>
      </c>
      <c r="AF28298">
        <v>33</v>
      </c>
      <c r="AG28298">
        <v>33</v>
      </c>
      <c r="AH28298">
        <v>34</v>
      </c>
      <c r="AI28298">
        <v>35</v>
      </c>
      <c r="AJ28298">
        <v>35</v>
      </c>
      <c r="AK28298">
        <v>36</v>
      </c>
      <c r="AL28298">
        <v>36</v>
      </c>
      <c r="AM28298">
        <v>37</v>
      </c>
      <c r="AN28298">
        <v>37</v>
      </c>
      <c r="AO28298">
        <v>37</v>
      </c>
      <c r="AP28298">
        <v>38</v>
      </c>
      <c r="AQ28298">
        <v>38</v>
      </c>
    </row>
    <row r="28299" spans="1:43">
      <c r="A28299" t="s">
        <v>17513</v>
      </c>
      <c r="B28299" t="s">
        <v>17514</v>
      </c>
      <c r="C28299" t="s">
        <v>17507</v>
      </c>
      <c r="D28299" t="s">
        <v>17508</v>
      </c>
      <c r="E28299" t="s">
        <v>17455</v>
      </c>
      <c r="F28299" t="s">
        <v>17456</v>
      </c>
      <c r="G28299" t="s">
        <v>16559</v>
      </c>
      <c r="H28299" t="s">
        <v>16560</v>
      </c>
      <c r="I28299" s="2">
        <v>1</v>
      </c>
      <c r="J28299" s="2">
        <v>0</v>
      </c>
      <c r="K28299" s="2">
        <v>0</v>
      </c>
      <c r="L28299" t="s">
        <v>120</v>
      </c>
      <c r="M28299" t="s">
        <v>87</v>
      </c>
      <c r="N28299" t="s">
        <v>88</v>
      </c>
      <c r="O28299" t="s">
        <v>85</v>
      </c>
      <c r="P28299" t="s">
        <v>86</v>
      </c>
      <c r="Q28299">
        <v>23</v>
      </c>
      <c r="R28299">
        <v>24</v>
      </c>
      <c r="S28299">
        <v>24</v>
      </c>
      <c r="T28299">
        <v>24</v>
      </c>
      <c r="U28299">
        <v>25</v>
      </c>
      <c r="V28299">
        <v>25</v>
      </c>
      <c r="W28299">
        <v>25</v>
      </c>
      <c r="X28299">
        <v>26</v>
      </c>
      <c r="Y28299">
        <v>26</v>
      </c>
      <c r="Z28299">
        <v>26</v>
      </c>
      <c r="AA28299">
        <v>27</v>
      </c>
      <c r="AB28299">
        <v>27</v>
      </c>
      <c r="AC28299">
        <v>28</v>
      </c>
      <c r="AD28299">
        <v>28</v>
      </c>
      <c r="AE28299">
        <v>28</v>
      </c>
      <c r="AF28299">
        <v>29</v>
      </c>
      <c r="AG28299">
        <v>29</v>
      </c>
      <c r="AH28299">
        <v>29</v>
      </c>
      <c r="AI28299">
        <v>30</v>
      </c>
      <c r="AJ28299">
        <v>30</v>
      </c>
      <c r="AK28299">
        <v>31</v>
      </c>
      <c r="AL28299">
        <v>31</v>
      </c>
      <c r="AM28299">
        <v>31</v>
      </c>
      <c r="AN28299">
        <v>32</v>
      </c>
      <c r="AO28299">
        <v>32</v>
      </c>
      <c r="AP28299">
        <v>32</v>
      </c>
      <c r="AQ28299">
        <v>33</v>
      </c>
    </row>
    <row r="28300" spans="1:43">
      <c r="A28300" t="s">
        <v>17513</v>
      </c>
      <c r="B28300" t="s">
        <v>17514</v>
      </c>
      <c r="C28300" t="s">
        <v>17507</v>
      </c>
      <c r="D28300" t="s">
        <v>17508</v>
      </c>
      <c r="E28300" t="s">
        <v>17455</v>
      </c>
      <c r="F28300" t="s">
        <v>17456</v>
      </c>
      <c r="G28300" t="s">
        <v>16559</v>
      </c>
      <c r="H28300" t="s">
        <v>16560</v>
      </c>
      <c r="I28300" s="2">
        <v>1</v>
      </c>
      <c r="J28300" s="2">
        <v>0</v>
      </c>
      <c r="K28300" s="2">
        <v>0</v>
      </c>
      <c r="L28300" t="s">
        <v>120</v>
      </c>
      <c r="M28300" t="s">
        <v>89</v>
      </c>
      <c r="N28300" t="s">
        <v>90</v>
      </c>
      <c r="O28300" t="s">
        <v>85</v>
      </c>
      <c r="P28300" t="s">
        <v>86</v>
      </c>
      <c r="Q28300">
        <v>23</v>
      </c>
      <c r="R28300">
        <v>23</v>
      </c>
      <c r="S28300">
        <v>24</v>
      </c>
      <c r="T28300">
        <v>25</v>
      </c>
      <c r="U28300">
        <v>26</v>
      </c>
      <c r="V28300">
        <v>27</v>
      </c>
      <c r="W28300">
        <v>27</v>
      </c>
      <c r="X28300">
        <v>28</v>
      </c>
      <c r="Y28300">
        <v>29</v>
      </c>
      <c r="Z28300">
        <v>30</v>
      </c>
      <c r="AA28300">
        <v>30</v>
      </c>
      <c r="AB28300">
        <v>31</v>
      </c>
      <c r="AC28300">
        <v>32</v>
      </c>
      <c r="AD28300">
        <v>33</v>
      </c>
      <c r="AE28300">
        <v>33</v>
      </c>
      <c r="AF28300">
        <v>34</v>
      </c>
      <c r="AG28300">
        <v>34</v>
      </c>
      <c r="AH28300">
        <v>34</v>
      </c>
      <c r="AI28300">
        <v>35</v>
      </c>
      <c r="AJ28300">
        <v>35</v>
      </c>
      <c r="AK28300">
        <v>35</v>
      </c>
      <c r="AL28300">
        <v>35</v>
      </c>
      <c r="AM28300">
        <v>36</v>
      </c>
      <c r="AN28300">
        <v>36</v>
      </c>
      <c r="AO28300">
        <v>36</v>
      </c>
      <c r="AP28300">
        <v>37</v>
      </c>
      <c r="AQ28300">
        <v>37</v>
      </c>
    </row>
    <row r="28301" spans="1:43">
      <c r="A28301" t="s">
        <v>17513</v>
      </c>
      <c r="B28301" t="s">
        <v>17514</v>
      </c>
      <c r="C28301" t="s">
        <v>17507</v>
      </c>
      <c r="D28301" t="s">
        <v>17508</v>
      </c>
      <c r="E28301" t="s">
        <v>17455</v>
      </c>
      <c r="F28301" t="s">
        <v>17456</v>
      </c>
      <c r="G28301" t="s">
        <v>16559</v>
      </c>
      <c r="H28301" t="s">
        <v>16560</v>
      </c>
      <c r="I28301" s="2">
        <v>1</v>
      </c>
      <c r="J28301" s="2">
        <v>0</v>
      </c>
      <c r="K28301" s="2">
        <v>0</v>
      </c>
      <c r="L28301" t="s">
        <v>120</v>
      </c>
      <c r="M28301" t="s">
        <v>83</v>
      </c>
      <c r="N28301" t="s">
        <v>91</v>
      </c>
      <c r="O28301" t="s">
        <v>85</v>
      </c>
      <c r="P28301" t="s">
        <v>86</v>
      </c>
      <c r="Q28301">
        <v>23</v>
      </c>
      <c r="R28301">
        <v>24</v>
      </c>
      <c r="S28301">
        <v>25</v>
      </c>
      <c r="T28301">
        <v>25</v>
      </c>
      <c r="U28301">
        <v>26</v>
      </c>
      <c r="V28301">
        <v>26</v>
      </c>
      <c r="W28301">
        <v>27</v>
      </c>
      <c r="X28301">
        <v>28</v>
      </c>
      <c r="Y28301">
        <v>28</v>
      </c>
      <c r="Z28301">
        <v>29</v>
      </c>
      <c r="AA28301">
        <v>29</v>
      </c>
      <c r="AB28301">
        <v>30</v>
      </c>
      <c r="AC28301">
        <v>31</v>
      </c>
      <c r="AD28301">
        <v>31</v>
      </c>
      <c r="AE28301">
        <v>32</v>
      </c>
      <c r="AF28301">
        <v>33</v>
      </c>
      <c r="AG28301">
        <v>33</v>
      </c>
      <c r="AH28301">
        <v>34</v>
      </c>
      <c r="AI28301">
        <v>35</v>
      </c>
      <c r="AJ28301">
        <v>35</v>
      </c>
      <c r="AK28301">
        <v>36</v>
      </c>
      <c r="AL28301">
        <v>36</v>
      </c>
      <c r="AM28301">
        <v>37</v>
      </c>
      <c r="AN28301">
        <v>37</v>
      </c>
      <c r="AO28301">
        <v>37</v>
      </c>
      <c r="AP28301">
        <v>38</v>
      </c>
      <c r="AQ28301">
        <v>38</v>
      </c>
    </row>
    <row r="28302" spans="1:43">
      <c r="A28302" t="s">
        <v>17515</v>
      </c>
      <c r="B28302" t="s">
        <v>17516</v>
      </c>
      <c r="C28302" t="s">
        <v>17507</v>
      </c>
      <c r="D28302" t="s">
        <v>17508</v>
      </c>
      <c r="E28302" t="s">
        <v>17455</v>
      </c>
      <c r="F28302" t="s">
        <v>17456</v>
      </c>
      <c r="G28302" t="s">
        <v>16559</v>
      </c>
      <c r="H28302" t="s">
        <v>16560</v>
      </c>
      <c r="I28302" s="2">
        <v>1</v>
      </c>
      <c r="J28302" s="2">
        <v>0</v>
      </c>
      <c r="K28302" s="2">
        <v>0</v>
      </c>
      <c r="L28302" t="s">
        <v>120</v>
      </c>
      <c r="M28302" t="s">
        <v>83</v>
      </c>
      <c r="N28302" t="s">
        <v>84</v>
      </c>
      <c r="O28302" t="s">
        <v>85</v>
      </c>
      <c r="P28302" t="s">
        <v>86</v>
      </c>
      <c r="Q28302">
        <v>18</v>
      </c>
      <c r="R28302">
        <v>19</v>
      </c>
      <c r="S28302">
        <v>19</v>
      </c>
      <c r="T28302">
        <v>20</v>
      </c>
      <c r="U28302">
        <v>20</v>
      </c>
      <c r="V28302">
        <v>20</v>
      </c>
      <c r="W28302">
        <v>21</v>
      </c>
      <c r="X28302">
        <v>21</v>
      </c>
      <c r="Y28302">
        <v>22</v>
      </c>
      <c r="Z28302">
        <v>22</v>
      </c>
      <c r="AA28302">
        <v>23</v>
      </c>
      <c r="AB28302">
        <v>23</v>
      </c>
      <c r="AC28302">
        <v>24</v>
      </c>
      <c r="AD28302">
        <v>24</v>
      </c>
      <c r="AE28302">
        <v>25</v>
      </c>
      <c r="AF28302">
        <v>25</v>
      </c>
      <c r="AG28302">
        <v>26</v>
      </c>
      <c r="AH28302">
        <v>26</v>
      </c>
      <c r="AI28302">
        <v>27</v>
      </c>
      <c r="AJ28302">
        <v>27</v>
      </c>
      <c r="AK28302">
        <v>28</v>
      </c>
      <c r="AL28302">
        <v>28</v>
      </c>
      <c r="AM28302">
        <v>28</v>
      </c>
      <c r="AN28302">
        <v>28</v>
      </c>
      <c r="AO28302">
        <v>29</v>
      </c>
      <c r="AP28302">
        <v>29</v>
      </c>
      <c r="AQ28302">
        <v>29</v>
      </c>
    </row>
    <row r="28303" spans="1:43">
      <c r="A28303" t="s">
        <v>17515</v>
      </c>
      <c r="B28303" t="s">
        <v>17516</v>
      </c>
      <c r="C28303" t="s">
        <v>17507</v>
      </c>
      <c r="D28303" t="s">
        <v>17508</v>
      </c>
      <c r="E28303" t="s">
        <v>17455</v>
      </c>
      <c r="F28303" t="s">
        <v>17456</v>
      </c>
      <c r="G28303" t="s">
        <v>16559</v>
      </c>
      <c r="H28303" t="s">
        <v>16560</v>
      </c>
      <c r="I28303" s="2">
        <v>1</v>
      </c>
      <c r="J28303" s="2">
        <v>0</v>
      </c>
      <c r="K28303" s="2">
        <v>0</v>
      </c>
      <c r="L28303" t="s">
        <v>120</v>
      </c>
      <c r="M28303" t="s">
        <v>87</v>
      </c>
      <c r="N28303" t="s">
        <v>88</v>
      </c>
      <c r="O28303" t="s">
        <v>85</v>
      </c>
      <c r="P28303" t="s">
        <v>86</v>
      </c>
      <c r="Q28303">
        <v>18</v>
      </c>
      <c r="R28303">
        <v>18</v>
      </c>
      <c r="S28303">
        <v>19</v>
      </c>
      <c r="T28303">
        <v>19</v>
      </c>
      <c r="U28303">
        <v>19</v>
      </c>
      <c r="V28303">
        <v>19</v>
      </c>
      <c r="W28303">
        <v>20</v>
      </c>
      <c r="X28303">
        <v>20</v>
      </c>
      <c r="Y28303">
        <v>20</v>
      </c>
      <c r="Z28303">
        <v>20</v>
      </c>
      <c r="AA28303">
        <v>21</v>
      </c>
      <c r="AB28303">
        <v>21</v>
      </c>
      <c r="AC28303">
        <v>21</v>
      </c>
      <c r="AD28303">
        <v>22</v>
      </c>
      <c r="AE28303">
        <v>22</v>
      </c>
      <c r="AF28303">
        <v>22</v>
      </c>
      <c r="AG28303">
        <v>22</v>
      </c>
      <c r="AH28303">
        <v>23</v>
      </c>
      <c r="AI28303">
        <v>23</v>
      </c>
      <c r="AJ28303">
        <v>23</v>
      </c>
      <c r="AK28303">
        <v>24</v>
      </c>
      <c r="AL28303">
        <v>24</v>
      </c>
      <c r="AM28303">
        <v>24</v>
      </c>
      <c r="AN28303">
        <v>24</v>
      </c>
      <c r="AO28303">
        <v>25</v>
      </c>
      <c r="AP28303">
        <v>25</v>
      </c>
      <c r="AQ28303">
        <v>25</v>
      </c>
    </row>
    <row r="28304" spans="1:43">
      <c r="A28304" t="s">
        <v>17515</v>
      </c>
      <c r="B28304" t="s">
        <v>17516</v>
      </c>
      <c r="C28304" t="s">
        <v>17507</v>
      </c>
      <c r="D28304" t="s">
        <v>17508</v>
      </c>
      <c r="E28304" t="s">
        <v>17455</v>
      </c>
      <c r="F28304" t="s">
        <v>17456</v>
      </c>
      <c r="G28304" t="s">
        <v>16559</v>
      </c>
      <c r="H28304" t="s">
        <v>16560</v>
      </c>
      <c r="I28304" s="2">
        <v>1</v>
      </c>
      <c r="J28304" s="2">
        <v>0</v>
      </c>
      <c r="K28304" s="2">
        <v>0</v>
      </c>
      <c r="L28304" t="s">
        <v>120</v>
      </c>
      <c r="M28304" t="s">
        <v>89</v>
      </c>
      <c r="N28304" t="s">
        <v>90</v>
      </c>
      <c r="O28304" t="s">
        <v>85</v>
      </c>
      <c r="P28304" t="s">
        <v>86</v>
      </c>
      <c r="Q28304">
        <v>18</v>
      </c>
      <c r="R28304">
        <v>19</v>
      </c>
      <c r="S28304">
        <v>20</v>
      </c>
      <c r="T28304">
        <v>20</v>
      </c>
      <c r="U28304">
        <v>21</v>
      </c>
      <c r="V28304">
        <v>21</v>
      </c>
      <c r="W28304">
        <v>22</v>
      </c>
      <c r="X28304">
        <v>23</v>
      </c>
      <c r="Y28304">
        <v>23</v>
      </c>
      <c r="Z28304">
        <v>24</v>
      </c>
      <c r="AA28304">
        <v>24</v>
      </c>
      <c r="AB28304">
        <v>25</v>
      </c>
      <c r="AC28304">
        <v>25</v>
      </c>
      <c r="AD28304">
        <v>26</v>
      </c>
      <c r="AE28304">
        <v>26</v>
      </c>
      <c r="AF28304">
        <v>27</v>
      </c>
      <c r="AG28304">
        <v>27</v>
      </c>
      <c r="AH28304">
        <v>27</v>
      </c>
      <c r="AI28304">
        <v>27</v>
      </c>
      <c r="AJ28304">
        <v>28</v>
      </c>
      <c r="AK28304">
        <v>28</v>
      </c>
      <c r="AL28304">
        <v>28</v>
      </c>
      <c r="AM28304">
        <v>28</v>
      </c>
      <c r="AN28304">
        <v>29</v>
      </c>
      <c r="AO28304">
        <v>29</v>
      </c>
      <c r="AP28304">
        <v>29</v>
      </c>
      <c r="AQ28304">
        <v>29</v>
      </c>
    </row>
    <row r="28305" spans="1:43">
      <c r="A28305" t="s">
        <v>17515</v>
      </c>
      <c r="B28305" t="s">
        <v>17516</v>
      </c>
      <c r="C28305" t="s">
        <v>17507</v>
      </c>
      <c r="D28305" t="s">
        <v>17508</v>
      </c>
      <c r="E28305" t="s">
        <v>17455</v>
      </c>
      <c r="F28305" t="s">
        <v>17456</v>
      </c>
      <c r="G28305" t="s">
        <v>16559</v>
      </c>
      <c r="H28305" t="s">
        <v>16560</v>
      </c>
      <c r="I28305" s="2">
        <v>1</v>
      </c>
      <c r="J28305" s="2">
        <v>0</v>
      </c>
      <c r="K28305" s="2">
        <v>0</v>
      </c>
      <c r="L28305" t="s">
        <v>120</v>
      </c>
      <c r="M28305" t="s">
        <v>83</v>
      </c>
      <c r="N28305" t="s">
        <v>91</v>
      </c>
      <c r="O28305" t="s">
        <v>85</v>
      </c>
      <c r="P28305" t="s">
        <v>86</v>
      </c>
      <c r="Q28305">
        <v>18</v>
      </c>
      <c r="R28305">
        <v>19</v>
      </c>
      <c r="S28305">
        <v>19</v>
      </c>
      <c r="T28305">
        <v>20</v>
      </c>
      <c r="U28305">
        <v>20</v>
      </c>
      <c r="V28305">
        <v>20</v>
      </c>
      <c r="W28305">
        <v>21</v>
      </c>
      <c r="X28305">
        <v>21</v>
      </c>
      <c r="Y28305">
        <v>22</v>
      </c>
      <c r="Z28305">
        <v>22</v>
      </c>
      <c r="AA28305">
        <v>23</v>
      </c>
      <c r="AB28305">
        <v>23</v>
      </c>
      <c r="AC28305">
        <v>24</v>
      </c>
      <c r="AD28305">
        <v>24</v>
      </c>
      <c r="AE28305">
        <v>25</v>
      </c>
      <c r="AF28305">
        <v>25</v>
      </c>
      <c r="AG28305">
        <v>26</v>
      </c>
      <c r="AH28305">
        <v>26</v>
      </c>
      <c r="AI28305">
        <v>27</v>
      </c>
      <c r="AJ28305">
        <v>27</v>
      </c>
      <c r="AK28305">
        <v>28</v>
      </c>
      <c r="AL28305">
        <v>28</v>
      </c>
      <c r="AM28305">
        <v>28</v>
      </c>
      <c r="AN28305">
        <v>28</v>
      </c>
      <c r="AO28305">
        <v>29</v>
      </c>
      <c r="AP28305">
        <v>29</v>
      </c>
      <c r="AQ28305">
        <v>29</v>
      </c>
    </row>
    <row r="28306" spans="1:43">
      <c r="A28306" t="s">
        <v>17517</v>
      </c>
      <c r="B28306" t="s">
        <v>17518</v>
      </c>
      <c r="C28306" t="s">
        <v>17519</v>
      </c>
      <c r="D28306" t="s">
        <v>17520</v>
      </c>
      <c r="E28306" t="s">
        <v>17455</v>
      </c>
      <c r="F28306" t="s">
        <v>17456</v>
      </c>
      <c r="G28306" t="s">
        <v>16559</v>
      </c>
      <c r="H28306" t="s">
        <v>16560</v>
      </c>
      <c r="I28306" s="2">
        <v>1</v>
      </c>
      <c r="J28306" s="2">
        <v>0</v>
      </c>
      <c r="K28306" s="2">
        <v>0</v>
      </c>
      <c r="L28306" t="s">
        <v>120</v>
      </c>
      <c r="M28306" t="s">
        <v>83</v>
      </c>
      <c r="N28306" t="s">
        <v>84</v>
      </c>
      <c r="O28306" t="s">
        <v>85</v>
      </c>
      <c r="P28306" t="s">
        <v>86</v>
      </c>
      <c r="Q28306">
        <v>23</v>
      </c>
      <c r="R28306">
        <v>23</v>
      </c>
      <c r="S28306">
        <v>24</v>
      </c>
      <c r="T28306">
        <v>24</v>
      </c>
      <c r="U28306">
        <v>25</v>
      </c>
      <c r="V28306">
        <v>26</v>
      </c>
      <c r="W28306">
        <v>26</v>
      </c>
      <c r="X28306">
        <v>27</v>
      </c>
      <c r="Y28306">
        <v>27</v>
      </c>
      <c r="Z28306">
        <v>28</v>
      </c>
      <c r="AA28306">
        <v>28</v>
      </c>
      <c r="AB28306">
        <v>29</v>
      </c>
      <c r="AC28306">
        <v>30</v>
      </c>
      <c r="AD28306">
        <v>30</v>
      </c>
      <c r="AE28306">
        <v>31</v>
      </c>
      <c r="AF28306">
        <v>31</v>
      </c>
      <c r="AG28306">
        <v>32</v>
      </c>
      <c r="AH28306">
        <v>33</v>
      </c>
      <c r="AI28306">
        <v>33</v>
      </c>
      <c r="AJ28306">
        <v>34</v>
      </c>
      <c r="AK28306">
        <v>34</v>
      </c>
      <c r="AL28306">
        <v>35</v>
      </c>
      <c r="AM28306">
        <v>35</v>
      </c>
      <c r="AN28306">
        <v>35</v>
      </c>
      <c r="AO28306">
        <v>36</v>
      </c>
      <c r="AP28306">
        <v>36</v>
      </c>
      <c r="AQ28306">
        <v>36</v>
      </c>
    </row>
    <row r="28307" spans="1:43">
      <c r="A28307" t="s">
        <v>17517</v>
      </c>
      <c r="B28307" t="s">
        <v>17518</v>
      </c>
      <c r="C28307" t="s">
        <v>17519</v>
      </c>
      <c r="D28307" t="s">
        <v>17520</v>
      </c>
      <c r="E28307" t="s">
        <v>17455</v>
      </c>
      <c r="F28307" t="s">
        <v>17456</v>
      </c>
      <c r="G28307" t="s">
        <v>16559</v>
      </c>
      <c r="H28307" t="s">
        <v>16560</v>
      </c>
      <c r="I28307" s="2">
        <v>1</v>
      </c>
      <c r="J28307" s="2">
        <v>0</v>
      </c>
      <c r="K28307" s="2">
        <v>0</v>
      </c>
      <c r="L28307" t="s">
        <v>120</v>
      </c>
      <c r="M28307" t="s">
        <v>87</v>
      </c>
      <c r="N28307" t="s">
        <v>88</v>
      </c>
      <c r="O28307" t="s">
        <v>85</v>
      </c>
      <c r="P28307" t="s">
        <v>86</v>
      </c>
      <c r="Q28307">
        <v>23</v>
      </c>
      <c r="R28307">
        <v>23</v>
      </c>
      <c r="S28307">
        <v>23</v>
      </c>
      <c r="T28307">
        <v>24</v>
      </c>
      <c r="U28307">
        <v>24</v>
      </c>
      <c r="V28307">
        <v>24</v>
      </c>
      <c r="W28307">
        <v>25</v>
      </c>
      <c r="X28307">
        <v>25</v>
      </c>
      <c r="Y28307">
        <v>25</v>
      </c>
      <c r="Z28307">
        <v>26</v>
      </c>
      <c r="AA28307">
        <v>26</v>
      </c>
      <c r="AB28307">
        <v>26</v>
      </c>
      <c r="AC28307">
        <v>27</v>
      </c>
      <c r="AD28307">
        <v>27</v>
      </c>
      <c r="AE28307">
        <v>27</v>
      </c>
      <c r="AF28307">
        <v>28</v>
      </c>
      <c r="AG28307">
        <v>28</v>
      </c>
      <c r="AH28307">
        <v>28</v>
      </c>
      <c r="AI28307">
        <v>29</v>
      </c>
      <c r="AJ28307">
        <v>29</v>
      </c>
      <c r="AK28307">
        <v>29</v>
      </c>
      <c r="AL28307">
        <v>30</v>
      </c>
      <c r="AM28307">
        <v>30</v>
      </c>
      <c r="AN28307">
        <v>30</v>
      </c>
      <c r="AO28307">
        <v>31</v>
      </c>
      <c r="AP28307">
        <v>31</v>
      </c>
      <c r="AQ28307">
        <v>32</v>
      </c>
    </row>
    <row r="28308" spans="1:43">
      <c r="A28308" t="s">
        <v>17517</v>
      </c>
      <c r="B28308" t="s">
        <v>17518</v>
      </c>
      <c r="C28308" t="s">
        <v>17519</v>
      </c>
      <c r="D28308" t="s">
        <v>17520</v>
      </c>
      <c r="E28308" t="s">
        <v>17455</v>
      </c>
      <c r="F28308" t="s">
        <v>17456</v>
      </c>
      <c r="G28308" t="s">
        <v>16559</v>
      </c>
      <c r="H28308" t="s">
        <v>16560</v>
      </c>
      <c r="I28308" s="2">
        <v>1</v>
      </c>
      <c r="J28308" s="2">
        <v>0</v>
      </c>
      <c r="K28308" s="2">
        <v>0</v>
      </c>
      <c r="L28308" t="s">
        <v>120</v>
      </c>
      <c r="M28308" t="s">
        <v>89</v>
      </c>
      <c r="N28308" t="s">
        <v>90</v>
      </c>
      <c r="O28308" t="s">
        <v>85</v>
      </c>
      <c r="P28308" t="s">
        <v>86</v>
      </c>
      <c r="Q28308">
        <v>23</v>
      </c>
      <c r="R28308">
        <v>24</v>
      </c>
      <c r="S28308">
        <v>25</v>
      </c>
      <c r="T28308">
        <v>25</v>
      </c>
      <c r="U28308">
        <v>26</v>
      </c>
      <c r="V28308">
        <v>27</v>
      </c>
      <c r="W28308">
        <v>27</v>
      </c>
      <c r="X28308">
        <v>28</v>
      </c>
      <c r="Y28308">
        <v>29</v>
      </c>
      <c r="Z28308">
        <v>30</v>
      </c>
      <c r="AA28308">
        <v>30</v>
      </c>
      <c r="AB28308">
        <v>31</v>
      </c>
      <c r="AC28308">
        <v>32</v>
      </c>
      <c r="AD28308">
        <v>32</v>
      </c>
      <c r="AE28308">
        <v>33</v>
      </c>
      <c r="AF28308">
        <v>33</v>
      </c>
      <c r="AG28308">
        <v>33</v>
      </c>
      <c r="AH28308">
        <v>34</v>
      </c>
      <c r="AI28308">
        <v>34</v>
      </c>
      <c r="AJ28308">
        <v>34</v>
      </c>
      <c r="AK28308">
        <v>35</v>
      </c>
      <c r="AL28308">
        <v>35</v>
      </c>
      <c r="AM28308">
        <v>35</v>
      </c>
      <c r="AN28308">
        <v>35</v>
      </c>
      <c r="AO28308">
        <v>36</v>
      </c>
      <c r="AP28308">
        <v>36</v>
      </c>
      <c r="AQ28308">
        <v>36</v>
      </c>
    </row>
    <row r="28309" spans="1:43">
      <c r="A28309" t="s">
        <v>17517</v>
      </c>
      <c r="B28309" t="s">
        <v>17518</v>
      </c>
      <c r="C28309" t="s">
        <v>17519</v>
      </c>
      <c r="D28309" t="s">
        <v>17520</v>
      </c>
      <c r="E28309" t="s">
        <v>17455</v>
      </c>
      <c r="F28309" t="s">
        <v>17456</v>
      </c>
      <c r="G28309" t="s">
        <v>16559</v>
      </c>
      <c r="H28309" t="s">
        <v>16560</v>
      </c>
      <c r="I28309" s="2">
        <v>1</v>
      </c>
      <c r="J28309" s="2">
        <v>0</v>
      </c>
      <c r="K28309" s="2">
        <v>0</v>
      </c>
      <c r="L28309" t="s">
        <v>120</v>
      </c>
      <c r="M28309" t="s">
        <v>83</v>
      </c>
      <c r="N28309" t="s">
        <v>91</v>
      </c>
      <c r="O28309" t="s">
        <v>85</v>
      </c>
      <c r="P28309" t="s">
        <v>86</v>
      </c>
      <c r="Q28309">
        <v>23</v>
      </c>
      <c r="R28309">
        <v>23</v>
      </c>
      <c r="S28309">
        <v>24</v>
      </c>
      <c r="T28309">
        <v>24</v>
      </c>
      <c r="U28309">
        <v>25</v>
      </c>
      <c r="V28309">
        <v>26</v>
      </c>
      <c r="W28309">
        <v>26</v>
      </c>
      <c r="X28309">
        <v>27</v>
      </c>
      <c r="Y28309">
        <v>27</v>
      </c>
      <c r="Z28309">
        <v>28</v>
      </c>
      <c r="AA28309">
        <v>28</v>
      </c>
      <c r="AB28309">
        <v>29</v>
      </c>
      <c r="AC28309">
        <v>30</v>
      </c>
      <c r="AD28309">
        <v>30</v>
      </c>
      <c r="AE28309">
        <v>31</v>
      </c>
      <c r="AF28309">
        <v>31</v>
      </c>
      <c r="AG28309">
        <v>32</v>
      </c>
      <c r="AH28309">
        <v>33</v>
      </c>
      <c r="AI28309">
        <v>33</v>
      </c>
      <c r="AJ28309">
        <v>34</v>
      </c>
      <c r="AK28309">
        <v>34</v>
      </c>
      <c r="AL28309">
        <v>35</v>
      </c>
      <c r="AM28309">
        <v>35</v>
      </c>
      <c r="AN28309">
        <v>35</v>
      </c>
      <c r="AO28309">
        <v>36</v>
      </c>
      <c r="AP28309">
        <v>36</v>
      </c>
      <c r="AQ28309">
        <v>36</v>
      </c>
    </row>
    <row r="28310" spans="1:43">
      <c r="A28310" t="s">
        <v>17521</v>
      </c>
      <c r="B28310" t="s">
        <v>17522</v>
      </c>
      <c r="C28310" t="s">
        <v>17519</v>
      </c>
      <c r="D28310" t="s">
        <v>17520</v>
      </c>
      <c r="E28310" t="s">
        <v>17455</v>
      </c>
      <c r="F28310" t="s">
        <v>17456</v>
      </c>
      <c r="G28310" t="s">
        <v>16559</v>
      </c>
      <c r="H28310" t="s">
        <v>16560</v>
      </c>
      <c r="I28310" s="2">
        <v>1</v>
      </c>
      <c r="J28310" s="2">
        <v>0</v>
      </c>
      <c r="K28310" s="2">
        <v>0</v>
      </c>
      <c r="L28310" t="s">
        <v>120</v>
      </c>
      <c r="M28310" t="s">
        <v>83</v>
      </c>
      <c r="N28310" t="s">
        <v>84</v>
      </c>
      <c r="O28310" t="s">
        <v>85</v>
      </c>
      <c r="P28310" t="s">
        <v>86</v>
      </c>
      <c r="Q28310">
        <v>13</v>
      </c>
      <c r="R28310">
        <v>13</v>
      </c>
      <c r="S28310">
        <v>13</v>
      </c>
      <c r="T28310">
        <v>14</v>
      </c>
      <c r="U28310">
        <v>14</v>
      </c>
      <c r="V28310">
        <v>14</v>
      </c>
      <c r="W28310">
        <v>14</v>
      </c>
      <c r="X28310">
        <v>15</v>
      </c>
      <c r="Y28310">
        <v>15</v>
      </c>
      <c r="Z28310">
        <v>15</v>
      </c>
      <c r="AA28310">
        <v>16</v>
      </c>
      <c r="AB28310">
        <v>16</v>
      </c>
      <c r="AC28310">
        <v>16</v>
      </c>
      <c r="AD28310">
        <v>17</v>
      </c>
      <c r="AE28310">
        <v>17</v>
      </c>
      <c r="AF28310">
        <v>17</v>
      </c>
      <c r="AG28310">
        <v>18</v>
      </c>
      <c r="AH28310">
        <v>18</v>
      </c>
      <c r="AI28310">
        <v>18</v>
      </c>
      <c r="AJ28310">
        <v>19</v>
      </c>
      <c r="AK28310">
        <v>19</v>
      </c>
      <c r="AL28310">
        <v>19</v>
      </c>
      <c r="AM28310">
        <v>19</v>
      </c>
      <c r="AN28310">
        <v>19</v>
      </c>
      <c r="AO28310">
        <v>20</v>
      </c>
      <c r="AP28310">
        <v>20</v>
      </c>
      <c r="AQ28310">
        <v>20</v>
      </c>
    </row>
    <row r="28311" spans="1:43">
      <c r="A28311" t="s">
        <v>17521</v>
      </c>
      <c r="B28311" t="s">
        <v>17522</v>
      </c>
      <c r="C28311" t="s">
        <v>17519</v>
      </c>
      <c r="D28311" t="s">
        <v>17520</v>
      </c>
      <c r="E28311" t="s">
        <v>17455</v>
      </c>
      <c r="F28311" t="s">
        <v>17456</v>
      </c>
      <c r="G28311" t="s">
        <v>16559</v>
      </c>
      <c r="H28311" t="s">
        <v>16560</v>
      </c>
      <c r="I28311" s="2">
        <v>1</v>
      </c>
      <c r="J28311" s="2">
        <v>0</v>
      </c>
      <c r="K28311" s="2">
        <v>0</v>
      </c>
      <c r="L28311" t="s">
        <v>120</v>
      </c>
      <c r="M28311" t="s">
        <v>87</v>
      </c>
      <c r="N28311" t="s">
        <v>88</v>
      </c>
      <c r="O28311" t="s">
        <v>85</v>
      </c>
      <c r="P28311" t="s">
        <v>86</v>
      </c>
      <c r="Q28311">
        <v>13</v>
      </c>
      <c r="R28311">
        <v>13</v>
      </c>
      <c r="S28311">
        <v>13</v>
      </c>
      <c r="T28311">
        <v>13</v>
      </c>
      <c r="U28311">
        <v>13</v>
      </c>
      <c r="V28311">
        <v>13</v>
      </c>
      <c r="W28311">
        <v>14</v>
      </c>
      <c r="X28311">
        <v>14</v>
      </c>
      <c r="Y28311">
        <v>14</v>
      </c>
      <c r="Z28311">
        <v>14</v>
      </c>
      <c r="AA28311">
        <v>14</v>
      </c>
      <c r="AB28311">
        <v>15</v>
      </c>
      <c r="AC28311">
        <v>15</v>
      </c>
      <c r="AD28311">
        <v>15</v>
      </c>
      <c r="AE28311">
        <v>15</v>
      </c>
      <c r="AF28311">
        <v>15</v>
      </c>
      <c r="AG28311">
        <v>15</v>
      </c>
      <c r="AH28311">
        <v>16</v>
      </c>
      <c r="AI28311">
        <v>16</v>
      </c>
      <c r="AJ28311">
        <v>16</v>
      </c>
      <c r="AK28311">
        <v>16</v>
      </c>
      <c r="AL28311">
        <v>16</v>
      </c>
      <c r="AM28311">
        <v>17</v>
      </c>
      <c r="AN28311">
        <v>17</v>
      </c>
      <c r="AO28311">
        <v>17</v>
      </c>
      <c r="AP28311">
        <v>17</v>
      </c>
      <c r="AQ28311">
        <v>17</v>
      </c>
    </row>
    <row r="28312" spans="1:43">
      <c r="A28312" t="s">
        <v>17521</v>
      </c>
      <c r="B28312" t="s">
        <v>17522</v>
      </c>
      <c r="C28312" t="s">
        <v>17519</v>
      </c>
      <c r="D28312" t="s">
        <v>17520</v>
      </c>
      <c r="E28312" t="s">
        <v>17455</v>
      </c>
      <c r="F28312" t="s">
        <v>17456</v>
      </c>
      <c r="G28312" t="s">
        <v>16559</v>
      </c>
      <c r="H28312" t="s">
        <v>16560</v>
      </c>
      <c r="I28312" s="2">
        <v>1</v>
      </c>
      <c r="J28312" s="2">
        <v>0</v>
      </c>
      <c r="K28312" s="2">
        <v>0</v>
      </c>
      <c r="L28312" t="s">
        <v>120</v>
      </c>
      <c r="M28312" t="s">
        <v>89</v>
      </c>
      <c r="N28312" t="s">
        <v>90</v>
      </c>
      <c r="O28312" t="s">
        <v>85</v>
      </c>
      <c r="P28312" t="s">
        <v>86</v>
      </c>
      <c r="Q28312">
        <v>13</v>
      </c>
      <c r="R28312">
        <v>13</v>
      </c>
      <c r="S28312">
        <v>14</v>
      </c>
      <c r="T28312">
        <v>14</v>
      </c>
      <c r="U28312">
        <v>14</v>
      </c>
      <c r="V28312">
        <v>15</v>
      </c>
      <c r="W28312">
        <v>15</v>
      </c>
      <c r="X28312">
        <v>16</v>
      </c>
      <c r="Y28312">
        <v>16</v>
      </c>
      <c r="Z28312">
        <v>16</v>
      </c>
      <c r="AA28312">
        <v>17</v>
      </c>
      <c r="AB28312">
        <v>17</v>
      </c>
      <c r="AC28312">
        <v>17</v>
      </c>
      <c r="AD28312">
        <v>18</v>
      </c>
      <c r="AE28312">
        <v>18</v>
      </c>
      <c r="AF28312">
        <v>18</v>
      </c>
      <c r="AG28312">
        <v>18</v>
      </c>
      <c r="AH28312">
        <v>19</v>
      </c>
      <c r="AI28312">
        <v>19</v>
      </c>
      <c r="AJ28312">
        <v>19</v>
      </c>
      <c r="AK28312">
        <v>19</v>
      </c>
      <c r="AL28312">
        <v>19</v>
      </c>
      <c r="AM28312">
        <v>19</v>
      </c>
      <c r="AN28312">
        <v>20</v>
      </c>
      <c r="AO28312">
        <v>20</v>
      </c>
      <c r="AP28312">
        <v>20</v>
      </c>
      <c r="AQ28312">
        <v>20</v>
      </c>
    </row>
    <row r="28313" spans="1:43">
      <c r="A28313" t="s">
        <v>17521</v>
      </c>
      <c r="B28313" t="s">
        <v>17522</v>
      </c>
      <c r="C28313" t="s">
        <v>17519</v>
      </c>
      <c r="D28313" t="s">
        <v>17520</v>
      </c>
      <c r="E28313" t="s">
        <v>17455</v>
      </c>
      <c r="F28313" t="s">
        <v>17456</v>
      </c>
      <c r="G28313" t="s">
        <v>16559</v>
      </c>
      <c r="H28313" t="s">
        <v>16560</v>
      </c>
      <c r="I28313" s="2">
        <v>1</v>
      </c>
      <c r="J28313" s="2">
        <v>0</v>
      </c>
      <c r="K28313" s="2">
        <v>0</v>
      </c>
      <c r="L28313" t="s">
        <v>120</v>
      </c>
      <c r="M28313" t="s">
        <v>83</v>
      </c>
      <c r="N28313" t="s">
        <v>91</v>
      </c>
      <c r="O28313" t="s">
        <v>85</v>
      </c>
      <c r="P28313" t="s">
        <v>86</v>
      </c>
      <c r="Q28313">
        <v>13</v>
      </c>
      <c r="R28313">
        <v>13</v>
      </c>
      <c r="S28313">
        <v>13</v>
      </c>
      <c r="T28313">
        <v>14</v>
      </c>
      <c r="U28313">
        <v>14</v>
      </c>
      <c r="V28313">
        <v>14</v>
      </c>
      <c r="W28313">
        <v>14</v>
      </c>
      <c r="X28313">
        <v>15</v>
      </c>
      <c r="Y28313">
        <v>15</v>
      </c>
      <c r="Z28313">
        <v>15</v>
      </c>
      <c r="AA28313">
        <v>16</v>
      </c>
      <c r="AB28313">
        <v>16</v>
      </c>
      <c r="AC28313">
        <v>16</v>
      </c>
      <c r="AD28313">
        <v>17</v>
      </c>
      <c r="AE28313">
        <v>17</v>
      </c>
      <c r="AF28313">
        <v>17</v>
      </c>
      <c r="AG28313">
        <v>18</v>
      </c>
      <c r="AH28313">
        <v>18</v>
      </c>
      <c r="AI28313">
        <v>18</v>
      </c>
      <c r="AJ28313">
        <v>19</v>
      </c>
      <c r="AK28313">
        <v>19</v>
      </c>
      <c r="AL28313">
        <v>19</v>
      </c>
      <c r="AM28313">
        <v>19</v>
      </c>
      <c r="AN28313">
        <v>19</v>
      </c>
      <c r="AO28313">
        <v>20</v>
      </c>
      <c r="AP28313">
        <v>20</v>
      </c>
      <c r="AQ28313">
        <v>20</v>
      </c>
    </row>
    <row r="28314" spans="1:43">
      <c r="A28314" t="s">
        <v>17523</v>
      </c>
      <c r="B28314" t="s">
        <v>17524</v>
      </c>
      <c r="C28314" t="s">
        <v>17519</v>
      </c>
      <c r="D28314" t="s">
        <v>17520</v>
      </c>
      <c r="E28314" t="s">
        <v>17455</v>
      </c>
      <c r="F28314" t="s">
        <v>17456</v>
      </c>
      <c r="G28314" t="s">
        <v>16559</v>
      </c>
      <c r="H28314" t="s">
        <v>16560</v>
      </c>
      <c r="I28314" s="2">
        <v>1</v>
      </c>
      <c r="J28314" s="2">
        <v>0</v>
      </c>
      <c r="K28314" s="2">
        <v>0</v>
      </c>
      <c r="L28314" t="s">
        <v>120</v>
      </c>
      <c r="M28314" t="s">
        <v>83</v>
      </c>
      <c r="N28314" t="s">
        <v>84</v>
      </c>
      <c r="O28314" t="s">
        <v>85</v>
      </c>
      <c r="P28314" t="s">
        <v>86</v>
      </c>
      <c r="Q28314">
        <v>19</v>
      </c>
      <c r="R28314">
        <v>20</v>
      </c>
      <c r="S28314">
        <v>20</v>
      </c>
      <c r="T28314">
        <v>21</v>
      </c>
      <c r="U28314">
        <v>21</v>
      </c>
      <c r="V28314">
        <v>21</v>
      </c>
      <c r="W28314">
        <v>22</v>
      </c>
      <c r="X28314">
        <v>22</v>
      </c>
      <c r="Y28314">
        <v>23</v>
      </c>
      <c r="Z28314">
        <v>23</v>
      </c>
      <c r="AA28314">
        <v>24</v>
      </c>
      <c r="AB28314">
        <v>24</v>
      </c>
      <c r="AC28314">
        <v>25</v>
      </c>
      <c r="AD28314">
        <v>25</v>
      </c>
      <c r="AE28314">
        <v>26</v>
      </c>
      <c r="AF28314">
        <v>26</v>
      </c>
      <c r="AG28314">
        <v>27</v>
      </c>
      <c r="AH28314">
        <v>27</v>
      </c>
      <c r="AI28314">
        <v>28</v>
      </c>
      <c r="AJ28314">
        <v>28</v>
      </c>
      <c r="AK28314">
        <v>29</v>
      </c>
      <c r="AL28314">
        <v>29</v>
      </c>
      <c r="AM28314">
        <v>30</v>
      </c>
      <c r="AN28314">
        <v>30</v>
      </c>
      <c r="AO28314">
        <v>30</v>
      </c>
      <c r="AP28314">
        <v>30</v>
      </c>
      <c r="AQ28314">
        <v>30</v>
      </c>
    </row>
    <row r="28315" spans="1:43">
      <c r="A28315" t="s">
        <v>17523</v>
      </c>
      <c r="B28315" t="s">
        <v>17524</v>
      </c>
      <c r="C28315" t="s">
        <v>17519</v>
      </c>
      <c r="D28315" t="s">
        <v>17520</v>
      </c>
      <c r="E28315" t="s">
        <v>17455</v>
      </c>
      <c r="F28315" t="s">
        <v>17456</v>
      </c>
      <c r="G28315" t="s">
        <v>16559</v>
      </c>
      <c r="H28315" t="s">
        <v>16560</v>
      </c>
      <c r="I28315" s="2">
        <v>1</v>
      </c>
      <c r="J28315" s="2">
        <v>0</v>
      </c>
      <c r="K28315" s="2">
        <v>0</v>
      </c>
      <c r="L28315" t="s">
        <v>120</v>
      </c>
      <c r="M28315" t="s">
        <v>87</v>
      </c>
      <c r="N28315" t="s">
        <v>88</v>
      </c>
      <c r="O28315" t="s">
        <v>85</v>
      </c>
      <c r="P28315" t="s">
        <v>86</v>
      </c>
      <c r="Q28315">
        <v>19</v>
      </c>
      <c r="R28315">
        <v>19</v>
      </c>
      <c r="S28315">
        <v>19</v>
      </c>
      <c r="T28315">
        <v>20</v>
      </c>
      <c r="U28315">
        <v>20</v>
      </c>
      <c r="V28315">
        <v>20</v>
      </c>
      <c r="W28315">
        <v>21</v>
      </c>
      <c r="X28315">
        <v>21</v>
      </c>
      <c r="Y28315">
        <v>21</v>
      </c>
      <c r="Z28315">
        <v>21</v>
      </c>
      <c r="AA28315">
        <v>22</v>
      </c>
      <c r="AB28315">
        <v>22</v>
      </c>
      <c r="AC28315">
        <v>22</v>
      </c>
      <c r="AD28315">
        <v>23</v>
      </c>
      <c r="AE28315">
        <v>23</v>
      </c>
      <c r="AF28315">
        <v>23</v>
      </c>
      <c r="AG28315">
        <v>23</v>
      </c>
      <c r="AH28315">
        <v>24</v>
      </c>
      <c r="AI28315">
        <v>24</v>
      </c>
      <c r="AJ28315">
        <v>24</v>
      </c>
      <c r="AK28315">
        <v>25</v>
      </c>
      <c r="AL28315">
        <v>25</v>
      </c>
      <c r="AM28315">
        <v>25</v>
      </c>
      <c r="AN28315">
        <v>26</v>
      </c>
      <c r="AO28315">
        <v>26</v>
      </c>
      <c r="AP28315">
        <v>26</v>
      </c>
      <c r="AQ28315">
        <v>26</v>
      </c>
    </row>
    <row r="28316" spans="1:43">
      <c r="A28316" t="s">
        <v>17523</v>
      </c>
      <c r="B28316" t="s">
        <v>17524</v>
      </c>
      <c r="C28316" t="s">
        <v>17519</v>
      </c>
      <c r="D28316" t="s">
        <v>17520</v>
      </c>
      <c r="E28316" t="s">
        <v>17455</v>
      </c>
      <c r="F28316" t="s">
        <v>17456</v>
      </c>
      <c r="G28316" t="s">
        <v>16559</v>
      </c>
      <c r="H28316" t="s">
        <v>16560</v>
      </c>
      <c r="I28316" s="2">
        <v>1</v>
      </c>
      <c r="J28316" s="2">
        <v>0</v>
      </c>
      <c r="K28316" s="2">
        <v>0</v>
      </c>
      <c r="L28316" t="s">
        <v>120</v>
      </c>
      <c r="M28316" t="s">
        <v>89</v>
      </c>
      <c r="N28316" t="s">
        <v>90</v>
      </c>
      <c r="O28316" t="s">
        <v>85</v>
      </c>
      <c r="P28316" t="s">
        <v>86</v>
      </c>
      <c r="Q28316">
        <v>19</v>
      </c>
      <c r="R28316">
        <v>20</v>
      </c>
      <c r="S28316">
        <v>21</v>
      </c>
      <c r="T28316">
        <v>21</v>
      </c>
      <c r="U28316">
        <v>22</v>
      </c>
      <c r="V28316">
        <v>22</v>
      </c>
      <c r="W28316">
        <v>23</v>
      </c>
      <c r="X28316">
        <v>24</v>
      </c>
      <c r="Y28316">
        <v>24</v>
      </c>
      <c r="Z28316">
        <v>25</v>
      </c>
      <c r="AA28316">
        <v>25</v>
      </c>
      <c r="AB28316">
        <v>26</v>
      </c>
      <c r="AC28316">
        <v>27</v>
      </c>
      <c r="AD28316">
        <v>27</v>
      </c>
      <c r="AE28316">
        <v>28</v>
      </c>
      <c r="AF28316">
        <v>28</v>
      </c>
      <c r="AG28316">
        <v>28</v>
      </c>
      <c r="AH28316">
        <v>28</v>
      </c>
      <c r="AI28316">
        <v>29</v>
      </c>
      <c r="AJ28316">
        <v>29</v>
      </c>
      <c r="AK28316">
        <v>29</v>
      </c>
      <c r="AL28316">
        <v>29</v>
      </c>
      <c r="AM28316">
        <v>30</v>
      </c>
      <c r="AN28316">
        <v>30</v>
      </c>
      <c r="AO28316">
        <v>30</v>
      </c>
      <c r="AP28316">
        <v>30</v>
      </c>
      <c r="AQ28316">
        <v>31</v>
      </c>
    </row>
    <row r="28317" spans="1:43">
      <c r="A28317" t="s">
        <v>17523</v>
      </c>
      <c r="B28317" t="s">
        <v>17524</v>
      </c>
      <c r="C28317" t="s">
        <v>17519</v>
      </c>
      <c r="D28317" t="s">
        <v>17520</v>
      </c>
      <c r="E28317" t="s">
        <v>17455</v>
      </c>
      <c r="F28317" t="s">
        <v>17456</v>
      </c>
      <c r="G28317" t="s">
        <v>16559</v>
      </c>
      <c r="H28317" t="s">
        <v>16560</v>
      </c>
      <c r="I28317" s="2">
        <v>1</v>
      </c>
      <c r="J28317" s="2">
        <v>0</v>
      </c>
      <c r="K28317" s="2">
        <v>0</v>
      </c>
      <c r="L28317" t="s">
        <v>120</v>
      </c>
      <c r="M28317" t="s">
        <v>83</v>
      </c>
      <c r="N28317" t="s">
        <v>91</v>
      </c>
      <c r="O28317" t="s">
        <v>85</v>
      </c>
      <c r="P28317" t="s">
        <v>86</v>
      </c>
      <c r="Q28317">
        <v>19</v>
      </c>
      <c r="R28317">
        <v>20</v>
      </c>
      <c r="S28317">
        <v>20</v>
      </c>
      <c r="T28317">
        <v>21</v>
      </c>
      <c r="U28317">
        <v>21</v>
      </c>
      <c r="V28317">
        <v>21</v>
      </c>
      <c r="W28317">
        <v>22</v>
      </c>
      <c r="X28317">
        <v>22</v>
      </c>
      <c r="Y28317">
        <v>23</v>
      </c>
      <c r="Z28317">
        <v>23</v>
      </c>
      <c r="AA28317">
        <v>24</v>
      </c>
      <c r="AB28317">
        <v>24</v>
      </c>
      <c r="AC28317">
        <v>25</v>
      </c>
      <c r="AD28317">
        <v>25</v>
      </c>
      <c r="AE28317">
        <v>26</v>
      </c>
      <c r="AF28317">
        <v>26</v>
      </c>
      <c r="AG28317">
        <v>27</v>
      </c>
      <c r="AH28317">
        <v>27</v>
      </c>
      <c r="AI28317">
        <v>28</v>
      </c>
      <c r="AJ28317">
        <v>28</v>
      </c>
      <c r="AK28317">
        <v>29</v>
      </c>
      <c r="AL28317">
        <v>29</v>
      </c>
      <c r="AM28317">
        <v>30</v>
      </c>
      <c r="AN28317">
        <v>30</v>
      </c>
      <c r="AO28317">
        <v>30</v>
      </c>
      <c r="AP28317">
        <v>30</v>
      </c>
      <c r="AQ28317">
        <v>30</v>
      </c>
    </row>
    <row r="28318" spans="1:43">
      <c r="A28318" t="s">
        <v>17525</v>
      </c>
      <c r="B28318" t="s">
        <v>17526</v>
      </c>
      <c r="C28318" t="s">
        <v>17519</v>
      </c>
      <c r="D28318" t="s">
        <v>17520</v>
      </c>
      <c r="E28318" t="s">
        <v>17455</v>
      </c>
      <c r="F28318" t="s">
        <v>17456</v>
      </c>
      <c r="G28318" t="s">
        <v>16559</v>
      </c>
      <c r="H28318" t="s">
        <v>16560</v>
      </c>
      <c r="I28318" s="2">
        <v>1</v>
      </c>
      <c r="J28318" s="2">
        <v>0</v>
      </c>
      <c r="K28318" s="2">
        <v>0</v>
      </c>
      <c r="L28318" t="s">
        <v>120</v>
      </c>
      <c r="M28318" t="s">
        <v>83</v>
      </c>
      <c r="N28318" t="s">
        <v>84</v>
      </c>
      <c r="O28318" t="s">
        <v>85</v>
      </c>
      <c r="P28318" t="s">
        <v>86</v>
      </c>
      <c r="Q28318">
        <v>28</v>
      </c>
      <c r="R28318">
        <v>28</v>
      </c>
      <c r="S28318">
        <v>29</v>
      </c>
      <c r="T28318">
        <v>30</v>
      </c>
      <c r="U28318">
        <v>30</v>
      </c>
      <c r="V28318">
        <v>31</v>
      </c>
      <c r="W28318">
        <v>32</v>
      </c>
      <c r="X28318">
        <v>32</v>
      </c>
      <c r="Y28318">
        <v>33</v>
      </c>
      <c r="Z28318">
        <v>34</v>
      </c>
      <c r="AA28318">
        <v>35</v>
      </c>
      <c r="AB28318">
        <v>35</v>
      </c>
      <c r="AC28318">
        <v>36</v>
      </c>
      <c r="AD28318">
        <v>37</v>
      </c>
      <c r="AE28318">
        <v>38</v>
      </c>
      <c r="AF28318">
        <v>38</v>
      </c>
      <c r="AG28318">
        <v>39</v>
      </c>
      <c r="AH28318">
        <v>40</v>
      </c>
      <c r="AI28318">
        <v>41</v>
      </c>
      <c r="AJ28318">
        <v>41</v>
      </c>
      <c r="AK28318">
        <v>42</v>
      </c>
      <c r="AL28318">
        <v>43</v>
      </c>
      <c r="AM28318">
        <v>43</v>
      </c>
      <c r="AN28318">
        <v>43</v>
      </c>
      <c r="AO28318">
        <v>44</v>
      </c>
      <c r="AP28318">
        <v>44</v>
      </c>
      <c r="AQ28318">
        <v>44</v>
      </c>
    </row>
    <row r="28319" spans="1:43">
      <c r="A28319" t="s">
        <v>17525</v>
      </c>
      <c r="B28319" t="s">
        <v>17526</v>
      </c>
      <c r="C28319" t="s">
        <v>17519</v>
      </c>
      <c r="D28319" t="s">
        <v>17520</v>
      </c>
      <c r="E28319" t="s">
        <v>17455</v>
      </c>
      <c r="F28319" t="s">
        <v>17456</v>
      </c>
      <c r="G28319" t="s">
        <v>16559</v>
      </c>
      <c r="H28319" t="s">
        <v>16560</v>
      </c>
      <c r="I28319" s="2">
        <v>1</v>
      </c>
      <c r="J28319" s="2">
        <v>0</v>
      </c>
      <c r="K28319" s="2">
        <v>0</v>
      </c>
      <c r="L28319" t="s">
        <v>120</v>
      </c>
      <c r="M28319" t="s">
        <v>87</v>
      </c>
      <c r="N28319" t="s">
        <v>88</v>
      </c>
      <c r="O28319" t="s">
        <v>85</v>
      </c>
      <c r="P28319" t="s">
        <v>86</v>
      </c>
      <c r="Q28319">
        <v>28</v>
      </c>
      <c r="R28319">
        <v>29</v>
      </c>
      <c r="S28319">
        <v>29</v>
      </c>
      <c r="T28319">
        <v>30</v>
      </c>
      <c r="U28319">
        <v>30</v>
      </c>
      <c r="V28319">
        <v>30</v>
      </c>
      <c r="W28319">
        <v>31</v>
      </c>
      <c r="X28319">
        <v>31</v>
      </c>
      <c r="Y28319">
        <v>32</v>
      </c>
      <c r="Z28319">
        <v>32</v>
      </c>
      <c r="AA28319">
        <v>33</v>
      </c>
      <c r="AB28319">
        <v>33</v>
      </c>
      <c r="AC28319">
        <v>33</v>
      </c>
      <c r="AD28319">
        <v>34</v>
      </c>
      <c r="AE28319">
        <v>34</v>
      </c>
      <c r="AF28319">
        <v>35</v>
      </c>
      <c r="AG28319">
        <v>35</v>
      </c>
      <c r="AH28319">
        <v>36</v>
      </c>
      <c r="AI28319">
        <v>36</v>
      </c>
      <c r="AJ28319">
        <v>36</v>
      </c>
      <c r="AK28319">
        <v>37</v>
      </c>
      <c r="AL28319">
        <v>37</v>
      </c>
      <c r="AM28319">
        <v>38</v>
      </c>
      <c r="AN28319">
        <v>38</v>
      </c>
      <c r="AO28319">
        <v>39</v>
      </c>
      <c r="AP28319">
        <v>39</v>
      </c>
      <c r="AQ28319">
        <v>40</v>
      </c>
    </row>
    <row r="28320" spans="1:43">
      <c r="A28320" t="s">
        <v>17525</v>
      </c>
      <c r="B28320" t="s">
        <v>17526</v>
      </c>
      <c r="C28320" t="s">
        <v>17519</v>
      </c>
      <c r="D28320" t="s">
        <v>17520</v>
      </c>
      <c r="E28320" t="s">
        <v>17455</v>
      </c>
      <c r="F28320" t="s">
        <v>17456</v>
      </c>
      <c r="G28320" t="s">
        <v>16559</v>
      </c>
      <c r="H28320" t="s">
        <v>16560</v>
      </c>
      <c r="I28320" s="2">
        <v>1</v>
      </c>
      <c r="J28320" s="2">
        <v>0</v>
      </c>
      <c r="K28320" s="2">
        <v>0</v>
      </c>
      <c r="L28320" t="s">
        <v>120</v>
      </c>
      <c r="M28320" t="s">
        <v>89</v>
      </c>
      <c r="N28320" t="s">
        <v>90</v>
      </c>
      <c r="O28320" t="s">
        <v>85</v>
      </c>
      <c r="P28320" t="s">
        <v>86</v>
      </c>
      <c r="Q28320">
        <v>28</v>
      </c>
      <c r="R28320">
        <v>29</v>
      </c>
      <c r="S28320">
        <v>30</v>
      </c>
      <c r="T28320">
        <v>31</v>
      </c>
      <c r="U28320">
        <v>32</v>
      </c>
      <c r="V28320">
        <v>32</v>
      </c>
      <c r="W28320">
        <v>33</v>
      </c>
      <c r="X28320">
        <v>34</v>
      </c>
      <c r="Y28320">
        <v>35</v>
      </c>
      <c r="Z28320">
        <v>36</v>
      </c>
      <c r="AA28320">
        <v>37</v>
      </c>
      <c r="AB28320">
        <v>38</v>
      </c>
      <c r="AC28320">
        <v>39</v>
      </c>
      <c r="AD28320">
        <v>40</v>
      </c>
      <c r="AE28320">
        <v>40</v>
      </c>
      <c r="AF28320">
        <v>41</v>
      </c>
      <c r="AG28320">
        <v>41</v>
      </c>
      <c r="AH28320">
        <v>41</v>
      </c>
      <c r="AI28320">
        <v>42</v>
      </c>
      <c r="AJ28320">
        <v>42</v>
      </c>
      <c r="AK28320">
        <v>42</v>
      </c>
      <c r="AL28320">
        <v>43</v>
      </c>
      <c r="AM28320">
        <v>43</v>
      </c>
      <c r="AN28320">
        <v>44</v>
      </c>
      <c r="AO28320">
        <v>44</v>
      </c>
      <c r="AP28320">
        <v>44</v>
      </c>
      <c r="AQ28320">
        <v>45</v>
      </c>
    </row>
    <row r="28321" spans="1:43">
      <c r="A28321" t="s">
        <v>17525</v>
      </c>
      <c r="B28321" t="s">
        <v>17526</v>
      </c>
      <c r="C28321" t="s">
        <v>17519</v>
      </c>
      <c r="D28321" t="s">
        <v>17520</v>
      </c>
      <c r="E28321" t="s">
        <v>17455</v>
      </c>
      <c r="F28321" t="s">
        <v>17456</v>
      </c>
      <c r="G28321" t="s">
        <v>16559</v>
      </c>
      <c r="H28321" t="s">
        <v>16560</v>
      </c>
      <c r="I28321" s="2">
        <v>1</v>
      </c>
      <c r="J28321" s="2">
        <v>0</v>
      </c>
      <c r="K28321" s="2">
        <v>0</v>
      </c>
      <c r="L28321" t="s">
        <v>120</v>
      </c>
      <c r="M28321" t="s">
        <v>83</v>
      </c>
      <c r="N28321" t="s">
        <v>91</v>
      </c>
      <c r="O28321" t="s">
        <v>85</v>
      </c>
      <c r="P28321" t="s">
        <v>86</v>
      </c>
      <c r="Q28321">
        <v>28</v>
      </c>
      <c r="R28321">
        <v>28</v>
      </c>
      <c r="S28321">
        <v>29</v>
      </c>
      <c r="T28321">
        <v>30</v>
      </c>
      <c r="U28321">
        <v>30</v>
      </c>
      <c r="V28321">
        <v>31</v>
      </c>
      <c r="W28321">
        <v>32</v>
      </c>
      <c r="X28321">
        <v>32</v>
      </c>
      <c r="Y28321">
        <v>33</v>
      </c>
      <c r="Z28321">
        <v>34</v>
      </c>
      <c r="AA28321">
        <v>35</v>
      </c>
      <c r="AB28321">
        <v>35</v>
      </c>
      <c r="AC28321">
        <v>36</v>
      </c>
      <c r="AD28321">
        <v>37</v>
      </c>
      <c r="AE28321">
        <v>38</v>
      </c>
      <c r="AF28321">
        <v>38</v>
      </c>
      <c r="AG28321">
        <v>39</v>
      </c>
      <c r="AH28321">
        <v>40</v>
      </c>
      <c r="AI28321">
        <v>41</v>
      </c>
      <c r="AJ28321">
        <v>41</v>
      </c>
      <c r="AK28321">
        <v>42</v>
      </c>
      <c r="AL28321">
        <v>43</v>
      </c>
      <c r="AM28321">
        <v>43</v>
      </c>
      <c r="AN28321">
        <v>43</v>
      </c>
      <c r="AO28321">
        <v>44</v>
      </c>
      <c r="AP28321">
        <v>44</v>
      </c>
      <c r="AQ28321">
        <v>44</v>
      </c>
    </row>
    <row r="28322" spans="1:43">
      <c r="A28322" t="s">
        <v>17527</v>
      </c>
      <c r="B28322" t="s">
        <v>17528</v>
      </c>
      <c r="C28322" t="s">
        <v>17519</v>
      </c>
      <c r="D28322" t="s">
        <v>17520</v>
      </c>
      <c r="E28322" t="s">
        <v>17455</v>
      </c>
      <c r="F28322" t="s">
        <v>17456</v>
      </c>
      <c r="G28322" t="s">
        <v>16559</v>
      </c>
      <c r="H28322" t="s">
        <v>16560</v>
      </c>
      <c r="I28322" s="2">
        <v>1</v>
      </c>
      <c r="J28322" s="2">
        <v>0</v>
      </c>
      <c r="K28322" s="2">
        <v>0</v>
      </c>
      <c r="L28322" t="s">
        <v>120</v>
      </c>
      <c r="M28322" t="s">
        <v>83</v>
      </c>
      <c r="N28322" t="s">
        <v>84</v>
      </c>
      <c r="O28322" t="s">
        <v>85</v>
      </c>
      <c r="P28322" t="s">
        <v>86</v>
      </c>
      <c r="Q28322">
        <v>20</v>
      </c>
      <c r="R28322">
        <v>21</v>
      </c>
      <c r="S28322">
        <v>21</v>
      </c>
      <c r="T28322">
        <v>21</v>
      </c>
      <c r="U28322">
        <v>22</v>
      </c>
      <c r="V28322">
        <v>22</v>
      </c>
      <c r="W28322">
        <v>23</v>
      </c>
      <c r="X28322">
        <v>23</v>
      </c>
      <c r="Y28322">
        <v>24</v>
      </c>
      <c r="Z28322">
        <v>24</v>
      </c>
      <c r="AA28322">
        <v>25</v>
      </c>
      <c r="AB28322">
        <v>25</v>
      </c>
      <c r="AC28322">
        <v>26</v>
      </c>
      <c r="AD28322">
        <v>26</v>
      </c>
      <c r="AE28322">
        <v>27</v>
      </c>
      <c r="AF28322">
        <v>27</v>
      </c>
      <c r="AG28322">
        <v>28</v>
      </c>
      <c r="AH28322">
        <v>28</v>
      </c>
      <c r="AI28322">
        <v>29</v>
      </c>
      <c r="AJ28322">
        <v>30</v>
      </c>
      <c r="AK28322">
        <v>30</v>
      </c>
      <c r="AL28322">
        <v>30</v>
      </c>
      <c r="AM28322">
        <v>31</v>
      </c>
      <c r="AN28322">
        <v>31</v>
      </c>
      <c r="AO28322">
        <v>31</v>
      </c>
      <c r="AP28322">
        <v>31</v>
      </c>
      <c r="AQ28322">
        <v>32</v>
      </c>
    </row>
    <row r="28323" spans="1:43">
      <c r="A28323" t="s">
        <v>17527</v>
      </c>
      <c r="B28323" t="s">
        <v>17528</v>
      </c>
      <c r="C28323" t="s">
        <v>17519</v>
      </c>
      <c r="D28323" t="s">
        <v>17520</v>
      </c>
      <c r="E28323" t="s">
        <v>17455</v>
      </c>
      <c r="F28323" t="s">
        <v>17456</v>
      </c>
      <c r="G28323" t="s">
        <v>16559</v>
      </c>
      <c r="H28323" t="s">
        <v>16560</v>
      </c>
      <c r="I28323" s="2">
        <v>1</v>
      </c>
      <c r="J28323" s="2">
        <v>0</v>
      </c>
      <c r="K28323" s="2">
        <v>0</v>
      </c>
      <c r="L28323" t="s">
        <v>120</v>
      </c>
      <c r="M28323" t="s">
        <v>87</v>
      </c>
      <c r="N28323" t="s">
        <v>88</v>
      </c>
      <c r="O28323" t="s">
        <v>85</v>
      </c>
      <c r="P28323" t="s">
        <v>86</v>
      </c>
      <c r="Q28323">
        <v>20</v>
      </c>
      <c r="R28323">
        <v>20</v>
      </c>
      <c r="S28323">
        <v>20</v>
      </c>
      <c r="T28323">
        <v>21</v>
      </c>
      <c r="U28323">
        <v>21</v>
      </c>
      <c r="V28323">
        <v>21</v>
      </c>
      <c r="W28323">
        <v>22</v>
      </c>
      <c r="X28323">
        <v>22</v>
      </c>
      <c r="Y28323">
        <v>22</v>
      </c>
      <c r="Z28323">
        <v>22</v>
      </c>
      <c r="AA28323">
        <v>23</v>
      </c>
      <c r="AB28323">
        <v>23</v>
      </c>
      <c r="AC28323">
        <v>23</v>
      </c>
      <c r="AD28323">
        <v>24</v>
      </c>
      <c r="AE28323">
        <v>24</v>
      </c>
      <c r="AF28323">
        <v>24</v>
      </c>
      <c r="AG28323">
        <v>25</v>
      </c>
      <c r="AH28323">
        <v>25</v>
      </c>
      <c r="AI28323">
        <v>25</v>
      </c>
      <c r="AJ28323">
        <v>25</v>
      </c>
      <c r="AK28323">
        <v>26</v>
      </c>
      <c r="AL28323">
        <v>26</v>
      </c>
      <c r="AM28323">
        <v>26</v>
      </c>
      <c r="AN28323">
        <v>27</v>
      </c>
      <c r="AO28323">
        <v>27</v>
      </c>
      <c r="AP28323">
        <v>27</v>
      </c>
      <c r="AQ28323">
        <v>28</v>
      </c>
    </row>
    <row r="28324" spans="1:43">
      <c r="A28324" t="s">
        <v>17527</v>
      </c>
      <c r="B28324" t="s">
        <v>17528</v>
      </c>
      <c r="C28324" t="s">
        <v>17519</v>
      </c>
      <c r="D28324" t="s">
        <v>17520</v>
      </c>
      <c r="E28324" t="s">
        <v>17455</v>
      </c>
      <c r="F28324" t="s">
        <v>17456</v>
      </c>
      <c r="G28324" t="s">
        <v>16559</v>
      </c>
      <c r="H28324" t="s">
        <v>16560</v>
      </c>
      <c r="I28324" s="2">
        <v>1</v>
      </c>
      <c r="J28324" s="2">
        <v>0</v>
      </c>
      <c r="K28324" s="2">
        <v>0</v>
      </c>
      <c r="L28324" t="s">
        <v>120</v>
      </c>
      <c r="M28324" t="s">
        <v>89</v>
      </c>
      <c r="N28324" t="s">
        <v>90</v>
      </c>
      <c r="O28324" t="s">
        <v>85</v>
      </c>
      <c r="P28324" t="s">
        <v>86</v>
      </c>
      <c r="Q28324">
        <v>20</v>
      </c>
      <c r="R28324">
        <v>21</v>
      </c>
      <c r="S28324">
        <v>22</v>
      </c>
      <c r="T28324">
        <v>22</v>
      </c>
      <c r="U28324">
        <v>23</v>
      </c>
      <c r="V28324">
        <v>23</v>
      </c>
      <c r="W28324">
        <v>24</v>
      </c>
      <c r="X28324">
        <v>25</v>
      </c>
      <c r="Y28324">
        <v>25</v>
      </c>
      <c r="Z28324">
        <v>26</v>
      </c>
      <c r="AA28324">
        <v>26</v>
      </c>
      <c r="AB28324">
        <v>27</v>
      </c>
      <c r="AC28324">
        <v>28</v>
      </c>
      <c r="AD28324">
        <v>28</v>
      </c>
      <c r="AE28324">
        <v>29</v>
      </c>
      <c r="AF28324">
        <v>29</v>
      </c>
      <c r="AG28324">
        <v>29</v>
      </c>
      <c r="AH28324">
        <v>30</v>
      </c>
      <c r="AI28324">
        <v>30</v>
      </c>
      <c r="AJ28324">
        <v>30</v>
      </c>
      <c r="AK28324">
        <v>30</v>
      </c>
      <c r="AL28324">
        <v>31</v>
      </c>
      <c r="AM28324">
        <v>31</v>
      </c>
      <c r="AN28324">
        <v>31</v>
      </c>
      <c r="AO28324">
        <v>31</v>
      </c>
      <c r="AP28324">
        <v>31</v>
      </c>
      <c r="AQ28324">
        <v>32</v>
      </c>
    </row>
    <row r="28325" spans="1:43">
      <c r="A28325" t="s">
        <v>17527</v>
      </c>
      <c r="B28325" t="s">
        <v>17528</v>
      </c>
      <c r="C28325" t="s">
        <v>17519</v>
      </c>
      <c r="D28325" t="s">
        <v>17520</v>
      </c>
      <c r="E28325" t="s">
        <v>17455</v>
      </c>
      <c r="F28325" t="s">
        <v>17456</v>
      </c>
      <c r="G28325" t="s">
        <v>16559</v>
      </c>
      <c r="H28325" t="s">
        <v>16560</v>
      </c>
      <c r="I28325" s="2">
        <v>1</v>
      </c>
      <c r="J28325" s="2">
        <v>0</v>
      </c>
      <c r="K28325" s="2">
        <v>0</v>
      </c>
      <c r="L28325" t="s">
        <v>120</v>
      </c>
      <c r="M28325" t="s">
        <v>83</v>
      </c>
      <c r="N28325" t="s">
        <v>91</v>
      </c>
      <c r="O28325" t="s">
        <v>85</v>
      </c>
      <c r="P28325" t="s">
        <v>86</v>
      </c>
      <c r="Q28325">
        <v>20</v>
      </c>
      <c r="R28325">
        <v>21</v>
      </c>
      <c r="S28325">
        <v>21</v>
      </c>
      <c r="T28325">
        <v>21</v>
      </c>
      <c r="U28325">
        <v>22</v>
      </c>
      <c r="V28325">
        <v>22</v>
      </c>
      <c r="W28325">
        <v>23</v>
      </c>
      <c r="X28325">
        <v>23</v>
      </c>
      <c r="Y28325">
        <v>24</v>
      </c>
      <c r="Z28325">
        <v>24</v>
      </c>
      <c r="AA28325">
        <v>25</v>
      </c>
      <c r="AB28325">
        <v>25</v>
      </c>
      <c r="AC28325">
        <v>26</v>
      </c>
      <c r="AD28325">
        <v>26</v>
      </c>
      <c r="AE28325">
        <v>27</v>
      </c>
      <c r="AF28325">
        <v>27</v>
      </c>
      <c r="AG28325">
        <v>28</v>
      </c>
      <c r="AH28325">
        <v>28</v>
      </c>
      <c r="AI28325">
        <v>29</v>
      </c>
      <c r="AJ28325">
        <v>30</v>
      </c>
      <c r="AK28325">
        <v>30</v>
      </c>
      <c r="AL28325">
        <v>30</v>
      </c>
      <c r="AM28325">
        <v>31</v>
      </c>
      <c r="AN28325">
        <v>31</v>
      </c>
      <c r="AO28325">
        <v>31</v>
      </c>
      <c r="AP28325">
        <v>31</v>
      </c>
      <c r="AQ28325">
        <v>32</v>
      </c>
    </row>
    <row r="28326" spans="1:43">
      <c r="A28326" t="s">
        <v>17529</v>
      </c>
      <c r="B28326" t="s">
        <v>17530</v>
      </c>
      <c r="C28326" t="s">
        <v>17531</v>
      </c>
      <c r="D28326" t="s">
        <v>17532</v>
      </c>
      <c r="E28326" t="s">
        <v>17455</v>
      </c>
      <c r="F28326" t="s">
        <v>17456</v>
      </c>
      <c r="G28326" t="s">
        <v>16559</v>
      </c>
      <c r="H28326" t="s">
        <v>16560</v>
      </c>
      <c r="I28326" s="2">
        <v>1</v>
      </c>
      <c r="J28326" s="2">
        <v>0</v>
      </c>
      <c r="K28326" s="2">
        <v>0</v>
      </c>
      <c r="L28326" t="s">
        <v>120</v>
      </c>
      <c r="M28326" t="s">
        <v>83</v>
      </c>
      <c r="N28326" t="s">
        <v>84</v>
      </c>
      <c r="O28326" t="s">
        <v>85</v>
      </c>
      <c r="P28326" t="s">
        <v>86</v>
      </c>
      <c r="Q28326">
        <v>8</v>
      </c>
      <c r="R28326">
        <v>8</v>
      </c>
      <c r="S28326">
        <v>8</v>
      </c>
      <c r="T28326">
        <v>8</v>
      </c>
      <c r="U28326">
        <v>9</v>
      </c>
      <c r="V28326">
        <v>9</v>
      </c>
      <c r="W28326">
        <v>9</v>
      </c>
      <c r="X28326">
        <v>9</v>
      </c>
      <c r="Y28326">
        <v>9</v>
      </c>
      <c r="Z28326">
        <v>10</v>
      </c>
      <c r="AA28326">
        <v>10</v>
      </c>
      <c r="AB28326">
        <v>10</v>
      </c>
      <c r="AC28326">
        <v>10</v>
      </c>
      <c r="AD28326">
        <v>10</v>
      </c>
      <c r="AE28326">
        <v>11</v>
      </c>
      <c r="AF28326">
        <v>11</v>
      </c>
      <c r="AG28326">
        <v>11</v>
      </c>
      <c r="AH28326">
        <v>11</v>
      </c>
      <c r="AI28326">
        <v>12</v>
      </c>
      <c r="AJ28326">
        <v>12</v>
      </c>
      <c r="AK28326">
        <v>12</v>
      </c>
      <c r="AL28326">
        <v>12</v>
      </c>
      <c r="AM28326">
        <v>12</v>
      </c>
      <c r="AN28326">
        <v>12</v>
      </c>
      <c r="AO28326">
        <v>12</v>
      </c>
      <c r="AP28326">
        <v>13</v>
      </c>
      <c r="AQ28326">
        <v>13</v>
      </c>
    </row>
    <row r="28327" spans="1:43">
      <c r="A28327" t="s">
        <v>17529</v>
      </c>
      <c r="B28327" t="s">
        <v>17530</v>
      </c>
      <c r="C28327" t="s">
        <v>17531</v>
      </c>
      <c r="D28327" t="s">
        <v>17532</v>
      </c>
      <c r="E28327" t="s">
        <v>17455</v>
      </c>
      <c r="F28327" t="s">
        <v>17456</v>
      </c>
      <c r="G28327" t="s">
        <v>16559</v>
      </c>
      <c r="H28327" t="s">
        <v>16560</v>
      </c>
      <c r="I28327" s="2">
        <v>1</v>
      </c>
      <c r="J28327" s="2">
        <v>0</v>
      </c>
      <c r="K28327" s="2">
        <v>0</v>
      </c>
      <c r="L28327" t="s">
        <v>120</v>
      </c>
      <c r="M28327" t="s">
        <v>87</v>
      </c>
      <c r="N28327" t="s">
        <v>88</v>
      </c>
      <c r="O28327" t="s">
        <v>85</v>
      </c>
      <c r="P28327" t="s">
        <v>86</v>
      </c>
      <c r="Q28327">
        <v>8</v>
      </c>
      <c r="R28327">
        <v>8</v>
      </c>
      <c r="S28327">
        <v>8</v>
      </c>
      <c r="T28327">
        <v>8</v>
      </c>
      <c r="U28327">
        <v>8</v>
      </c>
      <c r="V28327">
        <v>8</v>
      </c>
      <c r="W28327">
        <v>9</v>
      </c>
      <c r="X28327">
        <v>9</v>
      </c>
      <c r="Y28327">
        <v>9</v>
      </c>
      <c r="Z28327">
        <v>9</v>
      </c>
      <c r="AA28327">
        <v>9</v>
      </c>
      <c r="AB28327">
        <v>9</v>
      </c>
      <c r="AC28327">
        <v>9</v>
      </c>
      <c r="AD28327">
        <v>9</v>
      </c>
      <c r="AE28327">
        <v>9</v>
      </c>
      <c r="AF28327">
        <v>10</v>
      </c>
      <c r="AG28327">
        <v>10</v>
      </c>
      <c r="AH28327">
        <v>10</v>
      </c>
      <c r="AI28327">
        <v>10</v>
      </c>
      <c r="AJ28327">
        <v>10</v>
      </c>
      <c r="AK28327">
        <v>10</v>
      </c>
      <c r="AL28327">
        <v>10</v>
      </c>
      <c r="AM28327">
        <v>10</v>
      </c>
      <c r="AN28327">
        <v>11</v>
      </c>
      <c r="AO28327">
        <v>11</v>
      </c>
      <c r="AP28327">
        <v>11</v>
      </c>
      <c r="AQ28327">
        <v>11</v>
      </c>
    </row>
    <row r="28328" spans="1:43">
      <c r="A28328" t="s">
        <v>17529</v>
      </c>
      <c r="B28328" t="s">
        <v>17530</v>
      </c>
      <c r="C28328" t="s">
        <v>17531</v>
      </c>
      <c r="D28328" t="s">
        <v>17532</v>
      </c>
      <c r="E28328" t="s">
        <v>17455</v>
      </c>
      <c r="F28328" t="s">
        <v>17456</v>
      </c>
      <c r="G28328" t="s">
        <v>16559</v>
      </c>
      <c r="H28328" t="s">
        <v>16560</v>
      </c>
      <c r="I28328" s="2">
        <v>1</v>
      </c>
      <c r="J28328" s="2">
        <v>0</v>
      </c>
      <c r="K28328" s="2">
        <v>0</v>
      </c>
      <c r="L28328" t="s">
        <v>120</v>
      </c>
      <c r="M28328" t="s">
        <v>89</v>
      </c>
      <c r="N28328" t="s">
        <v>90</v>
      </c>
      <c r="O28328" t="s">
        <v>85</v>
      </c>
      <c r="P28328" t="s">
        <v>86</v>
      </c>
      <c r="Q28328">
        <v>8</v>
      </c>
      <c r="R28328">
        <v>8</v>
      </c>
      <c r="S28328">
        <v>8</v>
      </c>
      <c r="T28328">
        <v>9</v>
      </c>
      <c r="U28328">
        <v>9</v>
      </c>
      <c r="V28328">
        <v>9</v>
      </c>
      <c r="W28328">
        <v>9</v>
      </c>
      <c r="X28328">
        <v>10</v>
      </c>
      <c r="Y28328">
        <v>10</v>
      </c>
      <c r="Z28328">
        <v>10</v>
      </c>
      <c r="AA28328">
        <v>11</v>
      </c>
      <c r="AB28328">
        <v>11</v>
      </c>
      <c r="AC28328">
        <v>11</v>
      </c>
      <c r="AD28328">
        <v>11</v>
      </c>
      <c r="AE28328">
        <v>11</v>
      </c>
      <c r="AF28328">
        <v>12</v>
      </c>
      <c r="AG28328">
        <v>12</v>
      </c>
      <c r="AH28328">
        <v>12</v>
      </c>
      <c r="AI28328">
        <v>12</v>
      </c>
      <c r="AJ28328">
        <v>12</v>
      </c>
      <c r="AK28328">
        <v>12</v>
      </c>
      <c r="AL28328">
        <v>12</v>
      </c>
      <c r="AM28328">
        <v>12</v>
      </c>
      <c r="AN28328">
        <v>12</v>
      </c>
      <c r="AO28328">
        <v>13</v>
      </c>
      <c r="AP28328">
        <v>13</v>
      </c>
      <c r="AQ28328">
        <v>13</v>
      </c>
    </row>
    <row r="28329" spans="1:43">
      <c r="A28329" t="s">
        <v>17529</v>
      </c>
      <c r="B28329" t="s">
        <v>17530</v>
      </c>
      <c r="C28329" t="s">
        <v>17531</v>
      </c>
      <c r="D28329" t="s">
        <v>17532</v>
      </c>
      <c r="E28329" t="s">
        <v>17455</v>
      </c>
      <c r="F28329" t="s">
        <v>17456</v>
      </c>
      <c r="G28329" t="s">
        <v>16559</v>
      </c>
      <c r="H28329" t="s">
        <v>16560</v>
      </c>
      <c r="I28329" s="2">
        <v>1</v>
      </c>
      <c r="J28329" s="2">
        <v>0</v>
      </c>
      <c r="K28329" s="2">
        <v>0</v>
      </c>
      <c r="L28329" t="s">
        <v>120</v>
      </c>
      <c r="M28329" t="s">
        <v>83</v>
      </c>
      <c r="N28329" t="s">
        <v>91</v>
      </c>
      <c r="O28329" t="s">
        <v>85</v>
      </c>
      <c r="P28329" t="s">
        <v>86</v>
      </c>
      <c r="Q28329">
        <v>8</v>
      </c>
      <c r="R28329">
        <v>8</v>
      </c>
      <c r="S28329">
        <v>8</v>
      </c>
      <c r="T28329">
        <v>8</v>
      </c>
      <c r="U28329">
        <v>9</v>
      </c>
      <c r="V28329">
        <v>9</v>
      </c>
      <c r="W28329">
        <v>9</v>
      </c>
      <c r="X28329">
        <v>9</v>
      </c>
      <c r="Y28329">
        <v>9</v>
      </c>
      <c r="Z28329">
        <v>10</v>
      </c>
      <c r="AA28329">
        <v>10</v>
      </c>
      <c r="AB28329">
        <v>10</v>
      </c>
      <c r="AC28329">
        <v>10</v>
      </c>
      <c r="AD28329">
        <v>10</v>
      </c>
      <c r="AE28329">
        <v>11</v>
      </c>
      <c r="AF28329">
        <v>11</v>
      </c>
      <c r="AG28329">
        <v>11</v>
      </c>
      <c r="AH28329">
        <v>11</v>
      </c>
      <c r="AI28329">
        <v>12</v>
      </c>
      <c r="AJ28329">
        <v>12</v>
      </c>
      <c r="AK28329">
        <v>12</v>
      </c>
      <c r="AL28329">
        <v>12</v>
      </c>
      <c r="AM28329">
        <v>12</v>
      </c>
      <c r="AN28329">
        <v>12</v>
      </c>
      <c r="AO28329">
        <v>12</v>
      </c>
      <c r="AP28329">
        <v>13</v>
      </c>
      <c r="AQ28329">
        <v>13</v>
      </c>
    </row>
    <row r="28330" spans="1:43">
      <c r="A28330" t="s">
        <v>17533</v>
      </c>
      <c r="B28330" t="s">
        <v>17534</v>
      </c>
      <c r="C28330" t="s">
        <v>17531</v>
      </c>
      <c r="D28330" t="s">
        <v>17532</v>
      </c>
      <c r="E28330" t="s">
        <v>17455</v>
      </c>
      <c r="F28330" t="s">
        <v>17456</v>
      </c>
      <c r="G28330" t="s">
        <v>16559</v>
      </c>
      <c r="H28330" t="s">
        <v>16560</v>
      </c>
      <c r="I28330" s="2">
        <v>1</v>
      </c>
      <c r="J28330" s="2">
        <v>0</v>
      </c>
      <c r="K28330" s="2">
        <v>0</v>
      </c>
      <c r="L28330" t="s">
        <v>120</v>
      </c>
      <c r="M28330" t="s">
        <v>83</v>
      </c>
      <c r="N28330" t="s">
        <v>84</v>
      </c>
      <c r="O28330" t="s">
        <v>85</v>
      </c>
      <c r="P28330" t="s">
        <v>86</v>
      </c>
      <c r="Q28330">
        <v>20</v>
      </c>
      <c r="R28330">
        <v>20</v>
      </c>
      <c r="S28330">
        <v>21</v>
      </c>
      <c r="T28330">
        <v>21</v>
      </c>
      <c r="U28330">
        <v>22</v>
      </c>
      <c r="V28330">
        <v>22</v>
      </c>
      <c r="W28330">
        <v>22</v>
      </c>
      <c r="X28330">
        <v>23</v>
      </c>
      <c r="Y28330">
        <v>23</v>
      </c>
      <c r="Z28330">
        <v>24</v>
      </c>
      <c r="AA28330">
        <v>24</v>
      </c>
      <c r="AB28330">
        <v>25</v>
      </c>
      <c r="AC28330">
        <v>25</v>
      </c>
      <c r="AD28330">
        <v>26</v>
      </c>
      <c r="AE28330">
        <v>26</v>
      </c>
      <c r="AF28330">
        <v>27</v>
      </c>
      <c r="AG28330">
        <v>27</v>
      </c>
      <c r="AH28330">
        <v>28</v>
      </c>
      <c r="AI28330">
        <v>28</v>
      </c>
      <c r="AJ28330">
        <v>29</v>
      </c>
      <c r="AK28330">
        <v>30</v>
      </c>
      <c r="AL28330">
        <v>30</v>
      </c>
      <c r="AM28330">
        <v>30</v>
      </c>
      <c r="AN28330">
        <v>30</v>
      </c>
      <c r="AO28330">
        <v>31</v>
      </c>
      <c r="AP28330">
        <v>31</v>
      </c>
      <c r="AQ28330">
        <v>31</v>
      </c>
    </row>
    <row r="28331" spans="1:43">
      <c r="A28331" t="s">
        <v>17533</v>
      </c>
      <c r="B28331" t="s">
        <v>17534</v>
      </c>
      <c r="C28331" t="s">
        <v>17531</v>
      </c>
      <c r="D28331" t="s">
        <v>17532</v>
      </c>
      <c r="E28331" t="s">
        <v>17455</v>
      </c>
      <c r="F28331" t="s">
        <v>17456</v>
      </c>
      <c r="G28331" t="s">
        <v>16559</v>
      </c>
      <c r="H28331" t="s">
        <v>16560</v>
      </c>
      <c r="I28331" s="2">
        <v>1</v>
      </c>
      <c r="J28331" s="2">
        <v>0</v>
      </c>
      <c r="K28331" s="2">
        <v>0</v>
      </c>
      <c r="L28331" t="s">
        <v>120</v>
      </c>
      <c r="M28331" t="s">
        <v>87</v>
      </c>
      <c r="N28331" t="s">
        <v>88</v>
      </c>
      <c r="O28331" t="s">
        <v>85</v>
      </c>
      <c r="P28331" t="s">
        <v>86</v>
      </c>
      <c r="Q28331">
        <v>20</v>
      </c>
      <c r="R28331">
        <v>21</v>
      </c>
      <c r="S28331">
        <v>21</v>
      </c>
      <c r="T28331">
        <v>21</v>
      </c>
      <c r="U28331">
        <v>22</v>
      </c>
      <c r="V28331">
        <v>22</v>
      </c>
      <c r="W28331">
        <v>22</v>
      </c>
      <c r="X28331">
        <v>22</v>
      </c>
      <c r="Y28331">
        <v>23</v>
      </c>
      <c r="Z28331">
        <v>23</v>
      </c>
      <c r="AA28331">
        <v>23</v>
      </c>
      <c r="AB28331">
        <v>24</v>
      </c>
      <c r="AC28331">
        <v>24</v>
      </c>
      <c r="AD28331">
        <v>24</v>
      </c>
      <c r="AE28331">
        <v>24</v>
      </c>
      <c r="AF28331">
        <v>25</v>
      </c>
      <c r="AG28331">
        <v>25</v>
      </c>
      <c r="AH28331">
        <v>25</v>
      </c>
      <c r="AI28331">
        <v>26</v>
      </c>
      <c r="AJ28331">
        <v>26</v>
      </c>
      <c r="AK28331">
        <v>26</v>
      </c>
      <c r="AL28331">
        <v>26</v>
      </c>
      <c r="AM28331">
        <v>27</v>
      </c>
      <c r="AN28331">
        <v>27</v>
      </c>
      <c r="AO28331">
        <v>27</v>
      </c>
      <c r="AP28331">
        <v>28</v>
      </c>
      <c r="AQ28331">
        <v>28</v>
      </c>
    </row>
    <row r="28332" spans="1:43">
      <c r="A28332" t="s">
        <v>17533</v>
      </c>
      <c r="B28332" t="s">
        <v>17534</v>
      </c>
      <c r="C28332" t="s">
        <v>17531</v>
      </c>
      <c r="D28332" t="s">
        <v>17532</v>
      </c>
      <c r="E28332" t="s">
        <v>17455</v>
      </c>
      <c r="F28332" t="s">
        <v>17456</v>
      </c>
      <c r="G28332" t="s">
        <v>16559</v>
      </c>
      <c r="H28332" t="s">
        <v>16560</v>
      </c>
      <c r="I28332" s="2">
        <v>1</v>
      </c>
      <c r="J28332" s="2">
        <v>0</v>
      </c>
      <c r="K28332" s="2">
        <v>0</v>
      </c>
      <c r="L28332" t="s">
        <v>120</v>
      </c>
      <c r="M28332" t="s">
        <v>89</v>
      </c>
      <c r="N28332" t="s">
        <v>90</v>
      </c>
      <c r="O28332" t="s">
        <v>85</v>
      </c>
      <c r="P28332" t="s">
        <v>86</v>
      </c>
      <c r="Q28332">
        <v>20</v>
      </c>
      <c r="R28332">
        <v>20</v>
      </c>
      <c r="S28332">
        <v>21</v>
      </c>
      <c r="T28332">
        <v>22</v>
      </c>
      <c r="U28332">
        <v>22</v>
      </c>
      <c r="V28332">
        <v>23</v>
      </c>
      <c r="W28332">
        <v>24</v>
      </c>
      <c r="X28332">
        <v>24</v>
      </c>
      <c r="Y28332">
        <v>25</v>
      </c>
      <c r="Z28332">
        <v>25</v>
      </c>
      <c r="AA28332">
        <v>26</v>
      </c>
      <c r="AB28332">
        <v>27</v>
      </c>
      <c r="AC28332">
        <v>27</v>
      </c>
      <c r="AD28332">
        <v>28</v>
      </c>
      <c r="AE28332">
        <v>28</v>
      </c>
      <c r="AF28332">
        <v>29</v>
      </c>
      <c r="AG28332">
        <v>29</v>
      </c>
      <c r="AH28332">
        <v>29</v>
      </c>
      <c r="AI28332">
        <v>29</v>
      </c>
      <c r="AJ28332">
        <v>30</v>
      </c>
      <c r="AK28332">
        <v>30</v>
      </c>
      <c r="AL28332">
        <v>30</v>
      </c>
      <c r="AM28332">
        <v>30</v>
      </c>
      <c r="AN28332">
        <v>31</v>
      </c>
      <c r="AO28332">
        <v>31</v>
      </c>
      <c r="AP28332">
        <v>31</v>
      </c>
      <c r="AQ28332">
        <v>31</v>
      </c>
    </row>
    <row r="28333" spans="1:43">
      <c r="A28333" t="s">
        <v>17533</v>
      </c>
      <c r="B28333" t="s">
        <v>17534</v>
      </c>
      <c r="C28333" t="s">
        <v>17531</v>
      </c>
      <c r="D28333" t="s">
        <v>17532</v>
      </c>
      <c r="E28333" t="s">
        <v>17455</v>
      </c>
      <c r="F28333" t="s">
        <v>17456</v>
      </c>
      <c r="G28333" t="s">
        <v>16559</v>
      </c>
      <c r="H28333" t="s">
        <v>16560</v>
      </c>
      <c r="I28333" s="2">
        <v>1</v>
      </c>
      <c r="J28333" s="2">
        <v>0</v>
      </c>
      <c r="K28333" s="2">
        <v>0</v>
      </c>
      <c r="L28333" t="s">
        <v>120</v>
      </c>
      <c r="M28333" t="s">
        <v>83</v>
      </c>
      <c r="N28333" t="s">
        <v>91</v>
      </c>
      <c r="O28333" t="s">
        <v>85</v>
      </c>
      <c r="P28333" t="s">
        <v>86</v>
      </c>
      <c r="Q28333">
        <v>20</v>
      </c>
      <c r="R28333">
        <v>20</v>
      </c>
      <c r="S28333">
        <v>21</v>
      </c>
      <c r="T28333">
        <v>21</v>
      </c>
      <c r="U28333">
        <v>22</v>
      </c>
      <c r="V28333">
        <v>22</v>
      </c>
      <c r="W28333">
        <v>22</v>
      </c>
      <c r="X28333">
        <v>23</v>
      </c>
      <c r="Y28333">
        <v>23</v>
      </c>
      <c r="Z28333">
        <v>24</v>
      </c>
      <c r="AA28333">
        <v>24</v>
      </c>
      <c r="AB28333">
        <v>25</v>
      </c>
      <c r="AC28333">
        <v>25</v>
      </c>
      <c r="AD28333">
        <v>26</v>
      </c>
      <c r="AE28333">
        <v>26</v>
      </c>
      <c r="AF28333">
        <v>27</v>
      </c>
      <c r="AG28333">
        <v>27</v>
      </c>
      <c r="AH28333">
        <v>28</v>
      </c>
      <c r="AI28333">
        <v>28</v>
      </c>
      <c r="AJ28333">
        <v>29</v>
      </c>
      <c r="AK28333">
        <v>30</v>
      </c>
      <c r="AL28333">
        <v>30</v>
      </c>
      <c r="AM28333">
        <v>30</v>
      </c>
      <c r="AN28333">
        <v>30</v>
      </c>
      <c r="AO28333">
        <v>31</v>
      </c>
      <c r="AP28333">
        <v>31</v>
      </c>
      <c r="AQ28333">
        <v>31</v>
      </c>
    </row>
    <row r="28334" spans="1:43">
      <c r="A28334" t="s">
        <v>17535</v>
      </c>
      <c r="B28334" t="s">
        <v>17536</v>
      </c>
      <c r="C28334" t="s">
        <v>17531</v>
      </c>
      <c r="D28334" t="s">
        <v>17532</v>
      </c>
      <c r="E28334" t="s">
        <v>17455</v>
      </c>
      <c r="F28334" t="s">
        <v>17456</v>
      </c>
      <c r="G28334" t="s">
        <v>16559</v>
      </c>
      <c r="H28334" t="s">
        <v>16560</v>
      </c>
      <c r="I28334" s="2">
        <v>1</v>
      </c>
      <c r="J28334" s="2">
        <v>0</v>
      </c>
      <c r="K28334" s="2">
        <v>0</v>
      </c>
      <c r="L28334" t="s">
        <v>120</v>
      </c>
      <c r="M28334" t="s">
        <v>83</v>
      </c>
      <c r="N28334" t="s">
        <v>84</v>
      </c>
      <c r="O28334" t="s">
        <v>85</v>
      </c>
      <c r="P28334" t="s">
        <v>86</v>
      </c>
      <c r="Q28334">
        <v>25</v>
      </c>
      <c r="R28334">
        <v>26</v>
      </c>
      <c r="S28334">
        <v>26</v>
      </c>
      <c r="T28334">
        <v>27</v>
      </c>
      <c r="U28334">
        <v>28</v>
      </c>
      <c r="V28334">
        <v>28</v>
      </c>
      <c r="W28334">
        <v>29</v>
      </c>
      <c r="X28334">
        <v>30</v>
      </c>
      <c r="Y28334">
        <v>30</v>
      </c>
      <c r="Z28334">
        <v>31</v>
      </c>
      <c r="AA28334">
        <v>32</v>
      </c>
      <c r="AB28334">
        <v>32</v>
      </c>
      <c r="AC28334">
        <v>33</v>
      </c>
      <c r="AD28334">
        <v>34</v>
      </c>
      <c r="AE28334">
        <v>34</v>
      </c>
      <c r="AF28334">
        <v>35</v>
      </c>
      <c r="AG28334">
        <v>36</v>
      </c>
      <c r="AH28334">
        <v>36</v>
      </c>
      <c r="AI28334">
        <v>37</v>
      </c>
      <c r="AJ28334">
        <v>38</v>
      </c>
      <c r="AK28334">
        <v>38</v>
      </c>
      <c r="AL28334">
        <v>39</v>
      </c>
      <c r="AM28334">
        <v>39</v>
      </c>
      <c r="AN28334">
        <v>40</v>
      </c>
      <c r="AO28334">
        <v>40</v>
      </c>
      <c r="AP28334">
        <v>40</v>
      </c>
      <c r="AQ28334">
        <v>41</v>
      </c>
    </row>
    <row r="28335" spans="1:43">
      <c r="A28335" t="s">
        <v>17535</v>
      </c>
      <c r="B28335" t="s">
        <v>17536</v>
      </c>
      <c r="C28335" t="s">
        <v>17531</v>
      </c>
      <c r="D28335" t="s">
        <v>17532</v>
      </c>
      <c r="E28335" t="s">
        <v>17455</v>
      </c>
      <c r="F28335" t="s">
        <v>17456</v>
      </c>
      <c r="G28335" t="s">
        <v>16559</v>
      </c>
      <c r="H28335" t="s">
        <v>16560</v>
      </c>
      <c r="I28335" s="2">
        <v>1</v>
      </c>
      <c r="J28335" s="2">
        <v>0</v>
      </c>
      <c r="K28335" s="2">
        <v>0</v>
      </c>
      <c r="L28335" t="s">
        <v>120</v>
      </c>
      <c r="M28335" t="s">
        <v>87</v>
      </c>
      <c r="N28335" t="s">
        <v>88</v>
      </c>
      <c r="O28335" t="s">
        <v>85</v>
      </c>
      <c r="P28335" t="s">
        <v>86</v>
      </c>
      <c r="Q28335">
        <v>25</v>
      </c>
      <c r="R28335">
        <v>25</v>
      </c>
      <c r="S28335">
        <v>26</v>
      </c>
      <c r="T28335">
        <v>26</v>
      </c>
      <c r="U28335">
        <v>26</v>
      </c>
      <c r="V28335">
        <v>27</v>
      </c>
      <c r="W28335">
        <v>27</v>
      </c>
      <c r="X28335">
        <v>28</v>
      </c>
      <c r="Y28335">
        <v>28</v>
      </c>
      <c r="Z28335">
        <v>28</v>
      </c>
      <c r="AA28335">
        <v>29</v>
      </c>
      <c r="AB28335">
        <v>29</v>
      </c>
      <c r="AC28335">
        <v>30</v>
      </c>
      <c r="AD28335">
        <v>30</v>
      </c>
      <c r="AE28335">
        <v>30</v>
      </c>
      <c r="AF28335">
        <v>31</v>
      </c>
      <c r="AG28335">
        <v>31</v>
      </c>
      <c r="AH28335">
        <v>32</v>
      </c>
      <c r="AI28335">
        <v>32</v>
      </c>
      <c r="AJ28335">
        <v>32</v>
      </c>
      <c r="AK28335">
        <v>33</v>
      </c>
      <c r="AL28335">
        <v>33</v>
      </c>
      <c r="AM28335">
        <v>34</v>
      </c>
      <c r="AN28335">
        <v>34</v>
      </c>
      <c r="AO28335">
        <v>34</v>
      </c>
      <c r="AP28335">
        <v>35</v>
      </c>
      <c r="AQ28335">
        <v>35</v>
      </c>
    </row>
    <row r="28336" spans="1:43">
      <c r="A28336" t="s">
        <v>17535</v>
      </c>
      <c r="B28336" t="s">
        <v>17536</v>
      </c>
      <c r="C28336" t="s">
        <v>17531</v>
      </c>
      <c r="D28336" t="s">
        <v>17532</v>
      </c>
      <c r="E28336" t="s">
        <v>17455</v>
      </c>
      <c r="F28336" t="s">
        <v>17456</v>
      </c>
      <c r="G28336" t="s">
        <v>16559</v>
      </c>
      <c r="H28336" t="s">
        <v>16560</v>
      </c>
      <c r="I28336" s="2">
        <v>1</v>
      </c>
      <c r="J28336" s="2">
        <v>0</v>
      </c>
      <c r="K28336" s="2">
        <v>0</v>
      </c>
      <c r="L28336" t="s">
        <v>120</v>
      </c>
      <c r="M28336" t="s">
        <v>89</v>
      </c>
      <c r="N28336" t="s">
        <v>90</v>
      </c>
      <c r="O28336" t="s">
        <v>85</v>
      </c>
      <c r="P28336" t="s">
        <v>86</v>
      </c>
      <c r="Q28336">
        <v>25</v>
      </c>
      <c r="R28336">
        <v>26</v>
      </c>
      <c r="S28336">
        <v>27</v>
      </c>
      <c r="T28336">
        <v>28</v>
      </c>
      <c r="U28336">
        <v>29</v>
      </c>
      <c r="V28336">
        <v>30</v>
      </c>
      <c r="W28336">
        <v>30</v>
      </c>
      <c r="X28336">
        <v>31</v>
      </c>
      <c r="Y28336">
        <v>32</v>
      </c>
      <c r="Z28336">
        <v>33</v>
      </c>
      <c r="AA28336">
        <v>34</v>
      </c>
      <c r="AB28336">
        <v>34</v>
      </c>
      <c r="AC28336">
        <v>35</v>
      </c>
      <c r="AD28336">
        <v>36</v>
      </c>
      <c r="AE28336">
        <v>37</v>
      </c>
      <c r="AF28336">
        <v>37</v>
      </c>
      <c r="AG28336">
        <v>37</v>
      </c>
      <c r="AH28336">
        <v>38</v>
      </c>
      <c r="AI28336">
        <v>38</v>
      </c>
      <c r="AJ28336">
        <v>38</v>
      </c>
      <c r="AK28336">
        <v>39</v>
      </c>
      <c r="AL28336">
        <v>39</v>
      </c>
      <c r="AM28336">
        <v>39</v>
      </c>
      <c r="AN28336">
        <v>40</v>
      </c>
      <c r="AO28336">
        <v>40</v>
      </c>
      <c r="AP28336">
        <v>40</v>
      </c>
      <c r="AQ28336">
        <v>41</v>
      </c>
    </row>
    <row r="28337" spans="1:43">
      <c r="A28337" t="s">
        <v>17535</v>
      </c>
      <c r="B28337" t="s">
        <v>17536</v>
      </c>
      <c r="C28337" t="s">
        <v>17531</v>
      </c>
      <c r="D28337" t="s">
        <v>17532</v>
      </c>
      <c r="E28337" t="s">
        <v>17455</v>
      </c>
      <c r="F28337" t="s">
        <v>17456</v>
      </c>
      <c r="G28337" t="s">
        <v>16559</v>
      </c>
      <c r="H28337" t="s">
        <v>16560</v>
      </c>
      <c r="I28337" s="2">
        <v>1</v>
      </c>
      <c r="J28337" s="2">
        <v>0</v>
      </c>
      <c r="K28337" s="2">
        <v>0</v>
      </c>
      <c r="L28337" t="s">
        <v>120</v>
      </c>
      <c r="M28337" t="s">
        <v>83</v>
      </c>
      <c r="N28337" t="s">
        <v>91</v>
      </c>
      <c r="O28337" t="s">
        <v>85</v>
      </c>
      <c r="P28337" t="s">
        <v>86</v>
      </c>
      <c r="Q28337">
        <v>25</v>
      </c>
      <c r="R28337">
        <v>26</v>
      </c>
      <c r="S28337">
        <v>26</v>
      </c>
      <c r="T28337">
        <v>27</v>
      </c>
      <c r="U28337">
        <v>28</v>
      </c>
      <c r="V28337">
        <v>28</v>
      </c>
      <c r="W28337">
        <v>29</v>
      </c>
      <c r="X28337">
        <v>30</v>
      </c>
      <c r="Y28337">
        <v>30</v>
      </c>
      <c r="Z28337">
        <v>31</v>
      </c>
      <c r="AA28337">
        <v>32</v>
      </c>
      <c r="AB28337">
        <v>32</v>
      </c>
      <c r="AC28337">
        <v>33</v>
      </c>
      <c r="AD28337">
        <v>34</v>
      </c>
      <c r="AE28337">
        <v>34</v>
      </c>
      <c r="AF28337">
        <v>35</v>
      </c>
      <c r="AG28337">
        <v>36</v>
      </c>
      <c r="AH28337">
        <v>36</v>
      </c>
      <c r="AI28337">
        <v>37</v>
      </c>
      <c r="AJ28337">
        <v>38</v>
      </c>
      <c r="AK28337">
        <v>38</v>
      </c>
      <c r="AL28337">
        <v>39</v>
      </c>
      <c r="AM28337">
        <v>39</v>
      </c>
      <c r="AN28337">
        <v>40</v>
      </c>
      <c r="AO28337">
        <v>40</v>
      </c>
      <c r="AP28337">
        <v>40</v>
      </c>
      <c r="AQ28337">
        <v>41</v>
      </c>
    </row>
    <row r="28338" spans="1:43">
      <c r="A28338" t="s">
        <v>17537</v>
      </c>
      <c r="B28338" t="s">
        <v>17538</v>
      </c>
      <c r="C28338" t="s">
        <v>17531</v>
      </c>
      <c r="D28338" t="s">
        <v>17532</v>
      </c>
      <c r="E28338" t="s">
        <v>17455</v>
      </c>
      <c r="F28338" t="s">
        <v>17456</v>
      </c>
      <c r="G28338" t="s">
        <v>16559</v>
      </c>
      <c r="H28338" t="s">
        <v>16560</v>
      </c>
      <c r="I28338" s="2">
        <v>1</v>
      </c>
      <c r="J28338" s="2">
        <v>0</v>
      </c>
      <c r="K28338" s="2">
        <v>0</v>
      </c>
      <c r="L28338" t="s">
        <v>120</v>
      </c>
      <c r="M28338" t="s">
        <v>83</v>
      </c>
      <c r="N28338" t="s">
        <v>84</v>
      </c>
      <c r="O28338" t="s">
        <v>85</v>
      </c>
      <c r="P28338" t="s">
        <v>86</v>
      </c>
      <c r="Q28338">
        <v>3</v>
      </c>
      <c r="R28338">
        <v>3</v>
      </c>
      <c r="S28338">
        <v>3</v>
      </c>
      <c r="T28338">
        <v>3</v>
      </c>
      <c r="U28338">
        <v>3</v>
      </c>
      <c r="V28338">
        <v>4</v>
      </c>
      <c r="W28338">
        <v>4</v>
      </c>
      <c r="X28338">
        <v>4</v>
      </c>
      <c r="Y28338">
        <v>4</v>
      </c>
      <c r="Z28338">
        <v>4</v>
      </c>
      <c r="AA28338">
        <v>4</v>
      </c>
      <c r="AB28338">
        <v>4</v>
      </c>
      <c r="AC28338">
        <v>4</v>
      </c>
      <c r="AD28338">
        <v>4</v>
      </c>
      <c r="AE28338">
        <v>4</v>
      </c>
      <c r="AF28338">
        <v>4</v>
      </c>
      <c r="AG28338">
        <v>4</v>
      </c>
      <c r="AH28338">
        <v>5</v>
      </c>
      <c r="AI28338">
        <v>5</v>
      </c>
      <c r="AJ28338">
        <v>5</v>
      </c>
      <c r="AK28338">
        <v>5</v>
      </c>
      <c r="AL28338">
        <v>5</v>
      </c>
      <c r="AM28338">
        <v>5</v>
      </c>
      <c r="AN28338">
        <v>5</v>
      </c>
      <c r="AO28338">
        <v>5</v>
      </c>
      <c r="AP28338">
        <v>5</v>
      </c>
      <c r="AQ28338">
        <v>5</v>
      </c>
    </row>
    <row r="28339" spans="1:43">
      <c r="A28339" t="s">
        <v>17537</v>
      </c>
      <c r="B28339" t="s">
        <v>17538</v>
      </c>
      <c r="C28339" t="s">
        <v>17531</v>
      </c>
      <c r="D28339" t="s">
        <v>17532</v>
      </c>
      <c r="E28339" t="s">
        <v>17455</v>
      </c>
      <c r="F28339" t="s">
        <v>17456</v>
      </c>
      <c r="G28339" t="s">
        <v>16559</v>
      </c>
      <c r="H28339" t="s">
        <v>16560</v>
      </c>
      <c r="I28339" s="2">
        <v>1</v>
      </c>
      <c r="J28339" s="2">
        <v>0</v>
      </c>
      <c r="K28339" s="2">
        <v>0</v>
      </c>
      <c r="L28339" t="s">
        <v>120</v>
      </c>
      <c r="M28339" t="s">
        <v>87</v>
      </c>
      <c r="N28339" t="s">
        <v>88</v>
      </c>
      <c r="O28339" t="s">
        <v>85</v>
      </c>
      <c r="P28339" t="s">
        <v>86</v>
      </c>
      <c r="Q28339">
        <v>3</v>
      </c>
      <c r="R28339">
        <v>3</v>
      </c>
      <c r="S28339">
        <v>3</v>
      </c>
      <c r="T28339">
        <v>3</v>
      </c>
      <c r="U28339">
        <v>3</v>
      </c>
      <c r="V28339">
        <v>3</v>
      </c>
      <c r="W28339">
        <v>3</v>
      </c>
      <c r="X28339">
        <v>3</v>
      </c>
      <c r="Y28339">
        <v>4</v>
      </c>
      <c r="Z28339">
        <v>4</v>
      </c>
      <c r="AA28339">
        <v>4</v>
      </c>
      <c r="AB28339">
        <v>4</v>
      </c>
      <c r="AC28339">
        <v>4</v>
      </c>
      <c r="AD28339">
        <v>4</v>
      </c>
      <c r="AE28339">
        <v>4</v>
      </c>
      <c r="AF28339">
        <v>4</v>
      </c>
      <c r="AG28339">
        <v>4</v>
      </c>
      <c r="AH28339">
        <v>4</v>
      </c>
      <c r="AI28339">
        <v>4</v>
      </c>
      <c r="AJ28339">
        <v>4</v>
      </c>
      <c r="AK28339">
        <v>4</v>
      </c>
      <c r="AL28339">
        <v>4</v>
      </c>
      <c r="AM28339">
        <v>4</v>
      </c>
      <c r="AN28339">
        <v>4</v>
      </c>
      <c r="AO28339">
        <v>4</v>
      </c>
      <c r="AP28339">
        <v>4</v>
      </c>
      <c r="AQ28339">
        <v>4</v>
      </c>
    </row>
    <row r="28340" spans="1:43">
      <c r="A28340" t="s">
        <v>17537</v>
      </c>
      <c r="B28340" t="s">
        <v>17538</v>
      </c>
      <c r="C28340" t="s">
        <v>17531</v>
      </c>
      <c r="D28340" t="s">
        <v>17532</v>
      </c>
      <c r="E28340" t="s">
        <v>17455</v>
      </c>
      <c r="F28340" t="s">
        <v>17456</v>
      </c>
      <c r="G28340" t="s">
        <v>16559</v>
      </c>
      <c r="H28340" t="s">
        <v>16560</v>
      </c>
      <c r="I28340" s="2">
        <v>1</v>
      </c>
      <c r="J28340" s="2">
        <v>0</v>
      </c>
      <c r="K28340" s="2">
        <v>0</v>
      </c>
      <c r="L28340" t="s">
        <v>120</v>
      </c>
      <c r="M28340" t="s">
        <v>89</v>
      </c>
      <c r="N28340" t="s">
        <v>90</v>
      </c>
      <c r="O28340" t="s">
        <v>85</v>
      </c>
      <c r="P28340" t="s">
        <v>86</v>
      </c>
      <c r="Q28340">
        <v>3</v>
      </c>
      <c r="R28340">
        <v>3</v>
      </c>
      <c r="S28340">
        <v>3</v>
      </c>
      <c r="T28340">
        <v>4</v>
      </c>
      <c r="U28340">
        <v>4</v>
      </c>
      <c r="V28340">
        <v>4</v>
      </c>
      <c r="W28340">
        <v>4</v>
      </c>
      <c r="X28340">
        <v>4</v>
      </c>
      <c r="Y28340">
        <v>4</v>
      </c>
      <c r="Z28340">
        <v>4</v>
      </c>
      <c r="AA28340">
        <v>4</v>
      </c>
      <c r="AB28340">
        <v>4</v>
      </c>
      <c r="AC28340">
        <v>4</v>
      </c>
      <c r="AD28340">
        <v>5</v>
      </c>
      <c r="AE28340">
        <v>5</v>
      </c>
      <c r="AF28340">
        <v>5</v>
      </c>
      <c r="AG28340">
        <v>5</v>
      </c>
      <c r="AH28340">
        <v>5</v>
      </c>
      <c r="AI28340">
        <v>5</v>
      </c>
      <c r="AJ28340">
        <v>5</v>
      </c>
      <c r="AK28340">
        <v>5</v>
      </c>
      <c r="AL28340">
        <v>5</v>
      </c>
      <c r="AM28340">
        <v>5</v>
      </c>
      <c r="AN28340">
        <v>5</v>
      </c>
      <c r="AO28340">
        <v>5</v>
      </c>
      <c r="AP28340">
        <v>5</v>
      </c>
      <c r="AQ28340">
        <v>5</v>
      </c>
    </row>
    <row r="28341" spans="1:43">
      <c r="A28341" t="s">
        <v>17537</v>
      </c>
      <c r="B28341" t="s">
        <v>17538</v>
      </c>
      <c r="C28341" t="s">
        <v>17531</v>
      </c>
      <c r="D28341" t="s">
        <v>17532</v>
      </c>
      <c r="E28341" t="s">
        <v>17455</v>
      </c>
      <c r="F28341" t="s">
        <v>17456</v>
      </c>
      <c r="G28341" t="s">
        <v>16559</v>
      </c>
      <c r="H28341" t="s">
        <v>16560</v>
      </c>
      <c r="I28341" s="2">
        <v>1</v>
      </c>
      <c r="J28341" s="2">
        <v>0</v>
      </c>
      <c r="K28341" s="2">
        <v>0</v>
      </c>
      <c r="L28341" t="s">
        <v>120</v>
      </c>
      <c r="M28341" t="s">
        <v>83</v>
      </c>
      <c r="N28341" t="s">
        <v>91</v>
      </c>
      <c r="O28341" t="s">
        <v>85</v>
      </c>
      <c r="P28341" t="s">
        <v>86</v>
      </c>
      <c r="Q28341">
        <v>3</v>
      </c>
      <c r="R28341">
        <v>3</v>
      </c>
      <c r="S28341">
        <v>3</v>
      </c>
      <c r="T28341">
        <v>3</v>
      </c>
      <c r="U28341">
        <v>3</v>
      </c>
      <c r="V28341">
        <v>4</v>
      </c>
      <c r="W28341">
        <v>4</v>
      </c>
      <c r="X28341">
        <v>4</v>
      </c>
      <c r="Y28341">
        <v>4</v>
      </c>
      <c r="Z28341">
        <v>4</v>
      </c>
      <c r="AA28341">
        <v>4</v>
      </c>
      <c r="AB28341">
        <v>4</v>
      </c>
      <c r="AC28341">
        <v>4</v>
      </c>
      <c r="AD28341">
        <v>4</v>
      </c>
      <c r="AE28341">
        <v>4</v>
      </c>
      <c r="AF28341">
        <v>4</v>
      </c>
      <c r="AG28341">
        <v>4</v>
      </c>
      <c r="AH28341">
        <v>5</v>
      </c>
      <c r="AI28341">
        <v>5</v>
      </c>
      <c r="AJ28341">
        <v>5</v>
      </c>
      <c r="AK28341">
        <v>5</v>
      </c>
      <c r="AL28341">
        <v>5</v>
      </c>
      <c r="AM28341">
        <v>5</v>
      </c>
      <c r="AN28341">
        <v>5</v>
      </c>
      <c r="AO28341">
        <v>5</v>
      </c>
      <c r="AP28341">
        <v>5</v>
      </c>
      <c r="AQ28341">
        <v>5</v>
      </c>
    </row>
    <row r="28342" spans="1:43">
      <c r="A28342" t="s">
        <v>17539</v>
      </c>
      <c r="B28342" t="s">
        <v>17540</v>
      </c>
      <c r="C28342" t="s">
        <v>17541</v>
      </c>
      <c r="D28342" t="s">
        <v>17542</v>
      </c>
      <c r="E28342" t="s">
        <v>17455</v>
      </c>
      <c r="F28342" t="s">
        <v>17456</v>
      </c>
      <c r="G28342" t="s">
        <v>16559</v>
      </c>
      <c r="H28342" t="s">
        <v>16560</v>
      </c>
      <c r="I28342" s="2">
        <v>1</v>
      </c>
      <c r="J28342" s="2">
        <v>0</v>
      </c>
      <c r="K28342" s="2">
        <v>0</v>
      </c>
      <c r="L28342" t="s">
        <v>120</v>
      </c>
      <c r="M28342" t="s">
        <v>83</v>
      </c>
      <c r="N28342" t="s">
        <v>84</v>
      </c>
      <c r="O28342" t="s">
        <v>85</v>
      </c>
      <c r="P28342" t="s">
        <v>86</v>
      </c>
      <c r="Q28342">
        <v>25</v>
      </c>
      <c r="R28342">
        <v>26</v>
      </c>
      <c r="S28342">
        <v>26</v>
      </c>
      <c r="T28342">
        <v>27</v>
      </c>
      <c r="U28342">
        <v>28</v>
      </c>
      <c r="V28342">
        <v>28</v>
      </c>
      <c r="W28342">
        <v>29</v>
      </c>
      <c r="X28342">
        <v>29</v>
      </c>
      <c r="Y28342">
        <v>30</v>
      </c>
      <c r="Z28342">
        <v>31</v>
      </c>
      <c r="AA28342">
        <v>31</v>
      </c>
      <c r="AB28342">
        <v>32</v>
      </c>
      <c r="AC28342">
        <v>33</v>
      </c>
      <c r="AD28342">
        <v>33</v>
      </c>
      <c r="AE28342">
        <v>34</v>
      </c>
      <c r="AF28342">
        <v>35</v>
      </c>
      <c r="AG28342">
        <v>35</v>
      </c>
      <c r="AH28342">
        <v>36</v>
      </c>
      <c r="AI28342">
        <v>37</v>
      </c>
      <c r="AJ28342">
        <v>37</v>
      </c>
      <c r="AK28342">
        <v>38</v>
      </c>
      <c r="AL28342">
        <v>38</v>
      </c>
      <c r="AM28342">
        <v>39</v>
      </c>
      <c r="AN28342">
        <v>39</v>
      </c>
      <c r="AO28342">
        <v>39</v>
      </c>
      <c r="AP28342">
        <v>40</v>
      </c>
      <c r="AQ28342">
        <v>40</v>
      </c>
    </row>
    <row r="28343" spans="1:43">
      <c r="A28343" t="s">
        <v>17539</v>
      </c>
      <c r="B28343" t="s">
        <v>17540</v>
      </c>
      <c r="C28343" t="s">
        <v>17541</v>
      </c>
      <c r="D28343" t="s">
        <v>17542</v>
      </c>
      <c r="E28343" t="s">
        <v>17455</v>
      </c>
      <c r="F28343" t="s">
        <v>17456</v>
      </c>
      <c r="G28343" t="s">
        <v>16559</v>
      </c>
      <c r="H28343" t="s">
        <v>16560</v>
      </c>
      <c r="I28343" s="2">
        <v>1</v>
      </c>
      <c r="J28343" s="2">
        <v>0</v>
      </c>
      <c r="K28343" s="2">
        <v>0</v>
      </c>
      <c r="L28343" t="s">
        <v>120</v>
      </c>
      <c r="M28343" t="s">
        <v>87</v>
      </c>
      <c r="N28343" t="s">
        <v>88</v>
      </c>
      <c r="O28343" t="s">
        <v>85</v>
      </c>
      <c r="P28343" t="s">
        <v>86</v>
      </c>
      <c r="Q28343">
        <v>25</v>
      </c>
      <c r="R28343">
        <v>25</v>
      </c>
      <c r="S28343">
        <v>26</v>
      </c>
      <c r="T28343">
        <v>26</v>
      </c>
      <c r="U28343">
        <v>26</v>
      </c>
      <c r="V28343">
        <v>27</v>
      </c>
      <c r="W28343">
        <v>27</v>
      </c>
      <c r="X28343">
        <v>27</v>
      </c>
      <c r="Y28343">
        <v>28</v>
      </c>
      <c r="Z28343">
        <v>28</v>
      </c>
      <c r="AA28343">
        <v>29</v>
      </c>
      <c r="AB28343">
        <v>29</v>
      </c>
      <c r="AC28343">
        <v>29</v>
      </c>
      <c r="AD28343">
        <v>30</v>
      </c>
      <c r="AE28343">
        <v>30</v>
      </c>
      <c r="AF28343">
        <v>30</v>
      </c>
      <c r="AG28343">
        <v>31</v>
      </c>
      <c r="AH28343">
        <v>31</v>
      </c>
      <c r="AI28343">
        <v>32</v>
      </c>
      <c r="AJ28343">
        <v>32</v>
      </c>
      <c r="AK28343">
        <v>32</v>
      </c>
      <c r="AL28343">
        <v>33</v>
      </c>
      <c r="AM28343">
        <v>33</v>
      </c>
      <c r="AN28343">
        <v>33</v>
      </c>
      <c r="AO28343">
        <v>34</v>
      </c>
      <c r="AP28343">
        <v>34</v>
      </c>
      <c r="AQ28343">
        <v>35</v>
      </c>
    </row>
    <row r="28344" spans="1:43">
      <c r="A28344" t="s">
        <v>17539</v>
      </c>
      <c r="B28344" t="s">
        <v>17540</v>
      </c>
      <c r="C28344" t="s">
        <v>17541</v>
      </c>
      <c r="D28344" t="s">
        <v>17542</v>
      </c>
      <c r="E28344" t="s">
        <v>17455</v>
      </c>
      <c r="F28344" t="s">
        <v>17456</v>
      </c>
      <c r="G28344" t="s">
        <v>16559</v>
      </c>
      <c r="H28344" t="s">
        <v>16560</v>
      </c>
      <c r="I28344" s="2">
        <v>1</v>
      </c>
      <c r="J28344" s="2">
        <v>0</v>
      </c>
      <c r="K28344" s="2">
        <v>0</v>
      </c>
      <c r="L28344" t="s">
        <v>120</v>
      </c>
      <c r="M28344" t="s">
        <v>89</v>
      </c>
      <c r="N28344" t="s">
        <v>90</v>
      </c>
      <c r="O28344" t="s">
        <v>85</v>
      </c>
      <c r="P28344" t="s">
        <v>86</v>
      </c>
      <c r="Q28344">
        <v>25</v>
      </c>
      <c r="R28344">
        <v>26</v>
      </c>
      <c r="S28344">
        <v>27</v>
      </c>
      <c r="T28344">
        <v>28</v>
      </c>
      <c r="U28344">
        <v>29</v>
      </c>
      <c r="V28344">
        <v>29</v>
      </c>
      <c r="W28344">
        <v>30</v>
      </c>
      <c r="X28344">
        <v>31</v>
      </c>
      <c r="Y28344">
        <v>32</v>
      </c>
      <c r="Z28344">
        <v>33</v>
      </c>
      <c r="AA28344">
        <v>33</v>
      </c>
      <c r="AB28344">
        <v>34</v>
      </c>
      <c r="AC28344">
        <v>35</v>
      </c>
      <c r="AD28344">
        <v>36</v>
      </c>
      <c r="AE28344">
        <v>36</v>
      </c>
      <c r="AF28344">
        <v>37</v>
      </c>
      <c r="AG28344">
        <v>37</v>
      </c>
      <c r="AH28344">
        <v>37</v>
      </c>
      <c r="AI28344">
        <v>38</v>
      </c>
      <c r="AJ28344">
        <v>38</v>
      </c>
      <c r="AK28344">
        <v>38</v>
      </c>
      <c r="AL28344">
        <v>39</v>
      </c>
      <c r="AM28344">
        <v>39</v>
      </c>
      <c r="AN28344">
        <v>39</v>
      </c>
      <c r="AO28344">
        <v>40</v>
      </c>
      <c r="AP28344">
        <v>40</v>
      </c>
      <c r="AQ28344">
        <v>40</v>
      </c>
    </row>
    <row r="28345" spans="1:43">
      <c r="A28345" t="s">
        <v>17539</v>
      </c>
      <c r="B28345" t="s">
        <v>17540</v>
      </c>
      <c r="C28345" t="s">
        <v>17541</v>
      </c>
      <c r="D28345" t="s">
        <v>17542</v>
      </c>
      <c r="E28345" t="s">
        <v>17455</v>
      </c>
      <c r="F28345" t="s">
        <v>17456</v>
      </c>
      <c r="G28345" t="s">
        <v>16559</v>
      </c>
      <c r="H28345" t="s">
        <v>16560</v>
      </c>
      <c r="I28345" s="2">
        <v>1</v>
      </c>
      <c r="J28345" s="2">
        <v>0</v>
      </c>
      <c r="K28345" s="2">
        <v>0</v>
      </c>
      <c r="L28345" t="s">
        <v>120</v>
      </c>
      <c r="M28345" t="s">
        <v>83</v>
      </c>
      <c r="N28345" t="s">
        <v>91</v>
      </c>
      <c r="O28345" t="s">
        <v>85</v>
      </c>
      <c r="P28345" t="s">
        <v>86</v>
      </c>
      <c r="Q28345">
        <v>25</v>
      </c>
      <c r="R28345">
        <v>26</v>
      </c>
      <c r="S28345">
        <v>26</v>
      </c>
      <c r="T28345">
        <v>27</v>
      </c>
      <c r="U28345">
        <v>28</v>
      </c>
      <c r="V28345">
        <v>28</v>
      </c>
      <c r="W28345">
        <v>29</v>
      </c>
      <c r="X28345">
        <v>29</v>
      </c>
      <c r="Y28345">
        <v>30</v>
      </c>
      <c r="Z28345">
        <v>31</v>
      </c>
      <c r="AA28345">
        <v>31</v>
      </c>
      <c r="AB28345">
        <v>32</v>
      </c>
      <c r="AC28345">
        <v>33</v>
      </c>
      <c r="AD28345">
        <v>33</v>
      </c>
      <c r="AE28345">
        <v>34</v>
      </c>
      <c r="AF28345">
        <v>35</v>
      </c>
      <c r="AG28345">
        <v>35</v>
      </c>
      <c r="AH28345">
        <v>36</v>
      </c>
      <c r="AI28345">
        <v>37</v>
      </c>
      <c r="AJ28345">
        <v>37</v>
      </c>
      <c r="AK28345">
        <v>38</v>
      </c>
      <c r="AL28345">
        <v>38</v>
      </c>
      <c r="AM28345">
        <v>39</v>
      </c>
      <c r="AN28345">
        <v>39</v>
      </c>
      <c r="AO28345">
        <v>39</v>
      </c>
      <c r="AP28345">
        <v>40</v>
      </c>
      <c r="AQ28345">
        <v>40</v>
      </c>
    </row>
    <row r="28346" spans="1:43">
      <c r="A28346" t="s">
        <v>17543</v>
      </c>
      <c r="B28346" t="s">
        <v>17544</v>
      </c>
      <c r="C28346" t="s">
        <v>17541</v>
      </c>
      <c r="D28346" t="s">
        <v>17542</v>
      </c>
      <c r="E28346" t="s">
        <v>17455</v>
      </c>
      <c r="F28346" t="s">
        <v>17456</v>
      </c>
      <c r="G28346" t="s">
        <v>16559</v>
      </c>
      <c r="H28346" t="s">
        <v>16560</v>
      </c>
      <c r="I28346" s="2">
        <v>1</v>
      </c>
      <c r="J28346" s="2">
        <v>0</v>
      </c>
      <c r="K28346" s="2">
        <v>0</v>
      </c>
      <c r="L28346" t="s">
        <v>120</v>
      </c>
      <c r="M28346" t="s">
        <v>83</v>
      </c>
      <c r="N28346" t="s">
        <v>84</v>
      </c>
      <c r="O28346" t="s">
        <v>85</v>
      </c>
      <c r="P28346" t="s">
        <v>86</v>
      </c>
      <c r="Q28346">
        <v>25</v>
      </c>
      <c r="R28346">
        <v>26</v>
      </c>
      <c r="S28346">
        <v>27</v>
      </c>
      <c r="T28346">
        <v>27</v>
      </c>
      <c r="U28346">
        <v>28</v>
      </c>
      <c r="V28346">
        <v>28</v>
      </c>
      <c r="W28346">
        <v>29</v>
      </c>
      <c r="X28346">
        <v>30</v>
      </c>
      <c r="Y28346">
        <v>30</v>
      </c>
      <c r="Z28346">
        <v>31</v>
      </c>
      <c r="AA28346">
        <v>31</v>
      </c>
      <c r="AB28346">
        <v>32</v>
      </c>
      <c r="AC28346">
        <v>33</v>
      </c>
      <c r="AD28346">
        <v>33</v>
      </c>
      <c r="AE28346">
        <v>34</v>
      </c>
      <c r="AF28346">
        <v>35</v>
      </c>
      <c r="AG28346">
        <v>35</v>
      </c>
      <c r="AH28346">
        <v>36</v>
      </c>
      <c r="AI28346">
        <v>37</v>
      </c>
      <c r="AJ28346">
        <v>37</v>
      </c>
      <c r="AK28346">
        <v>38</v>
      </c>
      <c r="AL28346">
        <v>38</v>
      </c>
      <c r="AM28346">
        <v>39</v>
      </c>
      <c r="AN28346">
        <v>39</v>
      </c>
      <c r="AO28346">
        <v>39</v>
      </c>
      <c r="AP28346">
        <v>40</v>
      </c>
      <c r="AQ28346">
        <v>40</v>
      </c>
    </row>
    <row r="28347" spans="1:43">
      <c r="A28347" t="s">
        <v>17543</v>
      </c>
      <c r="B28347" t="s">
        <v>17544</v>
      </c>
      <c r="C28347" t="s">
        <v>17541</v>
      </c>
      <c r="D28347" t="s">
        <v>17542</v>
      </c>
      <c r="E28347" t="s">
        <v>17455</v>
      </c>
      <c r="F28347" t="s">
        <v>17456</v>
      </c>
      <c r="G28347" t="s">
        <v>16559</v>
      </c>
      <c r="H28347" t="s">
        <v>16560</v>
      </c>
      <c r="I28347" s="2">
        <v>1</v>
      </c>
      <c r="J28347" s="2">
        <v>0</v>
      </c>
      <c r="K28347" s="2">
        <v>0</v>
      </c>
      <c r="L28347" t="s">
        <v>120</v>
      </c>
      <c r="M28347" t="s">
        <v>87</v>
      </c>
      <c r="N28347" t="s">
        <v>88</v>
      </c>
      <c r="O28347" t="s">
        <v>85</v>
      </c>
      <c r="P28347" t="s">
        <v>86</v>
      </c>
      <c r="Q28347">
        <v>25</v>
      </c>
      <c r="R28347">
        <v>25</v>
      </c>
      <c r="S28347">
        <v>26</v>
      </c>
      <c r="T28347">
        <v>26</v>
      </c>
      <c r="U28347">
        <v>27</v>
      </c>
      <c r="V28347">
        <v>27</v>
      </c>
      <c r="W28347">
        <v>27</v>
      </c>
      <c r="X28347">
        <v>28</v>
      </c>
      <c r="Y28347">
        <v>28</v>
      </c>
      <c r="Z28347">
        <v>28</v>
      </c>
      <c r="AA28347">
        <v>29</v>
      </c>
      <c r="AB28347">
        <v>29</v>
      </c>
      <c r="AC28347">
        <v>29</v>
      </c>
      <c r="AD28347">
        <v>30</v>
      </c>
      <c r="AE28347">
        <v>30</v>
      </c>
      <c r="AF28347">
        <v>31</v>
      </c>
      <c r="AG28347">
        <v>31</v>
      </c>
      <c r="AH28347">
        <v>31</v>
      </c>
      <c r="AI28347">
        <v>32</v>
      </c>
      <c r="AJ28347">
        <v>32</v>
      </c>
      <c r="AK28347">
        <v>32</v>
      </c>
      <c r="AL28347">
        <v>33</v>
      </c>
      <c r="AM28347">
        <v>33</v>
      </c>
      <c r="AN28347">
        <v>34</v>
      </c>
      <c r="AO28347">
        <v>34</v>
      </c>
      <c r="AP28347">
        <v>34</v>
      </c>
      <c r="AQ28347">
        <v>35</v>
      </c>
    </row>
    <row r="28348" spans="1:43">
      <c r="A28348" t="s">
        <v>17543</v>
      </c>
      <c r="B28348" t="s">
        <v>17544</v>
      </c>
      <c r="C28348" t="s">
        <v>17541</v>
      </c>
      <c r="D28348" t="s">
        <v>17542</v>
      </c>
      <c r="E28348" t="s">
        <v>17455</v>
      </c>
      <c r="F28348" t="s">
        <v>17456</v>
      </c>
      <c r="G28348" t="s">
        <v>16559</v>
      </c>
      <c r="H28348" t="s">
        <v>16560</v>
      </c>
      <c r="I28348" s="2">
        <v>1</v>
      </c>
      <c r="J28348" s="2">
        <v>0</v>
      </c>
      <c r="K28348" s="2">
        <v>0</v>
      </c>
      <c r="L28348" t="s">
        <v>120</v>
      </c>
      <c r="M28348" t="s">
        <v>89</v>
      </c>
      <c r="N28348" t="s">
        <v>90</v>
      </c>
      <c r="O28348" t="s">
        <v>85</v>
      </c>
      <c r="P28348" t="s">
        <v>86</v>
      </c>
      <c r="Q28348">
        <v>25</v>
      </c>
      <c r="R28348">
        <v>25</v>
      </c>
      <c r="S28348">
        <v>26</v>
      </c>
      <c r="T28348">
        <v>27</v>
      </c>
      <c r="U28348">
        <v>28</v>
      </c>
      <c r="V28348">
        <v>29</v>
      </c>
      <c r="W28348">
        <v>29</v>
      </c>
      <c r="X28348">
        <v>30</v>
      </c>
      <c r="Y28348">
        <v>31</v>
      </c>
      <c r="Z28348">
        <v>32</v>
      </c>
      <c r="AA28348">
        <v>32</v>
      </c>
      <c r="AB28348">
        <v>33</v>
      </c>
      <c r="AC28348">
        <v>34</v>
      </c>
      <c r="AD28348">
        <v>35</v>
      </c>
      <c r="AE28348">
        <v>35</v>
      </c>
      <c r="AF28348">
        <v>36</v>
      </c>
      <c r="AG28348">
        <v>36</v>
      </c>
      <c r="AH28348">
        <v>36</v>
      </c>
      <c r="AI28348">
        <v>37</v>
      </c>
      <c r="AJ28348">
        <v>37</v>
      </c>
      <c r="AK28348">
        <v>37</v>
      </c>
      <c r="AL28348">
        <v>38</v>
      </c>
      <c r="AM28348">
        <v>38</v>
      </c>
      <c r="AN28348">
        <v>38</v>
      </c>
      <c r="AO28348">
        <v>39</v>
      </c>
      <c r="AP28348">
        <v>39</v>
      </c>
      <c r="AQ28348">
        <v>39</v>
      </c>
    </row>
    <row r="28349" spans="1:43">
      <c r="A28349" t="s">
        <v>17543</v>
      </c>
      <c r="B28349" t="s">
        <v>17544</v>
      </c>
      <c r="C28349" t="s">
        <v>17541</v>
      </c>
      <c r="D28349" t="s">
        <v>17542</v>
      </c>
      <c r="E28349" t="s">
        <v>17455</v>
      </c>
      <c r="F28349" t="s">
        <v>17456</v>
      </c>
      <c r="G28349" t="s">
        <v>16559</v>
      </c>
      <c r="H28349" t="s">
        <v>16560</v>
      </c>
      <c r="I28349" s="2">
        <v>1</v>
      </c>
      <c r="J28349" s="2">
        <v>0</v>
      </c>
      <c r="K28349" s="2">
        <v>0</v>
      </c>
      <c r="L28349" t="s">
        <v>120</v>
      </c>
      <c r="M28349" t="s">
        <v>83</v>
      </c>
      <c r="N28349" t="s">
        <v>91</v>
      </c>
      <c r="O28349" t="s">
        <v>85</v>
      </c>
      <c r="P28349" t="s">
        <v>86</v>
      </c>
      <c r="Q28349">
        <v>25</v>
      </c>
      <c r="R28349">
        <v>26</v>
      </c>
      <c r="S28349">
        <v>27</v>
      </c>
      <c r="T28349">
        <v>27</v>
      </c>
      <c r="U28349">
        <v>28</v>
      </c>
      <c r="V28349">
        <v>28</v>
      </c>
      <c r="W28349">
        <v>29</v>
      </c>
      <c r="X28349">
        <v>30</v>
      </c>
      <c r="Y28349">
        <v>30</v>
      </c>
      <c r="Z28349">
        <v>31</v>
      </c>
      <c r="AA28349">
        <v>31</v>
      </c>
      <c r="AB28349">
        <v>32</v>
      </c>
      <c r="AC28349">
        <v>33</v>
      </c>
      <c r="AD28349">
        <v>33</v>
      </c>
      <c r="AE28349">
        <v>34</v>
      </c>
      <c r="AF28349">
        <v>35</v>
      </c>
      <c r="AG28349">
        <v>35</v>
      </c>
      <c r="AH28349">
        <v>36</v>
      </c>
      <c r="AI28349">
        <v>37</v>
      </c>
      <c r="AJ28349">
        <v>37</v>
      </c>
      <c r="AK28349">
        <v>38</v>
      </c>
      <c r="AL28349">
        <v>38</v>
      </c>
      <c r="AM28349">
        <v>39</v>
      </c>
      <c r="AN28349">
        <v>39</v>
      </c>
      <c r="AO28349">
        <v>39</v>
      </c>
      <c r="AP28349">
        <v>40</v>
      </c>
      <c r="AQ28349">
        <v>40</v>
      </c>
    </row>
    <row r="28350" spans="1:43">
      <c r="A28350" t="s">
        <v>17545</v>
      </c>
      <c r="B28350" t="s">
        <v>17546</v>
      </c>
      <c r="C28350" t="s">
        <v>17541</v>
      </c>
      <c r="D28350" t="s">
        <v>17542</v>
      </c>
      <c r="E28350" t="s">
        <v>17455</v>
      </c>
      <c r="F28350" t="s">
        <v>17456</v>
      </c>
      <c r="G28350" t="s">
        <v>16559</v>
      </c>
      <c r="H28350" t="s">
        <v>16560</v>
      </c>
      <c r="I28350" s="2">
        <v>1</v>
      </c>
      <c r="J28350" s="2">
        <v>0</v>
      </c>
      <c r="K28350" s="2">
        <v>0</v>
      </c>
      <c r="L28350" t="s">
        <v>120</v>
      </c>
      <c r="M28350" t="s">
        <v>83</v>
      </c>
      <c r="N28350" t="s">
        <v>84</v>
      </c>
      <c r="O28350" t="s">
        <v>85</v>
      </c>
      <c r="P28350" t="s">
        <v>86</v>
      </c>
      <c r="Q28350">
        <v>211</v>
      </c>
      <c r="R28350">
        <v>216</v>
      </c>
      <c r="S28350">
        <v>221</v>
      </c>
      <c r="T28350">
        <v>226</v>
      </c>
      <c r="U28350">
        <v>231</v>
      </c>
      <c r="V28350">
        <v>236</v>
      </c>
      <c r="W28350">
        <v>242</v>
      </c>
      <c r="X28350">
        <v>247</v>
      </c>
      <c r="Y28350">
        <v>252</v>
      </c>
      <c r="Z28350">
        <v>257</v>
      </c>
      <c r="AA28350">
        <v>262</v>
      </c>
      <c r="AB28350">
        <v>268</v>
      </c>
      <c r="AC28350">
        <v>273</v>
      </c>
      <c r="AD28350">
        <v>278</v>
      </c>
      <c r="AE28350">
        <v>284</v>
      </c>
      <c r="AF28350">
        <v>289</v>
      </c>
      <c r="AG28350">
        <v>295</v>
      </c>
      <c r="AH28350">
        <v>300</v>
      </c>
      <c r="AI28350">
        <v>306</v>
      </c>
      <c r="AJ28350">
        <v>312</v>
      </c>
      <c r="AK28350">
        <v>317</v>
      </c>
      <c r="AL28350">
        <v>321</v>
      </c>
      <c r="AM28350">
        <v>324</v>
      </c>
      <c r="AN28350">
        <v>327</v>
      </c>
      <c r="AO28350">
        <v>329</v>
      </c>
      <c r="AP28350">
        <v>332</v>
      </c>
      <c r="AQ28350">
        <v>335</v>
      </c>
    </row>
    <row r="28351" spans="1:43">
      <c r="A28351" t="s">
        <v>17545</v>
      </c>
      <c r="B28351" t="s">
        <v>17546</v>
      </c>
      <c r="C28351" t="s">
        <v>17541</v>
      </c>
      <c r="D28351" t="s">
        <v>17542</v>
      </c>
      <c r="E28351" t="s">
        <v>17455</v>
      </c>
      <c r="F28351" t="s">
        <v>17456</v>
      </c>
      <c r="G28351" t="s">
        <v>16559</v>
      </c>
      <c r="H28351" t="s">
        <v>16560</v>
      </c>
      <c r="I28351" s="2">
        <v>1</v>
      </c>
      <c r="J28351" s="2">
        <v>0</v>
      </c>
      <c r="K28351" s="2">
        <v>0</v>
      </c>
      <c r="L28351" t="s">
        <v>120</v>
      </c>
      <c r="M28351" t="s">
        <v>87</v>
      </c>
      <c r="N28351" t="s">
        <v>88</v>
      </c>
      <c r="O28351" t="s">
        <v>85</v>
      </c>
      <c r="P28351" t="s">
        <v>86</v>
      </c>
      <c r="Q28351">
        <v>211</v>
      </c>
      <c r="R28351">
        <v>214</v>
      </c>
      <c r="S28351">
        <v>217</v>
      </c>
      <c r="T28351">
        <v>220</v>
      </c>
      <c r="U28351">
        <v>223</v>
      </c>
      <c r="V28351">
        <v>226</v>
      </c>
      <c r="W28351">
        <v>229</v>
      </c>
      <c r="X28351">
        <v>232</v>
      </c>
      <c r="Y28351">
        <v>235</v>
      </c>
      <c r="Z28351">
        <v>238</v>
      </c>
      <c r="AA28351">
        <v>241</v>
      </c>
      <c r="AB28351">
        <v>244</v>
      </c>
      <c r="AC28351">
        <v>248</v>
      </c>
      <c r="AD28351">
        <v>251</v>
      </c>
      <c r="AE28351">
        <v>254</v>
      </c>
      <c r="AF28351">
        <v>257</v>
      </c>
      <c r="AG28351">
        <v>260</v>
      </c>
      <c r="AH28351">
        <v>263</v>
      </c>
      <c r="AI28351">
        <v>267</v>
      </c>
      <c r="AJ28351">
        <v>270</v>
      </c>
      <c r="AK28351">
        <v>273</v>
      </c>
      <c r="AL28351">
        <v>276</v>
      </c>
      <c r="AM28351">
        <v>279</v>
      </c>
      <c r="AN28351">
        <v>283</v>
      </c>
      <c r="AO28351">
        <v>286</v>
      </c>
      <c r="AP28351">
        <v>289</v>
      </c>
      <c r="AQ28351">
        <v>293</v>
      </c>
    </row>
    <row r="28352" spans="1:43">
      <c r="A28352" t="s">
        <v>17545</v>
      </c>
      <c r="B28352" t="s">
        <v>17546</v>
      </c>
      <c r="C28352" t="s">
        <v>17541</v>
      </c>
      <c r="D28352" t="s">
        <v>17542</v>
      </c>
      <c r="E28352" t="s">
        <v>17455</v>
      </c>
      <c r="F28352" t="s">
        <v>17456</v>
      </c>
      <c r="G28352" t="s">
        <v>16559</v>
      </c>
      <c r="H28352" t="s">
        <v>16560</v>
      </c>
      <c r="I28352" s="2">
        <v>1</v>
      </c>
      <c r="J28352" s="2">
        <v>0</v>
      </c>
      <c r="K28352" s="2">
        <v>0</v>
      </c>
      <c r="L28352" t="s">
        <v>120</v>
      </c>
      <c r="M28352" t="s">
        <v>89</v>
      </c>
      <c r="N28352" t="s">
        <v>90</v>
      </c>
      <c r="O28352" t="s">
        <v>85</v>
      </c>
      <c r="P28352" t="s">
        <v>86</v>
      </c>
      <c r="Q28352">
        <v>211</v>
      </c>
      <c r="R28352">
        <v>218</v>
      </c>
      <c r="S28352">
        <v>225</v>
      </c>
      <c r="T28352">
        <v>232</v>
      </c>
      <c r="U28352">
        <v>238</v>
      </c>
      <c r="V28352">
        <v>245</v>
      </c>
      <c r="W28352">
        <v>251</v>
      </c>
      <c r="X28352">
        <v>258</v>
      </c>
      <c r="Y28352">
        <v>264</v>
      </c>
      <c r="Z28352">
        <v>271</v>
      </c>
      <c r="AA28352">
        <v>277</v>
      </c>
      <c r="AB28352">
        <v>284</v>
      </c>
      <c r="AC28352">
        <v>291</v>
      </c>
      <c r="AD28352">
        <v>297</v>
      </c>
      <c r="AE28352">
        <v>302</v>
      </c>
      <c r="AF28352">
        <v>305</v>
      </c>
      <c r="AG28352">
        <v>308</v>
      </c>
      <c r="AH28352">
        <v>311</v>
      </c>
      <c r="AI28352">
        <v>313</v>
      </c>
      <c r="AJ28352">
        <v>316</v>
      </c>
      <c r="AK28352">
        <v>319</v>
      </c>
      <c r="AL28352">
        <v>322</v>
      </c>
      <c r="AM28352">
        <v>324</v>
      </c>
      <c r="AN28352">
        <v>327</v>
      </c>
      <c r="AO28352">
        <v>329</v>
      </c>
      <c r="AP28352">
        <v>332</v>
      </c>
      <c r="AQ28352">
        <v>335</v>
      </c>
    </row>
    <row r="28353" spans="1:43">
      <c r="A28353" t="s">
        <v>17545</v>
      </c>
      <c r="B28353" t="s">
        <v>17546</v>
      </c>
      <c r="C28353" t="s">
        <v>17541</v>
      </c>
      <c r="D28353" t="s">
        <v>17542</v>
      </c>
      <c r="E28353" t="s">
        <v>17455</v>
      </c>
      <c r="F28353" t="s">
        <v>17456</v>
      </c>
      <c r="G28353" t="s">
        <v>16559</v>
      </c>
      <c r="H28353" t="s">
        <v>16560</v>
      </c>
      <c r="I28353" s="2">
        <v>1</v>
      </c>
      <c r="J28353" s="2">
        <v>0</v>
      </c>
      <c r="K28353" s="2">
        <v>0</v>
      </c>
      <c r="L28353" t="s">
        <v>120</v>
      </c>
      <c r="M28353" t="s">
        <v>83</v>
      </c>
      <c r="N28353" t="s">
        <v>91</v>
      </c>
      <c r="O28353" t="s">
        <v>85</v>
      </c>
      <c r="P28353" t="s">
        <v>86</v>
      </c>
      <c r="Q28353">
        <v>211</v>
      </c>
      <c r="R28353">
        <v>216</v>
      </c>
      <c r="S28353">
        <v>221</v>
      </c>
      <c r="T28353">
        <v>226</v>
      </c>
      <c r="U28353">
        <v>231</v>
      </c>
      <c r="V28353">
        <v>236</v>
      </c>
      <c r="W28353">
        <v>242</v>
      </c>
      <c r="X28353">
        <v>247</v>
      </c>
      <c r="Y28353">
        <v>252</v>
      </c>
      <c r="Z28353">
        <v>257</v>
      </c>
      <c r="AA28353">
        <v>262</v>
      </c>
      <c r="AB28353">
        <v>268</v>
      </c>
      <c r="AC28353">
        <v>273</v>
      </c>
      <c r="AD28353">
        <v>278</v>
      </c>
      <c r="AE28353">
        <v>284</v>
      </c>
      <c r="AF28353">
        <v>289</v>
      </c>
      <c r="AG28353">
        <v>295</v>
      </c>
      <c r="AH28353">
        <v>300</v>
      </c>
      <c r="AI28353">
        <v>306</v>
      </c>
      <c r="AJ28353">
        <v>312</v>
      </c>
      <c r="AK28353">
        <v>317</v>
      </c>
      <c r="AL28353">
        <v>321</v>
      </c>
      <c r="AM28353">
        <v>324</v>
      </c>
      <c r="AN28353">
        <v>327</v>
      </c>
      <c r="AO28353">
        <v>329</v>
      </c>
      <c r="AP28353">
        <v>332</v>
      </c>
      <c r="AQ28353">
        <v>335</v>
      </c>
    </row>
    <row r="28354" spans="1:43">
      <c r="A28354" t="s">
        <v>17547</v>
      </c>
      <c r="B28354" t="s">
        <v>17548</v>
      </c>
      <c r="C28354" t="s">
        <v>17541</v>
      </c>
      <c r="D28354" t="s">
        <v>17542</v>
      </c>
      <c r="E28354" t="s">
        <v>17455</v>
      </c>
      <c r="F28354" t="s">
        <v>17456</v>
      </c>
      <c r="G28354" t="s">
        <v>16559</v>
      </c>
      <c r="H28354" t="s">
        <v>16560</v>
      </c>
      <c r="I28354" s="2">
        <v>1</v>
      </c>
      <c r="J28354" s="2">
        <v>0</v>
      </c>
      <c r="K28354" s="2">
        <v>0</v>
      </c>
      <c r="L28354" t="s">
        <v>120</v>
      </c>
      <c r="M28354" t="s">
        <v>83</v>
      </c>
      <c r="N28354" t="s">
        <v>84</v>
      </c>
      <c r="O28354" t="s">
        <v>85</v>
      </c>
      <c r="P28354" t="s">
        <v>86</v>
      </c>
      <c r="Q28354">
        <v>23</v>
      </c>
      <c r="R28354">
        <v>24</v>
      </c>
      <c r="S28354">
        <v>24</v>
      </c>
      <c r="T28354">
        <v>25</v>
      </c>
      <c r="U28354">
        <v>25</v>
      </c>
      <c r="V28354">
        <v>26</v>
      </c>
      <c r="W28354">
        <v>27</v>
      </c>
      <c r="X28354">
        <v>27</v>
      </c>
      <c r="Y28354">
        <v>28</v>
      </c>
      <c r="Z28354">
        <v>29</v>
      </c>
      <c r="AA28354">
        <v>29</v>
      </c>
      <c r="AB28354">
        <v>30</v>
      </c>
      <c r="AC28354">
        <v>30</v>
      </c>
      <c r="AD28354">
        <v>31</v>
      </c>
      <c r="AE28354">
        <v>32</v>
      </c>
      <c r="AF28354">
        <v>32</v>
      </c>
      <c r="AG28354">
        <v>33</v>
      </c>
      <c r="AH28354">
        <v>34</v>
      </c>
      <c r="AI28354">
        <v>34</v>
      </c>
      <c r="AJ28354">
        <v>35</v>
      </c>
      <c r="AK28354">
        <v>36</v>
      </c>
      <c r="AL28354">
        <v>36</v>
      </c>
      <c r="AM28354">
        <v>36</v>
      </c>
      <c r="AN28354">
        <v>37</v>
      </c>
      <c r="AO28354">
        <v>37</v>
      </c>
      <c r="AP28354">
        <v>37</v>
      </c>
      <c r="AQ28354">
        <v>38</v>
      </c>
    </row>
    <row r="28355" spans="1:43">
      <c r="A28355" t="s">
        <v>17547</v>
      </c>
      <c r="B28355" t="s">
        <v>17548</v>
      </c>
      <c r="C28355" t="s">
        <v>17541</v>
      </c>
      <c r="D28355" t="s">
        <v>17542</v>
      </c>
      <c r="E28355" t="s">
        <v>17455</v>
      </c>
      <c r="F28355" t="s">
        <v>17456</v>
      </c>
      <c r="G28355" t="s">
        <v>16559</v>
      </c>
      <c r="H28355" t="s">
        <v>16560</v>
      </c>
      <c r="I28355" s="2">
        <v>1</v>
      </c>
      <c r="J28355" s="2">
        <v>0</v>
      </c>
      <c r="K28355" s="2">
        <v>0</v>
      </c>
      <c r="L28355" t="s">
        <v>120</v>
      </c>
      <c r="M28355" t="s">
        <v>87</v>
      </c>
      <c r="N28355" t="s">
        <v>88</v>
      </c>
      <c r="O28355" t="s">
        <v>85</v>
      </c>
      <c r="P28355" t="s">
        <v>86</v>
      </c>
      <c r="Q28355">
        <v>23</v>
      </c>
      <c r="R28355">
        <v>23</v>
      </c>
      <c r="S28355">
        <v>24</v>
      </c>
      <c r="T28355">
        <v>24</v>
      </c>
      <c r="U28355">
        <v>24</v>
      </c>
      <c r="V28355">
        <v>25</v>
      </c>
      <c r="W28355">
        <v>25</v>
      </c>
      <c r="X28355">
        <v>25</v>
      </c>
      <c r="Y28355">
        <v>26</v>
      </c>
      <c r="Z28355">
        <v>26</v>
      </c>
      <c r="AA28355">
        <v>27</v>
      </c>
      <c r="AB28355">
        <v>27</v>
      </c>
      <c r="AC28355">
        <v>27</v>
      </c>
      <c r="AD28355">
        <v>28</v>
      </c>
      <c r="AE28355">
        <v>28</v>
      </c>
      <c r="AF28355">
        <v>28</v>
      </c>
      <c r="AG28355">
        <v>29</v>
      </c>
      <c r="AH28355">
        <v>29</v>
      </c>
      <c r="AI28355">
        <v>30</v>
      </c>
      <c r="AJ28355">
        <v>30</v>
      </c>
      <c r="AK28355">
        <v>30</v>
      </c>
      <c r="AL28355">
        <v>31</v>
      </c>
      <c r="AM28355">
        <v>31</v>
      </c>
      <c r="AN28355">
        <v>32</v>
      </c>
      <c r="AO28355">
        <v>32</v>
      </c>
      <c r="AP28355">
        <v>32</v>
      </c>
      <c r="AQ28355">
        <v>33</v>
      </c>
    </row>
    <row r="28356" spans="1:43">
      <c r="A28356" t="s">
        <v>17547</v>
      </c>
      <c r="B28356" t="s">
        <v>17548</v>
      </c>
      <c r="C28356" t="s">
        <v>17541</v>
      </c>
      <c r="D28356" t="s">
        <v>17542</v>
      </c>
      <c r="E28356" t="s">
        <v>17455</v>
      </c>
      <c r="F28356" t="s">
        <v>17456</v>
      </c>
      <c r="G28356" t="s">
        <v>16559</v>
      </c>
      <c r="H28356" t="s">
        <v>16560</v>
      </c>
      <c r="I28356" s="2">
        <v>1</v>
      </c>
      <c r="J28356" s="2">
        <v>0</v>
      </c>
      <c r="K28356" s="2">
        <v>0</v>
      </c>
      <c r="L28356" t="s">
        <v>120</v>
      </c>
      <c r="M28356" t="s">
        <v>89</v>
      </c>
      <c r="N28356" t="s">
        <v>90</v>
      </c>
      <c r="O28356" t="s">
        <v>85</v>
      </c>
      <c r="P28356" t="s">
        <v>86</v>
      </c>
      <c r="Q28356">
        <v>23</v>
      </c>
      <c r="R28356">
        <v>24</v>
      </c>
      <c r="S28356">
        <v>25</v>
      </c>
      <c r="T28356">
        <v>26</v>
      </c>
      <c r="U28356">
        <v>26</v>
      </c>
      <c r="V28356">
        <v>27</v>
      </c>
      <c r="W28356">
        <v>28</v>
      </c>
      <c r="X28356">
        <v>29</v>
      </c>
      <c r="Y28356">
        <v>30</v>
      </c>
      <c r="Z28356">
        <v>30</v>
      </c>
      <c r="AA28356">
        <v>31</v>
      </c>
      <c r="AB28356">
        <v>32</v>
      </c>
      <c r="AC28356">
        <v>33</v>
      </c>
      <c r="AD28356">
        <v>33</v>
      </c>
      <c r="AE28356">
        <v>34</v>
      </c>
      <c r="AF28356">
        <v>34</v>
      </c>
      <c r="AG28356">
        <v>35</v>
      </c>
      <c r="AH28356">
        <v>35</v>
      </c>
      <c r="AI28356">
        <v>35</v>
      </c>
      <c r="AJ28356">
        <v>36</v>
      </c>
      <c r="AK28356">
        <v>36</v>
      </c>
      <c r="AL28356">
        <v>36</v>
      </c>
      <c r="AM28356">
        <v>37</v>
      </c>
      <c r="AN28356">
        <v>37</v>
      </c>
      <c r="AO28356">
        <v>37</v>
      </c>
      <c r="AP28356">
        <v>38</v>
      </c>
      <c r="AQ28356">
        <v>38</v>
      </c>
    </row>
    <row r="28357" spans="1:43">
      <c r="A28357" t="s">
        <v>17547</v>
      </c>
      <c r="B28357" t="s">
        <v>17548</v>
      </c>
      <c r="C28357" t="s">
        <v>17541</v>
      </c>
      <c r="D28357" t="s">
        <v>17542</v>
      </c>
      <c r="E28357" t="s">
        <v>17455</v>
      </c>
      <c r="F28357" t="s">
        <v>17456</v>
      </c>
      <c r="G28357" t="s">
        <v>16559</v>
      </c>
      <c r="H28357" t="s">
        <v>16560</v>
      </c>
      <c r="I28357" s="2">
        <v>1</v>
      </c>
      <c r="J28357" s="2">
        <v>0</v>
      </c>
      <c r="K28357" s="2">
        <v>0</v>
      </c>
      <c r="L28357" t="s">
        <v>120</v>
      </c>
      <c r="M28357" t="s">
        <v>83</v>
      </c>
      <c r="N28357" t="s">
        <v>91</v>
      </c>
      <c r="O28357" t="s">
        <v>85</v>
      </c>
      <c r="P28357" t="s">
        <v>86</v>
      </c>
      <c r="Q28357">
        <v>23</v>
      </c>
      <c r="R28357">
        <v>24</v>
      </c>
      <c r="S28357">
        <v>24</v>
      </c>
      <c r="T28357">
        <v>25</v>
      </c>
      <c r="U28357">
        <v>25</v>
      </c>
      <c r="V28357">
        <v>26</v>
      </c>
      <c r="W28357">
        <v>27</v>
      </c>
      <c r="X28357">
        <v>27</v>
      </c>
      <c r="Y28357">
        <v>28</v>
      </c>
      <c r="Z28357">
        <v>29</v>
      </c>
      <c r="AA28357">
        <v>29</v>
      </c>
      <c r="AB28357">
        <v>30</v>
      </c>
      <c r="AC28357">
        <v>30</v>
      </c>
      <c r="AD28357">
        <v>31</v>
      </c>
      <c r="AE28357">
        <v>32</v>
      </c>
      <c r="AF28357">
        <v>32</v>
      </c>
      <c r="AG28357">
        <v>33</v>
      </c>
      <c r="AH28357">
        <v>34</v>
      </c>
      <c r="AI28357">
        <v>34</v>
      </c>
      <c r="AJ28357">
        <v>35</v>
      </c>
      <c r="AK28357">
        <v>36</v>
      </c>
      <c r="AL28357">
        <v>36</v>
      </c>
      <c r="AM28357">
        <v>36</v>
      </c>
      <c r="AN28357">
        <v>37</v>
      </c>
      <c r="AO28357">
        <v>37</v>
      </c>
      <c r="AP28357">
        <v>37</v>
      </c>
      <c r="AQ28357">
        <v>38</v>
      </c>
    </row>
    <row r="28358" spans="1:43">
      <c r="A28358" t="s">
        <v>17549</v>
      </c>
      <c r="B28358" t="s">
        <v>17550</v>
      </c>
      <c r="C28358" t="s">
        <v>17541</v>
      </c>
      <c r="D28358" t="s">
        <v>17542</v>
      </c>
      <c r="E28358" t="s">
        <v>17455</v>
      </c>
      <c r="F28358" t="s">
        <v>17456</v>
      </c>
      <c r="G28358" t="s">
        <v>16559</v>
      </c>
      <c r="H28358" t="s">
        <v>16560</v>
      </c>
      <c r="I28358" s="2">
        <v>1</v>
      </c>
      <c r="J28358" s="2">
        <v>0</v>
      </c>
      <c r="K28358" s="2">
        <v>0</v>
      </c>
      <c r="L28358" t="s">
        <v>120</v>
      </c>
      <c r="M28358" t="s">
        <v>83</v>
      </c>
      <c r="N28358" t="s">
        <v>84</v>
      </c>
      <c r="O28358" t="s">
        <v>85</v>
      </c>
      <c r="P28358" t="s">
        <v>86</v>
      </c>
      <c r="Q28358">
        <v>31</v>
      </c>
      <c r="R28358">
        <v>32</v>
      </c>
      <c r="S28358">
        <v>33</v>
      </c>
      <c r="T28358">
        <v>33</v>
      </c>
      <c r="U28358">
        <v>34</v>
      </c>
      <c r="V28358">
        <v>35</v>
      </c>
      <c r="W28358">
        <v>36</v>
      </c>
      <c r="X28358">
        <v>36</v>
      </c>
      <c r="Y28358">
        <v>37</v>
      </c>
      <c r="Z28358">
        <v>38</v>
      </c>
      <c r="AA28358">
        <v>39</v>
      </c>
      <c r="AB28358">
        <v>40</v>
      </c>
      <c r="AC28358">
        <v>41</v>
      </c>
      <c r="AD28358">
        <v>41</v>
      </c>
      <c r="AE28358">
        <v>42</v>
      </c>
      <c r="AF28358">
        <v>43</v>
      </c>
      <c r="AG28358">
        <v>44</v>
      </c>
      <c r="AH28358">
        <v>45</v>
      </c>
      <c r="AI28358">
        <v>46</v>
      </c>
      <c r="AJ28358">
        <v>47</v>
      </c>
      <c r="AK28358">
        <v>48</v>
      </c>
      <c r="AL28358">
        <v>48</v>
      </c>
      <c r="AM28358">
        <v>49</v>
      </c>
      <c r="AN28358">
        <v>49</v>
      </c>
      <c r="AO28358">
        <v>49</v>
      </c>
      <c r="AP28358">
        <v>50</v>
      </c>
      <c r="AQ28358">
        <v>50</v>
      </c>
    </row>
    <row r="28359" spans="1:43">
      <c r="A28359" t="s">
        <v>17549</v>
      </c>
      <c r="B28359" t="s">
        <v>17550</v>
      </c>
      <c r="C28359" t="s">
        <v>17541</v>
      </c>
      <c r="D28359" t="s">
        <v>17542</v>
      </c>
      <c r="E28359" t="s">
        <v>17455</v>
      </c>
      <c r="F28359" t="s">
        <v>17456</v>
      </c>
      <c r="G28359" t="s">
        <v>16559</v>
      </c>
      <c r="H28359" t="s">
        <v>16560</v>
      </c>
      <c r="I28359" s="2">
        <v>1</v>
      </c>
      <c r="J28359" s="2">
        <v>0</v>
      </c>
      <c r="K28359" s="2">
        <v>0</v>
      </c>
      <c r="L28359" t="s">
        <v>120</v>
      </c>
      <c r="M28359" t="s">
        <v>87</v>
      </c>
      <c r="N28359" t="s">
        <v>88</v>
      </c>
      <c r="O28359" t="s">
        <v>85</v>
      </c>
      <c r="P28359" t="s">
        <v>86</v>
      </c>
      <c r="Q28359">
        <v>31</v>
      </c>
      <c r="R28359">
        <v>31</v>
      </c>
      <c r="S28359">
        <v>32</v>
      </c>
      <c r="T28359">
        <v>32</v>
      </c>
      <c r="U28359">
        <v>33</v>
      </c>
      <c r="V28359">
        <v>33</v>
      </c>
      <c r="W28359">
        <v>34</v>
      </c>
      <c r="X28359">
        <v>34</v>
      </c>
      <c r="Y28359">
        <v>34</v>
      </c>
      <c r="Z28359">
        <v>35</v>
      </c>
      <c r="AA28359">
        <v>35</v>
      </c>
      <c r="AB28359">
        <v>36</v>
      </c>
      <c r="AC28359">
        <v>36</v>
      </c>
      <c r="AD28359">
        <v>37</v>
      </c>
      <c r="AE28359">
        <v>37</v>
      </c>
      <c r="AF28359">
        <v>38</v>
      </c>
      <c r="AG28359">
        <v>38</v>
      </c>
      <c r="AH28359">
        <v>39</v>
      </c>
      <c r="AI28359">
        <v>39</v>
      </c>
      <c r="AJ28359">
        <v>40</v>
      </c>
      <c r="AK28359">
        <v>40</v>
      </c>
      <c r="AL28359">
        <v>41</v>
      </c>
      <c r="AM28359">
        <v>42</v>
      </c>
      <c r="AN28359">
        <v>42</v>
      </c>
      <c r="AO28359">
        <v>43</v>
      </c>
      <c r="AP28359">
        <v>43</v>
      </c>
      <c r="AQ28359">
        <v>44</v>
      </c>
    </row>
    <row r="28360" spans="1:43">
      <c r="A28360" t="s">
        <v>17549</v>
      </c>
      <c r="B28360" t="s">
        <v>17550</v>
      </c>
      <c r="C28360" t="s">
        <v>17541</v>
      </c>
      <c r="D28360" t="s">
        <v>17542</v>
      </c>
      <c r="E28360" t="s">
        <v>17455</v>
      </c>
      <c r="F28360" t="s">
        <v>17456</v>
      </c>
      <c r="G28360" t="s">
        <v>16559</v>
      </c>
      <c r="H28360" t="s">
        <v>16560</v>
      </c>
      <c r="I28360" s="2">
        <v>1</v>
      </c>
      <c r="J28360" s="2">
        <v>0</v>
      </c>
      <c r="K28360" s="2">
        <v>0</v>
      </c>
      <c r="L28360" t="s">
        <v>120</v>
      </c>
      <c r="M28360" t="s">
        <v>89</v>
      </c>
      <c r="N28360" t="s">
        <v>90</v>
      </c>
      <c r="O28360" t="s">
        <v>85</v>
      </c>
      <c r="P28360" t="s">
        <v>86</v>
      </c>
      <c r="Q28360">
        <v>31</v>
      </c>
      <c r="R28360">
        <v>32</v>
      </c>
      <c r="S28360">
        <v>33</v>
      </c>
      <c r="T28360">
        <v>34</v>
      </c>
      <c r="U28360">
        <v>35</v>
      </c>
      <c r="V28360">
        <v>36</v>
      </c>
      <c r="W28360">
        <v>37</v>
      </c>
      <c r="X28360">
        <v>38</v>
      </c>
      <c r="Y28360">
        <v>39</v>
      </c>
      <c r="Z28360">
        <v>41</v>
      </c>
      <c r="AA28360">
        <v>42</v>
      </c>
      <c r="AB28360">
        <v>43</v>
      </c>
      <c r="AC28360">
        <v>44</v>
      </c>
      <c r="AD28360">
        <v>45</v>
      </c>
      <c r="AE28360">
        <v>45</v>
      </c>
      <c r="AF28360">
        <v>46</v>
      </c>
      <c r="AG28360">
        <v>46</v>
      </c>
      <c r="AH28360">
        <v>47</v>
      </c>
      <c r="AI28360">
        <v>47</v>
      </c>
      <c r="AJ28360">
        <v>48</v>
      </c>
      <c r="AK28360">
        <v>48</v>
      </c>
      <c r="AL28360">
        <v>48</v>
      </c>
      <c r="AM28360">
        <v>49</v>
      </c>
      <c r="AN28360">
        <v>49</v>
      </c>
      <c r="AO28360">
        <v>50</v>
      </c>
      <c r="AP28360">
        <v>50</v>
      </c>
      <c r="AQ28360">
        <v>50</v>
      </c>
    </row>
    <row r="28361" spans="1:43">
      <c r="A28361" t="s">
        <v>17549</v>
      </c>
      <c r="B28361" t="s">
        <v>17550</v>
      </c>
      <c r="C28361" t="s">
        <v>17541</v>
      </c>
      <c r="D28361" t="s">
        <v>17542</v>
      </c>
      <c r="E28361" t="s">
        <v>17455</v>
      </c>
      <c r="F28361" t="s">
        <v>17456</v>
      </c>
      <c r="G28361" t="s">
        <v>16559</v>
      </c>
      <c r="H28361" t="s">
        <v>16560</v>
      </c>
      <c r="I28361" s="2">
        <v>1</v>
      </c>
      <c r="J28361" s="2">
        <v>0</v>
      </c>
      <c r="K28361" s="2">
        <v>0</v>
      </c>
      <c r="L28361" t="s">
        <v>120</v>
      </c>
      <c r="M28361" t="s">
        <v>83</v>
      </c>
      <c r="N28361" t="s">
        <v>91</v>
      </c>
      <c r="O28361" t="s">
        <v>85</v>
      </c>
      <c r="P28361" t="s">
        <v>86</v>
      </c>
      <c r="Q28361">
        <v>31</v>
      </c>
      <c r="R28361">
        <v>32</v>
      </c>
      <c r="S28361">
        <v>33</v>
      </c>
      <c r="T28361">
        <v>33</v>
      </c>
      <c r="U28361">
        <v>34</v>
      </c>
      <c r="V28361">
        <v>35</v>
      </c>
      <c r="W28361">
        <v>36</v>
      </c>
      <c r="X28361">
        <v>36</v>
      </c>
      <c r="Y28361">
        <v>37</v>
      </c>
      <c r="Z28361">
        <v>38</v>
      </c>
      <c r="AA28361">
        <v>39</v>
      </c>
      <c r="AB28361">
        <v>40</v>
      </c>
      <c r="AC28361">
        <v>41</v>
      </c>
      <c r="AD28361">
        <v>41</v>
      </c>
      <c r="AE28361">
        <v>42</v>
      </c>
      <c r="AF28361">
        <v>43</v>
      </c>
      <c r="AG28361">
        <v>44</v>
      </c>
      <c r="AH28361">
        <v>45</v>
      </c>
      <c r="AI28361">
        <v>46</v>
      </c>
      <c r="AJ28361">
        <v>47</v>
      </c>
      <c r="AK28361">
        <v>48</v>
      </c>
      <c r="AL28361">
        <v>48</v>
      </c>
      <c r="AM28361">
        <v>49</v>
      </c>
      <c r="AN28361">
        <v>49</v>
      </c>
      <c r="AO28361">
        <v>49</v>
      </c>
      <c r="AP28361">
        <v>50</v>
      </c>
      <c r="AQ28361">
        <v>50</v>
      </c>
    </row>
    <row r="28362" spans="1:43">
      <c r="A28362" t="s">
        <v>17551</v>
      </c>
      <c r="B28362" t="s">
        <v>17552</v>
      </c>
      <c r="C28362" t="s">
        <v>17553</v>
      </c>
      <c r="D28362" t="s">
        <v>17554</v>
      </c>
      <c r="E28362" t="s">
        <v>17455</v>
      </c>
      <c r="F28362" t="s">
        <v>17456</v>
      </c>
      <c r="G28362" t="s">
        <v>16559</v>
      </c>
      <c r="H28362" t="s">
        <v>16560</v>
      </c>
      <c r="I28362" s="2">
        <v>1</v>
      </c>
      <c r="J28362" s="2">
        <v>0</v>
      </c>
      <c r="K28362" s="2">
        <v>0</v>
      </c>
      <c r="L28362" t="s">
        <v>120</v>
      </c>
      <c r="M28362" t="s">
        <v>83</v>
      </c>
      <c r="N28362" t="s">
        <v>84</v>
      </c>
      <c r="O28362" t="s">
        <v>85</v>
      </c>
      <c r="P28362" t="s">
        <v>86</v>
      </c>
      <c r="Q28362">
        <v>42</v>
      </c>
      <c r="R28362">
        <v>43</v>
      </c>
      <c r="S28362">
        <v>44</v>
      </c>
      <c r="T28362">
        <v>45</v>
      </c>
      <c r="U28362">
        <v>46</v>
      </c>
      <c r="V28362">
        <v>47</v>
      </c>
      <c r="W28362">
        <v>48</v>
      </c>
      <c r="X28362">
        <v>49</v>
      </c>
      <c r="Y28362">
        <v>50</v>
      </c>
      <c r="Z28362">
        <v>51</v>
      </c>
      <c r="AA28362">
        <v>52</v>
      </c>
      <c r="AB28362">
        <v>53</v>
      </c>
      <c r="AC28362">
        <v>54</v>
      </c>
      <c r="AD28362">
        <v>55</v>
      </c>
      <c r="AE28362">
        <v>57</v>
      </c>
      <c r="AF28362">
        <v>58</v>
      </c>
      <c r="AG28362">
        <v>59</v>
      </c>
      <c r="AH28362">
        <v>60</v>
      </c>
      <c r="AI28362">
        <v>61</v>
      </c>
      <c r="AJ28362">
        <v>62</v>
      </c>
      <c r="AK28362">
        <v>63</v>
      </c>
      <c r="AL28362">
        <v>64</v>
      </c>
      <c r="AM28362">
        <v>64</v>
      </c>
      <c r="AN28362">
        <v>65</v>
      </c>
      <c r="AO28362">
        <v>65</v>
      </c>
      <c r="AP28362">
        <v>66</v>
      </c>
      <c r="AQ28362">
        <v>66</v>
      </c>
    </row>
    <row r="28363" spans="1:43">
      <c r="A28363" t="s">
        <v>17551</v>
      </c>
      <c r="B28363" t="s">
        <v>17552</v>
      </c>
      <c r="C28363" t="s">
        <v>17553</v>
      </c>
      <c r="D28363" t="s">
        <v>17554</v>
      </c>
      <c r="E28363" t="s">
        <v>17455</v>
      </c>
      <c r="F28363" t="s">
        <v>17456</v>
      </c>
      <c r="G28363" t="s">
        <v>16559</v>
      </c>
      <c r="H28363" t="s">
        <v>16560</v>
      </c>
      <c r="I28363" s="2">
        <v>1</v>
      </c>
      <c r="J28363" s="2">
        <v>0</v>
      </c>
      <c r="K28363" s="2">
        <v>0</v>
      </c>
      <c r="L28363" t="s">
        <v>120</v>
      </c>
      <c r="M28363" t="s">
        <v>87</v>
      </c>
      <c r="N28363" t="s">
        <v>88</v>
      </c>
      <c r="O28363" t="s">
        <v>85</v>
      </c>
      <c r="P28363" t="s">
        <v>86</v>
      </c>
      <c r="Q28363">
        <v>42</v>
      </c>
      <c r="R28363">
        <v>43</v>
      </c>
      <c r="S28363">
        <v>43</v>
      </c>
      <c r="T28363">
        <v>44</v>
      </c>
      <c r="U28363">
        <v>44</v>
      </c>
      <c r="V28363">
        <v>45</v>
      </c>
      <c r="W28363">
        <v>45</v>
      </c>
      <c r="X28363">
        <v>46</v>
      </c>
      <c r="Y28363">
        <v>47</v>
      </c>
      <c r="Z28363">
        <v>47</v>
      </c>
      <c r="AA28363">
        <v>48</v>
      </c>
      <c r="AB28363">
        <v>48</v>
      </c>
      <c r="AC28363">
        <v>49</v>
      </c>
      <c r="AD28363">
        <v>50</v>
      </c>
      <c r="AE28363">
        <v>50</v>
      </c>
      <c r="AF28363">
        <v>51</v>
      </c>
      <c r="AG28363">
        <v>51</v>
      </c>
      <c r="AH28363">
        <v>52</v>
      </c>
      <c r="AI28363">
        <v>53</v>
      </c>
      <c r="AJ28363">
        <v>53</v>
      </c>
      <c r="AK28363">
        <v>54</v>
      </c>
      <c r="AL28363">
        <v>55</v>
      </c>
      <c r="AM28363">
        <v>55</v>
      </c>
      <c r="AN28363">
        <v>56</v>
      </c>
      <c r="AO28363">
        <v>56</v>
      </c>
      <c r="AP28363">
        <v>57</v>
      </c>
      <c r="AQ28363">
        <v>58</v>
      </c>
    </row>
    <row r="28364" spans="1:43">
      <c r="A28364" t="s">
        <v>17551</v>
      </c>
      <c r="B28364" t="s">
        <v>17552</v>
      </c>
      <c r="C28364" t="s">
        <v>17553</v>
      </c>
      <c r="D28364" t="s">
        <v>17554</v>
      </c>
      <c r="E28364" t="s">
        <v>17455</v>
      </c>
      <c r="F28364" t="s">
        <v>17456</v>
      </c>
      <c r="G28364" t="s">
        <v>16559</v>
      </c>
      <c r="H28364" t="s">
        <v>16560</v>
      </c>
      <c r="I28364" s="2">
        <v>1</v>
      </c>
      <c r="J28364" s="2">
        <v>0</v>
      </c>
      <c r="K28364" s="2">
        <v>0</v>
      </c>
      <c r="L28364" t="s">
        <v>120</v>
      </c>
      <c r="M28364" t="s">
        <v>89</v>
      </c>
      <c r="N28364" t="s">
        <v>90</v>
      </c>
      <c r="O28364" t="s">
        <v>85</v>
      </c>
      <c r="P28364" t="s">
        <v>86</v>
      </c>
      <c r="Q28364">
        <v>42</v>
      </c>
      <c r="R28364">
        <v>43</v>
      </c>
      <c r="S28364">
        <v>44</v>
      </c>
      <c r="T28364">
        <v>46</v>
      </c>
      <c r="U28364">
        <v>47</v>
      </c>
      <c r="V28364">
        <v>48</v>
      </c>
      <c r="W28364">
        <v>50</v>
      </c>
      <c r="X28364">
        <v>51</v>
      </c>
      <c r="Y28364">
        <v>52</v>
      </c>
      <c r="Z28364">
        <v>53</v>
      </c>
      <c r="AA28364">
        <v>55</v>
      </c>
      <c r="AB28364">
        <v>56</v>
      </c>
      <c r="AC28364">
        <v>57</v>
      </c>
      <c r="AD28364">
        <v>59</v>
      </c>
      <c r="AE28364">
        <v>60</v>
      </c>
      <c r="AF28364">
        <v>60</v>
      </c>
      <c r="AG28364">
        <v>61</v>
      </c>
      <c r="AH28364">
        <v>61</v>
      </c>
      <c r="AI28364">
        <v>62</v>
      </c>
      <c r="AJ28364">
        <v>62</v>
      </c>
      <c r="AK28364">
        <v>63</v>
      </c>
      <c r="AL28364">
        <v>63</v>
      </c>
      <c r="AM28364">
        <v>64</v>
      </c>
      <c r="AN28364">
        <v>64</v>
      </c>
      <c r="AO28364">
        <v>65</v>
      </c>
      <c r="AP28364">
        <v>65</v>
      </c>
      <c r="AQ28364">
        <v>66</v>
      </c>
    </row>
    <row r="28365" spans="1:43">
      <c r="A28365" t="s">
        <v>17551</v>
      </c>
      <c r="B28365" t="s">
        <v>17552</v>
      </c>
      <c r="C28365" t="s">
        <v>17553</v>
      </c>
      <c r="D28365" t="s">
        <v>17554</v>
      </c>
      <c r="E28365" t="s">
        <v>17455</v>
      </c>
      <c r="F28365" t="s">
        <v>17456</v>
      </c>
      <c r="G28365" t="s">
        <v>16559</v>
      </c>
      <c r="H28365" t="s">
        <v>16560</v>
      </c>
      <c r="I28365" s="2">
        <v>1</v>
      </c>
      <c r="J28365" s="2">
        <v>0</v>
      </c>
      <c r="K28365" s="2">
        <v>0</v>
      </c>
      <c r="L28365" t="s">
        <v>120</v>
      </c>
      <c r="M28365" t="s">
        <v>83</v>
      </c>
      <c r="N28365" t="s">
        <v>91</v>
      </c>
      <c r="O28365" t="s">
        <v>85</v>
      </c>
      <c r="P28365" t="s">
        <v>86</v>
      </c>
      <c r="Q28365">
        <v>42</v>
      </c>
      <c r="R28365">
        <v>43</v>
      </c>
      <c r="S28365">
        <v>44</v>
      </c>
      <c r="T28365">
        <v>45</v>
      </c>
      <c r="U28365">
        <v>46</v>
      </c>
      <c r="V28365">
        <v>47</v>
      </c>
      <c r="W28365">
        <v>48</v>
      </c>
      <c r="X28365">
        <v>49</v>
      </c>
      <c r="Y28365">
        <v>50</v>
      </c>
      <c r="Z28365">
        <v>51</v>
      </c>
      <c r="AA28365">
        <v>52</v>
      </c>
      <c r="AB28365">
        <v>53</v>
      </c>
      <c r="AC28365">
        <v>54</v>
      </c>
      <c r="AD28365">
        <v>55</v>
      </c>
      <c r="AE28365">
        <v>57</v>
      </c>
      <c r="AF28365">
        <v>58</v>
      </c>
      <c r="AG28365">
        <v>59</v>
      </c>
      <c r="AH28365">
        <v>60</v>
      </c>
      <c r="AI28365">
        <v>61</v>
      </c>
      <c r="AJ28365">
        <v>62</v>
      </c>
      <c r="AK28365">
        <v>63</v>
      </c>
      <c r="AL28365">
        <v>64</v>
      </c>
      <c r="AM28365">
        <v>64</v>
      </c>
      <c r="AN28365">
        <v>65</v>
      </c>
      <c r="AO28365">
        <v>65</v>
      </c>
      <c r="AP28365">
        <v>66</v>
      </c>
      <c r="AQ28365">
        <v>66</v>
      </c>
    </row>
    <row r="28366" spans="1:43">
      <c r="A28366" t="s">
        <v>17555</v>
      </c>
      <c r="B28366" t="s">
        <v>17556</v>
      </c>
      <c r="C28366" t="s">
        <v>17553</v>
      </c>
      <c r="D28366" t="s">
        <v>17554</v>
      </c>
      <c r="E28366" t="s">
        <v>17455</v>
      </c>
      <c r="F28366" t="s">
        <v>17456</v>
      </c>
      <c r="G28366" t="s">
        <v>16559</v>
      </c>
      <c r="H28366" t="s">
        <v>16560</v>
      </c>
      <c r="I28366" s="2">
        <v>1</v>
      </c>
      <c r="J28366" s="2">
        <v>0</v>
      </c>
      <c r="K28366" s="2">
        <v>0</v>
      </c>
      <c r="L28366" t="s">
        <v>120</v>
      </c>
      <c r="M28366" t="s">
        <v>83</v>
      </c>
      <c r="N28366" t="s">
        <v>84</v>
      </c>
      <c r="O28366" t="s">
        <v>85</v>
      </c>
      <c r="P28366" t="s">
        <v>86</v>
      </c>
      <c r="Q28366">
        <v>34</v>
      </c>
      <c r="R28366">
        <v>35</v>
      </c>
      <c r="S28366">
        <v>36</v>
      </c>
      <c r="T28366">
        <v>37</v>
      </c>
      <c r="U28366">
        <v>38</v>
      </c>
      <c r="V28366">
        <v>38</v>
      </c>
      <c r="W28366">
        <v>39</v>
      </c>
      <c r="X28366">
        <v>40</v>
      </c>
      <c r="Y28366">
        <v>41</v>
      </c>
      <c r="Z28366">
        <v>42</v>
      </c>
      <c r="AA28366">
        <v>42</v>
      </c>
      <c r="AB28366">
        <v>43</v>
      </c>
      <c r="AC28366">
        <v>44</v>
      </c>
      <c r="AD28366">
        <v>45</v>
      </c>
      <c r="AE28366">
        <v>46</v>
      </c>
      <c r="AF28366">
        <v>47</v>
      </c>
      <c r="AG28366">
        <v>48</v>
      </c>
      <c r="AH28366">
        <v>48</v>
      </c>
      <c r="AI28366">
        <v>49</v>
      </c>
      <c r="AJ28366">
        <v>50</v>
      </c>
      <c r="AK28366">
        <v>51</v>
      </c>
      <c r="AL28366">
        <v>52</v>
      </c>
      <c r="AM28366">
        <v>52</v>
      </c>
      <c r="AN28366">
        <v>52</v>
      </c>
      <c r="AO28366">
        <v>53</v>
      </c>
      <c r="AP28366">
        <v>53</v>
      </c>
      <c r="AQ28366">
        <v>54</v>
      </c>
    </row>
    <row r="28367" spans="1:43">
      <c r="A28367" t="s">
        <v>17555</v>
      </c>
      <c r="B28367" t="s">
        <v>17556</v>
      </c>
      <c r="C28367" t="s">
        <v>17553</v>
      </c>
      <c r="D28367" t="s">
        <v>17554</v>
      </c>
      <c r="E28367" t="s">
        <v>17455</v>
      </c>
      <c r="F28367" t="s">
        <v>17456</v>
      </c>
      <c r="G28367" t="s">
        <v>16559</v>
      </c>
      <c r="H28367" t="s">
        <v>16560</v>
      </c>
      <c r="I28367" s="2">
        <v>1</v>
      </c>
      <c r="J28367" s="2">
        <v>0</v>
      </c>
      <c r="K28367" s="2">
        <v>0</v>
      </c>
      <c r="L28367" t="s">
        <v>120</v>
      </c>
      <c r="M28367" t="s">
        <v>87</v>
      </c>
      <c r="N28367" t="s">
        <v>88</v>
      </c>
      <c r="O28367" t="s">
        <v>85</v>
      </c>
      <c r="P28367" t="s">
        <v>86</v>
      </c>
      <c r="Q28367">
        <v>34</v>
      </c>
      <c r="R28367">
        <v>34</v>
      </c>
      <c r="S28367">
        <v>35</v>
      </c>
      <c r="T28367">
        <v>35</v>
      </c>
      <c r="U28367">
        <v>36</v>
      </c>
      <c r="V28367">
        <v>36</v>
      </c>
      <c r="W28367">
        <v>37</v>
      </c>
      <c r="X28367">
        <v>37</v>
      </c>
      <c r="Y28367">
        <v>38</v>
      </c>
      <c r="Z28367">
        <v>38</v>
      </c>
      <c r="AA28367">
        <v>39</v>
      </c>
      <c r="AB28367">
        <v>39</v>
      </c>
      <c r="AC28367">
        <v>40</v>
      </c>
      <c r="AD28367">
        <v>40</v>
      </c>
      <c r="AE28367">
        <v>41</v>
      </c>
      <c r="AF28367">
        <v>41</v>
      </c>
      <c r="AG28367">
        <v>42</v>
      </c>
      <c r="AH28367">
        <v>42</v>
      </c>
      <c r="AI28367">
        <v>43</v>
      </c>
      <c r="AJ28367">
        <v>43</v>
      </c>
      <c r="AK28367">
        <v>44</v>
      </c>
      <c r="AL28367">
        <v>44</v>
      </c>
      <c r="AM28367">
        <v>45</v>
      </c>
      <c r="AN28367">
        <v>45</v>
      </c>
      <c r="AO28367">
        <v>46</v>
      </c>
      <c r="AP28367">
        <v>46</v>
      </c>
      <c r="AQ28367">
        <v>47</v>
      </c>
    </row>
    <row r="28368" spans="1:43">
      <c r="A28368" t="s">
        <v>17555</v>
      </c>
      <c r="B28368" t="s">
        <v>17556</v>
      </c>
      <c r="C28368" t="s">
        <v>17553</v>
      </c>
      <c r="D28368" t="s">
        <v>17554</v>
      </c>
      <c r="E28368" t="s">
        <v>17455</v>
      </c>
      <c r="F28368" t="s">
        <v>17456</v>
      </c>
      <c r="G28368" t="s">
        <v>16559</v>
      </c>
      <c r="H28368" t="s">
        <v>16560</v>
      </c>
      <c r="I28368" s="2">
        <v>1</v>
      </c>
      <c r="J28368" s="2">
        <v>0</v>
      </c>
      <c r="K28368" s="2">
        <v>0</v>
      </c>
      <c r="L28368" t="s">
        <v>120</v>
      </c>
      <c r="M28368" t="s">
        <v>89</v>
      </c>
      <c r="N28368" t="s">
        <v>90</v>
      </c>
      <c r="O28368" t="s">
        <v>85</v>
      </c>
      <c r="P28368" t="s">
        <v>86</v>
      </c>
      <c r="Q28368">
        <v>34</v>
      </c>
      <c r="R28368">
        <v>35</v>
      </c>
      <c r="S28368">
        <v>36</v>
      </c>
      <c r="T28368">
        <v>37</v>
      </c>
      <c r="U28368">
        <v>38</v>
      </c>
      <c r="V28368">
        <v>39</v>
      </c>
      <c r="W28368">
        <v>40</v>
      </c>
      <c r="X28368">
        <v>41</v>
      </c>
      <c r="Y28368">
        <v>42</v>
      </c>
      <c r="Z28368">
        <v>43</v>
      </c>
      <c r="AA28368">
        <v>44</v>
      </c>
      <c r="AB28368">
        <v>45</v>
      </c>
      <c r="AC28368">
        <v>46</v>
      </c>
      <c r="AD28368">
        <v>47</v>
      </c>
      <c r="AE28368">
        <v>48</v>
      </c>
      <c r="AF28368">
        <v>48</v>
      </c>
      <c r="AG28368">
        <v>49</v>
      </c>
      <c r="AH28368">
        <v>49</v>
      </c>
      <c r="AI28368">
        <v>50</v>
      </c>
      <c r="AJ28368">
        <v>50</v>
      </c>
      <c r="AK28368">
        <v>51</v>
      </c>
      <c r="AL28368">
        <v>51</v>
      </c>
      <c r="AM28368">
        <v>51</v>
      </c>
      <c r="AN28368">
        <v>52</v>
      </c>
      <c r="AO28368">
        <v>52</v>
      </c>
      <c r="AP28368">
        <v>53</v>
      </c>
      <c r="AQ28368">
        <v>53</v>
      </c>
    </row>
    <row r="28369" spans="1:43">
      <c r="A28369" t="s">
        <v>17555</v>
      </c>
      <c r="B28369" t="s">
        <v>17556</v>
      </c>
      <c r="C28369" t="s">
        <v>17553</v>
      </c>
      <c r="D28369" t="s">
        <v>17554</v>
      </c>
      <c r="E28369" t="s">
        <v>17455</v>
      </c>
      <c r="F28369" t="s">
        <v>17456</v>
      </c>
      <c r="G28369" t="s">
        <v>16559</v>
      </c>
      <c r="H28369" t="s">
        <v>16560</v>
      </c>
      <c r="I28369" s="2">
        <v>1</v>
      </c>
      <c r="J28369" s="2">
        <v>0</v>
      </c>
      <c r="K28369" s="2">
        <v>0</v>
      </c>
      <c r="L28369" t="s">
        <v>120</v>
      </c>
      <c r="M28369" t="s">
        <v>83</v>
      </c>
      <c r="N28369" t="s">
        <v>91</v>
      </c>
      <c r="O28369" t="s">
        <v>85</v>
      </c>
      <c r="P28369" t="s">
        <v>86</v>
      </c>
      <c r="Q28369">
        <v>34</v>
      </c>
      <c r="R28369">
        <v>35</v>
      </c>
      <c r="S28369">
        <v>36</v>
      </c>
      <c r="T28369">
        <v>37</v>
      </c>
      <c r="U28369">
        <v>38</v>
      </c>
      <c r="V28369">
        <v>38</v>
      </c>
      <c r="W28369">
        <v>39</v>
      </c>
      <c r="X28369">
        <v>40</v>
      </c>
      <c r="Y28369">
        <v>41</v>
      </c>
      <c r="Z28369">
        <v>42</v>
      </c>
      <c r="AA28369">
        <v>42</v>
      </c>
      <c r="AB28369">
        <v>43</v>
      </c>
      <c r="AC28369">
        <v>44</v>
      </c>
      <c r="AD28369">
        <v>45</v>
      </c>
      <c r="AE28369">
        <v>46</v>
      </c>
      <c r="AF28369">
        <v>47</v>
      </c>
      <c r="AG28369">
        <v>48</v>
      </c>
      <c r="AH28369">
        <v>48</v>
      </c>
      <c r="AI28369">
        <v>49</v>
      </c>
      <c r="AJ28369">
        <v>50</v>
      </c>
      <c r="AK28369">
        <v>51</v>
      </c>
      <c r="AL28369">
        <v>52</v>
      </c>
      <c r="AM28369">
        <v>52</v>
      </c>
      <c r="AN28369">
        <v>52</v>
      </c>
      <c r="AO28369">
        <v>53</v>
      </c>
      <c r="AP28369">
        <v>53</v>
      </c>
      <c r="AQ28369">
        <v>54</v>
      </c>
    </row>
    <row r="28370" spans="1:43">
      <c r="A28370" t="s">
        <v>17557</v>
      </c>
      <c r="B28370" t="s">
        <v>17558</v>
      </c>
      <c r="C28370" t="s">
        <v>17553</v>
      </c>
      <c r="D28370" t="s">
        <v>17554</v>
      </c>
      <c r="E28370" t="s">
        <v>17455</v>
      </c>
      <c r="F28370" t="s">
        <v>17456</v>
      </c>
      <c r="G28370" t="s">
        <v>16559</v>
      </c>
      <c r="H28370" t="s">
        <v>16560</v>
      </c>
      <c r="I28370" s="2">
        <v>1</v>
      </c>
      <c r="J28370" s="2">
        <v>0</v>
      </c>
      <c r="K28370" s="2">
        <v>0</v>
      </c>
      <c r="L28370" t="s">
        <v>120</v>
      </c>
      <c r="M28370" t="s">
        <v>83</v>
      </c>
      <c r="N28370" t="s">
        <v>84</v>
      </c>
      <c r="O28370" t="s">
        <v>85</v>
      </c>
      <c r="P28370" t="s">
        <v>86</v>
      </c>
      <c r="Q28370">
        <v>24</v>
      </c>
      <c r="R28370">
        <v>24</v>
      </c>
      <c r="S28370">
        <v>25</v>
      </c>
      <c r="T28370">
        <v>25</v>
      </c>
      <c r="U28370">
        <v>26</v>
      </c>
      <c r="V28370">
        <v>27</v>
      </c>
      <c r="W28370">
        <v>27</v>
      </c>
      <c r="X28370">
        <v>28</v>
      </c>
      <c r="Y28370">
        <v>28</v>
      </c>
      <c r="Z28370">
        <v>29</v>
      </c>
      <c r="AA28370">
        <v>29</v>
      </c>
      <c r="AB28370">
        <v>30</v>
      </c>
      <c r="AC28370">
        <v>31</v>
      </c>
      <c r="AD28370">
        <v>31</v>
      </c>
      <c r="AE28370">
        <v>32</v>
      </c>
      <c r="AF28370">
        <v>32</v>
      </c>
      <c r="AG28370">
        <v>33</v>
      </c>
      <c r="AH28370">
        <v>34</v>
      </c>
      <c r="AI28370">
        <v>34</v>
      </c>
      <c r="AJ28370">
        <v>35</v>
      </c>
      <c r="AK28370">
        <v>35</v>
      </c>
      <c r="AL28370">
        <v>36</v>
      </c>
      <c r="AM28370">
        <v>36</v>
      </c>
      <c r="AN28370">
        <v>36</v>
      </c>
      <c r="AO28370">
        <v>37</v>
      </c>
      <c r="AP28370">
        <v>37</v>
      </c>
      <c r="AQ28370">
        <v>37</v>
      </c>
    </row>
    <row r="28371" spans="1:43">
      <c r="A28371" t="s">
        <v>17557</v>
      </c>
      <c r="B28371" t="s">
        <v>17558</v>
      </c>
      <c r="C28371" t="s">
        <v>17553</v>
      </c>
      <c r="D28371" t="s">
        <v>17554</v>
      </c>
      <c r="E28371" t="s">
        <v>17455</v>
      </c>
      <c r="F28371" t="s">
        <v>17456</v>
      </c>
      <c r="G28371" t="s">
        <v>16559</v>
      </c>
      <c r="H28371" t="s">
        <v>16560</v>
      </c>
      <c r="I28371" s="2">
        <v>1</v>
      </c>
      <c r="J28371" s="2">
        <v>0</v>
      </c>
      <c r="K28371" s="2">
        <v>0</v>
      </c>
      <c r="L28371" t="s">
        <v>120</v>
      </c>
      <c r="M28371" t="s">
        <v>87</v>
      </c>
      <c r="N28371" t="s">
        <v>88</v>
      </c>
      <c r="O28371" t="s">
        <v>85</v>
      </c>
      <c r="P28371" t="s">
        <v>86</v>
      </c>
      <c r="Q28371">
        <v>24</v>
      </c>
      <c r="R28371">
        <v>24</v>
      </c>
      <c r="S28371">
        <v>24</v>
      </c>
      <c r="T28371">
        <v>25</v>
      </c>
      <c r="U28371">
        <v>25</v>
      </c>
      <c r="V28371">
        <v>25</v>
      </c>
      <c r="W28371">
        <v>26</v>
      </c>
      <c r="X28371">
        <v>26</v>
      </c>
      <c r="Y28371">
        <v>26</v>
      </c>
      <c r="Z28371">
        <v>27</v>
      </c>
      <c r="AA28371">
        <v>27</v>
      </c>
      <c r="AB28371">
        <v>27</v>
      </c>
      <c r="AC28371">
        <v>28</v>
      </c>
      <c r="AD28371">
        <v>28</v>
      </c>
      <c r="AE28371">
        <v>28</v>
      </c>
      <c r="AF28371">
        <v>29</v>
      </c>
      <c r="AG28371">
        <v>29</v>
      </c>
      <c r="AH28371">
        <v>29</v>
      </c>
      <c r="AI28371">
        <v>30</v>
      </c>
      <c r="AJ28371">
        <v>30</v>
      </c>
      <c r="AK28371">
        <v>30</v>
      </c>
      <c r="AL28371">
        <v>31</v>
      </c>
      <c r="AM28371">
        <v>31</v>
      </c>
      <c r="AN28371">
        <v>31</v>
      </c>
      <c r="AO28371">
        <v>32</v>
      </c>
      <c r="AP28371">
        <v>32</v>
      </c>
      <c r="AQ28371">
        <v>32</v>
      </c>
    </row>
    <row r="28372" spans="1:43">
      <c r="A28372" t="s">
        <v>17557</v>
      </c>
      <c r="B28372" t="s">
        <v>17558</v>
      </c>
      <c r="C28372" t="s">
        <v>17553</v>
      </c>
      <c r="D28372" t="s">
        <v>17554</v>
      </c>
      <c r="E28372" t="s">
        <v>17455</v>
      </c>
      <c r="F28372" t="s">
        <v>17456</v>
      </c>
      <c r="G28372" t="s">
        <v>16559</v>
      </c>
      <c r="H28372" t="s">
        <v>16560</v>
      </c>
      <c r="I28372" s="2">
        <v>1</v>
      </c>
      <c r="J28372" s="2">
        <v>0</v>
      </c>
      <c r="K28372" s="2">
        <v>0</v>
      </c>
      <c r="L28372" t="s">
        <v>120</v>
      </c>
      <c r="M28372" t="s">
        <v>89</v>
      </c>
      <c r="N28372" t="s">
        <v>90</v>
      </c>
      <c r="O28372" t="s">
        <v>85</v>
      </c>
      <c r="P28372" t="s">
        <v>86</v>
      </c>
      <c r="Q28372">
        <v>24</v>
      </c>
      <c r="R28372">
        <v>25</v>
      </c>
      <c r="S28372">
        <v>26</v>
      </c>
      <c r="T28372">
        <v>26</v>
      </c>
      <c r="U28372">
        <v>27</v>
      </c>
      <c r="V28372">
        <v>28</v>
      </c>
      <c r="W28372">
        <v>28</v>
      </c>
      <c r="X28372">
        <v>29</v>
      </c>
      <c r="Y28372">
        <v>30</v>
      </c>
      <c r="Z28372">
        <v>31</v>
      </c>
      <c r="AA28372">
        <v>31</v>
      </c>
      <c r="AB28372">
        <v>32</v>
      </c>
      <c r="AC28372">
        <v>33</v>
      </c>
      <c r="AD28372">
        <v>33</v>
      </c>
      <c r="AE28372">
        <v>34</v>
      </c>
      <c r="AF28372">
        <v>34</v>
      </c>
      <c r="AG28372">
        <v>35</v>
      </c>
      <c r="AH28372">
        <v>35</v>
      </c>
      <c r="AI28372">
        <v>35</v>
      </c>
      <c r="AJ28372">
        <v>35</v>
      </c>
      <c r="AK28372">
        <v>36</v>
      </c>
      <c r="AL28372">
        <v>36</v>
      </c>
      <c r="AM28372">
        <v>36</v>
      </c>
      <c r="AN28372">
        <v>37</v>
      </c>
      <c r="AO28372">
        <v>37</v>
      </c>
      <c r="AP28372">
        <v>37</v>
      </c>
      <c r="AQ28372">
        <v>37</v>
      </c>
    </row>
    <row r="28373" spans="1:43">
      <c r="A28373" t="s">
        <v>17557</v>
      </c>
      <c r="B28373" t="s">
        <v>17558</v>
      </c>
      <c r="C28373" t="s">
        <v>17553</v>
      </c>
      <c r="D28373" t="s">
        <v>17554</v>
      </c>
      <c r="E28373" t="s">
        <v>17455</v>
      </c>
      <c r="F28373" t="s">
        <v>17456</v>
      </c>
      <c r="G28373" t="s">
        <v>16559</v>
      </c>
      <c r="H28373" t="s">
        <v>16560</v>
      </c>
      <c r="I28373" s="2">
        <v>1</v>
      </c>
      <c r="J28373" s="2">
        <v>0</v>
      </c>
      <c r="K28373" s="2">
        <v>0</v>
      </c>
      <c r="L28373" t="s">
        <v>120</v>
      </c>
      <c r="M28373" t="s">
        <v>83</v>
      </c>
      <c r="N28373" t="s">
        <v>91</v>
      </c>
      <c r="O28373" t="s">
        <v>85</v>
      </c>
      <c r="P28373" t="s">
        <v>86</v>
      </c>
      <c r="Q28373">
        <v>24</v>
      </c>
      <c r="R28373">
        <v>24</v>
      </c>
      <c r="S28373">
        <v>25</v>
      </c>
      <c r="T28373">
        <v>25</v>
      </c>
      <c r="U28373">
        <v>26</v>
      </c>
      <c r="V28373">
        <v>27</v>
      </c>
      <c r="W28373">
        <v>27</v>
      </c>
      <c r="X28373">
        <v>28</v>
      </c>
      <c r="Y28373">
        <v>28</v>
      </c>
      <c r="Z28373">
        <v>29</v>
      </c>
      <c r="AA28373">
        <v>29</v>
      </c>
      <c r="AB28373">
        <v>30</v>
      </c>
      <c r="AC28373">
        <v>31</v>
      </c>
      <c r="AD28373">
        <v>31</v>
      </c>
      <c r="AE28373">
        <v>32</v>
      </c>
      <c r="AF28373">
        <v>32</v>
      </c>
      <c r="AG28373">
        <v>33</v>
      </c>
      <c r="AH28373">
        <v>34</v>
      </c>
      <c r="AI28373">
        <v>34</v>
      </c>
      <c r="AJ28373">
        <v>35</v>
      </c>
      <c r="AK28373">
        <v>35</v>
      </c>
      <c r="AL28373">
        <v>36</v>
      </c>
      <c r="AM28373">
        <v>36</v>
      </c>
      <c r="AN28373">
        <v>36</v>
      </c>
      <c r="AO28373">
        <v>37</v>
      </c>
      <c r="AP28373">
        <v>37</v>
      </c>
      <c r="AQ28373">
        <v>37</v>
      </c>
    </row>
    <row r="28374" spans="1:43">
      <c r="A28374" t="s">
        <v>17559</v>
      </c>
      <c r="B28374" t="s">
        <v>17560</v>
      </c>
      <c r="C28374" t="s">
        <v>17553</v>
      </c>
      <c r="D28374" t="s">
        <v>17554</v>
      </c>
      <c r="E28374" t="s">
        <v>17455</v>
      </c>
      <c r="F28374" t="s">
        <v>17456</v>
      </c>
      <c r="G28374" t="s">
        <v>16559</v>
      </c>
      <c r="H28374" t="s">
        <v>16560</v>
      </c>
      <c r="I28374" s="2">
        <v>1</v>
      </c>
      <c r="J28374" s="2">
        <v>0</v>
      </c>
      <c r="K28374" s="2">
        <v>0</v>
      </c>
      <c r="L28374" t="s">
        <v>120</v>
      </c>
      <c r="M28374" t="s">
        <v>83</v>
      </c>
      <c r="N28374" t="s">
        <v>84</v>
      </c>
      <c r="O28374" t="s">
        <v>85</v>
      </c>
      <c r="P28374" t="s">
        <v>86</v>
      </c>
      <c r="Q28374">
        <v>37</v>
      </c>
      <c r="R28374">
        <v>38</v>
      </c>
      <c r="S28374">
        <v>39</v>
      </c>
      <c r="T28374">
        <v>40</v>
      </c>
      <c r="U28374">
        <v>41</v>
      </c>
      <c r="V28374">
        <v>42</v>
      </c>
      <c r="W28374">
        <v>43</v>
      </c>
      <c r="X28374">
        <v>43</v>
      </c>
      <c r="Y28374">
        <v>44</v>
      </c>
      <c r="Z28374">
        <v>45</v>
      </c>
      <c r="AA28374">
        <v>46</v>
      </c>
      <c r="AB28374">
        <v>47</v>
      </c>
      <c r="AC28374">
        <v>48</v>
      </c>
      <c r="AD28374">
        <v>49</v>
      </c>
      <c r="AE28374">
        <v>50</v>
      </c>
      <c r="AF28374">
        <v>51</v>
      </c>
      <c r="AG28374">
        <v>52</v>
      </c>
      <c r="AH28374">
        <v>53</v>
      </c>
      <c r="AI28374">
        <v>54</v>
      </c>
      <c r="AJ28374">
        <v>54</v>
      </c>
      <c r="AK28374">
        <v>55</v>
      </c>
      <c r="AL28374">
        <v>56</v>
      </c>
      <c r="AM28374">
        <v>57</v>
      </c>
      <c r="AN28374">
        <v>57</v>
      </c>
      <c r="AO28374">
        <v>57</v>
      </c>
      <c r="AP28374">
        <v>58</v>
      </c>
      <c r="AQ28374">
        <v>58</v>
      </c>
    </row>
    <row r="28375" spans="1:43">
      <c r="A28375" t="s">
        <v>17559</v>
      </c>
      <c r="B28375" t="s">
        <v>17560</v>
      </c>
      <c r="C28375" t="s">
        <v>17553</v>
      </c>
      <c r="D28375" t="s">
        <v>17554</v>
      </c>
      <c r="E28375" t="s">
        <v>17455</v>
      </c>
      <c r="F28375" t="s">
        <v>17456</v>
      </c>
      <c r="G28375" t="s">
        <v>16559</v>
      </c>
      <c r="H28375" t="s">
        <v>16560</v>
      </c>
      <c r="I28375" s="2">
        <v>1</v>
      </c>
      <c r="J28375" s="2">
        <v>0</v>
      </c>
      <c r="K28375" s="2">
        <v>0</v>
      </c>
      <c r="L28375" t="s">
        <v>120</v>
      </c>
      <c r="M28375" t="s">
        <v>87</v>
      </c>
      <c r="N28375" t="s">
        <v>88</v>
      </c>
      <c r="O28375" t="s">
        <v>85</v>
      </c>
      <c r="P28375" t="s">
        <v>86</v>
      </c>
      <c r="Q28375">
        <v>37</v>
      </c>
      <c r="R28375">
        <v>37</v>
      </c>
      <c r="S28375">
        <v>38</v>
      </c>
      <c r="T28375">
        <v>38</v>
      </c>
      <c r="U28375">
        <v>39</v>
      </c>
      <c r="V28375">
        <v>39</v>
      </c>
      <c r="W28375">
        <v>40</v>
      </c>
      <c r="X28375">
        <v>40</v>
      </c>
      <c r="Y28375">
        <v>41</v>
      </c>
      <c r="Z28375">
        <v>42</v>
      </c>
      <c r="AA28375">
        <v>42</v>
      </c>
      <c r="AB28375">
        <v>43</v>
      </c>
      <c r="AC28375">
        <v>43</v>
      </c>
      <c r="AD28375">
        <v>44</v>
      </c>
      <c r="AE28375">
        <v>44</v>
      </c>
      <c r="AF28375">
        <v>45</v>
      </c>
      <c r="AG28375">
        <v>45</v>
      </c>
      <c r="AH28375">
        <v>46</v>
      </c>
      <c r="AI28375">
        <v>46</v>
      </c>
      <c r="AJ28375">
        <v>47</v>
      </c>
      <c r="AK28375">
        <v>47</v>
      </c>
      <c r="AL28375">
        <v>48</v>
      </c>
      <c r="AM28375">
        <v>49</v>
      </c>
      <c r="AN28375">
        <v>49</v>
      </c>
      <c r="AO28375">
        <v>50</v>
      </c>
      <c r="AP28375">
        <v>50</v>
      </c>
      <c r="AQ28375">
        <v>51</v>
      </c>
    </row>
    <row r="28376" spans="1:43">
      <c r="A28376" t="s">
        <v>17559</v>
      </c>
      <c r="B28376" t="s">
        <v>17560</v>
      </c>
      <c r="C28376" t="s">
        <v>17553</v>
      </c>
      <c r="D28376" t="s">
        <v>17554</v>
      </c>
      <c r="E28376" t="s">
        <v>17455</v>
      </c>
      <c r="F28376" t="s">
        <v>17456</v>
      </c>
      <c r="G28376" t="s">
        <v>16559</v>
      </c>
      <c r="H28376" t="s">
        <v>16560</v>
      </c>
      <c r="I28376" s="2">
        <v>1</v>
      </c>
      <c r="J28376" s="2">
        <v>0</v>
      </c>
      <c r="K28376" s="2">
        <v>0</v>
      </c>
      <c r="L28376" t="s">
        <v>120</v>
      </c>
      <c r="M28376" t="s">
        <v>89</v>
      </c>
      <c r="N28376" t="s">
        <v>90</v>
      </c>
      <c r="O28376" t="s">
        <v>85</v>
      </c>
      <c r="P28376" t="s">
        <v>86</v>
      </c>
      <c r="Q28376">
        <v>37</v>
      </c>
      <c r="R28376">
        <v>38</v>
      </c>
      <c r="S28376">
        <v>39</v>
      </c>
      <c r="T28376">
        <v>40</v>
      </c>
      <c r="U28376">
        <v>41</v>
      </c>
      <c r="V28376">
        <v>42</v>
      </c>
      <c r="W28376">
        <v>44</v>
      </c>
      <c r="X28376">
        <v>45</v>
      </c>
      <c r="Y28376">
        <v>46</v>
      </c>
      <c r="Z28376">
        <v>47</v>
      </c>
      <c r="AA28376">
        <v>48</v>
      </c>
      <c r="AB28376">
        <v>49</v>
      </c>
      <c r="AC28376">
        <v>50</v>
      </c>
      <c r="AD28376">
        <v>51</v>
      </c>
      <c r="AE28376">
        <v>52</v>
      </c>
      <c r="AF28376">
        <v>53</v>
      </c>
      <c r="AG28376">
        <v>53</v>
      </c>
      <c r="AH28376">
        <v>54</v>
      </c>
      <c r="AI28376">
        <v>54</v>
      </c>
      <c r="AJ28376">
        <v>55</v>
      </c>
      <c r="AK28376">
        <v>55</v>
      </c>
      <c r="AL28376">
        <v>55</v>
      </c>
      <c r="AM28376">
        <v>56</v>
      </c>
      <c r="AN28376">
        <v>56</v>
      </c>
      <c r="AO28376">
        <v>57</v>
      </c>
      <c r="AP28376">
        <v>57</v>
      </c>
      <c r="AQ28376">
        <v>58</v>
      </c>
    </row>
    <row r="28377" spans="1:43">
      <c r="A28377" t="s">
        <v>17559</v>
      </c>
      <c r="B28377" t="s">
        <v>17560</v>
      </c>
      <c r="C28377" t="s">
        <v>17553</v>
      </c>
      <c r="D28377" t="s">
        <v>17554</v>
      </c>
      <c r="E28377" t="s">
        <v>17455</v>
      </c>
      <c r="F28377" t="s">
        <v>17456</v>
      </c>
      <c r="G28377" t="s">
        <v>16559</v>
      </c>
      <c r="H28377" t="s">
        <v>16560</v>
      </c>
      <c r="I28377" s="2">
        <v>1</v>
      </c>
      <c r="J28377" s="2">
        <v>0</v>
      </c>
      <c r="K28377" s="2">
        <v>0</v>
      </c>
      <c r="L28377" t="s">
        <v>120</v>
      </c>
      <c r="M28377" t="s">
        <v>83</v>
      </c>
      <c r="N28377" t="s">
        <v>91</v>
      </c>
      <c r="O28377" t="s">
        <v>85</v>
      </c>
      <c r="P28377" t="s">
        <v>86</v>
      </c>
      <c r="Q28377">
        <v>37</v>
      </c>
      <c r="R28377">
        <v>38</v>
      </c>
      <c r="S28377">
        <v>39</v>
      </c>
      <c r="T28377">
        <v>40</v>
      </c>
      <c r="U28377">
        <v>41</v>
      </c>
      <c r="V28377">
        <v>42</v>
      </c>
      <c r="W28377">
        <v>43</v>
      </c>
      <c r="X28377">
        <v>43</v>
      </c>
      <c r="Y28377">
        <v>44</v>
      </c>
      <c r="Z28377">
        <v>45</v>
      </c>
      <c r="AA28377">
        <v>46</v>
      </c>
      <c r="AB28377">
        <v>47</v>
      </c>
      <c r="AC28377">
        <v>48</v>
      </c>
      <c r="AD28377">
        <v>49</v>
      </c>
      <c r="AE28377">
        <v>50</v>
      </c>
      <c r="AF28377">
        <v>51</v>
      </c>
      <c r="AG28377">
        <v>52</v>
      </c>
      <c r="AH28377">
        <v>53</v>
      </c>
      <c r="AI28377">
        <v>54</v>
      </c>
      <c r="AJ28377">
        <v>54</v>
      </c>
      <c r="AK28377">
        <v>55</v>
      </c>
      <c r="AL28377">
        <v>56</v>
      </c>
      <c r="AM28377">
        <v>57</v>
      </c>
      <c r="AN28377">
        <v>57</v>
      </c>
      <c r="AO28377">
        <v>57</v>
      </c>
      <c r="AP28377">
        <v>58</v>
      </c>
      <c r="AQ28377">
        <v>58</v>
      </c>
    </row>
    <row r="28378" spans="1:43">
      <c r="A28378" t="s">
        <v>17561</v>
      </c>
      <c r="B28378" t="s">
        <v>17562</v>
      </c>
      <c r="C28378" t="s">
        <v>17563</v>
      </c>
      <c r="D28378" t="s">
        <v>17564</v>
      </c>
      <c r="E28378" t="s">
        <v>17455</v>
      </c>
      <c r="F28378" t="s">
        <v>17456</v>
      </c>
      <c r="G28378" t="s">
        <v>16559</v>
      </c>
      <c r="H28378" t="s">
        <v>16560</v>
      </c>
      <c r="I28378" s="2">
        <v>1</v>
      </c>
      <c r="J28378" s="2">
        <v>0</v>
      </c>
      <c r="K28378" s="2">
        <v>0</v>
      </c>
      <c r="L28378" t="s">
        <v>120</v>
      </c>
      <c r="M28378" t="s">
        <v>83</v>
      </c>
      <c r="N28378" t="s">
        <v>84</v>
      </c>
      <c r="O28378" t="s">
        <v>85</v>
      </c>
      <c r="P28378" t="s">
        <v>86</v>
      </c>
      <c r="Q28378">
        <v>15</v>
      </c>
      <c r="R28378">
        <v>16</v>
      </c>
      <c r="S28378">
        <v>16</v>
      </c>
      <c r="T28378">
        <v>16</v>
      </c>
      <c r="U28378">
        <v>17</v>
      </c>
      <c r="V28378">
        <v>17</v>
      </c>
      <c r="W28378">
        <v>17</v>
      </c>
      <c r="X28378">
        <v>18</v>
      </c>
      <c r="Y28378">
        <v>18</v>
      </c>
      <c r="Z28378">
        <v>19</v>
      </c>
      <c r="AA28378">
        <v>19</v>
      </c>
      <c r="AB28378">
        <v>19</v>
      </c>
      <c r="AC28378">
        <v>20</v>
      </c>
      <c r="AD28378">
        <v>20</v>
      </c>
      <c r="AE28378">
        <v>21</v>
      </c>
      <c r="AF28378">
        <v>21</v>
      </c>
      <c r="AG28378">
        <v>21</v>
      </c>
      <c r="AH28378">
        <v>22</v>
      </c>
      <c r="AI28378">
        <v>22</v>
      </c>
      <c r="AJ28378">
        <v>23</v>
      </c>
      <c r="AK28378">
        <v>23</v>
      </c>
      <c r="AL28378">
        <v>23</v>
      </c>
      <c r="AM28378">
        <v>24</v>
      </c>
      <c r="AN28378">
        <v>24</v>
      </c>
      <c r="AO28378">
        <v>24</v>
      </c>
      <c r="AP28378">
        <v>24</v>
      </c>
      <c r="AQ28378">
        <v>24</v>
      </c>
    </row>
    <row r="28379" spans="1:43">
      <c r="A28379" t="s">
        <v>17561</v>
      </c>
      <c r="B28379" t="s">
        <v>17562</v>
      </c>
      <c r="C28379" t="s">
        <v>17563</v>
      </c>
      <c r="D28379" t="s">
        <v>17564</v>
      </c>
      <c r="E28379" t="s">
        <v>17455</v>
      </c>
      <c r="F28379" t="s">
        <v>17456</v>
      </c>
      <c r="G28379" t="s">
        <v>16559</v>
      </c>
      <c r="H28379" t="s">
        <v>16560</v>
      </c>
      <c r="I28379" s="2">
        <v>1</v>
      </c>
      <c r="J28379" s="2">
        <v>0</v>
      </c>
      <c r="K28379" s="2">
        <v>0</v>
      </c>
      <c r="L28379" t="s">
        <v>120</v>
      </c>
      <c r="M28379" t="s">
        <v>87</v>
      </c>
      <c r="N28379" t="s">
        <v>88</v>
      </c>
      <c r="O28379" t="s">
        <v>85</v>
      </c>
      <c r="P28379" t="s">
        <v>86</v>
      </c>
      <c r="Q28379">
        <v>15</v>
      </c>
      <c r="R28379">
        <v>15</v>
      </c>
      <c r="S28379">
        <v>15</v>
      </c>
      <c r="T28379">
        <v>16</v>
      </c>
      <c r="U28379">
        <v>16</v>
      </c>
      <c r="V28379">
        <v>16</v>
      </c>
      <c r="W28379">
        <v>16</v>
      </c>
      <c r="X28379">
        <v>17</v>
      </c>
      <c r="Y28379">
        <v>17</v>
      </c>
      <c r="Z28379">
        <v>17</v>
      </c>
      <c r="AA28379">
        <v>17</v>
      </c>
      <c r="AB28379">
        <v>18</v>
      </c>
      <c r="AC28379">
        <v>18</v>
      </c>
      <c r="AD28379">
        <v>18</v>
      </c>
      <c r="AE28379">
        <v>18</v>
      </c>
      <c r="AF28379">
        <v>18</v>
      </c>
      <c r="AG28379">
        <v>19</v>
      </c>
      <c r="AH28379">
        <v>19</v>
      </c>
      <c r="AI28379">
        <v>19</v>
      </c>
      <c r="AJ28379">
        <v>19</v>
      </c>
      <c r="AK28379">
        <v>20</v>
      </c>
      <c r="AL28379">
        <v>20</v>
      </c>
      <c r="AM28379">
        <v>20</v>
      </c>
      <c r="AN28379">
        <v>20</v>
      </c>
      <c r="AO28379">
        <v>21</v>
      </c>
      <c r="AP28379">
        <v>21</v>
      </c>
      <c r="AQ28379">
        <v>21</v>
      </c>
    </row>
    <row r="28380" spans="1:43">
      <c r="A28380" t="s">
        <v>17561</v>
      </c>
      <c r="B28380" t="s">
        <v>17562</v>
      </c>
      <c r="C28380" t="s">
        <v>17563</v>
      </c>
      <c r="D28380" t="s">
        <v>17564</v>
      </c>
      <c r="E28380" t="s">
        <v>17455</v>
      </c>
      <c r="F28380" t="s">
        <v>17456</v>
      </c>
      <c r="G28380" t="s">
        <v>16559</v>
      </c>
      <c r="H28380" t="s">
        <v>16560</v>
      </c>
      <c r="I28380" s="2">
        <v>1</v>
      </c>
      <c r="J28380" s="2">
        <v>0</v>
      </c>
      <c r="K28380" s="2">
        <v>0</v>
      </c>
      <c r="L28380" t="s">
        <v>120</v>
      </c>
      <c r="M28380" t="s">
        <v>89</v>
      </c>
      <c r="N28380" t="s">
        <v>90</v>
      </c>
      <c r="O28380" t="s">
        <v>85</v>
      </c>
      <c r="P28380" t="s">
        <v>86</v>
      </c>
      <c r="Q28380">
        <v>15</v>
      </c>
      <c r="R28380">
        <v>16</v>
      </c>
      <c r="S28380">
        <v>16</v>
      </c>
      <c r="T28380">
        <v>17</v>
      </c>
      <c r="U28380">
        <v>17</v>
      </c>
      <c r="V28380">
        <v>18</v>
      </c>
      <c r="W28380">
        <v>18</v>
      </c>
      <c r="X28380">
        <v>19</v>
      </c>
      <c r="Y28380">
        <v>19</v>
      </c>
      <c r="Z28380">
        <v>20</v>
      </c>
      <c r="AA28380">
        <v>20</v>
      </c>
      <c r="AB28380">
        <v>21</v>
      </c>
      <c r="AC28380">
        <v>21</v>
      </c>
      <c r="AD28380">
        <v>22</v>
      </c>
      <c r="AE28380">
        <v>22</v>
      </c>
      <c r="AF28380">
        <v>22</v>
      </c>
      <c r="AG28380">
        <v>23</v>
      </c>
      <c r="AH28380">
        <v>23</v>
      </c>
      <c r="AI28380">
        <v>23</v>
      </c>
      <c r="AJ28380">
        <v>23</v>
      </c>
      <c r="AK28380">
        <v>23</v>
      </c>
      <c r="AL28380">
        <v>24</v>
      </c>
      <c r="AM28380">
        <v>24</v>
      </c>
      <c r="AN28380">
        <v>24</v>
      </c>
      <c r="AO28380">
        <v>24</v>
      </c>
      <c r="AP28380">
        <v>24</v>
      </c>
      <c r="AQ28380">
        <v>25</v>
      </c>
    </row>
    <row r="28381" spans="1:43">
      <c r="A28381" t="s">
        <v>17561</v>
      </c>
      <c r="B28381" t="s">
        <v>17562</v>
      </c>
      <c r="C28381" t="s">
        <v>17563</v>
      </c>
      <c r="D28381" t="s">
        <v>17564</v>
      </c>
      <c r="E28381" t="s">
        <v>17455</v>
      </c>
      <c r="F28381" t="s">
        <v>17456</v>
      </c>
      <c r="G28381" t="s">
        <v>16559</v>
      </c>
      <c r="H28381" t="s">
        <v>16560</v>
      </c>
      <c r="I28381" s="2">
        <v>1</v>
      </c>
      <c r="J28381" s="2">
        <v>0</v>
      </c>
      <c r="K28381" s="2">
        <v>0</v>
      </c>
      <c r="L28381" t="s">
        <v>120</v>
      </c>
      <c r="M28381" t="s">
        <v>83</v>
      </c>
      <c r="N28381" t="s">
        <v>91</v>
      </c>
      <c r="O28381" t="s">
        <v>85</v>
      </c>
      <c r="P28381" t="s">
        <v>86</v>
      </c>
      <c r="Q28381">
        <v>15</v>
      </c>
      <c r="R28381">
        <v>16</v>
      </c>
      <c r="S28381">
        <v>16</v>
      </c>
      <c r="T28381">
        <v>16</v>
      </c>
      <c r="U28381">
        <v>17</v>
      </c>
      <c r="V28381">
        <v>17</v>
      </c>
      <c r="W28381">
        <v>17</v>
      </c>
      <c r="X28381">
        <v>18</v>
      </c>
      <c r="Y28381">
        <v>18</v>
      </c>
      <c r="Z28381">
        <v>19</v>
      </c>
      <c r="AA28381">
        <v>19</v>
      </c>
      <c r="AB28381">
        <v>19</v>
      </c>
      <c r="AC28381">
        <v>20</v>
      </c>
      <c r="AD28381">
        <v>20</v>
      </c>
      <c r="AE28381">
        <v>21</v>
      </c>
      <c r="AF28381">
        <v>21</v>
      </c>
      <c r="AG28381">
        <v>21</v>
      </c>
      <c r="AH28381">
        <v>22</v>
      </c>
      <c r="AI28381">
        <v>22</v>
      </c>
      <c r="AJ28381">
        <v>23</v>
      </c>
      <c r="AK28381">
        <v>23</v>
      </c>
      <c r="AL28381">
        <v>23</v>
      </c>
      <c r="AM28381">
        <v>24</v>
      </c>
      <c r="AN28381">
        <v>24</v>
      </c>
      <c r="AO28381">
        <v>24</v>
      </c>
      <c r="AP28381">
        <v>24</v>
      </c>
      <c r="AQ28381">
        <v>24</v>
      </c>
    </row>
    <row r="28382" spans="1:43">
      <c r="A28382" t="s">
        <v>17565</v>
      </c>
      <c r="B28382" t="s">
        <v>17566</v>
      </c>
      <c r="C28382" t="s">
        <v>17563</v>
      </c>
      <c r="D28382" t="s">
        <v>17564</v>
      </c>
      <c r="E28382" t="s">
        <v>17455</v>
      </c>
      <c r="F28382" t="s">
        <v>17456</v>
      </c>
      <c r="G28382" t="s">
        <v>16559</v>
      </c>
      <c r="H28382" t="s">
        <v>16560</v>
      </c>
      <c r="I28382" s="2">
        <v>1</v>
      </c>
      <c r="J28382" s="2">
        <v>0</v>
      </c>
      <c r="K28382" s="2">
        <v>0</v>
      </c>
      <c r="L28382" t="s">
        <v>120</v>
      </c>
      <c r="M28382" t="s">
        <v>83</v>
      </c>
      <c r="N28382" t="s">
        <v>84</v>
      </c>
      <c r="O28382" t="s">
        <v>85</v>
      </c>
      <c r="P28382" t="s">
        <v>86</v>
      </c>
      <c r="Q28382">
        <v>18</v>
      </c>
      <c r="R28382">
        <v>19</v>
      </c>
      <c r="S28382">
        <v>19</v>
      </c>
      <c r="T28382">
        <v>20</v>
      </c>
      <c r="U28382">
        <v>20</v>
      </c>
      <c r="V28382">
        <v>20</v>
      </c>
      <c r="W28382">
        <v>21</v>
      </c>
      <c r="X28382">
        <v>21</v>
      </c>
      <c r="Y28382">
        <v>22</v>
      </c>
      <c r="Z28382">
        <v>22</v>
      </c>
      <c r="AA28382">
        <v>23</v>
      </c>
      <c r="AB28382">
        <v>23</v>
      </c>
      <c r="AC28382">
        <v>24</v>
      </c>
      <c r="AD28382">
        <v>24</v>
      </c>
      <c r="AE28382">
        <v>25</v>
      </c>
      <c r="AF28382">
        <v>25</v>
      </c>
      <c r="AG28382">
        <v>26</v>
      </c>
      <c r="AH28382">
        <v>26</v>
      </c>
      <c r="AI28382">
        <v>27</v>
      </c>
      <c r="AJ28382">
        <v>27</v>
      </c>
      <c r="AK28382">
        <v>28</v>
      </c>
      <c r="AL28382">
        <v>28</v>
      </c>
      <c r="AM28382">
        <v>28</v>
      </c>
      <c r="AN28382">
        <v>28</v>
      </c>
      <c r="AO28382">
        <v>29</v>
      </c>
      <c r="AP28382">
        <v>29</v>
      </c>
      <c r="AQ28382">
        <v>29</v>
      </c>
    </row>
    <row r="28383" spans="1:43">
      <c r="A28383" t="s">
        <v>17565</v>
      </c>
      <c r="B28383" t="s">
        <v>17566</v>
      </c>
      <c r="C28383" t="s">
        <v>17563</v>
      </c>
      <c r="D28383" t="s">
        <v>17564</v>
      </c>
      <c r="E28383" t="s">
        <v>17455</v>
      </c>
      <c r="F28383" t="s">
        <v>17456</v>
      </c>
      <c r="G28383" t="s">
        <v>16559</v>
      </c>
      <c r="H28383" t="s">
        <v>16560</v>
      </c>
      <c r="I28383" s="2">
        <v>1</v>
      </c>
      <c r="J28383" s="2">
        <v>0</v>
      </c>
      <c r="K28383" s="2">
        <v>0</v>
      </c>
      <c r="L28383" t="s">
        <v>120</v>
      </c>
      <c r="M28383" t="s">
        <v>87</v>
      </c>
      <c r="N28383" t="s">
        <v>88</v>
      </c>
      <c r="O28383" t="s">
        <v>85</v>
      </c>
      <c r="P28383" t="s">
        <v>86</v>
      </c>
      <c r="Q28383">
        <v>18</v>
      </c>
      <c r="R28383">
        <v>18</v>
      </c>
      <c r="S28383">
        <v>19</v>
      </c>
      <c r="T28383">
        <v>19</v>
      </c>
      <c r="U28383">
        <v>19</v>
      </c>
      <c r="V28383">
        <v>19</v>
      </c>
      <c r="W28383">
        <v>20</v>
      </c>
      <c r="X28383">
        <v>20</v>
      </c>
      <c r="Y28383">
        <v>20</v>
      </c>
      <c r="Z28383">
        <v>20</v>
      </c>
      <c r="AA28383">
        <v>21</v>
      </c>
      <c r="AB28383">
        <v>21</v>
      </c>
      <c r="AC28383">
        <v>21</v>
      </c>
      <c r="AD28383">
        <v>22</v>
      </c>
      <c r="AE28383">
        <v>22</v>
      </c>
      <c r="AF28383">
        <v>22</v>
      </c>
      <c r="AG28383">
        <v>22</v>
      </c>
      <c r="AH28383">
        <v>23</v>
      </c>
      <c r="AI28383">
        <v>23</v>
      </c>
      <c r="AJ28383">
        <v>23</v>
      </c>
      <c r="AK28383">
        <v>24</v>
      </c>
      <c r="AL28383">
        <v>24</v>
      </c>
      <c r="AM28383">
        <v>24</v>
      </c>
      <c r="AN28383">
        <v>24</v>
      </c>
      <c r="AO28383">
        <v>25</v>
      </c>
      <c r="AP28383">
        <v>25</v>
      </c>
      <c r="AQ28383">
        <v>25</v>
      </c>
    </row>
    <row r="28384" spans="1:43">
      <c r="A28384" t="s">
        <v>17565</v>
      </c>
      <c r="B28384" t="s">
        <v>17566</v>
      </c>
      <c r="C28384" t="s">
        <v>17563</v>
      </c>
      <c r="D28384" t="s">
        <v>17564</v>
      </c>
      <c r="E28384" t="s">
        <v>17455</v>
      </c>
      <c r="F28384" t="s">
        <v>17456</v>
      </c>
      <c r="G28384" t="s">
        <v>16559</v>
      </c>
      <c r="H28384" t="s">
        <v>16560</v>
      </c>
      <c r="I28384" s="2">
        <v>1</v>
      </c>
      <c r="J28384" s="2">
        <v>0</v>
      </c>
      <c r="K28384" s="2">
        <v>0</v>
      </c>
      <c r="L28384" t="s">
        <v>120</v>
      </c>
      <c r="M28384" t="s">
        <v>89</v>
      </c>
      <c r="N28384" t="s">
        <v>90</v>
      </c>
      <c r="O28384" t="s">
        <v>85</v>
      </c>
      <c r="P28384" t="s">
        <v>86</v>
      </c>
      <c r="Q28384">
        <v>18</v>
      </c>
      <c r="R28384">
        <v>19</v>
      </c>
      <c r="S28384">
        <v>20</v>
      </c>
      <c r="T28384">
        <v>20</v>
      </c>
      <c r="U28384">
        <v>21</v>
      </c>
      <c r="V28384">
        <v>21</v>
      </c>
      <c r="W28384">
        <v>22</v>
      </c>
      <c r="X28384">
        <v>22</v>
      </c>
      <c r="Y28384">
        <v>23</v>
      </c>
      <c r="Z28384">
        <v>24</v>
      </c>
      <c r="AA28384">
        <v>24</v>
      </c>
      <c r="AB28384">
        <v>25</v>
      </c>
      <c r="AC28384">
        <v>25</v>
      </c>
      <c r="AD28384">
        <v>26</v>
      </c>
      <c r="AE28384">
        <v>26</v>
      </c>
      <c r="AF28384">
        <v>27</v>
      </c>
      <c r="AG28384">
        <v>27</v>
      </c>
      <c r="AH28384">
        <v>27</v>
      </c>
      <c r="AI28384">
        <v>27</v>
      </c>
      <c r="AJ28384">
        <v>28</v>
      </c>
      <c r="AK28384">
        <v>28</v>
      </c>
      <c r="AL28384">
        <v>28</v>
      </c>
      <c r="AM28384">
        <v>28</v>
      </c>
      <c r="AN28384">
        <v>29</v>
      </c>
      <c r="AO28384">
        <v>29</v>
      </c>
      <c r="AP28384">
        <v>29</v>
      </c>
      <c r="AQ28384">
        <v>29</v>
      </c>
    </row>
    <row r="28385" spans="1:43">
      <c r="A28385" t="s">
        <v>17565</v>
      </c>
      <c r="B28385" t="s">
        <v>17566</v>
      </c>
      <c r="C28385" t="s">
        <v>17563</v>
      </c>
      <c r="D28385" t="s">
        <v>17564</v>
      </c>
      <c r="E28385" t="s">
        <v>17455</v>
      </c>
      <c r="F28385" t="s">
        <v>17456</v>
      </c>
      <c r="G28385" t="s">
        <v>16559</v>
      </c>
      <c r="H28385" t="s">
        <v>16560</v>
      </c>
      <c r="I28385" s="2">
        <v>1</v>
      </c>
      <c r="J28385" s="2">
        <v>0</v>
      </c>
      <c r="K28385" s="2">
        <v>0</v>
      </c>
      <c r="L28385" t="s">
        <v>120</v>
      </c>
      <c r="M28385" t="s">
        <v>83</v>
      </c>
      <c r="N28385" t="s">
        <v>91</v>
      </c>
      <c r="O28385" t="s">
        <v>85</v>
      </c>
      <c r="P28385" t="s">
        <v>86</v>
      </c>
      <c r="Q28385">
        <v>18</v>
      </c>
      <c r="R28385">
        <v>19</v>
      </c>
      <c r="S28385">
        <v>19</v>
      </c>
      <c r="T28385">
        <v>20</v>
      </c>
      <c r="U28385">
        <v>20</v>
      </c>
      <c r="V28385">
        <v>20</v>
      </c>
      <c r="W28385">
        <v>21</v>
      </c>
      <c r="X28385">
        <v>21</v>
      </c>
      <c r="Y28385">
        <v>22</v>
      </c>
      <c r="Z28385">
        <v>22</v>
      </c>
      <c r="AA28385">
        <v>23</v>
      </c>
      <c r="AB28385">
        <v>23</v>
      </c>
      <c r="AC28385">
        <v>24</v>
      </c>
      <c r="AD28385">
        <v>24</v>
      </c>
      <c r="AE28385">
        <v>25</v>
      </c>
      <c r="AF28385">
        <v>25</v>
      </c>
      <c r="AG28385">
        <v>26</v>
      </c>
      <c r="AH28385">
        <v>26</v>
      </c>
      <c r="AI28385">
        <v>27</v>
      </c>
      <c r="AJ28385">
        <v>27</v>
      </c>
      <c r="AK28385">
        <v>28</v>
      </c>
      <c r="AL28385">
        <v>28</v>
      </c>
      <c r="AM28385">
        <v>28</v>
      </c>
      <c r="AN28385">
        <v>28</v>
      </c>
      <c r="AO28385">
        <v>29</v>
      </c>
      <c r="AP28385">
        <v>29</v>
      </c>
      <c r="AQ28385">
        <v>29</v>
      </c>
    </row>
    <row r="28386" spans="1:43">
      <c r="A28386" t="s">
        <v>17567</v>
      </c>
      <c r="B28386" t="s">
        <v>17568</v>
      </c>
      <c r="C28386" t="s">
        <v>17563</v>
      </c>
      <c r="D28386" t="s">
        <v>17564</v>
      </c>
      <c r="E28386" t="s">
        <v>17455</v>
      </c>
      <c r="F28386" t="s">
        <v>17456</v>
      </c>
      <c r="G28386" t="s">
        <v>16559</v>
      </c>
      <c r="H28386" t="s">
        <v>16560</v>
      </c>
      <c r="I28386" s="2">
        <v>1</v>
      </c>
      <c r="J28386" s="2">
        <v>0</v>
      </c>
      <c r="K28386" s="2">
        <v>0</v>
      </c>
      <c r="L28386" t="s">
        <v>120</v>
      </c>
      <c r="M28386" t="s">
        <v>83</v>
      </c>
      <c r="N28386" t="s">
        <v>84</v>
      </c>
      <c r="O28386" t="s">
        <v>85</v>
      </c>
      <c r="P28386" t="s">
        <v>86</v>
      </c>
      <c r="Q28386">
        <v>23</v>
      </c>
      <c r="R28386">
        <v>23</v>
      </c>
      <c r="S28386">
        <v>24</v>
      </c>
      <c r="T28386">
        <v>24</v>
      </c>
      <c r="U28386">
        <v>25</v>
      </c>
      <c r="V28386">
        <v>25</v>
      </c>
      <c r="W28386">
        <v>26</v>
      </c>
      <c r="X28386">
        <v>27</v>
      </c>
      <c r="Y28386">
        <v>27</v>
      </c>
      <c r="Z28386">
        <v>28</v>
      </c>
      <c r="AA28386">
        <v>28</v>
      </c>
      <c r="AB28386">
        <v>29</v>
      </c>
      <c r="AC28386">
        <v>29</v>
      </c>
      <c r="AD28386">
        <v>30</v>
      </c>
      <c r="AE28386">
        <v>31</v>
      </c>
      <c r="AF28386">
        <v>31</v>
      </c>
      <c r="AG28386">
        <v>32</v>
      </c>
      <c r="AH28386">
        <v>33</v>
      </c>
      <c r="AI28386">
        <v>33</v>
      </c>
      <c r="AJ28386">
        <v>34</v>
      </c>
      <c r="AK28386">
        <v>34</v>
      </c>
      <c r="AL28386">
        <v>35</v>
      </c>
      <c r="AM28386">
        <v>35</v>
      </c>
      <c r="AN28386">
        <v>35</v>
      </c>
      <c r="AO28386">
        <v>36</v>
      </c>
      <c r="AP28386">
        <v>36</v>
      </c>
      <c r="AQ28386">
        <v>36</v>
      </c>
    </row>
    <row r="28387" spans="1:43">
      <c r="A28387" t="s">
        <v>17567</v>
      </c>
      <c r="B28387" t="s">
        <v>17568</v>
      </c>
      <c r="C28387" t="s">
        <v>17563</v>
      </c>
      <c r="D28387" t="s">
        <v>17564</v>
      </c>
      <c r="E28387" t="s">
        <v>17455</v>
      </c>
      <c r="F28387" t="s">
        <v>17456</v>
      </c>
      <c r="G28387" t="s">
        <v>16559</v>
      </c>
      <c r="H28387" t="s">
        <v>16560</v>
      </c>
      <c r="I28387" s="2">
        <v>1</v>
      </c>
      <c r="J28387" s="2">
        <v>0</v>
      </c>
      <c r="K28387" s="2">
        <v>0</v>
      </c>
      <c r="L28387" t="s">
        <v>120</v>
      </c>
      <c r="M28387" t="s">
        <v>87</v>
      </c>
      <c r="N28387" t="s">
        <v>88</v>
      </c>
      <c r="O28387" t="s">
        <v>85</v>
      </c>
      <c r="P28387" t="s">
        <v>86</v>
      </c>
      <c r="Q28387">
        <v>23</v>
      </c>
      <c r="R28387">
        <v>24</v>
      </c>
      <c r="S28387">
        <v>24</v>
      </c>
      <c r="T28387">
        <v>24</v>
      </c>
      <c r="U28387">
        <v>25</v>
      </c>
      <c r="V28387">
        <v>25</v>
      </c>
      <c r="W28387">
        <v>25</v>
      </c>
      <c r="X28387">
        <v>26</v>
      </c>
      <c r="Y28387">
        <v>26</v>
      </c>
      <c r="Z28387">
        <v>26</v>
      </c>
      <c r="AA28387">
        <v>27</v>
      </c>
      <c r="AB28387">
        <v>27</v>
      </c>
      <c r="AC28387">
        <v>27</v>
      </c>
      <c r="AD28387">
        <v>28</v>
      </c>
      <c r="AE28387">
        <v>28</v>
      </c>
      <c r="AF28387">
        <v>29</v>
      </c>
      <c r="AG28387">
        <v>29</v>
      </c>
      <c r="AH28387">
        <v>29</v>
      </c>
      <c r="AI28387">
        <v>30</v>
      </c>
      <c r="AJ28387">
        <v>30</v>
      </c>
      <c r="AK28387">
        <v>30</v>
      </c>
      <c r="AL28387">
        <v>31</v>
      </c>
      <c r="AM28387">
        <v>31</v>
      </c>
      <c r="AN28387">
        <v>31</v>
      </c>
      <c r="AO28387">
        <v>32</v>
      </c>
      <c r="AP28387">
        <v>32</v>
      </c>
      <c r="AQ28387">
        <v>32</v>
      </c>
    </row>
    <row r="28388" spans="1:43">
      <c r="A28388" t="s">
        <v>17567</v>
      </c>
      <c r="B28388" t="s">
        <v>17568</v>
      </c>
      <c r="C28388" t="s">
        <v>17563</v>
      </c>
      <c r="D28388" t="s">
        <v>17564</v>
      </c>
      <c r="E28388" t="s">
        <v>17455</v>
      </c>
      <c r="F28388" t="s">
        <v>17456</v>
      </c>
      <c r="G28388" t="s">
        <v>16559</v>
      </c>
      <c r="H28388" t="s">
        <v>16560</v>
      </c>
      <c r="I28388" s="2">
        <v>1</v>
      </c>
      <c r="J28388" s="2">
        <v>0</v>
      </c>
      <c r="K28388" s="2">
        <v>0</v>
      </c>
      <c r="L28388" t="s">
        <v>120</v>
      </c>
      <c r="M28388" t="s">
        <v>89</v>
      </c>
      <c r="N28388" t="s">
        <v>90</v>
      </c>
      <c r="O28388" t="s">
        <v>85</v>
      </c>
      <c r="P28388" t="s">
        <v>86</v>
      </c>
      <c r="Q28388">
        <v>23</v>
      </c>
      <c r="R28388">
        <v>24</v>
      </c>
      <c r="S28388">
        <v>24</v>
      </c>
      <c r="T28388">
        <v>25</v>
      </c>
      <c r="U28388">
        <v>26</v>
      </c>
      <c r="V28388">
        <v>27</v>
      </c>
      <c r="W28388">
        <v>27</v>
      </c>
      <c r="X28388">
        <v>28</v>
      </c>
      <c r="Y28388">
        <v>29</v>
      </c>
      <c r="Z28388">
        <v>29</v>
      </c>
      <c r="AA28388">
        <v>30</v>
      </c>
      <c r="AB28388">
        <v>31</v>
      </c>
      <c r="AC28388">
        <v>32</v>
      </c>
      <c r="AD28388">
        <v>32</v>
      </c>
      <c r="AE28388">
        <v>33</v>
      </c>
      <c r="AF28388">
        <v>33</v>
      </c>
      <c r="AG28388">
        <v>34</v>
      </c>
      <c r="AH28388">
        <v>34</v>
      </c>
      <c r="AI28388">
        <v>34</v>
      </c>
      <c r="AJ28388">
        <v>34</v>
      </c>
      <c r="AK28388">
        <v>35</v>
      </c>
      <c r="AL28388">
        <v>35</v>
      </c>
      <c r="AM28388">
        <v>35</v>
      </c>
      <c r="AN28388">
        <v>36</v>
      </c>
      <c r="AO28388">
        <v>36</v>
      </c>
      <c r="AP28388">
        <v>36</v>
      </c>
      <c r="AQ28388">
        <v>37</v>
      </c>
    </row>
    <row r="28389" spans="1:43">
      <c r="A28389" t="s">
        <v>17567</v>
      </c>
      <c r="B28389" t="s">
        <v>17568</v>
      </c>
      <c r="C28389" t="s">
        <v>17563</v>
      </c>
      <c r="D28389" t="s">
        <v>17564</v>
      </c>
      <c r="E28389" t="s">
        <v>17455</v>
      </c>
      <c r="F28389" t="s">
        <v>17456</v>
      </c>
      <c r="G28389" t="s">
        <v>16559</v>
      </c>
      <c r="H28389" t="s">
        <v>16560</v>
      </c>
      <c r="I28389" s="2">
        <v>1</v>
      </c>
      <c r="J28389" s="2">
        <v>0</v>
      </c>
      <c r="K28389" s="2">
        <v>0</v>
      </c>
      <c r="L28389" t="s">
        <v>120</v>
      </c>
      <c r="M28389" t="s">
        <v>83</v>
      </c>
      <c r="N28389" t="s">
        <v>91</v>
      </c>
      <c r="O28389" t="s">
        <v>85</v>
      </c>
      <c r="P28389" t="s">
        <v>86</v>
      </c>
      <c r="Q28389">
        <v>23</v>
      </c>
      <c r="R28389">
        <v>23</v>
      </c>
      <c r="S28389">
        <v>24</v>
      </c>
      <c r="T28389">
        <v>24</v>
      </c>
      <c r="U28389">
        <v>25</v>
      </c>
      <c r="V28389">
        <v>25</v>
      </c>
      <c r="W28389">
        <v>26</v>
      </c>
      <c r="X28389">
        <v>27</v>
      </c>
      <c r="Y28389">
        <v>27</v>
      </c>
      <c r="Z28389">
        <v>28</v>
      </c>
      <c r="AA28389">
        <v>28</v>
      </c>
      <c r="AB28389">
        <v>29</v>
      </c>
      <c r="AC28389">
        <v>29</v>
      </c>
      <c r="AD28389">
        <v>30</v>
      </c>
      <c r="AE28389">
        <v>31</v>
      </c>
      <c r="AF28389">
        <v>31</v>
      </c>
      <c r="AG28389">
        <v>32</v>
      </c>
      <c r="AH28389">
        <v>33</v>
      </c>
      <c r="AI28389">
        <v>33</v>
      </c>
      <c r="AJ28389">
        <v>34</v>
      </c>
      <c r="AK28389">
        <v>34</v>
      </c>
      <c r="AL28389">
        <v>35</v>
      </c>
      <c r="AM28389">
        <v>35</v>
      </c>
      <c r="AN28389">
        <v>35</v>
      </c>
      <c r="AO28389">
        <v>36</v>
      </c>
      <c r="AP28389">
        <v>36</v>
      </c>
      <c r="AQ28389">
        <v>36</v>
      </c>
    </row>
    <row r="28390" spans="1:43">
      <c r="A28390" t="s">
        <v>17569</v>
      </c>
      <c r="B28390" t="s">
        <v>17570</v>
      </c>
      <c r="C28390" t="s">
        <v>17563</v>
      </c>
      <c r="D28390" t="s">
        <v>17564</v>
      </c>
      <c r="E28390" t="s">
        <v>17455</v>
      </c>
      <c r="F28390" t="s">
        <v>17456</v>
      </c>
      <c r="G28390" t="s">
        <v>16559</v>
      </c>
      <c r="H28390" t="s">
        <v>16560</v>
      </c>
      <c r="I28390" s="2">
        <v>1</v>
      </c>
      <c r="J28390" s="2">
        <v>0</v>
      </c>
      <c r="K28390" s="2">
        <v>0</v>
      </c>
      <c r="L28390" t="s">
        <v>120</v>
      </c>
      <c r="M28390" t="s">
        <v>83</v>
      </c>
      <c r="N28390" t="s">
        <v>84</v>
      </c>
      <c r="O28390" t="s">
        <v>85</v>
      </c>
      <c r="P28390" t="s">
        <v>86</v>
      </c>
      <c r="Q28390">
        <v>27</v>
      </c>
      <c r="R28390">
        <v>27</v>
      </c>
      <c r="S28390">
        <v>28</v>
      </c>
      <c r="T28390">
        <v>29</v>
      </c>
      <c r="U28390">
        <v>29</v>
      </c>
      <c r="V28390">
        <v>30</v>
      </c>
      <c r="W28390">
        <v>31</v>
      </c>
      <c r="X28390">
        <v>31</v>
      </c>
      <c r="Y28390">
        <v>32</v>
      </c>
      <c r="Z28390">
        <v>33</v>
      </c>
      <c r="AA28390">
        <v>33</v>
      </c>
      <c r="AB28390">
        <v>34</v>
      </c>
      <c r="AC28390">
        <v>35</v>
      </c>
      <c r="AD28390">
        <v>36</v>
      </c>
      <c r="AE28390">
        <v>36</v>
      </c>
      <c r="AF28390">
        <v>37</v>
      </c>
      <c r="AG28390">
        <v>38</v>
      </c>
      <c r="AH28390">
        <v>39</v>
      </c>
      <c r="AI28390">
        <v>39</v>
      </c>
      <c r="AJ28390">
        <v>40</v>
      </c>
      <c r="AK28390">
        <v>41</v>
      </c>
      <c r="AL28390">
        <v>41</v>
      </c>
      <c r="AM28390">
        <v>42</v>
      </c>
      <c r="AN28390">
        <v>42</v>
      </c>
      <c r="AO28390">
        <v>42</v>
      </c>
      <c r="AP28390">
        <v>43</v>
      </c>
      <c r="AQ28390">
        <v>43</v>
      </c>
    </row>
    <row r="28391" spans="1:43">
      <c r="A28391" t="s">
        <v>17569</v>
      </c>
      <c r="B28391" t="s">
        <v>17570</v>
      </c>
      <c r="C28391" t="s">
        <v>17563</v>
      </c>
      <c r="D28391" t="s">
        <v>17564</v>
      </c>
      <c r="E28391" t="s">
        <v>17455</v>
      </c>
      <c r="F28391" t="s">
        <v>17456</v>
      </c>
      <c r="G28391" t="s">
        <v>16559</v>
      </c>
      <c r="H28391" t="s">
        <v>16560</v>
      </c>
      <c r="I28391" s="2">
        <v>1</v>
      </c>
      <c r="J28391" s="2">
        <v>0</v>
      </c>
      <c r="K28391" s="2">
        <v>0</v>
      </c>
      <c r="L28391" t="s">
        <v>120</v>
      </c>
      <c r="M28391" t="s">
        <v>87</v>
      </c>
      <c r="N28391" t="s">
        <v>88</v>
      </c>
      <c r="O28391" t="s">
        <v>85</v>
      </c>
      <c r="P28391" t="s">
        <v>86</v>
      </c>
      <c r="Q28391">
        <v>27</v>
      </c>
      <c r="R28391">
        <v>27</v>
      </c>
      <c r="S28391">
        <v>27</v>
      </c>
      <c r="T28391">
        <v>28</v>
      </c>
      <c r="U28391">
        <v>28</v>
      </c>
      <c r="V28391">
        <v>29</v>
      </c>
      <c r="W28391">
        <v>29</v>
      </c>
      <c r="X28391">
        <v>29</v>
      </c>
      <c r="Y28391">
        <v>30</v>
      </c>
      <c r="Z28391">
        <v>30</v>
      </c>
      <c r="AA28391">
        <v>31</v>
      </c>
      <c r="AB28391">
        <v>31</v>
      </c>
      <c r="AC28391">
        <v>31</v>
      </c>
      <c r="AD28391">
        <v>32</v>
      </c>
      <c r="AE28391">
        <v>32</v>
      </c>
      <c r="AF28391">
        <v>33</v>
      </c>
      <c r="AG28391">
        <v>33</v>
      </c>
      <c r="AH28391">
        <v>33</v>
      </c>
      <c r="AI28391">
        <v>34</v>
      </c>
      <c r="AJ28391">
        <v>34</v>
      </c>
      <c r="AK28391">
        <v>35</v>
      </c>
      <c r="AL28391">
        <v>35</v>
      </c>
      <c r="AM28391">
        <v>36</v>
      </c>
      <c r="AN28391">
        <v>36</v>
      </c>
      <c r="AO28391">
        <v>36</v>
      </c>
      <c r="AP28391">
        <v>37</v>
      </c>
      <c r="AQ28391">
        <v>37</v>
      </c>
    </row>
    <row r="28392" spans="1:43">
      <c r="A28392" t="s">
        <v>17569</v>
      </c>
      <c r="B28392" t="s">
        <v>17570</v>
      </c>
      <c r="C28392" t="s">
        <v>17563</v>
      </c>
      <c r="D28392" t="s">
        <v>17564</v>
      </c>
      <c r="E28392" t="s">
        <v>17455</v>
      </c>
      <c r="F28392" t="s">
        <v>17456</v>
      </c>
      <c r="G28392" t="s">
        <v>16559</v>
      </c>
      <c r="H28392" t="s">
        <v>16560</v>
      </c>
      <c r="I28392" s="2">
        <v>1</v>
      </c>
      <c r="J28392" s="2">
        <v>0</v>
      </c>
      <c r="K28392" s="2">
        <v>0</v>
      </c>
      <c r="L28392" t="s">
        <v>120</v>
      </c>
      <c r="M28392" t="s">
        <v>89</v>
      </c>
      <c r="N28392" t="s">
        <v>90</v>
      </c>
      <c r="O28392" t="s">
        <v>85</v>
      </c>
      <c r="P28392" t="s">
        <v>86</v>
      </c>
      <c r="Q28392">
        <v>27</v>
      </c>
      <c r="R28392">
        <v>28</v>
      </c>
      <c r="S28392">
        <v>29</v>
      </c>
      <c r="T28392">
        <v>30</v>
      </c>
      <c r="U28392">
        <v>31</v>
      </c>
      <c r="V28392">
        <v>31</v>
      </c>
      <c r="W28392">
        <v>32</v>
      </c>
      <c r="X28392">
        <v>33</v>
      </c>
      <c r="Y28392">
        <v>34</v>
      </c>
      <c r="Z28392">
        <v>35</v>
      </c>
      <c r="AA28392">
        <v>36</v>
      </c>
      <c r="AB28392">
        <v>37</v>
      </c>
      <c r="AC28392">
        <v>37</v>
      </c>
      <c r="AD28392">
        <v>38</v>
      </c>
      <c r="AE28392">
        <v>39</v>
      </c>
      <c r="AF28392">
        <v>39</v>
      </c>
      <c r="AG28392">
        <v>40</v>
      </c>
      <c r="AH28392">
        <v>40</v>
      </c>
      <c r="AI28392">
        <v>40</v>
      </c>
      <c r="AJ28392">
        <v>41</v>
      </c>
      <c r="AK28392">
        <v>41</v>
      </c>
      <c r="AL28392">
        <v>42</v>
      </c>
      <c r="AM28392">
        <v>42</v>
      </c>
      <c r="AN28392">
        <v>42</v>
      </c>
      <c r="AO28392">
        <v>43</v>
      </c>
      <c r="AP28392">
        <v>43</v>
      </c>
      <c r="AQ28392">
        <v>43</v>
      </c>
    </row>
    <row r="28393" spans="1:43">
      <c r="A28393" t="s">
        <v>17569</v>
      </c>
      <c r="B28393" t="s">
        <v>17570</v>
      </c>
      <c r="C28393" t="s">
        <v>17563</v>
      </c>
      <c r="D28393" t="s">
        <v>17564</v>
      </c>
      <c r="E28393" t="s">
        <v>17455</v>
      </c>
      <c r="F28393" t="s">
        <v>17456</v>
      </c>
      <c r="G28393" t="s">
        <v>16559</v>
      </c>
      <c r="H28393" t="s">
        <v>16560</v>
      </c>
      <c r="I28393" s="2">
        <v>1</v>
      </c>
      <c r="J28393" s="2">
        <v>0</v>
      </c>
      <c r="K28393" s="2">
        <v>0</v>
      </c>
      <c r="L28393" t="s">
        <v>120</v>
      </c>
      <c r="M28393" t="s">
        <v>83</v>
      </c>
      <c r="N28393" t="s">
        <v>91</v>
      </c>
      <c r="O28393" t="s">
        <v>85</v>
      </c>
      <c r="P28393" t="s">
        <v>86</v>
      </c>
      <c r="Q28393">
        <v>27</v>
      </c>
      <c r="R28393">
        <v>27</v>
      </c>
      <c r="S28393">
        <v>28</v>
      </c>
      <c r="T28393">
        <v>29</v>
      </c>
      <c r="U28393">
        <v>29</v>
      </c>
      <c r="V28393">
        <v>30</v>
      </c>
      <c r="W28393">
        <v>31</v>
      </c>
      <c r="X28393">
        <v>31</v>
      </c>
      <c r="Y28393">
        <v>32</v>
      </c>
      <c r="Z28393">
        <v>33</v>
      </c>
      <c r="AA28393">
        <v>33</v>
      </c>
      <c r="AB28393">
        <v>34</v>
      </c>
      <c r="AC28393">
        <v>35</v>
      </c>
      <c r="AD28393">
        <v>36</v>
      </c>
      <c r="AE28393">
        <v>36</v>
      </c>
      <c r="AF28393">
        <v>37</v>
      </c>
      <c r="AG28393">
        <v>38</v>
      </c>
      <c r="AH28393">
        <v>39</v>
      </c>
      <c r="AI28393">
        <v>39</v>
      </c>
      <c r="AJ28393">
        <v>40</v>
      </c>
      <c r="AK28393">
        <v>41</v>
      </c>
      <c r="AL28393">
        <v>41</v>
      </c>
      <c r="AM28393">
        <v>42</v>
      </c>
      <c r="AN28393">
        <v>42</v>
      </c>
      <c r="AO28393">
        <v>42</v>
      </c>
      <c r="AP28393">
        <v>43</v>
      </c>
      <c r="AQ28393">
        <v>43</v>
      </c>
    </row>
    <row r="28394" spans="1:43">
      <c r="A28394" t="s">
        <v>17571</v>
      </c>
      <c r="B28394" t="s">
        <v>17572</v>
      </c>
      <c r="C28394" t="s">
        <v>17573</v>
      </c>
      <c r="D28394" t="s">
        <v>17574</v>
      </c>
      <c r="E28394" t="s">
        <v>17455</v>
      </c>
      <c r="F28394" t="s">
        <v>17456</v>
      </c>
      <c r="G28394" t="s">
        <v>16559</v>
      </c>
      <c r="H28394" t="s">
        <v>16560</v>
      </c>
      <c r="I28394" s="2">
        <v>1</v>
      </c>
      <c r="J28394" s="2">
        <v>0</v>
      </c>
      <c r="K28394" s="2">
        <v>0</v>
      </c>
      <c r="L28394" t="s">
        <v>120</v>
      </c>
      <c r="M28394" t="s">
        <v>83</v>
      </c>
      <c r="N28394" t="s">
        <v>84</v>
      </c>
      <c r="O28394" t="s">
        <v>85</v>
      </c>
      <c r="P28394" t="s">
        <v>86</v>
      </c>
      <c r="Q28394">
        <v>87</v>
      </c>
      <c r="R28394">
        <v>89</v>
      </c>
      <c r="S28394">
        <v>91</v>
      </c>
      <c r="T28394">
        <v>93</v>
      </c>
      <c r="U28394">
        <v>95</v>
      </c>
      <c r="V28394">
        <v>97</v>
      </c>
      <c r="W28394">
        <v>99</v>
      </c>
      <c r="X28394">
        <v>102</v>
      </c>
      <c r="Y28394">
        <v>104</v>
      </c>
      <c r="Z28394">
        <v>106</v>
      </c>
      <c r="AA28394">
        <v>108</v>
      </c>
      <c r="AB28394">
        <v>111</v>
      </c>
      <c r="AC28394">
        <v>113</v>
      </c>
      <c r="AD28394">
        <v>115</v>
      </c>
      <c r="AE28394">
        <v>118</v>
      </c>
      <c r="AF28394">
        <v>120</v>
      </c>
      <c r="AG28394">
        <v>122</v>
      </c>
      <c r="AH28394">
        <v>125</v>
      </c>
      <c r="AI28394">
        <v>127</v>
      </c>
      <c r="AJ28394">
        <v>130</v>
      </c>
      <c r="AK28394">
        <v>132</v>
      </c>
      <c r="AL28394">
        <v>134</v>
      </c>
      <c r="AM28394">
        <v>135</v>
      </c>
      <c r="AN28394">
        <v>136</v>
      </c>
      <c r="AO28394">
        <v>137</v>
      </c>
      <c r="AP28394">
        <v>138</v>
      </c>
      <c r="AQ28394">
        <v>139</v>
      </c>
    </row>
    <row r="28395" spans="1:43">
      <c r="A28395" t="s">
        <v>17571</v>
      </c>
      <c r="B28395" t="s">
        <v>17572</v>
      </c>
      <c r="C28395" t="s">
        <v>17573</v>
      </c>
      <c r="D28395" t="s">
        <v>17574</v>
      </c>
      <c r="E28395" t="s">
        <v>17455</v>
      </c>
      <c r="F28395" t="s">
        <v>17456</v>
      </c>
      <c r="G28395" t="s">
        <v>16559</v>
      </c>
      <c r="H28395" t="s">
        <v>16560</v>
      </c>
      <c r="I28395" s="2">
        <v>1</v>
      </c>
      <c r="J28395" s="2">
        <v>0</v>
      </c>
      <c r="K28395" s="2">
        <v>0</v>
      </c>
      <c r="L28395" t="s">
        <v>120</v>
      </c>
      <c r="M28395" t="s">
        <v>87</v>
      </c>
      <c r="N28395" t="s">
        <v>88</v>
      </c>
      <c r="O28395" t="s">
        <v>85</v>
      </c>
      <c r="P28395" t="s">
        <v>86</v>
      </c>
      <c r="Q28395">
        <v>87</v>
      </c>
      <c r="R28395">
        <v>88</v>
      </c>
      <c r="S28395">
        <v>89</v>
      </c>
      <c r="T28395">
        <v>90</v>
      </c>
      <c r="U28395">
        <v>92</v>
      </c>
      <c r="V28395">
        <v>93</v>
      </c>
      <c r="W28395">
        <v>94</v>
      </c>
      <c r="X28395">
        <v>96</v>
      </c>
      <c r="Y28395">
        <v>97</v>
      </c>
      <c r="Z28395">
        <v>98</v>
      </c>
      <c r="AA28395">
        <v>100</v>
      </c>
      <c r="AB28395">
        <v>101</v>
      </c>
      <c r="AC28395">
        <v>102</v>
      </c>
      <c r="AD28395">
        <v>104</v>
      </c>
      <c r="AE28395">
        <v>105</v>
      </c>
      <c r="AF28395">
        <v>107</v>
      </c>
      <c r="AG28395">
        <v>108</v>
      </c>
      <c r="AH28395">
        <v>109</v>
      </c>
      <c r="AI28395">
        <v>111</v>
      </c>
      <c r="AJ28395">
        <v>112</v>
      </c>
      <c r="AK28395">
        <v>114</v>
      </c>
      <c r="AL28395">
        <v>115</v>
      </c>
      <c r="AM28395">
        <v>116</v>
      </c>
      <c r="AN28395">
        <v>118</v>
      </c>
      <c r="AO28395">
        <v>119</v>
      </c>
      <c r="AP28395">
        <v>121</v>
      </c>
      <c r="AQ28395">
        <v>122</v>
      </c>
    </row>
    <row r="28396" spans="1:43">
      <c r="A28396" t="s">
        <v>17571</v>
      </c>
      <c r="B28396" t="s">
        <v>17572</v>
      </c>
      <c r="C28396" t="s">
        <v>17573</v>
      </c>
      <c r="D28396" t="s">
        <v>17574</v>
      </c>
      <c r="E28396" t="s">
        <v>17455</v>
      </c>
      <c r="F28396" t="s">
        <v>17456</v>
      </c>
      <c r="G28396" t="s">
        <v>16559</v>
      </c>
      <c r="H28396" t="s">
        <v>16560</v>
      </c>
      <c r="I28396" s="2">
        <v>1</v>
      </c>
      <c r="J28396" s="2">
        <v>0</v>
      </c>
      <c r="K28396" s="2">
        <v>0</v>
      </c>
      <c r="L28396" t="s">
        <v>120</v>
      </c>
      <c r="M28396" t="s">
        <v>89</v>
      </c>
      <c r="N28396" t="s">
        <v>90</v>
      </c>
      <c r="O28396" t="s">
        <v>85</v>
      </c>
      <c r="P28396" t="s">
        <v>86</v>
      </c>
      <c r="Q28396">
        <v>87</v>
      </c>
      <c r="R28396">
        <v>90</v>
      </c>
      <c r="S28396">
        <v>93</v>
      </c>
      <c r="T28396">
        <v>96</v>
      </c>
      <c r="U28396">
        <v>99</v>
      </c>
      <c r="V28396">
        <v>102</v>
      </c>
      <c r="W28396">
        <v>104</v>
      </c>
      <c r="X28396">
        <v>107</v>
      </c>
      <c r="Y28396">
        <v>110</v>
      </c>
      <c r="Z28396">
        <v>113</v>
      </c>
      <c r="AA28396">
        <v>116</v>
      </c>
      <c r="AB28396">
        <v>118</v>
      </c>
      <c r="AC28396">
        <v>121</v>
      </c>
      <c r="AD28396">
        <v>124</v>
      </c>
      <c r="AE28396">
        <v>126</v>
      </c>
      <c r="AF28396">
        <v>128</v>
      </c>
      <c r="AG28396">
        <v>129</v>
      </c>
      <c r="AH28396">
        <v>130</v>
      </c>
      <c r="AI28396">
        <v>131</v>
      </c>
      <c r="AJ28396">
        <v>132</v>
      </c>
      <c r="AK28396">
        <v>133</v>
      </c>
      <c r="AL28396">
        <v>134</v>
      </c>
      <c r="AM28396">
        <v>135</v>
      </c>
      <c r="AN28396">
        <v>137</v>
      </c>
      <c r="AO28396">
        <v>138</v>
      </c>
      <c r="AP28396">
        <v>139</v>
      </c>
      <c r="AQ28396">
        <v>140</v>
      </c>
    </row>
    <row r="28397" spans="1:43">
      <c r="A28397" t="s">
        <v>17571</v>
      </c>
      <c r="B28397" t="s">
        <v>17572</v>
      </c>
      <c r="C28397" t="s">
        <v>17573</v>
      </c>
      <c r="D28397" t="s">
        <v>17574</v>
      </c>
      <c r="E28397" t="s">
        <v>17455</v>
      </c>
      <c r="F28397" t="s">
        <v>17456</v>
      </c>
      <c r="G28397" t="s">
        <v>16559</v>
      </c>
      <c r="H28397" t="s">
        <v>16560</v>
      </c>
      <c r="I28397" s="2">
        <v>1</v>
      </c>
      <c r="J28397" s="2">
        <v>0</v>
      </c>
      <c r="K28397" s="2">
        <v>0</v>
      </c>
      <c r="L28397" t="s">
        <v>120</v>
      </c>
      <c r="M28397" t="s">
        <v>83</v>
      </c>
      <c r="N28397" t="s">
        <v>91</v>
      </c>
      <c r="O28397" t="s">
        <v>85</v>
      </c>
      <c r="P28397" t="s">
        <v>86</v>
      </c>
      <c r="Q28397">
        <v>87</v>
      </c>
      <c r="R28397">
        <v>89</v>
      </c>
      <c r="S28397">
        <v>91</v>
      </c>
      <c r="T28397">
        <v>93</v>
      </c>
      <c r="U28397">
        <v>95</v>
      </c>
      <c r="V28397">
        <v>97</v>
      </c>
      <c r="W28397">
        <v>99</v>
      </c>
      <c r="X28397">
        <v>102</v>
      </c>
      <c r="Y28397">
        <v>104</v>
      </c>
      <c r="Z28397">
        <v>106</v>
      </c>
      <c r="AA28397">
        <v>108</v>
      </c>
      <c r="AB28397">
        <v>111</v>
      </c>
      <c r="AC28397">
        <v>113</v>
      </c>
      <c r="AD28397">
        <v>115</v>
      </c>
      <c r="AE28397">
        <v>118</v>
      </c>
      <c r="AF28397">
        <v>120</v>
      </c>
      <c r="AG28397">
        <v>122</v>
      </c>
      <c r="AH28397">
        <v>125</v>
      </c>
      <c r="AI28397">
        <v>127</v>
      </c>
      <c r="AJ28397">
        <v>130</v>
      </c>
      <c r="AK28397">
        <v>132</v>
      </c>
      <c r="AL28397">
        <v>134</v>
      </c>
      <c r="AM28397">
        <v>135</v>
      </c>
      <c r="AN28397">
        <v>136</v>
      </c>
      <c r="AO28397">
        <v>137</v>
      </c>
      <c r="AP28397">
        <v>138</v>
      </c>
      <c r="AQ28397">
        <v>139</v>
      </c>
    </row>
    <row r="28398" spans="1:43">
      <c r="A28398" t="s">
        <v>17575</v>
      </c>
      <c r="B28398" t="s">
        <v>17576</v>
      </c>
      <c r="C28398" t="s">
        <v>17479</v>
      </c>
      <c r="D28398" t="s">
        <v>17480</v>
      </c>
      <c r="E28398" t="s">
        <v>17455</v>
      </c>
      <c r="F28398" t="s">
        <v>17456</v>
      </c>
      <c r="G28398" t="s">
        <v>16559</v>
      </c>
      <c r="H28398" t="s">
        <v>16560</v>
      </c>
      <c r="I28398" s="2">
        <v>1</v>
      </c>
      <c r="J28398" s="2">
        <v>0</v>
      </c>
      <c r="K28398" s="2">
        <v>0</v>
      </c>
      <c r="L28398" t="s">
        <v>120</v>
      </c>
      <c r="M28398" t="s">
        <v>83</v>
      </c>
      <c r="N28398" t="s">
        <v>84</v>
      </c>
      <c r="O28398" t="s">
        <v>85</v>
      </c>
      <c r="P28398" t="s">
        <v>86</v>
      </c>
      <c r="Q28398">
        <v>14</v>
      </c>
      <c r="R28398">
        <v>14</v>
      </c>
      <c r="S28398">
        <v>14</v>
      </c>
      <c r="T28398">
        <v>15</v>
      </c>
      <c r="U28398">
        <v>15</v>
      </c>
      <c r="V28398">
        <v>15</v>
      </c>
      <c r="W28398">
        <v>16</v>
      </c>
      <c r="X28398">
        <v>16</v>
      </c>
      <c r="Y28398">
        <v>16</v>
      </c>
      <c r="Z28398">
        <v>17</v>
      </c>
      <c r="AA28398">
        <v>17</v>
      </c>
      <c r="AB28398">
        <v>18</v>
      </c>
      <c r="AC28398">
        <v>18</v>
      </c>
      <c r="AD28398">
        <v>18</v>
      </c>
      <c r="AE28398">
        <v>19</v>
      </c>
      <c r="AF28398">
        <v>19</v>
      </c>
      <c r="AG28398">
        <v>19</v>
      </c>
      <c r="AH28398">
        <v>20</v>
      </c>
      <c r="AI28398">
        <v>20</v>
      </c>
      <c r="AJ28398">
        <v>21</v>
      </c>
      <c r="AK28398">
        <v>21</v>
      </c>
      <c r="AL28398">
        <v>21</v>
      </c>
      <c r="AM28398">
        <v>21</v>
      </c>
      <c r="AN28398">
        <v>22</v>
      </c>
      <c r="AO28398">
        <v>22</v>
      </c>
      <c r="AP28398">
        <v>22</v>
      </c>
      <c r="AQ28398">
        <v>22</v>
      </c>
    </row>
    <row r="28399" spans="1:43">
      <c r="A28399" t="s">
        <v>17575</v>
      </c>
      <c r="B28399" t="s">
        <v>17576</v>
      </c>
      <c r="C28399" t="s">
        <v>17479</v>
      </c>
      <c r="D28399" t="s">
        <v>17480</v>
      </c>
      <c r="E28399" t="s">
        <v>17455</v>
      </c>
      <c r="F28399" t="s">
        <v>17456</v>
      </c>
      <c r="G28399" t="s">
        <v>16559</v>
      </c>
      <c r="H28399" t="s">
        <v>16560</v>
      </c>
      <c r="I28399" s="2">
        <v>1</v>
      </c>
      <c r="J28399" s="2">
        <v>0</v>
      </c>
      <c r="K28399" s="2">
        <v>0</v>
      </c>
      <c r="L28399" t="s">
        <v>120</v>
      </c>
      <c r="M28399" t="s">
        <v>87</v>
      </c>
      <c r="N28399" t="s">
        <v>88</v>
      </c>
      <c r="O28399" t="s">
        <v>85</v>
      </c>
      <c r="P28399" t="s">
        <v>86</v>
      </c>
      <c r="Q28399">
        <v>14</v>
      </c>
      <c r="R28399">
        <v>14</v>
      </c>
      <c r="S28399">
        <v>14</v>
      </c>
      <c r="T28399">
        <v>14</v>
      </c>
      <c r="U28399">
        <v>14</v>
      </c>
      <c r="V28399">
        <v>15</v>
      </c>
      <c r="W28399">
        <v>15</v>
      </c>
      <c r="X28399">
        <v>15</v>
      </c>
      <c r="Y28399">
        <v>15</v>
      </c>
      <c r="Z28399">
        <v>15</v>
      </c>
      <c r="AA28399">
        <v>16</v>
      </c>
      <c r="AB28399">
        <v>16</v>
      </c>
      <c r="AC28399">
        <v>16</v>
      </c>
      <c r="AD28399">
        <v>16</v>
      </c>
      <c r="AE28399">
        <v>17</v>
      </c>
      <c r="AF28399">
        <v>17</v>
      </c>
      <c r="AG28399">
        <v>17</v>
      </c>
      <c r="AH28399">
        <v>17</v>
      </c>
      <c r="AI28399">
        <v>17</v>
      </c>
      <c r="AJ28399">
        <v>18</v>
      </c>
      <c r="AK28399">
        <v>18</v>
      </c>
      <c r="AL28399">
        <v>18</v>
      </c>
      <c r="AM28399">
        <v>18</v>
      </c>
      <c r="AN28399">
        <v>19</v>
      </c>
      <c r="AO28399">
        <v>19</v>
      </c>
      <c r="AP28399">
        <v>19</v>
      </c>
      <c r="AQ28399">
        <v>19</v>
      </c>
    </row>
    <row r="28400" spans="1:43">
      <c r="A28400" t="s">
        <v>17575</v>
      </c>
      <c r="B28400" t="s">
        <v>17576</v>
      </c>
      <c r="C28400" t="s">
        <v>17479</v>
      </c>
      <c r="D28400" t="s">
        <v>17480</v>
      </c>
      <c r="E28400" t="s">
        <v>17455</v>
      </c>
      <c r="F28400" t="s">
        <v>17456</v>
      </c>
      <c r="G28400" t="s">
        <v>16559</v>
      </c>
      <c r="H28400" t="s">
        <v>16560</v>
      </c>
      <c r="I28400" s="2">
        <v>1</v>
      </c>
      <c r="J28400" s="2">
        <v>0</v>
      </c>
      <c r="K28400" s="2">
        <v>0</v>
      </c>
      <c r="L28400" t="s">
        <v>120</v>
      </c>
      <c r="M28400" t="s">
        <v>89</v>
      </c>
      <c r="N28400" t="s">
        <v>90</v>
      </c>
      <c r="O28400" t="s">
        <v>85</v>
      </c>
      <c r="P28400" t="s">
        <v>86</v>
      </c>
      <c r="Q28400">
        <v>14</v>
      </c>
      <c r="R28400">
        <v>14</v>
      </c>
      <c r="S28400">
        <v>15</v>
      </c>
      <c r="T28400">
        <v>15</v>
      </c>
      <c r="U28400">
        <v>16</v>
      </c>
      <c r="V28400">
        <v>16</v>
      </c>
      <c r="W28400">
        <v>17</v>
      </c>
      <c r="X28400">
        <v>17</v>
      </c>
      <c r="Y28400">
        <v>17</v>
      </c>
      <c r="Z28400">
        <v>18</v>
      </c>
      <c r="AA28400">
        <v>18</v>
      </c>
      <c r="AB28400">
        <v>19</v>
      </c>
      <c r="AC28400">
        <v>19</v>
      </c>
      <c r="AD28400">
        <v>20</v>
      </c>
      <c r="AE28400">
        <v>20</v>
      </c>
      <c r="AF28400">
        <v>20</v>
      </c>
      <c r="AG28400">
        <v>20</v>
      </c>
      <c r="AH28400">
        <v>21</v>
      </c>
      <c r="AI28400">
        <v>21</v>
      </c>
      <c r="AJ28400">
        <v>21</v>
      </c>
      <c r="AK28400">
        <v>21</v>
      </c>
      <c r="AL28400">
        <v>21</v>
      </c>
      <c r="AM28400">
        <v>22</v>
      </c>
      <c r="AN28400">
        <v>22</v>
      </c>
      <c r="AO28400">
        <v>22</v>
      </c>
      <c r="AP28400">
        <v>22</v>
      </c>
      <c r="AQ28400">
        <v>22</v>
      </c>
    </row>
    <row r="28401" spans="1:43">
      <c r="A28401" t="s">
        <v>17575</v>
      </c>
      <c r="B28401" t="s">
        <v>17576</v>
      </c>
      <c r="C28401" t="s">
        <v>17479</v>
      </c>
      <c r="D28401" t="s">
        <v>17480</v>
      </c>
      <c r="E28401" t="s">
        <v>17455</v>
      </c>
      <c r="F28401" t="s">
        <v>17456</v>
      </c>
      <c r="G28401" t="s">
        <v>16559</v>
      </c>
      <c r="H28401" t="s">
        <v>16560</v>
      </c>
      <c r="I28401" s="2">
        <v>1</v>
      </c>
      <c r="J28401" s="2">
        <v>0</v>
      </c>
      <c r="K28401" s="2">
        <v>0</v>
      </c>
      <c r="L28401" t="s">
        <v>120</v>
      </c>
      <c r="M28401" t="s">
        <v>83</v>
      </c>
      <c r="N28401" t="s">
        <v>91</v>
      </c>
      <c r="O28401" t="s">
        <v>85</v>
      </c>
      <c r="P28401" t="s">
        <v>86</v>
      </c>
      <c r="Q28401">
        <v>14</v>
      </c>
      <c r="R28401">
        <v>14</v>
      </c>
      <c r="S28401">
        <v>14</v>
      </c>
      <c r="T28401">
        <v>15</v>
      </c>
      <c r="U28401">
        <v>15</v>
      </c>
      <c r="V28401">
        <v>15</v>
      </c>
      <c r="W28401">
        <v>16</v>
      </c>
      <c r="X28401">
        <v>16</v>
      </c>
      <c r="Y28401">
        <v>16</v>
      </c>
      <c r="Z28401">
        <v>17</v>
      </c>
      <c r="AA28401">
        <v>17</v>
      </c>
      <c r="AB28401">
        <v>18</v>
      </c>
      <c r="AC28401">
        <v>18</v>
      </c>
      <c r="AD28401">
        <v>18</v>
      </c>
      <c r="AE28401">
        <v>19</v>
      </c>
      <c r="AF28401">
        <v>19</v>
      </c>
      <c r="AG28401">
        <v>19</v>
      </c>
      <c r="AH28401">
        <v>20</v>
      </c>
      <c r="AI28401">
        <v>20</v>
      </c>
      <c r="AJ28401">
        <v>21</v>
      </c>
      <c r="AK28401">
        <v>21</v>
      </c>
      <c r="AL28401">
        <v>21</v>
      </c>
      <c r="AM28401">
        <v>21</v>
      </c>
      <c r="AN28401">
        <v>22</v>
      </c>
      <c r="AO28401">
        <v>22</v>
      </c>
      <c r="AP28401">
        <v>22</v>
      </c>
      <c r="AQ28401">
        <v>22</v>
      </c>
    </row>
    <row r="28402" spans="1:43">
      <c r="A28402" t="s">
        <v>17577</v>
      </c>
      <c r="B28402" t="s">
        <v>17578</v>
      </c>
      <c r="C28402" t="s">
        <v>17479</v>
      </c>
      <c r="D28402" t="s">
        <v>17480</v>
      </c>
      <c r="E28402" t="s">
        <v>17455</v>
      </c>
      <c r="F28402" t="s">
        <v>17456</v>
      </c>
      <c r="G28402" t="s">
        <v>16559</v>
      </c>
      <c r="H28402" t="s">
        <v>16560</v>
      </c>
      <c r="I28402" s="2">
        <v>1</v>
      </c>
      <c r="J28402" s="2">
        <v>0</v>
      </c>
      <c r="K28402" s="2">
        <v>0</v>
      </c>
      <c r="L28402" t="s">
        <v>120</v>
      </c>
      <c r="M28402" t="s">
        <v>83</v>
      </c>
      <c r="N28402" t="s">
        <v>84</v>
      </c>
      <c r="O28402" t="s">
        <v>85</v>
      </c>
      <c r="P28402" t="s">
        <v>86</v>
      </c>
      <c r="Q28402">
        <v>9</v>
      </c>
      <c r="R28402">
        <v>9</v>
      </c>
      <c r="S28402">
        <v>9</v>
      </c>
      <c r="T28402">
        <v>9</v>
      </c>
      <c r="U28402">
        <v>10</v>
      </c>
      <c r="V28402">
        <v>10</v>
      </c>
      <c r="W28402">
        <v>10</v>
      </c>
      <c r="X28402">
        <v>10</v>
      </c>
      <c r="Y28402">
        <v>10</v>
      </c>
      <c r="Z28402">
        <v>11</v>
      </c>
      <c r="AA28402">
        <v>11</v>
      </c>
      <c r="AB28402">
        <v>11</v>
      </c>
      <c r="AC28402">
        <v>11</v>
      </c>
      <c r="AD28402">
        <v>12</v>
      </c>
      <c r="AE28402">
        <v>12</v>
      </c>
      <c r="AF28402">
        <v>12</v>
      </c>
      <c r="AG28402">
        <v>12</v>
      </c>
      <c r="AH28402">
        <v>12</v>
      </c>
      <c r="AI28402">
        <v>13</v>
      </c>
      <c r="AJ28402">
        <v>13</v>
      </c>
      <c r="AK28402">
        <v>13</v>
      </c>
      <c r="AL28402">
        <v>13</v>
      </c>
      <c r="AM28402">
        <v>13</v>
      </c>
      <c r="AN28402">
        <v>14</v>
      </c>
      <c r="AO28402">
        <v>14</v>
      </c>
      <c r="AP28402">
        <v>14</v>
      </c>
      <c r="AQ28402">
        <v>14</v>
      </c>
    </row>
    <row r="28403" spans="1:43">
      <c r="A28403" t="s">
        <v>17577</v>
      </c>
      <c r="B28403" t="s">
        <v>17578</v>
      </c>
      <c r="C28403" t="s">
        <v>17479</v>
      </c>
      <c r="D28403" t="s">
        <v>17480</v>
      </c>
      <c r="E28403" t="s">
        <v>17455</v>
      </c>
      <c r="F28403" t="s">
        <v>17456</v>
      </c>
      <c r="G28403" t="s">
        <v>16559</v>
      </c>
      <c r="H28403" t="s">
        <v>16560</v>
      </c>
      <c r="I28403" s="2">
        <v>1</v>
      </c>
      <c r="J28403" s="2">
        <v>0</v>
      </c>
      <c r="K28403" s="2">
        <v>0</v>
      </c>
      <c r="L28403" t="s">
        <v>120</v>
      </c>
      <c r="M28403" t="s">
        <v>87</v>
      </c>
      <c r="N28403" t="s">
        <v>88</v>
      </c>
      <c r="O28403" t="s">
        <v>85</v>
      </c>
      <c r="P28403" t="s">
        <v>86</v>
      </c>
      <c r="Q28403">
        <v>9</v>
      </c>
      <c r="R28403">
        <v>9</v>
      </c>
      <c r="S28403">
        <v>9</v>
      </c>
      <c r="T28403">
        <v>9</v>
      </c>
      <c r="U28403">
        <v>9</v>
      </c>
      <c r="V28403">
        <v>9</v>
      </c>
      <c r="W28403">
        <v>9</v>
      </c>
      <c r="X28403">
        <v>10</v>
      </c>
      <c r="Y28403">
        <v>10</v>
      </c>
      <c r="Z28403">
        <v>10</v>
      </c>
      <c r="AA28403">
        <v>10</v>
      </c>
      <c r="AB28403">
        <v>10</v>
      </c>
      <c r="AC28403">
        <v>10</v>
      </c>
      <c r="AD28403">
        <v>10</v>
      </c>
      <c r="AE28403">
        <v>10</v>
      </c>
      <c r="AF28403">
        <v>11</v>
      </c>
      <c r="AG28403">
        <v>11</v>
      </c>
      <c r="AH28403">
        <v>11</v>
      </c>
      <c r="AI28403">
        <v>11</v>
      </c>
      <c r="AJ28403">
        <v>11</v>
      </c>
      <c r="AK28403">
        <v>11</v>
      </c>
      <c r="AL28403">
        <v>11</v>
      </c>
      <c r="AM28403">
        <v>12</v>
      </c>
      <c r="AN28403">
        <v>12</v>
      </c>
      <c r="AO28403">
        <v>12</v>
      </c>
      <c r="AP28403">
        <v>12</v>
      </c>
      <c r="AQ28403">
        <v>12</v>
      </c>
    </row>
    <row r="28404" spans="1:43">
      <c r="A28404" t="s">
        <v>17577</v>
      </c>
      <c r="B28404" t="s">
        <v>17578</v>
      </c>
      <c r="C28404" t="s">
        <v>17479</v>
      </c>
      <c r="D28404" t="s">
        <v>17480</v>
      </c>
      <c r="E28404" t="s">
        <v>17455</v>
      </c>
      <c r="F28404" t="s">
        <v>17456</v>
      </c>
      <c r="G28404" t="s">
        <v>16559</v>
      </c>
      <c r="H28404" t="s">
        <v>16560</v>
      </c>
      <c r="I28404" s="2">
        <v>1</v>
      </c>
      <c r="J28404" s="2">
        <v>0</v>
      </c>
      <c r="K28404" s="2">
        <v>0</v>
      </c>
      <c r="L28404" t="s">
        <v>120</v>
      </c>
      <c r="M28404" t="s">
        <v>89</v>
      </c>
      <c r="N28404" t="s">
        <v>90</v>
      </c>
      <c r="O28404" t="s">
        <v>85</v>
      </c>
      <c r="P28404" t="s">
        <v>86</v>
      </c>
      <c r="Q28404">
        <v>9</v>
      </c>
      <c r="R28404">
        <v>9</v>
      </c>
      <c r="S28404">
        <v>9</v>
      </c>
      <c r="T28404">
        <v>10</v>
      </c>
      <c r="U28404">
        <v>10</v>
      </c>
      <c r="V28404">
        <v>10</v>
      </c>
      <c r="W28404">
        <v>10</v>
      </c>
      <c r="X28404">
        <v>11</v>
      </c>
      <c r="Y28404">
        <v>11</v>
      </c>
      <c r="Z28404">
        <v>11</v>
      </c>
      <c r="AA28404">
        <v>12</v>
      </c>
      <c r="AB28404">
        <v>12</v>
      </c>
      <c r="AC28404">
        <v>12</v>
      </c>
      <c r="AD28404">
        <v>12</v>
      </c>
      <c r="AE28404">
        <v>13</v>
      </c>
      <c r="AF28404">
        <v>13</v>
      </c>
      <c r="AG28404">
        <v>13</v>
      </c>
      <c r="AH28404">
        <v>13</v>
      </c>
      <c r="AI28404">
        <v>13</v>
      </c>
      <c r="AJ28404">
        <v>13</v>
      </c>
      <c r="AK28404">
        <v>13</v>
      </c>
      <c r="AL28404">
        <v>13</v>
      </c>
      <c r="AM28404">
        <v>14</v>
      </c>
      <c r="AN28404">
        <v>14</v>
      </c>
      <c r="AO28404">
        <v>14</v>
      </c>
      <c r="AP28404">
        <v>14</v>
      </c>
      <c r="AQ28404">
        <v>14</v>
      </c>
    </row>
    <row r="28405" spans="1:43">
      <c r="A28405" t="s">
        <v>17577</v>
      </c>
      <c r="B28405" t="s">
        <v>17578</v>
      </c>
      <c r="C28405" t="s">
        <v>17479</v>
      </c>
      <c r="D28405" t="s">
        <v>17480</v>
      </c>
      <c r="E28405" t="s">
        <v>17455</v>
      </c>
      <c r="F28405" t="s">
        <v>17456</v>
      </c>
      <c r="G28405" t="s">
        <v>16559</v>
      </c>
      <c r="H28405" t="s">
        <v>16560</v>
      </c>
      <c r="I28405" s="2">
        <v>1</v>
      </c>
      <c r="J28405" s="2">
        <v>0</v>
      </c>
      <c r="K28405" s="2">
        <v>0</v>
      </c>
      <c r="L28405" t="s">
        <v>120</v>
      </c>
      <c r="M28405" t="s">
        <v>83</v>
      </c>
      <c r="N28405" t="s">
        <v>91</v>
      </c>
      <c r="O28405" t="s">
        <v>85</v>
      </c>
      <c r="P28405" t="s">
        <v>86</v>
      </c>
      <c r="Q28405">
        <v>9</v>
      </c>
      <c r="R28405">
        <v>9</v>
      </c>
      <c r="S28405">
        <v>9</v>
      </c>
      <c r="T28405">
        <v>9</v>
      </c>
      <c r="U28405">
        <v>10</v>
      </c>
      <c r="V28405">
        <v>10</v>
      </c>
      <c r="W28405">
        <v>10</v>
      </c>
      <c r="X28405">
        <v>10</v>
      </c>
      <c r="Y28405">
        <v>10</v>
      </c>
      <c r="Z28405">
        <v>11</v>
      </c>
      <c r="AA28405">
        <v>11</v>
      </c>
      <c r="AB28405">
        <v>11</v>
      </c>
      <c r="AC28405">
        <v>11</v>
      </c>
      <c r="AD28405">
        <v>12</v>
      </c>
      <c r="AE28405">
        <v>12</v>
      </c>
      <c r="AF28405">
        <v>12</v>
      </c>
      <c r="AG28405">
        <v>12</v>
      </c>
      <c r="AH28405">
        <v>12</v>
      </c>
      <c r="AI28405">
        <v>13</v>
      </c>
      <c r="AJ28405">
        <v>13</v>
      </c>
      <c r="AK28405">
        <v>13</v>
      </c>
      <c r="AL28405">
        <v>13</v>
      </c>
      <c r="AM28405">
        <v>13</v>
      </c>
      <c r="AN28405">
        <v>14</v>
      </c>
      <c r="AO28405">
        <v>14</v>
      </c>
      <c r="AP28405">
        <v>14</v>
      </c>
      <c r="AQ28405">
        <v>14</v>
      </c>
    </row>
    <row r="28406" spans="1:43">
      <c r="A28406" t="s">
        <v>17579</v>
      </c>
      <c r="B28406" t="s">
        <v>17580</v>
      </c>
      <c r="C28406" t="s">
        <v>17479</v>
      </c>
      <c r="D28406" t="s">
        <v>17480</v>
      </c>
      <c r="E28406" t="s">
        <v>17455</v>
      </c>
      <c r="F28406" t="s">
        <v>17456</v>
      </c>
      <c r="G28406" t="s">
        <v>16559</v>
      </c>
      <c r="H28406" t="s">
        <v>16560</v>
      </c>
      <c r="I28406" s="2">
        <v>1</v>
      </c>
      <c r="J28406" s="2">
        <v>0</v>
      </c>
      <c r="K28406" s="2">
        <v>0</v>
      </c>
      <c r="L28406" t="s">
        <v>120</v>
      </c>
      <c r="M28406" t="s">
        <v>83</v>
      </c>
      <c r="N28406" t="s">
        <v>84</v>
      </c>
      <c r="O28406" t="s">
        <v>85</v>
      </c>
      <c r="P28406" t="s">
        <v>86</v>
      </c>
      <c r="Q28406">
        <v>35</v>
      </c>
      <c r="R28406">
        <v>35</v>
      </c>
      <c r="S28406">
        <v>36</v>
      </c>
      <c r="T28406">
        <v>37</v>
      </c>
      <c r="U28406">
        <v>38</v>
      </c>
      <c r="V28406">
        <v>39</v>
      </c>
      <c r="W28406">
        <v>40</v>
      </c>
      <c r="X28406">
        <v>41</v>
      </c>
      <c r="Y28406">
        <v>41</v>
      </c>
      <c r="Z28406">
        <v>42</v>
      </c>
      <c r="AA28406">
        <v>43</v>
      </c>
      <c r="AB28406">
        <v>44</v>
      </c>
      <c r="AC28406">
        <v>45</v>
      </c>
      <c r="AD28406">
        <v>46</v>
      </c>
      <c r="AE28406">
        <v>47</v>
      </c>
      <c r="AF28406">
        <v>48</v>
      </c>
      <c r="AG28406">
        <v>49</v>
      </c>
      <c r="AH28406">
        <v>50</v>
      </c>
      <c r="AI28406">
        <v>51</v>
      </c>
      <c r="AJ28406">
        <v>52</v>
      </c>
      <c r="AK28406">
        <v>53</v>
      </c>
      <c r="AL28406">
        <v>53</v>
      </c>
      <c r="AM28406">
        <v>54</v>
      </c>
      <c r="AN28406">
        <v>54</v>
      </c>
      <c r="AO28406">
        <v>55</v>
      </c>
      <c r="AP28406">
        <v>55</v>
      </c>
      <c r="AQ28406">
        <v>56</v>
      </c>
    </row>
    <row r="28407" spans="1:43">
      <c r="A28407" t="s">
        <v>17579</v>
      </c>
      <c r="B28407" t="s">
        <v>17580</v>
      </c>
      <c r="C28407" t="s">
        <v>17479</v>
      </c>
      <c r="D28407" t="s">
        <v>17480</v>
      </c>
      <c r="E28407" t="s">
        <v>17455</v>
      </c>
      <c r="F28407" t="s">
        <v>17456</v>
      </c>
      <c r="G28407" t="s">
        <v>16559</v>
      </c>
      <c r="H28407" t="s">
        <v>16560</v>
      </c>
      <c r="I28407" s="2">
        <v>1</v>
      </c>
      <c r="J28407" s="2">
        <v>0</v>
      </c>
      <c r="K28407" s="2">
        <v>0</v>
      </c>
      <c r="L28407" t="s">
        <v>120</v>
      </c>
      <c r="M28407" t="s">
        <v>87</v>
      </c>
      <c r="N28407" t="s">
        <v>88</v>
      </c>
      <c r="O28407" t="s">
        <v>85</v>
      </c>
      <c r="P28407" t="s">
        <v>86</v>
      </c>
      <c r="Q28407">
        <v>35</v>
      </c>
      <c r="R28407">
        <v>36</v>
      </c>
      <c r="S28407">
        <v>36</v>
      </c>
      <c r="T28407">
        <v>37</v>
      </c>
      <c r="U28407">
        <v>37</v>
      </c>
      <c r="V28407">
        <v>38</v>
      </c>
      <c r="W28407">
        <v>38</v>
      </c>
      <c r="X28407">
        <v>39</v>
      </c>
      <c r="Y28407">
        <v>39</v>
      </c>
      <c r="Z28407">
        <v>40</v>
      </c>
      <c r="AA28407">
        <v>40</v>
      </c>
      <c r="AB28407">
        <v>41</v>
      </c>
      <c r="AC28407">
        <v>42</v>
      </c>
      <c r="AD28407">
        <v>42</v>
      </c>
      <c r="AE28407">
        <v>43</v>
      </c>
      <c r="AF28407">
        <v>43</v>
      </c>
      <c r="AG28407">
        <v>44</v>
      </c>
      <c r="AH28407">
        <v>44</v>
      </c>
      <c r="AI28407">
        <v>45</v>
      </c>
      <c r="AJ28407">
        <v>45</v>
      </c>
      <c r="AK28407">
        <v>46</v>
      </c>
      <c r="AL28407">
        <v>46</v>
      </c>
      <c r="AM28407">
        <v>47</v>
      </c>
      <c r="AN28407">
        <v>48</v>
      </c>
      <c r="AO28407">
        <v>48</v>
      </c>
      <c r="AP28407">
        <v>49</v>
      </c>
      <c r="AQ28407">
        <v>49</v>
      </c>
    </row>
    <row r="28408" spans="1:43">
      <c r="A28408" t="s">
        <v>17579</v>
      </c>
      <c r="B28408" t="s">
        <v>17580</v>
      </c>
      <c r="C28408" t="s">
        <v>17479</v>
      </c>
      <c r="D28408" t="s">
        <v>17480</v>
      </c>
      <c r="E28408" t="s">
        <v>17455</v>
      </c>
      <c r="F28408" t="s">
        <v>17456</v>
      </c>
      <c r="G28408" t="s">
        <v>16559</v>
      </c>
      <c r="H28408" t="s">
        <v>16560</v>
      </c>
      <c r="I28408" s="2">
        <v>1</v>
      </c>
      <c r="J28408" s="2">
        <v>0</v>
      </c>
      <c r="K28408" s="2">
        <v>0</v>
      </c>
      <c r="L28408" t="s">
        <v>120</v>
      </c>
      <c r="M28408" t="s">
        <v>89</v>
      </c>
      <c r="N28408" t="s">
        <v>90</v>
      </c>
      <c r="O28408" t="s">
        <v>85</v>
      </c>
      <c r="P28408" t="s">
        <v>86</v>
      </c>
      <c r="Q28408">
        <v>35</v>
      </c>
      <c r="R28408">
        <v>36</v>
      </c>
      <c r="S28408">
        <v>37</v>
      </c>
      <c r="T28408">
        <v>38</v>
      </c>
      <c r="U28408">
        <v>39</v>
      </c>
      <c r="V28408">
        <v>41</v>
      </c>
      <c r="W28408">
        <v>42</v>
      </c>
      <c r="X28408">
        <v>43</v>
      </c>
      <c r="Y28408">
        <v>44</v>
      </c>
      <c r="Z28408">
        <v>45</v>
      </c>
      <c r="AA28408">
        <v>46</v>
      </c>
      <c r="AB28408">
        <v>47</v>
      </c>
      <c r="AC28408">
        <v>48</v>
      </c>
      <c r="AD28408">
        <v>50</v>
      </c>
      <c r="AE28408">
        <v>50</v>
      </c>
      <c r="AF28408">
        <v>51</v>
      </c>
      <c r="AG28408">
        <v>51</v>
      </c>
      <c r="AH28408">
        <v>52</v>
      </c>
      <c r="AI28408">
        <v>52</v>
      </c>
      <c r="AJ28408">
        <v>53</v>
      </c>
      <c r="AK28408">
        <v>53</v>
      </c>
      <c r="AL28408">
        <v>54</v>
      </c>
      <c r="AM28408">
        <v>54</v>
      </c>
      <c r="AN28408">
        <v>55</v>
      </c>
      <c r="AO28408">
        <v>55</v>
      </c>
      <c r="AP28408">
        <v>55</v>
      </c>
      <c r="AQ28408">
        <v>56</v>
      </c>
    </row>
    <row r="28409" spans="1:43">
      <c r="A28409" t="s">
        <v>17579</v>
      </c>
      <c r="B28409" t="s">
        <v>17580</v>
      </c>
      <c r="C28409" t="s">
        <v>17479</v>
      </c>
      <c r="D28409" t="s">
        <v>17480</v>
      </c>
      <c r="E28409" t="s">
        <v>17455</v>
      </c>
      <c r="F28409" t="s">
        <v>17456</v>
      </c>
      <c r="G28409" t="s">
        <v>16559</v>
      </c>
      <c r="H28409" t="s">
        <v>16560</v>
      </c>
      <c r="I28409" s="2">
        <v>1</v>
      </c>
      <c r="J28409" s="2">
        <v>0</v>
      </c>
      <c r="K28409" s="2">
        <v>0</v>
      </c>
      <c r="L28409" t="s">
        <v>120</v>
      </c>
      <c r="M28409" t="s">
        <v>83</v>
      </c>
      <c r="N28409" t="s">
        <v>91</v>
      </c>
      <c r="O28409" t="s">
        <v>85</v>
      </c>
      <c r="P28409" t="s">
        <v>86</v>
      </c>
      <c r="Q28409">
        <v>35</v>
      </c>
      <c r="R28409">
        <v>35</v>
      </c>
      <c r="S28409">
        <v>36</v>
      </c>
      <c r="T28409">
        <v>37</v>
      </c>
      <c r="U28409">
        <v>38</v>
      </c>
      <c r="V28409">
        <v>39</v>
      </c>
      <c r="W28409">
        <v>40</v>
      </c>
      <c r="X28409">
        <v>41</v>
      </c>
      <c r="Y28409">
        <v>41</v>
      </c>
      <c r="Z28409">
        <v>42</v>
      </c>
      <c r="AA28409">
        <v>43</v>
      </c>
      <c r="AB28409">
        <v>44</v>
      </c>
      <c r="AC28409">
        <v>45</v>
      </c>
      <c r="AD28409">
        <v>46</v>
      </c>
      <c r="AE28409">
        <v>47</v>
      </c>
      <c r="AF28409">
        <v>48</v>
      </c>
      <c r="AG28409">
        <v>49</v>
      </c>
      <c r="AH28409">
        <v>50</v>
      </c>
      <c r="AI28409">
        <v>51</v>
      </c>
      <c r="AJ28409">
        <v>52</v>
      </c>
      <c r="AK28409">
        <v>53</v>
      </c>
      <c r="AL28409">
        <v>53</v>
      </c>
      <c r="AM28409">
        <v>54</v>
      </c>
      <c r="AN28409">
        <v>54</v>
      </c>
      <c r="AO28409">
        <v>55</v>
      </c>
      <c r="AP28409">
        <v>55</v>
      </c>
      <c r="AQ28409">
        <v>56</v>
      </c>
    </row>
    <row r="28410" spans="1:43">
      <c r="A28410" t="s">
        <v>17581</v>
      </c>
      <c r="B28410" t="s">
        <v>17582</v>
      </c>
      <c r="C28410" t="s">
        <v>17583</v>
      </c>
      <c r="D28410" t="s">
        <v>17584</v>
      </c>
      <c r="E28410" t="s">
        <v>17455</v>
      </c>
      <c r="F28410" t="s">
        <v>17456</v>
      </c>
      <c r="G28410" t="s">
        <v>16559</v>
      </c>
      <c r="H28410" t="s">
        <v>16560</v>
      </c>
      <c r="I28410" s="2">
        <v>1</v>
      </c>
      <c r="J28410" s="2">
        <v>0</v>
      </c>
      <c r="K28410" s="2">
        <v>0</v>
      </c>
      <c r="L28410" t="s">
        <v>120</v>
      </c>
      <c r="M28410" t="s">
        <v>83</v>
      </c>
      <c r="N28410" t="s">
        <v>84</v>
      </c>
      <c r="O28410" t="s">
        <v>85</v>
      </c>
      <c r="P28410" t="s">
        <v>86</v>
      </c>
      <c r="Q28410">
        <v>30</v>
      </c>
      <c r="R28410">
        <v>31</v>
      </c>
      <c r="S28410">
        <v>32</v>
      </c>
      <c r="T28410">
        <v>33</v>
      </c>
      <c r="U28410">
        <v>33</v>
      </c>
      <c r="V28410">
        <v>34</v>
      </c>
      <c r="W28410">
        <v>35</v>
      </c>
      <c r="X28410">
        <v>36</v>
      </c>
      <c r="Y28410">
        <v>36</v>
      </c>
      <c r="Z28410">
        <v>37</v>
      </c>
      <c r="AA28410">
        <v>38</v>
      </c>
      <c r="AB28410">
        <v>39</v>
      </c>
      <c r="AC28410">
        <v>39</v>
      </c>
      <c r="AD28410">
        <v>40</v>
      </c>
      <c r="AE28410">
        <v>41</v>
      </c>
      <c r="AF28410">
        <v>42</v>
      </c>
      <c r="AG28410">
        <v>43</v>
      </c>
      <c r="AH28410">
        <v>43</v>
      </c>
      <c r="AI28410">
        <v>44</v>
      </c>
      <c r="AJ28410">
        <v>45</v>
      </c>
      <c r="AK28410">
        <v>46</v>
      </c>
      <c r="AL28410">
        <v>46</v>
      </c>
      <c r="AM28410">
        <v>47</v>
      </c>
      <c r="AN28410">
        <v>47</v>
      </c>
      <c r="AO28410">
        <v>48</v>
      </c>
      <c r="AP28410">
        <v>48</v>
      </c>
      <c r="AQ28410">
        <v>48</v>
      </c>
    </row>
    <row r="28411" spans="1:43">
      <c r="A28411" t="s">
        <v>17581</v>
      </c>
      <c r="B28411" t="s">
        <v>17582</v>
      </c>
      <c r="C28411" t="s">
        <v>17583</v>
      </c>
      <c r="D28411" t="s">
        <v>17584</v>
      </c>
      <c r="E28411" t="s">
        <v>17455</v>
      </c>
      <c r="F28411" t="s">
        <v>17456</v>
      </c>
      <c r="G28411" t="s">
        <v>16559</v>
      </c>
      <c r="H28411" t="s">
        <v>16560</v>
      </c>
      <c r="I28411" s="2">
        <v>1</v>
      </c>
      <c r="J28411" s="2">
        <v>0</v>
      </c>
      <c r="K28411" s="2">
        <v>0</v>
      </c>
      <c r="L28411" t="s">
        <v>120</v>
      </c>
      <c r="M28411" t="s">
        <v>87</v>
      </c>
      <c r="N28411" t="s">
        <v>88</v>
      </c>
      <c r="O28411" t="s">
        <v>85</v>
      </c>
      <c r="P28411" t="s">
        <v>86</v>
      </c>
      <c r="Q28411">
        <v>30</v>
      </c>
      <c r="R28411">
        <v>31</v>
      </c>
      <c r="S28411">
        <v>31</v>
      </c>
      <c r="T28411">
        <v>31</v>
      </c>
      <c r="U28411">
        <v>32</v>
      </c>
      <c r="V28411">
        <v>32</v>
      </c>
      <c r="W28411">
        <v>33</v>
      </c>
      <c r="X28411">
        <v>33</v>
      </c>
      <c r="Y28411">
        <v>34</v>
      </c>
      <c r="Z28411">
        <v>34</v>
      </c>
      <c r="AA28411">
        <v>35</v>
      </c>
      <c r="AB28411">
        <v>35</v>
      </c>
      <c r="AC28411">
        <v>35</v>
      </c>
      <c r="AD28411">
        <v>36</v>
      </c>
      <c r="AE28411">
        <v>36</v>
      </c>
      <c r="AF28411">
        <v>37</v>
      </c>
      <c r="AG28411">
        <v>37</v>
      </c>
      <c r="AH28411">
        <v>38</v>
      </c>
      <c r="AI28411">
        <v>38</v>
      </c>
      <c r="AJ28411">
        <v>39</v>
      </c>
      <c r="AK28411">
        <v>39</v>
      </c>
      <c r="AL28411">
        <v>40</v>
      </c>
      <c r="AM28411">
        <v>40</v>
      </c>
      <c r="AN28411">
        <v>41</v>
      </c>
      <c r="AO28411">
        <v>41</v>
      </c>
      <c r="AP28411">
        <v>42</v>
      </c>
      <c r="AQ28411">
        <v>42</v>
      </c>
    </row>
    <row r="28412" spans="1:43">
      <c r="A28412" t="s">
        <v>17581</v>
      </c>
      <c r="B28412" t="s">
        <v>17582</v>
      </c>
      <c r="C28412" t="s">
        <v>17583</v>
      </c>
      <c r="D28412" t="s">
        <v>17584</v>
      </c>
      <c r="E28412" t="s">
        <v>17455</v>
      </c>
      <c r="F28412" t="s">
        <v>17456</v>
      </c>
      <c r="G28412" t="s">
        <v>16559</v>
      </c>
      <c r="H28412" t="s">
        <v>16560</v>
      </c>
      <c r="I28412" s="2">
        <v>1</v>
      </c>
      <c r="J28412" s="2">
        <v>0</v>
      </c>
      <c r="K28412" s="2">
        <v>0</v>
      </c>
      <c r="L28412" t="s">
        <v>120</v>
      </c>
      <c r="M28412" t="s">
        <v>89</v>
      </c>
      <c r="N28412" t="s">
        <v>90</v>
      </c>
      <c r="O28412" t="s">
        <v>85</v>
      </c>
      <c r="P28412" t="s">
        <v>86</v>
      </c>
      <c r="Q28412">
        <v>30</v>
      </c>
      <c r="R28412">
        <v>31</v>
      </c>
      <c r="S28412">
        <v>32</v>
      </c>
      <c r="T28412">
        <v>33</v>
      </c>
      <c r="U28412">
        <v>34</v>
      </c>
      <c r="V28412">
        <v>35</v>
      </c>
      <c r="W28412">
        <v>36</v>
      </c>
      <c r="X28412">
        <v>36</v>
      </c>
      <c r="Y28412">
        <v>37</v>
      </c>
      <c r="Z28412">
        <v>38</v>
      </c>
      <c r="AA28412">
        <v>39</v>
      </c>
      <c r="AB28412">
        <v>40</v>
      </c>
      <c r="AC28412">
        <v>41</v>
      </c>
      <c r="AD28412">
        <v>42</v>
      </c>
      <c r="AE28412">
        <v>43</v>
      </c>
      <c r="AF28412">
        <v>43</v>
      </c>
      <c r="AG28412">
        <v>44</v>
      </c>
      <c r="AH28412">
        <v>44</v>
      </c>
      <c r="AI28412">
        <v>45</v>
      </c>
      <c r="AJ28412">
        <v>45</v>
      </c>
      <c r="AK28412">
        <v>45</v>
      </c>
      <c r="AL28412">
        <v>46</v>
      </c>
      <c r="AM28412">
        <v>46</v>
      </c>
      <c r="AN28412">
        <v>46</v>
      </c>
      <c r="AO28412">
        <v>47</v>
      </c>
      <c r="AP28412">
        <v>47</v>
      </c>
      <c r="AQ28412">
        <v>48</v>
      </c>
    </row>
    <row r="28413" spans="1:43">
      <c r="A28413" t="s">
        <v>17581</v>
      </c>
      <c r="B28413" t="s">
        <v>17582</v>
      </c>
      <c r="C28413" t="s">
        <v>17583</v>
      </c>
      <c r="D28413" t="s">
        <v>17584</v>
      </c>
      <c r="E28413" t="s">
        <v>17455</v>
      </c>
      <c r="F28413" t="s">
        <v>17456</v>
      </c>
      <c r="G28413" t="s">
        <v>16559</v>
      </c>
      <c r="H28413" t="s">
        <v>16560</v>
      </c>
      <c r="I28413" s="2">
        <v>1</v>
      </c>
      <c r="J28413" s="2">
        <v>0</v>
      </c>
      <c r="K28413" s="2">
        <v>0</v>
      </c>
      <c r="L28413" t="s">
        <v>120</v>
      </c>
      <c r="M28413" t="s">
        <v>83</v>
      </c>
      <c r="N28413" t="s">
        <v>91</v>
      </c>
      <c r="O28413" t="s">
        <v>85</v>
      </c>
      <c r="P28413" t="s">
        <v>86</v>
      </c>
      <c r="Q28413">
        <v>30</v>
      </c>
      <c r="R28413">
        <v>31</v>
      </c>
      <c r="S28413">
        <v>32</v>
      </c>
      <c r="T28413">
        <v>33</v>
      </c>
      <c r="U28413">
        <v>33</v>
      </c>
      <c r="V28413">
        <v>34</v>
      </c>
      <c r="W28413">
        <v>35</v>
      </c>
      <c r="X28413">
        <v>36</v>
      </c>
      <c r="Y28413">
        <v>36</v>
      </c>
      <c r="Z28413">
        <v>37</v>
      </c>
      <c r="AA28413">
        <v>38</v>
      </c>
      <c r="AB28413">
        <v>39</v>
      </c>
      <c r="AC28413">
        <v>39</v>
      </c>
      <c r="AD28413">
        <v>40</v>
      </c>
      <c r="AE28413">
        <v>41</v>
      </c>
      <c r="AF28413">
        <v>42</v>
      </c>
      <c r="AG28413">
        <v>43</v>
      </c>
      <c r="AH28413">
        <v>43</v>
      </c>
      <c r="AI28413">
        <v>44</v>
      </c>
      <c r="AJ28413">
        <v>45</v>
      </c>
      <c r="AK28413">
        <v>46</v>
      </c>
      <c r="AL28413">
        <v>46</v>
      </c>
      <c r="AM28413">
        <v>47</v>
      </c>
      <c r="AN28413">
        <v>47</v>
      </c>
      <c r="AO28413">
        <v>48</v>
      </c>
      <c r="AP28413">
        <v>48</v>
      </c>
      <c r="AQ28413">
        <v>48</v>
      </c>
    </row>
    <row r="28414" spans="1:43">
      <c r="A28414" t="s">
        <v>17585</v>
      </c>
      <c r="B28414" t="s">
        <v>17586</v>
      </c>
      <c r="C28414" t="s">
        <v>17587</v>
      </c>
      <c r="D28414" t="s">
        <v>17588</v>
      </c>
      <c r="E28414" t="s">
        <v>17455</v>
      </c>
      <c r="F28414" t="s">
        <v>17456</v>
      </c>
      <c r="G28414" t="s">
        <v>16559</v>
      </c>
      <c r="H28414" t="s">
        <v>16560</v>
      </c>
      <c r="I28414" s="2">
        <v>1</v>
      </c>
      <c r="J28414" s="2">
        <v>0</v>
      </c>
      <c r="K28414" s="2">
        <v>0</v>
      </c>
      <c r="L28414" t="s">
        <v>120</v>
      </c>
      <c r="M28414" t="s">
        <v>83</v>
      </c>
      <c r="N28414" t="s">
        <v>84</v>
      </c>
      <c r="O28414" t="s">
        <v>85</v>
      </c>
      <c r="P28414" t="s">
        <v>86</v>
      </c>
      <c r="Q28414">
        <v>13</v>
      </c>
      <c r="R28414">
        <v>14</v>
      </c>
      <c r="S28414">
        <v>14</v>
      </c>
      <c r="T28414">
        <v>14</v>
      </c>
      <c r="U28414">
        <v>14</v>
      </c>
      <c r="V28414">
        <v>15</v>
      </c>
      <c r="W28414">
        <v>15</v>
      </c>
      <c r="X28414">
        <v>15</v>
      </c>
      <c r="Y28414">
        <v>16</v>
      </c>
      <c r="Z28414">
        <v>16</v>
      </c>
      <c r="AA28414">
        <v>17</v>
      </c>
      <c r="AB28414">
        <v>17</v>
      </c>
      <c r="AC28414">
        <v>17</v>
      </c>
      <c r="AD28414">
        <v>18</v>
      </c>
      <c r="AE28414">
        <v>18</v>
      </c>
      <c r="AF28414">
        <v>18</v>
      </c>
      <c r="AG28414">
        <v>19</v>
      </c>
      <c r="AH28414">
        <v>19</v>
      </c>
      <c r="AI28414">
        <v>19</v>
      </c>
      <c r="AJ28414">
        <v>20</v>
      </c>
      <c r="AK28414">
        <v>20</v>
      </c>
      <c r="AL28414">
        <v>20</v>
      </c>
      <c r="AM28414">
        <v>21</v>
      </c>
      <c r="AN28414">
        <v>21</v>
      </c>
      <c r="AO28414">
        <v>21</v>
      </c>
      <c r="AP28414">
        <v>21</v>
      </c>
      <c r="AQ28414">
        <v>21</v>
      </c>
    </row>
    <row r="28415" spans="1:43">
      <c r="A28415" t="s">
        <v>17585</v>
      </c>
      <c r="B28415" t="s">
        <v>17586</v>
      </c>
      <c r="C28415" t="s">
        <v>17587</v>
      </c>
      <c r="D28415" t="s">
        <v>17588</v>
      </c>
      <c r="E28415" t="s">
        <v>17455</v>
      </c>
      <c r="F28415" t="s">
        <v>17456</v>
      </c>
      <c r="G28415" t="s">
        <v>16559</v>
      </c>
      <c r="H28415" t="s">
        <v>16560</v>
      </c>
      <c r="I28415" s="2">
        <v>1</v>
      </c>
      <c r="J28415" s="2">
        <v>0</v>
      </c>
      <c r="K28415" s="2">
        <v>0</v>
      </c>
      <c r="L28415" t="s">
        <v>120</v>
      </c>
      <c r="M28415" t="s">
        <v>87</v>
      </c>
      <c r="N28415" t="s">
        <v>88</v>
      </c>
      <c r="O28415" t="s">
        <v>85</v>
      </c>
      <c r="P28415" t="s">
        <v>86</v>
      </c>
      <c r="Q28415">
        <v>13</v>
      </c>
      <c r="R28415">
        <v>13</v>
      </c>
      <c r="S28415">
        <v>13</v>
      </c>
      <c r="T28415">
        <v>14</v>
      </c>
      <c r="U28415">
        <v>14</v>
      </c>
      <c r="V28415">
        <v>14</v>
      </c>
      <c r="W28415">
        <v>14</v>
      </c>
      <c r="X28415">
        <v>14</v>
      </c>
      <c r="Y28415">
        <v>15</v>
      </c>
      <c r="Z28415">
        <v>15</v>
      </c>
      <c r="AA28415">
        <v>15</v>
      </c>
      <c r="AB28415">
        <v>15</v>
      </c>
      <c r="AC28415">
        <v>15</v>
      </c>
      <c r="AD28415">
        <v>16</v>
      </c>
      <c r="AE28415">
        <v>16</v>
      </c>
      <c r="AF28415">
        <v>16</v>
      </c>
      <c r="AG28415">
        <v>16</v>
      </c>
      <c r="AH28415">
        <v>16</v>
      </c>
      <c r="AI28415">
        <v>17</v>
      </c>
      <c r="AJ28415">
        <v>17</v>
      </c>
      <c r="AK28415">
        <v>17</v>
      </c>
      <c r="AL28415">
        <v>17</v>
      </c>
      <c r="AM28415">
        <v>18</v>
      </c>
      <c r="AN28415">
        <v>18</v>
      </c>
      <c r="AO28415">
        <v>18</v>
      </c>
      <c r="AP28415">
        <v>18</v>
      </c>
      <c r="AQ28415">
        <v>18</v>
      </c>
    </row>
    <row r="28416" spans="1:43">
      <c r="A28416" t="s">
        <v>17585</v>
      </c>
      <c r="B28416" t="s">
        <v>17586</v>
      </c>
      <c r="C28416" t="s">
        <v>17587</v>
      </c>
      <c r="D28416" t="s">
        <v>17588</v>
      </c>
      <c r="E28416" t="s">
        <v>17455</v>
      </c>
      <c r="F28416" t="s">
        <v>17456</v>
      </c>
      <c r="G28416" t="s">
        <v>16559</v>
      </c>
      <c r="H28416" t="s">
        <v>16560</v>
      </c>
      <c r="I28416" s="2">
        <v>1</v>
      </c>
      <c r="J28416" s="2">
        <v>0</v>
      </c>
      <c r="K28416" s="2">
        <v>0</v>
      </c>
      <c r="L28416" t="s">
        <v>120</v>
      </c>
      <c r="M28416" t="s">
        <v>89</v>
      </c>
      <c r="N28416" t="s">
        <v>90</v>
      </c>
      <c r="O28416" t="s">
        <v>85</v>
      </c>
      <c r="P28416" t="s">
        <v>86</v>
      </c>
      <c r="Q28416">
        <v>13</v>
      </c>
      <c r="R28416">
        <v>14</v>
      </c>
      <c r="S28416">
        <v>14</v>
      </c>
      <c r="T28416">
        <v>15</v>
      </c>
      <c r="U28416">
        <v>15</v>
      </c>
      <c r="V28416">
        <v>15</v>
      </c>
      <c r="W28416">
        <v>16</v>
      </c>
      <c r="X28416">
        <v>16</v>
      </c>
      <c r="Y28416">
        <v>17</v>
      </c>
      <c r="Z28416">
        <v>17</v>
      </c>
      <c r="AA28416">
        <v>18</v>
      </c>
      <c r="AB28416">
        <v>18</v>
      </c>
      <c r="AC28416">
        <v>18</v>
      </c>
      <c r="AD28416">
        <v>19</v>
      </c>
      <c r="AE28416">
        <v>19</v>
      </c>
      <c r="AF28416">
        <v>19</v>
      </c>
      <c r="AG28416">
        <v>20</v>
      </c>
      <c r="AH28416">
        <v>20</v>
      </c>
      <c r="AI28416">
        <v>20</v>
      </c>
      <c r="AJ28416">
        <v>20</v>
      </c>
      <c r="AK28416">
        <v>20</v>
      </c>
      <c r="AL28416">
        <v>20</v>
      </c>
      <c r="AM28416">
        <v>21</v>
      </c>
      <c r="AN28416">
        <v>21</v>
      </c>
      <c r="AO28416">
        <v>21</v>
      </c>
      <c r="AP28416">
        <v>21</v>
      </c>
      <c r="AQ28416">
        <v>21</v>
      </c>
    </row>
    <row r="28417" spans="1:43">
      <c r="A28417" t="s">
        <v>17585</v>
      </c>
      <c r="B28417" t="s">
        <v>17586</v>
      </c>
      <c r="C28417" t="s">
        <v>17587</v>
      </c>
      <c r="D28417" t="s">
        <v>17588</v>
      </c>
      <c r="E28417" t="s">
        <v>17455</v>
      </c>
      <c r="F28417" t="s">
        <v>17456</v>
      </c>
      <c r="G28417" t="s">
        <v>16559</v>
      </c>
      <c r="H28417" t="s">
        <v>16560</v>
      </c>
      <c r="I28417" s="2">
        <v>1</v>
      </c>
      <c r="J28417" s="2">
        <v>0</v>
      </c>
      <c r="K28417" s="2">
        <v>0</v>
      </c>
      <c r="L28417" t="s">
        <v>120</v>
      </c>
      <c r="M28417" t="s">
        <v>83</v>
      </c>
      <c r="N28417" t="s">
        <v>91</v>
      </c>
      <c r="O28417" t="s">
        <v>85</v>
      </c>
      <c r="P28417" t="s">
        <v>86</v>
      </c>
      <c r="Q28417">
        <v>13</v>
      </c>
      <c r="R28417">
        <v>14</v>
      </c>
      <c r="S28417">
        <v>14</v>
      </c>
      <c r="T28417">
        <v>14</v>
      </c>
      <c r="U28417">
        <v>14</v>
      </c>
      <c r="V28417">
        <v>15</v>
      </c>
      <c r="W28417">
        <v>15</v>
      </c>
      <c r="X28417">
        <v>15</v>
      </c>
      <c r="Y28417">
        <v>16</v>
      </c>
      <c r="Z28417">
        <v>16</v>
      </c>
      <c r="AA28417">
        <v>17</v>
      </c>
      <c r="AB28417">
        <v>17</v>
      </c>
      <c r="AC28417">
        <v>17</v>
      </c>
      <c r="AD28417">
        <v>18</v>
      </c>
      <c r="AE28417">
        <v>18</v>
      </c>
      <c r="AF28417">
        <v>18</v>
      </c>
      <c r="AG28417">
        <v>19</v>
      </c>
      <c r="AH28417">
        <v>19</v>
      </c>
      <c r="AI28417">
        <v>19</v>
      </c>
      <c r="AJ28417">
        <v>20</v>
      </c>
      <c r="AK28417">
        <v>20</v>
      </c>
      <c r="AL28417">
        <v>20</v>
      </c>
      <c r="AM28417">
        <v>21</v>
      </c>
      <c r="AN28417">
        <v>21</v>
      </c>
      <c r="AO28417">
        <v>21</v>
      </c>
      <c r="AP28417">
        <v>21</v>
      </c>
      <c r="AQ28417">
        <v>21</v>
      </c>
    </row>
    <row r="28418" spans="1:43">
      <c r="A28418" t="s">
        <v>17589</v>
      </c>
      <c r="B28418" t="s">
        <v>17590</v>
      </c>
      <c r="C28418" t="s">
        <v>17587</v>
      </c>
      <c r="D28418" t="s">
        <v>17588</v>
      </c>
      <c r="E28418" t="s">
        <v>17455</v>
      </c>
      <c r="F28418" t="s">
        <v>17456</v>
      </c>
      <c r="G28418" t="s">
        <v>16559</v>
      </c>
      <c r="H28418" t="s">
        <v>16560</v>
      </c>
      <c r="I28418" s="2">
        <v>1</v>
      </c>
      <c r="J28418" s="2">
        <v>0</v>
      </c>
      <c r="K28418" s="2">
        <v>0</v>
      </c>
      <c r="L28418" t="s">
        <v>120</v>
      </c>
      <c r="M28418" t="s">
        <v>83</v>
      </c>
      <c r="N28418" t="s">
        <v>84</v>
      </c>
      <c r="O28418" t="s">
        <v>85</v>
      </c>
      <c r="P28418" t="s">
        <v>86</v>
      </c>
      <c r="Q28418">
        <v>14</v>
      </c>
      <c r="R28418">
        <v>15</v>
      </c>
      <c r="S28418">
        <v>15</v>
      </c>
      <c r="T28418">
        <v>15</v>
      </c>
      <c r="U28418">
        <v>16</v>
      </c>
      <c r="V28418">
        <v>16</v>
      </c>
      <c r="W28418">
        <v>17</v>
      </c>
      <c r="X28418">
        <v>17</v>
      </c>
      <c r="Y28418">
        <v>17</v>
      </c>
      <c r="Z28418">
        <v>18</v>
      </c>
      <c r="AA28418">
        <v>18</v>
      </c>
      <c r="AB28418">
        <v>18</v>
      </c>
      <c r="AC28418">
        <v>19</v>
      </c>
      <c r="AD28418">
        <v>19</v>
      </c>
      <c r="AE28418">
        <v>20</v>
      </c>
      <c r="AF28418">
        <v>20</v>
      </c>
      <c r="AG28418">
        <v>20</v>
      </c>
      <c r="AH28418">
        <v>21</v>
      </c>
      <c r="AI28418">
        <v>21</v>
      </c>
      <c r="AJ28418">
        <v>22</v>
      </c>
      <c r="AK28418">
        <v>22</v>
      </c>
      <c r="AL28418">
        <v>22</v>
      </c>
      <c r="AM28418">
        <v>22</v>
      </c>
      <c r="AN28418">
        <v>23</v>
      </c>
      <c r="AO28418">
        <v>23</v>
      </c>
      <c r="AP28418">
        <v>23</v>
      </c>
      <c r="AQ28418">
        <v>23</v>
      </c>
    </row>
    <row r="28419" spans="1:43">
      <c r="A28419" t="s">
        <v>17589</v>
      </c>
      <c r="B28419" t="s">
        <v>17590</v>
      </c>
      <c r="C28419" t="s">
        <v>17587</v>
      </c>
      <c r="D28419" t="s">
        <v>17588</v>
      </c>
      <c r="E28419" t="s">
        <v>17455</v>
      </c>
      <c r="F28419" t="s">
        <v>17456</v>
      </c>
      <c r="G28419" t="s">
        <v>16559</v>
      </c>
      <c r="H28419" t="s">
        <v>16560</v>
      </c>
      <c r="I28419" s="2">
        <v>1</v>
      </c>
      <c r="J28419" s="2">
        <v>0</v>
      </c>
      <c r="K28419" s="2">
        <v>0</v>
      </c>
      <c r="L28419" t="s">
        <v>120</v>
      </c>
      <c r="M28419" t="s">
        <v>87</v>
      </c>
      <c r="N28419" t="s">
        <v>88</v>
      </c>
      <c r="O28419" t="s">
        <v>85</v>
      </c>
      <c r="P28419" t="s">
        <v>86</v>
      </c>
      <c r="Q28419">
        <v>14</v>
      </c>
      <c r="R28419">
        <v>15</v>
      </c>
      <c r="S28419">
        <v>15</v>
      </c>
      <c r="T28419">
        <v>15</v>
      </c>
      <c r="U28419">
        <v>15</v>
      </c>
      <c r="V28419">
        <v>15</v>
      </c>
      <c r="W28419">
        <v>16</v>
      </c>
      <c r="X28419">
        <v>16</v>
      </c>
      <c r="Y28419">
        <v>16</v>
      </c>
      <c r="Z28419">
        <v>16</v>
      </c>
      <c r="AA28419">
        <v>16</v>
      </c>
      <c r="AB28419">
        <v>17</v>
      </c>
      <c r="AC28419">
        <v>17</v>
      </c>
      <c r="AD28419">
        <v>17</v>
      </c>
      <c r="AE28419">
        <v>17</v>
      </c>
      <c r="AF28419">
        <v>18</v>
      </c>
      <c r="AG28419">
        <v>18</v>
      </c>
      <c r="AH28419">
        <v>18</v>
      </c>
      <c r="AI28419">
        <v>18</v>
      </c>
      <c r="AJ28419">
        <v>18</v>
      </c>
      <c r="AK28419">
        <v>19</v>
      </c>
      <c r="AL28419">
        <v>19</v>
      </c>
      <c r="AM28419">
        <v>19</v>
      </c>
      <c r="AN28419">
        <v>19</v>
      </c>
      <c r="AO28419">
        <v>20</v>
      </c>
      <c r="AP28419">
        <v>20</v>
      </c>
      <c r="AQ28419">
        <v>20</v>
      </c>
    </row>
    <row r="28420" spans="1:43">
      <c r="A28420" t="s">
        <v>17589</v>
      </c>
      <c r="B28420" t="s">
        <v>17590</v>
      </c>
      <c r="C28420" t="s">
        <v>17587</v>
      </c>
      <c r="D28420" t="s">
        <v>17588</v>
      </c>
      <c r="E28420" t="s">
        <v>17455</v>
      </c>
      <c r="F28420" t="s">
        <v>17456</v>
      </c>
      <c r="G28420" t="s">
        <v>16559</v>
      </c>
      <c r="H28420" t="s">
        <v>16560</v>
      </c>
      <c r="I28420" s="2">
        <v>1</v>
      </c>
      <c r="J28420" s="2">
        <v>0</v>
      </c>
      <c r="K28420" s="2">
        <v>0</v>
      </c>
      <c r="L28420" t="s">
        <v>120</v>
      </c>
      <c r="M28420" t="s">
        <v>89</v>
      </c>
      <c r="N28420" t="s">
        <v>90</v>
      </c>
      <c r="O28420" t="s">
        <v>85</v>
      </c>
      <c r="P28420" t="s">
        <v>86</v>
      </c>
      <c r="Q28420">
        <v>14</v>
      </c>
      <c r="R28420">
        <v>14</v>
      </c>
      <c r="S28420">
        <v>15</v>
      </c>
      <c r="T28420">
        <v>15</v>
      </c>
      <c r="U28420">
        <v>15</v>
      </c>
      <c r="V28420">
        <v>16</v>
      </c>
      <c r="W28420">
        <v>16</v>
      </c>
      <c r="X28420">
        <v>17</v>
      </c>
      <c r="Y28420">
        <v>17</v>
      </c>
      <c r="Z28420">
        <v>18</v>
      </c>
      <c r="AA28420">
        <v>18</v>
      </c>
      <c r="AB28420">
        <v>19</v>
      </c>
      <c r="AC28420">
        <v>19</v>
      </c>
      <c r="AD28420">
        <v>20</v>
      </c>
      <c r="AE28420">
        <v>20</v>
      </c>
      <c r="AF28420">
        <v>20</v>
      </c>
      <c r="AG28420">
        <v>20</v>
      </c>
      <c r="AH28420">
        <v>21</v>
      </c>
      <c r="AI28420">
        <v>21</v>
      </c>
      <c r="AJ28420">
        <v>21</v>
      </c>
      <c r="AK28420">
        <v>21</v>
      </c>
      <c r="AL28420">
        <v>21</v>
      </c>
      <c r="AM28420">
        <v>22</v>
      </c>
      <c r="AN28420">
        <v>22</v>
      </c>
      <c r="AO28420">
        <v>22</v>
      </c>
      <c r="AP28420">
        <v>22</v>
      </c>
      <c r="AQ28420">
        <v>22</v>
      </c>
    </row>
    <row r="28421" spans="1:43">
      <c r="A28421" t="s">
        <v>17589</v>
      </c>
      <c r="B28421" t="s">
        <v>17590</v>
      </c>
      <c r="C28421" t="s">
        <v>17587</v>
      </c>
      <c r="D28421" t="s">
        <v>17588</v>
      </c>
      <c r="E28421" t="s">
        <v>17455</v>
      </c>
      <c r="F28421" t="s">
        <v>17456</v>
      </c>
      <c r="G28421" t="s">
        <v>16559</v>
      </c>
      <c r="H28421" t="s">
        <v>16560</v>
      </c>
      <c r="I28421" s="2">
        <v>1</v>
      </c>
      <c r="J28421" s="2">
        <v>0</v>
      </c>
      <c r="K28421" s="2">
        <v>0</v>
      </c>
      <c r="L28421" t="s">
        <v>120</v>
      </c>
      <c r="M28421" t="s">
        <v>83</v>
      </c>
      <c r="N28421" t="s">
        <v>91</v>
      </c>
      <c r="O28421" t="s">
        <v>85</v>
      </c>
      <c r="P28421" t="s">
        <v>86</v>
      </c>
      <c r="Q28421">
        <v>14</v>
      </c>
      <c r="R28421">
        <v>15</v>
      </c>
      <c r="S28421">
        <v>15</v>
      </c>
      <c r="T28421">
        <v>15</v>
      </c>
      <c r="U28421">
        <v>16</v>
      </c>
      <c r="V28421">
        <v>16</v>
      </c>
      <c r="W28421">
        <v>17</v>
      </c>
      <c r="X28421">
        <v>17</v>
      </c>
      <c r="Y28421">
        <v>17</v>
      </c>
      <c r="Z28421">
        <v>18</v>
      </c>
      <c r="AA28421">
        <v>18</v>
      </c>
      <c r="AB28421">
        <v>18</v>
      </c>
      <c r="AC28421">
        <v>19</v>
      </c>
      <c r="AD28421">
        <v>19</v>
      </c>
      <c r="AE28421">
        <v>20</v>
      </c>
      <c r="AF28421">
        <v>20</v>
      </c>
      <c r="AG28421">
        <v>20</v>
      </c>
      <c r="AH28421">
        <v>21</v>
      </c>
      <c r="AI28421">
        <v>21</v>
      </c>
      <c r="AJ28421">
        <v>22</v>
      </c>
      <c r="AK28421">
        <v>22</v>
      </c>
      <c r="AL28421">
        <v>22</v>
      </c>
      <c r="AM28421">
        <v>22</v>
      </c>
      <c r="AN28421">
        <v>23</v>
      </c>
      <c r="AO28421">
        <v>23</v>
      </c>
      <c r="AP28421">
        <v>23</v>
      </c>
      <c r="AQ28421">
        <v>23</v>
      </c>
    </row>
    <row r="28422" spans="1:43">
      <c r="A28422" t="s">
        <v>17591</v>
      </c>
      <c r="B28422" t="s">
        <v>17592</v>
      </c>
      <c r="C28422" t="s">
        <v>17587</v>
      </c>
      <c r="D28422" t="s">
        <v>17588</v>
      </c>
      <c r="E28422" t="s">
        <v>17455</v>
      </c>
      <c r="F28422" t="s">
        <v>17456</v>
      </c>
      <c r="G28422" t="s">
        <v>16559</v>
      </c>
      <c r="H28422" t="s">
        <v>16560</v>
      </c>
      <c r="I28422" s="2">
        <v>1</v>
      </c>
      <c r="J28422" s="2">
        <v>0</v>
      </c>
      <c r="K28422" s="2">
        <v>0</v>
      </c>
      <c r="L28422" t="s">
        <v>120</v>
      </c>
      <c r="M28422" t="s">
        <v>83</v>
      </c>
      <c r="N28422" t="s">
        <v>84</v>
      </c>
      <c r="O28422" t="s">
        <v>85</v>
      </c>
      <c r="P28422" t="s">
        <v>86</v>
      </c>
      <c r="Q28422">
        <v>77</v>
      </c>
      <c r="R28422">
        <v>79</v>
      </c>
      <c r="S28422">
        <v>81</v>
      </c>
      <c r="T28422">
        <v>83</v>
      </c>
      <c r="U28422">
        <v>84</v>
      </c>
      <c r="V28422">
        <v>86</v>
      </c>
      <c r="W28422">
        <v>88</v>
      </c>
      <c r="X28422">
        <v>90</v>
      </c>
      <c r="Y28422">
        <v>92</v>
      </c>
      <c r="Z28422">
        <v>94</v>
      </c>
      <c r="AA28422">
        <v>96</v>
      </c>
      <c r="AB28422">
        <v>98</v>
      </c>
      <c r="AC28422">
        <v>100</v>
      </c>
      <c r="AD28422">
        <v>102</v>
      </c>
      <c r="AE28422">
        <v>104</v>
      </c>
      <c r="AF28422">
        <v>106</v>
      </c>
      <c r="AG28422">
        <v>108</v>
      </c>
      <c r="AH28422">
        <v>110</v>
      </c>
      <c r="AI28422">
        <v>113</v>
      </c>
      <c r="AJ28422">
        <v>115</v>
      </c>
      <c r="AK28422">
        <v>117</v>
      </c>
      <c r="AL28422">
        <v>118</v>
      </c>
      <c r="AM28422">
        <v>119</v>
      </c>
      <c r="AN28422">
        <v>120</v>
      </c>
      <c r="AO28422">
        <v>121</v>
      </c>
      <c r="AP28422">
        <v>122</v>
      </c>
      <c r="AQ28422">
        <v>123</v>
      </c>
    </row>
    <row r="28423" spans="1:43">
      <c r="A28423" t="s">
        <v>17591</v>
      </c>
      <c r="B28423" t="s">
        <v>17592</v>
      </c>
      <c r="C28423" t="s">
        <v>17587</v>
      </c>
      <c r="D28423" t="s">
        <v>17588</v>
      </c>
      <c r="E28423" t="s">
        <v>17455</v>
      </c>
      <c r="F28423" t="s">
        <v>17456</v>
      </c>
      <c r="G28423" t="s">
        <v>16559</v>
      </c>
      <c r="H28423" t="s">
        <v>16560</v>
      </c>
      <c r="I28423" s="2">
        <v>1</v>
      </c>
      <c r="J28423" s="2">
        <v>0</v>
      </c>
      <c r="K28423" s="2">
        <v>0</v>
      </c>
      <c r="L28423" t="s">
        <v>120</v>
      </c>
      <c r="M28423" t="s">
        <v>87</v>
      </c>
      <c r="N28423" t="s">
        <v>88</v>
      </c>
      <c r="O28423" t="s">
        <v>85</v>
      </c>
      <c r="P28423" t="s">
        <v>86</v>
      </c>
      <c r="Q28423">
        <v>77</v>
      </c>
      <c r="R28423">
        <v>78</v>
      </c>
      <c r="S28423">
        <v>79</v>
      </c>
      <c r="T28423">
        <v>81</v>
      </c>
      <c r="U28423">
        <v>82</v>
      </c>
      <c r="V28423">
        <v>83</v>
      </c>
      <c r="W28423">
        <v>84</v>
      </c>
      <c r="X28423">
        <v>85</v>
      </c>
      <c r="Y28423">
        <v>86</v>
      </c>
      <c r="Z28423">
        <v>87</v>
      </c>
      <c r="AA28423">
        <v>89</v>
      </c>
      <c r="AB28423">
        <v>90</v>
      </c>
      <c r="AC28423">
        <v>91</v>
      </c>
      <c r="AD28423">
        <v>92</v>
      </c>
      <c r="AE28423">
        <v>93</v>
      </c>
      <c r="AF28423">
        <v>94</v>
      </c>
      <c r="AG28423">
        <v>96</v>
      </c>
      <c r="AH28423">
        <v>97</v>
      </c>
      <c r="AI28423">
        <v>98</v>
      </c>
      <c r="AJ28423">
        <v>99</v>
      </c>
      <c r="AK28423">
        <v>101</v>
      </c>
      <c r="AL28423">
        <v>102</v>
      </c>
      <c r="AM28423">
        <v>103</v>
      </c>
      <c r="AN28423">
        <v>104</v>
      </c>
      <c r="AO28423">
        <v>105</v>
      </c>
      <c r="AP28423">
        <v>107</v>
      </c>
      <c r="AQ28423">
        <v>108</v>
      </c>
    </row>
    <row r="28424" spans="1:43">
      <c r="A28424" t="s">
        <v>17591</v>
      </c>
      <c r="B28424" t="s">
        <v>17592</v>
      </c>
      <c r="C28424" t="s">
        <v>17587</v>
      </c>
      <c r="D28424" t="s">
        <v>17588</v>
      </c>
      <c r="E28424" t="s">
        <v>17455</v>
      </c>
      <c r="F28424" t="s">
        <v>17456</v>
      </c>
      <c r="G28424" t="s">
        <v>16559</v>
      </c>
      <c r="H28424" t="s">
        <v>16560</v>
      </c>
      <c r="I28424" s="2">
        <v>1</v>
      </c>
      <c r="J28424" s="2">
        <v>0</v>
      </c>
      <c r="K28424" s="2">
        <v>0</v>
      </c>
      <c r="L28424" t="s">
        <v>120</v>
      </c>
      <c r="M28424" t="s">
        <v>89</v>
      </c>
      <c r="N28424" t="s">
        <v>90</v>
      </c>
      <c r="O28424" t="s">
        <v>85</v>
      </c>
      <c r="P28424" t="s">
        <v>86</v>
      </c>
      <c r="Q28424">
        <v>77</v>
      </c>
      <c r="R28424">
        <v>79</v>
      </c>
      <c r="S28424">
        <v>82</v>
      </c>
      <c r="T28424">
        <v>84</v>
      </c>
      <c r="U28424">
        <v>87</v>
      </c>
      <c r="V28424">
        <v>89</v>
      </c>
      <c r="W28424">
        <v>92</v>
      </c>
      <c r="X28424">
        <v>94</v>
      </c>
      <c r="Y28424">
        <v>97</v>
      </c>
      <c r="Z28424">
        <v>99</v>
      </c>
      <c r="AA28424">
        <v>101</v>
      </c>
      <c r="AB28424">
        <v>104</v>
      </c>
      <c r="AC28424">
        <v>106</v>
      </c>
      <c r="AD28424">
        <v>109</v>
      </c>
      <c r="AE28424">
        <v>111</v>
      </c>
      <c r="AF28424">
        <v>112</v>
      </c>
      <c r="AG28424">
        <v>113</v>
      </c>
      <c r="AH28424">
        <v>114</v>
      </c>
      <c r="AI28424">
        <v>115</v>
      </c>
      <c r="AJ28424">
        <v>116</v>
      </c>
      <c r="AK28424">
        <v>117</v>
      </c>
      <c r="AL28424">
        <v>118</v>
      </c>
      <c r="AM28424">
        <v>119</v>
      </c>
      <c r="AN28424">
        <v>120</v>
      </c>
      <c r="AO28424">
        <v>121</v>
      </c>
      <c r="AP28424">
        <v>122</v>
      </c>
      <c r="AQ28424">
        <v>123</v>
      </c>
    </row>
    <row r="28425" spans="1:43">
      <c r="A28425" t="s">
        <v>17591</v>
      </c>
      <c r="B28425" t="s">
        <v>17592</v>
      </c>
      <c r="C28425" t="s">
        <v>17587</v>
      </c>
      <c r="D28425" t="s">
        <v>17588</v>
      </c>
      <c r="E28425" t="s">
        <v>17455</v>
      </c>
      <c r="F28425" t="s">
        <v>17456</v>
      </c>
      <c r="G28425" t="s">
        <v>16559</v>
      </c>
      <c r="H28425" t="s">
        <v>16560</v>
      </c>
      <c r="I28425" s="2">
        <v>1</v>
      </c>
      <c r="J28425" s="2">
        <v>0</v>
      </c>
      <c r="K28425" s="2">
        <v>0</v>
      </c>
      <c r="L28425" t="s">
        <v>120</v>
      </c>
      <c r="M28425" t="s">
        <v>83</v>
      </c>
      <c r="N28425" t="s">
        <v>91</v>
      </c>
      <c r="O28425" t="s">
        <v>85</v>
      </c>
      <c r="P28425" t="s">
        <v>86</v>
      </c>
      <c r="Q28425">
        <v>77</v>
      </c>
      <c r="R28425">
        <v>79</v>
      </c>
      <c r="S28425">
        <v>81</v>
      </c>
      <c r="T28425">
        <v>83</v>
      </c>
      <c r="U28425">
        <v>84</v>
      </c>
      <c r="V28425">
        <v>86</v>
      </c>
      <c r="W28425">
        <v>88</v>
      </c>
      <c r="X28425">
        <v>90</v>
      </c>
      <c r="Y28425">
        <v>92</v>
      </c>
      <c r="Z28425">
        <v>94</v>
      </c>
      <c r="AA28425">
        <v>96</v>
      </c>
      <c r="AB28425">
        <v>98</v>
      </c>
      <c r="AC28425">
        <v>100</v>
      </c>
      <c r="AD28425">
        <v>102</v>
      </c>
      <c r="AE28425">
        <v>104</v>
      </c>
      <c r="AF28425">
        <v>106</v>
      </c>
      <c r="AG28425">
        <v>108</v>
      </c>
      <c r="AH28425">
        <v>110</v>
      </c>
      <c r="AI28425">
        <v>113</v>
      </c>
      <c r="AJ28425">
        <v>115</v>
      </c>
      <c r="AK28425">
        <v>117</v>
      </c>
      <c r="AL28425">
        <v>118</v>
      </c>
      <c r="AM28425">
        <v>119</v>
      </c>
      <c r="AN28425">
        <v>120</v>
      </c>
      <c r="AO28425">
        <v>121</v>
      </c>
      <c r="AP28425">
        <v>122</v>
      </c>
      <c r="AQ28425">
        <v>123</v>
      </c>
    </row>
    <row r="28426" spans="1:43">
      <c r="A28426" t="s">
        <v>17593</v>
      </c>
      <c r="B28426" t="s">
        <v>17594</v>
      </c>
      <c r="C28426" t="s">
        <v>17587</v>
      </c>
      <c r="D28426" t="s">
        <v>17588</v>
      </c>
      <c r="E28426" t="s">
        <v>17455</v>
      </c>
      <c r="F28426" t="s">
        <v>17456</v>
      </c>
      <c r="G28426" t="s">
        <v>16559</v>
      </c>
      <c r="H28426" t="s">
        <v>16560</v>
      </c>
      <c r="I28426" s="2">
        <v>1</v>
      </c>
      <c r="J28426" s="2">
        <v>0</v>
      </c>
      <c r="K28426" s="2">
        <v>0</v>
      </c>
      <c r="L28426" t="s">
        <v>120</v>
      </c>
      <c r="M28426" t="s">
        <v>83</v>
      </c>
      <c r="N28426" t="s">
        <v>84</v>
      </c>
      <c r="O28426" t="s">
        <v>85</v>
      </c>
      <c r="P28426" t="s">
        <v>86</v>
      </c>
      <c r="Q28426">
        <v>16</v>
      </c>
      <c r="R28426">
        <v>16</v>
      </c>
      <c r="S28426">
        <v>16</v>
      </c>
      <c r="T28426">
        <v>17</v>
      </c>
      <c r="U28426">
        <v>17</v>
      </c>
      <c r="V28426">
        <v>17</v>
      </c>
      <c r="W28426">
        <v>18</v>
      </c>
      <c r="X28426">
        <v>18</v>
      </c>
      <c r="Y28426">
        <v>19</v>
      </c>
      <c r="Z28426">
        <v>19</v>
      </c>
      <c r="AA28426">
        <v>19</v>
      </c>
      <c r="AB28426">
        <v>20</v>
      </c>
      <c r="AC28426">
        <v>20</v>
      </c>
      <c r="AD28426">
        <v>21</v>
      </c>
      <c r="AE28426">
        <v>21</v>
      </c>
      <c r="AF28426">
        <v>22</v>
      </c>
      <c r="AG28426">
        <v>22</v>
      </c>
      <c r="AH28426">
        <v>22</v>
      </c>
      <c r="AI28426">
        <v>23</v>
      </c>
      <c r="AJ28426">
        <v>23</v>
      </c>
      <c r="AK28426">
        <v>24</v>
      </c>
      <c r="AL28426">
        <v>24</v>
      </c>
      <c r="AM28426">
        <v>24</v>
      </c>
      <c r="AN28426">
        <v>24</v>
      </c>
      <c r="AO28426">
        <v>25</v>
      </c>
      <c r="AP28426">
        <v>25</v>
      </c>
      <c r="AQ28426">
        <v>25</v>
      </c>
    </row>
    <row r="28427" spans="1:43">
      <c r="A28427" t="s">
        <v>17593</v>
      </c>
      <c r="B28427" t="s">
        <v>17594</v>
      </c>
      <c r="C28427" t="s">
        <v>17587</v>
      </c>
      <c r="D28427" t="s">
        <v>17588</v>
      </c>
      <c r="E28427" t="s">
        <v>17455</v>
      </c>
      <c r="F28427" t="s">
        <v>17456</v>
      </c>
      <c r="G28427" t="s">
        <v>16559</v>
      </c>
      <c r="H28427" t="s">
        <v>16560</v>
      </c>
      <c r="I28427" s="2">
        <v>1</v>
      </c>
      <c r="J28427" s="2">
        <v>0</v>
      </c>
      <c r="K28427" s="2">
        <v>0</v>
      </c>
      <c r="L28427" t="s">
        <v>120</v>
      </c>
      <c r="M28427" t="s">
        <v>87</v>
      </c>
      <c r="N28427" t="s">
        <v>88</v>
      </c>
      <c r="O28427" t="s">
        <v>85</v>
      </c>
      <c r="P28427" t="s">
        <v>86</v>
      </c>
      <c r="Q28427">
        <v>16</v>
      </c>
      <c r="R28427">
        <v>17</v>
      </c>
      <c r="S28427">
        <v>17</v>
      </c>
      <c r="T28427">
        <v>17</v>
      </c>
      <c r="U28427">
        <v>17</v>
      </c>
      <c r="V28427">
        <v>18</v>
      </c>
      <c r="W28427">
        <v>18</v>
      </c>
      <c r="X28427">
        <v>18</v>
      </c>
      <c r="Y28427">
        <v>18</v>
      </c>
      <c r="Z28427">
        <v>19</v>
      </c>
      <c r="AA28427">
        <v>19</v>
      </c>
      <c r="AB28427">
        <v>19</v>
      </c>
      <c r="AC28427">
        <v>19</v>
      </c>
      <c r="AD28427">
        <v>19</v>
      </c>
      <c r="AE28427">
        <v>20</v>
      </c>
      <c r="AF28427">
        <v>20</v>
      </c>
      <c r="AG28427">
        <v>20</v>
      </c>
      <c r="AH28427">
        <v>20</v>
      </c>
      <c r="AI28427">
        <v>21</v>
      </c>
      <c r="AJ28427">
        <v>21</v>
      </c>
      <c r="AK28427">
        <v>21</v>
      </c>
      <c r="AL28427">
        <v>21</v>
      </c>
      <c r="AM28427">
        <v>22</v>
      </c>
      <c r="AN28427">
        <v>22</v>
      </c>
      <c r="AO28427">
        <v>22</v>
      </c>
      <c r="AP28427">
        <v>22</v>
      </c>
      <c r="AQ28427">
        <v>23</v>
      </c>
    </row>
    <row r="28428" spans="1:43">
      <c r="A28428" t="s">
        <v>17593</v>
      </c>
      <c r="B28428" t="s">
        <v>17594</v>
      </c>
      <c r="C28428" t="s">
        <v>17587</v>
      </c>
      <c r="D28428" t="s">
        <v>17588</v>
      </c>
      <c r="E28428" t="s">
        <v>17455</v>
      </c>
      <c r="F28428" t="s">
        <v>17456</v>
      </c>
      <c r="G28428" t="s">
        <v>16559</v>
      </c>
      <c r="H28428" t="s">
        <v>16560</v>
      </c>
      <c r="I28428" s="2">
        <v>1</v>
      </c>
      <c r="J28428" s="2">
        <v>0</v>
      </c>
      <c r="K28428" s="2">
        <v>0</v>
      </c>
      <c r="L28428" t="s">
        <v>120</v>
      </c>
      <c r="M28428" t="s">
        <v>89</v>
      </c>
      <c r="N28428" t="s">
        <v>90</v>
      </c>
      <c r="O28428" t="s">
        <v>85</v>
      </c>
      <c r="P28428" t="s">
        <v>86</v>
      </c>
      <c r="Q28428">
        <v>16</v>
      </c>
      <c r="R28428">
        <v>16</v>
      </c>
      <c r="S28428">
        <v>17</v>
      </c>
      <c r="T28428">
        <v>17</v>
      </c>
      <c r="U28428">
        <v>18</v>
      </c>
      <c r="V28428">
        <v>18</v>
      </c>
      <c r="W28428">
        <v>19</v>
      </c>
      <c r="X28428">
        <v>19</v>
      </c>
      <c r="Y28428">
        <v>20</v>
      </c>
      <c r="Z28428">
        <v>20</v>
      </c>
      <c r="AA28428">
        <v>21</v>
      </c>
      <c r="AB28428">
        <v>21</v>
      </c>
      <c r="AC28428">
        <v>22</v>
      </c>
      <c r="AD28428">
        <v>22</v>
      </c>
      <c r="AE28428">
        <v>23</v>
      </c>
      <c r="AF28428">
        <v>23</v>
      </c>
      <c r="AG28428">
        <v>23</v>
      </c>
      <c r="AH28428">
        <v>23</v>
      </c>
      <c r="AI28428">
        <v>24</v>
      </c>
      <c r="AJ28428">
        <v>24</v>
      </c>
      <c r="AK28428">
        <v>24</v>
      </c>
      <c r="AL28428">
        <v>24</v>
      </c>
      <c r="AM28428">
        <v>24</v>
      </c>
      <c r="AN28428">
        <v>25</v>
      </c>
      <c r="AO28428">
        <v>25</v>
      </c>
      <c r="AP28428">
        <v>25</v>
      </c>
      <c r="AQ28428">
        <v>25</v>
      </c>
    </row>
    <row r="28429" spans="1:43">
      <c r="A28429" t="s">
        <v>17593</v>
      </c>
      <c r="B28429" t="s">
        <v>17594</v>
      </c>
      <c r="C28429" t="s">
        <v>17587</v>
      </c>
      <c r="D28429" t="s">
        <v>17588</v>
      </c>
      <c r="E28429" t="s">
        <v>17455</v>
      </c>
      <c r="F28429" t="s">
        <v>17456</v>
      </c>
      <c r="G28429" t="s">
        <v>16559</v>
      </c>
      <c r="H28429" t="s">
        <v>16560</v>
      </c>
      <c r="I28429" s="2">
        <v>1</v>
      </c>
      <c r="J28429" s="2">
        <v>0</v>
      </c>
      <c r="K28429" s="2">
        <v>0</v>
      </c>
      <c r="L28429" t="s">
        <v>120</v>
      </c>
      <c r="M28429" t="s">
        <v>83</v>
      </c>
      <c r="N28429" t="s">
        <v>91</v>
      </c>
      <c r="O28429" t="s">
        <v>85</v>
      </c>
      <c r="P28429" t="s">
        <v>86</v>
      </c>
      <c r="Q28429">
        <v>16</v>
      </c>
      <c r="R28429">
        <v>16</v>
      </c>
      <c r="S28429">
        <v>16</v>
      </c>
      <c r="T28429">
        <v>17</v>
      </c>
      <c r="U28429">
        <v>17</v>
      </c>
      <c r="V28429">
        <v>17</v>
      </c>
      <c r="W28429">
        <v>18</v>
      </c>
      <c r="X28429">
        <v>18</v>
      </c>
      <c r="Y28429">
        <v>19</v>
      </c>
      <c r="Z28429">
        <v>19</v>
      </c>
      <c r="AA28429">
        <v>19</v>
      </c>
      <c r="AB28429">
        <v>20</v>
      </c>
      <c r="AC28429">
        <v>20</v>
      </c>
      <c r="AD28429">
        <v>21</v>
      </c>
      <c r="AE28429">
        <v>21</v>
      </c>
      <c r="AF28429">
        <v>22</v>
      </c>
      <c r="AG28429">
        <v>22</v>
      </c>
      <c r="AH28429">
        <v>22</v>
      </c>
      <c r="AI28429">
        <v>23</v>
      </c>
      <c r="AJ28429">
        <v>23</v>
      </c>
      <c r="AK28429">
        <v>24</v>
      </c>
      <c r="AL28429">
        <v>24</v>
      </c>
      <c r="AM28429">
        <v>24</v>
      </c>
      <c r="AN28429">
        <v>24</v>
      </c>
      <c r="AO28429">
        <v>25</v>
      </c>
      <c r="AP28429">
        <v>25</v>
      </c>
      <c r="AQ28429">
        <v>25</v>
      </c>
    </row>
    <row r="28430" spans="1:43">
      <c r="A28430" t="s">
        <v>17595</v>
      </c>
      <c r="B28430" t="s">
        <v>17596</v>
      </c>
      <c r="C28430" t="s">
        <v>17597</v>
      </c>
      <c r="D28430" t="s">
        <v>17598</v>
      </c>
      <c r="E28430" t="s">
        <v>17455</v>
      </c>
      <c r="F28430" t="s">
        <v>17456</v>
      </c>
      <c r="G28430" t="s">
        <v>16559</v>
      </c>
      <c r="H28430" t="s">
        <v>16560</v>
      </c>
      <c r="I28430" s="2">
        <v>1</v>
      </c>
      <c r="J28430" s="2">
        <v>0</v>
      </c>
      <c r="K28430" s="2">
        <v>0</v>
      </c>
      <c r="L28430" t="s">
        <v>120</v>
      </c>
      <c r="M28430" t="s">
        <v>83</v>
      </c>
      <c r="N28430" t="s">
        <v>84</v>
      </c>
      <c r="O28430" t="s">
        <v>85</v>
      </c>
      <c r="P28430" t="s">
        <v>86</v>
      </c>
      <c r="Q28430">
        <v>65</v>
      </c>
      <c r="R28430">
        <v>67</v>
      </c>
      <c r="S28430">
        <v>69</v>
      </c>
      <c r="T28430">
        <v>70</v>
      </c>
      <c r="U28430">
        <v>72</v>
      </c>
      <c r="V28430">
        <v>73</v>
      </c>
      <c r="W28430">
        <v>75</v>
      </c>
      <c r="X28430">
        <v>77</v>
      </c>
      <c r="Y28430">
        <v>78</v>
      </c>
      <c r="Z28430">
        <v>80</v>
      </c>
      <c r="AA28430">
        <v>82</v>
      </c>
      <c r="AB28430">
        <v>84</v>
      </c>
      <c r="AC28430">
        <v>85</v>
      </c>
      <c r="AD28430">
        <v>87</v>
      </c>
      <c r="AE28430">
        <v>89</v>
      </c>
      <c r="AF28430">
        <v>90</v>
      </c>
      <c r="AG28430">
        <v>92</v>
      </c>
      <c r="AH28430">
        <v>94</v>
      </c>
      <c r="AI28430">
        <v>96</v>
      </c>
      <c r="AJ28430">
        <v>98</v>
      </c>
      <c r="AK28430">
        <v>100</v>
      </c>
      <c r="AL28430">
        <v>101</v>
      </c>
      <c r="AM28430">
        <v>102</v>
      </c>
      <c r="AN28430">
        <v>102</v>
      </c>
      <c r="AO28430">
        <v>103</v>
      </c>
      <c r="AP28430">
        <v>104</v>
      </c>
      <c r="AQ28430">
        <v>105</v>
      </c>
    </row>
    <row r="28431" spans="1:43">
      <c r="A28431" t="s">
        <v>17595</v>
      </c>
      <c r="B28431" t="s">
        <v>17596</v>
      </c>
      <c r="C28431" t="s">
        <v>17597</v>
      </c>
      <c r="D28431" t="s">
        <v>17598</v>
      </c>
      <c r="E28431" t="s">
        <v>17455</v>
      </c>
      <c r="F28431" t="s">
        <v>17456</v>
      </c>
      <c r="G28431" t="s">
        <v>16559</v>
      </c>
      <c r="H28431" t="s">
        <v>16560</v>
      </c>
      <c r="I28431" s="2">
        <v>1</v>
      </c>
      <c r="J28431" s="2">
        <v>0</v>
      </c>
      <c r="K28431" s="2">
        <v>0</v>
      </c>
      <c r="L28431" t="s">
        <v>120</v>
      </c>
      <c r="M28431" t="s">
        <v>87</v>
      </c>
      <c r="N28431" t="s">
        <v>88</v>
      </c>
      <c r="O28431" t="s">
        <v>85</v>
      </c>
      <c r="P28431" t="s">
        <v>86</v>
      </c>
      <c r="Q28431">
        <v>65</v>
      </c>
      <c r="R28431">
        <v>66</v>
      </c>
      <c r="S28431">
        <v>67</v>
      </c>
      <c r="T28431">
        <v>68</v>
      </c>
      <c r="U28431">
        <v>69</v>
      </c>
      <c r="V28431">
        <v>70</v>
      </c>
      <c r="W28431">
        <v>71</v>
      </c>
      <c r="X28431">
        <v>72</v>
      </c>
      <c r="Y28431">
        <v>73</v>
      </c>
      <c r="Z28431">
        <v>74</v>
      </c>
      <c r="AA28431">
        <v>75</v>
      </c>
      <c r="AB28431">
        <v>76</v>
      </c>
      <c r="AC28431">
        <v>77</v>
      </c>
      <c r="AD28431">
        <v>78</v>
      </c>
      <c r="AE28431">
        <v>79</v>
      </c>
      <c r="AF28431">
        <v>80</v>
      </c>
      <c r="AG28431">
        <v>81</v>
      </c>
      <c r="AH28431">
        <v>82</v>
      </c>
      <c r="AI28431">
        <v>83</v>
      </c>
      <c r="AJ28431">
        <v>84</v>
      </c>
      <c r="AK28431">
        <v>85</v>
      </c>
      <c r="AL28431">
        <v>86</v>
      </c>
      <c r="AM28431">
        <v>87</v>
      </c>
      <c r="AN28431">
        <v>88</v>
      </c>
      <c r="AO28431">
        <v>89</v>
      </c>
      <c r="AP28431">
        <v>90</v>
      </c>
      <c r="AQ28431">
        <v>91</v>
      </c>
    </row>
    <row r="28432" spans="1:43">
      <c r="A28432" t="s">
        <v>17595</v>
      </c>
      <c r="B28432" t="s">
        <v>17596</v>
      </c>
      <c r="C28432" t="s">
        <v>17597</v>
      </c>
      <c r="D28432" t="s">
        <v>17598</v>
      </c>
      <c r="E28432" t="s">
        <v>17455</v>
      </c>
      <c r="F28432" t="s">
        <v>17456</v>
      </c>
      <c r="G28432" t="s">
        <v>16559</v>
      </c>
      <c r="H28432" t="s">
        <v>16560</v>
      </c>
      <c r="I28432" s="2">
        <v>1</v>
      </c>
      <c r="J28432" s="2">
        <v>0</v>
      </c>
      <c r="K28432" s="2">
        <v>0</v>
      </c>
      <c r="L28432" t="s">
        <v>120</v>
      </c>
      <c r="M28432" t="s">
        <v>89</v>
      </c>
      <c r="N28432" t="s">
        <v>90</v>
      </c>
      <c r="O28432" t="s">
        <v>85</v>
      </c>
      <c r="P28432" t="s">
        <v>86</v>
      </c>
      <c r="Q28432">
        <v>65</v>
      </c>
      <c r="R28432">
        <v>67</v>
      </c>
      <c r="S28432">
        <v>69</v>
      </c>
      <c r="T28432">
        <v>72</v>
      </c>
      <c r="U28432">
        <v>74</v>
      </c>
      <c r="V28432">
        <v>76</v>
      </c>
      <c r="W28432">
        <v>78</v>
      </c>
      <c r="X28432">
        <v>80</v>
      </c>
      <c r="Y28432">
        <v>82</v>
      </c>
      <c r="Z28432">
        <v>84</v>
      </c>
      <c r="AA28432">
        <v>86</v>
      </c>
      <c r="AB28432">
        <v>88</v>
      </c>
      <c r="AC28432">
        <v>90</v>
      </c>
      <c r="AD28432">
        <v>93</v>
      </c>
      <c r="AE28432">
        <v>94</v>
      </c>
      <c r="AF28432">
        <v>95</v>
      </c>
      <c r="AG28432">
        <v>96</v>
      </c>
      <c r="AH28432">
        <v>97</v>
      </c>
      <c r="AI28432">
        <v>98</v>
      </c>
      <c r="AJ28432">
        <v>99</v>
      </c>
      <c r="AK28432">
        <v>99</v>
      </c>
      <c r="AL28432">
        <v>100</v>
      </c>
      <c r="AM28432">
        <v>101</v>
      </c>
      <c r="AN28432">
        <v>102</v>
      </c>
      <c r="AO28432">
        <v>103</v>
      </c>
      <c r="AP28432">
        <v>104</v>
      </c>
      <c r="AQ28432">
        <v>104</v>
      </c>
    </row>
    <row r="28433" spans="1:43">
      <c r="A28433" t="s">
        <v>17595</v>
      </c>
      <c r="B28433" t="s">
        <v>17596</v>
      </c>
      <c r="C28433" t="s">
        <v>17597</v>
      </c>
      <c r="D28433" t="s">
        <v>17598</v>
      </c>
      <c r="E28433" t="s">
        <v>17455</v>
      </c>
      <c r="F28433" t="s">
        <v>17456</v>
      </c>
      <c r="G28433" t="s">
        <v>16559</v>
      </c>
      <c r="H28433" t="s">
        <v>16560</v>
      </c>
      <c r="I28433" s="2">
        <v>1</v>
      </c>
      <c r="J28433" s="2">
        <v>0</v>
      </c>
      <c r="K28433" s="2">
        <v>0</v>
      </c>
      <c r="L28433" t="s">
        <v>120</v>
      </c>
      <c r="M28433" t="s">
        <v>83</v>
      </c>
      <c r="N28433" t="s">
        <v>91</v>
      </c>
      <c r="O28433" t="s">
        <v>85</v>
      </c>
      <c r="P28433" t="s">
        <v>86</v>
      </c>
      <c r="Q28433">
        <v>65</v>
      </c>
      <c r="R28433">
        <v>67</v>
      </c>
      <c r="S28433">
        <v>69</v>
      </c>
      <c r="T28433">
        <v>70</v>
      </c>
      <c r="U28433">
        <v>72</v>
      </c>
      <c r="V28433">
        <v>73</v>
      </c>
      <c r="W28433">
        <v>75</v>
      </c>
      <c r="X28433">
        <v>77</v>
      </c>
      <c r="Y28433">
        <v>78</v>
      </c>
      <c r="Z28433">
        <v>80</v>
      </c>
      <c r="AA28433">
        <v>82</v>
      </c>
      <c r="AB28433">
        <v>84</v>
      </c>
      <c r="AC28433">
        <v>85</v>
      </c>
      <c r="AD28433">
        <v>87</v>
      </c>
      <c r="AE28433">
        <v>89</v>
      </c>
      <c r="AF28433">
        <v>90</v>
      </c>
      <c r="AG28433">
        <v>92</v>
      </c>
      <c r="AH28433">
        <v>94</v>
      </c>
      <c r="AI28433">
        <v>96</v>
      </c>
      <c r="AJ28433">
        <v>98</v>
      </c>
      <c r="AK28433">
        <v>100</v>
      </c>
      <c r="AL28433">
        <v>101</v>
      </c>
      <c r="AM28433">
        <v>102</v>
      </c>
      <c r="AN28433">
        <v>102</v>
      </c>
      <c r="AO28433">
        <v>103</v>
      </c>
      <c r="AP28433">
        <v>104</v>
      </c>
      <c r="AQ28433">
        <v>105</v>
      </c>
    </row>
    <row r="28434" spans="1:43">
      <c r="A28434" t="s">
        <v>17599</v>
      </c>
      <c r="B28434" t="s">
        <v>17600</v>
      </c>
      <c r="C28434" t="s">
        <v>17597</v>
      </c>
      <c r="D28434" t="s">
        <v>17598</v>
      </c>
      <c r="E28434" t="s">
        <v>17455</v>
      </c>
      <c r="F28434" t="s">
        <v>17456</v>
      </c>
      <c r="G28434" t="s">
        <v>16559</v>
      </c>
      <c r="H28434" t="s">
        <v>16560</v>
      </c>
      <c r="I28434" s="2">
        <v>1</v>
      </c>
      <c r="J28434" s="2">
        <v>0</v>
      </c>
      <c r="K28434" s="2">
        <v>0</v>
      </c>
      <c r="L28434" t="s">
        <v>120</v>
      </c>
      <c r="M28434" t="s">
        <v>83</v>
      </c>
      <c r="N28434" t="s">
        <v>84</v>
      </c>
      <c r="O28434" t="s">
        <v>85</v>
      </c>
      <c r="P28434" t="s">
        <v>86</v>
      </c>
      <c r="Q28434">
        <v>15</v>
      </c>
      <c r="R28434">
        <v>16</v>
      </c>
      <c r="S28434">
        <v>16</v>
      </c>
      <c r="T28434">
        <v>16</v>
      </c>
      <c r="U28434">
        <v>17</v>
      </c>
      <c r="V28434">
        <v>17</v>
      </c>
      <c r="W28434">
        <v>17</v>
      </c>
      <c r="X28434">
        <v>18</v>
      </c>
      <c r="Y28434">
        <v>18</v>
      </c>
      <c r="Z28434">
        <v>19</v>
      </c>
      <c r="AA28434">
        <v>19</v>
      </c>
      <c r="AB28434">
        <v>19</v>
      </c>
      <c r="AC28434">
        <v>20</v>
      </c>
      <c r="AD28434">
        <v>20</v>
      </c>
      <c r="AE28434">
        <v>21</v>
      </c>
      <c r="AF28434">
        <v>21</v>
      </c>
      <c r="AG28434">
        <v>21</v>
      </c>
      <c r="AH28434">
        <v>22</v>
      </c>
      <c r="AI28434">
        <v>22</v>
      </c>
      <c r="AJ28434">
        <v>23</v>
      </c>
      <c r="AK28434">
        <v>23</v>
      </c>
      <c r="AL28434">
        <v>23</v>
      </c>
      <c r="AM28434">
        <v>24</v>
      </c>
      <c r="AN28434">
        <v>24</v>
      </c>
      <c r="AO28434">
        <v>24</v>
      </c>
      <c r="AP28434">
        <v>24</v>
      </c>
      <c r="AQ28434">
        <v>24</v>
      </c>
    </row>
    <row r="28435" spans="1:43">
      <c r="A28435" t="s">
        <v>17599</v>
      </c>
      <c r="B28435" t="s">
        <v>17600</v>
      </c>
      <c r="C28435" t="s">
        <v>17597</v>
      </c>
      <c r="D28435" t="s">
        <v>17598</v>
      </c>
      <c r="E28435" t="s">
        <v>17455</v>
      </c>
      <c r="F28435" t="s">
        <v>17456</v>
      </c>
      <c r="G28435" t="s">
        <v>16559</v>
      </c>
      <c r="H28435" t="s">
        <v>16560</v>
      </c>
      <c r="I28435" s="2">
        <v>1</v>
      </c>
      <c r="J28435" s="2">
        <v>0</v>
      </c>
      <c r="K28435" s="2">
        <v>0</v>
      </c>
      <c r="L28435" t="s">
        <v>120</v>
      </c>
      <c r="M28435" t="s">
        <v>87</v>
      </c>
      <c r="N28435" t="s">
        <v>88</v>
      </c>
      <c r="O28435" t="s">
        <v>85</v>
      </c>
      <c r="P28435" t="s">
        <v>86</v>
      </c>
      <c r="Q28435">
        <v>15</v>
      </c>
      <c r="R28435">
        <v>15</v>
      </c>
      <c r="S28435">
        <v>16</v>
      </c>
      <c r="T28435">
        <v>16</v>
      </c>
      <c r="U28435">
        <v>16</v>
      </c>
      <c r="V28435">
        <v>16</v>
      </c>
      <c r="W28435">
        <v>16</v>
      </c>
      <c r="X28435">
        <v>17</v>
      </c>
      <c r="Y28435">
        <v>17</v>
      </c>
      <c r="Z28435">
        <v>17</v>
      </c>
      <c r="AA28435">
        <v>17</v>
      </c>
      <c r="AB28435">
        <v>18</v>
      </c>
      <c r="AC28435">
        <v>18</v>
      </c>
      <c r="AD28435">
        <v>18</v>
      </c>
      <c r="AE28435">
        <v>18</v>
      </c>
      <c r="AF28435">
        <v>19</v>
      </c>
      <c r="AG28435">
        <v>19</v>
      </c>
      <c r="AH28435">
        <v>19</v>
      </c>
      <c r="AI28435">
        <v>19</v>
      </c>
      <c r="AJ28435">
        <v>19</v>
      </c>
      <c r="AK28435">
        <v>20</v>
      </c>
      <c r="AL28435">
        <v>20</v>
      </c>
      <c r="AM28435">
        <v>20</v>
      </c>
      <c r="AN28435">
        <v>20</v>
      </c>
      <c r="AO28435">
        <v>21</v>
      </c>
      <c r="AP28435">
        <v>21</v>
      </c>
      <c r="AQ28435">
        <v>21</v>
      </c>
    </row>
    <row r="28436" spans="1:43">
      <c r="A28436" t="s">
        <v>17599</v>
      </c>
      <c r="B28436" t="s">
        <v>17600</v>
      </c>
      <c r="C28436" t="s">
        <v>17597</v>
      </c>
      <c r="D28436" t="s">
        <v>17598</v>
      </c>
      <c r="E28436" t="s">
        <v>17455</v>
      </c>
      <c r="F28436" t="s">
        <v>17456</v>
      </c>
      <c r="G28436" t="s">
        <v>16559</v>
      </c>
      <c r="H28436" t="s">
        <v>16560</v>
      </c>
      <c r="I28436" s="2">
        <v>1</v>
      </c>
      <c r="J28436" s="2">
        <v>0</v>
      </c>
      <c r="K28436" s="2">
        <v>0</v>
      </c>
      <c r="L28436" t="s">
        <v>120</v>
      </c>
      <c r="M28436" t="s">
        <v>89</v>
      </c>
      <c r="N28436" t="s">
        <v>90</v>
      </c>
      <c r="O28436" t="s">
        <v>85</v>
      </c>
      <c r="P28436" t="s">
        <v>86</v>
      </c>
      <c r="Q28436">
        <v>15</v>
      </c>
      <c r="R28436">
        <v>16</v>
      </c>
      <c r="S28436">
        <v>16</v>
      </c>
      <c r="T28436">
        <v>17</v>
      </c>
      <c r="U28436">
        <v>17</v>
      </c>
      <c r="V28436">
        <v>18</v>
      </c>
      <c r="W28436">
        <v>18</v>
      </c>
      <c r="X28436">
        <v>19</v>
      </c>
      <c r="Y28436">
        <v>19</v>
      </c>
      <c r="Z28436">
        <v>20</v>
      </c>
      <c r="AA28436">
        <v>20</v>
      </c>
      <c r="AB28436">
        <v>21</v>
      </c>
      <c r="AC28436">
        <v>21</v>
      </c>
      <c r="AD28436">
        <v>22</v>
      </c>
      <c r="AE28436">
        <v>22</v>
      </c>
      <c r="AF28436">
        <v>22</v>
      </c>
      <c r="AG28436">
        <v>23</v>
      </c>
      <c r="AH28436">
        <v>23</v>
      </c>
      <c r="AI28436">
        <v>23</v>
      </c>
      <c r="AJ28436">
        <v>23</v>
      </c>
      <c r="AK28436">
        <v>23</v>
      </c>
      <c r="AL28436">
        <v>24</v>
      </c>
      <c r="AM28436">
        <v>24</v>
      </c>
      <c r="AN28436">
        <v>24</v>
      </c>
      <c r="AO28436">
        <v>24</v>
      </c>
      <c r="AP28436">
        <v>24</v>
      </c>
      <c r="AQ28436">
        <v>25</v>
      </c>
    </row>
    <row r="28437" spans="1:43">
      <c r="A28437" t="s">
        <v>17599</v>
      </c>
      <c r="B28437" t="s">
        <v>17600</v>
      </c>
      <c r="C28437" t="s">
        <v>17597</v>
      </c>
      <c r="D28437" t="s">
        <v>17598</v>
      </c>
      <c r="E28437" t="s">
        <v>17455</v>
      </c>
      <c r="F28437" t="s">
        <v>17456</v>
      </c>
      <c r="G28437" t="s">
        <v>16559</v>
      </c>
      <c r="H28437" t="s">
        <v>16560</v>
      </c>
      <c r="I28437" s="2">
        <v>1</v>
      </c>
      <c r="J28437" s="2">
        <v>0</v>
      </c>
      <c r="K28437" s="2">
        <v>0</v>
      </c>
      <c r="L28437" t="s">
        <v>120</v>
      </c>
      <c r="M28437" t="s">
        <v>83</v>
      </c>
      <c r="N28437" t="s">
        <v>91</v>
      </c>
      <c r="O28437" t="s">
        <v>85</v>
      </c>
      <c r="P28437" t="s">
        <v>86</v>
      </c>
      <c r="Q28437">
        <v>15</v>
      </c>
      <c r="R28437">
        <v>16</v>
      </c>
      <c r="S28437">
        <v>16</v>
      </c>
      <c r="T28437">
        <v>16</v>
      </c>
      <c r="U28437">
        <v>17</v>
      </c>
      <c r="V28437">
        <v>17</v>
      </c>
      <c r="W28437">
        <v>17</v>
      </c>
      <c r="X28437">
        <v>18</v>
      </c>
      <c r="Y28437">
        <v>18</v>
      </c>
      <c r="Z28437">
        <v>19</v>
      </c>
      <c r="AA28437">
        <v>19</v>
      </c>
      <c r="AB28437">
        <v>19</v>
      </c>
      <c r="AC28437">
        <v>20</v>
      </c>
      <c r="AD28437">
        <v>20</v>
      </c>
      <c r="AE28437">
        <v>21</v>
      </c>
      <c r="AF28437">
        <v>21</v>
      </c>
      <c r="AG28437">
        <v>21</v>
      </c>
      <c r="AH28437">
        <v>22</v>
      </c>
      <c r="AI28437">
        <v>22</v>
      </c>
      <c r="AJ28437">
        <v>23</v>
      </c>
      <c r="AK28437">
        <v>23</v>
      </c>
      <c r="AL28437">
        <v>23</v>
      </c>
      <c r="AM28437">
        <v>24</v>
      </c>
      <c r="AN28437">
        <v>24</v>
      </c>
      <c r="AO28437">
        <v>24</v>
      </c>
      <c r="AP28437">
        <v>24</v>
      </c>
      <c r="AQ28437">
        <v>24</v>
      </c>
    </row>
    <row r="28438" spans="1:43">
      <c r="A28438" t="s">
        <v>17601</v>
      </c>
      <c r="B28438" t="s">
        <v>17602</v>
      </c>
      <c r="C28438" t="s">
        <v>17597</v>
      </c>
      <c r="D28438" t="s">
        <v>17598</v>
      </c>
      <c r="E28438" t="s">
        <v>17455</v>
      </c>
      <c r="F28438" t="s">
        <v>17456</v>
      </c>
      <c r="G28438" t="s">
        <v>16559</v>
      </c>
      <c r="H28438" t="s">
        <v>16560</v>
      </c>
      <c r="I28438" s="2">
        <v>1</v>
      </c>
      <c r="J28438" s="2">
        <v>0</v>
      </c>
      <c r="K28438" s="2">
        <v>0</v>
      </c>
      <c r="L28438" t="s">
        <v>120</v>
      </c>
      <c r="M28438" t="s">
        <v>83</v>
      </c>
      <c r="N28438" t="s">
        <v>84</v>
      </c>
      <c r="O28438" t="s">
        <v>85</v>
      </c>
      <c r="P28438" t="s">
        <v>86</v>
      </c>
      <c r="Q28438">
        <v>43</v>
      </c>
      <c r="R28438">
        <v>44</v>
      </c>
      <c r="S28438">
        <v>45</v>
      </c>
      <c r="T28438">
        <v>46</v>
      </c>
      <c r="U28438">
        <v>47</v>
      </c>
      <c r="V28438">
        <v>48</v>
      </c>
      <c r="W28438">
        <v>49</v>
      </c>
      <c r="X28438">
        <v>50</v>
      </c>
      <c r="Y28438">
        <v>51</v>
      </c>
      <c r="Z28438">
        <v>52</v>
      </c>
      <c r="AA28438">
        <v>54</v>
      </c>
      <c r="AB28438">
        <v>55</v>
      </c>
      <c r="AC28438">
        <v>56</v>
      </c>
      <c r="AD28438">
        <v>57</v>
      </c>
      <c r="AE28438">
        <v>58</v>
      </c>
      <c r="AF28438">
        <v>59</v>
      </c>
      <c r="AG28438">
        <v>60</v>
      </c>
      <c r="AH28438">
        <v>62</v>
      </c>
      <c r="AI28438">
        <v>63</v>
      </c>
      <c r="AJ28438">
        <v>64</v>
      </c>
      <c r="AK28438">
        <v>65</v>
      </c>
      <c r="AL28438">
        <v>66</v>
      </c>
      <c r="AM28438">
        <v>66</v>
      </c>
      <c r="AN28438">
        <v>67</v>
      </c>
      <c r="AO28438">
        <v>68</v>
      </c>
      <c r="AP28438">
        <v>68</v>
      </c>
      <c r="AQ28438">
        <v>69</v>
      </c>
    </row>
    <row r="28439" spans="1:43">
      <c r="A28439" t="s">
        <v>17601</v>
      </c>
      <c r="B28439" t="s">
        <v>17602</v>
      </c>
      <c r="C28439" t="s">
        <v>17597</v>
      </c>
      <c r="D28439" t="s">
        <v>17598</v>
      </c>
      <c r="E28439" t="s">
        <v>17455</v>
      </c>
      <c r="F28439" t="s">
        <v>17456</v>
      </c>
      <c r="G28439" t="s">
        <v>16559</v>
      </c>
      <c r="H28439" t="s">
        <v>16560</v>
      </c>
      <c r="I28439" s="2">
        <v>1</v>
      </c>
      <c r="J28439" s="2">
        <v>0</v>
      </c>
      <c r="K28439" s="2">
        <v>0</v>
      </c>
      <c r="L28439" t="s">
        <v>120</v>
      </c>
      <c r="M28439" t="s">
        <v>87</v>
      </c>
      <c r="N28439" t="s">
        <v>88</v>
      </c>
      <c r="O28439" t="s">
        <v>85</v>
      </c>
      <c r="P28439" t="s">
        <v>86</v>
      </c>
      <c r="Q28439">
        <v>43</v>
      </c>
      <c r="R28439">
        <v>44</v>
      </c>
      <c r="S28439">
        <v>45</v>
      </c>
      <c r="T28439">
        <v>45</v>
      </c>
      <c r="U28439">
        <v>46</v>
      </c>
      <c r="V28439">
        <v>47</v>
      </c>
      <c r="W28439">
        <v>47</v>
      </c>
      <c r="X28439">
        <v>48</v>
      </c>
      <c r="Y28439">
        <v>48</v>
      </c>
      <c r="Z28439">
        <v>49</v>
      </c>
      <c r="AA28439">
        <v>50</v>
      </c>
      <c r="AB28439">
        <v>50</v>
      </c>
      <c r="AC28439">
        <v>51</v>
      </c>
      <c r="AD28439">
        <v>52</v>
      </c>
      <c r="AE28439">
        <v>52</v>
      </c>
      <c r="AF28439">
        <v>53</v>
      </c>
      <c r="AG28439">
        <v>54</v>
      </c>
      <c r="AH28439">
        <v>54</v>
      </c>
      <c r="AI28439">
        <v>55</v>
      </c>
      <c r="AJ28439">
        <v>56</v>
      </c>
      <c r="AK28439">
        <v>56</v>
      </c>
      <c r="AL28439">
        <v>57</v>
      </c>
      <c r="AM28439">
        <v>58</v>
      </c>
      <c r="AN28439">
        <v>59</v>
      </c>
      <c r="AO28439">
        <v>59</v>
      </c>
      <c r="AP28439">
        <v>60</v>
      </c>
      <c r="AQ28439">
        <v>61</v>
      </c>
    </row>
    <row r="28440" spans="1:43">
      <c r="A28440" t="s">
        <v>17601</v>
      </c>
      <c r="B28440" t="s">
        <v>17602</v>
      </c>
      <c r="C28440" t="s">
        <v>17597</v>
      </c>
      <c r="D28440" t="s">
        <v>17598</v>
      </c>
      <c r="E28440" t="s">
        <v>17455</v>
      </c>
      <c r="F28440" t="s">
        <v>17456</v>
      </c>
      <c r="G28440" t="s">
        <v>16559</v>
      </c>
      <c r="H28440" t="s">
        <v>16560</v>
      </c>
      <c r="I28440" s="2">
        <v>1</v>
      </c>
      <c r="J28440" s="2">
        <v>0</v>
      </c>
      <c r="K28440" s="2">
        <v>0</v>
      </c>
      <c r="L28440" t="s">
        <v>120</v>
      </c>
      <c r="M28440" t="s">
        <v>89</v>
      </c>
      <c r="N28440" t="s">
        <v>90</v>
      </c>
      <c r="O28440" t="s">
        <v>85</v>
      </c>
      <c r="P28440" t="s">
        <v>86</v>
      </c>
      <c r="Q28440">
        <v>43</v>
      </c>
      <c r="R28440">
        <v>45</v>
      </c>
      <c r="S28440">
        <v>46</v>
      </c>
      <c r="T28440">
        <v>47</v>
      </c>
      <c r="U28440">
        <v>49</v>
      </c>
      <c r="V28440">
        <v>50</v>
      </c>
      <c r="W28440">
        <v>52</v>
      </c>
      <c r="X28440">
        <v>53</v>
      </c>
      <c r="Y28440">
        <v>54</v>
      </c>
      <c r="Z28440">
        <v>56</v>
      </c>
      <c r="AA28440">
        <v>57</v>
      </c>
      <c r="AB28440">
        <v>58</v>
      </c>
      <c r="AC28440">
        <v>60</v>
      </c>
      <c r="AD28440">
        <v>61</v>
      </c>
      <c r="AE28440">
        <v>62</v>
      </c>
      <c r="AF28440">
        <v>63</v>
      </c>
      <c r="AG28440">
        <v>63</v>
      </c>
      <c r="AH28440">
        <v>64</v>
      </c>
      <c r="AI28440">
        <v>65</v>
      </c>
      <c r="AJ28440">
        <v>65</v>
      </c>
      <c r="AK28440">
        <v>66</v>
      </c>
      <c r="AL28440">
        <v>66</v>
      </c>
      <c r="AM28440">
        <v>67</v>
      </c>
      <c r="AN28440">
        <v>67</v>
      </c>
      <c r="AO28440">
        <v>68</v>
      </c>
      <c r="AP28440">
        <v>68</v>
      </c>
      <c r="AQ28440">
        <v>69</v>
      </c>
    </row>
    <row r="28441" spans="1:43">
      <c r="A28441" t="s">
        <v>17601</v>
      </c>
      <c r="B28441" t="s">
        <v>17602</v>
      </c>
      <c r="C28441" t="s">
        <v>17597</v>
      </c>
      <c r="D28441" t="s">
        <v>17598</v>
      </c>
      <c r="E28441" t="s">
        <v>17455</v>
      </c>
      <c r="F28441" t="s">
        <v>17456</v>
      </c>
      <c r="G28441" t="s">
        <v>16559</v>
      </c>
      <c r="H28441" t="s">
        <v>16560</v>
      </c>
      <c r="I28441" s="2">
        <v>1</v>
      </c>
      <c r="J28441" s="2">
        <v>0</v>
      </c>
      <c r="K28441" s="2">
        <v>0</v>
      </c>
      <c r="L28441" t="s">
        <v>120</v>
      </c>
      <c r="M28441" t="s">
        <v>83</v>
      </c>
      <c r="N28441" t="s">
        <v>91</v>
      </c>
      <c r="O28441" t="s">
        <v>85</v>
      </c>
      <c r="P28441" t="s">
        <v>86</v>
      </c>
      <c r="Q28441">
        <v>43</v>
      </c>
      <c r="R28441">
        <v>44</v>
      </c>
      <c r="S28441">
        <v>45</v>
      </c>
      <c r="T28441">
        <v>46</v>
      </c>
      <c r="U28441">
        <v>47</v>
      </c>
      <c r="V28441">
        <v>48</v>
      </c>
      <c r="W28441">
        <v>49</v>
      </c>
      <c r="X28441">
        <v>50</v>
      </c>
      <c r="Y28441">
        <v>51</v>
      </c>
      <c r="Z28441">
        <v>52</v>
      </c>
      <c r="AA28441">
        <v>54</v>
      </c>
      <c r="AB28441">
        <v>55</v>
      </c>
      <c r="AC28441">
        <v>56</v>
      </c>
      <c r="AD28441">
        <v>57</v>
      </c>
      <c r="AE28441">
        <v>58</v>
      </c>
      <c r="AF28441">
        <v>59</v>
      </c>
      <c r="AG28441">
        <v>60</v>
      </c>
      <c r="AH28441">
        <v>62</v>
      </c>
      <c r="AI28441">
        <v>63</v>
      </c>
      <c r="AJ28441">
        <v>64</v>
      </c>
      <c r="AK28441">
        <v>65</v>
      </c>
      <c r="AL28441">
        <v>66</v>
      </c>
      <c r="AM28441">
        <v>66</v>
      </c>
      <c r="AN28441">
        <v>67</v>
      </c>
      <c r="AO28441">
        <v>68</v>
      </c>
      <c r="AP28441">
        <v>68</v>
      </c>
      <c r="AQ28441">
        <v>69</v>
      </c>
    </row>
    <row r="28442" spans="1:43">
      <c r="A28442" t="s">
        <v>17603</v>
      </c>
      <c r="B28442" t="s">
        <v>17604</v>
      </c>
      <c r="C28442" t="s">
        <v>17597</v>
      </c>
      <c r="D28442" t="s">
        <v>17598</v>
      </c>
      <c r="E28442" t="s">
        <v>17455</v>
      </c>
      <c r="F28442" t="s">
        <v>17456</v>
      </c>
      <c r="G28442" t="s">
        <v>16559</v>
      </c>
      <c r="H28442" t="s">
        <v>16560</v>
      </c>
      <c r="I28442" s="2">
        <v>1</v>
      </c>
      <c r="J28442" s="2">
        <v>0</v>
      </c>
      <c r="K28442" s="2">
        <v>0</v>
      </c>
      <c r="L28442" t="s">
        <v>120</v>
      </c>
      <c r="M28442" t="s">
        <v>83</v>
      </c>
      <c r="N28442" t="s">
        <v>84</v>
      </c>
      <c r="O28442" t="s">
        <v>85</v>
      </c>
      <c r="P28442" t="s">
        <v>86</v>
      </c>
      <c r="Q28442">
        <v>30</v>
      </c>
      <c r="R28442">
        <v>31</v>
      </c>
      <c r="S28442">
        <v>32</v>
      </c>
      <c r="T28442">
        <v>32</v>
      </c>
      <c r="U28442">
        <v>33</v>
      </c>
      <c r="V28442">
        <v>34</v>
      </c>
      <c r="W28442">
        <v>34</v>
      </c>
      <c r="X28442">
        <v>35</v>
      </c>
      <c r="Y28442">
        <v>36</v>
      </c>
      <c r="Z28442">
        <v>37</v>
      </c>
      <c r="AA28442">
        <v>37</v>
      </c>
      <c r="AB28442">
        <v>38</v>
      </c>
      <c r="AC28442">
        <v>39</v>
      </c>
      <c r="AD28442">
        <v>40</v>
      </c>
      <c r="AE28442">
        <v>41</v>
      </c>
      <c r="AF28442">
        <v>41</v>
      </c>
      <c r="AG28442">
        <v>42</v>
      </c>
      <c r="AH28442">
        <v>43</v>
      </c>
      <c r="AI28442">
        <v>44</v>
      </c>
      <c r="AJ28442">
        <v>45</v>
      </c>
      <c r="AK28442">
        <v>45</v>
      </c>
      <c r="AL28442">
        <v>46</v>
      </c>
      <c r="AM28442">
        <v>46</v>
      </c>
      <c r="AN28442">
        <v>47</v>
      </c>
      <c r="AO28442">
        <v>47</v>
      </c>
      <c r="AP28442">
        <v>47</v>
      </c>
      <c r="AQ28442">
        <v>48</v>
      </c>
    </row>
    <row r="28443" spans="1:43">
      <c r="A28443" t="s">
        <v>17603</v>
      </c>
      <c r="B28443" t="s">
        <v>17604</v>
      </c>
      <c r="C28443" t="s">
        <v>17597</v>
      </c>
      <c r="D28443" t="s">
        <v>17598</v>
      </c>
      <c r="E28443" t="s">
        <v>17455</v>
      </c>
      <c r="F28443" t="s">
        <v>17456</v>
      </c>
      <c r="G28443" t="s">
        <v>16559</v>
      </c>
      <c r="H28443" t="s">
        <v>16560</v>
      </c>
      <c r="I28443" s="2">
        <v>1</v>
      </c>
      <c r="J28443" s="2">
        <v>0</v>
      </c>
      <c r="K28443" s="2">
        <v>0</v>
      </c>
      <c r="L28443" t="s">
        <v>120</v>
      </c>
      <c r="M28443" t="s">
        <v>87</v>
      </c>
      <c r="N28443" t="s">
        <v>88</v>
      </c>
      <c r="O28443" t="s">
        <v>85</v>
      </c>
      <c r="P28443" t="s">
        <v>86</v>
      </c>
      <c r="Q28443">
        <v>30</v>
      </c>
      <c r="R28443">
        <v>30</v>
      </c>
      <c r="S28443">
        <v>31</v>
      </c>
      <c r="T28443">
        <v>31</v>
      </c>
      <c r="U28443">
        <v>32</v>
      </c>
      <c r="V28443">
        <v>32</v>
      </c>
      <c r="W28443">
        <v>32</v>
      </c>
      <c r="X28443">
        <v>33</v>
      </c>
      <c r="Y28443">
        <v>33</v>
      </c>
      <c r="Z28443">
        <v>34</v>
      </c>
      <c r="AA28443">
        <v>34</v>
      </c>
      <c r="AB28443">
        <v>35</v>
      </c>
      <c r="AC28443">
        <v>35</v>
      </c>
      <c r="AD28443">
        <v>36</v>
      </c>
      <c r="AE28443">
        <v>36</v>
      </c>
      <c r="AF28443">
        <v>36</v>
      </c>
      <c r="AG28443">
        <v>37</v>
      </c>
      <c r="AH28443">
        <v>37</v>
      </c>
      <c r="AI28443">
        <v>38</v>
      </c>
      <c r="AJ28443">
        <v>38</v>
      </c>
      <c r="AK28443">
        <v>39</v>
      </c>
      <c r="AL28443">
        <v>39</v>
      </c>
      <c r="AM28443">
        <v>40</v>
      </c>
      <c r="AN28443">
        <v>40</v>
      </c>
      <c r="AO28443">
        <v>41</v>
      </c>
      <c r="AP28443">
        <v>41</v>
      </c>
      <c r="AQ28443">
        <v>42</v>
      </c>
    </row>
    <row r="28444" spans="1:43">
      <c r="A28444" t="s">
        <v>17603</v>
      </c>
      <c r="B28444" t="s">
        <v>17604</v>
      </c>
      <c r="C28444" t="s">
        <v>17597</v>
      </c>
      <c r="D28444" t="s">
        <v>17598</v>
      </c>
      <c r="E28444" t="s">
        <v>17455</v>
      </c>
      <c r="F28444" t="s">
        <v>17456</v>
      </c>
      <c r="G28444" t="s">
        <v>16559</v>
      </c>
      <c r="H28444" t="s">
        <v>16560</v>
      </c>
      <c r="I28444" s="2">
        <v>1</v>
      </c>
      <c r="J28444" s="2">
        <v>0</v>
      </c>
      <c r="K28444" s="2">
        <v>0</v>
      </c>
      <c r="L28444" t="s">
        <v>120</v>
      </c>
      <c r="M28444" t="s">
        <v>89</v>
      </c>
      <c r="N28444" t="s">
        <v>90</v>
      </c>
      <c r="O28444" t="s">
        <v>85</v>
      </c>
      <c r="P28444" t="s">
        <v>86</v>
      </c>
      <c r="Q28444">
        <v>30</v>
      </c>
      <c r="R28444">
        <v>31</v>
      </c>
      <c r="S28444">
        <v>32</v>
      </c>
      <c r="T28444">
        <v>33</v>
      </c>
      <c r="U28444">
        <v>34</v>
      </c>
      <c r="V28444">
        <v>35</v>
      </c>
      <c r="W28444">
        <v>36</v>
      </c>
      <c r="X28444">
        <v>37</v>
      </c>
      <c r="Y28444">
        <v>38</v>
      </c>
      <c r="Z28444">
        <v>39</v>
      </c>
      <c r="AA28444">
        <v>40</v>
      </c>
      <c r="AB28444">
        <v>41</v>
      </c>
      <c r="AC28444">
        <v>42</v>
      </c>
      <c r="AD28444">
        <v>43</v>
      </c>
      <c r="AE28444">
        <v>44</v>
      </c>
      <c r="AF28444">
        <v>44</v>
      </c>
      <c r="AG28444">
        <v>44</v>
      </c>
      <c r="AH28444">
        <v>45</v>
      </c>
      <c r="AI28444">
        <v>45</v>
      </c>
      <c r="AJ28444">
        <v>45</v>
      </c>
      <c r="AK28444">
        <v>46</v>
      </c>
      <c r="AL28444">
        <v>46</v>
      </c>
      <c r="AM28444">
        <v>47</v>
      </c>
      <c r="AN28444">
        <v>47</v>
      </c>
      <c r="AO28444">
        <v>47</v>
      </c>
      <c r="AP28444">
        <v>48</v>
      </c>
      <c r="AQ28444">
        <v>48</v>
      </c>
    </row>
    <row r="28445" spans="1:43">
      <c r="A28445" t="s">
        <v>17603</v>
      </c>
      <c r="B28445" t="s">
        <v>17604</v>
      </c>
      <c r="C28445" t="s">
        <v>17597</v>
      </c>
      <c r="D28445" t="s">
        <v>17598</v>
      </c>
      <c r="E28445" t="s">
        <v>17455</v>
      </c>
      <c r="F28445" t="s">
        <v>17456</v>
      </c>
      <c r="G28445" t="s">
        <v>16559</v>
      </c>
      <c r="H28445" t="s">
        <v>16560</v>
      </c>
      <c r="I28445" s="2">
        <v>1</v>
      </c>
      <c r="J28445" s="2">
        <v>0</v>
      </c>
      <c r="K28445" s="2">
        <v>0</v>
      </c>
      <c r="L28445" t="s">
        <v>120</v>
      </c>
      <c r="M28445" t="s">
        <v>83</v>
      </c>
      <c r="N28445" t="s">
        <v>91</v>
      </c>
      <c r="O28445" t="s">
        <v>85</v>
      </c>
      <c r="P28445" t="s">
        <v>86</v>
      </c>
      <c r="Q28445">
        <v>30</v>
      </c>
      <c r="R28445">
        <v>31</v>
      </c>
      <c r="S28445">
        <v>32</v>
      </c>
      <c r="T28445">
        <v>32</v>
      </c>
      <c r="U28445">
        <v>33</v>
      </c>
      <c r="V28445">
        <v>34</v>
      </c>
      <c r="W28445">
        <v>34</v>
      </c>
      <c r="X28445">
        <v>35</v>
      </c>
      <c r="Y28445">
        <v>36</v>
      </c>
      <c r="Z28445">
        <v>37</v>
      </c>
      <c r="AA28445">
        <v>37</v>
      </c>
      <c r="AB28445">
        <v>38</v>
      </c>
      <c r="AC28445">
        <v>39</v>
      </c>
      <c r="AD28445">
        <v>40</v>
      </c>
      <c r="AE28445">
        <v>41</v>
      </c>
      <c r="AF28445">
        <v>41</v>
      </c>
      <c r="AG28445">
        <v>42</v>
      </c>
      <c r="AH28445">
        <v>43</v>
      </c>
      <c r="AI28445">
        <v>44</v>
      </c>
      <c r="AJ28445">
        <v>45</v>
      </c>
      <c r="AK28445">
        <v>45</v>
      </c>
      <c r="AL28445">
        <v>46</v>
      </c>
      <c r="AM28445">
        <v>46</v>
      </c>
      <c r="AN28445">
        <v>47</v>
      </c>
      <c r="AO28445">
        <v>47</v>
      </c>
      <c r="AP28445">
        <v>47</v>
      </c>
      <c r="AQ28445">
        <v>48</v>
      </c>
    </row>
    <row r="28446" spans="1:43">
      <c r="A28446" t="s">
        <v>17605</v>
      </c>
      <c r="B28446" t="s">
        <v>17606</v>
      </c>
      <c r="C28446" t="s">
        <v>17607</v>
      </c>
      <c r="D28446" t="s">
        <v>17608</v>
      </c>
      <c r="E28446" t="s">
        <v>17455</v>
      </c>
      <c r="F28446" t="s">
        <v>17456</v>
      </c>
      <c r="G28446" t="s">
        <v>16559</v>
      </c>
      <c r="H28446" t="s">
        <v>16560</v>
      </c>
      <c r="I28446" s="2">
        <v>1</v>
      </c>
      <c r="J28446" s="2">
        <v>0</v>
      </c>
      <c r="K28446" s="2">
        <v>0</v>
      </c>
      <c r="L28446" t="s">
        <v>120</v>
      </c>
      <c r="M28446" t="s">
        <v>83</v>
      </c>
      <c r="N28446" t="s">
        <v>84</v>
      </c>
      <c r="O28446" t="s">
        <v>85</v>
      </c>
      <c r="P28446" t="s">
        <v>86</v>
      </c>
      <c r="Q28446">
        <v>80</v>
      </c>
      <c r="R28446">
        <v>82</v>
      </c>
      <c r="S28446">
        <v>84</v>
      </c>
      <c r="T28446">
        <v>85</v>
      </c>
      <c r="U28446">
        <v>87</v>
      </c>
      <c r="V28446">
        <v>89</v>
      </c>
      <c r="W28446">
        <v>91</v>
      </c>
      <c r="X28446">
        <v>93</v>
      </c>
      <c r="Y28446">
        <v>95</v>
      </c>
      <c r="Z28446">
        <v>98</v>
      </c>
      <c r="AA28446">
        <v>100</v>
      </c>
      <c r="AB28446">
        <v>102</v>
      </c>
      <c r="AC28446">
        <v>104</v>
      </c>
      <c r="AD28446">
        <v>106</v>
      </c>
      <c r="AE28446">
        <v>108</v>
      </c>
      <c r="AF28446">
        <v>110</v>
      </c>
      <c r="AG28446">
        <v>112</v>
      </c>
      <c r="AH28446">
        <v>114</v>
      </c>
      <c r="AI28446">
        <v>117</v>
      </c>
      <c r="AJ28446">
        <v>119</v>
      </c>
      <c r="AK28446">
        <v>121</v>
      </c>
      <c r="AL28446">
        <v>123</v>
      </c>
      <c r="AM28446">
        <v>124</v>
      </c>
      <c r="AN28446">
        <v>125</v>
      </c>
      <c r="AO28446">
        <v>126</v>
      </c>
      <c r="AP28446">
        <v>127</v>
      </c>
      <c r="AQ28446">
        <v>128</v>
      </c>
    </row>
    <row r="28447" spans="1:43">
      <c r="A28447" t="s">
        <v>17605</v>
      </c>
      <c r="B28447" t="s">
        <v>17606</v>
      </c>
      <c r="C28447" t="s">
        <v>17607</v>
      </c>
      <c r="D28447" t="s">
        <v>17608</v>
      </c>
      <c r="E28447" t="s">
        <v>17455</v>
      </c>
      <c r="F28447" t="s">
        <v>17456</v>
      </c>
      <c r="G28447" t="s">
        <v>16559</v>
      </c>
      <c r="H28447" t="s">
        <v>16560</v>
      </c>
      <c r="I28447" s="2">
        <v>1</v>
      </c>
      <c r="J28447" s="2">
        <v>0</v>
      </c>
      <c r="K28447" s="2">
        <v>0</v>
      </c>
      <c r="L28447" t="s">
        <v>120</v>
      </c>
      <c r="M28447" t="s">
        <v>87</v>
      </c>
      <c r="N28447" t="s">
        <v>88</v>
      </c>
      <c r="O28447" t="s">
        <v>85</v>
      </c>
      <c r="P28447" t="s">
        <v>86</v>
      </c>
      <c r="Q28447">
        <v>80</v>
      </c>
      <c r="R28447">
        <v>81</v>
      </c>
      <c r="S28447">
        <v>82</v>
      </c>
      <c r="T28447">
        <v>83</v>
      </c>
      <c r="U28447">
        <v>85</v>
      </c>
      <c r="V28447">
        <v>86</v>
      </c>
      <c r="W28447">
        <v>87</v>
      </c>
      <c r="X28447">
        <v>88</v>
      </c>
      <c r="Y28447">
        <v>89</v>
      </c>
      <c r="Z28447">
        <v>91</v>
      </c>
      <c r="AA28447">
        <v>92</v>
      </c>
      <c r="AB28447">
        <v>93</v>
      </c>
      <c r="AC28447">
        <v>94</v>
      </c>
      <c r="AD28447">
        <v>95</v>
      </c>
      <c r="AE28447">
        <v>97</v>
      </c>
      <c r="AF28447">
        <v>98</v>
      </c>
      <c r="AG28447">
        <v>99</v>
      </c>
      <c r="AH28447">
        <v>100</v>
      </c>
      <c r="AI28447">
        <v>102</v>
      </c>
      <c r="AJ28447">
        <v>103</v>
      </c>
      <c r="AK28447">
        <v>104</v>
      </c>
      <c r="AL28447">
        <v>105</v>
      </c>
      <c r="AM28447">
        <v>107</v>
      </c>
      <c r="AN28447">
        <v>108</v>
      </c>
      <c r="AO28447">
        <v>109</v>
      </c>
      <c r="AP28447">
        <v>111</v>
      </c>
      <c r="AQ28447">
        <v>112</v>
      </c>
    </row>
    <row r="28448" spans="1:43">
      <c r="A28448" t="s">
        <v>17605</v>
      </c>
      <c r="B28448" t="s">
        <v>17606</v>
      </c>
      <c r="C28448" t="s">
        <v>17607</v>
      </c>
      <c r="D28448" t="s">
        <v>17608</v>
      </c>
      <c r="E28448" t="s">
        <v>17455</v>
      </c>
      <c r="F28448" t="s">
        <v>17456</v>
      </c>
      <c r="G28448" t="s">
        <v>16559</v>
      </c>
      <c r="H28448" t="s">
        <v>16560</v>
      </c>
      <c r="I28448" s="2">
        <v>1</v>
      </c>
      <c r="J28448" s="2">
        <v>0</v>
      </c>
      <c r="K28448" s="2">
        <v>0</v>
      </c>
      <c r="L28448" t="s">
        <v>120</v>
      </c>
      <c r="M28448" t="s">
        <v>89</v>
      </c>
      <c r="N28448" t="s">
        <v>90</v>
      </c>
      <c r="O28448" t="s">
        <v>85</v>
      </c>
      <c r="P28448" t="s">
        <v>86</v>
      </c>
      <c r="Q28448">
        <v>80</v>
      </c>
      <c r="R28448">
        <v>83</v>
      </c>
      <c r="S28448">
        <v>86</v>
      </c>
      <c r="T28448">
        <v>88</v>
      </c>
      <c r="U28448">
        <v>91</v>
      </c>
      <c r="V28448">
        <v>93</v>
      </c>
      <c r="W28448">
        <v>96</v>
      </c>
      <c r="X28448">
        <v>99</v>
      </c>
      <c r="Y28448">
        <v>101</v>
      </c>
      <c r="Z28448">
        <v>104</v>
      </c>
      <c r="AA28448">
        <v>106</v>
      </c>
      <c r="AB28448">
        <v>109</v>
      </c>
      <c r="AC28448">
        <v>111</v>
      </c>
      <c r="AD28448">
        <v>114</v>
      </c>
      <c r="AE28448">
        <v>116</v>
      </c>
      <c r="AF28448">
        <v>117</v>
      </c>
      <c r="AG28448">
        <v>118</v>
      </c>
      <c r="AH28448">
        <v>119</v>
      </c>
      <c r="AI28448">
        <v>120</v>
      </c>
      <c r="AJ28448">
        <v>121</v>
      </c>
      <c r="AK28448">
        <v>122</v>
      </c>
      <c r="AL28448">
        <v>123</v>
      </c>
      <c r="AM28448">
        <v>124</v>
      </c>
      <c r="AN28448">
        <v>126</v>
      </c>
      <c r="AO28448">
        <v>127</v>
      </c>
      <c r="AP28448">
        <v>128</v>
      </c>
      <c r="AQ28448">
        <v>129</v>
      </c>
    </row>
    <row r="28449" spans="1:43">
      <c r="A28449" t="s">
        <v>17605</v>
      </c>
      <c r="B28449" t="s">
        <v>17606</v>
      </c>
      <c r="C28449" t="s">
        <v>17607</v>
      </c>
      <c r="D28449" t="s">
        <v>17608</v>
      </c>
      <c r="E28449" t="s">
        <v>17455</v>
      </c>
      <c r="F28449" t="s">
        <v>17456</v>
      </c>
      <c r="G28449" t="s">
        <v>16559</v>
      </c>
      <c r="H28449" t="s">
        <v>16560</v>
      </c>
      <c r="I28449" s="2">
        <v>1</v>
      </c>
      <c r="J28449" s="2">
        <v>0</v>
      </c>
      <c r="K28449" s="2">
        <v>0</v>
      </c>
      <c r="L28449" t="s">
        <v>120</v>
      </c>
      <c r="M28449" t="s">
        <v>83</v>
      </c>
      <c r="N28449" t="s">
        <v>91</v>
      </c>
      <c r="O28449" t="s">
        <v>85</v>
      </c>
      <c r="P28449" t="s">
        <v>86</v>
      </c>
      <c r="Q28449">
        <v>80</v>
      </c>
      <c r="R28449">
        <v>82</v>
      </c>
      <c r="S28449">
        <v>84</v>
      </c>
      <c r="T28449">
        <v>85</v>
      </c>
      <c r="U28449">
        <v>87</v>
      </c>
      <c r="V28449">
        <v>89</v>
      </c>
      <c r="W28449">
        <v>91</v>
      </c>
      <c r="X28449">
        <v>93</v>
      </c>
      <c r="Y28449">
        <v>95</v>
      </c>
      <c r="Z28449">
        <v>98</v>
      </c>
      <c r="AA28449">
        <v>100</v>
      </c>
      <c r="AB28449">
        <v>102</v>
      </c>
      <c r="AC28449">
        <v>104</v>
      </c>
      <c r="AD28449">
        <v>106</v>
      </c>
      <c r="AE28449">
        <v>108</v>
      </c>
      <c r="AF28449">
        <v>110</v>
      </c>
      <c r="AG28449">
        <v>112</v>
      </c>
      <c r="AH28449">
        <v>114</v>
      </c>
      <c r="AI28449">
        <v>117</v>
      </c>
      <c r="AJ28449">
        <v>119</v>
      </c>
      <c r="AK28449">
        <v>121</v>
      </c>
      <c r="AL28449">
        <v>123</v>
      </c>
      <c r="AM28449">
        <v>124</v>
      </c>
      <c r="AN28449">
        <v>125</v>
      </c>
      <c r="AO28449">
        <v>126</v>
      </c>
      <c r="AP28449">
        <v>127</v>
      </c>
      <c r="AQ28449">
        <v>128</v>
      </c>
    </row>
    <row r="28450" spans="1:43">
      <c r="A28450" t="s">
        <v>17609</v>
      </c>
      <c r="B28450" t="s">
        <v>17610</v>
      </c>
      <c r="C28450" t="s">
        <v>17607</v>
      </c>
      <c r="D28450" t="s">
        <v>17608</v>
      </c>
      <c r="E28450" t="s">
        <v>17455</v>
      </c>
      <c r="F28450" t="s">
        <v>17456</v>
      </c>
      <c r="G28450" t="s">
        <v>16559</v>
      </c>
      <c r="H28450" t="s">
        <v>16560</v>
      </c>
      <c r="I28450" s="2">
        <v>1</v>
      </c>
      <c r="J28450" s="2">
        <v>0</v>
      </c>
      <c r="K28450" s="2">
        <v>0</v>
      </c>
      <c r="L28450" t="s">
        <v>120</v>
      </c>
      <c r="M28450" t="s">
        <v>83</v>
      </c>
      <c r="N28450" t="s">
        <v>84</v>
      </c>
      <c r="O28450" t="s">
        <v>85</v>
      </c>
      <c r="P28450" t="s">
        <v>86</v>
      </c>
      <c r="Q28450">
        <v>266</v>
      </c>
      <c r="R28450">
        <v>272</v>
      </c>
      <c r="S28450">
        <v>278</v>
      </c>
      <c r="T28450">
        <v>284</v>
      </c>
      <c r="U28450">
        <v>291</v>
      </c>
      <c r="V28450">
        <v>297</v>
      </c>
      <c r="W28450">
        <v>304</v>
      </c>
      <c r="X28450">
        <v>310</v>
      </c>
      <c r="Y28450">
        <v>316</v>
      </c>
      <c r="Z28450">
        <v>322</v>
      </c>
      <c r="AA28450">
        <v>329</v>
      </c>
      <c r="AB28450">
        <v>335</v>
      </c>
      <c r="AC28450">
        <v>341</v>
      </c>
      <c r="AD28450">
        <v>348</v>
      </c>
      <c r="AE28450">
        <v>354</v>
      </c>
      <c r="AF28450">
        <v>361</v>
      </c>
      <c r="AG28450">
        <v>368</v>
      </c>
      <c r="AH28450">
        <v>374</v>
      </c>
      <c r="AI28450">
        <v>381</v>
      </c>
      <c r="AJ28450">
        <v>388</v>
      </c>
      <c r="AK28450">
        <v>395</v>
      </c>
      <c r="AL28450">
        <v>399</v>
      </c>
      <c r="AM28450">
        <v>403</v>
      </c>
      <c r="AN28450">
        <v>406</v>
      </c>
      <c r="AO28450">
        <v>409</v>
      </c>
      <c r="AP28450">
        <v>412</v>
      </c>
      <c r="AQ28450">
        <v>416</v>
      </c>
    </row>
    <row r="28451" spans="1:43">
      <c r="A28451" t="s">
        <v>17609</v>
      </c>
      <c r="B28451" t="s">
        <v>17610</v>
      </c>
      <c r="C28451" t="s">
        <v>17607</v>
      </c>
      <c r="D28451" t="s">
        <v>17608</v>
      </c>
      <c r="E28451" t="s">
        <v>17455</v>
      </c>
      <c r="F28451" t="s">
        <v>17456</v>
      </c>
      <c r="G28451" t="s">
        <v>16559</v>
      </c>
      <c r="H28451" t="s">
        <v>16560</v>
      </c>
      <c r="I28451" s="2">
        <v>1</v>
      </c>
      <c r="J28451" s="2">
        <v>0</v>
      </c>
      <c r="K28451" s="2">
        <v>0</v>
      </c>
      <c r="L28451" t="s">
        <v>120</v>
      </c>
      <c r="M28451" t="s">
        <v>87</v>
      </c>
      <c r="N28451" t="s">
        <v>88</v>
      </c>
      <c r="O28451" t="s">
        <v>85</v>
      </c>
      <c r="P28451" t="s">
        <v>86</v>
      </c>
      <c r="Q28451">
        <v>266</v>
      </c>
      <c r="R28451">
        <v>269</v>
      </c>
      <c r="S28451">
        <v>273</v>
      </c>
      <c r="T28451">
        <v>276</v>
      </c>
      <c r="U28451">
        <v>280</v>
      </c>
      <c r="V28451">
        <v>283</v>
      </c>
      <c r="W28451">
        <v>287</v>
      </c>
      <c r="X28451">
        <v>291</v>
      </c>
      <c r="Y28451">
        <v>294</v>
      </c>
      <c r="Z28451">
        <v>298</v>
      </c>
      <c r="AA28451">
        <v>302</v>
      </c>
      <c r="AB28451">
        <v>306</v>
      </c>
      <c r="AC28451">
        <v>309</v>
      </c>
      <c r="AD28451">
        <v>313</v>
      </c>
      <c r="AE28451">
        <v>317</v>
      </c>
      <c r="AF28451">
        <v>321</v>
      </c>
      <c r="AG28451">
        <v>325</v>
      </c>
      <c r="AH28451">
        <v>328</v>
      </c>
      <c r="AI28451">
        <v>332</v>
      </c>
      <c r="AJ28451">
        <v>336</v>
      </c>
      <c r="AK28451">
        <v>340</v>
      </c>
      <c r="AL28451">
        <v>344</v>
      </c>
      <c r="AM28451">
        <v>348</v>
      </c>
      <c r="AN28451">
        <v>352</v>
      </c>
      <c r="AO28451">
        <v>355</v>
      </c>
      <c r="AP28451">
        <v>359</v>
      </c>
      <c r="AQ28451">
        <v>363</v>
      </c>
    </row>
    <row r="28452" spans="1:43">
      <c r="A28452" t="s">
        <v>17609</v>
      </c>
      <c r="B28452" t="s">
        <v>17610</v>
      </c>
      <c r="C28452" t="s">
        <v>17607</v>
      </c>
      <c r="D28452" t="s">
        <v>17608</v>
      </c>
      <c r="E28452" t="s">
        <v>17455</v>
      </c>
      <c r="F28452" t="s">
        <v>17456</v>
      </c>
      <c r="G28452" t="s">
        <v>16559</v>
      </c>
      <c r="H28452" t="s">
        <v>16560</v>
      </c>
      <c r="I28452" s="2">
        <v>1</v>
      </c>
      <c r="J28452" s="2">
        <v>0</v>
      </c>
      <c r="K28452" s="2">
        <v>0</v>
      </c>
      <c r="L28452" t="s">
        <v>120</v>
      </c>
      <c r="M28452" t="s">
        <v>89</v>
      </c>
      <c r="N28452" t="s">
        <v>90</v>
      </c>
      <c r="O28452" t="s">
        <v>85</v>
      </c>
      <c r="P28452" t="s">
        <v>86</v>
      </c>
      <c r="Q28452">
        <v>266</v>
      </c>
      <c r="R28452">
        <v>275</v>
      </c>
      <c r="S28452">
        <v>283</v>
      </c>
      <c r="T28452">
        <v>292</v>
      </c>
      <c r="U28452">
        <v>300</v>
      </c>
      <c r="V28452">
        <v>308</v>
      </c>
      <c r="W28452">
        <v>316</v>
      </c>
      <c r="X28452">
        <v>324</v>
      </c>
      <c r="Y28452">
        <v>332</v>
      </c>
      <c r="Z28452">
        <v>339</v>
      </c>
      <c r="AA28452">
        <v>347</v>
      </c>
      <c r="AB28452">
        <v>355</v>
      </c>
      <c r="AC28452">
        <v>363</v>
      </c>
      <c r="AD28452">
        <v>371</v>
      </c>
      <c r="AE28452">
        <v>378</v>
      </c>
      <c r="AF28452">
        <v>381</v>
      </c>
      <c r="AG28452">
        <v>384</v>
      </c>
      <c r="AH28452">
        <v>388</v>
      </c>
      <c r="AI28452">
        <v>391</v>
      </c>
      <c r="AJ28452">
        <v>394</v>
      </c>
      <c r="AK28452">
        <v>398</v>
      </c>
      <c r="AL28452">
        <v>401</v>
      </c>
      <c r="AM28452">
        <v>404</v>
      </c>
      <c r="AN28452">
        <v>407</v>
      </c>
      <c r="AO28452">
        <v>411</v>
      </c>
      <c r="AP28452">
        <v>414</v>
      </c>
      <c r="AQ28452">
        <v>417</v>
      </c>
    </row>
    <row r="28453" spans="1:43">
      <c r="A28453" t="s">
        <v>17609</v>
      </c>
      <c r="B28453" t="s">
        <v>17610</v>
      </c>
      <c r="C28453" t="s">
        <v>17607</v>
      </c>
      <c r="D28453" t="s">
        <v>17608</v>
      </c>
      <c r="E28453" t="s">
        <v>17455</v>
      </c>
      <c r="F28453" t="s">
        <v>17456</v>
      </c>
      <c r="G28453" t="s">
        <v>16559</v>
      </c>
      <c r="H28453" t="s">
        <v>16560</v>
      </c>
      <c r="I28453" s="2">
        <v>1</v>
      </c>
      <c r="J28453" s="2">
        <v>0</v>
      </c>
      <c r="K28453" s="2">
        <v>0</v>
      </c>
      <c r="L28453" t="s">
        <v>120</v>
      </c>
      <c r="M28453" t="s">
        <v>83</v>
      </c>
      <c r="N28453" t="s">
        <v>91</v>
      </c>
      <c r="O28453" t="s">
        <v>85</v>
      </c>
      <c r="P28453" t="s">
        <v>86</v>
      </c>
      <c r="Q28453">
        <v>266</v>
      </c>
      <c r="R28453">
        <v>272</v>
      </c>
      <c r="S28453">
        <v>278</v>
      </c>
      <c r="T28453">
        <v>284</v>
      </c>
      <c r="U28453">
        <v>291</v>
      </c>
      <c r="V28453">
        <v>297</v>
      </c>
      <c r="W28453">
        <v>304</v>
      </c>
      <c r="X28453">
        <v>310</v>
      </c>
      <c r="Y28453">
        <v>316</v>
      </c>
      <c r="Z28453">
        <v>322</v>
      </c>
      <c r="AA28453">
        <v>329</v>
      </c>
      <c r="AB28453">
        <v>335</v>
      </c>
      <c r="AC28453">
        <v>341</v>
      </c>
      <c r="AD28453">
        <v>348</v>
      </c>
      <c r="AE28453">
        <v>354</v>
      </c>
      <c r="AF28453">
        <v>361</v>
      </c>
      <c r="AG28453">
        <v>368</v>
      </c>
      <c r="AH28453">
        <v>374</v>
      </c>
      <c r="AI28453">
        <v>381</v>
      </c>
      <c r="AJ28453">
        <v>388</v>
      </c>
      <c r="AK28453">
        <v>395</v>
      </c>
      <c r="AL28453">
        <v>399</v>
      </c>
      <c r="AM28453">
        <v>403</v>
      </c>
      <c r="AN28453">
        <v>406</v>
      </c>
      <c r="AO28453">
        <v>409</v>
      </c>
      <c r="AP28453">
        <v>412</v>
      </c>
      <c r="AQ28453">
        <v>416</v>
      </c>
    </row>
    <row r="28454" spans="1:43">
      <c r="A28454" t="s">
        <v>17611</v>
      </c>
      <c r="B28454" t="s">
        <v>17612</v>
      </c>
      <c r="C28454" t="s">
        <v>17607</v>
      </c>
      <c r="D28454" t="s">
        <v>17608</v>
      </c>
      <c r="E28454" t="s">
        <v>17455</v>
      </c>
      <c r="F28454" t="s">
        <v>17456</v>
      </c>
      <c r="G28454" t="s">
        <v>16559</v>
      </c>
      <c r="H28454" t="s">
        <v>16560</v>
      </c>
      <c r="I28454" s="2">
        <v>1</v>
      </c>
      <c r="J28454" s="2">
        <v>0</v>
      </c>
      <c r="K28454" s="2">
        <v>0</v>
      </c>
      <c r="L28454" t="s">
        <v>120</v>
      </c>
      <c r="M28454" t="s">
        <v>83</v>
      </c>
      <c r="N28454" t="s">
        <v>84</v>
      </c>
      <c r="O28454" t="s">
        <v>85</v>
      </c>
      <c r="P28454" t="s">
        <v>86</v>
      </c>
      <c r="Q28454">
        <v>99</v>
      </c>
      <c r="R28454">
        <v>101</v>
      </c>
      <c r="S28454">
        <v>103</v>
      </c>
      <c r="T28454">
        <v>106</v>
      </c>
      <c r="U28454">
        <v>108</v>
      </c>
      <c r="V28454">
        <v>110</v>
      </c>
      <c r="W28454">
        <v>113</v>
      </c>
      <c r="X28454">
        <v>115</v>
      </c>
      <c r="Y28454">
        <v>117</v>
      </c>
      <c r="Z28454">
        <v>120</v>
      </c>
      <c r="AA28454">
        <v>122</v>
      </c>
      <c r="AB28454">
        <v>124</v>
      </c>
      <c r="AC28454">
        <v>126</v>
      </c>
      <c r="AD28454">
        <v>129</v>
      </c>
      <c r="AE28454">
        <v>131</v>
      </c>
      <c r="AF28454">
        <v>134</v>
      </c>
      <c r="AG28454">
        <v>136</v>
      </c>
      <c r="AH28454">
        <v>139</v>
      </c>
      <c r="AI28454">
        <v>141</v>
      </c>
      <c r="AJ28454">
        <v>143</v>
      </c>
      <c r="AK28454">
        <v>146</v>
      </c>
      <c r="AL28454">
        <v>148</v>
      </c>
      <c r="AM28454">
        <v>149</v>
      </c>
      <c r="AN28454">
        <v>150</v>
      </c>
      <c r="AO28454">
        <v>151</v>
      </c>
      <c r="AP28454">
        <v>152</v>
      </c>
      <c r="AQ28454">
        <v>153</v>
      </c>
    </row>
    <row r="28455" spans="1:43">
      <c r="A28455" t="s">
        <v>17611</v>
      </c>
      <c r="B28455" t="s">
        <v>17612</v>
      </c>
      <c r="C28455" t="s">
        <v>17607</v>
      </c>
      <c r="D28455" t="s">
        <v>17608</v>
      </c>
      <c r="E28455" t="s">
        <v>17455</v>
      </c>
      <c r="F28455" t="s">
        <v>17456</v>
      </c>
      <c r="G28455" t="s">
        <v>16559</v>
      </c>
      <c r="H28455" t="s">
        <v>16560</v>
      </c>
      <c r="I28455" s="2">
        <v>1</v>
      </c>
      <c r="J28455" s="2">
        <v>0</v>
      </c>
      <c r="K28455" s="2">
        <v>0</v>
      </c>
      <c r="L28455" t="s">
        <v>120</v>
      </c>
      <c r="M28455" t="s">
        <v>87</v>
      </c>
      <c r="N28455" t="s">
        <v>88</v>
      </c>
      <c r="O28455" t="s">
        <v>85</v>
      </c>
      <c r="P28455" t="s">
        <v>86</v>
      </c>
      <c r="Q28455">
        <v>99</v>
      </c>
      <c r="R28455">
        <v>100</v>
      </c>
      <c r="S28455">
        <v>102</v>
      </c>
      <c r="T28455">
        <v>103</v>
      </c>
      <c r="U28455">
        <v>104</v>
      </c>
      <c r="V28455">
        <v>106</v>
      </c>
      <c r="W28455">
        <v>107</v>
      </c>
      <c r="X28455">
        <v>108</v>
      </c>
      <c r="Y28455">
        <v>110</v>
      </c>
      <c r="Z28455">
        <v>111</v>
      </c>
      <c r="AA28455">
        <v>112</v>
      </c>
      <c r="AB28455">
        <v>114</v>
      </c>
      <c r="AC28455">
        <v>115</v>
      </c>
      <c r="AD28455">
        <v>116</v>
      </c>
      <c r="AE28455">
        <v>118</v>
      </c>
      <c r="AF28455">
        <v>119</v>
      </c>
      <c r="AG28455">
        <v>121</v>
      </c>
      <c r="AH28455">
        <v>122</v>
      </c>
      <c r="AI28455">
        <v>123</v>
      </c>
      <c r="AJ28455">
        <v>125</v>
      </c>
      <c r="AK28455">
        <v>126</v>
      </c>
      <c r="AL28455">
        <v>128</v>
      </c>
      <c r="AM28455">
        <v>129</v>
      </c>
      <c r="AN28455">
        <v>130</v>
      </c>
      <c r="AO28455">
        <v>132</v>
      </c>
      <c r="AP28455">
        <v>133</v>
      </c>
      <c r="AQ28455">
        <v>135</v>
      </c>
    </row>
    <row r="28456" spans="1:43">
      <c r="A28456" t="s">
        <v>17611</v>
      </c>
      <c r="B28456" t="s">
        <v>17612</v>
      </c>
      <c r="C28456" t="s">
        <v>17607</v>
      </c>
      <c r="D28456" t="s">
        <v>17608</v>
      </c>
      <c r="E28456" t="s">
        <v>17455</v>
      </c>
      <c r="F28456" t="s">
        <v>17456</v>
      </c>
      <c r="G28456" t="s">
        <v>16559</v>
      </c>
      <c r="H28456" t="s">
        <v>16560</v>
      </c>
      <c r="I28456" s="2">
        <v>1</v>
      </c>
      <c r="J28456" s="2">
        <v>0</v>
      </c>
      <c r="K28456" s="2">
        <v>0</v>
      </c>
      <c r="L28456" t="s">
        <v>120</v>
      </c>
      <c r="M28456" t="s">
        <v>89</v>
      </c>
      <c r="N28456" t="s">
        <v>90</v>
      </c>
      <c r="O28456" t="s">
        <v>85</v>
      </c>
      <c r="P28456" t="s">
        <v>86</v>
      </c>
      <c r="Q28456">
        <v>99</v>
      </c>
      <c r="R28456">
        <v>102</v>
      </c>
      <c r="S28456">
        <v>105</v>
      </c>
      <c r="T28456">
        <v>108</v>
      </c>
      <c r="U28456">
        <v>111</v>
      </c>
      <c r="V28456">
        <v>114</v>
      </c>
      <c r="W28456">
        <v>117</v>
      </c>
      <c r="X28456">
        <v>120</v>
      </c>
      <c r="Y28456">
        <v>123</v>
      </c>
      <c r="Z28456">
        <v>126</v>
      </c>
      <c r="AA28456">
        <v>128</v>
      </c>
      <c r="AB28456">
        <v>131</v>
      </c>
      <c r="AC28456">
        <v>134</v>
      </c>
      <c r="AD28456">
        <v>137</v>
      </c>
      <c r="AE28456">
        <v>139</v>
      </c>
      <c r="AF28456">
        <v>141</v>
      </c>
      <c r="AG28456">
        <v>142</v>
      </c>
      <c r="AH28456">
        <v>143</v>
      </c>
      <c r="AI28456">
        <v>144</v>
      </c>
      <c r="AJ28456">
        <v>145</v>
      </c>
      <c r="AK28456">
        <v>147</v>
      </c>
      <c r="AL28456">
        <v>148</v>
      </c>
      <c r="AM28456">
        <v>149</v>
      </c>
      <c r="AN28456">
        <v>150</v>
      </c>
      <c r="AO28456">
        <v>151</v>
      </c>
      <c r="AP28456">
        <v>152</v>
      </c>
      <c r="AQ28456">
        <v>153</v>
      </c>
    </row>
    <row r="28457" spans="1:43">
      <c r="A28457" t="s">
        <v>17611</v>
      </c>
      <c r="B28457" t="s">
        <v>17612</v>
      </c>
      <c r="C28457" t="s">
        <v>17607</v>
      </c>
      <c r="D28457" t="s">
        <v>17608</v>
      </c>
      <c r="E28457" t="s">
        <v>17455</v>
      </c>
      <c r="F28457" t="s">
        <v>17456</v>
      </c>
      <c r="G28457" t="s">
        <v>16559</v>
      </c>
      <c r="H28457" t="s">
        <v>16560</v>
      </c>
      <c r="I28457" s="2">
        <v>1</v>
      </c>
      <c r="J28457" s="2">
        <v>0</v>
      </c>
      <c r="K28457" s="2">
        <v>0</v>
      </c>
      <c r="L28457" t="s">
        <v>120</v>
      </c>
      <c r="M28457" t="s">
        <v>83</v>
      </c>
      <c r="N28457" t="s">
        <v>91</v>
      </c>
      <c r="O28457" t="s">
        <v>85</v>
      </c>
      <c r="P28457" t="s">
        <v>86</v>
      </c>
      <c r="Q28457">
        <v>99</v>
      </c>
      <c r="R28457">
        <v>101</v>
      </c>
      <c r="S28457">
        <v>103</v>
      </c>
      <c r="T28457">
        <v>106</v>
      </c>
      <c r="U28457">
        <v>108</v>
      </c>
      <c r="V28457">
        <v>110</v>
      </c>
      <c r="W28457">
        <v>113</v>
      </c>
      <c r="X28457">
        <v>115</v>
      </c>
      <c r="Y28457">
        <v>117</v>
      </c>
      <c r="Z28457">
        <v>120</v>
      </c>
      <c r="AA28457">
        <v>122</v>
      </c>
      <c r="AB28457">
        <v>124</v>
      </c>
      <c r="AC28457">
        <v>126</v>
      </c>
      <c r="AD28457">
        <v>129</v>
      </c>
      <c r="AE28457">
        <v>131</v>
      </c>
      <c r="AF28457">
        <v>134</v>
      </c>
      <c r="AG28457">
        <v>136</v>
      </c>
      <c r="AH28457">
        <v>139</v>
      </c>
      <c r="AI28457">
        <v>141</v>
      </c>
      <c r="AJ28457">
        <v>143</v>
      </c>
      <c r="AK28457">
        <v>146</v>
      </c>
      <c r="AL28457">
        <v>148</v>
      </c>
      <c r="AM28457">
        <v>149</v>
      </c>
      <c r="AN28457">
        <v>150</v>
      </c>
      <c r="AO28457">
        <v>151</v>
      </c>
      <c r="AP28457">
        <v>152</v>
      </c>
      <c r="AQ28457">
        <v>153</v>
      </c>
    </row>
    <row r="28458" spans="1:43">
      <c r="A28458" t="s">
        <v>17613</v>
      </c>
      <c r="B28458" t="s">
        <v>17614</v>
      </c>
      <c r="C28458" t="s">
        <v>17583</v>
      </c>
      <c r="D28458" t="s">
        <v>17584</v>
      </c>
      <c r="E28458" t="s">
        <v>17455</v>
      </c>
      <c r="F28458" t="s">
        <v>17456</v>
      </c>
      <c r="G28458" t="s">
        <v>16559</v>
      </c>
      <c r="H28458" t="s">
        <v>16560</v>
      </c>
      <c r="I28458" s="2">
        <v>1</v>
      </c>
      <c r="J28458" s="2">
        <v>0</v>
      </c>
      <c r="K28458" s="2">
        <v>0</v>
      </c>
      <c r="L28458" t="s">
        <v>120</v>
      </c>
      <c r="M28458" t="s">
        <v>83</v>
      </c>
      <c r="N28458" t="s">
        <v>84</v>
      </c>
      <c r="O28458" t="s">
        <v>85</v>
      </c>
      <c r="P28458" t="s">
        <v>86</v>
      </c>
      <c r="Q28458">
        <v>15</v>
      </c>
      <c r="R28458">
        <v>15</v>
      </c>
      <c r="S28458">
        <v>15</v>
      </c>
      <c r="T28458">
        <v>16</v>
      </c>
      <c r="U28458">
        <v>16</v>
      </c>
      <c r="V28458">
        <v>17</v>
      </c>
      <c r="W28458">
        <v>17</v>
      </c>
      <c r="X28458">
        <v>17</v>
      </c>
      <c r="Y28458">
        <v>18</v>
      </c>
      <c r="Z28458">
        <v>18</v>
      </c>
      <c r="AA28458">
        <v>18</v>
      </c>
      <c r="AB28458">
        <v>19</v>
      </c>
      <c r="AC28458">
        <v>19</v>
      </c>
      <c r="AD28458">
        <v>19</v>
      </c>
      <c r="AE28458">
        <v>20</v>
      </c>
      <c r="AF28458">
        <v>20</v>
      </c>
      <c r="AG28458">
        <v>21</v>
      </c>
      <c r="AH28458">
        <v>21</v>
      </c>
      <c r="AI28458">
        <v>21</v>
      </c>
      <c r="AJ28458">
        <v>22</v>
      </c>
      <c r="AK28458">
        <v>22</v>
      </c>
      <c r="AL28458">
        <v>22</v>
      </c>
      <c r="AM28458">
        <v>23</v>
      </c>
      <c r="AN28458">
        <v>23</v>
      </c>
      <c r="AO28458">
        <v>23</v>
      </c>
      <c r="AP28458">
        <v>23</v>
      </c>
      <c r="AQ28458">
        <v>23</v>
      </c>
    </row>
    <row r="28459" spans="1:43">
      <c r="A28459" t="s">
        <v>17613</v>
      </c>
      <c r="B28459" t="s">
        <v>17614</v>
      </c>
      <c r="C28459" t="s">
        <v>17583</v>
      </c>
      <c r="D28459" t="s">
        <v>17584</v>
      </c>
      <c r="E28459" t="s">
        <v>17455</v>
      </c>
      <c r="F28459" t="s">
        <v>17456</v>
      </c>
      <c r="G28459" t="s">
        <v>16559</v>
      </c>
      <c r="H28459" t="s">
        <v>16560</v>
      </c>
      <c r="I28459" s="2">
        <v>1</v>
      </c>
      <c r="J28459" s="2">
        <v>0</v>
      </c>
      <c r="K28459" s="2">
        <v>0</v>
      </c>
      <c r="L28459" t="s">
        <v>120</v>
      </c>
      <c r="M28459" t="s">
        <v>87</v>
      </c>
      <c r="N28459" t="s">
        <v>88</v>
      </c>
      <c r="O28459" t="s">
        <v>85</v>
      </c>
      <c r="P28459" t="s">
        <v>86</v>
      </c>
      <c r="Q28459">
        <v>15</v>
      </c>
      <c r="R28459">
        <v>15</v>
      </c>
      <c r="S28459">
        <v>15</v>
      </c>
      <c r="T28459">
        <v>15</v>
      </c>
      <c r="U28459">
        <v>15</v>
      </c>
      <c r="V28459">
        <v>16</v>
      </c>
      <c r="W28459">
        <v>16</v>
      </c>
      <c r="X28459">
        <v>16</v>
      </c>
      <c r="Y28459">
        <v>16</v>
      </c>
      <c r="Z28459">
        <v>17</v>
      </c>
      <c r="AA28459">
        <v>17</v>
      </c>
      <c r="AB28459">
        <v>17</v>
      </c>
      <c r="AC28459">
        <v>17</v>
      </c>
      <c r="AD28459">
        <v>17</v>
      </c>
      <c r="AE28459">
        <v>18</v>
      </c>
      <c r="AF28459">
        <v>18</v>
      </c>
      <c r="AG28459">
        <v>18</v>
      </c>
      <c r="AH28459">
        <v>18</v>
      </c>
      <c r="AI28459">
        <v>19</v>
      </c>
      <c r="AJ28459">
        <v>19</v>
      </c>
      <c r="AK28459">
        <v>19</v>
      </c>
      <c r="AL28459">
        <v>19</v>
      </c>
      <c r="AM28459">
        <v>19</v>
      </c>
      <c r="AN28459">
        <v>20</v>
      </c>
      <c r="AO28459">
        <v>20</v>
      </c>
      <c r="AP28459">
        <v>20</v>
      </c>
      <c r="AQ28459">
        <v>20</v>
      </c>
    </row>
    <row r="28460" spans="1:43">
      <c r="A28460" t="s">
        <v>17613</v>
      </c>
      <c r="B28460" t="s">
        <v>17614</v>
      </c>
      <c r="C28460" t="s">
        <v>17583</v>
      </c>
      <c r="D28460" t="s">
        <v>17584</v>
      </c>
      <c r="E28460" t="s">
        <v>17455</v>
      </c>
      <c r="F28460" t="s">
        <v>17456</v>
      </c>
      <c r="G28460" t="s">
        <v>16559</v>
      </c>
      <c r="H28460" t="s">
        <v>16560</v>
      </c>
      <c r="I28460" s="2">
        <v>1</v>
      </c>
      <c r="J28460" s="2">
        <v>0</v>
      </c>
      <c r="K28460" s="2">
        <v>0</v>
      </c>
      <c r="L28460" t="s">
        <v>120</v>
      </c>
      <c r="M28460" t="s">
        <v>89</v>
      </c>
      <c r="N28460" t="s">
        <v>90</v>
      </c>
      <c r="O28460" t="s">
        <v>85</v>
      </c>
      <c r="P28460" t="s">
        <v>86</v>
      </c>
      <c r="Q28460">
        <v>15</v>
      </c>
      <c r="R28460">
        <v>15</v>
      </c>
      <c r="S28460">
        <v>16</v>
      </c>
      <c r="T28460">
        <v>16</v>
      </c>
      <c r="U28460">
        <v>17</v>
      </c>
      <c r="V28460">
        <v>17</v>
      </c>
      <c r="W28460">
        <v>18</v>
      </c>
      <c r="X28460">
        <v>18</v>
      </c>
      <c r="Y28460">
        <v>19</v>
      </c>
      <c r="Z28460">
        <v>19</v>
      </c>
      <c r="AA28460">
        <v>20</v>
      </c>
      <c r="AB28460">
        <v>20</v>
      </c>
      <c r="AC28460">
        <v>20</v>
      </c>
      <c r="AD28460">
        <v>21</v>
      </c>
      <c r="AE28460">
        <v>21</v>
      </c>
      <c r="AF28460">
        <v>21</v>
      </c>
      <c r="AG28460">
        <v>22</v>
      </c>
      <c r="AH28460">
        <v>22</v>
      </c>
      <c r="AI28460">
        <v>22</v>
      </c>
      <c r="AJ28460">
        <v>22</v>
      </c>
      <c r="AK28460">
        <v>22</v>
      </c>
      <c r="AL28460">
        <v>23</v>
      </c>
      <c r="AM28460">
        <v>23</v>
      </c>
      <c r="AN28460">
        <v>23</v>
      </c>
      <c r="AO28460">
        <v>23</v>
      </c>
      <c r="AP28460">
        <v>23</v>
      </c>
      <c r="AQ28460">
        <v>23</v>
      </c>
    </row>
    <row r="28461" spans="1:43">
      <c r="A28461" t="s">
        <v>17613</v>
      </c>
      <c r="B28461" t="s">
        <v>17614</v>
      </c>
      <c r="C28461" t="s">
        <v>17583</v>
      </c>
      <c r="D28461" t="s">
        <v>17584</v>
      </c>
      <c r="E28461" t="s">
        <v>17455</v>
      </c>
      <c r="F28461" t="s">
        <v>17456</v>
      </c>
      <c r="G28461" t="s">
        <v>16559</v>
      </c>
      <c r="H28461" t="s">
        <v>16560</v>
      </c>
      <c r="I28461" s="2">
        <v>1</v>
      </c>
      <c r="J28461" s="2">
        <v>0</v>
      </c>
      <c r="K28461" s="2">
        <v>0</v>
      </c>
      <c r="L28461" t="s">
        <v>120</v>
      </c>
      <c r="M28461" t="s">
        <v>83</v>
      </c>
      <c r="N28461" t="s">
        <v>91</v>
      </c>
      <c r="O28461" t="s">
        <v>85</v>
      </c>
      <c r="P28461" t="s">
        <v>86</v>
      </c>
      <c r="Q28461">
        <v>15</v>
      </c>
      <c r="R28461">
        <v>15</v>
      </c>
      <c r="S28461">
        <v>15</v>
      </c>
      <c r="T28461">
        <v>16</v>
      </c>
      <c r="U28461">
        <v>16</v>
      </c>
      <c r="V28461">
        <v>17</v>
      </c>
      <c r="W28461">
        <v>17</v>
      </c>
      <c r="X28461">
        <v>17</v>
      </c>
      <c r="Y28461">
        <v>18</v>
      </c>
      <c r="Z28461">
        <v>18</v>
      </c>
      <c r="AA28461">
        <v>18</v>
      </c>
      <c r="AB28461">
        <v>19</v>
      </c>
      <c r="AC28461">
        <v>19</v>
      </c>
      <c r="AD28461">
        <v>19</v>
      </c>
      <c r="AE28461">
        <v>20</v>
      </c>
      <c r="AF28461">
        <v>20</v>
      </c>
      <c r="AG28461">
        <v>21</v>
      </c>
      <c r="AH28461">
        <v>21</v>
      </c>
      <c r="AI28461">
        <v>21</v>
      </c>
      <c r="AJ28461">
        <v>22</v>
      </c>
      <c r="AK28461">
        <v>22</v>
      </c>
      <c r="AL28461">
        <v>22</v>
      </c>
      <c r="AM28461">
        <v>23</v>
      </c>
      <c r="AN28461">
        <v>23</v>
      </c>
      <c r="AO28461">
        <v>23</v>
      </c>
      <c r="AP28461">
        <v>23</v>
      </c>
      <c r="AQ28461">
        <v>23</v>
      </c>
    </row>
    <row r="28462" spans="1:43">
      <c r="A28462" t="s">
        <v>17615</v>
      </c>
      <c r="B28462" t="s">
        <v>17616</v>
      </c>
      <c r="C28462" t="s">
        <v>17583</v>
      </c>
      <c r="D28462" t="s">
        <v>17584</v>
      </c>
      <c r="E28462" t="s">
        <v>17455</v>
      </c>
      <c r="F28462" t="s">
        <v>17456</v>
      </c>
      <c r="G28462" t="s">
        <v>16559</v>
      </c>
      <c r="H28462" t="s">
        <v>16560</v>
      </c>
      <c r="I28462" s="2">
        <v>1</v>
      </c>
      <c r="J28462" s="2">
        <v>0</v>
      </c>
      <c r="K28462" s="2">
        <v>0</v>
      </c>
      <c r="L28462" t="s">
        <v>120</v>
      </c>
      <c r="M28462" t="s">
        <v>83</v>
      </c>
      <c r="N28462" t="s">
        <v>84</v>
      </c>
      <c r="O28462" t="s">
        <v>85</v>
      </c>
      <c r="P28462" t="s">
        <v>86</v>
      </c>
      <c r="Q28462">
        <v>12</v>
      </c>
      <c r="R28462">
        <v>12</v>
      </c>
      <c r="S28462">
        <v>13</v>
      </c>
      <c r="T28462">
        <v>13</v>
      </c>
      <c r="U28462">
        <v>13</v>
      </c>
      <c r="V28462">
        <v>14</v>
      </c>
      <c r="W28462">
        <v>14</v>
      </c>
      <c r="X28462">
        <v>14</v>
      </c>
      <c r="Y28462">
        <v>14</v>
      </c>
      <c r="Z28462">
        <v>15</v>
      </c>
      <c r="AA28462">
        <v>15</v>
      </c>
      <c r="AB28462">
        <v>15</v>
      </c>
      <c r="AC28462">
        <v>16</v>
      </c>
      <c r="AD28462">
        <v>16</v>
      </c>
      <c r="AE28462">
        <v>16</v>
      </c>
      <c r="AF28462">
        <v>17</v>
      </c>
      <c r="AG28462">
        <v>17</v>
      </c>
      <c r="AH28462">
        <v>17</v>
      </c>
      <c r="AI28462">
        <v>18</v>
      </c>
      <c r="AJ28462">
        <v>18</v>
      </c>
      <c r="AK28462">
        <v>18</v>
      </c>
      <c r="AL28462">
        <v>18</v>
      </c>
      <c r="AM28462">
        <v>19</v>
      </c>
      <c r="AN28462">
        <v>19</v>
      </c>
      <c r="AO28462">
        <v>19</v>
      </c>
      <c r="AP28462">
        <v>19</v>
      </c>
      <c r="AQ28462">
        <v>19</v>
      </c>
    </row>
    <row r="28463" spans="1:43">
      <c r="A28463" t="s">
        <v>17615</v>
      </c>
      <c r="B28463" t="s">
        <v>17616</v>
      </c>
      <c r="C28463" t="s">
        <v>17583</v>
      </c>
      <c r="D28463" t="s">
        <v>17584</v>
      </c>
      <c r="E28463" t="s">
        <v>17455</v>
      </c>
      <c r="F28463" t="s">
        <v>17456</v>
      </c>
      <c r="G28463" t="s">
        <v>16559</v>
      </c>
      <c r="H28463" t="s">
        <v>16560</v>
      </c>
      <c r="I28463" s="2">
        <v>1</v>
      </c>
      <c r="J28463" s="2">
        <v>0</v>
      </c>
      <c r="K28463" s="2">
        <v>0</v>
      </c>
      <c r="L28463" t="s">
        <v>120</v>
      </c>
      <c r="M28463" t="s">
        <v>87</v>
      </c>
      <c r="N28463" t="s">
        <v>88</v>
      </c>
      <c r="O28463" t="s">
        <v>85</v>
      </c>
      <c r="P28463" t="s">
        <v>86</v>
      </c>
      <c r="Q28463">
        <v>12</v>
      </c>
      <c r="R28463">
        <v>12</v>
      </c>
      <c r="S28463">
        <v>12</v>
      </c>
      <c r="T28463">
        <v>13</v>
      </c>
      <c r="U28463">
        <v>13</v>
      </c>
      <c r="V28463">
        <v>13</v>
      </c>
      <c r="W28463">
        <v>13</v>
      </c>
      <c r="X28463">
        <v>13</v>
      </c>
      <c r="Y28463">
        <v>13</v>
      </c>
      <c r="Z28463">
        <v>14</v>
      </c>
      <c r="AA28463">
        <v>14</v>
      </c>
      <c r="AB28463">
        <v>14</v>
      </c>
      <c r="AC28463">
        <v>14</v>
      </c>
      <c r="AD28463">
        <v>14</v>
      </c>
      <c r="AE28463">
        <v>14</v>
      </c>
      <c r="AF28463">
        <v>15</v>
      </c>
      <c r="AG28463">
        <v>15</v>
      </c>
      <c r="AH28463">
        <v>15</v>
      </c>
      <c r="AI28463">
        <v>15</v>
      </c>
      <c r="AJ28463">
        <v>15</v>
      </c>
      <c r="AK28463">
        <v>16</v>
      </c>
      <c r="AL28463">
        <v>16</v>
      </c>
      <c r="AM28463">
        <v>16</v>
      </c>
      <c r="AN28463">
        <v>16</v>
      </c>
      <c r="AO28463">
        <v>16</v>
      </c>
      <c r="AP28463">
        <v>17</v>
      </c>
      <c r="AQ28463">
        <v>17</v>
      </c>
    </row>
    <row r="28464" spans="1:43">
      <c r="A28464" t="s">
        <v>17615</v>
      </c>
      <c r="B28464" t="s">
        <v>17616</v>
      </c>
      <c r="C28464" t="s">
        <v>17583</v>
      </c>
      <c r="D28464" t="s">
        <v>17584</v>
      </c>
      <c r="E28464" t="s">
        <v>17455</v>
      </c>
      <c r="F28464" t="s">
        <v>17456</v>
      </c>
      <c r="G28464" t="s">
        <v>16559</v>
      </c>
      <c r="H28464" t="s">
        <v>16560</v>
      </c>
      <c r="I28464" s="2">
        <v>1</v>
      </c>
      <c r="J28464" s="2">
        <v>0</v>
      </c>
      <c r="K28464" s="2">
        <v>0</v>
      </c>
      <c r="L28464" t="s">
        <v>120</v>
      </c>
      <c r="M28464" t="s">
        <v>89</v>
      </c>
      <c r="N28464" t="s">
        <v>90</v>
      </c>
      <c r="O28464" t="s">
        <v>85</v>
      </c>
      <c r="P28464" t="s">
        <v>86</v>
      </c>
      <c r="Q28464">
        <v>12</v>
      </c>
      <c r="R28464">
        <v>13</v>
      </c>
      <c r="S28464">
        <v>13</v>
      </c>
      <c r="T28464">
        <v>13</v>
      </c>
      <c r="U28464">
        <v>14</v>
      </c>
      <c r="V28464">
        <v>14</v>
      </c>
      <c r="W28464">
        <v>15</v>
      </c>
      <c r="X28464">
        <v>15</v>
      </c>
      <c r="Y28464">
        <v>15</v>
      </c>
      <c r="Z28464">
        <v>16</v>
      </c>
      <c r="AA28464">
        <v>16</v>
      </c>
      <c r="AB28464">
        <v>16</v>
      </c>
      <c r="AC28464">
        <v>17</v>
      </c>
      <c r="AD28464">
        <v>17</v>
      </c>
      <c r="AE28464">
        <v>18</v>
      </c>
      <c r="AF28464">
        <v>18</v>
      </c>
      <c r="AG28464">
        <v>18</v>
      </c>
      <c r="AH28464">
        <v>18</v>
      </c>
      <c r="AI28464">
        <v>18</v>
      </c>
      <c r="AJ28464">
        <v>18</v>
      </c>
      <c r="AK28464">
        <v>18</v>
      </c>
      <c r="AL28464">
        <v>19</v>
      </c>
      <c r="AM28464">
        <v>19</v>
      </c>
      <c r="AN28464">
        <v>19</v>
      </c>
      <c r="AO28464">
        <v>19</v>
      </c>
      <c r="AP28464">
        <v>19</v>
      </c>
      <c r="AQ28464">
        <v>19</v>
      </c>
    </row>
    <row r="28465" spans="1:43">
      <c r="A28465" t="s">
        <v>17615</v>
      </c>
      <c r="B28465" t="s">
        <v>17616</v>
      </c>
      <c r="C28465" t="s">
        <v>17583</v>
      </c>
      <c r="D28465" t="s">
        <v>17584</v>
      </c>
      <c r="E28465" t="s">
        <v>17455</v>
      </c>
      <c r="F28465" t="s">
        <v>17456</v>
      </c>
      <c r="G28465" t="s">
        <v>16559</v>
      </c>
      <c r="H28465" t="s">
        <v>16560</v>
      </c>
      <c r="I28465" s="2">
        <v>1</v>
      </c>
      <c r="J28465" s="2">
        <v>0</v>
      </c>
      <c r="K28465" s="2">
        <v>0</v>
      </c>
      <c r="L28465" t="s">
        <v>120</v>
      </c>
      <c r="M28465" t="s">
        <v>83</v>
      </c>
      <c r="N28465" t="s">
        <v>91</v>
      </c>
      <c r="O28465" t="s">
        <v>85</v>
      </c>
      <c r="P28465" t="s">
        <v>86</v>
      </c>
      <c r="Q28465">
        <v>12</v>
      </c>
      <c r="R28465">
        <v>12</v>
      </c>
      <c r="S28465">
        <v>13</v>
      </c>
      <c r="T28465">
        <v>13</v>
      </c>
      <c r="U28465">
        <v>13</v>
      </c>
      <c r="V28465">
        <v>14</v>
      </c>
      <c r="W28465">
        <v>14</v>
      </c>
      <c r="X28465">
        <v>14</v>
      </c>
      <c r="Y28465">
        <v>14</v>
      </c>
      <c r="Z28465">
        <v>15</v>
      </c>
      <c r="AA28465">
        <v>15</v>
      </c>
      <c r="AB28465">
        <v>15</v>
      </c>
      <c r="AC28465">
        <v>16</v>
      </c>
      <c r="AD28465">
        <v>16</v>
      </c>
      <c r="AE28465">
        <v>16</v>
      </c>
      <c r="AF28465">
        <v>17</v>
      </c>
      <c r="AG28465">
        <v>17</v>
      </c>
      <c r="AH28465">
        <v>17</v>
      </c>
      <c r="AI28465">
        <v>18</v>
      </c>
      <c r="AJ28465">
        <v>18</v>
      </c>
      <c r="AK28465">
        <v>18</v>
      </c>
      <c r="AL28465">
        <v>18</v>
      </c>
      <c r="AM28465">
        <v>19</v>
      </c>
      <c r="AN28465">
        <v>19</v>
      </c>
      <c r="AO28465">
        <v>19</v>
      </c>
      <c r="AP28465">
        <v>19</v>
      </c>
      <c r="AQ28465">
        <v>19</v>
      </c>
    </row>
    <row r="28466" spans="1:43">
      <c r="A28466" t="s">
        <v>17617</v>
      </c>
      <c r="B28466" t="s">
        <v>17618</v>
      </c>
      <c r="C28466" t="s">
        <v>17583</v>
      </c>
      <c r="D28466" t="s">
        <v>17584</v>
      </c>
      <c r="E28466" t="s">
        <v>17455</v>
      </c>
      <c r="F28466" t="s">
        <v>17456</v>
      </c>
      <c r="G28466" t="s">
        <v>16559</v>
      </c>
      <c r="H28466" t="s">
        <v>16560</v>
      </c>
      <c r="I28466" s="2">
        <v>1</v>
      </c>
      <c r="J28466" s="2">
        <v>0</v>
      </c>
      <c r="K28466" s="2">
        <v>0</v>
      </c>
      <c r="L28466" t="s">
        <v>120</v>
      </c>
      <c r="M28466" t="s">
        <v>83</v>
      </c>
      <c r="N28466" t="s">
        <v>84</v>
      </c>
      <c r="O28466" t="s">
        <v>85</v>
      </c>
      <c r="P28466" t="s">
        <v>86</v>
      </c>
      <c r="Q28466">
        <v>34</v>
      </c>
      <c r="R28466">
        <v>35</v>
      </c>
      <c r="S28466">
        <v>36</v>
      </c>
      <c r="T28466">
        <v>36</v>
      </c>
      <c r="U28466">
        <v>37</v>
      </c>
      <c r="V28466">
        <v>38</v>
      </c>
      <c r="W28466">
        <v>39</v>
      </c>
      <c r="X28466">
        <v>40</v>
      </c>
      <c r="Y28466">
        <v>41</v>
      </c>
      <c r="Z28466">
        <v>41</v>
      </c>
      <c r="AA28466">
        <v>42</v>
      </c>
      <c r="AB28466">
        <v>43</v>
      </c>
      <c r="AC28466">
        <v>44</v>
      </c>
      <c r="AD28466">
        <v>45</v>
      </c>
      <c r="AE28466">
        <v>46</v>
      </c>
      <c r="AF28466">
        <v>47</v>
      </c>
      <c r="AG28466">
        <v>48</v>
      </c>
      <c r="AH28466">
        <v>48</v>
      </c>
      <c r="AI28466">
        <v>49</v>
      </c>
      <c r="AJ28466">
        <v>50</v>
      </c>
      <c r="AK28466">
        <v>51</v>
      </c>
      <c r="AL28466">
        <v>52</v>
      </c>
      <c r="AM28466">
        <v>52</v>
      </c>
      <c r="AN28466">
        <v>53</v>
      </c>
      <c r="AO28466">
        <v>53</v>
      </c>
      <c r="AP28466">
        <v>53</v>
      </c>
      <c r="AQ28466">
        <v>54</v>
      </c>
    </row>
    <row r="28467" spans="1:43">
      <c r="A28467" t="s">
        <v>17617</v>
      </c>
      <c r="B28467" t="s">
        <v>17618</v>
      </c>
      <c r="C28467" t="s">
        <v>17583</v>
      </c>
      <c r="D28467" t="s">
        <v>17584</v>
      </c>
      <c r="E28467" t="s">
        <v>17455</v>
      </c>
      <c r="F28467" t="s">
        <v>17456</v>
      </c>
      <c r="G28467" t="s">
        <v>16559</v>
      </c>
      <c r="H28467" t="s">
        <v>16560</v>
      </c>
      <c r="I28467" s="2">
        <v>1</v>
      </c>
      <c r="J28467" s="2">
        <v>0</v>
      </c>
      <c r="K28467" s="2">
        <v>0</v>
      </c>
      <c r="L28467" t="s">
        <v>120</v>
      </c>
      <c r="M28467" t="s">
        <v>87</v>
      </c>
      <c r="N28467" t="s">
        <v>88</v>
      </c>
      <c r="O28467" t="s">
        <v>85</v>
      </c>
      <c r="P28467" t="s">
        <v>86</v>
      </c>
      <c r="Q28467">
        <v>34</v>
      </c>
      <c r="R28467">
        <v>34</v>
      </c>
      <c r="S28467">
        <v>35</v>
      </c>
      <c r="T28467">
        <v>35</v>
      </c>
      <c r="U28467">
        <v>36</v>
      </c>
      <c r="V28467">
        <v>36</v>
      </c>
      <c r="W28467">
        <v>37</v>
      </c>
      <c r="X28467">
        <v>37</v>
      </c>
      <c r="Y28467">
        <v>38</v>
      </c>
      <c r="Z28467">
        <v>38</v>
      </c>
      <c r="AA28467">
        <v>39</v>
      </c>
      <c r="AB28467">
        <v>39</v>
      </c>
      <c r="AC28467">
        <v>40</v>
      </c>
      <c r="AD28467">
        <v>40</v>
      </c>
      <c r="AE28467">
        <v>41</v>
      </c>
      <c r="AF28467">
        <v>41</v>
      </c>
      <c r="AG28467">
        <v>42</v>
      </c>
      <c r="AH28467">
        <v>42</v>
      </c>
      <c r="AI28467">
        <v>43</v>
      </c>
      <c r="AJ28467">
        <v>43</v>
      </c>
      <c r="AK28467">
        <v>44</v>
      </c>
      <c r="AL28467">
        <v>44</v>
      </c>
      <c r="AM28467">
        <v>45</v>
      </c>
      <c r="AN28467">
        <v>45</v>
      </c>
      <c r="AO28467">
        <v>46</v>
      </c>
      <c r="AP28467">
        <v>46</v>
      </c>
      <c r="AQ28467">
        <v>47</v>
      </c>
    </row>
    <row r="28468" spans="1:43">
      <c r="A28468" t="s">
        <v>17617</v>
      </c>
      <c r="B28468" t="s">
        <v>17618</v>
      </c>
      <c r="C28468" t="s">
        <v>17583</v>
      </c>
      <c r="D28468" t="s">
        <v>17584</v>
      </c>
      <c r="E28468" t="s">
        <v>17455</v>
      </c>
      <c r="F28468" t="s">
        <v>17456</v>
      </c>
      <c r="G28468" t="s">
        <v>16559</v>
      </c>
      <c r="H28468" t="s">
        <v>16560</v>
      </c>
      <c r="I28468" s="2">
        <v>1</v>
      </c>
      <c r="J28468" s="2">
        <v>0</v>
      </c>
      <c r="K28468" s="2">
        <v>0</v>
      </c>
      <c r="L28468" t="s">
        <v>120</v>
      </c>
      <c r="M28468" t="s">
        <v>89</v>
      </c>
      <c r="N28468" t="s">
        <v>90</v>
      </c>
      <c r="O28468" t="s">
        <v>85</v>
      </c>
      <c r="P28468" t="s">
        <v>86</v>
      </c>
      <c r="Q28468">
        <v>34</v>
      </c>
      <c r="R28468">
        <v>35</v>
      </c>
      <c r="S28468">
        <v>36</v>
      </c>
      <c r="T28468">
        <v>38</v>
      </c>
      <c r="U28468">
        <v>39</v>
      </c>
      <c r="V28468">
        <v>40</v>
      </c>
      <c r="W28468">
        <v>41</v>
      </c>
      <c r="X28468">
        <v>42</v>
      </c>
      <c r="Y28468">
        <v>43</v>
      </c>
      <c r="Z28468">
        <v>44</v>
      </c>
      <c r="AA28468">
        <v>45</v>
      </c>
      <c r="AB28468">
        <v>46</v>
      </c>
      <c r="AC28468">
        <v>47</v>
      </c>
      <c r="AD28468">
        <v>48</v>
      </c>
      <c r="AE28468">
        <v>49</v>
      </c>
      <c r="AF28468">
        <v>49</v>
      </c>
      <c r="AG28468">
        <v>50</v>
      </c>
      <c r="AH28468">
        <v>50</v>
      </c>
      <c r="AI28468">
        <v>51</v>
      </c>
      <c r="AJ28468">
        <v>51</v>
      </c>
      <c r="AK28468">
        <v>52</v>
      </c>
      <c r="AL28468">
        <v>52</v>
      </c>
      <c r="AM28468">
        <v>53</v>
      </c>
      <c r="AN28468">
        <v>53</v>
      </c>
      <c r="AO28468">
        <v>53</v>
      </c>
      <c r="AP28468">
        <v>54</v>
      </c>
      <c r="AQ28468">
        <v>54</v>
      </c>
    </row>
    <row r="28469" spans="1:43">
      <c r="A28469" t="s">
        <v>17617</v>
      </c>
      <c r="B28469" t="s">
        <v>17618</v>
      </c>
      <c r="C28469" t="s">
        <v>17583</v>
      </c>
      <c r="D28469" t="s">
        <v>17584</v>
      </c>
      <c r="E28469" t="s">
        <v>17455</v>
      </c>
      <c r="F28469" t="s">
        <v>17456</v>
      </c>
      <c r="G28469" t="s">
        <v>16559</v>
      </c>
      <c r="H28469" t="s">
        <v>16560</v>
      </c>
      <c r="I28469" s="2">
        <v>1</v>
      </c>
      <c r="J28469" s="2">
        <v>0</v>
      </c>
      <c r="K28469" s="2">
        <v>0</v>
      </c>
      <c r="L28469" t="s">
        <v>120</v>
      </c>
      <c r="M28469" t="s">
        <v>83</v>
      </c>
      <c r="N28469" t="s">
        <v>91</v>
      </c>
      <c r="O28469" t="s">
        <v>85</v>
      </c>
      <c r="P28469" t="s">
        <v>86</v>
      </c>
      <c r="Q28469">
        <v>34</v>
      </c>
      <c r="R28469">
        <v>35</v>
      </c>
      <c r="S28469">
        <v>36</v>
      </c>
      <c r="T28469">
        <v>36</v>
      </c>
      <c r="U28469">
        <v>37</v>
      </c>
      <c r="V28469">
        <v>38</v>
      </c>
      <c r="W28469">
        <v>39</v>
      </c>
      <c r="X28469">
        <v>40</v>
      </c>
      <c r="Y28469">
        <v>41</v>
      </c>
      <c r="Z28469">
        <v>41</v>
      </c>
      <c r="AA28469">
        <v>42</v>
      </c>
      <c r="AB28469">
        <v>43</v>
      </c>
      <c r="AC28469">
        <v>44</v>
      </c>
      <c r="AD28469">
        <v>45</v>
      </c>
      <c r="AE28469">
        <v>46</v>
      </c>
      <c r="AF28469">
        <v>47</v>
      </c>
      <c r="AG28469">
        <v>48</v>
      </c>
      <c r="AH28469">
        <v>48</v>
      </c>
      <c r="AI28469">
        <v>49</v>
      </c>
      <c r="AJ28469">
        <v>50</v>
      </c>
      <c r="AK28469">
        <v>51</v>
      </c>
      <c r="AL28469">
        <v>52</v>
      </c>
      <c r="AM28469">
        <v>52</v>
      </c>
      <c r="AN28469">
        <v>53</v>
      </c>
      <c r="AO28469">
        <v>53</v>
      </c>
      <c r="AP28469">
        <v>53</v>
      </c>
      <c r="AQ28469">
        <v>54</v>
      </c>
    </row>
    <row r="28470" spans="1:43">
      <c r="A28470" t="s">
        <v>17619</v>
      </c>
      <c r="B28470" t="s">
        <v>17620</v>
      </c>
      <c r="C28470" t="s">
        <v>17583</v>
      </c>
      <c r="D28470" t="s">
        <v>17584</v>
      </c>
      <c r="E28470" t="s">
        <v>17455</v>
      </c>
      <c r="F28470" t="s">
        <v>17456</v>
      </c>
      <c r="G28470" t="s">
        <v>16559</v>
      </c>
      <c r="H28470" t="s">
        <v>16560</v>
      </c>
      <c r="I28470" s="2">
        <v>1</v>
      </c>
      <c r="J28470" s="2">
        <v>0</v>
      </c>
      <c r="K28470" s="2">
        <v>0</v>
      </c>
      <c r="L28470" t="s">
        <v>120</v>
      </c>
      <c r="M28470" t="s">
        <v>83</v>
      </c>
      <c r="N28470" t="s">
        <v>84</v>
      </c>
      <c r="O28470" t="s">
        <v>85</v>
      </c>
      <c r="P28470" t="s">
        <v>86</v>
      </c>
      <c r="Q28470">
        <v>19</v>
      </c>
      <c r="R28470">
        <v>19</v>
      </c>
      <c r="S28470">
        <v>19</v>
      </c>
      <c r="T28470">
        <v>20</v>
      </c>
      <c r="U28470">
        <v>20</v>
      </c>
      <c r="V28470">
        <v>21</v>
      </c>
      <c r="W28470">
        <v>21</v>
      </c>
      <c r="X28470">
        <v>22</v>
      </c>
      <c r="Y28470">
        <v>22</v>
      </c>
      <c r="Z28470">
        <v>23</v>
      </c>
      <c r="AA28470">
        <v>23</v>
      </c>
      <c r="AB28470">
        <v>24</v>
      </c>
      <c r="AC28470">
        <v>24</v>
      </c>
      <c r="AD28470">
        <v>25</v>
      </c>
      <c r="AE28470">
        <v>25</v>
      </c>
      <c r="AF28470">
        <v>26</v>
      </c>
      <c r="AG28470">
        <v>26</v>
      </c>
      <c r="AH28470">
        <v>27</v>
      </c>
      <c r="AI28470">
        <v>27</v>
      </c>
      <c r="AJ28470">
        <v>28</v>
      </c>
      <c r="AK28470">
        <v>28</v>
      </c>
      <c r="AL28470">
        <v>28</v>
      </c>
      <c r="AM28470">
        <v>29</v>
      </c>
      <c r="AN28470">
        <v>29</v>
      </c>
      <c r="AO28470">
        <v>29</v>
      </c>
      <c r="AP28470">
        <v>29</v>
      </c>
      <c r="AQ28470">
        <v>30</v>
      </c>
    </row>
    <row r="28471" spans="1:43">
      <c r="A28471" t="s">
        <v>17619</v>
      </c>
      <c r="B28471" t="s">
        <v>17620</v>
      </c>
      <c r="C28471" t="s">
        <v>17583</v>
      </c>
      <c r="D28471" t="s">
        <v>17584</v>
      </c>
      <c r="E28471" t="s">
        <v>17455</v>
      </c>
      <c r="F28471" t="s">
        <v>17456</v>
      </c>
      <c r="G28471" t="s">
        <v>16559</v>
      </c>
      <c r="H28471" t="s">
        <v>16560</v>
      </c>
      <c r="I28471" s="2">
        <v>1</v>
      </c>
      <c r="J28471" s="2">
        <v>0</v>
      </c>
      <c r="K28471" s="2">
        <v>0</v>
      </c>
      <c r="L28471" t="s">
        <v>120</v>
      </c>
      <c r="M28471" t="s">
        <v>87</v>
      </c>
      <c r="N28471" t="s">
        <v>88</v>
      </c>
      <c r="O28471" t="s">
        <v>85</v>
      </c>
      <c r="P28471" t="s">
        <v>86</v>
      </c>
      <c r="Q28471">
        <v>19</v>
      </c>
      <c r="R28471">
        <v>20</v>
      </c>
      <c r="S28471">
        <v>20</v>
      </c>
      <c r="T28471">
        <v>20</v>
      </c>
      <c r="U28471">
        <v>20</v>
      </c>
      <c r="V28471">
        <v>21</v>
      </c>
      <c r="W28471">
        <v>21</v>
      </c>
      <c r="X28471">
        <v>21</v>
      </c>
      <c r="Y28471">
        <v>22</v>
      </c>
      <c r="Z28471">
        <v>22</v>
      </c>
      <c r="AA28471">
        <v>22</v>
      </c>
      <c r="AB28471">
        <v>22</v>
      </c>
      <c r="AC28471">
        <v>23</v>
      </c>
      <c r="AD28471">
        <v>23</v>
      </c>
      <c r="AE28471">
        <v>23</v>
      </c>
      <c r="AF28471">
        <v>24</v>
      </c>
      <c r="AG28471">
        <v>24</v>
      </c>
      <c r="AH28471">
        <v>24</v>
      </c>
      <c r="AI28471">
        <v>24</v>
      </c>
      <c r="AJ28471">
        <v>25</v>
      </c>
      <c r="AK28471">
        <v>25</v>
      </c>
      <c r="AL28471">
        <v>25</v>
      </c>
      <c r="AM28471">
        <v>26</v>
      </c>
      <c r="AN28471">
        <v>26</v>
      </c>
      <c r="AO28471">
        <v>26</v>
      </c>
      <c r="AP28471">
        <v>26</v>
      </c>
      <c r="AQ28471">
        <v>27</v>
      </c>
    </row>
    <row r="28472" spans="1:43">
      <c r="A28472" t="s">
        <v>17619</v>
      </c>
      <c r="B28472" t="s">
        <v>17620</v>
      </c>
      <c r="C28472" t="s">
        <v>17583</v>
      </c>
      <c r="D28472" t="s">
        <v>17584</v>
      </c>
      <c r="E28472" t="s">
        <v>17455</v>
      </c>
      <c r="F28472" t="s">
        <v>17456</v>
      </c>
      <c r="G28472" t="s">
        <v>16559</v>
      </c>
      <c r="H28472" t="s">
        <v>16560</v>
      </c>
      <c r="I28472" s="2">
        <v>1</v>
      </c>
      <c r="J28472" s="2">
        <v>0</v>
      </c>
      <c r="K28472" s="2">
        <v>0</v>
      </c>
      <c r="L28472" t="s">
        <v>120</v>
      </c>
      <c r="M28472" t="s">
        <v>89</v>
      </c>
      <c r="N28472" t="s">
        <v>90</v>
      </c>
      <c r="O28472" t="s">
        <v>85</v>
      </c>
      <c r="P28472" t="s">
        <v>86</v>
      </c>
      <c r="Q28472">
        <v>19</v>
      </c>
      <c r="R28472">
        <v>19</v>
      </c>
      <c r="S28472">
        <v>20</v>
      </c>
      <c r="T28472">
        <v>21</v>
      </c>
      <c r="U28472">
        <v>21</v>
      </c>
      <c r="V28472">
        <v>22</v>
      </c>
      <c r="W28472">
        <v>22</v>
      </c>
      <c r="X28472">
        <v>23</v>
      </c>
      <c r="Y28472">
        <v>23</v>
      </c>
      <c r="Z28472">
        <v>24</v>
      </c>
      <c r="AA28472">
        <v>25</v>
      </c>
      <c r="AB28472">
        <v>25</v>
      </c>
      <c r="AC28472">
        <v>26</v>
      </c>
      <c r="AD28472">
        <v>26</v>
      </c>
      <c r="AE28472">
        <v>27</v>
      </c>
      <c r="AF28472">
        <v>27</v>
      </c>
      <c r="AG28472">
        <v>27</v>
      </c>
      <c r="AH28472">
        <v>28</v>
      </c>
      <c r="AI28472">
        <v>28</v>
      </c>
      <c r="AJ28472">
        <v>28</v>
      </c>
      <c r="AK28472">
        <v>28</v>
      </c>
      <c r="AL28472">
        <v>29</v>
      </c>
      <c r="AM28472">
        <v>29</v>
      </c>
      <c r="AN28472">
        <v>29</v>
      </c>
      <c r="AO28472">
        <v>29</v>
      </c>
      <c r="AP28472">
        <v>29</v>
      </c>
      <c r="AQ28472">
        <v>30</v>
      </c>
    </row>
    <row r="28473" spans="1:43">
      <c r="A28473" t="s">
        <v>17619</v>
      </c>
      <c r="B28473" t="s">
        <v>17620</v>
      </c>
      <c r="C28473" t="s">
        <v>17583</v>
      </c>
      <c r="D28473" t="s">
        <v>17584</v>
      </c>
      <c r="E28473" t="s">
        <v>17455</v>
      </c>
      <c r="F28473" t="s">
        <v>17456</v>
      </c>
      <c r="G28473" t="s">
        <v>16559</v>
      </c>
      <c r="H28473" t="s">
        <v>16560</v>
      </c>
      <c r="I28473" s="2">
        <v>1</v>
      </c>
      <c r="J28473" s="2">
        <v>0</v>
      </c>
      <c r="K28473" s="2">
        <v>0</v>
      </c>
      <c r="L28473" t="s">
        <v>120</v>
      </c>
      <c r="M28473" t="s">
        <v>83</v>
      </c>
      <c r="N28473" t="s">
        <v>91</v>
      </c>
      <c r="O28473" t="s">
        <v>85</v>
      </c>
      <c r="P28473" t="s">
        <v>86</v>
      </c>
      <c r="Q28473">
        <v>19</v>
      </c>
      <c r="R28473">
        <v>19</v>
      </c>
      <c r="S28473">
        <v>19</v>
      </c>
      <c r="T28473">
        <v>20</v>
      </c>
      <c r="U28473">
        <v>20</v>
      </c>
      <c r="V28473">
        <v>21</v>
      </c>
      <c r="W28473">
        <v>21</v>
      </c>
      <c r="X28473">
        <v>22</v>
      </c>
      <c r="Y28473">
        <v>22</v>
      </c>
      <c r="Z28473">
        <v>23</v>
      </c>
      <c r="AA28473">
        <v>23</v>
      </c>
      <c r="AB28473">
        <v>24</v>
      </c>
      <c r="AC28473">
        <v>24</v>
      </c>
      <c r="AD28473">
        <v>25</v>
      </c>
      <c r="AE28473">
        <v>25</v>
      </c>
      <c r="AF28473">
        <v>26</v>
      </c>
      <c r="AG28473">
        <v>26</v>
      </c>
      <c r="AH28473">
        <v>27</v>
      </c>
      <c r="AI28473">
        <v>27</v>
      </c>
      <c r="AJ28473">
        <v>28</v>
      </c>
      <c r="AK28473">
        <v>28</v>
      </c>
      <c r="AL28473">
        <v>28</v>
      </c>
      <c r="AM28473">
        <v>29</v>
      </c>
      <c r="AN28473">
        <v>29</v>
      </c>
      <c r="AO28473">
        <v>29</v>
      </c>
      <c r="AP28473">
        <v>29</v>
      </c>
      <c r="AQ28473">
        <v>30</v>
      </c>
    </row>
    <row r="28474" spans="1:43">
      <c r="A28474" t="s">
        <v>17621</v>
      </c>
      <c r="B28474" t="s">
        <v>17622</v>
      </c>
      <c r="C28474" t="s">
        <v>17573</v>
      </c>
      <c r="D28474" t="s">
        <v>17574</v>
      </c>
      <c r="E28474" t="s">
        <v>17455</v>
      </c>
      <c r="F28474" t="s">
        <v>17456</v>
      </c>
      <c r="G28474" t="s">
        <v>16559</v>
      </c>
      <c r="H28474" t="s">
        <v>16560</v>
      </c>
      <c r="I28474" s="2">
        <v>1</v>
      </c>
      <c r="J28474" s="2">
        <v>0</v>
      </c>
      <c r="K28474" s="2">
        <v>0</v>
      </c>
      <c r="L28474" t="s">
        <v>120</v>
      </c>
      <c r="M28474" t="s">
        <v>83</v>
      </c>
      <c r="N28474" t="s">
        <v>84</v>
      </c>
      <c r="O28474" t="s">
        <v>85</v>
      </c>
      <c r="P28474" t="s">
        <v>86</v>
      </c>
      <c r="Q28474">
        <v>27</v>
      </c>
      <c r="R28474">
        <v>27</v>
      </c>
      <c r="S28474">
        <v>28</v>
      </c>
      <c r="T28474">
        <v>29</v>
      </c>
      <c r="U28474">
        <v>29</v>
      </c>
      <c r="V28474">
        <v>30</v>
      </c>
      <c r="W28474">
        <v>31</v>
      </c>
      <c r="X28474">
        <v>31</v>
      </c>
      <c r="Y28474">
        <v>32</v>
      </c>
      <c r="Z28474">
        <v>33</v>
      </c>
      <c r="AA28474">
        <v>33</v>
      </c>
      <c r="AB28474">
        <v>34</v>
      </c>
      <c r="AC28474">
        <v>35</v>
      </c>
      <c r="AD28474">
        <v>36</v>
      </c>
      <c r="AE28474">
        <v>36</v>
      </c>
      <c r="AF28474">
        <v>37</v>
      </c>
      <c r="AG28474">
        <v>38</v>
      </c>
      <c r="AH28474">
        <v>39</v>
      </c>
      <c r="AI28474">
        <v>39</v>
      </c>
      <c r="AJ28474">
        <v>40</v>
      </c>
      <c r="AK28474">
        <v>41</v>
      </c>
      <c r="AL28474">
        <v>41</v>
      </c>
      <c r="AM28474">
        <v>42</v>
      </c>
      <c r="AN28474">
        <v>42</v>
      </c>
      <c r="AO28474">
        <v>42</v>
      </c>
      <c r="AP28474">
        <v>43</v>
      </c>
      <c r="AQ28474">
        <v>43</v>
      </c>
    </row>
    <row r="28475" spans="1:43">
      <c r="A28475" t="s">
        <v>17621</v>
      </c>
      <c r="B28475" t="s">
        <v>17622</v>
      </c>
      <c r="C28475" t="s">
        <v>17573</v>
      </c>
      <c r="D28475" t="s">
        <v>17574</v>
      </c>
      <c r="E28475" t="s">
        <v>17455</v>
      </c>
      <c r="F28475" t="s">
        <v>17456</v>
      </c>
      <c r="G28475" t="s">
        <v>16559</v>
      </c>
      <c r="H28475" t="s">
        <v>16560</v>
      </c>
      <c r="I28475" s="2">
        <v>1</v>
      </c>
      <c r="J28475" s="2">
        <v>0</v>
      </c>
      <c r="K28475" s="2">
        <v>0</v>
      </c>
      <c r="L28475" t="s">
        <v>120</v>
      </c>
      <c r="M28475" t="s">
        <v>87</v>
      </c>
      <c r="N28475" t="s">
        <v>88</v>
      </c>
      <c r="O28475" t="s">
        <v>85</v>
      </c>
      <c r="P28475" t="s">
        <v>86</v>
      </c>
      <c r="Q28475">
        <v>27</v>
      </c>
      <c r="R28475">
        <v>27</v>
      </c>
      <c r="S28475">
        <v>27</v>
      </c>
      <c r="T28475">
        <v>28</v>
      </c>
      <c r="U28475">
        <v>28</v>
      </c>
      <c r="V28475">
        <v>28</v>
      </c>
      <c r="W28475">
        <v>29</v>
      </c>
      <c r="X28475">
        <v>29</v>
      </c>
      <c r="Y28475">
        <v>30</v>
      </c>
      <c r="Z28475">
        <v>30</v>
      </c>
      <c r="AA28475">
        <v>31</v>
      </c>
      <c r="AB28475">
        <v>31</v>
      </c>
      <c r="AC28475">
        <v>31</v>
      </c>
      <c r="AD28475">
        <v>32</v>
      </c>
      <c r="AE28475">
        <v>32</v>
      </c>
      <c r="AF28475">
        <v>33</v>
      </c>
      <c r="AG28475">
        <v>33</v>
      </c>
      <c r="AH28475">
        <v>33</v>
      </c>
      <c r="AI28475">
        <v>34</v>
      </c>
      <c r="AJ28475">
        <v>34</v>
      </c>
      <c r="AK28475">
        <v>35</v>
      </c>
      <c r="AL28475">
        <v>35</v>
      </c>
      <c r="AM28475">
        <v>36</v>
      </c>
      <c r="AN28475">
        <v>36</v>
      </c>
      <c r="AO28475">
        <v>36</v>
      </c>
      <c r="AP28475">
        <v>37</v>
      </c>
      <c r="AQ28475">
        <v>37</v>
      </c>
    </row>
    <row r="28476" spans="1:43">
      <c r="A28476" t="s">
        <v>17621</v>
      </c>
      <c r="B28476" t="s">
        <v>17622</v>
      </c>
      <c r="C28476" t="s">
        <v>17573</v>
      </c>
      <c r="D28476" t="s">
        <v>17574</v>
      </c>
      <c r="E28476" t="s">
        <v>17455</v>
      </c>
      <c r="F28476" t="s">
        <v>17456</v>
      </c>
      <c r="G28476" t="s">
        <v>16559</v>
      </c>
      <c r="H28476" t="s">
        <v>16560</v>
      </c>
      <c r="I28476" s="2">
        <v>1</v>
      </c>
      <c r="J28476" s="2">
        <v>0</v>
      </c>
      <c r="K28476" s="2">
        <v>0</v>
      </c>
      <c r="L28476" t="s">
        <v>120</v>
      </c>
      <c r="M28476" t="s">
        <v>89</v>
      </c>
      <c r="N28476" t="s">
        <v>90</v>
      </c>
      <c r="O28476" t="s">
        <v>85</v>
      </c>
      <c r="P28476" t="s">
        <v>86</v>
      </c>
      <c r="Q28476">
        <v>27</v>
      </c>
      <c r="R28476">
        <v>28</v>
      </c>
      <c r="S28476">
        <v>29</v>
      </c>
      <c r="T28476">
        <v>30</v>
      </c>
      <c r="U28476">
        <v>31</v>
      </c>
      <c r="V28476">
        <v>31</v>
      </c>
      <c r="W28476">
        <v>32</v>
      </c>
      <c r="X28476">
        <v>33</v>
      </c>
      <c r="Y28476">
        <v>34</v>
      </c>
      <c r="Z28476">
        <v>35</v>
      </c>
      <c r="AA28476">
        <v>36</v>
      </c>
      <c r="AB28476">
        <v>37</v>
      </c>
      <c r="AC28476">
        <v>37</v>
      </c>
      <c r="AD28476">
        <v>38</v>
      </c>
      <c r="AE28476">
        <v>39</v>
      </c>
      <c r="AF28476">
        <v>39</v>
      </c>
      <c r="AG28476">
        <v>40</v>
      </c>
      <c r="AH28476">
        <v>40</v>
      </c>
      <c r="AI28476">
        <v>40</v>
      </c>
      <c r="AJ28476">
        <v>41</v>
      </c>
      <c r="AK28476">
        <v>41</v>
      </c>
      <c r="AL28476">
        <v>42</v>
      </c>
      <c r="AM28476">
        <v>42</v>
      </c>
      <c r="AN28476">
        <v>42</v>
      </c>
      <c r="AO28476">
        <v>43</v>
      </c>
      <c r="AP28476">
        <v>43</v>
      </c>
      <c r="AQ28476">
        <v>43</v>
      </c>
    </row>
    <row r="28477" spans="1:43">
      <c r="A28477" t="s">
        <v>17621</v>
      </c>
      <c r="B28477" t="s">
        <v>17622</v>
      </c>
      <c r="C28477" t="s">
        <v>17573</v>
      </c>
      <c r="D28477" t="s">
        <v>17574</v>
      </c>
      <c r="E28477" t="s">
        <v>17455</v>
      </c>
      <c r="F28477" t="s">
        <v>17456</v>
      </c>
      <c r="G28477" t="s">
        <v>16559</v>
      </c>
      <c r="H28477" t="s">
        <v>16560</v>
      </c>
      <c r="I28477" s="2">
        <v>1</v>
      </c>
      <c r="J28477" s="2">
        <v>0</v>
      </c>
      <c r="K28477" s="2">
        <v>0</v>
      </c>
      <c r="L28477" t="s">
        <v>120</v>
      </c>
      <c r="M28477" t="s">
        <v>83</v>
      </c>
      <c r="N28477" t="s">
        <v>91</v>
      </c>
      <c r="O28477" t="s">
        <v>85</v>
      </c>
      <c r="P28477" t="s">
        <v>86</v>
      </c>
      <c r="Q28477">
        <v>27</v>
      </c>
      <c r="R28477">
        <v>27</v>
      </c>
      <c r="S28477">
        <v>28</v>
      </c>
      <c r="T28477">
        <v>29</v>
      </c>
      <c r="U28477">
        <v>29</v>
      </c>
      <c r="V28477">
        <v>30</v>
      </c>
      <c r="W28477">
        <v>31</v>
      </c>
      <c r="X28477">
        <v>31</v>
      </c>
      <c r="Y28477">
        <v>32</v>
      </c>
      <c r="Z28477">
        <v>33</v>
      </c>
      <c r="AA28477">
        <v>33</v>
      </c>
      <c r="AB28477">
        <v>34</v>
      </c>
      <c r="AC28477">
        <v>35</v>
      </c>
      <c r="AD28477">
        <v>36</v>
      </c>
      <c r="AE28477">
        <v>36</v>
      </c>
      <c r="AF28477">
        <v>37</v>
      </c>
      <c r="AG28477">
        <v>38</v>
      </c>
      <c r="AH28477">
        <v>39</v>
      </c>
      <c r="AI28477">
        <v>39</v>
      </c>
      <c r="AJ28477">
        <v>40</v>
      </c>
      <c r="AK28477">
        <v>41</v>
      </c>
      <c r="AL28477">
        <v>41</v>
      </c>
      <c r="AM28477">
        <v>42</v>
      </c>
      <c r="AN28477">
        <v>42</v>
      </c>
      <c r="AO28477">
        <v>42</v>
      </c>
      <c r="AP28477">
        <v>43</v>
      </c>
      <c r="AQ28477">
        <v>43</v>
      </c>
    </row>
    <row r="28478" spans="1:43">
      <c r="A28478" t="s">
        <v>17623</v>
      </c>
      <c r="B28478" t="s">
        <v>17624</v>
      </c>
      <c r="C28478" t="s">
        <v>17573</v>
      </c>
      <c r="D28478" t="s">
        <v>17574</v>
      </c>
      <c r="E28478" t="s">
        <v>17455</v>
      </c>
      <c r="F28478" t="s">
        <v>17456</v>
      </c>
      <c r="G28478" t="s">
        <v>16559</v>
      </c>
      <c r="H28478" t="s">
        <v>16560</v>
      </c>
      <c r="I28478" s="2">
        <v>1</v>
      </c>
      <c r="J28478" s="2">
        <v>0</v>
      </c>
      <c r="K28478" s="2">
        <v>0</v>
      </c>
      <c r="L28478" t="s">
        <v>120</v>
      </c>
      <c r="M28478" t="s">
        <v>83</v>
      </c>
      <c r="N28478" t="s">
        <v>84</v>
      </c>
      <c r="O28478" t="s">
        <v>85</v>
      </c>
      <c r="P28478" t="s">
        <v>86</v>
      </c>
      <c r="Q28478">
        <v>20</v>
      </c>
      <c r="R28478">
        <v>21</v>
      </c>
      <c r="S28478">
        <v>21</v>
      </c>
      <c r="T28478">
        <v>22</v>
      </c>
      <c r="U28478">
        <v>22</v>
      </c>
      <c r="V28478">
        <v>23</v>
      </c>
      <c r="W28478">
        <v>23</v>
      </c>
      <c r="X28478">
        <v>24</v>
      </c>
      <c r="Y28478">
        <v>24</v>
      </c>
      <c r="Z28478">
        <v>25</v>
      </c>
      <c r="AA28478">
        <v>25</v>
      </c>
      <c r="AB28478">
        <v>26</v>
      </c>
      <c r="AC28478">
        <v>26</v>
      </c>
      <c r="AD28478">
        <v>27</v>
      </c>
      <c r="AE28478">
        <v>28</v>
      </c>
      <c r="AF28478">
        <v>28</v>
      </c>
      <c r="AG28478">
        <v>29</v>
      </c>
      <c r="AH28478">
        <v>29</v>
      </c>
      <c r="AI28478">
        <v>30</v>
      </c>
      <c r="AJ28478">
        <v>30</v>
      </c>
      <c r="AK28478">
        <v>31</v>
      </c>
      <c r="AL28478">
        <v>31</v>
      </c>
      <c r="AM28478">
        <v>32</v>
      </c>
      <c r="AN28478">
        <v>32</v>
      </c>
      <c r="AO28478">
        <v>32</v>
      </c>
      <c r="AP28478">
        <v>32</v>
      </c>
      <c r="AQ28478">
        <v>33</v>
      </c>
    </row>
    <row r="28479" spans="1:43">
      <c r="A28479" t="s">
        <v>17623</v>
      </c>
      <c r="B28479" t="s">
        <v>17624</v>
      </c>
      <c r="C28479" t="s">
        <v>17573</v>
      </c>
      <c r="D28479" t="s">
        <v>17574</v>
      </c>
      <c r="E28479" t="s">
        <v>17455</v>
      </c>
      <c r="F28479" t="s">
        <v>17456</v>
      </c>
      <c r="G28479" t="s">
        <v>16559</v>
      </c>
      <c r="H28479" t="s">
        <v>16560</v>
      </c>
      <c r="I28479" s="2">
        <v>1</v>
      </c>
      <c r="J28479" s="2">
        <v>0</v>
      </c>
      <c r="K28479" s="2">
        <v>0</v>
      </c>
      <c r="L28479" t="s">
        <v>120</v>
      </c>
      <c r="M28479" t="s">
        <v>87</v>
      </c>
      <c r="N28479" t="s">
        <v>88</v>
      </c>
      <c r="O28479" t="s">
        <v>85</v>
      </c>
      <c r="P28479" t="s">
        <v>86</v>
      </c>
      <c r="Q28479">
        <v>20</v>
      </c>
      <c r="R28479">
        <v>20</v>
      </c>
      <c r="S28479">
        <v>21</v>
      </c>
      <c r="T28479">
        <v>21</v>
      </c>
      <c r="U28479">
        <v>21</v>
      </c>
      <c r="V28479">
        <v>22</v>
      </c>
      <c r="W28479">
        <v>22</v>
      </c>
      <c r="X28479">
        <v>22</v>
      </c>
      <c r="Y28479">
        <v>23</v>
      </c>
      <c r="Z28479">
        <v>23</v>
      </c>
      <c r="AA28479">
        <v>23</v>
      </c>
      <c r="AB28479">
        <v>23</v>
      </c>
      <c r="AC28479">
        <v>24</v>
      </c>
      <c r="AD28479">
        <v>24</v>
      </c>
      <c r="AE28479">
        <v>24</v>
      </c>
      <c r="AF28479">
        <v>25</v>
      </c>
      <c r="AG28479">
        <v>25</v>
      </c>
      <c r="AH28479">
        <v>25</v>
      </c>
      <c r="AI28479">
        <v>26</v>
      </c>
      <c r="AJ28479">
        <v>26</v>
      </c>
      <c r="AK28479">
        <v>26</v>
      </c>
      <c r="AL28479">
        <v>27</v>
      </c>
      <c r="AM28479">
        <v>27</v>
      </c>
      <c r="AN28479">
        <v>27</v>
      </c>
      <c r="AO28479">
        <v>28</v>
      </c>
      <c r="AP28479">
        <v>28</v>
      </c>
      <c r="AQ28479">
        <v>28</v>
      </c>
    </row>
    <row r="28480" spans="1:43">
      <c r="A28480" t="s">
        <v>17623</v>
      </c>
      <c r="B28480" t="s">
        <v>17624</v>
      </c>
      <c r="C28480" t="s">
        <v>17573</v>
      </c>
      <c r="D28480" t="s">
        <v>17574</v>
      </c>
      <c r="E28480" t="s">
        <v>17455</v>
      </c>
      <c r="F28480" t="s">
        <v>17456</v>
      </c>
      <c r="G28480" t="s">
        <v>16559</v>
      </c>
      <c r="H28480" t="s">
        <v>16560</v>
      </c>
      <c r="I28480" s="2">
        <v>1</v>
      </c>
      <c r="J28480" s="2">
        <v>0</v>
      </c>
      <c r="K28480" s="2">
        <v>0</v>
      </c>
      <c r="L28480" t="s">
        <v>120</v>
      </c>
      <c r="M28480" t="s">
        <v>89</v>
      </c>
      <c r="N28480" t="s">
        <v>90</v>
      </c>
      <c r="O28480" t="s">
        <v>85</v>
      </c>
      <c r="P28480" t="s">
        <v>86</v>
      </c>
      <c r="Q28480">
        <v>20</v>
      </c>
      <c r="R28480">
        <v>20</v>
      </c>
      <c r="S28480">
        <v>21</v>
      </c>
      <c r="T28480">
        <v>22</v>
      </c>
      <c r="U28480">
        <v>22</v>
      </c>
      <c r="V28480">
        <v>23</v>
      </c>
      <c r="W28480">
        <v>23</v>
      </c>
      <c r="X28480">
        <v>24</v>
      </c>
      <c r="Y28480">
        <v>25</v>
      </c>
      <c r="Z28480">
        <v>25</v>
      </c>
      <c r="AA28480">
        <v>26</v>
      </c>
      <c r="AB28480">
        <v>27</v>
      </c>
      <c r="AC28480">
        <v>27</v>
      </c>
      <c r="AD28480">
        <v>28</v>
      </c>
      <c r="AE28480">
        <v>29</v>
      </c>
      <c r="AF28480">
        <v>29</v>
      </c>
      <c r="AG28480">
        <v>29</v>
      </c>
      <c r="AH28480">
        <v>29</v>
      </c>
      <c r="AI28480">
        <v>30</v>
      </c>
      <c r="AJ28480">
        <v>30</v>
      </c>
      <c r="AK28480">
        <v>30</v>
      </c>
      <c r="AL28480">
        <v>30</v>
      </c>
      <c r="AM28480">
        <v>31</v>
      </c>
      <c r="AN28480">
        <v>31</v>
      </c>
      <c r="AO28480">
        <v>31</v>
      </c>
      <c r="AP28480">
        <v>32</v>
      </c>
      <c r="AQ28480">
        <v>32</v>
      </c>
    </row>
    <row r="28481" spans="1:43">
      <c r="A28481" t="s">
        <v>17623</v>
      </c>
      <c r="B28481" t="s">
        <v>17624</v>
      </c>
      <c r="C28481" t="s">
        <v>17573</v>
      </c>
      <c r="D28481" t="s">
        <v>17574</v>
      </c>
      <c r="E28481" t="s">
        <v>17455</v>
      </c>
      <c r="F28481" t="s">
        <v>17456</v>
      </c>
      <c r="G28481" t="s">
        <v>16559</v>
      </c>
      <c r="H28481" t="s">
        <v>16560</v>
      </c>
      <c r="I28481" s="2">
        <v>1</v>
      </c>
      <c r="J28481" s="2">
        <v>0</v>
      </c>
      <c r="K28481" s="2">
        <v>0</v>
      </c>
      <c r="L28481" t="s">
        <v>120</v>
      </c>
      <c r="M28481" t="s">
        <v>83</v>
      </c>
      <c r="N28481" t="s">
        <v>91</v>
      </c>
      <c r="O28481" t="s">
        <v>85</v>
      </c>
      <c r="P28481" t="s">
        <v>86</v>
      </c>
      <c r="Q28481">
        <v>20</v>
      </c>
      <c r="R28481">
        <v>21</v>
      </c>
      <c r="S28481">
        <v>21</v>
      </c>
      <c r="T28481">
        <v>22</v>
      </c>
      <c r="U28481">
        <v>22</v>
      </c>
      <c r="V28481">
        <v>23</v>
      </c>
      <c r="W28481">
        <v>23</v>
      </c>
      <c r="X28481">
        <v>24</v>
      </c>
      <c r="Y28481">
        <v>24</v>
      </c>
      <c r="Z28481">
        <v>25</v>
      </c>
      <c r="AA28481">
        <v>25</v>
      </c>
      <c r="AB28481">
        <v>26</v>
      </c>
      <c r="AC28481">
        <v>26</v>
      </c>
      <c r="AD28481">
        <v>27</v>
      </c>
      <c r="AE28481">
        <v>28</v>
      </c>
      <c r="AF28481">
        <v>28</v>
      </c>
      <c r="AG28481">
        <v>29</v>
      </c>
      <c r="AH28481">
        <v>29</v>
      </c>
      <c r="AI28481">
        <v>30</v>
      </c>
      <c r="AJ28481">
        <v>30</v>
      </c>
      <c r="AK28481">
        <v>31</v>
      </c>
      <c r="AL28481">
        <v>31</v>
      </c>
      <c r="AM28481">
        <v>32</v>
      </c>
      <c r="AN28481">
        <v>32</v>
      </c>
      <c r="AO28481">
        <v>32</v>
      </c>
      <c r="AP28481">
        <v>32</v>
      </c>
      <c r="AQ28481">
        <v>33</v>
      </c>
    </row>
    <row r="28482" spans="1:43">
      <c r="A28482" t="s">
        <v>17625</v>
      </c>
      <c r="B28482" t="s">
        <v>17626</v>
      </c>
      <c r="C28482" t="s">
        <v>17573</v>
      </c>
      <c r="D28482" t="s">
        <v>17574</v>
      </c>
      <c r="E28482" t="s">
        <v>17455</v>
      </c>
      <c r="F28482" t="s">
        <v>17456</v>
      </c>
      <c r="G28482" t="s">
        <v>16559</v>
      </c>
      <c r="H28482" t="s">
        <v>16560</v>
      </c>
      <c r="I28482" s="2">
        <v>1</v>
      </c>
      <c r="J28482" s="2">
        <v>0</v>
      </c>
      <c r="K28482" s="2">
        <v>0</v>
      </c>
      <c r="L28482" t="s">
        <v>120</v>
      </c>
      <c r="M28482" t="s">
        <v>83</v>
      </c>
      <c r="N28482" t="s">
        <v>84</v>
      </c>
      <c r="O28482" t="s">
        <v>85</v>
      </c>
      <c r="P28482" t="s">
        <v>86</v>
      </c>
      <c r="Q28482">
        <v>30</v>
      </c>
      <c r="R28482">
        <v>31</v>
      </c>
      <c r="S28482">
        <v>32</v>
      </c>
      <c r="T28482">
        <v>33</v>
      </c>
      <c r="U28482">
        <v>33</v>
      </c>
      <c r="V28482">
        <v>34</v>
      </c>
      <c r="W28482">
        <v>35</v>
      </c>
      <c r="X28482">
        <v>36</v>
      </c>
      <c r="Y28482">
        <v>36</v>
      </c>
      <c r="Z28482">
        <v>37</v>
      </c>
      <c r="AA28482">
        <v>38</v>
      </c>
      <c r="AB28482">
        <v>39</v>
      </c>
      <c r="AC28482">
        <v>40</v>
      </c>
      <c r="AD28482">
        <v>40</v>
      </c>
      <c r="AE28482">
        <v>41</v>
      </c>
      <c r="AF28482">
        <v>42</v>
      </c>
      <c r="AG28482">
        <v>43</v>
      </c>
      <c r="AH28482">
        <v>44</v>
      </c>
      <c r="AI28482">
        <v>45</v>
      </c>
      <c r="AJ28482">
        <v>45</v>
      </c>
      <c r="AK28482">
        <v>46</v>
      </c>
      <c r="AL28482">
        <v>47</v>
      </c>
      <c r="AM28482">
        <v>47</v>
      </c>
      <c r="AN28482">
        <v>48</v>
      </c>
      <c r="AO28482">
        <v>48</v>
      </c>
      <c r="AP28482">
        <v>48</v>
      </c>
      <c r="AQ28482">
        <v>49</v>
      </c>
    </row>
    <row r="28483" spans="1:43">
      <c r="A28483" t="s">
        <v>17625</v>
      </c>
      <c r="B28483" t="s">
        <v>17626</v>
      </c>
      <c r="C28483" t="s">
        <v>17573</v>
      </c>
      <c r="D28483" t="s">
        <v>17574</v>
      </c>
      <c r="E28483" t="s">
        <v>17455</v>
      </c>
      <c r="F28483" t="s">
        <v>17456</v>
      </c>
      <c r="G28483" t="s">
        <v>16559</v>
      </c>
      <c r="H28483" t="s">
        <v>16560</v>
      </c>
      <c r="I28483" s="2">
        <v>1</v>
      </c>
      <c r="J28483" s="2">
        <v>0</v>
      </c>
      <c r="K28483" s="2">
        <v>0</v>
      </c>
      <c r="L28483" t="s">
        <v>120</v>
      </c>
      <c r="M28483" t="s">
        <v>87</v>
      </c>
      <c r="N28483" t="s">
        <v>88</v>
      </c>
      <c r="O28483" t="s">
        <v>85</v>
      </c>
      <c r="P28483" t="s">
        <v>86</v>
      </c>
      <c r="Q28483">
        <v>30</v>
      </c>
      <c r="R28483">
        <v>31</v>
      </c>
      <c r="S28483">
        <v>31</v>
      </c>
      <c r="T28483">
        <v>31</v>
      </c>
      <c r="U28483">
        <v>32</v>
      </c>
      <c r="V28483">
        <v>32</v>
      </c>
      <c r="W28483">
        <v>33</v>
      </c>
      <c r="X28483">
        <v>33</v>
      </c>
      <c r="Y28483">
        <v>34</v>
      </c>
      <c r="Z28483">
        <v>34</v>
      </c>
      <c r="AA28483">
        <v>35</v>
      </c>
      <c r="AB28483">
        <v>35</v>
      </c>
      <c r="AC28483">
        <v>36</v>
      </c>
      <c r="AD28483">
        <v>36</v>
      </c>
      <c r="AE28483">
        <v>37</v>
      </c>
      <c r="AF28483">
        <v>37</v>
      </c>
      <c r="AG28483">
        <v>37</v>
      </c>
      <c r="AH28483">
        <v>38</v>
      </c>
      <c r="AI28483">
        <v>38</v>
      </c>
      <c r="AJ28483">
        <v>39</v>
      </c>
      <c r="AK28483">
        <v>39</v>
      </c>
      <c r="AL28483">
        <v>40</v>
      </c>
      <c r="AM28483">
        <v>40</v>
      </c>
      <c r="AN28483">
        <v>41</v>
      </c>
      <c r="AO28483">
        <v>41</v>
      </c>
      <c r="AP28483">
        <v>42</v>
      </c>
      <c r="AQ28483">
        <v>42</v>
      </c>
    </row>
    <row r="28484" spans="1:43">
      <c r="A28484" t="s">
        <v>17625</v>
      </c>
      <c r="B28484" t="s">
        <v>17626</v>
      </c>
      <c r="C28484" t="s">
        <v>17573</v>
      </c>
      <c r="D28484" t="s">
        <v>17574</v>
      </c>
      <c r="E28484" t="s">
        <v>17455</v>
      </c>
      <c r="F28484" t="s">
        <v>17456</v>
      </c>
      <c r="G28484" t="s">
        <v>16559</v>
      </c>
      <c r="H28484" t="s">
        <v>16560</v>
      </c>
      <c r="I28484" s="2">
        <v>1</v>
      </c>
      <c r="J28484" s="2">
        <v>0</v>
      </c>
      <c r="K28484" s="2">
        <v>0</v>
      </c>
      <c r="L28484" t="s">
        <v>120</v>
      </c>
      <c r="M28484" t="s">
        <v>89</v>
      </c>
      <c r="N28484" t="s">
        <v>90</v>
      </c>
      <c r="O28484" t="s">
        <v>85</v>
      </c>
      <c r="P28484" t="s">
        <v>86</v>
      </c>
      <c r="Q28484">
        <v>30</v>
      </c>
      <c r="R28484">
        <v>31</v>
      </c>
      <c r="S28484">
        <v>32</v>
      </c>
      <c r="T28484">
        <v>33</v>
      </c>
      <c r="U28484">
        <v>34</v>
      </c>
      <c r="V28484">
        <v>35</v>
      </c>
      <c r="W28484">
        <v>36</v>
      </c>
      <c r="X28484">
        <v>37</v>
      </c>
      <c r="Y28484">
        <v>38</v>
      </c>
      <c r="Z28484">
        <v>39</v>
      </c>
      <c r="AA28484">
        <v>39</v>
      </c>
      <c r="AB28484">
        <v>40</v>
      </c>
      <c r="AC28484">
        <v>41</v>
      </c>
      <c r="AD28484">
        <v>42</v>
      </c>
      <c r="AE28484">
        <v>43</v>
      </c>
      <c r="AF28484">
        <v>44</v>
      </c>
      <c r="AG28484">
        <v>44</v>
      </c>
      <c r="AH28484">
        <v>45</v>
      </c>
      <c r="AI28484">
        <v>45</v>
      </c>
      <c r="AJ28484">
        <v>45</v>
      </c>
      <c r="AK28484">
        <v>46</v>
      </c>
      <c r="AL28484">
        <v>46</v>
      </c>
      <c r="AM28484">
        <v>47</v>
      </c>
      <c r="AN28484">
        <v>47</v>
      </c>
      <c r="AO28484">
        <v>47</v>
      </c>
      <c r="AP28484">
        <v>48</v>
      </c>
      <c r="AQ28484">
        <v>48</v>
      </c>
    </row>
    <row r="28485" spans="1:43">
      <c r="A28485" t="s">
        <v>17625</v>
      </c>
      <c r="B28485" t="s">
        <v>17626</v>
      </c>
      <c r="C28485" t="s">
        <v>17573</v>
      </c>
      <c r="D28485" t="s">
        <v>17574</v>
      </c>
      <c r="E28485" t="s">
        <v>17455</v>
      </c>
      <c r="F28485" t="s">
        <v>17456</v>
      </c>
      <c r="G28485" t="s">
        <v>16559</v>
      </c>
      <c r="H28485" t="s">
        <v>16560</v>
      </c>
      <c r="I28485" s="2">
        <v>1</v>
      </c>
      <c r="J28485" s="2">
        <v>0</v>
      </c>
      <c r="K28485" s="2">
        <v>0</v>
      </c>
      <c r="L28485" t="s">
        <v>120</v>
      </c>
      <c r="M28485" t="s">
        <v>83</v>
      </c>
      <c r="N28485" t="s">
        <v>91</v>
      </c>
      <c r="O28485" t="s">
        <v>85</v>
      </c>
      <c r="P28485" t="s">
        <v>86</v>
      </c>
      <c r="Q28485">
        <v>30</v>
      </c>
      <c r="R28485">
        <v>31</v>
      </c>
      <c r="S28485">
        <v>32</v>
      </c>
      <c r="T28485">
        <v>33</v>
      </c>
      <c r="U28485">
        <v>33</v>
      </c>
      <c r="V28485">
        <v>34</v>
      </c>
      <c r="W28485">
        <v>35</v>
      </c>
      <c r="X28485">
        <v>36</v>
      </c>
      <c r="Y28485">
        <v>36</v>
      </c>
      <c r="Z28485">
        <v>37</v>
      </c>
      <c r="AA28485">
        <v>38</v>
      </c>
      <c r="AB28485">
        <v>39</v>
      </c>
      <c r="AC28485">
        <v>40</v>
      </c>
      <c r="AD28485">
        <v>40</v>
      </c>
      <c r="AE28485">
        <v>41</v>
      </c>
      <c r="AF28485">
        <v>42</v>
      </c>
      <c r="AG28485">
        <v>43</v>
      </c>
      <c r="AH28485">
        <v>44</v>
      </c>
      <c r="AI28485">
        <v>45</v>
      </c>
      <c r="AJ28485">
        <v>45</v>
      </c>
      <c r="AK28485">
        <v>46</v>
      </c>
      <c r="AL28485">
        <v>47</v>
      </c>
      <c r="AM28485">
        <v>47</v>
      </c>
      <c r="AN28485">
        <v>48</v>
      </c>
      <c r="AO28485">
        <v>48</v>
      </c>
      <c r="AP28485">
        <v>48</v>
      </c>
      <c r="AQ28485">
        <v>49</v>
      </c>
    </row>
    <row r="28486" spans="1:43">
      <c r="A28486" t="s">
        <v>17627</v>
      </c>
      <c r="B28486" t="s">
        <v>17628</v>
      </c>
      <c r="C28486" t="s">
        <v>17629</v>
      </c>
      <c r="D28486" t="s">
        <v>17630</v>
      </c>
      <c r="E28486" t="s">
        <v>17455</v>
      </c>
      <c r="F28486" t="s">
        <v>17456</v>
      </c>
      <c r="G28486" t="s">
        <v>16559</v>
      </c>
      <c r="H28486" t="s">
        <v>16560</v>
      </c>
      <c r="I28486" s="2">
        <v>1</v>
      </c>
      <c r="J28486" s="2">
        <v>0</v>
      </c>
      <c r="K28486" s="2">
        <v>0</v>
      </c>
      <c r="L28486" t="s">
        <v>120</v>
      </c>
      <c r="M28486" t="s">
        <v>83</v>
      </c>
      <c r="N28486" t="s">
        <v>84</v>
      </c>
      <c r="O28486" t="s">
        <v>85</v>
      </c>
      <c r="P28486" t="s">
        <v>86</v>
      </c>
      <c r="Q28486">
        <v>16</v>
      </c>
      <c r="R28486">
        <v>16</v>
      </c>
      <c r="S28486">
        <v>16</v>
      </c>
      <c r="T28486">
        <v>17</v>
      </c>
      <c r="U28486">
        <v>17</v>
      </c>
      <c r="V28486">
        <v>18</v>
      </c>
      <c r="W28486">
        <v>18</v>
      </c>
      <c r="X28486">
        <v>18</v>
      </c>
      <c r="Y28486">
        <v>19</v>
      </c>
      <c r="Z28486">
        <v>19</v>
      </c>
      <c r="AA28486">
        <v>19</v>
      </c>
      <c r="AB28486">
        <v>20</v>
      </c>
      <c r="AC28486">
        <v>20</v>
      </c>
      <c r="AD28486">
        <v>21</v>
      </c>
      <c r="AE28486">
        <v>21</v>
      </c>
      <c r="AF28486">
        <v>21</v>
      </c>
      <c r="AG28486">
        <v>22</v>
      </c>
      <c r="AH28486">
        <v>22</v>
      </c>
      <c r="AI28486">
        <v>23</v>
      </c>
      <c r="AJ28486">
        <v>23</v>
      </c>
      <c r="AK28486">
        <v>24</v>
      </c>
      <c r="AL28486">
        <v>24</v>
      </c>
      <c r="AM28486">
        <v>24</v>
      </c>
      <c r="AN28486">
        <v>24</v>
      </c>
      <c r="AO28486">
        <v>24</v>
      </c>
      <c r="AP28486">
        <v>25</v>
      </c>
      <c r="AQ28486">
        <v>25</v>
      </c>
    </row>
    <row r="28487" spans="1:43">
      <c r="A28487" t="s">
        <v>17627</v>
      </c>
      <c r="B28487" t="s">
        <v>17628</v>
      </c>
      <c r="C28487" t="s">
        <v>17629</v>
      </c>
      <c r="D28487" t="s">
        <v>17630</v>
      </c>
      <c r="E28487" t="s">
        <v>17455</v>
      </c>
      <c r="F28487" t="s">
        <v>17456</v>
      </c>
      <c r="G28487" t="s">
        <v>16559</v>
      </c>
      <c r="H28487" t="s">
        <v>16560</v>
      </c>
      <c r="I28487" s="2">
        <v>1</v>
      </c>
      <c r="J28487" s="2">
        <v>0</v>
      </c>
      <c r="K28487" s="2">
        <v>0</v>
      </c>
      <c r="L28487" t="s">
        <v>120</v>
      </c>
      <c r="M28487" t="s">
        <v>87</v>
      </c>
      <c r="N28487" t="s">
        <v>88</v>
      </c>
      <c r="O28487" t="s">
        <v>85</v>
      </c>
      <c r="P28487" t="s">
        <v>86</v>
      </c>
      <c r="Q28487">
        <v>16</v>
      </c>
      <c r="R28487">
        <v>16</v>
      </c>
      <c r="S28487">
        <v>16</v>
      </c>
      <c r="T28487">
        <v>16</v>
      </c>
      <c r="U28487">
        <v>16</v>
      </c>
      <c r="V28487">
        <v>17</v>
      </c>
      <c r="W28487">
        <v>17</v>
      </c>
      <c r="X28487">
        <v>17</v>
      </c>
      <c r="Y28487">
        <v>17</v>
      </c>
      <c r="Z28487">
        <v>18</v>
      </c>
      <c r="AA28487">
        <v>18</v>
      </c>
      <c r="AB28487">
        <v>18</v>
      </c>
      <c r="AC28487">
        <v>18</v>
      </c>
      <c r="AD28487">
        <v>18</v>
      </c>
      <c r="AE28487">
        <v>19</v>
      </c>
      <c r="AF28487">
        <v>19</v>
      </c>
      <c r="AG28487">
        <v>19</v>
      </c>
      <c r="AH28487">
        <v>19</v>
      </c>
      <c r="AI28487">
        <v>20</v>
      </c>
      <c r="AJ28487">
        <v>20</v>
      </c>
      <c r="AK28487">
        <v>20</v>
      </c>
      <c r="AL28487">
        <v>20</v>
      </c>
      <c r="AM28487">
        <v>21</v>
      </c>
      <c r="AN28487">
        <v>21</v>
      </c>
      <c r="AO28487">
        <v>21</v>
      </c>
      <c r="AP28487">
        <v>21</v>
      </c>
      <c r="AQ28487">
        <v>22</v>
      </c>
    </row>
    <row r="28488" spans="1:43">
      <c r="A28488" t="s">
        <v>17627</v>
      </c>
      <c r="B28488" t="s">
        <v>17628</v>
      </c>
      <c r="C28488" t="s">
        <v>17629</v>
      </c>
      <c r="D28488" t="s">
        <v>17630</v>
      </c>
      <c r="E28488" t="s">
        <v>17455</v>
      </c>
      <c r="F28488" t="s">
        <v>17456</v>
      </c>
      <c r="G28488" t="s">
        <v>16559</v>
      </c>
      <c r="H28488" t="s">
        <v>16560</v>
      </c>
      <c r="I28488" s="2">
        <v>1</v>
      </c>
      <c r="J28488" s="2">
        <v>0</v>
      </c>
      <c r="K28488" s="2">
        <v>0</v>
      </c>
      <c r="L28488" t="s">
        <v>120</v>
      </c>
      <c r="M28488" t="s">
        <v>89</v>
      </c>
      <c r="N28488" t="s">
        <v>90</v>
      </c>
      <c r="O28488" t="s">
        <v>85</v>
      </c>
      <c r="P28488" t="s">
        <v>86</v>
      </c>
      <c r="Q28488">
        <v>16</v>
      </c>
      <c r="R28488">
        <v>16</v>
      </c>
      <c r="S28488">
        <v>17</v>
      </c>
      <c r="T28488">
        <v>17</v>
      </c>
      <c r="U28488">
        <v>18</v>
      </c>
      <c r="V28488">
        <v>18</v>
      </c>
      <c r="W28488">
        <v>19</v>
      </c>
      <c r="X28488">
        <v>19</v>
      </c>
      <c r="Y28488">
        <v>20</v>
      </c>
      <c r="Z28488">
        <v>20</v>
      </c>
      <c r="AA28488">
        <v>21</v>
      </c>
      <c r="AB28488">
        <v>21</v>
      </c>
      <c r="AC28488">
        <v>22</v>
      </c>
      <c r="AD28488">
        <v>22</v>
      </c>
      <c r="AE28488">
        <v>23</v>
      </c>
      <c r="AF28488">
        <v>23</v>
      </c>
      <c r="AG28488">
        <v>23</v>
      </c>
      <c r="AH28488">
        <v>23</v>
      </c>
      <c r="AI28488">
        <v>23</v>
      </c>
      <c r="AJ28488">
        <v>24</v>
      </c>
      <c r="AK28488">
        <v>24</v>
      </c>
      <c r="AL28488">
        <v>24</v>
      </c>
      <c r="AM28488">
        <v>24</v>
      </c>
      <c r="AN28488">
        <v>24</v>
      </c>
      <c r="AO28488">
        <v>25</v>
      </c>
      <c r="AP28488">
        <v>25</v>
      </c>
      <c r="AQ28488">
        <v>25</v>
      </c>
    </row>
    <row r="28489" spans="1:43">
      <c r="A28489" t="s">
        <v>17627</v>
      </c>
      <c r="B28489" t="s">
        <v>17628</v>
      </c>
      <c r="C28489" t="s">
        <v>17629</v>
      </c>
      <c r="D28489" t="s">
        <v>17630</v>
      </c>
      <c r="E28489" t="s">
        <v>17455</v>
      </c>
      <c r="F28489" t="s">
        <v>17456</v>
      </c>
      <c r="G28489" t="s">
        <v>16559</v>
      </c>
      <c r="H28489" t="s">
        <v>16560</v>
      </c>
      <c r="I28489" s="2">
        <v>1</v>
      </c>
      <c r="J28489" s="2">
        <v>0</v>
      </c>
      <c r="K28489" s="2">
        <v>0</v>
      </c>
      <c r="L28489" t="s">
        <v>120</v>
      </c>
      <c r="M28489" t="s">
        <v>83</v>
      </c>
      <c r="N28489" t="s">
        <v>91</v>
      </c>
      <c r="O28489" t="s">
        <v>85</v>
      </c>
      <c r="P28489" t="s">
        <v>86</v>
      </c>
      <c r="Q28489">
        <v>16</v>
      </c>
      <c r="R28489">
        <v>16</v>
      </c>
      <c r="S28489">
        <v>16</v>
      </c>
      <c r="T28489">
        <v>17</v>
      </c>
      <c r="U28489">
        <v>17</v>
      </c>
      <c r="V28489">
        <v>18</v>
      </c>
      <c r="W28489">
        <v>18</v>
      </c>
      <c r="X28489">
        <v>18</v>
      </c>
      <c r="Y28489">
        <v>19</v>
      </c>
      <c r="Z28489">
        <v>19</v>
      </c>
      <c r="AA28489">
        <v>19</v>
      </c>
      <c r="AB28489">
        <v>20</v>
      </c>
      <c r="AC28489">
        <v>20</v>
      </c>
      <c r="AD28489">
        <v>21</v>
      </c>
      <c r="AE28489">
        <v>21</v>
      </c>
      <c r="AF28489">
        <v>21</v>
      </c>
      <c r="AG28489">
        <v>22</v>
      </c>
      <c r="AH28489">
        <v>22</v>
      </c>
      <c r="AI28489">
        <v>23</v>
      </c>
      <c r="AJ28489">
        <v>23</v>
      </c>
      <c r="AK28489">
        <v>24</v>
      </c>
      <c r="AL28489">
        <v>24</v>
      </c>
      <c r="AM28489">
        <v>24</v>
      </c>
      <c r="AN28489">
        <v>24</v>
      </c>
      <c r="AO28489">
        <v>24</v>
      </c>
      <c r="AP28489">
        <v>25</v>
      </c>
      <c r="AQ28489">
        <v>25</v>
      </c>
    </row>
    <row r="28490" spans="1:43">
      <c r="A28490" t="s">
        <v>17631</v>
      </c>
      <c r="B28490" t="s">
        <v>17632</v>
      </c>
      <c r="C28490" t="s">
        <v>17629</v>
      </c>
      <c r="D28490" t="s">
        <v>17630</v>
      </c>
      <c r="E28490" t="s">
        <v>17455</v>
      </c>
      <c r="F28490" t="s">
        <v>17456</v>
      </c>
      <c r="G28490" t="s">
        <v>16559</v>
      </c>
      <c r="H28490" t="s">
        <v>16560</v>
      </c>
      <c r="I28490" s="2">
        <v>1</v>
      </c>
      <c r="J28490" s="2">
        <v>0</v>
      </c>
      <c r="K28490" s="2">
        <v>0</v>
      </c>
      <c r="L28490" t="s">
        <v>120</v>
      </c>
      <c r="M28490" t="s">
        <v>83</v>
      </c>
      <c r="N28490" t="s">
        <v>84</v>
      </c>
      <c r="O28490" t="s">
        <v>85</v>
      </c>
      <c r="P28490" t="s">
        <v>86</v>
      </c>
      <c r="Q28490">
        <v>20</v>
      </c>
      <c r="R28490">
        <v>20</v>
      </c>
      <c r="S28490">
        <v>21</v>
      </c>
      <c r="T28490">
        <v>21</v>
      </c>
      <c r="U28490">
        <v>22</v>
      </c>
      <c r="V28490">
        <v>22</v>
      </c>
      <c r="W28490">
        <v>23</v>
      </c>
      <c r="X28490">
        <v>23</v>
      </c>
      <c r="Y28490">
        <v>24</v>
      </c>
      <c r="Z28490">
        <v>24</v>
      </c>
      <c r="AA28490">
        <v>25</v>
      </c>
      <c r="AB28490">
        <v>25</v>
      </c>
      <c r="AC28490">
        <v>26</v>
      </c>
      <c r="AD28490">
        <v>26</v>
      </c>
      <c r="AE28490">
        <v>27</v>
      </c>
      <c r="AF28490">
        <v>27</v>
      </c>
      <c r="AG28490">
        <v>28</v>
      </c>
      <c r="AH28490">
        <v>28</v>
      </c>
      <c r="AI28490">
        <v>29</v>
      </c>
      <c r="AJ28490">
        <v>29</v>
      </c>
      <c r="AK28490">
        <v>30</v>
      </c>
      <c r="AL28490">
        <v>30</v>
      </c>
      <c r="AM28490">
        <v>30</v>
      </c>
      <c r="AN28490">
        <v>31</v>
      </c>
      <c r="AO28490">
        <v>31</v>
      </c>
      <c r="AP28490">
        <v>31</v>
      </c>
      <c r="AQ28490">
        <v>31</v>
      </c>
    </row>
    <row r="28491" spans="1:43">
      <c r="A28491" t="s">
        <v>17631</v>
      </c>
      <c r="B28491" t="s">
        <v>17632</v>
      </c>
      <c r="C28491" t="s">
        <v>17629</v>
      </c>
      <c r="D28491" t="s">
        <v>17630</v>
      </c>
      <c r="E28491" t="s">
        <v>17455</v>
      </c>
      <c r="F28491" t="s">
        <v>17456</v>
      </c>
      <c r="G28491" t="s">
        <v>16559</v>
      </c>
      <c r="H28491" t="s">
        <v>16560</v>
      </c>
      <c r="I28491" s="2">
        <v>1</v>
      </c>
      <c r="J28491" s="2">
        <v>0</v>
      </c>
      <c r="K28491" s="2">
        <v>0</v>
      </c>
      <c r="L28491" t="s">
        <v>120</v>
      </c>
      <c r="M28491" t="s">
        <v>87</v>
      </c>
      <c r="N28491" t="s">
        <v>88</v>
      </c>
      <c r="O28491" t="s">
        <v>85</v>
      </c>
      <c r="P28491" t="s">
        <v>86</v>
      </c>
      <c r="Q28491">
        <v>20</v>
      </c>
      <c r="R28491">
        <v>20</v>
      </c>
      <c r="S28491">
        <v>20</v>
      </c>
      <c r="T28491">
        <v>20</v>
      </c>
      <c r="U28491">
        <v>21</v>
      </c>
      <c r="V28491">
        <v>21</v>
      </c>
      <c r="W28491">
        <v>21</v>
      </c>
      <c r="X28491">
        <v>22</v>
      </c>
      <c r="Y28491">
        <v>22</v>
      </c>
      <c r="Z28491">
        <v>22</v>
      </c>
      <c r="AA28491">
        <v>22</v>
      </c>
      <c r="AB28491">
        <v>23</v>
      </c>
      <c r="AC28491">
        <v>23</v>
      </c>
      <c r="AD28491">
        <v>23</v>
      </c>
      <c r="AE28491">
        <v>24</v>
      </c>
      <c r="AF28491">
        <v>24</v>
      </c>
      <c r="AG28491">
        <v>24</v>
      </c>
      <c r="AH28491">
        <v>25</v>
      </c>
      <c r="AI28491">
        <v>25</v>
      </c>
      <c r="AJ28491">
        <v>25</v>
      </c>
      <c r="AK28491">
        <v>25</v>
      </c>
      <c r="AL28491">
        <v>26</v>
      </c>
      <c r="AM28491">
        <v>26</v>
      </c>
      <c r="AN28491">
        <v>26</v>
      </c>
      <c r="AO28491">
        <v>27</v>
      </c>
      <c r="AP28491">
        <v>27</v>
      </c>
      <c r="AQ28491">
        <v>27</v>
      </c>
    </row>
    <row r="28492" spans="1:43">
      <c r="A28492" t="s">
        <v>17631</v>
      </c>
      <c r="B28492" t="s">
        <v>17632</v>
      </c>
      <c r="C28492" t="s">
        <v>17629</v>
      </c>
      <c r="D28492" t="s">
        <v>17630</v>
      </c>
      <c r="E28492" t="s">
        <v>17455</v>
      </c>
      <c r="F28492" t="s">
        <v>17456</v>
      </c>
      <c r="G28492" t="s">
        <v>16559</v>
      </c>
      <c r="H28492" t="s">
        <v>16560</v>
      </c>
      <c r="I28492" s="2">
        <v>1</v>
      </c>
      <c r="J28492" s="2">
        <v>0</v>
      </c>
      <c r="K28492" s="2">
        <v>0</v>
      </c>
      <c r="L28492" t="s">
        <v>120</v>
      </c>
      <c r="M28492" t="s">
        <v>89</v>
      </c>
      <c r="N28492" t="s">
        <v>90</v>
      </c>
      <c r="O28492" t="s">
        <v>85</v>
      </c>
      <c r="P28492" t="s">
        <v>86</v>
      </c>
      <c r="Q28492">
        <v>20</v>
      </c>
      <c r="R28492">
        <v>21</v>
      </c>
      <c r="S28492">
        <v>21</v>
      </c>
      <c r="T28492">
        <v>22</v>
      </c>
      <c r="U28492">
        <v>23</v>
      </c>
      <c r="V28492">
        <v>23</v>
      </c>
      <c r="W28492">
        <v>24</v>
      </c>
      <c r="X28492">
        <v>24</v>
      </c>
      <c r="Y28492">
        <v>25</v>
      </c>
      <c r="Z28492">
        <v>26</v>
      </c>
      <c r="AA28492">
        <v>26</v>
      </c>
      <c r="AB28492">
        <v>27</v>
      </c>
      <c r="AC28492">
        <v>27</v>
      </c>
      <c r="AD28492">
        <v>28</v>
      </c>
      <c r="AE28492">
        <v>29</v>
      </c>
      <c r="AF28492">
        <v>29</v>
      </c>
      <c r="AG28492">
        <v>29</v>
      </c>
      <c r="AH28492">
        <v>29</v>
      </c>
      <c r="AI28492">
        <v>30</v>
      </c>
      <c r="AJ28492">
        <v>30</v>
      </c>
      <c r="AK28492">
        <v>30</v>
      </c>
      <c r="AL28492">
        <v>30</v>
      </c>
      <c r="AM28492">
        <v>31</v>
      </c>
      <c r="AN28492">
        <v>31</v>
      </c>
      <c r="AO28492">
        <v>31</v>
      </c>
      <c r="AP28492">
        <v>31</v>
      </c>
      <c r="AQ28492">
        <v>31</v>
      </c>
    </row>
    <row r="28493" spans="1:43">
      <c r="A28493" t="s">
        <v>17631</v>
      </c>
      <c r="B28493" t="s">
        <v>17632</v>
      </c>
      <c r="C28493" t="s">
        <v>17629</v>
      </c>
      <c r="D28493" t="s">
        <v>17630</v>
      </c>
      <c r="E28493" t="s">
        <v>17455</v>
      </c>
      <c r="F28493" t="s">
        <v>17456</v>
      </c>
      <c r="G28493" t="s">
        <v>16559</v>
      </c>
      <c r="H28493" t="s">
        <v>16560</v>
      </c>
      <c r="I28493" s="2">
        <v>1</v>
      </c>
      <c r="J28493" s="2">
        <v>0</v>
      </c>
      <c r="K28493" s="2">
        <v>0</v>
      </c>
      <c r="L28493" t="s">
        <v>120</v>
      </c>
      <c r="M28493" t="s">
        <v>83</v>
      </c>
      <c r="N28493" t="s">
        <v>91</v>
      </c>
      <c r="O28493" t="s">
        <v>85</v>
      </c>
      <c r="P28493" t="s">
        <v>86</v>
      </c>
      <c r="Q28493">
        <v>20</v>
      </c>
      <c r="R28493">
        <v>20</v>
      </c>
      <c r="S28493">
        <v>21</v>
      </c>
      <c r="T28493">
        <v>21</v>
      </c>
      <c r="U28493">
        <v>22</v>
      </c>
      <c r="V28493">
        <v>22</v>
      </c>
      <c r="W28493">
        <v>23</v>
      </c>
      <c r="X28493">
        <v>23</v>
      </c>
      <c r="Y28493">
        <v>24</v>
      </c>
      <c r="Z28493">
        <v>24</v>
      </c>
      <c r="AA28493">
        <v>25</v>
      </c>
      <c r="AB28493">
        <v>25</v>
      </c>
      <c r="AC28493">
        <v>26</v>
      </c>
      <c r="AD28493">
        <v>26</v>
      </c>
      <c r="AE28493">
        <v>27</v>
      </c>
      <c r="AF28493">
        <v>27</v>
      </c>
      <c r="AG28493">
        <v>28</v>
      </c>
      <c r="AH28493">
        <v>28</v>
      </c>
      <c r="AI28493">
        <v>29</v>
      </c>
      <c r="AJ28493">
        <v>29</v>
      </c>
      <c r="AK28493">
        <v>30</v>
      </c>
      <c r="AL28493">
        <v>30</v>
      </c>
      <c r="AM28493">
        <v>30</v>
      </c>
      <c r="AN28493">
        <v>31</v>
      </c>
      <c r="AO28493">
        <v>31</v>
      </c>
      <c r="AP28493">
        <v>31</v>
      </c>
      <c r="AQ28493">
        <v>31</v>
      </c>
    </row>
    <row r="28494" spans="1:43">
      <c r="A28494" t="s">
        <v>17633</v>
      </c>
      <c r="B28494" t="s">
        <v>17634</v>
      </c>
      <c r="C28494" t="s">
        <v>17629</v>
      </c>
      <c r="D28494" t="s">
        <v>17630</v>
      </c>
      <c r="E28494" t="s">
        <v>17455</v>
      </c>
      <c r="F28494" t="s">
        <v>17456</v>
      </c>
      <c r="G28494" t="s">
        <v>16559</v>
      </c>
      <c r="H28494" t="s">
        <v>16560</v>
      </c>
      <c r="I28494" s="2">
        <v>1</v>
      </c>
      <c r="J28494" s="2">
        <v>0</v>
      </c>
      <c r="K28494" s="2">
        <v>0</v>
      </c>
      <c r="L28494" t="s">
        <v>120</v>
      </c>
      <c r="M28494" t="s">
        <v>83</v>
      </c>
      <c r="N28494" t="s">
        <v>84</v>
      </c>
      <c r="O28494" t="s">
        <v>85</v>
      </c>
      <c r="P28494" t="s">
        <v>86</v>
      </c>
      <c r="Q28494">
        <v>25</v>
      </c>
      <c r="R28494">
        <v>25</v>
      </c>
      <c r="S28494">
        <v>26</v>
      </c>
      <c r="T28494">
        <v>26</v>
      </c>
      <c r="U28494">
        <v>27</v>
      </c>
      <c r="V28494">
        <v>27</v>
      </c>
      <c r="W28494">
        <v>28</v>
      </c>
      <c r="X28494">
        <v>29</v>
      </c>
      <c r="Y28494">
        <v>29</v>
      </c>
      <c r="Z28494">
        <v>30</v>
      </c>
      <c r="AA28494">
        <v>30</v>
      </c>
      <c r="AB28494">
        <v>31</v>
      </c>
      <c r="AC28494">
        <v>32</v>
      </c>
      <c r="AD28494">
        <v>32</v>
      </c>
      <c r="AE28494">
        <v>33</v>
      </c>
      <c r="AF28494">
        <v>34</v>
      </c>
      <c r="AG28494">
        <v>34</v>
      </c>
      <c r="AH28494">
        <v>35</v>
      </c>
      <c r="AI28494">
        <v>35</v>
      </c>
      <c r="AJ28494">
        <v>36</v>
      </c>
      <c r="AK28494">
        <v>37</v>
      </c>
      <c r="AL28494">
        <v>37</v>
      </c>
      <c r="AM28494">
        <v>37</v>
      </c>
      <c r="AN28494">
        <v>38</v>
      </c>
      <c r="AO28494">
        <v>38</v>
      </c>
      <c r="AP28494">
        <v>38</v>
      </c>
      <c r="AQ28494">
        <v>39</v>
      </c>
    </row>
    <row r="28495" spans="1:43">
      <c r="A28495" t="s">
        <v>17633</v>
      </c>
      <c r="B28495" t="s">
        <v>17634</v>
      </c>
      <c r="C28495" t="s">
        <v>17629</v>
      </c>
      <c r="D28495" t="s">
        <v>17630</v>
      </c>
      <c r="E28495" t="s">
        <v>17455</v>
      </c>
      <c r="F28495" t="s">
        <v>17456</v>
      </c>
      <c r="G28495" t="s">
        <v>16559</v>
      </c>
      <c r="H28495" t="s">
        <v>16560</v>
      </c>
      <c r="I28495" s="2">
        <v>1</v>
      </c>
      <c r="J28495" s="2">
        <v>0</v>
      </c>
      <c r="K28495" s="2">
        <v>0</v>
      </c>
      <c r="L28495" t="s">
        <v>120</v>
      </c>
      <c r="M28495" t="s">
        <v>87</v>
      </c>
      <c r="N28495" t="s">
        <v>88</v>
      </c>
      <c r="O28495" t="s">
        <v>85</v>
      </c>
      <c r="P28495" t="s">
        <v>86</v>
      </c>
      <c r="Q28495">
        <v>25</v>
      </c>
      <c r="R28495">
        <v>26</v>
      </c>
      <c r="S28495">
        <v>26</v>
      </c>
      <c r="T28495">
        <v>26</v>
      </c>
      <c r="U28495">
        <v>27</v>
      </c>
      <c r="V28495">
        <v>27</v>
      </c>
      <c r="W28495">
        <v>27</v>
      </c>
      <c r="X28495">
        <v>28</v>
      </c>
      <c r="Y28495">
        <v>28</v>
      </c>
      <c r="Z28495">
        <v>28</v>
      </c>
      <c r="AA28495">
        <v>29</v>
      </c>
      <c r="AB28495">
        <v>29</v>
      </c>
      <c r="AC28495">
        <v>29</v>
      </c>
      <c r="AD28495">
        <v>30</v>
      </c>
      <c r="AE28495">
        <v>30</v>
      </c>
      <c r="AF28495">
        <v>31</v>
      </c>
      <c r="AG28495">
        <v>31</v>
      </c>
      <c r="AH28495">
        <v>31</v>
      </c>
      <c r="AI28495">
        <v>32</v>
      </c>
      <c r="AJ28495">
        <v>32</v>
      </c>
      <c r="AK28495">
        <v>32</v>
      </c>
      <c r="AL28495">
        <v>33</v>
      </c>
      <c r="AM28495">
        <v>33</v>
      </c>
      <c r="AN28495">
        <v>34</v>
      </c>
      <c r="AO28495">
        <v>34</v>
      </c>
      <c r="AP28495">
        <v>34</v>
      </c>
      <c r="AQ28495">
        <v>35</v>
      </c>
    </row>
    <row r="28496" spans="1:43">
      <c r="A28496" t="s">
        <v>17633</v>
      </c>
      <c r="B28496" t="s">
        <v>17634</v>
      </c>
      <c r="C28496" t="s">
        <v>17629</v>
      </c>
      <c r="D28496" t="s">
        <v>17630</v>
      </c>
      <c r="E28496" t="s">
        <v>17455</v>
      </c>
      <c r="F28496" t="s">
        <v>17456</v>
      </c>
      <c r="G28496" t="s">
        <v>16559</v>
      </c>
      <c r="H28496" t="s">
        <v>16560</v>
      </c>
      <c r="I28496" s="2">
        <v>1</v>
      </c>
      <c r="J28496" s="2">
        <v>0</v>
      </c>
      <c r="K28496" s="2">
        <v>0</v>
      </c>
      <c r="L28496" t="s">
        <v>120</v>
      </c>
      <c r="M28496" t="s">
        <v>89</v>
      </c>
      <c r="N28496" t="s">
        <v>90</v>
      </c>
      <c r="O28496" t="s">
        <v>85</v>
      </c>
      <c r="P28496" t="s">
        <v>86</v>
      </c>
      <c r="Q28496">
        <v>25</v>
      </c>
      <c r="R28496">
        <v>26</v>
      </c>
      <c r="S28496">
        <v>26</v>
      </c>
      <c r="T28496">
        <v>27</v>
      </c>
      <c r="U28496">
        <v>28</v>
      </c>
      <c r="V28496">
        <v>29</v>
      </c>
      <c r="W28496">
        <v>29</v>
      </c>
      <c r="X28496">
        <v>30</v>
      </c>
      <c r="Y28496">
        <v>31</v>
      </c>
      <c r="Z28496">
        <v>32</v>
      </c>
      <c r="AA28496">
        <v>32</v>
      </c>
      <c r="AB28496">
        <v>33</v>
      </c>
      <c r="AC28496">
        <v>34</v>
      </c>
      <c r="AD28496">
        <v>35</v>
      </c>
      <c r="AE28496">
        <v>35</v>
      </c>
      <c r="AF28496">
        <v>36</v>
      </c>
      <c r="AG28496">
        <v>36</v>
      </c>
      <c r="AH28496">
        <v>36</v>
      </c>
      <c r="AI28496">
        <v>36</v>
      </c>
      <c r="AJ28496">
        <v>37</v>
      </c>
      <c r="AK28496">
        <v>37</v>
      </c>
      <c r="AL28496">
        <v>37</v>
      </c>
      <c r="AM28496">
        <v>38</v>
      </c>
      <c r="AN28496">
        <v>38</v>
      </c>
      <c r="AO28496">
        <v>38</v>
      </c>
      <c r="AP28496">
        <v>39</v>
      </c>
      <c r="AQ28496">
        <v>39</v>
      </c>
    </row>
    <row r="28497" spans="1:43">
      <c r="A28497" t="s">
        <v>17633</v>
      </c>
      <c r="B28497" t="s">
        <v>17634</v>
      </c>
      <c r="C28497" t="s">
        <v>17629</v>
      </c>
      <c r="D28497" t="s">
        <v>17630</v>
      </c>
      <c r="E28497" t="s">
        <v>17455</v>
      </c>
      <c r="F28497" t="s">
        <v>17456</v>
      </c>
      <c r="G28497" t="s">
        <v>16559</v>
      </c>
      <c r="H28497" t="s">
        <v>16560</v>
      </c>
      <c r="I28497" s="2">
        <v>1</v>
      </c>
      <c r="J28497" s="2">
        <v>0</v>
      </c>
      <c r="K28497" s="2">
        <v>0</v>
      </c>
      <c r="L28497" t="s">
        <v>120</v>
      </c>
      <c r="M28497" t="s">
        <v>83</v>
      </c>
      <c r="N28497" t="s">
        <v>91</v>
      </c>
      <c r="O28497" t="s">
        <v>85</v>
      </c>
      <c r="P28497" t="s">
        <v>86</v>
      </c>
      <c r="Q28497">
        <v>25</v>
      </c>
      <c r="R28497">
        <v>25</v>
      </c>
      <c r="S28497">
        <v>26</v>
      </c>
      <c r="T28497">
        <v>26</v>
      </c>
      <c r="U28497">
        <v>27</v>
      </c>
      <c r="V28497">
        <v>27</v>
      </c>
      <c r="W28497">
        <v>28</v>
      </c>
      <c r="X28497">
        <v>29</v>
      </c>
      <c r="Y28497">
        <v>29</v>
      </c>
      <c r="Z28497">
        <v>30</v>
      </c>
      <c r="AA28497">
        <v>30</v>
      </c>
      <c r="AB28497">
        <v>31</v>
      </c>
      <c r="AC28497">
        <v>32</v>
      </c>
      <c r="AD28497">
        <v>32</v>
      </c>
      <c r="AE28497">
        <v>33</v>
      </c>
      <c r="AF28497">
        <v>34</v>
      </c>
      <c r="AG28497">
        <v>34</v>
      </c>
      <c r="AH28497">
        <v>35</v>
      </c>
      <c r="AI28497">
        <v>35</v>
      </c>
      <c r="AJ28497">
        <v>36</v>
      </c>
      <c r="AK28497">
        <v>37</v>
      </c>
      <c r="AL28497">
        <v>37</v>
      </c>
      <c r="AM28497">
        <v>37</v>
      </c>
      <c r="AN28497">
        <v>38</v>
      </c>
      <c r="AO28497">
        <v>38</v>
      </c>
      <c r="AP28497">
        <v>38</v>
      </c>
      <c r="AQ28497">
        <v>39</v>
      </c>
    </row>
    <row r="28498" spans="1:43">
      <c r="A28498" t="s">
        <v>17635</v>
      </c>
      <c r="B28498" t="s">
        <v>17636</v>
      </c>
      <c r="C28498" t="s">
        <v>17629</v>
      </c>
      <c r="D28498" t="s">
        <v>17630</v>
      </c>
      <c r="E28498" t="s">
        <v>17455</v>
      </c>
      <c r="F28498" t="s">
        <v>17456</v>
      </c>
      <c r="G28498" t="s">
        <v>16559</v>
      </c>
      <c r="H28498" t="s">
        <v>16560</v>
      </c>
      <c r="I28498" s="2">
        <v>1</v>
      </c>
      <c r="J28498" s="2">
        <v>0</v>
      </c>
      <c r="K28498" s="2">
        <v>0</v>
      </c>
      <c r="L28498" t="s">
        <v>120</v>
      </c>
      <c r="M28498" t="s">
        <v>83</v>
      </c>
      <c r="N28498" t="s">
        <v>84</v>
      </c>
      <c r="O28498" t="s">
        <v>85</v>
      </c>
      <c r="P28498" t="s">
        <v>86</v>
      </c>
      <c r="Q28498">
        <v>36</v>
      </c>
      <c r="R28498">
        <v>37</v>
      </c>
      <c r="S28498">
        <v>38</v>
      </c>
      <c r="T28498">
        <v>38</v>
      </c>
      <c r="U28498">
        <v>39</v>
      </c>
      <c r="V28498">
        <v>40</v>
      </c>
      <c r="W28498">
        <v>41</v>
      </c>
      <c r="X28498">
        <v>42</v>
      </c>
      <c r="Y28498">
        <v>43</v>
      </c>
      <c r="Z28498">
        <v>44</v>
      </c>
      <c r="AA28498">
        <v>45</v>
      </c>
      <c r="AB28498">
        <v>46</v>
      </c>
      <c r="AC28498">
        <v>47</v>
      </c>
      <c r="AD28498">
        <v>48</v>
      </c>
      <c r="AE28498">
        <v>49</v>
      </c>
      <c r="AF28498">
        <v>50</v>
      </c>
      <c r="AG28498">
        <v>51</v>
      </c>
      <c r="AH28498">
        <v>52</v>
      </c>
      <c r="AI28498">
        <v>53</v>
      </c>
      <c r="AJ28498">
        <v>54</v>
      </c>
      <c r="AK28498">
        <v>55</v>
      </c>
      <c r="AL28498">
        <v>55</v>
      </c>
      <c r="AM28498">
        <v>56</v>
      </c>
      <c r="AN28498">
        <v>56</v>
      </c>
      <c r="AO28498">
        <v>57</v>
      </c>
      <c r="AP28498">
        <v>57</v>
      </c>
      <c r="AQ28498">
        <v>58</v>
      </c>
    </row>
    <row r="28499" spans="1:43">
      <c r="A28499" t="s">
        <v>17635</v>
      </c>
      <c r="B28499" t="s">
        <v>17636</v>
      </c>
      <c r="C28499" t="s">
        <v>17629</v>
      </c>
      <c r="D28499" t="s">
        <v>17630</v>
      </c>
      <c r="E28499" t="s">
        <v>17455</v>
      </c>
      <c r="F28499" t="s">
        <v>17456</v>
      </c>
      <c r="G28499" t="s">
        <v>16559</v>
      </c>
      <c r="H28499" t="s">
        <v>16560</v>
      </c>
      <c r="I28499" s="2">
        <v>1</v>
      </c>
      <c r="J28499" s="2">
        <v>0</v>
      </c>
      <c r="K28499" s="2">
        <v>0</v>
      </c>
      <c r="L28499" t="s">
        <v>120</v>
      </c>
      <c r="M28499" t="s">
        <v>87</v>
      </c>
      <c r="N28499" t="s">
        <v>88</v>
      </c>
      <c r="O28499" t="s">
        <v>85</v>
      </c>
      <c r="P28499" t="s">
        <v>86</v>
      </c>
      <c r="Q28499">
        <v>36</v>
      </c>
      <c r="R28499">
        <v>37</v>
      </c>
      <c r="S28499">
        <v>37</v>
      </c>
      <c r="T28499">
        <v>38</v>
      </c>
      <c r="U28499">
        <v>39</v>
      </c>
      <c r="V28499">
        <v>39</v>
      </c>
      <c r="W28499">
        <v>40</v>
      </c>
      <c r="X28499">
        <v>40</v>
      </c>
      <c r="Y28499">
        <v>41</v>
      </c>
      <c r="Z28499">
        <v>41</v>
      </c>
      <c r="AA28499">
        <v>42</v>
      </c>
      <c r="AB28499">
        <v>42</v>
      </c>
      <c r="AC28499">
        <v>43</v>
      </c>
      <c r="AD28499">
        <v>44</v>
      </c>
      <c r="AE28499">
        <v>44</v>
      </c>
      <c r="AF28499">
        <v>45</v>
      </c>
      <c r="AG28499">
        <v>45</v>
      </c>
      <c r="AH28499">
        <v>46</v>
      </c>
      <c r="AI28499">
        <v>46</v>
      </c>
      <c r="AJ28499">
        <v>47</v>
      </c>
      <c r="AK28499">
        <v>48</v>
      </c>
      <c r="AL28499">
        <v>48</v>
      </c>
      <c r="AM28499">
        <v>49</v>
      </c>
      <c r="AN28499">
        <v>49</v>
      </c>
      <c r="AO28499">
        <v>50</v>
      </c>
      <c r="AP28499">
        <v>50</v>
      </c>
      <c r="AQ28499">
        <v>51</v>
      </c>
    </row>
    <row r="28500" spans="1:43">
      <c r="A28500" t="s">
        <v>17635</v>
      </c>
      <c r="B28500" t="s">
        <v>17636</v>
      </c>
      <c r="C28500" t="s">
        <v>17629</v>
      </c>
      <c r="D28500" t="s">
        <v>17630</v>
      </c>
      <c r="E28500" t="s">
        <v>17455</v>
      </c>
      <c r="F28500" t="s">
        <v>17456</v>
      </c>
      <c r="G28500" t="s">
        <v>16559</v>
      </c>
      <c r="H28500" t="s">
        <v>16560</v>
      </c>
      <c r="I28500" s="2">
        <v>1</v>
      </c>
      <c r="J28500" s="2">
        <v>0</v>
      </c>
      <c r="K28500" s="2">
        <v>0</v>
      </c>
      <c r="L28500" t="s">
        <v>120</v>
      </c>
      <c r="M28500" t="s">
        <v>89</v>
      </c>
      <c r="N28500" t="s">
        <v>90</v>
      </c>
      <c r="O28500" t="s">
        <v>85</v>
      </c>
      <c r="P28500" t="s">
        <v>86</v>
      </c>
      <c r="Q28500">
        <v>36</v>
      </c>
      <c r="R28500">
        <v>37</v>
      </c>
      <c r="S28500">
        <v>38</v>
      </c>
      <c r="T28500">
        <v>40</v>
      </c>
      <c r="U28500">
        <v>41</v>
      </c>
      <c r="V28500">
        <v>42</v>
      </c>
      <c r="W28500">
        <v>43</v>
      </c>
      <c r="X28500">
        <v>44</v>
      </c>
      <c r="Y28500">
        <v>46</v>
      </c>
      <c r="Z28500">
        <v>47</v>
      </c>
      <c r="AA28500">
        <v>48</v>
      </c>
      <c r="AB28500">
        <v>49</v>
      </c>
      <c r="AC28500">
        <v>50</v>
      </c>
      <c r="AD28500">
        <v>51</v>
      </c>
      <c r="AE28500">
        <v>52</v>
      </c>
      <c r="AF28500">
        <v>53</v>
      </c>
      <c r="AG28500">
        <v>53</v>
      </c>
      <c r="AH28500">
        <v>54</v>
      </c>
      <c r="AI28500">
        <v>54</v>
      </c>
      <c r="AJ28500">
        <v>55</v>
      </c>
      <c r="AK28500">
        <v>55</v>
      </c>
      <c r="AL28500">
        <v>56</v>
      </c>
      <c r="AM28500">
        <v>56</v>
      </c>
      <c r="AN28500">
        <v>57</v>
      </c>
      <c r="AO28500">
        <v>57</v>
      </c>
      <c r="AP28500">
        <v>58</v>
      </c>
      <c r="AQ28500">
        <v>58</v>
      </c>
    </row>
    <row r="28501" spans="1:43">
      <c r="A28501" t="s">
        <v>17635</v>
      </c>
      <c r="B28501" t="s">
        <v>17636</v>
      </c>
      <c r="C28501" t="s">
        <v>17629</v>
      </c>
      <c r="D28501" t="s">
        <v>17630</v>
      </c>
      <c r="E28501" t="s">
        <v>17455</v>
      </c>
      <c r="F28501" t="s">
        <v>17456</v>
      </c>
      <c r="G28501" t="s">
        <v>16559</v>
      </c>
      <c r="H28501" t="s">
        <v>16560</v>
      </c>
      <c r="I28501" s="2">
        <v>1</v>
      </c>
      <c r="J28501" s="2">
        <v>0</v>
      </c>
      <c r="K28501" s="2">
        <v>0</v>
      </c>
      <c r="L28501" t="s">
        <v>120</v>
      </c>
      <c r="M28501" t="s">
        <v>83</v>
      </c>
      <c r="N28501" t="s">
        <v>91</v>
      </c>
      <c r="O28501" t="s">
        <v>85</v>
      </c>
      <c r="P28501" t="s">
        <v>86</v>
      </c>
      <c r="Q28501">
        <v>36</v>
      </c>
      <c r="R28501">
        <v>37</v>
      </c>
      <c r="S28501">
        <v>38</v>
      </c>
      <c r="T28501">
        <v>38</v>
      </c>
      <c r="U28501">
        <v>39</v>
      </c>
      <c r="V28501">
        <v>40</v>
      </c>
      <c r="W28501">
        <v>41</v>
      </c>
      <c r="X28501">
        <v>42</v>
      </c>
      <c r="Y28501">
        <v>43</v>
      </c>
      <c r="Z28501">
        <v>44</v>
      </c>
      <c r="AA28501">
        <v>45</v>
      </c>
      <c r="AB28501">
        <v>46</v>
      </c>
      <c r="AC28501">
        <v>47</v>
      </c>
      <c r="AD28501">
        <v>48</v>
      </c>
      <c r="AE28501">
        <v>49</v>
      </c>
      <c r="AF28501">
        <v>50</v>
      </c>
      <c r="AG28501">
        <v>51</v>
      </c>
      <c r="AH28501">
        <v>52</v>
      </c>
      <c r="AI28501">
        <v>53</v>
      </c>
      <c r="AJ28501">
        <v>54</v>
      </c>
      <c r="AK28501">
        <v>55</v>
      </c>
      <c r="AL28501">
        <v>55</v>
      </c>
      <c r="AM28501">
        <v>56</v>
      </c>
      <c r="AN28501">
        <v>56</v>
      </c>
      <c r="AO28501">
        <v>57</v>
      </c>
      <c r="AP28501">
        <v>57</v>
      </c>
      <c r="AQ28501">
        <v>58</v>
      </c>
    </row>
    <row r="28502" spans="1:43">
      <c r="A28502" t="s">
        <v>17637</v>
      </c>
      <c r="B28502" t="s">
        <v>17638</v>
      </c>
      <c r="C28502" t="s">
        <v>17629</v>
      </c>
      <c r="D28502" t="s">
        <v>17630</v>
      </c>
      <c r="E28502" t="s">
        <v>17455</v>
      </c>
      <c r="F28502" t="s">
        <v>17456</v>
      </c>
      <c r="G28502" t="s">
        <v>16559</v>
      </c>
      <c r="H28502" t="s">
        <v>16560</v>
      </c>
      <c r="I28502" s="2">
        <v>1</v>
      </c>
      <c r="J28502" s="2">
        <v>0</v>
      </c>
      <c r="K28502" s="2">
        <v>0</v>
      </c>
      <c r="L28502" t="s">
        <v>120</v>
      </c>
      <c r="M28502" t="s">
        <v>83</v>
      </c>
      <c r="N28502" t="s">
        <v>84</v>
      </c>
      <c r="O28502" t="s">
        <v>85</v>
      </c>
      <c r="P28502" t="s">
        <v>86</v>
      </c>
      <c r="Q28502">
        <v>18</v>
      </c>
      <c r="R28502">
        <v>18</v>
      </c>
      <c r="S28502">
        <v>19</v>
      </c>
      <c r="T28502">
        <v>19</v>
      </c>
      <c r="U28502">
        <v>20</v>
      </c>
      <c r="V28502">
        <v>20</v>
      </c>
      <c r="W28502">
        <v>21</v>
      </c>
      <c r="X28502">
        <v>21</v>
      </c>
      <c r="Y28502">
        <v>22</v>
      </c>
      <c r="Z28502">
        <v>22</v>
      </c>
      <c r="AA28502">
        <v>22</v>
      </c>
      <c r="AB28502">
        <v>23</v>
      </c>
      <c r="AC28502">
        <v>23</v>
      </c>
      <c r="AD28502">
        <v>24</v>
      </c>
      <c r="AE28502">
        <v>24</v>
      </c>
      <c r="AF28502">
        <v>25</v>
      </c>
      <c r="AG28502">
        <v>25</v>
      </c>
      <c r="AH28502">
        <v>26</v>
      </c>
      <c r="AI28502">
        <v>26</v>
      </c>
      <c r="AJ28502">
        <v>27</v>
      </c>
      <c r="AK28502">
        <v>27</v>
      </c>
      <c r="AL28502">
        <v>28</v>
      </c>
      <c r="AM28502">
        <v>28</v>
      </c>
      <c r="AN28502">
        <v>28</v>
      </c>
      <c r="AO28502">
        <v>28</v>
      </c>
      <c r="AP28502">
        <v>29</v>
      </c>
      <c r="AQ28502">
        <v>29</v>
      </c>
    </row>
    <row r="28503" spans="1:43">
      <c r="A28503" t="s">
        <v>17637</v>
      </c>
      <c r="B28503" t="s">
        <v>17638</v>
      </c>
      <c r="C28503" t="s">
        <v>17629</v>
      </c>
      <c r="D28503" t="s">
        <v>17630</v>
      </c>
      <c r="E28503" t="s">
        <v>17455</v>
      </c>
      <c r="F28503" t="s">
        <v>17456</v>
      </c>
      <c r="G28503" t="s">
        <v>16559</v>
      </c>
      <c r="H28503" t="s">
        <v>16560</v>
      </c>
      <c r="I28503" s="2">
        <v>1</v>
      </c>
      <c r="J28503" s="2">
        <v>0</v>
      </c>
      <c r="K28503" s="2">
        <v>0</v>
      </c>
      <c r="L28503" t="s">
        <v>120</v>
      </c>
      <c r="M28503" t="s">
        <v>87</v>
      </c>
      <c r="N28503" t="s">
        <v>88</v>
      </c>
      <c r="O28503" t="s">
        <v>85</v>
      </c>
      <c r="P28503" t="s">
        <v>86</v>
      </c>
      <c r="Q28503">
        <v>18</v>
      </c>
      <c r="R28503">
        <v>18</v>
      </c>
      <c r="S28503">
        <v>18</v>
      </c>
      <c r="T28503">
        <v>19</v>
      </c>
      <c r="U28503">
        <v>19</v>
      </c>
      <c r="V28503">
        <v>19</v>
      </c>
      <c r="W28503">
        <v>19</v>
      </c>
      <c r="X28503">
        <v>20</v>
      </c>
      <c r="Y28503">
        <v>20</v>
      </c>
      <c r="Z28503">
        <v>20</v>
      </c>
      <c r="AA28503">
        <v>20</v>
      </c>
      <c r="AB28503">
        <v>21</v>
      </c>
      <c r="AC28503">
        <v>21</v>
      </c>
      <c r="AD28503">
        <v>21</v>
      </c>
      <c r="AE28503">
        <v>22</v>
      </c>
      <c r="AF28503">
        <v>22</v>
      </c>
      <c r="AG28503">
        <v>22</v>
      </c>
      <c r="AH28503">
        <v>22</v>
      </c>
      <c r="AI28503">
        <v>23</v>
      </c>
      <c r="AJ28503">
        <v>23</v>
      </c>
      <c r="AK28503">
        <v>23</v>
      </c>
      <c r="AL28503">
        <v>24</v>
      </c>
      <c r="AM28503">
        <v>24</v>
      </c>
      <c r="AN28503">
        <v>24</v>
      </c>
      <c r="AO28503">
        <v>24</v>
      </c>
      <c r="AP28503">
        <v>25</v>
      </c>
      <c r="AQ28503">
        <v>25</v>
      </c>
    </row>
    <row r="28504" spans="1:43">
      <c r="A28504" t="s">
        <v>17637</v>
      </c>
      <c r="B28504" t="s">
        <v>17638</v>
      </c>
      <c r="C28504" t="s">
        <v>17629</v>
      </c>
      <c r="D28504" t="s">
        <v>17630</v>
      </c>
      <c r="E28504" t="s">
        <v>17455</v>
      </c>
      <c r="F28504" t="s">
        <v>17456</v>
      </c>
      <c r="G28504" t="s">
        <v>16559</v>
      </c>
      <c r="H28504" t="s">
        <v>16560</v>
      </c>
      <c r="I28504" s="2">
        <v>1</v>
      </c>
      <c r="J28504" s="2">
        <v>0</v>
      </c>
      <c r="K28504" s="2">
        <v>0</v>
      </c>
      <c r="L28504" t="s">
        <v>120</v>
      </c>
      <c r="M28504" t="s">
        <v>89</v>
      </c>
      <c r="N28504" t="s">
        <v>90</v>
      </c>
      <c r="O28504" t="s">
        <v>85</v>
      </c>
      <c r="P28504" t="s">
        <v>86</v>
      </c>
      <c r="Q28504">
        <v>18</v>
      </c>
      <c r="R28504">
        <v>19</v>
      </c>
      <c r="S28504">
        <v>19</v>
      </c>
      <c r="T28504">
        <v>20</v>
      </c>
      <c r="U28504">
        <v>21</v>
      </c>
      <c r="V28504">
        <v>21</v>
      </c>
      <c r="W28504">
        <v>22</v>
      </c>
      <c r="X28504">
        <v>22</v>
      </c>
      <c r="Y28504">
        <v>23</v>
      </c>
      <c r="Z28504">
        <v>23</v>
      </c>
      <c r="AA28504">
        <v>24</v>
      </c>
      <c r="AB28504">
        <v>25</v>
      </c>
      <c r="AC28504">
        <v>25</v>
      </c>
      <c r="AD28504">
        <v>26</v>
      </c>
      <c r="AE28504">
        <v>26</v>
      </c>
      <c r="AF28504">
        <v>26</v>
      </c>
      <c r="AG28504">
        <v>27</v>
      </c>
      <c r="AH28504">
        <v>27</v>
      </c>
      <c r="AI28504">
        <v>27</v>
      </c>
      <c r="AJ28504">
        <v>27</v>
      </c>
      <c r="AK28504">
        <v>28</v>
      </c>
      <c r="AL28504">
        <v>28</v>
      </c>
      <c r="AM28504">
        <v>28</v>
      </c>
      <c r="AN28504">
        <v>28</v>
      </c>
      <c r="AO28504">
        <v>29</v>
      </c>
      <c r="AP28504">
        <v>29</v>
      </c>
      <c r="AQ28504">
        <v>29</v>
      </c>
    </row>
    <row r="28505" spans="1:43">
      <c r="A28505" t="s">
        <v>17637</v>
      </c>
      <c r="B28505" t="s">
        <v>17638</v>
      </c>
      <c r="C28505" t="s">
        <v>17629</v>
      </c>
      <c r="D28505" t="s">
        <v>17630</v>
      </c>
      <c r="E28505" t="s">
        <v>17455</v>
      </c>
      <c r="F28505" t="s">
        <v>17456</v>
      </c>
      <c r="G28505" t="s">
        <v>16559</v>
      </c>
      <c r="H28505" t="s">
        <v>16560</v>
      </c>
      <c r="I28505" s="2">
        <v>1</v>
      </c>
      <c r="J28505" s="2">
        <v>0</v>
      </c>
      <c r="K28505" s="2">
        <v>0</v>
      </c>
      <c r="L28505" t="s">
        <v>120</v>
      </c>
      <c r="M28505" t="s">
        <v>83</v>
      </c>
      <c r="N28505" t="s">
        <v>91</v>
      </c>
      <c r="O28505" t="s">
        <v>85</v>
      </c>
      <c r="P28505" t="s">
        <v>86</v>
      </c>
      <c r="Q28505">
        <v>18</v>
      </c>
      <c r="R28505">
        <v>18</v>
      </c>
      <c r="S28505">
        <v>19</v>
      </c>
      <c r="T28505">
        <v>19</v>
      </c>
      <c r="U28505">
        <v>20</v>
      </c>
      <c r="V28505">
        <v>20</v>
      </c>
      <c r="W28505">
        <v>21</v>
      </c>
      <c r="X28505">
        <v>21</v>
      </c>
      <c r="Y28505">
        <v>22</v>
      </c>
      <c r="Z28505">
        <v>22</v>
      </c>
      <c r="AA28505">
        <v>22</v>
      </c>
      <c r="AB28505">
        <v>23</v>
      </c>
      <c r="AC28505">
        <v>23</v>
      </c>
      <c r="AD28505">
        <v>24</v>
      </c>
      <c r="AE28505">
        <v>24</v>
      </c>
      <c r="AF28505">
        <v>25</v>
      </c>
      <c r="AG28505">
        <v>25</v>
      </c>
      <c r="AH28505">
        <v>26</v>
      </c>
      <c r="AI28505">
        <v>26</v>
      </c>
      <c r="AJ28505">
        <v>27</v>
      </c>
      <c r="AK28505">
        <v>27</v>
      </c>
      <c r="AL28505">
        <v>28</v>
      </c>
      <c r="AM28505">
        <v>28</v>
      </c>
      <c r="AN28505">
        <v>28</v>
      </c>
      <c r="AO28505">
        <v>28</v>
      </c>
      <c r="AP28505">
        <v>29</v>
      </c>
      <c r="AQ28505">
        <v>29</v>
      </c>
    </row>
    <row r="28506" spans="1:43">
      <c r="A28506" t="s">
        <v>17639</v>
      </c>
      <c r="B28506" t="s">
        <v>17640</v>
      </c>
      <c r="C28506" t="s">
        <v>17641</v>
      </c>
      <c r="D28506" t="s">
        <v>17642</v>
      </c>
      <c r="E28506" t="s">
        <v>17455</v>
      </c>
      <c r="F28506" t="s">
        <v>17456</v>
      </c>
      <c r="G28506" t="s">
        <v>16559</v>
      </c>
      <c r="H28506" t="s">
        <v>16560</v>
      </c>
      <c r="I28506" s="2">
        <v>1</v>
      </c>
      <c r="J28506" s="2">
        <v>0</v>
      </c>
      <c r="K28506" s="2">
        <v>0</v>
      </c>
      <c r="L28506" t="s">
        <v>120</v>
      </c>
      <c r="M28506" t="s">
        <v>83</v>
      </c>
      <c r="N28506" t="s">
        <v>84</v>
      </c>
      <c r="O28506" t="s">
        <v>85</v>
      </c>
      <c r="P28506" t="s">
        <v>86</v>
      </c>
      <c r="Q28506">
        <v>9</v>
      </c>
      <c r="R28506">
        <v>9</v>
      </c>
      <c r="S28506">
        <v>9</v>
      </c>
      <c r="T28506">
        <v>9</v>
      </c>
      <c r="U28506">
        <v>10</v>
      </c>
      <c r="V28506">
        <v>10</v>
      </c>
      <c r="W28506">
        <v>10</v>
      </c>
      <c r="X28506">
        <v>10</v>
      </c>
      <c r="Y28506">
        <v>11</v>
      </c>
      <c r="Z28506">
        <v>11</v>
      </c>
      <c r="AA28506">
        <v>11</v>
      </c>
      <c r="AB28506">
        <v>11</v>
      </c>
      <c r="AC28506">
        <v>12</v>
      </c>
      <c r="AD28506">
        <v>12</v>
      </c>
      <c r="AE28506">
        <v>12</v>
      </c>
      <c r="AF28506">
        <v>12</v>
      </c>
      <c r="AG28506">
        <v>12</v>
      </c>
      <c r="AH28506">
        <v>13</v>
      </c>
      <c r="AI28506">
        <v>13</v>
      </c>
      <c r="AJ28506">
        <v>13</v>
      </c>
      <c r="AK28506">
        <v>13</v>
      </c>
      <c r="AL28506">
        <v>14</v>
      </c>
      <c r="AM28506">
        <v>14</v>
      </c>
      <c r="AN28506">
        <v>14</v>
      </c>
      <c r="AO28506">
        <v>14</v>
      </c>
      <c r="AP28506">
        <v>14</v>
      </c>
      <c r="AQ28506">
        <v>14</v>
      </c>
    </row>
    <row r="28507" spans="1:43">
      <c r="A28507" t="s">
        <v>17639</v>
      </c>
      <c r="B28507" t="s">
        <v>17640</v>
      </c>
      <c r="C28507" t="s">
        <v>17641</v>
      </c>
      <c r="D28507" t="s">
        <v>17642</v>
      </c>
      <c r="E28507" t="s">
        <v>17455</v>
      </c>
      <c r="F28507" t="s">
        <v>17456</v>
      </c>
      <c r="G28507" t="s">
        <v>16559</v>
      </c>
      <c r="H28507" t="s">
        <v>16560</v>
      </c>
      <c r="I28507" s="2">
        <v>1</v>
      </c>
      <c r="J28507" s="2">
        <v>0</v>
      </c>
      <c r="K28507" s="2">
        <v>0</v>
      </c>
      <c r="L28507" t="s">
        <v>120</v>
      </c>
      <c r="M28507" t="s">
        <v>87</v>
      </c>
      <c r="N28507" t="s">
        <v>88</v>
      </c>
      <c r="O28507" t="s">
        <v>85</v>
      </c>
      <c r="P28507" t="s">
        <v>86</v>
      </c>
      <c r="Q28507">
        <v>9</v>
      </c>
      <c r="R28507">
        <v>9</v>
      </c>
      <c r="S28507">
        <v>9</v>
      </c>
      <c r="T28507">
        <v>9</v>
      </c>
      <c r="U28507">
        <v>9</v>
      </c>
      <c r="V28507">
        <v>9</v>
      </c>
      <c r="W28507">
        <v>10</v>
      </c>
      <c r="X28507">
        <v>10</v>
      </c>
      <c r="Y28507">
        <v>10</v>
      </c>
      <c r="Z28507">
        <v>10</v>
      </c>
      <c r="AA28507">
        <v>10</v>
      </c>
      <c r="AB28507">
        <v>10</v>
      </c>
      <c r="AC28507">
        <v>10</v>
      </c>
      <c r="AD28507">
        <v>11</v>
      </c>
      <c r="AE28507">
        <v>11</v>
      </c>
      <c r="AF28507">
        <v>11</v>
      </c>
      <c r="AG28507">
        <v>11</v>
      </c>
      <c r="AH28507">
        <v>11</v>
      </c>
      <c r="AI28507">
        <v>11</v>
      </c>
      <c r="AJ28507">
        <v>11</v>
      </c>
      <c r="AK28507">
        <v>11</v>
      </c>
      <c r="AL28507">
        <v>12</v>
      </c>
      <c r="AM28507">
        <v>12</v>
      </c>
      <c r="AN28507">
        <v>12</v>
      </c>
      <c r="AO28507">
        <v>12</v>
      </c>
      <c r="AP28507">
        <v>12</v>
      </c>
      <c r="AQ28507">
        <v>12</v>
      </c>
    </row>
    <row r="28508" spans="1:43">
      <c r="A28508" t="s">
        <v>17639</v>
      </c>
      <c r="B28508" t="s">
        <v>17640</v>
      </c>
      <c r="C28508" t="s">
        <v>17641</v>
      </c>
      <c r="D28508" t="s">
        <v>17642</v>
      </c>
      <c r="E28508" t="s">
        <v>17455</v>
      </c>
      <c r="F28508" t="s">
        <v>17456</v>
      </c>
      <c r="G28508" t="s">
        <v>16559</v>
      </c>
      <c r="H28508" t="s">
        <v>16560</v>
      </c>
      <c r="I28508" s="2">
        <v>1</v>
      </c>
      <c r="J28508" s="2">
        <v>0</v>
      </c>
      <c r="K28508" s="2">
        <v>0</v>
      </c>
      <c r="L28508" t="s">
        <v>120</v>
      </c>
      <c r="M28508" t="s">
        <v>89</v>
      </c>
      <c r="N28508" t="s">
        <v>90</v>
      </c>
      <c r="O28508" t="s">
        <v>85</v>
      </c>
      <c r="P28508" t="s">
        <v>86</v>
      </c>
      <c r="Q28508">
        <v>9</v>
      </c>
      <c r="R28508">
        <v>9</v>
      </c>
      <c r="S28508">
        <v>10</v>
      </c>
      <c r="T28508">
        <v>10</v>
      </c>
      <c r="U28508">
        <v>10</v>
      </c>
      <c r="V28508">
        <v>10</v>
      </c>
      <c r="W28508">
        <v>11</v>
      </c>
      <c r="X28508">
        <v>11</v>
      </c>
      <c r="Y28508">
        <v>11</v>
      </c>
      <c r="Z28508">
        <v>12</v>
      </c>
      <c r="AA28508">
        <v>12</v>
      </c>
      <c r="AB28508">
        <v>12</v>
      </c>
      <c r="AC28508">
        <v>12</v>
      </c>
      <c r="AD28508">
        <v>13</v>
      </c>
      <c r="AE28508">
        <v>13</v>
      </c>
      <c r="AF28508">
        <v>13</v>
      </c>
      <c r="AG28508">
        <v>13</v>
      </c>
      <c r="AH28508">
        <v>13</v>
      </c>
      <c r="AI28508">
        <v>13</v>
      </c>
      <c r="AJ28508">
        <v>13</v>
      </c>
      <c r="AK28508">
        <v>14</v>
      </c>
      <c r="AL28508">
        <v>14</v>
      </c>
      <c r="AM28508">
        <v>14</v>
      </c>
      <c r="AN28508">
        <v>14</v>
      </c>
      <c r="AO28508">
        <v>14</v>
      </c>
      <c r="AP28508">
        <v>14</v>
      </c>
      <c r="AQ28508">
        <v>14</v>
      </c>
    </row>
    <row r="28509" spans="1:43">
      <c r="A28509" t="s">
        <v>17639</v>
      </c>
      <c r="B28509" t="s">
        <v>17640</v>
      </c>
      <c r="C28509" t="s">
        <v>17641</v>
      </c>
      <c r="D28509" t="s">
        <v>17642</v>
      </c>
      <c r="E28509" t="s">
        <v>17455</v>
      </c>
      <c r="F28509" t="s">
        <v>17456</v>
      </c>
      <c r="G28509" t="s">
        <v>16559</v>
      </c>
      <c r="H28509" t="s">
        <v>16560</v>
      </c>
      <c r="I28509" s="2">
        <v>1</v>
      </c>
      <c r="J28509" s="2">
        <v>0</v>
      </c>
      <c r="K28509" s="2">
        <v>0</v>
      </c>
      <c r="L28509" t="s">
        <v>120</v>
      </c>
      <c r="M28509" t="s">
        <v>83</v>
      </c>
      <c r="N28509" t="s">
        <v>91</v>
      </c>
      <c r="O28509" t="s">
        <v>85</v>
      </c>
      <c r="P28509" t="s">
        <v>86</v>
      </c>
      <c r="Q28509">
        <v>9</v>
      </c>
      <c r="R28509">
        <v>9</v>
      </c>
      <c r="S28509">
        <v>9</v>
      </c>
      <c r="T28509">
        <v>9</v>
      </c>
      <c r="U28509">
        <v>10</v>
      </c>
      <c r="V28509">
        <v>10</v>
      </c>
      <c r="W28509">
        <v>10</v>
      </c>
      <c r="X28509">
        <v>10</v>
      </c>
      <c r="Y28509">
        <v>11</v>
      </c>
      <c r="Z28509">
        <v>11</v>
      </c>
      <c r="AA28509">
        <v>11</v>
      </c>
      <c r="AB28509">
        <v>11</v>
      </c>
      <c r="AC28509">
        <v>12</v>
      </c>
      <c r="AD28509">
        <v>12</v>
      </c>
      <c r="AE28509">
        <v>12</v>
      </c>
      <c r="AF28509">
        <v>12</v>
      </c>
      <c r="AG28509">
        <v>12</v>
      </c>
      <c r="AH28509">
        <v>13</v>
      </c>
      <c r="AI28509">
        <v>13</v>
      </c>
      <c r="AJ28509">
        <v>13</v>
      </c>
      <c r="AK28509">
        <v>13</v>
      </c>
      <c r="AL28509">
        <v>14</v>
      </c>
      <c r="AM28509">
        <v>14</v>
      </c>
      <c r="AN28509">
        <v>14</v>
      </c>
      <c r="AO28509">
        <v>14</v>
      </c>
      <c r="AP28509">
        <v>14</v>
      </c>
      <c r="AQ28509">
        <v>14</v>
      </c>
    </row>
    <row r="28510" spans="1:43">
      <c r="A28510" t="s">
        <v>17643</v>
      </c>
      <c r="B28510" t="s">
        <v>17644</v>
      </c>
      <c r="C28510" t="s">
        <v>17641</v>
      </c>
      <c r="D28510" t="s">
        <v>17642</v>
      </c>
      <c r="E28510" t="s">
        <v>17455</v>
      </c>
      <c r="F28510" t="s">
        <v>17456</v>
      </c>
      <c r="G28510" t="s">
        <v>16559</v>
      </c>
      <c r="H28510" t="s">
        <v>16560</v>
      </c>
      <c r="I28510" s="2">
        <v>1</v>
      </c>
      <c r="J28510" s="2">
        <v>0</v>
      </c>
      <c r="K28510" s="2">
        <v>0</v>
      </c>
      <c r="L28510" t="s">
        <v>120</v>
      </c>
      <c r="M28510" t="s">
        <v>83</v>
      </c>
      <c r="N28510" t="s">
        <v>84</v>
      </c>
      <c r="O28510" t="s">
        <v>85</v>
      </c>
      <c r="P28510" t="s">
        <v>86</v>
      </c>
      <c r="Q28510">
        <v>91</v>
      </c>
      <c r="R28510">
        <v>93</v>
      </c>
      <c r="S28510">
        <v>96</v>
      </c>
      <c r="T28510">
        <v>98</v>
      </c>
      <c r="U28510">
        <v>100</v>
      </c>
      <c r="V28510">
        <v>102</v>
      </c>
      <c r="W28510">
        <v>105</v>
      </c>
      <c r="X28510">
        <v>107</v>
      </c>
      <c r="Y28510">
        <v>109</v>
      </c>
      <c r="Z28510">
        <v>112</v>
      </c>
      <c r="AA28510">
        <v>114</v>
      </c>
      <c r="AB28510">
        <v>117</v>
      </c>
      <c r="AC28510">
        <v>119</v>
      </c>
      <c r="AD28510">
        <v>121</v>
      </c>
      <c r="AE28510">
        <v>124</v>
      </c>
      <c r="AF28510">
        <v>126</v>
      </c>
      <c r="AG28510">
        <v>129</v>
      </c>
      <c r="AH28510">
        <v>131</v>
      </c>
      <c r="AI28510">
        <v>134</v>
      </c>
      <c r="AJ28510">
        <v>136</v>
      </c>
      <c r="AK28510">
        <v>139</v>
      </c>
      <c r="AL28510">
        <v>141</v>
      </c>
      <c r="AM28510">
        <v>142</v>
      </c>
      <c r="AN28510">
        <v>143</v>
      </c>
      <c r="AO28510">
        <v>144</v>
      </c>
      <c r="AP28510">
        <v>145</v>
      </c>
      <c r="AQ28510">
        <v>147</v>
      </c>
    </row>
    <row r="28511" spans="1:43">
      <c r="A28511" t="s">
        <v>17643</v>
      </c>
      <c r="B28511" t="s">
        <v>17644</v>
      </c>
      <c r="C28511" t="s">
        <v>17641</v>
      </c>
      <c r="D28511" t="s">
        <v>17642</v>
      </c>
      <c r="E28511" t="s">
        <v>17455</v>
      </c>
      <c r="F28511" t="s">
        <v>17456</v>
      </c>
      <c r="G28511" t="s">
        <v>16559</v>
      </c>
      <c r="H28511" t="s">
        <v>16560</v>
      </c>
      <c r="I28511" s="2">
        <v>1</v>
      </c>
      <c r="J28511" s="2">
        <v>0</v>
      </c>
      <c r="K28511" s="2">
        <v>0</v>
      </c>
      <c r="L28511" t="s">
        <v>120</v>
      </c>
      <c r="M28511" t="s">
        <v>87</v>
      </c>
      <c r="N28511" t="s">
        <v>88</v>
      </c>
      <c r="O28511" t="s">
        <v>85</v>
      </c>
      <c r="P28511" t="s">
        <v>86</v>
      </c>
      <c r="Q28511">
        <v>91</v>
      </c>
      <c r="R28511">
        <v>93</v>
      </c>
      <c r="S28511">
        <v>94</v>
      </c>
      <c r="T28511">
        <v>95</v>
      </c>
      <c r="U28511">
        <v>97</v>
      </c>
      <c r="V28511">
        <v>98</v>
      </c>
      <c r="W28511">
        <v>99</v>
      </c>
      <c r="X28511">
        <v>101</v>
      </c>
      <c r="Y28511">
        <v>102</v>
      </c>
      <c r="Z28511">
        <v>104</v>
      </c>
      <c r="AA28511">
        <v>105</v>
      </c>
      <c r="AB28511">
        <v>106</v>
      </c>
      <c r="AC28511">
        <v>108</v>
      </c>
      <c r="AD28511">
        <v>109</v>
      </c>
      <c r="AE28511">
        <v>111</v>
      </c>
      <c r="AF28511">
        <v>112</v>
      </c>
      <c r="AG28511">
        <v>114</v>
      </c>
      <c r="AH28511">
        <v>115</v>
      </c>
      <c r="AI28511">
        <v>116</v>
      </c>
      <c r="AJ28511">
        <v>118</v>
      </c>
      <c r="AK28511">
        <v>119</v>
      </c>
      <c r="AL28511">
        <v>121</v>
      </c>
      <c r="AM28511">
        <v>122</v>
      </c>
      <c r="AN28511">
        <v>124</v>
      </c>
      <c r="AO28511">
        <v>125</v>
      </c>
      <c r="AP28511">
        <v>127</v>
      </c>
      <c r="AQ28511">
        <v>128</v>
      </c>
    </row>
    <row r="28512" spans="1:43">
      <c r="A28512" t="s">
        <v>17643</v>
      </c>
      <c r="B28512" t="s">
        <v>17644</v>
      </c>
      <c r="C28512" t="s">
        <v>17641</v>
      </c>
      <c r="D28512" t="s">
        <v>17642</v>
      </c>
      <c r="E28512" t="s">
        <v>17455</v>
      </c>
      <c r="F28512" t="s">
        <v>17456</v>
      </c>
      <c r="G28512" t="s">
        <v>16559</v>
      </c>
      <c r="H28512" t="s">
        <v>16560</v>
      </c>
      <c r="I28512" s="2">
        <v>1</v>
      </c>
      <c r="J28512" s="2">
        <v>0</v>
      </c>
      <c r="K28512" s="2">
        <v>0</v>
      </c>
      <c r="L28512" t="s">
        <v>120</v>
      </c>
      <c r="M28512" t="s">
        <v>89</v>
      </c>
      <c r="N28512" t="s">
        <v>90</v>
      </c>
      <c r="O28512" t="s">
        <v>85</v>
      </c>
      <c r="P28512" t="s">
        <v>86</v>
      </c>
      <c r="Q28512">
        <v>91</v>
      </c>
      <c r="R28512">
        <v>94</v>
      </c>
      <c r="S28512">
        <v>97</v>
      </c>
      <c r="T28512">
        <v>100</v>
      </c>
      <c r="U28512">
        <v>103</v>
      </c>
      <c r="V28512">
        <v>106</v>
      </c>
      <c r="W28512">
        <v>109</v>
      </c>
      <c r="X28512">
        <v>112</v>
      </c>
      <c r="Y28512">
        <v>115</v>
      </c>
      <c r="Z28512">
        <v>118</v>
      </c>
      <c r="AA28512">
        <v>121</v>
      </c>
      <c r="AB28512">
        <v>123</v>
      </c>
      <c r="AC28512">
        <v>127</v>
      </c>
      <c r="AD28512">
        <v>130</v>
      </c>
      <c r="AE28512">
        <v>132</v>
      </c>
      <c r="AF28512">
        <v>133</v>
      </c>
      <c r="AG28512">
        <v>134</v>
      </c>
      <c r="AH28512">
        <v>136</v>
      </c>
      <c r="AI28512">
        <v>137</v>
      </c>
      <c r="AJ28512">
        <v>138</v>
      </c>
      <c r="AK28512">
        <v>139</v>
      </c>
      <c r="AL28512">
        <v>140</v>
      </c>
      <c r="AM28512">
        <v>142</v>
      </c>
      <c r="AN28512">
        <v>143</v>
      </c>
      <c r="AO28512">
        <v>144</v>
      </c>
      <c r="AP28512">
        <v>145</v>
      </c>
      <c r="AQ28512">
        <v>146</v>
      </c>
    </row>
    <row r="28513" spans="1:43">
      <c r="A28513" t="s">
        <v>17643</v>
      </c>
      <c r="B28513" t="s">
        <v>17644</v>
      </c>
      <c r="C28513" t="s">
        <v>17641</v>
      </c>
      <c r="D28513" t="s">
        <v>17642</v>
      </c>
      <c r="E28513" t="s">
        <v>17455</v>
      </c>
      <c r="F28513" t="s">
        <v>17456</v>
      </c>
      <c r="G28513" t="s">
        <v>16559</v>
      </c>
      <c r="H28513" t="s">
        <v>16560</v>
      </c>
      <c r="I28513" s="2">
        <v>1</v>
      </c>
      <c r="J28513" s="2">
        <v>0</v>
      </c>
      <c r="K28513" s="2">
        <v>0</v>
      </c>
      <c r="L28513" t="s">
        <v>120</v>
      </c>
      <c r="M28513" t="s">
        <v>83</v>
      </c>
      <c r="N28513" t="s">
        <v>91</v>
      </c>
      <c r="O28513" t="s">
        <v>85</v>
      </c>
      <c r="P28513" t="s">
        <v>86</v>
      </c>
      <c r="Q28513">
        <v>91</v>
      </c>
      <c r="R28513">
        <v>93</v>
      </c>
      <c r="S28513">
        <v>96</v>
      </c>
      <c r="T28513">
        <v>98</v>
      </c>
      <c r="U28513">
        <v>100</v>
      </c>
      <c r="V28513">
        <v>102</v>
      </c>
      <c r="W28513">
        <v>105</v>
      </c>
      <c r="X28513">
        <v>107</v>
      </c>
      <c r="Y28513">
        <v>109</v>
      </c>
      <c r="Z28513">
        <v>112</v>
      </c>
      <c r="AA28513">
        <v>114</v>
      </c>
      <c r="AB28513">
        <v>117</v>
      </c>
      <c r="AC28513">
        <v>119</v>
      </c>
      <c r="AD28513">
        <v>121</v>
      </c>
      <c r="AE28513">
        <v>124</v>
      </c>
      <c r="AF28513">
        <v>126</v>
      </c>
      <c r="AG28513">
        <v>129</v>
      </c>
      <c r="AH28513">
        <v>131</v>
      </c>
      <c r="AI28513">
        <v>134</v>
      </c>
      <c r="AJ28513">
        <v>136</v>
      </c>
      <c r="AK28513">
        <v>139</v>
      </c>
      <c r="AL28513">
        <v>141</v>
      </c>
      <c r="AM28513">
        <v>142</v>
      </c>
      <c r="AN28513">
        <v>143</v>
      </c>
      <c r="AO28513">
        <v>144</v>
      </c>
      <c r="AP28513">
        <v>145</v>
      </c>
      <c r="AQ28513">
        <v>147</v>
      </c>
    </row>
    <row r="28514" spans="1:43">
      <c r="A28514" t="s">
        <v>17645</v>
      </c>
      <c r="B28514" t="s">
        <v>17646</v>
      </c>
      <c r="C28514" t="s">
        <v>17641</v>
      </c>
      <c r="D28514" t="s">
        <v>17642</v>
      </c>
      <c r="E28514" t="s">
        <v>17455</v>
      </c>
      <c r="F28514" t="s">
        <v>17456</v>
      </c>
      <c r="G28514" t="s">
        <v>16559</v>
      </c>
      <c r="H28514" t="s">
        <v>16560</v>
      </c>
      <c r="I28514" s="2">
        <v>1</v>
      </c>
      <c r="J28514" s="2">
        <v>0</v>
      </c>
      <c r="K28514" s="2">
        <v>0</v>
      </c>
      <c r="L28514" t="s">
        <v>120</v>
      </c>
      <c r="M28514" t="s">
        <v>83</v>
      </c>
      <c r="N28514" t="s">
        <v>84</v>
      </c>
      <c r="O28514" t="s">
        <v>85</v>
      </c>
      <c r="P28514" t="s">
        <v>86</v>
      </c>
      <c r="Q28514">
        <v>8</v>
      </c>
      <c r="R28514">
        <v>8</v>
      </c>
      <c r="S28514">
        <v>9</v>
      </c>
      <c r="T28514">
        <v>9</v>
      </c>
      <c r="U28514">
        <v>9</v>
      </c>
      <c r="V28514">
        <v>9</v>
      </c>
      <c r="W28514">
        <v>9</v>
      </c>
      <c r="X28514">
        <v>10</v>
      </c>
      <c r="Y28514">
        <v>10</v>
      </c>
      <c r="Z28514">
        <v>10</v>
      </c>
      <c r="AA28514">
        <v>10</v>
      </c>
      <c r="AB28514">
        <v>10</v>
      </c>
      <c r="AC28514">
        <v>11</v>
      </c>
      <c r="AD28514">
        <v>11</v>
      </c>
      <c r="AE28514">
        <v>11</v>
      </c>
      <c r="AF28514">
        <v>11</v>
      </c>
      <c r="AG28514">
        <v>11</v>
      </c>
      <c r="AH28514">
        <v>12</v>
      </c>
      <c r="AI28514">
        <v>12</v>
      </c>
      <c r="AJ28514">
        <v>12</v>
      </c>
      <c r="AK28514">
        <v>12</v>
      </c>
      <c r="AL28514">
        <v>12</v>
      </c>
      <c r="AM28514">
        <v>13</v>
      </c>
      <c r="AN28514">
        <v>13</v>
      </c>
      <c r="AO28514">
        <v>13</v>
      </c>
      <c r="AP28514">
        <v>13</v>
      </c>
      <c r="AQ28514">
        <v>13</v>
      </c>
    </row>
    <row r="28515" spans="1:43">
      <c r="A28515" t="s">
        <v>17645</v>
      </c>
      <c r="B28515" t="s">
        <v>17646</v>
      </c>
      <c r="C28515" t="s">
        <v>17641</v>
      </c>
      <c r="D28515" t="s">
        <v>17642</v>
      </c>
      <c r="E28515" t="s">
        <v>17455</v>
      </c>
      <c r="F28515" t="s">
        <v>17456</v>
      </c>
      <c r="G28515" t="s">
        <v>16559</v>
      </c>
      <c r="H28515" t="s">
        <v>16560</v>
      </c>
      <c r="I28515" s="2">
        <v>1</v>
      </c>
      <c r="J28515" s="2">
        <v>0</v>
      </c>
      <c r="K28515" s="2">
        <v>0</v>
      </c>
      <c r="L28515" t="s">
        <v>120</v>
      </c>
      <c r="M28515" t="s">
        <v>87</v>
      </c>
      <c r="N28515" t="s">
        <v>88</v>
      </c>
      <c r="O28515" t="s">
        <v>85</v>
      </c>
      <c r="P28515" t="s">
        <v>86</v>
      </c>
      <c r="Q28515">
        <v>8</v>
      </c>
      <c r="R28515">
        <v>8</v>
      </c>
      <c r="S28515">
        <v>8</v>
      </c>
      <c r="T28515">
        <v>8</v>
      </c>
      <c r="U28515">
        <v>9</v>
      </c>
      <c r="V28515">
        <v>9</v>
      </c>
      <c r="W28515">
        <v>9</v>
      </c>
      <c r="X28515">
        <v>9</v>
      </c>
      <c r="Y28515">
        <v>9</v>
      </c>
      <c r="Z28515">
        <v>9</v>
      </c>
      <c r="AA28515">
        <v>9</v>
      </c>
      <c r="AB28515">
        <v>9</v>
      </c>
      <c r="AC28515">
        <v>10</v>
      </c>
      <c r="AD28515">
        <v>10</v>
      </c>
      <c r="AE28515">
        <v>10</v>
      </c>
      <c r="AF28515">
        <v>10</v>
      </c>
      <c r="AG28515">
        <v>10</v>
      </c>
      <c r="AH28515">
        <v>10</v>
      </c>
      <c r="AI28515">
        <v>10</v>
      </c>
      <c r="AJ28515">
        <v>10</v>
      </c>
      <c r="AK28515">
        <v>11</v>
      </c>
      <c r="AL28515">
        <v>11</v>
      </c>
      <c r="AM28515">
        <v>11</v>
      </c>
      <c r="AN28515">
        <v>11</v>
      </c>
      <c r="AO28515">
        <v>11</v>
      </c>
      <c r="AP28515">
        <v>11</v>
      </c>
      <c r="AQ28515">
        <v>11</v>
      </c>
    </row>
    <row r="28516" spans="1:43">
      <c r="A28516" t="s">
        <v>17645</v>
      </c>
      <c r="B28516" t="s">
        <v>17646</v>
      </c>
      <c r="C28516" t="s">
        <v>17641</v>
      </c>
      <c r="D28516" t="s">
        <v>17642</v>
      </c>
      <c r="E28516" t="s">
        <v>17455</v>
      </c>
      <c r="F28516" t="s">
        <v>17456</v>
      </c>
      <c r="G28516" t="s">
        <v>16559</v>
      </c>
      <c r="H28516" t="s">
        <v>16560</v>
      </c>
      <c r="I28516" s="2">
        <v>1</v>
      </c>
      <c r="J28516" s="2">
        <v>0</v>
      </c>
      <c r="K28516" s="2">
        <v>0</v>
      </c>
      <c r="L28516" t="s">
        <v>120</v>
      </c>
      <c r="M28516" t="s">
        <v>89</v>
      </c>
      <c r="N28516" t="s">
        <v>90</v>
      </c>
      <c r="O28516" t="s">
        <v>85</v>
      </c>
      <c r="P28516" t="s">
        <v>86</v>
      </c>
      <c r="Q28516">
        <v>8</v>
      </c>
      <c r="R28516">
        <v>8</v>
      </c>
      <c r="S28516">
        <v>9</v>
      </c>
      <c r="T28516">
        <v>9</v>
      </c>
      <c r="U28516">
        <v>9</v>
      </c>
      <c r="V28516">
        <v>10</v>
      </c>
      <c r="W28516">
        <v>10</v>
      </c>
      <c r="X28516">
        <v>10</v>
      </c>
      <c r="Y28516">
        <v>10</v>
      </c>
      <c r="Z28516">
        <v>11</v>
      </c>
      <c r="AA28516">
        <v>11</v>
      </c>
      <c r="AB28516">
        <v>11</v>
      </c>
      <c r="AC28516">
        <v>11</v>
      </c>
      <c r="AD28516">
        <v>12</v>
      </c>
      <c r="AE28516">
        <v>12</v>
      </c>
      <c r="AF28516">
        <v>12</v>
      </c>
      <c r="AG28516">
        <v>12</v>
      </c>
      <c r="AH28516">
        <v>12</v>
      </c>
      <c r="AI28516">
        <v>12</v>
      </c>
      <c r="AJ28516">
        <v>12</v>
      </c>
      <c r="AK28516">
        <v>12</v>
      </c>
      <c r="AL28516">
        <v>13</v>
      </c>
      <c r="AM28516">
        <v>13</v>
      </c>
      <c r="AN28516">
        <v>13</v>
      </c>
      <c r="AO28516">
        <v>13</v>
      </c>
      <c r="AP28516">
        <v>13</v>
      </c>
      <c r="AQ28516">
        <v>13</v>
      </c>
    </row>
    <row r="28517" spans="1:43">
      <c r="A28517" t="s">
        <v>17645</v>
      </c>
      <c r="B28517" t="s">
        <v>17646</v>
      </c>
      <c r="C28517" t="s">
        <v>17641</v>
      </c>
      <c r="D28517" t="s">
        <v>17642</v>
      </c>
      <c r="E28517" t="s">
        <v>17455</v>
      </c>
      <c r="F28517" t="s">
        <v>17456</v>
      </c>
      <c r="G28517" t="s">
        <v>16559</v>
      </c>
      <c r="H28517" t="s">
        <v>16560</v>
      </c>
      <c r="I28517" s="2">
        <v>1</v>
      </c>
      <c r="J28517" s="2">
        <v>0</v>
      </c>
      <c r="K28517" s="2">
        <v>0</v>
      </c>
      <c r="L28517" t="s">
        <v>120</v>
      </c>
      <c r="M28517" t="s">
        <v>83</v>
      </c>
      <c r="N28517" t="s">
        <v>91</v>
      </c>
      <c r="O28517" t="s">
        <v>85</v>
      </c>
      <c r="P28517" t="s">
        <v>86</v>
      </c>
      <c r="Q28517">
        <v>8</v>
      </c>
      <c r="R28517">
        <v>8</v>
      </c>
      <c r="S28517">
        <v>9</v>
      </c>
      <c r="T28517">
        <v>9</v>
      </c>
      <c r="U28517">
        <v>9</v>
      </c>
      <c r="V28517">
        <v>9</v>
      </c>
      <c r="W28517">
        <v>9</v>
      </c>
      <c r="X28517">
        <v>10</v>
      </c>
      <c r="Y28517">
        <v>10</v>
      </c>
      <c r="Z28517">
        <v>10</v>
      </c>
      <c r="AA28517">
        <v>10</v>
      </c>
      <c r="AB28517">
        <v>10</v>
      </c>
      <c r="AC28517">
        <v>11</v>
      </c>
      <c r="AD28517">
        <v>11</v>
      </c>
      <c r="AE28517">
        <v>11</v>
      </c>
      <c r="AF28517">
        <v>11</v>
      </c>
      <c r="AG28517">
        <v>11</v>
      </c>
      <c r="AH28517">
        <v>12</v>
      </c>
      <c r="AI28517">
        <v>12</v>
      </c>
      <c r="AJ28517">
        <v>12</v>
      </c>
      <c r="AK28517">
        <v>12</v>
      </c>
      <c r="AL28517">
        <v>12</v>
      </c>
      <c r="AM28517">
        <v>13</v>
      </c>
      <c r="AN28517">
        <v>13</v>
      </c>
      <c r="AO28517">
        <v>13</v>
      </c>
      <c r="AP28517">
        <v>13</v>
      </c>
      <c r="AQ28517">
        <v>13</v>
      </c>
    </row>
    <row r="28518" spans="1:43">
      <c r="A28518" t="s">
        <v>17647</v>
      </c>
      <c r="B28518" t="s">
        <v>17648</v>
      </c>
      <c r="C28518" t="s">
        <v>17641</v>
      </c>
      <c r="D28518" t="s">
        <v>17642</v>
      </c>
      <c r="E28518" t="s">
        <v>17455</v>
      </c>
      <c r="F28518" t="s">
        <v>17456</v>
      </c>
      <c r="G28518" t="s">
        <v>16559</v>
      </c>
      <c r="H28518" t="s">
        <v>16560</v>
      </c>
      <c r="I28518" s="2">
        <v>1</v>
      </c>
      <c r="J28518" s="2">
        <v>0</v>
      </c>
      <c r="K28518" s="2">
        <v>0</v>
      </c>
      <c r="L28518" t="s">
        <v>120</v>
      </c>
      <c r="M28518" t="s">
        <v>83</v>
      </c>
      <c r="N28518" t="s">
        <v>84</v>
      </c>
      <c r="O28518" t="s">
        <v>85</v>
      </c>
      <c r="P28518" t="s">
        <v>86</v>
      </c>
      <c r="Q28518">
        <v>30</v>
      </c>
      <c r="R28518">
        <v>31</v>
      </c>
      <c r="S28518">
        <v>32</v>
      </c>
      <c r="T28518">
        <v>32</v>
      </c>
      <c r="U28518">
        <v>33</v>
      </c>
      <c r="V28518">
        <v>34</v>
      </c>
      <c r="W28518">
        <v>35</v>
      </c>
      <c r="X28518">
        <v>35</v>
      </c>
      <c r="Y28518">
        <v>36</v>
      </c>
      <c r="Z28518">
        <v>37</v>
      </c>
      <c r="AA28518">
        <v>38</v>
      </c>
      <c r="AB28518">
        <v>39</v>
      </c>
      <c r="AC28518">
        <v>39</v>
      </c>
      <c r="AD28518">
        <v>40</v>
      </c>
      <c r="AE28518">
        <v>41</v>
      </c>
      <c r="AF28518">
        <v>42</v>
      </c>
      <c r="AG28518">
        <v>43</v>
      </c>
      <c r="AH28518">
        <v>43</v>
      </c>
      <c r="AI28518">
        <v>44</v>
      </c>
      <c r="AJ28518">
        <v>45</v>
      </c>
      <c r="AK28518">
        <v>46</v>
      </c>
      <c r="AL28518">
        <v>47</v>
      </c>
      <c r="AM28518">
        <v>47</v>
      </c>
      <c r="AN28518">
        <v>47</v>
      </c>
      <c r="AO28518">
        <v>48</v>
      </c>
      <c r="AP28518">
        <v>48</v>
      </c>
      <c r="AQ28518">
        <v>49</v>
      </c>
    </row>
    <row r="28519" spans="1:43">
      <c r="A28519" t="s">
        <v>17647</v>
      </c>
      <c r="B28519" t="s">
        <v>17648</v>
      </c>
      <c r="C28519" t="s">
        <v>17641</v>
      </c>
      <c r="D28519" t="s">
        <v>17642</v>
      </c>
      <c r="E28519" t="s">
        <v>17455</v>
      </c>
      <c r="F28519" t="s">
        <v>17456</v>
      </c>
      <c r="G28519" t="s">
        <v>16559</v>
      </c>
      <c r="H28519" t="s">
        <v>16560</v>
      </c>
      <c r="I28519" s="2">
        <v>1</v>
      </c>
      <c r="J28519" s="2">
        <v>0</v>
      </c>
      <c r="K28519" s="2">
        <v>0</v>
      </c>
      <c r="L28519" t="s">
        <v>120</v>
      </c>
      <c r="M28519" t="s">
        <v>87</v>
      </c>
      <c r="N28519" t="s">
        <v>88</v>
      </c>
      <c r="O28519" t="s">
        <v>85</v>
      </c>
      <c r="P28519" t="s">
        <v>86</v>
      </c>
      <c r="Q28519">
        <v>30</v>
      </c>
      <c r="R28519">
        <v>30</v>
      </c>
      <c r="S28519">
        <v>31</v>
      </c>
      <c r="T28519">
        <v>31</v>
      </c>
      <c r="U28519">
        <v>32</v>
      </c>
      <c r="V28519">
        <v>32</v>
      </c>
      <c r="W28519">
        <v>33</v>
      </c>
      <c r="X28519">
        <v>33</v>
      </c>
      <c r="Y28519">
        <v>34</v>
      </c>
      <c r="Z28519">
        <v>34</v>
      </c>
      <c r="AA28519">
        <v>34</v>
      </c>
      <c r="AB28519">
        <v>35</v>
      </c>
      <c r="AC28519">
        <v>35</v>
      </c>
      <c r="AD28519">
        <v>36</v>
      </c>
      <c r="AE28519">
        <v>36</v>
      </c>
      <c r="AF28519">
        <v>37</v>
      </c>
      <c r="AG28519">
        <v>37</v>
      </c>
      <c r="AH28519">
        <v>38</v>
      </c>
      <c r="AI28519">
        <v>38</v>
      </c>
      <c r="AJ28519">
        <v>39</v>
      </c>
      <c r="AK28519">
        <v>39</v>
      </c>
      <c r="AL28519">
        <v>40</v>
      </c>
      <c r="AM28519">
        <v>40</v>
      </c>
      <c r="AN28519">
        <v>41</v>
      </c>
      <c r="AO28519">
        <v>41</v>
      </c>
      <c r="AP28519">
        <v>42</v>
      </c>
      <c r="AQ28519">
        <v>42</v>
      </c>
    </row>
    <row r="28520" spans="1:43">
      <c r="A28520" t="s">
        <v>17647</v>
      </c>
      <c r="B28520" t="s">
        <v>17648</v>
      </c>
      <c r="C28520" t="s">
        <v>17641</v>
      </c>
      <c r="D28520" t="s">
        <v>17642</v>
      </c>
      <c r="E28520" t="s">
        <v>17455</v>
      </c>
      <c r="F28520" t="s">
        <v>17456</v>
      </c>
      <c r="G28520" t="s">
        <v>16559</v>
      </c>
      <c r="H28520" t="s">
        <v>16560</v>
      </c>
      <c r="I28520" s="2">
        <v>1</v>
      </c>
      <c r="J28520" s="2">
        <v>0</v>
      </c>
      <c r="K28520" s="2">
        <v>0</v>
      </c>
      <c r="L28520" t="s">
        <v>120</v>
      </c>
      <c r="M28520" t="s">
        <v>89</v>
      </c>
      <c r="N28520" t="s">
        <v>90</v>
      </c>
      <c r="O28520" t="s">
        <v>85</v>
      </c>
      <c r="P28520" t="s">
        <v>86</v>
      </c>
      <c r="Q28520">
        <v>30</v>
      </c>
      <c r="R28520">
        <v>31</v>
      </c>
      <c r="S28520">
        <v>31</v>
      </c>
      <c r="T28520">
        <v>33</v>
      </c>
      <c r="U28520">
        <v>34</v>
      </c>
      <c r="V28520">
        <v>34</v>
      </c>
      <c r="W28520">
        <v>35</v>
      </c>
      <c r="X28520">
        <v>36</v>
      </c>
      <c r="Y28520">
        <v>37</v>
      </c>
      <c r="Z28520">
        <v>38</v>
      </c>
      <c r="AA28520">
        <v>39</v>
      </c>
      <c r="AB28520">
        <v>40</v>
      </c>
      <c r="AC28520">
        <v>41</v>
      </c>
      <c r="AD28520">
        <v>42</v>
      </c>
      <c r="AE28520">
        <v>43</v>
      </c>
      <c r="AF28520">
        <v>43</v>
      </c>
      <c r="AG28520">
        <v>44</v>
      </c>
      <c r="AH28520">
        <v>44</v>
      </c>
      <c r="AI28520">
        <v>45</v>
      </c>
      <c r="AJ28520">
        <v>45</v>
      </c>
      <c r="AK28520">
        <v>45</v>
      </c>
      <c r="AL28520">
        <v>46</v>
      </c>
      <c r="AM28520">
        <v>46</v>
      </c>
      <c r="AN28520">
        <v>47</v>
      </c>
      <c r="AO28520">
        <v>47</v>
      </c>
      <c r="AP28520">
        <v>47</v>
      </c>
      <c r="AQ28520">
        <v>48</v>
      </c>
    </row>
    <row r="28521" spans="1:43">
      <c r="A28521" t="s">
        <v>17647</v>
      </c>
      <c r="B28521" t="s">
        <v>17648</v>
      </c>
      <c r="C28521" t="s">
        <v>17641</v>
      </c>
      <c r="D28521" t="s">
        <v>17642</v>
      </c>
      <c r="E28521" t="s">
        <v>17455</v>
      </c>
      <c r="F28521" t="s">
        <v>17456</v>
      </c>
      <c r="G28521" t="s">
        <v>16559</v>
      </c>
      <c r="H28521" t="s">
        <v>16560</v>
      </c>
      <c r="I28521" s="2">
        <v>1</v>
      </c>
      <c r="J28521" s="2">
        <v>0</v>
      </c>
      <c r="K28521" s="2">
        <v>0</v>
      </c>
      <c r="L28521" t="s">
        <v>120</v>
      </c>
      <c r="M28521" t="s">
        <v>83</v>
      </c>
      <c r="N28521" t="s">
        <v>91</v>
      </c>
      <c r="O28521" t="s">
        <v>85</v>
      </c>
      <c r="P28521" t="s">
        <v>86</v>
      </c>
      <c r="Q28521">
        <v>30</v>
      </c>
      <c r="R28521">
        <v>31</v>
      </c>
      <c r="S28521">
        <v>32</v>
      </c>
      <c r="T28521">
        <v>32</v>
      </c>
      <c r="U28521">
        <v>33</v>
      </c>
      <c r="V28521">
        <v>34</v>
      </c>
      <c r="W28521">
        <v>35</v>
      </c>
      <c r="X28521">
        <v>35</v>
      </c>
      <c r="Y28521">
        <v>36</v>
      </c>
      <c r="Z28521">
        <v>37</v>
      </c>
      <c r="AA28521">
        <v>38</v>
      </c>
      <c r="AB28521">
        <v>39</v>
      </c>
      <c r="AC28521">
        <v>39</v>
      </c>
      <c r="AD28521">
        <v>40</v>
      </c>
      <c r="AE28521">
        <v>41</v>
      </c>
      <c r="AF28521">
        <v>42</v>
      </c>
      <c r="AG28521">
        <v>43</v>
      </c>
      <c r="AH28521">
        <v>43</v>
      </c>
      <c r="AI28521">
        <v>44</v>
      </c>
      <c r="AJ28521">
        <v>45</v>
      </c>
      <c r="AK28521">
        <v>46</v>
      </c>
      <c r="AL28521">
        <v>47</v>
      </c>
      <c r="AM28521">
        <v>47</v>
      </c>
      <c r="AN28521">
        <v>47</v>
      </c>
      <c r="AO28521">
        <v>48</v>
      </c>
      <c r="AP28521">
        <v>48</v>
      </c>
      <c r="AQ28521">
        <v>49</v>
      </c>
    </row>
    <row r="28522" spans="1:43">
      <c r="A28522" t="s">
        <v>17649</v>
      </c>
      <c r="B28522" t="s">
        <v>17650</v>
      </c>
      <c r="C28522" t="s">
        <v>17651</v>
      </c>
      <c r="D28522" t="s">
        <v>17652</v>
      </c>
      <c r="E28522" t="s">
        <v>17455</v>
      </c>
      <c r="F28522" t="s">
        <v>17456</v>
      </c>
      <c r="G28522" t="s">
        <v>16559</v>
      </c>
      <c r="H28522" t="s">
        <v>16560</v>
      </c>
      <c r="I28522" s="2">
        <v>1</v>
      </c>
      <c r="J28522" s="2">
        <v>0</v>
      </c>
      <c r="K28522" s="2">
        <v>0</v>
      </c>
      <c r="L28522" t="s">
        <v>120</v>
      </c>
      <c r="M28522" t="s">
        <v>83</v>
      </c>
      <c r="N28522" t="s">
        <v>84</v>
      </c>
      <c r="O28522" t="s">
        <v>85</v>
      </c>
      <c r="P28522" t="s">
        <v>86</v>
      </c>
      <c r="Q28522">
        <v>28</v>
      </c>
      <c r="R28522">
        <v>29</v>
      </c>
      <c r="S28522">
        <v>30</v>
      </c>
      <c r="T28522">
        <v>30</v>
      </c>
      <c r="U28522">
        <v>31</v>
      </c>
      <c r="V28522">
        <v>32</v>
      </c>
      <c r="W28522">
        <v>33</v>
      </c>
      <c r="X28522">
        <v>33</v>
      </c>
      <c r="Y28522">
        <v>34</v>
      </c>
      <c r="Z28522">
        <v>35</v>
      </c>
      <c r="AA28522">
        <v>35</v>
      </c>
      <c r="AB28522">
        <v>36</v>
      </c>
      <c r="AC28522">
        <v>37</v>
      </c>
      <c r="AD28522">
        <v>38</v>
      </c>
      <c r="AE28522">
        <v>38</v>
      </c>
      <c r="AF28522">
        <v>39</v>
      </c>
      <c r="AG28522">
        <v>40</v>
      </c>
      <c r="AH28522">
        <v>41</v>
      </c>
      <c r="AI28522">
        <v>42</v>
      </c>
      <c r="AJ28522">
        <v>42</v>
      </c>
      <c r="AK28522">
        <v>43</v>
      </c>
      <c r="AL28522">
        <v>44</v>
      </c>
      <c r="AM28522">
        <v>44</v>
      </c>
      <c r="AN28522">
        <v>44</v>
      </c>
      <c r="AO28522">
        <v>45</v>
      </c>
      <c r="AP28522">
        <v>45</v>
      </c>
      <c r="AQ28522">
        <v>46</v>
      </c>
    </row>
    <row r="28523" spans="1:43">
      <c r="A28523" t="s">
        <v>17649</v>
      </c>
      <c r="B28523" t="s">
        <v>17650</v>
      </c>
      <c r="C28523" t="s">
        <v>17651</v>
      </c>
      <c r="D28523" t="s">
        <v>17652</v>
      </c>
      <c r="E28523" t="s">
        <v>17455</v>
      </c>
      <c r="F28523" t="s">
        <v>17456</v>
      </c>
      <c r="G28523" t="s">
        <v>16559</v>
      </c>
      <c r="H28523" t="s">
        <v>16560</v>
      </c>
      <c r="I28523" s="2">
        <v>1</v>
      </c>
      <c r="J28523" s="2">
        <v>0</v>
      </c>
      <c r="K28523" s="2">
        <v>0</v>
      </c>
      <c r="L28523" t="s">
        <v>120</v>
      </c>
      <c r="M28523" t="s">
        <v>87</v>
      </c>
      <c r="N28523" t="s">
        <v>88</v>
      </c>
      <c r="O28523" t="s">
        <v>85</v>
      </c>
      <c r="P28523" t="s">
        <v>86</v>
      </c>
      <c r="Q28523">
        <v>28</v>
      </c>
      <c r="R28523">
        <v>28</v>
      </c>
      <c r="S28523">
        <v>29</v>
      </c>
      <c r="T28523">
        <v>29</v>
      </c>
      <c r="U28523">
        <v>30</v>
      </c>
      <c r="V28523">
        <v>30</v>
      </c>
      <c r="W28523">
        <v>31</v>
      </c>
      <c r="X28523">
        <v>31</v>
      </c>
      <c r="Y28523">
        <v>31</v>
      </c>
      <c r="Z28523">
        <v>32</v>
      </c>
      <c r="AA28523">
        <v>32</v>
      </c>
      <c r="AB28523">
        <v>33</v>
      </c>
      <c r="AC28523">
        <v>33</v>
      </c>
      <c r="AD28523">
        <v>34</v>
      </c>
      <c r="AE28523">
        <v>34</v>
      </c>
      <c r="AF28523">
        <v>35</v>
      </c>
      <c r="AG28523">
        <v>35</v>
      </c>
      <c r="AH28523">
        <v>35</v>
      </c>
      <c r="AI28523">
        <v>36</v>
      </c>
      <c r="AJ28523">
        <v>36</v>
      </c>
      <c r="AK28523">
        <v>37</v>
      </c>
      <c r="AL28523">
        <v>37</v>
      </c>
      <c r="AM28523">
        <v>38</v>
      </c>
      <c r="AN28523">
        <v>38</v>
      </c>
      <c r="AO28523">
        <v>39</v>
      </c>
      <c r="AP28523">
        <v>39</v>
      </c>
      <c r="AQ28523">
        <v>40</v>
      </c>
    </row>
    <row r="28524" spans="1:43">
      <c r="A28524" t="s">
        <v>17649</v>
      </c>
      <c r="B28524" t="s">
        <v>17650</v>
      </c>
      <c r="C28524" t="s">
        <v>17651</v>
      </c>
      <c r="D28524" t="s">
        <v>17652</v>
      </c>
      <c r="E28524" t="s">
        <v>17455</v>
      </c>
      <c r="F28524" t="s">
        <v>17456</v>
      </c>
      <c r="G28524" t="s">
        <v>16559</v>
      </c>
      <c r="H28524" t="s">
        <v>16560</v>
      </c>
      <c r="I28524" s="2">
        <v>1</v>
      </c>
      <c r="J28524" s="2">
        <v>0</v>
      </c>
      <c r="K28524" s="2">
        <v>0</v>
      </c>
      <c r="L28524" t="s">
        <v>120</v>
      </c>
      <c r="M28524" t="s">
        <v>89</v>
      </c>
      <c r="N28524" t="s">
        <v>90</v>
      </c>
      <c r="O28524" t="s">
        <v>85</v>
      </c>
      <c r="P28524" t="s">
        <v>86</v>
      </c>
      <c r="Q28524">
        <v>28</v>
      </c>
      <c r="R28524">
        <v>29</v>
      </c>
      <c r="S28524">
        <v>29</v>
      </c>
      <c r="T28524">
        <v>30</v>
      </c>
      <c r="U28524">
        <v>31</v>
      </c>
      <c r="V28524">
        <v>32</v>
      </c>
      <c r="W28524">
        <v>33</v>
      </c>
      <c r="X28524">
        <v>34</v>
      </c>
      <c r="Y28524">
        <v>35</v>
      </c>
      <c r="Z28524">
        <v>36</v>
      </c>
      <c r="AA28524">
        <v>37</v>
      </c>
      <c r="AB28524">
        <v>38</v>
      </c>
      <c r="AC28524">
        <v>39</v>
      </c>
      <c r="AD28524">
        <v>40</v>
      </c>
      <c r="AE28524">
        <v>40</v>
      </c>
      <c r="AF28524">
        <v>41</v>
      </c>
      <c r="AG28524">
        <v>41</v>
      </c>
      <c r="AH28524">
        <v>41</v>
      </c>
      <c r="AI28524">
        <v>42</v>
      </c>
      <c r="AJ28524">
        <v>42</v>
      </c>
      <c r="AK28524">
        <v>43</v>
      </c>
      <c r="AL28524">
        <v>43</v>
      </c>
      <c r="AM28524">
        <v>43</v>
      </c>
      <c r="AN28524">
        <v>44</v>
      </c>
      <c r="AO28524">
        <v>44</v>
      </c>
      <c r="AP28524">
        <v>44</v>
      </c>
      <c r="AQ28524">
        <v>45</v>
      </c>
    </row>
    <row r="28525" spans="1:43">
      <c r="A28525" t="s">
        <v>17649</v>
      </c>
      <c r="B28525" t="s">
        <v>17650</v>
      </c>
      <c r="C28525" t="s">
        <v>17651</v>
      </c>
      <c r="D28525" t="s">
        <v>17652</v>
      </c>
      <c r="E28525" t="s">
        <v>17455</v>
      </c>
      <c r="F28525" t="s">
        <v>17456</v>
      </c>
      <c r="G28525" t="s">
        <v>16559</v>
      </c>
      <c r="H28525" t="s">
        <v>16560</v>
      </c>
      <c r="I28525" s="2">
        <v>1</v>
      </c>
      <c r="J28525" s="2">
        <v>0</v>
      </c>
      <c r="K28525" s="2">
        <v>0</v>
      </c>
      <c r="L28525" t="s">
        <v>120</v>
      </c>
      <c r="M28525" t="s">
        <v>83</v>
      </c>
      <c r="N28525" t="s">
        <v>91</v>
      </c>
      <c r="O28525" t="s">
        <v>85</v>
      </c>
      <c r="P28525" t="s">
        <v>86</v>
      </c>
      <c r="Q28525">
        <v>28</v>
      </c>
      <c r="R28525">
        <v>29</v>
      </c>
      <c r="S28525">
        <v>30</v>
      </c>
      <c r="T28525">
        <v>30</v>
      </c>
      <c r="U28525">
        <v>31</v>
      </c>
      <c r="V28525">
        <v>32</v>
      </c>
      <c r="W28525">
        <v>33</v>
      </c>
      <c r="X28525">
        <v>33</v>
      </c>
      <c r="Y28525">
        <v>34</v>
      </c>
      <c r="Z28525">
        <v>35</v>
      </c>
      <c r="AA28525">
        <v>35</v>
      </c>
      <c r="AB28525">
        <v>36</v>
      </c>
      <c r="AC28525">
        <v>37</v>
      </c>
      <c r="AD28525">
        <v>38</v>
      </c>
      <c r="AE28525">
        <v>38</v>
      </c>
      <c r="AF28525">
        <v>39</v>
      </c>
      <c r="AG28525">
        <v>40</v>
      </c>
      <c r="AH28525">
        <v>41</v>
      </c>
      <c r="AI28525">
        <v>42</v>
      </c>
      <c r="AJ28525">
        <v>42</v>
      </c>
      <c r="AK28525">
        <v>43</v>
      </c>
      <c r="AL28525">
        <v>44</v>
      </c>
      <c r="AM28525">
        <v>44</v>
      </c>
      <c r="AN28525">
        <v>44</v>
      </c>
      <c r="AO28525">
        <v>45</v>
      </c>
      <c r="AP28525">
        <v>45</v>
      </c>
      <c r="AQ28525">
        <v>46</v>
      </c>
    </row>
    <row r="28526" spans="1:43">
      <c r="A28526" t="s">
        <v>17653</v>
      </c>
      <c r="B28526" t="s">
        <v>17654</v>
      </c>
      <c r="C28526" t="s">
        <v>17651</v>
      </c>
      <c r="D28526" t="s">
        <v>17652</v>
      </c>
      <c r="E28526" t="s">
        <v>17455</v>
      </c>
      <c r="F28526" t="s">
        <v>17456</v>
      </c>
      <c r="G28526" t="s">
        <v>16559</v>
      </c>
      <c r="H28526" t="s">
        <v>16560</v>
      </c>
      <c r="I28526" s="2">
        <v>1</v>
      </c>
      <c r="J28526" s="2">
        <v>0</v>
      </c>
      <c r="K28526" s="2">
        <v>0</v>
      </c>
      <c r="L28526" t="s">
        <v>120</v>
      </c>
      <c r="M28526" t="s">
        <v>83</v>
      </c>
      <c r="N28526" t="s">
        <v>84</v>
      </c>
      <c r="O28526" t="s">
        <v>85</v>
      </c>
      <c r="P28526" t="s">
        <v>86</v>
      </c>
      <c r="Q28526">
        <v>51</v>
      </c>
      <c r="R28526">
        <v>52</v>
      </c>
      <c r="S28526">
        <v>53</v>
      </c>
      <c r="T28526">
        <v>54</v>
      </c>
      <c r="U28526">
        <v>56</v>
      </c>
      <c r="V28526">
        <v>57</v>
      </c>
      <c r="W28526">
        <v>58</v>
      </c>
      <c r="X28526">
        <v>60</v>
      </c>
      <c r="Y28526">
        <v>61</v>
      </c>
      <c r="Z28526">
        <v>62</v>
      </c>
      <c r="AA28526">
        <v>63</v>
      </c>
      <c r="AB28526">
        <v>65</v>
      </c>
      <c r="AC28526">
        <v>66</v>
      </c>
      <c r="AD28526">
        <v>67</v>
      </c>
      <c r="AE28526">
        <v>69</v>
      </c>
      <c r="AF28526">
        <v>70</v>
      </c>
      <c r="AG28526">
        <v>72</v>
      </c>
      <c r="AH28526">
        <v>73</v>
      </c>
      <c r="AI28526">
        <v>74</v>
      </c>
      <c r="AJ28526">
        <v>76</v>
      </c>
      <c r="AK28526">
        <v>77</v>
      </c>
      <c r="AL28526">
        <v>78</v>
      </c>
      <c r="AM28526">
        <v>79</v>
      </c>
      <c r="AN28526">
        <v>80</v>
      </c>
      <c r="AO28526">
        <v>80</v>
      </c>
      <c r="AP28526">
        <v>81</v>
      </c>
      <c r="AQ28526">
        <v>82</v>
      </c>
    </row>
    <row r="28527" spans="1:43">
      <c r="A28527" t="s">
        <v>17653</v>
      </c>
      <c r="B28527" t="s">
        <v>17654</v>
      </c>
      <c r="C28527" t="s">
        <v>17651</v>
      </c>
      <c r="D28527" t="s">
        <v>17652</v>
      </c>
      <c r="E28527" t="s">
        <v>17455</v>
      </c>
      <c r="F28527" t="s">
        <v>17456</v>
      </c>
      <c r="G28527" t="s">
        <v>16559</v>
      </c>
      <c r="H28527" t="s">
        <v>16560</v>
      </c>
      <c r="I28527" s="2">
        <v>1</v>
      </c>
      <c r="J28527" s="2">
        <v>0</v>
      </c>
      <c r="K28527" s="2">
        <v>0</v>
      </c>
      <c r="L28527" t="s">
        <v>120</v>
      </c>
      <c r="M28527" t="s">
        <v>87</v>
      </c>
      <c r="N28527" t="s">
        <v>88</v>
      </c>
      <c r="O28527" t="s">
        <v>85</v>
      </c>
      <c r="P28527" t="s">
        <v>86</v>
      </c>
      <c r="Q28527">
        <v>51</v>
      </c>
      <c r="R28527">
        <v>52</v>
      </c>
      <c r="S28527">
        <v>53</v>
      </c>
      <c r="T28527">
        <v>53</v>
      </c>
      <c r="U28527">
        <v>54</v>
      </c>
      <c r="V28527">
        <v>55</v>
      </c>
      <c r="W28527">
        <v>56</v>
      </c>
      <c r="X28527">
        <v>56</v>
      </c>
      <c r="Y28527">
        <v>57</v>
      </c>
      <c r="Z28527">
        <v>58</v>
      </c>
      <c r="AA28527">
        <v>59</v>
      </c>
      <c r="AB28527">
        <v>60</v>
      </c>
      <c r="AC28527">
        <v>60</v>
      </c>
      <c r="AD28527">
        <v>61</v>
      </c>
      <c r="AE28527">
        <v>62</v>
      </c>
      <c r="AF28527">
        <v>63</v>
      </c>
      <c r="AG28527">
        <v>64</v>
      </c>
      <c r="AH28527">
        <v>64</v>
      </c>
      <c r="AI28527">
        <v>65</v>
      </c>
      <c r="AJ28527">
        <v>66</v>
      </c>
      <c r="AK28527">
        <v>67</v>
      </c>
      <c r="AL28527">
        <v>68</v>
      </c>
      <c r="AM28527">
        <v>68</v>
      </c>
      <c r="AN28527">
        <v>69</v>
      </c>
      <c r="AO28527">
        <v>70</v>
      </c>
      <c r="AP28527">
        <v>71</v>
      </c>
      <c r="AQ28527">
        <v>72</v>
      </c>
    </row>
    <row r="28528" spans="1:43">
      <c r="A28528" t="s">
        <v>17653</v>
      </c>
      <c r="B28528" t="s">
        <v>17654</v>
      </c>
      <c r="C28528" t="s">
        <v>17651</v>
      </c>
      <c r="D28528" t="s">
        <v>17652</v>
      </c>
      <c r="E28528" t="s">
        <v>17455</v>
      </c>
      <c r="F28528" t="s">
        <v>17456</v>
      </c>
      <c r="G28528" t="s">
        <v>16559</v>
      </c>
      <c r="H28528" t="s">
        <v>16560</v>
      </c>
      <c r="I28528" s="2">
        <v>1</v>
      </c>
      <c r="J28528" s="2">
        <v>0</v>
      </c>
      <c r="K28528" s="2">
        <v>0</v>
      </c>
      <c r="L28528" t="s">
        <v>120</v>
      </c>
      <c r="M28528" t="s">
        <v>89</v>
      </c>
      <c r="N28528" t="s">
        <v>90</v>
      </c>
      <c r="O28528" t="s">
        <v>85</v>
      </c>
      <c r="P28528" t="s">
        <v>86</v>
      </c>
      <c r="Q28528">
        <v>51</v>
      </c>
      <c r="R28528">
        <v>53</v>
      </c>
      <c r="S28528">
        <v>54</v>
      </c>
      <c r="T28528">
        <v>56</v>
      </c>
      <c r="U28528">
        <v>58</v>
      </c>
      <c r="V28528">
        <v>59</v>
      </c>
      <c r="W28528">
        <v>61</v>
      </c>
      <c r="X28528">
        <v>63</v>
      </c>
      <c r="Y28528">
        <v>64</v>
      </c>
      <c r="Z28528">
        <v>66</v>
      </c>
      <c r="AA28528">
        <v>68</v>
      </c>
      <c r="AB28528">
        <v>69</v>
      </c>
      <c r="AC28528">
        <v>71</v>
      </c>
      <c r="AD28528">
        <v>73</v>
      </c>
      <c r="AE28528">
        <v>74</v>
      </c>
      <c r="AF28528">
        <v>75</v>
      </c>
      <c r="AG28528">
        <v>75</v>
      </c>
      <c r="AH28528">
        <v>76</v>
      </c>
      <c r="AI28528">
        <v>77</v>
      </c>
      <c r="AJ28528">
        <v>77</v>
      </c>
      <c r="AK28528">
        <v>78</v>
      </c>
      <c r="AL28528">
        <v>79</v>
      </c>
      <c r="AM28528">
        <v>79</v>
      </c>
      <c r="AN28528">
        <v>80</v>
      </c>
      <c r="AO28528">
        <v>81</v>
      </c>
      <c r="AP28528">
        <v>81</v>
      </c>
      <c r="AQ28528">
        <v>82</v>
      </c>
    </row>
    <row r="28529" spans="1:43">
      <c r="A28529" t="s">
        <v>17653</v>
      </c>
      <c r="B28529" t="s">
        <v>17654</v>
      </c>
      <c r="C28529" t="s">
        <v>17651</v>
      </c>
      <c r="D28529" t="s">
        <v>17652</v>
      </c>
      <c r="E28529" t="s">
        <v>17455</v>
      </c>
      <c r="F28529" t="s">
        <v>17456</v>
      </c>
      <c r="G28529" t="s">
        <v>16559</v>
      </c>
      <c r="H28529" t="s">
        <v>16560</v>
      </c>
      <c r="I28529" s="2">
        <v>1</v>
      </c>
      <c r="J28529" s="2">
        <v>0</v>
      </c>
      <c r="K28529" s="2">
        <v>0</v>
      </c>
      <c r="L28529" t="s">
        <v>120</v>
      </c>
      <c r="M28529" t="s">
        <v>83</v>
      </c>
      <c r="N28529" t="s">
        <v>91</v>
      </c>
      <c r="O28529" t="s">
        <v>85</v>
      </c>
      <c r="P28529" t="s">
        <v>86</v>
      </c>
      <c r="Q28529">
        <v>51</v>
      </c>
      <c r="R28529">
        <v>52</v>
      </c>
      <c r="S28529">
        <v>53</v>
      </c>
      <c r="T28529">
        <v>54</v>
      </c>
      <c r="U28529">
        <v>56</v>
      </c>
      <c r="V28529">
        <v>57</v>
      </c>
      <c r="W28529">
        <v>58</v>
      </c>
      <c r="X28529">
        <v>60</v>
      </c>
      <c r="Y28529">
        <v>61</v>
      </c>
      <c r="Z28529">
        <v>62</v>
      </c>
      <c r="AA28529">
        <v>63</v>
      </c>
      <c r="AB28529">
        <v>65</v>
      </c>
      <c r="AC28529">
        <v>66</v>
      </c>
      <c r="AD28529">
        <v>67</v>
      </c>
      <c r="AE28529">
        <v>69</v>
      </c>
      <c r="AF28529">
        <v>70</v>
      </c>
      <c r="AG28529">
        <v>72</v>
      </c>
      <c r="AH28529">
        <v>73</v>
      </c>
      <c r="AI28529">
        <v>74</v>
      </c>
      <c r="AJ28529">
        <v>76</v>
      </c>
      <c r="AK28529">
        <v>77</v>
      </c>
      <c r="AL28529">
        <v>78</v>
      </c>
      <c r="AM28529">
        <v>79</v>
      </c>
      <c r="AN28529">
        <v>80</v>
      </c>
      <c r="AO28529">
        <v>80</v>
      </c>
      <c r="AP28529">
        <v>81</v>
      </c>
      <c r="AQ28529">
        <v>82</v>
      </c>
    </row>
    <row r="28530" spans="1:43">
      <c r="A28530" t="s">
        <v>17655</v>
      </c>
      <c r="B28530" t="s">
        <v>17656</v>
      </c>
      <c r="C28530" t="s">
        <v>17651</v>
      </c>
      <c r="D28530" t="s">
        <v>17652</v>
      </c>
      <c r="E28530" t="s">
        <v>17455</v>
      </c>
      <c r="F28530" t="s">
        <v>17456</v>
      </c>
      <c r="G28530" t="s">
        <v>16559</v>
      </c>
      <c r="H28530" t="s">
        <v>16560</v>
      </c>
      <c r="I28530" s="2">
        <v>1</v>
      </c>
      <c r="J28530" s="2">
        <v>0</v>
      </c>
      <c r="K28530" s="2">
        <v>0</v>
      </c>
      <c r="L28530" t="s">
        <v>120</v>
      </c>
      <c r="M28530" t="s">
        <v>83</v>
      </c>
      <c r="N28530" t="s">
        <v>84</v>
      </c>
      <c r="O28530" t="s">
        <v>85</v>
      </c>
      <c r="P28530" t="s">
        <v>86</v>
      </c>
      <c r="Q28530">
        <v>26</v>
      </c>
      <c r="R28530">
        <v>27</v>
      </c>
      <c r="S28530">
        <v>27</v>
      </c>
      <c r="T28530">
        <v>28</v>
      </c>
      <c r="U28530">
        <v>28</v>
      </c>
      <c r="V28530">
        <v>29</v>
      </c>
      <c r="W28530">
        <v>30</v>
      </c>
      <c r="X28530">
        <v>30</v>
      </c>
      <c r="Y28530">
        <v>31</v>
      </c>
      <c r="Z28530">
        <v>32</v>
      </c>
      <c r="AA28530">
        <v>32</v>
      </c>
      <c r="AB28530">
        <v>33</v>
      </c>
      <c r="AC28530">
        <v>34</v>
      </c>
      <c r="AD28530">
        <v>35</v>
      </c>
      <c r="AE28530">
        <v>35</v>
      </c>
      <c r="AF28530">
        <v>36</v>
      </c>
      <c r="AG28530">
        <v>37</v>
      </c>
      <c r="AH28530">
        <v>37</v>
      </c>
      <c r="AI28530">
        <v>38</v>
      </c>
      <c r="AJ28530">
        <v>39</v>
      </c>
      <c r="AK28530">
        <v>40</v>
      </c>
      <c r="AL28530">
        <v>40</v>
      </c>
      <c r="AM28530">
        <v>40</v>
      </c>
      <c r="AN28530">
        <v>41</v>
      </c>
      <c r="AO28530">
        <v>41</v>
      </c>
      <c r="AP28530">
        <v>41</v>
      </c>
      <c r="AQ28530">
        <v>42</v>
      </c>
    </row>
    <row r="28531" spans="1:43">
      <c r="A28531" t="s">
        <v>17655</v>
      </c>
      <c r="B28531" t="s">
        <v>17656</v>
      </c>
      <c r="C28531" t="s">
        <v>17651</v>
      </c>
      <c r="D28531" t="s">
        <v>17652</v>
      </c>
      <c r="E28531" t="s">
        <v>17455</v>
      </c>
      <c r="F28531" t="s">
        <v>17456</v>
      </c>
      <c r="G28531" t="s">
        <v>16559</v>
      </c>
      <c r="H28531" t="s">
        <v>16560</v>
      </c>
      <c r="I28531" s="2">
        <v>1</v>
      </c>
      <c r="J28531" s="2">
        <v>0</v>
      </c>
      <c r="K28531" s="2">
        <v>0</v>
      </c>
      <c r="L28531" t="s">
        <v>120</v>
      </c>
      <c r="M28531" t="s">
        <v>87</v>
      </c>
      <c r="N28531" t="s">
        <v>88</v>
      </c>
      <c r="O28531" t="s">
        <v>85</v>
      </c>
      <c r="P28531" t="s">
        <v>86</v>
      </c>
      <c r="Q28531">
        <v>26</v>
      </c>
      <c r="R28531">
        <v>26</v>
      </c>
      <c r="S28531">
        <v>26</v>
      </c>
      <c r="T28531">
        <v>27</v>
      </c>
      <c r="U28531">
        <v>27</v>
      </c>
      <c r="V28531">
        <v>28</v>
      </c>
      <c r="W28531">
        <v>28</v>
      </c>
      <c r="X28531">
        <v>28</v>
      </c>
      <c r="Y28531">
        <v>29</v>
      </c>
      <c r="Z28531">
        <v>29</v>
      </c>
      <c r="AA28531">
        <v>30</v>
      </c>
      <c r="AB28531">
        <v>30</v>
      </c>
      <c r="AC28531">
        <v>30</v>
      </c>
      <c r="AD28531">
        <v>31</v>
      </c>
      <c r="AE28531">
        <v>31</v>
      </c>
      <c r="AF28531">
        <v>32</v>
      </c>
      <c r="AG28531">
        <v>32</v>
      </c>
      <c r="AH28531">
        <v>32</v>
      </c>
      <c r="AI28531">
        <v>33</v>
      </c>
      <c r="AJ28531">
        <v>33</v>
      </c>
      <c r="AK28531">
        <v>34</v>
      </c>
      <c r="AL28531">
        <v>34</v>
      </c>
      <c r="AM28531">
        <v>35</v>
      </c>
      <c r="AN28531">
        <v>35</v>
      </c>
      <c r="AO28531">
        <v>35</v>
      </c>
      <c r="AP28531">
        <v>36</v>
      </c>
      <c r="AQ28531">
        <v>36</v>
      </c>
    </row>
    <row r="28532" spans="1:43">
      <c r="A28532" t="s">
        <v>17655</v>
      </c>
      <c r="B28532" t="s">
        <v>17656</v>
      </c>
      <c r="C28532" t="s">
        <v>17651</v>
      </c>
      <c r="D28532" t="s">
        <v>17652</v>
      </c>
      <c r="E28532" t="s">
        <v>17455</v>
      </c>
      <c r="F28532" t="s">
        <v>17456</v>
      </c>
      <c r="G28532" t="s">
        <v>16559</v>
      </c>
      <c r="H28532" t="s">
        <v>16560</v>
      </c>
      <c r="I28532" s="2">
        <v>1</v>
      </c>
      <c r="J28532" s="2">
        <v>0</v>
      </c>
      <c r="K28532" s="2">
        <v>0</v>
      </c>
      <c r="L28532" t="s">
        <v>120</v>
      </c>
      <c r="M28532" t="s">
        <v>89</v>
      </c>
      <c r="N28532" t="s">
        <v>90</v>
      </c>
      <c r="O28532" t="s">
        <v>85</v>
      </c>
      <c r="P28532" t="s">
        <v>86</v>
      </c>
      <c r="Q28532">
        <v>26</v>
      </c>
      <c r="R28532">
        <v>27</v>
      </c>
      <c r="S28532">
        <v>28</v>
      </c>
      <c r="T28532">
        <v>29</v>
      </c>
      <c r="U28532">
        <v>30</v>
      </c>
      <c r="V28532">
        <v>30</v>
      </c>
      <c r="W28532">
        <v>31</v>
      </c>
      <c r="X28532">
        <v>32</v>
      </c>
      <c r="Y28532">
        <v>33</v>
      </c>
      <c r="Z28532">
        <v>34</v>
      </c>
      <c r="AA28532">
        <v>35</v>
      </c>
      <c r="AB28532">
        <v>35</v>
      </c>
      <c r="AC28532">
        <v>36</v>
      </c>
      <c r="AD28532">
        <v>37</v>
      </c>
      <c r="AE28532">
        <v>38</v>
      </c>
      <c r="AF28532">
        <v>38</v>
      </c>
      <c r="AG28532">
        <v>39</v>
      </c>
      <c r="AH28532">
        <v>39</v>
      </c>
      <c r="AI28532">
        <v>39</v>
      </c>
      <c r="AJ28532">
        <v>40</v>
      </c>
      <c r="AK28532">
        <v>40</v>
      </c>
      <c r="AL28532">
        <v>40</v>
      </c>
      <c r="AM28532">
        <v>41</v>
      </c>
      <c r="AN28532">
        <v>41</v>
      </c>
      <c r="AO28532">
        <v>41</v>
      </c>
      <c r="AP28532">
        <v>42</v>
      </c>
      <c r="AQ28532">
        <v>42</v>
      </c>
    </row>
    <row r="28533" spans="1:43">
      <c r="A28533" t="s">
        <v>17655</v>
      </c>
      <c r="B28533" t="s">
        <v>17656</v>
      </c>
      <c r="C28533" t="s">
        <v>17651</v>
      </c>
      <c r="D28533" t="s">
        <v>17652</v>
      </c>
      <c r="E28533" t="s">
        <v>17455</v>
      </c>
      <c r="F28533" t="s">
        <v>17456</v>
      </c>
      <c r="G28533" t="s">
        <v>16559</v>
      </c>
      <c r="H28533" t="s">
        <v>16560</v>
      </c>
      <c r="I28533" s="2">
        <v>1</v>
      </c>
      <c r="J28533" s="2">
        <v>0</v>
      </c>
      <c r="K28533" s="2">
        <v>0</v>
      </c>
      <c r="L28533" t="s">
        <v>120</v>
      </c>
      <c r="M28533" t="s">
        <v>83</v>
      </c>
      <c r="N28533" t="s">
        <v>91</v>
      </c>
      <c r="O28533" t="s">
        <v>85</v>
      </c>
      <c r="P28533" t="s">
        <v>86</v>
      </c>
      <c r="Q28533">
        <v>26</v>
      </c>
      <c r="R28533">
        <v>27</v>
      </c>
      <c r="S28533">
        <v>27</v>
      </c>
      <c r="T28533">
        <v>28</v>
      </c>
      <c r="U28533">
        <v>28</v>
      </c>
      <c r="V28533">
        <v>29</v>
      </c>
      <c r="W28533">
        <v>30</v>
      </c>
      <c r="X28533">
        <v>30</v>
      </c>
      <c r="Y28533">
        <v>31</v>
      </c>
      <c r="Z28533">
        <v>32</v>
      </c>
      <c r="AA28533">
        <v>32</v>
      </c>
      <c r="AB28533">
        <v>33</v>
      </c>
      <c r="AC28533">
        <v>34</v>
      </c>
      <c r="AD28533">
        <v>35</v>
      </c>
      <c r="AE28533">
        <v>35</v>
      </c>
      <c r="AF28533">
        <v>36</v>
      </c>
      <c r="AG28533">
        <v>37</v>
      </c>
      <c r="AH28533">
        <v>37</v>
      </c>
      <c r="AI28533">
        <v>38</v>
      </c>
      <c r="AJ28533">
        <v>39</v>
      </c>
      <c r="AK28533">
        <v>40</v>
      </c>
      <c r="AL28533">
        <v>40</v>
      </c>
      <c r="AM28533">
        <v>40</v>
      </c>
      <c r="AN28533">
        <v>41</v>
      </c>
      <c r="AO28533">
        <v>41</v>
      </c>
      <c r="AP28533">
        <v>41</v>
      </c>
      <c r="AQ28533">
        <v>42</v>
      </c>
    </row>
    <row r="28534" spans="1:43">
      <c r="A28534" t="s">
        <v>17657</v>
      </c>
      <c r="B28534" t="s">
        <v>17658</v>
      </c>
      <c r="C28534" t="s">
        <v>17651</v>
      </c>
      <c r="D28534" t="s">
        <v>17652</v>
      </c>
      <c r="E28534" t="s">
        <v>17455</v>
      </c>
      <c r="F28534" t="s">
        <v>17456</v>
      </c>
      <c r="G28534" t="s">
        <v>16559</v>
      </c>
      <c r="H28534" t="s">
        <v>16560</v>
      </c>
      <c r="I28534" s="2">
        <v>1</v>
      </c>
      <c r="J28534" s="2">
        <v>0</v>
      </c>
      <c r="K28534" s="2">
        <v>0</v>
      </c>
      <c r="L28534" t="s">
        <v>120</v>
      </c>
      <c r="M28534" t="s">
        <v>83</v>
      </c>
      <c r="N28534" t="s">
        <v>84</v>
      </c>
      <c r="O28534" t="s">
        <v>85</v>
      </c>
      <c r="P28534" t="s">
        <v>86</v>
      </c>
      <c r="Q28534">
        <v>21</v>
      </c>
      <c r="R28534">
        <v>22</v>
      </c>
      <c r="S28534">
        <v>22</v>
      </c>
      <c r="T28534">
        <v>22</v>
      </c>
      <c r="U28534">
        <v>22</v>
      </c>
      <c r="V28534">
        <v>23</v>
      </c>
      <c r="W28534">
        <v>23</v>
      </c>
      <c r="X28534">
        <v>23</v>
      </c>
      <c r="Y28534">
        <v>23</v>
      </c>
      <c r="Z28534">
        <v>24</v>
      </c>
      <c r="AA28534">
        <v>24</v>
      </c>
      <c r="AB28534">
        <v>24</v>
      </c>
      <c r="AC28534">
        <v>24</v>
      </c>
      <c r="AD28534">
        <v>25</v>
      </c>
      <c r="AE28534">
        <v>25</v>
      </c>
      <c r="AF28534">
        <v>25</v>
      </c>
      <c r="AG28534">
        <v>25</v>
      </c>
      <c r="AH28534">
        <v>26</v>
      </c>
      <c r="AI28534">
        <v>26</v>
      </c>
      <c r="AJ28534">
        <v>26</v>
      </c>
      <c r="AK28534">
        <v>26</v>
      </c>
      <c r="AL28534">
        <v>26</v>
      </c>
      <c r="AM28534">
        <v>26</v>
      </c>
      <c r="AN28534">
        <v>26</v>
      </c>
      <c r="AO28534">
        <v>26</v>
      </c>
      <c r="AP28534">
        <v>26</v>
      </c>
      <c r="AQ28534">
        <v>26</v>
      </c>
    </row>
    <row r="28535" spans="1:43">
      <c r="A28535" t="s">
        <v>17657</v>
      </c>
      <c r="B28535" t="s">
        <v>17658</v>
      </c>
      <c r="C28535" t="s">
        <v>17651</v>
      </c>
      <c r="D28535" t="s">
        <v>17652</v>
      </c>
      <c r="E28535" t="s">
        <v>17455</v>
      </c>
      <c r="F28535" t="s">
        <v>17456</v>
      </c>
      <c r="G28535" t="s">
        <v>16559</v>
      </c>
      <c r="H28535" t="s">
        <v>16560</v>
      </c>
      <c r="I28535" s="2">
        <v>1</v>
      </c>
      <c r="J28535" s="2">
        <v>0</v>
      </c>
      <c r="K28535" s="2">
        <v>0</v>
      </c>
      <c r="L28535" t="s">
        <v>120</v>
      </c>
      <c r="M28535" t="s">
        <v>87</v>
      </c>
      <c r="N28535" t="s">
        <v>88</v>
      </c>
      <c r="O28535" t="s">
        <v>85</v>
      </c>
      <c r="P28535" t="s">
        <v>86</v>
      </c>
      <c r="Q28535">
        <v>21</v>
      </c>
      <c r="R28535">
        <v>21</v>
      </c>
      <c r="S28535">
        <v>21</v>
      </c>
      <c r="T28535">
        <v>21</v>
      </c>
      <c r="U28535">
        <v>21</v>
      </c>
      <c r="V28535">
        <v>22</v>
      </c>
      <c r="W28535">
        <v>22</v>
      </c>
      <c r="X28535">
        <v>22</v>
      </c>
      <c r="Y28535">
        <v>22</v>
      </c>
      <c r="Z28535">
        <v>22</v>
      </c>
      <c r="AA28535">
        <v>22</v>
      </c>
      <c r="AB28535">
        <v>22</v>
      </c>
      <c r="AC28535">
        <v>22</v>
      </c>
      <c r="AD28535">
        <v>22</v>
      </c>
      <c r="AE28535">
        <v>22</v>
      </c>
      <c r="AF28535">
        <v>22</v>
      </c>
      <c r="AG28535">
        <v>22</v>
      </c>
      <c r="AH28535">
        <v>22</v>
      </c>
      <c r="AI28535">
        <v>22</v>
      </c>
      <c r="AJ28535">
        <v>22</v>
      </c>
      <c r="AK28535">
        <v>22</v>
      </c>
      <c r="AL28535">
        <v>22</v>
      </c>
      <c r="AM28535">
        <v>22</v>
      </c>
      <c r="AN28535">
        <v>22</v>
      </c>
      <c r="AO28535">
        <v>23</v>
      </c>
      <c r="AP28535">
        <v>23</v>
      </c>
      <c r="AQ28535">
        <v>23</v>
      </c>
    </row>
    <row r="28536" spans="1:43">
      <c r="A28536" t="s">
        <v>17657</v>
      </c>
      <c r="B28536" t="s">
        <v>17658</v>
      </c>
      <c r="C28536" t="s">
        <v>17651</v>
      </c>
      <c r="D28536" t="s">
        <v>17652</v>
      </c>
      <c r="E28536" t="s">
        <v>17455</v>
      </c>
      <c r="F28536" t="s">
        <v>17456</v>
      </c>
      <c r="G28536" t="s">
        <v>16559</v>
      </c>
      <c r="H28536" t="s">
        <v>16560</v>
      </c>
      <c r="I28536" s="2">
        <v>1</v>
      </c>
      <c r="J28536" s="2">
        <v>0</v>
      </c>
      <c r="K28536" s="2">
        <v>0</v>
      </c>
      <c r="L28536" t="s">
        <v>120</v>
      </c>
      <c r="M28536" t="s">
        <v>89</v>
      </c>
      <c r="N28536" t="s">
        <v>90</v>
      </c>
      <c r="O28536" t="s">
        <v>85</v>
      </c>
      <c r="P28536" t="s">
        <v>86</v>
      </c>
      <c r="Q28536">
        <v>21</v>
      </c>
      <c r="R28536">
        <v>21</v>
      </c>
      <c r="S28536">
        <v>22</v>
      </c>
      <c r="T28536">
        <v>22</v>
      </c>
      <c r="U28536">
        <v>22</v>
      </c>
      <c r="V28536">
        <v>23</v>
      </c>
      <c r="W28536">
        <v>23</v>
      </c>
      <c r="X28536">
        <v>23</v>
      </c>
      <c r="Y28536">
        <v>24</v>
      </c>
      <c r="Z28536">
        <v>24</v>
      </c>
      <c r="AA28536">
        <v>24</v>
      </c>
      <c r="AB28536">
        <v>25</v>
      </c>
      <c r="AC28536">
        <v>25</v>
      </c>
      <c r="AD28536">
        <v>25</v>
      </c>
      <c r="AE28536">
        <v>26</v>
      </c>
      <c r="AF28536">
        <v>26</v>
      </c>
      <c r="AG28536">
        <v>26</v>
      </c>
      <c r="AH28536">
        <v>26</v>
      </c>
      <c r="AI28536">
        <v>26</v>
      </c>
      <c r="AJ28536">
        <v>25</v>
      </c>
      <c r="AK28536">
        <v>25</v>
      </c>
      <c r="AL28536">
        <v>25</v>
      </c>
      <c r="AM28536">
        <v>25</v>
      </c>
      <c r="AN28536">
        <v>25</v>
      </c>
      <c r="AO28536">
        <v>25</v>
      </c>
      <c r="AP28536">
        <v>25</v>
      </c>
      <c r="AQ28536">
        <v>25</v>
      </c>
    </row>
    <row r="28537" spans="1:43">
      <c r="A28537" t="s">
        <v>17657</v>
      </c>
      <c r="B28537" t="s">
        <v>17658</v>
      </c>
      <c r="C28537" t="s">
        <v>17651</v>
      </c>
      <c r="D28537" t="s">
        <v>17652</v>
      </c>
      <c r="E28537" t="s">
        <v>17455</v>
      </c>
      <c r="F28537" t="s">
        <v>17456</v>
      </c>
      <c r="G28537" t="s">
        <v>16559</v>
      </c>
      <c r="H28537" t="s">
        <v>16560</v>
      </c>
      <c r="I28537" s="2">
        <v>1</v>
      </c>
      <c r="J28537" s="2">
        <v>0</v>
      </c>
      <c r="K28537" s="2">
        <v>0</v>
      </c>
      <c r="L28537" t="s">
        <v>120</v>
      </c>
      <c r="M28537" t="s">
        <v>83</v>
      </c>
      <c r="N28537" t="s">
        <v>91</v>
      </c>
      <c r="O28537" t="s">
        <v>85</v>
      </c>
      <c r="P28537" t="s">
        <v>86</v>
      </c>
      <c r="Q28537">
        <v>21</v>
      </c>
      <c r="R28537">
        <v>22</v>
      </c>
      <c r="S28537">
        <v>22</v>
      </c>
      <c r="T28537">
        <v>22</v>
      </c>
      <c r="U28537">
        <v>22</v>
      </c>
      <c r="V28537">
        <v>23</v>
      </c>
      <c r="W28537">
        <v>23</v>
      </c>
      <c r="X28537">
        <v>23</v>
      </c>
      <c r="Y28537">
        <v>23</v>
      </c>
      <c r="Z28537">
        <v>24</v>
      </c>
      <c r="AA28537">
        <v>24</v>
      </c>
      <c r="AB28537">
        <v>24</v>
      </c>
      <c r="AC28537">
        <v>24</v>
      </c>
      <c r="AD28537">
        <v>25</v>
      </c>
      <c r="AE28537">
        <v>25</v>
      </c>
      <c r="AF28537">
        <v>25</v>
      </c>
      <c r="AG28537">
        <v>25</v>
      </c>
      <c r="AH28537">
        <v>26</v>
      </c>
      <c r="AI28537">
        <v>26</v>
      </c>
      <c r="AJ28537">
        <v>26</v>
      </c>
      <c r="AK28537">
        <v>26</v>
      </c>
      <c r="AL28537">
        <v>26</v>
      </c>
      <c r="AM28537">
        <v>26</v>
      </c>
      <c r="AN28537">
        <v>26</v>
      </c>
      <c r="AO28537">
        <v>26</v>
      </c>
      <c r="AP28537">
        <v>26</v>
      </c>
      <c r="AQ28537">
        <v>26</v>
      </c>
    </row>
    <row r="28538" spans="1:43">
      <c r="A28538" t="s">
        <v>17659</v>
      </c>
      <c r="B28538" t="s">
        <v>17660</v>
      </c>
      <c r="C28538" t="s">
        <v>17661</v>
      </c>
      <c r="D28538" t="s">
        <v>17662</v>
      </c>
      <c r="E28538" t="s">
        <v>17663</v>
      </c>
      <c r="F28538" t="s">
        <v>17664</v>
      </c>
      <c r="G28538" t="s">
        <v>16559</v>
      </c>
      <c r="H28538" t="s">
        <v>16560</v>
      </c>
      <c r="I28538" s="2">
        <v>1</v>
      </c>
      <c r="J28538" s="2">
        <v>0</v>
      </c>
      <c r="K28538" s="2">
        <v>0</v>
      </c>
      <c r="L28538" t="s">
        <v>120</v>
      </c>
      <c r="M28538" t="s">
        <v>83</v>
      </c>
      <c r="N28538" t="s">
        <v>84</v>
      </c>
      <c r="O28538" t="s">
        <v>85</v>
      </c>
      <c r="P28538" t="s">
        <v>86</v>
      </c>
      <c r="Q28538">
        <v>18</v>
      </c>
      <c r="R28538">
        <v>19</v>
      </c>
      <c r="S28538">
        <v>19</v>
      </c>
      <c r="T28538">
        <v>19</v>
      </c>
      <c r="U28538">
        <v>20</v>
      </c>
      <c r="V28538">
        <v>20</v>
      </c>
      <c r="W28538">
        <v>20</v>
      </c>
      <c r="X28538">
        <v>20</v>
      </c>
      <c r="Y28538">
        <v>21</v>
      </c>
      <c r="Z28538">
        <v>21</v>
      </c>
      <c r="AA28538">
        <v>21</v>
      </c>
      <c r="AB28538">
        <v>21</v>
      </c>
      <c r="AC28538">
        <v>22</v>
      </c>
      <c r="AD28538">
        <v>22</v>
      </c>
      <c r="AE28538">
        <v>22</v>
      </c>
      <c r="AF28538">
        <v>22</v>
      </c>
      <c r="AG28538">
        <v>23</v>
      </c>
      <c r="AH28538">
        <v>23</v>
      </c>
      <c r="AI28538">
        <v>23</v>
      </c>
      <c r="AJ28538">
        <v>24</v>
      </c>
      <c r="AK28538">
        <v>24</v>
      </c>
      <c r="AL28538">
        <v>24</v>
      </c>
      <c r="AM28538">
        <v>24</v>
      </c>
      <c r="AN28538">
        <v>24</v>
      </c>
      <c r="AO28538">
        <v>24</v>
      </c>
      <c r="AP28538">
        <v>24</v>
      </c>
      <c r="AQ28538">
        <v>24</v>
      </c>
    </row>
    <row r="28539" spans="1:43">
      <c r="A28539" t="s">
        <v>17659</v>
      </c>
      <c r="B28539" t="s">
        <v>17660</v>
      </c>
      <c r="C28539" t="s">
        <v>17661</v>
      </c>
      <c r="D28539" t="s">
        <v>17662</v>
      </c>
      <c r="E28539" t="s">
        <v>17663</v>
      </c>
      <c r="F28539" t="s">
        <v>17664</v>
      </c>
      <c r="G28539" t="s">
        <v>16559</v>
      </c>
      <c r="H28539" t="s">
        <v>16560</v>
      </c>
      <c r="I28539" s="2">
        <v>1</v>
      </c>
      <c r="J28539" s="2">
        <v>0</v>
      </c>
      <c r="K28539" s="2">
        <v>0</v>
      </c>
      <c r="L28539" t="s">
        <v>120</v>
      </c>
      <c r="M28539" t="s">
        <v>87</v>
      </c>
      <c r="N28539" t="s">
        <v>88</v>
      </c>
      <c r="O28539" t="s">
        <v>85</v>
      </c>
      <c r="P28539" t="s">
        <v>86</v>
      </c>
      <c r="Q28539">
        <v>18</v>
      </c>
      <c r="R28539">
        <v>18</v>
      </c>
      <c r="S28539">
        <v>18</v>
      </c>
      <c r="T28539">
        <v>19</v>
      </c>
      <c r="U28539">
        <v>19</v>
      </c>
      <c r="V28539">
        <v>19</v>
      </c>
      <c r="W28539">
        <v>19</v>
      </c>
      <c r="X28539">
        <v>19</v>
      </c>
      <c r="Y28539">
        <v>19</v>
      </c>
      <c r="Z28539">
        <v>19</v>
      </c>
      <c r="AA28539">
        <v>19</v>
      </c>
      <c r="AB28539">
        <v>19</v>
      </c>
      <c r="AC28539">
        <v>20</v>
      </c>
      <c r="AD28539">
        <v>20</v>
      </c>
      <c r="AE28539">
        <v>20</v>
      </c>
      <c r="AF28539">
        <v>20</v>
      </c>
      <c r="AG28539">
        <v>20</v>
      </c>
      <c r="AH28539">
        <v>20</v>
      </c>
      <c r="AI28539">
        <v>20</v>
      </c>
      <c r="AJ28539">
        <v>20</v>
      </c>
      <c r="AK28539">
        <v>20</v>
      </c>
      <c r="AL28539">
        <v>21</v>
      </c>
      <c r="AM28539">
        <v>21</v>
      </c>
      <c r="AN28539">
        <v>21</v>
      </c>
      <c r="AO28539">
        <v>21</v>
      </c>
      <c r="AP28539">
        <v>21</v>
      </c>
      <c r="AQ28539">
        <v>21</v>
      </c>
    </row>
    <row r="28540" spans="1:43">
      <c r="A28540" t="s">
        <v>17659</v>
      </c>
      <c r="B28540" t="s">
        <v>17660</v>
      </c>
      <c r="C28540" t="s">
        <v>17661</v>
      </c>
      <c r="D28540" t="s">
        <v>17662</v>
      </c>
      <c r="E28540" t="s">
        <v>17663</v>
      </c>
      <c r="F28540" t="s">
        <v>17664</v>
      </c>
      <c r="G28540" t="s">
        <v>16559</v>
      </c>
      <c r="H28540" t="s">
        <v>16560</v>
      </c>
      <c r="I28540" s="2">
        <v>1</v>
      </c>
      <c r="J28540" s="2">
        <v>0</v>
      </c>
      <c r="K28540" s="2">
        <v>0</v>
      </c>
      <c r="L28540" t="s">
        <v>120</v>
      </c>
      <c r="M28540" t="s">
        <v>89</v>
      </c>
      <c r="N28540" t="s">
        <v>90</v>
      </c>
      <c r="O28540" t="s">
        <v>85</v>
      </c>
      <c r="P28540" t="s">
        <v>86</v>
      </c>
      <c r="Q28540">
        <v>18</v>
      </c>
      <c r="R28540">
        <v>18</v>
      </c>
      <c r="S28540">
        <v>18</v>
      </c>
      <c r="T28540">
        <v>19</v>
      </c>
      <c r="U28540">
        <v>19</v>
      </c>
      <c r="V28540">
        <v>20</v>
      </c>
      <c r="W28540">
        <v>20</v>
      </c>
      <c r="X28540">
        <v>20</v>
      </c>
      <c r="Y28540">
        <v>21</v>
      </c>
      <c r="Z28540">
        <v>21</v>
      </c>
      <c r="AA28540">
        <v>21</v>
      </c>
      <c r="AB28540">
        <v>22</v>
      </c>
      <c r="AC28540">
        <v>22</v>
      </c>
      <c r="AD28540">
        <v>23</v>
      </c>
      <c r="AE28540">
        <v>23</v>
      </c>
      <c r="AF28540">
        <v>23</v>
      </c>
      <c r="AG28540">
        <v>23</v>
      </c>
      <c r="AH28540">
        <v>23</v>
      </c>
      <c r="AI28540">
        <v>23</v>
      </c>
      <c r="AJ28540">
        <v>23</v>
      </c>
      <c r="AK28540">
        <v>23</v>
      </c>
      <c r="AL28540">
        <v>23</v>
      </c>
      <c r="AM28540">
        <v>23</v>
      </c>
      <c r="AN28540">
        <v>23</v>
      </c>
      <c r="AO28540">
        <v>23</v>
      </c>
      <c r="AP28540">
        <v>23</v>
      </c>
      <c r="AQ28540">
        <v>23</v>
      </c>
    </row>
    <row r="28541" spans="1:43">
      <c r="A28541" t="s">
        <v>17659</v>
      </c>
      <c r="B28541" t="s">
        <v>17660</v>
      </c>
      <c r="C28541" t="s">
        <v>17661</v>
      </c>
      <c r="D28541" t="s">
        <v>17662</v>
      </c>
      <c r="E28541" t="s">
        <v>17663</v>
      </c>
      <c r="F28541" t="s">
        <v>17664</v>
      </c>
      <c r="G28541" t="s">
        <v>16559</v>
      </c>
      <c r="H28541" t="s">
        <v>16560</v>
      </c>
      <c r="I28541" s="2">
        <v>1</v>
      </c>
      <c r="J28541" s="2">
        <v>0</v>
      </c>
      <c r="K28541" s="2">
        <v>0</v>
      </c>
      <c r="L28541" t="s">
        <v>120</v>
      </c>
      <c r="M28541" t="s">
        <v>83</v>
      </c>
      <c r="N28541" t="s">
        <v>91</v>
      </c>
      <c r="O28541" t="s">
        <v>85</v>
      </c>
      <c r="P28541" t="s">
        <v>86</v>
      </c>
      <c r="Q28541">
        <v>18</v>
      </c>
      <c r="R28541">
        <v>19</v>
      </c>
      <c r="S28541">
        <v>19</v>
      </c>
      <c r="T28541">
        <v>19</v>
      </c>
      <c r="U28541">
        <v>20</v>
      </c>
      <c r="V28541">
        <v>20</v>
      </c>
      <c r="W28541">
        <v>20</v>
      </c>
      <c r="X28541">
        <v>20</v>
      </c>
      <c r="Y28541">
        <v>21</v>
      </c>
      <c r="Z28541">
        <v>21</v>
      </c>
      <c r="AA28541">
        <v>21</v>
      </c>
      <c r="AB28541">
        <v>21</v>
      </c>
      <c r="AC28541">
        <v>22</v>
      </c>
      <c r="AD28541">
        <v>22</v>
      </c>
      <c r="AE28541">
        <v>22</v>
      </c>
      <c r="AF28541">
        <v>22</v>
      </c>
      <c r="AG28541">
        <v>23</v>
      </c>
      <c r="AH28541">
        <v>23</v>
      </c>
      <c r="AI28541">
        <v>23</v>
      </c>
      <c r="AJ28541">
        <v>24</v>
      </c>
      <c r="AK28541">
        <v>24</v>
      </c>
      <c r="AL28541">
        <v>24</v>
      </c>
      <c r="AM28541">
        <v>24</v>
      </c>
      <c r="AN28541">
        <v>24</v>
      </c>
      <c r="AO28541">
        <v>24</v>
      </c>
      <c r="AP28541">
        <v>24</v>
      </c>
      <c r="AQ28541">
        <v>24</v>
      </c>
    </row>
    <row r="28542" spans="1:43">
      <c r="A28542" t="s">
        <v>17665</v>
      </c>
      <c r="B28542" t="s">
        <v>17666</v>
      </c>
      <c r="C28542" t="s">
        <v>17661</v>
      </c>
      <c r="D28542" t="s">
        <v>17662</v>
      </c>
      <c r="E28542" t="s">
        <v>17663</v>
      </c>
      <c r="F28542" t="s">
        <v>17664</v>
      </c>
      <c r="G28542" t="s">
        <v>16559</v>
      </c>
      <c r="H28542" t="s">
        <v>16560</v>
      </c>
      <c r="I28542" s="2">
        <v>1</v>
      </c>
      <c r="J28542" s="2">
        <v>0</v>
      </c>
      <c r="K28542" s="2">
        <v>0</v>
      </c>
      <c r="L28542" t="s">
        <v>120</v>
      </c>
      <c r="M28542" t="s">
        <v>83</v>
      </c>
      <c r="N28542" t="s">
        <v>84</v>
      </c>
      <c r="O28542" t="s">
        <v>85</v>
      </c>
      <c r="P28542" t="s">
        <v>86</v>
      </c>
      <c r="Q28542">
        <v>2</v>
      </c>
      <c r="R28542">
        <v>2</v>
      </c>
      <c r="S28542">
        <v>2</v>
      </c>
      <c r="T28542">
        <v>2</v>
      </c>
      <c r="U28542">
        <v>2</v>
      </c>
      <c r="V28542">
        <v>2</v>
      </c>
      <c r="W28542">
        <v>2</v>
      </c>
      <c r="X28542">
        <v>2</v>
      </c>
      <c r="Y28542">
        <v>2</v>
      </c>
      <c r="Z28542">
        <v>2</v>
      </c>
      <c r="AA28542">
        <v>2</v>
      </c>
      <c r="AB28542">
        <v>3</v>
      </c>
      <c r="AC28542">
        <v>3</v>
      </c>
      <c r="AD28542">
        <v>3</v>
      </c>
      <c r="AE28542">
        <v>3</v>
      </c>
      <c r="AF28542">
        <v>3</v>
      </c>
      <c r="AG28542">
        <v>3</v>
      </c>
      <c r="AH28542">
        <v>3</v>
      </c>
      <c r="AI28542">
        <v>3</v>
      </c>
      <c r="AJ28542">
        <v>3</v>
      </c>
      <c r="AK28542">
        <v>3</v>
      </c>
      <c r="AL28542">
        <v>3</v>
      </c>
      <c r="AM28542">
        <v>3</v>
      </c>
      <c r="AN28542">
        <v>3</v>
      </c>
      <c r="AO28542">
        <v>3</v>
      </c>
      <c r="AP28542">
        <v>3</v>
      </c>
      <c r="AQ28542">
        <v>3</v>
      </c>
    </row>
    <row r="28543" spans="1:43">
      <c r="A28543" t="s">
        <v>17665</v>
      </c>
      <c r="B28543" t="s">
        <v>17666</v>
      </c>
      <c r="C28543" t="s">
        <v>17661</v>
      </c>
      <c r="D28543" t="s">
        <v>17662</v>
      </c>
      <c r="E28543" t="s">
        <v>17663</v>
      </c>
      <c r="F28543" t="s">
        <v>17664</v>
      </c>
      <c r="G28543" t="s">
        <v>16559</v>
      </c>
      <c r="H28543" t="s">
        <v>16560</v>
      </c>
      <c r="I28543" s="2">
        <v>1</v>
      </c>
      <c r="J28543" s="2">
        <v>0</v>
      </c>
      <c r="K28543" s="2">
        <v>0</v>
      </c>
      <c r="L28543" t="s">
        <v>120</v>
      </c>
      <c r="M28543" t="s">
        <v>87</v>
      </c>
      <c r="N28543" t="s">
        <v>88</v>
      </c>
      <c r="O28543" t="s">
        <v>85</v>
      </c>
      <c r="P28543" t="s">
        <v>86</v>
      </c>
      <c r="Q28543">
        <v>2</v>
      </c>
      <c r="R28543">
        <v>2</v>
      </c>
      <c r="S28543">
        <v>2</v>
      </c>
      <c r="T28543">
        <v>2</v>
      </c>
      <c r="U28543">
        <v>2</v>
      </c>
      <c r="V28543">
        <v>2</v>
      </c>
      <c r="W28543">
        <v>2</v>
      </c>
      <c r="X28543">
        <v>2</v>
      </c>
      <c r="Y28543">
        <v>2</v>
      </c>
      <c r="Z28543">
        <v>2</v>
      </c>
      <c r="AA28543">
        <v>2</v>
      </c>
      <c r="AB28543">
        <v>2</v>
      </c>
      <c r="AC28543">
        <v>2</v>
      </c>
      <c r="AD28543">
        <v>2</v>
      </c>
      <c r="AE28543">
        <v>2</v>
      </c>
      <c r="AF28543">
        <v>2</v>
      </c>
      <c r="AG28543">
        <v>2</v>
      </c>
      <c r="AH28543">
        <v>2</v>
      </c>
      <c r="AI28543">
        <v>2</v>
      </c>
      <c r="AJ28543">
        <v>2</v>
      </c>
      <c r="AK28543">
        <v>2</v>
      </c>
      <c r="AL28543">
        <v>2</v>
      </c>
      <c r="AM28543">
        <v>2</v>
      </c>
      <c r="AN28543">
        <v>2</v>
      </c>
      <c r="AO28543">
        <v>2</v>
      </c>
      <c r="AP28543">
        <v>2</v>
      </c>
      <c r="AQ28543">
        <v>2</v>
      </c>
    </row>
    <row r="28544" spans="1:43">
      <c r="A28544" t="s">
        <v>17665</v>
      </c>
      <c r="B28544" t="s">
        <v>17666</v>
      </c>
      <c r="C28544" t="s">
        <v>17661</v>
      </c>
      <c r="D28544" t="s">
        <v>17662</v>
      </c>
      <c r="E28544" t="s">
        <v>17663</v>
      </c>
      <c r="F28544" t="s">
        <v>17664</v>
      </c>
      <c r="G28544" t="s">
        <v>16559</v>
      </c>
      <c r="H28544" t="s">
        <v>16560</v>
      </c>
      <c r="I28544" s="2">
        <v>1</v>
      </c>
      <c r="J28544" s="2">
        <v>0</v>
      </c>
      <c r="K28544" s="2">
        <v>0</v>
      </c>
      <c r="L28544" t="s">
        <v>120</v>
      </c>
      <c r="M28544" t="s">
        <v>89</v>
      </c>
      <c r="N28544" t="s">
        <v>90</v>
      </c>
      <c r="O28544" t="s">
        <v>85</v>
      </c>
      <c r="P28544" t="s">
        <v>86</v>
      </c>
      <c r="Q28544">
        <v>2</v>
      </c>
      <c r="R28544">
        <v>2</v>
      </c>
      <c r="S28544">
        <v>2</v>
      </c>
      <c r="T28544">
        <v>2</v>
      </c>
      <c r="U28544">
        <v>2</v>
      </c>
      <c r="V28544">
        <v>2</v>
      </c>
      <c r="W28544">
        <v>2</v>
      </c>
      <c r="X28544">
        <v>3</v>
      </c>
      <c r="Y28544">
        <v>3</v>
      </c>
      <c r="Z28544">
        <v>3</v>
      </c>
      <c r="AA28544">
        <v>3</v>
      </c>
      <c r="AB28544">
        <v>3</v>
      </c>
      <c r="AC28544">
        <v>3</v>
      </c>
      <c r="AD28544">
        <v>3</v>
      </c>
      <c r="AE28544">
        <v>3</v>
      </c>
      <c r="AF28544">
        <v>3</v>
      </c>
      <c r="AG28544">
        <v>3</v>
      </c>
      <c r="AH28544">
        <v>3</v>
      </c>
      <c r="AI28544">
        <v>3</v>
      </c>
      <c r="AJ28544">
        <v>3</v>
      </c>
      <c r="AK28544">
        <v>3</v>
      </c>
      <c r="AL28544">
        <v>3</v>
      </c>
      <c r="AM28544">
        <v>3</v>
      </c>
      <c r="AN28544">
        <v>3</v>
      </c>
      <c r="AO28544">
        <v>3</v>
      </c>
      <c r="AP28544">
        <v>3</v>
      </c>
      <c r="AQ28544">
        <v>3</v>
      </c>
    </row>
    <row r="28545" spans="1:43">
      <c r="A28545" t="s">
        <v>17665</v>
      </c>
      <c r="B28545" t="s">
        <v>17666</v>
      </c>
      <c r="C28545" t="s">
        <v>17661</v>
      </c>
      <c r="D28545" t="s">
        <v>17662</v>
      </c>
      <c r="E28545" t="s">
        <v>17663</v>
      </c>
      <c r="F28545" t="s">
        <v>17664</v>
      </c>
      <c r="G28545" t="s">
        <v>16559</v>
      </c>
      <c r="H28545" t="s">
        <v>16560</v>
      </c>
      <c r="I28545" s="2">
        <v>1</v>
      </c>
      <c r="J28545" s="2">
        <v>0</v>
      </c>
      <c r="K28545" s="2">
        <v>0</v>
      </c>
      <c r="L28545" t="s">
        <v>120</v>
      </c>
      <c r="M28545" t="s">
        <v>83</v>
      </c>
      <c r="N28545" t="s">
        <v>91</v>
      </c>
      <c r="O28545" t="s">
        <v>85</v>
      </c>
      <c r="P28545" t="s">
        <v>86</v>
      </c>
      <c r="Q28545">
        <v>2</v>
      </c>
      <c r="R28545">
        <v>2</v>
      </c>
      <c r="S28545">
        <v>2</v>
      </c>
      <c r="T28545">
        <v>2</v>
      </c>
      <c r="U28545">
        <v>2</v>
      </c>
      <c r="V28545">
        <v>2</v>
      </c>
      <c r="W28545">
        <v>2</v>
      </c>
      <c r="X28545">
        <v>2</v>
      </c>
      <c r="Y28545">
        <v>2</v>
      </c>
      <c r="Z28545">
        <v>2</v>
      </c>
      <c r="AA28545">
        <v>2</v>
      </c>
      <c r="AB28545">
        <v>3</v>
      </c>
      <c r="AC28545">
        <v>3</v>
      </c>
      <c r="AD28545">
        <v>3</v>
      </c>
      <c r="AE28545">
        <v>3</v>
      </c>
      <c r="AF28545">
        <v>3</v>
      </c>
      <c r="AG28545">
        <v>3</v>
      </c>
      <c r="AH28545">
        <v>3</v>
      </c>
      <c r="AI28545">
        <v>3</v>
      </c>
      <c r="AJ28545">
        <v>3</v>
      </c>
      <c r="AK28545">
        <v>3</v>
      </c>
      <c r="AL28545">
        <v>3</v>
      </c>
      <c r="AM28545">
        <v>3</v>
      </c>
      <c r="AN28545">
        <v>3</v>
      </c>
      <c r="AO28545">
        <v>3</v>
      </c>
      <c r="AP28545">
        <v>3</v>
      </c>
      <c r="AQ28545">
        <v>3</v>
      </c>
    </row>
    <row r="28546" spans="1:43">
      <c r="A28546" t="s">
        <v>17667</v>
      </c>
      <c r="B28546" t="s">
        <v>17668</v>
      </c>
      <c r="C28546" t="s">
        <v>17661</v>
      </c>
      <c r="D28546" t="s">
        <v>17662</v>
      </c>
      <c r="E28546" t="s">
        <v>17663</v>
      </c>
      <c r="F28546" t="s">
        <v>17664</v>
      </c>
      <c r="G28546" t="s">
        <v>16559</v>
      </c>
      <c r="H28546" t="s">
        <v>16560</v>
      </c>
      <c r="I28546" s="2">
        <v>1</v>
      </c>
      <c r="J28546" s="2">
        <v>0</v>
      </c>
      <c r="K28546" s="2">
        <v>0</v>
      </c>
      <c r="L28546" t="s">
        <v>120</v>
      </c>
      <c r="M28546" t="s">
        <v>83</v>
      </c>
      <c r="N28546" t="s">
        <v>84</v>
      </c>
      <c r="O28546" t="s">
        <v>85</v>
      </c>
      <c r="P28546" t="s">
        <v>86</v>
      </c>
      <c r="Q28546">
        <v>8</v>
      </c>
      <c r="R28546">
        <v>8</v>
      </c>
      <c r="S28546">
        <v>8</v>
      </c>
      <c r="T28546">
        <v>8</v>
      </c>
      <c r="U28546">
        <v>8</v>
      </c>
      <c r="V28546">
        <v>8</v>
      </c>
      <c r="W28546">
        <v>8</v>
      </c>
      <c r="X28546">
        <v>9</v>
      </c>
      <c r="Y28546">
        <v>9</v>
      </c>
      <c r="Z28546">
        <v>9</v>
      </c>
      <c r="AA28546">
        <v>9</v>
      </c>
      <c r="AB28546">
        <v>9</v>
      </c>
      <c r="AC28546">
        <v>9</v>
      </c>
      <c r="AD28546">
        <v>9</v>
      </c>
      <c r="AE28546">
        <v>9</v>
      </c>
      <c r="AF28546">
        <v>9</v>
      </c>
      <c r="AG28546">
        <v>10</v>
      </c>
      <c r="AH28546">
        <v>10</v>
      </c>
      <c r="AI28546">
        <v>10</v>
      </c>
      <c r="AJ28546">
        <v>10</v>
      </c>
      <c r="AK28546">
        <v>10</v>
      </c>
      <c r="AL28546">
        <v>10</v>
      </c>
      <c r="AM28546">
        <v>10</v>
      </c>
      <c r="AN28546">
        <v>10</v>
      </c>
      <c r="AO28546">
        <v>10</v>
      </c>
      <c r="AP28546">
        <v>10</v>
      </c>
      <c r="AQ28546">
        <v>10</v>
      </c>
    </row>
    <row r="28547" spans="1:43">
      <c r="A28547" t="s">
        <v>17667</v>
      </c>
      <c r="B28547" t="s">
        <v>17668</v>
      </c>
      <c r="C28547" t="s">
        <v>17661</v>
      </c>
      <c r="D28547" t="s">
        <v>17662</v>
      </c>
      <c r="E28547" t="s">
        <v>17663</v>
      </c>
      <c r="F28547" t="s">
        <v>17664</v>
      </c>
      <c r="G28547" t="s">
        <v>16559</v>
      </c>
      <c r="H28547" t="s">
        <v>16560</v>
      </c>
      <c r="I28547" s="2">
        <v>1</v>
      </c>
      <c r="J28547" s="2">
        <v>0</v>
      </c>
      <c r="K28547" s="2">
        <v>0</v>
      </c>
      <c r="L28547" t="s">
        <v>120</v>
      </c>
      <c r="M28547" t="s">
        <v>87</v>
      </c>
      <c r="N28547" t="s">
        <v>88</v>
      </c>
      <c r="O28547" t="s">
        <v>85</v>
      </c>
      <c r="P28547" t="s">
        <v>86</v>
      </c>
      <c r="Q28547">
        <v>8</v>
      </c>
      <c r="R28547">
        <v>8</v>
      </c>
      <c r="S28547">
        <v>8</v>
      </c>
      <c r="T28547">
        <v>8</v>
      </c>
      <c r="U28547">
        <v>8</v>
      </c>
      <c r="V28547">
        <v>8</v>
      </c>
      <c r="W28547">
        <v>8</v>
      </c>
      <c r="X28547">
        <v>8</v>
      </c>
      <c r="Y28547">
        <v>8</v>
      </c>
      <c r="Z28547">
        <v>8</v>
      </c>
      <c r="AA28547">
        <v>8</v>
      </c>
      <c r="AB28547">
        <v>8</v>
      </c>
      <c r="AC28547">
        <v>8</v>
      </c>
      <c r="AD28547">
        <v>8</v>
      </c>
      <c r="AE28547">
        <v>8</v>
      </c>
      <c r="AF28547">
        <v>8</v>
      </c>
      <c r="AG28547">
        <v>8</v>
      </c>
      <c r="AH28547">
        <v>8</v>
      </c>
      <c r="AI28547">
        <v>9</v>
      </c>
      <c r="AJ28547">
        <v>9</v>
      </c>
      <c r="AK28547">
        <v>9</v>
      </c>
      <c r="AL28547">
        <v>9</v>
      </c>
      <c r="AM28547">
        <v>9</v>
      </c>
      <c r="AN28547">
        <v>9</v>
      </c>
      <c r="AO28547">
        <v>9</v>
      </c>
      <c r="AP28547">
        <v>9</v>
      </c>
      <c r="AQ28547">
        <v>9</v>
      </c>
    </row>
    <row r="28548" spans="1:43">
      <c r="A28548" t="s">
        <v>17667</v>
      </c>
      <c r="B28548" t="s">
        <v>17668</v>
      </c>
      <c r="C28548" t="s">
        <v>17661</v>
      </c>
      <c r="D28548" t="s">
        <v>17662</v>
      </c>
      <c r="E28548" t="s">
        <v>17663</v>
      </c>
      <c r="F28548" t="s">
        <v>17664</v>
      </c>
      <c r="G28548" t="s">
        <v>16559</v>
      </c>
      <c r="H28548" t="s">
        <v>16560</v>
      </c>
      <c r="I28548" s="2">
        <v>1</v>
      </c>
      <c r="J28548" s="2">
        <v>0</v>
      </c>
      <c r="K28548" s="2">
        <v>0</v>
      </c>
      <c r="L28548" t="s">
        <v>120</v>
      </c>
      <c r="M28548" t="s">
        <v>89</v>
      </c>
      <c r="N28548" t="s">
        <v>90</v>
      </c>
      <c r="O28548" t="s">
        <v>85</v>
      </c>
      <c r="P28548" t="s">
        <v>86</v>
      </c>
      <c r="Q28548">
        <v>8</v>
      </c>
      <c r="R28548">
        <v>8</v>
      </c>
      <c r="S28548">
        <v>8</v>
      </c>
      <c r="T28548">
        <v>8</v>
      </c>
      <c r="U28548">
        <v>9</v>
      </c>
      <c r="V28548">
        <v>9</v>
      </c>
      <c r="W28548">
        <v>9</v>
      </c>
      <c r="X28548">
        <v>9</v>
      </c>
      <c r="Y28548">
        <v>9</v>
      </c>
      <c r="Z28548">
        <v>9</v>
      </c>
      <c r="AA28548">
        <v>9</v>
      </c>
      <c r="AB28548">
        <v>10</v>
      </c>
      <c r="AC28548">
        <v>10</v>
      </c>
      <c r="AD28548">
        <v>10</v>
      </c>
      <c r="AE28548">
        <v>10</v>
      </c>
      <c r="AF28548">
        <v>10</v>
      </c>
      <c r="AG28548">
        <v>10</v>
      </c>
      <c r="AH28548">
        <v>10</v>
      </c>
      <c r="AI28548">
        <v>10</v>
      </c>
      <c r="AJ28548">
        <v>10</v>
      </c>
      <c r="AK28548">
        <v>10</v>
      </c>
      <c r="AL28548">
        <v>10</v>
      </c>
      <c r="AM28548">
        <v>10</v>
      </c>
      <c r="AN28548">
        <v>10</v>
      </c>
      <c r="AO28548">
        <v>10</v>
      </c>
      <c r="AP28548">
        <v>10</v>
      </c>
      <c r="AQ28548">
        <v>10</v>
      </c>
    </row>
    <row r="28549" spans="1:43">
      <c r="A28549" t="s">
        <v>17667</v>
      </c>
      <c r="B28549" t="s">
        <v>17668</v>
      </c>
      <c r="C28549" t="s">
        <v>17661</v>
      </c>
      <c r="D28549" t="s">
        <v>17662</v>
      </c>
      <c r="E28549" t="s">
        <v>17663</v>
      </c>
      <c r="F28549" t="s">
        <v>17664</v>
      </c>
      <c r="G28549" t="s">
        <v>16559</v>
      </c>
      <c r="H28549" t="s">
        <v>16560</v>
      </c>
      <c r="I28549" s="2">
        <v>1</v>
      </c>
      <c r="J28549" s="2">
        <v>0</v>
      </c>
      <c r="K28549" s="2">
        <v>0</v>
      </c>
      <c r="L28549" t="s">
        <v>120</v>
      </c>
      <c r="M28549" t="s">
        <v>83</v>
      </c>
      <c r="N28549" t="s">
        <v>91</v>
      </c>
      <c r="O28549" t="s">
        <v>85</v>
      </c>
      <c r="P28549" t="s">
        <v>86</v>
      </c>
      <c r="Q28549">
        <v>8</v>
      </c>
      <c r="R28549">
        <v>8</v>
      </c>
      <c r="S28549">
        <v>8</v>
      </c>
      <c r="T28549">
        <v>8</v>
      </c>
      <c r="U28549">
        <v>8</v>
      </c>
      <c r="V28549">
        <v>8</v>
      </c>
      <c r="W28549">
        <v>8</v>
      </c>
      <c r="X28549">
        <v>9</v>
      </c>
      <c r="Y28549">
        <v>9</v>
      </c>
      <c r="Z28549">
        <v>9</v>
      </c>
      <c r="AA28549">
        <v>9</v>
      </c>
      <c r="AB28549">
        <v>9</v>
      </c>
      <c r="AC28549">
        <v>9</v>
      </c>
      <c r="AD28549">
        <v>9</v>
      </c>
      <c r="AE28549">
        <v>9</v>
      </c>
      <c r="AF28549">
        <v>9</v>
      </c>
      <c r="AG28549">
        <v>10</v>
      </c>
      <c r="AH28549">
        <v>10</v>
      </c>
      <c r="AI28549">
        <v>10</v>
      </c>
      <c r="AJ28549">
        <v>10</v>
      </c>
      <c r="AK28549">
        <v>10</v>
      </c>
      <c r="AL28549">
        <v>10</v>
      </c>
      <c r="AM28549">
        <v>10</v>
      </c>
      <c r="AN28549">
        <v>10</v>
      </c>
      <c r="AO28549">
        <v>10</v>
      </c>
      <c r="AP28549">
        <v>10</v>
      </c>
      <c r="AQ28549">
        <v>10</v>
      </c>
    </row>
    <row r="28550" spans="1:43">
      <c r="A28550" t="s">
        <v>17669</v>
      </c>
      <c r="B28550" t="s">
        <v>17670</v>
      </c>
      <c r="C28550" t="s">
        <v>17661</v>
      </c>
      <c r="D28550" t="s">
        <v>17662</v>
      </c>
      <c r="E28550" t="s">
        <v>17663</v>
      </c>
      <c r="F28550" t="s">
        <v>17664</v>
      </c>
      <c r="G28550" t="s">
        <v>16559</v>
      </c>
      <c r="H28550" t="s">
        <v>16560</v>
      </c>
      <c r="I28550" s="2">
        <v>1</v>
      </c>
      <c r="J28550" s="2">
        <v>0</v>
      </c>
      <c r="K28550" s="2">
        <v>0</v>
      </c>
      <c r="L28550" t="s">
        <v>120</v>
      </c>
      <c r="M28550" t="s">
        <v>83</v>
      </c>
      <c r="N28550" t="s">
        <v>84</v>
      </c>
      <c r="O28550" t="s">
        <v>85</v>
      </c>
      <c r="P28550" t="s">
        <v>86</v>
      </c>
      <c r="Q28550">
        <v>8</v>
      </c>
      <c r="R28550">
        <v>8</v>
      </c>
      <c r="S28550">
        <v>8</v>
      </c>
      <c r="T28550">
        <v>8</v>
      </c>
      <c r="U28550">
        <v>8</v>
      </c>
      <c r="V28550">
        <v>9</v>
      </c>
      <c r="W28550">
        <v>9</v>
      </c>
      <c r="X28550">
        <v>9</v>
      </c>
      <c r="Y28550">
        <v>9</v>
      </c>
      <c r="Z28550">
        <v>9</v>
      </c>
      <c r="AA28550">
        <v>9</v>
      </c>
      <c r="AB28550">
        <v>9</v>
      </c>
      <c r="AC28550">
        <v>9</v>
      </c>
      <c r="AD28550">
        <v>10</v>
      </c>
      <c r="AE28550">
        <v>10</v>
      </c>
      <c r="AF28550">
        <v>10</v>
      </c>
      <c r="AG28550">
        <v>10</v>
      </c>
      <c r="AH28550">
        <v>10</v>
      </c>
      <c r="AI28550">
        <v>10</v>
      </c>
      <c r="AJ28550">
        <v>10</v>
      </c>
      <c r="AK28550">
        <v>10</v>
      </c>
      <c r="AL28550">
        <v>10</v>
      </c>
      <c r="AM28550">
        <v>10</v>
      </c>
      <c r="AN28550">
        <v>10</v>
      </c>
      <c r="AO28550">
        <v>11</v>
      </c>
      <c r="AP28550">
        <v>11</v>
      </c>
      <c r="AQ28550">
        <v>11</v>
      </c>
    </row>
    <row r="28551" spans="1:43">
      <c r="A28551" t="s">
        <v>17669</v>
      </c>
      <c r="B28551" t="s">
        <v>17670</v>
      </c>
      <c r="C28551" t="s">
        <v>17661</v>
      </c>
      <c r="D28551" t="s">
        <v>17662</v>
      </c>
      <c r="E28551" t="s">
        <v>17663</v>
      </c>
      <c r="F28551" t="s">
        <v>17664</v>
      </c>
      <c r="G28551" t="s">
        <v>16559</v>
      </c>
      <c r="H28551" t="s">
        <v>16560</v>
      </c>
      <c r="I28551" s="2">
        <v>1</v>
      </c>
      <c r="J28551" s="2">
        <v>0</v>
      </c>
      <c r="K28551" s="2">
        <v>0</v>
      </c>
      <c r="L28551" t="s">
        <v>120</v>
      </c>
      <c r="M28551" t="s">
        <v>87</v>
      </c>
      <c r="N28551" t="s">
        <v>88</v>
      </c>
      <c r="O28551" t="s">
        <v>85</v>
      </c>
      <c r="P28551" t="s">
        <v>86</v>
      </c>
      <c r="Q28551">
        <v>8</v>
      </c>
      <c r="R28551">
        <v>8</v>
      </c>
      <c r="S28551">
        <v>8</v>
      </c>
      <c r="T28551">
        <v>8</v>
      </c>
      <c r="U28551">
        <v>8</v>
      </c>
      <c r="V28551">
        <v>8</v>
      </c>
      <c r="W28551">
        <v>8</v>
      </c>
      <c r="X28551">
        <v>8</v>
      </c>
      <c r="Y28551">
        <v>8</v>
      </c>
      <c r="Z28551">
        <v>8</v>
      </c>
      <c r="AA28551">
        <v>8</v>
      </c>
      <c r="AB28551">
        <v>8</v>
      </c>
      <c r="AC28551">
        <v>8</v>
      </c>
      <c r="AD28551">
        <v>9</v>
      </c>
      <c r="AE28551">
        <v>9</v>
      </c>
      <c r="AF28551">
        <v>9</v>
      </c>
      <c r="AG28551">
        <v>9</v>
      </c>
      <c r="AH28551">
        <v>9</v>
      </c>
      <c r="AI28551">
        <v>9</v>
      </c>
      <c r="AJ28551">
        <v>9</v>
      </c>
      <c r="AK28551">
        <v>9</v>
      </c>
      <c r="AL28551">
        <v>9</v>
      </c>
      <c r="AM28551">
        <v>9</v>
      </c>
      <c r="AN28551">
        <v>9</v>
      </c>
      <c r="AO28551">
        <v>9</v>
      </c>
      <c r="AP28551">
        <v>9</v>
      </c>
      <c r="AQ28551">
        <v>9</v>
      </c>
    </row>
    <row r="28552" spans="1:43">
      <c r="A28552" t="s">
        <v>17669</v>
      </c>
      <c r="B28552" t="s">
        <v>17670</v>
      </c>
      <c r="C28552" t="s">
        <v>17661</v>
      </c>
      <c r="D28552" t="s">
        <v>17662</v>
      </c>
      <c r="E28552" t="s">
        <v>17663</v>
      </c>
      <c r="F28552" t="s">
        <v>17664</v>
      </c>
      <c r="G28552" t="s">
        <v>16559</v>
      </c>
      <c r="H28552" t="s">
        <v>16560</v>
      </c>
      <c r="I28552" s="2">
        <v>1</v>
      </c>
      <c r="J28552" s="2">
        <v>0</v>
      </c>
      <c r="K28552" s="2">
        <v>0</v>
      </c>
      <c r="L28552" t="s">
        <v>120</v>
      </c>
      <c r="M28552" t="s">
        <v>89</v>
      </c>
      <c r="N28552" t="s">
        <v>90</v>
      </c>
      <c r="O28552" t="s">
        <v>85</v>
      </c>
      <c r="P28552" t="s">
        <v>86</v>
      </c>
      <c r="Q28552">
        <v>8</v>
      </c>
      <c r="R28552">
        <v>8</v>
      </c>
      <c r="S28552">
        <v>8</v>
      </c>
      <c r="T28552">
        <v>9</v>
      </c>
      <c r="U28552">
        <v>9</v>
      </c>
      <c r="V28552">
        <v>9</v>
      </c>
      <c r="W28552">
        <v>9</v>
      </c>
      <c r="X28552">
        <v>9</v>
      </c>
      <c r="Y28552">
        <v>9</v>
      </c>
      <c r="Z28552">
        <v>10</v>
      </c>
      <c r="AA28552">
        <v>10</v>
      </c>
      <c r="AB28552">
        <v>10</v>
      </c>
      <c r="AC28552">
        <v>10</v>
      </c>
      <c r="AD28552">
        <v>10</v>
      </c>
      <c r="AE28552">
        <v>10</v>
      </c>
      <c r="AF28552">
        <v>10</v>
      </c>
      <c r="AG28552">
        <v>10</v>
      </c>
      <c r="AH28552">
        <v>10</v>
      </c>
      <c r="AI28552">
        <v>10</v>
      </c>
      <c r="AJ28552">
        <v>10</v>
      </c>
      <c r="AK28552">
        <v>10</v>
      </c>
      <c r="AL28552">
        <v>10</v>
      </c>
      <c r="AM28552">
        <v>11</v>
      </c>
      <c r="AN28552">
        <v>11</v>
      </c>
      <c r="AO28552">
        <v>11</v>
      </c>
      <c r="AP28552">
        <v>11</v>
      </c>
      <c r="AQ28552">
        <v>11</v>
      </c>
    </row>
    <row r="28553" spans="1:43">
      <c r="A28553" t="s">
        <v>17669</v>
      </c>
      <c r="B28553" t="s">
        <v>17670</v>
      </c>
      <c r="C28553" t="s">
        <v>17661</v>
      </c>
      <c r="D28553" t="s">
        <v>17662</v>
      </c>
      <c r="E28553" t="s">
        <v>17663</v>
      </c>
      <c r="F28553" t="s">
        <v>17664</v>
      </c>
      <c r="G28553" t="s">
        <v>16559</v>
      </c>
      <c r="H28553" t="s">
        <v>16560</v>
      </c>
      <c r="I28553" s="2">
        <v>1</v>
      </c>
      <c r="J28553" s="2">
        <v>0</v>
      </c>
      <c r="K28553" s="2">
        <v>0</v>
      </c>
      <c r="L28553" t="s">
        <v>120</v>
      </c>
      <c r="M28553" t="s">
        <v>83</v>
      </c>
      <c r="N28553" t="s">
        <v>91</v>
      </c>
      <c r="O28553" t="s">
        <v>85</v>
      </c>
      <c r="P28553" t="s">
        <v>86</v>
      </c>
      <c r="Q28553">
        <v>8</v>
      </c>
      <c r="R28553">
        <v>8</v>
      </c>
      <c r="S28553">
        <v>8</v>
      </c>
      <c r="T28553">
        <v>8</v>
      </c>
      <c r="U28553">
        <v>8</v>
      </c>
      <c r="V28553">
        <v>9</v>
      </c>
      <c r="W28553">
        <v>9</v>
      </c>
      <c r="X28553">
        <v>9</v>
      </c>
      <c r="Y28553">
        <v>9</v>
      </c>
      <c r="Z28553">
        <v>9</v>
      </c>
      <c r="AA28553">
        <v>9</v>
      </c>
      <c r="AB28553">
        <v>9</v>
      </c>
      <c r="AC28553">
        <v>9</v>
      </c>
      <c r="AD28553">
        <v>10</v>
      </c>
      <c r="AE28553">
        <v>10</v>
      </c>
      <c r="AF28553">
        <v>10</v>
      </c>
      <c r="AG28553">
        <v>10</v>
      </c>
      <c r="AH28553">
        <v>10</v>
      </c>
      <c r="AI28553">
        <v>10</v>
      </c>
      <c r="AJ28553">
        <v>10</v>
      </c>
      <c r="AK28553">
        <v>10</v>
      </c>
      <c r="AL28553">
        <v>10</v>
      </c>
      <c r="AM28553">
        <v>10</v>
      </c>
      <c r="AN28553">
        <v>10</v>
      </c>
      <c r="AO28553">
        <v>11</v>
      </c>
      <c r="AP28553">
        <v>11</v>
      </c>
      <c r="AQ28553">
        <v>11</v>
      </c>
    </row>
    <row r="28554" spans="1:43">
      <c r="A28554" t="s">
        <v>17671</v>
      </c>
      <c r="B28554" t="s">
        <v>17672</v>
      </c>
      <c r="C28554" t="s">
        <v>17661</v>
      </c>
      <c r="D28554" t="s">
        <v>17662</v>
      </c>
      <c r="E28554" t="s">
        <v>17663</v>
      </c>
      <c r="F28554" t="s">
        <v>17664</v>
      </c>
      <c r="G28554" t="s">
        <v>16559</v>
      </c>
      <c r="H28554" t="s">
        <v>16560</v>
      </c>
      <c r="I28554" s="2">
        <v>1</v>
      </c>
      <c r="J28554" s="2">
        <v>0</v>
      </c>
      <c r="K28554" s="2">
        <v>0</v>
      </c>
      <c r="L28554" t="s">
        <v>120</v>
      </c>
      <c r="M28554" t="s">
        <v>83</v>
      </c>
      <c r="N28554" t="s">
        <v>84</v>
      </c>
      <c r="O28554" t="s">
        <v>85</v>
      </c>
      <c r="P28554" t="s">
        <v>86</v>
      </c>
      <c r="Q28554">
        <v>8</v>
      </c>
      <c r="R28554">
        <v>8</v>
      </c>
      <c r="S28554">
        <v>8</v>
      </c>
      <c r="T28554">
        <v>8</v>
      </c>
      <c r="U28554">
        <v>8</v>
      </c>
      <c r="V28554">
        <v>8</v>
      </c>
      <c r="W28554">
        <v>9</v>
      </c>
      <c r="X28554">
        <v>9</v>
      </c>
      <c r="Y28554">
        <v>9</v>
      </c>
      <c r="Z28554">
        <v>9</v>
      </c>
      <c r="AA28554">
        <v>9</v>
      </c>
      <c r="AB28554">
        <v>9</v>
      </c>
      <c r="AC28554">
        <v>9</v>
      </c>
      <c r="AD28554">
        <v>9</v>
      </c>
      <c r="AE28554">
        <v>9</v>
      </c>
      <c r="AF28554">
        <v>10</v>
      </c>
      <c r="AG28554">
        <v>10</v>
      </c>
      <c r="AH28554">
        <v>10</v>
      </c>
      <c r="AI28554">
        <v>10</v>
      </c>
      <c r="AJ28554">
        <v>10</v>
      </c>
      <c r="AK28554">
        <v>10</v>
      </c>
      <c r="AL28554">
        <v>10</v>
      </c>
      <c r="AM28554">
        <v>10</v>
      </c>
      <c r="AN28554">
        <v>10</v>
      </c>
      <c r="AO28554">
        <v>10</v>
      </c>
      <c r="AP28554">
        <v>10</v>
      </c>
      <c r="AQ28554">
        <v>10</v>
      </c>
    </row>
    <row r="28555" spans="1:43">
      <c r="A28555" t="s">
        <v>17671</v>
      </c>
      <c r="B28555" t="s">
        <v>17672</v>
      </c>
      <c r="C28555" t="s">
        <v>17661</v>
      </c>
      <c r="D28555" t="s">
        <v>17662</v>
      </c>
      <c r="E28555" t="s">
        <v>17663</v>
      </c>
      <c r="F28555" t="s">
        <v>17664</v>
      </c>
      <c r="G28555" t="s">
        <v>16559</v>
      </c>
      <c r="H28555" t="s">
        <v>16560</v>
      </c>
      <c r="I28555" s="2">
        <v>1</v>
      </c>
      <c r="J28555" s="2">
        <v>0</v>
      </c>
      <c r="K28555" s="2">
        <v>0</v>
      </c>
      <c r="L28555" t="s">
        <v>120</v>
      </c>
      <c r="M28555" t="s">
        <v>87</v>
      </c>
      <c r="N28555" t="s">
        <v>88</v>
      </c>
      <c r="O28555" t="s">
        <v>85</v>
      </c>
      <c r="P28555" t="s">
        <v>86</v>
      </c>
      <c r="Q28555">
        <v>8</v>
      </c>
      <c r="R28555">
        <v>8</v>
      </c>
      <c r="S28555">
        <v>8</v>
      </c>
      <c r="T28555">
        <v>8</v>
      </c>
      <c r="U28555">
        <v>8</v>
      </c>
      <c r="V28555">
        <v>8</v>
      </c>
      <c r="W28555">
        <v>8</v>
      </c>
      <c r="X28555">
        <v>8</v>
      </c>
      <c r="Y28555">
        <v>8</v>
      </c>
      <c r="Z28555">
        <v>8</v>
      </c>
      <c r="AA28555">
        <v>8</v>
      </c>
      <c r="AB28555">
        <v>8</v>
      </c>
      <c r="AC28555">
        <v>8</v>
      </c>
      <c r="AD28555">
        <v>8</v>
      </c>
      <c r="AE28555">
        <v>8</v>
      </c>
      <c r="AF28555">
        <v>8</v>
      </c>
      <c r="AG28555">
        <v>9</v>
      </c>
      <c r="AH28555">
        <v>9</v>
      </c>
      <c r="AI28555">
        <v>9</v>
      </c>
      <c r="AJ28555">
        <v>9</v>
      </c>
      <c r="AK28555">
        <v>9</v>
      </c>
      <c r="AL28555">
        <v>9</v>
      </c>
      <c r="AM28555">
        <v>9</v>
      </c>
      <c r="AN28555">
        <v>9</v>
      </c>
      <c r="AO28555">
        <v>9</v>
      </c>
      <c r="AP28555">
        <v>9</v>
      </c>
      <c r="AQ28555">
        <v>9</v>
      </c>
    </row>
    <row r="28556" spans="1:43">
      <c r="A28556" t="s">
        <v>17671</v>
      </c>
      <c r="B28556" t="s">
        <v>17672</v>
      </c>
      <c r="C28556" t="s">
        <v>17661</v>
      </c>
      <c r="D28556" t="s">
        <v>17662</v>
      </c>
      <c r="E28556" t="s">
        <v>17663</v>
      </c>
      <c r="F28556" t="s">
        <v>17664</v>
      </c>
      <c r="G28556" t="s">
        <v>16559</v>
      </c>
      <c r="H28556" t="s">
        <v>16560</v>
      </c>
      <c r="I28556" s="2">
        <v>1</v>
      </c>
      <c r="J28556" s="2">
        <v>0</v>
      </c>
      <c r="K28556" s="2">
        <v>0</v>
      </c>
      <c r="L28556" t="s">
        <v>120</v>
      </c>
      <c r="M28556" t="s">
        <v>89</v>
      </c>
      <c r="N28556" t="s">
        <v>90</v>
      </c>
      <c r="O28556" t="s">
        <v>85</v>
      </c>
      <c r="P28556" t="s">
        <v>86</v>
      </c>
      <c r="Q28556">
        <v>8</v>
      </c>
      <c r="R28556">
        <v>8</v>
      </c>
      <c r="S28556">
        <v>8</v>
      </c>
      <c r="T28556">
        <v>8</v>
      </c>
      <c r="U28556">
        <v>9</v>
      </c>
      <c r="V28556">
        <v>9</v>
      </c>
      <c r="W28556">
        <v>9</v>
      </c>
      <c r="X28556">
        <v>9</v>
      </c>
      <c r="Y28556">
        <v>9</v>
      </c>
      <c r="Z28556">
        <v>9</v>
      </c>
      <c r="AA28556">
        <v>10</v>
      </c>
      <c r="AB28556">
        <v>10</v>
      </c>
      <c r="AC28556">
        <v>10</v>
      </c>
      <c r="AD28556">
        <v>10</v>
      </c>
      <c r="AE28556">
        <v>10</v>
      </c>
      <c r="AF28556">
        <v>10</v>
      </c>
      <c r="AG28556">
        <v>10</v>
      </c>
      <c r="AH28556">
        <v>10</v>
      </c>
      <c r="AI28556">
        <v>10</v>
      </c>
      <c r="AJ28556">
        <v>10</v>
      </c>
      <c r="AK28556">
        <v>10</v>
      </c>
      <c r="AL28556">
        <v>10</v>
      </c>
      <c r="AM28556">
        <v>10</v>
      </c>
      <c r="AN28556">
        <v>10</v>
      </c>
      <c r="AO28556">
        <v>10</v>
      </c>
      <c r="AP28556">
        <v>10</v>
      </c>
      <c r="AQ28556">
        <v>10</v>
      </c>
    </row>
    <row r="28557" spans="1:43">
      <c r="A28557" t="s">
        <v>17671</v>
      </c>
      <c r="B28557" t="s">
        <v>17672</v>
      </c>
      <c r="C28557" t="s">
        <v>17661</v>
      </c>
      <c r="D28557" t="s">
        <v>17662</v>
      </c>
      <c r="E28557" t="s">
        <v>17663</v>
      </c>
      <c r="F28557" t="s">
        <v>17664</v>
      </c>
      <c r="G28557" t="s">
        <v>16559</v>
      </c>
      <c r="H28557" t="s">
        <v>16560</v>
      </c>
      <c r="I28557" s="2">
        <v>1</v>
      </c>
      <c r="J28557" s="2">
        <v>0</v>
      </c>
      <c r="K28557" s="2">
        <v>0</v>
      </c>
      <c r="L28557" t="s">
        <v>120</v>
      </c>
      <c r="M28557" t="s">
        <v>83</v>
      </c>
      <c r="N28557" t="s">
        <v>91</v>
      </c>
      <c r="O28557" t="s">
        <v>85</v>
      </c>
      <c r="P28557" t="s">
        <v>86</v>
      </c>
      <c r="Q28557">
        <v>8</v>
      </c>
      <c r="R28557">
        <v>8</v>
      </c>
      <c r="S28557">
        <v>8</v>
      </c>
      <c r="T28557">
        <v>8</v>
      </c>
      <c r="U28557">
        <v>8</v>
      </c>
      <c r="V28557">
        <v>8</v>
      </c>
      <c r="W28557">
        <v>9</v>
      </c>
      <c r="X28557">
        <v>9</v>
      </c>
      <c r="Y28557">
        <v>9</v>
      </c>
      <c r="Z28557">
        <v>9</v>
      </c>
      <c r="AA28557">
        <v>9</v>
      </c>
      <c r="AB28557">
        <v>9</v>
      </c>
      <c r="AC28557">
        <v>9</v>
      </c>
      <c r="AD28557">
        <v>9</v>
      </c>
      <c r="AE28557">
        <v>9</v>
      </c>
      <c r="AF28557">
        <v>10</v>
      </c>
      <c r="AG28557">
        <v>10</v>
      </c>
      <c r="AH28557">
        <v>10</v>
      </c>
      <c r="AI28557">
        <v>10</v>
      </c>
      <c r="AJ28557">
        <v>10</v>
      </c>
      <c r="AK28557">
        <v>10</v>
      </c>
      <c r="AL28557">
        <v>10</v>
      </c>
      <c r="AM28557">
        <v>10</v>
      </c>
      <c r="AN28557">
        <v>10</v>
      </c>
      <c r="AO28557">
        <v>10</v>
      </c>
      <c r="AP28557">
        <v>10</v>
      </c>
      <c r="AQ28557">
        <v>10</v>
      </c>
    </row>
    <row r="28558" spans="1:43">
      <c r="A28558" t="s">
        <v>17673</v>
      </c>
      <c r="B28558" t="s">
        <v>17674</v>
      </c>
      <c r="C28558" t="s">
        <v>17675</v>
      </c>
      <c r="D28558" t="s">
        <v>17676</v>
      </c>
      <c r="E28558" t="s">
        <v>17663</v>
      </c>
      <c r="F28558" t="s">
        <v>17664</v>
      </c>
      <c r="G28558" t="s">
        <v>16559</v>
      </c>
      <c r="H28558" t="s">
        <v>16560</v>
      </c>
      <c r="I28558" s="2">
        <v>1</v>
      </c>
      <c r="J28558" s="2">
        <v>0</v>
      </c>
      <c r="K28558" s="2">
        <v>0</v>
      </c>
      <c r="L28558" t="s">
        <v>120</v>
      </c>
      <c r="M28558" t="s">
        <v>83</v>
      </c>
      <c r="N28558" t="s">
        <v>84</v>
      </c>
      <c r="O28558" t="s">
        <v>85</v>
      </c>
      <c r="P28558" t="s">
        <v>86</v>
      </c>
      <c r="Q28558">
        <v>12</v>
      </c>
      <c r="R28558">
        <v>12</v>
      </c>
      <c r="S28558">
        <v>13</v>
      </c>
      <c r="T28558">
        <v>13</v>
      </c>
      <c r="U28558">
        <v>13</v>
      </c>
      <c r="V28558">
        <v>13</v>
      </c>
      <c r="W28558">
        <v>13</v>
      </c>
      <c r="X28558">
        <v>14</v>
      </c>
      <c r="Y28558">
        <v>14</v>
      </c>
      <c r="Z28558">
        <v>14</v>
      </c>
      <c r="AA28558">
        <v>14</v>
      </c>
      <c r="AB28558">
        <v>14</v>
      </c>
      <c r="AC28558">
        <v>14</v>
      </c>
      <c r="AD28558">
        <v>15</v>
      </c>
      <c r="AE28558">
        <v>15</v>
      </c>
      <c r="AF28558">
        <v>15</v>
      </c>
      <c r="AG28558">
        <v>15</v>
      </c>
      <c r="AH28558">
        <v>15</v>
      </c>
      <c r="AI28558">
        <v>16</v>
      </c>
      <c r="AJ28558">
        <v>16</v>
      </c>
      <c r="AK28558">
        <v>16</v>
      </c>
      <c r="AL28558">
        <v>16</v>
      </c>
      <c r="AM28558">
        <v>16</v>
      </c>
      <c r="AN28558">
        <v>16</v>
      </c>
      <c r="AO28558">
        <v>16</v>
      </c>
      <c r="AP28558">
        <v>16</v>
      </c>
      <c r="AQ28558">
        <v>17</v>
      </c>
    </row>
    <row r="28559" spans="1:43">
      <c r="A28559" t="s">
        <v>17673</v>
      </c>
      <c r="B28559" t="s">
        <v>17674</v>
      </c>
      <c r="C28559" t="s">
        <v>17675</v>
      </c>
      <c r="D28559" t="s">
        <v>17676</v>
      </c>
      <c r="E28559" t="s">
        <v>17663</v>
      </c>
      <c r="F28559" t="s">
        <v>17664</v>
      </c>
      <c r="G28559" t="s">
        <v>16559</v>
      </c>
      <c r="H28559" t="s">
        <v>16560</v>
      </c>
      <c r="I28559" s="2">
        <v>1</v>
      </c>
      <c r="J28559" s="2">
        <v>0</v>
      </c>
      <c r="K28559" s="2">
        <v>0</v>
      </c>
      <c r="L28559" t="s">
        <v>120</v>
      </c>
      <c r="M28559" t="s">
        <v>87</v>
      </c>
      <c r="N28559" t="s">
        <v>88</v>
      </c>
      <c r="O28559" t="s">
        <v>85</v>
      </c>
      <c r="P28559" t="s">
        <v>86</v>
      </c>
      <c r="Q28559">
        <v>12</v>
      </c>
      <c r="R28559">
        <v>12</v>
      </c>
      <c r="S28559">
        <v>12</v>
      </c>
      <c r="T28559">
        <v>12</v>
      </c>
      <c r="U28559">
        <v>12</v>
      </c>
      <c r="V28559">
        <v>12</v>
      </c>
      <c r="W28559">
        <v>13</v>
      </c>
      <c r="X28559">
        <v>13</v>
      </c>
      <c r="Y28559">
        <v>13</v>
      </c>
      <c r="Z28559">
        <v>13</v>
      </c>
      <c r="AA28559">
        <v>13</v>
      </c>
      <c r="AB28559">
        <v>13</v>
      </c>
      <c r="AC28559">
        <v>13</v>
      </c>
      <c r="AD28559">
        <v>13</v>
      </c>
      <c r="AE28559">
        <v>13</v>
      </c>
      <c r="AF28559">
        <v>13</v>
      </c>
      <c r="AG28559">
        <v>13</v>
      </c>
      <c r="AH28559">
        <v>13</v>
      </c>
      <c r="AI28559">
        <v>13</v>
      </c>
      <c r="AJ28559">
        <v>14</v>
      </c>
      <c r="AK28559">
        <v>14</v>
      </c>
      <c r="AL28559">
        <v>14</v>
      </c>
      <c r="AM28559">
        <v>14</v>
      </c>
      <c r="AN28559">
        <v>14</v>
      </c>
      <c r="AO28559">
        <v>14</v>
      </c>
      <c r="AP28559">
        <v>14</v>
      </c>
      <c r="AQ28559">
        <v>14</v>
      </c>
    </row>
    <row r="28560" spans="1:43">
      <c r="A28560" t="s">
        <v>17673</v>
      </c>
      <c r="B28560" t="s">
        <v>17674</v>
      </c>
      <c r="C28560" t="s">
        <v>17675</v>
      </c>
      <c r="D28560" t="s">
        <v>17676</v>
      </c>
      <c r="E28560" t="s">
        <v>17663</v>
      </c>
      <c r="F28560" t="s">
        <v>17664</v>
      </c>
      <c r="G28560" t="s">
        <v>16559</v>
      </c>
      <c r="H28560" t="s">
        <v>16560</v>
      </c>
      <c r="I28560" s="2">
        <v>1</v>
      </c>
      <c r="J28560" s="2">
        <v>0</v>
      </c>
      <c r="K28560" s="2">
        <v>0</v>
      </c>
      <c r="L28560" t="s">
        <v>120</v>
      </c>
      <c r="M28560" t="s">
        <v>89</v>
      </c>
      <c r="N28560" t="s">
        <v>90</v>
      </c>
      <c r="O28560" t="s">
        <v>85</v>
      </c>
      <c r="P28560" t="s">
        <v>86</v>
      </c>
      <c r="Q28560">
        <v>12</v>
      </c>
      <c r="R28560">
        <v>13</v>
      </c>
      <c r="S28560">
        <v>13</v>
      </c>
      <c r="T28560">
        <v>13</v>
      </c>
      <c r="U28560">
        <v>13</v>
      </c>
      <c r="V28560">
        <v>14</v>
      </c>
      <c r="W28560">
        <v>14</v>
      </c>
      <c r="X28560">
        <v>14</v>
      </c>
      <c r="Y28560">
        <v>14</v>
      </c>
      <c r="Z28560">
        <v>15</v>
      </c>
      <c r="AA28560">
        <v>15</v>
      </c>
      <c r="AB28560">
        <v>15</v>
      </c>
      <c r="AC28560">
        <v>15</v>
      </c>
      <c r="AD28560">
        <v>16</v>
      </c>
      <c r="AE28560">
        <v>16</v>
      </c>
      <c r="AF28560">
        <v>16</v>
      </c>
      <c r="AG28560">
        <v>16</v>
      </c>
      <c r="AH28560">
        <v>16</v>
      </c>
      <c r="AI28560">
        <v>16</v>
      </c>
      <c r="AJ28560">
        <v>16</v>
      </c>
      <c r="AK28560">
        <v>16</v>
      </c>
      <c r="AL28560">
        <v>16</v>
      </c>
      <c r="AM28560">
        <v>17</v>
      </c>
      <c r="AN28560">
        <v>17</v>
      </c>
      <c r="AO28560">
        <v>17</v>
      </c>
      <c r="AP28560">
        <v>17</v>
      </c>
      <c r="AQ28560">
        <v>17</v>
      </c>
    </row>
    <row r="28561" spans="1:43">
      <c r="A28561" t="s">
        <v>17673</v>
      </c>
      <c r="B28561" t="s">
        <v>17674</v>
      </c>
      <c r="C28561" t="s">
        <v>17675</v>
      </c>
      <c r="D28561" t="s">
        <v>17676</v>
      </c>
      <c r="E28561" t="s">
        <v>17663</v>
      </c>
      <c r="F28561" t="s">
        <v>17664</v>
      </c>
      <c r="G28561" t="s">
        <v>16559</v>
      </c>
      <c r="H28561" t="s">
        <v>16560</v>
      </c>
      <c r="I28561" s="2">
        <v>1</v>
      </c>
      <c r="J28561" s="2">
        <v>0</v>
      </c>
      <c r="K28561" s="2">
        <v>0</v>
      </c>
      <c r="L28561" t="s">
        <v>120</v>
      </c>
      <c r="M28561" t="s">
        <v>83</v>
      </c>
      <c r="N28561" t="s">
        <v>91</v>
      </c>
      <c r="O28561" t="s">
        <v>85</v>
      </c>
      <c r="P28561" t="s">
        <v>86</v>
      </c>
      <c r="Q28561">
        <v>12</v>
      </c>
      <c r="R28561">
        <v>12</v>
      </c>
      <c r="S28561">
        <v>13</v>
      </c>
      <c r="T28561">
        <v>13</v>
      </c>
      <c r="U28561">
        <v>13</v>
      </c>
      <c r="V28561">
        <v>13</v>
      </c>
      <c r="W28561">
        <v>13</v>
      </c>
      <c r="X28561">
        <v>14</v>
      </c>
      <c r="Y28561">
        <v>14</v>
      </c>
      <c r="Z28561">
        <v>14</v>
      </c>
      <c r="AA28561">
        <v>14</v>
      </c>
      <c r="AB28561">
        <v>14</v>
      </c>
      <c r="AC28561">
        <v>14</v>
      </c>
      <c r="AD28561">
        <v>15</v>
      </c>
      <c r="AE28561">
        <v>15</v>
      </c>
      <c r="AF28561">
        <v>15</v>
      </c>
      <c r="AG28561">
        <v>15</v>
      </c>
      <c r="AH28561">
        <v>15</v>
      </c>
      <c r="AI28561">
        <v>16</v>
      </c>
      <c r="AJ28561">
        <v>16</v>
      </c>
      <c r="AK28561">
        <v>16</v>
      </c>
      <c r="AL28561">
        <v>16</v>
      </c>
      <c r="AM28561">
        <v>16</v>
      </c>
      <c r="AN28561">
        <v>16</v>
      </c>
      <c r="AO28561">
        <v>16</v>
      </c>
      <c r="AP28561">
        <v>16</v>
      </c>
      <c r="AQ28561">
        <v>17</v>
      </c>
    </row>
    <row r="28562" spans="1:43">
      <c r="A28562" t="s">
        <v>17677</v>
      </c>
      <c r="B28562" t="s">
        <v>17678</v>
      </c>
      <c r="C28562" t="s">
        <v>17675</v>
      </c>
      <c r="D28562" t="s">
        <v>17676</v>
      </c>
      <c r="E28562" t="s">
        <v>17663</v>
      </c>
      <c r="F28562" t="s">
        <v>17664</v>
      </c>
      <c r="G28562" t="s">
        <v>16559</v>
      </c>
      <c r="H28562" t="s">
        <v>16560</v>
      </c>
      <c r="I28562" s="2">
        <v>1</v>
      </c>
      <c r="J28562" s="2">
        <v>0</v>
      </c>
      <c r="K28562" s="2">
        <v>0</v>
      </c>
      <c r="L28562" t="s">
        <v>120</v>
      </c>
      <c r="M28562" t="s">
        <v>83</v>
      </c>
      <c r="N28562" t="s">
        <v>84</v>
      </c>
      <c r="O28562" t="s">
        <v>85</v>
      </c>
      <c r="P28562" t="s">
        <v>86</v>
      </c>
      <c r="Q28562">
        <v>13</v>
      </c>
      <c r="R28562">
        <v>13</v>
      </c>
      <c r="S28562">
        <v>14</v>
      </c>
      <c r="T28562">
        <v>14</v>
      </c>
      <c r="U28562">
        <v>14</v>
      </c>
      <c r="V28562">
        <v>14</v>
      </c>
      <c r="W28562">
        <v>14</v>
      </c>
      <c r="X28562">
        <v>15</v>
      </c>
      <c r="Y28562">
        <v>15</v>
      </c>
      <c r="Z28562">
        <v>15</v>
      </c>
      <c r="AA28562">
        <v>15</v>
      </c>
      <c r="AB28562">
        <v>16</v>
      </c>
      <c r="AC28562">
        <v>16</v>
      </c>
      <c r="AD28562">
        <v>16</v>
      </c>
      <c r="AE28562">
        <v>16</v>
      </c>
      <c r="AF28562">
        <v>16</v>
      </c>
      <c r="AG28562">
        <v>17</v>
      </c>
      <c r="AH28562">
        <v>17</v>
      </c>
      <c r="AI28562">
        <v>17</v>
      </c>
      <c r="AJ28562">
        <v>17</v>
      </c>
      <c r="AK28562">
        <v>17</v>
      </c>
      <c r="AL28562">
        <v>18</v>
      </c>
      <c r="AM28562">
        <v>18</v>
      </c>
      <c r="AN28562">
        <v>18</v>
      </c>
      <c r="AO28562">
        <v>18</v>
      </c>
      <c r="AP28562">
        <v>18</v>
      </c>
      <c r="AQ28562">
        <v>18</v>
      </c>
    </row>
    <row r="28563" spans="1:43">
      <c r="A28563" t="s">
        <v>17677</v>
      </c>
      <c r="B28563" t="s">
        <v>17678</v>
      </c>
      <c r="C28563" t="s">
        <v>17675</v>
      </c>
      <c r="D28563" t="s">
        <v>17676</v>
      </c>
      <c r="E28563" t="s">
        <v>17663</v>
      </c>
      <c r="F28563" t="s">
        <v>17664</v>
      </c>
      <c r="G28563" t="s">
        <v>16559</v>
      </c>
      <c r="H28563" t="s">
        <v>16560</v>
      </c>
      <c r="I28563" s="2">
        <v>1</v>
      </c>
      <c r="J28563" s="2">
        <v>0</v>
      </c>
      <c r="K28563" s="2">
        <v>0</v>
      </c>
      <c r="L28563" t="s">
        <v>120</v>
      </c>
      <c r="M28563" t="s">
        <v>87</v>
      </c>
      <c r="N28563" t="s">
        <v>88</v>
      </c>
      <c r="O28563" t="s">
        <v>85</v>
      </c>
      <c r="P28563" t="s">
        <v>86</v>
      </c>
      <c r="Q28563">
        <v>13</v>
      </c>
      <c r="R28563">
        <v>13</v>
      </c>
      <c r="S28563">
        <v>13</v>
      </c>
      <c r="T28563">
        <v>13</v>
      </c>
      <c r="U28563">
        <v>13</v>
      </c>
      <c r="V28563">
        <v>14</v>
      </c>
      <c r="W28563">
        <v>14</v>
      </c>
      <c r="X28563">
        <v>14</v>
      </c>
      <c r="Y28563">
        <v>14</v>
      </c>
      <c r="Z28563">
        <v>14</v>
      </c>
      <c r="AA28563">
        <v>14</v>
      </c>
      <c r="AB28563">
        <v>14</v>
      </c>
      <c r="AC28563">
        <v>14</v>
      </c>
      <c r="AD28563">
        <v>14</v>
      </c>
      <c r="AE28563">
        <v>14</v>
      </c>
      <c r="AF28563">
        <v>14</v>
      </c>
      <c r="AG28563">
        <v>14</v>
      </c>
      <c r="AH28563">
        <v>15</v>
      </c>
      <c r="AI28563">
        <v>15</v>
      </c>
      <c r="AJ28563">
        <v>15</v>
      </c>
      <c r="AK28563">
        <v>15</v>
      </c>
      <c r="AL28563">
        <v>15</v>
      </c>
      <c r="AM28563">
        <v>15</v>
      </c>
      <c r="AN28563">
        <v>15</v>
      </c>
      <c r="AO28563">
        <v>15</v>
      </c>
      <c r="AP28563">
        <v>15</v>
      </c>
      <c r="AQ28563">
        <v>15</v>
      </c>
    </row>
    <row r="28564" spans="1:43">
      <c r="A28564" t="s">
        <v>17677</v>
      </c>
      <c r="B28564" t="s">
        <v>17678</v>
      </c>
      <c r="C28564" t="s">
        <v>17675</v>
      </c>
      <c r="D28564" t="s">
        <v>17676</v>
      </c>
      <c r="E28564" t="s">
        <v>17663</v>
      </c>
      <c r="F28564" t="s">
        <v>17664</v>
      </c>
      <c r="G28564" t="s">
        <v>16559</v>
      </c>
      <c r="H28564" t="s">
        <v>16560</v>
      </c>
      <c r="I28564" s="2">
        <v>1</v>
      </c>
      <c r="J28564" s="2">
        <v>0</v>
      </c>
      <c r="K28564" s="2">
        <v>0</v>
      </c>
      <c r="L28564" t="s">
        <v>120</v>
      </c>
      <c r="M28564" t="s">
        <v>89</v>
      </c>
      <c r="N28564" t="s">
        <v>90</v>
      </c>
      <c r="O28564" t="s">
        <v>85</v>
      </c>
      <c r="P28564" t="s">
        <v>86</v>
      </c>
      <c r="Q28564">
        <v>13</v>
      </c>
      <c r="R28564">
        <v>14</v>
      </c>
      <c r="S28564">
        <v>14</v>
      </c>
      <c r="T28564">
        <v>14</v>
      </c>
      <c r="U28564">
        <v>15</v>
      </c>
      <c r="V28564">
        <v>15</v>
      </c>
      <c r="W28564">
        <v>15</v>
      </c>
      <c r="X28564">
        <v>15</v>
      </c>
      <c r="Y28564">
        <v>16</v>
      </c>
      <c r="Z28564">
        <v>16</v>
      </c>
      <c r="AA28564">
        <v>16</v>
      </c>
      <c r="AB28564">
        <v>17</v>
      </c>
      <c r="AC28564">
        <v>17</v>
      </c>
      <c r="AD28564">
        <v>17</v>
      </c>
      <c r="AE28564">
        <v>17</v>
      </c>
      <c r="AF28564">
        <v>17</v>
      </c>
      <c r="AG28564">
        <v>17</v>
      </c>
      <c r="AH28564">
        <v>18</v>
      </c>
      <c r="AI28564">
        <v>18</v>
      </c>
      <c r="AJ28564">
        <v>18</v>
      </c>
      <c r="AK28564">
        <v>18</v>
      </c>
      <c r="AL28564">
        <v>18</v>
      </c>
      <c r="AM28564">
        <v>18</v>
      </c>
      <c r="AN28564">
        <v>18</v>
      </c>
      <c r="AO28564">
        <v>18</v>
      </c>
      <c r="AP28564">
        <v>18</v>
      </c>
      <c r="AQ28564">
        <v>18</v>
      </c>
    </row>
    <row r="28565" spans="1:43">
      <c r="A28565" t="s">
        <v>17677</v>
      </c>
      <c r="B28565" t="s">
        <v>17678</v>
      </c>
      <c r="C28565" t="s">
        <v>17675</v>
      </c>
      <c r="D28565" t="s">
        <v>17676</v>
      </c>
      <c r="E28565" t="s">
        <v>17663</v>
      </c>
      <c r="F28565" t="s">
        <v>17664</v>
      </c>
      <c r="G28565" t="s">
        <v>16559</v>
      </c>
      <c r="H28565" t="s">
        <v>16560</v>
      </c>
      <c r="I28565" s="2">
        <v>1</v>
      </c>
      <c r="J28565" s="2">
        <v>0</v>
      </c>
      <c r="K28565" s="2">
        <v>0</v>
      </c>
      <c r="L28565" t="s">
        <v>120</v>
      </c>
      <c r="M28565" t="s">
        <v>83</v>
      </c>
      <c r="N28565" t="s">
        <v>91</v>
      </c>
      <c r="O28565" t="s">
        <v>85</v>
      </c>
      <c r="P28565" t="s">
        <v>86</v>
      </c>
      <c r="Q28565">
        <v>13</v>
      </c>
      <c r="R28565">
        <v>13</v>
      </c>
      <c r="S28565">
        <v>14</v>
      </c>
      <c r="T28565">
        <v>14</v>
      </c>
      <c r="U28565">
        <v>14</v>
      </c>
      <c r="V28565">
        <v>14</v>
      </c>
      <c r="W28565">
        <v>14</v>
      </c>
      <c r="X28565">
        <v>15</v>
      </c>
      <c r="Y28565">
        <v>15</v>
      </c>
      <c r="Z28565">
        <v>15</v>
      </c>
      <c r="AA28565">
        <v>15</v>
      </c>
      <c r="AB28565">
        <v>16</v>
      </c>
      <c r="AC28565">
        <v>16</v>
      </c>
      <c r="AD28565">
        <v>16</v>
      </c>
      <c r="AE28565">
        <v>16</v>
      </c>
      <c r="AF28565">
        <v>16</v>
      </c>
      <c r="AG28565">
        <v>17</v>
      </c>
      <c r="AH28565">
        <v>17</v>
      </c>
      <c r="AI28565">
        <v>17</v>
      </c>
      <c r="AJ28565">
        <v>17</v>
      </c>
      <c r="AK28565">
        <v>17</v>
      </c>
      <c r="AL28565">
        <v>18</v>
      </c>
      <c r="AM28565">
        <v>18</v>
      </c>
      <c r="AN28565">
        <v>18</v>
      </c>
      <c r="AO28565">
        <v>18</v>
      </c>
      <c r="AP28565">
        <v>18</v>
      </c>
      <c r="AQ28565">
        <v>18</v>
      </c>
    </row>
    <row r="28566" spans="1:43">
      <c r="A28566" t="s">
        <v>17679</v>
      </c>
      <c r="B28566" t="s">
        <v>17680</v>
      </c>
      <c r="C28566" t="s">
        <v>17675</v>
      </c>
      <c r="D28566" t="s">
        <v>17676</v>
      </c>
      <c r="E28566" t="s">
        <v>17663</v>
      </c>
      <c r="F28566" t="s">
        <v>17664</v>
      </c>
      <c r="G28566" t="s">
        <v>16559</v>
      </c>
      <c r="H28566" t="s">
        <v>16560</v>
      </c>
      <c r="I28566" s="2">
        <v>1</v>
      </c>
      <c r="J28566" s="2">
        <v>0</v>
      </c>
      <c r="K28566" s="2">
        <v>0</v>
      </c>
      <c r="L28566" t="s">
        <v>120</v>
      </c>
      <c r="M28566" t="s">
        <v>83</v>
      </c>
      <c r="N28566" t="s">
        <v>84</v>
      </c>
      <c r="O28566" t="s">
        <v>85</v>
      </c>
      <c r="P28566" t="s">
        <v>86</v>
      </c>
      <c r="Q28566">
        <v>17</v>
      </c>
      <c r="R28566">
        <v>17</v>
      </c>
      <c r="S28566">
        <v>18</v>
      </c>
      <c r="T28566">
        <v>18</v>
      </c>
      <c r="U28566">
        <v>18</v>
      </c>
      <c r="V28566">
        <v>18</v>
      </c>
      <c r="W28566">
        <v>19</v>
      </c>
      <c r="X28566">
        <v>19</v>
      </c>
      <c r="Y28566">
        <v>19</v>
      </c>
      <c r="Z28566">
        <v>20</v>
      </c>
      <c r="AA28566">
        <v>20</v>
      </c>
      <c r="AB28566">
        <v>20</v>
      </c>
      <c r="AC28566">
        <v>20</v>
      </c>
      <c r="AD28566">
        <v>21</v>
      </c>
      <c r="AE28566">
        <v>21</v>
      </c>
      <c r="AF28566">
        <v>21</v>
      </c>
      <c r="AG28566">
        <v>21</v>
      </c>
      <c r="AH28566">
        <v>22</v>
      </c>
      <c r="AI28566">
        <v>22</v>
      </c>
      <c r="AJ28566">
        <v>22</v>
      </c>
      <c r="AK28566">
        <v>22</v>
      </c>
      <c r="AL28566">
        <v>23</v>
      </c>
      <c r="AM28566">
        <v>23</v>
      </c>
      <c r="AN28566">
        <v>23</v>
      </c>
      <c r="AO28566">
        <v>23</v>
      </c>
      <c r="AP28566">
        <v>23</v>
      </c>
      <c r="AQ28566">
        <v>23</v>
      </c>
    </row>
    <row r="28567" spans="1:43">
      <c r="A28567" t="s">
        <v>17679</v>
      </c>
      <c r="B28567" t="s">
        <v>17680</v>
      </c>
      <c r="C28567" t="s">
        <v>17675</v>
      </c>
      <c r="D28567" t="s">
        <v>17676</v>
      </c>
      <c r="E28567" t="s">
        <v>17663</v>
      </c>
      <c r="F28567" t="s">
        <v>17664</v>
      </c>
      <c r="G28567" t="s">
        <v>16559</v>
      </c>
      <c r="H28567" t="s">
        <v>16560</v>
      </c>
      <c r="I28567" s="2">
        <v>1</v>
      </c>
      <c r="J28567" s="2">
        <v>0</v>
      </c>
      <c r="K28567" s="2">
        <v>0</v>
      </c>
      <c r="L28567" t="s">
        <v>120</v>
      </c>
      <c r="M28567" t="s">
        <v>87</v>
      </c>
      <c r="N28567" t="s">
        <v>88</v>
      </c>
      <c r="O28567" t="s">
        <v>85</v>
      </c>
      <c r="P28567" t="s">
        <v>86</v>
      </c>
      <c r="Q28567">
        <v>17</v>
      </c>
      <c r="R28567">
        <v>17</v>
      </c>
      <c r="S28567">
        <v>17</v>
      </c>
      <c r="T28567">
        <v>17</v>
      </c>
      <c r="U28567">
        <v>17</v>
      </c>
      <c r="V28567">
        <v>17</v>
      </c>
      <c r="W28567">
        <v>18</v>
      </c>
      <c r="X28567">
        <v>18</v>
      </c>
      <c r="Y28567">
        <v>18</v>
      </c>
      <c r="Z28567">
        <v>18</v>
      </c>
      <c r="AA28567">
        <v>18</v>
      </c>
      <c r="AB28567">
        <v>18</v>
      </c>
      <c r="AC28567">
        <v>18</v>
      </c>
      <c r="AD28567">
        <v>18</v>
      </c>
      <c r="AE28567">
        <v>18</v>
      </c>
      <c r="AF28567">
        <v>19</v>
      </c>
      <c r="AG28567">
        <v>19</v>
      </c>
      <c r="AH28567">
        <v>19</v>
      </c>
      <c r="AI28567">
        <v>19</v>
      </c>
      <c r="AJ28567">
        <v>19</v>
      </c>
      <c r="AK28567">
        <v>19</v>
      </c>
      <c r="AL28567">
        <v>19</v>
      </c>
      <c r="AM28567">
        <v>19</v>
      </c>
      <c r="AN28567">
        <v>20</v>
      </c>
      <c r="AO28567">
        <v>20</v>
      </c>
      <c r="AP28567">
        <v>20</v>
      </c>
      <c r="AQ28567">
        <v>20</v>
      </c>
    </row>
    <row r="28568" spans="1:43">
      <c r="A28568" t="s">
        <v>17679</v>
      </c>
      <c r="B28568" t="s">
        <v>17680</v>
      </c>
      <c r="C28568" t="s">
        <v>17675</v>
      </c>
      <c r="D28568" t="s">
        <v>17676</v>
      </c>
      <c r="E28568" t="s">
        <v>17663</v>
      </c>
      <c r="F28568" t="s">
        <v>17664</v>
      </c>
      <c r="G28568" t="s">
        <v>16559</v>
      </c>
      <c r="H28568" t="s">
        <v>16560</v>
      </c>
      <c r="I28568" s="2">
        <v>1</v>
      </c>
      <c r="J28568" s="2">
        <v>0</v>
      </c>
      <c r="K28568" s="2">
        <v>0</v>
      </c>
      <c r="L28568" t="s">
        <v>120</v>
      </c>
      <c r="M28568" t="s">
        <v>89</v>
      </c>
      <c r="N28568" t="s">
        <v>90</v>
      </c>
      <c r="O28568" t="s">
        <v>85</v>
      </c>
      <c r="P28568" t="s">
        <v>86</v>
      </c>
      <c r="Q28568">
        <v>17</v>
      </c>
      <c r="R28568">
        <v>18</v>
      </c>
      <c r="S28568">
        <v>18</v>
      </c>
      <c r="T28568">
        <v>19</v>
      </c>
      <c r="U28568">
        <v>19</v>
      </c>
      <c r="V28568">
        <v>19</v>
      </c>
      <c r="W28568">
        <v>20</v>
      </c>
      <c r="X28568">
        <v>20</v>
      </c>
      <c r="Y28568">
        <v>20</v>
      </c>
      <c r="Z28568">
        <v>21</v>
      </c>
      <c r="AA28568">
        <v>21</v>
      </c>
      <c r="AB28568">
        <v>21</v>
      </c>
      <c r="AC28568">
        <v>22</v>
      </c>
      <c r="AD28568">
        <v>22</v>
      </c>
      <c r="AE28568">
        <v>22</v>
      </c>
      <c r="AF28568">
        <v>22</v>
      </c>
      <c r="AG28568">
        <v>23</v>
      </c>
      <c r="AH28568">
        <v>23</v>
      </c>
      <c r="AI28568">
        <v>23</v>
      </c>
      <c r="AJ28568">
        <v>23</v>
      </c>
      <c r="AK28568">
        <v>23</v>
      </c>
      <c r="AL28568">
        <v>23</v>
      </c>
      <c r="AM28568">
        <v>23</v>
      </c>
      <c r="AN28568">
        <v>23</v>
      </c>
      <c r="AO28568">
        <v>23</v>
      </c>
      <c r="AP28568">
        <v>24</v>
      </c>
      <c r="AQ28568">
        <v>24</v>
      </c>
    </row>
    <row r="28569" spans="1:43">
      <c r="A28569" t="s">
        <v>17679</v>
      </c>
      <c r="B28569" t="s">
        <v>17680</v>
      </c>
      <c r="C28569" t="s">
        <v>17675</v>
      </c>
      <c r="D28569" t="s">
        <v>17676</v>
      </c>
      <c r="E28569" t="s">
        <v>17663</v>
      </c>
      <c r="F28569" t="s">
        <v>17664</v>
      </c>
      <c r="G28569" t="s">
        <v>16559</v>
      </c>
      <c r="H28569" t="s">
        <v>16560</v>
      </c>
      <c r="I28569" s="2">
        <v>1</v>
      </c>
      <c r="J28569" s="2">
        <v>0</v>
      </c>
      <c r="K28569" s="2">
        <v>0</v>
      </c>
      <c r="L28569" t="s">
        <v>120</v>
      </c>
      <c r="M28569" t="s">
        <v>83</v>
      </c>
      <c r="N28569" t="s">
        <v>91</v>
      </c>
      <c r="O28569" t="s">
        <v>85</v>
      </c>
      <c r="P28569" t="s">
        <v>86</v>
      </c>
      <c r="Q28569">
        <v>17</v>
      </c>
      <c r="R28569">
        <v>17</v>
      </c>
      <c r="S28569">
        <v>18</v>
      </c>
      <c r="T28569">
        <v>18</v>
      </c>
      <c r="U28569">
        <v>18</v>
      </c>
      <c r="V28569">
        <v>18</v>
      </c>
      <c r="W28569">
        <v>19</v>
      </c>
      <c r="X28569">
        <v>19</v>
      </c>
      <c r="Y28569">
        <v>19</v>
      </c>
      <c r="Z28569">
        <v>20</v>
      </c>
      <c r="AA28569">
        <v>20</v>
      </c>
      <c r="AB28569">
        <v>20</v>
      </c>
      <c r="AC28569">
        <v>20</v>
      </c>
      <c r="AD28569">
        <v>21</v>
      </c>
      <c r="AE28569">
        <v>21</v>
      </c>
      <c r="AF28569">
        <v>21</v>
      </c>
      <c r="AG28569">
        <v>21</v>
      </c>
      <c r="AH28569">
        <v>22</v>
      </c>
      <c r="AI28569">
        <v>22</v>
      </c>
      <c r="AJ28569">
        <v>22</v>
      </c>
      <c r="AK28569">
        <v>22</v>
      </c>
      <c r="AL28569">
        <v>23</v>
      </c>
      <c r="AM28569">
        <v>23</v>
      </c>
      <c r="AN28569">
        <v>23</v>
      </c>
      <c r="AO28569">
        <v>23</v>
      </c>
      <c r="AP28569">
        <v>23</v>
      </c>
      <c r="AQ28569">
        <v>23</v>
      </c>
    </row>
    <row r="28570" spans="1:43">
      <c r="A28570" t="s">
        <v>17681</v>
      </c>
      <c r="B28570" t="s">
        <v>17682</v>
      </c>
      <c r="C28570" t="s">
        <v>17683</v>
      </c>
      <c r="D28570" t="s">
        <v>17684</v>
      </c>
      <c r="E28570" t="s">
        <v>17663</v>
      </c>
      <c r="F28570" t="s">
        <v>17664</v>
      </c>
      <c r="G28570" t="s">
        <v>16559</v>
      </c>
      <c r="H28570" t="s">
        <v>16560</v>
      </c>
      <c r="I28570" s="2">
        <v>1</v>
      </c>
      <c r="J28570" s="2">
        <v>0</v>
      </c>
      <c r="K28570" s="2">
        <v>0</v>
      </c>
      <c r="L28570" t="s">
        <v>120</v>
      </c>
      <c r="M28570" t="s">
        <v>83</v>
      </c>
      <c r="N28570" t="s">
        <v>84</v>
      </c>
      <c r="O28570" t="s">
        <v>85</v>
      </c>
      <c r="P28570" t="s">
        <v>86</v>
      </c>
      <c r="Q28570">
        <v>26</v>
      </c>
      <c r="R28570">
        <v>27</v>
      </c>
      <c r="S28570">
        <v>27</v>
      </c>
      <c r="T28570">
        <v>27</v>
      </c>
      <c r="U28570">
        <v>28</v>
      </c>
      <c r="V28570">
        <v>28</v>
      </c>
      <c r="W28570">
        <v>29</v>
      </c>
      <c r="X28570">
        <v>29</v>
      </c>
      <c r="Y28570">
        <v>29</v>
      </c>
      <c r="Z28570">
        <v>30</v>
      </c>
      <c r="AA28570">
        <v>30</v>
      </c>
      <c r="AB28570">
        <v>31</v>
      </c>
      <c r="AC28570">
        <v>31</v>
      </c>
      <c r="AD28570">
        <v>31</v>
      </c>
      <c r="AE28570">
        <v>32</v>
      </c>
      <c r="AF28570">
        <v>32</v>
      </c>
      <c r="AG28570">
        <v>32</v>
      </c>
      <c r="AH28570">
        <v>33</v>
      </c>
      <c r="AI28570">
        <v>33</v>
      </c>
      <c r="AJ28570">
        <v>34</v>
      </c>
      <c r="AK28570">
        <v>34</v>
      </c>
      <c r="AL28570">
        <v>34</v>
      </c>
      <c r="AM28570">
        <v>34</v>
      </c>
      <c r="AN28570">
        <v>34</v>
      </c>
      <c r="AO28570">
        <v>35</v>
      </c>
      <c r="AP28570">
        <v>35</v>
      </c>
      <c r="AQ28570">
        <v>35</v>
      </c>
    </row>
    <row r="28571" spans="1:43">
      <c r="A28571" t="s">
        <v>17681</v>
      </c>
      <c r="B28571" t="s">
        <v>17682</v>
      </c>
      <c r="C28571" t="s">
        <v>17683</v>
      </c>
      <c r="D28571" t="s">
        <v>17684</v>
      </c>
      <c r="E28571" t="s">
        <v>17663</v>
      </c>
      <c r="F28571" t="s">
        <v>17664</v>
      </c>
      <c r="G28571" t="s">
        <v>16559</v>
      </c>
      <c r="H28571" t="s">
        <v>16560</v>
      </c>
      <c r="I28571" s="2">
        <v>1</v>
      </c>
      <c r="J28571" s="2">
        <v>0</v>
      </c>
      <c r="K28571" s="2">
        <v>0</v>
      </c>
      <c r="L28571" t="s">
        <v>120</v>
      </c>
      <c r="M28571" t="s">
        <v>87</v>
      </c>
      <c r="N28571" t="s">
        <v>88</v>
      </c>
      <c r="O28571" t="s">
        <v>85</v>
      </c>
      <c r="P28571" t="s">
        <v>86</v>
      </c>
      <c r="Q28571">
        <v>26</v>
      </c>
      <c r="R28571">
        <v>26</v>
      </c>
      <c r="S28571">
        <v>26</v>
      </c>
      <c r="T28571">
        <v>26</v>
      </c>
      <c r="U28571">
        <v>27</v>
      </c>
      <c r="V28571">
        <v>27</v>
      </c>
      <c r="W28571">
        <v>27</v>
      </c>
      <c r="X28571">
        <v>27</v>
      </c>
      <c r="Y28571">
        <v>27</v>
      </c>
      <c r="Z28571">
        <v>27</v>
      </c>
      <c r="AA28571">
        <v>28</v>
      </c>
      <c r="AB28571">
        <v>28</v>
      </c>
      <c r="AC28571">
        <v>28</v>
      </c>
      <c r="AD28571">
        <v>28</v>
      </c>
      <c r="AE28571">
        <v>28</v>
      </c>
      <c r="AF28571">
        <v>28</v>
      </c>
      <c r="AG28571">
        <v>29</v>
      </c>
      <c r="AH28571">
        <v>29</v>
      </c>
      <c r="AI28571">
        <v>29</v>
      </c>
      <c r="AJ28571">
        <v>29</v>
      </c>
      <c r="AK28571">
        <v>29</v>
      </c>
      <c r="AL28571">
        <v>29</v>
      </c>
      <c r="AM28571">
        <v>30</v>
      </c>
      <c r="AN28571">
        <v>30</v>
      </c>
      <c r="AO28571">
        <v>30</v>
      </c>
      <c r="AP28571">
        <v>30</v>
      </c>
      <c r="AQ28571">
        <v>30</v>
      </c>
    </row>
    <row r="28572" spans="1:43">
      <c r="A28572" t="s">
        <v>17681</v>
      </c>
      <c r="B28572" t="s">
        <v>17682</v>
      </c>
      <c r="C28572" t="s">
        <v>17683</v>
      </c>
      <c r="D28572" t="s">
        <v>17684</v>
      </c>
      <c r="E28572" t="s">
        <v>17663</v>
      </c>
      <c r="F28572" t="s">
        <v>17664</v>
      </c>
      <c r="G28572" t="s">
        <v>16559</v>
      </c>
      <c r="H28572" t="s">
        <v>16560</v>
      </c>
      <c r="I28572" s="2">
        <v>1</v>
      </c>
      <c r="J28572" s="2">
        <v>0</v>
      </c>
      <c r="K28572" s="2">
        <v>0</v>
      </c>
      <c r="L28572" t="s">
        <v>120</v>
      </c>
      <c r="M28572" t="s">
        <v>89</v>
      </c>
      <c r="N28572" t="s">
        <v>90</v>
      </c>
      <c r="O28572" t="s">
        <v>85</v>
      </c>
      <c r="P28572" t="s">
        <v>86</v>
      </c>
      <c r="Q28572">
        <v>26</v>
      </c>
      <c r="R28572">
        <v>27</v>
      </c>
      <c r="S28572">
        <v>28</v>
      </c>
      <c r="T28572">
        <v>28</v>
      </c>
      <c r="U28572">
        <v>29</v>
      </c>
      <c r="V28572">
        <v>29</v>
      </c>
      <c r="W28572">
        <v>30</v>
      </c>
      <c r="X28572">
        <v>31</v>
      </c>
      <c r="Y28572">
        <v>31</v>
      </c>
      <c r="Z28572">
        <v>32</v>
      </c>
      <c r="AA28572">
        <v>32</v>
      </c>
      <c r="AB28572">
        <v>32</v>
      </c>
      <c r="AC28572">
        <v>33</v>
      </c>
      <c r="AD28572">
        <v>34</v>
      </c>
      <c r="AE28572">
        <v>34</v>
      </c>
      <c r="AF28572">
        <v>34</v>
      </c>
      <c r="AG28572">
        <v>34</v>
      </c>
      <c r="AH28572">
        <v>34</v>
      </c>
      <c r="AI28572">
        <v>34</v>
      </c>
      <c r="AJ28572">
        <v>34</v>
      </c>
      <c r="AK28572">
        <v>34</v>
      </c>
      <c r="AL28572">
        <v>34</v>
      </c>
      <c r="AM28572">
        <v>35</v>
      </c>
      <c r="AN28572">
        <v>35</v>
      </c>
      <c r="AO28572">
        <v>35</v>
      </c>
      <c r="AP28572">
        <v>35</v>
      </c>
      <c r="AQ28572">
        <v>35</v>
      </c>
    </row>
    <row r="28573" spans="1:43">
      <c r="A28573" t="s">
        <v>17681</v>
      </c>
      <c r="B28573" t="s">
        <v>17682</v>
      </c>
      <c r="C28573" t="s">
        <v>17683</v>
      </c>
      <c r="D28573" t="s">
        <v>17684</v>
      </c>
      <c r="E28573" t="s">
        <v>17663</v>
      </c>
      <c r="F28573" t="s">
        <v>17664</v>
      </c>
      <c r="G28573" t="s">
        <v>16559</v>
      </c>
      <c r="H28573" t="s">
        <v>16560</v>
      </c>
      <c r="I28573" s="2">
        <v>1</v>
      </c>
      <c r="J28573" s="2">
        <v>0</v>
      </c>
      <c r="K28573" s="2">
        <v>0</v>
      </c>
      <c r="L28573" t="s">
        <v>120</v>
      </c>
      <c r="M28573" t="s">
        <v>83</v>
      </c>
      <c r="N28573" t="s">
        <v>91</v>
      </c>
      <c r="O28573" t="s">
        <v>85</v>
      </c>
      <c r="P28573" t="s">
        <v>86</v>
      </c>
      <c r="Q28573">
        <v>26</v>
      </c>
      <c r="R28573">
        <v>27</v>
      </c>
      <c r="S28573">
        <v>27</v>
      </c>
      <c r="T28573">
        <v>27</v>
      </c>
      <c r="U28573">
        <v>28</v>
      </c>
      <c r="V28573">
        <v>28</v>
      </c>
      <c r="W28573">
        <v>29</v>
      </c>
      <c r="X28573">
        <v>29</v>
      </c>
      <c r="Y28573">
        <v>29</v>
      </c>
      <c r="Z28573">
        <v>30</v>
      </c>
      <c r="AA28573">
        <v>30</v>
      </c>
      <c r="AB28573">
        <v>31</v>
      </c>
      <c r="AC28573">
        <v>31</v>
      </c>
      <c r="AD28573">
        <v>31</v>
      </c>
      <c r="AE28573">
        <v>32</v>
      </c>
      <c r="AF28573">
        <v>32</v>
      </c>
      <c r="AG28573">
        <v>32</v>
      </c>
      <c r="AH28573">
        <v>33</v>
      </c>
      <c r="AI28573">
        <v>33</v>
      </c>
      <c r="AJ28573">
        <v>34</v>
      </c>
      <c r="AK28573">
        <v>34</v>
      </c>
      <c r="AL28573">
        <v>34</v>
      </c>
      <c r="AM28573">
        <v>34</v>
      </c>
      <c r="AN28573">
        <v>34</v>
      </c>
      <c r="AO28573">
        <v>35</v>
      </c>
      <c r="AP28573">
        <v>35</v>
      </c>
      <c r="AQ28573">
        <v>35</v>
      </c>
    </row>
    <row r="28574" spans="1:43">
      <c r="A28574" t="s">
        <v>17685</v>
      </c>
      <c r="B28574" t="s">
        <v>17686</v>
      </c>
      <c r="C28574" t="s">
        <v>17683</v>
      </c>
      <c r="D28574" t="s">
        <v>17684</v>
      </c>
      <c r="E28574" t="s">
        <v>17663</v>
      </c>
      <c r="F28574" t="s">
        <v>17664</v>
      </c>
      <c r="G28574" t="s">
        <v>16559</v>
      </c>
      <c r="H28574" t="s">
        <v>16560</v>
      </c>
      <c r="I28574" s="2">
        <v>1</v>
      </c>
      <c r="J28574" s="2">
        <v>0</v>
      </c>
      <c r="K28574" s="2">
        <v>0</v>
      </c>
      <c r="L28574" t="s">
        <v>120</v>
      </c>
      <c r="M28574" t="s">
        <v>83</v>
      </c>
      <c r="N28574" t="s">
        <v>84</v>
      </c>
      <c r="O28574" t="s">
        <v>85</v>
      </c>
      <c r="P28574" t="s">
        <v>86</v>
      </c>
      <c r="Q28574">
        <v>13</v>
      </c>
      <c r="R28574">
        <v>13</v>
      </c>
      <c r="S28574">
        <v>13</v>
      </c>
      <c r="T28574">
        <v>13</v>
      </c>
      <c r="U28574">
        <v>13</v>
      </c>
      <c r="V28574">
        <v>14</v>
      </c>
      <c r="W28574">
        <v>14</v>
      </c>
      <c r="X28574">
        <v>14</v>
      </c>
      <c r="Y28574">
        <v>14</v>
      </c>
      <c r="Z28574">
        <v>14</v>
      </c>
      <c r="AA28574">
        <v>14</v>
      </c>
      <c r="AB28574">
        <v>15</v>
      </c>
      <c r="AC28574">
        <v>15</v>
      </c>
      <c r="AD28574">
        <v>15</v>
      </c>
      <c r="AE28574">
        <v>15</v>
      </c>
      <c r="AF28574">
        <v>15</v>
      </c>
      <c r="AG28574">
        <v>16</v>
      </c>
      <c r="AH28574">
        <v>16</v>
      </c>
      <c r="AI28574">
        <v>16</v>
      </c>
      <c r="AJ28574">
        <v>16</v>
      </c>
      <c r="AK28574">
        <v>16</v>
      </c>
      <c r="AL28574">
        <v>16</v>
      </c>
      <c r="AM28574">
        <v>16</v>
      </c>
      <c r="AN28574">
        <v>16</v>
      </c>
      <c r="AO28574">
        <v>17</v>
      </c>
      <c r="AP28574">
        <v>17</v>
      </c>
      <c r="AQ28574">
        <v>17</v>
      </c>
    </row>
    <row r="28575" spans="1:43">
      <c r="A28575" t="s">
        <v>17685</v>
      </c>
      <c r="B28575" t="s">
        <v>17686</v>
      </c>
      <c r="C28575" t="s">
        <v>17683</v>
      </c>
      <c r="D28575" t="s">
        <v>17684</v>
      </c>
      <c r="E28575" t="s">
        <v>17663</v>
      </c>
      <c r="F28575" t="s">
        <v>17664</v>
      </c>
      <c r="G28575" t="s">
        <v>16559</v>
      </c>
      <c r="H28575" t="s">
        <v>16560</v>
      </c>
      <c r="I28575" s="2">
        <v>1</v>
      </c>
      <c r="J28575" s="2">
        <v>0</v>
      </c>
      <c r="K28575" s="2">
        <v>0</v>
      </c>
      <c r="L28575" t="s">
        <v>120</v>
      </c>
      <c r="M28575" t="s">
        <v>87</v>
      </c>
      <c r="N28575" t="s">
        <v>88</v>
      </c>
      <c r="O28575" t="s">
        <v>85</v>
      </c>
      <c r="P28575" t="s">
        <v>86</v>
      </c>
      <c r="Q28575">
        <v>13</v>
      </c>
      <c r="R28575">
        <v>14</v>
      </c>
      <c r="S28575">
        <v>14</v>
      </c>
      <c r="T28575">
        <v>14</v>
      </c>
      <c r="U28575">
        <v>14</v>
      </c>
      <c r="V28575">
        <v>14</v>
      </c>
      <c r="W28575">
        <v>14</v>
      </c>
      <c r="X28575">
        <v>14</v>
      </c>
      <c r="Y28575">
        <v>14</v>
      </c>
      <c r="Z28575">
        <v>14</v>
      </c>
      <c r="AA28575">
        <v>14</v>
      </c>
      <c r="AB28575">
        <v>14</v>
      </c>
      <c r="AC28575">
        <v>14</v>
      </c>
      <c r="AD28575">
        <v>14</v>
      </c>
      <c r="AE28575">
        <v>14</v>
      </c>
      <c r="AF28575">
        <v>15</v>
      </c>
      <c r="AG28575">
        <v>15</v>
      </c>
      <c r="AH28575">
        <v>15</v>
      </c>
      <c r="AI28575">
        <v>15</v>
      </c>
      <c r="AJ28575">
        <v>15</v>
      </c>
      <c r="AK28575">
        <v>15</v>
      </c>
      <c r="AL28575">
        <v>15</v>
      </c>
      <c r="AM28575">
        <v>15</v>
      </c>
      <c r="AN28575">
        <v>15</v>
      </c>
      <c r="AO28575">
        <v>15</v>
      </c>
      <c r="AP28575">
        <v>15</v>
      </c>
      <c r="AQ28575">
        <v>16</v>
      </c>
    </row>
    <row r="28576" spans="1:43">
      <c r="A28576" t="s">
        <v>17685</v>
      </c>
      <c r="B28576" t="s">
        <v>17686</v>
      </c>
      <c r="C28576" t="s">
        <v>17683</v>
      </c>
      <c r="D28576" t="s">
        <v>17684</v>
      </c>
      <c r="E28576" t="s">
        <v>17663</v>
      </c>
      <c r="F28576" t="s">
        <v>17664</v>
      </c>
      <c r="G28576" t="s">
        <v>16559</v>
      </c>
      <c r="H28576" t="s">
        <v>16560</v>
      </c>
      <c r="I28576" s="2">
        <v>1</v>
      </c>
      <c r="J28576" s="2">
        <v>0</v>
      </c>
      <c r="K28576" s="2">
        <v>0</v>
      </c>
      <c r="L28576" t="s">
        <v>120</v>
      </c>
      <c r="M28576" t="s">
        <v>89</v>
      </c>
      <c r="N28576" t="s">
        <v>90</v>
      </c>
      <c r="O28576" t="s">
        <v>85</v>
      </c>
      <c r="P28576" t="s">
        <v>86</v>
      </c>
      <c r="Q28576">
        <v>13</v>
      </c>
      <c r="R28576">
        <v>13</v>
      </c>
      <c r="S28576">
        <v>13</v>
      </c>
      <c r="T28576">
        <v>14</v>
      </c>
      <c r="U28576">
        <v>14</v>
      </c>
      <c r="V28576">
        <v>14</v>
      </c>
      <c r="W28576">
        <v>14</v>
      </c>
      <c r="X28576">
        <v>15</v>
      </c>
      <c r="Y28576">
        <v>15</v>
      </c>
      <c r="Z28576">
        <v>15</v>
      </c>
      <c r="AA28576">
        <v>15</v>
      </c>
      <c r="AB28576">
        <v>16</v>
      </c>
      <c r="AC28576">
        <v>16</v>
      </c>
      <c r="AD28576">
        <v>16</v>
      </c>
      <c r="AE28576">
        <v>16</v>
      </c>
      <c r="AF28576">
        <v>16</v>
      </c>
      <c r="AG28576">
        <v>16</v>
      </c>
      <c r="AH28576">
        <v>16</v>
      </c>
      <c r="AI28576">
        <v>16</v>
      </c>
      <c r="AJ28576">
        <v>16</v>
      </c>
      <c r="AK28576">
        <v>16</v>
      </c>
      <c r="AL28576">
        <v>17</v>
      </c>
      <c r="AM28576">
        <v>17</v>
      </c>
      <c r="AN28576">
        <v>17</v>
      </c>
      <c r="AO28576">
        <v>17</v>
      </c>
      <c r="AP28576">
        <v>17</v>
      </c>
      <c r="AQ28576">
        <v>17</v>
      </c>
    </row>
    <row r="28577" spans="1:43">
      <c r="A28577" t="s">
        <v>17685</v>
      </c>
      <c r="B28577" t="s">
        <v>17686</v>
      </c>
      <c r="C28577" t="s">
        <v>17683</v>
      </c>
      <c r="D28577" t="s">
        <v>17684</v>
      </c>
      <c r="E28577" t="s">
        <v>17663</v>
      </c>
      <c r="F28577" t="s">
        <v>17664</v>
      </c>
      <c r="G28577" t="s">
        <v>16559</v>
      </c>
      <c r="H28577" t="s">
        <v>16560</v>
      </c>
      <c r="I28577" s="2">
        <v>1</v>
      </c>
      <c r="J28577" s="2">
        <v>0</v>
      </c>
      <c r="K28577" s="2">
        <v>0</v>
      </c>
      <c r="L28577" t="s">
        <v>120</v>
      </c>
      <c r="M28577" t="s">
        <v>83</v>
      </c>
      <c r="N28577" t="s">
        <v>91</v>
      </c>
      <c r="O28577" t="s">
        <v>85</v>
      </c>
      <c r="P28577" t="s">
        <v>86</v>
      </c>
      <c r="Q28577">
        <v>13</v>
      </c>
      <c r="R28577">
        <v>13</v>
      </c>
      <c r="S28577">
        <v>13</v>
      </c>
      <c r="T28577">
        <v>13</v>
      </c>
      <c r="U28577">
        <v>13</v>
      </c>
      <c r="V28577">
        <v>14</v>
      </c>
      <c r="W28577">
        <v>14</v>
      </c>
      <c r="X28577">
        <v>14</v>
      </c>
      <c r="Y28577">
        <v>14</v>
      </c>
      <c r="Z28577">
        <v>14</v>
      </c>
      <c r="AA28577">
        <v>14</v>
      </c>
      <c r="AB28577">
        <v>15</v>
      </c>
      <c r="AC28577">
        <v>15</v>
      </c>
      <c r="AD28577">
        <v>15</v>
      </c>
      <c r="AE28577">
        <v>15</v>
      </c>
      <c r="AF28577">
        <v>15</v>
      </c>
      <c r="AG28577">
        <v>16</v>
      </c>
      <c r="AH28577">
        <v>16</v>
      </c>
      <c r="AI28577">
        <v>16</v>
      </c>
      <c r="AJ28577">
        <v>16</v>
      </c>
      <c r="AK28577">
        <v>16</v>
      </c>
      <c r="AL28577">
        <v>16</v>
      </c>
      <c r="AM28577">
        <v>16</v>
      </c>
      <c r="AN28577">
        <v>16</v>
      </c>
      <c r="AO28577">
        <v>17</v>
      </c>
      <c r="AP28577">
        <v>17</v>
      </c>
      <c r="AQ28577">
        <v>17</v>
      </c>
    </row>
    <row r="28578" spans="1:43">
      <c r="A28578" t="s">
        <v>17687</v>
      </c>
      <c r="B28578" t="s">
        <v>17688</v>
      </c>
      <c r="C28578" t="s">
        <v>17683</v>
      </c>
      <c r="D28578" t="s">
        <v>17684</v>
      </c>
      <c r="E28578" t="s">
        <v>17663</v>
      </c>
      <c r="F28578" t="s">
        <v>17664</v>
      </c>
      <c r="G28578" t="s">
        <v>16559</v>
      </c>
      <c r="H28578" t="s">
        <v>16560</v>
      </c>
      <c r="I28578" s="2">
        <v>1</v>
      </c>
      <c r="J28578" s="2">
        <v>0</v>
      </c>
      <c r="K28578" s="2">
        <v>0</v>
      </c>
      <c r="L28578" t="s">
        <v>120</v>
      </c>
      <c r="M28578" t="s">
        <v>83</v>
      </c>
      <c r="N28578" t="s">
        <v>84</v>
      </c>
      <c r="O28578" t="s">
        <v>85</v>
      </c>
      <c r="P28578" t="s">
        <v>86</v>
      </c>
      <c r="Q28578">
        <v>12</v>
      </c>
      <c r="R28578">
        <v>12</v>
      </c>
      <c r="S28578">
        <v>12</v>
      </c>
      <c r="T28578">
        <v>12</v>
      </c>
      <c r="U28578">
        <v>12</v>
      </c>
      <c r="V28578">
        <v>12</v>
      </c>
      <c r="W28578">
        <v>13</v>
      </c>
      <c r="X28578">
        <v>13</v>
      </c>
      <c r="Y28578">
        <v>13</v>
      </c>
      <c r="Z28578">
        <v>13</v>
      </c>
      <c r="AA28578">
        <v>13</v>
      </c>
      <c r="AB28578">
        <v>13</v>
      </c>
      <c r="AC28578">
        <v>14</v>
      </c>
      <c r="AD28578">
        <v>14</v>
      </c>
      <c r="AE28578">
        <v>14</v>
      </c>
      <c r="AF28578">
        <v>14</v>
      </c>
      <c r="AG28578">
        <v>14</v>
      </c>
      <c r="AH28578">
        <v>14</v>
      </c>
      <c r="AI28578">
        <v>15</v>
      </c>
      <c r="AJ28578">
        <v>15</v>
      </c>
      <c r="AK28578">
        <v>15</v>
      </c>
      <c r="AL28578">
        <v>15</v>
      </c>
      <c r="AM28578">
        <v>15</v>
      </c>
      <c r="AN28578">
        <v>15</v>
      </c>
      <c r="AO28578">
        <v>15</v>
      </c>
      <c r="AP28578">
        <v>15</v>
      </c>
      <c r="AQ28578">
        <v>15</v>
      </c>
    </row>
    <row r="28579" spans="1:43">
      <c r="A28579" t="s">
        <v>17687</v>
      </c>
      <c r="B28579" t="s">
        <v>17688</v>
      </c>
      <c r="C28579" t="s">
        <v>17683</v>
      </c>
      <c r="D28579" t="s">
        <v>17684</v>
      </c>
      <c r="E28579" t="s">
        <v>17663</v>
      </c>
      <c r="F28579" t="s">
        <v>17664</v>
      </c>
      <c r="G28579" t="s">
        <v>16559</v>
      </c>
      <c r="H28579" t="s">
        <v>16560</v>
      </c>
      <c r="I28579" s="2">
        <v>1</v>
      </c>
      <c r="J28579" s="2">
        <v>0</v>
      </c>
      <c r="K28579" s="2">
        <v>0</v>
      </c>
      <c r="L28579" t="s">
        <v>120</v>
      </c>
      <c r="M28579" t="s">
        <v>87</v>
      </c>
      <c r="N28579" t="s">
        <v>88</v>
      </c>
      <c r="O28579" t="s">
        <v>85</v>
      </c>
      <c r="P28579" t="s">
        <v>86</v>
      </c>
      <c r="Q28579">
        <v>12</v>
      </c>
      <c r="R28579">
        <v>12</v>
      </c>
      <c r="S28579">
        <v>13</v>
      </c>
      <c r="T28579">
        <v>13</v>
      </c>
      <c r="U28579">
        <v>13</v>
      </c>
      <c r="V28579">
        <v>13</v>
      </c>
      <c r="W28579">
        <v>13</v>
      </c>
      <c r="X28579">
        <v>13</v>
      </c>
      <c r="Y28579">
        <v>13</v>
      </c>
      <c r="Z28579">
        <v>13</v>
      </c>
      <c r="AA28579">
        <v>13</v>
      </c>
      <c r="AB28579">
        <v>13</v>
      </c>
      <c r="AC28579">
        <v>13</v>
      </c>
      <c r="AD28579">
        <v>13</v>
      </c>
      <c r="AE28579">
        <v>13</v>
      </c>
      <c r="AF28579">
        <v>13</v>
      </c>
      <c r="AG28579">
        <v>14</v>
      </c>
      <c r="AH28579">
        <v>14</v>
      </c>
      <c r="AI28579">
        <v>14</v>
      </c>
      <c r="AJ28579">
        <v>14</v>
      </c>
      <c r="AK28579">
        <v>14</v>
      </c>
      <c r="AL28579">
        <v>14</v>
      </c>
      <c r="AM28579">
        <v>14</v>
      </c>
      <c r="AN28579">
        <v>14</v>
      </c>
      <c r="AO28579">
        <v>14</v>
      </c>
      <c r="AP28579">
        <v>14</v>
      </c>
      <c r="AQ28579">
        <v>14</v>
      </c>
    </row>
    <row r="28580" spans="1:43">
      <c r="A28580" t="s">
        <v>17687</v>
      </c>
      <c r="B28580" t="s">
        <v>17688</v>
      </c>
      <c r="C28580" t="s">
        <v>17683</v>
      </c>
      <c r="D28580" t="s">
        <v>17684</v>
      </c>
      <c r="E28580" t="s">
        <v>17663</v>
      </c>
      <c r="F28580" t="s">
        <v>17664</v>
      </c>
      <c r="G28580" t="s">
        <v>16559</v>
      </c>
      <c r="H28580" t="s">
        <v>16560</v>
      </c>
      <c r="I28580" s="2">
        <v>1</v>
      </c>
      <c r="J28580" s="2">
        <v>0</v>
      </c>
      <c r="K28580" s="2">
        <v>0</v>
      </c>
      <c r="L28580" t="s">
        <v>120</v>
      </c>
      <c r="M28580" t="s">
        <v>89</v>
      </c>
      <c r="N28580" t="s">
        <v>90</v>
      </c>
      <c r="O28580" t="s">
        <v>85</v>
      </c>
      <c r="P28580" t="s">
        <v>86</v>
      </c>
      <c r="Q28580">
        <v>12</v>
      </c>
      <c r="R28580">
        <v>12</v>
      </c>
      <c r="S28580">
        <v>12</v>
      </c>
      <c r="T28580">
        <v>12</v>
      </c>
      <c r="U28580">
        <v>13</v>
      </c>
      <c r="V28580">
        <v>13</v>
      </c>
      <c r="W28580">
        <v>13</v>
      </c>
      <c r="X28580">
        <v>13</v>
      </c>
      <c r="Y28580">
        <v>14</v>
      </c>
      <c r="Z28580">
        <v>14</v>
      </c>
      <c r="AA28580">
        <v>14</v>
      </c>
      <c r="AB28580">
        <v>14</v>
      </c>
      <c r="AC28580">
        <v>14</v>
      </c>
      <c r="AD28580">
        <v>15</v>
      </c>
      <c r="AE28580">
        <v>15</v>
      </c>
      <c r="AF28580">
        <v>15</v>
      </c>
      <c r="AG28580">
        <v>15</v>
      </c>
      <c r="AH28580">
        <v>15</v>
      </c>
      <c r="AI28580">
        <v>15</v>
      </c>
      <c r="AJ28580">
        <v>15</v>
      </c>
      <c r="AK28580">
        <v>15</v>
      </c>
      <c r="AL28580">
        <v>15</v>
      </c>
      <c r="AM28580">
        <v>15</v>
      </c>
      <c r="AN28580">
        <v>15</v>
      </c>
      <c r="AO28580">
        <v>15</v>
      </c>
      <c r="AP28580">
        <v>15</v>
      </c>
      <c r="AQ28580">
        <v>15</v>
      </c>
    </row>
    <row r="28581" spans="1:43">
      <c r="A28581" t="s">
        <v>17687</v>
      </c>
      <c r="B28581" t="s">
        <v>17688</v>
      </c>
      <c r="C28581" t="s">
        <v>17683</v>
      </c>
      <c r="D28581" t="s">
        <v>17684</v>
      </c>
      <c r="E28581" t="s">
        <v>17663</v>
      </c>
      <c r="F28581" t="s">
        <v>17664</v>
      </c>
      <c r="G28581" t="s">
        <v>16559</v>
      </c>
      <c r="H28581" t="s">
        <v>16560</v>
      </c>
      <c r="I28581" s="2">
        <v>1</v>
      </c>
      <c r="J28581" s="2">
        <v>0</v>
      </c>
      <c r="K28581" s="2">
        <v>0</v>
      </c>
      <c r="L28581" t="s">
        <v>120</v>
      </c>
      <c r="M28581" t="s">
        <v>83</v>
      </c>
      <c r="N28581" t="s">
        <v>91</v>
      </c>
      <c r="O28581" t="s">
        <v>85</v>
      </c>
      <c r="P28581" t="s">
        <v>86</v>
      </c>
      <c r="Q28581">
        <v>12</v>
      </c>
      <c r="R28581">
        <v>12</v>
      </c>
      <c r="S28581">
        <v>12</v>
      </c>
      <c r="T28581">
        <v>12</v>
      </c>
      <c r="U28581">
        <v>12</v>
      </c>
      <c r="V28581">
        <v>12</v>
      </c>
      <c r="W28581">
        <v>13</v>
      </c>
      <c r="X28581">
        <v>13</v>
      </c>
      <c r="Y28581">
        <v>13</v>
      </c>
      <c r="Z28581">
        <v>13</v>
      </c>
      <c r="AA28581">
        <v>13</v>
      </c>
      <c r="AB28581">
        <v>13</v>
      </c>
      <c r="AC28581">
        <v>14</v>
      </c>
      <c r="AD28581">
        <v>14</v>
      </c>
      <c r="AE28581">
        <v>14</v>
      </c>
      <c r="AF28581">
        <v>14</v>
      </c>
      <c r="AG28581">
        <v>14</v>
      </c>
      <c r="AH28581">
        <v>14</v>
      </c>
      <c r="AI28581">
        <v>15</v>
      </c>
      <c r="AJ28581">
        <v>15</v>
      </c>
      <c r="AK28581">
        <v>15</v>
      </c>
      <c r="AL28581">
        <v>15</v>
      </c>
      <c r="AM28581">
        <v>15</v>
      </c>
      <c r="AN28581">
        <v>15</v>
      </c>
      <c r="AO28581">
        <v>15</v>
      </c>
      <c r="AP28581">
        <v>15</v>
      </c>
      <c r="AQ28581">
        <v>15</v>
      </c>
    </row>
    <row r="28582" spans="1:43">
      <c r="A28582" t="s">
        <v>17689</v>
      </c>
      <c r="B28582" t="s">
        <v>17690</v>
      </c>
      <c r="C28582" t="s">
        <v>17683</v>
      </c>
      <c r="D28582" t="s">
        <v>17684</v>
      </c>
      <c r="E28582" t="s">
        <v>17663</v>
      </c>
      <c r="F28582" t="s">
        <v>17664</v>
      </c>
      <c r="G28582" t="s">
        <v>16559</v>
      </c>
      <c r="H28582" t="s">
        <v>16560</v>
      </c>
      <c r="I28582" s="2">
        <v>1</v>
      </c>
      <c r="J28582" s="2">
        <v>0</v>
      </c>
      <c r="K28582" s="2">
        <v>0</v>
      </c>
      <c r="L28582" t="s">
        <v>120</v>
      </c>
      <c r="M28582" t="s">
        <v>83</v>
      </c>
      <c r="N28582" t="s">
        <v>84</v>
      </c>
      <c r="O28582" t="s">
        <v>85</v>
      </c>
      <c r="P28582" t="s">
        <v>86</v>
      </c>
      <c r="Q28582">
        <v>5</v>
      </c>
      <c r="R28582">
        <v>5</v>
      </c>
      <c r="S28582">
        <v>5</v>
      </c>
      <c r="T28582">
        <v>5</v>
      </c>
      <c r="U28582">
        <v>5</v>
      </c>
      <c r="V28582">
        <v>5</v>
      </c>
      <c r="W28582">
        <v>5</v>
      </c>
      <c r="X28582">
        <v>5</v>
      </c>
      <c r="Y28582">
        <v>5</v>
      </c>
      <c r="Z28582">
        <v>6</v>
      </c>
      <c r="AA28582">
        <v>6</v>
      </c>
      <c r="AB28582">
        <v>6</v>
      </c>
      <c r="AC28582">
        <v>6</v>
      </c>
      <c r="AD28582">
        <v>6</v>
      </c>
      <c r="AE28582">
        <v>6</v>
      </c>
      <c r="AF28582">
        <v>6</v>
      </c>
      <c r="AG28582">
        <v>6</v>
      </c>
      <c r="AH28582">
        <v>6</v>
      </c>
      <c r="AI28582">
        <v>6</v>
      </c>
      <c r="AJ28582">
        <v>6</v>
      </c>
      <c r="AK28582">
        <v>6</v>
      </c>
      <c r="AL28582">
        <v>6</v>
      </c>
      <c r="AM28582">
        <v>6</v>
      </c>
      <c r="AN28582">
        <v>6</v>
      </c>
      <c r="AO28582">
        <v>6</v>
      </c>
      <c r="AP28582">
        <v>6</v>
      </c>
      <c r="AQ28582">
        <v>6</v>
      </c>
    </row>
    <row r="28583" spans="1:43">
      <c r="A28583" t="s">
        <v>17689</v>
      </c>
      <c r="B28583" t="s">
        <v>17690</v>
      </c>
      <c r="C28583" t="s">
        <v>17683</v>
      </c>
      <c r="D28583" t="s">
        <v>17684</v>
      </c>
      <c r="E28583" t="s">
        <v>17663</v>
      </c>
      <c r="F28583" t="s">
        <v>17664</v>
      </c>
      <c r="G28583" t="s">
        <v>16559</v>
      </c>
      <c r="H28583" t="s">
        <v>16560</v>
      </c>
      <c r="I28583" s="2">
        <v>1</v>
      </c>
      <c r="J28583" s="2">
        <v>0</v>
      </c>
      <c r="K28583" s="2">
        <v>0</v>
      </c>
      <c r="L28583" t="s">
        <v>120</v>
      </c>
      <c r="M28583" t="s">
        <v>87</v>
      </c>
      <c r="N28583" t="s">
        <v>88</v>
      </c>
      <c r="O28583" t="s">
        <v>85</v>
      </c>
      <c r="P28583" t="s">
        <v>86</v>
      </c>
      <c r="Q28583">
        <v>5</v>
      </c>
      <c r="R28583">
        <v>5</v>
      </c>
      <c r="S28583">
        <v>5</v>
      </c>
      <c r="T28583">
        <v>5</v>
      </c>
      <c r="U28583">
        <v>5</v>
      </c>
      <c r="V28583">
        <v>5</v>
      </c>
      <c r="W28583">
        <v>5</v>
      </c>
      <c r="X28583">
        <v>5</v>
      </c>
      <c r="Y28583">
        <v>5</v>
      </c>
      <c r="Z28583">
        <v>5</v>
      </c>
      <c r="AA28583">
        <v>5</v>
      </c>
      <c r="AB28583">
        <v>5</v>
      </c>
      <c r="AC28583">
        <v>5</v>
      </c>
      <c r="AD28583">
        <v>5</v>
      </c>
      <c r="AE28583">
        <v>5</v>
      </c>
      <c r="AF28583">
        <v>5</v>
      </c>
      <c r="AG28583">
        <v>5</v>
      </c>
      <c r="AH28583">
        <v>5</v>
      </c>
      <c r="AI28583">
        <v>5</v>
      </c>
      <c r="AJ28583">
        <v>5</v>
      </c>
      <c r="AK28583">
        <v>5</v>
      </c>
      <c r="AL28583">
        <v>5</v>
      </c>
      <c r="AM28583">
        <v>6</v>
      </c>
      <c r="AN28583">
        <v>6</v>
      </c>
      <c r="AO28583">
        <v>6</v>
      </c>
      <c r="AP28583">
        <v>6</v>
      </c>
      <c r="AQ28583">
        <v>6</v>
      </c>
    </row>
    <row r="28584" spans="1:43">
      <c r="A28584" t="s">
        <v>17689</v>
      </c>
      <c r="B28584" t="s">
        <v>17690</v>
      </c>
      <c r="C28584" t="s">
        <v>17683</v>
      </c>
      <c r="D28584" t="s">
        <v>17684</v>
      </c>
      <c r="E28584" t="s">
        <v>17663</v>
      </c>
      <c r="F28584" t="s">
        <v>17664</v>
      </c>
      <c r="G28584" t="s">
        <v>16559</v>
      </c>
      <c r="H28584" t="s">
        <v>16560</v>
      </c>
      <c r="I28584" s="2">
        <v>1</v>
      </c>
      <c r="J28584" s="2">
        <v>0</v>
      </c>
      <c r="K28584" s="2">
        <v>0</v>
      </c>
      <c r="L28584" t="s">
        <v>120</v>
      </c>
      <c r="M28584" t="s">
        <v>89</v>
      </c>
      <c r="N28584" t="s">
        <v>90</v>
      </c>
      <c r="O28584" t="s">
        <v>85</v>
      </c>
      <c r="P28584" t="s">
        <v>86</v>
      </c>
      <c r="Q28584">
        <v>5</v>
      </c>
      <c r="R28584">
        <v>5</v>
      </c>
      <c r="S28584">
        <v>5</v>
      </c>
      <c r="T28584">
        <v>5</v>
      </c>
      <c r="U28584">
        <v>5</v>
      </c>
      <c r="V28584">
        <v>6</v>
      </c>
      <c r="W28584">
        <v>6</v>
      </c>
      <c r="X28584">
        <v>6</v>
      </c>
      <c r="Y28584">
        <v>6</v>
      </c>
      <c r="Z28584">
        <v>6</v>
      </c>
      <c r="AA28584">
        <v>6</v>
      </c>
      <c r="AB28584">
        <v>6</v>
      </c>
      <c r="AC28584">
        <v>6</v>
      </c>
      <c r="AD28584">
        <v>6</v>
      </c>
      <c r="AE28584">
        <v>6</v>
      </c>
      <c r="AF28584">
        <v>6</v>
      </c>
      <c r="AG28584">
        <v>6</v>
      </c>
      <c r="AH28584">
        <v>6</v>
      </c>
      <c r="AI28584">
        <v>6</v>
      </c>
      <c r="AJ28584">
        <v>6</v>
      </c>
      <c r="AK28584">
        <v>6</v>
      </c>
      <c r="AL28584">
        <v>6</v>
      </c>
      <c r="AM28584">
        <v>6</v>
      </c>
      <c r="AN28584">
        <v>6</v>
      </c>
      <c r="AO28584">
        <v>7</v>
      </c>
      <c r="AP28584">
        <v>7</v>
      </c>
      <c r="AQ28584">
        <v>7</v>
      </c>
    </row>
    <row r="28585" spans="1:43">
      <c r="A28585" t="s">
        <v>17689</v>
      </c>
      <c r="B28585" t="s">
        <v>17690</v>
      </c>
      <c r="C28585" t="s">
        <v>17683</v>
      </c>
      <c r="D28585" t="s">
        <v>17684</v>
      </c>
      <c r="E28585" t="s">
        <v>17663</v>
      </c>
      <c r="F28585" t="s">
        <v>17664</v>
      </c>
      <c r="G28585" t="s">
        <v>16559</v>
      </c>
      <c r="H28585" t="s">
        <v>16560</v>
      </c>
      <c r="I28585" s="2">
        <v>1</v>
      </c>
      <c r="J28585" s="2">
        <v>0</v>
      </c>
      <c r="K28585" s="2">
        <v>0</v>
      </c>
      <c r="L28585" t="s">
        <v>120</v>
      </c>
      <c r="M28585" t="s">
        <v>83</v>
      </c>
      <c r="N28585" t="s">
        <v>91</v>
      </c>
      <c r="O28585" t="s">
        <v>85</v>
      </c>
      <c r="P28585" t="s">
        <v>86</v>
      </c>
      <c r="Q28585">
        <v>5</v>
      </c>
      <c r="R28585">
        <v>5</v>
      </c>
      <c r="S28585">
        <v>5</v>
      </c>
      <c r="T28585">
        <v>5</v>
      </c>
      <c r="U28585">
        <v>5</v>
      </c>
      <c r="V28585">
        <v>5</v>
      </c>
      <c r="W28585">
        <v>5</v>
      </c>
      <c r="X28585">
        <v>5</v>
      </c>
      <c r="Y28585">
        <v>5</v>
      </c>
      <c r="Z28585">
        <v>6</v>
      </c>
      <c r="AA28585">
        <v>6</v>
      </c>
      <c r="AB28585">
        <v>6</v>
      </c>
      <c r="AC28585">
        <v>6</v>
      </c>
      <c r="AD28585">
        <v>6</v>
      </c>
      <c r="AE28585">
        <v>6</v>
      </c>
      <c r="AF28585">
        <v>6</v>
      </c>
      <c r="AG28585">
        <v>6</v>
      </c>
      <c r="AH28585">
        <v>6</v>
      </c>
      <c r="AI28585">
        <v>6</v>
      </c>
      <c r="AJ28585">
        <v>6</v>
      </c>
      <c r="AK28585">
        <v>6</v>
      </c>
      <c r="AL28585">
        <v>6</v>
      </c>
      <c r="AM28585">
        <v>6</v>
      </c>
      <c r="AN28585">
        <v>6</v>
      </c>
      <c r="AO28585">
        <v>6</v>
      </c>
      <c r="AP28585">
        <v>6</v>
      </c>
      <c r="AQ28585">
        <v>6</v>
      </c>
    </row>
    <row r="28586" spans="1:43">
      <c r="A28586" t="s">
        <v>17691</v>
      </c>
      <c r="B28586" t="s">
        <v>17692</v>
      </c>
      <c r="C28586" t="s">
        <v>17693</v>
      </c>
      <c r="D28586" t="s">
        <v>17694</v>
      </c>
      <c r="E28586" t="s">
        <v>17663</v>
      </c>
      <c r="F28586" t="s">
        <v>17664</v>
      </c>
      <c r="G28586" t="s">
        <v>16559</v>
      </c>
      <c r="H28586" t="s">
        <v>16560</v>
      </c>
      <c r="I28586" s="2">
        <v>1</v>
      </c>
      <c r="J28586" s="2">
        <v>0</v>
      </c>
      <c r="K28586" s="2">
        <v>0</v>
      </c>
      <c r="L28586" t="s">
        <v>120</v>
      </c>
      <c r="M28586" t="s">
        <v>83</v>
      </c>
      <c r="N28586" t="s">
        <v>84</v>
      </c>
      <c r="O28586" t="s">
        <v>85</v>
      </c>
      <c r="P28586" t="s">
        <v>86</v>
      </c>
      <c r="Q28586">
        <v>8</v>
      </c>
      <c r="R28586">
        <v>8</v>
      </c>
      <c r="S28586">
        <v>9</v>
      </c>
      <c r="T28586">
        <v>9</v>
      </c>
      <c r="U28586">
        <v>9</v>
      </c>
      <c r="V28586">
        <v>9</v>
      </c>
      <c r="W28586">
        <v>9</v>
      </c>
      <c r="X28586">
        <v>9</v>
      </c>
      <c r="Y28586">
        <v>9</v>
      </c>
      <c r="Z28586">
        <v>9</v>
      </c>
      <c r="AA28586">
        <v>10</v>
      </c>
      <c r="AB28586">
        <v>10</v>
      </c>
      <c r="AC28586">
        <v>10</v>
      </c>
      <c r="AD28586">
        <v>10</v>
      </c>
      <c r="AE28586">
        <v>10</v>
      </c>
      <c r="AF28586">
        <v>10</v>
      </c>
      <c r="AG28586">
        <v>10</v>
      </c>
      <c r="AH28586">
        <v>10</v>
      </c>
      <c r="AI28586">
        <v>11</v>
      </c>
      <c r="AJ28586">
        <v>11</v>
      </c>
      <c r="AK28586">
        <v>11</v>
      </c>
      <c r="AL28586">
        <v>11</v>
      </c>
      <c r="AM28586">
        <v>11</v>
      </c>
      <c r="AN28586">
        <v>11</v>
      </c>
      <c r="AO28586">
        <v>11</v>
      </c>
      <c r="AP28586">
        <v>11</v>
      </c>
      <c r="AQ28586">
        <v>11</v>
      </c>
    </row>
    <row r="28587" spans="1:43">
      <c r="A28587" t="s">
        <v>17691</v>
      </c>
      <c r="B28587" t="s">
        <v>17692</v>
      </c>
      <c r="C28587" t="s">
        <v>17693</v>
      </c>
      <c r="D28587" t="s">
        <v>17694</v>
      </c>
      <c r="E28587" t="s">
        <v>17663</v>
      </c>
      <c r="F28587" t="s">
        <v>17664</v>
      </c>
      <c r="G28587" t="s">
        <v>16559</v>
      </c>
      <c r="H28587" t="s">
        <v>16560</v>
      </c>
      <c r="I28587" s="2">
        <v>1</v>
      </c>
      <c r="J28587" s="2">
        <v>0</v>
      </c>
      <c r="K28587" s="2">
        <v>0</v>
      </c>
      <c r="L28587" t="s">
        <v>120</v>
      </c>
      <c r="M28587" t="s">
        <v>87</v>
      </c>
      <c r="N28587" t="s">
        <v>88</v>
      </c>
      <c r="O28587" t="s">
        <v>85</v>
      </c>
      <c r="P28587" t="s">
        <v>86</v>
      </c>
      <c r="Q28587">
        <v>8</v>
      </c>
      <c r="R28587">
        <v>8</v>
      </c>
      <c r="S28587">
        <v>8</v>
      </c>
      <c r="T28587">
        <v>8</v>
      </c>
      <c r="U28587">
        <v>8</v>
      </c>
      <c r="V28587">
        <v>9</v>
      </c>
      <c r="W28587">
        <v>9</v>
      </c>
      <c r="X28587">
        <v>9</v>
      </c>
      <c r="Y28587">
        <v>9</v>
      </c>
      <c r="Z28587">
        <v>9</v>
      </c>
      <c r="AA28587">
        <v>9</v>
      </c>
      <c r="AB28587">
        <v>9</v>
      </c>
      <c r="AC28587">
        <v>9</v>
      </c>
      <c r="AD28587">
        <v>9</v>
      </c>
      <c r="AE28587">
        <v>9</v>
      </c>
      <c r="AF28587">
        <v>9</v>
      </c>
      <c r="AG28587">
        <v>9</v>
      </c>
      <c r="AH28587">
        <v>9</v>
      </c>
      <c r="AI28587">
        <v>9</v>
      </c>
      <c r="AJ28587">
        <v>9</v>
      </c>
      <c r="AK28587">
        <v>9</v>
      </c>
      <c r="AL28587">
        <v>9</v>
      </c>
      <c r="AM28587">
        <v>9</v>
      </c>
      <c r="AN28587">
        <v>9</v>
      </c>
      <c r="AO28587">
        <v>10</v>
      </c>
      <c r="AP28587">
        <v>10</v>
      </c>
      <c r="AQ28587">
        <v>10</v>
      </c>
    </row>
    <row r="28588" spans="1:43">
      <c r="A28588" t="s">
        <v>17691</v>
      </c>
      <c r="B28588" t="s">
        <v>17692</v>
      </c>
      <c r="C28588" t="s">
        <v>17693</v>
      </c>
      <c r="D28588" t="s">
        <v>17694</v>
      </c>
      <c r="E28588" t="s">
        <v>17663</v>
      </c>
      <c r="F28588" t="s">
        <v>17664</v>
      </c>
      <c r="G28588" t="s">
        <v>16559</v>
      </c>
      <c r="H28588" t="s">
        <v>16560</v>
      </c>
      <c r="I28588" s="2">
        <v>1</v>
      </c>
      <c r="J28588" s="2">
        <v>0</v>
      </c>
      <c r="K28588" s="2">
        <v>0</v>
      </c>
      <c r="L28588" t="s">
        <v>120</v>
      </c>
      <c r="M28588" t="s">
        <v>89</v>
      </c>
      <c r="N28588" t="s">
        <v>90</v>
      </c>
      <c r="O28588" t="s">
        <v>85</v>
      </c>
      <c r="P28588" t="s">
        <v>86</v>
      </c>
      <c r="Q28588">
        <v>8</v>
      </c>
      <c r="R28588">
        <v>9</v>
      </c>
      <c r="S28588">
        <v>9</v>
      </c>
      <c r="T28588">
        <v>9</v>
      </c>
      <c r="U28588">
        <v>9</v>
      </c>
      <c r="V28588">
        <v>9</v>
      </c>
      <c r="W28588">
        <v>10</v>
      </c>
      <c r="X28588">
        <v>10</v>
      </c>
      <c r="Y28588">
        <v>10</v>
      </c>
      <c r="Z28588">
        <v>10</v>
      </c>
      <c r="AA28588">
        <v>10</v>
      </c>
      <c r="AB28588">
        <v>10</v>
      </c>
      <c r="AC28588">
        <v>10</v>
      </c>
      <c r="AD28588">
        <v>11</v>
      </c>
      <c r="AE28588">
        <v>11</v>
      </c>
      <c r="AF28588">
        <v>11</v>
      </c>
      <c r="AG28588">
        <v>11</v>
      </c>
      <c r="AH28588">
        <v>11</v>
      </c>
      <c r="AI28588">
        <v>11</v>
      </c>
      <c r="AJ28588">
        <v>11</v>
      </c>
      <c r="AK28588">
        <v>11</v>
      </c>
      <c r="AL28588">
        <v>11</v>
      </c>
      <c r="AM28588">
        <v>11</v>
      </c>
      <c r="AN28588">
        <v>11</v>
      </c>
      <c r="AO28588">
        <v>11</v>
      </c>
      <c r="AP28588">
        <v>11</v>
      </c>
      <c r="AQ28588">
        <v>11</v>
      </c>
    </row>
    <row r="28589" spans="1:43">
      <c r="A28589" t="s">
        <v>17691</v>
      </c>
      <c r="B28589" t="s">
        <v>17692</v>
      </c>
      <c r="C28589" t="s">
        <v>17693</v>
      </c>
      <c r="D28589" t="s">
        <v>17694</v>
      </c>
      <c r="E28589" t="s">
        <v>17663</v>
      </c>
      <c r="F28589" t="s">
        <v>17664</v>
      </c>
      <c r="G28589" t="s">
        <v>16559</v>
      </c>
      <c r="H28589" t="s">
        <v>16560</v>
      </c>
      <c r="I28589" s="2">
        <v>1</v>
      </c>
      <c r="J28589" s="2">
        <v>0</v>
      </c>
      <c r="K28589" s="2">
        <v>0</v>
      </c>
      <c r="L28589" t="s">
        <v>120</v>
      </c>
      <c r="M28589" t="s">
        <v>83</v>
      </c>
      <c r="N28589" t="s">
        <v>91</v>
      </c>
      <c r="O28589" t="s">
        <v>85</v>
      </c>
      <c r="P28589" t="s">
        <v>86</v>
      </c>
      <c r="Q28589">
        <v>8</v>
      </c>
      <c r="R28589">
        <v>8</v>
      </c>
      <c r="S28589">
        <v>9</v>
      </c>
      <c r="T28589">
        <v>9</v>
      </c>
      <c r="U28589">
        <v>9</v>
      </c>
      <c r="V28589">
        <v>9</v>
      </c>
      <c r="W28589">
        <v>9</v>
      </c>
      <c r="X28589">
        <v>9</v>
      </c>
      <c r="Y28589">
        <v>9</v>
      </c>
      <c r="Z28589">
        <v>9</v>
      </c>
      <c r="AA28589">
        <v>10</v>
      </c>
      <c r="AB28589">
        <v>10</v>
      </c>
      <c r="AC28589">
        <v>10</v>
      </c>
      <c r="AD28589">
        <v>10</v>
      </c>
      <c r="AE28589">
        <v>10</v>
      </c>
      <c r="AF28589">
        <v>10</v>
      </c>
      <c r="AG28589">
        <v>10</v>
      </c>
      <c r="AH28589">
        <v>10</v>
      </c>
      <c r="AI28589">
        <v>11</v>
      </c>
      <c r="AJ28589">
        <v>11</v>
      </c>
      <c r="AK28589">
        <v>11</v>
      </c>
      <c r="AL28589">
        <v>11</v>
      </c>
      <c r="AM28589">
        <v>11</v>
      </c>
      <c r="AN28589">
        <v>11</v>
      </c>
      <c r="AO28589">
        <v>11</v>
      </c>
      <c r="AP28589">
        <v>11</v>
      </c>
      <c r="AQ28589">
        <v>11</v>
      </c>
    </row>
    <row r="28590" spans="1:43">
      <c r="A28590" t="s">
        <v>17695</v>
      </c>
      <c r="B28590" t="s">
        <v>17696</v>
      </c>
      <c r="C28590" t="s">
        <v>17693</v>
      </c>
      <c r="D28590" t="s">
        <v>17694</v>
      </c>
      <c r="E28590" t="s">
        <v>17663</v>
      </c>
      <c r="F28590" t="s">
        <v>17664</v>
      </c>
      <c r="G28590" t="s">
        <v>16559</v>
      </c>
      <c r="H28590" t="s">
        <v>16560</v>
      </c>
      <c r="I28590" s="2">
        <v>1</v>
      </c>
      <c r="J28590" s="2">
        <v>0</v>
      </c>
      <c r="K28590" s="2">
        <v>0</v>
      </c>
      <c r="L28590" t="s">
        <v>120</v>
      </c>
      <c r="M28590" t="s">
        <v>83</v>
      </c>
      <c r="N28590" t="s">
        <v>84</v>
      </c>
      <c r="O28590" t="s">
        <v>85</v>
      </c>
      <c r="P28590" t="s">
        <v>86</v>
      </c>
      <c r="Q28590">
        <v>15</v>
      </c>
      <c r="R28590">
        <v>16</v>
      </c>
      <c r="S28590">
        <v>16</v>
      </c>
      <c r="T28590">
        <v>16</v>
      </c>
      <c r="U28590">
        <v>16</v>
      </c>
      <c r="V28590">
        <v>17</v>
      </c>
      <c r="W28590">
        <v>17</v>
      </c>
      <c r="X28590">
        <v>17</v>
      </c>
      <c r="Y28590">
        <v>17</v>
      </c>
      <c r="Z28590">
        <v>17</v>
      </c>
      <c r="AA28590">
        <v>18</v>
      </c>
      <c r="AB28590">
        <v>18</v>
      </c>
      <c r="AC28590">
        <v>18</v>
      </c>
      <c r="AD28590">
        <v>18</v>
      </c>
      <c r="AE28590">
        <v>19</v>
      </c>
      <c r="AF28590">
        <v>19</v>
      </c>
      <c r="AG28590">
        <v>19</v>
      </c>
      <c r="AH28590">
        <v>19</v>
      </c>
      <c r="AI28590">
        <v>19</v>
      </c>
      <c r="AJ28590">
        <v>20</v>
      </c>
      <c r="AK28590">
        <v>20</v>
      </c>
      <c r="AL28590">
        <v>20</v>
      </c>
      <c r="AM28590">
        <v>20</v>
      </c>
      <c r="AN28590">
        <v>20</v>
      </c>
      <c r="AO28590">
        <v>20</v>
      </c>
      <c r="AP28590">
        <v>20</v>
      </c>
      <c r="AQ28590">
        <v>20</v>
      </c>
    </row>
    <row r="28591" spans="1:43">
      <c r="A28591" t="s">
        <v>17695</v>
      </c>
      <c r="B28591" t="s">
        <v>17696</v>
      </c>
      <c r="C28591" t="s">
        <v>17693</v>
      </c>
      <c r="D28591" t="s">
        <v>17694</v>
      </c>
      <c r="E28591" t="s">
        <v>17663</v>
      </c>
      <c r="F28591" t="s">
        <v>17664</v>
      </c>
      <c r="G28591" t="s">
        <v>16559</v>
      </c>
      <c r="H28591" t="s">
        <v>16560</v>
      </c>
      <c r="I28591" s="2">
        <v>1</v>
      </c>
      <c r="J28591" s="2">
        <v>0</v>
      </c>
      <c r="K28591" s="2">
        <v>0</v>
      </c>
      <c r="L28591" t="s">
        <v>120</v>
      </c>
      <c r="M28591" t="s">
        <v>87</v>
      </c>
      <c r="N28591" t="s">
        <v>88</v>
      </c>
      <c r="O28591" t="s">
        <v>85</v>
      </c>
      <c r="P28591" t="s">
        <v>86</v>
      </c>
      <c r="Q28591">
        <v>15</v>
      </c>
      <c r="R28591">
        <v>15</v>
      </c>
      <c r="S28591">
        <v>15</v>
      </c>
      <c r="T28591">
        <v>16</v>
      </c>
      <c r="U28591">
        <v>16</v>
      </c>
      <c r="V28591">
        <v>16</v>
      </c>
      <c r="W28591">
        <v>16</v>
      </c>
      <c r="X28591">
        <v>16</v>
      </c>
      <c r="Y28591">
        <v>16</v>
      </c>
      <c r="Z28591">
        <v>16</v>
      </c>
      <c r="AA28591">
        <v>16</v>
      </c>
      <c r="AB28591">
        <v>16</v>
      </c>
      <c r="AC28591">
        <v>16</v>
      </c>
      <c r="AD28591">
        <v>16</v>
      </c>
      <c r="AE28591">
        <v>17</v>
      </c>
      <c r="AF28591">
        <v>17</v>
      </c>
      <c r="AG28591">
        <v>17</v>
      </c>
      <c r="AH28591">
        <v>17</v>
      </c>
      <c r="AI28591">
        <v>17</v>
      </c>
      <c r="AJ28591">
        <v>17</v>
      </c>
      <c r="AK28591">
        <v>17</v>
      </c>
      <c r="AL28591">
        <v>17</v>
      </c>
      <c r="AM28591">
        <v>17</v>
      </c>
      <c r="AN28591">
        <v>17</v>
      </c>
      <c r="AO28591">
        <v>18</v>
      </c>
      <c r="AP28591">
        <v>18</v>
      </c>
      <c r="AQ28591">
        <v>18</v>
      </c>
    </row>
    <row r="28592" spans="1:43">
      <c r="A28592" t="s">
        <v>17695</v>
      </c>
      <c r="B28592" t="s">
        <v>17696</v>
      </c>
      <c r="C28592" t="s">
        <v>17693</v>
      </c>
      <c r="D28592" t="s">
        <v>17694</v>
      </c>
      <c r="E28592" t="s">
        <v>17663</v>
      </c>
      <c r="F28592" t="s">
        <v>17664</v>
      </c>
      <c r="G28592" t="s">
        <v>16559</v>
      </c>
      <c r="H28592" t="s">
        <v>16560</v>
      </c>
      <c r="I28592" s="2">
        <v>1</v>
      </c>
      <c r="J28592" s="2">
        <v>0</v>
      </c>
      <c r="K28592" s="2">
        <v>0</v>
      </c>
      <c r="L28592" t="s">
        <v>120</v>
      </c>
      <c r="M28592" t="s">
        <v>89</v>
      </c>
      <c r="N28592" t="s">
        <v>90</v>
      </c>
      <c r="O28592" t="s">
        <v>85</v>
      </c>
      <c r="P28592" t="s">
        <v>86</v>
      </c>
      <c r="Q28592">
        <v>15</v>
      </c>
      <c r="R28592">
        <v>15</v>
      </c>
      <c r="S28592">
        <v>15</v>
      </c>
      <c r="T28592">
        <v>16</v>
      </c>
      <c r="U28592">
        <v>16</v>
      </c>
      <c r="V28592">
        <v>16</v>
      </c>
      <c r="W28592">
        <v>17</v>
      </c>
      <c r="X28592">
        <v>17</v>
      </c>
      <c r="Y28592">
        <v>17</v>
      </c>
      <c r="Z28592">
        <v>17</v>
      </c>
      <c r="AA28592">
        <v>18</v>
      </c>
      <c r="AB28592">
        <v>18</v>
      </c>
      <c r="AC28592">
        <v>18</v>
      </c>
      <c r="AD28592">
        <v>19</v>
      </c>
      <c r="AE28592">
        <v>19</v>
      </c>
      <c r="AF28592">
        <v>19</v>
      </c>
      <c r="AG28592">
        <v>19</v>
      </c>
      <c r="AH28592">
        <v>19</v>
      </c>
      <c r="AI28592">
        <v>19</v>
      </c>
      <c r="AJ28592">
        <v>19</v>
      </c>
      <c r="AK28592">
        <v>19</v>
      </c>
      <c r="AL28592">
        <v>19</v>
      </c>
      <c r="AM28592">
        <v>19</v>
      </c>
      <c r="AN28592">
        <v>19</v>
      </c>
      <c r="AO28592">
        <v>19</v>
      </c>
      <c r="AP28592">
        <v>19</v>
      </c>
      <c r="AQ28592">
        <v>20</v>
      </c>
    </row>
    <row r="28593" spans="1:43">
      <c r="A28593" t="s">
        <v>17695</v>
      </c>
      <c r="B28593" t="s">
        <v>17696</v>
      </c>
      <c r="C28593" t="s">
        <v>17693</v>
      </c>
      <c r="D28593" t="s">
        <v>17694</v>
      </c>
      <c r="E28593" t="s">
        <v>17663</v>
      </c>
      <c r="F28593" t="s">
        <v>17664</v>
      </c>
      <c r="G28593" t="s">
        <v>16559</v>
      </c>
      <c r="H28593" t="s">
        <v>16560</v>
      </c>
      <c r="I28593" s="2">
        <v>1</v>
      </c>
      <c r="J28593" s="2">
        <v>0</v>
      </c>
      <c r="K28593" s="2">
        <v>0</v>
      </c>
      <c r="L28593" t="s">
        <v>120</v>
      </c>
      <c r="M28593" t="s">
        <v>83</v>
      </c>
      <c r="N28593" t="s">
        <v>91</v>
      </c>
      <c r="O28593" t="s">
        <v>85</v>
      </c>
      <c r="P28593" t="s">
        <v>86</v>
      </c>
      <c r="Q28593">
        <v>15</v>
      </c>
      <c r="R28593">
        <v>16</v>
      </c>
      <c r="S28593">
        <v>16</v>
      </c>
      <c r="T28593">
        <v>16</v>
      </c>
      <c r="U28593">
        <v>16</v>
      </c>
      <c r="V28593">
        <v>17</v>
      </c>
      <c r="W28593">
        <v>17</v>
      </c>
      <c r="X28593">
        <v>17</v>
      </c>
      <c r="Y28593">
        <v>17</v>
      </c>
      <c r="Z28593">
        <v>17</v>
      </c>
      <c r="AA28593">
        <v>18</v>
      </c>
      <c r="AB28593">
        <v>18</v>
      </c>
      <c r="AC28593">
        <v>18</v>
      </c>
      <c r="AD28593">
        <v>18</v>
      </c>
      <c r="AE28593">
        <v>19</v>
      </c>
      <c r="AF28593">
        <v>19</v>
      </c>
      <c r="AG28593">
        <v>19</v>
      </c>
      <c r="AH28593">
        <v>19</v>
      </c>
      <c r="AI28593">
        <v>19</v>
      </c>
      <c r="AJ28593">
        <v>20</v>
      </c>
      <c r="AK28593">
        <v>20</v>
      </c>
      <c r="AL28593">
        <v>20</v>
      </c>
      <c r="AM28593">
        <v>20</v>
      </c>
      <c r="AN28593">
        <v>20</v>
      </c>
      <c r="AO28593">
        <v>20</v>
      </c>
      <c r="AP28593">
        <v>20</v>
      </c>
      <c r="AQ28593">
        <v>20</v>
      </c>
    </row>
    <row r="28594" spans="1:43">
      <c r="A28594" t="s">
        <v>17697</v>
      </c>
      <c r="B28594" t="s">
        <v>17698</v>
      </c>
      <c r="C28594" t="s">
        <v>17693</v>
      </c>
      <c r="D28594" t="s">
        <v>17694</v>
      </c>
      <c r="E28594" t="s">
        <v>17663</v>
      </c>
      <c r="F28594" t="s">
        <v>17664</v>
      </c>
      <c r="G28594" t="s">
        <v>16559</v>
      </c>
      <c r="H28594" t="s">
        <v>16560</v>
      </c>
      <c r="I28594" s="2">
        <v>1</v>
      </c>
      <c r="J28594" s="2">
        <v>0</v>
      </c>
      <c r="K28594" s="2">
        <v>0</v>
      </c>
      <c r="L28594" t="s">
        <v>120</v>
      </c>
      <c r="M28594" t="s">
        <v>83</v>
      </c>
      <c r="N28594" t="s">
        <v>84</v>
      </c>
      <c r="O28594" t="s">
        <v>85</v>
      </c>
      <c r="P28594" t="s">
        <v>86</v>
      </c>
      <c r="Q28594">
        <v>18</v>
      </c>
      <c r="R28594">
        <v>18</v>
      </c>
      <c r="S28594">
        <v>18</v>
      </c>
      <c r="T28594">
        <v>18</v>
      </c>
      <c r="U28594">
        <v>19</v>
      </c>
      <c r="V28594">
        <v>19</v>
      </c>
      <c r="W28594">
        <v>19</v>
      </c>
      <c r="X28594">
        <v>19</v>
      </c>
      <c r="Y28594">
        <v>20</v>
      </c>
      <c r="Z28594">
        <v>20</v>
      </c>
      <c r="AA28594">
        <v>20</v>
      </c>
      <c r="AB28594">
        <v>20</v>
      </c>
      <c r="AC28594">
        <v>21</v>
      </c>
      <c r="AD28594">
        <v>21</v>
      </c>
      <c r="AE28594">
        <v>21</v>
      </c>
      <c r="AF28594">
        <v>21</v>
      </c>
      <c r="AG28594">
        <v>22</v>
      </c>
      <c r="AH28594">
        <v>22</v>
      </c>
      <c r="AI28594">
        <v>22</v>
      </c>
      <c r="AJ28594">
        <v>22</v>
      </c>
      <c r="AK28594">
        <v>23</v>
      </c>
      <c r="AL28594">
        <v>23</v>
      </c>
      <c r="AM28594">
        <v>23</v>
      </c>
      <c r="AN28594">
        <v>23</v>
      </c>
      <c r="AO28594">
        <v>23</v>
      </c>
      <c r="AP28594">
        <v>23</v>
      </c>
      <c r="AQ28594">
        <v>23</v>
      </c>
    </row>
    <row r="28595" spans="1:43">
      <c r="A28595" t="s">
        <v>17697</v>
      </c>
      <c r="B28595" t="s">
        <v>17698</v>
      </c>
      <c r="C28595" t="s">
        <v>17693</v>
      </c>
      <c r="D28595" t="s">
        <v>17694</v>
      </c>
      <c r="E28595" t="s">
        <v>17663</v>
      </c>
      <c r="F28595" t="s">
        <v>17664</v>
      </c>
      <c r="G28595" t="s">
        <v>16559</v>
      </c>
      <c r="H28595" t="s">
        <v>16560</v>
      </c>
      <c r="I28595" s="2">
        <v>1</v>
      </c>
      <c r="J28595" s="2">
        <v>0</v>
      </c>
      <c r="K28595" s="2">
        <v>0</v>
      </c>
      <c r="L28595" t="s">
        <v>120</v>
      </c>
      <c r="M28595" t="s">
        <v>87</v>
      </c>
      <c r="N28595" t="s">
        <v>88</v>
      </c>
      <c r="O28595" t="s">
        <v>85</v>
      </c>
      <c r="P28595" t="s">
        <v>86</v>
      </c>
      <c r="Q28595">
        <v>18</v>
      </c>
      <c r="R28595">
        <v>18</v>
      </c>
      <c r="S28595">
        <v>19</v>
      </c>
      <c r="T28595">
        <v>19</v>
      </c>
      <c r="U28595">
        <v>19</v>
      </c>
      <c r="V28595">
        <v>19</v>
      </c>
      <c r="W28595">
        <v>19</v>
      </c>
      <c r="X28595">
        <v>19</v>
      </c>
      <c r="Y28595">
        <v>19</v>
      </c>
      <c r="Z28595">
        <v>19</v>
      </c>
      <c r="AA28595">
        <v>19</v>
      </c>
      <c r="AB28595">
        <v>19</v>
      </c>
      <c r="AC28595">
        <v>20</v>
      </c>
      <c r="AD28595">
        <v>20</v>
      </c>
      <c r="AE28595">
        <v>20</v>
      </c>
      <c r="AF28595">
        <v>20</v>
      </c>
      <c r="AG28595">
        <v>20</v>
      </c>
      <c r="AH28595">
        <v>20</v>
      </c>
      <c r="AI28595">
        <v>20</v>
      </c>
      <c r="AJ28595">
        <v>20</v>
      </c>
      <c r="AK28595">
        <v>21</v>
      </c>
      <c r="AL28595">
        <v>21</v>
      </c>
      <c r="AM28595">
        <v>21</v>
      </c>
      <c r="AN28595">
        <v>21</v>
      </c>
      <c r="AO28595">
        <v>21</v>
      </c>
      <c r="AP28595">
        <v>21</v>
      </c>
      <c r="AQ28595">
        <v>21</v>
      </c>
    </row>
    <row r="28596" spans="1:43">
      <c r="A28596" t="s">
        <v>17697</v>
      </c>
      <c r="B28596" t="s">
        <v>17698</v>
      </c>
      <c r="C28596" t="s">
        <v>17693</v>
      </c>
      <c r="D28596" t="s">
        <v>17694</v>
      </c>
      <c r="E28596" t="s">
        <v>17663</v>
      </c>
      <c r="F28596" t="s">
        <v>17664</v>
      </c>
      <c r="G28596" t="s">
        <v>16559</v>
      </c>
      <c r="H28596" t="s">
        <v>16560</v>
      </c>
      <c r="I28596" s="2">
        <v>1</v>
      </c>
      <c r="J28596" s="2">
        <v>0</v>
      </c>
      <c r="K28596" s="2">
        <v>0</v>
      </c>
      <c r="L28596" t="s">
        <v>120</v>
      </c>
      <c r="M28596" t="s">
        <v>89</v>
      </c>
      <c r="N28596" t="s">
        <v>90</v>
      </c>
      <c r="O28596" t="s">
        <v>85</v>
      </c>
      <c r="P28596" t="s">
        <v>86</v>
      </c>
      <c r="Q28596">
        <v>18</v>
      </c>
      <c r="R28596">
        <v>18</v>
      </c>
      <c r="S28596">
        <v>19</v>
      </c>
      <c r="T28596">
        <v>19</v>
      </c>
      <c r="U28596">
        <v>19</v>
      </c>
      <c r="V28596">
        <v>20</v>
      </c>
      <c r="W28596">
        <v>20</v>
      </c>
      <c r="X28596">
        <v>20</v>
      </c>
      <c r="Y28596">
        <v>21</v>
      </c>
      <c r="Z28596">
        <v>21</v>
      </c>
      <c r="AA28596">
        <v>21</v>
      </c>
      <c r="AB28596">
        <v>22</v>
      </c>
      <c r="AC28596">
        <v>22</v>
      </c>
      <c r="AD28596">
        <v>22</v>
      </c>
      <c r="AE28596">
        <v>23</v>
      </c>
      <c r="AF28596">
        <v>23</v>
      </c>
      <c r="AG28596">
        <v>23</v>
      </c>
      <c r="AH28596">
        <v>23</v>
      </c>
      <c r="AI28596">
        <v>23</v>
      </c>
      <c r="AJ28596">
        <v>23</v>
      </c>
      <c r="AK28596">
        <v>23</v>
      </c>
      <c r="AL28596">
        <v>23</v>
      </c>
      <c r="AM28596">
        <v>23</v>
      </c>
      <c r="AN28596">
        <v>23</v>
      </c>
      <c r="AO28596">
        <v>23</v>
      </c>
      <c r="AP28596">
        <v>23</v>
      </c>
      <c r="AQ28596">
        <v>23</v>
      </c>
    </row>
    <row r="28597" spans="1:43">
      <c r="A28597" t="s">
        <v>17697</v>
      </c>
      <c r="B28597" t="s">
        <v>17698</v>
      </c>
      <c r="C28597" t="s">
        <v>17693</v>
      </c>
      <c r="D28597" t="s">
        <v>17694</v>
      </c>
      <c r="E28597" t="s">
        <v>17663</v>
      </c>
      <c r="F28597" t="s">
        <v>17664</v>
      </c>
      <c r="G28597" t="s">
        <v>16559</v>
      </c>
      <c r="H28597" t="s">
        <v>16560</v>
      </c>
      <c r="I28597" s="2">
        <v>1</v>
      </c>
      <c r="J28597" s="2">
        <v>0</v>
      </c>
      <c r="K28597" s="2">
        <v>0</v>
      </c>
      <c r="L28597" t="s">
        <v>120</v>
      </c>
      <c r="M28597" t="s">
        <v>83</v>
      </c>
      <c r="N28597" t="s">
        <v>91</v>
      </c>
      <c r="O28597" t="s">
        <v>85</v>
      </c>
      <c r="P28597" t="s">
        <v>86</v>
      </c>
      <c r="Q28597">
        <v>18</v>
      </c>
      <c r="R28597">
        <v>18</v>
      </c>
      <c r="S28597">
        <v>18</v>
      </c>
      <c r="T28597">
        <v>18</v>
      </c>
      <c r="U28597">
        <v>19</v>
      </c>
      <c r="V28597">
        <v>19</v>
      </c>
      <c r="W28597">
        <v>19</v>
      </c>
      <c r="X28597">
        <v>19</v>
      </c>
      <c r="Y28597">
        <v>20</v>
      </c>
      <c r="Z28597">
        <v>20</v>
      </c>
      <c r="AA28597">
        <v>20</v>
      </c>
      <c r="AB28597">
        <v>20</v>
      </c>
      <c r="AC28597">
        <v>21</v>
      </c>
      <c r="AD28597">
        <v>21</v>
      </c>
      <c r="AE28597">
        <v>21</v>
      </c>
      <c r="AF28597">
        <v>21</v>
      </c>
      <c r="AG28597">
        <v>22</v>
      </c>
      <c r="AH28597">
        <v>22</v>
      </c>
      <c r="AI28597">
        <v>22</v>
      </c>
      <c r="AJ28597">
        <v>22</v>
      </c>
      <c r="AK28597">
        <v>23</v>
      </c>
      <c r="AL28597">
        <v>23</v>
      </c>
      <c r="AM28597">
        <v>23</v>
      </c>
      <c r="AN28597">
        <v>23</v>
      </c>
      <c r="AO28597">
        <v>23</v>
      </c>
      <c r="AP28597">
        <v>23</v>
      </c>
      <c r="AQ28597">
        <v>23</v>
      </c>
    </row>
    <row r="28598" spans="1:43">
      <c r="A28598" t="s">
        <v>17699</v>
      </c>
      <c r="B28598" t="s">
        <v>17700</v>
      </c>
      <c r="C28598" t="s">
        <v>17693</v>
      </c>
      <c r="D28598" t="s">
        <v>17694</v>
      </c>
      <c r="E28598" t="s">
        <v>17663</v>
      </c>
      <c r="F28598" t="s">
        <v>17664</v>
      </c>
      <c r="G28598" t="s">
        <v>16559</v>
      </c>
      <c r="H28598" t="s">
        <v>16560</v>
      </c>
      <c r="I28598" s="2">
        <v>1</v>
      </c>
      <c r="J28598" s="2">
        <v>0</v>
      </c>
      <c r="K28598" s="2">
        <v>0</v>
      </c>
      <c r="L28598" t="s">
        <v>120</v>
      </c>
      <c r="M28598" t="s">
        <v>83</v>
      </c>
      <c r="N28598" t="s">
        <v>84</v>
      </c>
      <c r="O28598" t="s">
        <v>85</v>
      </c>
      <c r="P28598" t="s">
        <v>86</v>
      </c>
      <c r="Q28598">
        <v>8</v>
      </c>
      <c r="R28598">
        <v>8</v>
      </c>
      <c r="S28598">
        <v>9</v>
      </c>
      <c r="T28598">
        <v>9</v>
      </c>
      <c r="U28598">
        <v>9</v>
      </c>
      <c r="V28598">
        <v>9</v>
      </c>
      <c r="W28598">
        <v>9</v>
      </c>
      <c r="X28598">
        <v>9</v>
      </c>
      <c r="Y28598">
        <v>9</v>
      </c>
      <c r="Z28598">
        <v>9</v>
      </c>
      <c r="AA28598">
        <v>10</v>
      </c>
      <c r="AB28598">
        <v>10</v>
      </c>
      <c r="AC28598">
        <v>10</v>
      </c>
      <c r="AD28598">
        <v>10</v>
      </c>
      <c r="AE28598">
        <v>10</v>
      </c>
      <c r="AF28598">
        <v>10</v>
      </c>
      <c r="AG28598">
        <v>10</v>
      </c>
      <c r="AH28598">
        <v>10</v>
      </c>
      <c r="AI28598">
        <v>11</v>
      </c>
      <c r="AJ28598">
        <v>11</v>
      </c>
      <c r="AK28598">
        <v>11</v>
      </c>
      <c r="AL28598">
        <v>11</v>
      </c>
      <c r="AM28598">
        <v>11</v>
      </c>
      <c r="AN28598">
        <v>11</v>
      </c>
      <c r="AO28598">
        <v>11</v>
      </c>
      <c r="AP28598">
        <v>11</v>
      </c>
      <c r="AQ28598">
        <v>11</v>
      </c>
    </row>
    <row r="28599" spans="1:43">
      <c r="A28599" t="s">
        <v>17699</v>
      </c>
      <c r="B28599" t="s">
        <v>17700</v>
      </c>
      <c r="C28599" t="s">
        <v>17693</v>
      </c>
      <c r="D28599" t="s">
        <v>17694</v>
      </c>
      <c r="E28599" t="s">
        <v>17663</v>
      </c>
      <c r="F28599" t="s">
        <v>17664</v>
      </c>
      <c r="G28599" t="s">
        <v>16559</v>
      </c>
      <c r="H28599" t="s">
        <v>16560</v>
      </c>
      <c r="I28599" s="2">
        <v>1</v>
      </c>
      <c r="J28599" s="2">
        <v>0</v>
      </c>
      <c r="K28599" s="2">
        <v>0</v>
      </c>
      <c r="L28599" t="s">
        <v>120</v>
      </c>
      <c r="M28599" t="s">
        <v>87</v>
      </c>
      <c r="N28599" t="s">
        <v>88</v>
      </c>
      <c r="O28599" t="s">
        <v>85</v>
      </c>
      <c r="P28599" t="s">
        <v>86</v>
      </c>
      <c r="Q28599">
        <v>8</v>
      </c>
      <c r="R28599">
        <v>8</v>
      </c>
      <c r="S28599">
        <v>8</v>
      </c>
      <c r="T28599">
        <v>8</v>
      </c>
      <c r="U28599">
        <v>8</v>
      </c>
      <c r="V28599">
        <v>9</v>
      </c>
      <c r="W28599">
        <v>9</v>
      </c>
      <c r="X28599">
        <v>9</v>
      </c>
      <c r="Y28599">
        <v>9</v>
      </c>
      <c r="Z28599">
        <v>9</v>
      </c>
      <c r="AA28599">
        <v>9</v>
      </c>
      <c r="AB28599">
        <v>9</v>
      </c>
      <c r="AC28599">
        <v>9</v>
      </c>
      <c r="AD28599">
        <v>9</v>
      </c>
      <c r="AE28599">
        <v>9</v>
      </c>
      <c r="AF28599">
        <v>9</v>
      </c>
      <c r="AG28599">
        <v>9</v>
      </c>
      <c r="AH28599">
        <v>9</v>
      </c>
      <c r="AI28599">
        <v>9</v>
      </c>
      <c r="AJ28599">
        <v>9</v>
      </c>
      <c r="AK28599">
        <v>9</v>
      </c>
      <c r="AL28599">
        <v>9</v>
      </c>
      <c r="AM28599">
        <v>9</v>
      </c>
      <c r="AN28599">
        <v>9</v>
      </c>
      <c r="AO28599">
        <v>10</v>
      </c>
      <c r="AP28599">
        <v>10</v>
      </c>
      <c r="AQ28599">
        <v>10</v>
      </c>
    </row>
    <row r="28600" spans="1:43">
      <c r="A28600" t="s">
        <v>17699</v>
      </c>
      <c r="B28600" t="s">
        <v>17700</v>
      </c>
      <c r="C28600" t="s">
        <v>17693</v>
      </c>
      <c r="D28600" t="s">
        <v>17694</v>
      </c>
      <c r="E28600" t="s">
        <v>17663</v>
      </c>
      <c r="F28600" t="s">
        <v>17664</v>
      </c>
      <c r="G28600" t="s">
        <v>16559</v>
      </c>
      <c r="H28600" t="s">
        <v>16560</v>
      </c>
      <c r="I28600" s="2">
        <v>1</v>
      </c>
      <c r="J28600" s="2">
        <v>0</v>
      </c>
      <c r="K28600" s="2">
        <v>0</v>
      </c>
      <c r="L28600" t="s">
        <v>120</v>
      </c>
      <c r="M28600" t="s">
        <v>89</v>
      </c>
      <c r="N28600" t="s">
        <v>90</v>
      </c>
      <c r="O28600" t="s">
        <v>85</v>
      </c>
      <c r="P28600" t="s">
        <v>86</v>
      </c>
      <c r="Q28600">
        <v>8</v>
      </c>
      <c r="R28600">
        <v>9</v>
      </c>
      <c r="S28600">
        <v>9</v>
      </c>
      <c r="T28600">
        <v>9</v>
      </c>
      <c r="U28600">
        <v>9</v>
      </c>
      <c r="V28600">
        <v>9</v>
      </c>
      <c r="W28600">
        <v>10</v>
      </c>
      <c r="X28600">
        <v>10</v>
      </c>
      <c r="Y28600">
        <v>10</v>
      </c>
      <c r="Z28600">
        <v>10</v>
      </c>
      <c r="AA28600">
        <v>10</v>
      </c>
      <c r="AB28600">
        <v>10</v>
      </c>
      <c r="AC28600">
        <v>10</v>
      </c>
      <c r="AD28600">
        <v>11</v>
      </c>
      <c r="AE28600">
        <v>11</v>
      </c>
      <c r="AF28600">
        <v>11</v>
      </c>
      <c r="AG28600">
        <v>11</v>
      </c>
      <c r="AH28600">
        <v>11</v>
      </c>
      <c r="AI28600">
        <v>11</v>
      </c>
      <c r="AJ28600">
        <v>11</v>
      </c>
      <c r="AK28600">
        <v>11</v>
      </c>
      <c r="AL28600">
        <v>11</v>
      </c>
      <c r="AM28600">
        <v>11</v>
      </c>
      <c r="AN28600">
        <v>11</v>
      </c>
      <c r="AO28600">
        <v>11</v>
      </c>
      <c r="AP28600">
        <v>11</v>
      </c>
      <c r="AQ28600">
        <v>11</v>
      </c>
    </row>
    <row r="28601" spans="1:43">
      <c r="A28601" t="s">
        <v>17699</v>
      </c>
      <c r="B28601" t="s">
        <v>17700</v>
      </c>
      <c r="C28601" t="s">
        <v>17693</v>
      </c>
      <c r="D28601" t="s">
        <v>17694</v>
      </c>
      <c r="E28601" t="s">
        <v>17663</v>
      </c>
      <c r="F28601" t="s">
        <v>17664</v>
      </c>
      <c r="G28601" t="s">
        <v>16559</v>
      </c>
      <c r="H28601" t="s">
        <v>16560</v>
      </c>
      <c r="I28601" s="2">
        <v>1</v>
      </c>
      <c r="J28601" s="2">
        <v>0</v>
      </c>
      <c r="K28601" s="2">
        <v>0</v>
      </c>
      <c r="L28601" t="s">
        <v>120</v>
      </c>
      <c r="M28601" t="s">
        <v>83</v>
      </c>
      <c r="N28601" t="s">
        <v>91</v>
      </c>
      <c r="O28601" t="s">
        <v>85</v>
      </c>
      <c r="P28601" t="s">
        <v>86</v>
      </c>
      <c r="Q28601">
        <v>8</v>
      </c>
      <c r="R28601">
        <v>8</v>
      </c>
      <c r="S28601">
        <v>9</v>
      </c>
      <c r="T28601">
        <v>9</v>
      </c>
      <c r="U28601">
        <v>9</v>
      </c>
      <c r="V28601">
        <v>9</v>
      </c>
      <c r="W28601">
        <v>9</v>
      </c>
      <c r="X28601">
        <v>9</v>
      </c>
      <c r="Y28601">
        <v>9</v>
      </c>
      <c r="Z28601">
        <v>9</v>
      </c>
      <c r="AA28601">
        <v>10</v>
      </c>
      <c r="AB28601">
        <v>10</v>
      </c>
      <c r="AC28601">
        <v>10</v>
      </c>
      <c r="AD28601">
        <v>10</v>
      </c>
      <c r="AE28601">
        <v>10</v>
      </c>
      <c r="AF28601">
        <v>10</v>
      </c>
      <c r="AG28601">
        <v>10</v>
      </c>
      <c r="AH28601">
        <v>10</v>
      </c>
      <c r="AI28601">
        <v>11</v>
      </c>
      <c r="AJ28601">
        <v>11</v>
      </c>
      <c r="AK28601">
        <v>11</v>
      </c>
      <c r="AL28601">
        <v>11</v>
      </c>
      <c r="AM28601">
        <v>11</v>
      </c>
      <c r="AN28601">
        <v>11</v>
      </c>
      <c r="AO28601">
        <v>11</v>
      </c>
      <c r="AP28601">
        <v>11</v>
      </c>
      <c r="AQ28601">
        <v>11</v>
      </c>
    </row>
    <row r="28602" spans="1:43">
      <c r="A28602" t="s">
        <v>17701</v>
      </c>
      <c r="B28602" t="s">
        <v>17702</v>
      </c>
      <c r="C28602" t="s">
        <v>17703</v>
      </c>
      <c r="D28602" t="s">
        <v>17704</v>
      </c>
      <c r="E28602" t="s">
        <v>17663</v>
      </c>
      <c r="F28602" t="s">
        <v>17664</v>
      </c>
      <c r="G28602" t="s">
        <v>16559</v>
      </c>
      <c r="H28602" t="s">
        <v>16560</v>
      </c>
      <c r="I28602" s="2">
        <v>1</v>
      </c>
      <c r="J28602" s="2">
        <v>0</v>
      </c>
      <c r="K28602" s="2">
        <v>0</v>
      </c>
      <c r="L28602" t="s">
        <v>120</v>
      </c>
      <c r="M28602" t="s">
        <v>83</v>
      </c>
      <c r="N28602" t="s">
        <v>84</v>
      </c>
      <c r="O28602" t="s">
        <v>85</v>
      </c>
      <c r="P28602" t="s">
        <v>86</v>
      </c>
      <c r="Q28602">
        <v>7</v>
      </c>
      <c r="R28602">
        <v>7</v>
      </c>
      <c r="S28602">
        <v>7</v>
      </c>
      <c r="T28602">
        <v>8</v>
      </c>
      <c r="U28602">
        <v>8</v>
      </c>
      <c r="V28602">
        <v>8</v>
      </c>
      <c r="W28602">
        <v>8</v>
      </c>
      <c r="X28602">
        <v>8</v>
      </c>
      <c r="Y28602">
        <v>8</v>
      </c>
      <c r="Z28602">
        <v>8</v>
      </c>
      <c r="AA28602">
        <v>8</v>
      </c>
      <c r="AB28602">
        <v>8</v>
      </c>
      <c r="AC28602">
        <v>9</v>
      </c>
      <c r="AD28602">
        <v>9</v>
      </c>
      <c r="AE28602">
        <v>9</v>
      </c>
      <c r="AF28602">
        <v>9</v>
      </c>
      <c r="AG28602">
        <v>9</v>
      </c>
      <c r="AH28602">
        <v>9</v>
      </c>
      <c r="AI28602">
        <v>9</v>
      </c>
      <c r="AJ28602">
        <v>9</v>
      </c>
      <c r="AK28602">
        <v>9</v>
      </c>
      <c r="AL28602">
        <v>9</v>
      </c>
      <c r="AM28602">
        <v>9</v>
      </c>
      <c r="AN28602">
        <v>10</v>
      </c>
      <c r="AO28602">
        <v>10</v>
      </c>
      <c r="AP28602">
        <v>10</v>
      </c>
      <c r="AQ28602">
        <v>10</v>
      </c>
    </row>
    <row r="28603" spans="1:43">
      <c r="A28603" t="s">
        <v>17701</v>
      </c>
      <c r="B28603" t="s">
        <v>17702</v>
      </c>
      <c r="C28603" t="s">
        <v>17703</v>
      </c>
      <c r="D28603" t="s">
        <v>17704</v>
      </c>
      <c r="E28603" t="s">
        <v>17663</v>
      </c>
      <c r="F28603" t="s">
        <v>17664</v>
      </c>
      <c r="G28603" t="s">
        <v>16559</v>
      </c>
      <c r="H28603" t="s">
        <v>16560</v>
      </c>
      <c r="I28603" s="2">
        <v>1</v>
      </c>
      <c r="J28603" s="2">
        <v>0</v>
      </c>
      <c r="K28603" s="2">
        <v>0</v>
      </c>
      <c r="L28603" t="s">
        <v>120</v>
      </c>
      <c r="M28603" t="s">
        <v>87</v>
      </c>
      <c r="N28603" t="s">
        <v>88</v>
      </c>
      <c r="O28603" t="s">
        <v>85</v>
      </c>
      <c r="P28603" t="s">
        <v>86</v>
      </c>
      <c r="Q28603">
        <v>7</v>
      </c>
      <c r="R28603">
        <v>7</v>
      </c>
      <c r="S28603">
        <v>7</v>
      </c>
      <c r="T28603">
        <v>7</v>
      </c>
      <c r="U28603">
        <v>7</v>
      </c>
      <c r="V28603">
        <v>7</v>
      </c>
      <c r="W28603">
        <v>7</v>
      </c>
      <c r="X28603">
        <v>7</v>
      </c>
      <c r="Y28603">
        <v>7</v>
      </c>
      <c r="Z28603">
        <v>8</v>
      </c>
      <c r="AA28603">
        <v>8</v>
      </c>
      <c r="AB28603">
        <v>8</v>
      </c>
      <c r="AC28603">
        <v>8</v>
      </c>
      <c r="AD28603">
        <v>8</v>
      </c>
      <c r="AE28603">
        <v>8</v>
      </c>
      <c r="AF28603">
        <v>8</v>
      </c>
      <c r="AG28603">
        <v>8</v>
      </c>
      <c r="AH28603">
        <v>8</v>
      </c>
      <c r="AI28603">
        <v>8</v>
      </c>
      <c r="AJ28603">
        <v>8</v>
      </c>
      <c r="AK28603">
        <v>8</v>
      </c>
      <c r="AL28603">
        <v>8</v>
      </c>
      <c r="AM28603">
        <v>8</v>
      </c>
      <c r="AN28603">
        <v>8</v>
      </c>
      <c r="AO28603">
        <v>8</v>
      </c>
      <c r="AP28603">
        <v>8</v>
      </c>
      <c r="AQ28603">
        <v>8</v>
      </c>
    </row>
    <row r="28604" spans="1:43">
      <c r="A28604" t="s">
        <v>17701</v>
      </c>
      <c r="B28604" t="s">
        <v>17702</v>
      </c>
      <c r="C28604" t="s">
        <v>17703</v>
      </c>
      <c r="D28604" t="s">
        <v>17704</v>
      </c>
      <c r="E28604" t="s">
        <v>17663</v>
      </c>
      <c r="F28604" t="s">
        <v>17664</v>
      </c>
      <c r="G28604" t="s">
        <v>16559</v>
      </c>
      <c r="H28604" t="s">
        <v>16560</v>
      </c>
      <c r="I28604" s="2">
        <v>1</v>
      </c>
      <c r="J28604" s="2">
        <v>0</v>
      </c>
      <c r="K28604" s="2">
        <v>0</v>
      </c>
      <c r="L28604" t="s">
        <v>120</v>
      </c>
      <c r="M28604" t="s">
        <v>89</v>
      </c>
      <c r="N28604" t="s">
        <v>90</v>
      </c>
      <c r="O28604" t="s">
        <v>85</v>
      </c>
      <c r="P28604" t="s">
        <v>86</v>
      </c>
      <c r="Q28604">
        <v>7</v>
      </c>
      <c r="R28604">
        <v>7</v>
      </c>
      <c r="S28604">
        <v>8</v>
      </c>
      <c r="T28604">
        <v>8</v>
      </c>
      <c r="U28604">
        <v>8</v>
      </c>
      <c r="V28604">
        <v>8</v>
      </c>
      <c r="W28604">
        <v>8</v>
      </c>
      <c r="X28604">
        <v>8</v>
      </c>
      <c r="Y28604">
        <v>9</v>
      </c>
      <c r="Z28604">
        <v>9</v>
      </c>
      <c r="AA28604">
        <v>9</v>
      </c>
      <c r="AB28604">
        <v>9</v>
      </c>
      <c r="AC28604">
        <v>9</v>
      </c>
      <c r="AD28604">
        <v>9</v>
      </c>
      <c r="AE28604">
        <v>9</v>
      </c>
      <c r="AF28604">
        <v>9</v>
      </c>
      <c r="AG28604">
        <v>9</v>
      </c>
      <c r="AH28604">
        <v>9</v>
      </c>
      <c r="AI28604">
        <v>9</v>
      </c>
      <c r="AJ28604">
        <v>9</v>
      </c>
      <c r="AK28604">
        <v>10</v>
      </c>
      <c r="AL28604">
        <v>10</v>
      </c>
      <c r="AM28604">
        <v>10</v>
      </c>
      <c r="AN28604">
        <v>10</v>
      </c>
      <c r="AO28604">
        <v>10</v>
      </c>
      <c r="AP28604">
        <v>10</v>
      </c>
      <c r="AQ28604">
        <v>10</v>
      </c>
    </row>
    <row r="28605" spans="1:43">
      <c r="A28605" t="s">
        <v>17701</v>
      </c>
      <c r="B28605" t="s">
        <v>17702</v>
      </c>
      <c r="C28605" t="s">
        <v>17703</v>
      </c>
      <c r="D28605" t="s">
        <v>17704</v>
      </c>
      <c r="E28605" t="s">
        <v>17663</v>
      </c>
      <c r="F28605" t="s">
        <v>17664</v>
      </c>
      <c r="G28605" t="s">
        <v>16559</v>
      </c>
      <c r="H28605" t="s">
        <v>16560</v>
      </c>
      <c r="I28605" s="2">
        <v>1</v>
      </c>
      <c r="J28605" s="2">
        <v>0</v>
      </c>
      <c r="K28605" s="2">
        <v>0</v>
      </c>
      <c r="L28605" t="s">
        <v>120</v>
      </c>
      <c r="M28605" t="s">
        <v>83</v>
      </c>
      <c r="N28605" t="s">
        <v>91</v>
      </c>
      <c r="O28605" t="s">
        <v>85</v>
      </c>
      <c r="P28605" t="s">
        <v>86</v>
      </c>
      <c r="Q28605">
        <v>7</v>
      </c>
      <c r="R28605">
        <v>7</v>
      </c>
      <c r="S28605">
        <v>7</v>
      </c>
      <c r="T28605">
        <v>8</v>
      </c>
      <c r="U28605">
        <v>8</v>
      </c>
      <c r="V28605">
        <v>8</v>
      </c>
      <c r="W28605">
        <v>8</v>
      </c>
      <c r="X28605">
        <v>8</v>
      </c>
      <c r="Y28605">
        <v>8</v>
      </c>
      <c r="Z28605">
        <v>8</v>
      </c>
      <c r="AA28605">
        <v>8</v>
      </c>
      <c r="AB28605">
        <v>8</v>
      </c>
      <c r="AC28605">
        <v>9</v>
      </c>
      <c r="AD28605">
        <v>9</v>
      </c>
      <c r="AE28605">
        <v>9</v>
      </c>
      <c r="AF28605">
        <v>9</v>
      </c>
      <c r="AG28605">
        <v>9</v>
      </c>
      <c r="AH28605">
        <v>9</v>
      </c>
      <c r="AI28605">
        <v>9</v>
      </c>
      <c r="AJ28605">
        <v>9</v>
      </c>
      <c r="AK28605">
        <v>9</v>
      </c>
      <c r="AL28605">
        <v>9</v>
      </c>
      <c r="AM28605">
        <v>9</v>
      </c>
      <c r="AN28605">
        <v>10</v>
      </c>
      <c r="AO28605">
        <v>10</v>
      </c>
      <c r="AP28605">
        <v>10</v>
      </c>
      <c r="AQ28605">
        <v>10</v>
      </c>
    </row>
    <row r="28606" spans="1:43">
      <c r="A28606" t="s">
        <v>17705</v>
      </c>
      <c r="B28606" t="s">
        <v>17706</v>
      </c>
      <c r="C28606" t="s">
        <v>17703</v>
      </c>
      <c r="D28606" t="s">
        <v>17704</v>
      </c>
      <c r="E28606" t="s">
        <v>17663</v>
      </c>
      <c r="F28606" t="s">
        <v>17664</v>
      </c>
      <c r="G28606" t="s">
        <v>16559</v>
      </c>
      <c r="H28606" t="s">
        <v>16560</v>
      </c>
      <c r="I28606" s="2">
        <v>1</v>
      </c>
      <c r="J28606" s="2">
        <v>0</v>
      </c>
      <c r="K28606" s="2">
        <v>0</v>
      </c>
      <c r="L28606" t="s">
        <v>120</v>
      </c>
      <c r="M28606" t="s">
        <v>83</v>
      </c>
      <c r="N28606" t="s">
        <v>84</v>
      </c>
      <c r="O28606" t="s">
        <v>85</v>
      </c>
      <c r="P28606" t="s">
        <v>86</v>
      </c>
      <c r="Q28606">
        <v>15</v>
      </c>
      <c r="R28606">
        <v>15</v>
      </c>
      <c r="S28606">
        <v>15</v>
      </c>
      <c r="T28606">
        <v>15</v>
      </c>
      <c r="U28606">
        <v>15</v>
      </c>
      <c r="V28606">
        <v>16</v>
      </c>
      <c r="W28606">
        <v>16</v>
      </c>
      <c r="X28606">
        <v>16</v>
      </c>
      <c r="Y28606">
        <v>16</v>
      </c>
      <c r="Z28606">
        <v>17</v>
      </c>
      <c r="AA28606">
        <v>17</v>
      </c>
      <c r="AB28606">
        <v>17</v>
      </c>
      <c r="AC28606">
        <v>17</v>
      </c>
      <c r="AD28606">
        <v>17</v>
      </c>
      <c r="AE28606">
        <v>18</v>
      </c>
      <c r="AF28606">
        <v>18</v>
      </c>
      <c r="AG28606">
        <v>18</v>
      </c>
      <c r="AH28606">
        <v>18</v>
      </c>
      <c r="AI28606">
        <v>18</v>
      </c>
      <c r="AJ28606">
        <v>19</v>
      </c>
      <c r="AK28606">
        <v>19</v>
      </c>
      <c r="AL28606">
        <v>19</v>
      </c>
      <c r="AM28606">
        <v>19</v>
      </c>
      <c r="AN28606">
        <v>19</v>
      </c>
      <c r="AO28606">
        <v>19</v>
      </c>
      <c r="AP28606">
        <v>19</v>
      </c>
      <c r="AQ28606">
        <v>19</v>
      </c>
    </row>
    <row r="28607" spans="1:43">
      <c r="A28607" t="s">
        <v>17705</v>
      </c>
      <c r="B28607" t="s">
        <v>17706</v>
      </c>
      <c r="C28607" t="s">
        <v>17703</v>
      </c>
      <c r="D28607" t="s">
        <v>17704</v>
      </c>
      <c r="E28607" t="s">
        <v>17663</v>
      </c>
      <c r="F28607" t="s">
        <v>17664</v>
      </c>
      <c r="G28607" t="s">
        <v>16559</v>
      </c>
      <c r="H28607" t="s">
        <v>16560</v>
      </c>
      <c r="I28607" s="2">
        <v>1</v>
      </c>
      <c r="J28607" s="2">
        <v>0</v>
      </c>
      <c r="K28607" s="2">
        <v>0</v>
      </c>
      <c r="L28607" t="s">
        <v>120</v>
      </c>
      <c r="M28607" t="s">
        <v>87</v>
      </c>
      <c r="N28607" t="s">
        <v>88</v>
      </c>
      <c r="O28607" t="s">
        <v>85</v>
      </c>
      <c r="P28607" t="s">
        <v>86</v>
      </c>
      <c r="Q28607">
        <v>15</v>
      </c>
      <c r="R28607">
        <v>16</v>
      </c>
      <c r="S28607">
        <v>16</v>
      </c>
      <c r="T28607">
        <v>16</v>
      </c>
      <c r="U28607">
        <v>16</v>
      </c>
      <c r="V28607">
        <v>16</v>
      </c>
      <c r="W28607">
        <v>16</v>
      </c>
      <c r="X28607">
        <v>16</v>
      </c>
      <c r="Y28607">
        <v>16</v>
      </c>
      <c r="Z28607">
        <v>16</v>
      </c>
      <c r="AA28607">
        <v>16</v>
      </c>
      <c r="AB28607">
        <v>16</v>
      </c>
      <c r="AC28607">
        <v>16</v>
      </c>
      <c r="AD28607">
        <v>17</v>
      </c>
      <c r="AE28607">
        <v>17</v>
      </c>
      <c r="AF28607">
        <v>17</v>
      </c>
      <c r="AG28607">
        <v>17</v>
      </c>
      <c r="AH28607">
        <v>17</v>
      </c>
      <c r="AI28607">
        <v>17</v>
      </c>
      <c r="AJ28607">
        <v>17</v>
      </c>
      <c r="AK28607">
        <v>17</v>
      </c>
      <c r="AL28607">
        <v>17</v>
      </c>
      <c r="AM28607">
        <v>17</v>
      </c>
      <c r="AN28607">
        <v>18</v>
      </c>
      <c r="AO28607">
        <v>18</v>
      </c>
      <c r="AP28607">
        <v>18</v>
      </c>
      <c r="AQ28607">
        <v>18</v>
      </c>
    </row>
    <row r="28608" spans="1:43">
      <c r="A28608" t="s">
        <v>17705</v>
      </c>
      <c r="B28608" t="s">
        <v>17706</v>
      </c>
      <c r="C28608" t="s">
        <v>17703</v>
      </c>
      <c r="D28608" t="s">
        <v>17704</v>
      </c>
      <c r="E28608" t="s">
        <v>17663</v>
      </c>
      <c r="F28608" t="s">
        <v>17664</v>
      </c>
      <c r="G28608" t="s">
        <v>16559</v>
      </c>
      <c r="H28608" t="s">
        <v>16560</v>
      </c>
      <c r="I28608" s="2">
        <v>1</v>
      </c>
      <c r="J28608" s="2">
        <v>0</v>
      </c>
      <c r="K28608" s="2">
        <v>0</v>
      </c>
      <c r="L28608" t="s">
        <v>120</v>
      </c>
      <c r="M28608" t="s">
        <v>89</v>
      </c>
      <c r="N28608" t="s">
        <v>90</v>
      </c>
      <c r="O28608" t="s">
        <v>85</v>
      </c>
      <c r="P28608" t="s">
        <v>86</v>
      </c>
      <c r="Q28608">
        <v>15</v>
      </c>
      <c r="R28608">
        <v>15</v>
      </c>
      <c r="S28608">
        <v>15</v>
      </c>
      <c r="T28608">
        <v>16</v>
      </c>
      <c r="U28608">
        <v>16</v>
      </c>
      <c r="V28608">
        <v>16</v>
      </c>
      <c r="W28608">
        <v>17</v>
      </c>
      <c r="X28608">
        <v>17</v>
      </c>
      <c r="Y28608">
        <v>17</v>
      </c>
      <c r="Z28608">
        <v>17</v>
      </c>
      <c r="AA28608">
        <v>18</v>
      </c>
      <c r="AB28608">
        <v>18</v>
      </c>
      <c r="AC28608">
        <v>18</v>
      </c>
      <c r="AD28608">
        <v>19</v>
      </c>
      <c r="AE28608">
        <v>19</v>
      </c>
      <c r="AF28608">
        <v>19</v>
      </c>
      <c r="AG28608">
        <v>19</v>
      </c>
      <c r="AH28608">
        <v>19</v>
      </c>
      <c r="AI28608">
        <v>19</v>
      </c>
      <c r="AJ28608">
        <v>19</v>
      </c>
      <c r="AK28608">
        <v>19</v>
      </c>
      <c r="AL28608">
        <v>19</v>
      </c>
      <c r="AM28608">
        <v>19</v>
      </c>
      <c r="AN28608">
        <v>19</v>
      </c>
      <c r="AO28608">
        <v>19</v>
      </c>
      <c r="AP28608">
        <v>19</v>
      </c>
      <c r="AQ28608">
        <v>19</v>
      </c>
    </row>
    <row r="28609" spans="1:43">
      <c r="A28609" t="s">
        <v>17705</v>
      </c>
      <c r="B28609" t="s">
        <v>17706</v>
      </c>
      <c r="C28609" t="s">
        <v>17703</v>
      </c>
      <c r="D28609" t="s">
        <v>17704</v>
      </c>
      <c r="E28609" t="s">
        <v>17663</v>
      </c>
      <c r="F28609" t="s">
        <v>17664</v>
      </c>
      <c r="G28609" t="s">
        <v>16559</v>
      </c>
      <c r="H28609" t="s">
        <v>16560</v>
      </c>
      <c r="I28609" s="2">
        <v>1</v>
      </c>
      <c r="J28609" s="2">
        <v>0</v>
      </c>
      <c r="K28609" s="2">
        <v>0</v>
      </c>
      <c r="L28609" t="s">
        <v>120</v>
      </c>
      <c r="M28609" t="s">
        <v>83</v>
      </c>
      <c r="N28609" t="s">
        <v>91</v>
      </c>
      <c r="O28609" t="s">
        <v>85</v>
      </c>
      <c r="P28609" t="s">
        <v>86</v>
      </c>
      <c r="Q28609">
        <v>15</v>
      </c>
      <c r="R28609">
        <v>15</v>
      </c>
      <c r="S28609">
        <v>15</v>
      </c>
      <c r="T28609">
        <v>15</v>
      </c>
      <c r="U28609">
        <v>15</v>
      </c>
      <c r="V28609">
        <v>16</v>
      </c>
      <c r="W28609">
        <v>16</v>
      </c>
      <c r="X28609">
        <v>16</v>
      </c>
      <c r="Y28609">
        <v>16</v>
      </c>
      <c r="Z28609">
        <v>17</v>
      </c>
      <c r="AA28609">
        <v>17</v>
      </c>
      <c r="AB28609">
        <v>17</v>
      </c>
      <c r="AC28609">
        <v>17</v>
      </c>
      <c r="AD28609">
        <v>17</v>
      </c>
      <c r="AE28609">
        <v>18</v>
      </c>
      <c r="AF28609">
        <v>18</v>
      </c>
      <c r="AG28609">
        <v>18</v>
      </c>
      <c r="AH28609">
        <v>18</v>
      </c>
      <c r="AI28609">
        <v>18</v>
      </c>
      <c r="AJ28609">
        <v>19</v>
      </c>
      <c r="AK28609">
        <v>19</v>
      </c>
      <c r="AL28609">
        <v>19</v>
      </c>
      <c r="AM28609">
        <v>19</v>
      </c>
      <c r="AN28609">
        <v>19</v>
      </c>
      <c r="AO28609">
        <v>19</v>
      </c>
      <c r="AP28609">
        <v>19</v>
      </c>
      <c r="AQ28609">
        <v>19</v>
      </c>
    </row>
    <row r="28610" spans="1:43">
      <c r="A28610" t="s">
        <v>17707</v>
      </c>
      <c r="B28610" t="s">
        <v>17708</v>
      </c>
      <c r="C28610" t="s">
        <v>17703</v>
      </c>
      <c r="D28610" t="s">
        <v>17704</v>
      </c>
      <c r="E28610" t="s">
        <v>17663</v>
      </c>
      <c r="F28610" t="s">
        <v>17664</v>
      </c>
      <c r="G28610" t="s">
        <v>16559</v>
      </c>
      <c r="H28610" t="s">
        <v>16560</v>
      </c>
      <c r="I28610" s="2">
        <v>1</v>
      </c>
      <c r="J28610" s="2">
        <v>0</v>
      </c>
      <c r="K28610" s="2">
        <v>0</v>
      </c>
      <c r="L28610" t="s">
        <v>120</v>
      </c>
      <c r="M28610" t="s">
        <v>83</v>
      </c>
      <c r="N28610" t="s">
        <v>84</v>
      </c>
      <c r="O28610" t="s">
        <v>85</v>
      </c>
      <c r="P28610" t="s">
        <v>86</v>
      </c>
      <c r="Q28610">
        <v>4</v>
      </c>
      <c r="R28610">
        <v>4</v>
      </c>
      <c r="S28610">
        <v>4</v>
      </c>
      <c r="T28610">
        <v>4</v>
      </c>
      <c r="U28610">
        <v>4</v>
      </c>
      <c r="V28610">
        <v>4</v>
      </c>
      <c r="W28610">
        <v>5</v>
      </c>
      <c r="X28610">
        <v>5</v>
      </c>
      <c r="Y28610">
        <v>5</v>
      </c>
      <c r="Z28610">
        <v>5</v>
      </c>
      <c r="AA28610">
        <v>5</v>
      </c>
      <c r="AB28610">
        <v>5</v>
      </c>
      <c r="AC28610">
        <v>5</v>
      </c>
      <c r="AD28610">
        <v>5</v>
      </c>
      <c r="AE28610">
        <v>5</v>
      </c>
      <c r="AF28610">
        <v>5</v>
      </c>
      <c r="AG28610">
        <v>5</v>
      </c>
      <c r="AH28610">
        <v>5</v>
      </c>
      <c r="AI28610">
        <v>5</v>
      </c>
      <c r="AJ28610">
        <v>5</v>
      </c>
      <c r="AK28610">
        <v>5</v>
      </c>
      <c r="AL28610">
        <v>5</v>
      </c>
      <c r="AM28610">
        <v>5</v>
      </c>
      <c r="AN28610">
        <v>5</v>
      </c>
      <c r="AO28610">
        <v>5</v>
      </c>
      <c r="AP28610">
        <v>5</v>
      </c>
      <c r="AQ28610">
        <v>5</v>
      </c>
    </row>
    <row r="28611" spans="1:43">
      <c r="A28611" t="s">
        <v>17707</v>
      </c>
      <c r="B28611" t="s">
        <v>17708</v>
      </c>
      <c r="C28611" t="s">
        <v>17703</v>
      </c>
      <c r="D28611" t="s">
        <v>17704</v>
      </c>
      <c r="E28611" t="s">
        <v>17663</v>
      </c>
      <c r="F28611" t="s">
        <v>17664</v>
      </c>
      <c r="G28611" t="s">
        <v>16559</v>
      </c>
      <c r="H28611" t="s">
        <v>16560</v>
      </c>
      <c r="I28611" s="2">
        <v>1</v>
      </c>
      <c r="J28611" s="2">
        <v>0</v>
      </c>
      <c r="K28611" s="2">
        <v>0</v>
      </c>
      <c r="L28611" t="s">
        <v>120</v>
      </c>
      <c r="M28611" t="s">
        <v>87</v>
      </c>
      <c r="N28611" t="s">
        <v>88</v>
      </c>
      <c r="O28611" t="s">
        <v>85</v>
      </c>
      <c r="P28611" t="s">
        <v>86</v>
      </c>
      <c r="Q28611">
        <v>4</v>
      </c>
      <c r="R28611">
        <v>4</v>
      </c>
      <c r="S28611">
        <v>4</v>
      </c>
      <c r="T28611">
        <v>4</v>
      </c>
      <c r="U28611">
        <v>4</v>
      </c>
      <c r="V28611">
        <v>4</v>
      </c>
      <c r="W28611">
        <v>4</v>
      </c>
      <c r="X28611">
        <v>4</v>
      </c>
      <c r="Y28611">
        <v>4</v>
      </c>
      <c r="Z28611">
        <v>4</v>
      </c>
      <c r="AA28611">
        <v>4</v>
      </c>
      <c r="AB28611">
        <v>4</v>
      </c>
      <c r="AC28611">
        <v>4</v>
      </c>
      <c r="AD28611">
        <v>4</v>
      </c>
      <c r="AE28611">
        <v>4</v>
      </c>
      <c r="AF28611">
        <v>4</v>
      </c>
      <c r="AG28611">
        <v>4</v>
      </c>
      <c r="AH28611">
        <v>5</v>
      </c>
      <c r="AI28611">
        <v>5</v>
      </c>
      <c r="AJ28611">
        <v>5</v>
      </c>
      <c r="AK28611">
        <v>5</v>
      </c>
      <c r="AL28611">
        <v>5</v>
      </c>
      <c r="AM28611">
        <v>5</v>
      </c>
      <c r="AN28611">
        <v>5</v>
      </c>
      <c r="AO28611">
        <v>5</v>
      </c>
      <c r="AP28611">
        <v>5</v>
      </c>
      <c r="AQ28611">
        <v>5</v>
      </c>
    </row>
    <row r="28612" spans="1:43">
      <c r="A28612" t="s">
        <v>17707</v>
      </c>
      <c r="B28612" t="s">
        <v>17708</v>
      </c>
      <c r="C28612" t="s">
        <v>17703</v>
      </c>
      <c r="D28612" t="s">
        <v>17704</v>
      </c>
      <c r="E28612" t="s">
        <v>17663</v>
      </c>
      <c r="F28612" t="s">
        <v>17664</v>
      </c>
      <c r="G28612" t="s">
        <v>16559</v>
      </c>
      <c r="H28612" t="s">
        <v>16560</v>
      </c>
      <c r="I28612" s="2">
        <v>1</v>
      </c>
      <c r="J28612" s="2">
        <v>0</v>
      </c>
      <c r="K28612" s="2">
        <v>0</v>
      </c>
      <c r="L28612" t="s">
        <v>120</v>
      </c>
      <c r="M28612" t="s">
        <v>89</v>
      </c>
      <c r="N28612" t="s">
        <v>90</v>
      </c>
      <c r="O28612" t="s">
        <v>85</v>
      </c>
      <c r="P28612" t="s">
        <v>86</v>
      </c>
      <c r="Q28612">
        <v>4</v>
      </c>
      <c r="R28612">
        <v>4</v>
      </c>
      <c r="S28612">
        <v>4</v>
      </c>
      <c r="T28612">
        <v>4</v>
      </c>
      <c r="U28612">
        <v>5</v>
      </c>
      <c r="V28612">
        <v>5</v>
      </c>
      <c r="W28612">
        <v>5</v>
      </c>
      <c r="X28612">
        <v>5</v>
      </c>
      <c r="Y28612">
        <v>5</v>
      </c>
      <c r="Z28612">
        <v>5</v>
      </c>
      <c r="AA28612">
        <v>5</v>
      </c>
      <c r="AB28612">
        <v>5</v>
      </c>
      <c r="AC28612">
        <v>5</v>
      </c>
      <c r="AD28612">
        <v>5</v>
      </c>
      <c r="AE28612">
        <v>5</v>
      </c>
      <c r="AF28612">
        <v>5</v>
      </c>
      <c r="AG28612">
        <v>5</v>
      </c>
      <c r="AH28612">
        <v>5</v>
      </c>
      <c r="AI28612">
        <v>5</v>
      </c>
      <c r="AJ28612">
        <v>5</v>
      </c>
      <c r="AK28612">
        <v>5</v>
      </c>
      <c r="AL28612">
        <v>5</v>
      </c>
      <c r="AM28612">
        <v>5</v>
      </c>
      <c r="AN28612">
        <v>5</v>
      </c>
      <c r="AO28612">
        <v>5</v>
      </c>
      <c r="AP28612">
        <v>5</v>
      </c>
      <c r="AQ28612">
        <v>6</v>
      </c>
    </row>
    <row r="28613" spans="1:43">
      <c r="A28613" t="s">
        <v>17707</v>
      </c>
      <c r="B28613" t="s">
        <v>17708</v>
      </c>
      <c r="C28613" t="s">
        <v>17703</v>
      </c>
      <c r="D28613" t="s">
        <v>17704</v>
      </c>
      <c r="E28613" t="s">
        <v>17663</v>
      </c>
      <c r="F28613" t="s">
        <v>17664</v>
      </c>
      <c r="G28613" t="s">
        <v>16559</v>
      </c>
      <c r="H28613" t="s">
        <v>16560</v>
      </c>
      <c r="I28613" s="2">
        <v>1</v>
      </c>
      <c r="J28613" s="2">
        <v>0</v>
      </c>
      <c r="K28613" s="2">
        <v>0</v>
      </c>
      <c r="L28613" t="s">
        <v>120</v>
      </c>
      <c r="M28613" t="s">
        <v>83</v>
      </c>
      <c r="N28613" t="s">
        <v>91</v>
      </c>
      <c r="O28613" t="s">
        <v>85</v>
      </c>
      <c r="P28613" t="s">
        <v>86</v>
      </c>
      <c r="Q28613">
        <v>4</v>
      </c>
      <c r="R28613">
        <v>4</v>
      </c>
      <c r="S28613">
        <v>4</v>
      </c>
      <c r="T28613">
        <v>4</v>
      </c>
      <c r="U28613">
        <v>4</v>
      </c>
      <c r="V28613">
        <v>4</v>
      </c>
      <c r="W28613">
        <v>5</v>
      </c>
      <c r="X28613">
        <v>5</v>
      </c>
      <c r="Y28613">
        <v>5</v>
      </c>
      <c r="Z28613">
        <v>5</v>
      </c>
      <c r="AA28613">
        <v>5</v>
      </c>
      <c r="AB28613">
        <v>5</v>
      </c>
      <c r="AC28613">
        <v>5</v>
      </c>
      <c r="AD28613">
        <v>5</v>
      </c>
      <c r="AE28613">
        <v>5</v>
      </c>
      <c r="AF28613">
        <v>5</v>
      </c>
      <c r="AG28613">
        <v>5</v>
      </c>
      <c r="AH28613">
        <v>5</v>
      </c>
      <c r="AI28613">
        <v>5</v>
      </c>
      <c r="AJ28613">
        <v>5</v>
      </c>
      <c r="AK28613">
        <v>5</v>
      </c>
      <c r="AL28613">
        <v>5</v>
      </c>
      <c r="AM28613">
        <v>5</v>
      </c>
      <c r="AN28613">
        <v>5</v>
      </c>
      <c r="AO28613">
        <v>5</v>
      </c>
      <c r="AP28613">
        <v>5</v>
      </c>
      <c r="AQ28613">
        <v>5</v>
      </c>
    </row>
    <row r="28614" spans="1:43">
      <c r="A28614" t="s">
        <v>17709</v>
      </c>
      <c r="B28614" t="s">
        <v>17710</v>
      </c>
      <c r="C28614" t="s">
        <v>17711</v>
      </c>
      <c r="D28614" t="s">
        <v>17712</v>
      </c>
      <c r="E28614" t="s">
        <v>17663</v>
      </c>
      <c r="F28614" t="s">
        <v>17664</v>
      </c>
      <c r="G28614" t="s">
        <v>16559</v>
      </c>
      <c r="H28614" t="s">
        <v>16560</v>
      </c>
      <c r="I28614" s="2">
        <v>1</v>
      </c>
      <c r="J28614" s="2">
        <v>0</v>
      </c>
      <c r="K28614" s="2">
        <v>0</v>
      </c>
      <c r="L28614" t="s">
        <v>120</v>
      </c>
      <c r="M28614" t="s">
        <v>83</v>
      </c>
      <c r="N28614" t="s">
        <v>84</v>
      </c>
      <c r="O28614" t="s">
        <v>85</v>
      </c>
      <c r="P28614" t="s">
        <v>86</v>
      </c>
      <c r="Q28614">
        <v>23</v>
      </c>
      <c r="R28614">
        <v>23</v>
      </c>
      <c r="S28614">
        <v>24</v>
      </c>
      <c r="T28614">
        <v>24</v>
      </c>
      <c r="U28614">
        <v>25</v>
      </c>
      <c r="V28614">
        <v>25</v>
      </c>
      <c r="W28614">
        <v>25</v>
      </c>
      <c r="X28614">
        <v>26</v>
      </c>
      <c r="Y28614">
        <v>26</v>
      </c>
      <c r="Z28614">
        <v>26</v>
      </c>
      <c r="AA28614">
        <v>27</v>
      </c>
      <c r="AB28614">
        <v>27</v>
      </c>
      <c r="AC28614">
        <v>27</v>
      </c>
      <c r="AD28614">
        <v>28</v>
      </c>
      <c r="AE28614">
        <v>28</v>
      </c>
      <c r="AF28614">
        <v>28</v>
      </c>
      <c r="AG28614">
        <v>29</v>
      </c>
      <c r="AH28614">
        <v>29</v>
      </c>
      <c r="AI28614">
        <v>29</v>
      </c>
      <c r="AJ28614">
        <v>30</v>
      </c>
      <c r="AK28614">
        <v>30</v>
      </c>
      <c r="AL28614">
        <v>30</v>
      </c>
      <c r="AM28614">
        <v>30</v>
      </c>
      <c r="AN28614">
        <v>30</v>
      </c>
      <c r="AO28614">
        <v>30</v>
      </c>
      <c r="AP28614">
        <v>30</v>
      </c>
      <c r="AQ28614">
        <v>31</v>
      </c>
    </row>
    <row r="28615" spans="1:43">
      <c r="A28615" t="s">
        <v>17709</v>
      </c>
      <c r="B28615" t="s">
        <v>17710</v>
      </c>
      <c r="C28615" t="s">
        <v>17711</v>
      </c>
      <c r="D28615" t="s">
        <v>17712</v>
      </c>
      <c r="E28615" t="s">
        <v>17663</v>
      </c>
      <c r="F28615" t="s">
        <v>17664</v>
      </c>
      <c r="G28615" t="s">
        <v>16559</v>
      </c>
      <c r="H28615" t="s">
        <v>16560</v>
      </c>
      <c r="I28615" s="2">
        <v>1</v>
      </c>
      <c r="J28615" s="2">
        <v>0</v>
      </c>
      <c r="K28615" s="2">
        <v>0</v>
      </c>
      <c r="L28615" t="s">
        <v>120</v>
      </c>
      <c r="M28615" t="s">
        <v>87</v>
      </c>
      <c r="N28615" t="s">
        <v>88</v>
      </c>
      <c r="O28615" t="s">
        <v>85</v>
      </c>
      <c r="P28615" t="s">
        <v>86</v>
      </c>
      <c r="Q28615">
        <v>23</v>
      </c>
      <c r="R28615">
        <v>23</v>
      </c>
      <c r="S28615">
        <v>23</v>
      </c>
      <c r="T28615">
        <v>23</v>
      </c>
      <c r="U28615">
        <v>23</v>
      </c>
      <c r="V28615">
        <v>24</v>
      </c>
      <c r="W28615">
        <v>24</v>
      </c>
      <c r="X28615">
        <v>24</v>
      </c>
      <c r="Y28615">
        <v>24</v>
      </c>
      <c r="Z28615">
        <v>24</v>
      </c>
      <c r="AA28615">
        <v>24</v>
      </c>
      <c r="AB28615">
        <v>24</v>
      </c>
      <c r="AC28615">
        <v>25</v>
      </c>
      <c r="AD28615">
        <v>25</v>
      </c>
      <c r="AE28615">
        <v>25</v>
      </c>
      <c r="AF28615">
        <v>25</v>
      </c>
      <c r="AG28615">
        <v>25</v>
      </c>
      <c r="AH28615">
        <v>25</v>
      </c>
      <c r="AI28615">
        <v>25</v>
      </c>
      <c r="AJ28615">
        <v>26</v>
      </c>
      <c r="AK28615">
        <v>26</v>
      </c>
      <c r="AL28615">
        <v>26</v>
      </c>
      <c r="AM28615">
        <v>26</v>
      </c>
      <c r="AN28615">
        <v>26</v>
      </c>
      <c r="AO28615">
        <v>26</v>
      </c>
      <c r="AP28615">
        <v>27</v>
      </c>
      <c r="AQ28615">
        <v>27</v>
      </c>
    </row>
    <row r="28616" spans="1:43">
      <c r="A28616" t="s">
        <v>17709</v>
      </c>
      <c r="B28616" t="s">
        <v>17710</v>
      </c>
      <c r="C28616" t="s">
        <v>17711</v>
      </c>
      <c r="D28616" t="s">
        <v>17712</v>
      </c>
      <c r="E28616" t="s">
        <v>17663</v>
      </c>
      <c r="F28616" t="s">
        <v>17664</v>
      </c>
      <c r="G28616" t="s">
        <v>16559</v>
      </c>
      <c r="H28616" t="s">
        <v>16560</v>
      </c>
      <c r="I28616" s="2">
        <v>1</v>
      </c>
      <c r="J28616" s="2">
        <v>0</v>
      </c>
      <c r="K28616" s="2">
        <v>0</v>
      </c>
      <c r="L28616" t="s">
        <v>120</v>
      </c>
      <c r="M28616" t="s">
        <v>89</v>
      </c>
      <c r="N28616" t="s">
        <v>90</v>
      </c>
      <c r="O28616" t="s">
        <v>85</v>
      </c>
      <c r="P28616" t="s">
        <v>86</v>
      </c>
      <c r="Q28616">
        <v>23</v>
      </c>
      <c r="R28616">
        <v>24</v>
      </c>
      <c r="S28616">
        <v>24</v>
      </c>
      <c r="T28616">
        <v>25</v>
      </c>
      <c r="U28616">
        <v>25</v>
      </c>
      <c r="V28616">
        <v>26</v>
      </c>
      <c r="W28616">
        <v>26</v>
      </c>
      <c r="X28616">
        <v>27</v>
      </c>
      <c r="Y28616">
        <v>27</v>
      </c>
      <c r="Z28616">
        <v>28</v>
      </c>
      <c r="AA28616">
        <v>28</v>
      </c>
      <c r="AB28616">
        <v>29</v>
      </c>
      <c r="AC28616">
        <v>29</v>
      </c>
      <c r="AD28616">
        <v>30</v>
      </c>
      <c r="AE28616">
        <v>30</v>
      </c>
      <c r="AF28616">
        <v>30</v>
      </c>
      <c r="AG28616">
        <v>30</v>
      </c>
      <c r="AH28616">
        <v>30</v>
      </c>
      <c r="AI28616">
        <v>30</v>
      </c>
      <c r="AJ28616">
        <v>30</v>
      </c>
      <c r="AK28616">
        <v>30</v>
      </c>
      <c r="AL28616">
        <v>30</v>
      </c>
      <c r="AM28616">
        <v>30</v>
      </c>
      <c r="AN28616">
        <v>31</v>
      </c>
      <c r="AO28616">
        <v>31</v>
      </c>
      <c r="AP28616">
        <v>31</v>
      </c>
      <c r="AQ28616">
        <v>31</v>
      </c>
    </row>
    <row r="28617" spans="1:43">
      <c r="A28617" t="s">
        <v>17709</v>
      </c>
      <c r="B28617" t="s">
        <v>17710</v>
      </c>
      <c r="C28617" t="s">
        <v>17711</v>
      </c>
      <c r="D28617" t="s">
        <v>17712</v>
      </c>
      <c r="E28617" t="s">
        <v>17663</v>
      </c>
      <c r="F28617" t="s">
        <v>17664</v>
      </c>
      <c r="G28617" t="s">
        <v>16559</v>
      </c>
      <c r="H28617" t="s">
        <v>16560</v>
      </c>
      <c r="I28617" s="2">
        <v>1</v>
      </c>
      <c r="J28617" s="2">
        <v>0</v>
      </c>
      <c r="K28617" s="2">
        <v>0</v>
      </c>
      <c r="L28617" t="s">
        <v>120</v>
      </c>
      <c r="M28617" t="s">
        <v>83</v>
      </c>
      <c r="N28617" t="s">
        <v>91</v>
      </c>
      <c r="O28617" t="s">
        <v>85</v>
      </c>
      <c r="P28617" t="s">
        <v>86</v>
      </c>
      <c r="Q28617">
        <v>23</v>
      </c>
      <c r="R28617">
        <v>23</v>
      </c>
      <c r="S28617">
        <v>24</v>
      </c>
      <c r="T28617">
        <v>24</v>
      </c>
      <c r="U28617">
        <v>25</v>
      </c>
      <c r="V28617">
        <v>25</v>
      </c>
      <c r="W28617">
        <v>25</v>
      </c>
      <c r="X28617">
        <v>26</v>
      </c>
      <c r="Y28617">
        <v>26</v>
      </c>
      <c r="Z28617">
        <v>26</v>
      </c>
      <c r="AA28617">
        <v>27</v>
      </c>
      <c r="AB28617">
        <v>27</v>
      </c>
      <c r="AC28617">
        <v>27</v>
      </c>
      <c r="AD28617">
        <v>28</v>
      </c>
      <c r="AE28617">
        <v>28</v>
      </c>
      <c r="AF28617">
        <v>28</v>
      </c>
      <c r="AG28617">
        <v>29</v>
      </c>
      <c r="AH28617">
        <v>29</v>
      </c>
      <c r="AI28617">
        <v>29</v>
      </c>
      <c r="AJ28617">
        <v>30</v>
      </c>
      <c r="AK28617">
        <v>30</v>
      </c>
      <c r="AL28617">
        <v>30</v>
      </c>
      <c r="AM28617">
        <v>30</v>
      </c>
      <c r="AN28617">
        <v>30</v>
      </c>
      <c r="AO28617">
        <v>30</v>
      </c>
      <c r="AP28617">
        <v>30</v>
      </c>
      <c r="AQ28617">
        <v>31</v>
      </c>
    </row>
    <row r="28618" spans="1:43">
      <c r="A28618" t="s">
        <v>17713</v>
      </c>
      <c r="B28618" t="s">
        <v>17714</v>
      </c>
      <c r="C28618" t="s">
        <v>17711</v>
      </c>
      <c r="D28618" t="s">
        <v>17712</v>
      </c>
      <c r="E28618" t="s">
        <v>17663</v>
      </c>
      <c r="F28618" t="s">
        <v>17664</v>
      </c>
      <c r="G28618" t="s">
        <v>16559</v>
      </c>
      <c r="H28618" t="s">
        <v>16560</v>
      </c>
      <c r="I28618" s="2">
        <v>1</v>
      </c>
      <c r="J28618" s="2">
        <v>0</v>
      </c>
      <c r="K28618" s="2">
        <v>0</v>
      </c>
      <c r="L28618" t="s">
        <v>120</v>
      </c>
      <c r="M28618" t="s">
        <v>83</v>
      </c>
      <c r="N28618" t="s">
        <v>84</v>
      </c>
      <c r="O28618" t="s">
        <v>85</v>
      </c>
      <c r="P28618" t="s">
        <v>86</v>
      </c>
      <c r="Q28618">
        <v>37</v>
      </c>
      <c r="R28618">
        <v>37</v>
      </c>
      <c r="S28618">
        <v>38</v>
      </c>
      <c r="T28618">
        <v>38</v>
      </c>
      <c r="U28618">
        <v>39</v>
      </c>
      <c r="V28618">
        <v>39</v>
      </c>
      <c r="W28618">
        <v>40</v>
      </c>
      <c r="X28618">
        <v>40</v>
      </c>
      <c r="Y28618">
        <v>41</v>
      </c>
      <c r="Z28618">
        <v>41</v>
      </c>
      <c r="AA28618">
        <v>42</v>
      </c>
      <c r="AB28618">
        <v>43</v>
      </c>
      <c r="AC28618">
        <v>43</v>
      </c>
      <c r="AD28618">
        <v>44</v>
      </c>
      <c r="AE28618">
        <v>44</v>
      </c>
      <c r="AF28618">
        <v>45</v>
      </c>
      <c r="AG28618">
        <v>45</v>
      </c>
      <c r="AH28618">
        <v>46</v>
      </c>
      <c r="AI28618">
        <v>46</v>
      </c>
      <c r="AJ28618">
        <v>47</v>
      </c>
      <c r="AK28618">
        <v>47</v>
      </c>
      <c r="AL28618">
        <v>48</v>
      </c>
      <c r="AM28618">
        <v>48</v>
      </c>
      <c r="AN28618">
        <v>48</v>
      </c>
      <c r="AO28618">
        <v>48</v>
      </c>
      <c r="AP28618">
        <v>48</v>
      </c>
      <c r="AQ28618">
        <v>48</v>
      </c>
    </row>
    <row r="28619" spans="1:43">
      <c r="A28619" t="s">
        <v>17713</v>
      </c>
      <c r="B28619" t="s">
        <v>17714</v>
      </c>
      <c r="C28619" t="s">
        <v>17711</v>
      </c>
      <c r="D28619" t="s">
        <v>17712</v>
      </c>
      <c r="E28619" t="s">
        <v>17663</v>
      </c>
      <c r="F28619" t="s">
        <v>17664</v>
      </c>
      <c r="G28619" t="s">
        <v>16559</v>
      </c>
      <c r="H28619" t="s">
        <v>16560</v>
      </c>
      <c r="I28619" s="2">
        <v>1</v>
      </c>
      <c r="J28619" s="2">
        <v>0</v>
      </c>
      <c r="K28619" s="2">
        <v>0</v>
      </c>
      <c r="L28619" t="s">
        <v>120</v>
      </c>
      <c r="M28619" t="s">
        <v>87</v>
      </c>
      <c r="N28619" t="s">
        <v>88</v>
      </c>
      <c r="O28619" t="s">
        <v>85</v>
      </c>
      <c r="P28619" t="s">
        <v>86</v>
      </c>
      <c r="Q28619">
        <v>37</v>
      </c>
      <c r="R28619">
        <v>37</v>
      </c>
      <c r="S28619">
        <v>38</v>
      </c>
      <c r="T28619">
        <v>38</v>
      </c>
      <c r="U28619">
        <v>38</v>
      </c>
      <c r="V28619">
        <v>38</v>
      </c>
      <c r="W28619">
        <v>38</v>
      </c>
      <c r="X28619">
        <v>39</v>
      </c>
      <c r="Y28619">
        <v>39</v>
      </c>
      <c r="Z28619">
        <v>39</v>
      </c>
      <c r="AA28619">
        <v>39</v>
      </c>
      <c r="AB28619">
        <v>40</v>
      </c>
      <c r="AC28619">
        <v>40</v>
      </c>
      <c r="AD28619">
        <v>40</v>
      </c>
      <c r="AE28619">
        <v>40</v>
      </c>
      <c r="AF28619">
        <v>40</v>
      </c>
      <c r="AG28619">
        <v>41</v>
      </c>
      <c r="AH28619">
        <v>41</v>
      </c>
      <c r="AI28619">
        <v>41</v>
      </c>
      <c r="AJ28619">
        <v>41</v>
      </c>
      <c r="AK28619">
        <v>42</v>
      </c>
      <c r="AL28619">
        <v>42</v>
      </c>
      <c r="AM28619">
        <v>42</v>
      </c>
      <c r="AN28619">
        <v>42</v>
      </c>
      <c r="AO28619">
        <v>43</v>
      </c>
      <c r="AP28619">
        <v>43</v>
      </c>
      <c r="AQ28619">
        <v>43</v>
      </c>
    </row>
    <row r="28620" spans="1:43">
      <c r="A28620" t="s">
        <v>17713</v>
      </c>
      <c r="B28620" t="s">
        <v>17714</v>
      </c>
      <c r="C28620" t="s">
        <v>17711</v>
      </c>
      <c r="D28620" t="s">
        <v>17712</v>
      </c>
      <c r="E28620" t="s">
        <v>17663</v>
      </c>
      <c r="F28620" t="s">
        <v>17664</v>
      </c>
      <c r="G28620" t="s">
        <v>16559</v>
      </c>
      <c r="H28620" t="s">
        <v>16560</v>
      </c>
      <c r="I28620" s="2">
        <v>1</v>
      </c>
      <c r="J28620" s="2">
        <v>0</v>
      </c>
      <c r="K28620" s="2">
        <v>0</v>
      </c>
      <c r="L28620" t="s">
        <v>120</v>
      </c>
      <c r="M28620" t="s">
        <v>89</v>
      </c>
      <c r="N28620" t="s">
        <v>90</v>
      </c>
      <c r="O28620" t="s">
        <v>85</v>
      </c>
      <c r="P28620" t="s">
        <v>86</v>
      </c>
      <c r="Q28620">
        <v>37</v>
      </c>
      <c r="R28620">
        <v>38</v>
      </c>
      <c r="S28620">
        <v>39</v>
      </c>
      <c r="T28620">
        <v>39</v>
      </c>
      <c r="U28620">
        <v>40</v>
      </c>
      <c r="V28620">
        <v>41</v>
      </c>
      <c r="W28620">
        <v>42</v>
      </c>
      <c r="X28620">
        <v>43</v>
      </c>
      <c r="Y28620">
        <v>43</v>
      </c>
      <c r="Z28620">
        <v>44</v>
      </c>
      <c r="AA28620">
        <v>45</v>
      </c>
      <c r="AB28620">
        <v>45</v>
      </c>
      <c r="AC28620">
        <v>46</v>
      </c>
      <c r="AD28620">
        <v>47</v>
      </c>
      <c r="AE28620">
        <v>47</v>
      </c>
      <c r="AF28620">
        <v>47</v>
      </c>
      <c r="AG28620">
        <v>47</v>
      </c>
      <c r="AH28620">
        <v>48</v>
      </c>
      <c r="AI28620">
        <v>48</v>
      </c>
      <c r="AJ28620">
        <v>48</v>
      </c>
      <c r="AK28620">
        <v>48</v>
      </c>
      <c r="AL28620">
        <v>48</v>
      </c>
      <c r="AM28620">
        <v>48</v>
      </c>
      <c r="AN28620">
        <v>48</v>
      </c>
      <c r="AO28620">
        <v>48</v>
      </c>
      <c r="AP28620">
        <v>49</v>
      </c>
      <c r="AQ28620">
        <v>49</v>
      </c>
    </row>
    <row r="28621" spans="1:43">
      <c r="A28621" t="s">
        <v>17713</v>
      </c>
      <c r="B28621" t="s">
        <v>17714</v>
      </c>
      <c r="C28621" t="s">
        <v>17711</v>
      </c>
      <c r="D28621" t="s">
        <v>17712</v>
      </c>
      <c r="E28621" t="s">
        <v>17663</v>
      </c>
      <c r="F28621" t="s">
        <v>17664</v>
      </c>
      <c r="G28621" t="s">
        <v>16559</v>
      </c>
      <c r="H28621" t="s">
        <v>16560</v>
      </c>
      <c r="I28621" s="2">
        <v>1</v>
      </c>
      <c r="J28621" s="2">
        <v>0</v>
      </c>
      <c r="K28621" s="2">
        <v>0</v>
      </c>
      <c r="L28621" t="s">
        <v>120</v>
      </c>
      <c r="M28621" t="s">
        <v>83</v>
      </c>
      <c r="N28621" t="s">
        <v>91</v>
      </c>
      <c r="O28621" t="s">
        <v>85</v>
      </c>
      <c r="P28621" t="s">
        <v>86</v>
      </c>
      <c r="Q28621">
        <v>37</v>
      </c>
      <c r="R28621">
        <v>37</v>
      </c>
      <c r="S28621">
        <v>38</v>
      </c>
      <c r="T28621">
        <v>38</v>
      </c>
      <c r="U28621">
        <v>39</v>
      </c>
      <c r="V28621">
        <v>39</v>
      </c>
      <c r="W28621">
        <v>40</v>
      </c>
      <c r="X28621">
        <v>40</v>
      </c>
      <c r="Y28621">
        <v>41</v>
      </c>
      <c r="Z28621">
        <v>41</v>
      </c>
      <c r="AA28621">
        <v>42</v>
      </c>
      <c r="AB28621">
        <v>43</v>
      </c>
      <c r="AC28621">
        <v>43</v>
      </c>
      <c r="AD28621">
        <v>44</v>
      </c>
      <c r="AE28621">
        <v>44</v>
      </c>
      <c r="AF28621">
        <v>45</v>
      </c>
      <c r="AG28621">
        <v>45</v>
      </c>
      <c r="AH28621">
        <v>46</v>
      </c>
      <c r="AI28621">
        <v>46</v>
      </c>
      <c r="AJ28621">
        <v>47</v>
      </c>
      <c r="AK28621">
        <v>47</v>
      </c>
      <c r="AL28621">
        <v>48</v>
      </c>
      <c r="AM28621">
        <v>48</v>
      </c>
      <c r="AN28621">
        <v>48</v>
      </c>
      <c r="AO28621">
        <v>48</v>
      </c>
      <c r="AP28621">
        <v>48</v>
      </c>
      <c r="AQ28621">
        <v>48</v>
      </c>
    </row>
    <row r="28622" spans="1:43">
      <c r="A28622" t="s">
        <v>17715</v>
      </c>
      <c r="B28622" t="s">
        <v>17716</v>
      </c>
      <c r="C28622" t="s">
        <v>17711</v>
      </c>
      <c r="D28622" t="s">
        <v>17712</v>
      </c>
      <c r="E28622" t="s">
        <v>17663</v>
      </c>
      <c r="F28622" t="s">
        <v>17664</v>
      </c>
      <c r="G28622" t="s">
        <v>16559</v>
      </c>
      <c r="H28622" t="s">
        <v>16560</v>
      </c>
      <c r="I28622" s="2">
        <v>1</v>
      </c>
      <c r="J28622" s="2">
        <v>0</v>
      </c>
      <c r="K28622" s="2">
        <v>0</v>
      </c>
      <c r="L28622" t="s">
        <v>120</v>
      </c>
      <c r="M28622" t="s">
        <v>83</v>
      </c>
      <c r="N28622" t="s">
        <v>84</v>
      </c>
      <c r="O28622" t="s">
        <v>85</v>
      </c>
      <c r="P28622" t="s">
        <v>86</v>
      </c>
      <c r="Q28622">
        <v>8</v>
      </c>
      <c r="R28622">
        <v>8</v>
      </c>
      <c r="S28622">
        <v>8</v>
      </c>
      <c r="T28622">
        <v>8</v>
      </c>
      <c r="U28622">
        <v>8</v>
      </c>
      <c r="V28622">
        <v>9</v>
      </c>
      <c r="W28622">
        <v>9</v>
      </c>
      <c r="X28622">
        <v>9</v>
      </c>
      <c r="Y28622">
        <v>9</v>
      </c>
      <c r="Z28622">
        <v>9</v>
      </c>
      <c r="AA28622">
        <v>9</v>
      </c>
      <c r="AB28622">
        <v>9</v>
      </c>
      <c r="AC28622">
        <v>9</v>
      </c>
      <c r="AD28622">
        <v>9</v>
      </c>
      <c r="AE28622">
        <v>10</v>
      </c>
      <c r="AF28622">
        <v>10</v>
      </c>
      <c r="AG28622">
        <v>10</v>
      </c>
      <c r="AH28622">
        <v>10</v>
      </c>
      <c r="AI28622">
        <v>10</v>
      </c>
      <c r="AJ28622">
        <v>10</v>
      </c>
      <c r="AK28622">
        <v>10</v>
      </c>
      <c r="AL28622">
        <v>10</v>
      </c>
      <c r="AM28622">
        <v>10</v>
      </c>
      <c r="AN28622">
        <v>10</v>
      </c>
      <c r="AO28622">
        <v>10</v>
      </c>
      <c r="AP28622">
        <v>10</v>
      </c>
      <c r="AQ28622">
        <v>11</v>
      </c>
    </row>
    <row r="28623" spans="1:43">
      <c r="A28623" t="s">
        <v>17715</v>
      </c>
      <c r="B28623" t="s">
        <v>17716</v>
      </c>
      <c r="C28623" t="s">
        <v>17711</v>
      </c>
      <c r="D28623" t="s">
        <v>17712</v>
      </c>
      <c r="E28623" t="s">
        <v>17663</v>
      </c>
      <c r="F28623" t="s">
        <v>17664</v>
      </c>
      <c r="G28623" t="s">
        <v>16559</v>
      </c>
      <c r="H28623" t="s">
        <v>16560</v>
      </c>
      <c r="I28623" s="2">
        <v>1</v>
      </c>
      <c r="J28623" s="2">
        <v>0</v>
      </c>
      <c r="K28623" s="2">
        <v>0</v>
      </c>
      <c r="L28623" t="s">
        <v>120</v>
      </c>
      <c r="M28623" t="s">
        <v>87</v>
      </c>
      <c r="N28623" t="s">
        <v>88</v>
      </c>
      <c r="O28623" t="s">
        <v>85</v>
      </c>
      <c r="P28623" t="s">
        <v>86</v>
      </c>
      <c r="Q28623">
        <v>8</v>
      </c>
      <c r="R28623">
        <v>8</v>
      </c>
      <c r="S28623">
        <v>8</v>
      </c>
      <c r="T28623">
        <v>8</v>
      </c>
      <c r="U28623">
        <v>8</v>
      </c>
      <c r="V28623">
        <v>8</v>
      </c>
      <c r="W28623">
        <v>8</v>
      </c>
      <c r="X28623">
        <v>8</v>
      </c>
      <c r="Y28623">
        <v>8</v>
      </c>
      <c r="Z28623">
        <v>8</v>
      </c>
      <c r="AA28623">
        <v>8</v>
      </c>
      <c r="AB28623">
        <v>8</v>
      </c>
      <c r="AC28623">
        <v>8</v>
      </c>
      <c r="AD28623">
        <v>8</v>
      </c>
      <c r="AE28623">
        <v>9</v>
      </c>
      <c r="AF28623">
        <v>9</v>
      </c>
      <c r="AG28623">
        <v>9</v>
      </c>
      <c r="AH28623">
        <v>9</v>
      </c>
      <c r="AI28623">
        <v>9</v>
      </c>
      <c r="AJ28623">
        <v>9</v>
      </c>
      <c r="AK28623">
        <v>9</v>
      </c>
      <c r="AL28623">
        <v>9</v>
      </c>
      <c r="AM28623">
        <v>9</v>
      </c>
      <c r="AN28623">
        <v>9</v>
      </c>
      <c r="AO28623">
        <v>9</v>
      </c>
      <c r="AP28623">
        <v>9</v>
      </c>
      <c r="AQ28623">
        <v>9</v>
      </c>
    </row>
    <row r="28624" spans="1:43">
      <c r="A28624" t="s">
        <v>17715</v>
      </c>
      <c r="B28624" t="s">
        <v>17716</v>
      </c>
      <c r="C28624" t="s">
        <v>17711</v>
      </c>
      <c r="D28624" t="s">
        <v>17712</v>
      </c>
      <c r="E28624" t="s">
        <v>17663</v>
      </c>
      <c r="F28624" t="s">
        <v>17664</v>
      </c>
      <c r="G28624" t="s">
        <v>16559</v>
      </c>
      <c r="H28624" t="s">
        <v>16560</v>
      </c>
      <c r="I28624" s="2">
        <v>1</v>
      </c>
      <c r="J28624" s="2">
        <v>0</v>
      </c>
      <c r="K28624" s="2">
        <v>0</v>
      </c>
      <c r="L28624" t="s">
        <v>120</v>
      </c>
      <c r="M28624" t="s">
        <v>89</v>
      </c>
      <c r="N28624" t="s">
        <v>90</v>
      </c>
      <c r="O28624" t="s">
        <v>85</v>
      </c>
      <c r="P28624" t="s">
        <v>86</v>
      </c>
      <c r="Q28624">
        <v>8</v>
      </c>
      <c r="R28624">
        <v>8</v>
      </c>
      <c r="S28624">
        <v>8</v>
      </c>
      <c r="T28624">
        <v>9</v>
      </c>
      <c r="U28624">
        <v>9</v>
      </c>
      <c r="V28624">
        <v>9</v>
      </c>
      <c r="W28624">
        <v>9</v>
      </c>
      <c r="X28624">
        <v>9</v>
      </c>
      <c r="Y28624">
        <v>9</v>
      </c>
      <c r="Z28624">
        <v>10</v>
      </c>
      <c r="AA28624">
        <v>10</v>
      </c>
      <c r="AB28624">
        <v>10</v>
      </c>
      <c r="AC28624">
        <v>10</v>
      </c>
      <c r="AD28624">
        <v>10</v>
      </c>
      <c r="AE28624">
        <v>10</v>
      </c>
      <c r="AF28624">
        <v>10</v>
      </c>
      <c r="AG28624">
        <v>10</v>
      </c>
      <c r="AH28624">
        <v>10</v>
      </c>
      <c r="AI28624">
        <v>10</v>
      </c>
      <c r="AJ28624">
        <v>10</v>
      </c>
      <c r="AK28624">
        <v>10</v>
      </c>
      <c r="AL28624">
        <v>10</v>
      </c>
      <c r="AM28624">
        <v>10</v>
      </c>
      <c r="AN28624">
        <v>11</v>
      </c>
      <c r="AO28624">
        <v>11</v>
      </c>
      <c r="AP28624">
        <v>11</v>
      </c>
      <c r="AQ28624">
        <v>11</v>
      </c>
    </row>
    <row r="28625" spans="1:43">
      <c r="A28625" t="s">
        <v>17715</v>
      </c>
      <c r="B28625" t="s">
        <v>17716</v>
      </c>
      <c r="C28625" t="s">
        <v>17711</v>
      </c>
      <c r="D28625" t="s">
        <v>17712</v>
      </c>
      <c r="E28625" t="s">
        <v>17663</v>
      </c>
      <c r="F28625" t="s">
        <v>17664</v>
      </c>
      <c r="G28625" t="s">
        <v>16559</v>
      </c>
      <c r="H28625" t="s">
        <v>16560</v>
      </c>
      <c r="I28625" s="2">
        <v>1</v>
      </c>
      <c r="J28625" s="2">
        <v>0</v>
      </c>
      <c r="K28625" s="2">
        <v>0</v>
      </c>
      <c r="L28625" t="s">
        <v>120</v>
      </c>
      <c r="M28625" t="s">
        <v>83</v>
      </c>
      <c r="N28625" t="s">
        <v>91</v>
      </c>
      <c r="O28625" t="s">
        <v>85</v>
      </c>
      <c r="P28625" t="s">
        <v>86</v>
      </c>
      <c r="Q28625">
        <v>8</v>
      </c>
      <c r="R28625">
        <v>8</v>
      </c>
      <c r="S28625">
        <v>8</v>
      </c>
      <c r="T28625">
        <v>8</v>
      </c>
      <c r="U28625">
        <v>8</v>
      </c>
      <c r="V28625">
        <v>9</v>
      </c>
      <c r="W28625">
        <v>9</v>
      </c>
      <c r="X28625">
        <v>9</v>
      </c>
      <c r="Y28625">
        <v>9</v>
      </c>
      <c r="Z28625">
        <v>9</v>
      </c>
      <c r="AA28625">
        <v>9</v>
      </c>
      <c r="AB28625">
        <v>9</v>
      </c>
      <c r="AC28625">
        <v>9</v>
      </c>
      <c r="AD28625">
        <v>9</v>
      </c>
      <c r="AE28625">
        <v>10</v>
      </c>
      <c r="AF28625">
        <v>10</v>
      </c>
      <c r="AG28625">
        <v>10</v>
      </c>
      <c r="AH28625">
        <v>10</v>
      </c>
      <c r="AI28625">
        <v>10</v>
      </c>
      <c r="AJ28625">
        <v>10</v>
      </c>
      <c r="AK28625">
        <v>10</v>
      </c>
      <c r="AL28625">
        <v>10</v>
      </c>
      <c r="AM28625">
        <v>10</v>
      </c>
      <c r="AN28625">
        <v>10</v>
      </c>
      <c r="AO28625">
        <v>10</v>
      </c>
      <c r="AP28625">
        <v>10</v>
      </c>
      <c r="AQ28625">
        <v>11</v>
      </c>
    </row>
    <row r="28626" spans="1:43">
      <c r="A28626" t="s">
        <v>17717</v>
      </c>
      <c r="B28626" t="s">
        <v>17718</v>
      </c>
      <c r="C28626" t="s">
        <v>17711</v>
      </c>
      <c r="D28626" t="s">
        <v>17712</v>
      </c>
      <c r="E28626" t="s">
        <v>17663</v>
      </c>
      <c r="F28626" t="s">
        <v>17664</v>
      </c>
      <c r="G28626" t="s">
        <v>16559</v>
      </c>
      <c r="H28626" t="s">
        <v>16560</v>
      </c>
      <c r="I28626" s="2">
        <v>1</v>
      </c>
      <c r="J28626" s="2">
        <v>0</v>
      </c>
      <c r="K28626" s="2">
        <v>0</v>
      </c>
      <c r="L28626" t="s">
        <v>120</v>
      </c>
      <c r="M28626" t="s">
        <v>83</v>
      </c>
      <c r="N28626" t="s">
        <v>84</v>
      </c>
      <c r="O28626" t="s">
        <v>85</v>
      </c>
      <c r="P28626" t="s">
        <v>86</v>
      </c>
      <c r="Q28626">
        <v>34</v>
      </c>
      <c r="R28626">
        <v>34</v>
      </c>
      <c r="S28626">
        <v>35</v>
      </c>
      <c r="T28626">
        <v>35</v>
      </c>
      <c r="U28626">
        <v>36</v>
      </c>
      <c r="V28626">
        <v>36</v>
      </c>
      <c r="W28626">
        <v>37</v>
      </c>
      <c r="X28626">
        <v>37</v>
      </c>
      <c r="Y28626">
        <v>38</v>
      </c>
      <c r="Z28626">
        <v>38</v>
      </c>
      <c r="AA28626">
        <v>39</v>
      </c>
      <c r="AB28626">
        <v>39</v>
      </c>
      <c r="AC28626">
        <v>40</v>
      </c>
      <c r="AD28626">
        <v>40</v>
      </c>
      <c r="AE28626">
        <v>41</v>
      </c>
      <c r="AF28626">
        <v>41</v>
      </c>
      <c r="AG28626">
        <v>42</v>
      </c>
      <c r="AH28626">
        <v>42</v>
      </c>
      <c r="AI28626">
        <v>43</v>
      </c>
      <c r="AJ28626">
        <v>43</v>
      </c>
      <c r="AK28626">
        <v>44</v>
      </c>
      <c r="AL28626">
        <v>44</v>
      </c>
      <c r="AM28626">
        <v>44</v>
      </c>
      <c r="AN28626">
        <v>44</v>
      </c>
      <c r="AO28626">
        <v>44</v>
      </c>
      <c r="AP28626">
        <v>44</v>
      </c>
      <c r="AQ28626">
        <v>44</v>
      </c>
    </row>
    <row r="28627" spans="1:43">
      <c r="A28627" t="s">
        <v>17717</v>
      </c>
      <c r="B28627" t="s">
        <v>17718</v>
      </c>
      <c r="C28627" t="s">
        <v>17711</v>
      </c>
      <c r="D28627" t="s">
        <v>17712</v>
      </c>
      <c r="E28627" t="s">
        <v>17663</v>
      </c>
      <c r="F28627" t="s">
        <v>17664</v>
      </c>
      <c r="G28627" t="s">
        <v>16559</v>
      </c>
      <c r="H28627" t="s">
        <v>16560</v>
      </c>
      <c r="I28627" s="2">
        <v>1</v>
      </c>
      <c r="J28627" s="2">
        <v>0</v>
      </c>
      <c r="K28627" s="2">
        <v>0</v>
      </c>
      <c r="L28627" t="s">
        <v>120</v>
      </c>
      <c r="M28627" t="s">
        <v>87</v>
      </c>
      <c r="N28627" t="s">
        <v>88</v>
      </c>
      <c r="O28627" t="s">
        <v>85</v>
      </c>
      <c r="P28627" t="s">
        <v>86</v>
      </c>
      <c r="Q28627">
        <v>34</v>
      </c>
      <c r="R28627">
        <v>34</v>
      </c>
      <c r="S28627">
        <v>35</v>
      </c>
      <c r="T28627">
        <v>35</v>
      </c>
      <c r="U28627">
        <v>35</v>
      </c>
      <c r="V28627">
        <v>35</v>
      </c>
      <c r="W28627">
        <v>35</v>
      </c>
      <c r="X28627">
        <v>36</v>
      </c>
      <c r="Y28627">
        <v>36</v>
      </c>
      <c r="Z28627">
        <v>36</v>
      </c>
      <c r="AA28627">
        <v>36</v>
      </c>
      <c r="AB28627">
        <v>36</v>
      </c>
      <c r="AC28627">
        <v>37</v>
      </c>
      <c r="AD28627">
        <v>37</v>
      </c>
      <c r="AE28627">
        <v>37</v>
      </c>
      <c r="AF28627">
        <v>37</v>
      </c>
      <c r="AG28627">
        <v>37</v>
      </c>
      <c r="AH28627">
        <v>38</v>
      </c>
      <c r="AI28627">
        <v>38</v>
      </c>
      <c r="AJ28627">
        <v>38</v>
      </c>
      <c r="AK28627">
        <v>38</v>
      </c>
      <c r="AL28627">
        <v>39</v>
      </c>
      <c r="AM28627">
        <v>39</v>
      </c>
      <c r="AN28627">
        <v>39</v>
      </c>
      <c r="AO28627">
        <v>39</v>
      </c>
      <c r="AP28627">
        <v>40</v>
      </c>
      <c r="AQ28627">
        <v>40</v>
      </c>
    </row>
    <row r="28628" spans="1:43">
      <c r="A28628" t="s">
        <v>17717</v>
      </c>
      <c r="B28628" t="s">
        <v>17718</v>
      </c>
      <c r="C28628" t="s">
        <v>17711</v>
      </c>
      <c r="D28628" t="s">
        <v>17712</v>
      </c>
      <c r="E28628" t="s">
        <v>17663</v>
      </c>
      <c r="F28628" t="s">
        <v>17664</v>
      </c>
      <c r="G28628" t="s">
        <v>16559</v>
      </c>
      <c r="H28628" t="s">
        <v>16560</v>
      </c>
      <c r="I28628" s="2">
        <v>1</v>
      </c>
      <c r="J28628" s="2">
        <v>0</v>
      </c>
      <c r="K28628" s="2">
        <v>0</v>
      </c>
      <c r="L28628" t="s">
        <v>120</v>
      </c>
      <c r="M28628" t="s">
        <v>89</v>
      </c>
      <c r="N28628" t="s">
        <v>90</v>
      </c>
      <c r="O28628" t="s">
        <v>85</v>
      </c>
      <c r="P28628" t="s">
        <v>86</v>
      </c>
      <c r="Q28628">
        <v>34</v>
      </c>
      <c r="R28628">
        <v>35</v>
      </c>
      <c r="S28628">
        <v>36</v>
      </c>
      <c r="T28628">
        <v>36</v>
      </c>
      <c r="U28628">
        <v>37</v>
      </c>
      <c r="V28628">
        <v>38</v>
      </c>
      <c r="W28628">
        <v>38</v>
      </c>
      <c r="X28628">
        <v>39</v>
      </c>
      <c r="Y28628">
        <v>40</v>
      </c>
      <c r="Z28628">
        <v>40</v>
      </c>
      <c r="AA28628">
        <v>41</v>
      </c>
      <c r="AB28628">
        <v>42</v>
      </c>
      <c r="AC28628">
        <v>42</v>
      </c>
      <c r="AD28628">
        <v>43</v>
      </c>
      <c r="AE28628">
        <v>43</v>
      </c>
      <c r="AF28628">
        <v>44</v>
      </c>
      <c r="AG28628">
        <v>44</v>
      </c>
      <c r="AH28628">
        <v>44</v>
      </c>
      <c r="AI28628">
        <v>44</v>
      </c>
      <c r="AJ28628">
        <v>44</v>
      </c>
      <c r="AK28628">
        <v>44</v>
      </c>
      <c r="AL28628">
        <v>44</v>
      </c>
      <c r="AM28628">
        <v>44</v>
      </c>
      <c r="AN28628">
        <v>44</v>
      </c>
      <c r="AO28628">
        <v>45</v>
      </c>
      <c r="AP28628">
        <v>45</v>
      </c>
      <c r="AQ28628">
        <v>45</v>
      </c>
    </row>
    <row r="28629" spans="1:43">
      <c r="A28629" t="s">
        <v>17717</v>
      </c>
      <c r="B28629" t="s">
        <v>17718</v>
      </c>
      <c r="C28629" t="s">
        <v>17711</v>
      </c>
      <c r="D28629" t="s">
        <v>17712</v>
      </c>
      <c r="E28629" t="s">
        <v>17663</v>
      </c>
      <c r="F28629" t="s">
        <v>17664</v>
      </c>
      <c r="G28629" t="s">
        <v>16559</v>
      </c>
      <c r="H28629" t="s">
        <v>16560</v>
      </c>
      <c r="I28629" s="2">
        <v>1</v>
      </c>
      <c r="J28629" s="2">
        <v>0</v>
      </c>
      <c r="K28629" s="2">
        <v>0</v>
      </c>
      <c r="L28629" t="s">
        <v>120</v>
      </c>
      <c r="M28629" t="s">
        <v>83</v>
      </c>
      <c r="N28629" t="s">
        <v>91</v>
      </c>
      <c r="O28629" t="s">
        <v>85</v>
      </c>
      <c r="P28629" t="s">
        <v>86</v>
      </c>
      <c r="Q28629">
        <v>34</v>
      </c>
      <c r="R28629">
        <v>34</v>
      </c>
      <c r="S28629">
        <v>35</v>
      </c>
      <c r="T28629">
        <v>35</v>
      </c>
      <c r="U28629">
        <v>36</v>
      </c>
      <c r="V28629">
        <v>36</v>
      </c>
      <c r="W28629">
        <v>37</v>
      </c>
      <c r="X28629">
        <v>37</v>
      </c>
      <c r="Y28629">
        <v>38</v>
      </c>
      <c r="Z28629">
        <v>38</v>
      </c>
      <c r="AA28629">
        <v>39</v>
      </c>
      <c r="AB28629">
        <v>39</v>
      </c>
      <c r="AC28629">
        <v>40</v>
      </c>
      <c r="AD28629">
        <v>40</v>
      </c>
      <c r="AE28629">
        <v>41</v>
      </c>
      <c r="AF28629">
        <v>41</v>
      </c>
      <c r="AG28629">
        <v>42</v>
      </c>
      <c r="AH28629">
        <v>42</v>
      </c>
      <c r="AI28629">
        <v>43</v>
      </c>
      <c r="AJ28629">
        <v>43</v>
      </c>
      <c r="AK28629">
        <v>44</v>
      </c>
      <c r="AL28629">
        <v>44</v>
      </c>
      <c r="AM28629">
        <v>44</v>
      </c>
      <c r="AN28629">
        <v>44</v>
      </c>
      <c r="AO28629">
        <v>44</v>
      </c>
      <c r="AP28629">
        <v>44</v>
      </c>
      <c r="AQ28629">
        <v>44</v>
      </c>
    </row>
    <row r="28630" spans="1:43">
      <c r="A28630" t="s">
        <v>17719</v>
      </c>
      <c r="B28630" t="s">
        <v>17720</v>
      </c>
      <c r="C28630" t="s">
        <v>17721</v>
      </c>
      <c r="D28630" t="s">
        <v>17722</v>
      </c>
      <c r="E28630" t="s">
        <v>17663</v>
      </c>
      <c r="F28630" t="s">
        <v>17664</v>
      </c>
      <c r="G28630" t="s">
        <v>16559</v>
      </c>
      <c r="H28630" t="s">
        <v>16560</v>
      </c>
      <c r="I28630" s="2">
        <v>1</v>
      </c>
      <c r="J28630" s="2">
        <v>0</v>
      </c>
      <c r="K28630" s="2">
        <v>0</v>
      </c>
      <c r="L28630" t="s">
        <v>120</v>
      </c>
      <c r="M28630" t="s">
        <v>83</v>
      </c>
      <c r="N28630" t="s">
        <v>84</v>
      </c>
      <c r="O28630" t="s">
        <v>85</v>
      </c>
      <c r="P28630" t="s">
        <v>86</v>
      </c>
      <c r="Q28630">
        <v>101</v>
      </c>
      <c r="R28630">
        <v>103</v>
      </c>
      <c r="S28630">
        <v>104</v>
      </c>
      <c r="T28630">
        <v>106</v>
      </c>
      <c r="U28630">
        <v>107</v>
      </c>
      <c r="V28630">
        <v>109</v>
      </c>
      <c r="W28630">
        <v>110</v>
      </c>
      <c r="X28630">
        <v>112</v>
      </c>
      <c r="Y28630">
        <v>113</v>
      </c>
      <c r="Z28630">
        <v>115</v>
      </c>
      <c r="AA28630">
        <v>116</v>
      </c>
      <c r="AB28630">
        <v>118</v>
      </c>
      <c r="AC28630">
        <v>119</v>
      </c>
      <c r="AD28630">
        <v>121</v>
      </c>
      <c r="AE28630">
        <v>122</v>
      </c>
      <c r="AF28630">
        <v>124</v>
      </c>
      <c r="AG28630">
        <v>125</v>
      </c>
      <c r="AH28630">
        <v>127</v>
      </c>
      <c r="AI28630">
        <v>129</v>
      </c>
      <c r="AJ28630">
        <v>130</v>
      </c>
      <c r="AK28630">
        <v>132</v>
      </c>
      <c r="AL28630">
        <v>133</v>
      </c>
      <c r="AM28630">
        <v>133</v>
      </c>
      <c r="AN28630">
        <v>133</v>
      </c>
      <c r="AO28630">
        <v>134</v>
      </c>
      <c r="AP28630">
        <v>134</v>
      </c>
      <c r="AQ28630">
        <v>135</v>
      </c>
    </row>
    <row r="28631" spans="1:43">
      <c r="A28631" t="s">
        <v>17719</v>
      </c>
      <c r="B28631" t="s">
        <v>17720</v>
      </c>
      <c r="C28631" t="s">
        <v>17721</v>
      </c>
      <c r="D28631" t="s">
        <v>17722</v>
      </c>
      <c r="E28631" t="s">
        <v>17663</v>
      </c>
      <c r="F28631" t="s">
        <v>17664</v>
      </c>
      <c r="G28631" t="s">
        <v>16559</v>
      </c>
      <c r="H28631" t="s">
        <v>16560</v>
      </c>
      <c r="I28631" s="2">
        <v>1</v>
      </c>
      <c r="J28631" s="2">
        <v>0</v>
      </c>
      <c r="K28631" s="2">
        <v>0</v>
      </c>
      <c r="L28631" t="s">
        <v>120</v>
      </c>
      <c r="M28631" t="s">
        <v>87</v>
      </c>
      <c r="N28631" t="s">
        <v>88</v>
      </c>
      <c r="O28631" t="s">
        <v>85</v>
      </c>
      <c r="P28631" t="s">
        <v>86</v>
      </c>
      <c r="Q28631">
        <v>101</v>
      </c>
      <c r="R28631">
        <v>102</v>
      </c>
      <c r="S28631">
        <v>102</v>
      </c>
      <c r="T28631">
        <v>103</v>
      </c>
      <c r="U28631">
        <v>104</v>
      </c>
      <c r="V28631">
        <v>104</v>
      </c>
      <c r="W28631">
        <v>105</v>
      </c>
      <c r="X28631">
        <v>105</v>
      </c>
      <c r="Y28631">
        <v>106</v>
      </c>
      <c r="Z28631">
        <v>107</v>
      </c>
      <c r="AA28631">
        <v>107</v>
      </c>
      <c r="AB28631">
        <v>108</v>
      </c>
      <c r="AC28631">
        <v>108</v>
      </c>
      <c r="AD28631">
        <v>109</v>
      </c>
      <c r="AE28631">
        <v>110</v>
      </c>
      <c r="AF28631">
        <v>110</v>
      </c>
      <c r="AG28631">
        <v>111</v>
      </c>
      <c r="AH28631">
        <v>112</v>
      </c>
      <c r="AI28631">
        <v>112</v>
      </c>
      <c r="AJ28631">
        <v>113</v>
      </c>
      <c r="AK28631">
        <v>114</v>
      </c>
      <c r="AL28631">
        <v>114</v>
      </c>
      <c r="AM28631">
        <v>115</v>
      </c>
      <c r="AN28631">
        <v>116</v>
      </c>
      <c r="AO28631">
        <v>116</v>
      </c>
      <c r="AP28631">
        <v>117</v>
      </c>
      <c r="AQ28631">
        <v>118</v>
      </c>
    </row>
    <row r="28632" spans="1:43">
      <c r="A28632" t="s">
        <v>17719</v>
      </c>
      <c r="B28632" t="s">
        <v>17720</v>
      </c>
      <c r="C28632" t="s">
        <v>17721</v>
      </c>
      <c r="D28632" t="s">
        <v>17722</v>
      </c>
      <c r="E28632" t="s">
        <v>17663</v>
      </c>
      <c r="F28632" t="s">
        <v>17664</v>
      </c>
      <c r="G28632" t="s">
        <v>16559</v>
      </c>
      <c r="H28632" t="s">
        <v>16560</v>
      </c>
      <c r="I28632" s="2">
        <v>1</v>
      </c>
      <c r="J28632" s="2">
        <v>0</v>
      </c>
      <c r="K28632" s="2">
        <v>0</v>
      </c>
      <c r="L28632" t="s">
        <v>120</v>
      </c>
      <c r="M28632" t="s">
        <v>89</v>
      </c>
      <c r="N28632" t="s">
        <v>90</v>
      </c>
      <c r="O28632" t="s">
        <v>85</v>
      </c>
      <c r="P28632" t="s">
        <v>86</v>
      </c>
      <c r="Q28632">
        <v>101</v>
      </c>
      <c r="R28632">
        <v>104</v>
      </c>
      <c r="S28632">
        <v>106</v>
      </c>
      <c r="T28632">
        <v>108</v>
      </c>
      <c r="U28632">
        <v>111</v>
      </c>
      <c r="V28632">
        <v>113</v>
      </c>
      <c r="W28632">
        <v>115</v>
      </c>
      <c r="X28632">
        <v>117</v>
      </c>
      <c r="Y28632">
        <v>119</v>
      </c>
      <c r="Z28632">
        <v>121</v>
      </c>
      <c r="AA28632">
        <v>123</v>
      </c>
      <c r="AB28632">
        <v>125</v>
      </c>
      <c r="AC28632">
        <v>127</v>
      </c>
      <c r="AD28632">
        <v>129</v>
      </c>
      <c r="AE28632">
        <v>130</v>
      </c>
      <c r="AF28632">
        <v>131</v>
      </c>
      <c r="AG28632">
        <v>131</v>
      </c>
      <c r="AH28632">
        <v>131</v>
      </c>
      <c r="AI28632">
        <v>132</v>
      </c>
      <c r="AJ28632">
        <v>132</v>
      </c>
      <c r="AK28632">
        <v>132</v>
      </c>
      <c r="AL28632">
        <v>133</v>
      </c>
      <c r="AM28632">
        <v>133</v>
      </c>
      <c r="AN28632">
        <v>134</v>
      </c>
      <c r="AO28632">
        <v>134</v>
      </c>
      <c r="AP28632">
        <v>134</v>
      </c>
      <c r="AQ28632">
        <v>135</v>
      </c>
    </row>
    <row r="28633" spans="1:43">
      <c r="A28633" t="s">
        <v>17719</v>
      </c>
      <c r="B28633" t="s">
        <v>17720</v>
      </c>
      <c r="C28633" t="s">
        <v>17721</v>
      </c>
      <c r="D28633" t="s">
        <v>17722</v>
      </c>
      <c r="E28633" t="s">
        <v>17663</v>
      </c>
      <c r="F28633" t="s">
        <v>17664</v>
      </c>
      <c r="G28633" t="s">
        <v>16559</v>
      </c>
      <c r="H28633" t="s">
        <v>16560</v>
      </c>
      <c r="I28633" s="2">
        <v>1</v>
      </c>
      <c r="J28633" s="2">
        <v>0</v>
      </c>
      <c r="K28633" s="2">
        <v>0</v>
      </c>
      <c r="L28633" t="s">
        <v>120</v>
      </c>
      <c r="M28633" t="s">
        <v>83</v>
      </c>
      <c r="N28633" t="s">
        <v>91</v>
      </c>
      <c r="O28633" t="s">
        <v>85</v>
      </c>
      <c r="P28633" t="s">
        <v>86</v>
      </c>
      <c r="Q28633">
        <v>101</v>
      </c>
      <c r="R28633">
        <v>103</v>
      </c>
      <c r="S28633">
        <v>104</v>
      </c>
      <c r="T28633">
        <v>106</v>
      </c>
      <c r="U28633">
        <v>107</v>
      </c>
      <c r="V28633">
        <v>109</v>
      </c>
      <c r="W28633">
        <v>110</v>
      </c>
      <c r="X28633">
        <v>112</v>
      </c>
      <c r="Y28633">
        <v>113</v>
      </c>
      <c r="Z28633">
        <v>115</v>
      </c>
      <c r="AA28633">
        <v>116</v>
      </c>
      <c r="AB28633">
        <v>118</v>
      </c>
      <c r="AC28633">
        <v>119</v>
      </c>
      <c r="AD28633">
        <v>121</v>
      </c>
      <c r="AE28633">
        <v>122</v>
      </c>
      <c r="AF28633">
        <v>124</v>
      </c>
      <c r="AG28633">
        <v>125</v>
      </c>
      <c r="AH28633">
        <v>127</v>
      </c>
      <c r="AI28633">
        <v>129</v>
      </c>
      <c r="AJ28633">
        <v>130</v>
      </c>
      <c r="AK28633">
        <v>132</v>
      </c>
      <c r="AL28633">
        <v>133</v>
      </c>
      <c r="AM28633">
        <v>133</v>
      </c>
      <c r="AN28633">
        <v>133</v>
      </c>
      <c r="AO28633">
        <v>134</v>
      </c>
      <c r="AP28633">
        <v>134</v>
      </c>
      <c r="AQ28633">
        <v>135</v>
      </c>
    </row>
    <row r="28634" spans="1:43">
      <c r="A28634" t="s">
        <v>17723</v>
      </c>
      <c r="B28634" t="s">
        <v>17724</v>
      </c>
      <c r="C28634" t="s">
        <v>17725</v>
      </c>
      <c r="D28634" t="s">
        <v>17726</v>
      </c>
      <c r="E28634" t="s">
        <v>17663</v>
      </c>
      <c r="F28634" t="s">
        <v>17664</v>
      </c>
      <c r="G28634" t="s">
        <v>16559</v>
      </c>
      <c r="H28634" t="s">
        <v>16560</v>
      </c>
      <c r="I28634" s="2">
        <v>1</v>
      </c>
      <c r="J28634" s="2">
        <v>0</v>
      </c>
      <c r="K28634" s="2">
        <v>0</v>
      </c>
      <c r="L28634" t="s">
        <v>120</v>
      </c>
      <c r="M28634" t="s">
        <v>83</v>
      </c>
      <c r="N28634" t="s">
        <v>84</v>
      </c>
      <c r="O28634" t="s">
        <v>85</v>
      </c>
      <c r="P28634" t="s">
        <v>86</v>
      </c>
      <c r="Q28634">
        <v>56</v>
      </c>
      <c r="R28634">
        <v>56</v>
      </c>
      <c r="S28634">
        <v>57</v>
      </c>
      <c r="T28634">
        <v>58</v>
      </c>
      <c r="U28634">
        <v>59</v>
      </c>
      <c r="V28634">
        <v>60</v>
      </c>
      <c r="W28634">
        <v>61</v>
      </c>
      <c r="X28634">
        <v>61</v>
      </c>
      <c r="Y28634">
        <v>62</v>
      </c>
      <c r="Z28634">
        <v>63</v>
      </c>
      <c r="AA28634">
        <v>64</v>
      </c>
      <c r="AB28634">
        <v>65</v>
      </c>
      <c r="AC28634">
        <v>65</v>
      </c>
      <c r="AD28634">
        <v>66</v>
      </c>
      <c r="AE28634">
        <v>67</v>
      </c>
      <c r="AF28634">
        <v>68</v>
      </c>
      <c r="AG28634">
        <v>69</v>
      </c>
      <c r="AH28634">
        <v>70</v>
      </c>
      <c r="AI28634">
        <v>71</v>
      </c>
      <c r="AJ28634">
        <v>71</v>
      </c>
      <c r="AK28634">
        <v>72</v>
      </c>
      <c r="AL28634">
        <v>73</v>
      </c>
      <c r="AM28634">
        <v>73</v>
      </c>
      <c r="AN28634">
        <v>73</v>
      </c>
      <c r="AO28634">
        <v>73</v>
      </c>
      <c r="AP28634">
        <v>74</v>
      </c>
      <c r="AQ28634">
        <v>74</v>
      </c>
    </row>
    <row r="28635" spans="1:43">
      <c r="A28635" t="s">
        <v>17723</v>
      </c>
      <c r="B28635" t="s">
        <v>17724</v>
      </c>
      <c r="C28635" t="s">
        <v>17725</v>
      </c>
      <c r="D28635" t="s">
        <v>17726</v>
      </c>
      <c r="E28635" t="s">
        <v>17663</v>
      </c>
      <c r="F28635" t="s">
        <v>17664</v>
      </c>
      <c r="G28635" t="s">
        <v>16559</v>
      </c>
      <c r="H28635" t="s">
        <v>16560</v>
      </c>
      <c r="I28635" s="2">
        <v>1</v>
      </c>
      <c r="J28635" s="2">
        <v>0</v>
      </c>
      <c r="K28635" s="2">
        <v>0</v>
      </c>
      <c r="L28635" t="s">
        <v>120</v>
      </c>
      <c r="M28635" t="s">
        <v>87</v>
      </c>
      <c r="N28635" t="s">
        <v>88</v>
      </c>
      <c r="O28635" t="s">
        <v>85</v>
      </c>
      <c r="P28635" t="s">
        <v>86</v>
      </c>
      <c r="Q28635">
        <v>56</v>
      </c>
      <c r="R28635">
        <v>56</v>
      </c>
      <c r="S28635">
        <v>57</v>
      </c>
      <c r="T28635">
        <v>57</v>
      </c>
      <c r="U28635">
        <v>57</v>
      </c>
      <c r="V28635">
        <v>58</v>
      </c>
      <c r="W28635">
        <v>58</v>
      </c>
      <c r="X28635">
        <v>58</v>
      </c>
      <c r="Y28635">
        <v>59</v>
      </c>
      <c r="Z28635">
        <v>59</v>
      </c>
      <c r="AA28635">
        <v>59</v>
      </c>
      <c r="AB28635">
        <v>60</v>
      </c>
      <c r="AC28635">
        <v>60</v>
      </c>
      <c r="AD28635">
        <v>60</v>
      </c>
      <c r="AE28635">
        <v>61</v>
      </c>
      <c r="AF28635">
        <v>61</v>
      </c>
      <c r="AG28635">
        <v>61</v>
      </c>
      <c r="AH28635">
        <v>62</v>
      </c>
      <c r="AI28635">
        <v>62</v>
      </c>
      <c r="AJ28635">
        <v>62</v>
      </c>
      <c r="AK28635">
        <v>63</v>
      </c>
      <c r="AL28635">
        <v>63</v>
      </c>
      <c r="AM28635">
        <v>64</v>
      </c>
      <c r="AN28635">
        <v>64</v>
      </c>
      <c r="AO28635">
        <v>64</v>
      </c>
      <c r="AP28635">
        <v>65</v>
      </c>
      <c r="AQ28635">
        <v>65</v>
      </c>
    </row>
    <row r="28636" spans="1:43">
      <c r="A28636" t="s">
        <v>17723</v>
      </c>
      <c r="B28636" t="s">
        <v>17724</v>
      </c>
      <c r="C28636" t="s">
        <v>17725</v>
      </c>
      <c r="D28636" t="s">
        <v>17726</v>
      </c>
      <c r="E28636" t="s">
        <v>17663</v>
      </c>
      <c r="F28636" t="s">
        <v>17664</v>
      </c>
      <c r="G28636" t="s">
        <v>16559</v>
      </c>
      <c r="H28636" t="s">
        <v>16560</v>
      </c>
      <c r="I28636" s="2">
        <v>1</v>
      </c>
      <c r="J28636" s="2">
        <v>0</v>
      </c>
      <c r="K28636" s="2">
        <v>0</v>
      </c>
      <c r="L28636" t="s">
        <v>120</v>
      </c>
      <c r="M28636" t="s">
        <v>89</v>
      </c>
      <c r="N28636" t="s">
        <v>90</v>
      </c>
      <c r="O28636" t="s">
        <v>85</v>
      </c>
      <c r="P28636" t="s">
        <v>86</v>
      </c>
      <c r="Q28636">
        <v>56</v>
      </c>
      <c r="R28636">
        <v>57</v>
      </c>
      <c r="S28636">
        <v>59</v>
      </c>
      <c r="T28636">
        <v>60</v>
      </c>
      <c r="U28636">
        <v>61</v>
      </c>
      <c r="V28636">
        <v>62</v>
      </c>
      <c r="W28636">
        <v>64</v>
      </c>
      <c r="X28636">
        <v>65</v>
      </c>
      <c r="Y28636">
        <v>66</v>
      </c>
      <c r="Z28636">
        <v>67</v>
      </c>
      <c r="AA28636">
        <v>68</v>
      </c>
      <c r="AB28636">
        <v>69</v>
      </c>
      <c r="AC28636">
        <v>70</v>
      </c>
      <c r="AD28636">
        <v>71</v>
      </c>
      <c r="AE28636">
        <v>72</v>
      </c>
      <c r="AF28636">
        <v>72</v>
      </c>
      <c r="AG28636">
        <v>72</v>
      </c>
      <c r="AH28636">
        <v>73</v>
      </c>
      <c r="AI28636">
        <v>73</v>
      </c>
      <c r="AJ28636">
        <v>73</v>
      </c>
      <c r="AK28636">
        <v>73</v>
      </c>
      <c r="AL28636">
        <v>73</v>
      </c>
      <c r="AM28636">
        <v>74</v>
      </c>
      <c r="AN28636">
        <v>74</v>
      </c>
      <c r="AO28636">
        <v>74</v>
      </c>
      <c r="AP28636">
        <v>74</v>
      </c>
      <c r="AQ28636">
        <v>74</v>
      </c>
    </row>
    <row r="28637" spans="1:43">
      <c r="A28637" t="s">
        <v>17723</v>
      </c>
      <c r="B28637" t="s">
        <v>17724</v>
      </c>
      <c r="C28637" t="s">
        <v>17725</v>
      </c>
      <c r="D28637" t="s">
        <v>17726</v>
      </c>
      <c r="E28637" t="s">
        <v>17663</v>
      </c>
      <c r="F28637" t="s">
        <v>17664</v>
      </c>
      <c r="G28637" t="s">
        <v>16559</v>
      </c>
      <c r="H28637" t="s">
        <v>16560</v>
      </c>
      <c r="I28637" s="2">
        <v>1</v>
      </c>
      <c r="J28637" s="2">
        <v>0</v>
      </c>
      <c r="K28637" s="2">
        <v>0</v>
      </c>
      <c r="L28637" t="s">
        <v>120</v>
      </c>
      <c r="M28637" t="s">
        <v>83</v>
      </c>
      <c r="N28637" t="s">
        <v>91</v>
      </c>
      <c r="O28637" t="s">
        <v>85</v>
      </c>
      <c r="P28637" t="s">
        <v>86</v>
      </c>
      <c r="Q28637">
        <v>56</v>
      </c>
      <c r="R28637">
        <v>56</v>
      </c>
      <c r="S28637">
        <v>57</v>
      </c>
      <c r="T28637">
        <v>58</v>
      </c>
      <c r="U28637">
        <v>59</v>
      </c>
      <c r="V28637">
        <v>60</v>
      </c>
      <c r="W28637">
        <v>61</v>
      </c>
      <c r="X28637">
        <v>61</v>
      </c>
      <c r="Y28637">
        <v>62</v>
      </c>
      <c r="Z28637">
        <v>63</v>
      </c>
      <c r="AA28637">
        <v>64</v>
      </c>
      <c r="AB28637">
        <v>65</v>
      </c>
      <c r="AC28637">
        <v>65</v>
      </c>
      <c r="AD28637">
        <v>66</v>
      </c>
      <c r="AE28637">
        <v>67</v>
      </c>
      <c r="AF28637">
        <v>68</v>
      </c>
      <c r="AG28637">
        <v>69</v>
      </c>
      <c r="AH28637">
        <v>70</v>
      </c>
      <c r="AI28637">
        <v>71</v>
      </c>
      <c r="AJ28637">
        <v>71</v>
      </c>
      <c r="AK28637">
        <v>72</v>
      </c>
      <c r="AL28637">
        <v>73</v>
      </c>
      <c r="AM28637">
        <v>73</v>
      </c>
      <c r="AN28637">
        <v>73</v>
      </c>
      <c r="AO28637">
        <v>73</v>
      </c>
      <c r="AP28637">
        <v>74</v>
      </c>
      <c r="AQ28637">
        <v>74</v>
      </c>
    </row>
    <row r="28638" spans="1:43">
      <c r="A28638" t="s">
        <v>17727</v>
      </c>
      <c r="B28638" t="s">
        <v>17728</v>
      </c>
      <c r="C28638" t="s">
        <v>17725</v>
      </c>
      <c r="D28638" t="s">
        <v>17726</v>
      </c>
      <c r="E28638" t="s">
        <v>17663</v>
      </c>
      <c r="F28638" t="s">
        <v>17664</v>
      </c>
      <c r="G28638" t="s">
        <v>16559</v>
      </c>
      <c r="H28638" t="s">
        <v>16560</v>
      </c>
      <c r="I28638" s="2">
        <v>1</v>
      </c>
      <c r="J28638" s="2">
        <v>0</v>
      </c>
      <c r="K28638" s="2">
        <v>0</v>
      </c>
      <c r="L28638" t="s">
        <v>120</v>
      </c>
      <c r="M28638" t="s">
        <v>83</v>
      </c>
      <c r="N28638" t="s">
        <v>84</v>
      </c>
      <c r="O28638" t="s">
        <v>85</v>
      </c>
      <c r="P28638" t="s">
        <v>86</v>
      </c>
      <c r="Q28638">
        <v>53</v>
      </c>
      <c r="R28638">
        <v>54</v>
      </c>
      <c r="S28638">
        <v>55</v>
      </c>
      <c r="T28638">
        <v>55</v>
      </c>
      <c r="U28638">
        <v>56</v>
      </c>
      <c r="V28638">
        <v>57</v>
      </c>
      <c r="W28638">
        <v>58</v>
      </c>
      <c r="X28638">
        <v>59</v>
      </c>
      <c r="Y28638">
        <v>59</v>
      </c>
      <c r="Z28638">
        <v>60</v>
      </c>
      <c r="AA28638">
        <v>61</v>
      </c>
      <c r="AB28638">
        <v>62</v>
      </c>
      <c r="AC28638">
        <v>62</v>
      </c>
      <c r="AD28638">
        <v>63</v>
      </c>
      <c r="AE28638">
        <v>64</v>
      </c>
      <c r="AF28638">
        <v>65</v>
      </c>
      <c r="AG28638">
        <v>66</v>
      </c>
      <c r="AH28638">
        <v>66</v>
      </c>
      <c r="AI28638">
        <v>67</v>
      </c>
      <c r="AJ28638">
        <v>68</v>
      </c>
      <c r="AK28638">
        <v>69</v>
      </c>
      <c r="AL28638">
        <v>69</v>
      </c>
      <c r="AM28638">
        <v>70</v>
      </c>
      <c r="AN28638">
        <v>70</v>
      </c>
      <c r="AO28638">
        <v>70</v>
      </c>
      <c r="AP28638">
        <v>70</v>
      </c>
      <c r="AQ28638">
        <v>70</v>
      </c>
    </row>
    <row r="28639" spans="1:43">
      <c r="A28639" t="s">
        <v>17727</v>
      </c>
      <c r="B28639" t="s">
        <v>17728</v>
      </c>
      <c r="C28639" t="s">
        <v>17725</v>
      </c>
      <c r="D28639" t="s">
        <v>17726</v>
      </c>
      <c r="E28639" t="s">
        <v>17663</v>
      </c>
      <c r="F28639" t="s">
        <v>17664</v>
      </c>
      <c r="G28639" t="s">
        <v>16559</v>
      </c>
      <c r="H28639" t="s">
        <v>16560</v>
      </c>
      <c r="I28639" s="2">
        <v>1</v>
      </c>
      <c r="J28639" s="2">
        <v>0</v>
      </c>
      <c r="K28639" s="2">
        <v>0</v>
      </c>
      <c r="L28639" t="s">
        <v>120</v>
      </c>
      <c r="M28639" t="s">
        <v>87</v>
      </c>
      <c r="N28639" t="s">
        <v>88</v>
      </c>
      <c r="O28639" t="s">
        <v>85</v>
      </c>
      <c r="P28639" t="s">
        <v>86</v>
      </c>
      <c r="Q28639">
        <v>53</v>
      </c>
      <c r="R28639">
        <v>53</v>
      </c>
      <c r="S28639">
        <v>53</v>
      </c>
      <c r="T28639">
        <v>53</v>
      </c>
      <c r="U28639">
        <v>54</v>
      </c>
      <c r="V28639">
        <v>54</v>
      </c>
      <c r="W28639">
        <v>54</v>
      </c>
      <c r="X28639">
        <v>55</v>
      </c>
      <c r="Y28639">
        <v>55</v>
      </c>
      <c r="Z28639">
        <v>55</v>
      </c>
      <c r="AA28639">
        <v>56</v>
      </c>
      <c r="AB28639">
        <v>56</v>
      </c>
      <c r="AC28639">
        <v>56</v>
      </c>
      <c r="AD28639">
        <v>57</v>
      </c>
      <c r="AE28639">
        <v>57</v>
      </c>
      <c r="AF28639">
        <v>57</v>
      </c>
      <c r="AG28639">
        <v>58</v>
      </c>
      <c r="AH28639">
        <v>58</v>
      </c>
      <c r="AI28639">
        <v>58</v>
      </c>
      <c r="AJ28639">
        <v>59</v>
      </c>
      <c r="AK28639">
        <v>59</v>
      </c>
      <c r="AL28639">
        <v>59</v>
      </c>
      <c r="AM28639">
        <v>60</v>
      </c>
      <c r="AN28639">
        <v>60</v>
      </c>
      <c r="AO28639">
        <v>60</v>
      </c>
      <c r="AP28639">
        <v>61</v>
      </c>
      <c r="AQ28639">
        <v>61</v>
      </c>
    </row>
    <row r="28640" spans="1:43">
      <c r="A28640" t="s">
        <v>17727</v>
      </c>
      <c r="B28640" t="s">
        <v>17728</v>
      </c>
      <c r="C28640" t="s">
        <v>17725</v>
      </c>
      <c r="D28640" t="s">
        <v>17726</v>
      </c>
      <c r="E28640" t="s">
        <v>17663</v>
      </c>
      <c r="F28640" t="s">
        <v>17664</v>
      </c>
      <c r="G28640" t="s">
        <v>16559</v>
      </c>
      <c r="H28640" t="s">
        <v>16560</v>
      </c>
      <c r="I28640" s="2">
        <v>1</v>
      </c>
      <c r="J28640" s="2">
        <v>0</v>
      </c>
      <c r="K28640" s="2">
        <v>0</v>
      </c>
      <c r="L28640" t="s">
        <v>120</v>
      </c>
      <c r="M28640" t="s">
        <v>89</v>
      </c>
      <c r="N28640" t="s">
        <v>90</v>
      </c>
      <c r="O28640" t="s">
        <v>85</v>
      </c>
      <c r="P28640" t="s">
        <v>86</v>
      </c>
      <c r="Q28640">
        <v>53</v>
      </c>
      <c r="R28640">
        <v>55</v>
      </c>
      <c r="S28640">
        <v>56</v>
      </c>
      <c r="T28640">
        <v>57</v>
      </c>
      <c r="U28640">
        <v>58</v>
      </c>
      <c r="V28640">
        <v>60</v>
      </c>
      <c r="W28640">
        <v>61</v>
      </c>
      <c r="X28640">
        <v>62</v>
      </c>
      <c r="Y28640">
        <v>63</v>
      </c>
      <c r="Z28640">
        <v>64</v>
      </c>
      <c r="AA28640">
        <v>65</v>
      </c>
      <c r="AB28640">
        <v>66</v>
      </c>
      <c r="AC28640">
        <v>67</v>
      </c>
      <c r="AD28640">
        <v>68</v>
      </c>
      <c r="AE28640">
        <v>69</v>
      </c>
      <c r="AF28640">
        <v>69</v>
      </c>
      <c r="AG28640">
        <v>69</v>
      </c>
      <c r="AH28640">
        <v>69</v>
      </c>
      <c r="AI28640">
        <v>69</v>
      </c>
      <c r="AJ28640">
        <v>70</v>
      </c>
      <c r="AK28640">
        <v>70</v>
      </c>
      <c r="AL28640">
        <v>70</v>
      </c>
      <c r="AM28640">
        <v>70</v>
      </c>
      <c r="AN28640">
        <v>70</v>
      </c>
      <c r="AO28640">
        <v>71</v>
      </c>
      <c r="AP28640">
        <v>71</v>
      </c>
      <c r="AQ28640">
        <v>71</v>
      </c>
    </row>
    <row r="28641" spans="1:43">
      <c r="A28641" t="s">
        <v>17727</v>
      </c>
      <c r="B28641" t="s">
        <v>17728</v>
      </c>
      <c r="C28641" t="s">
        <v>17725</v>
      </c>
      <c r="D28641" t="s">
        <v>17726</v>
      </c>
      <c r="E28641" t="s">
        <v>17663</v>
      </c>
      <c r="F28641" t="s">
        <v>17664</v>
      </c>
      <c r="G28641" t="s">
        <v>16559</v>
      </c>
      <c r="H28641" t="s">
        <v>16560</v>
      </c>
      <c r="I28641" s="2">
        <v>1</v>
      </c>
      <c r="J28641" s="2">
        <v>0</v>
      </c>
      <c r="K28641" s="2">
        <v>0</v>
      </c>
      <c r="L28641" t="s">
        <v>120</v>
      </c>
      <c r="M28641" t="s">
        <v>83</v>
      </c>
      <c r="N28641" t="s">
        <v>91</v>
      </c>
      <c r="O28641" t="s">
        <v>85</v>
      </c>
      <c r="P28641" t="s">
        <v>86</v>
      </c>
      <c r="Q28641">
        <v>53</v>
      </c>
      <c r="R28641">
        <v>54</v>
      </c>
      <c r="S28641">
        <v>55</v>
      </c>
      <c r="T28641">
        <v>55</v>
      </c>
      <c r="U28641">
        <v>56</v>
      </c>
      <c r="V28641">
        <v>57</v>
      </c>
      <c r="W28641">
        <v>58</v>
      </c>
      <c r="X28641">
        <v>59</v>
      </c>
      <c r="Y28641">
        <v>59</v>
      </c>
      <c r="Z28641">
        <v>60</v>
      </c>
      <c r="AA28641">
        <v>61</v>
      </c>
      <c r="AB28641">
        <v>62</v>
      </c>
      <c r="AC28641">
        <v>62</v>
      </c>
      <c r="AD28641">
        <v>63</v>
      </c>
      <c r="AE28641">
        <v>64</v>
      </c>
      <c r="AF28641">
        <v>65</v>
      </c>
      <c r="AG28641">
        <v>66</v>
      </c>
      <c r="AH28641">
        <v>66</v>
      </c>
      <c r="AI28641">
        <v>67</v>
      </c>
      <c r="AJ28641">
        <v>68</v>
      </c>
      <c r="AK28641">
        <v>69</v>
      </c>
      <c r="AL28641">
        <v>69</v>
      </c>
      <c r="AM28641">
        <v>70</v>
      </c>
      <c r="AN28641">
        <v>70</v>
      </c>
      <c r="AO28641">
        <v>70</v>
      </c>
      <c r="AP28641">
        <v>70</v>
      </c>
      <c r="AQ28641">
        <v>70</v>
      </c>
    </row>
    <row r="28642" spans="1:43">
      <c r="A28642" t="s">
        <v>17729</v>
      </c>
      <c r="B28642" t="s">
        <v>17730</v>
      </c>
      <c r="C28642" t="s">
        <v>17725</v>
      </c>
      <c r="D28642" t="s">
        <v>17726</v>
      </c>
      <c r="E28642" t="s">
        <v>17663</v>
      </c>
      <c r="F28642" t="s">
        <v>17664</v>
      </c>
      <c r="G28642" t="s">
        <v>16559</v>
      </c>
      <c r="H28642" t="s">
        <v>16560</v>
      </c>
      <c r="I28642" s="2">
        <v>1</v>
      </c>
      <c r="J28642" s="2">
        <v>0</v>
      </c>
      <c r="K28642" s="2">
        <v>0</v>
      </c>
      <c r="L28642" t="s">
        <v>120</v>
      </c>
      <c r="M28642" t="s">
        <v>83</v>
      </c>
      <c r="N28642" t="s">
        <v>84</v>
      </c>
      <c r="O28642" t="s">
        <v>85</v>
      </c>
      <c r="P28642" t="s">
        <v>86</v>
      </c>
      <c r="Q28642">
        <v>20</v>
      </c>
      <c r="R28642">
        <v>20</v>
      </c>
      <c r="S28642">
        <v>20</v>
      </c>
      <c r="T28642">
        <v>21</v>
      </c>
      <c r="U28642">
        <v>21</v>
      </c>
      <c r="V28642">
        <v>21</v>
      </c>
      <c r="W28642">
        <v>21</v>
      </c>
      <c r="X28642">
        <v>22</v>
      </c>
      <c r="Y28642">
        <v>22</v>
      </c>
      <c r="Z28642">
        <v>22</v>
      </c>
      <c r="AA28642">
        <v>23</v>
      </c>
      <c r="AB28642">
        <v>23</v>
      </c>
      <c r="AC28642">
        <v>23</v>
      </c>
      <c r="AD28642">
        <v>23</v>
      </c>
      <c r="AE28642">
        <v>24</v>
      </c>
      <c r="AF28642">
        <v>24</v>
      </c>
      <c r="AG28642">
        <v>24</v>
      </c>
      <c r="AH28642">
        <v>25</v>
      </c>
      <c r="AI28642">
        <v>25</v>
      </c>
      <c r="AJ28642">
        <v>25</v>
      </c>
      <c r="AK28642">
        <v>26</v>
      </c>
      <c r="AL28642">
        <v>26</v>
      </c>
      <c r="AM28642">
        <v>26</v>
      </c>
      <c r="AN28642">
        <v>26</v>
      </c>
      <c r="AO28642">
        <v>26</v>
      </c>
      <c r="AP28642">
        <v>26</v>
      </c>
      <c r="AQ28642">
        <v>26</v>
      </c>
    </row>
    <row r="28643" spans="1:43">
      <c r="A28643" t="s">
        <v>17729</v>
      </c>
      <c r="B28643" t="s">
        <v>17730</v>
      </c>
      <c r="C28643" t="s">
        <v>17725</v>
      </c>
      <c r="D28643" t="s">
        <v>17726</v>
      </c>
      <c r="E28643" t="s">
        <v>17663</v>
      </c>
      <c r="F28643" t="s">
        <v>17664</v>
      </c>
      <c r="G28643" t="s">
        <v>16559</v>
      </c>
      <c r="H28643" t="s">
        <v>16560</v>
      </c>
      <c r="I28643" s="2">
        <v>1</v>
      </c>
      <c r="J28643" s="2">
        <v>0</v>
      </c>
      <c r="K28643" s="2">
        <v>0</v>
      </c>
      <c r="L28643" t="s">
        <v>120</v>
      </c>
      <c r="M28643" t="s">
        <v>87</v>
      </c>
      <c r="N28643" t="s">
        <v>88</v>
      </c>
      <c r="O28643" t="s">
        <v>85</v>
      </c>
      <c r="P28643" t="s">
        <v>86</v>
      </c>
      <c r="Q28643">
        <v>20</v>
      </c>
      <c r="R28643">
        <v>21</v>
      </c>
      <c r="S28643">
        <v>21</v>
      </c>
      <c r="T28643">
        <v>21</v>
      </c>
      <c r="U28643">
        <v>21</v>
      </c>
      <c r="V28643">
        <v>21</v>
      </c>
      <c r="W28643">
        <v>21</v>
      </c>
      <c r="X28643">
        <v>21</v>
      </c>
      <c r="Y28643">
        <v>21</v>
      </c>
      <c r="Z28643">
        <v>21</v>
      </c>
      <c r="AA28643">
        <v>22</v>
      </c>
      <c r="AB28643">
        <v>22</v>
      </c>
      <c r="AC28643">
        <v>22</v>
      </c>
      <c r="AD28643">
        <v>22</v>
      </c>
      <c r="AE28643">
        <v>22</v>
      </c>
      <c r="AF28643">
        <v>22</v>
      </c>
      <c r="AG28643">
        <v>22</v>
      </c>
      <c r="AH28643">
        <v>22</v>
      </c>
      <c r="AI28643">
        <v>23</v>
      </c>
      <c r="AJ28643">
        <v>23</v>
      </c>
      <c r="AK28643">
        <v>23</v>
      </c>
      <c r="AL28643">
        <v>23</v>
      </c>
      <c r="AM28643">
        <v>23</v>
      </c>
      <c r="AN28643">
        <v>23</v>
      </c>
      <c r="AO28643">
        <v>23</v>
      </c>
      <c r="AP28643">
        <v>24</v>
      </c>
      <c r="AQ28643">
        <v>24</v>
      </c>
    </row>
    <row r="28644" spans="1:43">
      <c r="A28644" t="s">
        <v>17729</v>
      </c>
      <c r="B28644" t="s">
        <v>17730</v>
      </c>
      <c r="C28644" t="s">
        <v>17725</v>
      </c>
      <c r="D28644" t="s">
        <v>17726</v>
      </c>
      <c r="E28644" t="s">
        <v>17663</v>
      </c>
      <c r="F28644" t="s">
        <v>17664</v>
      </c>
      <c r="G28644" t="s">
        <v>16559</v>
      </c>
      <c r="H28644" t="s">
        <v>16560</v>
      </c>
      <c r="I28644" s="2">
        <v>1</v>
      </c>
      <c r="J28644" s="2">
        <v>0</v>
      </c>
      <c r="K28644" s="2">
        <v>0</v>
      </c>
      <c r="L28644" t="s">
        <v>120</v>
      </c>
      <c r="M28644" t="s">
        <v>89</v>
      </c>
      <c r="N28644" t="s">
        <v>90</v>
      </c>
      <c r="O28644" t="s">
        <v>85</v>
      </c>
      <c r="P28644" t="s">
        <v>86</v>
      </c>
      <c r="Q28644">
        <v>20</v>
      </c>
      <c r="R28644">
        <v>20</v>
      </c>
      <c r="S28644">
        <v>21</v>
      </c>
      <c r="T28644">
        <v>21</v>
      </c>
      <c r="U28644">
        <v>22</v>
      </c>
      <c r="V28644">
        <v>22</v>
      </c>
      <c r="W28644">
        <v>22</v>
      </c>
      <c r="X28644">
        <v>23</v>
      </c>
      <c r="Y28644">
        <v>23</v>
      </c>
      <c r="Z28644">
        <v>24</v>
      </c>
      <c r="AA28644">
        <v>24</v>
      </c>
      <c r="AB28644">
        <v>24</v>
      </c>
      <c r="AC28644">
        <v>25</v>
      </c>
      <c r="AD28644">
        <v>25</v>
      </c>
      <c r="AE28644">
        <v>25</v>
      </c>
      <c r="AF28644">
        <v>25</v>
      </c>
      <c r="AG28644">
        <v>26</v>
      </c>
      <c r="AH28644">
        <v>26</v>
      </c>
      <c r="AI28644">
        <v>26</v>
      </c>
      <c r="AJ28644">
        <v>26</v>
      </c>
      <c r="AK28644">
        <v>26</v>
      </c>
      <c r="AL28644">
        <v>26</v>
      </c>
      <c r="AM28644">
        <v>26</v>
      </c>
      <c r="AN28644">
        <v>26</v>
      </c>
      <c r="AO28644">
        <v>26</v>
      </c>
      <c r="AP28644">
        <v>26</v>
      </c>
      <c r="AQ28644">
        <v>26</v>
      </c>
    </row>
    <row r="28645" spans="1:43">
      <c r="A28645" t="s">
        <v>17729</v>
      </c>
      <c r="B28645" t="s">
        <v>17730</v>
      </c>
      <c r="C28645" t="s">
        <v>17725</v>
      </c>
      <c r="D28645" t="s">
        <v>17726</v>
      </c>
      <c r="E28645" t="s">
        <v>17663</v>
      </c>
      <c r="F28645" t="s">
        <v>17664</v>
      </c>
      <c r="G28645" t="s">
        <v>16559</v>
      </c>
      <c r="H28645" t="s">
        <v>16560</v>
      </c>
      <c r="I28645" s="2">
        <v>1</v>
      </c>
      <c r="J28645" s="2">
        <v>0</v>
      </c>
      <c r="K28645" s="2">
        <v>0</v>
      </c>
      <c r="L28645" t="s">
        <v>120</v>
      </c>
      <c r="M28645" t="s">
        <v>83</v>
      </c>
      <c r="N28645" t="s">
        <v>91</v>
      </c>
      <c r="O28645" t="s">
        <v>85</v>
      </c>
      <c r="P28645" t="s">
        <v>86</v>
      </c>
      <c r="Q28645">
        <v>20</v>
      </c>
      <c r="R28645">
        <v>20</v>
      </c>
      <c r="S28645">
        <v>20</v>
      </c>
      <c r="T28645">
        <v>21</v>
      </c>
      <c r="U28645">
        <v>21</v>
      </c>
      <c r="V28645">
        <v>21</v>
      </c>
      <c r="W28645">
        <v>21</v>
      </c>
      <c r="X28645">
        <v>22</v>
      </c>
      <c r="Y28645">
        <v>22</v>
      </c>
      <c r="Z28645">
        <v>22</v>
      </c>
      <c r="AA28645">
        <v>23</v>
      </c>
      <c r="AB28645">
        <v>23</v>
      </c>
      <c r="AC28645">
        <v>23</v>
      </c>
      <c r="AD28645">
        <v>23</v>
      </c>
      <c r="AE28645">
        <v>24</v>
      </c>
      <c r="AF28645">
        <v>24</v>
      </c>
      <c r="AG28645">
        <v>24</v>
      </c>
      <c r="AH28645">
        <v>25</v>
      </c>
      <c r="AI28645">
        <v>25</v>
      </c>
      <c r="AJ28645">
        <v>25</v>
      </c>
      <c r="AK28645">
        <v>26</v>
      </c>
      <c r="AL28645">
        <v>26</v>
      </c>
      <c r="AM28645">
        <v>26</v>
      </c>
      <c r="AN28645">
        <v>26</v>
      </c>
      <c r="AO28645">
        <v>26</v>
      </c>
      <c r="AP28645">
        <v>26</v>
      </c>
      <c r="AQ28645">
        <v>26</v>
      </c>
    </row>
    <row r="28646" spans="1:43">
      <c r="A28646" t="s">
        <v>17731</v>
      </c>
      <c r="B28646" t="s">
        <v>17732</v>
      </c>
      <c r="C28646" t="s">
        <v>17721</v>
      </c>
      <c r="D28646" t="s">
        <v>17722</v>
      </c>
      <c r="E28646" t="s">
        <v>17663</v>
      </c>
      <c r="F28646" t="s">
        <v>17664</v>
      </c>
      <c r="G28646" t="s">
        <v>16559</v>
      </c>
      <c r="H28646" t="s">
        <v>16560</v>
      </c>
      <c r="I28646" s="2">
        <v>1</v>
      </c>
      <c r="J28646" s="2">
        <v>0</v>
      </c>
      <c r="K28646" s="2">
        <v>0</v>
      </c>
      <c r="L28646" t="s">
        <v>120</v>
      </c>
      <c r="M28646" t="s">
        <v>83</v>
      </c>
      <c r="N28646" t="s">
        <v>84</v>
      </c>
      <c r="O28646" t="s">
        <v>85</v>
      </c>
      <c r="P28646" t="s">
        <v>86</v>
      </c>
      <c r="Q28646">
        <v>38</v>
      </c>
      <c r="R28646">
        <v>39</v>
      </c>
      <c r="S28646">
        <v>39</v>
      </c>
      <c r="T28646">
        <v>40</v>
      </c>
      <c r="U28646">
        <v>41</v>
      </c>
      <c r="V28646">
        <v>41</v>
      </c>
      <c r="W28646">
        <v>42</v>
      </c>
      <c r="X28646">
        <v>42</v>
      </c>
      <c r="Y28646">
        <v>43</v>
      </c>
      <c r="Z28646">
        <v>43</v>
      </c>
      <c r="AA28646">
        <v>44</v>
      </c>
      <c r="AB28646">
        <v>45</v>
      </c>
      <c r="AC28646">
        <v>45</v>
      </c>
      <c r="AD28646">
        <v>46</v>
      </c>
      <c r="AE28646">
        <v>46</v>
      </c>
      <c r="AF28646">
        <v>47</v>
      </c>
      <c r="AG28646">
        <v>47</v>
      </c>
      <c r="AH28646">
        <v>48</v>
      </c>
      <c r="AI28646">
        <v>49</v>
      </c>
      <c r="AJ28646">
        <v>49</v>
      </c>
      <c r="AK28646">
        <v>50</v>
      </c>
      <c r="AL28646">
        <v>50</v>
      </c>
      <c r="AM28646">
        <v>50</v>
      </c>
      <c r="AN28646">
        <v>50</v>
      </c>
      <c r="AO28646">
        <v>50</v>
      </c>
      <c r="AP28646">
        <v>51</v>
      </c>
      <c r="AQ28646">
        <v>51</v>
      </c>
    </row>
    <row r="28647" spans="1:43">
      <c r="A28647" t="s">
        <v>17731</v>
      </c>
      <c r="B28647" t="s">
        <v>17732</v>
      </c>
      <c r="C28647" t="s">
        <v>17721</v>
      </c>
      <c r="D28647" t="s">
        <v>17722</v>
      </c>
      <c r="E28647" t="s">
        <v>17663</v>
      </c>
      <c r="F28647" t="s">
        <v>17664</v>
      </c>
      <c r="G28647" t="s">
        <v>16559</v>
      </c>
      <c r="H28647" t="s">
        <v>16560</v>
      </c>
      <c r="I28647" s="2">
        <v>1</v>
      </c>
      <c r="J28647" s="2">
        <v>0</v>
      </c>
      <c r="K28647" s="2">
        <v>0</v>
      </c>
      <c r="L28647" t="s">
        <v>120</v>
      </c>
      <c r="M28647" t="s">
        <v>87</v>
      </c>
      <c r="N28647" t="s">
        <v>88</v>
      </c>
      <c r="O28647" t="s">
        <v>85</v>
      </c>
      <c r="P28647" t="s">
        <v>86</v>
      </c>
      <c r="Q28647">
        <v>38</v>
      </c>
      <c r="R28647">
        <v>38</v>
      </c>
      <c r="S28647">
        <v>38</v>
      </c>
      <c r="T28647">
        <v>39</v>
      </c>
      <c r="U28647">
        <v>39</v>
      </c>
      <c r="V28647">
        <v>39</v>
      </c>
      <c r="W28647">
        <v>39</v>
      </c>
      <c r="X28647">
        <v>39</v>
      </c>
      <c r="Y28647">
        <v>40</v>
      </c>
      <c r="Z28647">
        <v>40</v>
      </c>
      <c r="AA28647">
        <v>40</v>
      </c>
      <c r="AB28647">
        <v>40</v>
      </c>
      <c r="AC28647">
        <v>41</v>
      </c>
      <c r="AD28647">
        <v>41</v>
      </c>
      <c r="AE28647">
        <v>41</v>
      </c>
      <c r="AF28647">
        <v>41</v>
      </c>
      <c r="AG28647">
        <v>42</v>
      </c>
      <c r="AH28647">
        <v>42</v>
      </c>
      <c r="AI28647">
        <v>42</v>
      </c>
      <c r="AJ28647">
        <v>42</v>
      </c>
      <c r="AK28647">
        <v>43</v>
      </c>
      <c r="AL28647">
        <v>43</v>
      </c>
      <c r="AM28647">
        <v>43</v>
      </c>
      <c r="AN28647">
        <v>43</v>
      </c>
      <c r="AO28647">
        <v>44</v>
      </c>
      <c r="AP28647">
        <v>44</v>
      </c>
      <c r="AQ28647">
        <v>44</v>
      </c>
    </row>
    <row r="28648" spans="1:43">
      <c r="A28648" t="s">
        <v>17731</v>
      </c>
      <c r="B28648" t="s">
        <v>17732</v>
      </c>
      <c r="C28648" t="s">
        <v>17721</v>
      </c>
      <c r="D28648" t="s">
        <v>17722</v>
      </c>
      <c r="E28648" t="s">
        <v>17663</v>
      </c>
      <c r="F28648" t="s">
        <v>17664</v>
      </c>
      <c r="G28648" t="s">
        <v>16559</v>
      </c>
      <c r="H28648" t="s">
        <v>16560</v>
      </c>
      <c r="I28648" s="2">
        <v>1</v>
      </c>
      <c r="J28648" s="2">
        <v>0</v>
      </c>
      <c r="K28648" s="2">
        <v>0</v>
      </c>
      <c r="L28648" t="s">
        <v>120</v>
      </c>
      <c r="M28648" t="s">
        <v>89</v>
      </c>
      <c r="N28648" t="s">
        <v>90</v>
      </c>
      <c r="O28648" t="s">
        <v>85</v>
      </c>
      <c r="P28648" t="s">
        <v>86</v>
      </c>
      <c r="Q28648">
        <v>38</v>
      </c>
      <c r="R28648">
        <v>39</v>
      </c>
      <c r="S28648">
        <v>39</v>
      </c>
      <c r="T28648">
        <v>40</v>
      </c>
      <c r="U28648">
        <v>41</v>
      </c>
      <c r="V28648">
        <v>42</v>
      </c>
      <c r="W28648">
        <v>43</v>
      </c>
      <c r="X28648">
        <v>44</v>
      </c>
      <c r="Y28648">
        <v>44</v>
      </c>
      <c r="Z28648">
        <v>45</v>
      </c>
      <c r="AA28648">
        <v>46</v>
      </c>
      <c r="AB28648">
        <v>46</v>
      </c>
      <c r="AC28648">
        <v>47</v>
      </c>
      <c r="AD28648">
        <v>48</v>
      </c>
      <c r="AE28648">
        <v>49</v>
      </c>
      <c r="AF28648">
        <v>49</v>
      </c>
      <c r="AG28648">
        <v>49</v>
      </c>
      <c r="AH28648">
        <v>49</v>
      </c>
      <c r="AI28648">
        <v>49</v>
      </c>
      <c r="AJ28648">
        <v>49</v>
      </c>
      <c r="AK28648">
        <v>49</v>
      </c>
      <c r="AL28648">
        <v>49</v>
      </c>
      <c r="AM28648">
        <v>50</v>
      </c>
      <c r="AN28648">
        <v>50</v>
      </c>
      <c r="AO28648">
        <v>50</v>
      </c>
      <c r="AP28648">
        <v>50</v>
      </c>
      <c r="AQ28648">
        <v>50</v>
      </c>
    </row>
    <row r="28649" spans="1:43">
      <c r="A28649" t="s">
        <v>17731</v>
      </c>
      <c r="B28649" t="s">
        <v>17732</v>
      </c>
      <c r="C28649" t="s">
        <v>17721</v>
      </c>
      <c r="D28649" t="s">
        <v>17722</v>
      </c>
      <c r="E28649" t="s">
        <v>17663</v>
      </c>
      <c r="F28649" t="s">
        <v>17664</v>
      </c>
      <c r="G28649" t="s">
        <v>16559</v>
      </c>
      <c r="H28649" t="s">
        <v>16560</v>
      </c>
      <c r="I28649" s="2">
        <v>1</v>
      </c>
      <c r="J28649" s="2">
        <v>0</v>
      </c>
      <c r="K28649" s="2">
        <v>0</v>
      </c>
      <c r="L28649" t="s">
        <v>120</v>
      </c>
      <c r="M28649" t="s">
        <v>83</v>
      </c>
      <c r="N28649" t="s">
        <v>91</v>
      </c>
      <c r="O28649" t="s">
        <v>85</v>
      </c>
      <c r="P28649" t="s">
        <v>86</v>
      </c>
      <c r="Q28649">
        <v>38</v>
      </c>
      <c r="R28649">
        <v>39</v>
      </c>
      <c r="S28649">
        <v>39</v>
      </c>
      <c r="T28649">
        <v>40</v>
      </c>
      <c r="U28649">
        <v>41</v>
      </c>
      <c r="V28649">
        <v>41</v>
      </c>
      <c r="W28649">
        <v>42</v>
      </c>
      <c r="X28649">
        <v>42</v>
      </c>
      <c r="Y28649">
        <v>43</v>
      </c>
      <c r="Z28649">
        <v>43</v>
      </c>
      <c r="AA28649">
        <v>44</v>
      </c>
      <c r="AB28649">
        <v>45</v>
      </c>
      <c r="AC28649">
        <v>45</v>
      </c>
      <c r="AD28649">
        <v>46</v>
      </c>
      <c r="AE28649">
        <v>46</v>
      </c>
      <c r="AF28649">
        <v>47</v>
      </c>
      <c r="AG28649">
        <v>47</v>
      </c>
      <c r="AH28649">
        <v>48</v>
      </c>
      <c r="AI28649">
        <v>49</v>
      </c>
      <c r="AJ28649">
        <v>49</v>
      </c>
      <c r="AK28649">
        <v>50</v>
      </c>
      <c r="AL28649">
        <v>50</v>
      </c>
      <c r="AM28649">
        <v>50</v>
      </c>
      <c r="AN28649">
        <v>50</v>
      </c>
      <c r="AO28649">
        <v>50</v>
      </c>
      <c r="AP28649">
        <v>51</v>
      </c>
      <c r="AQ28649">
        <v>51</v>
      </c>
    </row>
    <row r="28650" spans="1:43">
      <c r="A28650" t="s">
        <v>17733</v>
      </c>
      <c r="B28650" t="s">
        <v>17734</v>
      </c>
      <c r="C28650" t="s">
        <v>17721</v>
      </c>
      <c r="D28650" t="s">
        <v>17722</v>
      </c>
      <c r="E28650" t="s">
        <v>17663</v>
      </c>
      <c r="F28650" t="s">
        <v>17664</v>
      </c>
      <c r="G28650" t="s">
        <v>16559</v>
      </c>
      <c r="H28650" t="s">
        <v>16560</v>
      </c>
      <c r="I28650" s="2">
        <v>1</v>
      </c>
      <c r="J28650" s="2">
        <v>0</v>
      </c>
      <c r="K28650" s="2">
        <v>0</v>
      </c>
      <c r="L28650" t="s">
        <v>120</v>
      </c>
      <c r="M28650" t="s">
        <v>83</v>
      </c>
      <c r="N28650" t="s">
        <v>84</v>
      </c>
      <c r="O28650" t="s">
        <v>85</v>
      </c>
      <c r="P28650" t="s">
        <v>86</v>
      </c>
      <c r="Q28650">
        <v>19</v>
      </c>
      <c r="R28650">
        <v>19</v>
      </c>
      <c r="S28650">
        <v>19</v>
      </c>
      <c r="T28650">
        <v>20</v>
      </c>
      <c r="U28650">
        <v>20</v>
      </c>
      <c r="V28650">
        <v>20</v>
      </c>
      <c r="W28650">
        <v>20</v>
      </c>
      <c r="X28650">
        <v>21</v>
      </c>
      <c r="Y28650">
        <v>21</v>
      </c>
      <c r="Z28650">
        <v>21</v>
      </c>
      <c r="AA28650">
        <v>22</v>
      </c>
      <c r="AB28650">
        <v>22</v>
      </c>
      <c r="AC28650">
        <v>22</v>
      </c>
      <c r="AD28650">
        <v>22</v>
      </c>
      <c r="AE28650">
        <v>23</v>
      </c>
      <c r="AF28650">
        <v>23</v>
      </c>
      <c r="AG28650">
        <v>23</v>
      </c>
      <c r="AH28650">
        <v>23</v>
      </c>
      <c r="AI28650">
        <v>24</v>
      </c>
      <c r="AJ28650">
        <v>24</v>
      </c>
      <c r="AK28650">
        <v>24</v>
      </c>
      <c r="AL28650">
        <v>24</v>
      </c>
      <c r="AM28650">
        <v>25</v>
      </c>
      <c r="AN28650">
        <v>25</v>
      </c>
      <c r="AO28650">
        <v>25</v>
      </c>
      <c r="AP28650">
        <v>25</v>
      </c>
      <c r="AQ28650">
        <v>25</v>
      </c>
    </row>
    <row r="28651" spans="1:43">
      <c r="A28651" t="s">
        <v>17733</v>
      </c>
      <c r="B28651" t="s">
        <v>17734</v>
      </c>
      <c r="C28651" t="s">
        <v>17721</v>
      </c>
      <c r="D28651" t="s">
        <v>17722</v>
      </c>
      <c r="E28651" t="s">
        <v>17663</v>
      </c>
      <c r="F28651" t="s">
        <v>17664</v>
      </c>
      <c r="G28651" t="s">
        <v>16559</v>
      </c>
      <c r="H28651" t="s">
        <v>16560</v>
      </c>
      <c r="I28651" s="2">
        <v>1</v>
      </c>
      <c r="J28651" s="2">
        <v>0</v>
      </c>
      <c r="K28651" s="2">
        <v>0</v>
      </c>
      <c r="L28651" t="s">
        <v>120</v>
      </c>
      <c r="M28651" t="s">
        <v>87</v>
      </c>
      <c r="N28651" t="s">
        <v>88</v>
      </c>
      <c r="O28651" t="s">
        <v>85</v>
      </c>
      <c r="P28651" t="s">
        <v>86</v>
      </c>
      <c r="Q28651">
        <v>19</v>
      </c>
      <c r="R28651">
        <v>19</v>
      </c>
      <c r="S28651">
        <v>19</v>
      </c>
      <c r="T28651">
        <v>19</v>
      </c>
      <c r="U28651">
        <v>19</v>
      </c>
      <c r="V28651">
        <v>19</v>
      </c>
      <c r="W28651">
        <v>19</v>
      </c>
      <c r="X28651">
        <v>19</v>
      </c>
      <c r="Y28651">
        <v>19</v>
      </c>
      <c r="Z28651">
        <v>20</v>
      </c>
      <c r="AA28651">
        <v>20</v>
      </c>
      <c r="AB28651">
        <v>20</v>
      </c>
      <c r="AC28651">
        <v>20</v>
      </c>
      <c r="AD28651">
        <v>20</v>
      </c>
      <c r="AE28651">
        <v>20</v>
      </c>
      <c r="AF28651">
        <v>20</v>
      </c>
      <c r="AG28651">
        <v>20</v>
      </c>
      <c r="AH28651">
        <v>20</v>
      </c>
      <c r="AI28651">
        <v>21</v>
      </c>
      <c r="AJ28651">
        <v>21</v>
      </c>
      <c r="AK28651">
        <v>21</v>
      </c>
      <c r="AL28651">
        <v>21</v>
      </c>
      <c r="AM28651">
        <v>21</v>
      </c>
      <c r="AN28651">
        <v>21</v>
      </c>
      <c r="AO28651">
        <v>21</v>
      </c>
      <c r="AP28651">
        <v>22</v>
      </c>
      <c r="AQ28651">
        <v>22</v>
      </c>
    </row>
    <row r="28652" spans="1:43">
      <c r="A28652" t="s">
        <v>17733</v>
      </c>
      <c r="B28652" t="s">
        <v>17734</v>
      </c>
      <c r="C28652" t="s">
        <v>17721</v>
      </c>
      <c r="D28652" t="s">
        <v>17722</v>
      </c>
      <c r="E28652" t="s">
        <v>17663</v>
      </c>
      <c r="F28652" t="s">
        <v>17664</v>
      </c>
      <c r="G28652" t="s">
        <v>16559</v>
      </c>
      <c r="H28652" t="s">
        <v>16560</v>
      </c>
      <c r="I28652" s="2">
        <v>1</v>
      </c>
      <c r="J28652" s="2">
        <v>0</v>
      </c>
      <c r="K28652" s="2">
        <v>0</v>
      </c>
      <c r="L28652" t="s">
        <v>120</v>
      </c>
      <c r="M28652" t="s">
        <v>89</v>
      </c>
      <c r="N28652" t="s">
        <v>90</v>
      </c>
      <c r="O28652" t="s">
        <v>85</v>
      </c>
      <c r="P28652" t="s">
        <v>86</v>
      </c>
      <c r="Q28652">
        <v>19</v>
      </c>
      <c r="R28652">
        <v>19</v>
      </c>
      <c r="S28652">
        <v>20</v>
      </c>
      <c r="T28652">
        <v>20</v>
      </c>
      <c r="U28652">
        <v>21</v>
      </c>
      <c r="V28652">
        <v>21</v>
      </c>
      <c r="W28652">
        <v>21</v>
      </c>
      <c r="X28652">
        <v>22</v>
      </c>
      <c r="Y28652">
        <v>22</v>
      </c>
      <c r="Z28652">
        <v>23</v>
      </c>
      <c r="AA28652">
        <v>23</v>
      </c>
      <c r="AB28652">
        <v>23</v>
      </c>
      <c r="AC28652">
        <v>24</v>
      </c>
      <c r="AD28652">
        <v>24</v>
      </c>
      <c r="AE28652">
        <v>24</v>
      </c>
      <c r="AF28652">
        <v>24</v>
      </c>
      <c r="AG28652">
        <v>24</v>
      </c>
      <c r="AH28652">
        <v>24</v>
      </c>
      <c r="AI28652">
        <v>24</v>
      </c>
      <c r="AJ28652">
        <v>25</v>
      </c>
      <c r="AK28652">
        <v>25</v>
      </c>
      <c r="AL28652">
        <v>25</v>
      </c>
      <c r="AM28652">
        <v>25</v>
      </c>
      <c r="AN28652">
        <v>25</v>
      </c>
      <c r="AO28652">
        <v>25</v>
      </c>
      <c r="AP28652">
        <v>25</v>
      </c>
      <c r="AQ28652">
        <v>25</v>
      </c>
    </row>
    <row r="28653" spans="1:43">
      <c r="A28653" t="s">
        <v>17733</v>
      </c>
      <c r="B28653" t="s">
        <v>17734</v>
      </c>
      <c r="C28653" t="s">
        <v>17721</v>
      </c>
      <c r="D28653" t="s">
        <v>17722</v>
      </c>
      <c r="E28653" t="s">
        <v>17663</v>
      </c>
      <c r="F28653" t="s">
        <v>17664</v>
      </c>
      <c r="G28653" t="s">
        <v>16559</v>
      </c>
      <c r="H28653" t="s">
        <v>16560</v>
      </c>
      <c r="I28653" s="2">
        <v>1</v>
      </c>
      <c r="J28653" s="2">
        <v>0</v>
      </c>
      <c r="K28653" s="2">
        <v>0</v>
      </c>
      <c r="L28653" t="s">
        <v>120</v>
      </c>
      <c r="M28653" t="s">
        <v>83</v>
      </c>
      <c r="N28653" t="s">
        <v>91</v>
      </c>
      <c r="O28653" t="s">
        <v>85</v>
      </c>
      <c r="P28653" t="s">
        <v>86</v>
      </c>
      <c r="Q28653">
        <v>19</v>
      </c>
      <c r="R28653">
        <v>19</v>
      </c>
      <c r="S28653">
        <v>19</v>
      </c>
      <c r="T28653">
        <v>20</v>
      </c>
      <c r="U28653">
        <v>20</v>
      </c>
      <c r="V28653">
        <v>20</v>
      </c>
      <c r="W28653">
        <v>20</v>
      </c>
      <c r="X28653">
        <v>21</v>
      </c>
      <c r="Y28653">
        <v>21</v>
      </c>
      <c r="Z28653">
        <v>21</v>
      </c>
      <c r="AA28653">
        <v>22</v>
      </c>
      <c r="AB28653">
        <v>22</v>
      </c>
      <c r="AC28653">
        <v>22</v>
      </c>
      <c r="AD28653">
        <v>22</v>
      </c>
      <c r="AE28653">
        <v>23</v>
      </c>
      <c r="AF28653">
        <v>23</v>
      </c>
      <c r="AG28653">
        <v>23</v>
      </c>
      <c r="AH28653">
        <v>23</v>
      </c>
      <c r="AI28653">
        <v>24</v>
      </c>
      <c r="AJ28653">
        <v>24</v>
      </c>
      <c r="AK28653">
        <v>24</v>
      </c>
      <c r="AL28653">
        <v>24</v>
      </c>
      <c r="AM28653">
        <v>25</v>
      </c>
      <c r="AN28653">
        <v>25</v>
      </c>
      <c r="AO28653">
        <v>25</v>
      </c>
      <c r="AP28653">
        <v>25</v>
      </c>
      <c r="AQ28653">
        <v>25</v>
      </c>
    </row>
    <row r="28654" spans="1:43">
      <c r="A28654" t="s">
        <v>17735</v>
      </c>
      <c r="B28654" t="s">
        <v>17736</v>
      </c>
      <c r="C28654" t="s">
        <v>17721</v>
      </c>
      <c r="D28654" t="s">
        <v>17722</v>
      </c>
      <c r="E28654" t="s">
        <v>17663</v>
      </c>
      <c r="F28654" t="s">
        <v>17664</v>
      </c>
      <c r="G28654" t="s">
        <v>16559</v>
      </c>
      <c r="H28654" t="s">
        <v>16560</v>
      </c>
      <c r="I28654" s="2">
        <v>1</v>
      </c>
      <c r="J28654" s="2">
        <v>0</v>
      </c>
      <c r="K28654" s="2">
        <v>0</v>
      </c>
      <c r="L28654" t="s">
        <v>120</v>
      </c>
      <c r="M28654" t="s">
        <v>83</v>
      </c>
      <c r="N28654" t="s">
        <v>84</v>
      </c>
      <c r="O28654" t="s">
        <v>85</v>
      </c>
      <c r="P28654" t="s">
        <v>86</v>
      </c>
      <c r="Q28654">
        <v>30</v>
      </c>
      <c r="R28654">
        <v>31</v>
      </c>
      <c r="S28654">
        <v>31</v>
      </c>
      <c r="T28654">
        <v>32</v>
      </c>
      <c r="U28654">
        <v>32</v>
      </c>
      <c r="V28654">
        <v>33</v>
      </c>
      <c r="W28654">
        <v>33</v>
      </c>
      <c r="X28654">
        <v>34</v>
      </c>
      <c r="Y28654">
        <v>34</v>
      </c>
      <c r="Z28654">
        <v>34</v>
      </c>
      <c r="AA28654">
        <v>35</v>
      </c>
      <c r="AB28654">
        <v>35</v>
      </c>
      <c r="AC28654">
        <v>36</v>
      </c>
      <c r="AD28654">
        <v>36</v>
      </c>
      <c r="AE28654">
        <v>37</v>
      </c>
      <c r="AF28654">
        <v>37</v>
      </c>
      <c r="AG28654">
        <v>38</v>
      </c>
      <c r="AH28654">
        <v>38</v>
      </c>
      <c r="AI28654">
        <v>38</v>
      </c>
      <c r="AJ28654">
        <v>39</v>
      </c>
      <c r="AK28654">
        <v>39</v>
      </c>
      <c r="AL28654">
        <v>40</v>
      </c>
      <c r="AM28654">
        <v>40</v>
      </c>
      <c r="AN28654">
        <v>40</v>
      </c>
      <c r="AO28654">
        <v>40</v>
      </c>
      <c r="AP28654">
        <v>40</v>
      </c>
      <c r="AQ28654">
        <v>40</v>
      </c>
    </row>
    <row r="28655" spans="1:43">
      <c r="A28655" t="s">
        <v>17735</v>
      </c>
      <c r="B28655" t="s">
        <v>17736</v>
      </c>
      <c r="C28655" t="s">
        <v>17721</v>
      </c>
      <c r="D28655" t="s">
        <v>17722</v>
      </c>
      <c r="E28655" t="s">
        <v>17663</v>
      </c>
      <c r="F28655" t="s">
        <v>17664</v>
      </c>
      <c r="G28655" t="s">
        <v>16559</v>
      </c>
      <c r="H28655" t="s">
        <v>16560</v>
      </c>
      <c r="I28655" s="2">
        <v>1</v>
      </c>
      <c r="J28655" s="2">
        <v>0</v>
      </c>
      <c r="K28655" s="2">
        <v>0</v>
      </c>
      <c r="L28655" t="s">
        <v>120</v>
      </c>
      <c r="M28655" t="s">
        <v>87</v>
      </c>
      <c r="N28655" t="s">
        <v>88</v>
      </c>
      <c r="O28655" t="s">
        <v>85</v>
      </c>
      <c r="P28655" t="s">
        <v>86</v>
      </c>
      <c r="Q28655">
        <v>30</v>
      </c>
      <c r="R28655">
        <v>30</v>
      </c>
      <c r="S28655">
        <v>30</v>
      </c>
      <c r="T28655">
        <v>31</v>
      </c>
      <c r="U28655">
        <v>31</v>
      </c>
      <c r="V28655">
        <v>31</v>
      </c>
      <c r="W28655">
        <v>31</v>
      </c>
      <c r="X28655">
        <v>31</v>
      </c>
      <c r="Y28655">
        <v>31</v>
      </c>
      <c r="Z28655">
        <v>32</v>
      </c>
      <c r="AA28655">
        <v>32</v>
      </c>
      <c r="AB28655">
        <v>32</v>
      </c>
      <c r="AC28655">
        <v>32</v>
      </c>
      <c r="AD28655">
        <v>32</v>
      </c>
      <c r="AE28655">
        <v>33</v>
      </c>
      <c r="AF28655">
        <v>33</v>
      </c>
      <c r="AG28655">
        <v>33</v>
      </c>
      <c r="AH28655">
        <v>33</v>
      </c>
      <c r="AI28655">
        <v>33</v>
      </c>
      <c r="AJ28655">
        <v>34</v>
      </c>
      <c r="AK28655">
        <v>34</v>
      </c>
      <c r="AL28655">
        <v>34</v>
      </c>
      <c r="AM28655">
        <v>34</v>
      </c>
      <c r="AN28655">
        <v>34</v>
      </c>
      <c r="AO28655">
        <v>35</v>
      </c>
      <c r="AP28655">
        <v>35</v>
      </c>
      <c r="AQ28655">
        <v>35</v>
      </c>
    </row>
    <row r="28656" spans="1:43">
      <c r="A28656" t="s">
        <v>17735</v>
      </c>
      <c r="B28656" t="s">
        <v>17736</v>
      </c>
      <c r="C28656" t="s">
        <v>17721</v>
      </c>
      <c r="D28656" t="s">
        <v>17722</v>
      </c>
      <c r="E28656" t="s">
        <v>17663</v>
      </c>
      <c r="F28656" t="s">
        <v>17664</v>
      </c>
      <c r="G28656" t="s">
        <v>16559</v>
      </c>
      <c r="H28656" t="s">
        <v>16560</v>
      </c>
      <c r="I28656" s="2">
        <v>1</v>
      </c>
      <c r="J28656" s="2">
        <v>0</v>
      </c>
      <c r="K28656" s="2">
        <v>0</v>
      </c>
      <c r="L28656" t="s">
        <v>120</v>
      </c>
      <c r="M28656" t="s">
        <v>89</v>
      </c>
      <c r="N28656" t="s">
        <v>90</v>
      </c>
      <c r="O28656" t="s">
        <v>85</v>
      </c>
      <c r="P28656" t="s">
        <v>86</v>
      </c>
      <c r="Q28656">
        <v>30</v>
      </c>
      <c r="R28656">
        <v>30</v>
      </c>
      <c r="S28656">
        <v>31</v>
      </c>
      <c r="T28656">
        <v>32</v>
      </c>
      <c r="U28656">
        <v>32</v>
      </c>
      <c r="V28656">
        <v>33</v>
      </c>
      <c r="W28656">
        <v>34</v>
      </c>
      <c r="X28656">
        <v>34</v>
      </c>
      <c r="Y28656">
        <v>35</v>
      </c>
      <c r="Z28656">
        <v>35</v>
      </c>
      <c r="AA28656">
        <v>36</v>
      </c>
      <c r="AB28656">
        <v>37</v>
      </c>
      <c r="AC28656">
        <v>37</v>
      </c>
      <c r="AD28656">
        <v>38</v>
      </c>
      <c r="AE28656">
        <v>38</v>
      </c>
      <c r="AF28656">
        <v>38</v>
      </c>
      <c r="AG28656">
        <v>38</v>
      </c>
      <c r="AH28656">
        <v>39</v>
      </c>
      <c r="AI28656">
        <v>39</v>
      </c>
      <c r="AJ28656">
        <v>39</v>
      </c>
      <c r="AK28656">
        <v>39</v>
      </c>
      <c r="AL28656">
        <v>39</v>
      </c>
      <c r="AM28656">
        <v>39</v>
      </c>
      <c r="AN28656">
        <v>39</v>
      </c>
      <c r="AO28656">
        <v>39</v>
      </c>
      <c r="AP28656">
        <v>39</v>
      </c>
      <c r="AQ28656">
        <v>39</v>
      </c>
    </row>
    <row r="28657" spans="1:43">
      <c r="A28657" t="s">
        <v>17735</v>
      </c>
      <c r="B28657" t="s">
        <v>17736</v>
      </c>
      <c r="C28657" t="s">
        <v>17721</v>
      </c>
      <c r="D28657" t="s">
        <v>17722</v>
      </c>
      <c r="E28657" t="s">
        <v>17663</v>
      </c>
      <c r="F28657" t="s">
        <v>17664</v>
      </c>
      <c r="G28657" t="s">
        <v>16559</v>
      </c>
      <c r="H28657" t="s">
        <v>16560</v>
      </c>
      <c r="I28657" s="2">
        <v>1</v>
      </c>
      <c r="J28657" s="2">
        <v>0</v>
      </c>
      <c r="K28657" s="2">
        <v>0</v>
      </c>
      <c r="L28657" t="s">
        <v>120</v>
      </c>
      <c r="M28657" t="s">
        <v>83</v>
      </c>
      <c r="N28657" t="s">
        <v>91</v>
      </c>
      <c r="O28657" t="s">
        <v>85</v>
      </c>
      <c r="P28657" t="s">
        <v>86</v>
      </c>
      <c r="Q28657">
        <v>30</v>
      </c>
      <c r="R28657">
        <v>31</v>
      </c>
      <c r="S28657">
        <v>31</v>
      </c>
      <c r="T28657">
        <v>32</v>
      </c>
      <c r="U28657">
        <v>32</v>
      </c>
      <c r="V28657">
        <v>33</v>
      </c>
      <c r="W28657">
        <v>33</v>
      </c>
      <c r="X28657">
        <v>34</v>
      </c>
      <c r="Y28657">
        <v>34</v>
      </c>
      <c r="Z28657">
        <v>34</v>
      </c>
      <c r="AA28657">
        <v>35</v>
      </c>
      <c r="AB28657">
        <v>35</v>
      </c>
      <c r="AC28657">
        <v>36</v>
      </c>
      <c r="AD28657">
        <v>36</v>
      </c>
      <c r="AE28657">
        <v>37</v>
      </c>
      <c r="AF28657">
        <v>37</v>
      </c>
      <c r="AG28657">
        <v>38</v>
      </c>
      <c r="AH28657">
        <v>38</v>
      </c>
      <c r="AI28657">
        <v>38</v>
      </c>
      <c r="AJ28657">
        <v>39</v>
      </c>
      <c r="AK28657">
        <v>39</v>
      </c>
      <c r="AL28657">
        <v>40</v>
      </c>
      <c r="AM28657">
        <v>40</v>
      </c>
      <c r="AN28657">
        <v>40</v>
      </c>
      <c r="AO28657">
        <v>40</v>
      </c>
      <c r="AP28657">
        <v>40</v>
      </c>
      <c r="AQ28657">
        <v>40</v>
      </c>
    </row>
    <row r="28658" spans="1:43">
      <c r="A28658" t="s">
        <v>17737</v>
      </c>
      <c r="B28658" t="s">
        <v>17738</v>
      </c>
      <c r="C28658" t="s">
        <v>17721</v>
      </c>
      <c r="D28658" t="s">
        <v>17722</v>
      </c>
      <c r="E28658" t="s">
        <v>17663</v>
      </c>
      <c r="F28658" t="s">
        <v>17664</v>
      </c>
      <c r="G28658" t="s">
        <v>16559</v>
      </c>
      <c r="H28658" t="s">
        <v>16560</v>
      </c>
      <c r="I28658" s="2">
        <v>1</v>
      </c>
      <c r="J28658" s="2">
        <v>0</v>
      </c>
      <c r="K28658" s="2">
        <v>0</v>
      </c>
      <c r="L28658" t="s">
        <v>120</v>
      </c>
      <c r="M28658" t="s">
        <v>83</v>
      </c>
      <c r="N28658" t="s">
        <v>84</v>
      </c>
      <c r="O28658" t="s">
        <v>85</v>
      </c>
      <c r="P28658" t="s">
        <v>86</v>
      </c>
      <c r="Q28658">
        <v>30</v>
      </c>
      <c r="R28658">
        <v>30</v>
      </c>
      <c r="S28658">
        <v>31</v>
      </c>
      <c r="T28658">
        <v>31</v>
      </c>
      <c r="U28658">
        <v>32</v>
      </c>
      <c r="V28658">
        <v>32</v>
      </c>
      <c r="W28658">
        <v>33</v>
      </c>
      <c r="X28658">
        <v>33</v>
      </c>
      <c r="Y28658">
        <v>33</v>
      </c>
      <c r="Z28658">
        <v>34</v>
      </c>
      <c r="AA28658">
        <v>34</v>
      </c>
      <c r="AB28658">
        <v>35</v>
      </c>
      <c r="AC28658">
        <v>35</v>
      </c>
      <c r="AD28658">
        <v>36</v>
      </c>
      <c r="AE28658">
        <v>36</v>
      </c>
      <c r="AF28658">
        <v>36</v>
      </c>
      <c r="AG28658">
        <v>37</v>
      </c>
      <c r="AH28658">
        <v>37</v>
      </c>
      <c r="AI28658">
        <v>38</v>
      </c>
      <c r="AJ28658">
        <v>38</v>
      </c>
      <c r="AK28658">
        <v>39</v>
      </c>
      <c r="AL28658">
        <v>39</v>
      </c>
      <c r="AM28658">
        <v>39</v>
      </c>
      <c r="AN28658">
        <v>39</v>
      </c>
      <c r="AO28658">
        <v>39</v>
      </c>
      <c r="AP28658">
        <v>39</v>
      </c>
      <c r="AQ28658">
        <v>40</v>
      </c>
    </row>
    <row r="28659" spans="1:43">
      <c r="A28659" t="s">
        <v>17737</v>
      </c>
      <c r="B28659" t="s">
        <v>17738</v>
      </c>
      <c r="C28659" t="s">
        <v>17721</v>
      </c>
      <c r="D28659" t="s">
        <v>17722</v>
      </c>
      <c r="E28659" t="s">
        <v>17663</v>
      </c>
      <c r="F28659" t="s">
        <v>17664</v>
      </c>
      <c r="G28659" t="s">
        <v>16559</v>
      </c>
      <c r="H28659" t="s">
        <v>16560</v>
      </c>
      <c r="I28659" s="2">
        <v>1</v>
      </c>
      <c r="J28659" s="2">
        <v>0</v>
      </c>
      <c r="K28659" s="2">
        <v>0</v>
      </c>
      <c r="L28659" t="s">
        <v>120</v>
      </c>
      <c r="M28659" t="s">
        <v>87</v>
      </c>
      <c r="N28659" t="s">
        <v>88</v>
      </c>
      <c r="O28659" t="s">
        <v>85</v>
      </c>
      <c r="P28659" t="s">
        <v>86</v>
      </c>
      <c r="Q28659">
        <v>30</v>
      </c>
      <c r="R28659">
        <v>30</v>
      </c>
      <c r="S28659">
        <v>30</v>
      </c>
      <c r="T28659">
        <v>30</v>
      </c>
      <c r="U28659">
        <v>30</v>
      </c>
      <c r="V28659">
        <v>30</v>
      </c>
      <c r="W28659">
        <v>31</v>
      </c>
      <c r="X28659">
        <v>31</v>
      </c>
      <c r="Y28659">
        <v>31</v>
      </c>
      <c r="Z28659">
        <v>31</v>
      </c>
      <c r="AA28659">
        <v>31</v>
      </c>
      <c r="AB28659">
        <v>31</v>
      </c>
      <c r="AC28659">
        <v>32</v>
      </c>
      <c r="AD28659">
        <v>32</v>
      </c>
      <c r="AE28659">
        <v>32</v>
      </c>
      <c r="AF28659">
        <v>32</v>
      </c>
      <c r="AG28659">
        <v>32</v>
      </c>
      <c r="AH28659">
        <v>33</v>
      </c>
      <c r="AI28659">
        <v>33</v>
      </c>
      <c r="AJ28659">
        <v>33</v>
      </c>
      <c r="AK28659">
        <v>33</v>
      </c>
      <c r="AL28659">
        <v>33</v>
      </c>
      <c r="AM28659">
        <v>34</v>
      </c>
      <c r="AN28659">
        <v>34</v>
      </c>
      <c r="AO28659">
        <v>34</v>
      </c>
      <c r="AP28659">
        <v>34</v>
      </c>
      <c r="AQ28659">
        <v>34</v>
      </c>
    </row>
    <row r="28660" spans="1:43">
      <c r="A28660" t="s">
        <v>17737</v>
      </c>
      <c r="B28660" t="s">
        <v>17738</v>
      </c>
      <c r="C28660" t="s">
        <v>17721</v>
      </c>
      <c r="D28660" t="s">
        <v>17722</v>
      </c>
      <c r="E28660" t="s">
        <v>17663</v>
      </c>
      <c r="F28660" t="s">
        <v>17664</v>
      </c>
      <c r="G28660" t="s">
        <v>16559</v>
      </c>
      <c r="H28660" t="s">
        <v>16560</v>
      </c>
      <c r="I28660" s="2">
        <v>1</v>
      </c>
      <c r="J28660" s="2">
        <v>0</v>
      </c>
      <c r="K28660" s="2">
        <v>0</v>
      </c>
      <c r="L28660" t="s">
        <v>120</v>
      </c>
      <c r="M28660" t="s">
        <v>89</v>
      </c>
      <c r="N28660" t="s">
        <v>90</v>
      </c>
      <c r="O28660" t="s">
        <v>85</v>
      </c>
      <c r="P28660" t="s">
        <v>86</v>
      </c>
      <c r="Q28660">
        <v>30</v>
      </c>
      <c r="R28660">
        <v>31</v>
      </c>
      <c r="S28660">
        <v>32</v>
      </c>
      <c r="T28660">
        <v>32</v>
      </c>
      <c r="U28660">
        <v>33</v>
      </c>
      <c r="V28660">
        <v>34</v>
      </c>
      <c r="W28660">
        <v>34</v>
      </c>
      <c r="X28660">
        <v>35</v>
      </c>
      <c r="Y28660">
        <v>35</v>
      </c>
      <c r="Z28660">
        <v>36</v>
      </c>
      <c r="AA28660">
        <v>36</v>
      </c>
      <c r="AB28660">
        <v>37</v>
      </c>
      <c r="AC28660">
        <v>38</v>
      </c>
      <c r="AD28660">
        <v>38</v>
      </c>
      <c r="AE28660">
        <v>39</v>
      </c>
      <c r="AF28660">
        <v>39</v>
      </c>
      <c r="AG28660">
        <v>39</v>
      </c>
      <c r="AH28660">
        <v>39</v>
      </c>
      <c r="AI28660">
        <v>39</v>
      </c>
      <c r="AJ28660">
        <v>39</v>
      </c>
      <c r="AK28660">
        <v>39</v>
      </c>
      <c r="AL28660">
        <v>39</v>
      </c>
      <c r="AM28660">
        <v>39</v>
      </c>
      <c r="AN28660">
        <v>39</v>
      </c>
      <c r="AO28660">
        <v>40</v>
      </c>
      <c r="AP28660">
        <v>40</v>
      </c>
      <c r="AQ28660">
        <v>40</v>
      </c>
    </row>
    <row r="28661" spans="1:43">
      <c r="A28661" t="s">
        <v>17737</v>
      </c>
      <c r="B28661" t="s">
        <v>17738</v>
      </c>
      <c r="C28661" t="s">
        <v>17721</v>
      </c>
      <c r="D28661" t="s">
        <v>17722</v>
      </c>
      <c r="E28661" t="s">
        <v>17663</v>
      </c>
      <c r="F28661" t="s">
        <v>17664</v>
      </c>
      <c r="G28661" t="s">
        <v>16559</v>
      </c>
      <c r="H28661" t="s">
        <v>16560</v>
      </c>
      <c r="I28661" s="2">
        <v>1</v>
      </c>
      <c r="J28661" s="2">
        <v>0</v>
      </c>
      <c r="K28661" s="2">
        <v>0</v>
      </c>
      <c r="L28661" t="s">
        <v>120</v>
      </c>
      <c r="M28661" t="s">
        <v>83</v>
      </c>
      <c r="N28661" t="s">
        <v>91</v>
      </c>
      <c r="O28661" t="s">
        <v>85</v>
      </c>
      <c r="P28661" t="s">
        <v>86</v>
      </c>
      <c r="Q28661">
        <v>30</v>
      </c>
      <c r="R28661">
        <v>30</v>
      </c>
      <c r="S28661">
        <v>31</v>
      </c>
      <c r="T28661">
        <v>31</v>
      </c>
      <c r="U28661">
        <v>32</v>
      </c>
      <c r="V28661">
        <v>32</v>
      </c>
      <c r="W28661">
        <v>33</v>
      </c>
      <c r="X28661">
        <v>33</v>
      </c>
      <c r="Y28661">
        <v>33</v>
      </c>
      <c r="Z28661">
        <v>34</v>
      </c>
      <c r="AA28661">
        <v>34</v>
      </c>
      <c r="AB28661">
        <v>35</v>
      </c>
      <c r="AC28661">
        <v>35</v>
      </c>
      <c r="AD28661">
        <v>36</v>
      </c>
      <c r="AE28661">
        <v>36</v>
      </c>
      <c r="AF28661">
        <v>36</v>
      </c>
      <c r="AG28661">
        <v>37</v>
      </c>
      <c r="AH28661">
        <v>37</v>
      </c>
      <c r="AI28661">
        <v>38</v>
      </c>
      <c r="AJ28661">
        <v>38</v>
      </c>
      <c r="AK28661">
        <v>39</v>
      </c>
      <c r="AL28661">
        <v>39</v>
      </c>
      <c r="AM28661">
        <v>39</v>
      </c>
      <c r="AN28661">
        <v>39</v>
      </c>
      <c r="AO28661">
        <v>39</v>
      </c>
      <c r="AP28661">
        <v>39</v>
      </c>
      <c r="AQ28661">
        <v>40</v>
      </c>
    </row>
    <row r="28662" spans="1:43">
      <c r="A28662" t="s">
        <v>17739</v>
      </c>
      <c r="B28662" t="s">
        <v>17740</v>
      </c>
      <c r="C28662" t="s">
        <v>17741</v>
      </c>
      <c r="D28662" t="s">
        <v>17742</v>
      </c>
      <c r="E28662" t="s">
        <v>17663</v>
      </c>
      <c r="F28662" t="s">
        <v>17664</v>
      </c>
      <c r="G28662" t="s">
        <v>16559</v>
      </c>
      <c r="H28662" t="s">
        <v>16560</v>
      </c>
      <c r="I28662" s="2">
        <v>1</v>
      </c>
      <c r="J28662" s="2">
        <v>0</v>
      </c>
      <c r="K28662" s="2">
        <v>0</v>
      </c>
      <c r="L28662" t="s">
        <v>120</v>
      </c>
      <c r="M28662" t="s">
        <v>83</v>
      </c>
      <c r="N28662" t="s">
        <v>84</v>
      </c>
      <c r="O28662" t="s">
        <v>85</v>
      </c>
      <c r="P28662" t="s">
        <v>86</v>
      </c>
      <c r="Q28662">
        <v>18</v>
      </c>
      <c r="R28662">
        <v>18</v>
      </c>
      <c r="S28662">
        <v>18</v>
      </c>
      <c r="T28662">
        <v>18</v>
      </c>
      <c r="U28662">
        <v>19</v>
      </c>
      <c r="V28662">
        <v>19</v>
      </c>
      <c r="W28662">
        <v>19</v>
      </c>
      <c r="X28662">
        <v>19</v>
      </c>
      <c r="Y28662">
        <v>20</v>
      </c>
      <c r="Z28662">
        <v>20</v>
      </c>
      <c r="AA28662">
        <v>20</v>
      </c>
      <c r="AB28662">
        <v>20</v>
      </c>
      <c r="AC28662">
        <v>21</v>
      </c>
      <c r="AD28662">
        <v>21</v>
      </c>
      <c r="AE28662">
        <v>21</v>
      </c>
      <c r="AF28662">
        <v>21</v>
      </c>
      <c r="AG28662">
        <v>22</v>
      </c>
      <c r="AH28662">
        <v>22</v>
      </c>
      <c r="AI28662">
        <v>22</v>
      </c>
      <c r="AJ28662">
        <v>22</v>
      </c>
      <c r="AK28662">
        <v>23</v>
      </c>
      <c r="AL28662">
        <v>23</v>
      </c>
      <c r="AM28662">
        <v>23</v>
      </c>
      <c r="AN28662">
        <v>23</v>
      </c>
      <c r="AO28662">
        <v>23</v>
      </c>
      <c r="AP28662">
        <v>23</v>
      </c>
      <c r="AQ28662">
        <v>23</v>
      </c>
    </row>
    <row r="28663" spans="1:43">
      <c r="A28663" t="s">
        <v>17739</v>
      </c>
      <c r="B28663" t="s">
        <v>17740</v>
      </c>
      <c r="C28663" t="s">
        <v>17741</v>
      </c>
      <c r="D28663" t="s">
        <v>17742</v>
      </c>
      <c r="E28663" t="s">
        <v>17663</v>
      </c>
      <c r="F28663" t="s">
        <v>17664</v>
      </c>
      <c r="G28663" t="s">
        <v>16559</v>
      </c>
      <c r="H28663" t="s">
        <v>16560</v>
      </c>
      <c r="I28663" s="2">
        <v>1</v>
      </c>
      <c r="J28663" s="2">
        <v>0</v>
      </c>
      <c r="K28663" s="2">
        <v>0</v>
      </c>
      <c r="L28663" t="s">
        <v>120</v>
      </c>
      <c r="M28663" t="s">
        <v>87</v>
      </c>
      <c r="N28663" t="s">
        <v>88</v>
      </c>
      <c r="O28663" t="s">
        <v>85</v>
      </c>
      <c r="P28663" t="s">
        <v>86</v>
      </c>
      <c r="Q28663">
        <v>18</v>
      </c>
      <c r="R28663">
        <v>18</v>
      </c>
      <c r="S28663">
        <v>19</v>
      </c>
      <c r="T28663">
        <v>19</v>
      </c>
      <c r="U28663">
        <v>19</v>
      </c>
      <c r="V28663">
        <v>19</v>
      </c>
      <c r="W28663">
        <v>19</v>
      </c>
      <c r="X28663">
        <v>19</v>
      </c>
      <c r="Y28663">
        <v>19</v>
      </c>
      <c r="Z28663">
        <v>19</v>
      </c>
      <c r="AA28663">
        <v>19</v>
      </c>
      <c r="AB28663">
        <v>20</v>
      </c>
      <c r="AC28663">
        <v>20</v>
      </c>
      <c r="AD28663">
        <v>20</v>
      </c>
      <c r="AE28663">
        <v>20</v>
      </c>
      <c r="AF28663">
        <v>20</v>
      </c>
      <c r="AG28663">
        <v>20</v>
      </c>
      <c r="AH28663">
        <v>20</v>
      </c>
      <c r="AI28663">
        <v>20</v>
      </c>
      <c r="AJ28663">
        <v>20</v>
      </c>
      <c r="AK28663">
        <v>21</v>
      </c>
      <c r="AL28663">
        <v>21</v>
      </c>
      <c r="AM28663">
        <v>21</v>
      </c>
      <c r="AN28663">
        <v>21</v>
      </c>
      <c r="AO28663">
        <v>21</v>
      </c>
      <c r="AP28663">
        <v>21</v>
      </c>
      <c r="AQ28663">
        <v>21</v>
      </c>
    </row>
    <row r="28664" spans="1:43">
      <c r="A28664" t="s">
        <v>17739</v>
      </c>
      <c r="B28664" t="s">
        <v>17740</v>
      </c>
      <c r="C28664" t="s">
        <v>17741</v>
      </c>
      <c r="D28664" t="s">
        <v>17742</v>
      </c>
      <c r="E28664" t="s">
        <v>17663</v>
      </c>
      <c r="F28664" t="s">
        <v>17664</v>
      </c>
      <c r="G28664" t="s">
        <v>16559</v>
      </c>
      <c r="H28664" t="s">
        <v>16560</v>
      </c>
      <c r="I28664" s="2">
        <v>1</v>
      </c>
      <c r="J28664" s="2">
        <v>0</v>
      </c>
      <c r="K28664" s="2">
        <v>0</v>
      </c>
      <c r="L28664" t="s">
        <v>120</v>
      </c>
      <c r="M28664" t="s">
        <v>89</v>
      </c>
      <c r="N28664" t="s">
        <v>90</v>
      </c>
      <c r="O28664" t="s">
        <v>85</v>
      </c>
      <c r="P28664" t="s">
        <v>86</v>
      </c>
      <c r="Q28664">
        <v>18</v>
      </c>
      <c r="R28664">
        <v>18</v>
      </c>
      <c r="S28664">
        <v>19</v>
      </c>
      <c r="T28664">
        <v>19</v>
      </c>
      <c r="U28664">
        <v>19</v>
      </c>
      <c r="V28664">
        <v>20</v>
      </c>
      <c r="W28664">
        <v>20</v>
      </c>
      <c r="X28664">
        <v>20</v>
      </c>
      <c r="Y28664">
        <v>21</v>
      </c>
      <c r="Z28664">
        <v>21</v>
      </c>
      <c r="AA28664">
        <v>21</v>
      </c>
      <c r="AB28664">
        <v>22</v>
      </c>
      <c r="AC28664">
        <v>22</v>
      </c>
      <c r="AD28664">
        <v>22</v>
      </c>
      <c r="AE28664">
        <v>23</v>
      </c>
      <c r="AF28664">
        <v>23</v>
      </c>
      <c r="AG28664">
        <v>23</v>
      </c>
      <c r="AH28664">
        <v>23</v>
      </c>
      <c r="AI28664">
        <v>23</v>
      </c>
      <c r="AJ28664">
        <v>23</v>
      </c>
      <c r="AK28664">
        <v>23</v>
      </c>
      <c r="AL28664">
        <v>23</v>
      </c>
      <c r="AM28664">
        <v>23</v>
      </c>
      <c r="AN28664">
        <v>23</v>
      </c>
      <c r="AO28664">
        <v>23</v>
      </c>
      <c r="AP28664">
        <v>23</v>
      </c>
      <c r="AQ28664">
        <v>23</v>
      </c>
    </row>
    <row r="28665" spans="1:43">
      <c r="A28665" t="s">
        <v>17739</v>
      </c>
      <c r="B28665" t="s">
        <v>17740</v>
      </c>
      <c r="C28665" t="s">
        <v>17741</v>
      </c>
      <c r="D28665" t="s">
        <v>17742</v>
      </c>
      <c r="E28665" t="s">
        <v>17663</v>
      </c>
      <c r="F28665" t="s">
        <v>17664</v>
      </c>
      <c r="G28665" t="s">
        <v>16559</v>
      </c>
      <c r="H28665" t="s">
        <v>16560</v>
      </c>
      <c r="I28665" s="2">
        <v>1</v>
      </c>
      <c r="J28665" s="2">
        <v>0</v>
      </c>
      <c r="K28665" s="2">
        <v>0</v>
      </c>
      <c r="L28665" t="s">
        <v>120</v>
      </c>
      <c r="M28665" t="s">
        <v>83</v>
      </c>
      <c r="N28665" t="s">
        <v>91</v>
      </c>
      <c r="O28665" t="s">
        <v>85</v>
      </c>
      <c r="P28665" t="s">
        <v>86</v>
      </c>
      <c r="Q28665">
        <v>18</v>
      </c>
      <c r="R28665">
        <v>18</v>
      </c>
      <c r="S28665">
        <v>18</v>
      </c>
      <c r="T28665">
        <v>18</v>
      </c>
      <c r="U28665">
        <v>19</v>
      </c>
      <c r="V28665">
        <v>19</v>
      </c>
      <c r="W28665">
        <v>19</v>
      </c>
      <c r="X28665">
        <v>19</v>
      </c>
      <c r="Y28665">
        <v>20</v>
      </c>
      <c r="Z28665">
        <v>20</v>
      </c>
      <c r="AA28665">
        <v>20</v>
      </c>
      <c r="AB28665">
        <v>20</v>
      </c>
      <c r="AC28665">
        <v>21</v>
      </c>
      <c r="AD28665">
        <v>21</v>
      </c>
      <c r="AE28665">
        <v>21</v>
      </c>
      <c r="AF28665">
        <v>21</v>
      </c>
      <c r="AG28665">
        <v>22</v>
      </c>
      <c r="AH28665">
        <v>22</v>
      </c>
      <c r="AI28665">
        <v>22</v>
      </c>
      <c r="AJ28665">
        <v>22</v>
      </c>
      <c r="AK28665">
        <v>23</v>
      </c>
      <c r="AL28665">
        <v>23</v>
      </c>
      <c r="AM28665">
        <v>23</v>
      </c>
      <c r="AN28665">
        <v>23</v>
      </c>
      <c r="AO28665">
        <v>23</v>
      </c>
      <c r="AP28665">
        <v>23</v>
      </c>
      <c r="AQ28665">
        <v>23</v>
      </c>
    </row>
    <row r="28666" spans="1:43">
      <c r="A28666" t="s">
        <v>17743</v>
      </c>
      <c r="B28666" t="s">
        <v>17744</v>
      </c>
      <c r="C28666" t="s">
        <v>17741</v>
      </c>
      <c r="D28666" t="s">
        <v>17742</v>
      </c>
      <c r="E28666" t="s">
        <v>17663</v>
      </c>
      <c r="F28666" t="s">
        <v>17664</v>
      </c>
      <c r="G28666" t="s">
        <v>16559</v>
      </c>
      <c r="H28666" t="s">
        <v>16560</v>
      </c>
      <c r="I28666" s="2">
        <v>1</v>
      </c>
      <c r="J28666" s="2">
        <v>0</v>
      </c>
      <c r="K28666" s="2">
        <v>0</v>
      </c>
      <c r="L28666" t="s">
        <v>120</v>
      </c>
      <c r="M28666" t="s">
        <v>83</v>
      </c>
      <c r="N28666" t="s">
        <v>84</v>
      </c>
      <c r="O28666" t="s">
        <v>85</v>
      </c>
      <c r="P28666" t="s">
        <v>86</v>
      </c>
      <c r="Q28666">
        <v>9</v>
      </c>
      <c r="R28666">
        <v>10</v>
      </c>
      <c r="S28666">
        <v>10</v>
      </c>
      <c r="T28666">
        <v>10</v>
      </c>
      <c r="U28666">
        <v>10</v>
      </c>
      <c r="V28666">
        <v>10</v>
      </c>
      <c r="W28666">
        <v>10</v>
      </c>
      <c r="X28666">
        <v>10</v>
      </c>
      <c r="Y28666">
        <v>11</v>
      </c>
      <c r="Z28666">
        <v>11</v>
      </c>
      <c r="AA28666">
        <v>11</v>
      </c>
      <c r="AB28666">
        <v>11</v>
      </c>
      <c r="AC28666">
        <v>11</v>
      </c>
      <c r="AD28666">
        <v>11</v>
      </c>
      <c r="AE28666">
        <v>11</v>
      </c>
      <c r="AF28666">
        <v>11</v>
      </c>
      <c r="AG28666">
        <v>12</v>
      </c>
      <c r="AH28666">
        <v>12</v>
      </c>
      <c r="AI28666">
        <v>12</v>
      </c>
      <c r="AJ28666">
        <v>12</v>
      </c>
      <c r="AK28666">
        <v>12</v>
      </c>
      <c r="AL28666">
        <v>12</v>
      </c>
      <c r="AM28666">
        <v>12</v>
      </c>
      <c r="AN28666">
        <v>12</v>
      </c>
      <c r="AO28666">
        <v>12</v>
      </c>
      <c r="AP28666">
        <v>12</v>
      </c>
      <c r="AQ28666">
        <v>12</v>
      </c>
    </row>
    <row r="28667" spans="1:43">
      <c r="A28667" t="s">
        <v>17743</v>
      </c>
      <c r="B28667" t="s">
        <v>17744</v>
      </c>
      <c r="C28667" t="s">
        <v>17741</v>
      </c>
      <c r="D28667" t="s">
        <v>17742</v>
      </c>
      <c r="E28667" t="s">
        <v>17663</v>
      </c>
      <c r="F28667" t="s">
        <v>17664</v>
      </c>
      <c r="G28667" t="s">
        <v>16559</v>
      </c>
      <c r="H28667" t="s">
        <v>16560</v>
      </c>
      <c r="I28667" s="2">
        <v>1</v>
      </c>
      <c r="J28667" s="2">
        <v>0</v>
      </c>
      <c r="K28667" s="2">
        <v>0</v>
      </c>
      <c r="L28667" t="s">
        <v>120</v>
      </c>
      <c r="M28667" t="s">
        <v>87</v>
      </c>
      <c r="N28667" t="s">
        <v>88</v>
      </c>
      <c r="O28667" t="s">
        <v>85</v>
      </c>
      <c r="P28667" t="s">
        <v>86</v>
      </c>
      <c r="Q28667">
        <v>9</v>
      </c>
      <c r="R28667">
        <v>9</v>
      </c>
      <c r="S28667">
        <v>9</v>
      </c>
      <c r="T28667">
        <v>9</v>
      </c>
      <c r="U28667">
        <v>10</v>
      </c>
      <c r="V28667">
        <v>10</v>
      </c>
      <c r="W28667">
        <v>10</v>
      </c>
      <c r="X28667">
        <v>10</v>
      </c>
      <c r="Y28667">
        <v>10</v>
      </c>
      <c r="Z28667">
        <v>10</v>
      </c>
      <c r="AA28667">
        <v>10</v>
      </c>
      <c r="AB28667">
        <v>10</v>
      </c>
      <c r="AC28667">
        <v>10</v>
      </c>
      <c r="AD28667">
        <v>10</v>
      </c>
      <c r="AE28667">
        <v>10</v>
      </c>
      <c r="AF28667">
        <v>10</v>
      </c>
      <c r="AG28667">
        <v>10</v>
      </c>
      <c r="AH28667">
        <v>10</v>
      </c>
      <c r="AI28667">
        <v>10</v>
      </c>
      <c r="AJ28667">
        <v>10</v>
      </c>
      <c r="AK28667">
        <v>10</v>
      </c>
      <c r="AL28667">
        <v>11</v>
      </c>
      <c r="AM28667">
        <v>11</v>
      </c>
      <c r="AN28667">
        <v>11</v>
      </c>
      <c r="AO28667">
        <v>11</v>
      </c>
      <c r="AP28667">
        <v>11</v>
      </c>
      <c r="AQ28667">
        <v>11</v>
      </c>
    </row>
    <row r="28668" spans="1:43">
      <c r="A28668" t="s">
        <v>17743</v>
      </c>
      <c r="B28668" t="s">
        <v>17744</v>
      </c>
      <c r="C28668" t="s">
        <v>17741</v>
      </c>
      <c r="D28668" t="s">
        <v>17742</v>
      </c>
      <c r="E28668" t="s">
        <v>17663</v>
      </c>
      <c r="F28668" t="s">
        <v>17664</v>
      </c>
      <c r="G28668" t="s">
        <v>16559</v>
      </c>
      <c r="H28668" t="s">
        <v>16560</v>
      </c>
      <c r="I28668" s="2">
        <v>1</v>
      </c>
      <c r="J28668" s="2">
        <v>0</v>
      </c>
      <c r="K28668" s="2">
        <v>0</v>
      </c>
      <c r="L28668" t="s">
        <v>120</v>
      </c>
      <c r="M28668" t="s">
        <v>89</v>
      </c>
      <c r="N28668" t="s">
        <v>90</v>
      </c>
      <c r="O28668" t="s">
        <v>85</v>
      </c>
      <c r="P28668" t="s">
        <v>86</v>
      </c>
      <c r="Q28668">
        <v>9</v>
      </c>
      <c r="R28668">
        <v>10</v>
      </c>
      <c r="S28668">
        <v>10</v>
      </c>
      <c r="T28668">
        <v>10</v>
      </c>
      <c r="U28668">
        <v>10</v>
      </c>
      <c r="V28668">
        <v>11</v>
      </c>
      <c r="W28668">
        <v>11</v>
      </c>
      <c r="X28668">
        <v>11</v>
      </c>
      <c r="Y28668">
        <v>11</v>
      </c>
      <c r="Z28668">
        <v>11</v>
      </c>
      <c r="AA28668">
        <v>11</v>
      </c>
      <c r="AB28668">
        <v>12</v>
      </c>
      <c r="AC28668">
        <v>12</v>
      </c>
      <c r="AD28668">
        <v>12</v>
      </c>
      <c r="AE28668">
        <v>12</v>
      </c>
      <c r="AF28668">
        <v>12</v>
      </c>
      <c r="AG28668">
        <v>12</v>
      </c>
      <c r="AH28668">
        <v>12</v>
      </c>
      <c r="AI28668">
        <v>12</v>
      </c>
      <c r="AJ28668">
        <v>12</v>
      </c>
      <c r="AK28668">
        <v>12</v>
      </c>
      <c r="AL28668">
        <v>12</v>
      </c>
      <c r="AM28668">
        <v>12</v>
      </c>
      <c r="AN28668">
        <v>12</v>
      </c>
      <c r="AO28668">
        <v>12</v>
      </c>
      <c r="AP28668">
        <v>12</v>
      </c>
      <c r="AQ28668">
        <v>12</v>
      </c>
    </row>
    <row r="28669" spans="1:43">
      <c r="A28669" t="s">
        <v>17743</v>
      </c>
      <c r="B28669" t="s">
        <v>17744</v>
      </c>
      <c r="C28669" t="s">
        <v>17741</v>
      </c>
      <c r="D28669" t="s">
        <v>17742</v>
      </c>
      <c r="E28669" t="s">
        <v>17663</v>
      </c>
      <c r="F28669" t="s">
        <v>17664</v>
      </c>
      <c r="G28669" t="s">
        <v>16559</v>
      </c>
      <c r="H28669" t="s">
        <v>16560</v>
      </c>
      <c r="I28669" s="2">
        <v>1</v>
      </c>
      <c r="J28669" s="2">
        <v>0</v>
      </c>
      <c r="K28669" s="2">
        <v>0</v>
      </c>
      <c r="L28669" t="s">
        <v>120</v>
      </c>
      <c r="M28669" t="s">
        <v>83</v>
      </c>
      <c r="N28669" t="s">
        <v>91</v>
      </c>
      <c r="O28669" t="s">
        <v>85</v>
      </c>
      <c r="P28669" t="s">
        <v>86</v>
      </c>
      <c r="Q28669">
        <v>9</v>
      </c>
      <c r="R28669">
        <v>10</v>
      </c>
      <c r="S28669">
        <v>10</v>
      </c>
      <c r="T28669">
        <v>10</v>
      </c>
      <c r="U28669">
        <v>10</v>
      </c>
      <c r="V28669">
        <v>10</v>
      </c>
      <c r="W28669">
        <v>10</v>
      </c>
      <c r="X28669">
        <v>10</v>
      </c>
      <c r="Y28669">
        <v>11</v>
      </c>
      <c r="Z28669">
        <v>11</v>
      </c>
      <c r="AA28669">
        <v>11</v>
      </c>
      <c r="AB28669">
        <v>11</v>
      </c>
      <c r="AC28669">
        <v>11</v>
      </c>
      <c r="AD28669">
        <v>11</v>
      </c>
      <c r="AE28669">
        <v>11</v>
      </c>
      <c r="AF28669">
        <v>11</v>
      </c>
      <c r="AG28669">
        <v>12</v>
      </c>
      <c r="AH28669">
        <v>12</v>
      </c>
      <c r="AI28669">
        <v>12</v>
      </c>
      <c r="AJ28669">
        <v>12</v>
      </c>
      <c r="AK28669">
        <v>12</v>
      </c>
      <c r="AL28669">
        <v>12</v>
      </c>
      <c r="AM28669">
        <v>12</v>
      </c>
      <c r="AN28669">
        <v>12</v>
      </c>
      <c r="AO28669">
        <v>12</v>
      </c>
      <c r="AP28669">
        <v>12</v>
      </c>
      <c r="AQ28669">
        <v>12</v>
      </c>
    </row>
    <row r="28670" spans="1:43">
      <c r="A28670" t="s">
        <v>17745</v>
      </c>
      <c r="B28670" t="s">
        <v>17746</v>
      </c>
      <c r="C28670" t="s">
        <v>17741</v>
      </c>
      <c r="D28670" t="s">
        <v>17742</v>
      </c>
      <c r="E28670" t="s">
        <v>17663</v>
      </c>
      <c r="F28670" t="s">
        <v>17664</v>
      </c>
      <c r="G28670" t="s">
        <v>16559</v>
      </c>
      <c r="H28670" t="s">
        <v>16560</v>
      </c>
      <c r="I28670" s="2">
        <v>1</v>
      </c>
      <c r="J28670" s="2">
        <v>0</v>
      </c>
      <c r="K28670" s="2">
        <v>0</v>
      </c>
      <c r="L28670" t="s">
        <v>120</v>
      </c>
      <c r="M28670" t="s">
        <v>83</v>
      </c>
      <c r="N28670" t="s">
        <v>84</v>
      </c>
      <c r="O28670" t="s">
        <v>85</v>
      </c>
      <c r="P28670" t="s">
        <v>86</v>
      </c>
      <c r="Q28670">
        <v>32</v>
      </c>
      <c r="R28670">
        <v>33</v>
      </c>
      <c r="S28670">
        <v>33</v>
      </c>
      <c r="T28670">
        <v>34</v>
      </c>
      <c r="U28670">
        <v>34</v>
      </c>
      <c r="V28670">
        <v>35</v>
      </c>
      <c r="W28670">
        <v>35</v>
      </c>
      <c r="X28670">
        <v>36</v>
      </c>
      <c r="Y28670">
        <v>36</v>
      </c>
      <c r="Z28670">
        <v>36</v>
      </c>
      <c r="AA28670">
        <v>37</v>
      </c>
      <c r="AB28670">
        <v>37</v>
      </c>
      <c r="AC28670">
        <v>38</v>
      </c>
      <c r="AD28670">
        <v>38</v>
      </c>
      <c r="AE28670">
        <v>39</v>
      </c>
      <c r="AF28670">
        <v>39</v>
      </c>
      <c r="AG28670">
        <v>40</v>
      </c>
      <c r="AH28670">
        <v>40</v>
      </c>
      <c r="AI28670">
        <v>41</v>
      </c>
      <c r="AJ28670">
        <v>41</v>
      </c>
      <c r="AK28670">
        <v>42</v>
      </c>
      <c r="AL28670">
        <v>42</v>
      </c>
      <c r="AM28670">
        <v>42</v>
      </c>
      <c r="AN28670">
        <v>42</v>
      </c>
      <c r="AO28670">
        <v>42</v>
      </c>
      <c r="AP28670">
        <v>42</v>
      </c>
      <c r="AQ28670">
        <v>42</v>
      </c>
    </row>
    <row r="28671" spans="1:43">
      <c r="A28671" t="s">
        <v>17745</v>
      </c>
      <c r="B28671" t="s">
        <v>17746</v>
      </c>
      <c r="C28671" t="s">
        <v>17741</v>
      </c>
      <c r="D28671" t="s">
        <v>17742</v>
      </c>
      <c r="E28671" t="s">
        <v>17663</v>
      </c>
      <c r="F28671" t="s">
        <v>17664</v>
      </c>
      <c r="G28671" t="s">
        <v>16559</v>
      </c>
      <c r="H28671" t="s">
        <v>16560</v>
      </c>
      <c r="I28671" s="2">
        <v>1</v>
      </c>
      <c r="J28671" s="2">
        <v>0</v>
      </c>
      <c r="K28671" s="2">
        <v>0</v>
      </c>
      <c r="L28671" t="s">
        <v>120</v>
      </c>
      <c r="M28671" t="s">
        <v>87</v>
      </c>
      <c r="N28671" t="s">
        <v>88</v>
      </c>
      <c r="O28671" t="s">
        <v>85</v>
      </c>
      <c r="P28671" t="s">
        <v>86</v>
      </c>
      <c r="Q28671">
        <v>32</v>
      </c>
      <c r="R28671">
        <v>32</v>
      </c>
      <c r="S28671">
        <v>32</v>
      </c>
      <c r="T28671">
        <v>32</v>
      </c>
      <c r="U28671">
        <v>33</v>
      </c>
      <c r="V28671">
        <v>33</v>
      </c>
      <c r="W28671">
        <v>33</v>
      </c>
      <c r="X28671">
        <v>33</v>
      </c>
      <c r="Y28671">
        <v>33</v>
      </c>
      <c r="Z28671">
        <v>34</v>
      </c>
      <c r="AA28671">
        <v>34</v>
      </c>
      <c r="AB28671">
        <v>34</v>
      </c>
      <c r="AC28671">
        <v>34</v>
      </c>
      <c r="AD28671">
        <v>34</v>
      </c>
      <c r="AE28671">
        <v>35</v>
      </c>
      <c r="AF28671">
        <v>35</v>
      </c>
      <c r="AG28671">
        <v>35</v>
      </c>
      <c r="AH28671">
        <v>35</v>
      </c>
      <c r="AI28671">
        <v>35</v>
      </c>
      <c r="AJ28671">
        <v>36</v>
      </c>
      <c r="AK28671">
        <v>36</v>
      </c>
      <c r="AL28671">
        <v>36</v>
      </c>
      <c r="AM28671">
        <v>36</v>
      </c>
      <c r="AN28671">
        <v>36</v>
      </c>
      <c r="AO28671">
        <v>37</v>
      </c>
      <c r="AP28671">
        <v>37</v>
      </c>
      <c r="AQ28671">
        <v>37</v>
      </c>
    </row>
    <row r="28672" spans="1:43">
      <c r="A28672" t="s">
        <v>17745</v>
      </c>
      <c r="B28672" t="s">
        <v>17746</v>
      </c>
      <c r="C28672" t="s">
        <v>17741</v>
      </c>
      <c r="D28672" t="s">
        <v>17742</v>
      </c>
      <c r="E28672" t="s">
        <v>17663</v>
      </c>
      <c r="F28672" t="s">
        <v>17664</v>
      </c>
      <c r="G28672" t="s">
        <v>16559</v>
      </c>
      <c r="H28672" t="s">
        <v>16560</v>
      </c>
      <c r="I28672" s="2">
        <v>1</v>
      </c>
      <c r="J28672" s="2">
        <v>0</v>
      </c>
      <c r="K28672" s="2">
        <v>0</v>
      </c>
      <c r="L28672" t="s">
        <v>120</v>
      </c>
      <c r="M28672" t="s">
        <v>89</v>
      </c>
      <c r="N28672" t="s">
        <v>90</v>
      </c>
      <c r="O28672" t="s">
        <v>85</v>
      </c>
      <c r="P28672" t="s">
        <v>86</v>
      </c>
      <c r="Q28672">
        <v>32</v>
      </c>
      <c r="R28672">
        <v>33</v>
      </c>
      <c r="S28672">
        <v>34</v>
      </c>
      <c r="T28672">
        <v>35</v>
      </c>
      <c r="U28672">
        <v>35</v>
      </c>
      <c r="V28672">
        <v>36</v>
      </c>
      <c r="W28672">
        <v>37</v>
      </c>
      <c r="X28672">
        <v>37</v>
      </c>
      <c r="Y28672">
        <v>38</v>
      </c>
      <c r="Z28672">
        <v>39</v>
      </c>
      <c r="AA28672">
        <v>39</v>
      </c>
      <c r="AB28672">
        <v>40</v>
      </c>
      <c r="AC28672">
        <v>40</v>
      </c>
      <c r="AD28672">
        <v>41</v>
      </c>
      <c r="AE28672">
        <v>41</v>
      </c>
      <c r="AF28672">
        <v>42</v>
      </c>
      <c r="AG28672">
        <v>42</v>
      </c>
      <c r="AH28672">
        <v>42</v>
      </c>
      <c r="AI28672">
        <v>42</v>
      </c>
      <c r="AJ28672">
        <v>42</v>
      </c>
      <c r="AK28672">
        <v>42</v>
      </c>
      <c r="AL28672">
        <v>42</v>
      </c>
      <c r="AM28672">
        <v>42</v>
      </c>
      <c r="AN28672">
        <v>42</v>
      </c>
      <c r="AO28672">
        <v>43</v>
      </c>
      <c r="AP28672">
        <v>43</v>
      </c>
      <c r="AQ28672">
        <v>43</v>
      </c>
    </row>
    <row r="28673" spans="1:43">
      <c r="A28673" t="s">
        <v>17745</v>
      </c>
      <c r="B28673" t="s">
        <v>17746</v>
      </c>
      <c r="C28673" t="s">
        <v>17741</v>
      </c>
      <c r="D28673" t="s">
        <v>17742</v>
      </c>
      <c r="E28673" t="s">
        <v>17663</v>
      </c>
      <c r="F28673" t="s">
        <v>17664</v>
      </c>
      <c r="G28673" t="s">
        <v>16559</v>
      </c>
      <c r="H28673" t="s">
        <v>16560</v>
      </c>
      <c r="I28673" s="2">
        <v>1</v>
      </c>
      <c r="J28673" s="2">
        <v>0</v>
      </c>
      <c r="K28673" s="2">
        <v>0</v>
      </c>
      <c r="L28673" t="s">
        <v>120</v>
      </c>
      <c r="M28673" t="s">
        <v>83</v>
      </c>
      <c r="N28673" t="s">
        <v>91</v>
      </c>
      <c r="O28673" t="s">
        <v>85</v>
      </c>
      <c r="P28673" t="s">
        <v>86</v>
      </c>
      <c r="Q28673">
        <v>32</v>
      </c>
      <c r="R28673">
        <v>33</v>
      </c>
      <c r="S28673">
        <v>33</v>
      </c>
      <c r="T28673">
        <v>34</v>
      </c>
      <c r="U28673">
        <v>34</v>
      </c>
      <c r="V28673">
        <v>35</v>
      </c>
      <c r="W28673">
        <v>35</v>
      </c>
      <c r="X28673">
        <v>36</v>
      </c>
      <c r="Y28673">
        <v>36</v>
      </c>
      <c r="Z28673">
        <v>36</v>
      </c>
      <c r="AA28673">
        <v>37</v>
      </c>
      <c r="AB28673">
        <v>37</v>
      </c>
      <c r="AC28673">
        <v>38</v>
      </c>
      <c r="AD28673">
        <v>38</v>
      </c>
      <c r="AE28673">
        <v>39</v>
      </c>
      <c r="AF28673">
        <v>39</v>
      </c>
      <c r="AG28673">
        <v>40</v>
      </c>
      <c r="AH28673">
        <v>40</v>
      </c>
      <c r="AI28673">
        <v>41</v>
      </c>
      <c r="AJ28673">
        <v>41</v>
      </c>
      <c r="AK28673">
        <v>42</v>
      </c>
      <c r="AL28673">
        <v>42</v>
      </c>
      <c r="AM28673">
        <v>42</v>
      </c>
      <c r="AN28673">
        <v>42</v>
      </c>
      <c r="AO28673">
        <v>42</v>
      </c>
      <c r="AP28673">
        <v>42</v>
      </c>
      <c r="AQ28673">
        <v>42</v>
      </c>
    </row>
    <row r="28674" spans="1:43">
      <c r="A28674" t="s">
        <v>17747</v>
      </c>
      <c r="B28674" t="s">
        <v>17748</v>
      </c>
      <c r="C28674" t="s">
        <v>17741</v>
      </c>
      <c r="D28674" t="s">
        <v>17742</v>
      </c>
      <c r="E28674" t="s">
        <v>17663</v>
      </c>
      <c r="F28674" t="s">
        <v>17664</v>
      </c>
      <c r="G28674" t="s">
        <v>16559</v>
      </c>
      <c r="H28674" t="s">
        <v>16560</v>
      </c>
      <c r="I28674" s="2">
        <v>1</v>
      </c>
      <c r="J28674" s="2">
        <v>0</v>
      </c>
      <c r="K28674" s="2">
        <v>0</v>
      </c>
      <c r="L28674" t="s">
        <v>120</v>
      </c>
      <c r="M28674" t="s">
        <v>83</v>
      </c>
      <c r="N28674" t="s">
        <v>84</v>
      </c>
      <c r="O28674" t="s">
        <v>85</v>
      </c>
      <c r="P28674" t="s">
        <v>86</v>
      </c>
      <c r="Q28674">
        <v>107</v>
      </c>
      <c r="R28674">
        <v>109</v>
      </c>
      <c r="S28674">
        <v>111</v>
      </c>
      <c r="T28674">
        <v>112</v>
      </c>
      <c r="U28674">
        <v>114</v>
      </c>
      <c r="V28674">
        <v>115</v>
      </c>
      <c r="W28674">
        <v>117</v>
      </c>
      <c r="X28674">
        <v>119</v>
      </c>
      <c r="Y28674">
        <v>120</v>
      </c>
      <c r="Z28674">
        <v>122</v>
      </c>
      <c r="AA28674">
        <v>123</v>
      </c>
      <c r="AB28674">
        <v>125</v>
      </c>
      <c r="AC28674">
        <v>127</v>
      </c>
      <c r="AD28674">
        <v>128</v>
      </c>
      <c r="AE28674">
        <v>130</v>
      </c>
      <c r="AF28674">
        <v>131</v>
      </c>
      <c r="AG28674">
        <v>133</v>
      </c>
      <c r="AH28674">
        <v>135</v>
      </c>
      <c r="AI28674">
        <v>136</v>
      </c>
      <c r="AJ28674">
        <v>138</v>
      </c>
      <c r="AK28674">
        <v>140</v>
      </c>
      <c r="AL28674">
        <v>141</v>
      </c>
      <c r="AM28674">
        <v>141</v>
      </c>
      <c r="AN28674">
        <v>142</v>
      </c>
      <c r="AO28674">
        <v>142</v>
      </c>
      <c r="AP28674">
        <v>142</v>
      </c>
      <c r="AQ28674">
        <v>143</v>
      </c>
    </row>
    <row r="28675" spans="1:43">
      <c r="A28675" t="s">
        <v>17747</v>
      </c>
      <c r="B28675" t="s">
        <v>17748</v>
      </c>
      <c r="C28675" t="s">
        <v>17741</v>
      </c>
      <c r="D28675" t="s">
        <v>17742</v>
      </c>
      <c r="E28675" t="s">
        <v>17663</v>
      </c>
      <c r="F28675" t="s">
        <v>17664</v>
      </c>
      <c r="G28675" t="s">
        <v>16559</v>
      </c>
      <c r="H28675" t="s">
        <v>16560</v>
      </c>
      <c r="I28675" s="2">
        <v>1</v>
      </c>
      <c r="J28675" s="2">
        <v>0</v>
      </c>
      <c r="K28675" s="2">
        <v>0</v>
      </c>
      <c r="L28675" t="s">
        <v>120</v>
      </c>
      <c r="M28675" t="s">
        <v>87</v>
      </c>
      <c r="N28675" t="s">
        <v>88</v>
      </c>
      <c r="O28675" t="s">
        <v>85</v>
      </c>
      <c r="P28675" t="s">
        <v>86</v>
      </c>
      <c r="Q28675">
        <v>107</v>
      </c>
      <c r="R28675">
        <v>108</v>
      </c>
      <c r="S28675">
        <v>109</v>
      </c>
      <c r="T28675">
        <v>109</v>
      </c>
      <c r="U28675">
        <v>110</v>
      </c>
      <c r="V28675">
        <v>110</v>
      </c>
      <c r="W28675">
        <v>111</v>
      </c>
      <c r="X28675">
        <v>112</v>
      </c>
      <c r="Y28675">
        <v>112</v>
      </c>
      <c r="Z28675">
        <v>113</v>
      </c>
      <c r="AA28675">
        <v>113</v>
      </c>
      <c r="AB28675">
        <v>114</v>
      </c>
      <c r="AC28675">
        <v>115</v>
      </c>
      <c r="AD28675">
        <v>115</v>
      </c>
      <c r="AE28675">
        <v>116</v>
      </c>
      <c r="AF28675">
        <v>117</v>
      </c>
      <c r="AG28675">
        <v>118</v>
      </c>
      <c r="AH28675">
        <v>118</v>
      </c>
      <c r="AI28675">
        <v>119</v>
      </c>
      <c r="AJ28675">
        <v>120</v>
      </c>
      <c r="AK28675">
        <v>120</v>
      </c>
      <c r="AL28675">
        <v>121</v>
      </c>
      <c r="AM28675">
        <v>122</v>
      </c>
      <c r="AN28675">
        <v>123</v>
      </c>
      <c r="AO28675">
        <v>123</v>
      </c>
      <c r="AP28675">
        <v>124</v>
      </c>
      <c r="AQ28675">
        <v>125</v>
      </c>
    </row>
    <row r="28676" spans="1:43">
      <c r="A28676" t="s">
        <v>17747</v>
      </c>
      <c r="B28676" t="s">
        <v>17748</v>
      </c>
      <c r="C28676" t="s">
        <v>17741</v>
      </c>
      <c r="D28676" t="s">
        <v>17742</v>
      </c>
      <c r="E28676" t="s">
        <v>17663</v>
      </c>
      <c r="F28676" t="s">
        <v>17664</v>
      </c>
      <c r="G28676" t="s">
        <v>16559</v>
      </c>
      <c r="H28676" t="s">
        <v>16560</v>
      </c>
      <c r="I28676" s="2">
        <v>1</v>
      </c>
      <c r="J28676" s="2">
        <v>0</v>
      </c>
      <c r="K28676" s="2">
        <v>0</v>
      </c>
      <c r="L28676" t="s">
        <v>120</v>
      </c>
      <c r="M28676" t="s">
        <v>89</v>
      </c>
      <c r="N28676" t="s">
        <v>90</v>
      </c>
      <c r="O28676" t="s">
        <v>85</v>
      </c>
      <c r="P28676" t="s">
        <v>86</v>
      </c>
      <c r="Q28676">
        <v>107</v>
      </c>
      <c r="R28676">
        <v>110</v>
      </c>
      <c r="S28676">
        <v>112</v>
      </c>
      <c r="T28676">
        <v>115</v>
      </c>
      <c r="U28676">
        <v>117</v>
      </c>
      <c r="V28676">
        <v>120</v>
      </c>
      <c r="W28676">
        <v>122</v>
      </c>
      <c r="X28676">
        <v>124</v>
      </c>
      <c r="Y28676">
        <v>126</v>
      </c>
      <c r="Z28676">
        <v>128</v>
      </c>
      <c r="AA28676">
        <v>130</v>
      </c>
      <c r="AB28676">
        <v>132</v>
      </c>
      <c r="AC28676">
        <v>135</v>
      </c>
      <c r="AD28676">
        <v>137</v>
      </c>
      <c r="AE28676">
        <v>138</v>
      </c>
      <c r="AF28676">
        <v>139</v>
      </c>
      <c r="AG28676">
        <v>139</v>
      </c>
      <c r="AH28676">
        <v>139</v>
      </c>
      <c r="AI28676">
        <v>140</v>
      </c>
      <c r="AJ28676">
        <v>140</v>
      </c>
      <c r="AK28676">
        <v>141</v>
      </c>
      <c r="AL28676">
        <v>141</v>
      </c>
      <c r="AM28676">
        <v>141</v>
      </c>
      <c r="AN28676">
        <v>142</v>
      </c>
      <c r="AO28676">
        <v>142</v>
      </c>
      <c r="AP28676">
        <v>143</v>
      </c>
      <c r="AQ28676">
        <v>143</v>
      </c>
    </row>
    <row r="28677" spans="1:43">
      <c r="A28677" t="s">
        <v>17747</v>
      </c>
      <c r="B28677" t="s">
        <v>17748</v>
      </c>
      <c r="C28677" t="s">
        <v>17741</v>
      </c>
      <c r="D28677" t="s">
        <v>17742</v>
      </c>
      <c r="E28677" t="s">
        <v>17663</v>
      </c>
      <c r="F28677" t="s">
        <v>17664</v>
      </c>
      <c r="G28677" t="s">
        <v>16559</v>
      </c>
      <c r="H28677" t="s">
        <v>16560</v>
      </c>
      <c r="I28677" s="2">
        <v>1</v>
      </c>
      <c r="J28677" s="2">
        <v>0</v>
      </c>
      <c r="K28677" s="2">
        <v>0</v>
      </c>
      <c r="L28677" t="s">
        <v>120</v>
      </c>
      <c r="M28677" t="s">
        <v>83</v>
      </c>
      <c r="N28677" t="s">
        <v>91</v>
      </c>
      <c r="O28677" t="s">
        <v>85</v>
      </c>
      <c r="P28677" t="s">
        <v>86</v>
      </c>
      <c r="Q28677">
        <v>107</v>
      </c>
      <c r="R28677">
        <v>109</v>
      </c>
      <c r="S28677">
        <v>111</v>
      </c>
      <c r="T28677">
        <v>112</v>
      </c>
      <c r="U28677">
        <v>114</v>
      </c>
      <c r="V28677">
        <v>115</v>
      </c>
      <c r="W28677">
        <v>117</v>
      </c>
      <c r="X28677">
        <v>119</v>
      </c>
      <c r="Y28677">
        <v>120</v>
      </c>
      <c r="Z28677">
        <v>122</v>
      </c>
      <c r="AA28677">
        <v>123</v>
      </c>
      <c r="AB28677">
        <v>125</v>
      </c>
      <c r="AC28677">
        <v>127</v>
      </c>
      <c r="AD28677">
        <v>128</v>
      </c>
      <c r="AE28677">
        <v>130</v>
      </c>
      <c r="AF28677">
        <v>131</v>
      </c>
      <c r="AG28677">
        <v>133</v>
      </c>
      <c r="AH28677">
        <v>135</v>
      </c>
      <c r="AI28677">
        <v>136</v>
      </c>
      <c r="AJ28677">
        <v>138</v>
      </c>
      <c r="AK28677">
        <v>140</v>
      </c>
      <c r="AL28677">
        <v>141</v>
      </c>
      <c r="AM28677">
        <v>141</v>
      </c>
      <c r="AN28677">
        <v>142</v>
      </c>
      <c r="AO28677">
        <v>142</v>
      </c>
      <c r="AP28677">
        <v>142</v>
      </c>
      <c r="AQ28677">
        <v>143</v>
      </c>
    </row>
    <row r="28678" spans="1:43">
      <c r="A28678" t="s">
        <v>17749</v>
      </c>
      <c r="B28678" t="s">
        <v>17750</v>
      </c>
      <c r="C28678" t="s">
        <v>17751</v>
      </c>
      <c r="D28678" t="s">
        <v>17752</v>
      </c>
      <c r="E28678" t="s">
        <v>17663</v>
      </c>
      <c r="F28678" t="s">
        <v>17664</v>
      </c>
      <c r="G28678" t="s">
        <v>16559</v>
      </c>
      <c r="H28678" t="s">
        <v>16560</v>
      </c>
      <c r="I28678" s="2">
        <v>1</v>
      </c>
      <c r="J28678" s="2">
        <v>0</v>
      </c>
      <c r="K28678" s="2">
        <v>0</v>
      </c>
      <c r="L28678" t="s">
        <v>120</v>
      </c>
      <c r="M28678" t="s">
        <v>83</v>
      </c>
      <c r="N28678" t="s">
        <v>84</v>
      </c>
      <c r="O28678" t="s">
        <v>85</v>
      </c>
      <c r="P28678" t="s">
        <v>86</v>
      </c>
      <c r="Q28678">
        <v>14</v>
      </c>
      <c r="R28678">
        <v>15</v>
      </c>
      <c r="S28678">
        <v>15</v>
      </c>
      <c r="T28678">
        <v>15</v>
      </c>
      <c r="U28678">
        <v>15</v>
      </c>
      <c r="V28678">
        <v>16</v>
      </c>
      <c r="W28678">
        <v>16</v>
      </c>
      <c r="X28678">
        <v>16</v>
      </c>
      <c r="Y28678">
        <v>16</v>
      </c>
      <c r="Z28678">
        <v>16</v>
      </c>
      <c r="AA28678">
        <v>17</v>
      </c>
      <c r="AB28678">
        <v>17</v>
      </c>
      <c r="AC28678">
        <v>17</v>
      </c>
      <c r="AD28678">
        <v>17</v>
      </c>
      <c r="AE28678">
        <v>17</v>
      </c>
      <c r="AF28678">
        <v>18</v>
      </c>
      <c r="AG28678">
        <v>18</v>
      </c>
      <c r="AH28678">
        <v>18</v>
      </c>
      <c r="AI28678">
        <v>18</v>
      </c>
      <c r="AJ28678">
        <v>18</v>
      </c>
      <c r="AK28678">
        <v>19</v>
      </c>
      <c r="AL28678">
        <v>19</v>
      </c>
      <c r="AM28678">
        <v>19</v>
      </c>
      <c r="AN28678">
        <v>19</v>
      </c>
      <c r="AO28678">
        <v>19</v>
      </c>
      <c r="AP28678">
        <v>19</v>
      </c>
      <c r="AQ28678">
        <v>19</v>
      </c>
    </row>
    <row r="28679" spans="1:43">
      <c r="A28679" t="s">
        <v>17749</v>
      </c>
      <c r="B28679" t="s">
        <v>17750</v>
      </c>
      <c r="C28679" t="s">
        <v>17751</v>
      </c>
      <c r="D28679" t="s">
        <v>17752</v>
      </c>
      <c r="E28679" t="s">
        <v>17663</v>
      </c>
      <c r="F28679" t="s">
        <v>17664</v>
      </c>
      <c r="G28679" t="s">
        <v>16559</v>
      </c>
      <c r="H28679" t="s">
        <v>16560</v>
      </c>
      <c r="I28679" s="2">
        <v>1</v>
      </c>
      <c r="J28679" s="2">
        <v>0</v>
      </c>
      <c r="K28679" s="2">
        <v>0</v>
      </c>
      <c r="L28679" t="s">
        <v>120</v>
      </c>
      <c r="M28679" t="s">
        <v>87</v>
      </c>
      <c r="N28679" t="s">
        <v>88</v>
      </c>
      <c r="O28679" t="s">
        <v>85</v>
      </c>
      <c r="P28679" t="s">
        <v>86</v>
      </c>
      <c r="Q28679">
        <v>14</v>
      </c>
      <c r="R28679">
        <v>14</v>
      </c>
      <c r="S28679">
        <v>14</v>
      </c>
      <c r="T28679">
        <v>15</v>
      </c>
      <c r="U28679">
        <v>15</v>
      </c>
      <c r="V28679">
        <v>15</v>
      </c>
      <c r="W28679">
        <v>15</v>
      </c>
      <c r="X28679">
        <v>15</v>
      </c>
      <c r="Y28679">
        <v>15</v>
      </c>
      <c r="Z28679">
        <v>15</v>
      </c>
      <c r="AA28679">
        <v>15</v>
      </c>
      <c r="AB28679">
        <v>15</v>
      </c>
      <c r="AC28679">
        <v>15</v>
      </c>
      <c r="AD28679">
        <v>15</v>
      </c>
      <c r="AE28679">
        <v>15</v>
      </c>
      <c r="AF28679">
        <v>16</v>
      </c>
      <c r="AG28679">
        <v>16</v>
      </c>
      <c r="AH28679">
        <v>16</v>
      </c>
      <c r="AI28679">
        <v>16</v>
      </c>
      <c r="AJ28679">
        <v>16</v>
      </c>
      <c r="AK28679">
        <v>16</v>
      </c>
      <c r="AL28679">
        <v>16</v>
      </c>
      <c r="AM28679">
        <v>16</v>
      </c>
      <c r="AN28679">
        <v>16</v>
      </c>
      <c r="AO28679">
        <v>16</v>
      </c>
      <c r="AP28679">
        <v>17</v>
      </c>
      <c r="AQ28679">
        <v>17</v>
      </c>
    </row>
    <row r="28680" spans="1:43">
      <c r="A28680" t="s">
        <v>17749</v>
      </c>
      <c r="B28680" t="s">
        <v>17750</v>
      </c>
      <c r="C28680" t="s">
        <v>17751</v>
      </c>
      <c r="D28680" t="s">
        <v>17752</v>
      </c>
      <c r="E28680" t="s">
        <v>17663</v>
      </c>
      <c r="F28680" t="s">
        <v>17664</v>
      </c>
      <c r="G28680" t="s">
        <v>16559</v>
      </c>
      <c r="H28680" t="s">
        <v>16560</v>
      </c>
      <c r="I28680" s="2">
        <v>1</v>
      </c>
      <c r="J28680" s="2">
        <v>0</v>
      </c>
      <c r="K28680" s="2">
        <v>0</v>
      </c>
      <c r="L28680" t="s">
        <v>120</v>
      </c>
      <c r="M28680" t="s">
        <v>89</v>
      </c>
      <c r="N28680" t="s">
        <v>90</v>
      </c>
      <c r="O28680" t="s">
        <v>85</v>
      </c>
      <c r="P28680" t="s">
        <v>86</v>
      </c>
      <c r="Q28680">
        <v>14</v>
      </c>
      <c r="R28680">
        <v>14</v>
      </c>
      <c r="S28680">
        <v>14</v>
      </c>
      <c r="T28680">
        <v>15</v>
      </c>
      <c r="U28680">
        <v>15</v>
      </c>
      <c r="V28680">
        <v>15</v>
      </c>
      <c r="W28680">
        <v>15</v>
      </c>
      <c r="X28680">
        <v>16</v>
      </c>
      <c r="Y28680">
        <v>16</v>
      </c>
      <c r="Z28680">
        <v>16</v>
      </c>
      <c r="AA28680">
        <v>17</v>
      </c>
      <c r="AB28680">
        <v>17</v>
      </c>
      <c r="AC28680">
        <v>17</v>
      </c>
      <c r="AD28680">
        <v>17</v>
      </c>
      <c r="AE28680">
        <v>18</v>
      </c>
      <c r="AF28680">
        <v>18</v>
      </c>
      <c r="AG28680">
        <v>18</v>
      </c>
      <c r="AH28680">
        <v>18</v>
      </c>
      <c r="AI28680">
        <v>18</v>
      </c>
      <c r="AJ28680">
        <v>18</v>
      </c>
      <c r="AK28680">
        <v>18</v>
      </c>
      <c r="AL28680">
        <v>18</v>
      </c>
      <c r="AM28680">
        <v>18</v>
      </c>
      <c r="AN28680">
        <v>18</v>
      </c>
      <c r="AO28680">
        <v>18</v>
      </c>
      <c r="AP28680">
        <v>18</v>
      </c>
      <c r="AQ28680">
        <v>18</v>
      </c>
    </row>
    <row r="28681" spans="1:43">
      <c r="A28681" t="s">
        <v>17749</v>
      </c>
      <c r="B28681" t="s">
        <v>17750</v>
      </c>
      <c r="C28681" t="s">
        <v>17751</v>
      </c>
      <c r="D28681" t="s">
        <v>17752</v>
      </c>
      <c r="E28681" t="s">
        <v>17663</v>
      </c>
      <c r="F28681" t="s">
        <v>17664</v>
      </c>
      <c r="G28681" t="s">
        <v>16559</v>
      </c>
      <c r="H28681" t="s">
        <v>16560</v>
      </c>
      <c r="I28681" s="2">
        <v>1</v>
      </c>
      <c r="J28681" s="2">
        <v>0</v>
      </c>
      <c r="K28681" s="2">
        <v>0</v>
      </c>
      <c r="L28681" t="s">
        <v>120</v>
      </c>
      <c r="M28681" t="s">
        <v>83</v>
      </c>
      <c r="N28681" t="s">
        <v>91</v>
      </c>
      <c r="O28681" t="s">
        <v>85</v>
      </c>
      <c r="P28681" t="s">
        <v>86</v>
      </c>
      <c r="Q28681">
        <v>14</v>
      </c>
      <c r="R28681">
        <v>15</v>
      </c>
      <c r="S28681">
        <v>15</v>
      </c>
      <c r="T28681">
        <v>15</v>
      </c>
      <c r="U28681">
        <v>15</v>
      </c>
      <c r="V28681">
        <v>16</v>
      </c>
      <c r="W28681">
        <v>16</v>
      </c>
      <c r="X28681">
        <v>16</v>
      </c>
      <c r="Y28681">
        <v>16</v>
      </c>
      <c r="Z28681">
        <v>16</v>
      </c>
      <c r="AA28681">
        <v>17</v>
      </c>
      <c r="AB28681">
        <v>17</v>
      </c>
      <c r="AC28681">
        <v>17</v>
      </c>
      <c r="AD28681">
        <v>17</v>
      </c>
      <c r="AE28681">
        <v>17</v>
      </c>
      <c r="AF28681">
        <v>18</v>
      </c>
      <c r="AG28681">
        <v>18</v>
      </c>
      <c r="AH28681">
        <v>18</v>
      </c>
      <c r="AI28681">
        <v>18</v>
      </c>
      <c r="AJ28681">
        <v>18</v>
      </c>
      <c r="AK28681">
        <v>19</v>
      </c>
      <c r="AL28681">
        <v>19</v>
      </c>
      <c r="AM28681">
        <v>19</v>
      </c>
      <c r="AN28681">
        <v>19</v>
      </c>
      <c r="AO28681">
        <v>19</v>
      </c>
      <c r="AP28681">
        <v>19</v>
      </c>
      <c r="AQ28681">
        <v>19</v>
      </c>
    </row>
    <row r="28682" spans="1:43">
      <c r="A28682" t="s">
        <v>17753</v>
      </c>
      <c r="B28682" t="s">
        <v>17754</v>
      </c>
      <c r="C28682" t="s">
        <v>17751</v>
      </c>
      <c r="D28682" t="s">
        <v>17752</v>
      </c>
      <c r="E28682" t="s">
        <v>17663</v>
      </c>
      <c r="F28682" t="s">
        <v>17664</v>
      </c>
      <c r="G28682" t="s">
        <v>16559</v>
      </c>
      <c r="H28682" t="s">
        <v>16560</v>
      </c>
      <c r="I28682" s="2">
        <v>1</v>
      </c>
      <c r="J28682" s="2">
        <v>0</v>
      </c>
      <c r="K28682" s="2">
        <v>0</v>
      </c>
      <c r="L28682" t="s">
        <v>120</v>
      </c>
      <c r="M28682" t="s">
        <v>83</v>
      </c>
      <c r="N28682" t="s">
        <v>84</v>
      </c>
      <c r="O28682" t="s">
        <v>85</v>
      </c>
      <c r="P28682" t="s">
        <v>86</v>
      </c>
      <c r="Q28682">
        <v>10</v>
      </c>
      <c r="R28682">
        <v>10</v>
      </c>
      <c r="S28682">
        <v>10</v>
      </c>
      <c r="T28682">
        <v>10</v>
      </c>
      <c r="U28682">
        <v>10</v>
      </c>
      <c r="V28682">
        <v>10</v>
      </c>
      <c r="W28682">
        <v>11</v>
      </c>
      <c r="X28682">
        <v>11</v>
      </c>
      <c r="Y28682">
        <v>11</v>
      </c>
      <c r="Z28682">
        <v>11</v>
      </c>
      <c r="AA28682">
        <v>11</v>
      </c>
      <c r="AB28682">
        <v>11</v>
      </c>
      <c r="AC28682">
        <v>11</v>
      </c>
      <c r="AD28682">
        <v>11</v>
      </c>
      <c r="AE28682">
        <v>12</v>
      </c>
      <c r="AF28682">
        <v>12</v>
      </c>
      <c r="AG28682">
        <v>12</v>
      </c>
      <c r="AH28682">
        <v>12</v>
      </c>
      <c r="AI28682">
        <v>12</v>
      </c>
      <c r="AJ28682">
        <v>12</v>
      </c>
      <c r="AK28682">
        <v>12</v>
      </c>
      <c r="AL28682">
        <v>13</v>
      </c>
      <c r="AM28682">
        <v>13</v>
      </c>
      <c r="AN28682">
        <v>13</v>
      </c>
      <c r="AO28682">
        <v>13</v>
      </c>
      <c r="AP28682">
        <v>13</v>
      </c>
      <c r="AQ28682">
        <v>13</v>
      </c>
    </row>
    <row r="28683" spans="1:43">
      <c r="A28683" t="s">
        <v>17753</v>
      </c>
      <c r="B28683" t="s">
        <v>17754</v>
      </c>
      <c r="C28683" t="s">
        <v>17751</v>
      </c>
      <c r="D28683" t="s">
        <v>17752</v>
      </c>
      <c r="E28683" t="s">
        <v>17663</v>
      </c>
      <c r="F28683" t="s">
        <v>17664</v>
      </c>
      <c r="G28683" t="s">
        <v>16559</v>
      </c>
      <c r="H28683" t="s">
        <v>16560</v>
      </c>
      <c r="I28683" s="2">
        <v>1</v>
      </c>
      <c r="J28683" s="2">
        <v>0</v>
      </c>
      <c r="K28683" s="2">
        <v>0</v>
      </c>
      <c r="L28683" t="s">
        <v>120</v>
      </c>
      <c r="M28683" t="s">
        <v>87</v>
      </c>
      <c r="N28683" t="s">
        <v>88</v>
      </c>
      <c r="O28683" t="s">
        <v>85</v>
      </c>
      <c r="P28683" t="s">
        <v>86</v>
      </c>
      <c r="Q28683">
        <v>10</v>
      </c>
      <c r="R28683">
        <v>10</v>
      </c>
      <c r="S28683">
        <v>10</v>
      </c>
      <c r="T28683">
        <v>10</v>
      </c>
      <c r="U28683">
        <v>10</v>
      </c>
      <c r="V28683">
        <v>10</v>
      </c>
      <c r="W28683">
        <v>10</v>
      </c>
      <c r="X28683">
        <v>10</v>
      </c>
      <c r="Y28683">
        <v>10</v>
      </c>
      <c r="Z28683">
        <v>10</v>
      </c>
      <c r="AA28683">
        <v>10</v>
      </c>
      <c r="AB28683">
        <v>10</v>
      </c>
      <c r="AC28683">
        <v>10</v>
      </c>
      <c r="AD28683">
        <v>10</v>
      </c>
      <c r="AE28683">
        <v>10</v>
      </c>
      <c r="AF28683">
        <v>10</v>
      </c>
      <c r="AG28683">
        <v>10</v>
      </c>
      <c r="AH28683">
        <v>11</v>
      </c>
      <c r="AI28683">
        <v>11</v>
      </c>
      <c r="AJ28683">
        <v>11</v>
      </c>
      <c r="AK28683">
        <v>11</v>
      </c>
      <c r="AL28683">
        <v>11</v>
      </c>
      <c r="AM28683">
        <v>11</v>
      </c>
      <c r="AN28683">
        <v>11</v>
      </c>
      <c r="AO28683">
        <v>11</v>
      </c>
      <c r="AP28683">
        <v>11</v>
      </c>
      <c r="AQ28683">
        <v>11</v>
      </c>
    </row>
    <row r="28684" spans="1:43">
      <c r="A28684" t="s">
        <v>17753</v>
      </c>
      <c r="B28684" t="s">
        <v>17754</v>
      </c>
      <c r="C28684" t="s">
        <v>17751</v>
      </c>
      <c r="D28684" t="s">
        <v>17752</v>
      </c>
      <c r="E28684" t="s">
        <v>17663</v>
      </c>
      <c r="F28684" t="s">
        <v>17664</v>
      </c>
      <c r="G28684" t="s">
        <v>16559</v>
      </c>
      <c r="H28684" t="s">
        <v>16560</v>
      </c>
      <c r="I28684" s="2">
        <v>1</v>
      </c>
      <c r="J28684" s="2">
        <v>0</v>
      </c>
      <c r="K28684" s="2">
        <v>0</v>
      </c>
      <c r="L28684" t="s">
        <v>120</v>
      </c>
      <c r="M28684" t="s">
        <v>89</v>
      </c>
      <c r="N28684" t="s">
        <v>90</v>
      </c>
      <c r="O28684" t="s">
        <v>85</v>
      </c>
      <c r="P28684" t="s">
        <v>86</v>
      </c>
      <c r="Q28684">
        <v>10</v>
      </c>
      <c r="R28684">
        <v>10</v>
      </c>
      <c r="S28684">
        <v>10</v>
      </c>
      <c r="T28684">
        <v>10</v>
      </c>
      <c r="U28684">
        <v>11</v>
      </c>
      <c r="V28684">
        <v>11</v>
      </c>
      <c r="W28684">
        <v>11</v>
      </c>
      <c r="X28684">
        <v>11</v>
      </c>
      <c r="Y28684">
        <v>11</v>
      </c>
      <c r="Z28684">
        <v>12</v>
      </c>
      <c r="AA28684">
        <v>12</v>
      </c>
      <c r="AB28684">
        <v>12</v>
      </c>
      <c r="AC28684">
        <v>12</v>
      </c>
      <c r="AD28684">
        <v>12</v>
      </c>
      <c r="AE28684">
        <v>12</v>
      </c>
      <c r="AF28684">
        <v>12</v>
      </c>
      <c r="AG28684">
        <v>12</v>
      </c>
      <c r="AH28684">
        <v>12</v>
      </c>
      <c r="AI28684">
        <v>13</v>
      </c>
      <c r="AJ28684">
        <v>13</v>
      </c>
      <c r="AK28684">
        <v>13</v>
      </c>
      <c r="AL28684">
        <v>13</v>
      </c>
      <c r="AM28684">
        <v>13</v>
      </c>
      <c r="AN28684">
        <v>13</v>
      </c>
      <c r="AO28684">
        <v>13</v>
      </c>
      <c r="AP28684">
        <v>13</v>
      </c>
      <c r="AQ28684">
        <v>13</v>
      </c>
    </row>
    <row r="28685" spans="1:43">
      <c r="A28685" t="s">
        <v>17753</v>
      </c>
      <c r="B28685" t="s">
        <v>17754</v>
      </c>
      <c r="C28685" t="s">
        <v>17751</v>
      </c>
      <c r="D28685" t="s">
        <v>17752</v>
      </c>
      <c r="E28685" t="s">
        <v>17663</v>
      </c>
      <c r="F28685" t="s">
        <v>17664</v>
      </c>
      <c r="G28685" t="s">
        <v>16559</v>
      </c>
      <c r="H28685" t="s">
        <v>16560</v>
      </c>
      <c r="I28685" s="2">
        <v>1</v>
      </c>
      <c r="J28685" s="2">
        <v>0</v>
      </c>
      <c r="K28685" s="2">
        <v>0</v>
      </c>
      <c r="L28685" t="s">
        <v>120</v>
      </c>
      <c r="M28685" t="s">
        <v>83</v>
      </c>
      <c r="N28685" t="s">
        <v>91</v>
      </c>
      <c r="O28685" t="s">
        <v>85</v>
      </c>
      <c r="P28685" t="s">
        <v>86</v>
      </c>
      <c r="Q28685">
        <v>10</v>
      </c>
      <c r="R28685">
        <v>10</v>
      </c>
      <c r="S28685">
        <v>10</v>
      </c>
      <c r="T28685">
        <v>10</v>
      </c>
      <c r="U28685">
        <v>10</v>
      </c>
      <c r="V28685">
        <v>10</v>
      </c>
      <c r="W28685">
        <v>11</v>
      </c>
      <c r="X28685">
        <v>11</v>
      </c>
      <c r="Y28685">
        <v>11</v>
      </c>
      <c r="Z28685">
        <v>11</v>
      </c>
      <c r="AA28685">
        <v>11</v>
      </c>
      <c r="AB28685">
        <v>11</v>
      </c>
      <c r="AC28685">
        <v>11</v>
      </c>
      <c r="AD28685">
        <v>11</v>
      </c>
      <c r="AE28685">
        <v>12</v>
      </c>
      <c r="AF28685">
        <v>12</v>
      </c>
      <c r="AG28685">
        <v>12</v>
      </c>
      <c r="AH28685">
        <v>12</v>
      </c>
      <c r="AI28685">
        <v>12</v>
      </c>
      <c r="AJ28685">
        <v>12</v>
      </c>
      <c r="AK28685">
        <v>12</v>
      </c>
      <c r="AL28685">
        <v>13</v>
      </c>
      <c r="AM28685">
        <v>13</v>
      </c>
      <c r="AN28685">
        <v>13</v>
      </c>
      <c r="AO28685">
        <v>13</v>
      </c>
      <c r="AP28685">
        <v>13</v>
      </c>
      <c r="AQ28685">
        <v>13</v>
      </c>
    </row>
    <row r="28686" spans="1:43">
      <c r="A28686" t="s">
        <v>17755</v>
      </c>
      <c r="B28686" t="s">
        <v>17756</v>
      </c>
      <c r="C28686" t="s">
        <v>17751</v>
      </c>
      <c r="D28686" t="s">
        <v>17752</v>
      </c>
      <c r="E28686" t="s">
        <v>17663</v>
      </c>
      <c r="F28686" t="s">
        <v>17664</v>
      </c>
      <c r="G28686" t="s">
        <v>16559</v>
      </c>
      <c r="H28686" t="s">
        <v>16560</v>
      </c>
      <c r="I28686" s="2">
        <v>1</v>
      </c>
      <c r="J28686" s="2">
        <v>0</v>
      </c>
      <c r="K28686" s="2">
        <v>0</v>
      </c>
      <c r="L28686" t="s">
        <v>120</v>
      </c>
      <c r="M28686" t="s">
        <v>83</v>
      </c>
      <c r="N28686" t="s">
        <v>84</v>
      </c>
      <c r="O28686" t="s">
        <v>85</v>
      </c>
      <c r="P28686" t="s">
        <v>86</v>
      </c>
      <c r="Q28686">
        <v>25</v>
      </c>
      <c r="R28686">
        <v>25</v>
      </c>
      <c r="S28686">
        <v>26</v>
      </c>
      <c r="T28686">
        <v>26</v>
      </c>
      <c r="U28686">
        <v>26</v>
      </c>
      <c r="V28686">
        <v>27</v>
      </c>
      <c r="W28686">
        <v>27</v>
      </c>
      <c r="X28686">
        <v>27</v>
      </c>
      <c r="Y28686">
        <v>28</v>
      </c>
      <c r="Z28686">
        <v>28</v>
      </c>
      <c r="AA28686">
        <v>28</v>
      </c>
      <c r="AB28686">
        <v>29</v>
      </c>
      <c r="AC28686">
        <v>29</v>
      </c>
      <c r="AD28686">
        <v>29</v>
      </c>
      <c r="AE28686">
        <v>30</v>
      </c>
      <c r="AF28686">
        <v>30</v>
      </c>
      <c r="AG28686">
        <v>31</v>
      </c>
      <c r="AH28686">
        <v>31</v>
      </c>
      <c r="AI28686">
        <v>31</v>
      </c>
      <c r="AJ28686">
        <v>32</v>
      </c>
      <c r="AK28686">
        <v>32</v>
      </c>
      <c r="AL28686">
        <v>32</v>
      </c>
      <c r="AM28686">
        <v>32</v>
      </c>
      <c r="AN28686">
        <v>32</v>
      </c>
      <c r="AO28686">
        <v>32</v>
      </c>
      <c r="AP28686">
        <v>33</v>
      </c>
      <c r="AQ28686">
        <v>33</v>
      </c>
    </row>
    <row r="28687" spans="1:43">
      <c r="A28687" t="s">
        <v>17755</v>
      </c>
      <c r="B28687" t="s">
        <v>17756</v>
      </c>
      <c r="C28687" t="s">
        <v>17751</v>
      </c>
      <c r="D28687" t="s">
        <v>17752</v>
      </c>
      <c r="E28687" t="s">
        <v>17663</v>
      </c>
      <c r="F28687" t="s">
        <v>17664</v>
      </c>
      <c r="G28687" t="s">
        <v>16559</v>
      </c>
      <c r="H28687" t="s">
        <v>16560</v>
      </c>
      <c r="I28687" s="2">
        <v>1</v>
      </c>
      <c r="J28687" s="2">
        <v>0</v>
      </c>
      <c r="K28687" s="2">
        <v>0</v>
      </c>
      <c r="L28687" t="s">
        <v>120</v>
      </c>
      <c r="M28687" t="s">
        <v>87</v>
      </c>
      <c r="N28687" t="s">
        <v>88</v>
      </c>
      <c r="O28687" t="s">
        <v>85</v>
      </c>
      <c r="P28687" t="s">
        <v>86</v>
      </c>
      <c r="Q28687">
        <v>25</v>
      </c>
      <c r="R28687">
        <v>25</v>
      </c>
      <c r="S28687">
        <v>25</v>
      </c>
      <c r="T28687">
        <v>25</v>
      </c>
      <c r="U28687">
        <v>25</v>
      </c>
      <c r="V28687">
        <v>25</v>
      </c>
      <c r="W28687">
        <v>25</v>
      </c>
      <c r="X28687">
        <v>26</v>
      </c>
      <c r="Y28687">
        <v>26</v>
      </c>
      <c r="Z28687">
        <v>26</v>
      </c>
      <c r="AA28687">
        <v>26</v>
      </c>
      <c r="AB28687">
        <v>26</v>
      </c>
      <c r="AC28687">
        <v>26</v>
      </c>
      <c r="AD28687">
        <v>26</v>
      </c>
      <c r="AE28687">
        <v>27</v>
      </c>
      <c r="AF28687">
        <v>27</v>
      </c>
      <c r="AG28687">
        <v>27</v>
      </c>
      <c r="AH28687">
        <v>27</v>
      </c>
      <c r="AI28687">
        <v>27</v>
      </c>
      <c r="AJ28687">
        <v>27</v>
      </c>
      <c r="AK28687">
        <v>28</v>
      </c>
      <c r="AL28687">
        <v>28</v>
      </c>
      <c r="AM28687">
        <v>28</v>
      </c>
      <c r="AN28687">
        <v>28</v>
      </c>
      <c r="AO28687">
        <v>28</v>
      </c>
      <c r="AP28687">
        <v>28</v>
      </c>
      <c r="AQ28687">
        <v>29</v>
      </c>
    </row>
    <row r="28688" spans="1:43">
      <c r="A28688" t="s">
        <v>17755</v>
      </c>
      <c r="B28688" t="s">
        <v>17756</v>
      </c>
      <c r="C28688" t="s">
        <v>17751</v>
      </c>
      <c r="D28688" t="s">
        <v>17752</v>
      </c>
      <c r="E28688" t="s">
        <v>17663</v>
      </c>
      <c r="F28688" t="s">
        <v>17664</v>
      </c>
      <c r="G28688" t="s">
        <v>16559</v>
      </c>
      <c r="H28688" t="s">
        <v>16560</v>
      </c>
      <c r="I28688" s="2">
        <v>1</v>
      </c>
      <c r="J28688" s="2">
        <v>0</v>
      </c>
      <c r="K28688" s="2">
        <v>0</v>
      </c>
      <c r="L28688" t="s">
        <v>120</v>
      </c>
      <c r="M28688" t="s">
        <v>89</v>
      </c>
      <c r="N28688" t="s">
        <v>90</v>
      </c>
      <c r="O28688" t="s">
        <v>85</v>
      </c>
      <c r="P28688" t="s">
        <v>86</v>
      </c>
      <c r="Q28688">
        <v>25</v>
      </c>
      <c r="R28688">
        <v>26</v>
      </c>
      <c r="S28688">
        <v>26</v>
      </c>
      <c r="T28688">
        <v>27</v>
      </c>
      <c r="U28688">
        <v>27</v>
      </c>
      <c r="V28688">
        <v>28</v>
      </c>
      <c r="W28688">
        <v>28</v>
      </c>
      <c r="X28688">
        <v>29</v>
      </c>
      <c r="Y28688">
        <v>29</v>
      </c>
      <c r="Z28688">
        <v>30</v>
      </c>
      <c r="AA28688">
        <v>30</v>
      </c>
      <c r="AB28688">
        <v>31</v>
      </c>
      <c r="AC28688">
        <v>31</v>
      </c>
      <c r="AD28688">
        <v>32</v>
      </c>
      <c r="AE28688">
        <v>32</v>
      </c>
      <c r="AF28688">
        <v>32</v>
      </c>
      <c r="AG28688">
        <v>32</v>
      </c>
      <c r="AH28688">
        <v>32</v>
      </c>
      <c r="AI28688">
        <v>32</v>
      </c>
      <c r="AJ28688">
        <v>32</v>
      </c>
      <c r="AK28688">
        <v>32</v>
      </c>
      <c r="AL28688">
        <v>32</v>
      </c>
      <c r="AM28688">
        <v>33</v>
      </c>
      <c r="AN28688">
        <v>33</v>
      </c>
      <c r="AO28688">
        <v>33</v>
      </c>
      <c r="AP28688">
        <v>33</v>
      </c>
      <c r="AQ28688">
        <v>33</v>
      </c>
    </row>
    <row r="28689" spans="1:43">
      <c r="A28689" t="s">
        <v>17755</v>
      </c>
      <c r="B28689" t="s">
        <v>17756</v>
      </c>
      <c r="C28689" t="s">
        <v>17751</v>
      </c>
      <c r="D28689" t="s">
        <v>17752</v>
      </c>
      <c r="E28689" t="s">
        <v>17663</v>
      </c>
      <c r="F28689" t="s">
        <v>17664</v>
      </c>
      <c r="G28689" t="s">
        <v>16559</v>
      </c>
      <c r="H28689" t="s">
        <v>16560</v>
      </c>
      <c r="I28689" s="2">
        <v>1</v>
      </c>
      <c r="J28689" s="2">
        <v>0</v>
      </c>
      <c r="K28689" s="2">
        <v>0</v>
      </c>
      <c r="L28689" t="s">
        <v>120</v>
      </c>
      <c r="M28689" t="s">
        <v>83</v>
      </c>
      <c r="N28689" t="s">
        <v>91</v>
      </c>
      <c r="O28689" t="s">
        <v>85</v>
      </c>
      <c r="P28689" t="s">
        <v>86</v>
      </c>
      <c r="Q28689">
        <v>25</v>
      </c>
      <c r="R28689">
        <v>25</v>
      </c>
      <c r="S28689">
        <v>26</v>
      </c>
      <c r="T28689">
        <v>26</v>
      </c>
      <c r="U28689">
        <v>26</v>
      </c>
      <c r="V28689">
        <v>27</v>
      </c>
      <c r="W28689">
        <v>27</v>
      </c>
      <c r="X28689">
        <v>27</v>
      </c>
      <c r="Y28689">
        <v>28</v>
      </c>
      <c r="Z28689">
        <v>28</v>
      </c>
      <c r="AA28689">
        <v>28</v>
      </c>
      <c r="AB28689">
        <v>29</v>
      </c>
      <c r="AC28689">
        <v>29</v>
      </c>
      <c r="AD28689">
        <v>29</v>
      </c>
      <c r="AE28689">
        <v>30</v>
      </c>
      <c r="AF28689">
        <v>30</v>
      </c>
      <c r="AG28689">
        <v>31</v>
      </c>
      <c r="AH28689">
        <v>31</v>
      </c>
      <c r="AI28689">
        <v>31</v>
      </c>
      <c r="AJ28689">
        <v>32</v>
      </c>
      <c r="AK28689">
        <v>32</v>
      </c>
      <c r="AL28689">
        <v>32</v>
      </c>
      <c r="AM28689">
        <v>32</v>
      </c>
      <c r="AN28689">
        <v>32</v>
      </c>
      <c r="AO28689">
        <v>32</v>
      </c>
      <c r="AP28689">
        <v>33</v>
      </c>
      <c r="AQ28689">
        <v>33</v>
      </c>
    </row>
    <row r="28690" spans="1:43">
      <c r="A28690" t="s">
        <v>17757</v>
      </c>
      <c r="B28690" t="s">
        <v>17758</v>
      </c>
      <c r="C28690" t="s">
        <v>17759</v>
      </c>
      <c r="D28690" t="s">
        <v>17760</v>
      </c>
      <c r="E28690" t="s">
        <v>17663</v>
      </c>
      <c r="F28690" t="s">
        <v>17664</v>
      </c>
      <c r="G28690" t="s">
        <v>16559</v>
      </c>
      <c r="H28690" t="s">
        <v>16560</v>
      </c>
      <c r="I28690" s="2">
        <v>1</v>
      </c>
      <c r="J28690" s="2">
        <v>0</v>
      </c>
      <c r="K28690" s="2">
        <v>0</v>
      </c>
      <c r="L28690" t="s">
        <v>120</v>
      </c>
      <c r="M28690" t="s">
        <v>83</v>
      </c>
      <c r="N28690" t="s">
        <v>84</v>
      </c>
      <c r="O28690" t="s">
        <v>85</v>
      </c>
      <c r="P28690" t="s">
        <v>86</v>
      </c>
      <c r="Q28690">
        <v>11</v>
      </c>
      <c r="R28690">
        <v>11</v>
      </c>
      <c r="S28690">
        <v>11</v>
      </c>
      <c r="T28690">
        <v>11</v>
      </c>
      <c r="U28690">
        <v>12</v>
      </c>
      <c r="V28690">
        <v>12</v>
      </c>
      <c r="W28690">
        <v>12</v>
      </c>
      <c r="X28690">
        <v>12</v>
      </c>
      <c r="Y28690">
        <v>12</v>
      </c>
      <c r="Z28690">
        <v>12</v>
      </c>
      <c r="AA28690">
        <v>13</v>
      </c>
      <c r="AB28690">
        <v>13</v>
      </c>
      <c r="AC28690">
        <v>13</v>
      </c>
      <c r="AD28690">
        <v>13</v>
      </c>
      <c r="AE28690">
        <v>13</v>
      </c>
      <c r="AF28690">
        <v>13</v>
      </c>
      <c r="AG28690">
        <v>14</v>
      </c>
      <c r="AH28690">
        <v>14</v>
      </c>
      <c r="AI28690">
        <v>14</v>
      </c>
      <c r="AJ28690">
        <v>14</v>
      </c>
      <c r="AK28690">
        <v>14</v>
      </c>
      <c r="AL28690">
        <v>14</v>
      </c>
      <c r="AM28690">
        <v>14</v>
      </c>
      <c r="AN28690">
        <v>14</v>
      </c>
      <c r="AO28690">
        <v>14</v>
      </c>
      <c r="AP28690">
        <v>14</v>
      </c>
      <c r="AQ28690">
        <v>14</v>
      </c>
    </row>
    <row r="28691" spans="1:43">
      <c r="A28691" t="s">
        <v>17757</v>
      </c>
      <c r="B28691" t="s">
        <v>17758</v>
      </c>
      <c r="C28691" t="s">
        <v>17759</v>
      </c>
      <c r="D28691" t="s">
        <v>17760</v>
      </c>
      <c r="E28691" t="s">
        <v>17663</v>
      </c>
      <c r="F28691" t="s">
        <v>17664</v>
      </c>
      <c r="G28691" t="s">
        <v>16559</v>
      </c>
      <c r="H28691" t="s">
        <v>16560</v>
      </c>
      <c r="I28691" s="2">
        <v>1</v>
      </c>
      <c r="J28691" s="2">
        <v>0</v>
      </c>
      <c r="K28691" s="2">
        <v>0</v>
      </c>
      <c r="L28691" t="s">
        <v>120</v>
      </c>
      <c r="M28691" t="s">
        <v>87</v>
      </c>
      <c r="N28691" t="s">
        <v>88</v>
      </c>
      <c r="O28691" t="s">
        <v>85</v>
      </c>
      <c r="P28691" t="s">
        <v>86</v>
      </c>
      <c r="Q28691">
        <v>11</v>
      </c>
      <c r="R28691">
        <v>11</v>
      </c>
      <c r="S28691">
        <v>11</v>
      </c>
      <c r="T28691">
        <v>11</v>
      </c>
      <c r="U28691">
        <v>11</v>
      </c>
      <c r="V28691">
        <v>11</v>
      </c>
      <c r="W28691">
        <v>11</v>
      </c>
      <c r="X28691">
        <v>11</v>
      </c>
      <c r="Y28691">
        <v>11</v>
      </c>
      <c r="Z28691">
        <v>11</v>
      </c>
      <c r="AA28691">
        <v>12</v>
      </c>
      <c r="AB28691">
        <v>12</v>
      </c>
      <c r="AC28691">
        <v>12</v>
      </c>
      <c r="AD28691">
        <v>12</v>
      </c>
      <c r="AE28691">
        <v>12</v>
      </c>
      <c r="AF28691">
        <v>12</v>
      </c>
      <c r="AG28691">
        <v>12</v>
      </c>
      <c r="AH28691">
        <v>12</v>
      </c>
      <c r="AI28691">
        <v>12</v>
      </c>
      <c r="AJ28691">
        <v>12</v>
      </c>
      <c r="AK28691">
        <v>12</v>
      </c>
      <c r="AL28691">
        <v>12</v>
      </c>
      <c r="AM28691">
        <v>12</v>
      </c>
      <c r="AN28691">
        <v>12</v>
      </c>
      <c r="AO28691">
        <v>13</v>
      </c>
      <c r="AP28691">
        <v>13</v>
      </c>
      <c r="AQ28691">
        <v>13</v>
      </c>
    </row>
    <row r="28692" spans="1:43">
      <c r="A28692" t="s">
        <v>17757</v>
      </c>
      <c r="B28692" t="s">
        <v>17758</v>
      </c>
      <c r="C28692" t="s">
        <v>17759</v>
      </c>
      <c r="D28692" t="s">
        <v>17760</v>
      </c>
      <c r="E28692" t="s">
        <v>17663</v>
      </c>
      <c r="F28692" t="s">
        <v>17664</v>
      </c>
      <c r="G28692" t="s">
        <v>16559</v>
      </c>
      <c r="H28692" t="s">
        <v>16560</v>
      </c>
      <c r="I28692" s="2">
        <v>1</v>
      </c>
      <c r="J28692" s="2">
        <v>0</v>
      </c>
      <c r="K28692" s="2">
        <v>0</v>
      </c>
      <c r="L28692" t="s">
        <v>120</v>
      </c>
      <c r="M28692" t="s">
        <v>89</v>
      </c>
      <c r="N28692" t="s">
        <v>90</v>
      </c>
      <c r="O28692" t="s">
        <v>85</v>
      </c>
      <c r="P28692" t="s">
        <v>86</v>
      </c>
      <c r="Q28692">
        <v>11</v>
      </c>
      <c r="R28692">
        <v>11</v>
      </c>
      <c r="S28692">
        <v>12</v>
      </c>
      <c r="T28692">
        <v>12</v>
      </c>
      <c r="U28692">
        <v>12</v>
      </c>
      <c r="V28692">
        <v>12</v>
      </c>
      <c r="W28692">
        <v>13</v>
      </c>
      <c r="X28692">
        <v>13</v>
      </c>
      <c r="Y28692">
        <v>13</v>
      </c>
      <c r="Z28692">
        <v>13</v>
      </c>
      <c r="AA28692">
        <v>13</v>
      </c>
      <c r="AB28692">
        <v>14</v>
      </c>
      <c r="AC28692">
        <v>14</v>
      </c>
      <c r="AD28692">
        <v>14</v>
      </c>
      <c r="AE28692">
        <v>14</v>
      </c>
      <c r="AF28692">
        <v>14</v>
      </c>
      <c r="AG28692">
        <v>14</v>
      </c>
      <c r="AH28692">
        <v>14</v>
      </c>
      <c r="AI28692">
        <v>14</v>
      </c>
      <c r="AJ28692">
        <v>14</v>
      </c>
      <c r="AK28692">
        <v>14</v>
      </c>
      <c r="AL28692">
        <v>14</v>
      </c>
      <c r="AM28692">
        <v>14</v>
      </c>
      <c r="AN28692">
        <v>14</v>
      </c>
      <c r="AO28692">
        <v>15</v>
      </c>
      <c r="AP28692">
        <v>15</v>
      </c>
      <c r="AQ28692">
        <v>15</v>
      </c>
    </row>
    <row r="28693" spans="1:43">
      <c r="A28693" t="s">
        <v>17757</v>
      </c>
      <c r="B28693" t="s">
        <v>17758</v>
      </c>
      <c r="C28693" t="s">
        <v>17759</v>
      </c>
      <c r="D28693" t="s">
        <v>17760</v>
      </c>
      <c r="E28693" t="s">
        <v>17663</v>
      </c>
      <c r="F28693" t="s">
        <v>17664</v>
      </c>
      <c r="G28693" t="s">
        <v>16559</v>
      </c>
      <c r="H28693" t="s">
        <v>16560</v>
      </c>
      <c r="I28693" s="2">
        <v>1</v>
      </c>
      <c r="J28693" s="2">
        <v>0</v>
      </c>
      <c r="K28693" s="2">
        <v>0</v>
      </c>
      <c r="L28693" t="s">
        <v>120</v>
      </c>
      <c r="M28693" t="s">
        <v>83</v>
      </c>
      <c r="N28693" t="s">
        <v>91</v>
      </c>
      <c r="O28693" t="s">
        <v>85</v>
      </c>
      <c r="P28693" t="s">
        <v>86</v>
      </c>
      <c r="Q28693">
        <v>11</v>
      </c>
      <c r="R28693">
        <v>11</v>
      </c>
      <c r="S28693">
        <v>11</v>
      </c>
      <c r="T28693">
        <v>11</v>
      </c>
      <c r="U28693">
        <v>12</v>
      </c>
      <c r="V28693">
        <v>12</v>
      </c>
      <c r="W28693">
        <v>12</v>
      </c>
      <c r="X28693">
        <v>12</v>
      </c>
      <c r="Y28693">
        <v>12</v>
      </c>
      <c r="Z28693">
        <v>12</v>
      </c>
      <c r="AA28693">
        <v>13</v>
      </c>
      <c r="AB28693">
        <v>13</v>
      </c>
      <c r="AC28693">
        <v>13</v>
      </c>
      <c r="AD28693">
        <v>13</v>
      </c>
      <c r="AE28693">
        <v>13</v>
      </c>
      <c r="AF28693">
        <v>13</v>
      </c>
      <c r="AG28693">
        <v>14</v>
      </c>
      <c r="AH28693">
        <v>14</v>
      </c>
      <c r="AI28693">
        <v>14</v>
      </c>
      <c r="AJ28693">
        <v>14</v>
      </c>
      <c r="AK28693">
        <v>14</v>
      </c>
      <c r="AL28693">
        <v>14</v>
      </c>
      <c r="AM28693">
        <v>14</v>
      </c>
      <c r="AN28693">
        <v>14</v>
      </c>
      <c r="AO28693">
        <v>14</v>
      </c>
      <c r="AP28693">
        <v>14</v>
      </c>
      <c r="AQ28693">
        <v>14</v>
      </c>
    </row>
    <row r="28694" spans="1:43">
      <c r="A28694" t="s">
        <v>17761</v>
      </c>
      <c r="B28694" t="s">
        <v>17762</v>
      </c>
      <c r="C28694" t="s">
        <v>17759</v>
      </c>
      <c r="D28694" t="s">
        <v>17760</v>
      </c>
      <c r="E28694" t="s">
        <v>17663</v>
      </c>
      <c r="F28694" t="s">
        <v>17664</v>
      </c>
      <c r="G28694" t="s">
        <v>16559</v>
      </c>
      <c r="H28694" t="s">
        <v>16560</v>
      </c>
      <c r="I28694" s="2">
        <v>1</v>
      </c>
      <c r="J28694" s="2">
        <v>0</v>
      </c>
      <c r="K28694" s="2">
        <v>0</v>
      </c>
      <c r="L28694" t="s">
        <v>120</v>
      </c>
      <c r="M28694" t="s">
        <v>83</v>
      </c>
      <c r="N28694" t="s">
        <v>84</v>
      </c>
      <c r="O28694" t="s">
        <v>85</v>
      </c>
      <c r="P28694" t="s">
        <v>86</v>
      </c>
      <c r="Q28694">
        <v>6</v>
      </c>
      <c r="R28694">
        <v>6</v>
      </c>
      <c r="S28694">
        <v>7</v>
      </c>
      <c r="T28694">
        <v>7</v>
      </c>
      <c r="U28694">
        <v>7</v>
      </c>
      <c r="V28694">
        <v>7</v>
      </c>
      <c r="W28694">
        <v>7</v>
      </c>
      <c r="X28694">
        <v>7</v>
      </c>
      <c r="Y28694">
        <v>7</v>
      </c>
      <c r="Z28694">
        <v>7</v>
      </c>
      <c r="AA28694">
        <v>7</v>
      </c>
      <c r="AB28694">
        <v>7</v>
      </c>
      <c r="AC28694">
        <v>7</v>
      </c>
      <c r="AD28694">
        <v>8</v>
      </c>
      <c r="AE28694">
        <v>8</v>
      </c>
      <c r="AF28694">
        <v>8</v>
      </c>
      <c r="AG28694">
        <v>8</v>
      </c>
      <c r="AH28694">
        <v>8</v>
      </c>
      <c r="AI28694">
        <v>8</v>
      </c>
      <c r="AJ28694">
        <v>8</v>
      </c>
      <c r="AK28694">
        <v>8</v>
      </c>
      <c r="AL28694">
        <v>8</v>
      </c>
      <c r="AM28694">
        <v>8</v>
      </c>
      <c r="AN28694">
        <v>8</v>
      </c>
      <c r="AO28694">
        <v>8</v>
      </c>
      <c r="AP28694">
        <v>8</v>
      </c>
      <c r="AQ28694">
        <v>8</v>
      </c>
    </row>
    <row r="28695" spans="1:43">
      <c r="A28695" t="s">
        <v>17761</v>
      </c>
      <c r="B28695" t="s">
        <v>17762</v>
      </c>
      <c r="C28695" t="s">
        <v>17759</v>
      </c>
      <c r="D28695" t="s">
        <v>17760</v>
      </c>
      <c r="E28695" t="s">
        <v>17663</v>
      </c>
      <c r="F28695" t="s">
        <v>17664</v>
      </c>
      <c r="G28695" t="s">
        <v>16559</v>
      </c>
      <c r="H28695" t="s">
        <v>16560</v>
      </c>
      <c r="I28695" s="2">
        <v>1</v>
      </c>
      <c r="J28695" s="2">
        <v>0</v>
      </c>
      <c r="K28695" s="2">
        <v>0</v>
      </c>
      <c r="L28695" t="s">
        <v>120</v>
      </c>
      <c r="M28695" t="s">
        <v>87</v>
      </c>
      <c r="N28695" t="s">
        <v>88</v>
      </c>
      <c r="O28695" t="s">
        <v>85</v>
      </c>
      <c r="P28695" t="s">
        <v>86</v>
      </c>
      <c r="Q28695">
        <v>6</v>
      </c>
      <c r="R28695">
        <v>6</v>
      </c>
      <c r="S28695">
        <v>6</v>
      </c>
      <c r="T28695">
        <v>6</v>
      </c>
      <c r="U28695">
        <v>6</v>
      </c>
      <c r="V28695">
        <v>6</v>
      </c>
      <c r="W28695">
        <v>6</v>
      </c>
      <c r="X28695">
        <v>7</v>
      </c>
      <c r="Y28695">
        <v>7</v>
      </c>
      <c r="Z28695">
        <v>7</v>
      </c>
      <c r="AA28695">
        <v>7</v>
      </c>
      <c r="AB28695">
        <v>7</v>
      </c>
      <c r="AC28695">
        <v>7</v>
      </c>
      <c r="AD28695">
        <v>7</v>
      </c>
      <c r="AE28695">
        <v>7</v>
      </c>
      <c r="AF28695">
        <v>7</v>
      </c>
      <c r="AG28695">
        <v>7</v>
      </c>
      <c r="AH28695">
        <v>7</v>
      </c>
      <c r="AI28695">
        <v>7</v>
      </c>
      <c r="AJ28695">
        <v>7</v>
      </c>
      <c r="AK28695">
        <v>7</v>
      </c>
      <c r="AL28695">
        <v>7</v>
      </c>
      <c r="AM28695">
        <v>7</v>
      </c>
      <c r="AN28695">
        <v>7</v>
      </c>
      <c r="AO28695">
        <v>7</v>
      </c>
      <c r="AP28695">
        <v>7</v>
      </c>
      <c r="AQ28695">
        <v>7</v>
      </c>
    </row>
    <row r="28696" spans="1:43">
      <c r="A28696" t="s">
        <v>17761</v>
      </c>
      <c r="B28696" t="s">
        <v>17762</v>
      </c>
      <c r="C28696" t="s">
        <v>17759</v>
      </c>
      <c r="D28696" t="s">
        <v>17760</v>
      </c>
      <c r="E28696" t="s">
        <v>17663</v>
      </c>
      <c r="F28696" t="s">
        <v>17664</v>
      </c>
      <c r="G28696" t="s">
        <v>16559</v>
      </c>
      <c r="H28696" t="s">
        <v>16560</v>
      </c>
      <c r="I28696" s="2">
        <v>1</v>
      </c>
      <c r="J28696" s="2">
        <v>0</v>
      </c>
      <c r="K28696" s="2">
        <v>0</v>
      </c>
      <c r="L28696" t="s">
        <v>120</v>
      </c>
      <c r="M28696" t="s">
        <v>89</v>
      </c>
      <c r="N28696" t="s">
        <v>90</v>
      </c>
      <c r="O28696" t="s">
        <v>85</v>
      </c>
      <c r="P28696" t="s">
        <v>86</v>
      </c>
      <c r="Q28696">
        <v>6</v>
      </c>
      <c r="R28696">
        <v>7</v>
      </c>
      <c r="S28696">
        <v>7</v>
      </c>
      <c r="T28696">
        <v>7</v>
      </c>
      <c r="U28696">
        <v>7</v>
      </c>
      <c r="V28696">
        <v>7</v>
      </c>
      <c r="W28696">
        <v>7</v>
      </c>
      <c r="X28696">
        <v>7</v>
      </c>
      <c r="Y28696">
        <v>7</v>
      </c>
      <c r="Z28696">
        <v>8</v>
      </c>
      <c r="AA28696">
        <v>8</v>
      </c>
      <c r="AB28696">
        <v>8</v>
      </c>
      <c r="AC28696">
        <v>8</v>
      </c>
      <c r="AD28696">
        <v>8</v>
      </c>
      <c r="AE28696">
        <v>8</v>
      </c>
      <c r="AF28696">
        <v>8</v>
      </c>
      <c r="AG28696">
        <v>8</v>
      </c>
      <c r="AH28696">
        <v>8</v>
      </c>
      <c r="AI28696">
        <v>8</v>
      </c>
      <c r="AJ28696">
        <v>8</v>
      </c>
      <c r="AK28696">
        <v>8</v>
      </c>
      <c r="AL28696">
        <v>8</v>
      </c>
      <c r="AM28696">
        <v>8</v>
      </c>
      <c r="AN28696">
        <v>8</v>
      </c>
      <c r="AO28696">
        <v>8</v>
      </c>
      <c r="AP28696">
        <v>8</v>
      </c>
      <c r="AQ28696">
        <v>8</v>
      </c>
    </row>
    <row r="28697" spans="1:43">
      <c r="A28697" t="s">
        <v>17761</v>
      </c>
      <c r="B28697" t="s">
        <v>17762</v>
      </c>
      <c r="C28697" t="s">
        <v>17759</v>
      </c>
      <c r="D28697" t="s">
        <v>17760</v>
      </c>
      <c r="E28697" t="s">
        <v>17663</v>
      </c>
      <c r="F28697" t="s">
        <v>17664</v>
      </c>
      <c r="G28697" t="s">
        <v>16559</v>
      </c>
      <c r="H28697" t="s">
        <v>16560</v>
      </c>
      <c r="I28697" s="2">
        <v>1</v>
      </c>
      <c r="J28697" s="2">
        <v>0</v>
      </c>
      <c r="K28697" s="2">
        <v>0</v>
      </c>
      <c r="L28697" t="s">
        <v>120</v>
      </c>
      <c r="M28697" t="s">
        <v>83</v>
      </c>
      <c r="N28697" t="s">
        <v>91</v>
      </c>
      <c r="O28697" t="s">
        <v>85</v>
      </c>
      <c r="P28697" t="s">
        <v>86</v>
      </c>
      <c r="Q28697">
        <v>6</v>
      </c>
      <c r="R28697">
        <v>6</v>
      </c>
      <c r="S28697">
        <v>7</v>
      </c>
      <c r="T28697">
        <v>7</v>
      </c>
      <c r="U28697">
        <v>7</v>
      </c>
      <c r="V28697">
        <v>7</v>
      </c>
      <c r="W28697">
        <v>7</v>
      </c>
      <c r="X28697">
        <v>7</v>
      </c>
      <c r="Y28697">
        <v>7</v>
      </c>
      <c r="Z28697">
        <v>7</v>
      </c>
      <c r="AA28697">
        <v>7</v>
      </c>
      <c r="AB28697">
        <v>7</v>
      </c>
      <c r="AC28697">
        <v>7</v>
      </c>
      <c r="AD28697">
        <v>8</v>
      </c>
      <c r="AE28697">
        <v>8</v>
      </c>
      <c r="AF28697">
        <v>8</v>
      </c>
      <c r="AG28697">
        <v>8</v>
      </c>
      <c r="AH28697">
        <v>8</v>
      </c>
      <c r="AI28697">
        <v>8</v>
      </c>
      <c r="AJ28697">
        <v>8</v>
      </c>
      <c r="AK28697">
        <v>8</v>
      </c>
      <c r="AL28697">
        <v>8</v>
      </c>
      <c r="AM28697">
        <v>8</v>
      </c>
      <c r="AN28697">
        <v>8</v>
      </c>
      <c r="AO28697">
        <v>8</v>
      </c>
      <c r="AP28697">
        <v>8</v>
      </c>
      <c r="AQ28697">
        <v>8</v>
      </c>
    </row>
    <row r="28698" spans="1:43">
      <c r="A28698" t="s">
        <v>17763</v>
      </c>
      <c r="B28698" t="s">
        <v>17764</v>
      </c>
      <c r="C28698" t="s">
        <v>17759</v>
      </c>
      <c r="D28698" t="s">
        <v>17760</v>
      </c>
      <c r="E28698" t="s">
        <v>17663</v>
      </c>
      <c r="F28698" t="s">
        <v>17664</v>
      </c>
      <c r="G28698" t="s">
        <v>16559</v>
      </c>
      <c r="H28698" t="s">
        <v>16560</v>
      </c>
      <c r="I28698" s="2">
        <v>1</v>
      </c>
      <c r="J28698" s="2">
        <v>0</v>
      </c>
      <c r="K28698" s="2">
        <v>0</v>
      </c>
      <c r="L28698" t="s">
        <v>120</v>
      </c>
      <c r="M28698" t="s">
        <v>83</v>
      </c>
      <c r="N28698" t="s">
        <v>84</v>
      </c>
      <c r="O28698" t="s">
        <v>85</v>
      </c>
      <c r="P28698" t="s">
        <v>86</v>
      </c>
      <c r="Q28698">
        <v>26</v>
      </c>
      <c r="R28698">
        <v>27</v>
      </c>
      <c r="S28698">
        <v>27</v>
      </c>
      <c r="T28698">
        <v>28</v>
      </c>
      <c r="U28698">
        <v>28</v>
      </c>
      <c r="V28698">
        <v>28</v>
      </c>
      <c r="W28698">
        <v>29</v>
      </c>
      <c r="X28698">
        <v>29</v>
      </c>
      <c r="Y28698">
        <v>30</v>
      </c>
      <c r="Z28698">
        <v>30</v>
      </c>
      <c r="AA28698">
        <v>30</v>
      </c>
      <c r="AB28698">
        <v>31</v>
      </c>
      <c r="AC28698">
        <v>31</v>
      </c>
      <c r="AD28698">
        <v>31</v>
      </c>
      <c r="AE28698">
        <v>32</v>
      </c>
      <c r="AF28698">
        <v>32</v>
      </c>
      <c r="AG28698">
        <v>33</v>
      </c>
      <c r="AH28698">
        <v>33</v>
      </c>
      <c r="AI28698">
        <v>33</v>
      </c>
      <c r="AJ28698">
        <v>34</v>
      </c>
      <c r="AK28698">
        <v>34</v>
      </c>
      <c r="AL28698">
        <v>34</v>
      </c>
      <c r="AM28698">
        <v>34</v>
      </c>
      <c r="AN28698">
        <v>35</v>
      </c>
      <c r="AO28698">
        <v>35</v>
      </c>
      <c r="AP28698">
        <v>35</v>
      </c>
      <c r="AQ28698">
        <v>35</v>
      </c>
    </row>
    <row r="28699" spans="1:43">
      <c r="A28699" t="s">
        <v>17763</v>
      </c>
      <c r="B28699" t="s">
        <v>17764</v>
      </c>
      <c r="C28699" t="s">
        <v>17759</v>
      </c>
      <c r="D28699" t="s">
        <v>17760</v>
      </c>
      <c r="E28699" t="s">
        <v>17663</v>
      </c>
      <c r="F28699" t="s">
        <v>17664</v>
      </c>
      <c r="G28699" t="s">
        <v>16559</v>
      </c>
      <c r="H28699" t="s">
        <v>16560</v>
      </c>
      <c r="I28699" s="2">
        <v>1</v>
      </c>
      <c r="J28699" s="2">
        <v>0</v>
      </c>
      <c r="K28699" s="2">
        <v>0</v>
      </c>
      <c r="L28699" t="s">
        <v>120</v>
      </c>
      <c r="M28699" t="s">
        <v>87</v>
      </c>
      <c r="N28699" t="s">
        <v>88</v>
      </c>
      <c r="O28699" t="s">
        <v>85</v>
      </c>
      <c r="P28699" t="s">
        <v>86</v>
      </c>
      <c r="Q28699">
        <v>26</v>
      </c>
      <c r="R28699">
        <v>26</v>
      </c>
      <c r="S28699">
        <v>26</v>
      </c>
      <c r="T28699">
        <v>27</v>
      </c>
      <c r="U28699">
        <v>27</v>
      </c>
      <c r="V28699">
        <v>27</v>
      </c>
      <c r="W28699">
        <v>27</v>
      </c>
      <c r="X28699">
        <v>27</v>
      </c>
      <c r="Y28699">
        <v>27</v>
      </c>
      <c r="Z28699">
        <v>28</v>
      </c>
      <c r="AA28699">
        <v>28</v>
      </c>
      <c r="AB28699">
        <v>28</v>
      </c>
      <c r="AC28699">
        <v>28</v>
      </c>
      <c r="AD28699">
        <v>28</v>
      </c>
      <c r="AE28699">
        <v>28</v>
      </c>
      <c r="AF28699">
        <v>29</v>
      </c>
      <c r="AG28699">
        <v>29</v>
      </c>
      <c r="AH28699">
        <v>29</v>
      </c>
      <c r="AI28699">
        <v>29</v>
      </c>
      <c r="AJ28699">
        <v>29</v>
      </c>
      <c r="AK28699">
        <v>29</v>
      </c>
      <c r="AL28699">
        <v>30</v>
      </c>
      <c r="AM28699">
        <v>30</v>
      </c>
      <c r="AN28699">
        <v>30</v>
      </c>
      <c r="AO28699">
        <v>30</v>
      </c>
      <c r="AP28699">
        <v>30</v>
      </c>
      <c r="AQ28699">
        <v>30</v>
      </c>
    </row>
    <row r="28700" spans="1:43">
      <c r="A28700" t="s">
        <v>17763</v>
      </c>
      <c r="B28700" t="s">
        <v>17764</v>
      </c>
      <c r="C28700" t="s">
        <v>17759</v>
      </c>
      <c r="D28700" t="s">
        <v>17760</v>
      </c>
      <c r="E28700" t="s">
        <v>17663</v>
      </c>
      <c r="F28700" t="s">
        <v>17664</v>
      </c>
      <c r="G28700" t="s">
        <v>16559</v>
      </c>
      <c r="H28700" t="s">
        <v>16560</v>
      </c>
      <c r="I28700" s="2">
        <v>1</v>
      </c>
      <c r="J28700" s="2">
        <v>0</v>
      </c>
      <c r="K28700" s="2">
        <v>0</v>
      </c>
      <c r="L28700" t="s">
        <v>120</v>
      </c>
      <c r="M28700" t="s">
        <v>89</v>
      </c>
      <c r="N28700" t="s">
        <v>90</v>
      </c>
      <c r="O28700" t="s">
        <v>85</v>
      </c>
      <c r="P28700" t="s">
        <v>86</v>
      </c>
      <c r="Q28700">
        <v>26</v>
      </c>
      <c r="R28700">
        <v>26</v>
      </c>
      <c r="S28700">
        <v>27</v>
      </c>
      <c r="T28700">
        <v>28</v>
      </c>
      <c r="U28700">
        <v>28</v>
      </c>
      <c r="V28700">
        <v>29</v>
      </c>
      <c r="W28700">
        <v>29</v>
      </c>
      <c r="X28700">
        <v>30</v>
      </c>
      <c r="Y28700">
        <v>30</v>
      </c>
      <c r="Z28700">
        <v>31</v>
      </c>
      <c r="AA28700">
        <v>31</v>
      </c>
      <c r="AB28700">
        <v>32</v>
      </c>
      <c r="AC28700">
        <v>32</v>
      </c>
      <c r="AD28700">
        <v>33</v>
      </c>
      <c r="AE28700">
        <v>33</v>
      </c>
      <c r="AF28700">
        <v>33</v>
      </c>
      <c r="AG28700">
        <v>33</v>
      </c>
      <c r="AH28700">
        <v>33</v>
      </c>
      <c r="AI28700">
        <v>33</v>
      </c>
      <c r="AJ28700">
        <v>33</v>
      </c>
      <c r="AK28700">
        <v>34</v>
      </c>
      <c r="AL28700">
        <v>34</v>
      </c>
      <c r="AM28700">
        <v>34</v>
      </c>
      <c r="AN28700">
        <v>34</v>
      </c>
      <c r="AO28700">
        <v>34</v>
      </c>
      <c r="AP28700">
        <v>34</v>
      </c>
      <c r="AQ28700">
        <v>34</v>
      </c>
    </row>
    <row r="28701" spans="1:43">
      <c r="A28701" t="s">
        <v>17763</v>
      </c>
      <c r="B28701" t="s">
        <v>17764</v>
      </c>
      <c r="C28701" t="s">
        <v>17759</v>
      </c>
      <c r="D28701" t="s">
        <v>17760</v>
      </c>
      <c r="E28701" t="s">
        <v>17663</v>
      </c>
      <c r="F28701" t="s">
        <v>17664</v>
      </c>
      <c r="G28701" t="s">
        <v>16559</v>
      </c>
      <c r="H28701" t="s">
        <v>16560</v>
      </c>
      <c r="I28701" s="2">
        <v>1</v>
      </c>
      <c r="J28701" s="2">
        <v>0</v>
      </c>
      <c r="K28701" s="2">
        <v>0</v>
      </c>
      <c r="L28701" t="s">
        <v>120</v>
      </c>
      <c r="M28701" t="s">
        <v>83</v>
      </c>
      <c r="N28701" t="s">
        <v>91</v>
      </c>
      <c r="O28701" t="s">
        <v>85</v>
      </c>
      <c r="P28701" t="s">
        <v>86</v>
      </c>
      <c r="Q28701">
        <v>26</v>
      </c>
      <c r="R28701">
        <v>27</v>
      </c>
      <c r="S28701">
        <v>27</v>
      </c>
      <c r="T28701">
        <v>28</v>
      </c>
      <c r="U28701">
        <v>28</v>
      </c>
      <c r="V28701">
        <v>28</v>
      </c>
      <c r="W28701">
        <v>29</v>
      </c>
      <c r="X28701">
        <v>29</v>
      </c>
      <c r="Y28701">
        <v>30</v>
      </c>
      <c r="Z28701">
        <v>30</v>
      </c>
      <c r="AA28701">
        <v>30</v>
      </c>
      <c r="AB28701">
        <v>31</v>
      </c>
      <c r="AC28701">
        <v>31</v>
      </c>
      <c r="AD28701">
        <v>31</v>
      </c>
      <c r="AE28701">
        <v>32</v>
      </c>
      <c r="AF28701">
        <v>32</v>
      </c>
      <c r="AG28701">
        <v>33</v>
      </c>
      <c r="AH28701">
        <v>33</v>
      </c>
      <c r="AI28701">
        <v>33</v>
      </c>
      <c r="AJ28701">
        <v>34</v>
      </c>
      <c r="AK28701">
        <v>34</v>
      </c>
      <c r="AL28701">
        <v>34</v>
      </c>
      <c r="AM28701">
        <v>34</v>
      </c>
      <c r="AN28701">
        <v>35</v>
      </c>
      <c r="AO28701">
        <v>35</v>
      </c>
      <c r="AP28701">
        <v>35</v>
      </c>
      <c r="AQ28701">
        <v>35</v>
      </c>
    </row>
    <row r="28702" spans="1:43">
      <c r="A28702" t="s">
        <v>17765</v>
      </c>
      <c r="B28702" t="s">
        <v>17766</v>
      </c>
      <c r="C28702" t="s">
        <v>17759</v>
      </c>
      <c r="D28702" t="s">
        <v>17760</v>
      </c>
      <c r="E28702" t="s">
        <v>17663</v>
      </c>
      <c r="F28702" t="s">
        <v>17664</v>
      </c>
      <c r="G28702" t="s">
        <v>16559</v>
      </c>
      <c r="H28702" t="s">
        <v>16560</v>
      </c>
      <c r="I28702" s="2">
        <v>1</v>
      </c>
      <c r="J28702" s="2">
        <v>0</v>
      </c>
      <c r="K28702" s="2">
        <v>0</v>
      </c>
      <c r="L28702" t="s">
        <v>120</v>
      </c>
      <c r="M28702" t="s">
        <v>83</v>
      </c>
      <c r="N28702" t="s">
        <v>84</v>
      </c>
      <c r="O28702" t="s">
        <v>85</v>
      </c>
      <c r="P28702" t="s">
        <v>86</v>
      </c>
      <c r="Q28702">
        <v>21</v>
      </c>
      <c r="R28702">
        <v>22</v>
      </c>
      <c r="S28702">
        <v>22</v>
      </c>
      <c r="T28702">
        <v>22</v>
      </c>
      <c r="U28702">
        <v>23</v>
      </c>
      <c r="V28702">
        <v>23</v>
      </c>
      <c r="W28702">
        <v>23</v>
      </c>
      <c r="X28702">
        <v>23</v>
      </c>
      <c r="Y28702">
        <v>24</v>
      </c>
      <c r="Z28702">
        <v>24</v>
      </c>
      <c r="AA28702">
        <v>24</v>
      </c>
      <c r="AB28702">
        <v>25</v>
      </c>
      <c r="AC28702">
        <v>25</v>
      </c>
      <c r="AD28702">
        <v>25</v>
      </c>
      <c r="AE28702">
        <v>26</v>
      </c>
      <c r="AF28702">
        <v>26</v>
      </c>
      <c r="AG28702">
        <v>26</v>
      </c>
      <c r="AH28702">
        <v>27</v>
      </c>
      <c r="AI28702">
        <v>27</v>
      </c>
      <c r="AJ28702">
        <v>27</v>
      </c>
      <c r="AK28702">
        <v>27</v>
      </c>
      <c r="AL28702">
        <v>28</v>
      </c>
      <c r="AM28702">
        <v>28</v>
      </c>
      <c r="AN28702">
        <v>28</v>
      </c>
      <c r="AO28702">
        <v>28</v>
      </c>
      <c r="AP28702">
        <v>28</v>
      </c>
      <c r="AQ28702">
        <v>28</v>
      </c>
    </row>
    <row r="28703" spans="1:43">
      <c r="A28703" t="s">
        <v>17765</v>
      </c>
      <c r="B28703" t="s">
        <v>17766</v>
      </c>
      <c r="C28703" t="s">
        <v>17759</v>
      </c>
      <c r="D28703" t="s">
        <v>17760</v>
      </c>
      <c r="E28703" t="s">
        <v>17663</v>
      </c>
      <c r="F28703" t="s">
        <v>17664</v>
      </c>
      <c r="G28703" t="s">
        <v>16559</v>
      </c>
      <c r="H28703" t="s">
        <v>16560</v>
      </c>
      <c r="I28703" s="2">
        <v>1</v>
      </c>
      <c r="J28703" s="2">
        <v>0</v>
      </c>
      <c r="K28703" s="2">
        <v>0</v>
      </c>
      <c r="L28703" t="s">
        <v>120</v>
      </c>
      <c r="M28703" t="s">
        <v>87</v>
      </c>
      <c r="N28703" t="s">
        <v>88</v>
      </c>
      <c r="O28703" t="s">
        <v>85</v>
      </c>
      <c r="P28703" t="s">
        <v>86</v>
      </c>
      <c r="Q28703">
        <v>21</v>
      </c>
      <c r="R28703">
        <v>21</v>
      </c>
      <c r="S28703">
        <v>21</v>
      </c>
      <c r="T28703">
        <v>21</v>
      </c>
      <c r="U28703">
        <v>22</v>
      </c>
      <c r="V28703">
        <v>22</v>
      </c>
      <c r="W28703">
        <v>22</v>
      </c>
      <c r="X28703">
        <v>22</v>
      </c>
      <c r="Y28703">
        <v>22</v>
      </c>
      <c r="Z28703">
        <v>22</v>
      </c>
      <c r="AA28703">
        <v>22</v>
      </c>
      <c r="AB28703">
        <v>22</v>
      </c>
      <c r="AC28703">
        <v>22</v>
      </c>
      <c r="AD28703">
        <v>23</v>
      </c>
      <c r="AE28703">
        <v>23</v>
      </c>
      <c r="AF28703">
        <v>23</v>
      </c>
      <c r="AG28703">
        <v>23</v>
      </c>
      <c r="AH28703">
        <v>23</v>
      </c>
      <c r="AI28703">
        <v>23</v>
      </c>
      <c r="AJ28703">
        <v>23</v>
      </c>
      <c r="AK28703">
        <v>24</v>
      </c>
      <c r="AL28703">
        <v>24</v>
      </c>
      <c r="AM28703">
        <v>24</v>
      </c>
      <c r="AN28703">
        <v>24</v>
      </c>
      <c r="AO28703">
        <v>24</v>
      </c>
      <c r="AP28703">
        <v>24</v>
      </c>
      <c r="AQ28703">
        <v>24</v>
      </c>
    </row>
    <row r="28704" spans="1:43">
      <c r="A28704" t="s">
        <v>17765</v>
      </c>
      <c r="B28704" t="s">
        <v>17766</v>
      </c>
      <c r="C28704" t="s">
        <v>17759</v>
      </c>
      <c r="D28704" t="s">
        <v>17760</v>
      </c>
      <c r="E28704" t="s">
        <v>17663</v>
      </c>
      <c r="F28704" t="s">
        <v>17664</v>
      </c>
      <c r="G28704" t="s">
        <v>16559</v>
      </c>
      <c r="H28704" t="s">
        <v>16560</v>
      </c>
      <c r="I28704" s="2">
        <v>1</v>
      </c>
      <c r="J28704" s="2">
        <v>0</v>
      </c>
      <c r="K28704" s="2">
        <v>0</v>
      </c>
      <c r="L28704" t="s">
        <v>120</v>
      </c>
      <c r="M28704" t="s">
        <v>89</v>
      </c>
      <c r="N28704" t="s">
        <v>90</v>
      </c>
      <c r="O28704" t="s">
        <v>85</v>
      </c>
      <c r="P28704" t="s">
        <v>86</v>
      </c>
      <c r="Q28704">
        <v>21</v>
      </c>
      <c r="R28704">
        <v>22</v>
      </c>
      <c r="S28704">
        <v>22</v>
      </c>
      <c r="T28704">
        <v>23</v>
      </c>
      <c r="U28704">
        <v>23</v>
      </c>
      <c r="V28704">
        <v>24</v>
      </c>
      <c r="W28704">
        <v>24</v>
      </c>
      <c r="X28704">
        <v>25</v>
      </c>
      <c r="Y28704">
        <v>25</v>
      </c>
      <c r="Z28704">
        <v>25</v>
      </c>
      <c r="AA28704">
        <v>26</v>
      </c>
      <c r="AB28704">
        <v>26</v>
      </c>
      <c r="AC28704">
        <v>27</v>
      </c>
      <c r="AD28704">
        <v>27</v>
      </c>
      <c r="AE28704">
        <v>27</v>
      </c>
      <c r="AF28704">
        <v>27</v>
      </c>
      <c r="AG28704">
        <v>27</v>
      </c>
      <c r="AH28704">
        <v>28</v>
      </c>
      <c r="AI28704">
        <v>28</v>
      </c>
      <c r="AJ28704">
        <v>28</v>
      </c>
      <c r="AK28704">
        <v>28</v>
      </c>
      <c r="AL28704">
        <v>28</v>
      </c>
      <c r="AM28704">
        <v>28</v>
      </c>
      <c r="AN28704">
        <v>28</v>
      </c>
      <c r="AO28704">
        <v>28</v>
      </c>
      <c r="AP28704">
        <v>28</v>
      </c>
      <c r="AQ28704">
        <v>28</v>
      </c>
    </row>
    <row r="28705" spans="1:43">
      <c r="A28705" t="s">
        <v>17765</v>
      </c>
      <c r="B28705" t="s">
        <v>17766</v>
      </c>
      <c r="C28705" t="s">
        <v>17759</v>
      </c>
      <c r="D28705" t="s">
        <v>17760</v>
      </c>
      <c r="E28705" t="s">
        <v>17663</v>
      </c>
      <c r="F28705" t="s">
        <v>17664</v>
      </c>
      <c r="G28705" t="s">
        <v>16559</v>
      </c>
      <c r="H28705" t="s">
        <v>16560</v>
      </c>
      <c r="I28705" s="2">
        <v>1</v>
      </c>
      <c r="J28705" s="2">
        <v>0</v>
      </c>
      <c r="K28705" s="2">
        <v>0</v>
      </c>
      <c r="L28705" t="s">
        <v>120</v>
      </c>
      <c r="M28705" t="s">
        <v>83</v>
      </c>
      <c r="N28705" t="s">
        <v>91</v>
      </c>
      <c r="O28705" t="s">
        <v>85</v>
      </c>
      <c r="P28705" t="s">
        <v>86</v>
      </c>
      <c r="Q28705">
        <v>21</v>
      </c>
      <c r="R28705">
        <v>22</v>
      </c>
      <c r="S28705">
        <v>22</v>
      </c>
      <c r="T28705">
        <v>22</v>
      </c>
      <c r="U28705">
        <v>23</v>
      </c>
      <c r="V28705">
        <v>23</v>
      </c>
      <c r="W28705">
        <v>23</v>
      </c>
      <c r="X28705">
        <v>23</v>
      </c>
      <c r="Y28705">
        <v>24</v>
      </c>
      <c r="Z28705">
        <v>24</v>
      </c>
      <c r="AA28705">
        <v>24</v>
      </c>
      <c r="AB28705">
        <v>25</v>
      </c>
      <c r="AC28705">
        <v>25</v>
      </c>
      <c r="AD28705">
        <v>25</v>
      </c>
      <c r="AE28705">
        <v>26</v>
      </c>
      <c r="AF28705">
        <v>26</v>
      </c>
      <c r="AG28705">
        <v>26</v>
      </c>
      <c r="AH28705">
        <v>27</v>
      </c>
      <c r="AI28705">
        <v>27</v>
      </c>
      <c r="AJ28705">
        <v>27</v>
      </c>
      <c r="AK28705">
        <v>27</v>
      </c>
      <c r="AL28705">
        <v>28</v>
      </c>
      <c r="AM28705">
        <v>28</v>
      </c>
      <c r="AN28705">
        <v>28</v>
      </c>
      <c r="AO28705">
        <v>28</v>
      </c>
      <c r="AP28705">
        <v>28</v>
      </c>
      <c r="AQ28705">
        <v>28</v>
      </c>
    </row>
    <row r="28706" spans="1:43">
      <c r="A28706" t="s">
        <v>17767</v>
      </c>
      <c r="B28706" t="s">
        <v>17768</v>
      </c>
      <c r="C28706" t="s">
        <v>17769</v>
      </c>
      <c r="D28706" t="s">
        <v>17770</v>
      </c>
      <c r="E28706" t="s">
        <v>17663</v>
      </c>
      <c r="F28706" t="s">
        <v>17664</v>
      </c>
      <c r="G28706" t="s">
        <v>16559</v>
      </c>
      <c r="H28706" t="s">
        <v>16560</v>
      </c>
      <c r="I28706" s="2">
        <v>1</v>
      </c>
      <c r="J28706" s="2">
        <v>0</v>
      </c>
      <c r="K28706" s="2">
        <v>0</v>
      </c>
      <c r="L28706" t="s">
        <v>120</v>
      </c>
      <c r="M28706" t="s">
        <v>83</v>
      </c>
      <c r="N28706" t="s">
        <v>84</v>
      </c>
      <c r="O28706" t="s">
        <v>85</v>
      </c>
      <c r="P28706" t="s">
        <v>86</v>
      </c>
      <c r="Q28706">
        <v>9</v>
      </c>
      <c r="R28706">
        <v>9</v>
      </c>
      <c r="S28706">
        <v>9</v>
      </c>
      <c r="T28706">
        <v>9</v>
      </c>
      <c r="U28706">
        <v>9</v>
      </c>
      <c r="V28706">
        <v>9</v>
      </c>
      <c r="W28706">
        <v>9</v>
      </c>
      <c r="X28706">
        <v>9</v>
      </c>
      <c r="Y28706">
        <v>10</v>
      </c>
      <c r="Z28706">
        <v>10</v>
      </c>
      <c r="AA28706">
        <v>10</v>
      </c>
      <c r="AB28706">
        <v>10</v>
      </c>
      <c r="AC28706">
        <v>10</v>
      </c>
      <c r="AD28706">
        <v>10</v>
      </c>
      <c r="AE28706">
        <v>10</v>
      </c>
      <c r="AF28706">
        <v>10</v>
      </c>
      <c r="AG28706">
        <v>11</v>
      </c>
      <c r="AH28706">
        <v>11</v>
      </c>
      <c r="AI28706">
        <v>11</v>
      </c>
      <c r="AJ28706">
        <v>11</v>
      </c>
      <c r="AK28706">
        <v>11</v>
      </c>
      <c r="AL28706">
        <v>11</v>
      </c>
      <c r="AM28706">
        <v>11</v>
      </c>
      <c r="AN28706">
        <v>11</v>
      </c>
      <c r="AO28706">
        <v>11</v>
      </c>
      <c r="AP28706">
        <v>11</v>
      </c>
      <c r="AQ28706">
        <v>11</v>
      </c>
    </row>
    <row r="28707" spans="1:43">
      <c r="A28707" t="s">
        <v>17767</v>
      </c>
      <c r="B28707" t="s">
        <v>17768</v>
      </c>
      <c r="C28707" t="s">
        <v>17769</v>
      </c>
      <c r="D28707" t="s">
        <v>17770</v>
      </c>
      <c r="E28707" t="s">
        <v>17663</v>
      </c>
      <c r="F28707" t="s">
        <v>17664</v>
      </c>
      <c r="G28707" t="s">
        <v>16559</v>
      </c>
      <c r="H28707" t="s">
        <v>16560</v>
      </c>
      <c r="I28707" s="2">
        <v>1</v>
      </c>
      <c r="J28707" s="2">
        <v>0</v>
      </c>
      <c r="K28707" s="2">
        <v>0</v>
      </c>
      <c r="L28707" t="s">
        <v>120</v>
      </c>
      <c r="M28707" t="s">
        <v>87</v>
      </c>
      <c r="N28707" t="s">
        <v>88</v>
      </c>
      <c r="O28707" t="s">
        <v>85</v>
      </c>
      <c r="P28707" t="s">
        <v>86</v>
      </c>
      <c r="Q28707">
        <v>9</v>
      </c>
      <c r="R28707">
        <v>9</v>
      </c>
      <c r="S28707">
        <v>10</v>
      </c>
      <c r="T28707">
        <v>10</v>
      </c>
      <c r="U28707">
        <v>10</v>
      </c>
      <c r="V28707">
        <v>10</v>
      </c>
      <c r="W28707">
        <v>10</v>
      </c>
      <c r="X28707">
        <v>10</v>
      </c>
      <c r="Y28707">
        <v>10</v>
      </c>
      <c r="Z28707">
        <v>10</v>
      </c>
      <c r="AA28707">
        <v>10</v>
      </c>
      <c r="AB28707">
        <v>10</v>
      </c>
      <c r="AC28707">
        <v>10</v>
      </c>
      <c r="AD28707">
        <v>10</v>
      </c>
      <c r="AE28707">
        <v>10</v>
      </c>
      <c r="AF28707">
        <v>10</v>
      </c>
      <c r="AG28707">
        <v>10</v>
      </c>
      <c r="AH28707">
        <v>10</v>
      </c>
      <c r="AI28707">
        <v>10</v>
      </c>
      <c r="AJ28707">
        <v>10</v>
      </c>
      <c r="AK28707">
        <v>10</v>
      </c>
      <c r="AL28707">
        <v>11</v>
      </c>
      <c r="AM28707">
        <v>11</v>
      </c>
      <c r="AN28707">
        <v>11</v>
      </c>
      <c r="AO28707">
        <v>11</v>
      </c>
      <c r="AP28707">
        <v>11</v>
      </c>
      <c r="AQ28707">
        <v>11</v>
      </c>
    </row>
    <row r="28708" spans="1:43">
      <c r="A28708" t="s">
        <v>17767</v>
      </c>
      <c r="B28708" t="s">
        <v>17768</v>
      </c>
      <c r="C28708" t="s">
        <v>17769</v>
      </c>
      <c r="D28708" t="s">
        <v>17770</v>
      </c>
      <c r="E28708" t="s">
        <v>17663</v>
      </c>
      <c r="F28708" t="s">
        <v>17664</v>
      </c>
      <c r="G28708" t="s">
        <v>16559</v>
      </c>
      <c r="H28708" t="s">
        <v>16560</v>
      </c>
      <c r="I28708" s="2">
        <v>1</v>
      </c>
      <c r="J28708" s="2">
        <v>0</v>
      </c>
      <c r="K28708" s="2">
        <v>0</v>
      </c>
      <c r="L28708" t="s">
        <v>120</v>
      </c>
      <c r="M28708" t="s">
        <v>89</v>
      </c>
      <c r="N28708" t="s">
        <v>90</v>
      </c>
      <c r="O28708" t="s">
        <v>85</v>
      </c>
      <c r="P28708" t="s">
        <v>86</v>
      </c>
      <c r="Q28708">
        <v>9</v>
      </c>
      <c r="R28708">
        <v>9</v>
      </c>
      <c r="S28708">
        <v>9</v>
      </c>
      <c r="T28708">
        <v>9</v>
      </c>
      <c r="U28708">
        <v>9</v>
      </c>
      <c r="V28708">
        <v>10</v>
      </c>
      <c r="W28708">
        <v>10</v>
      </c>
      <c r="X28708">
        <v>10</v>
      </c>
      <c r="Y28708">
        <v>10</v>
      </c>
      <c r="Z28708">
        <v>10</v>
      </c>
      <c r="AA28708">
        <v>10</v>
      </c>
      <c r="AB28708">
        <v>11</v>
      </c>
      <c r="AC28708">
        <v>11</v>
      </c>
      <c r="AD28708">
        <v>11</v>
      </c>
      <c r="AE28708">
        <v>11</v>
      </c>
      <c r="AF28708">
        <v>11</v>
      </c>
      <c r="AG28708">
        <v>11</v>
      </c>
      <c r="AH28708">
        <v>11</v>
      </c>
      <c r="AI28708">
        <v>11</v>
      </c>
      <c r="AJ28708">
        <v>11</v>
      </c>
      <c r="AK28708">
        <v>11</v>
      </c>
      <c r="AL28708">
        <v>11</v>
      </c>
      <c r="AM28708">
        <v>11</v>
      </c>
      <c r="AN28708">
        <v>11</v>
      </c>
      <c r="AO28708">
        <v>11</v>
      </c>
      <c r="AP28708">
        <v>11</v>
      </c>
      <c r="AQ28708">
        <v>11</v>
      </c>
    </row>
    <row r="28709" spans="1:43">
      <c r="A28709" t="s">
        <v>17767</v>
      </c>
      <c r="B28709" t="s">
        <v>17768</v>
      </c>
      <c r="C28709" t="s">
        <v>17769</v>
      </c>
      <c r="D28709" t="s">
        <v>17770</v>
      </c>
      <c r="E28709" t="s">
        <v>17663</v>
      </c>
      <c r="F28709" t="s">
        <v>17664</v>
      </c>
      <c r="G28709" t="s">
        <v>16559</v>
      </c>
      <c r="H28709" t="s">
        <v>16560</v>
      </c>
      <c r="I28709" s="2">
        <v>1</v>
      </c>
      <c r="J28709" s="2">
        <v>0</v>
      </c>
      <c r="K28709" s="2">
        <v>0</v>
      </c>
      <c r="L28709" t="s">
        <v>120</v>
      </c>
      <c r="M28709" t="s">
        <v>83</v>
      </c>
      <c r="N28709" t="s">
        <v>91</v>
      </c>
      <c r="O28709" t="s">
        <v>85</v>
      </c>
      <c r="P28709" t="s">
        <v>86</v>
      </c>
      <c r="Q28709">
        <v>9</v>
      </c>
      <c r="R28709">
        <v>9</v>
      </c>
      <c r="S28709">
        <v>9</v>
      </c>
      <c r="T28709">
        <v>9</v>
      </c>
      <c r="U28709">
        <v>9</v>
      </c>
      <c r="V28709">
        <v>9</v>
      </c>
      <c r="W28709">
        <v>9</v>
      </c>
      <c r="X28709">
        <v>9</v>
      </c>
      <c r="Y28709">
        <v>10</v>
      </c>
      <c r="Z28709">
        <v>10</v>
      </c>
      <c r="AA28709">
        <v>10</v>
      </c>
      <c r="AB28709">
        <v>10</v>
      </c>
      <c r="AC28709">
        <v>10</v>
      </c>
      <c r="AD28709">
        <v>10</v>
      </c>
      <c r="AE28709">
        <v>10</v>
      </c>
      <c r="AF28709">
        <v>10</v>
      </c>
      <c r="AG28709">
        <v>11</v>
      </c>
      <c r="AH28709">
        <v>11</v>
      </c>
      <c r="AI28709">
        <v>11</v>
      </c>
      <c r="AJ28709">
        <v>11</v>
      </c>
      <c r="AK28709">
        <v>11</v>
      </c>
      <c r="AL28709">
        <v>11</v>
      </c>
      <c r="AM28709">
        <v>11</v>
      </c>
      <c r="AN28709">
        <v>11</v>
      </c>
      <c r="AO28709">
        <v>11</v>
      </c>
      <c r="AP28709">
        <v>11</v>
      </c>
      <c r="AQ28709">
        <v>11</v>
      </c>
    </row>
    <row r="28710" spans="1:43">
      <c r="A28710" t="s">
        <v>17771</v>
      </c>
      <c r="B28710" t="s">
        <v>17772</v>
      </c>
      <c r="C28710" t="s">
        <v>17769</v>
      </c>
      <c r="D28710" t="s">
        <v>17770</v>
      </c>
      <c r="E28710" t="s">
        <v>17663</v>
      </c>
      <c r="F28710" t="s">
        <v>17664</v>
      </c>
      <c r="G28710" t="s">
        <v>16559</v>
      </c>
      <c r="H28710" t="s">
        <v>16560</v>
      </c>
      <c r="I28710" s="2">
        <v>1</v>
      </c>
      <c r="J28710" s="2">
        <v>0</v>
      </c>
      <c r="K28710" s="2">
        <v>0</v>
      </c>
      <c r="L28710" t="s">
        <v>120</v>
      </c>
      <c r="M28710" t="s">
        <v>83</v>
      </c>
      <c r="N28710" t="s">
        <v>84</v>
      </c>
      <c r="O28710" t="s">
        <v>85</v>
      </c>
      <c r="P28710" t="s">
        <v>86</v>
      </c>
      <c r="Q28710">
        <v>38</v>
      </c>
      <c r="R28710">
        <v>38</v>
      </c>
      <c r="S28710">
        <v>39</v>
      </c>
      <c r="T28710">
        <v>39</v>
      </c>
      <c r="U28710">
        <v>40</v>
      </c>
      <c r="V28710">
        <v>40</v>
      </c>
      <c r="W28710">
        <v>41</v>
      </c>
      <c r="X28710">
        <v>42</v>
      </c>
      <c r="Y28710">
        <v>42</v>
      </c>
      <c r="Z28710">
        <v>43</v>
      </c>
      <c r="AA28710">
        <v>43</v>
      </c>
      <c r="AB28710">
        <v>44</v>
      </c>
      <c r="AC28710">
        <v>44</v>
      </c>
      <c r="AD28710">
        <v>45</v>
      </c>
      <c r="AE28710">
        <v>46</v>
      </c>
      <c r="AF28710">
        <v>46</v>
      </c>
      <c r="AG28710">
        <v>47</v>
      </c>
      <c r="AH28710">
        <v>47</v>
      </c>
      <c r="AI28710">
        <v>48</v>
      </c>
      <c r="AJ28710">
        <v>48</v>
      </c>
      <c r="AK28710">
        <v>49</v>
      </c>
      <c r="AL28710">
        <v>49</v>
      </c>
      <c r="AM28710">
        <v>49</v>
      </c>
      <c r="AN28710">
        <v>50</v>
      </c>
      <c r="AO28710">
        <v>50</v>
      </c>
      <c r="AP28710">
        <v>50</v>
      </c>
      <c r="AQ28710">
        <v>50</v>
      </c>
    </row>
    <row r="28711" spans="1:43">
      <c r="A28711" t="s">
        <v>17771</v>
      </c>
      <c r="B28711" t="s">
        <v>17772</v>
      </c>
      <c r="C28711" t="s">
        <v>17769</v>
      </c>
      <c r="D28711" t="s">
        <v>17770</v>
      </c>
      <c r="E28711" t="s">
        <v>17663</v>
      </c>
      <c r="F28711" t="s">
        <v>17664</v>
      </c>
      <c r="G28711" t="s">
        <v>16559</v>
      </c>
      <c r="H28711" t="s">
        <v>16560</v>
      </c>
      <c r="I28711" s="2">
        <v>1</v>
      </c>
      <c r="J28711" s="2">
        <v>0</v>
      </c>
      <c r="K28711" s="2">
        <v>0</v>
      </c>
      <c r="L28711" t="s">
        <v>120</v>
      </c>
      <c r="M28711" t="s">
        <v>87</v>
      </c>
      <c r="N28711" t="s">
        <v>88</v>
      </c>
      <c r="O28711" t="s">
        <v>85</v>
      </c>
      <c r="P28711" t="s">
        <v>86</v>
      </c>
      <c r="Q28711">
        <v>38</v>
      </c>
      <c r="R28711">
        <v>38</v>
      </c>
      <c r="S28711">
        <v>39</v>
      </c>
      <c r="T28711">
        <v>39</v>
      </c>
      <c r="U28711">
        <v>39</v>
      </c>
      <c r="V28711">
        <v>39</v>
      </c>
      <c r="W28711">
        <v>40</v>
      </c>
      <c r="X28711">
        <v>40</v>
      </c>
      <c r="Y28711">
        <v>40</v>
      </c>
      <c r="Z28711">
        <v>40</v>
      </c>
      <c r="AA28711">
        <v>40</v>
      </c>
      <c r="AB28711">
        <v>41</v>
      </c>
      <c r="AC28711">
        <v>41</v>
      </c>
      <c r="AD28711">
        <v>41</v>
      </c>
      <c r="AE28711">
        <v>41</v>
      </c>
      <c r="AF28711">
        <v>42</v>
      </c>
      <c r="AG28711">
        <v>42</v>
      </c>
      <c r="AH28711">
        <v>42</v>
      </c>
      <c r="AI28711">
        <v>42</v>
      </c>
      <c r="AJ28711">
        <v>43</v>
      </c>
      <c r="AK28711">
        <v>43</v>
      </c>
      <c r="AL28711">
        <v>43</v>
      </c>
      <c r="AM28711">
        <v>43</v>
      </c>
      <c r="AN28711">
        <v>44</v>
      </c>
      <c r="AO28711">
        <v>44</v>
      </c>
      <c r="AP28711">
        <v>44</v>
      </c>
      <c r="AQ28711">
        <v>44</v>
      </c>
    </row>
    <row r="28712" spans="1:43">
      <c r="A28712" t="s">
        <v>17771</v>
      </c>
      <c r="B28712" t="s">
        <v>17772</v>
      </c>
      <c r="C28712" t="s">
        <v>17769</v>
      </c>
      <c r="D28712" t="s">
        <v>17770</v>
      </c>
      <c r="E28712" t="s">
        <v>17663</v>
      </c>
      <c r="F28712" t="s">
        <v>17664</v>
      </c>
      <c r="G28712" t="s">
        <v>16559</v>
      </c>
      <c r="H28712" t="s">
        <v>16560</v>
      </c>
      <c r="I28712" s="2">
        <v>1</v>
      </c>
      <c r="J28712" s="2">
        <v>0</v>
      </c>
      <c r="K28712" s="2">
        <v>0</v>
      </c>
      <c r="L28712" t="s">
        <v>120</v>
      </c>
      <c r="M28712" t="s">
        <v>89</v>
      </c>
      <c r="N28712" t="s">
        <v>90</v>
      </c>
      <c r="O28712" t="s">
        <v>85</v>
      </c>
      <c r="P28712" t="s">
        <v>86</v>
      </c>
      <c r="Q28712">
        <v>38</v>
      </c>
      <c r="R28712">
        <v>39</v>
      </c>
      <c r="S28712">
        <v>40</v>
      </c>
      <c r="T28712">
        <v>41</v>
      </c>
      <c r="U28712">
        <v>41</v>
      </c>
      <c r="V28712">
        <v>42</v>
      </c>
      <c r="W28712">
        <v>43</v>
      </c>
      <c r="X28712">
        <v>44</v>
      </c>
      <c r="Y28712">
        <v>45</v>
      </c>
      <c r="Z28712">
        <v>45</v>
      </c>
      <c r="AA28712">
        <v>46</v>
      </c>
      <c r="AB28712">
        <v>47</v>
      </c>
      <c r="AC28712">
        <v>48</v>
      </c>
      <c r="AD28712">
        <v>48</v>
      </c>
      <c r="AE28712">
        <v>49</v>
      </c>
      <c r="AF28712">
        <v>49</v>
      </c>
      <c r="AG28712">
        <v>49</v>
      </c>
      <c r="AH28712">
        <v>49</v>
      </c>
      <c r="AI28712">
        <v>49</v>
      </c>
      <c r="AJ28712">
        <v>49</v>
      </c>
      <c r="AK28712">
        <v>49</v>
      </c>
      <c r="AL28712">
        <v>50</v>
      </c>
      <c r="AM28712">
        <v>50</v>
      </c>
      <c r="AN28712">
        <v>50</v>
      </c>
      <c r="AO28712">
        <v>50</v>
      </c>
      <c r="AP28712">
        <v>50</v>
      </c>
      <c r="AQ28712">
        <v>50</v>
      </c>
    </row>
    <row r="28713" spans="1:43">
      <c r="A28713" t="s">
        <v>17771</v>
      </c>
      <c r="B28713" t="s">
        <v>17772</v>
      </c>
      <c r="C28713" t="s">
        <v>17769</v>
      </c>
      <c r="D28713" t="s">
        <v>17770</v>
      </c>
      <c r="E28713" t="s">
        <v>17663</v>
      </c>
      <c r="F28713" t="s">
        <v>17664</v>
      </c>
      <c r="G28713" t="s">
        <v>16559</v>
      </c>
      <c r="H28713" t="s">
        <v>16560</v>
      </c>
      <c r="I28713" s="2">
        <v>1</v>
      </c>
      <c r="J28713" s="2">
        <v>0</v>
      </c>
      <c r="K28713" s="2">
        <v>0</v>
      </c>
      <c r="L28713" t="s">
        <v>120</v>
      </c>
      <c r="M28713" t="s">
        <v>83</v>
      </c>
      <c r="N28713" t="s">
        <v>91</v>
      </c>
      <c r="O28713" t="s">
        <v>85</v>
      </c>
      <c r="P28713" t="s">
        <v>86</v>
      </c>
      <c r="Q28713">
        <v>38</v>
      </c>
      <c r="R28713">
        <v>38</v>
      </c>
      <c r="S28713">
        <v>39</v>
      </c>
      <c r="T28713">
        <v>39</v>
      </c>
      <c r="U28713">
        <v>40</v>
      </c>
      <c r="V28713">
        <v>40</v>
      </c>
      <c r="W28713">
        <v>41</v>
      </c>
      <c r="X28713">
        <v>42</v>
      </c>
      <c r="Y28713">
        <v>42</v>
      </c>
      <c r="Z28713">
        <v>43</v>
      </c>
      <c r="AA28713">
        <v>43</v>
      </c>
      <c r="AB28713">
        <v>44</v>
      </c>
      <c r="AC28713">
        <v>44</v>
      </c>
      <c r="AD28713">
        <v>45</v>
      </c>
      <c r="AE28713">
        <v>46</v>
      </c>
      <c r="AF28713">
        <v>46</v>
      </c>
      <c r="AG28713">
        <v>47</v>
      </c>
      <c r="AH28713">
        <v>47</v>
      </c>
      <c r="AI28713">
        <v>48</v>
      </c>
      <c r="AJ28713">
        <v>48</v>
      </c>
      <c r="AK28713">
        <v>49</v>
      </c>
      <c r="AL28713">
        <v>49</v>
      </c>
      <c r="AM28713">
        <v>49</v>
      </c>
      <c r="AN28713">
        <v>50</v>
      </c>
      <c r="AO28713">
        <v>50</v>
      </c>
      <c r="AP28713">
        <v>50</v>
      </c>
      <c r="AQ28713">
        <v>50</v>
      </c>
    </row>
    <row r="28714" spans="1:43">
      <c r="A28714" t="s">
        <v>17773</v>
      </c>
      <c r="B28714" t="s">
        <v>17774</v>
      </c>
      <c r="C28714" t="s">
        <v>17769</v>
      </c>
      <c r="D28714" t="s">
        <v>17770</v>
      </c>
      <c r="E28714" t="s">
        <v>17663</v>
      </c>
      <c r="F28714" t="s">
        <v>17664</v>
      </c>
      <c r="G28714" t="s">
        <v>16559</v>
      </c>
      <c r="H28714" t="s">
        <v>16560</v>
      </c>
      <c r="I28714" s="2">
        <v>1</v>
      </c>
      <c r="J28714" s="2">
        <v>0</v>
      </c>
      <c r="K28714" s="2">
        <v>0</v>
      </c>
      <c r="L28714" t="s">
        <v>120</v>
      </c>
      <c r="M28714" t="s">
        <v>83</v>
      </c>
      <c r="N28714" t="s">
        <v>84</v>
      </c>
      <c r="O28714" t="s">
        <v>85</v>
      </c>
      <c r="P28714" t="s">
        <v>86</v>
      </c>
      <c r="Q28714">
        <v>30</v>
      </c>
      <c r="R28714">
        <v>30</v>
      </c>
      <c r="S28714">
        <v>31</v>
      </c>
      <c r="T28714">
        <v>31</v>
      </c>
      <c r="U28714">
        <v>32</v>
      </c>
      <c r="V28714">
        <v>32</v>
      </c>
      <c r="W28714">
        <v>33</v>
      </c>
      <c r="X28714">
        <v>33</v>
      </c>
      <c r="Y28714">
        <v>34</v>
      </c>
      <c r="Z28714">
        <v>34</v>
      </c>
      <c r="AA28714">
        <v>34</v>
      </c>
      <c r="AB28714">
        <v>35</v>
      </c>
      <c r="AC28714">
        <v>35</v>
      </c>
      <c r="AD28714">
        <v>36</v>
      </c>
      <c r="AE28714">
        <v>36</v>
      </c>
      <c r="AF28714">
        <v>37</v>
      </c>
      <c r="AG28714">
        <v>37</v>
      </c>
      <c r="AH28714">
        <v>38</v>
      </c>
      <c r="AI28714">
        <v>38</v>
      </c>
      <c r="AJ28714">
        <v>39</v>
      </c>
      <c r="AK28714">
        <v>39</v>
      </c>
      <c r="AL28714">
        <v>39</v>
      </c>
      <c r="AM28714">
        <v>39</v>
      </c>
      <c r="AN28714">
        <v>40</v>
      </c>
      <c r="AO28714">
        <v>40</v>
      </c>
      <c r="AP28714">
        <v>40</v>
      </c>
      <c r="AQ28714">
        <v>40</v>
      </c>
    </row>
    <row r="28715" spans="1:43">
      <c r="A28715" t="s">
        <v>17773</v>
      </c>
      <c r="B28715" t="s">
        <v>17774</v>
      </c>
      <c r="C28715" t="s">
        <v>17769</v>
      </c>
      <c r="D28715" t="s">
        <v>17770</v>
      </c>
      <c r="E28715" t="s">
        <v>17663</v>
      </c>
      <c r="F28715" t="s">
        <v>17664</v>
      </c>
      <c r="G28715" t="s">
        <v>16559</v>
      </c>
      <c r="H28715" t="s">
        <v>16560</v>
      </c>
      <c r="I28715" s="2">
        <v>1</v>
      </c>
      <c r="J28715" s="2">
        <v>0</v>
      </c>
      <c r="K28715" s="2">
        <v>0</v>
      </c>
      <c r="L28715" t="s">
        <v>120</v>
      </c>
      <c r="M28715" t="s">
        <v>87</v>
      </c>
      <c r="N28715" t="s">
        <v>88</v>
      </c>
      <c r="O28715" t="s">
        <v>85</v>
      </c>
      <c r="P28715" t="s">
        <v>86</v>
      </c>
      <c r="Q28715">
        <v>30</v>
      </c>
      <c r="R28715">
        <v>30</v>
      </c>
      <c r="S28715">
        <v>30</v>
      </c>
      <c r="T28715">
        <v>30</v>
      </c>
      <c r="U28715">
        <v>30</v>
      </c>
      <c r="V28715">
        <v>31</v>
      </c>
      <c r="W28715">
        <v>31</v>
      </c>
      <c r="X28715">
        <v>31</v>
      </c>
      <c r="Y28715">
        <v>31</v>
      </c>
      <c r="Z28715">
        <v>31</v>
      </c>
      <c r="AA28715">
        <v>31</v>
      </c>
      <c r="AB28715">
        <v>32</v>
      </c>
      <c r="AC28715">
        <v>32</v>
      </c>
      <c r="AD28715">
        <v>32</v>
      </c>
      <c r="AE28715">
        <v>32</v>
      </c>
      <c r="AF28715">
        <v>32</v>
      </c>
      <c r="AG28715">
        <v>33</v>
      </c>
      <c r="AH28715">
        <v>33</v>
      </c>
      <c r="AI28715">
        <v>33</v>
      </c>
      <c r="AJ28715">
        <v>33</v>
      </c>
      <c r="AK28715">
        <v>33</v>
      </c>
      <c r="AL28715">
        <v>34</v>
      </c>
      <c r="AM28715">
        <v>34</v>
      </c>
      <c r="AN28715">
        <v>34</v>
      </c>
      <c r="AO28715">
        <v>34</v>
      </c>
      <c r="AP28715">
        <v>34</v>
      </c>
      <c r="AQ28715">
        <v>35</v>
      </c>
    </row>
    <row r="28716" spans="1:43">
      <c r="A28716" t="s">
        <v>17773</v>
      </c>
      <c r="B28716" t="s">
        <v>17774</v>
      </c>
      <c r="C28716" t="s">
        <v>17769</v>
      </c>
      <c r="D28716" t="s">
        <v>17770</v>
      </c>
      <c r="E28716" t="s">
        <v>17663</v>
      </c>
      <c r="F28716" t="s">
        <v>17664</v>
      </c>
      <c r="G28716" t="s">
        <v>16559</v>
      </c>
      <c r="H28716" t="s">
        <v>16560</v>
      </c>
      <c r="I28716" s="2">
        <v>1</v>
      </c>
      <c r="J28716" s="2">
        <v>0</v>
      </c>
      <c r="K28716" s="2">
        <v>0</v>
      </c>
      <c r="L28716" t="s">
        <v>120</v>
      </c>
      <c r="M28716" t="s">
        <v>89</v>
      </c>
      <c r="N28716" t="s">
        <v>90</v>
      </c>
      <c r="O28716" t="s">
        <v>85</v>
      </c>
      <c r="P28716" t="s">
        <v>86</v>
      </c>
      <c r="Q28716">
        <v>30</v>
      </c>
      <c r="R28716">
        <v>31</v>
      </c>
      <c r="S28716">
        <v>32</v>
      </c>
      <c r="T28716">
        <v>32</v>
      </c>
      <c r="U28716">
        <v>33</v>
      </c>
      <c r="V28716">
        <v>34</v>
      </c>
      <c r="W28716">
        <v>34</v>
      </c>
      <c r="X28716">
        <v>35</v>
      </c>
      <c r="Y28716">
        <v>36</v>
      </c>
      <c r="Z28716">
        <v>36</v>
      </c>
      <c r="AA28716">
        <v>37</v>
      </c>
      <c r="AB28716">
        <v>37</v>
      </c>
      <c r="AC28716">
        <v>38</v>
      </c>
      <c r="AD28716">
        <v>39</v>
      </c>
      <c r="AE28716">
        <v>39</v>
      </c>
      <c r="AF28716">
        <v>39</v>
      </c>
      <c r="AG28716">
        <v>39</v>
      </c>
      <c r="AH28716">
        <v>39</v>
      </c>
      <c r="AI28716">
        <v>39</v>
      </c>
      <c r="AJ28716">
        <v>39</v>
      </c>
      <c r="AK28716">
        <v>39</v>
      </c>
      <c r="AL28716">
        <v>40</v>
      </c>
      <c r="AM28716">
        <v>40</v>
      </c>
      <c r="AN28716">
        <v>40</v>
      </c>
      <c r="AO28716">
        <v>40</v>
      </c>
      <c r="AP28716">
        <v>40</v>
      </c>
      <c r="AQ28716">
        <v>40</v>
      </c>
    </row>
    <row r="28717" spans="1:43">
      <c r="A28717" t="s">
        <v>17773</v>
      </c>
      <c r="B28717" t="s">
        <v>17774</v>
      </c>
      <c r="C28717" t="s">
        <v>17769</v>
      </c>
      <c r="D28717" t="s">
        <v>17770</v>
      </c>
      <c r="E28717" t="s">
        <v>17663</v>
      </c>
      <c r="F28717" t="s">
        <v>17664</v>
      </c>
      <c r="G28717" t="s">
        <v>16559</v>
      </c>
      <c r="H28717" t="s">
        <v>16560</v>
      </c>
      <c r="I28717" s="2">
        <v>1</v>
      </c>
      <c r="J28717" s="2">
        <v>0</v>
      </c>
      <c r="K28717" s="2">
        <v>0</v>
      </c>
      <c r="L28717" t="s">
        <v>120</v>
      </c>
      <c r="M28717" t="s">
        <v>83</v>
      </c>
      <c r="N28717" t="s">
        <v>91</v>
      </c>
      <c r="O28717" t="s">
        <v>85</v>
      </c>
      <c r="P28717" t="s">
        <v>86</v>
      </c>
      <c r="Q28717">
        <v>30</v>
      </c>
      <c r="R28717">
        <v>30</v>
      </c>
      <c r="S28717">
        <v>31</v>
      </c>
      <c r="T28717">
        <v>31</v>
      </c>
      <c r="U28717">
        <v>32</v>
      </c>
      <c r="V28717">
        <v>32</v>
      </c>
      <c r="W28717">
        <v>33</v>
      </c>
      <c r="X28717">
        <v>33</v>
      </c>
      <c r="Y28717">
        <v>34</v>
      </c>
      <c r="Z28717">
        <v>34</v>
      </c>
      <c r="AA28717">
        <v>34</v>
      </c>
      <c r="AB28717">
        <v>35</v>
      </c>
      <c r="AC28717">
        <v>35</v>
      </c>
      <c r="AD28717">
        <v>36</v>
      </c>
      <c r="AE28717">
        <v>36</v>
      </c>
      <c r="AF28717">
        <v>37</v>
      </c>
      <c r="AG28717">
        <v>37</v>
      </c>
      <c r="AH28717">
        <v>38</v>
      </c>
      <c r="AI28717">
        <v>38</v>
      </c>
      <c r="AJ28717">
        <v>39</v>
      </c>
      <c r="AK28717">
        <v>39</v>
      </c>
      <c r="AL28717">
        <v>39</v>
      </c>
      <c r="AM28717">
        <v>39</v>
      </c>
      <c r="AN28717">
        <v>40</v>
      </c>
      <c r="AO28717">
        <v>40</v>
      </c>
      <c r="AP28717">
        <v>40</v>
      </c>
      <c r="AQ28717">
        <v>40</v>
      </c>
    </row>
    <row r="28718" spans="1:43">
      <c r="A28718" t="s">
        <v>17775</v>
      </c>
      <c r="B28718" t="s">
        <v>17776</v>
      </c>
      <c r="C28718" t="s">
        <v>17769</v>
      </c>
      <c r="D28718" t="s">
        <v>17770</v>
      </c>
      <c r="E28718" t="s">
        <v>17663</v>
      </c>
      <c r="F28718" t="s">
        <v>17664</v>
      </c>
      <c r="G28718" t="s">
        <v>16559</v>
      </c>
      <c r="H28718" t="s">
        <v>16560</v>
      </c>
      <c r="I28718" s="2">
        <v>1</v>
      </c>
      <c r="J28718" s="2">
        <v>0</v>
      </c>
      <c r="K28718" s="2">
        <v>0</v>
      </c>
      <c r="L28718" t="s">
        <v>120</v>
      </c>
      <c r="M28718" t="s">
        <v>83</v>
      </c>
      <c r="N28718" t="s">
        <v>84</v>
      </c>
      <c r="O28718" t="s">
        <v>85</v>
      </c>
      <c r="P28718" t="s">
        <v>86</v>
      </c>
      <c r="Q28718">
        <v>93</v>
      </c>
      <c r="R28718">
        <v>95</v>
      </c>
      <c r="S28718">
        <v>96</v>
      </c>
      <c r="T28718">
        <v>97</v>
      </c>
      <c r="U28718">
        <v>99</v>
      </c>
      <c r="V28718">
        <v>100</v>
      </c>
      <c r="W28718">
        <v>102</v>
      </c>
      <c r="X28718">
        <v>103</v>
      </c>
      <c r="Y28718">
        <v>104</v>
      </c>
      <c r="Z28718">
        <v>106</v>
      </c>
      <c r="AA28718">
        <v>107</v>
      </c>
      <c r="AB28718">
        <v>108</v>
      </c>
      <c r="AC28718">
        <v>110</v>
      </c>
      <c r="AD28718">
        <v>111</v>
      </c>
      <c r="AE28718">
        <v>113</v>
      </c>
      <c r="AF28718">
        <v>114</v>
      </c>
      <c r="AG28718">
        <v>116</v>
      </c>
      <c r="AH28718">
        <v>117</v>
      </c>
      <c r="AI28718">
        <v>118</v>
      </c>
      <c r="AJ28718">
        <v>120</v>
      </c>
      <c r="AK28718">
        <v>121</v>
      </c>
      <c r="AL28718">
        <v>122</v>
      </c>
      <c r="AM28718">
        <v>122</v>
      </c>
      <c r="AN28718">
        <v>123</v>
      </c>
      <c r="AO28718">
        <v>123</v>
      </c>
      <c r="AP28718">
        <v>123</v>
      </c>
      <c r="AQ28718">
        <v>124</v>
      </c>
    </row>
    <row r="28719" spans="1:43">
      <c r="A28719" t="s">
        <v>17775</v>
      </c>
      <c r="B28719" t="s">
        <v>17776</v>
      </c>
      <c r="C28719" t="s">
        <v>17769</v>
      </c>
      <c r="D28719" t="s">
        <v>17770</v>
      </c>
      <c r="E28719" t="s">
        <v>17663</v>
      </c>
      <c r="F28719" t="s">
        <v>17664</v>
      </c>
      <c r="G28719" t="s">
        <v>16559</v>
      </c>
      <c r="H28719" t="s">
        <v>16560</v>
      </c>
      <c r="I28719" s="2">
        <v>1</v>
      </c>
      <c r="J28719" s="2">
        <v>0</v>
      </c>
      <c r="K28719" s="2">
        <v>0</v>
      </c>
      <c r="L28719" t="s">
        <v>120</v>
      </c>
      <c r="M28719" t="s">
        <v>87</v>
      </c>
      <c r="N28719" t="s">
        <v>88</v>
      </c>
      <c r="O28719" t="s">
        <v>85</v>
      </c>
      <c r="P28719" t="s">
        <v>86</v>
      </c>
      <c r="Q28719">
        <v>93</v>
      </c>
      <c r="R28719">
        <v>94</v>
      </c>
      <c r="S28719">
        <v>94</v>
      </c>
      <c r="T28719">
        <v>95</v>
      </c>
      <c r="U28719">
        <v>95</v>
      </c>
      <c r="V28719">
        <v>96</v>
      </c>
      <c r="W28719">
        <v>96</v>
      </c>
      <c r="X28719">
        <v>97</v>
      </c>
      <c r="Y28719">
        <v>98</v>
      </c>
      <c r="Z28719">
        <v>98</v>
      </c>
      <c r="AA28719">
        <v>99</v>
      </c>
      <c r="AB28719">
        <v>99</v>
      </c>
      <c r="AC28719">
        <v>100</v>
      </c>
      <c r="AD28719">
        <v>100</v>
      </c>
      <c r="AE28719">
        <v>101</v>
      </c>
      <c r="AF28719">
        <v>101</v>
      </c>
      <c r="AG28719">
        <v>102</v>
      </c>
      <c r="AH28719">
        <v>103</v>
      </c>
      <c r="AI28719">
        <v>103</v>
      </c>
      <c r="AJ28719">
        <v>104</v>
      </c>
      <c r="AK28719">
        <v>104</v>
      </c>
      <c r="AL28719">
        <v>105</v>
      </c>
      <c r="AM28719">
        <v>106</v>
      </c>
      <c r="AN28719">
        <v>106</v>
      </c>
      <c r="AO28719">
        <v>107</v>
      </c>
      <c r="AP28719">
        <v>108</v>
      </c>
      <c r="AQ28719">
        <v>108</v>
      </c>
    </row>
    <row r="28720" spans="1:43">
      <c r="A28720" t="s">
        <v>17775</v>
      </c>
      <c r="B28720" t="s">
        <v>17776</v>
      </c>
      <c r="C28720" t="s">
        <v>17769</v>
      </c>
      <c r="D28720" t="s">
        <v>17770</v>
      </c>
      <c r="E28720" t="s">
        <v>17663</v>
      </c>
      <c r="F28720" t="s">
        <v>17664</v>
      </c>
      <c r="G28720" t="s">
        <v>16559</v>
      </c>
      <c r="H28720" t="s">
        <v>16560</v>
      </c>
      <c r="I28720" s="2">
        <v>1</v>
      </c>
      <c r="J28720" s="2">
        <v>0</v>
      </c>
      <c r="K28720" s="2">
        <v>0</v>
      </c>
      <c r="L28720" t="s">
        <v>120</v>
      </c>
      <c r="M28720" t="s">
        <v>89</v>
      </c>
      <c r="N28720" t="s">
        <v>90</v>
      </c>
      <c r="O28720" t="s">
        <v>85</v>
      </c>
      <c r="P28720" t="s">
        <v>86</v>
      </c>
      <c r="Q28720">
        <v>93</v>
      </c>
      <c r="R28720">
        <v>95</v>
      </c>
      <c r="S28720">
        <v>97</v>
      </c>
      <c r="T28720">
        <v>100</v>
      </c>
      <c r="U28720">
        <v>102</v>
      </c>
      <c r="V28720">
        <v>104</v>
      </c>
      <c r="W28720">
        <v>106</v>
      </c>
      <c r="X28720">
        <v>108</v>
      </c>
      <c r="Y28720">
        <v>109</v>
      </c>
      <c r="Z28720">
        <v>111</v>
      </c>
      <c r="AA28720">
        <v>113</v>
      </c>
      <c r="AB28720">
        <v>115</v>
      </c>
      <c r="AC28720">
        <v>117</v>
      </c>
      <c r="AD28720">
        <v>119</v>
      </c>
      <c r="AE28720">
        <v>120</v>
      </c>
      <c r="AF28720">
        <v>120</v>
      </c>
      <c r="AG28720">
        <v>121</v>
      </c>
      <c r="AH28720">
        <v>121</v>
      </c>
      <c r="AI28720">
        <v>121</v>
      </c>
      <c r="AJ28720">
        <v>121</v>
      </c>
      <c r="AK28720">
        <v>122</v>
      </c>
      <c r="AL28720">
        <v>122</v>
      </c>
      <c r="AM28720">
        <v>122</v>
      </c>
      <c r="AN28720">
        <v>122</v>
      </c>
      <c r="AO28720">
        <v>123</v>
      </c>
      <c r="AP28720">
        <v>123</v>
      </c>
      <c r="AQ28720">
        <v>123</v>
      </c>
    </row>
    <row r="28721" spans="1:43">
      <c r="A28721" t="s">
        <v>17775</v>
      </c>
      <c r="B28721" t="s">
        <v>17776</v>
      </c>
      <c r="C28721" t="s">
        <v>17769</v>
      </c>
      <c r="D28721" t="s">
        <v>17770</v>
      </c>
      <c r="E28721" t="s">
        <v>17663</v>
      </c>
      <c r="F28721" t="s">
        <v>17664</v>
      </c>
      <c r="G28721" t="s">
        <v>16559</v>
      </c>
      <c r="H28721" t="s">
        <v>16560</v>
      </c>
      <c r="I28721" s="2">
        <v>1</v>
      </c>
      <c r="J28721" s="2">
        <v>0</v>
      </c>
      <c r="K28721" s="2">
        <v>0</v>
      </c>
      <c r="L28721" t="s">
        <v>120</v>
      </c>
      <c r="M28721" t="s">
        <v>83</v>
      </c>
      <c r="N28721" t="s">
        <v>91</v>
      </c>
      <c r="O28721" t="s">
        <v>85</v>
      </c>
      <c r="P28721" t="s">
        <v>86</v>
      </c>
      <c r="Q28721">
        <v>93</v>
      </c>
      <c r="R28721">
        <v>95</v>
      </c>
      <c r="S28721">
        <v>96</v>
      </c>
      <c r="T28721">
        <v>97</v>
      </c>
      <c r="U28721">
        <v>99</v>
      </c>
      <c r="V28721">
        <v>100</v>
      </c>
      <c r="W28721">
        <v>102</v>
      </c>
      <c r="X28721">
        <v>103</v>
      </c>
      <c r="Y28721">
        <v>104</v>
      </c>
      <c r="Z28721">
        <v>106</v>
      </c>
      <c r="AA28721">
        <v>107</v>
      </c>
      <c r="AB28721">
        <v>108</v>
      </c>
      <c r="AC28721">
        <v>110</v>
      </c>
      <c r="AD28721">
        <v>111</v>
      </c>
      <c r="AE28721">
        <v>113</v>
      </c>
      <c r="AF28721">
        <v>114</v>
      </c>
      <c r="AG28721">
        <v>116</v>
      </c>
      <c r="AH28721">
        <v>117</v>
      </c>
      <c r="AI28721">
        <v>118</v>
      </c>
      <c r="AJ28721">
        <v>120</v>
      </c>
      <c r="AK28721">
        <v>121</v>
      </c>
      <c r="AL28721">
        <v>122</v>
      </c>
      <c r="AM28721">
        <v>122</v>
      </c>
      <c r="AN28721">
        <v>123</v>
      </c>
      <c r="AO28721">
        <v>123</v>
      </c>
      <c r="AP28721">
        <v>123</v>
      </c>
      <c r="AQ28721">
        <v>124</v>
      </c>
    </row>
    <row r="28722" spans="1:43">
      <c r="A28722" t="s">
        <v>17777</v>
      </c>
      <c r="B28722" t="s">
        <v>17778</v>
      </c>
      <c r="C28722" t="s">
        <v>17725</v>
      </c>
      <c r="D28722" t="s">
        <v>17726</v>
      </c>
      <c r="E28722" t="s">
        <v>17663</v>
      </c>
      <c r="F28722" t="s">
        <v>17664</v>
      </c>
      <c r="G28722" t="s">
        <v>16559</v>
      </c>
      <c r="H28722" t="s">
        <v>16560</v>
      </c>
      <c r="I28722" s="2">
        <v>1</v>
      </c>
      <c r="J28722" s="2">
        <v>0</v>
      </c>
      <c r="K28722" s="2">
        <v>0</v>
      </c>
      <c r="L28722" t="s">
        <v>120</v>
      </c>
      <c r="M28722" t="s">
        <v>83</v>
      </c>
      <c r="N28722" t="s">
        <v>84</v>
      </c>
      <c r="O28722" t="s">
        <v>85</v>
      </c>
      <c r="P28722" t="s">
        <v>86</v>
      </c>
      <c r="Q28722">
        <v>7</v>
      </c>
      <c r="R28722">
        <v>8</v>
      </c>
      <c r="S28722">
        <v>8</v>
      </c>
      <c r="T28722">
        <v>8</v>
      </c>
      <c r="U28722">
        <v>8</v>
      </c>
      <c r="V28722">
        <v>8</v>
      </c>
      <c r="W28722">
        <v>8</v>
      </c>
      <c r="X28722">
        <v>8</v>
      </c>
      <c r="Y28722">
        <v>8</v>
      </c>
      <c r="Z28722">
        <v>8</v>
      </c>
      <c r="AA28722">
        <v>9</v>
      </c>
      <c r="AB28722">
        <v>9</v>
      </c>
      <c r="AC28722">
        <v>9</v>
      </c>
      <c r="AD28722">
        <v>9</v>
      </c>
      <c r="AE28722">
        <v>9</v>
      </c>
      <c r="AF28722">
        <v>9</v>
      </c>
      <c r="AG28722">
        <v>9</v>
      </c>
      <c r="AH28722">
        <v>9</v>
      </c>
      <c r="AI28722">
        <v>9</v>
      </c>
      <c r="AJ28722">
        <v>10</v>
      </c>
      <c r="AK28722">
        <v>10</v>
      </c>
      <c r="AL28722">
        <v>10</v>
      </c>
      <c r="AM28722">
        <v>10</v>
      </c>
      <c r="AN28722">
        <v>10</v>
      </c>
      <c r="AO28722">
        <v>10</v>
      </c>
      <c r="AP28722">
        <v>10</v>
      </c>
      <c r="AQ28722">
        <v>10</v>
      </c>
    </row>
    <row r="28723" spans="1:43">
      <c r="A28723" t="s">
        <v>17777</v>
      </c>
      <c r="B28723" t="s">
        <v>17778</v>
      </c>
      <c r="C28723" t="s">
        <v>17725</v>
      </c>
      <c r="D28723" t="s">
        <v>17726</v>
      </c>
      <c r="E28723" t="s">
        <v>17663</v>
      </c>
      <c r="F28723" t="s">
        <v>17664</v>
      </c>
      <c r="G28723" t="s">
        <v>16559</v>
      </c>
      <c r="H28723" t="s">
        <v>16560</v>
      </c>
      <c r="I28723" s="2">
        <v>1</v>
      </c>
      <c r="J28723" s="2">
        <v>0</v>
      </c>
      <c r="K28723" s="2">
        <v>0</v>
      </c>
      <c r="L28723" t="s">
        <v>120</v>
      </c>
      <c r="M28723" t="s">
        <v>87</v>
      </c>
      <c r="N28723" t="s">
        <v>88</v>
      </c>
      <c r="O28723" t="s">
        <v>85</v>
      </c>
      <c r="P28723" t="s">
        <v>86</v>
      </c>
      <c r="Q28723">
        <v>7</v>
      </c>
      <c r="R28723">
        <v>7</v>
      </c>
      <c r="S28723">
        <v>7</v>
      </c>
      <c r="T28723">
        <v>8</v>
      </c>
      <c r="U28723">
        <v>8</v>
      </c>
      <c r="V28723">
        <v>8</v>
      </c>
      <c r="W28723">
        <v>8</v>
      </c>
      <c r="X28723">
        <v>8</v>
      </c>
      <c r="Y28723">
        <v>8</v>
      </c>
      <c r="Z28723">
        <v>8</v>
      </c>
      <c r="AA28723">
        <v>8</v>
      </c>
      <c r="AB28723">
        <v>8</v>
      </c>
      <c r="AC28723">
        <v>8</v>
      </c>
      <c r="AD28723">
        <v>8</v>
      </c>
      <c r="AE28723">
        <v>8</v>
      </c>
      <c r="AF28723">
        <v>8</v>
      </c>
      <c r="AG28723">
        <v>8</v>
      </c>
      <c r="AH28723">
        <v>8</v>
      </c>
      <c r="AI28723">
        <v>8</v>
      </c>
      <c r="AJ28723">
        <v>8</v>
      </c>
      <c r="AK28723">
        <v>8</v>
      </c>
      <c r="AL28723">
        <v>8</v>
      </c>
      <c r="AM28723">
        <v>8</v>
      </c>
      <c r="AN28723">
        <v>8</v>
      </c>
      <c r="AO28723">
        <v>9</v>
      </c>
      <c r="AP28723">
        <v>9</v>
      </c>
      <c r="AQ28723">
        <v>9</v>
      </c>
    </row>
    <row r="28724" spans="1:43">
      <c r="A28724" t="s">
        <v>17777</v>
      </c>
      <c r="B28724" t="s">
        <v>17778</v>
      </c>
      <c r="C28724" t="s">
        <v>17725</v>
      </c>
      <c r="D28724" t="s">
        <v>17726</v>
      </c>
      <c r="E28724" t="s">
        <v>17663</v>
      </c>
      <c r="F28724" t="s">
        <v>17664</v>
      </c>
      <c r="G28724" t="s">
        <v>16559</v>
      </c>
      <c r="H28724" t="s">
        <v>16560</v>
      </c>
      <c r="I28724" s="2">
        <v>1</v>
      </c>
      <c r="J28724" s="2">
        <v>0</v>
      </c>
      <c r="K28724" s="2">
        <v>0</v>
      </c>
      <c r="L28724" t="s">
        <v>120</v>
      </c>
      <c r="M28724" t="s">
        <v>89</v>
      </c>
      <c r="N28724" t="s">
        <v>90</v>
      </c>
      <c r="O28724" t="s">
        <v>85</v>
      </c>
      <c r="P28724" t="s">
        <v>86</v>
      </c>
      <c r="Q28724">
        <v>7</v>
      </c>
      <c r="R28724">
        <v>7</v>
      </c>
      <c r="S28724">
        <v>7</v>
      </c>
      <c r="T28724">
        <v>7</v>
      </c>
      <c r="U28724">
        <v>7</v>
      </c>
      <c r="V28724">
        <v>7</v>
      </c>
      <c r="W28724">
        <v>8</v>
      </c>
      <c r="X28724">
        <v>8</v>
      </c>
      <c r="Y28724">
        <v>8</v>
      </c>
      <c r="Z28724">
        <v>8</v>
      </c>
      <c r="AA28724">
        <v>8</v>
      </c>
      <c r="AB28724">
        <v>8</v>
      </c>
      <c r="AC28724">
        <v>8</v>
      </c>
      <c r="AD28724">
        <v>9</v>
      </c>
      <c r="AE28724">
        <v>9</v>
      </c>
      <c r="AF28724">
        <v>9</v>
      </c>
      <c r="AG28724">
        <v>9</v>
      </c>
      <c r="AH28724">
        <v>9</v>
      </c>
      <c r="AI28724">
        <v>9</v>
      </c>
      <c r="AJ28724">
        <v>9</v>
      </c>
      <c r="AK28724">
        <v>9</v>
      </c>
      <c r="AL28724">
        <v>9</v>
      </c>
      <c r="AM28724">
        <v>9</v>
      </c>
      <c r="AN28724">
        <v>9</v>
      </c>
      <c r="AO28724">
        <v>9</v>
      </c>
      <c r="AP28724">
        <v>9</v>
      </c>
      <c r="AQ28724">
        <v>9</v>
      </c>
    </row>
    <row r="28725" spans="1:43">
      <c r="A28725" t="s">
        <v>17777</v>
      </c>
      <c r="B28725" t="s">
        <v>17778</v>
      </c>
      <c r="C28725" t="s">
        <v>17725</v>
      </c>
      <c r="D28725" t="s">
        <v>17726</v>
      </c>
      <c r="E28725" t="s">
        <v>17663</v>
      </c>
      <c r="F28725" t="s">
        <v>17664</v>
      </c>
      <c r="G28725" t="s">
        <v>16559</v>
      </c>
      <c r="H28725" t="s">
        <v>16560</v>
      </c>
      <c r="I28725" s="2">
        <v>1</v>
      </c>
      <c r="J28725" s="2">
        <v>0</v>
      </c>
      <c r="K28725" s="2">
        <v>0</v>
      </c>
      <c r="L28725" t="s">
        <v>120</v>
      </c>
      <c r="M28725" t="s">
        <v>83</v>
      </c>
      <c r="N28725" t="s">
        <v>91</v>
      </c>
      <c r="O28725" t="s">
        <v>85</v>
      </c>
      <c r="P28725" t="s">
        <v>86</v>
      </c>
      <c r="Q28725">
        <v>7</v>
      </c>
      <c r="R28725">
        <v>8</v>
      </c>
      <c r="S28725">
        <v>8</v>
      </c>
      <c r="T28725">
        <v>8</v>
      </c>
      <c r="U28725">
        <v>8</v>
      </c>
      <c r="V28725">
        <v>8</v>
      </c>
      <c r="W28725">
        <v>8</v>
      </c>
      <c r="X28725">
        <v>8</v>
      </c>
      <c r="Y28725">
        <v>8</v>
      </c>
      <c r="Z28725">
        <v>8</v>
      </c>
      <c r="AA28725">
        <v>9</v>
      </c>
      <c r="AB28725">
        <v>9</v>
      </c>
      <c r="AC28725">
        <v>9</v>
      </c>
      <c r="AD28725">
        <v>9</v>
      </c>
      <c r="AE28725">
        <v>9</v>
      </c>
      <c r="AF28725">
        <v>9</v>
      </c>
      <c r="AG28725">
        <v>9</v>
      </c>
      <c r="AH28725">
        <v>9</v>
      </c>
      <c r="AI28725">
        <v>9</v>
      </c>
      <c r="AJ28725">
        <v>10</v>
      </c>
      <c r="AK28725">
        <v>10</v>
      </c>
      <c r="AL28725">
        <v>10</v>
      </c>
      <c r="AM28725">
        <v>10</v>
      </c>
      <c r="AN28725">
        <v>10</v>
      </c>
      <c r="AO28725">
        <v>10</v>
      </c>
      <c r="AP28725">
        <v>10</v>
      </c>
      <c r="AQ28725">
        <v>10</v>
      </c>
    </row>
    <row r="28726" spans="1:43">
      <c r="A28726" t="s">
        <v>17779</v>
      </c>
      <c r="B28726" t="s">
        <v>17780</v>
      </c>
      <c r="C28726" t="s">
        <v>17725</v>
      </c>
      <c r="D28726" t="s">
        <v>17726</v>
      </c>
      <c r="E28726" t="s">
        <v>17663</v>
      </c>
      <c r="F28726" t="s">
        <v>17664</v>
      </c>
      <c r="G28726" t="s">
        <v>16559</v>
      </c>
      <c r="H28726" t="s">
        <v>16560</v>
      </c>
      <c r="I28726" s="2">
        <v>1</v>
      </c>
      <c r="J28726" s="2">
        <v>0</v>
      </c>
      <c r="K28726" s="2">
        <v>0</v>
      </c>
      <c r="L28726" t="s">
        <v>120</v>
      </c>
      <c r="M28726" t="s">
        <v>83</v>
      </c>
      <c r="N28726" t="s">
        <v>84</v>
      </c>
      <c r="O28726" t="s">
        <v>85</v>
      </c>
      <c r="P28726" t="s">
        <v>86</v>
      </c>
      <c r="Q28726">
        <v>30</v>
      </c>
      <c r="R28726">
        <v>31</v>
      </c>
      <c r="S28726">
        <v>31</v>
      </c>
      <c r="T28726">
        <v>32</v>
      </c>
      <c r="U28726">
        <v>32</v>
      </c>
      <c r="V28726">
        <v>33</v>
      </c>
      <c r="W28726">
        <v>33</v>
      </c>
      <c r="X28726">
        <v>33</v>
      </c>
      <c r="Y28726">
        <v>34</v>
      </c>
      <c r="Z28726">
        <v>34</v>
      </c>
      <c r="AA28726">
        <v>35</v>
      </c>
      <c r="AB28726">
        <v>35</v>
      </c>
      <c r="AC28726">
        <v>36</v>
      </c>
      <c r="AD28726">
        <v>36</v>
      </c>
      <c r="AE28726">
        <v>36</v>
      </c>
      <c r="AF28726">
        <v>37</v>
      </c>
      <c r="AG28726">
        <v>37</v>
      </c>
      <c r="AH28726">
        <v>38</v>
      </c>
      <c r="AI28726">
        <v>38</v>
      </c>
      <c r="AJ28726">
        <v>39</v>
      </c>
      <c r="AK28726">
        <v>39</v>
      </c>
      <c r="AL28726">
        <v>39</v>
      </c>
      <c r="AM28726">
        <v>39</v>
      </c>
      <c r="AN28726">
        <v>40</v>
      </c>
      <c r="AO28726">
        <v>40</v>
      </c>
      <c r="AP28726">
        <v>40</v>
      </c>
      <c r="AQ28726">
        <v>40</v>
      </c>
    </row>
    <row r="28727" spans="1:43">
      <c r="A28727" t="s">
        <v>17779</v>
      </c>
      <c r="B28727" t="s">
        <v>17780</v>
      </c>
      <c r="C28727" t="s">
        <v>17725</v>
      </c>
      <c r="D28727" t="s">
        <v>17726</v>
      </c>
      <c r="E28727" t="s">
        <v>17663</v>
      </c>
      <c r="F28727" t="s">
        <v>17664</v>
      </c>
      <c r="G28727" t="s">
        <v>16559</v>
      </c>
      <c r="H28727" t="s">
        <v>16560</v>
      </c>
      <c r="I28727" s="2">
        <v>1</v>
      </c>
      <c r="J28727" s="2">
        <v>0</v>
      </c>
      <c r="K28727" s="2">
        <v>0</v>
      </c>
      <c r="L28727" t="s">
        <v>120</v>
      </c>
      <c r="M28727" t="s">
        <v>87</v>
      </c>
      <c r="N28727" t="s">
        <v>88</v>
      </c>
      <c r="O28727" t="s">
        <v>85</v>
      </c>
      <c r="P28727" t="s">
        <v>86</v>
      </c>
      <c r="Q28727">
        <v>30</v>
      </c>
      <c r="R28727">
        <v>30</v>
      </c>
      <c r="S28727">
        <v>30</v>
      </c>
      <c r="T28727">
        <v>30</v>
      </c>
      <c r="U28727">
        <v>31</v>
      </c>
      <c r="V28727">
        <v>31</v>
      </c>
      <c r="W28727">
        <v>31</v>
      </c>
      <c r="X28727">
        <v>31</v>
      </c>
      <c r="Y28727">
        <v>31</v>
      </c>
      <c r="Z28727">
        <v>32</v>
      </c>
      <c r="AA28727">
        <v>32</v>
      </c>
      <c r="AB28727">
        <v>32</v>
      </c>
      <c r="AC28727">
        <v>32</v>
      </c>
      <c r="AD28727">
        <v>32</v>
      </c>
      <c r="AE28727">
        <v>32</v>
      </c>
      <c r="AF28727">
        <v>33</v>
      </c>
      <c r="AG28727">
        <v>33</v>
      </c>
      <c r="AH28727">
        <v>33</v>
      </c>
      <c r="AI28727">
        <v>33</v>
      </c>
      <c r="AJ28727">
        <v>33</v>
      </c>
      <c r="AK28727">
        <v>34</v>
      </c>
      <c r="AL28727">
        <v>34</v>
      </c>
      <c r="AM28727">
        <v>34</v>
      </c>
      <c r="AN28727">
        <v>34</v>
      </c>
      <c r="AO28727">
        <v>34</v>
      </c>
      <c r="AP28727">
        <v>35</v>
      </c>
      <c r="AQ28727">
        <v>35</v>
      </c>
    </row>
    <row r="28728" spans="1:43">
      <c r="A28728" t="s">
        <v>17779</v>
      </c>
      <c r="B28728" t="s">
        <v>17780</v>
      </c>
      <c r="C28728" t="s">
        <v>17725</v>
      </c>
      <c r="D28728" t="s">
        <v>17726</v>
      </c>
      <c r="E28728" t="s">
        <v>17663</v>
      </c>
      <c r="F28728" t="s">
        <v>17664</v>
      </c>
      <c r="G28728" t="s">
        <v>16559</v>
      </c>
      <c r="H28728" t="s">
        <v>16560</v>
      </c>
      <c r="I28728" s="2">
        <v>1</v>
      </c>
      <c r="J28728" s="2">
        <v>0</v>
      </c>
      <c r="K28728" s="2">
        <v>0</v>
      </c>
      <c r="L28728" t="s">
        <v>120</v>
      </c>
      <c r="M28728" t="s">
        <v>89</v>
      </c>
      <c r="N28728" t="s">
        <v>90</v>
      </c>
      <c r="O28728" t="s">
        <v>85</v>
      </c>
      <c r="P28728" t="s">
        <v>86</v>
      </c>
      <c r="Q28728">
        <v>30</v>
      </c>
      <c r="R28728">
        <v>30</v>
      </c>
      <c r="S28728">
        <v>31</v>
      </c>
      <c r="T28728">
        <v>32</v>
      </c>
      <c r="U28728">
        <v>32</v>
      </c>
      <c r="V28728">
        <v>33</v>
      </c>
      <c r="W28728">
        <v>34</v>
      </c>
      <c r="X28728">
        <v>34</v>
      </c>
      <c r="Y28728">
        <v>35</v>
      </c>
      <c r="Z28728">
        <v>35</v>
      </c>
      <c r="AA28728">
        <v>36</v>
      </c>
      <c r="AB28728">
        <v>36</v>
      </c>
      <c r="AC28728">
        <v>37</v>
      </c>
      <c r="AD28728">
        <v>38</v>
      </c>
      <c r="AE28728">
        <v>38</v>
      </c>
      <c r="AF28728">
        <v>38</v>
      </c>
      <c r="AG28728">
        <v>38</v>
      </c>
      <c r="AH28728">
        <v>38</v>
      </c>
      <c r="AI28728">
        <v>38</v>
      </c>
      <c r="AJ28728">
        <v>38</v>
      </c>
      <c r="AK28728">
        <v>38</v>
      </c>
      <c r="AL28728">
        <v>39</v>
      </c>
      <c r="AM28728">
        <v>39</v>
      </c>
      <c r="AN28728">
        <v>39</v>
      </c>
      <c r="AO28728">
        <v>39</v>
      </c>
      <c r="AP28728">
        <v>39</v>
      </c>
      <c r="AQ28728">
        <v>39</v>
      </c>
    </row>
    <row r="28729" spans="1:43">
      <c r="A28729" t="s">
        <v>17779</v>
      </c>
      <c r="B28729" t="s">
        <v>17780</v>
      </c>
      <c r="C28729" t="s">
        <v>17725</v>
      </c>
      <c r="D28729" t="s">
        <v>17726</v>
      </c>
      <c r="E28729" t="s">
        <v>17663</v>
      </c>
      <c r="F28729" t="s">
        <v>17664</v>
      </c>
      <c r="G28729" t="s">
        <v>16559</v>
      </c>
      <c r="H28729" t="s">
        <v>16560</v>
      </c>
      <c r="I28729" s="2">
        <v>1</v>
      </c>
      <c r="J28729" s="2">
        <v>0</v>
      </c>
      <c r="K28729" s="2">
        <v>0</v>
      </c>
      <c r="L28729" t="s">
        <v>120</v>
      </c>
      <c r="M28729" t="s">
        <v>83</v>
      </c>
      <c r="N28729" t="s">
        <v>91</v>
      </c>
      <c r="O28729" t="s">
        <v>85</v>
      </c>
      <c r="P28729" t="s">
        <v>86</v>
      </c>
      <c r="Q28729">
        <v>30</v>
      </c>
      <c r="R28729">
        <v>31</v>
      </c>
      <c r="S28729">
        <v>31</v>
      </c>
      <c r="T28729">
        <v>32</v>
      </c>
      <c r="U28729">
        <v>32</v>
      </c>
      <c r="V28729">
        <v>33</v>
      </c>
      <c r="W28729">
        <v>33</v>
      </c>
      <c r="X28729">
        <v>33</v>
      </c>
      <c r="Y28729">
        <v>34</v>
      </c>
      <c r="Z28729">
        <v>34</v>
      </c>
      <c r="AA28729">
        <v>35</v>
      </c>
      <c r="AB28729">
        <v>35</v>
      </c>
      <c r="AC28729">
        <v>36</v>
      </c>
      <c r="AD28729">
        <v>36</v>
      </c>
      <c r="AE28729">
        <v>36</v>
      </c>
      <c r="AF28729">
        <v>37</v>
      </c>
      <c r="AG28729">
        <v>37</v>
      </c>
      <c r="AH28729">
        <v>38</v>
      </c>
      <c r="AI28729">
        <v>38</v>
      </c>
      <c r="AJ28729">
        <v>39</v>
      </c>
      <c r="AK28729">
        <v>39</v>
      </c>
      <c r="AL28729">
        <v>39</v>
      </c>
      <c r="AM28729">
        <v>39</v>
      </c>
      <c r="AN28729">
        <v>40</v>
      </c>
      <c r="AO28729">
        <v>40</v>
      </c>
      <c r="AP28729">
        <v>40</v>
      </c>
      <c r="AQ28729">
        <v>40</v>
      </c>
    </row>
    <row r="28730" spans="1:43">
      <c r="A28730" t="s">
        <v>17781</v>
      </c>
      <c r="B28730" t="s">
        <v>17782</v>
      </c>
      <c r="C28730" t="s">
        <v>17725</v>
      </c>
      <c r="D28730" t="s">
        <v>17726</v>
      </c>
      <c r="E28730" t="s">
        <v>17663</v>
      </c>
      <c r="F28730" t="s">
        <v>17664</v>
      </c>
      <c r="G28730" t="s">
        <v>16559</v>
      </c>
      <c r="H28730" t="s">
        <v>16560</v>
      </c>
      <c r="I28730" s="2">
        <v>1</v>
      </c>
      <c r="J28730" s="2">
        <v>0</v>
      </c>
      <c r="K28730" s="2">
        <v>0</v>
      </c>
      <c r="L28730" t="s">
        <v>120</v>
      </c>
      <c r="M28730" t="s">
        <v>83</v>
      </c>
      <c r="N28730" t="s">
        <v>84</v>
      </c>
      <c r="O28730" t="s">
        <v>85</v>
      </c>
      <c r="P28730" t="s">
        <v>86</v>
      </c>
      <c r="Q28730">
        <v>29</v>
      </c>
      <c r="R28730">
        <v>30</v>
      </c>
      <c r="S28730">
        <v>30</v>
      </c>
      <c r="T28730">
        <v>31</v>
      </c>
      <c r="U28730">
        <v>31</v>
      </c>
      <c r="V28730">
        <v>32</v>
      </c>
      <c r="W28730">
        <v>32</v>
      </c>
      <c r="X28730">
        <v>33</v>
      </c>
      <c r="Y28730">
        <v>33</v>
      </c>
      <c r="Z28730">
        <v>33</v>
      </c>
      <c r="AA28730">
        <v>34</v>
      </c>
      <c r="AB28730">
        <v>34</v>
      </c>
      <c r="AC28730">
        <v>35</v>
      </c>
      <c r="AD28730">
        <v>35</v>
      </c>
      <c r="AE28730">
        <v>36</v>
      </c>
      <c r="AF28730">
        <v>36</v>
      </c>
      <c r="AG28730">
        <v>36</v>
      </c>
      <c r="AH28730">
        <v>37</v>
      </c>
      <c r="AI28730">
        <v>37</v>
      </c>
      <c r="AJ28730">
        <v>38</v>
      </c>
      <c r="AK28730">
        <v>38</v>
      </c>
      <c r="AL28730">
        <v>38</v>
      </c>
      <c r="AM28730">
        <v>39</v>
      </c>
      <c r="AN28730">
        <v>39</v>
      </c>
      <c r="AO28730">
        <v>39</v>
      </c>
      <c r="AP28730">
        <v>39</v>
      </c>
      <c r="AQ28730">
        <v>39</v>
      </c>
    </row>
    <row r="28731" spans="1:43">
      <c r="A28731" t="s">
        <v>17781</v>
      </c>
      <c r="B28731" t="s">
        <v>17782</v>
      </c>
      <c r="C28731" t="s">
        <v>17725</v>
      </c>
      <c r="D28731" t="s">
        <v>17726</v>
      </c>
      <c r="E28731" t="s">
        <v>17663</v>
      </c>
      <c r="F28731" t="s">
        <v>17664</v>
      </c>
      <c r="G28731" t="s">
        <v>16559</v>
      </c>
      <c r="H28731" t="s">
        <v>16560</v>
      </c>
      <c r="I28731" s="2">
        <v>1</v>
      </c>
      <c r="J28731" s="2">
        <v>0</v>
      </c>
      <c r="K28731" s="2">
        <v>0</v>
      </c>
      <c r="L28731" t="s">
        <v>120</v>
      </c>
      <c r="M28731" t="s">
        <v>87</v>
      </c>
      <c r="N28731" t="s">
        <v>88</v>
      </c>
      <c r="O28731" t="s">
        <v>85</v>
      </c>
      <c r="P28731" t="s">
        <v>86</v>
      </c>
      <c r="Q28731">
        <v>29</v>
      </c>
      <c r="R28731">
        <v>29</v>
      </c>
      <c r="S28731">
        <v>30</v>
      </c>
      <c r="T28731">
        <v>30</v>
      </c>
      <c r="U28731">
        <v>30</v>
      </c>
      <c r="V28731">
        <v>30</v>
      </c>
      <c r="W28731">
        <v>30</v>
      </c>
      <c r="X28731">
        <v>30</v>
      </c>
      <c r="Y28731">
        <v>31</v>
      </c>
      <c r="Z28731">
        <v>31</v>
      </c>
      <c r="AA28731">
        <v>31</v>
      </c>
      <c r="AB28731">
        <v>31</v>
      </c>
      <c r="AC28731">
        <v>31</v>
      </c>
      <c r="AD28731">
        <v>31</v>
      </c>
      <c r="AE28731">
        <v>32</v>
      </c>
      <c r="AF28731">
        <v>32</v>
      </c>
      <c r="AG28731">
        <v>32</v>
      </c>
      <c r="AH28731">
        <v>32</v>
      </c>
      <c r="AI28731">
        <v>32</v>
      </c>
      <c r="AJ28731">
        <v>33</v>
      </c>
      <c r="AK28731">
        <v>33</v>
      </c>
      <c r="AL28731">
        <v>33</v>
      </c>
      <c r="AM28731">
        <v>33</v>
      </c>
      <c r="AN28731">
        <v>33</v>
      </c>
      <c r="AO28731">
        <v>34</v>
      </c>
      <c r="AP28731">
        <v>34</v>
      </c>
      <c r="AQ28731">
        <v>34</v>
      </c>
    </row>
    <row r="28732" spans="1:43">
      <c r="A28732" t="s">
        <v>17781</v>
      </c>
      <c r="B28732" t="s">
        <v>17782</v>
      </c>
      <c r="C28732" t="s">
        <v>17725</v>
      </c>
      <c r="D28732" t="s">
        <v>17726</v>
      </c>
      <c r="E28732" t="s">
        <v>17663</v>
      </c>
      <c r="F28732" t="s">
        <v>17664</v>
      </c>
      <c r="G28732" t="s">
        <v>16559</v>
      </c>
      <c r="H28732" t="s">
        <v>16560</v>
      </c>
      <c r="I28732" s="2">
        <v>1</v>
      </c>
      <c r="J28732" s="2">
        <v>0</v>
      </c>
      <c r="K28732" s="2">
        <v>0</v>
      </c>
      <c r="L28732" t="s">
        <v>120</v>
      </c>
      <c r="M28732" t="s">
        <v>89</v>
      </c>
      <c r="N28732" t="s">
        <v>90</v>
      </c>
      <c r="O28732" t="s">
        <v>85</v>
      </c>
      <c r="P28732" t="s">
        <v>86</v>
      </c>
      <c r="Q28732">
        <v>29</v>
      </c>
      <c r="R28732">
        <v>29</v>
      </c>
      <c r="S28732">
        <v>30</v>
      </c>
      <c r="T28732">
        <v>31</v>
      </c>
      <c r="U28732">
        <v>32</v>
      </c>
      <c r="V28732">
        <v>32</v>
      </c>
      <c r="W28732">
        <v>33</v>
      </c>
      <c r="X28732">
        <v>33</v>
      </c>
      <c r="Y28732">
        <v>34</v>
      </c>
      <c r="Z28732">
        <v>34</v>
      </c>
      <c r="AA28732">
        <v>35</v>
      </c>
      <c r="AB28732">
        <v>35</v>
      </c>
      <c r="AC28732">
        <v>36</v>
      </c>
      <c r="AD28732">
        <v>37</v>
      </c>
      <c r="AE28732">
        <v>37</v>
      </c>
      <c r="AF28732">
        <v>37</v>
      </c>
      <c r="AG28732">
        <v>37</v>
      </c>
      <c r="AH28732">
        <v>37</v>
      </c>
      <c r="AI28732">
        <v>37</v>
      </c>
      <c r="AJ28732">
        <v>38</v>
      </c>
      <c r="AK28732">
        <v>38</v>
      </c>
      <c r="AL28732">
        <v>38</v>
      </c>
      <c r="AM28732">
        <v>38</v>
      </c>
      <c r="AN28732">
        <v>38</v>
      </c>
      <c r="AO28732">
        <v>38</v>
      </c>
      <c r="AP28732">
        <v>38</v>
      </c>
      <c r="AQ28732">
        <v>38</v>
      </c>
    </row>
    <row r="28733" spans="1:43">
      <c r="A28733" t="s">
        <v>17781</v>
      </c>
      <c r="B28733" t="s">
        <v>17782</v>
      </c>
      <c r="C28733" t="s">
        <v>17725</v>
      </c>
      <c r="D28733" t="s">
        <v>17726</v>
      </c>
      <c r="E28733" t="s">
        <v>17663</v>
      </c>
      <c r="F28733" t="s">
        <v>17664</v>
      </c>
      <c r="G28733" t="s">
        <v>16559</v>
      </c>
      <c r="H28733" t="s">
        <v>16560</v>
      </c>
      <c r="I28733" s="2">
        <v>1</v>
      </c>
      <c r="J28733" s="2">
        <v>0</v>
      </c>
      <c r="K28733" s="2">
        <v>0</v>
      </c>
      <c r="L28733" t="s">
        <v>120</v>
      </c>
      <c r="M28733" t="s">
        <v>83</v>
      </c>
      <c r="N28733" t="s">
        <v>91</v>
      </c>
      <c r="O28733" t="s">
        <v>85</v>
      </c>
      <c r="P28733" t="s">
        <v>86</v>
      </c>
      <c r="Q28733">
        <v>29</v>
      </c>
      <c r="R28733">
        <v>30</v>
      </c>
      <c r="S28733">
        <v>30</v>
      </c>
      <c r="T28733">
        <v>31</v>
      </c>
      <c r="U28733">
        <v>31</v>
      </c>
      <c r="V28733">
        <v>32</v>
      </c>
      <c r="W28733">
        <v>32</v>
      </c>
      <c r="X28733">
        <v>33</v>
      </c>
      <c r="Y28733">
        <v>33</v>
      </c>
      <c r="Z28733">
        <v>33</v>
      </c>
      <c r="AA28733">
        <v>34</v>
      </c>
      <c r="AB28733">
        <v>34</v>
      </c>
      <c r="AC28733">
        <v>35</v>
      </c>
      <c r="AD28733">
        <v>35</v>
      </c>
      <c r="AE28733">
        <v>36</v>
      </c>
      <c r="AF28733">
        <v>36</v>
      </c>
      <c r="AG28733">
        <v>36</v>
      </c>
      <c r="AH28733">
        <v>37</v>
      </c>
      <c r="AI28733">
        <v>37</v>
      </c>
      <c r="AJ28733">
        <v>38</v>
      </c>
      <c r="AK28733">
        <v>38</v>
      </c>
      <c r="AL28733">
        <v>38</v>
      </c>
      <c r="AM28733">
        <v>39</v>
      </c>
      <c r="AN28733">
        <v>39</v>
      </c>
      <c r="AO28733">
        <v>39</v>
      </c>
      <c r="AP28733">
        <v>39</v>
      </c>
      <c r="AQ28733">
        <v>39</v>
      </c>
    </row>
    <row r="28734" spans="1:43">
      <c r="A28734" t="s">
        <v>17783</v>
      </c>
      <c r="B28734" t="s">
        <v>17784</v>
      </c>
      <c r="C28734" t="s">
        <v>17785</v>
      </c>
      <c r="D28734" t="s">
        <v>17786</v>
      </c>
      <c r="E28734" t="s">
        <v>17787</v>
      </c>
      <c r="F28734" t="s">
        <v>17788</v>
      </c>
      <c r="G28734" t="s">
        <v>16559</v>
      </c>
      <c r="H28734" t="s">
        <v>16560</v>
      </c>
      <c r="I28734" s="2">
        <v>1</v>
      </c>
      <c r="J28734" s="2">
        <v>0</v>
      </c>
      <c r="K28734" s="2">
        <v>0</v>
      </c>
      <c r="L28734" t="s">
        <v>120</v>
      </c>
      <c r="M28734" t="s">
        <v>83</v>
      </c>
      <c r="N28734" t="s">
        <v>84</v>
      </c>
      <c r="O28734" t="s">
        <v>85</v>
      </c>
      <c r="P28734" t="s">
        <v>86</v>
      </c>
      <c r="Q28734">
        <v>53</v>
      </c>
      <c r="R28734">
        <v>55</v>
      </c>
      <c r="S28734">
        <v>56</v>
      </c>
      <c r="T28734">
        <v>58</v>
      </c>
      <c r="U28734">
        <v>59</v>
      </c>
      <c r="V28734">
        <v>61</v>
      </c>
      <c r="W28734">
        <v>63</v>
      </c>
      <c r="X28734">
        <v>65</v>
      </c>
      <c r="Y28734">
        <v>66</v>
      </c>
      <c r="Z28734">
        <v>68</v>
      </c>
      <c r="AA28734">
        <v>70</v>
      </c>
      <c r="AB28734">
        <v>72</v>
      </c>
      <c r="AC28734">
        <v>73</v>
      </c>
      <c r="AD28734">
        <v>75</v>
      </c>
      <c r="AE28734">
        <v>77</v>
      </c>
      <c r="AF28734">
        <v>79</v>
      </c>
      <c r="AG28734">
        <v>81</v>
      </c>
      <c r="AH28734">
        <v>83</v>
      </c>
      <c r="AI28734">
        <v>85</v>
      </c>
      <c r="AJ28734">
        <v>88</v>
      </c>
      <c r="AK28734">
        <v>90</v>
      </c>
      <c r="AL28734">
        <v>91</v>
      </c>
      <c r="AM28734">
        <v>93</v>
      </c>
      <c r="AN28734">
        <v>94</v>
      </c>
      <c r="AO28734">
        <v>96</v>
      </c>
      <c r="AP28734">
        <v>97</v>
      </c>
      <c r="AQ28734">
        <v>99</v>
      </c>
    </row>
    <row r="28735" spans="1:43">
      <c r="A28735" t="s">
        <v>17783</v>
      </c>
      <c r="B28735" t="s">
        <v>17784</v>
      </c>
      <c r="C28735" t="s">
        <v>17785</v>
      </c>
      <c r="D28735" t="s">
        <v>17786</v>
      </c>
      <c r="E28735" t="s">
        <v>17787</v>
      </c>
      <c r="F28735" t="s">
        <v>17788</v>
      </c>
      <c r="G28735" t="s">
        <v>16559</v>
      </c>
      <c r="H28735" t="s">
        <v>16560</v>
      </c>
      <c r="I28735" s="2">
        <v>1</v>
      </c>
      <c r="J28735" s="2">
        <v>0</v>
      </c>
      <c r="K28735" s="2">
        <v>0</v>
      </c>
      <c r="L28735" t="s">
        <v>120</v>
      </c>
      <c r="M28735" t="s">
        <v>87</v>
      </c>
      <c r="N28735" t="s">
        <v>88</v>
      </c>
      <c r="O28735" t="s">
        <v>85</v>
      </c>
      <c r="P28735" t="s">
        <v>86</v>
      </c>
      <c r="Q28735">
        <v>53</v>
      </c>
      <c r="R28735">
        <v>54</v>
      </c>
      <c r="S28735">
        <v>55</v>
      </c>
      <c r="T28735">
        <v>56</v>
      </c>
      <c r="U28735">
        <v>57</v>
      </c>
      <c r="V28735">
        <v>58</v>
      </c>
      <c r="W28735">
        <v>59</v>
      </c>
      <c r="X28735">
        <v>60</v>
      </c>
      <c r="Y28735">
        <v>61</v>
      </c>
      <c r="Z28735">
        <v>62</v>
      </c>
      <c r="AA28735">
        <v>64</v>
      </c>
      <c r="AB28735">
        <v>65</v>
      </c>
      <c r="AC28735">
        <v>66</v>
      </c>
      <c r="AD28735">
        <v>67</v>
      </c>
      <c r="AE28735">
        <v>69</v>
      </c>
      <c r="AF28735">
        <v>70</v>
      </c>
      <c r="AG28735">
        <v>71</v>
      </c>
      <c r="AH28735">
        <v>73</v>
      </c>
      <c r="AI28735">
        <v>74</v>
      </c>
      <c r="AJ28735">
        <v>76</v>
      </c>
      <c r="AK28735">
        <v>77</v>
      </c>
      <c r="AL28735">
        <v>79</v>
      </c>
      <c r="AM28735">
        <v>80</v>
      </c>
      <c r="AN28735">
        <v>82</v>
      </c>
      <c r="AO28735">
        <v>83</v>
      </c>
      <c r="AP28735">
        <v>85</v>
      </c>
      <c r="AQ28735">
        <v>86</v>
      </c>
    </row>
    <row r="28736" spans="1:43">
      <c r="A28736" t="s">
        <v>17783</v>
      </c>
      <c r="B28736" t="s">
        <v>17784</v>
      </c>
      <c r="C28736" t="s">
        <v>17785</v>
      </c>
      <c r="D28736" t="s">
        <v>17786</v>
      </c>
      <c r="E28736" t="s">
        <v>17787</v>
      </c>
      <c r="F28736" t="s">
        <v>17788</v>
      </c>
      <c r="G28736" t="s">
        <v>16559</v>
      </c>
      <c r="H28736" t="s">
        <v>16560</v>
      </c>
      <c r="I28736" s="2">
        <v>1</v>
      </c>
      <c r="J28736" s="2">
        <v>0</v>
      </c>
      <c r="K28736" s="2">
        <v>0</v>
      </c>
      <c r="L28736" t="s">
        <v>120</v>
      </c>
      <c r="M28736" t="s">
        <v>89</v>
      </c>
      <c r="N28736" t="s">
        <v>90</v>
      </c>
      <c r="O28736" t="s">
        <v>85</v>
      </c>
      <c r="P28736" t="s">
        <v>86</v>
      </c>
      <c r="Q28736">
        <v>53</v>
      </c>
      <c r="R28736">
        <v>55</v>
      </c>
      <c r="S28736">
        <v>57</v>
      </c>
      <c r="T28736">
        <v>59</v>
      </c>
      <c r="U28736">
        <v>61</v>
      </c>
      <c r="V28736">
        <v>63</v>
      </c>
      <c r="W28736">
        <v>65</v>
      </c>
      <c r="X28736">
        <v>67</v>
      </c>
      <c r="Y28736">
        <v>69</v>
      </c>
      <c r="Z28736">
        <v>71</v>
      </c>
      <c r="AA28736">
        <v>73</v>
      </c>
      <c r="AB28736">
        <v>75</v>
      </c>
      <c r="AC28736">
        <v>78</v>
      </c>
      <c r="AD28736">
        <v>80</v>
      </c>
      <c r="AE28736">
        <v>82</v>
      </c>
      <c r="AF28736">
        <v>83</v>
      </c>
      <c r="AG28736">
        <v>84</v>
      </c>
      <c r="AH28736">
        <v>86</v>
      </c>
      <c r="AI28736">
        <v>87</v>
      </c>
      <c r="AJ28736">
        <v>88</v>
      </c>
      <c r="AK28736">
        <v>90</v>
      </c>
      <c r="AL28736">
        <v>91</v>
      </c>
      <c r="AM28736">
        <v>92</v>
      </c>
      <c r="AN28736">
        <v>94</v>
      </c>
      <c r="AO28736">
        <v>95</v>
      </c>
      <c r="AP28736">
        <v>97</v>
      </c>
      <c r="AQ28736">
        <v>98</v>
      </c>
    </row>
    <row r="28737" spans="1:43">
      <c r="A28737" t="s">
        <v>17783</v>
      </c>
      <c r="B28737" t="s">
        <v>17784</v>
      </c>
      <c r="C28737" t="s">
        <v>17785</v>
      </c>
      <c r="D28737" t="s">
        <v>17786</v>
      </c>
      <c r="E28737" t="s">
        <v>17787</v>
      </c>
      <c r="F28737" t="s">
        <v>17788</v>
      </c>
      <c r="G28737" t="s">
        <v>16559</v>
      </c>
      <c r="H28737" t="s">
        <v>16560</v>
      </c>
      <c r="I28737" s="2">
        <v>1</v>
      </c>
      <c r="J28737" s="2">
        <v>0</v>
      </c>
      <c r="K28737" s="2">
        <v>0</v>
      </c>
      <c r="L28737" t="s">
        <v>120</v>
      </c>
      <c r="M28737" t="s">
        <v>83</v>
      </c>
      <c r="N28737" t="s">
        <v>91</v>
      </c>
      <c r="O28737" t="s">
        <v>85</v>
      </c>
      <c r="P28737" t="s">
        <v>86</v>
      </c>
      <c r="Q28737">
        <v>53</v>
      </c>
      <c r="R28737">
        <v>55</v>
      </c>
      <c r="S28737">
        <v>56</v>
      </c>
      <c r="T28737">
        <v>58</v>
      </c>
      <c r="U28737">
        <v>59</v>
      </c>
      <c r="V28737">
        <v>61</v>
      </c>
      <c r="W28737">
        <v>63</v>
      </c>
      <c r="X28737">
        <v>65</v>
      </c>
      <c r="Y28737">
        <v>66</v>
      </c>
      <c r="Z28737">
        <v>68</v>
      </c>
      <c r="AA28737">
        <v>70</v>
      </c>
      <c r="AB28737">
        <v>72</v>
      </c>
      <c r="AC28737">
        <v>73</v>
      </c>
      <c r="AD28737">
        <v>75</v>
      </c>
      <c r="AE28737">
        <v>77</v>
      </c>
      <c r="AF28737">
        <v>79</v>
      </c>
      <c r="AG28737">
        <v>81</v>
      </c>
      <c r="AH28737">
        <v>83</v>
      </c>
      <c r="AI28737">
        <v>85</v>
      </c>
      <c r="AJ28737">
        <v>88</v>
      </c>
      <c r="AK28737">
        <v>90</v>
      </c>
      <c r="AL28737">
        <v>91</v>
      </c>
      <c r="AM28737">
        <v>93</v>
      </c>
      <c r="AN28737">
        <v>94</v>
      </c>
      <c r="AO28737">
        <v>96</v>
      </c>
      <c r="AP28737">
        <v>97</v>
      </c>
      <c r="AQ28737">
        <v>99</v>
      </c>
    </row>
    <row r="28738" spans="1:43">
      <c r="A28738" t="s">
        <v>17789</v>
      </c>
      <c r="B28738" t="s">
        <v>17790</v>
      </c>
      <c r="C28738" t="s">
        <v>17785</v>
      </c>
      <c r="D28738" t="s">
        <v>17786</v>
      </c>
      <c r="E28738" t="s">
        <v>17787</v>
      </c>
      <c r="F28738" t="s">
        <v>17788</v>
      </c>
      <c r="G28738" t="s">
        <v>16559</v>
      </c>
      <c r="H28738" t="s">
        <v>16560</v>
      </c>
      <c r="I28738" s="2">
        <v>1</v>
      </c>
      <c r="J28738" s="2">
        <v>0</v>
      </c>
      <c r="K28738" s="2">
        <v>0</v>
      </c>
      <c r="L28738" t="s">
        <v>120</v>
      </c>
      <c r="M28738" t="s">
        <v>83</v>
      </c>
      <c r="N28738" t="s">
        <v>84</v>
      </c>
      <c r="O28738" t="s">
        <v>85</v>
      </c>
      <c r="P28738" t="s">
        <v>86</v>
      </c>
      <c r="Q28738">
        <v>14</v>
      </c>
      <c r="R28738">
        <v>14</v>
      </c>
      <c r="S28738">
        <v>15</v>
      </c>
      <c r="T28738">
        <v>15</v>
      </c>
      <c r="U28738">
        <v>16</v>
      </c>
      <c r="V28738">
        <v>16</v>
      </c>
      <c r="W28738">
        <v>17</v>
      </c>
      <c r="X28738">
        <v>17</v>
      </c>
      <c r="Y28738">
        <v>18</v>
      </c>
      <c r="Z28738">
        <v>18</v>
      </c>
      <c r="AA28738">
        <v>18</v>
      </c>
      <c r="AB28738">
        <v>19</v>
      </c>
      <c r="AC28738">
        <v>19</v>
      </c>
      <c r="AD28738">
        <v>20</v>
      </c>
      <c r="AE28738">
        <v>20</v>
      </c>
      <c r="AF28738">
        <v>21</v>
      </c>
      <c r="AG28738">
        <v>22</v>
      </c>
      <c r="AH28738">
        <v>22</v>
      </c>
      <c r="AI28738">
        <v>23</v>
      </c>
      <c r="AJ28738">
        <v>23</v>
      </c>
      <c r="AK28738">
        <v>24</v>
      </c>
      <c r="AL28738">
        <v>24</v>
      </c>
      <c r="AM28738">
        <v>25</v>
      </c>
      <c r="AN28738">
        <v>25</v>
      </c>
      <c r="AO28738">
        <v>25</v>
      </c>
      <c r="AP28738">
        <v>26</v>
      </c>
      <c r="AQ28738">
        <v>26</v>
      </c>
    </row>
    <row r="28739" spans="1:43">
      <c r="A28739" t="s">
        <v>17789</v>
      </c>
      <c r="B28739" t="s">
        <v>17790</v>
      </c>
      <c r="C28739" t="s">
        <v>17785</v>
      </c>
      <c r="D28739" t="s">
        <v>17786</v>
      </c>
      <c r="E28739" t="s">
        <v>17787</v>
      </c>
      <c r="F28739" t="s">
        <v>17788</v>
      </c>
      <c r="G28739" t="s">
        <v>16559</v>
      </c>
      <c r="H28739" t="s">
        <v>16560</v>
      </c>
      <c r="I28739" s="2">
        <v>1</v>
      </c>
      <c r="J28739" s="2">
        <v>0</v>
      </c>
      <c r="K28739" s="2">
        <v>0</v>
      </c>
      <c r="L28739" t="s">
        <v>120</v>
      </c>
      <c r="M28739" t="s">
        <v>87</v>
      </c>
      <c r="N28739" t="s">
        <v>88</v>
      </c>
      <c r="O28739" t="s">
        <v>85</v>
      </c>
      <c r="P28739" t="s">
        <v>86</v>
      </c>
      <c r="Q28739">
        <v>14</v>
      </c>
      <c r="R28739">
        <v>14</v>
      </c>
      <c r="S28739">
        <v>14</v>
      </c>
      <c r="T28739">
        <v>15</v>
      </c>
      <c r="U28739">
        <v>15</v>
      </c>
      <c r="V28739">
        <v>15</v>
      </c>
      <c r="W28739">
        <v>16</v>
      </c>
      <c r="X28739">
        <v>16</v>
      </c>
      <c r="Y28739">
        <v>16</v>
      </c>
      <c r="Z28739">
        <v>17</v>
      </c>
      <c r="AA28739">
        <v>17</v>
      </c>
      <c r="AB28739">
        <v>17</v>
      </c>
      <c r="AC28739">
        <v>18</v>
      </c>
      <c r="AD28739">
        <v>18</v>
      </c>
      <c r="AE28739">
        <v>18</v>
      </c>
      <c r="AF28739">
        <v>19</v>
      </c>
      <c r="AG28739">
        <v>19</v>
      </c>
      <c r="AH28739">
        <v>19</v>
      </c>
      <c r="AI28739">
        <v>20</v>
      </c>
      <c r="AJ28739">
        <v>20</v>
      </c>
      <c r="AK28739">
        <v>20</v>
      </c>
      <c r="AL28739">
        <v>21</v>
      </c>
      <c r="AM28739">
        <v>21</v>
      </c>
      <c r="AN28739">
        <v>22</v>
      </c>
      <c r="AO28739">
        <v>22</v>
      </c>
      <c r="AP28739">
        <v>22</v>
      </c>
      <c r="AQ28739">
        <v>23</v>
      </c>
    </row>
    <row r="28740" spans="1:43">
      <c r="A28740" t="s">
        <v>17789</v>
      </c>
      <c r="B28740" t="s">
        <v>17790</v>
      </c>
      <c r="C28740" t="s">
        <v>17785</v>
      </c>
      <c r="D28740" t="s">
        <v>17786</v>
      </c>
      <c r="E28740" t="s">
        <v>17787</v>
      </c>
      <c r="F28740" t="s">
        <v>17788</v>
      </c>
      <c r="G28740" t="s">
        <v>16559</v>
      </c>
      <c r="H28740" t="s">
        <v>16560</v>
      </c>
      <c r="I28740" s="2">
        <v>1</v>
      </c>
      <c r="J28740" s="2">
        <v>0</v>
      </c>
      <c r="K28740" s="2">
        <v>0</v>
      </c>
      <c r="L28740" t="s">
        <v>120</v>
      </c>
      <c r="M28740" t="s">
        <v>89</v>
      </c>
      <c r="N28740" t="s">
        <v>90</v>
      </c>
      <c r="O28740" t="s">
        <v>85</v>
      </c>
      <c r="P28740" t="s">
        <v>86</v>
      </c>
      <c r="Q28740">
        <v>14</v>
      </c>
      <c r="R28740">
        <v>15</v>
      </c>
      <c r="S28740">
        <v>15</v>
      </c>
      <c r="T28740">
        <v>16</v>
      </c>
      <c r="U28740">
        <v>16</v>
      </c>
      <c r="V28740">
        <v>17</v>
      </c>
      <c r="W28740">
        <v>17</v>
      </c>
      <c r="X28740">
        <v>18</v>
      </c>
      <c r="Y28740">
        <v>19</v>
      </c>
      <c r="Z28740">
        <v>19</v>
      </c>
      <c r="AA28740">
        <v>20</v>
      </c>
      <c r="AB28740">
        <v>20</v>
      </c>
      <c r="AC28740">
        <v>21</v>
      </c>
      <c r="AD28740">
        <v>21</v>
      </c>
      <c r="AE28740">
        <v>22</v>
      </c>
      <c r="AF28740">
        <v>22</v>
      </c>
      <c r="AG28740">
        <v>23</v>
      </c>
      <c r="AH28740">
        <v>23</v>
      </c>
      <c r="AI28740">
        <v>23</v>
      </c>
      <c r="AJ28740">
        <v>24</v>
      </c>
      <c r="AK28740">
        <v>24</v>
      </c>
      <c r="AL28740">
        <v>24</v>
      </c>
      <c r="AM28740">
        <v>25</v>
      </c>
      <c r="AN28740">
        <v>25</v>
      </c>
      <c r="AO28740">
        <v>25</v>
      </c>
      <c r="AP28740">
        <v>26</v>
      </c>
      <c r="AQ28740">
        <v>26</v>
      </c>
    </row>
    <row r="28741" spans="1:43">
      <c r="A28741" t="s">
        <v>17789</v>
      </c>
      <c r="B28741" t="s">
        <v>17790</v>
      </c>
      <c r="C28741" t="s">
        <v>17785</v>
      </c>
      <c r="D28741" t="s">
        <v>17786</v>
      </c>
      <c r="E28741" t="s">
        <v>17787</v>
      </c>
      <c r="F28741" t="s">
        <v>17788</v>
      </c>
      <c r="G28741" t="s">
        <v>16559</v>
      </c>
      <c r="H28741" t="s">
        <v>16560</v>
      </c>
      <c r="I28741" s="2">
        <v>1</v>
      </c>
      <c r="J28741" s="2">
        <v>0</v>
      </c>
      <c r="K28741" s="2">
        <v>0</v>
      </c>
      <c r="L28741" t="s">
        <v>120</v>
      </c>
      <c r="M28741" t="s">
        <v>83</v>
      </c>
      <c r="N28741" t="s">
        <v>91</v>
      </c>
      <c r="O28741" t="s">
        <v>85</v>
      </c>
      <c r="P28741" t="s">
        <v>86</v>
      </c>
      <c r="Q28741">
        <v>14</v>
      </c>
      <c r="R28741">
        <v>14</v>
      </c>
      <c r="S28741">
        <v>15</v>
      </c>
      <c r="T28741">
        <v>15</v>
      </c>
      <c r="U28741">
        <v>16</v>
      </c>
      <c r="V28741">
        <v>16</v>
      </c>
      <c r="W28741">
        <v>17</v>
      </c>
      <c r="X28741">
        <v>17</v>
      </c>
      <c r="Y28741">
        <v>18</v>
      </c>
      <c r="Z28741">
        <v>18</v>
      </c>
      <c r="AA28741">
        <v>18</v>
      </c>
      <c r="AB28741">
        <v>19</v>
      </c>
      <c r="AC28741">
        <v>19</v>
      </c>
      <c r="AD28741">
        <v>20</v>
      </c>
      <c r="AE28741">
        <v>20</v>
      </c>
      <c r="AF28741">
        <v>21</v>
      </c>
      <c r="AG28741">
        <v>22</v>
      </c>
      <c r="AH28741">
        <v>22</v>
      </c>
      <c r="AI28741">
        <v>23</v>
      </c>
      <c r="AJ28741">
        <v>23</v>
      </c>
      <c r="AK28741">
        <v>24</v>
      </c>
      <c r="AL28741">
        <v>24</v>
      </c>
      <c r="AM28741">
        <v>25</v>
      </c>
      <c r="AN28741">
        <v>25</v>
      </c>
      <c r="AO28741">
        <v>25</v>
      </c>
      <c r="AP28741">
        <v>26</v>
      </c>
      <c r="AQ28741">
        <v>26</v>
      </c>
    </row>
    <row r="28742" spans="1:43">
      <c r="A28742" t="s">
        <v>17791</v>
      </c>
      <c r="B28742" t="s">
        <v>17792</v>
      </c>
      <c r="C28742" t="s">
        <v>17785</v>
      </c>
      <c r="D28742" t="s">
        <v>17786</v>
      </c>
      <c r="E28742" t="s">
        <v>17787</v>
      </c>
      <c r="F28742" t="s">
        <v>17788</v>
      </c>
      <c r="G28742" t="s">
        <v>16559</v>
      </c>
      <c r="H28742" t="s">
        <v>16560</v>
      </c>
      <c r="I28742" s="2">
        <v>1</v>
      </c>
      <c r="J28742" s="2">
        <v>0</v>
      </c>
      <c r="K28742" s="2">
        <v>0</v>
      </c>
      <c r="L28742" t="s">
        <v>120</v>
      </c>
      <c r="M28742" t="s">
        <v>83</v>
      </c>
      <c r="N28742" t="s">
        <v>84</v>
      </c>
      <c r="O28742" t="s">
        <v>85</v>
      </c>
      <c r="P28742" t="s">
        <v>86</v>
      </c>
      <c r="Q28742">
        <v>16</v>
      </c>
      <c r="R28742">
        <v>17</v>
      </c>
      <c r="S28742">
        <v>17</v>
      </c>
      <c r="T28742">
        <v>18</v>
      </c>
      <c r="U28742">
        <v>18</v>
      </c>
      <c r="V28742">
        <v>19</v>
      </c>
      <c r="W28742">
        <v>19</v>
      </c>
      <c r="X28742">
        <v>20</v>
      </c>
      <c r="Y28742">
        <v>20</v>
      </c>
      <c r="Z28742">
        <v>21</v>
      </c>
      <c r="AA28742">
        <v>21</v>
      </c>
      <c r="AB28742">
        <v>22</v>
      </c>
      <c r="AC28742">
        <v>22</v>
      </c>
      <c r="AD28742">
        <v>23</v>
      </c>
      <c r="AE28742">
        <v>24</v>
      </c>
      <c r="AF28742">
        <v>24</v>
      </c>
      <c r="AG28742">
        <v>25</v>
      </c>
      <c r="AH28742">
        <v>25</v>
      </c>
      <c r="AI28742">
        <v>26</v>
      </c>
      <c r="AJ28742">
        <v>27</v>
      </c>
      <c r="AK28742">
        <v>27</v>
      </c>
      <c r="AL28742">
        <v>28</v>
      </c>
      <c r="AM28742">
        <v>28</v>
      </c>
      <c r="AN28742">
        <v>29</v>
      </c>
      <c r="AO28742">
        <v>29</v>
      </c>
      <c r="AP28742">
        <v>30</v>
      </c>
      <c r="AQ28742">
        <v>30</v>
      </c>
    </row>
    <row r="28743" spans="1:43">
      <c r="A28743" t="s">
        <v>17791</v>
      </c>
      <c r="B28743" t="s">
        <v>17792</v>
      </c>
      <c r="C28743" t="s">
        <v>17785</v>
      </c>
      <c r="D28743" t="s">
        <v>17786</v>
      </c>
      <c r="E28743" t="s">
        <v>17787</v>
      </c>
      <c r="F28743" t="s">
        <v>17788</v>
      </c>
      <c r="G28743" t="s">
        <v>16559</v>
      </c>
      <c r="H28743" t="s">
        <v>16560</v>
      </c>
      <c r="I28743" s="2">
        <v>1</v>
      </c>
      <c r="J28743" s="2">
        <v>0</v>
      </c>
      <c r="K28743" s="2">
        <v>0</v>
      </c>
      <c r="L28743" t="s">
        <v>120</v>
      </c>
      <c r="M28743" t="s">
        <v>87</v>
      </c>
      <c r="N28743" t="s">
        <v>88</v>
      </c>
      <c r="O28743" t="s">
        <v>85</v>
      </c>
      <c r="P28743" t="s">
        <v>86</v>
      </c>
      <c r="Q28743">
        <v>16</v>
      </c>
      <c r="R28743">
        <v>16</v>
      </c>
      <c r="S28743">
        <v>17</v>
      </c>
      <c r="T28743">
        <v>17</v>
      </c>
      <c r="U28743">
        <v>17</v>
      </c>
      <c r="V28743">
        <v>18</v>
      </c>
      <c r="W28743">
        <v>18</v>
      </c>
      <c r="X28743">
        <v>18</v>
      </c>
      <c r="Y28743">
        <v>19</v>
      </c>
      <c r="Z28743">
        <v>19</v>
      </c>
      <c r="AA28743">
        <v>19</v>
      </c>
      <c r="AB28743">
        <v>20</v>
      </c>
      <c r="AC28743">
        <v>20</v>
      </c>
      <c r="AD28743">
        <v>21</v>
      </c>
      <c r="AE28743">
        <v>21</v>
      </c>
      <c r="AF28743">
        <v>21</v>
      </c>
      <c r="AG28743">
        <v>22</v>
      </c>
      <c r="AH28743">
        <v>22</v>
      </c>
      <c r="AI28743">
        <v>23</v>
      </c>
      <c r="AJ28743">
        <v>23</v>
      </c>
      <c r="AK28743">
        <v>23</v>
      </c>
      <c r="AL28743">
        <v>24</v>
      </c>
      <c r="AM28743">
        <v>24</v>
      </c>
      <c r="AN28743">
        <v>25</v>
      </c>
      <c r="AO28743">
        <v>25</v>
      </c>
      <c r="AP28743">
        <v>26</v>
      </c>
      <c r="AQ28743">
        <v>26</v>
      </c>
    </row>
    <row r="28744" spans="1:43">
      <c r="A28744" t="s">
        <v>17791</v>
      </c>
      <c r="B28744" t="s">
        <v>17792</v>
      </c>
      <c r="C28744" t="s">
        <v>17785</v>
      </c>
      <c r="D28744" t="s">
        <v>17786</v>
      </c>
      <c r="E28744" t="s">
        <v>17787</v>
      </c>
      <c r="F28744" t="s">
        <v>17788</v>
      </c>
      <c r="G28744" t="s">
        <v>16559</v>
      </c>
      <c r="H28744" t="s">
        <v>16560</v>
      </c>
      <c r="I28744" s="2">
        <v>1</v>
      </c>
      <c r="J28744" s="2">
        <v>0</v>
      </c>
      <c r="K28744" s="2">
        <v>0</v>
      </c>
      <c r="L28744" t="s">
        <v>120</v>
      </c>
      <c r="M28744" t="s">
        <v>89</v>
      </c>
      <c r="N28744" t="s">
        <v>90</v>
      </c>
      <c r="O28744" t="s">
        <v>85</v>
      </c>
      <c r="P28744" t="s">
        <v>86</v>
      </c>
      <c r="Q28744">
        <v>16</v>
      </c>
      <c r="R28744">
        <v>17</v>
      </c>
      <c r="S28744">
        <v>18</v>
      </c>
      <c r="T28744">
        <v>18</v>
      </c>
      <c r="U28744">
        <v>19</v>
      </c>
      <c r="V28744">
        <v>19</v>
      </c>
      <c r="W28744">
        <v>20</v>
      </c>
      <c r="X28744">
        <v>21</v>
      </c>
      <c r="Y28744">
        <v>21</v>
      </c>
      <c r="Z28744">
        <v>22</v>
      </c>
      <c r="AA28744">
        <v>23</v>
      </c>
      <c r="AB28744">
        <v>23</v>
      </c>
      <c r="AC28744">
        <v>24</v>
      </c>
      <c r="AD28744">
        <v>25</v>
      </c>
      <c r="AE28744">
        <v>25</v>
      </c>
      <c r="AF28744">
        <v>26</v>
      </c>
      <c r="AG28744">
        <v>26</v>
      </c>
      <c r="AH28744">
        <v>26</v>
      </c>
      <c r="AI28744">
        <v>27</v>
      </c>
      <c r="AJ28744">
        <v>27</v>
      </c>
      <c r="AK28744">
        <v>28</v>
      </c>
      <c r="AL28744">
        <v>28</v>
      </c>
      <c r="AM28744">
        <v>28</v>
      </c>
      <c r="AN28744">
        <v>29</v>
      </c>
      <c r="AO28744">
        <v>29</v>
      </c>
      <c r="AP28744">
        <v>30</v>
      </c>
      <c r="AQ28744">
        <v>30</v>
      </c>
    </row>
    <row r="28745" spans="1:43">
      <c r="A28745" t="s">
        <v>17791</v>
      </c>
      <c r="B28745" t="s">
        <v>17792</v>
      </c>
      <c r="C28745" t="s">
        <v>17785</v>
      </c>
      <c r="D28745" t="s">
        <v>17786</v>
      </c>
      <c r="E28745" t="s">
        <v>17787</v>
      </c>
      <c r="F28745" t="s">
        <v>17788</v>
      </c>
      <c r="G28745" t="s">
        <v>16559</v>
      </c>
      <c r="H28745" t="s">
        <v>16560</v>
      </c>
      <c r="I28745" s="2">
        <v>1</v>
      </c>
      <c r="J28745" s="2">
        <v>0</v>
      </c>
      <c r="K28745" s="2">
        <v>0</v>
      </c>
      <c r="L28745" t="s">
        <v>120</v>
      </c>
      <c r="M28745" t="s">
        <v>83</v>
      </c>
      <c r="N28745" t="s">
        <v>91</v>
      </c>
      <c r="O28745" t="s">
        <v>85</v>
      </c>
      <c r="P28745" t="s">
        <v>86</v>
      </c>
      <c r="Q28745">
        <v>16</v>
      </c>
      <c r="R28745">
        <v>17</v>
      </c>
      <c r="S28745">
        <v>17</v>
      </c>
      <c r="T28745">
        <v>18</v>
      </c>
      <c r="U28745">
        <v>18</v>
      </c>
      <c r="V28745">
        <v>19</v>
      </c>
      <c r="W28745">
        <v>19</v>
      </c>
      <c r="X28745">
        <v>20</v>
      </c>
      <c r="Y28745">
        <v>20</v>
      </c>
      <c r="Z28745">
        <v>21</v>
      </c>
      <c r="AA28745">
        <v>21</v>
      </c>
      <c r="AB28745">
        <v>22</v>
      </c>
      <c r="AC28745">
        <v>22</v>
      </c>
      <c r="AD28745">
        <v>23</v>
      </c>
      <c r="AE28745">
        <v>24</v>
      </c>
      <c r="AF28745">
        <v>24</v>
      </c>
      <c r="AG28745">
        <v>25</v>
      </c>
      <c r="AH28745">
        <v>25</v>
      </c>
      <c r="AI28745">
        <v>26</v>
      </c>
      <c r="AJ28745">
        <v>27</v>
      </c>
      <c r="AK28745">
        <v>27</v>
      </c>
      <c r="AL28745">
        <v>28</v>
      </c>
      <c r="AM28745">
        <v>28</v>
      </c>
      <c r="AN28745">
        <v>29</v>
      </c>
      <c r="AO28745">
        <v>29</v>
      </c>
      <c r="AP28745">
        <v>30</v>
      </c>
      <c r="AQ28745">
        <v>30</v>
      </c>
    </row>
    <row r="28746" spans="1:43">
      <c r="A28746" t="s">
        <v>17793</v>
      </c>
      <c r="B28746" t="s">
        <v>17794</v>
      </c>
      <c r="C28746" t="s">
        <v>17795</v>
      </c>
      <c r="D28746" t="s">
        <v>17796</v>
      </c>
      <c r="E28746" t="s">
        <v>17787</v>
      </c>
      <c r="F28746" t="s">
        <v>17788</v>
      </c>
      <c r="G28746" t="s">
        <v>16559</v>
      </c>
      <c r="H28746" t="s">
        <v>16560</v>
      </c>
      <c r="I28746" s="2">
        <v>1</v>
      </c>
      <c r="J28746" s="2">
        <v>0</v>
      </c>
      <c r="K28746" s="2">
        <v>0</v>
      </c>
      <c r="L28746" t="s">
        <v>120</v>
      </c>
      <c r="M28746" t="s">
        <v>83</v>
      </c>
      <c r="N28746" t="s">
        <v>84</v>
      </c>
      <c r="O28746" t="s">
        <v>85</v>
      </c>
      <c r="P28746" t="s">
        <v>86</v>
      </c>
      <c r="Q28746">
        <v>20</v>
      </c>
      <c r="R28746">
        <v>20</v>
      </c>
      <c r="S28746">
        <v>21</v>
      </c>
      <c r="T28746">
        <v>22</v>
      </c>
      <c r="U28746">
        <v>22</v>
      </c>
      <c r="V28746">
        <v>23</v>
      </c>
      <c r="W28746">
        <v>23</v>
      </c>
      <c r="X28746">
        <v>24</v>
      </c>
      <c r="Y28746">
        <v>25</v>
      </c>
      <c r="Z28746">
        <v>25</v>
      </c>
      <c r="AA28746">
        <v>26</v>
      </c>
      <c r="AB28746">
        <v>27</v>
      </c>
      <c r="AC28746">
        <v>27</v>
      </c>
      <c r="AD28746">
        <v>28</v>
      </c>
      <c r="AE28746">
        <v>29</v>
      </c>
      <c r="AF28746">
        <v>29</v>
      </c>
      <c r="AG28746">
        <v>30</v>
      </c>
      <c r="AH28746">
        <v>31</v>
      </c>
      <c r="AI28746">
        <v>32</v>
      </c>
      <c r="AJ28746">
        <v>33</v>
      </c>
      <c r="AK28746">
        <v>33</v>
      </c>
      <c r="AL28746">
        <v>34</v>
      </c>
      <c r="AM28746">
        <v>34</v>
      </c>
      <c r="AN28746">
        <v>35</v>
      </c>
      <c r="AO28746">
        <v>35</v>
      </c>
      <c r="AP28746">
        <v>36</v>
      </c>
      <c r="AQ28746">
        <v>37</v>
      </c>
    </row>
    <row r="28747" spans="1:43">
      <c r="A28747" t="s">
        <v>17793</v>
      </c>
      <c r="B28747" t="s">
        <v>17794</v>
      </c>
      <c r="C28747" t="s">
        <v>17795</v>
      </c>
      <c r="D28747" t="s">
        <v>17796</v>
      </c>
      <c r="E28747" t="s">
        <v>17787</v>
      </c>
      <c r="F28747" t="s">
        <v>17788</v>
      </c>
      <c r="G28747" t="s">
        <v>16559</v>
      </c>
      <c r="H28747" t="s">
        <v>16560</v>
      </c>
      <c r="I28747" s="2">
        <v>1</v>
      </c>
      <c r="J28747" s="2">
        <v>0</v>
      </c>
      <c r="K28747" s="2">
        <v>0</v>
      </c>
      <c r="L28747" t="s">
        <v>120</v>
      </c>
      <c r="M28747" t="s">
        <v>87</v>
      </c>
      <c r="N28747" t="s">
        <v>88</v>
      </c>
      <c r="O28747" t="s">
        <v>85</v>
      </c>
      <c r="P28747" t="s">
        <v>86</v>
      </c>
      <c r="Q28747">
        <v>20</v>
      </c>
      <c r="R28747">
        <v>20</v>
      </c>
      <c r="S28747">
        <v>20</v>
      </c>
      <c r="T28747">
        <v>21</v>
      </c>
      <c r="U28747">
        <v>21</v>
      </c>
      <c r="V28747">
        <v>22</v>
      </c>
      <c r="W28747">
        <v>22</v>
      </c>
      <c r="X28747">
        <v>22</v>
      </c>
      <c r="Y28747">
        <v>23</v>
      </c>
      <c r="Z28747">
        <v>23</v>
      </c>
      <c r="AA28747">
        <v>24</v>
      </c>
      <c r="AB28747">
        <v>24</v>
      </c>
      <c r="AC28747">
        <v>24</v>
      </c>
      <c r="AD28747">
        <v>25</v>
      </c>
      <c r="AE28747">
        <v>25</v>
      </c>
      <c r="AF28747">
        <v>26</v>
      </c>
      <c r="AG28747">
        <v>26</v>
      </c>
      <c r="AH28747">
        <v>27</v>
      </c>
      <c r="AI28747">
        <v>27</v>
      </c>
      <c r="AJ28747">
        <v>28</v>
      </c>
      <c r="AK28747">
        <v>28</v>
      </c>
      <c r="AL28747">
        <v>29</v>
      </c>
      <c r="AM28747">
        <v>29</v>
      </c>
      <c r="AN28747">
        <v>30</v>
      </c>
      <c r="AO28747">
        <v>31</v>
      </c>
      <c r="AP28747">
        <v>31</v>
      </c>
      <c r="AQ28747">
        <v>32</v>
      </c>
    </row>
    <row r="28748" spans="1:43">
      <c r="A28748" t="s">
        <v>17793</v>
      </c>
      <c r="B28748" t="s">
        <v>17794</v>
      </c>
      <c r="C28748" t="s">
        <v>17795</v>
      </c>
      <c r="D28748" t="s">
        <v>17796</v>
      </c>
      <c r="E28748" t="s">
        <v>17787</v>
      </c>
      <c r="F28748" t="s">
        <v>17788</v>
      </c>
      <c r="G28748" t="s">
        <v>16559</v>
      </c>
      <c r="H28748" t="s">
        <v>16560</v>
      </c>
      <c r="I28748" s="2">
        <v>1</v>
      </c>
      <c r="J28748" s="2">
        <v>0</v>
      </c>
      <c r="K28748" s="2">
        <v>0</v>
      </c>
      <c r="L28748" t="s">
        <v>120</v>
      </c>
      <c r="M28748" t="s">
        <v>89</v>
      </c>
      <c r="N28748" t="s">
        <v>90</v>
      </c>
      <c r="O28748" t="s">
        <v>85</v>
      </c>
      <c r="P28748" t="s">
        <v>86</v>
      </c>
      <c r="Q28748">
        <v>20</v>
      </c>
      <c r="R28748">
        <v>21</v>
      </c>
      <c r="S28748">
        <v>21</v>
      </c>
      <c r="T28748">
        <v>22</v>
      </c>
      <c r="U28748">
        <v>23</v>
      </c>
      <c r="V28748">
        <v>24</v>
      </c>
      <c r="W28748">
        <v>24</v>
      </c>
      <c r="X28748">
        <v>25</v>
      </c>
      <c r="Y28748">
        <v>26</v>
      </c>
      <c r="Z28748">
        <v>27</v>
      </c>
      <c r="AA28748">
        <v>28</v>
      </c>
      <c r="AB28748">
        <v>28</v>
      </c>
      <c r="AC28748">
        <v>29</v>
      </c>
      <c r="AD28748">
        <v>30</v>
      </c>
      <c r="AE28748">
        <v>31</v>
      </c>
      <c r="AF28748">
        <v>31</v>
      </c>
      <c r="AG28748">
        <v>32</v>
      </c>
      <c r="AH28748">
        <v>32</v>
      </c>
      <c r="AI28748">
        <v>33</v>
      </c>
      <c r="AJ28748">
        <v>33</v>
      </c>
      <c r="AK28748">
        <v>34</v>
      </c>
      <c r="AL28748">
        <v>34</v>
      </c>
      <c r="AM28748">
        <v>35</v>
      </c>
      <c r="AN28748">
        <v>35</v>
      </c>
      <c r="AO28748">
        <v>36</v>
      </c>
      <c r="AP28748">
        <v>36</v>
      </c>
      <c r="AQ28748">
        <v>37</v>
      </c>
    </row>
    <row r="28749" spans="1:43">
      <c r="A28749" t="s">
        <v>17793</v>
      </c>
      <c r="B28749" t="s">
        <v>17794</v>
      </c>
      <c r="C28749" t="s">
        <v>17795</v>
      </c>
      <c r="D28749" t="s">
        <v>17796</v>
      </c>
      <c r="E28749" t="s">
        <v>17787</v>
      </c>
      <c r="F28749" t="s">
        <v>17788</v>
      </c>
      <c r="G28749" t="s">
        <v>16559</v>
      </c>
      <c r="H28749" t="s">
        <v>16560</v>
      </c>
      <c r="I28749" s="2">
        <v>1</v>
      </c>
      <c r="J28749" s="2">
        <v>0</v>
      </c>
      <c r="K28749" s="2">
        <v>0</v>
      </c>
      <c r="L28749" t="s">
        <v>120</v>
      </c>
      <c r="M28749" t="s">
        <v>83</v>
      </c>
      <c r="N28749" t="s">
        <v>91</v>
      </c>
      <c r="O28749" t="s">
        <v>85</v>
      </c>
      <c r="P28749" t="s">
        <v>86</v>
      </c>
      <c r="Q28749">
        <v>20</v>
      </c>
      <c r="R28749">
        <v>20</v>
      </c>
      <c r="S28749">
        <v>21</v>
      </c>
      <c r="T28749">
        <v>22</v>
      </c>
      <c r="U28749">
        <v>22</v>
      </c>
      <c r="V28749">
        <v>23</v>
      </c>
      <c r="W28749">
        <v>23</v>
      </c>
      <c r="X28749">
        <v>24</v>
      </c>
      <c r="Y28749">
        <v>25</v>
      </c>
      <c r="Z28749">
        <v>25</v>
      </c>
      <c r="AA28749">
        <v>26</v>
      </c>
      <c r="AB28749">
        <v>27</v>
      </c>
      <c r="AC28749">
        <v>27</v>
      </c>
      <c r="AD28749">
        <v>28</v>
      </c>
      <c r="AE28749">
        <v>29</v>
      </c>
      <c r="AF28749">
        <v>29</v>
      </c>
      <c r="AG28749">
        <v>30</v>
      </c>
      <c r="AH28749">
        <v>31</v>
      </c>
      <c r="AI28749">
        <v>32</v>
      </c>
      <c r="AJ28749">
        <v>33</v>
      </c>
      <c r="AK28749">
        <v>33</v>
      </c>
      <c r="AL28749">
        <v>34</v>
      </c>
      <c r="AM28749">
        <v>34</v>
      </c>
      <c r="AN28749">
        <v>35</v>
      </c>
      <c r="AO28749">
        <v>35</v>
      </c>
      <c r="AP28749">
        <v>36</v>
      </c>
      <c r="AQ28749">
        <v>37</v>
      </c>
    </row>
    <row r="28750" spans="1:43">
      <c r="A28750" t="s">
        <v>17797</v>
      </c>
      <c r="B28750" t="s">
        <v>17798</v>
      </c>
      <c r="C28750" t="s">
        <v>17799</v>
      </c>
      <c r="D28750" t="s">
        <v>17800</v>
      </c>
      <c r="E28750" t="s">
        <v>17787</v>
      </c>
      <c r="F28750" t="s">
        <v>17788</v>
      </c>
      <c r="G28750" t="s">
        <v>16559</v>
      </c>
      <c r="H28750" t="s">
        <v>16560</v>
      </c>
      <c r="I28750" s="2">
        <v>1</v>
      </c>
      <c r="J28750" s="2">
        <v>0</v>
      </c>
      <c r="K28750" s="2">
        <v>0</v>
      </c>
      <c r="L28750" t="s">
        <v>120</v>
      </c>
      <c r="M28750" t="s">
        <v>83</v>
      </c>
      <c r="N28750" t="s">
        <v>84</v>
      </c>
      <c r="O28750" t="s">
        <v>85</v>
      </c>
      <c r="P28750" t="s">
        <v>86</v>
      </c>
      <c r="Q28750">
        <v>14</v>
      </c>
      <c r="R28750">
        <v>15</v>
      </c>
      <c r="S28750">
        <v>15</v>
      </c>
      <c r="T28750">
        <v>16</v>
      </c>
      <c r="U28750">
        <v>16</v>
      </c>
      <c r="V28750">
        <v>16</v>
      </c>
      <c r="W28750">
        <v>17</v>
      </c>
      <c r="X28750">
        <v>17</v>
      </c>
      <c r="Y28750">
        <v>18</v>
      </c>
      <c r="Z28750">
        <v>18</v>
      </c>
      <c r="AA28750">
        <v>19</v>
      </c>
      <c r="AB28750">
        <v>19</v>
      </c>
      <c r="AC28750">
        <v>20</v>
      </c>
      <c r="AD28750">
        <v>20</v>
      </c>
      <c r="AE28750">
        <v>21</v>
      </c>
      <c r="AF28750">
        <v>21</v>
      </c>
      <c r="AG28750">
        <v>22</v>
      </c>
      <c r="AH28750">
        <v>22</v>
      </c>
      <c r="AI28750">
        <v>23</v>
      </c>
      <c r="AJ28750">
        <v>24</v>
      </c>
      <c r="AK28750">
        <v>24</v>
      </c>
      <c r="AL28750">
        <v>25</v>
      </c>
      <c r="AM28750">
        <v>25</v>
      </c>
      <c r="AN28750">
        <v>25</v>
      </c>
      <c r="AO28750">
        <v>26</v>
      </c>
      <c r="AP28750">
        <v>26</v>
      </c>
      <c r="AQ28750">
        <v>26</v>
      </c>
    </row>
    <row r="28751" spans="1:43">
      <c r="A28751" t="s">
        <v>17797</v>
      </c>
      <c r="B28751" t="s">
        <v>17798</v>
      </c>
      <c r="C28751" t="s">
        <v>17799</v>
      </c>
      <c r="D28751" t="s">
        <v>17800</v>
      </c>
      <c r="E28751" t="s">
        <v>17787</v>
      </c>
      <c r="F28751" t="s">
        <v>17788</v>
      </c>
      <c r="G28751" t="s">
        <v>16559</v>
      </c>
      <c r="H28751" t="s">
        <v>16560</v>
      </c>
      <c r="I28751" s="2">
        <v>1</v>
      </c>
      <c r="J28751" s="2">
        <v>0</v>
      </c>
      <c r="K28751" s="2">
        <v>0</v>
      </c>
      <c r="L28751" t="s">
        <v>120</v>
      </c>
      <c r="M28751" t="s">
        <v>87</v>
      </c>
      <c r="N28751" t="s">
        <v>88</v>
      </c>
      <c r="O28751" t="s">
        <v>85</v>
      </c>
      <c r="P28751" t="s">
        <v>86</v>
      </c>
      <c r="Q28751">
        <v>14</v>
      </c>
      <c r="R28751">
        <v>14</v>
      </c>
      <c r="S28751">
        <v>15</v>
      </c>
      <c r="T28751">
        <v>15</v>
      </c>
      <c r="U28751">
        <v>15</v>
      </c>
      <c r="V28751">
        <v>16</v>
      </c>
      <c r="W28751">
        <v>16</v>
      </c>
      <c r="X28751">
        <v>16</v>
      </c>
      <c r="Y28751">
        <v>16</v>
      </c>
      <c r="Z28751">
        <v>17</v>
      </c>
      <c r="AA28751">
        <v>17</v>
      </c>
      <c r="AB28751">
        <v>17</v>
      </c>
      <c r="AC28751">
        <v>18</v>
      </c>
      <c r="AD28751">
        <v>18</v>
      </c>
      <c r="AE28751">
        <v>18</v>
      </c>
      <c r="AF28751">
        <v>19</v>
      </c>
      <c r="AG28751">
        <v>19</v>
      </c>
      <c r="AH28751">
        <v>19</v>
      </c>
      <c r="AI28751">
        <v>20</v>
      </c>
      <c r="AJ28751">
        <v>20</v>
      </c>
      <c r="AK28751">
        <v>21</v>
      </c>
      <c r="AL28751">
        <v>21</v>
      </c>
      <c r="AM28751">
        <v>21</v>
      </c>
      <c r="AN28751">
        <v>22</v>
      </c>
      <c r="AO28751">
        <v>22</v>
      </c>
      <c r="AP28751">
        <v>23</v>
      </c>
      <c r="AQ28751">
        <v>23</v>
      </c>
    </row>
    <row r="28752" spans="1:43">
      <c r="A28752" t="s">
        <v>17797</v>
      </c>
      <c r="B28752" t="s">
        <v>17798</v>
      </c>
      <c r="C28752" t="s">
        <v>17799</v>
      </c>
      <c r="D28752" t="s">
        <v>17800</v>
      </c>
      <c r="E28752" t="s">
        <v>17787</v>
      </c>
      <c r="F28752" t="s">
        <v>17788</v>
      </c>
      <c r="G28752" t="s">
        <v>16559</v>
      </c>
      <c r="H28752" t="s">
        <v>16560</v>
      </c>
      <c r="I28752" s="2">
        <v>1</v>
      </c>
      <c r="J28752" s="2">
        <v>0</v>
      </c>
      <c r="K28752" s="2">
        <v>0</v>
      </c>
      <c r="L28752" t="s">
        <v>120</v>
      </c>
      <c r="M28752" t="s">
        <v>89</v>
      </c>
      <c r="N28752" t="s">
        <v>90</v>
      </c>
      <c r="O28752" t="s">
        <v>85</v>
      </c>
      <c r="P28752" t="s">
        <v>86</v>
      </c>
      <c r="Q28752">
        <v>14</v>
      </c>
      <c r="R28752">
        <v>14</v>
      </c>
      <c r="S28752">
        <v>15</v>
      </c>
      <c r="T28752">
        <v>15</v>
      </c>
      <c r="U28752">
        <v>16</v>
      </c>
      <c r="V28752">
        <v>16</v>
      </c>
      <c r="W28752">
        <v>17</v>
      </c>
      <c r="X28752">
        <v>17</v>
      </c>
      <c r="Y28752">
        <v>18</v>
      </c>
      <c r="Z28752">
        <v>18</v>
      </c>
      <c r="AA28752">
        <v>19</v>
      </c>
      <c r="AB28752">
        <v>20</v>
      </c>
      <c r="AC28752">
        <v>20</v>
      </c>
      <c r="AD28752">
        <v>21</v>
      </c>
      <c r="AE28752">
        <v>21</v>
      </c>
      <c r="AF28752">
        <v>22</v>
      </c>
      <c r="AG28752">
        <v>22</v>
      </c>
      <c r="AH28752">
        <v>22</v>
      </c>
      <c r="AI28752">
        <v>23</v>
      </c>
      <c r="AJ28752">
        <v>23</v>
      </c>
      <c r="AK28752">
        <v>23</v>
      </c>
      <c r="AL28752">
        <v>24</v>
      </c>
      <c r="AM28752">
        <v>24</v>
      </c>
      <c r="AN28752">
        <v>24</v>
      </c>
      <c r="AO28752">
        <v>25</v>
      </c>
      <c r="AP28752">
        <v>25</v>
      </c>
      <c r="AQ28752">
        <v>26</v>
      </c>
    </row>
    <row r="28753" spans="1:43">
      <c r="A28753" t="s">
        <v>17797</v>
      </c>
      <c r="B28753" t="s">
        <v>17798</v>
      </c>
      <c r="C28753" t="s">
        <v>17799</v>
      </c>
      <c r="D28753" t="s">
        <v>17800</v>
      </c>
      <c r="E28753" t="s">
        <v>17787</v>
      </c>
      <c r="F28753" t="s">
        <v>17788</v>
      </c>
      <c r="G28753" t="s">
        <v>16559</v>
      </c>
      <c r="H28753" t="s">
        <v>16560</v>
      </c>
      <c r="I28753" s="2">
        <v>1</v>
      </c>
      <c r="J28753" s="2">
        <v>0</v>
      </c>
      <c r="K28753" s="2">
        <v>0</v>
      </c>
      <c r="L28753" t="s">
        <v>120</v>
      </c>
      <c r="M28753" t="s">
        <v>83</v>
      </c>
      <c r="N28753" t="s">
        <v>91</v>
      </c>
      <c r="O28753" t="s">
        <v>85</v>
      </c>
      <c r="P28753" t="s">
        <v>86</v>
      </c>
      <c r="Q28753">
        <v>14</v>
      </c>
      <c r="R28753">
        <v>15</v>
      </c>
      <c r="S28753">
        <v>15</v>
      </c>
      <c r="T28753">
        <v>16</v>
      </c>
      <c r="U28753">
        <v>16</v>
      </c>
      <c r="V28753">
        <v>16</v>
      </c>
      <c r="W28753">
        <v>17</v>
      </c>
      <c r="X28753">
        <v>17</v>
      </c>
      <c r="Y28753">
        <v>18</v>
      </c>
      <c r="Z28753">
        <v>18</v>
      </c>
      <c r="AA28753">
        <v>19</v>
      </c>
      <c r="AB28753">
        <v>19</v>
      </c>
      <c r="AC28753">
        <v>20</v>
      </c>
      <c r="AD28753">
        <v>20</v>
      </c>
      <c r="AE28753">
        <v>21</v>
      </c>
      <c r="AF28753">
        <v>21</v>
      </c>
      <c r="AG28753">
        <v>22</v>
      </c>
      <c r="AH28753">
        <v>22</v>
      </c>
      <c r="AI28753">
        <v>23</v>
      </c>
      <c r="AJ28753">
        <v>24</v>
      </c>
      <c r="AK28753">
        <v>24</v>
      </c>
      <c r="AL28753">
        <v>25</v>
      </c>
      <c r="AM28753">
        <v>25</v>
      </c>
      <c r="AN28753">
        <v>25</v>
      </c>
      <c r="AO28753">
        <v>26</v>
      </c>
      <c r="AP28753">
        <v>26</v>
      </c>
      <c r="AQ28753">
        <v>26</v>
      </c>
    </row>
    <row r="28754" spans="1:43">
      <c r="A28754" t="s">
        <v>17801</v>
      </c>
      <c r="B28754" t="s">
        <v>17802</v>
      </c>
      <c r="C28754" t="s">
        <v>17785</v>
      </c>
      <c r="D28754" t="s">
        <v>17786</v>
      </c>
      <c r="E28754" t="s">
        <v>17787</v>
      </c>
      <c r="F28754" t="s">
        <v>17788</v>
      </c>
      <c r="G28754" t="s">
        <v>16559</v>
      </c>
      <c r="H28754" t="s">
        <v>16560</v>
      </c>
      <c r="I28754" s="2">
        <v>1</v>
      </c>
      <c r="J28754" s="2">
        <v>0</v>
      </c>
      <c r="K28754" s="2">
        <v>0</v>
      </c>
      <c r="L28754" t="s">
        <v>120</v>
      </c>
      <c r="M28754" t="s">
        <v>83</v>
      </c>
      <c r="N28754" t="s">
        <v>84</v>
      </c>
      <c r="O28754" t="s">
        <v>85</v>
      </c>
      <c r="P28754" t="s">
        <v>86</v>
      </c>
      <c r="Q28754">
        <v>37</v>
      </c>
      <c r="R28754">
        <v>38</v>
      </c>
      <c r="S28754">
        <v>39</v>
      </c>
      <c r="T28754">
        <v>40</v>
      </c>
      <c r="U28754">
        <v>41</v>
      </c>
      <c r="V28754">
        <v>42</v>
      </c>
      <c r="W28754">
        <v>43</v>
      </c>
      <c r="X28754">
        <v>44</v>
      </c>
      <c r="Y28754">
        <v>45</v>
      </c>
      <c r="Z28754">
        <v>47</v>
      </c>
      <c r="AA28754">
        <v>48</v>
      </c>
      <c r="AB28754">
        <v>49</v>
      </c>
      <c r="AC28754">
        <v>50</v>
      </c>
      <c r="AD28754">
        <v>52</v>
      </c>
      <c r="AE28754">
        <v>53</v>
      </c>
      <c r="AF28754">
        <v>54</v>
      </c>
      <c r="AG28754">
        <v>56</v>
      </c>
      <c r="AH28754">
        <v>57</v>
      </c>
      <c r="AI28754">
        <v>59</v>
      </c>
      <c r="AJ28754">
        <v>60</v>
      </c>
      <c r="AK28754">
        <v>62</v>
      </c>
      <c r="AL28754">
        <v>63</v>
      </c>
      <c r="AM28754">
        <v>64</v>
      </c>
      <c r="AN28754">
        <v>65</v>
      </c>
      <c r="AO28754">
        <v>66</v>
      </c>
      <c r="AP28754">
        <v>67</v>
      </c>
      <c r="AQ28754">
        <v>68</v>
      </c>
    </row>
    <row r="28755" spans="1:43">
      <c r="A28755" t="s">
        <v>17801</v>
      </c>
      <c r="B28755" t="s">
        <v>17802</v>
      </c>
      <c r="C28755" t="s">
        <v>17785</v>
      </c>
      <c r="D28755" t="s">
        <v>17786</v>
      </c>
      <c r="E28755" t="s">
        <v>17787</v>
      </c>
      <c r="F28755" t="s">
        <v>17788</v>
      </c>
      <c r="G28755" t="s">
        <v>16559</v>
      </c>
      <c r="H28755" t="s">
        <v>16560</v>
      </c>
      <c r="I28755" s="2">
        <v>1</v>
      </c>
      <c r="J28755" s="2">
        <v>0</v>
      </c>
      <c r="K28755" s="2">
        <v>0</v>
      </c>
      <c r="L28755" t="s">
        <v>120</v>
      </c>
      <c r="M28755" t="s">
        <v>87</v>
      </c>
      <c r="N28755" t="s">
        <v>88</v>
      </c>
      <c r="O28755" t="s">
        <v>85</v>
      </c>
      <c r="P28755" t="s">
        <v>86</v>
      </c>
      <c r="Q28755">
        <v>37</v>
      </c>
      <c r="R28755">
        <v>38</v>
      </c>
      <c r="S28755">
        <v>39</v>
      </c>
      <c r="T28755">
        <v>39</v>
      </c>
      <c r="U28755">
        <v>40</v>
      </c>
      <c r="V28755">
        <v>41</v>
      </c>
      <c r="W28755">
        <v>41</v>
      </c>
      <c r="X28755">
        <v>42</v>
      </c>
      <c r="Y28755">
        <v>43</v>
      </c>
      <c r="Z28755">
        <v>44</v>
      </c>
      <c r="AA28755">
        <v>45</v>
      </c>
      <c r="AB28755">
        <v>45</v>
      </c>
      <c r="AC28755">
        <v>46</v>
      </c>
      <c r="AD28755">
        <v>47</v>
      </c>
      <c r="AE28755">
        <v>48</v>
      </c>
      <c r="AF28755">
        <v>49</v>
      </c>
      <c r="AG28755">
        <v>50</v>
      </c>
      <c r="AH28755">
        <v>51</v>
      </c>
      <c r="AI28755">
        <v>52</v>
      </c>
      <c r="AJ28755">
        <v>53</v>
      </c>
      <c r="AK28755">
        <v>54</v>
      </c>
      <c r="AL28755">
        <v>55</v>
      </c>
      <c r="AM28755">
        <v>56</v>
      </c>
      <c r="AN28755">
        <v>57</v>
      </c>
      <c r="AO28755">
        <v>58</v>
      </c>
      <c r="AP28755">
        <v>59</v>
      </c>
      <c r="AQ28755">
        <v>60</v>
      </c>
    </row>
    <row r="28756" spans="1:43">
      <c r="A28756" t="s">
        <v>17801</v>
      </c>
      <c r="B28756" t="s">
        <v>17802</v>
      </c>
      <c r="C28756" t="s">
        <v>17785</v>
      </c>
      <c r="D28756" t="s">
        <v>17786</v>
      </c>
      <c r="E28756" t="s">
        <v>17787</v>
      </c>
      <c r="F28756" t="s">
        <v>17788</v>
      </c>
      <c r="G28756" t="s">
        <v>16559</v>
      </c>
      <c r="H28756" t="s">
        <v>16560</v>
      </c>
      <c r="I28756" s="2">
        <v>1</v>
      </c>
      <c r="J28756" s="2">
        <v>0</v>
      </c>
      <c r="K28756" s="2">
        <v>0</v>
      </c>
      <c r="L28756" t="s">
        <v>120</v>
      </c>
      <c r="M28756" t="s">
        <v>89</v>
      </c>
      <c r="N28756" t="s">
        <v>90</v>
      </c>
      <c r="O28756" t="s">
        <v>85</v>
      </c>
      <c r="P28756" t="s">
        <v>86</v>
      </c>
      <c r="Q28756">
        <v>37</v>
      </c>
      <c r="R28756">
        <v>38</v>
      </c>
      <c r="S28756">
        <v>40</v>
      </c>
      <c r="T28756">
        <v>41</v>
      </c>
      <c r="U28756">
        <v>42</v>
      </c>
      <c r="V28756">
        <v>44</v>
      </c>
      <c r="W28756">
        <v>45</v>
      </c>
      <c r="X28756">
        <v>47</v>
      </c>
      <c r="Y28756">
        <v>48</v>
      </c>
      <c r="Z28756">
        <v>49</v>
      </c>
      <c r="AA28756">
        <v>51</v>
      </c>
      <c r="AB28756">
        <v>52</v>
      </c>
      <c r="AC28756">
        <v>54</v>
      </c>
      <c r="AD28756">
        <v>55</v>
      </c>
      <c r="AE28756">
        <v>57</v>
      </c>
      <c r="AF28756">
        <v>58</v>
      </c>
      <c r="AG28756">
        <v>58</v>
      </c>
      <c r="AH28756">
        <v>59</v>
      </c>
      <c r="AI28756">
        <v>60</v>
      </c>
      <c r="AJ28756">
        <v>61</v>
      </c>
      <c r="AK28756">
        <v>62</v>
      </c>
      <c r="AL28756">
        <v>63</v>
      </c>
      <c r="AM28756">
        <v>64</v>
      </c>
      <c r="AN28756">
        <v>65</v>
      </c>
      <c r="AO28756">
        <v>66</v>
      </c>
      <c r="AP28756">
        <v>67</v>
      </c>
      <c r="AQ28756">
        <v>68</v>
      </c>
    </row>
    <row r="28757" spans="1:43">
      <c r="A28757" t="s">
        <v>17801</v>
      </c>
      <c r="B28757" t="s">
        <v>17802</v>
      </c>
      <c r="C28757" t="s">
        <v>17785</v>
      </c>
      <c r="D28757" t="s">
        <v>17786</v>
      </c>
      <c r="E28757" t="s">
        <v>17787</v>
      </c>
      <c r="F28757" t="s">
        <v>17788</v>
      </c>
      <c r="G28757" t="s">
        <v>16559</v>
      </c>
      <c r="H28757" t="s">
        <v>16560</v>
      </c>
      <c r="I28757" s="2">
        <v>1</v>
      </c>
      <c r="J28757" s="2">
        <v>0</v>
      </c>
      <c r="K28757" s="2">
        <v>0</v>
      </c>
      <c r="L28757" t="s">
        <v>120</v>
      </c>
      <c r="M28757" t="s">
        <v>83</v>
      </c>
      <c r="N28757" t="s">
        <v>91</v>
      </c>
      <c r="O28757" t="s">
        <v>85</v>
      </c>
      <c r="P28757" t="s">
        <v>86</v>
      </c>
      <c r="Q28757">
        <v>37</v>
      </c>
      <c r="R28757">
        <v>38</v>
      </c>
      <c r="S28757">
        <v>39</v>
      </c>
      <c r="T28757">
        <v>40</v>
      </c>
      <c r="U28757">
        <v>41</v>
      </c>
      <c r="V28757">
        <v>42</v>
      </c>
      <c r="W28757">
        <v>43</v>
      </c>
      <c r="X28757">
        <v>44</v>
      </c>
      <c r="Y28757">
        <v>45</v>
      </c>
      <c r="Z28757">
        <v>47</v>
      </c>
      <c r="AA28757">
        <v>48</v>
      </c>
      <c r="AB28757">
        <v>49</v>
      </c>
      <c r="AC28757">
        <v>50</v>
      </c>
      <c r="AD28757">
        <v>52</v>
      </c>
      <c r="AE28757">
        <v>53</v>
      </c>
      <c r="AF28757">
        <v>54</v>
      </c>
      <c r="AG28757">
        <v>56</v>
      </c>
      <c r="AH28757">
        <v>57</v>
      </c>
      <c r="AI28757">
        <v>59</v>
      </c>
      <c r="AJ28757">
        <v>60</v>
      </c>
      <c r="AK28757">
        <v>62</v>
      </c>
      <c r="AL28757">
        <v>63</v>
      </c>
      <c r="AM28757">
        <v>64</v>
      </c>
      <c r="AN28757">
        <v>65</v>
      </c>
      <c r="AO28757">
        <v>66</v>
      </c>
      <c r="AP28757">
        <v>67</v>
      </c>
      <c r="AQ28757">
        <v>68</v>
      </c>
    </row>
    <row r="28758" spans="1:43">
      <c r="A28758" t="s">
        <v>17803</v>
      </c>
      <c r="B28758" t="s">
        <v>17804</v>
      </c>
      <c r="C28758" t="s">
        <v>17795</v>
      </c>
      <c r="D28758" t="s">
        <v>17796</v>
      </c>
      <c r="E28758" t="s">
        <v>17787</v>
      </c>
      <c r="F28758" t="s">
        <v>17788</v>
      </c>
      <c r="G28758" t="s">
        <v>16559</v>
      </c>
      <c r="H28758" t="s">
        <v>16560</v>
      </c>
      <c r="I28758" s="2">
        <v>1</v>
      </c>
      <c r="J28758" s="2">
        <v>0</v>
      </c>
      <c r="K28758" s="2">
        <v>0</v>
      </c>
      <c r="L28758" t="s">
        <v>120</v>
      </c>
      <c r="M28758" t="s">
        <v>83</v>
      </c>
      <c r="N28758" t="s">
        <v>84</v>
      </c>
      <c r="O28758" t="s">
        <v>85</v>
      </c>
      <c r="P28758" t="s">
        <v>86</v>
      </c>
      <c r="Q28758">
        <v>17</v>
      </c>
      <c r="R28758">
        <v>18</v>
      </c>
      <c r="S28758">
        <v>18</v>
      </c>
      <c r="T28758">
        <v>19</v>
      </c>
      <c r="U28758">
        <v>19</v>
      </c>
      <c r="V28758">
        <v>20</v>
      </c>
      <c r="W28758">
        <v>20</v>
      </c>
      <c r="X28758">
        <v>21</v>
      </c>
      <c r="Y28758">
        <v>22</v>
      </c>
      <c r="Z28758">
        <v>22</v>
      </c>
      <c r="AA28758">
        <v>23</v>
      </c>
      <c r="AB28758">
        <v>23</v>
      </c>
      <c r="AC28758">
        <v>24</v>
      </c>
      <c r="AD28758">
        <v>25</v>
      </c>
      <c r="AE28758">
        <v>25</v>
      </c>
      <c r="AF28758">
        <v>26</v>
      </c>
      <c r="AG28758">
        <v>27</v>
      </c>
      <c r="AH28758">
        <v>27</v>
      </c>
      <c r="AI28758">
        <v>28</v>
      </c>
      <c r="AJ28758">
        <v>29</v>
      </c>
      <c r="AK28758">
        <v>29</v>
      </c>
      <c r="AL28758">
        <v>30</v>
      </c>
      <c r="AM28758">
        <v>30</v>
      </c>
      <c r="AN28758">
        <v>31</v>
      </c>
      <c r="AO28758">
        <v>31</v>
      </c>
      <c r="AP28758">
        <v>32</v>
      </c>
      <c r="AQ28758">
        <v>32</v>
      </c>
    </row>
    <row r="28759" spans="1:43">
      <c r="A28759" t="s">
        <v>17803</v>
      </c>
      <c r="B28759" t="s">
        <v>17804</v>
      </c>
      <c r="C28759" t="s">
        <v>17795</v>
      </c>
      <c r="D28759" t="s">
        <v>17796</v>
      </c>
      <c r="E28759" t="s">
        <v>17787</v>
      </c>
      <c r="F28759" t="s">
        <v>17788</v>
      </c>
      <c r="G28759" t="s">
        <v>16559</v>
      </c>
      <c r="H28759" t="s">
        <v>16560</v>
      </c>
      <c r="I28759" s="2">
        <v>1</v>
      </c>
      <c r="J28759" s="2">
        <v>0</v>
      </c>
      <c r="K28759" s="2">
        <v>0</v>
      </c>
      <c r="L28759" t="s">
        <v>120</v>
      </c>
      <c r="M28759" t="s">
        <v>87</v>
      </c>
      <c r="N28759" t="s">
        <v>88</v>
      </c>
      <c r="O28759" t="s">
        <v>85</v>
      </c>
      <c r="P28759" t="s">
        <v>86</v>
      </c>
      <c r="Q28759">
        <v>17</v>
      </c>
      <c r="R28759">
        <v>18</v>
      </c>
      <c r="S28759">
        <v>18</v>
      </c>
      <c r="T28759">
        <v>18</v>
      </c>
      <c r="U28759">
        <v>19</v>
      </c>
      <c r="V28759">
        <v>19</v>
      </c>
      <c r="W28759">
        <v>19</v>
      </c>
      <c r="X28759">
        <v>20</v>
      </c>
      <c r="Y28759">
        <v>20</v>
      </c>
      <c r="Z28759">
        <v>20</v>
      </c>
      <c r="AA28759">
        <v>21</v>
      </c>
      <c r="AB28759">
        <v>21</v>
      </c>
      <c r="AC28759">
        <v>22</v>
      </c>
      <c r="AD28759">
        <v>22</v>
      </c>
      <c r="AE28759">
        <v>22</v>
      </c>
      <c r="AF28759">
        <v>23</v>
      </c>
      <c r="AG28759">
        <v>23</v>
      </c>
      <c r="AH28759">
        <v>24</v>
      </c>
      <c r="AI28759">
        <v>24</v>
      </c>
      <c r="AJ28759">
        <v>25</v>
      </c>
      <c r="AK28759">
        <v>25</v>
      </c>
      <c r="AL28759">
        <v>25</v>
      </c>
      <c r="AM28759">
        <v>26</v>
      </c>
      <c r="AN28759">
        <v>26</v>
      </c>
      <c r="AO28759">
        <v>27</v>
      </c>
      <c r="AP28759">
        <v>27</v>
      </c>
      <c r="AQ28759">
        <v>28</v>
      </c>
    </row>
    <row r="28760" spans="1:43">
      <c r="A28760" t="s">
        <v>17803</v>
      </c>
      <c r="B28760" t="s">
        <v>17804</v>
      </c>
      <c r="C28760" t="s">
        <v>17795</v>
      </c>
      <c r="D28760" t="s">
        <v>17796</v>
      </c>
      <c r="E28760" t="s">
        <v>17787</v>
      </c>
      <c r="F28760" t="s">
        <v>17788</v>
      </c>
      <c r="G28760" t="s">
        <v>16559</v>
      </c>
      <c r="H28760" t="s">
        <v>16560</v>
      </c>
      <c r="I28760" s="2">
        <v>1</v>
      </c>
      <c r="J28760" s="2">
        <v>0</v>
      </c>
      <c r="K28760" s="2">
        <v>0</v>
      </c>
      <c r="L28760" t="s">
        <v>120</v>
      </c>
      <c r="M28760" t="s">
        <v>89</v>
      </c>
      <c r="N28760" t="s">
        <v>90</v>
      </c>
      <c r="O28760" t="s">
        <v>85</v>
      </c>
      <c r="P28760" t="s">
        <v>86</v>
      </c>
      <c r="Q28760">
        <v>17</v>
      </c>
      <c r="R28760">
        <v>17</v>
      </c>
      <c r="S28760">
        <v>18</v>
      </c>
      <c r="T28760">
        <v>18</v>
      </c>
      <c r="U28760">
        <v>19</v>
      </c>
      <c r="V28760">
        <v>20</v>
      </c>
      <c r="W28760">
        <v>20</v>
      </c>
      <c r="X28760">
        <v>21</v>
      </c>
      <c r="Y28760">
        <v>22</v>
      </c>
      <c r="Z28760">
        <v>23</v>
      </c>
      <c r="AA28760">
        <v>23</v>
      </c>
      <c r="AB28760">
        <v>24</v>
      </c>
      <c r="AC28760">
        <v>25</v>
      </c>
      <c r="AD28760">
        <v>25</v>
      </c>
      <c r="AE28760">
        <v>26</v>
      </c>
      <c r="AF28760">
        <v>26</v>
      </c>
      <c r="AG28760">
        <v>27</v>
      </c>
      <c r="AH28760">
        <v>27</v>
      </c>
      <c r="AI28760">
        <v>28</v>
      </c>
      <c r="AJ28760">
        <v>28</v>
      </c>
      <c r="AK28760">
        <v>29</v>
      </c>
      <c r="AL28760">
        <v>29</v>
      </c>
      <c r="AM28760">
        <v>29</v>
      </c>
      <c r="AN28760">
        <v>30</v>
      </c>
      <c r="AO28760">
        <v>30</v>
      </c>
      <c r="AP28760">
        <v>31</v>
      </c>
      <c r="AQ28760">
        <v>31</v>
      </c>
    </row>
    <row r="28761" spans="1:43">
      <c r="A28761" t="s">
        <v>17803</v>
      </c>
      <c r="B28761" t="s">
        <v>17804</v>
      </c>
      <c r="C28761" t="s">
        <v>17795</v>
      </c>
      <c r="D28761" t="s">
        <v>17796</v>
      </c>
      <c r="E28761" t="s">
        <v>17787</v>
      </c>
      <c r="F28761" t="s">
        <v>17788</v>
      </c>
      <c r="G28761" t="s">
        <v>16559</v>
      </c>
      <c r="H28761" t="s">
        <v>16560</v>
      </c>
      <c r="I28761" s="2">
        <v>1</v>
      </c>
      <c r="J28761" s="2">
        <v>0</v>
      </c>
      <c r="K28761" s="2">
        <v>0</v>
      </c>
      <c r="L28761" t="s">
        <v>120</v>
      </c>
      <c r="M28761" t="s">
        <v>83</v>
      </c>
      <c r="N28761" t="s">
        <v>91</v>
      </c>
      <c r="O28761" t="s">
        <v>85</v>
      </c>
      <c r="P28761" t="s">
        <v>86</v>
      </c>
      <c r="Q28761">
        <v>17</v>
      </c>
      <c r="R28761">
        <v>18</v>
      </c>
      <c r="S28761">
        <v>18</v>
      </c>
      <c r="T28761">
        <v>19</v>
      </c>
      <c r="U28761">
        <v>19</v>
      </c>
      <c r="V28761">
        <v>20</v>
      </c>
      <c r="W28761">
        <v>20</v>
      </c>
      <c r="X28761">
        <v>21</v>
      </c>
      <c r="Y28761">
        <v>22</v>
      </c>
      <c r="Z28761">
        <v>22</v>
      </c>
      <c r="AA28761">
        <v>23</v>
      </c>
      <c r="AB28761">
        <v>23</v>
      </c>
      <c r="AC28761">
        <v>24</v>
      </c>
      <c r="AD28761">
        <v>25</v>
      </c>
      <c r="AE28761">
        <v>25</v>
      </c>
      <c r="AF28761">
        <v>26</v>
      </c>
      <c r="AG28761">
        <v>27</v>
      </c>
      <c r="AH28761">
        <v>27</v>
      </c>
      <c r="AI28761">
        <v>28</v>
      </c>
      <c r="AJ28761">
        <v>29</v>
      </c>
      <c r="AK28761">
        <v>29</v>
      </c>
      <c r="AL28761">
        <v>30</v>
      </c>
      <c r="AM28761">
        <v>30</v>
      </c>
      <c r="AN28761">
        <v>31</v>
      </c>
      <c r="AO28761">
        <v>31</v>
      </c>
      <c r="AP28761">
        <v>32</v>
      </c>
      <c r="AQ28761">
        <v>32</v>
      </c>
    </row>
    <row r="28762" spans="1:43">
      <c r="A28762" t="s">
        <v>17805</v>
      </c>
      <c r="B28762" t="s">
        <v>17806</v>
      </c>
      <c r="C28762" t="s">
        <v>17795</v>
      </c>
      <c r="D28762" t="s">
        <v>17796</v>
      </c>
      <c r="E28762" t="s">
        <v>17787</v>
      </c>
      <c r="F28762" t="s">
        <v>17788</v>
      </c>
      <c r="G28762" t="s">
        <v>16559</v>
      </c>
      <c r="H28762" t="s">
        <v>16560</v>
      </c>
      <c r="I28762" s="2">
        <v>1</v>
      </c>
      <c r="J28762" s="2">
        <v>0</v>
      </c>
      <c r="K28762" s="2">
        <v>0</v>
      </c>
      <c r="L28762" t="s">
        <v>120</v>
      </c>
      <c r="M28762" t="s">
        <v>83</v>
      </c>
      <c r="N28762" t="s">
        <v>84</v>
      </c>
      <c r="O28762" t="s">
        <v>85</v>
      </c>
      <c r="P28762" t="s">
        <v>86</v>
      </c>
      <c r="Q28762">
        <v>14</v>
      </c>
      <c r="R28762">
        <v>15</v>
      </c>
      <c r="S28762">
        <v>15</v>
      </c>
      <c r="T28762">
        <v>16</v>
      </c>
      <c r="U28762">
        <v>16</v>
      </c>
      <c r="V28762">
        <v>17</v>
      </c>
      <c r="W28762">
        <v>17</v>
      </c>
      <c r="X28762">
        <v>18</v>
      </c>
      <c r="Y28762">
        <v>18</v>
      </c>
      <c r="Z28762">
        <v>18</v>
      </c>
      <c r="AA28762">
        <v>19</v>
      </c>
      <c r="AB28762">
        <v>19</v>
      </c>
      <c r="AC28762">
        <v>20</v>
      </c>
      <c r="AD28762">
        <v>20</v>
      </c>
      <c r="AE28762">
        <v>21</v>
      </c>
      <c r="AF28762">
        <v>22</v>
      </c>
      <c r="AG28762">
        <v>22</v>
      </c>
      <c r="AH28762">
        <v>23</v>
      </c>
      <c r="AI28762">
        <v>23</v>
      </c>
      <c r="AJ28762">
        <v>24</v>
      </c>
      <c r="AK28762">
        <v>24</v>
      </c>
      <c r="AL28762">
        <v>25</v>
      </c>
      <c r="AM28762">
        <v>25</v>
      </c>
      <c r="AN28762">
        <v>26</v>
      </c>
      <c r="AO28762">
        <v>26</v>
      </c>
      <c r="AP28762">
        <v>26</v>
      </c>
      <c r="AQ28762">
        <v>27</v>
      </c>
    </row>
    <row r="28763" spans="1:43">
      <c r="A28763" t="s">
        <v>17805</v>
      </c>
      <c r="B28763" t="s">
        <v>17806</v>
      </c>
      <c r="C28763" t="s">
        <v>17795</v>
      </c>
      <c r="D28763" t="s">
        <v>17796</v>
      </c>
      <c r="E28763" t="s">
        <v>17787</v>
      </c>
      <c r="F28763" t="s">
        <v>17788</v>
      </c>
      <c r="G28763" t="s">
        <v>16559</v>
      </c>
      <c r="H28763" t="s">
        <v>16560</v>
      </c>
      <c r="I28763" s="2">
        <v>1</v>
      </c>
      <c r="J28763" s="2">
        <v>0</v>
      </c>
      <c r="K28763" s="2">
        <v>0</v>
      </c>
      <c r="L28763" t="s">
        <v>120</v>
      </c>
      <c r="M28763" t="s">
        <v>87</v>
      </c>
      <c r="N28763" t="s">
        <v>88</v>
      </c>
      <c r="O28763" t="s">
        <v>85</v>
      </c>
      <c r="P28763" t="s">
        <v>86</v>
      </c>
      <c r="Q28763">
        <v>14</v>
      </c>
      <c r="R28763">
        <v>15</v>
      </c>
      <c r="S28763">
        <v>15</v>
      </c>
      <c r="T28763">
        <v>15</v>
      </c>
      <c r="U28763">
        <v>15</v>
      </c>
      <c r="V28763">
        <v>16</v>
      </c>
      <c r="W28763">
        <v>16</v>
      </c>
      <c r="X28763">
        <v>16</v>
      </c>
      <c r="Y28763">
        <v>17</v>
      </c>
      <c r="Z28763">
        <v>17</v>
      </c>
      <c r="AA28763">
        <v>17</v>
      </c>
      <c r="AB28763">
        <v>18</v>
      </c>
      <c r="AC28763">
        <v>18</v>
      </c>
      <c r="AD28763">
        <v>18</v>
      </c>
      <c r="AE28763">
        <v>19</v>
      </c>
      <c r="AF28763">
        <v>19</v>
      </c>
      <c r="AG28763">
        <v>19</v>
      </c>
      <c r="AH28763">
        <v>20</v>
      </c>
      <c r="AI28763">
        <v>20</v>
      </c>
      <c r="AJ28763">
        <v>20</v>
      </c>
      <c r="AK28763">
        <v>21</v>
      </c>
      <c r="AL28763">
        <v>21</v>
      </c>
      <c r="AM28763">
        <v>22</v>
      </c>
      <c r="AN28763">
        <v>22</v>
      </c>
      <c r="AO28763">
        <v>22</v>
      </c>
      <c r="AP28763">
        <v>23</v>
      </c>
      <c r="AQ28763">
        <v>23</v>
      </c>
    </row>
    <row r="28764" spans="1:43">
      <c r="A28764" t="s">
        <v>17805</v>
      </c>
      <c r="B28764" t="s">
        <v>17806</v>
      </c>
      <c r="C28764" t="s">
        <v>17795</v>
      </c>
      <c r="D28764" t="s">
        <v>17796</v>
      </c>
      <c r="E28764" t="s">
        <v>17787</v>
      </c>
      <c r="F28764" t="s">
        <v>17788</v>
      </c>
      <c r="G28764" t="s">
        <v>16559</v>
      </c>
      <c r="H28764" t="s">
        <v>16560</v>
      </c>
      <c r="I28764" s="2">
        <v>1</v>
      </c>
      <c r="J28764" s="2">
        <v>0</v>
      </c>
      <c r="K28764" s="2">
        <v>0</v>
      </c>
      <c r="L28764" t="s">
        <v>120</v>
      </c>
      <c r="M28764" t="s">
        <v>89</v>
      </c>
      <c r="N28764" t="s">
        <v>90</v>
      </c>
      <c r="O28764" t="s">
        <v>85</v>
      </c>
      <c r="P28764" t="s">
        <v>86</v>
      </c>
      <c r="Q28764">
        <v>14</v>
      </c>
      <c r="R28764">
        <v>14</v>
      </c>
      <c r="S28764">
        <v>15</v>
      </c>
      <c r="T28764">
        <v>15</v>
      </c>
      <c r="U28764">
        <v>16</v>
      </c>
      <c r="V28764">
        <v>16</v>
      </c>
      <c r="W28764">
        <v>17</v>
      </c>
      <c r="X28764">
        <v>17</v>
      </c>
      <c r="Y28764">
        <v>18</v>
      </c>
      <c r="Z28764">
        <v>19</v>
      </c>
      <c r="AA28764">
        <v>19</v>
      </c>
      <c r="AB28764">
        <v>20</v>
      </c>
      <c r="AC28764">
        <v>20</v>
      </c>
      <c r="AD28764">
        <v>21</v>
      </c>
      <c r="AE28764">
        <v>22</v>
      </c>
      <c r="AF28764">
        <v>22</v>
      </c>
      <c r="AG28764">
        <v>22</v>
      </c>
      <c r="AH28764">
        <v>23</v>
      </c>
      <c r="AI28764">
        <v>23</v>
      </c>
      <c r="AJ28764">
        <v>23</v>
      </c>
      <c r="AK28764">
        <v>24</v>
      </c>
      <c r="AL28764">
        <v>24</v>
      </c>
      <c r="AM28764">
        <v>24</v>
      </c>
      <c r="AN28764">
        <v>25</v>
      </c>
      <c r="AO28764">
        <v>25</v>
      </c>
      <c r="AP28764">
        <v>25</v>
      </c>
      <c r="AQ28764">
        <v>26</v>
      </c>
    </row>
    <row r="28765" spans="1:43">
      <c r="A28765" t="s">
        <v>17805</v>
      </c>
      <c r="B28765" t="s">
        <v>17806</v>
      </c>
      <c r="C28765" t="s">
        <v>17795</v>
      </c>
      <c r="D28765" t="s">
        <v>17796</v>
      </c>
      <c r="E28765" t="s">
        <v>17787</v>
      </c>
      <c r="F28765" t="s">
        <v>17788</v>
      </c>
      <c r="G28765" t="s">
        <v>16559</v>
      </c>
      <c r="H28765" t="s">
        <v>16560</v>
      </c>
      <c r="I28765" s="2">
        <v>1</v>
      </c>
      <c r="J28765" s="2">
        <v>0</v>
      </c>
      <c r="K28765" s="2">
        <v>0</v>
      </c>
      <c r="L28765" t="s">
        <v>120</v>
      </c>
      <c r="M28765" t="s">
        <v>83</v>
      </c>
      <c r="N28765" t="s">
        <v>91</v>
      </c>
      <c r="O28765" t="s">
        <v>85</v>
      </c>
      <c r="P28765" t="s">
        <v>86</v>
      </c>
      <c r="Q28765">
        <v>14</v>
      </c>
      <c r="R28765">
        <v>15</v>
      </c>
      <c r="S28765">
        <v>15</v>
      </c>
      <c r="T28765">
        <v>16</v>
      </c>
      <c r="U28765">
        <v>16</v>
      </c>
      <c r="V28765">
        <v>17</v>
      </c>
      <c r="W28765">
        <v>17</v>
      </c>
      <c r="X28765">
        <v>18</v>
      </c>
      <c r="Y28765">
        <v>18</v>
      </c>
      <c r="Z28765">
        <v>18</v>
      </c>
      <c r="AA28765">
        <v>19</v>
      </c>
      <c r="AB28765">
        <v>19</v>
      </c>
      <c r="AC28765">
        <v>20</v>
      </c>
      <c r="AD28765">
        <v>20</v>
      </c>
      <c r="AE28765">
        <v>21</v>
      </c>
      <c r="AF28765">
        <v>22</v>
      </c>
      <c r="AG28765">
        <v>22</v>
      </c>
      <c r="AH28765">
        <v>23</v>
      </c>
      <c r="AI28765">
        <v>23</v>
      </c>
      <c r="AJ28765">
        <v>24</v>
      </c>
      <c r="AK28765">
        <v>24</v>
      </c>
      <c r="AL28765">
        <v>25</v>
      </c>
      <c r="AM28765">
        <v>25</v>
      </c>
      <c r="AN28765">
        <v>26</v>
      </c>
      <c r="AO28765">
        <v>26</v>
      </c>
      <c r="AP28765">
        <v>26</v>
      </c>
      <c r="AQ28765">
        <v>27</v>
      </c>
    </row>
    <row r="28766" spans="1:43">
      <c r="A28766" t="s">
        <v>17807</v>
      </c>
      <c r="B28766" t="s">
        <v>17808</v>
      </c>
      <c r="C28766" t="s">
        <v>17795</v>
      </c>
      <c r="D28766" t="s">
        <v>17796</v>
      </c>
      <c r="E28766" t="s">
        <v>17787</v>
      </c>
      <c r="F28766" t="s">
        <v>17788</v>
      </c>
      <c r="G28766" t="s">
        <v>16559</v>
      </c>
      <c r="H28766" t="s">
        <v>16560</v>
      </c>
      <c r="I28766" s="2">
        <v>1</v>
      </c>
      <c r="J28766" s="2">
        <v>0</v>
      </c>
      <c r="K28766" s="2">
        <v>0</v>
      </c>
      <c r="L28766" t="s">
        <v>120</v>
      </c>
      <c r="M28766" t="s">
        <v>83</v>
      </c>
      <c r="N28766" t="s">
        <v>84</v>
      </c>
      <c r="O28766" t="s">
        <v>85</v>
      </c>
      <c r="P28766" t="s">
        <v>86</v>
      </c>
      <c r="Q28766">
        <v>29</v>
      </c>
      <c r="R28766">
        <v>30</v>
      </c>
      <c r="S28766">
        <v>31</v>
      </c>
      <c r="T28766">
        <v>32</v>
      </c>
      <c r="U28766">
        <v>33</v>
      </c>
      <c r="V28766">
        <v>34</v>
      </c>
      <c r="W28766">
        <v>35</v>
      </c>
      <c r="X28766">
        <v>36</v>
      </c>
      <c r="Y28766">
        <v>37</v>
      </c>
      <c r="Z28766">
        <v>37</v>
      </c>
      <c r="AA28766">
        <v>38</v>
      </c>
      <c r="AB28766">
        <v>39</v>
      </c>
      <c r="AC28766">
        <v>41</v>
      </c>
      <c r="AD28766">
        <v>42</v>
      </c>
      <c r="AE28766">
        <v>43</v>
      </c>
      <c r="AF28766">
        <v>44</v>
      </c>
      <c r="AG28766">
        <v>45</v>
      </c>
      <c r="AH28766">
        <v>46</v>
      </c>
      <c r="AI28766">
        <v>47</v>
      </c>
      <c r="AJ28766">
        <v>48</v>
      </c>
      <c r="AK28766">
        <v>50</v>
      </c>
      <c r="AL28766">
        <v>50</v>
      </c>
      <c r="AM28766">
        <v>51</v>
      </c>
      <c r="AN28766">
        <v>52</v>
      </c>
      <c r="AO28766">
        <v>53</v>
      </c>
      <c r="AP28766">
        <v>54</v>
      </c>
      <c r="AQ28766">
        <v>54</v>
      </c>
    </row>
    <row r="28767" spans="1:43">
      <c r="A28767" t="s">
        <v>17807</v>
      </c>
      <c r="B28767" t="s">
        <v>17808</v>
      </c>
      <c r="C28767" t="s">
        <v>17795</v>
      </c>
      <c r="D28767" t="s">
        <v>17796</v>
      </c>
      <c r="E28767" t="s">
        <v>17787</v>
      </c>
      <c r="F28767" t="s">
        <v>17788</v>
      </c>
      <c r="G28767" t="s">
        <v>16559</v>
      </c>
      <c r="H28767" t="s">
        <v>16560</v>
      </c>
      <c r="I28767" s="2">
        <v>1</v>
      </c>
      <c r="J28767" s="2">
        <v>0</v>
      </c>
      <c r="K28767" s="2">
        <v>0</v>
      </c>
      <c r="L28767" t="s">
        <v>120</v>
      </c>
      <c r="M28767" t="s">
        <v>87</v>
      </c>
      <c r="N28767" t="s">
        <v>88</v>
      </c>
      <c r="O28767" t="s">
        <v>85</v>
      </c>
      <c r="P28767" t="s">
        <v>86</v>
      </c>
      <c r="Q28767">
        <v>29</v>
      </c>
      <c r="R28767">
        <v>30</v>
      </c>
      <c r="S28767">
        <v>30</v>
      </c>
      <c r="T28767">
        <v>31</v>
      </c>
      <c r="U28767">
        <v>31</v>
      </c>
      <c r="V28767">
        <v>32</v>
      </c>
      <c r="W28767">
        <v>33</v>
      </c>
      <c r="X28767">
        <v>33</v>
      </c>
      <c r="Y28767">
        <v>34</v>
      </c>
      <c r="Z28767">
        <v>34</v>
      </c>
      <c r="AA28767">
        <v>35</v>
      </c>
      <c r="AB28767">
        <v>36</v>
      </c>
      <c r="AC28767">
        <v>36</v>
      </c>
      <c r="AD28767">
        <v>37</v>
      </c>
      <c r="AE28767">
        <v>38</v>
      </c>
      <c r="AF28767">
        <v>39</v>
      </c>
      <c r="AG28767">
        <v>39</v>
      </c>
      <c r="AH28767">
        <v>40</v>
      </c>
      <c r="AI28767">
        <v>41</v>
      </c>
      <c r="AJ28767">
        <v>42</v>
      </c>
      <c r="AK28767">
        <v>42</v>
      </c>
      <c r="AL28767">
        <v>43</v>
      </c>
      <c r="AM28767">
        <v>44</v>
      </c>
      <c r="AN28767">
        <v>45</v>
      </c>
      <c r="AO28767">
        <v>46</v>
      </c>
      <c r="AP28767">
        <v>46</v>
      </c>
      <c r="AQ28767">
        <v>47</v>
      </c>
    </row>
    <row r="28768" spans="1:43">
      <c r="A28768" t="s">
        <v>17807</v>
      </c>
      <c r="B28768" t="s">
        <v>17808</v>
      </c>
      <c r="C28768" t="s">
        <v>17795</v>
      </c>
      <c r="D28768" t="s">
        <v>17796</v>
      </c>
      <c r="E28768" t="s">
        <v>17787</v>
      </c>
      <c r="F28768" t="s">
        <v>17788</v>
      </c>
      <c r="G28768" t="s">
        <v>16559</v>
      </c>
      <c r="H28768" t="s">
        <v>16560</v>
      </c>
      <c r="I28768" s="2">
        <v>1</v>
      </c>
      <c r="J28768" s="2">
        <v>0</v>
      </c>
      <c r="K28768" s="2">
        <v>0</v>
      </c>
      <c r="L28768" t="s">
        <v>120</v>
      </c>
      <c r="M28768" t="s">
        <v>89</v>
      </c>
      <c r="N28768" t="s">
        <v>90</v>
      </c>
      <c r="O28768" t="s">
        <v>85</v>
      </c>
      <c r="P28768" t="s">
        <v>86</v>
      </c>
      <c r="Q28768">
        <v>29</v>
      </c>
      <c r="R28768">
        <v>30</v>
      </c>
      <c r="S28768">
        <v>31</v>
      </c>
      <c r="T28768">
        <v>32</v>
      </c>
      <c r="U28768">
        <v>33</v>
      </c>
      <c r="V28768">
        <v>34</v>
      </c>
      <c r="W28768">
        <v>35</v>
      </c>
      <c r="X28768">
        <v>36</v>
      </c>
      <c r="Y28768">
        <v>38</v>
      </c>
      <c r="Z28768">
        <v>39</v>
      </c>
      <c r="AA28768">
        <v>40</v>
      </c>
      <c r="AB28768">
        <v>41</v>
      </c>
      <c r="AC28768">
        <v>42</v>
      </c>
      <c r="AD28768">
        <v>44</v>
      </c>
      <c r="AE28768">
        <v>45</v>
      </c>
      <c r="AF28768">
        <v>45</v>
      </c>
      <c r="AG28768">
        <v>46</v>
      </c>
      <c r="AH28768">
        <v>47</v>
      </c>
      <c r="AI28768">
        <v>48</v>
      </c>
      <c r="AJ28768">
        <v>48</v>
      </c>
      <c r="AK28768">
        <v>49</v>
      </c>
      <c r="AL28768">
        <v>50</v>
      </c>
      <c r="AM28768">
        <v>50</v>
      </c>
      <c r="AN28768">
        <v>51</v>
      </c>
      <c r="AO28768">
        <v>52</v>
      </c>
      <c r="AP28768">
        <v>53</v>
      </c>
      <c r="AQ28768">
        <v>54</v>
      </c>
    </row>
    <row r="28769" spans="1:43">
      <c r="A28769" t="s">
        <v>17807</v>
      </c>
      <c r="B28769" t="s">
        <v>17808</v>
      </c>
      <c r="C28769" t="s">
        <v>17795</v>
      </c>
      <c r="D28769" t="s">
        <v>17796</v>
      </c>
      <c r="E28769" t="s">
        <v>17787</v>
      </c>
      <c r="F28769" t="s">
        <v>17788</v>
      </c>
      <c r="G28769" t="s">
        <v>16559</v>
      </c>
      <c r="H28769" t="s">
        <v>16560</v>
      </c>
      <c r="I28769" s="2">
        <v>1</v>
      </c>
      <c r="J28769" s="2">
        <v>0</v>
      </c>
      <c r="K28769" s="2">
        <v>0</v>
      </c>
      <c r="L28769" t="s">
        <v>120</v>
      </c>
      <c r="M28769" t="s">
        <v>83</v>
      </c>
      <c r="N28769" t="s">
        <v>91</v>
      </c>
      <c r="O28769" t="s">
        <v>85</v>
      </c>
      <c r="P28769" t="s">
        <v>86</v>
      </c>
      <c r="Q28769">
        <v>29</v>
      </c>
      <c r="R28769">
        <v>30</v>
      </c>
      <c r="S28769">
        <v>31</v>
      </c>
      <c r="T28769">
        <v>32</v>
      </c>
      <c r="U28769">
        <v>33</v>
      </c>
      <c r="V28769">
        <v>34</v>
      </c>
      <c r="W28769">
        <v>35</v>
      </c>
      <c r="X28769">
        <v>36</v>
      </c>
      <c r="Y28769">
        <v>37</v>
      </c>
      <c r="Z28769">
        <v>37</v>
      </c>
      <c r="AA28769">
        <v>38</v>
      </c>
      <c r="AB28769">
        <v>39</v>
      </c>
      <c r="AC28769">
        <v>41</v>
      </c>
      <c r="AD28769">
        <v>42</v>
      </c>
      <c r="AE28769">
        <v>43</v>
      </c>
      <c r="AF28769">
        <v>44</v>
      </c>
      <c r="AG28769">
        <v>45</v>
      </c>
      <c r="AH28769">
        <v>46</v>
      </c>
      <c r="AI28769">
        <v>47</v>
      </c>
      <c r="AJ28769">
        <v>48</v>
      </c>
      <c r="AK28769">
        <v>50</v>
      </c>
      <c r="AL28769">
        <v>50</v>
      </c>
      <c r="AM28769">
        <v>51</v>
      </c>
      <c r="AN28769">
        <v>52</v>
      </c>
      <c r="AO28769">
        <v>53</v>
      </c>
      <c r="AP28769">
        <v>54</v>
      </c>
      <c r="AQ28769">
        <v>54</v>
      </c>
    </row>
    <row r="28770" spans="1:43">
      <c r="A28770" t="s">
        <v>17809</v>
      </c>
      <c r="B28770" t="s">
        <v>17810</v>
      </c>
      <c r="C28770" t="s">
        <v>17811</v>
      </c>
      <c r="D28770" t="s">
        <v>17812</v>
      </c>
      <c r="E28770" t="s">
        <v>17787</v>
      </c>
      <c r="F28770" t="s">
        <v>17788</v>
      </c>
      <c r="G28770" t="s">
        <v>16559</v>
      </c>
      <c r="H28770" t="s">
        <v>16560</v>
      </c>
      <c r="I28770" s="2">
        <v>1</v>
      </c>
      <c r="J28770" s="2">
        <v>0</v>
      </c>
      <c r="K28770" s="2">
        <v>0</v>
      </c>
      <c r="L28770" t="s">
        <v>120</v>
      </c>
      <c r="M28770" t="s">
        <v>83</v>
      </c>
      <c r="N28770" t="s">
        <v>84</v>
      </c>
      <c r="O28770" t="s">
        <v>85</v>
      </c>
      <c r="P28770" t="s">
        <v>86</v>
      </c>
      <c r="Q28770">
        <v>12</v>
      </c>
      <c r="R28770">
        <v>12</v>
      </c>
      <c r="S28770">
        <v>12</v>
      </c>
      <c r="T28770">
        <v>13</v>
      </c>
      <c r="U28770">
        <v>13</v>
      </c>
      <c r="V28770">
        <v>13</v>
      </c>
      <c r="W28770">
        <v>14</v>
      </c>
      <c r="X28770">
        <v>14</v>
      </c>
      <c r="Y28770">
        <v>14</v>
      </c>
      <c r="Z28770">
        <v>15</v>
      </c>
      <c r="AA28770">
        <v>15</v>
      </c>
      <c r="AB28770">
        <v>16</v>
      </c>
      <c r="AC28770">
        <v>16</v>
      </c>
      <c r="AD28770">
        <v>16</v>
      </c>
      <c r="AE28770">
        <v>17</v>
      </c>
      <c r="AF28770">
        <v>17</v>
      </c>
      <c r="AG28770">
        <v>18</v>
      </c>
      <c r="AH28770">
        <v>18</v>
      </c>
      <c r="AI28770">
        <v>19</v>
      </c>
      <c r="AJ28770">
        <v>19</v>
      </c>
      <c r="AK28770">
        <v>20</v>
      </c>
      <c r="AL28770">
        <v>20</v>
      </c>
      <c r="AM28770">
        <v>20</v>
      </c>
      <c r="AN28770">
        <v>21</v>
      </c>
      <c r="AO28770">
        <v>21</v>
      </c>
      <c r="AP28770">
        <v>21</v>
      </c>
      <c r="AQ28770">
        <v>22</v>
      </c>
    </row>
    <row r="28771" spans="1:43">
      <c r="A28771" t="s">
        <v>17809</v>
      </c>
      <c r="B28771" t="s">
        <v>17810</v>
      </c>
      <c r="C28771" t="s">
        <v>17811</v>
      </c>
      <c r="D28771" t="s">
        <v>17812</v>
      </c>
      <c r="E28771" t="s">
        <v>17787</v>
      </c>
      <c r="F28771" t="s">
        <v>17788</v>
      </c>
      <c r="G28771" t="s">
        <v>16559</v>
      </c>
      <c r="H28771" t="s">
        <v>16560</v>
      </c>
      <c r="I28771" s="2">
        <v>1</v>
      </c>
      <c r="J28771" s="2">
        <v>0</v>
      </c>
      <c r="K28771" s="2">
        <v>0</v>
      </c>
      <c r="L28771" t="s">
        <v>120</v>
      </c>
      <c r="M28771" t="s">
        <v>87</v>
      </c>
      <c r="N28771" t="s">
        <v>88</v>
      </c>
      <c r="O28771" t="s">
        <v>85</v>
      </c>
      <c r="P28771" t="s">
        <v>86</v>
      </c>
      <c r="Q28771">
        <v>12</v>
      </c>
      <c r="R28771">
        <v>13</v>
      </c>
      <c r="S28771">
        <v>13</v>
      </c>
      <c r="T28771">
        <v>13</v>
      </c>
      <c r="U28771">
        <v>13</v>
      </c>
      <c r="V28771">
        <v>14</v>
      </c>
      <c r="W28771">
        <v>14</v>
      </c>
      <c r="X28771">
        <v>14</v>
      </c>
      <c r="Y28771">
        <v>14</v>
      </c>
      <c r="Z28771">
        <v>15</v>
      </c>
      <c r="AA28771">
        <v>15</v>
      </c>
      <c r="AB28771">
        <v>15</v>
      </c>
      <c r="AC28771">
        <v>15</v>
      </c>
      <c r="AD28771">
        <v>16</v>
      </c>
      <c r="AE28771">
        <v>16</v>
      </c>
      <c r="AF28771">
        <v>16</v>
      </c>
      <c r="AG28771">
        <v>17</v>
      </c>
      <c r="AH28771">
        <v>17</v>
      </c>
      <c r="AI28771">
        <v>17</v>
      </c>
      <c r="AJ28771">
        <v>17</v>
      </c>
      <c r="AK28771">
        <v>18</v>
      </c>
      <c r="AL28771">
        <v>18</v>
      </c>
      <c r="AM28771">
        <v>18</v>
      </c>
      <c r="AN28771">
        <v>19</v>
      </c>
      <c r="AO28771">
        <v>19</v>
      </c>
      <c r="AP28771">
        <v>19</v>
      </c>
      <c r="AQ28771">
        <v>20</v>
      </c>
    </row>
    <row r="28772" spans="1:43">
      <c r="A28772" t="s">
        <v>17809</v>
      </c>
      <c r="B28772" t="s">
        <v>17810</v>
      </c>
      <c r="C28772" t="s">
        <v>17811</v>
      </c>
      <c r="D28772" t="s">
        <v>17812</v>
      </c>
      <c r="E28772" t="s">
        <v>17787</v>
      </c>
      <c r="F28772" t="s">
        <v>17788</v>
      </c>
      <c r="G28772" t="s">
        <v>16559</v>
      </c>
      <c r="H28772" t="s">
        <v>16560</v>
      </c>
      <c r="I28772" s="2">
        <v>1</v>
      </c>
      <c r="J28772" s="2">
        <v>0</v>
      </c>
      <c r="K28772" s="2">
        <v>0</v>
      </c>
      <c r="L28772" t="s">
        <v>120</v>
      </c>
      <c r="M28772" t="s">
        <v>89</v>
      </c>
      <c r="N28772" t="s">
        <v>90</v>
      </c>
      <c r="O28772" t="s">
        <v>85</v>
      </c>
      <c r="P28772" t="s">
        <v>86</v>
      </c>
      <c r="Q28772">
        <v>12</v>
      </c>
      <c r="R28772">
        <v>12</v>
      </c>
      <c r="S28772">
        <v>13</v>
      </c>
      <c r="T28772">
        <v>13</v>
      </c>
      <c r="U28772">
        <v>13</v>
      </c>
      <c r="V28772">
        <v>14</v>
      </c>
      <c r="W28772">
        <v>14</v>
      </c>
      <c r="X28772">
        <v>15</v>
      </c>
      <c r="Y28772">
        <v>15</v>
      </c>
      <c r="Z28772">
        <v>16</v>
      </c>
      <c r="AA28772">
        <v>16</v>
      </c>
      <c r="AB28772">
        <v>17</v>
      </c>
      <c r="AC28772">
        <v>17</v>
      </c>
      <c r="AD28772">
        <v>18</v>
      </c>
      <c r="AE28772">
        <v>18</v>
      </c>
      <c r="AF28772">
        <v>18</v>
      </c>
      <c r="AG28772">
        <v>19</v>
      </c>
      <c r="AH28772">
        <v>19</v>
      </c>
      <c r="AI28772">
        <v>19</v>
      </c>
      <c r="AJ28772">
        <v>19</v>
      </c>
      <c r="AK28772">
        <v>20</v>
      </c>
      <c r="AL28772">
        <v>20</v>
      </c>
      <c r="AM28772">
        <v>20</v>
      </c>
      <c r="AN28772">
        <v>21</v>
      </c>
      <c r="AO28772">
        <v>21</v>
      </c>
      <c r="AP28772">
        <v>21</v>
      </c>
      <c r="AQ28772">
        <v>22</v>
      </c>
    </row>
    <row r="28773" spans="1:43">
      <c r="A28773" t="s">
        <v>17809</v>
      </c>
      <c r="B28773" t="s">
        <v>17810</v>
      </c>
      <c r="C28773" t="s">
        <v>17811</v>
      </c>
      <c r="D28773" t="s">
        <v>17812</v>
      </c>
      <c r="E28773" t="s">
        <v>17787</v>
      </c>
      <c r="F28773" t="s">
        <v>17788</v>
      </c>
      <c r="G28773" t="s">
        <v>16559</v>
      </c>
      <c r="H28773" t="s">
        <v>16560</v>
      </c>
      <c r="I28773" s="2">
        <v>1</v>
      </c>
      <c r="J28773" s="2">
        <v>0</v>
      </c>
      <c r="K28773" s="2">
        <v>0</v>
      </c>
      <c r="L28773" t="s">
        <v>120</v>
      </c>
      <c r="M28773" t="s">
        <v>83</v>
      </c>
      <c r="N28773" t="s">
        <v>91</v>
      </c>
      <c r="O28773" t="s">
        <v>85</v>
      </c>
      <c r="P28773" t="s">
        <v>86</v>
      </c>
      <c r="Q28773">
        <v>12</v>
      </c>
      <c r="R28773">
        <v>12</v>
      </c>
      <c r="S28773">
        <v>12</v>
      </c>
      <c r="T28773">
        <v>13</v>
      </c>
      <c r="U28773">
        <v>13</v>
      </c>
      <c r="V28773">
        <v>13</v>
      </c>
      <c r="W28773">
        <v>14</v>
      </c>
      <c r="X28773">
        <v>14</v>
      </c>
      <c r="Y28773">
        <v>14</v>
      </c>
      <c r="Z28773">
        <v>15</v>
      </c>
      <c r="AA28773">
        <v>15</v>
      </c>
      <c r="AB28773">
        <v>16</v>
      </c>
      <c r="AC28773">
        <v>16</v>
      </c>
      <c r="AD28773">
        <v>16</v>
      </c>
      <c r="AE28773">
        <v>17</v>
      </c>
      <c r="AF28773">
        <v>17</v>
      </c>
      <c r="AG28773">
        <v>18</v>
      </c>
      <c r="AH28773">
        <v>18</v>
      </c>
      <c r="AI28773">
        <v>19</v>
      </c>
      <c r="AJ28773">
        <v>19</v>
      </c>
      <c r="AK28773">
        <v>20</v>
      </c>
      <c r="AL28773">
        <v>20</v>
      </c>
      <c r="AM28773">
        <v>20</v>
      </c>
      <c r="AN28773">
        <v>21</v>
      </c>
      <c r="AO28773">
        <v>21</v>
      </c>
      <c r="AP28773">
        <v>21</v>
      </c>
      <c r="AQ28773">
        <v>22</v>
      </c>
    </row>
    <row r="28774" spans="1:43">
      <c r="A28774" t="s">
        <v>17813</v>
      </c>
      <c r="B28774" t="s">
        <v>17814</v>
      </c>
      <c r="C28774" t="s">
        <v>17811</v>
      </c>
      <c r="D28774" t="s">
        <v>17812</v>
      </c>
      <c r="E28774" t="s">
        <v>17787</v>
      </c>
      <c r="F28774" t="s">
        <v>17788</v>
      </c>
      <c r="G28774" t="s">
        <v>16559</v>
      </c>
      <c r="H28774" t="s">
        <v>16560</v>
      </c>
      <c r="I28774" s="2">
        <v>1</v>
      </c>
      <c r="J28774" s="2">
        <v>0</v>
      </c>
      <c r="K28774" s="2">
        <v>0</v>
      </c>
      <c r="L28774" t="s">
        <v>120</v>
      </c>
      <c r="M28774" t="s">
        <v>83</v>
      </c>
      <c r="N28774" t="s">
        <v>84</v>
      </c>
      <c r="O28774" t="s">
        <v>85</v>
      </c>
      <c r="P28774" t="s">
        <v>86</v>
      </c>
      <c r="Q28774">
        <v>22</v>
      </c>
      <c r="R28774">
        <v>22</v>
      </c>
      <c r="S28774">
        <v>23</v>
      </c>
      <c r="T28774">
        <v>24</v>
      </c>
      <c r="U28774">
        <v>24</v>
      </c>
      <c r="V28774">
        <v>25</v>
      </c>
      <c r="W28774">
        <v>26</v>
      </c>
      <c r="X28774">
        <v>27</v>
      </c>
      <c r="Y28774">
        <v>27</v>
      </c>
      <c r="Z28774">
        <v>28</v>
      </c>
      <c r="AA28774">
        <v>29</v>
      </c>
      <c r="AB28774">
        <v>29</v>
      </c>
      <c r="AC28774">
        <v>30</v>
      </c>
      <c r="AD28774">
        <v>31</v>
      </c>
      <c r="AE28774">
        <v>32</v>
      </c>
      <c r="AF28774">
        <v>33</v>
      </c>
      <c r="AG28774">
        <v>33</v>
      </c>
      <c r="AH28774">
        <v>34</v>
      </c>
      <c r="AI28774">
        <v>35</v>
      </c>
      <c r="AJ28774">
        <v>36</v>
      </c>
      <c r="AK28774">
        <v>37</v>
      </c>
      <c r="AL28774">
        <v>38</v>
      </c>
      <c r="AM28774">
        <v>38</v>
      </c>
      <c r="AN28774">
        <v>39</v>
      </c>
      <c r="AO28774">
        <v>39</v>
      </c>
      <c r="AP28774">
        <v>40</v>
      </c>
      <c r="AQ28774">
        <v>41</v>
      </c>
    </row>
    <row r="28775" spans="1:43">
      <c r="A28775" t="s">
        <v>17813</v>
      </c>
      <c r="B28775" t="s">
        <v>17814</v>
      </c>
      <c r="C28775" t="s">
        <v>17811</v>
      </c>
      <c r="D28775" t="s">
        <v>17812</v>
      </c>
      <c r="E28775" t="s">
        <v>17787</v>
      </c>
      <c r="F28775" t="s">
        <v>17788</v>
      </c>
      <c r="G28775" t="s">
        <v>16559</v>
      </c>
      <c r="H28775" t="s">
        <v>16560</v>
      </c>
      <c r="I28775" s="2">
        <v>1</v>
      </c>
      <c r="J28775" s="2">
        <v>0</v>
      </c>
      <c r="K28775" s="2">
        <v>0</v>
      </c>
      <c r="L28775" t="s">
        <v>120</v>
      </c>
      <c r="M28775" t="s">
        <v>87</v>
      </c>
      <c r="N28775" t="s">
        <v>88</v>
      </c>
      <c r="O28775" t="s">
        <v>85</v>
      </c>
      <c r="P28775" t="s">
        <v>86</v>
      </c>
      <c r="Q28775">
        <v>22</v>
      </c>
      <c r="R28775">
        <v>22</v>
      </c>
      <c r="S28775">
        <v>22</v>
      </c>
      <c r="T28775">
        <v>23</v>
      </c>
      <c r="U28775">
        <v>23</v>
      </c>
      <c r="V28775">
        <v>24</v>
      </c>
      <c r="W28775">
        <v>24</v>
      </c>
      <c r="X28775">
        <v>25</v>
      </c>
      <c r="Y28775">
        <v>25</v>
      </c>
      <c r="Z28775">
        <v>26</v>
      </c>
      <c r="AA28775">
        <v>26</v>
      </c>
      <c r="AB28775">
        <v>27</v>
      </c>
      <c r="AC28775">
        <v>27</v>
      </c>
      <c r="AD28775">
        <v>28</v>
      </c>
      <c r="AE28775">
        <v>28</v>
      </c>
      <c r="AF28775">
        <v>29</v>
      </c>
      <c r="AG28775">
        <v>29</v>
      </c>
      <c r="AH28775">
        <v>30</v>
      </c>
      <c r="AI28775">
        <v>31</v>
      </c>
      <c r="AJ28775">
        <v>31</v>
      </c>
      <c r="AK28775">
        <v>32</v>
      </c>
      <c r="AL28775">
        <v>32</v>
      </c>
      <c r="AM28775">
        <v>33</v>
      </c>
      <c r="AN28775">
        <v>34</v>
      </c>
      <c r="AO28775">
        <v>34</v>
      </c>
      <c r="AP28775">
        <v>35</v>
      </c>
      <c r="AQ28775">
        <v>36</v>
      </c>
    </row>
    <row r="28776" spans="1:43">
      <c r="A28776" t="s">
        <v>17813</v>
      </c>
      <c r="B28776" t="s">
        <v>17814</v>
      </c>
      <c r="C28776" t="s">
        <v>17811</v>
      </c>
      <c r="D28776" t="s">
        <v>17812</v>
      </c>
      <c r="E28776" t="s">
        <v>17787</v>
      </c>
      <c r="F28776" t="s">
        <v>17788</v>
      </c>
      <c r="G28776" t="s">
        <v>16559</v>
      </c>
      <c r="H28776" t="s">
        <v>16560</v>
      </c>
      <c r="I28776" s="2">
        <v>1</v>
      </c>
      <c r="J28776" s="2">
        <v>0</v>
      </c>
      <c r="K28776" s="2">
        <v>0</v>
      </c>
      <c r="L28776" t="s">
        <v>120</v>
      </c>
      <c r="M28776" t="s">
        <v>89</v>
      </c>
      <c r="N28776" t="s">
        <v>90</v>
      </c>
      <c r="O28776" t="s">
        <v>85</v>
      </c>
      <c r="P28776" t="s">
        <v>86</v>
      </c>
      <c r="Q28776">
        <v>22</v>
      </c>
      <c r="R28776">
        <v>23</v>
      </c>
      <c r="S28776">
        <v>24</v>
      </c>
      <c r="T28776">
        <v>25</v>
      </c>
      <c r="U28776">
        <v>25</v>
      </c>
      <c r="V28776">
        <v>26</v>
      </c>
      <c r="W28776">
        <v>27</v>
      </c>
      <c r="X28776">
        <v>28</v>
      </c>
      <c r="Y28776">
        <v>29</v>
      </c>
      <c r="Z28776">
        <v>30</v>
      </c>
      <c r="AA28776">
        <v>31</v>
      </c>
      <c r="AB28776">
        <v>31</v>
      </c>
      <c r="AC28776">
        <v>32</v>
      </c>
      <c r="AD28776">
        <v>33</v>
      </c>
      <c r="AE28776">
        <v>34</v>
      </c>
      <c r="AF28776">
        <v>35</v>
      </c>
      <c r="AG28776">
        <v>35</v>
      </c>
      <c r="AH28776">
        <v>36</v>
      </c>
      <c r="AI28776">
        <v>36</v>
      </c>
      <c r="AJ28776">
        <v>37</v>
      </c>
      <c r="AK28776">
        <v>37</v>
      </c>
      <c r="AL28776">
        <v>38</v>
      </c>
      <c r="AM28776">
        <v>38</v>
      </c>
      <c r="AN28776">
        <v>39</v>
      </c>
      <c r="AO28776">
        <v>40</v>
      </c>
      <c r="AP28776">
        <v>40</v>
      </c>
      <c r="AQ28776">
        <v>41</v>
      </c>
    </row>
    <row r="28777" spans="1:43">
      <c r="A28777" t="s">
        <v>17813</v>
      </c>
      <c r="B28777" t="s">
        <v>17814</v>
      </c>
      <c r="C28777" t="s">
        <v>17811</v>
      </c>
      <c r="D28777" t="s">
        <v>17812</v>
      </c>
      <c r="E28777" t="s">
        <v>17787</v>
      </c>
      <c r="F28777" t="s">
        <v>17788</v>
      </c>
      <c r="G28777" t="s">
        <v>16559</v>
      </c>
      <c r="H28777" t="s">
        <v>16560</v>
      </c>
      <c r="I28777" s="2">
        <v>1</v>
      </c>
      <c r="J28777" s="2">
        <v>0</v>
      </c>
      <c r="K28777" s="2">
        <v>0</v>
      </c>
      <c r="L28777" t="s">
        <v>120</v>
      </c>
      <c r="M28777" t="s">
        <v>83</v>
      </c>
      <c r="N28777" t="s">
        <v>91</v>
      </c>
      <c r="O28777" t="s">
        <v>85</v>
      </c>
      <c r="P28777" t="s">
        <v>86</v>
      </c>
      <c r="Q28777">
        <v>22</v>
      </c>
      <c r="R28777">
        <v>22</v>
      </c>
      <c r="S28777">
        <v>23</v>
      </c>
      <c r="T28777">
        <v>24</v>
      </c>
      <c r="U28777">
        <v>24</v>
      </c>
      <c r="V28777">
        <v>25</v>
      </c>
      <c r="W28777">
        <v>26</v>
      </c>
      <c r="X28777">
        <v>27</v>
      </c>
      <c r="Y28777">
        <v>27</v>
      </c>
      <c r="Z28777">
        <v>28</v>
      </c>
      <c r="AA28777">
        <v>29</v>
      </c>
      <c r="AB28777">
        <v>29</v>
      </c>
      <c r="AC28777">
        <v>30</v>
      </c>
      <c r="AD28777">
        <v>31</v>
      </c>
      <c r="AE28777">
        <v>32</v>
      </c>
      <c r="AF28777">
        <v>33</v>
      </c>
      <c r="AG28777">
        <v>33</v>
      </c>
      <c r="AH28777">
        <v>34</v>
      </c>
      <c r="AI28777">
        <v>35</v>
      </c>
      <c r="AJ28777">
        <v>36</v>
      </c>
      <c r="AK28777">
        <v>37</v>
      </c>
      <c r="AL28777">
        <v>38</v>
      </c>
      <c r="AM28777">
        <v>38</v>
      </c>
      <c r="AN28777">
        <v>39</v>
      </c>
      <c r="AO28777">
        <v>39</v>
      </c>
      <c r="AP28777">
        <v>40</v>
      </c>
      <c r="AQ28777">
        <v>41</v>
      </c>
    </row>
    <row r="28778" spans="1:43">
      <c r="A28778" t="s">
        <v>17815</v>
      </c>
      <c r="B28778" t="s">
        <v>17816</v>
      </c>
      <c r="C28778" t="s">
        <v>17811</v>
      </c>
      <c r="D28778" t="s">
        <v>17812</v>
      </c>
      <c r="E28778" t="s">
        <v>17787</v>
      </c>
      <c r="F28778" t="s">
        <v>17788</v>
      </c>
      <c r="G28778" t="s">
        <v>16559</v>
      </c>
      <c r="H28778" t="s">
        <v>16560</v>
      </c>
      <c r="I28778" s="2">
        <v>1</v>
      </c>
      <c r="J28778" s="2">
        <v>0</v>
      </c>
      <c r="K28778" s="2">
        <v>0</v>
      </c>
      <c r="L28778" t="s">
        <v>120</v>
      </c>
      <c r="M28778" t="s">
        <v>83</v>
      </c>
      <c r="N28778" t="s">
        <v>84</v>
      </c>
      <c r="O28778" t="s">
        <v>85</v>
      </c>
      <c r="P28778" t="s">
        <v>86</v>
      </c>
      <c r="Q28778">
        <v>12</v>
      </c>
      <c r="R28778">
        <v>12</v>
      </c>
      <c r="S28778">
        <v>13</v>
      </c>
      <c r="T28778">
        <v>13</v>
      </c>
      <c r="U28778">
        <v>14</v>
      </c>
      <c r="V28778">
        <v>14</v>
      </c>
      <c r="W28778">
        <v>14</v>
      </c>
      <c r="X28778">
        <v>15</v>
      </c>
      <c r="Y28778">
        <v>15</v>
      </c>
      <c r="Z28778">
        <v>16</v>
      </c>
      <c r="AA28778">
        <v>16</v>
      </c>
      <c r="AB28778">
        <v>16</v>
      </c>
      <c r="AC28778">
        <v>17</v>
      </c>
      <c r="AD28778">
        <v>17</v>
      </c>
      <c r="AE28778">
        <v>18</v>
      </c>
      <c r="AF28778">
        <v>18</v>
      </c>
      <c r="AG28778">
        <v>19</v>
      </c>
      <c r="AH28778">
        <v>19</v>
      </c>
      <c r="AI28778">
        <v>20</v>
      </c>
      <c r="AJ28778">
        <v>20</v>
      </c>
      <c r="AK28778">
        <v>21</v>
      </c>
      <c r="AL28778">
        <v>21</v>
      </c>
      <c r="AM28778">
        <v>21</v>
      </c>
      <c r="AN28778">
        <v>22</v>
      </c>
      <c r="AO28778">
        <v>22</v>
      </c>
      <c r="AP28778">
        <v>22</v>
      </c>
      <c r="AQ28778">
        <v>23</v>
      </c>
    </row>
    <row r="28779" spans="1:43">
      <c r="A28779" t="s">
        <v>17815</v>
      </c>
      <c r="B28779" t="s">
        <v>17816</v>
      </c>
      <c r="C28779" t="s">
        <v>17811</v>
      </c>
      <c r="D28779" t="s">
        <v>17812</v>
      </c>
      <c r="E28779" t="s">
        <v>17787</v>
      </c>
      <c r="F28779" t="s">
        <v>17788</v>
      </c>
      <c r="G28779" t="s">
        <v>16559</v>
      </c>
      <c r="H28779" t="s">
        <v>16560</v>
      </c>
      <c r="I28779" s="2">
        <v>1</v>
      </c>
      <c r="J28779" s="2">
        <v>0</v>
      </c>
      <c r="K28779" s="2">
        <v>0</v>
      </c>
      <c r="L28779" t="s">
        <v>120</v>
      </c>
      <c r="M28779" t="s">
        <v>87</v>
      </c>
      <c r="N28779" t="s">
        <v>88</v>
      </c>
      <c r="O28779" t="s">
        <v>85</v>
      </c>
      <c r="P28779" t="s">
        <v>86</v>
      </c>
      <c r="Q28779">
        <v>12</v>
      </c>
      <c r="R28779">
        <v>12</v>
      </c>
      <c r="S28779">
        <v>12</v>
      </c>
      <c r="T28779">
        <v>13</v>
      </c>
      <c r="U28779">
        <v>13</v>
      </c>
      <c r="V28779">
        <v>13</v>
      </c>
      <c r="W28779">
        <v>13</v>
      </c>
      <c r="X28779">
        <v>14</v>
      </c>
      <c r="Y28779">
        <v>14</v>
      </c>
      <c r="Z28779">
        <v>14</v>
      </c>
      <c r="AA28779">
        <v>15</v>
      </c>
      <c r="AB28779">
        <v>15</v>
      </c>
      <c r="AC28779">
        <v>15</v>
      </c>
      <c r="AD28779">
        <v>15</v>
      </c>
      <c r="AE28779">
        <v>16</v>
      </c>
      <c r="AF28779">
        <v>16</v>
      </c>
      <c r="AG28779">
        <v>16</v>
      </c>
      <c r="AH28779">
        <v>17</v>
      </c>
      <c r="AI28779">
        <v>17</v>
      </c>
      <c r="AJ28779">
        <v>17</v>
      </c>
      <c r="AK28779">
        <v>18</v>
      </c>
      <c r="AL28779">
        <v>18</v>
      </c>
      <c r="AM28779">
        <v>18</v>
      </c>
      <c r="AN28779">
        <v>19</v>
      </c>
      <c r="AO28779">
        <v>19</v>
      </c>
      <c r="AP28779">
        <v>19</v>
      </c>
      <c r="AQ28779">
        <v>20</v>
      </c>
    </row>
    <row r="28780" spans="1:43">
      <c r="A28780" t="s">
        <v>17815</v>
      </c>
      <c r="B28780" t="s">
        <v>17816</v>
      </c>
      <c r="C28780" t="s">
        <v>17811</v>
      </c>
      <c r="D28780" t="s">
        <v>17812</v>
      </c>
      <c r="E28780" t="s">
        <v>17787</v>
      </c>
      <c r="F28780" t="s">
        <v>17788</v>
      </c>
      <c r="G28780" t="s">
        <v>16559</v>
      </c>
      <c r="H28780" t="s">
        <v>16560</v>
      </c>
      <c r="I28780" s="2">
        <v>1</v>
      </c>
      <c r="J28780" s="2">
        <v>0</v>
      </c>
      <c r="K28780" s="2">
        <v>0</v>
      </c>
      <c r="L28780" t="s">
        <v>120</v>
      </c>
      <c r="M28780" t="s">
        <v>89</v>
      </c>
      <c r="N28780" t="s">
        <v>90</v>
      </c>
      <c r="O28780" t="s">
        <v>85</v>
      </c>
      <c r="P28780" t="s">
        <v>86</v>
      </c>
      <c r="Q28780">
        <v>12</v>
      </c>
      <c r="R28780">
        <v>13</v>
      </c>
      <c r="S28780">
        <v>13</v>
      </c>
      <c r="T28780">
        <v>14</v>
      </c>
      <c r="U28780">
        <v>14</v>
      </c>
      <c r="V28780">
        <v>15</v>
      </c>
      <c r="W28780">
        <v>15</v>
      </c>
      <c r="X28780">
        <v>15</v>
      </c>
      <c r="Y28780">
        <v>16</v>
      </c>
      <c r="Z28780">
        <v>16</v>
      </c>
      <c r="AA28780">
        <v>17</v>
      </c>
      <c r="AB28780">
        <v>17</v>
      </c>
      <c r="AC28780">
        <v>18</v>
      </c>
      <c r="AD28780">
        <v>18</v>
      </c>
      <c r="AE28780">
        <v>19</v>
      </c>
      <c r="AF28780">
        <v>19</v>
      </c>
      <c r="AG28780">
        <v>19</v>
      </c>
      <c r="AH28780">
        <v>20</v>
      </c>
      <c r="AI28780">
        <v>20</v>
      </c>
      <c r="AJ28780">
        <v>20</v>
      </c>
      <c r="AK28780">
        <v>21</v>
      </c>
      <c r="AL28780">
        <v>21</v>
      </c>
      <c r="AM28780">
        <v>21</v>
      </c>
      <c r="AN28780">
        <v>22</v>
      </c>
      <c r="AO28780">
        <v>22</v>
      </c>
      <c r="AP28780">
        <v>22</v>
      </c>
      <c r="AQ28780">
        <v>23</v>
      </c>
    </row>
    <row r="28781" spans="1:43">
      <c r="A28781" t="s">
        <v>17815</v>
      </c>
      <c r="B28781" t="s">
        <v>17816</v>
      </c>
      <c r="C28781" t="s">
        <v>17811</v>
      </c>
      <c r="D28781" t="s">
        <v>17812</v>
      </c>
      <c r="E28781" t="s">
        <v>17787</v>
      </c>
      <c r="F28781" t="s">
        <v>17788</v>
      </c>
      <c r="G28781" t="s">
        <v>16559</v>
      </c>
      <c r="H28781" t="s">
        <v>16560</v>
      </c>
      <c r="I28781" s="2">
        <v>1</v>
      </c>
      <c r="J28781" s="2">
        <v>0</v>
      </c>
      <c r="K28781" s="2">
        <v>0</v>
      </c>
      <c r="L28781" t="s">
        <v>120</v>
      </c>
      <c r="M28781" t="s">
        <v>83</v>
      </c>
      <c r="N28781" t="s">
        <v>91</v>
      </c>
      <c r="O28781" t="s">
        <v>85</v>
      </c>
      <c r="P28781" t="s">
        <v>86</v>
      </c>
      <c r="Q28781">
        <v>12</v>
      </c>
      <c r="R28781">
        <v>12</v>
      </c>
      <c r="S28781">
        <v>13</v>
      </c>
      <c r="T28781">
        <v>13</v>
      </c>
      <c r="U28781">
        <v>14</v>
      </c>
      <c r="V28781">
        <v>14</v>
      </c>
      <c r="W28781">
        <v>14</v>
      </c>
      <c r="X28781">
        <v>15</v>
      </c>
      <c r="Y28781">
        <v>15</v>
      </c>
      <c r="Z28781">
        <v>16</v>
      </c>
      <c r="AA28781">
        <v>16</v>
      </c>
      <c r="AB28781">
        <v>16</v>
      </c>
      <c r="AC28781">
        <v>17</v>
      </c>
      <c r="AD28781">
        <v>17</v>
      </c>
      <c r="AE28781">
        <v>18</v>
      </c>
      <c r="AF28781">
        <v>18</v>
      </c>
      <c r="AG28781">
        <v>19</v>
      </c>
      <c r="AH28781">
        <v>19</v>
      </c>
      <c r="AI28781">
        <v>20</v>
      </c>
      <c r="AJ28781">
        <v>20</v>
      </c>
      <c r="AK28781">
        <v>21</v>
      </c>
      <c r="AL28781">
        <v>21</v>
      </c>
      <c r="AM28781">
        <v>21</v>
      </c>
      <c r="AN28781">
        <v>22</v>
      </c>
      <c r="AO28781">
        <v>22</v>
      </c>
      <c r="AP28781">
        <v>22</v>
      </c>
      <c r="AQ28781">
        <v>23</v>
      </c>
    </row>
    <row r="28782" spans="1:43">
      <c r="A28782" t="s">
        <v>17817</v>
      </c>
      <c r="B28782" t="s">
        <v>17818</v>
      </c>
      <c r="C28782" t="s">
        <v>17819</v>
      </c>
      <c r="D28782" t="s">
        <v>17820</v>
      </c>
      <c r="E28782" t="s">
        <v>17787</v>
      </c>
      <c r="F28782" t="s">
        <v>17788</v>
      </c>
      <c r="G28782" t="s">
        <v>16559</v>
      </c>
      <c r="H28782" t="s">
        <v>16560</v>
      </c>
      <c r="I28782" s="2">
        <v>1</v>
      </c>
      <c r="J28782" s="2">
        <v>0</v>
      </c>
      <c r="K28782" s="2">
        <v>0</v>
      </c>
      <c r="L28782" t="s">
        <v>120</v>
      </c>
      <c r="M28782" t="s">
        <v>83</v>
      </c>
      <c r="N28782" t="s">
        <v>84</v>
      </c>
      <c r="O28782" t="s">
        <v>85</v>
      </c>
      <c r="P28782" t="s">
        <v>86</v>
      </c>
      <c r="Q28782">
        <v>31</v>
      </c>
      <c r="R28782">
        <v>32</v>
      </c>
      <c r="S28782">
        <v>33</v>
      </c>
      <c r="T28782">
        <v>34</v>
      </c>
      <c r="U28782">
        <v>35</v>
      </c>
      <c r="V28782">
        <v>36</v>
      </c>
      <c r="W28782">
        <v>37</v>
      </c>
      <c r="X28782">
        <v>38</v>
      </c>
      <c r="Y28782">
        <v>39</v>
      </c>
      <c r="Z28782">
        <v>40</v>
      </c>
      <c r="AA28782">
        <v>41</v>
      </c>
      <c r="AB28782">
        <v>42</v>
      </c>
      <c r="AC28782">
        <v>44</v>
      </c>
      <c r="AD28782">
        <v>45</v>
      </c>
      <c r="AE28782">
        <v>46</v>
      </c>
      <c r="AF28782">
        <v>47</v>
      </c>
      <c r="AG28782">
        <v>48</v>
      </c>
      <c r="AH28782">
        <v>49</v>
      </c>
      <c r="AI28782">
        <v>51</v>
      </c>
      <c r="AJ28782">
        <v>52</v>
      </c>
      <c r="AK28782">
        <v>53</v>
      </c>
      <c r="AL28782">
        <v>54</v>
      </c>
      <c r="AM28782">
        <v>55</v>
      </c>
      <c r="AN28782">
        <v>56</v>
      </c>
      <c r="AO28782">
        <v>57</v>
      </c>
      <c r="AP28782">
        <v>58</v>
      </c>
      <c r="AQ28782">
        <v>59</v>
      </c>
    </row>
    <row r="28783" spans="1:43">
      <c r="A28783" t="s">
        <v>17817</v>
      </c>
      <c r="B28783" t="s">
        <v>17818</v>
      </c>
      <c r="C28783" t="s">
        <v>17819</v>
      </c>
      <c r="D28783" t="s">
        <v>17820</v>
      </c>
      <c r="E28783" t="s">
        <v>17787</v>
      </c>
      <c r="F28783" t="s">
        <v>17788</v>
      </c>
      <c r="G28783" t="s">
        <v>16559</v>
      </c>
      <c r="H28783" t="s">
        <v>16560</v>
      </c>
      <c r="I28783" s="2">
        <v>1</v>
      </c>
      <c r="J28783" s="2">
        <v>0</v>
      </c>
      <c r="K28783" s="2">
        <v>0</v>
      </c>
      <c r="L28783" t="s">
        <v>120</v>
      </c>
      <c r="M28783" t="s">
        <v>87</v>
      </c>
      <c r="N28783" t="s">
        <v>88</v>
      </c>
      <c r="O28783" t="s">
        <v>85</v>
      </c>
      <c r="P28783" t="s">
        <v>86</v>
      </c>
      <c r="Q28783">
        <v>31</v>
      </c>
      <c r="R28783">
        <v>32</v>
      </c>
      <c r="S28783">
        <v>32</v>
      </c>
      <c r="T28783">
        <v>33</v>
      </c>
      <c r="U28783">
        <v>34</v>
      </c>
      <c r="V28783">
        <v>34</v>
      </c>
      <c r="W28783">
        <v>35</v>
      </c>
      <c r="X28783">
        <v>36</v>
      </c>
      <c r="Y28783">
        <v>36</v>
      </c>
      <c r="Z28783">
        <v>37</v>
      </c>
      <c r="AA28783">
        <v>38</v>
      </c>
      <c r="AB28783">
        <v>39</v>
      </c>
      <c r="AC28783">
        <v>39</v>
      </c>
      <c r="AD28783">
        <v>40</v>
      </c>
      <c r="AE28783">
        <v>41</v>
      </c>
      <c r="AF28783">
        <v>42</v>
      </c>
      <c r="AG28783">
        <v>42</v>
      </c>
      <c r="AH28783">
        <v>43</v>
      </c>
      <c r="AI28783">
        <v>44</v>
      </c>
      <c r="AJ28783">
        <v>45</v>
      </c>
      <c r="AK28783">
        <v>46</v>
      </c>
      <c r="AL28783">
        <v>47</v>
      </c>
      <c r="AM28783">
        <v>48</v>
      </c>
      <c r="AN28783">
        <v>49</v>
      </c>
      <c r="AO28783">
        <v>50</v>
      </c>
      <c r="AP28783">
        <v>51</v>
      </c>
      <c r="AQ28783">
        <v>51</v>
      </c>
    </row>
    <row r="28784" spans="1:43">
      <c r="A28784" t="s">
        <v>17817</v>
      </c>
      <c r="B28784" t="s">
        <v>17818</v>
      </c>
      <c r="C28784" t="s">
        <v>17819</v>
      </c>
      <c r="D28784" t="s">
        <v>17820</v>
      </c>
      <c r="E28784" t="s">
        <v>17787</v>
      </c>
      <c r="F28784" t="s">
        <v>17788</v>
      </c>
      <c r="G28784" t="s">
        <v>16559</v>
      </c>
      <c r="H28784" t="s">
        <v>16560</v>
      </c>
      <c r="I28784" s="2">
        <v>1</v>
      </c>
      <c r="J28784" s="2">
        <v>0</v>
      </c>
      <c r="K28784" s="2">
        <v>0</v>
      </c>
      <c r="L28784" t="s">
        <v>120</v>
      </c>
      <c r="M28784" t="s">
        <v>89</v>
      </c>
      <c r="N28784" t="s">
        <v>90</v>
      </c>
      <c r="O28784" t="s">
        <v>85</v>
      </c>
      <c r="P28784" t="s">
        <v>86</v>
      </c>
      <c r="Q28784">
        <v>31</v>
      </c>
      <c r="R28784">
        <v>32</v>
      </c>
      <c r="S28784">
        <v>33</v>
      </c>
      <c r="T28784">
        <v>34</v>
      </c>
      <c r="U28784">
        <v>36</v>
      </c>
      <c r="V28784">
        <v>37</v>
      </c>
      <c r="W28784">
        <v>38</v>
      </c>
      <c r="X28784">
        <v>39</v>
      </c>
      <c r="Y28784">
        <v>40</v>
      </c>
      <c r="Z28784">
        <v>42</v>
      </c>
      <c r="AA28784">
        <v>43</v>
      </c>
      <c r="AB28784">
        <v>44</v>
      </c>
      <c r="AC28784">
        <v>46</v>
      </c>
      <c r="AD28784">
        <v>47</v>
      </c>
      <c r="AE28784">
        <v>48</v>
      </c>
      <c r="AF28784">
        <v>49</v>
      </c>
      <c r="AG28784">
        <v>50</v>
      </c>
      <c r="AH28784">
        <v>50</v>
      </c>
      <c r="AI28784">
        <v>51</v>
      </c>
      <c r="AJ28784">
        <v>52</v>
      </c>
      <c r="AK28784">
        <v>53</v>
      </c>
      <c r="AL28784">
        <v>54</v>
      </c>
      <c r="AM28784">
        <v>54</v>
      </c>
      <c r="AN28784">
        <v>55</v>
      </c>
      <c r="AO28784">
        <v>56</v>
      </c>
      <c r="AP28784">
        <v>57</v>
      </c>
      <c r="AQ28784">
        <v>58</v>
      </c>
    </row>
    <row r="28785" spans="1:43">
      <c r="A28785" t="s">
        <v>17817</v>
      </c>
      <c r="B28785" t="s">
        <v>17818</v>
      </c>
      <c r="C28785" t="s">
        <v>17819</v>
      </c>
      <c r="D28785" t="s">
        <v>17820</v>
      </c>
      <c r="E28785" t="s">
        <v>17787</v>
      </c>
      <c r="F28785" t="s">
        <v>17788</v>
      </c>
      <c r="G28785" t="s">
        <v>16559</v>
      </c>
      <c r="H28785" t="s">
        <v>16560</v>
      </c>
      <c r="I28785" s="2">
        <v>1</v>
      </c>
      <c r="J28785" s="2">
        <v>0</v>
      </c>
      <c r="K28785" s="2">
        <v>0</v>
      </c>
      <c r="L28785" t="s">
        <v>120</v>
      </c>
      <c r="M28785" t="s">
        <v>83</v>
      </c>
      <c r="N28785" t="s">
        <v>91</v>
      </c>
      <c r="O28785" t="s">
        <v>85</v>
      </c>
      <c r="P28785" t="s">
        <v>86</v>
      </c>
      <c r="Q28785">
        <v>31</v>
      </c>
      <c r="R28785">
        <v>32</v>
      </c>
      <c r="S28785">
        <v>33</v>
      </c>
      <c r="T28785">
        <v>34</v>
      </c>
      <c r="U28785">
        <v>35</v>
      </c>
      <c r="V28785">
        <v>36</v>
      </c>
      <c r="W28785">
        <v>37</v>
      </c>
      <c r="X28785">
        <v>38</v>
      </c>
      <c r="Y28785">
        <v>39</v>
      </c>
      <c r="Z28785">
        <v>40</v>
      </c>
      <c r="AA28785">
        <v>41</v>
      </c>
      <c r="AB28785">
        <v>42</v>
      </c>
      <c r="AC28785">
        <v>44</v>
      </c>
      <c r="AD28785">
        <v>45</v>
      </c>
      <c r="AE28785">
        <v>46</v>
      </c>
      <c r="AF28785">
        <v>47</v>
      </c>
      <c r="AG28785">
        <v>48</v>
      </c>
      <c r="AH28785">
        <v>49</v>
      </c>
      <c r="AI28785">
        <v>51</v>
      </c>
      <c r="AJ28785">
        <v>52</v>
      </c>
      <c r="AK28785">
        <v>53</v>
      </c>
      <c r="AL28785">
        <v>54</v>
      </c>
      <c r="AM28785">
        <v>55</v>
      </c>
      <c r="AN28785">
        <v>56</v>
      </c>
      <c r="AO28785">
        <v>57</v>
      </c>
      <c r="AP28785">
        <v>58</v>
      </c>
      <c r="AQ28785">
        <v>59</v>
      </c>
    </row>
    <row r="28786" spans="1:43">
      <c r="A28786" t="s">
        <v>17821</v>
      </c>
      <c r="B28786" t="s">
        <v>17822</v>
      </c>
      <c r="C28786" t="s">
        <v>17819</v>
      </c>
      <c r="D28786" t="s">
        <v>17820</v>
      </c>
      <c r="E28786" t="s">
        <v>17787</v>
      </c>
      <c r="F28786" t="s">
        <v>17788</v>
      </c>
      <c r="G28786" t="s">
        <v>16559</v>
      </c>
      <c r="H28786" t="s">
        <v>16560</v>
      </c>
      <c r="I28786" s="2">
        <v>1</v>
      </c>
      <c r="J28786" s="2">
        <v>0</v>
      </c>
      <c r="K28786" s="2">
        <v>0</v>
      </c>
      <c r="L28786" t="s">
        <v>120</v>
      </c>
      <c r="M28786" t="s">
        <v>83</v>
      </c>
      <c r="N28786" t="s">
        <v>84</v>
      </c>
      <c r="O28786" t="s">
        <v>85</v>
      </c>
      <c r="P28786" t="s">
        <v>86</v>
      </c>
      <c r="Q28786">
        <v>14</v>
      </c>
      <c r="R28786">
        <v>14</v>
      </c>
      <c r="S28786">
        <v>15</v>
      </c>
      <c r="T28786">
        <v>15</v>
      </c>
      <c r="U28786">
        <v>16</v>
      </c>
      <c r="V28786">
        <v>16</v>
      </c>
      <c r="W28786">
        <v>17</v>
      </c>
      <c r="X28786">
        <v>17</v>
      </c>
      <c r="Y28786">
        <v>18</v>
      </c>
      <c r="Z28786">
        <v>18</v>
      </c>
      <c r="AA28786">
        <v>18</v>
      </c>
      <c r="AB28786">
        <v>19</v>
      </c>
      <c r="AC28786">
        <v>19</v>
      </c>
      <c r="AD28786">
        <v>20</v>
      </c>
      <c r="AE28786">
        <v>20</v>
      </c>
      <c r="AF28786">
        <v>21</v>
      </c>
      <c r="AG28786">
        <v>22</v>
      </c>
      <c r="AH28786">
        <v>22</v>
      </c>
      <c r="AI28786">
        <v>23</v>
      </c>
      <c r="AJ28786">
        <v>23</v>
      </c>
      <c r="AK28786">
        <v>24</v>
      </c>
      <c r="AL28786">
        <v>24</v>
      </c>
      <c r="AM28786">
        <v>25</v>
      </c>
      <c r="AN28786">
        <v>25</v>
      </c>
      <c r="AO28786">
        <v>25</v>
      </c>
      <c r="AP28786">
        <v>26</v>
      </c>
      <c r="AQ28786">
        <v>26</v>
      </c>
    </row>
    <row r="28787" spans="1:43">
      <c r="A28787" t="s">
        <v>17821</v>
      </c>
      <c r="B28787" t="s">
        <v>17822</v>
      </c>
      <c r="C28787" t="s">
        <v>17819</v>
      </c>
      <c r="D28787" t="s">
        <v>17820</v>
      </c>
      <c r="E28787" t="s">
        <v>17787</v>
      </c>
      <c r="F28787" t="s">
        <v>17788</v>
      </c>
      <c r="G28787" t="s">
        <v>16559</v>
      </c>
      <c r="H28787" t="s">
        <v>16560</v>
      </c>
      <c r="I28787" s="2">
        <v>1</v>
      </c>
      <c r="J28787" s="2">
        <v>0</v>
      </c>
      <c r="K28787" s="2">
        <v>0</v>
      </c>
      <c r="L28787" t="s">
        <v>120</v>
      </c>
      <c r="M28787" t="s">
        <v>87</v>
      </c>
      <c r="N28787" t="s">
        <v>88</v>
      </c>
      <c r="O28787" t="s">
        <v>85</v>
      </c>
      <c r="P28787" t="s">
        <v>86</v>
      </c>
      <c r="Q28787">
        <v>14</v>
      </c>
      <c r="R28787">
        <v>14</v>
      </c>
      <c r="S28787">
        <v>14</v>
      </c>
      <c r="T28787">
        <v>15</v>
      </c>
      <c r="U28787">
        <v>15</v>
      </c>
      <c r="V28787">
        <v>15</v>
      </c>
      <c r="W28787">
        <v>16</v>
      </c>
      <c r="X28787">
        <v>16</v>
      </c>
      <c r="Y28787">
        <v>16</v>
      </c>
      <c r="Z28787">
        <v>17</v>
      </c>
      <c r="AA28787">
        <v>17</v>
      </c>
      <c r="AB28787">
        <v>17</v>
      </c>
      <c r="AC28787">
        <v>18</v>
      </c>
      <c r="AD28787">
        <v>18</v>
      </c>
      <c r="AE28787">
        <v>18</v>
      </c>
      <c r="AF28787">
        <v>19</v>
      </c>
      <c r="AG28787">
        <v>19</v>
      </c>
      <c r="AH28787">
        <v>19</v>
      </c>
      <c r="AI28787">
        <v>20</v>
      </c>
      <c r="AJ28787">
        <v>20</v>
      </c>
      <c r="AK28787">
        <v>20</v>
      </c>
      <c r="AL28787">
        <v>21</v>
      </c>
      <c r="AM28787">
        <v>21</v>
      </c>
      <c r="AN28787">
        <v>22</v>
      </c>
      <c r="AO28787">
        <v>22</v>
      </c>
      <c r="AP28787">
        <v>23</v>
      </c>
      <c r="AQ28787">
        <v>23</v>
      </c>
    </row>
    <row r="28788" spans="1:43">
      <c r="A28788" t="s">
        <v>17821</v>
      </c>
      <c r="B28788" t="s">
        <v>17822</v>
      </c>
      <c r="C28788" t="s">
        <v>17819</v>
      </c>
      <c r="D28788" t="s">
        <v>17820</v>
      </c>
      <c r="E28788" t="s">
        <v>17787</v>
      </c>
      <c r="F28788" t="s">
        <v>17788</v>
      </c>
      <c r="G28788" t="s">
        <v>16559</v>
      </c>
      <c r="H28788" t="s">
        <v>16560</v>
      </c>
      <c r="I28788" s="2">
        <v>1</v>
      </c>
      <c r="J28788" s="2">
        <v>0</v>
      </c>
      <c r="K28788" s="2">
        <v>0</v>
      </c>
      <c r="L28788" t="s">
        <v>120</v>
      </c>
      <c r="M28788" t="s">
        <v>89</v>
      </c>
      <c r="N28788" t="s">
        <v>90</v>
      </c>
      <c r="O28788" t="s">
        <v>85</v>
      </c>
      <c r="P28788" t="s">
        <v>86</v>
      </c>
      <c r="Q28788">
        <v>14</v>
      </c>
      <c r="R28788">
        <v>15</v>
      </c>
      <c r="S28788">
        <v>15</v>
      </c>
      <c r="T28788">
        <v>16</v>
      </c>
      <c r="U28788">
        <v>16</v>
      </c>
      <c r="V28788">
        <v>17</v>
      </c>
      <c r="W28788">
        <v>17</v>
      </c>
      <c r="X28788">
        <v>18</v>
      </c>
      <c r="Y28788">
        <v>18</v>
      </c>
      <c r="Z28788">
        <v>19</v>
      </c>
      <c r="AA28788">
        <v>20</v>
      </c>
      <c r="AB28788">
        <v>20</v>
      </c>
      <c r="AC28788">
        <v>21</v>
      </c>
      <c r="AD28788">
        <v>21</v>
      </c>
      <c r="AE28788">
        <v>22</v>
      </c>
      <c r="AF28788">
        <v>22</v>
      </c>
      <c r="AG28788">
        <v>23</v>
      </c>
      <c r="AH28788">
        <v>23</v>
      </c>
      <c r="AI28788">
        <v>23</v>
      </c>
      <c r="AJ28788">
        <v>24</v>
      </c>
      <c r="AK28788">
        <v>24</v>
      </c>
      <c r="AL28788">
        <v>24</v>
      </c>
      <c r="AM28788">
        <v>25</v>
      </c>
      <c r="AN28788">
        <v>25</v>
      </c>
      <c r="AO28788">
        <v>25</v>
      </c>
      <c r="AP28788">
        <v>26</v>
      </c>
      <c r="AQ28788">
        <v>26</v>
      </c>
    </row>
    <row r="28789" spans="1:43">
      <c r="A28789" t="s">
        <v>17821</v>
      </c>
      <c r="B28789" t="s">
        <v>17822</v>
      </c>
      <c r="C28789" t="s">
        <v>17819</v>
      </c>
      <c r="D28789" t="s">
        <v>17820</v>
      </c>
      <c r="E28789" t="s">
        <v>17787</v>
      </c>
      <c r="F28789" t="s">
        <v>17788</v>
      </c>
      <c r="G28789" t="s">
        <v>16559</v>
      </c>
      <c r="H28789" t="s">
        <v>16560</v>
      </c>
      <c r="I28789" s="2">
        <v>1</v>
      </c>
      <c r="J28789" s="2">
        <v>0</v>
      </c>
      <c r="K28789" s="2">
        <v>0</v>
      </c>
      <c r="L28789" t="s">
        <v>120</v>
      </c>
      <c r="M28789" t="s">
        <v>83</v>
      </c>
      <c r="N28789" t="s">
        <v>91</v>
      </c>
      <c r="O28789" t="s">
        <v>85</v>
      </c>
      <c r="P28789" t="s">
        <v>86</v>
      </c>
      <c r="Q28789">
        <v>14</v>
      </c>
      <c r="R28789">
        <v>14</v>
      </c>
      <c r="S28789">
        <v>15</v>
      </c>
      <c r="T28789">
        <v>15</v>
      </c>
      <c r="U28789">
        <v>16</v>
      </c>
      <c r="V28789">
        <v>16</v>
      </c>
      <c r="W28789">
        <v>17</v>
      </c>
      <c r="X28789">
        <v>17</v>
      </c>
      <c r="Y28789">
        <v>18</v>
      </c>
      <c r="Z28789">
        <v>18</v>
      </c>
      <c r="AA28789">
        <v>18</v>
      </c>
      <c r="AB28789">
        <v>19</v>
      </c>
      <c r="AC28789">
        <v>19</v>
      </c>
      <c r="AD28789">
        <v>20</v>
      </c>
      <c r="AE28789">
        <v>20</v>
      </c>
      <c r="AF28789">
        <v>21</v>
      </c>
      <c r="AG28789">
        <v>22</v>
      </c>
      <c r="AH28789">
        <v>22</v>
      </c>
      <c r="AI28789">
        <v>23</v>
      </c>
      <c r="AJ28789">
        <v>23</v>
      </c>
      <c r="AK28789">
        <v>24</v>
      </c>
      <c r="AL28789">
        <v>24</v>
      </c>
      <c r="AM28789">
        <v>25</v>
      </c>
      <c r="AN28789">
        <v>25</v>
      </c>
      <c r="AO28789">
        <v>25</v>
      </c>
      <c r="AP28789">
        <v>26</v>
      </c>
      <c r="AQ28789">
        <v>26</v>
      </c>
    </row>
    <row r="28790" spans="1:43">
      <c r="A28790" t="s">
        <v>17823</v>
      </c>
      <c r="B28790" t="s">
        <v>17824</v>
      </c>
      <c r="C28790" t="s">
        <v>17819</v>
      </c>
      <c r="D28790" t="s">
        <v>17820</v>
      </c>
      <c r="E28790" t="s">
        <v>17787</v>
      </c>
      <c r="F28790" t="s">
        <v>17788</v>
      </c>
      <c r="G28790" t="s">
        <v>16559</v>
      </c>
      <c r="H28790" t="s">
        <v>16560</v>
      </c>
      <c r="I28790" s="2">
        <v>1</v>
      </c>
      <c r="J28790" s="2">
        <v>0</v>
      </c>
      <c r="K28790" s="2">
        <v>0</v>
      </c>
      <c r="L28790" t="s">
        <v>120</v>
      </c>
      <c r="M28790" t="s">
        <v>83</v>
      </c>
      <c r="N28790" t="s">
        <v>84</v>
      </c>
      <c r="O28790" t="s">
        <v>85</v>
      </c>
      <c r="P28790" t="s">
        <v>86</v>
      </c>
      <c r="Q28790">
        <v>58</v>
      </c>
      <c r="R28790">
        <v>59</v>
      </c>
      <c r="S28790">
        <v>61</v>
      </c>
      <c r="T28790">
        <v>63</v>
      </c>
      <c r="U28790">
        <v>64</v>
      </c>
      <c r="V28790">
        <v>66</v>
      </c>
      <c r="W28790">
        <v>68</v>
      </c>
      <c r="X28790">
        <v>70</v>
      </c>
      <c r="Y28790">
        <v>72</v>
      </c>
      <c r="Z28790">
        <v>74</v>
      </c>
      <c r="AA28790">
        <v>76</v>
      </c>
      <c r="AB28790">
        <v>78</v>
      </c>
      <c r="AC28790">
        <v>80</v>
      </c>
      <c r="AD28790">
        <v>82</v>
      </c>
      <c r="AE28790">
        <v>84</v>
      </c>
      <c r="AF28790">
        <v>86</v>
      </c>
      <c r="AG28790">
        <v>88</v>
      </c>
      <c r="AH28790">
        <v>91</v>
      </c>
      <c r="AI28790">
        <v>93</v>
      </c>
      <c r="AJ28790">
        <v>95</v>
      </c>
      <c r="AK28790">
        <v>98</v>
      </c>
      <c r="AL28790">
        <v>99</v>
      </c>
      <c r="AM28790">
        <v>101</v>
      </c>
      <c r="AN28790">
        <v>103</v>
      </c>
      <c r="AO28790">
        <v>104</v>
      </c>
      <c r="AP28790">
        <v>106</v>
      </c>
      <c r="AQ28790">
        <v>107</v>
      </c>
    </row>
    <row r="28791" spans="1:43">
      <c r="A28791" t="s">
        <v>17823</v>
      </c>
      <c r="B28791" t="s">
        <v>17824</v>
      </c>
      <c r="C28791" t="s">
        <v>17819</v>
      </c>
      <c r="D28791" t="s">
        <v>17820</v>
      </c>
      <c r="E28791" t="s">
        <v>17787</v>
      </c>
      <c r="F28791" t="s">
        <v>17788</v>
      </c>
      <c r="G28791" t="s">
        <v>16559</v>
      </c>
      <c r="H28791" t="s">
        <v>16560</v>
      </c>
      <c r="I28791" s="2">
        <v>1</v>
      </c>
      <c r="J28791" s="2">
        <v>0</v>
      </c>
      <c r="K28791" s="2">
        <v>0</v>
      </c>
      <c r="L28791" t="s">
        <v>120</v>
      </c>
      <c r="M28791" t="s">
        <v>87</v>
      </c>
      <c r="N28791" t="s">
        <v>88</v>
      </c>
      <c r="O28791" t="s">
        <v>85</v>
      </c>
      <c r="P28791" t="s">
        <v>86</v>
      </c>
      <c r="Q28791">
        <v>58</v>
      </c>
      <c r="R28791">
        <v>59</v>
      </c>
      <c r="S28791">
        <v>60</v>
      </c>
      <c r="T28791">
        <v>61</v>
      </c>
      <c r="U28791">
        <v>63</v>
      </c>
      <c r="V28791">
        <v>64</v>
      </c>
      <c r="W28791">
        <v>65</v>
      </c>
      <c r="X28791">
        <v>66</v>
      </c>
      <c r="Y28791">
        <v>68</v>
      </c>
      <c r="Z28791">
        <v>69</v>
      </c>
      <c r="AA28791">
        <v>70</v>
      </c>
      <c r="AB28791">
        <v>72</v>
      </c>
      <c r="AC28791">
        <v>73</v>
      </c>
      <c r="AD28791">
        <v>74</v>
      </c>
      <c r="AE28791">
        <v>76</v>
      </c>
      <c r="AF28791">
        <v>77</v>
      </c>
      <c r="AG28791">
        <v>79</v>
      </c>
      <c r="AH28791">
        <v>80</v>
      </c>
      <c r="AI28791">
        <v>82</v>
      </c>
      <c r="AJ28791">
        <v>83</v>
      </c>
      <c r="AK28791">
        <v>85</v>
      </c>
      <c r="AL28791">
        <v>87</v>
      </c>
      <c r="AM28791">
        <v>88</v>
      </c>
      <c r="AN28791">
        <v>90</v>
      </c>
      <c r="AO28791">
        <v>92</v>
      </c>
      <c r="AP28791">
        <v>93</v>
      </c>
      <c r="AQ28791">
        <v>95</v>
      </c>
    </row>
    <row r="28792" spans="1:43">
      <c r="A28792" t="s">
        <v>17823</v>
      </c>
      <c r="B28792" t="s">
        <v>17824</v>
      </c>
      <c r="C28792" t="s">
        <v>17819</v>
      </c>
      <c r="D28792" t="s">
        <v>17820</v>
      </c>
      <c r="E28792" t="s">
        <v>17787</v>
      </c>
      <c r="F28792" t="s">
        <v>17788</v>
      </c>
      <c r="G28792" t="s">
        <v>16559</v>
      </c>
      <c r="H28792" t="s">
        <v>16560</v>
      </c>
      <c r="I28792" s="2">
        <v>1</v>
      </c>
      <c r="J28792" s="2">
        <v>0</v>
      </c>
      <c r="K28792" s="2">
        <v>0</v>
      </c>
      <c r="L28792" t="s">
        <v>120</v>
      </c>
      <c r="M28792" t="s">
        <v>89</v>
      </c>
      <c r="N28792" t="s">
        <v>90</v>
      </c>
      <c r="O28792" t="s">
        <v>85</v>
      </c>
      <c r="P28792" t="s">
        <v>86</v>
      </c>
      <c r="Q28792">
        <v>58</v>
      </c>
      <c r="R28792">
        <v>60</v>
      </c>
      <c r="S28792">
        <v>62</v>
      </c>
      <c r="T28792">
        <v>65</v>
      </c>
      <c r="U28792">
        <v>67</v>
      </c>
      <c r="V28792">
        <v>69</v>
      </c>
      <c r="W28792">
        <v>71</v>
      </c>
      <c r="X28792">
        <v>74</v>
      </c>
      <c r="Y28792">
        <v>76</v>
      </c>
      <c r="Z28792">
        <v>78</v>
      </c>
      <c r="AA28792">
        <v>80</v>
      </c>
      <c r="AB28792">
        <v>83</v>
      </c>
      <c r="AC28792">
        <v>85</v>
      </c>
      <c r="AD28792">
        <v>88</v>
      </c>
      <c r="AE28792">
        <v>90</v>
      </c>
      <c r="AF28792">
        <v>91</v>
      </c>
      <c r="AG28792">
        <v>93</v>
      </c>
      <c r="AH28792">
        <v>94</v>
      </c>
      <c r="AI28792">
        <v>95</v>
      </c>
      <c r="AJ28792">
        <v>97</v>
      </c>
      <c r="AK28792">
        <v>98</v>
      </c>
      <c r="AL28792">
        <v>100</v>
      </c>
      <c r="AM28792">
        <v>101</v>
      </c>
      <c r="AN28792">
        <v>103</v>
      </c>
      <c r="AO28792">
        <v>105</v>
      </c>
      <c r="AP28792">
        <v>106</v>
      </c>
      <c r="AQ28792">
        <v>108</v>
      </c>
    </row>
    <row r="28793" spans="1:43">
      <c r="A28793" t="s">
        <v>17823</v>
      </c>
      <c r="B28793" t="s">
        <v>17824</v>
      </c>
      <c r="C28793" t="s">
        <v>17819</v>
      </c>
      <c r="D28793" t="s">
        <v>17820</v>
      </c>
      <c r="E28793" t="s">
        <v>17787</v>
      </c>
      <c r="F28793" t="s">
        <v>17788</v>
      </c>
      <c r="G28793" t="s">
        <v>16559</v>
      </c>
      <c r="H28793" t="s">
        <v>16560</v>
      </c>
      <c r="I28793" s="2">
        <v>1</v>
      </c>
      <c r="J28793" s="2">
        <v>0</v>
      </c>
      <c r="K28793" s="2">
        <v>0</v>
      </c>
      <c r="L28793" t="s">
        <v>120</v>
      </c>
      <c r="M28793" t="s">
        <v>83</v>
      </c>
      <c r="N28793" t="s">
        <v>91</v>
      </c>
      <c r="O28793" t="s">
        <v>85</v>
      </c>
      <c r="P28793" t="s">
        <v>86</v>
      </c>
      <c r="Q28793">
        <v>58</v>
      </c>
      <c r="R28793">
        <v>59</v>
      </c>
      <c r="S28793">
        <v>61</v>
      </c>
      <c r="T28793">
        <v>63</v>
      </c>
      <c r="U28793">
        <v>64</v>
      </c>
      <c r="V28793">
        <v>66</v>
      </c>
      <c r="W28793">
        <v>68</v>
      </c>
      <c r="X28793">
        <v>70</v>
      </c>
      <c r="Y28793">
        <v>72</v>
      </c>
      <c r="Z28793">
        <v>74</v>
      </c>
      <c r="AA28793">
        <v>76</v>
      </c>
      <c r="AB28793">
        <v>78</v>
      </c>
      <c r="AC28793">
        <v>80</v>
      </c>
      <c r="AD28793">
        <v>82</v>
      </c>
      <c r="AE28793">
        <v>84</v>
      </c>
      <c r="AF28793">
        <v>86</v>
      </c>
      <c r="AG28793">
        <v>88</v>
      </c>
      <c r="AH28793">
        <v>91</v>
      </c>
      <c r="AI28793">
        <v>93</v>
      </c>
      <c r="AJ28793">
        <v>95</v>
      </c>
      <c r="AK28793">
        <v>98</v>
      </c>
      <c r="AL28793">
        <v>99</v>
      </c>
      <c r="AM28793">
        <v>101</v>
      </c>
      <c r="AN28793">
        <v>103</v>
      </c>
      <c r="AO28793">
        <v>104</v>
      </c>
      <c r="AP28793">
        <v>106</v>
      </c>
      <c r="AQ28793">
        <v>107</v>
      </c>
    </row>
    <row r="28794" spans="1:43">
      <c r="A28794" t="s">
        <v>17825</v>
      </c>
      <c r="B28794" t="s">
        <v>17826</v>
      </c>
      <c r="C28794" t="s">
        <v>17819</v>
      </c>
      <c r="D28794" t="s">
        <v>17820</v>
      </c>
      <c r="E28794" t="s">
        <v>17787</v>
      </c>
      <c r="F28794" t="s">
        <v>17788</v>
      </c>
      <c r="G28794" t="s">
        <v>16559</v>
      </c>
      <c r="H28794" t="s">
        <v>16560</v>
      </c>
      <c r="I28794" s="2">
        <v>0.22</v>
      </c>
      <c r="J28794" s="2">
        <v>0</v>
      </c>
      <c r="K28794" s="2">
        <v>0</v>
      </c>
      <c r="L28794" t="s">
        <v>120</v>
      </c>
      <c r="M28794" t="s">
        <v>83</v>
      </c>
      <c r="N28794" t="s">
        <v>84</v>
      </c>
      <c r="O28794" t="s">
        <v>85</v>
      </c>
      <c r="P28794" t="s">
        <v>86</v>
      </c>
      <c r="Q28794">
        <v>1</v>
      </c>
      <c r="R28794">
        <v>2</v>
      </c>
      <c r="S28794">
        <v>2</v>
      </c>
      <c r="T28794">
        <v>2</v>
      </c>
      <c r="U28794">
        <v>2</v>
      </c>
      <c r="V28794">
        <v>2</v>
      </c>
      <c r="W28794">
        <v>2</v>
      </c>
      <c r="X28794">
        <v>2</v>
      </c>
      <c r="Y28794">
        <v>2</v>
      </c>
      <c r="Z28794">
        <v>2</v>
      </c>
      <c r="AA28794">
        <v>2</v>
      </c>
      <c r="AB28794">
        <v>2</v>
      </c>
      <c r="AC28794">
        <v>2</v>
      </c>
      <c r="AD28794">
        <v>2</v>
      </c>
      <c r="AE28794">
        <v>2</v>
      </c>
      <c r="AF28794">
        <v>2</v>
      </c>
      <c r="AG28794">
        <v>2</v>
      </c>
      <c r="AH28794">
        <v>2</v>
      </c>
      <c r="AI28794">
        <v>2</v>
      </c>
      <c r="AJ28794">
        <v>2</v>
      </c>
      <c r="AK28794">
        <v>3</v>
      </c>
      <c r="AL28794">
        <v>3</v>
      </c>
      <c r="AM28794">
        <v>3</v>
      </c>
      <c r="AN28794">
        <v>3</v>
      </c>
      <c r="AO28794">
        <v>3</v>
      </c>
      <c r="AP28794">
        <v>3</v>
      </c>
      <c r="AQ28794">
        <v>3</v>
      </c>
    </row>
    <row r="28795" spans="1:43">
      <c r="A28795" t="s">
        <v>17825</v>
      </c>
      <c r="B28795" t="s">
        <v>17826</v>
      </c>
      <c r="C28795" t="s">
        <v>17819</v>
      </c>
      <c r="D28795" t="s">
        <v>17820</v>
      </c>
      <c r="E28795" t="s">
        <v>17787</v>
      </c>
      <c r="F28795" t="s">
        <v>17788</v>
      </c>
      <c r="G28795" t="s">
        <v>16559</v>
      </c>
      <c r="H28795" t="s">
        <v>16560</v>
      </c>
      <c r="I28795" s="2">
        <v>0.22</v>
      </c>
      <c r="J28795" s="2">
        <v>0</v>
      </c>
      <c r="K28795" s="2">
        <v>0</v>
      </c>
      <c r="L28795" t="s">
        <v>120</v>
      </c>
      <c r="M28795" t="s">
        <v>87</v>
      </c>
      <c r="N28795" t="s">
        <v>88</v>
      </c>
      <c r="O28795" t="s">
        <v>85</v>
      </c>
      <c r="P28795" t="s">
        <v>86</v>
      </c>
      <c r="Q28795">
        <v>1</v>
      </c>
      <c r="R28795">
        <v>2</v>
      </c>
      <c r="S28795">
        <v>2</v>
      </c>
      <c r="T28795">
        <v>2</v>
      </c>
      <c r="U28795">
        <v>2</v>
      </c>
      <c r="V28795">
        <v>2</v>
      </c>
      <c r="W28795">
        <v>2</v>
      </c>
      <c r="X28795">
        <v>2</v>
      </c>
      <c r="Y28795">
        <v>2</v>
      </c>
      <c r="Z28795">
        <v>2</v>
      </c>
      <c r="AA28795">
        <v>2</v>
      </c>
      <c r="AB28795">
        <v>2</v>
      </c>
      <c r="AC28795">
        <v>2</v>
      </c>
      <c r="AD28795">
        <v>2</v>
      </c>
      <c r="AE28795">
        <v>2</v>
      </c>
      <c r="AF28795">
        <v>2</v>
      </c>
      <c r="AG28795">
        <v>2</v>
      </c>
      <c r="AH28795">
        <v>2</v>
      </c>
      <c r="AI28795">
        <v>2</v>
      </c>
      <c r="AJ28795">
        <v>2</v>
      </c>
      <c r="AK28795">
        <v>2</v>
      </c>
      <c r="AL28795">
        <v>2</v>
      </c>
      <c r="AM28795">
        <v>2</v>
      </c>
      <c r="AN28795">
        <v>2</v>
      </c>
      <c r="AO28795">
        <v>2</v>
      </c>
      <c r="AP28795">
        <v>2</v>
      </c>
      <c r="AQ28795">
        <v>2</v>
      </c>
    </row>
    <row r="28796" spans="1:43">
      <c r="A28796" t="s">
        <v>17825</v>
      </c>
      <c r="B28796" t="s">
        <v>17826</v>
      </c>
      <c r="C28796" t="s">
        <v>17819</v>
      </c>
      <c r="D28796" t="s">
        <v>17820</v>
      </c>
      <c r="E28796" t="s">
        <v>17787</v>
      </c>
      <c r="F28796" t="s">
        <v>17788</v>
      </c>
      <c r="G28796" t="s">
        <v>16559</v>
      </c>
      <c r="H28796" t="s">
        <v>16560</v>
      </c>
      <c r="I28796" s="2">
        <v>0.22</v>
      </c>
      <c r="J28796" s="2">
        <v>0</v>
      </c>
      <c r="K28796" s="2">
        <v>0</v>
      </c>
      <c r="L28796" t="s">
        <v>120</v>
      </c>
      <c r="M28796" t="s">
        <v>89</v>
      </c>
      <c r="N28796" t="s">
        <v>90</v>
      </c>
      <c r="O28796" t="s">
        <v>85</v>
      </c>
      <c r="P28796" t="s">
        <v>86</v>
      </c>
      <c r="Q28796">
        <v>1</v>
      </c>
      <c r="R28796">
        <v>1</v>
      </c>
      <c r="S28796">
        <v>1</v>
      </c>
      <c r="T28796">
        <v>1</v>
      </c>
      <c r="U28796">
        <v>1</v>
      </c>
      <c r="V28796">
        <v>1</v>
      </c>
      <c r="W28796">
        <v>1</v>
      </c>
      <c r="X28796">
        <v>1</v>
      </c>
      <c r="Y28796">
        <v>1</v>
      </c>
      <c r="Z28796">
        <v>1</v>
      </c>
      <c r="AA28796">
        <v>1</v>
      </c>
      <c r="AB28796">
        <v>1</v>
      </c>
      <c r="AC28796">
        <v>1</v>
      </c>
      <c r="AD28796">
        <v>1</v>
      </c>
      <c r="AE28796">
        <v>1</v>
      </c>
      <c r="AF28796">
        <v>1</v>
      </c>
      <c r="AG28796">
        <v>1</v>
      </c>
      <c r="AH28796">
        <v>1</v>
      </c>
      <c r="AI28796">
        <v>1</v>
      </c>
      <c r="AJ28796">
        <v>2</v>
      </c>
      <c r="AK28796">
        <v>2</v>
      </c>
      <c r="AL28796">
        <v>2</v>
      </c>
      <c r="AM28796">
        <v>2</v>
      </c>
      <c r="AN28796">
        <v>2</v>
      </c>
      <c r="AO28796">
        <v>2</v>
      </c>
      <c r="AP28796">
        <v>2</v>
      </c>
      <c r="AQ28796">
        <v>2</v>
      </c>
    </row>
    <row r="28797" spans="1:43">
      <c r="A28797" t="s">
        <v>17825</v>
      </c>
      <c r="B28797" t="s">
        <v>17826</v>
      </c>
      <c r="C28797" t="s">
        <v>17819</v>
      </c>
      <c r="D28797" t="s">
        <v>17820</v>
      </c>
      <c r="E28797" t="s">
        <v>17787</v>
      </c>
      <c r="F28797" t="s">
        <v>17788</v>
      </c>
      <c r="G28797" t="s">
        <v>16559</v>
      </c>
      <c r="H28797" t="s">
        <v>16560</v>
      </c>
      <c r="I28797" s="2">
        <v>0.22</v>
      </c>
      <c r="J28797" s="2">
        <v>0</v>
      </c>
      <c r="K28797" s="2">
        <v>0</v>
      </c>
      <c r="L28797" t="s">
        <v>120</v>
      </c>
      <c r="M28797" t="s">
        <v>83</v>
      </c>
      <c r="N28797" t="s">
        <v>91</v>
      </c>
      <c r="O28797" t="s">
        <v>85</v>
      </c>
      <c r="P28797" t="s">
        <v>86</v>
      </c>
      <c r="Q28797">
        <v>1</v>
      </c>
      <c r="R28797">
        <v>2</v>
      </c>
      <c r="S28797">
        <v>2</v>
      </c>
      <c r="T28797">
        <v>2</v>
      </c>
      <c r="U28797">
        <v>2</v>
      </c>
      <c r="V28797">
        <v>2</v>
      </c>
      <c r="W28797">
        <v>2</v>
      </c>
      <c r="X28797">
        <v>2</v>
      </c>
      <c r="Y28797">
        <v>2</v>
      </c>
      <c r="Z28797">
        <v>2</v>
      </c>
      <c r="AA28797">
        <v>2</v>
      </c>
      <c r="AB28797">
        <v>2</v>
      </c>
      <c r="AC28797">
        <v>2</v>
      </c>
      <c r="AD28797">
        <v>2</v>
      </c>
      <c r="AE28797">
        <v>2</v>
      </c>
      <c r="AF28797">
        <v>2</v>
      </c>
      <c r="AG28797">
        <v>2</v>
      </c>
      <c r="AH28797">
        <v>2</v>
      </c>
      <c r="AI28797">
        <v>2</v>
      </c>
      <c r="AJ28797">
        <v>2</v>
      </c>
      <c r="AK28797">
        <v>3</v>
      </c>
      <c r="AL28797">
        <v>3</v>
      </c>
      <c r="AM28797">
        <v>3</v>
      </c>
      <c r="AN28797">
        <v>3</v>
      </c>
      <c r="AO28797">
        <v>3</v>
      </c>
      <c r="AP28797">
        <v>3</v>
      </c>
      <c r="AQ28797">
        <v>3</v>
      </c>
    </row>
    <row r="28798" spans="1:43">
      <c r="A28798" t="s">
        <v>17827</v>
      </c>
      <c r="B28798" t="s">
        <v>17828</v>
      </c>
      <c r="C28798" t="s">
        <v>17829</v>
      </c>
      <c r="D28798" t="s">
        <v>17830</v>
      </c>
      <c r="E28798" t="s">
        <v>17787</v>
      </c>
      <c r="F28798" t="s">
        <v>17788</v>
      </c>
      <c r="G28798" t="s">
        <v>16559</v>
      </c>
      <c r="H28798" t="s">
        <v>16560</v>
      </c>
      <c r="I28798" s="2">
        <v>1</v>
      </c>
      <c r="J28798" s="2">
        <v>0</v>
      </c>
      <c r="K28798" s="2">
        <v>0</v>
      </c>
      <c r="L28798" t="s">
        <v>120</v>
      </c>
      <c r="M28798" t="s">
        <v>83</v>
      </c>
      <c r="N28798" t="s">
        <v>84</v>
      </c>
      <c r="O28798" t="s">
        <v>85</v>
      </c>
      <c r="P28798" t="s">
        <v>86</v>
      </c>
      <c r="Q28798">
        <v>34</v>
      </c>
      <c r="R28798">
        <v>35</v>
      </c>
      <c r="S28798">
        <v>36</v>
      </c>
      <c r="T28798">
        <v>37</v>
      </c>
      <c r="U28798">
        <v>38</v>
      </c>
      <c r="V28798">
        <v>39</v>
      </c>
      <c r="W28798">
        <v>40</v>
      </c>
      <c r="X28798">
        <v>41</v>
      </c>
      <c r="Y28798">
        <v>42</v>
      </c>
      <c r="Z28798">
        <v>44</v>
      </c>
      <c r="AA28798">
        <v>45</v>
      </c>
      <c r="AB28798">
        <v>46</v>
      </c>
      <c r="AC28798">
        <v>47</v>
      </c>
      <c r="AD28798">
        <v>48</v>
      </c>
      <c r="AE28798">
        <v>49</v>
      </c>
      <c r="AF28798">
        <v>51</v>
      </c>
      <c r="AG28798">
        <v>52</v>
      </c>
      <c r="AH28798">
        <v>53</v>
      </c>
      <c r="AI28798">
        <v>55</v>
      </c>
      <c r="AJ28798">
        <v>56</v>
      </c>
      <c r="AK28798">
        <v>58</v>
      </c>
      <c r="AL28798">
        <v>59</v>
      </c>
      <c r="AM28798">
        <v>59</v>
      </c>
      <c r="AN28798">
        <v>60</v>
      </c>
      <c r="AO28798">
        <v>61</v>
      </c>
      <c r="AP28798">
        <v>62</v>
      </c>
      <c r="AQ28798">
        <v>63</v>
      </c>
    </row>
    <row r="28799" spans="1:43">
      <c r="A28799" t="s">
        <v>17827</v>
      </c>
      <c r="B28799" t="s">
        <v>17828</v>
      </c>
      <c r="C28799" t="s">
        <v>17829</v>
      </c>
      <c r="D28799" t="s">
        <v>17830</v>
      </c>
      <c r="E28799" t="s">
        <v>17787</v>
      </c>
      <c r="F28799" t="s">
        <v>17788</v>
      </c>
      <c r="G28799" t="s">
        <v>16559</v>
      </c>
      <c r="H28799" t="s">
        <v>16560</v>
      </c>
      <c r="I28799" s="2">
        <v>1</v>
      </c>
      <c r="J28799" s="2">
        <v>0</v>
      </c>
      <c r="K28799" s="2">
        <v>0</v>
      </c>
      <c r="L28799" t="s">
        <v>120</v>
      </c>
      <c r="M28799" t="s">
        <v>87</v>
      </c>
      <c r="N28799" t="s">
        <v>88</v>
      </c>
      <c r="O28799" t="s">
        <v>85</v>
      </c>
      <c r="P28799" t="s">
        <v>86</v>
      </c>
      <c r="Q28799">
        <v>34</v>
      </c>
      <c r="R28799">
        <v>34</v>
      </c>
      <c r="S28799">
        <v>35</v>
      </c>
      <c r="T28799">
        <v>36</v>
      </c>
      <c r="U28799">
        <v>36</v>
      </c>
      <c r="V28799">
        <v>37</v>
      </c>
      <c r="W28799">
        <v>38</v>
      </c>
      <c r="X28799">
        <v>38</v>
      </c>
      <c r="Y28799">
        <v>39</v>
      </c>
      <c r="Z28799">
        <v>40</v>
      </c>
      <c r="AA28799">
        <v>41</v>
      </c>
      <c r="AB28799">
        <v>42</v>
      </c>
      <c r="AC28799">
        <v>42</v>
      </c>
      <c r="AD28799">
        <v>43</v>
      </c>
      <c r="AE28799">
        <v>44</v>
      </c>
      <c r="AF28799">
        <v>45</v>
      </c>
      <c r="AG28799">
        <v>46</v>
      </c>
      <c r="AH28799">
        <v>47</v>
      </c>
      <c r="AI28799">
        <v>47</v>
      </c>
      <c r="AJ28799">
        <v>48</v>
      </c>
      <c r="AK28799">
        <v>49</v>
      </c>
      <c r="AL28799">
        <v>50</v>
      </c>
      <c r="AM28799">
        <v>51</v>
      </c>
      <c r="AN28799">
        <v>52</v>
      </c>
      <c r="AO28799">
        <v>53</v>
      </c>
      <c r="AP28799">
        <v>54</v>
      </c>
      <c r="AQ28799">
        <v>55</v>
      </c>
    </row>
    <row r="28800" spans="1:43">
      <c r="A28800" t="s">
        <v>17827</v>
      </c>
      <c r="B28800" t="s">
        <v>17828</v>
      </c>
      <c r="C28800" t="s">
        <v>17829</v>
      </c>
      <c r="D28800" t="s">
        <v>17830</v>
      </c>
      <c r="E28800" t="s">
        <v>17787</v>
      </c>
      <c r="F28800" t="s">
        <v>17788</v>
      </c>
      <c r="G28800" t="s">
        <v>16559</v>
      </c>
      <c r="H28800" t="s">
        <v>16560</v>
      </c>
      <c r="I28800" s="2">
        <v>1</v>
      </c>
      <c r="J28800" s="2">
        <v>0</v>
      </c>
      <c r="K28800" s="2">
        <v>0</v>
      </c>
      <c r="L28800" t="s">
        <v>120</v>
      </c>
      <c r="M28800" t="s">
        <v>89</v>
      </c>
      <c r="N28800" t="s">
        <v>90</v>
      </c>
      <c r="O28800" t="s">
        <v>85</v>
      </c>
      <c r="P28800" t="s">
        <v>86</v>
      </c>
      <c r="Q28800">
        <v>34</v>
      </c>
      <c r="R28800">
        <v>36</v>
      </c>
      <c r="S28800">
        <v>37</v>
      </c>
      <c r="T28800">
        <v>38</v>
      </c>
      <c r="U28800">
        <v>40</v>
      </c>
      <c r="V28800">
        <v>41</v>
      </c>
      <c r="W28800">
        <v>42</v>
      </c>
      <c r="X28800">
        <v>43</v>
      </c>
      <c r="Y28800">
        <v>45</v>
      </c>
      <c r="Z28800">
        <v>46</v>
      </c>
      <c r="AA28800">
        <v>48</v>
      </c>
      <c r="AB28800">
        <v>49</v>
      </c>
      <c r="AC28800">
        <v>50</v>
      </c>
      <c r="AD28800">
        <v>52</v>
      </c>
      <c r="AE28800">
        <v>53</v>
      </c>
      <c r="AF28800">
        <v>54</v>
      </c>
      <c r="AG28800">
        <v>55</v>
      </c>
      <c r="AH28800">
        <v>55</v>
      </c>
      <c r="AI28800">
        <v>56</v>
      </c>
      <c r="AJ28800">
        <v>57</v>
      </c>
      <c r="AK28800">
        <v>58</v>
      </c>
      <c r="AL28800">
        <v>59</v>
      </c>
      <c r="AM28800">
        <v>60</v>
      </c>
      <c r="AN28800">
        <v>61</v>
      </c>
      <c r="AO28800">
        <v>62</v>
      </c>
      <c r="AP28800">
        <v>63</v>
      </c>
      <c r="AQ28800">
        <v>63</v>
      </c>
    </row>
    <row r="28801" spans="1:43">
      <c r="A28801" t="s">
        <v>17827</v>
      </c>
      <c r="B28801" t="s">
        <v>17828</v>
      </c>
      <c r="C28801" t="s">
        <v>17829</v>
      </c>
      <c r="D28801" t="s">
        <v>17830</v>
      </c>
      <c r="E28801" t="s">
        <v>17787</v>
      </c>
      <c r="F28801" t="s">
        <v>17788</v>
      </c>
      <c r="G28801" t="s">
        <v>16559</v>
      </c>
      <c r="H28801" t="s">
        <v>16560</v>
      </c>
      <c r="I28801" s="2">
        <v>1</v>
      </c>
      <c r="J28801" s="2">
        <v>0</v>
      </c>
      <c r="K28801" s="2">
        <v>0</v>
      </c>
      <c r="L28801" t="s">
        <v>120</v>
      </c>
      <c r="M28801" t="s">
        <v>83</v>
      </c>
      <c r="N28801" t="s">
        <v>91</v>
      </c>
      <c r="O28801" t="s">
        <v>85</v>
      </c>
      <c r="P28801" t="s">
        <v>86</v>
      </c>
      <c r="Q28801">
        <v>34</v>
      </c>
      <c r="R28801">
        <v>35</v>
      </c>
      <c r="S28801">
        <v>36</v>
      </c>
      <c r="T28801">
        <v>37</v>
      </c>
      <c r="U28801">
        <v>38</v>
      </c>
      <c r="V28801">
        <v>39</v>
      </c>
      <c r="W28801">
        <v>40</v>
      </c>
      <c r="X28801">
        <v>41</v>
      </c>
      <c r="Y28801">
        <v>42</v>
      </c>
      <c r="Z28801">
        <v>44</v>
      </c>
      <c r="AA28801">
        <v>45</v>
      </c>
      <c r="AB28801">
        <v>46</v>
      </c>
      <c r="AC28801">
        <v>47</v>
      </c>
      <c r="AD28801">
        <v>48</v>
      </c>
      <c r="AE28801">
        <v>49</v>
      </c>
      <c r="AF28801">
        <v>51</v>
      </c>
      <c r="AG28801">
        <v>52</v>
      </c>
      <c r="AH28801">
        <v>53</v>
      </c>
      <c r="AI28801">
        <v>55</v>
      </c>
      <c r="AJ28801">
        <v>56</v>
      </c>
      <c r="AK28801">
        <v>58</v>
      </c>
      <c r="AL28801">
        <v>59</v>
      </c>
      <c r="AM28801">
        <v>59</v>
      </c>
      <c r="AN28801">
        <v>60</v>
      </c>
      <c r="AO28801">
        <v>61</v>
      </c>
      <c r="AP28801">
        <v>62</v>
      </c>
      <c r="AQ28801">
        <v>63</v>
      </c>
    </row>
    <row r="28802" spans="1:43">
      <c r="A28802" t="s">
        <v>17831</v>
      </c>
      <c r="B28802" t="s">
        <v>17832</v>
      </c>
      <c r="C28802" t="s">
        <v>17829</v>
      </c>
      <c r="D28802" t="s">
        <v>17830</v>
      </c>
      <c r="E28802" t="s">
        <v>17787</v>
      </c>
      <c r="F28802" t="s">
        <v>17788</v>
      </c>
      <c r="G28802" t="s">
        <v>16559</v>
      </c>
      <c r="H28802" t="s">
        <v>16560</v>
      </c>
      <c r="I28802" s="2">
        <v>1</v>
      </c>
      <c r="J28802" s="2">
        <v>0</v>
      </c>
      <c r="K28802" s="2">
        <v>0</v>
      </c>
      <c r="L28802" t="s">
        <v>120</v>
      </c>
      <c r="M28802" t="s">
        <v>83</v>
      </c>
      <c r="N28802" t="s">
        <v>84</v>
      </c>
      <c r="O28802" t="s">
        <v>85</v>
      </c>
      <c r="P28802" t="s">
        <v>86</v>
      </c>
      <c r="Q28802">
        <v>18</v>
      </c>
      <c r="R28802">
        <v>18</v>
      </c>
      <c r="S28802">
        <v>19</v>
      </c>
      <c r="T28802">
        <v>19</v>
      </c>
      <c r="U28802">
        <v>20</v>
      </c>
      <c r="V28802">
        <v>20</v>
      </c>
      <c r="W28802">
        <v>21</v>
      </c>
      <c r="X28802">
        <v>22</v>
      </c>
      <c r="Y28802">
        <v>22</v>
      </c>
      <c r="Z28802">
        <v>23</v>
      </c>
      <c r="AA28802">
        <v>23</v>
      </c>
      <c r="AB28802">
        <v>24</v>
      </c>
      <c r="AC28802">
        <v>25</v>
      </c>
      <c r="AD28802">
        <v>25</v>
      </c>
      <c r="AE28802">
        <v>26</v>
      </c>
      <c r="AF28802">
        <v>27</v>
      </c>
      <c r="AG28802">
        <v>27</v>
      </c>
      <c r="AH28802">
        <v>28</v>
      </c>
      <c r="AI28802">
        <v>29</v>
      </c>
      <c r="AJ28802">
        <v>29</v>
      </c>
      <c r="AK28802">
        <v>30</v>
      </c>
      <c r="AL28802">
        <v>31</v>
      </c>
      <c r="AM28802">
        <v>31</v>
      </c>
      <c r="AN28802">
        <v>32</v>
      </c>
      <c r="AO28802">
        <v>32</v>
      </c>
      <c r="AP28802">
        <v>33</v>
      </c>
      <c r="AQ28802">
        <v>33</v>
      </c>
    </row>
    <row r="28803" spans="1:43">
      <c r="A28803" t="s">
        <v>17831</v>
      </c>
      <c r="B28803" t="s">
        <v>17832</v>
      </c>
      <c r="C28803" t="s">
        <v>17829</v>
      </c>
      <c r="D28803" t="s">
        <v>17830</v>
      </c>
      <c r="E28803" t="s">
        <v>17787</v>
      </c>
      <c r="F28803" t="s">
        <v>17788</v>
      </c>
      <c r="G28803" t="s">
        <v>16559</v>
      </c>
      <c r="H28803" t="s">
        <v>16560</v>
      </c>
      <c r="I28803" s="2">
        <v>1</v>
      </c>
      <c r="J28803" s="2">
        <v>0</v>
      </c>
      <c r="K28803" s="2">
        <v>0</v>
      </c>
      <c r="L28803" t="s">
        <v>120</v>
      </c>
      <c r="M28803" t="s">
        <v>87</v>
      </c>
      <c r="N28803" t="s">
        <v>88</v>
      </c>
      <c r="O28803" t="s">
        <v>85</v>
      </c>
      <c r="P28803" t="s">
        <v>86</v>
      </c>
      <c r="Q28803">
        <v>18</v>
      </c>
      <c r="R28803">
        <v>18</v>
      </c>
      <c r="S28803">
        <v>18</v>
      </c>
      <c r="T28803">
        <v>19</v>
      </c>
      <c r="U28803">
        <v>19</v>
      </c>
      <c r="V28803">
        <v>19</v>
      </c>
      <c r="W28803">
        <v>20</v>
      </c>
      <c r="X28803">
        <v>20</v>
      </c>
      <c r="Y28803">
        <v>21</v>
      </c>
      <c r="Z28803">
        <v>21</v>
      </c>
      <c r="AA28803">
        <v>21</v>
      </c>
      <c r="AB28803">
        <v>22</v>
      </c>
      <c r="AC28803">
        <v>22</v>
      </c>
      <c r="AD28803">
        <v>23</v>
      </c>
      <c r="AE28803">
        <v>23</v>
      </c>
      <c r="AF28803">
        <v>23</v>
      </c>
      <c r="AG28803">
        <v>24</v>
      </c>
      <c r="AH28803">
        <v>24</v>
      </c>
      <c r="AI28803">
        <v>25</v>
      </c>
      <c r="AJ28803">
        <v>25</v>
      </c>
      <c r="AK28803">
        <v>26</v>
      </c>
      <c r="AL28803">
        <v>26</v>
      </c>
      <c r="AM28803">
        <v>27</v>
      </c>
      <c r="AN28803">
        <v>27</v>
      </c>
      <c r="AO28803">
        <v>28</v>
      </c>
      <c r="AP28803">
        <v>28</v>
      </c>
      <c r="AQ28803">
        <v>29</v>
      </c>
    </row>
    <row r="28804" spans="1:43">
      <c r="A28804" t="s">
        <v>17831</v>
      </c>
      <c r="B28804" t="s">
        <v>17832</v>
      </c>
      <c r="C28804" t="s">
        <v>17829</v>
      </c>
      <c r="D28804" t="s">
        <v>17830</v>
      </c>
      <c r="E28804" t="s">
        <v>17787</v>
      </c>
      <c r="F28804" t="s">
        <v>17788</v>
      </c>
      <c r="G28804" t="s">
        <v>16559</v>
      </c>
      <c r="H28804" t="s">
        <v>16560</v>
      </c>
      <c r="I28804" s="2">
        <v>1</v>
      </c>
      <c r="J28804" s="2">
        <v>0</v>
      </c>
      <c r="K28804" s="2">
        <v>0</v>
      </c>
      <c r="L28804" t="s">
        <v>120</v>
      </c>
      <c r="M28804" t="s">
        <v>89</v>
      </c>
      <c r="N28804" t="s">
        <v>90</v>
      </c>
      <c r="O28804" t="s">
        <v>85</v>
      </c>
      <c r="P28804" t="s">
        <v>86</v>
      </c>
      <c r="Q28804">
        <v>18</v>
      </c>
      <c r="R28804">
        <v>19</v>
      </c>
      <c r="S28804">
        <v>19</v>
      </c>
      <c r="T28804">
        <v>20</v>
      </c>
      <c r="U28804">
        <v>21</v>
      </c>
      <c r="V28804">
        <v>21</v>
      </c>
      <c r="W28804">
        <v>22</v>
      </c>
      <c r="X28804">
        <v>23</v>
      </c>
      <c r="Y28804">
        <v>23</v>
      </c>
      <c r="Z28804">
        <v>24</v>
      </c>
      <c r="AA28804">
        <v>25</v>
      </c>
      <c r="AB28804">
        <v>26</v>
      </c>
      <c r="AC28804">
        <v>26</v>
      </c>
      <c r="AD28804">
        <v>27</v>
      </c>
      <c r="AE28804">
        <v>28</v>
      </c>
      <c r="AF28804">
        <v>28</v>
      </c>
      <c r="AG28804">
        <v>29</v>
      </c>
      <c r="AH28804">
        <v>29</v>
      </c>
      <c r="AI28804">
        <v>29</v>
      </c>
      <c r="AJ28804">
        <v>30</v>
      </c>
      <c r="AK28804">
        <v>30</v>
      </c>
      <c r="AL28804">
        <v>31</v>
      </c>
      <c r="AM28804">
        <v>31</v>
      </c>
      <c r="AN28804">
        <v>32</v>
      </c>
      <c r="AO28804">
        <v>32</v>
      </c>
      <c r="AP28804">
        <v>33</v>
      </c>
      <c r="AQ28804">
        <v>33</v>
      </c>
    </row>
    <row r="28805" spans="1:43">
      <c r="A28805" t="s">
        <v>17831</v>
      </c>
      <c r="B28805" t="s">
        <v>17832</v>
      </c>
      <c r="C28805" t="s">
        <v>17829</v>
      </c>
      <c r="D28805" t="s">
        <v>17830</v>
      </c>
      <c r="E28805" t="s">
        <v>17787</v>
      </c>
      <c r="F28805" t="s">
        <v>17788</v>
      </c>
      <c r="G28805" t="s">
        <v>16559</v>
      </c>
      <c r="H28805" t="s">
        <v>16560</v>
      </c>
      <c r="I28805" s="2">
        <v>1</v>
      </c>
      <c r="J28805" s="2">
        <v>0</v>
      </c>
      <c r="K28805" s="2">
        <v>0</v>
      </c>
      <c r="L28805" t="s">
        <v>120</v>
      </c>
      <c r="M28805" t="s">
        <v>83</v>
      </c>
      <c r="N28805" t="s">
        <v>91</v>
      </c>
      <c r="O28805" t="s">
        <v>85</v>
      </c>
      <c r="P28805" t="s">
        <v>86</v>
      </c>
      <c r="Q28805">
        <v>18</v>
      </c>
      <c r="R28805">
        <v>18</v>
      </c>
      <c r="S28805">
        <v>19</v>
      </c>
      <c r="T28805">
        <v>19</v>
      </c>
      <c r="U28805">
        <v>20</v>
      </c>
      <c r="V28805">
        <v>20</v>
      </c>
      <c r="W28805">
        <v>21</v>
      </c>
      <c r="X28805">
        <v>22</v>
      </c>
      <c r="Y28805">
        <v>22</v>
      </c>
      <c r="Z28805">
        <v>23</v>
      </c>
      <c r="AA28805">
        <v>23</v>
      </c>
      <c r="AB28805">
        <v>24</v>
      </c>
      <c r="AC28805">
        <v>25</v>
      </c>
      <c r="AD28805">
        <v>25</v>
      </c>
      <c r="AE28805">
        <v>26</v>
      </c>
      <c r="AF28805">
        <v>27</v>
      </c>
      <c r="AG28805">
        <v>27</v>
      </c>
      <c r="AH28805">
        <v>28</v>
      </c>
      <c r="AI28805">
        <v>29</v>
      </c>
      <c r="AJ28805">
        <v>29</v>
      </c>
      <c r="AK28805">
        <v>30</v>
      </c>
      <c r="AL28805">
        <v>31</v>
      </c>
      <c r="AM28805">
        <v>31</v>
      </c>
      <c r="AN28805">
        <v>32</v>
      </c>
      <c r="AO28805">
        <v>32</v>
      </c>
      <c r="AP28805">
        <v>33</v>
      </c>
      <c r="AQ28805">
        <v>33</v>
      </c>
    </row>
    <row r="28806" spans="1:43">
      <c r="A28806" t="s">
        <v>17833</v>
      </c>
      <c r="B28806" t="s">
        <v>17834</v>
      </c>
      <c r="C28806" t="s">
        <v>17829</v>
      </c>
      <c r="D28806" t="s">
        <v>17830</v>
      </c>
      <c r="E28806" t="s">
        <v>17787</v>
      </c>
      <c r="F28806" t="s">
        <v>17788</v>
      </c>
      <c r="G28806" t="s">
        <v>16559</v>
      </c>
      <c r="H28806" t="s">
        <v>16560</v>
      </c>
      <c r="I28806" s="2">
        <v>1</v>
      </c>
      <c r="J28806" s="2">
        <v>0</v>
      </c>
      <c r="K28806" s="2">
        <v>0</v>
      </c>
      <c r="L28806" t="s">
        <v>120</v>
      </c>
      <c r="M28806" t="s">
        <v>83</v>
      </c>
      <c r="N28806" t="s">
        <v>84</v>
      </c>
      <c r="O28806" t="s">
        <v>85</v>
      </c>
      <c r="P28806" t="s">
        <v>86</v>
      </c>
      <c r="Q28806">
        <v>15</v>
      </c>
      <c r="R28806">
        <v>16</v>
      </c>
      <c r="S28806">
        <v>16</v>
      </c>
      <c r="T28806">
        <v>17</v>
      </c>
      <c r="U28806">
        <v>17</v>
      </c>
      <c r="V28806">
        <v>18</v>
      </c>
      <c r="W28806">
        <v>18</v>
      </c>
      <c r="X28806">
        <v>19</v>
      </c>
      <c r="Y28806">
        <v>19</v>
      </c>
      <c r="Z28806">
        <v>20</v>
      </c>
      <c r="AA28806">
        <v>20</v>
      </c>
      <c r="AB28806">
        <v>21</v>
      </c>
      <c r="AC28806">
        <v>21</v>
      </c>
      <c r="AD28806">
        <v>22</v>
      </c>
      <c r="AE28806">
        <v>22</v>
      </c>
      <c r="AF28806">
        <v>23</v>
      </c>
      <c r="AG28806">
        <v>24</v>
      </c>
      <c r="AH28806">
        <v>24</v>
      </c>
      <c r="AI28806">
        <v>25</v>
      </c>
      <c r="AJ28806">
        <v>25</v>
      </c>
      <c r="AK28806">
        <v>26</v>
      </c>
      <c r="AL28806">
        <v>27</v>
      </c>
      <c r="AM28806">
        <v>27</v>
      </c>
      <c r="AN28806">
        <v>27</v>
      </c>
      <c r="AO28806">
        <v>28</v>
      </c>
      <c r="AP28806">
        <v>28</v>
      </c>
      <c r="AQ28806">
        <v>29</v>
      </c>
    </row>
    <row r="28807" spans="1:43">
      <c r="A28807" t="s">
        <v>17833</v>
      </c>
      <c r="B28807" t="s">
        <v>17834</v>
      </c>
      <c r="C28807" t="s">
        <v>17829</v>
      </c>
      <c r="D28807" t="s">
        <v>17830</v>
      </c>
      <c r="E28807" t="s">
        <v>17787</v>
      </c>
      <c r="F28807" t="s">
        <v>17788</v>
      </c>
      <c r="G28807" t="s">
        <v>16559</v>
      </c>
      <c r="H28807" t="s">
        <v>16560</v>
      </c>
      <c r="I28807" s="2">
        <v>1</v>
      </c>
      <c r="J28807" s="2">
        <v>0</v>
      </c>
      <c r="K28807" s="2">
        <v>0</v>
      </c>
      <c r="L28807" t="s">
        <v>120</v>
      </c>
      <c r="M28807" t="s">
        <v>87</v>
      </c>
      <c r="N28807" t="s">
        <v>88</v>
      </c>
      <c r="O28807" t="s">
        <v>85</v>
      </c>
      <c r="P28807" t="s">
        <v>86</v>
      </c>
      <c r="Q28807">
        <v>15</v>
      </c>
      <c r="R28807">
        <v>16</v>
      </c>
      <c r="S28807">
        <v>16</v>
      </c>
      <c r="T28807">
        <v>16</v>
      </c>
      <c r="U28807">
        <v>16</v>
      </c>
      <c r="V28807">
        <v>17</v>
      </c>
      <c r="W28807">
        <v>17</v>
      </c>
      <c r="X28807">
        <v>17</v>
      </c>
      <c r="Y28807">
        <v>18</v>
      </c>
      <c r="Z28807">
        <v>18</v>
      </c>
      <c r="AA28807">
        <v>18</v>
      </c>
      <c r="AB28807">
        <v>19</v>
      </c>
      <c r="AC28807">
        <v>19</v>
      </c>
      <c r="AD28807">
        <v>20</v>
      </c>
      <c r="AE28807">
        <v>20</v>
      </c>
      <c r="AF28807">
        <v>20</v>
      </c>
      <c r="AG28807">
        <v>21</v>
      </c>
      <c r="AH28807">
        <v>21</v>
      </c>
      <c r="AI28807">
        <v>21</v>
      </c>
      <c r="AJ28807">
        <v>22</v>
      </c>
      <c r="AK28807">
        <v>22</v>
      </c>
      <c r="AL28807">
        <v>23</v>
      </c>
      <c r="AM28807">
        <v>23</v>
      </c>
      <c r="AN28807">
        <v>24</v>
      </c>
      <c r="AO28807">
        <v>24</v>
      </c>
      <c r="AP28807">
        <v>25</v>
      </c>
      <c r="AQ28807">
        <v>25</v>
      </c>
    </row>
    <row r="28808" spans="1:43">
      <c r="A28808" t="s">
        <v>17833</v>
      </c>
      <c r="B28808" t="s">
        <v>17834</v>
      </c>
      <c r="C28808" t="s">
        <v>17829</v>
      </c>
      <c r="D28808" t="s">
        <v>17830</v>
      </c>
      <c r="E28808" t="s">
        <v>17787</v>
      </c>
      <c r="F28808" t="s">
        <v>17788</v>
      </c>
      <c r="G28808" t="s">
        <v>16559</v>
      </c>
      <c r="H28808" t="s">
        <v>16560</v>
      </c>
      <c r="I28808" s="2">
        <v>1</v>
      </c>
      <c r="J28808" s="2">
        <v>0</v>
      </c>
      <c r="K28808" s="2">
        <v>0</v>
      </c>
      <c r="L28808" t="s">
        <v>120</v>
      </c>
      <c r="M28808" t="s">
        <v>89</v>
      </c>
      <c r="N28808" t="s">
        <v>90</v>
      </c>
      <c r="O28808" t="s">
        <v>85</v>
      </c>
      <c r="P28808" t="s">
        <v>86</v>
      </c>
      <c r="Q28808">
        <v>15</v>
      </c>
      <c r="R28808">
        <v>15</v>
      </c>
      <c r="S28808">
        <v>16</v>
      </c>
      <c r="T28808">
        <v>16</v>
      </c>
      <c r="U28808">
        <v>17</v>
      </c>
      <c r="V28808">
        <v>17</v>
      </c>
      <c r="W28808">
        <v>18</v>
      </c>
      <c r="X28808">
        <v>19</v>
      </c>
      <c r="Y28808">
        <v>19</v>
      </c>
      <c r="Z28808">
        <v>20</v>
      </c>
      <c r="AA28808">
        <v>21</v>
      </c>
      <c r="AB28808">
        <v>21</v>
      </c>
      <c r="AC28808">
        <v>22</v>
      </c>
      <c r="AD28808">
        <v>22</v>
      </c>
      <c r="AE28808">
        <v>23</v>
      </c>
      <c r="AF28808">
        <v>23</v>
      </c>
      <c r="AG28808">
        <v>24</v>
      </c>
      <c r="AH28808">
        <v>24</v>
      </c>
      <c r="AI28808">
        <v>24</v>
      </c>
      <c r="AJ28808">
        <v>25</v>
      </c>
      <c r="AK28808">
        <v>25</v>
      </c>
      <c r="AL28808">
        <v>26</v>
      </c>
      <c r="AM28808">
        <v>26</v>
      </c>
      <c r="AN28808">
        <v>26</v>
      </c>
      <c r="AO28808">
        <v>27</v>
      </c>
      <c r="AP28808">
        <v>27</v>
      </c>
      <c r="AQ28808">
        <v>28</v>
      </c>
    </row>
    <row r="28809" spans="1:43">
      <c r="A28809" t="s">
        <v>17833</v>
      </c>
      <c r="B28809" t="s">
        <v>17834</v>
      </c>
      <c r="C28809" t="s">
        <v>17829</v>
      </c>
      <c r="D28809" t="s">
        <v>17830</v>
      </c>
      <c r="E28809" t="s">
        <v>17787</v>
      </c>
      <c r="F28809" t="s">
        <v>17788</v>
      </c>
      <c r="G28809" t="s">
        <v>16559</v>
      </c>
      <c r="H28809" t="s">
        <v>16560</v>
      </c>
      <c r="I28809" s="2">
        <v>1</v>
      </c>
      <c r="J28809" s="2">
        <v>0</v>
      </c>
      <c r="K28809" s="2">
        <v>0</v>
      </c>
      <c r="L28809" t="s">
        <v>120</v>
      </c>
      <c r="M28809" t="s">
        <v>83</v>
      </c>
      <c r="N28809" t="s">
        <v>91</v>
      </c>
      <c r="O28809" t="s">
        <v>85</v>
      </c>
      <c r="P28809" t="s">
        <v>86</v>
      </c>
      <c r="Q28809">
        <v>15</v>
      </c>
      <c r="R28809">
        <v>16</v>
      </c>
      <c r="S28809">
        <v>16</v>
      </c>
      <c r="T28809">
        <v>17</v>
      </c>
      <c r="U28809">
        <v>17</v>
      </c>
      <c r="V28809">
        <v>18</v>
      </c>
      <c r="W28809">
        <v>18</v>
      </c>
      <c r="X28809">
        <v>19</v>
      </c>
      <c r="Y28809">
        <v>19</v>
      </c>
      <c r="Z28809">
        <v>20</v>
      </c>
      <c r="AA28809">
        <v>20</v>
      </c>
      <c r="AB28809">
        <v>21</v>
      </c>
      <c r="AC28809">
        <v>21</v>
      </c>
      <c r="AD28809">
        <v>22</v>
      </c>
      <c r="AE28809">
        <v>22</v>
      </c>
      <c r="AF28809">
        <v>23</v>
      </c>
      <c r="AG28809">
        <v>24</v>
      </c>
      <c r="AH28809">
        <v>24</v>
      </c>
      <c r="AI28809">
        <v>25</v>
      </c>
      <c r="AJ28809">
        <v>25</v>
      </c>
      <c r="AK28809">
        <v>26</v>
      </c>
      <c r="AL28809">
        <v>27</v>
      </c>
      <c r="AM28809">
        <v>27</v>
      </c>
      <c r="AN28809">
        <v>27</v>
      </c>
      <c r="AO28809">
        <v>28</v>
      </c>
      <c r="AP28809">
        <v>28</v>
      </c>
      <c r="AQ28809">
        <v>29</v>
      </c>
    </row>
    <row r="28810" spans="1:43">
      <c r="A28810" t="s">
        <v>17835</v>
      </c>
      <c r="B28810" t="s">
        <v>17836</v>
      </c>
      <c r="C28810" t="s">
        <v>17829</v>
      </c>
      <c r="D28810" t="s">
        <v>17830</v>
      </c>
      <c r="E28810" t="s">
        <v>17787</v>
      </c>
      <c r="F28810" t="s">
        <v>17788</v>
      </c>
      <c r="G28810" t="s">
        <v>16559</v>
      </c>
      <c r="H28810" t="s">
        <v>16560</v>
      </c>
      <c r="I28810" s="2">
        <v>1</v>
      </c>
      <c r="J28810" s="2">
        <v>0</v>
      </c>
      <c r="K28810" s="2">
        <v>0</v>
      </c>
      <c r="L28810" t="s">
        <v>120</v>
      </c>
      <c r="M28810" t="s">
        <v>83</v>
      </c>
      <c r="N28810" t="s">
        <v>84</v>
      </c>
      <c r="O28810" t="s">
        <v>85</v>
      </c>
      <c r="P28810" t="s">
        <v>86</v>
      </c>
      <c r="Q28810">
        <v>9</v>
      </c>
      <c r="R28810">
        <v>9</v>
      </c>
      <c r="S28810">
        <v>9</v>
      </c>
      <c r="T28810">
        <v>9</v>
      </c>
      <c r="U28810">
        <v>10</v>
      </c>
      <c r="V28810">
        <v>10</v>
      </c>
      <c r="W28810">
        <v>10</v>
      </c>
      <c r="X28810">
        <v>10</v>
      </c>
      <c r="Y28810">
        <v>11</v>
      </c>
      <c r="Z28810">
        <v>11</v>
      </c>
      <c r="AA28810">
        <v>11</v>
      </c>
      <c r="AB28810">
        <v>12</v>
      </c>
      <c r="AC28810">
        <v>12</v>
      </c>
      <c r="AD28810">
        <v>12</v>
      </c>
      <c r="AE28810">
        <v>12</v>
      </c>
      <c r="AF28810">
        <v>13</v>
      </c>
      <c r="AG28810">
        <v>13</v>
      </c>
      <c r="AH28810">
        <v>13</v>
      </c>
      <c r="AI28810">
        <v>14</v>
      </c>
      <c r="AJ28810">
        <v>14</v>
      </c>
      <c r="AK28810">
        <v>14</v>
      </c>
      <c r="AL28810">
        <v>15</v>
      </c>
      <c r="AM28810">
        <v>15</v>
      </c>
      <c r="AN28810">
        <v>15</v>
      </c>
      <c r="AO28810">
        <v>15</v>
      </c>
      <c r="AP28810">
        <v>16</v>
      </c>
      <c r="AQ28810">
        <v>16</v>
      </c>
    </row>
    <row r="28811" spans="1:43">
      <c r="A28811" t="s">
        <v>17835</v>
      </c>
      <c r="B28811" t="s">
        <v>17836</v>
      </c>
      <c r="C28811" t="s">
        <v>17829</v>
      </c>
      <c r="D28811" t="s">
        <v>17830</v>
      </c>
      <c r="E28811" t="s">
        <v>17787</v>
      </c>
      <c r="F28811" t="s">
        <v>17788</v>
      </c>
      <c r="G28811" t="s">
        <v>16559</v>
      </c>
      <c r="H28811" t="s">
        <v>16560</v>
      </c>
      <c r="I28811" s="2">
        <v>1</v>
      </c>
      <c r="J28811" s="2">
        <v>0</v>
      </c>
      <c r="K28811" s="2">
        <v>0</v>
      </c>
      <c r="L28811" t="s">
        <v>120</v>
      </c>
      <c r="M28811" t="s">
        <v>87</v>
      </c>
      <c r="N28811" t="s">
        <v>88</v>
      </c>
      <c r="O28811" t="s">
        <v>85</v>
      </c>
      <c r="P28811" t="s">
        <v>86</v>
      </c>
      <c r="Q28811">
        <v>9</v>
      </c>
      <c r="R28811">
        <v>9</v>
      </c>
      <c r="S28811">
        <v>9</v>
      </c>
      <c r="T28811">
        <v>9</v>
      </c>
      <c r="U28811">
        <v>9</v>
      </c>
      <c r="V28811">
        <v>9</v>
      </c>
      <c r="W28811">
        <v>10</v>
      </c>
      <c r="X28811">
        <v>10</v>
      </c>
      <c r="Y28811">
        <v>10</v>
      </c>
      <c r="Z28811">
        <v>10</v>
      </c>
      <c r="AA28811">
        <v>10</v>
      </c>
      <c r="AB28811">
        <v>10</v>
      </c>
      <c r="AC28811">
        <v>11</v>
      </c>
      <c r="AD28811">
        <v>11</v>
      </c>
      <c r="AE28811">
        <v>11</v>
      </c>
      <c r="AF28811">
        <v>11</v>
      </c>
      <c r="AG28811">
        <v>12</v>
      </c>
      <c r="AH28811">
        <v>12</v>
      </c>
      <c r="AI28811">
        <v>12</v>
      </c>
      <c r="AJ28811">
        <v>12</v>
      </c>
      <c r="AK28811">
        <v>12</v>
      </c>
      <c r="AL28811">
        <v>13</v>
      </c>
      <c r="AM28811">
        <v>13</v>
      </c>
      <c r="AN28811">
        <v>13</v>
      </c>
      <c r="AO28811">
        <v>13</v>
      </c>
      <c r="AP28811">
        <v>14</v>
      </c>
      <c r="AQ28811">
        <v>14</v>
      </c>
    </row>
    <row r="28812" spans="1:43">
      <c r="A28812" t="s">
        <v>17835</v>
      </c>
      <c r="B28812" t="s">
        <v>17836</v>
      </c>
      <c r="C28812" t="s">
        <v>17829</v>
      </c>
      <c r="D28812" t="s">
        <v>17830</v>
      </c>
      <c r="E28812" t="s">
        <v>17787</v>
      </c>
      <c r="F28812" t="s">
        <v>17788</v>
      </c>
      <c r="G28812" t="s">
        <v>16559</v>
      </c>
      <c r="H28812" t="s">
        <v>16560</v>
      </c>
      <c r="I28812" s="2">
        <v>1</v>
      </c>
      <c r="J28812" s="2">
        <v>0</v>
      </c>
      <c r="K28812" s="2">
        <v>0</v>
      </c>
      <c r="L28812" t="s">
        <v>120</v>
      </c>
      <c r="M28812" t="s">
        <v>89</v>
      </c>
      <c r="N28812" t="s">
        <v>90</v>
      </c>
      <c r="O28812" t="s">
        <v>85</v>
      </c>
      <c r="P28812" t="s">
        <v>86</v>
      </c>
      <c r="Q28812">
        <v>9</v>
      </c>
      <c r="R28812">
        <v>9</v>
      </c>
      <c r="S28812">
        <v>9</v>
      </c>
      <c r="T28812">
        <v>10</v>
      </c>
      <c r="U28812">
        <v>10</v>
      </c>
      <c r="V28812">
        <v>10</v>
      </c>
      <c r="W28812">
        <v>11</v>
      </c>
      <c r="X28812">
        <v>11</v>
      </c>
      <c r="Y28812">
        <v>11</v>
      </c>
      <c r="Z28812">
        <v>12</v>
      </c>
      <c r="AA28812">
        <v>12</v>
      </c>
      <c r="AB28812">
        <v>12</v>
      </c>
      <c r="AC28812">
        <v>13</v>
      </c>
      <c r="AD28812">
        <v>13</v>
      </c>
      <c r="AE28812">
        <v>13</v>
      </c>
      <c r="AF28812">
        <v>14</v>
      </c>
      <c r="AG28812">
        <v>14</v>
      </c>
      <c r="AH28812">
        <v>14</v>
      </c>
      <c r="AI28812">
        <v>14</v>
      </c>
      <c r="AJ28812">
        <v>14</v>
      </c>
      <c r="AK28812">
        <v>15</v>
      </c>
      <c r="AL28812">
        <v>15</v>
      </c>
      <c r="AM28812">
        <v>15</v>
      </c>
      <c r="AN28812">
        <v>15</v>
      </c>
      <c r="AO28812">
        <v>16</v>
      </c>
      <c r="AP28812">
        <v>16</v>
      </c>
      <c r="AQ28812">
        <v>16</v>
      </c>
    </row>
    <row r="28813" spans="1:43">
      <c r="A28813" t="s">
        <v>17835</v>
      </c>
      <c r="B28813" t="s">
        <v>17836</v>
      </c>
      <c r="C28813" t="s">
        <v>17829</v>
      </c>
      <c r="D28813" t="s">
        <v>17830</v>
      </c>
      <c r="E28813" t="s">
        <v>17787</v>
      </c>
      <c r="F28813" t="s">
        <v>17788</v>
      </c>
      <c r="G28813" t="s">
        <v>16559</v>
      </c>
      <c r="H28813" t="s">
        <v>16560</v>
      </c>
      <c r="I28813" s="2">
        <v>1</v>
      </c>
      <c r="J28813" s="2">
        <v>0</v>
      </c>
      <c r="K28813" s="2">
        <v>0</v>
      </c>
      <c r="L28813" t="s">
        <v>120</v>
      </c>
      <c r="M28813" t="s">
        <v>83</v>
      </c>
      <c r="N28813" t="s">
        <v>91</v>
      </c>
      <c r="O28813" t="s">
        <v>85</v>
      </c>
      <c r="P28813" t="s">
        <v>86</v>
      </c>
      <c r="Q28813">
        <v>9</v>
      </c>
      <c r="R28813">
        <v>9</v>
      </c>
      <c r="S28813">
        <v>9</v>
      </c>
      <c r="T28813">
        <v>9</v>
      </c>
      <c r="U28813">
        <v>10</v>
      </c>
      <c r="V28813">
        <v>10</v>
      </c>
      <c r="W28813">
        <v>10</v>
      </c>
      <c r="X28813">
        <v>10</v>
      </c>
      <c r="Y28813">
        <v>11</v>
      </c>
      <c r="Z28813">
        <v>11</v>
      </c>
      <c r="AA28813">
        <v>11</v>
      </c>
      <c r="AB28813">
        <v>12</v>
      </c>
      <c r="AC28813">
        <v>12</v>
      </c>
      <c r="AD28813">
        <v>12</v>
      </c>
      <c r="AE28813">
        <v>12</v>
      </c>
      <c r="AF28813">
        <v>13</v>
      </c>
      <c r="AG28813">
        <v>13</v>
      </c>
      <c r="AH28813">
        <v>13</v>
      </c>
      <c r="AI28813">
        <v>14</v>
      </c>
      <c r="AJ28813">
        <v>14</v>
      </c>
      <c r="AK28813">
        <v>14</v>
      </c>
      <c r="AL28813">
        <v>15</v>
      </c>
      <c r="AM28813">
        <v>15</v>
      </c>
      <c r="AN28813">
        <v>15</v>
      </c>
      <c r="AO28813">
        <v>15</v>
      </c>
      <c r="AP28813">
        <v>16</v>
      </c>
      <c r="AQ28813">
        <v>16</v>
      </c>
    </row>
    <row r="28814" spans="1:43">
      <c r="A28814" t="s">
        <v>17837</v>
      </c>
      <c r="B28814" t="s">
        <v>17838</v>
      </c>
      <c r="C28814" t="s">
        <v>17839</v>
      </c>
      <c r="D28814" t="s">
        <v>17840</v>
      </c>
      <c r="E28814" t="s">
        <v>17787</v>
      </c>
      <c r="F28814" t="s">
        <v>17788</v>
      </c>
      <c r="G28814" t="s">
        <v>16559</v>
      </c>
      <c r="H28814" t="s">
        <v>16560</v>
      </c>
      <c r="I28814" s="2">
        <v>1</v>
      </c>
      <c r="J28814" s="2">
        <v>0</v>
      </c>
      <c r="K28814" s="2">
        <v>0</v>
      </c>
      <c r="L28814" t="s">
        <v>120</v>
      </c>
      <c r="M28814" t="s">
        <v>83</v>
      </c>
      <c r="N28814" t="s">
        <v>84</v>
      </c>
      <c r="O28814" t="s">
        <v>85</v>
      </c>
      <c r="P28814" t="s">
        <v>86</v>
      </c>
      <c r="Q28814">
        <v>37</v>
      </c>
      <c r="R28814">
        <v>38</v>
      </c>
      <c r="S28814">
        <v>39</v>
      </c>
      <c r="T28814">
        <v>41</v>
      </c>
      <c r="U28814">
        <v>42</v>
      </c>
      <c r="V28814">
        <v>43</v>
      </c>
      <c r="W28814">
        <v>44</v>
      </c>
      <c r="X28814">
        <v>45</v>
      </c>
      <c r="Y28814">
        <v>46</v>
      </c>
      <c r="Z28814">
        <v>48</v>
      </c>
      <c r="AA28814">
        <v>49</v>
      </c>
      <c r="AB28814">
        <v>50</v>
      </c>
      <c r="AC28814">
        <v>52</v>
      </c>
      <c r="AD28814">
        <v>53</v>
      </c>
      <c r="AE28814">
        <v>54</v>
      </c>
      <c r="AF28814">
        <v>56</v>
      </c>
      <c r="AG28814">
        <v>57</v>
      </c>
      <c r="AH28814">
        <v>59</v>
      </c>
      <c r="AI28814">
        <v>60</v>
      </c>
      <c r="AJ28814">
        <v>61</v>
      </c>
      <c r="AK28814">
        <v>63</v>
      </c>
      <c r="AL28814">
        <v>64</v>
      </c>
      <c r="AM28814">
        <v>65</v>
      </c>
      <c r="AN28814">
        <v>66</v>
      </c>
      <c r="AO28814">
        <v>67</v>
      </c>
      <c r="AP28814">
        <v>68</v>
      </c>
      <c r="AQ28814">
        <v>69</v>
      </c>
    </row>
    <row r="28815" spans="1:43">
      <c r="A28815" t="s">
        <v>17837</v>
      </c>
      <c r="B28815" t="s">
        <v>17838</v>
      </c>
      <c r="C28815" t="s">
        <v>17839</v>
      </c>
      <c r="D28815" t="s">
        <v>17840</v>
      </c>
      <c r="E28815" t="s">
        <v>17787</v>
      </c>
      <c r="F28815" t="s">
        <v>17788</v>
      </c>
      <c r="G28815" t="s">
        <v>16559</v>
      </c>
      <c r="H28815" t="s">
        <v>16560</v>
      </c>
      <c r="I28815" s="2">
        <v>1</v>
      </c>
      <c r="J28815" s="2">
        <v>0</v>
      </c>
      <c r="K28815" s="2">
        <v>0</v>
      </c>
      <c r="L28815" t="s">
        <v>120</v>
      </c>
      <c r="M28815" t="s">
        <v>87</v>
      </c>
      <c r="N28815" t="s">
        <v>88</v>
      </c>
      <c r="O28815" t="s">
        <v>85</v>
      </c>
      <c r="P28815" t="s">
        <v>86</v>
      </c>
      <c r="Q28815">
        <v>37</v>
      </c>
      <c r="R28815">
        <v>38</v>
      </c>
      <c r="S28815">
        <v>38</v>
      </c>
      <c r="T28815">
        <v>39</v>
      </c>
      <c r="U28815">
        <v>40</v>
      </c>
      <c r="V28815">
        <v>41</v>
      </c>
      <c r="W28815">
        <v>41</v>
      </c>
      <c r="X28815">
        <v>42</v>
      </c>
      <c r="Y28815">
        <v>43</v>
      </c>
      <c r="Z28815">
        <v>44</v>
      </c>
      <c r="AA28815">
        <v>45</v>
      </c>
      <c r="AB28815">
        <v>46</v>
      </c>
      <c r="AC28815">
        <v>46</v>
      </c>
      <c r="AD28815">
        <v>47</v>
      </c>
      <c r="AE28815">
        <v>48</v>
      </c>
      <c r="AF28815">
        <v>49</v>
      </c>
      <c r="AG28815">
        <v>50</v>
      </c>
      <c r="AH28815">
        <v>51</v>
      </c>
      <c r="AI28815">
        <v>52</v>
      </c>
      <c r="AJ28815">
        <v>53</v>
      </c>
      <c r="AK28815">
        <v>54</v>
      </c>
      <c r="AL28815">
        <v>55</v>
      </c>
      <c r="AM28815">
        <v>56</v>
      </c>
      <c r="AN28815">
        <v>57</v>
      </c>
      <c r="AO28815">
        <v>58</v>
      </c>
      <c r="AP28815">
        <v>59</v>
      </c>
      <c r="AQ28815">
        <v>60</v>
      </c>
    </row>
    <row r="28816" spans="1:43">
      <c r="A28816" t="s">
        <v>17837</v>
      </c>
      <c r="B28816" t="s">
        <v>17838</v>
      </c>
      <c r="C28816" t="s">
        <v>17839</v>
      </c>
      <c r="D28816" t="s">
        <v>17840</v>
      </c>
      <c r="E28816" t="s">
        <v>17787</v>
      </c>
      <c r="F28816" t="s">
        <v>17788</v>
      </c>
      <c r="G28816" t="s">
        <v>16559</v>
      </c>
      <c r="H28816" t="s">
        <v>16560</v>
      </c>
      <c r="I28816" s="2">
        <v>1</v>
      </c>
      <c r="J28816" s="2">
        <v>0</v>
      </c>
      <c r="K28816" s="2">
        <v>0</v>
      </c>
      <c r="L28816" t="s">
        <v>120</v>
      </c>
      <c r="M28816" t="s">
        <v>89</v>
      </c>
      <c r="N28816" t="s">
        <v>90</v>
      </c>
      <c r="O28816" t="s">
        <v>85</v>
      </c>
      <c r="P28816" t="s">
        <v>86</v>
      </c>
      <c r="Q28816">
        <v>37</v>
      </c>
      <c r="R28816">
        <v>38</v>
      </c>
      <c r="S28816">
        <v>39</v>
      </c>
      <c r="T28816">
        <v>41</v>
      </c>
      <c r="U28816">
        <v>42</v>
      </c>
      <c r="V28816">
        <v>44</v>
      </c>
      <c r="W28816">
        <v>45</v>
      </c>
      <c r="X28816">
        <v>47</v>
      </c>
      <c r="Y28816">
        <v>48</v>
      </c>
      <c r="Z28816">
        <v>50</v>
      </c>
      <c r="AA28816">
        <v>51</v>
      </c>
      <c r="AB28816">
        <v>53</v>
      </c>
      <c r="AC28816">
        <v>54</v>
      </c>
      <c r="AD28816">
        <v>56</v>
      </c>
      <c r="AE28816">
        <v>57</v>
      </c>
      <c r="AF28816">
        <v>58</v>
      </c>
      <c r="AG28816">
        <v>59</v>
      </c>
      <c r="AH28816">
        <v>60</v>
      </c>
      <c r="AI28816">
        <v>61</v>
      </c>
      <c r="AJ28816">
        <v>62</v>
      </c>
      <c r="AK28816">
        <v>63</v>
      </c>
      <c r="AL28816">
        <v>64</v>
      </c>
      <c r="AM28816">
        <v>65</v>
      </c>
      <c r="AN28816">
        <v>66</v>
      </c>
      <c r="AO28816">
        <v>67</v>
      </c>
      <c r="AP28816">
        <v>68</v>
      </c>
      <c r="AQ28816">
        <v>69</v>
      </c>
    </row>
    <row r="28817" spans="1:43">
      <c r="A28817" t="s">
        <v>17837</v>
      </c>
      <c r="B28817" t="s">
        <v>17838</v>
      </c>
      <c r="C28817" t="s">
        <v>17839</v>
      </c>
      <c r="D28817" t="s">
        <v>17840</v>
      </c>
      <c r="E28817" t="s">
        <v>17787</v>
      </c>
      <c r="F28817" t="s">
        <v>17788</v>
      </c>
      <c r="G28817" t="s">
        <v>16559</v>
      </c>
      <c r="H28817" t="s">
        <v>16560</v>
      </c>
      <c r="I28817" s="2">
        <v>1</v>
      </c>
      <c r="J28817" s="2">
        <v>0</v>
      </c>
      <c r="K28817" s="2">
        <v>0</v>
      </c>
      <c r="L28817" t="s">
        <v>120</v>
      </c>
      <c r="M28817" t="s">
        <v>83</v>
      </c>
      <c r="N28817" t="s">
        <v>91</v>
      </c>
      <c r="O28817" t="s">
        <v>85</v>
      </c>
      <c r="P28817" t="s">
        <v>86</v>
      </c>
      <c r="Q28817">
        <v>37</v>
      </c>
      <c r="R28817">
        <v>38</v>
      </c>
      <c r="S28817">
        <v>39</v>
      </c>
      <c r="T28817">
        <v>41</v>
      </c>
      <c r="U28817">
        <v>42</v>
      </c>
      <c r="V28817">
        <v>43</v>
      </c>
      <c r="W28817">
        <v>44</v>
      </c>
      <c r="X28817">
        <v>45</v>
      </c>
      <c r="Y28817">
        <v>46</v>
      </c>
      <c r="Z28817">
        <v>48</v>
      </c>
      <c r="AA28817">
        <v>49</v>
      </c>
      <c r="AB28817">
        <v>50</v>
      </c>
      <c r="AC28817">
        <v>52</v>
      </c>
      <c r="AD28817">
        <v>53</v>
      </c>
      <c r="AE28817">
        <v>54</v>
      </c>
      <c r="AF28817">
        <v>56</v>
      </c>
      <c r="AG28817">
        <v>57</v>
      </c>
      <c r="AH28817">
        <v>59</v>
      </c>
      <c r="AI28817">
        <v>60</v>
      </c>
      <c r="AJ28817">
        <v>61</v>
      </c>
      <c r="AK28817">
        <v>63</v>
      </c>
      <c r="AL28817">
        <v>64</v>
      </c>
      <c r="AM28817">
        <v>65</v>
      </c>
      <c r="AN28817">
        <v>66</v>
      </c>
      <c r="AO28817">
        <v>67</v>
      </c>
      <c r="AP28817">
        <v>68</v>
      </c>
      <c r="AQ28817">
        <v>69</v>
      </c>
    </row>
    <row r="28818" spans="1:43">
      <c r="A28818" t="s">
        <v>17841</v>
      </c>
      <c r="B28818" t="s">
        <v>17842</v>
      </c>
      <c r="C28818" t="s">
        <v>17839</v>
      </c>
      <c r="D28818" t="s">
        <v>17840</v>
      </c>
      <c r="E28818" t="s">
        <v>17787</v>
      </c>
      <c r="F28818" t="s">
        <v>17788</v>
      </c>
      <c r="G28818" t="s">
        <v>16559</v>
      </c>
      <c r="H28818" t="s">
        <v>16560</v>
      </c>
      <c r="I28818" s="2">
        <v>1</v>
      </c>
      <c r="J28818" s="2">
        <v>0</v>
      </c>
      <c r="K28818" s="2">
        <v>0</v>
      </c>
      <c r="L28818" t="s">
        <v>120</v>
      </c>
      <c r="M28818" t="s">
        <v>83</v>
      </c>
      <c r="N28818" t="s">
        <v>84</v>
      </c>
      <c r="O28818" t="s">
        <v>85</v>
      </c>
      <c r="P28818" t="s">
        <v>86</v>
      </c>
      <c r="Q28818">
        <v>5</v>
      </c>
      <c r="R28818">
        <v>5</v>
      </c>
      <c r="S28818">
        <v>5</v>
      </c>
      <c r="T28818">
        <v>5</v>
      </c>
      <c r="U28818">
        <v>5</v>
      </c>
      <c r="V28818">
        <v>6</v>
      </c>
      <c r="W28818">
        <v>6</v>
      </c>
      <c r="X28818">
        <v>6</v>
      </c>
      <c r="Y28818">
        <v>6</v>
      </c>
      <c r="Z28818">
        <v>6</v>
      </c>
      <c r="AA28818">
        <v>6</v>
      </c>
      <c r="AB28818">
        <v>6</v>
      </c>
      <c r="AC28818">
        <v>7</v>
      </c>
      <c r="AD28818">
        <v>7</v>
      </c>
      <c r="AE28818">
        <v>7</v>
      </c>
      <c r="AF28818">
        <v>7</v>
      </c>
      <c r="AG28818">
        <v>7</v>
      </c>
      <c r="AH28818">
        <v>8</v>
      </c>
      <c r="AI28818">
        <v>8</v>
      </c>
      <c r="AJ28818">
        <v>8</v>
      </c>
      <c r="AK28818">
        <v>8</v>
      </c>
      <c r="AL28818">
        <v>8</v>
      </c>
      <c r="AM28818">
        <v>8</v>
      </c>
      <c r="AN28818">
        <v>9</v>
      </c>
      <c r="AO28818">
        <v>9</v>
      </c>
      <c r="AP28818">
        <v>9</v>
      </c>
      <c r="AQ28818">
        <v>9</v>
      </c>
    </row>
    <row r="28819" spans="1:43">
      <c r="A28819" t="s">
        <v>17841</v>
      </c>
      <c r="B28819" t="s">
        <v>17842</v>
      </c>
      <c r="C28819" t="s">
        <v>17839</v>
      </c>
      <c r="D28819" t="s">
        <v>17840</v>
      </c>
      <c r="E28819" t="s">
        <v>17787</v>
      </c>
      <c r="F28819" t="s">
        <v>17788</v>
      </c>
      <c r="G28819" t="s">
        <v>16559</v>
      </c>
      <c r="H28819" t="s">
        <v>16560</v>
      </c>
      <c r="I28819" s="2">
        <v>1</v>
      </c>
      <c r="J28819" s="2">
        <v>0</v>
      </c>
      <c r="K28819" s="2">
        <v>0</v>
      </c>
      <c r="L28819" t="s">
        <v>120</v>
      </c>
      <c r="M28819" t="s">
        <v>87</v>
      </c>
      <c r="N28819" t="s">
        <v>88</v>
      </c>
      <c r="O28819" t="s">
        <v>85</v>
      </c>
      <c r="P28819" t="s">
        <v>86</v>
      </c>
      <c r="Q28819">
        <v>5</v>
      </c>
      <c r="R28819">
        <v>5</v>
      </c>
      <c r="S28819">
        <v>5</v>
      </c>
      <c r="T28819">
        <v>5</v>
      </c>
      <c r="U28819">
        <v>5</v>
      </c>
      <c r="V28819">
        <v>5</v>
      </c>
      <c r="W28819">
        <v>5</v>
      </c>
      <c r="X28819">
        <v>5</v>
      </c>
      <c r="Y28819">
        <v>6</v>
      </c>
      <c r="Z28819">
        <v>6</v>
      </c>
      <c r="AA28819">
        <v>6</v>
      </c>
      <c r="AB28819">
        <v>6</v>
      </c>
      <c r="AC28819">
        <v>6</v>
      </c>
      <c r="AD28819">
        <v>6</v>
      </c>
      <c r="AE28819">
        <v>6</v>
      </c>
      <c r="AF28819">
        <v>6</v>
      </c>
      <c r="AG28819">
        <v>6</v>
      </c>
      <c r="AH28819">
        <v>7</v>
      </c>
      <c r="AI28819">
        <v>7</v>
      </c>
      <c r="AJ28819">
        <v>7</v>
      </c>
      <c r="AK28819">
        <v>7</v>
      </c>
      <c r="AL28819">
        <v>7</v>
      </c>
      <c r="AM28819">
        <v>7</v>
      </c>
      <c r="AN28819">
        <v>7</v>
      </c>
      <c r="AO28819">
        <v>7</v>
      </c>
      <c r="AP28819">
        <v>8</v>
      </c>
      <c r="AQ28819">
        <v>8</v>
      </c>
    </row>
    <row r="28820" spans="1:43">
      <c r="A28820" t="s">
        <v>17841</v>
      </c>
      <c r="B28820" t="s">
        <v>17842</v>
      </c>
      <c r="C28820" t="s">
        <v>17839</v>
      </c>
      <c r="D28820" t="s">
        <v>17840</v>
      </c>
      <c r="E28820" t="s">
        <v>17787</v>
      </c>
      <c r="F28820" t="s">
        <v>17788</v>
      </c>
      <c r="G28820" t="s">
        <v>16559</v>
      </c>
      <c r="H28820" t="s">
        <v>16560</v>
      </c>
      <c r="I28820" s="2">
        <v>1</v>
      </c>
      <c r="J28820" s="2">
        <v>0</v>
      </c>
      <c r="K28820" s="2">
        <v>0</v>
      </c>
      <c r="L28820" t="s">
        <v>120</v>
      </c>
      <c r="M28820" t="s">
        <v>89</v>
      </c>
      <c r="N28820" t="s">
        <v>90</v>
      </c>
      <c r="O28820" t="s">
        <v>85</v>
      </c>
      <c r="P28820" t="s">
        <v>86</v>
      </c>
      <c r="Q28820">
        <v>5</v>
      </c>
      <c r="R28820">
        <v>5</v>
      </c>
      <c r="S28820">
        <v>5</v>
      </c>
      <c r="T28820">
        <v>5</v>
      </c>
      <c r="U28820">
        <v>6</v>
      </c>
      <c r="V28820">
        <v>6</v>
      </c>
      <c r="W28820">
        <v>6</v>
      </c>
      <c r="X28820">
        <v>6</v>
      </c>
      <c r="Y28820">
        <v>6</v>
      </c>
      <c r="Z28820">
        <v>7</v>
      </c>
      <c r="AA28820">
        <v>7</v>
      </c>
      <c r="AB28820">
        <v>7</v>
      </c>
      <c r="AC28820">
        <v>7</v>
      </c>
      <c r="AD28820">
        <v>7</v>
      </c>
      <c r="AE28820">
        <v>7</v>
      </c>
      <c r="AF28820">
        <v>8</v>
      </c>
      <c r="AG28820">
        <v>8</v>
      </c>
      <c r="AH28820">
        <v>8</v>
      </c>
      <c r="AI28820">
        <v>8</v>
      </c>
      <c r="AJ28820">
        <v>8</v>
      </c>
      <c r="AK28820">
        <v>8</v>
      </c>
      <c r="AL28820">
        <v>8</v>
      </c>
      <c r="AM28820">
        <v>8</v>
      </c>
      <c r="AN28820">
        <v>9</v>
      </c>
      <c r="AO28820">
        <v>9</v>
      </c>
      <c r="AP28820">
        <v>9</v>
      </c>
      <c r="AQ28820">
        <v>9</v>
      </c>
    </row>
    <row r="28821" spans="1:43">
      <c r="A28821" t="s">
        <v>17841</v>
      </c>
      <c r="B28821" t="s">
        <v>17842</v>
      </c>
      <c r="C28821" t="s">
        <v>17839</v>
      </c>
      <c r="D28821" t="s">
        <v>17840</v>
      </c>
      <c r="E28821" t="s">
        <v>17787</v>
      </c>
      <c r="F28821" t="s">
        <v>17788</v>
      </c>
      <c r="G28821" t="s">
        <v>16559</v>
      </c>
      <c r="H28821" t="s">
        <v>16560</v>
      </c>
      <c r="I28821" s="2">
        <v>1</v>
      </c>
      <c r="J28821" s="2">
        <v>0</v>
      </c>
      <c r="K28821" s="2">
        <v>0</v>
      </c>
      <c r="L28821" t="s">
        <v>120</v>
      </c>
      <c r="M28821" t="s">
        <v>83</v>
      </c>
      <c r="N28821" t="s">
        <v>91</v>
      </c>
      <c r="O28821" t="s">
        <v>85</v>
      </c>
      <c r="P28821" t="s">
        <v>86</v>
      </c>
      <c r="Q28821">
        <v>5</v>
      </c>
      <c r="R28821">
        <v>5</v>
      </c>
      <c r="S28821">
        <v>5</v>
      </c>
      <c r="T28821">
        <v>5</v>
      </c>
      <c r="U28821">
        <v>5</v>
      </c>
      <c r="V28821">
        <v>6</v>
      </c>
      <c r="W28821">
        <v>6</v>
      </c>
      <c r="X28821">
        <v>6</v>
      </c>
      <c r="Y28821">
        <v>6</v>
      </c>
      <c r="Z28821">
        <v>6</v>
      </c>
      <c r="AA28821">
        <v>6</v>
      </c>
      <c r="AB28821">
        <v>6</v>
      </c>
      <c r="AC28821">
        <v>7</v>
      </c>
      <c r="AD28821">
        <v>7</v>
      </c>
      <c r="AE28821">
        <v>7</v>
      </c>
      <c r="AF28821">
        <v>7</v>
      </c>
      <c r="AG28821">
        <v>7</v>
      </c>
      <c r="AH28821">
        <v>8</v>
      </c>
      <c r="AI28821">
        <v>8</v>
      </c>
      <c r="AJ28821">
        <v>8</v>
      </c>
      <c r="AK28821">
        <v>8</v>
      </c>
      <c r="AL28821">
        <v>8</v>
      </c>
      <c r="AM28821">
        <v>8</v>
      </c>
      <c r="AN28821">
        <v>9</v>
      </c>
      <c r="AO28821">
        <v>9</v>
      </c>
      <c r="AP28821">
        <v>9</v>
      </c>
      <c r="AQ28821">
        <v>9</v>
      </c>
    </row>
    <row r="28822" spans="1:43">
      <c r="A28822" t="s">
        <v>17843</v>
      </c>
      <c r="B28822" t="s">
        <v>17844</v>
      </c>
      <c r="C28822" t="s">
        <v>17829</v>
      </c>
      <c r="D28822" t="s">
        <v>17830</v>
      </c>
      <c r="E28822" t="s">
        <v>17787</v>
      </c>
      <c r="F28822" t="s">
        <v>17788</v>
      </c>
      <c r="G28822" t="s">
        <v>16559</v>
      </c>
      <c r="H28822" t="s">
        <v>16560</v>
      </c>
      <c r="I28822" s="2">
        <v>1</v>
      </c>
      <c r="J28822" s="2">
        <v>0</v>
      </c>
      <c r="K28822" s="2">
        <v>0</v>
      </c>
      <c r="L28822" t="s">
        <v>120</v>
      </c>
      <c r="M28822" t="s">
        <v>83</v>
      </c>
      <c r="N28822" t="s">
        <v>84</v>
      </c>
      <c r="O28822" t="s">
        <v>85</v>
      </c>
      <c r="P28822" t="s">
        <v>86</v>
      </c>
      <c r="Q28822">
        <v>56</v>
      </c>
      <c r="R28822">
        <v>58</v>
      </c>
      <c r="S28822">
        <v>60</v>
      </c>
      <c r="T28822">
        <v>61</v>
      </c>
      <c r="U28822">
        <v>63</v>
      </c>
      <c r="V28822">
        <v>65</v>
      </c>
      <c r="W28822">
        <v>66</v>
      </c>
      <c r="X28822">
        <v>68</v>
      </c>
      <c r="Y28822">
        <v>70</v>
      </c>
      <c r="Z28822">
        <v>72</v>
      </c>
      <c r="AA28822">
        <v>74</v>
      </c>
      <c r="AB28822">
        <v>76</v>
      </c>
      <c r="AC28822">
        <v>78</v>
      </c>
      <c r="AD28822">
        <v>80</v>
      </c>
      <c r="AE28822">
        <v>82</v>
      </c>
      <c r="AF28822">
        <v>84</v>
      </c>
      <c r="AG28822">
        <v>86</v>
      </c>
      <c r="AH28822">
        <v>88</v>
      </c>
      <c r="AI28822">
        <v>90</v>
      </c>
      <c r="AJ28822">
        <v>93</v>
      </c>
      <c r="AK28822">
        <v>95</v>
      </c>
      <c r="AL28822">
        <v>97</v>
      </c>
      <c r="AM28822">
        <v>98</v>
      </c>
      <c r="AN28822">
        <v>100</v>
      </c>
      <c r="AO28822">
        <v>101</v>
      </c>
      <c r="AP28822">
        <v>103</v>
      </c>
      <c r="AQ28822">
        <v>104</v>
      </c>
    </row>
    <row r="28823" spans="1:43">
      <c r="A28823" t="s">
        <v>17843</v>
      </c>
      <c r="B28823" t="s">
        <v>17844</v>
      </c>
      <c r="C28823" t="s">
        <v>17829</v>
      </c>
      <c r="D28823" t="s">
        <v>17830</v>
      </c>
      <c r="E28823" t="s">
        <v>17787</v>
      </c>
      <c r="F28823" t="s">
        <v>17788</v>
      </c>
      <c r="G28823" t="s">
        <v>16559</v>
      </c>
      <c r="H28823" t="s">
        <v>16560</v>
      </c>
      <c r="I28823" s="2">
        <v>1</v>
      </c>
      <c r="J28823" s="2">
        <v>0</v>
      </c>
      <c r="K28823" s="2">
        <v>0</v>
      </c>
      <c r="L28823" t="s">
        <v>120</v>
      </c>
      <c r="M28823" t="s">
        <v>87</v>
      </c>
      <c r="N28823" t="s">
        <v>88</v>
      </c>
      <c r="O28823" t="s">
        <v>85</v>
      </c>
      <c r="P28823" t="s">
        <v>86</v>
      </c>
      <c r="Q28823">
        <v>56</v>
      </c>
      <c r="R28823">
        <v>57</v>
      </c>
      <c r="S28823">
        <v>58</v>
      </c>
      <c r="T28823">
        <v>59</v>
      </c>
      <c r="U28823">
        <v>60</v>
      </c>
      <c r="V28823">
        <v>61</v>
      </c>
      <c r="W28823">
        <v>62</v>
      </c>
      <c r="X28823">
        <v>64</v>
      </c>
      <c r="Y28823">
        <v>65</v>
      </c>
      <c r="Z28823">
        <v>66</v>
      </c>
      <c r="AA28823">
        <v>67</v>
      </c>
      <c r="AB28823">
        <v>68</v>
      </c>
      <c r="AC28823">
        <v>70</v>
      </c>
      <c r="AD28823">
        <v>71</v>
      </c>
      <c r="AE28823">
        <v>72</v>
      </c>
      <c r="AF28823">
        <v>74</v>
      </c>
      <c r="AG28823">
        <v>75</v>
      </c>
      <c r="AH28823">
        <v>77</v>
      </c>
      <c r="AI28823">
        <v>78</v>
      </c>
      <c r="AJ28823">
        <v>80</v>
      </c>
      <c r="AK28823">
        <v>81</v>
      </c>
      <c r="AL28823">
        <v>83</v>
      </c>
      <c r="AM28823">
        <v>84</v>
      </c>
      <c r="AN28823">
        <v>86</v>
      </c>
      <c r="AO28823">
        <v>87</v>
      </c>
      <c r="AP28823">
        <v>89</v>
      </c>
      <c r="AQ28823">
        <v>91</v>
      </c>
    </row>
    <row r="28824" spans="1:43">
      <c r="A28824" t="s">
        <v>17843</v>
      </c>
      <c r="B28824" t="s">
        <v>17844</v>
      </c>
      <c r="C28824" t="s">
        <v>17829</v>
      </c>
      <c r="D28824" t="s">
        <v>17830</v>
      </c>
      <c r="E28824" t="s">
        <v>17787</v>
      </c>
      <c r="F28824" t="s">
        <v>17788</v>
      </c>
      <c r="G28824" t="s">
        <v>16559</v>
      </c>
      <c r="H28824" t="s">
        <v>16560</v>
      </c>
      <c r="I28824" s="2">
        <v>1</v>
      </c>
      <c r="J28824" s="2">
        <v>0</v>
      </c>
      <c r="K28824" s="2">
        <v>0</v>
      </c>
      <c r="L28824" t="s">
        <v>120</v>
      </c>
      <c r="M28824" t="s">
        <v>89</v>
      </c>
      <c r="N28824" t="s">
        <v>90</v>
      </c>
      <c r="O28824" t="s">
        <v>85</v>
      </c>
      <c r="P28824" t="s">
        <v>86</v>
      </c>
      <c r="Q28824">
        <v>56</v>
      </c>
      <c r="R28824">
        <v>58</v>
      </c>
      <c r="S28824">
        <v>60</v>
      </c>
      <c r="T28824">
        <v>62</v>
      </c>
      <c r="U28824">
        <v>64</v>
      </c>
      <c r="V28824">
        <v>66</v>
      </c>
      <c r="W28824">
        <v>69</v>
      </c>
      <c r="X28824">
        <v>71</v>
      </c>
      <c r="Y28824">
        <v>73</v>
      </c>
      <c r="Z28824">
        <v>75</v>
      </c>
      <c r="AA28824">
        <v>78</v>
      </c>
      <c r="AB28824">
        <v>80</v>
      </c>
      <c r="AC28824">
        <v>82</v>
      </c>
      <c r="AD28824">
        <v>85</v>
      </c>
      <c r="AE28824">
        <v>87</v>
      </c>
      <c r="AF28824">
        <v>88</v>
      </c>
      <c r="AG28824">
        <v>89</v>
      </c>
      <c r="AH28824">
        <v>91</v>
      </c>
      <c r="AI28824">
        <v>92</v>
      </c>
      <c r="AJ28824">
        <v>93</v>
      </c>
      <c r="AK28824">
        <v>95</v>
      </c>
      <c r="AL28824">
        <v>96</v>
      </c>
      <c r="AM28824">
        <v>98</v>
      </c>
      <c r="AN28824">
        <v>99</v>
      </c>
      <c r="AO28824">
        <v>101</v>
      </c>
      <c r="AP28824">
        <v>102</v>
      </c>
      <c r="AQ28824">
        <v>104</v>
      </c>
    </row>
    <row r="28825" spans="1:43">
      <c r="A28825" t="s">
        <v>17843</v>
      </c>
      <c r="B28825" t="s">
        <v>17844</v>
      </c>
      <c r="C28825" t="s">
        <v>17829</v>
      </c>
      <c r="D28825" t="s">
        <v>17830</v>
      </c>
      <c r="E28825" t="s">
        <v>17787</v>
      </c>
      <c r="F28825" t="s">
        <v>17788</v>
      </c>
      <c r="G28825" t="s">
        <v>16559</v>
      </c>
      <c r="H28825" t="s">
        <v>16560</v>
      </c>
      <c r="I28825" s="2">
        <v>1</v>
      </c>
      <c r="J28825" s="2">
        <v>0</v>
      </c>
      <c r="K28825" s="2">
        <v>0</v>
      </c>
      <c r="L28825" t="s">
        <v>120</v>
      </c>
      <c r="M28825" t="s">
        <v>83</v>
      </c>
      <c r="N28825" t="s">
        <v>91</v>
      </c>
      <c r="O28825" t="s">
        <v>85</v>
      </c>
      <c r="P28825" t="s">
        <v>86</v>
      </c>
      <c r="Q28825">
        <v>56</v>
      </c>
      <c r="R28825">
        <v>58</v>
      </c>
      <c r="S28825">
        <v>60</v>
      </c>
      <c r="T28825">
        <v>61</v>
      </c>
      <c r="U28825">
        <v>63</v>
      </c>
      <c r="V28825">
        <v>65</v>
      </c>
      <c r="W28825">
        <v>66</v>
      </c>
      <c r="X28825">
        <v>68</v>
      </c>
      <c r="Y28825">
        <v>70</v>
      </c>
      <c r="Z28825">
        <v>72</v>
      </c>
      <c r="AA28825">
        <v>74</v>
      </c>
      <c r="AB28825">
        <v>76</v>
      </c>
      <c r="AC28825">
        <v>78</v>
      </c>
      <c r="AD28825">
        <v>80</v>
      </c>
      <c r="AE28825">
        <v>82</v>
      </c>
      <c r="AF28825">
        <v>84</v>
      </c>
      <c r="AG28825">
        <v>86</v>
      </c>
      <c r="AH28825">
        <v>88</v>
      </c>
      <c r="AI28825">
        <v>90</v>
      </c>
      <c r="AJ28825">
        <v>93</v>
      </c>
      <c r="AK28825">
        <v>95</v>
      </c>
      <c r="AL28825">
        <v>97</v>
      </c>
      <c r="AM28825">
        <v>98</v>
      </c>
      <c r="AN28825">
        <v>100</v>
      </c>
      <c r="AO28825">
        <v>101</v>
      </c>
      <c r="AP28825">
        <v>103</v>
      </c>
      <c r="AQ28825">
        <v>104</v>
      </c>
    </row>
    <row r="28826" spans="1:43">
      <c r="A28826" t="s">
        <v>17845</v>
      </c>
      <c r="B28826" t="s">
        <v>17846</v>
      </c>
      <c r="C28826" t="s">
        <v>17829</v>
      </c>
      <c r="D28826" t="s">
        <v>17830</v>
      </c>
      <c r="E28826" t="s">
        <v>17787</v>
      </c>
      <c r="F28826" t="s">
        <v>17788</v>
      </c>
      <c r="G28826" t="s">
        <v>16559</v>
      </c>
      <c r="H28826" t="s">
        <v>16560</v>
      </c>
      <c r="I28826" s="2">
        <v>1</v>
      </c>
      <c r="J28826" s="2">
        <v>0</v>
      </c>
      <c r="K28826" s="2">
        <v>0</v>
      </c>
      <c r="L28826" t="s">
        <v>120</v>
      </c>
      <c r="M28826" t="s">
        <v>83</v>
      </c>
      <c r="N28826" t="s">
        <v>84</v>
      </c>
      <c r="O28826" t="s">
        <v>85</v>
      </c>
      <c r="P28826" t="s">
        <v>86</v>
      </c>
      <c r="Q28826">
        <v>7</v>
      </c>
      <c r="R28826">
        <v>7</v>
      </c>
      <c r="S28826">
        <v>7</v>
      </c>
      <c r="T28826">
        <v>7</v>
      </c>
      <c r="U28826">
        <v>8</v>
      </c>
      <c r="V28826">
        <v>8</v>
      </c>
      <c r="W28826">
        <v>8</v>
      </c>
      <c r="X28826">
        <v>8</v>
      </c>
      <c r="Y28826">
        <v>9</v>
      </c>
      <c r="Z28826">
        <v>9</v>
      </c>
      <c r="AA28826">
        <v>9</v>
      </c>
      <c r="AB28826">
        <v>9</v>
      </c>
      <c r="AC28826">
        <v>9</v>
      </c>
      <c r="AD28826">
        <v>10</v>
      </c>
      <c r="AE28826">
        <v>10</v>
      </c>
      <c r="AF28826">
        <v>10</v>
      </c>
      <c r="AG28826">
        <v>10</v>
      </c>
      <c r="AH28826">
        <v>11</v>
      </c>
      <c r="AI28826">
        <v>11</v>
      </c>
      <c r="AJ28826">
        <v>11</v>
      </c>
      <c r="AK28826">
        <v>12</v>
      </c>
      <c r="AL28826">
        <v>12</v>
      </c>
      <c r="AM28826">
        <v>12</v>
      </c>
      <c r="AN28826">
        <v>12</v>
      </c>
      <c r="AO28826">
        <v>12</v>
      </c>
      <c r="AP28826">
        <v>12</v>
      </c>
      <c r="AQ28826">
        <v>13</v>
      </c>
    </row>
    <row r="28827" spans="1:43">
      <c r="A28827" t="s">
        <v>17845</v>
      </c>
      <c r="B28827" t="s">
        <v>17846</v>
      </c>
      <c r="C28827" t="s">
        <v>17829</v>
      </c>
      <c r="D28827" t="s">
        <v>17830</v>
      </c>
      <c r="E28827" t="s">
        <v>17787</v>
      </c>
      <c r="F28827" t="s">
        <v>17788</v>
      </c>
      <c r="G28827" t="s">
        <v>16559</v>
      </c>
      <c r="H28827" t="s">
        <v>16560</v>
      </c>
      <c r="I28827" s="2">
        <v>1</v>
      </c>
      <c r="J28827" s="2">
        <v>0</v>
      </c>
      <c r="K28827" s="2">
        <v>0</v>
      </c>
      <c r="L28827" t="s">
        <v>120</v>
      </c>
      <c r="M28827" t="s">
        <v>87</v>
      </c>
      <c r="N28827" t="s">
        <v>88</v>
      </c>
      <c r="O28827" t="s">
        <v>85</v>
      </c>
      <c r="P28827" t="s">
        <v>86</v>
      </c>
      <c r="Q28827">
        <v>7</v>
      </c>
      <c r="R28827">
        <v>7</v>
      </c>
      <c r="S28827">
        <v>7</v>
      </c>
      <c r="T28827">
        <v>7</v>
      </c>
      <c r="U28827">
        <v>7</v>
      </c>
      <c r="V28827">
        <v>7</v>
      </c>
      <c r="W28827">
        <v>8</v>
      </c>
      <c r="X28827">
        <v>8</v>
      </c>
      <c r="Y28827">
        <v>8</v>
      </c>
      <c r="Z28827">
        <v>8</v>
      </c>
      <c r="AA28827">
        <v>8</v>
      </c>
      <c r="AB28827">
        <v>8</v>
      </c>
      <c r="AC28827">
        <v>8</v>
      </c>
      <c r="AD28827">
        <v>9</v>
      </c>
      <c r="AE28827">
        <v>9</v>
      </c>
      <c r="AF28827">
        <v>9</v>
      </c>
      <c r="AG28827">
        <v>9</v>
      </c>
      <c r="AH28827">
        <v>9</v>
      </c>
      <c r="AI28827">
        <v>10</v>
      </c>
      <c r="AJ28827">
        <v>10</v>
      </c>
      <c r="AK28827">
        <v>10</v>
      </c>
      <c r="AL28827">
        <v>10</v>
      </c>
      <c r="AM28827">
        <v>10</v>
      </c>
      <c r="AN28827">
        <v>10</v>
      </c>
      <c r="AO28827">
        <v>11</v>
      </c>
      <c r="AP28827">
        <v>11</v>
      </c>
      <c r="AQ28827">
        <v>11</v>
      </c>
    </row>
    <row r="28828" spans="1:43">
      <c r="A28828" t="s">
        <v>17845</v>
      </c>
      <c r="B28828" t="s">
        <v>17846</v>
      </c>
      <c r="C28828" t="s">
        <v>17829</v>
      </c>
      <c r="D28828" t="s">
        <v>17830</v>
      </c>
      <c r="E28828" t="s">
        <v>17787</v>
      </c>
      <c r="F28828" t="s">
        <v>17788</v>
      </c>
      <c r="G28828" t="s">
        <v>16559</v>
      </c>
      <c r="H28828" t="s">
        <v>16560</v>
      </c>
      <c r="I28828" s="2">
        <v>1</v>
      </c>
      <c r="J28828" s="2">
        <v>0</v>
      </c>
      <c r="K28828" s="2">
        <v>0</v>
      </c>
      <c r="L28828" t="s">
        <v>120</v>
      </c>
      <c r="M28828" t="s">
        <v>89</v>
      </c>
      <c r="N28828" t="s">
        <v>90</v>
      </c>
      <c r="O28828" t="s">
        <v>85</v>
      </c>
      <c r="P28828" t="s">
        <v>86</v>
      </c>
      <c r="Q28828">
        <v>7</v>
      </c>
      <c r="R28828">
        <v>7</v>
      </c>
      <c r="S28828">
        <v>7</v>
      </c>
      <c r="T28828">
        <v>8</v>
      </c>
      <c r="U28828">
        <v>8</v>
      </c>
      <c r="V28828">
        <v>8</v>
      </c>
      <c r="W28828">
        <v>8</v>
      </c>
      <c r="X28828">
        <v>9</v>
      </c>
      <c r="Y28828">
        <v>9</v>
      </c>
      <c r="Z28828">
        <v>9</v>
      </c>
      <c r="AA28828">
        <v>10</v>
      </c>
      <c r="AB28828">
        <v>10</v>
      </c>
      <c r="AC28828">
        <v>10</v>
      </c>
      <c r="AD28828">
        <v>10</v>
      </c>
      <c r="AE28828">
        <v>11</v>
      </c>
      <c r="AF28828">
        <v>11</v>
      </c>
      <c r="AG28828">
        <v>11</v>
      </c>
      <c r="AH28828">
        <v>11</v>
      </c>
      <c r="AI28828">
        <v>11</v>
      </c>
      <c r="AJ28828">
        <v>11</v>
      </c>
      <c r="AK28828">
        <v>12</v>
      </c>
      <c r="AL28828">
        <v>12</v>
      </c>
      <c r="AM28828">
        <v>12</v>
      </c>
      <c r="AN28828">
        <v>12</v>
      </c>
      <c r="AO28828">
        <v>12</v>
      </c>
      <c r="AP28828">
        <v>13</v>
      </c>
      <c r="AQ28828">
        <v>13</v>
      </c>
    </row>
    <row r="28829" spans="1:43">
      <c r="A28829" t="s">
        <v>17845</v>
      </c>
      <c r="B28829" t="s">
        <v>17846</v>
      </c>
      <c r="C28829" t="s">
        <v>17829</v>
      </c>
      <c r="D28829" t="s">
        <v>17830</v>
      </c>
      <c r="E28829" t="s">
        <v>17787</v>
      </c>
      <c r="F28829" t="s">
        <v>17788</v>
      </c>
      <c r="G28829" t="s">
        <v>16559</v>
      </c>
      <c r="H28829" t="s">
        <v>16560</v>
      </c>
      <c r="I28829" s="2">
        <v>1</v>
      </c>
      <c r="J28829" s="2">
        <v>0</v>
      </c>
      <c r="K28829" s="2">
        <v>0</v>
      </c>
      <c r="L28829" t="s">
        <v>120</v>
      </c>
      <c r="M28829" t="s">
        <v>83</v>
      </c>
      <c r="N28829" t="s">
        <v>91</v>
      </c>
      <c r="O28829" t="s">
        <v>85</v>
      </c>
      <c r="P28829" t="s">
        <v>86</v>
      </c>
      <c r="Q28829">
        <v>7</v>
      </c>
      <c r="R28829">
        <v>7</v>
      </c>
      <c r="S28829">
        <v>7</v>
      </c>
      <c r="T28829">
        <v>7</v>
      </c>
      <c r="U28829">
        <v>8</v>
      </c>
      <c r="V28829">
        <v>8</v>
      </c>
      <c r="W28829">
        <v>8</v>
      </c>
      <c r="X28829">
        <v>8</v>
      </c>
      <c r="Y28829">
        <v>9</v>
      </c>
      <c r="Z28829">
        <v>9</v>
      </c>
      <c r="AA28829">
        <v>9</v>
      </c>
      <c r="AB28829">
        <v>9</v>
      </c>
      <c r="AC28829">
        <v>9</v>
      </c>
      <c r="AD28829">
        <v>10</v>
      </c>
      <c r="AE28829">
        <v>10</v>
      </c>
      <c r="AF28829">
        <v>10</v>
      </c>
      <c r="AG28829">
        <v>10</v>
      </c>
      <c r="AH28829">
        <v>11</v>
      </c>
      <c r="AI28829">
        <v>11</v>
      </c>
      <c r="AJ28829">
        <v>11</v>
      </c>
      <c r="AK28829">
        <v>12</v>
      </c>
      <c r="AL28829">
        <v>12</v>
      </c>
      <c r="AM28829">
        <v>12</v>
      </c>
      <c r="AN28829">
        <v>12</v>
      </c>
      <c r="AO28829">
        <v>12</v>
      </c>
      <c r="AP28829">
        <v>12</v>
      </c>
      <c r="AQ28829">
        <v>13</v>
      </c>
    </row>
    <row r="28830" spans="1:43">
      <c r="A28830" t="s">
        <v>17847</v>
      </c>
      <c r="B28830" t="s">
        <v>17848</v>
      </c>
      <c r="C28830" t="s">
        <v>17849</v>
      </c>
      <c r="D28830" t="s">
        <v>17850</v>
      </c>
      <c r="E28830" t="s">
        <v>17787</v>
      </c>
      <c r="F28830" t="s">
        <v>17788</v>
      </c>
      <c r="G28830" t="s">
        <v>16559</v>
      </c>
      <c r="H28830" t="s">
        <v>16560</v>
      </c>
      <c r="I28830" s="2">
        <v>1</v>
      </c>
      <c r="J28830" s="2">
        <v>0</v>
      </c>
      <c r="K28830" s="2">
        <v>0</v>
      </c>
      <c r="L28830" t="s">
        <v>120</v>
      </c>
      <c r="M28830" t="s">
        <v>83</v>
      </c>
      <c r="N28830" t="s">
        <v>84</v>
      </c>
      <c r="O28830" t="s">
        <v>85</v>
      </c>
      <c r="P28830" t="s">
        <v>86</v>
      </c>
      <c r="Q28830">
        <v>6</v>
      </c>
      <c r="R28830">
        <v>7</v>
      </c>
      <c r="S28830">
        <v>7</v>
      </c>
      <c r="T28830">
        <v>7</v>
      </c>
      <c r="U28830">
        <v>7</v>
      </c>
      <c r="V28830">
        <v>7</v>
      </c>
      <c r="W28830">
        <v>8</v>
      </c>
      <c r="X28830">
        <v>8</v>
      </c>
      <c r="Y28830">
        <v>8</v>
      </c>
      <c r="Z28830">
        <v>8</v>
      </c>
      <c r="AA28830">
        <v>8</v>
      </c>
      <c r="AB28830">
        <v>9</v>
      </c>
      <c r="AC28830">
        <v>9</v>
      </c>
      <c r="AD28830">
        <v>9</v>
      </c>
      <c r="AE28830">
        <v>9</v>
      </c>
      <c r="AF28830">
        <v>10</v>
      </c>
      <c r="AG28830">
        <v>10</v>
      </c>
      <c r="AH28830">
        <v>10</v>
      </c>
      <c r="AI28830">
        <v>10</v>
      </c>
      <c r="AJ28830">
        <v>11</v>
      </c>
      <c r="AK28830">
        <v>11</v>
      </c>
      <c r="AL28830">
        <v>11</v>
      </c>
      <c r="AM28830">
        <v>11</v>
      </c>
      <c r="AN28830">
        <v>11</v>
      </c>
      <c r="AO28830">
        <v>12</v>
      </c>
      <c r="AP28830">
        <v>12</v>
      </c>
      <c r="AQ28830">
        <v>12</v>
      </c>
    </row>
    <row r="28831" spans="1:43">
      <c r="A28831" t="s">
        <v>17847</v>
      </c>
      <c r="B28831" t="s">
        <v>17848</v>
      </c>
      <c r="C28831" t="s">
        <v>17849</v>
      </c>
      <c r="D28831" t="s">
        <v>17850</v>
      </c>
      <c r="E28831" t="s">
        <v>17787</v>
      </c>
      <c r="F28831" t="s">
        <v>17788</v>
      </c>
      <c r="G28831" t="s">
        <v>16559</v>
      </c>
      <c r="H28831" t="s">
        <v>16560</v>
      </c>
      <c r="I28831" s="2">
        <v>1</v>
      </c>
      <c r="J28831" s="2">
        <v>0</v>
      </c>
      <c r="K28831" s="2">
        <v>0</v>
      </c>
      <c r="L28831" t="s">
        <v>120</v>
      </c>
      <c r="M28831" t="s">
        <v>87</v>
      </c>
      <c r="N28831" t="s">
        <v>88</v>
      </c>
      <c r="O28831" t="s">
        <v>85</v>
      </c>
      <c r="P28831" t="s">
        <v>86</v>
      </c>
      <c r="Q28831">
        <v>6</v>
      </c>
      <c r="R28831">
        <v>6</v>
      </c>
      <c r="S28831">
        <v>7</v>
      </c>
      <c r="T28831">
        <v>7</v>
      </c>
      <c r="U28831">
        <v>7</v>
      </c>
      <c r="V28831">
        <v>7</v>
      </c>
      <c r="W28831">
        <v>7</v>
      </c>
      <c r="X28831">
        <v>7</v>
      </c>
      <c r="Y28831">
        <v>7</v>
      </c>
      <c r="Z28831">
        <v>8</v>
      </c>
      <c r="AA28831">
        <v>8</v>
      </c>
      <c r="AB28831">
        <v>8</v>
      </c>
      <c r="AC28831">
        <v>8</v>
      </c>
      <c r="AD28831">
        <v>8</v>
      </c>
      <c r="AE28831">
        <v>8</v>
      </c>
      <c r="AF28831">
        <v>8</v>
      </c>
      <c r="AG28831">
        <v>9</v>
      </c>
      <c r="AH28831">
        <v>9</v>
      </c>
      <c r="AI28831">
        <v>9</v>
      </c>
      <c r="AJ28831">
        <v>9</v>
      </c>
      <c r="AK28831">
        <v>9</v>
      </c>
      <c r="AL28831">
        <v>9</v>
      </c>
      <c r="AM28831">
        <v>10</v>
      </c>
      <c r="AN28831">
        <v>10</v>
      </c>
      <c r="AO28831">
        <v>10</v>
      </c>
      <c r="AP28831">
        <v>10</v>
      </c>
      <c r="AQ28831">
        <v>10</v>
      </c>
    </row>
    <row r="28832" spans="1:43">
      <c r="A28832" t="s">
        <v>17847</v>
      </c>
      <c r="B28832" t="s">
        <v>17848</v>
      </c>
      <c r="C28832" t="s">
        <v>17849</v>
      </c>
      <c r="D28832" t="s">
        <v>17850</v>
      </c>
      <c r="E28832" t="s">
        <v>17787</v>
      </c>
      <c r="F28832" t="s">
        <v>17788</v>
      </c>
      <c r="G28832" t="s">
        <v>16559</v>
      </c>
      <c r="H28832" t="s">
        <v>16560</v>
      </c>
      <c r="I28832" s="2">
        <v>1</v>
      </c>
      <c r="J28832" s="2">
        <v>0</v>
      </c>
      <c r="K28832" s="2">
        <v>0</v>
      </c>
      <c r="L28832" t="s">
        <v>120</v>
      </c>
      <c r="M28832" t="s">
        <v>89</v>
      </c>
      <c r="N28832" t="s">
        <v>90</v>
      </c>
      <c r="O28832" t="s">
        <v>85</v>
      </c>
      <c r="P28832" t="s">
        <v>86</v>
      </c>
      <c r="Q28832">
        <v>6</v>
      </c>
      <c r="R28832">
        <v>7</v>
      </c>
      <c r="S28832">
        <v>7</v>
      </c>
      <c r="T28832">
        <v>7</v>
      </c>
      <c r="U28832">
        <v>7</v>
      </c>
      <c r="V28832">
        <v>8</v>
      </c>
      <c r="W28832">
        <v>8</v>
      </c>
      <c r="X28832">
        <v>8</v>
      </c>
      <c r="Y28832">
        <v>8</v>
      </c>
      <c r="Z28832">
        <v>9</v>
      </c>
      <c r="AA28832">
        <v>9</v>
      </c>
      <c r="AB28832">
        <v>9</v>
      </c>
      <c r="AC28832">
        <v>9</v>
      </c>
      <c r="AD28832">
        <v>10</v>
      </c>
      <c r="AE28832">
        <v>10</v>
      </c>
      <c r="AF28832">
        <v>10</v>
      </c>
      <c r="AG28832">
        <v>10</v>
      </c>
      <c r="AH28832">
        <v>10</v>
      </c>
      <c r="AI28832">
        <v>11</v>
      </c>
      <c r="AJ28832">
        <v>11</v>
      </c>
      <c r="AK28832">
        <v>11</v>
      </c>
      <c r="AL28832">
        <v>11</v>
      </c>
      <c r="AM28832">
        <v>11</v>
      </c>
      <c r="AN28832">
        <v>11</v>
      </c>
      <c r="AO28832">
        <v>12</v>
      </c>
      <c r="AP28832">
        <v>12</v>
      </c>
      <c r="AQ28832">
        <v>12</v>
      </c>
    </row>
    <row r="28833" spans="1:43">
      <c r="A28833" t="s">
        <v>17847</v>
      </c>
      <c r="B28833" t="s">
        <v>17848</v>
      </c>
      <c r="C28833" t="s">
        <v>17849</v>
      </c>
      <c r="D28833" t="s">
        <v>17850</v>
      </c>
      <c r="E28833" t="s">
        <v>17787</v>
      </c>
      <c r="F28833" t="s">
        <v>17788</v>
      </c>
      <c r="G28833" t="s">
        <v>16559</v>
      </c>
      <c r="H28833" t="s">
        <v>16560</v>
      </c>
      <c r="I28833" s="2">
        <v>1</v>
      </c>
      <c r="J28833" s="2">
        <v>0</v>
      </c>
      <c r="K28833" s="2">
        <v>0</v>
      </c>
      <c r="L28833" t="s">
        <v>120</v>
      </c>
      <c r="M28833" t="s">
        <v>83</v>
      </c>
      <c r="N28833" t="s">
        <v>91</v>
      </c>
      <c r="O28833" t="s">
        <v>85</v>
      </c>
      <c r="P28833" t="s">
        <v>86</v>
      </c>
      <c r="Q28833">
        <v>6</v>
      </c>
      <c r="R28833">
        <v>7</v>
      </c>
      <c r="S28833">
        <v>7</v>
      </c>
      <c r="T28833">
        <v>7</v>
      </c>
      <c r="U28833">
        <v>7</v>
      </c>
      <c r="V28833">
        <v>7</v>
      </c>
      <c r="W28833">
        <v>8</v>
      </c>
      <c r="X28833">
        <v>8</v>
      </c>
      <c r="Y28833">
        <v>8</v>
      </c>
      <c r="Z28833">
        <v>8</v>
      </c>
      <c r="AA28833">
        <v>8</v>
      </c>
      <c r="AB28833">
        <v>9</v>
      </c>
      <c r="AC28833">
        <v>9</v>
      </c>
      <c r="AD28833">
        <v>9</v>
      </c>
      <c r="AE28833">
        <v>9</v>
      </c>
      <c r="AF28833">
        <v>10</v>
      </c>
      <c r="AG28833">
        <v>10</v>
      </c>
      <c r="AH28833">
        <v>10</v>
      </c>
      <c r="AI28833">
        <v>10</v>
      </c>
      <c r="AJ28833">
        <v>11</v>
      </c>
      <c r="AK28833">
        <v>11</v>
      </c>
      <c r="AL28833">
        <v>11</v>
      </c>
      <c r="AM28833">
        <v>11</v>
      </c>
      <c r="AN28833">
        <v>11</v>
      </c>
      <c r="AO28833">
        <v>12</v>
      </c>
      <c r="AP28833">
        <v>12</v>
      </c>
      <c r="AQ28833">
        <v>12</v>
      </c>
    </row>
    <row r="28834" spans="1:43">
      <c r="A28834" t="s">
        <v>17851</v>
      </c>
      <c r="B28834" t="s">
        <v>17852</v>
      </c>
      <c r="C28834" t="s">
        <v>17849</v>
      </c>
      <c r="D28834" t="s">
        <v>17850</v>
      </c>
      <c r="E28834" t="s">
        <v>17787</v>
      </c>
      <c r="F28834" t="s">
        <v>17788</v>
      </c>
      <c r="G28834" t="s">
        <v>16559</v>
      </c>
      <c r="H28834" t="s">
        <v>16560</v>
      </c>
      <c r="I28834" s="2">
        <v>1</v>
      </c>
      <c r="J28834" s="2">
        <v>0</v>
      </c>
      <c r="K28834" s="2">
        <v>0</v>
      </c>
      <c r="L28834" t="s">
        <v>120</v>
      </c>
      <c r="M28834" t="s">
        <v>83</v>
      </c>
      <c r="N28834" t="s">
        <v>84</v>
      </c>
      <c r="O28834" t="s">
        <v>85</v>
      </c>
      <c r="P28834" t="s">
        <v>86</v>
      </c>
      <c r="Q28834">
        <v>26</v>
      </c>
      <c r="R28834">
        <v>26</v>
      </c>
      <c r="S28834">
        <v>27</v>
      </c>
      <c r="T28834">
        <v>28</v>
      </c>
      <c r="U28834">
        <v>29</v>
      </c>
      <c r="V28834">
        <v>29</v>
      </c>
      <c r="W28834">
        <v>30</v>
      </c>
      <c r="X28834">
        <v>31</v>
      </c>
      <c r="Y28834">
        <v>32</v>
      </c>
      <c r="Z28834">
        <v>33</v>
      </c>
      <c r="AA28834">
        <v>34</v>
      </c>
      <c r="AB28834">
        <v>34</v>
      </c>
      <c r="AC28834">
        <v>35</v>
      </c>
      <c r="AD28834">
        <v>36</v>
      </c>
      <c r="AE28834">
        <v>37</v>
      </c>
      <c r="AF28834">
        <v>38</v>
      </c>
      <c r="AG28834">
        <v>39</v>
      </c>
      <c r="AH28834">
        <v>40</v>
      </c>
      <c r="AI28834">
        <v>41</v>
      </c>
      <c r="AJ28834">
        <v>42</v>
      </c>
      <c r="AK28834">
        <v>43</v>
      </c>
      <c r="AL28834">
        <v>44</v>
      </c>
      <c r="AM28834">
        <v>45</v>
      </c>
      <c r="AN28834">
        <v>45</v>
      </c>
      <c r="AO28834">
        <v>46</v>
      </c>
      <c r="AP28834">
        <v>47</v>
      </c>
      <c r="AQ28834">
        <v>47</v>
      </c>
    </row>
    <row r="28835" spans="1:43">
      <c r="A28835" t="s">
        <v>17851</v>
      </c>
      <c r="B28835" t="s">
        <v>17852</v>
      </c>
      <c r="C28835" t="s">
        <v>17849</v>
      </c>
      <c r="D28835" t="s">
        <v>17850</v>
      </c>
      <c r="E28835" t="s">
        <v>17787</v>
      </c>
      <c r="F28835" t="s">
        <v>17788</v>
      </c>
      <c r="G28835" t="s">
        <v>16559</v>
      </c>
      <c r="H28835" t="s">
        <v>16560</v>
      </c>
      <c r="I28835" s="2">
        <v>1</v>
      </c>
      <c r="J28835" s="2">
        <v>0</v>
      </c>
      <c r="K28835" s="2">
        <v>0</v>
      </c>
      <c r="L28835" t="s">
        <v>120</v>
      </c>
      <c r="M28835" t="s">
        <v>87</v>
      </c>
      <c r="N28835" t="s">
        <v>88</v>
      </c>
      <c r="O28835" t="s">
        <v>85</v>
      </c>
      <c r="P28835" t="s">
        <v>86</v>
      </c>
      <c r="Q28835">
        <v>26</v>
      </c>
      <c r="R28835">
        <v>27</v>
      </c>
      <c r="S28835">
        <v>27</v>
      </c>
      <c r="T28835">
        <v>28</v>
      </c>
      <c r="U28835">
        <v>28</v>
      </c>
      <c r="V28835">
        <v>29</v>
      </c>
      <c r="W28835">
        <v>29</v>
      </c>
      <c r="X28835">
        <v>30</v>
      </c>
      <c r="Y28835">
        <v>30</v>
      </c>
      <c r="Z28835">
        <v>31</v>
      </c>
      <c r="AA28835">
        <v>32</v>
      </c>
      <c r="AB28835">
        <v>32</v>
      </c>
      <c r="AC28835">
        <v>33</v>
      </c>
      <c r="AD28835">
        <v>33</v>
      </c>
      <c r="AE28835">
        <v>34</v>
      </c>
      <c r="AF28835">
        <v>35</v>
      </c>
      <c r="AG28835">
        <v>35</v>
      </c>
      <c r="AH28835">
        <v>36</v>
      </c>
      <c r="AI28835">
        <v>37</v>
      </c>
      <c r="AJ28835">
        <v>37</v>
      </c>
      <c r="AK28835">
        <v>38</v>
      </c>
      <c r="AL28835">
        <v>39</v>
      </c>
      <c r="AM28835">
        <v>39</v>
      </c>
      <c r="AN28835">
        <v>40</v>
      </c>
      <c r="AO28835">
        <v>41</v>
      </c>
      <c r="AP28835">
        <v>42</v>
      </c>
      <c r="AQ28835">
        <v>42</v>
      </c>
    </row>
    <row r="28836" spans="1:43">
      <c r="A28836" t="s">
        <v>17851</v>
      </c>
      <c r="B28836" t="s">
        <v>17852</v>
      </c>
      <c r="C28836" t="s">
        <v>17849</v>
      </c>
      <c r="D28836" t="s">
        <v>17850</v>
      </c>
      <c r="E28836" t="s">
        <v>17787</v>
      </c>
      <c r="F28836" t="s">
        <v>17788</v>
      </c>
      <c r="G28836" t="s">
        <v>16559</v>
      </c>
      <c r="H28836" t="s">
        <v>16560</v>
      </c>
      <c r="I28836" s="2">
        <v>1</v>
      </c>
      <c r="J28836" s="2">
        <v>0</v>
      </c>
      <c r="K28836" s="2">
        <v>0</v>
      </c>
      <c r="L28836" t="s">
        <v>120</v>
      </c>
      <c r="M28836" t="s">
        <v>89</v>
      </c>
      <c r="N28836" t="s">
        <v>90</v>
      </c>
      <c r="O28836" t="s">
        <v>85</v>
      </c>
      <c r="P28836" t="s">
        <v>86</v>
      </c>
      <c r="Q28836">
        <v>26</v>
      </c>
      <c r="R28836">
        <v>27</v>
      </c>
      <c r="S28836">
        <v>28</v>
      </c>
      <c r="T28836">
        <v>29</v>
      </c>
      <c r="U28836">
        <v>30</v>
      </c>
      <c r="V28836">
        <v>31</v>
      </c>
      <c r="W28836">
        <v>32</v>
      </c>
      <c r="X28836">
        <v>33</v>
      </c>
      <c r="Y28836">
        <v>34</v>
      </c>
      <c r="Z28836">
        <v>35</v>
      </c>
      <c r="AA28836">
        <v>36</v>
      </c>
      <c r="AB28836">
        <v>37</v>
      </c>
      <c r="AC28836">
        <v>38</v>
      </c>
      <c r="AD28836">
        <v>39</v>
      </c>
      <c r="AE28836">
        <v>40</v>
      </c>
      <c r="AF28836">
        <v>40</v>
      </c>
      <c r="AG28836">
        <v>41</v>
      </c>
      <c r="AH28836">
        <v>42</v>
      </c>
      <c r="AI28836">
        <v>42</v>
      </c>
      <c r="AJ28836">
        <v>43</v>
      </c>
      <c r="AK28836">
        <v>44</v>
      </c>
      <c r="AL28836">
        <v>44</v>
      </c>
      <c r="AM28836">
        <v>45</v>
      </c>
      <c r="AN28836">
        <v>46</v>
      </c>
      <c r="AO28836">
        <v>46</v>
      </c>
      <c r="AP28836">
        <v>47</v>
      </c>
      <c r="AQ28836">
        <v>48</v>
      </c>
    </row>
    <row r="28837" spans="1:43">
      <c r="A28837" t="s">
        <v>17851</v>
      </c>
      <c r="B28837" t="s">
        <v>17852</v>
      </c>
      <c r="C28837" t="s">
        <v>17849</v>
      </c>
      <c r="D28837" t="s">
        <v>17850</v>
      </c>
      <c r="E28837" t="s">
        <v>17787</v>
      </c>
      <c r="F28837" t="s">
        <v>17788</v>
      </c>
      <c r="G28837" t="s">
        <v>16559</v>
      </c>
      <c r="H28837" t="s">
        <v>16560</v>
      </c>
      <c r="I28837" s="2">
        <v>1</v>
      </c>
      <c r="J28837" s="2">
        <v>0</v>
      </c>
      <c r="K28837" s="2">
        <v>0</v>
      </c>
      <c r="L28837" t="s">
        <v>120</v>
      </c>
      <c r="M28837" t="s">
        <v>83</v>
      </c>
      <c r="N28837" t="s">
        <v>91</v>
      </c>
      <c r="O28837" t="s">
        <v>85</v>
      </c>
      <c r="P28837" t="s">
        <v>86</v>
      </c>
      <c r="Q28837">
        <v>26</v>
      </c>
      <c r="R28837">
        <v>26</v>
      </c>
      <c r="S28837">
        <v>27</v>
      </c>
      <c r="T28837">
        <v>28</v>
      </c>
      <c r="U28837">
        <v>29</v>
      </c>
      <c r="V28837">
        <v>29</v>
      </c>
      <c r="W28837">
        <v>30</v>
      </c>
      <c r="X28837">
        <v>31</v>
      </c>
      <c r="Y28837">
        <v>32</v>
      </c>
      <c r="Z28837">
        <v>33</v>
      </c>
      <c r="AA28837">
        <v>34</v>
      </c>
      <c r="AB28837">
        <v>34</v>
      </c>
      <c r="AC28837">
        <v>35</v>
      </c>
      <c r="AD28837">
        <v>36</v>
      </c>
      <c r="AE28837">
        <v>37</v>
      </c>
      <c r="AF28837">
        <v>38</v>
      </c>
      <c r="AG28837">
        <v>39</v>
      </c>
      <c r="AH28837">
        <v>40</v>
      </c>
      <c r="AI28837">
        <v>41</v>
      </c>
      <c r="AJ28837">
        <v>42</v>
      </c>
      <c r="AK28837">
        <v>43</v>
      </c>
      <c r="AL28837">
        <v>44</v>
      </c>
      <c r="AM28837">
        <v>45</v>
      </c>
      <c r="AN28837">
        <v>45</v>
      </c>
      <c r="AO28837">
        <v>46</v>
      </c>
      <c r="AP28837">
        <v>47</v>
      </c>
      <c r="AQ28837">
        <v>47</v>
      </c>
    </row>
    <row r="28838" spans="1:43">
      <c r="A28838" t="s">
        <v>17853</v>
      </c>
      <c r="B28838" t="s">
        <v>17854</v>
      </c>
      <c r="C28838" t="s">
        <v>17855</v>
      </c>
      <c r="D28838" t="s">
        <v>17856</v>
      </c>
      <c r="E28838" t="s">
        <v>17787</v>
      </c>
      <c r="F28838" t="s">
        <v>17788</v>
      </c>
      <c r="G28838" t="s">
        <v>16559</v>
      </c>
      <c r="H28838" t="s">
        <v>16560</v>
      </c>
      <c r="I28838" s="2">
        <v>1</v>
      </c>
      <c r="J28838" s="2">
        <v>0</v>
      </c>
      <c r="K28838" s="2">
        <v>0</v>
      </c>
      <c r="L28838" t="s">
        <v>120</v>
      </c>
      <c r="M28838" t="s">
        <v>83</v>
      </c>
      <c r="N28838" t="s">
        <v>84</v>
      </c>
      <c r="O28838" t="s">
        <v>85</v>
      </c>
      <c r="P28838" t="s">
        <v>86</v>
      </c>
      <c r="Q28838">
        <v>23</v>
      </c>
      <c r="R28838">
        <v>24</v>
      </c>
      <c r="S28838">
        <v>25</v>
      </c>
      <c r="T28838">
        <v>25</v>
      </c>
      <c r="U28838">
        <v>26</v>
      </c>
      <c r="V28838">
        <v>27</v>
      </c>
      <c r="W28838">
        <v>28</v>
      </c>
      <c r="X28838">
        <v>28</v>
      </c>
      <c r="Y28838">
        <v>29</v>
      </c>
      <c r="Z28838">
        <v>30</v>
      </c>
      <c r="AA28838">
        <v>31</v>
      </c>
      <c r="AB28838">
        <v>31</v>
      </c>
      <c r="AC28838">
        <v>32</v>
      </c>
      <c r="AD28838">
        <v>33</v>
      </c>
      <c r="AE28838">
        <v>34</v>
      </c>
      <c r="AF28838">
        <v>35</v>
      </c>
      <c r="AG28838">
        <v>36</v>
      </c>
      <c r="AH28838">
        <v>37</v>
      </c>
      <c r="AI28838">
        <v>38</v>
      </c>
      <c r="AJ28838">
        <v>38</v>
      </c>
      <c r="AK28838">
        <v>39</v>
      </c>
      <c r="AL28838">
        <v>40</v>
      </c>
      <c r="AM28838">
        <v>41</v>
      </c>
      <c r="AN28838">
        <v>41</v>
      </c>
      <c r="AO28838">
        <v>42</v>
      </c>
      <c r="AP28838">
        <v>43</v>
      </c>
      <c r="AQ28838">
        <v>43</v>
      </c>
    </row>
    <row r="28839" spans="1:43">
      <c r="A28839" t="s">
        <v>17853</v>
      </c>
      <c r="B28839" t="s">
        <v>17854</v>
      </c>
      <c r="C28839" t="s">
        <v>17855</v>
      </c>
      <c r="D28839" t="s">
        <v>17856</v>
      </c>
      <c r="E28839" t="s">
        <v>17787</v>
      </c>
      <c r="F28839" t="s">
        <v>17788</v>
      </c>
      <c r="G28839" t="s">
        <v>16559</v>
      </c>
      <c r="H28839" t="s">
        <v>16560</v>
      </c>
      <c r="I28839" s="2">
        <v>1</v>
      </c>
      <c r="J28839" s="2">
        <v>0</v>
      </c>
      <c r="K28839" s="2">
        <v>0</v>
      </c>
      <c r="L28839" t="s">
        <v>120</v>
      </c>
      <c r="M28839" t="s">
        <v>87</v>
      </c>
      <c r="N28839" t="s">
        <v>88</v>
      </c>
      <c r="O28839" t="s">
        <v>85</v>
      </c>
      <c r="P28839" t="s">
        <v>86</v>
      </c>
      <c r="Q28839">
        <v>23</v>
      </c>
      <c r="R28839">
        <v>24</v>
      </c>
      <c r="S28839">
        <v>24</v>
      </c>
      <c r="T28839">
        <v>24</v>
      </c>
      <c r="U28839">
        <v>25</v>
      </c>
      <c r="V28839">
        <v>25</v>
      </c>
      <c r="W28839">
        <v>26</v>
      </c>
      <c r="X28839">
        <v>26</v>
      </c>
      <c r="Y28839">
        <v>27</v>
      </c>
      <c r="Z28839">
        <v>27</v>
      </c>
      <c r="AA28839">
        <v>28</v>
      </c>
      <c r="AB28839">
        <v>29</v>
      </c>
      <c r="AC28839">
        <v>29</v>
      </c>
      <c r="AD28839">
        <v>30</v>
      </c>
      <c r="AE28839">
        <v>30</v>
      </c>
      <c r="AF28839">
        <v>31</v>
      </c>
      <c r="AG28839">
        <v>31</v>
      </c>
      <c r="AH28839">
        <v>32</v>
      </c>
      <c r="AI28839">
        <v>33</v>
      </c>
      <c r="AJ28839">
        <v>33</v>
      </c>
      <c r="AK28839">
        <v>34</v>
      </c>
      <c r="AL28839">
        <v>35</v>
      </c>
      <c r="AM28839">
        <v>35</v>
      </c>
      <c r="AN28839">
        <v>36</v>
      </c>
      <c r="AO28839">
        <v>37</v>
      </c>
      <c r="AP28839">
        <v>37</v>
      </c>
      <c r="AQ28839">
        <v>38</v>
      </c>
    </row>
    <row r="28840" spans="1:43">
      <c r="A28840" t="s">
        <v>17853</v>
      </c>
      <c r="B28840" t="s">
        <v>17854</v>
      </c>
      <c r="C28840" t="s">
        <v>17855</v>
      </c>
      <c r="D28840" t="s">
        <v>17856</v>
      </c>
      <c r="E28840" t="s">
        <v>17787</v>
      </c>
      <c r="F28840" t="s">
        <v>17788</v>
      </c>
      <c r="G28840" t="s">
        <v>16559</v>
      </c>
      <c r="H28840" t="s">
        <v>16560</v>
      </c>
      <c r="I28840" s="2">
        <v>1</v>
      </c>
      <c r="J28840" s="2">
        <v>0</v>
      </c>
      <c r="K28840" s="2">
        <v>0</v>
      </c>
      <c r="L28840" t="s">
        <v>120</v>
      </c>
      <c r="M28840" t="s">
        <v>89</v>
      </c>
      <c r="N28840" t="s">
        <v>90</v>
      </c>
      <c r="O28840" t="s">
        <v>85</v>
      </c>
      <c r="P28840" t="s">
        <v>86</v>
      </c>
      <c r="Q28840">
        <v>23</v>
      </c>
      <c r="R28840">
        <v>23</v>
      </c>
      <c r="S28840">
        <v>24</v>
      </c>
      <c r="T28840">
        <v>25</v>
      </c>
      <c r="U28840">
        <v>26</v>
      </c>
      <c r="V28840">
        <v>27</v>
      </c>
      <c r="W28840">
        <v>28</v>
      </c>
      <c r="X28840">
        <v>29</v>
      </c>
      <c r="Y28840">
        <v>30</v>
      </c>
      <c r="Z28840">
        <v>31</v>
      </c>
      <c r="AA28840">
        <v>32</v>
      </c>
      <c r="AB28840">
        <v>33</v>
      </c>
      <c r="AC28840">
        <v>34</v>
      </c>
      <c r="AD28840">
        <v>34</v>
      </c>
      <c r="AE28840">
        <v>35</v>
      </c>
      <c r="AF28840">
        <v>36</v>
      </c>
      <c r="AG28840">
        <v>36</v>
      </c>
      <c r="AH28840">
        <v>37</v>
      </c>
      <c r="AI28840">
        <v>38</v>
      </c>
      <c r="AJ28840">
        <v>38</v>
      </c>
      <c r="AK28840">
        <v>39</v>
      </c>
      <c r="AL28840">
        <v>39</v>
      </c>
      <c r="AM28840">
        <v>40</v>
      </c>
      <c r="AN28840">
        <v>41</v>
      </c>
      <c r="AO28840">
        <v>41</v>
      </c>
      <c r="AP28840">
        <v>42</v>
      </c>
      <c r="AQ28840">
        <v>43</v>
      </c>
    </row>
    <row r="28841" spans="1:43">
      <c r="A28841" t="s">
        <v>17853</v>
      </c>
      <c r="B28841" t="s">
        <v>17854</v>
      </c>
      <c r="C28841" t="s">
        <v>17855</v>
      </c>
      <c r="D28841" t="s">
        <v>17856</v>
      </c>
      <c r="E28841" t="s">
        <v>17787</v>
      </c>
      <c r="F28841" t="s">
        <v>17788</v>
      </c>
      <c r="G28841" t="s">
        <v>16559</v>
      </c>
      <c r="H28841" t="s">
        <v>16560</v>
      </c>
      <c r="I28841" s="2">
        <v>1</v>
      </c>
      <c r="J28841" s="2">
        <v>0</v>
      </c>
      <c r="K28841" s="2">
        <v>0</v>
      </c>
      <c r="L28841" t="s">
        <v>120</v>
      </c>
      <c r="M28841" t="s">
        <v>83</v>
      </c>
      <c r="N28841" t="s">
        <v>91</v>
      </c>
      <c r="O28841" t="s">
        <v>85</v>
      </c>
      <c r="P28841" t="s">
        <v>86</v>
      </c>
      <c r="Q28841">
        <v>23</v>
      </c>
      <c r="R28841">
        <v>24</v>
      </c>
      <c r="S28841">
        <v>25</v>
      </c>
      <c r="T28841">
        <v>25</v>
      </c>
      <c r="U28841">
        <v>26</v>
      </c>
      <c r="V28841">
        <v>27</v>
      </c>
      <c r="W28841">
        <v>28</v>
      </c>
      <c r="X28841">
        <v>28</v>
      </c>
      <c r="Y28841">
        <v>29</v>
      </c>
      <c r="Z28841">
        <v>30</v>
      </c>
      <c r="AA28841">
        <v>31</v>
      </c>
      <c r="AB28841">
        <v>31</v>
      </c>
      <c r="AC28841">
        <v>32</v>
      </c>
      <c r="AD28841">
        <v>33</v>
      </c>
      <c r="AE28841">
        <v>34</v>
      </c>
      <c r="AF28841">
        <v>35</v>
      </c>
      <c r="AG28841">
        <v>36</v>
      </c>
      <c r="AH28841">
        <v>37</v>
      </c>
      <c r="AI28841">
        <v>38</v>
      </c>
      <c r="AJ28841">
        <v>38</v>
      </c>
      <c r="AK28841">
        <v>39</v>
      </c>
      <c r="AL28841">
        <v>40</v>
      </c>
      <c r="AM28841">
        <v>41</v>
      </c>
      <c r="AN28841">
        <v>41</v>
      </c>
      <c r="AO28841">
        <v>42</v>
      </c>
      <c r="AP28841">
        <v>43</v>
      </c>
      <c r="AQ28841">
        <v>43</v>
      </c>
    </row>
    <row r="28842" spans="1:43">
      <c r="A28842" t="s">
        <v>17857</v>
      </c>
      <c r="B28842" t="s">
        <v>17858</v>
      </c>
      <c r="C28842" t="s">
        <v>17855</v>
      </c>
      <c r="D28842" t="s">
        <v>17856</v>
      </c>
      <c r="E28842" t="s">
        <v>17787</v>
      </c>
      <c r="F28842" t="s">
        <v>17788</v>
      </c>
      <c r="G28842" t="s">
        <v>16559</v>
      </c>
      <c r="H28842" t="s">
        <v>16560</v>
      </c>
      <c r="I28842" s="2">
        <v>1</v>
      </c>
      <c r="J28842" s="2">
        <v>0</v>
      </c>
      <c r="K28842" s="2">
        <v>0</v>
      </c>
      <c r="L28842" t="s">
        <v>120</v>
      </c>
      <c r="M28842" t="s">
        <v>83</v>
      </c>
      <c r="N28842" t="s">
        <v>84</v>
      </c>
      <c r="O28842" t="s">
        <v>85</v>
      </c>
      <c r="P28842" t="s">
        <v>86</v>
      </c>
      <c r="Q28842">
        <v>11</v>
      </c>
      <c r="R28842">
        <v>12</v>
      </c>
      <c r="S28842">
        <v>12</v>
      </c>
      <c r="T28842">
        <v>12</v>
      </c>
      <c r="U28842">
        <v>13</v>
      </c>
      <c r="V28842">
        <v>13</v>
      </c>
      <c r="W28842">
        <v>14</v>
      </c>
      <c r="X28842">
        <v>14</v>
      </c>
      <c r="Y28842">
        <v>14</v>
      </c>
      <c r="Z28842">
        <v>15</v>
      </c>
      <c r="AA28842">
        <v>15</v>
      </c>
      <c r="AB28842">
        <v>15</v>
      </c>
      <c r="AC28842">
        <v>16</v>
      </c>
      <c r="AD28842">
        <v>16</v>
      </c>
      <c r="AE28842">
        <v>17</v>
      </c>
      <c r="AF28842">
        <v>17</v>
      </c>
      <c r="AG28842">
        <v>18</v>
      </c>
      <c r="AH28842">
        <v>18</v>
      </c>
      <c r="AI28842">
        <v>18</v>
      </c>
      <c r="AJ28842">
        <v>19</v>
      </c>
      <c r="AK28842">
        <v>19</v>
      </c>
      <c r="AL28842">
        <v>20</v>
      </c>
      <c r="AM28842">
        <v>20</v>
      </c>
      <c r="AN28842">
        <v>20</v>
      </c>
      <c r="AO28842">
        <v>21</v>
      </c>
      <c r="AP28842">
        <v>21</v>
      </c>
      <c r="AQ28842">
        <v>21</v>
      </c>
    </row>
    <row r="28843" spans="1:43">
      <c r="A28843" t="s">
        <v>17857</v>
      </c>
      <c r="B28843" t="s">
        <v>17858</v>
      </c>
      <c r="C28843" t="s">
        <v>17855</v>
      </c>
      <c r="D28843" t="s">
        <v>17856</v>
      </c>
      <c r="E28843" t="s">
        <v>17787</v>
      </c>
      <c r="F28843" t="s">
        <v>17788</v>
      </c>
      <c r="G28843" t="s">
        <v>16559</v>
      </c>
      <c r="H28843" t="s">
        <v>16560</v>
      </c>
      <c r="I28843" s="2">
        <v>1</v>
      </c>
      <c r="J28843" s="2">
        <v>0</v>
      </c>
      <c r="K28843" s="2">
        <v>0</v>
      </c>
      <c r="L28843" t="s">
        <v>120</v>
      </c>
      <c r="M28843" t="s">
        <v>87</v>
      </c>
      <c r="N28843" t="s">
        <v>88</v>
      </c>
      <c r="O28843" t="s">
        <v>85</v>
      </c>
      <c r="P28843" t="s">
        <v>86</v>
      </c>
      <c r="Q28843">
        <v>11</v>
      </c>
      <c r="R28843">
        <v>12</v>
      </c>
      <c r="S28843">
        <v>12</v>
      </c>
      <c r="T28843">
        <v>12</v>
      </c>
      <c r="U28843">
        <v>12</v>
      </c>
      <c r="V28843">
        <v>13</v>
      </c>
      <c r="W28843">
        <v>13</v>
      </c>
      <c r="X28843">
        <v>13</v>
      </c>
      <c r="Y28843">
        <v>13</v>
      </c>
      <c r="Z28843">
        <v>14</v>
      </c>
      <c r="AA28843">
        <v>14</v>
      </c>
      <c r="AB28843">
        <v>14</v>
      </c>
      <c r="AC28843">
        <v>14</v>
      </c>
      <c r="AD28843">
        <v>15</v>
      </c>
      <c r="AE28843">
        <v>15</v>
      </c>
      <c r="AF28843">
        <v>15</v>
      </c>
      <c r="AG28843">
        <v>15</v>
      </c>
      <c r="AH28843">
        <v>16</v>
      </c>
      <c r="AI28843">
        <v>16</v>
      </c>
      <c r="AJ28843">
        <v>16</v>
      </c>
      <c r="AK28843">
        <v>17</v>
      </c>
      <c r="AL28843">
        <v>17</v>
      </c>
      <c r="AM28843">
        <v>17</v>
      </c>
      <c r="AN28843">
        <v>18</v>
      </c>
      <c r="AO28843">
        <v>18</v>
      </c>
      <c r="AP28843">
        <v>18</v>
      </c>
      <c r="AQ28843">
        <v>19</v>
      </c>
    </row>
    <row r="28844" spans="1:43">
      <c r="A28844" t="s">
        <v>17857</v>
      </c>
      <c r="B28844" t="s">
        <v>17858</v>
      </c>
      <c r="C28844" t="s">
        <v>17855</v>
      </c>
      <c r="D28844" t="s">
        <v>17856</v>
      </c>
      <c r="E28844" t="s">
        <v>17787</v>
      </c>
      <c r="F28844" t="s">
        <v>17788</v>
      </c>
      <c r="G28844" t="s">
        <v>16559</v>
      </c>
      <c r="H28844" t="s">
        <v>16560</v>
      </c>
      <c r="I28844" s="2">
        <v>1</v>
      </c>
      <c r="J28844" s="2">
        <v>0</v>
      </c>
      <c r="K28844" s="2">
        <v>0</v>
      </c>
      <c r="L28844" t="s">
        <v>120</v>
      </c>
      <c r="M28844" t="s">
        <v>89</v>
      </c>
      <c r="N28844" t="s">
        <v>90</v>
      </c>
      <c r="O28844" t="s">
        <v>85</v>
      </c>
      <c r="P28844" t="s">
        <v>86</v>
      </c>
      <c r="Q28844">
        <v>11</v>
      </c>
      <c r="R28844">
        <v>11</v>
      </c>
      <c r="S28844">
        <v>11</v>
      </c>
      <c r="T28844">
        <v>12</v>
      </c>
      <c r="U28844">
        <v>12</v>
      </c>
      <c r="V28844">
        <v>13</v>
      </c>
      <c r="W28844">
        <v>13</v>
      </c>
      <c r="X28844">
        <v>14</v>
      </c>
      <c r="Y28844">
        <v>14</v>
      </c>
      <c r="Z28844">
        <v>15</v>
      </c>
      <c r="AA28844">
        <v>15</v>
      </c>
      <c r="AB28844">
        <v>15</v>
      </c>
      <c r="AC28844">
        <v>16</v>
      </c>
      <c r="AD28844">
        <v>16</v>
      </c>
      <c r="AE28844">
        <v>17</v>
      </c>
      <c r="AF28844">
        <v>17</v>
      </c>
      <c r="AG28844">
        <v>17</v>
      </c>
      <c r="AH28844">
        <v>18</v>
      </c>
      <c r="AI28844">
        <v>18</v>
      </c>
      <c r="AJ28844">
        <v>18</v>
      </c>
      <c r="AK28844">
        <v>19</v>
      </c>
      <c r="AL28844">
        <v>19</v>
      </c>
      <c r="AM28844">
        <v>19</v>
      </c>
      <c r="AN28844">
        <v>20</v>
      </c>
      <c r="AO28844">
        <v>20</v>
      </c>
      <c r="AP28844">
        <v>20</v>
      </c>
      <c r="AQ28844">
        <v>20</v>
      </c>
    </row>
    <row r="28845" spans="1:43">
      <c r="A28845" t="s">
        <v>17857</v>
      </c>
      <c r="B28845" t="s">
        <v>17858</v>
      </c>
      <c r="C28845" t="s">
        <v>17855</v>
      </c>
      <c r="D28845" t="s">
        <v>17856</v>
      </c>
      <c r="E28845" t="s">
        <v>17787</v>
      </c>
      <c r="F28845" t="s">
        <v>17788</v>
      </c>
      <c r="G28845" t="s">
        <v>16559</v>
      </c>
      <c r="H28845" t="s">
        <v>16560</v>
      </c>
      <c r="I28845" s="2">
        <v>1</v>
      </c>
      <c r="J28845" s="2">
        <v>0</v>
      </c>
      <c r="K28845" s="2">
        <v>0</v>
      </c>
      <c r="L28845" t="s">
        <v>120</v>
      </c>
      <c r="M28845" t="s">
        <v>83</v>
      </c>
      <c r="N28845" t="s">
        <v>91</v>
      </c>
      <c r="O28845" t="s">
        <v>85</v>
      </c>
      <c r="P28845" t="s">
        <v>86</v>
      </c>
      <c r="Q28845">
        <v>11</v>
      </c>
      <c r="R28845">
        <v>12</v>
      </c>
      <c r="S28845">
        <v>12</v>
      </c>
      <c r="T28845">
        <v>12</v>
      </c>
      <c r="U28845">
        <v>13</v>
      </c>
      <c r="V28845">
        <v>13</v>
      </c>
      <c r="W28845">
        <v>14</v>
      </c>
      <c r="X28845">
        <v>14</v>
      </c>
      <c r="Y28845">
        <v>14</v>
      </c>
      <c r="Z28845">
        <v>15</v>
      </c>
      <c r="AA28845">
        <v>15</v>
      </c>
      <c r="AB28845">
        <v>15</v>
      </c>
      <c r="AC28845">
        <v>16</v>
      </c>
      <c r="AD28845">
        <v>16</v>
      </c>
      <c r="AE28845">
        <v>17</v>
      </c>
      <c r="AF28845">
        <v>17</v>
      </c>
      <c r="AG28845">
        <v>18</v>
      </c>
      <c r="AH28845">
        <v>18</v>
      </c>
      <c r="AI28845">
        <v>18</v>
      </c>
      <c r="AJ28845">
        <v>19</v>
      </c>
      <c r="AK28845">
        <v>19</v>
      </c>
      <c r="AL28845">
        <v>20</v>
      </c>
      <c r="AM28845">
        <v>20</v>
      </c>
      <c r="AN28845">
        <v>20</v>
      </c>
      <c r="AO28845">
        <v>21</v>
      </c>
      <c r="AP28845">
        <v>21</v>
      </c>
      <c r="AQ28845">
        <v>21</v>
      </c>
    </row>
    <row r="28846" spans="1:43">
      <c r="A28846" t="s">
        <v>17859</v>
      </c>
      <c r="B28846" t="s">
        <v>17860</v>
      </c>
      <c r="C28846" t="s">
        <v>17839</v>
      </c>
      <c r="D28846" t="s">
        <v>17840</v>
      </c>
      <c r="E28846" t="s">
        <v>17787</v>
      </c>
      <c r="F28846" t="s">
        <v>17788</v>
      </c>
      <c r="G28846" t="s">
        <v>16559</v>
      </c>
      <c r="H28846" t="s">
        <v>16560</v>
      </c>
      <c r="I28846" s="2">
        <v>1</v>
      </c>
      <c r="J28846" s="2">
        <v>0</v>
      </c>
      <c r="K28846" s="2">
        <v>0</v>
      </c>
      <c r="L28846" t="s">
        <v>120</v>
      </c>
      <c r="M28846" t="s">
        <v>83</v>
      </c>
      <c r="N28846" t="s">
        <v>84</v>
      </c>
      <c r="O28846" t="s">
        <v>85</v>
      </c>
      <c r="P28846" t="s">
        <v>86</v>
      </c>
      <c r="Q28846">
        <v>28</v>
      </c>
      <c r="R28846">
        <v>29</v>
      </c>
      <c r="S28846">
        <v>29</v>
      </c>
      <c r="T28846">
        <v>30</v>
      </c>
      <c r="U28846">
        <v>31</v>
      </c>
      <c r="V28846">
        <v>32</v>
      </c>
      <c r="W28846">
        <v>33</v>
      </c>
      <c r="X28846">
        <v>34</v>
      </c>
      <c r="Y28846">
        <v>34</v>
      </c>
      <c r="Z28846">
        <v>35</v>
      </c>
      <c r="AA28846">
        <v>36</v>
      </c>
      <c r="AB28846">
        <v>37</v>
      </c>
      <c r="AC28846">
        <v>38</v>
      </c>
      <c r="AD28846">
        <v>39</v>
      </c>
      <c r="AE28846">
        <v>40</v>
      </c>
      <c r="AF28846">
        <v>41</v>
      </c>
      <c r="AG28846">
        <v>42</v>
      </c>
      <c r="AH28846">
        <v>43</v>
      </c>
      <c r="AI28846">
        <v>44</v>
      </c>
      <c r="AJ28846">
        <v>46</v>
      </c>
      <c r="AK28846">
        <v>47</v>
      </c>
      <c r="AL28846">
        <v>47</v>
      </c>
      <c r="AM28846">
        <v>48</v>
      </c>
      <c r="AN28846">
        <v>49</v>
      </c>
      <c r="AO28846">
        <v>50</v>
      </c>
      <c r="AP28846">
        <v>50</v>
      </c>
      <c r="AQ28846">
        <v>51</v>
      </c>
    </row>
    <row r="28847" spans="1:43">
      <c r="A28847" t="s">
        <v>17859</v>
      </c>
      <c r="B28847" t="s">
        <v>17860</v>
      </c>
      <c r="C28847" t="s">
        <v>17839</v>
      </c>
      <c r="D28847" t="s">
        <v>17840</v>
      </c>
      <c r="E28847" t="s">
        <v>17787</v>
      </c>
      <c r="F28847" t="s">
        <v>17788</v>
      </c>
      <c r="G28847" t="s">
        <v>16559</v>
      </c>
      <c r="H28847" t="s">
        <v>16560</v>
      </c>
      <c r="I28847" s="2">
        <v>1</v>
      </c>
      <c r="J28847" s="2">
        <v>0</v>
      </c>
      <c r="K28847" s="2">
        <v>0</v>
      </c>
      <c r="L28847" t="s">
        <v>120</v>
      </c>
      <c r="M28847" t="s">
        <v>87</v>
      </c>
      <c r="N28847" t="s">
        <v>88</v>
      </c>
      <c r="O28847" t="s">
        <v>85</v>
      </c>
      <c r="P28847" t="s">
        <v>86</v>
      </c>
      <c r="Q28847">
        <v>28</v>
      </c>
      <c r="R28847">
        <v>28</v>
      </c>
      <c r="S28847">
        <v>29</v>
      </c>
      <c r="T28847">
        <v>29</v>
      </c>
      <c r="U28847">
        <v>30</v>
      </c>
      <c r="V28847">
        <v>30</v>
      </c>
      <c r="W28847">
        <v>31</v>
      </c>
      <c r="X28847">
        <v>31</v>
      </c>
      <c r="Y28847">
        <v>32</v>
      </c>
      <c r="Z28847">
        <v>32</v>
      </c>
      <c r="AA28847">
        <v>33</v>
      </c>
      <c r="AB28847">
        <v>34</v>
      </c>
      <c r="AC28847">
        <v>34</v>
      </c>
      <c r="AD28847">
        <v>35</v>
      </c>
      <c r="AE28847">
        <v>36</v>
      </c>
      <c r="AF28847">
        <v>36</v>
      </c>
      <c r="AG28847">
        <v>37</v>
      </c>
      <c r="AH28847">
        <v>38</v>
      </c>
      <c r="AI28847">
        <v>38</v>
      </c>
      <c r="AJ28847">
        <v>39</v>
      </c>
      <c r="AK28847">
        <v>40</v>
      </c>
      <c r="AL28847">
        <v>40</v>
      </c>
      <c r="AM28847">
        <v>41</v>
      </c>
      <c r="AN28847">
        <v>42</v>
      </c>
      <c r="AO28847">
        <v>43</v>
      </c>
      <c r="AP28847">
        <v>44</v>
      </c>
      <c r="AQ28847">
        <v>44</v>
      </c>
    </row>
    <row r="28848" spans="1:43">
      <c r="A28848" t="s">
        <v>17859</v>
      </c>
      <c r="B28848" t="s">
        <v>17860</v>
      </c>
      <c r="C28848" t="s">
        <v>17839</v>
      </c>
      <c r="D28848" t="s">
        <v>17840</v>
      </c>
      <c r="E28848" t="s">
        <v>17787</v>
      </c>
      <c r="F28848" t="s">
        <v>17788</v>
      </c>
      <c r="G28848" t="s">
        <v>16559</v>
      </c>
      <c r="H28848" t="s">
        <v>16560</v>
      </c>
      <c r="I28848" s="2">
        <v>1</v>
      </c>
      <c r="J28848" s="2">
        <v>0</v>
      </c>
      <c r="K28848" s="2">
        <v>0</v>
      </c>
      <c r="L28848" t="s">
        <v>120</v>
      </c>
      <c r="M28848" t="s">
        <v>89</v>
      </c>
      <c r="N28848" t="s">
        <v>90</v>
      </c>
      <c r="O28848" t="s">
        <v>85</v>
      </c>
      <c r="P28848" t="s">
        <v>86</v>
      </c>
      <c r="Q28848">
        <v>28</v>
      </c>
      <c r="R28848">
        <v>29</v>
      </c>
      <c r="S28848">
        <v>30</v>
      </c>
      <c r="T28848">
        <v>31</v>
      </c>
      <c r="U28848">
        <v>32</v>
      </c>
      <c r="V28848">
        <v>33</v>
      </c>
      <c r="W28848">
        <v>34</v>
      </c>
      <c r="X28848">
        <v>35</v>
      </c>
      <c r="Y28848">
        <v>36</v>
      </c>
      <c r="Z28848">
        <v>38</v>
      </c>
      <c r="AA28848">
        <v>39</v>
      </c>
      <c r="AB28848">
        <v>40</v>
      </c>
      <c r="AC28848">
        <v>41</v>
      </c>
      <c r="AD28848">
        <v>42</v>
      </c>
      <c r="AE28848">
        <v>43</v>
      </c>
      <c r="AF28848">
        <v>44</v>
      </c>
      <c r="AG28848">
        <v>44</v>
      </c>
      <c r="AH28848">
        <v>45</v>
      </c>
      <c r="AI28848">
        <v>46</v>
      </c>
      <c r="AJ28848">
        <v>46</v>
      </c>
      <c r="AK28848">
        <v>47</v>
      </c>
      <c r="AL28848">
        <v>48</v>
      </c>
      <c r="AM28848">
        <v>48</v>
      </c>
      <c r="AN28848">
        <v>49</v>
      </c>
      <c r="AO28848">
        <v>50</v>
      </c>
      <c r="AP28848">
        <v>51</v>
      </c>
      <c r="AQ28848">
        <v>51</v>
      </c>
    </row>
    <row r="28849" spans="1:43">
      <c r="A28849" t="s">
        <v>17859</v>
      </c>
      <c r="B28849" t="s">
        <v>17860</v>
      </c>
      <c r="C28849" t="s">
        <v>17839</v>
      </c>
      <c r="D28849" t="s">
        <v>17840</v>
      </c>
      <c r="E28849" t="s">
        <v>17787</v>
      </c>
      <c r="F28849" t="s">
        <v>17788</v>
      </c>
      <c r="G28849" t="s">
        <v>16559</v>
      </c>
      <c r="H28849" t="s">
        <v>16560</v>
      </c>
      <c r="I28849" s="2">
        <v>1</v>
      </c>
      <c r="J28849" s="2">
        <v>0</v>
      </c>
      <c r="K28849" s="2">
        <v>0</v>
      </c>
      <c r="L28849" t="s">
        <v>120</v>
      </c>
      <c r="M28849" t="s">
        <v>83</v>
      </c>
      <c r="N28849" t="s">
        <v>91</v>
      </c>
      <c r="O28849" t="s">
        <v>85</v>
      </c>
      <c r="P28849" t="s">
        <v>86</v>
      </c>
      <c r="Q28849">
        <v>28</v>
      </c>
      <c r="R28849">
        <v>29</v>
      </c>
      <c r="S28849">
        <v>29</v>
      </c>
      <c r="T28849">
        <v>30</v>
      </c>
      <c r="U28849">
        <v>31</v>
      </c>
      <c r="V28849">
        <v>32</v>
      </c>
      <c r="W28849">
        <v>33</v>
      </c>
      <c r="X28849">
        <v>34</v>
      </c>
      <c r="Y28849">
        <v>34</v>
      </c>
      <c r="Z28849">
        <v>35</v>
      </c>
      <c r="AA28849">
        <v>36</v>
      </c>
      <c r="AB28849">
        <v>37</v>
      </c>
      <c r="AC28849">
        <v>38</v>
      </c>
      <c r="AD28849">
        <v>39</v>
      </c>
      <c r="AE28849">
        <v>40</v>
      </c>
      <c r="AF28849">
        <v>41</v>
      </c>
      <c r="AG28849">
        <v>42</v>
      </c>
      <c r="AH28849">
        <v>43</v>
      </c>
      <c r="AI28849">
        <v>44</v>
      </c>
      <c r="AJ28849">
        <v>46</v>
      </c>
      <c r="AK28849">
        <v>47</v>
      </c>
      <c r="AL28849">
        <v>47</v>
      </c>
      <c r="AM28849">
        <v>48</v>
      </c>
      <c r="AN28849">
        <v>49</v>
      </c>
      <c r="AO28849">
        <v>50</v>
      </c>
      <c r="AP28849">
        <v>50</v>
      </c>
      <c r="AQ28849">
        <v>51</v>
      </c>
    </row>
    <row r="28850" spans="1:43">
      <c r="A28850" t="s">
        <v>17861</v>
      </c>
      <c r="B28850" t="s">
        <v>17862</v>
      </c>
      <c r="C28850" t="s">
        <v>17855</v>
      </c>
      <c r="D28850" t="s">
        <v>17856</v>
      </c>
      <c r="E28850" t="s">
        <v>17787</v>
      </c>
      <c r="F28850" t="s">
        <v>17788</v>
      </c>
      <c r="G28850" t="s">
        <v>16559</v>
      </c>
      <c r="H28850" t="s">
        <v>16560</v>
      </c>
      <c r="I28850" s="2">
        <v>1</v>
      </c>
      <c r="J28850" s="2">
        <v>0</v>
      </c>
      <c r="K28850" s="2">
        <v>0</v>
      </c>
      <c r="L28850" t="s">
        <v>120</v>
      </c>
      <c r="M28850" t="s">
        <v>83</v>
      </c>
      <c r="N28850" t="s">
        <v>84</v>
      </c>
      <c r="O28850" t="s">
        <v>85</v>
      </c>
      <c r="P28850" t="s">
        <v>86</v>
      </c>
      <c r="Q28850">
        <v>15</v>
      </c>
      <c r="R28850">
        <v>16</v>
      </c>
      <c r="S28850">
        <v>16</v>
      </c>
      <c r="T28850">
        <v>17</v>
      </c>
      <c r="U28850">
        <v>17</v>
      </c>
      <c r="V28850">
        <v>18</v>
      </c>
      <c r="W28850">
        <v>18</v>
      </c>
      <c r="X28850">
        <v>19</v>
      </c>
      <c r="Y28850">
        <v>19</v>
      </c>
      <c r="Z28850">
        <v>20</v>
      </c>
      <c r="AA28850">
        <v>20</v>
      </c>
      <c r="AB28850">
        <v>21</v>
      </c>
      <c r="AC28850">
        <v>21</v>
      </c>
      <c r="AD28850">
        <v>22</v>
      </c>
      <c r="AE28850">
        <v>22</v>
      </c>
      <c r="AF28850">
        <v>23</v>
      </c>
      <c r="AG28850">
        <v>23</v>
      </c>
      <c r="AH28850">
        <v>24</v>
      </c>
      <c r="AI28850">
        <v>25</v>
      </c>
      <c r="AJ28850">
        <v>25</v>
      </c>
      <c r="AK28850">
        <v>26</v>
      </c>
      <c r="AL28850">
        <v>26</v>
      </c>
      <c r="AM28850">
        <v>27</v>
      </c>
      <c r="AN28850">
        <v>27</v>
      </c>
      <c r="AO28850">
        <v>28</v>
      </c>
      <c r="AP28850">
        <v>28</v>
      </c>
      <c r="AQ28850">
        <v>28</v>
      </c>
    </row>
    <row r="28851" spans="1:43">
      <c r="A28851" t="s">
        <v>17861</v>
      </c>
      <c r="B28851" t="s">
        <v>17862</v>
      </c>
      <c r="C28851" t="s">
        <v>17855</v>
      </c>
      <c r="D28851" t="s">
        <v>17856</v>
      </c>
      <c r="E28851" t="s">
        <v>17787</v>
      </c>
      <c r="F28851" t="s">
        <v>17788</v>
      </c>
      <c r="G28851" t="s">
        <v>16559</v>
      </c>
      <c r="H28851" t="s">
        <v>16560</v>
      </c>
      <c r="I28851" s="2">
        <v>1</v>
      </c>
      <c r="J28851" s="2">
        <v>0</v>
      </c>
      <c r="K28851" s="2">
        <v>0</v>
      </c>
      <c r="L28851" t="s">
        <v>120</v>
      </c>
      <c r="M28851" t="s">
        <v>87</v>
      </c>
      <c r="N28851" t="s">
        <v>88</v>
      </c>
      <c r="O28851" t="s">
        <v>85</v>
      </c>
      <c r="P28851" t="s">
        <v>86</v>
      </c>
      <c r="Q28851">
        <v>15</v>
      </c>
      <c r="R28851">
        <v>15</v>
      </c>
      <c r="S28851">
        <v>16</v>
      </c>
      <c r="T28851">
        <v>16</v>
      </c>
      <c r="U28851">
        <v>16</v>
      </c>
      <c r="V28851">
        <v>17</v>
      </c>
      <c r="W28851">
        <v>17</v>
      </c>
      <c r="X28851">
        <v>17</v>
      </c>
      <c r="Y28851">
        <v>18</v>
      </c>
      <c r="Z28851">
        <v>18</v>
      </c>
      <c r="AA28851">
        <v>18</v>
      </c>
      <c r="AB28851">
        <v>19</v>
      </c>
      <c r="AC28851">
        <v>19</v>
      </c>
      <c r="AD28851">
        <v>19</v>
      </c>
      <c r="AE28851">
        <v>20</v>
      </c>
      <c r="AF28851">
        <v>20</v>
      </c>
      <c r="AG28851">
        <v>21</v>
      </c>
      <c r="AH28851">
        <v>21</v>
      </c>
      <c r="AI28851">
        <v>21</v>
      </c>
      <c r="AJ28851">
        <v>22</v>
      </c>
      <c r="AK28851">
        <v>22</v>
      </c>
      <c r="AL28851">
        <v>23</v>
      </c>
      <c r="AM28851">
        <v>23</v>
      </c>
      <c r="AN28851">
        <v>24</v>
      </c>
      <c r="AO28851">
        <v>24</v>
      </c>
      <c r="AP28851">
        <v>24</v>
      </c>
      <c r="AQ28851">
        <v>25</v>
      </c>
    </row>
    <row r="28852" spans="1:43">
      <c r="A28852" t="s">
        <v>17861</v>
      </c>
      <c r="B28852" t="s">
        <v>17862</v>
      </c>
      <c r="C28852" t="s">
        <v>17855</v>
      </c>
      <c r="D28852" t="s">
        <v>17856</v>
      </c>
      <c r="E28852" t="s">
        <v>17787</v>
      </c>
      <c r="F28852" t="s">
        <v>17788</v>
      </c>
      <c r="G28852" t="s">
        <v>16559</v>
      </c>
      <c r="H28852" t="s">
        <v>16560</v>
      </c>
      <c r="I28852" s="2">
        <v>1</v>
      </c>
      <c r="J28852" s="2">
        <v>0</v>
      </c>
      <c r="K28852" s="2">
        <v>0</v>
      </c>
      <c r="L28852" t="s">
        <v>120</v>
      </c>
      <c r="M28852" t="s">
        <v>89</v>
      </c>
      <c r="N28852" t="s">
        <v>90</v>
      </c>
      <c r="O28852" t="s">
        <v>85</v>
      </c>
      <c r="P28852" t="s">
        <v>86</v>
      </c>
      <c r="Q28852">
        <v>15</v>
      </c>
      <c r="R28852">
        <v>16</v>
      </c>
      <c r="S28852">
        <v>17</v>
      </c>
      <c r="T28852">
        <v>17</v>
      </c>
      <c r="U28852">
        <v>18</v>
      </c>
      <c r="V28852">
        <v>18</v>
      </c>
      <c r="W28852">
        <v>19</v>
      </c>
      <c r="X28852">
        <v>20</v>
      </c>
      <c r="Y28852">
        <v>20</v>
      </c>
      <c r="Z28852">
        <v>21</v>
      </c>
      <c r="AA28852">
        <v>21</v>
      </c>
      <c r="AB28852">
        <v>22</v>
      </c>
      <c r="AC28852">
        <v>23</v>
      </c>
      <c r="AD28852">
        <v>23</v>
      </c>
      <c r="AE28852">
        <v>24</v>
      </c>
      <c r="AF28852">
        <v>24</v>
      </c>
      <c r="AG28852">
        <v>25</v>
      </c>
      <c r="AH28852">
        <v>25</v>
      </c>
      <c r="AI28852">
        <v>25</v>
      </c>
      <c r="AJ28852">
        <v>26</v>
      </c>
      <c r="AK28852">
        <v>26</v>
      </c>
      <c r="AL28852">
        <v>27</v>
      </c>
      <c r="AM28852">
        <v>27</v>
      </c>
      <c r="AN28852">
        <v>27</v>
      </c>
      <c r="AO28852">
        <v>28</v>
      </c>
      <c r="AP28852">
        <v>28</v>
      </c>
      <c r="AQ28852">
        <v>29</v>
      </c>
    </row>
    <row r="28853" spans="1:43">
      <c r="A28853" t="s">
        <v>17861</v>
      </c>
      <c r="B28853" t="s">
        <v>17862</v>
      </c>
      <c r="C28853" t="s">
        <v>17855</v>
      </c>
      <c r="D28853" t="s">
        <v>17856</v>
      </c>
      <c r="E28853" t="s">
        <v>17787</v>
      </c>
      <c r="F28853" t="s">
        <v>17788</v>
      </c>
      <c r="G28853" t="s">
        <v>16559</v>
      </c>
      <c r="H28853" t="s">
        <v>16560</v>
      </c>
      <c r="I28853" s="2">
        <v>1</v>
      </c>
      <c r="J28853" s="2">
        <v>0</v>
      </c>
      <c r="K28853" s="2">
        <v>0</v>
      </c>
      <c r="L28853" t="s">
        <v>120</v>
      </c>
      <c r="M28853" t="s">
        <v>83</v>
      </c>
      <c r="N28853" t="s">
        <v>91</v>
      </c>
      <c r="O28853" t="s">
        <v>85</v>
      </c>
      <c r="P28853" t="s">
        <v>86</v>
      </c>
      <c r="Q28853">
        <v>15</v>
      </c>
      <c r="R28853">
        <v>16</v>
      </c>
      <c r="S28853">
        <v>16</v>
      </c>
      <c r="T28853">
        <v>17</v>
      </c>
      <c r="U28853">
        <v>17</v>
      </c>
      <c r="V28853">
        <v>18</v>
      </c>
      <c r="W28853">
        <v>18</v>
      </c>
      <c r="X28853">
        <v>19</v>
      </c>
      <c r="Y28853">
        <v>19</v>
      </c>
      <c r="Z28853">
        <v>20</v>
      </c>
      <c r="AA28853">
        <v>20</v>
      </c>
      <c r="AB28853">
        <v>21</v>
      </c>
      <c r="AC28853">
        <v>21</v>
      </c>
      <c r="AD28853">
        <v>22</v>
      </c>
      <c r="AE28853">
        <v>22</v>
      </c>
      <c r="AF28853">
        <v>23</v>
      </c>
      <c r="AG28853">
        <v>23</v>
      </c>
      <c r="AH28853">
        <v>24</v>
      </c>
      <c r="AI28853">
        <v>25</v>
      </c>
      <c r="AJ28853">
        <v>25</v>
      </c>
      <c r="AK28853">
        <v>26</v>
      </c>
      <c r="AL28853">
        <v>26</v>
      </c>
      <c r="AM28853">
        <v>27</v>
      </c>
      <c r="AN28853">
        <v>27</v>
      </c>
      <c r="AO28853">
        <v>28</v>
      </c>
      <c r="AP28853">
        <v>28</v>
      </c>
      <c r="AQ28853">
        <v>28</v>
      </c>
    </row>
    <row r="28854" spans="1:43">
      <c r="A28854" t="s">
        <v>17863</v>
      </c>
      <c r="B28854" t="s">
        <v>17864</v>
      </c>
      <c r="C28854" t="s">
        <v>17855</v>
      </c>
      <c r="D28854" t="s">
        <v>17856</v>
      </c>
      <c r="E28854" t="s">
        <v>17787</v>
      </c>
      <c r="F28854" t="s">
        <v>17788</v>
      </c>
      <c r="G28854" t="s">
        <v>16559</v>
      </c>
      <c r="H28854" t="s">
        <v>16560</v>
      </c>
      <c r="I28854" s="2">
        <v>1</v>
      </c>
      <c r="J28854" s="2">
        <v>0</v>
      </c>
      <c r="K28854" s="2">
        <v>0</v>
      </c>
      <c r="L28854" t="s">
        <v>120</v>
      </c>
      <c r="M28854" t="s">
        <v>83</v>
      </c>
      <c r="N28854" t="s">
        <v>84</v>
      </c>
      <c r="O28854" t="s">
        <v>85</v>
      </c>
      <c r="P28854" t="s">
        <v>86</v>
      </c>
      <c r="Q28854">
        <v>5</v>
      </c>
      <c r="R28854">
        <v>5</v>
      </c>
      <c r="S28854">
        <v>6</v>
      </c>
      <c r="T28854">
        <v>6</v>
      </c>
      <c r="U28854">
        <v>6</v>
      </c>
      <c r="V28854">
        <v>6</v>
      </c>
      <c r="W28854">
        <v>6</v>
      </c>
      <c r="X28854">
        <v>6</v>
      </c>
      <c r="Y28854">
        <v>7</v>
      </c>
      <c r="Z28854">
        <v>7</v>
      </c>
      <c r="AA28854">
        <v>7</v>
      </c>
      <c r="AB28854">
        <v>7</v>
      </c>
      <c r="AC28854">
        <v>7</v>
      </c>
      <c r="AD28854">
        <v>7</v>
      </c>
      <c r="AE28854">
        <v>8</v>
      </c>
      <c r="AF28854">
        <v>8</v>
      </c>
      <c r="AG28854">
        <v>8</v>
      </c>
      <c r="AH28854">
        <v>8</v>
      </c>
      <c r="AI28854">
        <v>8</v>
      </c>
      <c r="AJ28854">
        <v>9</v>
      </c>
      <c r="AK28854">
        <v>9</v>
      </c>
      <c r="AL28854">
        <v>9</v>
      </c>
      <c r="AM28854">
        <v>9</v>
      </c>
      <c r="AN28854">
        <v>9</v>
      </c>
      <c r="AO28854">
        <v>9</v>
      </c>
      <c r="AP28854">
        <v>10</v>
      </c>
      <c r="AQ28854">
        <v>10</v>
      </c>
    </row>
    <row r="28855" spans="1:43">
      <c r="A28855" t="s">
        <v>17863</v>
      </c>
      <c r="B28855" t="s">
        <v>17864</v>
      </c>
      <c r="C28855" t="s">
        <v>17855</v>
      </c>
      <c r="D28855" t="s">
        <v>17856</v>
      </c>
      <c r="E28855" t="s">
        <v>17787</v>
      </c>
      <c r="F28855" t="s">
        <v>17788</v>
      </c>
      <c r="G28855" t="s">
        <v>16559</v>
      </c>
      <c r="H28855" t="s">
        <v>16560</v>
      </c>
      <c r="I28855" s="2">
        <v>1</v>
      </c>
      <c r="J28855" s="2">
        <v>0</v>
      </c>
      <c r="K28855" s="2">
        <v>0</v>
      </c>
      <c r="L28855" t="s">
        <v>120</v>
      </c>
      <c r="M28855" t="s">
        <v>87</v>
      </c>
      <c r="N28855" t="s">
        <v>88</v>
      </c>
      <c r="O28855" t="s">
        <v>85</v>
      </c>
      <c r="P28855" t="s">
        <v>86</v>
      </c>
      <c r="Q28855">
        <v>5</v>
      </c>
      <c r="R28855">
        <v>5</v>
      </c>
      <c r="S28855">
        <v>5</v>
      </c>
      <c r="T28855">
        <v>6</v>
      </c>
      <c r="U28855">
        <v>6</v>
      </c>
      <c r="V28855">
        <v>6</v>
      </c>
      <c r="W28855">
        <v>6</v>
      </c>
      <c r="X28855">
        <v>6</v>
      </c>
      <c r="Y28855">
        <v>6</v>
      </c>
      <c r="Z28855">
        <v>6</v>
      </c>
      <c r="AA28855">
        <v>6</v>
      </c>
      <c r="AB28855">
        <v>6</v>
      </c>
      <c r="AC28855">
        <v>7</v>
      </c>
      <c r="AD28855">
        <v>7</v>
      </c>
      <c r="AE28855">
        <v>7</v>
      </c>
      <c r="AF28855">
        <v>7</v>
      </c>
      <c r="AG28855">
        <v>7</v>
      </c>
      <c r="AH28855">
        <v>7</v>
      </c>
      <c r="AI28855">
        <v>7</v>
      </c>
      <c r="AJ28855">
        <v>7</v>
      </c>
      <c r="AK28855">
        <v>8</v>
      </c>
      <c r="AL28855">
        <v>8</v>
      </c>
      <c r="AM28855">
        <v>8</v>
      </c>
      <c r="AN28855">
        <v>8</v>
      </c>
      <c r="AO28855">
        <v>8</v>
      </c>
      <c r="AP28855">
        <v>8</v>
      </c>
      <c r="AQ28855">
        <v>9</v>
      </c>
    </row>
    <row r="28856" spans="1:43">
      <c r="A28856" t="s">
        <v>17863</v>
      </c>
      <c r="B28856" t="s">
        <v>17864</v>
      </c>
      <c r="C28856" t="s">
        <v>17855</v>
      </c>
      <c r="D28856" t="s">
        <v>17856</v>
      </c>
      <c r="E28856" t="s">
        <v>17787</v>
      </c>
      <c r="F28856" t="s">
        <v>17788</v>
      </c>
      <c r="G28856" t="s">
        <v>16559</v>
      </c>
      <c r="H28856" t="s">
        <v>16560</v>
      </c>
      <c r="I28856" s="2">
        <v>1</v>
      </c>
      <c r="J28856" s="2">
        <v>0</v>
      </c>
      <c r="K28856" s="2">
        <v>0</v>
      </c>
      <c r="L28856" t="s">
        <v>120</v>
      </c>
      <c r="M28856" t="s">
        <v>89</v>
      </c>
      <c r="N28856" t="s">
        <v>90</v>
      </c>
      <c r="O28856" t="s">
        <v>85</v>
      </c>
      <c r="P28856" t="s">
        <v>86</v>
      </c>
      <c r="Q28856">
        <v>5</v>
      </c>
      <c r="R28856">
        <v>6</v>
      </c>
      <c r="S28856">
        <v>6</v>
      </c>
      <c r="T28856">
        <v>6</v>
      </c>
      <c r="U28856">
        <v>6</v>
      </c>
      <c r="V28856">
        <v>6</v>
      </c>
      <c r="W28856">
        <v>7</v>
      </c>
      <c r="X28856">
        <v>7</v>
      </c>
      <c r="Y28856">
        <v>7</v>
      </c>
      <c r="Z28856">
        <v>7</v>
      </c>
      <c r="AA28856">
        <v>7</v>
      </c>
      <c r="AB28856">
        <v>8</v>
      </c>
      <c r="AC28856">
        <v>8</v>
      </c>
      <c r="AD28856">
        <v>8</v>
      </c>
      <c r="AE28856">
        <v>8</v>
      </c>
      <c r="AF28856">
        <v>8</v>
      </c>
      <c r="AG28856">
        <v>8</v>
      </c>
      <c r="AH28856">
        <v>9</v>
      </c>
      <c r="AI28856">
        <v>9</v>
      </c>
      <c r="AJ28856">
        <v>9</v>
      </c>
      <c r="AK28856">
        <v>9</v>
      </c>
      <c r="AL28856">
        <v>9</v>
      </c>
      <c r="AM28856">
        <v>9</v>
      </c>
      <c r="AN28856">
        <v>9</v>
      </c>
      <c r="AO28856">
        <v>10</v>
      </c>
      <c r="AP28856">
        <v>10</v>
      </c>
      <c r="AQ28856">
        <v>10</v>
      </c>
    </row>
    <row r="28857" spans="1:43">
      <c r="A28857" t="s">
        <v>17863</v>
      </c>
      <c r="B28857" t="s">
        <v>17864</v>
      </c>
      <c r="C28857" t="s">
        <v>17855</v>
      </c>
      <c r="D28857" t="s">
        <v>17856</v>
      </c>
      <c r="E28857" t="s">
        <v>17787</v>
      </c>
      <c r="F28857" t="s">
        <v>17788</v>
      </c>
      <c r="G28857" t="s">
        <v>16559</v>
      </c>
      <c r="H28857" t="s">
        <v>16560</v>
      </c>
      <c r="I28857" s="2">
        <v>1</v>
      </c>
      <c r="J28857" s="2">
        <v>0</v>
      </c>
      <c r="K28857" s="2">
        <v>0</v>
      </c>
      <c r="L28857" t="s">
        <v>120</v>
      </c>
      <c r="M28857" t="s">
        <v>83</v>
      </c>
      <c r="N28857" t="s">
        <v>91</v>
      </c>
      <c r="O28857" t="s">
        <v>85</v>
      </c>
      <c r="P28857" t="s">
        <v>86</v>
      </c>
      <c r="Q28857">
        <v>5</v>
      </c>
      <c r="R28857">
        <v>5</v>
      </c>
      <c r="S28857">
        <v>6</v>
      </c>
      <c r="T28857">
        <v>6</v>
      </c>
      <c r="U28857">
        <v>6</v>
      </c>
      <c r="V28857">
        <v>6</v>
      </c>
      <c r="W28857">
        <v>6</v>
      </c>
      <c r="X28857">
        <v>6</v>
      </c>
      <c r="Y28857">
        <v>7</v>
      </c>
      <c r="Z28857">
        <v>7</v>
      </c>
      <c r="AA28857">
        <v>7</v>
      </c>
      <c r="AB28857">
        <v>7</v>
      </c>
      <c r="AC28857">
        <v>7</v>
      </c>
      <c r="AD28857">
        <v>7</v>
      </c>
      <c r="AE28857">
        <v>8</v>
      </c>
      <c r="AF28857">
        <v>8</v>
      </c>
      <c r="AG28857">
        <v>8</v>
      </c>
      <c r="AH28857">
        <v>8</v>
      </c>
      <c r="AI28857">
        <v>8</v>
      </c>
      <c r="AJ28857">
        <v>9</v>
      </c>
      <c r="AK28857">
        <v>9</v>
      </c>
      <c r="AL28857">
        <v>9</v>
      </c>
      <c r="AM28857">
        <v>9</v>
      </c>
      <c r="AN28857">
        <v>9</v>
      </c>
      <c r="AO28857">
        <v>9</v>
      </c>
      <c r="AP28857">
        <v>10</v>
      </c>
      <c r="AQ28857">
        <v>10</v>
      </c>
    </row>
    <row r="28858" spans="1:43">
      <c r="A28858" t="s">
        <v>17865</v>
      </c>
      <c r="B28858" t="s">
        <v>17866</v>
      </c>
      <c r="C28858" t="s">
        <v>17867</v>
      </c>
      <c r="D28858" t="s">
        <v>17868</v>
      </c>
      <c r="E28858" t="s">
        <v>17787</v>
      </c>
      <c r="F28858" t="s">
        <v>17788</v>
      </c>
      <c r="G28858" t="s">
        <v>16559</v>
      </c>
      <c r="H28858" t="s">
        <v>16560</v>
      </c>
      <c r="I28858" s="2">
        <v>0.99</v>
      </c>
      <c r="J28858" s="2">
        <v>0</v>
      </c>
      <c r="K28858" s="2">
        <v>0</v>
      </c>
      <c r="L28858" t="s">
        <v>120</v>
      </c>
      <c r="M28858" t="s">
        <v>83</v>
      </c>
      <c r="N28858" t="s">
        <v>84</v>
      </c>
      <c r="O28858" t="s">
        <v>85</v>
      </c>
      <c r="P28858" t="s">
        <v>86</v>
      </c>
      <c r="Q28858">
        <v>12</v>
      </c>
      <c r="R28858">
        <v>13</v>
      </c>
      <c r="S28858">
        <v>13</v>
      </c>
      <c r="T28858">
        <v>13</v>
      </c>
      <c r="U28858">
        <v>14</v>
      </c>
      <c r="V28858">
        <v>14</v>
      </c>
      <c r="W28858">
        <v>15</v>
      </c>
      <c r="X28858">
        <v>15</v>
      </c>
      <c r="Y28858">
        <v>15</v>
      </c>
      <c r="Z28858">
        <v>16</v>
      </c>
      <c r="AA28858">
        <v>16</v>
      </c>
      <c r="AB28858">
        <v>17</v>
      </c>
      <c r="AC28858">
        <v>17</v>
      </c>
      <c r="AD28858">
        <v>17</v>
      </c>
      <c r="AE28858">
        <v>18</v>
      </c>
      <c r="AF28858">
        <v>18</v>
      </c>
      <c r="AG28858">
        <v>19</v>
      </c>
      <c r="AH28858">
        <v>19</v>
      </c>
      <c r="AI28858">
        <v>20</v>
      </c>
      <c r="AJ28858">
        <v>20</v>
      </c>
      <c r="AK28858">
        <v>21</v>
      </c>
      <c r="AL28858">
        <v>21</v>
      </c>
      <c r="AM28858">
        <v>21</v>
      </c>
      <c r="AN28858">
        <v>22</v>
      </c>
      <c r="AO28858">
        <v>22</v>
      </c>
      <c r="AP28858">
        <v>22</v>
      </c>
      <c r="AQ28858">
        <v>23</v>
      </c>
    </row>
    <row r="28859" spans="1:43">
      <c r="A28859" t="s">
        <v>17865</v>
      </c>
      <c r="B28859" t="s">
        <v>17866</v>
      </c>
      <c r="C28859" t="s">
        <v>17867</v>
      </c>
      <c r="D28859" t="s">
        <v>17868</v>
      </c>
      <c r="E28859" t="s">
        <v>17787</v>
      </c>
      <c r="F28859" t="s">
        <v>17788</v>
      </c>
      <c r="G28859" t="s">
        <v>16559</v>
      </c>
      <c r="H28859" t="s">
        <v>16560</v>
      </c>
      <c r="I28859" s="2">
        <v>0.99</v>
      </c>
      <c r="J28859" s="2">
        <v>0</v>
      </c>
      <c r="K28859" s="2">
        <v>0</v>
      </c>
      <c r="L28859" t="s">
        <v>120</v>
      </c>
      <c r="M28859" t="s">
        <v>87</v>
      </c>
      <c r="N28859" t="s">
        <v>88</v>
      </c>
      <c r="O28859" t="s">
        <v>85</v>
      </c>
      <c r="P28859" t="s">
        <v>86</v>
      </c>
      <c r="Q28859">
        <v>12</v>
      </c>
      <c r="R28859">
        <v>12</v>
      </c>
      <c r="S28859">
        <v>13</v>
      </c>
      <c r="T28859">
        <v>13</v>
      </c>
      <c r="U28859">
        <v>13</v>
      </c>
      <c r="V28859">
        <v>13</v>
      </c>
      <c r="W28859">
        <v>14</v>
      </c>
      <c r="X28859">
        <v>14</v>
      </c>
      <c r="Y28859">
        <v>14</v>
      </c>
      <c r="Z28859">
        <v>14</v>
      </c>
      <c r="AA28859">
        <v>15</v>
      </c>
      <c r="AB28859">
        <v>15</v>
      </c>
      <c r="AC28859">
        <v>15</v>
      </c>
      <c r="AD28859">
        <v>16</v>
      </c>
      <c r="AE28859">
        <v>16</v>
      </c>
      <c r="AF28859">
        <v>16</v>
      </c>
      <c r="AG28859">
        <v>16</v>
      </c>
      <c r="AH28859">
        <v>17</v>
      </c>
      <c r="AI28859">
        <v>17</v>
      </c>
      <c r="AJ28859">
        <v>17</v>
      </c>
      <c r="AK28859">
        <v>18</v>
      </c>
      <c r="AL28859">
        <v>18</v>
      </c>
      <c r="AM28859">
        <v>18</v>
      </c>
      <c r="AN28859">
        <v>19</v>
      </c>
      <c r="AO28859">
        <v>19</v>
      </c>
      <c r="AP28859">
        <v>19</v>
      </c>
      <c r="AQ28859">
        <v>20</v>
      </c>
    </row>
    <row r="28860" spans="1:43">
      <c r="A28860" t="s">
        <v>17865</v>
      </c>
      <c r="B28860" t="s">
        <v>17866</v>
      </c>
      <c r="C28860" t="s">
        <v>17867</v>
      </c>
      <c r="D28860" t="s">
        <v>17868</v>
      </c>
      <c r="E28860" t="s">
        <v>17787</v>
      </c>
      <c r="F28860" t="s">
        <v>17788</v>
      </c>
      <c r="G28860" t="s">
        <v>16559</v>
      </c>
      <c r="H28860" t="s">
        <v>16560</v>
      </c>
      <c r="I28860" s="2">
        <v>0.99</v>
      </c>
      <c r="J28860" s="2">
        <v>0</v>
      </c>
      <c r="K28860" s="2">
        <v>0</v>
      </c>
      <c r="L28860" t="s">
        <v>120</v>
      </c>
      <c r="M28860" t="s">
        <v>89</v>
      </c>
      <c r="N28860" t="s">
        <v>90</v>
      </c>
      <c r="O28860" t="s">
        <v>85</v>
      </c>
      <c r="P28860" t="s">
        <v>86</v>
      </c>
      <c r="Q28860">
        <v>12</v>
      </c>
      <c r="R28860">
        <v>13</v>
      </c>
      <c r="S28860">
        <v>13</v>
      </c>
      <c r="T28860">
        <v>14</v>
      </c>
      <c r="U28860">
        <v>14</v>
      </c>
      <c r="V28860">
        <v>15</v>
      </c>
      <c r="W28860">
        <v>15</v>
      </c>
      <c r="X28860">
        <v>16</v>
      </c>
      <c r="Y28860">
        <v>16</v>
      </c>
      <c r="Z28860">
        <v>17</v>
      </c>
      <c r="AA28860">
        <v>17</v>
      </c>
      <c r="AB28860">
        <v>18</v>
      </c>
      <c r="AC28860">
        <v>18</v>
      </c>
      <c r="AD28860">
        <v>19</v>
      </c>
      <c r="AE28860">
        <v>19</v>
      </c>
      <c r="AF28860">
        <v>19</v>
      </c>
      <c r="AG28860">
        <v>20</v>
      </c>
      <c r="AH28860">
        <v>20</v>
      </c>
      <c r="AI28860">
        <v>20</v>
      </c>
      <c r="AJ28860">
        <v>21</v>
      </c>
      <c r="AK28860">
        <v>21</v>
      </c>
      <c r="AL28860">
        <v>21</v>
      </c>
      <c r="AM28860">
        <v>22</v>
      </c>
      <c r="AN28860">
        <v>22</v>
      </c>
      <c r="AO28860">
        <v>22</v>
      </c>
      <c r="AP28860">
        <v>23</v>
      </c>
      <c r="AQ28860">
        <v>23</v>
      </c>
    </row>
    <row r="28861" spans="1:43">
      <c r="A28861" t="s">
        <v>17865</v>
      </c>
      <c r="B28861" t="s">
        <v>17866</v>
      </c>
      <c r="C28861" t="s">
        <v>17867</v>
      </c>
      <c r="D28861" t="s">
        <v>17868</v>
      </c>
      <c r="E28861" t="s">
        <v>17787</v>
      </c>
      <c r="F28861" t="s">
        <v>17788</v>
      </c>
      <c r="G28861" t="s">
        <v>16559</v>
      </c>
      <c r="H28861" t="s">
        <v>16560</v>
      </c>
      <c r="I28861" s="2">
        <v>0.99</v>
      </c>
      <c r="J28861" s="2">
        <v>0</v>
      </c>
      <c r="K28861" s="2">
        <v>0</v>
      </c>
      <c r="L28861" t="s">
        <v>120</v>
      </c>
      <c r="M28861" t="s">
        <v>83</v>
      </c>
      <c r="N28861" t="s">
        <v>91</v>
      </c>
      <c r="O28861" t="s">
        <v>85</v>
      </c>
      <c r="P28861" t="s">
        <v>86</v>
      </c>
      <c r="Q28861">
        <v>12</v>
      </c>
      <c r="R28861">
        <v>13</v>
      </c>
      <c r="S28861">
        <v>13</v>
      </c>
      <c r="T28861">
        <v>13</v>
      </c>
      <c r="U28861">
        <v>14</v>
      </c>
      <c r="V28861">
        <v>14</v>
      </c>
      <c r="W28861">
        <v>15</v>
      </c>
      <c r="X28861">
        <v>15</v>
      </c>
      <c r="Y28861">
        <v>15</v>
      </c>
      <c r="Z28861">
        <v>16</v>
      </c>
      <c r="AA28861">
        <v>16</v>
      </c>
      <c r="AB28861">
        <v>17</v>
      </c>
      <c r="AC28861">
        <v>17</v>
      </c>
      <c r="AD28861">
        <v>17</v>
      </c>
      <c r="AE28861">
        <v>18</v>
      </c>
      <c r="AF28861">
        <v>18</v>
      </c>
      <c r="AG28861">
        <v>19</v>
      </c>
      <c r="AH28861">
        <v>19</v>
      </c>
      <c r="AI28861">
        <v>20</v>
      </c>
      <c r="AJ28861">
        <v>20</v>
      </c>
      <c r="AK28861">
        <v>21</v>
      </c>
      <c r="AL28861">
        <v>21</v>
      </c>
      <c r="AM28861">
        <v>21</v>
      </c>
      <c r="AN28861">
        <v>22</v>
      </c>
      <c r="AO28861">
        <v>22</v>
      </c>
      <c r="AP28861">
        <v>22</v>
      </c>
      <c r="AQ28861">
        <v>23</v>
      </c>
    </row>
    <row r="28862" spans="1:43">
      <c r="A28862" t="s">
        <v>17869</v>
      </c>
      <c r="B28862" t="s">
        <v>17870</v>
      </c>
      <c r="C28862" t="s">
        <v>17867</v>
      </c>
      <c r="D28862" t="s">
        <v>17868</v>
      </c>
      <c r="E28862" t="s">
        <v>17787</v>
      </c>
      <c r="F28862" t="s">
        <v>17788</v>
      </c>
      <c r="G28862" t="s">
        <v>16559</v>
      </c>
      <c r="H28862" t="s">
        <v>16560</v>
      </c>
      <c r="I28862" s="2">
        <v>1</v>
      </c>
      <c r="J28862" s="2">
        <v>0</v>
      </c>
      <c r="K28862" s="2">
        <v>0</v>
      </c>
      <c r="L28862" t="s">
        <v>120</v>
      </c>
      <c r="M28862" t="s">
        <v>83</v>
      </c>
      <c r="N28862" t="s">
        <v>84</v>
      </c>
      <c r="O28862" t="s">
        <v>85</v>
      </c>
      <c r="P28862" t="s">
        <v>86</v>
      </c>
      <c r="Q28862">
        <v>13</v>
      </c>
      <c r="R28862">
        <v>14</v>
      </c>
      <c r="S28862">
        <v>14</v>
      </c>
      <c r="T28862">
        <v>14</v>
      </c>
      <c r="U28862">
        <v>15</v>
      </c>
      <c r="V28862">
        <v>15</v>
      </c>
      <c r="W28862">
        <v>16</v>
      </c>
      <c r="X28862">
        <v>16</v>
      </c>
      <c r="Y28862">
        <v>16</v>
      </c>
      <c r="Z28862">
        <v>17</v>
      </c>
      <c r="AA28862">
        <v>17</v>
      </c>
      <c r="AB28862">
        <v>18</v>
      </c>
      <c r="AC28862">
        <v>18</v>
      </c>
      <c r="AD28862">
        <v>19</v>
      </c>
      <c r="AE28862">
        <v>19</v>
      </c>
      <c r="AF28862">
        <v>20</v>
      </c>
      <c r="AG28862">
        <v>20</v>
      </c>
      <c r="AH28862">
        <v>21</v>
      </c>
      <c r="AI28862">
        <v>21</v>
      </c>
      <c r="AJ28862">
        <v>22</v>
      </c>
      <c r="AK28862">
        <v>22</v>
      </c>
      <c r="AL28862">
        <v>23</v>
      </c>
      <c r="AM28862">
        <v>23</v>
      </c>
      <c r="AN28862">
        <v>23</v>
      </c>
      <c r="AO28862">
        <v>24</v>
      </c>
      <c r="AP28862">
        <v>24</v>
      </c>
      <c r="AQ28862">
        <v>24</v>
      </c>
    </row>
    <row r="28863" spans="1:43">
      <c r="A28863" t="s">
        <v>17869</v>
      </c>
      <c r="B28863" t="s">
        <v>17870</v>
      </c>
      <c r="C28863" t="s">
        <v>17867</v>
      </c>
      <c r="D28863" t="s">
        <v>17868</v>
      </c>
      <c r="E28863" t="s">
        <v>17787</v>
      </c>
      <c r="F28863" t="s">
        <v>17788</v>
      </c>
      <c r="G28863" t="s">
        <v>16559</v>
      </c>
      <c r="H28863" t="s">
        <v>16560</v>
      </c>
      <c r="I28863" s="2">
        <v>1</v>
      </c>
      <c r="J28863" s="2">
        <v>0</v>
      </c>
      <c r="K28863" s="2">
        <v>0</v>
      </c>
      <c r="L28863" t="s">
        <v>120</v>
      </c>
      <c r="M28863" t="s">
        <v>87</v>
      </c>
      <c r="N28863" t="s">
        <v>88</v>
      </c>
      <c r="O28863" t="s">
        <v>85</v>
      </c>
      <c r="P28863" t="s">
        <v>86</v>
      </c>
      <c r="Q28863">
        <v>13</v>
      </c>
      <c r="R28863">
        <v>13</v>
      </c>
      <c r="S28863">
        <v>14</v>
      </c>
      <c r="T28863">
        <v>14</v>
      </c>
      <c r="U28863">
        <v>14</v>
      </c>
      <c r="V28863">
        <v>14</v>
      </c>
      <c r="W28863">
        <v>15</v>
      </c>
      <c r="X28863">
        <v>15</v>
      </c>
      <c r="Y28863">
        <v>15</v>
      </c>
      <c r="Z28863">
        <v>15</v>
      </c>
      <c r="AA28863">
        <v>16</v>
      </c>
      <c r="AB28863">
        <v>16</v>
      </c>
      <c r="AC28863">
        <v>16</v>
      </c>
      <c r="AD28863">
        <v>17</v>
      </c>
      <c r="AE28863">
        <v>17</v>
      </c>
      <c r="AF28863">
        <v>17</v>
      </c>
      <c r="AG28863">
        <v>18</v>
      </c>
      <c r="AH28863">
        <v>18</v>
      </c>
      <c r="AI28863">
        <v>18</v>
      </c>
      <c r="AJ28863">
        <v>19</v>
      </c>
      <c r="AK28863">
        <v>19</v>
      </c>
      <c r="AL28863">
        <v>19</v>
      </c>
      <c r="AM28863">
        <v>20</v>
      </c>
      <c r="AN28863">
        <v>20</v>
      </c>
      <c r="AO28863">
        <v>20</v>
      </c>
      <c r="AP28863">
        <v>21</v>
      </c>
      <c r="AQ28863">
        <v>21</v>
      </c>
    </row>
    <row r="28864" spans="1:43">
      <c r="A28864" t="s">
        <v>17869</v>
      </c>
      <c r="B28864" t="s">
        <v>17870</v>
      </c>
      <c r="C28864" t="s">
        <v>17867</v>
      </c>
      <c r="D28864" t="s">
        <v>17868</v>
      </c>
      <c r="E28864" t="s">
        <v>17787</v>
      </c>
      <c r="F28864" t="s">
        <v>17788</v>
      </c>
      <c r="G28864" t="s">
        <v>16559</v>
      </c>
      <c r="H28864" t="s">
        <v>16560</v>
      </c>
      <c r="I28864" s="2">
        <v>1</v>
      </c>
      <c r="J28864" s="2">
        <v>0</v>
      </c>
      <c r="K28864" s="2">
        <v>0</v>
      </c>
      <c r="L28864" t="s">
        <v>120</v>
      </c>
      <c r="M28864" t="s">
        <v>89</v>
      </c>
      <c r="N28864" t="s">
        <v>90</v>
      </c>
      <c r="O28864" t="s">
        <v>85</v>
      </c>
      <c r="P28864" t="s">
        <v>86</v>
      </c>
      <c r="Q28864">
        <v>13</v>
      </c>
      <c r="R28864">
        <v>14</v>
      </c>
      <c r="S28864">
        <v>14</v>
      </c>
      <c r="T28864">
        <v>15</v>
      </c>
      <c r="U28864">
        <v>15</v>
      </c>
      <c r="V28864">
        <v>16</v>
      </c>
      <c r="W28864">
        <v>16</v>
      </c>
      <c r="X28864">
        <v>17</v>
      </c>
      <c r="Y28864">
        <v>17</v>
      </c>
      <c r="Z28864">
        <v>18</v>
      </c>
      <c r="AA28864">
        <v>18</v>
      </c>
      <c r="AB28864">
        <v>19</v>
      </c>
      <c r="AC28864">
        <v>20</v>
      </c>
      <c r="AD28864">
        <v>20</v>
      </c>
      <c r="AE28864">
        <v>21</v>
      </c>
      <c r="AF28864">
        <v>21</v>
      </c>
      <c r="AG28864">
        <v>21</v>
      </c>
      <c r="AH28864">
        <v>22</v>
      </c>
      <c r="AI28864">
        <v>22</v>
      </c>
      <c r="AJ28864">
        <v>22</v>
      </c>
      <c r="AK28864">
        <v>23</v>
      </c>
      <c r="AL28864">
        <v>23</v>
      </c>
      <c r="AM28864">
        <v>23</v>
      </c>
      <c r="AN28864">
        <v>24</v>
      </c>
      <c r="AO28864">
        <v>24</v>
      </c>
      <c r="AP28864">
        <v>24</v>
      </c>
      <c r="AQ28864">
        <v>25</v>
      </c>
    </row>
    <row r="28865" spans="1:43">
      <c r="A28865" t="s">
        <v>17869</v>
      </c>
      <c r="B28865" t="s">
        <v>17870</v>
      </c>
      <c r="C28865" t="s">
        <v>17867</v>
      </c>
      <c r="D28865" t="s">
        <v>17868</v>
      </c>
      <c r="E28865" t="s">
        <v>17787</v>
      </c>
      <c r="F28865" t="s">
        <v>17788</v>
      </c>
      <c r="G28865" t="s">
        <v>16559</v>
      </c>
      <c r="H28865" t="s">
        <v>16560</v>
      </c>
      <c r="I28865" s="2">
        <v>1</v>
      </c>
      <c r="J28865" s="2">
        <v>0</v>
      </c>
      <c r="K28865" s="2">
        <v>0</v>
      </c>
      <c r="L28865" t="s">
        <v>120</v>
      </c>
      <c r="M28865" t="s">
        <v>83</v>
      </c>
      <c r="N28865" t="s">
        <v>91</v>
      </c>
      <c r="O28865" t="s">
        <v>85</v>
      </c>
      <c r="P28865" t="s">
        <v>86</v>
      </c>
      <c r="Q28865">
        <v>13</v>
      </c>
      <c r="R28865">
        <v>14</v>
      </c>
      <c r="S28865">
        <v>14</v>
      </c>
      <c r="T28865">
        <v>14</v>
      </c>
      <c r="U28865">
        <v>15</v>
      </c>
      <c r="V28865">
        <v>15</v>
      </c>
      <c r="W28865">
        <v>16</v>
      </c>
      <c r="X28865">
        <v>16</v>
      </c>
      <c r="Y28865">
        <v>16</v>
      </c>
      <c r="Z28865">
        <v>17</v>
      </c>
      <c r="AA28865">
        <v>17</v>
      </c>
      <c r="AB28865">
        <v>18</v>
      </c>
      <c r="AC28865">
        <v>18</v>
      </c>
      <c r="AD28865">
        <v>19</v>
      </c>
      <c r="AE28865">
        <v>19</v>
      </c>
      <c r="AF28865">
        <v>20</v>
      </c>
      <c r="AG28865">
        <v>20</v>
      </c>
      <c r="AH28865">
        <v>21</v>
      </c>
      <c r="AI28865">
        <v>21</v>
      </c>
      <c r="AJ28865">
        <v>22</v>
      </c>
      <c r="AK28865">
        <v>22</v>
      </c>
      <c r="AL28865">
        <v>23</v>
      </c>
      <c r="AM28865">
        <v>23</v>
      </c>
      <c r="AN28865">
        <v>23</v>
      </c>
      <c r="AO28865">
        <v>24</v>
      </c>
      <c r="AP28865">
        <v>24</v>
      </c>
      <c r="AQ28865">
        <v>24</v>
      </c>
    </row>
    <row r="28866" spans="1:43">
      <c r="A28866" t="s">
        <v>17871</v>
      </c>
      <c r="B28866" t="s">
        <v>17872</v>
      </c>
      <c r="C28866" t="s">
        <v>17867</v>
      </c>
      <c r="D28866" t="s">
        <v>17868</v>
      </c>
      <c r="E28866" t="s">
        <v>17787</v>
      </c>
      <c r="F28866" t="s">
        <v>17788</v>
      </c>
      <c r="G28866" t="s">
        <v>16559</v>
      </c>
      <c r="H28866" t="s">
        <v>16560</v>
      </c>
      <c r="I28866" s="2">
        <v>0.49</v>
      </c>
      <c r="J28866" s="2">
        <v>0</v>
      </c>
      <c r="K28866" s="2">
        <v>0</v>
      </c>
      <c r="L28866" t="s">
        <v>120</v>
      </c>
      <c r="M28866" t="s">
        <v>83</v>
      </c>
      <c r="N28866" t="s">
        <v>84</v>
      </c>
      <c r="O28866" t="s">
        <v>85</v>
      </c>
      <c r="P28866" t="s">
        <v>86</v>
      </c>
      <c r="Q28866">
        <v>19</v>
      </c>
      <c r="R28866">
        <v>19</v>
      </c>
      <c r="S28866">
        <v>20</v>
      </c>
      <c r="T28866">
        <v>20</v>
      </c>
      <c r="U28866">
        <v>21</v>
      </c>
      <c r="V28866">
        <v>21</v>
      </c>
      <c r="W28866">
        <v>22</v>
      </c>
      <c r="X28866">
        <v>23</v>
      </c>
      <c r="Y28866">
        <v>23</v>
      </c>
      <c r="Z28866">
        <v>24</v>
      </c>
      <c r="AA28866">
        <v>24</v>
      </c>
      <c r="AB28866">
        <v>25</v>
      </c>
      <c r="AC28866">
        <v>26</v>
      </c>
      <c r="AD28866">
        <v>26</v>
      </c>
      <c r="AE28866">
        <v>27</v>
      </c>
      <c r="AF28866">
        <v>28</v>
      </c>
      <c r="AG28866">
        <v>28</v>
      </c>
      <c r="AH28866">
        <v>29</v>
      </c>
      <c r="AI28866">
        <v>30</v>
      </c>
      <c r="AJ28866">
        <v>31</v>
      </c>
      <c r="AK28866">
        <v>31</v>
      </c>
      <c r="AL28866">
        <v>32</v>
      </c>
      <c r="AM28866">
        <v>32</v>
      </c>
      <c r="AN28866">
        <v>33</v>
      </c>
      <c r="AO28866">
        <v>33</v>
      </c>
      <c r="AP28866">
        <v>34</v>
      </c>
      <c r="AQ28866">
        <v>34</v>
      </c>
    </row>
    <row r="28867" spans="1:43">
      <c r="A28867" t="s">
        <v>17871</v>
      </c>
      <c r="B28867" t="s">
        <v>17872</v>
      </c>
      <c r="C28867" t="s">
        <v>17867</v>
      </c>
      <c r="D28867" t="s">
        <v>17868</v>
      </c>
      <c r="E28867" t="s">
        <v>17787</v>
      </c>
      <c r="F28867" t="s">
        <v>17788</v>
      </c>
      <c r="G28867" t="s">
        <v>16559</v>
      </c>
      <c r="H28867" t="s">
        <v>16560</v>
      </c>
      <c r="I28867" s="2">
        <v>0.49</v>
      </c>
      <c r="J28867" s="2">
        <v>0</v>
      </c>
      <c r="K28867" s="2">
        <v>0</v>
      </c>
      <c r="L28867" t="s">
        <v>120</v>
      </c>
      <c r="M28867" t="s">
        <v>87</v>
      </c>
      <c r="N28867" t="s">
        <v>88</v>
      </c>
      <c r="O28867" t="s">
        <v>85</v>
      </c>
      <c r="P28867" t="s">
        <v>86</v>
      </c>
      <c r="Q28867">
        <v>19</v>
      </c>
      <c r="R28867">
        <v>19</v>
      </c>
      <c r="S28867">
        <v>19</v>
      </c>
      <c r="T28867">
        <v>20</v>
      </c>
      <c r="U28867">
        <v>20</v>
      </c>
      <c r="V28867">
        <v>20</v>
      </c>
      <c r="W28867">
        <v>21</v>
      </c>
      <c r="X28867">
        <v>21</v>
      </c>
      <c r="Y28867">
        <v>21</v>
      </c>
      <c r="Z28867">
        <v>22</v>
      </c>
      <c r="AA28867">
        <v>22</v>
      </c>
      <c r="AB28867">
        <v>23</v>
      </c>
      <c r="AC28867">
        <v>23</v>
      </c>
      <c r="AD28867">
        <v>23</v>
      </c>
      <c r="AE28867">
        <v>24</v>
      </c>
      <c r="AF28867">
        <v>24</v>
      </c>
      <c r="AG28867">
        <v>25</v>
      </c>
      <c r="AH28867">
        <v>25</v>
      </c>
      <c r="AI28867">
        <v>26</v>
      </c>
      <c r="AJ28867">
        <v>26</v>
      </c>
      <c r="AK28867">
        <v>27</v>
      </c>
      <c r="AL28867">
        <v>27</v>
      </c>
      <c r="AM28867">
        <v>28</v>
      </c>
      <c r="AN28867">
        <v>28</v>
      </c>
      <c r="AO28867">
        <v>29</v>
      </c>
      <c r="AP28867">
        <v>29</v>
      </c>
      <c r="AQ28867">
        <v>30</v>
      </c>
    </row>
    <row r="28868" spans="1:43">
      <c r="A28868" t="s">
        <v>17871</v>
      </c>
      <c r="B28868" t="s">
        <v>17872</v>
      </c>
      <c r="C28868" t="s">
        <v>17867</v>
      </c>
      <c r="D28868" t="s">
        <v>17868</v>
      </c>
      <c r="E28868" t="s">
        <v>17787</v>
      </c>
      <c r="F28868" t="s">
        <v>17788</v>
      </c>
      <c r="G28868" t="s">
        <v>16559</v>
      </c>
      <c r="H28868" t="s">
        <v>16560</v>
      </c>
      <c r="I28868" s="2">
        <v>0.49</v>
      </c>
      <c r="J28868" s="2">
        <v>0</v>
      </c>
      <c r="K28868" s="2">
        <v>0</v>
      </c>
      <c r="L28868" t="s">
        <v>120</v>
      </c>
      <c r="M28868" t="s">
        <v>89</v>
      </c>
      <c r="N28868" t="s">
        <v>90</v>
      </c>
      <c r="O28868" t="s">
        <v>85</v>
      </c>
      <c r="P28868" t="s">
        <v>86</v>
      </c>
      <c r="Q28868">
        <v>19</v>
      </c>
      <c r="R28868">
        <v>20</v>
      </c>
      <c r="S28868">
        <v>20</v>
      </c>
      <c r="T28868">
        <v>21</v>
      </c>
      <c r="U28868">
        <v>22</v>
      </c>
      <c r="V28868">
        <v>22</v>
      </c>
      <c r="W28868">
        <v>23</v>
      </c>
      <c r="X28868">
        <v>24</v>
      </c>
      <c r="Y28868">
        <v>25</v>
      </c>
      <c r="Z28868">
        <v>25</v>
      </c>
      <c r="AA28868">
        <v>26</v>
      </c>
      <c r="AB28868">
        <v>27</v>
      </c>
      <c r="AC28868">
        <v>28</v>
      </c>
      <c r="AD28868">
        <v>28</v>
      </c>
      <c r="AE28868">
        <v>29</v>
      </c>
      <c r="AF28868">
        <v>29</v>
      </c>
      <c r="AG28868">
        <v>30</v>
      </c>
      <c r="AH28868">
        <v>30</v>
      </c>
      <c r="AI28868">
        <v>31</v>
      </c>
      <c r="AJ28868">
        <v>31</v>
      </c>
      <c r="AK28868">
        <v>32</v>
      </c>
      <c r="AL28868">
        <v>32</v>
      </c>
      <c r="AM28868">
        <v>33</v>
      </c>
      <c r="AN28868">
        <v>33</v>
      </c>
      <c r="AO28868">
        <v>34</v>
      </c>
      <c r="AP28868">
        <v>34</v>
      </c>
      <c r="AQ28868">
        <v>34</v>
      </c>
    </row>
    <row r="28869" spans="1:43">
      <c r="A28869" t="s">
        <v>17871</v>
      </c>
      <c r="B28869" t="s">
        <v>17872</v>
      </c>
      <c r="C28869" t="s">
        <v>17867</v>
      </c>
      <c r="D28869" t="s">
        <v>17868</v>
      </c>
      <c r="E28869" t="s">
        <v>17787</v>
      </c>
      <c r="F28869" t="s">
        <v>17788</v>
      </c>
      <c r="G28869" t="s">
        <v>16559</v>
      </c>
      <c r="H28869" t="s">
        <v>16560</v>
      </c>
      <c r="I28869" s="2">
        <v>0.49</v>
      </c>
      <c r="J28869" s="2">
        <v>0</v>
      </c>
      <c r="K28869" s="2">
        <v>0</v>
      </c>
      <c r="L28869" t="s">
        <v>120</v>
      </c>
      <c r="M28869" t="s">
        <v>83</v>
      </c>
      <c r="N28869" t="s">
        <v>91</v>
      </c>
      <c r="O28869" t="s">
        <v>85</v>
      </c>
      <c r="P28869" t="s">
        <v>86</v>
      </c>
      <c r="Q28869">
        <v>19</v>
      </c>
      <c r="R28869">
        <v>19</v>
      </c>
      <c r="S28869">
        <v>20</v>
      </c>
      <c r="T28869">
        <v>20</v>
      </c>
      <c r="U28869">
        <v>21</v>
      </c>
      <c r="V28869">
        <v>21</v>
      </c>
      <c r="W28869">
        <v>22</v>
      </c>
      <c r="X28869">
        <v>23</v>
      </c>
      <c r="Y28869">
        <v>23</v>
      </c>
      <c r="Z28869">
        <v>24</v>
      </c>
      <c r="AA28869">
        <v>24</v>
      </c>
      <c r="AB28869">
        <v>25</v>
      </c>
      <c r="AC28869">
        <v>26</v>
      </c>
      <c r="AD28869">
        <v>26</v>
      </c>
      <c r="AE28869">
        <v>27</v>
      </c>
      <c r="AF28869">
        <v>28</v>
      </c>
      <c r="AG28869">
        <v>28</v>
      </c>
      <c r="AH28869">
        <v>29</v>
      </c>
      <c r="AI28869">
        <v>30</v>
      </c>
      <c r="AJ28869">
        <v>31</v>
      </c>
      <c r="AK28869">
        <v>31</v>
      </c>
      <c r="AL28869">
        <v>32</v>
      </c>
      <c r="AM28869">
        <v>32</v>
      </c>
      <c r="AN28869">
        <v>33</v>
      </c>
      <c r="AO28869">
        <v>33</v>
      </c>
      <c r="AP28869">
        <v>34</v>
      </c>
      <c r="AQ28869">
        <v>34</v>
      </c>
    </row>
    <row r="28870" spans="1:43">
      <c r="A28870" t="s">
        <v>17873</v>
      </c>
      <c r="B28870" t="s">
        <v>17874</v>
      </c>
      <c r="C28870" t="s">
        <v>17867</v>
      </c>
      <c r="D28870" t="s">
        <v>17868</v>
      </c>
      <c r="E28870" t="s">
        <v>17787</v>
      </c>
      <c r="F28870" t="s">
        <v>17788</v>
      </c>
      <c r="G28870" t="s">
        <v>16559</v>
      </c>
      <c r="H28870" t="s">
        <v>16560</v>
      </c>
      <c r="I28870" s="2">
        <v>1</v>
      </c>
      <c r="J28870" s="2">
        <v>0</v>
      </c>
      <c r="K28870" s="2">
        <v>0</v>
      </c>
      <c r="L28870" t="s">
        <v>120</v>
      </c>
      <c r="M28870" t="s">
        <v>83</v>
      </c>
      <c r="N28870" t="s">
        <v>84</v>
      </c>
      <c r="O28870" t="s">
        <v>85</v>
      </c>
      <c r="P28870" t="s">
        <v>86</v>
      </c>
      <c r="Q28870">
        <v>23</v>
      </c>
      <c r="R28870">
        <v>24</v>
      </c>
      <c r="S28870">
        <v>24</v>
      </c>
      <c r="T28870">
        <v>25</v>
      </c>
      <c r="U28870">
        <v>26</v>
      </c>
      <c r="V28870">
        <v>26</v>
      </c>
      <c r="W28870">
        <v>27</v>
      </c>
      <c r="X28870">
        <v>28</v>
      </c>
      <c r="Y28870">
        <v>28</v>
      </c>
      <c r="Z28870">
        <v>29</v>
      </c>
      <c r="AA28870">
        <v>30</v>
      </c>
      <c r="AB28870">
        <v>31</v>
      </c>
      <c r="AC28870">
        <v>31</v>
      </c>
      <c r="AD28870">
        <v>32</v>
      </c>
      <c r="AE28870">
        <v>33</v>
      </c>
      <c r="AF28870">
        <v>34</v>
      </c>
      <c r="AG28870">
        <v>35</v>
      </c>
      <c r="AH28870">
        <v>36</v>
      </c>
      <c r="AI28870">
        <v>37</v>
      </c>
      <c r="AJ28870">
        <v>37</v>
      </c>
      <c r="AK28870">
        <v>38</v>
      </c>
      <c r="AL28870">
        <v>39</v>
      </c>
      <c r="AM28870">
        <v>40</v>
      </c>
      <c r="AN28870">
        <v>40</v>
      </c>
      <c r="AO28870">
        <v>41</v>
      </c>
      <c r="AP28870">
        <v>41</v>
      </c>
      <c r="AQ28870">
        <v>42</v>
      </c>
    </row>
    <row r="28871" spans="1:43">
      <c r="A28871" t="s">
        <v>17873</v>
      </c>
      <c r="B28871" t="s">
        <v>17874</v>
      </c>
      <c r="C28871" t="s">
        <v>17867</v>
      </c>
      <c r="D28871" t="s">
        <v>17868</v>
      </c>
      <c r="E28871" t="s">
        <v>17787</v>
      </c>
      <c r="F28871" t="s">
        <v>17788</v>
      </c>
      <c r="G28871" t="s">
        <v>16559</v>
      </c>
      <c r="H28871" t="s">
        <v>16560</v>
      </c>
      <c r="I28871" s="2">
        <v>1</v>
      </c>
      <c r="J28871" s="2">
        <v>0</v>
      </c>
      <c r="K28871" s="2">
        <v>0</v>
      </c>
      <c r="L28871" t="s">
        <v>120</v>
      </c>
      <c r="M28871" t="s">
        <v>87</v>
      </c>
      <c r="N28871" t="s">
        <v>88</v>
      </c>
      <c r="O28871" t="s">
        <v>85</v>
      </c>
      <c r="P28871" t="s">
        <v>86</v>
      </c>
      <c r="Q28871">
        <v>23</v>
      </c>
      <c r="R28871">
        <v>23</v>
      </c>
      <c r="S28871">
        <v>24</v>
      </c>
      <c r="T28871">
        <v>24</v>
      </c>
      <c r="U28871">
        <v>24</v>
      </c>
      <c r="V28871">
        <v>25</v>
      </c>
      <c r="W28871">
        <v>25</v>
      </c>
      <c r="X28871">
        <v>26</v>
      </c>
      <c r="Y28871">
        <v>26</v>
      </c>
      <c r="Z28871">
        <v>27</v>
      </c>
      <c r="AA28871">
        <v>27</v>
      </c>
      <c r="AB28871">
        <v>28</v>
      </c>
      <c r="AC28871">
        <v>28</v>
      </c>
      <c r="AD28871">
        <v>29</v>
      </c>
      <c r="AE28871">
        <v>29</v>
      </c>
      <c r="AF28871">
        <v>30</v>
      </c>
      <c r="AG28871">
        <v>30</v>
      </c>
      <c r="AH28871">
        <v>31</v>
      </c>
      <c r="AI28871">
        <v>31</v>
      </c>
      <c r="AJ28871">
        <v>32</v>
      </c>
      <c r="AK28871">
        <v>33</v>
      </c>
      <c r="AL28871">
        <v>33</v>
      </c>
      <c r="AM28871">
        <v>34</v>
      </c>
      <c r="AN28871">
        <v>34</v>
      </c>
      <c r="AO28871">
        <v>35</v>
      </c>
      <c r="AP28871">
        <v>36</v>
      </c>
      <c r="AQ28871">
        <v>36</v>
      </c>
    </row>
    <row r="28872" spans="1:43">
      <c r="A28872" t="s">
        <v>17873</v>
      </c>
      <c r="B28872" t="s">
        <v>17874</v>
      </c>
      <c r="C28872" t="s">
        <v>17867</v>
      </c>
      <c r="D28872" t="s">
        <v>17868</v>
      </c>
      <c r="E28872" t="s">
        <v>17787</v>
      </c>
      <c r="F28872" t="s">
        <v>17788</v>
      </c>
      <c r="G28872" t="s">
        <v>16559</v>
      </c>
      <c r="H28872" t="s">
        <v>16560</v>
      </c>
      <c r="I28872" s="2">
        <v>1</v>
      </c>
      <c r="J28872" s="2">
        <v>0</v>
      </c>
      <c r="K28872" s="2">
        <v>0</v>
      </c>
      <c r="L28872" t="s">
        <v>120</v>
      </c>
      <c r="M28872" t="s">
        <v>89</v>
      </c>
      <c r="N28872" t="s">
        <v>90</v>
      </c>
      <c r="O28872" t="s">
        <v>85</v>
      </c>
      <c r="P28872" t="s">
        <v>86</v>
      </c>
      <c r="Q28872">
        <v>23</v>
      </c>
      <c r="R28872">
        <v>24</v>
      </c>
      <c r="S28872">
        <v>25</v>
      </c>
      <c r="T28872">
        <v>26</v>
      </c>
      <c r="U28872">
        <v>27</v>
      </c>
      <c r="V28872">
        <v>27</v>
      </c>
      <c r="W28872">
        <v>28</v>
      </c>
      <c r="X28872">
        <v>29</v>
      </c>
      <c r="Y28872">
        <v>30</v>
      </c>
      <c r="Z28872">
        <v>31</v>
      </c>
      <c r="AA28872">
        <v>32</v>
      </c>
      <c r="AB28872">
        <v>33</v>
      </c>
      <c r="AC28872">
        <v>34</v>
      </c>
      <c r="AD28872">
        <v>35</v>
      </c>
      <c r="AE28872">
        <v>36</v>
      </c>
      <c r="AF28872">
        <v>36</v>
      </c>
      <c r="AG28872">
        <v>37</v>
      </c>
      <c r="AH28872">
        <v>37</v>
      </c>
      <c r="AI28872">
        <v>38</v>
      </c>
      <c r="AJ28872">
        <v>38</v>
      </c>
      <c r="AK28872">
        <v>39</v>
      </c>
      <c r="AL28872">
        <v>39</v>
      </c>
      <c r="AM28872">
        <v>40</v>
      </c>
      <c r="AN28872">
        <v>41</v>
      </c>
      <c r="AO28872">
        <v>41</v>
      </c>
      <c r="AP28872">
        <v>42</v>
      </c>
      <c r="AQ28872">
        <v>42</v>
      </c>
    </row>
    <row r="28873" spans="1:43">
      <c r="A28873" t="s">
        <v>17873</v>
      </c>
      <c r="B28873" t="s">
        <v>17874</v>
      </c>
      <c r="C28873" t="s">
        <v>17867</v>
      </c>
      <c r="D28873" t="s">
        <v>17868</v>
      </c>
      <c r="E28873" t="s">
        <v>17787</v>
      </c>
      <c r="F28873" t="s">
        <v>17788</v>
      </c>
      <c r="G28873" t="s">
        <v>16559</v>
      </c>
      <c r="H28873" t="s">
        <v>16560</v>
      </c>
      <c r="I28873" s="2">
        <v>1</v>
      </c>
      <c r="J28873" s="2">
        <v>0</v>
      </c>
      <c r="K28873" s="2">
        <v>0</v>
      </c>
      <c r="L28873" t="s">
        <v>120</v>
      </c>
      <c r="M28873" t="s">
        <v>83</v>
      </c>
      <c r="N28873" t="s">
        <v>91</v>
      </c>
      <c r="O28873" t="s">
        <v>85</v>
      </c>
      <c r="P28873" t="s">
        <v>86</v>
      </c>
      <c r="Q28873">
        <v>23</v>
      </c>
      <c r="R28873">
        <v>24</v>
      </c>
      <c r="S28873">
        <v>24</v>
      </c>
      <c r="T28873">
        <v>25</v>
      </c>
      <c r="U28873">
        <v>26</v>
      </c>
      <c r="V28873">
        <v>26</v>
      </c>
      <c r="W28873">
        <v>27</v>
      </c>
      <c r="X28873">
        <v>28</v>
      </c>
      <c r="Y28873">
        <v>28</v>
      </c>
      <c r="Z28873">
        <v>29</v>
      </c>
      <c r="AA28873">
        <v>30</v>
      </c>
      <c r="AB28873">
        <v>31</v>
      </c>
      <c r="AC28873">
        <v>31</v>
      </c>
      <c r="AD28873">
        <v>32</v>
      </c>
      <c r="AE28873">
        <v>33</v>
      </c>
      <c r="AF28873">
        <v>34</v>
      </c>
      <c r="AG28873">
        <v>35</v>
      </c>
      <c r="AH28873">
        <v>36</v>
      </c>
      <c r="AI28873">
        <v>37</v>
      </c>
      <c r="AJ28873">
        <v>37</v>
      </c>
      <c r="AK28873">
        <v>38</v>
      </c>
      <c r="AL28873">
        <v>39</v>
      </c>
      <c r="AM28873">
        <v>40</v>
      </c>
      <c r="AN28873">
        <v>40</v>
      </c>
      <c r="AO28873">
        <v>41</v>
      </c>
      <c r="AP28873">
        <v>41</v>
      </c>
      <c r="AQ28873">
        <v>42</v>
      </c>
    </row>
    <row r="28874" spans="1:43">
      <c r="A28874" t="s">
        <v>17875</v>
      </c>
      <c r="B28874" t="s">
        <v>17876</v>
      </c>
      <c r="C28874" t="s">
        <v>17877</v>
      </c>
      <c r="D28874" t="s">
        <v>17878</v>
      </c>
      <c r="E28874" t="s">
        <v>17787</v>
      </c>
      <c r="F28874" t="s">
        <v>17788</v>
      </c>
      <c r="G28874" t="s">
        <v>16559</v>
      </c>
      <c r="H28874" t="s">
        <v>16560</v>
      </c>
      <c r="I28874" s="2">
        <v>1</v>
      </c>
      <c r="J28874" s="2">
        <v>0</v>
      </c>
      <c r="K28874" s="2">
        <v>0</v>
      </c>
      <c r="L28874" t="s">
        <v>120</v>
      </c>
      <c r="M28874" t="s">
        <v>83</v>
      </c>
      <c r="N28874" t="s">
        <v>84</v>
      </c>
      <c r="O28874" t="s">
        <v>85</v>
      </c>
      <c r="P28874" t="s">
        <v>86</v>
      </c>
      <c r="Q28874">
        <v>40</v>
      </c>
      <c r="R28874">
        <v>41</v>
      </c>
      <c r="S28874">
        <v>42</v>
      </c>
      <c r="T28874">
        <v>43</v>
      </c>
      <c r="U28874">
        <v>44</v>
      </c>
      <c r="V28874">
        <v>46</v>
      </c>
      <c r="W28874">
        <v>47</v>
      </c>
      <c r="X28874">
        <v>48</v>
      </c>
      <c r="Y28874">
        <v>49</v>
      </c>
      <c r="Z28874">
        <v>51</v>
      </c>
      <c r="AA28874">
        <v>52</v>
      </c>
      <c r="AB28874">
        <v>53</v>
      </c>
      <c r="AC28874">
        <v>55</v>
      </c>
      <c r="AD28874">
        <v>56</v>
      </c>
      <c r="AE28874">
        <v>58</v>
      </c>
      <c r="AF28874">
        <v>59</v>
      </c>
      <c r="AG28874">
        <v>61</v>
      </c>
      <c r="AH28874">
        <v>62</v>
      </c>
      <c r="AI28874">
        <v>64</v>
      </c>
      <c r="AJ28874">
        <v>66</v>
      </c>
      <c r="AK28874">
        <v>67</v>
      </c>
      <c r="AL28874">
        <v>68</v>
      </c>
      <c r="AM28874">
        <v>69</v>
      </c>
      <c r="AN28874">
        <v>71</v>
      </c>
      <c r="AO28874">
        <v>72</v>
      </c>
      <c r="AP28874">
        <v>73</v>
      </c>
      <c r="AQ28874">
        <v>74</v>
      </c>
    </row>
    <row r="28875" spans="1:43">
      <c r="A28875" t="s">
        <v>17875</v>
      </c>
      <c r="B28875" t="s">
        <v>17876</v>
      </c>
      <c r="C28875" t="s">
        <v>17877</v>
      </c>
      <c r="D28875" t="s">
        <v>17878</v>
      </c>
      <c r="E28875" t="s">
        <v>17787</v>
      </c>
      <c r="F28875" t="s">
        <v>17788</v>
      </c>
      <c r="G28875" t="s">
        <v>16559</v>
      </c>
      <c r="H28875" t="s">
        <v>16560</v>
      </c>
      <c r="I28875" s="2">
        <v>1</v>
      </c>
      <c r="J28875" s="2">
        <v>0</v>
      </c>
      <c r="K28875" s="2">
        <v>0</v>
      </c>
      <c r="L28875" t="s">
        <v>120</v>
      </c>
      <c r="M28875" t="s">
        <v>87</v>
      </c>
      <c r="N28875" t="s">
        <v>88</v>
      </c>
      <c r="O28875" t="s">
        <v>85</v>
      </c>
      <c r="P28875" t="s">
        <v>86</v>
      </c>
      <c r="Q28875">
        <v>40</v>
      </c>
      <c r="R28875">
        <v>41</v>
      </c>
      <c r="S28875">
        <v>42</v>
      </c>
      <c r="T28875">
        <v>42</v>
      </c>
      <c r="U28875">
        <v>43</v>
      </c>
      <c r="V28875">
        <v>44</v>
      </c>
      <c r="W28875">
        <v>45</v>
      </c>
      <c r="X28875">
        <v>46</v>
      </c>
      <c r="Y28875">
        <v>47</v>
      </c>
      <c r="Z28875">
        <v>48</v>
      </c>
      <c r="AA28875">
        <v>49</v>
      </c>
      <c r="AB28875">
        <v>50</v>
      </c>
      <c r="AC28875">
        <v>50</v>
      </c>
      <c r="AD28875">
        <v>51</v>
      </c>
      <c r="AE28875">
        <v>52</v>
      </c>
      <c r="AF28875">
        <v>53</v>
      </c>
      <c r="AG28875">
        <v>54</v>
      </c>
      <c r="AH28875">
        <v>56</v>
      </c>
      <c r="AI28875">
        <v>57</v>
      </c>
      <c r="AJ28875">
        <v>58</v>
      </c>
      <c r="AK28875">
        <v>59</v>
      </c>
      <c r="AL28875">
        <v>60</v>
      </c>
      <c r="AM28875">
        <v>61</v>
      </c>
      <c r="AN28875">
        <v>62</v>
      </c>
      <c r="AO28875">
        <v>63</v>
      </c>
      <c r="AP28875">
        <v>65</v>
      </c>
      <c r="AQ28875">
        <v>66</v>
      </c>
    </row>
    <row r="28876" spans="1:43">
      <c r="A28876" t="s">
        <v>17875</v>
      </c>
      <c r="B28876" t="s">
        <v>17876</v>
      </c>
      <c r="C28876" t="s">
        <v>17877</v>
      </c>
      <c r="D28876" t="s">
        <v>17878</v>
      </c>
      <c r="E28876" t="s">
        <v>17787</v>
      </c>
      <c r="F28876" t="s">
        <v>17788</v>
      </c>
      <c r="G28876" t="s">
        <v>16559</v>
      </c>
      <c r="H28876" t="s">
        <v>16560</v>
      </c>
      <c r="I28876" s="2">
        <v>1</v>
      </c>
      <c r="J28876" s="2">
        <v>0</v>
      </c>
      <c r="K28876" s="2">
        <v>0</v>
      </c>
      <c r="L28876" t="s">
        <v>120</v>
      </c>
      <c r="M28876" t="s">
        <v>89</v>
      </c>
      <c r="N28876" t="s">
        <v>90</v>
      </c>
      <c r="O28876" t="s">
        <v>85</v>
      </c>
      <c r="P28876" t="s">
        <v>86</v>
      </c>
      <c r="Q28876">
        <v>40</v>
      </c>
      <c r="R28876">
        <v>41</v>
      </c>
      <c r="S28876">
        <v>43</v>
      </c>
      <c r="T28876">
        <v>44</v>
      </c>
      <c r="U28876">
        <v>46</v>
      </c>
      <c r="V28876">
        <v>48</v>
      </c>
      <c r="W28876">
        <v>49</v>
      </c>
      <c r="X28876">
        <v>51</v>
      </c>
      <c r="Y28876">
        <v>52</v>
      </c>
      <c r="Z28876">
        <v>54</v>
      </c>
      <c r="AA28876">
        <v>55</v>
      </c>
      <c r="AB28876">
        <v>57</v>
      </c>
      <c r="AC28876">
        <v>59</v>
      </c>
      <c r="AD28876">
        <v>60</v>
      </c>
      <c r="AE28876">
        <v>62</v>
      </c>
      <c r="AF28876">
        <v>63</v>
      </c>
      <c r="AG28876">
        <v>64</v>
      </c>
      <c r="AH28876">
        <v>65</v>
      </c>
      <c r="AI28876">
        <v>66</v>
      </c>
      <c r="AJ28876">
        <v>67</v>
      </c>
      <c r="AK28876">
        <v>68</v>
      </c>
      <c r="AL28876">
        <v>69</v>
      </c>
      <c r="AM28876">
        <v>70</v>
      </c>
      <c r="AN28876">
        <v>71</v>
      </c>
      <c r="AO28876">
        <v>72</v>
      </c>
      <c r="AP28876">
        <v>73</v>
      </c>
      <c r="AQ28876">
        <v>74</v>
      </c>
    </row>
    <row r="28877" spans="1:43">
      <c r="A28877" t="s">
        <v>17875</v>
      </c>
      <c r="B28877" t="s">
        <v>17876</v>
      </c>
      <c r="C28877" t="s">
        <v>17877</v>
      </c>
      <c r="D28877" t="s">
        <v>17878</v>
      </c>
      <c r="E28877" t="s">
        <v>17787</v>
      </c>
      <c r="F28877" t="s">
        <v>17788</v>
      </c>
      <c r="G28877" t="s">
        <v>16559</v>
      </c>
      <c r="H28877" t="s">
        <v>16560</v>
      </c>
      <c r="I28877" s="2">
        <v>1</v>
      </c>
      <c r="J28877" s="2">
        <v>0</v>
      </c>
      <c r="K28877" s="2">
        <v>0</v>
      </c>
      <c r="L28877" t="s">
        <v>120</v>
      </c>
      <c r="M28877" t="s">
        <v>83</v>
      </c>
      <c r="N28877" t="s">
        <v>91</v>
      </c>
      <c r="O28877" t="s">
        <v>85</v>
      </c>
      <c r="P28877" t="s">
        <v>86</v>
      </c>
      <c r="Q28877">
        <v>40</v>
      </c>
      <c r="R28877">
        <v>41</v>
      </c>
      <c r="S28877">
        <v>42</v>
      </c>
      <c r="T28877">
        <v>43</v>
      </c>
      <c r="U28877">
        <v>44</v>
      </c>
      <c r="V28877">
        <v>46</v>
      </c>
      <c r="W28877">
        <v>47</v>
      </c>
      <c r="X28877">
        <v>48</v>
      </c>
      <c r="Y28877">
        <v>49</v>
      </c>
      <c r="Z28877">
        <v>51</v>
      </c>
      <c r="AA28877">
        <v>52</v>
      </c>
      <c r="AB28877">
        <v>53</v>
      </c>
      <c r="AC28877">
        <v>55</v>
      </c>
      <c r="AD28877">
        <v>56</v>
      </c>
      <c r="AE28877">
        <v>58</v>
      </c>
      <c r="AF28877">
        <v>59</v>
      </c>
      <c r="AG28877">
        <v>61</v>
      </c>
      <c r="AH28877">
        <v>62</v>
      </c>
      <c r="AI28877">
        <v>64</v>
      </c>
      <c r="AJ28877">
        <v>66</v>
      </c>
      <c r="AK28877">
        <v>67</v>
      </c>
      <c r="AL28877">
        <v>68</v>
      </c>
      <c r="AM28877">
        <v>69</v>
      </c>
      <c r="AN28877">
        <v>71</v>
      </c>
      <c r="AO28877">
        <v>72</v>
      </c>
      <c r="AP28877">
        <v>73</v>
      </c>
      <c r="AQ28877">
        <v>74</v>
      </c>
    </row>
    <row r="28878" spans="1:43">
      <c r="A28878" t="s">
        <v>17879</v>
      </c>
      <c r="B28878" t="s">
        <v>17880</v>
      </c>
      <c r="C28878" t="s">
        <v>17877</v>
      </c>
      <c r="D28878" t="s">
        <v>17878</v>
      </c>
      <c r="E28878" t="s">
        <v>17787</v>
      </c>
      <c r="F28878" t="s">
        <v>17788</v>
      </c>
      <c r="G28878" t="s">
        <v>16559</v>
      </c>
      <c r="H28878" t="s">
        <v>16560</v>
      </c>
      <c r="I28878" s="2">
        <v>1</v>
      </c>
      <c r="J28878" s="2">
        <v>0</v>
      </c>
      <c r="K28878" s="2">
        <v>0</v>
      </c>
      <c r="L28878" t="s">
        <v>120</v>
      </c>
      <c r="M28878" t="s">
        <v>83</v>
      </c>
      <c r="N28878" t="s">
        <v>84</v>
      </c>
      <c r="O28878" t="s">
        <v>85</v>
      </c>
      <c r="P28878" t="s">
        <v>86</v>
      </c>
      <c r="Q28878">
        <v>26</v>
      </c>
      <c r="R28878">
        <v>27</v>
      </c>
      <c r="S28878">
        <v>28</v>
      </c>
      <c r="T28878">
        <v>28</v>
      </c>
      <c r="U28878">
        <v>29</v>
      </c>
      <c r="V28878">
        <v>30</v>
      </c>
      <c r="W28878">
        <v>31</v>
      </c>
      <c r="X28878">
        <v>32</v>
      </c>
      <c r="Y28878">
        <v>32</v>
      </c>
      <c r="Z28878">
        <v>33</v>
      </c>
      <c r="AA28878">
        <v>34</v>
      </c>
      <c r="AB28878">
        <v>35</v>
      </c>
      <c r="AC28878">
        <v>36</v>
      </c>
      <c r="AD28878">
        <v>37</v>
      </c>
      <c r="AE28878">
        <v>38</v>
      </c>
      <c r="AF28878">
        <v>39</v>
      </c>
      <c r="AG28878">
        <v>40</v>
      </c>
      <c r="AH28878">
        <v>41</v>
      </c>
      <c r="AI28878">
        <v>42</v>
      </c>
      <c r="AJ28878">
        <v>43</v>
      </c>
      <c r="AK28878">
        <v>44</v>
      </c>
      <c r="AL28878">
        <v>45</v>
      </c>
      <c r="AM28878">
        <v>46</v>
      </c>
      <c r="AN28878">
        <v>46</v>
      </c>
      <c r="AO28878">
        <v>47</v>
      </c>
      <c r="AP28878">
        <v>48</v>
      </c>
      <c r="AQ28878">
        <v>49</v>
      </c>
    </row>
    <row r="28879" spans="1:43">
      <c r="A28879" t="s">
        <v>17879</v>
      </c>
      <c r="B28879" t="s">
        <v>17880</v>
      </c>
      <c r="C28879" t="s">
        <v>17877</v>
      </c>
      <c r="D28879" t="s">
        <v>17878</v>
      </c>
      <c r="E28879" t="s">
        <v>17787</v>
      </c>
      <c r="F28879" t="s">
        <v>17788</v>
      </c>
      <c r="G28879" t="s">
        <v>16559</v>
      </c>
      <c r="H28879" t="s">
        <v>16560</v>
      </c>
      <c r="I28879" s="2">
        <v>1</v>
      </c>
      <c r="J28879" s="2">
        <v>0</v>
      </c>
      <c r="K28879" s="2">
        <v>0</v>
      </c>
      <c r="L28879" t="s">
        <v>120</v>
      </c>
      <c r="M28879" t="s">
        <v>87</v>
      </c>
      <c r="N28879" t="s">
        <v>88</v>
      </c>
      <c r="O28879" t="s">
        <v>85</v>
      </c>
      <c r="P28879" t="s">
        <v>86</v>
      </c>
      <c r="Q28879">
        <v>26</v>
      </c>
      <c r="R28879">
        <v>26</v>
      </c>
      <c r="S28879">
        <v>27</v>
      </c>
      <c r="T28879">
        <v>27</v>
      </c>
      <c r="U28879">
        <v>28</v>
      </c>
      <c r="V28879">
        <v>28</v>
      </c>
      <c r="W28879">
        <v>29</v>
      </c>
      <c r="X28879">
        <v>29</v>
      </c>
      <c r="Y28879">
        <v>30</v>
      </c>
      <c r="Z28879">
        <v>31</v>
      </c>
      <c r="AA28879">
        <v>31</v>
      </c>
      <c r="AB28879">
        <v>32</v>
      </c>
      <c r="AC28879">
        <v>33</v>
      </c>
      <c r="AD28879">
        <v>33</v>
      </c>
      <c r="AE28879">
        <v>34</v>
      </c>
      <c r="AF28879">
        <v>34</v>
      </c>
      <c r="AG28879">
        <v>35</v>
      </c>
      <c r="AH28879">
        <v>36</v>
      </c>
      <c r="AI28879">
        <v>37</v>
      </c>
      <c r="AJ28879">
        <v>37</v>
      </c>
      <c r="AK28879">
        <v>38</v>
      </c>
      <c r="AL28879">
        <v>39</v>
      </c>
      <c r="AM28879">
        <v>40</v>
      </c>
      <c r="AN28879">
        <v>40</v>
      </c>
      <c r="AO28879">
        <v>41</v>
      </c>
      <c r="AP28879">
        <v>42</v>
      </c>
      <c r="AQ28879">
        <v>43</v>
      </c>
    </row>
    <row r="28880" spans="1:43">
      <c r="A28880" t="s">
        <v>17879</v>
      </c>
      <c r="B28880" t="s">
        <v>17880</v>
      </c>
      <c r="C28880" t="s">
        <v>17877</v>
      </c>
      <c r="D28880" t="s">
        <v>17878</v>
      </c>
      <c r="E28880" t="s">
        <v>17787</v>
      </c>
      <c r="F28880" t="s">
        <v>17788</v>
      </c>
      <c r="G28880" t="s">
        <v>16559</v>
      </c>
      <c r="H28880" t="s">
        <v>16560</v>
      </c>
      <c r="I28880" s="2">
        <v>1</v>
      </c>
      <c r="J28880" s="2">
        <v>0</v>
      </c>
      <c r="K28880" s="2">
        <v>0</v>
      </c>
      <c r="L28880" t="s">
        <v>120</v>
      </c>
      <c r="M28880" t="s">
        <v>89</v>
      </c>
      <c r="N28880" t="s">
        <v>90</v>
      </c>
      <c r="O28880" t="s">
        <v>85</v>
      </c>
      <c r="P28880" t="s">
        <v>86</v>
      </c>
      <c r="Q28880">
        <v>26</v>
      </c>
      <c r="R28880">
        <v>27</v>
      </c>
      <c r="S28880">
        <v>28</v>
      </c>
      <c r="T28880">
        <v>29</v>
      </c>
      <c r="U28880">
        <v>30</v>
      </c>
      <c r="V28880">
        <v>31</v>
      </c>
      <c r="W28880">
        <v>32</v>
      </c>
      <c r="X28880">
        <v>33</v>
      </c>
      <c r="Y28880">
        <v>34</v>
      </c>
      <c r="Z28880">
        <v>35</v>
      </c>
      <c r="AA28880">
        <v>36</v>
      </c>
      <c r="AB28880">
        <v>37</v>
      </c>
      <c r="AC28880">
        <v>39</v>
      </c>
      <c r="AD28880">
        <v>40</v>
      </c>
      <c r="AE28880">
        <v>41</v>
      </c>
      <c r="AF28880">
        <v>41</v>
      </c>
      <c r="AG28880">
        <v>42</v>
      </c>
      <c r="AH28880">
        <v>42</v>
      </c>
      <c r="AI28880">
        <v>43</v>
      </c>
      <c r="AJ28880">
        <v>44</v>
      </c>
      <c r="AK28880">
        <v>44</v>
      </c>
      <c r="AL28880">
        <v>45</v>
      </c>
      <c r="AM28880">
        <v>46</v>
      </c>
      <c r="AN28880">
        <v>46</v>
      </c>
      <c r="AO28880">
        <v>47</v>
      </c>
      <c r="AP28880">
        <v>48</v>
      </c>
      <c r="AQ28880">
        <v>49</v>
      </c>
    </row>
    <row r="28881" spans="1:43">
      <c r="A28881" t="s">
        <v>17879</v>
      </c>
      <c r="B28881" t="s">
        <v>17880</v>
      </c>
      <c r="C28881" t="s">
        <v>17877</v>
      </c>
      <c r="D28881" t="s">
        <v>17878</v>
      </c>
      <c r="E28881" t="s">
        <v>17787</v>
      </c>
      <c r="F28881" t="s">
        <v>17788</v>
      </c>
      <c r="G28881" t="s">
        <v>16559</v>
      </c>
      <c r="H28881" t="s">
        <v>16560</v>
      </c>
      <c r="I28881" s="2">
        <v>1</v>
      </c>
      <c r="J28881" s="2">
        <v>0</v>
      </c>
      <c r="K28881" s="2">
        <v>0</v>
      </c>
      <c r="L28881" t="s">
        <v>120</v>
      </c>
      <c r="M28881" t="s">
        <v>83</v>
      </c>
      <c r="N28881" t="s">
        <v>91</v>
      </c>
      <c r="O28881" t="s">
        <v>85</v>
      </c>
      <c r="P28881" t="s">
        <v>86</v>
      </c>
      <c r="Q28881">
        <v>26</v>
      </c>
      <c r="R28881">
        <v>27</v>
      </c>
      <c r="S28881">
        <v>28</v>
      </c>
      <c r="T28881">
        <v>28</v>
      </c>
      <c r="U28881">
        <v>29</v>
      </c>
      <c r="V28881">
        <v>30</v>
      </c>
      <c r="W28881">
        <v>31</v>
      </c>
      <c r="X28881">
        <v>32</v>
      </c>
      <c r="Y28881">
        <v>32</v>
      </c>
      <c r="Z28881">
        <v>33</v>
      </c>
      <c r="AA28881">
        <v>34</v>
      </c>
      <c r="AB28881">
        <v>35</v>
      </c>
      <c r="AC28881">
        <v>36</v>
      </c>
      <c r="AD28881">
        <v>37</v>
      </c>
      <c r="AE28881">
        <v>38</v>
      </c>
      <c r="AF28881">
        <v>39</v>
      </c>
      <c r="AG28881">
        <v>40</v>
      </c>
      <c r="AH28881">
        <v>41</v>
      </c>
      <c r="AI28881">
        <v>42</v>
      </c>
      <c r="AJ28881">
        <v>43</v>
      </c>
      <c r="AK28881">
        <v>44</v>
      </c>
      <c r="AL28881">
        <v>45</v>
      </c>
      <c r="AM28881">
        <v>46</v>
      </c>
      <c r="AN28881">
        <v>46</v>
      </c>
      <c r="AO28881">
        <v>47</v>
      </c>
      <c r="AP28881">
        <v>48</v>
      </c>
      <c r="AQ28881">
        <v>49</v>
      </c>
    </row>
    <row r="28882" spans="1:43">
      <c r="A28882" t="s">
        <v>17881</v>
      </c>
      <c r="B28882" t="s">
        <v>17882</v>
      </c>
      <c r="C28882" t="s">
        <v>17877</v>
      </c>
      <c r="D28882" t="s">
        <v>17878</v>
      </c>
      <c r="E28882" t="s">
        <v>17787</v>
      </c>
      <c r="F28882" t="s">
        <v>17788</v>
      </c>
      <c r="G28882" t="s">
        <v>16559</v>
      </c>
      <c r="H28882" t="s">
        <v>16560</v>
      </c>
      <c r="I28882" s="2">
        <v>1</v>
      </c>
      <c r="J28882" s="2">
        <v>0</v>
      </c>
      <c r="K28882" s="2">
        <v>0</v>
      </c>
      <c r="L28882" t="s">
        <v>120</v>
      </c>
      <c r="M28882" t="s">
        <v>83</v>
      </c>
      <c r="N28882" t="s">
        <v>84</v>
      </c>
      <c r="O28882" t="s">
        <v>85</v>
      </c>
      <c r="P28882" t="s">
        <v>86</v>
      </c>
      <c r="Q28882">
        <v>115</v>
      </c>
      <c r="R28882">
        <v>118</v>
      </c>
      <c r="S28882">
        <v>121</v>
      </c>
      <c r="T28882">
        <v>124</v>
      </c>
      <c r="U28882">
        <v>128</v>
      </c>
      <c r="V28882">
        <v>131</v>
      </c>
      <c r="W28882">
        <v>135</v>
      </c>
      <c r="X28882">
        <v>138</v>
      </c>
      <c r="Y28882">
        <v>142</v>
      </c>
      <c r="Z28882">
        <v>146</v>
      </c>
      <c r="AA28882">
        <v>149</v>
      </c>
      <c r="AB28882">
        <v>153</v>
      </c>
      <c r="AC28882">
        <v>157</v>
      </c>
      <c r="AD28882">
        <v>161</v>
      </c>
      <c r="AE28882">
        <v>165</v>
      </c>
      <c r="AF28882">
        <v>169</v>
      </c>
      <c r="AG28882">
        <v>174</v>
      </c>
      <c r="AH28882">
        <v>178</v>
      </c>
      <c r="AI28882">
        <v>182</v>
      </c>
      <c r="AJ28882">
        <v>187</v>
      </c>
      <c r="AK28882">
        <v>192</v>
      </c>
      <c r="AL28882">
        <v>195</v>
      </c>
      <c r="AM28882">
        <v>198</v>
      </c>
      <c r="AN28882">
        <v>201</v>
      </c>
      <c r="AO28882">
        <v>204</v>
      </c>
      <c r="AP28882">
        <v>207</v>
      </c>
      <c r="AQ28882">
        <v>210</v>
      </c>
    </row>
    <row r="28883" spans="1:43">
      <c r="A28883" t="s">
        <v>17881</v>
      </c>
      <c r="B28883" t="s">
        <v>17882</v>
      </c>
      <c r="C28883" t="s">
        <v>17877</v>
      </c>
      <c r="D28883" t="s">
        <v>17878</v>
      </c>
      <c r="E28883" t="s">
        <v>17787</v>
      </c>
      <c r="F28883" t="s">
        <v>17788</v>
      </c>
      <c r="G28883" t="s">
        <v>16559</v>
      </c>
      <c r="H28883" t="s">
        <v>16560</v>
      </c>
      <c r="I28883" s="2">
        <v>1</v>
      </c>
      <c r="J28883" s="2">
        <v>0</v>
      </c>
      <c r="K28883" s="2">
        <v>0</v>
      </c>
      <c r="L28883" t="s">
        <v>120</v>
      </c>
      <c r="M28883" t="s">
        <v>87</v>
      </c>
      <c r="N28883" t="s">
        <v>88</v>
      </c>
      <c r="O28883" t="s">
        <v>85</v>
      </c>
      <c r="P28883" t="s">
        <v>86</v>
      </c>
      <c r="Q28883">
        <v>115</v>
      </c>
      <c r="R28883">
        <v>117</v>
      </c>
      <c r="S28883">
        <v>119</v>
      </c>
      <c r="T28883">
        <v>121</v>
      </c>
      <c r="U28883">
        <v>123</v>
      </c>
      <c r="V28883">
        <v>125</v>
      </c>
      <c r="W28883">
        <v>128</v>
      </c>
      <c r="X28883">
        <v>130</v>
      </c>
      <c r="Y28883">
        <v>132</v>
      </c>
      <c r="Z28883">
        <v>135</v>
      </c>
      <c r="AA28883">
        <v>137</v>
      </c>
      <c r="AB28883">
        <v>140</v>
      </c>
      <c r="AC28883">
        <v>142</v>
      </c>
      <c r="AD28883">
        <v>145</v>
      </c>
      <c r="AE28883">
        <v>148</v>
      </c>
      <c r="AF28883">
        <v>150</v>
      </c>
      <c r="AG28883">
        <v>153</v>
      </c>
      <c r="AH28883">
        <v>156</v>
      </c>
      <c r="AI28883">
        <v>159</v>
      </c>
      <c r="AJ28883">
        <v>162</v>
      </c>
      <c r="AK28883">
        <v>164</v>
      </c>
      <c r="AL28883">
        <v>167</v>
      </c>
      <c r="AM28883">
        <v>171</v>
      </c>
      <c r="AN28883">
        <v>174</v>
      </c>
      <c r="AO28883">
        <v>177</v>
      </c>
      <c r="AP28883">
        <v>180</v>
      </c>
      <c r="AQ28883">
        <v>183</v>
      </c>
    </row>
    <row r="28884" spans="1:43">
      <c r="A28884" t="s">
        <v>17881</v>
      </c>
      <c r="B28884" t="s">
        <v>17882</v>
      </c>
      <c r="C28884" t="s">
        <v>17877</v>
      </c>
      <c r="D28884" t="s">
        <v>17878</v>
      </c>
      <c r="E28884" t="s">
        <v>17787</v>
      </c>
      <c r="F28884" t="s">
        <v>17788</v>
      </c>
      <c r="G28884" t="s">
        <v>16559</v>
      </c>
      <c r="H28884" t="s">
        <v>16560</v>
      </c>
      <c r="I28884" s="2">
        <v>1</v>
      </c>
      <c r="J28884" s="2">
        <v>0</v>
      </c>
      <c r="K28884" s="2">
        <v>0</v>
      </c>
      <c r="L28884" t="s">
        <v>120</v>
      </c>
      <c r="M28884" t="s">
        <v>89</v>
      </c>
      <c r="N28884" t="s">
        <v>90</v>
      </c>
      <c r="O28884" t="s">
        <v>85</v>
      </c>
      <c r="P28884" t="s">
        <v>86</v>
      </c>
      <c r="Q28884">
        <v>115</v>
      </c>
      <c r="R28884">
        <v>119</v>
      </c>
      <c r="S28884">
        <v>123</v>
      </c>
      <c r="T28884">
        <v>127</v>
      </c>
      <c r="U28884">
        <v>132</v>
      </c>
      <c r="V28884">
        <v>136</v>
      </c>
      <c r="W28884">
        <v>140</v>
      </c>
      <c r="X28884">
        <v>145</v>
      </c>
      <c r="Y28884">
        <v>149</v>
      </c>
      <c r="Z28884">
        <v>154</v>
      </c>
      <c r="AA28884">
        <v>158</v>
      </c>
      <c r="AB28884">
        <v>163</v>
      </c>
      <c r="AC28884">
        <v>168</v>
      </c>
      <c r="AD28884">
        <v>172</v>
      </c>
      <c r="AE28884">
        <v>176</v>
      </c>
      <c r="AF28884">
        <v>179</v>
      </c>
      <c r="AG28884">
        <v>182</v>
      </c>
      <c r="AH28884">
        <v>185</v>
      </c>
      <c r="AI28884">
        <v>187</v>
      </c>
      <c r="AJ28884">
        <v>190</v>
      </c>
      <c r="AK28884">
        <v>193</v>
      </c>
      <c r="AL28884">
        <v>196</v>
      </c>
      <c r="AM28884">
        <v>199</v>
      </c>
      <c r="AN28884">
        <v>202</v>
      </c>
      <c r="AO28884">
        <v>205</v>
      </c>
      <c r="AP28884">
        <v>208</v>
      </c>
      <c r="AQ28884">
        <v>211</v>
      </c>
    </row>
    <row r="28885" spans="1:43">
      <c r="A28885" t="s">
        <v>17881</v>
      </c>
      <c r="B28885" t="s">
        <v>17882</v>
      </c>
      <c r="C28885" t="s">
        <v>17877</v>
      </c>
      <c r="D28885" t="s">
        <v>17878</v>
      </c>
      <c r="E28885" t="s">
        <v>17787</v>
      </c>
      <c r="F28885" t="s">
        <v>17788</v>
      </c>
      <c r="G28885" t="s">
        <v>16559</v>
      </c>
      <c r="H28885" t="s">
        <v>16560</v>
      </c>
      <c r="I28885" s="2">
        <v>1</v>
      </c>
      <c r="J28885" s="2">
        <v>0</v>
      </c>
      <c r="K28885" s="2">
        <v>0</v>
      </c>
      <c r="L28885" t="s">
        <v>120</v>
      </c>
      <c r="M28885" t="s">
        <v>83</v>
      </c>
      <c r="N28885" t="s">
        <v>91</v>
      </c>
      <c r="O28885" t="s">
        <v>85</v>
      </c>
      <c r="P28885" t="s">
        <v>86</v>
      </c>
      <c r="Q28885">
        <v>115</v>
      </c>
      <c r="R28885">
        <v>118</v>
      </c>
      <c r="S28885">
        <v>121</v>
      </c>
      <c r="T28885">
        <v>124</v>
      </c>
      <c r="U28885">
        <v>128</v>
      </c>
      <c r="V28885">
        <v>131</v>
      </c>
      <c r="W28885">
        <v>135</v>
      </c>
      <c r="X28885">
        <v>138</v>
      </c>
      <c r="Y28885">
        <v>142</v>
      </c>
      <c r="Z28885">
        <v>146</v>
      </c>
      <c r="AA28885">
        <v>149</v>
      </c>
      <c r="AB28885">
        <v>153</v>
      </c>
      <c r="AC28885">
        <v>157</v>
      </c>
      <c r="AD28885">
        <v>161</v>
      </c>
      <c r="AE28885">
        <v>165</v>
      </c>
      <c r="AF28885">
        <v>169</v>
      </c>
      <c r="AG28885">
        <v>174</v>
      </c>
      <c r="AH28885">
        <v>178</v>
      </c>
      <c r="AI28885">
        <v>182</v>
      </c>
      <c r="AJ28885">
        <v>187</v>
      </c>
      <c r="AK28885">
        <v>192</v>
      </c>
      <c r="AL28885">
        <v>195</v>
      </c>
      <c r="AM28885">
        <v>198</v>
      </c>
      <c r="AN28885">
        <v>201</v>
      </c>
      <c r="AO28885">
        <v>204</v>
      </c>
      <c r="AP28885">
        <v>207</v>
      </c>
      <c r="AQ28885">
        <v>210</v>
      </c>
    </row>
    <row r="28886" spans="1:43">
      <c r="A28886" t="s">
        <v>17883</v>
      </c>
      <c r="B28886" t="s">
        <v>17884</v>
      </c>
      <c r="C28886" t="s">
        <v>17799</v>
      </c>
      <c r="D28886" t="s">
        <v>17800</v>
      </c>
      <c r="E28886" t="s">
        <v>17787</v>
      </c>
      <c r="F28886" t="s">
        <v>17788</v>
      </c>
      <c r="G28886" t="s">
        <v>16559</v>
      </c>
      <c r="H28886" t="s">
        <v>16560</v>
      </c>
      <c r="I28886" s="2">
        <v>1</v>
      </c>
      <c r="J28886" s="2">
        <v>0</v>
      </c>
      <c r="K28886" s="2">
        <v>0</v>
      </c>
      <c r="L28886" t="s">
        <v>120</v>
      </c>
      <c r="M28886" t="s">
        <v>83</v>
      </c>
      <c r="N28886" t="s">
        <v>84</v>
      </c>
      <c r="O28886" t="s">
        <v>85</v>
      </c>
      <c r="P28886" t="s">
        <v>86</v>
      </c>
      <c r="Q28886">
        <v>3</v>
      </c>
      <c r="R28886">
        <v>3</v>
      </c>
      <c r="S28886">
        <v>3</v>
      </c>
      <c r="T28886">
        <v>3</v>
      </c>
      <c r="U28886">
        <v>3</v>
      </c>
      <c r="V28886">
        <v>3</v>
      </c>
      <c r="W28886">
        <v>3</v>
      </c>
      <c r="X28886">
        <v>3</v>
      </c>
      <c r="Y28886">
        <v>3</v>
      </c>
      <c r="Z28886">
        <v>3</v>
      </c>
      <c r="AA28886">
        <v>3</v>
      </c>
      <c r="AB28886">
        <v>4</v>
      </c>
      <c r="AC28886">
        <v>4</v>
      </c>
      <c r="AD28886">
        <v>4</v>
      </c>
      <c r="AE28886">
        <v>4</v>
      </c>
      <c r="AF28886">
        <v>4</v>
      </c>
      <c r="AG28886">
        <v>4</v>
      </c>
      <c r="AH28886">
        <v>4</v>
      </c>
      <c r="AI28886">
        <v>4</v>
      </c>
      <c r="AJ28886">
        <v>4</v>
      </c>
      <c r="AK28886">
        <v>4</v>
      </c>
      <c r="AL28886">
        <v>4</v>
      </c>
      <c r="AM28886">
        <v>5</v>
      </c>
      <c r="AN28886">
        <v>5</v>
      </c>
      <c r="AO28886">
        <v>5</v>
      </c>
      <c r="AP28886">
        <v>5</v>
      </c>
      <c r="AQ28886">
        <v>5</v>
      </c>
    </row>
    <row r="28887" spans="1:43">
      <c r="A28887" t="s">
        <v>17883</v>
      </c>
      <c r="B28887" t="s">
        <v>17884</v>
      </c>
      <c r="C28887" t="s">
        <v>17799</v>
      </c>
      <c r="D28887" t="s">
        <v>17800</v>
      </c>
      <c r="E28887" t="s">
        <v>17787</v>
      </c>
      <c r="F28887" t="s">
        <v>17788</v>
      </c>
      <c r="G28887" t="s">
        <v>16559</v>
      </c>
      <c r="H28887" t="s">
        <v>16560</v>
      </c>
      <c r="I28887" s="2">
        <v>1</v>
      </c>
      <c r="J28887" s="2">
        <v>0</v>
      </c>
      <c r="K28887" s="2">
        <v>0</v>
      </c>
      <c r="L28887" t="s">
        <v>120</v>
      </c>
      <c r="M28887" t="s">
        <v>87</v>
      </c>
      <c r="N28887" t="s">
        <v>88</v>
      </c>
      <c r="O28887" t="s">
        <v>85</v>
      </c>
      <c r="P28887" t="s">
        <v>86</v>
      </c>
      <c r="Q28887">
        <v>3</v>
      </c>
      <c r="R28887">
        <v>3</v>
      </c>
      <c r="S28887">
        <v>3</v>
      </c>
      <c r="T28887">
        <v>3</v>
      </c>
      <c r="U28887">
        <v>3</v>
      </c>
      <c r="V28887">
        <v>3</v>
      </c>
      <c r="W28887">
        <v>3</v>
      </c>
      <c r="X28887">
        <v>3</v>
      </c>
      <c r="Y28887">
        <v>3</v>
      </c>
      <c r="Z28887">
        <v>3</v>
      </c>
      <c r="AA28887">
        <v>3</v>
      </c>
      <c r="AB28887">
        <v>3</v>
      </c>
      <c r="AC28887">
        <v>3</v>
      </c>
      <c r="AD28887">
        <v>3</v>
      </c>
      <c r="AE28887">
        <v>3</v>
      </c>
      <c r="AF28887">
        <v>3</v>
      </c>
      <c r="AG28887">
        <v>3</v>
      </c>
      <c r="AH28887">
        <v>4</v>
      </c>
      <c r="AI28887">
        <v>4</v>
      </c>
      <c r="AJ28887">
        <v>4</v>
      </c>
      <c r="AK28887">
        <v>4</v>
      </c>
      <c r="AL28887">
        <v>4</v>
      </c>
      <c r="AM28887">
        <v>4</v>
      </c>
      <c r="AN28887">
        <v>4</v>
      </c>
      <c r="AO28887">
        <v>4</v>
      </c>
      <c r="AP28887">
        <v>4</v>
      </c>
      <c r="AQ28887">
        <v>4</v>
      </c>
    </row>
    <row r="28888" spans="1:43">
      <c r="A28888" t="s">
        <v>17883</v>
      </c>
      <c r="B28888" t="s">
        <v>17884</v>
      </c>
      <c r="C28888" t="s">
        <v>17799</v>
      </c>
      <c r="D28888" t="s">
        <v>17800</v>
      </c>
      <c r="E28888" t="s">
        <v>17787</v>
      </c>
      <c r="F28888" t="s">
        <v>17788</v>
      </c>
      <c r="G28888" t="s">
        <v>16559</v>
      </c>
      <c r="H28888" t="s">
        <v>16560</v>
      </c>
      <c r="I28888" s="2">
        <v>1</v>
      </c>
      <c r="J28888" s="2">
        <v>0</v>
      </c>
      <c r="K28888" s="2">
        <v>0</v>
      </c>
      <c r="L28888" t="s">
        <v>120</v>
      </c>
      <c r="M28888" t="s">
        <v>89</v>
      </c>
      <c r="N28888" t="s">
        <v>90</v>
      </c>
      <c r="O28888" t="s">
        <v>85</v>
      </c>
      <c r="P28888" t="s">
        <v>86</v>
      </c>
      <c r="Q28888">
        <v>3</v>
      </c>
      <c r="R28888">
        <v>3</v>
      </c>
      <c r="S28888">
        <v>3</v>
      </c>
      <c r="T28888">
        <v>3</v>
      </c>
      <c r="U28888">
        <v>3</v>
      </c>
      <c r="V28888">
        <v>3</v>
      </c>
      <c r="W28888">
        <v>3</v>
      </c>
      <c r="X28888">
        <v>3</v>
      </c>
      <c r="Y28888">
        <v>3</v>
      </c>
      <c r="Z28888">
        <v>4</v>
      </c>
      <c r="AA28888">
        <v>4</v>
      </c>
      <c r="AB28888">
        <v>4</v>
      </c>
      <c r="AC28888">
        <v>4</v>
      </c>
      <c r="AD28888">
        <v>4</v>
      </c>
      <c r="AE28888">
        <v>4</v>
      </c>
      <c r="AF28888">
        <v>4</v>
      </c>
      <c r="AG28888">
        <v>4</v>
      </c>
      <c r="AH28888">
        <v>4</v>
      </c>
      <c r="AI28888">
        <v>4</v>
      </c>
      <c r="AJ28888">
        <v>4</v>
      </c>
      <c r="AK28888">
        <v>4</v>
      </c>
      <c r="AL28888">
        <v>5</v>
      </c>
      <c r="AM28888">
        <v>5</v>
      </c>
      <c r="AN28888">
        <v>5</v>
      </c>
      <c r="AO28888">
        <v>5</v>
      </c>
      <c r="AP28888">
        <v>5</v>
      </c>
      <c r="AQ28888">
        <v>5</v>
      </c>
    </row>
    <row r="28889" spans="1:43">
      <c r="A28889" t="s">
        <v>17883</v>
      </c>
      <c r="B28889" t="s">
        <v>17884</v>
      </c>
      <c r="C28889" t="s">
        <v>17799</v>
      </c>
      <c r="D28889" t="s">
        <v>17800</v>
      </c>
      <c r="E28889" t="s">
        <v>17787</v>
      </c>
      <c r="F28889" t="s">
        <v>17788</v>
      </c>
      <c r="G28889" t="s">
        <v>16559</v>
      </c>
      <c r="H28889" t="s">
        <v>16560</v>
      </c>
      <c r="I28889" s="2">
        <v>1</v>
      </c>
      <c r="J28889" s="2">
        <v>0</v>
      </c>
      <c r="K28889" s="2">
        <v>0</v>
      </c>
      <c r="L28889" t="s">
        <v>120</v>
      </c>
      <c r="M28889" t="s">
        <v>83</v>
      </c>
      <c r="N28889" t="s">
        <v>91</v>
      </c>
      <c r="O28889" t="s">
        <v>85</v>
      </c>
      <c r="P28889" t="s">
        <v>86</v>
      </c>
      <c r="Q28889">
        <v>3</v>
      </c>
      <c r="R28889">
        <v>3</v>
      </c>
      <c r="S28889">
        <v>3</v>
      </c>
      <c r="T28889">
        <v>3</v>
      </c>
      <c r="U28889">
        <v>3</v>
      </c>
      <c r="V28889">
        <v>3</v>
      </c>
      <c r="W28889">
        <v>3</v>
      </c>
      <c r="X28889">
        <v>3</v>
      </c>
      <c r="Y28889">
        <v>3</v>
      </c>
      <c r="Z28889">
        <v>3</v>
      </c>
      <c r="AA28889">
        <v>3</v>
      </c>
      <c r="AB28889">
        <v>4</v>
      </c>
      <c r="AC28889">
        <v>4</v>
      </c>
      <c r="AD28889">
        <v>4</v>
      </c>
      <c r="AE28889">
        <v>4</v>
      </c>
      <c r="AF28889">
        <v>4</v>
      </c>
      <c r="AG28889">
        <v>4</v>
      </c>
      <c r="AH28889">
        <v>4</v>
      </c>
      <c r="AI28889">
        <v>4</v>
      </c>
      <c r="AJ28889">
        <v>4</v>
      </c>
      <c r="AK28889">
        <v>4</v>
      </c>
      <c r="AL28889">
        <v>4</v>
      </c>
      <c r="AM28889">
        <v>5</v>
      </c>
      <c r="AN28889">
        <v>5</v>
      </c>
      <c r="AO28889">
        <v>5</v>
      </c>
      <c r="AP28889">
        <v>5</v>
      </c>
      <c r="AQ28889">
        <v>5</v>
      </c>
    </row>
    <row r="28890" spans="1:43">
      <c r="A28890" t="s">
        <v>17885</v>
      </c>
      <c r="B28890" t="s">
        <v>17886</v>
      </c>
      <c r="C28890" t="s">
        <v>17799</v>
      </c>
      <c r="D28890" t="s">
        <v>17800</v>
      </c>
      <c r="E28890" t="s">
        <v>17787</v>
      </c>
      <c r="F28890" t="s">
        <v>17788</v>
      </c>
      <c r="G28890" t="s">
        <v>16559</v>
      </c>
      <c r="H28890" t="s">
        <v>16560</v>
      </c>
      <c r="I28890" s="2">
        <v>1</v>
      </c>
      <c r="J28890" s="2">
        <v>0</v>
      </c>
      <c r="K28890" s="2">
        <v>0</v>
      </c>
      <c r="L28890" t="s">
        <v>120</v>
      </c>
      <c r="M28890" t="s">
        <v>83</v>
      </c>
      <c r="N28890" t="s">
        <v>84</v>
      </c>
      <c r="O28890" t="s">
        <v>85</v>
      </c>
      <c r="P28890" t="s">
        <v>86</v>
      </c>
      <c r="Q28890">
        <v>26</v>
      </c>
      <c r="R28890">
        <v>26</v>
      </c>
      <c r="S28890">
        <v>27</v>
      </c>
      <c r="T28890">
        <v>28</v>
      </c>
      <c r="U28890">
        <v>29</v>
      </c>
      <c r="V28890">
        <v>29</v>
      </c>
      <c r="W28890">
        <v>30</v>
      </c>
      <c r="X28890">
        <v>31</v>
      </c>
      <c r="Y28890">
        <v>32</v>
      </c>
      <c r="Z28890">
        <v>33</v>
      </c>
      <c r="AA28890">
        <v>33</v>
      </c>
      <c r="AB28890">
        <v>34</v>
      </c>
      <c r="AC28890">
        <v>35</v>
      </c>
      <c r="AD28890">
        <v>36</v>
      </c>
      <c r="AE28890">
        <v>37</v>
      </c>
      <c r="AF28890">
        <v>38</v>
      </c>
      <c r="AG28890">
        <v>39</v>
      </c>
      <c r="AH28890">
        <v>40</v>
      </c>
      <c r="AI28890">
        <v>41</v>
      </c>
      <c r="AJ28890">
        <v>42</v>
      </c>
      <c r="AK28890">
        <v>43</v>
      </c>
      <c r="AL28890">
        <v>44</v>
      </c>
      <c r="AM28890">
        <v>45</v>
      </c>
      <c r="AN28890">
        <v>45</v>
      </c>
      <c r="AO28890">
        <v>46</v>
      </c>
      <c r="AP28890">
        <v>47</v>
      </c>
      <c r="AQ28890">
        <v>47</v>
      </c>
    </row>
    <row r="28891" spans="1:43">
      <c r="A28891" t="s">
        <v>17885</v>
      </c>
      <c r="B28891" t="s">
        <v>17886</v>
      </c>
      <c r="C28891" t="s">
        <v>17799</v>
      </c>
      <c r="D28891" t="s">
        <v>17800</v>
      </c>
      <c r="E28891" t="s">
        <v>17787</v>
      </c>
      <c r="F28891" t="s">
        <v>17788</v>
      </c>
      <c r="G28891" t="s">
        <v>16559</v>
      </c>
      <c r="H28891" t="s">
        <v>16560</v>
      </c>
      <c r="I28891" s="2">
        <v>1</v>
      </c>
      <c r="J28891" s="2">
        <v>0</v>
      </c>
      <c r="K28891" s="2">
        <v>0</v>
      </c>
      <c r="L28891" t="s">
        <v>120</v>
      </c>
      <c r="M28891" t="s">
        <v>87</v>
      </c>
      <c r="N28891" t="s">
        <v>88</v>
      </c>
      <c r="O28891" t="s">
        <v>85</v>
      </c>
      <c r="P28891" t="s">
        <v>86</v>
      </c>
      <c r="Q28891">
        <v>26</v>
      </c>
      <c r="R28891">
        <v>27</v>
      </c>
      <c r="S28891">
        <v>27</v>
      </c>
      <c r="T28891">
        <v>28</v>
      </c>
      <c r="U28891">
        <v>28</v>
      </c>
      <c r="V28891">
        <v>29</v>
      </c>
      <c r="W28891">
        <v>29</v>
      </c>
      <c r="X28891">
        <v>30</v>
      </c>
      <c r="Y28891">
        <v>30</v>
      </c>
      <c r="Z28891">
        <v>31</v>
      </c>
      <c r="AA28891">
        <v>31</v>
      </c>
      <c r="AB28891">
        <v>32</v>
      </c>
      <c r="AC28891">
        <v>33</v>
      </c>
      <c r="AD28891">
        <v>33</v>
      </c>
      <c r="AE28891">
        <v>34</v>
      </c>
      <c r="AF28891">
        <v>34</v>
      </c>
      <c r="AG28891">
        <v>35</v>
      </c>
      <c r="AH28891">
        <v>36</v>
      </c>
      <c r="AI28891">
        <v>36</v>
      </c>
      <c r="AJ28891">
        <v>37</v>
      </c>
      <c r="AK28891">
        <v>38</v>
      </c>
      <c r="AL28891">
        <v>38</v>
      </c>
      <c r="AM28891">
        <v>39</v>
      </c>
      <c r="AN28891">
        <v>40</v>
      </c>
      <c r="AO28891">
        <v>41</v>
      </c>
      <c r="AP28891">
        <v>41</v>
      </c>
      <c r="AQ28891">
        <v>42</v>
      </c>
    </row>
    <row r="28892" spans="1:43">
      <c r="A28892" t="s">
        <v>17885</v>
      </c>
      <c r="B28892" t="s">
        <v>17886</v>
      </c>
      <c r="C28892" t="s">
        <v>17799</v>
      </c>
      <c r="D28892" t="s">
        <v>17800</v>
      </c>
      <c r="E28892" t="s">
        <v>17787</v>
      </c>
      <c r="F28892" t="s">
        <v>17788</v>
      </c>
      <c r="G28892" t="s">
        <v>16559</v>
      </c>
      <c r="H28892" t="s">
        <v>16560</v>
      </c>
      <c r="I28892" s="2">
        <v>1</v>
      </c>
      <c r="J28892" s="2">
        <v>0</v>
      </c>
      <c r="K28892" s="2">
        <v>0</v>
      </c>
      <c r="L28892" t="s">
        <v>120</v>
      </c>
      <c r="M28892" t="s">
        <v>89</v>
      </c>
      <c r="N28892" t="s">
        <v>90</v>
      </c>
      <c r="O28892" t="s">
        <v>85</v>
      </c>
      <c r="P28892" t="s">
        <v>86</v>
      </c>
      <c r="Q28892">
        <v>26</v>
      </c>
      <c r="R28892">
        <v>27</v>
      </c>
      <c r="S28892">
        <v>28</v>
      </c>
      <c r="T28892">
        <v>29</v>
      </c>
      <c r="U28892">
        <v>30</v>
      </c>
      <c r="V28892">
        <v>31</v>
      </c>
      <c r="W28892">
        <v>32</v>
      </c>
      <c r="X28892">
        <v>33</v>
      </c>
      <c r="Y28892">
        <v>34</v>
      </c>
      <c r="Z28892">
        <v>35</v>
      </c>
      <c r="AA28892">
        <v>36</v>
      </c>
      <c r="AB28892">
        <v>37</v>
      </c>
      <c r="AC28892">
        <v>38</v>
      </c>
      <c r="AD28892">
        <v>39</v>
      </c>
      <c r="AE28892">
        <v>40</v>
      </c>
      <c r="AF28892">
        <v>40</v>
      </c>
      <c r="AG28892">
        <v>41</v>
      </c>
      <c r="AH28892">
        <v>42</v>
      </c>
      <c r="AI28892">
        <v>42</v>
      </c>
      <c r="AJ28892">
        <v>43</v>
      </c>
      <c r="AK28892">
        <v>44</v>
      </c>
      <c r="AL28892">
        <v>44</v>
      </c>
      <c r="AM28892">
        <v>45</v>
      </c>
      <c r="AN28892">
        <v>45</v>
      </c>
      <c r="AO28892">
        <v>46</v>
      </c>
      <c r="AP28892">
        <v>47</v>
      </c>
      <c r="AQ28892">
        <v>48</v>
      </c>
    </row>
    <row r="28893" spans="1:43">
      <c r="A28893" t="s">
        <v>17885</v>
      </c>
      <c r="B28893" t="s">
        <v>17886</v>
      </c>
      <c r="C28893" t="s">
        <v>17799</v>
      </c>
      <c r="D28893" t="s">
        <v>17800</v>
      </c>
      <c r="E28893" t="s">
        <v>17787</v>
      </c>
      <c r="F28893" t="s">
        <v>17788</v>
      </c>
      <c r="G28893" t="s">
        <v>16559</v>
      </c>
      <c r="H28893" t="s">
        <v>16560</v>
      </c>
      <c r="I28893" s="2">
        <v>1</v>
      </c>
      <c r="J28893" s="2">
        <v>0</v>
      </c>
      <c r="K28893" s="2">
        <v>0</v>
      </c>
      <c r="L28893" t="s">
        <v>120</v>
      </c>
      <c r="M28893" t="s">
        <v>83</v>
      </c>
      <c r="N28893" t="s">
        <v>91</v>
      </c>
      <c r="O28893" t="s">
        <v>85</v>
      </c>
      <c r="P28893" t="s">
        <v>86</v>
      </c>
      <c r="Q28893">
        <v>26</v>
      </c>
      <c r="R28893">
        <v>26</v>
      </c>
      <c r="S28893">
        <v>27</v>
      </c>
      <c r="T28893">
        <v>28</v>
      </c>
      <c r="U28893">
        <v>29</v>
      </c>
      <c r="V28893">
        <v>29</v>
      </c>
      <c r="W28893">
        <v>30</v>
      </c>
      <c r="X28893">
        <v>31</v>
      </c>
      <c r="Y28893">
        <v>32</v>
      </c>
      <c r="Z28893">
        <v>33</v>
      </c>
      <c r="AA28893">
        <v>33</v>
      </c>
      <c r="AB28893">
        <v>34</v>
      </c>
      <c r="AC28893">
        <v>35</v>
      </c>
      <c r="AD28893">
        <v>36</v>
      </c>
      <c r="AE28893">
        <v>37</v>
      </c>
      <c r="AF28893">
        <v>38</v>
      </c>
      <c r="AG28893">
        <v>39</v>
      </c>
      <c r="AH28893">
        <v>40</v>
      </c>
      <c r="AI28893">
        <v>41</v>
      </c>
      <c r="AJ28893">
        <v>42</v>
      </c>
      <c r="AK28893">
        <v>43</v>
      </c>
      <c r="AL28893">
        <v>44</v>
      </c>
      <c r="AM28893">
        <v>45</v>
      </c>
      <c r="AN28893">
        <v>45</v>
      </c>
      <c r="AO28893">
        <v>46</v>
      </c>
      <c r="AP28893">
        <v>47</v>
      </c>
      <c r="AQ28893">
        <v>47</v>
      </c>
    </row>
    <row r="28894" spans="1:43">
      <c r="A28894" t="s">
        <v>17887</v>
      </c>
      <c r="B28894" t="s">
        <v>17888</v>
      </c>
      <c r="C28894" t="s">
        <v>17799</v>
      </c>
      <c r="D28894" t="s">
        <v>17800</v>
      </c>
      <c r="E28894" t="s">
        <v>17787</v>
      </c>
      <c r="F28894" t="s">
        <v>17788</v>
      </c>
      <c r="G28894" t="s">
        <v>16559</v>
      </c>
      <c r="H28894" t="s">
        <v>16560</v>
      </c>
      <c r="I28894" s="2">
        <v>1</v>
      </c>
      <c r="J28894" s="2">
        <v>0</v>
      </c>
      <c r="K28894" s="2">
        <v>0</v>
      </c>
      <c r="L28894" t="s">
        <v>120</v>
      </c>
      <c r="M28894" t="s">
        <v>83</v>
      </c>
      <c r="N28894" t="s">
        <v>84</v>
      </c>
      <c r="O28894" t="s">
        <v>85</v>
      </c>
      <c r="P28894" t="s">
        <v>86</v>
      </c>
      <c r="Q28894">
        <v>26</v>
      </c>
      <c r="R28894">
        <v>27</v>
      </c>
      <c r="S28894">
        <v>28</v>
      </c>
      <c r="T28894">
        <v>28</v>
      </c>
      <c r="U28894">
        <v>29</v>
      </c>
      <c r="V28894">
        <v>30</v>
      </c>
      <c r="W28894">
        <v>31</v>
      </c>
      <c r="X28894">
        <v>32</v>
      </c>
      <c r="Y28894">
        <v>32</v>
      </c>
      <c r="Z28894">
        <v>33</v>
      </c>
      <c r="AA28894">
        <v>34</v>
      </c>
      <c r="AB28894">
        <v>35</v>
      </c>
      <c r="AC28894">
        <v>36</v>
      </c>
      <c r="AD28894">
        <v>37</v>
      </c>
      <c r="AE28894">
        <v>38</v>
      </c>
      <c r="AF28894">
        <v>39</v>
      </c>
      <c r="AG28894">
        <v>40</v>
      </c>
      <c r="AH28894">
        <v>41</v>
      </c>
      <c r="AI28894">
        <v>42</v>
      </c>
      <c r="AJ28894">
        <v>43</v>
      </c>
      <c r="AK28894">
        <v>44</v>
      </c>
      <c r="AL28894">
        <v>45</v>
      </c>
      <c r="AM28894">
        <v>45</v>
      </c>
      <c r="AN28894">
        <v>46</v>
      </c>
      <c r="AO28894">
        <v>47</v>
      </c>
      <c r="AP28894">
        <v>47</v>
      </c>
      <c r="AQ28894">
        <v>48</v>
      </c>
    </row>
    <row r="28895" spans="1:43">
      <c r="A28895" t="s">
        <v>17887</v>
      </c>
      <c r="B28895" t="s">
        <v>17888</v>
      </c>
      <c r="C28895" t="s">
        <v>17799</v>
      </c>
      <c r="D28895" t="s">
        <v>17800</v>
      </c>
      <c r="E28895" t="s">
        <v>17787</v>
      </c>
      <c r="F28895" t="s">
        <v>17788</v>
      </c>
      <c r="G28895" t="s">
        <v>16559</v>
      </c>
      <c r="H28895" t="s">
        <v>16560</v>
      </c>
      <c r="I28895" s="2">
        <v>1</v>
      </c>
      <c r="J28895" s="2">
        <v>0</v>
      </c>
      <c r="K28895" s="2">
        <v>0</v>
      </c>
      <c r="L28895" t="s">
        <v>120</v>
      </c>
      <c r="M28895" t="s">
        <v>87</v>
      </c>
      <c r="N28895" t="s">
        <v>88</v>
      </c>
      <c r="O28895" t="s">
        <v>85</v>
      </c>
      <c r="P28895" t="s">
        <v>86</v>
      </c>
      <c r="Q28895">
        <v>26</v>
      </c>
      <c r="R28895">
        <v>26</v>
      </c>
      <c r="S28895">
        <v>27</v>
      </c>
      <c r="T28895">
        <v>27</v>
      </c>
      <c r="U28895">
        <v>28</v>
      </c>
      <c r="V28895">
        <v>28</v>
      </c>
      <c r="W28895">
        <v>29</v>
      </c>
      <c r="X28895">
        <v>29</v>
      </c>
      <c r="Y28895">
        <v>30</v>
      </c>
      <c r="Z28895">
        <v>31</v>
      </c>
      <c r="AA28895">
        <v>31</v>
      </c>
      <c r="AB28895">
        <v>32</v>
      </c>
      <c r="AC28895">
        <v>32</v>
      </c>
      <c r="AD28895">
        <v>33</v>
      </c>
      <c r="AE28895">
        <v>34</v>
      </c>
      <c r="AF28895">
        <v>34</v>
      </c>
      <c r="AG28895">
        <v>35</v>
      </c>
      <c r="AH28895">
        <v>36</v>
      </c>
      <c r="AI28895">
        <v>36</v>
      </c>
      <c r="AJ28895">
        <v>37</v>
      </c>
      <c r="AK28895">
        <v>38</v>
      </c>
      <c r="AL28895">
        <v>38</v>
      </c>
      <c r="AM28895">
        <v>39</v>
      </c>
      <c r="AN28895">
        <v>40</v>
      </c>
      <c r="AO28895">
        <v>40</v>
      </c>
      <c r="AP28895">
        <v>41</v>
      </c>
      <c r="AQ28895">
        <v>42</v>
      </c>
    </row>
    <row r="28896" spans="1:43">
      <c r="A28896" t="s">
        <v>17887</v>
      </c>
      <c r="B28896" t="s">
        <v>17888</v>
      </c>
      <c r="C28896" t="s">
        <v>17799</v>
      </c>
      <c r="D28896" t="s">
        <v>17800</v>
      </c>
      <c r="E28896" t="s">
        <v>17787</v>
      </c>
      <c r="F28896" t="s">
        <v>17788</v>
      </c>
      <c r="G28896" t="s">
        <v>16559</v>
      </c>
      <c r="H28896" t="s">
        <v>16560</v>
      </c>
      <c r="I28896" s="2">
        <v>1</v>
      </c>
      <c r="J28896" s="2">
        <v>0</v>
      </c>
      <c r="K28896" s="2">
        <v>0</v>
      </c>
      <c r="L28896" t="s">
        <v>120</v>
      </c>
      <c r="M28896" t="s">
        <v>89</v>
      </c>
      <c r="N28896" t="s">
        <v>90</v>
      </c>
      <c r="O28896" t="s">
        <v>85</v>
      </c>
      <c r="P28896" t="s">
        <v>86</v>
      </c>
      <c r="Q28896">
        <v>26</v>
      </c>
      <c r="R28896">
        <v>27</v>
      </c>
      <c r="S28896">
        <v>28</v>
      </c>
      <c r="T28896">
        <v>29</v>
      </c>
      <c r="U28896">
        <v>30</v>
      </c>
      <c r="V28896">
        <v>31</v>
      </c>
      <c r="W28896">
        <v>32</v>
      </c>
      <c r="X28896">
        <v>33</v>
      </c>
      <c r="Y28896">
        <v>34</v>
      </c>
      <c r="Z28896">
        <v>35</v>
      </c>
      <c r="AA28896">
        <v>36</v>
      </c>
      <c r="AB28896">
        <v>37</v>
      </c>
      <c r="AC28896">
        <v>38</v>
      </c>
      <c r="AD28896">
        <v>40</v>
      </c>
      <c r="AE28896">
        <v>40</v>
      </c>
      <c r="AF28896">
        <v>41</v>
      </c>
      <c r="AG28896">
        <v>42</v>
      </c>
      <c r="AH28896">
        <v>42</v>
      </c>
      <c r="AI28896">
        <v>43</v>
      </c>
      <c r="AJ28896">
        <v>44</v>
      </c>
      <c r="AK28896">
        <v>44</v>
      </c>
      <c r="AL28896">
        <v>45</v>
      </c>
      <c r="AM28896">
        <v>46</v>
      </c>
      <c r="AN28896">
        <v>47</v>
      </c>
      <c r="AO28896">
        <v>47</v>
      </c>
      <c r="AP28896">
        <v>48</v>
      </c>
      <c r="AQ28896">
        <v>49</v>
      </c>
    </row>
    <row r="28897" spans="1:43">
      <c r="A28897" t="s">
        <v>17887</v>
      </c>
      <c r="B28897" t="s">
        <v>17888</v>
      </c>
      <c r="C28897" t="s">
        <v>17799</v>
      </c>
      <c r="D28897" t="s">
        <v>17800</v>
      </c>
      <c r="E28897" t="s">
        <v>17787</v>
      </c>
      <c r="F28897" t="s">
        <v>17788</v>
      </c>
      <c r="G28897" t="s">
        <v>16559</v>
      </c>
      <c r="H28897" t="s">
        <v>16560</v>
      </c>
      <c r="I28897" s="2">
        <v>1</v>
      </c>
      <c r="J28897" s="2">
        <v>0</v>
      </c>
      <c r="K28897" s="2">
        <v>0</v>
      </c>
      <c r="L28897" t="s">
        <v>120</v>
      </c>
      <c r="M28897" t="s">
        <v>83</v>
      </c>
      <c r="N28897" t="s">
        <v>91</v>
      </c>
      <c r="O28897" t="s">
        <v>85</v>
      </c>
      <c r="P28897" t="s">
        <v>86</v>
      </c>
      <c r="Q28897">
        <v>26</v>
      </c>
      <c r="R28897">
        <v>27</v>
      </c>
      <c r="S28897">
        <v>28</v>
      </c>
      <c r="T28897">
        <v>28</v>
      </c>
      <c r="U28897">
        <v>29</v>
      </c>
      <c r="V28897">
        <v>30</v>
      </c>
      <c r="W28897">
        <v>31</v>
      </c>
      <c r="X28897">
        <v>32</v>
      </c>
      <c r="Y28897">
        <v>32</v>
      </c>
      <c r="Z28897">
        <v>33</v>
      </c>
      <c r="AA28897">
        <v>34</v>
      </c>
      <c r="AB28897">
        <v>35</v>
      </c>
      <c r="AC28897">
        <v>36</v>
      </c>
      <c r="AD28897">
        <v>37</v>
      </c>
      <c r="AE28897">
        <v>38</v>
      </c>
      <c r="AF28897">
        <v>39</v>
      </c>
      <c r="AG28897">
        <v>40</v>
      </c>
      <c r="AH28897">
        <v>41</v>
      </c>
      <c r="AI28897">
        <v>42</v>
      </c>
      <c r="AJ28897">
        <v>43</v>
      </c>
      <c r="AK28897">
        <v>44</v>
      </c>
      <c r="AL28897">
        <v>45</v>
      </c>
      <c r="AM28897">
        <v>45</v>
      </c>
      <c r="AN28897">
        <v>46</v>
      </c>
      <c r="AO28897">
        <v>47</v>
      </c>
      <c r="AP28897">
        <v>47</v>
      </c>
      <c r="AQ28897">
        <v>48</v>
      </c>
    </row>
    <row r="28898" spans="1:43">
      <c r="A28898" t="s">
        <v>17889</v>
      </c>
      <c r="B28898" t="s">
        <v>17890</v>
      </c>
      <c r="C28898" t="s">
        <v>17849</v>
      </c>
      <c r="D28898" t="s">
        <v>17850</v>
      </c>
      <c r="E28898" t="s">
        <v>17787</v>
      </c>
      <c r="F28898" t="s">
        <v>17788</v>
      </c>
      <c r="G28898" t="s">
        <v>16559</v>
      </c>
      <c r="H28898" t="s">
        <v>16560</v>
      </c>
      <c r="I28898" s="2">
        <v>1</v>
      </c>
      <c r="J28898" s="2">
        <v>0</v>
      </c>
      <c r="K28898" s="2">
        <v>0</v>
      </c>
      <c r="L28898" t="s">
        <v>120</v>
      </c>
      <c r="M28898" t="s">
        <v>83</v>
      </c>
      <c r="N28898" t="s">
        <v>84</v>
      </c>
      <c r="O28898" t="s">
        <v>85</v>
      </c>
      <c r="P28898" t="s">
        <v>86</v>
      </c>
      <c r="Q28898">
        <v>11</v>
      </c>
      <c r="R28898">
        <v>12</v>
      </c>
      <c r="S28898">
        <v>12</v>
      </c>
      <c r="T28898">
        <v>12</v>
      </c>
      <c r="U28898">
        <v>13</v>
      </c>
      <c r="V28898">
        <v>13</v>
      </c>
      <c r="W28898">
        <v>13</v>
      </c>
      <c r="X28898">
        <v>14</v>
      </c>
      <c r="Y28898">
        <v>14</v>
      </c>
      <c r="Z28898">
        <v>14</v>
      </c>
      <c r="AA28898">
        <v>15</v>
      </c>
      <c r="AB28898">
        <v>15</v>
      </c>
      <c r="AC28898">
        <v>15</v>
      </c>
      <c r="AD28898">
        <v>16</v>
      </c>
      <c r="AE28898">
        <v>16</v>
      </c>
      <c r="AF28898">
        <v>17</v>
      </c>
      <c r="AG28898">
        <v>17</v>
      </c>
      <c r="AH28898">
        <v>18</v>
      </c>
      <c r="AI28898">
        <v>18</v>
      </c>
      <c r="AJ28898">
        <v>18</v>
      </c>
      <c r="AK28898">
        <v>19</v>
      </c>
      <c r="AL28898">
        <v>19</v>
      </c>
      <c r="AM28898">
        <v>20</v>
      </c>
      <c r="AN28898">
        <v>20</v>
      </c>
      <c r="AO28898">
        <v>20</v>
      </c>
      <c r="AP28898">
        <v>20</v>
      </c>
      <c r="AQ28898">
        <v>21</v>
      </c>
    </row>
    <row r="28899" spans="1:43">
      <c r="A28899" t="s">
        <v>17889</v>
      </c>
      <c r="B28899" t="s">
        <v>17890</v>
      </c>
      <c r="C28899" t="s">
        <v>17849</v>
      </c>
      <c r="D28899" t="s">
        <v>17850</v>
      </c>
      <c r="E28899" t="s">
        <v>17787</v>
      </c>
      <c r="F28899" t="s">
        <v>17788</v>
      </c>
      <c r="G28899" t="s">
        <v>16559</v>
      </c>
      <c r="H28899" t="s">
        <v>16560</v>
      </c>
      <c r="I28899" s="2">
        <v>1</v>
      </c>
      <c r="J28899" s="2">
        <v>0</v>
      </c>
      <c r="K28899" s="2">
        <v>0</v>
      </c>
      <c r="L28899" t="s">
        <v>120</v>
      </c>
      <c r="M28899" t="s">
        <v>87</v>
      </c>
      <c r="N28899" t="s">
        <v>88</v>
      </c>
      <c r="O28899" t="s">
        <v>85</v>
      </c>
      <c r="P28899" t="s">
        <v>86</v>
      </c>
      <c r="Q28899">
        <v>11</v>
      </c>
      <c r="R28899">
        <v>11</v>
      </c>
      <c r="S28899">
        <v>12</v>
      </c>
      <c r="T28899">
        <v>12</v>
      </c>
      <c r="U28899">
        <v>12</v>
      </c>
      <c r="V28899">
        <v>12</v>
      </c>
      <c r="W28899">
        <v>12</v>
      </c>
      <c r="X28899">
        <v>13</v>
      </c>
      <c r="Y28899">
        <v>13</v>
      </c>
      <c r="Z28899">
        <v>13</v>
      </c>
      <c r="AA28899">
        <v>13</v>
      </c>
      <c r="AB28899">
        <v>14</v>
      </c>
      <c r="AC28899">
        <v>14</v>
      </c>
      <c r="AD28899">
        <v>14</v>
      </c>
      <c r="AE28899">
        <v>14</v>
      </c>
      <c r="AF28899">
        <v>15</v>
      </c>
      <c r="AG28899">
        <v>15</v>
      </c>
      <c r="AH28899">
        <v>15</v>
      </c>
      <c r="AI28899">
        <v>16</v>
      </c>
      <c r="AJ28899">
        <v>16</v>
      </c>
      <c r="AK28899">
        <v>16</v>
      </c>
      <c r="AL28899">
        <v>16</v>
      </c>
      <c r="AM28899">
        <v>17</v>
      </c>
      <c r="AN28899">
        <v>17</v>
      </c>
      <c r="AO28899">
        <v>17</v>
      </c>
      <c r="AP28899">
        <v>18</v>
      </c>
      <c r="AQ28899">
        <v>18</v>
      </c>
    </row>
    <row r="28900" spans="1:43">
      <c r="A28900" t="s">
        <v>17889</v>
      </c>
      <c r="B28900" t="s">
        <v>17890</v>
      </c>
      <c r="C28900" t="s">
        <v>17849</v>
      </c>
      <c r="D28900" t="s">
        <v>17850</v>
      </c>
      <c r="E28900" t="s">
        <v>17787</v>
      </c>
      <c r="F28900" t="s">
        <v>17788</v>
      </c>
      <c r="G28900" t="s">
        <v>16559</v>
      </c>
      <c r="H28900" t="s">
        <v>16560</v>
      </c>
      <c r="I28900" s="2">
        <v>1</v>
      </c>
      <c r="J28900" s="2">
        <v>0</v>
      </c>
      <c r="K28900" s="2">
        <v>0</v>
      </c>
      <c r="L28900" t="s">
        <v>120</v>
      </c>
      <c r="M28900" t="s">
        <v>89</v>
      </c>
      <c r="N28900" t="s">
        <v>90</v>
      </c>
      <c r="O28900" t="s">
        <v>85</v>
      </c>
      <c r="P28900" t="s">
        <v>86</v>
      </c>
      <c r="Q28900">
        <v>11</v>
      </c>
      <c r="R28900">
        <v>12</v>
      </c>
      <c r="S28900">
        <v>12</v>
      </c>
      <c r="T28900">
        <v>13</v>
      </c>
      <c r="U28900">
        <v>13</v>
      </c>
      <c r="V28900">
        <v>13</v>
      </c>
      <c r="W28900">
        <v>14</v>
      </c>
      <c r="X28900">
        <v>14</v>
      </c>
      <c r="Y28900">
        <v>15</v>
      </c>
      <c r="Z28900">
        <v>15</v>
      </c>
      <c r="AA28900">
        <v>16</v>
      </c>
      <c r="AB28900">
        <v>16</v>
      </c>
      <c r="AC28900">
        <v>17</v>
      </c>
      <c r="AD28900">
        <v>17</v>
      </c>
      <c r="AE28900">
        <v>17</v>
      </c>
      <c r="AF28900">
        <v>18</v>
      </c>
      <c r="AG28900">
        <v>18</v>
      </c>
      <c r="AH28900">
        <v>18</v>
      </c>
      <c r="AI28900">
        <v>19</v>
      </c>
      <c r="AJ28900">
        <v>19</v>
      </c>
      <c r="AK28900">
        <v>19</v>
      </c>
      <c r="AL28900">
        <v>19</v>
      </c>
      <c r="AM28900">
        <v>20</v>
      </c>
      <c r="AN28900">
        <v>20</v>
      </c>
      <c r="AO28900">
        <v>20</v>
      </c>
      <c r="AP28900">
        <v>21</v>
      </c>
      <c r="AQ28900">
        <v>21</v>
      </c>
    </row>
    <row r="28901" spans="1:43">
      <c r="A28901" t="s">
        <v>17889</v>
      </c>
      <c r="B28901" t="s">
        <v>17890</v>
      </c>
      <c r="C28901" t="s">
        <v>17849</v>
      </c>
      <c r="D28901" t="s">
        <v>17850</v>
      </c>
      <c r="E28901" t="s">
        <v>17787</v>
      </c>
      <c r="F28901" t="s">
        <v>17788</v>
      </c>
      <c r="G28901" t="s">
        <v>16559</v>
      </c>
      <c r="H28901" t="s">
        <v>16560</v>
      </c>
      <c r="I28901" s="2">
        <v>1</v>
      </c>
      <c r="J28901" s="2">
        <v>0</v>
      </c>
      <c r="K28901" s="2">
        <v>0</v>
      </c>
      <c r="L28901" t="s">
        <v>120</v>
      </c>
      <c r="M28901" t="s">
        <v>83</v>
      </c>
      <c r="N28901" t="s">
        <v>91</v>
      </c>
      <c r="O28901" t="s">
        <v>85</v>
      </c>
      <c r="P28901" t="s">
        <v>86</v>
      </c>
      <c r="Q28901">
        <v>11</v>
      </c>
      <c r="R28901">
        <v>12</v>
      </c>
      <c r="S28901">
        <v>12</v>
      </c>
      <c r="T28901">
        <v>12</v>
      </c>
      <c r="U28901">
        <v>13</v>
      </c>
      <c r="V28901">
        <v>13</v>
      </c>
      <c r="W28901">
        <v>13</v>
      </c>
      <c r="X28901">
        <v>14</v>
      </c>
      <c r="Y28901">
        <v>14</v>
      </c>
      <c r="Z28901">
        <v>14</v>
      </c>
      <c r="AA28901">
        <v>15</v>
      </c>
      <c r="AB28901">
        <v>15</v>
      </c>
      <c r="AC28901">
        <v>15</v>
      </c>
      <c r="AD28901">
        <v>16</v>
      </c>
      <c r="AE28901">
        <v>16</v>
      </c>
      <c r="AF28901">
        <v>17</v>
      </c>
      <c r="AG28901">
        <v>17</v>
      </c>
      <c r="AH28901">
        <v>18</v>
      </c>
      <c r="AI28901">
        <v>18</v>
      </c>
      <c r="AJ28901">
        <v>18</v>
      </c>
      <c r="AK28901">
        <v>19</v>
      </c>
      <c r="AL28901">
        <v>19</v>
      </c>
      <c r="AM28901">
        <v>20</v>
      </c>
      <c r="AN28901">
        <v>20</v>
      </c>
      <c r="AO28901">
        <v>20</v>
      </c>
      <c r="AP28901">
        <v>20</v>
      </c>
      <c r="AQ28901">
        <v>21</v>
      </c>
    </row>
    <row r="28902" spans="1:43">
      <c r="A28902" t="s">
        <v>17891</v>
      </c>
      <c r="B28902" t="s">
        <v>17892</v>
      </c>
      <c r="C28902" t="s">
        <v>17849</v>
      </c>
      <c r="D28902" t="s">
        <v>17850</v>
      </c>
      <c r="E28902" t="s">
        <v>17787</v>
      </c>
      <c r="F28902" t="s">
        <v>17788</v>
      </c>
      <c r="G28902" t="s">
        <v>16559</v>
      </c>
      <c r="H28902" t="s">
        <v>16560</v>
      </c>
      <c r="I28902" s="2">
        <v>1</v>
      </c>
      <c r="J28902" s="2">
        <v>0</v>
      </c>
      <c r="K28902" s="2">
        <v>0</v>
      </c>
      <c r="L28902" t="s">
        <v>120</v>
      </c>
      <c r="M28902" t="s">
        <v>83</v>
      </c>
      <c r="N28902" t="s">
        <v>84</v>
      </c>
      <c r="O28902" t="s">
        <v>85</v>
      </c>
      <c r="P28902" t="s">
        <v>86</v>
      </c>
      <c r="Q28902">
        <v>10</v>
      </c>
      <c r="R28902">
        <v>10</v>
      </c>
      <c r="S28902">
        <v>10</v>
      </c>
      <c r="T28902">
        <v>11</v>
      </c>
      <c r="U28902">
        <v>11</v>
      </c>
      <c r="V28902">
        <v>11</v>
      </c>
      <c r="W28902">
        <v>12</v>
      </c>
      <c r="X28902">
        <v>12</v>
      </c>
      <c r="Y28902">
        <v>12</v>
      </c>
      <c r="Z28902">
        <v>12</v>
      </c>
      <c r="AA28902">
        <v>13</v>
      </c>
      <c r="AB28902">
        <v>13</v>
      </c>
      <c r="AC28902">
        <v>14</v>
      </c>
      <c r="AD28902">
        <v>14</v>
      </c>
      <c r="AE28902">
        <v>14</v>
      </c>
      <c r="AF28902">
        <v>15</v>
      </c>
      <c r="AG28902">
        <v>15</v>
      </c>
      <c r="AH28902">
        <v>15</v>
      </c>
      <c r="AI28902">
        <v>16</v>
      </c>
      <c r="AJ28902">
        <v>16</v>
      </c>
      <c r="AK28902">
        <v>17</v>
      </c>
      <c r="AL28902">
        <v>17</v>
      </c>
      <c r="AM28902">
        <v>17</v>
      </c>
      <c r="AN28902">
        <v>17</v>
      </c>
      <c r="AO28902">
        <v>18</v>
      </c>
      <c r="AP28902">
        <v>18</v>
      </c>
      <c r="AQ28902">
        <v>18</v>
      </c>
    </row>
    <row r="28903" spans="1:43">
      <c r="A28903" t="s">
        <v>17891</v>
      </c>
      <c r="B28903" t="s">
        <v>17892</v>
      </c>
      <c r="C28903" t="s">
        <v>17849</v>
      </c>
      <c r="D28903" t="s">
        <v>17850</v>
      </c>
      <c r="E28903" t="s">
        <v>17787</v>
      </c>
      <c r="F28903" t="s">
        <v>17788</v>
      </c>
      <c r="G28903" t="s">
        <v>16559</v>
      </c>
      <c r="H28903" t="s">
        <v>16560</v>
      </c>
      <c r="I28903" s="2">
        <v>1</v>
      </c>
      <c r="J28903" s="2">
        <v>0</v>
      </c>
      <c r="K28903" s="2">
        <v>0</v>
      </c>
      <c r="L28903" t="s">
        <v>120</v>
      </c>
      <c r="M28903" t="s">
        <v>87</v>
      </c>
      <c r="N28903" t="s">
        <v>88</v>
      </c>
      <c r="O28903" t="s">
        <v>85</v>
      </c>
      <c r="P28903" t="s">
        <v>86</v>
      </c>
      <c r="Q28903">
        <v>10</v>
      </c>
      <c r="R28903">
        <v>10</v>
      </c>
      <c r="S28903">
        <v>10</v>
      </c>
      <c r="T28903">
        <v>10</v>
      </c>
      <c r="U28903">
        <v>10</v>
      </c>
      <c r="V28903">
        <v>11</v>
      </c>
      <c r="W28903">
        <v>11</v>
      </c>
      <c r="X28903">
        <v>11</v>
      </c>
      <c r="Y28903">
        <v>11</v>
      </c>
      <c r="Z28903">
        <v>11</v>
      </c>
      <c r="AA28903">
        <v>12</v>
      </c>
      <c r="AB28903">
        <v>12</v>
      </c>
      <c r="AC28903">
        <v>12</v>
      </c>
      <c r="AD28903">
        <v>12</v>
      </c>
      <c r="AE28903">
        <v>13</v>
      </c>
      <c r="AF28903">
        <v>13</v>
      </c>
      <c r="AG28903">
        <v>13</v>
      </c>
      <c r="AH28903">
        <v>13</v>
      </c>
      <c r="AI28903">
        <v>14</v>
      </c>
      <c r="AJ28903">
        <v>14</v>
      </c>
      <c r="AK28903">
        <v>14</v>
      </c>
      <c r="AL28903">
        <v>14</v>
      </c>
      <c r="AM28903">
        <v>15</v>
      </c>
      <c r="AN28903">
        <v>15</v>
      </c>
      <c r="AO28903">
        <v>15</v>
      </c>
      <c r="AP28903">
        <v>16</v>
      </c>
      <c r="AQ28903">
        <v>16</v>
      </c>
    </row>
    <row r="28904" spans="1:43">
      <c r="A28904" t="s">
        <v>17891</v>
      </c>
      <c r="B28904" t="s">
        <v>17892</v>
      </c>
      <c r="C28904" t="s">
        <v>17849</v>
      </c>
      <c r="D28904" t="s">
        <v>17850</v>
      </c>
      <c r="E28904" t="s">
        <v>17787</v>
      </c>
      <c r="F28904" t="s">
        <v>17788</v>
      </c>
      <c r="G28904" t="s">
        <v>16559</v>
      </c>
      <c r="H28904" t="s">
        <v>16560</v>
      </c>
      <c r="I28904" s="2">
        <v>1</v>
      </c>
      <c r="J28904" s="2">
        <v>0</v>
      </c>
      <c r="K28904" s="2">
        <v>0</v>
      </c>
      <c r="L28904" t="s">
        <v>120</v>
      </c>
      <c r="M28904" t="s">
        <v>89</v>
      </c>
      <c r="N28904" t="s">
        <v>90</v>
      </c>
      <c r="O28904" t="s">
        <v>85</v>
      </c>
      <c r="P28904" t="s">
        <v>86</v>
      </c>
      <c r="Q28904">
        <v>10</v>
      </c>
      <c r="R28904">
        <v>10</v>
      </c>
      <c r="S28904">
        <v>11</v>
      </c>
      <c r="T28904">
        <v>11</v>
      </c>
      <c r="U28904">
        <v>11</v>
      </c>
      <c r="V28904">
        <v>12</v>
      </c>
      <c r="W28904">
        <v>12</v>
      </c>
      <c r="X28904">
        <v>12</v>
      </c>
      <c r="Y28904">
        <v>13</v>
      </c>
      <c r="Z28904">
        <v>13</v>
      </c>
      <c r="AA28904">
        <v>14</v>
      </c>
      <c r="AB28904">
        <v>14</v>
      </c>
      <c r="AC28904">
        <v>14</v>
      </c>
      <c r="AD28904">
        <v>15</v>
      </c>
      <c r="AE28904">
        <v>15</v>
      </c>
      <c r="AF28904">
        <v>15</v>
      </c>
      <c r="AG28904">
        <v>16</v>
      </c>
      <c r="AH28904">
        <v>16</v>
      </c>
      <c r="AI28904">
        <v>16</v>
      </c>
      <c r="AJ28904">
        <v>16</v>
      </c>
      <c r="AK28904">
        <v>17</v>
      </c>
      <c r="AL28904">
        <v>17</v>
      </c>
      <c r="AM28904">
        <v>17</v>
      </c>
      <c r="AN28904">
        <v>17</v>
      </c>
      <c r="AO28904">
        <v>18</v>
      </c>
      <c r="AP28904">
        <v>18</v>
      </c>
      <c r="AQ28904">
        <v>18</v>
      </c>
    </row>
    <row r="28905" spans="1:43">
      <c r="A28905" t="s">
        <v>17891</v>
      </c>
      <c r="B28905" t="s">
        <v>17892</v>
      </c>
      <c r="C28905" t="s">
        <v>17849</v>
      </c>
      <c r="D28905" t="s">
        <v>17850</v>
      </c>
      <c r="E28905" t="s">
        <v>17787</v>
      </c>
      <c r="F28905" t="s">
        <v>17788</v>
      </c>
      <c r="G28905" t="s">
        <v>16559</v>
      </c>
      <c r="H28905" t="s">
        <v>16560</v>
      </c>
      <c r="I28905" s="2">
        <v>1</v>
      </c>
      <c r="J28905" s="2">
        <v>0</v>
      </c>
      <c r="K28905" s="2">
        <v>0</v>
      </c>
      <c r="L28905" t="s">
        <v>120</v>
      </c>
      <c r="M28905" t="s">
        <v>83</v>
      </c>
      <c r="N28905" t="s">
        <v>91</v>
      </c>
      <c r="O28905" t="s">
        <v>85</v>
      </c>
      <c r="P28905" t="s">
        <v>86</v>
      </c>
      <c r="Q28905">
        <v>10</v>
      </c>
      <c r="R28905">
        <v>10</v>
      </c>
      <c r="S28905">
        <v>10</v>
      </c>
      <c r="T28905">
        <v>11</v>
      </c>
      <c r="U28905">
        <v>11</v>
      </c>
      <c r="V28905">
        <v>11</v>
      </c>
      <c r="W28905">
        <v>12</v>
      </c>
      <c r="X28905">
        <v>12</v>
      </c>
      <c r="Y28905">
        <v>12</v>
      </c>
      <c r="Z28905">
        <v>12</v>
      </c>
      <c r="AA28905">
        <v>13</v>
      </c>
      <c r="AB28905">
        <v>13</v>
      </c>
      <c r="AC28905">
        <v>14</v>
      </c>
      <c r="AD28905">
        <v>14</v>
      </c>
      <c r="AE28905">
        <v>14</v>
      </c>
      <c r="AF28905">
        <v>15</v>
      </c>
      <c r="AG28905">
        <v>15</v>
      </c>
      <c r="AH28905">
        <v>15</v>
      </c>
      <c r="AI28905">
        <v>16</v>
      </c>
      <c r="AJ28905">
        <v>16</v>
      </c>
      <c r="AK28905">
        <v>17</v>
      </c>
      <c r="AL28905">
        <v>17</v>
      </c>
      <c r="AM28905">
        <v>17</v>
      </c>
      <c r="AN28905">
        <v>17</v>
      </c>
      <c r="AO28905">
        <v>18</v>
      </c>
      <c r="AP28905">
        <v>18</v>
      </c>
      <c r="AQ28905">
        <v>18</v>
      </c>
    </row>
    <row r="28906" spans="1:43">
      <c r="A28906" t="s">
        <v>17893</v>
      </c>
      <c r="B28906" t="s">
        <v>17894</v>
      </c>
      <c r="C28906" t="s">
        <v>17895</v>
      </c>
      <c r="D28906" t="s">
        <v>17896</v>
      </c>
      <c r="E28906" t="s">
        <v>17787</v>
      </c>
      <c r="F28906" t="s">
        <v>17788</v>
      </c>
      <c r="G28906" t="s">
        <v>16559</v>
      </c>
      <c r="H28906" t="s">
        <v>16560</v>
      </c>
      <c r="I28906" s="2">
        <v>1</v>
      </c>
      <c r="J28906" s="2">
        <v>0</v>
      </c>
      <c r="K28906" s="2">
        <v>0</v>
      </c>
      <c r="L28906" t="s">
        <v>120</v>
      </c>
      <c r="M28906" t="s">
        <v>83</v>
      </c>
      <c r="N28906" t="s">
        <v>84</v>
      </c>
      <c r="O28906" t="s">
        <v>85</v>
      </c>
      <c r="P28906" t="s">
        <v>86</v>
      </c>
      <c r="Q28906">
        <v>33</v>
      </c>
      <c r="R28906">
        <v>34</v>
      </c>
      <c r="S28906">
        <v>35</v>
      </c>
      <c r="T28906">
        <v>36</v>
      </c>
      <c r="U28906">
        <v>37</v>
      </c>
      <c r="V28906">
        <v>38</v>
      </c>
      <c r="W28906">
        <v>39</v>
      </c>
      <c r="X28906">
        <v>40</v>
      </c>
      <c r="Y28906">
        <v>41</v>
      </c>
      <c r="Z28906">
        <v>42</v>
      </c>
      <c r="AA28906">
        <v>43</v>
      </c>
      <c r="AB28906">
        <v>44</v>
      </c>
      <c r="AC28906">
        <v>45</v>
      </c>
      <c r="AD28906">
        <v>46</v>
      </c>
      <c r="AE28906">
        <v>48</v>
      </c>
      <c r="AF28906">
        <v>49</v>
      </c>
      <c r="AG28906">
        <v>50</v>
      </c>
      <c r="AH28906">
        <v>51</v>
      </c>
      <c r="AI28906">
        <v>53</v>
      </c>
      <c r="AJ28906">
        <v>54</v>
      </c>
      <c r="AK28906">
        <v>55</v>
      </c>
      <c r="AL28906">
        <v>56</v>
      </c>
      <c r="AM28906">
        <v>57</v>
      </c>
      <c r="AN28906">
        <v>58</v>
      </c>
      <c r="AO28906">
        <v>59</v>
      </c>
      <c r="AP28906">
        <v>60</v>
      </c>
      <c r="AQ28906">
        <v>61</v>
      </c>
    </row>
    <row r="28907" spans="1:43">
      <c r="A28907" t="s">
        <v>17893</v>
      </c>
      <c r="B28907" t="s">
        <v>17894</v>
      </c>
      <c r="C28907" t="s">
        <v>17895</v>
      </c>
      <c r="D28907" t="s">
        <v>17896</v>
      </c>
      <c r="E28907" t="s">
        <v>17787</v>
      </c>
      <c r="F28907" t="s">
        <v>17788</v>
      </c>
      <c r="G28907" t="s">
        <v>16559</v>
      </c>
      <c r="H28907" t="s">
        <v>16560</v>
      </c>
      <c r="I28907" s="2">
        <v>1</v>
      </c>
      <c r="J28907" s="2">
        <v>0</v>
      </c>
      <c r="K28907" s="2">
        <v>0</v>
      </c>
      <c r="L28907" t="s">
        <v>120</v>
      </c>
      <c r="M28907" t="s">
        <v>87</v>
      </c>
      <c r="N28907" t="s">
        <v>88</v>
      </c>
      <c r="O28907" t="s">
        <v>85</v>
      </c>
      <c r="P28907" t="s">
        <v>86</v>
      </c>
      <c r="Q28907">
        <v>33</v>
      </c>
      <c r="R28907">
        <v>34</v>
      </c>
      <c r="S28907">
        <v>35</v>
      </c>
      <c r="T28907">
        <v>35</v>
      </c>
      <c r="U28907">
        <v>36</v>
      </c>
      <c r="V28907">
        <v>37</v>
      </c>
      <c r="W28907">
        <v>37</v>
      </c>
      <c r="X28907">
        <v>38</v>
      </c>
      <c r="Y28907">
        <v>39</v>
      </c>
      <c r="Z28907">
        <v>39</v>
      </c>
      <c r="AA28907">
        <v>40</v>
      </c>
      <c r="AB28907">
        <v>41</v>
      </c>
      <c r="AC28907">
        <v>42</v>
      </c>
      <c r="AD28907">
        <v>42</v>
      </c>
      <c r="AE28907">
        <v>43</v>
      </c>
      <c r="AF28907">
        <v>44</v>
      </c>
      <c r="AG28907">
        <v>45</v>
      </c>
      <c r="AH28907">
        <v>46</v>
      </c>
      <c r="AI28907">
        <v>46</v>
      </c>
      <c r="AJ28907">
        <v>47</v>
      </c>
      <c r="AK28907">
        <v>48</v>
      </c>
      <c r="AL28907">
        <v>49</v>
      </c>
      <c r="AM28907">
        <v>50</v>
      </c>
      <c r="AN28907">
        <v>51</v>
      </c>
      <c r="AO28907">
        <v>52</v>
      </c>
      <c r="AP28907">
        <v>53</v>
      </c>
      <c r="AQ28907">
        <v>54</v>
      </c>
    </row>
    <row r="28908" spans="1:43">
      <c r="A28908" t="s">
        <v>17893</v>
      </c>
      <c r="B28908" t="s">
        <v>17894</v>
      </c>
      <c r="C28908" t="s">
        <v>17895</v>
      </c>
      <c r="D28908" t="s">
        <v>17896</v>
      </c>
      <c r="E28908" t="s">
        <v>17787</v>
      </c>
      <c r="F28908" t="s">
        <v>17788</v>
      </c>
      <c r="G28908" t="s">
        <v>16559</v>
      </c>
      <c r="H28908" t="s">
        <v>16560</v>
      </c>
      <c r="I28908" s="2">
        <v>1</v>
      </c>
      <c r="J28908" s="2">
        <v>0</v>
      </c>
      <c r="K28908" s="2">
        <v>0</v>
      </c>
      <c r="L28908" t="s">
        <v>120</v>
      </c>
      <c r="M28908" t="s">
        <v>89</v>
      </c>
      <c r="N28908" t="s">
        <v>90</v>
      </c>
      <c r="O28908" t="s">
        <v>85</v>
      </c>
      <c r="P28908" t="s">
        <v>86</v>
      </c>
      <c r="Q28908">
        <v>33</v>
      </c>
      <c r="R28908">
        <v>34</v>
      </c>
      <c r="S28908">
        <v>36</v>
      </c>
      <c r="T28908">
        <v>37</v>
      </c>
      <c r="U28908">
        <v>38</v>
      </c>
      <c r="V28908">
        <v>39</v>
      </c>
      <c r="W28908">
        <v>41</v>
      </c>
      <c r="X28908">
        <v>42</v>
      </c>
      <c r="Y28908">
        <v>43</v>
      </c>
      <c r="Z28908">
        <v>44</v>
      </c>
      <c r="AA28908">
        <v>46</v>
      </c>
      <c r="AB28908">
        <v>47</v>
      </c>
      <c r="AC28908">
        <v>48</v>
      </c>
      <c r="AD28908">
        <v>50</v>
      </c>
      <c r="AE28908">
        <v>51</v>
      </c>
      <c r="AF28908">
        <v>52</v>
      </c>
      <c r="AG28908">
        <v>53</v>
      </c>
      <c r="AH28908">
        <v>53</v>
      </c>
      <c r="AI28908">
        <v>54</v>
      </c>
      <c r="AJ28908">
        <v>55</v>
      </c>
      <c r="AK28908">
        <v>56</v>
      </c>
      <c r="AL28908">
        <v>57</v>
      </c>
      <c r="AM28908">
        <v>57</v>
      </c>
      <c r="AN28908">
        <v>58</v>
      </c>
      <c r="AO28908">
        <v>59</v>
      </c>
      <c r="AP28908">
        <v>60</v>
      </c>
      <c r="AQ28908">
        <v>61</v>
      </c>
    </row>
    <row r="28909" spans="1:43">
      <c r="A28909" t="s">
        <v>17893</v>
      </c>
      <c r="B28909" t="s">
        <v>17894</v>
      </c>
      <c r="C28909" t="s">
        <v>17895</v>
      </c>
      <c r="D28909" t="s">
        <v>17896</v>
      </c>
      <c r="E28909" t="s">
        <v>17787</v>
      </c>
      <c r="F28909" t="s">
        <v>17788</v>
      </c>
      <c r="G28909" t="s">
        <v>16559</v>
      </c>
      <c r="H28909" t="s">
        <v>16560</v>
      </c>
      <c r="I28909" s="2">
        <v>1</v>
      </c>
      <c r="J28909" s="2">
        <v>0</v>
      </c>
      <c r="K28909" s="2">
        <v>0</v>
      </c>
      <c r="L28909" t="s">
        <v>120</v>
      </c>
      <c r="M28909" t="s">
        <v>83</v>
      </c>
      <c r="N28909" t="s">
        <v>91</v>
      </c>
      <c r="O28909" t="s">
        <v>85</v>
      </c>
      <c r="P28909" t="s">
        <v>86</v>
      </c>
      <c r="Q28909">
        <v>33</v>
      </c>
      <c r="R28909">
        <v>34</v>
      </c>
      <c r="S28909">
        <v>35</v>
      </c>
      <c r="T28909">
        <v>36</v>
      </c>
      <c r="U28909">
        <v>37</v>
      </c>
      <c r="V28909">
        <v>38</v>
      </c>
      <c r="W28909">
        <v>39</v>
      </c>
      <c r="X28909">
        <v>40</v>
      </c>
      <c r="Y28909">
        <v>41</v>
      </c>
      <c r="Z28909">
        <v>42</v>
      </c>
      <c r="AA28909">
        <v>43</v>
      </c>
      <c r="AB28909">
        <v>44</v>
      </c>
      <c r="AC28909">
        <v>45</v>
      </c>
      <c r="AD28909">
        <v>46</v>
      </c>
      <c r="AE28909">
        <v>48</v>
      </c>
      <c r="AF28909">
        <v>49</v>
      </c>
      <c r="AG28909">
        <v>50</v>
      </c>
      <c r="AH28909">
        <v>51</v>
      </c>
      <c r="AI28909">
        <v>53</v>
      </c>
      <c r="AJ28909">
        <v>54</v>
      </c>
      <c r="AK28909">
        <v>55</v>
      </c>
      <c r="AL28909">
        <v>56</v>
      </c>
      <c r="AM28909">
        <v>57</v>
      </c>
      <c r="AN28909">
        <v>58</v>
      </c>
      <c r="AO28909">
        <v>59</v>
      </c>
      <c r="AP28909">
        <v>60</v>
      </c>
      <c r="AQ28909">
        <v>61</v>
      </c>
    </row>
    <row r="28910" spans="1:43">
      <c r="A28910" t="s">
        <v>17897</v>
      </c>
      <c r="B28910" t="s">
        <v>17898</v>
      </c>
      <c r="C28910" t="s">
        <v>17895</v>
      </c>
      <c r="D28910" t="s">
        <v>17896</v>
      </c>
      <c r="E28910" t="s">
        <v>17787</v>
      </c>
      <c r="F28910" t="s">
        <v>17788</v>
      </c>
      <c r="G28910" t="s">
        <v>16559</v>
      </c>
      <c r="H28910" t="s">
        <v>16560</v>
      </c>
      <c r="I28910" s="2">
        <v>1</v>
      </c>
      <c r="J28910" s="2">
        <v>0</v>
      </c>
      <c r="K28910" s="2">
        <v>0</v>
      </c>
      <c r="L28910" t="s">
        <v>120</v>
      </c>
      <c r="M28910" t="s">
        <v>83</v>
      </c>
      <c r="N28910" t="s">
        <v>84</v>
      </c>
      <c r="O28910" t="s">
        <v>85</v>
      </c>
      <c r="P28910" t="s">
        <v>86</v>
      </c>
      <c r="Q28910">
        <v>26</v>
      </c>
      <c r="R28910">
        <v>26</v>
      </c>
      <c r="S28910">
        <v>27</v>
      </c>
      <c r="T28910">
        <v>28</v>
      </c>
      <c r="U28910">
        <v>29</v>
      </c>
      <c r="V28910">
        <v>29</v>
      </c>
      <c r="W28910">
        <v>30</v>
      </c>
      <c r="X28910">
        <v>31</v>
      </c>
      <c r="Y28910">
        <v>32</v>
      </c>
      <c r="Z28910">
        <v>33</v>
      </c>
      <c r="AA28910">
        <v>33</v>
      </c>
      <c r="AB28910">
        <v>34</v>
      </c>
      <c r="AC28910">
        <v>35</v>
      </c>
      <c r="AD28910">
        <v>36</v>
      </c>
      <c r="AE28910">
        <v>37</v>
      </c>
      <c r="AF28910">
        <v>38</v>
      </c>
      <c r="AG28910">
        <v>39</v>
      </c>
      <c r="AH28910">
        <v>40</v>
      </c>
      <c r="AI28910">
        <v>41</v>
      </c>
      <c r="AJ28910">
        <v>42</v>
      </c>
      <c r="AK28910">
        <v>43</v>
      </c>
      <c r="AL28910">
        <v>44</v>
      </c>
      <c r="AM28910">
        <v>45</v>
      </c>
      <c r="AN28910">
        <v>45</v>
      </c>
      <c r="AO28910">
        <v>46</v>
      </c>
      <c r="AP28910">
        <v>47</v>
      </c>
      <c r="AQ28910">
        <v>47</v>
      </c>
    </row>
    <row r="28911" spans="1:43">
      <c r="A28911" t="s">
        <v>17897</v>
      </c>
      <c r="B28911" t="s">
        <v>17898</v>
      </c>
      <c r="C28911" t="s">
        <v>17895</v>
      </c>
      <c r="D28911" t="s">
        <v>17896</v>
      </c>
      <c r="E28911" t="s">
        <v>17787</v>
      </c>
      <c r="F28911" t="s">
        <v>17788</v>
      </c>
      <c r="G28911" t="s">
        <v>16559</v>
      </c>
      <c r="H28911" t="s">
        <v>16560</v>
      </c>
      <c r="I28911" s="2">
        <v>1</v>
      </c>
      <c r="J28911" s="2">
        <v>0</v>
      </c>
      <c r="K28911" s="2">
        <v>0</v>
      </c>
      <c r="L28911" t="s">
        <v>120</v>
      </c>
      <c r="M28911" t="s">
        <v>87</v>
      </c>
      <c r="N28911" t="s">
        <v>88</v>
      </c>
      <c r="O28911" t="s">
        <v>85</v>
      </c>
      <c r="P28911" t="s">
        <v>86</v>
      </c>
      <c r="Q28911">
        <v>26</v>
      </c>
      <c r="R28911">
        <v>27</v>
      </c>
      <c r="S28911">
        <v>27</v>
      </c>
      <c r="T28911">
        <v>28</v>
      </c>
      <c r="U28911">
        <v>28</v>
      </c>
      <c r="V28911">
        <v>29</v>
      </c>
      <c r="W28911">
        <v>29</v>
      </c>
      <c r="X28911">
        <v>30</v>
      </c>
      <c r="Y28911">
        <v>30</v>
      </c>
      <c r="Z28911">
        <v>31</v>
      </c>
      <c r="AA28911">
        <v>31</v>
      </c>
      <c r="AB28911">
        <v>32</v>
      </c>
      <c r="AC28911">
        <v>33</v>
      </c>
      <c r="AD28911">
        <v>33</v>
      </c>
      <c r="AE28911">
        <v>34</v>
      </c>
      <c r="AF28911">
        <v>34</v>
      </c>
      <c r="AG28911">
        <v>35</v>
      </c>
      <c r="AH28911">
        <v>36</v>
      </c>
      <c r="AI28911">
        <v>36</v>
      </c>
      <c r="AJ28911">
        <v>37</v>
      </c>
      <c r="AK28911">
        <v>38</v>
      </c>
      <c r="AL28911">
        <v>38</v>
      </c>
      <c r="AM28911">
        <v>39</v>
      </c>
      <c r="AN28911">
        <v>40</v>
      </c>
      <c r="AO28911">
        <v>41</v>
      </c>
      <c r="AP28911">
        <v>41</v>
      </c>
      <c r="AQ28911">
        <v>42</v>
      </c>
    </row>
    <row r="28912" spans="1:43">
      <c r="A28912" t="s">
        <v>17897</v>
      </c>
      <c r="B28912" t="s">
        <v>17898</v>
      </c>
      <c r="C28912" t="s">
        <v>17895</v>
      </c>
      <c r="D28912" t="s">
        <v>17896</v>
      </c>
      <c r="E28912" t="s">
        <v>17787</v>
      </c>
      <c r="F28912" t="s">
        <v>17788</v>
      </c>
      <c r="G28912" t="s">
        <v>16559</v>
      </c>
      <c r="H28912" t="s">
        <v>16560</v>
      </c>
      <c r="I28912" s="2">
        <v>1</v>
      </c>
      <c r="J28912" s="2">
        <v>0</v>
      </c>
      <c r="K28912" s="2">
        <v>0</v>
      </c>
      <c r="L28912" t="s">
        <v>120</v>
      </c>
      <c r="M28912" t="s">
        <v>89</v>
      </c>
      <c r="N28912" t="s">
        <v>90</v>
      </c>
      <c r="O28912" t="s">
        <v>85</v>
      </c>
      <c r="P28912" t="s">
        <v>86</v>
      </c>
      <c r="Q28912">
        <v>26</v>
      </c>
      <c r="R28912">
        <v>27</v>
      </c>
      <c r="S28912">
        <v>28</v>
      </c>
      <c r="T28912">
        <v>29</v>
      </c>
      <c r="U28912">
        <v>30</v>
      </c>
      <c r="V28912">
        <v>31</v>
      </c>
      <c r="W28912">
        <v>32</v>
      </c>
      <c r="X28912">
        <v>33</v>
      </c>
      <c r="Y28912">
        <v>34</v>
      </c>
      <c r="Z28912">
        <v>35</v>
      </c>
      <c r="AA28912">
        <v>36</v>
      </c>
      <c r="AB28912">
        <v>37</v>
      </c>
      <c r="AC28912">
        <v>38</v>
      </c>
      <c r="AD28912">
        <v>39</v>
      </c>
      <c r="AE28912">
        <v>40</v>
      </c>
      <c r="AF28912">
        <v>40</v>
      </c>
      <c r="AG28912">
        <v>41</v>
      </c>
      <c r="AH28912">
        <v>42</v>
      </c>
      <c r="AI28912">
        <v>42</v>
      </c>
      <c r="AJ28912">
        <v>43</v>
      </c>
      <c r="AK28912">
        <v>43</v>
      </c>
      <c r="AL28912">
        <v>44</v>
      </c>
      <c r="AM28912">
        <v>45</v>
      </c>
      <c r="AN28912">
        <v>45</v>
      </c>
      <c r="AO28912">
        <v>46</v>
      </c>
      <c r="AP28912">
        <v>47</v>
      </c>
      <c r="AQ28912">
        <v>47</v>
      </c>
    </row>
    <row r="28913" spans="1:43">
      <c r="A28913" t="s">
        <v>17897</v>
      </c>
      <c r="B28913" t="s">
        <v>17898</v>
      </c>
      <c r="C28913" t="s">
        <v>17895</v>
      </c>
      <c r="D28913" t="s">
        <v>17896</v>
      </c>
      <c r="E28913" t="s">
        <v>17787</v>
      </c>
      <c r="F28913" t="s">
        <v>17788</v>
      </c>
      <c r="G28913" t="s">
        <v>16559</v>
      </c>
      <c r="H28913" t="s">
        <v>16560</v>
      </c>
      <c r="I28913" s="2">
        <v>1</v>
      </c>
      <c r="J28913" s="2">
        <v>0</v>
      </c>
      <c r="K28913" s="2">
        <v>0</v>
      </c>
      <c r="L28913" t="s">
        <v>120</v>
      </c>
      <c r="M28913" t="s">
        <v>83</v>
      </c>
      <c r="N28913" t="s">
        <v>91</v>
      </c>
      <c r="O28913" t="s">
        <v>85</v>
      </c>
      <c r="P28913" t="s">
        <v>86</v>
      </c>
      <c r="Q28913">
        <v>26</v>
      </c>
      <c r="R28913">
        <v>26</v>
      </c>
      <c r="S28913">
        <v>27</v>
      </c>
      <c r="T28913">
        <v>28</v>
      </c>
      <c r="U28913">
        <v>29</v>
      </c>
      <c r="V28913">
        <v>29</v>
      </c>
      <c r="W28913">
        <v>30</v>
      </c>
      <c r="X28913">
        <v>31</v>
      </c>
      <c r="Y28913">
        <v>32</v>
      </c>
      <c r="Z28913">
        <v>33</v>
      </c>
      <c r="AA28913">
        <v>33</v>
      </c>
      <c r="AB28913">
        <v>34</v>
      </c>
      <c r="AC28913">
        <v>35</v>
      </c>
      <c r="AD28913">
        <v>36</v>
      </c>
      <c r="AE28913">
        <v>37</v>
      </c>
      <c r="AF28913">
        <v>38</v>
      </c>
      <c r="AG28913">
        <v>39</v>
      </c>
      <c r="AH28913">
        <v>40</v>
      </c>
      <c r="AI28913">
        <v>41</v>
      </c>
      <c r="AJ28913">
        <v>42</v>
      </c>
      <c r="AK28913">
        <v>43</v>
      </c>
      <c r="AL28913">
        <v>44</v>
      </c>
      <c r="AM28913">
        <v>45</v>
      </c>
      <c r="AN28913">
        <v>45</v>
      </c>
      <c r="AO28913">
        <v>46</v>
      </c>
      <c r="AP28913">
        <v>47</v>
      </c>
      <c r="AQ28913">
        <v>47</v>
      </c>
    </row>
    <row r="28914" spans="1:43">
      <c r="A28914" t="s">
        <v>17899</v>
      </c>
      <c r="B28914" t="s">
        <v>17900</v>
      </c>
      <c r="C28914" t="s">
        <v>17877</v>
      </c>
      <c r="D28914" t="s">
        <v>17878</v>
      </c>
      <c r="E28914" t="s">
        <v>17787</v>
      </c>
      <c r="F28914" t="s">
        <v>17788</v>
      </c>
      <c r="G28914" t="s">
        <v>16559</v>
      </c>
      <c r="H28914" t="s">
        <v>16560</v>
      </c>
      <c r="I28914" s="2">
        <v>0.89</v>
      </c>
      <c r="J28914" s="2">
        <v>0</v>
      </c>
      <c r="K28914" s="2">
        <v>0</v>
      </c>
      <c r="L28914" t="s">
        <v>120</v>
      </c>
      <c r="M28914" t="s">
        <v>83</v>
      </c>
      <c r="N28914" t="s">
        <v>84</v>
      </c>
      <c r="O28914" t="s">
        <v>85</v>
      </c>
      <c r="P28914" t="s">
        <v>86</v>
      </c>
      <c r="Q28914">
        <v>35</v>
      </c>
      <c r="R28914">
        <v>36</v>
      </c>
      <c r="S28914">
        <v>37</v>
      </c>
      <c r="T28914">
        <v>38</v>
      </c>
      <c r="U28914">
        <v>39</v>
      </c>
      <c r="V28914">
        <v>40</v>
      </c>
      <c r="W28914">
        <v>42</v>
      </c>
      <c r="X28914">
        <v>43</v>
      </c>
      <c r="Y28914">
        <v>44</v>
      </c>
      <c r="Z28914">
        <v>45</v>
      </c>
      <c r="AA28914">
        <v>46</v>
      </c>
      <c r="AB28914">
        <v>47</v>
      </c>
      <c r="AC28914">
        <v>49</v>
      </c>
      <c r="AD28914">
        <v>50</v>
      </c>
      <c r="AE28914">
        <v>51</v>
      </c>
      <c r="AF28914">
        <v>52</v>
      </c>
      <c r="AG28914">
        <v>54</v>
      </c>
      <c r="AH28914">
        <v>55</v>
      </c>
      <c r="AI28914">
        <v>57</v>
      </c>
      <c r="AJ28914">
        <v>58</v>
      </c>
      <c r="AK28914">
        <v>59</v>
      </c>
      <c r="AL28914">
        <v>61</v>
      </c>
      <c r="AM28914">
        <v>61</v>
      </c>
      <c r="AN28914">
        <v>62</v>
      </c>
      <c r="AO28914">
        <v>63</v>
      </c>
      <c r="AP28914">
        <v>64</v>
      </c>
      <c r="AQ28914">
        <v>65</v>
      </c>
    </row>
    <row r="28915" spans="1:43">
      <c r="A28915" t="s">
        <v>17899</v>
      </c>
      <c r="B28915" t="s">
        <v>17900</v>
      </c>
      <c r="C28915" t="s">
        <v>17877</v>
      </c>
      <c r="D28915" t="s">
        <v>17878</v>
      </c>
      <c r="E28915" t="s">
        <v>17787</v>
      </c>
      <c r="F28915" t="s">
        <v>17788</v>
      </c>
      <c r="G28915" t="s">
        <v>16559</v>
      </c>
      <c r="H28915" t="s">
        <v>16560</v>
      </c>
      <c r="I28915" s="2">
        <v>0.89</v>
      </c>
      <c r="J28915" s="2">
        <v>0</v>
      </c>
      <c r="K28915" s="2">
        <v>0</v>
      </c>
      <c r="L28915" t="s">
        <v>120</v>
      </c>
      <c r="M28915" t="s">
        <v>87</v>
      </c>
      <c r="N28915" t="s">
        <v>88</v>
      </c>
      <c r="O28915" t="s">
        <v>85</v>
      </c>
      <c r="P28915" t="s">
        <v>86</v>
      </c>
      <c r="Q28915">
        <v>35</v>
      </c>
      <c r="R28915">
        <v>36</v>
      </c>
      <c r="S28915">
        <v>36</v>
      </c>
      <c r="T28915">
        <v>37</v>
      </c>
      <c r="U28915">
        <v>38</v>
      </c>
      <c r="V28915">
        <v>38</v>
      </c>
      <c r="W28915">
        <v>39</v>
      </c>
      <c r="X28915">
        <v>40</v>
      </c>
      <c r="Y28915">
        <v>41</v>
      </c>
      <c r="Z28915">
        <v>41</v>
      </c>
      <c r="AA28915">
        <v>42</v>
      </c>
      <c r="AB28915">
        <v>43</v>
      </c>
      <c r="AC28915">
        <v>44</v>
      </c>
      <c r="AD28915">
        <v>45</v>
      </c>
      <c r="AE28915">
        <v>45</v>
      </c>
      <c r="AF28915">
        <v>46</v>
      </c>
      <c r="AG28915">
        <v>47</v>
      </c>
      <c r="AH28915">
        <v>48</v>
      </c>
      <c r="AI28915">
        <v>49</v>
      </c>
      <c r="AJ28915">
        <v>50</v>
      </c>
      <c r="AK28915">
        <v>51</v>
      </c>
      <c r="AL28915">
        <v>52</v>
      </c>
      <c r="AM28915">
        <v>53</v>
      </c>
      <c r="AN28915">
        <v>54</v>
      </c>
      <c r="AO28915">
        <v>55</v>
      </c>
      <c r="AP28915">
        <v>56</v>
      </c>
      <c r="AQ28915">
        <v>57</v>
      </c>
    </row>
    <row r="28916" spans="1:43">
      <c r="A28916" t="s">
        <v>17899</v>
      </c>
      <c r="B28916" t="s">
        <v>17900</v>
      </c>
      <c r="C28916" t="s">
        <v>17877</v>
      </c>
      <c r="D28916" t="s">
        <v>17878</v>
      </c>
      <c r="E28916" t="s">
        <v>17787</v>
      </c>
      <c r="F28916" t="s">
        <v>17788</v>
      </c>
      <c r="G28916" t="s">
        <v>16559</v>
      </c>
      <c r="H28916" t="s">
        <v>16560</v>
      </c>
      <c r="I28916" s="2">
        <v>0.89</v>
      </c>
      <c r="J28916" s="2">
        <v>0</v>
      </c>
      <c r="K28916" s="2">
        <v>0</v>
      </c>
      <c r="L28916" t="s">
        <v>120</v>
      </c>
      <c r="M28916" t="s">
        <v>89</v>
      </c>
      <c r="N28916" t="s">
        <v>90</v>
      </c>
      <c r="O28916" t="s">
        <v>85</v>
      </c>
      <c r="P28916" t="s">
        <v>86</v>
      </c>
      <c r="Q28916">
        <v>35</v>
      </c>
      <c r="R28916">
        <v>36</v>
      </c>
      <c r="S28916">
        <v>37</v>
      </c>
      <c r="T28916">
        <v>39</v>
      </c>
      <c r="U28916">
        <v>40</v>
      </c>
      <c r="V28916">
        <v>41</v>
      </c>
      <c r="W28916">
        <v>43</v>
      </c>
      <c r="X28916">
        <v>44</v>
      </c>
      <c r="Y28916">
        <v>45</v>
      </c>
      <c r="Z28916">
        <v>47</v>
      </c>
      <c r="AA28916">
        <v>48</v>
      </c>
      <c r="AB28916">
        <v>50</v>
      </c>
      <c r="AC28916">
        <v>51</v>
      </c>
      <c r="AD28916">
        <v>53</v>
      </c>
      <c r="AE28916">
        <v>54</v>
      </c>
      <c r="AF28916">
        <v>55</v>
      </c>
      <c r="AG28916">
        <v>56</v>
      </c>
      <c r="AH28916">
        <v>56</v>
      </c>
      <c r="AI28916">
        <v>57</v>
      </c>
      <c r="AJ28916">
        <v>58</v>
      </c>
      <c r="AK28916">
        <v>59</v>
      </c>
      <c r="AL28916">
        <v>60</v>
      </c>
      <c r="AM28916">
        <v>61</v>
      </c>
      <c r="AN28916">
        <v>62</v>
      </c>
      <c r="AO28916">
        <v>63</v>
      </c>
      <c r="AP28916">
        <v>64</v>
      </c>
      <c r="AQ28916">
        <v>65</v>
      </c>
    </row>
    <row r="28917" spans="1:43">
      <c r="A28917" t="s">
        <v>17899</v>
      </c>
      <c r="B28917" t="s">
        <v>17900</v>
      </c>
      <c r="C28917" t="s">
        <v>17877</v>
      </c>
      <c r="D28917" t="s">
        <v>17878</v>
      </c>
      <c r="E28917" t="s">
        <v>17787</v>
      </c>
      <c r="F28917" t="s">
        <v>17788</v>
      </c>
      <c r="G28917" t="s">
        <v>16559</v>
      </c>
      <c r="H28917" t="s">
        <v>16560</v>
      </c>
      <c r="I28917" s="2">
        <v>0.89</v>
      </c>
      <c r="J28917" s="2">
        <v>0</v>
      </c>
      <c r="K28917" s="2">
        <v>0</v>
      </c>
      <c r="L28917" t="s">
        <v>120</v>
      </c>
      <c r="M28917" t="s">
        <v>83</v>
      </c>
      <c r="N28917" t="s">
        <v>91</v>
      </c>
      <c r="O28917" t="s">
        <v>85</v>
      </c>
      <c r="P28917" t="s">
        <v>86</v>
      </c>
      <c r="Q28917">
        <v>35</v>
      </c>
      <c r="R28917">
        <v>36</v>
      </c>
      <c r="S28917">
        <v>37</v>
      </c>
      <c r="T28917">
        <v>38</v>
      </c>
      <c r="U28917">
        <v>39</v>
      </c>
      <c r="V28917">
        <v>40</v>
      </c>
      <c r="W28917">
        <v>42</v>
      </c>
      <c r="X28917">
        <v>43</v>
      </c>
      <c r="Y28917">
        <v>44</v>
      </c>
      <c r="Z28917">
        <v>45</v>
      </c>
      <c r="AA28917">
        <v>46</v>
      </c>
      <c r="AB28917">
        <v>47</v>
      </c>
      <c r="AC28917">
        <v>49</v>
      </c>
      <c r="AD28917">
        <v>50</v>
      </c>
      <c r="AE28917">
        <v>51</v>
      </c>
      <c r="AF28917">
        <v>52</v>
      </c>
      <c r="AG28917">
        <v>54</v>
      </c>
      <c r="AH28917">
        <v>55</v>
      </c>
      <c r="AI28917">
        <v>57</v>
      </c>
      <c r="AJ28917">
        <v>58</v>
      </c>
      <c r="AK28917">
        <v>59</v>
      </c>
      <c r="AL28917">
        <v>61</v>
      </c>
      <c r="AM28917">
        <v>61</v>
      </c>
      <c r="AN28917">
        <v>62</v>
      </c>
      <c r="AO28917">
        <v>63</v>
      </c>
      <c r="AP28917">
        <v>64</v>
      </c>
      <c r="AQ28917">
        <v>65</v>
      </c>
    </row>
    <row r="28918" spans="1:43">
      <c r="A28918" t="s">
        <v>17901</v>
      </c>
      <c r="B28918" t="s">
        <v>17902</v>
      </c>
      <c r="C28918" t="s">
        <v>17895</v>
      </c>
      <c r="D28918" t="s">
        <v>17896</v>
      </c>
      <c r="E28918" t="s">
        <v>17787</v>
      </c>
      <c r="F28918" t="s">
        <v>17788</v>
      </c>
      <c r="G28918" t="s">
        <v>16559</v>
      </c>
      <c r="H28918" t="s">
        <v>16560</v>
      </c>
      <c r="I28918" s="2">
        <v>1</v>
      </c>
      <c r="J28918" s="2">
        <v>0</v>
      </c>
      <c r="K28918" s="2">
        <v>0</v>
      </c>
      <c r="L28918" t="s">
        <v>120</v>
      </c>
      <c r="M28918" t="s">
        <v>83</v>
      </c>
      <c r="N28918" t="s">
        <v>84</v>
      </c>
      <c r="O28918" t="s">
        <v>85</v>
      </c>
      <c r="P28918" t="s">
        <v>86</v>
      </c>
      <c r="Q28918">
        <v>74</v>
      </c>
      <c r="R28918">
        <v>76</v>
      </c>
      <c r="S28918">
        <v>78</v>
      </c>
      <c r="T28918">
        <v>80</v>
      </c>
      <c r="U28918">
        <v>82</v>
      </c>
      <c r="V28918">
        <v>85</v>
      </c>
      <c r="W28918">
        <v>87</v>
      </c>
      <c r="X28918">
        <v>89</v>
      </c>
      <c r="Y28918">
        <v>92</v>
      </c>
      <c r="Z28918">
        <v>94</v>
      </c>
      <c r="AA28918">
        <v>97</v>
      </c>
      <c r="AB28918">
        <v>99</v>
      </c>
      <c r="AC28918">
        <v>102</v>
      </c>
      <c r="AD28918">
        <v>104</v>
      </c>
      <c r="AE28918">
        <v>107</v>
      </c>
      <c r="AF28918">
        <v>110</v>
      </c>
      <c r="AG28918">
        <v>113</v>
      </c>
      <c r="AH28918">
        <v>115</v>
      </c>
      <c r="AI28918">
        <v>118</v>
      </c>
      <c r="AJ28918">
        <v>121</v>
      </c>
      <c r="AK28918">
        <v>124</v>
      </c>
      <c r="AL28918">
        <v>127</v>
      </c>
      <c r="AM28918">
        <v>129</v>
      </c>
      <c r="AN28918">
        <v>131</v>
      </c>
      <c r="AO28918">
        <v>133</v>
      </c>
      <c r="AP28918">
        <v>135</v>
      </c>
      <c r="AQ28918">
        <v>137</v>
      </c>
    </row>
    <row r="28919" spans="1:43">
      <c r="A28919" t="s">
        <v>17901</v>
      </c>
      <c r="B28919" t="s">
        <v>17902</v>
      </c>
      <c r="C28919" t="s">
        <v>17895</v>
      </c>
      <c r="D28919" t="s">
        <v>17896</v>
      </c>
      <c r="E28919" t="s">
        <v>17787</v>
      </c>
      <c r="F28919" t="s">
        <v>17788</v>
      </c>
      <c r="G28919" t="s">
        <v>16559</v>
      </c>
      <c r="H28919" t="s">
        <v>16560</v>
      </c>
      <c r="I28919" s="2">
        <v>1</v>
      </c>
      <c r="J28919" s="2">
        <v>0</v>
      </c>
      <c r="K28919" s="2">
        <v>0</v>
      </c>
      <c r="L28919" t="s">
        <v>120</v>
      </c>
      <c r="M28919" t="s">
        <v>87</v>
      </c>
      <c r="N28919" t="s">
        <v>88</v>
      </c>
      <c r="O28919" t="s">
        <v>85</v>
      </c>
      <c r="P28919" t="s">
        <v>86</v>
      </c>
      <c r="Q28919">
        <v>74</v>
      </c>
      <c r="R28919">
        <v>75</v>
      </c>
      <c r="S28919">
        <v>77</v>
      </c>
      <c r="T28919">
        <v>78</v>
      </c>
      <c r="U28919">
        <v>80</v>
      </c>
      <c r="V28919">
        <v>81</v>
      </c>
      <c r="W28919">
        <v>83</v>
      </c>
      <c r="X28919">
        <v>84</v>
      </c>
      <c r="Y28919">
        <v>86</v>
      </c>
      <c r="Z28919">
        <v>87</v>
      </c>
      <c r="AA28919">
        <v>89</v>
      </c>
      <c r="AB28919">
        <v>91</v>
      </c>
      <c r="AC28919">
        <v>93</v>
      </c>
      <c r="AD28919">
        <v>94</v>
      </c>
      <c r="AE28919">
        <v>96</v>
      </c>
      <c r="AF28919">
        <v>98</v>
      </c>
      <c r="AG28919">
        <v>100</v>
      </c>
      <c r="AH28919">
        <v>102</v>
      </c>
      <c r="AI28919">
        <v>103</v>
      </c>
      <c r="AJ28919">
        <v>105</v>
      </c>
      <c r="AK28919">
        <v>107</v>
      </c>
      <c r="AL28919">
        <v>109</v>
      </c>
      <c r="AM28919">
        <v>111</v>
      </c>
      <c r="AN28919">
        <v>113</v>
      </c>
      <c r="AO28919">
        <v>116</v>
      </c>
      <c r="AP28919">
        <v>118</v>
      </c>
      <c r="AQ28919">
        <v>120</v>
      </c>
    </row>
    <row r="28920" spans="1:43">
      <c r="A28920" t="s">
        <v>17901</v>
      </c>
      <c r="B28920" t="s">
        <v>17902</v>
      </c>
      <c r="C28920" t="s">
        <v>17895</v>
      </c>
      <c r="D28920" t="s">
        <v>17896</v>
      </c>
      <c r="E28920" t="s">
        <v>17787</v>
      </c>
      <c r="F28920" t="s">
        <v>17788</v>
      </c>
      <c r="G28920" t="s">
        <v>16559</v>
      </c>
      <c r="H28920" t="s">
        <v>16560</v>
      </c>
      <c r="I28920" s="2">
        <v>1</v>
      </c>
      <c r="J28920" s="2">
        <v>0</v>
      </c>
      <c r="K28920" s="2">
        <v>0</v>
      </c>
      <c r="L28920" t="s">
        <v>120</v>
      </c>
      <c r="M28920" t="s">
        <v>89</v>
      </c>
      <c r="N28920" t="s">
        <v>90</v>
      </c>
      <c r="O28920" t="s">
        <v>85</v>
      </c>
      <c r="P28920" t="s">
        <v>86</v>
      </c>
      <c r="Q28920">
        <v>74</v>
      </c>
      <c r="R28920">
        <v>76</v>
      </c>
      <c r="S28920">
        <v>79</v>
      </c>
      <c r="T28920">
        <v>82</v>
      </c>
      <c r="U28920">
        <v>85</v>
      </c>
      <c r="V28920">
        <v>87</v>
      </c>
      <c r="W28920">
        <v>90</v>
      </c>
      <c r="X28920">
        <v>93</v>
      </c>
      <c r="Y28920">
        <v>96</v>
      </c>
      <c r="Z28920">
        <v>99</v>
      </c>
      <c r="AA28920">
        <v>102</v>
      </c>
      <c r="AB28920">
        <v>105</v>
      </c>
      <c r="AC28920">
        <v>108</v>
      </c>
      <c r="AD28920">
        <v>111</v>
      </c>
      <c r="AE28920">
        <v>114</v>
      </c>
      <c r="AF28920">
        <v>116</v>
      </c>
      <c r="AG28920">
        <v>117</v>
      </c>
      <c r="AH28920">
        <v>119</v>
      </c>
      <c r="AI28920">
        <v>121</v>
      </c>
      <c r="AJ28920">
        <v>123</v>
      </c>
      <c r="AK28920">
        <v>125</v>
      </c>
      <c r="AL28920">
        <v>126</v>
      </c>
      <c r="AM28920">
        <v>128</v>
      </c>
      <c r="AN28920">
        <v>130</v>
      </c>
      <c r="AO28920">
        <v>132</v>
      </c>
      <c r="AP28920">
        <v>134</v>
      </c>
      <c r="AQ28920">
        <v>136</v>
      </c>
    </row>
    <row r="28921" spans="1:43">
      <c r="A28921" t="s">
        <v>17901</v>
      </c>
      <c r="B28921" t="s">
        <v>17902</v>
      </c>
      <c r="C28921" t="s">
        <v>17895</v>
      </c>
      <c r="D28921" t="s">
        <v>17896</v>
      </c>
      <c r="E28921" t="s">
        <v>17787</v>
      </c>
      <c r="F28921" t="s">
        <v>17788</v>
      </c>
      <c r="G28921" t="s">
        <v>16559</v>
      </c>
      <c r="H28921" t="s">
        <v>16560</v>
      </c>
      <c r="I28921" s="2">
        <v>1</v>
      </c>
      <c r="J28921" s="2">
        <v>0</v>
      </c>
      <c r="K28921" s="2">
        <v>0</v>
      </c>
      <c r="L28921" t="s">
        <v>120</v>
      </c>
      <c r="M28921" t="s">
        <v>83</v>
      </c>
      <c r="N28921" t="s">
        <v>91</v>
      </c>
      <c r="O28921" t="s">
        <v>85</v>
      </c>
      <c r="P28921" t="s">
        <v>86</v>
      </c>
      <c r="Q28921">
        <v>74</v>
      </c>
      <c r="R28921">
        <v>76</v>
      </c>
      <c r="S28921">
        <v>78</v>
      </c>
      <c r="T28921">
        <v>80</v>
      </c>
      <c r="U28921">
        <v>82</v>
      </c>
      <c r="V28921">
        <v>85</v>
      </c>
      <c r="W28921">
        <v>87</v>
      </c>
      <c r="X28921">
        <v>89</v>
      </c>
      <c r="Y28921">
        <v>92</v>
      </c>
      <c r="Z28921">
        <v>94</v>
      </c>
      <c r="AA28921">
        <v>97</v>
      </c>
      <c r="AB28921">
        <v>99</v>
      </c>
      <c r="AC28921">
        <v>102</v>
      </c>
      <c r="AD28921">
        <v>104</v>
      </c>
      <c r="AE28921">
        <v>107</v>
      </c>
      <c r="AF28921">
        <v>110</v>
      </c>
      <c r="AG28921">
        <v>113</v>
      </c>
      <c r="AH28921">
        <v>115</v>
      </c>
      <c r="AI28921">
        <v>118</v>
      </c>
      <c r="AJ28921">
        <v>121</v>
      </c>
      <c r="AK28921">
        <v>124</v>
      </c>
      <c r="AL28921">
        <v>127</v>
      </c>
      <c r="AM28921">
        <v>129</v>
      </c>
      <c r="AN28921">
        <v>131</v>
      </c>
      <c r="AO28921">
        <v>133</v>
      </c>
      <c r="AP28921">
        <v>135</v>
      </c>
      <c r="AQ28921">
        <v>137</v>
      </c>
    </row>
    <row r="28922" spans="1:43">
      <c r="A28922" t="s">
        <v>17903</v>
      </c>
      <c r="B28922" t="s">
        <v>17904</v>
      </c>
      <c r="C28922" t="s">
        <v>17811</v>
      </c>
      <c r="D28922" t="s">
        <v>17812</v>
      </c>
      <c r="E28922" t="s">
        <v>17787</v>
      </c>
      <c r="F28922" t="s">
        <v>17788</v>
      </c>
      <c r="G28922" t="s">
        <v>16559</v>
      </c>
      <c r="H28922" t="s">
        <v>16560</v>
      </c>
      <c r="I28922" s="2">
        <v>1</v>
      </c>
      <c r="J28922" s="2">
        <v>0</v>
      </c>
      <c r="K28922" s="2">
        <v>0</v>
      </c>
      <c r="L28922" t="s">
        <v>120</v>
      </c>
      <c r="M28922" t="s">
        <v>83</v>
      </c>
      <c r="N28922" t="s">
        <v>84</v>
      </c>
      <c r="O28922" t="s">
        <v>85</v>
      </c>
      <c r="P28922" t="s">
        <v>86</v>
      </c>
      <c r="Q28922">
        <v>122</v>
      </c>
      <c r="R28922">
        <v>126</v>
      </c>
      <c r="S28922">
        <v>129</v>
      </c>
      <c r="T28922">
        <v>133</v>
      </c>
      <c r="U28922">
        <v>136</v>
      </c>
      <c r="V28922">
        <v>140</v>
      </c>
      <c r="W28922">
        <v>144</v>
      </c>
      <c r="X28922">
        <v>148</v>
      </c>
      <c r="Y28922">
        <v>152</v>
      </c>
      <c r="Z28922">
        <v>156</v>
      </c>
      <c r="AA28922">
        <v>160</v>
      </c>
      <c r="AB28922">
        <v>164</v>
      </c>
      <c r="AC28922">
        <v>168</v>
      </c>
      <c r="AD28922">
        <v>173</v>
      </c>
      <c r="AE28922">
        <v>177</v>
      </c>
      <c r="AF28922">
        <v>182</v>
      </c>
      <c r="AG28922">
        <v>186</v>
      </c>
      <c r="AH28922">
        <v>191</v>
      </c>
      <c r="AI28922">
        <v>196</v>
      </c>
      <c r="AJ28922">
        <v>201</v>
      </c>
      <c r="AK28922">
        <v>206</v>
      </c>
      <c r="AL28922">
        <v>210</v>
      </c>
      <c r="AM28922">
        <v>213</v>
      </c>
      <c r="AN28922">
        <v>216</v>
      </c>
      <c r="AO28922">
        <v>219</v>
      </c>
      <c r="AP28922">
        <v>223</v>
      </c>
      <c r="AQ28922">
        <v>226</v>
      </c>
    </row>
    <row r="28923" spans="1:43">
      <c r="A28923" t="s">
        <v>17903</v>
      </c>
      <c r="B28923" t="s">
        <v>17904</v>
      </c>
      <c r="C28923" t="s">
        <v>17811</v>
      </c>
      <c r="D28923" t="s">
        <v>17812</v>
      </c>
      <c r="E28923" t="s">
        <v>17787</v>
      </c>
      <c r="F28923" t="s">
        <v>17788</v>
      </c>
      <c r="G28923" t="s">
        <v>16559</v>
      </c>
      <c r="H28923" t="s">
        <v>16560</v>
      </c>
      <c r="I28923" s="2">
        <v>1</v>
      </c>
      <c r="J28923" s="2">
        <v>0</v>
      </c>
      <c r="K28923" s="2">
        <v>0</v>
      </c>
      <c r="L28923" t="s">
        <v>120</v>
      </c>
      <c r="M28923" t="s">
        <v>87</v>
      </c>
      <c r="N28923" t="s">
        <v>88</v>
      </c>
      <c r="O28923" t="s">
        <v>85</v>
      </c>
      <c r="P28923" t="s">
        <v>86</v>
      </c>
      <c r="Q28923">
        <v>122</v>
      </c>
      <c r="R28923">
        <v>124</v>
      </c>
      <c r="S28923">
        <v>126</v>
      </c>
      <c r="T28923">
        <v>129</v>
      </c>
      <c r="U28923">
        <v>131</v>
      </c>
      <c r="V28923">
        <v>134</v>
      </c>
      <c r="W28923">
        <v>136</v>
      </c>
      <c r="X28923">
        <v>139</v>
      </c>
      <c r="Y28923">
        <v>141</v>
      </c>
      <c r="Z28923">
        <v>144</v>
      </c>
      <c r="AA28923">
        <v>147</v>
      </c>
      <c r="AB28923">
        <v>150</v>
      </c>
      <c r="AC28923">
        <v>152</v>
      </c>
      <c r="AD28923">
        <v>155</v>
      </c>
      <c r="AE28923">
        <v>158</v>
      </c>
      <c r="AF28923">
        <v>161</v>
      </c>
      <c r="AG28923">
        <v>164</v>
      </c>
      <c r="AH28923">
        <v>167</v>
      </c>
      <c r="AI28923">
        <v>171</v>
      </c>
      <c r="AJ28923">
        <v>174</v>
      </c>
      <c r="AK28923">
        <v>177</v>
      </c>
      <c r="AL28923">
        <v>180</v>
      </c>
      <c r="AM28923">
        <v>184</v>
      </c>
      <c r="AN28923">
        <v>187</v>
      </c>
      <c r="AO28923">
        <v>191</v>
      </c>
      <c r="AP28923">
        <v>194</v>
      </c>
      <c r="AQ28923">
        <v>198</v>
      </c>
    </row>
    <row r="28924" spans="1:43">
      <c r="A28924" t="s">
        <v>17903</v>
      </c>
      <c r="B28924" t="s">
        <v>17904</v>
      </c>
      <c r="C28924" t="s">
        <v>17811</v>
      </c>
      <c r="D28924" t="s">
        <v>17812</v>
      </c>
      <c r="E28924" t="s">
        <v>17787</v>
      </c>
      <c r="F28924" t="s">
        <v>17788</v>
      </c>
      <c r="G28924" t="s">
        <v>16559</v>
      </c>
      <c r="H28924" t="s">
        <v>16560</v>
      </c>
      <c r="I28924" s="2">
        <v>1</v>
      </c>
      <c r="J28924" s="2">
        <v>0</v>
      </c>
      <c r="K28924" s="2">
        <v>0</v>
      </c>
      <c r="L28924" t="s">
        <v>120</v>
      </c>
      <c r="M28924" t="s">
        <v>89</v>
      </c>
      <c r="N28924" t="s">
        <v>90</v>
      </c>
      <c r="O28924" t="s">
        <v>85</v>
      </c>
      <c r="P28924" t="s">
        <v>86</v>
      </c>
      <c r="Q28924">
        <v>122</v>
      </c>
      <c r="R28924">
        <v>127</v>
      </c>
      <c r="S28924">
        <v>131</v>
      </c>
      <c r="T28924">
        <v>136</v>
      </c>
      <c r="U28924">
        <v>141</v>
      </c>
      <c r="V28924">
        <v>145</v>
      </c>
      <c r="W28924">
        <v>150</v>
      </c>
      <c r="X28924">
        <v>155</v>
      </c>
      <c r="Y28924">
        <v>160</v>
      </c>
      <c r="Z28924">
        <v>164</v>
      </c>
      <c r="AA28924">
        <v>169</v>
      </c>
      <c r="AB28924">
        <v>174</v>
      </c>
      <c r="AC28924">
        <v>179</v>
      </c>
      <c r="AD28924">
        <v>185</v>
      </c>
      <c r="AE28924">
        <v>189</v>
      </c>
      <c r="AF28924">
        <v>192</v>
      </c>
      <c r="AG28924">
        <v>195</v>
      </c>
      <c r="AH28924">
        <v>198</v>
      </c>
      <c r="AI28924">
        <v>201</v>
      </c>
      <c r="AJ28924">
        <v>204</v>
      </c>
      <c r="AK28924">
        <v>207</v>
      </c>
      <c r="AL28924">
        <v>210</v>
      </c>
      <c r="AM28924">
        <v>213</v>
      </c>
      <c r="AN28924">
        <v>216</v>
      </c>
      <c r="AO28924">
        <v>220</v>
      </c>
      <c r="AP28924">
        <v>223</v>
      </c>
      <c r="AQ28924">
        <v>226</v>
      </c>
    </row>
    <row r="28925" spans="1:43">
      <c r="A28925" t="s">
        <v>17903</v>
      </c>
      <c r="B28925" t="s">
        <v>17904</v>
      </c>
      <c r="C28925" t="s">
        <v>17811</v>
      </c>
      <c r="D28925" t="s">
        <v>17812</v>
      </c>
      <c r="E28925" t="s">
        <v>17787</v>
      </c>
      <c r="F28925" t="s">
        <v>17788</v>
      </c>
      <c r="G28925" t="s">
        <v>16559</v>
      </c>
      <c r="H28925" t="s">
        <v>16560</v>
      </c>
      <c r="I28925" s="2">
        <v>1</v>
      </c>
      <c r="J28925" s="2">
        <v>0</v>
      </c>
      <c r="K28925" s="2">
        <v>0</v>
      </c>
      <c r="L28925" t="s">
        <v>120</v>
      </c>
      <c r="M28925" t="s">
        <v>83</v>
      </c>
      <c r="N28925" t="s">
        <v>91</v>
      </c>
      <c r="O28925" t="s">
        <v>85</v>
      </c>
      <c r="P28925" t="s">
        <v>86</v>
      </c>
      <c r="Q28925">
        <v>122</v>
      </c>
      <c r="R28925">
        <v>126</v>
      </c>
      <c r="S28925">
        <v>129</v>
      </c>
      <c r="T28925">
        <v>133</v>
      </c>
      <c r="U28925">
        <v>136</v>
      </c>
      <c r="V28925">
        <v>140</v>
      </c>
      <c r="W28925">
        <v>144</v>
      </c>
      <c r="X28925">
        <v>148</v>
      </c>
      <c r="Y28925">
        <v>152</v>
      </c>
      <c r="Z28925">
        <v>156</v>
      </c>
      <c r="AA28925">
        <v>160</v>
      </c>
      <c r="AB28925">
        <v>164</v>
      </c>
      <c r="AC28925">
        <v>168</v>
      </c>
      <c r="AD28925">
        <v>173</v>
      </c>
      <c r="AE28925">
        <v>177</v>
      </c>
      <c r="AF28925">
        <v>182</v>
      </c>
      <c r="AG28925">
        <v>186</v>
      </c>
      <c r="AH28925">
        <v>191</v>
      </c>
      <c r="AI28925">
        <v>196</v>
      </c>
      <c r="AJ28925">
        <v>201</v>
      </c>
      <c r="AK28925">
        <v>206</v>
      </c>
      <c r="AL28925">
        <v>210</v>
      </c>
      <c r="AM28925">
        <v>213</v>
      </c>
      <c r="AN28925">
        <v>216</v>
      </c>
      <c r="AO28925">
        <v>219</v>
      </c>
      <c r="AP28925">
        <v>223</v>
      </c>
      <c r="AQ28925">
        <v>226</v>
      </c>
    </row>
    <row r="28926" spans="1:43">
      <c r="A28926" t="s">
        <v>17905</v>
      </c>
      <c r="B28926" t="s">
        <v>17906</v>
      </c>
      <c r="C28926" t="s">
        <v>17895</v>
      </c>
      <c r="D28926" t="s">
        <v>17896</v>
      </c>
      <c r="E28926" t="s">
        <v>17787</v>
      </c>
      <c r="F28926" t="s">
        <v>17788</v>
      </c>
      <c r="G28926" t="s">
        <v>16559</v>
      </c>
      <c r="H28926" t="s">
        <v>16560</v>
      </c>
      <c r="I28926" s="2">
        <v>1</v>
      </c>
      <c r="J28926" s="2">
        <v>0</v>
      </c>
      <c r="K28926" s="2">
        <v>0</v>
      </c>
      <c r="L28926" t="s">
        <v>120</v>
      </c>
      <c r="M28926" t="s">
        <v>83</v>
      </c>
      <c r="N28926" t="s">
        <v>84</v>
      </c>
      <c r="O28926" t="s">
        <v>85</v>
      </c>
      <c r="P28926" t="s">
        <v>86</v>
      </c>
      <c r="Q28926">
        <v>35</v>
      </c>
      <c r="R28926">
        <v>36</v>
      </c>
      <c r="S28926">
        <v>37</v>
      </c>
      <c r="T28926">
        <v>38</v>
      </c>
      <c r="U28926">
        <v>39</v>
      </c>
      <c r="V28926">
        <v>40</v>
      </c>
      <c r="W28926">
        <v>41</v>
      </c>
      <c r="X28926">
        <v>42</v>
      </c>
      <c r="Y28926">
        <v>43</v>
      </c>
      <c r="Z28926">
        <v>44</v>
      </c>
      <c r="AA28926">
        <v>46</v>
      </c>
      <c r="AB28926">
        <v>47</v>
      </c>
      <c r="AC28926">
        <v>48</v>
      </c>
      <c r="AD28926">
        <v>49</v>
      </c>
      <c r="AE28926">
        <v>51</v>
      </c>
      <c r="AF28926">
        <v>52</v>
      </c>
      <c r="AG28926">
        <v>53</v>
      </c>
      <c r="AH28926">
        <v>54</v>
      </c>
      <c r="AI28926">
        <v>56</v>
      </c>
      <c r="AJ28926">
        <v>57</v>
      </c>
      <c r="AK28926">
        <v>59</v>
      </c>
      <c r="AL28926">
        <v>60</v>
      </c>
      <c r="AM28926">
        <v>61</v>
      </c>
      <c r="AN28926">
        <v>62</v>
      </c>
      <c r="AO28926">
        <v>63</v>
      </c>
      <c r="AP28926">
        <v>64</v>
      </c>
      <c r="AQ28926">
        <v>65</v>
      </c>
    </row>
    <row r="28927" spans="1:43">
      <c r="A28927" t="s">
        <v>17905</v>
      </c>
      <c r="B28927" t="s">
        <v>17906</v>
      </c>
      <c r="C28927" t="s">
        <v>17895</v>
      </c>
      <c r="D28927" t="s">
        <v>17896</v>
      </c>
      <c r="E28927" t="s">
        <v>17787</v>
      </c>
      <c r="F28927" t="s">
        <v>17788</v>
      </c>
      <c r="G28927" t="s">
        <v>16559</v>
      </c>
      <c r="H28927" t="s">
        <v>16560</v>
      </c>
      <c r="I28927" s="2">
        <v>1</v>
      </c>
      <c r="J28927" s="2">
        <v>0</v>
      </c>
      <c r="K28927" s="2">
        <v>0</v>
      </c>
      <c r="L28927" t="s">
        <v>120</v>
      </c>
      <c r="M28927" t="s">
        <v>87</v>
      </c>
      <c r="N28927" t="s">
        <v>88</v>
      </c>
      <c r="O28927" t="s">
        <v>85</v>
      </c>
      <c r="P28927" t="s">
        <v>86</v>
      </c>
      <c r="Q28927">
        <v>35</v>
      </c>
      <c r="R28927">
        <v>36</v>
      </c>
      <c r="S28927">
        <v>37</v>
      </c>
      <c r="T28927">
        <v>37</v>
      </c>
      <c r="U28927">
        <v>38</v>
      </c>
      <c r="V28927">
        <v>39</v>
      </c>
      <c r="W28927">
        <v>40</v>
      </c>
      <c r="X28927">
        <v>40</v>
      </c>
      <c r="Y28927">
        <v>41</v>
      </c>
      <c r="Z28927">
        <v>42</v>
      </c>
      <c r="AA28927">
        <v>43</v>
      </c>
      <c r="AB28927">
        <v>44</v>
      </c>
      <c r="AC28927">
        <v>44</v>
      </c>
      <c r="AD28927">
        <v>45</v>
      </c>
      <c r="AE28927">
        <v>46</v>
      </c>
      <c r="AF28927">
        <v>47</v>
      </c>
      <c r="AG28927">
        <v>48</v>
      </c>
      <c r="AH28927">
        <v>49</v>
      </c>
      <c r="AI28927">
        <v>50</v>
      </c>
      <c r="AJ28927">
        <v>51</v>
      </c>
      <c r="AK28927">
        <v>52</v>
      </c>
      <c r="AL28927">
        <v>53</v>
      </c>
      <c r="AM28927">
        <v>54</v>
      </c>
      <c r="AN28927">
        <v>55</v>
      </c>
      <c r="AO28927">
        <v>56</v>
      </c>
      <c r="AP28927">
        <v>57</v>
      </c>
      <c r="AQ28927">
        <v>58</v>
      </c>
    </row>
    <row r="28928" spans="1:43">
      <c r="A28928" t="s">
        <v>17905</v>
      </c>
      <c r="B28928" t="s">
        <v>17906</v>
      </c>
      <c r="C28928" t="s">
        <v>17895</v>
      </c>
      <c r="D28928" t="s">
        <v>17896</v>
      </c>
      <c r="E28928" t="s">
        <v>17787</v>
      </c>
      <c r="F28928" t="s">
        <v>17788</v>
      </c>
      <c r="G28928" t="s">
        <v>16559</v>
      </c>
      <c r="H28928" t="s">
        <v>16560</v>
      </c>
      <c r="I28928" s="2">
        <v>1</v>
      </c>
      <c r="J28928" s="2">
        <v>0</v>
      </c>
      <c r="K28928" s="2">
        <v>0</v>
      </c>
      <c r="L28928" t="s">
        <v>120</v>
      </c>
      <c r="M28928" t="s">
        <v>89</v>
      </c>
      <c r="N28928" t="s">
        <v>90</v>
      </c>
      <c r="O28928" t="s">
        <v>85</v>
      </c>
      <c r="P28928" t="s">
        <v>86</v>
      </c>
      <c r="Q28928">
        <v>35</v>
      </c>
      <c r="R28928">
        <v>36</v>
      </c>
      <c r="S28928">
        <v>38</v>
      </c>
      <c r="T28928">
        <v>39</v>
      </c>
      <c r="U28928">
        <v>40</v>
      </c>
      <c r="V28928">
        <v>42</v>
      </c>
      <c r="W28928">
        <v>43</v>
      </c>
      <c r="X28928">
        <v>44</v>
      </c>
      <c r="Y28928">
        <v>46</v>
      </c>
      <c r="Z28928">
        <v>47</v>
      </c>
      <c r="AA28928">
        <v>48</v>
      </c>
      <c r="AB28928">
        <v>50</v>
      </c>
      <c r="AC28928">
        <v>51</v>
      </c>
      <c r="AD28928">
        <v>53</v>
      </c>
      <c r="AE28928">
        <v>54</v>
      </c>
      <c r="AF28928">
        <v>55</v>
      </c>
      <c r="AG28928">
        <v>56</v>
      </c>
      <c r="AH28928">
        <v>57</v>
      </c>
      <c r="AI28928">
        <v>57</v>
      </c>
      <c r="AJ28928">
        <v>58</v>
      </c>
      <c r="AK28928">
        <v>59</v>
      </c>
      <c r="AL28928">
        <v>60</v>
      </c>
      <c r="AM28928">
        <v>61</v>
      </c>
      <c r="AN28928">
        <v>62</v>
      </c>
      <c r="AO28928">
        <v>63</v>
      </c>
      <c r="AP28928">
        <v>64</v>
      </c>
      <c r="AQ28928">
        <v>65</v>
      </c>
    </row>
    <row r="28929" spans="1:43">
      <c r="A28929" t="s">
        <v>17905</v>
      </c>
      <c r="B28929" t="s">
        <v>17906</v>
      </c>
      <c r="C28929" t="s">
        <v>17895</v>
      </c>
      <c r="D28929" t="s">
        <v>17896</v>
      </c>
      <c r="E28929" t="s">
        <v>17787</v>
      </c>
      <c r="F28929" t="s">
        <v>17788</v>
      </c>
      <c r="G28929" t="s">
        <v>16559</v>
      </c>
      <c r="H28929" t="s">
        <v>16560</v>
      </c>
      <c r="I28929" s="2">
        <v>1</v>
      </c>
      <c r="J28929" s="2">
        <v>0</v>
      </c>
      <c r="K28929" s="2">
        <v>0</v>
      </c>
      <c r="L28929" t="s">
        <v>120</v>
      </c>
      <c r="M28929" t="s">
        <v>83</v>
      </c>
      <c r="N28929" t="s">
        <v>91</v>
      </c>
      <c r="O28929" t="s">
        <v>85</v>
      </c>
      <c r="P28929" t="s">
        <v>86</v>
      </c>
      <c r="Q28929">
        <v>35</v>
      </c>
      <c r="R28929">
        <v>36</v>
      </c>
      <c r="S28929">
        <v>37</v>
      </c>
      <c r="T28929">
        <v>38</v>
      </c>
      <c r="U28929">
        <v>39</v>
      </c>
      <c r="V28929">
        <v>40</v>
      </c>
      <c r="W28929">
        <v>41</v>
      </c>
      <c r="X28929">
        <v>42</v>
      </c>
      <c r="Y28929">
        <v>43</v>
      </c>
      <c r="Z28929">
        <v>44</v>
      </c>
      <c r="AA28929">
        <v>46</v>
      </c>
      <c r="AB28929">
        <v>47</v>
      </c>
      <c r="AC28929">
        <v>48</v>
      </c>
      <c r="AD28929">
        <v>49</v>
      </c>
      <c r="AE28929">
        <v>51</v>
      </c>
      <c r="AF28929">
        <v>52</v>
      </c>
      <c r="AG28929">
        <v>53</v>
      </c>
      <c r="AH28929">
        <v>54</v>
      </c>
      <c r="AI28929">
        <v>56</v>
      </c>
      <c r="AJ28929">
        <v>57</v>
      </c>
      <c r="AK28929">
        <v>59</v>
      </c>
      <c r="AL28929">
        <v>60</v>
      </c>
      <c r="AM28929">
        <v>61</v>
      </c>
      <c r="AN28929">
        <v>62</v>
      </c>
      <c r="AO28929">
        <v>63</v>
      </c>
      <c r="AP28929">
        <v>64</v>
      </c>
      <c r="AQ28929">
        <v>65</v>
      </c>
    </row>
    <row r="28930" spans="1:43">
      <c r="A28930" t="s">
        <v>17907</v>
      </c>
      <c r="B28930" t="s">
        <v>17908</v>
      </c>
      <c r="C28930" t="s">
        <v>17895</v>
      </c>
      <c r="D28930" t="s">
        <v>17896</v>
      </c>
      <c r="E28930" t="s">
        <v>17787</v>
      </c>
      <c r="F28930" t="s">
        <v>17788</v>
      </c>
      <c r="G28930" t="s">
        <v>16559</v>
      </c>
      <c r="H28930" t="s">
        <v>16560</v>
      </c>
      <c r="I28930" s="2">
        <v>1</v>
      </c>
      <c r="J28930" s="2">
        <v>0</v>
      </c>
      <c r="K28930" s="2">
        <v>0</v>
      </c>
      <c r="L28930" t="s">
        <v>120</v>
      </c>
      <c r="M28930" t="s">
        <v>83</v>
      </c>
      <c r="N28930" t="s">
        <v>84</v>
      </c>
      <c r="O28930" t="s">
        <v>85</v>
      </c>
      <c r="P28930" t="s">
        <v>86</v>
      </c>
      <c r="Q28930">
        <v>9</v>
      </c>
      <c r="R28930">
        <v>10</v>
      </c>
      <c r="S28930">
        <v>10</v>
      </c>
      <c r="T28930">
        <v>10</v>
      </c>
      <c r="U28930">
        <v>11</v>
      </c>
      <c r="V28930">
        <v>11</v>
      </c>
      <c r="W28930">
        <v>11</v>
      </c>
      <c r="X28930">
        <v>12</v>
      </c>
      <c r="Y28930">
        <v>12</v>
      </c>
      <c r="Z28930">
        <v>12</v>
      </c>
      <c r="AA28930">
        <v>12</v>
      </c>
      <c r="AB28930">
        <v>13</v>
      </c>
      <c r="AC28930">
        <v>13</v>
      </c>
      <c r="AD28930">
        <v>13</v>
      </c>
      <c r="AE28930">
        <v>14</v>
      </c>
      <c r="AF28930">
        <v>14</v>
      </c>
      <c r="AG28930">
        <v>14</v>
      </c>
      <c r="AH28930">
        <v>15</v>
      </c>
      <c r="AI28930">
        <v>15</v>
      </c>
      <c r="AJ28930">
        <v>16</v>
      </c>
      <c r="AK28930">
        <v>16</v>
      </c>
      <c r="AL28930">
        <v>16</v>
      </c>
      <c r="AM28930">
        <v>17</v>
      </c>
      <c r="AN28930">
        <v>17</v>
      </c>
      <c r="AO28930">
        <v>17</v>
      </c>
      <c r="AP28930">
        <v>17</v>
      </c>
      <c r="AQ28930">
        <v>18</v>
      </c>
    </row>
    <row r="28931" spans="1:43">
      <c r="A28931" t="s">
        <v>17907</v>
      </c>
      <c r="B28931" t="s">
        <v>17908</v>
      </c>
      <c r="C28931" t="s">
        <v>17895</v>
      </c>
      <c r="D28931" t="s">
        <v>17896</v>
      </c>
      <c r="E28931" t="s">
        <v>17787</v>
      </c>
      <c r="F28931" t="s">
        <v>17788</v>
      </c>
      <c r="G28931" t="s">
        <v>16559</v>
      </c>
      <c r="H28931" t="s">
        <v>16560</v>
      </c>
      <c r="I28931" s="2">
        <v>1</v>
      </c>
      <c r="J28931" s="2">
        <v>0</v>
      </c>
      <c r="K28931" s="2">
        <v>0</v>
      </c>
      <c r="L28931" t="s">
        <v>120</v>
      </c>
      <c r="M28931" t="s">
        <v>87</v>
      </c>
      <c r="N28931" t="s">
        <v>88</v>
      </c>
      <c r="O28931" t="s">
        <v>85</v>
      </c>
      <c r="P28931" t="s">
        <v>86</v>
      </c>
      <c r="Q28931">
        <v>9</v>
      </c>
      <c r="R28931">
        <v>10</v>
      </c>
      <c r="S28931">
        <v>10</v>
      </c>
      <c r="T28931">
        <v>10</v>
      </c>
      <c r="U28931">
        <v>10</v>
      </c>
      <c r="V28931">
        <v>10</v>
      </c>
      <c r="W28931">
        <v>11</v>
      </c>
      <c r="X28931">
        <v>11</v>
      </c>
      <c r="Y28931">
        <v>11</v>
      </c>
      <c r="Z28931">
        <v>11</v>
      </c>
      <c r="AA28931">
        <v>11</v>
      </c>
      <c r="AB28931">
        <v>12</v>
      </c>
      <c r="AC28931">
        <v>12</v>
      </c>
      <c r="AD28931">
        <v>12</v>
      </c>
      <c r="AE28931">
        <v>12</v>
      </c>
      <c r="AF28931">
        <v>13</v>
      </c>
      <c r="AG28931">
        <v>13</v>
      </c>
      <c r="AH28931">
        <v>13</v>
      </c>
      <c r="AI28931">
        <v>13</v>
      </c>
      <c r="AJ28931">
        <v>14</v>
      </c>
      <c r="AK28931">
        <v>14</v>
      </c>
      <c r="AL28931">
        <v>14</v>
      </c>
      <c r="AM28931">
        <v>14</v>
      </c>
      <c r="AN28931">
        <v>15</v>
      </c>
      <c r="AO28931">
        <v>15</v>
      </c>
      <c r="AP28931">
        <v>15</v>
      </c>
      <c r="AQ28931">
        <v>15</v>
      </c>
    </row>
    <row r="28932" spans="1:43">
      <c r="A28932" t="s">
        <v>17907</v>
      </c>
      <c r="B28932" t="s">
        <v>17908</v>
      </c>
      <c r="C28932" t="s">
        <v>17895</v>
      </c>
      <c r="D28932" t="s">
        <v>17896</v>
      </c>
      <c r="E28932" t="s">
        <v>17787</v>
      </c>
      <c r="F28932" t="s">
        <v>17788</v>
      </c>
      <c r="G28932" t="s">
        <v>16559</v>
      </c>
      <c r="H28932" t="s">
        <v>16560</v>
      </c>
      <c r="I28932" s="2">
        <v>1</v>
      </c>
      <c r="J28932" s="2">
        <v>0</v>
      </c>
      <c r="K28932" s="2">
        <v>0</v>
      </c>
      <c r="L28932" t="s">
        <v>120</v>
      </c>
      <c r="M28932" t="s">
        <v>89</v>
      </c>
      <c r="N28932" t="s">
        <v>90</v>
      </c>
      <c r="O28932" t="s">
        <v>85</v>
      </c>
      <c r="P28932" t="s">
        <v>86</v>
      </c>
      <c r="Q28932">
        <v>9</v>
      </c>
      <c r="R28932">
        <v>9</v>
      </c>
      <c r="S28932">
        <v>9</v>
      </c>
      <c r="T28932">
        <v>10</v>
      </c>
      <c r="U28932">
        <v>10</v>
      </c>
      <c r="V28932">
        <v>10</v>
      </c>
      <c r="W28932">
        <v>11</v>
      </c>
      <c r="X28932">
        <v>11</v>
      </c>
      <c r="Y28932">
        <v>11</v>
      </c>
      <c r="Z28932">
        <v>12</v>
      </c>
      <c r="AA28932">
        <v>12</v>
      </c>
      <c r="AB28932">
        <v>13</v>
      </c>
      <c r="AC28932">
        <v>13</v>
      </c>
      <c r="AD28932">
        <v>13</v>
      </c>
      <c r="AE28932">
        <v>14</v>
      </c>
      <c r="AF28932">
        <v>14</v>
      </c>
      <c r="AG28932">
        <v>14</v>
      </c>
      <c r="AH28932">
        <v>14</v>
      </c>
      <c r="AI28932">
        <v>15</v>
      </c>
      <c r="AJ28932">
        <v>15</v>
      </c>
      <c r="AK28932">
        <v>15</v>
      </c>
      <c r="AL28932">
        <v>15</v>
      </c>
      <c r="AM28932">
        <v>16</v>
      </c>
      <c r="AN28932">
        <v>16</v>
      </c>
      <c r="AO28932">
        <v>16</v>
      </c>
      <c r="AP28932">
        <v>16</v>
      </c>
      <c r="AQ28932">
        <v>17</v>
      </c>
    </row>
    <row r="28933" spans="1:43">
      <c r="A28933" t="s">
        <v>17907</v>
      </c>
      <c r="B28933" t="s">
        <v>17908</v>
      </c>
      <c r="C28933" t="s">
        <v>17895</v>
      </c>
      <c r="D28933" t="s">
        <v>17896</v>
      </c>
      <c r="E28933" t="s">
        <v>17787</v>
      </c>
      <c r="F28933" t="s">
        <v>17788</v>
      </c>
      <c r="G28933" t="s">
        <v>16559</v>
      </c>
      <c r="H28933" t="s">
        <v>16560</v>
      </c>
      <c r="I28933" s="2">
        <v>1</v>
      </c>
      <c r="J28933" s="2">
        <v>0</v>
      </c>
      <c r="K28933" s="2">
        <v>0</v>
      </c>
      <c r="L28933" t="s">
        <v>120</v>
      </c>
      <c r="M28933" t="s">
        <v>83</v>
      </c>
      <c r="N28933" t="s">
        <v>91</v>
      </c>
      <c r="O28933" t="s">
        <v>85</v>
      </c>
      <c r="P28933" t="s">
        <v>86</v>
      </c>
      <c r="Q28933">
        <v>9</v>
      </c>
      <c r="R28933">
        <v>10</v>
      </c>
      <c r="S28933">
        <v>10</v>
      </c>
      <c r="T28933">
        <v>10</v>
      </c>
      <c r="U28933">
        <v>11</v>
      </c>
      <c r="V28933">
        <v>11</v>
      </c>
      <c r="W28933">
        <v>11</v>
      </c>
      <c r="X28933">
        <v>12</v>
      </c>
      <c r="Y28933">
        <v>12</v>
      </c>
      <c r="Z28933">
        <v>12</v>
      </c>
      <c r="AA28933">
        <v>12</v>
      </c>
      <c r="AB28933">
        <v>13</v>
      </c>
      <c r="AC28933">
        <v>13</v>
      </c>
      <c r="AD28933">
        <v>13</v>
      </c>
      <c r="AE28933">
        <v>14</v>
      </c>
      <c r="AF28933">
        <v>14</v>
      </c>
      <c r="AG28933">
        <v>14</v>
      </c>
      <c r="AH28933">
        <v>15</v>
      </c>
      <c r="AI28933">
        <v>15</v>
      </c>
      <c r="AJ28933">
        <v>16</v>
      </c>
      <c r="AK28933">
        <v>16</v>
      </c>
      <c r="AL28933">
        <v>16</v>
      </c>
      <c r="AM28933">
        <v>17</v>
      </c>
      <c r="AN28933">
        <v>17</v>
      </c>
      <c r="AO28933">
        <v>17</v>
      </c>
      <c r="AP28933">
        <v>17</v>
      </c>
      <c r="AQ28933">
        <v>18</v>
      </c>
    </row>
    <row r="28934" spans="1:43">
      <c r="A28934" t="s">
        <v>17909</v>
      </c>
      <c r="B28934" t="s">
        <v>17910</v>
      </c>
      <c r="C28934" t="s">
        <v>17839</v>
      </c>
      <c r="D28934" t="s">
        <v>17840</v>
      </c>
      <c r="E28934" t="s">
        <v>17787</v>
      </c>
      <c r="F28934" t="s">
        <v>17788</v>
      </c>
      <c r="G28934" t="s">
        <v>16559</v>
      </c>
      <c r="H28934" t="s">
        <v>16560</v>
      </c>
      <c r="I28934" s="2">
        <v>1</v>
      </c>
      <c r="J28934" s="2">
        <v>0</v>
      </c>
      <c r="K28934" s="2">
        <v>0</v>
      </c>
      <c r="L28934" t="s">
        <v>120</v>
      </c>
      <c r="M28934" t="s">
        <v>83</v>
      </c>
      <c r="N28934" t="s">
        <v>84</v>
      </c>
      <c r="O28934" t="s">
        <v>85</v>
      </c>
      <c r="P28934" t="s">
        <v>86</v>
      </c>
      <c r="Q28934">
        <v>45</v>
      </c>
      <c r="R28934">
        <v>46</v>
      </c>
      <c r="S28934">
        <v>47</v>
      </c>
      <c r="T28934">
        <v>48</v>
      </c>
      <c r="U28934">
        <v>50</v>
      </c>
      <c r="V28934">
        <v>51</v>
      </c>
      <c r="W28934">
        <v>53</v>
      </c>
      <c r="X28934">
        <v>54</v>
      </c>
      <c r="Y28934">
        <v>56</v>
      </c>
      <c r="Z28934">
        <v>57</v>
      </c>
      <c r="AA28934">
        <v>59</v>
      </c>
      <c r="AB28934">
        <v>60</v>
      </c>
      <c r="AC28934">
        <v>62</v>
      </c>
      <c r="AD28934">
        <v>63</v>
      </c>
      <c r="AE28934">
        <v>65</v>
      </c>
      <c r="AF28934">
        <v>67</v>
      </c>
      <c r="AG28934">
        <v>68</v>
      </c>
      <c r="AH28934">
        <v>70</v>
      </c>
      <c r="AI28934">
        <v>72</v>
      </c>
      <c r="AJ28934">
        <v>74</v>
      </c>
      <c r="AK28934">
        <v>75</v>
      </c>
      <c r="AL28934">
        <v>77</v>
      </c>
      <c r="AM28934">
        <v>78</v>
      </c>
      <c r="AN28934">
        <v>79</v>
      </c>
      <c r="AO28934">
        <v>80</v>
      </c>
      <c r="AP28934">
        <v>82</v>
      </c>
      <c r="AQ28934">
        <v>83</v>
      </c>
    </row>
    <row r="28935" spans="1:43">
      <c r="A28935" t="s">
        <v>17909</v>
      </c>
      <c r="B28935" t="s">
        <v>17910</v>
      </c>
      <c r="C28935" t="s">
        <v>17839</v>
      </c>
      <c r="D28935" t="s">
        <v>17840</v>
      </c>
      <c r="E28935" t="s">
        <v>17787</v>
      </c>
      <c r="F28935" t="s">
        <v>17788</v>
      </c>
      <c r="G28935" t="s">
        <v>16559</v>
      </c>
      <c r="H28935" t="s">
        <v>16560</v>
      </c>
      <c r="I28935" s="2">
        <v>1</v>
      </c>
      <c r="J28935" s="2">
        <v>0</v>
      </c>
      <c r="K28935" s="2">
        <v>0</v>
      </c>
      <c r="L28935" t="s">
        <v>120</v>
      </c>
      <c r="M28935" t="s">
        <v>87</v>
      </c>
      <c r="N28935" t="s">
        <v>88</v>
      </c>
      <c r="O28935" t="s">
        <v>85</v>
      </c>
      <c r="P28935" t="s">
        <v>86</v>
      </c>
      <c r="Q28935">
        <v>45</v>
      </c>
      <c r="R28935">
        <v>46</v>
      </c>
      <c r="S28935">
        <v>47</v>
      </c>
      <c r="T28935">
        <v>48</v>
      </c>
      <c r="U28935">
        <v>49</v>
      </c>
      <c r="V28935">
        <v>50</v>
      </c>
      <c r="W28935">
        <v>50</v>
      </c>
      <c r="X28935">
        <v>51</v>
      </c>
      <c r="Y28935">
        <v>52</v>
      </c>
      <c r="Z28935">
        <v>53</v>
      </c>
      <c r="AA28935">
        <v>54</v>
      </c>
      <c r="AB28935">
        <v>55</v>
      </c>
      <c r="AC28935">
        <v>56</v>
      </c>
      <c r="AD28935">
        <v>57</v>
      </c>
      <c r="AE28935">
        <v>59</v>
      </c>
      <c r="AF28935">
        <v>60</v>
      </c>
      <c r="AG28935">
        <v>61</v>
      </c>
      <c r="AH28935">
        <v>62</v>
      </c>
      <c r="AI28935">
        <v>63</v>
      </c>
      <c r="AJ28935">
        <v>64</v>
      </c>
      <c r="AK28935">
        <v>65</v>
      </c>
      <c r="AL28935">
        <v>67</v>
      </c>
      <c r="AM28935">
        <v>68</v>
      </c>
      <c r="AN28935">
        <v>69</v>
      </c>
      <c r="AO28935">
        <v>71</v>
      </c>
      <c r="AP28935">
        <v>72</v>
      </c>
      <c r="AQ28935">
        <v>73</v>
      </c>
    </row>
    <row r="28936" spans="1:43">
      <c r="A28936" t="s">
        <v>17909</v>
      </c>
      <c r="B28936" t="s">
        <v>17910</v>
      </c>
      <c r="C28936" t="s">
        <v>17839</v>
      </c>
      <c r="D28936" t="s">
        <v>17840</v>
      </c>
      <c r="E28936" t="s">
        <v>17787</v>
      </c>
      <c r="F28936" t="s">
        <v>17788</v>
      </c>
      <c r="G28936" t="s">
        <v>16559</v>
      </c>
      <c r="H28936" t="s">
        <v>16560</v>
      </c>
      <c r="I28936" s="2">
        <v>1</v>
      </c>
      <c r="J28936" s="2">
        <v>0</v>
      </c>
      <c r="K28936" s="2">
        <v>0</v>
      </c>
      <c r="L28936" t="s">
        <v>120</v>
      </c>
      <c r="M28936" t="s">
        <v>89</v>
      </c>
      <c r="N28936" t="s">
        <v>90</v>
      </c>
      <c r="O28936" t="s">
        <v>85</v>
      </c>
      <c r="P28936" t="s">
        <v>86</v>
      </c>
      <c r="Q28936">
        <v>45</v>
      </c>
      <c r="R28936">
        <v>47</v>
      </c>
      <c r="S28936">
        <v>48</v>
      </c>
      <c r="T28936">
        <v>50</v>
      </c>
      <c r="U28936">
        <v>52</v>
      </c>
      <c r="V28936">
        <v>53</v>
      </c>
      <c r="W28936">
        <v>55</v>
      </c>
      <c r="X28936">
        <v>57</v>
      </c>
      <c r="Y28936">
        <v>59</v>
      </c>
      <c r="Z28936">
        <v>60</v>
      </c>
      <c r="AA28936">
        <v>62</v>
      </c>
      <c r="AB28936">
        <v>64</v>
      </c>
      <c r="AC28936">
        <v>66</v>
      </c>
      <c r="AD28936">
        <v>68</v>
      </c>
      <c r="AE28936">
        <v>70</v>
      </c>
      <c r="AF28936">
        <v>71</v>
      </c>
      <c r="AG28936">
        <v>72</v>
      </c>
      <c r="AH28936">
        <v>73</v>
      </c>
      <c r="AI28936">
        <v>74</v>
      </c>
      <c r="AJ28936">
        <v>75</v>
      </c>
      <c r="AK28936">
        <v>76</v>
      </c>
      <c r="AL28936">
        <v>77</v>
      </c>
      <c r="AM28936">
        <v>78</v>
      </c>
      <c r="AN28936">
        <v>80</v>
      </c>
      <c r="AO28936">
        <v>81</v>
      </c>
      <c r="AP28936">
        <v>82</v>
      </c>
      <c r="AQ28936">
        <v>83</v>
      </c>
    </row>
    <row r="28937" spans="1:43">
      <c r="A28937" t="s">
        <v>17909</v>
      </c>
      <c r="B28937" t="s">
        <v>17910</v>
      </c>
      <c r="C28937" t="s">
        <v>17839</v>
      </c>
      <c r="D28937" t="s">
        <v>17840</v>
      </c>
      <c r="E28937" t="s">
        <v>17787</v>
      </c>
      <c r="F28937" t="s">
        <v>17788</v>
      </c>
      <c r="G28937" t="s">
        <v>16559</v>
      </c>
      <c r="H28937" t="s">
        <v>16560</v>
      </c>
      <c r="I28937" s="2">
        <v>1</v>
      </c>
      <c r="J28937" s="2">
        <v>0</v>
      </c>
      <c r="K28937" s="2">
        <v>0</v>
      </c>
      <c r="L28937" t="s">
        <v>120</v>
      </c>
      <c r="M28937" t="s">
        <v>83</v>
      </c>
      <c r="N28937" t="s">
        <v>91</v>
      </c>
      <c r="O28937" t="s">
        <v>85</v>
      </c>
      <c r="P28937" t="s">
        <v>86</v>
      </c>
      <c r="Q28937">
        <v>45</v>
      </c>
      <c r="R28937">
        <v>46</v>
      </c>
      <c r="S28937">
        <v>47</v>
      </c>
      <c r="T28937">
        <v>48</v>
      </c>
      <c r="U28937">
        <v>50</v>
      </c>
      <c r="V28937">
        <v>51</v>
      </c>
      <c r="W28937">
        <v>53</v>
      </c>
      <c r="X28937">
        <v>54</v>
      </c>
      <c r="Y28937">
        <v>56</v>
      </c>
      <c r="Z28937">
        <v>57</v>
      </c>
      <c r="AA28937">
        <v>59</v>
      </c>
      <c r="AB28937">
        <v>60</v>
      </c>
      <c r="AC28937">
        <v>62</v>
      </c>
      <c r="AD28937">
        <v>63</v>
      </c>
      <c r="AE28937">
        <v>65</v>
      </c>
      <c r="AF28937">
        <v>67</v>
      </c>
      <c r="AG28937">
        <v>68</v>
      </c>
      <c r="AH28937">
        <v>70</v>
      </c>
      <c r="AI28937">
        <v>72</v>
      </c>
      <c r="AJ28937">
        <v>74</v>
      </c>
      <c r="AK28937">
        <v>75</v>
      </c>
      <c r="AL28937">
        <v>77</v>
      </c>
      <c r="AM28937">
        <v>78</v>
      </c>
      <c r="AN28937">
        <v>79</v>
      </c>
      <c r="AO28937">
        <v>80</v>
      </c>
      <c r="AP28937">
        <v>82</v>
      </c>
      <c r="AQ28937">
        <v>83</v>
      </c>
    </row>
    <row r="28938" spans="1:43">
      <c r="A28938" t="s">
        <v>17911</v>
      </c>
      <c r="B28938" t="s">
        <v>17912</v>
      </c>
      <c r="C28938" t="s">
        <v>17913</v>
      </c>
      <c r="D28938" t="s">
        <v>17914</v>
      </c>
      <c r="E28938" t="s">
        <v>17915</v>
      </c>
      <c r="F28938" t="s">
        <v>17916</v>
      </c>
      <c r="G28938" t="s">
        <v>16559</v>
      </c>
      <c r="H28938" t="s">
        <v>16560</v>
      </c>
      <c r="I28938" s="2">
        <v>1</v>
      </c>
      <c r="J28938" s="2">
        <v>0</v>
      </c>
      <c r="K28938" s="2">
        <v>0</v>
      </c>
      <c r="L28938" t="s">
        <v>120</v>
      </c>
      <c r="M28938" t="s">
        <v>83</v>
      </c>
      <c r="N28938" t="s">
        <v>84</v>
      </c>
      <c r="O28938" t="s">
        <v>85</v>
      </c>
      <c r="P28938" t="s">
        <v>86</v>
      </c>
      <c r="Q28938">
        <v>62</v>
      </c>
      <c r="R28938">
        <v>63</v>
      </c>
      <c r="S28938">
        <v>63</v>
      </c>
      <c r="T28938">
        <v>64</v>
      </c>
      <c r="U28938">
        <v>65</v>
      </c>
      <c r="V28938">
        <v>66</v>
      </c>
      <c r="W28938">
        <v>66</v>
      </c>
      <c r="X28938">
        <v>67</v>
      </c>
      <c r="Y28938">
        <v>68</v>
      </c>
      <c r="Z28938">
        <v>68</v>
      </c>
      <c r="AA28938">
        <v>69</v>
      </c>
      <c r="AB28938">
        <v>70</v>
      </c>
      <c r="AC28938">
        <v>70</v>
      </c>
      <c r="AD28938">
        <v>71</v>
      </c>
      <c r="AE28938">
        <v>71</v>
      </c>
      <c r="AF28938">
        <v>72</v>
      </c>
      <c r="AG28938">
        <v>73</v>
      </c>
      <c r="AH28938">
        <v>73</v>
      </c>
      <c r="AI28938">
        <v>74</v>
      </c>
      <c r="AJ28938">
        <v>74</v>
      </c>
      <c r="AK28938">
        <v>75</v>
      </c>
      <c r="AL28938">
        <v>75</v>
      </c>
      <c r="AM28938">
        <v>75</v>
      </c>
      <c r="AN28938">
        <v>75</v>
      </c>
      <c r="AO28938">
        <v>75</v>
      </c>
      <c r="AP28938">
        <v>75</v>
      </c>
      <c r="AQ28938">
        <v>75</v>
      </c>
    </row>
    <row r="28939" spans="1:43">
      <c r="A28939" t="s">
        <v>17911</v>
      </c>
      <c r="B28939" t="s">
        <v>17912</v>
      </c>
      <c r="C28939" t="s">
        <v>17913</v>
      </c>
      <c r="D28939" t="s">
        <v>17914</v>
      </c>
      <c r="E28939" t="s">
        <v>17915</v>
      </c>
      <c r="F28939" t="s">
        <v>17916</v>
      </c>
      <c r="G28939" t="s">
        <v>16559</v>
      </c>
      <c r="H28939" t="s">
        <v>16560</v>
      </c>
      <c r="I28939" s="2">
        <v>1</v>
      </c>
      <c r="J28939" s="2">
        <v>0</v>
      </c>
      <c r="K28939" s="2">
        <v>0</v>
      </c>
      <c r="L28939" t="s">
        <v>120</v>
      </c>
      <c r="M28939" t="s">
        <v>87</v>
      </c>
      <c r="N28939" t="s">
        <v>88</v>
      </c>
      <c r="O28939" t="s">
        <v>85</v>
      </c>
      <c r="P28939" t="s">
        <v>86</v>
      </c>
      <c r="Q28939">
        <v>62</v>
      </c>
      <c r="R28939">
        <v>63</v>
      </c>
      <c r="S28939">
        <v>63</v>
      </c>
      <c r="T28939">
        <v>63</v>
      </c>
      <c r="U28939">
        <v>63</v>
      </c>
      <c r="V28939">
        <v>63</v>
      </c>
      <c r="W28939">
        <v>63</v>
      </c>
      <c r="X28939">
        <v>63</v>
      </c>
      <c r="Y28939">
        <v>64</v>
      </c>
      <c r="Z28939">
        <v>64</v>
      </c>
      <c r="AA28939">
        <v>64</v>
      </c>
      <c r="AB28939">
        <v>64</v>
      </c>
      <c r="AC28939">
        <v>64</v>
      </c>
      <c r="AD28939">
        <v>64</v>
      </c>
      <c r="AE28939">
        <v>64</v>
      </c>
      <c r="AF28939">
        <v>65</v>
      </c>
      <c r="AG28939">
        <v>65</v>
      </c>
      <c r="AH28939">
        <v>65</v>
      </c>
      <c r="AI28939">
        <v>65</v>
      </c>
      <c r="AJ28939">
        <v>65</v>
      </c>
      <c r="AK28939">
        <v>65</v>
      </c>
      <c r="AL28939">
        <v>65</v>
      </c>
      <c r="AM28939">
        <v>65</v>
      </c>
      <c r="AN28939">
        <v>65</v>
      </c>
      <c r="AO28939">
        <v>66</v>
      </c>
      <c r="AP28939">
        <v>66</v>
      </c>
      <c r="AQ28939">
        <v>66</v>
      </c>
    </row>
    <row r="28940" spans="1:43">
      <c r="A28940" t="s">
        <v>17911</v>
      </c>
      <c r="B28940" t="s">
        <v>17912</v>
      </c>
      <c r="C28940" t="s">
        <v>17913</v>
      </c>
      <c r="D28940" t="s">
        <v>17914</v>
      </c>
      <c r="E28940" t="s">
        <v>17915</v>
      </c>
      <c r="F28940" t="s">
        <v>17916</v>
      </c>
      <c r="G28940" t="s">
        <v>16559</v>
      </c>
      <c r="H28940" t="s">
        <v>16560</v>
      </c>
      <c r="I28940" s="2">
        <v>1</v>
      </c>
      <c r="J28940" s="2">
        <v>0</v>
      </c>
      <c r="K28940" s="2">
        <v>0</v>
      </c>
      <c r="L28940" t="s">
        <v>120</v>
      </c>
      <c r="M28940" t="s">
        <v>89</v>
      </c>
      <c r="N28940" t="s">
        <v>90</v>
      </c>
      <c r="O28940" t="s">
        <v>85</v>
      </c>
      <c r="P28940" t="s">
        <v>86</v>
      </c>
      <c r="Q28940">
        <v>62</v>
      </c>
      <c r="R28940">
        <v>63</v>
      </c>
      <c r="S28940">
        <v>64</v>
      </c>
      <c r="T28940">
        <v>65</v>
      </c>
      <c r="U28940">
        <v>66</v>
      </c>
      <c r="V28940">
        <v>68</v>
      </c>
      <c r="W28940">
        <v>69</v>
      </c>
      <c r="X28940">
        <v>70</v>
      </c>
      <c r="Y28940">
        <v>71</v>
      </c>
      <c r="Z28940">
        <v>72</v>
      </c>
      <c r="AA28940">
        <v>72</v>
      </c>
      <c r="AB28940">
        <v>73</v>
      </c>
      <c r="AC28940">
        <v>74</v>
      </c>
      <c r="AD28940">
        <v>75</v>
      </c>
      <c r="AE28940">
        <v>76</v>
      </c>
      <c r="AF28940">
        <v>76</v>
      </c>
      <c r="AG28940">
        <v>75</v>
      </c>
      <c r="AH28940">
        <v>75</v>
      </c>
      <c r="AI28940">
        <v>75</v>
      </c>
      <c r="AJ28940">
        <v>75</v>
      </c>
      <c r="AK28940">
        <v>75</v>
      </c>
      <c r="AL28940">
        <v>75</v>
      </c>
      <c r="AM28940">
        <v>75</v>
      </c>
      <c r="AN28940">
        <v>75</v>
      </c>
      <c r="AO28940">
        <v>75</v>
      </c>
      <c r="AP28940">
        <v>75</v>
      </c>
      <c r="AQ28940">
        <v>74</v>
      </c>
    </row>
    <row r="28941" spans="1:43">
      <c r="A28941" t="s">
        <v>17911</v>
      </c>
      <c r="B28941" t="s">
        <v>17912</v>
      </c>
      <c r="C28941" t="s">
        <v>17913</v>
      </c>
      <c r="D28941" t="s">
        <v>17914</v>
      </c>
      <c r="E28941" t="s">
        <v>17915</v>
      </c>
      <c r="F28941" t="s">
        <v>17916</v>
      </c>
      <c r="G28941" t="s">
        <v>16559</v>
      </c>
      <c r="H28941" t="s">
        <v>16560</v>
      </c>
      <c r="I28941" s="2">
        <v>1</v>
      </c>
      <c r="J28941" s="2">
        <v>0</v>
      </c>
      <c r="K28941" s="2">
        <v>0</v>
      </c>
      <c r="L28941" t="s">
        <v>120</v>
      </c>
      <c r="M28941" t="s">
        <v>83</v>
      </c>
      <c r="N28941" t="s">
        <v>91</v>
      </c>
      <c r="O28941" t="s">
        <v>85</v>
      </c>
      <c r="P28941" t="s">
        <v>86</v>
      </c>
      <c r="Q28941">
        <v>62</v>
      </c>
      <c r="R28941">
        <v>63</v>
      </c>
      <c r="S28941">
        <v>63</v>
      </c>
      <c r="T28941">
        <v>64</v>
      </c>
      <c r="U28941">
        <v>65</v>
      </c>
      <c r="V28941">
        <v>66</v>
      </c>
      <c r="W28941">
        <v>66</v>
      </c>
      <c r="X28941">
        <v>67</v>
      </c>
      <c r="Y28941">
        <v>68</v>
      </c>
      <c r="Z28941">
        <v>68</v>
      </c>
      <c r="AA28941">
        <v>69</v>
      </c>
      <c r="AB28941">
        <v>70</v>
      </c>
      <c r="AC28941">
        <v>70</v>
      </c>
      <c r="AD28941">
        <v>71</v>
      </c>
      <c r="AE28941">
        <v>71</v>
      </c>
      <c r="AF28941">
        <v>72</v>
      </c>
      <c r="AG28941">
        <v>73</v>
      </c>
      <c r="AH28941">
        <v>73</v>
      </c>
      <c r="AI28941">
        <v>74</v>
      </c>
      <c r="AJ28941">
        <v>74</v>
      </c>
      <c r="AK28941">
        <v>75</v>
      </c>
      <c r="AL28941">
        <v>75</v>
      </c>
      <c r="AM28941">
        <v>75</v>
      </c>
      <c r="AN28941">
        <v>75</v>
      </c>
      <c r="AO28941">
        <v>75</v>
      </c>
      <c r="AP28941">
        <v>75</v>
      </c>
      <c r="AQ28941">
        <v>75</v>
      </c>
    </row>
    <row r="28942" spans="1:43">
      <c r="A28942" t="s">
        <v>17917</v>
      </c>
      <c r="B28942" t="s">
        <v>17918</v>
      </c>
      <c r="C28942" t="s">
        <v>17913</v>
      </c>
      <c r="D28942" t="s">
        <v>17914</v>
      </c>
      <c r="E28942" t="s">
        <v>17915</v>
      </c>
      <c r="F28942" t="s">
        <v>17916</v>
      </c>
      <c r="G28942" t="s">
        <v>16559</v>
      </c>
      <c r="H28942" t="s">
        <v>16560</v>
      </c>
      <c r="I28942" s="2">
        <v>1</v>
      </c>
      <c r="J28942" s="2">
        <v>0</v>
      </c>
      <c r="K28942" s="2">
        <v>0</v>
      </c>
      <c r="L28942" t="s">
        <v>120</v>
      </c>
      <c r="M28942" t="s">
        <v>83</v>
      </c>
      <c r="N28942" t="s">
        <v>84</v>
      </c>
      <c r="O28942" t="s">
        <v>85</v>
      </c>
      <c r="P28942" t="s">
        <v>86</v>
      </c>
      <c r="Q28942">
        <v>53</v>
      </c>
      <c r="R28942">
        <v>53</v>
      </c>
      <c r="S28942">
        <v>54</v>
      </c>
      <c r="T28942">
        <v>55</v>
      </c>
      <c r="U28942">
        <v>55</v>
      </c>
      <c r="V28942">
        <v>56</v>
      </c>
      <c r="W28942">
        <v>57</v>
      </c>
      <c r="X28942">
        <v>57</v>
      </c>
      <c r="Y28942">
        <v>58</v>
      </c>
      <c r="Z28942">
        <v>58</v>
      </c>
      <c r="AA28942">
        <v>59</v>
      </c>
      <c r="AB28942">
        <v>59</v>
      </c>
      <c r="AC28942">
        <v>60</v>
      </c>
      <c r="AD28942">
        <v>60</v>
      </c>
      <c r="AE28942">
        <v>61</v>
      </c>
      <c r="AF28942">
        <v>61</v>
      </c>
      <c r="AG28942">
        <v>62</v>
      </c>
      <c r="AH28942">
        <v>63</v>
      </c>
      <c r="AI28942">
        <v>63</v>
      </c>
      <c r="AJ28942">
        <v>64</v>
      </c>
      <c r="AK28942">
        <v>64</v>
      </c>
      <c r="AL28942">
        <v>64</v>
      </c>
      <c r="AM28942">
        <v>64</v>
      </c>
      <c r="AN28942">
        <v>64</v>
      </c>
      <c r="AO28942">
        <v>64</v>
      </c>
      <c r="AP28942">
        <v>64</v>
      </c>
      <c r="AQ28942">
        <v>64</v>
      </c>
    </row>
    <row r="28943" spans="1:43">
      <c r="A28943" t="s">
        <v>17917</v>
      </c>
      <c r="B28943" t="s">
        <v>17918</v>
      </c>
      <c r="C28943" t="s">
        <v>17913</v>
      </c>
      <c r="D28943" t="s">
        <v>17914</v>
      </c>
      <c r="E28943" t="s">
        <v>17915</v>
      </c>
      <c r="F28943" t="s">
        <v>17916</v>
      </c>
      <c r="G28943" t="s">
        <v>16559</v>
      </c>
      <c r="H28943" t="s">
        <v>16560</v>
      </c>
      <c r="I28943" s="2">
        <v>1</v>
      </c>
      <c r="J28943" s="2">
        <v>0</v>
      </c>
      <c r="K28943" s="2">
        <v>0</v>
      </c>
      <c r="L28943" t="s">
        <v>120</v>
      </c>
      <c r="M28943" t="s">
        <v>87</v>
      </c>
      <c r="N28943" t="s">
        <v>88</v>
      </c>
      <c r="O28943" t="s">
        <v>85</v>
      </c>
      <c r="P28943" t="s">
        <v>86</v>
      </c>
      <c r="Q28943">
        <v>53</v>
      </c>
      <c r="R28943">
        <v>53</v>
      </c>
      <c r="S28943">
        <v>54</v>
      </c>
      <c r="T28943">
        <v>54</v>
      </c>
      <c r="U28943">
        <v>54</v>
      </c>
      <c r="V28943">
        <v>54</v>
      </c>
      <c r="W28943">
        <v>54</v>
      </c>
      <c r="X28943">
        <v>54</v>
      </c>
      <c r="Y28943">
        <v>54</v>
      </c>
      <c r="Z28943">
        <v>55</v>
      </c>
      <c r="AA28943">
        <v>55</v>
      </c>
      <c r="AB28943">
        <v>55</v>
      </c>
      <c r="AC28943">
        <v>55</v>
      </c>
      <c r="AD28943">
        <v>55</v>
      </c>
      <c r="AE28943">
        <v>55</v>
      </c>
      <c r="AF28943">
        <v>55</v>
      </c>
      <c r="AG28943">
        <v>55</v>
      </c>
      <c r="AH28943">
        <v>56</v>
      </c>
      <c r="AI28943">
        <v>56</v>
      </c>
      <c r="AJ28943">
        <v>56</v>
      </c>
      <c r="AK28943">
        <v>56</v>
      </c>
      <c r="AL28943">
        <v>56</v>
      </c>
      <c r="AM28943">
        <v>56</v>
      </c>
      <c r="AN28943">
        <v>56</v>
      </c>
      <c r="AO28943">
        <v>56</v>
      </c>
      <c r="AP28943">
        <v>57</v>
      </c>
      <c r="AQ28943">
        <v>57</v>
      </c>
    </row>
    <row r="28944" spans="1:43">
      <c r="A28944" t="s">
        <v>17917</v>
      </c>
      <c r="B28944" t="s">
        <v>17918</v>
      </c>
      <c r="C28944" t="s">
        <v>17913</v>
      </c>
      <c r="D28944" t="s">
        <v>17914</v>
      </c>
      <c r="E28944" t="s">
        <v>17915</v>
      </c>
      <c r="F28944" t="s">
        <v>17916</v>
      </c>
      <c r="G28944" t="s">
        <v>16559</v>
      </c>
      <c r="H28944" t="s">
        <v>16560</v>
      </c>
      <c r="I28944" s="2">
        <v>1</v>
      </c>
      <c r="J28944" s="2">
        <v>0</v>
      </c>
      <c r="K28944" s="2">
        <v>0</v>
      </c>
      <c r="L28944" t="s">
        <v>120</v>
      </c>
      <c r="M28944" t="s">
        <v>89</v>
      </c>
      <c r="N28944" t="s">
        <v>90</v>
      </c>
      <c r="O28944" t="s">
        <v>85</v>
      </c>
      <c r="P28944" t="s">
        <v>86</v>
      </c>
      <c r="Q28944">
        <v>53</v>
      </c>
      <c r="R28944">
        <v>54</v>
      </c>
      <c r="S28944">
        <v>55</v>
      </c>
      <c r="T28944">
        <v>56</v>
      </c>
      <c r="U28944">
        <v>57</v>
      </c>
      <c r="V28944">
        <v>58</v>
      </c>
      <c r="W28944">
        <v>59</v>
      </c>
      <c r="X28944">
        <v>60</v>
      </c>
      <c r="Y28944">
        <v>61</v>
      </c>
      <c r="Z28944">
        <v>62</v>
      </c>
      <c r="AA28944">
        <v>63</v>
      </c>
      <c r="AB28944">
        <v>63</v>
      </c>
      <c r="AC28944">
        <v>64</v>
      </c>
      <c r="AD28944">
        <v>65</v>
      </c>
      <c r="AE28944">
        <v>65</v>
      </c>
      <c r="AF28944">
        <v>65</v>
      </c>
      <c r="AG28944">
        <v>65</v>
      </c>
      <c r="AH28944">
        <v>65</v>
      </c>
      <c r="AI28944">
        <v>65</v>
      </c>
      <c r="AJ28944">
        <v>65</v>
      </c>
      <c r="AK28944">
        <v>65</v>
      </c>
      <c r="AL28944">
        <v>65</v>
      </c>
      <c r="AM28944">
        <v>65</v>
      </c>
      <c r="AN28944">
        <v>65</v>
      </c>
      <c r="AO28944">
        <v>65</v>
      </c>
      <c r="AP28944">
        <v>64</v>
      </c>
      <c r="AQ28944">
        <v>64</v>
      </c>
    </row>
    <row r="28945" spans="1:43">
      <c r="A28945" t="s">
        <v>17917</v>
      </c>
      <c r="B28945" t="s">
        <v>17918</v>
      </c>
      <c r="C28945" t="s">
        <v>17913</v>
      </c>
      <c r="D28945" t="s">
        <v>17914</v>
      </c>
      <c r="E28945" t="s">
        <v>17915</v>
      </c>
      <c r="F28945" t="s">
        <v>17916</v>
      </c>
      <c r="G28945" t="s">
        <v>16559</v>
      </c>
      <c r="H28945" t="s">
        <v>16560</v>
      </c>
      <c r="I28945" s="2">
        <v>1</v>
      </c>
      <c r="J28945" s="2">
        <v>0</v>
      </c>
      <c r="K28945" s="2">
        <v>0</v>
      </c>
      <c r="L28945" t="s">
        <v>120</v>
      </c>
      <c r="M28945" t="s">
        <v>83</v>
      </c>
      <c r="N28945" t="s">
        <v>91</v>
      </c>
      <c r="O28945" t="s">
        <v>85</v>
      </c>
      <c r="P28945" t="s">
        <v>86</v>
      </c>
      <c r="Q28945">
        <v>53</v>
      </c>
      <c r="R28945">
        <v>53</v>
      </c>
      <c r="S28945">
        <v>54</v>
      </c>
      <c r="T28945">
        <v>55</v>
      </c>
      <c r="U28945">
        <v>55</v>
      </c>
      <c r="V28945">
        <v>56</v>
      </c>
      <c r="W28945">
        <v>57</v>
      </c>
      <c r="X28945">
        <v>57</v>
      </c>
      <c r="Y28945">
        <v>58</v>
      </c>
      <c r="Z28945">
        <v>58</v>
      </c>
      <c r="AA28945">
        <v>59</v>
      </c>
      <c r="AB28945">
        <v>59</v>
      </c>
      <c r="AC28945">
        <v>60</v>
      </c>
      <c r="AD28945">
        <v>60</v>
      </c>
      <c r="AE28945">
        <v>61</v>
      </c>
      <c r="AF28945">
        <v>61</v>
      </c>
      <c r="AG28945">
        <v>62</v>
      </c>
      <c r="AH28945">
        <v>63</v>
      </c>
      <c r="AI28945">
        <v>63</v>
      </c>
      <c r="AJ28945">
        <v>64</v>
      </c>
      <c r="AK28945">
        <v>64</v>
      </c>
      <c r="AL28945">
        <v>64</v>
      </c>
      <c r="AM28945">
        <v>64</v>
      </c>
      <c r="AN28945">
        <v>64</v>
      </c>
      <c r="AO28945">
        <v>64</v>
      </c>
      <c r="AP28945">
        <v>64</v>
      </c>
      <c r="AQ28945">
        <v>64</v>
      </c>
    </row>
    <row r="28946" spans="1:43">
      <c r="A28946" t="s">
        <v>17919</v>
      </c>
      <c r="B28946" t="s">
        <v>17920</v>
      </c>
      <c r="C28946" t="s">
        <v>17913</v>
      </c>
      <c r="D28946" t="s">
        <v>17914</v>
      </c>
      <c r="E28946" t="s">
        <v>17915</v>
      </c>
      <c r="F28946" t="s">
        <v>17916</v>
      </c>
      <c r="G28946" t="s">
        <v>16559</v>
      </c>
      <c r="H28946" t="s">
        <v>16560</v>
      </c>
      <c r="I28946" s="2">
        <v>1</v>
      </c>
      <c r="J28946" s="2">
        <v>0</v>
      </c>
      <c r="K28946" s="2">
        <v>0</v>
      </c>
      <c r="L28946" t="s">
        <v>120</v>
      </c>
      <c r="M28946" t="s">
        <v>83</v>
      </c>
      <c r="N28946" t="s">
        <v>84</v>
      </c>
      <c r="O28946" t="s">
        <v>85</v>
      </c>
      <c r="P28946" t="s">
        <v>86</v>
      </c>
      <c r="Q28946">
        <v>16</v>
      </c>
      <c r="R28946">
        <v>16</v>
      </c>
      <c r="S28946">
        <v>16</v>
      </c>
      <c r="T28946">
        <v>16</v>
      </c>
      <c r="U28946">
        <v>17</v>
      </c>
      <c r="V28946">
        <v>17</v>
      </c>
      <c r="W28946">
        <v>17</v>
      </c>
      <c r="X28946">
        <v>17</v>
      </c>
      <c r="Y28946">
        <v>17</v>
      </c>
      <c r="Z28946">
        <v>17</v>
      </c>
      <c r="AA28946">
        <v>18</v>
      </c>
      <c r="AB28946">
        <v>18</v>
      </c>
      <c r="AC28946">
        <v>18</v>
      </c>
      <c r="AD28946">
        <v>18</v>
      </c>
      <c r="AE28946">
        <v>18</v>
      </c>
      <c r="AF28946">
        <v>18</v>
      </c>
      <c r="AG28946">
        <v>19</v>
      </c>
      <c r="AH28946">
        <v>19</v>
      </c>
      <c r="AI28946">
        <v>19</v>
      </c>
      <c r="AJ28946">
        <v>19</v>
      </c>
      <c r="AK28946">
        <v>19</v>
      </c>
      <c r="AL28946">
        <v>19</v>
      </c>
      <c r="AM28946">
        <v>19</v>
      </c>
      <c r="AN28946">
        <v>19</v>
      </c>
      <c r="AO28946">
        <v>19</v>
      </c>
      <c r="AP28946">
        <v>19</v>
      </c>
      <c r="AQ28946">
        <v>19</v>
      </c>
    </row>
    <row r="28947" spans="1:43">
      <c r="A28947" t="s">
        <v>17919</v>
      </c>
      <c r="B28947" t="s">
        <v>17920</v>
      </c>
      <c r="C28947" t="s">
        <v>17913</v>
      </c>
      <c r="D28947" t="s">
        <v>17914</v>
      </c>
      <c r="E28947" t="s">
        <v>17915</v>
      </c>
      <c r="F28947" t="s">
        <v>17916</v>
      </c>
      <c r="G28947" t="s">
        <v>16559</v>
      </c>
      <c r="H28947" t="s">
        <v>16560</v>
      </c>
      <c r="I28947" s="2">
        <v>1</v>
      </c>
      <c r="J28947" s="2">
        <v>0</v>
      </c>
      <c r="K28947" s="2">
        <v>0</v>
      </c>
      <c r="L28947" t="s">
        <v>120</v>
      </c>
      <c r="M28947" t="s">
        <v>87</v>
      </c>
      <c r="N28947" t="s">
        <v>88</v>
      </c>
      <c r="O28947" t="s">
        <v>85</v>
      </c>
      <c r="P28947" t="s">
        <v>86</v>
      </c>
      <c r="Q28947">
        <v>16</v>
      </c>
      <c r="R28947">
        <v>16</v>
      </c>
      <c r="S28947">
        <v>16</v>
      </c>
      <c r="T28947">
        <v>16</v>
      </c>
      <c r="U28947">
        <v>16</v>
      </c>
      <c r="V28947">
        <v>16</v>
      </c>
      <c r="W28947">
        <v>16</v>
      </c>
      <c r="X28947">
        <v>16</v>
      </c>
      <c r="Y28947">
        <v>16</v>
      </c>
      <c r="Z28947">
        <v>16</v>
      </c>
      <c r="AA28947">
        <v>16</v>
      </c>
      <c r="AB28947">
        <v>16</v>
      </c>
      <c r="AC28947">
        <v>16</v>
      </c>
      <c r="AD28947">
        <v>16</v>
      </c>
      <c r="AE28947">
        <v>16</v>
      </c>
      <c r="AF28947">
        <v>16</v>
      </c>
      <c r="AG28947">
        <v>16</v>
      </c>
      <c r="AH28947">
        <v>16</v>
      </c>
      <c r="AI28947">
        <v>16</v>
      </c>
      <c r="AJ28947">
        <v>16</v>
      </c>
      <c r="AK28947">
        <v>16</v>
      </c>
      <c r="AL28947">
        <v>16</v>
      </c>
      <c r="AM28947">
        <v>16</v>
      </c>
      <c r="AN28947">
        <v>16</v>
      </c>
      <c r="AO28947">
        <v>17</v>
      </c>
      <c r="AP28947">
        <v>17</v>
      </c>
      <c r="AQ28947">
        <v>17</v>
      </c>
    </row>
    <row r="28948" spans="1:43">
      <c r="A28948" t="s">
        <v>17919</v>
      </c>
      <c r="B28948" t="s">
        <v>17920</v>
      </c>
      <c r="C28948" t="s">
        <v>17913</v>
      </c>
      <c r="D28948" t="s">
        <v>17914</v>
      </c>
      <c r="E28948" t="s">
        <v>17915</v>
      </c>
      <c r="F28948" t="s">
        <v>17916</v>
      </c>
      <c r="G28948" t="s">
        <v>16559</v>
      </c>
      <c r="H28948" t="s">
        <v>16560</v>
      </c>
      <c r="I28948" s="2">
        <v>1</v>
      </c>
      <c r="J28948" s="2">
        <v>0</v>
      </c>
      <c r="K28948" s="2">
        <v>0</v>
      </c>
      <c r="L28948" t="s">
        <v>120</v>
      </c>
      <c r="M28948" t="s">
        <v>89</v>
      </c>
      <c r="N28948" t="s">
        <v>90</v>
      </c>
      <c r="O28948" t="s">
        <v>85</v>
      </c>
      <c r="P28948" t="s">
        <v>86</v>
      </c>
      <c r="Q28948">
        <v>16</v>
      </c>
      <c r="R28948">
        <v>16</v>
      </c>
      <c r="S28948">
        <v>17</v>
      </c>
      <c r="T28948">
        <v>17</v>
      </c>
      <c r="U28948">
        <v>17</v>
      </c>
      <c r="V28948">
        <v>18</v>
      </c>
      <c r="W28948">
        <v>18</v>
      </c>
      <c r="X28948">
        <v>18</v>
      </c>
      <c r="Y28948">
        <v>18</v>
      </c>
      <c r="Z28948">
        <v>19</v>
      </c>
      <c r="AA28948">
        <v>19</v>
      </c>
      <c r="AB28948">
        <v>19</v>
      </c>
      <c r="AC28948">
        <v>19</v>
      </c>
      <c r="AD28948">
        <v>19</v>
      </c>
      <c r="AE28948">
        <v>20</v>
      </c>
      <c r="AF28948">
        <v>20</v>
      </c>
      <c r="AG28948">
        <v>20</v>
      </c>
      <c r="AH28948">
        <v>20</v>
      </c>
      <c r="AI28948">
        <v>20</v>
      </c>
      <c r="AJ28948">
        <v>19</v>
      </c>
      <c r="AK28948">
        <v>19</v>
      </c>
      <c r="AL28948">
        <v>19</v>
      </c>
      <c r="AM28948">
        <v>19</v>
      </c>
      <c r="AN28948">
        <v>19</v>
      </c>
      <c r="AO28948">
        <v>19</v>
      </c>
      <c r="AP28948">
        <v>19</v>
      </c>
      <c r="AQ28948">
        <v>19</v>
      </c>
    </row>
    <row r="28949" spans="1:43">
      <c r="A28949" t="s">
        <v>17919</v>
      </c>
      <c r="B28949" t="s">
        <v>17920</v>
      </c>
      <c r="C28949" t="s">
        <v>17913</v>
      </c>
      <c r="D28949" t="s">
        <v>17914</v>
      </c>
      <c r="E28949" t="s">
        <v>17915</v>
      </c>
      <c r="F28949" t="s">
        <v>17916</v>
      </c>
      <c r="G28949" t="s">
        <v>16559</v>
      </c>
      <c r="H28949" t="s">
        <v>16560</v>
      </c>
      <c r="I28949" s="2">
        <v>1</v>
      </c>
      <c r="J28949" s="2">
        <v>0</v>
      </c>
      <c r="K28949" s="2">
        <v>0</v>
      </c>
      <c r="L28949" t="s">
        <v>120</v>
      </c>
      <c r="M28949" t="s">
        <v>83</v>
      </c>
      <c r="N28949" t="s">
        <v>91</v>
      </c>
      <c r="O28949" t="s">
        <v>85</v>
      </c>
      <c r="P28949" t="s">
        <v>86</v>
      </c>
      <c r="Q28949">
        <v>16</v>
      </c>
      <c r="R28949">
        <v>16</v>
      </c>
      <c r="S28949">
        <v>16</v>
      </c>
      <c r="T28949">
        <v>16</v>
      </c>
      <c r="U28949">
        <v>17</v>
      </c>
      <c r="V28949">
        <v>17</v>
      </c>
      <c r="W28949">
        <v>17</v>
      </c>
      <c r="X28949">
        <v>17</v>
      </c>
      <c r="Y28949">
        <v>17</v>
      </c>
      <c r="Z28949">
        <v>17</v>
      </c>
      <c r="AA28949">
        <v>18</v>
      </c>
      <c r="AB28949">
        <v>18</v>
      </c>
      <c r="AC28949">
        <v>18</v>
      </c>
      <c r="AD28949">
        <v>18</v>
      </c>
      <c r="AE28949">
        <v>18</v>
      </c>
      <c r="AF28949">
        <v>18</v>
      </c>
      <c r="AG28949">
        <v>19</v>
      </c>
      <c r="AH28949">
        <v>19</v>
      </c>
      <c r="AI28949">
        <v>19</v>
      </c>
      <c r="AJ28949">
        <v>19</v>
      </c>
      <c r="AK28949">
        <v>19</v>
      </c>
      <c r="AL28949">
        <v>19</v>
      </c>
      <c r="AM28949">
        <v>19</v>
      </c>
      <c r="AN28949">
        <v>19</v>
      </c>
      <c r="AO28949">
        <v>19</v>
      </c>
      <c r="AP28949">
        <v>19</v>
      </c>
      <c r="AQ28949">
        <v>19</v>
      </c>
    </row>
    <row r="28950" spans="1:43">
      <c r="A28950" t="s">
        <v>17921</v>
      </c>
      <c r="B28950" t="s">
        <v>17922</v>
      </c>
      <c r="C28950" t="s">
        <v>17913</v>
      </c>
      <c r="D28950" t="s">
        <v>17914</v>
      </c>
      <c r="E28950" t="s">
        <v>17915</v>
      </c>
      <c r="F28950" t="s">
        <v>17916</v>
      </c>
      <c r="G28950" t="s">
        <v>16559</v>
      </c>
      <c r="H28950" t="s">
        <v>16560</v>
      </c>
      <c r="I28950" s="2">
        <v>1</v>
      </c>
      <c r="J28950" s="2">
        <v>0</v>
      </c>
      <c r="K28950" s="2">
        <v>0</v>
      </c>
      <c r="L28950" t="s">
        <v>120</v>
      </c>
      <c r="M28950" t="s">
        <v>83</v>
      </c>
      <c r="N28950" t="s">
        <v>84</v>
      </c>
      <c r="O28950" t="s">
        <v>85</v>
      </c>
      <c r="P28950" t="s">
        <v>86</v>
      </c>
      <c r="Q28950">
        <v>60</v>
      </c>
      <c r="R28950">
        <v>61</v>
      </c>
      <c r="S28950">
        <v>62</v>
      </c>
      <c r="T28950">
        <v>63</v>
      </c>
      <c r="U28950">
        <v>63</v>
      </c>
      <c r="V28950">
        <v>64</v>
      </c>
      <c r="W28950">
        <v>65</v>
      </c>
      <c r="X28950">
        <v>65</v>
      </c>
      <c r="Y28950">
        <v>66</v>
      </c>
      <c r="Z28950">
        <v>67</v>
      </c>
      <c r="AA28950">
        <v>67</v>
      </c>
      <c r="AB28950">
        <v>68</v>
      </c>
      <c r="AC28950">
        <v>68</v>
      </c>
      <c r="AD28950">
        <v>69</v>
      </c>
      <c r="AE28950">
        <v>70</v>
      </c>
      <c r="AF28950">
        <v>70</v>
      </c>
      <c r="AG28950">
        <v>71</v>
      </c>
      <c r="AH28950">
        <v>71</v>
      </c>
      <c r="AI28950">
        <v>72</v>
      </c>
      <c r="AJ28950">
        <v>73</v>
      </c>
      <c r="AK28950">
        <v>73</v>
      </c>
      <c r="AL28950">
        <v>73</v>
      </c>
      <c r="AM28950">
        <v>73</v>
      </c>
      <c r="AN28950">
        <v>73</v>
      </c>
      <c r="AO28950">
        <v>73</v>
      </c>
      <c r="AP28950">
        <v>73</v>
      </c>
      <c r="AQ28950">
        <v>73</v>
      </c>
    </row>
    <row r="28951" spans="1:43">
      <c r="A28951" t="s">
        <v>17921</v>
      </c>
      <c r="B28951" t="s">
        <v>17922</v>
      </c>
      <c r="C28951" t="s">
        <v>17913</v>
      </c>
      <c r="D28951" t="s">
        <v>17914</v>
      </c>
      <c r="E28951" t="s">
        <v>17915</v>
      </c>
      <c r="F28951" t="s">
        <v>17916</v>
      </c>
      <c r="G28951" t="s">
        <v>16559</v>
      </c>
      <c r="H28951" t="s">
        <v>16560</v>
      </c>
      <c r="I28951" s="2">
        <v>1</v>
      </c>
      <c r="J28951" s="2">
        <v>0</v>
      </c>
      <c r="K28951" s="2">
        <v>0</v>
      </c>
      <c r="L28951" t="s">
        <v>120</v>
      </c>
      <c r="M28951" t="s">
        <v>87</v>
      </c>
      <c r="N28951" t="s">
        <v>88</v>
      </c>
      <c r="O28951" t="s">
        <v>85</v>
      </c>
      <c r="P28951" t="s">
        <v>86</v>
      </c>
      <c r="Q28951">
        <v>60</v>
      </c>
      <c r="R28951">
        <v>60</v>
      </c>
      <c r="S28951">
        <v>60</v>
      </c>
      <c r="T28951">
        <v>60</v>
      </c>
      <c r="U28951">
        <v>60</v>
      </c>
      <c r="V28951">
        <v>61</v>
      </c>
      <c r="W28951">
        <v>61</v>
      </c>
      <c r="X28951">
        <v>61</v>
      </c>
      <c r="Y28951">
        <v>61</v>
      </c>
      <c r="Z28951">
        <v>61</v>
      </c>
      <c r="AA28951">
        <v>61</v>
      </c>
      <c r="AB28951">
        <v>61</v>
      </c>
      <c r="AC28951">
        <v>62</v>
      </c>
      <c r="AD28951">
        <v>62</v>
      </c>
      <c r="AE28951">
        <v>62</v>
      </c>
      <c r="AF28951">
        <v>62</v>
      </c>
      <c r="AG28951">
        <v>62</v>
      </c>
      <c r="AH28951">
        <v>62</v>
      </c>
      <c r="AI28951">
        <v>62</v>
      </c>
      <c r="AJ28951">
        <v>62</v>
      </c>
      <c r="AK28951">
        <v>63</v>
      </c>
      <c r="AL28951">
        <v>63</v>
      </c>
      <c r="AM28951">
        <v>63</v>
      </c>
      <c r="AN28951">
        <v>63</v>
      </c>
      <c r="AO28951">
        <v>63</v>
      </c>
      <c r="AP28951">
        <v>63</v>
      </c>
      <c r="AQ28951">
        <v>63</v>
      </c>
    </row>
    <row r="28952" spans="1:43">
      <c r="A28952" t="s">
        <v>17921</v>
      </c>
      <c r="B28952" t="s">
        <v>17922</v>
      </c>
      <c r="C28952" t="s">
        <v>17913</v>
      </c>
      <c r="D28952" t="s">
        <v>17914</v>
      </c>
      <c r="E28952" t="s">
        <v>17915</v>
      </c>
      <c r="F28952" t="s">
        <v>17916</v>
      </c>
      <c r="G28952" t="s">
        <v>16559</v>
      </c>
      <c r="H28952" t="s">
        <v>16560</v>
      </c>
      <c r="I28952" s="2">
        <v>1</v>
      </c>
      <c r="J28952" s="2">
        <v>0</v>
      </c>
      <c r="K28952" s="2">
        <v>0</v>
      </c>
      <c r="L28952" t="s">
        <v>120</v>
      </c>
      <c r="M28952" t="s">
        <v>89</v>
      </c>
      <c r="N28952" t="s">
        <v>90</v>
      </c>
      <c r="O28952" t="s">
        <v>85</v>
      </c>
      <c r="P28952" t="s">
        <v>86</v>
      </c>
      <c r="Q28952">
        <v>60</v>
      </c>
      <c r="R28952">
        <v>61</v>
      </c>
      <c r="S28952">
        <v>62</v>
      </c>
      <c r="T28952">
        <v>64</v>
      </c>
      <c r="U28952">
        <v>65</v>
      </c>
      <c r="V28952">
        <v>66</v>
      </c>
      <c r="W28952">
        <v>67</v>
      </c>
      <c r="X28952">
        <v>68</v>
      </c>
      <c r="Y28952">
        <v>69</v>
      </c>
      <c r="Z28952">
        <v>70</v>
      </c>
      <c r="AA28952">
        <v>71</v>
      </c>
      <c r="AB28952">
        <v>71</v>
      </c>
      <c r="AC28952">
        <v>72</v>
      </c>
      <c r="AD28952">
        <v>73</v>
      </c>
      <c r="AE28952">
        <v>74</v>
      </c>
      <c r="AF28952">
        <v>74</v>
      </c>
      <c r="AG28952">
        <v>74</v>
      </c>
      <c r="AH28952">
        <v>73</v>
      </c>
      <c r="AI28952">
        <v>73</v>
      </c>
      <c r="AJ28952">
        <v>73</v>
      </c>
      <c r="AK28952">
        <v>73</v>
      </c>
      <c r="AL28952">
        <v>73</v>
      </c>
      <c r="AM28952">
        <v>73</v>
      </c>
      <c r="AN28952">
        <v>73</v>
      </c>
      <c r="AO28952">
        <v>73</v>
      </c>
      <c r="AP28952">
        <v>73</v>
      </c>
      <c r="AQ28952">
        <v>72</v>
      </c>
    </row>
    <row r="28953" spans="1:43">
      <c r="A28953" t="s">
        <v>17921</v>
      </c>
      <c r="B28953" t="s">
        <v>17922</v>
      </c>
      <c r="C28953" t="s">
        <v>17913</v>
      </c>
      <c r="D28953" t="s">
        <v>17914</v>
      </c>
      <c r="E28953" t="s">
        <v>17915</v>
      </c>
      <c r="F28953" t="s">
        <v>17916</v>
      </c>
      <c r="G28953" t="s">
        <v>16559</v>
      </c>
      <c r="H28953" t="s">
        <v>16560</v>
      </c>
      <c r="I28953" s="2">
        <v>1</v>
      </c>
      <c r="J28953" s="2">
        <v>0</v>
      </c>
      <c r="K28953" s="2">
        <v>0</v>
      </c>
      <c r="L28953" t="s">
        <v>120</v>
      </c>
      <c r="M28953" t="s">
        <v>83</v>
      </c>
      <c r="N28953" t="s">
        <v>91</v>
      </c>
      <c r="O28953" t="s">
        <v>85</v>
      </c>
      <c r="P28953" t="s">
        <v>86</v>
      </c>
      <c r="Q28953">
        <v>60</v>
      </c>
      <c r="R28953">
        <v>61</v>
      </c>
      <c r="S28953">
        <v>62</v>
      </c>
      <c r="T28953">
        <v>63</v>
      </c>
      <c r="U28953">
        <v>63</v>
      </c>
      <c r="V28953">
        <v>64</v>
      </c>
      <c r="W28953">
        <v>65</v>
      </c>
      <c r="X28953">
        <v>65</v>
      </c>
      <c r="Y28953">
        <v>66</v>
      </c>
      <c r="Z28953">
        <v>67</v>
      </c>
      <c r="AA28953">
        <v>67</v>
      </c>
      <c r="AB28953">
        <v>68</v>
      </c>
      <c r="AC28953">
        <v>68</v>
      </c>
      <c r="AD28953">
        <v>69</v>
      </c>
      <c r="AE28953">
        <v>70</v>
      </c>
      <c r="AF28953">
        <v>70</v>
      </c>
      <c r="AG28953">
        <v>71</v>
      </c>
      <c r="AH28953">
        <v>71</v>
      </c>
      <c r="AI28953">
        <v>72</v>
      </c>
      <c r="AJ28953">
        <v>73</v>
      </c>
      <c r="AK28953">
        <v>73</v>
      </c>
      <c r="AL28953">
        <v>73</v>
      </c>
      <c r="AM28953">
        <v>73</v>
      </c>
      <c r="AN28953">
        <v>73</v>
      </c>
      <c r="AO28953">
        <v>73</v>
      </c>
      <c r="AP28953">
        <v>73</v>
      </c>
      <c r="AQ28953">
        <v>73</v>
      </c>
    </row>
    <row r="28954" spans="1:43">
      <c r="A28954" t="s">
        <v>17923</v>
      </c>
      <c r="B28954" t="s">
        <v>17924</v>
      </c>
      <c r="C28954" t="s">
        <v>17925</v>
      </c>
      <c r="D28954" t="s">
        <v>17926</v>
      </c>
      <c r="E28954" t="s">
        <v>17915</v>
      </c>
      <c r="F28954" t="s">
        <v>17916</v>
      </c>
      <c r="G28954" t="s">
        <v>16559</v>
      </c>
      <c r="H28954" t="s">
        <v>16560</v>
      </c>
      <c r="I28954" s="2">
        <v>1</v>
      </c>
      <c r="J28954" s="2">
        <v>0</v>
      </c>
      <c r="K28954" s="2">
        <v>0</v>
      </c>
      <c r="L28954" t="s">
        <v>120</v>
      </c>
      <c r="M28954" t="s">
        <v>83</v>
      </c>
      <c r="N28954" t="s">
        <v>84</v>
      </c>
      <c r="O28954" t="s">
        <v>85</v>
      </c>
      <c r="P28954" t="s">
        <v>86</v>
      </c>
      <c r="Q28954">
        <v>146</v>
      </c>
      <c r="R28954">
        <v>148</v>
      </c>
      <c r="S28954">
        <v>150</v>
      </c>
      <c r="T28954">
        <v>152</v>
      </c>
      <c r="U28954">
        <v>153</v>
      </c>
      <c r="V28954">
        <v>155</v>
      </c>
      <c r="W28954">
        <v>157</v>
      </c>
      <c r="X28954">
        <v>159</v>
      </c>
      <c r="Y28954">
        <v>160</v>
      </c>
      <c r="Z28954">
        <v>162</v>
      </c>
      <c r="AA28954">
        <v>163</v>
      </c>
      <c r="AB28954">
        <v>165</v>
      </c>
      <c r="AC28954">
        <v>167</v>
      </c>
      <c r="AD28954">
        <v>168</v>
      </c>
      <c r="AE28954">
        <v>170</v>
      </c>
      <c r="AF28954">
        <v>171</v>
      </c>
      <c r="AG28954">
        <v>173</v>
      </c>
      <c r="AH28954">
        <v>174</v>
      </c>
      <c r="AI28954">
        <v>176</v>
      </c>
      <c r="AJ28954">
        <v>177</v>
      </c>
      <c r="AK28954">
        <v>179</v>
      </c>
      <c r="AL28954">
        <v>179</v>
      </c>
      <c r="AM28954">
        <v>179</v>
      </c>
      <c r="AN28954">
        <v>179</v>
      </c>
      <c r="AO28954">
        <v>179</v>
      </c>
      <c r="AP28954">
        <v>180</v>
      </c>
      <c r="AQ28954">
        <v>180</v>
      </c>
    </row>
    <row r="28955" spans="1:43">
      <c r="A28955" t="s">
        <v>17923</v>
      </c>
      <c r="B28955" t="s">
        <v>17924</v>
      </c>
      <c r="C28955" t="s">
        <v>17925</v>
      </c>
      <c r="D28955" t="s">
        <v>17926</v>
      </c>
      <c r="E28955" t="s">
        <v>17915</v>
      </c>
      <c r="F28955" t="s">
        <v>17916</v>
      </c>
      <c r="G28955" t="s">
        <v>16559</v>
      </c>
      <c r="H28955" t="s">
        <v>16560</v>
      </c>
      <c r="I28955" s="2">
        <v>1</v>
      </c>
      <c r="J28955" s="2">
        <v>0</v>
      </c>
      <c r="K28955" s="2">
        <v>0</v>
      </c>
      <c r="L28955" t="s">
        <v>120</v>
      </c>
      <c r="M28955" t="s">
        <v>87</v>
      </c>
      <c r="N28955" t="s">
        <v>88</v>
      </c>
      <c r="O28955" t="s">
        <v>85</v>
      </c>
      <c r="P28955" t="s">
        <v>86</v>
      </c>
      <c r="Q28955">
        <v>146</v>
      </c>
      <c r="R28955">
        <v>146</v>
      </c>
      <c r="S28955">
        <v>147</v>
      </c>
      <c r="T28955">
        <v>147</v>
      </c>
      <c r="U28955">
        <v>148</v>
      </c>
      <c r="V28955">
        <v>148</v>
      </c>
      <c r="W28955">
        <v>148</v>
      </c>
      <c r="X28955">
        <v>149</v>
      </c>
      <c r="Y28955">
        <v>149</v>
      </c>
      <c r="Z28955">
        <v>150</v>
      </c>
      <c r="AA28955">
        <v>150</v>
      </c>
      <c r="AB28955">
        <v>150</v>
      </c>
      <c r="AC28955">
        <v>151</v>
      </c>
      <c r="AD28955">
        <v>151</v>
      </c>
      <c r="AE28955">
        <v>151</v>
      </c>
      <c r="AF28955">
        <v>152</v>
      </c>
      <c r="AG28955">
        <v>152</v>
      </c>
      <c r="AH28955">
        <v>152</v>
      </c>
      <c r="AI28955">
        <v>153</v>
      </c>
      <c r="AJ28955">
        <v>153</v>
      </c>
      <c r="AK28955">
        <v>153</v>
      </c>
      <c r="AL28955">
        <v>154</v>
      </c>
      <c r="AM28955">
        <v>154</v>
      </c>
      <c r="AN28955">
        <v>154</v>
      </c>
      <c r="AO28955">
        <v>154</v>
      </c>
      <c r="AP28955">
        <v>155</v>
      </c>
      <c r="AQ28955">
        <v>155</v>
      </c>
    </row>
    <row r="28956" spans="1:43">
      <c r="A28956" t="s">
        <v>17923</v>
      </c>
      <c r="B28956" t="s">
        <v>17924</v>
      </c>
      <c r="C28956" t="s">
        <v>17925</v>
      </c>
      <c r="D28956" t="s">
        <v>17926</v>
      </c>
      <c r="E28956" t="s">
        <v>17915</v>
      </c>
      <c r="F28956" t="s">
        <v>17916</v>
      </c>
      <c r="G28956" t="s">
        <v>16559</v>
      </c>
      <c r="H28956" t="s">
        <v>16560</v>
      </c>
      <c r="I28956" s="2">
        <v>1</v>
      </c>
      <c r="J28956" s="2">
        <v>0</v>
      </c>
      <c r="K28956" s="2">
        <v>0</v>
      </c>
      <c r="L28956" t="s">
        <v>120</v>
      </c>
      <c r="M28956" t="s">
        <v>89</v>
      </c>
      <c r="N28956" t="s">
        <v>90</v>
      </c>
      <c r="O28956" t="s">
        <v>85</v>
      </c>
      <c r="P28956" t="s">
        <v>86</v>
      </c>
      <c r="Q28956">
        <v>146</v>
      </c>
      <c r="R28956">
        <v>149</v>
      </c>
      <c r="S28956">
        <v>152</v>
      </c>
      <c r="T28956">
        <v>155</v>
      </c>
      <c r="U28956">
        <v>158</v>
      </c>
      <c r="V28956">
        <v>160</v>
      </c>
      <c r="W28956">
        <v>163</v>
      </c>
      <c r="X28956">
        <v>165</v>
      </c>
      <c r="Y28956">
        <v>168</v>
      </c>
      <c r="Z28956">
        <v>170</v>
      </c>
      <c r="AA28956">
        <v>172</v>
      </c>
      <c r="AB28956">
        <v>174</v>
      </c>
      <c r="AC28956">
        <v>177</v>
      </c>
      <c r="AD28956">
        <v>179</v>
      </c>
      <c r="AE28956">
        <v>180</v>
      </c>
      <c r="AF28956">
        <v>181</v>
      </c>
      <c r="AG28956">
        <v>181</v>
      </c>
      <c r="AH28956">
        <v>181</v>
      </c>
      <c r="AI28956">
        <v>181</v>
      </c>
      <c r="AJ28956">
        <v>181</v>
      </c>
      <c r="AK28956">
        <v>181</v>
      </c>
      <c r="AL28956">
        <v>181</v>
      </c>
      <c r="AM28956">
        <v>181</v>
      </c>
      <c r="AN28956">
        <v>181</v>
      </c>
      <c r="AO28956">
        <v>181</v>
      </c>
      <c r="AP28956">
        <v>181</v>
      </c>
      <c r="AQ28956">
        <v>181</v>
      </c>
    </row>
    <row r="28957" spans="1:43">
      <c r="A28957" t="s">
        <v>17923</v>
      </c>
      <c r="B28957" t="s">
        <v>17924</v>
      </c>
      <c r="C28957" t="s">
        <v>17925</v>
      </c>
      <c r="D28957" t="s">
        <v>17926</v>
      </c>
      <c r="E28957" t="s">
        <v>17915</v>
      </c>
      <c r="F28957" t="s">
        <v>17916</v>
      </c>
      <c r="G28957" t="s">
        <v>16559</v>
      </c>
      <c r="H28957" t="s">
        <v>16560</v>
      </c>
      <c r="I28957" s="2">
        <v>1</v>
      </c>
      <c r="J28957" s="2">
        <v>0</v>
      </c>
      <c r="K28957" s="2">
        <v>0</v>
      </c>
      <c r="L28957" t="s">
        <v>120</v>
      </c>
      <c r="M28957" t="s">
        <v>83</v>
      </c>
      <c r="N28957" t="s">
        <v>91</v>
      </c>
      <c r="O28957" t="s">
        <v>85</v>
      </c>
      <c r="P28957" t="s">
        <v>86</v>
      </c>
      <c r="Q28957">
        <v>146</v>
      </c>
      <c r="R28957">
        <v>148</v>
      </c>
      <c r="S28957">
        <v>150</v>
      </c>
      <c r="T28957">
        <v>152</v>
      </c>
      <c r="U28957">
        <v>153</v>
      </c>
      <c r="V28957">
        <v>155</v>
      </c>
      <c r="W28957">
        <v>157</v>
      </c>
      <c r="X28957">
        <v>159</v>
      </c>
      <c r="Y28957">
        <v>160</v>
      </c>
      <c r="Z28957">
        <v>162</v>
      </c>
      <c r="AA28957">
        <v>163</v>
      </c>
      <c r="AB28957">
        <v>165</v>
      </c>
      <c r="AC28957">
        <v>167</v>
      </c>
      <c r="AD28957">
        <v>168</v>
      </c>
      <c r="AE28957">
        <v>170</v>
      </c>
      <c r="AF28957">
        <v>171</v>
      </c>
      <c r="AG28957">
        <v>173</v>
      </c>
      <c r="AH28957">
        <v>174</v>
      </c>
      <c r="AI28957">
        <v>176</v>
      </c>
      <c r="AJ28957">
        <v>177</v>
      </c>
      <c r="AK28957">
        <v>179</v>
      </c>
      <c r="AL28957">
        <v>179</v>
      </c>
      <c r="AM28957">
        <v>179</v>
      </c>
      <c r="AN28957">
        <v>179</v>
      </c>
      <c r="AO28957">
        <v>179</v>
      </c>
      <c r="AP28957">
        <v>180</v>
      </c>
      <c r="AQ28957">
        <v>180</v>
      </c>
    </row>
    <row r="28958" spans="1:43">
      <c r="A28958" t="s">
        <v>17927</v>
      </c>
      <c r="B28958" t="s">
        <v>17928</v>
      </c>
      <c r="C28958" t="s">
        <v>17925</v>
      </c>
      <c r="D28958" t="s">
        <v>17926</v>
      </c>
      <c r="E28958" t="s">
        <v>17915</v>
      </c>
      <c r="F28958" t="s">
        <v>17916</v>
      </c>
      <c r="G28958" t="s">
        <v>16559</v>
      </c>
      <c r="H28958" t="s">
        <v>16560</v>
      </c>
      <c r="I28958" s="2">
        <v>1</v>
      </c>
      <c r="J28958" s="2">
        <v>0</v>
      </c>
      <c r="K28958" s="2">
        <v>0</v>
      </c>
      <c r="L28958" t="s">
        <v>120</v>
      </c>
      <c r="M28958" t="s">
        <v>83</v>
      </c>
      <c r="N28958" t="s">
        <v>84</v>
      </c>
      <c r="O28958" t="s">
        <v>85</v>
      </c>
      <c r="P28958" t="s">
        <v>86</v>
      </c>
      <c r="Q28958">
        <v>92</v>
      </c>
      <c r="R28958">
        <v>93</v>
      </c>
      <c r="S28958">
        <v>94</v>
      </c>
      <c r="T28958">
        <v>95</v>
      </c>
      <c r="U28958">
        <v>96</v>
      </c>
      <c r="V28958">
        <v>97</v>
      </c>
      <c r="W28958">
        <v>98</v>
      </c>
      <c r="X28958">
        <v>99</v>
      </c>
      <c r="Y28958">
        <v>100</v>
      </c>
      <c r="Z28958">
        <v>101</v>
      </c>
      <c r="AA28958">
        <v>102</v>
      </c>
      <c r="AB28958">
        <v>103</v>
      </c>
      <c r="AC28958">
        <v>104</v>
      </c>
      <c r="AD28958">
        <v>105</v>
      </c>
      <c r="AE28958">
        <v>106</v>
      </c>
      <c r="AF28958">
        <v>107</v>
      </c>
      <c r="AG28958">
        <v>108</v>
      </c>
      <c r="AH28958">
        <v>109</v>
      </c>
      <c r="AI28958">
        <v>110</v>
      </c>
      <c r="AJ28958">
        <v>111</v>
      </c>
      <c r="AK28958">
        <v>112</v>
      </c>
      <c r="AL28958">
        <v>112</v>
      </c>
      <c r="AM28958">
        <v>112</v>
      </c>
      <c r="AN28958">
        <v>112</v>
      </c>
      <c r="AO28958">
        <v>112</v>
      </c>
      <c r="AP28958">
        <v>112</v>
      </c>
      <c r="AQ28958">
        <v>112</v>
      </c>
    </row>
    <row r="28959" spans="1:43">
      <c r="A28959" t="s">
        <v>17927</v>
      </c>
      <c r="B28959" t="s">
        <v>17928</v>
      </c>
      <c r="C28959" t="s">
        <v>17925</v>
      </c>
      <c r="D28959" t="s">
        <v>17926</v>
      </c>
      <c r="E28959" t="s">
        <v>17915</v>
      </c>
      <c r="F28959" t="s">
        <v>17916</v>
      </c>
      <c r="G28959" t="s">
        <v>16559</v>
      </c>
      <c r="H28959" t="s">
        <v>16560</v>
      </c>
      <c r="I28959" s="2">
        <v>1</v>
      </c>
      <c r="J28959" s="2">
        <v>0</v>
      </c>
      <c r="K28959" s="2">
        <v>0</v>
      </c>
      <c r="L28959" t="s">
        <v>120</v>
      </c>
      <c r="M28959" t="s">
        <v>87</v>
      </c>
      <c r="N28959" t="s">
        <v>88</v>
      </c>
      <c r="O28959" t="s">
        <v>85</v>
      </c>
      <c r="P28959" t="s">
        <v>86</v>
      </c>
      <c r="Q28959">
        <v>92</v>
      </c>
      <c r="R28959">
        <v>92</v>
      </c>
      <c r="S28959">
        <v>92</v>
      </c>
      <c r="T28959">
        <v>93</v>
      </c>
      <c r="U28959">
        <v>93</v>
      </c>
      <c r="V28959">
        <v>93</v>
      </c>
      <c r="W28959">
        <v>93</v>
      </c>
      <c r="X28959">
        <v>94</v>
      </c>
      <c r="Y28959">
        <v>94</v>
      </c>
      <c r="Z28959">
        <v>94</v>
      </c>
      <c r="AA28959">
        <v>94</v>
      </c>
      <c r="AB28959">
        <v>95</v>
      </c>
      <c r="AC28959">
        <v>95</v>
      </c>
      <c r="AD28959">
        <v>95</v>
      </c>
      <c r="AE28959">
        <v>95</v>
      </c>
      <c r="AF28959">
        <v>96</v>
      </c>
      <c r="AG28959">
        <v>96</v>
      </c>
      <c r="AH28959">
        <v>96</v>
      </c>
      <c r="AI28959">
        <v>96</v>
      </c>
      <c r="AJ28959">
        <v>97</v>
      </c>
      <c r="AK28959">
        <v>97</v>
      </c>
      <c r="AL28959">
        <v>97</v>
      </c>
      <c r="AM28959">
        <v>97</v>
      </c>
      <c r="AN28959">
        <v>98</v>
      </c>
      <c r="AO28959">
        <v>98</v>
      </c>
      <c r="AP28959">
        <v>98</v>
      </c>
      <c r="AQ28959">
        <v>98</v>
      </c>
    </row>
    <row r="28960" spans="1:43">
      <c r="A28960" t="s">
        <v>17927</v>
      </c>
      <c r="B28960" t="s">
        <v>17928</v>
      </c>
      <c r="C28960" t="s">
        <v>17925</v>
      </c>
      <c r="D28960" t="s">
        <v>17926</v>
      </c>
      <c r="E28960" t="s">
        <v>17915</v>
      </c>
      <c r="F28960" t="s">
        <v>17916</v>
      </c>
      <c r="G28960" t="s">
        <v>16559</v>
      </c>
      <c r="H28960" t="s">
        <v>16560</v>
      </c>
      <c r="I28960" s="2">
        <v>1</v>
      </c>
      <c r="J28960" s="2">
        <v>0</v>
      </c>
      <c r="K28960" s="2">
        <v>0</v>
      </c>
      <c r="L28960" t="s">
        <v>120</v>
      </c>
      <c r="M28960" t="s">
        <v>89</v>
      </c>
      <c r="N28960" t="s">
        <v>90</v>
      </c>
      <c r="O28960" t="s">
        <v>85</v>
      </c>
      <c r="P28960" t="s">
        <v>86</v>
      </c>
      <c r="Q28960">
        <v>92</v>
      </c>
      <c r="R28960">
        <v>94</v>
      </c>
      <c r="S28960">
        <v>96</v>
      </c>
      <c r="T28960">
        <v>98</v>
      </c>
      <c r="U28960">
        <v>100</v>
      </c>
      <c r="V28960">
        <v>101</v>
      </c>
      <c r="W28960">
        <v>103</v>
      </c>
      <c r="X28960">
        <v>105</v>
      </c>
      <c r="Y28960">
        <v>106</v>
      </c>
      <c r="Z28960">
        <v>108</v>
      </c>
      <c r="AA28960">
        <v>109</v>
      </c>
      <c r="AB28960">
        <v>110</v>
      </c>
      <c r="AC28960">
        <v>112</v>
      </c>
      <c r="AD28960">
        <v>113</v>
      </c>
      <c r="AE28960">
        <v>114</v>
      </c>
      <c r="AF28960">
        <v>114</v>
      </c>
      <c r="AG28960">
        <v>114</v>
      </c>
      <c r="AH28960">
        <v>114</v>
      </c>
      <c r="AI28960">
        <v>114</v>
      </c>
      <c r="AJ28960">
        <v>114</v>
      </c>
      <c r="AK28960">
        <v>114</v>
      </c>
      <c r="AL28960">
        <v>114</v>
      </c>
      <c r="AM28960">
        <v>114</v>
      </c>
      <c r="AN28960">
        <v>114</v>
      </c>
      <c r="AO28960">
        <v>113</v>
      </c>
      <c r="AP28960">
        <v>113</v>
      </c>
      <c r="AQ28960">
        <v>113</v>
      </c>
    </row>
    <row r="28961" spans="1:43">
      <c r="A28961" t="s">
        <v>17927</v>
      </c>
      <c r="B28961" t="s">
        <v>17928</v>
      </c>
      <c r="C28961" t="s">
        <v>17925</v>
      </c>
      <c r="D28961" t="s">
        <v>17926</v>
      </c>
      <c r="E28961" t="s">
        <v>17915</v>
      </c>
      <c r="F28961" t="s">
        <v>17916</v>
      </c>
      <c r="G28961" t="s">
        <v>16559</v>
      </c>
      <c r="H28961" t="s">
        <v>16560</v>
      </c>
      <c r="I28961" s="2">
        <v>1</v>
      </c>
      <c r="J28961" s="2">
        <v>0</v>
      </c>
      <c r="K28961" s="2">
        <v>0</v>
      </c>
      <c r="L28961" t="s">
        <v>120</v>
      </c>
      <c r="M28961" t="s">
        <v>83</v>
      </c>
      <c r="N28961" t="s">
        <v>91</v>
      </c>
      <c r="O28961" t="s">
        <v>85</v>
      </c>
      <c r="P28961" t="s">
        <v>86</v>
      </c>
      <c r="Q28961">
        <v>92</v>
      </c>
      <c r="R28961">
        <v>93</v>
      </c>
      <c r="S28961">
        <v>94</v>
      </c>
      <c r="T28961">
        <v>95</v>
      </c>
      <c r="U28961">
        <v>96</v>
      </c>
      <c r="V28961">
        <v>97</v>
      </c>
      <c r="W28961">
        <v>98</v>
      </c>
      <c r="X28961">
        <v>99</v>
      </c>
      <c r="Y28961">
        <v>100</v>
      </c>
      <c r="Z28961">
        <v>101</v>
      </c>
      <c r="AA28961">
        <v>102</v>
      </c>
      <c r="AB28961">
        <v>103</v>
      </c>
      <c r="AC28961">
        <v>104</v>
      </c>
      <c r="AD28961">
        <v>105</v>
      </c>
      <c r="AE28961">
        <v>106</v>
      </c>
      <c r="AF28961">
        <v>107</v>
      </c>
      <c r="AG28961">
        <v>108</v>
      </c>
      <c r="AH28961">
        <v>109</v>
      </c>
      <c r="AI28961">
        <v>110</v>
      </c>
      <c r="AJ28961">
        <v>111</v>
      </c>
      <c r="AK28961">
        <v>112</v>
      </c>
      <c r="AL28961">
        <v>112</v>
      </c>
      <c r="AM28961">
        <v>112</v>
      </c>
      <c r="AN28961">
        <v>112</v>
      </c>
      <c r="AO28961">
        <v>112</v>
      </c>
      <c r="AP28961">
        <v>112</v>
      </c>
      <c r="AQ28961">
        <v>112</v>
      </c>
    </row>
    <row r="28962" spans="1:43">
      <c r="A28962" t="s">
        <v>17929</v>
      </c>
      <c r="B28962" t="s">
        <v>17930</v>
      </c>
      <c r="C28962" t="s">
        <v>17931</v>
      </c>
      <c r="D28962" t="s">
        <v>17932</v>
      </c>
      <c r="E28962" t="s">
        <v>17915</v>
      </c>
      <c r="F28962" t="s">
        <v>17916</v>
      </c>
      <c r="G28962" t="s">
        <v>16559</v>
      </c>
      <c r="H28962" t="s">
        <v>16560</v>
      </c>
      <c r="I28962" s="2">
        <v>1</v>
      </c>
      <c r="J28962" s="2">
        <v>0</v>
      </c>
      <c r="K28962" s="2">
        <v>0</v>
      </c>
      <c r="L28962" t="s">
        <v>120</v>
      </c>
      <c r="M28962" t="s">
        <v>83</v>
      </c>
      <c r="N28962" t="s">
        <v>84</v>
      </c>
      <c r="O28962" t="s">
        <v>85</v>
      </c>
      <c r="P28962" t="s">
        <v>86</v>
      </c>
      <c r="Q28962">
        <v>14</v>
      </c>
      <c r="R28962">
        <v>14</v>
      </c>
      <c r="S28962">
        <v>14</v>
      </c>
      <c r="T28962">
        <v>14</v>
      </c>
      <c r="U28962">
        <v>15</v>
      </c>
      <c r="V28962">
        <v>15</v>
      </c>
      <c r="W28962">
        <v>15</v>
      </c>
      <c r="X28962">
        <v>15</v>
      </c>
      <c r="Y28962">
        <v>15</v>
      </c>
      <c r="Z28962">
        <v>15</v>
      </c>
      <c r="AA28962">
        <v>16</v>
      </c>
      <c r="AB28962">
        <v>16</v>
      </c>
      <c r="AC28962">
        <v>16</v>
      </c>
      <c r="AD28962">
        <v>16</v>
      </c>
      <c r="AE28962">
        <v>16</v>
      </c>
      <c r="AF28962">
        <v>16</v>
      </c>
      <c r="AG28962">
        <v>16</v>
      </c>
      <c r="AH28962">
        <v>17</v>
      </c>
      <c r="AI28962">
        <v>17</v>
      </c>
      <c r="AJ28962">
        <v>17</v>
      </c>
      <c r="AK28962">
        <v>17</v>
      </c>
      <c r="AL28962">
        <v>17</v>
      </c>
      <c r="AM28962">
        <v>17</v>
      </c>
      <c r="AN28962">
        <v>17</v>
      </c>
      <c r="AO28962">
        <v>17</v>
      </c>
      <c r="AP28962">
        <v>17</v>
      </c>
      <c r="AQ28962">
        <v>17</v>
      </c>
    </row>
    <row r="28963" spans="1:43">
      <c r="A28963" t="s">
        <v>17929</v>
      </c>
      <c r="B28963" t="s">
        <v>17930</v>
      </c>
      <c r="C28963" t="s">
        <v>17931</v>
      </c>
      <c r="D28963" t="s">
        <v>17932</v>
      </c>
      <c r="E28963" t="s">
        <v>17915</v>
      </c>
      <c r="F28963" t="s">
        <v>17916</v>
      </c>
      <c r="G28963" t="s">
        <v>16559</v>
      </c>
      <c r="H28963" t="s">
        <v>16560</v>
      </c>
      <c r="I28963" s="2">
        <v>1</v>
      </c>
      <c r="J28963" s="2">
        <v>0</v>
      </c>
      <c r="K28963" s="2">
        <v>0</v>
      </c>
      <c r="L28963" t="s">
        <v>120</v>
      </c>
      <c r="M28963" t="s">
        <v>87</v>
      </c>
      <c r="N28963" t="s">
        <v>88</v>
      </c>
      <c r="O28963" t="s">
        <v>85</v>
      </c>
      <c r="P28963" t="s">
        <v>86</v>
      </c>
      <c r="Q28963">
        <v>14</v>
      </c>
      <c r="R28963">
        <v>14</v>
      </c>
      <c r="S28963">
        <v>14</v>
      </c>
      <c r="T28963">
        <v>14</v>
      </c>
      <c r="U28963">
        <v>14</v>
      </c>
      <c r="V28963">
        <v>14</v>
      </c>
      <c r="W28963">
        <v>14</v>
      </c>
      <c r="X28963">
        <v>14</v>
      </c>
      <c r="Y28963">
        <v>14</v>
      </c>
      <c r="Z28963">
        <v>14</v>
      </c>
      <c r="AA28963">
        <v>14</v>
      </c>
      <c r="AB28963">
        <v>14</v>
      </c>
      <c r="AC28963">
        <v>14</v>
      </c>
      <c r="AD28963">
        <v>14</v>
      </c>
      <c r="AE28963">
        <v>14</v>
      </c>
      <c r="AF28963">
        <v>14</v>
      </c>
      <c r="AG28963">
        <v>14</v>
      </c>
      <c r="AH28963">
        <v>14</v>
      </c>
      <c r="AI28963">
        <v>14</v>
      </c>
      <c r="AJ28963">
        <v>15</v>
      </c>
      <c r="AK28963">
        <v>15</v>
      </c>
      <c r="AL28963">
        <v>15</v>
      </c>
      <c r="AM28963">
        <v>15</v>
      </c>
      <c r="AN28963">
        <v>15</v>
      </c>
      <c r="AO28963">
        <v>15</v>
      </c>
      <c r="AP28963">
        <v>15</v>
      </c>
      <c r="AQ28963">
        <v>15</v>
      </c>
    </row>
    <row r="28964" spans="1:43">
      <c r="A28964" t="s">
        <v>17929</v>
      </c>
      <c r="B28964" t="s">
        <v>17930</v>
      </c>
      <c r="C28964" t="s">
        <v>17931</v>
      </c>
      <c r="D28964" t="s">
        <v>17932</v>
      </c>
      <c r="E28964" t="s">
        <v>17915</v>
      </c>
      <c r="F28964" t="s">
        <v>17916</v>
      </c>
      <c r="G28964" t="s">
        <v>16559</v>
      </c>
      <c r="H28964" t="s">
        <v>16560</v>
      </c>
      <c r="I28964" s="2">
        <v>1</v>
      </c>
      <c r="J28964" s="2">
        <v>0</v>
      </c>
      <c r="K28964" s="2">
        <v>0</v>
      </c>
      <c r="L28964" t="s">
        <v>120</v>
      </c>
      <c r="M28964" t="s">
        <v>89</v>
      </c>
      <c r="N28964" t="s">
        <v>90</v>
      </c>
      <c r="O28964" t="s">
        <v>85</v>
      </c>
      <c r="P28964" t="s">
        <v>86</v>
      </c>
      <c r="Q28964">
        <v>14</v>
      </c>
      <c r="R28964">
        <v>14</v>
      </c>
      <c r="S28964">
        <v>15</v>
      </c>
      <c r="T28964">
        <v>15</v>
      </c>
      <c r="U28964">
        <v>15</v>
      </c>
      <c r="V28964">
        <v>15</v>
      </c>
      <c r="W28964">
        <v>16</v>
      </c>
      <c r="X28964">
        <v>16</v>
      </c>
      <c r="Y28964">
        <v>16</v>
      </c>
      <c r="Z28964">
        <v>16</v>
      </c>
      <c r="AA28964">
        <v>16</v>
      </c>
      <c r="AB28964">
        <v>17</v>
      </c>
      <c r="AC28964">
        <v>17</v>
      </c>
      <c r="AD28964">
        <v>17</v>
      </c>
      <c r="AE28964">
        <v>17</v>
      </c>
      <c r="AF28964">
        <v>17</v>
      </c>
      <c r="AG28964">
        <v>17</v>
      </c>
      <c r="AH28964">
        <v>17</v>
      </c>
      <c r="AI28964">
        <v>17</v>
      </c>
      <c r="AJ28964">
        <v>17</v>
      </c>
      <c r="AK28964">
        <v>17</v>
      </c>
      <c r="AL28964">
        <v>17</v>
      </c>
      <c r="AM28964">
        <v>17</v>
      </c>
      <c r="AN28964">
        <v>17</v>
      </c>
      <c r="AO28964">
        <v>17</v>
      </c>
      <c r="AP28964">
        <v>17</v>
      </c>
      <c r="AQ28964">
        <v>17</v>
      </c>
    </row>
    <row r="28965" spans="1:43">
      <c r="A28965" t="s">
        <v>17929</v>
      </c>
      <c r="B28965" t="s">
        <v>17930</v>
      </c>
      <c r="C28965" t="s">
        <v>17931</v>
      </c>
      <c r="D28965" t="s">
        <v>17932</v>
      </c>
      <c r="E28965" t="s">
        <v>17915</v>
      </c>
      <c r="F28965" t="s">
        <v>17916</v>
      </c>
      <c r="G28965" t="s">
        <v>16559</v>
      </c>
      <c r="H28965" t="s">
        <v>16560</v>
      </c>
      <c r="I28965" s="2">
        <v>1</v>
      </c>
      <c r="J28965" s="2">
        <v>0</v>
      </c>
      <c r="K28965" s="2">
        <v>0</v>
      </c>
      <c r="L28965" t="s">
        <v>120</v>
      </c>
      <c r="M28965" t="s">
        <v>83</v>
      </c>
      <c r="N28965" t="s">
        <v>91</v>
      </c>
      <c r="O28965" t="s">
        <v>85</v>
      </c>
      <c r="P28965" t="s">
        <v>86</v>
      </c>
      <c r="Q28965">
        <v>14</v>
      </c>
      <c r="R28965">
        <v>14</v>
      </c>
      <c r="S28965">
        <v>14</v>
      </c>
      <c r="T28965">
        <v>14</v>
      </c>
      <c r="U28965">
        <v>15</v>
      </c>
      <c r="V28965">
        <v>15</v>
      </c>
      <c r="W28965">
        <v>15</v>
      </c>
      <c r="X28965">
        <v>15</v>
      </c>
      <c r="Y28965">
        <v>15</v>
      </c>
      <c r="Z28965">
        <v>15</v>
      </c>
      <c r="AA28965">
        <v>16</v>
      </c>
      <c r="AB28965">
        <v>16</v>
      </c>
      <c r="AC28965">
        <v>16</v>
      </c>
      <c r="AD28965">
        <v>16</v>
      </c>
      <c r="AE28965">
        <v>16</v>
      </c>
      <c r="AF28965">
        <v>16</v>
      </c>
      <c r="AG28965">
        <v>16</v>
      </c>
      <c r="AH28965">
        <v>17</v>
      </c>
      <c r="AI28965">
        <v>17</v>
      </c>
      <c r="AJ28965">
        <v>17</v>
      </c>
      <c r="AK28965">
        <v>17</v>
      </c>
      <c r="AL28965">
        <v>17</v>
      </c>
      <c r="AM28965">
        <v>17</v>
      </c>
      <c r="AN28965">
        <v>17</v>
      </c>
      <c r="AO28965">
        <v>17</v>
      </c>
      <c r="AP28965">
        <v>17</v>
      </c>
      <c r="AQ28965">
        <v>17</v>
      </c>
    </row>
    <row r="28966" spans="1:43">
      <c r="A28966" t="s">
        <v>17933</v>
      </c>
      <c r="B28966" t="s">
        <v>17934</v>
      </c>
      <c r="C28966" t="s">
        <v>17931</v>
      </c>
      <c r="D28966" t="s">
        <v>17932</v>
      </c>
      <c r="E28966" t="s">
        <v>17915</v>
      </c>
      <c r="F28966" t="s">
        <v>17916</v>
      </c>
      <c r="G28966" t="s">
        <v>16559</v>
      </c>
      <c r="H28966" t="s">
        <v>16560</v>
      </c>
      <c r="I28966" s="2">
        <v>1</v>
      </c>
      <c r="J28966" s="2">
        <v>0</v>
      </c>
      <c r="K28966" s="2">
        <v>0</v>
      </c>
      <c r="L28966" t="s">
        <v>120</v>
      </c>
      <c r="M28966" t="s">
        <v>83</v>
      </c>
      <c r="N28966" t="s">
        <v>84</v>
      </c>
      <c r="O28966" t="s">
        <v>85</v>
      </c>
      <c r="P28966" t="s">
        <v>86</v>
      </c>
      <c r="Q28966">
        <v>31</v>
      </c>
      <c r="R28966">
        <v>31</v>
      </c>
      <c r="S28966">
        <v>32</v>
      </c>
      <c r="T28966">
        <v>32</v>
      </c>
      <c r="U28966">
        <v>33</v>
      </c>
      <c r="V28966">
        <v>33</v>
      </c>
      <c r="W28966">
        <v>33</v>
      </c>
      <c r="X28966">
        <v>34</v>
      </c>
      <c r="Y28966">
        <v>34</v>
      </c>
      <c r="Z28966">
        <v>34</v>
      </c>
      <c r="AA28966">
        <v>35</v>
      </c>
      <c r="AB28966">
        <v>35</v>
      </c>
      <c r="AC28966">
        <v>35</v>
      </c>
      <c r="AD28966">
        <v>36</v>
      </c>
      <c r="AE28966">
        <v>36</v>
      </c>
      <c r="AF28966">
        <v>36</v>
      </c>
      <c r="AG28966">
        <v>37</v>
      </c>
      <c r="AH28966">
        <v>37</v>
      </c>
      <c r="AI28966">
        <v>37</v>
      </c>
      <c r="AJ28966">
        <v>38</v>
      </c>
      <c r="AK28966">
        <v>38</v>
      </c>
      <c r="AL28966">
        <v>38</v>
      </c>
      <c r="AM28966">
        <v>38</v>
      </c>
      <c r="AN28966">
        <v>38</v>
      </c>
      <c r="AO28966">
        <v>38</v>
      </c>
      <c r="AP28966">
        <v>38</v>
      </c>
      <c r="AQ28966">
        <v>38</v>
      </c>
    </row>
    <row r="28967" spans="1:43">
      <c r="A28967" t="s">
        <v>17933</v>
      </c>
      <c r="B28967" t="s">
        <v>17934</v>
      </c>
      <c r="C28967" t="s">
        <v>17931</v>
      </c>
      <c r="D28967" t="s">
        <v>17932</v>
      </c>
      <c r="E28967" t="s">
        <v>17915</v>
      </c>
      <c r="F28967" t="s">
        <v>17916</v>
      </c>
      <c r="G28967" t="s">
        <v>16559</v>
      </c>
      <c r="H28967" t="s">
        <v>16560</v>
      </c>
      <c r="I28967" s="2">
        <v>1</v>
      </c>
      <c r="J28967" s="2">
        <v>0</v>
      </c>
      <c r="K28967" s="2">
        <v>0</v>
      </c>
      <c r="L28967" t="s">
        <v>120</v>
      </c>
      <c r="M28967" t="s">
        <v>87</v>
      </c>
      <c r="N28967" t="s">
        <v>88</v>
      </c>
      <c r="O28967" t="s">
        <v>85</v>
      </c>
      <c r="P28967" t="s">
        <v>86</v>
      </c>
      <c r="Q28967">
        <v>31</v>
      </c>
      <c r="R28967">
        <v>31</v>
      </c>
      <c r="S28967">
        <v>31</v>
      </c>
      <c r="T28967">
        <v>31</v>
      </c>
      <c r="U28967">
        <v>31</v>
      </c>
      <c r="V28967">
        <v>31</v>
      </c>
      <c r="W28967">
        <v>31</v>
      </c>
      <c r="X28967">
        <v>31</v>
      </c>
      <c r="Y28967">
        <v>32</v>
      </c>
      <c r="Z28967">
        <v>32</v>
      </c>
      <c r="AA28967">
        <v>32</v>
      </c>
      <c r="AB28967">
        <v>32</v>
      </c>
      <c r="AC28967">
        <v>32</v>
      </c>
      <c r="AD28967">
        <v>32</v>
      </c>
      <c r="AE28967">
        <v>32</v>
      </c>
      <c r="AF28967">
        <v>32</v>
      </c>
      <c r="AG28967">
        <v>32</v>
      </c>
      <c r="AH28967">
        <v>33</v>
      </c>
      <c r="AI28967">
        <v>33</v>
      </c>
      <c r="AJ28967">
        <v>33</v>
      </c>
      <c r="AK28967">
        <v>33</v>
      </c>
      <c r="AL28967">
        <v>33</v>
      </c>
      <c r="AM28967">
        <v>33</v>
      </c>
      <c r="AN28967">
        <v>33</v>
      </c>
      <c r="AO28967">
        <v>33</v>
      </c>
      <c r="AP28967">
        <v>33</v>
      </c>
      <c r="AQ28967">
        <v>33</v>
      </c>
    </row>
    <row r="28968" spans="1:43">
      <c r="A28968" t="s">
        <v>17933</v>
      </c>
      <c r="B28968" t="s">
        <v>17934</v>
      </c>
      <c r="C28968" t="s">
        <v>17931</v>
      </c>
      <c r="D28968" t="s">
        <v>17932</v>
      </c>
      <c r="E28968" t="s">
        <v>17915</v>
      </c>
      <c r="F28968" t="s">
        <v>17916</v>
      </c>
      <c r="G28968" t="s">
        <v>16559</v>
      </c>
      <c r="H28968" t="s">
        <v>16560</v>
      </c>
      <c r="I28968" s="2">
        <v>1</v>
      </c>
      <c r="J28968" s="2">
        <v>0</v>
      </c>
      <c r="K28968" s="2">
        <v>0</v>
      </c>
      <c r="L28968" t="s">
        <v>120</v>
      </c>
      <c r="M28968" t="s">
        <v>89</v>
      </c>
      <c r="N28968" t="s">
        <v>90</v>
      </c>
      <c r="O28968" t="s">
        <v>85</v>
      </c>
      <c r="P28968" t="s">
        <v>86</v>
      </c>
      <c r="Q28968">
        <v>31</v>
      </c>
      <c r="R28968">
        <v>32</v>
      </c>
      <c r="S28968">
        <v>33</v>
      </c>
      <c r="T28968">
        <v>33</v>
      </c>
      <c r="U28968">
        <v>34</v>
      </c>
      <c r="V28968">
        <v>34</v>
      </c>
      <c r="W28968">
        <v>35</v>
      </c>
      <c r="X28968">
        <v>35</v>
      </c>
      <c r="Y28968">
        <v>36</v>
      </c>
      <c r="Z28968">
        <v>36</v>
      </c>
      <c r="AA28968">
        <v>37</v>
      </c>
      <c r="AB28968">
        <v>37</v>
      </c>
      <c r="AC28968">
        <v>38</v>
      </c>
      <c r="AD28968">
        <v>38</v>
      </c>
      <c r="AE28968">
        <v>39</v>
      </c>
      <c r="AF28968">
        <v>39</v>
      </c>
      <c r="AG28968">
        <v>38</v>
      </c>
      <c r="AH28968">
        <v>38</v>
      </c>
      <c r="AI28968">
        <v>38</v>
      </c>
      <c r="AJ28968">
        <v>38</v>
      </c>
      <c r="AK28968">
        <v>38</v>
      </c>
      <c r="AL28968">
        <v>38</v>
      </c>
      <c r="AM28968">
        <v>38</v>
      </c>
      <c r="AN28968">
        <v>38</v>
      </c>
      <c r="AO28968">
        <v>38</v>
      </c>
      <c r="AP28968">
        <v>38</v>
      </c>
      <c r="AQ28968">
        <v>38</v>
      </c>
    </row>
    <row r="28969" spans="1:43">
      <c r="A28969" t="s">
        <v>17933</v>
      </c>
      <c r="B28969" t="s">
        <v>17934</v>
      </c>
      <c r="C28969" t="s">
        <v>17931</v>
      </c>
      <c r="D28969" t="s">
        <v>17932</v>
      </c>
      <c r="E28969" t="s">
        <v>17915</v>
      </c>
      <c r="F28969" t="s">
        <v>17916</v>
      </c>
      <c r="G28969" t="s">
        <v>16559</v>
      </c>
      <c r="H28969" t="s">
        <v>16560</v>
      </c>
      <c r="I28969" s="2">
        <v>1</v>
      </c>
      <c r="J28969" s="2">
        <v>0</v>
      </c>
      <c r="K28969" s="2">
        <v>0</v>
      </c>
      <c r="L28969" t="s">
        <v>120</v>
      </c>
      <c r="M28969" t="s">
        <v>83</v>
      </c>
      <c r="N28969" t="s">
        <v>91</v>
      </c>
      <c r="O28969" t="s">
        <v>85</v>
      </c>
      <c r="P28969" t="s">
        <v>86</v>
      </c>
      <c r="Q28969">
        <v>31</v>
      </c>
      <c r="R28969">
        <v>31</v>
      </c>
      <c r="S28969">
        <v>32</v>
      </c>
      <c r="T28969">
        <v>32</v>
      </c>
      <c r="U28969">
        <v>33</v>
      </c>
      <c r="V28969">
        <v>33</v>
      </c>
      <c r="W28969">
        <v>33</v>
      </c>
      <c r="X28969">
        <v>34</v>
      </c>
      <c r="Y28969">
        <v>34</v>
      </c>
      <c r="Z28969">
        <v>34</v>
      </c>
      <c r="AA28969">
        <v>35</v>
      </c>
      <c r="AB28969">
        <v>35</v>
      </c>
      <c r="AC28969">
        <v>35</v>
      </c>
      <c r="AD28969">
        <v>36</v>
      </c>
      <c r="AE28969">
        <v>36</v>
      </c>
      <c r="AF28969">
        <v>36</v>
      </c>
      <c r="AG28969">
        <v>37</v>
      </c>
      <c r="AH28969">
        <v>37</v>
      </c>
      <c r="AI28969">
        <v>37</v>
      </c>
      <c r="AJ28969">
        <v>38</v>
      </c>
      <c r="AK28969">
        <v>38</v>
      </c>
      <c r="AL28969">
        <v>38</v>
      </c>
      <c r="AM28969">
        <v>38</v>
      </c>
      <c r="AN28969">
        <v>38</v>
      </c>
      <c r="AO28969">
        <v>38</v>
      </c>
      <c r="AP28969">
        <v>38</v>
      </c>
      <c r="AQ28969">
        <v>38</v>
      </c>
    </row>
    <row r="28970" spans="1:43">
      <c r="A28970" t="s">
        <v>17935</v>
      </c>
      <c r="B28970" t="s">
        <v>17936</v>
      </c>
      <c r="C28970" t="s">
        <v>17931</v>
      </c>
      <c r="D28970" t="s">
        <v>17932</v>
      </c>
      <c r="E28970" t="s">
        <v>17915</v>
      </c>
      <c r="F28970" t="s">
        <v>17916</v>
      </c>
      <c r="G28970" t="s">
        <v>16559</v>
      </c>
      <c r="H28970" t="s">
        <v>16560</v>
      </c>
      <c r="I28970" s="2">
        <v>1</v>
      </c>
      <c r="J28970" s="2">
        <v>0</v>
      </c>
      <c r="K28970" s="2">
        <v>0</v>
      </c>
      <c r="L28970" t="s">
        <v>120</v>
      </c>
      <c r="M28970" t="s">
        <v>83</v>
      </c>
      <c r="N28970" t="s">
        <v>84</v>
      </c>
      <c r="O28970" t="s">
        <v>85</v>
      </c>
      <c r="P28970" t="s">
        <v>86</v>
      </c>
      <c r="Q28970">
        <v>25</v>
      </c>
      <c r="R28970">
        <v>25</v>
      </c>
      <c r="S28970">
        <v>26</v>
      </c>
      <c r="T28970">
        <v>26</v>
      </c>
      <c r="U28970">
        <v>26</v>
      </c>
      <c r="V28970">
        <v>26</v>
      </c>
      <c r="W28970">
        <v>27</v>
      </c>
      <c r="X28970">
        <v>27</v>
      </c>
      <c r="Y28970">
        <v>27</v>
      </c>
      <c r="Z28970">
        <v>28</v>
      </c>
      <c r="AA28970">
        <v>28</v>
      </c>
      <c r="AB28970">
        <v>28</v>
      </c>
      <c r="AC28970">
        <v>28</v>
      </c>
      <c r="AD28970">
        <v>29</v>
      </c>
      <c r="AE28970">
        <v>29</v>
      </c>
      <c r="AF28970">
        <v>29</v>
      </c>
      <c r="AG28970">
        <v>29</v>
      </c>
      <c r="AH28970">
        <v>30</v>
      </c>
      <c r="AI28970">
        <v>30</v>
      </c>
      <c r="AJ28970">
        <v>30</v>
      </c>
      <c r="AK28970">
        <v>30</v>
      </c>
      <c r="AL28970">
        <v>30</v>
      </c>
      <c r="AM28970">
        <v>30</v>
      </c>
      <c r="AN28970">
        <v>30</v>
      </c>
      <c r="AO28970">
        <v>30</v>
      </c>
      <c r="AP28970">
        <v>30</v>
      </c>
      <c r="AQ28970">
        <v>30</v>
      </c>
    </row>
    <row r="28971" spans="1:43">
      <c r="A28971" t="s">
        <v>17935</v>
      </c>
      <c r="B28971" t="s">
        <v>17936</v>
      </c>
      <c r="C28971" t="s">
        <v>17931</v>
      </c>
      <c r="D28971" t="s">
        <v>17932</v>
      </c>
      <c r="E28971" t="s">
        <v>17915</v>
      </c>
      <c r="F28971" t="s">
        <v>17916</v>
      </c>
      <c r="G28971" t="s">
        <v>16559</v>
      </c>
      <c r="H28971" t="s">
        <v>16560</v>
      </c>
      <c r="I28971" s="2">
        <v>1</v>
      </c>
      <c r="J28971" s="2">
        <v>0</v>
      </c>
      <c r="K28971" s="2">
        <v>0</v>
      </c>
      <c r="L28971" t="s">
        <v>120</v>
      </c>
      <c r="M28971" t="s">
        <v>87</v>
      </c>
      <c r="N28971" t="s">
        <v>88</v>
      </c>
      <c r="O28971" t="s">
        <v>85</v>
      </c>
      <c r="P28971" t="s">
        <v>86</v>
      </c>
      <c r="Q28971">
        <v>25</v>
      </c>
      <c r="R28971">
        <v>25</v>
      </c>
      <c r="S28971">
        <v>25</v>
      </c>
      <c r="T28971">
        <v>25</v>
      </c>
      <c r="U28971">
        <v>25</v>
      </c>
      <c r="V28971">
        <v>25</v>
      </c>
      <c r="W28971">
        <v>25</v>
      </c>
      <c r="X28971">
        <v>25</v>
      </c>
      <c r="Y28971">
        <v>25</v>
      </c>
      <c r="Z28971">
        <v>25</v>
      </c>
      <c r="AA28971">
        <v>25</v>
      </c>
      <c r="AB28971">
        <v>26</v>
      </c>
      <c r="AC28971">
        <v>26</v>
      </c>
      <c r="AD28971">
        <v>26</v>
      </c>
      <c r="AE28971">
        <v>26</v>
      </c>
      <c r="AF28971">
        <v>26</v>
      </c>
      <c r="AG28971">
        <v>26</v>
      </c>
      <c r="AH28971">
        <v>26</v>
      </c>
      <c r="AI28971">
        <v>26</v>
      </c>
      <c r="AJ28971">
        <v>26</v>
      </c>
      <c r="AK28971">
        <v>26</v>
      </c>
      <c r="AL28971">
        <v>26</v>
      </c>
      <c r="AM28971">
        <v>26</v>
      </c>
      <c r="AN28971">
        <v>27</v>
      </c>
      <c r="AO28971">
        <v>27</v>
      </c>
      <c r="AP28971">
        <v>27</v>
      </c>
      <c r="AQ28971">
        <v>27</v>
      </c>
    </row>
    <row r="28972" spans="1:43">
      <c r="A28972" t="s">
        <v>17935</v>
      </c>
      <c r="B28972" t="s">
        <v>17936</v>
      </c>
      <c r="C28972" t="s">
        <v>17931</v>
      </c>
      <c r="D28972" t="s">
        <v>17932</v>
      </c>
      <c r="E28972" t="s">
        <v>17915</v>
      </c>
      <c r="F28972" t="s">
        <v>17916</v>
      </c>
      <c r="G28972" t="s">
        <v>16559</v>
      </c>
      <c r="H28972" t="s">
        <v>16560</v>
      </c>
      <c r="I28972" s="2">
        <v>1</v>
      </c>
      <c r="J28972" s="2">
        <v>0</v>
      </c>
      <c r="K28972" s="2">
        <v>0</v>
      </c>
      <c r="L28972" t="s">
        <v>120</v>
      </c>
      <c r="M28972" t="s">
        <v>89</v>
      </c>
      <c r="N28972" t="s">
        <v>90</v>
      </c>
      <c r="O28972" t="s">
        <v>85</v>
      </c>
      <c r="P28972" t="s">
        <v>86</v>
      </c>
      <c r="Q28972">
        <v>25</v>
      </c>
      <c r="R28972">
        <v>26</v>
      </c>
      <c r="S28972">
        <v>26</v>
      </c>
      <c r="T28972">
        <v>27</v>
      </c>
      <c r="U28972">
        <v>27</v>
      </c>
      <c r="V28972">
        <v>28</v>
      </c>
      <c r="W28972">
        <v>28</v>
      </c>
      <c r="X28972">
        <v>28</v>
      </c>
      <c r="Y28972">
        <v>29</v>
      </c>
      <c r="Z28972">
        <v>29</v>
      </c>
      <c r="AA28972">
        <v>30</v>
      </c>
      <c r="AB28972">
        <v>30</v>
      </c>
      <c r="AC28972">
        <v>30</v>
      </c>
      <c r="AD28972">
        <v>31</v>
      </c>
      <c r="AE28972">
        <v>31</v>
      </c>
      <c r="AF28972">
        <v>31</v>
      </c>
      <c r="AG28972">
        <v>31</v>
      </c>
      <c r="AH28972">
        <v>31</v>
      </c>
      <c r="AI28972">
        <v>31</v>
      </c>
      <c r="AJ28972">
        <v>31</v>
      </c>
      <c r="AK28972">
        <v>31</v>
      </c>
      <c r="AL28972">
        <v>31</v>
      </c>
      <c r="AM28972">
        <v>31</v>
      </c>
      <c r="AN28972">
        <v>31</v>
      </c>
      <c r="AO28972">
        <v>31</v>
      </c>
      <c r="AP28972">
        <v>31</v>
      </c>
      <c r="AQ28972">
        <v>31</v>
      </c>
    </row>
    <row r="28973" spans="1:43">
      <c r="A28973" t="s">
        <v>17935</v>
      </c>
      <c r="B28973" t="s">
        <v>17936</v>
      </c>
      <c r="C28973" t="s">
        <v>17931</v>
      </c>
      <c r="D28973" t="s">
        <v>17932</v>
      </c>
      <c r="E28973" t="s">
        <v>17915</v>
      </c>
      <c r="F28973" t="s">
        <v>17916</v>
      </c>
      <c r="G28973" t="s">
        <v>16559</v>
      </c>
      <c r="H28973" t="s">
        <v>16560</v>
      </c>
      <c r="I28973" s="2">
        <v>1</v>
      </c>
      <c r="J28973" s="2">
        <v>0</v>
      </c>
      <c r="K28973" s="2">
        <v>0</v>
      </c>
      <c r="L28973" t="s">
        <v>120</v>
      </c>
      <c r="M28973" t="s">
        <v>83</v>
      </c>
      <c r="N28973" t="s">
        <v>91</v>
      </c>
      <c r="O28973" t="s">
        <v>85</v>
      </c>
      <c r="P28973" t="s">
        <v>86</v>
      </c>
      <c r="Q28973">
        <v>25</v>
      </c>
      <c r="R28973">
        <v>25</v>
      </c>
      <c r="S28973">
        <v>26</v>
      </c>
      <c r="T28973">
        <v>26</v>
      </c>
      <c r="U28973">
        <v>26</v>
      </c>
      <c r="V28973">
        <v>26</v>
      </c>
      <c r="W28973">
        <v>27</v>
      </c>
      <c r="X28973">
        <v>27</v>
      </c>
      <c r="Y28973">
        <v>27</v>
      </c>
      <c r="Z28973">
        <v>28</v>
      </c>
      <c r="AA28973">
        <v>28</v>
      </c>
      <c r="AB28973">
        <v>28</v>
      </c>
      <c r="AC28973">
        <v>28</v>
      </c>
      <c r="AD28973">
        <v>29</v>
      </c>
      <c r="AE28973">
        <v>29</v>
      </c>
      <c r="AF28973">
        <v>29</v>
      </c>
      <c r="AG28973">
        <v>29</v>
      </c>
      <c r="AH28973">
        <v>30</v>
      </c>
      <c r="AI28973">
        <v>30</v>
      </c>
      <c r="AJ28973">
        <v>30</v>
      </c>
      <c r="AK28973">
        <v>30</v>
      </c>
      <c r="AL28973">
        <v>30</v>
      </c>
      <c r="AM28973">
        <v>30</v>
      </c>
      <c r="AN28973">
        <v>30</v>
      </c>
      <c r="AO28973">
        <v>30</v>
      </c>
      <c r="AP28973">
        <v>30</v>
      </c>
      <c r="AQ28973">
        <v>30</v>
      </c>
    </row>
    <row r="28974" spans="1:43">
      <c r="A28974" t="s">
        <v>17937</v>
      </c>
      <c r="B28974" t="s">
        <v>17938</v>
      </c>
      <c r="C28974" t="s">
        <v>17931</v>
      </c>
      <c r="D28974" t="s">
        <v>17932</v>
      </c>
      <c r="E28974" t="s">
        <v>17915</v>
      </c>
      <c r="F28974" t="s">
        <v>17916</v>
      </c>
      <c r="G28974" t="s">
        <v>16559</v>
      </c>
      <c r="H28974" t="s">
        <v>16560</v>
      </c>
      <c r="I28974" s="2">
        <v>1</v>
      </c>
      <c r="J28974" s="2">
        <v>0</v>
      </c>
      <c r="K28974" s="2">
        <v>0</v>
      </c>
      <c r="L28974" t="s">
        <v>120</v>
      </c>
      <c r="M28974" t="s">
        <v>83</v>
      </c>
      <c r="N28974" t="s">
        <v>84</v>
      </c>
      <c r="O28974" t="s">
        <v>85</v>
      </c>
      <c r="P28974" t="s">
        <v>86</v>
      </c>
      <c r="Q28974">
        <v>73</v>
      </c>
      <c r="R28974">
        <v>74</v>
      </c>
      <c r="S28974">
        <v>75</v>
      </c>
      <c r="T28974">
        <v>76</v>
      </c>
      <c r="U28974">
        <v>77</v>
      </c>
      <c r="V28974">
        <v>78</v>
      </c>
      <c r="W28974">
        <v>78</v>
      </c>
      <c r="X28974">
        <v>79</v>
      </c>
      <c r="Y28974">
        <v>80</v>
      </c>
      <c r="Z28974">
        <v>81</v>
      </c>
      <c r="AA28974">
        <v>82</v>
      </c>
      <c r="AB28974">
        <v>82</v>
      </c>
      <c r="AC28974">
        <v>83</v>
      </c>
      <c r="AD28974">
        <v>84</v>
      </c>
      <c r="AE28974">
        <v>84</v>
      </c>
      <c r="AF28974">
        <v>85</v>
      </c>
      <c r="AG28974">
        <v>86</v>
      </c>
      <c r="AH28974">
        <v>87</v>
      </c>
      <c r="AI28974">
        <v>87</v>
      </c>
      <c r="AJ28974">
        <v>88</v>
      </c>
      <c r="AK28974">
        <v>89</v>
      </c>
      <c r="AL28974">
        <v>89</v>
      </c>
      <c r="AM28974">
        <v>89</v>
      </c>
      <c r="AN28974">
        <v>89</v>
      </c>
      <c r="AO28974">
        <v>88</v>
      </c>
      <c r="AP28974">
        <v>88</v>
      </c>
      <c r="AQ28974">
        <v>88</v>
      </c>
    </row>
    <row r="28975" spans="1:43">
      <c r="A28975" t="s">
        <v>17937</v>
      </c>
      <c r="B28975" t="s">
        <v>17938</v>
      </c>
      <c r="C28975" t="s">
        <v>17931</v>
      </c>
      <c r="D28975" t="s">
        <v>17932</v>
      </c>
      <c r="E28975" t="s">
        <v>17915</v>
      </c>
      <c r="F28975" t="s">
        <v>17916</v>
      </c>
      <c r="G28975" t="s">
        <v>16559</v>
      </c>
      <c r="H28975" t="s">
        <v>16560</v>
      </c>
      <c r="I28975" s="2">
        <v>1</v>
      </c>
      <c r="J28975" s="2">
        <v>0</v>
      </c>
      <c r="K28975" s="2">
        <v>0</v>
      </c>
      <c r="L28975" t="s">
        <v>120</v>
      </c>
      <c r="M28975" t="s">
        <v>87</v>
      </c>
      <c r="N28975" t="s">
        <v>88</v>
      </c>
      <c r="O28975" t="s">
        <v>85</v>
      </c>
      <c r="P28975" t="s">
        <v>86</v>
      </c>
      <c r="Q28975">
        <v>73</v>
      </c>
      <c r="R28975">
        <v>73</v>
      </c>
      <c r="S28975">
        <v>73</v>
      </c>
      <c r="T28975">
        <v>73</v>
      </c>
      <c r="U28975">
        <v>73</v>
      </c>
      <c r="V28975">
        <v>73</v>
      </c>
      <c r="W28975">
        <v>74</v>
      </c>
      <c r="X28975">
        <v>74</v>
      </c>
      <c r="Y28975">
        <v>74</v>
      </c>
      <c r="Z28975">
        <v>74</v>
      </c>
      <c r="AA28975">
        <v>74</v>
      </c>
      <c r="AB28975">
        <v>75</v>
      </c>
      <c r="AC28975">
        <v>75</v>
      </c>
      <c r="AD28975">
        <v>75</v>
      </c>
      <c r="AE28975">
        <v>75</v>
      </c>
      <c r="AF28975">
        <v>75</v>
      </c>
      <c r="AG28975">
        <v>75</v>
      </c>
      <c r="AH28975">
        <v>76</v>
      </c>
      <c r="AI28975">
        <v>76</v>
      </c>
      <c r="AJ28975">
        <v>76</v>
      </c>
      <c r="AK28975">
        <v>76</v>
      </c>
      <c r="AL28975">
        <v>76</v>
      </c>
      <c r="AM28975">
        <v>76</v>
      </c>
      <c r="AN28975">
        <v>76</v>
      </c>
      <c r="AO28975">
        <v>77</v>
      </c>
      <c r="AP28975">
        <v>77</v>
      </c>
      <c r="AQ28975">
        <v>77</v>
      </c>
    </row>
    <row r="28976" spans="1:43">
      <c r="A28976" t="s">
        <v>17937</v>
      </c>
      <c r="B28976" t="s">
        <v>17938</v>
      </c>
      <c r="C28976" t="s">
        <v>17931</v>
      </c>
      <c r="D28976" t="s">
        <v>17932</v>
      </c>
      <c r="E28976" t="s">
        <v>17915</v>
      </c>
      <c r="F28976" t="s">
        <v>17916</v>
      </c>
      <c r="G28976" t="s">
        <v>16559</v>
      </c>
      <c r="H28976" t="s">
        <v>16560</v>
      </c>
      <c r="I28976" s="2">
        <v>1</v>
      </c>
      <c r="J28976" s="2">
        <v>0</v>
      </c>
      <c r="K28976" s="2">
        <v>0</v>
      </c>
      <c r="L28976" t="s">
        <v>120</v>
      </c>
      <c r="M28976" t="s">
        <v>89</v>
      </c>
      <c r="N28976" t="s">
        <v>90</v>
      </c>
      <c r="O28976" t="s">
        <v>85</v>
      </c>
      <c r="P28976" t="s">
        <v>86</v>
      </c>
      <c r="Q28976">
        <v>73</v>
      </c>
      <c r="R28976">
        <v>74</v>
      </c>
      <c r="S28976">
        <v>76</v>
      </c>
      <c r="T28976">
        <v>77</v>
      </c>
      <c r="U28976">
        <v>79</v>
      </c>
      <c r="V28976">
        <v>80</v>
      </c>
      <c r="W28976">
        <v>81</v>
      </c>
      <c r="X28976">
        <v>82</v>
      </c>
      <c r="Y28976">
        <v>84</v>
      </c>
      <c r="Z28976">
        <v>85</v>
      </c>
      <c r="AA28976">
        <v>86</v>
      </c>
      <c r="AB28976">
        <v>87</v>
      </c>
      <c r="AC28976">
        <v>88</v>
      </c>
      <c r="AD28976">
        <v>89</v>
      </c>
      <c r="AE28976">
        <v>89</v>
      </c>
      <c r="AF28976">
        <v>89</v>
      </c>
      <c r="AG28976">
        <v>89</v>
      </c>
      <c r="AH28976">
        <v>89</v>
      </c>
      <c r="AI28976">
        <v>89</v>
      </c>
      <c r="AJ28976">
        <v>89</v>
      </c>
      <c r="AK28976">
        <v>89</v>
      </c>
      <c r="AL28976">
        <v>89</v>
      </c>
      <c r="AM28976">
        <v>88</v>
      </c>
      <c r="AN28976">
        <v>88</v>
      </c>
      <c r="AO28976">
        <v>88</v>
      </c>
      <c r="AP28976">
        <v>88</v>
      </c>
      <c r="AQ28976">
        <v>88</v>
      </c>
    </row>
    <row r="28977" spans="1:43">
      <c r="A28977" t="s">
        <v>17937</v>
      </c>
      <c r="B28977" t="s">
        <v>17938</v>
      </c>
      <c r="C28977" t="s">
        <v>17931</v>
      </c>
      <c r="D28977" t="s">
        <v>17932</v>
      </c>
      <c r="E28977" t="s">
        <v>17915</v>
      </c>
      <c r="F28977" t="s">
        <v>17916</v>
      </c>
      <c r="G28977" t="s">
        <v>16559</v>
      </c>
      <c r="H28977" t="s">
        <v>16560</v>
      </c>
      <c r="I28977" s="2">
        <v>1</v>
      </c>
      <c r="J28977" s="2">
        <v>0</v>
      </c>
      <c r="K28977" s="2">
        <v>0</v>
      </c>
      <c r="L28977" t="s">
        <v>120</v>
      </c>
      <c r="M28977" t="s">
        <v>83</v>
      </c>
      <c r="N28977" t="s">
        <v>91</v>
      </c>
      <c r="O28977" t="s">
        <v>85</v>
      </c>
      <c r="P28977" t="s">
        <v>86</v>
      </c>
      <c r="Q28977">
        <v>73</v>
      </c>
      <c r="R28977">
        <v>74</v>
      </c>
      <c r="S28977">
        <v>75</v>
      </c>
      <c r="T28977">
        <v>76</v>
      </c>
      <c r="U28977">
        <v>77</v>
      </c>
      <c r="V28977">
        <v>78</v>
      </c>
      <c r="W28977">
        <v>78</v>
      </c>
      <c r="X28977">
        <v>79</v>
      </c>
      <c r="Y28977">
        <v>80</v>
      </c>
      <c r="Z28977">
        <v>81</v>
      </c>
      <c r="AA28977">
        <v>82</v>
      </c>
      <c r="AB28977">
        <v>82</v>
      </c>
      <c r="AC28977">
        <v>83</v>
      </c>
      <c r="AD28977">
        <v>84</v>
      </c>
      <c r="AE28977">
        <v>84</v>
      </c>
      <c r="AF28977">
        <v>85</v>
      </c>
      <c r="AG28977">
        <v>86</v>
      </c>
      <c r="AH28977">
        <v>87</v>
      </c>
      <c r="AI28977">
        <v>87</v>
      </c>
      <c r="AJ28977">
        <v>88</v>
      </c>
      <c r="AK28977">
        <v>89</v>
      </c>
      <c r="AL28977">
        <v>89</v>
      </c>
      <c r="AM28977">
        <v>89</v>
      </c>
      <c r="AN28977">
        <v>89</v>
      </c>
      <c r="AO28977">
        <v>88</v>
      </c>
      <c r="AP28977">
        <v>88</v>
      </c>
      <c r="AQ28977">
        <v>88</v>
      </c>
    </row>
    <row r="28978" spans="1:43">
      <c r="A28978" t="s">
        <v>17939</v>
      </c>
      <c r="B28978" t="s">
        <v>17940</v>
      </c>
      <c r="C28978" t="s">
        <v>17941</v>
      </c>
      <c r="D28978" t="s">
        <v>17942</v>
      </c>
      <c r="E28978" t="s">
        <v>17915</v>
      </c>
      <c r="F28978" t="s">
        <v>17916</v>
      </c>
      <c r="G28978" t="s">
        <v>16559</v>
      </c>
      <c r="H28978" t="s">
        <v>16560</v>
      </c>
      <c r="I28978" s="2">
        <v>1</v>
      </c>
      <c r="J28978" s="2">
        <v>0</v>
      </c>
      <c r="K28978" s="2">
        <v>0</v>
      </c>
      <c r="L28978" t="s">
        <v>120</v>
      </c>
      <c r="M28978" t="s">
        <v>83</v>
      </c>
      <c r="N28978" t="s">
        <v>84</v>
      </c>
      <c r="O28978" t="s">
        <v>85</v>
      </c>
      <c r="P28978" t="s">
        <v>86</v>
      </c>
      <c r="Q28978">
        <v>20</v>
      </c>
      <c r="R28978">
        <v>20</v>
      </c>
      <c r="S28978">
        <v>20</v>
      </c>
      <c r="T28978">
        <v>21</v>
      </c>
      <c r="U28978">
        <v>21</v>
      </c>
      <c r="V28978">
        <v>21</v>
      </c>
      <c r="W28978">
        <v>21</v>
      </c>
      <c r="X28978">
        <v>21</v>
      </c>
      <c r="Y28978">
        <v>22</v>
      </c>
      <c r="Z28978">
        <v>22</v>
      </c>
      <c r="AA28978">
        <v>22</v>
      </c>
      <c r="AB28978">
        <v>22</v>
      </c>
      <c r="AC28978">
        <v>22</v>
      </c>
      <c r="AD28978">
        <v>23</v>
      </c>
      <c r="AE28978">
        <v>23</v>
      </c>
      <c r="AF28978">
        <v>23</v>
      </c>
      <c r="AG28978">
        <v>23</v>
      </c>
      <c r="AH28978">
        <v>23</v>
      </c>
      <c r="AI28978">
        <v>24</v>
      </c>
      <c r="AJ28978">
        <v>24</v>
      </c>
      <c r="AK28978">
        <v>24</v>
      </c>
      <c r="AL28978">
        <v>24</v>
      </c>
      <c r="AM28978">
        <v>24</v>
      </c>
      <c r="AN28978">
        <v>24</v>
      </c>
      <c r="AO28978">
        <v>24</v>
      </c>
      <c r="AP28978">
        <v>24</v>
      </c>
      <c r="AQ28978">
        <v>24</v>
      </c>
    </row>
    <row r="28979" spans="1:43">
      <c r="A28979" t="s">
        <v>17939</v>
      </c>
      <c r="B28979" t="s">
        <v>17940</v>
      </c>
      <c r="C28979" t="s">
        <v>17941</v>
      </c>
      <c r="D28979" t="s">
        <v>17942</v>
      </c>
      <c r="E28979" t="s">
        <v>17915</v>
      </c>
      <c r="F28979" t="s">
        <v>17916</v>
      </c>
      <c r="G28979" t="s">
        <v>16559</v>
      </c>
      <c r="H28979" t="s">
        <v>16560</v>
      </c>
      <c r="I28979" s="2">
        <v>1</v>
      </c>
      <c r="J28979" s="2">
        <v>0</v>
      </c>
      <c r="K28979" s="2">
        <v>0</v>
      </c>
      <c r="L28979" t="s">
        <v>120</v>
      </c>
      <c r="M28979" t="s">
        <v>87</v>
      </c>
      <c r="N28979" t="s">
        <v>88</v>
      </c>
      <c r="O28979" t="s">
        <v>85</v>
      </c>
      <c r="P28979" t="s">
        <v>86</v>
      </c>
      <c r="Q28979">
        <v>20</v>
      </c>
      <c r="R28979">
        <v>20</v>
      </c>
      <c r="S28979">
        <v>20</v>
      </c>
      <c r="T28979">
        <v>20</v>
      </c>
      <c r="U28979">
        <v>20</v>
      </c>
      <c r="V28979">
        <v>20</v>
      </c>
      <c r="W28979">
        <v>20</v>
      </c>
      <c r="X28979">
        <v>20</v>
      </c>
      <c r="Y28979">
        <v>20</v>
      </c>
      <c r="Z28979">
        <v>20</v>
      </c>
      <c r="AA28979">
        <v>20</v>
      </c>
      <c r="AB28979">
        <v>20</v>
      </c>
      <c r="AC28979">
        <v>20</v>
      </c>
      <c r="AD28979">
        <v>20</v>
      </c>
      <c r="AE28979">
        <v>20</v>
      </c>
      <c r="AF28979">
        <v>20</v>
      </c>
      <c r="AG28979">
        <v>20</v>
      </c>
      <c r="AH28979">
        <v>20</v>
      </c>
      <c r="AI28979">
        <v>21</v>
      </c>
      <c r="AJ28979">
        <v>21</v>
      </c>
      <c r="AK28979">
        <v>21</v>
      </c>
      <c r="AL28979">
        <v>21</v>
      </c>
      <c r="AM28979">
        <v>21</v>
      </c>
      <c r="AN28979">
        <v>21</v>
      </c>
      <c r="AO28979">
        <v>21</v>
      </c>
      <c r="AP28979">
        <v>21</v>
      </c>
      <c r="AQ28979">
        <v>21</v>
      </c>
    </row>
    <row r="28980" spans="1:43">
      <c r="A28980" t="s">
        <v>17939</v>
      </c>
      <c r="B28980" t="s">
        <v>17940</v>
      </c>
      <c r="C28980" t="s">
        <v>17941</v>
      </c>
      <c r="D28980" t="s">
        <v>17942</v>
      </c>
      <c r="E28980" t="s">
        <v>17915</v>
      </c>
      <c r="F28980" t="s">
        <v>17916</v>
      </c>
      <c r="G28980" t="s">
        <v>16559</v>
      </c>
      <c r="H28980" t="s">
        <v>16560</v>
      </c>
      <c r="I28980" s="2">
        <v>1</v>
      </c>
      <c r="J28980" s="2">
        <v>0</v>
      </c>
      <c r="K28980" s="2">
        <v>0</v>
      </c>
      <c r="L28980" t="s">
        <v>120</v>
      </c>
      <c r="M28980" t="s">
        <v>89</v>
      </c>
      <c r="N28980" t="s">
        <v>90</v>
      </c>
      <c r="O28980" t="s">
        <v>85</v>
      </c>
      <c r="P28980" t="s">
        <v>86</v>
      </c>
      <c r="Q28980">
        <v>20</v>
      </c>
      <c r="R28980">
        <v>20</v>
      </c>
      <c r="S28980">
        <v>21</v>
      </c>
      <c r="T28980">
        <v>21</v>
      </c>
      <c r="U28980">
        <v>22</v>
      </c>
      <c r="V28980">
        <v>22</v>
      </c>
      <c r="W28980">
        <v>22</v>
      </c>
      <c r="X28980">
        <v>23</v>
      </c>
      <c r="Y28980">
        <v>23</v>
      </c>
      <c r="Z28980">
        <v>23</v>
      </c>
      <c r="AA28980">
        <v>23</v>
      </c>
      <c r="AB28980">
        <v>24</v>
      </c>
      <c r="AC28980">
        <v>24</v>
      </c>
      <c r="AD28980">
        <v>24</v>
      </c>
      <c r="AE28980">
        <v>24</v>
      </c>
      <c r="AF28980">
        <v>24</v>
      </c>
      <c r="AG28980">
        <v>24</v>
      </c>
      <c r="AH28980">
        <v>24</v>
      </c>
      <c r="AI28980">
        <v>24</v>
      </c>
      <c r="AJ28980">
        <v>24</v>
      </c>
      <c r="AK28980">
        <v>24</v>
      </c>
      <c r="AL28980">
        <v>24</v>
      </c>
      <c r="AM28980">
        <v>24</v>
      </c>
      <c r="AN28980">
        <v>24</v>
      </c>
      <c r="AO28980">
        <v>24</v>
      </c>
      <c r="AP28980">
        <v>24</v>
      </c>
      <c r="AQ28980">
        <v>24</v>
      </c>
    </row>
    <row r="28981" spans="1:43">
      <c r="A28981" t="s">
        <v>17939</v>
      </c>
      <c r="B28981" t="s">
        <v>17940</v>
      </c>
      <c r="C28981" t="s">
        <v>17941</v>
      </c>
      <c r="D28981" t="s">
        <v>17942</v>
      </c>
      <c r="E28981" t="s">
        <v>17915</v>
      </c>
      <c r="F28981" t="s">
        <v>17916</v>
      </c>
      <c r="G28981" t="s">
        <v>16559</v>
      </c>
      <c r="H28981" t="s">
        <v>16560</v>
      </c>
      <c r="I28981" s="2">
        <v>1</v>
      </c>
      <c r="J28981" s="2">
        <v>0</v>
      </c>
      <c r="K28981" s="2">
        <v>0</v>
      </c>
      <c r="L28981" t="s">
        <v>120</v>
      </c>
      <c r="M28981" t="s">
        <v>83</v>
      </c>
      <c r="N28981" t="s">
        <v>91</v>
      </c>
      <c r="O28981" t="s">
        <v>85</v>
      </c>
      <c r="P28981" t="s">
        <v>86</v>
      </c>
      <c r="Q28981">
        <v>20</v>
      </c>
      <c r="R28981">
        <v>20</v>
      </c>
      <c r="S28981">
        <v>20</v>
      </c>
      <c r="T28981">
        <v>21</v>
      </c>
      <c r="U28981">
        <v>21</v>
      </c>
      <c r="V28981">
        <v>21</v>
      </c>
      <c r="W28981">
        <v>21</v>
      </c>
      <c r="X28981">
        <v>21</v>
      </c>
      <c r="Y28981">
        <v>22</v>
      </c>
      <c r="Z28981">
        <v>22</v>
      </c>
      <c r="AA28981">
        <v>22</v>
      </c>
      <c r="AB28981">
        <v>22</v>
      </c>
      <c r="AC28981">
        <v>22</v>
      </c>
      <c r="AD28981">
        <v>23</v>
      </c>
      <c r="AE28981">
        <v>23</v>
      </c>
      <c r="AF28981">
        <v>23</v>
      </c>
      <c r="AG28981">
        <v>23</v>
      </c>
      <c r="AH28981">
        <v>23</v>
      </c>
      <c r="AI28981">
        <v>24</v>
      </c>
      <c r="AJ28981">
        <v>24</v>
      </c>
      <c r="AK28981">
        <v>24</v>
      </c>
      <c r="AL28981">
        <v>24</v>
      </c>
      <c r="AM28981">
        <v>24</v>
      </c>
      <c r="AN28981">
        <v>24</v>
      </c>
      <c r="AO28981">
        <v>24</v>
      </c>
      <c r="AP28981">
        <v>24</v>
      </c>
      <c r="AQ28981">
        <v>24</v>
      </c>
    </row>
    <row r="28982" spans="1:43">
      <c r="A28982" t="s">
        <v>17943</v>
      </c>
      <c r="B28982" t="s">
        <v>17944</v>
      </c>
      <c r="C28982" t="s">
        <v>17941</v>
      </c>
      <c r="D28982" t="s">
        <v>17942</v>
      </c>
      <c r="E28982" t="s">
        <v>17915</v>
      </c>
      <c r="F28982" t="s">
        <v>17916</v>
      </c>
      <c r="G28982" t="s">
        <v>16559</v>
      </c>
      <c r="H28982" t="s">
        <v>16560</v>
      </c>
      <c r="I28982" s="2">
        <v>1</v>
      </c>
      <c r="J28982" s="2">
        <v>0</v>
      </c>
      <c r="K28982" s="2">
        <v>0</v>
      </c>
      <c r="L28982" t="s">
        <v>120</v>
      </c>
      <c r="M28982" t="s">
        <v>83</v>
      </c>
      <c r="N28982" t="s">
        <v>84</v>
      </c>
      <c r="O28982" t="s">
        <v>85</v>
      </c>
      <c r="P28982" t="s">
        <v>86</v>
      </c>
      <c r="Q28982">
        <v>3</v>
      </c>
      <c r="R28982">
        <v>3</v>
      </c>
      <c r="S28982">
        <v>3</v>
      </c>
      <c r="T28982">
        <v>3</v>
      </c>
      <c r="U28982">
        <v>3</v>
      </c>
      <c r="V28982">
        <v>3</v>
      </c>
      <c r="W28982">
        <v>3</v>
      </c>
      <c r="X28982">
        <v>3</v>
      </c>
      <c r="Y28982">
        <v>3</v>
      </c>
      <c r="Z28982">
        <v>3</v>
      </c>
      <c r="AA28982">
        <v>3</v>
      </c>
      <c r="AB28982">
        <v>3</v>
      </c>
      <c r="AC28982">
        <v>3</v>
      </c>
      <c r="AD28982">
        <v>3</v>
      </c>
      <c r="AE28982">
        <v>3</v>
      </c>
      <c r="AF28982">
        <v>3</v>
      </c>
      <c r="AG28982">
        <v>4</v>
      </c>
      <c r="AH28982">
        <v>4</v>
      </c>
      <c r="AI28982">
        <v>4</v>
      </c>
      <c r="AJ28982">
        <v>4</v>
      </c>
      <c r="AK28982">
        <v>4</v>
      </c>
      <c r="AL28982">
        <v>4</v>
      </c>
      <c r="AM28982">
        <v>4</v>
      </c>
      <c r="AN28982">
        <v>4</v>
      </c>
      <c r="AO28982">
        <v>4</v>
      </c>
      <c r="AP28982">
        <v>4</v>
      </c>
      <c r="AQ28982">
        <v>4</v>
      </c>
    </row>
    <row r="28983" spans="1:43">
      <c r="A28983" t="s">
        <v>17943</v>
      </c>
      <c r="B28983" t="s">
        <v>17944</v>
      </c>
      <c r="C28983" t="s">
        <v>17941</v>
      </c>
      <c r="D28983" t="s">
        <v>17942</v>
      </c>
      <c r="E28983" t="s">
        <v>17915</v>
      </c>
      <c r="F28983" t="s">
        <v>17916</v>
      </c>
      <c r="G28983" t="s">
        <v>16559</v>
      </c>
      <c r="H28983" t="s">
        <v>16560</v>
      </c>
      <c r="I28983" s="2">
        <v>1</v>
      </c>
      <c r="J28983" s="2">
        <v>0</v>
      </c>
      <c r="K28983" s="2">
        <v>0</v>
      </c>
      <c r="L28983" t="s">
        <v>120</v>
      </c>
      <c r="M28983" t="s">
        <v>87</v>
      </c>
      <c r="N28983" t="s">
        <v>88</v>
      </c>
      <c r="O28983" t="s">
        <v>85</v>
      </c>
      <c r="P28983" t="s">
        <v>86</v>
      </c>
      <c r="Q28983">
        <v>3</v>
      </c>
      <c r="R28983">
        <v>3</v>
      </c>
      <c r="S28983">
        <v>3</v>
      </c>
      <c r="T28983">
        <v>3</v>
      </c>
      <c r="U28983">
        <v>3</v>
      </c>
      <c r="V28983">
        <v>3</v>
      </c>
      <c r="W28983">
        <v>3</v>
      </c>
      <c r="X28983">
        <v>3</v>
      </c>
      <c r="Y28983">
        <v>3</v>
      </c>
      <c r="Z28983">
        <v>3</v>
      </c>
      <c r="AA28983">
        <v>3</v>
      </c>
      <c r="AB28983">
        <v>3</v>
      </c>
      <c r="AC28983">
        <v>3</v>
      </c>
      <c r="AD28983">
        <v>3</v>
      </c>
      <c r="AE28983">
        <v>3</v>
      </c>
      <c r="AF28983">
        <v>3</v>
      </c>
      <c r="AG28983">
        <v>3</v>
      </c>
      <c r="AH28983">
        <v>3</v>
      </c>
      <c r="AI28983">
        <v>3</v>
      </c>
      <c r="AJ28983">
        <v>3</v>
      </c>
      <c r="AK28983">
        <v>3</v>
      </c>
      <c r="AL28983">
        <v>3</v>
      </c>
      <c r="AM28983">
        <v>3</v>
      </c>
      <c r="AN28983">
        <v>3</v>
      </c>
      <c r="AO28983">
        <v>3</v>
      </c>
      <c r="AP28983">
        <v>3</v>
      </c>
      <c r="AQ28983">
        <v>3</v>
      </c>
    </row>
    <row r="28984" spans="1:43">
      <c r="A28984" t="s">
        <v>17943</v>
      </c>
      <c r="B28984" t="s">
        <v>17944</v>
      </c>
      <c r="C28984" t="s">
        <v>17941</v>
      </c>
      <c r="D28984" t="s">
        <v>17942</v>
      </c>
      <c r="E28984" t="s">
        <v>17915</v>
      </c>
      <c r="F28984" t="s">
        <v>17916</v>
      </c>
      <c r="G28984" t="s">
        <v>16559</v>
      </c>
      <c r="H28984" t="s">
        <v>16560</v>
      </c>
      <c r="I28984" s="2">
        <v>1</v>
      </c>
      <c r="J28984" s="2">
        <v>0</v>
      </c>
      <c r="K28984" s="2">
        <v>0</v>
      </c>
      <c r="L28984" t="s">
        <v>120</v>
      </c>
      <c r="M28984" t="s">
        <v>89</v>
      </c>
      <c r="N28984" t="s">
        <v>90</v>
      </c>
      <c r="O28984" t="s">
        <v>85</v>
      </c>
      <c r="P28984" t="s">
        <v>86</v>
      </c>
      <c r="Q28984">
        <v>3</v>
      </c>
      <c r="R28984">
        <v>3</v>
      </c>
      <c r="S28984">
        <v>3</v>
      </c>
      <c r="T28984">
        <v>3</v>
      </c>
      <c r="U28984">
        <v>3</v>
      </c>
      <c r="V28984">
        <v>3</v>
      </c>
      <c r="W28984">
        <v>3</v>
      </c>
      <c r="X28984">
        <v>3</v>
      </c>
      <c r="Y28984">
        <v>3</v>
      </c>
      <c r="Z28984">
        <v>4</v>
      </c>
      <c r="AA28984">
        <v>4</v>
      </c>
      <c r="AB28984">
        <v>4</v>
      </c>
      <c r="AC28984">
        <v>4</v>
      </c>
      <c r="AD28984">
        <v>4</v>
      </c>
      <c r="AE28984">
        <v>4</v>
      </c>
      <c r="AF28984">
        <v>4</v>
      </c>
      <c r="AG28984">
        <v>4</v>
      </c>
      <c r="AH28984">
        <v>4</v>
      </c>
      <c r="AI28984">
        <v>4</v>
      </c>
      <c r="AJ28984">
        <v>4</v>
      </c>
      <c r="AK28984">
        <v>4</v>
      </c>
      <c r="AL28984">
        <v>4</v>
      </c>
      <c r="AM28984">
        <v>4</v>
      </c>
      <c r="AN28984">
        <v>4</v>
      </c>
      <c r="AO28984">
        <v>4</v>
      </c>
      <c r="AP28984">
        <v>4</v>
      </c>
      <c r="AQ28984">
        <v>4</v>
      </c>
    </row>
    <row r="28985" spans="1:43">
      <c r="A28985" t="s">
        <v>17943</v>
      </c>
      <c r="B28985" t="s">
        <v>17944</v>
      </c>
      <c r="C28985" t="s">
        <v>17941</v>
      </c>
      <c r="D28985" t="s">
        <v>17942</v>
      </c>
      <c r="E28985" t="s">
        <v>17915</v>
      </c>
      <c r="F28985" t="s">
        <v>17916</v>
      </c>
      <c r="G28985" t="s">
        <v>16559</v>
      </c>
      <c r="H28985" t="s">
        <v>16560</v>
      </c>
      <c r="I28985" s="2">
        <v>1</v>
      </c>
      <c r="J28985" s="2">
        <v>0</v>
      </c>
      <c r="K28985" s="2">
        <v>0</v>
      </c>
      <c r="L28985" t="s">
        <v>120</v>
      </c>
      <c r="M28985" t="s">
        <v>83</v>
      </c>
      <c r="N28985" t="s">
        <v>91</v>
      </c>
      <c r="O28985" t="s">
        <v>85</v>
      </c>
      <c r="P28985" t="s">
        <v>86</v>
      </c>
      <c r="Q28985">
        <v>3</v>
      </c>
      <c r="R28985">
        <v>3</v>
      </c>
      <c r="S28985">
        <v>3</v>
      </c>
      <c r="T28985">
        <v>3</v>
      </c>
      <c r="U28985">
        <v>3</v>
      </c>
      <c r="V28985">
        <v>3</v>
      </c>
      <c r="W28985">
        <v>3</v>
      </c>
      <c r="X28985">
        <v>3</v>
      </c>
      <c r="Y28985">
        <v>3</v>
      </c>
      <c r="Z28985">
        <v>3</v>
      </c>
      <c r="AA28985">
        <v>3</v>
      </c>
      <c r="AB28985">
        <v>3</v>
      </c>
      <c r="AC28985">
        <v>3</v>
      </c>
      <c r="AD28985">
        <v>3</v>
      </c>
      <c r="AE28985">
        <v>3</v>
      </c>
      <c r="AF28985">
        <v>3</v>
      </c>
      <c r="AG28985">
        <v>4</v>
      </c>
      <c r="AH28985">
        <v>4</v>
      </c>
      <c r="AI28985">
        <v>4</v>
      </c>
      <c r="AJ28985">
        <v>4</v>
      </c>
      <c r="AK28985">
        <v>4</v>
      </c>
      <c r="AL28985">
        <v>4</v>
      </c>
      <c r="AM28985">
        <v>4</v>
      </c>
      <c r="AN28985">
        <v>4</v>
      </c>
      <c r="AO28985">
        <v>4</v>
      </c>
      <c r="AP28985">
        <v>4</v>
      </c>
      <c r="AQ28985">
        <v>4</v>
      </c>
    </row>
    <row r="28986" spans="1:43">
      <c r="A28986" t="s">
        <v>17945</v>
      </c>
      <c r="B28986" t="s">
        <v>17946</v>
      </c>
      <c r="C28986" t="s">
        <v>17941</v>
      </c>
      <c r="D28986" t="s">
        <v>17942</v>
      </c>
      <c r="E28986" t="s">
        <v>17915</v>
      </c>
      <c r="F28986" t="s">
        <v>17916</v>
      </c>
      <c r="G28986" t="s">
        <v>16559</v>
      </c>
      <c r="H28986" t="s">
        <v>16560</v>
      </c>
      <c r="I28986" s="2">
        <v>1</v>
      </c>
      <c r="J28986" s="2">
        <v>0</v>
      </c>
      <c r="K28986" s="2">
        <v>0</v>
      </c>
      <c r="L28986" t="s">
        <v>120</v>
      </c>
      <c r="M28986" t="s">
        <v>83</v>
      </c>
      <c r="N28986" t="s">
        <v>84</v>
      </c>
      <c r="O28986" t="s">
        <v>85</v>
      </c>
      <c r="P28986" t="s">
        <v>86</v>
      </c>
      <c r="Q28986">
        <v>12</v>
      </c>
      <c r="R28986">
        <v>12</v>
      </c>
      <c r="S28986">
        <v>12</v>
      </c>
      <c r="T28986">
        <v>12</v>
      </c>
      <c r="U28986">
        <v>12</v>
      </c>
      <c r="V28986">
        <v>12</v>
      </c>
      <c r="W28986">
        <v>13</v>
      </c>
      <c r="X28986">
        <v>13</v>
      </c>
      <c r="Y28986">
        <v>13</v>
      </c>
      <c r="Z28986">
        <v>13</v>
      </c>
      <c r="AA28986">
        <v>13</v>
      </c>
      <c r="AB28986">
        <v>13</v>
      </c>
      <c r="AC28986">
        <v>13</v>
      </c>
      <c r="AD28986">
        <v>13</v>
      </c>
      <c r="AE28986">
        <v>14</v>
      </c>
      <c r="AF28986">
        <v>14</v>
      </c>
      <c r="AG28986">
        <v>14</v>
      </c>
      <c r="AH28986">
        <v>14</v>
      </c>
      <c r="AI28986">
        <v>14</v>
      </c>
      <c r="AJ28986">
        <v>14</v>
      </c>
      <c r="AK28986">
        <v>14</v>
      </c>
      <c r="AL28986">
        <v>14</v>
      </c>
      <c r="AM28986">
        <v>14</v>
      </c>
      <c r="AN28986">
        <v>14</v>
      </c>
      <c r="AO28986">
        <v>14</v>
      </c>
      <c r="AP28986">
        <v>14</v>
      </c>
      <c r="AQ28986">
        <v>14</v>
      </c>
    </row>
    <row r="28987" spans="1:43">
      <c r="A28987" t="s">
        <v>17945</v>
      </c>
      <c r="B28987" t="s">
        <v>17946</v>
      </c>
      <c r="C28987" t="s">
        <v>17941</v>
      </c>
      <c r="D28987" t="s">
        <v>17942</v>
      </c>
      <c r="E28987" t="s">
        <v>17915</v>
      </c>
      <c r="F28987" t="s">
        <v>17916</v>
      </c>
      <c r="G28987" t="s">
        <v>16559</v>
      </c>
      <c r="H28987" t="s">
        <v>16560</v>
      </c>
      <c r="I28987" s="2">
        <v>1</v>
      </c>
      <c r="J28987" s="2">
        <v>0</v>
      </c>
      <c r="K28987" s="2">
        <v>0</v>
      </c>
      <c r="L28987" t="s">
        <v>120</v>
      </c>
      <c r="M28987" t="s">
        <v>87</v>
      </c>
      <c r="N28987" t="s">
        <v>88</v>
      </c>
      <c r="O28987" t="s">
        <v>85</v>
      </c>
      <c r="P28987" t="s">
        <v>86</v>
      </c>
      <c r="Q28987">
        <v>12</v>
      </c>
      <c r="R28987">
        <v>12</v>
      </c>
      <c r="S28987">
        <v>12</v>
      </c>
      <c r="T28987">
        <v>12</v>
      </c>
      <c r="U28987">
        <v>12</v>
      </c>
      <c r="V28987">
        <v>12</v>
      </c>
      <c r="W28987">
        <v>12</v>
      </c>
      <c r="X28987">
        <v>12</v>
      </c>
      <c r="Y28987">
        <v>12</v>
      </c>
      <c r="Z28987">
        <v>12</v>
      </c>
      <c r="AA28987">
        <v>12</v>
      </c>
      <c r="AB28987">
        <v>12</v>
      </c>
      <c r="AC28987">
        <v>12</v>
      </c>
      <c r="AD28987">
        <v>12</v>
      </c>
      <c r="AE28987">
        <v>12</v>
      </c>
      <c r="AF28987">
        <v>12</v>
      </c>
      <c r="AG28987">
        <v>12</v>
      </c>
      <c r="AH28987">
        <v>12</v>
      </c>
      <c r="AI28987">
        <v>12</v>
      </c>
      <c r="AJ28987">
        <v>12</v>
      </c>
      <c r="AK28987">
        <v>12</v>
      </c>
      <c r="AL28987">
        <v>12</v>
      </c>
      <c r="AM28987">
        <v>12</v>
      </c>
      <c r="AN28987">
        <v>12</v>
      </c>
      <c r="AO28987">
        <v>12</v>
      </c>
      <c r="AP28987">
        <v>12</v>
      </c>
      <c r="AQ28987">
        <v>12</v>
      </c>
    </row>
    <row r="28988" spans="1:43">
      <c r="A28988" t="s">
        <v>17945</v>
      </c>
      <c r="B28988" t="s">
        <v>17946</v>
      </c>
      <c r="C28988" t="s">
        <v>17941</v>
      </c>
      <c r="D28988" t="s">
        <v>17942</v>
      </c>
      <c r="E28988" t="s">
        <v>17915</v>
      </c>
      <c r="F28988" t="s">
        <v>17916</v>
      </c>
      <c r="G28988" t="s">
        <v>16559</v>
      </c>
      <c r="H28988" t="s">
        <v>16560</v>
      </c>
      <c r="I28988" s="2">
        <v>1</v>
      </c>
      <c r="J28988" s="2">
        <v>0</v>
      </c>
      <c r="K28988" s="2">
        <v>0</v>
      </c>
      <c r="L28988" t="s">
        <v>120</v>
      </c>
      <c r="M28988" t="s">
        <v>89</v>
      </c>
      <c r="N28988" t="s">
        <v>90</v>
      </c>
      <c r="O28988" t="s">
        <v>85</v>
      </c>
      <c r="P28988" t="s">
        <v>86</v>
      </c>
      <c r="Q28988">
        <v>12</v>
      </c>
      <c r="R28988">
        <v>12</v>
      </c>
      <c r="S28988">
        <v>12</v>
      </c>
      <c r="T28988">
        <v>13</v>
      </c>
      <c r="U28988">
        <v>13</v>
      </c>
      <c r="V28988">
        <v>13</v>
      </c>
      <c r="W28988">
        <v>13</v>
      </c>
      <c r="X28988">
        <v>13</v>
      </c>
      <c r="Y28988">
        <v>14</v>
      </c>
      <c r="Z28988">
        <v>14</v>
      </c>
      <c r="AA28988">
        <v>14</v>
      </c>
      <c r="AB28988">
        <v>14</v>
      </c>
      <c r="AC28988">
        <v>14</v>
      </c>
      <c r="AD28988">
        <v>14</v>
      </c>
      <c r="AE28988">
        <v>15</v>
      </c>
      <c r="AF28988">
        <v>15</v>
      </c>
      <c r="AG28988">
        <v>15</v>
      </c>
      <c r="AH28988">
        <v>15</v>
      </c>
      <c r="AI28988">
        <v>15</v>
      </c>
      <c r="AJ28988">
        <v>14</v>
      </c>
      <c r="AK28988">
        <v>14</v>
      </c>
      <c r="AL28988">
        <v>14</v>
      </c>
      <c r="AM28988">
        <v>14</v>
      </c>
      <c r="AN28988">
        <v>14</v>
      </c>
      <c r="AO28988">
        <v>14</v>
      </c>
      <c r="AP28988">
        <v>14</v>
      </c>
      <c r="AQ28988">
        <v>14</v>
      </c>
    </row>
    <row r="28989" spans="1:43">
      <c r="A28989" t="s">
        <v>17945</v>
      </c>
      <c r="B28989" t="s">
        <v>17946</v>
      </c>
      <c r="C28989" t="s">
        <v>17941</v>
      </c>
      <c r="D28989" t="s">
        <v>17942</v>
      </c>
      <c r="E28989" t="s">
        <v>17915</v>
      </c>
      <c r="F28989" t="s">
        <v>17916</v>
      </c>
      <c r="G28989" t="s">
        <v>16559</v>
      </c>
      <c r="H28989" t="s">
        <v>16560</v>
      </c>
      <c r="I28989" s="2">
        <v>1</v>
      </c>
      <c r="J28989" s="2">
        <v>0</v>
      </c>
      <c r="K28989" s="2">
        <v>0</v>
      </c>
      <c r="L28989" t="s">
        <v>120</v>
      </c>
      <c r="M28989" t="s">
        <v>83</v>
      </c>
      <c r="N28989" t="s">
        <v>91</v>
      </c>
      <c r="O28989" t="s">
        <v>85</v>
      </c>
      <c r="P28989" t="s">
        <v>86</v>
      </c>
      <c r="Q28989">
        <v>12</v>
      </c>
      <c r="R28989">
        <v>12</v>
      </c>
      <c r="S28989">
        <v>12</v>
      </c>
      <c r="T28989">
        <v>12</v>
      </c>
      <c r="U28989">
        <v>12</v>
      </c>
      <c r="V28989">
        <v>12</v>
      </c>
      <c r="W28989">
        <v>13</v>
      </c>
      <c r="X28989">
        <v>13</v>
      </c>
      <c r="Y28989">
        <v>13</v>
      </c>
      <c r="Z28989">
        <v>13</v>
      </c>
      <c r="AA28989">
        <v>13</v>
      </c>
      <c r="AB28989">
        <v>13</v>
      </c>
      <c r="AC28989">
        <v>13</v>
      </c>
      <c r="AD28989">
        <v>13</v>
      </c>
      <c r="AE28989">
        <v>14</v>
      </c>
      <c r="AF28989">
        <v>14</v>
      </c>
      <c r="AG28989">
        <v>14</v>
      </c>
      <c r="AH28989">
        <v>14</v>
      </c>
      <c r="AI28989">
        <v>14</v>
      </c>
      <c r="AJ28989">
        <v>14</v>
      </c>
      <c r="AK28989">
        <v>14</v>
      </c>
      <c r="AL28989">
        <v>14</v>
      </c>
      <c r="AM28989">
        <v>14</v>
      </c>
      <c r="AN28989">
        <v>14</v>
      </c>
      <c r="AO28989">
        <v>14</v>
      </c>
      <c r="AP28989">
        <v>14</v>
      </c>
      <c r="AQ28989">
        <v>14</v>
      </c>
    </row>
    <row r="28990" spans="1:43">
      <c r="A28990" t="s">
        <v>17947</v>
      </c>
      <c r="B28990" t="s">
        <v>17948</v>
      </c>
      <c r="C28990" t="s">
        <v>17941</v>
      </c>
      <c r="D28990" t="s">
        <v>17942</v>
      </c>
      <c r="E28990" t="s">
        <v>17915</v>
      </c>
      <c r="F28990" t="s">
        <v>17916</v>
      </c>
      <c r="G28990" t="s">
        <v>16559</v>
      </c>
      <c r="H28990" t="s">
        <v>16560</v>
      </c>
      <c r="I28990" s="2">
        <v>1</v>
      </c>
      <c r="J28990" s="2">
        <v>0</v>
      </c>
      <c r="K28990" s="2">
        <v>0</v>
      </c>
      <c r="L28990" t="s">
        <v>120</v>
      </c>
      <c r="M28990" t="s">
        <v>83</v>
      </c>
      <c r="N28990" t="s">
        <v>84</v>
      </c>
      <c r="O28990" t="s">
        <v>85</v>
      </c>
      <c r="P28990" t="s">
        <v>86</v>
      </c>
      <c r="Q28990">
        <v>43</v>
      </c>
      <c r="R28990">
        <v>43</v>
      </c>
      <c r="S28990">
        <v>44</v>
      </c>
      <c r="T28990">
        <v>44</v>
      </c>
      <c r="U28990">
        <v>45</v>
      </c>
      <c r="V28990">
        <v>45</v>
      </c>
      <c r="W28990">
        <v>46</v>
      </c>
      <c r="X28990">
        <v>46</v>
      </c>
      <c r="Y28990">
        <v>47</v>
      </c>
      <c r="Z28990">
        <v>47</v>
      </c>
      <c r="AA28990">
        <v>48</v>
      </c>
      <c r="AB28990">
        <v>48</v>
      </c>
      <c r="AC28990">
        <v>48</v>
      </c>
      <c r="AD28990">
        <v>49</v>
      </c>
      <c r="AE28990">
        <v>49</v>
      </c>
      <c r="AF28990">
        <v>50</v>
      </c>
      <c r="AG28990">
        <v>50</v>
      </c>
      <c r="AH28990">
        <v>51</v>
      </c>
      <c r="AI28990">
        <v>51</v>
      </c>
      <c r="AJ28990">
        <v>51</v>
      </c>
      <c r="AK28990">
        <v>52</v>
      </c>
      <c r="AL28990">
        <v>52</v>
      </c>
      <c r="AM28990">
        <v>52</v>
      </c>
      <c r="AN28990">
        <v>52</v>
      </c>
      <c r="AO28990">
        <v>52</v>
      </c>
      <c r="AP28990">
        <v>52</v>
      </c>
      <c r="AQ28990">
        <v>52</v>
      </c>
    </row>
    <row r="28991" spans="1:43">
      <c r="A28991" t="s">
        <v>17947</v>
      </c>
      <c r="B28991" t="s">
        <v>17948</v>
      </c>
      <c r="C28991" t="s">
        <v>17941</v>
      </c>
      <c r="D28991" t="s">
        <v>17942</v>
      </c>
      <c r="E28991" t="s">
        <v>17915</v>
      </c>
      <c r="F28991" t="s">
        <v>17916</v>
      </c>
      <c r="G28991" t="s">
        <v>16559</v>
      </c>
      <c r="H28991" t="s">
        <v>16560</v>
      </c>
      <c r="I28991" s="2">
        <v>1</v>
      </c>
      <c r="J28991" s="2">
        <v>0</v>
      </c>
      <c r="K28991" s="2">
        <v>0</v>
      </c>
      <c r="L28991" t="s">
        <v>120</v>
      </c>
      <c r="M28991" t="s">
        <v>87</v>
      </c>
      <c r="N28991" t="s">
        <v>88</v>
      </c>
      <c r="O28991" t="s">
        <v>85</v>
      </c>
      <c r="P28991" t="s">
        <v>86</v>
      </c>
      <c r="Q28991">
        <v>43</v>
      </c>
      <c r="R28991">
        <v>43</v>
      </c>
      <c r="S28991">
        <v>43</v>
      </c>
      <c r="T28991">
        <v>44</v>
      </c>
      <c r="U28991">
        <v>44</v>
      </c>
      <c r="V28991">
        <v>44</v>
      </c>
      <c r="W28991">
        <v>44</v>
      </c>
      <c r="X28991">
        <v>44</v>
      </c>
      <c r="Y28991">
        <v>44</v>
      </c>
      <c r="Z28991">
        <v>44</v>
      </c>
      <c r="AA28991">
        <v>44</v>
      </c>
      <c r="AB28991">
        <v>45</v>
      </c>
      <c r="AC28991">
        <v>45</v>
      </c>
      <c r="AD28991">
        <v>45</v>
      </c>
      <c r="AE28991">
        <v>45</v>
      </c>
      <c r="AF28991">
        <v>45</v>
      </c>
      <c r="AG28991">
        <v>45</v>
      </c>
      <c r="AH28991">
        <v>45</v>
      </c>
      <c r="AI28991">
        <v>45</v>
      </c>
      <c r="AJ28991">
        <v>45</v>
      </c>
      <c r="AK28991">
        <v>45</v>
      </c>
      <c r="AL28991">
        <v>46</v>
      </c>
      <c r="AM28991">
        <v>46</v>
      </c>
      <c r="AN28991">
        <v>46</v>
      </c>
      <c r="AO28991">
        <v>46</v>
      </c>
      <c r="AP28991">
        <v>46</v>
      </c>
      <c r="AQ28991">
        <v>46</v>
      </c>
    </row>
    <row r="28992" spans="1:43">
      <c r="A28992" t="s">
        <v>17947</v>
      </c>
      <c r="B28992" t="s">
        <v>17948</v>
      </c>
      <c r="C28992" t="s">
        <v>17941</v>
      </c>
      <c r="D28992" t="s">
        <v>17942</v>
      </c>
      <c r="E28992" t="s">
        <v>17915</v>
      </c>
      <c r="F28992" t="s">
        <v>17916</v>
      </c>
      <c r="G28992" t="s">
        <v>16559</v>
      </c>
      <c r="H28992" t="s">
        <v>16560</v>
      </c>
      <c r="I28992" s="2">
        <v>1</v>
      </c>
      <c r="J28992" s="2">
        <v>0</v>
      </c>
      <c r="K28992" s="2">
        <v>0</v>
      </c>
      <c r="L28992" t="s">
        <v>120</v>
      </c>
      <c r="M28992" t="s">
        <v>89</v>
      </c>
      <c r="N28992" t="s">
        <v>90</v>
      </c>
      <c r="O28992" t="s">
        <v>85</v>
      </c>
      <c r="P28992" t="s">
        <v>86</v>
      </c>
      <c r="Q28992">
        <v>43</v>
      </c>
      <c r="R28992">
        <v>44</v>
      </c>
      <c r="S28992">
        <v>45</v>
      </c>
      <c r="T28992">
        <v>46</v>
      </c>
      <c r="U28992">
        <v>46</v>
      </c>
      <c r="V28992">
        <v>47</v>
      </c>
      <c r="W28992">
        <v>48</v>
      </c>
      <c r="X28992">
        <v>49</v>
      </c>
      <c r="Y28992">
        <v>49</v>
      </c>
      <c r="Z28992">
        <v>50</v>
      </c>
      <c r="AA28992">
        <v>51</v>
      </c>
      <c r="AB28992">
        <v>51</v>
      </c>
      <c r="AC28992">
        <v>52</v>
      </c>
      <c r="AD28992">
        <v>52</v>
      </c>
      <c r="AE28992">
        <v>53</v>
      </c>
      <c r="AF28992">
        <v>53</v>
      </c>
      <c r="AG28992">
        <v>53</v>
      </c>
      <c r="AH28992">
        <v>53</v>
      </c>
      <c r="AI28992">
        <v>53</v>
      </c>
      <c r="AJ28992">
        <v>53</v>
      </c>
      <c r="AK28992">
        <v>52</v>
      </c>
      <c r="AL28992">
        <v>52</v>
      </c>
      <c r="AM28992">
        <v>52</v>
      </c>
      <c r="AN28992">
        <v>52</v>
      </c>
      <c r="AO28992">
        <v>52</v>
      </c>
      <c r="AP28992">
        <v>52</v>
      </c>
      <c r="AQ28992">
        <v>52</v>
      </c>
    </row>
    <row r="28993" spans="1:43">
      <c r="A28993" t="s">
        <v>17947</v>
      </c>
      <c r="B28993" t="s">
        <v>17948</v>
      </c>
      <c r="C28993" t="s">
        <v>17941</v>
      </c>
      <c r="D28993" t="s">
        <v>17942</v>
      </c>
      <c r="E28993" t="s">
        <v>17915</v>
      </c>
      <c r="F28993" t="s">
        <v>17916</v>
      </c>
      <c r="G28993" t="s">
        <v>16559</v>
      </c>
      <c r="H28993" t="s">
        <v>16560</v>
      </c>
      <c r="I28993" s="2">
        <v>1</v>
      </c>
      <c r="J28993" s="2">
        <v>0</v>
      </c>
      <c r="K28993" s="2">
        <v>0</v>
      </c>
      <c r="L28993" t="s">
        <v>120</v>
      </c>
      <c r="M28993" t="s">
        <v>83</v>
      </c>
      <c r="N28993" t="s">
        <v>91</v>
      </c>
      <c r="O28993" t="s">
        <v>85</v>
      </c>
      <c r="P28993" t="s">
        <v>86</v>
      </c>
      <c r="Q28993">
        <v>43</v>
      </c>
      <c r="R28993">
        <v>43</v>
      </c>
      <c r="S28993">
        <v>44</v>
      </c>
      <c r="T28993">
        <v>44</v>
      </c>
      <c r="U28993">
        <v>45</v>
      </c>
      <c r="V28993">
        <v>45</v>
      </c>
      <c r="W28993">
        <v>46</v>
      </c>
      <c r="X28993">
        <v>46</v>
      </c>
      <c r="Y28993">
        <v>47</v>
      </c>
      <c r="Z28993">
        <v>47</v>
      </c>
      <c r="AA28993">
        <v>48</v>
      </c>
      <c r="AB28993">
        <v>48</v>
      </c>
      <c r="AC28993">
        <v>48</v>
      </c>
      <c r="AD28993">
        <v>49</v>
      </c>
      <c r="AE28993">
        <v>49</v>
      </c>
      <c r="AF28993">
        <v>50</v>
      </c>
      <c r="AG28993">
        <v>50</v>
      </c>
      <c r="AH28993">
        <v>51</v>
      </c>
      <c r="AI28993">
        <v>51</v>
      </c>
      <c r="AJ28993">
        <v>51</v>
      </c>
      <c r="AK28993">
        <v>52</v>
      </c>
      <c r="AL28993">
        <v>52</v>
      </c>
      <c r="AM28993">
        <v>52</v>
      </c>
      <c r="AN28993">
        <v>52</v>
      </c>
      <c r="AO28993">
        <v>52</v>
      </c>
      <c r="AP28993">
        <v>52</v>
      </c>
      <c r="AQ28993">
        <v>52</v>
      </c>
    </row>
    <row r="28994" spans="1:43">
      <c r="A28994" t="s">
        <v>17949</v>
      </c>
      <c r="B28994" t="s">
        <v>17950</v>
      </c>
      <c r="C28994" t="s">
        <v>17941</v>
      </c>
      <c r="D28994" t="s">
        <v>17942</v>
      </c>
      <c r="E28994" t="s">
        <v>17915</v>
      </c>
      <c r="F28994" t="s">
        <v>17916</v>
      </c>
      <c r="G28994" t="s">
        <v>16559</v>
      </c>
      <c r="H28994" t="s">
        <v>16560</v>
      </c>
      <c r="I28994" s="2">
        <v>1</v>
      </c>
      <c r="J28994" s="2">
        <v>0</v>
      </c>
      <c r="K28994" s="2">
        <v>0</v>
      </c>
      <c r="L28994" t="s">
        <v>120</v>
      </c>
      <c r="M28994" t="s">
        <v>83</v>
      </c>
      <c r="N28994" t="s">
        <v>84</v>
      </c>
      <c r="O28994" t="s">
        <v>85</v>
      </c>
      <c r="P28994" t="s">
        <v>86</v>
      </c>
      <c r="Q28994">
        <v>38</v>
      </c>
      <c r="R28994">
        <v>38</v>
      </c>
      <c r="S28994">
        <v>39</v>
      </c>
      <c r="T28994">
        <v>39</v>
      </c>
      <c r="U28994">
        <v>40</v>
      </c>
      <c r="V28994">
        <v>40</v>
      </c>
      <c r="W28994">
        <v>41</v>
      </c>
      <c r="X28994">
        <v>41</v>
      </c>
      <c r="Y28994">
        <v>41</v>
      </c>
      <c r="Z28994">
        <v>42</v>
      </c>
      <c r="AA28994">
        <v>42</v>
      </c>
      <c r="AB28994">
        <v>43</v>
      </c>
      <c r="AC28994">
        <v>43</v>
      </c>
      <c r="AD28994">
        <v>43</v>
      </c>
      <c r="AE28994">
        <v>44</v>
      </c>
      <c r="AF28994">
        <v>44</v>
      </c>
      <c r="AG28994">
        <v>44</v>
      </c>
      <c r="AH28994">
        <v>45</v>
      </c>
      <c r="AI28994">
        <v>45</v>
      </c>
      <c r="AJ28994">
        <v>46</v>
      </c>
      <c r="AK28994">
        <v>46</v>
      </c>
      <c r="AL28994">
        <v>46</v>
      </c>
      <c r="AM28994">
        <v>46</v>
      </c>
      <c r="AN28994">
        <v>46</v>
      </c>
      <c r="AO28994">
        <v>46</v>
      </c>
      <c r="AP28994">
        <v>46</v>
      </c>
      <c r="AQ28994">
        <v>46</v>
      </c>
    </row>
    <row r="28995" spans="1:43">
      <c r="A28995" t="s">
        <v>17949</v>
      </c>
      <c r="B28995" t="s">
        <v>17950</v>
      </c>
      <c r="C28995" t="s">
        <v>17941</v>
      </c>
      <c r="D28995" t="s">
        <v>17942</v>
      </c>
      <c r="E28995" t="s">
        <v>17915</v>
      </c>
      <c r="F28995" t="s">
        <v>17916</v>
      </c>
      <c r="G28995" t="s">
        <v>16559</v>
      </c>
      <c r="H28995" t="s">
        <v>16560</v>
      </c>
      <c r="I28995" s="2">
        <v>1</v>
      </c>
      <c r="J28995" s="2">
        <v>0</v>
      </c>
      <c r="K28995" s="2">
        <v>0</v>
      </c>
      <c r="L28995" t="s">
        <v>120</v>
      </c>
      <c r="M28995" t="s">
        <v>87</v>
      </c>
      <c r="N28995" t="s">
        <v>88</v>
      </c>
      <c r="O28995" t="s">
        <v>85</v>
      </c>
      <c r="P28995" t="s">
        <v>86</v>
      </c>
      <c r="Q28995">
        <v>38</v>
      </c>
      <c r="R28995">
        <v>38</v>
      </c>
      <c r="S28995">
        <v>38</v>
      </c>
      <c r="T28995">
        <v>38</v>
      </c>
      <c r="U28995">
        <v>38</v>
      </c>
      <c r="V28995">
        <v>38</v>
      </c>
      <c r="W28995">
        <v>38</v>
      </c>
      <c r="X28995">
        <v>38</v>
      </c>
      <c r="Y28995">
        <v>38</v>
      </c>
      <c r="Z28995">
        <v>38</v>
      </c>
      <c r="AA28995">
        <v>38</v>
      </c>
      <c r="AB28995">
        <v>39</v>
      </c>
      <c r="AC28995">
        <v>39</v>
      </c>
      <c r="AD28995">
        <v>39</v>
      </c>
      <c r="AE28995">
        <v>39</v>
      </c>
      <c r="AF28995">
        <v>39</v>
      </c>
      <c r="AG28995">
        <v>39</v>
      </c>
      <c r="AH28995">
        <v>39</v>
      </c>
      <c r="AI28995">
        <v>39</v>
      </c>
      <c r="AJ28995">
        <v>39</v>
      </c>
      <c r="AK28995">
        <v>39</v>
      </c>
      <c r="AL28995">
        <v>39</v>
      </c>
      <c r="AM28995">
        <v>39</v>
      </c>
      <c r="AN28995">
        <v>39</v>
      </c>
      <c r="AO28995">
        <v>39</v>
      </c>
      <c r="AP28995">
        <v>40</v>
      </c>
      <c r="AQ28995">
        <v>40</v>
      </c>
    </row>
    <row r="28996" spans="1:43">
      <c r="A28996" t="s">
        <v>17949</v>
      </c>
      <c r="B28996" t="s">
        <v>17950</v>
      </c>
      <c r="C28996" t="s">
        <v>17941</v>
      </c>
      <c r="D28996" t="s">
        <v>17942</v>
      </c>
      <c r="E28996" t="s">
        <v>17915</v>
      </c>
      <c r="F28996" t="s">
        <v>17916</v>
      </c>
      <c r="G28996" t="s">
        <v>16559</v>
      </c>
      <c r="H28996" t="s">
        <v>16560</v>
      </c>
      <c r="I28996" s="2">
        <v>1</v>
      </c>
      <c r="J28996" s="2">
        <v>0</v>
      </c>
      <c r="K28996" s="2">
        <v>0</v>
      </c>
      <c r="L28996" t="s">
        <v>120</v>
      </c>
      <c r="M28996" t="s">
        <v>89</v>
      </c>
      <c r="N28996" t="s">
        <v>90</v>
      </c>
      <c r="O28996" t="s">
        <v>85</v>
      </c>
      <c r="P28996" t="s">
        <v>86</v>
      </c>
      <c r="Q28996">
        <v>38</v>
      </c>
      <c r="R28996">
        <v>39</v>
      </c>
      <c r="S28996">
        <v>40</v>
      </c>
      <c r="T28996">
        <v>41</v>
      </c>
      <c r="U28996">
        <v>41</v>
      </c>
      <c r="V28996">
        <v>42</v>
      </c>
      <c r="W28996">
        <v>43</v>
      </c>
      <c r="X28996">
        <v>43</v>
      </c>
      <c r="Y28996">
        <v>44</v>
      </c>
      <c r="Z28996">
        <v>44</v>
      </c>
      <c r="AA28996">
        <v>45</v>
      </c>
      <c r="AB28996">
        <v>45</v>
      </c>
      <c r="AC28996">
        <v>46</v>
      </c>
      <c r="AD28996">
        <v>47</v>
      </c>
      <c r="AE28996">
        <v>47</v>
      </c>
      <c r="AF28996">
        <v>47</v>
      </c>
      <c r="AG28996">
        <v>47</v>
      </c>
      <c r="AH28996">
        <v>47</v>
      </c>
      <c r="AI28996">
        <v>47</v>
      </c>
      <c r="AJ28996">
        <v>47</v>
      </c>
      <c r="AK28996">
        <v>47</v>
      </c>
      <c r="AL28996">
        <v>46</v>
      </c>
      <c r="AM28996">
        <v>46</v>
      </c>
      <c r="AN28996">
        <v>46</v>
      </c>
      <c r="AO28996">
        <v>46</v>
      </c>
      <c r="AP28996">
        <v>46</v>
      </c>
      <c r="AQ28996">
        <v>46</v>
      </c>
    </row>
    <row r="28997" spans="1:43">
      <c r="A28997" t="s">
        <v>17949</v>
      </c>
      <c r="B28997" t="s">
        <v>17950</v>
      </c>
      <c r="C28997" t="s">
        <v>17941</v>
      </c>
      <c r="D28997" t="s">
        <v>17942</v>
      </c>
      <c r="E28997" t="s">
        <v>17915</v>
      </c>
      <c r="F28997" t="s">
        <v>17916</v>
      </c>
      <c r="G28997" t="s">
        <v>16559</v>
      </c>
      <c r="H28997" t="s">
        <v>16560</v>
      </c>
      <c r="I28997" s="2">
        <v>1</v>
      </c>
      <c r="J28997" s="2">
        <v>0</v>
      </c>
      <c r="K28997" s="2">
        <v>0</v>
      </c>
      <c r="L28997" t="s">
        <v>120</v>
      </c>
      <c r="M28997" t="s">
        <v>83</v>
      </c>
      <c r="N28997" t="s">
        <v>91</v>
      </c>
      <c r="O28997" t="s">
        <v>85</v>
      </c>
      <c r="P28997" t="s">
        <v>86</v>
      </c>
      <c r="Q28997">
        <v>38</v>
      </c>
      <c r="R28997">
        <v>38</v>
      </c>
      <c r="S28997">
        <v>39</v>
      </c>
      <c r="T28997">
        <v>39</v>
      </c>
      <c r="U28997">
        <v>40</v>
      </c>
      <c r="V28997">
        <v>40</v>
      </c>
      <c r="W28997">
        <v>41</v>
      </c>
      <c r="X28997">
        <v>41</v>
      </c>
      <c r="Y28997">
        <v>41</v>
      </c>
      <c r="Z28997">
        <v>42</v>
      </c>
      <c r="AA28997">
        <v>42</v>
      </c>
      <c r="AB28997">
        <v>43</v>
      </c>
      <c r="AC28997">
        <v>43</v>
      </c>
      <c r="AD28997">
        <v>43</v>
      </c>
      <c r="AE28997">
        <v>44</v>
      </c>
      <c r="AF28997">
        <v>44</v>
      </c>
      <c r="AG28997">
        <v>44</v>
      </c>
      <c r="AH28997">
        <v>45</v>
      </c>
      <c r="AI28997">
        <v>45</v>
      </c>
      <c r="AJ28997">
        <v>46</v>
      </c>
      <c r="AK28997">
        <v>46</v>
      </c>
      <c r="AL28997">
        <v>46</v>
      </c>
      <c r="AM28997">
        <v>46</v>
      </c>
      <c r="AN28997">
        <v>46</v>
      </c>
      <c r="AO28997">
        <v>46</v>
      </c>
      <c r="AP28997">
        <v>46</v>
      </c>
      <c r="AQ28997">
        <v>46</v>
      </c>
    </row>
    <row r="28998" spans="1:43">
      <c r="A28998" t="s">
        <v>17951</v>
      </c>
      <c r="B28998" t="s">
        <v>17952</v>
      </c>
      <c r="C28998" t="s">
        <v>17953</v>
      </c>
      <c r="D28998" t="s">
        <v>17954</v>
      </c>
      <c r="E28998" t="s">
        <v>17915</v>
      </c>
      <c r="F28998" t="s">
        <v>17916</v>
      </c>
      <c r="G28998" t="s">
        <v>16559</v>
      </c>
      <c r="H28998" t="s">
        <v>16560</v>
      </c>
      <c r="I28998" s="2">
        <v>1</v>
      </c>
      <c r="J28998" s="2">
        <v>0</v>
      </c>
      <c r="K28998" s="2">
        <v>0</v>
      </c>
      <c r="L28998" t="s">
        <v>120</v>
      </c>
      <c r="M28998" t="s">
        <v>83</v>
      </c>
      <c r="N28998" t="s">
        <v>84</v>
      </c>
      <c r="O28998" t="s">
        <v>85</v>
      </c>
      <c r="P28998" t="s">
        <v>86</v>
      </c>
      <c r="Q28998">
        <v>15</v>
      </c>
      <c r="R28998">
        <v>15</v>
      </c>
      <c r="S28998">
        <v>15</v>
      </c>
      <c r="T28998">
        <v>16</v>
      </c>
      <c r="U28998">
        <v>16</v>
      </c>
      <c r="V28998">
        <v>16</v>
      </c>
      <c r="W28998">
        <v>16</v>
      </c>
      <c r="X28998">
        <v>16</v>
      </c>
      <c r="Y28998">
        <v>16</v>
      </c>
      <c r="Z28998">
        <v>17</v>
      </c>
      <c r="AA28998">
        <v>17</v>
      </c>
      <c r="AB28998">
        <v>17</v>
      </c>
      <c r="AC28998">
        <v>17</v>
      </c>
      <c r="AD28998">
        <v>17</v>
      </c>
      <c r="AE28998">
        <v>17</v>
      </c>
      <c r="AF28998">
        <v>17</v>
      </c>
      <c r="AG28998">
        <v>18</v>
      </c>
      <c r="AH28998">
        <v>18</v>
      </c>
      <c r="AI28998">
        <v>18</v>
      </c>
      <c r="AJ28998">
        <v>18</v>
      </c>
      <c r="AK28998">
        <v>18</v>
      </c>
      <c r="AL28998">
        <v>18</v>
      </c>
      <c r="AM28998">
        <v>18</v>
      </c>
      <c r="AN28998">
        <v>18</v>
      </c>
      <c r="AO28998">
        <v>18</v>
      </c>
      <c r="AP28998">
        <v>18</v>
      </c>
      <c r="AQ28998">
        <v>18</v>
      </c>
    </row>
    <row r="28999" spans="1:43">
      <c r="A28999" t="s">
        <v>17951</v>
      </c>
      <c r="B28999" t="s">
        <v>17952</v>
      </c>
      <c r="C28999" t="s">
        <v>17953</v>
      </c>
      <c r="D28999" t="s">
        <v>17954</v>
      </c>
      <c r="E28999" t="s">
        <v>17915</v>
      </c>
      <c r="F28999" t="s">
        <v>17916</v>
      </c>
      <c r="G28999" t="s">
        <v>16559</v>
      </c>
      <c r="H28999" t="s">
        <v>16560</v>
      </c>
      <c r="I28999" s="2">
        <v>1</v>
      </c>
      <c r="J28999" s="2">
        <v>0</v>
      </c>
      <c r="K28999" s="2">
        <v>0</v>
      </c>
      <c r="L28999" t="s">
        <v>120</v>
      </c>
      <c r="M28999" t="s">
        <v>87</v>
      </c>
      <c r="N28999" t="s">
        <v>88</v>
      </c>
      <c r="O28999" t="s">
        <v>85</v>
      </c>
      <c r="P28999" t="s">
        <v>86</v>
      </c>
      <c r="Q28999">
        <v>15</v>
      </c>
      <c r="R28999">
        <v>15</v>
      </c>
      <c r="S28999">
        <v>15</v>
      </c>
      <c r="T28999">
        <v>15</v>
      </c>
      <c r="U28999">
        <v>15</v>
      </c>
      <c r="V28999">
        <v>15</v>
      </c>
      <c r="W28999">
        <v>15</v>
      </c>
      <c r="X28999">
        <v>15</v>
      </c>
      <c r="Y28999">
        <v>15</v>
      </c>
      <c r="Z28999">
        <v>15</v>
      </c>
      <c r="AA28999">
        <v>15</v>
      </c>
      <c r="AB28999">
        <v>15</v>
      </c>
      <c r="AC28999">
        <v>15</v>
      </c>
      <c r="AD28999">
        <v>15</v>
      </c>
      <c r="AE28999">
        <v>15</v>
      </c>
      <c r="AF28999">
        <v>15</v>
      </c>
      <c r="AG28999">
        <v>15</v>
      </c>
      <c r="AH28999">
        <v>16</v>
      </c>
      <c r="AI28999">
        <v>16</v>
      </c>
      <c r="AJ28999">
        <v>16</v>
      </c>
      <c r="AK28999">
        <v>16</v>
      </c>
      <c r="AL28999">
        <v>16</v>
      </c>
      <c r="AM28999">
        <v>16</v>
      </c>
      <c r="AN28999">
        <v>16</v>
      </c>
      <c r="AO28999">
        <v>16</v>
      </c>
      <c r="AP28999">
        <v>16</v>
      </c>
      <c r="AQ28999">
        <v>16</v>
      </c>
    </row>
    <row r="29000" spans="1:43">
      <c r="A29000" t="s">
        <v>17951</v>
      </c>
      <c r="B29000" t="s">
        <v>17952</v>
      </c>
      <c r="C29000" t="s">
        <v>17953</v>
      </c>
      <c r="D29000" t="s">
        <v>17954</v>
      </c>
      <c r="E29000" t="s">
        <v>17915</v>
      </c>
      <c r="F29000" t="s">
        <v>17916</v>
      </c>
      <c r="G29000" t="s">
        <v>16559</v>
      </c>
      <c r="H29000" t="s">
        <v>16560</v>
      </c>
      <c r="I29000" s="2">
        <v>1</v>
      </c>
      <c r="J29000" s="2">
        <v>0</v>
      </c>
      <c r="K29000" s="2">
        <v>0</v>
      </c>
      <c r="L29000" t="s">
        <v>120</v>
      </c>
      <c r="M29000" t="s">
        <v>89</v>
      </c>
      <c r="N29000" t="s">
        <v>90</v>
      </c>
      <c r="O29000" t="s">
        <v>85</v>
      </c>
      <c r="P29000" t="s">
        <v>86</v>
      </c>
      <c r="Q29000">
        <v>15</v>
      </c>
      <c r="R29000">
        <v>15</v>
      </c>
      <c r="S29000">
        <v>16</v>
      </c>
      <c r="T29000">
        <v>16</v>
      </c>
      <c r="U29000">
        <v>16</v>
      </c>
      <c r="V29000">
        <v>17</v>
      </c>
      <c r="W29000">
        <v>17</v>
      </c>
      <c r="X29000">
        <v>17</v>
      </c>
      <c r="Y29000">
        <v>17</v>
      </c>
      <c r="Z29000">
        <v>18</v>
      </c>
      <c r="AA29000">
        <v>18</v>
      </c>
      <c r="AB29000">
        <v>18</v>
      </c>
      <c r="AC29000">
        <v>18</v>
      </c>
      <c r="AD29000">
        <v>18</v>
      </c>
      <c r="AE29000">
        <v>19</v>
      </c>
      <c r="AF29000">
        <v>18</v>
      </c>
      <c r="AG29000">
        <v>18</v>
      </c>
      <c r="AH29000">
        <v>18</v>
      </c>
      <c r="AI29000">
        <v>18</v>
      </c>
      <c r="AJ29000">
        <v>18</v>
      </c>
      <c r="AK29000">
        <v>18</v>
      </c>
      <c r="AL29000">
        <v>18</v>
      </c>
      <c r="AM29000">
        <v>18</v>
      </c>
      <c r="AN29000">
        <v>18</v>
      </c>
      <c r="AO29000">
        <v>18</v>
      </c>
      <c r="AP29000">
        <v>18</v>
      </c>
      <c r="AQ29000">
        <v>18</v>
      </c>
    </row>
    <row r="29001" spans="1:43">
      <c r="A29001" t="s">
        <v>17951</v>
      </c>
      <c r="B29001" t="s">
        <v>17952</v>
      </c>
      <c r="C29001" t="s">
        <v>17953</v>
      </c>
      <c r="D29001" t="s">
        <v>17954</v>
      </c>
      <c r="E29001" t="s">
        <v>17915</v>
      </c>
      <c r="F29001" t="s">
        <v>17916</v>
      </c>
      <c r="G29001" t="s">
        <v>16559</v>
      </c>
      <c r="H29001" t="s">
        <v>16560</v>
      </c>
      <c r="I29001" s="2">
        <v>1</v>
      </c>
      <c r="J29001" s="2">
        <v>0</v>
      </c>
      <c r="K29001" s="2">
        <v>0</v>
      </c>
      <c r="L29001" t="s">
        <v>120</v>
      </c>
      <c r="M29001" t="s">
        <v>83</v>
      </c>
      <c r="N29001" t="s">
        <v>91</v>
      </c>
      <c r="O29001" t="s">
        <v>85</v>
      </c>
      <c r="P29001" t="s">
        <v>86</v>
      </c>
      <c r="Q29001">
        <v>15</v>
      </c>
      <c r="R29001">
        <v>15</v>
      </c>
      <c r="S29001">
        <v>15</v>
      </c>
      <c r="T29001">
        <v>16</v>
      </c>
      <c r="U29001">
        <v>16</v>
      </c>
      <c r="V29001">
        <v>16</v>
      </c>
      <c r="W29001">
        <v>16</v>
      </c>
      <c r="X29001">
        <v>16</v>
      </c>
      <c r="Y29001">
        <v>16</v>
      </c>
      <c r="Z29001">
        <v>17</v>
      </c>
      <c r="AA29001">
        <v>17</v>
      </c>
      <c r="AB29001">
        <v>17</v>
      </c>
      <c r="AC29001">
        <v>17</v>
      </c>
      <c r="AD29001">
        <v>17</v>
      </c>
      <c r="AE29001">
        <v>17</v>
      </c>
      <c r="AF29001">
        <v>17</v>
      </c>
      <c r="AG29001">
        <v>18</v>
      </c>
      <c r="AH29001">
        <v>18</v>
      </c>
      <c r="AI29001">
        <v>18</v>
      </c>
      <c r="AJ29001">
        <v>18</v>
      </c>
      <c r="AK29001">
        <v>18</v>
      </c>
      <c r="AL29001">
        <v>18</v>
      </c>
      <c r="AM29001">
        <v>18</v>
      </c>
      <c r="AN29001">
        <v>18</v>
      </c>
      <c r="AO29001">
        <v>18</v>
      </c>
      <c r="AP29001">
        <v>18</v>
      </c>
      <c r="AQ29001">
        <v>18</v>
      </c>
    </row>
    <row r="29002" spans="1:43">
      <c r="A29002" t="s">
        <v>17955</v>
      </c>
      <c r="B29002" t="s">
        <v>17956</v>
      </c>
      <c r="C29002" t="s">
        <v>17953</v>
      </c>
      <c r="D29002" t="s">
        <v>17954</v>
      </c>
      <c r="E29002" t="s">
        <v>17915</v>
      </c>
      <c r="F29002" t="s">
        <v>17916</v>
      </c>
      <c r="G29002" t="s">
        <v>16559</v>
      </c>
      <c r="H29002" t="s">
        <v>16560</v>
      </c>
      <c r="I29002" s="2">
        <v>1</v>
      </c>
      <c r="J29002" s="2">
        <v>0</v>
      </c>
      <c r="K29002" s="2">
        <v>0</v>
      </c>
      <c r="L29002" t="s">
        <v>120</v>
      </c>
      <c r="M29002" t="s">
        <v>83</v>
      </c>
      <c r="N29002" t="s">
        <v>84</v>
      </c>
      <c r="O29002" t="s">
        <v>85</v>
      </c>
      <c r="P29002" t="s">
        <v>86</v>
      </c>
      <c r="Q29002">
        <v>8</v>
      </c>
      <c r="R29002">
        <v>8</v>
      </c>
      <c r="S29002">
        <v>8</v>
      </c>
      <c r="T29002">
        <v>8</v>
      </c>
      <c r="U29002">
        <v>8</v>
      </c>
      <c r="V29002">
        <v>9</v>
      </c>
      <c r="W29002">
        <v>9</v>
      </c>
      <c r="X29002">
        <v>9</v>
      </c>
      <c r="Y29002">
        <v>9</v>
      </c>
      <c r="Z29002">
        <v>9</v>
      </c>
      <c r="AA29002">
        <v>9</v>
      </c>
      <c r="AB29002">
        <v>9</v>
      </c>
      <c r="AC29002">
        <v>9</v>
      </c>
      <c r="AD29002">
        <v>9</v>
      </c>
      <c r="AE29002">
        <v>9</v>
      </c>
      <c r="AF29002">
        <v>9</v>
      </c>
      <c r="AG29002">
        <v>9</v>
      </c>
      <c r="AH29002">
        <v>10</v>
      </c>
      <c r="AI29002">
        <v>10</v>
      </c>
      <c r="AJ29002">
        <v>10</v>
      </c>
      <c r="AK29002">
        <v>10</v>
      </c>
      <c r="AL29002">
        <v>10</v>
      </c>
      <c r="AM29002">
        <v>10</v>
      </c>
      <c r="AN29002">
        <v>10</v>
      </c>
      <c r="AO29002">
        <v>10</v>
      </c>
      <c r="AP29002">
        <v>10</v>
      </c>
      <c r="AQ29002">
        <v>10</v>
      </c>
    </row>
    <row r="29003" spans="1:43">
      <c r="A29003" t="s">
        <v>17955</v>
      </c>
      <c r="B29003" t="s">
        <v>17956</v>
      </c>
      <c r="C29003" t="s">
        <v>17953</v>
      </c>
      <c r="D29003" t="s">
        <v>17954</v>
      </c>
      <c r="E29003" t="s">
        <v>17915</v>
      </c>
      <c r="F29003" t="s">
        <v>17916</v>
      </c>
      <c r="G29003" t="s">
        <v>16559</v>
      </c>
      <c r="H29003" t="s">
        <v>16560</v>
      </c>
      <c r="I29003" s="2">
        <v>1</v>
      </c>
      <c r="J29003" s="2">
        <v>0</v>
      </c>
      <c r="K29003" s="2">
        <v>0</v>
      </c>
      <c r="L29003" t="s">
        <v>120</v>
      </c>
      <c r="M29003" t="s">
        <v>87</v>
      </c>
      <c r="N29003" t="s">
        <v>88</v>
      </c>
      <c r="O29003" t="s">
        <v>85</v>
      </c>
      <c r="P29003" t="s">
        <v>86</v>
      </c>
      <c r="Q29003">
        <v>8</v>
      </c>
      <c r="R29003">
        <v>8</v>
      </c>
      <c r="S29003">
        <v>8</v>
      </c>
      <c r="T29003">
        <v>8</v>
      </c>
      <c r="U29003">
        <v>8</v>
      </c>
      <c r="V29003">
        <v>8</v>
      </c>
      <c r="W29003">
        <v>8</v>
      </c>
      <c r="X29003">
        <v>8</v>
      </c>
      <c r="Y29003">
        <v>8</v>
      </c>
      <c r="Z29003">
        <v>8</v>
      </c>
      <c r="AA29003">
        <v>8</v>
      </c>
      <c r="AB29003">
        <v>8</v>
      </c>
      <c r="AC29003">
        <v>8</v>
      </c>
      <c r="AD29003">
        <v>8</v>
      </c>
      <c r="AE29003">
        <v>8</v>
      </c>
      <c r="AF29003">
        <v>8</v>
      </c>
      <c r="AG29003">
        <v>8</v>
      </c>
      <c r="AH29003">
        <v>8</v>
      </c>
      <c r="AI29003">
        <v>8</v>
      </c>
      <c r="AJ29003">
        <v>8</v>
      </c>
      <c r="AK29003">
        <v>8</v>
      </c>
      <c r="AL29003">
        <v>8</v>
      </c>
      <c r="AM29003">
        <v>8</v>
      </c>
      <c r="AN29003">
        <v>8</v>
      </c>
      <c r="AO29003">
        <v>8</v>
      </c>
      <c r="AP29003">
        <v>9</v>
      </c>
      <c r="AQ29003">
        <v>9</v>
      </c>
    </row>
    <row r="29004" spans="1:43">
      <c r="A29004" t="s">
        <v>17955</v>
      </c>
      <c r="B29004" t="s">
        <v>17956</v>
      </c>
      <c r="C29004" t="s">
        <v>17953</v>
      </c>
      <c r="D29004" t="s">
        <v>17954</v>
      </c>
      <c r="E29004" t="s">
        <v>17915</v>
      </c>
      <c r="F29004" t="s">
        <v>17916</v>
      </c>
      <c r="G29004" t="s">
        <v>16559</v>
      </c>
      <c r="H29004" t="s">
        <v>16560</v>
      </c>
      <c r="I29004" s="2">
        <v>1</v>
      </c>
      <c r="J29004" s="2">
        <v>0</v>
      </c>
      <c r="K29004" s="2">
        <v>0</v>
      </c>
      <c r="L29004" t="s">
        <v>120</v>
      </c>
      <c r="M29004" t="s">
        <v>89</v>
      </c>
      <c r="N29004" t="s">
        <v>90</v>
      </c>
      <c r="O29004" t="s">
        <v>85</v>
      </c>
      <c r="P29004" t="s">
        <v>86</v>
      </c>
      <c r="Q29004">
        <v>8</v>
      </c>
      <c r="R29004">
        <v>8</v>
      </c>
      <c r="S29004">
        <v>8</v>
      </c>
      <c r="T29004">
        <v>9</v>
      </c>
      <c r="U29004">
        <v>9</v>
      </c>
      <c r="V29004">
        <v>9</v>
      </c>
      <c r="W29004">
        <v>9</v>
      </c>
      <c r="X29004">
        <v>9</v>
      </c>
      <c r="Y29004">
        <v>9</v>
      </c>
      <c r="Z29004">
        <v>9</v>
      </c>
      <c r="AA29004">
        <v>10</v>
      </c>
      <c r="AB29004">
        <v>10</v>
      </c>
      <c r="AC29004">
        <v>10</v>
      </c>
      <c r="AD29004">
        <v>10</v>
      </c>
      <c r="AE29004">
        <v>10</v>
      </c>
      <c r="AF29004">
        <v>10</v>
      </c>
      <c r="AG29004">
        <v>10</v>
      </c>
      <c r="AH29004">
        <v>10</v>
      </c>
      <c r="AI29004">
        <v>10</v>
      </c>
      <c r="AJ29004">
        <v>10</v>
      </c>
      <c r="AK29004">
        <v>10</v>
      </c>
      <c r="AL29004">
        <v>10</v>
      </c>
      <c r="AM29004">
        <v>10</v>
      </c>
      <c r="AN29004">
        <v>10</v>
      </c>
      <c r="AO29004">
        <v>10</v>
      </c>
      <c r="AP29004">
        <v>10</v>
      </c>
      <c r="AQ29004">
        <v>10</v>
      </c>
    </row>
    <row r="29005" spans="1:43">
      <c r="A29005" t="s">
        <v>17955</v>
      </c>
      <c r="B29005" t="s">
        <v>17956</v>
      </c>
      <c r="C29005" t="s">
        <v>17953</v>
      </c>
      <c r="D29005" t="s">
        <v>17954</v>
      </c>
      <c r="E29005" t="s">
        <v>17915</v>
      </c>
      <c r="F29005" t="s">
        <v>17916</v>
      </c>
      <c r="G29005" t="s">
        <v>16559</v>
      </c>
      <c r="H29005" t="s">
        <v>16560</v>
      </c>
      <c r="I29005" s="2">
        <v>1</v>
      </c>
      <c r="J29005" s="2">
        <v>0</v>
      </c>
      <c r="K29005" s="2">
        <v>0</v>
      </c>
      <c r="L29005" t="s">
        <v>120</v>
      </c>
      <c r="M29005" t="s">
        <v>83</v>
      </c>
      <c r="N29005" t="s">
        <v>91</v>
      </c>
      <c r="O29005" t="s">
        <v>85</v>
      </c>
      <c r="P29005" t="s">
        <v>86</v>
      </c>
      <c r="Q29005">
        <v>8</v>
      </c>
      <c r="R29005">
        <v>8</v>
      </c>
      <c r="S29005">
        <v>8</v>
      </c>
      <c r="T29005">
        <v>8</v>
      </c>
      <c r="U29005">
        <v>8</v>
      </c>
      <c r="V29005">
        <v>9</v>
      </c>
      <c r="W29005">
        <v>9</v>
      </c>
      <c r="X29005">
        <v>9</v>
      </c>
      <c r="Y29005">
        <v>9</v>
      </c>
      <c r="Z29005">
        <v>9</v>
      </c>
      <c r="AA29005">
        <v>9</v>
      </c>
      <c r="AB29005">
        <v>9</v>
      </c>
      <c r="AC29005">
        <v>9</v>
      </c>
      <c r="AD29005">
        <v>9</v>
      </c>
      <c r="AE29005">
        <v>9</v>
      </c>
      <c r="AF29005">
        <v>9</v>
      </c>
      <c r="AG29005">
        <v>9</v>
      </c>
      <c r="AH29005">
        <v>10</v>
      </c>
      <c r="AI29005">
        <v>10</v>
      </c>
      <c r="AJ29005">
        <v>10</v>
      </c>
      <c r="AK29005">
        <v>10</v>
      </c>
      <c r="AL29005">
        <v>10</v>
      </c>
      <c r="AM29005">
        <v>10</v>
      </c>
      <c r="AN29005">
        <v>10</v>
      </c>
      <c r="AO29005">
        <v>10</v>
      </c>
      <c r="AP29005">
        <v>10</v>
      </c>
      <c r="AQ29005">
        <v>10</v>
      </c>
    </row>
    <row r="29006" spans="1:43">
      <c r="A29006" t="s">
        <v>17957</v>
      </c>
      <c r="B29006" t="s">
        <v>17958</v>
      </c>
      <c r="C29006" t="s">
        <v>17953</v>
      </c>
      <c r="D29006" t="s">
        <v>17954</v>
      </c>
      <c r="E29006" t="s">
        <v>17915</v>
      </c>
      <c r="F29006" t="s">
        <v>17916</v>
      </c>
      <c r="G29006" t="s">
        <v>16559</v>
      </c>
      <c r="H29006" t="s">
        <v>16560</v>
      </c>
      <c r="I29006" s="2">
        <v>1</v>
      </c>
      <c r="J29006" s="2">
        <v>0</v>
      </c>
      <c r="K29006" s="2">
        <v>0</v>
      </c>
      <c r="L29006" t="s">
        <v>120</v>
      </c>
      <c r="M29006" t="s">
        <v>83</v>
      </c>
      <c r="N29006" t="s">
        <v>84</v>
      </c>
      <c r="O29006" t="s">
        <v>85</v>
      </c>
      <c r="P29006" t="s">
        <v>86</v>
      </c>
      <c r="Q29006">
        <v>11</v>
      </c>
      <c r="R29006">
        <v>11</v>
      </c>
      <c r="S29006">
        <v>11</v>
      </c>
      <c r="T29006">
        <v>11</v>
      </c>
      <c r="U29006">
        <v>11</v>
      </c>
      <c r="V29006">
        <v>12</v>
      </c>
      <c r="W29006">
        <v>12</v>
      </c>
      <c r="X29006">
        <v>12</v>
      </c>
      <c r="Y29006">
        <v>12</v>
      </c>
      <c r="Z29006">
        <v>12</v>
      </c>
      <c r="AA29006">
        <v>12</v>
      </c>
      <c r="AB29006">
        <v>12</v>
      </c>
      <c r="AC29006">
        <v>12</v>
      </c>
      <c r="AD29006">
        <v>13</v>
      </c>
      <c r="AE29006">
        <v>13</v>
      </c>
      <c r="AF29006">
        <v>13</v>
      </c>
      <c r="AG29006">
        <v>13</v>
      </c>
      <c r="AH29006">
        <v>13</v>
      </c>
      <c r="AI29006">
        <v>13</v>
      </c>
      <c r="AJ29006">
        <v>13</v>
      </c>
      <c r="AK29006">
        <v>13</v>
      </c>
      <c r="AL29006">
        <v>13</v>
      </c>
      <c r="AM29006">
        <v>13</v>
      </c>
      <c r="AN29006">
        <v>13</v>
      </c>
      <c r="AO29006">
        <v>13</v>
      </c>
      <c r="AP29006">
        <v>13</v>
      </c>
      <c r="AQ29006">
        <v>13</v>
      </c>
    </row>
    <row r="29007" spans="1:43">
      <c r="A29007" t="s">
        <v>17957</v>
      </c>
      <c r="B29007" t="s">
        <v>17958</v>
      </c>
      <c r="C29007" t="s">
        <v>17953</v>
      </c>
      <c r="D29007" t="s">
        <v>17954</v>
      </c>
      <c r="E29007" t="s">
        <v>17915</v>
      </c>
      <c r="F29007" t="s">
        <v>17916</v>
      </c>
      <c r="G29007" t="s">
        <v>16559</v>
      </c>
      <c r="H29007" t="s">
        <v>16560</v>
      </c>
      <c r="I29007" s="2">
        <v>1</v>
      </c>
      <c r="J29007" s="2">
        <v>0</v>
      </c>
      <c r="K29007" s="2">
        <v>0</v>
      </c>
      <c r="L29007" t="s">
        <v>120</v>
      </c>
      <c r="M29007" t="s">
        <v>87</v>
      </c>
      <c r="N29007" t="s">
        <v>88</v>
      </c>
      <c r="O29007" t="s">
        <v>85</v>
      </c>
      <c r="P29007" t="s">
        <v>86</v>
      </c>
      <c r="Q29007">
        <v>11</v>
      </c>
      <c r="R29007">
        <v>11</v>
      </c>
      <c r="S29007">
        <v>11</v>
      </c>
      <c r="T29007">
        <v>11</v>
      </c>
      <c r="U29007">
        <v>11</v>
      </c>
      <c r="V29007">
        <v>11</v>
      </c>
      <c r="W29007">
        <v>11</v>
      </c>
      <c r="X29007">
        <v>11</v>
      </c>
      <c r="Y29007">
        <v>11</v>
      </c>
      <c r="Z29007">
        <v>11</v>
      </c>
      <c r="AA29007">
        <v>11</v>
      </c>
      <c r="AB29007">
        <v>11</v>
      </c>
      <c r="AC29007">
        <v>11</v>
      </c>
      <c r="AD29007">
        <v>11</v>
      </c>
      <c r="AE29007">
        <v>11</v>
      </c>
      <c r="AF29007">
        <v>11</v>
      </c>
      <c r="AG29007">
        <v>11</v>
      </c>
      <c r="AH29007">
        <v>11</v>
      </c>
      <c r="AI29007">
        <v>11</v>
      </c>
      <c r="AJ29007">
        <v>11</v>
      </c>
      <c r="AK29007">
        <v>11</v>
      </c>
      <c r="AL29007">
        <v>11</v>
      </c>
      <c r="AM29007">
        <v>11</v>
      </c>
      <c r="AN29007">
        <v>11</v>
      </c>
      <c r="AO29007">
        <v>12</v>
      </c>
      <c r="AP29007">
        <v>12</v>
      </c>
      <c r="AQ29007">
        <v>12</v>
      </c>
    </row>
    <row r="29008" spans="1:43">
      <c r="A29008" t="s">
        <v>17957</v>
      </c>
      <c r="B29008" t="s">
        <v>17958</v>
      </c>
      <c r="C29008" t="s">
        <v>17953</v>
      </c>
      <c r="D29008" t="s">
        <v>17954</v>
      </c>
      <c r="E29008" t="s">
        <v>17915</v>
      </c>
      <c r="F29008" t="s">
        <v>17916</v>
      </c>
      <c r="G29008" t="s">
        <v>16559</v>
      </c>
      <c r="H29008" t="s">
        <v>16560</v>
      </c>
      <c r="I29008" s="2">
        <v>1</v>
      </c>
      <c r="J29008" s="2">
        <v>0</v>
      </c>
      <c r="K29008" s="2">
        <v>0</v>
      </c>
      <c r="L29008" t="s">
        <v>120</v>
      </c>
      <c r="M29008" t="s">
        <v>89</v>
      </c>
      <c r="N29008" t="s">
        <v>90</v>
      </c>
      <c r="O29008" t="s">
        <v>85</v>
      </c>
      <c r="P29008" t="s">
        <v>86</v>
      </c>
      <c r="Q29008">
        <v>11</v>
      </c>
      <c r="R29008">
        <v>11</v>
      </c>
      <c r="S29008">
        <v>11</v>
      </c>
      <c r="T29008">
        <v>12</v>
      </c>
      <c r="U29008">
        <v>12</v>
      </c>
      <c r="V29008">
        <v>12</v>
      </c>
      <c r="W29008">
        <v>12</v>
      </c>
      <c r="X29008">
        <v>12</v>
      </c>
      <c r="Y29008">
        <v>13</v>
      </c>
      <c r="Z29008">
        <v>13</v>
      </c>
      <c r="AA29008">
        <v>13</v>
      </c>
      <c r="AB29008">
        <v>13</v>
      </c>
      <c r="AC29008">
        <v>13</v>
      </c>
      <c r="AD29008">
        <v>13</v>
      </c>
      <c r="AE29008">
        <v>14</v>
      </c>
      <c r="AF29008">
        <v>13</v>
      </c>
      <c r="AG29008">
        <v>13</v>
      </c>
      <c r="AH29008">
        <v>13</v>
      </c>
      <c r="AI29008">
        <v>13</v>
      </c>
      <c r="AJ29008">
        <v>13</v>
      </c>
      <c r="AK29008">
        <v>13</v>
      </c>
      <c r="AL29008">
        <v>13</v>
      </c>
      <c r="AM29008">
        <v>13</v>
      </c>
      <c r="AN29008">
        <v>13</v>
      </c>
      <c r="AO29008">
        <v>13</v>
      </c>
      <c r="AP29008">
        <v>13</v>
      </c>
      <c r="AQ29008">
        <v>13</v>
      </c>
    </row>
    <row r="29009" spans="1:43">
      <c r="A29009" t="s">
        <v>17957</v>
      </c>
      <c r="B29009" t="s">
        <v>17958</v>
      </c>
      <c r="C29009" t="s">
        <v>17953</v>
      </c>
      <c r="D29009" t="s">
        <v>17954</v>
      </c>
      <c r="E29009" t="s">
        <v>17915</v>
      </c>
      <c r="F29009" t="s">
        <v>17916</v>
      </c>
      <c r="G29009" t="s">
        <v>16559</v>
      </c>
      <c r="H29009" t="s">
        <v>16560</v>
      </c>
      <c r="I29009" s="2">
        <v>1</v>
      </c>
      <c r="J29009" s="2">
        <v>0</v>
      </c>
      <c r="K29009" s="2">
        <v>0</v>
      </c>
      <c r="L29009" t="s">
        <v>120</v>
      </c>
      <c r="M29009" t="s">
        <v>83</v>
      </c>
      <c r="N29009" t="s">
        <v>91</v>
      </c>
      <c r="O29009" t="s">
        <v>85</v>
      </c>
      <c r="P29009" t="s">
        <v>86</v>
      </c>
      <c r="Q29009">
        <v>11</v>
      </c>
      <c r="R29009">
        <v>11</v>
      </c>
      <c r="S29009">
        <v>11</v>
      </c>
      <c r="T29009">
        <v>11</v>
      </c>
      <c r="U29009">
        <v>11</v>
      </c>
      <c r="V29009">
        <v>12</v>
      </c>
      <c r="W29009">
        <v>12</v>
      </c>
      <c r="X29009">
        <v>12</v>
      </c>
      <c r="Y29009">
        <v>12</v>
      </c>
      <c r="Z29009">
        <v>12</v>
      </c>
      <c r="AA29009">
        <v>12</v>
      </c>
      <c r="AB29009">
        <v>12</v>
      </c>
      <c r="AC29009">
        <v>12</v>
      </c>
      <c r="AD29009">
        <v>13</v>
      </c>
      <c r="AE29009">
        <v>13</v>
      </c>
      <c r="AF29009">
        <v>13</v>
      </c>
      <c r="AG29009">
        <v>13</v>
      </c>
      <c r="AH29009">
        <v>13</v>
      </c>
      <c r="AI29009">
        <v>13</v>
      </c>
      <c r="AJ29009">
        <v>13</v>
      </c>
      <c r="AK29009">
        <v>13</v>
      </c>
      <c r="AL29009">
        <v>13</v>
      </c>
      <c r="AM29009">
        <v>13</v>
      </c>
      <c r="AN29009">
        <v>13</v>
      </c>
      <c r="AO29009">
        <v>13</v>
      </c>
      <c r="AP29009">
        <v>13</v>
      </c>
      <c r="AQ29009">
        <v>13</v>
      </c>
    </row>
    <row r="29010" spans="1:43">
      <c r="A29010" t="s">
        <v>17959</v>
      </c>
      <c r="B29010" t="s">
        <v>17960</v>
      </c>
      <c r="C29010" t="s">
        <v>17953</v>
      </c>
      <c r="D29010" t="s">
        <v>17954</v>
      </c>
      <c r="E29010" t="s">
        <v>17915</v>
      </c>
      <c r="F29010" t="s">
        <v>17916</v>
      </c>
      <c r="G29010" t="s">
        <v>16559</v>
      </c>
      <c r="H29010" t="s">
        <v>16560</v>
      </c>
      <c r="I29010" s="2">
        <v>1</v>
      </c>
      <c r="J29010" s="2">
        <v>0</v>
      </c>
      <c r="K29010" s="2">
        <v>0</v>
      </c>
      <c r="L29010" t="s">
        <v>120</v>
      </c>
      <c r="M29010" t="s">
        <v>83</v>
      </c>
      <c r="N29010" t="s">
        <v>84</v>
      </c>
      <c r="O29010" t="s">
        <v>85</v>
      </c>
      <c r="P29010" t="s">
        <v>86</v>
      </c>
      <c r="Q29010">
        <v>22</v>
      </c>
      <c r="R29010">
        <v>22</v>
      </c>
      <c r="S29010">
        <v>22</v>
      </c>
      <c r="T29010">
        <v>22</v>
      </c>
      <c r="U29010">
        <v>23</v>
      </c>
      <c r="V29010">
        <v>23</v>
      </c>
      <c r="W29010">
        <v>23</v>
      </c>
      <c r="X29010">
        <v>23</v>
      </c>
      <c r="Y29010">
        <v>24</v>
      </c>
      <c r="Z29010">
        <v>24</v>
      </c>
      <c r="AA29010">
        <v>24</v>
      </c>
      <c r="AB29010">
        <v>24</v>
      </c>
      <c r="AC29010">
        <v>25</v>
      </c>
      <c r="AD29010">
        <v>25</v>
      </c>
      <c r="AE29010">
        <v>25</v>
      </c>
      <c r="AF29010">
        <v>25</v>
      </c>
      <c r="AG29010">
        <v>25</v>
      </c>
      <c r="AH29010">
        <v>26</v>
      </c>
      <c r="AI29010">
        <v>26</v>
      </c>
      <c r="AJ29010">
        <v>26</v>
      </c>
      <c r="AK29010">
        <v>26</v>
      </c>
      <c r="AL29010">
        <v>26</v>
      </c>
      <c r="AM29010">
        <v>26</v>
      </c>
      <c r="AN29010">
        <v>26</v>
      </c>
      <c r="AO29010">
        <v>26</v>
      </c>
      <c r="AP29010">
        <v>26</v>
      </c>
      <c r="AQ29010">
        <v>26</v>
      </c>
    </row>
    <row r="29011" spans="1:43">
      <c r="A29011" t="s">
        <v>17959</v>
      </c>
      <c r="B29011" t="s">
        <v>17960</v>
      </c>
      <c r="C29011" t="s">
        <v>17953</v>
      </c>
      <c r="D29011" t="s">
        <v>17954</v>
      </c>
      <c r="E29011" t="s">
        <v>17915</v>
      </c>
      <c r="F29011" t="s">
        <v>17916</v>
      </c>
      <c r="G29011" t="s">
        <v>16559</v>
      </c>
      <c r="H29011" t="s">
        <v>16560</v>
      </c>
      <c r="I29011" s="2">
        <v>1</v>
      </c>
      <c r="J29011" s="2">
        <v>0</v>
      </c>
      <c r="K29011" s="2">
        <v>0</v>
      </c>
      <c r="L29011" t="s">
        <v>120</v>
      </c>
      <c r="M29011" t="s">
        <v>87</v>
      </c>
      <c r="N29011" t="s">
        <v>88</v>
      </c>
      <c r="O29011" t="s">
        <v>85</v>
      </c>
      <c r="P29011" t="s">
        <v>86</v>
      </c>
      <c r="Q29011">
        <v>22</v>
      </c>
      <c r="R29011">
        <v>22</v>
      </c>
      <c r="S29011">
        <v>23</v>
      </c>
      <c r="T29011">
        <v>23</v>
      </c>
      <c r="U29011">
        <v>23</v>
      </c>
      <c r="V29011">
        <v>23</v>
      </c>
      <c r="W29011">
        <v>23</v>
      </c>
      <c r="X29011">
        <v>23</v>
      </c>
      <c r="Y29011">
        <v>23</v>
      </c>
      <c r="Z29011">
        <v>23</v>
      </c>
      <c r="AA29011">
        <v>23</v>
      </c>
      <c r="AB29011">
        <v>23</v>
      </c>
      <c r="AC29011">
        <v>23</v>
      </c>
      <c r="AD29011">
        <v>23</v>
      </c>
      <c r="AE29011">
        <v>23</v>
      </c>
      <c r="AF29011">
        <v>23</v>
      </c>
      <c r="AG29011">
        <v>23</v>
      </c>
      <c r="AH29011">
        <v>23</v>
      </c>
      <c r="AI29011">
        <v>23</v>
      </c>
      <c r="AJ29011">
        <v>24</v>
      </c>
      <c r="AK29011">
        <v>24</v>
      </c>
      <c r="AL29011">
        <v>24</v>
      </c>
      <c r="AM29011">
        <v>24</v>
      </c>
      <c r="AN29011">
        <v>24</v>
      </c>
      <c r="AO29011">
        <v>24</v>
      </c>
      <c r="AP29011">
        <v>24</v>
      </c>
      <c r="AQ29011">
        <v>24</v>
      </c>
    </row>
    <row r="29012" spans="1:43">
      <c r="A29012" t="s">
        <v>17959</v>
      </c>
      <c r="B29012" t="s">
        <v>17960</v>
      </c>
      <c r="C29012" t="s">
        <v>17953</v>
      </c>
      <c r="D29012" t="s">
        <v>17954</v>
      </c>
      <c r="E29012" t="s">
        <v>17915</v>
      </c>
      <c r="F29012" t="s">
        <v>17916</v>
      </c>
      <c r="G29012" t="s">
        <v>16559</v>
      </c>
      <c r="H29012" t="s">
        <v>16560</v>
      </c>
      <c r="I29012" s="2">
        <v>1</v>
      </c>
      <c r="J29012" s="2">
        <v>0</v>
      </c>
      <c r="K29012" s="2">
        <v>0</v>
      </c>
      <c r="L29012" t="s">
        <v>120</v>
      </c>
      <c r="M29012" t="s">
        <v>89</v>
      </c>
      <c r="N29012" t="s">
        <v>90</v>
      </c>
      <c r="O29012" t="s">
        <v>85</v>
      </c>
      <c r="P29012" t="s">
        <v>86</v>
      </c>
      <c r="Q29012">
        <v>22</v>
      </c>
      <c r="R29012">
        <v>22</v>
      </c>
      <c r="S29012">
        <v>23</v>
      </c>
      <c r="T29012">
        <v>23</v>
      </c>
      <c r="U29012">
        <v>24</v>
      </c>
      <c r="V29012">
        <v>24</v>
      </c>
      <c r="W29012">
        <v>24</v>
      </c>
      <c r="X29012">
        <v>25</v>
      </c>
      <c r="Y29012">
        <v>25</v>
      </c>
      <c r="Z29012">
        <v>25</v>
      </c>
      <c r="AA29012">
        <v>26</v>
      </c>
      <c r="AB29012">
        <v>26</v>
      </c>
      <c r="AC29012">
        <v>26</v>
      </c>
      <c r="AD29012">
        <v>27</v>
      </c>
      <c r="AE29012">
        <v>27</v>
      </c>
      <c r="AF29012">
        <v>27</v>
      </c>
      <c r="AG29012">
        <v>27</v>
      </c>
      <c r="AH29012">
        <v>27</v>
      </c>
      <c r="AI29012">
        <v>27</v>
      </c>
      <c r="AJ29012">
        <v>27</v>
      </c>
      <c r="AK29012">
        <v>27</v>
      </c>
      <c r="AL29012">
        <v>27</v>
      </c>
      <c r="AM29012">
        <v>27</v>
      </c>
      <c r="AN29012">
        <v>26</v>
      </c>
      <c r="AO29012">
        <v>26</v>
      </c>
      <c r="AP29012">
        <v>26</v>
      </c>
      <c r="AQ29012">
        <v>26</v>
      </c>
    </row>
    <row r="29013" spans="1:43">
      <c r="A29013" t="s">
        <v>17959</v>
      </c>
      <c r="B29013" t="s">
        <v>17960</v>
      </c>
      <c r="C29013" t="s">
        <v>17953</v>
      </c>
      <c r="D29013" t="s">
        <v>17954</v>
      </c>
      <c r="E29013" t="s">
        <v>17915</v>
      </c>
      <c r="F29013" t="s">
        <v>17916</v>
      </c>
      <c r="G29013" t="s">
        <v>16559</v>
      </c>
      <c r="H29013" t="s">
        <v>16560</v>
      </c>
      <c r="I29013" s="2">
        <v>1</v>
      </c>
      <c r="J29013" s="2">
        <v>0</v>
      </c>
      <c r="K29013" s="2">
        <v>0</v>
      </c>
      <c r="L29013" t="s">
        <v>120</v>
      </c>
      <c r="M29013" t="s">
        <v>83</v>
      </c>
      <c r="N29013" t="s">
        <v>91</v>
      </c>
      <c r="O29013" t="s">
        <v>85</v>
      </c>
      <c r="P29013" t="s">
        <v>86</v>
      </c>
      <c r="Q29013">
        <v>22</v>
      </c>
      <c r="R29013">
        <v>22</v>
      </c>
      <c r="S29013">
        <v>22</v>
      </c>
      <c r="T29013">
        <v>22</v>
      </c>
      <c r="U29013">
        <v>23</v>
      </c>
      <c r="V29013">
        <v>23</v>
      </c>
      <c r="W29013">
        <v>23</v>
      </c>
      <c r="X29013">
        <v>23</v>
      </c>
      <c r="Y29013">
        <v>24</v>
      </c>
      <c r="Z29013">
        <v>24</v>
      </c>
      <c r="AA29013">
        <v>24</v>
      </c>
      <c r="AB29013">
        <v>24</v>
      </c>
      <c r="AC29013">
        <v>25</v>
      </c>
      <c r="AD29013">
        <v>25</v>
      </c>
      <c r="AE29013">
        <v>25</v>
      </c>
      <c r="AF29013">
        <v>25</v>
      </c>
      <c r="AG29013">
        <v>25</v>
      </c>
      <c r="AH29013">
        <v>26</v>
      </c>
      <c r="AI29013">
        <v>26</v>
      </c>
      <c r="AJ29013">
        <v>26</v>
      </c>
      <c r="AK29013">
        <v>26</v>
      </c>
      <c r="AL29013">
        <v>26</v>
      </c>
      <c r="AM29013">
        <v>26</v>
      </c>
      <c r="AN29013">
        <v>26</v>
      </c>
      <c r="AO29013">
        <v>26</v>
      </c>
      <c r="AP29013">
        <v>26</v>
      </c>
      <c r="AQ29013">
        <v>26</v>
      </c>
    </row>
    <row r="29014" spans="1:43">
      <c r="A29014" t="s">
        <v>17961</v>
      </c>
      <c r="B29014" t="s">
        <v>17962</v>
      </c>
      <c r="C29014" t="s">
        <v>17953</v>
      </c>
      <c r="D29014" t="s">
        <v>17954</v>
      </c>
      <c r="E29014" t="s">
        <v>17915</v>
      </c>
      <c r="F29014" t="s">
        <v>17916</v>
      </c>
      <c r="G29014" t="s">
        <v>16559</v>
      </c>
      <c r="H29014" t="s">
        <v>16560</v>
      </c>
      <c r="I29014" s="2">
        <v>1</v>
      </c>
      <c r="J29014" s="2">
        <v>0</v>
      </c>
      <c r="K29014" s="2">
        <v>0</v>
      </c>
      <c r="L29014" t="s">
        <v>120</v>
      </c>
      <c r="M29014" t="s">
        <v>83</v>
      </c>
      <c r="N29014" t="s">
        <v>84</v>
      </c>
      <c r="O29014" t="s">
        <v>85</v>
      </c>
      <c r="P29014" t="s">
        <v>86</v>
      </c>
      <c r="Q29014">
        <v>22</v>
      </c>
      <c r="R29014">
        <v>22</v>
      </c>
      <c r="S29014">
        <v>23</v>
      </c>
      <c r="T29014">
        <v>23</v>
      </c>
      <c r="U29014">
        <v>23</v>
      </c>
      <c r="V29014">
        <v>23</v>
      </c>
      <c r="W29014">
        <v>24</v>
      </c>
      <c r="X29014">
        <v>24</v>
      </c>
      <c r="Y29014">
        <v>24</v>
      </c>
      <c r="Z29014">
        <v>24</v>
      </c>
      <c r="AA29014">
        <v>25</v>
      </c>
      <c r="AB29014">
        <v>25</v>
      </c>
      <c r="AC29014">
        <v>25</v>
      </c>
      <c r="AD29014">
        <v>25</v>
      </c>
      <c r="AE29014">
        <v>26</v>
      </c>
      <c r="AF29014">
        <v>26</v>
      </c>
      <c r="AG29014">
        <v>26</v>
      </c>
      <c r="AH29014">
        <v>26</v>
      </c>
      <c r="AI29014">
        <v>26</v>
      </c>
      <c r="AJ29014">
        <v>27</v>
      </c>
      <c r="AK29014">
        <v>27</v>
      </c>
      <c r="AL29014">
        <v>27</v>
      </c>
      <c r="AM29014">
        <v>27</v>
      </c>
      <c r="AN29014">
        <v>27</v>
      </c>
      <c r="AO29014">
        <v>27</v>
      </c>
      <c r="AP29014">
        <v>27</v>
      </c>
      <c r="AQ29014">
        <v>27</v>
      </c>
    </row>
    <row r="29015" spans="1:43">
      <c r="A29015" t="s">
        <v>17961</v>
      </c>
      <c r="B29015" t="s">
        <v>17962</v>
      </c>
      <c r="C29015" t="s">
        <v>17953</v>
      </c>
      <c r="D29015" t="s">
        <v>17954</v>
      </c>
      <c r="E29015" t="s">
        <v>17915</v>
      </c>
      <c r="F29015" t="s">
        <v>17916</v>
      </c>
      <c r="G29015" t="s">
        <v>16559</v>
      </c>
      <c r="H29015" t="s">
        <v>16560</v>
      </c>
      <c r="I29015" s="2">
        <v>1</v>
      </c>
      <c r="J29015" s="2">
        <v>0</v>
      </c>
      <c r="K29015" s="2">
        <v>0</v>
      </c>
      <c r="L29015" t="s">
        <v>120</v>
      </c>
      <c r="M29015" t="s">
        <v>87</v>
      </c>
      <c r="N29015" t="s">
        <v>88</v>
      </c>
      <c r="O29015" t="s">
        <v>85</v>
      </c>
      <c r="P29015" t="s">
        <v>86</v>
      </c>
      <c r="Q29015">
        <v>22</v>
      </c>
      <c r="R29015">
        <v>22</v>
      </c>
      <c r="S29015">
        <v>22</v>
      </c>
      <c r="T29015">
        <v>22</v>
      </c>
      <c r="U29015">
        <v>22</v>
      </c>
      <c r="V29015">
        <v>22</v>
      </c>
      <c r="W29015">
        <v>22</v>
      </c>
      <c r="X29015">
        <v>22</v>
      </c>
      <c r="Y29015">
        <v>22</v>
      </c>
      <c r="Z29015">
        <v>22</v>
      </c>
      <c r="AA29015">
        <v>22</v>
      </c>
      <c r="AB29015">
        <v>23</v>
      </c>
      <c r="AC29015">
        <v>23</v>
      </c>
      <c r="AD29015">
        <v>23</v>
      </c>
      <c r="AE29015">
        <v>23</v>
      </c>
      <c r="AF29015">
        <v>23</v>
      </c>
      <c r="AG29015">
        <v>23</v>
      </c>
      <c r="AH29015">
        <v>23</v>
      </c>
      <c r="AI29015">
        <v>23</v>
      </c>
      <c r="AJ29015">
        <v>23</v>
      </c>
      <c r="AK29015">
        <v>23</v>
      </c>
      <c r="AL29015">
        <v>23</v>
      </c>
      <c r="AM29015">
        <v>23</v>
      </c>
      <c r="AN29015">
        <v>23</v>
      </c>
      <c r="AO29015">
        <v>23</v>
      </c>
      <c r="AP29015">
        <v>23</v>
      </c>
      <c r="AQ29015">
        <v>23</v>
      </c>
    </row>
    <row r="29016" spans="1:43">
      <c r="A29016" t="s">
        <v>17961</v>
      </c>
      <c r="B29016" t="s">
        <v>17962</v>
      </c>
      <c r="C29016" t="s">
        <v>17953</v>
      </c>
      <c r="D29016" t="s">
        <v>17954</v>
      </c>
      <c r="E29016" t="s">
        <v>17915</v>
      </c>
      <c r="F29016" t="s">
        <v>17916</v>
      </c>
      <c r="G29016" t="s">
        <v>16559</v>
      </c>
      <c r="H29016" t="s">
        <v>16560</v>
      </c>
      <c r="I29016" s="2">
        <v>1</v>
      </c>
      <c r="J29016" s="2">
        <v>0</v>
      </c>
      <c r="K29016" s="2">
        <v>0</v>
      </c>
      <c r="L29016" t="s">
        <v>120</v>
      </c>
      <c r="M29016" t="s">
        <v>89</v>
      </c>
      <c r="N29016" t="s">
        <v>90</v>
      </c>
      <c r="O29016" t="s">
        <v>85</v>
      </c>
      <c r="P29016" t="s">
        <v>86</v>
      </c>
      <c r="Q29016">
        <v>22</v>
      </c>
      <c r="R29016">
        <v>23</v>
      </c>
      <c r="S29016">
        <v>23</v>
      </c>
      <c r="T29016">
        <v>24</v>
      </c>
      <c r="U29016">
        <v>24</v>
      </c>
      <c r="V29016">
        <v>24</v>
      </c>
      <c r="W29016">
        <v>25</v>
      </c>
      <c r="X29016">
        <v>25</v>
      </c>
      <c r="Y29016">
        <v>25</v>
      </c>
      <c r="Z29016">
        <v>26</v>
      </c>
      <c r="AA29016">
        <v>26</v>
      </c>
      <c r="AB29016">
        <v>26</v>
      </c>
      <c r="AC29016">
        <v>27</v>
      </c>
      <c r="AD29016">
        <v>27</v>
      </c>
      <c r="AE29016">
        <v>27</v>
      </c>
      <c r="AF29016">
        <v>27</v>
      </c>
      <c r="AG29016">
        <v>27</v>
      </c>
      <c r="AH29016">
        <v>27</v>
      </c>
      <c r="AI29016">
        <v>27</v>
      </c>
      <c r="AJ29016">
        <v>27</v>
      </c>
      <c r="AK29016">
        <v>27</v>
      </c>
      <c r="AL29016">
        <v>27</v>
      </c>
      <c r="AM29016">
        <v>27</v>
      </c>
      <c r="AN29016">
        <v>27</v>
      </c>
      <c r="AO29016">
        <v>27</v>
      </c>
      <c r="AP29016">
        <v>27</v>
      </c>
      <c r="AQ29016">
        <v>27</v>
      </c>
    </row>
    <row r="29017" spans="1:43">
      <c r="A29017" t="s">
        <v>17961</v>
      </c>
      <c r="B29017" t="s">
        <v>17962</v>
      </c>
      <c r="C29017" t="s">
        <v>17953</v>
      </c>
      <c r="D29017" t="s">
        <v>17954</v>
      </c>
      <c r="E29017" t="s">
        <v>17915</v>
      </c>
      <c r="F29017" t="s">
        <v>17916</v>
      </c>
      <c r="G29017" t="s">
        <v>16559</v>
      </c>
      <c r="H29017" t="s">
        <v>16560</v>
      </c>
      <c r="I29017" s="2">
        <v>1</v>
      </c>
      <c r="J29017" s="2">
        <v>0</v>
      </c>
      <c r="K29017" s="2">
        <v>0</v>
      </c>
      <c r="L29017" t="s">
        <v>120</v>
      </c>
      <c r="M29017" t="s">
        <v>83</v>
      </c>
      <c r="N29017" t="s">
        <v>91</v>
      </c>
      <c r="O29017" t="s">
        <v>85</v>
      </c>
      <c r="P29017" t="s">
        <v>86</v>
      </c>
      <c r="Q29017">
        <v>22</v>
      </c>
      <c r="R29017">
        <v>22</v>
      </c>
      <c r="S29017">
        <v>23</v>
      </c>
      <c r="T29017">
        <v>23</v>
      </c>
      <c r="U29017">
        <v>23</v>
      </c>
      <c r="V29017">
        <v>23</v>
      </c>
      <c r="W29017">
        <v>24</v>
      </c>
      <c r="X29017">
        <v>24</v>
      </c>
      <c r="Y29017">
        <v>24</v>
      </c>
      <c r="Z29017">
        <v>24</v>
      </c>
      <c r="AA29017">
        <v>25</v>
      </c>
      <c r="AB29017">
        <v>25</v>
      </c>
      <c r="AC29017">
        <v>25</v>
      </c>
      <c r="AD29017">
        <v>25</v>
      </c>
      <c r="AE29017">
        <v>26</v>
      </c>
      <c r="AF29017">
        <v>26</v>
      </c>
      <c r="AG29017">
        <v>26</v>
      </c>
      <c r="AH29017">
        <v>26</v>
      </c>
      <c r="AI29017">
        <v>26</v>
      </c>
      <c r="AJ29017">
        <v>27</v>
      </c>
      <c r="AK29017">
        <v>27</v>
      </c>
      <c r="AL29017">
        <v>27</v>
      </c>
      <c r="AM29017">
        <v>27</v>
      </c>
      <c r="AN29017">
        <v>27</v>
      </c>
      <c r="AO29017">
        <v>27</v>
      </c>
      <c r="AP29017">
        <v>27</v>
      </c>
      <c r="AQ29017">
        <v>27</v>
      </c>
    </row>
    <row r="29018" spans="1:43">
      <c r="A29018" t="s">
        <v>17963</v>
      </c>
      <c r="B29018" t="s">
        <v>17964</v>
      </c>
      <c r="C29018" t="s">
        <v>17965</v>
      </c>
      <c r="D29018" t="s">
        <v>17966</v>
      </c>
      <c r="E29018" t="s">
        <v>17915</v>
      </c>
      <c r="F29018" t="s">
        <v>17916</v>
      </c>
      <c r="G29018" t="s">
        <v>16559</v>
      </c>
      <c r="H29018" t="s">
        <v>16560</v>
      </c>
      <c r="I29018" s="2">
        <v>1</v>
      </c>
      <c r="J29018" s="2">
        <v>0</v>
      </c>
      <c r="K29018" s="2">
        <v>0</v>
      </c>
      <c r="L29018" t="s">
        <v>120</v>
      </c>
      <c r="M29018" t="s">
        <v>83</v>
      </c>
      <c r="N29018" t="s">
        <v>84</v>
      </c>
      <c r="O29018" t="s">
        <v>85</v>
      </c>
      <c r="P29018" t="s">
        <v>86</v>
      </c>
      <c r="Q29018">
        <v>17</v>
      </c>
      <c r="R29018">
        <v>17</v>
      </c>
      <c r="S29018">
        <v>17</v>
      </c>
      <c r="T29018">
        <v>17</v>
      </c>
      <c r="U29018">
        <v>18</v>
      </c>
      <c r="V29018">
        <v>18</v>
      </c>
      <c r="W29018">
        <v>18</v>
      </c>
      <c r="X29018">
        <v>18</v>
      </c>
      <c r="Y29018">
        <v>18</v>
      </c>
      <c r="Z29018">
        <v>19</v>
      </c>
      <c r="AA29018">
        <v>19</v>
      </c>
      <c r="AB29018">
        <v>19</v>
      </c>
      <c r="AC29018">
        <v>19</v>
      </c>
      <c r="AD29018">
        <v>19</v>
      </c>
      <c r="AE29018">
        <v>19</v>
      </c>
      <c r="AF29018">
        <v>20</v>
      </c>
      <c r="AG29018">
        <v>20</v>
      </c>
      <c r="AH29018">
        <v>20</v>
      </c>
      <c r="AI29018">
        <v>20</v>
      </c>
      <c r="AJ29018">
        <v>20</v>
      </c>
      <c r="AK29018">
        <v>20</v>
      </c>
      <c r="AL29018">
        <v>20</v>
      </c>
      <c r="AM29018">
        <v>20</v>
      </c>
      <c r="AN29018">
        <v>20</v>
      </c>
      <c r="AO29018">
        <v>20</v>
      </c>
      <c r="AP29018">
        <v>20</v>
      </c>
      <c r="AQ29018">
        <v>20</v>
      </c>
    </row>
    <row r="29019" spans="1:43">
      <c r="A29019" t="s">
        <v>17963</v>
      </c>
      <c r="B29019" t="s">
        <v>17964</v>
      </c>
      <c r="C29019" t="s">
        <v>17965</v>
      </c>
      <c r="D29019" t="s">
        <v>17966</v>
      </c>
      <c r="E29019" t="s">
        <v>17915</v>
      </c>
      <c r="F29019" t="s">
        <v>17916</v>
      </c>
      <c r="G29019" t="s">
        <v>16559</v>
      </c>
      <c r="H29019" t="s">
        <v>16560</v>
      </c>
      <c r="I29019" s="2">
        <v>1</v>
      </c>
      <c r="J29019" s="2">
        <v>0</v>
      </c>
      <c r="K29019" s="2">
        <v>0</v>
      </c>
      <c r="L29019" t="s">
        <v>120</v>
      </c>
      <c r="M29019" t="s">
        <v>87</v>
      </c>
      <c r="N29019" t="s">
        <v>88</v>
      </c>
      <c r="O29019" t="s">
        <v>85</v>
      </c>
      <c r="P29019" t="s">
        <v>86</v>
      </c>
      <c r="Q29019">
        <v>17</v>
      </c>
      <c r="R29019">
        <v>17</v>
      </c>
      <c r="S29019">
        <v>17</v>
      </c>
      <c r="T29019">
        <v>17</v>
      </c>
      <c r="U29019">
        <v>17</v>
      </c>
      <c r="V29019">
        <v>17</v>
      </c>
      <c r="W29019">
        <v>17</v>
      </c>
      <c r="X29019">
        <v>17</v>
      </c>
      <c r="Y29019">
        <v>17</v>
      </c>
      <c r="Z29019">
        <v>17</v>
      </c>
      <c r="AA29019">
        <v>17</v>
      </c>
      <c r="AB29019">
        <v>17</v>
      </c>
      <c r="AC29019">
        <v>17</v>
      </c>
      <c r="AD29019">
        <v>17</v>
      </c>
      <c r="AE29019">
        <v>17</v>
      </c>
      <c r="AF29019">
        <v>17</v>
      </c>
      <c r="AG29019">
        <v>17</v>
      </c>
      <c r="AH29019">
        <v>17</v>
      </c>
      <c r="AI29019">
        <v>17</v>
      </c>
      <c r="AJ29019">
        <v>17</v>
      </c>
      <c r="AK29019">
        <v>17</v>
      </c>
      <c r="AL29019">
        <v>17</v>
      </c>
      <c r="AM29019">
        <v>18</v>
      </c>
      <c r="AN29019">
        <v>18</v>
      </c>
      <c r="AO29019">
        <v>18</v>
      </c>
      <c r="AP29019">
        <v>18</v>
      </c>
      <c r="AQ29019">
        <v>18</v>
      </c>
    </row>
    <row r="29020" spans="1:43">
      <c r="A29020" t="s">
        <v>17963</v>
      </c>
      <c r="B29020" t="s">
        <v>17964</v>
      </c>
      <c r="C29020" t="s">
        <v>17965</v>
      </c>
      <c r="D29020" t="s">
        <v>17966</v>
      </c>
      <c r="E29020" t="s">
        <v>17915</v>
      </c>
      <c r="F29020" t="s">
        <v>17916</v>
      </c>
      <c r="G29020" t="s">
        <v>16559</v>
      </c>
      <c r="H29020" t="s">
        <v>16560</v>
      </c>
      <c r="I29020" s="2">
        <v>1</v>
      </c>
      <c r="J29020" s="2">
        <v>0</v>
      </c>
      <c r="K29020" s="2">
        <v>0</v>
      </c>
      <c r="L29020" t="s">
        <v>120</v>
      </c>
      <c r="M29020" t="s">
        <v>89</v>
      </c>
      <c r="N29020" t="s">
        <v>90</v>
      </c>
      <c r="O29020" t="s">
        <v>85</v>
      </c>
      <c r="P29020" t="s">
        <v>86</v>
      </c>
      <c r="Q29020">
        <v>17</v>
      </c>
      <c r="R29020">
        <v>17</v>
      </c>
      <c r="S29020">
        <v>18</v>
      </c>
      <c r="T29020">
        <v>18</v>
      </c>
      <c r="U29020">
        <v>18</v>
      </c>
      <c r="V29020">
        <v>19</v>
      </c>
      <c r="W29020">
        <v>19</v>
      </c>
      <c r="X29020">
        <v>19</v>
      </c>
      <c r="Y29020">
        <v>19</v>
      </c>
      <c r="Z29020">
        <v>20</v>
      </c>
      <c r="AA29020">
        <v>20</v>
      </c>
      <c r="AB29020">
        <v>20</v>
      </c>
      <c r="AC29020">
        <v>20</v>
      </c>
      <c r="AD29020">
        <v>21</v>
      </c>
      <c r="AE29020">
        <v>21</v>
      </c>
      <c r="AF29020">
        <v>21</v>
      </c>
      <c r="AG29020">
        <v>21</v>
      </c>
      <c r="AH29020">
        <v>21</v>
      </c>
      <c r="AI29020">
        <v>21</v>
      </c>
      <c r="AJ29020">
        <v>20</v>
      </c>
      <c r="AK29020">
        <v>20</v>
      </c>
      <c r="AL29020">
        <v>20</v>
      </c>
      <c r="AM29020">
        <v>20</v>
      </c>
      <c r="AN29020">
        <v>20</v>
      </c>
      <c r="AO29020">
        <v>20</v>
      </c>
      <c r="AP29020">
        <v>20</v>
      </c>
      <c r="AQ29020">
        <v>20</v>
      </c>
    </row>
    <row r="29021" spans="1:43">
      <c r="A29021" t="s">
        <v>17963</v>
      </c>
      <c r="B29021" t="s">
        <v>17964</v>
      </c>
      <c r="C29021" t="s">
        <v>17965</v>
      </c>
      <c r="D29021" t="s">
        <v>17966</v>
      </c>
      <c r="E29021" t="s">
        <v>17915</v>
      </c>
      <c r="F29021" t="s">
        <v>17916</v>
      </c>
      <c r="G29021" t="s">
        <v>16559</v>
      </c>
      <c r="H29021" t="s">
        <v>16560</v>
      </c>
      <c r="I29021" s="2">
        <v>1</v>
      </c>
      <c r="J29021" s="2">
        <v>0</v>
      </c>
      <c r="K29021" s="2">
        <v>0</v>
      </c>
      <c r="L29021" t="s">
        <v>120</v>
      </c>
      <c r="M29021" t="s">
        <v>83</v>
      </c>
      <c r="N29021" t="s">
        <v>91</v>
      </c>
      <c r="O29021" t="s">
        <v>85</v>
      </c>
      <c r="P29021" t="s">
        <v>86</v>
      </c>
      <c r="Q29021">
        <v>17</v>
      </c>
      <c r="R29021">
        <v>17</v>
      </c>
      <c r="S29021">
        <v>17</v>
      </c>
      <c r="T29021">
        <v>17</v>
      </c>
      <c r="U29021">
        <v>18</v>
      </c>
      <c r="V29021">
        <v>18</v>
      </c>
      <c r="W29021">
        <v>18</v>
      </c>
      <c r="X29021">
        <v>18</v>
      </c>
      <c r="Y29021">
        <v>18</v>
      </c>
      <c r="Z29021">
        <v>19</v>
      </c>
      <c r="AA29021">
        <v>19</v>
      </c>
      <c r="AB29021">
        <v>19</v>
      </c>
      <c r="AC29021">
        <v>19</v>
      </c>
      <c r="AD29021">
        <v>19</v>
      </c>
      <c r="AE29021">
        <v>19</v>
      </c>
      <c r="AF29021">
        <v>20</v>
      </c>
      <c r="AG29021">
        <v>20</v>
      </c>
      <c r="AH29021">
        <v>20</v>
      </c>
      <c r="AI29021">
        <v>20</v>
      </c>
      <c r="AJ29021">
        <v>20</v>
      </c>
      <c r="AK29021">
        <v>20</v>
      </c>
      <c r="AL29021">
        <v>20</v>
      </c>
      <c r="AM29021">
        <v>20</v>
      </c>
      <c r="AN29021">
        <v>20</v>
      </c>
      <c r="AO29021">
        <v>20</v>
      </c>
      <c r="AP29021">
        <v>20</v>
      </c>
      <c r="AQ29021">
        <v>20</v>
      </c>
    </row>
    <row r="29022" spans="1:43">
      <c r="A29022" t="s">
        <v>17967</v>
      </c>
      <c r="B29022" t="s">
        <v>17968</v>
      </c>
      <c r="C29022" t="s">
        <v>17965</v>
      </c>
      <c r="D29022" t="s">
        <v>17966</v>
      </c>
      <c r="E29022" t="s">
        <v>17915</v>
      </c>
      <c r="F29022" t="s">
        <v>17916</v>
      </c>
      <c r="G29022" t="s">
        <v>16559</v>
      </c>
      <c r="H29022" t="s">
        <v>16560</v>
      </c>
      <c r="I29022" s="2">
        <v>1</v>
      </c>
      <c r="J29022" s="2">
        <v>0</v>
      </c>
      <c r="K29022" s="2">
        <v>0</v>
      </c>
      <c r="L29022" t="s">
        <v>120</v>
      </c>
      <c r="M29022" t="s">
        <v>83</v>
      </c>
      <c r="N29022" t="s">
        <v>84</v>
      </c>
      <c r="O29022" t="s">
        <v>85</v>
      </c>
      <c r="P29022" t="s">
        <v>86</v>
      </c>
      <c r="Q29022">
        <v>53</v>
      </c>
      <c r="R29022">
        <v>54</v>
      </c>
      <c r="S29022">
        <v>55</v>
      </c>
      <c r="T29022">
        <v>55</v>
      </c>
      <c r="U29022">
        <v>56</v>
      </c>
      <c r="V29022">
        <v>56</v>
      </c>
      <c r="W29022">
        <v>57</v>
      </c>
      <c r="X29022">
        <v>58</v>
      </c>
      <c r="Y29022">
        <v>58</v>
      </c>
      <c r="Z29022">
        <v>59</v>
      </c>
      <c r="AA29022">
        <v>59</v>
      </c>
      <c r="AB29022">
        <v>60</v>
      </c>
      <c r="AC29022">
        <v>60</v>
      </c>
      <c r="AD29022">
        <v>61</v>
      </c>
      <c r="AE29022">
        <v>61</v>
      </c>
      <c r="AF29022">
        <v>62</v>
      </c>
      <c r="AG29022">
        <v>62</v>
      </c>
      <c r="AH29022">
        <v>63</v>
      </c>
      <c r="AI29022">
        <v>63</v>
      </c>
      <c r="AJ29022">
        <v>64</v>
      </c>
      <c r="AK29022">
        <v>64</v>
      </c>
      <c r="AL29022">
        <v>64</v>
      </c>
      <c r="AM29022">
        <v>64</v>
      </c>
      <c r="AN29022">
        <v>64</v>
      </c>
      <c r="AO29022">
        <v>64</v>
      </c>
      <c r="AP29022">
        <v>64</v>
      </c>
      <c r="AQ29022">
        <v>63</v>
      </c>
    </row>
    <row r="29023" spans="1:43">
      <c r="A29023" t="s">
        <v>17967</v>
      </c>
      <c r="B29023" t="s">
        <v>17968</v>
      </c>
      <c r="C29023" t="s">
        <v>17965</v>
      </c>
      <c r="D29023" t="s">
        <v>17966</v>
      </c>
      <c r="E29023" t="s">
        <v>17915</v>
      </c>
      <c r="F29023" t="s">
        <v>17916</v>
      </c>
      <c r="G29023" t="s">
        <v>16559</v>
      </c>
      <c r="H29023" t="s">
        <v>16560</v>
      </c>
      <c r="I29023" s="2">
        <v>1</v>
      </c>
      <c r="J29023" s="2">
        <v>0</v>
      </c>
      <c r="K29023" s="2">
        <v>0</v>
      </c>
      <c r="L29023" t="s">
        <v>120</v>
      </c>
      <c r="M29023" t="s">
        <v>87</v>
      </c>
      <c r="N29023" t="s">
        <v>88</v>
      </c>
      <c r="O29023" t="s">
        <v>85</v>
      </c>
      <c r="P29023" t="s">
        <v>86</v>
      </c>
      <c r="Q29023">
        <v>53</v>
      </c>
      <c r="R29023">
        <v>53</v>
      </c>
      <c r="S29023">
        <v>53</v>
      </c>
      <c r="T29023">
        <v>53</v>
      </c>
      <c r="U29023">
        <v>53</v>
      </c>
      <c r="V29023">
        <v>53</v>
      </c>
      <c r="W29023">
        <v>54</v>
      </c>
      <c r="X29023">
        <v>54</v>
      </c>
      <c r="Y29023">
        <v>54</v>
      </c>
      <c r="Z29023">
        <v>54</v>
      </c>
      <c r="AA29023">
        <v>54</v>
      </c>
      <c r="AB29023">
        <v>54</v>
      </c>
      <c r="AC29023">
        <v>54</v>
      </c>
      <c r="AD29023">
        <v>54</v>
      </c>
      <c r="AE29023">
        <v>54</v>
      </c>
      <c r="AF29023">
        <v>55</v>
      </c>
      <c r="AG29023">
        <v>55</v>
      </c>
      <c r="AH29023">
        <v>55</v>
      </c>
      <c r="AI29023">
        <v>55</v>
      </c>
      <c r="AJ29023">
        <v>55</v>
      </c>
      <c r="AK29023">
        <v>55</v>
      </c>
      <c r="AL29023">
        <v>55</v>
      </c>
      <c r="AM29023">
        <v>55</v>
      </c>
      <c r="AN29023">
        <v>55</v>
      </c>
      <c r="AO29023">
        <v>55</v>
      </c>
      <c r="AP29023">
        <v>56</v>
      </c>
      <c r="AQ29023">
        <v>56</v>
      </c>
    </row>
    <row r="29024" spans="1:43">
      <c r="A29024" t="s">
        <v>17967</v>
      </c>
      <c r="B29024" t="s">
        <v>17968</v>
      </c>
      <c r="C29024" t="s">
        <v>17965</v>
      </c>
      <c r="D29024" t="s">
        <v>17966</v>
      </c>
      <c r="E29024" t="s">
        <v>17915</v>
      </c>
      <c r="F29024" t="s">
        <v>17916</v>
      </c>
      <c r="G29024" t="s">
        <v>16559</v>
      </c>
      <c r="H29024" t="s">
        <v>16560</v>
      </c>
      <c r="I29024" s="2">
        <v>1</v>
      </c>
      <c r="J29024" s="2">
        <v>0</v>
      </c>
      <c r="K29024" s="2">
        <v>0</v>
      </c>
      <c r="L29024" t="s">
        <v>120</v>
      </c>
      <c r="M29024" t="s">
        <v>89</v>
      </c>
      <c r="N29024" t="s">
        <v>90</v>
      </c>
      <c r="O29024" t="s">
        <v>85</v>
      </c>
      <c r="P29024" t="s">
        <v>86</v>
      </c>
      <c r="Q29024">
        <v>53</v>
      </c>
      <c r="R29024">
        <v>54</v>
      </c>
      <c r="S29024">
        <v>55</v>
      </c>
      <c r="T29024">
        <v>56</v>
      </c>
      <c r="U29024">
        <v>57</v>
      </c>
      <c r="V29024">
        <v>58</v>
      </c>
      <c r="W29024">
        <v>59</v>
      </c>
      <c r="X29024">
        <v>60</v>
      </c>
      <c r="Y29024">
        <v>60</v>
      </c>
      <c r="Z29024">
        <v>61</v>
      </c>
      <c r="AA29024">
        <v>62</v>
      </c>
      <c r="AB29024">
        <v>63</v>
      </c>
      <c r="AC29024">
        <v>63</v>
      </c>
      <c r="AD29024">
        <v>64</v>
      </c>
      <c r="AE29024">
        <v>65</v>
      </c>
      <c r="AF29024">
        <v>64</v>
      </c>
      <c r="AG29024">
        <v>64</v>
      </c>
      <c r="AH29024">
        <v>64</v>
      </c>
      <c r="AI29024">
        <v>64</v>
      </c>
      <c r="AJ29024">
        <v>64</v>
      </c>
      <c r="AK29024">
        <v>64</v>
      </c>
      <c r="AL29024">
        <v>64</v>
      </c>
      <c r="AM29024">
        <v>63</v>
      </c>
      <c r="AN29024">
        <v>63</v>
      </c>
      <c r="AO29024">
        <v>63</v>
      </c>
      <c r="AP29024">
        <v>63</v>
      </c>
      <c r="AQ29024">
        <v>63</v>
      </c>
    </row>
    <row r="29025" spans="1:43">
      <c r="A29025" t="s">
        <v>17967</v>
      </c>
      <c r="B29025" t="s">
        <v>17968</v>
      </c>
      <c r="C29025" t="s">
        <v>17965</v>
      </c>
      <c r="D29025" t="s">
        <v>17966</v>
      </c>
      <c r="E29025" t="s">
        <v>17915</v>
      </c>
      <c r="F29025" t="s">
        <v>17916</v>
      </c>
      <c r="G29025" t="s">
        <v>16559</v>
      </c>
      <c r="H29025" t="s">
        <v>16560</v>
      </c>
      <c r="I29025" s="2">
        <v>1</v>
      </c>
      <c r="J29025" s="2">
        <v>0</v>
      </c>
      <c r="K29025" s="2">
        <v>0</v>
      </c>
      <c r="L29025" t="s">
        <v>120</v>
      </c>
      <c r="M29025" t="s">
        <v>83</v>
      </c>
      <c r="N29025" t="s">
        <v>91</v>
      </c>
      <c r="O29025" t="s">
        <v>85</v>
      </c>
      <c r="P29025" t="s">
        <v>86</v>
      </c>
      <c r="Q29025">
        <v>53</v>
      </c>
      <c r="R29025">
        <v>54</v>
      </c>
      <c r="S29025">
        <v>55</v>
      </c>
      <c r="T29025">
        <v>55</v>
      </c>
      <c r="U29025">
        <v>56</v>
      </c>
      <c r="V29025">
        <v>56</v>
      </c>
      <c r="W29025">
        <v>57</v>
      </c>
      <c r="X29025">
        <v>58</v>
      </c>
      <c r="Y29025">
        <v>58</v>
      </c>
      <c r="Z29025">
        <v>59</v>
      </c>
      <c r="AA29025">
        <v>59</v>
      </c>
      <c r="AB29025">
        <v>60</v>
      </c>
      <c r="AC29025">
        <v>60</v>
      </c>
      <c r="AD29025">
        <v>61</v>
      </c>
      <c r="AE29025">
        <v>61</v>
      </c>
      <c r="AF29025">
        <v>62</v>
      </c>
      <c r="AG29025">
        <v>62</v>
      </c>
      <c r="AH29025">
        <v>63</v>
      </c>
      <c r="AI29025">
        <v>63</v>
      </c>
      <c r="AJ29025">
        <v>64</v>
      </c>
      <c r="AK29025">
        <v>64</v>
      </c>
      <c r="AL29025">
        <v>64</v>
      </c>
      <c r="AM29025">
        <v>64</v>
      </c>
      <c r="AN29025">
        <v>64</v>
      </c>
      <c r="AO29025">
        <v>64</v>
      </c>
      <c r="AP29025">
        <v>64</v>
      </c>
      <c r="AQ29025">
        <v>63</v>
      </c>
    </row>
    <row r="29026" spans="1:43">
      <c r="A29026" t="s">
        <v>17969</v>
      </c>
      <c r="B29026" t="s">
        <v>17970</v>
      </c>
      <c r="C29026" t="s">
        <v>17965</v>
      </c>
      <c r="D29026" t="s">
        <v>17966</v>
      </c>
      <c r="E29026" t="s">
        <v>17915</v>
      </c>
      <c r="F29026" t="s">
        <v>17916</v>
      </c>
      <c r="G29026" t="s">
        <v>16559</v>
      </c>
      <c r="H29026" t="s">
        <v>16560</v>
      </c>
      <c r="I29026" s="2">
        <v>1</v>
      </c>
      <c r="J29026" s="2">
        <v>0</v>
      </c>
      <c r="K29026" s="2">
        <v>0</v>
      </c>
      <c r="L29026" t="s">
        <v>120</v>
      </c>
      <c r="M29026" t="s">
        <v>83</v>
      </c>
      <c r="N29026" t="s">
        <v>84</v>
      </c>
      <c r="O29026" t="s">
        <v>85</v>
      </c>
      <c r="P29026" t="s">
        <v>86</v>
      </c>
      <c r="Q29026">
        <v>9</v>
      </c>
      <c r="R29026">
        <v>9</v>
      </c>
      <c r="S29026">
        <v>9</v>
      </c>
      <c r="T29026">
        <v>9</v>
      </c>
      <c r="U29026">
        <v>9</v>
      </c>
      <c r="V29026">
        <v>10</v>
      </c>
      <c r="W29026">
        <v>10</v>
      </c>
      <c r="X29026">
        <v>10</v>
      </c>
      <c r="Y29026">
        <v>10</v>
      </c>
      <c r="Z29026">
        <v>10</v>
      </c>
      <c r="AA29026">
        <v>10</v>
      </c>
      <c r="AB29026">
        <v>10</v>
      </c>
      <c r="AC29026">
        <v>10</v>
      </c>
      <c r="AD29026">
        <v>10</v>
      </c>
      <c r="AE29026">
        <v>10</v>
      </c>
      <c r="AF29026">
        <v>10</v>
      </c>
      <c r="AG29026">
        <v>11</v>
      </c>
      <c r="AH29026">
        <v>11</v>
      </c>
      <c r="AI29026">
        <v>11</v>
      </c>
      <c r="AJ29026">
        <v>11</v>
      </c>
      <c r="AK29026">
        <v>11</v>
      </c>
      <c r="AL29026">
        <v>11</v>
      </c>
      <c r="AM29026">
        <v>11</v>
      </c>
      <c r="AN29026">
        <v>11</v>
      </c>
      <c r="AO29026">
        <v>11</v>
      </c>
      <c r="AP29026">
        <v>11</v>
      </c>
      <c r="AQ29026">
        <v>11</v>
      </c>
    </row>
    <row r="29027" spans="1:43">
      <c r="A29027" t="s">
        <v>17969</v>
      </c>
      <c r="B29027" t="s">
        <v>17970</v>
      </c>
      <c r="C29027" t="s">
        <v>17965</v>
      </c>
      <c r="D29027" t="s">
        <v>17966</v>
      </c>
      <c r="E29027" t="s">
        <v>17915</v>
      </c>
      <c r="F29027" t="s">
        <v>17916</v>
      </c>
      <c r="G29027" t="s">
        <v>16559</v>
      </c>
      <c r="H29027" t="s">
        <v>16560</v>
      </c>
      <c r="I29027" s="2">
        <v>1</v>
      </c>
      <c r="J29027" s="2">
        <v>0</v>
      </c>
      <c r="K29027" s="2">
        <v>0</v>
      </c>
      <c r="L29027" t="s">
        <v>120</v>
      </c>
      <c r="M29027" t="s">
        <v>87</v>
      </c>
      <c r="N29027" t="s">
        <v>88</v>
      </c>
      <c r="O29027" t="s">
        <v>85</v>
      </c>
      <c r="P29027" t="s">
        <v>86</v>
      </c>
      <c r="Q29027">
        <v>9</v>
      </c>
      <c r="R29027">
        <v>9</v>
      </c>
      <c r="S29027">
        <v>9</v>
      </c>
      <c r="T29027">
        <v>9</v>
      </c>
      <c r="U29027">
        <v>9</v>
      </c>
      <c r="V29027">
        <v>9</v>
      </c>
      <c r="W29027">
        <v>9</v>
      </c>
      <c r="X29027">
        <v>9</v>
      </c>
      <c r="Y29027">
        <v>9</v>
      </c>
      <c r="Z29027">
        <v>9</v>
      </c>
      <c r="AA29027">
        <v>9</v>
      </c>
      <c r="AB29027">
        <v>9</v>
      </c>
      <c r="AC29027">
        <v>9</v>
      </c>
      <c r="AD29027">
        <v>9</v>
      </c>
      <c r="AE29027">
        <v>9</v>
      </c>
      <c r="AF29027">
        <v>9</v>
      </c>
      <c r="AG29027">
        <v>9</v>
      </c>
      <c r="AH29027">
        <v>9</v>
      </c>
      <c r="AI29027">
        <v>9</v>
      </c>
      <c r="AJ29027">
        <v>9</v>
      </c>
      <c r="AK29027">
        <v>9</v>
      </c>
      <c r="AL29027">
        <v>9</v>
      </c>
      <c r="AM29027">
        <v>9</v>
      </c>
      <c r="AN29027">
        <v>9</v>
      </c>
      <c r="AO29027">
        <v>9</v>
      </c>
      <c r="AP29027">
        <v>9</v>
      </c>
      <c r="AQ29027">
        <v>9</v>
      </c>
    </row>
    <row r="29028" spans="1:43">
      <c r="A29028" t="s">
        <v>17969</v>
      </c>
      <c r="B29028" t="s">
        <v>17970</v>
      </c>
      <c r="C29028" t="s">
        <v>17965</v>
      </c>
      <c r="D29028" t="s">
        <v>17966</v>
      </c>
      <c r="E29028" t="s">
        <v>17915</v>
      </c>
      <c r="F29028" t="s">
        <v>17916</v>
      </c>
      <c r="G29028" t="s">
        <v>16559</v>
      </c>
      <c r="H29028" t="s">
        <v>16560</v>
      </c>
      <c r="I29028" s="2">
        <v>1</v>
      </c>
      <c r="J29028" s="2">
        <v>0</v>
      </c>
      <c r="K29028" s="2">
        <v>0</v>
      </c>
      <c r="L29028" t="s">
        <v>120</v>
      </c>
      <c r="M29028" t="s">
        <v>89</v>
      </c>
      <c r="N29028" t="s">
        <v>90</v>
      </c>
      <c r="O29028" t="s">
        <v>85</v>
      </c>
      <c r="P29028" t="s">
        <v>86</v>
      </c>
      <c r="Q29028">
        <v>9</v>
      </c>
      <c r="R29028">
        <v>9</v>
      </c>
      <c r="S29028">
        <v>9</v>
      </c>
      <c r="T29028">
        <v>10</v>
      </c>
      <c r="U29028">
        <v>10</v>
      </c>
      <c r="V29028">
        <v>10</v>
      </c>
      <c r="W29028">
        <v>10</v>
      </c>
      <c r="X29028">
        <v>10</v>
      </c>
      <c r="Y29028">
        <v>10</v>
      </c>
      <c r="Z29028">
        <v>11</v>
      </c>
      <c r="AA29028">
        <v>11</v>
      </c>
      <c r="AB29028">
        <v>11</v>
      </c>
      <c r="AC29028">
        <v>11</v>
      </c>
      <c r="AD29028">
        <v>11</v>
      </c>
      <c r="AE29028">
        <v>11</v>
      </c>
      <c r="AF29028">
        <v>11</v>
      </c>
      <c r="AG29028">
        <v>11</v>
      </c>
      <c r="AH29028">
        <v>11</v>
      </c>
      <c r="AI29028">
        <v>11</v>
      </c>
      <c r="AJ29028">
        <v>11</v>
      </c>
      <c r="AK29028">
        <v>11</v>
      </c>
      <c r="AL29028">
        <v>11</v>
      </c>
      <c r="AM29028">
        <v>11</v>
      </c>
      <c r="AN29028">
        <v>11</v>
      </c>
      <c r="AO29028">
        <v>11</v>
      </c>
      <c r="AP29028">
        <v>11</v>
      </c>
      <c r="AQ29028">
        <v>11</v>
      </c>
    </row>
    <row r="29029" spans="1:43">
      <c r="A29029" t="s">
        <v>17969</v>
      </c>
      <c r="B29029" t="s">
        <v>17970</v>
      </c>
      <c r="C29029" t="s">
        <v>17965</v>
      </c>
      <c r="D29029" t="s">
        <v>17966</v>
      </c>
      <c r="E29029" t="s">
        <v>17915</v>
      </c>
      <c r="F29029" t="s">
        <v>17916</v>
      </c>
      <c r="G29029" t="s">
        <v>16559</v>
      </c>
      <c r="H29029" t="s">
        <v>16560</v>
      </c>
      <c r="I29029" s="2">
        <v>1</v>
      </c>
      <c r="J29029" s="2">
        <v>0</v>
      </c>
      <c r="K29029" s="2">
        <v>0</v>
      </c>
      <c r="L29029" t="s">
        <v>120</v>
      </c>
      <c r="M29029" t="s">
        <v>83</v>
      </c>
      <c r="N29029" t="s">
        <v>91</v>
      </c>
      <c r="O29029" t="s">
        <v>85</v>
      </c>
      <c r="P29029" t="s">
        <v>86</v>
      </c>
      <c r="Q29029">
        <v>9</v>
      </c>
      <c r="R29029">
        <v>9</v>
      </c>
      <c r="S29029">
        <v>9</v>
      </c>
      <c r="T29029">
        <v>9</v>
      </c>
      <c r="U29029">
        <v>9</v>
      </c>
      <c r="V29029">
        <v>10</v>
      </c>
      <c r="W29029">
        <v>10</v>
      </c>
      <c r="X29029">
        <v>10</v>
      </c>
      <c r="Y29029">
        <v>10</v>
      </c>
      <c r="Z29029">
        <v>10</v>
      </c>
      <c r="AA29029">
        <v>10</v>
      </c>
      <c r="AB29029">
        <v>10</v>
      </c>
      <c r="AC29029">
        <v>10</v>
      </c>
      <c r="AD29029">
        <v>10</v>
      </c>
      <c r="AE29029">
        <v>10</v>
      </c>
      <c r="AF29029">
        <v>10</v>
      </c>
      <c r="AG29029">
        <v>11</v>
      </c>
      <c r="AH29029">
        <v>11</v>
      </c>
      <c r="AI29029">
        <v>11</v>
      </c>
      <c r="AJ29029">
        <v>11</v>
      </c>
      <c r="AK29029">
        <v>11</v>
      </c>
      <c r="AL29029">
        <v>11</v>
      </c>
      <c r="AM29029">
        <v>11</v>
      </c>
      <c r="AN29029">
        <v>11</v>
      </c>
      <c r="AO29029">
        <v>11</v>
      </c>
      <c r="AP29029">
        <v>11</v>
      </c>
      <c r="AQ29029">
        <v>11</v>
      </c>
    </row>
    <row r="29030" spans="1:43">
      <c r="A29030" t="s">
        <v>17971</v>
      </c>
      <c r="B29030" t="s">
        <v>17972</v>
      </c>
      <c r="C29030" t="s">
        <v>17973</v>
      </c>
      <c r="D29030" t="s">
        <v>17974</v>
      </c>
      <c r="E29030" t="s">
        <v>17915</v>
      </c>
      <c r="F29030" t="s">
        <v>17916</v>
      </c>
      <c r="G29030" t="s">
        <v>16559</v>
      </c>
      <c r="H29030" t="s">
        <v>16560</v>
      </c>
      <c r="I29030" s="2">
        <v>1</v>
      </c>
      <c r="J29030" s="2">
        <v>0</v>
      </c>
      <c r="K29030" s="2">
        <v>0</v>
      </c>
      <c r="L29030" t="s">
        <v>120</v>
      </c>
      <c r="M29030" t="s">
        <v>83</v>
      </c>
      <c r="N29030" t="s">
        <v>84</v>
      </c>
      <c r="O29030" t="s">
        <v>85</v>
      </c>
      <c r="P29030" t="s">
        <v>86</v>
      </c>
      <c r="Q29030">
        <v>12</v>
      </c>
      <c r="R29030">
        <v>13</v>
      </c>
      <c r="S29030">
        <v>13</v>
      </c>
      <c r="T29030">
        <v>13</v>
      </c>
      <c r="U29030">
        <v>13</v>
      </c>
      <c r="V29030">
        <v>13</v>
      </c>
      <c r="W29030">
        <v>13</v>
      </c>
      <c r="X29030">
        <v>13</v>
      </c>
      <c r="Y29030">
        <v>14</v>
      </c>
      <c r="Z29030">
        <v>14</v>
      </c>
      <c r="AA29030">
        <v>14</v>
      </c>
      <c r="AB29030">
        <v>14</v>
      </c>
      <c r="AC29030">
        <v>14</v>
      </c>
      <c r="AD29030">
        <v>14</v>
      </c>
      <c r="AE29030">
        <v>14</v>
      </c>
      <c r="AF29030">
        <v>14</v>
      </c>
      <c r="AG29030">
        <v>15</v>
      </c>
      <c r="AH29030">
        <v>15</v>
      </c>
      <c r="AI29030">
        <v>15</v>
      </c>
      <c r="AJ29030">
        <v>15</v>
      </c>
      <c r="AK29030">
        <v>15</v>
      </c>
      <c r="AL29030">
        <v>15</v>
      </c>
      <c r="AM29030">
        <v>15</v>
      </c>
      <c r="AN29030">
        <v>15</v>
      </c>
      <c r="AO29030">
        <v>15</v>
      </c>
      <c r="AP29030">
        <v>15</v>
      </c>
      <c r="AQ29030">
        <v>15</v>
      </c>
    </row>
    <row r="29031" spans="1:43">
      <c r="A29031" t="s">
        <v>17971</v>
      </c>
      <c r="B29031" t="s">
        <v>17972</v>
      </c>
      <c r="C29031" t="s">
        <v>17973</v>
      </c>
      <c r="D29031" t="s">
        <v>17974</v>
      </c>
      <c r="E29031" t="s">
        <v>17915</v>
      </c>
      <c r="F29031" t="s">
        <v>17916</v>
      </c>
      <c r="G29031" t="s">
        <v>16559</v>
      </c>
      <c r="H29031" t="s">
        <v>16560</v>
      </c>
      <c r="I29031" s="2">
        <v>1</v>
      </c>
      <c r="J29031" s="2">
        <v>0</v>
      </c>
      <c r="K29031" s="2">
        <v>0</v>
      </c>
      <c r="L29031" t="s">
        <v>120</v>
      </c>
      <c r="M29031" t="s">
        <v>87</v>
      </c>
      <c r="N29031" t="s">
        <v>88</v>
      </c>
      <c r="O29031" t="s">
        <v>85</v>
      </c>
      <c r="P29031" t="s">
        <v>86</v>
      </c>
      <c r="Q29031">
        <v>12</v>
      </c>
      <c r="R29031">
        <v>12</v>
      </c>
      <c r="S29031">
        <v>12</v>
      </c>
      <c r="T29031">
        <v>12</v>
      </c>
      <c r="U29031">
        <v>12</v>
      </c>
      <c r="V29031">
        <v>12</v>
      </c>
      <c r="W29031">
        <v>12</v>
      </c>
      <c r="X29031">
        <v>12</v>
      </c>
      <c r="Y29031">
        <v>13</v>
      </c>
      <c r="Z29031">
        <v>13</v>
      </c>
      <c r="AA29031">
        <v>13</v>
      </c>
      <c r="AB29031">
        <v>13</v>
      </c>
      <c r="AC29031">
        <v>13</v>
      </c>
      <c r="AD29031">
        <v>13</v>
      </c>
      <c r="AE29031">
        <v>13</v>
      </c>
      <c r="AF29031">
        <v>13</v>
      </c>
      <c r="AG29031">
        <v>13</v>
      </c>
      <c r="AH29031">
        <v>13</v>
      </c>
      <c r="AI29031">
        <v>13</v>
      </c>
      <c r="AJ29031">
        <v>13</v>
      </c>
      <c r="AK29031">
        <v>13</v>
      </c>
      <c r="AL29031">
        <v>13</v>
      </c>
      <c r="AM29031">
        <v>13</v>
      </c>
      <c r="AN29031">
        <v>13</v>
      </c>
      <c r="AO29031">
        <v>13</v>
      </c>
      <c r="AP29031">
        <v>13</v>
      </c>
      <c r="AQ29031">
        <v>13</v>
      </c>
    </row>
    <row r="29032" spans="1:43">
      <c r="A29032" t="s">
        <v>17971</v>
      </c>
      <c r="B29032" t="s">
        <v>17972</v>
      </c>
      <c r="C29032" t="s">
        <v>17973</v>
      </c>
      <c r="D29032" t="s">
        <v>17974</v>
      </c>
      <c r="E29032" t="s">
        <v>17915</v>
      </c>
      <c r="F29032" t="s">
        <v>17916</v>
      </c>
      <c r="G29032" t="s">
        <v>16559</v>
      </c>
      <c r="H29032" t="s">
        <v>16560</v>
      </c>
      <c r="I29032" s="2">
        <v>1</v>
      </c>
      <c r="J29032" s="2">
        <v>0</v>
      </c>
      <c r="K29032" s="2">
        <v>0</v>
      </c>
      <c r="L29032" t="s">
        <v>120</v>
      </c>
      <c r="M29032" t="s">
        <v>89</v>
      </c>
      <c r="N29032" t="s">
        <v>90</v>
      </c>
      <c r="O29032" t="s">
        <v>85</v>
      </c>
      <c r="P29032" t="s">
        <v>86</v>
      </c>
      <c r="Q29032">
        <v>12</v>
      </c>
      <c r="R29032">
        <v>12</v>
      </c>
      <c r="S29032">
        <v>12</v>
      </c>
      <c r="T29032">
        <v>12</v>
      </c>
      <c r="U29032">
        <v>12</v>
      </c>
      <c r="V29032">
        <v>13</v>
      </c>
      <c r="W29032">
        <v>13</v>
      </c>
      <c r="X29032">
        <v>13</v>
      </c>
      <c r="Y29032">
        <v>13</v>
      </c>
      <c r="Z29032">
        <v>13</v>
      </c>
      <c r="AA29032">
        <v>14</v>
      </c>
      <c r="AB29032">
        <v>14</v>
      </c>
      <c r="AC29032">
        <v>14</v>
      </c>
      <c r="AD29032">
        <v>14</v>
      </c>
      <c r="AE29032">
        <v>14</v>
      </c>
      <c r="AF29032">
        <v>14</v>
      </c>
      <c r="AG29032">
        <v>14</v>
      </c>
      <c r="AH29032">
        <v>14</v>
      </c>
      <c r="AI29032">
        <v>14</v>
      </c>
      <c r="AJ29032">
        <v>14</v>
      </c>
      <c r="AK29032">
        <v>14</v>
      </c>
      <c r="AL29032">
        <v>14</v>
      </c>
      <c r="AM29032">
        <v>14</v>
      </c>
      <c r="AN29032">
        <v>14</v>
      </c>
      <c r="AO29032">
        <v>14</v>
      </c>
      <c r="AP29032">
        <v>14</v>
      </c>
      <c r="AQ29032">
        <v>14</v>
      </c>
    </row>
    <row r="29033" spans="1:43">
      <c r="A29033" t="s">
        <v>17971</v>
      </c>
      <c r="B29033" t="s">
        <v>17972</v>
      </c>
      <c r="C29033" t="s">
        <v>17973</v>
      </c>
      <c r="D29033" t="s">
        <v>17974</v>
      </c>
      <c r="E29033" t="s">
        <v>17915</v>
      </c>
      <c r="F29033" t="s">
        <v>17916</v>
      </c>
      <c r="G29033" t="s">
        <v>16559</v>
      </c>
      <c r="H29033" t="s">
        <v>16560</v>
      </c>
      <c r="I29033" s="2">
        <v>1</v>
      </c>
      <c r="J29033" s="2">
        <v>0</v>
      </c>
      <c r="K29033" s="2">
        <v>0</v>
      </c>
      <c r="L29033" t="s">
        <v>120</v>
      </c>
      <c r="M29033" t="s">
        <v>83</v>
      </c>
      <c r="N29033" t="s">
        <v>91</v>
      </c>
      <c r="O29033" t="s">
        <v>85</v>
      </c>
      <c r="P29033" t="s">
        <v>86</v>
      </c>
      <c r="Q29033">
        <v>12</v>
      </c>
      <c r="R29033">
        <v>13</v>
      </c>
      <c r="S29033">
        <v>13</v>
      </c>
      <c r="T29033">
        <v>13</v>
      </c>
      <c r="U29033">
        <v>13</v>
      </c>
      <c r="V29033">
        <v>13</v>
      </c>
      <c r="W29033">
        <v>13</v>
      </c>
      <c r="X29033">
        <v>13</v>
      </c>
      <c r="Y29033">
        <v>14</v>
      </c>
      <c r="Z29033">
        <v>14</v>
      </c>
      <c r="AA29033">
        <v>14</v>
      </c>
      <c r="AB29033">
        <v>14</v>
      </c>
      <c r="AC29033">
        <v>14</v>
      </c>
      <c r="AD29033">
        <v>14</v>
      </c>
      <c r="AE29033">
        <v>14</v>
      </c>
      <c r="AF29033">
        <v>14</v>
      </c>
      <c r="AG29033">
        <v>15</v>
      </c>
      <c r="AH29033">
        <v>15</v>
      </c>
      <c r="AI29033">
        <v>15</v>
      </c>
      <c r="AJ29033">
        <v>15</v>
      </c>
      <c r="AK29033">
        <v>15</v>
      </c>
      <c r="AL29033">
        <v>15</v>
      </c>
      <c r="AM29033">
        <v>15</v>
      </c>
      <c r="AN29033">
        <v>15</v>
      </c>
      <c r="AO29033">
        <v>15</v>
      </c>
      <c r="AP29033">
        <v>15</v>
      </c>
      <c r="AQ29033">
        <v>15</v>
      </c>
    </row>
    <row r="29034" spans="1:43">
      <c r="A29034" t="s">
        <v>17975</v>
      </c>
      <c r="B29034" t="s">
        <v>17976</v>
      </c>
      <c r="C29034" t="s">
        <v>17973</v>
      </c>
      <c r="D29034" t="s">
        <v>17974</v>
      </c>
      <c r="E29034" t="s">
        <v>17915</v>
      </c>
      <c r="F29034" t="s">
        <v>17916</v>
      </c>
      <c r="G29034" t="s">
        <v>16559</v>
      </c>
      <c r="H29034" t="s">
        <v>16560</v>
      </c>
      <c r="I29034" s="2">
        <v>1</v>
      </c>
      <c r="J29034" s="2">
        <v>0</v>
      </c>
      <c r="K29034" s="2">
        <v>0</v>
      </c>
      <c r="L29034" t="s">
        <v>120</v>
      </c>
      <c r="M29034" t="s">
        <v>83</v>
      </c>
      <c r="N29034" t="s">
        <v>84</v>
      </c>
      <c r="O29034" t="s">
        <v>85</v>
      </c>
      <c r="P29034" t="s">
        <v>86</v>
      </c>
      <c r="Q29034">
        <v>24</v>
      </c>
      <c r="R29034">
        <v>24</v>
      </c>
      <c r="S29034">
        <v>25</v>
      </c>
      <c r="T29034">
        <v>25</v>
      </c>
      <c r="U29034">
        <v>25</v>
      </c>
      <c r="V29034">
        <v>26</v>
      </c>
      <c r="W29034">
        <v>26</v>
      </c>
      <c r="X29034">
        <v>26</v>
      </c>
      <c r="Y29034">
        <v>26</v>
      </c>
      <c r="Z29034">
        <v>27</v>
      </c>
      <c r="AA29034">
        <v>27</v>
      </c>
      <c r="AB29034">
        <v>27</v>
      </c>
      <c r="AC29034">
        <v>27</v>
      </c>
      <c r="AD29034">
        <v>28</v>
      </c>
      <c r="AE29034">
        <v>28</v>
      </c>
      <c r="AF29034">
        <v>28</v>
      </c>
      <c r="AG29034">
        <v>28</v>
      </c>
      <c r="AH29034">
        <v>28</v>
      </c>
      <c r="AI29034">
        <v>29</v>
      </c>
      <c r="AJ29034">
        <v>29</v>
      </c>
      <c r="AK29034">
        <v>29</v>
      </c>
      <c r="AL29034">
        <v>29</v>
      </c>
      <c r="AM29034">
        <v>29</v>
      </c>
      <c r="AN29034">
        <v>29</v>
      </c>
      <c r="AO29034">
        <v>29</v>
      </c>
      <c r="AP29034">
        <v>29</v>
      </c>
      <c r="AQ29034">
        <v>29</v>
      </c>
    </row>
    <row r="29035" spans="1:43">
      <c r="A29035" t="s">
        <v>17975</v>
      </c>
      <c r="B29035" t="s">
        <v>17976</v>
      </c>
      <c r="C29035" t="s">
        <v>17973</v>
      </c>
      <c r="D29035" t="s">
        <v>17974</v>
      </c>
      <c r="E29035" t="s">
        <v>17915</v>
      </c>
      <c r="F29035" t="s">
        <v>17916</v>
      </c>
      <c r="G29035" t="s">
        <v>16559</v>
      </c>
      <c r="H29035" t="s">
        <v>16560</v>
      </c>
      <c r="I29035" s="2">
        <v>1</v>
      </c>
      <c r="J29035" s="2">
        <v>0</v>
      </c>
      <c r="K29035" s="2">
        <v>0</v>
      </c>
      <c r="L29035" t="s">
        <v>120</v>
      </c>
      <c r="M29035" t="s">
        <v>87</v>
      </c>
      <c r="N29035" t="s">
        <v>88</v>
      </c>
      <c r="O29035" t="s">
        <v>85</v>
      </c>
      <c r="P29035" t="s">
        <v>86</v>
      </c>
      <c r="Q29035">
        <v>24</v>
      </c>
      <c r="R29035">
        <v>24</v>
      </c>
      <c r="S29035">
        <v>24</v>
      </c>
      <c r="T29035">
        <v>24</v>
      </c>
      <c r="U29035">
        <v>24</v>
      </c>
      <c r="V29035">
        <v>24</v>
      </c>
      <c r="W29035">
        <v>24</v>
      </c>
      <c r="X29035">
        <v>24</v>
      </c>
      <c r="Y29035">
        <v>24</v>
      </c>
      <c r="Z29035">
        <v>24</v>
      </c>
      <c r="AA29035">
        <v>24</v>
      </c>
      <c r="AB29035">
        <v>25</v>
      </c>
      <c r="AC29035">
        <v>25</v>
      </c>
      <c r="AD29035">
        <v>25</v>
      </c>
      <c r="AE29035">
        <v>25</v>
      </c>
      <c r="AF29035">
        <v>25</v>
      </c>
      <c r="AG29035">
        <v>25</v>
      </c>
      <c r="AH29035">
        <v>25</v>
      </c>
      <c r="AI29035">
        <v>25</v>
      </c>
      <c r="AJ29035">
        <v>25</v>
      </c>
      <c r="AK29035">
        <v>25</v>
      </c>
      <c r="AL29035">
        <v>25</v>
      </c>
      <c r="AM29035">
        <v>25</v>
      </c>
      <c r="AN29035">
        <v>25</v>
      </c>
      <c r="AO29035">
        <v>25</v>
      </c>
      <c r="AP29035">
        <v>25</v>
      </c>
      <c r="AQ29035">
        <v>25</v>
      </c>
    </row>
    <row r="29036" spans="1:43">
      <c r="A29036" t="s">
        <v>17975</v>
      </c>
      <c r="B29036" t="s">
        <v>17976</v>
      </c>
      <c r="C29036" t="s">
        <v>17973</v>
      </c>
      <c r="D29036" t="s">
        <v>17974</v>
      </c>
      <c r="E29036" t="s">
        <v>17915</v>
      </c>
      <c r="F29036" t="s">
        <v>17916</v>
      </c>
      <c r="G29036" t="s">
        <v>16559</v>
      </c>
      <c r="H29036" t="s">
        <v>16560</v>
      </c>
      <c r="I29036" s="2">
        <v>1</v>
      </c>
      <c r="J29036" s="2">
        <v>0</v>
      </c>
      <c r="K29036" s="2">
        <v>0</v>
      </c>
      <c r="L29036" t="s">
        <v>120</v>
      </c>
      <c r="M29036" t="s">
        <v>89</v>
      </c>
      <c r="N29036" t="s">
        <v>90</v>
      </c>
      <c r="O29036" t="s">
        <v>85</v>
      </c>
      <c r="P29036" t="s">
        <v>86</v>
      </c>
      <c r="Q29036">
        <v>24</v>
      </c>
      <c r="R29036">
        <v>25</v>
      </c>
      <c r="S29036">
        <v>25</v>
      </c>
      <c r="T29036">
        <v>26</v>
      </c>
      <c r="U29036">
        <v>26</v>
      </c>
      <c r="V29036">
        <v>27</v>
      </c>
      <c r="W29036">
        <v>27</v>
      </c>
      <c r="X29036">
        <v>27</v>
      </c>
      <c r="Y29036">
        <v>28</v>
      </c>
      <c r="Z29036">
        <v>28</v>
      </c>
      <c r="AA29036">
        <v>29</v>
      </c>
      <c r="AB29036">
        <v>29</v>
      </c>
      <c r="AC29036">
        <v>29</v>
      </c>
      <c r="AD29036">
        <v>30</v>
      </c>
      <c r="AE29036">
        <v>30</v>
      </c>
      <c r="AF29036">
        <v>30</v>
      </c>
      <c r="AG29036">
        <v>30</v>
      </c>
      <c r="AH29036">
        <v>30</v>
      </c>
      <c r="AI29036">
        <v>30</v>
      </c>
      <c r="AJ29036">
        <v>30</v>
      </c>
      <c r="AK29036">
        <v>29</v>
      </c>
      <c r="AL29036">
        <v>29</v>
      </c>
      <c r="AM29036">
        <v>29</v>
      </c>
      <c r="AN29036">
        <v>29</v>
      </c>
      <c r="AO29036">
        <v>29</v>
      </c>
      <c r="AP29036">
        <v>29</v>
      </c>
      <c r="AQ29036">
        <v>29</v>
      </c>
    </row>
    <row r="29037" spans="1:43">
      <c r="A29037" t="s">
        <v>17975</v>
      </c>
      <c r="B29037" t="s">
        <v>17976</v>
      </c>
      <c r="C29037" t="s">
        <v>17973</v>
      </c>
      <c r="D29037" t="s">
        <v>17974</v>
      </c>
      <c r="E29037" t="s">
        <v>17915</v>
      </c>
      <c r="F29037" t="s">
        <v>17916</v>
      </c>
      <c r="G29037" t="s">
        <v>16559</v>
      </c>
      <c r="H29037" t="s">
        <v>16560</v>
      </c>
      <c r="I29037" s="2">
        <v>1</v>
      </c>
      <c r="J29037" s="2">
        <v>0</v>
      </c>
      <c r="K29037" s="2">
        <v>0</v>
      </c>
      <c r="L29037" t="s">
        <v>120</v>
      </c>
      <c r="M29037" t="s">
        <v>83</v>
      </c>
      <c r="N29037" t="s">
        <v>91</v>
      </c>
      <c r="O29037" t="s">
        <v>85</v>
      </c>
      <c r="P29037" t="s">
        <v>86</v>
      </c>
      <c r="Q29037">
        <v>24</v>
      </c>
      <c r="R29037">
        <v>24</v>
      </c>
      <c r="S29037">
        <v>25</v>
      </c>
      <c r="T29037">
        <v>25</v>
      </c>
      <c r="U29037">
        <v>25</v>
      </c>
      <c r="V29037">
        <v>26</v>
      </c>
      <c r="W29037">
        <v>26</v>
      </c>
      <c r="X29037">
        <v>26</v>
      </c>
      <c r="Y29037">
        <v>26</v>
      </c>
      <c r="Z29037">
        <v>27</v>
      </c>
      <c r="AA29037">
        <v>27</v>
      </c>
      <c r="AB29037">
        <v>27</v>
      </c>
      <c r="AC29037">
        <v>27</v>
      </c>
      <c r="AD29037">
        <v>28</v>
      </c>
      <c r="AE29037">
        <v>28</v>
      </c>
      <c r="AF29037">
        <v>28</v>
      </c>
      <c r="AG29037">
        <v>28</v>
      </c>
      <c r="AH29037">
        <v>28</v>
      </c>
      <c r="AI29037">
        <v>29</v>
      </c>
      <c r="AJ29037">
        <v>29</v>
      </c>
      <c r="AK29037">
        <v>29</v>
      </c>
      <c r="AL29037">
        <v>29</v>
      </c>
      <c r="AM29037">
        <v>29</v>
      </c>
      <c r="AN29037">
        <v>29</v>
      </c>
      <c r="AO29037">
        <v>29</v>
      </c>
      <c r="AP29037">
        <v>29</v>
      </c>
      <c r="AQ29037">
        <v>29</v>
      </c>
    </row>
    <row r="29038" spans="1:43">
      <c r="A29038" t="s">
        <v>17977</v>
      </c>
      <c r="B29038" t="s">
        <v>17978</v>
      </c>
      <c r="C29038" t="s">
        <v>17973</v>
      </c>
      <c r="D29038" t="s">
        <v>17974</v>
      </c>
      <c r="E29038" t="s">
        <v>17915</v>
      </c>
      <c r="F29038" t="s">
        <v>17916</v>
      </c>
      <c r="G29038" t="s">
        <v>16559</v>
      </c>
      <c r="H29038" t="s">
        <v>16560</v>
      </c>
      <c r="I29038" s="2">
        <v>1</v>
      </c>
      <c r="J29038" s="2">
        <v>0</v>
      </c>
      <c r="K29038" s="2">
        <v>0</v>
      </c>
      <c r="L29038" t="s">
        <v>120</v>
      </c>
      <c r="M29038" t="s">
        <v>83</v>
      </c>
      <c r="N29038" t="s">
        <v>84</v>
      </c>
      <c r="O29038" t="s">
        <v>85</v>
      </c>
      <c r="P29038" t="s">
        <v>86</v>
      </c>
      <c r="Q29038">
        <v>51</v>
      </c>
      <c r="R29038">
        <v>51</v>
      </c>
      <c r="S29038">
        <v>52</v>
      </c>
      <c r="T29038">
        <v>53</v>
      </c>
      <c r="U29038">
        <v>53</v>
      </c>
      <c r="V29038">
        <v>54</v>
      </c>
      <c r="W29038">
        <v>54</v>
      </c>
      <c r="X29038">
        <v>55</v>
      </c>
      <c r="Y29038">
        <v>55</v>
      </c>
      <c r="Z29038">
        <v>56</v>
      </c>
      <c r="AA29038">
        <v>56</v>
      </c>
      <c r="AB29038">
        <v>57</v>
      </c>
      <c r="AC29038">
        <v>57</v>
      </c>
      <c r="AD29038">
        <v>58</v>
      </c>
      <c r="AE29038">
        <v>58</v>
      </c>
      <c r="AF29038">
        <v>59</v>
      </c>
      <c r="AG29038">
        <v>59</v>
      </c>
      <c r="AH29038">
        <v>60</v>
      </c>
      <c r="AI29038">
        <v>60</v>
      </c>
      <c r="AJ29038">
        <v>61</v>
      </c>
      <c r="AK29038">
        <v>61</v>
      </c>
      <c r="AL29038">
        <v>61</v>
      </c>
      <c r="AM29038">
        <v>61</v>
      </c>
      <c r="AN29038">
        <v>61</v>
      </c>
      <c r="AO29038">
        <v>61</v>
      </c>
      <c r="AP29038">
        <v>61</v>
      </c>
      <c r="AQ29038">
        <v>61</v>
      </c>
    </row>
    <row r="29039" spans="1:43">
      <c r="A29039" t="s">
        <v>17977</v>
      </c>
      <c r="B29039" t="s">
        <v>17978</v>
      </c>
      <c r="C29039" t="s">
        <v>17973</v>
      </c>
      <c r="D29039" t="s">
        <v>17974</v>
      </c>
      <c r="E29039" t="s">
        <v>17915</v>
      </c>
      <c r="F29039" t="s">
        <v>17916</v>
      </c>
      <c r="G29039" t="s">
        <v>16559</v>
      </c>
      <c r="H29039" t="s">
        <v>16560</v>
      </c>
      <c r="I29039" s="2">
        <v>1</v>
      </c>
      <c r="J29039" s="2">
        <v>0</v>
      </c>
      <c r="K29039" s="2">
        <v>0</v>
      </c>
      <c r="L29039" t="s">
        <v>120</v>
      </c>
      <c r="M29039" t="s">
        <v>87</v>
      </c>
      <c r="N29039" t="s">
        <v>88</v>
      </c>
      <c r="O29039" t="s">
        <v>85</v>
      </c>
      <c r="P29039" t="s">
        <v>86</v>
      </c>
      <c r="Q29039">
        <v>51</v>
      </c>
      <c r="R29039">
        <v>51</v>
      </c>
      <c r="S29039">
        <v>52</v>
      </c>
      <c r="T29039">
        <v>52</v>
      </c>
      <c r="U29039">
        <v>52</v>
      </c>
      <c r="V29039">
        <v>52</v>
      </c>
      <c r="W29039">
        <v>52</v>
      </c>
      <c r="X29039">
        <v>52</v>
      </c>
      <c r="Y29039">
        <v>52</v>
      </c>
      <c r="Z29039">
        <v>52</v>
      </c>
      <c r="AA29039">
        <v>53</v>
      </c>
      <c r="AB29039">
        <v>53</v>
      </c>
      <c r="AC29039">
        <v>53</v>
      </c>
      <c r="AD29039">
        <v>53</v>
      </c>
      <c r="AE29039">
        <v>53</v>
      </c>
      <c r="AF29039">
        <v>53</v>
      </c>
      <c r="AG29039">
        <v>53</v>
      </c>
      <c r="AH29039">
        <v>53</v>
      </c>
      <c r="AI29039">
        <v>53</v>
      </c>
      <c r="AJ29039">
        <v>53</v>
      </c>
      <c r="AK29039">
        <v>54</v>
      </c>
      <c r="AL29039">
        <v>54</v>
      </c>
      <c r="AM29039">
        <v>54</v>
      </c>
      <c r="AN29039">
        <v>54</v>
      </c>
      <c r="AO29039">
        <v>54</v>
      </c>
      <c r="AP29039">
        <v>54</v>
      </c>
      <c r="AQ29039">
        <v>54</v>
      </c>
    </row>
    <row r="29040" spans="1:43">
      <c r="A29040" t="s">
        <v>17977</v>
      </c>
      <c r="B29040" t="s">
        <v>17978</v>
      </c>
      <c r="C29040" t="s">
        <v>17973</v>
      </c>
      <c r="D29040" t="s">
        <v>17974</v>
      </c>
      <c r="E29040" t="s">
        <v>17915</v>
      </c>
      <c r="F29040" t="s">
        <v>17916</v>
      </c>
      <c r="G29040" t="s">
        <v>16559</v>
      </c>
      <c r="H29040" t="s">
        <v>16560</v>
      </c>
      <c r="I29040" s="2">
        <v>1</v>
      </c>
      <c r="J29040" s="2">
        <v>0</v>
      </c>
      <c r="K29040" s="2">
        <v>0</v>
      </c>
      <c r="L29040" t="s">
        <v>120</v>
      </c>
      <c r="M29040" t="s">
        <v>89</v>
      </c>
      <c r="N29040" t="s">
        <v>90</v>
      </c>
      <c r="O29040" t="s">
        <v>85</v>
      </c>
      <c r="P29040" t="s">
        <v>86</v>
      </c>
      <c r="Q29040">
        <v>51</v>
      </c>
      <c r="R29040">
        <v>52</v>
      </c>
      <c r="S29040">
        <v>53</v>
      </c>
      <c r="T29040">
        <v>54</v>
      </c>
      <c r="U29040">
        <v>55</v>
      </c>
      <c r="V29040">
        <v>56</v>
      </c>
      <c r="W29040">
        <v>57</v>
      </c>
      <c r="X29040">
        <v>58</v>
      </c>
      <c r="Y29040">
        <v>59</v>
      </c>
      <c r="Z29040">
        <v>59</v>
      </c>
      <c r="AA29040">
        <v>60</v>
      </c>
      <c r="AB29040">
        <v>61</v>
      </c>
      <c r="AC29040">
        <v>62</v>
      </c>
      <c r="AD29040">
        <v>62</v>
      </c>
      <c r="AE29040">
        <v>63</v>
      </c>
      <c r="AF29040">
        <v>63</v>
      </c>
      <c r="AG29040">
        <v>62</v>
      </c>
      <c r="AH29040">
        <v>62</v>
      </c>
      <c r="AI29040">
        <v>62</v>
      </c>
      <c r="AJ29040">
        <v>62</v>
      </c>
      <c r="AK29040">
        <v>62</v>
      </c>
      <c r="AL29040">
        <v>62</v>
      </c>
      <c r="AM29040">
        <v>62</v>
      </c>
      <c r="AN29040">
        <v>62</v>
      </c>
      <c r="AO29040">
        <v>62</v>
      </c>
      <c r="AP29040">
        <v>61</v>
      </c>
      <c r="AQ29040">
        <v>61</v>
      </c>
    </row>
    <row r="29041" spans="1:43">
      <c r="A29041" t="s">
        <v>17977</v>
      </c>
      <c r="B29041" t="s">
        <v>17978</v>
      </c>
      <c r="C29041" t="s">
        <v>17973</v>
      </c>
      <c r="D29041" t="s">
        <v>17974</v>
      </c>
      <c r="E29041" t="s">
        <v>17915</v>
      </c>
      <c r="F29041" t="s">
        <v>17916</v>
      </c>
      <c r="G29041" t="s">
        <v>16559</v>
      </c>
      <c r="H29041" t="s">
        <v>16560</v>
      </c>
      <c r="I29041" s="2">
        <v>1</v>
      </c>
      <c r="J29041" s="2">
        <v>0</v>
      </c>
      <c r="K29041" s="2">
        <v>0</v>
      </c>
      <c r="L29041" t="s">
        <v>120</v>
      </c>
      <c r="M29041" t="s">
        <v>83</v>
      </c>
      <c r="N29041" t="s">
        <v>91</v>
      </c>
      <c r="O29041" t="s">
        <v>85</v>
      </c>
      <c r="P29041" t="s">
        <v>86</v>
      </c>
      <c r="Q29041">
        <v>51</v>
      </c>
      <c r="R29041">
        <v>51</v>
      </c>
      <c r="S29041">
        <v>52</v>
      </c>
      <c r="T29041">
        <v>53</v>
      </c>
      <c r="U29041">
        <v>53</v>
      </c>
      <c r="V29041">
        <v>54</v>
      </c>
      <c r="W29041">
        <v>54</v>
      </c>
      <c r="X29041">
        <v>55</v>
      </c>
      <c r="Y29041">
        <v>55</v>
      </c>
      <c r="Z29041">
        <v>56</v>
      </c>
      <c r="AA29041">
        <v>56</v>
      </c>
      <c r="AB29041">
        <v>57</v>
      </c>
      <c r="AC29041">
        <v>57</v>
      </c>
      <c r="AD29041">
        <v>58</v>
      </c>
      <c r="AE29041">
        <v>58</v>
      </c>
      <c r="AF29041">
        <v>59</v>
      </c>
      <c r="AG29041">
        <v>59</v>
      </c>
      <c r="AH29041">
        <v>60</v>
      </c>
      <c r="AI29041">
        <v>60</v>
      </c>
      <c r="AJ29041">
        <v>61</v>
      </c>
      <c r="AK29041">
        <v>61</v>
      </c>
      <c r="AL29041">
        <v>61</v>
      </c>
      <c r="AM29041">
        <v>61</v>
      </c>
      <c r="AN29041">
        <v>61</v>
      </c>
      <c r="AO29041">
        <v>61</v>
      </c>
      <c r="AP29041">
        <v>61</v>
      </c>
      <c r="AQ29041">
        <v>61</v>
      </c>
    </row>
    <row r="29042" spans="1:43">
      <c r="A29042" t="s">
        <v>17979</v>
      </c>
      <c r="B29042" t="s">
        <v>17980</v>
      </c>
      <c r="C29042" t="s">
        <v>17973</v>
      </c>
      <c r="D29042" t="s">
        <v>17974</v>
      </c>
      <c r="E29042" t="s">
        <v>17915</v>
      </c>
      <c r="F29042" t="s">
        <v>17916</v>
      </c>
      <c r="G29042" t="s">
        <v>16559</v>
      </c>
      <c r="H29042" t="s">
        <v>16560</v>
      </c>
      <c r="I29042" s="2">
        <v>1</v>
      </c>
      <c r="J29042" s="2">
        <v>0</v>
      </c>
      <c r="K29042" s="2">
        <v>0</v>
      </c>
      <c r="L29042" t="s">
        <v>120</v>
      </c>
      <c r="M29042" t="s">
        <v>83</v>
      </c>
      <c r="N29042" t="s">
        <v>84</v>
      </c>
      <c r="O29042" t="s">
        <v>85</v>
      </c>
      <c r="P29042" t="s">
        <v>86</v>
      </c>
      <c r="Q29042">
        <v>25</v>
      </c>
      <c r="R29042">
        <v>25</v>
      </c>
      <c r="S29042">
        <v>25</v>
      </c>
      <c r="T29042">
        <v>26</v>
      </c>
      <c r="U29042">
        <v>26</v>
      </c>
      <c r="V29042">
        <v>26</v>
      </c>
      <c r="W29042">
        <v>26</v>
      </c>
      <c r="X29042">
        <v>27</v>
      </c>
      <c r="Y29042">
        <v>27</v>
      </c>
      <c r="Z29042">
        <v>27</v>
      </c>
      <c r="AA29042">
        <v>27</v>
      </c>
      <c r="AB29042">
        <v>28</v>
      </c>
      <c r="AC29042">
        <v>28</v>
      </c>
      <c r="AD29042">
        <v>28</v>
      </c>
      <c r="AE29042">
        <v>28</v>
      </c>
      <c r="AF29042">
        <v>29</v>
      </c>
      <c r="AG29042">
        <v>29</v>
      </c>
      <c r="AH29042">
        <v>29</v>
      </c>
      <c r="AI29042">
        <v>29</v>
      </c>
      <c r="AJ29042">
        <v>30</v>
      </c>
      <c r="AK29042">
        <v>30</v>
      </c>
      <c r="AL29042">
        <v>30</v>
      </c>
      <c r="AM29042">
        <v>30</v>
      </c>
      <c r="AN29042">
        <v>30</v>
      </c>
      <c r="AO29042">
        <v>30</v>
      </c>
      <c r="AP29042">
        <v>30</v>
      </c>
      <c r="AQ29042">
        <v>30</v>
      </c>
    </row>
    <row r="29043" spans="1:43">
      <c r="A29043" t="s">
        <v>17979</v>
      </c>
      <c r="B29043" t="s">
        <v>17980</v>
      </c>
      <c r="C29043" t="s">
        <v>17973</v>
      </c>
      <c r="D29043" t="s">
        <v>17974</v>
      </c>
      <c r="E29043" t="s">
        <v>17915</v>
      </c>
      <c r="F29043" t="s">
        <v>17916</v>
      </c>
      <c r="G29043" t="s">
        <v>16559</v>
      </c>
      <c r="H29043" t="s">
        <v>16560</v>
      </c>
      <c r="I29043" s="2">
        <v>1</v>
      </c>
      <c r="J29043" s="2">
        <v>0</v>
      </c>
      <c r="K29043" s="2">
        <v>0</v>
      </c>
      <c r="L29043" t="s">
        <v>120</v>
      </c>
      <c r="M29043" t="s">
        <v>87</v>
      </c>
      <c r="N29043" t="s">
        <v>88</v>
      </c>
      <c r="O29043" t="s">
        <v>85</v>
      </c>
      <c r="P29043" t="s">
        <v>86</v>
      </c>
      <c r="Q29043">
        <v>25</v>
      </c>
      <c r="R29043">
        <v>25</v>
      </c>
      <c r="S29043">
        <v>26</v>
      </c>
      <c r="T29043">
        <v>26</v>
      </c>
      <c r="U29043">
        <v>26</v>
      </c>
      <c r="V29043">
        <v>26</v>
      </c>
      <c r="W29043">
        <v>26</v>
      </c>
      <c r="X29043">
        <v>26</v>
      </c>
      <c r="Y29043">
        <v>26</v>
      </c>
      <c r="Z29043">
        <v>26</v>
      </c>
      <c r="AA29043">
        <v>26</v>
      </c>
      <c r="AB29043">
        <v>26</v>
      </c>
      <c r="AC29043">
        <v>26</v>
      </c>
      <c r="AD29043">
        <v>26</v>
      </c>
      <c r="AE29043">
        <v>26</v>
      </c>
      <c r="AF29043">
        <v>26</v>
      </c>
      <c r="AG29043">
        <v>26</v>
      </c>
      <c r="AH29043">
        <v>26</v>
      </c>
      <c r="AI29043">
        <v>26</v>
      </c>
      <c r="AJ29043">
        <v>26</v>
      </c>
      <c r="AK29043">
        <v>26</v>
      </c>
      <c r="AL29043">
        <v>27</v>
      </c>
      <c r="AM29043">
        <v>27</v>
      </c>
      <c r="AN29043">
        <v>27</v>
      </c>
      <c r="AO29043">
        <v>27</v>
      </c>
      <c r="AP29043">
        <v>27</v>
      </c>
      <c r="AQ29043">
        <v>27</v>
      </c>
    </row>
    <row r="29044" spans="1:43">
      <c r="A29044" t="s">
        <v>17979</v>
      </c>
      <c r="B29044" t="s">
        <v>17980</v>
      </c>
      <c r="C29044" t="s">
        <v>17973</v>
      </c>
      <c r="D29044" t="s">
        <v>17974</v>
      </c>
      <c r="E29044" t="s">
        <v>17915</v>
      </c>
      <c r="F29044" t="s">
        <v>17916</v>
      </c>
      <c r="G29044" t="s">
        <v>16559</v>
      </c>
      <c r="H29044" t="s">
        <v>16560</v>
      </c>
      <c r="I29044" s="2">
        <v>1</v>
      </c>
      <c r="J29044" s="2">
        <v>0</v>
      </c>
      <c r="K29044" s="2">
        <v>0</v>
      </c>
      <c r="L29044" t="s">
        <v>120</v>
      </c>
      <c r="M29044" t="s">
        <v>89</v>
      </c>
      <c r="N29044" t="s">
        <v>90</v>
      </c>
      <c r="O29044" t="s">
        <v>85</v>
      </c>
      <c r="P29044" t="s">
        <v>86</v>
      </c>
      <c r="Q29044">
        <v>25</v>
      </c>
      <c r="R29044">
        <v>25</v>
      </c>
      <c r="S29044">
        <v>26</v>
      </c>
      <c r="T29044">
        <v>26</v>
      </c>
      <c r="U29044">
        <v>27</v>
      </c>
      <c r="V29044">
        <v>27</v>
      </c>
      <c r="W29044">
        <v>28</v>
      </c>
      <c r="X29044">
        <v>28</v>
      </c>
      <c r="Y29044">
        <v>28</v>
      </c>
      <c r="Z29044">
        <v>29</v>
      </c>
      <c r="AA29044">
        <v>29</v>
      </c>
      <c r="AB29044">
        <v>29</v>
      </c>
      <c r="AC29044">
        <v>30</v>
      </c>
      <c r="AD29044">
        <v>30</v>
      </c>
      <c r="AE29044">
        <v>30</v>
      </c>
      <c r="AF29044">
        <v>30</v>
      </c>
      <c r="AG29044">
        <v>30</v>
      </c>
      <c r="AH29044">
        <v>30</v>
      </c>
      <c r="AI29044">
        <v>30</v>
      </c>
      <c r="AJ29044">
        <v>30</v>
      </c>
      <c r="AK29044">
        <v>30</v>
      </c>
      <c r="AL29044">
        <v>30</v>
      </c>
      <c r="AM29044">
        <v>30</v>
      </c>
      <c r="AN29044">
        <v>30</v>
      </c>
      <c r="AO29044">
        <v>30</v>
      </c>
      <c r="AP29044">
        <v>30</v>
      </c>
      <c r="AQ29044">
        <v>30</v>
      </c>
    </row>
    <row r="29045" spans="1:43">
      <c r="A29045" t="s">
        <v>17979</v>
      </c>
      <c r="B29045" t="s">
        <v>17980</v>
      </c>
      <c r="C29045" t="s">
        <v>17973</v>
      </c>
      <c r="D29045" t="s">
        <v>17974</v>
      </c>
      <c r="E29045" t="s">
        <v>17915</v>
      </c>
      <c r="F29045" t="s">
        <v>17916</v>
      </c>
      <c r="G29045" t="s">
        <v>16559</v>
      </c>
      <c r="H29045" t="s">
        <v>16560</v>
      </c>
      <c r="I29045" s="2">
        <v>1</v>
      </c>
      <c r="J29045" s="2">
        <v>0</v>
      </c>
      <c r="K29045" s="2">
        <v>0</v>
      </c>
      <c r="L29045" t="s">
        <v>120</v>
      </c>
      <c r="M29045" t="s">
        <v>83</v>
      </c>
      <c r="N29045" t="s">
        <v>91</v>
      </c>
      <c r="O29045" t="s">
        <v>85</v>
      </c>
      <c r="P29045" t="s">
        <v>86</v>
      </c>
      <c r="Q29045">
        <v>25</v>
      </c>
      <c r="R29045">
        <v>25</v>
      </c>
      <c r="S29045">
        <v>25</v>
      </c>
      <c r="T29045">
        <v>26</v>
      </c>
      <c r="U29045">
        <v>26</v>
      </c>
      <c r="V29045">
        <v>26</v>
      </c>
      <c r="W29045">
        <v>26</v>
      </c>
      <c r="X29045">
        <v>27</v>
      </c>
      <c r="Y29045">
        <v>27</v>
      </c>
      <c r="Z29045">
        <v>27</v>
      </c>
      <c r="AA29045">
        <v>27</v>
      </c>
      <c r="AB29045">
        <v>28</v>
      </c>
      <c r="AC29045">
        <v>28</v>
      </c>
      <c r="AD29045">
        <v>28</v>
      </c>
      <c r="AE29045">
        <v>28</v>
      </c>
      <c r="AF29045">
        <v>29</v>
      </c>
      <c r="AG29045">
        <v>29</v>
      </c>
      <c r="AH29045">
        <v>29</v>
      </c>
      <c r="AI29045">
        <v>29</v>
      </c>
      <c r="AJ29045">
        <v>30</v>
      </c>
      <c r="AK29045">
        <v>30</v>
      </c>
      <c r="AL29045">
        <v>30</v>
      </c>
      <c r="AM29045">
        <v>30</v>
      </c>
      <c r="AN29045">
        <v>30</v>
      </c>
      <c r="AO29045">
        <v>30</v>
      </c>
      <c r="AP29045">
        <v>30</v>
      </c>
      <c r="AQ29045">
        <v>30</v>
      </c>
    </row>
    <row r="29046" spans="1:43">
      <c r="A29046" t="s">
        <v>17981</v>
      </c>
      <c r="B29046" t="s">
        <v>17982</v>
      </c>
      <c r="C29046" t="s">
        <v>17983</v>
      </c>
      <c r="D29046" t="s">
        <v>17984</v>
      </c>
      <c r="E29046" t="s">
        <v>17915</v>
      </c>
      <c r="F29046" t="s">
        <v>17916</v>
      </c>
      <c r="G29046" t="s">
        <v>16559</v>
      </c>
      <c r="H29046" t="s">
        <v>16560</v>
      </c>
      <c r="I29046" s="2">
        <v>1</v>
      </c>
      <c r="J29046" s="2">
        <v>0</v>
      </c>
      <c r="K29046" s="2">
        <v>0</v>
      </c>
      <c r="L29046" t="s">
        <v>120</v>
      </c>
      <c r="M29046" t="s">
        <v>83</v>
      </c>
      <c r="N29046" t="s">
        <v>84</v>
      </c>
      <c r="O29046" t="s">
        <v>85</v>
      </c>
      <c r="P29046" t="s">
        <v>86</v>
      </c>
      <c r="Q29046">
        <v>31</v>
      </c>
      <c r="R29046">
        <v>31</v>
      </c>
      <c r="S29046">
        <v>31</v>
      </c>
      <c r="T29046">
        <v>32</v>
      </c>
      <c r="U29046">
        <v>32</v>
      </c>
      <c r="V29046">
        <v>33</v>
      </c>
      <c r="W29046">
        <v>33</v>
      </c>
      <c r="X29046">
        <v>33</v>
      </c>
      <c r="Y29046">
        <v>34</v>
      </c>
      <c r="Z29046">
        <v>34</v>
      </c>
      <c r="AA29046">
        <v>34</v>
      </c>
      <c r="AB29046">
        <v>35</v>
      </c>
      <c r="AC29046">
        <v>35</v>
      </c>
      <c r="AD29046">
        <v>35</v>
      </c>
      <c r="AE29046">
        <v>35</v>
      </c>
      <c r="AF29046">
        <v>36</v>
      </c>
      <c r="AG29046">
        <v>36</v>
      </c>
      <c r="AH29046">
        <v>36</v>
      </c>
      <c r="AI29046">
        <v>37</v>
      </c>
      <c r="AJ29046">
        <v>37</v>
      </c>
      <c r="AK29046">
        <v>37</v>
      </c>
      <c r="AL29046">
        <v>37</v>
      </c>
      <c r="AM29046">
        <v>37</v>
      </c>
      <c r="AN29046">
        <v>37</v>
      </c>
      <c r="AO29046">
        <v>37</v>
      </c>
      <c r="AP29046">
        <v>37</v>
      </c>
      <c r="AQ29046">
        <v>37</v>
      </c>
    </row>
    <row r="29047" spans="1:43">
      <c r="A29047" t="s">
        <v>17981</v>
      </c>
      <c r="B29047" t="s">
        <v>17982</v>
      </c>
      <c r="C29047" t="s">
        <v>17983</v>
      </c>
      <c r="D29047" t="s">
        <v>17984</v>
      </c>
      <c r="E29047" t="s">
        <v>17915</v>
      </c>
      <c r="F29047" t="s">
        <v>17916</v>
      </c>
      <c r="G29047" t="s">
        <v>16559</v>
      </c>
      <c r="H29047" t="s">
        <v>16560</v>
      </c>
      <c r="I29047" s="2">
        <v>1</v>
      </c>
      <c r="J29047" s="2">
        <v>0</v>
      </c>
      <c r="K29047" s="2">
        <v>0</v>
      </c>
      <c r="L29047" t="s">
        <v>120</v>
      </c>
      <c r="M29047" t="s">
        <v>87</v>
      </c>
      <c r="N29047" t="s">
        <v>88</v>
      </c>
      <c r="O29047" t="s">
        <v>85</v>
      </c>
      <c r="P29047" t="s">
        <v>86</v>
      </c>
      <c r="Q29047">
        <v>31</v>
      </c>
      <c r="R29047">
        <v>31</v>
      </c>
      <c r="S29047">
        <v>32</v>
      </c>
      <c r="T29047">
        <v>32</v>
      </c>
      <c r="U29047">
        <v>32</v>
      </c>
      <c r="V29047">
        <v>32</v>
      </c>
      <c r="W29047">
        <v>32</v>
      </c>
      <c r="X29047">
        <v>32</v>
      </c>
      <c r="Y29047">
        <v>32</v>
      </c>
      <c r="Z29047">
        <v>32</v>
      </c>
      <c r="AA29047">
        <v>32</v>
      </c>
      <c r="AB29047">
        <v>32</v>
      </c>
      <c r="AC29047">
        <v>32</v>
      </c>
      <c r="AD29047">
        <v>32</v>
      </c>
      <c r="AE29047">
        <v>33</v>
      </c>
      <c r="AF29047">
        <v>33</v>
      </c>
      <c r="AG29047">
        <v>33</v>
      </c>
      <c r="AH29047">
        <v>33</v>
      </c>
      <c r="AI29047">
        <v>33</v>
      </c>
      <c r="AJ29047">
        <v>33</v>
      </c>
      <c r="AK29047">
        <v>33</v>
      </c>
      <c r="AL29047">
        <v>33</v>
      </c>
      <c r="AM29047">
        <v>33</v>
      </c>
      <c r="AN29047">
        <v>33</v>
      </c>
      <c r="AO29047">
        <v>33</v>
      </c>
      <c r="AP29047">
        <v>33</v>
      </c>
      <c r="AQ29047">
        <v>33</v>
      </c>
    </row>
    <row r="29048" spans="1:43">
      <c r="A29048" t="s">
        <v>17981</v>
      </c>
      <c r="B29048" t="s">
        <v>17982</v>
      </c>
      <c r="C29048" t="s">
        <v>17983</v>
      </c>
      <c r="D29048" t="s">
        <v>17984</v>
      </c>
      <c r="E29048" t="s">
        <v>17915</v>
      </c>
      <c r="F29048" t="s">
        <v>17916</v>
      </c>
      <c r="G29048" t="s">
        <v>16559</v>
      </c>
      <c r="H29048" t="s">
        <v>16560</v>
      </c>
      <c r="I29048" s="2">
        <v>1</v>
      </c>
      <c r="J29048" s="2">
        <v>0</v>
      </c>
      <c r="K29048" s="2">
        <v>0</v>
      </c>
      <c r="L29048" t="s">
        <v>120</v>
      </c>
      <c r="M29048" t="s">
        <v>89</v>
      </c>
      <c r="N29048" t="s">
        <v>90</v>
      </c>
      <c r="O29048" t="s">
        <v>85</v>
      </c>
      <c r="P29048" t="s">
        <v>86</v>
      </c>
      <c r="Q29048">
        <v>31</v>
      </c>
      <c r="R29048">
        <v>32</v>
      </c>
      <c r="S29048">
        <v>32</v>
      </c>
      <c r="T29048">
        <v>33</v>
      </c>
      <c r="U29048">
        <v>33</v>
      </c>
      <c r="V29048">
        <v>34</v>
      </c>
      <c r="W29048">
        <v>34</v>
      </c>
      <c r="X29048">
        <v>35</v>
      </c>
      <c r="Y29048">
        <v>35</v>
      </c>
      <c r="Z29048">
        <v>36</v>
      </c>
      <c r="AA29048">
        <v>36</v>
      </c>
      <c r="AB29048">
        <v>37</v>
      </c>
      <c r="AC29048">
        <v>37</v>
      </c>
      <c r="AD29048">
        <v>38</v>
      </c>
      <c r="AE29048">
        <v>38</v>
      </c>
      <c r="AF29048">
        <v>38</v>
      </c>
      <c r="AG29048">
        <v>38</v>
      </c>
      <c r="AH29048">
        <v>38</v>
      </c>
      <c r="AI29048">
        <v>38</v>
      </c>
      <c r="AJ29048">
        <v>38</v>
      </c>
      <c r="AK29048">
        <v>38</v>
      </c>
      <c r="AL29048">
        <v>38</v>
      </c>
      <c r="AM29048">
        <v>37</v>
      </c>
      <c r="AN29048">
        <v>37</v>
      </c>
      <c r="AO29048">
        <v>37</v>
      </c>
      <c r="AP29048">
        <v>37</v>
      </c>
      <c r="AQ29048">
        <v>37</v>
      </c>
    </row>
    <row r="29049" spans="1:43">
      <c r="A29049" t="s">
        <v>17981</v>
      </c>
      <c r="B29049" t="s">
        <v>17982</v>
      </c>
      <c r="C29049" t="s">
        <v>17983</v>
      </c>
      <c r="D29049" t="s">
        <v>17984</v>
      </c>
      <c r="E29049" t="s">
        <v>17915</v>
      </c>
      <c r="F29049" t="s">
        <v>17916</v>
      </c>
      <c r="G29049" t="s">
        <v>16559</v>
      </c>
      <c r="H29049" t="s">
        <v>16560</v>
      </c>
      <c r="I29049" s="2">
        <v>1</v>
      </c>
      <c r="J29049" s="2">
        <v>0</v>
      </c>
      <c r="K29049" s="2">
        <v>0</v>
      </c>
      <c r="L29049" t="s">
        <v>120</v>
      </c>
      <c r="M29049" t="s">
        <v>83</v>
      </c>
      <c r="N29049" t="s">
        <v>91</v>
      </c>
      <c r="O29049" t="s">
        <v>85</v>
      </c>
      <c r="P29049" t="s">
        <v>86</v>
      </c>
      <c r="Q29049">
        <v>31</v>
      </c>
      <c r="R29049">
        <v>31</v>
      </c>
      <c r="S29049">
        <v>31</v>
      </c>
      <c r="T29049">
        <v>32</v>
      </c>
      <c r="U29049">
        <v>32</v>
      </c>
      <c r="V29049">
        <v>33</v>
      </c>
      <c r="W29049">
        <v>33</v>
      </c>
      <c r="X29049">
        <v>33</v>
      </c>
      <c r="Y29049">
        <v>34</v>
      </c>
      <c r="Z29049">
        <v>34</v>
      </c>
      <c r="AA29049">
        <v>34</v>
      </c>
      <c r="AB29049">
        <v>35</v>
      </c>
      <c r="AC29049">
        <v>35</v>
      </c>
      <c r="AD29049">
        <v>35</v>
      </c>
      <c r="AE29049">
        <v>35</v>
      </c>
      <c r="AF29049">
        <v>36</v>
      </c>
      <c r="AG29049">
        <v>36</v>
      </c>
      <c r="AH29049">
        <v>36</v>
      </c>
      <c r="AI29049">
        <v>37</v>
      </c>
      <c r="AJ29049">
        <v>37</v>
      </c>
      <c r="AK29049">
        <v>37</v>
      </c>
      <c r="AL29049">
        <v>37</v>
      </c>
      <c r="AM29049">
        <v>37</v>
      </c>
      <c r="AN29049">
        <v>37</v>
      </c>
      <c r="AO29049">
        <v>37</v>
      </c>
      <c r="AP29049">
        <v>37</v>
      </c>
      <c r="AQ29049">
        <v>37</v>
      </c>
    </row>
    <row r="29050" spans="1:43">
      <c r="A29050" t="s">
        <v>17985</v>
      </c>
      <c r="B29050" t="s">
        <v>17986</v>
      </c>
      <c r="C29050" t="s">
        <v>17983</v>
      </c>
      <c r="D29050" t="s">
        <v>17984</v>
      </c>
      <c r="E29050" t="s">
        <v>17915</v>
      </c>
      <c r="F29050" t="s">
        <v>17916</v>
      </c>
      <c r="G29050" t="s">
        <v>16559</v>
      </c>
      <c r="H29050" t="s">
        <v>16560</v>
      </c>
      <c r="I29050" s="2">
        <v>1</v>
      </c>
      <c r="J29050" s="2">
        <v>0</v>
      </c>
      <c r="K29050" s="2">
        <v>0</v>
      </c>
      <c r="L29050" t="s">
        <v>120</v>
      </c>
      <c r="M29050" t="s">
        <v>83</v>
      </c>
      <c r="N29050" t="s">
        <v>84</v>
      </c>
      <c r="O29050" t="s">
        <v>85</v>
      </c>
      <c r="P29050" t="s">
        <v>86</v>
      </c>
      <c r="Q29050">
        <v>40</v>
      </c>
      <c r="R29050">
        <v>41</v>
      </c>
      <c r="S29050">
        <v>41</v>
      </c>
      <c r="T29050">
        <v>42</v>
      </c>
      <c r="U29050">
        <v>42</v>
      </c>
      <c r="V29050">
        <v>43</v>
      </c>
      <c r="W29050">
        <v>43</v>
      </c>
      <c r="X29050">
        <v>44</v>
      </c>
      <c r="Y29050">
        <v>44</v>
      </c>
      <c r="Z29050">
        <v>45</v>
      </c>
      <c r="AA29050">
        <v>45</v>
      </c>
      <c r="AB29050">
        <v>45</v>
      </c>
      <c r="AC29050">
        <v>46</v>
      </c>
      <c r="AD29050">
        <v>46</v>
      </c>
      <c r="AE29050">
        <v>47</v>
      </c>
      <c r="AF29050">
        <v>47</v>
      </c>
      <c r="AG29050">
        <v>47</v>
      </c>
      <c r="AH29050">
        <v>48</v>
      </c>
      <c r="AI29050">
        <v>48</v>
      </c>
      <c r="AJ29050">
        <v>48</v>
      </c>
      <c r="AK29050">
        <v>49</v>
      </c>
      <c r="AL29050">
        <v>49</v>
      </c>
      <c r="AM29050">
        <v>49</v>
      </c>
      <c r="AN29050">
        <v>49</v>
      </c>
      <c r="AO29050">
        <v>49</v>
      </c>
      <c r="AP29050">
        <v>49</v>
      </c>
      <c r="AQ29050">
        <v>48</v>
      </c>
    </row>
    <row r="29051" spans="1:43">
      <c r="A29051" t="s">
        <v>17985</v>
      </c>
      <c r="B29051" t="s">
        <v>17986</v>
      </c>
      <c r="C29051" t="s">
        <v>17983</v>
      </c>
      <c r="D29051" t="s">
        <v>17984</v>
      </c>
      <c r="E29051" t="s">
        <v>17915</v>
      </c>
      <c r="F29051" t="s">
        <v>17916</v>
      </c>
      <c r="G29051" t="s">
        <v>16559</v>
      </c>
      <c r="H29051" t="s">
        <v>16560</v>
      </c>
      <c r="I29051" s="2">
        <v>1</v>
      </c>
      <c r="J29051" s="2">
        <v>0</v>
      </c>
      <c r="K29051" s="2">
        <v>0</v>
      </c>
      <c r="L29051" t="s">
        <v>120</v>
      </c>
      <c r="M29051" t="s">
        <v>87</v>
      </c>
      <c r="N29051" t="s">
        <v>88</v>
      </c>
      <c r="O29051" t="s">
        <v>85</v>
      </c>
      <c r="P29051" t="s">
        <v>86</v>
      </c>
      <c r="Q29051">
        <v>40</v>
      </c>
      <c r="R29051">
        <v>40</v>
      </c>
      <c r="S29051">
        <v>40</v>
      </c>
      <c r="T29051">
        <v>40</v>
      </c>
      <c r="U29051">
        <v>40</v>
      </c>
      <c r="V29051">
        <v>40</v>
      </c>
      <c r="W29051">
        <v>41</v>
      </c>
      <c r="X29051">
        <v>41</v>
      </c>
      <c r="Y29051">
        <v>41</v>
      </c>
      <c r="Z29051">
        <v>41</v>
      </c>
      <c r="AA29051">
        <v>41</v>
      </c>
      <c r="AB29051">
        <v>41</v>
      </c>
      <c r="AC29051">
        <v>41</v>
      </c>
      <c r="AD29051">
        <v>41</v>
      </c>
      <c r="AE29051">
        <v>42</v>
      </c>
      <c r="AF29051">
        <v>42</v>
      </c>
      <c r="AG29051">
        <v>42</v>
      </c>
      <c r="AH29051">
        <v>42</v>
      </c>
      <c r="AI29051">
        <v>42</v>
      </c>
      <c r="AJ29051">
        <v>42</v>
      </c>
      <c r="AK29051">
        <v>42</v>
      </c>
      <c r="AL29051">
        <v>42</v>
      </c>
      <c r="AM29051">
        <v>42</v>
      </c>
      <c r="AN29051">
        <v>43</v>
      </c>
      <c r="AO29051">
        <v>43</v>
      </c>
      <c r="AP29051">
        <v>43</v>
      </c>
      <c r="AQ29051">
        <v>43</v>
      </c>
    </row>
    <row r="29052" spans="1:43">
      <c r="A29052" t="s">
        <v>17985</v>
      </c>
      <c r="B29052" t="s">
        <v>17986</v>
      </c>
      <c r="C29052" t="s">
        <v>17983</v>
      </c>
      <c r="D29052" t="s">
        <v>17984</v>
      </c>
      <c r="E29052" t="s">
        <v>17915</v>
      </c>
      <c r="F29052" t="s">
        <v>17916</v>
      </c>
      <c r="G29052" t="s">
        <v>16559</v>
      </c>
      <c r="H29052" t="s">
        <v>16560</v>
      </c>
      <c r="I29052" s="2">
        <v>1</v>
      </c>
      <c r="J29052" s="2">
        <v>0</v>
      </c>
      <c r="K29052" s="2">
        <v>0</v>
      </c>
      <c r="L29052" t="s">
        <v>120</v>
      </c>
      <c r="M29052" t="s">
        <v>89</v>
      </c>
      <c r="N29052" t="s">
        <v>90</v>
      </c>
      <c r="O29052" t="s">
        <v>85</v>
      </c>
      <c r="P29052" t="s">
        <v>86</v>
      </c>
      <c r="Q29052">
        <v>40</v>
      </c>
      <c r="R29052">
        <v>40</v>
      </c>
      <c r="S29052">
        <v>41</v>
      </c>
      <c r="T29052">
        <v>42</v>
      </c>
      <c r="U29052">
        <v>43</v>
      </c>
      <c r="V29052">
        <v>44</v>
      </c>
      <c r="W29052">
        <v>44</v>
      </c>
      <c r="X29052">
        <v>45</v>
      </c>
      <c r="Y29052">
        <v>45</v>
      </c>
      <c r="Z29052">
        <v>46</v>
      </c>
      <c r="AA29052">
        <v>47</v>
      </c>
      <c r="AB29052">
        <v>47</v>
      </c>
      <c r="AC29052">
        <v>48</v>
      </c>
      <c r="AD29052">
        <v>48</v>
      </c>
      <c r="AE29052">
        <v>49</v>
      </c>
      <c r="AF29052">
        <v>49</v>
      </c>
      <c r="AG29052">
        <v>49</v>
      </c>
      <c r="AH29052">
        <v>48</v>
      </c>
      <c r="AI29052">
        <v>48</v>
      </c>
      <c r="AJ29052">
        <v>48</v>
      </c>
      <c r="AK29052">
        <v>48</v>
      </c>
      <c r="AL29052">
        <v>48</v>
      </c>
      <c r="AM29052">
        <v>48</v>
      </c>
      <c r="AN29052">
        <v>48</v>
      </c>
      <c r="AO29052">
        <v>48</v>
      </c>
      <c r="AP29052">
        <v>48</v>
      </c>
      <c r="AQ29052">
        <v>48</v>
      </c>
    </row>
    <row r="29053" spans="1:43">
      <c r="A29053" t="s">
        <v>17985</v>
      </c>
      <c r="B29053" t="s">
        <v>17986</v>
      </c>
      <c r="C29053" t="s">
        <v>17983</v>
      </c>
      <c r="D29053" t="s">
        <v>17984</v>
      </c>
      <c r="E29053" t="s">
        <v>17915</v>
      </c>
      <c r="F29053" t="s">
        <v>17916</v>
      </c>
      <c r="G29053" t="s">
        <v>16559</v>
      </c>
      <c r="H29053" t="s">
        <v>16560</v>
      </c>
      <c r="I29053" s="2">
        <v>1</v>
      </c>
      <c r="J29053" s="2">
        <v>0</v>
      </c>
      <c r="K29053" s="2">
        <v>0</v>
      </c>
      <c r="L29053" t="s">
        <v>120</v>
      </c>
      <c r="M29053" t="s">
        <v>83</v>
      </c>
      <c r="N29053" t="s">
        <v>91</v>
      </c>
      <c r="O29053" t="s">
        <v>85</v>
      </c>
      <c r="P29053" t="s">
        <v>86</v>
      </c>
      <c r="Q29053">
        <v>40</v>
      </c>
      <c r="R29053">
        <v>41</v>
      </c>
      <c r="S29053">
        <v>41</v>
      </c>
      <c r="T29053">
        <v>42</v>
      </c>
      <c r="U29053">
        <v>42</v>
      </c>
      <c r="V29053">
        <v>43</v>
      </c>
      <c r="W29053">
        <v>43</v>
      </c>
      <c r="X29053">
        <v>44</v>
      </c>
      <c r="Y29053">
        <v>44</v>
      </c>
      <c r="Z29053">
        <v>45</v>
      </c>
      <c r="AA29053">
        <v>45</v>
      </c>
      <c r="AB29053">
        <v>45</v>
      </c>
      <c r="AC29053">
        <v>46</v>
      </c>
      <c r="AD29053">
        <v>46</v>
      </c>
      <c r="AE29053">
        <v>47</v>
      </c>
      <c r="AF29053">
        <v>47</v>
      </c>
      <c r="AG29053">
        <v>47</v>
      </c>
      <c r="AH29053">
        <v>48</v>
      </c>
      <c r="AI29053">
        <v>48</v>
      </c>
      <c r="AJ29053">
        <v>48</v>
      </c>
      <c r="AK29053">
        <v>49</v>
      </c>
      <c r="AL29053">
        <v>49</v>
      </c>
      <c r="AM29053">
        <v>49</v>
      </c>
      <c r="AN29053">
        <v>49</v>
      </c>
      <c r="AO29053">
        <v>49</v>
      </c>
      <c r="AP29053">
        <v>49</v>
      </c>
      <c r="AQ29053">
        <v>48</v>
      </c>
    </row>
    <row r="29054" spans="1:43">
      <c r="A29054" t="s">
        <v>17987</v>
      </c>
      <c r="B29054" t="s">
        <v>17988</v>
      </c>
      <c r="C29054" t="s">
        <v>17983</v>
      </c>
      <c r="D29054" t="s">
        <v>17984</v>
      </c>
      <c r="E29054" t="s">
        <v>17915</v>
      </c>
      <c r="F29054" t="s">
        <v>17916</v>
      </c>
      <c r="G29054" t="s">
        <v>16559</v>
      </c>
      <c r="H29054" t="s">
        <v>16560</v>
      </c>
      <c r="I29054" s="2">
        <v>1</v>
      </c>
      <c r="J29054" s="2">
        <v>0</v>
      </c>
      <c r="K29054" s="2">
        <v>0</v>
      </c>
      <c r="L29054" t="s">
        <v>120</v>
      </c>
      <c r="M29054" t="s">
        <v>83</v>
      </c>
      <c r="N29054" t="s">
        <v>84</v>
      </c>
      <c r="O29054" t="s">
        <v>85</v>
      </c>
      <c r="P29054" t="s">
        <v>86</v>
      </c>
      <c r="Q29054">
        <v>36</v>
      </c>
      <c r="R29054">
        <v>36</v>
      </c>
      <c r="S29054">
        <v>37</v>
      </c>
      <c r="T29054">
        <v>37</v>
      </c>
      <c r="U29054">
        <v>38</v>
      </c>
      <c r="V29054">
        <v>38</v>
      </c>
      <c r="W29054">
        <v>38</v>
      </c>
      <c r="X29054">
        <v>39</v>
      </c>
      <c r="Y29054">
        <v>39</v>
      </c>
      <c r="Z29054">
        <v>40</v>
      </c>
      <c r="AA29054">
        <v>40</v>
      </c>
      <c r="AB29054">
        <v>40</v>
      </c>
      <c r="AC29054">
        <v>41</v>
      </c>
      <c r="AD29054">
        <v>41</v>
      </c>
      <c r="AE29054">
        <v>41</v>
      </c>
      <c r="AF29054">
        <v>42</v>
      </c>
      <c r="AG29054">
        <v>42</v>
      </c>
      <c r="AH29054">
        <v>42</v>
      </c>
      <c r="AI29054">
        <v>43</v>
      </c>
      <c r="AJ29054">
        <v>43</v>
      </c>
      <c r="AK29054">
        <v>43</v>
      </c>
      <c r="AL29054">
        <v>43</v>
      </c>
      <c r="AM29054">
        <v>43</v>
      </c>
      <c r="AN29054">
        <v>43</v>
      </c>
      <c r="AO29054">
        <v>43</v>
      </c>
      <c r="AP29054">
        <v>43</v>
      </c>
      <c r="AQ29054">
        <v>43</v>
      </c>
    </row>
    <row r="29055" spans="1:43">
      <c r="A29055" t="s">
        <v>17987</v>
      </c>
      <c r="B29055" t="s">
        <v>17988</v>
      </c>
      <c r="C29055" t="s">
        <v>17983</v>
      </c>
      <c r="D29055" t="s">
        <v>17984</v>
      </c>
      <c r="E29055" t="s">
        <v>17915</v>
      </c>
      <c r="F29055" t="s">
        <v>17916</v>
      </c>
      <c r="G29055" t="s">
        <v>16559</v>
      </c>
      <c r="H29055" t="s">
        <v>16560</v>
      </c>
      <c r="I29055" s="2">
        <v>1</v>
      </c>
      <c r="J29055" s="2">
        <v>0</v>
      </c>
      <c r="K29055" s="2">
        <v>0</v>
      </c>
      <c r="L29055" t="s">
        <v>120</v>
      </c>
      <c r="M29055" t="s">
        <v>87</v>
      </c>
      <c r="N29055" t="s">
        <v>88</v>
      </c>
      <c r="O29055" t="s">
        <v>85</v>
      </c>
      <c r="P29055" t="s">
        <v>86</v>
      </c>
      <c r="Q29055">
        <v>36</v>
      </c>
      <c r="R29055">
        <v>37</v>
      </c>
      <c r="S29055">
        <v>37</v>
      </c>
      <c r="T29055">
        <v>37</v>
      </c>
      <c r="U29055">
        <v>37</v>
      </c>
      <c r="V29055">
        <v>37</v>
      </c>
      <c r="W29055">
        <v>37</v>
      </c>
      <c r="X29055">
        <v>37</v>
      </c>
      <c r="Y29055">
        <v>37</v>
      </c>
      <c r="Z29055">
        <v>37</v>
      </c>
      <c r="AA29055">
        <v>37</v>
      </c>
      <c r="AB29055">
        <v>37</v>
      </c>
      <c r="AC29055">
        <v>38</v>
      </c>
      <c r="AD29055">
        <v>38</v>
      </c>
      <c r="AE29055">
        <v>38</v>
      </c>
      <c r="AF29055">
        <v>38</v>
      </c>
      <c r="AG29055">
        <v>38</v>
      </c>
      <c r="AH29055">
        <v>38</v>
      </c>
      <c r="AI29055">
        <v>38</v>
      </c>
      <c r="AJ29055">
        <v>38</v>
      </c>
      <c r="AK29055">
        <v>38</v>
      </c>
      <c r="AL29055">
        <v>38</v>
      </c>
      <c r="AM29055">
        <v>38</v>
      </c>
      <c r="AN29055">
        <v>39</v>
      </c>
      <c r="AO29055">
        <v>39</v>
      </c>
      <c r="AP29055">
        <v>39</v>
      </c>
      <c r="AQ29055">
        <v>39</v>
      </c>
    </row>
    <row r="29056" spans="1:43">
      <c r="A29056" t="s">
        <v>17987</v>
      </c>
      <c r="B29056" t="s">
        <v>17988</v>
      </c>
      <c r="C29056" t="s">
        <v>17983</v>
      </c>
      <c r="D29056" t="s">
        <v>17984</v>
      </c>
      <c r="E29056" t="s">
        <v>17915</v>
      </c>
      <c r="F29056" t="s">
        <v>17916</v>
      </c>
      <c r="G29056" t="s">
        <v>16559</v>
      </c>
      <c r="H29056" t="s">
        <v>16560</v>
      </c>
      <c r="I29056" s="2">
        <v>1</v>
      </c>
      <c r="J29056" s="2">
        <v>0</v>
      </c>
      <c r="K29056" s="2">
        <v>0</v>
      </c>
      <c r="L29056" t="s">
        <v>120</v>
      </c>
      <c r="M29056" t="s">
        <v>89</v>
      </c>
      <c r="N29056" t="s">
        <v>90</v>
      </c>
      <c r="O29056" t="s">
        <v>85</v>
      </c>
      <c r="P29056" t="s">
        <v>86</v>
      </c>
      <c r="Q29056">
        <v>36</v>
      </c>
      <c r="R29056">
        <v>37</v>
      </c>
      <c r="S29056">
        <v>38</v>
      </c>
      <c r="T29056">
        <v>38</v>
      </c>
      <c r="U29056">
        <v>39</v>
      </c>
      <c r="V29056">
        <v>40</v>
      </c>
      <c r="W29056">
        <v>40</v>
      </c>
      <c r="X29056">
        <v>41</v>
      </c>
      <c r="Y29056">
        <v>41</v>
      </c>
      <c r="Z29056">
        <v>42</v>
      </c>
      <c r="AA29056">
        <v>42</v>
      </c>
      <c r="AB29056">
        <v>43</v>
      </c>
      <c r="AC29056">
        <v>43</v>
      </c>
      <c r="AD29056">
        <v>44</v>
      </c>
      <c r="AE29056">
        <v>44</v>
      </c>
      <c r="AF29056">
        <v>44</v>
      </c>
      <c r="AG29056">
        <v>44</v>
      </c>
      <c r="AH29056">
        <v>44</v>
      </c>
      <c r="AI29056">
        <v>44</v>
      </c>
      <c r="AJ29056">
        <v>44</v>
      </c>
      <c r="AK29056">
        <v>44</v>
      </c>
      <c r="AL29056">
        <v>44</v>
      </c>
      <c r="AM29056">
        <v>44</v>
      </c>
      <c r="AN29056">
        <v>43</v>
      </c>
      <c r="AO29056">
        <v>43</v>
      </c>
      <c r="AP29056">
        <v>43</v>
      </c>
      <c r="AQ29056">
        <v>43</v>
      </c>
    </row>
    <row r="29057" spans="1:43">
      <c r="A29057" t="s">
        <v>17987</v>
      </c>
      <c r="B29057" t="s">
        <v>17988</v>
      </c>
      <c r="C29057" t="s">
        <v>17983</v>
      </c>
      <c r="D29057" t="s">
        <v>17984</v>
      </c>
      <c r="E29057" t="s">
        <v>17915</v>
      </c>
      <c r="F29057" t="s">
        <v>17916</v>
      </c>
      <c r="G29057" t="s">
        <v>16559</v>
      </c>
      <c r="H29057" t="s">
        <v>16560</v>
      </c>
      <c r="I29057" s="2">
        <v>1</v>
      </c>
      <c r="J29057" s="2">
        <v>0</v>
      </c>
      <c r="K29057" s="2">
        <v>0</v>
      </c>
      <c r="L29057" t="s">
        <v>120</v>
      </c>
      <c r="M29057" t="s">
        <v>83</v>
      </c>
      <c r="N29057" t="s">
        <v>91</v>
      </c>
      <c r="O29057" t="s">
        <v>85</v>
      </c>
      <c r="P29057" t="s">
        <v>86</v>
      </c>
      <c r="Q29057">
        <v>36</v>
      </c>
      <c r="R29057">
        <v>36</v>
      </c>
      <c r="S29057">
        <v>37</v>
      </c>
      <c r="T29057">
        <v>37</v>
      </c>
      <c r="U29057">
        <v>38</v>
      </c>
      <c r="V29057">
        <v>38</v>
      </c>
      <c r="W29057">
        <v>38</v>
      </c>
      <c r="X29057">
        <v>39</v>
      </c>
      <c r="Y29057">
        <v>39</v>
      </c>
      <c r="Z29057">
        <v>40</v>
      </c>
      <c r="AA29057">
        <v>40</v>
      </c>
      <c r="AB29057">
        <v>40</v>
      </c>
      <c r="AC29057">
        <v>41</v>
      </c>
      <c r="AD29057">
        <v>41</v>
      </c>
      <c r="AE29057">
        <v>41</v>
      </c>
      <c r="AF29057">
        <v>42</v>
      </c>
      <c r="AG29057">
        <v>42</v>
      </c>
      <c r="AH29057">
        <v>42</v>
      </c>
      <c r="AI29057">
        <v>43</v>
      </c>
      <c r="AJ29057">
        <v>43</v>
      </c>
      <c r="AK29057">
        <v>43</v>
      </c>
      <c r="AL29057">
        <v>43</v>
      </c>
      <c r="AM29057">
        <v>43</v>
      </c>
      <c r="AN29057">
        <v>43</v>
      </c>
      <c r="AO29057">
        <v>43</v>
      </c>
      <c r="AP29057">
        <v>43</v>
      </c>
      <c r="AQ29057">
        <v>43</v>
      </c>
    </row>
    <row r="29058" spans="1:43">
      <c r="A29058" t="s">
        <v>17989</v>
      </c>
      <c r="B29058" t="s">
        <v>17990</v>
      </c>
      <c r="C29058" t="s">
        <v>17983</v>
      </c>
      <c r="D29058" t="s">
        <v>17984</v>
      </c>
      <c r="E29058" t="s">
        <v>17915</v>
      </c>
      <c r="F29058" t="s">
        <v>17916</v>
      </c>
      <c r="G29058" t="s">
        <v>16559</v>
      </c>
      <c r="H29058" t="s">
        <v>16560</v>
      </c>
      <c r="I29058" s="2">
        <v>1</v>
      </c>
      <c r="J29058" s="2">
        <v>0</v>
      </c>
      <c r="K29058" s="2">
        <v>0</v>
      </c>
      <c r="L29058" t="s">
        <v>120</v>
      </c>
      <c r="M29058" t="s">
        <v>83</v>
      </c>
      <c r="N29058" t="s">
        <v>84</v>
      </c>
      <c r="O29058" t="s">
        <v>85</v>
      </c>
      <c r="P29058" t="s">
        <v>86</v>
      </c>
      <c r="Q29058">
        <v>6</v>
      </c>
      <c r="R29058">
        <v>6</v>
      </c>
      <c r="S29058">
        <v>6</v>
      </c>
      <c r="T29058">
        <v>6</v>
      </c>
      <c r="U29058">
        <v>6</v>
      </c>
      <c r="V29058">
        <v>6</v>
      </c>
      <c r="W29058">
        <v>6</v>
      </c>
      <c r="X29058">
        <v>7</v>
      </c>
      <c r="Y29058">
        <v>7</v>
      </c>
      <c r="Z29058">
        <v>7</v>
      </c>
      <c r="AA29058">
        <v>7</v>
      </c>
      <c r="AB29058">
        <v>7</v>
      </c>
      <c r="AC29058">
        <v>7</v>
      </c>
      <c r="AD29058">
        <v>7</v>
      </c>
      <c r="AE29058">
        <v>7</v>
      </c>
      <c r="AF29058">
        <v>7</v>
      </c>
      <c r="AG29058">
        <v>7</v>
      </c>
      <c r="AH29058">
        <v>7</v>
      </c>
      <c r="AI29058">
        <v>7</v>
      </c>
      <c r="AJ29058">
        <v>7</v>
      </c>
      <c r="AK29058">
        <v>7</v>
      </c>
      <c r="AL29058">
        <v>7</v>
      </c>
      <c r="AM29058">
        <v>7</v>
      </c>
      <c r="AN29058">
        <v>7</v>
      </c>
      <c r="AO29058">
        <v>7</v>
      </c>
      <c r="AP29058">
        <v>7</v>
      </c>
      <c r="AQ29058">
        <v>7</v>
      </c>
    </row>
    <row r="29059" spans="1:43">
      <c r="A29059" t="s">
        <v>17989</v>
      </c>
      <c r="B29059" t="s">
        <v>17990</v>
      </c>
      <c r="C29059" t="s">
        <v>17983</v>
      </c>
      <c r="D29059" t="s">
        <v>17984</v>
      </c>
      <c r="E29059" t="s">
        <v>17915</v>
      </c>
      <c r="F29059" t="s">
        <v>17916</v>
      </c>
      <c r="G29059" t="s">
        <v>16559</v>
      </c>
      <c r="H29059" t="s">
        <v>16560</v>
      </c>
      <c r="I29059" s="2">
        <v>1</v>
      </c>
      <c r="J29059" s="2">
        <v>0</v>
      </c>
      <c r="K29059" s="2">
        <v>0</v>
      </c>
      <c r="L29059" t="s">
        <v>120</v>
      </c>
      <c r="M29059" t="s">
        <v>87</v>
      </c>
      <c r="N29059" t="s">
        <v>88</v>
      </c>
      <c r="O29059" t="s">
        <v>85</v>
      </c>
      <c r="P29059" t="s">
        <v>86</v>
      </c>
      <c r="Q29059">
        <v>6</v>
      </c>
      <c r="R29059">
        <v>6</v>
      </c>
      <c r="S29059">
        <v>6</v>
      </c>
      <c r="T29059">
        <v>6</v>
      </c>
      <c r="U29059">
        <v>6</v>
      </c>
      <c r="V29059">
        <v>6</v>
      </c>
      <c r="W29059">
        <v>6</v>
      </c>
      <c r="X29059">
        <v>6</v>
      </c>
      <c r="Y29059">
        <v>6</v>
      </c>
      <c r="Z29059">
        <v>6</v>
      </c>
      <c r="AA29059">
        <v>6</v>
      </c>
      <c r="AB29059">
        <v>6</v>
      </c>
      <c r="AC29059">
        <v>6</v>
      </c>
      <c r="AD29059">
        <v>6</v>
      </c>
      <c r="AE29059">
        <v>6</v>
      </c>
      <c r="AF29059">
        <v>6</v>
      </c>
      <c r="AG29059">
        <v>6</v>
      </c>
      <c r="AH29059">
        <v>6</v>
      </c>
      <c r="AI29059">
        <v>6</v>
      </c>
      <c r="AJ29059">
        <v>6</v>
      </c>
      <c r="AK29059">
        <v>6</v>
      </c>
      <c r="AL29059">
        <v>6</v>
      </c>
      <c r="AM29059">
        <v>6</v>
      </c>
      <c r="AN29059">
        <v>6</v>
      </c>
      <c r="AO29059">
        <v>6</v>
      </c>
      <c r="AP29059">
        <v>6</v>
      </c>
      <c r="AQ29059">
        <v>6</v>
      </c>
    </row>
    <row r="29060" spans="1:43">
      <c r="A29060" t="s">
        <v>17989</v>
      </c>
      <c r="B29060" t="s">
        <v>17990</v>
      </c>
      <c r="C29060" t="s">
        <v>17983</v>
      </c>
      <c r="D29060" t="s">
        <v>17984</v>
      </c>
      <c r="E29060" t="s">
        <v>17915</v>
      </c>
      <c r="F29060" t="s">
        <v>17916</v>
      </c>
      <c r="G29060" t="s">
        <v>16559</v>
      </c>
      <c r="H29060" t="s">
        <v>16560</v>
      </c>
      <c r="I29060" s="2">
        <v>1</v>
      </c>
      <c r="J29060" s="2">
        <v>0</v>
      </c>
      <c r="K29060" s="2">
        <v>0</v>
      </c>
      <c r="L29060" t="s">
        <v>120</v>
      </c>
      <c r="M29060" t="s">
        <v>89</v>
      </c>
      <c r="N29060" t="s">
        <v>90</v>
      </c>
      <c r="O29060" t="s">
        <v>85</v>
      </c>
      <c r="P29060" t="s">
        <v>86</v>
      </c>
      <c r="Q29060">
        <v>6</v>
      </c>
      <c r="R29060">
        <v>6</v>
      </c>
      <c r="S29060">
        <v>6</v>
      </c>
      <c r="T29060">
        <v>6</v>
      </c>
      <c r="U29060">
        <v>7</v>
      </c>
      <c r="V29060">
        <v>7</v>
      </c>
      <c r="W29060">
        <v>7</v>
      </c>
      <c r="X29060">
        <v>7</v>
      </c>
      <c r="Y29060">
        <v>7</v>
      </c>
      <c r="Z29060">
        <v>7</v>
      </c>
      <c r="AA29060">
        <v>7</v>
      </c>
      <c r="AB29060">
        <v>7</v>
      </c>
      <c r="AC29060">
        <v>7</v>
      </c>
      <c r="AD29060">
        <v>7</v>
      </c>
      <c r="AE29060">
        <v>7</v>
      </c>
      <c r="AF29060">
        <v>7</v>
      </c>
      <c r="AG29060">
        <v>7</v>
      </c>
      <c r="AH29060">
        <v>7</v>
      </c>
      <c r="AI29060">
        <v>7</v>
      </c>
      <c r="AJ29060">
        <v>7</v>
      </c>
      <c r="AK29060">
        <v>7</v>
      </c>
      <c r="AL29060">
        <v>7</v>
      </c>
      <c r="AM29060">
        <v>7</v>
      </c>
      <c r="AN29060">
        <v>7</v>
      </c>
      <c r="AO29060">
        <v>7</v>
      </c>
      <c r="AP29060">
        <v>7</v>
      </c>
      <c r="AQ29060">
        <v>7</v>
      </c>
    </row>
    <row r="29061" spans="1:43">
      <c r="A29061" t="s">
        <v>17989</v>
      </c>
      <c r="B29061" t="s">
        <v>17990</v>
      </c>
      <c r="C29061" t="s">
        <v>17983</v>
      </c>
      <c r="D29061" t="s">
        <v>17984</v>
      </c>
      <c r="E29061" t="s">
        <v>17915</v>
      </c>
      <c r="F29061" t="s">
        <v>17916</v>
      </c>
      <c r="G29061" t="s">
        <v>16559</v>
      </c>
      <c r="H29061" t="s">
        <v>16560</v>
      </c>
      <c r="I29061" s="2">
        <v>1</v>
      </c>
      <c r="J29061" s="2">
        <v>0</v>
      </c>
      <c r="K29061" s="2">
        <v>0</v>
      </c>
      <c r="L29061" t="s">
        <v>120</v>
      </c>
      <c r="M29061" t="s">
        <v>83</v>
      </c>
      <c r="N29061" t="s">
        <v>91</v>
      </c>
      <c r="O29061" t="s">
        <v>85</v>
      </c>
      <c r="P29061" t="s">
        <v>86</v>
      </c>
      <c r="Q29061">
        <v>6</v>
      </c>
      <c r="R29061">
        <v>6</v>
      </c>
      <c r="S29061">
        <v>6</v>
      </c>
      <c r="T29061">
        <v>6</v>
      </c>
      <c r="U29061">
        <v>6</v>
      </c>
      <c r="V29061">
        <v>6</v>
      </c>
      <c r="W29061">
        <v>6</v>
      </c>
      <c r="X29061">
        <v>7</v>
      </c>
      <c r="Y29061">
        <v>7</v>
      </c>
      <c r="Z29061">
        <v>7</v>
      </c>
      <c r="AA29061">
        <v>7</v>
      </c>
      <c r="AB29061">
        <v>7</v>
      </c>
      <c r="AC29061">
        <v>7</v>
      </c>
      <c r="AD29061">
        <v>7</v>
      </c>
      <c r="AE29061">
        <v>7</v>
      </c>
      <c r="AF29061">
        <v>7</v>
      </c>
      <c r="AG29061">
        <v>7</v>
      </c>
      <c r="AH29061">
        <v>7</v>
      </c>
      <c r="AI29061">
        <v>7</v>
      </c>
      <c r="AJ29061">
        <v>7</v>
      </c>
      <c r="AK29061">
        <v>7</v>
      </c>
      <c r="AL29061">
        <v>7</v>
      </c>
      <c r="AM29061">
        <v>7</v>
      </c>
      <c r="AN29061">
        <v>7</v>
      </c>
      <c r="AO29061">
        <v>7</v>
      </c>
      <c r="AP29061">
        <v>7</v>
      </c>
      <c r="AQ29061">
        <v>7</v>
      </c>
    </row>
    <row r="29062" spans="1:43">
      <c r="A29062" t="s">
        <v>17991</v>
      </c>
      <c r="B29062" t="s">
        <v>17992</v>
      </c>
      <c r="C29062" t="s">
        <v>17993</v>
      </c>
      <c r="D29062" t="s">
        <v>17994</v>
      </c>
      <c r="E29062" t="s">
        <v>17915</v>
      </c>
      <c r="F29062" t="s">
        <v>17916</v>
      </c>
      <c r="G29062" t="s">
        <v>16559</v>
      </c>
      <c r="H29062" t="s">
        <v>16560</v>
      </c>
      <c r="I29062" s="2">
        <v>1</v>
      </c>
      <c r="J29062" s="2">
        <v>0</v>
      </c>
      <c r="K29062" s="2">
        <v>0</v>
      </c>
      <c r="L29062" t="s">
        <v>120</v>
      </c>
      <c r="M29062" t="s">
        <v>83</v>
      </c>
      <c r="N29062" t="s">
        <v>84</v>
      </c>
      <c r="O29062" t="s">
        <v>85</v>
      </c>
      <c r="P29062" t="s">
        <v>86</v>
      </c>
      <c r="Q29062">
        <v>12</v>
      </c>
      <c r="R29062">
        <v>12</v>
      </c>
      <c r="S29062">
        <v>12</v>
      </c>
      <c r="T29062">
        <v>12</v>
      </c>
      <c r="U29062">
        <v>12</v>
      </c>
      <c r="V29062">
        <v>12</v>
      </c>
      <c r="W29062">
        <v>13</v>
      </c>
      <c r="X29062">
        <v>13</v>
      </c>
      <c r="Y29062">
        <v>13</v>
      </c>
      <c r="Z29062">
        <v>13</v>
      </c>
      <c r="AA29062">
        <v>13</v>
      </c>
      <c r="AB29062">
        <v>13</v>
      </c>
      <c r="AC29062">
        <v>13</v>
      </c>
      <c r="AD29062">
        <v>13</v>
      </c>
      <c r="AE29062">
        <v>14</v>
      </c>
      <c r="AF29062">
        <v>14</v>
      </c>
      <c r="AG29062">
        <v>14</v>
      </c>
      <c r="AH29062">
        <v>14</v>
      </c>
      <c r="AI29062">
        <v>14</v>
      </c>
      <c r="AJ29062">
        <v>14</v>
      </c>
      <c r="AK29062">
        <v>14</v>
      </c>
      <c r="AL29062">
        <v>14</v>
      </c>
      <c r="AM29062">
        <v>14</v>
      </c>
      <c r="AN29062">
        <v>14</v>
      </c>
      <c r="AO29062">
        <v>14</v>
      </c>
      <c r="AP29062">
        <v>14</v>
      </c>
      <c r="AQ29062">
        <v>14</v>
      </c>
    </row>
    <row r="29063" spans="1:43">
      <c r="A29063" t="s">
        <v>17991</v>
      </c>
      <c r="B29063" t="s">
        <v>17992</v>
      </c>
      <c r="C29063" t="s">
        <v>17993</v>
      </c>
      <c r="D29063" t="s">
        <v>17994</v>
      </c>
      <c r="E29063" t="s">
        <v>17915</v>
      </c>
      <c r="F29063" t="s">
        <v>17916</v>
      </c>
      <c r="G29063" t="s">
        <v>16559</v>
      </c>
      <c r="H29063" t="s">
        <v>16560</v>
      </c>
      <c r="I29063" s="2">
        <v>1</v>
      </c>
      <c r="J29063" s="2">
        <v>0</v>
      </c>
      <c r="K29063" s="2">
        <v>0</v>
      </c>
      <c r="L29063" t="s">
        <v>120</v>
      </c>
      <c r="M29063" t="s">
        <v>87</v>
      </c>
      <c r="N29063" t="s">
        <v>88</v>
      </c>
      <c r="O29063" t="s">
        <v>85</v>
      </c>
      <c r="P29063" t="s">
        <v>86</v>
      </c>
      <c r="Q29063">
        <v>12</v>
      </c>
      <c r="R29063">
        <v>12</v>
      </c>
      <c r="S29063">
        <v>12</v>
      </c>
      <c r="T29063">
        <v>12</v>
      </c>
      <c r="U29063">
        <v>12</v>
      </c>
      <c r="V29063">
        <v>12</v>
      </c>
      <c r="W29063">
        <v>12</v>
      </c>
      <c r="X29063">
        <v>12</v>
      </c>
      <c r="Y29063">
        <v>12</v>
      </c>
      <c r="Z29063">
        <v>12</v>
      </c>
      <c r="AA29063">
        <v>12</v>
      </c>
      <c r="AB29063">
        <v>12</v>
      </c>
      <c r="AC29063">
        <v>12</v>
      </c>
      <c r="AD29063">
        <v>12</v>
      </c>
      <c r="AE29063">
        <v>12</v>
      </c>
      <c r="AF29063">
        <v>12</v>
      </c>
      <c r="AG29063">
        <v>12</v>
      </c>
      <c r="AH29063">
        <v>12</v>
      </c>
      <c r="AI29063">
        <v>12</v>
      </c>
      <c r="AJ29063">
        <v>12</v>
      </c>
      <c r="AK29063">
        <v>12</v>
      </c>
      <c r="AL29063">
        <v>12</v>
      </c>
      <c r="AM29063">
        <v>12</v>
      </c>
      <c r="AN29063">
        <v>12</v>
      </c>
      <c r="AO29063">
        <v>12</v>
      </c>
      <c r="AP29063">
        <v>12</v>
      </c>
      <c r="AQ29063">
        <v>12</v>
      </c>
    </row>
    <row r="29064" spans="1:43">
      <c r="A29064" t="s">
        <v>17991</v>
      </c>
      <c r="B29064" t="s">
        <v>17992</v>
      </c>
      <c r="C29064" t="s">
        <v>17993</v>
      </c>
      <c r="D29064" t="s">
        <v>17994</v>
      </c>
      <c r="E29064" t="s">
        <v>17915</v>
      </c>
      <c r="F29064" t="s">
        <v>17916</v>
      </c>
      <c r="G29064" t="s">
        <v>16559</v>
      </c>
      <c r="H29064" t="s">
        <v>16560</v>
      </c>
      <c r="I29064" s="2">
        <v>1</v>
      </c>
      <c r="J29064" s="2">
        <v>0</v>
      </c>
      <c r="K29064" s="2">
        <v>0</v>
      </c>
      <c r="L29064" t="s">
        <v>120</v>
      </c>
      <c r="M29064" t="s">
        <v>89</v>
      </c>
      <c r="N29064" t="s">
        <v>90</v>
      </c>
      <c r="O29064" t="s">
        <v>85</v>
      </c>
      <c r="P29064" t="s">
        <v>86</v>
      </c>
      <c r="Q29064">
        <v>12</v>
      </c>
      <c r="R29064">
        <v>12</v>
      </c>
      <c r="S29064">
        <v>12</v>
      </c>
      <c r="T29064">
        <v>13</v>
      </c>
      <c r="U29064">
        <v>13</v>
      </c>
      <c r="V29064">
        <v>13</v>
      </c>
      <c r="W29064">
        <v>13</v>
      </c>
      <c r="X29064">
        <v>13</v>
      </c>
      <c r="Y29064">
        <v>14</v>
      </c>
      <c r="Z29064">
        <v>14</v>
      </c>
      <c r="AA29064">
        <v>14</v>
      </c>
      <c r="AB29064">
        <v>14</v>
      </c>
      <c r="AC29064">
        <v>14</v>
      </c>
      <c r="AD29064">
        <v>14</v>
      </c>
      <c r="AE29064">
        <v>14</v>
      </c>
      <c r="AF29064">
        <v>14</v>
      </c>
      <c r="AG29064">
        <v>14</v>
      </c>
      <c r="AH29064">
        <v>14</v>
      </c>
      <c r="AI29064">
        <v>14</v>
      </c>
      <c r="AJ29064">
        <v>14</v>
      </c>
      <c r="AK29064">
        <v>14</v>
      </c>
      <c r="AL29064">
        <v>14</v>
      </c>
      <c r="AM29064">
        <v>14</v>
      </c>
      <c r="AN29064">
        <v>14</v>
      </c>
      <c r="AO29064">
        <v>14</v>
      </c>
      <c r="AP29064">
        <v>14</v>
      </c>
      <c r="AQ29064">
        <v>14</v>
      </c>
    </row>
    <row r="29065" spans="1:43">
      <c r="A29065" t="s">
        <v>17991</v>
      </c>
      <c r="B29065" t="s">
        <v>17992</v>
      </c>
      <c r="C29065" t="s">
        <v>17993</v>
      </c>
      <c r="D29065" t="s">
        <v>17994</v>
      </c>
      <c r="E29065" t="s">
        <v>17915</v>
      </c>
      <c r="F29065" t="s">
        <v>17916</v>
      </c>
      <c r="G29065" t="s">
        <v>16559</v>
      </c>
      <c r="H29065" t="s">
        <v>16560</v>
      </c>
      <c r="I29065" s="2">
        <v>1</v>
      </c>
      <c r="J29065" s="2">
        <v>0</v>
      </c>
      <c r="K29065" s="2">
        <v>0</v>
      </c>
      <c r="L29065" t="s">
        <v>120</v>
      </c>
      <c r="M29065" t="s">
        <v>83</v>
      </c>
      <c r="N29065" t="s">
        <v>91</v>
      </c>
      <c r="O29065" t="s">
        <v>85</v>
      </c>
      <c r="P29065" t="s">
        <v>86</v>
      </c>
      <c r="Q29065">
        <v>12</v>
      </c>
      <c r="R29065">
        <v>12</v>
      </c>
      <c r="S29065">
        <v>12</v>
      </c>
      <c r="T29065">
        <v>12</v>
      </c>
      <c r="U29065">
        <v>12</v>
      </c>
      <c r="V29065">
        <v>12</v>
      </c>
      <c r="W29065">
        <v>13</v>
      </c>
      <c r="X29065">
        <v>13</v>
      </c>
      <c r="Y29065">
        <v>13</v>
      </c>
      <c r="Z29065">
        <v>13</v>
      </c>
      <c r="AA29065">
        <v>13</v>
      </c>
      <c r="AB29065">
        <v>13</v>
      </c>
      <c r="AC29065">
        <v>13</v>
      </c>
      <c r="AD29065">
        <v>13</v>
      </c>
      <c r="AE29065">
        <v>14</v>
      </c>
      <c r="AF29065">
        <v>14</v>
      </c>
      <c r="AG29065">
        <v>14</v>
      </c>
      <c r="AH29065">
        <v>14</v>
      </c>
      <c r="AI29065">
        <v>14</v>
      </c>
      <c r="AJ29065">
        <v>14</v>
      </c>
      <c r="AK29065">
        <v>14</v>
      </c>
      <c r="AL29065">
        <v>14</v>
      </c>
      <c r="AM29065">
        <v>14</v>
      </c>
      <c r="AN29065">
        <v>14</v>
      </c>
      <c r="AO29065">
        <v>14</v>
      </c>
      <c r="AP29065">
        <v>14</v>
      </c>
      <c r="AQ29065">
        <v>14</v>
      </c>
    </row>
    <row r="29066" spans="1:43">
      <c r="A29066" t="s">
        <v>17995</v>
      </c>
      <c r="B29066" t="s">
        <v>17996</v>
      </c>
      <c r="C29066" t="s">
        <v>17993</v>
      </c>
      <c r="D29066" t="s">
        <v>17994</v>
      </c>
      <c r="E29066" t="s">
        <v>17915</v>
      </c>
      <c r="F29066" t="s">
        <v>17916</v>
      </c>
      <c r="G29066" t="s">
        <v>16559</v>
      </c>
      <c r="H29066" t="s">
        <v>16560</v>
      </c>
      <c r="I29066" s="2">
        <v>1</v>
      </c>
      <c r="J29066" s="2">
        <v>0</v>
      </c>
      <c r="K29066" s="2">
        <v>0</v>
      </c>
      <c r="L29066" t="s">
        <v>120</v>
      </c>
      <c r="M29066" t="s">
        <v>83</v>
      </c>
      <c r="N29066" t="s">
        <v>84</v>
      </c>
      <c r="O29066" t="s">
        <v>85</v>
      </c>
      <c r="P29066" t="s">
        <v>86</v>
      </c>
      <c r="Q29066">
        <v>6</v>
      </c>
      <c r="R29066">
        <v>6</v>
      </c>
      <c r="S29066">
        <v>6</v>
      </c>
      <c r="T29066">
        <v>6</v>
      </c>
      <c r="U29066">
        <v>6</v>
      </c>
      <c r="V29066">
        <v>6</v>
      </c>
      <c r="W29066">
        <v>6</v>
      </c>
      <c r="X29066">
        <v>6</v>
      </c>
      <c r="Y29066">
        <v>6</v>
      </c>
      <c r="Z29066">
        <v>6</v>
      </c>
      <c r="AA29066">
        <v>6</v>
      </c>
      <c r="AB29066">
        <v>6</v>
      </c>
      <c r="AC29066">
        <v>6</v>
      </c>
      <c r="AD29066">
        <v>6</v>
      </c>
      <c r="AE29066">
        <v>6</v>
      </c>
      <c r="AF29066">
        <v>6</v>
      </c>
      <c r="AG29066">
        <v>7</v>
      </c>
      <c r="AH29066">
        <v>7</v>
      </c>
      <c r="AI29066">
        <v>7</v>
      </c>
      <c r="AJ29066">
        <v>7</v>
      </c>
      <c r="AK29066">
        <v>7</v>
      </c>
      <c r="AL29066">
        <v>7</v>
      </c>
      <c r="AM29066">
        <v>7</v>
      </c>
      <c r="AN29066">
        <v>7</v>
      </c>
      <c r="AO29066">
        <v>7</v>
      </c>
      <c r="AP29066">
        <v>7</v>
      </c>
      <c r="AQ29066">
        <v>7</v>
      </c>
    </row>
    <row r="29067" spans="1:43">
      <c r="A29067" t="s">
        <v>17995</v>
      </c>
      <c r="B29067" t="s">
        <v>17996</v>
      </c>
      <c r="C29067" t="s">
        <v>17993</v>
      </c>
      <c r="D29067" t="s">
        <v>17994</v>
      </c>
      <c r="E29067" t="s">
        <v>17915</v>
      </c>
      <c r="F29067" t="s">
        <v>17916</v>
      </c>
      <c r="G29067" t="s">
        <v>16559</v>
      </c>
      <c r="H29067" t="s">
        <v>16560</v>
      </c>
      <c r="I29067" s="2">
        <v>1</v>
      </c>
      <c r="J29067" s="2">
        <v>0</v>
      </c>
      <c r="K29067" s="2">
        <v>0</v>
      </c>
      <c r="L29067" t="s">
        <v>120</v>
      </c>
      <c r="M29067" t="s">
        <v>87</v>
      </c>
      <c r="N29067" t="s">
        <v>88</v>
      </c>
      <c r="O29067" t="s">
        <v>85</v>
      </c>
      <c r="P29067" t="s">
        <v>86</v>
      </c>
      <c r="Q29067">
        <v>6</v>
      </c>
      <c r="R29067">
        <v>6</v>
      </c>
      <c r="S29067">
        <v>6</v>
      </c>
      <c r="T29067">
        <v>6</v>
      </c>
      <c r="U29067">
        <v>6</v>
      </c>
      <c r="V29067">
        <v>6</v>
      </c>
      <c r="W29067">
        <v>6</v>
      </c>
      <c r="X29067">
        <v>6</v>
      </c>
      <c r="Y29067">
        <v>6</v>
      </c>
      <c r="Z29067">
        <v>6</v>
      </c>
      <c r="AA29067">
        <v>6</v>
      </c>
      <c r="AB29067">
        <v>6</v>
      </c>
      <c r="AC29067">
        <v>6</v>
      </c>
      <c r="AD29067">
        <v>6</v>
      </c>
      <c r="AE29067">
        <v>6</v>
      </c>
      <c r="AF29067">
        <v>6</v>
      </c>
      <c r="AG29067">
        <v>6</v>
      </c>
      <c r="AH29067">
        <v>6</v>
      </c>
      <c r="AI29067">
        <v>6</v>
      </c>
      <c r="AJ29067">
        <v>6</v>
      </c>
      <c r="AK29067">
        <v>6</v>
      </c>
      <c r="AL29067">
        <v>6</v>
      </c>
      <c r="AM29067">
        <v>6</v>
      </c>
      <c r="AN29067">
        <v>6</v>
      </c>
      <c r="AO29067">
        <v>6</v>
      </c>
      <c r="AP29067">
        <v>6</v>
      </c>
      <c r="AQ29067">
        <v>6</v>
      </c>
    </row>
    <row r="29068" spans="1:43">
      <c r="A29068" t="s">
        <v>17995</v>
      </c>
      <c r="B29068" t="s">
        <v>17996</v>
      </c>
      <c r="C29068" t="s">
        <v>17993</v>
      </c>
      <c r="D29068" t="s">
        <v>17994</v>
      </c>
      <c r="E29068" t="s">
        <v>17915</v>
      </c>
      <c r="F29068" t="s">
        <v>17916</v>
      </c>
      <c r="G29068" t="s">
        <v>16559</v>
      </c>
      <c r="H29068" t="s">
        <v>16560</v>
      </c>
      <c r="I29068" s="2">
        <v>1</v>
      </c>
      <c r="J29068" s="2">
        <v>0</v>
      </c>
      <c r="K29068" s="2">
        <v>0</v>
      </c>
      <c r="L29068" t="s">
        <v>120</v>
      </c>
      <c r="M29068" t="s">
        <v>89</v>
      </c>
      <c r="N29068" t="s">
        <v>90</v>
      </c>
      <c r="O29068" t="s">
        <v>85</v>
      </c>
      <c r="P29068" t="s">
        <v>86</v>
      </c>
      <c r="Q29068">
        <v>6</v>
      </c>
      <c r="R29068">
        <v>6</v>
      </c>
      <c r="S29068">
        <v>6</v>
      </c>
      <c r="T29068">
        <v>6</v>
      </c>
      <c r="U29068">
        <v>6</v>
      </c>
      <c r="V29068">
        <v>6</v>
      </c>
      <c r="W29068">
        <v>6</v>
      </c>
      <c r="X29068">
        <v>6</v>
      </c>
      <c r="Y29068">
        <v>6</v>
      </c>
      <c r="Z29068">
        <v>7</v>
      </c>
      <c r="AA29068">
        <v>7</v>
      </c>
      <c r="AB29068">
        <v>7</v>
      </c>
      <c r="AC29068">
        <v>7</v>
      </c>
      <c r="AD29068">
        <v>7</v>
      </c>
      <c r="AE29068">
        <v>7</v>
      </c>
      <c r="AF29068">
        <v>7</v>
      </c>
      <c r="AG29068">
        <v>7</v>
      </c>
      <c r="AH29068">
        <v>7</v>
      </c>
      <c r="AI29068">
        <v>7</v>
      </c>
      <c r="AJ29068">
        <v>7</v>
      </c>
      <c r="AK29068">
        <v>7</v>
      </c>
      <c r="AL29068">
        <v>7</v>
      </c>
      <c r="AM29068">
        <v>7</v>
      </c>
      <c r="AN29068">
        <v>7</v>
      </c>
      <c r="AO29068">
        <v>7</v>
      </c>
      <c r="AP29068">
        <v>7</v>
      </c>
      <c r="AQ29068">
        <v>7</v>
      </c>
    </row>
    <row r="29069" spans="1:43">
      <c r="A29069" t="s">
        <v>17995</v>
      </c>
      <c r="B29069" t="s">
        <v>17996</v>
      </c>
      <c r="C29069" t="s">
        <v>17993</v>
      </c>
      <c r="D29069" t="s">
        <v>17994</v>
      </c>
      <c r="E29069" t="s">
        <v>17915</v>
      </c>
      <c r="F29069" t="s">
        <v>17916</v>
      </c>
      <c r="G29069" t="s">
        <v>16559</v>
      </c>
      <c r="H29069" t="s">
        <v>16560</v>
      </c>
      <c r="I29069" s="2">
        <v>1</v>
      </c>
      <c r="J29069" s="2">
        <v>0</v>
      </c>
      <c r="K29069" s="2">
        <v>0</v>
      </c>
      <c r="L29069" t="s">
        <v>120</v>
      </c>
      <c r="M29069" t="s">
        <v>83</v>
      </c>
      <c r="N29069" t="s">
        <v>91</v>
      </c>
      <c r="O29069" t="s">
        <v>85</v>
      </c>
      <c r="P29069" t="s">
        <v>86</v>
      </c>
      <c r="Q29069">
        <v>6</v>
      </c>
      <c r="R29069">
        <v>6</v>
      </c>
      <c r="S29069">
        <v>6</v>
      </c>
      <c r="T29069">
        <v>6</v>
      </c>
      <c r="U29069">
        <v>6</v>
      </c>
      <c r="V29069">
        <v>6</v>
      </c>
      <c r="W29069">
        <v>6</v>
      </c>
      <c r="X29069">
        <v>6</v>
      </c>
      <c r="Y29069">
        <v>6</v>
      </c>
      <c r="Z29069">
        <v>6</v>
      </c>
      <c r="AA29069">
        <v>6</v>
      </c>
      <c r="AB29069">
        <v>6</v>
      </c>
      <c r="AC29069">
        <v>6</v>
      </c>
      <c r="AD29069">
        <v>6</v>
      </c>
      <c r="AE29069">
        <v>6</v>
      </c>
      <c r="AF29069">
        <v>6</v>
      </c>
      <c r="AG29069">
        <v>7</v>
      </c>
      <c r="AH29069">
        <v>7</v>
      </c>
      <c r="AI29069">
        <v>7</v>
      </c>
      <c r="AJ29069">
        <v>7</v>
      </c>
      <c r="AK29069">
        <v>7</v>
      </c>
      <c r="AL29069">
        <v>7</v>
      </c>
      <c r="AM29069">
        <v>7</v>
      </c>
      <c r="AN29069">
        <v>7</v>
      </c>
      <c r="AO29069">
        <v>7</v>
      </c>
      <c r="AP29069">
        <v>7</v>
      </c>
      <c r="AQ29069">
        <v>7</v>
      </c>
    </row>
    <row r="29070" spans="1:43">
      <c r="A29070" t="s">
        <v>17997</v>
      </c>
      <c r="B29070" t="s">
        <v>17998</v>
      </c>
      <c r="C29070" t="s">
        <v>17993</v>
      </c>
      <c r="D29070" t="s">
        <v>17994</v>
      </c>
      <c r="E29070" t="s">
        <v>17915</v>
      </c>
      <c r="F29070" t="s">
        <v>17916</v>
      </c>
      <c r="G29070" t="s">
        <v>16559</v>
      </c>
      <c r="H29070" t="s">
        <v>16560</v>
      </c>
      <c r="I29070" s="2">
        <v>1</v>
      </c>
      <c r="J29070" s="2">
        <v>0</v>
      </c>
      <c r="K29070" s="2">
        <v>0</v>
      </c>
      <c r="L29070" t="s">
        <v>120</v>
      </c>
      <c r="M29070" t="s">
        <v>83</v>
      </c>
      <c r="N29070" t="s">
        <v>84</v>
      </c>
      <c r="O29070" t="s">
        <v>85</v>
      </c>
      <c r="P29070" t="s">
        <v>86</v>
      </c>
      <c r="Q29070">
        <v>12</v>
      </c>
      <c r="R29070">
        <v>12</v>
      </c>
      <c r="S29070">
        <v>12</v>
      </c>
      <c r="T29070">
        <v>12</v>
      </c>
      <c r="U29070">
        <v>13</v>
      </c>
      <c r="V29070">
        <v>13</v>
      </c>
      <c r="W29070">
        <v>13</v>
      </c>
      <c r="X29070">
        <v>13</v>
      </c>
      <c r="Y29070">
        <v>13</v>
      </c>
      <c r="Z29070">
        <v>13</v>
      </c>
      <c r="AA29070">
        <v>13</v>
      </c>
      <c r="AB29070">
        <v>14</v>
      </c>
      <c r="AC29070">
        <v>14</v>
      </c>
      <c r="AD29070">
        <v>14</v>
      </c>
      <c r="AE29070">
        <v>14</v>
      </c>
      <c r="AF29070">
        <v>14</v>
      </c>
      <c r="AG29070">
        <v>14</v>
      </c>
      <c r="AH29070">
        <v>14</v>
      </c>
      <c r="AI29070">
        <v>14</v>
      </c>
      <c r="AJ29070">
        <v>14</v>
      </c>
      <c r="AK29070">
        <v>15</v>
      </c>
      <c r="AL29070">
        <v>15</v>
      </c>
      <c r="AM29070">
        <v>15</v>
      </c>
      <c r="AN29070">
        <v>15</v>
      </c>
      <c r="AO29070">
        <v>14</v>
      </c>
      <c r="AP29070">
        <v>14</v>
      </c>
      <c r="AQ29070">
        <v>14</v>
      </c>
    </row>
    <row r="29071" spans="1:43">
      <c r="A29071" t="s">
        <v>17997</v>
      </c>
      <c r="B29071" t="s">
        <v>17998</v>
      </c>
      <c r="C29071" t="s">
        <v>17993</v>
      </c>
      <c r="D29071" t="s">
        <v>17994</v>
      </c>
      <c r="E29071" t="s">
        <v>17915</v>
      </c>
      <c r="F29071" t="s">
        <v>17916</v>
      </c>
      <c r="G29071" t="s">
        <v>16559</v>
      </c>
      <c r="H29071" t="s">
        <v>16560</v>
      </c>
      <c r="I29071" s="2">
        <v>1</v>
      </c>
      <c r="J29071" s="2">
        <v>0</v>
      </c>
      <c r="K29071" s="2">
        <v>0</v>
      </c>
      <c r="L29071" t="s">
        <v>120</v>
      </c>
      <c r="M29071" t="s">
        <v>87</v>
      </c>
      <c r="N29071" t="s">
        <v>88</v>
      </c>
      <c r="O29071" t="s">
        <v>85</v>
      </c>
      <c r="P29071" t="s">
        <v>86</v>
      </c>
      <c r="Q29071">
        <v>12</v>
      </c>
      <c r="R29071">
        <v>12</v>
      </c>
      <c r="S29071">
        <v>12</v>
      </c>
      <c r="T29071">
        <v>12</v>
      </c>
      <c r="U29071">
        <v>12</v>
      </c>
      <c r="V29071">
        <v>12</v>
      </c>
      <c r="W29071">
        <v>12</v>
      </c>
      <c r="X29071">
        <v>12</v>
      </c>
      <c r="Y29071">
        <v>12</v>
      </c>
      <c r="Z29071">
        <v>12</v>
      </c>
      <c r="AA29071">
        <v>12</v>
      </c>
      <c r="AB29071">
        <v>12</v>
      </c>
      <c r="AC29071">
        <v>12</v>
      </c>
      <c r="AD29071">
        <v>12</v>
      </c>
      <c r="AE29071">
        <v>12</v>
      </c>
      <c r="AF29071">
        <v>12</v>
      </c>
      <c r="AG29071">
        <v>12</v>
      </c>
      <c r="AH29071">
        <v>12</v>
      </c>
      <c r="AI29071">
        <v>12</v>
      </c>
      <c r="AJ29071">
        <v>12</v>
      </c>
      <c r="AK29071">
        <v>12</v>
      </c>
      <c r="AL29071">
        <v>12</v>
      </c>
      <c r="AM29071">
        <v>13</v>
      </c>
      <c r="AN29071">
        <v>13</v>
      </c>
      <c r="AO29071">
        <v>13</v>
      </c>
      <c r="AP29071">
        <v>13</v>
      </c>
      <c r="AQ29071">
        <v>13</v>
      </c>
    </row>
    <row r="29072" spans="1:43">
      <c r="A29072" t="s">
        <v>17997</v>
      </c>
      <c r="B29072" t="s">
        <v>17998</v>
      </c>
      <c r="C29072" t="s">
        <v>17993</v>
      </c>
      <c r="D29072" t="s">
        <v>17994</v>
      </c>
      <c r="E29072" t="s">
        <v>17915</v>
      </c>
      <c r="F29072" t="s">
        <v>17916</v>
      </c>
      <c r="G29072" t="s">
        <v>16559</v>
      </c>
      <c r="H29072" t="s">
        <v>16560</v>
      </c>
      <c r="I29072" s="2">
        <v>1</v>
      </c>
      <c r="J29072" s="2">
        <v>0</v>
      </c>
      <c r="K29072" s="2">
        <v>0</v>
      </c>
      <c r="L29072" t="s">
        <v>120</v>
      </c>
      <c r="M29072" t="s">
        <v>89</v>
      </c>
      <c r="N29072" t="s">
        <v>90</v>
      </c>
      <c r="O29072" t="s">
        <v>85</v>
      </c>
      <c r="P29072" t="s">
        <v>86</v>
      </c>
      <c r="Q29072">
        <v>12</v>
      </c>
      <c r="R29072">
        <v>12</v>
      </c>
      <c r="S29072">
        <v>13</v>
      </c>
      <c r="T29072">
        <v>13</v>
      </c>
      <c r="U29072">
        <v>13</v>
      </c>
      <c r="V29072">
        <v>13</v>
      </c>
      <c r="W29072">
        <v>14</v>
      </c>
      <c r="X29072">
        <v>14</v>
      </c>
      <c r="Y29072">
        <v>14</v>
      </c>
      <c r="Z29072">
        <v>14</v>
      </c>
      <c r="AA29072">
        <v>14</v>
      </c>
      <c r="AB29072">
        <v>14</v>
      </c>
      <c r="AC29072">
        <v>15</v>
      </c>
      <c r="AD29072">
        <v>15</v>
      </c>
      <c r="AE29072">
        <v>15</v>
      </c>
      <c r="AF29072">
        <v>15</v>
      </c>
      <c r="AG29072">
        <v>15</v>
      </c>
      <c r="AH29072">
        <v>15</v>
      </c>
      <c r="AI29072">
        <v>15</v>
      </c>
      <c r="AJ29072">
        <v>15</v>
      </c>
      <c r="AK29072">
        <v>15</v>
      </c>
      <c r="AL29072">
        <v>15</v>
      </c>
      <c r="AM29072">
        <v>15</v>
      </c>
      <c r="AN29072">
        <v>15</v>
      </c>
      <c r="AO29072">
        <v>15</v>
      </c>
      <c r="AP29072">
        <v>15</v>
      </c>
      <c r="AQ29072">
        <v>15</v>
      </c>
    </row>
    <row r="29073" spans="1:43">
      <c r="A29073" t="s">
        <v>17997</v>
      </c>
      <c r="B29073" t="s">
        <v>17998</v>
      </c>
      <c r="C29073" t="s">
        <v>17993</v>
      </c>
      <c r="D29073" t="s">
        <v>17994</v>
      </c>
      <c r="E29073" t="s">
        <v>17915</v>
      </c>
      <c r="F29073" t="s">
        <v>17916</v>
      </c>
      <c r="G29073" t="s">
        <v>16559</v>
      </c>
      <c r="H29073" t="s">
        <v>16560</v>
      </c>
      <c r="I29073" s="2">
        <v>1</v>
      </c>
      <c r="J29073" s="2">
        <v>0</v>
      </c>
      <c r="K29073" s="2">
        <v>0</v>
      </c>
      <c r="L29073" t="s">
        <v>120</v>
      </c>
      <c r="M29073" t="s">
        <v>83</v>
      </c>
      <c r="N29073" t="s">
        <v>91</v>
      </c>
      <c r="O29073" t="s">
        <v>85</v>
      </c>
      <c r="P29073" t="s">
        <v>86</v>
      </c>
      <c r="Q29073">
        <v>12</v>
      </c>
      <c r="R29073">
        <v>12</v>
      </c>
      <c r="S29073">
        <v>12</v>
      </c>
      <c r="T29073">
        <v>12</v>
      </c>
      <c r="U29073">
        <v>13</v>
      </c>
      <c r="V29073">
        <v>13</v>
      </c>
      <c r="W29073">
        <v>13</v>
      </c>
      <c r="X29073">
        <v>13</v>
      </c>
      <c r="Y29073">
        <v>13</v>
      </c>
      <c r="Z29073">
        <v>13</v>
      </c>
      <c r="AA29073">
        <v>13</v>
      </c>
      <c r="AB29073">
        <v>14</v>
      </c>
      <c r="AC29073">
        <v>14</v>
      </c>
      <c r="AD29073">
        <v>14</v>
      </c>
      <c r="AE29073">
        <v>14</v>
      </c>
      <c r="AF29073">
        <v>14</v>
      </c>
      <c r="AG29073">
        <v>14</v>
      </c>
      <c r="AH29073">
        <v>14</v>
      </c>
      <c r="AI29073">
        <v>14</v>
      </c>
      <c r="AJ29073">
        <v>14</v>
      </c>
      <c r="AK29073">
        <v>15</v>
      </c>
      <c r="AL29073">
        <v>15</v>
      </c>
      <c r="AM29073">
        <v>15</v>
      </c>
      <c r="AN29073">
        <v>15</v>
      </c>
      <c r="AO29073">
        <v>14</v>
      </c>
      <c r="AP29073">
        <v>14</v>
      </c>
      <c r="AQ29073">
        <v>14</v>
      </c>
    </row>
    <row r="29074" spans="1:43">
      <c r="A29074" t="s">
        <v>17999</v>
      </c>
      <c r="B29074" t="s">
        <v>18000</v>
      </c>
      <c r="C29074" t="s">
        <v>17993</v>
      </c>
      <c r="D29074" t="s">
        <v>17994</v>
      </c>
      <c r="E29074" t="s">
        <v>17915</v>
      </c>
      <c r="F29074" t="s">
        <v>17916</v>
      </c>
      <c r="G29074" t="s">
        <v>16559</v>
      </c>
      <c r="H29074" t="s">
        <v>16560</v>
      </c>
      <c r="I29074" s="2">
        <v>1</v>
      </c>
      <c r="J29074" s="2">
        <v>0</v>
      </c>
      <c r="K29074" s="2">
        <v>0</v>
      </c>
      <c r="L29074" t="s">
        <v>120</v>
      </c>
      <c r="M29074" t="s">
        <v>83</v>
      </c>
      <c r="N29074" t="s">
        <v>84</v>
      </c>
      <c r="O29074" t="s">
        <v>85</v>
      </c>
      <c r="P29074" t="s">
        <v>86</v>
      </c>
      <c r="Q29074">
        <v>36</v>
      </c>
      <c r="R29074">
        <v>37</v>
      </c>
      <c r="S29074">
        <v>37</v>
      </c>
      <c r="T29074">
        <v>38</v>
      </c>
      <c r="U29074">
        <v>38</v>
      </c>
      <c r="V29074">
        <v>38</v>
      </c>
      <c r="W29074">
        <v>39</v>
      </c>
      <c r="X29074">
        <v>39</v>
      </c>
      <c r="Y29074">
        <v>40</v>
      </c>
      <c r="Z29074">
        <v>40</v>
      </c>
      <c r="AA29074">
        <v>40</v>
      </c>
      <c r="AB29074">
        <v>41</v>
      </c>
      <c r="AC29074">
        <v>41</v>
      </c>
      <c r="AD29074">
        <v>42</v>
      </c>
      <c r="AE29074">
        <v>42</v>
      </c>
      <c r="AF29074">
        <v>42</v>
      </c>
      <c r="AG29074">
        <v>43</v>
      </c>
      <c r="AH29074">
        <v>43</v>
      </c>
      <c r="AI29074">
        <v>43</v>
      </c>
      <c r="AJ29074">
        <v>44</v>
      </c>
      <c r="AK29074">
        <v>44</v>
      </c>
      <c r="AL29074">
        <v>44</v>
      </c>
      <c r="AM29074">
        <v>44</v>
      </c>
      <c r="AN29074">
        <v>44</v>
      </c>
      <c r="AO29074">
        <v>44</v>
      </c>
      <c r="AP29074">
        <v>44</v>
      </c>
      <c r="AQ29074">
        <v>44</v>
      </c>
    </row>
    <row r="29075" spans="1:43">
      <c r="A29075" t="s">
        <v>17999</v>
      </c>
      <c r="B29075" t="s">
        <v>18000</v>
      </c>
      <c r="C29075" t="s">
        <v>17993</v>
      </c>
      <c r="D29075" t="s">
        <v>17994</v>
      </c>
      <c r="E29075" t="s">
        <v>17915</v>
      </c>
      <c r="F29075" t="s">
        <v>17916</v>
      </c>
      <c r="G29075" t="s">
        <v>16559</v>
      </c>
      <c r="H29075" t="s">
        <v>16560</v>
      </c>
      <c r="I29075" s="2">
        <v>1</v>
      </c>
      <c r="J29075" s="2">
        <v>0</v>
      </c>
      <c r="K29075" s="2">
        <v>0</v>
      </c>
      <c r="L29075" t="s">
        <v>120</v>
      </c>
      <c r="M29075" t="s">
        <v>87</v>
      </c>
      <c r="N29075" t="s">
        <v>88</v>
      </c>
      <c r="O29075" t="s">
        <v>85</v>
      </c>
      <c r="P29075" t="s">
        <v>86</v>
      </c>
      <c r="Q29075">
        <v>36</v>
      </c>
      <c r="R29075">
        <v>36</v>
      </c>
      <c r="S29075">
        <v>36</v>
      </c>
      <c r="T29075">
        <v>36</v>
      </c>
      <c r="U29075">
        <v>36</v>
      </c>
      <c r="V29075">
        <v>36</v>
      </c>
      <c r="W29075">
        <v>37</v>
      </c>
      <c r="X29075">
        <v>37</v>
      </c>
      <c r="Y29075">
        <v>37</v>
      </c>
      <c r="Z29075">
        <v>37</v>
      </c>
      <c r="AA29075">
        <v>37</v>
      </c>
      <c r="AB29075">
        <v>37</v>
      </c>
      <c r="AC29075">
        <v>37</v>
      </c>
      <c r="AD29075">
        <v>37</v>
      </c>
      <c r="AE29075">
        <v>37</v>
      </c>
      <c r="AF29075">
        <v>37</v>
      </c>
      <c r="AG29075">
        <v>37</v>
      </c>
      <c r="AH29075">
        <v>37</v>
      </c>
      <c r="AI29075">
        <v>38</v>
      </c>
      <c r="AJ29075">
        <v>38</v>
      </c>
      <c r="AK29075">
        <v>38</v>
      </c>
      <c r="AL29075">
        <v>38</v>
      </c>
      <c r="AM29075">
        <v>38</v>
      </c>
      <c r="AN29075">
        <v>38</v>
      </c>
      <c r="AO29075">
        <v>38</v>
      </c>
      <c r="AP29075">
        <v>38</v>
      </c>
      <c r="AQ29075">
        <v>38</v>
      </c>
    </row>
    <row r="29076" spans="1:43">
      <c r="A29076" t="s">
        <v>17999</v>
      </c>
      <c r="B29076" t="s">
        <v>18000</v>
      </c>
      <c r="C29076" t="s">
        <v>17993</v>
      </c>
      <c r="D29076" t="s">
        <v>17994</v>
      </c>
      <c r="E29076" t="s">
        <v>17915</v>
      </c>
      <c r="F29076" t="s">
        <v>17916</v>
      </c>
      <c r="G29076" t="s">
        <v>16559</v>
      </c>
      <c r="H29076" t="s">
        <v>16560</v>
      </c>
      <c r="I29076" s="2">
        <v>1</v>
      </c>
      <c r="J29076" s="2">
        <v>0</v>
      </c>
      <c r="K29076" s="2">
        <v>0</v>
      </c>
      <c r="L29076" t="s">
        <v>120</v>
      </c>
      <c r="M29076" t="s">
        <v>89</v>
      </c>
      <c r="N29076" t="s">
        <v>90</v>
      </c>
      <c r="O29076" t="s">
        <v>85</v>
      </c>
      <c r="P29076" t="s">
        <v>86</v>
      </c>
      <c r="Q29076">
        <v>36</v>
      </c>
      <c r="R29076">
        <v>36</v>
      </c>
      <c r="S29076">
        <v>37</v>
      </c>
      <c r="T29076">
        <v>38</v>
      </c>
      <c r="U29076">
        <v>39</v>
      </c>
      <c r="V29076">
        <v>39</v>
      </c>
      <c r="W29076">
        <v>40</v>
      </c>
      <c r="X29076">
        <v>40</v>
      </c>
      <c r="Y29076">
        <v>41</v>
      </c>
      <c r="Z29076">
        <v>41</v>
      </c>
      <c r="AA29076">
        <v>42</v>
      </c>
      <c r="AB29076">
        <v>42</v>
      </c>
      <c r="AC29076">
        <v>43</v>
      </c>
      <c r="AD29076">
        <v>44</v>
      </c>
      <c r="AE29076">
        <v>44</v>
      </c>
      <c r="AF29076">
        <v>44</v>
      </c>
      <c r="AG29076">
        <v>44</v>
      </c>
      <c r="AH29076">
        <v>44</v>
      </c>
      <c r="AI29076">
        <v>44</v>
      </c>
      <c r="AJ29076">
        <v>43</v>
      </c>
      <c r="AK29076">
        <v>43</v>
      </c>
      <c r="AL29076">
        <v>43</v>
      </c>
      <c r="AM29076">
        <v>43</v>
      </c>
      <c r="AN29076">
        <v>43</v>
      </c>
      <c r="AO29076">
        <v>43</v>
      </c>
      <c r="AP29076">
        <v>43</v>
      </c>
      <c r="AQ29076">
        <v>43</v>
      </c>
    </row>
    <row r="29077" spans="1:43">
      <c r="A29077" t="s">
        <v>17999</v>
      </c>
      <c r="B29077" t="s">
        <v>18000</v>
      </c>
      <c r="C29077" t="s">
        <v>17993</v>
      </c>
      <c r="D29077" t="s">
        <v>17994</v>
      </c>
      <c r="E29077" t="s">
        <v>17915</v>
      </c>
      <c r="F29077" t="s">
        <v>17916</v>
      </c>
      <c r="G29077" t="s">
        <v>16559</v>
      </c>
      <c r="H29077" t="s">
        <v>16560</v>
      </c>
      <c r="I29077" s="2">
        <v>1</v>
      </c>
      <c r="J29077" s="2">
        <v>0</v>
      </c>
      <c r="K29077" s="2">
        <v>0</v>
      </c>
      <c r="L29077" t="s">
        <v>120</v>
      </c>
      <c r="M29077" t="s">
        <v>83</v>
      </c>
      <c r="N29077" t="s">
        <v>91</v>
      </c>
      <c r="O29077" t="s">
        <v>85</v>
      </c>
      <c r="P29077" t="s">
        <v>86</v>
      </c>
      <c r="Q29077">
        <v>36</v>
      </c>
      <c r="R29077">
        <v>37</v>
      </c>
      <c r="S29077">
        <v>37</v>
      </c>
      <c r="T29077">
        <v>38</v>
      </c>
      <c r="U29077">
        <v>38</v>
      </c>
      <c r="V29077">
        <v>38</v>
      </c>
      <c r="W29077">
        <v>39</v>
      </c>
      <c r="X29077">
        <v>39</v>
      </c>
      <c r="Y29077">
        <v>40</v>
      </c>
      <c r="Z29077">
        <v>40</v>
      </c>
      <c r="AA29077">
        <v>40</v>
      </c>
      <c r="AB29077">
        <v>41</v>
      </c>
      <c r="AC29077">
        <v>41</v>
      </c>
      <c r="AD29077">
        <v>42</v>
      </c>
      <c r="AE29077">
        <v>42</v>
      </c>
      <c r="AF29077">
        <v>42</v>
      </c>
      <c r="AG29077">
        <v>43</v>
      </c>
      <c r="AH29077">
        <v>43</v>
      </c>
      <c r="AI29077">
        <v>43</v>
      </c>
      <c r="AJ29077">
        <v>44</v>
      </c>
      <c r="AK29077">
        <v>44</v>
      </c>
      <c r="AL29077">
        <v>44</v>
      </c>
      <c r="AM29077">
        <v>44</v>
      </c>
      <c r="AN29077">
        <v>44</v>
      </c>
      <c r="AO29077">
        <v>44</v>
      </c>
      <c r="AP29077">
        <v>44</v>
      </c>
      <c r="AQ29077">
        <v>44</v>
      </c>
    </row>
    <row r="29078" spans="1:43">
      <c r="A29078" t="s">
        <v>18001</v>
      </c>
      <c r="B29078" t="s">
        <v>18002</v>
      </c>
      <c r="C29078" t="s">
        <v>17993</v>
      </c>
      <c r="D29078" t="s">
        <v>17994</v>
      </c>
      <c r="E29078" t="s">
        <v>17915</v>
      </c>
      <c r="F29078" t="s">
        <v>17916</v>
      </c>
      <c r="G29078" t="s">
        <v>16559</v>
      </c>
      <c r="H29078" t="s">
        <v>16560</v>
      </c>
      <c r="I29078" s="2">
        <v>1</v>
      </c>
      <c r="J29078" s="2">
        <v>0</v>
      </c>
      <c r="K29078" s="2">
        <v>0</v>
      </c>
      <c r="L29078" t="s">
        <v>120</v>
      </c>
      <c r="M29078" t="s">
        <v>83</v>
      </c>
      <c r="N29078" t="s">
        <v>84</v>
      </c>
      <c r="O29078" t="s">
        <v>85</v>
      </c>
      <c r="P29078" t="s">
        <v>86</v>
      </c>
      <c r="Q29078">
        <v>0</v>
      </c>
      <c r="R29078">
        <v>0</v>
      </c>
      <c r="S29078">
        <v>0</v>
      </c>
      <c r="T29078">
        <v>0</v>
      </c>
      <c r="U29078">
        <v>0</v>
      </c>
      <c r="V29078">
        <v>1</v>
      </c>
      <c r="W29078">
        <v>1</v>
      </c>
      <c r="X29078">
        <v>1</v>
      </c>
      <c r="Y29078">
        <v>1</v>
      </c>
      <c r="Z29078">
        <v>1</v>
      </c>
      <c r="AA29078">
        <v>1</v>
      </c>
      <c r="AB29078">
        <v>1</v>
      </c>
      <c r="AC29078">
        <v>1</v>
      </c>
      <c r="AD29078">
        <v>1</v>
      </c>
      <c r="AE29078">
        <v>1</v>
      </c>
      <c r="AF29078">
        <v>1</v>
      </c>
      <c r="AG29078">
        <v>1</v>
      </c>
      <c r="AH29078">
        <v>1</v>
      </c>
      <c r="AI29078">
        <v>1</v>
      </c>
      <c r="AJ29078">
        <v>1</v>
      </c>
      <c r="AK29078">
        <v>1</v>
      </c>
      <c r="AL29078">
        <v>1</v>
      </c>
      <c r="AM29078">
        <v>1</v>
      </c>
      <c r="AN29078">
        <v>1</v>
      </c>
      <c r="AO29078">
        <v>1</v>
      </c>
      <c r="AP29078">
        <v>1</v>
      </c>
      <c r="AQ29078">
        <v>1</v>
      </c>
    </row>
    <row r="29079" spans="1:43">
      <c r="A29079" t="s">
        <v>18001</v>
      </c>
      <c r="B29079" t="s">
        <v>18002</v>
      </c>
      <c r="C29079" t="s">
        <v>17993</v>
      </c>
      <c r="D29079" t="s">
        <v>17994</v>
      </c>
      <c r="E29079" t="s">
        <v>17915</v>
      </c>
      <c r="F29079" t="s">
        <v>17916</v>
      </c>
      <c r="G29079" t="s">
        <v>16559</v>
      </c>
      <c r="H29079" t="s">
        <v>16560</v>
      </c>
      <c r="I29079" s="2">
        <v>1</v>
      </c>
      <c r="J29079" s="2">
        <v>0</v>
      </c>
      <c r="K29079" s="2">
        <v>0</v>
      </c>
      <c r="L29079" t="s">
        <v>120</v>
      </c>
      <c r="M29079" t="s">
        <v>87</v>
      </c>
      <c r="N29079" t="s">
        <v>88</v>
      </c>
      <c r="O29079" t="s">
        <v>85</v>
      </c>
      <c r="P29079" t="s">
        <v>86</v>
      </c>
      <c r="Q29079">
        <v>0</v>
      </c>
      <c r="R29079">
        <v>0</v>
      </c>
      <c r="S29079">
        <v>0</v>
      </c>
      <c r="T29079">
        <v>0</v>
      </c>
      <c r="U29079">
        <v>0</v>
      </c>
      <c r="V29079">
        <v>0</v>
      </c>
      <c r="W29079">
        <v>0</v>
      </c>
      <c r="X29079">
        <v>0</v>
      </c>
      <c r="Y29079">
        <v>0</v>
      </c>
      <c r="Z29079">
        <v>0</v>
      </c>
      <c r="AA29079">
        <v>0</v>
      </c>
      <c r="AB29079">
        <v>0</v>
      </c>
      <c r="AC29079">
        <v>0</v>
      </c>
      <c r="AD29079">
        <v>0</v>
      </c>
      <c r="AE29079">
        <v>0</v>
      </c>
      <c r="AF29079">
        <v>0</v>
      </c>
      <c r="AG29079">
        <v>0</v>
      </c>
      <c r="AH29079">
        <v>0</v>
      </c>
      <c r="AI29079">
        <v>0</v>
      </c>
      <c r="AJ29079">
        <v>0</v>
      </c>
      <c r="AK29079">
        <v>0</v>
      </c>
      <c r="AL29079">
        <v>0</v>
      </c>
      <c r="AM29079">
        <v>0</v>
      </c>
      <c r="AN29079">
        <v>0</v>
      </c>
      <c r="AO29079">
        <v>0</v>
      </c>
      <c r="AP29079">
        <v>0</v>
      </c>
      <c r="AQ29079">
        <v>0</v>
      </c>
    </row>
    <row r="29080" spans="1:43">
      <c r="A29080" t="s">
        <v>18001</v>
      </c>
      <c r="B29080" t="s">
        <v>18002</v>
      </c>
      <c r="C29080" t="s">
        <v>17993</v>
      </c>
      <c r="D29080" t="s">
        <v>17994</v>
      </c>
      <c r="E29080" t="s">
        <v>17915</v>
      </c>
      <c r="F29080" t="s">
        <v>17916</v>
      </c>
      <c r="G29080" t="s">
        <v>16559</v>
      </c>
      <c r="H29080" t="s">
        <v>16560</v>
      </c>
      <c r="I29080" s="2">
        <v>1</v>
      </c>
      <c r="J29080" s="2">
        <v>0</v>
      </c>
      <c r="K29080" s="2">
        <v>0</v>
      </c>
      <c r="L29080" t="s">
        <v>120</v>
      </c>
      <c r="M29080" t="s">
        <v>89</v>
      </c>
      <c r="N29080" t="s">
        <v>90</v>
      </c>
      <c r="O29080" t="s">
        <v>85</v>
      </c>
      <c r="P29080" t="s">
        <v>86</v>
      </c>
      <c r="Q29080">
        <v>0</v>
      </c>
      <c r="R29080">
        <v>0</v>
      </c>
      <c r="S29080">
        <v>1</v>
      </c>
      <c r="T29080">
        <v>1</v>
      </c>
      <c r="U29080">
        <v>1</v>
      </c>
      <c r="V29080">
        <v>1</v>
      </c>
      <c r="W29080">
        <v>1</v>
      </c>
      <c r="X29080">
        <v>1</v>
      </c>
      <c r="Y29080">
        <v>1</v>
      </c>
      <c r="Z29080">
        <v>1</v>
      </c>
      <c r="AA29080">
        <v>1</v>
      </c>
      <c r="AB29080">
        <v>1</v>
      </c>
      <c r="AC29080">
        <v>1</v>
      </c>
      <c r="AD29080">
        <v>1</v>
      </c>
      <c r="AE29080">
        <v>1</v>
      </c>
      <c r="AF29080">
        <v>1</v>
      </c>
      <c r="AG29080">
        <v>1</v>
      </c>
      <c r="AH29080">
        <v>1</v>
      </c>
      <c r="AI29080">
        <v>1</v>
      </c>
      <c r="AJ29080">
        <v>1</v>
      </c>
      <c r="AK29080">
        <v>1</v>
      </c>
      <c r="AL29080">
        <v>1</v>
      </c>
      <c r="AM29080">
        <v>1</v>
      </c>
      <c r="AN29080">
        <v>1</v>
      </c>
      <c r="AO29080">
        <v>1</v>
      </c>
      <c r="AP29080">
        <v>1</v>
      </c>
      <c r="AQ29080">
        <v>1</v>
      </c>
    </row>
    <row r="29081" spans="1:43">
      <c r="A29081" t="s">
        <v>18001</v>
      </c>
      <c r="B29081" t="s">
        <v>18002</v>
      </c>
      <c r="C29081" t="s">
        <v>17993</v>
      </c>
      <c r="D29081" t="s">
        <v>17994</v>
      </c>
      <c r="E29081" t="s">
        <v>17915</v>
      </c>
      <c r="F29081" t="s">
        <v>17916</v>
      </c>
      <c r="G29081" t="s">
        <v>16559</v>
      </c>
      <c r="H29081" t="s">
        <v>16560</v>
      </c>
      <c r="I29081" s="2">
        <v>1</v>
      </c>
      <c r="J29081" s="2">
        <v>0</v>
      </c>
      <c r="K29081" s="2">
        <v>0</v>
      </c>
      <c r="L29081" t="s">
        <v>120</v>
      </c>
      <c r="M29081" t="s">
        <v>83</v>
      </c>
      <c r="N29081" t="s">
        <v>91</v>
      </c>
      <c r="O29081" t="s">
        <v>85</v>
      </c>
      <c r="P29081" t="s">
        <v>86</v>
      </c>
      <c r="Q29081">
        <v>0</v>
      </c>
      <c r="R29081">
        <v>0</v>
      </c>
      <c r="S29081">
        <v>0</v>
      </c>
      <c r="T29081">
        <v>0</v>
      </c>
      <c r="U29081">
        <v>0</v>
      </c>
      <c r="V29081">
        <v>1</v>
      </c>
      <c r="W29081">
        <v>1</v>
      </c>
      <c r="X29081">
        <v>1</v>
      </c>
      <c r="Y29081">
        <v>1</v>
      </c>
      <c r="Z29081">
        <v>1</v>
      </c>
      <c r="AA29081">
        <v>1</v>
      </c>
      <c r="AB29081">
        <v>1</v>
      </c>
      <c r="AC29081">
        <v>1</v>
      </c>
      <c r="AD29081">
        <v>1</v>
      </c>
      <c r="AE29081">
        <v>1</v>
      </c>
      <c r="AF29081">
        <v>1</v>
      </c>
      <c r="AG29081">
        <v>1</v>
      </c>
      <c r="AH29081">
        <v>1</v>
      </c>
      <c r="AI29081">
        <v>1</v>
      </c>
      <c r="AJ29081">
        <v>1</v>
      </c>
      <c r="AK29081">
        <v>1</v>
      </c>
      <c r="AL29081">
        <v>1</v>
      </c>
      <c r="AM29081">
        <v>1</v>
      </c>
      <c r="AN29081">
        <v>1</v>
      </c>
      <c r="AO29081">
        <v>1</v>
      </c>
      <c r="AP29081">
        <v>1</v>
      </c>
      <c r="AQ29081">
        <v>1</v>
      </c>
    </row>
    <row r="29082" spans="1:43">
      <c r="A29082" t="s">
        <v>18003</v>
      </c>
      <c r="B29082" t="s">
        <v>18004</v>
      </c>
      <c r="C29082" t="s">
        <v>18005</v>
      </c>
      <c r="D29082" t="s">
        <v>18006</v>
      </c>
      <c r="E29082" t="s">
        <v>17915</v>
      </c>
      <c r="F29082" t="s">
        <v>17916</v>
      </c>
      <c r="G29082" t="s">
        <v>16559</v>
      </c>
      <c r="H29082" t="s">
        <v>16560</v>
      </c>
      <c r="I29082" s="2">
        <v>1</v>
      </c>
      <c r="J29082" s="2">
        <v>0</v>
      </c>
      <c r="K29082" s="2">
        <v>0</v>
      </c>
      <c r="L29082" t="s">
        <v>120</v>
      </c>
      <c r="M29082" t="s">
        <v>83</v>
      </c>
      <c r="N29082" t="s">
        <v>84</v>
      </c>
      <c r="O29082" t="s">
        <v>85</v>
      </c>
      <c r="P29082" t="s">
        <v>86</v>
      </c>
      <c r="Q29082">
        <v>91</v>
      </c>
      <c r="R29082">
        <v>92</v>
      </c>
      <c r="S29082">
        <v>93</v>
      </c>
      <c r="T29082">
        <v>94</v>
      </c>
      <c r="U29082">
        <v>95</v>
      </c>
      <c r="V29082">
        <v>96</v>
      </c>
      <c r="W29082">
        <v>97</v>
      </c>
      <c r="X29082">
        <v>98</v>
      </c>
      <c r="Y29082">
        <v>99</v>
      </c>
      <c r="Z29082">
        <v>100</v>
      </c>
      <c r="AA29082">
        <v>101</v>
      </c>
      <c r="AB29082">
        <v>102</v>
      </c>
      <c r="AC29082">
        <v>102</v>
      </c>
      <c r="AD29082">
        <v>103</v>
      </c>
      <c r="AE29082">
        <v>104</v>
      </c>
      <c r="AF29082">
        <v>105</v>
      </c>
      <c r="AG29082">
        <v>106</v>
      </c>
      <c r="AH29082">
        <v>107</v>
      </c>
      <c r="AI29082">
        <v>108</v>
      </c>
      <c r="AJ29082">
        <v>109</v>
      </c>
      <c r="AK29082">
        <v>109</v>
      </c>
      <c r="AL29082">
        <v>110</v>
      </c>
      <c r="AM29082">
        <v>109</v>
      </c>
      <c r="AN29082">
        <v>109</v>
      </c>
      <c r="AO29082">
        <v>109</v>
      </c>
      <c r="AP29082">
        <v>109</v>
      </c>
      <c r="AQ29082">
        <v>109</v>
      </c>
    </row>
    <row r="29083" spans="1:43">
      <c r="A29083" t="s">
        <v>18003</v>
      </c>
      <c r="B29083" t="s">
        <v>18004</v>
      </c>
      <c r="C29083" t="s">
        <v>18005</v>
      </c>
      <c r="D29083" t="s">
        <v>18006</v>
      </c>
      <c r="E29083" t="s">
        <v>17915</v>
      </c>
      <c r="F29083" t="s">
        <v>17916</v>
      </c>
      <c r="G29083" t="s">
        <v>16559</v>
      </c>
      <c r="H29083" t="s">
        <v>16560</v>
      </c>
      <c r="I29083" s="2">
        <v>1</v>
      </c>
      <c r="J29083" s="2">
        <v>0</v>
      </c>
      <c r="K29083" s="2">
        <v>0</v>
      </c>
      <c r="L29083" t="s">
        <v>120</v>
      </c>
      <c r="M29083" t="s">
        <v>87</v>
      </c>
      <c r="N29083" t="s">
        <v>88</v>
      </c>
      <c r="O29083" t="s">
        <v>85</v>
      </c>
      <c r="P29083" t="s">
        <v>86</v>
      </c>
      <c r="Q29083">
        <v>91</v>
      </c>
      <c r="R29083">
        <v>91</v>
      </c>
      <c r="S29083">
        <v>91</v>
      </c>
      <c r="T29083">
        <v>91</v>
      </c>
      <c r="U29083">
        <v>92</v>
      </c>
      <c r="V29083">
        <v>92</v>
      </c>
      <c r="W29083">
        <v>92</v>
      </c>
      <c r="X29083">
        <v>92</v>
      </c>
      <c r="Y29083">
        <v>92</v>
      </c>
      <c r="Z29083">
        <v>93</v>
      </c>
      <c r="AA29083">
        <v>93</v>
      </c>
      <c r="AB29083">
        <v>93</v>
      </c>
      <c r="AC29083">
        <v>93</v>
      </c>
      <c r="AD29083">
        <v>93</v>
      </c>
      <c r="AE29083">
        <v>93</v>
      </c>
      <c r="AF29083">
        <v>93</v>
      </c>
      <c r="AG29083">
        <v>94</v>
      </c>
      <c r="AH29083">
        <v>94</v>
      </c>
      <c r="AI29083">
        <v>94</v>
      </c>
      <c r="AJ29083">
        <v>94</v>
      </c>
      <c r="AK29083">
        <v>94</v>
      </c>
      <c r="AL29083">
        <v>94</v>
      </c>
      <c r="AM29083">
        <v>94</v>
      </c>
      <c r="AN29083">
        <v>95</v>
      </c>
      <c r="AO29083">
        <v>95</v>
      </c>
      <c r="AP29083">
        <v>95</v>
      </c>
      <c r="AQ29083">
        <v>95</v>
      </c>
    </row>
    <row r="29084" spans="1:43">
      <c r="A29084" t="s">
        <v>18003</v>
      </c>
      <c r="B29084" t="s">
        <v>18004</v>
      </c>
      <c r="C29084" t="s">
        <v>18005</v>
      </c>
      <c r="D29084" t="s">
        <v>18006</v>
      </c>
      <c r="E29084" t="s">
        <v>17915</v>
      </c>
      <c r="F29084" t="s">
        <v>17916</v>
      </c>
      <c r="G29084" t="s">
        <v>16559</v>
      </c>
      <c r="H29084" t="s">
        <v>16560</v>
      </c>
      <c r="I29084" s="2">
        <v>1</v>
      </c>
      <c r="J29084" s="2">
        <v>0</v>
      </c>
      <c r="K29084" s="2">
        <v>0</v>
      </c>
      <c r="L29084" t="s">
        <v>120</v>
      </c>
      <c r="M29084" t="s">
        <v>89</v>
      </c>
      <c r="N29084" t="s">
        <v>90</v>
      </c>
      <c r="O29084" t="s">
        <v>85</v>
      </c>
      <c r="P29084" t="s">
        <v>86</v>
      </c>
      <c r="Q29084">
        <v>91</v>
      </c>
      <c r="R29084">
        <v>92</v>
      </c>
      <c r="S29084">
        <v>94</v>
      </c>
      <c r="T29084">
        <v>96</v>
      </c>
      <c r="U29084">
        <v>98</v>
      </c>
      <c r="V29084">
        <v>99</v>
      </c>
      <c r="W29084">
        <v>101</v>
      </c>
      <c r="X29084">
        <v>102</v>
      </c>
      <c r="Y29084">
        <v>104</v>
      </c>
      <c r="Z29084">
        <v>105</v>
      </c>
      <c r="AA29084">
        <v>106</v>
      </c>
      <c r="AB29084">
        <v>108</v>
      </c>
      <c r="AC29084">
        <v>109</v>
      </c>
      <c r="AD29084">
        <v>110</v>
      </c>
      <c r="AE29084">
        <v>111</v>
      </c>
      <c r="AF29084">
        <v>111</v>
      </c>
      <c r="AG29084">
        <v>111</v>
      </c>
      <c r="AH29084">
        <v>111</v>
      </c>
      <c r="AI29084">
        <v>110</v>
      </c>
      <c r="AJ29084">
        <v>110</v>
      </c>
      <c r="AK29084">
        <v>110</v>
      </c>
      <c r="AL29084">
        <v>110</v>
      </c>
      <c r="AM29084">
        <v>110</v>
      </c>
      <c r="AN29084">
        <v>110</v>
      </c>
      <c r="AO29084">
        <v>109</v>
      </c>
      <c r="AP29084">
        <v>109</v>
      </c>
      <c r="AQ29084">
        <v>109</v>
      </c>
    </row>
    <row r="29085" spans="1:43">
      <c r="A29085" t="s">
        <v>18003</v>
      </c>
      <c r="B29085" t="s">
        <v>18004</v>
      </c>
      <c r="C29085" t="s">
        <v>18005</v>
      </c>
      <c r="D29085" t="s">
        <v>18006</v>
      </c>
      <c r="E29085" t="s">
        <v>17915</v>
      </c>
      <c r="F29085" t="s">
        <v>17916</v>
      </c>
      <c r="G29085" t="s">
        <v>16559</v>
      </c>
      <c r="H29085" t="s">
        <v>16560</v>
      </c>
      <c r="I29085" s="2">
        <v>1</v>
      </c>
      <c r="J29085" s="2">
        <v>0</v>
      </c>
      <c r="K29085" s="2">
        <v>0</v>
      </c>
      <c r="L29085" t="s">
        <v>120</v>
      </c>
      <c r="M29085" t="s">
        <v>83</v>
      </c>
      <c r="N29085" t="s">
        <v>91</v>
      </c>
      <c r="O29085" t="s">
        <v>85</v>
      </c>
      <c r="P29085" t="s">
        <v>86</v>
      </c>
      <c r="Q29085">
        <v>91</v>
      </c>
      <c r="R29085">
        <v>92</v>
      </c>
      <c r="S29085">
        <v>93</v>
      </c>
      <c r="T29085">
        <v>94</v>
      </c>
      <c r="U29085">
        <v>95</v>
      </c>
      <c r="V29085">
        <v>96</v>
      </c>
      <c r="W29085">
        <v>97</v>
      </c>
      <c r="X29085">
        <v>98</v>
      </c>
      <c r="Y29085">
        <v>99</v>
      </c>
      <c r="Z29085">
        <v>100</v>
      </c>
      <c r="AA29085">
        <v>101</v>
      </c>
      <c r="AB29085">
        <v>102</v>
      </c>
      <c r="AC29085">
        <v>102</v>
      </c>
      <c r="AD29085">
        <v>103</v>
      </c>
      <c r="AE29085">
        <v>104</v>
      </c>
      <c r="AF29085">
        <v>105</v>
      </c>
      <c r="AG29085">
        <v>106</v>
      </c>
      <c r="AH29085">
        <v>107</v>
      </c>
      <c r="AI29085">
        <v>108</v>
      </c>
      <c r="AJ29085">
        <v>109</v>
      </c>
      <c r="AK29085">
        <v>109</v>
      </c>
      <c r="AL29085">
        <v>110</v>
      </c>
      <c r="AM29085">
        <v>109</v>
      </c>
      <c r="AN29085">
        <v>109</v>
      </c>
      <c r="AO29085">
        <v>109</v>
      </c>
      <c r="AP29085">
        <v>109</v>
      </c>
      <c r="AQ29085">
        <v>109</v>
      </c>
    </row>
    <row r="29086" spans="1:43">
      <c r="A29086" t="s">
        <v>18007</v>
      </c>
      <c r="B29086" t="s">
        <v>18008</v>
      </c>
      <c r="C29086" t="s">
        <v>18005</v>
      </c>
      <c r="D29086" t="s">
        <v>18006</v>
      </c>
      <c r="E29086" t="s">
        <v>17915</v>
      </c>
      <c r="F29086" t="s">
        <v>17916</v>
      </c>
      <c r="G29086" t="s">
        <v>16559</v>
      </c>
      <c r="H29086" t="s">
        <v>16560</v>
      </c>
      <c r="I29086" s="2">
        <v>1</v>
      </c>
      <c r="J29086" s="2">
        <v>0</v>
      </c>
      <c r="K29086" s="2">
        <v>0</v>
      </c>
      <c r="L29086" t="s">
        <v>120</v>
      </c>
      <c r="M29086" t="s">
        <v>83</v>
      </c>
      <c r="N29086" t="s">
        <v>84</v>
      </c>
      <c r="O29086" t="s">
        <v>85</v>
      </c>
      <c r="P29086" t="s">
        <v>86</v>
      </c>
      <c r="Q29086">
        <v>36</v>
      </c>
      <c r="R29086">
        <v>37</v>
      </c>
      <c r="S29086">
        <v>37</v>
      </c>
      <c r="T29086">
        <v>37</v>
      </c>
      <c r="U29086">
        <v>38</v>
      </c>
      <c r="V29086">
        <v>38</v>
      </c>
      <c r="W29086">
        <v>39</v>
      </c>
      <c r="X29086">
        <v>39</v>
      </c>
      <c r="Y29086">
        <v>39</v>
      </c>
      <c r="Z29086">
        <v>40</v>
      </c>
      <c r="AA29086">
        <v>40</v>
      </c>
      <c r="AB29086">
        <v>41</v>
      </c>
      <c r="AC29086">
        <v>41</v>
      </c>
      <c r="AD29086">
        <v>41</v>
      </c>
      <c r="AE29086">
        <v>42</v>
      </c>
      <c r="AF29086">
        <v>42</v>
      </c>
      <c r="AG29086">
        <v>42</v>
      </c>
      <c r="AH29086">
        <v>43</v>
      </c>
      <c r="AI29086">
        <v>43</v>
      </c>
      <c r="AJ29086">
        <v>43</v>
      </c>
      <c r="AK29086">
        <v>44</v>
      </c>
      <c r="AL29086">
        <v>44</v>
      </c>
      <c r="AM29086">
        <v>44</v>
      </c>
      <c r="AN29086">
        <v>44</v>
      </c>
      <c r="AO29086">
        <v>44</v>
      </c>
      <c r="AP29086">
        <v>44</v>
      </c>
      <c r="AQ29086">
        <v>44</v>
      </c>
    </row>
    <row r="29087" spans="1:43">
      <c r="A29087" t="s">
        <v>18007</v>
      </c>
      <c r="B29087" t="s">
        <v>18008</v>
      </c>
      <c r="C29087" t="s">
        <v>18005</v>
      </c>
      <c r="D29087" t="s">
        <v>18006</v>
      </c>
      <c r="E29087" t="s">
        <v>17915</v>
      </c>
      <c r="F29087" t="s">
        <v>17916</v>
      </c>
      <c r="G29087" t="s">
        <v>16559</v>
      </c>
      <c r="H29087" t="s">
        <v>16560</v>
      </c>
      <c r="I29087" s="2">
        <v>1</v>
      </c>
      <c r="J29087" s="2">
        <v>0</v>
      </c>
      <c r="K29087" s="2">
        <v>0</v>
      </c>
      <c r="L29087" t="s">
        <v>120</v>
      </c>
      <c r="M29087" t="s">
        <v>87</v>
      </c>
      <c r="N29087" t="s">
        <v>88</v>
      </c>
      <c r="O29087" t="s">
        <v>85</v>
      </c>
      <c r="P29087" t="s">
        <v>86</v>
      </c>
      <c r="Q29087">
        <v>36</v>
      </c>
      <c r="R29087">
        <v>36</v>
      </c>
      <c r="S29087">
        <v>36</v>
      </c>
      <c r="T29087">
        <v>36</v>
      </c>
      <c r="U29087">
        <v>36</v>
      </c>
      <c r="V29087">
        <v>36</v>
      </c>
      <c r="W29087">
        <v>36</v>
      </c>
      <c r="X29087">
        <v>36</v>
      </c>
      <c r="Y29087">
        <v>37</v>
      </c>
      <c r="Z29087">
        <v>37</v>
      </c>
      <c r="AA29087">
        <v>37</v>
      </c>
      <c r="AB29087">
        <v>37</v>
      </c>
      <c r="AC29087">
        <v>37</v>
      </c>
      <c r="AD29087">
        <v>37</v>
      </c>
      <c r="AE29087">
        <v>37</v>
      </c>
      <c r="AF29087">
        <v>37</v>
      </c>
      <c r="AG29087">
        <v>37</v>
      </c>
      <c r="AH29087">
        <v>37</v>
      </c>
      <c r="AI29087">
        <v>37</v>
      </c>
      <c r="AJ29087">
        <v>37</v>
      </c>
      <c r="AK29087">
        <v>37</v>
      </c>
      <c r="AL29087">
        <v>38</v>
      </c>
      <c r="AM29087">
        <v>38</v>
      </c>
      <c r="AN29087">
        <v>38</v>
      </c>
      <c r="AO29087">
        <v>38</v>
      </c>
      <c r="AP29087">
        <v>38</v>
      </c>
      <c r="AQ29087">
        <v>38</v>
      </c>
    </row>
    <row r="29088" spans="1:43">
      <c r="A29088" t="s">
        <v>18007</v>
      </c>
      <c r="B29088" t="s">
        <v>18008</v>
      </c>
      <c r="C29088" t="s">
        <v>18005</v>
      </c>
      <c r="D29088" t="s">
        <v>18006</v>
      </c>
      <c r="E29088" t="s">
        <v>17915</v>
      </c>
      <c r="F29088" t="s">
        <v>17916</v>
      </c>
      <c r="G29088" t="s">
        <v>16559</v>
      </c>
      <c r="H29088" t="s">
        <v>16560</v>
      </c>
      <c r="I29088" s="2">
        <v>1</v>
      </c>
      <c r="J29088" s="2">
        <v>0</v>
      </c>
      <c r="K29088" s="2">
        <v>0</v>
      </c>
      <c r="L29088" t="s">
        <v>120</v>
      </c>
      <c r="M29088" t="s">
        <v>89</v>
      </c>
      <c r="N29088" t="s">
        <v>90</v>
      </c>
      <c r="O29088" t="s">
        <v>85</v>
      </c>
      <c r="P29088" t="s">
        <v>86</v>
      </c>
      <c r="Q29088">
        <v>36</v>
      </c>
      <c r="R29088">
        <v>36</v>
      </c>
      <c r="S29088">
        <v>37</v>
      </c>
      <c r="T29088">
        <v>38</v>
      </c>
      <c r="U29088">
        <v>38</v>
      </c>
      <c r="V29088">
        <v>39</v>
      </c>
      <c r="W29088">
        <v>40</v>
      </c>
      <c r="X29088">
        <v>40</v>
      </c>
      <c r="Y29088">
        <v>41</v>
      </c>
      <c r="Z29088">
        <v>41</v>
      </c>
      <c r="AA29088">
        <v>42</v>
      </c>
      <c r="AB29088">
        <v>42</v>
      </c>
      <c r="AC29088">
        <v>43</v>
      </c>
      <c r="AD29088">
        <v>43</v>
      </c>
      <c r="AE29088">
        <v>44</v>
      </c>
      <c r="AF29088">
        <v>44</v>
      </c>
      <c r="AG29088">
        <v>44</v>
      </c>
      <c r="AH29088">
        <v>44</v>
      </c>
      <c r="AI29088">
        <v>43</v>
      </c>
      <c r="AJ29088">
        <v>43</v>
      </c>
      <c r="AK29088">
        <v>43</v>
      </c>
      <c r="AL29088">
        <v>43</v>
      </c>
      <c r="AM29088">
        <v>43</v>
      </c>
      <c r="AN29088">
        <v>43</v>
      </c>
      <c r="AO29088">
        <v>43</v>
      </c>
      <c r="AP29088">
        <v>43</v>
      </c>
      <c r="AQ29088">
        <v>43</v>
      </c>
    </row>
    <row r="29089" spans="1:43">
      <c r="A29089" t="s">
        <v>18007</v>
      </c>
      <c r="B29089" t="s">
        <v>18008</v>
      </c>
      <c r="C29089" t="s">
        <v>18005</v>
      </c>
      <c r="D29089" t="s">
        <v>18006</v>
      </c>
      <c r="E29089" t="s">
        <v>17915</v>
      </c>
      <c r="F29089" t="s">
        <v>17916</v>
      </c>
      <c r="G29089" t="s">
        <v>16559</v>
      </c>
      <c r="H29089" t="s">
        <v>16560</v>
      </c>
      <c r="I29089" s="2">
        <v>1</v>
      </c>
      <c r="J29089" s="2">
        <v>0</v>
      </c>
      <c r="K29089" s="2">
        <v>0</v>
      </c>
      <c r="L29089" t="s">
        <v>120</v>
      </c>
      <c r="M29089" t="s">
        <v>83</v>
      </c>
      <c r="N29089" t="s">
        <v>91</v>
      </c>
      <c r="O29089" t="s">
        <v>85</v>
      </c>
      <c r="P29089" t="s">
        <v>86</v>
      </c>
      <c r="Q29089">
        <v>36</v>
      </c>
      <c r="R29089">
        <v>37</v>
      </c>
      <c r="S29089">
        <v>37</v>
      </c>
      <c r="T29089">
        <v>37</v>
      </c>
      <c r="U29089">
        <v>38</v>
      </c>
      <c r="V29089">
        <v>38</v>
      </c>
      <c r="W29089">
        <v>39</v>
      </c>
      <c r="X29089">
        <v>39</v>
      </c>
      <c r="Y29089">
        <v>39</v>
      </c>
      <c r="Z29089">
        <v>40</v>
      </c>
      <c r="AA29089">
        <v>40</v>
      </c>
      <c r="AB29089">
        <v>41</v>
      </c>
      <c r="AC29089">
        <v>41</v>
      </c>
      <c r="AD29089">
        <v>41</v>
      </c>
      <c r="AE29089">
        <v>42</v>
      </c>
      <c r="AF29089">
        <v>42</v>
      </c>
      <c r="AG29089">
        <v>42</v>
      </c>
      <c r="AH29089">
        <v>43</v>
      </c>
      <c r="AI29089">
        <v>43</v>
      </c>
      <c r="AJ29089">
        <v>43</v>
      </c>
      <c r="AK29089">
        <v>44</v>
      </c>
      <c r="AL29089">
        <v>44</v>
      </c>
      <c r="AM29089">
        <v>44</v>
      </c>
      <c r="AN29089">
        <v>44</v>
      </c>
      <c r="AO29089">
        <v>44</v>
      </c>
      <c r="AP29089">
        <v>44</v>
      </c>
      <c r="AQ29089">
        <v>44</v>
      </c>
    </row>
    <row r="29090" spans="1:43">
      <c r="A29090" t="s">
        <v>18009</v>
      </c>
      <c r="B29090" t="s">
        <v>18010</v>
      </c>
      <c r="C29090" t="s">
        <v>18005</v>
      </c>
      <c r="D29090" t="s">
        <v>18006</v>
      </c>
      <c r="E29090" t="s">
        <v>17915</v>
      </c>
      <c r="F29090" t="s">
        <v>17916</v>
      </c>
      <c r="G29090" t="s">
        <v>16559</v>
      </c>
      <c r="H29090" t="s">
        <v>16560</v>
      </c>
      <c r="I29090" s="2">
        <v>1</v>
      </c>
      <c r="J29090" s="2">
        <v>0</v>
      </c>
      <c r="K29090" s="2">
        <v>0</v>
      </c>
      <c r="L29090" t="s">
        <v>120</v>
      </c>
      <c r="M29090" t="s">
        <v>83</v>
      </c>
      <c r="N29090" t="s">
        <v>84</v>
      </c>
      <c r="O29090" t="s">
        <v>85</v>
      </c>
      <c r="P29090" t="s">
        <v>86</v>
      </c>
      <c r="Q29090">
        <v>49</v>
      </c>
      <c r="R29090">
        <v>49</v>
      </c>
      <c r="S29090">
        <v>50</v>
      </c>
      <c r="T29090">
        <v>50</v>
      </c>
      <c r="U29090">
        <v>51</v>
      </c>
      <c r="V29090">
        <v>52</v>
      </c>
      <c r="W29090">
        <v>52</v>
      </c>
      <c r="X29090">
        <v>53</v>
      </c>
      <c r="Y29090">
        <v>53</v>
      </c>
      <c r="Z29090">
        <v>54</v>
      </c>
      <c r="AA29090">
        <v>54</v>
      </c>
      <c r="AB29090">
        <v>55</v>
      </c>
      <c r="AC29090">
        <v>55</v>
      </c>
      <c r="AD29090">
        <v>56</v>
      </c>
      <c r="AE29090">
        <v>56</v>
      </c>
      <c r="AF29090">
        <v>57</v>
      </c>
      <c r="AG29090">
        <v>57</v>
      </c>
      <c r="AH29090">
        <v>58</v>
      </c>
      <c r="AI29090">
        <v>58</v>
      </c>
      <c r="AJ29090">
        <v>59</v>
      </c>
      <c r="AK29090">
        <v>59</v>
      </c>
      <c r="AL29090">
        <v>59</v>
      </c>
      <c r="AM29090">
        <v>59</v>
      </c>
      <c r="AN29090">
        <v>59</v>
      </c>
      <c r="AO29090">
        <v>59</v>
      </c>
      <c r="AP29090">
        <v>59</v>
      </c>
      <c r="AQ29090">
        <v>59</v>
      </c>
    </row>
    <row r="29091" spans="1:43">
      <c r="A29091" t="s">
        <v>18009</v>
      </c>
      <c r="B29091" t="s">
        <v>18010</v>
      </c>
      <c r="C29091" t="s">
        <v>18005</v>
      </c>
      <c r="D29091" t="s">
        <v>18006</v>
      </c>
      <c r="E29091" t="s">
        <v>17915</v>
      </c>
      <c r="F29091" t="s">
        <v>17916</v>
      </c>
      <c r="G29091" t="s">
        <v>16559</v>
      </c>
      <c r="H29091" t="s">
        <v>16560</v>
      </c>
      <c r="I29091" s="2">
        <v>1</v>
      </c>
      <c r="J29091" s="2">
        <v>0</v>
      </c>
      <c r="K29091" s="2">
        <v>0</v>
      </c>
      <c r="L29091" t="s">
        <v>120</v>
      </c>
      <c r="M29091" t="s">
        <v>87</v>
      </c>
      <c r="N29091" t="s">
        <v>88</v>
      </c>
      <c r="O29091" t="s">
        <v>85</v>
      </c>
      <c r="P29091" t="s">
        <v>86</v>
      </c>
      <c r="Q29091">
        <v>49</v>
      </c>
      <c r="R29091">
        <v>49</v>
      </c>
      <c r="S29091">
        <v>50</v>
      </c>
      <c r="T29091">
        <v>50</v>
      </c>
      <c r="U29091">
        <v>50</v>
      </c>
      <c r="V29091">
        <v>50</v>
      </c>
      <c r="W29091">
        <v>50</v>
      </c>
      <c r="X29091">
        <v>50</v>
      </c>
      <c r="Y29091">
        <v>50</v>
      </c>
      <c r="Z29091">
        <v>50</v>
      </c>
      <c r="AA29091">
        <v>50</v>
      </c>
      <c r="AB29091">
        <v>51</v>
      </c>
      <c r="AC29091">
        <v>51</v>
      </c>
      <c r="AD29091">
        <v>51</v>
      </c>
      <c r="AE29091">
        <v>51</v>
      </c>
      <c r="AF29091">
        <v>51</v>
      </c>
      <c r="AG29091">
        <v>51</v>
      </c>
      <c r="AH29091">
        <v>51</v>
      </c>
      <c r="AI29091">
        <v>51</v>
      </c>
      <c r="AJ29091">
        <v>51</v>
      </c>
      <c r="AK29091">
        <v>52</v>
      </c>
      <c r="AL29091">
        <v>52</v>
      </c>
      <c r="AM29091">
        <v>52</v>
      </c>
      <c r="AN29091">
        <v>52</v>
      </c>
      <c r="AO29091">
        <v>52</v>
      </c>
      <c r="AP29091">
        <v>52</v>
      </c>
      <c r="AQ29091">
        <v>52</v>
      </c>
    </row>
    <row r="29092" spans="1:43">
      <c r="A29092" t="s">
        <v>18009</v>
      </c>
      <c r="B29092" t="s">
        <v>18010</v>
      </c>
      <c r="C29092" t="s">
        <v>18005</v>
      </c>
      <c r="D29092" t="s">
        <v>18006</v>
      </c>
      <c r="E29092" t="s">
        <v>17915</v>
      </c>
      <c r="F29092" t="s">
        <v>17916</v>
      </c>
      <c r="G29092" t="s">
        <v>16559</v>
      </c>
      <c r="H29092" t="s">
        <v>16560</v>
      </c>
      <c r="I29092" s="2">
        <v>1</v>
      </c>
      <c r="J29092" s="2">
        <v>0</v>
      </c>
      <c r="K29092" s="2">
        <v>0</v>
      </c>
      <c r="L29092" t="s">
        <v>120</v>
      </c>
      <c r="M29092" t="s">
        <v>89</v>
      </c>
      <c r="N29092" t="s">
        <v>90</v>
      </c>
      <c r="O29092" t="s">
        <v>85</v>
      </c>
      <c r="P29092" t="s">
        <v>86</v>
      </c>
      <c r="Q29092">
        <v>49</v>
      </c>
      <c r="R29092">
        <v>50</v>
      </c>
      <c r="S29092">
        <v>51</v>
      </c>
      <c r="T29092">
        <v>52</v>
      </c>
      <c r="U29092">
        <v>53</v>
      </c>
      <c r="V29092">
        <v>54</v>
      </c>
      <c r="W29092">
        <v>55</v>
      </c>
      <c r="X29092">
        <v>56</v>
      </c>
      <c r="Y29092">
        <v>56</v>
      </c>
      <c r="Z29092">
        <v>57</v>
      </c>
      <c r="AA29092">
        <v>58</v>
      </c>
      <c r="AB29092">
        <v>58</v>
      </c>
      <c r="AC29092">
        <v>59</v>
      </c>
      <c r="AD29092">
        <v>60</v>
      </c>
      <c r="AE29092">
        <v>60</v>
      </c>
      <c r="AF29092">
        <v>60</v>
      </c>
      <c r="AG29092">
        <v>60</v>
      </c>
      <c r="AH29092">
        <v>60</v>
      </c>
      <c r="AI29092">
        <v>60</v>
      </c>
      <c r="AJ29092">
        <v>60</v>
      </c>
      <c r="AK29092">
        <v>60</v>
      </c>
      <c r="AL29092">
        <v>60</v>
      </c>
      <c r="AM29092">
        <v>60</v>
      </c>
      <c r="AN29092">
        <v>60</v>
      </c>
      <c r="AO29092">
        <v>59</v>
      </c>
      <c r="AP29092">
        <v>59</v>
      </c>
      <c r="AQ29092">
        <v>59</v>
      </c>
    </row>
    <row r="29093" spans="1:43">
      <c r="A29093" t="s">
        <v>18009</v>
      </c>
      <c r="B29093" t="s">
        <v>18010</v>
      </c>
      <c r="C29093" t="s">
        <v>18005</v>
      </c>
      <c r="D29093" t="s">
        <v>18006</v>
      </c>
      <c r="E29093" t="s">
        <v>17915</v>
      </c>
      <c r="F29093" t="s">
        <v>17916</v>
      </c>
      <c r="G29093" t="s">
        <v>16559</v>
      </c>
      <c r="H29093" t="s">
        <v>16560</v>
      </c>
      <c r="I29093" s="2">
        <v>1</v>
      </c>
      <c r="J29093" s="2">
        <v>0</v>
      </c>
      <c r="K29093" s="2">
        <v>0</v>
      </c>
      <c r="L29093" t="s">
        <v>120</v>
      </c>
      <c r="M29093" t="s">
        <v>83</v>
      </c>
      <c r="N29093" t="s">
        <v>91</v>
      </c>
      <c r="O29093" t="s">
        <v>85</v>
      </c>
      <c r="P29093" t="s">
        <v>86</v>
      </c>
      <c r="Q29093">
        <v>49</v>
      </c>
      <c r="R29093">
        <v>49</v>
      </c>
      <c r="S29093">
        <v>50</v>
      </c>
      <c r="T29093">
        <v>50</v>
      </c>
      <c r="U29093">
        <v>51</v>
      </c>
      <c r="V29093">
        <v>52</v>
      </c>
      <c r="W29093">
        <v>52</v>
      </c>
      <c r="X29093">
        <v>53</v>
      </c>
      <c r="Y29093">
        <v>53</v>
      </c>
      <c r="Z29093">
        <v>54</v>
      </c>
      <c r="AA29093">
        <v>54</v>
      </c>
      <c r="AB29093">
        <v>55</v>
      </c>
      <c r="AC29093">
        <v>55</v>
      </c>
      <c r="AD29093">
        <v>56</v>
      </c>
      <c r="AE29093">
        <v>56</v>
      </c>
      <c r="AF29093">
        <v>57</v>
      </c>
      <c r="AG29093">
        <v>57</v>
      </c>
      <c r="AH29093">
        <v>58</v>
      </c>
      <c r="AI29093">
        <v>58</v>
      </c>
      <c r="AJ29093">
        <v>59</v>
      </c>
      <c r="AK29093">
        <v>59</v>
      </c>
      <c r="AL29093">
        <v>59</v>
      </c>
      <c r="AM29093">
        <v>59</v>
      </c>
      <c r="AN29093">
        <v>59</v>
      </c>
      <c r="AO29093">
        <v>59</v>
      </c>
      <c r="AP29093">
        <v>59</v>
      </c>
      <c r="AQ29093">
        <v>59</v>
      </c>
    </row>
    <row r="29094" spans="1:43">
      <c r="A29094" t="s">
        <v>18011</v>
      </c>
      <c r="B29094" t="s">
        <v>18012</v>
      </c>
      <c r="C29094" t="s">
        <v>18005</v>
      </c>
      <c r="D29094" t="s">
        <v>18006</v>
      </c>
      <c r="E29094" t="s">
        <v>17915</v>
      </c>
      <c r="F29094" t="s">
        <v>17916</v>
      </c>
      <c r="G29094" t="s">
        <v>16559</v>
      </c>
      <c r="H29094" t="s">
        <v>16560</v>
      </c>
      <c r="I29094" s="2">
        <v>1</v>
      </c>
      <c r="J29094" s="2">
        <v>0</v>
      </c>
      <c r="K29094" s="2">
        <v>0</v>
      </c>
      <c r="L29094" t="s">
        <v>120</v>
      </c>
      <c r="M29094" t="s">
        <v>83</v>
      </c>
      <c r="N29094" t="s">
        <v>84</v>
      </c>
      <c r="O29094" t="s">
        <v>85</v>
      </c>
      <c r="P29094" t="s">
        <v>86</v>
      </c>
      <c r="Q29094">
        <v>0</v>
      </c>
      <c r="R29094">
        <v>0</v>
      </c>
      <c r="S29094">
        <v>0</v>
      </c>
      <c r="T29094">
        <v>0</v>
      </c>
      <c r="U29094">
        <v>0</v>
      </c>
      <c r="V29094">
        <v>0</v>
      </c>
      <c r="W29094">
        <v>0</v>
      </c>
      <c r="X29094">
        <v>0</v>
      </c>
      <c r="Y29094">
        <v>0</v>
      </c>
      <c r="Z29094">
        <v>0</v>
      </c>
      <c r="AA29094">
        <v>0</v>
      </c>
      <c r="AB29094">
        <v>0</v>
      </c>
      <c r="AC29094">
        <v>0</v>
      </c>
      <c r="AD29094">
        <v>0</v>
      </c>
      <c r="AE29094">
        <v>0</v>
      </c>
      <c r="AF29094">
        <v>0</v>
      </c>
      <c r="AG29094">
        <v>0</v>
      </c>
      <c r="AH29094">
        <v>0</v>
      </c>
      <c r="AI29094">
        <v>0</v>
      </c>
      <c r="AJ29094">
        <v>0</v>
      </c>
      <c r="AK29094">
        <v>0</v>
      </c>
      <c r="AL29094">
        <v>0</v>
      </c>
      <c r="AM29094">
        <v>0</v>
      </c>
      <c r="AN29094">
        <v>0</v>
      </c>
      <c r="AO29094">
        <v>0</v>
      </c>
      <c r="AP29094">
        <v>0</v>
      </c>
      <c r="AQ29094">
        <v>0</v>
      </c>
    </row>
    <row r="29095" spans="1:43">
      <c r="A29095" t="s">
        <v>18011</v>
      </c>
      <c r="B29095" t="s">
        <v>18012</v>
      </c>
      <c r="C29095" t="s">
        <v>18005</v>
      </c>
      <c r="D29095" t="s">
        <v>18006</v>
      </c>
      <c r="E29095" t="s">
        <v>17915</v>
      </c>
      <c r="F29095" t="s">
        <v>17916</v>
      </c>
      <c r="G29095" t="s">
        <v>16559</v>
      </c>
      <c r="H29095" t="s">
        <v>16560</v>
      </c>
      <c r="I29095" s="2">
        <v>1</v>
      </c>
      <c r="J29095" s="2">
        <v>0</v>
      </c>
      <c r="K29095" s="2">
        <v>0</v>
      </c>
      <c r="L29095" t="s">
        <v>120</v>
      </c>
      <c r="M29095" t="s">
        <v>87</v>
      </c>
      <c r="N29095" t="s">
        <v>88</v>
      </c>
      <c r="O29095" t="s">
        <v>85</v>
      </c>
      <c r="P29095" t="s">
        <v>86</v>
      </c>
      <c r="Q29095">
        <v>0</v>
      </c>
      <c r="R29095">
        <v>0</v>
      </c>
      <c r="S29095">
        <v>0</v>
      </c>
      <c r="T29095">
        <v>0</v>
      </c>
      <c r="U29095">
        <v>0</v>
      </c>
      <c r="V29095">
        <v>0</v>
      </c>
      <c r="W29095">
        <v>0</v>
      </c>
      <c r="X29095">
        <v>0</v>
      </c>
      <c r="Y29095">
        <v>0</v>
      </c>
      <c r="Z29095">
        <v>0</v>
      </c>
      <c r="AA29095">
        <v>0</v>
      </c>
      <c r="AB29095">
        <v>0</v>
      </c>
      <c r="AC29095">
        <v>0</v>
      </c>
      <c r="AD29095">
        <v>0</v>
      </c>
      <c r="AE29095">
        <v>0</v>
      </c>
      <c r="AF29095">
        <v>0</v>
      </c>
      <c r="AG29095">
        <v>0</v>
      </c>
      <c r="AH29095">
        <v>0</v>
      </c>
      <c r="AI29095">
        <v>0</v>
      </c>
      <c r="AJ29095">
        <v>0</v>
      </c>
      <c r="AK29095">
        <v>0</v>
      </c>
      <c r="AL29095">
        <v>0</v>
      </c>
      <c r="AM29095">
        <v>0</v>
      </c>
      <c r="AN29095">
        <v>0</v>
      </c>
      <c r="AO29095">
        <v>0</v>
      </c>
      <c r="AP29095">
        <v>0</v>
      </c>
      <c r="AQ29095">
        <v>0</v>
      </c>
    </row>
    <row r="29096" spans="1:43">
      <c r="A29096" t="s">
        <v>18011</v>
      </c>
      <c r="B29096" t="s">
        <v>18012</v>
      </c>
      <c r="C29096" t="s">
        <v>18005</v>
      </c>
      <c r="D29096" t="s">
        <v>18006</v>
      </c>
      <c r="E29096" t="s">
        <v>17915</v>
      </c>
      <c r="F29096" t="s">
        <v>17916</v>
      </c>
      <c r="G29096" t="s">
        <v>16559</v>
      </c>
      <c r="H29096" t="s">
        <v>16560</v>
      </c>
      <c r="I29096" s="2">
        <v>1</v>
      </c>
      <c r="J29096" s="2">
        <v>0</v>
      </c>
      <c r="K29096" s="2">
        <v>0</v>
      </c>
      <c r="L29096" t="s">
        <v>120</v>
      </c>
      <c r="M29096" t="s">
        <v>89</v>
      </c>
      <c r="N29096" t="s">
        <v>90</v>
      </c>
      <c r="O29096" t="s">
        <v>85</v>
      </c>
      <c r="P29096" t="s">
        <v>86</v>
      </c>
      <c r="Q29096">
        <v>0</v>
      </c>
      <c r="R29096">
        <v>0</v>
      </c>
      <c r="S29096">
        <v>0</v>
      </c>
      <c r="T29096">
        <v>0</v>
      </c>
      <c r="U29096">
        <v>0</v>
      </c>
      <c r="V29096">
        <v>0</v>
      </c>
      <c r="W29096">
        <v>0</v>
      </c>
      <c r="X29096">
        <v>0</v>
      </c>
      <c r="Y29096">
        <v>0</v>
      </c>
      <c r="Z29096">
        <v>0</v>
      </c>
      <c r="AA29096">
        <v>0</v>
      </c>
      <c r="AB29096">
        <v>0</v>
      </c>
      <c r="AC29096">
        <v>0</v>
      </c>
      <c r="AD29096">
        <v>0</v>
      </c>
      <c r="AE29096">
        <v>0</v>
      </c>
      <c r="AF29096">
        <v>0</v>
      </c>
      <c r="AG29096">
        <v>0</v>
      </c>
      <c r="AH29096">
        <v>0</v>
      </c>
      <c r="AI29096">
        <v>0</v>
      </c>
      <c r="AJ29096">
        <v>0</v>
      </c>
      <c r="AK29096">
        <v>0</v>
      </c>
      <c r="AL29096">
        <v>0</v>
      </c>
      <c r="AM29096">
        <v>0</v>
      </c>
      <c r="AN29096">
        <v>0</v>
      </c>
      <c r="AO29096">
        <v>0</v>
      </c>
      <c r="AP29096">
        <v>0</v>
      </c>
      <c r="AQ29096">
        <v>0</v>
      </c>
    </row>
    <row r="29097" spans="1:43">
      <c r="A29097" t="s">
        <v>18011</v>
      </c>
      <c r="B29097" t="s">
        <v>18012</v>
      </c>
      <c r="C29097" t="s">
        <v>18005</v>
      </c>
      <c r="D29097" t="s">
        <v>18006</v>
      </c>
      <c r="E29097" t="s">
        <v>17915</v>
      </c>
      <c r="F29097" t="s">
        <v>17916</v>
      </c>
      <c r="G29097" t="s">
        <v>16559</v>
      </c>
      <c r="H29097" t="s">
        <v>16560</v>
      </c>
      <c r="I29097" s="2">
        <v>1</v>
      </c>
      <c r="J29097" s="2">
        <v>0</v>
      </c>
      <c r="K29097" s="2">
        <v>0</v>
      </c>
      <c r="L29097" t="s">
        <v>120</v>
      </c>
      <c r="M29097" t="s">
        <v>83</v>
      </c>
      <c r="N29097" t="s">
        <v>91</v>
      </c>
      <c r="O29097" t="s">
        <v>85</v>
      </c>
      <c r="P29097" t="s">
        <v>86</v>
      </c>
      <c r="Q29097">
        <v>0</v>
      </c>
      <c r="R29097">
        <v>0</v>
      </c>
      <c r="S29097">
        <v>0</v>
      </c>
      <c r="T29097">
        <v>0</v>
      </c>
      <c r="U29097">
        <v>0</v>
      </c>
      <c r="V29097">
        <v>0</v>
      </c>
      <c r="W29097">
        <v>0</v>
      </c>
      <c r="X29097">
        <v>0</v>
      </c>
      <c r="Y29097">
        <v>0</v>
      </c>
      <c r="Z29097">
        <v>0</v>
      </c>
      <c r="AA29097">
        <v>0</v>
      </c>
      <c r="AB29097">
        <v>0</v>
      </c>
      <c r="AC29097">
        <v>0</v>
      </c>
      <c r="AD29097">
        <v>0</v>
      </c>
      <c r="AE29097">
        <v>0</v>
      </c>
      <c r="AF29097">
        <v>0</v>
      </c>
      <c r="AG29097">
        <v>0</v>
      </c>
      <c r="AH29097">
        <v>0</v>
      </c>
      <c r="AI29097">
        <v>0</v>
      </c>
      <c r="AJ29097">
        <v>0</v>
      </c>
      <c r="AK29097">
        <v>0</v>
      </c>
      <c r="AL29097">
        <v>0</v>
      </c>
      <c r="AM29097">
        <v>0</v>
      </c>
      <c r="AN29097">
        <v>0</v>
      </c>
      <c r="AO29097">
        <v>0</v>
      </c>
      <c r="AP29097">
        <v>0</v>
      </c>
      <c r="AQ29097">
        <v>0</v>
      </c>
    </row>
    <row r="29098" spans="1:43">
      <c r="A29098" t="s">
        <v>18013</v>
      </c>
      <c r="B29098" t="s">
        <v>18014</v>
      </c>
      <c r="C29098" t="s">
        <v>18015</v>
      </c>
      <c r="D29098" t="s">
        <v>18016</v>
      </c>
      <c r="E29098" t="s">
        <v>17915</v>
      </c>
      <c r="F29098" t="s">
        <v>17916</v>
      </c>
      <c r="G29098" t="s">
        <v>16559</v>
      </c>
      <c r="H29098" t="s">
        <v>16560</v>
      </c>
      <c r="I29098" s="2">
        <v>1</v>
      </c>
      <c r="J29098" s="2">
        <v>0</v>
      </c>
      <c r="K29098" s="2">
        <v>0</v>
      </c>
      <c r="L29098" t="s">
        <v>120</v>
      </c>
      <c r="M29098" t="s">
        <v>83</v>
      </c>
      <c r="N29098" t="s">
        <v>84</v>
      </c>
      <c r="O29098" t="s">
        <v>85</v>
      </c>
      <c r="P29098" t="s">
        <v>86</v>
      </c>
      <c r="Q29098">
        <v>82</v>
      </c>
      <c r="R29098">
        <v>83</v>
      </c>
      <c r="S29098">
        <v>84</v>
      </c>
      <c r="T29098">
        <v>85</v>
      </c>
      <c r="U29098">
        <v>86</v>
      </c>
      <c r="V29098">
        <v>87</v>
      </c>
      <c r="W29098">
        <v>88</v>
      </c>
      <c r="X29098">
        <v>89</v>
      </c>
      <c r="Y29098">
        <v>90</v>
      </c>
      <c r="Z29098">
        <v>91</v>
      </c>
      <c r="AA29098">
        <v>91</v>
      </c>
      <c r="AB29098">
        <v>92</v>
      </c>
      <c r="AC29098">
        <v>93</v>
      </c>
      <c r="AD29098">
        <v>94</v>
      </c>
      <c r="AE29098">
        <v>95</v>
      </c>
      <c r="AF29098">
        <v>96</v>
      </c>
      <c r="AG29098">
        <v>96</v>
      </c>
      <c r="AH29098">
        <v>97</v>
      </c>
      <c r="AI29098">
        <v>98</v>
      </c>
      <c r="AJ29098">
        <v>99</v>
      </c>
      <c r="AK29098">
        <v>99</v>
      </c>
      <c r="AL29098">
        <v>100</v>
      </c>
      <c r="AM29098">
        <v>100</v>
      </c>
      <c r="AN29098">
        <v>99</v>
      </c>
      <c r="AO29098">
        <v>99</v>
      </c>
      <c r="AP29098">
        <v>99</v>
      </c>
      <c r="AQ29098">
        <v>99</v>
      </c>
    </row>
    <row r="29099" spans="1:43">
      <c r="A29099" t="s">
        <v>18013</v>
      </c>
      <c r="B29099" t="s">
        <v>18014</v>
      </c>
      <c r="C29099" t="s">
        <v>18015</v>
      </c>
      <c r="D29099" t="s">
        <v>18016</v>
      </c>
      <c r="E29099" t="s">
        <v>17915</v>
      </c>
      <c r="F29099" t="s">
        <v>17916</v>
      </c>
      <c r="G29099" t="s">
        <v>16559</v>
      </c>
      <c r="H29099" t="s">
        <v>16560</v>
      </c>
      <c r="I29099" s="2">
        <v>1</v>
      </c>
      <c r="J29099" s="2">
        <v>0</v>
      </c>
      <c r="K29099" s="2">
        <v>0</v>
      </c>
      <c r="L29099" t="s">
        <v>120</v>
      </c>
      <c r="M29099" t="s">
        <v>87</v>
      </c>
      <c r="N29099" t="s">
        <v>88</v>
      </c>
      <c r="O29099" t="s">
        <v>85</v>
      </c>
      <c r="P29099" t="s">
        <v>86</v>
      </c>
      <c r="Q29099">
        <v>82</v>
      </c>
      <c r="R29099">
        <v>82</v>
      </c>
      <c r="S29099">
        <v>83</v>
      </c>
      <c r="T29099">
        <v>83</v>
      </c>
      <c r="U29099">
        <v>83</v>
      </c>
      <c r="V29099">
        <v>83</v>
      </c>
      <c r="W29099">
        <v>84</v>
      </c>
      <c r="X29099">
        <v>84</v>
      </c>
      <c r="Y29099">
        <v>84</v>
      </c>
      <c r="Z29099">
        <v>84</v>
      </c>
      <c r="AA29099">
        <v>84</v>
      </c>
      <c r="AB29099">
        <v>85</v>
      </c>
      <c r="AC29099">
        <v>85</v>
      </c>
      <c r="AD29099">
        <v>85</v>
      </c>
      <c r="AE29099">
        <v>85</v>
      </c>
      <c r="AF29099">
        <v>86</v>
      </c>
      <c r="AG29099">
        <v>86</v>
      </c>
      <c r="AH29099">
        <v>86</v>
      </c>
      <c r="AI29099">
        <v>86</v>
      </c>
      <c r="AJ29099">
        <v>86</v>
      </c>
      <c r="AK29099">
        <v>87</v>
      </c>
      <c r="AL29099">
        <v>87</v>
      </c>
      <c r="AM29099">
        <v>87</v>
      </c>
      <c r="AN29099">
        <v>87</v>
      </c>
      <c r="AO29099">
        <v>87</v>
      </c>
      <c r="AP29099">
        <v>88</v>
      </c>
      <c r="AQ29099">
        <v>88</v>
      </c>
    </row>
    <row r="29100" spans="1:43">
      <c r="A29100" t="s">
        <v>18013</v>
      </c>
      <c r="B29100" t="s">
        <v>18014</v>
      </c>
      <c r="C29100" t="s">
        <v>18015</v>
      </c>
      <c r="D29100" t="s">
        <v>18016</v>
      </c>
      <c r="E29100" t="s">
        <v>17915</v>
      </c>
      <c r="F29100" t="s">
        <v>17916</v>
      </c>
      <c r="G29100" t="s">
        <v>16559</v>
      </c>
      <c r="H29100" t="s">
        <v>16560</v>
      </c>
      <c r="I29100" s="2">
        <v>1</v>
      </c>
      <c r="J29100" s="2">
        <v>0</v>
      </c>
      <c r="K29100" s="2">
        <v>0</v>
      </c>
      <c r="L29100" t="s">
        <v>120</v>
      </c>
      <c r="M29100" t="s">
        <v>89</v>
      </c>
      <c r="N29100" t="s">
        <v>90</v>
      </c>
      <c r="O29100" t="s">
        <v>85</v>
      </c>
      <c r="P29100" t="s">
        <v>86</v>
      </c>
      <c r="Q29100">
        <v>82</v>
      </c>
      <c r="R29100">
        <v>83</v>
      </c>
      <c r="S29100">
        <v>85</v>
      </c>
      <c r="T29100">
        <v>87</v>
      </c>
      <c r="U29100">
        <v>88</v>
      </c>
      <c r="V29100">
        <v>90</v>
      </c>
      <c r="W29100">
        <v>91</v>
      </c>
      <c r="X29100">
        <v>92</v>
      </c>
      <c r="Y29100">
        <v>94</v>
      </c>
      <c r="Z29100">
        <v>95</v>
      </c>
      <c r="AA29100">
        <v>96</v>
      </c>
      <c r="AB29100">
        <v>97</v>
      </c>
      <c r="AC29100">
        <v>98</v>
      </c>
      <c r="AD29100">
        <v>100</v>
      </c>
      <c r="AE29100">
        <v>100</v>
      </c>
      <c r="AF29100">
        <v>100</v>
      </c>
      <c r="AG29100">
        <v>100</v>
      </c>
      <c r="AH29100">
        <v>100</v>
      </c>
      <c r="AI29100">
        <v>100</v>
      </c>
      <c r="AJ29100">
        <v>100</v>
      </c>
      <c r="AK29100">
        <v>100</v>
      </c>
      <c r="AL29100">
        <v>99</v>
      </c>
      <c r="AM29100">
        <v>99</v>
      </c>
      <c r="AN29100">
        <v>99</v>
      </c>
      <c r="AO29100">
        <v>99</v>
      </c>
      <c r="AP29100">
        <v>99</v>
      </c>
      <c r="AQ29100">
        <v>99</v>
      </c>
    </row>
    <row r="29101" spans="1:43">
      <c r="A29101" t="s">
        <v>18013</v>
      </c>
      <c r="B29101" t="s">
        <v>18014</v>
      </c>
      <c r="C29101" t="s">
        <v>18015</v>
      </c>
      <c r="D29101" t="s">
        <v>18016</v>
      </c>
      <c r="E29101" t="s">
        <v>17915</v>
      </c>
      <c r="F29101" t="s">
        <v>17916</v>
      </c>
      <c r="G29101" t="s">
        <v>16559</v>
      </c>
      <c r="H29101" t="s">
        <v>16560</v>
      </c>
      <c r="I29101" s="2">
        <v>1</v>
      </c>
      <c r="J29101" s="2">
        <v>0</v>
      </c>
      <c r="K29101" s="2">
        <v>0</v>
      </c>
      <c r="L29101" t="s">
        <v>120</v>
      </c>
      <c r="M29101" t="s">
        <v>83</v>
      </c>
      <c r="N29101" t="s">
        <v>91</v>
      </c>
      <c r="O29101" t="s">
        <v>85</v>
      </c>
      <c r="P29101" t="s">
        <v>86</v>
      </c>
      <c r="Q29101">
        <v>82</v>
      </c>
      <c r="R29101">
        <v>83</v>
      </c>
      <c r="S29101">
        <v>84</v>
      </c>
      <c r="T29101">
        <v>85</v>
      </c>
      <c r="U29101">
        <v>86</v>
      </c>
      <c r="V29101">
        <v>87</v>
      </c>
      <c r="W29101">
        <v>88</v>
      </c>
      <c r="X29101">
        <v>89</v>
      </c>
      <c r="Y29101">
        <v>90</v>
      </c>
      <c r="Z29101">
        <v>91</v>
      </c>
      <c r="AA29101">
        <v>91</v>
      </c>
      <c r="AB29101">
        <v>92</v>
      </c>
      <c r="AC29101">
        <v>93</v>
      </c>
      <c r="AD29101">
        <v>94</v>
      </c>
      <c r="AE29101">
        <v>95</v>
      </c>
      <c r="AF29101">
        <v>96</v>
      </c>
      <c r="AG29101">
        <v>96</v>
      </c>
      <c r="AH29101">
        <v>97</v>
      </c>
      <c r="AI29101">
        <v>98</v>
      </c>
      <c r="AJ29101">
        <v>99</v>
      </c>
      <c r="AK29101">
        <v>99</v>
      </c>
      <c r="AL29101">
        <v>100</v>
      </c>
      <c r="AM29101">
        <v>100</v>
      </c>
      <c r="AN29101">
        <v>99</v>
      </c>
      <c r="AO29101">
        <v>99</v>
      </c>
      <c r="AP29101">
        <v>99</v>
      </c>
      <c r="AQ29101">
        <v>99</v>
      </c>
    </row>
    <row r="29102" spans="1:43">
      <c r="A29102" t="s">
        <v>18017</v>
      </c>
      <c r="B29102" t="s">
        <v>18018</v>
      </c>
      <c r="C29102" t="s">
        <v>18015</v>
      </c>
      <c r="D29102" t="s">
        <v>18016</v>
      </c>
      <c r="E29102" t="s">
        <v>17915</v>
      </c>
      <c r="F29102" t="s">
        <v>17916</v>
      </c>
      <c r="G29102" t="s">
        <v>16559</v>
      </c>
      <c r="H29102" t="s">
        <v>16560</v>
      </c>
      <c r="I29102" s="2">
        <v>1</v>
      </c>
      <c r="J29102" s="2">
        <v>0</v>
      </c>
      <c r="K29102" s="2">
        <v>0</v>
      </c>
      <c r="L29102" t="s">
        <v>120</v>
      </c>
      <c r="M29102" t="s">
        <v>83</v>
      </c>
      <c r="N29102" t="s">
        <v>84</v>
      </c>
      <c r="O29102" t="s">
        <v>85</v>
      </c>
      <c r="P29102" t="s">
        <v>86</v>
      </c>
      <c r="Q29102">
        <v>13</v>
      </c>
      <c r="R29102">
        <v>13</v>
      </c>
      <c r="S29102">
        <v>13</v>
      </c>
      <c r="T29102">
        <v>13</v>
      </c>
      <c r="U29102">
        <v>14</v>
      </c>
      <c r="V29102">
        <v>14</v>
      </c>
      <c r="W29102">
        <v>14</v>
      </c>
      <c r="X29102">
        <v>14</v>
      </c>
      <c r="Y29102">
        <v>14</v>
      </c>
      <c r="Z29102">
        <v>14</v>
      </c>
      <c r="AA29102">
        <v>14</v>
      </c>
      <c r="AB29102">
        <v>15</v>
      </c>
      <c r="AC29102">
        <v>15</v>
      </c>
      <c r="AD29102">
        <v>15</v>
      </c>
      <c r="AE29102">
        <v>15</v>
      </c>
      <c r="AF29102">
        <v>15</v>
      </c>
      <c r="AG29102">
        <v>15</v>
      </c>
      <c r="AH29102">
        <v>15</v>
      </c>
      <c r="AI29102">
        <v>15</v>
      </c>
      <c r="AJ29102">
        <v>16</v>
      </c>
      <c r="AK29102">
        <v>16</v>
      </c>
      <c r="AL29102">
        <v>16</v>
      </c>
      <c r="AM29102">
        <v>16</v>
      </c>
      <c r="AN29102">
        <v>16</v>
      </c>
      <c r="AO29102">
        <v>16</v>
      </c>
      <c r="AP29102">
        <v>16</v>
      </c>
      <c r="AQ29102">
        <v>16</v>
      </c>
    </row>
    <row r="29103" spans="1:43">
      <c r="A29103" t="s">
        <v>18017</v>
      </c>
      <c r="B29103" t="s">
        <v>18018</v>
      </c>
      <c r="C29103" t="s">
        <v>18015</v>
      </c>
      <c r="D29103" t="s">
        <v>18016</v>
      </c>
      <c r="E29103" t="s">
        <v>17915</v>
      </c>
      <c r="F29103" t="s">
        <v>17916</v>
      </c>
      <c r="G29103" t="s">
        <v>16559</v>
      </c>
      <c r="H29103" t="s">
        <v>16560</v>
      </c>
      <c r="I29103" s="2">
        <v>1</v>
      </c>
      <c r="J29103" s="2">
        <v>0</v>
      </c>
      <c r="K29103" s="2">
        <v>0</v>
      </c>
      <c r="L29103" t="s">
        <v>120</v>
      </c>
      <c r="M29103" t="s">
        <v>87</v>
      </c>
      <c r="N29103" t="s">
        <v>88</v>
      </c>
      <c r="O29103" t="s">
        <v>85</v>
      </c>
      <c r="P29103" t="s">
        <v>86</v>
      </c>
      <c r="Q29103">
        <v>13</v>
      </c>
      <c r="R29103">
        <v>13</v>
      </c>
      <c r="S29103">
        <v>13</v>
      </c>
      <c r="T29103">
        <v>13</v>
      </c>
      <c r="U29103">
        <v>13</v>
      </c>
      <c r="V29103">
        <v>13</v>
      </c>
      <c r="W29103">
        <v>13</v>
      </c>
      <c r="X29103">
        <v>13</v>
      </c>
      <c r="Y29103">
        <v>13</v>
      </c>
      <c r="Z29103">
        <v>13</v>
      </c>
      <c r="AA29103">
        <v>13</v>
      </c>
      <c r="AB29103">
        <v>13</v>
      </c>
      <c r="AC29103">
        <v>13</v>
      </c>
      <c r="AD29103">
        <v>13</v>
      </c>
      <c r="AE29103">
        <v>13</v>
      </c>
      <c r="AF29103">
        <v>13</v>
      </c>
      <c r="AG29103">
        <v>13</v>
      </c>
      <c r="AH29103">
        <v>13</v>
      </c>
      <c r="AI29103">
        <v>13</v>
      </c>
      <c r="AJ29103">
        <v>13</v>
      </c>
      <c r="AK29103">
        <v>13</v>
      </c>
      <c r="AL29103">
        <v>14</v>
      </c>
      <c r="AM29103">
        <v>14</v>
      </c>
      <c r="AN29103">
        <v>14</v>
      </c>
      <c r="AO29103">
        <v>14</v>
      </c>
      <c r="AP29103">
        <v>14</v>
      </c>
      <c r="AQ29103">
        <v>14</v>
      </c>
    </row>
    <row r="29104" spans="1:43">
      <c r="A29104" t="s">
        <v>18017</v>
      </c>
      <c r="B29104" t="s">
        <v>18018</v>
      </c>
      <c r="C29104" t="s">
        <v>18015</v>
      </c>
      <c r="D29104" t="s">
        <v>18016</v>
      </c>
      <c r="E29104" t="s">
        <v>17915</v>
      </c>
      <c r="F29104" t="s">
        <v>17916</v>
      </c>
      <c r="G29104" t="s">
        <v>16559</v>
      </c>
      <c r="H29104" t="s">
        <v>16560</v>
      </c>
      <c r="I29104" s="2">
        <v>1</v>
      </c>
      <c r="J29104" s="2">
        <v>0</v>
      </c>
      <c r="K29104" s="2">
        <v>0</v>
      </c>
      <c r="L29104" t="s">
        <v>120</v>
      </c>
      <c r="M29104" t="s">
        <v>89</v>
      </c>
      <c r="N29104" t="s">
        <v>90</v>
      </c>
      <c r="O29104" t="s">
        <v>85</v>
      </c>
      <c r="P29104" t="s">
        <v>86</v>
      </c>
      <c r="Q29104">
        <v>13</v>
      </c>
      <c r="R29104">
        <v>13</v>
      </c>
      <c r="S29104">
        <v>14</v>
      </c>
      <c r="T29104">
        <v>14</v>
      </c>
      <c r="U29104">
        <v>14</v>
      </c>
      <c r="V29104">
        <v>14</v>
      </c>
      <c r="W29104">
        <v>15</v>
      </c>
      <c r="X29104">
        <v>15</v>
      </c>
      <c r="Y29104">
        <v>15</v>
      </c>
      <c r="Z29104">
        <v>15</v>
      </c>
      <c r="AA29104">
        <v>15</v>
      </c>
      <c r="AB29104">
        <v>16</v>
      </c>
      <c r="AC29104">
        <v>16</v>
      </c>
      <c r="AD29104">
        <v>16</v>
      </c>
      <c r="AE29104">
        <v>16</v>
      </c>
      <c r="AF29104">
        <v>16</v>
      </c>
      <c r="AG29104">
        <v>16</v>
      </c>
      <c r="AH29104">
        <v>16</v>
      </c>
      <c r="AI29104">
        <v>16</v>
      </c>
      <c r="AJ29104">
        <v>16</v>
      </c>
      <c r="AK29104">
        <v>16</v>
      </c>
      <c r="AL29104">
        <v>16</v>
      </c>
      <c r="AM29104">
        <v>16</v>
      </c>
      <c r="AN29104">
        <v>16</v>
      </c>
      <c r="AO29104">
        <v>16</v>
      </c>
      <c r="AP29104">
        <v>16</v>
      </c>
      <c r="AQ29104">
        <v>16</v>
      </c>
    </row>
    <row r="29105" spans="1:43">
      <c r="A29105" t="s">
        <v>18017</v>
      </c>
      <c r="B29105" t="s">
        <v>18018</v>
      </c>
      <c r="C29105" t="s">
        <v>18015</v>
      </c>
      <c r="D29105" t="s">
        <v>18016</v>
      </c>
      <c r="E29105" t="s">
        <v>17915</v>
      </c>
      <c r="F29105" t="s">
        <v>17916</v>
      </c>
      <c r="G29105" t="s">
        <v>16559</v>
      </c>
      <c r="H29105" t="s">
        <v>16560</v>
      </c>
      <c r="I29105" s="2">
        <v>1</v>
      </c>
      <c r="J29105" s="2">
        <v>0</v>
      </c>
      <c r="K29105" s="2">
        <v>0</v>
      </c>
      <c r="L29105" t="s">
        <v>120</v>
      </c>
      <c r="M29105" t="s">
        <v>83</v>
      </c>
      <c r="N29105" t="s">
        <v>91</v>
      </c>
      <c r="O29105" t="s">
        <v>85</v>
      </c>
      <c r="P29105" t="s">
        <v>86</v>
      </c>
      <c r="Q29105">
        <v>13</v>
      </c>
      <c r="R29105">
        <v>13</v>
      </c>
      <c r="S29105">
        <v>13</v>
      </c>
      <c r="T29105">
        <v>13</v>
      </c>
      <c r="U29105">
        <v>14</v>
      </c>
      <c r="V29105">
        <v>14</v>
      </c>
      <c r="W29105">
        <v>14</v>
      </c>
      <c r="X29105">
        <v>14</v>
      </c>
      <c r="Y29105">
        <v>14</v>
      </c>
      <c r="Z29105">
        <v>14</v>
      </c>
      <c r="AA29105">
        <v>14</v>
      </c>
      <c r="AB29105">
        <v>15</v>
      </c>
      <c r="AC29105">
        <v>15</v>
      </c>
      <c r="AD29105">
        <v>15</v>
      </c>
      <c r="AE29105">
        <v>15</v>
      </c>
      <c r="AF29105">
        <v>15</v>
      </c>
      <c r="AG29105">
        <v>15</v>
      </c>
      <c r="AH29105">
        <v>15</v>
      </c>
      <c r="AI29105">
        <v>15</v>
      </c>
      <c r="AJ29105">
        <v>16</v>
      </c>
      <c r="AK29105">
        <v>16</v>
      </c>
      <c r="AL29105">
        <v>16</v>
      </c>
      <c r="AM29105">
        <v>16</v>
      </c>
      <c r="AN29105">
        <v>16</v>
      </c>
      <c r="AO29105">
        <v>16</v>
      </c>
      <c r="AP29105">
        <v>16</v>
      </c>
      <c r="AQ29105">
        <v>16</v>
      </c>
    </row>
    <row r="29106" spans="1:43">
      <c r="A29106" t="s">
        <v>18019</v>
      </c>
      <c r="B29106" t="s">
        <v>18020</v>
      </c>
      <c r="C29106" t="s">
        <v>18015</v>
      </c>
      <c r="D29106" t="s">
        <v>18016</v>
      </c>
      <c r="E29106" t="s">
        <v>17915</v>
      </c>
      <c r="F29106" t="s">
        <v>17916</v>
      </c>
      <c r="G29106" t="s">
        <v>16559</v>
      </c>
      <c r="H29106" t="s">
        <v>16560</v>
      </c>
      <c r="I29106" s="2">
        <v>1</v>
      </c>
      <c r="J29106" s="2">
        <v>0</v>
      </c>
      <c r="K29106" s="2">
        <v>0</v>
      </c>
      <c r="L29106" t="s">
        <v>120</v>
      </c>
      <c r="M29106" t="s">
        <v>83</v>
      </c>
      <c r="N29106" t="s">
        <v>84</v>
      </c>
      <c r="O29106" t="s">
        <v>85</v>
      </c>
      <c r="P29106" t="s">
        <v>86</v>
      </c>
      <c r="Q29106">
        <v>16</v>
      </c>
      <c r="R29106">
        <v>17</v>
      </c>
      <c r="S29106">
        <v>17</v>
      </c>
      <c r="T29106">
        <v>17</v>
      </c>
      <c r="U29106">
        <v>17</v>
      </c>
      <c r="V29106">
        <v>17</v>
      </c>
      <c r="W29106">
        <v>18</v>
      </c>
      <c r="X29106">
        <v>18</v>
      </c>
      <c r="Y29106">
        <v>18</v>
      </c>
      <c r="Z29106">
        <v>18</v>
      </c>
      <c r="AA29106">
        <v>18</v>
      </c>
      <c r="AB29106">
        <v>19</v>
      </c>
      <c r="AC29106">
        <v>19</v>
      </c>
      <c r="AD29106">
        <v>19</v>
      </c>
      <c r="AE29106">
        <v>19</v>
      </c>
      <c r="AF29106">
        <v>19</v>
      </c>
      <c r="AG29106">
        <v>19</v>
      </c>
      <c r="AH29106">
        <v>20</v>
      </c>
      <c r="AI29106">
        <v>20</v>
      </c>
      <c r="AJ29106">
        <v>20</v>
      </c>
      <c r="AK29106">
        <v>20</v>
      </c>
      <c r="AL29106">
        <v>20</v>
      </c>
      <c r="AM29106">
        <v>20</v>
      </c>
      <c r="AN29106">
        <v>20</v>
      </c>
      <c r="AO29106">
        <v>20</v>
      </c>
      <c r="AP29106">
        <v>20</v>
      </c>
      <c r="AQ29106">
        <v>20</v>
      </c>
    </row>
    <row r="29107" spans="1:43">
      <c r="A29107" t="s">
        <v>18019</v>
      </c>
      <c r="B29107" t="s">
        <v>18020</v>
      </c>
      <c r="C29107" t="s">
        <v>18015</v>
      </c>
      <c r="D29107" t="s">
        <v>18016</v>
      </c>
      <c r="E29107" t="s">
        <v>17915</v>
      </c>
      <c r="F29107" t="s">
        <v>17916</v>
      </c>
      <c r="G29107" t="s">
        <v>16559</v>
      </c>
      <c r="H29107" t="s">
        <v>16560</v>
      </c>
      <c r="I29107" s="2">
        <v>1</v>
      </c>
      <c r="J29107" s="2">
        <v>0</v>
      </c>
      <c r="K29107" s="2">
        <v>0</v>
      </c>
      <c r="L29107" t="s">
        <v>120</v>
      </c>
      <c r="M29107" t="s">
        <v>87</v>
      </c>
      <c r="N29107" t="s">
        <v>88</v>
      </c>
      <c r="O29107" t="s">
        <v>85</v>
      </c>
      <c r="P29107" t="s">
        <v>86</v>
      </c>
      <c r="Q29107">
        <v>16</v>
      </c>
      <c r="R29107">
        <v>16</v>
      </c>
      <c r="S29107">
        <v>16</v>
      </c>
      <c r="T29107">
        <v>16</v>
      </c>
      <c r="U29107">
        <v>16</v>
      </c>
      <c r="V29107">
        <v>17</v>
      </c>
      <c r="W29107">
        <v>17</v>
      </c>
      <c r="X29107">
        <v>17</v>
      </c>
      <c r="Y29107">
        <v>17</v>
      </c>
      <c r="Z29107">
        <v>17</v>
      </c>
      <c r="AA29107">
        <v>17</v>
      </c>
      <c r="AB29107">
        <v>17</v>
      </c>
      <c r="AC29107">
        <v>17</v>
      </c>
      <c r="AD29107">
        <v>17</v>
      </c>
      <c r="AE29107">
        <v>17</v>
      </c>
      <c r="AF29107">
        <v>17</v>
      </c>
      <c r="AG29107">
        <v>17</v>
      </c>
      <c r="AH29107">
        <v>17</v>
      </c>
      <c r="AI29107">
        <v>17</v>
      </c>
      <c r="AJ29107">
        <v>17</v>
      </c>
      <c r="AK29107">
        <v>17</v>
      </c>
      <c r="AL29107">
        <v>17</v>
      </c>
      <c r="AM29107">
        <v>17</v>
      </c>
      <c r="AN29107">
        <v>17</v>
      </c>
      <c r="AO29107">
        <v>17</v>
      </c>
      <c r="AP29107">
        <v>17</v>
      </c>
      <c r="AQ29107">
        <v>18</v>
      </c>
    </row>
    <row r="29108" spans="1:43">
      <c r="A29108" t="s">
        <v>18019</v>
      </c>
      <c r="B29108" t="s">
        <v>18020</v>
      </c>
      <c r="C29108" t="s">
        <v>18015</v>
      </c>
      <c r="D29108" t="s">
        <v>18016</v>
      </c>
      <c r="E29108" t="s">
        <v>17915</v>
      </c>
      <c r="F29108" t="s">
        <v>17916</v>
      </c>
      <c r="G29108" t="s">
        <v>16559</v>
      </c>
      <c r="H29108" t="s">
        <v>16560</v>
      </c>
      <c r="I29108" s="2">
        <v>1</v>
      </c>
      <c r="J29108" s="2">
        <v>0</v>
      </c>
      <c r="K29108" s="2">
        <v>0</v>
      </c>
      <c r="L29108" t="s">
        <v>120</v>
      </c>
      <c r="M29108" t="s">
        <v>89</v>
      </c>
      <c r="N29108" t="s">
        <v>90</v>
      </c>
      <c r="O29108" t="s">
        <v>85</v>
      </c>
      <c r="P29108" t="s">
        <v>86</v>
      </c>
      <c r="Q29108">
        <v>16</v>
      </c>
      <c r="R29108">
        <v>16</v>
      </c>
      <c r="S29108">
        <v>16</v>
      </c>
      <c r="T29108">
        <v>17</v>
      </c>
      <c r="U29108">
        <v>17</v>
      </c>
      <c r="V29108">
        <v>17</v>
      </c>
      <c r="W29108">
        <v>17</v>
      </c>
      <c r="X29108">
        <v>18</v>
      </c>
      <c r="Y29108">
        <v>18</v>
      </c>
      <c r="Z29108">
        <v>18</v>
      </c>
      <c r="AA29108">
        <v>18</v>
      </c>
      <c r="AB29108">
        <v>19</v>
      </c>
      <c r="AC29108">
        <v>19</v>
      </c>
      <c r="AD29108">
        <v>19</v>
      </c>
      <c r="AE29108">
        <v>19</v>
      </c>
      <c r="AF29108">
        <v>19</v>
      </c>
      <c r="AG29108">
        <v>19</v>
      </c>
      <c r="AH29108">
        <v>19</v>
      </c>
      <c r="AI29108">
        <v>19</v>
      </c>
      <c r="AJ29108">
        <v>19</v>
      </c>
      <c r="AK29108">
        <v>19</v>
      </c>
      <c r="AL29108">
        <v>19</v>
      </c>
      <c r="AM29108">
        <v>19</v>
      </c>
      <c r="AN29108">
        <v>19</v>
      </c>
      <c r="AO29108">
        <v>19</v>
      </c>
      <c r="AP29108">
        <v>19</v>
      </c>
      <c r="AQ29108">
        <v>19</v>
      </c>
    </row>
    <row r="29109" spans="1:43">
      <c r="A29109" t="s">
        <v>18019</v>
      </c>
      <c r="B29109" t="s">
        <v>18020</v>
      </c>
      <c r="C29109" t="s">
        <v>18015</v>
      </c>
      <c r="D29109" t="s">
        <v>18016</v>
      </c>
      <c r="E29109" t="s">
        <v>17915</v>
      </c>
      <c r="F29109" t="s">
        <v>17916</v>
      </c>
      <c r="G29109" t="s">
        <v>16559</v>
      </c>
      <c r="H29109" t="s">
        <v>16560</v>
      </c>
      <c r="I29109" s="2">
        <v>1</v>
      </c>
      <c r="J29109" s="2">
        <v>0</v>
      </c>
      <c r="K29109" s="2">
        <v>0</v>
      </c>
      <c r="L29109" t="s">
        <v>120</v>
      </c>
      <c r="M29109" t="s">
        <v>83</v>
      </c>
      <c r="N29109" t="s">
        <v>91</v>
      </c>
      <c r="O29109" t="s">
        <v>85</v>
      </c>
      <c r="P29109" t="s">
        <v>86</v>
      </c>
      <c r="Q29109">
        <v>16</v>
      </c>
      <c r="R29109">
        <v>17</v>
      </c>
      <c r="S29109">
        <v>17</v>
      </c>
      <c r="T29109">
        <v>17</v>
      </c>
      <c r="U29109">
        <v>17</v>
      </c>
      <c r="V29109">
        <v>17</v>
      </c>
      <c r="W29109">
        <v>18</v>
      </c>
      <c r="X29109">
        <v>18</v>
      </c>
      <c r="Y29109">
        <v>18</v>
      </c>
      <c r="Z29109">
        <v>18</v>
      </c>
      <c r="AA29109">
        <v>18</v>
      </c>
      <c r="AB29109">
        <v>19</v>
      </c>
      <c r="AC29109">
        <v>19</v>
      </c>
      <c r="AD29109">
        <v>19</v>
      </c>
      <c r="AE29109">
        <v>19</v>
      </c>
      <c r="AF29109">
        <v>19</v>
      </c>
      <c r="AG29109">
        <v>19</v>
      </c>
      <c r="AH29109">
        <v>20</v>
      </c>
      <c r="AI29109">
        <v>20</v>
      </c>
      <c r="AJ29109">
        <v>20</v>
      </c>
      <c r="AK29109">
        <v>20</v>
      </c>
      <c r="AL29109">
        <v>20</v>
      </c>
      <c r="AM29109">
        <v>20</v>
      </c>
      <c r="AN29109">
        <v>20</v>
      </c>
      <c r="AO29109">
        <v>20</v>
      </c>
      <c r="AP29109">
        <v>20</v>
      </c>
      <c r="AQ29109">
        <v>20</v>
      </c>
    </row>
    <row r="29110" spans="1:43">
      <c r="A29110" t="s">
        <v>18021</v>
      </c>
      <c r="B29110" t="s">
        <v>18022</v>
      </c>
      <c r="C29110" t="s">
        <v>18015</v>
      </c>
      <c r="D29110" t="s">
        <v>18016</v>
      </c>
      <c r="E29110" t="s">
        <v>17915</v>
      </c>
      <c r="F29110" t="s">
        <v>17916</v>
      </c>
      <c r="G29110" t="s">
        <v>16559</v>
      </c>
      <c r="H29110" t="s">
        <v>16560</v>
      </c>
      <c r="I29110" s="2">
        <v>1</v>
      </c>
      <c r="J29110" s="2">
        <v>0</v>
      </c>
      <c r="K29110" s="2">
        <v>0</v>
      </c>
      <c r="L29110" t="s">
        <v>120</v>
      </c>
      <c r="M29110" t="s">
        <v>83</v>
      </c>
      <c r="N29110" t="s">
        <v>84</v>
      </c>
      <c r="O29110" t="s">
        <v>85</v>
      </c>
      <c r="P29110" t="s">
        <v>86</v>
      </c>
      <c r="Q29110">
        <v>24</v>
      </c>
      <c r="R29110">
        <v>25</v>
      </c>
      <c r="S29110">
        <v>25</v>
      </c>
      <c r="T29110">
        <v>25</v>
      </c>
      <c r="U29110">
        <v>26</v>
      </c>
      <c r="V29110">
        <v>26</v>
      </c>
      <c r="W29110">
        <v>26</v>
      </c>
      <c r="X29110">
        <v>26</v>
      </c>
      <c r="Y29110">
        <v>27</v>
      </c>
      <c r="Z29110">
        <v>27</v>
      </c>
      <c r="AA29110">
        <v>27</v>
      </c>
      <c r="AB29110">
        <v>28</v>
      </c>
      <c r="AC29110">
        <v>28</v>
      </c>
      <c r="AD29110">
        <v>28</v>
      </c>
      <c r="AE29110">
        <v>28</v>
      </c>
      <c r="AF29110">
        <v>29</v>
      </c>
      <c r="AG29110">
        <v>29</v>
      </c>
      <c r="AH29110">
        <v>29</v>
      </c>
      <c r="AI29110">
        <v>29</v>
      </c>
      <c r="AJ29110">
        <v>29</v>
      </c>
      <c r="AK29110">
        <v>30</v>
      </c>
      <c r="AL29110">
        <v>30</v>
      </c>
      <c r="AM29110">
        <v>30</v>
      </c>
      <c r="AN29110">
        <v>30</v>
      </c>
      <c r="AO29110">
        <v>30</v>
      </c>
      <c r="AP29110">
        <v>30</v>
      </c>
      <c r="AQ29110">
        <v>30</v>
      </c>
    </row>
    <row r="29111" spans="1:43">
      <c r="A29111" t="s">
        <v>18021</v>
      </c>
      <c r="B29111" t="s">
        <v>18022</v>
      </c>
      <c r="C29111" t="s">
        <v>18015</v>
      </c>
      <c r="D29111" t="s">
        <v>18016</v>
      </c>
      <c r="E29111" t="s">
        <v>17915</v>
      </c>
      <c r="F29111" t="s">
        <v>17916</v>
      </c>
      <c r="G29111" t="s">
        <v>16559</v>
      </c>
      <c r="H29111" t="s">
        <v>16560</v>
      </c>
      <c r="I29111" s="2">
        <v>1</v>
      </c>
      <c r="J29111" s="2">
        <v>0</v>
      </c>
      <c r="K29111" s="2">
        <v>0</v>
      </c>
      <c r="L29111" t="s">
        <v>120</v>
      </c>
      <c r="M29111" t="s">
        <v>87</v>
      </c>
      <c r="N29111" t="s">
        <v>88</v>
      </c>
      <c r="O29111" t="s">
        <v>85</v>
      </c>
      <c r="P29111" t="s">
        <v>86</v>
      </c>
      <c r="Q29111">
        <v>24</v>
      </c>
      <c r="R29111">
        <v>24</v>
      </c>
      <c r="S29111">
        <v>24</v>
      </c>
      <c r="T29111">
        <v>24</v>
      </c>
      <c r="U29111">
        <v>24</v>
      </c>
      <c r="V29111">
        <v>25</v>
      </c>
      <c r="W29111">
        <v>25</v>
      </c>
      <c r="X29111">
        <v>25</v>
      </c>
      <c r="Y29111">
        <v>25</v>
      </c>
      <c r="Z29111">
        <v>25</v>
      </c>
      <c r="AA29111">
        <v>25</v>
      </c>
      <c r="AB29111">
        <v>25</v>
      </c>
      <c r="AC29111">
        <v>25</v>
      </c>
      <c r="AD29111">
        <v>25</v>
      </c>
      <c r="AE29111">
        <v>25</v>
      </c>
      <c r="AF29111">
        <v>25</v>
      </c>
      <c r="AG29111">
        <v>25</v>
      </c>
      <c r="AH29111">
        <v>25</v>
      </c>
      <c r="AI29111">
        <v>25</v>
      </c>
      <c r="AJ29111">
        <v>26</v>
      </c>
      <c r="AK29111">
        <v>26</v>
      </c>
      <c r="AL29111">
        <v>26</v>
      </c>
      <c r="AM29111">
        <v>26</v>
      </c>
      <c r="AN29111">
        <v>26</v>
      </c>
      <c r="AO29111">
        <v>26</v>
      </c>
      <c r="AP29111">
        <v>26</v>
      </c>
      <c r="AQ29111">
        <v>26</v>
      </c>
    </row>
    <row r="29112" spans="1:43">
      <c r="A29112" t="s">
        <v>18021</v>
      </c>
      <c r="B29112" t="s">
        <v>18022</v>
      </c>
      <c r="C29112" t="s">
        <v>18015</v>
      </c>
      <c r="D29112" t="s">
        <v>18016</v>
      </c>
      <c r="E29112" t="s">
        <v>17915</v>
      </c>
      <c r="F29112" t="s">
        <v>17916</v>
      </c>
      <c r="G29112" t="s">
        <v>16559</v>
      </c>
      <c r="H29112" t="s">
        <v>16560</v>
      </c>
      <c r="I29112" s="2">
        <v>1</v>
      </c>
      <c r="J29112" s="2">
        <v>0</v>
      </c>
      <c r="K29112" s="2">
        <v>0</v>
      </c>
      <c r="L29112" t="s">
        <v>120</v>
      </c>
      <c r="M29112" t="s">
        <v>89</v>
      </c>
      <c r="N29112" t="s">
        <v>90</v>
      </c>
      <c r="O29112" t="s">
        <v>85</v>
      </c>
      <c r="P29112" t="s">
        <v>86</v>
      </c>
      <c r="Q29112">
        <v>24</v>
      </c>
      <c r="R29112">
        <v>24</v>
      </c>
      <c r="S29112">
        <v>25</v>
      </c>
      <c r="T29112">
        <v>25</v>
      </c>
      <c r="U29112">
        <v>26</v>
      </c>
      <c r="V29112">
        <v>26</v>
      </c>
      <c r="W29112">
        <v>26</v>
      </c>
      <c r="X29112">
        <v>27</v>
      </c>
      <c r="Y29112">
        <v>27</v>
      </c>
      <c r="Z29112">
        <v>28</v>
      </c>
      <c r="AA29112">
        <v>28</v>
      </c>
      <c r="AB29112">
        <v>28</v>
      </c>
      <c r="AC29112">
        <v>29</v>
      </c>
      <c r="AD29112">
        <v>29</v>
      </c>
      <c r="AE29112">
        <v>29</v>
      </c>
      <c r="AF29112">
        <v>29</v>
      </c>
      <c r="AG29112">
        <v>29</v>
      </c>
      <c r="AH29112">
        <v>29</v>
      </c>
      <c r="AI29112">
        <v>29</v>
      </c>
      <c r="AJ29112">
        <v>29</v>
      </c>
      <c r="AK29112">
        <v>29</v>
      </c>
      <c r="AL29112">
        <v>29</v>
      </c>
      <c r="AM29112">
        <v>29</v>
      </c>
      <c r="AN29112">
        <v>29</v>
      </c>
      <c r="AO29112">
        <v>29</v>
      </c>
      <c r="AP29112">
        <v>29</v>
      </c>
      <c r="AQ29112">
        <v>29</v>
      </c>
    </row>
    <row r="29113" spans="1:43">
      <c r="A29113" t="s">
        <v>18021</v>
      </c>
      <c r="B29113" t="s">
        <v>18022</v>
      </c>
      <c r="C29113" t="s">
        <v>18015</v>
      </c>
      <c r="D29113" t="s">
        <v>18016</v>
      </c>
      <c r="E29113" t="s">
        <v>17915</v>
      </c>
      <c r="F29113" t="s">
        <v>17916</v>
      </c>
      <c r="G29113" t="s">
        <v>16559</v>
      </c>
      <c r="H29113" t="s">
        <v>16560</v>
      </c>
      <c r="I29113" s="2">
        <v>1</v>
      </c>
      <c r="J29113" s="2">
        <v>0</v>
      </c>
      <c r="K29113" s="2">
        <v>0</v>
      </c>
      <c r="L29113" t="s">
        <v>120</v>
      </c>
      <c r="M29113" t="s">
        <v>83</v>
      </c>
      <c r="N29113" t="s">
        <v>91</v>
      </c>
      <c r="O29113" t="s">
        <v>85</v>
      </c>
      <c r="P29113" t="s">
        <v>86</v>
      </c>
      <c r="Q29113">
        <v>24</v>
      </c>
      <c r="R29113">
        <v>25</v>
      </c>
      <c r="S29113">
        <v>25</v>
      </c>
      <c r="T29113">
        <v>25</v>
      </c>
      <c r="U29113">
        <v>26</v>
      </c>
      <c r="V29113">
        <v>26</v>
      </c>
      <c r="W29113">
        <v>26</v>
      </c>
      <c r="X29113">
        <v>26</v>
      </c>
      <c r="Y29113">
        <v>27</v>
      </c>
      <c r="Z29113">
        <v>27</v>
      </c>
      <c r="AA29113">
        <v>27</v>
      </c>
      <c r="AB29113">
        <v>28</v>
      </c>
      <c r="AC29113">
        <v>28</v>
      </c>
      <c r="AD29113">
        <v>28</v>
      </c>
      <c r="AE29113">
        <v>28</v>
      </c>
      <c r="AF29113">
        <v>29</v>
      </c>
      <c r="AG29113">
        <v>29</v>
      </c>
      <c r="AH29113">
        <v>29</v>
      </c>
      <c r="AI29113">
        <v>29</v>
      </c>
      <c r="AJ29113">
        <v>29</v>
      </c>
      <c r="AK29113">
        <v>30</v>
      </c>
      <c r="AL29113">
        <v>30</v>
      </c>
      <c r="AM29113">
        <v>30</v>
      </c>
      <c r="AN29113">
        <v>30</v>
      </c>
      <c r="AO29113">
        <v>30</v>
      </c>
      <c r="AP29113">
        <v>30</v>
      </c>
      <c r="AQ29113">
        <v>30</v>
      </c>
    </row>
    <row r="29114" spans="1:43">
      <c r="A29114" t="s">
        <v>18023</v>
      </c>
      <c r="B29114" t="s">
        <v>18024</v>
      </c>
      <c r="C29114" t="s">
        <v>18015</v>
      </c>
      <c r="D29114" t="s">
        <v>18016</v>
      </c>
      <c r="E29114" t="s">
        <v>17915</v>
      </c>
      <c r="F29114" t="s">
        <v>17916</v>
      </c>
      <c r="G29114" t="s">
        <v>16559</v>
      </c>
      <c r="H29114" t="s">
        <v>16560</v>
      </c>
      <c r="I29114" s="2">
        <v>1</v>
      </c>
      <c r="J29114" s="2">
        <v>0</v>
      </c>
      <c r="K29114" s="2">
        <v>0</v>
      </c>
      <c r="L29114" t="s">
        <v>120</v>
      </c>
      <c r="M29114" t="s">
        <v>83</v>
      </c>
      <c r="N29114" t="s">
        <v>84</v>
      </c>
      <c r="O29114" t="s">
        <v>85</v>
      </c>
      <c r="P29114" t="s">
        <v>86</v>
      </c>
      <c r="Q29114">
        <v>7</v>
      </c>
      <c r="R29114">
        <v>7</v>
      </c>
      <c r="S29114">
        <v>7</v>
      </c>
      <c r="T29114">
        <v>7</v>
      </c>
      <c r="U29114">
        <v>7</v>
      </c>
      <c r="V29114">
        <v>7</v>
      </c>
      <c r="W29114">
        <v>7</v>
      </c>
      <c r="X29114">
        <v>8</v>
      </c>
      <c r="Y29114">
        <v>8</v>
      </c>
      <c r="Z29114">
        <v>8</v>
      </c>
      <c r="AA29114">
        <v>8</v>
      </c>
      <c r="AB29114">
        <v>8</v>
      </c>
      <c r="AC29114">
        <v>8</v>
      </c>
      <c r="AD29114">
        <v>8</v>
      </c>
      <c r="AE29114">
        <v>8</v>
      </c>
      <c r="AF29114">
        <v>8</v>
      </c>
      <c r="AG29114">
        <v>8</v>
      </c>
      <c r="AH29114">
        <v>8</v>
      </c>
      <c r="AI29114">
        <v>8</v>
      </c>
      <c r="AJ29114">
        <v>8</v>
      </c>
      <c r="AK29114">
        <v>8</v>
      </c>
      <c r="AL29114">
        <v>8</v>
      </c>
      <c r="AM29114">
        <v>8</v>
      </c>
      <c r="AN29114">
        <v>8</v>
      </c>
      <c r="AO29114">
        <v>8</v>
      </c>
      <c r="AP29114">
        <v>8</v>
      </c>
      <c r="AQ29114">
        <v>8</v>
      </c>
    </row>
    <row r="29115" spans="1:43">
      <c r="A29115" t="s">
        <v>18023</v>
      </c>
      <c r="B29115" t="s">
        <v>18024</v>
      </c>
      <c r="C29115" t="s">
        <v>18015</v>
      </c>
      <c r="D29115" t="s">
        <v>18016</v>
      </c>
      <c r="E29115" t="s">
        <v>17915</v>
      </c>
      <c r="F29115" t="s">
        <v>17916</v>
      </c>
      <c r="G29115" t="s">
        <v>16559</v>
      </c>
      <c r="H29115" t="s">
        <v>16560</v>
      </c>
      <c r="I29115" s="2">
        <v>1</v>
      </c>
      <c r="J29115" s="2">
        <v>0</v>
      </c>
      <c r="K29115" s="2">
        <v>0</v>
      </c>
      <c r="L29115" t="s">
        <v>120</v>
      </c>
      <c r="M29115" t="s">
        <v>87</v>
      </c>
      <c r="N29115" t="s">
        <v>88</v>
      </c>
      <c r="O29115" t="s">
        <v>85</v>
      </c>
      <c r="P29115" t="s">
        <v>86</v>
      </c>
      <c r="Q29115">
        <v>7</v>
      </c>
      <c r="R29115">
        <v>7</v>
      </c>
      <c r="S29115">
        <v>7</v>
      </c>
      <c r="T29115">
        <v>7</v>
      </c>
      <c r="U29115">
        <v>7</v>
      </c>
      <c r="V29115">
        <v>7</v>
      </c>
      <c r="W29115">
        <v>7</v>
      </c>
      <c r="X29115">
        <v>7</v>
      </c>
      <c r="Y29115">
        <v>7</v>
      </c>
      <c r="Z29115">
        <v>7</v>
      </c>
      <c r="AA29115">
        <v>7</v>
      </c>
      <c r="AB29115">
        <v>7</v>
      </c>
      <c r="AC29115">
        <v>7</v>
      </c>
      <c r="AD29115">
        <v>7</v>
      </c>
      <c r="AE29115">
        <v>7</v>
      </c>
      <c r="AF29115">
        <v>7</v>
      </c>
      <c r="AG29115">
        <v>7</v>
      </c>
      <c r="AH29115">
        <v>7</v>
      </c>
      <c r="AI29115">
        <v>7</v>
      </c>
      <c r="AJ29115">
        <v>7</v>
      </c>
      <c r="AK29115">
        <v>7</v>
      </c>
      <c r="AL29115">
        <v>7</v>
      </c>
      <c r="AM29115">
        <v>7</v>
      </c>
      <c r="AN29115">
        <v>7</v>
      </c>
      <c r="AO29115">
        <v>7</v>
      </c>
      <c r="AP29115">
        <v>7</v>
      </c>
      <c r="AQ29115">
        <v>7</v>
      </c>
    </row>
    <row r="29116" spans="1:43">
      <c r="A29116" t="s">
        <v>18023</v>
      </c>
      <c r="B29116" t="s">
        <v>18024</v>
      </c>
      <c r="C29116" t="s">
        <v>18015</v>
      </c>
      <c r="D29116" t="s">
        <v>18016</v>
      </c>
      <c r="E29116" t="s">
        <v>17915</v>
      </c>
      <c r="F29116" t="s">
        <v>17916</v>
      </c>
      <c r="G29116" t="s">
        <v>16559</v>
      </c>
      <c r="H29116" t="s">
        <v>16560</v>
      </c>
      <c r="I29116" s="2">
        <v>1</v>
      </c>
      <c r="J29116" s="2">
        <v>0</v>
      </c>
      <c r="K29116" s="2">
        <v>0</v>
      </c>
      <c r="L29116" t="s">
        <v>120</v>
      </c>
      <c r="M29116" t="s">
        <v>89</v>
      </c>
      <c r="N29116" t="s">
        <v>90</v>
      </c>
      <c r="O29116" t="s">
        <v>85</v>
      </c>
      <c r="P29116" t="s">
        <v>86</v>
      </c>
      <c r="Q29116">
        <v>7</v>
      </c>
      <c r="R29116">
        <v>7</v>
      </c>
      <c r="S29116">
        <v>7</v>
      </c>
      <c r="T29116">
        <v>7</v>
      </c>
      <c r="U29116">
        <v>8</v>
      </c>
      <c r="V29116">
        <v>8</v>
      </c>
      <c r="W29116">
        <v>8</v>
      </c>
      <c r="X29116">
        <v>8</v>
      </c>
      <c r="Y29116">
        <v>8</v>
      </c>
      <c r="Z29116">
        <v>8</v>
      </c>
      <c r="AA29116">
        <v>8</v>
      </c>
      <c r="AB29116">
        <v>8</v>
      </c>
      <c r="AC29116">
        <v>8</v>
      </c>
      <c r="AD29116">
        <v>9</v>
      </c>
      <c r="AE29116">
        <v>9</v>
      </c>
      <c r="AF29116">
        <v>9</v>
      </c>
      <c r="AG29116">
        <v>9</v>
      </c>
      <c r="AH29116">
        <v>9</v>
      </c>
      <c r="AI29116">
        <v>9</v>
      </c>
      <c r="AJ29116">
        <v>9</v>
      </c>
      <c r="AK29116">
        <v>9</v>
      </c>
      <c r="AL29116">
        <v>9</v>
      </c>
      <c r="AM29116">
        <v>9</v>
      </c>
      <c r="AN29116">
        <v>9</v>
      </c>
      <c r="AO29116">
        <v>9</v>
      </c>
      <c r="AP29116">
        <v>9</v>
      </c>
      <c r="AQ29116">
        <v>8</v>
      </c>
    </row>
    <row r="29117" spans="1:43">
      <c r="A29117" t="s">
        <v>18023</v>
      </c>
      <c r="B29117" t="s">
        <v>18024</v>
      </c>
      <c r="C29117" t="s">
        <v>18015</v>
      </c>
      <c r="D29117" t="s">
        <v>18016</v>
      </c>
      <c r="E29117" t="s">
        <v>17915</v>
      </c>
      <c r="F29117" t="s">
        <v>17916</v>
      </c>
      <c r="G29117" t="s">
        <v>16559</v>
      </c>
      <c r="H29117" t="s">
        <v>16560</v>
      </c>
      <c r="I29117" s="2">
        <v>1</v>
      </c>
      <c r="J29117" s="2">
        <v>0</v>
      </c>
      <c r="K29117" s="2">
        <v>0</v>
      </c>
      <c r="L29117" t="s">
        <v>120</v>
      </c>
      <c r="M29117" t="s">
        <v>83</v>
      </c>
      <c r="N29117" t="s">
        <v>91</v>
      </c>
      <c r="O29117" t="s">
        <v>85</v>
      </c>
      <c r="P29117" t="s">
        <v>86</v>
      </c>
      <c r="Q29117">
        <v>7</v>
      </c>
      <c r="R29117">
        <v>7</v>
      </c>
      <c r="S29117">
        <v>7</v>
      </c>
      <c r="T29117">
        <v>7</v>
      </c>
      <c r="U29117">
        <v>7</v>
      </c>
      <c r="V29117">
        <v>7</v>
      </c>
      <c r="W29117">
        <v>7</v>
      </c>
      <c r="X29117">
        <v>8</v>
      </c>
      <c r="Y29117">
        <v>8</v>
      </c>
      <c r="Z29117">
        <v>8</v>
      </c>
      <c r="AA29117">
        <v>8</v>
      </c>
      <c r="AB29117">
        <v>8</v>
      </c>
      <c r="AC29117">
        <v>8</v>
      </c>
      <c r="AD29117">
        <v>8</v>
      </c>
      <c r="AE29117">
        <v>8</v>
      </c>
      <c r="AF29117">
        <v>8</v>
      </c>
      <c r="AG29117">
        <v>8</v>
      </c>
      <c r="AH29117">
        <v>8</v>
      </c>
      <c r="AI29117">
        <v>8</v>
      </c>
      <c r="AJ29117">
        <v>8</v>
      </c>
      <c r="AK29117">
        <v>8</v>
      </c>
      <c r="AL29117">
        <v>8</v>
      </c>
      <c r="AM29117">
        <v>8</v>
      </c>
      <c r="AN29117">
        <v>8</v>
      </c>
      <c r="AO29117">
        <v>8</v>
      </c>
      <c r="AP29117">
        <v>8</v>
      </c>
      <c r="AQ29117">
        <v>8</v>
      </c>
    </row>
    <row r="29118" spans="1:43">
      <c r="A29118" t="s">
        <v>18025</v>
      </c>
      <c r="B29118" t="s">
        <v>18026</v>
      </c>
      <c r="C29118" t="s">
        <v>18027</v>
      </c>
      <c r="D29118" t="s">
        <v>18028</v>
      </c>
      <c r="E29118" t="s">
        <v>17915</v>
      </c>
      <c r="F29118" t="s">
        <v>17916</v>
      </c>
      <c r="G29118" t="s">
        <v>16559</v>
      </c>
      <c r="H29118" t="s">
        <v>16560</v>
      </c>
      <c r="I29118" s="2">
        <v>1</v>
      </c>
      <c r="J29118" s="2">
        <v>0</v>
      </c>
      <c r="K29118" s="2">
        <v>0</v>
      </c>
      <c r="L29118" t="s">
        <v>120</v>
      </c>
      <c r="M29118" t="s">
        <v>83</v>
      </c>
      <c r="N29118" t="s">
        <v>84</v>
      </c>
      <c r="O29118" t="s">
        <v>85</v>
      </c>
      <c r="P29118" t="s">
        <v>86</v>
      </c>
      <c r="Q29118">
        <v>19</v>
      </c>
      <c r="R29118">
        <v>19</v>
      </c>
      <c r="S29118">
        <v>19</v>
      </c>
      <c r="T29118">
        <v>20</v>
      </c>
      <c r="U29118">
        <v>20</v>
      </c>
      <c r="V29118">
        <v>20</v>
      </c>
      <c r="W29118">
        <v>20</v>
      </c>
      <c r="X29118">
        <v>21</v>
      </c>
      <c r="Y29118">
        <v>21</v>
      </c>
      <c r="Z29118">
        <v>21</v>
      </c>
      <c r="AA29118">
        <v>21</v>
      </c>
      <c r="AB29118">
        <v>21</v>
      </c>
      <c r="AC29118">
        <v>22</v>
      </c>
      <c r="AD29118">
        <v>22</v>
      </c>
      <c r="AE29118">
        <v>22</v>
      </c>
      <c r="AF29118">
        <v>22</v>
      </c>
      <c r="AG29118">
        <v>22</v>
      </c>
      <c r="AH29118">
        <v>22</v>
      </c>
      <c r="AI29118">
        <v>23</v>
      </c>
      <c r="AJ29118">
        <v>23</v>
      </c>
      <c r="AK29118">
        <v>23</v>
      </c>
      <c r="AL29118">
        <v>23</v>
      </c>
      <c r="AM29118">
        <v>23</v>
      </c>
      <c r="AN29118">
        <v>23</v>
      </c>
      <c r="AO29118">
        <v>23</v>
      </c>
      <c r="AP29118">
        <v>23</v>
      </c>
      <c r="AQ29118">
        <v>23</v>
      </c>
    </row>
    <row r="29119" spans="1:43">
      <c r="A29119" t="s">
        <v>18025</v>
      </c>
      <c r="B29119" t="s">
        <v>18026</v>
      </c>
      <c r="C29119" t="s">
        <v>18027</v>
      </c>
      <c r="D29119" t="s">
        <v>18028</v>
      </c>
      <c r="E29119" t="s">
        <v>17915</v>
      </c>
      <c r="F29119" t="s">
        <v>17916</v>
      </c>
      <c r="G29119" t="s">
        <v>16559</v>
      </c>
      <c r="H29119" t="s">
        <v>16560</v>
      </c>
      <c r="I29119" s="2">
        <v>1</v>
      </c>
      <c r="J29119" s="2">
        <v>0</v>
      </c>
      <c r="K29119" s="2">
        <v>0</v>
      </c>
      <c r="L29119" t="s">
        <v>120</v>
      </c>
      <c r="M29119" t="s">
        <v>87</v>
      </c>
      <c r="N29119" t="s">
        <v>88</v>
      </c>
      <c r="O29119" t="s">
        <v>85</v>
      </c>
      <c r="P29119" t="s">
        <v>86</v>
      </c>
      <c r="Q29119">
        <v>19</v>
      </c>
      <c r="R29119">
        <v>19</v>
      </c>
      <c r="S29119">
        <v>19</v>
      </c>
      <c r="T29119">
        <v>19</v>
      </c>
      <c r="U29119">
        <v>19</v>
      </c>
      <c r="V29119">
        <v>19</v>
      </c>
      <c r="W29119">
        <v>19</v>
      </c>
      <c r="X29119">
        <v>19</v>
      </c>
      <c r="Y29119">
        <v>19</v>
      </c>
      <c r="Z29119">
        <v>19</v>
      </c>
      <c r="AA29119">
        <v>19</v>
      </c>
      <c r="AB29119">
        <v>19</v>
      </c>
      <c r="AC29119">
        <v>19</v>
      </c>
      <c r="AD29119">
        <v>19</v>
      </c>
      <c r="AE29119">
        <v>19</v>
      </c>
      <c r="AF29119">
        <v>20</v>
      </c>
      <c r="AG29119">
        <v>20</v>
      </c>
      <c r="AH29119">
        <v>20</v>
      </c>
      <c r="AI29119">
        <v>20</v>
      </c>
      <c r="AJ29119">
        <v>20</v>
      </c>
      <c r="AK29119">
        <v>20</v>
      </c>
      <c r="AL29119">
        <v>20</v>
      </c>
      <c r="AM29119">
        <v>20</v>
      </c>
      <c r="AN29119">
        <v>20</v>
      </c>
      <c r="AO29119">
        <v>20</v>
      </c>
      <c r="AP29119">
        <v>20</v>
      </c>
      <c r="AQ29119">
        <v>20</v>
      </c>
    </row>
    <row r="29120" spans="1:43">
      <c r="A29120" t="s">
        <v>18025</v>
      </c>
      <c r="B29120" t="s">
        <v>18026</v>
      </c>
      <c r="C29120" t="s">
        <v>18027</v>
      </c>
      <c r="D29120" t="s">
        <v>18028</v>
      </c>
      <c r="E29120" t="s">
        <v>17915</v>
      </c>
      <c r="F29120" t="s">
        <v>17916</v>
      </c>
      <c r="G29120" t="s">
        <v>16559</v>
      </c>
      <c r="H29120" t="s">
        <v>16560</v>
      </c>
      <c r="I29120" s="2">
        <v>1</v>
      </c>
      <c r="J29120" s="2">
        <v>0</v>
      </c>
      <c r="K29120" s="2">
        <v>0</v>
      </c>
      <c r="L29120" t="s">
        <v>120</v>
      </c>
      <c r="M29120" t="s">
        <v>89</v>
      </c>
      <c r="N29120" t="s">
        <v>90</v>
      </c>
      <c r="O29120" t="s">
        <v>85</v>
      </c>
      <c r="P29120" t="s">
        <v>86</v>
      </c>
      <c r="Q29120">
        <v>19</v>
      </c>
      <c r="R29120">
        <v>20</v>
      </c>
      <c r="S29120">
        <v>20</v>
      </c>
      <c r="T29120">
        <v>20</v>
      </c>
      <c r="U29120">
        <v>21</v>
      </c>
      <c r="V29120">
        <v>21</v>
      </c>
      <c r="W29120">
        <v>21</v>
      </c>
      <c r="X29120">
        <v>22</v>
      </c>
      <c r="Y29120">
        <v>22</v>
      </c>
      <c r="Z29120">
        <v>22</v>
      </c>
      <c r="AA29120">
        <v>22</v>
      </c>
      <c r="AB29120">
        <v>23</v>
      </c>
      <c r="AC29120">
        <v>23</v>
      </c>
      <c r="AD29120">
        <v>23</v>
      </c>
      <c r="AE29120">
        <v>23</v>
      </c>
      <c r="AF29120">
        <v>23</v>
      </c>
      <c r="AG29120">
        <v>23</v>
      </c>
      <c r="AH29120">
        <v>23</v>
      </c>
      <c r="AI29120">
        <v>23</v>
      </c>
      <c r="AJ29120">
        <v>23</v>
      </c>
      <c r="AK29120">
        <v>23</v>
      </c>
      <c r="AL29120">
        <v>23</v>
      </c>
      <c r="AM29120">
        <v>23</v>
      </c>
      <c r="AN29120">
        <v>23</v>
      </c>
      <c r="AO29120">
        <v>23</v>
      </c>
      <c r="AP29120">
        <v>23</v>
      </c>
      <c r="AQ29120">
        <v>23</v>
      </c>
    </row>
    <row r="29121" spans="1:43">
      <c r="A29121" t="s">
        <v>18025</v>
      </c>
      <c r="B29121" t="s">
        <v>18026</v>
      </c>
      <c r="C29121" t="s">
        <v>18027</v>
      </c>
      <c r="D29121" t="s">
        <v>18028</v>
      </c>
      <c r="E29121" t="s">
        <v>17915</v>
      </c>
      <c r="F29121" t="s">
        <v>17916</v>
      </c>
      <c r="G29121" t="s">
        <v>16559</v>
      </c>
      <c r="H29121" t="s">
        <v>16560</v>
      </c>
      <c r="I29121" s="2">
        <v>1</v>
      </c>
      <c r="J29121" s="2">
        <v>0</v>
      </c>
      <c r="K29121" s="2">
        <v>0</v>
      </c>
      <c r="L29121" t="s">
        <v>120</v>
      </c>
      <c r="M29121" t="s">
        <v>83</v>
      </c>
      <c r="N29121" t="s">
        <v>91</v>
      </c>
      <c r="O29121" t="s">
        <v>85</v>
      </c>
      <c r="P29121" t="s">
        <v>86</v>
      </c>
      <c r="Q29121">
        <v>19</v>
      </c>
      <c r="R29121">
        <v>19</v>
      </c>
      <c r="S29121">
        <v>19</v>
      </c>
      <c r="T29121">
        <v>20</v>
      </c>
      <c r="U29121">
        <v>20</v>
      </c>
      <c r="V29121">
        <v>20</v>
      </c>
      <c r="W29121">
        <v>20</v>
      </c>
      <c r="X29121">
        <v>21</v>
      </c>
      <c r="Y29121">
        <v>21</v>
      </c>
      <c r="Z29121">
        <v>21</v>
      </c>
      <c r="AA29121">
        <v>21</v>
      </c>
      <c r="AB29121">
        <v>21</v>
      </c>
      <c r="AC29121">
        <v>22</v>
      </c>
      <c r="AD29121">
        <v>22</v>
      </c>
      <c r="AE29121">
        <v>22</v>
      </c>
      <c r="AF29121">
        <v>22</v>
      </c>
      <c r="AG29121">
        <v>22</v>
      </c>
      <c r="AH29121">
        <v>22</v>
      </c>
      <c r="AI29121">
        <v>23</v>
      </c>
      <c r="AJ29121">
        <v>23</v>
      </c>
      <c r="AK29121">
        <v>23</v>
      </c>
      <c r="AL29121">
        <v>23</v>
      </c>
      <c r="AM29121">
        <v>23</v>
      </c>
      <c r="AN29121">
        <v>23</v>
      </c>
      <c r="AO29121">
        <v>23</v>
      </c>
      <c r="AP29121">
        <v>23</v>
      </c>
      <c r="AQ29121">
        <v>23</v>
      </c>
    </row>
    <row r="29122" spans="1:43">
      <c r="A29122" t="s">
        <v>18029</v>
      </c>
      <c r="B29122" t="s">
        <v>18030</v>
      </c>
      <c r="C29122" t="s">
        <v>18027</v>
      </c>
      <c r="D29122" t="s">
        <v>18028</v>
      </c>
      <c r="E29122" t="s">
        <v>17915</v>
      </c>
      <c r="F29122" t="s">
        <v>17916</v>
      </c>
      <c r="G29122" t="s">
        <v>16559</v>
      </c>
      <c r="H29122" t="s">
        <v>16560</v>
      </c>
      <c r="I29122" s="2">
        <v>1</v>
      </c>
      <c r="J29122" s="2">
        <v>0</v>
      </c>
      <c r="K29122" s="2">
        <v>0</v>
      </c>
      <c r="L29122" t="s">
        <v>120</v>
      </c>
      <c r="M29122" t="s">
        <v>83</v>
      </c>
      <c r="N29122" t="s">
        <v>84</v>
      </c>
      <c r="O29122" t="s">
        <v>85</v>
      </c>
      <c r="P29122" t="s">
        <v>86</v>
      </c>
      <c r="Q29122">
        <v>24</v>
      </c>
      <c r="R29122">
        <v>24</v>
      </c>
      <c r="S29122">
        <v>24</v>
      </c>
      <c r="T29122">
        <v>25</v>
      </c>
      <c r="U29122">
        <v>25</v>
      </c>
      <c r="V29122">
        <v>25</v>
      </c>
      <c r="W29122">
        <v>25</v>
      </c>
      <c r="X29122">
        <v>26</v>
      </c>
      <c r="Y29122">
        <v>26</v>
      </c>
      <c r="Z29122">
        <v>26</v>
      </c>
      <c r="AA29122">
        <v>26</v>
      </c>
      <c r="AB29122">
        <v>27</v>
      </c>
      <c r="AC29122">
        <v>27</v>
      </c>
      <c r="AD29122">
        <v>27</v>
      </c>
      <c r="AE29122">
        <v>27</v>
      </c>
      <c r="AF29122">
        <v>28</v>
      </c>
      <c r="AG29122">
        <v>28</v>
      </c>
      <c r="AH29122">
        <v>28</v>
      </c>
      <c r="AI29122">
        <v>28</v>
      </c>
      <c r="AJ29122">
        <v>29</v>
      </c>
      <c r="AK29122">
        <v>29</v>
      </c>
      <c r="AL29122">
        <v>29</v>
      </c>
      <c r="AM29122">
        <v>29</v>
      </c>
      <c r="AN29122">
        <v>29</v>
      </c>
      <c r="AO29122">
        <v>29</v>
      </c>
      <c r="AP29122">
        <v>29</v>
      </c>
      <c r="AQ29122">
        <v>28</v>
      </c>
    </row>
    <row r="29123" spans="1:43">
      <c r="A29123" t="s">
        <v>18029</v>
      </c>
      <c r="B29123" t="s">
        <v>18030</v>
      </c>
      <c r="C29123" t="s">
        <v>18027</v>
      </c>
      <c r="D29123" t="s">
        <v>18028</v>
      </c>
      <c r="E29123" t="s">
        <v>17915</v>
      </c>
      <c r="F29123" t="s">
        <v>17916</v>
      </c>
      <c r="G29123" t="s">
        <v>16559</v>
      </c>
      <c r="H29123" t="s">
        <v>16560</v>
      </c>
      <c r="I29123" s="2">
        <v>1</v>
      </c>
      <c r="J29123" s="2">
        <v>0</v>
      </c>
      <c r="K29123" s="2">
        <v>0</v>
      </c>
      <c r="L29123" t="s">
        <v>120</v>
      </c>
      <c r="M29123" t="s">
        <v>87</v>
      </c>
      <c r="N29123" t="s">
        <v>88</v>
      </c>
      <c r="O29123" t="s">
        <v>85</v>
      </c>
      <c r="P29123" t="s">
        <v>86</v>
      </c>
      <c r="Q29123">
        <v>24</v>
      </c>
      <c r="R29123">
        <v>24</v>
      </c>
      <c r="S29123">
        <v>24</v>
      </c>
      <c r="T29123">
        <v>24</v>
      </c>
      <c r="U29123">
        <v>24</v>
      </c>
      <c r="V29123">
        <v>24</v>
      </c>
      <c r="W29123">
        <v>24</v>
      </c>
      <c r="X29123">
        <v>24</v>
      </c>
      <c r="Y29123">
        <v>24</v>
      </c>
      <c r="Z29123">
        <v>24</v>
      </c>
      <c r="AA29123">
        <v>24</v>
      </c>
      <c r="AB29123">
        <v>24</v>
      </c>
      <c r="AC29123">
        <v>24</v>
      </c>
      <c r="AD29123">
        <v>24</v>
      </c>
      <c r="AE29123">
        <v>24</v>
      </c>
      <c r="AF29123">
        <v>24</v>
      </c>
      <c r="AG29123">
        <v>24</v>
      </c>
      <c r="AH29123">
        <v>25</v>
      </c>
      <c r="AI29123">
        <v>25</v>
      </c>
      <c r="AJ29123">
        <v>25</v>
      </c>
      <c r="AK29123">
        <v>25</v>
      </c>
      <c r="AL29123">
        <v>25</v>
      </c>
      <c r="AM29123">
        <v>25</v>
      </c>
      <c r="AN29123">
        <v>25</v>
      </c>
      <c r="AO29123">
        <v>25</v>
      </c>
      <c r="AP29123">
        <v>25</v>
      </c>
      <c r="AQ29123">
        <v>25</v>
      </c>
    </row>
    <row r="29124" spans="1:43">
      <c r="A29124" t="s">
        <v>18029</v>
      </c>
      <c r="B29124" t="s">
        <v>18030</v>
      </c>
      <c r="C29124" t="s">
        <v>18027</v>
      </c>
      <c r="D29124" t="s">
        <v>18028</v>
      </c>
      <c r="E29124" t="s">
        <v>17915</v>
      </c>
      <c r="F29124" t="s">
        <v>17916</v>
      </c>
      <c r="G29124" t="s">
        <v>16559</v>
      </c>
      <c r="H29124" t="s">
        <v>16560</v>
      </c>
      <c r="I29124" s="2">
        <v>1</v>
      </c>
      <c r="J29124" s="2">
        <v>0</v>
      </c>
      <c r="K29124" s="2">
        <v>0</v>
      </c>
      <c r="L29124" t="s">
        <v>120</v>
      </c>
      <c r="M29124" t="s">
        <v>89</v>
      </c>
      <c r="N29124" t="s">
        <v>90</v>
      </c>
      <c r="O29124" t="s">
        <v>85</v>
      </c>
      <c r="P29124" t="s">
        <v>86</v>
      </c>
      <c r="Q29124">
        <v>24</v>
      </c>
      <c r="R29124">
        <v>25</v>
      </c>
      <c r="S29124">
        <v>25</v>
      </c>
      <c r="T29124">
        <v>25</v>
      </c>
      <c r="U29124">
        <v>26</v>
      </c>
      <c r="V29124">
        <v>26</v>
      </c>
      <c r="W29124">
        <v>27</v>
      </c>
      <c r="X29124">
        <v>27</v>
      </c>
      <c r="Y29124">
        <v>27</v>
      </c>
      <c r="Z29124">
        <v>28</v>
      </c>
      <c r="AA29124">
        <v>28</v>
      </c>
      <c r="AB29124">
        <v>28</v>
      </c>
      <c r="AC29124">
        <v>29</v>
      </c>
      <c r="AD29124">
        <v>29</v>
      </c>
      <c r="AE29124">
        <v>29</v>
      </c>
      <c r="AF29124">
        <v>29</v>
      </c>
      <c r="AG29124">
        <v>29</v>
      </c>
      <c r="AH29124">
        <v>29</v>
      </c>
      <c r="AI29124">
        <v>29</v>
      </c>
      <c r="AJ29124">
        <v>29</v>
      </c>
      <c r="AK29124">
        <v>29</v>
      </c>
      <c r="AL29124">
        <v>29</v>
      </c>
      <c r="AM29124">
        <v>29</v>
      </c>
      <c r="AN29124">
        <v>29</v>
      </c>
      <c r="AO29124">
        <v>29</v>
      </c>
      <c r="AP29124">
        <v>29</v>
      </c>
      <c r="AQ29124">
        <v>29</v>
      </c>
    </row>
    <row r="29125" spans="1:43">
      <c r="A29125" t="s">
        <v>18029</v>
      </c>
      <c r="B29125" t="s">
        <v>18030</v>
      </c>
      <c r="C29125" t="s">
        <v>18027</v>
      </c>
      <c r="D29125" t="s">
        <v>18028</v>
      </c>
      <c r="E29125" t="s">
        <v>17915</v>
      </c>
      <c r="F29125" t="s">
        <v>17916</v>
      </c>
      <c r="G29125" t="s">
        <v>16559</v>
      </c>
      <c r="H29125" t="s">
        <v>16560</v>
      </c>
      <c r="I29125" s="2">
        <v>1</v>
      </c>
      <c r="J29125" s="2">
        <v>0</v>
      </c>
      <c r="K29125" s="2">
        <v>0</v>
      </c>
      <c r="L29125" t="s">
        <v>120</v>
      </c>
      <c r="M29125" t="s">
        <v>83</v>
      </c>
      <c r="N29125" t="s">
        <v>91</v>
      </c>
      <c r="O29125" t="s">
        <v>85</v>
      </c>
      <c r="P29125" t="s">
        <v>86</v>
      </c>
      <c r="Q29125">
        <v>24</v>
      </c>
      <c r="R29125">
        <v>24</v>
      </c>
      <c r="S29125">
        <v>24</v>
      </c>
      <c r="T29125">
        <v>25</v>
      </c>
      <c r="U29125">
        <v>25</v>
      </c>
      <c r="V29125">
        <v>25</v>
      </c>
      <c r="W29125">
        <v>25</v>
      </c>
      <c r="X29125">
        <v>26</v>
      </c>
      <c r="Y29125">
        <v>26</v>
      </c>
      <c r="Z29125">
        <v>26</v>
      </c>
      <c r="AA29125">
        <v>26</v>
      </c>
      <c r="AB29125">
        <v>27</v>
      </c>
      <c r="AC29125">
        <v>27</v>
      </c>
      <c r="AD29125">
        <v>27</v>
      </c>
      <c r="AE29125">
        <v>27</v>
      </c>
      <c r="AF29125">
        <v>28</v>
      </c>
      <c r="AG29125">
        <v>28</v>
      </c>
      <c r="AH29125">
        <v>28</v>
      </c>
      <c r="AI29125">
        <v>28</v>
      </c>
      <c r="AJ29125">
        <v>29</v>
      </c>
      <c r="AK29125">
        <v>29</v>
      </c>
      <c r="AL29125">
        <v>29</v>
      </c>
      <c r="AM29125">
        <v>29</v>
      </c>
      <c r="AN29125">
        <v>29</v>
      </c>
      <c r="AO29125">
        <v>29</v>
      </c>
      <c r="AP29125">
        <v>29</v>
      </c>
      <c r="AQ29125">
        <v>28</v>
      </c>
    </row>
    <row r="29126" spans="1:43">
      <c r="A29126" t="s">
        <v>18031</v>
      </c>
      <c r="B29126" t="s">
        <v>18032</v>
      </c>
      <c r="C29126" t="s">
        <v>18027</v>
      </c>
      <c r="D29126" t="s">
        <v>18028</v>
      </c>
      <c r="E29126" t="s">
        <v>17915</v>
      </c>
      <c r="F29126" t="s">
        <v>17916</v>
      </c>
      <c r="G29126" t="s">
        <v>16559</v>
      </c>
      <c r="H29126" t="s">
        <v>16560</v>
      </c>
      <c r="I29126" s="2">
        <v>1</v>
      </c>
      <c r="J29126" s="2">
        <v>0</v>
      </c>
      <c r="K29126" s="2">
        <v>0</v>
      </c>
      <c r="L29126" t="s">
        <v>120</v>
      </c>
      <c r="M29126" t="s">
        <v>83</v>
      </c>
      <c r="N29126" t="s">
        <v>84</v>
      </c>
      <c r="O29126" t="s">
        <v>85</v>
      </c>
      <c r="P29126" t="s">
        <v>86</v>
      </c>
      <c r="Q29126">
        <v>13</v>
      </c>
      <c r="R29126">
        <v>13</v>
      </c>
      <c r="S29126">
        <v>13</v>
      </c>
      <c r="T29126">
        <v>13</v>
      </c>
      <c r="U29126">
        <v>13</v>
      </c>
      <c r="V29126">
        <v>13</v>
      </c>
      <c r="W29126">
        <v>13</v>
      </c>
      <c r="X29126">
        <v>14</v>
      </c>
      <c r="Y29126">
        <v>14</v>
      </c>
      <c r="Z29126">
        <v>14</v>
      </c>
      <c r="AA29126">
        <v>14</v>
      </c>
      <c r="AB29126">
        <v>14</v>
      </c>
      <c r="AC29126">
        <v>14</v>
      </c>
      <c r="AD29126">
        <v>14</v>
      </c>
      <c r="AE29126">
        <v>14</v>
      </c>
      <c r="AF29126">
        <v>14</v>
      </c>
      <c r="AG29126">
        <v>15</v>
      </c>
      <c r="AH29126">
        <v>15</v>
      </c>
      <c r="AI29126">
        <v>15</v>
      </c>
      <c r="AJ29126">
        <v>15</v>
      </c>
      <c r="AK29126">
        <v>15</v>
      </c>
      <c r="AL29126">
        <v>15</v>
      </c>
      <c r="AM29126">
        <v>15</v>
      </c>
      <c r="AN29126">
        <v>15</v>
      </c>
      <c r="AO29126">
        <v>15</v>
      </c>
      <c r="AP29126">
        <v>15</v>
      </c>
      <c r="AQ29126">
        <v>15</v>
      </c>
    </row>
    <row r="29127" spans="1:43">
      <c r="A29127" t="s">
        <v>18031</v>
      </c>
      <c r="B29127" t="s">
        <v>18032</v>
      </c>
      <c r="C29127" t="s">
        <v>18027</v>
      </c>
      <c r="D29127" t="s">
        <v>18028</v>
      </c>
      <c r="E29127" t="s">
        <v>17915</v>
      </c>
      <c r="F29127" t="s">
        <v>17916</v>
      </c>
      <c r="G29127" t="s">
        <v>16559</v>
      </c>
      <c r="H29127" t="s">
        <v>16560</v>
      </c>
      <c r="I29127" s="2">
        <v>1</v>
      </c>
      <c r="J29127" s="2">
        <v>0</v>
      </c>
      <c r="K29127" s="2">
        <v>0</v>
      </c>
      <c r="L29127" t="s">
        <v>120</v>
      </c>
      <c r="M29127" t="s">
        <v>87</v>
      </c>
      <c r="N29127" t="s">
        <v>88</v>
      </c>
      <c r="O29127" t="s">
        <v>85</v>
      </c>
      <c r="P29127" t="s">
        <v>86</v>
      </c>
      <c r="Q29127">
        <v>13</v>
      </c>
      <c r="R29127">
        <v>13</v>
      </c>
      <c r="S29127">
        <v>13</v>
      </c>
      <c r="T29127">
        <v>13</v>
      </c>
      <c r="U29127">
        <v>14</v>
      </c>
      <c r="V29127">
        <v>14</v>
      </c>
      <c r="W29127">
        <v>14</v>
      </c>
      <c r="X29127">
        <v>14</v>
      </c>
      <c r="Y29127">
        <v>14</v>
      </c>
      <c r="Z29127">
        <v>14</v>
      </c>
      <c r="AA29127">
        <v>14</v>
      </c>
      <c r="AB29127">
        <v>14</v>
      </c>
      <c r="AC29127">
        <v>14</v>
      </c>
      <c r="AD29127">
        <v>14</v>
      </c>
      <c r="AE29127">
        <v>14</v>
      </c>
      <c r="AF29127">
        <v>14</v>
      </c>
      <c r="AG29127">
        <v>14</v>
      </c>
      <c r="AH29127">
        <v>14</v>
      </c>
      <c r="AI29127">
        <v>14</v>
      </c>
      <c r="AJ29127">
        <v>14</v>
      </c>
      <c r="AK29127">
        <v>14</v>
      </c>
      <c r="AL29127">
        <v>14</v>
      </c>
      <c r="AM29127">
        <v>14</v>
      </c>
      <c r="AN29127">
        <v>14</v>
      </c>
      <c r="AO29127">
        <v>14</v>
      </c>
      <c r="AP29127">
        <v>14</v>
      </c>
      <c r="AQ29127">
        <v>14</v>
      </c>
    </row>
    <row r="29128" spans="1:43">
      <c r="A29128" t="s">
        <v>18031</v>
      </c>
      <c r="B29128" t="s">
        <v>18032</v>
      </c>
      <c r="C29128" t="s">
        <v>18027</v>
      </c>
      <c r="D29128" t="s">
        <v>18028</v>
      </c>
      <c r="E29128" t="s">
        <v>17915</v>
      </c>
      <c r="F29128" t="s">
        <v>17916</v>
      </c>
      <c r="G29128" t="s">
        <v>16559</v>
      </c>
      <c r="H29128" t="s">
        <v>16560</v>
      </c>
      <c r="I29128" s="2">
        <v>1</v>
      </c>
      <c r="J29128" s="2">
        <v>0</v>
      </c>
      <c r="K29128" s="2">
        <v>0</v>
      </c>
      <c r="L29128" t="s">
        <v>120</v>
      </c>
      <c r="M29128" t="s">
        <v>89</v>
      </c>
      <c r="N29128" t="s">
        <v>90</v>
      </c>
      <c r="O29128" t="s">
        <v>85</v>
      </c>
      <c r="P29128" t="s">
        <v>86</v>
      </c>
      <c r="Q29128">
        <v>13</v>
      </c>
      <c r="R29128">
        <v>13</v>
      </c>
      <c r="S29128">
        <v>13</v>
      </c>
      <c r="T29128">
        <v>13</v>
      </c>
      <c r="U29128">
        <v>14</v>
      </c>
      <c r="V29128">
        <v>14</v>
      </c>
      <c r="W29128">
        <v>14</v>
      </c>
      <c r="X29128">
        <v>14</v>
      </c>
      <c r="Y29128">
        <v>14</v>
      </c>
      <c r="Z29128">
        <v>15</v>
      </c>
      <c r="AA29128">
        <v>15</v>
      </c>
      <c r="AB29128">
        <v>15</v>
      </c>
      <c r="AC29128">
        <v>15</v>
      </c>
      <c r="AD29128">
        <v>15</v>
      </c>
      <c r="AE29128">
        <v>15</v>
      </c>
      <c r="AF29128">
        <v>15</v>
      </c>
      <c r="AG29128">
        <v>15</v>
      </c>
      <c r="AH29128">
        <v>15</v>
      </c>
      <c r="AI29128">
        <v>15</v>
      </c>
      <c r="AJ29128">
        <v>15</v>
      </c>
      <c r="AK29128">
        <v>15</v>
      </c>
      <c r="AL29128">
        <v>15</v>
      </c>
      <c r="AM29128">
        <v>15</v>
      </c>
      <c r="AN29128">
        <v>15</v>
      </c>
      <c r="AO29128">
        <v>15</v>
      </c>
      <c r="AP29128">
        <v>15</v>
      </c>
      <c r="AQ29128">
        <v>15</v>
      </c>
    </row>
    <row r="29129" spans="1:43">
      <c r="A29129" t="s">
        <v>18031</v>
      </c>
      <c r="B29129" t="s">
        <v>18032</v>
      </c>
      <c r="C29129" t="s">
        <v>18027</v>
      </c>
      <c r="D29129" t="s">
        <v>18028</v>
      </c>
      <c r="E29129" t="s">
        <v>17915</v>
      </c>
      <c r="F29129" t="s">
        <v>17916</v>
      </c>
      <c r="G29129" t="s">
        <v>16559</v>
      </c>
      <c r="H29129" t="s">
        <v>16560</v>
      </c>
      <c r="I29129" s="2">
        <v>1</v>
      </c>
      <c r="J29129" s="2">
        <v>0</v>
      </c>
      <c r="K29129" s="2">
        <v>0</v>
      </c>
      <c r="L29129" t="s">
        <v>120</v>
      </c>
      <c r="M29129" t="s">
        <v>83</v>
      </c>
      <c r="N29129" t="s">
        <v>91</v>
      </c>
      <c r="O29129" t="s">
        <v>85</v>
      </c>
      <c r="P29129" t="s">
        <v>86</v>
      </c>
      <c r="Q29129">
        <v>13</v>
      </c>
      <c r="R29129">
        <v>13</v>
      </c>
      <c r="S29129">
        <v>13</v>
      </c>
      <c r="T29129">
        <v>13</v>
      </c>
      <c r="U29129">
        <v>13</v>
      </c>
      <c r="V29129">
        <v>13</v>
      </c>
      <c r="W29129">
        <v>13</v>
      </c>
      <c r="X29129">
        <v>14</v>
      </c>
      <c r="Y29129">
        <v>14</v>
      </c>
      <c r="Z29129">
        <v>14</v>
      </c>
      <c r="AA29129">
        <v>14</v>
      </c>
      <c r="AB29129">
        <v>14</v>
      </c>
      <c r="AC29129">
        <v>14</v>
      </c>
      <c r="AD29129">
        <v>14</v>
      </c>
      <c r="AE29129">
        <v>14</v>
      </c>
      <c r="AF29129">
        <v>14</v>
      </c>
      <c r="AG29129">
        <v>15</v>
      </c>
      <c r="AH29129">
        <v>15</v>
      </c>
      <c r="AI29129">
        <v>15</v>
      </c>
      <c r="AJ29129">
        <v>15</v>
      </c>
      <c r="AK29129">
        <v>15</v>
      </c>
      <c r="AL29129">
        <v>15</v>
      </c>
      <c r="AM29129">
        <v>15</v>
      </c>
      <c r="AN29129">
        <v>15</v>
      </c>
      <c r="AO29129">
        <v>15</v>
      </c>
      <c r="AP29129">
        <v>15</v>
      </c>
      <c r="AQ29129">
        <v>15</v>
      </c>
    </row>
    <row r="29130" spans="1:43">
      <c r="A29130" t="s">
        <v>18033</v>
      </c>
      <c r="B29130" t="s">
        <v>18034</v>
      </c>
      <c r="C29130" t="s">
        <v>18027</v>
      </c>
      <c r="D29130" t="s">
        <v>18028</v>
      </c>
      <c r="E29130" t="s">
        <v>17915</v>
      </c>
      <c r="F29130" t="s">
        <v>17916</v>
      </c>
      <c r="G29130" t="s">
        <v>16559</v>
      </c>
      <c r="H29130" t="s">
        <v>16560</v>
      </c>
      <c r="I29130" s="2">
        <v>1</v>
      </c>
      <c r="J29130" s="2">
        <v>0</v>
      </c>
      <c r="K29130" s="2">
        <v>0</v>
      </c>
      <c r="L29130" t="s">
        <v>120</v>
      </c>
      <c r="M29130" t="s">
        <v>83</v>
      </c>
      <c r="N29130" t="s">
        <v>84</v>
      </c>
      <c r="O29130" t="s">
        <v>85</v>
      </c>
      <c r="P29130" t="s">
        <v>86</v>
      </c>
      <c r="Q29130">
        <v>25</v>
      </c>
      <c r="R29130">
        <v>25</v>
      </c>
      <c r="S29130">
        <v>26</v>
      </c>
      <c r="T29130">
        <v>26</v>
      </c>
      <c r="U29130">
        <v>26</v>
      </c>
      <c r="V29130">
        <v>26</v>
      </c>
      <c r="W29130">
        <v>27</v>
      </c>
      <c r="X29130">
        <v>27</v>
      </c>
      <c r="Y29130">
        <v>27</v>
      </c>
      <c r="Z29130">
        <v>28</v>
      </c>
      <c r="AA29130">
        <v>28</v>
      </c>
      <c r="AB29130">
        <v>28</v>
      </c>
      <c r="AC29130">
        <v>28</v>
      </c>
      <c r="AD29130">
        <v>29</v>
      </c>
      <c r="AE29130">
        <v>29</v>
      </c>
      <c r="AF29130">
        <v>29</v>
      </c>
      <c r="AG29130">
        <v>29</v>
      </c>
      <c r="AH29130">
        <v>29</v>
      </c>
      <c r="AI29130">
        <v>30</v>
      </c>
      <c r="AJ29130">
        <v>30</v>
      </c>
      <c r="AK29130">
        <v>30</v>
      </c>
      <c r="AL29130">
        <v>30</v>
      </c>
      <c r="AM29130">
        <v>30</v>
      </c>
      <c r="AN29130">
        <v>30</v>
      </c>
      <c r="AO29130">
        <v>30</v>
      </c>
      <c r="AP29130">
        <v>30</v>
      </c>
      <c r="AQ29130">
        <v>30</v>
      </c>
    </row>
    <row r="29131" spans="1:43">
      <c r="A29131" t="s">
        <v>18033</v>
      </c>
      <c r="B29131" t="s">
        <v>18034</v>
      </c>
      <c r="C29131" t="s">
        <v>18027</v>
      </c>
      <c r="D29131" t="s">
        <v>18028</v>
      </c>
      <c r="E29131" t="s">
        <v>17915</v>
      </c>
      <c r="F29131" t="s">
        <v>17916</v>
      </c>
      <c r="G29131" t="s">
        <v>16559</v>
      </c>
      <c r="H29131" t="s">
        <v>16560</v>
      </c>
      <c r="I29131" s="2">
        <v>1</v>
      </c>
      <c r="J29131" s="2">
        <v>0</v>
      </c>
      <c r="K29131" s="2">
        <v>0</v>
      </c>
      <c r="L29131" t="s">
        <v>120</v>
      </c>
      <c r="M29131" t="s">
        <v>87</v>
      </c>
      <c r="N29131" t="s">
        <v>88</v>
      </c>
      <c r="O29131" t="s">
        <v>85</v>
      </c>
      <c r="P29131" t="s">
        <v>86</v>
      </c>
      <c r="Q29131">
        <v>25</v>
      </c>
      <c r="R29131">
        <v>25</v>
      </c>
      <c r="S29131">
        <v>25</v>
      </c>
      <c r="T29131">
        <v>25</v>
      </c>
      <c r="U29131">
        <v>25</v>
      </c>
      <c r="V29131">
        <v>25</v>
      </c>
      <c r="W29131">
        <v>25</v>
      </c>
      <c r="X29131">
        <v>25</v>
      </c>
      <c r="Y29131">
        <v>25</v>
      </c>
      <c r="Z29131">
        <v>25</v>
      </c>
      <c r="AA29131">
        <v>25</v>
      </c>
      <c r="AB29131">
        <v>25</v>
      </c>
      <c r="AC29131">
        <v>25</v>
      </c>
      <c r="AD29131">
        <v>26</v>
      </c>
      <c r="AE29131">
        <v>26</v>
      </c>
      <c r="AF29131">
        <v>26</v>
      </c>
      <c r="AG29131">
        <v>26</v>
      </c>
      <c r="AH29131">
        <v>26</v>
      </c>
      <c r="AI29131">
        <v>26</v>
      </c>
      <c r="AJ29131">
        <v>26</v>
      </c>
      <c r="AK29131">
        <v>26</v>
      </c>
      <c r="AL29131">
        <v>26</v>
      </c>
      <c r="AM29131">
        <v>26</v>
      </c>
      <c r="AN29131">
        <v>26</v>
      </c>
      <c r="AO29131">
        <v>26</v>
      </c>
      <c r="AP29131">
        <v>26</v>
      </c>
      <c r="AQ29131">
        <v>26</v>
      </c>
    </row>
    <row r="29132" spans="1:43">
      <c r="A29132" t="s">
        <v>18033</v>
      </c>
      <c r="B29132" t="s">
        <v>18034</v>
      </c>
      <c r="C29132" t="s">
        <v>18027</v>
      </c>
      <c r="D29132" t="s">
        <v>18028</v>
      </c>
      <c r="E29132" t="s">
        <v>17915</v>
      </c>
      <c r="F29132" t="s">
        <v>17916</v>
      </c>
      <c r="G29132" t="s">
        <v>16559</v>
      </c>
      <c r="H29132" t="s">
        <v>16560</v>
      </c>
      <c r="I29132" s="2">
        <v>1</v>
      </c>
      <c r="J29132" s="2">
        <v>0</v>
      </c>
      <c r="K29132" s="2">
        <v>0</v>
      </c>
      <c r="L29132" t="s">
        <v>120</v>
      </c>
      <c r="M29132" t="s">
        <v>89</v>
      </c>
      <c r="N29132" t="s">
        <v>90</v>
      </c>
      <c r="O29132" t="s">
        <v>85</v>
      </c>
      <c r="P29132" t="s">
        <v>86</v>
      </c>
      <c r="Q29132">
        <v>25</v>
      </c>
      <c r="R29132">
        <v>26</v>
      </c>
      <c r="S29132">
        <v>26</v>
      </c>
      <c r="T29132">
        <v>27</v>
      </c>
      <c r="U29132">
        <v>27</v>
      </c>
      <c r="V29132">
        <v>28</v>
      </c>
      <c r="W29132">
        <v>28</v>
      </c>
      <c r="X29132">
        <v>28</v>
      </c>
      <c r="Y29132">
        <v>29</v>
      </c>
      <c r="Z29132">
        <v>29</v>
      </c>
      <c r="AA29132">
        <v>30</v>
      </c>
      <c r="AB29132">
        <v>30</v>
      </c>
      <c r="AC29132">
        <v>30</v>
      </c>
      <c r="AD29132">
        <v>31</v>
      </c>
      <c r="AE29132">
        <v>31</v>
      </c>
      <c r="AF29132">
        <v>31</v>
      </c>
      <c r="AG29132">
        <v>31</v>
      </c>
      <c r="AH29132">
        <v>31</v>
      </c>
      <c r="AI29132">
        <v>31</v>
      </c>
      <c r="AJ29132">
        <v>30</v>
      </c>
      <c r="AK29132">
        <v>30</v>
      </c>
      <c r="AL29132">
        <v>30</v>
      </c>
      <c r="AM29132">
        <v>30</v>
      </c>
      <c r="AN29132">
        <v>30</v>
      </c>
      <c r="AO29132">
        <v>30</v>
      </c>
      <c r="AP29132">
        <v>30</v>
      </c>
      <c r="AQ29132">
        <v>30</v>
      </c>
    </row>
    <row r="29133" spans="1:43">
      <c r="A29133" t="s">
        <v>18033</v>
      </c>
      <c r="B29133" t="s">
        <v>18034</v>
      </c>
      <c r="C29133" t="s">
        <v>18027</v>
      </c>
      <c r="D29133" t="s">
        <v>18028</v>
      </c>
      <c r="E29133" t="s">
        <v>17915</v>
      </c>
      <c r="F29133" t="s">
        <v>17916</v>
      </c>
      <c r="G29133" t="s">
        <v>16559</v>
      </c>
      <c r="H29133" t="s">
        <v>16560</v>
      </c>
      <c r="I29133" s="2">
        <v>1</v>
      </c>
      <c r="J29133" s="2">
        <v>0</v>
      </c>
      <c r="K29133" s="2">
        <v>0</v>
      </c>
      <c r="L29133" t="s">
        <v>120</v>
      </c>
      <c r="M29133" t="s">
        <v>83</v>
      </c>
      <c r="N29133" t="s">
        <v>91</v>
      </c>
      <c r="O29133" t="s">
        <v>85</v>
      </c>
      <c r="P29133" t="s">
        <v>86</v>
      </c>
      <c r="Q29133">
        <v>25</v>
      </c>
      <c r="R29133">
        <v>25</v>
      </c>
      <c r="S29133">
        <v>26</v>
      </c>
      <c r="T29133">
        <v>26</v>
      </c>
      <c r="U29133">
        <v>26</v>
      </c>
      <c r="V29133">
        <v>26</v>
      </c>
      <c r="W29133">
        <v>27</v>
      </c>
      <c r="X29133">
        <v>27</v>
      </c>
      <c r="Y29133">
        <v>27</v>
      </c>
      <c r="Z29133">
        <v>28</v>
      </c>
      <c r="AA29133">
        <v>28</v>
      </c>
      <c r="AB29133">
        <v>28</v>
      </c>
      <c r="AC29133">
        <v>28</v>
      </c>
      <c r="AD29133">
        <v>29</v>
      </c>
      <c r="AE29133">
        <v>29</v>
      </c>
      <c r="AF29133">
        <v>29</v>
      </c>
      <c r="AG29133">
        <v>29</v>
      </c>
      <c r="AH29133">
        <v>29</v>
      </c>
      <c r="AI29133">
        <v>30</v>
      </c>
      <c r="AJ29133">
        <v>30</v>
      </c>
      <c r="AK29133">
        <v>30</v>
      </c>
      <c r="AL29133">
        <v>30</v>
      </c>
      <c r="AM29133">
        <v>30</v>
      </c>
      <c r="AN29133">
        <v>30</v>
      </c>
      <c r="AO29133">
        <v>30</v>
      </c>
      <c r="AP29133">
        <v>30</v>
      </c>
      <c r="AQ29133">
        <v>30</v>
      </c>
    </row>
    <row r="29134" spans="1:43">
      <c r="A29134" t="s">
        <v>18035</v>
      </c>
      <c r="B29134" t="s">
        <v>18036</v>
      </c>
      <c r="C29134" t="s">
        <v>18037</v>
      </c>
      <c r="D29134" t="s">
        <v>18038</v>
      </c>
      <c r="E29134" t="s">
        <v>18039</v>
      </c>
      <c r="F29134" t="s">
        <v>18040</v>
      </c>
      <c r="G29134" t="s">
        <v>16559</v>
      </c>
      <c r="H29134" t="s">
        <v>16560</v>
      </c>
      <c r="I29134" s="2">
        <v>1</v>
      </c>
      <c r="J29134" s="2">
        <v>0</v>
      </c>
      <c r="K29134" s="2">
        <v>0</v>
      </c>
      <c r="L29134" t="s">
        <v>120</v>
      </c>
      <c r="M29134" t="s">
        <v>83</v>
      </c>
      <c r="N29134" t="s">
        <v>84</v>
      </c>
      <c r="O29134" t="s">
        <v>85</v>
      </c>
      <c r="P29134" t="s">
        <v>86</v>
      </c>
      <c r="Q29134">
        <v>42</v>
      </c>
      <c r="R29134">
        <v>43</v>
      </c>
      <c r="S29134">
        <v>43</v>
      </c>
      <c r="T29134">
        <v>44</v>
      </c>
      <c r="U29134">
        <v>44</v>
      </c>
      <c r="V29134">
        <v>45</v>
      </c>
      <c r="W29134">
        <v>45</v>
      </c>
      <c r="X29134">
        <v>46</v>
      </c>
      <c r="Y29134">
        <v>46</v>
      </c>
      <c r="Z29134">
        <v>47</v>
      </c>
      <c r="AA29134">
        <v>47</v>
      </c>
      <c r="AB29134">
        <v>47</v>
      </c>
      <c r="AC29134">
        <v>48</v>
      </c>
      <c r="AD29134">
        <v>48</v>
      </c>
      <c r="AE29134">
        <v>49</v>
      </c>
      <c r="AF29134">
        <v>49</v>
      </c>
      <c r="AG29134">
        <v>50</v>
      </c>
      <c r="AH29134">
        <v>50</v>
      </c>
      <c r="AI29134">
        <v>51</v>
      </c>
      <c r="AJ29134">
        <v>51</v>
      </c>
      <c r="AK29134">
        <v>51</v>
      </c>
      <c r="AL29134">
        <v>52</v>
      </c>
      <c r="AM29134">
        <v>51</v>
      </c>
      <c r="AN29134">
        <v>51</v>
      </c>
      <c r="AO29134">
        <v>51</v>
      </c>
      <c r="AP29134">
        <v>51</v>
      </c>
      <c r="AQ29134">
        <v>51</v>
      </c>
    </row>
    <row r="29135" spans="1:43">
      <c r="A29135" t="s">
        <v>18035</v>
      </c>
      <c r="B29135" t="s">
        <v>18036</v>
      </c>
      <c r="C29135" t="s">
        <v>18037</v>
      </c>
      <c r="D29135" t="s">
        <v>18038</v>
      </c>
      <c r="E29135" t="s">
        <v>18039</v>
      </c>
      <c r="F29135" t="s">
        <v>18040</v>
      </c>
      <c r="G29135" t="s">
        <v>16559</v>
      </c>
      <c r="H29135" t="s">
        <v>16560</v>
      </c>
      <c r="I29135" s="2">
        <v>1</v>
      </c>
      <c r="J29135" s="2">
        <v>0</v>
      </c>
      <c r="K29135" s="2">
        <v>0</v>
      </c>
      <c r="L29135" t="s">
        <v>120</v>
      </c>
      <c r="M29135" t="s">
        <v>87</v>
      </c>
      <c r="N29135" t="s">
        <v>88</v>
      </c>
      <c r="O29135" t="s">
        <v>85</v>
      </c>
      <c r="P29135" t="s">
        <v>86</v>
      </c>
      <c r="Q29135">
        <v>42</v>
      </c>
      <c r="R29135">
        <v>42</v>
      </c>
      <c r="S29135">
        <v>42</v>
      </c>
      <c r="T29135">
        <v>42</v>
      </c>
      <c r="U29135">
        <v>42</v>
      </c>
      <c r="V29135">
        <v>42</v>
      </c>
      <c r="W29135">
        <v>43</v>
      </c>
      <c r="X29135">
        <v>43</v>
      </c>
      <c r="Y29135">
        <v>43</v>
      </c>
      <c r="Z29135">
        <v>43</v>
      </c>
      <c r="AA29135">
        <v>43</v>
      </c>
      <c r="AB29135">
        <v>43</v>
      </c>
      <c r="AC29135">
        <v>43</v>
      </c>
      <c r="AD29135">
        <v>43</v>
      </c>
      <c r="AE29135">
        <v>43</v>
      </c>
      <c r="AF29135">
        <v>43</v>
      </c>
      <c r="AG29135">
        <v>43</v>
      </c>
      <c r="AH29135">
        <v>43</v>
      </c>
      <c r="AI29135">
        <v>44</v>
      </c>
      <c r="AJ29135">
        <v>44</v>
      </c>
      <c r="AK29135">
        <v>44</v>
      </c>
      <c r="AL29135">
        <v>44</v>
      </c>
      <c r="AM29135">
        <v>44</v>
      </c>
      <c r="AN29135">
        <v>44</v>
      </c>
      <c r="AO29135">
        <v>44</v>
      </c>
      <c r="AP29135">
        <v>44</v>
      </c>
      <c r="AQ29135">
        <v>44</v>
      </c>
    </row>
    <row r="29136" spans="1:43">
      <c r="A29136" t="s">
        <v>18035</v>
      </c>
      <c r="B29136" t="s">
        <v>18036</v>
      </c>
      <c r="C29136" t="s">
        <v>18037</v>
      </c>
      <c r="D29136" t="s">
        <v>18038</v>
      </c>
      <c r="E29136" t="s">
        <v>18039</v>
      </c>
      <c r="F29136" t="s">
        <v>18040</v>
      </c>
      <c r="G29136" t="s">
        <v>16559</v>
      </c>
      <c r="H29136" t="s">
        <v>16560</v>
      </c>
      <c r="I29136" s="2">
        <v>1</v>
      </c>
      <c r="J29136" s="2">
        <v>0</v>
      </c>
      <c r="K29136" s="2">
        <v>0</v>
      </c>
      <c r="L29136" t="s">
        <v>120</v>
      </c>
      <c r="M29136" t="s">
        <v>89</v>
      </c>
      <c r="N29136" t="s">
        <v>90</v>
      </c>
      <c r="O29136" t="s">
        <v>85</v>
      </c>
      <c r="P29136" t="s">
        <v>86</v>
      </c>
      <c r="Q29136">
        <v>42</v>
      </c>
      <c r="R29136">
        <v>43</v>
      </c>
      <c r="S29136">
        <v>43</v>
      </c>
      <c r="T29136">
        <v>44</v>
      </c>
      <c r="U29136">
        <v>45</v>
      </c>
      <c r="V29136">
        <v>46</v>
      </c>
      <c r="W29136">
        <v>46</v>
      </c>
      <c r="X29136">
        <v>47</v>
      </c>
      <c r="Y29136">
        <v>48</v>
      </c>
      <c r="Z29136">
        <v>48</v>
      </c>
      <c r="AA29136">
        <v>49</v>
      </c>
      <c r="AB29136">
        <v>50</v>
      </c>
      <c r="AC29136">
        <v>50</v>
      </c>
      <c r="AD29136">
        <v>51</v>
      </c>
      <c r="AE29136">
        <v>51</v>
      </c>
      <c r="AF29136">
        <v>51</v>
      </c>
      <c r="AG29136">
        <v>51</v>
      </c>
      <c r="AH29136">
        <v>51</v>
      </c>
      <c r="AI29136">
        <v>51</v>
      </c>
      <c r="AJ29136">
        <v>51</v>
      </c>
      <c r="AK29136">
        <v>51</v>
      </c>
      <c r="AL29136">
        <v>51</v>
      </c>
      <c r="AM29136">
        <v>51</v>
      </c>
      <c r="AN29136">
        <v>51</v>
      </c>
      <c r="AO29136">
        <v>51</v>
      </c>
      <c r="AP29136">
        <v>51</v>
      </c>
      <c r="AQ29136">
        <v>51</v>
      </c>
    </row>
    <row r="29137" spans="1:43">
      <c r="A29137" t="s">
        <v>18035</v>
      </c>
      <c r="B29137" t="s">
        <v>18036</v>
      </c>
      <c r="C29137" t="s">
        <v>18037</v>
      </c>
      <c r="D29137" t="s">
        <v>18038</v>
      </c>
      <c r="E29137" t="s">
        <v>18039</v>
      </c>
      <c r="F29137" t="s">
        <v>18040</v>
      </c>
      <c r="G29137" t="s">
        <v>16559</v>
      </c>
      <c r="H29137" t="s">
        <v>16560</v>
      </c>
      <c r="I29137" s="2">
        <v>1</v>
      </c>
      <c r="J29137" s="2">
        <v>0</v>
      </c>
      <c r="K29137" s="2">
        <v>0</v>
      </c>
      <c r="L29137" t="s">
        <v>120</v>
      </c>
      <c r="M29137" t="s">
        <v>83</v>
      </c>
      <c r="N29137" t="s">
        <v>91</v>
      </c>
      <c r="O29137" t="s">
        <v>85</v>
      </c>
      <c r="P29137" t="s">
        <v>86</v>
      </c>
      <c r="Q29137">
        <v>42</v>
      </c>
      <c r="R29137">
        <v>43</v>
      </c>
      <c r="S29137">
        <v>43</v>
      </c>
      <c r="T29137">
        <v>44</v>
      </c>
      <c r="U29137">
        <v>44</v>
      </c>
      <c r="V29137">
        <v>45</v>
      </c>
      <c r="W29137">
        <v>45</v>
      </c>
      <c r="X29137">
        <v>46</v>
      </c>
      <c r="Y29137">
        <v>46</v>
      </c>
      <c r="Z29137">
        <v>47</v>
      </c>
      <c r="AA29137">
        <v>47</v>
      </c>
      <c r="AB29137">
        <v>47</v>
      </c>
      <c r="AC29137">
        <v>48</v>
      </c>
      <c r="AD29137">
        <v>48</v>
      </c>
      <c r="AE29137">
        <v>49</v>
      </c>
      <c r="AF29137">
        <v>49</v>
      </c>
      <c r="AG29137">
        <v>50</v>
      </c>
      <c r="AH29137">
        <v>50</v>
      </c>
      <c r="AI29137">
        <v>51</v>
      </c>
      <c r="AJ29137">
        <v>51</v>
      </c>
      <c r="AK29137">
        <v>51</v>
      </c>
      <c r="AL29137">
        <v>52</v>
      </c>
      <c r="AM29137">
        <v>51</v>
      </c>
      <c r="AN29137">
        <v>51</v>
      </c>
      <c r="AO29137">
        <v>51</v>
      </c>
      <c r="AP29137">
        <v>51</v>
      </c>
      <c r="AQ29137">
        <v>51</v>
      </c>
    </row>
    <row r="29138" spans="1:43">
      <c r="A29138" t="s">
        <v>18041</v>
      </c>
      <c r="B29138" t="s">
        <v>18042</v>
      </c>
      <c r="C29138" t="s">
        <v>18037</v>
      </c>
      <c r="D29138" t="s">
        <v>18038</v>
      </c>
      <c r="E29138" t="s">
        <v>18039</v>
      </c>
      <c r="F29138" t="s">
        <v>18040</v>
      </c>
      <c r="G29138" t="s">
        <v>16559</v>
      </c>
      <c r="H29138" t="s">
        <v>16560</v>
      </c>
      <c r="I29138" s="2">
        <v>1</v>
      </c>
      <c r="J29138" s="2">
        <v>0</v>
      </c>
      <c r="K29138" s="2">
        <v>0</v>
      </c>
      <c r="L29138" t="s">
        <v>120</v>
      </c>
      <c r="M29138" t="s">
        <v>83</v>
      </c>
      <c r="N29138" t="s">
        <v>84</v>
      </c>
      <c r="O29138" t="s">
        <v>85</v>
      </c>
      <c r="P29138" t="s">
        <v>86</v>
      </c>
      <c r="Q29138">
        <v>7</v>
      </c>
      <c r="R29138">
        <v>7</v>
      </c>
      <c r="S29138">
        <v>7</v>
      </c>
      <c r="T29138">
        <v>7</v>
      </c>
      <c r="U29138">
        <v>7</v>
      </c>
      <c r="V29138">
        <v>7</v>
      </c>
      <c r="W29138">
        <v>7</v>
      </c>
      <c r="X29138">
        <v>7</v>
      </c>
      <c r="Y29138">
        <v>7</v>
      </c>
      <c r="Z29138">
        <v>8</v>
      </c>
      <c r="AA29138">
        <v>8</v>
      </c>
      <c r="AB29138">
        <v>8</v>
      </c>
      <c r="AC29138">
        <v>8</v>
      </c>
      <c r="AD29138">
        <v>8</v>
      </c>
      <c r="AE29138">
        <v>8</v>
      </c>
      <c r="AF29138">
        <v>8</v>
      </c>
      <c r="AG29138">
        <v>8</v>
      </c>
      <c r="AH29138">
        <v>8</v>
      </c>
      <c r="AI29138">
        <v>8</v>
      </c>
      <c r="AJ29138">
        <v>8</v>
      </c>
      <c r="AK29138">
        <v>8</v>
      </c>
      <c r="AL29138">
        <v>8</v>
      </c>
      <c r="AM29138">
        <v>8</v>
      </c>
      <c r="AN29138">
        <v>8</v>
      </c>
      <c r="AO29138">
        <v>8</v>
      </c>
      <c r="AP29138">
        <v>8</v>
      </c>
      <c r="AQ29138">
        <v>8</v>
      </c>
    </row>
    <row r="29139" spans="1:43">
      <c r="A29139" t="s">
        <v>18041</v>
      </c>
      <c r="B29139" t="s">
        <v>18042</v>
      </c>
      <c r="C29139" t="s">
        <v>18037</v>
      </c>
      <c r="D29139" t="s">
        <v>18038</v>
      </c>
      <c r="E29139" t="s">
        <v>18039</v>
      </c>
      <c r="F29139" t="s">
        <v>18040</v>
      </c>
      <c r="G29139" t="s">
        <v>16559</v>
      </c>
      <c r="H29139" t="s">
        <v>16560</v>
      </c>
      <c r="I29139" s="2">
        <v>1</v>
      </c>
      <c r="J29139" s="2">
        <v>0</v>
      </c>
      <c r="K29139" s="2">
        <v>0</v>
      </c>
      <c r="L29139" t="s">
        <v>120</v>
      </c>
      <c r="M29139" t="s">
        <v>87</v>
      </c>
      <c r="N29139" t="s">
        <v>88</v>
      </c>
      <c r="O29139" t="s">
        <v>85</v>
      </c>
      <c r="P29139" t="s">
        <v>86</v>
      </c>
      <c r="Q29139">
        <v>7</v>
      </c>
      <c r="R29139">
        <v>7</v>
      </c>
      <c r="S29139">
        <v>7</v>
      </c>
      <c r="T29139">
        <v>7</v>
      </c>
      <c r="U29139">
        <v>7</v>
      </c>
      <c r="V29139">
        <v>7</v>
      </c>
      <c r="W29139">
        <v>7</v>
      </c>
      <c r="X29139">
        <v>7</v>
      </c>
      <c r="Y29139">
        <v>7</v>
      </c>
      <c r="Z29139">
        <v>7</v>
      </c>
      <c r="AA29139">
        <v>7</v>
      </c>
      <c r="AB29139">
        <v>7</v>
      </c>
      <c r="AC29139">
        <v>7</v>
      </c>
      <c r="AD29139">
        <v>7</v>
      </c>
      <c r="AE29139">
        <v>7</v>
      </c>
      <c r="AF29139">
        <v>7</v>
      </c>
      <c r="AG29139">
        <v>7</v>
      </c>
      <c r="AH29139">
        <v>7</v>
      </c>
      <c r="AI29139">
        <v>7</v>
      </c>
      <c r="AJ29139">
        <v>7</v>
      </c>
      <c r="AK29139">
        <v>7</v>
      </c>
      <c r="AL29139">
        <v>7</v>
      </c>
      <c r="AM29139">
        <v>7</v>
      </c>
      <c r="AN29139">
        <v>7</v>
      </c>
      <c r="AO29139">
        <v>7</v>
      </c>
      <c r="AP29139">
        <v>7</v>
      </c>
      <c r="AQ29139">
        <v>7</v>
      </c>
    </row>
    <row r="29140" spans="1:43">
      <c r="A29140" t="s">
        <v>18041</v>
      </c>
      <c r="B29140" t="s">
        <v>18042</v>
      </c>
      <c r="C29140" t="s">
        <v>18037</v>
      </c>
      <c r="D29140" t="s">
        <v>18038</v>
      </c>
      <c r="E29140" t="s">
        <v>18039</v>
      </c>
      <c r="F29140" t="s">
        <v>18040</v>
      </c>
      <c r="G29140" t="s">
        <v>16559</v>
      </c>
      <c r="H29140" t="s">
        <v>16560</v>
      </c>
      <c r="I29140" s="2">
        <v>1</v>
      </c>
      <c r="J29140" s="2">
        <v>0</v>
      </c>
      <c r="K29140" s="2">
        <v>0</v>
      </c>
      <c r="L29140" t="s">
        <v>120</v>
      </c>
      <c r="M29140" t="s">
        <v>89</v>
      </c>
      <c r="N29140" t="s">
        <v>90</v>
      </c>
      <c r="O29140" t="s">
        <v>85</v>
      </c>
      <c r="P29140" t="s">
        <v>86</v>
      </c>
      <c r="Q29140">
        <v>7</v>
      </c>
      <c r="R29140">
        <v>7</v>
      </c>
      <c r="S29140">
        <v>7</v>
      </c>
      <c r="T29140">
        <v>7</v>
      </c>
      <c r="U29140">
        <v>7</v>
      </c>
      <c r="V29140">
        <v>8</v>
      </c>
      <c r="W29140">
        <v>8</v>
      </c>
      <c r="X29140">
        <v>8</v>
      </c>
      <c r="Y29140">
        <v>8</v>
      </c>
      <c r="Z29140">
        <v>8</v>
      </c>
      <c r="AA29140">
        <v>8</v>
      </c>
      <c r="AB29140">
        <v>8</v>
      </c>
      <c r="AC29140">
        <v>8</v>
      </c>
      <c r="AD29140">
        <v>8</v>
      </c>
      <c r="AE29140">
        <v>9</v>
      </c>
      <c r="AF29140">
        <v>8</v>
      </c>
      <c r="AG29140">
        <v>8</v>
      </c>
      <c r="AH29140">
        <v>8</v>
      </c>
      <c r="AI29140">
        <v>8</v>
      </c>
      <c r="AJ29140">
        <v>8</v>
      </c>
      <c r="AK29140">
        <v>8</v>
      </c>
      <c r="AL29140">
        <v>8</v>
      </c>
      <c r="AM29140">
        <v>8</v>
      </c>
      <c r="AN29140">
        <v>8</v>
      </c>
      <c r="AO29140">
        <v>8</v>
      </c>
      <c r="AP29140">
        <v>8</v>
      </c>
      <c r="AQ29140">
        <v>8</v>
      </c>
    </row>
    <row r="29141" spans="1:43">
      <c r="A29141" t="s">
        <v>18041</v>
      </c>
      <c r="B29141" t="s">
        <v>18042</v>
      </c>
      <c r="C29141" t="s">
        <v>18037</v>
      </c>
      <c r="D29141" t="s">
        <v>18038</v>
      </c>
      <c r="E29141" t="s">
        <v>18039</v>
      </c>
      <c r="F29141" t="s">
        <v>18040</v>
      </c>
      <c r="G29141" t="s">
        <v>16559</v>
      </c>
      <c r="H29141" t="s">
        <v>16560</v>
      </c>
      <c r="I29141" s="2">
        <v>1</v>
      </c>
      <c r="J29141" s="2">
        <v>0</v>
      </c>
      <c r="K29141" s="2">
        <v>0</v>
      </c>
      <c r="L29141" t="s">
        <v>120</v>
      </c>
      <c r="M29141" t="s">
        <v>83</v>
      </c>
      <c r="N29141" t="s">
        <v>91</v>
      </c>
      <c r="O29141" t="s">
        <v>85</v>
      </c>
      <c r="P29141" t="s">
        <v>86</v>
      </c>
      <c r="Q29141">
        <v>7</v>
      </c>
      <c r="R29141">
        <v>7</v>
      </c>
      <c r="S29141">
        <v>7</v>
      </c>
      <c r="T29141">
        <v>7</v>
      </c>
      <c r="U29141">
        <v>7</v>
      </c>
      <c r="V29141">
        <v>7</v>
      </c>
      <c r="W29141">
        <v>7</v>
      </c>
      <c r="X29141">
        <v>7</v>
      </c>
      <c r="Y29141">
        <v>7</v>
      </c>
      <c r="Z29141">
        <v>8</v>
      </c>
      <c r="AA29141">
        <v>8</v>
      </c>
      <c r="AB29141">
        <v>8</v>
      </c>
      <c r="AC29141">
        <v>8</v>
      </c>
      <c r="AD29141">
        <v>8</v>
      </c>
      <c r="AE29141">
        <v>8</v>
      </c>
      <c r="AF29141">
        <v>8</v>
      </c>
      <c r="AG29141">
        <v>8</v>
      </c>
      <c r="AH29141">
        <v>8</v>
      </c>
      <c r="AI29141">
        <v>8</v>
      </c>
      <c r="AJ29141">
        <v>8</v>
      </c>
      <c r="AK29141">
        <v>8</v>
      </c>
      <c r="AL29141">
        <v>8</v>
      </c>
      <c r="AM29141">
        <v>8</v>
      </c>
      <c r="AN29141">
        <v>8</v>
      </c>
      <c r="AO29141">
        <v>8</v>
      </c>
      <c r="AP29141">
        <v>8</v>
      </c>
      <c r="AQ29141">
        <v>8</v>
      </c>
    </row>
    <row r="29142" spans="1:43">
      <c r="A29142" t="s">
        <v>18043</v>
      </c>
      <c r="B29142" t="s">
        <v>18044</v>
      </c>
      <c r="C29142" t="s">
        <v>18037</v>
      </c>
      <c r="D29142" t="s">
        <v>18038</v>
      </c>
      <c r="E29142" t="s">
        <v>18039</v>
      </c>
      <c r="F29142" t="s">
        <v>18040</v>
      </c>
      <c r="G29142" t="s">
        <v>16559</v>
      </c>
      <c r="H29142" t="s">
        <v>16560</v>
      </c>
      <c r="I29142" s="2">
        <v>1</v>
      </c>
      <c r="J29142" s="2">
        <v>0</v>
      </c>
      <c r="K29142" s="2">
        <v>0</v>
      </c>
      <c r="L29142" t="s">
        <v>120</v>
      </c>
      <c r="M29142" t="s">
        <v>83</v>
      </c>
      <c r="N29142" t="s">
        <v>84</v>
      </c>
      <c r="O29142" t="s">
        <v>85</v>
      </c>
      <c r="P29142" t="s">
        <v>86</v>
      </c>
      <c r="Q29142">
        <v>29</v>
      </c>
      <c r="R29142">
        <v>30</v>
      </c>
      <c r="S29142">
        <v>30</v>
      </c>
      <c r="T29142">
        <v>30</v>
      </c>
      <c r="U29142">
        <v>31</v>
      </c>
      <c r="V29142">
        <v>31</v>
      </c>
      <c r="W29142">
        <v>31</v>
      </c>
      <c r="X29142">
        <v>32</v>
      </c>
      <c r="Y29142">
        <v>32</v>
      </c>
      <c r="Z29142">
        <v>32</v>
      </c>
      <c r="AA29142">
        <v>33</v>
      </c>
      <c r="AB29142">
        <v>33</v>
      </c>
      <c r="AC29142">
        <v>33</v>
      </c>
      <c r="AD29142">
        <v>34</v>
      </c>
      <c r="AE29142">
        <v>34</v>
      </c>
      <c r="AF29142">
        <v>34</v>
      </c>
      <c r="AG29142">
        <v>35</v>
      </c>
      <c r="AH29142">
        <v>35</v>
      </c>
      <c r="AI29142">
        <v>35</v>
      </c>
      <c r="AJ29142">
        <v>35</v>
      </c>
      <c r="AK29142">
        <v>36</v>
      </c>
      <c r="AL29142">
        <v>36</v>
      </c>
      <c r="AM29142">
        <v>36</v>
      </c>
      <c r="AN29142">
        <v>36</v>
      </c>
      <c r="AO29142">
        <v>36</v>
      </c>
      <c r="AP29142">
        <v>36</v>
      </c>
      <c r="AQ29142">
        <v>36</v>
      </c>
    </row>
    <row r="29143" spans="1:43">
      <c r="A29143" t="s">
        <v>18043</v>
      </c>
      <c r="B29143" t="s">
        <v>18044</v>
      </c>
      <c r="C29143" t="s">
        <v>18037</v>
      </c>
      <c r="D29143" t="s">
        <v>18038</v>
      </c>
      <c r="E29143" t="s">
        <v>18039</v>
      </c>
      <c r="F29143" t="s">
        <v>18040</v>
      </c>
      <c r="G29143" t="s">
        <v>16559</v>
      </c>
      <c r="H29143" t="s">
        <v>16560</v>
      </c>
      <c r="I29143" s="2">
        <v>1</v>
      </c>
      <c r="J29143" s="2">
        <v>0</v>
      </c>
      <c r="K29143" s="2">
        <v>0</v>
      </c>
      <c r="L29143" t="s">
        <v>120</v>
      </c>
      <c r="M29143" t="s">
        <v>87</v>
      </c>
      <c r="N29143" t="s">
        <v>88</v>
      </c>
      <c r="O29143" t="s">
        <v>85</v>
      </c>
      <c r="P29143" t="s">
        <v>86</v>
      </c>
      <c r="Q29143">
        <v>29</v>
      </c>
      <c r="R29143">
        <v>29</v>
      </c>
      <c r="S29143">
        <v>29</v>
      </c>
      <c r="T29143">
        <v>29</v>
      </c>
      <c r="U29143">
        <v>29</v>
      </c>
      <c r="V29143">
        <v>29</v>
      </c>
      <c r="W29143">
        <v>30</v>
      </c>
      <c r="X29143">
        <v>30</v>
      </c>
      <c r="Y29143">
        <v>30</v>
      </c>
      <c r="Z29143">
        <v>30</v>
      </c>
      <c r="AA29143">
        <v>30</v>
      </c>
      <c r="AB29143">
        <v>30</v>
      </c>
      <c r="AC29143">
        <v>30</v>
      </c>
      <c r="AD29143">
        <v>30</v>
      </c>
      <c r="AE29143">
        <v>30</v>
      </c>
      <c r="AF29143">
        <v>30</v>
      </c>
      <c r="AG29143">
        <v>30</v>
      </c>
      <c r="AH29143">
        <v>30</v>
      </c>
      <c r="AI29143">
        <v>30</v>
      </c>
      <c r="AJ29143">
        <v>30</v>
      </c>
      <c r="AK29143">
        <v>30</v>
      </c>
      <c r="AL29143">
        <v>30</v>
      </c>
      <c r="AM29143">
        <v>31</v>
      </c>
      <c r="AN29143">
        <v>31</v>
      </c>
      <c r="AO29143">
        <v>31</v>
      </c>
      <c r="AP29143">
        <v>31</v>
      </c>
      <c r="AQ29143">
        <v>31</v>
      </c>
    </row>
    <row r="29144" spans="1:43">
      <c r="A29144" t="s">
        <v>18043</v>
      </c>
      <c r="B29144" t="s">
        <v>18044</v>
      </c>
      <c r="C29144" t="s">
        <v>18037</v>
      </c>
      <c r="D29144" t="s">
        <v>18038</v>
      </c>
      <c r="E29144" t="s">
        <v>18039</v>
      </c>
      <c r="F29144" t="s">
        <v>18040</v>
      </c>
      <c r="G29144" t="s">
        <v>16559</v>
      </c>
      <c r="H29144" t="s">
        <v>16560</v>
      </c>
      <c r="I29144" s="2">
        <v>1</v>
      </c>
      <c r="J29144" s="2">
        <v>0</v>
      </c>
      <c r="K29144" s="2">
        <v>0</v>
      </c>
      <c r="L29144" t="s">
        <v>120</v>
      </c>
      <c r="M29144" t="s">
        <v>89</v>
      </c>
      <c r="N29144" t="s">
        <v>90</v>
      </c>
      <c r="O29144" t="s">
        <v>85</v>
      </c>
      <c r="P29144" t="s">
        <v>86</v>
      </c>
      <c r="Q29144">
        <v>29</v>
      </c>
      <c r="R29144">
        <v>29</v>
      </c>
      <c r="S29144">
        <v>30</v>
      </c>
      <c r="T29144">
        <v>30</v>
      </c>
      <c r="U29144">
        <v>31</v>
      </c>
      <c r="V29144">
        <v>32</v>
      </c>
      <c r="W29144">
        <v>32</v>
      </c>
      <c r="X29144">
        <v>33</v>
      </c>
      <c r="Y29144">
        <v>33</v>
      </c>
      <c r="Z29144">
        <v>33</v>
      </c>
      <c r="AA29144">
        <v>34</v>
      </c>
      <c r="AB29144">
        <v>34</v>
      </c>
      <c r="AC29144">
        <v>35</v>
      </c>
      <c r="AD29144">
        <v>35</v>
      </c>
      <c r="AE29144">
        <v>35</v>
      </c>
      <c r="AF29144">
        <v>35</v>
      </c>
      <c r="AG29144">
        <v>35</v>
      </c>
      <c r="AH29144">
        <v>35</v>
      </c>
      <c r="AI29144">
        <v>35</v>
      </c>
      <c r="AJ29144">
        <v>35</v>
      </c>
      <c r="AK29144">
        <v>35</v>
      </c>
      <c r="AL29144">
        <v>35</v>
      </c>
      <c r="AM29144">
        <v>35</v>
      </c>
      <c r="AN29144">
        <v>35</v>
      </c>
      <c r="AO29144">
        <v>35</v>
      </c>
      <c r="AP29144">
        <v>35</v>
      </c>
      <c r="AQ29144">
        <v>35</v>
      </c>
    </row>
    <row r="29145" spans="1:43">
      <c r="A29145" t="s">
        <v>18043</v>
      </c>
      <c r="B29145" t="s">
        <v>18044</v>
      </c>
      <c r="C29145" t="s">
        <v>18037</v>
      </c>
      <c r="D29145" t="s">
        <v>18038</v>
      </c>
      <c r="E29145" t="s">
        <v>18039</v>
      </c>
      <c r="F29145" t="s">
        <v>18040</v>
      </c>
      <c r="G29145" t="s">
        <v>16559</v>
      </c>
      <c r="H29145" t="s">
        <v>16560</v>
      </c>
      <c r="I29145" s="2">
        <v>1</v>
      </c>
      <c r="J29145" s="2">
        <v>0</v>
      </c>
      <c r="K29145" s="2">
        <v>0</v>
      </c>
      <c r="L29145" t="s">
        <v>120</v>
      </c>
      <c r="M29145" t="s">
        <v>83</v>
      </c>
      <c r="N29145" t="s">
        <v>91</v>
      </c>
      <c r="O29145" t="s">
        <v>85</v>
      </c>
      <c r="P29145" t="s">
        <v>86</v>
      </c>
      <c r="Q29145">
        <v>29</v>
      </c>
      <c r="R29145">
        <v>30</v>
      </c>
      <c r="S29145">
        <v>30</v>
      </c>
      <c r="T29145">
        <v>30</v>
      </c>
      <c r="U29145">
        <v>31</v>
      </c>
      <c r="V29145">
        <v>31</v>
      </c>
      <c r="W29145">
        <v>31</v>
      </c>
      <c r="X29145">
        <v>32</v>
      </c>
      <c r="Y29145">
        <v>32</v>
      </c>
      <c r="Z29145">
        <v>32</v>
      </c>
      <c r="AA29145">
        <v>33</v>
      </c>
      <c r="AB29145">
        <v>33</v>
      </c>
      <c r="AC29145">
        <v>33</v>
      </c>
      <c r="AD29145">
        <v>34</v>
      </c>
      <c r="AE29145">
        <v>34</v>
      </c>
      <c r="AF29145">
        <v>34</v>
      </c>
      <c r="AG29145">
        <v>35</v>
      </c>
      <c r="AH29145">
        <v>35</v>
      </c>
      <c r="AI29145">
        <v>35</v>
      </c>
      <c r="AJ29145">
        <v>35</v>
      </c>
      <c r="AK29145">
        <v>36</v>
      </c>
      <c r="AL29145">
        <v>36</v>
      </c>
      <c r="AM29145">
        <v>36</v>
      </c>
      <c r="AN29145">
        <v>36</v>
      </c>
      <c r="AO29145">
        <v>36</v>
      </c>
      <c r="AP29145">
        <v>36</v>
      </c>
      <c r="AQ29145">
        <v>36</v>
      </c>
    </row>
    <row r="29146" spans="1:43">
      <c r="A29146" t="s">
        <v>18045</v>
      </c>
      <c r="B29146" t="s">
        <v>18046</v>
      </c>
      <c r="C29146" t="s">
        <v>18037</v>
      </c>
      <c r="D29146" t="s">
        <v>18038</v>
      </c>
      <c r="E29146" t="s">
        <v>18039</v>
      </c>
      <c r="F29146" t="s">
        <v>18040</v>
      </c>
      <c r="G29146" t="s">
        <v>16559</v>
      </c>
      <c r="H29146" t="s">
        <v>16560</v>
      </c>
      <c r="I29146" s="2">
        <v>1</v>
      </c>
      <c r="J29146" s="2">
        <v>0</v>
      </c>
      <c r="K29146" s="2">
        <v>0</v>
      </c>
      <c r="L29146" t="s">
        <v>120</v>
      </c>
      <c r="M29146" t="s">
        <v>83</v>
      </c>
      <c r="N29146" t="s">
        <v>84</v>
      </c>
      <c r="O29146" t="s">
        <v>85</v>
      </c>
      <c r="P29146" t="s">
        <v>86</v>
      </c>
      <c r="Q29146">
        <v>19</v>
      </c>
      <c r="R29146">
        <v>19</v>
      </c>
      <c r="S29146">
        <v>19</v>
      </c>
      <c r="T29146">
        <v>19</v>
      </c>
      <c r="U29146">
        <v>19</v>
      </c>
      <c r="V29146">
        <v>20</v>
      </c>
      <c r="W29146">
        <v>20</v>
      </c>
      <c r="X29146">
        <v>20</v>
      </c>
      <c r="Y29146">
        <v>20</v>
      </c>
      <c r="Z29146">
        <v>20</v>
      </c>
      <c r="AA29146">
        <v>21</v>
      </c>
      <c r="AB29146">
        <v>21</v>
      </c>
      <c r="AC29146">
        <v>21</v>
      </c>
      <c r="AD29146">
        <v>21</v>
      </c>
      <c r="AE29146">
        <v>21</v>
      </c>
      <c r="AF29146">
        <v>22</v>
      </c>
      <c r="AG29146">
        <v>22</v>
      </c>
      <c r="AH29146">
        <v>22</v>
      </c>
      <c r="AI29146">
        <v>22</v>
      </c>
      <c r="AJ29146">
        <v>22</v>
      </c>
      <c r="AK29146">
        <v>23</v>
      </c>
      <c r="AL29146">
        <v>23</v>
      </c>
      <c r="AM29146">
        <v>23</v>
      </c>
      <c r="AN29146">
        <v>23</v>
      </c>
      <c r="AO29146">
        <v>23</v>
      </c>
      <c r="AP29146">
        <v>23</v>
      </c>
      <c r="AQ29146">
        <v>23</v>
      </c>
    </row>
    <row r="29147" spans="1:43">
      <c r="A29147" t="s">
        <v>18045</v>
      </c>
      <c r="B29147" t="s">
        <v>18046</v>
      </c>
      <c r="C29147" t="s">
        <v>18037</v>
      </c>
      <c r="D29147" t="s">
        <v>18038</v>
      </c>
      <c r="E29147" t="s">
        <v>18039</v>
      </c>
      <c r="F29147" t="s">
        <v>18040</v>
      </c>
      <c r="G29147" t="s">
        <v>16559</v>
      </c>
      <c r="H29147" t="s">
        <v>16560</v>
      </c>
      <c r="I29147" s="2">
        <v>1</v>
      </c>
      <c r="J29147" s="2">
        <v>0</v>
      </c>
      <c r="K29147" s="2">
        <v>0</v>
      </c>
      <c r="L29147" t="s">
        <v>120</v>
      </c>
      <c r="M29147" t="s">
        <v>87</v>
      </c>
      <c r="N29147" t="s">
        <v>88</v>
      </c>
      <c r="O29147" t="s">
        <v>85</v>
      </c>
      <c r="P29147" t="s">
        <v>86</v>
      </c>
      <c r="Q29147">
        <v>19</v>
      </c>
      <c r="R29147">
        <v>20</v>
      </c>
      <c r="S29147">
        <v>20</v>
      </c>
      <c r="T29147">
        <v>20</v>
      </c>
      <c r="U29147">
        <v>20</v>
      </c>
      <c r="V29147">
        <v>20</v>
      </c>
      <c r="W29147">
        <v>20</v>
      </c>
      <c r="X29147">
        <v>20</v>
      </c>
      <c r="Y29147">
        <v>20</v>
      </c>
      <c r="Z29147">
        <v>20</v>
      </c>
      <c r="AA29147">
        <v>20</v>
      </c>
      <c r="AB29147">
        <v>20</v>
      </c>
      <c r="AC29147">
        <v>20</v>
      </c>
      <c r="AD29147">
        <v>20</v>
      </c>
      <c r="AE29147">
        <v>20</v>
      </c>
      <c r="AF29147">
        <v>20</v>
      </c>
      <c r="AG29147">
        <v>20</v>
      </c>
      <c r="AH29147">
        <v>20</v>
      </c>
      <c r="AI29147">
        <v>20</v>
      </c>
      <c r="AJ29147">
        <v>20</v>
      </c>
      <c r="AK29147">
        <v>20</v>
      </c>
      <c r="AL29147">
        <v>20</v>
      </c>
      <c r="AM29147">
        <v>20</v>
      </c>
      <c r="AN29147">
        <v>20</v>
      </c>
      <c r="AO29147">
        <v>20</v>
      </c>
      <c r="AP29147">
        <v>21</v>
      </c>
      <c r="AQ29147">
        <v>21</v>
      </c>
    </row>
    <row r="29148" spans="1:43">
      <c r="A29148" t="s">
        <v>18045</v>
      </c>
      <c r="B29148" t="s">
        <v>18046</v>
      </c>
      <c r="C29148" t="s">
        <v>18037</v>
      </c>
      <c r="D29148" t="s">
        <v>18038</v>
      </c>
      <c r="E29148" t="s">
        <v>18039</v>
      </c>
      <c r="F29148" t="s">
        <v>18040</v>
      </c>
      <c r="G29148" t="s">
        <v>16559</v>
      </c>
      <c r="H29148" t="s">
        <v>16560</v>
      </c>
      <c r="I29148" s="2">
        <v>1</v>
      </c>
      <c r="J29148" s="2">
        <v>0</v>
      </c>
      <c r="K29148" s="2">
        <v>0</v>
      </c>
      <c r="L29148" t="s">
        <v>120</v>
      </c>
      <c r="M29148" t="s">
        <v>89</v>
      </c>
      <c r="N29148" t="s">
        <v>90</v>
      </c>
      <c r="O29148" t="s">
        <v>85</v>
      </c>
      <c r="P29148" t="s">
        <v>86</v>
      </c>
      <c r="Q29148">
        <v>19</v>
      </c>
      <c r="R29148">
        <v>19</v>
      </c>
      <c r="S29148">
        <v>20</v>
      </c>
      <c r="T29148">
        <v>20</v>
      </c>
      <c r="U29148">
        <v>20</v>
      </c>
      <c r="V29148">
        <v>21</v>
      </c>
      <c r="W29148">
        <v>21</v>
      </c>
      <c r="X29148">
        <v>21</v>
      </c>
      <c r="Y29148">
        <v>21</v>
      </c>
      <c r="Z29148">
        <v>22</v>
      </c>
      <c r="AA29148">
        <v>22</v>
      </c>
      <c r="AB29148">
        <v>22</v>
      </c>
      <c r="AC29148">
        <v>23</v>
      </c>
      <c r="AD29148">
        <v>23</v>
      </c>
      <c r="AE29148">
        <v>23</v>
      </c>
      <c r="AF29148">
        <v>23</v>
      </c>
      <c r="AG29148">
        <v>23</v>
      </c>
      <c r="AH29148">
        <v>23</v>
      </c>
      <c r="AI29148">
        <v>23</v>
      </c>
      <c r="AJ29148">
        <v>23</v>
      </c>
      <c r="AK29148">
        <v>23</v>
      </c>
      <c r="AL29148">
        <v>23</v>
      </c>
      <c r="AM29148">
        <v>23</v>
      </c>
      <c r="AN29148">
        <v>23</v>
      </c>
      <c r="AO29148">
        <v>23</v>
      </c>
      <c r="AP29148">
        <v>23</v>
      </c>
      <c r="AQ29148">
        <v>23</v>
      </c>
    </row>
    <row r="29149" spans="1:43">
      <c r="A29149" t="s">
        <v>18045</v>
      </c>
      <c r="B29149" t="s">
        <v>18046</v>
      </c>
      <c r="C29149" t="s">
        <v>18037</v>
      </c>
      <c r="D29149" t="s">
        <v>18038</v>
      </c>
      <c r="E29149" t="s">
        <v>18039</v>
      </c>
      <c r="F29149" t="s">
        <v>18040</v>
      </c>
      <c r="G29149" t="s">
        <v>16559</v>
      </c>
      <c r="H29149" t="s">
        <v>16560</v>
      </c>
      <c r="I29149" s="2">
        <v>1</v>
      </c>
      <c r="J29149" s="2">
        <v>0</v>
      </c>
      <c r="K29149" s="2">
        <v>0</v>
      </c>
      <c r="L29149" t="s">
        <v>120</v>
      </c>
      <c r="M29149" t="s">
        <v>83</v>
      </c>
      <c r="N29149" t="s">
        <v>91</v>
      </c>
      <c r="O29149" t="s">
        <v>85</v>
      </c>
      <c r="P29149" t="s">
        <v>86</v>
      </c>
      <c r="Q29149">
        <v>19</v>
      </c>
      <c r="R29149">
        <v>19</v>
      </c>
      <c r="S29149">
        <v>19</v>
      </c>
      <c r="T29149">
        <v>19</v>
      </c>
      <c r="U29149">
        <v>19</v>
      </c>
      <c r="V29149">
        <v>20</v>
      </c>
      <c r="W29149">
        <v>20</v>
      </c>
      <c r="X29149">
        <v>20</v>
      </c>
      <c r="Y29149">
        <v>20</v>
      </c>
      <c r="Z29149">
        <v>20</v>
      </c>
      <c r="AA29149">
        <v>21</v>
      </c>
      <c r="AB29149">
        <v>21</v>
      </c>
      <c r="AC29149">
        <v>21</v>
      </c>
      <c r="AD29149">
        <v>21</v>
      </c>
      <c r="AE29149">
        <v>21</v>
      </c>
      <c r="AF29149">
        <v>22</v>
      </c>
      <c r="AG29149">
        <v>22</v>
      </c>
      <c r="AH29149">
        <v>22</v>
      </c>
      <c r="AI29149">
        <v>22</v>
      </c>
      <c r="AJ29149">
        <v>22</v>
      </c>
      <c r="AK29149">
        <v>23</v>
      </c>
      <c r="AL29149">
        <v>23</v>
      </c>
      <c r="AM29149">
        <v>23</v>
      </c>
      <c r="AN29149">
        <v>23</v>
      </c>
      <c r="AO29149">
        <v>23</v>
      </c>
      <c r="AP29149">
        <v>23</v>
      </c>
      <c r="AQ29149">
        <v>23</v>
      </c>
    </row>
    <row r="29150" spans="1:43">
      <c r="A29150" t="s">
        <v>18047</v>
      </c>
      <c r="B29150" t="s">
        <v>18048</v>
      </c>
      <c r="C29150" t="s">
        <v>18049</v>
      </c>
      <c r="D29150" t="s">
        <v>18050</v>
      </c>
      <c r="E29150" t="s">
        <v>18039</v>
      </c>
      <c r="F29150" t="s">
        <v>18040</v>
      </c>
      <c r="G29150" t="s">
        <v>16559</v>
      </c>
      <c r="H29150" t="s">
        <v>16560</v>
      </c>
      <c r="I29150" s="2">
        <v>1</v>
      </c>
      <c r="J29150" s="2">
        <v>0</v>
      </c>
      <c r="K29150" s="2">
        <v>0</v>
      </c>
      <c r="L29150" t="s">
        <v>120</v>
      </c>
      <c r="M29150" t="s">
        <v>83</v>
      </c>
      <c r="N29150" t="s">
        <v>84</v>
      </c>
      <c r="O29150" t="s">
        <v>85</v>
      </c>
      <c r="P29150" t="s">
        <v>86</v>
      </c>
      <c r="Q29150">
        <v>84</v>
      </c>
      <c r="R29150">
        <v>85</v>
      </c>
      <c r="S29150">
        <v>86</v>
      </c>
      <c r="T29150">
        <v>87</v>
      </c>
      <c r="U29150">
        <v>88</v>
      </c>
      <c r="V29150">
        <v>89</v>
      </c>
      <c r="W29150">
        <v>90</v>
      </c>
      <c r="X29150">
        <v>91</v>
      </c>
      <c r="Y29150">
        <v>92</v>
      </c>
      <c r="Z29150">
        <v>93</v>
      </c>
      <c r="AA29150">
        <v>94</v>
      </c>
      <c r="AB29150">
        <v>94</v>
      </c>
      <c r="AC29150">
        <v>95</v>
      </c>
      <c r="AD29150">
        <v>96</v>
      </c>
      <c r="AE29150">
        <v>97</v>
      </c>
      <c r="AF29150">
        <v>98</v>
      </c>
      <c r="AG29150">
        <v>99</v>
      </c>
      <c r="AH29150">
        <v>100</v>
      </c>
      <c r="AI29150">
        <v>101</v>
      </c>
      <c r="AJ29150">
        <v>102</v>
      </c>
      <c r="AK29150">
        <v>103</v>
      </c>
      <c r="AL29150">
        <v>103</v>
      </c>
      <c r="AM29150">
        <v>103</v>
      </c>
      <c r="AN29150">
        <v>103</v>
      </c>
      <c r="AO29150">
        <v>103</v>
      </c>
      <c r="AP29150">
        <v>103</v>
      </c>
      <c r="AQ29150">
        <v>103</v>
      </c>
    </row>
    <row r="29151" spans="1:43">
      <c r="A29151" t="s">
        <v>18047</v>
      </c>
      <c r="B29151" t="s">
        <v>18048</v>
      </c>
      <c r="C29151" t="s">
        <v>18049</v>
      </c>
      <c r="D29151" t="s">
        <v>18050</v>
      </c>
      <c r="E29151" t="s">
        <v>18039</v>
      </c>
      <c r="F29151" t="s">
        <v>18040</v>
      </c>
      <c r="G29151" t="s">
        <v>16559</v>
      </c>
      <c r="H29151" t="s">
        <v>16560</v>
      </c>
      <c r="I29151" s="2">
        <v>1</v>
      </c>
      <c r="J29151" s="2">
        <v>0</v>
      </c>
      <c r="K29151" s="2">
        <v>0</v>
      </c>
      <c r="L29151" t="s">
        <v>120</v>
      </c>
      <c r="M29151" t="s">
        <v>87</v>
      </c>
      <c r="N29151" t="s">
        <v>88</v>
      </c>
      <c r="O29151" t="s">
        <v>85</v>
      </c>
      <c r="P29151" t="s">
        <v>86</v>
      </c>
      <c r="Q29151">
        <v>84</v>
      </c>
      <c r="R29151">
        <v>85</v>
      </c>
      <c r="S29151">
        <v>85</v>
      </c>
      <c r="T29151">
        <v>85</v>
      </c>
      <c r="U29151">
        <v>85</v>
      </c>
      <c r="V29151">
        <v>85</v>
      </c>
      <c r="W29151">
        <v>85</v>
      </c>
      <c r="X29151">
        <v>86</v>
      </c>
      <c r="Y29151">
        <v>86</v>
      </c>
      <c r="Z29151">
        <v>86</v>
      </c>
      <c r="AA29151">
        <v>86</v>
      </c>
      <c r="AB29151">
        <v>86</v>
      </c>
      <c r="AC29151">
        <v>87</v>
      </c>
      <c r="AD29151">
        <v>87</v>
      </c>
      <c r="AE29151">
        <v>87</v>
      </c>
      <c r="AF29151">
        <v>87</v>
      </c>
      <c r="AG29151">
        <v>87</v>
      </c>
      <c r="AH29151">
        <v>88</v>
      </c>
      <c r="AI29151">
        <v>88</v>
      </c>
      <c r="AJ29151">
        <v>88</v>
      </c>
      <c r="AK29151">
        <v>88</v>
      </c>
      <c r="AL29151">
        <v>89</v>
      </c>
      <c r="AM29151">
        <v>89</v>
      </c>
      <c r="AN29151">
        <v>89</v>
      </c>
      <c r="AO29151">
        <v>89</v>
      </c>
      <c r="AP29151">
        <v>89</v>
      </c>
      <c r="AQ29151">
        <v>90</v>
      </c>
    </row>
    <row r="29152" spans="1:43">
      <c r="A29152" t="s">
        <v>18047</v>
      </c>
      <c r="B29152" t="s">
        <v>18048</v>
      </c>
      <c r="C29152" t="s">
        <v>18049</v>
      </c>
      <c r="D29152" t="s">
        <v>18050</v>
      </c>
      <c r="E29152" t="s">
        <v>18039</v>
      </c>
      <c r="F29152" t="s">
        <v>18040</v>
      </c>
      <c r="G29152" t="s">
        <v>16559</v>
      </c>
      <c r="H29152" t="s">
        <v>16560</v>
      </c>
      <c r="I29152" s="2">
        <v>1</v>
      </c>
      <c r="J29152" s="2">
        <v>0</v>
      </c>
      <c r="K29152" s="2">
        <v>0</v>
      </c>
      <c r="L29152" t="s">
        <v>120</v>
      </c>
      <c r="M29152" t="s">
        <v>89</v>
      </c>
      <c r="N29152" t="s">
        <v>90</v>
      </c>
      <c r="O29152" t="s">
        <v>85</v>
      </c>
      <c r="P29152" t="s">
        <v>86</v>
      </c>
      <c r="Q29152">
        <v>84</v>
      </c>
      <c r="R29152">
        <v>86</v>
      </c>
      <c r="S29152">
        <v>87</v>
      </c>
      <c r="T29152">
        <v>89</v>
      </c>
      <c r="U29152">
        <v>90</v>
      </c>
      <c r="V29152">
        <v>92</v>
      </c>
      <c r="W29152">
        <v>93</v>
      </c>
      <c r="X29152">
        <v>95</v>
      </c>
      <c r="Y29152">
        <v>96</v>
      </c>
      <c r="Z29152">
        <v>97</v>
      </c>
      <c r="AA29152">
        <v>99</v>
      </c>
      <c r="AB29152">
        <v>100</v>
      </c>
      <c r="AC29152">
        <v>101</v>
      </c>
      <c r="AD29152">
        <v>103</v>
      </c>
      <c r="AE29152">
        <v>103</v>
      </c>
      <c r="AF29152">
        <v>103</v>
      </c>
      <c r="AG29152">
        <v>103</v>
      </c>
      <c r="AH29152">
        <v>103</v>
      </c>
      <c r="AI29152">
        <v>103</v>
      </c>
      <c r="AJ29152">
        <v>103</v>
      </c>
      <c r="AK29152">
        <v>103</v>
      </c>
      <c r="AL29152">
        <v>103</v>
      </c>
      <c r="AM29152">
        <v>103</v>
      </c>
      <c r="AN29152">
        <v>103</v>
      </c>
      <c r="AO29152">
        <v>103</v>
      </c>
      <c r="AP29152">
        <v>103</v>
      </c>
      <c r="AQ29152">
        <v>103</v>
      </c>
    </row>
    <row r="29153" spans="1:43">
      <c r="A29153" t="s">
        <v>18047</v>
      </c>
      <c r="B29153" t="s">
        <v>18048</v>
      </c>
      <c r="C29153" t="s">
        <v>18049</v>
      </c>
      <c r="D29153" t="s">
        <v>18050</v>
      </c>
      <c r="E29153" t="s">
        <v>18039</v>
      </c>
      <c r="F29153" t="s">
        <v>18040</v>
      </c>
      <c r="G29153" t="s">
        <v>16559</v>
      </c>
      <c r="H29153" t="s">
        <v>16560</v>
      </c>
      <c r="I29153" s="2">
        <v>1</v>
      </c>
      <c r="J29153" s="2">
        <v>0</v>
      </c>
      <c r="K29153" s="2">
        <v>0</v>
      </c>
      <c r="L29153" t="s">
        <v>120</v>
      </c>
      <c r="M29153" t="s">
        <v>83</v>
      </c>
      <c r="N29153" t="s">
        <v>91</v>
      </c>
      <c r="O29153" t="s">
        <v>85</v>
      </c>
      <c r="P29153" t="s">
        <v>86</v>
      </c>
      <c r="Q29153">
        <v>84</v>
      </c>
      <c r="R29153">
        <v>85</v>
      </c>
      <c r="S29153">
        <v>86</v>
      </c>
      <c r="T29153">
        <v>87</v>
      </c>
      <c r="U29153">
        <v>88</v>
      </c>
      <c r="V29153">
        <v>89</v>
      </c>
      <c r="W29153">
        <v>90</v>
      </c>
      <c r="X29153">
        <v>91</v>
      </c>
      <c r="Y29153">
        <v>92</v>
      </c>
      <c r="Z29153">
        <v>93</v>
      </c>
      <c r="AA29153">
        <v>94</v>
      </c>
      <c r="AB29153">
        <v>94</v>
      </c>
      <c r="AC29153">
        <v>95</v>
      </c>
      <c r="AD29153">
        <v>96</v>
      </c>
      <c r="AE29153">
        <v>97</v>
      </c>
      <c r="AF29153">
        <v>98</v>
      </c>
      <c r="AG29153">
        <v>99</v>
      </c>
      <c r="AH29153">
        <v>100</v>
      </c>
      <c r="AI29153">
        <v>101</v>
      </c>
      <c r="AJ29153">
        <v>102</v>
      </c>
      <c r="AK29153">
        <v>103</v>
      </c>
      <c r="AL29153">
        <v>103</v>
      </c>
      <c r="AM29153">
        <v>103</v>
      </c>
      <c r="AN29153">
        <v>103</v>
      </c>
      <c r="AO29153">
        <v>103</v>
      </c>
      <c r="AP29153">
        <v>103</v>
      </c>
      <c r="AQ29153">
        <v>103</v>
      </c>
    </row>
    <row r="29154" spans="1:43">
      <c r="A29154" t="s">
        <v>18051</v>
      </c>
      <c r="B29154" t="s">
        <v>18052</v>
      </c>
      <c r="C29154" t="s">
        <v>18049</v>
      </c>
      <c r="D29154" t="s">
        <v>18050</v>
      </c>
      <c r="E29154" t="s">
        <v>18039</v>
      </c>
      <c r="F29154" t="s">
        <v>18040</v>
      </c>
      <c r="G29154" t="s">
        <v>16559</v>
      </c>
      <c r="H29154" t="s">
        <v>16560</v>
      </c>
      <c r="I29154" s="2">
        <v>1</v>
      </c>
      <c r="J29154" s="2">
        <v>0</v>
      </c>
      <c r="K29154" s="2">
        <v>0</v>
      </c>
      <c r="L29154" t="s">
        <v>120</v>
      </c>
      <c r="M29154" t="s">
        <v>83</v>
      </c>
      <c r="N29154" t="s">
        <v>84</v>
      </c>
      <c r="O29154" t="s">
        <v>85</v>
      </c>
      <c r="P29154" t="s">
        <v>86</v>
      </c>
      <c r="Q29154">
        <v>12</v>
      </c>
      <c r="R29154">
        <v>12</v>
      </c>
      <c r="S29154">
        <v>13</v>
      </c>
      <c r="T29154">
        <v>13</v>
      </c>
      <c r="U29154">
        <v>13</v>
      </c>
      <c r="V29154">
        <v>13</v>
      </c>
      <c r="W29154">
        <v>13</v>
      </c>
      <c r="X29154">
        <v>13</v>
      </c>
      <c r="Y29154">
        <v>13</v>
      </c>
      <c r="Z29154">
        <v>13</v>
      </c>
      <c r="AA29154">
        <v>14</v>
      </c>
      <c r="AB29154">
        <v>14</v>
      </c>
      <c r="AC29154">
        <v>14</v>
      </c>
      <c r="AD29154">
        <v>14</v>
      </c>
      <c r="AE29154">
        <v>14</v>
      </c>
      <c r="AF29154">
        <v>14</v>
      </c>
      <c r="AG29154">
        <v>14</v>
      </c>
      <c r="AH29154">
        <v>14</v>
      </c>
      <c r="AI29154">
        <v>15</v>
      </c>
      <c r="AJ29154">
        <v>15</v>
      </c>
      <c r="AK29154">
        <v>15</v>
      </c>
      <c r="AL29154">
        <v>15</v>
      </c>
      <c r="AM29154">
        <v>15</v>
      </c>
      <c r="AN29154">
        <v>15</v>
      </c>
      <c r="AO29154">
        <v>15</v>
      </c>
      <c r="AP29154">
        <v>15</v>
      </c>
      <c r="AQ29154">
        <v>15</v>
      </c>
    </row>
    <row r="29155" spans="1:43">
      <c r="A29155" t="s">
        <v>18051</v>
      </c>
      <c r="B29155" t="s">
        <v>18052</v>
      </c>
      <c r="C29155" t="s">
        <v>18049</v>
      </c>
      <c r="D29155" t="s">
        <v>18050</v>
      </c>
      <c r="E29155" t="s">
        <v>18039</v>
      </c>
      <c r="F29155" t="s">
        <v>18040</v>
      </c>
      <c r="G29155" t="s">
        <v>16559</v>
      </c>
      <c r="H29155" t="s">
        <v>16560</v>
      </c>
      <c r="I29155" s="2">
        <v>1</v>
      </c>
      <c r="J29155" s="2">
        <v>0</v>
      </c>
      <c r="K29155" s="2">
        <v>0</v>
      </c>
      <c r="L29155" t="s">
        <v>120</v>
      </c>
      <c r="M29155" t="s">
        <v>87</v>
      </c>
      <c r="N29155" t="s">
        <v>88</v>
      </c>
      <c r="O29155" t="s">
        <v>85</v>
      </c>
      <c r="P29155" t="s">
        <v>86</v>
      </c>
      <c r="Q29155">
        <v>12</v>
      </c>
      <c r="R29155">
        <v>12</v>
      </c>
      <c r="S29155">
        <v>12</v>
      </c>
      <c r="T29155">
        <v>12</v>
      </c>
      <c r="U29155">
        <v>12</v>
      </c>
      <c r="V29155">
        <v>12</v>
      </c>
      <c r="W29155">
        <v>12</v>
      </c>
      <c r="X29155">
        <v>12</v>
      </c>
      <c r="Y29155">
        <v>12</v>
      </c>
      <c r="Z29155">
        <v>12</v>
      </c>
      <c r="AA29155">
        <v>12</v>
      </c>
      <c r="AB29155">
        <v>12</v>
      </c>
      <c r="AC29155">
        <v>12</v>
      </c>
      <c r="AD29155">
        <v>12</v>
      </c>
      <c r="AE29155">
        <v>12</v>
      </c>
      <c r="AF29155">
        <v>13</v>
      </c>
      <c r="AG29155">
        <v>13</v>
      </c>
      <c r="AH29155">
        <v>13</v>
      </c>
      <c r="AI29155">
        <v>13</v>
      </c>
      <c r="AJ29155">
        <v>13</v>
      </c>
      <c r="AK29155">
        <v>13</v>
      </c>
      <c r="AL29155">
        <v>13</v>
      </c>
      <c r="AM29155">
        <v>13</v>
      </c>
      <c r="AN29155">
        <v>13</v>
      </c>
      <c r="AO29155">
        <v>13</v>
      </c>
      <c r="AP29155">
        <v>13</v>
      </c>
      <c r="AQ29155">
        <v>13</v>
      </c>
    </row>
    <row r="29156" spans="1:43">
      <c r="A29156" t="s">
        <v>18051</v>
      </c>
      <c r="B29156" t="s">
        <v>18052</v>
      </c>
      <c r="C29156" t="s">
        <v>18049</v>
      </c>
      <c r="D29156" t="s">
        <v>18050</v>
      </c>
      <c r="E29156" t="s">
        <v>18039</v>
      </c>
      <c r="F29156" t="s">
        <v>18040</v>
      </c>
      <c r="G29156" t="s">
        <v>16559</v>
      </c>
      <c r="H29156" t="s">
        <v>16560</v>
      </c>
      <c r="I29156" s="2">
        <v>1</v>
      </c>
      <c r="J29156" s="2">
        <v>0</v>
      </c>
      <c r="K29156" s="2">
        <v>0</v>
      </c>
      <c r="L29156" t="s">
        <v>120</v>
      </c>
      <c r="M29156" t="s">
        <v>89</v>
      </c>
      <c r="N29156" t="s">
        <v>90</v>
      </c>
      <c r="O29156" t="s">
        <v>85</v>
      </c>
      <c r="P29156" t="s">
        <v>86</v>
      </c>
      <c r="Q29156">
        <v>12</v>
      </c>
      <c r="R29156">
        <v>13</v>
      </c>
      <c r="S29156">
        <v>13</v>
      </c>
      <c r="T29156">
        <v>13</v>
      </c>
      <c r="U29156">
        <v>13</v>
      </c>
      <c r="V29156">
        <v>14</v>
      </c>
      <c r="W29156">
        <v>14</v>
      </c>
      <c r="X29156">
        <v>14</v>
      </c>
      <c r="Y29156">
        <v>14</v>
      </c>
      <c r="Z29156">
        <v>14</v>
      </c>
      <c r="AA29156">
        <v>14</v>
      </c>
      <c r="AB29156">
        <v>15</v>
      </c>
      <c r="AC29156">
        <v>15</v>
      </c>
      <c r="AD29156">
        <v>15</v>
      </c>
      <c r="AE29156">
        <v>15</v>
      </c>
      <c r="AF29156">
        <v>15</v>
      </c>
      <c r="AG29156">
        <v>15</v>
      </c>
      <c r="AH29156">
        <v>15</v>
      </c>
      <c r="AI29156">
        <v>15</v>
      </c>
      <c r="AJ29156">
        <v>15</v>
      </c>
      <c r="AK29156">
        <v>15</v>
      </c>
      <c r="AL29156">
        <v>15</v>
      </c>
      <c r="AM29156">
        <v>15</v>
      </c>
      <c r="AN29156">
        <v>15</v>
      </c>
      <c r="AO29156">
        <v>15</v>
      </c>
      <c r="AP29156">
        <v>15</v>
      </c>
      <c r="AQ29156">
        <v>15</v>
      </c>
    </row>
    <row r="29157" spans="1:43">
      <c r="A29157" t="s">
        <v>18051</v>
      </c>
      <c r="B29157" t="s">
        <v>18052</v>
      </c>
      <c r="C29157" t="s">
        <v>18049</v>
      </c>
      <c r="D29157" t="s">
        <v>18050</v>
      </c>
      <c r="E29157" t="s">
        <v>18039</v>
      </c>
      <c r="F29157" t="s">
        <v>18040</v>
      </c>
      <c r="G29157" t="s">
        <v>16559</v>
      </c>
      <c r="H29157" t="s">
        <v>16560</v>
      </c>
      <c r="I29157" s="2">
        <v>1</v>
      </c>
      <c r="J29157" s="2">
        <v>0</v>
      </c>
      <c r="K29157" s="2">
        <v>0</v>
      </c>
      <c r="L29157" t="s">
        <v>120</v>
      </c>
      <c r="M29157" t="s">
        <v>83</v>
      </c>
      <c r="N29157" t="s">
        <v>91</v>
      </c>
      <c r="O29157" t="s">
        <v>85</v>
      </c>
      <c r="P29157" t="s">
        <v>86</v>
      </c>
      <c r="Q29157">
        <v>12</v>
      </c>
      <c r="R29157">
        <v>12</v>
      </c>
      <c r="S29157">
        <v>13</v>
      </c>
      <c r="T29157">
        <v>13</v>
      </c>
      <c r="U29157">
        <v>13</v>
      </c>
      <c r="V29157">
        <v>13</v>
      </c>
      <c r="W29157">
        <v>13</v>
      </c>
      <c r="X29157">
        <v>13</v>
      </c>
      <c r="Y29157">
        <v>13</v>
      </c>
      <c r="Z29157">
        <v>13</v>
      </c>
      <c r="AA29157">
        <v>14</v>
      </c>
      <c r="AB29157">
        <v>14</v>
      </c>
      <c r="AC29157">
        <v>14</v>
      </c>
      <c r="AD29157">
        <v>14</v>
      </c>
      <c r="AE29157">
        <v>14</v>
      </c>
      <c r="AF29157">
        <v>14</v>
      </c>
      <c r="AG29157">
        <v>14</v>
      </c>
      <c r="AH29157">
        <v>14</v>
      </c>
      <c r="AI29157">
        <v>15</v>
      </c>
      <c r="AJ29157">
        <v>15</v>
      </c>
      <c r="AK29157">
        <v>15</v>
      </c>
      <c r="AL29157">
        <v>15</v>
      </c>
      <c r="AM29157">
        <v>15</v>
      </c>
      <c r="AN29157">
        <v>15</v>
      </c>
      <c r="AO29157">
        <v>15</v>
      </c>
      <c r="AP29157">
        <v>15</v>
      </c>
      <c r="AQ29157">
        <v>15</v>
      </c>
    </row>
    <row r="29158" spans="1:43">
      <c r="A29158" t="s">
        <v>18053</v>
      </c>
      <c r="B29158" t="s">
        <v>18054</v>
      </c>
      <c r="C29158" t="s">
        <v>18049</v>
      </c>
      <c r="D29158" t="s">
        <v>18050</v>
      </c>
      <c r="E29158" t="s">
        <v>18039</v>
      </c>
      <c r="F29158" t="s">
        <v>18040</v>
      </c>
      <c r="G29158" t="s">
        <v>16559</v>
      </c>
      <c r="H29158" t="s">
        <v>16560</v>
      </c>
      <c r="I29158" s="2">
        <v>1</v>
      </c>
      <c r="J29158" s="2">
        <v>0</v>
      </c>
      <c r="K29158" s="2">
        <v>0</v>
      </c>
      <c r="L29158" t="s">
        <v>120</v>
      </c>
      <c r="M29158" t="s">
        <v>83</v>
      </c>
      <c r="N29158" t="s">
        <v>84</v>
      </c>
      <c r="O29158" t="s">
        <v>85</v>
      </c>
      <c r="P29158" t="s">
        <v>86</v>
      </c>
      <c r="Q29158">
        <v>17</v>
      </c>
      <c r="R29158">
        <v>17</v>
      </c>
      <c r="S29158">
        <v>17</v>
      </c>
      <c r="T29158">
        <v>17</v>
      </c>
      <c r="U29158">
        <v>18</v>
      </c>
      <c r="V29158">
        <v>18</v>
      </c>
      <c r="W29158">
        <v>18</v>
      </c>
      <c r="X29158">
        <v>18</v>
      </c>
      <c r="Y29158">
        <v>18</v>
      </c>
      <c r="Z29158">
        <v>19</v>
      </c>
      <c r="AA29158">
        <v>19</v>
      </c>
      <c r="AB29158">
        <v>19</v>
      </c>
      <c r="AC29158">
        <v>19</v>
      </c>
      <c r="AD29158">
        <v>19</v>
      </c>
      <c r="AE29158">
        <v>19</v>
      </c>
      <c r="AF29158">
        <v>20</v>
      </c>
      <c r="AG29158">
        <v>20</v>
      </c>
      <c r="AH29158">
        <v>20</v>
      </c>
      <c r="AI29158">
        <v>20</v>
      </c>
      <c r="AJ29158">
        <v>20</v>
      </c>
      <c r="AK29158">
        <v>21</v>
      </c>
      <c r="AL29158">
        <v>21</v>
      </c>
      <c r="AM29158">
        <v>21</v>
      </c>
      <c r="AN29158">
        <v>21</v>
      </c>
      <c r="AO29158">
        <v>21</v>
      </c>
      <c r="AP29158">
        <v>21</v>
      </c>
      <c r="AQ29158">
        <v>21</v>
      </c>
    </row>
    <row r="29159" spans="1:43">
      <c r="A29159" t="s">
        <v>18053</v>
      </c>
      <c r="B29159" t="s">
        <v>18054</v>
      </c>
      <c r="C29159" t="s">
        <v>18049</v>
      </c>
      <c r="D29159" t="s">
        <v>18050</v>
      </c>
      <c r="E29159" t="s">
        <v>18039</v>
      </c>
      <c r="F29159" t="s">
        <v>18040</v>
      </c>
      <c r="G29159" t="s">
        <v>16559</v>
      </c>
      <c r="H29159" t="s">
        <v>16560</v>
      </c>
      <c r="I29159" s="2">
        <v>1</v>
      </c>
      <c r="J29159" s="2">
        <v>0</v>
      </c>
      <c r="K29159" s="2">
        <v>0</v>
      </c>
      <c r="L29159" t="s">
        <v>120</v>
      </c>
      <c r="M29159" t="s">
        <v>87</v>
      </c>
      <c r="N29159" t="s">
        <v>88</v>
      </c>
      <c r="O29159" t="s">
        <v>85</v>
      </c>
      <c r="P29159" t="s">
        <v>86</v>
      </c>
      <c r="Q29159">
        <v>17</v>
      </c>
      <c r="R29159">
        <v>17</v>
      </c>
      <c r="S29159">
        <v>17</v>
      </c>
      <c r="T29159">
        <v>17</v>
      </c>
      <c r="U29159">
        <v>17</v>
      </c>
      <c r="V29159">
        <v>17</v>
      </c>
      <c r="W29159">
        <v>17</v>
      </c>
      <c r="X29159">
        <v>17</v>
      </c>
      <c r="Y29159">
        <v>17</v>
      </c>
      <c r="Z29159">
        <v>17</v>
      </c>
      <c r="AA29159">
        <v>17</v>
      </c>
      <c r="AB29159">
        <v>17</v>
      </c>
      <c r="AC29159">
        <v>17</v>
      </c>
      <c r="AD29159">
        <v>17</v>
      </c>
      <c r="AE29159">
        <v>17</v>
      </c>
      <c r="AF29159">
        <v>17</v>
      </c>
      <c r="AG29159">
        <v>17</v>
      </c>
      <c r="AH29159">
        <v>17</v>
      </c>
      <c r="AI29159">
        <v>17</v>
      </c>
      <c r="AJ29159">
        <v>17</v>
      </c>
      <c r="AK29159">
        <v>17</v>
      </c>
      <c r="AL29159">
        <v>18</v>
      </c>
      <c r="AM29159">
        <v>18</v>
      </c>
      <c r="AN29159">
        <v>18</v>
      </c>
      <c r="AO29159">
        <v>18</v>
      </c>
      <c r="AP29159">
        <v>18</v>
      </c>
      <c r="AQ29159">
        <v>18</v>
      </c>
    </row>
    <row r="29160" spans="1:43">
      <c r="A29160" t="s">
        <v>18053</v>
      </c>
      <c r="B29160" t="s">
        <v>18054</v>
      </c>
      <c r="C29160" t="s">
        <v>18049</v>
      </c>
      <c r="D29160" t="s">
        <v>18050</v>
      </c>
      <c r="E29160" t="s">
        <v>18039</v>
      </c>
      <c r="F29160" t="s">
        <v>18040</v>
      </c>
      <c r="G29160" t="s">
        <v>16559</v>
      </c>
      <c r="H29160" t="s">
        <v>16560</v>
      </c>
      <c r="I29160" s="2">
        <v>1</v>
      </c>
      <c r="J29160" s="2">
        <v>0</v>
      </c>
      <c r="K29160" s="2">
        <v>0</v>
      </c>
      <c r="L29160" t="s">
        <v>120</v>
      </c>
      <c r="M29160" t="s">
        <v>89</v>
      </c>
      <c r="N29160" t="s">
        <v>90</v>
      </c>
      <c r="O29160" t="s">
        <v>85</v>
      </c>
      <c r="P29160" t="s">
        <v>86</v>
      </c>
      <c r="Q29160">
        <v>17</v>
      </c>
      <c r="R29160">
        <v>17</v>
      </c>
      <c r="S29160">
        <v>18</v>
      </c>
      <c r="T29160">
        <v>18</v>
      </c>
      <c r="U29160">
        <v>18</v>
      </c>
      <c r="V29160">
        <v>19</v>
      </c>
      <c r="W29160">
        <v>19</v>
      </c>
      <c r="X29160">
        <v>19</v>
      </c>
      <c r="Y29160">
        <v>19</v>
      </c>
      <c r="Z29160">
        <v>20</v>
      </c>
      <c r="AA29160">
        <v>20</v>
      </c>
      <c r="AB29160">
        <v>20</v>
      </c>
      <c r="AC29160">
        <v>20</v>
      </c>
      <c r="AD29160">
        <v>21</v>
      </c>
      <c r="AE29160">
        <v>21</v>
      </c>
      <c r="AF29160">
        <v>21</v>
      </c>
      <c r="AG29160">
        <v>21</v>
      </c>
      <c r="AH29160">
        <v>21</v>
      </c>
      <c r="AI29160">
        <v>21</v>
      </c>
      <c r="AJ29160">
        <v>21</v>
      </c>
      <c r="AK29160">
        <v>21</v>
      </c>
      <c r="AL29160">
        <v>21</v>
      </c>
      <c r="AM29160">
        <v>21</v>
      </c>
      <c r="AN29160">
        <v>21</v>
      </c>
      <c r="AO29160">
        <v>21</v>
      </c>
      <c r="AP29160">
        <v>21</v>
      </c>
      <c r="AQ29160">
        <v>21</v>
      </c>
    </row>
    <row r="29161" spans="1:43">
      <c r="A29161" t="s">
        <v>18053</v>
      </c>
      <c r="B29161" t="s">
        <v>18054</v>
      </c>
      <c r="C29161" t="s">
        <v>18049</v>
      </c>
      <c r="D29161" t="s">
        <v>18050</v>
      </c>
      <c r="E29161" t="s">
        <v>18039</v>
      </c>
      <c r="F29161" t="s">
        <v>18040</v>
      </c>
      <c r="G29161" t="s">
        <v>16559</v>
      </c>
      <c r="H29161" t="s">
        <v>16560</v>
      </c>
      <c r="I29161" s="2">
        <v>1</v>
      </c>
      <c r="J29161" s="2">
        <v>0</v>
      </c>
      <c r="K29161" s="2">
        <v>0</v>
      </c>
      <c r="L29161" t="s">
        <v>120</v>
      </c>
      <c r="M29161" t="s">
        <v>83</v>
      </c>
      <c r="N29161" t="s">
        <v>91</v>
      </c>
      <c r="O29161" t="s">
        <v>85</v>
      </c>
      <c r="P29161" t="s">
        <v>86</v>
      </c>
      <c r="Q29161">
        <v>17</v>
      </c>
      <c r="R29161">
        <v>17</v>
      </c>
      <c r="S29161">
        <v>17</v>
      </c>
      <c r="T29161">
        <v>17</v>
      </c>
      <c r="U29161">
        <v>18</v>
      </c>
      <c r="V29161">
        <v>18</v>
      </c>
      <c r="W29161">
        <v>18</v>
      </c>
      <c r="X29161">
        <v>18</v>
      </c>
      <c r="Y29161">
        <v>18</v>
      </c>
      <c r="Z29161">
        <v>19</v>
      </c>
      <c r="AA29161">
        <v>19</v>
      </c>
      <c r="AB29161">
        <v>19</v>
      </c>
      <c r="AC29161">
        <v>19</v>
      </c>
      <c r="AD29161">
        <v>19</v>
      </c>
      <c r="AE29161">
        <v>19</v>
      </c>
      <c r="AF29161">
        <v>20</v>
      </c>
      <c r="AG29161">
        <v>20</v>
      </c>
      <c r="AH29161">
        <v>20</v>
      </c>
      <c r="AI29161">
        <v>20</v>
      </c>
      <c r="AJ29161">
        <v>20</v>
      </c>
      <c r="AK29161">
        <v>21</v>
      </c>
      <c r="AL29161">
        <v>21</v>
      </c>
      <c r="AM29161">
        <v>21</v>
      </c>
      <c r="AN29161">
        <v>21</v>
      </c>
      <c r="AO29161">
        <v>21</v>
      </c>
      <c r="AP29161">
        <v>21</v>
      </c>
      <c r="AQ29161">
        <v>21</v>
      </c>
    </row>
    <row r="29162" spans="1:43">
      <c r="A29162" t="s">
        <v>18055</v>
      </c>
      <c r="B29162" t="s">
        <v>18056</v>
      </c>
      <c r="C29162" t="s">
        <v>18049</v>
      </c>
      <c r="D29162" t="s">
        <v>18050</v>
      </c>
      <c r="E29162" t="s">
        <v>18039</v>
      </c>
      <c r="F29162" t="s">
        <v>18040</v>
      </c>
      <c r="G29162" t="s">
        <v>16559</v>
      </c>
      <c r="H29162" t="s">
        <v>16560</v>
      </c>
      <c r="I29162" s="2">
        <v>1</v>
      </c>
      <c r="J29162" s="2">
        <v>0</v>
      </c>
      <c r="K29162" s="2">
        <v>0</v>
      </c>
      <c r="L29162" t="s">
        <v>120</v>
      </c>
      <c r="M29162" t="s">
        <v>83</v>
      </c>
      <c r="N29162" t="s">
        <v>84</v>
      </c>
      <c r="O29162" t="s">
        <v>85</v>
      </c>
      <c r="P29162" t="s">
        <v>86</v>
      </c>
      <c r="Q29162">
        <v>24</v>
      </c>
      <c r="R29162">
        <v>24</v>
      </c>
      <c r="S29162">
        <v>24</v>
      </c>
      <c r="T29162">
        <v>25</v>
      </c>
      <c r="U29162">
        <v>25</v>
      </c>
      <c r="V29162">
        <v>25</v>
      </c>
      <c r="W29162">
        <v>26</v>
      </c>
      <c r="X29162">
        <v>26</v>
      </c>
      <c r="Y29162">
        <v>26</v>
      </c>
      <c r="Z29162">
        <v>26</v>
      </c>
      <c r="AA29162">
        <v>27</v>
      </c>
      <c r="AB29162">
        <v>27</v>
      </c>
      <c r="AC29162">
        <v>27</v>
      </c>
      <c r="AD29162">
        <v>27</v>
      </c>
      <c r="AE29162">
        <v>28</v>
      </c>
      <c r="AF29162">
        <v>28</v>
      </c>
      <c r="AG29162">
        <v>28</v>
      </c>
      <c r="AH29162">
        <v>28</v>
      </c>
      <c r="AI29162">
        <v>29</v>
      </c>
      <c r="AJ29162">
        <v>29</v>
      </c>
      <c r="AK29162">
        <v>29</v>
      </c>
      <c r="AL29162">
        <v>29</v>
      </c>
      <c r="AM29162">
        <v>29</v>
      </c>
      <c r="AN29162">
        <v>29</v>
      </c>
      <c r="AO29162">
        <v>29</v>
      </c>
      <c r="AP29162">
        <v>29</v>
      </c>
      <c r="AQ29162">
        <v>29</v>
      </c>
    </row>
    <row r="29163" spans="1:43">
      <c r="A29163" t="s">
        <v>18055</v>
      </c>
      <c r="B29163" t="s">
        <v>18056</v>
      </c>
      <c r="C29163" t="s">
        <v>18049</v>
      </c>
      <c r="D29163" t="s">
        <v>18050</v>
      </c>
      <c r="E29163" t="s">
        <v>18039</v>
      </c>
      <c r="F29163" t="s">
        <v>18040</v>
      </c>
      <c r="G29163" t="s">
        <v>16559</v>
      </c>
      <c r="H29163" t="s">
        <v>16560</v>
      </c>
      <c r="I29163" s="2">
        <v>1</v>
      </c>
      <c r="J29163" s="2">
        <v>0</v>
      </c>
      <c r="K29163" s="2">
        <v>0</v>
      </c>
      <c r="L29163" t="s">
        <v>120</v>
      </c>
      <c r="M29163" t="s">
        <v>87</v>
      </c>
      <c r="N29163" t="s">
        <v>88</v>
      </c>
      <c r="O29163" t="s">
        <v>85</v>
      </c>
      <c r="P29163" t="s">
        <v>86</v>
      </c>
      <c r="Q29163">
        <v>24</v>
      </c>
      <c r="R29163">
        <v>24</v>
      </c>
      <c r="S29163">
        <v>24</v>
      </c>
      <c r="T29163">
        <v>24</v>
      </c>
      <c r="U29163">
        <v>24</v>
      </c>
      <c r="V29163">
        <v>24</v>
      </c>
      <c r="W29163">
        <v>24</v>
      </c>
      <c r="X29163">
        <v>24</v>
      </c>
      <c r="Y29163">
        <v>24</v>
      </c>
      <c r="Z29163">
        <v>24</v>
      </c>
      <c r="AA29163">
        <v>24</v>
      </c>
      <c r="AB29163">
        <v>24</v>
      </c>
      <c r="AC29163">
        <v>24</v>
      </c>
      <c r="AD29163">
        <v>24</v>
      </c>
      <c r="AE29163">
        <v>24</v>
      </c>
      <c r="AF29163">
        <v>24</v>
      </c>
      <c r="AG29163">
        <v>25</v>
      </c>
      <c r="AH29163">
        <v>25</v>
      </c>
      <c r="AI29163">
        <v>25</v>
      </c>
      <c r="AJ29163">
        <v>25</v>
      </c>
      <c r="AK29163">
        <v>25</v>
      </c>
      <c r="AL29163">
        <v>25</v>
      </c>
      <c r="AM29163">
        <v>25</v>
      </c>
      <c r="AN29163">
        <v>25</v>
      </c>
      <c r="AO29163">
        <v>25</v>
      </c>
      <c r="AP29163">
        <v>25</v>
      </c>
      <c r="AQ29163">
        <v>25</v>
      </c>
    </row>
    <row r="29164" spans="1:43">
      <c r="A29164" t="s">
        <v>18055</v>
      </c>
      <c r="B29164" t="s">
        <v>18056</v>
      </c>
      <c r="C29164" t="s">
        <v>18049</v>
      </c>
      <c r="D29164" t="s">
        <v>18050</v>
      </c>
      <c r="E29164" t="s">
        <v>18039</v>
      </c>
      <c r="F29164" t="s">
        <v>18040</v>
      </c>
      <c r="G29164" t="s">
        <v>16559</v>
      </c>
      <c r="H29164" t="s">
        <v>16560</v>
      </c>
      <c r="I29164" s="2">
        <v>1</v>
      </c>
      <c r="J29164" s="2">
        <v>0</v>
      </c>
      <c r="K29164" s="2">
        <v>0</v>
      </c>
      <c r="L29164" t="s">
        <v>120</v>
      </c>
      <c r="M29164" t="s">
        <v>89</v>
      </c>
      <c r="N29164" t="s">
        <v>90</v>
      </c>
      <c r="O29164" t="s">
        <v>85</v>
      </c>
      <c r="P29164" t="s">
        <v>86</v>
      </c>
      <c r="Q29164">
        <v>24</v>
      </c>
      <c r="R29164">
        <v>25</v>
      </c>
      <c r="S29164">
        <v>25</v>
      </c>
      <c r="T29164">
        <v>26</v>
      </c>
      <c r="U29164">
        <v>26</v>
      </c>
      <c r="V29164">
        <v>26</v>
      </c>
      <c r="W29164">
        <v>27</v>
      </c>
      <c r="X29164">
        <v>27</v>
      </c>
      <c r="Y29164">
        <v>28</v>
      </c>
      <c r="Z29164">
        <v>28</v>
      </c>
      <c r="AA29164">
        <v>28</v>
      </c>
      <c r="AB29164">
        <v>29</v>
      </c>
      <c r="AC29164">
        <v>29</v>
      </c>
      <c r="AD29164">
        <v>29</v>
      </c>
      <c r="AE29164">
        <v>30</v>
      </c>
      <c r="AF29164">
        <v>30</v>
      </c>
      <c r="AG29164">
        <v>30</v>
      </c>
      <c r="AH29164">
        <v>30</v>
      </c>
      <c r="AI29164">
        <v>30</v>
      </c>
      <c r="AJ29164">
        <v>30</v>
      </c>
      <c r="AK29164">
        <v>30</v>
      </c>
      <c r="AL29164">
        <v>30</v>
      </c>
      <c r="AM29164">
        <v>30</v>
      </c>
      <c r="AN29164">
        <v>30</v>
      </c>
      <c r="AO29164">
        <v>29</v>
      </c>
      <c r="AP29164">
        <v>29</v>
      </c>
      <c r="AQ29164">
        <v>29</v>
      </c>
    </row>
    <row r="29165" spans="1:43">
      <c r="A29165" t="s">
        <v>18055</v>
      </c>
      <c r="B29165" t="s">
        <v>18056</v>
      </c>
      <c r="C29165" t="s">
        <v>18049</v>
      </c>
      <c r="D29165" t="s">
        <v>18050</v>
      </c>
      <c r="E29165" t="s">
        <v>18039</v>
      </c>
      <c r="F29165" t="s">
        <v>18040</v>
      </c>
      <c r="G29165" t="s">
        <v>16559</v>
      </c>
      <c r="H29165" t="s">
        <v>16560</v>
      </c>
      <c r="I29165" s="2">
        <v>1</v>
      </c>
      <c r="J29165" s="2">
        <v>0</v>
      </c>
      <c r="K29165" s="2">
        <v>0</v>
      </c>
      <c r="L29165" t="s">
        <v>120</v>
      </c>
      <c r="M29165" t="s">
        <v>83</v>
      </c>
      <c r="N29165" t="s">
        <v>91</v>
      </c>
      <c r="O29165" t="s">
        <v>85</v>
      </c>
      <c r="P29165" t="s">
        <v>86</v>
      </c>
      <c r="Q29165">
        <v>24</v>
      </c>
      <c r="R29165">
        <v>24</v>
      </c>
      <c r="S29165">
        <v>24</v>
      </c>
      <c r="T29165">
        <v>25</v>
      </c>
      <c r="U29165">
        <v>25</v>
      </c>
      <c r="V29165">
        <v>25</v>
      </c>
      <c r="W29165">
        <v>26</v>
      </c>
      <c r="X29165">
        <v>26</v>
      </c>
      <c r="Y29165">
        <v>26</v>
      </c>
      <c r="Z29165">
        <v>26</v>
      </c>
      <c r="AA29165">
        <v>27</v>
      </c>
      <c r="AB29165">
        <v>27</v>
      </c>
      <c r="AC29165">
        <v>27</v>
      </c>
      <c r="AD29165">
        <v>27</v>
      </c>
      <c r="AE29165">
        <v>28</v>
      </c>
      <c r="AF29165">
        <v>28</v>
      </c>
      <c r="AG29165">
        <v>28</v>
      </c>
      <c r="AH29165">
        <v>28</v>
      </c>
      <c r="AI29165">
        <v>29</v>
      </c>
      <c r="AJ29165">
        <v>29</v>
      </c>
      <c r="AK29165">
        <v>29</v>
      </c>
      <c r="AL29165">
        <v>29</v>
      </c>
      <c r="AM29165">
        <v>29</v>
      </c>
      <c r="AN29165">
        <v>29</v>
      </c>
      <c r="AO29165">
        <v>29</v>
      </c>
      <c r="AP29165">
        <v>29</v>
      </c>
      <c r="AQ29165">
        <v>29</v>
      </c>
    </row>
    <row r="29166" spans="1:43">
      <c r="A29166" t="s">
        <v>18057</v>
      </c>
      <c r="B29166" t="s">
        <v>18058</v>
      </c>
      <c r="C29166" t="s">
        <v>18059</v>
      </c>
      <c r="D29166" t="s">
        <v>18060</v>
      </c>
      <c r="E29166" t="s">
        <v>18039</v>
      </c>
      <c r="F29166" t="s">
        <v>18040</v>
      </c>
      <c r="G29166" t="s">
        <v>16559</v>
      </c>
      <c r="H29166" t="s">
        <v>16560</v>
      </c>
      <c r="I29166" s="2">
        <v>1</v>
      </c>
      <c r="J29166" s="2">
        <v>0</v>
      </c>
      <c r="K29166" s="2">
        <v>0</v>
      </c>
      <c r="L29166" t="s">
        <v>120</v>
      </c>
      <c r="M29166" t="s">
        <v>83</v>
      </c>
      <c r="N29166" t="s">
        <v>84</v>
      </c>
      <c r="O29166" t="s">
        <v>85</v>
      </c>
      <c r="P29166" t="s">
        <v>86</v>
      </c>
      <c r="Q29166">
        <v>17</v>
      </c>
      <c r="R29166">
        <v>18</v>
      </c>
      <c r="S29166">
        <v>18</v>
      </c>
      <c r="T29166">
        <v>18</v>
      </c>
      <c r="U29166">
        <v>18</v>
      </c>
      <c r="V29166">
        <v>19</v>
      </c>
      <c r="W29166">
        <v>19</v>
      </c>
      <c r="X29166">
        <v>19</v>
      </c>
      <c r="Y29166">
        <v>19</v>
      </c>
      <c r="Z29166">
        <v>19</v>
      </c>
      <c r="AA29166">
        <v>20</v>
      </c>
      <c r="AB29166">
        <v>20</v>
      </c>
      <c r="AC29166">
        <v>20</v>
      </c>
      <c r="AD29166">
        <v>20</v>
      </c>
      <c r="AE29166">
        <v>20</v>
      </c>
      <c r="AF29166">
        <v>21</v>
      </c>
      <c r="AG29166">
        <v>21</v>
      </c>
      <c r="AH29166">
        <v>21</v>
      </c>
      <c r="AI29166">
        <v>21</v>
      </c>
      <c r="AJ29166">
        <v>21</v>
      </c>
      <c r="AK29166">
        <v>22</v>
      </c>
      <c r="AL29166">
        <v>22</v>
      </c>
      <c r="AM29166">
        <v>22</v>
      </c>
      <c r="AN29166">
        <v>22</v>
      </c>
      <c r="AO29166">
        <v>22</v>
      </c>
      <c r="AP29166">
        <v>22</v>
      </c>
      <c r="AQ29166">
        <v>22</v>
      </c>
    </row>
    <row r="29167" spans="1:43">
      <c r="A29167" t="s">
        <v>18057</v>
      </c>
      <c r="B29167" t="s">
        <v>18058</v>
      </c>
      <c r="C29167" t="s">
        <v>18059</v>
      </c>
      <c r="D29167" t="s">
        <v>18060</v>
      </c>
      <c r="E29167" t="s">
        <v>18039</v>
      </c>
      <c r="F29167" t="s">
        <v>18040</v>
      </c>
      <c r="G29167" t="s">
        <v>16559</v>
      </c>
      <c r="H29167" t="s">
        <v>16560</v>
      </c>
      <c r="I29167" s="2">
        <v>1</v>
      </c>
      <c r="J29167" s="2">
        <v>0</v>
      </c>
      <c r="K29167" s="2">
        <v>0</v>
      </c>
      <c r="L29167" t="s">
        <v>120</v>
      </c>
      <c r="M29167" t="s">
        <v>87</v>
      </c>
      <c r="N29167" t="s">
        <v>88</v>
      </c>
      <c r="O29167" t="s">
        <v>85</v>
      </c>
      <c r="P29167" t="s">
        <v>86</v>
      </c>
      <c r="Q29167">
        <v>17</v>
      </c>
      <c r="R29167">
        <v>17</v>
      </c>
      <c r="S29167">
        <v>17</v>
      </c>
      <c r="T29167">
        <v>17</v>
      </c>
      <c r="U29167">
        <v>17</v>
      </c>
      <c r="V29167">
        <v>18</v>
      </c>
      <c r="W29167">
        <v>18</v>
      </c>
      <c r="X29167">
        <v>18</v>
      </c>
      <c r="Y29167">
        <v>18</v>
      </c>
      <c r="Z29167">
        <v>18</v>
      </c>
      <c r="AA29167">
        <v>18</v>
      </c>
      <c r="AB29167">
        <v>18</v>
      </c>
      <c r="AC29167">
        <v>18</v>
      </c>
      <c r="AD29167">
        <v>18</v>
      </c>
      <c r="AE29167">
        <v>18</v>
      </c>
      <c r="AF29167">
        <v>18</v>
      </c>
      <c r="AG29167">
        <v>18</v>
      </c>
      <c r="AH29167">
        <v>18</v>
      </c>
      <c r="AI29167">
        <v>18</v>
      </c>
      <c r="AJ29167">
        <v>18</v>
      </c>
      <c r="AK29167">
        <v>18</v>
      </c>
      <c r="AL29167">
        <v>19</v>
      </c>
      <c r="AM29167">
        <v>19</v>
      </c>
      <c r="AN29167">
        <v>19</v>
      </c>
      <c r="AO29167">
        <v>19</v>
      </c>
      <c r="AP29167">
        <v>19</v>
      </c>
      <c r="AQ29167">
        <v>19</v>
      </c>
    </row>
    <row r="29168" spans="1:43">
      <c r="A29168" t="s">
        <v>18057</v>
      </c>
      <c r="B29168" t="s">
        <v>18058</v>
      </c>
      <c r="C29168" t="s">
        <v>18059</v>
      </c>
      <c r="D29168" t="s">
        <v>18060</v>
      </c>
      <c r="E29168" t="s">
        <v>18039</v>
      </c>
      <c r="F29168" t="s">
        <v>18040</v>
      </c>
      <c r="G29168" t="s">
        <v>16559</v>
      </c>
      <c r="H29168" t="s">
        <v>16560</v>
      </c>
      <c r="I29168" s="2">
        <v>1</v>
      </c>
      <c r="J29168" s="2">
        <v>0</v>
      </c>
      <c r="K29168" s="2">
        <v>0</v>
      </c>
      <c r="L29168" t="s">
        <v>120</v>
      </c>
      <c r="M29168" t="s">
        <v>89</v>
      </c>
      <c r="N29168" t="s">
        <v>90</v>
      </c>
      <c r="O29168" t="s">
        <v>85</v>
      </c>
      <c r="P29168" t="s">
        <v>86</v>
      </c>
      <c r="Q29168">
        <v>17</v>
      </c>
      <c r="R29168">
        <v>17</v>
      </c>
      <c r="S29168">
        <v>17</v>
      </c>
      <c r="T29168">
        <v>18</v>
      </c>
      <c r="U29168">
        <v>18</v>
      </c>
      <c r="V29168">
        <v>18</v>
      </c>
      <c r="W29168">
        <v>19</v>
      </c>
      <c r="X29168">
        <v>19</v>
      </c>
      <c r="Y29168">
        <v>19</v>
      </c>
      <c r="Z29168">
        <v>20</v>
      </c>
      <c r="AA29168">
        <v>20</v>
      </c>
      <c r="AB29168">
        <v>20</v>
      </c>
      <c r="AC29168">
        <v>20</v>
      </c>
      <c r="AD29168">
        <v>21</v>
      </c>
      <c r="AE29168">
        <v>21</v>
      </c>
      <c r="AF29168">
        <v>21</v>
      </c>
      <c r="AG29168">
        <v>21</v>
      </c>
      <c r="AH29168">
        <v>21</v>
      </c>
      <c r="AI29168">
        <v>21</v>
      </c>
      <c r="AJ29168">
        <v>21</v>
      </c>
      <c r="AK29168">
        <v>21</v>
      </c>
      <c r="AL29168">
        <v>21</v>
      </c>
      <c r="AM29168">
        <v>21</v>
      </c>
      <c r="AN29168">
        <v>21</v>
      </c>
      <c r="AO29168">
        <v>21</v>
      </c>
      <c r="AP29168">
        <v>21</v>
      </c>
      <c r="AQ29168">
        <v>21</v>
      </c>
    </row>
    <row r="29169" spans="1:43">
      <c r="A29169" t="s">
        <v>18057</v>
      </c>
      <c r="B29169" t="s">
        <v>18058</v>
      </c>
      <c r="C29169" t="s">
        <v>18059</v>
      </c>
      <c r="D29169" t="s">
        <v>18060</v>
      </c>
      <c r="E29169" t="s">
        <v>18039</v>
      </c>
      <c r="F29169" t="s">
        <v>18040</v>
      </c>
      <c r="G29169" t="s">
        <v>16559</v>
      </c>
      <c r="H29169" t="s">
        <v>16560</v>
      </c>
      <c r="I29169" s="2">
        <v>1</v>
      </c>
      <c r="J29169" s="2">
        <v>0</v>
      </c>
      <c r="K29169" s="2">
        <v>0</v>
      </c>
      <c r="L29169" t="s">
        <v>120</v>
      </c>
      <c r="M29169" t="s">
        <v>83</v>
      </c>
      <c r="N29169" t="s">
        <v>91</v>
      </c>
      <c r="O29169" t="s">
        <v>85</v>
      </c>
      <c r="P29169" t="s">
        <v>86</v>
      </c>
      <c r="Q29169">
        <v>17</v>
      </c>
      <c r="R29169">
        <v>18</v>
      </c>
      <c r="S29169">
        <v>18</v>
      </c>
      <c r="T29169">
        <v>18</v>
      </c>
      <c r="U29169">
        <v>18</v>
      </c>
      <c r="V29169">
        <v>19</v>
      </c>
      <c r="W29169">
        <v>19</v>
      </c>
      <c r="X29169">
        <v>19</v>
      </c>
      <c r="Y29169">
        <v>19</v>
      </c>
      <c r="Z29169">
        <v>19</v>
      </c>
      <c r="AA29169">
        <v>20</v>
      </c>
      <c r="AB29169">
        <v>20</v>
      </c>
      <c r="AC29169">
        <v>20</v>
      </c>
      <c r="AD29169">
        <v>20</v>
      </c>
      <c r="AE29169">
        <v>20</v>
      </c>
      <c r="AF29169">
        <v>21</v>
      </c>
      <c r="AG29169">
        <v>21</v>
      </c>
      <c r="AH29169">
        <v>21</v>
      </c>
      <c r="AI29169">
        <v>21</v>
      </c>
      <c r="AJ29169">
        <v>21</v>
      </c>
      <c r="AK29169">
        <v>22</v>
      </c>
      <c r="AL29169">
        <v>22</v>
      </c>
      <c r="AM29169">
        <v>22</v>
      </c>
      <c r="AN29169">
        <v>22</v>
      </c>
      <c r="AO29169">
        <v>22</v>
      </c>
      <c r="AP29169">
        <v>22</v>
      </c>
      <c r="AQ29169">
        <v>22</v>
      </c>
    </row>
    <row r="29170" spans="1:43">
      <c r="A29170" t="s">
        <v>18061</v>
      </c>
      <c r="B29170" t="s">
        <v>18062</v>
      </c>
      <c r="C29170" t="s">
        <v>18059</v>
      </c>
      <c r="D29170" t="s">
        <v>18060</v>
      </c>
      <c r="E29170" t="s">
        <v>18039</v>
      </c>
      <c r="F29170" t="s">
        <v>18040</v>
      </c>
      <c r="G29170" t="s">
        <v>16559</v>
      </c>
      <c r="H29170" t="s">
        <v>16560</v>
      </c>
      <c r="I29170" s="2">
        <v>1</v>
      </c>
      <c r="J29170" s="2">
        <v>0</v>
      </c>
      <c r="K29170" s="2">
        <v>0</v>
      </c>
      <c r="L29170" t="s">
        <v>120</v>
      </c>
      <c r="M29170" t="s">
        <v>83</v>
      </c>
      <c r="N29170" t="s">
        <v>84</v>
      </c>
      <c r="O29170" t="s">
        <v>85</v>
      </c>
      <c r="P29170" t="s">
        <v>86</v>
      </c>
      <c r="Q29170">
        <v>24</v>
      </c>
      <c r="R29170">
        <v>24</v>
      </c>
      <c r="S29170">
        <v>24</v>
      </c>
      <c r="T29170">
        <v>24</v>
      </c>
      <c r="U29170">
        <v>25</v>
      </c>
      <c r="V29170">
        <v>25</v>
      </c>
      <c r="W29170">
        <v>25</v>
      </c>
      <c r="X29170">
        <v>26</v>
      </c>
      <c r="Y29170">
        <v>26</v>
      </c>
      <c r="Z29170">
        <v>26</v>
      </c>
      <c r="AA29170">
        <v>26</v>
      </c>
      <c r="AB29170">
        <v>27</v>
      </c>
      <c r="AC29170">
        <v>27</v>
      </c>
      <c r="AD29170">
        <v>27</v>
      </c>
      <c r="AE29170">
        <v>27</v>
      </c>
      <c r="AF29170">
        <v>28</v>
      </c>
      <c r="AG29170">
        <v>28</v>
      </c>
      <c r="AH29170">
        <v>28</v>
      </c>
      <c r="AI29170">
        <v>29</v>
      </c>
      <c r="AJ29170">
        <v>29</v>
      </c>
      <c r="AK29170">
        <v>29</v>
      </c>
      <c r="AL29170">
        <v>29</v>
      </c>
      <c r="AM29170">
        <v>29</v>
      </c>
      <c r="AN29170">
        <v>29</v>
      </c>
      <c r="AO29170">
        <v>29</v>
      </c>
      <c r="AP29170">
        <v>29</v>
      </c>
      <c r="AQ29170">
        <v>30</v>
      </c>
    </row>
    <row r="29171" spans="1:43">
      <c r="A29171" t="s">
        <v>18061</v>
      </c>
      <c r="B29171" t="s">
        <v>18062</v>
      </c>
      <c r="C29171" t="s">
        <v>18059</v>
      </c>
      <c r="D29171" t="s">
        <v>18060</v>
      </c>
      <c r="E29171" t="s">
        <v>18039</v>
      </c>
      <c r="F29171" t="s">
        <v>18040</v>
      </c>
      <c r="G29171" t="s">
        <v>16559</v>
      </c>
      <c r="H29171" t="s">
        <v>16560</v>
      </c>
      <c r="I29171" s="2">
        <v>1</v>
      </c>
      <c r="J29171" s="2">
        <v>0</v>
      </c>
      <c r="K29171" s="2">
        <v>0</v>
      </c>
      <c r="L29171" t="s">
        <v>120</v>
      </c>
      <c r="M29171" t="s">
        <v>87</v>
      </c>
      <c r="N29171" t="s">
        <v>88</v>
      </c>
      <c r="O29171" t="s">
        <v>85</v>
      </c>
      <c r="P29171" t="s">
        <v>86</v>
      </c>
      <c r="Q29171">
        <v>24</v>
      </c>
      <c r="R29171">
        <v>24</v>
      </c>
      <c r="S29171">
        <v>24</v>
      </c>
      <c r="T29171">
        <v>25</v>
      </c>
      <c r="U29171">
        <v>25</v>
      </c>
      <c r="V29171">
        <v>25</v>
      </c>
      <c r="W29171">
        <v>25</v>
      </c>
      <c r="X29171">
        <v>25</v>
      </c>
      <c r="Y29171">
        <v>25</v>
      </c>
      <c r="Z29171">
        <v>25</v>
      </c>
      <c r="AA29171">
        <v>25</v>
      </c>
      <c r="AB29171">
        <v>25</v>
      </c>
      <c r="AC29171">
        <v>25</v>
      </c>
      <c r="AD29171">
        <v>25</v>
      </c>
      <c r="AE29171">
        <v>25</v>
      </c>
      <c r="AF29171">
        <v>25</v>
      </c>
      <c r="AG29171">
        <v>26</v>
      </c>
      <c r="AH29171">
        <v>26</v>
      </c>
      <c r="AI29171">
        <v>26</v>
      </c>
      <c r="AJ29171">
        <v>26</v>
      </c>
      <c r="AK29171">
        <v>26</v>
      </c>
      <c r="AL29171">
        <v>26</v>
      </c>
      <c r="AM29171">
        <v>26</v>
      </c>
      <c r="AN29171">
        <v>26</v>
      </c>
      <c r="AO29171">
        <v>26</v>
      </c>
      <c r="AP29171">
        <v>26</v>
      </c>
      <c r="AQ29171">
        <v>26</v>
      </c>
    </row>
    <row r="29172" spans="1:43">
      <c r="A29172" t="s">
        <v>18061</v>
      </c>
      <c r="B29172" t="s">
        <v>18062</v>
      </c>
      <c r="C29172" t="s">
        <v>18059</v>
      </c>
      <c r="D29172" t="s">
        <v>18060</v>
      </c>
      <c r="E29172" t="s">
        <v>18039</v>
      </c>
      <c r="F29172" t="s">
        <v>18040</v>
      </c>
      <c r="G29172" t="s">
        <v>16559</v>
      </c>
      <c r="H29172" t="s">
        <v>16560</v>
      </c>
      <c r="I29172" s="2">
        <v>1</v>
      </c>
      <c r="J29172" s="2">
        <v>0</v>
      </c>
      <c r="K29172" s="2">
        <v>0</v>
      </c>
      <c r="L29172" t="s">
        <v>120</v>
      </c>
      <c r="M29172" t="s">
        <v>89</v>
      </c>
      <c r="N29172" t="s">
        <v>90</v>
      </c>
      <c r="O29172" t="s">
        <v>85</v>
      </c>
      <c r="P29172" t="s">
        <v>86</v>
      </c>
      <c r="Q29172">
        <v>24</v>
      </c>
      <c r="R29172">
        <v>24</v>
      </c>
      <c r="S29172">
        <v>25</v>
      </c>
      <c r="T29172">
        <v>25</v>
      </c>
      <c r="U29172">
        <v>26</v>
      </c>
      <c r="V29172">
        <v>26</v>
      </c>
      <c r="W29172">
        <v>27</v>
      </c>
      <c r="X29172">
        <v>27</v>
      </c>
      <c r="Y29172">
        <v>27</v>
      </c>
      <c r="Z29172">
        <v>28</v>
      </c>
      <c r="AA29172">
        <v>28</v>
      </c>
      <c r="AB29172">
        <v>28</v>
      </c>
      <c r="AC29172">
        <v>29</v>
      </c>
      <c r="AD29172">
        <v>29</v>
      </c>
      <c r="AE29172">
        <v>29</v>
      </c>
      <c r="AF29172">
        <v>29</v>
      </c>
      <c r="AG29172">
        <v>30</v>
      </c>
      <c r="AH29172">
        <v>30</v>
      </c>
      <c r="AI29172">
        <v>30</v>
      </c>
      <c r="AJ29172">
        <v>30</v>
      </c>
      <c r="AK29172">
        <v>30</v>
      </c>
      <c r="AL29172">
        <v>30</v>
      </c>
      <c r="AM29172">
        <v>30</v>
      </c>
      <c r="AN29172">
        <v>30</v>
      </c>
      <c r="AO29172">
        <v>30</v>
      </c>
      <c r="AP29172">
        <v>30</v>
      </c>
      <c r="AQ29172">
        <v>30</v>
      </c>
    </row>
    <row r="29173" spans="1:43">
      <c r="A29173" t="s">
        <v>18061</v>
      </c>
      <c r="B29173" t="s">
        <v>18062</v>
      </c>
      <c r="C29173" t="s">
        <v>18059</v>
      </c>
      <c r="D29173" t="s">
        <v>18060</v>
      </c>
      <c r="E29173" t="s">
        <v>18039</v>
      </c>
      <c r="F29173" t="s">
        <v>18040</v>
      </c>
      <c r="G29173" t="s">
        <v>16559</v>
      </c>
      <c r="H29173" t="s">
        <v>16560</v>
      </c>
      <c r="I29173" s="2">
        <v>1</v>
      </c>
      <c r="J29173" s="2">
        <v>0</v>
      </c>
      <c r="K29173" s="2">
        <v>0</v>
      </c>
      <c r="L29173" t="s">
        <v>120</v>
      </c>
      <c r="M29173" t="s">
        <v>83</v>
      </c>
      <c r="N29173" t="s">
        <v>91</v>
      </c>
      <c r="O29173" t="s">
        <v>85</v>
      </c>
      <c r="P29173" t="s">
        <v>86</v>
      </c>
      <c r="Q29173">
        <v>24</v>
      </c>
      <c r="R29173">
        <v>24</v>
      </c>
      <c r="S29173">
        <v>24</v>
      </c>
      <c r="T29173">
        <v>24</v>
      </c>
      <c r="U29173">
        <v>25</v>
      </c>
      <c r="V29173">
        <v>25</v>
      </c>
      <c r="W29173">
        <v>25</v>
      </c>
      <c r="X29173">
        <v>26</v>
      </c>
      <c r="Y29173">
        <v>26</v>
      </c>
      <c r="Z29173">
        <v>26</v>
      </c>
      <c r="AA29173">
        <v>26</v>
      </c>
      <c r="AB29173">
        <v>27</v>
      </c>
      <c r="AC29173">
        <v>27</v>
      </c>
      <c r="AD29173">
        <v>27</v>
      </c>
      <c r="AE29173">
        <v>27</v>
      </c>
      <c r="AF29173">
        <v>28</v>
      </c>
      <c r="AG29173">
        <v>28</v>
      </c>
      <c r="AH29173">
        <v>28</v>
      </c>
      <c r="AI29173">
        <v>29</v>
      </c>
      <c r="AJ29173">
        <v>29</v>
      </c>
      <c r="AK29173">
        <v>29</v>
      </c>
      <c r="AL29173">
        <v>29</v>
      </c>
      <c r="AM29173">
        <v>29</v>
      </c>
      <c r="AN29173">
        <v>29</v>
      </c>
      <c r="AO29173">
        <v>29</v>
      </c>
      <c r="AP29173">
        <v>29</v>
      </c>
      <c r="AQ29173">
        <v>30</v>
      </c>
    </row>
    <row r="29174" spans="1:43">
      <c r="A29174" t="s">
        <v>18063</v>
      </c>
      <c r="B29174" t="s">
        <v>18064</v>
      </c>
      <c r="C29174" t="s">
        <v>18059</v>
      </c>
      <c r="D29174" t="s">
        <v>18060</v>
      </c>
      <c r="E29174" t="s">
        <v>18039</v>
      </c>
      <c r="F29174" t="s">
        <v>18040</v>
      </c>
      <c r="G29174" t="s">
        <v>16559</v>
      </c>
      <c r="H29174" t="s">
        <v>16560</v>
      </c>
      <c r="I29174" s="2">
        <v>1</v>
      </c>
      <c r="J29174" s="2">
        <v>0</v>
      </c>
      <c r="K29174" s="2">
        <v>0</v>
      </c>
      <c r="L29174" t="s">
        <v>120</v>
      </c>
      <c r="M29174" t="s">
        <v>83</v>
      </c>
      <c r="N29174" t="s">
        <v>84</v>
      </c>
      <c r="O29174" t="s">
        <v>85</v>
      </c>
      <c r="P29174" t="s">
        <v>86</v>
      </c>
      <c r="Q29174">
        <v>137</v>
      </c>
      <c r="R29174">
        <v>139</v>
      </c>
      <c r="S29174">
        <v>140</v>
      </c>
      <c r="T29174">
        <v>142</v>
      </c>
      <c r="U29174">
        <v>144</v>
      </c>
      <c r="V29174">
        <v>145</v>
      </c>
      <c r="W29174">
        <v>147</v>
      </c>
      <c r="X29174">
        <v>149</v>
      </c>
      <c r="Y29174">
        <v>150</v>
      </c>
      <c r="Z29174">
        <v>152</v>
      </c>
      <c r="AA29174">
        <v>153</v>
      </c>
      <c r="AB29174">
        <v>155</v>
      </c>
      <c r="AC29174">
        <v>157</v>
      </c>
      <c r="AD29174">
        <v>158</v>
      </c>
      <c r="AE29174">
        <v>160</v>
      </c>
      <c r="AF29174">
        <v>161</v>
      </c>
      <c r="AG29174">
        <v>163</v>
      </c>
      <c r="AH29174">
        <v>164</v>
      </c>
      <c r="AI29174">
        <v>166</v>
      </c>
      <c r="AJ29174">
        <v>168</v>
      </c>
      <c r="AK29174">
        <v>169</v>
      </c>
      <c r="AL29174">
        <v>170</v>
      </c>
      <c r="AM29174">
        <v>170</v>
      </c>
      <c r="AN29174">
        <v>171</v>
      </c>
      <c r="AO29174">
        <v>171</v>
      </c>
      <c r="AP29174">
        <v>171</v>
      </c>
      <c r="AQ29174">
        <v>172</v>
      </c>
    </row>
    <row r="29175" spans="1:43">
      <c r="A29175" t="s">
        <v>18063</v>
      </c>
      <c r="B29175" t="s">
        <v>18064</v>
      </c>
      <c r="C29175" t="s">
        <v>18059</v>
      </c>
      <c r="D29175" t="s">
        <v>18060</v>
      </c>
      <c r="E29175" t="s">
        <v>18039</v>
      </c>
      <c r="F29175" t="s">
        <v>18040</v>
      </c>
      <c r="G29175" t="s">
        <v>16559</v>
      </c>
      <c r="H29175" t="s">
        <v>16560</v>
      </c>
      <c r="I29175" s="2">
        <v>1</v>
      </c>
      <c r="J29175" s="2">
        <v>0</v>
      </c>
      <c r="K29175" s="2">
        <v>0</v>
      </c>
      <c r="L29175" t="s">
        <v>120</v>
      </c>
      <c r="M29175" t="s">
        <v>87</v>
      </c>
      <c r="N29175" t="s">
        <v>88</v>
      </c>
      <c r="O29175" t="s">
        <v>85</v>
      </c>
      <c r="P29175" t="s">
        <v>86</v>
      </c>
      <c r="Q29175">
        <v>137</v>
      </c>
      <c r="R29175">
        <v>137</v>
      </c>
      <c r="S29175">
        <v>137</v>
      </c>
      <c r="T29175">
        <v>138</v>
      </c>
      <c r="U29175">
        <v>138</v>
      </c>
      <c r="V29175">
        <v>139</v>
      </c>
      <c r="W29175">
        <v>139</v>
      </c>
      <c r="X29175">
        <v>140</v>
      </c>
      <c r="Y29175">
        <v>140</v>
      </c>
      <c r="Z29175">
        <v>141</v>
      </c>
      <c r="AA29175">
        <v>141</v>
      </c>
      <c r="AB29175">
        <v>141</v>
      </c>
      <c r="AC29175">
        <v>142</v>
      </c>
      <c r="AD29175">
        <v>142</v>
      </c>
      <c r="AE29175">
        <v>143</v>
      </c>
      <c r="AF29175">
        <v>143</v>
      </c>
      <c r="AG29175">
        <v>144</v>
      </c>
      <c r="AH29175">
        <v>144</v>
      </c>
      <c r="AI29175">
        <v>145</v>
      </c>
      <c r="AJ29175">
        <v>145</v>
      </c>
      <c r="AK29175">
        <v>146</v>
      </c>
      <c r="AL29175">
        <v>146</v>
      </c>
      <c r="AM29175">
        <v>147</v>
      </c>
      <c r="AN29175">
        <v>147</v>
      </c>
      <c r="AO29175">
        <v>148</v>
      </c>
      <c r="AP29175">
        <v>148</v>
      </c>
      <c r="AQ29175">
        <v>149</v>
      </c>
    </row>
    <row r="29176" spans="1:43">
      <c r="A29176" t="s">
        <v>18063</v>
      </c>
      <c r="B29176" t="s">
        <v>18064</v>
      </c>
      <c r="C29176" t="s">
        <v>18059</v>
      </c>
      <c r="D29176" t="s">
        <v>18060</v>
      </c>
      <c r="E29176" t="s">
        <v>18039</v>
      </c>
      <c r="F29176" t="s">
        <v>18040</v>
      </c>
      <c r="G29176" t="s">
        <v>16559</v>
      </c>
      <c r="H29176" t="s">
        <v>16560</v>
      </c>
      <c r="I29176" s="2">
        <v>1</v>
      </c>
      <c r="J29176" s="2">
        <v>0</v>
      </c>
      <c r="K29176" s="2">
        <v>0</v>
      </c>
      <c r="L29176" t="s">
        <v>120</v>
      </c>
      <c r="M29176" t="s">
        <v>89</v>
      </c>
      <c r="N29176" t="s">
        <v>90</v>
      </c>
      <c r="O29176" t="s">
        <v>85</v>
      </c>
      <c r="P29176" t="s">
        <v>86</v>
      </c>
      <c r="Q29176">
        <v>137</v>
      </c>
      <c r="R29176">
        <v>140</v>
      </c>
      <c r="S29176">
        <v>143</v>
      </c>
      <c r="T29176">
        <v>146</v>
      </c>
      <c r="U29176">
        <v>148</v>
      </c>
      <c r="V29176">
        <v>151</v>
      </c>
      <c r="W29176">
        <v>153</v>
      </c>
      <c r="X29176">
        <v>156</v>
      </c>
      <c r="Y29176">
        <v>158</v>
      </c>
      <c r="Z29176">
        <v>160</v>
      </c>
      <c r="AA29176">
        <v>162</v>
      </c>
      <c r="AB29176">
        <v>164</v>
      </c>
      <c r="AC29176">
        <v>166</v>
      </c>
      <c r="AD29176">
        <v>169</v>
      </c>
      <c r="AE29176">
        <v>170</v>
      </c>
      <c r="AF29176">
        <v>170</v>
      </c>
      <c r="AG29176">
        <v>170</v>
      </c>
      <c r="AH29176">
        <v>171</v>
      </c>
      <c r="AI29176">
        <v>171</v>
      </c>
      <c r="AJ29176">
        <v>171</v>
      </c>
      <c r="AK29176">
        <v>172</v>
      </c>
      <c r="AL29176">
        <v>172</v>
      </c>
      <c r="AM29176">
        <v>172</v>
      </c>
      <c r="AN29176">
        <v>172</v>
      </c>
      <c r="AO29176">
        <v>173</v>
      </c>
      <c r="AP29176">
        <v>173</v>
      </c>
      <c r="AQ29176">
        <v>173</v>
      </c>
    </row>
    <row r="29177" spans="1:43">
      <c r="A29177" t="s">
        <v>18063</v>
      </c>
      <c r="B29177" t="s">
        <v>18064</v>
      </c>
      <c r="C29177" t="s">
        <v>18059</v>
      </c>
      <c r="D29177" t="s">
        <v>18060</v>
      </c>
      <c r="E29177" t="s">
        <v>18039</v>
      </c>
      <c r="F29177" t="s">
        <v>18040</v>
      </c>
      <c r="G29177" t="s">
        <v>16559</v>
      </c>
      <c r="H29177" t="s">
        <v>16560</v>
      </c>
      <c r="I29177" s="2">
        <v>1</v>
      </c>
      <c r="J29177" s="2">
        <v>0</v>
      </c>
      <c r="K29177" s="2">
        <v>0</v>
      </c>
      <c r="L29177" t="s">
        <v>120</v>
      </c>
      <c r="M29177" t="s">
        <v>83</v>
      </c>
      <c r="N29177" t="s">
        <v>91</v>
      </c>
      <c r="O29177" t="s">
        <v>85</v>
      </c>
      <c r="P29177" t="s">
        <v>86</v>
      </c>
      <c r="Q29177">
        <v>137</v>
      </c>
      <c r="R29177">
        <v>139</v>
      </c>
      <c r="S29177">
        <v>140</v>
      </c>
      <c r="T29177">
        <v>142</v>
      </c>
      <c r="U29177">
        <v>144</v>
      </c>
      <c r="V29177">
        <v>145</v>
      </c>
      <c r="W29177">
        <v>147</v>
      </c>
      <c r="X29177">
        <v>149</v>
      </c>
      <c r="Y29177">
        <v>150</v>
      </c>
      <c r="Z29177">
        <v>152</v>
      </c>
      <c r="AA29177">
        <v>153</v>
      </c>
      <c r="AB29177">
        <v>155</v>
      </c>
      <c r="AC29177">
        <v>157</v>
      </c>
      <c r="AD29177">
        <v>158</v>
      </c>
      <c r="AE29177">
        <v>160</v>
      </c>
      <c r="AF29177">
        <v>161</v>
      </c>
      <c r="AG29177">
        <v>163</v>
      </c>
      <c r="AH29177">
        <v>164</v>
      </c>
      <c r="AI29177">
        <v>166</v>
      </c>
      <c r="AJ29177">
        <v>168</v>
      </c>
      <c r="AK29177">
        <v>169</v>
      </c>
      <c r="AL29177">
        <v>170</v>
      </c>
      <c r="AM29177">
        <v>170</v>
      </c>
      <c r="AN29177">
        <v>171</v>
      </c>
      <c r="AO29177">
        <v>171</v>
      </c>
      <c r="AP29177">
        <v>171</v>
      </c>
      <c r="AQ29177">
        <v>172</v>
      </c>
    </row>
    <row r="29178" spans="1:43">
      <c r="A29178" t="s">
        <v>18065</v>
      </c>
      <c r="B29178" t="s">
        <v>18066</v>
      </c>
      <c r="C29178" t="s">
        <v>18059</v>
      </c>
      <c r="D29178" t="s">
        <v>18060</v>
      </c>
      <c r="E29178" t="s">
        <v>18039</v>
      </c>
      <c r="F29178" t="s">
        <v>18040</v>
      </c>
      <c r="G29178" t="s">
        <v>16559</v>
      </c>
      <c r="H29178" t="s">
        <v>16560</v>
      </c>
      <c r="I29178" s="2">
        <v>1</v>
      </c>
      <c r="J29178" s="2">
        <v>0</v>
      </c>
      <c r="K29178" s="2">
        <v>0</v>
      </c>
      <c r="L29178" t="s">
        <v>120</v>
      </c>
      <c r="M29178" t="s">
        <v>83</v>
      </c>
      <c r="N29178" t="s">
        <v>84</v>
      </c>
      <c r="O29178" t="s">
        <v>85</v>
      </c>
      <c r="P29178" t="s">
        <v>86</v>
      </c>
      <c r="Q29178">
        <v>16</v>
      </c>
      <c r="R29178">
        <v>16</v>
      </c>
      <c r="S29178">
        <v>16</v>
      </c>
      <c r="T29178">
        <v>17</v>
      </c>
      <c r="U29178">
        <v>17</v>
      </c>
      <c r="V29178">
        <v>17</v>
      </c>
      <c r="W29178">
        <v>17</v>
      </c>
      <c r="X29178">
        <v>17</v>
      </c>
      <c r="Y29178">
        <v>17</v>
      </c>
      <c r="Z29178">
        <v>18</v>
      </c>
      <c r="AA29178">
        <v>18</v>
      </c>
      <c r="AB29178">
        <v>18</v>
      </c>
      <c r="AC29178">
        <v>18</v>
      </c>
      <c r="AD29178">
        <v>18</v>
      </c>
      <c r="AE29178">
        <v>18</v>
      </c>
      <c r="AF29178">
        <v>19</v>
      </c>
      <c r="AG29178">
        <v>19</v>
      </c>
      <c r="AH29178">
        <v>19</v>
      </c>
      <c r="AI29178">
        <v>19</v>
      </c>
      <c r="AJ29178">
        <v>19</v>
      </c>
      <c r="AK29178">
        <v>19</v>
      </c>
      <c r="AL29178">
        <v>19</v>
      </c>
      <c r="AM29178">
        <v>19</v>
      </c>
      <c r="AN29178">
        <v>19</v>
      </c>
      <c r="AO29178">
        <v>19</v>
      </c>
      <c r="AP29178">
        <v>19</v>
      </c>
      <c r="AQ29178">
        <v>19</v>
      </c>
    </row>
    <row r="29179" spans="1:43">
      <c r="A29179" t="s">
        <v>18065</v>
      </c>
      <c r="B29179" t="s">
        <v>18066</v>
      </c>
      <c r="C29179" t="s">
        <v>18059</v>
      </c>
      <c r="D29179" t="s">
        <v>18060</v>
      </c>
      <c r="E29179" t="s">
        <v>18039</v>
      </c>
      <c r="F29179" t="s">
        <v>18040</v>
      </c>
      <c r="G29179" t="s">
        <v>16559</v>
      </c>
      <c r="H29179" t="s">
        <v>16560</v>
      </c>
      <c r="I29179" s="2">
        <v>1</v>
      </c>
      <c r="J29179" s="2">
        <v>0</v>
      </c>
      <c r="K29179" s="2">
        <v>0</v>
      </c>
      <c r="L29179" t="s">
        <v>120</v>
      </c>
      <c r="M29179" t="s">
        <v>87</v>
      </c>
      <c r="N29179" t="s">
        <v>88</v>
      </c>
      <c r="O29179" t="s">
        <v>85</v>
      </c>
      <c r="P29179" t="s">
        <v>86</v>
      </c>
      <c r="Q29179">
        <v>16</v>
      </c>
      <c r="R29179">
        <v>16</v>
      </c>
      <c r="S29179">
        <v>16</v>
      </c>
      <c r="T29179">
        <v>16</v>
      </c>
      <c r="U29179">
        <v>16</v>
      </c>
      <c r="V29179">
        <v>16</v>
      </c>
      <c r="W29179">
        <v>16</v>
      </c>
      <c r="X29179">
        <v>16</v>
      </c>
      <c r="Y29179">
        <v>16</v>
      </c>
      <c r="Z29179">
        <v>16</v>
      </c>
      <c r="AA29179">
        <v>16</v>
      </c>
      <c r="AB29179">
        <v>16</v>
      </c>
      <c r="AC29179">
        <v>16</v>
      </c>
      <c r="AD29179">
        <v>16</v>
      </c>
      <c r="AE29179">
        <v>16</v>
      </c>
      <c r="AF29179">
        <v>16</v>
      </c>
      <c r="AG29179">
        <v>16</v>
      </c>
      <c r="AH29179">
        <v>16</v>
      </c>
      <c r="AI29179">
        <v>16</v>
      </c>
      <c r="AJ29179">
        <v>16</v>
      </c>
      <c r="AK29179">
        <v>17</v>
      </c>
      <c r="AL29179">
        <v>17</v>
      </c>
      <c r="AM29179">
        <v>17</v>
      </c>
      <c r="AN29179">
        <v>17</v>
      </c>
      <c r="AO29179">
        <v>17</v>
      </c>
      <c r="AP29179">
        <v>17</v>
      </c>
      <c r="AQ29179">
        <v>17</v>
      </c>
    </row>
    <row r="29180" spans="1:43">
      <c r="A29180" t="s">
        <v>18065</v>
      </c>
      <c r="B29180" t="s">
        <v>18066</v>
      </c>
      <c r="C29180" t="s">
        <v>18059</v>
      </c>
      <c r="D29180" t="s">
        <v>18060</v>
      </c>
      <c r="E29180" t="s">
        <v>18039</v>
      </c>
      <c r="F29180" t="s">
        <v>18040</v>
      </c>
      <c r="G29180" t="s">
        <v>16559</v>
      </c>
      <c r="H29180" t="s">
        <v>16560</v>
      </c>
      <c r="I29180" s="2">
        <v>1</v>
      </c>
      <c r="J29180" s="2">
        <v>0</v>
      </c>
      <c r="K29180" s="2">
        <v>0</v>
      </c>
      <c r="L29180" t="s">
        <v>120</v>
      </c>
      <c r="M29180" t="s">
        <v>89</v>
      </c>
      <c r="N29180" t="s">
        <v>90</v>
      </c>
      <c r="O29180" t="s">
        <v>85</v>
      </c>
      <c r="P29180" t="s">
        <v>86</v>
      </c>
      <c r="Q29180">
        <v>16</v>
      </c>
      <c r="R29180">
        <v>16</v>
      </c>
      <c r="S29180">
        <v>17</v>
      </c>
      <c r="T29180">
        <v>17</v>
      </c>
      <c r="U29180">
        <v>17</v>
      </c>
      <c r="V29180">
        <v>18</v>
      </c>
      <c r="W29180">
        <v>18</v>
      </c>
      <c r="X29180">
        <v>18</v>
      </c>
      <c r="Y29180">
        <v>18</v>
      </c>
      <c r="Z29180">
        <v>19</v>
      </c>
      <c r="AA29180">
        <v>19</v>
      </c>
      <c r="AB29180">
        <v>19</v>
      </c>
      <c r="AC29180">
        <v>19</v>
      </c>
      <c r="AD29180">
        <v>20</v>
      </c>
      <c r="AE29180">
        <v>20</v>
      </c>
      <c r="AF29180">
        <v>20</v>
      </c>
      <c r="AG29180">
        <v>20</v>
      </c>
      <c r="AH29180">
        <v>20</v>
      </c>
      <c r="AI29180">
        <v>20</v>
      </c>
      <c r="AJ29180">
        <v>20</v>
      </c>
      <c r="AK29180">
        <v>20</v>
      </c>
      <c r="AL29180">
        <v>20</v>
      </c>
      <c r="AM29180">
        <v>20</v>
      </c>
      <c r="AN29180">
        <v>20</v>
      </c>
      <c r="AO29180">
        <v>20</v>
      </c>
      <c r="AP29180">
        <v>20</v>
      </c>
      <c r="AQ29180">
        <v>20</v>
      </c>
    </row>
    <row r="29181" spans="1:43">
      <c r="A29181" t="s">
        <v>18065</v>
      </c>
      <c r="B29181" t="s">
        <v>18066</v>
      </c>
      <c r="C29181" t="s">
        <v>18059</v>
      </c>
      <c r="D29181" t="s">
        <v>18060</v>
      </c>
      <c r="E29181" t="s">
        <v>18039</v>
      </c>
      <c r="F29181" t="s">
        <v>18040</v>
      </c>
      <c r="G29181" t="s">
        <v>16559</v>
      </c>
      <c r="H29181" t="s">
        <v>16560</v>
      </c>
      <c r="I29181" s="2">
        <v>1</v>
      </c>
      <c r="J29181" s="2">
        <v>0</v>
      </c>
      <c r="K29181" s="2">
        <v>0</v>
      </c>
      <c r="L29181" t="s">
        <v>120</v>
      </c>
      <c r="M29181" t="s">
        <v>83</v>
      </c>
      <c r="N29181" t="s">
        <v>91</v>
      </c>
      <c r="O29181" t="s">
        <v>85</v>
      </c>
      <c r="P29181" t="s">
        <v>86</v>
      </c>
      <c r="Q29181">
        <v>16</v>
      </c>
      <c r="R29181">
        <v>16</v>
      </c>
      <c r="S29181">
        <v>16</v>
      </c>
      <c r="T29181">
        <v>17</v>
      </c>
      <c r="U29181">
        <v>17</v>
      </c>
      <c r="V29181">
        <v>17</v>
      </c>
      <c r="W29181">
        <v>17</v>
      </c>
      <c r="X29181">
        <v>17</v>
      </c>
      <c r="Y29181">
        <v>17</v>
      </c>
      <c r="Z29181">
        <v>18</v>
      </c>
      <c r="AA29181">
        <v>18</v>
      </c>
      <c r="AB29181">
        <v>18</v>
      </c>
      <c r="AC29181">
        <v>18</v>
      </c>
      <c r="AD29181">
        <v>18</v>
      </c>
      <c r="AE29181">
        <v>18</v>
      </c>
      <c r="AF29181">
        <v>19</v>
      </c>
      <c r="AG29181">
        <v>19</v>
      </c>
      <c r="AH29181">
        <v>19</v>
      </c>
      <c r="AI29181">
        <v>19</v>
      </c>
      <c r="AJ29181">
        <v>19</v>
      </c>
      <c r="AK29181">
        <v>19</v>
      </c>
      <c r="AL29181">
        <v>19</v>
      </c>
      <c r="AM29181">
        <v>19</v>
      </c>
      <c r="AN29181">
        <v>19</v>
      </c>
      <c r="AO29181">
        <v>19</v>
      </c>
      <c r="AP29181">
        <v>19</v>
      </c>
      <c r="AQ29181">
        <v>19</v>
      </c>
    </row>
    <row r="29182" spans="1:43">
      <c r="A29182" t="s">
        <v>18067</v>
      </c>
      <c r="B29182" t="s">
        <v>18068</v>
      </c>
      <c r="C29182" t="s">
        <v>18069</v>
      </c>
      <c r="D29182" t="s">
        <v>18070</v>
      </c>
      <c r="E29182" t="s">
        <v>18039</v>
      </c>
      <c r="F29182" t="s">
        <v>18040</v>
      </c>
      <c r="G29182" t="s">
        <v>16559</v>
      </c>
      <c r="H29182" t="s">
        <v>16560</v>
      </c>
      <c r="I29182" s="2">
        <v>1</v>
      </c>
      <c r="J29182" s="2">
        <v>0</v>
      </c>
      <c r="K29182" s="2">
        <v>0</v>
      </c>
      <c r="L29182" t="s">
        <v>120</v>
      </c>
      <c r="M29182" t="s">
        <v>83</v>
      </c>
      <c r="N29182" t="s">
        <v>84</v>
      </c>
      <c r="O29182" t="s">
        <v>85</v>
      </c>
      <c r="P29182" t="s">
        <v>86</v>
      </c>
      <c r="Q29182">
        <v>107</v>
      </c>
      <c r="R29182">
        <v>108</v>
      </c>
      <c r="S29182">
        <v>110</v>
      </c>
      <c r="T29182">
        <v>111</v>
      </c>
      <c r="U29182">
        <v>113</v>
      </c>
      <c r="V29182">
        <v>114</v>
      </c>
      <c r="W29182">
        <v>115</v>
      </c>
      <c r="X29182">
        <v>117</v>
      </c>
      <c r="Y29182">
        <v>118</v>
      </c>
      <c r="Z29182">
        <v>119</v>
      </c>
      <c r="AA29182">
        <v>121</v>
      </c>
      <c r="AB29182">
        <v>122</v>
      </c>
      <c r="AC29182">
        <v>123</v>
      </c>
      <c r="AD29182">
        <v>124</v>
      </c>
      <c r="AE29182">
        <v>126</v>
      </c>
      <c r="AF29182">
        <v>127</v>
      </c>
      <c r="AG29182">
        <v>128</v>
      </c>
      <c r="AH29182">
        <v>129</v>
      </c>
      <c r="AI29182">
        <v>131</v>
      </c>
      <c r="AJ29182">
        <v>132</v>
      </c>
      <c r="AK29182">
        <v>133</v>
      </c>
      <c r="AL29182">
        <v>134</v>
      </c>
      <c r="AM29182">
        <v>134</v>
      </c>
      <c r="AN29182">
        <v>135</v>
      </c>
      <c r="AO29182">
        <v>135</v>
      </c>
      <c r="AP29182">
        <v>135</v>
      </c>
      <c r="AQ29182">
        <v>136</v>
      </c>
    </row>
    <row r="29183" spans="1:43">
      <c r="A29183" t="s">
        <v>18067</v>
      </c>
      <c r="B29183" t="s">
        <v>18068</v>
      </c>
      <c r="C29183" t="s">
        <v>18069</v>
      </c>
      <c r="D29183" t="s">
        <v>18070</v>
      </c>
      <c r="E29183" t="s">
        <v>18039</v>
      </c>
      <c r="F29183" t="s">
        <v>18040</v>
      </c>
      <c r="G29183" t="s">
        <v>16559</v>
      </c>
      <c r="H29183" t="s">
        <v>16560</v>
      </c>
      <c r="I29183" s="2">
        <v>1</v>
      </c>
      <c r="J29183" s="2">
        <v>0</v>
      </c>
      <c r="K29183" s="2">
        <v>0</v>
      </c>
      <c r="L29183" t="s">
        <v>120</v>
      </c>
      <c r="M29183" t="s">
        <v>87</v>
      </c>
      <c r="N29183" t="s">
        <v>88</v>
      </c>
      <c r="O29183" t="s">
        <v>85</v>
      </c>
      <c r="P29183" t="s">
        <v>86</v>
      </c>
      <c r="Q29183">
        <v>107</v>
      </c>
      <c r="R29183">
        <v>107</v>
      </c>
      <c r="S29183">
        <v>108</v>
      </c>
      <c r="T29183">
        <v>108</v>
      </c>
      <c r="U29183">
        <v>109</v>
      </c>
      <c r="V29183">
        <v>109</v>
      </c>
      <c r="W29183">
        <v>109</v>
      </c>
      <c r="X29183">
        <v>110</v>
      </c>
      <c r="Y29183">
        <v>110</v>
      </c>
      <c r="Z29183">
        <v>111</v>
      </c>
      <c r="AA29183">
        <v>111</v>
      </c>
      <c r="AB29183">
        <v>111</v>
      </c>
      <c r="AC29183">
        <v>112</v>
      </c>
      <c r="AD29183">
        <v>112</v>
      </c>
      <c r="AE29183">
        <v>113</v>
      </c>
      <c r="AF29183">
        <v>113</v>
      </c>
      <c r="AG29183">
        <v>113</v>
      </c>
      <c r="AH29183">
        <v>114</v>
      </c>
      <c r="AI29183">
        <v>114</v>
      </c>
      <c r="AJ29183">
        <v>115</v>
      </c>
      <c r="AK29183">
        <v>115</v>
      </c>
      <c r="AL29183">
        <v>116</v>
      </c>
      <c r="AM29183">
        <v>116</v>
      </c>
      <c r="AN29183">
        <v>116</v>
      </c>
      <c r="AO29183">
        <v>117</v>
      </c>
      <c r="AP29183">
        <v>117</v>
      </c>
      <c r="AQ29183">
        <v>118</v>
      </c>
    </row>
    <row r="29184" spans="1:43">
      <c r="A29184" t="s">
        <v>18067</v>
      </c>
      <c r="B29184" t="s">
        <v>18068</v>
      </c>
      <c r="C29184" t="s">
        <v>18069</v>
      </c>
      <c r="D29184" t="s">
        <v>18070</v>
      </c>
      <c r="E29184" t="s">
        <v>18039</v>
      </c>
      <c r="F29184" t="s">
        <v>18040</v>
      </c>
      <c r="G29184" t="s">
        <v>16559</v>
      </c>
      <c r="H29184" t="s">
        <v>16560</v>
      </c>
      <c r="I29184" s="2">
        <v>1</v>
      </c>
      <c r="J29184" s="2">
        <v>0</v>
      </c>
      <c r="K29184" s="2">
        <v>0</v>
      </c>
      <c r="L29184" t="s">
        <v>120</v>
      </c>
      <c r="M29184" t="s">
        <v>89</v>
      </c>
      <c r="N29184" t="s">
        <v>90</v>
      </c>
      <c r="O29184" t="s">
        <v>85</v>
      </c>
      <c r="P29184" t="s">
        <v>86</v>
      </c>
      <c r="Q29184">
        <v>107</v>
      </c>
      <c r="R29184">
        <v>109</v>
      </c>
      <c r="S29184">
        <v>112</v>
      </c>
      <c r="T29184">
        <v>114</v>
      </c>
      <c r="U29184">
        <v>116</v>
      </c>
      <c r="V29184">
        <v>118</v>
      </c>
      <c r="W29184">
        <v>120</v>
      </c>
      <c r="X29184">
        <v>122</v>
      </c>
      <c r="Y29184">
        <v>124</v>
      </c>
      <c r="Z29184">
        <v>125</v>
      </c>
      <c r="AA29184">
        <v>127</v>
      </c>
      <c r="AB29184">
        <v>129</v>
      </c>
      <c r="AC29184">
        <v>131</v>
      </c>
      <c r="AD29184">
        <v>132</v>
      </c>
      <c r="AE29184">
        <v>134</v>
      </c>
      <c r="AF29184">
        <v>134</v>
      </c>
      <c r="AG29184">
        <v>134</v>
      </c>
      <c r="AH29184">
        <v>134</v>
      </c>
      <c r="AI29184">
        <v>135</v>
      </c>
      <c r="AJ29184">
        <v>135</v>
      </c>
      <c r="AK29184">
        <v>135</v>
      </c>
      <c r="AL29184">
        <v>136</v>
      </c>
      <c r="AM29184">
        <v>136</v>
      </c>
      <c r="AN29184">
        <v>136</v>
      </c>
      <c r="AO29184">
        <v>136</v>
      </c>
      <c r="AP29184">
        <v>137</v>
      </c>
      <c r="AQ29184">
        <v>137</v>
      </c>
    </row>
    <row r="29185" spans="1:43">
      <c r="A29185" t="s">
        <v>18067</v>
      </c>
      <c r="B29185" t="s">
        <v>18068</v>
      </c>
      <c r="C29185" t="s">
        <v>18069</v>
      </c>
      <c r="D29185" t="s">
        <v>18070</v>
      </c>
      <c r="E29185" t="s">
        <v>18039</v>
      </c>
      <c r="F29185" t="s">
        <v>18040</v>
      </c>
      <c r="G29185" t="s">
        <v>16559</v>
      </c>
      <c r="H29185" t="s">
        <v>16560</v>
      </c>
      <c r="I29185" s="2">
        <v>1</v>
      </c>
      <c r="J29185" s="2">
        <v>0</v>
      </c>
      <c r="K29185" s="2">
        <v>0</v>
      </c>
      <c r="L29185" t="s">
        <v>120</v>
      </c>
      <c r="M29185" t="s">
        <v>83</v>
      </c>
      <c r="N29185" t="s">
        <v>91</v>
      </c>
      <c r="O29185" t="s">
        <v>85</v>
      </c>
      <c r="P29185" t="s">
        <v>86</v>
      </c>
      <c r="Q29185">
        <v>107</v>
      </c>
      <c r="R29185">
        <v>108</v>
      </c>
      <c r="S29185">
        <v>110</v>
      </c>
      <c r="T29185">
        <v>111</v>
      </c>
      <c r="U29185">
        <v>113</v>
      </c>
      <c r="V29185">
        <v>114</v>
      </c>
      <c r="W29185">
        <v>115</v>
      </c>
      <c r="X29185">
        <v>117</v>
      </c>
      <c r="Y29185">
        <v>118</v>
      </c>
      <c r="Z29185">
        <v>119</v>
      </c>
      <c r="AA29185">
        <v>121</v>
      </c>
      <c r="AB29185">
        <v>122</v>
      </c>
      <c r="AC29185">
        <v>123</v>
      </c>
      <c r="AD29185">
        <v>124</v>
      </c>
      <c r="AE29185">
        <v>126</v>
      </c>
      <c r="AF29185">
        <v>127</v>
      </c>
      <c r="AG29185">
        <v>128</v>
      </c>
      <c r="AH29185">
        <v>129</v>
      </c>
      <c r="AI29185">
        <v>131</v>
      </c>
      <c r="AJ29185">
        <v>132</v>
      </c>
      <c r="AK29185">
        <v>133</v>
      </c>
      <c r="AL29185">
        <v>134</v>
      </c>
      <c r="AM29185">
        <v>134</v>
      </c>
      <c r="AN29185">
        <v>135</v>
      </c>
      <c r="AO29185">
        <v>135</v>
      </c>
      <c r="AP29185">
        <v>135</v>
      </c>
      <c r="AQ29185">
        <v>136</v>
      </c>
    </row>
    <row r="29186" spans="1:43">
      <c r="A29186" t="s">
        <v>18071</v>
      </c>
      <c r="B29186" t="s">
        <v>18072</v>
      </c>
      <c r="C29186" t="s">
        <v>18069</v>
      </c>
      <c r="D29186" t="s">
        <v>18070</v>
      </c>
      <c r="E29186" t="s">
        <v>18039</v>
      </c>
      <c r="F29186" t="s">
        <v>18040</v>
      </c>
      <c r="G29186" t="s">
        <v>16559</v>
      </c>
      <c r="H29186" t="s">
        <v>16560</v>
      </c>
      <c r="I29186" s="2">
        <v>1</v>
      </c>
      <c r="J29186" s="2">
        <v>0</v>
      </c>
      <c r="K29186" s="2">
        <v>0</v>
      </c>
      <c r="L29186" t="s">
        <v>120</v>
      </c>
      <c r="M29186" t="s">
        <v>83</v>
      </c>
      <c r="N29186" t="s">
        <v>84</v>
      </c>
      <c r="O29186" t="s">
        <v>85</v>
      </c>
      <c r="P29186" t="s">
        <v>86</v>
      </c>
      <c r="Q29186">
        <v>57</v>
      </c>
      <c r="R29186">
        <v>58</v>
      </c>
      <c r="S29186">
        <v>58</v>
      </c>
      <c r="T29186">
        <v>59</v>
      </c>
      <c r="U29186">
        <v>60</v>
      </c>
      <c r="V29186">
        <v>60</v>
      </c>
      <c r="W29186">
        <v>61</v>
      </c>
      <c r="X29186">
        <v>62</v>
      </c>
      <c r="Y29186">
        <v>63</v>
      </c>
      <c r="Z29186">
        <v>63</v>
      </c>
      <c r="AA29186">
        <v>64</v>
      </c>
      <c r="AB29186">
        <v>65</v>
      </c>
      <c r="AC29186">
        <v>65</v>
      </c>
      <c r="AD29186">
        <v>66</v>
      </c>
      <c r="AE29186">
        <v>67</v>
      </c>
      <c r="AF29186">
        <v>67</v>
      </c>
      <c r="AG29186">
        <v>68</v>
      </c>
      <c r="AH29186">
        <v>69</v>
      </c>
      <c r="AI29186">
        <v>69</v>
      </c>
      <c r="AJ29186">
        <v>70</v>
      </c>
      <c r="AK29186">
        <v>71</v>
      </c>
      <c r="AL29186">
        <v>71</v>
      </c>
      <c r="AM29186">
        <v>71</v>
      </c>
      <c r="AN29186">
        <v>71</v>
      </c>
      <c r="AO29186">
        <v>72</v>
      </c>
      <c r="AP29186">
        <v>72</v>
      </c>
      <c r="AQ29186">
        <v>72</v>
      </c>
    </row>
    <row r="29187" spans="1:43">
      <c r="A29187" t="s">
        <v>18071</v>
      </c>
      <c r="B29187" t="s">
        <v>18072</v>
      </c>
      <c r="C29187" t="s">
        <v>18069</v>
      </c>
      <c r="D29187" t="s">
        <v>18070</v>
      </c>
      <c r="E29187" t="s">
        <v>18039</v>
      </c>
      <c r="F29187" t="s">
        <v>18040</v>
      </c>
      <c r="G29187" t="s">
        <v>16559</v>
      </c>
      <c r="H29187" t="s">
        <v>16560</v>
      </c>
      <c r="I29187" s="2">
        <v>1</v>
      </c>
      <c r="J29187" s="2">
        <v>0</v>
      </c>
      <c r="K29187" s="2">
        <v>0</v>
      </c>
      <c r="L29187" t="s">
        <v>120</v>
      </c>
      <c r="M29187" t="s">
        <v>87</v>
      </c>
      <c r="N29187" t="s">
        <v>88</v>
      </c>
      <c r="O29187" t="s">
        <v>85</v>
      </c>
      <c r="P29187" t="s">
        <v>86</v>
      </c>
      <c r="Q29187">
        <v>57</v>
      </c>
      <c r="R29187">
        <v>57</v>
      </c>
      <c r="S29187">
        <v>58</v>
      </c>
      <c r="T29187">
        <v>58</v>
      </c>
      <c r="U29187">
        <v>58</v>
      </c>
      <c r="V29187">
        <v>58</v>
      </c>
      <c r="W29187">
        <v>58</v>
      </c>
      <c r="X29187">
        <v>59</v>
      </c>
      <c r="Y29187">
        <v>59</v>
      </c>
      <c r="Z29187">
        <v>59</v>
      </c>
      <c r="AA29187">
        <v>59</v>
      </c>
      <c r="AB29187">
        <v>60</v>
      </c>
      <c r="AC29187">
        <v>60</v>
      </c>
      <c r="AD29187">
        <v>60</v>
      </c>
      <c r="AE29187">
        <v>60</v>
      </c>
      <c r="AF29187">
        <v>60</v>
      </c>
      <c r="AG29187">
        <v>61</v>
      </c>
      <c r="AH29187">
        <v>61</v>
      </c>
      <c r="AI29187">
        <v>61</v>
      </c>
      <c r="AJ29187">
        <v>61</v>
      </c>
      <c r="AK29187">
        <v>62</v>
      </c>
      <c r="AL29187">
        <v>62</v>
      </c>
      <c r="AM29187">
        <v>62</v>
      </c>
      <c r="AN29187">
        <v>62</v>
      </c>
      <c r="AO29187">
        <v>62</v>
      </c>
      <c r="AP29187">
        <v>63</v>
      </c>
      <c r="AQ29187">
        <v>63</v>
      </c>
    </row>
    <row r="29188" spans="1:43">
      <c r="A29188" t="s">
        <v>18071</v>
      </c>
      <c r="B29188" t="s">
        <v>18072</v>
      </c>
      <c r="C29188" t="s">
        <v>18069</v>
      </c>
      <c r="D29188" t="s">
        <v>18070</v>
      </c>
      <c r="E29188" t="s">
        <v>18039</v>
      </c>
      <c r="F29188" t="s">
        <v>18040</v>
      </c>
      <c r="G29188" t="s">
        <v>16559</v>
      </c>
      <c r="H29188" t="s">
        <v>16560</v>
      </c>
      <c r="I29188" s="2">
        <v>1</v>
      </c>
      <c r="J29188" s="2">
        <v>0</v>
      </c>
      <c r="K29188" s="2">
        <v>0</v>
      </c>
      <c r="L29188" t="s">
        <v>120</v>
      </c>
      <c r="M29188" t="s">
        <v>89</v>
      </c>
      <c r="N29188" t="s">
        <v>90</v>
      </c>
      <c r="O29188" t="s">
        <v>85</v>
      </c>
      <c r="P29188" t="s">
        <v>86</v>
      </c>
      <c r="Q29188">
        <v>57</v>
      </c>
      <c r="R29188">
        <v>59</v>
      </c>
      <c r="S29188">
        <v>60</v>
      </c>
      <c r="T29188">
        <v>61</v>
      </c>
      <c r="U29188">
        <v>62</v>
      </c>
      <c r="V29188">
        <v>63</v>
      </c>
      <c r="W29188">
        <v>64</v>
      </c>
      <c r="X29188">
        <v>65</v>
      </c>
      <c r="Y29188">
        <v>66</v>
      </c>
      <c r="Z29188">
        <v>67</v>
      </c>
      <c r="AA29188">
        <v>68</v>
      </c>
      <c r="AB29188">
        <v>69</v>
      </c>
      <c r="AC29188">
        <v>70</v>
      </c>
      <c r="AD29188">
        <v>71</v>
      </c>
      <c r="AE29188">
        <v>71</v>
      </c>
      <c r="AF29188">
        <v>72</v>
      </c>
      <c r="AG29188">
        <v>72</v>
      </c>
      <c r="AH29188">
        <v>72</v>
      </c>
      <c r="AI29188">
        <v>72</v>
      </c>
      <c r="AJ29188">
        <v>72</v>
      </c>
      <c r="AK29188">
        <v>72</v>
      </c>
      <c r="AL29188">
        <v>72</v>
      </c>
      <c r="AM29188">
        <v>73</v>
      </c>
      <c r="AN29188">
        <v>73</v>
      </c>
      <c r="AO29188">
        <v>73</v>
      </c>
      <c r="AP29188">
        <v>73</v>
      </c>
      <c r="AQ29188">
        <v>73</v>
      </c>
    </row>
    <row r="29189" spans="1:43">
      <c r="A29189" t="s">
        <v>18071</v>
      </c>
      <c r="B29189" t="s">
        <v>18072</v>
      </c>
      <c r="C29189" t="s">
        <v>18069</v>
      </c>
      <c r="D29189" t="s">
        <v>18070</v>
      </c>
      <c r="E29189" t="s">
        <v>18039</v>
      </c>
      <c r="F29189" t="s">
        <v>18040</v>
      </c>
      <c r="G29189" t="s">
        <v>16559</v>
      </c>
      <c r="H29189" t="s">
        <v>16560</v>
      </c>
      <c r="I29189" s="2">
        <v>1</v>
      </c>
      <c r="J29189" s="2">
        <v>0</v>
      </c>
      <c r="K29189" s="2">
        <v>0</v>
      </c>
      <c r="L29189" t="s">
        <v>120</v>
      </c>
      <c r="M29189" t="s">
        <v>83</v>
      </c>
      <c r="N29189" t="s">
        <v>91</v>
      </c>
      <c r="O29189" t="s">
        <v>85</v>
      </c>
      <c r="P29189" t="s">
        <v>86</v>
      </c>
      <c r="Q29189">
        <v>57</v>
      </c>
      <c r="R29189">
        <v>58</v>
      </c>
      <c r="S29189">
        <v>58</v>
      </c>
      <c r="T29189">
        <v>59</v>
      </c>
      <c r="U29189">
        <v>60</v>
      </c>
      <c r="V29189">
        <v>60</v>
      </c>
      <c r="W29189">
        <v>61</v>
      </c>
      <c r="X29189">
        <v>62</v>
      </c>
      <c r="Y29189">
        <v>63</v>
      </c>
      <c r="Z29189">
        <v>63</v>
      </c>
      <c r="AA29189">
        <v>64</v>
      </c>
      <c r="AB29189">
        <v>65</v>
      </c>
      <c r="AC29189">
        <v>65</v>
      </c>
      <c r="AD29189">
        <v>66</v>
      </c>
      <c r="AE29189">
        <v>67</v>
      </c>
      <c r="AF29189">
        <v>67</v>
      </c>
      <c r="AG29189">
        <v>68</v>
      </c>
      <c r="AH29189">
        <v>69</v>
      </c>
      <c r="AI29189">
        <v>69</v>
      </c>
      <c r="AJ29189">
        <v>70</v>
      </c>
      <c r="AK29189">
        <v>71</v>
      </c>
      <c r="AL29189">
        <v>71</v>
      </c>
      <c r="AM29189">
        <v>71</v>
      </c>
      <c r="AN29189">
        <v>71</v>
      </c>
      <c r="AO29189">
        <v>72</v>
      </c>
      <c r="AP29189">
        <v>72</v>
      </c>
      <c r="AQ29189">
        <v>72</v>
      </c>
    </row>
    <row r="29190" spans="1:43">
      <c r="A29190" t="s">
        <v>18073</v>
      </c>
      <c r="B29190" t="s">
        <v>18074</v>
      </c>
      <c r="C29190" t="s">
        <v>18069</v>
      </c>
      <c r="D29190" t="s">
        <v>18070</v>
      </c>
      <c r="E29190" t="s">
        <v>18039</v>
      </c>
      <c r="F29190" t="s">
        <v>18040</v>
      </c>
      <c r="G29190" t="s">
        <v>16559</v>
      </c>
      <c r="H29190" t="s">
        <v>16560</v>
      </c>
      <c r="I29190" s="2">
        <v>1</v>
      </c>
      <c r="J29190" s="2">
        <v>0</v>
      </c>
      <c r="K29190" s="2">
        <v>0</v>
      </c>
      <c r="L29190" t="s">
        <v>120</v>
      </c>
      <c r="M29190" t="s">
        <v>83</v>
      </c>
      <c r="N29190" t="s">
        <v>84</v>
      </c>
      <c r="O29190" t="s">
        <v>85</v>
      </c>
      <c r="P29190" t="s">
        <v>86</v>
      </c>
      <c r="Q29190">
        <v>25</v>
      </c>
      <c r="R29190">
        <v>26</v>
      </c>
      <c r="S29190">
        <v>26</v>
      </c>
      <c r="T29190">
        <v>26</v>
      </c>
      <c r="U29190">
        <v>27</v>
      </c>
      <c r="V29190">
        <v>27</v>
      </c>
      <c r="W29190">
        <v>27</v>
      </c>
      <c r="X29190">
        <v>27</v>
      </c>
      <c r="Y29190">
        <v>28</v>
      </c>
      <c r="Z29190">
        <v>28</v>
      </c>
      <c r="AA29190">
        <v>28</v>
      </c>
      <c r="AB29190">
        <v>28</v>
      </c>
      <c r="AC29190">
        <v>28</v>
      </c>
      <c r="AD29190">
        <v>29</v>
      </c>
      <c r="AE29190">
        <v>29</v>
      </c>
      <c r="AF29190">
        <v>29</v>
      </c>
      <c r="AG29190">
        <v>29</v>
      </c>
      <c r="AH29190">
        <v>30</v>
      </c>
      <c r="AI29190">
        <v>30</v>
      </c>
      <c r="AJ29190">
        <v>30</v>
      </c>
      <c r="AK29190">
        <v>30</v>
      </c>
      <c r="AL29190">
        <v>30</v>
      </c>
      <c r="AM29190">
        <v>30</v>
      </c>
      <c r="AN29190">
        <v>30</v>
      </c>
      <c r="AO29190">
        <v>30</v>
      </c>
      <c r="AP29190">
        <v>30</v>
      </c>
      <c r="AQ29190">
        <v>30</v>
      </c>
    </row>
    <row r="29191" spans="1:43">
      <c r="A29191" t="s">
        <v>18073</v>
      </c>
      <c r="B29191" t="s">
        <v>18074</v>
      </c>
      <c r="C29191" t="s">
        <v>18069</v>
      </c>
      <c r="D29191" t="s">
        <v>18070</v>
      </c>
      <c r="E29191" t="s">
        <v>18039</v>
      </c>
      <c r="F29191" t="s">
        <v>18040</v>
      </c>
      <c r="G29191" t="s">
        <v>16559</v>
      </c>
      <c r="H29191" t="s">
        <v>16560</v>
      </c>
      <c r="I29191" s="2">
        <v>1</v>
      </c>
      <c r="J29191" s="2">
        <v>0</v>
      </c>
      <c r="K29191" s="2">
        <v>0</v>
      </c>
      <c r="L29191" t="s">
        <v>120</v>
      </c>
      <c r="M29191" t="s">
        <v>87</v>
      </c>
      <c r="N29191" t="s">
        <v>88</v>
      </c>
      <c r="O29191" t="s">
        <v>85</v>
      </c>
      <c r="P29191" t="s">
        <v>86</v>
      </c>
      <c r="Q29191">
        <v>25</v>
      </c>
      <c r="R29191">
        <v>25</v>
      </c>
      <c r="S29191">
        <v>25</v>
      </c>
      <c r="T29191">
        <v>25</v>
      </c>
      <c r="U29191">
        <v>25</v>
      </c>
      <c r="V29191">
        <v>25</v>
      </c>
      <c r="W29191">
        <v>25</v>
      </c>
      <c r="X29191">
        <v>25</v>
      </c>
      <c r="Y29191">
        <v>25</v>
      </c>
      <c r="Z29191">
        <v>26</v>
      </c>
      <c r="AA29191">
        <v>26</v>
      </c>
      <c r="AB29191">
        <v>26</v>
      </c>
      <c r="AC29191">
        <v>26</v>
      </c>
      <c r="AD29191">
        <v>26</v>
      </c>
      <c r="AE29191">
        <v>26</v>
      </c>
      <c r="AF29191">
        <v>26</v>
      </c>
      <c r="AG29191">
        <v>26</v>
      </c>
      <c r="AH29191">
        <v>26</v>
      </c>
      <c r="AI29191">
        <v>26</v>
      </c>
      <c r="AJ29191">
        <v>26</v>
      </c>
      <c r="AK29191">
        <v>26</v>
      </c>
      <c r="AL29191">
        <v>26</v>
      </c>
      <c r="AM29191">
        <v>26</v>
      </c>
      <c r="AN29191">
        <v>26</v>
      </c>
      <c r="AO29191">
        <v>26</v>
      </c>
      <c r="AP29191">
        <v>26</v>
      </c>
      <c r="AQ29191">
        <v>26</v>
      </c>
    </row>
    <row r="29192" spans="1:43">
      <c r="A29192" t="s">
        <v>18073</v>
      </c>
      <c r="B29192" t="s">
        <v>18074</v>
      </c>
      <c r="C29192" t="s">
        <v>18069</v>
      </c>
      <c r="D29192" t="s">
        <v>18070</v>
      </c>
      <c r="E29192" t="s">
        <v>18039</v>
      </c>
      <c r="F29192" t="s">
        <v>18040</v>
      </c>
      <c r="G29192" t="s">
        <v>16559</v>
      </c>
      <c r="H29192" t="s">
        <v>16560</v>
      </c>
      <c r="I29192" s="2">
        <v>1</v>
      </c>
      <c r="J29192" s="2">
        <v>0</v>
      </c>
      <c r="K29192" s="2">
        <v>0</v>
      </c>
      <c r="L29192" t="s">
        <v>120</v>
      </c>
      <c r="M29192" t="s">
        <v>89</v>
      </c>
      <c r="N29192" t="s">
        <v>90</v>
      </c>
      <c r="O29192" t="s">
        <v>85</v>
      </c>
      <c r="P29192" t="s">
        <v>86</v>
      </c>
      <c r="Q29192">
        <v>25</v>
      </c>
      <c r="R29192">
        <v>25</v>
      </c>
      <c r="S29192">
        <v>26</v>
      </c>
      <c r="T29192">
        <v>26</v>
      </c>
      <c r="U29192">
        <v>27</v>
      </c>
      <c r="V29192">
        <v>27</v>
      </c>
      <c r="W29192">
        <v>27</v>
      </c>
      <c r="X29192">
        <v>28</v>
      </c>
      <c r="Y29192">
        <v>28</v>
      </c>
      <c r="Z29192">
        <v>28</v>
      </c>
      <c r="AA29192">
        <v>29</v>
      </c>
      <c r="AB29192">
        <v>29</v>
      </c>
      <c r="AC29192">
        <v>29</v>
      </c>
      <c r="AD29192">
        <v>30</v>
      </c>
      <c r="AE29192">
        <v>30</v>
      </c>
      <c r="AF29192">
        <v>30</v>
      </c>
      <c r="AG29192">
        <v>30</v>
      </c>
      <c r="AH29192">
        <v>30</v>
      </c>
      <c r="AI29192">
        <v>30</v>
      </c>
      <c r="AJ29192">
        <v>30</v>
      </c>
      <c r="AK29192">
        <v>30</v>
      </c>
      <c r="AL29192">
        <v>30</v>
      </c>
      <c r="AM29192">
        <v>29</v>
      </c>
      <c r="AN29192">
        <v>29</v>
      </c>
      <c r="AO29192">
        <v>29</v>
      </c>
      <c r="AP29192">
        <v>29</v>
      </c>
      <c r="AQ29192">
        <v>29</v>
      </c>
    </row>
    <row r="29193" spans="1:43">
      <c r="A29193" t="s">
        <v>18073</v>
      </c>
      <c r="B29193" t="s">
        <v>18074</v>
      </c>
      <c r="C29193" t="s">
        <v>18069</v>
      </c>
      <c r="D29193" t="s">
        <v>18070</v>
      </c>
      <c r="E29193" t="s">
        <v>18039</v>
      </c>
      <c r="F29193" t="s">
        <v>18040</v>
      </c>
      <c r="G29193" t="s">
        <v>16559</v>
      </c>
      <c r="H29193" t="s">
        <v>16560</v>
      </c>
      <c r="I29193" s="2">
        <v>1</v>
      </c>
      <c r="J29193" s="2">
        <v>0</v>
      </c>
      <c r="K29193" s="2">
        <v>0</v>
      </c>
      <c r="L29193" t="s">
        <v>120</v>
      </c>
      <c r="M29193" t="s">
        <v>83</v>
      </c>
      <c r="N29193" t="s">
        <v>91</v>
      </c>
      <c r="O29193" t="s">
        <v>85</v>
      </c>
      <c r="P29193" t="s">
        <v>86</v>
      </c>
      <c r="Q29193">
        <v>25</v>
      </c>
      <c r="R29193">
        <v>26</v>
      </c>
      <c r="S29193">
        <v>26</v>
      </c>
      <c r="T29193">
        <v>26</v>
      </c>
      <c r="U29193">
        <v>27</v>
      </c>
      <c r="V29193">
        <v>27</v>
      </c>
      <c r="W29193">
        <v>27</v>
      </c>
      <c r="X29193">
        <v>27</v>
      </c>
      <c r="Y29193">
        <v>28</v>
      </c>
      <c r="Z29193">
        <v>28</v>
      </c>
      <c r="AA29193">
        <v>28</v>
      </c>
      <c r="AB29193">
        <v>28</v>
      </c>
      <c r="AC29193">
        <v>28</v>
      </c>
      <c r="AD29193">
        <v>29</v>
      </c>
      <c r="AE29193">
        <v>29</v>
      </c>
      <c r="AF29193">
        <v>29</v>
      </c>
      <c r="AG29193">
        <v>29</v>
      </c>
      <c r="AH29193">
        <v>30</v>
      </c>
      <c r="AI29193">
        <v>30</v>
      </c>
      <c r="AJ29193">
        <v>30</v>
      </c>
      <c r="AK29193">
        <v>30</v>
      </c>
      <c r="AL29193">
        <v>30</v>
      </c>
      <c r="AM29193">
        <v>30</v>
      </c>
      <c r="AN29193">
        <v>30</v>
      </c>
      <c r="AO29193">
        <v>30</v>
      </c>
      <c r="AP29193">
        <v>30</v>
      </c>
      <c r="AQ29193">
        <v>30</v>
      </c>
    </row>
    <row r="29194" spans="1:43">
      <c r="A29194" t="s">
        <v>18075</v>
      </c>
      <c r="B29194" t="s">
        <v>18076</v>
      </c>
      <c r="C29194" t="s">
        <v>18069</v>
      </c>
      <c r="D29194" t="s">
        <v>18070</v>
      </c>
      <c r="E29194" t="s">
        <v>18039</v>
      </c>
      <c r="F29194" t="s">
        <v>18040</v>
      </c>
      <c r="G29194" t="s">
        <v>16559</v>
      </c>
      <c r="H29194" t="s">
        <v>16560</v>
      </c>
      <c r="I29194" s="2">
        <v>1</v>
      </c>
      <c r="J29194" s="2">
        <v>0</v>
      </c>
      <c r="K29194" s="2">
        <v>0</v>
      </c>
      <c r="L29194" t="s">
        <v>120</v>
      </c>
      <c r="M29194" t="s">
        <v>83</v>
      </c>
      <c r="N29194" t="s">
        <v>84</v>
      </c>
      <c r="O29194" t="s">
        <v>85</v>
      </c>
      <c r="P29194" t="s">
        <v>86</v>
      </c>
      <c r="Q29194">
        <v>18</v>
      </c>
      <c r="R29194">
        <v>18</v>
      </c>
      <c r="S29194">
        <v>19</v>
      </c>
      <c r="T29194">
        <v>19</v>
      </c>
      <c r="U29194">
        <v>19</v>
      </c>
      <c r="V29194">
        <v>19</v>
      </c>
      <c r="W29194">
        <v>19</v>
      </c>
      <c r="X29194">
        <v>20</v>
      </c>
      <c r="Y29194">
        <v>20</v>
      </c>
      <c r="Z29194">
        <v>20</v>
      </c>
      <c r="AA29194">
        <v>20</v>
      </c>
      <c r="AB29194">
        <v>20</v>
      </c>
      <c r="AC29194">
        <v>20</v>
      </c>
      <c r="AD29194">
        <v>21</v>
      </c>
      <c r="AE29194">
        <v>21</v>
      </c>
      <c r="AF29194">
        <v>21</v>
      </c>
      <c r="AG29194">
        <v>21</v>
      </c>
      <c r="AH29194">
        <v>21</v>
      </c>
      <c r="AI29194">
        <v>21</v>
      </c>
      <c r="AJ29194">
        <v>22</v>
      </c>
      <c r="AK29194">
        <v>22</v>
      </c>
      <c r="AL29194">
        <v>22</v>
      </c>
      <c r="AM29194">
        <v>22</v>
      </c>
      <c r="AN29194">
        <v>22</v>
      </c>
      <c r="AO29194">
        <v>22</v>
      </c>
      <c r="AP29194">
        <v>22</v>
      </c>
      <c r="AQ29194">
        <v>22</v>
      </c>
    </row>
    <row r="29195" spans="1:43">
      <c r="A29195" t="s">
        <v>18075</v>
      </c>
      <c r="B29195" t="s">
        <v>18076</v>
      </c>
      <c r="C29195" t="s">
        <v>18069</v>
      </c>
      <c r="D29195" t="s">
        <v>18070</v>
      </c>
      <c r="E29195" t="s">
        <v>18039</v>
      </c>
      <c r="F29195" t="s">
        <v>18040</v>
      </c>
      <c r="G29195" t="s">
        <v>16559</v>
      </c>
      <c r="H29195" t="s">
        <v>16560</v>
      </c>
      <c r="I29195" s="2">
        <v>1</v>
      </c>
      <c r="J29195" s="2">
        <v>0</v>
      </c>
      <c r="K29195" s="2">
        <v>0</v>
      </c>
      <c r="L29195" t="s">
        <v>120</v>
      </c>
      <c r="M29195" t="s">
        <v>87</v>
      </c>
      <c r="N29195" t="s">
        <v>88</v>
      </c>
      <c r="O29195" t="s">
        <v>85</v>
      </c>
      <c r="P29195" t="s">
        <v>86</v>
      </c>
      <c r="Q29195">
        <v>18</v>
      </c>
      <c r="R29195">
        <v>18</v>
      </c>
      <c r="S29195">
        <v>18</v>
      </c>
      <c r="T29195">
        <v>18</v>
      </c>
      <c r="U29195">
        <v>18</v>
      </c>
      <c r="V29195">
        <v>18</v>
      </c>
      <c r="W29195">
        <v>18</v>
      </c>
      <c r="X29195">
        <v>18</v>
      </c>
      <c r="Y29195">
        <v>18</v>
      </c>
      <c r="Z29195">
        <v>18</v>
      </c>
      <c r="AA29195">
        <v>18</v>
      </c>
      <c r="AB29195">
        <v>18</v>
      </c>
      <c r="AC29195">
        <v>18</v>
      </c>
      <c r="AD29195">
        <v>18</v>
      </c>
      <c r="AE29195">
        <v>19</v>
      </c>
      <c r="AF29195">
        <v>19</v>
      </c>
      <c r="AG29195">
        <v>19</v>
      </c>
      <c r="AH29195">
        <v>19</v>
      </c>
      <c r="AI29195">
        <v>19</v>
      </c>
      <c r="AJ29195">
        <v>19</v>
      </c>
      <c r="AK29195">
        <v>19</v>
      </c>
      <c r="AL29195">
        <v>19</v>
      </c>
      <c r="AM29195">
        <v>19</v>
      </c>
      <c r="AN29195">
        <v>19</v>
      </c>
      <c r="AO29195">
        <v>19</v>
      </c>
      <c r="AP29195">
        <v>19</v>
      </c>
      <c r="AQ29195">
        <v>19</v>
      </c>
    </row>
    <row r="29196" spans="1:43">
      <c r="A29196" t="s">
        <v>18075</v>
      </c>
      <c r="B29196" t="s">
        <v>18076</v>
      </c>
      <c r="C29196" t="s">
        <v>18069</v>
      </c>
      <c r="D29196" t="s">
        <v>18070</v>
      </c>
      <c r="E29196" t="s">
        <v>18039</v>
      </c>
      <c r="F29196" t="s">
        <v>18040</v>
      </c>
      <c r="G29196" t="s">
        <v>16559</v>
      </c>
      <c r="H29196" t="s">
        <v>16560</v>
      </c>
      <c r="I29196" s="2">
        <v>1</v>
      </c>
      <c r="J29196" s="2">
        <v>0</v>
      </c>
      <c r="K29196" s="2">
        <v>0</v>
      </c>
      <c r="L29196" t="s">
        <v>120</v>
      </c>
      <c r="M29196" t="s">
        <v>89</v>
      </c>
      <c r="N29196" t="s">
        <v>90</v>
      </c>
      <c r="O29196" t="s">
        <v>85</v>
      </c>
      <c r="P29196" t="s">
        <v>86</v>
      </c>
      <c r="Q29196">
        <v>18</v>
      </c>
      <c r="R29196">
        <v>19</v>
      </c>
      <c r="S29196">
        <v>19</v>
      </c>
      <c r="T29196">
        <v>19</v>
      </c>
      <c r="U29196">
        <v>20</v>
      </c>
      <c r="V29196">
        <v>20</v>
      </c>
      <c r="W29196">
        <v>20</v>
      </c>
      <c r="X29196">
        <v>21</v>
      </c>
      <c r="Y29196">
        <v>21</v>
      </c>
      <c r="Z29196">
        <v>21</v>
      </c>
      <c r="AA29196">
        <v>21</v>
      </c>
      <c r="AB29196">
        <v>22</v>
      </c>
      <c r="AC29196">
        <v>22</v>
      </c>
      <c r="AD29196">
        <v>22</v>
      </c>
      <c r="AE29196">
        <v>22</v>
      </c>
      <c r="AF29196">
        <v>22</v>
      </c>
      <c r="AG29196">
        <v>22</v>
      </c>
      <c r="AH29196">
        <v>22</v>
      </c>
      <c r="AI29196">
        <v>22</v>
      </c>
      <c r="AJ29196">
        <v>22</v>
      </c>
      <c r="AK29196">
        <v>22</v>
      </c>
      <c r="AL29196">
        <v>22</v>
      </c>
      <c r="AM29196">
        <v>22</v>
      </c>
      <c r="AN29196">
        <v>22</v>
      </c>
      <c r="AO29196">
        <v>22</v>
      </c>
      <c r="AP29196">
        <v>22</v>
      </c>
      <c r="AQ29196">
        <v>22</v>
      </c>
    </row>
    <row r="29197" spans="1:43">
      <c r="A29197" t="s">
        <v>18075</v>
      </c>
      <c r="B29197" t="s">
        <v>18076</v>
      </c>
      <c r="C29197" t="s">
        <v>18069</v>
      </c>
      <c r="D29197" t="s">
        <v>18070</v>
      </c>
      <c r="E29197" t="s">
        <v>18039</v>
      </c>
      <c r="F29197" t="s">
        <v>18040</v>
      </c>
      <c r="G29197" t="s">
        <v>16559</v>
      </c>
      <c r="H29197" t="s">
        <v>16560</v>
      </c>
      <c r="I29197" s="2">
        <v>1</v>
      </c>
      <c r="J29197" s="2">
        <v>0</v>
      </c>
      <c r="K29197" s="2">
        <v>0</v>
      </c>
      <c r="L29197" t="s">
        <v>120</v>
      </c>
      <c r="M29197" t="s">
        <v>83</v>
      </c>
      <c r="N29197" t="s">
        <v>91</v>
      </c>
      <c r="O29197" t="s">
        <v>85</v>
      </c>
      <c r="P29197" t="s">
        <v>86</v>
      </c>
      <c r="Q29197">
        <v>18</v>
      </c>
      <c r="R29197">
        <v>18</v>
      </c>
      <c r="S29197">
        <v>19</v>
      </c>
      <c r="T29197">
        <v>19</v>
      </c>
      <c r="U29197">
        <v>19</v>
      </c>
      <c r="V29197">
        <v>19</v>
      </c>
      <c r="W29197">
        <v>19</v>
      </c>
      <c r="X29197">
        <v>20</v>
      </c>
      <c r="Y29197">
        <v>20</v>
      </c>
      <c r="Z29197">
        <v>20</v>
      </c>
      <c r="AA29197">
        <v>20</v>
      </c>
      <c r="AB29197">
        <v>20</v>
      </c>
      <c r="AC29197">
        <v>20</v>
      </c>
      <c r="AD29197">
        <v>21</v>
      </c>
      <c r="AE29197">
        <v>21</v>
      </c>
      <c r="AF29197">
        <v>21</v>
      </c>
      <c r="AG29197">
        <v>21</v>
      </c>
      <c r="AH29197">
        <v>21</v>
      </c>
      <c r="AI29197">
        <v>21</v>
      </c>
      <c r="AJ29197">
        <v>22</v>
      </c>
      <c r="AK29197">
        <v>22</v>
      </c>
      <c r="AL29197">
        <v>22</v>
      </c>
      <c r="AM29197">
        <v>22</v>
      </c>
      <c r="AN29197">
        <v>22</v>
      </c>
      <c r="AO29197">
        <v>22</v>
      </c>
      <c r="AP29197">
        <v>22</v>
      </c>
      <c r="AQ29197">
        <v>22</v>
      </c>
    </row>
    <row r="29198" spans="1:43">
      <c r="A29198" t="s">
        <v>18077</v>
      </c>
      <c r="B29198" t="s">
        <v>18078</v>
      </c>
      <c r="C29198" t="s">
        <v>18079</v>
      </c>
      <c r="D29198" t="s">
        <v>18080</v>
      </c>
      <c r="E29198" t="s">
        <v>18039</v>
      </c>
      <c r="F29198" t="s">
        <v>18040</v>
      </c>
      <c r="G29198" t="s">
        <v>16559</v>
      </c>
      <c r="H29198" t="s">
        <v>16560</v>
      </c>
      <c r="I29198" s="2">
        <v>1</v>
      </c>
      <c r="J29198" s="2">
        <v>0</v>
      </c>
      <c r="K29198" s="2">
        <v>0</v>
      </c>
      <c r="L29198" t="s">
        <v>120</v>
      </c>
      <c r="M29198" t="s">
        <v>83</v>
      </c>
      <c r="N29198" t="s">
        <v>84</v>
      </c>
      <c r="O29198" t="s">
        <v>85</v>
      </c>
      <c r="P29198" t="s">
        <v>86</v>
      </c>
      <c r="Q29198">
        <v>30</v>
      </c>
      <c r="R29198">
        <v>31</v>
      </c>
      <c r="S29198">
        <v>31</v>
      </c>
      <c r="T29198">
        <v>31</v>
      </c>
      <c r="U29198">
        <v>32</v>
      </c>
      <c r="V29198">
        <v>32</v>
      </c>
      <c r="W29198">
        <v>32</v>
      </c>
      <c r="X29198">
        <v>33</v>
      </c>
      <c r="Y29198">
        <v>33</v>
      </c>
      <c r="Z29198">
        <v>33</v>
      </c>
      <c r="AA29198">
        <v>33</v>
      </c>
      <c r="AB29198">
        <v>34</v>
      </c>
      <c r="AC29198">
        <v>34</v>
      </c>
      <c r="AD29198">
        <v>34</v>
      </c>
      <c r="AE29198">
        <v>35</v>
      </c>
      <c r="AF29198">
        <v>35</v>
      </c>
      <c r="AG29198">
        <v>35</v>
      </c>
      <c r="AH29198">
        <v>35</v>
      </c>
      <c r="AI29198">
        <v>36</v>
      </c>
      <c r="AJ29198">
        <v>36</v>
      </c>
      <c r="AK29198">
        <v>36</v>
      </c>
      <c r="AL29198">
        <v>36</v>
      </c>
      <c r="AM29198">
        <v>36</v>
      </c>
      <c r="AN29198">
        <v>36</v>
      </c>
      <c r="AO29198">
        <v>36</v>
      </c>
      <c r="AP29198">
        <v>36</v>
      </c>
      <c r="AQ29198">
        <v>36</v>
      </c>
    </row>
    <row r="29199" spans="1:43">
      <c r="A29199" t="s">
        <v>18077</v>
      </c>
      <c r="B29199" t="s">
        <v>18078</v>
      </c>
      <c r="C29199" t="s">
        <v>18079</v>
      </c>
      <c r="D29199" t="s">
        <v>18080</v>
      </c>
      <c r="E29199" t="s">
        <v>18039</v>
      </c>
      <c r="F29199" t="s">
        <v>18040</v>
      </c>
      <c r="G29199" t="s">
        <v>16559</v>
      </c>
      <c r="H29199" t="s">
        <v>16560</v>
      </c>
      <c r="I29199" s="2">
        <v>1</v>
      </c>
      <c r="J29199" s="2">
        <v>0</v>
      </c>
      <c r="K29199" s="2">
        <v>0</v>
      </c>
      <c r="L29199" t="s">
        <v>120</v>
      </c>
      <c r="M29199" t="s">
        <v>87</v>
      </c>
      <c r="N29199" t="s">
        <v>88</v>
      </c>
      <c r="O29199" t="s">
        <v>85</v>
      </c>
      <c r="P29199" t="s">
        <v>86</v>
      </c>
      <c r="Q29199">
        <v>30</v>
      </c>
      <c r="R29199">
        <v>30</v>
      </c>
      <c r="S29199">
        <v>30</v>
      </c>
      <c r="T29199">
        <v>30</v>
      </c>
      <c r="U29199">
        <v>30</v>
      </c>
      <c r="V29199">
        <v>30</v>
      </c>
      <c r="W29199">
        <v>30</v>
      </c>
      <c r="X29199">
        <v>30</v>
      </c>
      <c r="Y29199">
        <v>30</v>
      </c>
      <c r="Z29199">
        <v>30</v>
      </c>
      <c r="AA29199">
        <v>31</v>
      </c>
      <c r="AB29199">
        <v>31</v>
      </c>
      <c r="AC29199">
        <v>31</v>
      </c>
      <c r="AD29199">
        <v>31</v>
      </c>
      <c r="AE29199">
        <v>31</v>
      </c>
      <c r="AF29199">
        <v>31</v>
      </c>
      <c r="AG29199">
        <v>31</v>
      </c>
      <c r="AH29199">
        <v>31</v>
      </c>
      <c r="AI29199">
        <v>31</v>
      </c>
      <c r="AJ29199">
        <v>31</v>
      </c>
      <c r="AK29199">
        <v>31</v>
      </c>
      <c r="AL29199">
        <v>31</v>
      </c>
      <c r="AM29199">
        <v>31</v>
      </c>
      <c r="AN29199">
        <v>31</v>
      </c>
      <c r="AO29199">
        <v>31</v>
      </c>
      <c r="AP29199">
        <v>31</v>
      </c>
      <c r="AQ29199">
        <v>32</v>
      </c>
    </row>
    <row r="29200" spans="1:43">
      <c r="A29200" t="s">
        <v>18077</v>
      </c>
      <c r="B29200" t="s">
        <v>18078</v>
      </c>
      <c r="C29200" t="s">
        <v>18079</v>
      </c>
      <c r="D29200" t="s">
        <v>18080</v>
      </c>
      <c r="E29200" t="s">
        <v>18039</v>
      </c>
      <c r="F29200" t="s">
        <v>18040</v>
      </c>
      <c r="G29200" t="s">
        <v>16559</v>
      </c>
      <c r="H29200" t="s">
        <v>16560</v>
      </c>
      <c r="I29200" s="2">
        <v>1</v>
      </c>
      <c r="J29200" s="2">
        <v>0</v>
      </c>
      <c r="K29200" s="2">
        <v>0</v>
      </c>
      <c r="L29200" t="s">
        <v>120</v>
      </c>
      <c r="M29200" t="s">
        <v>89</v>
      </c>
      <c r="N29200" t="s">
        <v>90</v>
      </c>
      <c r="O29200" t="s">
        <v>85</v>
      </c>
      <c r="P29200" t="s">
        <v>86</v>
      </c>
      <c r="Q29200">
        <v>30</v>
      </c>
      <c r="R29200">
        <v>30</v>
      </c>
      <c r="S29200">
        <v>31</v>
      </c>
      <c r="T29200">
        <v>31</v>
      </c>
      <c r="U29200">
        <v>32</v>
      </c>
      <c r="V29200">
        <v>32</v>
      </c>
      <c r="W29200">
        <v>33</v>
      </c>
      <c r="X29200">
        <v>33</v>
      </c>
      <c r="Y29200">
        <v>34</v>
      </c>
      <c r="Z29200">
        <v>34</v>
      </c>
      <c r="AA29200">
        <v>35</v>
      </c>
      <c r="AB29200">
        <v>35</v>
      </c>
      <c r="AC29200">
        <v>35</v>
      </c>
      <c r="AD29200">
        <v>36</v>
      </c>
      <c r="AE29200">
        <v>36</v>
      </c>
      <c r="AF29200">
        <v>36</v>
      </c>
      <c r="AG29200">
        <v>36</v>
      </c>
      <c r="AH29200">
        <v>36</v>
      </c>
      <c r="AI29200">
        <v>36</v>
      </c>
      <c r="AJ29200">
        <v>36</v>
      </c>
      <c r="AK29200">
        <v>36</v>
      </c>
      <c r="AL29200">
        <v>36</v>
      </c>
      <c r="AM29200">
        <v>36</v>
      </c>
      <c r="AN29200">
        <v>36</v>
      </c>
      <c r="AO29200">
        <v>36</v>
      </c>
      <c r="AP29200">
        <v>36</v>
      </c>
      <c r="AQ29200">
        <v>36</v>
      </c>
    </row>
    <row r="29201" spans="1:43">
      <c r="A29201" t="s">
        <v>18077</v>
      </c>
      <c r="B29201" t="s">
        <v>18078</v>
      </c>
      <c r="C29201" t="s">
        <v>18079</v>
      </c>
      <c r="D29201" t="s">
        <v>18080</v>
      </c>
      <c r="E29201" t="s">
        <v>18039</v>
      </c>
      <c r="F29201" t="s">
        <v>18040</v>
      </c>
      <c r="G29201" t="s">
        <v>16559</v>
      </c>
      <c r="H29201" t="s">
        <v>16560</v>
      </c>
      <c r="I29201" s="2">
        <v>1</v>
      </c>
      <c r="J29201" s="2">
        <v>0</v>
      </c>
      <c r="K29201" s="2">
        <v>0</v>
      </c>
      <c r="L29201" t="s">
        <v>120</v>
      </c>
      <c r="M29201" t="s">
        <v>83</v>
      </c>
      <c r="N29201" t="s">
        <v>91</v>
      </c>
      <c r="O29201" t="s">
        <v>85</v>
      </c>
      <c r="P29201" t="s">
        <v>86</v>
      </c>
      <c r="Q29201">
        <v>30</v>
      </c>
      <c r="R29201">
        <v>31</v>
      </c>
      <c r="S29201">
        <v>31</v>
      </c>
      <c r="T29201">
        <v>31</v>
      </c>
      <c r="U29201">
        <v>32</v>
      </c>
      <c r="V29201">
        <v>32</v>
      </c>
      <c r="W29201">
        <v>32</v>
      </c>
      <c r="X29201">
        <v>33</v>
      </c>
      <c r="Y29201">
        <v>33</v>
      </c>
      <c r="Z29201">
        <v>33</v>
      </c>
      <c r="AA29201">
        <v>33</v>
      </c>
      <c r="AB29201">
        <v>34</v>
      </c>
      <c r="AC29201">
        <v>34</v>
      </c>
      <c r="AD29201">
        <v>34</v>
      </c>
      <c r="AE29201">
        <v>35</v>
      </c>
      <c r="AF29201">
        <v>35</v>
      </c>
      <c r="AG29201">
        <v>35</v>
      </c>
      <c r="AH29201">
        <v>35</v>
      </c>
      <c r="AI29201">
        <v>36</v>
      </c>
      <c r="AJ29201">
        <v>36</v>
      </c>
      <c r="AK29201">
        <v>36</v>
      </c>
      <c r="AL29201">
        <v>36</v>
      </c>
      <c r="AM29201">
        <v>36</v>
      </c>
      <c r="AN29201">
        <v>36</v>
      </c>
      <c r="AO29201">
        <v>36</v>
      </c>
      <c r="AP29201">
        <v>36</v>
      </c>
      <c r="AQ29201">
        <v>36</v>
      </c>
    </row>
    <row r="29202" spans="1:43">
      <c r="A29202" t="s">
        <v>18081</v>
      </c>
      <c r="B29202" t="s">
        <v>18082</v>
      </c>
      <c r="C29202" t="s">
        <v>18079</v>
      </c>
      <c r="D29202" t="s">
        <v>18080</v>
      </c>
      <c r="E29202" t="s">
        <v>18039</v>
      </c>
      <c r="F29202" t="s">
        <v>18040</v>
      </c>
      <c r="G29202" t="s">
        <v>16559</v>
      </c>
      <c r="H29202" t="s">
        <v>16560</v>
      </c>
      <c r="I29202" s="2">
        <v>1</v>
      </c>
      <c r="J29202" s="2">
        <v>0</v>
      </c>
      <c r="K29202" s="2">
        <v>0</v>
      </c>
      <c r="L29202" t="s">
        <v>120</v>
      </c>
      <c r="M29202" t="s">
        <v>83</v>
      </c>
      <c r="N29202" t="s">
        <v>84</v>
      </c>
      <c r="O29202" t="s">
        <v>85</v>
      </c>
      <c r="P29202" t="s">
        <v>86</v>
      </c>
      <c r="Q29202">
        <v>40</v>
      </c>
      <c r="R29202">
        <v>40</v>
      </c>
      <c r="S29202">
        <v>41</v>
      </c>
      <c r="T29202">
        <v>41</v>
      </c>
      <c r="U29202">
        <v>42</v>
      </c>
      <c r="V29202">
        <v>42</v>
      </c>
      <c r="W29202">
        <v>42</v>
      </c>
      <c r="X29202">
        <v>43</v>
      </c>
      <c r="Y29202">
        <v>43</v>
      </c>
      <c r="Z29202">
        <v>44</v>
      </c>
      <c r="AA29202">
        <v>44</v>
      </c>
      <c r="AB29202">
        <v>45</v>
      </c>
      <c r="AC29202">
        <v>45</v>
      </c>
      <c r="AD29202">
        <v>45</v>
      </c>
      <c r="AE29202">
        <v>46</v>
      </c>
      <c r="AF29202">
        <v>46</v>
      </c>
      <c r="AG29202">
        <v>47</v>
      </c>
      <c r="AH29202">
        <v>47</v>
      </c>
      <c r="AI29202">
        <v>48</v>
      </c>
      <c r="AJ29202">
        <v>48</v>
      </c>
      <c r="AK29202">
        <v>48</v>
      </c>
      <c r="AL29202">
        <v>48</v>
      </c>
      <c r="AM29202">
        <v>48</v>
      </c>
      <c r="AN29202">
        <v>48</v>
      </c>
      <c r="AO29202">
        <v>48</v>
      </c>
      <c r="AP29202">
        <v>48</v>
      </c>
      <c r="AQ29202">
        <v>48</v>
      </c>
    </row>
    <row r="29203" spans="1:43">
      <c r="A29203" t="s">
        <v>18081</v>
      </c>
      <c r="B29203" t="s">
        <v>18082</v>
      </c>
      <c r="C29203" t="s">
        <v>18079</v>
      </c>
      <c r="D29203" t="s">
        <v>18080</v>
      </c>
      <c r="E29203" t="s">
        <v>18039</v>
      </c>
      <c r="F29203" t="s">
        <v>18040</v>
      </c>
      <c r="G29203" t="s">
        <v>16559</v>
      </c>
      <c r="H29203" t="s">
        <v>16560</v>
      </c>
      <c r="I29203" s="2">
        <v>1</v>
      </c>
      <c r="J29203" s="2">
        <v>0</v>
      </c>
      <c r="K29203" s="2">
        <v>0</v>
      </c>
      <c r="L29203" t="s">
        <v>120</v>
      </c>
      <c r="M29203" t="s">
        <v>87</v>
      </c>
      <c r="N29203" t="s">
        <v>88</v>
      </c>
      <c r="O29203" t="s">
        <v>85</v>
      </c>
      <c r="P29203" t="s">
        <v>86</v>
      </c>
      <c r="Q29203">
        <v>40</v>
      </c>
      <c r="R29203">
        <v>40</v>
      </c>
      <c r="S29203">
        <v>41</v>
      </c>
      <c r="T29203">
        <v>41</v>
      </c>
      <c r="U29203">
        <v>41</v>
      </c>
      <c r="V29203">
        <v>41</v>
      </c>
      <c r="W29203">
        <v>41</v>
      </c>
      <c r="X29203">
        <v>41</v>
      </c>
      <c r="Y29203">
        <v>41</v>
      </c>
      <c r="Z29203">
        <v>41</v>
      </c>
      <c r="AA29203">
        <v>41</v>
      </c>
      <c r="AB29203">
        <v>41</v>
      </c>
      <c r="AC29203">
        <v>41</v>
      </c>
      <c r="AD29203">
        <v>42</v>
      </c>
      <c r="AE29203">
        <v>42</v>
      </c>
      <c r="AF29203">
        <v>42</v>
      </c>
      <c r="AG29203">
        <v>42</v>
      </c>
      <c r="AH29203">
        <v>42</v>
      </c>
      <c r="AI29203">
        <v>42</v>
      </c>
      <c r="AJ29203">
        <v>42</v>
      </c>
      <c r="AK29203">
        <v>42</v>
      </c>
      <c r="AL29203">
        <v>42</v>
      </c>
      <c r="AM29203">
        <v>42</v>
      </c>
      <c r="AN29203">
        <v>42</v>
      </c>
      <c r="AO29203">
        <v>43</v>
      </c>
      <c r="AP29203">
        <v>43</v>
      </c>
      <c r="AQ29203">
        <v>43</v>
      </c>
    </row>
    <row r="29204" spans="1:43">
      <c r="A29204" t="s">
        <v>18081</v>
      </c>
      <c r="B29204" t="s">
        <v>18082</v>
      </c>
      <c r="C29204" t="s">
        <v>18079</v>
      </c>
      <c r="D29204" t="s">
        <v>18080</v>
      </c>
      <c r="E29204" t="s">
        <v>18039</v>
      </c>
      <c r="F29204" t="s">
        <v>18040</v>
      </c>
      <c r="G29204" t="s">
        <v>16559</v>
      </c>
      <c r="H29204" t="s">
        <v>16560</v>
      </c>
      <c r="I29204" s="2">
        <v>1</v>
      </c>
      <c r="J29204" s="2">
        <v>0</v>
      </c>
      <c r="K29204" s="2">
        <v>0</v>
      </c>
      <c r="L29204" t="s">
        <v>120</v>
      </c>
      <c r="M29204" t="s">
        <v>89</v>
      </c>
      <c r="N29204" t="s">
        <v>90</v>
      </c>
      <c r="O29204" t="s">
        <v>85</v>
      </c>
      <c r="P29204" t="s">
        <v>86</v>
      </c>
      <c r="Q29204">
        <v>40</v>
      </c>
      <c r="R29204">
        <v>41</v>
      </c>
      <c r="S29204">
        <v>42</v>
      </c>
      <c r="T29204">
        <v>43</v>
      </c>
      <c r="U29204">
        <v>43</v>
      </c>
      <c r="V29204">
        <v>44</v>
      </c>
      <c r="W29204">
        <v>45</v>
      </c>
      <c r="X29204">
        <v>45</v>
      </c>
      <c r="Y29204">
        <v>46</v>
      </c>
      <c r="Z29204">
        <v>47</v>
      </c>
      <c r="AA29204">
        <v>47</v>
      </c>
      <c r="AB29204">
        <v>48</v>
      </c>
      <c r="AC29204">
        <v>48</v>
      </c>
      <c r="AD29204">
        <v>49</v>
      </c>
      <c r="AE29204">
        <v>49</v>
      </c>
      <c r="AF29204">
        <v>49</v>
      </c>
      <c r="AG29204">
        <v>49</v>
      </c>
      <c r="AH29204">
        <v>49</v>
      </c>
      <c r="AI29204">
        <v>49</v>
      </c>
      <c r="AJ29204">
        <v>49</v>
      </c>
      <c r="AK29204">
        <v>49</v>
      </c>
      <c r="AL29204">
        <v>49</v>
      </c>
      <c r="AM29204">
        <v>49</v>
      </c>
      <c r="AN29204">
        <v>49</v>
      </c>
      <c r="AO29204">
        <v>49</v>
      </c>
      <c r="AP29204">
        <v>49</v>
      </c>
      <c r="AQ29204">
        <v>49</v>
      </c>
    </row>
    <row r="29205" spans="1:43">
      <c r="A29205" t="s">
        <v>18081</v>
      </c>
      <c r="B29205" t="s">
        <v>18082</v>
      </c>
      <c r="C29205" t="s">
        <v>18079</v>
      </c>
      <c r="D29205" t="s">
        <v>18080</v>
      </c>
      <c r="E29205" t="s">
        <v>18039</v>
      </c>
      <c r="F29205" t="s">
        <v>18040</v>
      </c>
      <c r="G29205" t="s">
        <v>16559</v>
      </c>
      <c r="H29205" t="s">
        <v>16560</v>
      </c>
      <c r="I29205" s="2">
        <v>1</v>
      </c>
      <c r="J29205" s="2">
        <v>0</v>
      </c>
      <c r="K29205" s="2">
        <v>0</v>
      </c>
      <c r="L29205" t="s">
        <v>120</v>
      </c>
      <c r="M29205" t="s">
        <v>83</v>
      </c>
      <c r="N29205" t="s">
        <v>91</v>
      </c>
      <c r="O29205" t="s">
        <v>85</v>
      </c>
      <c r="P29205" t="s">
        <v>86</v>
      </c>
      <c r="Q29205">
        <v>40</v>
      </c>
      <c r="R29205">
        <v>40</v>
      </c>
      <c r="S29205">
        <v>41</v>
      </c>
      <c r="T29205">
        <v>41</v>
      </c>
      <c r="U29205">
        <v>42</v>
      </c>
      <c r="V29205">
        <v>42</v>
      </c>
      <c r="W29205">
        <v>42</v>
      </c>
      <c r="X29205">
        <v>43</v>
      </c>
      <c r="Y29205">
        <v>43</v>
      </c>
      <c r="Z29205">
        <v>44</v>
      </c>
      <c r="AA29205">
        <v>44</v>
      </c>
      <c r="AB29205">
        <v>45</v>
      </c>
      <c r="AC29205">
        <v>45</v>
      </c>
      <c r="AD29205">
        <v>45</v>
      </c>
      <c r="AE29205">
        <v>46</v>
      </c>
      <c r="AF29205">
        <v>46</v>
      </c>
      <c r="AG29205">
        <v>47</v>
      </c>
      <c r="AH29205">
        <v>47</v>
      </c>
      <c r="AI29205">
        <v>48</v>
      </c>
      <c r="AJ29205">
        <v>48</v>
      </c>
      <c r="AK29205">
        <v>48</v>
      </c>
      <c r="AL29205">
        <v>48</v>
      </c>
      <c r="AM29205">
        <v>48</v>
      </c>
      <c r="AN29205">
        <v>48</v>
      </c>
      <c r="AO29205">
        <v>48</v>
      </c>
      <c r="AP29205">
        <v>48</v>
      </c>
      <c r="AQ29205">
        <v>48</v>
      </c>
    </row>
    <row r="29206" spans="1:43">
      <c r="A29206" t="s">
        <v>18083</v>
      </c>
      <c r="B29206" t="s">
        <v>18084</v>
      </c>
      <c r="C29206" t="s">
        <v>18079</v>
      </c>
      <c r="D29206" t="s">
        <v>18080</v>
      </c>
      <c r="E29206" t="s">
        <v>18039</v>
      </c>
      <c r="F29206" t="s">
        <v>18040</v>
      </c>
      <c r="G29206" t="s">
        <v>16559</v>
      </c>
      <c r="H29206" t="s">
        <v>16560</v>
      </c>
      <c r="I29206" s="2">
        <v>1</v>
      </c>
      <c r="J29206" s="2">
        <v>0</v>
      </c>
      <c r="K29206" s="2">
        <v>0</v>
      </c>
      <c r="L29206" t="s">
        <v>120</v>
      </c>
      <c r="M29206" t="s">
        <v>83</v>
      </c>
      <c r="N29206" t="s">
        <v>84</v>
      </c>
      <c r="O29206" t="s">
        <v>85</v>
      </c>
      <c r="P29206" t="s">
        <v>86</v>
      </c>
      <c r="Q29206">
        <v>52</v>
      </c>
      <c r="R29206">
        <v>53</v>
      </c>
      <c r="S29206">
        <v>53</v>
      </c>
      <c r="T29206">
        <v>54</v>
      </c>
      <c r="U29206">
        <v>54</v>
      </c>
      <c r="V29206">
        <v>55</v>
      </c>
      <c r="W29206">
        <v>56</v>
      </c>
      <c r="X29206">
        <v>56</v>
      </c>
      <c r="Y29206">
        <v>57</v>
      </c>
      <c r="Z29206">
        <v>57</v>
      </c>
      <c r="AA29206">
        <v>58</v>
      </c>
      <c r="AB29206">
        <v>58</v>
      </c>
      <c r="AC29206">
        <v>59</v>
      </c>
      <c r="AD29206">
        <v>59</v>
      </c>
      <c r="AE29206">
        <v>60</v>
      </c>
      <c r="AF29206">
        <v>61</v>
      </c>
      <c r="AG29206">
        <v>61</v>
      </c>
      <c r="AH29206">
        <v>62</v>
      </c>
      <c r="AI29206">
        <v>62</v>
      </c>
      <c r="AJ29206">
        <v>63</v>
      </c>
      <c r="AK29206">
        <v>63</v>
      </c>
      <c r="AL29206">
        <v>63</v>
      </c>
      <c r="AM29206">
        <v>63</v>
      </c>
      <c r="AN29206">
        <v>63</v>
      </c>
      <c r="AO29206">
        <v>63</v>
      </c>
      <c r="AP29206">
        <v>63</v>
      </c>
      <c r="AQ29206">
        <v>63</v>
      </c>
    </row>
    <row r="29207" spans="1:43">
      <c r="A29207" t="s">
        <v>18083</v>
      </c>
      <c r="B29207" t="s">
        <v>18084</v>
      </c>
      <c r="C29207" t="s">
        <v>18079</v>
      </c>
      <c r="D29207" t="s">
        <v>18080</v>
      </c>
      <c r="E29207" t="s">
        <v>18039</v>
      </c>
      <c r="F29207" t="s">
        <v>18040</v>
      </c>
      <c r="G29207" t="s">
        <v>16559</v>
      </c>
      <c r="H29207" t="s">
        <v>16560</v>
      </c>
      <c r="I29207" s="2">
        <v>1</v>
      </c>
      <c r="J29207" s="2">
        <v>0</v>
      </c>
      <c r="K29207" s="2">
        <v>0</v>
      </c>
      <c r="L29207" t="s">
        <v>120</v>
      </c>
      <c r="M29207" t="s">
        <v>87</v>
      </c>
      <c r="N29207" t="s">
        <v>88</v>
      </c>
      <c r="O29207" t="s">
        <v>85</v>
      </c>
      <c r="P29207" t="s">
        <v>86</v>
      </c>
      <c r="Q29207">
        <v>52</v>
      </c>
      <c r="R29207">
        <v>53</v>
      </c>
      <c r="S29207">
        <v>53</v>
      </c>
      <c r="T29207">
        <v>53</v>
      </c>
      <c r="U29207">
        <v>53</v>
      </c>
      <c r="V29207">
        <v>53</v>
      </c>
      <c r="W29207">
        <v>53</v>
      </c>
      <c r="X29207">
        <v>53</v>
      </c>
      <c r="Y29207">
        <v>53</v>
      </c>
      <c r="Z29207">
        <v>54</v>
      </c>
      <c r="AA29207">
        <v>54</v>
      </c>
      <c r="AB29207">
        <v>54</v>
      </c>
      <c r="AC29207">
        <v>54</v>
      </c>
      <c r="AD29207">
        <v>54</v>
      </c>
      <c r="AE29207">
        <v>54</v>
      </c>
      <c r="AF29207">
        <v>54</v>
      </c>
      <c r="AG29207">
        <v>54</v>
      </c>
      <c r="AH29207">
        <v>55</v>
      </c>
      <c r="AI29207">
        <v>55</v>
      </c>
      <c r="AJ29207">
        <v>55</v>
      </c>
      <c r="AK29207">
        <v>55</v>
      </c>
      <c r="AL29207">
        <v>55</v>
      </c>
      <c r="AM29207">
        <v>55</v>
      </c>
      <c r="AN29207">
        <v>55</v>
      </c>
      <c r="AO29207">
        <v>56</v>
      </c>
      <c r="AP29207">
        <v>56</v>
      </c>
      <c r="AQ29207">
        <v>56</v>
      </c>
    </row>
    <row r="29208" spans="1:43">
      <c r="A29208" t="s">
        <v>18083</v>
      </c>
      <c r="B29208" t="s">
        <v>18084</v>
      </c>
      <c r="C29208" t="s">
        <v>18079</v>
      </c>
      <c r="D29208" t="s">
        <v>18080</v>
      </c>
      <c r="E29208" t="s">
        <v>18039</v>
      </c>
      <c r="F29208" t="s">
        <v>18040</v>
      </c>
      <c r="G29208" t="s">
        <v>16559</v>
      </c>
      <c r="H29208" t="s">
        <v>16560</v>
      </c>
      <c r="I29208" s="2">
        <v>1</v>
      </c>
      <c r="J29208" s="2">
        <v>0</v>
      </c>
      <c r="K29208" s="2">
        <v>0</v>
      </c>
      <c r="L29208" t="s">
        <v>120</v>
      </c>
      <c r="M29208" t="s">
        <v>89</v>
      </c>
      <c r="N29208" t="s">
        <v>90</v>
      </c>
      <c r="O29208" t="s">
        <v>85</v>
      </c>
      <c r="P29208" t="s">
        <v>86</v>
      </c>
      <c r="Q29208">
        <v>52</v>
      </c>
      <c r="R29208">
        <v>53</v>
      </c>
      <c r="S29208">
        <v>54</v>
      </c>
      <c r="T29208">
        <v>56</v>
      </c>
      <c r="U29208">
        <v>56</v>
      </c>
      <c r="V29208">
        <v>57</v>
      </c>
      <c r="W29208">
        <v>58</v>
      </c>
      <c r="X29208">
        <v>59</v>
      </c>
      <c r="Y29208">
        <v>60</v>
      </c>
      <c r="Z29208">
        <v>61</v>
      </c>
      <c r="AA29208">
        <v>62</v>
      </c>
      <c r="AB29208">
        <v>62</v>
      </c>
      <c r="AC29208">
        <v>63</v>
      </c>
      <c r="AD29208">
        <v>64</v>
      </c>
      <c r="AE29208">
        <v>64</v>
      </c>
      <c r="AF29208">
        <v>64</v>
      </c>
      <c r="AG29208">
        <v>64</v>
      </c>
      <c r="AH29208">
        <v>64</v>
      </c>
      <c r="AI29208">
        <v>64</v>
      </c>
      <c r="AJ29208">
        <v>64</v>
      </c>
      <c r="AK29208">
        <v>64</v>
      </c>
      <c r="AL29208">
        <v>64</v>
      </c>
      <c r="AM29208">
        <v>64</v>
      </c>
      <c r="AN29208">
        <v>64</v>
      </c>
      <c r="AO29208">
        <v>64</v>
      </c>
      <c r="AP29208">
        <v>64</v>
      </c>
      <c r="AQ29208">
        <v>64</v>
      </c>
    </row>
    <row r="29209" spans="1:43">
      <c r="A29209" t="s">
        <v>18083</v>
      </c>
      <c r="B29209" t="s">
        <v>18084</v>
      </c>
      <c r="C29209" t="s">
        <v>18079</v>
      </c>
      <c r="D29209" t="s">
        <v>18080</v>
      </c>
      <c r="E29209" t="s">
        <v>18039</v>
      </c>
      <c r="F29209" t="s">
        <v>18040</v>
      </c>
      <c r="G29209" t="s">
        <v>16559</v>
      </c>
      <c r="H29209" t="s">
        <v>16560</v>
      </c>
      <c r="I29209" s="2">
        <v>1</v>
      </c>
      <c r="J29209" s="2">
        <v>0</v>
      </c>
      <c r="K29209" s="2">
        <v>0</v>
      </c>
      <c r="L29209" t="s">
        <v>120</v>
      </c>
      <c r="M29209" t="s">
        <v>83</v>
      </c>
      <c r="N29209" t="s">
        <v>91</v>
      </c>
      <c r="O29209" t="s">
        <v>85</v>
      </c>
      <c r="P29209" t="s">
        <v>86</v>
      </c>
      <c r="Q29209">
        <v>52</v>
      </c>
      <c r="R29209">
        <v>53</v>
      </c>
      <c r="S29209">
        <v>53</v>
      </c>
      <c r="T29209">
        <v>54</v>
      </c>
      <c r="U29209">
        <v>54</v>
      </c>
      <c r="V29209">
        <v>55</v>
      </c>
      <c r="W29209">
        <v>56</v>
      </c>
      <c r="X29209">
        <v>56</v>
      </c>
      <c r="Y29209">
        <v>57</v>
      </c>
      <c r="Z29209">
        <v>57</v>
      </c>
      <c r="AA29209">
        <v>58</v>
      </c>
      <c r="AB29209">
        <v>58</v>
      </c>
      <c r="AC29209">
        <v>59</v>
      </c>
      <c r="AD29209">
        <v>59</v>
      </c>
      <c r="AE29209">
        <v>60</v>
      </c>
      <c r="AF29209">
        <v>61</v>
      </c>
      <c r="AG29209">
        <v>61</v>
      </c>
      <c r="AH29209">
        <v>62</v>
      </c>
      <c r="AI29209">
        <v>62</v>
      </c>
      <c r="AJ29209">
        <v>63</v>
      </c>
      <c r="AK29209">
        <v>63</v>
      </c>
      <c r="AL29209">
        <v>63</v>
      </c>
      <c r="AM29209">
        <v>63</v>
      </c>
      <c r="AN29209">
        <v>63</v>
      </c>
      <c r="AO29209">
        <v>63</v>
      </c>
      <c r="AP29209">
        <v>63</v>
      </c>
      <c r="AQ29209">
        <v>63</v>
      </c>
    </row>
    <row r="29210" spans="1:43">
      <c r="A29210" t="s">
        <v>18085</v>
      </c>
      <c r="B29210" t="s">
        <v>18086</v>
      </c>
      <c r="C29210" t="s">
        <v>18079</v>
      </c>
      <c r="D29210" t="s">
        <v>18080</v>
      </c>
      <c r="E29210" t="s">
        <v>18039</v>
      </c>
      <c r="F29210" t="s">
        <v>18040</v>
      </c>
      <c r="G29210" t="s">
        <v>16559</v>
      </c>
      <c r="H29210" t="s">
        <v>16560</v>
      </c>
      <c r="I29210" s="2">
        <v>1</v>
      </c>
      <c r="J29210" s="2">
        <v>0</v>
      </c>
      <c r="K29210" s="2">
        <v>0</v>
      </c>
      <c r="L29210" t="s">
        <v>120</v>
      </c>
      <c r="M29210" t="s">
        <v>83</v>
      </c>
      <c r="N29210" t="s">
        <v>84</v>
      </c>
      <c r="O29210" t="s">
        <v>85</v>
      </c>
      <c r="P29210" t="s">
        <v>86</v>
      </c>
      <c r="Q29210">
        <v>13</v>
      </c>
      <c r="R29210">
        <v>14</v>
      </c>
      <c r="S29210">
        <v>14</v>
      </c>
      <c r="T29210">
        <v>14</v>
      </c>
      <c r="U29210">
        <v>14</v>
      </c>
      <c r="V29210">
        <v>14</v>
      </c>
      <c r="W29210">
        <v>14</v>
      </c>
      <c r="X29210">
        <v>15</v>
      </c>
      <c r="Y29210">
        <v>15</v>
      </c>
      <c r="Z29210">
        <v>15</v>
      </c>
      <c r="AA29210">
        <v>15</v>
      </c>
      <c r="AB29210">
        <v>15</v>
      </c>
      <c r="AC29210">
        <v>15</v>
      </c>
      <c r="AD29210">
        <v>15</v>
      </c>
      <c r="AE29210">
        <v>16</v>
      </c>
      <c r="AF29210">
        <v>16</v>
      </c>
      <c r="AG29210">
        <v>16</v>
      </c>
      <c r="AH29210">
        <v>16</v>
      </c>
      <c r="AI29210">
        <v>16</v>
      </c>
      <c r="AJ29210">
        <v>16</v>
      </c>
      <c r="AK29210">
        <v>17</v>
      </c>
      <c r="AL29210">
        <v>17</v>
      </c>
      <c r="AM29210">
        <v>17</v>
      </c>
      <c r="AN29210">
        <v>17</v>
      </c>
      <c r="AO29210">
        <v>17</v>
      </c>
      <c r="AP29210">
        <v>17</v>
      </c>
      <c r="AQ29210">
        <v>17</v>
      </c>
    </row>
    <row r="29211" spans="1:43">
      <c r="A29211" t="s">
        <v>18085</v>
      </c>
      <c r="B29211" t="s">
        <v>18086</v>
      </c>
      <c r="C29211" t="s">
        <v>18079</v>
      </c>
      <c r="D29211" t="s">
        <v>18080</v>
      </c>
      <c r="E29211" t="s">
        <v>18039</v>
      </c>
      <c r="F29211" t="s">
        <v>18040</v>
      </c>
      <c r="G29211" t="s">
        <v>16559</v>
      </c>
      <c r="H29211" t="s">
        <v>16560</v>
      </c>
      <c r="I29211" s="2">
        <v>1</v>
      </c>
      <c r="J29211" s="2">
        <v>0</v>
      </c>
      <c r="K29211" s="2">
        <v>0</v>
      </c>
      <c r="L29211" t="s">
        <v>120</v>
      </c>
      <c r="M29211" t="s">
        <v>87</v>
      </c>
      <c r="N29211" t="s">
        <v>88</v>
      </c>
      <c r="O29211" t="s">
        <v>85</v>
      </c>
      <c r="P29211" t="s">
        <v>86</v>
      </c>
      <c r="Q29211">
        <v>13</v>
      </c>
      <c r="R29211">
        <v>13</v>
      </c>
      <c r="S29211">
        <v>13</v>
      </c>
      <c r="T29211">
        <v>13</v>
      </c>
      <c r="U29211">
        <v>13</v>
      </c>
      <c r="V29211">
        <v>14</v>
      </c>
      <c r="W29211">
        <v>14</v>
      </c>
      <c r="X29211">
        <v>14</v>
      </c>
      <c r="Y29211">
        <v>14</v>
      </c>
      <c r="Z29211">
        <v>14</v>
      </c>
      <c r="AA29211">
        <v>14</v>
      </c>
      <c r="AB29211">
        <v>14</v>
      </c>
      <c r="AC29211">
        <v>14</v>
      </c>
      <c r="AD29211">
        <v>14</v>
      </c>
      <c r="AE29211">
        <v>14</v>
      </c>
      <c r="AF29211">
        <v>14</v>
      </c>
      <c r="AG29211">
        <v>14</v>
      </c>
      <c r="AH29211">
        <v>14</v>
      </c>
      <c r="AI29211">
        <v>14</v>
      </c>
      <c r="AJ29211">
        <v>14</v>
      </c>
      <c r="AK29211">
        <v>14</v>
      </c>
      <c r="AL29211">
        <v>14</v>
      </c>
      <c r="AM29211">
        <v>14</v>
      </c>
      <c r="AN29211">
        <v>14</v>
      </c>
      <c r="AO29211">
        <v>14</v>
      </c>
      <c r="AP29211">
        <v>14</v>
      </c>
      <c r="AQ29211">
        <v>14</v>
      </c>
    </row>
    <row r="29212" spans="1:43">
      <c r="A29212" t="s">
        <v>18085</v>
      </c>
      <c r="B29212" t="s">
        <v>18086</v>
      </c>
      <c r="C29212" t="s">
        <v>18079</v>
      </c>
      <c r="D29212" t="s">
        <v>18080</v>
      </c>
      <c r="E29212" t="s">
        <v>18039</v>
      </c>
      <c r="F29212" t="s">
        <v>18040</v>
      </c>
      <c r="G29212" t="s">
        <v>16559</v>
      </c>
      <c r="H29212" t="s">
        <v>16560</v>
      </c>
      <c r="I29212" s="2">
        <v>1</v>
      </c>
      <c r="J29212" s="2">
        <v>0</v>
      </c>
      <c r="K29212" s="2">
        <v>0</v>
      </c>
      <c r="L29212" t="s">
        <v>120</v>
      </c>
      <c r="M29212" t="s">
        <v>89</v>
      </c>
      <c r="N29212" t="s">
        <v>90</v>
      </c>
      <c r="O29212" t="s">
        <v>85</v>
      </c>
      <c r="P29212" t="s">
        <v>86</v>
      </c>
      <c r="Q29212">
        <v>13</v>
      </c>
      <c r="R29212">
        <v>13</v>
      </c>
      <c r="S29212">
        <v>13</v>
      </c>
      <c r="T29212">
        <v>13</v>
      </c>
      <c r="U29212">
        <v>14</v>
      </c>
      <c r="V29212">
        <v>14</v>
      </c>
      <c r="W29212">
        <v>14</v>
      </c>
      <c r="X29212">
        <v>14</v>
      </c>
      <c r="Y29212">
        <v>15</v>
      </c>
      <c r="Z29212">
        <v>15</v>
      </c>
      <c r="AA29212">
        <v>15</v>
      </c>
      <c r="AB29212">
        <v>15</v>
      </c>
      <c r="AC29212">
        <v>15</v>
      </c>
      <c r="AD29212">
        <v>16</v>
      </c>
      <c r="AE29212">
        <v>16</v>
      </c>
      <c r="AF29212">
        <v>16</v>
      </c>
      <c r="AG29212">
        <v>16</v>
      </c>
      <c r="AH29212">
        <v>16</v>
      </c>
      <c r="AI29212">
        <v>16</v>
      </c>
      <c r="AJ29212">
        <v>16</v>
      </c>
      <c r="AK29212">
        <v>16</v>
      </c>
      <c r="AL29212">
        <v>16</v>
      </c>
      <c r="AM29212">
        <v>16</v>
      </c>
      <c r="AN29212">
        <v>16</v>
      </c>
      <c r="AO29212">
        <v>16</v>
      </c>
      <c r="AP29212">
        <v>16</v>
      </c>
      <c r="AQ29212">
        <v>16</v>
      </c>
    </row>
    <row r="29213" spans="1:43">
      <c r="A29213" t="s">
        <v>18085</v>
      </c>
      <c r="B29213" t="s">
        <v>18086</v>
      </c>
      <c r="C29213" t="s">
        <v>18079</v>
      </c>
      <c r="D29213" t="s">
        <v>18080</v>
      </c>
      <c r="E29213" t="s">
        <v>18039</v>
      </c>
      <c r="F29213" t="s">
        <v>18040</v>
      </c>
      <c r="G29213" t="s">
        <v>16559</v>
      </c>
      <c r="H29213" t="s">
        <v>16560</v>
      </c>
      <c r="I29213" s="2">
        <v>1</v>
      </c>
      <c r="J29213" s="2">
        <v>0</v>
      </c>
      <c r="K29213" s="2">
        <v>0</v>
      </c>
      <c r="L29213" t="s">
        <v>120</v>
      </c>
      <c r="M29213" t="s">
        <v>83</v>
      </c>
      <c r="N29213" t="s">
        <v>91</v>
      </c>
      <c r="O29213" t="s">
        <v>85</v>
      </c>
      <c r="P29213" t="s">
        <v>86</v>
      </c>
      <c r="Q29213">
        <v>13</v>
      </c>
      <c r="R29213">
        <v>14</v>
      </c>
      <c r="S29213">
        <v>14</v>
      </c>
      <c r="T29213">
        <v>14</v>
      </c>
      <c r="U29213">
        <v>14</v>
      </c>
      <c r="V29213">
        <v>14</v>
      </c>
      <c r="W29213">
        <v>14</v>
      </c>
      <c r="X29213">
        <v>15</v>
      </c>
      <c r="Y29213">
        <v>15</v>
      </c>
      <c r="Z29213">
        <v>15</v>
      </c>
      <c r="AA29213">
        <v>15</v>
      </c>
      <c r="AB29213">
        <v>15</v>
      </c>
      <c r="AC29213">
        <v>15</v>
      </c>
      <c r="AD29213">
        <v>15</v>
      </c>
      <c r="AE29213">
        <v>16</v>
      </c>
      <c r="AF29213">
        <v>16</v>
      </c>
      <c r="AG29213">
        <v>16</v>
      </c>
      <c r="AH29213">
        <v>16</v>
      </c>
      <c r="AI29213">
        <v>16</v>
      </c>
      <c r="AJ29213">
        <v>16</v>
      </c>
      <c r="AK29213">
        <v>17</v>
      </c>
      <c r="AL29213">
        <v>17</v>
      </c>
      <c r="AM29213">
        <v>17</v>
      </c>
      <c r="AN29213">
        <v>17</v>
      </c>
      <c r="AO29213">
        <v>17</v>
      </c>
      <c r="AP29213">
        <v>17</v>
      </c>
      <c r="AQ29213">
        <v>17</v>
      </c>
    </row>
    <row r="29214" spans="1:43">
      <c r="A29214" t="s">
        <v>18087</v>
      </c>
      <c r="B29214" t="s">
        <v>18088</v>
      </c>
      <c r="C29214" t="s">
        <v>18089</v>
      </c>
      <c r="D29214" t="s">
        <v>18090</v>
      </c>
      <c r="E29214" t="s">
        <v>18039</v>
      </c>
      <c r="F29214" t="s">
        <v>18040</v>
      </c>
      <c r="G29214" t="s">
        <v>16559</v>
      </c>
      <c r="H29214" t="s">
        <v>16560</v>
      </c>
      <c r="I29214" s="2">
        <v>1</v>
      </c>
      <c r="J29214" s="2">
        <v>0</v>
      </c>
      <c r="K29214" s="2">
        <v>0</v>
      </c>
      <c r="L29214" t="s">
        <v>120</v>
      </c>
      <c r="M29214" t="s">
        <v>83</v>
      </c>
      <c r="N29214" t="s">
        <v>84</v>
      </c>
      <c r="O29214" t="s">
        <v>85</v>
      </c>
      <c r="P29214" t="s">
        <v>86</v>
      </c>
      <c r="Q29214">
        <v>18</v>
      </c>
      <c r="R29214">
        <v>19</v>
      </c>
      <c r="S29214">
        <v>19</v>
      </c>
      <c r="T29214">
        <v>19</v>
      </c>
      <c r="U29214">
        <v>19</v>
      </c>
      <c r="V29214">
        <v>20</v>
      </c>
      <c r="W29214">
        <v>20</v>
      </c>
      <c r="X29214">
        <v>20</v>
      </c>
      <c r="Y29214">
        <v>20</v>
      </c>
      <c r="Z29214">
        <v>20</v>
      </c>
      <c r="AA29214">
        <v>21</v>
      </c>
      <c r="AB29214">
        <v>21</v>
      </c>
      <c r="AC29214">
        <v>21</v>
      </c>
      <c r="AD29214">
        <v>21</v>
      </c>
      <c r="AE29214">
        <v>21</v>
      </c>
      <c r="AF29214">
        <v>22</v>
      </c>
      <c r="AG29214">
        <v>22</v>
      </c>
      <c r="AH29214">
        <v>22</v>
      </c>
      <c r="AI29214">
        <v>22</v>
      </c>
      <c r="AJ29214">
        <v>23</v>
      </c>
      <c r="AK29214">
        <v>23</v>
      </c>
      <c r="AL29214">
        <v>23</v>
      </c>
      <c r="AM29214">
        <v>23</v>
      </c>
      <c r="AN29214">
        <v>23</v>
      </c>
      <c r="AO29214">
        <v>23</v>
      </c>
      <c r="AP29214">
        <v>23</v>
      </c>
      <c r="AQ29214">
        <v>23</v>
      </c>
    </row>
    <row r="29215" spans="1:43">
      <c r="A29215" t="s">
        <v>18087</v>
      </c>
      <c r="B29215" t="s">
        <v>18088</v>
      </c>
      <c r="C29215" t="s">
        <v>18089</v>
      </c>
      <c r="D29215" t="s">
        <v>18090</v>
      </c>
      <c r="E29215" t="s">
        <v>18039</v>
      </c>
      <c r="F29215" t="s">
        <v>18040</v>
      </c>
      <c r="G29215" t="s">
        <v>16559</v>
      </c>
      <c r="H29215" t="s">
        <v>16560</v>
      </c>
      <c r="I29215" s="2">
        <v>1</v>
      </c>
      <c r="J29215" s="2">
        <v>0</v>
      </c>
      <c r="K29215" s="2">
        <v>0</v>
      </c>
      <c r="L29215" t="s">
        <v>120</v>
      </c>
      <c r="M29215" t="s">
        <v>87</v>
      </c>
      <c r="N29215" t="s">
        <v>88</v>
      </c>
      <c r="O29215" t="s">
        <v>85</v>
      </c>
      <c r="P29215" t="s">
        <v>86</v>
      </c>
      <c r="Q29215">
        <v>18</v>
      </c>
      <c r="R29215">
        <v>18</v>
      </c>
      <c r="S29215">
        <v>18</v>
      </c>
      <c r="T29215">
        <v>18</v>
      </c>
      <c r="U29215">
        <v>18</v>
      </c>
      <c r="V29215">
        <v>18</v>
      </c>
      <c r="W29215">
        <v>19</v>
      </c>
      <c r="X29215">
        <v>19</v>
      </c>
      <c r="Y29215">
        <v>19</v>
      </c>
      <c r="Z29215">
        <v>19</v>
      </c>
      <c r="AA29215">
        <v>19</v>
      </c>
      <c r="AB29215">
        <v>19</v>
      </c>
      <c r="AC29215">
        <v>19</v>
      </c>
      <c r="AD29215">
        <v>19</v>
      </c>
      <c r="AE29215">
        <v>19</v>
      </c>
      <c r="AF29215">
        <v>19</v>
      </c>
      <c r="AG29215">
        <v>19</v>
      </c>
      <c r="AH29215">
        <v>19</v>
      </c>
      <c r="AI29215">
        <v>19</v>
      </c>
      <c r="AJ29215">
        <v>19</v>
      </c>
      <c r="AK29215">
        <v>20</v>
      </c>
      <c r="AL29215">
        <v>20</v>
      </c>
      <c r="AM29215">
        <v>20</v>
      </c>
      <c r="AN29215">
        <v>20</v>
      </c>
      <c r="AO29215">
        <v>20</v>
      </c>
      <c r="AP29215">
        <v>20</v>
      </c>
      <c r="AQ29215">
        <v>20</v>
      </c>
    </row>
    <row r="29216" spans="1:43">
      <c r="A29216" t="s">
        <v>18087</v>
      </c>
      <c r="B29216" t="s">
        <v>18088</v>
      </c>
      <c r="C29216" t="s">
        <v>18089</v>
      </c>
      <c r="D29216" t="s">
        <v>18090</v>
      </c>
      <c r="E29216" t="s">
        <v>18039</v>
      </c>
      <c r="F29216" t="s">
        <v>18040</v>
      </c>
      <c r="G29216" t="s">
        <v>16559</v>
      </c>
      <c r="H29216" t="s">
        <v>16560</v>
      </c>
      <c r="I29216" s="2">
        <v>1</v>
      </c>
      <c r="J29216" s="2">
        <v>0</v>
      </c>
      <c r="K29216" s="2">
        <v>0</v>
      </c>
      <c r="L29216" t="s">
        <v>120</v>
      </c>
      <c r="M29216" t="s">
        <v>89</v>
      </c>
      <c r="N29216" t="s">
        <v>90</v>
      </c>
      <c r="O29216" t="s">
        <v>85</v>
      </c>
      <c r="P29216" t="s">
        <v>86</v>
      </c>
      <c r="Q29216">
        <v>18</v>
      </c>
      <c r="R29216">
        <v>19</v>
      </c>
      <c r="S29216">
        <v>19</v>
      </c>
      <c r="T29216">
        <v>20</v>
      </c>
      <c r="U29216">
        <v>20</v>
      </c>
      <c r="V29216">
        <v>20</v>
      </c>
      <c r="W29216">
        <v>21</v>
      </c>
      <c r="X29216">
        <v>21</v>
      </c>
      <c r="Y29216">
        <v>21</v>
      </c>
      <c r="Z29216">
        <v>22</v>
      </c>
      <c r="AA29216">
        <v>22</v>
      </c>
      <c r="AB29216">
        <v>22</v>
      </c>
      <c r="AC29216">
        <v>23</v>
      </c>
      <c r="AD29216">
        <v>23</v>
      </c>
      <c r="AE29216">
        <v>23</v>
      </c>
      <c r="AF29216">
        <v>23</v>
      </c>
      <c r="AG29216">
        <v>23</v>
      </c>
      <c r="AH29216">
        <v>23</v>
      </c>
      <c r="AI29216">
        <v>23</v>
      </c>
      <c r="AJ29216">
        <v>23</v>
      </c>
      <c r="AK29216">
        <v>23</v>
      </c>
      <c r="AL29216">
        <v>23</v>
      </c>
      <c r="AM29216">
        <v>23</v>
      </c>
      <c r="AN29216">
        <v>23</v>
      </c>
      <c r="AO29216">
        <v>24</v>
      </c>
      <c r="AP29216">
        <v>24</v>
      </c>
      <c r="AQ29216">
        <v>24</v>
      </c>
    </row>
    <row r="29217" spans="1:43">
      <c r="A29217" t="s">
        <v>18087</v>
      </c>
      <c r="B29217" t="s">
        <v>18088</v>
      </c>
      <c r="C29217" t="s">
        <v>18089</v>
      </c>
      <c r="D29217" t="s">
        <v>18090</v>
      </c>
      <c r="E29217" t="s">
        <v>18039</v>
      </c>
      <c r="F29217" t="s">
        <v>18040</v>
      </c>
      <c r="G29217" t="s">
        <v>16559</v>
      </c>
      <c r="H29217" t="s">
        <v>16560</v>
      </c>
      <c r="I29217" s="2">
        <v>1</v>
      </c>
      <c r="J29217" s="2">
        <v>0</v>
      </c>
      <c r="K29217" s="2">
        <v>0</v>
      </c>
      <c r="L29217" t="s">
        <v>120</v>
      </c>
      <c r="M29217" t="s">
        <v>83</v>
      </c>
      <c r="N29217" t="s">
        <v>91</v>
      </c>
      <c r="O29217" t="s">
        <v>85</v>
      </c>
      <c r="P29217" t="s">
        <v>86</v>
      </c>
      <c r="Q29217">
        <v>18</v>
      </c>
      <c r="R29217">
        <v>19</v>
      </c>
      <c r="S29217">
        <v>19</v>
      </c>
      <c r="T29217">
        <v>19</v>
      </c>
      <c r="U29217">
        <v>19</v>
      </c>
      <c r="V29217">
        <v>20</v>
      </c>
      <c r="W29217">
        <v>20</v>
      </c>
      <c r="X29217">
        <v>20</v>
      </c>
      <c r="Y29217">
        <v>20</v>
      </c>
      <c r="Z29217">
        <v>20</v>
      </c>
      <c r="AA29217">
        <v>21</v>
      </c>
      <c r="AB29217">
        <v>21</v>
      </c>
      <c r="AC29217">
        <v>21</v>
      </c>
      <c r="AD29217">
        <v>21</v>
      </c>
      <c r="AE29217">
        <v>21</v>
      </c>
      <c r="AF29217">
        <v>22</v>
      </c>
      <c r="AG29217">
        <v>22</v>
      </c>
      <c r="AH29217">
        <v>22</v>
      </c>
      <c r="AI29217">
        <v>22</v>
      </c>
      <c r="AJ29217">
        <v>23</v>
      </c>
      <c r="AK29217">
        <v>23</v>
      </c>
      <c r="AL29217">
        <v>23</v>
      </c>
      <c r="AM29217">
        <v>23</v>
      </c>
      <c r="AN29217">
        <v>23</v>
      </c>
      <c r="AO29217">
        <v>23</v>
      </c>
      <c r="AP29217">
        <v>23</v>
      </c>
      <c r="AQ29217">
        <v>23</v>
      </c>
    </row>
    <row r="29218" spans="1:43">
      <c r="A29218" t="s">
        <v>18091</v>
      </c>
      <c r="B29218" t="s">
        <v>18092</v>
      </c>
      <c r="C29218" t="s">
        <v>18089</v>
      </c>
      <c r="D29218" t="s">
        <v>18090</v>
      </c>
      <c r="E29218" t="s">
        <v>18039</v>
      </c>
      <c r="F29218" t="s">
        <v>18040</v>
      </c>
      <c r="G29218" t="s">
        <v>16559</v>
      </c>
      <c r="H29218" t="s">
        <v>16560</v>
      </c>
      <c r="I29218" s="2">
        <v>1</v>
      </c>
      <c r="J29218" s="2">
        <v>0</v>
      </c>
      <c r="K29218" s="2">
        <v>0</v>
      </c>
      <c r="L29218" t="s">
        <v>120</v>
      </c>
      <c r="M29218" t="s">
        <v>83</v>
      </c>
      <c r="N29218" t="s">
        <v>84</v>
      </c>
      <c r="O29218" t="s">
        <v>85</v>
      </c>
      <c r="P29218" t="s">
        <v>86</v>
      </c>
      <c r="Q29218">
        <v>34</v>
      </c>
      <c r="R29218">
        <v>35</v>
      </c>
      <c r="S29218">
        <v>35</v>
      </c>
      <c r="T29218">
        <v>36</v>
      </c>
      <c r="U29218">
        <v>36</v>
      </c>
      <c r="V29218">
        <v>36</v>
      </c>
      <c r="W29218">
        <v>37</v>
      </c>
      <c r="X29218">
        <v>37</v>
      </c>
      <c r="Y29218">
        <v>38</v>
      </c>
      <c r="Z29218">
        <v>38</v>
      </c>
      <c r="AA29218">
        <v>38</v>
      </c>
      <c r="AB29218">
        <v>39</v>
      </c>
      <c r="AC29218">
        <v>39</v>
      </c>
      <c r="AD29218">
        <v>40</v>
      </c>
      <c r="AE29218">
        <v>40</v>
      </c>
      <c r="AF29218">
        <v>40</v>
      </c>
      <c r="AG29218">
        <v>41</v>
      </c>
      <c r="AH29218">
        <v>41</v>
      </c>
      <c r="AI29218">
        <v>42</v>
      </c>
      <c r="AJ29218">
        <v>42</v>
      </c>
      <c r="AK29218">
        <v>43</v>
      </c>
      <c r="AL29218">
        <v>43</v>
      </c>
      <c r="AM29218">
        <v>43</v>
      </c>
      <c r="AN29218">
        <v>43</v>
      </c>
      <c r="AO29218">
        <v>43</v>
      </c>
      <c r="AP29218">
        <v>43</v>
      </c>
      <c r="AQ29218">
        <v>43</v>
      </c>
    </row>
    <row r="29219" spans="1:43">
      <c r="A29219" t="s">
        <v>18091</v>
      </c>
      <c r="B29219" t="s">
        <v>18092</v>
      </c>
      <c r="C29219" t="s">
        <v>18089</v>
      </c>
      <c r="D29219" t="s">
        <v>18090</v>
      </c>
      <c r="E29219" t="s">
        <v>18039</v>
      </c>
      <c r="F29219" t="s">
        <v>18040</v>
      </c>
      <c r="G29219" t="s">
        <v>16559</v>
      </c>
      <c r="H29219" t="s">
        <v>16560</v>
      </c>
      <c r="I29219" s="2">
        <v>1</v>
      </c>
      <c r="J29219" s="2">
        <v>0</v>
      </c>
      <c r="K29219" s="2">
        <v>0</v>
      </c>
      <c r="L29219" t="s">
        <v>120</v>
      </c>
      <c r="M29219" t="s">
        <v>87</v>
      </c>
      <c r="N29219" t="s">
        <v>88</v>
      </c>
      <c r="O29219" t="s">
        <v>85</v>
      </c>
      <c r="P29219" t="s">
        <v>86</v>
      </c>
      <c r="Q29219">
        <v>34</v>
      </c>
      <c r="R29219">
        <v>34</v>
      </c>
      <c r="S29219">
        <v>34</v>
      </c>
      <c r="T29219">
        <v>34</v>
      </c>
      <c r="U29219">
        <v>34</v>
      </c>
      <c r="V29219">
        <v>34</v>
      </c>
      <c r="W29219">
        <v>35</v>
      </c>
      <c r="X29219">
        <v>35</v>
      </c>
      <c r="Y29219">
        <v>35</v>
      </c>
      <c r="Z29219">
        <v>35</v>
      </c>
      <c r="AA29219">
        <v>35</v>
      </c>
      <c r="AB29219">
        <v>35</v>
      </c>
      <c r="AC29219">
        <v>35</v>
      </c>
      <c r="AD29219">
        <v>35</v>
      </c>
      <c r="AE29219">
        <v>36</v>
      </c>
      <c r="AF29219">
        <v>36</v>
      </c>
      <c r="AG29219">
        <v>36</v>
      </c>
      <c r="AH29219">
        <v>36</v>
      </c>
      <c r="AI29219">
        <v>36</v>
      </c>
      <c r="AJ29219">
        <v>36</v>
      </c>
      <c r="AK29219">
        <v>36</v>
      </c>
      <c r="AL29219">
        <v>37</v>
      </c>
      <c r="AM29219">
        <v>37</v>
      </c>
      <c r="AN29219">
        <v>37</v>
      </c>
      <c r="AO29219">
        <v>37</v>
      </c>
      <c r="AP29219">
        <v>37</v>
      </c>
      <c r="AQ29219">
        <v>37</v>
      </c>
    </row>
    <row r="29220" spans="1:43">
      <c r="A29220" t="s">
        <v>18091</v>
      </c>
      <c r="B29220" t="s">
        <v>18092</v>
      </c>
      <c r="C29220" t="s">
        <v>18089</v>
      </c>
      <c r="D29220" t="s">
        <v>18090</v>
      </c>
      <c r="E29220" t="s">
        <v>18039</v>
      </c>
      <c r="F29220" t="s">
        <v>18040</v>
      </c>
      <c r="G29220" t="s">
        <v>16559</v>
      </c>
      <c r="H29220" t="s">
        <v>16560</v>
      </c>
      <c r="I29220" s="2">
        <v>1</v>
      </c>
      <c r="J29220" s="2">
        <v>0</v>
      </c>
      <c r="K29220" s="2">
        <v>0</v>
      </c>
      <c r="L29220" t="s">
        <v>120</v>
      </c>
      <c r="M29220" t="s">
        <v>89</v>
      </c>
      <c r="N29220" t="s">
        <v>90</v>
      </c>
      <c r="O29220" t="s">
        <v>85</v>
      </c>
      <c r="P29220" t="s">
        <v>86</v>
      </c>
      <c r="Q29220">
        <v>34</v>
      </c>
      <c r="R29220">
        <v>34</v>
      </c>
      <c r="S29220">
        <v>35</v>
      </c>
      <c r="T29220">
        <v>36</v>
      </c>
      <c r="U29220">
        <v>36</v>
      </c>
      <c r="V29220">
        <v>37</v>
      </c>
      <c r="W29220">
        <v>38</v>
      </c>
      <c r="X29220">
        <v>38</v>
      </c>
      <c r="Y29220">
        <v>39</v>
      </c>
      <c r="Z29220">
        <v>39</v>
      </c>
      <c r="AA29220">
        <v>40</v>
      </c>
      <c r="AB29220">
        <v>40</v>
      </c>
      <c r="AC29220">
        <v>41</v>
      </c>
      <c r="AD29220">
        <v>42</v>
      </c>
      <c r="AE29220">
        <v>42</v>
      </c>
      <c r="AF29220">
        <v>42</v>
      </c>
      <c r="AG29220">
        <v>42</v>
      </c>
      <c r="AH29220">
        <v>42</v>
      </c>
      <c r="AI29220">
        <v>42</v>
      </c>
      <c r="AJ29220">
        <v>42</v>
      </c>
      <c r="AK29220">
        <v>42</v>
      </c>
      <c r="AL29220">
        <v>43</v>
      </c>
      <c r="AM29220">
        <v>43</v>
      </c>
      <c r="AN29220">
        <v>43</v>
      </c>
      <c r="AO29220">
        <v>43</v>
      </c>
      <c r="AP29220">
        <v>43</v>
      </c>
      <c r="AQ29220">
        <v>43</v>
      </c>
    </row>
    <row r="29221" spans="1:43">
      <c r="A29221" t="s">
        <v>18091</v>
      </c>
      <c r="B29221" t="s">
        <v>18092</v>
      </c>
      <c r="C29221" t="s">
        <v>18089</v>
      </c>
      <c r="D29221" t="s">
        <v>18090</v>
      </c>
      <c r="E29221" t="s">
        <v>18039</v>
      </c>
      <c r="F29221" t="s">
        <v>18040</v>
      </c>
      <c r="G29221" t="s">
        <v>16559</v>
      </c>
      <c r="H29221" t="s">
        <v>16560</v>
      </c>
      <c r="I29221" s="2">
        <v>1</v>
      </c>
      <c r="J29221" s="2">
        <v>0</v>
      </c>
      <c r="K29221" s="2">
        <v>0</v>
      </c>
      <c r="L29221" t="s">
        <v>120</v>
      </c>
      <c r="M29221" t="s">
        <v>83</v>
      </c>
      <c r="N29221" t="s">
        <v>91</v>
      </c>
      <c r="O29221" t="s">
        <v>85</v>
      </c>
      <c r="P29221" t="s">
        <v>86</v>
      </c>
      <c r="Q29221">
        <v>34</v>
      </c>
      <c r="R29221">
        <v>35</v>
      </c>
      <c r="S29221">
        <v>35</v>
      </c>
      <c r="T29221">
        <v>36</v>
      </c>
      <c r="U29221">
        <v>36</v>
      </c>
      <c r="V29221">
        <v>36</v>
      </c>
      <c r="W29221">
        <v>37</v>
      </c>
      <c r="X29221">
        <v>37</v>
      </c>
      <c r="Y29221">
        <v>38</v>
      </c>
      <c r="Z29221">
        <v>38</v>
      </c>
      <c r="AA29221">
        <v>38</v>
      </c>
      <c r="AB29221">
        <v>39</v>
      </c>
      <c r="AC29221">
        <v>39</v>
      </c>
      <c r="AD29221">
        <v>40</v>
      </c>
      <c r="AE29221">
        <v>40</v>
      </c>
      <c r="AF29221">
        <v>40</v>
      </c>
      <c r="AG29221">
        <v>41</v>
      </c>
      <c r="AH29221">
        <v>41</v>
      </c>
      <c r="AI29221">
        <v>42</v>
      </c>
      <c r="AJ29221">
        <v>42</v>
      </c>
      <c r="AK29221">
        <v>43</v>
      </c>
      <c r="AL29221">
        <v>43</v>
      </c>
      <c r="AM29221">
        <v>43</v>
      </c>
      <c r="AN29221">
        <v>43</v>
      </c>
      <c r="AO29221">
        <v>43</v>
      </c>
      <c r="AP29221">
        <v>43</v>
      </c>
      <c r="AQ29221">
        <v>43</v>
      </c>
    </row>
    <row r="29222" spans="1:43">
      <c r="A29222" t="s">
        <v>18093</v>
      </c>
      <c r="B29222" t="s">
        <v>18094</v>
      </c>
      <c r="C29222" t="s">
        <v>18095</v>
      </c>
      <c r="D29222" t="s">
        <v>18096</v>
      </c>
      <c r="E29222" t="s">
        <v>18039</v>
      </c>
      <c r="F29222" t="s">
        <v>18040</v>
      </c>
      <c r="G29222" t="s">
        <v>16559</v>
      </c>
      <c r="H29222" t="s">
        <v>16560</v>
      </c>
      <c r="I29222" s="2">
        <v>1</v>
      </c>
      <c r="J29222" s="2">
        <v>0</v>
      </c>
      <c r="K29222" s="2">
        <v>0</v>
      </c>
      <c r="L29222" t="s">
        <v>120</v>
      </c>
      <c r="M29222" t="s">
        <v>83</v>
      </c>
      <c r="N29222" t="s">
        <v>84</v>
      </c>
      <c r="O29222" t="s">
        <v>85</v>
      </c>
      <c r="P29222" t="s">
        <v>86</v>
      </c>
      <c r="Q29222">
        <v>10</v>
      </c>
      <c r="R29222">
        <v>10</v>
      </c>
      <c r="S29222">
        <v>10</v>
      </c>
      <c r="T29222">
        <v>10</v>
      </c>
      <c r="U29222">
        <v>10</v>
      </c>
      <c r="V29222">
        <v>10</v>
      </c>
      <c r="W29222">
        <v>10</v>
      </c>
      <c r="X29222">
        <v>10</v>
      </c>
      <c r="Y29222">
        <v>10</v>
      </c>
      <c r="Z29222">
        <v>11</v>
      </c>
      <c r="AA29222">
        <v>11</v>
      </c>
      <c r="AB29222">
        <v>11</v>
      </c>
      <c r="AC29222">
        <v>11</v>
      </c>
      <c r="AD29222">
        <v>11</v>
      </c>
      <c r="AE29222">
        <v>11</v>
      </c>
      <c r="AF29222">
        <v>11</v>
      </c>
      <c r="AG29222">
        <v>11</v>
      </c>
      <c r="AH29222">
        <v>11</v>
      </c>
      <c r="AI29222">
        <v>11</v>
      </c>
      <c r="AJ29222">
        <v>12</v>
      </c>
      <c r="AK29222">
        <v>12</v>
      </c>
      <c r="AL29222">
        <v>12</v>
      </c>
      <c r="AM29222">
        <v>12</v>
      </c>
      <c r="AN29222">
        <v>12</v>
      </c>
      <c r="AO29222">
        <v>12</v>
      </c>
      <c r="AP29222">
        <v>12</v>
      </c>
      <c r="AQ29222">
        <v>12</v>
      </c>
    </row>
    <row r="29223" spans="1:43">
      <c r="A29223" t="s">
        <v>18093</v>
      </c>
      <c r="B29223" t="s">
        <v>18094</v>
      </c>
      <c r="C29223" t="s">
        <v>18095</v>
      </c>
      <c r="D29223" t="s">
        <v>18096</v>
      </c>
      <c r="E29223" t="s">
        <v>18039</v>
      </c>
      <c r="F29223" t="s">
        <v>18040</v>
      </c>
      <c r="G29223" t="s">
        <v>16559</v>
      </c>
      <c r="H29223" t="s">
        <v>16560</v>
      </c>
      <c r="I29223" s="2">
        <v>1</v>
      </c>
      <c r="J29223" s="2">
        <v>0</v>
      </c>
      <c r="K29223" s="2">
        <v>0</v>
      </c>
      <c r="L29223" t="s">
        <v>120</v>
      </c>
      <c r="M29223" t="s">
        <v>87</v>
      </c>
      <c r="N29223" t="s">
        <v>88</v>
      </c>
      <c r="O29223" t="s">
        <v>85</v>
      </c>
      <c r="P29223" t="s">
        <v>86</v>
      </c>
      <c r="Q29223">
        <v>10</v>
      </c>
      <c r="R29223">
        <v>10</v>
      </c>
      <c r="S29223">
        <v>10</v>
      </c>
      <c r="T29223">
        <v>10</v>
      </c>
      <c r="U29223">
        <v>10</v>
      </c>
      <c r="V29223">
        <v>10</v>
      </c>
      <c r="W29223">
        <v>10</v>
      </c>
      <c r="X29223">
        <v>10</v>
      </c>
      <c r="Y29223">
        <v>10</v>
      </c>
      <c r="Z29223">
        <v>10</v>
      </c>
      <c r="AA29223">
        <v>10</v>
      </c>
      <c r="AB29223">
        <v>10</v>
      </c>
      <c r="AC29223">
        <v>10</v>
      </c>
      <c r="AD29223">
        <v>10</v>
      </c>
      <c r="AE29223">
        <v>10</v>
      </c>
      <c r="AF29223">
        <v>10</v>
      </c>
      <c r="AG29223">
        <v>10</v>
      </c>
      <c r="AH29223">
        <v>10</v>
      </c>
      <c r="AI29223">
        <v>10</v>
      </c>
      <c r="AJ29223">
        <v>10</v>
      </c>
      <c r="AK29223">
        <v>10</v>
      </c>
      <c r="AL29223">
        <v>10</v>
      </c>
      <c r="AM29223">
        <v>10</v>
      </c>
      <c r="AN29223">
        <v>10</v>
      </c>
      <c r="AO29223">
        <v>10</v>
      </c>
      <c r="AP29223">
        <v>10</v>
      </c>
      <c r="AQ29223">
        <v>10</v>
      </c>
    </row>
    <row r="29224" spans="1:43">
      <c r="A29224" t="s">
        <v>18093</v>
      </c>
      <c r="B29224" t="s">
        <v>18094</v>
      </c>
      <c r="C29224" t="s">
        <v>18095</v>
      </c>
      <c r="D29224" t="s">
        <v>18096</v>
      </c>
      <c r="E29224" t="s">
        <v>18039</v>
      </c>
      <c r="F29224" t="s">
        <v>18040</v>
      </c>
      <c r="G29224" t="s">
        <v>16559</v>
      </c>
      <c r="H29224" t="s">
        <v>16560</v>
      </c>
      <c r="I29224" s="2">
        <v>1</v>
      </c>
      <c r="J29224" s="2">
        <v>0</v>
      </c>
      <c r="K29224" s="2">
        <v>0</v>
      </c>
      <c r="L29224" t="s">
        <v>120</v>
      </c>
      <c r="M29224" t="s">
        <v>89</v>
      </c>
      <c r="N29224" t="s">
        <v>90</v>
      </c>
      <c r="O29224" t="s">
        <v>85</v>
      </c>
      <c r="P29224" t="s">
        <v>86</v>
      </c>
      <c r="Q29224">
        <v>10</v>
      </c>
      <c r="R29224">
        <v>10</v>
      </c>
      <c r="S29224">
        <v>10</v>
      </c>
      <c r="T29224">
        <v>10</v>
      </c>
      <c r="U29224">
        <v>10</v>
      </c>
      <c r="V29224">
        <v>11</v>
      </c>
      <c r="W29224">
        <v>11</v>
      </c>
      <c r="X29224">
        <v>11</v>
      </c>
      <c r="Y29224">
        <v>11</v>
      </c>
      <c r="Z29224">
        <v>11</v>
      </c>
      <c r="AA29224">
        <v>11</v>
      </c>
      <c r="AB29224">
        <v>11</v>
      </c>
      <c r="AC29224">
        <v>12</v>
      </c>
      <c r="AD29224">
        <v>12</v>
      </c>
      <c r="AE29224">
        <v>12</v>
      </c>
      <c r="AF29224">
        <v>12</v>
      </c>
      <c r="AG29224">
        <v>12</v>
      </c>
      <c r="AH29224">
        <v>12</v>
      </c>
      <c r="AI29224">
        <v>12</v>
      </c>
      <c r="AJ29224">
        <v>12</v>
      </c>
      <c r="AK29224">
        <v>12</v>
      </c>
      <c r="AL29224">
        <v>12</v>
      </c>
      <c r="AM29224">
        <v>12</v>
      </c>
      <c r="AN29224">
        <v>12</v>
      </c>
      <c r="AO29224">
        <v>12</v>
      </c>
      <c r="AP29224">
        <v>12</v>
      </c>
      <c r="AQ29224">
        <v>12</v>
      </c>
    </row>
    <row r="29225" spans="1:43">
      <c r="A29225" t="s">
        <v>18093</v>
      </c>
      <c r="B29225" t="s">
        <v>18094</v>
      </c>
      <c r="C29225" t="s">
        <v>18095</v>
      </c>
      <c r="D29225" t="s">
        <v>18096</v>
      </c>
      <c r="E29225" t="s">
        <v>18039</v>
      </c>
      <c r="F29225" t="s">
        <v>18040</v>
      </c>
      <c r="G29225" t="s">
        <v>16559</v>
      </c>
      <c r="H29225" t="s">
        <v>16560</v>
      </c>
      <c r="I29225" s="2">
        <v>1</v>
      </c>
      <c r="J29225" s="2">
        <v>0</v>
      </c>
      <c r="K29225" s="2">
        <v>0</v>
      </c>
      <c r="L29225" t="s">
        <v>120</v>
      </c>
      <c r="M29225" t="s">
        <v>83</v>
      </c>
      <c r="N29225" t="s">
        <v>91</v>
      </c>
      <c r="O29225" t="s">
        <v>85</v>
      </c>
      <c r="P29225" t="s">
        <v>86</v>
      </c>
      <c r="Q29225">
        <v>10</v>
      </c>
      <c r="R29225">
        <v>10</v>
      </c>
      <c r="S29225">
        <v>10</v>
      </c>
      <c r="T29225">
        <v>10</v>
      </c>
      <c r="U29225">
        <v>10</v>
      </c>
      <c r="V29225">
        <v>10</v>
      </c>
      <c r="W29225">
        <v>10</v>
      </c>
      <c r="X29225">
        <v>10</v>
      </c>
      <c r="Y29225">
        <v>10</v>
      </c>
      <c r="Z29225">
        <v>11</v>
      </c>
      <c r="AA29225">
        <v>11</v>
      </c>
      <c r="AB29225">
        <v>11</v>
      </c>
      <c r="AC29225">
        <v>11</v>
      </c>
      <c r="AD29225">
        <v>11</v>
      </c>
      <c r="AE29225">
        <v>11</v>
      </c>
      <c r="AF29225">
        <v>11</v>
      </c>
      <c r="AG29225">
        <v>11</v>
      </c>
      <c r="AH29225">
        <v>11</v>
      </c>
      <c r="AI29225">
        <v>11</v>
      </c>
      <c r="AJ29225">
        <v>12</v>
      </c>
      <c r="AK29225">
        <v>12</v>
      </c>
      <c r="AL29225">
        <v>12</v>
      </c>
      <c r="AM29225">
        <v>12</v>
      </c>
      <c r="AN29225">
        <v>12</v>
      </c>
      <c r="AO29225">
        <v>12</v>
      </c>
      <c r="AP29225">
        <v>12</v>
      </c>
      <c r="AQ29225">
        <v>12</v>
      </c>
    </row>
    <row r="29226" spans="1:43">
      <c r="A29226" t="s">
        <v>18097</v>
      </c>
      <c r="B29226" t="s">
        <v>18098</v>
      </c>
      <c r="C29226" t="s">
        <v>18099</v>
      </c>
      <c r="D29226" t="s">
        <v>18100</v>
      </c>
      <c r="E29226" t="s">
        <v>18039</v>
      </c>
      <c r="F29226" t="s">
        <v>18040</v>
      </c>
      <c r="G29226" t="s">
        <v>16559</v>
      </c>
      <c r="H29226" t="s">
        <v>16560</v>
      </c>
      <c r="I29226" s="2">
        <v>1</v>
      </c>
      <c r="J29226" s="2">
        <v>0</v>
      </c>
      <c r="K29226" s="2">
        <v>0</v>
      </c>
      <c r="L29226" t="s">
        <v>120</v>
      </c>
      <c r="M29226" t="s">
        <v>83</v>
      </c>
      <c r="N29226" t="s">
        <v>84</v>
      </c>
      <c r="O29226" t="s">
        <v>85</v>
      </c>
      <c r="P29226" t="s">
        <v>86</v>
      </c>
      <c r="Q29226">
        <v>11</v>
      </c>
      <c r="R29226">
        <v>11</v>
      </c>
      <c r="S29226">
        <v>11</v>
      </c>
      <c r="T29226">
        <v>11</v>
      </c>
      <c r="U29226">
        <v>11</v>
      </c>
      <c r="V29226">
        <v>11</v>
      </c>
      <c r="W29226">
        <v>11</v>
      </c>
      <c r="X29226">
        <v>11</v>
      </c>
      <c r="Y29226">
        <v>12</v>
      </c>
      <c r="Z29226">
        <v>12</v>
      </c>
      <c r="AA29226">
        <v>12</v>
      </c>
      <c r="AB29226">
        <v>12</v>
      </c>
      <c r="AC29226">
        <v>12</v>
      </c>
      <c r="AD29226">
        <v>12</v>
      </c>
      <c r="AE29226">
        <v>12</v>
      </c>
      <c r="AF29226">
        <v>12</v>
      </c>
      <c r="AG29226">
        <v>12</v>
      </c>
      <c r="AH29226">
        <v>12</v>
      </c>
      <c r="AI29226">
        <v>12</v>
      </c>
      <c r="AJ29226">
        <v>13</v>
      </c>
      <c r="AK29226">
        <v>13</v>
      </c>
      <c r="AL29226">
        <v>13</v>
      </c>
      <c r="AM29226">
        <v>13</v>
      </c>
      <c r="AN29226">
        <v>13</v>
      </c>
      <c r="AO29226">
        <v>13</v>
      </c>
      <c r="AP29226">
        <v>13</v>
      </c>
      <c r="AQ29226">
        <v>13</v>
      </c>
    </row>
    <row r="29227" spans="1:43">
      <c r="A29227" t="s">
        <v>18097</v>
      </c>
      <c r="B29227" t="s">
        <v>18098</v>
      </c>
      <c r="C29227" t="s">
        <v>18099</v>
      </c>
      <c r="D29227" t="s">
        <v>18100</v>
      </c>
      <c r="E29227" t="s">
        <v>18039</v>
      </c>
      <c r="F29227" t="s">
        <v>18040</v>
      </c>
      <c r="G29227" t="s">
        <v>16559</v>
      </c>
      <c r="H29227" t="s">
        <v>16560</v>
      </c>
      <c r="I29227" s="2">
        <v>1</v>
      </c>
      <c r="J29227" s="2">
        <v>0</v>
      </c>
      <c r="K29227" s="2">
        <v>0</v>
      </c>
      <c r="L29227" t="s">
        <v>120</v>
      </c>
      <c r="M29227" t="s">
        <v>87</v>
      </c>
      <c r="N29227" t="s">
        <v>88</v>
      </c>
      <c r="O29227" t="s">
        <v>85</v>
      </c>
      <c r="P29227" t="s">
        <v>86</v>
      </c>
      <c r="Q29227">
        <v>11</v>
      </c>
      <c r="R29227">
        <v>11</v>
      </c>
      <c r="S29227">
        <v>11</v>
      </c>
      <c r="T29227">
        <v>11</v>
      </c>
      <c r="U29227">
        <v>11</v>
      </c>
      <c r="V29227">
        <v>11</v>
      </c>
      <c r="W29227">
        <v>11</v>
      </c>
      <c r="X29227">
        <v>11</v>
      </c>
      <c r="Y29227">
        <v>11</v>
      </c>
      <c r="Z29227">
        <v>11</v>
      </c>
      <c r="AA29227">
        <v>11</v>
      </c>
      <c r="AB29227">
        <v>11</v>
      </c>
      <c r="AC29227">
        <v>11</v>
      </c>
      <c r="AD29227">
        <v>11</v>
      </c>
      <c r="AE29227">
        <v>11</v>
      </c>
      <c r="AF29227">
        <v>11</v>
      </c>
      <c r="AG29227">
        <v>11</v>
      </c>
      <c r="AH29227">
        <v>11</v>
      </c>
      <c r="AI29227">
        <v>11</v>
      </c>
      <c r="AJ29227">
        <v>11</v>
      </c>
      <c r="AK29227">
        <v>11</v>
      </c>
      <c r="AL29227">
        <v>11</v>
      </c>
      <c r="AM29227">
        <v>11</v>
      </c>
      <c r="AN29227">
        <v>11</v>
      </c>
      <c r="AO29227">
        <v>11</v>
      </c>
      <c r="AP29227">
        <v>11</v>
      </c>
      <c r="AQ29227">
        <v>11</v>
      </c>
    </row>
    <row r="29228" spans="1:43">
      <c r="A29228" t="s">
        <v>18097</v>
      </c>
      <c r="B29228" t="s">
        <v>18098</v>
      </c>
      <c r="C29228" t="s">
        <v>18099</v>
      </c>
      <c r="D29228" t="s">
        <v>18100</v>
      </c>
      <c r="E29228" t="s">
        <v>18039</v>
      </c>
      <c r="F29228" t="s">
        <v>18040</v>
      </c>
      <c r="G29228" t="s">
        <v>16559</v>
      </c>
      <c r="H29228" t="s">
        <v>16560</v>
      </c>
      <c r="I29228" s="2">
        <v>1</v>
      </c>
      <c r="J29228" s="2">
        <v>0</v>
      </c>
      <c r="K29228" s="2">
        <v>0</v>
      </c>
      <c r="L29228" t="s">
        <v>120</v>
      </c>
      <c r="M29228" t="s">
        <v>89</v>
      </c>
      <c r="N29228" t="s">
        <v>90</v>
      </c>
      <c r="O29228" t="s">
        <v>85</v>
      </c>
      <c r="P29228" t="s">
        <v>86</v>
      </c>
      <c r="Q29228">
        <v>11</v>
      </c>
      <c r="R29228">
        <v>11</v>
      </c>
      <c r="S29228">
        <v>11</v>
      </c>
      <c r="T29228">
        <v>11</v>
      </c>
      <c r="U29228">
        <v>12</v>
      </c>
      <c r="V29228">
        <v>12</v>
      </c>
      <c r="W29228">
        <v>12</v>
      </c>
      <c r="X29228">
        <v>12</v>
      </c>
      <c r="Y29228">
        <v>12</v>
      </c>
      <c r="Z29228">
        <v>12</v>
      </c>
      <c r="AA29228">
        <v>12</v>
      </c>
      <c r="AB29228">
        <v>13</v>
      </c>
      <c r="AC29228">
        <v>13</v>
      </c>
      <c r="AD29228">
        <v>13</v>
      </c>
      <c r="AE29228">
        <v>13</v>
      </c>
      <c r="AF29228">
        <v>13</v>
      </c>
      <c r="AG29228">
        <v>13</v>
      </c>
      <c r="AH29228">
        <v>13</v>
      </c>
      <c r="AI29228">
        <v>13</v>
      </c>
      <c r="AJ29228">
        <v>13</v>
      </c>
      <c r="AK29228">
        <v>13</v>
      </c>
      <c r="AL29228">
        <v>13</v>
      </c>
      <c r="AM29228">
        <v>13</v>
      </c>
      <c r="AN29228">
        <v>13</v>
      </c>
      <c r="AO29228">
        <v>13</v>
      </c>
      <c r="AP29228">
        <v>13</v>
      </c>
      <c r="AQ29228">
        <v>13</v>
      </c>
    </row>
    <row r="29229" spans="1:43">
      <c r="A29229" t="s">
        <v>18097</v>
      </c>
      <c r="B29229" t="s">
        <v>18098</v>
      </c>
      <c r="C29229" t="s">
        <v>18099</v>
      </c>
      <c r="D29229" t="s">
        <v>18100</v>
      </c>
      <c r="E29229" t="s">
        <v>18039</v>
      </c>
      <c r="F29229" t="s">
        <v>18040</v>
      </c>
      <c r="G29229" t="s">
        <v>16559</v>
      </c>
      <c r="H29229" t="s">
        <v>16560</v>
      </c>
      <c r="I29229" s="2">
        <v>1</v>
      </c>
      <c r="J29229" s="2">
        <v>0</v>
      </c>
      <c r="K29229" s="2">
        <v>0</v>
      </c>
      <c r="L29229" t="s">
        <v>120</v>
      </c>
      <c r="M29229" t="s">
        <v>83</v>
      </c>
      <c r="N29229" t="s">
        <v>91</v>
      </c>
      <c r="O29229" t="s">
        <v>85</v>
      </c>
      <c r="P29229" t="s">
        <v>86</v>
      </c>
      <c r="Q29229">
        <v>11</v>
      </c>
      <c r="R29229">
        <v>11</v>
      </c>
      <c r="S29229">
        <v>11</v>
      </c>
      <c r="T29229">
        <v>11</v>
      </c>
      <c r="U29229">
        <v>11</v>
      </c>
      <c r="V29229">
        <v>11</v>
      </c>
      <c r="W29229">
        <v>11</v>
      </c>
      <c r="X29229">
        <v>11</v>
      </c>
      <c r="Y29229">
        <v>12</v>
      </c>
      <c r="Z29229">
        <v>12</v>
      </c>
      <c r="AA29229">
        <v>12</v>
      </c>
      <c r="AB29229">
        <v>12</v>
      </c>
      <c r="AC29229">
        <v>12</v>
      </c>
      <c r="AD29229">
        <v>12</v>
      </c>
      <c r="AE29229">
        <v>12</v>
      </c>
      <c r="AF29229">
        <v>12</v>
      </c>
      <c r="AG29229">
        <v>12</v>
      </c>
      <c r="AH29229">
        <v>12</v>
      </c>
      <c r="AI29229">
        <v>12</v>
      </c>
      <c r="AJ29229">
        <v>13</v>
      </c>
      <c r="AK29229">
        <v>13</v>
      </c>
      <c r="AL29229">
        <v>13</v>
      </c>
      <c r="AM29229">
        <v>13</v>
      </c>
      <c r="AN29229">
        <v>13</v>
      </c>
      <c r="AO29229">
        <v>13</v>
      </c>
      <c r="AP29229">
        <v>13</v>
      </c>
      <c r="AQ29229">
        <v>13</v>
      </c>
    </row>
    <row r="29230" spans="1:43">
      <c r="A29230" t="s">
        <v>18101</v>
      </c>
      <c r="B29230" t="s">
        <v>18102</v>
      </c>
      <c r="C29230" t="s">
        <v>18095</v>
      </c>
      <c r="D29230" t="s">
        <v>18096</v>
      </c>
      <c r="E29230" t="s">
        <v>18039</v>
      </c>
      <c r="F29230" t="s">
        <v>18040</v>
      </c>
      <c r="G29230" t="s">
        <v>16559</v>
      </c>
      <c r="H29230" t="s">
        <v>16560</v>
      </c>
      <c r="I29230" s="2">
        <v>1</v>
      </c>
      <c r="J29230" s="2">
        <v>0</v>
      </c>
      <c r="K29230" s="2">
        <v>0</v>
      </c>
      <c r="L29230" t="s">
        <v>120</v>
      </c>
      <c r="M29230" t="s">
        <v>83</v>
      </c>
      <c r="N29230" t="s">
        <v>84</v>
      </c>
      <c r="O29230" t="s">
        <v>85</v>
      </c>
      <c r="P29230" t="s">
        <v>86</v>
      </c>
      <c r="Q29230">
        <v>13</v>
      </c>
      <c r="R29230">
        <v>13</v>
      </c>
      <c r="S29230">
        <v>13</v>
      </c>
      <c r="T29230">
        <v>13</v>
      </c>
      <c r="U29230">
        <v>13</v>
      </c>
      <c r="V29230">
        <v>13</v>
      </c>
      <c r="W29230">
        <v>14</v>
      </c>
      <c r="X29230">
        <v>14</v>
      </c>
      <c r="Y29230">
        <v>14</v>
      </c>
      <c r="Z29230">
        <v>14</v>
      </c>
      <c r="AA29230">
        <v>14</v>
      </c>
      <c r="AB29230">
        <v>14</v>
      </c>
      <c r="AC29230">
        <v>14</v>
      </c>
      <c r="AD29230">
        <v>14</v>
      </c>
      <c r="AE29230">
        <v>15</v>
      </c>
      <c r="AF29230">
        <v>15</v>
      </c>
      <c r="AG29230">
        <v>15</v>
      </c>
      <c r="AH29230">
        <v>15</v>
      </c>
      <c r="AI29230">
        <v>15</v>
      </c>
      <c r="AJ29230">
        <v>15</v>
      </c>
      <c r="AK29230">
        <v>15</v>
      </c>
      <c r="AL29230">
        <v>15</v>
      </c>
      <c r="AM29230">
        <v>15</v>
      </c>
      <c r="AN29230">
        <v>15</v>
      </c>
      <c r="AO29230">
        <v>15</v>
      </c>
      <c r="AP29230">
        <v>15</v>
      </c>
      <c r="AQ29230">
        <v>15</v>
      </c>
    </row>
    <row r="29231" spans="1:43">
      <c r="A29231" t="s">
        <v>18101</v>
      </c>
      <c r="B29231" t="s">
        <v>18102</v>
      </c>
      <c r="C29231" t="s">
        <v>18095</v>
      </c>
      <c r="D29231" t="s">
        <v>18096</v>
      </c>
      <c r="E29231" t="s">
        <v>18039</v>
      </c>
      <c r="F29231" t="s">
        <v>18040</v>
      </c>
      <c r="G29231" t="s">
        <v>16559</v>
      </c>
      <c r="H29231" t="s">
        <v>16560</v>
      </c>
      <c r="I29231" s="2">
        <v>1</v>
      </c>
      <c r="J29231" s="2">
        <v>0</v>
      </c>
      <c r="K29231" s="2">
        <v>0</v>
      </c>
      <c r="L29231" t="s">
        <v>120</v>
      </c>
      <c r="M29231" t="s">
        <v>87</v>
      </c>
      <c r="N29231" t="s">
        <v>88</v>
      </c>
      <c r="O29231" t="s">
        <v>85</v>
      </c>
      <c r="P29231" t="s">
        <v>86</v>
      </c>
      <c r="Q29231">
        <v>13</v>
      </c>
      <c r="R29231">
        <v>13</v>
      </c>
      <c r="S29231">
        <v>13</v>
      </c>
      <c r="T29231">
        <v>13</v>
      </c>
      <c r="U29231">
        <v>13</v>
      </c>
      <c r="V29231">
        <v>13</v>
      </c>
      <c r="W29231">
        <v>13</v>
      </c>
      <c r="X29231">
        <v>13</v>
      </c>
      <c r="Y29231">
        <v>13</v>
      </c>
      <c r="Z29231">
        <v>13</v>
      </c>
      <c r="AA29231">
        <v>13</v>
      </c>
      <c r="AB29231">
        <v>13</v>
      </c>
      <c r="AC29231">
        <v>13</v>
      </c>
      <c r="AD29231">
        <v>13</v>
      </c>
      <c r="AE29231">
        <v>13</v>
      </c>
      <c r="AF29231">
        <v>13</v>
      </c>
      <c r="AG29231">
        <v>13</v>
      </c>
      <c r="AH29231">
        <v>13</v>
      </c>
      <c r="AI29231">
        <v>13</v>
      </c>
      <c r="AJ29231">
        <v>13</v>
      </c>
      <c r="AK29231">
        <v>13</v>
      </c>
      <c r="AL29231">
        <v>13</v>
      </c>
      <c r="AM29231">
        <v>13</v>
      </c>
      <c r="AN29231">
        <v>13</v>
      </c>
      <c r="AO29231">
        <v>13</v>
      </c>
      <c r="AP29231">
        <v>13</v>
      </c>
      <c r="AQ29231">
        <v>13</v>
      </c>
    </row>
    <row r="29232" spans="1:43">
      <c r="A29232" t="s">
        <v>18101</v>
      </c>
      <c r="B29232" t="s">
        <v>18102</v>
      </c>
      <c r="C29232" t="s">
        <v>18095</v>
      </c>
      <c r="D29232" t="s">
        <v>18096</v>
      </c>
      <c r="E29232" t="s">
        <v>18039</v>
      </c>
      <c r="F29232" t="s">
        <v>18040</v>
      </c>
      <c r="G29232" t="s">
        <v>16559</v>
      </c>
      <c r="H29232" t="s">
        <v>16560</v>
      </c>
      <c r="I29232" s="2">
        <v>1</v>
      </c>
      <c r="J29232" s="2">
        <v>0</v>
      </c>
      <c r="K29232" s="2">
        <v>0</v>
      </c>
      <c r="L29232" t="s">
        <v>120</v>
      </c>
      <c r="M29232" t="s">
        <v>89</v>
      </c>
      <c r="N29232" t="s">
        <v>90</v>
      </c>
      <c r="O29232" t="s">
        <v>85</v>
      </c>
      <c r="P29232" t="s">
        <v>86</v>
      </c>
      <c r="Q29232">
        <v>13</v>
      </c>
      <c r="R29232">
        <v>13</v>
      </c>
      <c r="S29232">
        <v>13</v>
      </c>
      <c r="T29232">
        <v>14</v>
      </c>
      <c r="U29232">
        <v>14</v>
      </c>
      <c r="V29232">
        <v>14</v>
      </c>
      <c r="W29232">
        <v>14</v>
      </c>
      <c r="X29232">
        <v>14</v>
      </c>
      <c r="Y29232">
        <v>15</v>
      </c>
      <c r="Z29232">
        <v>15</v>
      </c>
      <c r="AA29232">
        <v>15</v>
      </c>
      <c r="AB29232">
        <v>15</v>
      </c>
      <c r="AC29232">
        <v>15</v>
      </c>
      <c r="AD29232">
        <v>15</v>
      </c>
      <c r="AE29232">
        <v>16</v>
      </c>
      <c r="AF29232">
        <v>16</v>
      </c>
      <c r="AG29232">
        <v>16</v>
      </c>
      <c r="AH29232">
        <v>16</v>
      </c>
      <c r="AI29232">
        <v>15</v>
      </c>
      <c r="AJ29232">
        <v>15</v>
      </c>
      <c r="AK29232">
        <v>15</v>
      </c>
      <c r="AL29232">
        <v>15</v>
      </c>
      <c r="AM29232">
        <v>15</v>
      </c>
      <c r="AN29232">
        <v>15</v>
      </c>
      <c r="AO29232">
        <v>15</v>
      </c>
      <c r="AP29232">
        <v>15</v>
      </c>
      <c r="AQ29232">
        <v>15</v>
      </c>
    </row>
    <row r="29233" spans="1:43">
      <c r="A29233" t="s">
        <v>18101</v>
      </c>
      <c r="B29233" t="s">
        <v>18102</v>
      </c>
      <c r="C29233" t="s">
        <v>18095</v>
      </c>
      <c r="D29233" t="s">
        <v>18096</v>
      </c>
      <c r="E29233" t="s">
        <v>18039</v>
      </c>
      <c r="F29233" t="s">
        <v>18040</v>
      </c>
      <c r="G29233" t="s">
        <v>16559</v>
      </c>
      <c r="H29233" t="s">
        <v>16560</v>
      </c>
      <c r="I29233" s="2">
        <v>1</v>
      </c>
      <c r="J29233" s="2">
        <v>0</v>
      </c>
      <c r="K29233" s="2">
        <v>0</v>
      </c>
      <c r="L29233" t="s">
        <v>120</v>
      </c>
      <c r="M29233" t="s">
        <v>83</v>
      </c>
      <c r="N29233" t="s">
        <v>91</v>
      </c>
      <c r="O29233" t="s">
        <v>85</v>
      </c>
      <c r="P29233" t="s">
        <v>86</v>
      </c>
      <c r="Q29233">
        <v>13</v>
      </c>
      <c r="R29233">
        <v>13</v>
      </c>
      <c r="S29233">
        <v>13</v>
      </c>
      <c r="T29233">
        <v>13</v>
      </c>
      <c r="U29233">
        <v>13</v>
      </c>
      <c r="V29233">
        <v>13</v>
      </c>
      <c r="W29233">
        <v>14</v>
      </c>
      <c r="X29233">
        <v>14</v>
      </c>
      <c r="Y29233">
        <v>14</v>
      </c>
      <c r="Z29233">
        <v>14</v>
      </c>
      <c r="AA29233">
        <v>14</v>
      </c>
      <c r="AB29233">
        <v>14</v>
      </c>
      <c r="AC29233">
        <v>14</v>
      </c>
      <c r="AD29233">
        <v>14</v>
      </c>
      <c r="AE29233">
        <v>15</v>
      </c>
      <c r="AF29233">
        <v>15</v>
      </c>
      <c r="AG29233">
        <v>15</v>
      </c>
      <c r="AH29233">
        <v>15</v>
      </c>
      <c r="AI29233">
        <v>15</v>
      </c>
      <c r="AJ29233">
        <v>15</v>
      </c>
      <c r="AK29233">
        <v>15</v>
      </c>
      <c r="AL29233">
        <v>15</v>
      </c>
      <c r="AM29233">
        <v>15</v>
      </c>
      <c r="AN29233">
        <v>15</v>
      </c>
      <c r="AO29233">
        <v>15</v>
      </c>
      <c r="AP29233">
        <v>15</v>
      </c>
      <c r="AQ29233">
        <v>15</v>
      </c>
    </row>
    <row r="29234" spans="1:43">
      <c r="A29234" t="s">
        <v>18103</v>
      </c>
      <c r="B29234" t="s">
        <v>18104</v>
      </c>
      <c r="C29234" t="s">
        <v>18095</v>
      </c>
      <c r="D29234" t="s">
        <v>18096</v>
      </c>
      <c r="E29234" t="s">
        <v>18039</v>
      </c>
      <c r="F29234" t="s">
        <v>18040</v>
      </c>
      <c r="G29234" t="s">
        <v>16559</v>
      </c>
      <c r="H29234" t="s">
        <v>16560</v>
      </c>
      <c r="I29234" s="2">
        <v>1</v>
      </c>
      <c r="J29234" s="2">
        <v>0</v>
      </c>
      <c r="K29234" s="2">
        <v>0</v>
      </c>
      <c r="L29234" t="s">
        <v>120</v>
      </c>
      <c r="M29234" t="s">
        <v>83</v>
      </c>
      <c r="N29234" t="s">
        <v>84</v>
      </c>
      <c r="O29234" t="s">
        <v>85</v>
      </c>
      <c r="P29234" t="s">
        <v>86</v>
      </c>
      <c r="Q29234">
        <v>3</v>
      </c>
      <c r="R29234">
        <v>3</v>
      </c>
      <c r="S29234">
        <v>3</v>
      </c>
      <c r="T29234">
        <v>3</v>
      </c>
      <c r="U29234">
        <v>3</v>
      </c>
      <c r="V29234">
        <v>3</v>
      </c>
      <c r="W29234">
        <v>3</v>
      </c>
      <c r="X29234">
        <v>3</v>
      </c>
      <c r="Y29234">
        <v>3</v>
      </c>
      <c r="Z29234">
        <v>3</v>
      </c>
      <c r="AA29234">
        <v>3</v>
      </c>
      <c r="AB29234">
        <v>3</v>
      </c>
      <c r="AC29234">
        <v>3</v>
      </c>
      <c r="AD29234">
        <v>3</v>
      </c>
      <c r="AE29234">
        <v>3</v>
      </c>
      <c r="AF29234">
        <v>3</v>
      </c>
      <c r="AG29234">
        <v>3</v>
      </c>
      <c r="AH29234">
        <v>3</v>
      </c>
      <c r="AI29234">
        <v>3</v>
      </c>
      <c r="AJ29234">
        <v>3</v>
      </c>
      <c r="AK29234">
        <v>3</v>
      </c>
      <c r="AL29234">
        <v>3</v>
      </c>
      <c r="AM29234">
        <v>3</v>
      </c>
      <c r="AN29234">
        <v>3</v>
      </c>
      <c r="AO29234">
        <v>3</v>
      </c>
      <c r="AP29234">
        <v>3</v>
      </c>
      <c r="AQ29234">
        <v>3</v>
      </c>
    </row>
    <row r="29235" spans="1:43">
      <c r="A29235" t="s">
        <v>18103</v>
      </c>
      <c r="B29235" t="s">
        <v>18104</v>
      </c>
      <c r="C29235" t="s">
        <v>18095</v>
      </c>
      <c r="D29235" t="s">
        <v>18096</v>
      </c>
      <c r="E29235" t="s">
        <v>18039</v>
      </c>
      <c r="F29235" t="s">
        <v>18040</v>
      </c>
      <c r="G29235" t="s">
        <v>16559</v>
      </c>
      <c r="H29235" t="s">
        <v>16560</v>
      </c>
      <c r="I29235" s="2">
        <v>1</v>
      </c>
      <c r="J29235" s="2">
        <v>0</v>
      </c>
      <c r="K29235" s="2">
        <v>0</v>
      </c>
      <c r="L29235" t="s">
        <v>120</v>
      </c>
      <c r="M29235" t="s">
        <v>87</v>
      </c>
      <c r="N29235" t="s">
        <v>88</v>
      </c>
      <c r="O29235" t="s">
        <v>85</v>
      </c>
      <c r="P29235" t="s">
        <v>86</v>
      </c>
      <c r="Q29235">
        <v>3</v>
      </c>
      <c r="R29235">
        <v>3</v>
      </c>
      <c r="S29235">
        <v>3</v>
      </c>
      <c r="T29235">
        <v>3</v>
      </c>
      <c r="U29235">
        <v>3</v>
      </c>
      <c r="V29235">
        <v>3</v>
      </c>
      <c r="W29235">
        <v>3</v>
      </c>
      <c r="X29235">
        <v>3</v>
      </c>
      <c r="Y29235">
        <v>3</v>
      </c>
      <c r="Z29235">
        <v>3</v>
      </c>
      <c r="AA29235">
        <v>3</v>
      </c>
      <c r="AB29235">
        <v>3</v>
      </c>
      <c r="AC29235">
        <v>3</v>
      </c>
      <c r="AD29235">
        <v>3</v>
      </c>
      <c r="AE29235">
        <v>3</v>
      </c>
      <c r="AF29235">
        <v>3</v>
      </c>
      <c r="AG29235">
        <v>3</v>
      </c>
      <c r="AH29235">
        <v>3</v>
      </c>
      <c r="AI29235">
        <v>3</v>
      </c>
      <c r="AJ29235">
        <v>3</v>
      </c>
      <c r="AK29235">
        <v>3</v>
      </c>
      <c r="AL29235">
        <v>3</v>
      </c>
      <c r="AM29235">
        <v>3</v>
      </c>
      <c r="AN29235">
        <v>3</v>
      </c>
      <c r="AO29235">
        <v>3</v>
      </c>
      <c r="AP29235">
        <v>3</v>
      </c>
      <c r="AQ29235">
        <v>3</v>
      </c>
    </row>
    <row r="29236" spans="1:43">
      <c r="A29236" t="s">
        <v>18103</v>
      </c>
      <c r="B29236" t="s">
        <v>18104</v>
      </c>
      <c r="C29236" t="s">
        <v>18095</v>
      </c>
      <c r="D29236" t="s">
        <v>18096</v>
      </c>
      <c r="E29236" t="s">
        <v>18039</v>
      </c>
      <c r="F29236" t="s">
        <v>18040</v>
      </c>
      <c r="G29236" t="s">
        <v>16559</v>
      </c>
      <c r="H29236" t="s">
        <v>16560</v>
      </c>
      <c r="I29236" s="2">
        <v>1</v>
      </c>
      <c r="J29236" s="2">
        <v>0</v>
      </c>
      <c r="K29236" s="2">
        <v>0</v>
      </c>
      <c r="L29236" t="s">
        <v>120</v>
      </c>
      <c r="M29236" t="s">
        <v>89</v>
      </c>
      <c r="N29236" t="s">
        <v>90</v>
      </c>
      <c r="O29236" t="s">
        <v>85</v>
      </c>
      <c r="P29236" t="s">
        <v>86</v>
      </c>
      <c r="Q29236">
        <v>3</v>
      </c>
      <c r="R29236">
        <v>3</v>
      </c>
      <c r="S29236">
        <v>3</v>
      </c>
      <c r="T29236">
        <v>3</v>
      </c>
      <c r="U29236">
        <v>3</v>
      </c>
      <c r="V29236">
        <v>3</v>
      </c>
      <c r="W29236">
        <v>3</v>
      </c>
      <c r="X29236">
        <v>3</v>
      </c>
      <c r="Y29236">
        <v>3</v>
      </c>
      <c r="Z29236">
        <v>3</v>
      </c>
      <c r="AA29236">
        <v>3</v>
      </c>
      <c r="AB29236">
        <v>3</v>
      </c>
      <c r="AC29236">
        <v>3</v>
      </c>
      <c r="AD29236">
        <v>3</v>
      </c>
      <c r="AE29236">
        <v>3</v>
      </c>
      <c r="AF29236">
        <v>3</v>
      </c>
      <c r="AG29236">
        <v>3</v>
      </c>
      <c r="AH29236">
        <v>3</v>
      </c>
      <c r="AI29236">
        <v>3</v>
      </c>
      <c r="AJ29236">
        <v>3</v>
      </c>
      <c r="AK29236">
        <v>3</v>
      </c>
      <c r="AL29236">
        <v>3</v>
      </c>
      <c r="AM29236">
        <v>3</v>
      </c>
      <c r="AN29236">
        <v>3</v>
      </c>
      <c r="AO29236">
        <v>3</v>
      </c>
      <c r="AP29236">
        <v>3</v>
      </c>
      <c r="AQ29236">
        <v>3</v>
      </c>
    </row>
    <row r="29237" spans="1:43">
      <c r="A29237" t="s">
        <v>18103</v>
      </c>
      <c r="B29237" t="s">
        <v>18104</v>
      </c>
      <c r="C29237" t="s">
        <v>18095</v>
      </c>
      <c r="D29237" t="s">
        <v>18096</v>
      </c>
      <c r="E29237" t="s">
        <v>18039</v>
      </c>
      <c r="F29237" t="s">
        <v>18040</v>
      </c>
      <c r="G29237" t="s">
        <v>16559</v>
      </c>
      <c r="H29237" t="s">
        <v>16560</v>
      </c>
      <c r="I29237" s="2">
        <v>1</v>
      </c>
      <c r="J29237" s="2">
        <v>0</v>
      </c>
      <c r="K29237" s="2">
        <v>0</v>
      </c>
      <c r="L29237" t="s">
        <v>120</v>
      </c>
      <c r="M29237" t="s">
        <v>83</v>
      </c>
      <c r="N29237" t="s">
        <v>91</v>
      </c>
      <c r="O29237" t="s">
        <v>85</v>
      </c>
      <c r="P29237" t="s">
        <v>86</v>
      </c>
      <c r="Q29237">
        <v>3</v>
      </c>
      <c r="R29237">
        <v>3</v>
      </c>
      <c r="S29237">
        <v>3</v>
      </c>
      <c r="T29237">
        <v>3</v>
      </c>
      <c r="U29237">
        <v>3</v>
      </c>
      <c r="V29237">
        <v>3</v>
      </c>
      <c r="W29237">
        <v>3</v>
      </c>
      <c r="X29237">
        <v>3</v>
      </c>
      <c r="Y29237">
        <v>3</v>
      </c>
      <c r="Z29237">
        <v>3</v>
      </c>
      <c r="AA29237">
        <v>3</v>
      </c>
      <c r="AB29237">
        <v>3</v>
      </c>
      <c r="AC29237">
        <v>3</v>
      </c>
      <c r="AD29237">
        <v>3</v>
      </c>
      <c r="AE29237">
        <v>3</v>
      </c>
      <c r="AF29237">
        <v>3</v>
      </c>
      <c r="AG29237">
        <v>3</v>
      </c>
      <c r="AH29237">
        <v>3</v>
      </c>
      <c r="AI29237">
        <v>3</v>
      </c>
      <c r="AJ29237">
        <v>3</v>
      </c>
      <c r="AK29237">
        <v>3</v>
      </c>
      <c r="AL29237">
        <v>3</v>
      </c>
      <c r="AM29237">
        <v>3</v>
      </c>
      <c r="AN29237">
        <v>3</v>
      </c>
      <c r="AO29237">
        <v>3</v>
      </c>
      <c r="AP29237">
        <v>3</v>
      </c>
      <c r="AQ29237">
        <v>3</v>
      </c>
    </row>
    <row r="29238" spans="1:43">
      <c r="A29238" t="s">
        <v>18105</v>
      </c>
      <c r="B29238" t="s">
        <v>18106</v>
      </c>
      <c r="C29238" t="s">
        <v>18095</v>
      </c>
      <c r="D29238" t="s">
        <v>18096</v>
      </c>
      <c r="E29238" t="s">
        <v>18039</v>
      </c>
      <c r="F29238" t="s">
        <v>18040</v>
      </c>
      <c r="G29238" t="s">
        <v>16559</v>
      </c>
      <c r="H29238" t="s">
        <v>16560</v>
      </c>
      <c r="I29238" s="2">
        <v>1</v>
      </c>
      <c r="J29238" s="2">
        <v>0</v>
      </c>
      <c r="K29238" s="2">
        <v>0</v>
      </c>
      <c r="L29238" t="s">
        <v>120</v>
      </c>
      <c r="M29238" t="s">
        <v>83</v>
      </c>
      <c r="N29238" t="s">
        <v>84</v>
      </c>
      <c r="O29238" t="s">
        <v>85</v>
      </c>
      <c r="P29238" t="s">
        <v>86</v>
      </c>
      <c r="Q29238">
        <v>9</v>
      </c>
      <c r="R29238">
        <v>9</v>
      </c>
      <c r="S29238">
        <v>9</v>
      </c>
      <c r="T29238">
        <v>9</v>
      </c>
      <c r="U29238">
        <v>9</v>
      </c>
      <c r="V29238">
        <v>9</v>
      </c>
      <c r="W29238">
        <v>9</v>
      </c>
      <c r="X29238">
        <v>9</v>
      </c>
      <c r="Y29238">
        <v>9</v>
      </c>
      <c r="Z29238">
        <v>9</v>
      </c>
      <c r="AA29238">
        <v>9</v>
      </c>
      <c r="AB29238">
        <v>10</v>
      </c>
      <c r="AC29238">
        <v>10</v>
      </c>
      <c r="AD29238">
        <v>10</v>
      </c>
      <c r="AE29238">
        <v>10</v>
      </c>
      <c r="AF29238">
        <v>10</v>
      </c>
      <c r="AG29238">
        <v>10</v>
      </c>
      <c r="AH29238">
        <v>10</v>
      </c>
      <c r="AI29238">
        <v>10</v>
      </c>
      <c r="AJ29238">
        <v>10</v>
      </c>
      <c r="AK29238">
        <v>10</v>
      </c>
      <c r="AL29238">
        <v>10</v>
      </c>
      <c r="AM29238">
        <v>10</v>
      </c>
      <c r="AN29238">
        <v>10</v>
      </c>
      <c r="AO29238">
        <v>10</v>
      </c>
      <c r="AP29238">
        <v>10</v>
      </c>
      <c r="AQ29238">
        <v>10</v>
      </c>
    </row>
    <row r="29239" spans="1:43">
      <c r="A29239" t="s">
        <v>18105</v>
      </c>
      <c r="B29239" t="s">
        <v>18106</v>
      </c>
      <c r="C29239" t="s">
        <v>18095</v>
      </c>
      <c r="D29239" t="s">
        <v>18096</v>
      </c>
      <c r="E29239" t="s">
        <v>18039</v>
      </c>
      <c r="F29239" t="s">
        <v>18040</v>
      </c>
      <c r="G29239" t="s">
        <v>16559</v>
      </c>
      <c r="H29239" t="s">
        <v>16560</v>
      </c>
      <c r="I29239" s="2">
        <v>1</v>
      </c>
      <c r="J29239" s="2">
        <v>0</v>
      </c>
      <c r="K29239" s="2">
        <v>0</v>
      </c>
      <c r="L29239" t="s">
        <v>120</v>
      </c>
      <c r="M29239" t="s">
        <v>87</v>
      </c>
      <c r="N29239" t="s">
        <v>88</v>
      </c>
      <c r="O29239" t="s">
        <v>85</v>
      </c>
      <c r="P29239" t="s">
        <v>86</v>
      </c>
      <c r="Q29239">
        <v>9</v>
      </c>
      <c r="R29239">
        <v>9</v>
      </c>
      <c r="S29239">
        <v>9</v>
      </c>
      <c r="T29239">
        <v>9</v>
      </c>
      <c r="U29239">
        <v>9</v>
      </c>
      <c r="V29239">
        <v>9</v>
      </c>
      <c r="W29239">
        <v>9</v>
      </c>
      <c r="X29239">
        <v>9</v>
      </c>
      <c r="Y29239">
        <v>9</v>
      </c>
      <c r="Z29239">
        <v>9</v>
      </c>
      <c r="AA29239">
        <v>9</v>
      </c>
      <c r="AB29239">
        <v>9</v>
      </c>
      <c r="AC29239">
        <v>9</v>
      </c>
      <c r="AD29239">
        <v>9</v>
      </c>
      <c r="AE29239">
        <v>9</v>
      </c>
      <c r="AF29239">
        <v>9</v>
      </c>
      <c r="AG29239">
        <v>9</v>
      </c>
      <c r="AH29239">
        <v>9</v>
      </c>
      <c r="AI29239">
        <v>9</v>
      </c>
      <c r="AJ29239">
        <v>9</v>
      </c>
      <c r="AK29239">
        <v>9</v>
      </c>
      <c r="AL29239">
        <v>9</v>
      </c>
      <c r="AM29239">
        <v>9</v>
      </c>
      <c r="AN29239">
        <v>9</v>
      </c>
      <c r="AO29239">
        <v>9</v>
      </c>
      <c r="AP29239">
        <v>9</v>
      </c>
      <c r="AQ29239">
        <v>9</v>
      </c>
    </row>
    <row r="29240" spans="1:43">
      <c r="A29240" t="s">
        <v>18105</v>
      </c>
      <c r="B29240" t="s">
        <v>18106</v>
      </c>
      <c r="C29240" t="s">
        <v>18095</v>
      </c>
      <c r="D29240" t="s">
        <v>18096</v>
      </c>
      <c r="E29240" t="s">
        <v>18039</v>
      </c>
      <c r="F29240" t="s">
        <v>18040</v>
      </c>
      <c r="G29240" t="s">
        <v>16559</v>
      </c>
      <c r="H29240" t="s">
        <v>16560</v>
      </c>
      <c r="I29240" s="2">
        <v>1</v>
      </c>
      <c r="J29240" s="2">
        <v>0</v>
      </c>
      <c r="K29240" s="2">
        <v>0</v>
      </c>
      <c r="L29240" t="s">
        <v>120</v>
      </c>
      <c r="M29240" t="s">
        <v>89</v>
      </c>
      <c r="N29240" t="s">
        <v>90</v>
      </c>
      <c r="O29240" t="s">
        <v>85</v>
      </c>
      <c r="P29240" t="s">
        <v>86</v>
      </c>
      <c r="Q29240">
        <v>9</v>
      </c>
      <c r="R29240">
        <v>9</v>
      </c>
      <c r="S29240">
        <v>9</v>
      </c>
      <c r="T29240">
        <v>9</v>
      </c>
      <c r="U29240">
        <v>9</v>
      </c>
      <c r="V29240">
        <v>9</v>
      </c>
      <c r="W29240">
        <v>10</v>
      </c>
      <c r="X29240">
        <v>10</v>
      </c>
      <c r="Y29240">
        <v>10</v>
      </c>
      <c r="Z29240">
        <v>10</v>
      </c>
      <c r="AA29240">
        <v>10</v>
      </c>
      <c r="AB29240">
        <v>10</v>
      </c>
      <c r="AC29240">
        <v>10</v>
      </c>
      <c r="AD29240">
        <v>10</v>
      </c>
      <c r="AE29240">
        <v>10</v>
      </c>
      <c r="AF29240">
        <v>10</v>
      </c>
      <c r="AG29240">
        <v>10</v>
      </c>
      <c r="AH29240">
        <v>10</v>
      </c>
      <c r="AI29240">
        <v>10</v>
      </c>
      <c r="AJ29240">
        <v>10</v>
      </c>
      <c r="AK29240">
        <v>10</v>
      </c>
      <c r="AL29240">
        <v>10</v>
      </c>
      <c r="AM29240">
        <v>10</v>
      </c>
      <c r="AN29240">
        <v>10</v>
      </c>
      <c r="AO29240">
        <v>10</v>
      </c>
      <c r="AP29240">
        <v>10</v>
      </c>
      <c r="AQ29240">
        <v>10</v>
      </c>
    </row>
    <row r="29241" spans="1:43">
      <c r="A29241" t="s">
        <v>18105</v>
      </c>
      <c r="B29241" t="s">
        <v>18106</v>
      </c>
      <c r="C29241" t="s">
        <v>18095</v>
      </c>
      <c r="D29241" t="s">
        <v>18096</v>
      </c>
      <c r="E29241" t="s">
        <v>18039</v>
      </c>
      <c r="F29241" t="s">
        <v>18040</v>
      </c>
      <c r="G29241" t="s">
        <v>16559</v>
      </c>
      <c r="H29241" t="s">
        <v>16560</v>
      </c>
      <c r="I29241" s="2">
        <v>1</v>
      </c>
      <c r="J29241" s="2">
        <v>0</v>
      </c>
      <c r="K29241" s="2">
        <v>0</v>
      </c>
      <c r="L29241" t="s">
        <v>120</v>
      </c>
      <c r="M29241" t="s">
        <v>83</v>
      </c>
      <c r="N29241" t="s">
        <v>91</v>
      </c>
      <c r="O29241" t="s">
        <v>85</v>
      </c>
      <c r="P29241" t="s">
        <v>86</v>
      </c>
      <c r="Q29241">
        <v>9</v>
      </c>
      <c r="R29241">
        <v>9</v>
      </c>
      <c r="S29241">
        <v>9</v>
      </c>
      <c r="T29241">
        <v>9</v>
      </c>
      <c r="U29241">
        <v>9</v>
      </c>
      <c r="V29241">
        <v>9</v>
      </c>
      <c r="W29241">
        <v>9</v>
      </c>
      <c r="X29241">
        <v>9</v>
      </c>
      <c r="Y29241">
        <v>9</v>
      </c>
      <c r="Z29241">
        <v>9</v>
      </c>
      <c r="AA29241">
        <v>9</v>
      </c>
      <c r="AB29241">
        <v>10</v>
      </c>
      <c r="AC29241">
        <v>10</v>
      </c>
      <c r="AD29241">
        <v>10</v>
      </c>
      <c r="AE29241">
        <v>10</v>
      </c>
      <c r="AF29241">
        <v>10</v>
      </c>
      <c r="AG29241">
        <v>10</v>
      </c>
      <c r="AH29241">
        <v>10</v>
      </c>
      <c r="AI29241">
        <v>10</v>
      </c>
      <c r="AJ29241">
        <v>10</v>
      </c>
      <c r="AK29241">
        <v>10</v>
      </c>
      <c r="AL29241">
        <v>10</v>
      </c>
      <c r="AM29241">
        <v>10</v>
      </c>
      <c r="AN29241">
        <v>10</v>
      </c>
      <c r="AO29241">
        <v>10</v>
      </c>
      <c r="AP29241">
        <v>10</v>
      </c>
      <c r="AQ29241">
        <v>10</v>
      </c>
    </row>
    <row r="29242" spans="1:43">
      <c r="A29242" t="s">
        <v>18107</v>
      </c>
      <c r="B29242" t="s">
        <v>18108</v>
      </c>
      <c r="C29242" t="s">
        <v>18095</v>
      </c>
      <c r="D29242" t="s">
        <v>18096</v>
      </c>
      <c r="E29242" t="s">
        <v>18039</v>
      </c>
      <c r="F29242" t="s">
        <v>18040</v>
      </c>
      <c r="G29242" t="s">
        <v>16559</v>
      </c>
      <c r="H29242" t="s">
        <v>16560</v>
      </c>
      <c r="I29242" s="2">
        <v>1</v>
      </c>
      <c r="J29242" s="2">
        <v>0</v>
      </c>
      <c r="K29242" s="2">
        <v>0</v>
      </c>
      <c r="L29242" t="s">
        <v>120</v>
      </c>
      <c r="M29242" t="s">
        <v>83</v>
      </c>
      <c r="N29242" t="s">
        <v>84</v>
      </c>
      <c r="O29242" t="s">
        <v>85</v>
      </c>
      <c r="P29242" t="s">
        <v>86</v>
      </c>
      <c r="Q29242">
        <v>21</v>
      </c>
      <c r="R29242">
        <v>21</v>
      </c>
      <c r="S29242">
        <v>21</v>
      </c>
      <c r="T29242">
        <v>22</v>
      </c>
      <c r="U29242">
        <v>22</v>
      </c>
      <c r="V29242">
        <v>22</v>
      </c>
      <c r="W29242">
        <v>22</v>
      </c>
      <c r="X29242">
        <v>23</v>
      </c>
      <c r="Y29242">
        <v>23</v>
      </c>
      <c r="Z29242">
        <v>23</v>
      </c>
      <c r="AA29242">
        <v>23</v>
      </c>
      <c r="AB29242">
        <v>23</v>
      </c>
      <c r="AC29242">
        <v>24</v>
      </c>
      <c r="AD29242">
        <v>24</v>
      </c>
      <c r="AE29242">
        <v>24</v>
      </c>
      <c r="AF29242">
        <v>24</v>
      </c>
      <c r="AG29242">
        <v>24</v>
      </c>
      <c r="AH29242">
        <v>25</v>
      </c>
      <c r="AI29242">
        <v>25</v>
      </c>
      <c r="AJ29242">
        <v>25</v>
      </c>
      <c r="AK29242">
        <v>25</v>
      </c>
      <c r="AL29242">
        <v>25</v>
      </c>
      <c r="AM29242">
        <v>25</v>
      </c>
      <c r="AN29242">
        <v>25</v>
      </c>
      <c r="AO29242">
        <v>25</v>
      </c>
      <c r="AP29242">
        <v>25</v>
      </c>
      <c r="AQ29242">
        <v>25</v>
      </c>
    </row>
    <row r="29243" spans="1:43">
      <c r="A29243" t="s">
        <v>18107</v>
      </c>
      <c r="B29243" t="s">
        <v>18108</v>
      </c>
      <c r="C29243" t="s">
        <v>18095</v>
      </c>
      <c r="D29243" t="s">
        <v>18096</v>
      </c>
      <c r="E29243" t="s">
        <v>18039</v>
      </c>
      <c r="F29243" t="s">
        <v>18040</v>
      </c>
      <c r="G29243" t="s">
        <v>16559</v>
      </c>
      <c r="H29243" t="s">
        <v>16560</v>
      </c>
      <c r="I29243" s="2">
        <v>1</v>
      </c>
      <c r="J29243" s="2">
        <v>0</v>
      </c>
      <c r="K29243" s="2">
        <v>0</v>
      </c>
      <c r="L29243" t="s">
        <v>120</v>
      </c>
      <c r="M29243" t="s">
        <v>87</v>
      </c>
      <c r="N29243" t="s">
        <v>88</v>
      </c>
      <c r="O29243" t="s">
        <v>85</v>
      </c>
      <c r="P29243" t="s">
        <v>86</v>
      </c>
      <c r="Q29243">
        <v>21</v>
      </c>
      <c r="R29243">
        <v>21</v>
      </c>
      <c r="S29243">
        <v>21</v>
      </c>
      <c r="T29243">
        <v>21</v>
      </c>
      <c r="U29243">
        <v>21</v>
      </c>
      <c r="V29243">
        <v>21</v>
      </c>
      <c r="W29243">
        <v>21</v>
      </c>
      <c r="X29243">
        <v>21</v>
      </c>
      <c r="Y29243">
        <v>21</v>
      </c>
      <c r="Z29243">
        <v>21</v>
      </c>
      <c r="AA29243">
        <v>21</v>
      </c>
      <c r="AB29243">
        <v>21</v>
      </c>
      <c r="AC29243">
        <v>21</v>
      </c>
      <c r="AD29243">
        <v>21</v>
      </c>
      <c r="AE29243">
        <v>21</v>
      </c>
      <c r="AF29243">
        <v>21</v>
      </c>
      <c r="AG29243">
        <v>21</v>
      </c>
      <c r="AH29243">
        <v>21</v>
      </c>
      <c r="AI29243">
        <v>21</v>
      </c>
      <c r="AJ29243">
        <v>22</v>
      </c>
      <c r="AK29243">
        <v>22</v>
      </c>
      <c r="AL29243">
        <v>22</v>
      </c>
      <c r="AM29243">
        <v>22</v>
      </c>
      <c r="AN29243">
        <v>22</v>
      </c>
      <c r="AO29243">
        <v>22</v>
      </c>
      <c r="AP29243">
        <v>22</v>
      </c>
      <c r="AQ29243">
        <v>22</v>
      </c>
    </row>
    <row r="29244" spans="1:43">
      <c r="A29244" t="s">
        <v>18107</v>
      </c>
      <c r="B29244" t="s">
        <v>18108</v>
      </c>
      <c r="C29244" t="s">
        <v>18095</v>
      </c>
      <c r="D29244" t="s">
        <v>18096</v>
      </c>
      <c r="E29244" t="s">
        <v>18039</v>
      </c>
      <c r="F29244" t="s">
        <v>18040</v>
      </c>
      <c r="G29244" t="s">
        <v>16559</v>
      </c>
      <c r="H29244" t="s">
        <v>16560</v>
      </c>
      <c r="I29244" s="2">
        <v>1</v>
      </c>
      <c r="J29244" s="2">
        <v>0</v>
      </c>
      <c r="K29244" s="2">
        <v>0</v>
      </c>
      <c r="L29244" t="s">
        <v>120</v>
      </c>
      <c r="M29244" t="s">
        <v>89</v>
      </c>
      <c r="N29244" t="s">
        <v>90</v>
      </c>
      <c r="O29244" t="s">
        <v>85</v>
      </c>
      <c r="P29244" t="s">
        <v>86</v>
      </c>
      <c r="Q29244">
        <v>21</v>
      </c>
      <c r="R29244">
        <v>22</v>
      </c>
      <c r="S29244">
        <v>22</v>
      </c>
      <c r="T29244">
        <v>22</v>
      </c>
      <c r="U29244">
        <v>23</v>
      </c>
      <c r="V29244">
        <v>23</v>
      </c>
      <c r="W29244">
        <v>23</v>
      </c>
      <c r="X29244">
        <v>24</v>
      </c>
      <c r="Y29244">
        <v>24</v>
      </c>
      <c r="Z29244">
        <v>24</v>
      </c>
      <c r="AA29244">
        <v>25</v>
      </c>
      <c r="AB29244">
        <v>25</v>
      </c>
      <c r="AC29244">
        <v>25</v>
      </c>
      <c r="AD29244">
        <v>26</v>
      </c>
      <c r="AE29244">
        <v>26</v>
      </c>
      <c r="AF29244">
        <v>26</v>
      </c>
      <c r="AG29244">
        <v>26</v>
      </c>
      <c r="AH29244">
        <v>26</v>
      </c>
      <c r="AI29244">
        <v>26</v>
      </c>
      <c r="AJ29244">
        <v>25</v>
      </c>
      <c r="AK29244">
        <v>25</v>
      </c>
      <c r="AL29244">
        <v>25</v>
      </c>
      <c r="AM29244">
        <v>25</v>
      </c>
      <c r="AN29244">
        <v>25</v>
      </c>
      <c r="AO29244">
        <v>25</v>
      </c>
      <c r="AP29244">
        <v>25</v>
      </c>
      <c r="AQ29244">
        <v>25</v>
      </c>
    </row>
    <row r="29245" spans="1:43">
      <c r="A29245" t="s">
        <v>18107</v>
      </c>
      <c r="B29245" t="s">
        <v>18108</v>
      </c>
      <c r="C29245" t="s">
        <v>18095</v>
      </c>
      <c r="D29245" t="s">
        <v>18096</v>
      </c>
      <c r="E29245" t="s">
        <v>18039</v>
      </c>
      <c r="F29245" t="s">
        <v>18040</v>
      </c>
      <c r="G29245" t="s">
        <v>16559</v>
      </c>
      <c r="H29245" t="s">
        <v>16560</v>
      </c>
      <c r="I29245" s="2">
        <v>1</v>
      </c>
      <c r="J29245" s="2">
        <v>0</v>
      </c>
      <c r="K29245" s="2">
        <v>0</v>
      </c>
      <c r="L29245" t="s">
        <v>120</v>
      </c>
      <c r="M29245" t="s">
        <v>83</v>
      </c>
      <c r="N29245" t="s">
        <v>91</v>
      </c>
      <c r="O29245" t="s">
        <v>85</v>
      </c>
      <c r="P29245" t="s">
        <v>86</v>
      </c>
      <c r="Q29245">
        <v>21</v>
      </c>
      <c r="R29245">
        <v>21</v>
      </c>
      <c r="S29245">
        <v>21</v>
      </c>
      <c r="T29245">
        <v>22</v>
      </c>
      <c r="U29245">
        <v>22</v>
      </c>
      <c r="V29245">
        <v>22</v>
      </c>
      <c r="W29245">
        <v>22</v>
      </c>
      <c r="X29245">
        <v>23</v>
      </c>
      <c r="Y29245">
        <v>23</v>
      </c>
      <c r="Z29245">
        <v>23</v>
      </c>
      <c r="AA29245">
        <v>23</v>
      </c>
      <c r="AB29245">
        <v>23</v>
      </c>
      <c r="AC29245">
        <v>24</v>
      </c>
      <c r="AD29245">
        <v>24</v>
      </c>
      <c r="AE29245">
        <v>24</v>
      </c>
      <c r="AF29245">
        <v>24</v>
      </c>
      <c r="AG29245">
        <v>24</v>
      </c>
      <c r="AH29245">
        <v>25</v>
      </c>
      <c r="AI29245">
        <v>25</v>
      </c>
      <c r="AJ29245">
        <v>25</v>
      </c>
      <c r="AK29245">
        <v>25</v>
      </c>
      <c r="AL29245">
        <v>25</v>
      </c>
      <c r="AM29245">
        <v>25</v>
      </c>
      <c r="AN29245">
        <v>25</v>
      </c>
      <c r="AO29245">
        <v>25</v>
      </c>
      <c r="AP29245">
        <v>25</v>
      </c>
      <c r="AQ29245">
        <v>25</v>
      </c>
    </row>
    <row r="29246" spans="1:43">
      <c r="A29246" t="s">
        <v>18109</v>
      </c>
      <c r="B29246" t="s">
        <v>18110</v>
      </c>
      <c r="C29246" t="s">
        <v>18089</v>
      </c>
      <c r="D29246" t="s">
        <v>18090</v>
      </c>
      <c r="E29246" t="s">
        <v>18039</v>
      </c>
      <c r="F29246" t="s">
        <v>18040</v>
      </c>
      <c r="G29246" t="s">
        <v>16559</v>
      </c>
      <c r="H29246" t="s">
        <v>16560</v>
      </c>
      <c r="I29246" s="2">
        <v>1</v>
      </c>
      <c r="J29246" s="2">
        <v>0</v>
      </c>
      <c r="K29246" s="2">
        <v>0</v>
      </c>
      <c r="L29246" t="s">
        <v>120</v>
      </c>
      <c r="M29246" t="s">
        <v>83</v>
      </c>
      <c r="N29246" t="s">
        <v>84</v>
      </c>
      <c r="O29246" t="s">
        <v>85</v>
      </c>
      <c r="P29246" t="s">
        <v>86</v>
      </c>
      <c r="Q29246">
        <v>15</v>
      </c>
      <c r="R29246">
        <v>16</v>
      </c>
      <c r="S29246">
        <v>16</v>
      </c>
      <c r="T29246">
        <v>16</v>
      </c>
      <c r="U29246">
        <v>16</v>
      </c>
      <c r="V29246">
        <v>16</v>
      </c>
      <c r="W29246">
        <v>16</v>
      </c>
      <c r="X29246">
        <v>17</v>
      </c>
      <c r="Y29246">
        <v>17</v>
      </c>
      <c r="Z29246">
        <v>17</v>
      </c>
      <c r="AA29246">
        <v>17</v>
      </c>
      <c r="AB29246">
        <v>17</v>
      </c>
      <c r="AC29246">
        <v>17</v>
      </c>
      <c r="AD29246">
        <v>17</v>
      </c>
      <c r="AE29246">
        <v>18</v>
      </c>
      <c r="AF29246">
        <v>18</v>
      </c>
      <c r="AG29246">
        <v>18</v>
      </c>
      <c r="AH29246">
        <v>18</v>
      </c>
      <c r="AI29246">
        <v>18</v>
      </c>
      <c r="AJ29246">
        <v>18</v>
      </c>
      <c r="AK29246">
        <v>19</v>
      </c>
      <c r="AL29246">
        <v>19</v>
      </c>
      <c r="AM29246">
        <v>19</v>
      </c>
      <c r="AN29246">
        <v>19</v>
      </c>
      <c r="AO29246">
        <v>19</v>
      </c>
      <c r="AP29246">
        <v>19</v>
      </c>
      <c r="AQ29246">
        <v>18</v>
      </c>
    </row>
    <row r="29247" spans="1:43">
      <c r="A29247" t="s">
        <v>18109</v>
      </c>
      <c r="B29247" t="s">
        <v>18110</v>
      </c>
      <c r="C29247" t="s">
        <v>18089</v>
      </c>
      <c r="D29247" t="s">
        <v>18090</v>
      </c>
      <c r="E29247" t="s">
        <v>18039</v>
      </c>
      <c r="F29247" t="s">
        <v>18040</v>
      </c>
      <c r="G29247" t="s">
        <v>16559</v>
      </c>
      <c r="H29247" t="s">
        <v>16560</v>
      </c>
      <c r="I29247" s="2">
        <v>1</v>
      </c>
      <c r="J29247" s="2">
        <v>0</v>
      </c>
      <c r="K29247" s="2">
        <v>0</v>
      </c>
      <c r="L29247" t="s">
        <v>120</v>
      </c>
      <c r="M29247" t="s">
        <v>87</v>
      </c>
      <c r="N29247" t="s">
        <v>88</v>
      </c>
      <c r="O29247" t="s">
        <v>85</v>
      </c>
      <c r="P29247" t="s">
        <v>86</v>
      </c>
      <c r="Q29247">
        <v>15</v>
      </c>
      <c r="R29247">
        <v>15</v>
      </c>
      <c r="S29247">
        <v>15</v>
      </c>
      <c r="T29247">
        <v>15</v>
      </c>
      <c r="U29247">
        <v>15</v>
      </c>
      <c r="V29247">
        <v>15</v>
      </c>
      <c r="W29247">
        <v>15</v>
      </c>
      <c r="X29247">
        <v>15</v>
      </c>
      <c r="Y29247">
        <v>15</v>
      </c>
      <c r="Z29247">
        <v>15</v>
      </c>
      <c r="AA29247">
        <v>16</v>
      </c>
      <c r="AB29247">
        <v>16</v>
      </c>
      <c r="AC29247">
        <v>16</v>
      </c>
      <c r="AD29247">
        <v>16</v>
      </c>
      <c r="AE29247">
        <v>16</v>
      </c>
      <c r="AF29247">
        <v>16</v>
      </c>
      <c r="AG29247">
        <v>16</v>
      </c>
      <c r="AH29247">
        <v>16</v>
      </c>
      <c r="AI29247">
        <v>16</v>
      </c>
      <c r="AJ29247">
        <v>16</v>
      </c>
      <c r="AK29247">
        <v>16</v>
      </c>
      <c r="AL29247">
        <v>16</v>
      </c>
      <c r="AM29247">
        <v>16</v>
      </c>
      <c r="AN29247">
        <v>16</v>
      </c>
      <c r="AO29247">
        <v>16</v>
      </c>
      <c r="AP29247">
        <v>16</v>
      </c>
      <c r="AQ29247">
        <v>16</v>
      </c>
    </row>
    <row r="29248" spans="1:43">
      <c r="A29248" t="s">
        <v>18109</v>
      </c>
      <c r="B29248" t="s">
        <v>18110</v>
      </c>
      <c r="C29248" t="s">
        <v>18089</v>
      </c>
      <c r="D29248" t="s">
        <v>18090</v>
      </c>
      <c r="E29248" t="s">
        <v>18039</v>
      </c>
      <c r="F29248" t="s">
        <v>18040</v>
      </c>
      <c r="G29248" t="s">
        <v>16559</v>
      </c>
      <c r="H29248" t="s">
        <v>16560</v>
      </c>
      <c r="I29248" s="2">
        <v>1</v>
      </c>
      <c r="J29248" s="2">
        <v>0</v>
      </c>
      <c r="K29248" s="2">
        <v>0</v>
      </c>
      <c r="L29248" t="s">
        <v>120</v>
      </c>
      <c r="M29248" t="s">
        <v>89</v>
      </c>
      <c r="N29248" t="s">
        <v>90</v>
      </c>
      <c r="O29248" t="s">
        <v>85</v>
      </c>
      <c r="P29248" t="s">
        <v>86</v>
      </c>
      <c r="Q29248">
        <v>15</v>
      </c>
      <c r="R29248">
        <v>16</v>
      </c>
      <c r="S29248">
        <v>16</v>
      </c>
      <c r="T29248">
        <v>16</v>
      </c>
      <c r="U29248">
        <v>17</v>
      </c>
      <c r="V29248">
        <v>17</v>
      </c>
      <c r="W29248">
        <v>17</v>
      </c>
      <c r="X29248">
        <v>17</v>
      </c>
      <c r="Y29248">
        <v>18</v>
      </c>
      <c r="Z29248">
        <v>18</v>
      </c>
      <c r="AA29248">
        <v>18</v>
      </c>
      <c r="AB29248">
        <v>18</v>
      </c>
      <c r="AC29248">
        <v>19</v>
      </c>
      <c r="AD29248">
        <v>19</v>
      </c>
      <c r="AE29248">
        <v>19</v>
      </c>
      <c r="AF29248">
        <v>19</v>
      </c>
      <c r="AG29248">
        <v>19</v>
      </c>
      <c r="AH29248">
        <v>19</v>
      </c>
      <c r="AI29248">
        <v>19</v>
      </c>
      <c r="AJ29248">
        <v>19</v>
      </c>
      <c r="AK29248">
        <v>19</v>
      </c>
      <c r="AL29248">
        <v>19</v>
      </c>
      <c r="AM29248">
        <v>19</v>
      </c>
      <c r="AN29248">
        <v>19</v>
      </c>
      <c r="AO29248">
        <v>19</v>
      </c>
      <c r="AP29248">
        <v>19</v>
      </c>
      <c r="AQ29248">
        <v>19</v>
      </c>
    </row>
    <row r="29249" spans="1:43">
      <c r="A29249" t="s">
        <v>18109</v>
      </c>
      <c r="B29249" t="s">
        <v>18110</v>
      </c>
      <c r="C29249" t="s">
        <v>18089</v>
      </c>
      <c r="D29249" t="s">
        <v>18090</v>
      </c>
      <c r="E29249" t="s">
        <v>18039</v>
      </c>
      <c r="F29249" t="s">
        <v>18040</v>
      </c>
      <c r="G29249" t="s">
        <v>16559</v>
      </c>
      <c r="H29249" t="s">
        <v>16560</v>
      </c>
      <c r="I29249" s="2">
        <v>1</v>
      </c>
      <c r="J29249" s="2">
        <v>0</v>
      </c>
      <c r="K29249" s="2">
        <v>0</v>
      </c>
      <c r="L29249" t="s">
        <v>120</v>
      </c>
      <c r="M29249" t="s">
        <v>83</v>
      </c>
      <c r="N29249" t="s">
        <v>91</v>
      </c>
      <c r="O29249" t="s">
        <v>85</v>
      </c>
      <c r="P29249" t="s">
        <v>86</v>
      </c>
      <c r="Q29249">
        <v>15</v>
      </c>
      <c r="R29249">
        <v>16</v>
      </c>
      <c r="S29249">
        <v>16</v>
      </c>
      <c r="T29249">
        <v>16</v>
      </c>
      <c r="U29249">
        <v>16</v>
      </c>
      <c r="V29249">
        <v>16</v>
      </c>
      <c r="W29249">
        <v>16</v>
      </c>
      <c r="X29249">
        <v>17</v>
      </c>
      <c r="Y29249">
        <v>17</v>
      </c>
      <c r="Z29249">
        <v>17</v>
      </c>
      <c r="AA29249">
        <v>17</v>
      </c>
      <c r="AB29249">
        <v>17</v>
      </c>
      <c r="AC29249">
        <v>17</v>
      </c>
      <c r="AD29249">
        <v>17</v>
      </c>
      <c r="AE29249">
        <v>18</v>
      </c>
      <c r="AF29249">
        <v>18</v>
      </c>
      <c r="AG29249">
        <v>18</v>
      </c>
      <c r="AH29249">
        <v>18</v>
      </c>
      <c r="AI29249">
        <v>18</v>
      </c>
      <c r="AJ29249">
        <v>18</v>
      </c>
      <c r="AK29249">
        <v>19</v>
      </c>
      <c r="AL29249">
        <v>19</v>
      </c>
      <c r="AM29249">
        <v>19</v>
      </c>
      <c r="AN29249">
        <v>19</v>
      </c>
      <c r="AO29249">
        <v>19</v>
      </c>
      <c r="AP29249">
        <v>19</v>
      </c>
      <c r="AQ29249">
        <v>18</v>
      </c>
    </row>
    <row r="29250" spans="1:43">
      <c r="A29250" t="s">
        <v>18111</v>
      </c>
      <c r="B29250" t="s">
        <v>18112</v>
      </c>
      <c r="C29250" t="s">
        <v>18113</v>
      </c>
      <c r="D29250" t="s">
        <v>18114</v>
      </c>
      <c r="E29250" t="s">
        <v>18039</v>
      </c>
      <c r="F29250" t="s">
        <v>18040</v>
      </c>
      <c r="G29250" t="s">
        <v>16559</v>
      </c>
      <c r="H29250" t="s">
        <v>16560</v>
      </c>
      <c r="I29250" s="2">
        <v>1</v>
      </c>
      <c r="J29250" s="2">
        <v>0</v>
      </c>
      <c r="K29250" s="2">
        <v>0</v>
      </c>
      <c r="L29250" t="s">
        <v>120</v>
      </c>
      <c r="M29250" t="s">
        <v>83</v>
      </c>
      <c r="N29250" t="s">
        <v>84</v>
      </c>
      <c r="O29250" t="s">
        <v>85</v>
      </c>
      <c r="P29250" t="s">
        <v>86</v>
      </c>
      <c r="Q29250">
        <v>29</v>
      </c>
      <c r="R29250">
        <v>29</v>
      </c>
      <c r="S29250">
        <v>29</v>
      </c>
      <c r="T29250">
        <v>30</v>
      </c>
      <c r="U29250">
        <v>30</v>
      </c>
      <c r="V29250">
        <v>30</v>
      </c>
      <c r="W29250">
        <v>30</v>
      </c>
      <c r="X29250">
        <v>31</v>
      </c>
      <c r="Y29250">
        <v>31</v>
      </c>
      <c r="Z29250">
        <v>31</v>
      </c>
      <c r="AA29250">
        <v>31</v>
      </c>
      <c r="AB29250">
        <v>32</v>
      </c>
      <c r="AC29250">
        <v>32</v>
      </c>
      <c r="AD29250">
        <v>32</v>
      </c>
      <c r="AE29250">
        <v>33</v>
      </c>
      <c r="AF29250">
        <v>33</v>
      </c>
      <c r="AG29250">
        <v>33</v>
      </c>
      <c r="AH29250">
        <v>33</v>
      </c>
      <c r="AI29250">
        <v>34</v>
      </c>
      <c r="AJ29250">
        <v>34</v>
      </c>
      <c r="AK29250">
        <v>34</v>
      </c>
      <c r="AL29250">
        <v>34</v>
      </c>
      <c r="AM29250">
        <v>34</v>
      </c>
      <c r="AN29250">
        <v>34</v>
      </c>
      <c r="AO29250">
        <v>34</v>
      </c>
      <c r="AP29250">
        <v>34</v>
      </c>
      <c r="AQ29250">
        <v>34</v>
      </c>
    </row>
    <row r="29251" spans="1:43">
      <c r="A29251" t="s">
        <v>18111</v>
      </c>
      <c r="B29251" t="s">
        <v>18112</v>
      </c>
      <c r="C29251" t="s">
        <v>18113</v>
      </c>
      <c r="D29251" t="s">
        <v>18114</v>
      </c>
      <c r="E29251" t="s">
        <v>18039</v>
      </c>
      <c r="F29251" t="s">
        <v>18040</v>
      </c>
      <c r="G29251" t="s">
        <v>16559</v>
      </c>
      <c r="H29251" t="s">
        <v>16560</v>
      </c>
      <c r="I29251" s="2">
        <v>1</v>
      </c>
      <c r="J29251" s="2">
        <v>0</v>
      </c>
      <c r="K29251" s="2">
        <v>0</v>
      </c>
      <c r="L29251" t="s">
        <v>120</v>
      </c>
      <c r="M29251" t="s">
        <v>87</v>
      </c>
      <c r="N29251" t="s">
        <v>88</v>
      </c>
      <c r="O29251" t="s">
        <v>85</v>
      </c>
      <c r="P29251" t="s">
        <v>86</v>
      </c>
      <c r="Q29251">
        <v>29</v>
      </c>
      <c r="R29251">
        <v>29</v>
      </c>
      <c r="S29251">
        <v>29</v>
      </c>
      <c r="T29251">
        <v>29</v>
      </c>
      <c r="U29251">
        <v>29</v>
      </c>
      <c r="V29251">
        <v>30</v>
      </c>
      <c r="W29251">
        <v>30</v>
      </c>
      <c r="X29251">
        <v>30</v>
      </c>
      <c r="Y29251">
        <v>30</v>
      </c>
      <c r="Z29251">
        <v>30</v>
      </c>
      <c r="AA29251">
        <v>30</v>
      </c>
      <c r="AB29251">
        <v>30</v>
      </c>
      <c r="AC29251">
        <v>30</v>
      </c>
      <c r="AD29251">
        <v>30</v>
      </c>
      <c r="AE29251">
        <v>30</v>
      </c>
      <c r="AF29251">
        <v>30</v>
      </c>
      <c r="AG29251">
        <v>30</v>
      </c>
      <c r="AH29251">
        <v>30</v>
      </c>
      <c r="AI29251">
        <v>30</v>
      </c>
      <c r="AJ29251">
        <v>30</v>
      </c>
      <c r="AK29251">
        <v>30</v>
      </c>
      <c r="AL29251">
        <v>30</v>
      </c>
      <c r="AM29251">
        <v>30</v>
      </c>
      <c r="AN29251">
        <v>30</v>
      </c>
      <c r="AO29251">
        <v>30</v>
      </c>
      <c r="AP29251">
        <v>31</v>
      </c>
      <c r="AQ29251">
        <v>31</v>
      </c>
    </row>
    <row r="29252" spans="1:43">
      <c r="A29252" t="s">
        <v>18111</v>
      </c>
      <c r="B29252" t="s">
        <v>18112</v>
      </c>
      <c r="C29252" t="s">
        <v>18113</v>
      </c>
      <c r="D29252" t="s">
        <v>18114</v>
      </c>
      <c r="E29252" t="s">
        <v>18039</v>
      </c>
      <c r="F29252" t="s">
        <v>18040</v>
      </c>
      <c r="G29252" t="s">
        <v>16559</v>
      </c>
      <c r="H29252" t="s">
        <v>16560</v>
      </c>
      <c r="I29252" s="2">
        <v>1</v>
      </c>
      <c r="J29252" s="2">
        <v>0</v>
      </c>
      <c r="K29252" s="2">
        <v>0</v>
      </c>
      <c r="L29252" t="s">
        <v>120</v>
      </c>
      <c r="M29252" t="s">
        <v>89</v>
      </c>
      <c r="N29252" t="s">
        <v>90</v>
      </c>
      <c r="O29252" t="s">
        <v>85</v>
      </c>
      <c r="P29252" t="s">
        <v>86</v>
      </c>
      <c r="Q29252">
        <v>29</v>
      </c>
      <c r="R29252">
        <v>29</v>
      </c>
      <c r="S29252">
        <v>30</v>
      </c>
      <c r="T29252">
        <v>30</v>
      </c>
      <c r="U29252">
        <v>31</v>
      </c>
      <c r="V29252">
        <v>31</v>
      </c>
      <c r="W29252">
        <v>32</v>
      </c>
      <c r="X29252">
        <v>32</v>
      </c>
      <c r="Y29252">
        <v>33</v>
      </c>
      <c r="Z29252">
        <v>33</v>
      </c>
      <c r="AA29252">
        <v>33</v>
      </c>
      <c r="AB29252">
        <v>34</v>
      </c>
      <c r="AC29252">
        <v>34</v>
      </c>
      <c r="AD29252">
        <v>35</v>
      </c>
      <c r="AE29252">
        <v>35</v>
      </c>
      <c r="AF29252">
        <v>35</v>
      </c>
      <c r="AG29252">
        <v>35</v>
      </c>
      <c r="AH29252">
        <v>35</v>
      </c>
      <c r="AI29252">
        <v>35</v>
      </c>
      <c r="AJ29252">
        <v>35</v>
      </c>
      <c r="AK29252">
        <v>34</v>
      </c>
      <c r="AL29252">
        <v>34</v>
      </c>
      <c r="AM29252">
        <v>34</v>
      </c>
      <c r="AN29252">
        <v>34</v>
      </c>
      <c r="AO29252">
        <v>34</v>
      </c>
      <c r="AP29252">
        <v>34</v>
      </c>
      <c r="AQ29252">
        <v>34</v>
      </c>
    </row>
    <row r="29253" spans="1:43">
      <c r="A29253" t="s">
        <v>18111</v>
      </c>
      <c r="B29253" t="s">
        <v>18112</v>
      </c>
      <c r="C29253" t="s">
        <v>18113</v>
      </c>
      <c r="D29253" t="s">
        <v>18114</v>
      </c>
      <c r="E29253" t="s">
        <v>18039</v>
      </c>
      <c r="F29253" t="s">
        <v>18040</v>
      </c>
      <c r="G29253" t="s">
        <v>16559</v>
      </c>
      <c r="H29253" t="s">
        <v>16560</v>
      </c>
      <c r="I29253" s="2">
        <v>1</v>
      </c>
      <c r="J29253" s="2">
        <v>0</v>
      </c>
      <c r="K29253" s="2">
        <v>0</v>
      </c>
      <c r="L29253" t="s">
        <v>120</v>
      </c>
      <c r="M29253" t="s">
        <v>83</v>
      </c>
      <c r="N29253" t="s">
        <v>91</v>
      </c>
      <c r="O29253" t="s">
        <v>85</v>
      </c>
      <c r="P29253" t="s">
        <v>86</v>
      </c>
      <c r="Q29253">
        <v>29</v>
      </c>
      <c r="R29253">
        <v>29</v>
      </c>
      <c r="S29253">
        <v>29</v>
      </c>
      <c r="T29253">
        <v>30</v>
      </c>
      <c r="U29253">
        <v>30</v>
      </c>
      <c r="V29253">
        <v>30</v>
      </c>
      <c r="W29253">
        <v>30</v>
      </c>
      <c r="X29253">
        <v>31</v>
      </c>
      <c r="Y29253">
        <v>31</v>
      </c>
      <c r="Z29253">
        <v>31</v>
      </c>
      <c r="AA29253">
        <v>31</v>
      </c>
      <c r="AB29253">
        <v>32</v>
      </c>
      <c r="AC29253">
        <v>32</v>
      </c>
      <c r="AD29253">
        <v>32</v>
      </c>
      <c r="AE29253">
        <v>33</v>
      </c>
      <c r="AF29253">
        <v>33</v>
      </c>
      <c r="AG29253">
        <v>33</v>
      </c>
      <c r="AH29253">
        <v>33</v>
      </c>
      <c r="AI29253">
        <v>34</v>
      </c>
      <c r="AJ29253">
        <v>34</v>
      </c>
      <c r="AK29253">
        <v>34</v>
      </c>
      <c r="AL29253">
        <v>34</v>
      </c>
      <c r="AM29253">
        <v>34</v>
      </c>
      <c r="AN29253">
        <v>34</v>
      </c>
      <c r="AO29253">
        <v>34</v>
      </c>
      <c r="AP29253">
        <v>34</v>
      </c>
      <c r="AQ29253">
        <v>34</v>
      </c>
    </row>
    <row r="29254" spans="1:43">
      <c r="A29254" t="s">
        <v>18115</v>
      </c>
      <c r="B29254" t="s">
        <v>18116</v>
      </c>
      <c r="C29254" t="s">
        <v>18113</v>
      </c>
      <c r="D29254" t="s">
        <v>18114</v>
      </c>
      <c r="E29254" t="s">
        <v>18039</v>
      </c>
      <c r="F29254" t="s">
        <v>18040</v>
      </c>
      <c r="G29254" t="s">
        <v>16559</v>
      </c>
      <c r="H29254" t="s">
        <v>16560</v>
      </c>
      <c r="I29254" s="2">
        <v>1</v>
      </c>
      <c r="J29254" s="2">
        <v>0</v>
      </c>
      <c r="K29254" s="2">
        <v>0</v>
      </c>
      <c r="L29254" t="s">
        <v>120</v>
      </c>
      <c r="M29254" t="s">
        <v>83</v>
      </c>
      <c r="N29254" t="s">
        <v>84</v>
      </c>
      <c r="O29254" t="s">
        <v>85</v>
      </c>
      <c r="P29254" t="s">
        <v>86</v>
      </c>
      <c r="Q29254">
        <v>42</v>
      </c>
      <c r="R29254">
        <v>42</v>
      </c>
      <c r="S29254">
        <v>43</v>
      </c>
      <c r="T29254">
        <v>43</v>
      </c>
      <c r="U29254">
        <v>43</v>
      </c>
      <c r="V29254">
        <v>44</v>
      </c>
      <c r="W29254">
        <v>44</v>
      </c>
      <c r="X29254">
        <v>45</v>
      </c>
      <c r="Y29254">
        <v>45</v>
      </c>
      <c r="Z29254">
        <v>46</v>
      </c>
      <c r="AA29254">
        <v>46</v>
      </c>
      <c r="AB29254">
        <v>46</v>
      </c>
      <c r="AC29254">
        <v>47</v>
      </c>
      <c r="AD29254">
        <v>47</v>
      </c>
      <c r="AE29254">
        <v>47</v>
      </c>
      <c r="AF29254">
        <v>48</v>
      </c>
      <c r="AG29254">
        <v>48</v>
      </c>
      <c r="AH29254">
        <v>49</v>
      </c>
      <c r="AI29254">
        <v>49</v>
      </c>
      <c r="AJ29254">
        <v>49</v>
      </c>
      <c r="AK29254">
        <v>50</v>
      </c>
      <c r="AL29254">
        <v>50</v>
      </c>
      <c r="AM29254">
        <v>50</v>
      </c>
      <c r="AN29254">
        <v>50</v>
      </c>
      <c r="AO29254">
        <v>50</v>
      </c>
      <c r="AP29254">
        <v>49</v>
      </c>
      <c r="AQ29254">
        <v>49</v>
      </c>
    </row>
    <row r="29255" spans="1:43">
      <c r="A29255" t="s">
        <v>18115</v>
      </c>
      <c r="B29255" t="s">
        <v>18116</v>
      </c>
      <c r="C29255" t="s">
        <v>18113</v>
      </c>
      <c r="D29255" t="s">
        <v>18114</v>
      </c>
      <c r="E29255" t="s">
        <v>18039</v>
      </c>
      <c r="F29255" t="s">
        <v>18040</v>
      </c>
      <c r="G29255" t="s">
        <v>16559</v>
      </c>
      <c r="H29255" t="s">
        <v>16560</v>
      </c>
      <c r="I29255" s="2">
        <v>1</v>
      </c>
      <c r="J29255" s="2">
        <v>0</v>
      </c>
      <c r="K29255" s="2">
        <v>0</v>
      </c>
      <c r="L29255" t="s">
        <v>120</v>
      </c>
      <c r="M29255" t="s">
        <v>87</v>
      </c>
      <c r="N29255" t="s">
        <v>88</v>
      </c>
      <c r="O29255" t="s">
        <v>85</v>
      </c>
      <c r="P29255" t="s">
        <v>86</v>
      </c>
      <c r="Q29255">
        <v>42</v>
      </c>
      <c r="R29255">
        <v>42</v>
      </c>
      <c r="S29255">
        <v>42</v>
      </c>
      <c r="T29255">
        <v>42</v>
      </c>
      <c r="U29255">
        <v>43</v>
      </c>
      <c r="V29255">
        <v>43</v>
      </c>
      <c r="W29255">
        <v>43</v>
      </c>
      <c r="X29255">
        <v>43</v>
      </c>
      <c r="Y29255">
        <v>43</v>
      </c>
      <c r="Z29255">
        <v>43</v>
      </c>
      <c r="AA29255">
        <v>43</v>
      </c>
      <c r="AB29255">
        <v>43</v>
      </c>
      <c r="AC29255">
        <v>43</v>
      </c>
      <c r="AD29255">
        <v>43</v>
      </c>
      <c r="AE29255">
        <v>43</v>
      </c>
      <c r="AF29255">
        <v>43</v>
      </c>
      <c r="AG29255">
        <v>43</v>
      </c>
      <c r="AH29255">
        <v>43</v>
      </c>
      <c r="AI29255">
        <v>43</v>
      </c>
      <c r="AJ29255">
        <v>44</v>
      </c>
      <c r="AK29255">
        <v>44</v>
      </c>
      <c r="AL29255">
        <v>44</v>
      </c>
      <c r="AM29255">
        <v>44</v>
      </c>
      <c r="AN29255">
        <v>44</v>
      </c>
      <c r="AO29255">
        <v>44</v>
      </c>
      <c r="AP29255">
        <v>44</v>
      </c>
      <c r="AQ29255">
        <v>44</v>
      </c>
    </row>
    <row r="29256" spans="1:43">
      <c r="A29256" t="s">
        <v>18115</v>
      </c>
      <c r="B29256" t="s">
        <v>18116</v>
      </c>
      <c r="C29256" t="s">
        <v>18113</v>
      </c>
      <c r="D29256" t="s">
        <v>18114</v>
      </c>
      <c r="E29256" t="s">
        <v>18039</v>
      </c>
      <c r="F29256" t="s">
        <v>18040</v>
      </c>
      <c r="G29256" t="s">
        <v>16559</v>
      </c>
      <c r="H29256" t="s">
        <v>16560</v>
      </c>
      <c r="I29256" s="2">
        <v>1</v>
      </c>
      <c r="J29256" s="2">
        <v>0</v>
      </c>
      <c r="K29256" s="2">
        <v>0</v>
      </c>
      <c r="L29256" t="s">
        <v>120</v>
      </c>
      <c r="M29256" t="s">
        <v>89</v>
      </c>
      <c r="N29256" t="s">
        <v>90</v>
      </c>
      <c r="O29256" t="s">
        <v>85</v>
      </c>
      <c r="P29256" t="s">
        <v>86</v>
      </c>
      <c r="Q29256">
        <v>42</v>
      </c>
      <c r="R29256">
        <v>43</v>
      </c>
      <c r="S29256">
        <v>44</v>
      </c>
      <c r="T29256">
        <v>44</v>
      </c>
      <c r="U29256">
        <v>45</v>
      </c>
      <c r="V29256">
        <v>46</v>
      </c>
      <c r="W29256">
        <v>46</v>
      </c>
      <c r="X29256">
        <v>47</v>
      </c>
      <c r="Y29256">
        <v>48</v>
      </c>
      <c r="Z29256">
        <v>48</v>
      </c>
      <c r="AA29256">
        <v>49</v>
      </c>
      <c r="AB29256">
        <v>49</v>
      </c>
      <c r="AC29256">
        <v>50</v>
      </c>
      <c r="AD29256">
        <v>50</v>
      </c>
      <c r="AE29256">
        <v>51</v>
      </c>
      <c r="AF29256">
        <v>51</v>
      </c>
      <c r="AG29256">
        <v>51</v>
      </c>
      <c r="AH29256">
        <v>50</v>
      </c>
      <c r="AI29256">
        <v>50</v>
      </c>
      <c r="AJ29256">
        <v>50</v>
      </c>
      <c r="AK29256">
        <v>50</v>
      </c>
      <c r="AL29256">
        <v>50</v>
      </c>
      <c r="AM29256">
        <v>50</v>
      </c>
      <c r="AN29256">
        <v>50</v>
      </c>
      <c r="AO29256">
        <v>50</v>
      </c>
      <c r="AP29256">
        <v>50</v>
      </c>
      <c r="AQ29256">
        <v>50</v>
      </c>
    </row>
    <row r="29257" spans="1:43">
      <c r="A29257" t="s">
        <v>18115</v>
      </c>
      <c r="B29257" t="s">
        <v>18116</v>
      </c>
      <c r="C29257" t="s">
        <v>18113</v>
      </c>
      <c r="D29257" t="s">
        <v>18114</v>
      </c>
      <c r="E29257" t="s">
        <v>18039</v>
      </c>
      <c r="F29257" t="s">
        <v>18040</v>
      </c>
      <c r="G29257" t="s">
        <v>16559</v>
      </c>
      <c r="H29257" t="s">
        <v>16560</v>
      </c>
      <c r="I29257" s="2">
        <v>1</v>
      </c>
      <c r="J29257" s="2">
        <v>0</v>
      </c>
      <c r="K29257" s="2">
        <v>0</v>
      </c>
      <c r="L29257" t="s">
        <v>120</v>
      </c>
      <c r="M29257" t="s">
        <v>83</v>
      </c>
      <c r="N29257" t="s">
        <v>91</v>
      </c>
      <c r="O29257" t="s">
        <v>85</v>
      </c>
      <c r="P29257" t="s">
        <v>86</v>
      </c>
      <c r="Q29257">
        <v>42</v>
      </c>
      <c r="R29257">
        <v>42</v>
      </c>
      <c r="S29257">
        <v>43</v>
      </c>
      <c r="T29257">
        <v>43</v>
      </c>
      <c r="U29257">
        <v>43</v>
      </c>
      <c r="V29257">
        <v>44</v>
      </c>
      <c r="W29257">
        <v>44</v>
      </c>
      <c r="X29257">
        <v>45</v>
      </c>
      <c r="Y29257">
        <v>45</v>
      </c>
      <c r="Z29257">
        <v>46</v>
      </c>
      <c r="AA29257">
        <v>46</v>
      </c>
      <c r="AB29257">
        <v>46</v>
      </c>
      <c r="AC29257">
        <v>47</v>
      </c>
      <c r="AD29257">
        <v>47</v>
      </c>
      <c r="AE29257">
        <v>47</v>
      </c>
      <c r="AF29257">
        <v>48</v>
      </c>
      <c r="AG29257">
        <v>48</v>
      </c>
      <c r="AH29257">
        <v>49</v>
      </c>
      <c r="AI29257">
        <v>49</v>
      </c>
      <c r="AJ29257">
        <v>49</v>
      </c>
      <c r="AK29257">
        <v>50</v>
      </c>
      <c r="AL29257">
        <v>50</v>
      </c>
      <c r="AM29257">
        <v>50</v>
      </c>
      <c r="AN29257">
        <v>50</v>
      </c>
      <c r="AO29257">
        <v>50</v>
      </c>
      <c r="AP29257">
        <v>49</v>
      </c>
      <c r="AQ29257">
        <v>49</v>
      </c>
    </row>
    <row r="29258" spans="1:43">
      <c r="A29258" t="s">
        <v>18117</v>
      </c>
      <c r="B29258" t="s">
        <v>18118</v>
      </c>
      <c r="C29258" t="s">
        <v>18113</v>
      </c>
      <c r="D29258" t="s">
        <v>18114</v>
      </c>
      <c r="E29258" t="s">
        <v>18039</v>
      </c>
      <c r="F29258" t="s">
        <v>18040</v>
      </c>
      <c r="G29258" t="s">
        <v>16559</v>
      </c>
      <c r="H29258" t="s">
        <v>16560</v>
      </c>
      <c r="I29258" s="2">
        <v>1</v>
      </c>
      <c r="J29258" s="2">
        <v>0</v>
      </c>
      <c r="K29258" s="2">
        <v>0</v>
      </c>
      <c r="L29258" t="s">
        <v>120</v>
      </c>
      <c r="M29258" t="s">
        <v>83</v>
      </c>
      <c r="N29258" t="s">
        <v>84</v>
      </c>
      <c r="O29258" t="s">
        <v>85</v>
      </c>
      <c r="P29258" t="s">
        <v>86</v>
      </c>
      <c r="Q29258">
        <v>23</v>
      </c>
      <c r="R29258">
        <v>23</v>
      </c>
      <c r="S29258">
        <v>24</v>
      </c>
      <c r="T29258">
        <v>24</v>
      </c>
      <c r="U29258">
        <v>24</v>
      </c>
      <c r="V29258">
        <v>24</v>
      </c>
      <c r="W29258">
        <v>25</v>
      </c>
      <c r="X29258">
        <v>25</v>
      </c>
      <c r="Y29258">
        <v>25</v>
      </c>
      <c r="Z29258">
        <v>25</v>
      </c>
      <c r="AA29258">
        <v>25</v>
      </c>
      <c r="AB29258">
        <v>26</v>
      </c>
      <c r="AC29258">
        <v>26</v>
      </c>
      <c r="AD29258">
        <v>26</v>
      </c>
      <c r="AE29258">
        <v>26</v>
      </c>
      <c r="AF29258">
        <v>27</v>
      </c>
      <c r="AG29258">
        <v>27</v>
      </c>
      <c r="AH29258">
        <v>27</v>
      </c>
      <c r="AI29258">
        <v>27</v>
      </c>
      <c r="AJ29258">
        <v>27</v>
      </c>
      <c r="AK29258">
        <v>28</v>
      </c>
      <c r="AL29258">
        <v>28</v>
      </c>
      <c r="AM29258">
        <v>28</v>
      </c>
      <c r="AN29258">
        <v>28</v>
      </c>
      <c r="AO29258">
        <v>28</v>
      </c>
      <c r="AP29258">
        <v>27</v>
      </c>
      <c r="AQ29258">
        <v>27</v>
      </c>
    </row>
    <row r="29259" spans="1:43">
      <c r="A29259" t="s">
        <v>18117</v>
      </c>
      <c r="B29259" t="s">
        <v>18118</v>
      </c>
      <c r="C29259" t="s">
        <v>18113</v>
      </c>
      <c r="D29259" t="s">
        <v>18114</v>
      </c>
      <c r="E29259" t="s">
        <v>18039</v>
      </c>
      <c r="F29259" t="s">
        <v>18040</v>
      </c>
      <c r="G29259" t="s">
        <v>16559</v>
      </c>
      <c r="H29259" t="s">
        <v>16560</v>
      </c>
      <c r="I29259" s="2">
        <v>1</v>
      </c>
      <c r="J29259" s="2">
        <v>0</v>
      </c>
      <c r="K29259" s="2">
        <v>0</v>
      </c>
      <c r="L29259" t="s">
        <v>120</v>
      </c>
      <c r="M29259" t="s">
        <v>87</v>
      </c>
      <c r="N29259" t="s">
        <v>88</v>
      </c>
      <c r="O29259" t="s">
        <v>85</v>
      </c>
      <c r="P29259" t="s">
        <v>86</v>
      </c>
      <c r="Q29259">
        <v>23</v>
      </c>
      <c r="R29259">
        <v>23</v>
      </c>
      <c r="S29259">
        <v>23</v>
      </c>
      <c r="T29259">
        <v>23</v>
      </c>
      <c r="U29259">
        <v>23</v>
      </c>
      <c r="V29259">
        <v>23</v>
      </c>
      <c r="W29259">
        <v>23</v>
      </c>
      <c r="X29259">
        <v>23</v>
      </c>
      <c r="Y29259">
        <v>23</v>
      </c>
      <c r="Z29259">
        <v>23</v>
      </c>
      <c r="AA29259">
        <v>23</v>
      </c>
      <c r="AB29259">
        <v>23</v>
      </c>
      <c r="AC29259">
        <v>23</v>
      </c>
      <c r="AD29259">
        <v>23</v>
      </c>
      <c r="AE29259">
        <v>23</v>
      </c>
      <c r="AF29259">
        <v>23</v>
      </c>
      <c r="AG29259">
        <v>23</v>
      </c>
      <c r="AH29259">
        <v>24</v>
      </c>
      <c r="AI29259">
        <v>24</v>
      </c>
      <c r="AJ29259">
        <v>24</v>
      </c>
      <c r="AK29259">
        <v>24</v>
      </c>
      <c r="AL29259">
        <v>24</v>
      </c>
      <c r="AM29259">
        <v>24</v>
      </c>
      <c r="AN29259">
        <v>24</v>
      </c>
      <c r="AO29259">
        <v>24</v>
      </c>
      <c r="AP29259">
        <v>24</v>
      </c>
      <c r="AQ29259">
        <v>24</v>
      </c>
    </row>
    <row r="29260" spans="1:43">
      <c r="A29260" t="s">
        <v>18117</v>
      </c>
      <c r="B29260" t="s">
        <v>18118</v>
      </c>
      <c r="C29260" t="s">
        <v>18113</v>
      </c>
      <c r="D29260" t="s">
        <v>18114</v>
      </c>
      <c r="E29260" t="s">
        <v>18039</v>
      </c>
      <c r="F29260" t="s">
        <v>18040</v>
      </c>
      <c r="G29260" t="s">
        <v>16559</v>
      </c>
      <c r="H29260" t="s">
        <v>16560</v>
      </c>
      <c r="I29260" s="2">
        <v>1</v>
      </c>
      <c r="J29260" s="2">
        <v>0</v>
      </c>
      <c r="K29260" s="2">
        <v>0</v>
      </c>
      <c r="L29260" t="s">
        <v>120</v>
      </c>
      <c r="M29260" t="s">
        <v>89</v>
      </c>
      <c r="N29260" t="s">
        <v>90</v>
      </c>
      <c r="O29260" t="s">
        <v>85</v>
      </c>
      <c r="P29260" t="s">
        <v>86</v>
      </c>
      <c r="Q29260">
        <v>23</v>
      </c>
      <c r="R29260">
        <v>24</v>
      </c>
      <c r="S29260">
        <v>24</v>
      </c>
      <c r="T29260">
        <v>25</v>
      </c>
      <c r="U29260">
        <v>25</v>
      </c>
      <c r="V29260">
        <v>25</v>
      </c>
      <c r="W29260">
        <v>26</v>
      </c>
      <c r="X29260">
        <v>26</v>
      </c>
      <c r="Y29260">
        <v>26</v>
      </c>
      <c r="Z29260">
        <v>27</v>
      </c>
      <c r="AA29260">
        <v>27</v>
      </c>
      <c r="AB29260">
        <v>27</v>
      </c>
      <c r="AC29260">
        <v>28</v>
      </c>
      <c r="AD29260">
        <v>28</v>
      </c>
      <c r="AE29260">
        <v>28</v>
      </c>
      <c r="AF29260">
        <v>28</v>
      </c>
      <c r="AG29260">
        <v>28</v>
      </c>
      <c r="AH29260">
        <v>28</v>
      </c>
      <c r="AI29260">
        <v>28</v>
      </c>
      <c r="AJ29260">
        <v>28</v>
      </c>
      <c r="AK29260">
        <v>28</v>
      </c>
      <c r="AL29260">
        <v>28</v>
      </c>
      <c r="AM29260">
        <v>28</v>
      </c>
      <c r="AN29260">
        <v>28</v>
      </c>
      <c r="AO29260">
        <v>28</v>
      </c>
      <c r="AP29260">
        <v>28</v>
      </c>
      <c r="AQ29260">
        <v>28</v>
      </c>
    </row>
    <row r="29261" spans="1:43">
      <c r="A29261" t="s">
        <v>18117</v>
      </c>
      <c r="B29261" t="s">
        <v>18118</v>
      </c>
      <c r="C29261" t="s">
        <v>18113</v>
      </c>
      <c r="D29261" t="s">
        <v>18114</v>
      </c>
      <c r="E29261" t="s">
        <v>18039</v>
      </c>
      <c r="F29261" t="s">
        <v>18040</v>
      </c>
      <c r="G29261" t="s">
        <v>16559</v>
      </c>
      <c r="H29261" t="s">
        <v>16560</v>
      </c>
      <c r="I29261" s="2">
        <v>1</v>
      </c>
      <c r="J29261" s="2">
        <v>0</v>
      </c>
      <c r="K29261" s="2">
        <v>0</v>
      </c>
      <c r="L29261" t="s">
        <v>120</v>
      </c>
      <c r="M29261" t="s">
        <v>83</v>
      </c>
      <c r="N29261" t="s">
        <v>91</v>
      </c>
      <c r="O29261" t="s">
        <v>85</v>
      </c>
      <c r="P29261" t="s">
        <v>86</v>
      </c>
      <c r="Q29261">
        <v>23</v>
      </c>
      <c r="R29261">
        <v>23</v>
      </c>
      <c r="S29261">
        <v>24</v>
      </c>
      <c r="T29261">
        <v>24</v>
      </c>
      <c r="U29261">
        <v>24</v>
      </c>
      <c r="V29261">
        <v>24</v>
      </c>
      <c r="W29261">
        <v>25</v>
      </c>
      <c r="X29261">
        <v>25</v>
      </c>
      <c r="Y29261">
        <v>25</v>
      </c>
      <c r="Z29261">
        <v>25</v>
      </c>
      <c r="AA29261">
        <v>25</v>
      </c>
      <c r="AB29261">
        <v>26</v>
      </c>
      <c r="AC29261">
        <v>26</v>
      </c>
      <c r="AD29261">
        <v>26</v>
      </c>
      <c r="AE29261">
        <v>26</v>
      </c>
      <c r="AF29261">
        <v>27</v>
      </c>
      <c r="AG29261">
        <v>27</v>
      </c>
      <c r="AH29261">
        <v>27</v>
      </c>
      <c r="AI29261">
        <v>27</v>
      </c>
      <c r="AJ29261">
        <v>27</v>
      </c>
      <c r="AK29261">
        <v>28</v>
      </c>
      <c r="AL29261">
        <v>28</v>
      </c>
      <c r="AM29261">
        <v>28</v>
      </c>
      <c r="AN29261">
        <v>28</v>
      </c>
      <c r="AO29261">
        <v>28</v>
      </c>
      <c r="AP29261">
        <v>27</v>
      </c>
      <c r="AQ29261">
        <v>27</v>
      </c>
    </row>
    <row r="29262" spans="1:43">
      <c r="A29262" t="s">
        <v>18119</v>
      </c>
      <c r="B29262" t="s">
        <v>18120</v>
      </c>
      <c r="C29262" t="s">
        <v>18121</v>
      </c>
      <c r="D29262" t="s">
        <v>18122</v>
      </c>
      <c r="E29262" t="s">
        <v>18039</v>
      </c>
      <c r="F29262" t="s">
        <v>18040</v>
      </c>
      <c r="G29262" t="s">
        <v>16559</v>
      </c>
      <c r="H29262" t="s">
        <v>16560</v>
      </c>
      <c r="I29262" s="2">
        <v>1</v>
      </c>
      <c r="J29262" s="2">
        <v>0</v>
      </c>
      <c r="K29262" s="2">
        <v>0</v>
      </c>
      <c r="L29262" t="s">
        <v>120</v>
      </c>
      <c r="M29262" t="s">
        <v>83</v>
      </c>
      <c r="N29262" t="s">
        <v>84</v>
      </c>
      <c r="O29262" t="s">
        <v>85</v>
      </c>
      <c r="P29262" t="s">
        <v>86</v>
      </c>
      <c r="Q29262">
        <v>4</v>
      </c>
      <c r="R29262">
        <v>4</v>
      </c>
      <c r="S29262">
        <v>4</v>
      </c>
      <c r="T29262">
        <v>4</v>
      </c>
      <c r="U29262">
        <v>4</v>
      </c>
      <c r="V29262">
        <v>4</v>
      </c>
      <c r="W29262">
        <v>4</v>
      </c>
      <c r="X29262">
        <v>4</v>
      </c>
      <c r="Y29262">
        <v>4</v>
      </c>
      <c r="Z29262">
        <v>4</v>
      </c>
      <c r="AA29262">
        <v>4</v>
      </c>
      <c r="AB29262">
        <v>4</v>
      </c>
      <c r="AC29262">
        <v>4</v>
      </c>
      <c r="AD29262">
        <v>4</v>
      </c>
      <c r="AE29262">
        <v>4</v>
      </c>
      <c r="AF29262">
        <v>4</v>
      </c>
      <c r="AG29262">
        <v>4</v>
      </c>
      <c r="AH29262">
        <v>4</v>
      </c>
      <c r="AI29262">
        <v>4</v>
      </c>
      <c r="AJ29262">
        <v>4</v>
      </c>
      <c r="AK29262">
        <v>4</v>
      </c>
      <c r="AL29262">
        <v>4</v>
      </c>
      <c r="AM29262">
        <v>4</v>
      </c>
      <c r="AN29262">
        <v>4</v>
      </c>
      <c r="AO29262">
        <v>4</v>
      </c>
      <c r="AP29262">
        <v>4</v>
      </c>
      <c r="AQ29262">
        <v>4</v>
      </c>
    </row>
    <row r="29263" spans="1:43">
      <c r="A29263" t="s">
        <v>18119</v>
      </c>
      <c r="B29263" t="s">
        <v>18120</v>
      </c>
      <c r="C29263" t="s">
        <v>18121</v>
      </c>
      <c r="D29263" t="s">
        <v>18122</v>
      </c>
      <c r="E29263" t="s">
        <v>18039</v>
      </c>
      <c r="F29263" t="s">
        <v>18040</v>
      </c>
      <c r="G29263" t="s">
        <v>16559</v>
      </c>
      <c r="H29263" t="s">
        <v>16560</v>
      </c>
      <c r="I29263" s="2">
        <v>1</v>
      </c>
      <c r="J29263" s="2">
        <v>0</v>
      </c>
      <c r="K29263" s="2">
        <v>0</v>
      </c>
      <c r="L29263" t="s">
        <v>120</v>
      </c>
      <c r="M29263" t="s">
        <v>87</v>
      </c>
      <c r="N29263" t="s">
        <v>88</v>
      </c>
      <c r="O29263" t="s">
        <v>85</v>
      </c>
      <c r="P29263" t="s">
        <v>86</v>
      </c>
      <c r="Q29263">
        <v>4</v>
      </c>
      <c r="R29263">
        <v>4</v>
      </c>
      <c r="S29263">
        <v>4</v>
      </c>
      <c r="T29263">
        <v>4</v>
      </c>
      <c r="U29263">
        <v>4</v>
      </c>
      <c r="V29263">
        <v>4</v>
      </c>
      <c r="W29263">
        <v>4</v>
      </c>
      <c r="X29263">
        <v>4</v>
      </c>
      <c r="Y29263">
        <v>4</v>
      </c>
      <c r="Z29263">
        <v>4</v>
      </c>
      <c r="AA29263">
        <v>4</v>
      </c>
      <c r="AB29263">
        <v>4</v>
      </c>
      <c r="AC29263">
        <v>4</v>
      </c>
      <c r="AD29263">
        <v>4</v>
      </c>
      <c r="AE29263">
        <v>4</v>
      </c>
      <c r="AF29263">
        <v>4</v>
      </c>
      <c r="AG29263">
        <v>4</v>
      </c>
      <c r="AH29263">
        <v>4</v>
      </c>
      <c r="AI29263">
        <v>4</v>
      </c>
      <c r="AJ29263">
        <v>4</v>
      </c>
      <c r="AK29263">
        <v>4</v>
      </c>
      <c r="AL29263">
        <v>4</v>
      </c>
      <c r="AM29263">
        <v>4</v>
      </c>
      <c r="AN29263">
        <v>4</v>
      </c>
      <c r="AO29263">
        <v>4</v>
      </c>
      <c r="AP29263">
        <v>4</v>
      </c>
      <c r="AQ29263">
        <v>4</v>
      </c>
    </row>
    <row r="29264" spans="1:43">
      <c r="A29264" t="s">
        <v>18119</v>
      </c>
      <c r="B29264" t="s">
        <v>18120</v>
      </c>
      <c r="C29264" t="s">
        <v>18121</v>
      </c>
      <c r="D29264" t="s">
        <v>18122</v>
      </c>
      <c r="E29264" t="s">
        <v>18039</v>
      </c>
      <c r="F29264" t="s">
        <v>18040</v>
      </c>
      <c r="G29264" t="s">
        <v>16559</v>
      </c>
      <c r="H29264" t="s">
        <v>16560</v>
      </c>
      <c r="I29264" s="2">
        <v>1</v>
      </c>
      <c r="J29264" s="2">
        <v>0</v>
      </c>
      <c r="K29264" s="2">
        <v>0</v>
      </c>
      <c r="L29264" t="s">
        <v>120</v>
      </c>
      <c r="M29264" t="s">
        <v>89</v>
      </c>
      <c r="N29264" t="s">
        <v>90</v>
      </c>
      <c r="O29264" t="s">
        <v>85</v>
      </c>
      <c r="P29264" t="s">
        <v>86</v>
      </c>
      <c r="Q29264">
        <v>4</v>
      </c>
      <c r="R29264">
        <v>4</v>
      </c>
      <c r="S29264">
        <v>4</v>
      </c>
      <c r="T29264">
        <v>4</v>
      </c>
      <c r="U29264">
        <v>4</v>
      </c>
      <c r="V29264">
        <v>4</v>
      </c>
      <c r="W29264">
        <v>4</v>
      </c>
      <c r="X29264">
        <v>4</v>
      </c>
      <c r="Y29264">
        <v>4</v>
      </c>
      <c r="Z29264">
        <v>4</v>
      </c>
      <c r="AA29264">
        <v>4</v>
      </c>
      <c r="AB29264">
        <v>4</v>
      </c>
      <c r="AC29264">
        <v>4</v>
      </c>
      <c r="AD29264">
        <v>4</v>
      </c>
      <c r="AE29264">
        <v>4</v>
      </c>
      <c r="AF29264">
        <v>4</v>
      </c>
      <c r="AG29264">
        <v>4</v>
      </c>
      <c r="AH29264">
        <v>4</v>
      </c>
      <c r="AI29264">
        <v>4</v>
      </c>
      <c r="AJ29264">
        <v>4</v>
      </c>
      <c r="AK29264">
        <v>4</v>
      </c>
      <c r="AL29264">
        <v>4</v>
      </c>
      <c r="AM29264">
        <v>4</v>
      </c>
      <c r="AN29264">
        <v>4</v>
      </c>
      <c r="AO29264">
        <v>4</v>
      </c>
      <c r="AP29264">
        <v>4</v>
      </c>
      <c r="AQ29264">
        <v>4</v>
      </c>
    </row>
    <row r="29265" spans="1:43">
      <c r="A29265" t="s">
        <v>18119</v>
      </c>
      <c r="B29265" t="s">
        <v>18120</v>
      </c>
      <c r="C29265" t="s">
        <v>18121</v>
      </c>
      <c r="D29265" t="s">
        <v>18122</v>
      </c>
      <c r="E29265" t="s">
        <v>18039</v>
      </c>
      <c r="F29265" t="s">
        <v>18040</v>
      </c>
      <c r="G29265" t="s">
        <v>16559</v>
      </c>
      <c r="H29265" t="s">
        <v>16560</v>
      </c>
      <c r="I29265" s="2">
        <v>1</v>
      </c>
      <c r="J29265" s="2">
        <v>0</v>
      </c>
      <c r="K29265" s="2">
        <v>0</v>
      </c>
      <c r="L29265" t="s">
        <v>120</v>
      </c>
      <c r="M29265" t="s">
        <v>83</v>
      </c>
      <c r="N29265" t="s">
        <v>91</v>
      </c>
      <c r="O29265" t="s">
        <v>85</v>
      </c>
      <c r="P29265" t="s">
        <v>86</v>
      </c>
      <c r="Q29265">
        <v>4</v>
      </c>
      <c r="R29265">
        <v>4</v>
      </c>
      <c r="S29265">
        <v>4</v>
      </c>
      <c r="T29265">
        <v>4</v>
      </c>
      <c r="U29265">
        <v>4</v>
      </c>
      <c r="V29265">
        <v>4</v>
      </c>
      <c r="W29265">
        <v>4</v>
      </c>
      <c r="X29265">
        <v>4</v>
      </c>
      <c r="Y29265">
        <v>4</v>
      </c>
      <c r="Z29265">
        <v>4</v>
      </c>
      <c r="AA29265">
        <v>4</v>
      </c>
      <c r="AB29265">
        <v>4</v>
      </c>
      <c r="AC29265">
        <v>4</v>
      </c>
      <c r="AD29265">
        <v>4</v>
      </c>
      <c r="AE29265">
        <v>4</v>
      </c>
      <c r="AF29265">
        <v>4</v>
      </c>
      <c r="AG29265">
        <v>4</v>
      </c>
      <c r="AH29265">
        <v>4</v>
      </c>
      <c r="AI29265">
        <v>4</v>
      </c>
      <c r="AJ29265">
        <v>4</v>
      </c>
      <c r="AK29265">
        <v>4</v>
      </c>
      <c r="AL29265">
        <v>4</v>
      </c>
      <c r="AM29265">
        <v>4</v>
      </c>
      <c r="AN29265">
        <v>4</v>
      </c>
      <c r="AO29265">
        <v>4</v>
      </c>
      <c r="AP29265">
        <v>4</v>
      </c>
      <c r="AQ29265">
        <v>4</v>
      </c>
    </row>
    <row r="29266" spans="1:43">
      <c r="A29266" t="s">
        <v>18123</v>
      </c>
      <c r="B29266" t="s">
        <v>18124</v>
      </c>
      <c r="C29266" t="s">
        <v>18121</v>
      </c>
      <c r="D29266" t="s">
        <v>18122</v>
      </c>
      <c r="E29266" t="s">
        <v>18039</v>
      </c>
      <c r="F29266" t="s">
        <v>18040</v>
      </c>
      <c r="G29266" t="s">
        <v>16559</v>
      </c>
      <c r="H29266" t="s">
        <v>16560</v>
      </c>
      <c r="I29266" s="2">
        <v>1</v>
      </c>
      <c r="J29266" s="2">
        <v>0</v>
      </c>
      <c r="K29266" s="2">
        <v>0</v>
      </c>
      <c r="L29266" t="s">
        <v>120</v>
      </c>
      <c r="M29266" t="s">
        <v>83</v>
      </c>
      <c r="N29266" t="s">
        <v>84</v>
      </c>
      <c r="O29266" t="s">
        <v>85</v>
      </c>
      <c r="P29266" t="s">
        <v>86</v>
      </c>
      <c r="Q29266">
        <v>48</v>
      </c>
      <c r="R29266">
        <v>48</v>
      </c>
      <c r="S29266">
        <v>49</v>
      </c>
      <c r="T29266">
        <v>49</v>
      </c>
      <c r="U29266">
        <v>50</v>
      </c>
      <c r="V29266">
        <v>50</v>
      </c>
      <c r="W29266">
        <v>51</v>
      </c>
      <c r="X29266">
        <v>51</v>
      </c>
      <c r="Y29266">
        <v>52</v>
      </c>
      <c r="Z29266">
        <v>52</v>
      </c>
      <c r="AA29266">
        <v>53</v>
      </c>
      <c r="AB29266">
        <v>53</v>
      </c>
      <c r="AC29266">
        <v>54</v>
      </c>
      <c r="AD29266">
        <v>54</v>
      </c>
      <c r="AE29266">
        <v>55</v>
      </c>
      <c r="AF29266">
        <v>55</v>
      </c>
      <c r="AG29266">
        <v>55</v>
      </c>
      <c r="AH29266">
        <v>56</v>
      </c>
      <c r="AI29266">
        <v>56</v>
      </c>
      <c r="AJ29266">
        <v>57</v>
      </c>
      <c r="AK29266">
        <v>57</v>
      </c>
      <c r="AL29266">
        <v>57</v>
      </c>
      <c r="AM29266">
        <v>57</v>
      </c>
      <c r="AN29266">
        <v>57</v>
      </c>
      <c r="AO29266">
        <v>57</v>
      </c>
      <c r="AP29266">
        <v>57</v>
      </c>
      <c r="AQ29266">
        <v>57</v>
      </c>
    </row>
    <row r="29267" spans="1:43">
      <c r="A29267" t="s">
        <v>18123</v>
      </c>
      <c r="B29267" t="s">
        <v>18124</v>
      </c>
      <c r="C29267" t="s">
        <v>18121</v>
      </c>
      <c r="D29267" t="s">
        <v>18122</v>
      </c>
      <c r="E29267" t="s">
        <v>18039</v>
      </c>
      <c r="F29267" t="s">
        <v>18040</v>
      </c>
      <c r="G29267" t="s">
        <v>16559</v>
      </c>
      <c r="H29267" t="s">
        <v>16560</v>
      </c>
      <c r="I29267" s="2">
        <v>1</v>
      </c>
      <c r="J29267" s="2">
        <v>0</v>
      </c>
      <c r="K29267" s="2">
        <v>0</v>
      </c>
      <c r="L29267" t="s">
        <v>120</v>
      </c>
      <c r="M29267" t="s">
        <v>87</v>
      </c>
      <c r="N29267" t="s">
        <v>88</v>
      </c>
      <c r="O29267" t="s">
        <v>85</v>
      </c>
      <c r="P29267" t="s">
        <v>86</v>
      </c>
      <c r="Q29267">
        <v>48</v>
      </c>
      <c r="R29267">
        <v>48</v>
      </c>
      <c r="S29267">
        <v>49</v>
      </c>
      <c r="T29267">
        <v>49</v>
      </c>
      <c r="U29267">
        <v>49</v>
      </c>
      <c r="V29267">
        <v>49</v>
      </c>
      <c r="W29267">
        <v>49</v>
      </c>
      <c r="X29267">
        <v>49</v>
      </c>
      <c r="Y29267">
        <v>49</v>
      </c>
      <c r="Z29267">
        <v>49</v>
      </c>
      <c r="AA29267">
        <v>49</v>
      </c>
      <c r="AB29267">
        <v>49</v>
      </c>
      <c r="AC29267">
        <v>49</v>
      </c>
      <c r="AD29267">
        <v>49</v>
      </c>
      <c r="AE29267">
        <v>50</v>
      </c>
      <c r="AF29267">
        <v>50</v>
      </c>
      <c r="AG29267">
        <v>50</v>
      </c>
      <c r="AH29267">
        <v>50</v>
      </c>
      <c r="AI29267">
        <v>50</v>
      </c>
      <c r="AJ29267">
        <v>50</v>
      </c>
      <c r="AK29267">
        <v>50</v>
      </c>
      <c r="AL29267">
        <v>50</v>
      </c>
      <c r="AM29267">
        <v>50</v>
      </c>
      <c r="AN29267">
        <v>50</v>
      </c>
      <c r="AO29267">
        <v>50</v>
      </c>
      <c r="AP29267">
        <v>51</v>
      </c>
      <c r="AQ29267">
        <v>51</v>
      </c>
    </row>
    <row r="29268" spans="1:43">
      <c r="A29268" t="s">
        <v>18123</v>
      </c>
      <c r="B29268" t="s">
        <v>18124</v>
      </c>
      <c r="C29268" t="s">
        <v>18121</v>
      </c>
      <c r="D29268" t="s">
        <v>18122</v>
      </c>
      <c r="E29268" t="s">
        <v>18039</v>
      </c>
      <c r="F29268" t="s">
        <v>18040</v>
      </c>
      <c r="G29268" t="s">
        <v>16559</v>
      </c>
      <c r="H29268" t="s">
        <v>16560</v>
      </c>
      <c r="I29268" s="2">
        <v>1</v>
      </c>
      <c r="J29268" s="2">
        <v>0</v>
      </c>
      <c r="K29268" s="2">
        <v>0</v>
      </c>
      <c r="L29268" t="s">
        <v>120</v>
      </c>
      <c r="M29268" t="s">
        <v>89</v>
      </c>
      <c r="N29268" t="s">
        <v>90</v>
      </c>
      <c r="O29268" t="s">
        <v>85</v>
      </c>
      <c r="P29268" t="s">
        <v>86</v>
      </c>
      <c r="Q29268">
        <v>48</v>
      </c>
      <c r="R29268">
        <v>49</v>
      </c>
      <c r="S29268">
        <v>50</v>
      </c>
      <c r="T29268">
        <v>51</v>
      </c>
      <c r="U29268">
        <v>52</v>
      </c>
      <c r="V29268">
        <v>53</v>
      </c>
      <c r="W29268">
        <v>53</v>
      </c>
      <c r="X29268">
        <v>54</v>
      </c>
      <c r="Y29268">
        <v>55</v>
      </c>
      <c r="Z29268">
        <v>55</v>
      </c>
      <c r="AA29268">
        <v>56</v>
      </c>
      <c r="AB29268">
        <v>57</v>
      </c>
      <c r="AC29268">
        <v>57</v>
      </c>
      <c r="AD29268">
        <v>58</v>
      </c>
      <c r="AE29268">
        <v>58</v>
      </c>
      <c r="AF29268">
        <v>58</v>
      </c>
      <c r="AG29268">
        <v>58</v>
      </c>
      <c r="AH29268">
        <v>58</v>
      </c>
      <c r="AI29268">
        <v>58</v>
      </c>
      <c r="AJ29268">
        <v>58</v>
      </c>
      <c r="AK29268">
        <v>58</v>
      </c>
      <c r="AL29268">
        <v>58</v>
      </c>
      <c r="AM29268">
        <v>58</v>
      </c>
      <c r="AN29268">
        <v>58</v>
      </c>
      <c r="AO29268">
        <v>58</v>
      </c>
      <c r="AP29268">
        <v>58</v>
      </c>
      <c r="AQ29268">
        <v>58</v>
      </c>
    </row>
    <row r="29269" spans="1:43">
      <c r="A29269" t="s">
        <v>18123</v>
      </c>
      <c r="B29269" t="s">
        <v>18124</v>
      </c>
      <c r="C29269" t="s">
        <v>18121</v>
      </c>
      <c r="D29269" t="s">
        <v>18122</v>
      </c>
      <c r="E29269" t="s">
        <v>18039</v>
      </c>
      <c r="F29269" t="s">
        <v>18040</v>
      </c>
      <c r="G29269" t="s">
        <v>16559</v>
      </c>
      <c r="H29269" t="s">
        <v>16560</v>
      </c>
      <c r="I29269" s="2">
        <v>1</v>
      </c>
      <c r="J29269" s="2">
        <v>0</v>
      </c>
      <c r="K29269" s="2">
        <v>0</v>
      </c>
      <c r="L29269" t="s">
        <v>120</v>
      </c>
      <c r="M29269" t="s">
        <v>83</v>
      </c>
      <c r="N29269" t="s">
        <v>91</v>
      </c>
      <c r="O29269" t="s">
        <v>85</v>
      </c>
      <c r="P29269" t="s">
        <v>86</v>
      </c>
      <c r="Q29269">
        <v>48</v>
      </c>
      <c r="R29269">
        <v>48</v>
      </c>
      <c r="S29269">
        <v>49</v>
      </c>
      <c r="T29269">
        <v>49</v>
      </c>
      <c r="U29269">
        <v>50</v>
      </c>
      <c r="V29269">
        <v>50</v>
      </c>
      <c r="W29269">
        <v>51</v>
      </c>
      <c r="X29269">
        <v>51</v>
      </c>
      <c r="Y29269">
        <v>52</v>
      </c>
      <c r="Z29269">
        <v>52</v>
      </c>
      <c r="AA29269">
        <v>53</v>
      </c>
      <c r="AB29269">
        <v>53</v>
      </c>
      <c r="AC29269">
        <v>54</v>
      </c>
      <c r="AD29269">
        <v>54</v>
      </c>
      <c r="AE29269">
        <v>55</v>
      </c>
      <c r="AF29269">
        <v>55</v>
      </c>
      <c r="AG29269">
        <v>55</v>
      </c>
      <c r="AH29269">
        <v>56</v>
      </c>
      <c r="AI29269">
        <v>56</v>
      </c>
      <c r="AJ29269">
        <v>57</v>
      </c>
      <c r="AK29269">
        <v>57</v>
      </c>
      <c r="AL29269">
        <v>57</v>
      </c>
      <c r="AM29269">
        <v>57</v>
      </c>
      <c r="AN29269">
        <v>57</v>
      </c>
      <c r="AO29269">
        <v>57</v>
      </c>
      <c r="AP29269">
        <v>57</v>
      </c>
      <c r="AQ29269">
        <v>57</v>
      </c>
    </row>
    <row r="29270" spans="1:43">
      <c r="A29270" t="s">
        <v>18125</v>
      </c>
      <c r="B29270" t="s">
        <v>18126</v>
      </c>
      <c r="C29270" t="s">
        <v>18121</v>
      </c>
      <c r="D29270" t="s">
        <v>18122</v>
      </c>
      <c r="E29270" t="s">
        <v>18039</v>
      </c>
      <c r="F29270" t="s">
        <v>18040</v>
      </c>
      <c r="G29270" t="s">
        <v>16559</v>
      </c>
      <c r="H29270" t="s">
        <v>16560</v>
      </c>
      <c r="I29270" s="2">
        <v>1</v>
      </c>
      <c r="J29270" s="2">
        <v>0</v>
      </c>
      <c r="K29270" s="2">
        <v>0</v>
      </c>
      <c r="L29270" t="s">
        <v>120</v>
      </c>
      <c r="M29270" t="s">
        <v>83</v>
      </c>
      <c r="N29270" t="s">
        <v>84</v>
      </c>
      <c r="O29270" t="s">
        <v>85</v>
      </c>
      <c r="P29270" t="s">
        <v>86</v>
      </c>
      <c r="Q29270">
        <v>11</v>
      </c>
      <c r="R29270">
        <v>11</v>
      </c>
      <c r="S29270">
        <v>11</v>
      </c>
      <c r="T29270">
        <v>11</v>
      </c>
      <c r="U29270">
        <v>11</v>
      </c>
      <c r="V29270">
        <v>11</v>
      </c>
      <c r="W29270">
        <v>11</v>
      </c>
      <c r="X29270">
        <v>12</v>
      </c>
      <c r="Y29270">
        <v>12</v>
      </c>
      <c r="Z29270">
        <v>12</v>
      </c>
      <c r="AA29270">
        <v>12</v>
      </c>
      <c r="AB29270">
        <v>12</v>
      </c>
      <c r="AC29270">
        <v>12</v>
      </c>
      <c r="AD29270">
        <v>12</v>
      </c>
      <c r="AE29270">
        <v>12</v>
      </c>
      <c r="AF29270">
        <v>12</v>
      </c>
      <c r="AG29270">
        <v>12</v>
      </c>
      <c r="AH29270">
        <v>13</v>
      </c>
      <c r="AI29270">
        <v>13</v>
      </c>
      <c r="AJ29270">
        <v>13</v>
      </c>
      <c r="AK29270">
        <v>13</v>
      </c>
      <c r="AL29270">
        <v>13</v>
      </c>
      <c r="AM29270">
        <v>13</v>
      </c>
      <c r="AN29270">
        <v>13</v>
      </c>
      <c r="AO29270">
        <v>13</v>
      </c>
      <c r="AP29270">
        <v>13</v>
      </c>
      <c r="AQ29270">
        <v>13</v>
      </c>
    </row>
    <row r="29271" spans="1:43">
      <c r="A29271" t="s">
        <v>18125</v>
      </c>
      <c r="B29271" t="s">
        <v>18126</v>
      </c>
      <c r="C29271" t="s">
        <v>18121</v>
      </c>
      <c r="D29271" t="s">
        <v>18122</v>
      </c>
      <c r="E29271" t="s">
        <v>18039</v>
      </c>
      <c r="F29271" t="s">
        <v>18040</v>
      </c>
      <c r="G29271" t="s">
        <v>16559</v>
      </c>
      <c r="H29271" t="s">
        <v>16560</v>
      </c>
      <c r="I29271" s="2">
        <v>1</v>
      </c>
      <c r="J29271" s="2">
        <v>0</v>
      </c>
      <c r="K29271" s="2">
        <v>0</v>
      </c>
      <c r="L29271" t="s">
        <v>120</v>
      </c>
      <c r="M29271" t="s">
        <v>87</v>
      </c>
      <c r="N29271" t="s">
        <v>88</v>
      </c>
      <c r="O29271" t="s">
        <v>85</v>
      </c>
      <c r="P29271" t="s">
        <v>86</v>
      </c>
      <c r="Q29271">
        <v>11</v>
      </c>
      <c r="R29271">
        <v>11</v>
      </c>
      <c r="S29271">
        <v>11</v>
      </c>
      <c r="T29271">
        <v>11</v>
      </c>
      <c r="U29271">
        <v>11</v>
      </c>
      <c r="V29271">
        <v>11</v>
      </c>
      <c r="W29271">
        <v>11</v>
      </c>
      <c r="X29271">
        <v>11</v>
      </c>
      <c r="Y29271">
        <v>11</v>
      </c>
      <c r="Z29271">
        <v>11</v>
      </c>
      <c r="AA29271">
        <v>11</v>
      </c>
      <c r="AB29271">
        <v>11</v>
      </c>
      <c r="AC29271">
        <v>11</v>
      </c>
      <c r="AD29271">
        <v>11</v>
      </c>
      <c r="AE29271">
        <v>11</v>
      </c>
      <c r="AF29271">
        <v>11</v>
      </c>
      <c r="AG29271">
        <v>11</v>
      </c>
      <c r="AH29271">
        <v>11</v>
      </c>
      <c r="AI29271">
        <v>11</v>
      </c>
      <c r="AJ29271">
        <v>11</v>
      </c>
      <c r="AK29271">
        <v>11</v>
      </c>
      <c r="AL29271">
        <v>11</v>
      </c>
      <c r="AM29271">
        <v>11</v>
      </c>
      <c r="AN29271">
        <v>11</v>
      </c>
      <c r="AO29271">
        <v>11</v>
      </c>
      <c r="AP29271">
        <v>11</v>
      </c>
      <c r="AQ29271">
        <v>11</v>
      </c>
    </row>
    <row r="29272" spans="1:43">
      <c r="A29272" t="s">
        <v>18125</v>
      </c>
      <c r="B29272" t="s">
        <v>18126</v>
      </c>
      <c r="C29272" t="s">
        <v>18121</v>
      </c>
      <c r="D29272" t="s">
        <v>18122</v>
      </c>
      <c r="E29272" t="s">
        <v>18039</v>
      </c>
      <c r="F29272" t="s">
        <v>18040</v>
      </c>
      <c r="G29272" t="s">
        <v>16559</v>
      </c>
      <c r="H29272" t="s">
        <v>16560</v>
      </c>
      <c r="I29272" s="2">
        <v>1</v>
      </c>
      <c r="J29272" s="2">
        <v>0</v>
      </c>
      <c r="K29272" s="2">
        <v>0</v>
      </c>
      <c r="L29272" t="s">
        <v>120</v>
      </c>
      <c r="M29272" t="s">
        <v>89</v>
      </c>
      <c r="N29272" t="s">
        <v>90</v>
      </c>
      <c r="O29272" t="s">
        <v>85</v>
      </c>
      <c r="P29272" t="s">
        <v>86</v>
      </c>
      <c r="Q29272">
        <v>11</v>
      </c>
      <c r="R29272">
        <v>11</v>
      </c>
      <c r="S29272">
        <v>11</v>
      </c>
      <c r="T29272">
        <v>12</v>
      </c>
      <c r="U29272">
        <v>12</v>
      </c>
      <c r="V29272">
        <v>12</v>
      </c>
      <c r="W29272">
        <v>12</v>
      </c>
      <c r="X29272">
        <v>12</v>
      </c>
      <c r="Y29272">
        <v>12</v>
      </c>
      <c r="Z29272">
        <v>12</v>
      </c>
      <c r="AA29272">
        <v>13</v>
      </c>
      <c r="AB29272">
        <v>13</v>
      </c>
      <c r="AC29272">
        <v>13</v>
      </c>
      <c r="AD29272">
        <v>13</v>
      </c>
      <c r="AE29272">
        <v>13</v>
      </c>
      <c r="AF29272">
        <v>13</v>
      </c>
      <c r="AG29272">
        <v>13</v>
      </c>
      <c r="AH29272">
        <v>13</v>
      </c>
      <c r="AI29272">
        <v>13</v>
      </c>
      <c r="AJ29272">
        <v>13</v>
      </c>
      <c r="AK29272">
        <v>13</v>
      </c>
      <c r="AL29272">
        <v>13</v>
      </c>
      <c r="AM29272">
        <v>13</v>
      </c>
      <c r="AN29272">
        <v>13</v>
      </c>
      <c r="AO29272">
        <v>13</v>
      </c>
      <c r="AP29272">
        <v>13</v>
      </c>
      <c r="AQ29272">
        <v>13</v>
      </c>
    </row>
    <row r="29273" spans="1:43">
      <c r="A29273" t="s">
        <v>18125</v>
      </c>
      <c r="B29273" t="s">
        <v>18126</v>
      </c>
      <c r="C29273" t="s">
        <v>18121</v>
      </c>
      <c r="D29273" t="s">
        <v>18122</v>
      </c>
      <c r="E29273" t="s">
        <v>18039</v>
      </c>
      <c r="F29273" t="s">
        <v>18040</v>
      </c>
      <c r="G29273" t="s">
        <v>16559</v>
      </c>
      <c r="H29273" t="s">
        <v>16560</v>
      </c>
      <c r="I29273" s="2">
        <v>1</v>
      </c>
      <c r="J29273" s="2">
        <v>0</v>
      </c>
      <c r="K29273" s="2">
        <v>0</v>
      </c>
      <c r="L29273" t="s">
        <v>120</v>
      </c>
      <c r="M29273" t="s">
        <v>83</v>
      </c>
      <c r="N29273" t="s">
        <v>91</v>
      </c>
      <c r="O29273" t="s">
        <v>85</v>
      </c>
      <c r="P29273" t="s">
        <v>86</v>
      </c>
      <c r="Q29273">
        <v>11</v>
      </c>
      <c r="R29273">
        <v>11</v>
      </c>
      <c r="S29273">
        <v>11</v>
      </c>
      <c r="T29273">
        <v>11</v>
      </c>
      <c r="U29273">
        <v>11</v>
      </c>
      <c r="V29273">
        <v>11</v>
      </c>
      <c r="W29273">
        <v>11</v>
      </c>
      <c r="X29273">
        <v>12</v>
      </c>
      <c r="Y29273">
        <v>12</v>
      </c>
      <c r="Z29273">
        <v>12</v>
      </c>
      <c r="AA29273">
        <v>12</v>
      </c>
      <c r="AB29273">
        <v>12</v>
      </c>
      <c r="AC29273">
        <v>12</v>
      </c>
      <c r="AD29273">
        <v>12</v>
      </c>
      <c r="AE29273">
        <v>12</v>
      </c>
      <c r="AF29273">
        <v>12</v>
      </c>
      <c r="AG29273">
        <v>12</v>
      </c>
      <c r="AH29273">
        <v>13</v>
      </c>
      <c r="AI29273">
        <v>13</v>
      </c>
      <c r="AJ29273">
        <v>13</v>
      </c>
      <c r="AK29273">
        <v>13</v>
      </c>
      <c r="AL29273">
        <v>13</v>
      </c>
      <c r="AM29273">
        <v>13</v>
      </c>
      <c r="AN29273">
        <v>13</v>
      </c>
      <c r="AO29273">
        <v>13</v>
      </c>
      <c r="AP29273">
        <v>13</v>
      </c>
      <c r="AQ29273">
        <v>13</v>
      </c>
    </row>
    <row r="29274" spans="1:43">
      <c r="A29274" t="s">
        <v>18127</v>
      </c>
      <c r="B29274" t="s">
        <v>18128</v>
      </c>
      <c r="C29274" t="s">
        <v>18121</v>
      </c>
      <c r="D29274" t="s">
        <v>18122</v>
      </c>
      <c r="E29274" t="s">
        <v>18039</v>
      </c>
      <c r="F29274" t="s">
        <v>18040</v>
      </c>
      <c r="G29274" t="s">
        <v>16559</v>
      </c>
      <c r="H29274" t="s">
        <v>16560</v>
      </c>
      <c r="I29274" s="2">
        <v>1</v>
      </c>
      <c r="J29274" s="2">
        <v>0</v>
      </c>
      <c r="K29274" s="2">
        <v>0</v>
      </c>
      <c r="L29274" t="s">
        <v>120</v>
      </c>
      <c r="M29274" t="s">
        <v>83</v>
      </c>
      <c r="N29274" t="s">
        <v>84</v>
      </c>
      <c r="O29274" t="s">
        <v>85</v>
      </c>
      <c r="P29274" t="s">
        <v>86</v>
      </c>
      <c r="Q29274">
        <v>14</v>
      </c>
      <c r="R29274">
        <v>14</v>
      </c>
      <c r="S29274">
        <v>14</v>
      </c>
      <c r="T29274">
        <v>15</v>
      </c>
      <c r="U29274">
        <v>15</v>
      </c>
      <c r="V29274">
        <v>15</v>
      </c>
      <c r="W29274">
        <v>15</v>
      </c>
      <c r="X29274">
        <v>15</v>
      </c>
      <c r="Y29274">
        <v>15</v>
      </c>
      <c r="Z29274">
        <v>15</v>
      </c>
      <c r="AA29274">
        <v>16</v>
      </c>
      <c r="AB29274">
        <v>16</v>
      </c>
      <c r="AC29274">
        <v>16</v>
      </c>
      <c r="AD29274">
        <v>16</v>
      </c>
      <c r="AE29274">
        <v>16</v>
      </c>
      <c r="AF29274">
        <v>16</v>
      </c>
      <c r="AG29274">
        <v>16</v>
      </c>
      <c r="AH29274">
        <v>16</v>
      </c>
      <c r="AI29274">
        <v>17</v>
      </c>
      <c r="AJ29274">
        <v>17</v>
      </c>
      <c r="AK29274">
        <v>17</v>
      </c>
      <c r="AL29274">
        <v>17</v>
      </c>
      <c r="AM29274">
        <v>17</v>
      </c>
      <c r="AN29274">
        <v>17</v>
      </c>
      <c r="AO29274">
        <v>17</v>
      </c>
      <c r="AP29274">
        <v>17</v>
      </c>
      <c r="AQ29274">
        <v>17</v>
      </c>
    </row>
    <row r="29275" spans="1:43">
      <c r="A29275" t="s">
        <v>18127</v>
      </c>
      <c r="B29275" t="s">
        <v>18128</v>
      </c>
      <c r="C29275" t="s">
        <v>18121</v>
      </c>
      <c r="D29275" t="s">
        <v>18122</v>
      </c>
      <c r="E29275" t="s">
        <v>18039</v>
      </c>
      <c r="F29275" t="s">
        <v>18040</v>
      </c>
      <c r="G29275" t="s">
        <v>16559</v>
      </c>
      <c r="H29275" t="s">
        <v>16560</v>
      </c>
      <c r="I29275" s="2">
        <v>1</v>
      </c>
      <c r="J29275" s="2">
        <v>0</v>
      </c>
      <c r="K29275" s="2">
        <v>0</v>
      </c>
      <c r="L29275" t="s">
        <v>120</v>
      </c>
      <c r="M29275" t="s">
        <v>87</v>
      </c>
      <c r="N29275" t="s">
        <v>88</v>
      </c>
      <c r="O29275" t="s">
        <v>85</v>
      </c>
      <c r="P29275" t="s">
        <v>86</v>
      </c>
      <c r="Q29275">
        <v>14</v>
      </c>
      <c r="R29275">
        <v>14</v>
      </c>
      <c r="S29275">
        <v>14</v>
      </c>
      <c r="T29275">
        <v>14</v>
      </c>
      <c r="U29275">
        <v>14</v>
      </c>
      <c r="V29275">
        <v>14</v>
      </c>
      <c r="W29275">
        <v>14</v>
      </c>
      <c r="X29275">
        <v>14</v>
      </c>
      <c r="Y29275">
        <v>14</v>
      </c>
      <c r="Z29275">
        <v>14</v>
      </c>
      <c r="AA29275">
        <v>14</v>
      </c>
      <c r="AB29275">
        <v>14</v>
      </c>
      <c r="AC29275">
        <v>14</v>
      </c>
      <c r="AD29275">
        <v>14</v>
      </c>
      <c r="AE29275">
        <v>14</v>
      </c>
      <c r="AF29275">
        <v>14</v>
      </c>
      <c r="AG29275">
        <v>14</v>
      </c>
      <c r="AH29275">
        <v>14</v>
      </c>
      <c r="AI29275">
        <v>14</v>
      </c>
      <c r="AJ29275">
        <v>14</v>
      </c>
      <c r="AK29275">
        <v>14</v>
      </c>
      <c r="AL29275">
        <v>14</v>
      </c>
      <c r="AM29275">
        <v>15</v>
      </c>
      <c r="AN29275">
        <v>15</v>
      </c>
      <c r="AO29275">
        <v>15</v>
      </c>
      <c r="AP29275">
        <v>15</v>
      </c>
      <c r="AQ29275">
        <v>15</v>
      </c>
    </row>
    <row r="29276" spans="1:43">
      <c r="A29276" t="s">
        <v>18127</v>
      </c>
      <c r="B29276" t="s">
        <v>18128</v>
      </c>
      <c r="C29276" t="s">
        <v>18121</v>
      </c>
      <c r="D29276" t="s">
        <v>18122</v>
      </c>
      <c r="E29276" t="s">
        <v>18039</v>
      </c>
      <c r="F29276" t="s">
        <v>18040</v>
      </c>
      <c r="G29276" t="s">
        <v>16559</v>
      </c>
      <c r="H29276" t="s">
        <v>16560</v>
      </c>
      <c r="I29276" s="2">
        <v>1</v>
      </c>
      <c r="J29276" s="2">
        <v>0</v>
      </c>
      <c r="K29276" s="2">
        <v>0</v>
      </c>
      <c r="L29276" t="s">
        <v>120</v>
      </c>
      <c r="M29276" t="s">
        <v>89</v>
      </c>
      <c r="N29276" t="s">
        <v>90</v>
      </c>
      <c r="O29276" t="s">
        <v>85</v>
      </c>
      <c r="P29276" t="s">
        <v>86</v>
      </c>
      <c r="Q29276">
        <v>14</v>
      </c>
      <c r="R29276">
        <v>15</v>
      </c>
      <c r="S29276">
        <v>15</v>
      </c>
      <c r="T29276">
        <v>15</v>
      </c>
      <c r="U29276">
        <v>15</v>
      </c>
      <c r="V29276">
        <v>16</v>
      </c>
      <c r="W29276">
        <v>16</v>
      </c>
      <c r="X29276">
        <v>16</v>
      </c>
      <c r="Y29276">
        <v>16</v>
      </c>
      <c r="Z29276">
        <v>16</v>
      </c>
      <c r="AA29276">
        <v>17</v>
      </c>
      <c r="AB29276">
        <v>17</v>
      </c>
      <c r="AC29276">
        <v>17</v>
      </c>
      <c r="AD29276">
        <v>17</v>
      </c>
      <c r="AE29276">
        <v>17</v>
      </c>
      <c r="AF29276">
        <v>17</v>
      </c>
      <c r="AG29276">
        <v>17</v>
      </c>
      <c r="AH29276">
        <v>17</v>
      </c>
      <c r="AI29276">
        <v>17</v>
      </c>
      <c r="AJ29276">
        <v>17</v>
      </c>
      <c r="AK29276">
        <v>17</v>
      </c>
      <c r="AL29276">
        <v>17</v>
      </c>
      <c r="AM29276">
        <v>17</v>
      </c>
      <c r="AN29276">
        <v>17</v>
      </c>
      <c r="AO29276">
        <v>17</v>
      </c>
      <c r="AP29276">
        <v>17</v>
      </c>
      <c r="AQ29276">
        <v>17</v>
      </c>
    </row>
    <row r="29277" spans="1:43">
      <c r="A29277" t="s">
        <v>18127</v>
      </c>
      <c r="B29277" t="s">
        <v>18128</v>
      </c>
      <c r="C29277" t="s">
        <v>18121</v>
      </c>
      <c r="D29277" t="s">
        <v>18122</v>
      </c>
      <c r="E29277" t="s">
        <v>18039</v>
      </c>
      <c r="F29277" t="s">
        <v>18040</v>
      </c>
      <c r="G29277" t="s">
        <v>16559</v>
      </c>
      <c r="H29277" t="s">
        <v>16560</v>
      </c>
      <c r="I29277" s="2">
        <v>1</v>
      </c>
      <c r="J29277" s="2">
        <v>0</v>
      </c>
      <c r="K29277" s="2">
        <v>0</v>
      </c>
      <c r="L29277" t="s">
        <v>120</v>
      </c>
      <c r="M29277" t="s">
        <v>83</v>
      </c>
      <c r="N29277" t="s">
        <v>91</v>
      </c>
      <c r="O29277" t="s">
        <v>85</v>
      </c>
      <c r="P29277" t="s">
        <v>86</v>
      </c>
      <c r="Q29277">
        <v>14</v>
      </c>
      <c r="R29277">
        <v>14</v>
      </c>
      <c r="S29277">
        <v>14</v>
      </c>
      <c r="T29277">
        <v>15</v>
      </c>
      <c r="U29277">
        <v>15</v>
      </c>
      <c r="V29277">
        <v>15</v>
      </c>
      <c r="W29277">
        <v>15</v>
      </c>
      <c r="X29277">
        <v>15</v>
      </c>
      <c r="Y29277">
        <v>15</v>
      </c>
      <c r="Z29277">
        <v>15</v>
      </c>
      <c r="AA29277">
        <v>16</v>
      </c>
      <c r="AB29277">
        <v>16</v>
      </c>
      <c r="AC29277">
        <v>16</v>
      </c>
      <c r="AD29277">
        <v>16</v>
      </c>
      <c r="AE29277">
        <v>16</v>
      </c>
      <c r="AF29277">
        <v>16</v>
      </c>
      <c r="AG29277">
        <v>16</v>
      </c>
      <c r="AH29277">
        <v>16</v>
      </c>
      <c r="AI29277">
        <v>17</v>
      </c>
      <c r="AJ29277">
        <v>17</v>
      </c>
      <c r="AK29277">
        <v>17</v>
      </c>
      <c r="AL29277">
        <v>17</v>
      </c>
      <c r="AM29277">
        <v>17</v>
      </c>
      <c r="AN29277">
        <v>17</v>
      </c>
      <c r="AO29277">
        <v>17</v>
      </c>
      <c r="AP29277">
        <v>17</v>
      </c>
      <c r="AQ29277">
        <v>17</v>
      </c>
    </row>
    <row r="29278" spans="1:43">
      <c r="A29278" t="s">
        <v>18129</v>
      </c>
      <c r="B29278" t="s">
        <v>18130</v>
      </c>
      <c r="C29278" t="s">
        <v>18131</v>
      </c>
      <c r="D29278" t="s">
        <v>18132</v>
      </c>
      <c r="E29278" t="s">
        <v>18039</v>
      </c>
      <c r="F29278" t="s">
        <v>18040</v>
      </c>
      <c r="G29278" t="s">
        <v>16559</v>
      </c>
      <c r="H29278" t="s">
        <v>16560</v>
      </c>
      <c r="I29278" s="2">
        <v>1</v>
      </c>
      <c r="J29278" s="2">
        <v>0</v>
      </c>
      <c r="K29278" s="2">
        <v>0</v>
      </c>
      <c r="L29278" t="s">
        <v>120</v>
      </c>
      <c r="M29278" t="s">
        <v>83</v>
      </c>
      <c r="N29278" t="s">
        <v>84</v>
      </c>
      <c r="O29278" t="s">
        <v>85</v>
      </c>
      <c r="P29278" t="s">
        <v>86</v>
      </c>
      <c r="Q29278">
        <v>66</v>
      </c>
      <c r="R29278">
        <v>67</v>
      </c>
      <c r="S29278">
        <v>68</v>
      </c>
      <c r="T29278">
        <v>69</v>
      </c>
      <c r="U29278">
        <v>69</v>
      </c>
      <c r="V29278">
        <v>70</v>
      </c>
      <c r="W29278">
        <v>71</v>
      </c>
      <c r="X29278">
        <v>72</v>
      </c>
      <c r="Y29278">
        <v>72</v>
      </c>
      <c r="Z29278">
        <v>73</v>
      </c>
      <c r="AA29278">
        <v>73</v>
      </c>
      <c r="AB29278">
        <v>74</v>
      </c>
      <c r="AC29278">
        <v>75</v>
      </c>
      <c r="AD29278">
        <v>75</v>
      </c>
      <c r="AE29278">
        <v>76</v>
      </c>
      <c r="AF29278">
        <v>77</v>
      </c>
      <c r="AG29278">
        <v>77</v>
      </c>
      <c r="AH29278">
        <v>78</v>
      </c>
      <c r="AI29278">
        <v>79</v>
      </c>
      <c r="AJ29278">
        <v>79</v>
      </c>
      <c r="AK29278">
        <v>80</v>
      </c>
      <c r="AL29278">
        <v>80</v>
      </c>
      <c r="AM29278">
        <v>80</v>
      </c>
      <c r="AN29278">
        <v>80</v>
      </c>
      <c r="AO29278">
        <v>80</v>
      </c>
      <c r="AP29278">
        <v>80</v>
      </c>
      <c r="AQ29278">
        <v>80</v>
      </c>
    </row>
    <row r="29279" spans="1:43">
      <c r="A29279" t="s">
        <v>18129</v>
      </c>
      <c r="B29279" t="s">
        <v>18130</v>
      </c>
      <c r="C29279" t="s">
        <v>18131</v>
      </c>
      <c r="D29279" t="s">
        <v>18132</v>
      </c>
      <c r="E29279" t="s">
        <v>18039</v>
      </c>
      <c r="F29279" t="s">
        <v>18040</v>
      </c>
      <c r="G29279" t="s">
        <v>16559</v>
      </c>
      <c r="H29279" t="s">
        <v>16560</v>
      </c>
      <c r="I29279" s="2">
        <v>1</v>
      </c>
      <c r="J29279" s="2">
        <v>0</v>
      </c>
      <c r="K29279" s="2">
        <v>0</v>
      </c>
      <c r="L29279" t="s">
        <v>120</v>
      </c>
      <c r="M29279" t="s">
        <v>87</v>
      </c>
      <c r="N29279" t="s">
        <v>88</v>
      </c>
      <c r="O29279" t="s">
        <v>85</v>
      </c>
      <c r="P29279" t="s">
        <v>86</v>
      </c>
      <c r="Q29279">
        <v>66</v>
      </c>
      <c r="R29279">
        <v>66</v>
      </c>
      <c r="S29279">
        <v>66</v>
      </c>
      <c r="T29279">
        <v>66</v>
      </c>
      <c r="U29279">
        <v>66</v>
      </c>
      <c r="V29279">
        <v>66</v>
      </c>
      <c r="W29279">
        <v>67</v>
      </c>
      <c r="X29279">
        <v>67</v>
      </c>
      <c r="Y29279">
        <v>67</v>
      </c>
      <c r="Z29279">
        <v>67</v>
      </c>
      <c r="AA29279">
        <v>67</v>
      </c>
      <c r="AB29279">
        <v>67</v>
      </c>
      <c r="AC29279">
        <v>67</v>
      </c>
      <c r="AD29279">
        <v>67</v>
      </c>
      <c r="AE29279">
        <v>68</v>
      </c>
      <c r="AF29279">
        <v>68</v>
      </c>
      <c r="AG29279">
        <v>68</v>
      </c>
      <c r="AH29279">
        <v>68</v>
      </c>
      <c r="AI29279">
        <v>68</v>
      </c>
      <c r="AJ29279">
        <v>68</v>
      </c>
      <c r="AK29279">
        <v>68</v>
      </c>
      <c r="AL29279">
        <v>69</v>
      </c>
      <c r="AM29279">
        <v>69</v>
      </c>
      <c r="AN29279">
        <v>69</v>
      </c>
      <c r="AO29279">
        <v>69</v>
      </c>
      <c r="AP29279">
        <v>69</v>
      </c>
      <c r="AQ29279">
        <v>69</v>
      </c>
    </row>
    <row r="29280" spans="1:43">
      <c r="A29280" t="s">
        <v>18129</v>
      </c>
      <c r="B29280" t="s">
        <v>18130</v>
      </c>
      <c r="C29280" t="s">
        <v>18131</v>
      </c>
      <c r="D29280" t="s">
        <v>18132</v>
      </c>
      <c r="E29280" t="s">
        <v>18039</v>
      </c>
      <c r="F29280" t="s">
        <v>18040</v>
      </c>
      <c r="G29280" t="s">
        <v>16559</v>
      </c>
      <c r="H29280" t="s">
        <v>16560</v>
      </c>
      <c r="I29280" s="2">
        <v>1</v>
      </c>
      <c r="J29280" s="2">
        <v>0</v>
      </c>
      <c r="K29280" s="2">
        <v>0</v>
      </c>
      <c r="L29280" t="s">
        <v>120</v>
      </c>
      <c r="M29280" t="s">
        <v>89</v>
      </c>
      <c r="N29280" t="s">
        <v>90</v>
      </c>
      <c r="O29280" t="s">
        <v>85</v>
      </c>
      <c r="P29280" t="s">
        <v>86</v>
      </c>
      <c r="Q29280">
        <v>66</v>
      </c>
      <c r="R29280">
        <v>67</v>
      </c>
      <c r="S29280">
        <v>69</v>
      </c>
      <c r="T29280">
        <v>70</v>
      </c>
      <c r="U29280">
        <v>71</v>
      </c>
      <c r="V29280">
        <v>72</v>
      </c>
      <c r="W29280">
        <v>73</v>
      </c>
      <c r="X29280">
        <v>74</v>
      </c>
      <c r="Y29280">
        <v>75</v>
      </c>
      <c r="Z29280">
        <v>76</v>
      </c>
      <c r="AA29280">
        <v>77</v>
      </c>
      <c r="AB29280">
        <v>78</v>
      </c>
      <c r="AC29280">
        <v>79</v>
      </c>
      <c r="AD29280">
        <v>80</v>
      </c>
      <c r="AE29280">
        <v>80</v>
      </c>
      <c r="AF29280">
        <v>80</v>
      </c>
      <c r="AG29280">
        <v>80</v>
      </c>
      <c r="AH29280">
        <v>80</v>
      </c>
      <c r="AI29280">
        <v>80</v>
      </c>
      <c r="AJ29280">
        <v>80</v>
      </c>
      <c r="AK29280">
        <v>80</v>
      </c>
      <c r="AL29280">
        <v>80</v>
      </c>
      <c r="AM29280">
        <v>80</v>
      </c>
      <c r="AN29280">
        <v>80</v>
      </c>
      <c r="AO29280">
        <v>80</v>
      </c>
      <c r="AP29280">
        <v>79</v>
      </c>
      <c r="AQ29280">
        <v>79</v>
      </c>
    </row>
    <row r="29281" spans="1:43">
      <c r="A29281" t="s">
        <v>18129</v>
      </c>
      <c r="B29281" t="s">
        <v>18130</v>
      </c>
      <c r="C29281" t="s">
        <v>18131</v>
      </c>
      <c r="D29281" t="s">
        <v>18132</v>
      </c>
      <c r="E29281" t="s">
        <v>18039</v>
      </c>
      <c r="F29281" t="s">
        <v>18040</v>
      </c>
      <c r="G29281" t="s">
        <v>16559</v>
      </c>
      <c r="H29281" t="s">
        <v>16560</v>
      </c>
      <c r="I29281" s="2">
        <v>1</v>
      </c>
      <c r="J29281" s="2">
        <v>0</v>
      </c>
      <c r="K29281" s="2">
        <v>0</v>
      </c>
      <c r="L29281" t="s">
        <v>120</v>
      </c>
      <c r="M29281" t="s">
        <v>83</v>
      </c>
      <c r="N29281" t="s">
        <v>91</v>
      </c>
      <c r="O29281" t="s">
        <v>85</v>
      </c>
      <c r="P29281" t="s">
        <v>86</v>
      </c>
      <c r="Q29281">
        <v>66</v>
      </c>
      <c r="R29281">
        <v>67</v>
      </c>
      <c r="S29281">
        <v>68</v>
      </c>
      <c r="T29281">
        <v>69</v>
      </c>
      <c r="U29281">
        <v>69</v>
      </c>
      <c r="V29281">
        <v>70</v>
      </c>
      <c r="W29281">
        <v>71</v>
      </c>
      <c r="X29281">
        <v>72</v>
      </c>
      <c r="Y29281">
        <v>72</v>
      </c>
      <c r="Z29281">
        <v>73</v>
      </c>
      <c r="AA29281">
        <v>73</v>
      </c>
      <c r="AB29281">
        <v>74</v>
      </c>
      <c r="AC29281">
        <v>75</v>
      </c>
      <c r="AD29281">
        <v>75</v>
      </c>
      <c r="AE29281">
        <v>76</v>
      </c>
      <c r="AF29281">
        <v>77</v>
      </c>
      <c r="AG29281">
        <v>77</v>
      </c>
      <c r="AH29281">
        <v>78</v>
      </c>
      <c r="AI29281">
        <v>79</v>
      </c>
      <c r="AJ29281">
        <v>79</v>
      </c>
      <c r="AK29281">
        <v>80</v>
      </c>
      <c r="AL29281">
        <v>80</v>
      </c>
      <c r="AM29281">
        <v>80</v>
      </c>
      <c r="AN29281">
        <v>80</v>
      </c>
      <c r="AO29281">
        <v>80</v>
      </c>
      <c r="AP29281">
        <v>80</v>
      </c>
      <c r="AQ29281">
        <v>80</v>
      </c>
    </row>
    <row r="29282" spans="1:43">
      <c r="A29282" t="s">
        <v>18133</v>
      </c>
      <c r="B29282" t="s">
        <v>18134</v>
      </c>
      <c r="C29282" t="s">
        <v>18131</v>
      </c>
      <c r="D29282" t="s">
        <v>18132</v>
      </c>
      <c r="E29282" t="s">
        <v>18039</v>
      </c>
      <c r="F29282" t="s">
        <v>18040</v>
      </c>
      <c r="G29282" t="s">
        <v>16559</v>
      </c>
      <c r="H29282" t="s">
        <v>16560</v>
      </c>
      <c r="I29282" s="2">
        <v>1</v>
      </c>
      <c r="J29282" s="2">
        <v>0</v>
      </c>
      <c r="K29282" s="2">
        <v>0</v>
      </c>
      <c r="L29282" t="s">
        <v>120</v>
      </c>
      <c r="M29282" t="s">
        <v>83</v>
      </c>
      <c r="N29282" t="s">
        <v>84</v>
      </c>
      <c r="O29282" t="s">
        <v>85</v>
      </c>
      <c r="P29282" t="s">
        <v>86</v>
      </c>
      <c r="Q29282">
        <v>7</v>
      </c>
      <c r="R29282">
        <v>7</v>
      </c>
      <c r="S29282">
        <v>8</v>
      </c>
      <c r="T29282">
        <v>8</v>
      </c>
      <c r="U29282">
        <v>8</v>
      </c>
      <c r="V29282">
        <v>8</v>
      </c>
      <c r="W29282">
        <v>8</v>
      </c>
      <c r="X29282">
        <v>8</v>
      </c>
      <c r="Y29282">
        <v>8</v>
      </c>
      <c r="Z29282">
        <v>8</v>
      </c>
      <c r="AA29282">
        <v>8</v>
      </c>
      <c r="AB29282">
        <v>8</v>
      </c>
      <c r="AC29282">
        <v>8</v>
      </c>
      <c r="AD29282">
        <v>8</v>
      </c>
      <c r="AE29282">
        <v>8</v>
      </c>
      <c r="AF29282">
        <v>8</v>
      </c>
      <c r="AG29282">
        <v>9</v>
      </c>
      <c r="AH29282">
        <v>9</v>
      </c>
      <c r="AI29282">
        <v>9</v>
      </c>
      <c r="AJ29282">
        <v>9</v>
      </c>
      <c r="AK29282">
        <v>9</v>
      </c>
      <c r="AL29282">
        <v>9</v>
      </c>
      <c r="AM29282">
        <v>9</v>
      </c>
      <c r="AN29282">
        <v>9</v>
      </c>
      <c r="AO29282">
        <v>9</v>
      </c>
      <c r="AP29282">
        <v>9</v>
      </c>
      <c r="AQ29282">
        <v>9</v>
      </c>
    </row>
    <row r="29283" spans="1:43">
      <c r="A29283" t="s">
        <v>18133</v>
      </c>
      <c r="B29283" t="s">
        <v>18134</v>
      </c>
      <c r="C29283" t="s">
        <v>18131</v>
      </c>
      <c r="D29283" t="s">
        <v>18132</v>
      </c>
      <c r="E29283" t="s">
        <v>18039</v>
      </c>
      <c r="F29283" t="s">
        <v>18040</v>
      </c>
      <c r="G29283" t="s">
        <v>16559</v>
      </c>
      <c r="H29283" t="s">
        <v>16560</v>
      </c>
      <c r="I29283" s="2">
        <v>1</v>
      </c>
      <c r="J29283" s="2">
        <v>0</v>
      </c>
      <c r="K29283" s="2">
        <v>0</v>
      </c>
      <c r="L29283" t="s">
        <v>120</v>
      </c>
      <c r="M29283" t="s">
        <v>87</v>
      </c>
      <c r="N29283" t="s">
        <v>88</v>
      </c>
      <c r="O29283" t="s">
        <v>85</v>
      </c>
      <c r="P29283" t="s">
        <v>86</v>
      </c>
      <c r="Q29283">
        <v>7</v>
      </c>
      <c r="R29283">
        <v>7</v>
      </c>
      <c r="S29283">
        <v>7</v>
      </c>
      <c r="T29283">
        <v>7</v>
      </c>
      <c r="U29283">
        <v>7</v>
      </c>
      <c r="V29283">
        <v>7</v>
      </c>
      <c r="W29283">
        <v>7</v>
      </c>
      <c r="X29283">
        <v>7</v>
      </c>
      <c r="Y29283">
        <v>7</v>
      </c>
      <c r="Z29283">
        <v>7</v>
      </c>
      <c r="AA29283">
        <v>7</v>
      </c>
      <c r="AB29283">
        <v>7</v>
      </c>
      <c r="AC29283">
        <v>7</v>
      </c>
      <c r="AD29283">
        <v>7</v>
      </c>
      <c r="AE29283">
        <v>7</v>
      </c>
      <c r="AF29283">
        <v>7</v>
      </c>
      <c r="AG29283">
        <v>7</v>
      </c>
      <c r="AH29283">
        <v>8</v>
      </c>
      <c r="AI29283">
        <v>8</v>
      </c>
      <c r="AJ29283">
        <v>8</v>
      </c>
      <c r="AK29283">
        <v>8</v>
      </c>
      <c r="AL29283">
        <v>8</v>
      </c>
      <c r="AM29283">
        <v>8</v>
      </c>
      <c r="AN29283">
        <v>8</v>
      </c>
      <c r="AO29283">
        <v>8</v>
      </c>
      <c r="AP29283">
        <v>8</v>
      </c>
      <c r="AQ29283">
        <v>8</v>
      </c>
    </row>
    <row r="29284" spans="1:43">
      <c r="A29284" t="s">
        <v>18133</v>
      </c>
      <c r="B29284" t="s">
        <v>18134</v>
      </c>
      <c r="C29284" t="s">
        <v>18131</v>
      </c>
      <c r="D29284" t="s">
        <v>18132</v>
      </c>
      <c r="E29284" t="s">
        <v>18039</v>
      </c>
      <c r="F29284" t="s">
        <v>18040</v>
      </c>
      <c r="G29284" t="s">
        <v>16559</v>
      </c>
      <c r="H29284" t="s">
        <v>16560</v>
      </c>
      <c r="I29284" s="2">
        <v>1</v>
      </c>
      <c r="J29284" s="2">
        <v>0</v>
      </c>
      <c r="K29284" s="2">
        <v>0</v>
      </c>
      <c r="L29284" t="s">
        <v>120</v>
      </c>
      <c r="M29284" t="s">
        <v>89</v>
      </c>
      <c r="N29284" t="s">
        <v>90</v>
      </c>
      <c r="O29284" t="s">
        <v>85</v>
      </c>
      <c r="P29284" t="s">
        <v>86</v>
      </c>
      <c r="Q29284">
        <v>7</v>
      </c>
      <c r="R29284">
        <v>8</v>
      </c>
      <c r="S29284">
        <v>8</v>
      </c>
      <c r="T29284">
        <v>8</v>
      </c>
      <c r="U29284">
        <v>8</v>
      </c>
      <c r="V29284">
        <v>8</v>
      </c>
      <c r="W29284">
        <v>8</v>
      </c>
      <c r="X29284">
        <v>8</v>
      </c>
      <c r="Y29284">
        <v>8</v>
      </c>
      <c r="Z29284">
        <v>9</v>
      </c>
      <c r="AA29284">
        <v>9</v>
      </c>
      <c r="AB29284">
        <v>9</v>
      </c>
      <c r="AC29284">
        <v>9</v>
      </c>
      <c r="AD29284">
        <v>9</v>
      </c>
      <c r="AE29284">
        <v>9</v>
      </c>
      <c r="AF29284">
        <v>9</v>
      </c>
      <c r="AG29284">
        <v>9</v>
      </c>
      <c r="AH29284">
        <v>9</v>
      </c>
      <c r="AI29284">
        <v>9</v>
      </c>
      <c r="AJ29284">
        <v>9</v>
      </c>
      <c r="AK29284">
        <v>9</v>
      </c>
      <c r="AL29284">
        <v>9</v>
      </c>
      <c r="AM29284">
        <v>9</v>
      </c>
      <c r="AN29284">
        <v>9</v>
      </c>
      <c r="AO29284">
        <v>9</v>
      </c>
      <c r="AP29284">
        <v>9</v>
      </c>
      <c r="AQ29284">
        <v>9</v>
      </c>
    </row>
    <row r="29285" spans="1:43">
      <c r="A29285" t="s">
        <v>18133</v>
      </c>
      <c r="B29285" t="s">
        <v>18134</v>
      </c>
      <c r="C29285" t="s">
        <v>18131</v>
      </c>
      <c r="D29285" t="s">
        <v>18132</v>
      </c>
      <c r="E29285" t="s">
        <v>18039</v>
      </c>
      <c r="F29285" t="s">
        <v>18040</v>
      </c>
      <c r="G29285" t="s">
        <v>16559</v>
      </c>
      <c r="H29285" t="s">
        <v>16560</v>
      </c>
      <c r="I29285" s="2">
        <v>1</v>
      </c>
      <c r="J29285" s="2">
        <v>0</v>
      </c>
      <c r="K29285" s="2">
        <v>0</v>
      </c>
      <c r="L29285" t="s">
        <v>120</v>
      </c>
      <c r="M29285" t="s">
        <v>83</v>
      </c>
      <c r="N29285" t="s">
        <v>91</v>
      </c>
      <c r="O29285" t="s">
        <v>85</v>
      </c>
      <c r="P29285" t="s">
        <v>86</v>
      </c>
      <c r="Q29285">
        <v>7</v>
      </c>
      <c r="R29285">
        <v>7</v>
      </c>
      <c r="S29285">
        <v>8</v>
      </c>
      <c r="T29285">
        <v>8</v>
      </c>
      <c r="U29285">
        <v>8</v>
      </c>
      <c r="V29285">
        <v>8</v>
      </c>
      <c r="W29285">
        <v>8</v>
      </c>
      <c r="X29285">
        <v>8</v>
      </c>
      <c r="Y29285">
        <v>8</v>
      </c>
      <c r="Z29285">
        <v>8</v>
      </c>
      <c r="AA29285">
        <v>8</v>
      </c>
      <c r="AB29285">
        <v>8</v>
      </c>
      <c r="AC29285">
        <v>8</v>
      </c>
      <c r="AD29285">
        <v>8</v>
      </c>
      <c r="AE29285">
        <v>8</v>
      </c>
      <c r="AF29285">
        <v>8</v>
      </c>
      <c r="AG29285">
        <v>9</v>
      </c>
      <c r="AH29285">
        <v>9</v>
      </c>
      <c r="AI29285">
        <v>9</v>
      </c>
      <c r="AJ29285">
        <v>9</v>
      </c>
      <c r="AK29285">
        <v>9</v>
      </c>
      <c r="AL29285">
        <v>9</v>
      </c>
      <c r="AM29285">
        <v>9</v>
      </c>
      <c r="AN29285">
        <v>9</v>
      </c>
      <c r="AO29285">
        <v>9</v>
      </c>
      <c r="AP29285">
        <v>9</v>
      </c>
      <c r="AQ29285">
        <v>9</v>
      </c>
    </row>
    <row r="29286" spans="1:43">
      <c r="A29286" t="s">
        <v>18135</v>
      </c>
      <c r="B29286" t="s">
        <v>18136</v>
      </c>
      <c r="C29286" t="s">
        <v>18131</v>
      </c>
      <c r="D29286" t="s">
        <v>18132</v>
      </c>
      <c r="E29286" t="s">
        <v>18039</v>
      </c>
      <c r="F29286" t="s">
        <v>18040</v>
      </c>
      <c r="G29286" t="s">
        <v>16559</v>
      </c>
      <c r="H29286" t="s">
        <v>16560</v>
      </c>
      <c r="I29286" s="2">
        <v>1</v>
      </c>
      <c r="J29286" s="2">
        <v>0</v>
      </c>
      <c r="K29286" s="2">
        <v>0</v>
      </c>
      <c r="L29286" t="s">
        <v>120</v>
      </c>
      <c r="M29286" t="s">
        <v>83</v>
      </c>
      <c r="N29286" t="s">
        <v>84</v>
      </c>
      <c r="O29286" t="s">
        <v>85</v>
      </c>
      <c r="P29286" t="s">
        <v>86</v>
      </c>
      <c r="Q29286">
        <v>14</v>
      </c>
      <c r="R29286">
        <v>14</v>
      </c>
      <c r="S29286">
        <v>14</v>
      </c>
      <c r="T29286">
        <v>14</v>
      </c>
      <c r="U29286">
        <v>14</v>
      </c>
      <c r="V29286">
        <v>14</v>
      </c>
      <c r="W29286">
        <v>15</v>
      </c>
      <c r="X29286">
        <v>15</v>
      </c>
      <c r="Y29286">
        <v>15</v>
      </c>
      <c r="Z29286">
        <v>15</v>
      </c>
      <c r="AA29286">
        <v>15</v>
      </c>
      <c r="AB29286">
        <v>15</v>
      </c>
      <c r="AC29286">
        <v>15</v>
      </c>
      <c r="AD29286">
        <v>16</v>
      </c>
      <c r="AE29286">
        <v>16</v>
      </c>
      <c r="AF29286">
        <v>16</v>
      </c>
      <c r="AG29286">
        <v>16</v>
      </c>
      <c r="AH29286">
        <v>16</v>
      </c>
      <c r="AI29286">
        <v>16</v>
      </c>
      <c r="AJ29286">
        <v>16</v>
      </c>
      <c r="AK29286">
        <v>16</v>
      </c>
      <c r="AL29286">
        <v>17</v>
      </c>
      <c r="AM29286">
        <v>17</v>
      </c>
      <c r="AN29286">
        <v>16</v>
      </c>
      <c r="AO29286">
        <v>16</v>
      </c>
      <c r="AP29286">
        <v>16</v>
      </c>
      <c r="AQ29286">
        <v>16</v>
      </c>
    </row>
    <row r="29287" spans="1:43">
      <c r="A29287" t="s">
        <v>18135</v>
      </c>
      <c r="B29287" t="s">
        <v>18136</v>
      </c>
      <c r="C29287" t="s">
        <v>18131</v>
      </c>
      <c r="D29287" t="s">
        <v>18132</v>
      </c>
      <c r="E29287" t="s">
        <v>18039</v>
      </c>
      <c r="F29287" t="s">
        <v>18040</v>
      </c>
      <c r="G29287" t="s">
        <v>16559</v>
      </c>
      <c r="H29287" t="s">
        <v>16560</v>
      </c>
      <c r="I29287" s="2">
        <v>1</v>
      </c>
      <c r="J29287" s="2">
        <v>0</v>
      </c>
      <c r="K29287" s="2">
        <v>0</v>
      </c>
      <c r="L29287" t="s">
        <v>120</v>
      </c>
      <c r="M29287" t="s">
        <v>87</v>
      </c>
      <c r="N29287" t="s">
        <v>88</v>
      </c>
      <c r="O29287" t="s">
        <v>85</v>
      </c>
      <c r="P29287" t="s">
        <v>86</v>
      </c>
      <c r="Q29287">
        <v>14</v>
      </c>
      <c r="R29287">
        <v>14</v>
      </c>
      <c r="S29287">
        <v>14</v>
      </c>
      <c r="T29287">
        <v>14</v>
      </c>
      <c r="U29287">
        <v>14</v>
      </c>
      <c r="V29287">
        <v>14</v>
      </c>
      <c r="W29287">
        <v>14</v>
      </c>
      <c r="X29287">
        <v>14</v>
      </c>
      <c r="Y29287">
        <v>14</v>
      </c>
      <c r="Z29287">
        <v>14</v>
      </c>
      <c r="AA29287">
        <v>14</v>
      </c>
      <c r="AB29287">
        <v>14</v>
      </c>
      <c r="AC29287">
        <v>14</v>
      </c>
      <c r="AD29287">
        <v>14</v>
      </c>
      <c r="AE29287">
        <v>14</v>
      </c>
      <c r="AF29287">
        <v>14</v>
      </c>
      <c r="AG29287">
        <v>14</v>
      </c>
      <c r="AH29287">
        <v>14</v>
      </c>
      <c r="AI29287">
        <v>14</v>
      </c>
      <c r="AJ29287">
        <v>14</v>
      </c>
      <c r="AK29287">
        <v>14</v>
      </c>
      <c r="AL29287">
        <v>14</v>
      </c>
      <c r="AM29287">
        <v>14</v>
      </c>
      <c r="AN29287">
        <v>14</v>
      </c>
      <c r="AO29287">
        <v>14</v>
      </c>
      <c r="AP29287">
        <v>14</v>
      </c>
      <c r="AQ29287">
        <v>14</v>
      </c>
    </row>
    <row r="29288" spans="1:43">
      <c r="A29288" t="s">
        <v>18135</v>
      </c>
      <c r="B29288" t="s">
        <v>18136</v>
      </c>
      <c r="C29288" t="s">
        <v>18131</v>
      </c>
      <c r="D29288" t="s">
        <v>18132</v>
      </c>
      <c r="E29288" t="s">
        <v>18039</v>
      </c>
      <c r="F29288" t="s">
        <v>18040</v>
      </c>
      <c r="G29288" t="s">
        <v>16559</v>
      </c>
      <c r="H29288" t="s">
        <v>16560</v>
      </c>
      <c r="I29288" s="2">
        <v>1</v>
      </c>
      <c r="J29288" s="2">
        <v>0</v>
      </c>
      <c r="K29288" s="2">
        <v>0</v>
      </c>
      <c r="L29288" t="s">
        <v>120</v>
      </c>
      <c r="M29288" t="s">
        <v>89</v>
      </c>
      <c r="N29288" t="s">
        <v>90</v>
      </c>
      <c r="O29288" t="s">
        <v>85</v>
      </c>
      <c r="P29288" t="s">
        <v>86</v>
      </c>
      <c r="Q29288">
        <v>14</v>
      </c>
      <c r="R29288">
        <v>14</v>
      </c>
      <c r="S29288">
        <v>14</v>
      </c>
      <c r="T29288">
        <v>15</v>
      </c>
      <c r="U29288">
        <v>15</v>
      </c>
      <c r="V29288">
        <v>15</v>
      </c>
      <c r="W29288">
        <v>15</v>
      </c>
      <c r="X29288">
        <v>16</v>
      </c>
      <c r="Y29288">
        <v>16</v>
      </c>
      <c r="Z29288">
        <v>16</v>
      </c>
      <c r="AA29288">
        <v>16</v>
      </c>
      <c r="AB29288">
        <v>16</v>
      </c>
      <c r="AC29288">
        <v>17</v>
      </c>
      <c r="AD29288">
        <v>17</v>
      </c>
      <c r="AE29288">
        <v>17</v>
      </c>
      <c r="AF29288">
        <v>17</v>
      </c>
      <c r="AG29288">
        <v>17</v>
      </c>
      <c r="AH29288">
        <v>17</v>
      </c>
      <c r="AI29288">
        <v>17</v>
      </c>
      <c r="AJ29288">
        <v>17</v>
      </c>
      <c r="AK29288">
        <v>17</v>
      </c>
      <c r="AL29288">
        <v>17</v>
      </c>
      <c r="AM29288">
        <v>17</v>
      </c>
      <c r="AN29288">
        <v>17</v>
      </c>
      <c r="AO29288">
        <v>17</v>
      </c>
      <c r="AP29288">
        <v>17</v>
      </c>
      <c r="AQ29288">
        <v>17</v>
      </c>
    </row>
    <row r="29289" spans="1:43">
      <c r="A29289" t="s">
        <v>18135</v>
      </c>
      <c r="B29289" t="s">
        <v>18136</v>
      </c>
      <c r="C29289" t="s">
        <v>18131</v>
      </c>
      <c r="D29289" t="s">
        <v>18132</v>
      </c>
      <c r="E29289" t="s">
        <v>18039</v>
      </c>
      <c r="F29289" t="s">
        <v>18040</v>
      </c>
      <c r="G29289" t="s">
        <v>16559</v>
      </c>
      <c r="H29289" t="s">
        <v>16560</v>
      </c>
      <c r="I29289" s="2">
        <v>1</v>
      </c>
      <c r="J29289" s="2">
        <v>0</v>
      </c>
      <c r="K29289" s="2">
        <v>0</v>
      </c>
      <c r="L29289" t="s">
        <v>120</v>
      </c>
      <c r="M29289" t="s">
        <v>83</v>
      </c>
      <c r="N29289" t="s">
        <v>91</v>
      </c>
      <c r="O29289" t="s">
        <v>85</v>
      </c>
      <c r="P29289" t="s">
        <v>86</v>
      </c>
      <c r="Q29289">
        <v>14</v>
      </c>
      <c r="R29289">
        <v>14</v>
      </c>
      <c r="S29289">
        <v>14</v>
      </c>
      <c r="T29289">
        <v>14</v>
      </c>
      <c r="U29289">
        <v>14</v>
      </c>
      <c r="V29289">
        <v>14</v>
      </c>
      <c r="W29289">
        <v>15</v>
      </c>
      <c r="X29289">
        <v>15</v>
      </c>
      <c r="Y29289">
        <v>15</v>
      </c>
      <c r="Z29289">
        <v>15</v>
      </c>
      <c r="AA29289">
        <v>15</v>
      </c>
      <c r="AB29289">
        <v>15</v>
      </c>
      <c r="AC29289">
        <v>15</v>
      </c>
      <c r="AD29289">
        <v>16</v>
      </c>
      <c r="AE29289">
        <v>16</v>
      </c>
      <c r="AF29289">
        <v>16</v>
      </c>
      <c r="AG29289">
        <v>16</v>
      </c>
      <c r="AH29289">
        <v>16</v>
      </c>
      <c r="AI29289">
        <v>16</v>
      </c>
      <c r="AJ29289">
        <v>16</v>
      </c>
      <c r="AK29289">
        <v>16</v>
      </c>
      <c r="AL29289">
        <v>17</v>
      </c>
      <c r="AM29289">
        <v>17</v>
      </c>
      <c r="AN29289">
        <v>16</v>
      </c>
      <c r="AO29289">
        <v>16</v>
      </c>
      <c r="AP29289">
        <v>16</v>
      </c>
      <c r="AQ29289">
        <v>16</v>
      </c>
    </row>
    <row r="29290" spans="1:43">
      <c r="A29290" t="s">
        <v>18137</v>
      </c>
      <c r="B29290" t="s">
        <v>18138</v>
      </c>
      <c r="C29290" t="s">
        <v>18139</v>
      </c>
      <c r="D29290" t="s">
        <v>18140</v>
      </c>
      <c r="E29290" t="s">
        <v>18039</v>
      </c>
      <c r="F29290" t="s">
        <v>18040</v>
      </c>
      <c r="G29290" t="s">
        <v>16559</v>
      </c>
      <c r="H29290" t="s">
        <v>16560</v>
      </c>
      <c r="I29290" s="2">
        <v>1</v>
      </c>
      <c r="J29290" s="2">
        <v>0</v>
      </c>
      <c r="K29290" s="2">
        <v>0</v>
      </c>
      <c r="L29290" t="s">
        <v>120</v>
      </c>
      <c r="M29290" t="s">
        <v>83</v>
      </c>
      <c r="N29290" t="s">
        <v>84</v>
      </c>
      <c r="O29290" t="s">
        <v>85</v>
      </c>
      <c r="P29290" t="s">
        <v>86</v>
      </c>
      <c r="Q29290">
        <v>9</v>
      </c>
      <c r="R29290">
        <v>9</v>
      </c>
      <c r="S29290">
        <v>10</v>
      </c>
      <c r="T29290">
        <v>10</v>
      </c>
      <c r="U29290">
        <v>10</v>
      </c>
      <c r="V29290">
        <v>10</v>
      </c>
      <c r="W29290">
        <v>10</v>
      </c>
      <c r="X29290">
        <v>10</v>
      </c>
      <c r="Y29290">
        <v>10</v>
      </c>
      <c r="Z29290">
        <v>10</v>
      </c>
      <c r="AA29290">
        <v>10</v>
      </c>
      <c r="AB29290">
        <v>10</v>
      </c>
      <c r="AC29290">
        <v>10</v>
      </c>
      <c r="AD29290">
        <v>11</v>
      </c>
      <c r="AE29290">
        <v>11</v>
      </c>
      <c r="AF29290">
        <v>11</v>
      </c>
      <c r="AG29290">
        <v>11</v>
      </c>
      <c r="AH29290">
        <v>11</v>
      </c>
      <c r="AI29290">
        <v>11</v>
      </c>
      <c r="AJ29290">
        <v>11</v>
      </c>
      <c r="AK29290">
        <v>11</v>
      </c>
      <c r="AL29290">
        <v>11</v>
      </c>
      <c r="AM29290">
        <v>11</v>
      </c>
      <c r="AN29290">
        <v>11</v>
      </c>
      <c r="AO29290">
        <v>11</v>
      </c>
      <c r="AP29290">
        <v>11</v>
      </c>
      <c r="AQ29290">
        <v>11</v>
      </c>
    </row>
    <row r="29291" spans="1:43">
      <c r="A29291" t="s">
        <v>18137</v>
      </c>
      <c r="B29291" t="s">
        <v>18138</v>
      </c>
      <c r="C29291" t="s">
        <v>18139</v>
      </c>
      <c r="D29291" t="s">
        <v>18140</v>
      </c>
      <c r="E29291" t="s">
        <v>18039</v>
      </c>
      <c r="F29291" t="s">
        <v>18040</v>
      </c>
      <c r="G29291" t="s">
        <v>16559</v>
      </c>
      <c r="H29291" t="s">
        <v>16560</v>
      </c>
      <c r="I29291" s="2">
        <v>1</v>
      </c>
      <c r="J29291" s="2">
        <v>0</v>
      </c>
      <c r="K29291" s="2">
        <v>0</v>
      </c>
      <c r="L29291" t="s">
        <v>120</v>
      </c>
      <c r="M29291" t="s">
        <v>87</v>
      </c>
      <c r="N29291" t="s">
        <v>88</v>
      </c>
      <c r="O29291" t="s">
        <v>85</v>
      </c>
      <c r="P29291" t="s">
        <v>86</v>
      </c>
      <c r="Q29291">
        <v>9</v>
      </c>
      <c r="R29291">
        <v>9</v>
      </c>
      <c r="S29291">
        <v>9</v>
      </c>
      <c r="T29291">
        <v>9</v>
      </c>
      <c r="U29291">
        <v>9</v>
      </c>
      <c r="V29291">
        <v>9</v>
      </c>
      <c r="W29291">
        <v>9</v>
      </c>
      <c r="X29291">
        <v>9</v>
      </c>
      <c r="Y29291">
        <v>9</v>
      </c>
      <c r="Z29291">
        <v>9</v>
      </c>
      <c r="AA29291">
        <v>9</v>
      </c>
      <c r="AB29291">
        <v>9</v>
      </c>
      <c r="AC29291">
        <v>9</v>
      </c>
      <c r="AD29291">
        <v>9</v>
      </c>
      <c r="AE29291">
        <v>9</v>
      </c>
      <c r="AF29291">
        <v>9</v>
      </c>
      <c r="AG29291">
        <v>9</v>
      </c>
      <c r="AH29291">
        <v>9</v>
      </c>
      <c r="AI29291">
        <v>10</v>
      </c>
      <c r="AJ29291">
        <v>10</v>
      </c>
      <c r="AK29291">
        <v>10</v>
      </c>
      <c r="AL29291">
        <v>10</v>
      </c>
      <c r="AM29291">
        <v>10</v>
      </c>
      <c r="AN29291">
        <v>10</v>
      </c>
      <c r="AO29291">
        <v>10</v>
      </c>
      <c r="AP29291">
        <v>10</v>
      </c>
      <c r="AQ29291">
        <v>10</v>
      </c>
    </row>
    <row r="29292" spans="1:43">
      <c r="A29292" t="s">
        <v>18137</v>
      </c>
      <c r="B29292" t="s">
        <v>18138</v>
      </c>
      <c r="C29292" t="s">
        <v>18139</v>
      </c>
      <c r="D29292" t="s">
        <v>18140</v>
      </c>
      <c r="E29292" t="s">
        <v>18039</v>
      </c>
      <c r="F29292" t="s">
        <v>18040</v>
      </c>
      <c r="G29292" t="s">
        <v>16559</v>
      </c>
      <c r="H29292" t="s">
        <v>16560</v>
      </c>
      <c r="I29292" s="2">
        <v>1</v>
      </c>
      <c r="J29292" s="2">
        <v>0</v>
      </c>
      <c r="K29292" s="2">
        <v>0</v>
      </c>
      <c r="L29292" t="s">
        <v>120</v>
      </c>
      <c r="M29292" t="s">
        <v>89</v>
      </c>
      <c r="N29292" t="s">
        <v>90</v>
      </c>
      <c r="O29292" t="s">
        <v>85</v>
      </c>
      <c r="P29292" t="s">
        <v>86</v>
      </c>
      <c r="Q29292">
        <v>9</v>
      </c>
      <c r="R29292">
        <v>10</v>
      </c>
      <c r="S29292">
        <v>10</v>
      </c>
      <c r="T29292">
        <v>10</v>
      </c>
      <c r="U29292">
        <v>10</v>
      </c>
      <c r="V29292">
        <v>10</v>
      </c>
      <c r="W29292">
        <v>10</v>
      </c>
      <c r="X29292">
        <v>11</v>
      </c>
      <c r="Y29292">
        <v>11</v>
      </c>
      <c r="Z29292">
        <v>11</v>
      </c>
      <c r="AA29292">
        <v>11</v>
      </c>
      <c r="AB29292">
        <v>11</v>
      </c>
      <c r="AC29292">
        <v>11</v>
      </c>
      <c r="AD29292">
        <v>11</v>
      </c>
      <c r="AE29292">
        <v>11</v>
      </c>
      <c r="AF29292">
        <v>11</v>
      </c>
      <c r="AG29292">
        <v>11</v>
      </c>
      <c r="AH29292">
        <v>11</v>
      </c>
      <c r="AI29292">
        <v>11</v>
      </c>
      <c r="AJ29292">
        <v>11</v>
      </c>
      <c r="AK29292">
        <v>11</v>
      </c>
      <c r="AL29292">
        <v>11</v>
      </c>
      <c r="AM29292">
        <v>11</v>
      </c>
      <c r="AN29292">
        <v>11</v>
      </c>
      <c r="AO29292">
        <v>11</v>
      </c>
      <c r="AP29292">
        <v>11</v>
      </c>
      <c r="AQ29292">
        <v>11</v>
      </c>
    </row>
    <row r="29293" spans="1:43">
      <c r="A29293" t="s">
        <v>18137</v>
      </c>
      <c r="B29293" t="s">
        <v>18138</v>
      </c>
      <c r="C29293" t="s">
        <v>18139</v>
      </c>
      <c r="D29293" t="s">
        <v>18140</v>
      </c>
      <c r="E29293" t="s">
        <v>18039</v>
      </c>
      <c r="F29293" t="s">
        <v>18040</v>
      </c>
      <c r="G29293" t="s">
        <v>16559</v>
      </c>
      <c r="H29293" t="s">
        <v>16560</v>
      </c>
      <c r="I29293" s="2">
        <v>1</v>
      </c>
      <c r="J29293" s="2">
        <v>0</v>
      </c>
      <c r="K29293" s="2">
        <v>0</v>
      </c>
      <c r="L29293" t="s">
        <v>120</v>
      </c>
      <c r="M29293" t="s">
        <v>83</v>
      </c>
      <c r="N29293" t="s">
        <v>91</v>
      </c>
      <c r="O29293" t="s">
        <v>85</v>
      </c>
      <c r="P29293" t="s">
        <v>86</v>
      </c>
      <c r="Q29293">
        <v>9</v>
      </c>
      <c r="R29293">
        <v>9</v>
      </c>
      <c r="S29293">
        <v>10</v>
      </c>
      <c r="T29293">
        <v>10</v>
      </c>
      <c r="U29293">
        <v>10</v>
      </c>
      <c r="V29293">
        <v>10</v>
      </c>
      <c r="W29293">
        <v>10</v>
      </c>
      <c r="X29293">
        <v>10</v>
      </c>
      <c r="Y29293">
        <v>10</v>
      </c>
      <c r="Z29293">
        <v>10</v>
      </c>
      <c r="AA29293">
        <v>10</v>
      </c>
      <c r="AB29293">
        <v>10</v>
      </c>
      <c r="AC29293">
        <v>10</v>
      </c>
      <c r="AD29293">
        <v>11</v>
      </c>
      <c r="AE29293">
        <v>11</v>
      </c>
      <c r="AF29293">
        <v>11</v>
      </c>
      <c r="AG29293">
        <v>11</v>
      </c>
      <c r="AH29293">
        <v>11</v>
      </c>
      <c r="AI29293">
        <v>11</v>
      </c>
      <c r="AJ29293">
        <v>11</v>
      </c>
      <c r="AK29293">
        <v>11</v>
      </c>
      <c r="AL29293">
        <v>11</v>
      </c>
      <c r="AM29293">
        <v>11</v>
      </c>
      <c r="AN29293">
        <v>11</v>
      </c>
      <c r="AO29293">
        <v>11</v>
      </c>
      <c r="AP29293">
        <v>11</v>
      </c>
      <c r="AQ29293">
        <v>11</v>
      </c>
    </row>
    <row r="29294" spans="1:43">
      <c r="A29294" t="s">
        <v>18141</v>
      </c>
      <c r="B29294" t="s">
        <v>18142</v>
      </c>
      <c r="C29294" t="s">
        <v>18139</v>
      </c>
      <c r="D29294" t="s">
        <v>18140</v>
      </c>
      <c r="E29294" t="s">
        <v>18039</v>
      </c>
      <c r="F29294" t="s">
        <v>18040</v>
      </c>
      <c r="G29294" t="s">
        <v>16559</v>
      </c>
      <c r="H29294" t="s">
        <v>16560</v>
      </c>
      <c r="I29294" s="2">
        <v>1</v>
      </c>
      <c r="J29294" s="2">
        <v>0</v>
      </c>
      <c r="K29294" s="2">
        <v>0</v>
      </c>
      <c r="L29294" t="s">
        <v>120</v>
      </c>
      <c r="M29294" t="s">
        <v>83</v>
      </c>
      <c r="N29294" t="s">
        <v>84</v>
      </c>
      <c r="O29294" t="s">
        <v>85</v>
      </c>
      <c r="P29294" t="s">
        <v>86</v>
      </c>
      <c r="Q29294">
        <v>33</v>
      </c>
      <c r="R29294">
        <v>33</v>
      </c>
      <c r="S29294">
        <v>34</v>
      </c>
      <c r="T29294">
        <v>34</v>
      </c>
      <c r="U29294">
        <v>34</v>
      </c>
      <c r="V29294">
        <v>35</v>
      </c>
      <c r="W29294">
        <v>35</v>
      </c>
      <c r="X29294">
        <v>35</v>
      </c>
      <c r="Y29294">
        <v>36</v>
      </c>
      <c r="Z29294">
        <v>36</v>
      </c>
      <c r="AA29294">
        <v>36</v>
      </c>
      <c r="AB29294">
        <v>37</v>
      </c>
      <c r="AC29294">
        <v>37</v>
      </c>
      <c r="AD29294">
        <v>37</v>
      </c>
      <c r="AE29294">
        <v>37</v>
      </c>
      <c r="AF29294">
        <v>38</v>
      </c>
      <c r="AG29294">
        <v>38</v>
      </c>
      <c r="AH29294">
        <v>38</v>
      </c>
      <c r="AI29294">
        <v>39</v>
      </c>
      <c r="AJ29294">
        <v>39</v>
      </c>
      <c r="AK29294">
        <v>39</v>
      </c>
      <c r="AL29294">
        <v>39</v>
      </c>
      <c r="AM29294">
        <v>39</v>
      </c>
      <c r="AN29294">
        <v>39</v>
      </c>
      <c r="AO29294">
        <v>39</v>
      </c>
      <c r="AP29294">
        <v>39</v>
      </c>
      <c r="AQ29294">
        <v>39</v>
      </c>
    </row>
    <row r="29295" spans="1:43">
      <c r="A29295" t="s">
        <v>18141</v>
      </c>
      <c r="B29295" t="s">
        <v>18142</v>
      </c>
      <c r="C29295" t="s">
        <v>18139</v>
      </c>
      <c r="D29295" t="s">
        <v>18140</v>
      </c>
      <c r="E29295" t="s">
        <v>18039</v>
      </c>
      <c r="F29295" t="s">
        <v>18040</v>
      </c>
      <c r="G29295" t="s">
        <v>16559</v>
      </c>
      <c r="H29295" t="s">
        <v>16560</v>
      </c>
      <c r="I29295" s="2">
        <v>1</v>
      </c>
      <c r="J29295" s="2">
        <v>0</v>
      </c>
      <c r="K29295" s="2">
        <v>0</v>
      </c>
      <c r="L29295" t="s">
        <v>120</v>
      </c>
      <c r="M29295" t="s">
        <v>87</v>
      </c>
      <c r="N29295" t="s">
        <v>88</v>
      </c>
      <c r="O29295" t="s">
        <v>85</v>
      </c>
      <c r="P29295" t="s">
        <v>86</v>
      </c>
      <c r="Q29295">
        <v>33</v>
      </c>
      <c r="R29295">
        <v>33</v>
      </c>
      <c r="S29295">
        <v>33</v>
      </c>
      <c r="T29295">
        <v>33</v>
      </c>
      <c r="U29295">
        <v>33</v>
      </c>
      <c r="V29295">
        <v>33</v>
      </c>
      <c r="W29295">
        <v>33</v>
      </c>
      <c r="X29295">
        <v>33</v>
      </c>
      <c r="Y29295">
        <v>33</v>
      </c>
      <c r="Z29295">
        <v>33</v>
      </c>
      <c r="AA29295">
        <v>33</v>
      </c>
      <c r="AB29295">
        <v>33</v>
      </c>
      <c r="AC29295">
        <v>33</v>
      </c>
      <c r="AD29295">
        <v>33</v>
      </c>
      <c r="AE29295">
        <v>33</v>
      </c>
      <c r="AF29295">
        <v>33</v>
      </c>
      <c r="AG29295">
        <v>33</v>
      </c>
      <c r="AH29295">
        <v>33</v>
      </c>
      <c r="AI29295">
        <v>34</v>
      </c>
      <c r="AJ29295">
        <v>34</v>
      </c>
      <c r="AK29295">
        <v>34</v>
      </c>
      <c r="AL29295">
        <v>34</v>
      </c>
      <c r="AM29295">
        <v>34</v>
      </c>
      <c r="AN29295">
        <v>34</v>
      </c>
      <c r="AO29295">
        <v>34</v>
      </c>
      <c r="AP29295">
        <v>34</v>
      </c>
      <c r="AQ29295">
        <v>34</v>
      </c>
    </row>
    <row r="29296" spans="1:43">
      <c r="A29296" t="s">
        <v>18141</v>
      </c>
      <c r="B29296" t="s">
        <v>18142</v>
      </c>
      <c r="C29296" t="s">
        <v>18139</v>
      </c>
      <c r="D29296" t="s">
        <v>18140</v>
      </c>
      <c r="E29296" t="s">
        <v>18039</v>
      </c>
      <c r="F29296" t="s">
        <v>18040</v>
      </c>
      <c r="G29296" t="s">
        <v>16559</v>
      </c>
      <c r="H29296" t="s">
        <v>16560</v>
      </c>
      <c r="I29296" s="2">
        <v>1</v>
      </c>
      <c r="J29296" s="2">
        <v>0</v>
      </c>
      <c r="K29296" s="2">
        <v>0</v>
      </c>
      <c r="L29296" t="s">
        <v>120</v>
      </c>
      <c r="M29296" t="s">
        <v>89</v>
      </c>
      <c r="N29296" t="s">
        <v>90</v>
      </c>
      <c r="O29296" t="s">
        <v>85</v>
      </c>
      <c r="P29296" t="s">
        <v>86</v>
      </c>
      <c r="Q29296">
        <v>33</v>
      </c>
      <c r="R29296">
        <v>34</v>
      </c>
      <c r="S29296">
        <v>34</v>
      </c>
      <c r="T29296">
        <v>35</v>
      </c>
      <c r="U29296">
        <v>36</v>
      </c>
      <c r="V29296">
        <v>36</v>
      </c>
      <c r="W29296">
        <v>37</v>
      </c>
      <c r="X29296">
        <v>37</v>
      </c>
      <c r="Y29296">
        <v>38</v>
      </c>
      <c r="Z29296">
        <v>38</v>
      </c>
      <c r="AA29296">
        <v>38</v>
      </c>
      <c r="AB29296">
        <v>39</v>
      </c>
      <c r="AC29296">
        <v>39</v>
      </c>
      <c r="AD29296">
        <v>40</v>
      </c>
      <c r="AE29296">
        <v>40</v>
      </c>
      <c r="AF29296">
        <v>40</v>
      </c>
      <c r="AG29296">
        <v>40</v>
      </c>
      <c r="AH29296">
        <v>40</v>
      </c>
      <c r="AI29296">
        <v>40</v>
      </c>
      <c r="AJ29296">
        <v>40</v>
      </c>
      <c r="AK29296">
        <v>40</v>
      </c>
      <c r="AL29296">
        <v>40</v>
      </c>
      <c r="AM29296">
        <v>40</v>
      </c>
      <c r="AN29296">
        <v>39</v>
      </c>
      <c r="AO29296">
        <v>39</v>
      </c>
      <c r="AP29296">
        <v>39</v>
      </c>
      <c r="AQ29296">
        <v>39</v>
      </c>
    </row>
    <row r="29297" spans="1:43">
      <c r="A29297" t="s">
        <v>18141</v>
      </c>
      <c r="B29297" t="s">
        <v>18142</v>
      </c>
      <c r="C29297" t="s">
        <v>18139</v>
      </c>
      <c r="D29297" t="s">
        <v>18140</v>
      </c>
      <c r="E29297" t="s">
        <v>18039</v>
      </c>
      <c r="F29297" t="s">
        <v>18040</v>
      </c>
      <c r="G29297" t="s">
        <v>16559</v>
      </c>
      <c r="H29297" t="s">
        <v>16560</v>
      </c>
      <c r="I29297" s="2">
        <v>1</v>
      </c>
      <c r="J29297" s="2">
        <v>0</v>
      </c>
      <c r="K29297" s="2">
        <v>0</v>
      </c>
      <c r="L29297" t="s">
        <v>120</v>
      </c>
      <c r="M29297" t="s">
        <v>83</v>
      </c>
      <c r="N29297" t="s">
        <v>91</v>
      </c>
      <c r="O29297" t="s">
        <v>85</v>
      </c>
      <c r="P29297" t="s">
        <v>86</v>
      </c>
      <c r="Q29297">
        <v>33</v>
      </c>
      <c r="R29297">
        <v>33</v>
      </c>
      <c r="S29297">
        <v>34</v>
      </c>
      <c r="T29297">
        <v>34</v>
      </c>
      <c r="U29297">
        <v>34</v>
      </c>
      <c r="V29297">
        <v>35</v>
      </c>
      <c r="W29297">
        <v>35</v>
      </c>
      <c r="X29297">
        <v>35</v>
      </c>
      <c r="Y29297">
        <v>36</v>
      </c>
      <c r="Z29297">
        <v>36</v>
      </c>
      <c r="AA29297">
        <v>36</v>
      </c>
      <c r="AB29297">
        <v>37</v>
      </c>
      <c r="AC29297">
        <v>37</v>
      </c>
      <c r="AD29297">
        <v>37</v>
      </c>
      <c r="AE29297">
        <v>37</v>
      </c>
      <c r="AF29297">
        <v>38</v>
      </c>
      <c r="AG29297">
        <v>38</v>
      </c>
      <c r="AH29297">
        <v>38</v>
      </c>
      <c r="AI29297">
        <v>39</v>
      </c>
      <c r="AJ29297">
        <v>39</v>
      </c>
      <c r="AK29297">
        <v>39</v>
      </c>
      <c r="AL29297">
        <v>39</v>
      </c>
      <c r="AM29297">
        <v>39</v>
      </c>
      <c r="AN29297">
        <v>39</v>
      </c>
      <c r="AO29297">
        <v>39</v>
      </c>
      <c r="AP29297">
        <v>39</v>
      </c>
      <c r="AQ29297">
        <v>39</v>
      </c>
    </row>
    <row r="29298" spans="1:43">
      <c r="A29298" t="s">
        <v>18143</v>
      </c>
      <c r="B29298" t="s">
        <v>18144</v>
      </c>
      <c r="C29298" t="s">
        <v>18139</v>
      </c>
      <c r="D29298" t="s">
        <v>18140</v>
      </c>
      <c r="E29298" t="s">
        <v>18039</v>
      </c>
      <c r="F29298" t="s">
        <v>18040</v>
      </c>
      <c r="G29298" t="s">
        <v>16559</v>
      </c>
      <c r="H29298" t="s">
        <v>16560</v>
      </c>
      <c r="I29298" s="2">
        <v>1</v>
      </c>
      <c r="J29298" s="2">
        <v>0</v>
      </c>
      <c r="K29298" s="2">
        <v>0</v>
      </c>
      <c r="L29298" t="s">
        <v>120</v>
      </c>
      <c r="M29298" t="s">
        <v>83</v>
      </c>
      <c r="N29298" t="s">
        <v>84</v>
      </c>
      <c r="O29298" t="s">
        <v>85</v>
      </c>
      <c r="P29298" t="s">
        <v>86</v>
      </c>
      <c r="Q29298">
        <v>23</v>
      </c>
      <c r="R29298">
        <v>24</v>
      </c>
      <c r="S29298">
        <v>24</v>
      </c>
      <c r="T29298">
        <v>24</v>
      </c>
      <c r="U29298">
        <v>24</v>
      </c>
      <c r="V29298">
        <v>25</v>
      </c>
      <c r="W29298">
        <v>25</v>
      </c>
      <c r="X29298">
        <v>25</v>
      </c>
      <c r="Y29298">
        <v>25</v>
      </c>
      <c r="Z29298">
        <v>25</v>
      </c>
      <c r="AA29298">
        <v>26</v>
      </c>
      <c r="AB29298">
        <v>26</v>
      </c>
      <c r="AC29298">
        <v>26</v>
      </c>
      <c r="AD29298">
        <v>26</v>
      </c>
      <c r="AE29298">
        <v>27</v>
      </c>
      <c r="AF29298">
        <v>27</v>
      </c>
      <c r="AG29298">
        <v>27</v>
      </c>
      <c r="AH29298">
        <v>27</v>
      </c>
      <c r="AI29298">
        <v>27</v>
      </c>
      <c r="AJ29298">
        <v>28</v>
      </c>
      <c r="AK29298">
        <v>28</v>
      </c>
      <c r="AL29298">
        <v>28</v>
      </c>
      <c r="AM29298">
        <v>28</v>
      </c>
      <c r="AN29298">
        <v>28</v>
      </c>
      <c r="AO29298">
        <v>28</v>
      </c>
      <c r="AP29298">
        <v>28</v>
      </c>
      <c r="AQ29298">
        <v>28</v>
      </c>
    </row>
    <row r="29299" spans="1:43">
      <c r="A29299" t="s">
        <v>18143</v>
      </c>
      <c r="B29299" t="s">
        <v>18144</v>
      </c>
      <c r="C29299" t="s">
        <v>18139</v>
      </c>
      <c r="D29299" t="s">
        <v>18140</v>
      </c>
      <c r="E29299" t="s">
        <v>18039</v>
      </c>
      <c r="F29299" t="s">
        <v>18040</v>
      </c>
      <c r="G29299" t="s">
        <v>16559</v>
      </c>
      <c r="H29299" t="s">
        <v>16560</v>
      </c>
      <c r="I29299" s="2">
        <v>1</v>
      </c>
      <c r="J29299" s="2">
        <v>0</v>
      </c>
      <c r="K29299" s="2">
        <v>0</v>
      </c>
      <c r="L29299" t="s">
        <v>120</v>
      </c>
      <c r="M29299" t="s">
        <v>87</v>
      </c>
      <c r="N29299" t="s">
        <v>88</v>
      </c>
      <c r="O29299" t="s">
        <v>85</v>
      </c>
      <c r="P29299" t="s">
        <v>86</v>
      </c>
      <c r="Q29299">
        <v>23</v>
      </c>
      <c r="R29299">
        <v>23</v>
      </c>
      <c r="S29299">
        <v>23</v>
      </c>
      <c r="T29299">
        <v>23</v>
      </c>
      <c r="U29299">
        <v>23</v>
      </c>
      <c r="V29299">
        <v>23</v>
      </c>
      <c r="W29299">
        <v>23</v>
      </c>
      <c r="X29299">
        <v>23</v>
      </c>
      <c r="Y29299">
        <v>23</v>
      </c>
      <c r="Z29299">
        <v>23</v>
      </c>
      <c r="AA29299">
        <v>23</v>
      </c>
      <c r="AB29299">
        <v>23</v>
      </c>
      <c r="AC29299">
        <v>24</v>
      </c>
      <c r="AD29299">
        <v>24</v>
      </c>
      <c r="AE29299">
        <v>24</v>
      </c>
      <c r="AF29299">
        <v>24</v>
      </c>
      <c r="AG29299">
        <v>24</v>
      </c>
      <c r="AH29299">
        <v>24</v>
      </c>
      <c r="AI29299">
        <v>24</v>
      </c>
      <c r="AJ29299">
        <v>24</v>
      </c>
      <c r="AK29299">
        <v>24</v>
      </c>
      <c r="AL29299">
        <v>24</v>
      </c>
      <c r="AM29299">
        <v>24</v>
      </c>
      <c r="AN29299">
        <v>24</v>
      </c>
      <c r="AO29299">
        <v>24</v>
      </c>
      <c r="AP29299">
        <v>24</v>
      </c>
      <c r="AQ29299">
        <v>24</v>
      </c>
    </row>
    <row r="29300" spans="1:43">
      <c r="A29300" t="s">
        <v>18143</v>
      </c>
      <c r="B29300" t="s">
        <v>18144</v>
      </c>
      <c r="C29300" t="s">
        <v>18139</v>
      </c>
      <c r="D29300" t="s">
        <v>18140</v>
      </c>
      <c r="E29300" t="s">
        <v>18039</v>
      </c>
      <c r="F29300" t="s">
        <v>18040</v>
      </c>
      <c r="G29300" t="s">
        <v>16559</v>
      </c>
      <c r="H29300" t="s">
        <v>16560</v>
      </c>
      <c r="I29300" s="2">
        <v>1</v>
      </c>
      <c r="J29300" s="2">
        <v>0</v>
      </c>
      <c r="K29300" s="2">
        <v>0</v>
      </c>
      <c r="L29300" t="s">
        <v>120</v>
      </c>
      <c r="M29300" t="s">
        <v>89</v>
      </c>
      <c r="N29300" t="s">
        <v>90</v>
      </c>
      <c r="O29300" t="s">
        <v>85</v>
      </c>
      <c r="P29300" t="s">
        <v>86</v>
      </c>
      <c r="Q29300">
        <v>23</v>
      </c>
      <c r="R29300">
        <v>23</v>
      </c>
      <c r="S29300">
        <v>23</v>
      </c>
      <c r="T29300">
        <v>24</v>
      </c>
      <c r="U29300">
        <v>24</v>
      </c>
      <c r="V29300">
        <v>25</v>
      </c>
      <c r="W29300">
        <v>25</v>
      </c>
      <c r="X29300">
        <v>25</v>
      </c>
      <c r="Y29300">
        <v>26</v>
      </c>
      <c r="Z29300">
        <v>26</v>
      </c>
      <c r="AA29300">
        <v>26</v>
      </c>
      <c r="AB29300">
        <v>27</v>
      </c>
      <c r="AC29300">
        <v>27</v>
      </c>
      <c r="AD29300">
        <v>27</v>
      </c>
      <c r="AE29300">
        <v>27</v>
      </c>
      <c r="AF29300">
        <v>27</v>
      </c>
      <c r="AG29300">
        <v>27</v>
      </c>
      <c r="AH29300">
        <v>27</v>
      </c>
      <c r="AI29300">
        <v>27</v>
      </c>
      <c r="AJ29300">
        <v>27</v>
      </c>
      <c r="AK29300">
        <v>27</v>
      </c>
      <c r="AL29300">
        <v>27</v>
      </c>
      <c r="AM29300">
        <v>27</v>
      </c>
      <c r="AN29300">
        <v>27</v>
      </c>
      <c r="AO29300">
        <v>27</v>
      </c>
      <c r="AP29300">
        <v>27</v>
      </c>
      <c r="AQ29300">
        <v>27</v>
      </c>
    </row>
    <row r="29301" spans="1:43">
      <c r="A29301" t="s">
        <v>18143</v>
      </c>
      <c r="B29301" t="s">
        <v>18144</v>
      </c>
      <c r="C29301" t="s">
        <v>18139</v>
      </c>
      <c r="D29301" t="s">
        <v>18140</v>
      </c>
      <c r="E29301" t="s">
        <v>18039</v>
      </c>
      <c r="F29301" t="s">
        <v>18040</v>
      </c>
      <c r="G29301" t="s">
        <v>16559</v>
      </c>
      <c r="H29301" t="s">
        <v>16560</v>
      </c>
      <c r="I29301" s="2">
        <v>1</v>
      </c>
      <c r="J29301" s="2">
        <v>0</v>
      </c>
      <c r="K29301" s="2">
        <v>0</v>
      </c>
      <c r="L29301" t="s">
        <v>120</v>
      </c>
      <c r="M29301" t="s">
        <v>83</v>
      </c>
      <c r="N29301" t="s">
        <v>91</v>
      </c>
      <c r="O29301" t="s">
        <v>85</v>
      </c>
      <c r="P29301" t="s">
        <v>86</v>
      </c>
      <c r="Q29301">
        <v>23</v>
      </c>
      <c r="R29301">
        <v>24</v>
      </c>
      <c r="S29301">
        <v>24</v>
      </c>
      <c r="T29301">
        <v>24</v>
      </c>
      <c r="U29301">
        <v>24</v>
      </c>
      <c r="V29301">
        <v>25</v>
      </c>
      <c r="W29301">
        <v>25</v>
      </c>
      <c r="X29301">
        <v>25</v>
      </c>
      <c r="Y29301">
        <v>25</v>
      </c>
      <c r="Z29301">
        <v>25</v>
      </c>
      <c r="AA29301">
        <v>26</v>
      </c>
      <c r="AB29301">
        <v>26</v>
      </c>
      <c r="AC29301">
        <v>26</v>
      </c>
      <c r="AD29301">
        <v>26</v>
      </c>
      <c r="AE29301">
        <v>27</v>
      </c>
      <c r="AF29301">
        <v>27</v>
      </c>
      <c r="AG29301">
        <v>27</v>
      </c>
      <c r="AH29301">
        <v>27</v>
      </c>
      <c r="AI29301">
        <v>27</v>
      </c>
      <c r="AJ29301">
        <v>28</v>
      </c>
      <c r="AK29301">
        <v>28</v>
      </c>
      <c r="AL29301">
        <v>28</v>
      </c>
      <c r="AM29301">
        <v>28</v>
      </c>
      <c r="AN29301">
        <v>28</v>
      </c>
      <c r="AO29301">
        <v>28</v>
      </c>
      <c r="AP29301">
        <v>28</v>
      </c>
      <c r="AQ29301">
        <v>28</v>
      </c>
    </row>
    <row r="29302" spans="1:43">
      <c r="A29302" t="s">
        <v>18145</v>
      </c>
      <c r="B29302" t="s">
        <v>18146</v>
      </c>
      <c r="C29302" t="s">
        <v>18139</v>
      </c>
      <c r="D29302" t="s">
        <v>18140</v>
      </c>
      <c r="E29302" t="s">
        <v>18039</v>
      </c>
      <c r="F29302" t="s">
        <v>18040</v>
      </c>
      <c r="G29302" t="s">
        <v>16559</v>
      </c>
      <c r="H29302" t="s">
        <v>16560</v>
      </c>
      <c r="I29302" s="2">
        <v>1</v>
      </c>
      <c r="J29302" s="2">
        <v>0</v>
      </c>
      <c r="K29302" s="2">
        <v>0</v>
      </c>
      <c r="L29302" t="s">
        <v>120</v>
      </c>
      <c r="M29302" t="s">
        <v>83</v>
      </c>
      <c r="N29302" t="s">
        <v>84</v>
      </c>
      <c r="O29302" t="s">
        <v>85</v>
      </c>
      <c r="P29302" t="s">
        <v>86</v>
      </c>
      <c r="Q29302">
        <v>17</v>
      </c>
      <c r="R29302">
        <v>18</v>
      </c>
      <c r="S29302">
        <v>18</v>
      </c>
      <c r="T29302">
        <v>18</v>
      </c>
      <c r="U29302">
        <v>18</v>
      </c>
      <c r="V29302">
        <v>18</v>
      </c>
      <c r="W29302">
        <v>18</v>
      </c>
      <c r="X29302">
        <v>19</v>
      </c>
      <c r="Y29302">
        <v>19</v>
      </c>
      <c r="Z29302">
        <v>19</v>
      </c>
      <c r="AA29302">
        <v>19</v>
      </c>
      <c r="AB29302">
        <v>19</v>
      </c>
      <c r="AC29302">
        <v>19</v>
      </c>
      <c r="AD29302">
        <v>20</v>
      </c>
      <c r="AE29302">
        <v>20</v>
      </c>
      <c r="AF29302">
        <v>20</v>
      </c>
      <c r="AG29302">
        <v>20</v>
      </c>
      <c r="AH29302">
        <v>20</v>
      </c>
      <c r="AI29302">
        <v>20</v>
      </c>
      <c r="AJ29302">
        <v>21</v>
      </c>
      <c r="AK29302">
        <v>21</v>
      </c>
      <c r="AL29302">
        <v>21</v>
      </c>
      <c r="AM29302">
        <v>21</v>
      </c>
      <c r="AN29302">
        <v>21</v>
      </c>
      <c r="AO29302">
        <v>21</v>
      </c>
      <c r="AP29302">
        <v>21</v>
      </c>
      <c r="AQ29302">
        <v>21</v>
      </c>
    </row>
    <row r="29303" spans="1:43">
      <c r="A29303" t="s">
        <v>18145</v>
      </c>
      <c r="B29303" t="s">
        <v>18146</v>
      </c>
      <c r="C29303" t="s">
        <v>18139</v>
      </c>
      <c r="D29303" t="s">
        <v>18140</v>
      </c>
      <c r="E29303" t="s">
        <v>18039</v>
      </c>
      <c r="F29303" t="s">
        <v>18040</v>
      </c>
      <c r="G29303" t="s">
        <v>16559</v>
      </c>
      <c r="H29303" t="s">
        <v>16560</v>
      </c>
      <c r="I29303" s="2">
        <v>1</v>
      </c>
      <c r="J29303" s="2">
        <v>0</v>
      </c>
      <c r="K29303" s="2">
        <v>0</v>
      </c>
      <c r="L29303" t="s">
        <v>120</v>
      </c>
      <c r="M29303" t="s">
        <v>87</v>
      </c>
      <c r="N29303" t="s">
        <v>88</v>
      </c>
      <c r="O29303" t="s">
        <v>85</v>
      </c>
      <c r="P29303" t="s">
        <v>86</v>
      </c>
      <c r="Q29303">
        <v>17</v>
      </c>
      <c r="R29303">
        <v>17</v>
      </c>
      <c r="S29303">
        <v>17</v>
      </c>
      <c r="T29303">
        <v>17</v>
      </c>
      <c r="U29303">
        <v>17</v>
      </c>
      <c r="V29303">
        <v>17</v>
      </c>
      <c r="W29303">
        <v>17</v>
      </c>
      <c r="X29303">
        <v>17</v>
      </c>
      <c r="Y29303">
        <v>17</v>
      </c>
      <c r="Z29303">
        <v>17</v>
      </c>
      <c r="AA29303">
        <v>17</v>
      </c>
      <c r="AB29303">
        <v>17</v>
      </c>
      <c r="AC29303">
        <v>18</v>
      </c>
      <c r="AD29303">
        <v>18</v>
      </c>
      <c r="AE29303">
        <v>18</v>
      </c>
      <c r="AF29303">
        <v>18</v>
      </c>
      <c r="AG29303">
        <v>18</v>
      </c>
      <c r="AH29303">
        <v>18</v>
      </c>
      <c r="AI29303">
        <v>18</v>
      </c>
      <c r="AJ29303">
        <v>18</v>
      </c>
      <c r="AK29303">
        <v>18</v>
      </c>
      <c r="AL29303">
        <v>18</v>
      </c>
      <c r="AM29303">
        <v>18</v>
      </c>
      <c r="AN29303">
        <v>18</v>
      </c>
      <c r="AO29303">
        <v>18</v>
      </c>
      <c r="AP29303">
        <v>18</v>
      </c>
      <c r="AQ29303">
        <v>18</v>
      </c>
    </row>
    <row r="29304" spans="1:43">
      <c r="A29304" t="s">
        <v>18145</v>
      </c>
      <c r="B29304" t="s">
        <v>18146</v>
      </c>
      <c r="C29304" t="s">
        <v>18139</v>
      </c>
      <c r="D29304" t="s">
        <v>18140</v>
      </c>
      <c r="E29304" t="s">
        <v>18039</v>
      </c>
      <c r="F29304" t="s">
        <v>18040</v>
      </c>
      <c r="G29304" t="s">
        <v>16559</v>
      </c>
      <c r="H29304" t="s">
        <v>16560</v>
      </c>
      <c r="I29304" s="2">
        <v>1</v>
      </c>
      <c r="J29304" s="2">
        <v>0</v>
      </c>
      <c r="K29304" s="2">
        <v>0</v>
      </c>
      <c r="L29304" t="s">
        <v>120</v>
      </c>
      <c r="M29304" t="s">
        <v>89</v>
      </c>
      <c r="N29304" t="s">
        <v>90</v>
      </c>
      <c r="O29304" t="s">
        <v>85</v>
      </c>
      <c r="P29304" t="s">
        <v>86</v>
      </c>
      <c r="Q29304">
        <v>17</v>
      </c>
      <c r="R29304">
        <v>17</v>
      </c>
      <c r="S29304">
        <v>17</v>
      </c>
      <c r="T29304">
        <v>18</v>
      </c>
      <c r="U29304">
        <v>18</v>
      </c>
      <c r="V29304">
        <v>18</v>
      </c>
      <c r="W29304">
        <v>18</v>
      </c>
      <c r="X29304">
        <v>19</v>
      </c>
      <c r="Y29304">
        <v>19</v>
      </c>
      <c r="Z29304">
        <v>19</v>
      </c>
      <c r="AA29304">
        <v>19</v>
      </c>
      <c r="AB29304">
        <v>20</v>
      </c>
      <c r="AC29304">
        <v>20</v>
      </c>
      <c r="AD29304">
        <v>20</v>
      </c>
      <c r="AE29304">
        <v>20</v>
      </c>
      <c r="AF29304">
        <v>20</v>
      </c>
      <c r="AG29304">
        <v>20</v>
      </c>
      <c r="AH29304">
        <v>20</v>
      </c>
      <c r="AI29304">
        <v>20</v>
      </c>
      <c r="AJ29304">
        <v>20</v>
      </c>
      <c r="AK29304">
        <v>20</v>
      </c>
      <c r="AL29304">
        <v>20</v>
      </c>
      <c r="AM29304">
        <v>20</v>
      </c>
      <c r="AN29304">
        <v>20</v>
      </c>
      <c r="AO29304">
        <v>20</v>
      </c>
      <c r="AP29304">
        <v>20</v>
      </c>
      <c r="AQ29304">
        <v>20</v>
      </c>
    </row>
    <row r="29305" spans="1:43">
      <c r="A29305" t="s">
        <v>18145</v>
      </c>
      <c r="B29305" t="s">
        <v>18146</v>
      </c>
      <c r="C29305" t="s">
        <v>18139</v>
      </c>
      <c r="D29305" t="s">
        <v>18140</v>
      </c>
      <c r="E29305" t="s">
        <v>18039</v>
      </c>
      <c r="F29305" t="s">
        <v>18040</v>
      </c>
      <c r="G29305" t="s">
        <v>16559</v>
      </c>
      <c r="H29305" t="s">
        <v>16560</v>
      </c>
      <c r="I29305" s="2">
        <v>1</v>
      </c>
      <c r="J29305" s="2">
        <v>0</v>
      </c>
      <c r="K29305" s="2">
        <v>0</v>
      </c>
      <c r="L29305" t="s">
        <v>120</v>
      </c>
      <c r="M29305" t="s">
        <v>83</v>
      </c>
      <c r="N29305" t="s">
        <v>91</v>
      </c>
      <c r="O29305" t="s">
        <v>85</v>
      </c>
      <c r="P29305" t="s">
        <v>86</v>
      </c>
      <c r="Q29305">
        <v>17</v>
      </c>
      <c r="R29305">
        <v>18</v>
      </c>
      <c r="S29305">
        <v>18</v>
      </c>
      <c r="T29305">
        <v>18</v>
      </c>
      <c r="U29305">
        <v>18</v>
      </c>
      <c r="V29305">
        <v>18</v>
      </c>
      <c r="W29305">
        <v>18</v>
      </c>
      <c r="X29305">
        <v>19</v>
      </c>
      <c r="Y29305">
        <v>19</v>
      </c>
      <c r="Z29305">
        <v>19</v>
      </c>
      <c r="AA29305">
        <v>19</v>
      </c>
      <c r="AB29305">
        <v>19</v>
      </c>
      <c r="AC29305">
        <v>19</v>
      </c>
      <c r="AD29305">
        <v>20</v>
      </c>
      <c r="AE29305">
        <v>20</v>
      </c>
      <c r="AF29305">
        <v>20</v>
      </c>
      <c r="AG29305">
        <v>20</v>
      </c>
      <c r="AH29305">
        <v>20</v>
      </c>
      <c r="AI29305">
        <v>20</v>
      </c>
      <c r="AJ29305">
        <v>21</v>
      </c>
      <c r="AK29305">
        <v>21</v>
      </c>
      <c r="AL29305">
        <v>21</v>
      </c>
      <c r="AM29305">
        <v>21</v>
      </c>
      <c r="AN29305">
        <v>21</v>
      </c>
      <c r="AO29305">
        <v>21</v>
      </c>
      <c r="AP29305">
        <v>21</v>
      </c>
      <c r="AQ29305">
        <v>21</v>
      </c>
    </row>
    <row r="29306" spans="1:43">
      <c r="A29306" t="s">
        <v>18147</v>
      </c>
      <c r="B29306" t="s">
        <v>18148</v>
      </c>
      <c r="C29306" t="s">
        <v>18149</v>
      </c>
      <c r="D29306" t="s">
        <v>18150</v>
      </c>
      <c r="E29306" t="s">
        <v>18039</v>
      </c>
      <c r="F29306" t="s">
        <v>18040</v>
      </c>
      <c r="G29306" t="s">
        <v>16559</v>
      </c>
      <c r="H29306" t="s">
        <v>16560</v>
      </c>
      <c r="I29306" s="2">
        <v>1</v>
      </c>
      <c r="J29306" s="2">
        <v>0</v>
      </c>
      <c r="K29306" s="2">
        <v>0</v>
      </c>
      <c r="L29306" t="s">
        <v>120</v>
      </c>
      <c r="M29306" t="s">
        <v>83</v>
      </c>
      <c r="N29306" t="s">
        <v>84</v>
      </c>
      <c r="O29306" t="s">
        <v>85</v>
      </c>
      <c r="P29306" t="s">
        <v>86</v>
      </c>
      <c r="Q29306">
        <v>6</v>
      </c>
      <c r="R29306">
        <v>6</v>
      </c>
      <c r="S29306">
        <v>6</v>
      </c>
      <c r="T29306">
        <v>6</v>
      </c>
      <c r="U29306">
        <v>6</v>
      </c>
      <c r="V29306">
        <v>6</v>
      </c>
      <c r="W29306">
        <v>6</v>
      </c>
      <c r="X29306">
        <v>6</v>
      </c>
      <c r="Y29306">
        <v>6</v>
      </c>
      <c r="Z29306">
        <v>6</v>
      </c>
      <c r="AA29306">
        <v>6</v>
      </c>
      <c r="AB29306">
        <v>6</v>
      </c>
      <c r="AC29306">
        <v>6</v>
      </c>
      <c r="AD29306">
        <v>6</v>
      </c>
      <c r="AE29306">
        <v>7</v>
      </c>
      <c r="AF29306">
        <v>7</v>
      </c>
      <c r="AG29306">
        <v>7</v>
      </c>
      <c r="AH29306">
        <v>7</v>
      </c>
      <c r="AI29306">
        <v>7</v>
      </c>
      <c r="AJ29306">
        <v>7</v>
      </c>
      <c r="AK29306">
        <v>7</v>
      </c>
      <c r="AL29306">
        <v>7</v>
      </c>
      <c r="AM29306">
        <v>7</v>
      </c>
      <c r="AN29306">
        <v>7</v>
      </c>
      <c r="AO29306">
        <v>7</v>
      </c>
      <c r="AP29306">
        <v>7</v>
      </c>
      <c r="AQ29306">
        <v>7</v>
      </c>
    </row>
    <row r="29307" spans="1:43">
      <c r="A29307" t="s">
        <v>18147</v>
      </c>
      <c r="B29307" t="s">
        <v>18148</v>
      </c>
      <c r="C29307" t="s">
        <v>18149</v>
      </c>
      <c r="D29307" t="s">
        <v>18150</v>
      </c>
      <c r="E29307" t="s">
        <v>18039</v>
      </c>
      <c r="F29307" t="s">
        <v>18040</v>
      </c>
      <c r="G29307" t="s">
        <v>16559</v>
      </c>
      <c r="H29307" t="s">
        <v>16560</v>
      </c>
      <c r="I29307" s="2">
        <v>1</v>
      </c>
      <c r="J29307" s="2">
        <v>0</v>
      </c>
      <c r="K29307" s="2">
        <v>0</v>
      </c>
      <c r="L29307" t="s">
        <v>120</v>
      </c>
      <c r="M29307" t="s">
        <v>87</v>
      </c>
      <c r="N29307" t="s">
        <v>88</v>
      </c>
      <c r="O29307" t="s">
        <v>85</v>
      </c>
      <c r="P29307" t="s">
        <v>86</v>
      </c>
      <c r="Q29307">
        <v>6</v>
      </c>
      <c r="R29307">
        <v>6</v>
      </c>
      <c r="S29307">
        <v>6</v>
      </c>
      <c r="T29307">
        <v>6</v>
      </c>
      <c r="U29307">
        <v>6</v>
      </c>
      <c r="V29307">
        <v>6</v>
      </c>
      <c r="W29307">
        <v>6</v>
      </c>
      <c r="X29307">
        <v>6</v>
      </c>
      <c r="Y29307">
        <v>6</v>
      </c>
      <c r="Z29307">
        <v>6</v>
      </c>
      <c r="AA29307">
        <v>6</v>
      </c>
      <c r="AB29307">
        <v>6</v>
      </c>
      <c r="AC29307">
        <v>6</v>
      </c>
      <c r="AD29307">
        <v>6</v>
      </c>
      <c r="AE29307">
        <v>6</v>
      </c>
      <c r="AF29307">
        <v>6</v>
      </c>
      <c r="AG29307">
        <v>6</v>
      </c>
      <c r="AH29307">
        <v>6</v>
      </c>
      <c r="AI29307">
        <v>6</v>
      </c>
      <c r="AJ29307">
        <v>6</v>
      </c>
      <c r="AK29307">
        <v>6</v>
      </c>
      <c r="AL29307">
        <v>6</v>
      </c>
      <c r="AM29307">
        <v>6</v>
      </c>
      <c r="AN29307">
        <v>6</v>
      </c>
      <c r="AO29307">
        <v>6</v>
      </c>
      <c r="AP29307">
        <v>6</v>
      </c>
      <c r="AQ29307">
        <v>6</v>
      </c>
    </row>
    <row r="29308" spans="1:43">
      <c r="A29308" t="s">
        <v>18147</v>
      </c>
      <c r="B29308" t="s">
        <v>18148</v>
      </c>
      <c r="C29308" t="s">
        <v>18149</v>
      </c>
      <c r="D29308" t="s">
        <v>18150</v>
      </c>
      <c r="E29308" t="s">
        <v>18039</v>
      </c>
      <c r="F29308" t="s">
        <v>18040</v>
      </c>
      <c r="G29308" t="s">
        <v>16559</v>
      </c>
      <c r="H29308" t="s">
        <v>16560</v>
      </c>
      <c r="I29308" s="2">
        <v>1</v>
      </c>
      <c r="J29308" s="2">
        <v>0</v>
      </c>
      <c r="K29308" s="2">
        <v>0</v>
      </c>
      <c r="L29308" t="s">
        <v>120</v>
      </c>
      <c r="M29308" t="s">
        <v>89</v>
      </c>
      <c r="N29308" t="s">
        <v>90</v>
      </c>
      <c r="O29308" t="s">
        <v>85</v>
      </c>
      <c r="P29308" t="s">
        <v>86</v>
      </c>
      <c r="Q29308">
        <v>6</v>
      </c>
      <c r="R29308">
        <v>6</v>
      </c>
      <c r="S29308">
        <v>6</v>
      </c>
      <c r="T29308">
        <v>6</v>
      </c>
      <c r="U29308">
        <v>6</v>
      </c>
      <c r="V29308">
        <v>6</v>
      </c>
      <c r="W29308">
        <v>6</v>
      </c>
      <c r="X29308">
        <v>6</v>
      </c>
      <c r="Y29308">
        <v>7</v>
      </c>
      <c r="Z29308">
        <v>7</v>
      </c>
      <c r="AA29308">
        <v>7</v>
      </c>
      <c r="AB29308">
        <v>7</v>
      </c>
      <c r="AC29308">
        <v>7</v>
      </c>
      <c r="AD29308">
        <v>7</v>
      </c>
      <c r="AE29308">
        <v>7</v>
      </c>
      <c r="AF29308">
        <v>7</v>
      </c>
      <c r="AG29308">
        <v>7</v>
      </c>
      <c r="AH29308">
        <v>7</v>
      </c>
      <c r="AI29308">
        <v>7</v>
      </c>
      <c r="AJ29308">
        <v>7</v>
      </c>
      <c r="AK29308">
        <v>7</v>
      </c>
      <c r="AL29308">
        <v>7</v>
      </c>
      <c r="AM29308">
        <v>7</v>
      </c>
      <c r="AN29308">
        <v>7</v>
      </c>
      <c r="AO29308">
        <v>7</v>
      </c>
      <c r="AP29308">
        <v>7</v>
      </c>
      <c r="AQ29308">
        <v>7</v>
      </c>
    </row>
    <row r="29309" spans="1:43">
      <c r="A29309" t="s">
        <v>18147</v>
      </c>
      <c r="B29309" t="s">
        <v>18148</v>
      </c>
      <c r="C29309" t="s">
        <v>18149</v>
      </c>
      <c r="D29309" t="s">
        <v>18150</v>
      </c>
      <c r="E29309" t="s">
        <v>18039</v>
      </c>
      <c r="F29309" t="s">
        <v>18040</v>
      </c>
      <c r="G29309" t="s">
        <v>16559</v>
      </c>
      <c r="H29309" t="s">
        <v>16560</v>
      </c>
      <c r="I29309" s="2">
        <v>1</v>
      </c>
      <c r="J29309" s="2">
        <v>0</v>
      </c>
      <c r="K29309" s="2">
        <v>0</v>
      </c>
      <c r="L29309" t="s">
        <v>120</v>
      </c>
      <c r="M29309" t="s">
        <v>83</v>
      </c>
      <c r="N29309" t="s">
        <v>91</v>
      </c>
      <c r="O29309" t="s">
        <v>85</v>
      </c>
      <c r="P29309" t="s">
        <v>86</v>
      </c>
      <c r="Q29309">
        <v>6</v>
      </c>
      <c r="R29309">
        <v>6</v>
      </c>
      <c r="S29309">
        <v>6</v>
      </c>
      <c r="T29309">
        <v>6</v>
      </c>
      <c r="U29309">
        <v>6</v>
      </c>
      <c r="V29309">
        <v>6</v>
      </c>
      <c r="W29309">
        <v>6</v>
      </c>
      <c r="X29309">
        <v>6</v>
      </c>
      <c r="Y29309">
        <v>6</v>
      </c>
      <c r="Z29309">
        <v>6</v>
      </c>
      <c r="AA29309">
        <v>6</v>
      </c>
      <c r="AB29309">
        <v>6</v>
      </c>
      <c r="AC29309">
        <v>6</v>
      </c>
      <c r="AD29309">
        <v>6</v>
      </c>
      <c r="AE29309">
        <v>7</v>
      </c>
      <c r="AF29309">
        <v>7</v>
      </c>
      <c r="AG29309">
        <v>7</v>
      </c>
      <c r="AH29309">
        <v>7</v>
      </c>
      <c r="AI29309">
        <v>7</v>
      </c>
      <c r="AJ29309">
        <v>7</v>
      </c>
      <c r="AK29309">
        <v>7</v>
      </c>
      <c r="AL29309">
        <v>7</v>
      </c>
      <c r="AM29309">
        <v>7</v>
      </c>
      <c r="AN29309">
        <v>7</v>
      </c>
      <c r="AO29309">
        <v>7</v>
      </c>
      <c r="AP29309">
        <v>7</v>
      </c>
      <c r="AQ29309">
        <v>7</v>
      </c>
    </row>
    <row r="29310" spans="1:43">
      <c r="A29310" t="s">
        <v>18151</v>
      </c>
      <c r="B29310" t="s">
        <v>18152</v>
      </c>
      <c r="C29310" t="s">
        <v>18149</v>
      </c>
      <c r="D29310" t="s">
        <v>18150</v>
      </c>
      <c r="E29310" t="s">
        <v>18039</v>
      </c>
      <c r="F29310" t="s">
        <v>18040</v>
      </c>
      <c r="G29310" t="s">
        <v>16559</v>
      </c>
      <c r="H29310" t="s">
        <v>16560</v>
      </c>
      <c r="I29310" s="2">
        <v>1</v>
      </c>
      <c r="J29310" s="2">
        <v>0</v>
      </c>
      <c r="K29310" s="2">
        <v>0</v>
      </c>
      <c r="L29310" t="s">
        <v>120</v>
      </c>
      <c r="M29310" t="s">
        <v>83</v>
      </c>
      <c r="N29310" t="s">
        <v>84</v>
      </c>
      <c r="O29310" t="s">
        <v>85</v>
      </c>
      <c r="P29310" t="s">
        <v>86</v>
      </c>
      <c r="Q29310">
        <v>19</v>
      </c>
      <c r="R29310">
        <v>19</v>
      </c>
      <c r="S29310">
        <v>19</v>
      </c>
      <c r="T29310">
        <v>19</v>
      </c>
      <c r="U29310">
        <v>20</v>
      </c>
      <c r="V29310">
        <v>20</v>
      </c>
      <c r="W29310">
        <v>20</v>
      </c>
      <c r="X29310">
        <v>20</v>
      </c>
      <c r="Y29310">
        <v>20</v>
      </c>
      <c r="Z29310">
        <v>20</v>
      </c>
      <c r="AA29310">
        <v>21</v>
      </c>
      <c r="AB29310">
        <v>21</v>
      </c>
      <c r="AC29310">
        <v>21</v>
      </c>
      <c r="AD29310">
        <v>21</v>
      </c>
      <c r="AE29310">
        <v>21</v>
      </c>
      <c r="AF29310">
        <v>22</v>
      </c>
      <c r="AG29310">
        <v>22</v>
      </c>
      <c r="AH29310">
        <v>22</v>
      </c>
      <c r="AI29310">
        <v>22</v>
      </c>
      <c r="AJ29310">
        <v>22</v>
      </c>
      <c r="AK29310">
        <v>23</v>
      </c>
      <c r="AL29310">
        <v>23</v>
      </c>
      <c r="AM29310">
        <v>23</v>
      </c>
      <c r="AN29310">
        <v>23</v>
      </c>
      <c r="AO29310">
        <v>23</v>
      </c>
      <c r="AP29310">
        <v>23</v>
      </c>
      <c r="AQ29310">
        <v>23</v>
      </c>
    </row>
    <row r="29311" spans="1:43">
      <c r="A29311" t="s">
        <v>18151</v>
      </c>
      <c r="B29311" t="s">
        <v>18152</v>
      </c>
      <c r="C29311" t="s">
        <v>18149</v>
      </c>
      <c r="D29311" t="s">
        <v>18150</v>
      </c>
      <c r="E29311" t="s">
        <v>18039</v>
      </c>
      <c r="F29311" t="s">
        <v>18040</v>
      </c>
      <c r="G29311" t="s">
        <v>16559</v>
      </c>
      <c r="H29311" t="s">
        <v>16560</v>
      </c>
      <c r="I29311" s="2">
        <v>1</v>
      </c>
      <c r="J29311" s="2">
        <v>0</v>
      </c>
      <c r="K29311" s="2">
        <v>0</v>
      </c>
      <c r="L29311" t="s">
        <v>120</v>
      </c>
      <c r="M29311" t="s">
        <v>87</v>
      </c>
      <c r="N29311" t="s">
        <v>88</v>
      </c>
      <c r="O29311" t="s">
        <v>85</v>
      </c>
      <c r="P29311" t="s">
        <v>86</v>
      </c>
      <c r="Q29311">
        <v>19</v>
      </c>
      <c r="R29311">
        <v>20</v>
      </c>
      <c r="S29311">
        <v>20</v>
      </c>
      <c r="T29311">
        <v>20</v>
      </c>
      <c r="U29311">
        <v>20</v>
      </c>
      <c r="V29311">
        <v>20</v>
      </c>
      <c r="W29311">
        <v>20</v>
      </c>
      <c r="X29311">
        <v>20</v>
      </c>
      <c r="Y29311">
        <v>20</v>
      </c>
      <c r="Z29311">
        <v>20</v>
      </c>
      <c r="AA29311">
        <v>20</v>
      </c>
      <c r="AB29311">
        <v>20</v>
      </c>
      <c r="AC29311">
        <v>20</v>
      </c>
      <c r="AD29311">
        <v>20</v>
      </c>
      <c r="AE29311">
        <v>20</v>
      </c>
      <c r="AF29311">
        <v>20</v>
      </c>
      <c r="AG29311">
        <v>20</v>
      </c>
      <c r="AH29311">
        <v>20</v>
      </c>
      <c r="AI29311">
        <v>20</v>
      </c>
      <c r="AJ29311">
        <v>20</v>
      </c>
      <c r="AK29311">
        <v>20</v>
      </c>
      <c r="AL29311">
        <v>20</v>
      </c>
      <c r="AM29311">
        <v>20</v>
      </c>
      <c r="AN29311">
        <v>20</v>
      </c>
      <c r="AO29311">
        <v>20</v>
      </c>
      <c r="AP29311">
        <v>21</v>
      </c>
      <c r="AQ29311">
        <v>21</v>
      </c>
    </row>
    <row r="29312" spans="1:43">
      <c r="A29312" t="s">
        <v>18151</v>
      </c>
      <c r="B29312" t="s">
        <v>18152</v>
      </c>
      <c r="C29312" t="s">
        <v>18149</v>
      </c>
      <c r="D29312" t="s">
        <v>18150</v>
      </c>
      <c r="E29312" t="s">
        <v>18039</v>
      </c>
      <c r="F29312" t="s">
        <v>18040</v>
      </c>
      <c r="G29312" t="s">
        <v>16559</v>
      </c>
      <c r="H29312" t="s">
        <v>16560</v>
      </c>
      <c r="I29312" s="2">
        <v>1</v>
      </c>
      <c r="J29312" s="2">
        <v>0</v>
      </c>
      <c r="K29312" s="2">
        <v>0</v>
      </c>
      <c r="L29312" t="s">
        <v>120</v>
      </c>
      <c r="M29312" t="s">
        <v>89</v>
      </c>
      <c r="N29312" t="s">
        <v>90</v>
      </c>
      <c r="O29312" t="s">
        <v>85</v>
      </c>
      <c r="P29312" t="s">
        <v>86</v>
      </c>
      <c r="Q29312">
        <v>19</v>
      </c>
      <c r="R29312">
        <v>19</v>
      </c>
      <c r="S29312">
        <v>20</v>
      </c>
      <c r="T29312">
        <v>20</v>
      </c>
      <c r="U29312">
        <v>20</v>
      </c>
      <c r="V29312">
        <v>21</v>
      </c>
      <c r="W29312">
        <v>21</v>
      </c>
      <c r="X29312">
        <v>21</v>
      </c>
      <c r="Y29312">
        <v>21</v>
      </c>
      <c r="Z29312">
        <v>22</v>
      </c>
      <c r="AA29312">
        <v>22</v>
      </c>
      <c r="AB29312">
        <v>22</v>
      </c>
      <c r="AC29312">
        <v>23</v>
      </c>
      <c r="AD29312">
        <v>23</v>
      </c>
      <c r="AE29312">
        <v>23</v>
      </c>
      <c r="AF29312">
        <v>23</v>
      </c>
      <c r="AG29312">
        <v>23</v>
      </c>
      <c r="AH29312">
        <v>23</v>
      </c>
      <c r="AI29312">
        <v>23</v>
      </c>
      <c r="AJ29312">
        <v>23</v>
      </c>
      <c r="AK29312">
        <v>23</v>
      </c>
      <c r="AL29312">
        <v>23</v>
      </c>
      <c r="AM29312">
        <v>23</v>
      </c>
      <c r="AN29312">
        <v>23</v>
      </c>
      <c r="AO29312">
        <v>23</v>
      </c>
      <c r="AP29312">
        <v>23</v>
      </c>
      <c r="AQ29312">
        <v>23</v>
      </c>
    </row>
    <row r="29313" spans="1:43">
      <c r="A29313" t="s">
        <v>18151</v>
      </c>
      <c r="B29313" t="s">
        <v>18152</v>
      </c>
      <c r="C29313" t="s">
        <v>18149</v>
      </c>
      <c r="D29313" t="s">
        <v>18150</v>
      </c>
      <c r="E29313" t="s">
        <v>18039</v>
      </c>
      <c r="F29313" t="s">
        <v>18040</v>
      </c>
      <c r="G29313" t="s">
        <v>16559</v>
      </c>
      <c r="H29313" t="s">
        <v>16560</v>
      </c>
      <c r="I29313" s="2">
        <v>1</v>
      </c>
      <c r="J29313" s="2">
        <v>0</v>
      </c>
      <c r="K29313" s="2">
        <v>0</v>
      </c>
      <c r="L29313" t="s">
        <v>120</v>
      </c>
      <c r="M29313" t="s">
        <v>83</v>
      </c>
      <c r="N29313" t="s">
        <v>91</v>
      </c>
      <c r="O29313" t="s">
        <v>85</v>
      </c>
      <c r="P29313" t="s">
        <v>86</v>
      </c>
      <c r="Q29313">
        <v>19</v>
      </c>
      <c r="R29313">
        <v>19</v>
      </c>
      <c r="S29313">
        <v>19</v>
      </c>
      <c r="T29313">
        <v>19</v>
      </c>
      <c r="U29313">
        <v>20</v>
      </c>
      <c r="V29313">
        <v>20</v>
      </c>
      <c r="W29313">
        <v>20</v>
      </c>
      <c r="X29313">
        <v>20</v>
      </c>
      <c r="Y29313">
        <v>20</v>
      </c>
      <c r="Z29313">
        <v>20</v>
      </c>
      <c r="AA29313">
        <v>21</v>
      </c>
      <c r="AB29313">
        <v>21</v>
      </c>
      <c r="AC29313">
        <v>21</v>
      </c>
      <c r="AD29313">
        <v>21</v>
      </c>
      <c r="AE29313">
        <v>21</v>
      </c>
      <c r="AF29313">
        <v>22</v>
      </c>
      <c r="AG29313">
        <v>22</v>
      </c>
      <c r="AH29313">
        <v>22</v>
      </c>
      <c r="AI29313">
        <v>22</v>
      </c>
      <c r="AJ29313">
        <v>22</v>
      </c>
      <c r="AK29313">
        <v>23</v>
      </c>
      <c r="AL29313">
        <v>23</v>
      </c>
      <c r="AM29313">
        <v>23</v>
      </c>
      <c r="AN29313">
        <v>23</v>
      </c>
      <c r="AO29313">
        <v>23</v>
      </c>
      <c r="AP29313">
        <v>23</v>
      </c>
      <c r="AQ29313">
        <v>23</v>
      </c>
    </row>
    <row r="29314" spans="1:43">
      <c r="A29314" t="s">
        <v>18153</v>
      </c>
      <c r="B29314" t="s">
        <v>18154</v>
      </c>
      <c r="C29314" t="s">
        <v>18149</v>
      </c>
      <c r="D29314" t="s">
        <v>18150</v>
      </c>
      <c r="E29314" t="s">
        <v>18039</v>
      </c>
      <c r="F29314" t="s">
        <v>18040</v>
      </c>
      <c r="G29314" t="s">
        <v>16559</v>
      </c>
      <c r="H29314" t="s">
        <v>16560</v>
      </c>
      <c r="I29314" s="2">
        <v>1</v>
      </c>
      <c r="J29314" s="2">
        <v>0</v>
      </c>
      <c r="K29314" s="2">
        <v>0</v>
      </c>
      <c r="L29314" t="s">
        <v>120</v>
      </c>
      <c r="M29314" t="s">
        <v>83</v>
      </c>
      <c r="N29314" t="s">
        <v>84</v>
      </c>
      <c r="O29314" t="s">
        <v>85</v>
      </c>
      <c r="P29314" t="s">
        <v>86</v>
      </c>
      <c r="Q29314">
        <v>31</v>
      </c>
      <c r="R29314">
        <v>31</v>
      </c>
      <c r="S29314">
        <v>32</v>
      </c>
      <c r="T29314">
        <v>32</v>
      </c>
      <c r="U29314">
        <v>32</v>
      </c>
      <c r="V29314">
        <v>33</v>
      </c>
      <c r="W29314">
        <v>33</v>
      </c>
      <c r="X29314">
        <v>33</v>
      </c>
      <c r="Y29314">
        <v>34</v>
      </c>
      <c r="Z29314">
        <v>34</v>
      </c>
      <c r="AA29314">
        <v>34</v>
      </c>
      <c r="AB29314">
        <v>34</v>
      </c>
      <c r="AC29314">
        <v>35</v>
      </c>
      <c r="AD29314">
        <v>35</v>
      </c>
      <c r="AE29314">
        <v>35</v>
      </c>
      <c r="AF29314">
        <v>36</v>
      </c>
      <c r="AG29314">
        <v>36</v>
      </c>
      <c r="AH29314">
        <v>36</v>
      </c>
      <c r="AI29314">
        <v>37</v>
      </c>
      <c r="AJ29314">
        <v>37</v>
      </c>
      <c r="AK29314">
        <v>37</v>
      </c>
      <c r="AL29314">
        <v>37</v>
      </c>
      <c r="AM29314">
        <v>37</v>
      </c>
      <c r="AN29314">
        <v>37</v>
      </c>
      <c r="AO29314">
        <v>37</v>
      </c>
      <c r="AP29314">
        <v>37</v>
      </c>
      <c r="AQ29314">
        <v>37</v>
      </c>
    </row>
    <row r="29315" spans="1:43">
      <c r="A29315" t="s">
        <v>18153</v>
      </c>
      <c r="B29315" t="s">
        <v>18154</v>
      </c>
      <c r="C29315" t="s">
        <v>18149</v>
      </c>
      <c r="D29315" t="s">
        <v>18150</v>
      </c>
      <c r="E29315" t="s">
        <v>18039</v>
      </c>
      <c r="F29315" t="s">
        <v>18040</v>
      </c>
      <c r="G29315" t="s">
        <v>16559</v>
      </c>
      <c r="H29315" t="s">
        <v>16560</v>
      </c>
      <c r="I29315" s="2">
        <v>1</v>
      </c>
      <c r="J29315" s="2">
        <v>0</v>
      </c>
      <c r="K29315" s="2">
        <v>0</v>
      </c>
      <c r="L29315" t="s">
        <v>120</v>
      </c>
      <c r="M29315" t="s">
        <v>87</v>
      </c>
      <c r="N29315" t="s">
        <v>88</v>
      </c>
      <c r="O29315" t="s">
        <v>85</v>
      </c>
      <c r="P29315" t="s">
        <v>86</v>
      </c>
      <c r="Q29315">
        <v>31</v>
      </c>
      <c r="R29315">
        <v>31</v>
      </c>
      <c r="S29315">
        <v>31</v>
      </c>
      <c r="T29315">
        <v>31</v>
      </c>
      <c r="U29315">
        <v>31</v>
      </c>
      <c r="V29315">
        <v>31</v>
      </c>
      <c r="W29315">
        <v>31</v>
      </c>
      <c r="X29315">
        <v>31</v>
      </c>
      <c r="Y29315">
        <v>31</v>
      </c>
      <c r="Z29315">
        <v>31</v>
      </c>
      <c r="AA29315">
        <v>31</v>
      </c>
      <c r="AB29315">
        <v>31</v>
      </c>
      <c r="AC29315">
        <v>31</v>
      </c>
      <c r="AD29315">
        <v>31</v>
      </c>
      <c r="AE29315">
        <v>31</v>
      </c>
      <c r="AF29315">
        <v>31</v>
      </c>
      <c r="AG29315">
        <v>32</v>
      </c>
      <c r="AH29315">
        <v>32</v>
      </c>
      <c r="AI29315">
        <v>32</v>
      </c>
      <c r="AJ29315">
        <v>32</v>
      </c>
      <c r="AK29315">
        <v>32</v>
      </c>
      <c r="AL29315">
        <v>32</v>
      </c>
      <c r="AM29315">
        <v>32</v>
      </c>
      <c r="AN29315">
        <v>32</v>
      </c>
      <c r="AO29315">
        <v>32</v>
      </c>
      <c r="AP29315">
        <v>32</v>
      </c>
      <c r="AQ29315">
        <v>32</v>
      </c>
    </row>
    <row r="29316" spans="1:43">
      <c r="A29316" t="s">
        <v>18153</v>
      </c>
      <c r="B29316" t="s">
        <v>18154</v>
      </c>
      <c r="C29316" t="s">
        <v>18149</v>
      </c>
      <c r="D29316" t="s">
        <v>18150</v>
      </c>
      <c r="E29316" t="s">
        <v>18039</v>
      </c>
      <c r="F29316" t="s">
        <v>18040</v>
      </c>
      <c r="G29316" t="s">
        <v>16559</v>
      </c>
      <c r="H29316" t="s">
        <v>16560</v>
      </c>
      <c r="I29316" s="2">
        <v>1</v>
      </c>
      <c r="J29316" s="2">
        <v>0</v>
      </c>
      <c r="K29316" s="2">
        <v>0</v>
      </c>
      <c r="L29316" t="s">
        <v>120</v>
      </c>
      <c r="M29316" t="s">
        <v>89</v>
      </c>
      <c r="N29316" t="s">
        <v>90</v>
      </c>
      <c r="O29316" t="s">
        <v>85</v>
      </c>
      <c r="P29316" t="s">
        <v>86</v>
      </c>
      <c r="Q29316">
        <v>31</v>
      </c>
      <c r="R29316">
        <v>32</v>
      </c>
      <c r="S29316">
        <v>32</v>
      </c>
      <c r="T29316">
        <v>33</v>
      </c>
      <c r="U29316">
        <v>33</v>
      </c>
      <c r="V29316">
        <v>34</v>
      </c>
      <c r="W29316">
        <v>34</v>
      </c>
      <c r="X29316">
        <v>35</v>
      </c>
      <c r="Y29316">
        <v>35</v>
      </c>
      <c r="Z29316">
        <v>36</v>
      </c>
      <c r="AA29316">
        <v>36</v>
      </c>
      <c r="AB29316">
        <v>37</v>
      </c>
      <c r="AC29316">
        <v>37</v>
      </c>
      <c r="AD29316">
        <v>38</v>
      </c>
      <c r="AE29316">
        <v>38</v>
      </c>
      <c r="AF29316">
        <v>38</v>
      </c>
      <c r="AG29316">
        <v>38</v>
      </c>
      <c r="AH29316">
        <v>38</v>
      </c>
      <c r="AI29316">
        <v>38</v>
      </c>
      <c r="AJ29316">
        <v>38</v>
      </c>
      <c r="AK29316">
        <v>38</v>
      </c>
      <c r="AL29316">
        <v>38</v>
      </c>
      <c r="AM29316">
        <v>38</v>
      </c>
      <c r="AN29316">
        <v>38</v>
      </c>
      <c r="AO29316">
        <v>38</v>
      </c>
      <c r="AP29316">
        <v>38</v>
      </c>
      <c r="AQ29316">
        <v>38</v>
      </c>
    </row>
    <row r="29317" spans="1:43">
      <c r="A29317" t="s">
        <v>18153</v>
      </c>
      <c r="B29317" t="s">
        <v>18154</v>
      </c>
      <c r="C29317" t="s">
        <v>18149</v>
      </c>
      <c r="D29317" t="s">
        <v>18150</v>
      </c>
      <c r="E29317" t="s">
        <v>18039</v>
      </c>
      <c r="F29317" t="s">
        <v>18040</v>
      </c>
      <c r="G29317" t="s">
        <v>16559</v>
      </c>
      <c r="H29317" t="s">
        <v>16560</v>
      </c>
      <c r="I29317" s="2">
        <v>1</v>
      </c>
      <c r="J29317" s="2">
        <v>0</v>
      </c>
      <c r="K29317" s="2">
        <v>0</v>
      </c>
      <c r="L29317" t="s">
        <v>120</v>
      </c>
      <c r="M29317" t="s">
        <v>83</v>
      </c>
      <c r="N29317" t="s">
        <v>91</v>
      </c>
      <c r="O29317" t="s">
        <v>85</v>
      </c>
      <c r="P29317" t="s">
        <v>86</v>
      </c>
      <c r="Q29317">
        <v>31</v>
      </c>
      <c r="R29317">
        <v>31</v>
      </c>
      <c r="S29317">
        <v>32</v>
      </c>
      <c r="T29317">
        <v>32</v>
      </c>
      <c r="U29317">
        <v>32</v>
      </c>
      <c r="V29317">
        <v>33</v>
      </c>
      <c r="W29317">
        <v>33</v>
      </c>
      <c r="X29317">
        <v>33</v>
      </c>
      <c r="Y29317">
        <v>34</v>
      </c>
      <c r="Z29317">
        <v>34</v>
      </c>
      <c r="AA29317">
        <v>34</v>
      </c>
      <c r="AB29317">
        <v>34</v>
      </c>
      <c r="AC29317">
        <v>35</v>
      </c>
      <c r="AD29317">
        <v>35</v>
      </c>
      <c r="AE29317">
        <v>35</v>
      </c>
      <c r="AF29317">
        <v>36</v>
      </c>
      <c r="AG29317">
        <v>36</v>
      </c>
      <c r="AH29317">
        <v>36</v>
      </c>
      <c r="AI29317">
        <v>37</v>
      </c>
      <c r="AJ29317">
        <v>37</v>
      </c>
      <c r="AK29317">
        <v>37</v>
      </c>
      <c r="AL29317">
        <v>37</v>
      </c>
      <c r="AM29317">
        <v>37</v>
      </c>
      <c r="AN29317">
        <v>37</v>
      </c>
      <c r="AO29317">
        <v>37</v>
      </c>
      <c r="AP29317">
        <v>37</v>
      </c>
      <c r="AQ29317">
        <v>37</v>
      </c>
    </row>
    <row r="29318" spans="1:43">
      <c r="A29318" t="s">
        <v>18155</v>
      </c>
      <c r="B29318" t="s">
        <v>18156</v>
      </c>
      <c r="C29318" t="s">
        <v>18149</v>
      </c>
      <c r="D29318" t="s">
        <v>18150</v>
      </c>
      <c r="E29318" t="s">
        <v>18039</v>
      </c>
      <c r="F29318" t="s">
        <v>18040</v>
      </c>
      <c r="G29318" t="s">
        <v>16559</v>
      </c>
      <c r="H29318" t="s">
        <v>16560</v>
      </c>
      <c r="I29318" s="2">
        <v>1</v>
      </c>
      <c r="J29318" s="2">
        <v>0</v>
      </c>
      <c r="K29318" s="2">
        <v>0</v>
      </c>
      <c r="L29318" t="s">
        <v>120</v>
      </c>
      <c r="M29318" t="s">
        <v>83</v>
      </c>
      <c r="N29318" t="s">
        <v>84</v>
      </c>
      <c r="O29318" t="s">
        <v>85</v>
      </c>
      <c r="P29318" t="s">
        <v>86</v>
      </c>
      <c r="Q29318">
        <v>22</v>
      </c>
      <c r="R29318">
        <v>22</v>
      </c>
      <c r="S29318">
        <v>23</v>
      </c>
      <c r="T29318">
        <v>23</v>
      </c>
      <c r="U29318">
        <v>23</v>
      </c>
      <c r="V29318">
        <v>23</v>
      </c>
      <c r="W29318">
        <v>24</v>
      </c>
      <c r="X29318">
        <v>24</v>
      </c>
      <c r="Y29318">
        <v>24</v>
      </c>
      <c r="Z29318">
        <v>24</v>
      </c>
      <c r="AA29318">
        <v>25</v>
      </c>
      <c r="AB29318">
        <v>25</v>
      </c>
      <c r="AC29318">
        <v>25</v>
      </c>
      <c r="AD29318">
        <v>25</v>
      </c>
      <c r="AE29318">
        <v>26</v>
      </c>
      <c r="AF29318">
        <v>26</v>
      </c>
      <c r="AG29318">
        <v>26</v>
      </c>
      <c r="AH29318">
        <v>26</v>
      </c>
      <c r="AI29318">
        <v>27</v>
      </c>
      <c r="AJ29318">
        <v>27</v>
      </c>
      <c r="AK29318">
        <v>27</v>
      </c>
      <c r="AL29318">
        <v>27</v>
      </c>
      <c r="AM29318">
        <v>27</v>
      </c>
      <c r="AN29318">
        <v>27</v>
      </c>
      <c r="AO29318">
        <v>27</v>
      </c>
      <c r="AP29318">
        <v>27</v>
      </c>
      <c r="AQ29318">
        <v>27</v>
      </c>
    </row>
    <row r="29319" spans="1:43">
      <c r="A29319" t="s">
        <v>18155</v>
      </c>
      <c r="B29319" t="s">
        <v>18156</v>
      </c>
      <c r="C29319" t="s">
        <v>18149</v>
      </c>
      <c r="D29319" t="s">
        <v>18150</v>
      </c>
      <c r="E29319" t="s">
        <v>18039</v>
      </c>
      <c r="F29319" t="s">
        <v>18040</v>
      </c>
      <c r="G29319" t="s">
        <v>16559</v>
      </c>
      <c r="H29319" t="s">
        <v>16560</v>
      </c>
      <c r="I29319" s="2">
        <v>1</v>
      </c>
      <c r="J29319" s="2">
        <v>0</v>
      </c>
      <c r="K29319" s="2">
        <v>0</v>
      </c>
      <c r="L29319" t="s">
        <v>120</v>
      </c>
      <c r="M29319" t="s">
        <v>87</v>
      </c>
      <c r="N29319" t="s">
        <v>88</v>
      </c>
      <c r="O29319" t="s">
        <v>85</v>
      </c>
      <c r="P29319" t="s">
        <v>86</v>
      </c>
      <c r="Q29319">
        <v>22</v>
      </c>
      <c r="R29319">
        <v>22</v>
      </c>
      <c r="S29319">
        <v>22</v>
      </c>
      <c r="T29319">
        <v>22</v>
      </c>
      <c r="U29319">
        <v>22</v>
      </c>
      <c r="V29319">
        <v>22</v>
      </c>
      <c r="W29319">
        <v>22</v>
      </c>
      <c r="X29319">
        <v>22</v>
      </c>
      <c r="Y29319">
        <v>22</v>
      </c>
      <c r="Z29319">
        <v>22</v>
      </c>
      <c r="AA29319">
        <v>23</v>
      </c>
      <c r="AB29319">
        <v>23</v>
      </c>
      <c r="AC29319">
        <v>23</v>
      </c>
      <c r="AD29319">
        <v>23</v>
      </c>
      <c r="AE29319">
        <v>23</v>
      </c>
      <c r="AF29319">
        <v>23</v>
      </c>
      <c r="AG29319">
        <v>23</v>
      </c>
      <c r="AH29319">
        <v>23</v>
      </c>
      <c r="AI29319">
        <v>23</v>
      </c>
      <c r="AJ29319">
        <v>23</v>
      </c>
      <c r="AK29319">
        <v>23</v>
      </c>
      <c r="AL29319">
        <v>23</v>
      </c>
      <c r="AM29319">
        <v>23</v>
      </c>
      <c r="AN29319">
        <v>23</v>
      </c>
      <c r="AO29319">
        <v>23</v>
      </c>
      <c r="AP29319">
        <v>23</v>
      </c>
      <c r="AQ29319">
        <v>23</v>
      </c>
    </row>
    <row r="29320" spans="1:43">
      <c r="A29320" t="s">
        <v>18155</v>
      </c>
      <c r="B29320" t="s">
        <v>18156</v>
      </c>
      <c r="C29320" t="s">
        <v>18149</v>
      </c>
      <c r="D29320" t="s">
        <v>18150</v>
      </c>
      <c r="E29320" t="s">
        <v>18039</v>
      </c>
      <c r="F29320" t="s">
        <v>18040</v>
      </c>
      <c r="G29320" t="s">
        <v>16559</v>
      </c>
      <c r="H29320" t="s">
        <v>16560</v>
      </c>
      <c r="I29320" s="2">
        <v>1</v>
      </c>
      <c r="J29320" s="2">
        <v>0</v>
      </c>
      <c r="K29320" s="2">
        <v>0</v>
      </c>
      <c r="L29320" t="s">
        <v>120</v>
      </c>
      <c r="M29320" t="s">
        <v>89</v>
      </c>
      <c r="N29320" t="s">
        <v>90</v>
      </c>
      <c r="O29320" t="s">
        <v>85</v>
      </c>
      <c r="P29320" t="s">
        <v>86</v>
      </c>
      <c r="Q29320">
        <v>22</v>
      </c>
      <c r="R29320">
        <v>23</v>
      </c>
      <c r="S29320">
        <v>23</v>
      </c>
      <c r="T29320">
        <v>24</v>
      </c>
      <c r="U29320">
        <v>24</v>
      </c>
      <c r="V29320">
        <v>25</v>
      </c>
      <c r="W29320">
        <v>25</v>
      </c>
      <c r="X29320">
        <v>25</v>
      </c>
      <c r="Y29320">
        <v>26</v>
      </c>
      <c r="Z29320">
        <v>26</v>
      </c>
      <c r="AA29320">
        <v>26</v>
      </c>
      <c r="AB29320">
        <v>27</v>
      </c>
      <c r="AC29320">
        <v>27</v>
      </c>
      <c r="AD29320">
        <v>27</v>
      </c>
      <c r="AE29320">
        <v>27</v>
      </c>
      <c r="AF29320">
        <v>27</v>
      </c>
      <c r="AG29320">
        <v>27</v>
      </c>
      <c r="AH29320">
        <v>27</v>
      </c>
      <c r="AI29320">
        <v>27</v>
      </c>
      <c r="AJ29320">
        <v>27</v>
      </c>
      <c r="AK29320">
        <v>27</v>
      </c>
      <c r="AL29320">
        <v>27</v>
      </c>
      <c r="AM29320">
        <v>27</v>
      </c>
      <c r="AN29320">
        <v>27</v>
      </c>
      <c r="AO29320">
        <v>27</v>
      </c>
      <c r="AP29320">
        <v>27</v>
      </c>
      <c r="AQ29320">
        <v>27</v>
      </c>
    </row>
    <row r="29321" spans="1:43">
      <c r="A29321" t="s">
        <v>18155</v>
      </c>
      <c r="B29321" t="s">
        <v>18156</v>
      </c>
      <c r="C29321" t="s">
        <v>18149</v>
      </c>
      <c r="D29321" t="s">
        <v>18150</v>
      </c>
      <c r="E29321" t="s">
        <v>18039</v>
      </c>
      <c r="F29321" t="s">
        <v>18040</v>
      </c>
      <c r="G29321" t="s">
        <v>16559</v>
      </c>
      <c r="H29321" t="s">
        <v>16560</v>
      </c>
      <c r="I29321" s="2">
        <v>1</v>
      </c>
      <c r="J29321" s="2">
        <v>0</v>
      </c>
      <c r="K29321" s="2">
        <v>0</v>
      </c>
      <c r="L29321" t="s">
        <v>120</v>
      </c>
      <c r="M29321" t="s">
        <v>83</v>
      </c>
      <c r="N29321" t="s">
        <v>91</v>
      </c>
      <c r="O29321" t="s">
        <v>85</v>
      </c>
      <c r="P29321" t="s">
        <v>86</v>
      </c>
      <c r="Q29321">
        <v>22</v>
      </c>
      <c r="R29321">
        <v>22</v>
      </c>
      <c r="S29321">
        <v>23</v>
      </c>
      <c r="T29321">
        <v>23</v>
      </c>
      <c r="U29321">
        <v>23</v>
      </c>
      <c r="V29321">
        <v>23</v>
      </c>
      <c r="W29321">
        <v>24</v>
      </c>
      <c r="X29321">
        <v>24</v>
      </c>
      <c r="Y29321">
        <v>24</v>
      </c>
      <c r="Z29321">
        <v>24</v>
      </c>
      <c r="AA29321">
        <v>25</v>
      </c>
      <c r="AB29321">
        <v>25</v>
      </c>
      <c r="AC29321">
        <v>25</v>
      </c>
      <c r="AD29321">
        <v>25</v>
      </c>
      <c r="AE29321">
        <v>26</v>
      </c>
      <c r="AF29321">
        <v>26</v>
      </c>
      <c r="AG29321">
        <v>26</v>
      </c>
      <c r="AH29321">
        <v>26</v>
      </c>
      <c r="AI29321">
        <v>27</v>
      </c>
      <c r="AJ29321">
        <v>27</v>
      </c>
      <c r="AK29321">
        <v>27</v>
      </c>
      <c r="AL29321">
        <v>27</v>
      </c>
      <c r="AM29321">
        <v>27</v>
      </c>
      <c r="AN29321">
        <v>27</v>
      </c>
      <c r="AO29321">
        <v>27</v>
      </c>
      <c r="AP29321">
        <v>27</v>
      </c>
      <c r="AQ29321">
        <v>27</v>
      </c>
    </row>
    <row r="29322" spans="1:43">
      <c r="A29322" t="s">
        <v>18157</v>
      </c>
      <c r="B29322" t="s">
        <v>18158</v>
      </c>
      <c r="C29322" t="s">
        <v>18159</v>
      </c>
      <c r="D29322" t="s">
        <v>18160</v>
      </c>
      <c r="E29322" t="s">
        <v>18039</v>
      </c>
      <c r="F29322" t="s">
        <v>18040</v>
      </c>
      <c r="G29322" t="s">
        <v>16559</v>
      </c>
      <c r="H29322" t="s">
        <v>16560</v>
      </c>
      <c r="I29322" s="2">
        <v>1</v>
      </c>
      <c r="J29322" s="2">
        <v>0</v>
      </c>
      <c r="K29322" s="2">
        <v>0</v>
      </c>
      <c r="L29322" t="s">
        <v>120</v>
      </c>
      <c r="M29322" t="s">
        <v>83</v>
      </c>
      <c r="N29322" t="s">
        <v>84</v>
      </c>
      <c r="O29322" t="s">
        <v>85</v>
      </c>
      <c r="P29322" t="s">
        <v>86</v>
      </c>
      <c r="Q29322">
        <v>9</v>
      </c>
      <c r="R29322">
        <v>9</v>
      </c>
      <c r="S29322">
        <v>10</v>
      </c>
      <c r="T29322">
        <v>10</v>
      </c>
      <c r="U29322">
        <v>10</v>
      </c>
      <c r="V29322">
        <v>10</v>
      </c>
      <c r="W29322">
        <v>10</v>
      </c>
      <c r="X29322">
        <v>10</v>
      </c>
      <c r="Y29322">
        <v>10</v>
      </c>
      <c r="Z29322">
        <v>10</v>
      </c>
      <c r="AA29322">
        <v>10</v>
      </c>
      <c r="AB29322">
        <v>10</v>
      </c>
      <c r="AC29322">
        <v>10</v>
      </c>
      <c r="AD29322">
        <v>11</v>
      </c>
      <c r="AE29322">
        <v>11</v>
      </c>
      <c r="AF29322">
        <v>11</v>
      </c>
      <c r="AG29322">
        <v>11</v>
      </c>
      <c r="AH29322">
        <v>11</v>
      </c>
      <c r="AI29322">
        <v>11</v>
      </c>
      <c r="AJ29322">
        <v>11</v>
      </c>
      <c r="AK29322">
        <v>11</v>
      </c>
      <c r="AL29322">
        <v>11</v>
      </c>
      <c r="AM29322">
        <v>11</v>
      </c>
      <c r="AN29322">
        <v>11</v>
      </c>
      <c r="AO29322">
        <v>11</v>
      </c>
      <c r="AP29322">
        <v>11</v>
      </c>
      <c r="AQ29322">
        <v>11</v>
      </c>
    </row>
    <row r="29323" spans="1:43">
      <c r="A29323" t="s">
        <v>18157</v>
      </c>
      <c r="B29323" t="s">
        <v>18158</v>
      </c>
      <c r="C29323" t="s">
        <v>18159</v>
      </c>
      <c r="D29323" t="s">
        <v>18160</v>
      </c>
      <c r="E29323" t="s">
        <v>18039</v>
      </c>
      <c r="F29323" t="s">
        <v>18040</v>
      </c>
      <c r="G29323" t="s">
        <v>16559</v>
      </c>
      <c r="H29323" t="s">
        <v>16560</v>
      </c>
      <c r="I29323" s="2">
        <v>1</v>
      </c>
      <c r="J29323" s="2">
        <v>0</v>
      </c>
      <c r="K29323" s="2">
        <v>0</v>
      </c>
      <c r="L29323" t="s">
        <v>120</v>
      </c>
      <c r="M29323" t="s">
        <v>87</v>
      </c>
      <c r="N29323" t="s">
        <v>88</v>
      </c>
      <c r="O29323" t="s">
        <v>85</v>
      </c>
      <c r="P29323" t="s">
        <v>86</v>
      </c>
      <c r="Q29323">
        <v>9</v>
      </c>
      <c r="R29323">
        <v>9</v>
      </c>
      <c r="S29323">
        <v>9</v>
      </c>
      <c r="T29323">
        <v>9</v>
      </c>
      <c r="U29323">
        <v>9</v>
      </c>
      <c r="V29323">
        <v>9</v>
      </c>
      <c r="W29323">
        <v>9</v>
      </c>
      <c r="X29323">
        <v>9</v>
      </c>
      <c r="Y29323">
        <v>9</v>
      </c>
      <c r="Z29323">
        <v>9</v>
      </c>
      <c r="AA29323">
        <v>9</v>
      </c>
      <c r="AB29323">
        <v>9</v>
      </c>
      <c r="AC29323">
        <v>9</v>
      </c>
      <c r="AD29323">
        <v>9</v>
      </c>
      <c r="AE29323">
        <v>9</v>
      </c>
      <c r="AF29323">
        <v>9</v>
      </c>
      <c r="AG29323">
        <v>10</v>
      </c>
      <c r="AH29323">
        <v>10</v>
      </c>
      <c r="AI29323">
        <v>10</v>
      </c>
      <c r="AJ29323">
        <v>10</v>
      </c>
      <c r="AK29323">
        <v>10</v>
      </c>
      <c r="AL29323">
        <v>10</v>
      </c>
      <c r="AM29323">
        <v>10</v>
      </c>
      <c r="AN29323">
        <v>10</v>
      </c>
      <c r="AO29323">
        <v>10</v>
      </c>
      <c r="AP29323">
        <v>10</v>
      </c>
      <c r="AQ29323">
        <v>10</v>
      </c>
    </row>
    <row r="29324" spans="1:43">
      <c r="A29324" t="s">
        <v>18157</v>
      </c>
      <c r="B29324" t="s">
        <v>18158</v>
      </c>
      <c r="C29324" t="s">
        <v>18159</v>
      </c>
      <c r="D29324" t="s">
        <v>18160</v>
      </c>
      <c r="E29324" t="s">
        <v>18039</v>
      </c>
      <c r="F29324" t="s">
        <v>18040</v>
      </c>
      <c r="G29324" t="s">
        <v>16559</v>
      </c>
      <c r="H29324" t="s">
        <v>16560</v>
      </c>
      <c r="I29324" s="2">
        <v>1</v>
      </c>
      <c r="J29324" s="2">
        <v>0</v>
      </c>
      <c r="K29324" s="2">
        <v>0</v>
      </c>
      <c r="L29324" t="s">
        <v>120</v>
      </c>
      <c r="M29324" t="s">
        <v>89</v>
      </c>
      <c r="N29324" t="s">
        <v>90</v>
      </c>
      <c r="O29324" t="s">
        <v>85</v>
      </c>
      <c r="P29324" t="s">
        <v>86</v>
      </c>
      <c r="Q29324">
        <v>9</v>
      </c>
      <c r="R29324">
        <v>10</v>
      </c>
      <c r="S29324">
        <v>10</v>
      </c>
      <c r="T29324">
        <v>10</v>
      </c>
      <c r="U29324">
        <v>10</v>
      </c>
      <c r="V29324">
        <v>10</v>
      </c>
      <c r="W29324">
        <v>10</v>
      </c>
      <c r="X29324">
        <v>11</v>
      </c>
      <c r="Y29324">
        <v>11</v>
      </c>
      <c r="Z29324">
        <v>11</v>
      </c>
      <c r="AA29324">
        <v>11</v>
      </c>
      <c r="AB29324">
        <v>11</v>
      </c>
      <c r="AC29324">
        <v>11</v>
      </c>
      <c r="AD29324">
        <v>11</v>
      </c>
      <c r="AE29324">
        <v>11</v>
      </c>
      <c r="AF29324">
        <v>11</v>
      </c>
      <c r="AG29324">
        <v>11</v>
      </c>
      <c r="AH29324">
        <v>11</v>
      </c>
      <c r="AI29324">
        <v>11</v>
      </c>
      <c r="AJ29324">
        <v>11</v>
      </c>
      <c r="AK29324">
        <v>11</v>
      </c>
      <c r="AL29324">
        <v>11</v>
      </c>
      <c r="AM29324">
        <v>11</v>
      </c>
      <c r="AN29324">
        <v>11</v>
      </c>
      <c r="AO29324">
        <v>11</v>
      </c>
      <c r="AP29324">
        <v>11</v>
      </c>
      <c r="AQ29324">
        <v>11</v>
      </c>
    </row>
    <row r="29325" spans="1:43">
      <c r="A29325" t="s">
        <v>18157</v>
      </c>
      <c r="B29325" t="s">
        <v>18158</v>
      </c>
      <c r="C29325" t="s">
        <v>18159</v>
      </c>
      <c r="D29325" t="s">
        <v>18160</v>
      </c>
      <c r="E29325" t="s">
        <v>18039</v>
      </c>
      <c r="F29325" t="s">
        <v>18040</v>
      </c>
      <c r="G29325" t="s">
        <v>16559</v>
      </c>
      <c r="H29325" t="s">
        <v>16560</v>
      </c>
      <c r="I29325" s="2">
        <v>1</v>
      </c>
      <c r="J29325" s="2">
        <v>0</v>
      </c>
      <c r="K29325" s="2">
        <v>0</v>
      </c>
      <c r="L29325" t="s">
        <v>120</v>
      </c>
      <c r="M29325" t="s">
        <v>83</v>
      </c>
      <c r="N29325" t="s">
        <v>91</v>
      </c>
      <c r="O29325" t="s">
        <v>85</v>
      </c>
      <c r="P29325" t="s">
        <v>86</v>
      </c>
      <c r="Q29325">
        <v>9</v>
      </c>
      <c r="R29325">
        <v>9</v>
      </c>
      <c r="S29325">
        <v>10</v>
      </c>
      <c r="T29325">
        <v>10</v>
      </c>
      <c r="U29325">
        <v>10</v>
      </c>
      <c r="V29325">
        <v>10</v>
      </c>
      <c r="W29325">
        <v>10</v>
      </c>
      <c r="X29325">
        <v>10</v>
      </c>
      <c r="Y29325">
        <v>10</v>
      </c>
      <c r="Z29325">
        <v>10</v>
      </c>
      <c r="AA29325">
        <v>10</v>
      </c>
      <c r="AB29325">
        <v>10</v>
      </c>
      <c r="AC29325">
        <v>10</v>
      </c>
      <c r="AD29325">
        <v>11</v>
      </c>
      <c r="AE29325">
        <v>11</v>
      </c>
      <c r="AF29325">
        <v>11</v>
      </c>
      <c r="AG29325">
        <v>11</v>
      </c>
      <c r="AH29325">
        <v>11</v>
      </c>
      <c r="AI29325">
        <v>11</v>
      </c>
      <c r="AJ29325">
        <v>11</v>
      </c>
      <c r="AK29325">
        <v>11</v>
      </c>
      <c r="AL29325">
        <v>11</v>
      </c>
      <c r="AM29325">
        <v>11</v>
      </c>
      <c r="AN29325">
        <v>11</v>
      </c>
      <c r="AO29325">
        <v>11</v>
      </c>
      <c r="AP29325">
        <v>11</v>
      </c>
      <c r="AQ29325">
        <v>11</v>
      </c>
    </row>
    <row r="29326" spans="1:43">
      <c r="A29326" t="s">
        <v>18161</v>
      </c>
      <c r="B29326" t="s">
        <v>18162</v>
      </c>
      <c r="C29326" t="s">
        <v>18159</v>
      </c>
      <c r="D29326" t="s">
        <v>18160</v>
      </c>
      <c r="E29326" t="s">
        <v>18039</v>
      </c>
      <c r="F29326" t="s">
        <v>18040</v>
      </c>
      <c r="G29326" t="s">
        <v>16559</v>
      </c>
      <c r="H29326" t="s">
        <v>16560</v>
      </c>
      <c r="I29326" s="2">
        <v>1</v>
      </c>
      <c r="J29326" s="2">
        <v>0</v>
      </c>
      <c r="K29326" s="2">
        <v>0</v>
      </c>
      <c r="L29326" t="s">
        <v>120</v>
      </c>
      <c r="M29326" t="s">
        <v>83</v>
      </c>
      <c r="N29326" t="s">
        <v>84</v>
      </c>
      <c r="O29326" t="s">
        <v>85</v>
      </c>
      <c r="P29326" t="s">
        <v>86</v>
      </c>
      <c r="Q29326">
        <v>16</v>
      </c>
      <c r="R29326">
        <v>16</v>
      </c>
      <c r="S29326">
        <v>16</v>
      </c>
      <c r="T29326">
        <v>16</v>
      </c>
      <c r="U29326">
        <v>16</v>
      </c>
      <c r="V29326">
        <v>16</v>
      </c>
      <c r="W29326">
        <v>17</v>
      </c>
      <c r="X29326">
        <v>17</v>
      </c>
      <c r="Y29326">
        <v>17</v>
      </c>
      <c r="Z29326">
        <v>17</v>
      </c>
      <c r="AA29326">
        <v>17</v>
      </c>
      <c r="AB29326">
        <v>17</v>
      </c>
      <c r="AC29326">
        <v>17</v>
      </c>
      <c r="AD29326">
        <v>18</v>
      </c>
      <c r="AE29326">
        <v>18</v>
      </c>
      <c r="AF29326">
        <v>18</v>
      </c>
      <c r="AG29326">
        <v>18</v>
      </c>
      <c r="AH29326">
        <v>18</v>
      </c>
      <c r="AI29326">
        <v>18</v>
      </c>
      <c r="AJ29326">
        <v>18</v>
      </c>
      <c r="AK29326">
        <v>19</v>
      </c>
      <c r="AL29326">
        <v>19</v>
      </c>
      <c r="AM29326">
        <v>19</v>
      </c>
      <c r="AN29326">
        <v>19</v>
      </c>
      <c r="AO29326">
        <v>19</v>
      </c>
      <c r="AP29326">
        <v>19</v>
      </c>
      <c r="AQ29326">
        <v>19</v>
      </c>
    </row>
    <row r="29327" spans="1:43">
      <c r="A29327" t="s">
        <v>18161</v>
      </c>
      <c r="B29327" t="s">
        <v>18162</v>
      </c>
      <c r="C29327" t="s">
        <v>18159</v>
      </c>
      <c r="D29327" t="s">
        <v>18160</v>
      </c>
      <c r="E29327" t="s">
        <v>18039</v>
      </c>
      <c r="F29327" t="s">
        <v>18040</v>
      </c>
      <c r="G29327" t="s">
        <v>16559</v>
      </c>
      <c r="H29327" t="s">
        <v>16560</v>
      </c>
      <c r="I29327" s="2">
        <v>1</v>
      </c>
      <c r="J29327" s="2">
        <v>0</v>
      </c>
      <c r="K29327" s="2">
        <v>0</v>
      </c>
      <c r="L29327" t="s">
        <v>120</v>
      </c>
      <c r="M29327" t="s">
        <v>87</v>
      </c>
      <c r="N29327" t="s">
        <v>88</v>
      </c>
      <c r="O29327" t="s">
        <v>85</v>
      </c>
      <c r="P29327" t="s">
        <v>86</v>
      </c>
      <c r="Q29327">
        <v>16</v>
      </c>
      <c r="R29327">
        <v>16</v>
      </c>
      <c r="S29327">
        <v>16</v>
      </c>
      <c r="T29327">
        <v>16</v>
      </c>
      <c r="U29327">
        <v>16</v>
      </c>
      <c r="V29327">
        <v>16</v>
      </c>
      <c r="W29327">
        <v>17</v>
      </c>
      <c r="X29327">
        <v>17</v>
      </c>
      <c r="Y29327">
        <v>17</v>
      </c>
      <c r="Z29327">
        <v>17</v>
      </c>
      <c r="AA29327">
        <v>17</v>
      </c>
      <c r="AB29327">
        <v>17</v>
      </c>
      <c r="AC29327">
        <v>17</v>
      </c>
      <c r="AD29327">
        <v>17</v>
      </c>
      <c r="AE29327">
        <v>17</v>
      </c>
      <c r="AF29327">
        <v>17</v>
      </c>
      <c r="AG29327">
        <v>17</v>
      </c>
      <c r="AH29327">
        <v>17</v>
      </c>
      <c r="AI29327">
        <v>17</v>
      </c>
      <c r="AJ29327">
        <v>17</v>
      </c>
      <c r="AK29327">
        <v>17</v>
      </c>
      <c r="AL29327">
        <v>17</v>
      </c>
      <c r="AM29327">
        <v>17</v>
      </c>
      <c r="AN29327">
        <v>17</v>
      </c>
      <c r="AO29327">
        <v>17</v>
      </c>
      <c r="AP29327">
        <v>17</v>
      </c>
      <c r="AQ29327">
        <v>17</v>
      </c>
    </row>
    <row r="29328" spans="1:43">
      <c r="A29328" t="s">
        <v>18161</v>
      </c>
      <c r="B29328" t="s">
        <v>18162</v>
      </c>
      <c r="C29328" t="s">
        <v>18159</v>
      </c>
      <c r="D29328" t="s">
        <v>18160</v>
      </c>
      <c r="E29328" t="s">
        <v>18039</v>
      </c>
      <c r="F29328" t="s">
        <v>18040</v>
      </c>
      <c r="G29328" t="s">
        <v>16559</v>
      </c>
      <c r="H29328" t="s">
        <v>16560</v>
      </c>
      <c r="I29328" s="2">
        <v>1</v>
      </c>
      <c r="J29328" s="2">
        <v>0</v>
      </c>
      <c r="K29328" s="2">
        <v>0</v>
      </c>
      <c r="L29328" t="s">
        <v>120</v>
      </c>
      <c r="M29328" t="s">
        <v>89</v>
      </c>
      <c r="N29328" t="s">
        <v>90</v>
      </c>
      <c r="O29328" t="s">
        <v>85</v>
      </c>
      <c r="P29328" t="s">
        <v>86</v>
      </c>
      <c r="Q29328">
        <v>16</v>
      </c>
      <c r="R29328">
        <v>16</v>
      </c>
      <c r="S29328">
        <v>16</v>
      </c>
      <c r="T29328">
        <v>17</v>
      </c>
      <c r="U29328">
        <v>17</v>
      </c>
      <c r="V29328">
        <v>17</v>
      </c>
      <c r="W29328">
        <v>17</v>
      </c>
      <c r="X29328">
        <v>18</v>
      </c>
      <c r="Y29328">
        <v>18</v>
      </c>
      <c r="Z29328">
        <v>18</v>
      </c>
      <c r="AA29328">
        <v>18</v>
      </c>
      <c r="AB29328">
        <v>18</v>
      </c>
      <c r="AC29328">
        <v>19</v>
      </c>
      <c r="AD29328">
        <v>19</v>
      </c>
      <c r="AE29328">
        <v>19</v>
      </c>
      <c r="AF29328">
        <v>19</v>
      </c>
      <c r="AG29328">
        <v>19</v>
      </c>
      <c r="AH29328">
        <v>19</v>
      </c>
      <c r="AI29328">
        <v>19</v>
      </c>
      <c r="AJ29328">
        <v>19</v>
      </c>
      <c r="AK29328">
        <v>19</v>
      </c>
      <c r="AL29328">
        <v>19</v>
      </c>
      <c r="AM29328">
        <v>19</v>
      </c>
      <c r="AN29328">
        <v>19</v>
      </c>
      <c r="AO29328">
        <v>19</v>
      </c>
      <c r="AP29328">
        <v>19</v>
      </c>
      <c r="AQ29328">
        <v>19</v>
      </c>
    </row>
    <row r="29329" spans="1:43">
      <c r="A29329" t="s">
        <v>18161</v>
      </c>
      <c r="B29329" t="s">
        <v>18162</v>
      </c>
      <c r="C29329" t="s">
        <v>18159</v>
      </c>
      <c r="D29329" t="s">
        <v>18160</v>
      </c>
      <c r="E29329" t="s">
        <v>18039</v>
      </c>
      <c r="F29329" t="s">
        <v>18040</v>
      </c>
      <c r="G29329" t="s">
        <v>16559</v>
      </c>
      <c r="H29329" t="s">
        <v>16560</v>
      </c>
      <c r="I29329" s="2">
        <v>1</v>
      </c>
      <c r="J29329" s="2">
        <v>0</v>
      </c>
      <c r="K29329" s="2">
        <v>0</v>
      </c>
      <c r="L29329" t="s">
        <v>120</v>
      </c>
      <c r="M29329" t="s">
        <v>83</v>
      </c>
      <c r="N29329" t="s">
        <v>91</v>
      </c>
      <c r="O29329" t="s">
        <v>85</v>
      </c>
      <c r="P29329" t="s">
        <v>86</v>
      </c>
      <c r="Q29329">
        <v>16</v>
      </c>
      <c r="R29329">
        <v>16</v>
      </c>
      <c r="S29329">
        <v>16</v>
      </c>
      <c r="T29329">
        <v>16</v>
      </c>
      <c r="U29329">
        <v>16</v>
      </c>
      <c r="V29329">
        <v>16</v>
      </c>
      <c r="W29329">
        <v>17</v>
      </c>
      <c r="X29329">
        <v>17</v>
      </c>
      <c r="Y29329">
        <v>17</v>
      </c>
      <c r="Z29329">
        <v>17</v>
      </c>
      <c r="AA29329">
        <v>17</v>
      </c>
      <c r="AB29329">
        <v>17</v>
      </c>
      <c r="AC29329">
        <v>17</v>
      </c>
      <c r="AD29329">
        <v>18</v>
      </c>
      <c r="AE29329">
        <v>18</v>
      </c>
      <c r="AF29329">
        <v>18</v>
      </c>
      <c r="AG29329">
        <v>18</v>
      </c>
      <c r="AH29329">
        <v>18</v>
      </c>
      <c r="AI29329">
        <v>18</v>
      </c>
      <c r="AJ29329">
        <v>18</v>
      </c>
      <c r="AK29329">
        <v>19</v>
      </c>
      <c r="AL29329">
        <v>19</v>
      </c>
      <c r="AM29329">
        <v>19</v>
      </c>
      <c r="AN29329">
        <v>19</v>
      </c>
      <c r="AO29329">
        <v>19</v>
      </c>
      <c r="AP29329">
        <v>19</v>
      </c>
      <c r="AQ29329">
        <v>19</v>
      </c>
    </row>
    <row r="29330" spans="1:43">
      <c r="A29330" t="s">
        <v>18163</v>
      </c>
      <c r="B29330" t="s">
        <v>18164</v>
      </c>
      <c r="C29330" t="s">
        <v>18159</v>
      </c>
      <c r="D29330" t="s">
        <v>18160</v>
      </c>
      <c r="E29330" t="s">
        <v>18039</v>
      </c>
      <c r="F29330" t="s">
        <v>18040</v>
      </c>
      <c r="G29330" t="s">
        <v>16559</v>
      </c>
      <c r="H29330" t="s">
        <v>16560</v>
      </c>
      <c r="I29330" s="2">
        <v>1</v>
      </c>
      <c r="J29330" s="2">
        <v>0</v>
      </c>
      <c r="K29330" s="2">
        <v>0</v>
      </c>
      <c r="L29330" t="s">
        <v>120</v>
      </c>
      <c r="M29330" t="s">
        <v>83</v>
      </c>
      <c r="N29330" t="s">
        <v>84</v>
      </c>
      <c r="O29330" t="s">
        <v>85</v>
      </c>
      <c r="P29330" t="s">
        <v>86</v>
      </c>
      <c r="Q29330">
        <v>22</v>
      </c>
      <c r="R29330">
        <v>23</v>
      </c>
      <c r="S29330">
        <v>23</v>
      </c>
      <c r="T29330">
        <v>23</v>
      </c>
      <c r="U29330">
        <v>23</v>
      </c>
      <c r="V29330">
        <v>24</v>
      </c>
      <c r="W29330">
        <v>24</v>
      </c>
      <c r="X29330">
        <v>24</v>
      </c>
      <c r="Y29330">
        <v>24</v>
      </c>
      <c r="Z29330">
        <v>25</v>
      </c>
      <c r="AA29330">
        <v>25</v>
      </c>
      <c r="AB29330">
        <v>25</v>
      </c>
      <c r="AC29330">
        <v>25</v>
      </c>
      <c r="AD29330">
        <v>25</v>
      </c>
      <c r="AE29330">
        <v>26</v>
      </c>
      <c r="AF29330">
        <v>26</v>
      </c>
      <c r="AG29330">
        <v>26</v>
      </c>
      <c r="AH29330">
        <v>26</v>
      </c>
      <c r="AI29330">
        <v>26</v>
      </c>
      <c r="AJ29330">
        <v>27</v>
      </c>
      <c r="AK29330">
        <v>27</v>
      </c>
      <c r="AL29330">
        <v>27</v>
      </c>
      <c r="AM29330">
        <v>27</v>
      </c>
      <c r="AN29330">
        <v>27</v>
      </c>
      <c r="AO29330">
        <v>27</v>
      </c>
      <c r="AP29330">
        <v>27</v>
      </c>
      <c r="AQ29330">
        <v>27</v>
      </c>
    </row>
    <row r="29331" spans="1:43">
      <c r="A29331" t="s">
        <v>18163</v>
      </c>
      <c r="B29331" t="s">
        <v>18164</v>
      </c>
      <c r="C29331" t="s">
        <v>18159</v>
      </c>
      <c r="D29331" t="s">
        <v>18160</v>
      </c>
      <c r="E29331" t="s">
        <v>18039</v>
      </c>
      <c r="F29331" t="s">
        <v>18040</v>
      </c>
      <c r="G29331" t="s">
        <v>16559</v>
      </c>
      <c r="H29331" t="s">
        <v>16560</v>
      </c>
      <c r="I29331" s="2">
        <v>1</v>
      </c>
      <c r="J29331" s="2">
        <v>0</v>
      </c>
      <c r="K29331" s="2">
        <v>0</v>
      </c>
      <c r="L29331" t="s">
        <v>120</v>
      </c>
      <c r="M29331" t="s">
        <v>87</v>
      </c>
      <c r="N29331" t="s">
        <v>88</v>
      </c>
      <c r="O29331" t="s">
        <v>85</v>
      </c>
      <c r="P29331" t="s">
        <v>86</v>
      </c>
      <c r="Q29331">
        <v>22</v>
      </c>
      <c r="R29331">
        <v>22</v>
      </c>
      <c r="S29331">
        <v>22</v>
      </c>
      <c r="T29331">
        <v>22</v>
      </c>
      <c r="U29331">
        <v>22</v>
      </c>
      <c r="V29331">
        <v>22</v>
      </c>
      <c r="W29331">
        <v>22</v>
      </c>
      <c r="X29331">
        <v>22</v>
      </c>
      <c r="Y29331">
        <v>22</v>
      </c>
      <c r="Z29331">
        <v>23</v>
      </c>
      <c r="AA29331">
        <v>23</v>
      </c>
      <c r="AB29331">
        <v>23</v>
      </c>
      <c r="AC29331">
        <v>23</v>
      </c>
      <c r="AD29331">
        <v>23</v>
      </c>
      <c r="AE29331">
        <v>23</v>
      </c>
      <c r="AF29331">
        <v>23</v>
      </c>
      <c r="AG29331">
        <v>23</v>
      </c>
      <c r="AH29331">
        <v>23</v>
      </c>
      <c r="AI29331">
        <v>23</v>
      </c>
      <c r="AJ29331">
        <v>23</v>
      </c>
      <c r="AK29331">
        <v>23</v>
      </c>
      <c r="AL29331">
        <v>23</v>
      </c>
      <c r="AM29331">
        <v>23</v>
      </c>
      <c r="AN29331">
        <v>23</v>
      </c>
      <c r="AO29331">
        <v>23</v>
      </c>
      <c r="AP29331">
        <v>23</v>
      </c>
      <c r="AQ29331">
        <v>23</v>
      </c>
    </row>
    <row r="29332" spans="1:43">
      <c r="A29332" t="s">
        <v>18163</v>
      </c>
      <c r="B29332" t="s">
        <v>18164</v>
      </c>
      <c r="C29332" t="s">
        <v>18159</v>
      </c>
      <c r="D29332" t="s">
        <v>18160</v>
      </c>
      <c r="E29332" t="s">
        <v>18039</v>
      </c>
      <c r="F29332" t="s">
        <v>18040</v>
      </c>
      <c r="G29332" t="s">
        <v>16559</v>
      </c>
      <c r="H29332" t="s">
        <v>16560</v>
      </c>
      <c r="I29332" s="2">
        <v>1</v>
      </c>
      <c r="J29332" s="2">
        <v>0</v>
      </c>
      <c r="K29332" s="2">
        <v>0</v>
      </c>
      <c r="L29332" t="s">
        <v>120</v>
      </c>
      <c r="M29332" t="s">
        <v>89</v>
      </c>
      <c r="N29332" t="s">
        <v>90</v>
      </c>
      <c r="O29332" t="s">
        <v>85</v>
      </c>
      <c r="P29332" t="s">
        <v>86</v>
      </c>
      <c r="Q29332">
        <v>22</v>
      </c>
      <c r="R29332">
        <v>22</v>
      </c>
      <c r="S29332">
        <v>23</v>
      </c>
      <c r="T29332">
        <v>23</v>
      </c>
      <c r="U29332">
        <v>23</v>
      </c>
      <c r="V29332">
        <v>24</v>
      </c>
      <c r="W29332">
        <v>24</v>
      </c>
      <c r="X29332">
        <v>24</v>
      </c>
      <c r="Y29332">
        <v>25</v>
      </c>
      <c r="Z29332">
        <v>25</v>
      </c>
      <c r="AA29332">
        <v>25</v>
      </c>
      <c r="AB29332">
        <v>26</v>
      </c>
      <c r="AC29332">
        <v>26</v>
      </c>
      <c r="AD29332">
        <v>26</v>
      </c>
      <c r="AE29332">
        <v>26</v>
      </c>
      <c r="AF29332">
        <v>26</v>
      </c>
      <c r="AG29332">
        <v>26</v>
      </c>
      <c r="AH29332">
        <v>26</v>
      </c>
      <c r="AI29332">
        <v>26</v>
      </c>
      <c r="AJ29332">
        <v>26</v>
      </c>
      <c r="AK29332">
        <v>26</v>
      </c>
      <c r="AL29332">
        <v>26</v>
      </c>
      <c r="AM29332">
        <v>26</v>
      </c>
      <c r="AN29332">
        <v>26</v>
      </c>
      <c r="AO29332">
        <v>26</v>
      </c>
      <c r="AP29332">
        <v>26</v>
      </c>
      <c r="AQ29332">
        <v>26</v>
      </c>
    </row>
    <row r="29333" spans="1:43">
      <c r="A29333" t="s">
        <v>18163</v>
      </c>
      <c r="B29333" t="s">
        <v>18164</v>
      </c>
      <c r="C29333" t="s">
        <v>18159</v>
      </c>
      <c r="D29333" t="s">
        <v>18160</v>
      </c>
      <c r="E29333" t="s">
        <v>18039</v>
      </c>
      <c r="F29333" t="s">
        <v>18040</v>
      </c>
      <c r="G29333" t="s">
        <v>16559</v>
      </c>
      <c r="H29333" t="s">
        <v>16560</v>
      </c>
      <c r="I29333" s="2">
        <v>1</v>
      </c>
      <c r="J29333" s="2">
        <v>0</v>
      </c>
      <c r="K29333" s="2">
        <v>0</v>
      </c>
      <c r="L29333" t="s">
        <v>120</v>
      </c>
      <c r="M29333" t="s">
        <v>83</v>
      </c>
      <c r="N29333" t="s">
        <v>91</v>
      </c>
      <c r="O29333" t="s">
        <v>85</v>
      </c>
      <c r="P29333" t="s">
        <v>86</v>
      </c>
      <c r="Q29333">
        <v>22</v>
      </c>
      <c r="R29333">
        <v>23</v>
      </c>
      <c r="S29333">
        <v>23</v>
      </c>
      <c r="T29333">
        <v>23</v>
      </c>
      <c r="U29333">
        <v>23</v>
      </c>
      <c r="V29333">
        <v>24</v>
      </c>
      <c r="W29333">
        <v>24</v>
      </c>
      <c r="X29333">
        <v>24</v>
      </c>
      <c r="Y29333">
        <v>24</v>
      </c>
      <c r="Z29333">
        <v>25</v>
      </c>
      <c r="AA29333">
        <v>25</v>
      </c>
      <c r="AB29333">
        <v>25</v>
      </c>
      <c r="AC29333">
        <v>25</v>
      </c>
      <c r="AD29333">
        <v>25</v>
      </c>
      <c r="AE29333">
        <v>26</v>
      </c>
      <c r="AF29333">
        <v>26</v>
      </c>
      <c r="AG29333">
        <v>26</v>
      </c>
      <c r="AH29333">
        <v>26</v>
      </c>
      <c r="AI29333">
        <v>26</v>
      </c>
      <c r="AJ29333">
        <v>27</v>
      </c>
      <c r="AK29333">
        <v>27</v>
      </c>
      <c r="AL29333">
        <v>27</v>
      </c>
      <c r="AM29333">
        <v>27</v>
      </c>
      <c r="AN29333">
        <v>27</v>
      </c>
      <c r="AO29333">
        <v>27</v>
      </c>
      <c r="AP29333">
        <v>27</v>
      </c>
      <c r="AQ29333">
        <v>27</v>
      </c>
    </row>
    <row r="29334" spans="1:43">
      <c r="A29334" t="s">
        <v>18165</v>
      </c>
      <c r="B29334" t="s">
        <v>18166</v>
      </c>
      <c r="C29334" t="s">
        <v>18159</v>
      </c>
      <c r="D29334" t="s">
        <v>18160</v>
      </c>
      <c r="E29334" t="s">
        <v>18039</v>
      </c>
      <c r="F29334" t="s">
        <v>18040</v>
      </c>
      <c r="G29334" t="s">
        <v>16559</v>
      </c>
      <c r="H29334" t="s">
        <v>16560</v>
      </c>
      <c r="I29334" s="2">
        <v>1</v>
      </c>
      <c r="J29334" s="2">
        <v>0</v>
      </c>
      <c r="K29334" s="2">
        <v>0</v>
      </c>
      <c r="L29334" t="s">
        <v>120</v>
      </c>
      <c r="M29334" t="s">
        <v>83</v>
      </c>
      <c r="N29334" t="s">
        <v>84</v>
      </c>
      <c r="O29334" t="s">
        <v>85</v>
      </c>
      <c r="P29334" t="s">
        <v>86</v>
      </c>
      <c r="Q29334">
        <v>13</v>
      </c>
      <c r="R29334">
        <v>13</v>
      </c>
      <c r="S29334">
        <v>14</v>
      </c>
      <c r="T29334">
        <v>14</v>
      </c>
      <c r="U29334">
        <v>14</v>
      </c>
      <c r="V29334">
        <v>14</v>
      </c>
      <c r="W29334">
        <v>14</v>
      </c>
      <c r="X29334">
        <v>14</v>
      </c>
      <c r="Y29334">
        <v>14</v>
      </c>
      <c r="Z29334">
        <v>15</v>
      </c>
      <c r="AA29334">
        <v>15</v>
      </c>
      <c r="AB29334">
        <v>15</v>
      </c>
      <c r="AC29334">
        <v>15</v>
      </c>
      <c r="AD29334">
        <v>15</v>
      </c>
      <c r="AE29334">
        <v>15</v>
      </c>
      <c r="AF29334">
        <v>15</v>
      </c>
      <c r="AG29334">
        <v>15</v>
      </c>
      <c r="AH29334">
        <v>16</v>
      </c>
      <c r="AI29334">
        <v>16</v>
      </c>
      <c r="AJ29334">
        <v>16</v>
      </c>
      <c r="AK29334">
        <v>16</v>
      </c>
      <c r="AL29334">
        <v>16</v>
      </c>
      <c r="AM29334">
        <v>16</v>
      </c>
      <c r="AN29334">
        <v>16</v>
      </c>
      <c r="AO29334">
        <v>16</v>
      </c>
      <c r="AP29334">
        <v>16</v>
      </c>
      <c r="AQ29334">
        <v>16</v>
      </c>
    </row>
    <row r="29335" spans="1:43">
      <c r="A29335" t="s">
        <v>18165</v>
      </c>
      <c r="B29335" t="s">
        <v>18166</v>
      </c>
      <c r="C29335" t="s">
        <v>18159</v>
      </c>
      <c r="D29335" t="s">
        <v>18160</v>
      </c>
      <c r="E29335" t="s">
        <v>18039</v>
      </c>
      <c r="F29335" t="s">
        <v>18040</v>
      </c>
      <c r="G29335" t="s">
        <v>16559</v>
      </c>
      <c r="H29335" t="s">
        <v>16560</v>
      </c>
      <c r="I29335" s="2">
        <v>1</v>
      </c>
      <c r="J29335" s="2">
        <v>0</v>
      </c>
      <c r="K29335" s="2">
        <v>0</v>
      </c>
      <c r="L29335" t="s">
        <v>120</v>
      </c>
      <c r="M29335" t="s">
        <v>87</v>
      </c>
      <c r="N29335" t="s">
        <v>88</v>
      </c>
      <c r="O29335" t="s">
        <v>85</v>
      </c>
      <c r="P29335" t="s">
        <v>86</v>
      </c>
      <c r="Q29335">
        <v>13</v>
      </c>
      <c r="R29335">
        <v>13</v>
      </c>
      <c r="S29335">
        <v>13</v>
      </c>
      <c r="T29335">
        <v>13</v>
      </c>
      <c r="U29335">
        <v>13</v>
      </c>
      <c r="V29335">
        <v>13</v>
      </c>
      <c r="W29335">
        <v>13</v>
      </c>
      <c r="X29335">
        <v>13</v>
      </c>
      <c r="Y29335">
        <v>13</v>
      </c>
      <c r="Z29335">
        <v>13</v>
      </c>
      <c r="AA29335">
        <v>13</v>
      </c>
      <c r="AB29335">
        <v>13</v>
      </c>
      <c r="AC29335">
        <v>13</v>
      </c>
      <c r="AD29335">
        <v>13</v>
      </c>
      <c r="AE29335">
        <v>13</v>
      </c>
      <c r="AF29335">
        <v>13</v>
      </c>
      <c r="AG29335">
        <v>13</v>
      </c>
      <c r="AH29335">
        <v>13</v>
      </c>
      <c r="AI29335">
        <v>14</v>
      </c>
      <c r="AJ29335">
        <v>14</v>
      </c>
      <c r="AK29335">
        <v>14</v>
      </c>
      <c r="AL29335">
        <v>14</v>
      </c>
      <c r="AM29335">
        <v>14</v>
      </c>
      <c r="AN29335">
        <v>14</v>
      </c>
      <c r="AO29335">
        <v>14</v>
      </c>
      <c r="AP29335">
        <v>14</v>
      </c>
      <c r="AQ29335">
        <v>14</v>
      </c>
    </row>
    <row r="29336" spans="1:43">
      <c r="A29336" t="s">
        <v>18165</v>
      </c>
      <c r="B29336" t="s">
        <v>18166</v>
      </c>
      <c r="C29336" t="s">
        <v>18159</v>
      </c>
      <c r="D29336" t="s">
        <v>18160</v>
      </c>
      <c r="E29336" t="s">
        <v>18039</v>
      </c>
      <c r="F29336" t="s">
        <v>18040</v>
      </c>
      <c r="G29336" t="s">
        <v>16559</v>
      </c>
      <c r="H29336" t="s">
        <v>16560</v>
      </c>
      <c r="I29336" s="2">
        <v>1</v>
      </c>
      <c r="J29336" s="2">
        <v>0</v>
      </c>
      <c r="K29336" s="2">
        <v>0</v>
      </c>
      <c r="L29336" t="s">
        <v>120</v>
      </c>
      <c r="M29336" t="s">
        <v>89</v>
      </c>
      <c r="N29336" t="s">
        <v>90</v>
      </c>
      <c r="O29336" t="s">
        <v>85</v>
      </c>
      <c r="P29336" t="s">
        <v>86</v>
      </c>
      <c r="Q29336">
        <v>13</v>
      </c>
      <c r="R29336">
        <v>14</v>
      </c>
      <c r="S29336">
        <v>14</v>
      </c>
      <c r="T29336">
        <v>14</v>
      </c>
      <c r="U29336">
        <v>14</v>
      </c>
      <c r="V29336">
        <v>15</v>
      </c>
      <c r="W29336">
        <v>15</v>
      </c>
      <c r="X29336">
        <v>15</v>
      </c>
      <c r="Y29336">
        <v>15</v>
      </c>
      <c r="Z29336">
        <v>15</v>
      </c>
      <c r="AA29336">
        <v>16</v>
      </c>
      <c r="AB29336">
        <v>16</v>
      </c>
      <c r="AC29336">
        <v>16</v>
      </c>
      <c r="AD29336">
        <v>16</v>
      </c>
      <c r="AE29336">
        <v>16</v>
      </c>
      <c r="AF29336">
        <v>16</v>
      </c>
      <c r="AG29336">
        <v>16</v>
      </c>
      <c r="AH29336">
        <v>16</v>
      </c>
      <c r="AI29336">
        <v>16</v>
      </c>
      <c r="AJ29336">
        <v>16</v>
      </c>
      <c r="AK29336">
        <v>16</v>
      </c>
      <c r="AL29336">
        <v>16</v>
      </c>
      <c r="AM29336">
        <v>16</v>
      </c>
      <c r="AN29336">
        <v>16</v>
      </c>
      <c r="AO29336">
        <v>16</v>
      </c>
      <c r="AP29336">
        <v>16</v>
      </c>
      <c r="AQ29336">
        <v>16</v>
      </c>
    </row>
    <row r="29337" spans="1:43">
      <c r="A29337" t="s">
        <v>18165</v>
      </c>
      <c r="B29337" t="s">
        <v>18166</v>
      </c>
      <c r="C29337" t="s">
        <v>18159</v>
      </c>
      <c r="D29337" t="s">
        <v>18160</v>
      </c>
      <c r="E29337" t="s">
        <v>18039</v>
      </c>
      <c r="F29337" t="s">
        <v>18040</v>
      </c>
      <c r="G29337" t="s">
        <v>16559</v>
      </c>
      <c r="H29337" t="s">
        <v>16560</v>
      </c>
      <c r="I29337" s="2">
        <v>1</v>
      </c>
      <c r="J29337" s="2">
        <v>0</v>
      </c>
      <c r="K29337" s="2">
        <v>0</v>
      </c>
      <c r="L29337" t="s">
        <v>120</v>
      </c>
      <c r="M29337" t="s">
        <v>83</v>
      </c>
      <c r="N29337" t="s">
        <v>91</v>
      </c>
      <c r="O29337" t="s">
        <v>85</v>
      </c>
      <c r="P29337" t="s">
        <v>86</v>
      </c>
      <c r="Q29337">
        <v>13</v>
      </c>
      <c r="R29337">
        <v>13</v>
      </c>
      <c r="S29337">
        <v>14</v>
      </c>
      <c r="T29337">
        <v>14</v>
      </c>
      <c r="U29337">
        <v>14</v>
      </c>
      <c r="V29337">
        <v>14</v>
      </c>
      <c r="W29337">
        <v>14</v>
      </c>
      <c r="X29337">
        <v>14</v>
      </c>
      <c r="Y29337">
        <v>14</v>
      </c>
      <c r="Z29337">
        <v>15</v>
      </c>
      <c r="AA29337">
        <v>15</v>
      </c>
      <c r="AB29337">
        <v>15</v>
      </c>
      <c r="AC29337">
        <v>15</v>
      </c>
      <c r="AD29337">
        <v>15</v>
      </c>
      <c r="AE29337">
        <v>15</v>
      </c>
      <c r="AF29337">
        <v>15</v>
      </c>
      <c r="AG29337">
        <v>15</v>
      </c>
      <c r="AH29337">
        <v>16</v>
      </c>
      <c r="AI29337">
        <v>16</v>
      </c>
      <c r="AJ29337">
        <v>16</v>
      </c>
      <c r="AK29337">
        <v>16</v>
      </c>
      <c r="AL29337">
        <v>16</v>
      </c>
      <c r="AM29337">
        <v>16</v>
      </c>
      <c r="AN29337">
        <v>16</v>
      </c>
      <c r="AO29337">
        <v>16</v>
      </c>
      <c r="AP29337">
        <v>16</v>
      </c>
      <c r="AQ29337">
        <v>16</v>
      </c>
    </row>
    <row r="29338" spans="1:43">
      <c r="A29338" t="s">
        <v>18167</v>
      </c>
      <c r="B29338" t="s">
        <v>18168</v>
      </c>
      <c r="C29338" t="s">
        <v>18099</v>
      </c>
      <c r="D29338" t="s">
        <v>18100</v>
      </c>
      <c r="E29338" t="s">
        <v>18039</v>
      </c>
      <c r="F29338" t="s">
        <v>18040</v>
      </c>
      <c r="G29338" t="s">
        <v>16559</v>
      </c>
      <c r="H29338" t="s">
        <v>16560</v>
      </c>
      <c r="I29338" s="2">
        <v>1</v>
      </c>
      <c r="J29338" s="2">
        <v>0</v>
      </c>
      <c r="K29338" s="2">
        <v>0</v>
      </c>
      <c r="L29338" t="s">
        <v>120</v>
      </c>
      <c r="M29338" t="s">
        <v>83</v>
      </c>
      <c r="N29338" t="s">
        <v>84</v>
      </c>
      <c r="O29338" t="s">
        <v>85</v>
      </c>
      <c r="P29338" t="s">
        <v>86</v>
      </c>
      <c r="Q29338">
        <v>41</v>
      </c>
      <c r="R29338">
        <v>42</v>
      </c>
      <c r="S29338">
        <v>42</v>
      </c>
      <c r="T29338">
        <v>43</v>
      </c>
      <c r="U29338">
        <v>43</v>
      </c>
      <c r="V29338">
        <v>44</v>
      </c>
      <c r="W29338">
        <v>44</v>
      </c>
      <c r="X29338">
        <v>45</v>
      </c>
      <c r="Y29338">
        <v>45</v>
      </c>
      <c r="Z29338">
        <v>45</v>
      </c>
      <c r="AA29338">
        <v>46</v>
      </c>
      <c r="AB29338">
        <v>46</v>
      </c>
      <c r="AC29338">
        <v>47</v>
      </c>
      <c r="AD29338">
        <v>47</v>
      </c>
      <c r="AE29338">
        <v>48</v>
      </c>
      <c r="AF29338">
        <v>48</v>
      </c>
      <c r="AG29338">
        <v>48</v>
      </c>
      <c r="AH29338">
        <v>49</v>
      </c>
      <c r="AI29338">
        <v>49</v>
      </c>
      <c r="AJ29338">
        <v>50</v>
      </c>
      <c r="AK29338">
        <v>50</v>
      </c>
      <c r="AL29338">
        <v>50</v>
      </c>
      <c r="AM29338">
        <v>50</v>
      </c>
      <c r="AN29338">
        <v>50</v>
      </c>
      <c r="AO29338">
        <v>50</v>
      </c>
      <c r="AP29338">
        <v>50</v>
      </c>
      <c r="AQ29338">
        <v>50</v>
      </c>
    </row>
    <row r="29339" spans="1:43">
      <c r="A29339" t="s">
        <v>18167</v>
      </c>
      <c r="B29339" t="s">
        <v>18168</v>
      </c>
      <c r="C29339" t="s">
        <v>18099</v>
      </c>
      <c r="D29339" t="s">
        <v>18100</v>
      </c>
      <c r="E29339" t="s">
        <v>18039</v>
      </c>
      <c r="F29339" t="s">
        <v>18040</v>
      </c>
      <c r="G29339" t="s">
        <v>16559</v>
      </c>
      <c r="H29339" t="s">
        <v>16560</v>
      </c>
      <c r="I29339" s="2">
        <v>1</v>
      </c>
      <c r="J29339" s="2">
        <v>0</v>
      </c>
      <c r="K29339" s="2">
        <v>0</v>
      </c>
      <c r="L29339" t="s">
        <v>120</v>
      </c>
      <c r="M29339" t="s">
        <v>87</v>
      </c>
      <c r="N29339" t="s">
        <v>88</v>
      </c>
      <c r="O29339" t="s">
        <v>85</v>
      </c>
      <c r="P29339" t="s">
        <v>86</v>
      </c>
      <c r="Q29339">
        <v>41</v>
      </c>
      <c r="R29339">
        <v>41</v>
      </c>
      <c r="S29339">
        <v>41</v>
      </c>
      <c r="T29339">
        <v>41</v>
      </c>
      <c r="U29339">
        <v>41</v>
      </c>
      <c r="V29339">
        <v>41</v>
      </c>
      <c r="W29339">
        <v>41</v>
      </c>
      <c r="X29339">
        <v>42</v>
      </c>
      <c r="Y29339">
        <v>42</v>
      </c>
      <c r="Z29339">
        <v>42</v>
      </c>
      <c r="AA29339">
        <v>42</v>
      </c>
      <c r="AB29339">
        <v>42</v>
      </c>
      <c r="AC29339">
        <v>42</v>
      </c>
      <c r="AD29339">
        <v>42</v>
      </c>
      <c r="AE29339">
        <v>42</v>
      </c>
      <c r="AF29339">
        <v>42</v>
      </c>
      <c r="AG29339">
        <v>42</v>
      </c>
      <c r="AH29339">
        <v>42</v>
      </c>
      <c r="AI29339">
        <v>43</v>
      </c>
      <c r="AJ29339">
        <v>43</v>
      </c>
      <c r="AK29339">
        <v>43</v>
      </c>
      <c r="AL29339">
        <v>43</v>
      </c>
      <c r="AM29339">
        <v>43</v>
      </c>
      <c r="AN29339">
        <v>43</v>
      </c>
      <c r="AO29339">
        <v>43</v>
      </c>
      <c r="AP29339">
        <v>43</v>
      </c>
      <c r="AQ29339">
        <v>43</v>
      </c>
    </row>
    <row r="29340" spans="1:43">
      <c r="A29340" t="s">
        <v>18167</v>
      </c>
      <c r="B29340" t="s">
        <v>18168</v>
      </c>
      <c r="C29340" t="s">
        <v>18099</v>
      </c>
      <c r="D29340" t="s">
        <v>18100</v>
      </c>
      <c r="E29340" t="s">
        <v>18039</v>
      </c>
      <c r="F29340" t="s">
        <v>18040</v>
      </c>
      <c r="G29340" t="s">
        <v>16559</v>
      </c>
      <c r="H29340" t="s">
        <v>16560</v>
      </c>
      <c r="I29340" s="2">
        <v>1</v>
      </c>
      <c r="J29340" s="2">
        <v>0</v>
      </c>
      <c r="K29340" s="2">
        <v>0</v>
      </c>
      <c r="L29340" t="s">
        <v>120</v>
      </c>
      <c r="M29340" t="s">
        <v>89</v>
      </c>
      <c r="N29340" t="s">
        <v>90</v>
      </c>
      <c r="O29340" t="s">
        <v>85</v>
      </c>
      <c r="P29340" t="s">
        <v>86</v>
      </c>
      <c r="Q29340">
        <v>41</v>
      </c>
      <c r="R29340">
        <v>41</v>
      </c>
      <c r="S29340">
        <v>42</v>
      </c>
      <c r="T29340">
        <v>43</v>
      </c>
      <c r="U29340">
        <v>44</v>
      </c>
      <c r="V29340">
        <v>45</v>
      </c>
      <c r="W29340">
        <v>45</v>
      </c>
      <c r="X29340">
        <v>46</v>
      </c>
      <c r="Y29340">
        <v>47</v>
      </c>
      <c r="Z29340">
        <v>47</v>
      </c>
      <c r="AA29340">
        <v>48</v>
      </c>
      <c r="AB29340">
        <v>48</v>
      </c>
      <c r="AC29340">
        <v>49</v>
      </c>
      <c r="AD29340">
        <v>50</v>
      </c>
      <c r="AE29340">
        <v>50</v>
      </c>
      <c r="AF29340">
        <v>50</v>
      </c>
      <c r="AG29340">
        <v>50</v>
      </c>
      <c r="AH29340">
        <v>50</v>
      </c>
      <c r="AI29340">
        <v>50</v>
      </c>
      <c r="AJ29340">
        <v>50</v>
      </c>
      <c r="AK29340">
        <v>50</v>
      </c>
      <c r="AL29340">
        <v>50</v>
      </c>
      <c r="AM29340">
        <v>50</v>
      </c>
      <c r="AN29340">
        <v>50</v>
      </c>
      <c r="AO29340">
        <v>50</v>
      </c>
      <c r="AP29340">
        <v>50</v>
      </c>
      <c r="AQ29340">
        <v>50</v>
      </c>
    </row>
    <row r="29341" spans="1:43">
      <c r="A29341" t="s">
        <v>18167</v>
      </c>
      <c r="B29341" t="s">
        <v>18168</v>
      </c>
      <c r="C29341" t="s">
        <v>18099</v>
      </c>
      <c r="D29341" t="s">
        <v>18100</v>
      </c>
      <c r="E29341" t="s">
        <v>18039</v>
      </c>
      <c r="F29341" t="s">
        <v>18040</v>
      </c>
      <c r="G29341" t="s">
        <v>16559</v>
      </c>
      <c r="H29341" t="s">
        <v>16560</v>
      </c>
      <c r="I29341" s="2">
        <v>1</v>
      </c>
      <c r="J29341" s="2">
        <v>0</v>
      </c>
      <c r="K29341" s="2">
        <v>0</v>
      </c>
      <c r="L29341" t="s">
        <v>120</v>
      </c>
      <c r="M29341" t="s">
        <v>83</v>
      </c>
      <c r="N29341" t="s">
        <v>91</v>
      </c>
      <c r="O29341" t="s">
        <v>85</v>
      </c>
      <c r="P29341" t="s">
        <v>86</v>
      </c>
      <c r="Q29341">
        <v>41</v>
      </c>
      <c r="R29341">
        <v>42</v>
      </c>
      <c r="S29341">
        <v>42</v>
      </c>
      <c r="T29341">
        <v>43</v>
      </c>
      <c r="U29341">
        <v>43</v>
      </c>
      <c r="V29341">
        <v>44</v>
      </c>
      <c r="W29341">
        <v>44</v>
      </c>
      <c r="X29341">
        <v>45</v>
      </c>
      <c r="Y29341">
        <v>45</v>
      </c>
      <c r="Z29341">
        <v>45</v>
      </c>
      <c r="AA29341">
        <v>46</v>
      </c>
      <c r="AB29341">
        <v>46</v>
      </c>
      <c r="AC29341">
        <v>47</v>
      </c>
      <c r="AD29341">
        <v>47</v>
      </c>
      <c r="AE29341">
        <v>48</v>
      </c>
      <c r="AF29341">
        <v>48</v>
      </c>
      <c r="AG29341">
        <v>48</v>
      </c>
      <c r="AH29341">
        <v>49</v>
      </c>
      <c r="AI29341">
        <v>49</v>
      </c>
      <c r="AJ29341">
        <v>50</v>
      </c>
      <c r="AK29341">
        <v>50</v>
      </c>
      <c r="AL29341">
        <v>50</v>
      </c>
      <c r="AM29341">
        <v>50</v>
      </c>
      <c r="AN29341">
        <v>50</v>
      </c>
      <c r="AO29341">
        <v>50</v>
      </c>
      <c r="AP29341">
        <v>50</v>
      </c>
      <c r="AQ29341">
        <v>50</v>
      </c>
    </row>
    <row r="29342" spans="1:43">
      <c r="A29342" t="s">
        <v>18169</v>
      </c>
      <c r="B29342" t="s">
        <v>18170</v>
      </c>
      <c r="C29342" t="s">
        <v>18171</v>
      </c>
      <c r="D29342" t="s">
        <v>18172</v>
      </c>
      <c r="E29342" t="s">
        <v>18039</v>
      </c>
      <c r="F29342" t="s">
        <v>18040</v>
      </c>
      <c r="G29342" t="s">
        <v>16559</v>
      </c>
      <c r="H29342" t="s">
        <v>16560</v>
      </c>
      <c r="I29342" s="2">
        <v>1</v>
      </c>
      <c r="J29342" s="2">
        <v>0</v>
      </c>
      <c r="K29342" s="2">
        <v>0</v>
      </c>
      <c r="L29342" t="s">
        <v>120</v>
      </c>
      <c r="M29342" t="s">
        <v>83</v>
      </c>
      <c r="N29342" t="s">
        <v>84</v>
      </c>
      <c r="O29342" t="s">
        <v>85</v>
      </c>
      <c r="P29342" t="s">
        <v>86</v>
      </c>
      <c r="Q29342">
        <v>5</v>
      </c>
      <c r="R29342">
        <v>5</v>
      </c>
      <c r="S29342">
        <v>6</v>
      </c>
      <c r="T29342">
        <v>6</v>
      </c>
      <c r="U29342">
        <v>6</v>
      </c>
      <c r="V29342">
        <v>6</v>
      </c>
      <c r="W29342">
        <v>6</v>
      </c>
      <c r="X29342">
        <v>6</v>
      </c>
      <c r="Y29342">
        <v>6</v>
      </c>
      <c r="Z29342">
        <v>6</v>
      </c>
      <c r="AA29342">
        <v>6</v>
      </c>
      <c r="AB29342">
        <v>6</v>
      </c>
      <c r="AC29342">
        <v>6</v>
      </c>
      <c r="AD29342">
        <v>6</v>
      </c>
      <c r="AE29342">
        <v>6</v>
      </c>
      <c r="AF29342">
        <v>6</v>
      </c>
      <c r="AG29342">
        <v>6</v>
      </c>
      <c r="AH29342">
        <v>6</v>
      </c>
      <c r="AI29342">
        <v>6</v>
      </c>
      <c r="AJ29342">
        <v>7</v>
      </c>
      <c r="AK29342">
        <v>7</v>
      </c>
      <c r="AL29342">
        <v>7</v>
      </c>
      <c r="AM29342">
        <v>7</v>
      </c>
      <c r="AN29342">
        <v>7</v>
      </c>
      <c r="AO29342">
        <v>7</v>
      </c>
      <c r="AP29342">
        <v>7</v>
      </c>
      <c r="AQ29342">
        <v>7</v>
      </c>
    </row>
    <row r="29343" spans="1:43">
      <c r="A29343" t="s">
        <v>18169</v>
      </c>
      <c r="B29343" t="s">
        <v>18170</v>
      </c>
      <c r="C29343" t="s">
        <v>18171</v>
      </c>
      <c r="D29343" t="s">
        <v>18172</v>
      </c>
      <c r="E29343" t="s">
        <v>18039</v>
      </c>
      <c r="F29343" t="s">
        <v>18040</v>
      </c>
      <c r="G29343" t="s">
        <v>16559</v>
      </c>
      <c r="H29343" t="s">
        <v>16560</v>
      </c>
      <c r="I29343" s="2">
        <v>1</v>
      </c>
      <c r="J29343" s="2">
        <v>0</v>
      </c>
      <c r="K29343" s="2">
        <v>0</v>
      </c>
      <c r="L29343" t="s">
        <v>120</v>
      </c>
      <c r="M29343" t="s">
        <v>87</v>
      </c>
      <c r="N29343" t="s">
        <v>88</v>
      </c>
      <c r="O29343" t="s">
        <v>85</v>
      </c>
      <c r="P29343" t="s">
        <v>86</v>
      </c>
      <c r="Q29343">
        <v>5</v>
      </c>
      <c r="R29343">
        <v>5</v>
      </c>
      <c r="S29343">
        <v>5</v>
      </c>
      <c r="T29343">
        <v>5</v>
      </c>
      <c r="U29343">
        <v>5</v>
      </c>
      <c r="V29343">
        <v>5</v>
      </c>
      <c r="W29343">
        <v>5</v>
      </c>
      <c r="X29343">
        <v>5</v>
      </c>
      <c r="Y29343">
        <v>5</v>
      </c>
      <c r="Z29343">
        <v>5</v>
      </c>
      <c r="AA29343">
        <v>5</v>
      </c>
      <c r="AB29343">
        <v>5</v>
      </c>
      <c r="AC29343">
        <v>6</v>
      </c>
      <c r="AD29343">
        <v>6</v>
      </c>
      <c r="AE29343">
        <v>6</v>
      </c>
      <c r="AF29343">
        <v>6</v>
      </c>
      <c r="AG29343">
        <v>6</v>
      </c>
      <c r="AH29343">
        <v>6</v>
      </c>
      <c r="AI29343">
        <v>6</v>
      </c>
      <c r="AJ29343">
        <v>6</v>
      </c>
      <c r="AK29343">
        <v>6</v>
      </c>
      <c r="AL29343">
        <v>6</v>
      </c>
      <c r="AM29343">
        <v>6</v>
      </c>
      <c r="AN29343">
        <v>6</v>
      </c>
      <c r="AO29343">
        <v>6</v>
      </c>
      <c r="AP29343">
        <v>6</v>
      </c>
      <c r="AQ29343">
        <v>6</v>
      </c>
    </row>
    <row r="29344" spans="1:43">
      <c r="A29344" t="s">
        <v>18169</v>
      </c>
      <c r="B29344" t="s">
        <v>18170</v>
      </c>
      <c r="C29344" t="s">
        <v>18171</v>
      </c>
      <c r="D29344" t="s">
        <v>18172</v>
      </c>
      <c r="E29344" t="s">
        <v>18039</v>
      </c>
      <c r="F29344" t="s">
        <v>18040</v>
      </c>
      <c r="G29344" t="s">
        <v>16559</v>
      </c>
      <c r="H29344" t="s">
        <v>16560</v>
      </c>
      <c r="I29344" s="2">
        <v>1</v>
      </c>
      <c r="J29344" s="2">
        <v>0</v>
      </c>
      <c r="K29344" s="2">
        <v>0</v>
      </c>
      <c r="L29344" t="s">
        <v>120</v>
      </c>
      <c r="M29344" t="s">
        <v>89</v>
      </c>
      <c r="N29344" t="s">
        <v>90</v>
      </c>
      <c r="O29344" t="s">
        <v>85</v>
      </c>
      <c r="P29344" t="s">
        <v>86</v>
      </c>
      <c r="Q29344">
        <v>5</v>
      </c>
      <c r="R29344">
        <v>6</v>
      </c>
      <c r="S29344">
        <v>6</v>
      </c>
      <c r="T29344">
        <v>6</v>
      </c>
      <c r="U29344">
        <v>6</v>
      </c>
      <c r="V29344">
        <v>6</v>
      </c>
      <c r="W29344">
        <v>6</v>
      </c>
      <c r="X29344">
        <v>6</v>
      </c>
      <c r="Y29344">
        <v>6</v>
      </c>
      <c r="Z29344">
        <v>6</v>
      </c>
      <c r="AA29344">
        <v>6</v>
      </c>
      <c r="AB29344">
        <v>6</v>
      </c>
      <c r="AC29344">
        <v>7</v>
      </c>
      <c r="AD29344">
        <v>7</v>
      </c>
      <c r="AE29344">
        <v>7</v>
      </c>
      <c r="AF29344">
        <v>7</v>
      </c>
      <c r="AG29344">
        <v>7</v>
      </c>
      <c r="AH29344">
        <v>7</v>
      </c>
      <c r="AI29344">
        <v>7</v>
      </c>
      <c r="AJ29344">
        <v>7</v>
      </c>
      <c r="AK29344">
        <v>7</v>
      </c>
      <c r="AL29344">
        <v>7</v>
      </c>
      <c r="AM29344">
        <v>7</v>
      </c>
      <c r="AN29344">
        <v>7</v>
      </c>
      <c r="AO29344">
        <v>7</v>
      </c>
      <c r="AP29344">
        <v>7</v>
      </c>
      <c r="AQ29344">
        <v>7</v>
      </c>
    </row>
    <row r="29345" spans="1:43">
      <c r="A29345" t="s">
        <v>18169</v>
      </c>
      <c r="B29345" t="s">
        <v>18170</v>
      </c>
      <c r="C29345" t="s">
        <v>18171</v>
      </c>
      <c r="D29345" t="s">
        <v>18172</v>
      </c>
      <c r="E29345" t="s">
        <v>18039</v>
      </c>
      <c r="F29345" t="s">
        <v>18040</v>
      </c>
      <c r="G29345" t="s">
        <v>16559</v>
      </c>
      <c r="H29345" t="s">
        <v>16560</v>
      </c>
      <c r="I29345" s="2">
        <v>1</v>
      </c>
      <c r="J29345" s="2">
        <v>0</v>
      </c>
      <c r="K29345" s="2">
        <v>0</v>
      </c>
      <c r="L29345" t="s">
        <v>120</v>
      </c>
      <c r="M29345" t="s">
        <v>83</v>
      </c>
      <c r="N29345" t="s">
        <v>91</v>
      </c>
      <c r="O29345" t="s">
        <v>85</v>
      </c>
      <c r="P29345" t="s">
        <v>86</v>
      </c>
      <c r="Q29345">
        <v>5</v>
      </c>
      <c r="R29345">
        <v>5</v>
      </c>
      <c r="S29345">
        <v>6</v>
      </c>
      <c r="T29345">
        <v>6</v>
      </c>
      <c r="U29345">
        <v>6</v>
      </c>
      <c r="V29345">
        <v>6</v>
      </c>
      <c r="W29345">
        <v>6</v>
      </c>
      <c r="X29345">
        <v>6</v>
      </c>
      <c r="Y29345">
        <v>6</v>
      </c>
      <c r="Z29345">
        <v>6</v>
      </c>
      <c r="AA29345">
        <v>6</v>
      </c>
      <c r="AB29345">
        <v>6</v>
      </c>
      <c r="AC29345">
        <v>6</v>
      </c>
      <c r="AD29345">
        <v>6</v>
      </c>
      <c r="AE29345">
        <v>6</v>
      </c>
      <c r="AF29345">
        <v>6</v>
      </c>
      <c r="AG29345">
        <v>6</v>
      </c>
      <c r="AH29345">
        <v>6</v>
      </c>
      <c r="AI29345">
        <v>6</v>
      </c>
      <c r="AJ29345">
        <v>7</v>
      </c>
      <c r="AK29345">
        <v>7</v>
      </c>
      <c r="AL29345">
        <v>7</v>
      </c>
      <c r="AM29345">
        <v>7</v>
      </c>
      <c r="AN29345">
        <v>7</v>
      </c>
      <c r="AO29345">
        <v>7</v>
      </c>
      <c r="AP29345">
        <v>7</v>
      </c>
      <c r="AQ29345">
        <v>7</v>
      </c>
    </row>
    <row r="29346" spans="1:43">
      <c r="A29346" t="s">
        <v>18173</v>
      </c>
      <c r="B29346" t="s">
        <v>18174</v>
      </c>
      <c r="C29346" t="s">
        <v>18171</v>
      </c>
      <c r="D29346" t="s">
        <v>18172</v>
      </c>
      <c r="E29346" t="s">
        <v>18039</v>
      </c>
      <c r="F29346" t="s">
        <v>18040</v>
      </c>
      <c r="G29346" t="s">
        <v>16559</v>
      </c>
      <c r="H29346" t="s">
        <v>16560</v>
      </c>
      <c r="I29346" s="2">
        <v>1</v>
      </c>
      <c r="J29346" s="2">
        <v>0</v>
      </c>
      <c r="K29346" s="2">
        <v>0</v>
      </c>
      <c r="L29346" t="s">
        <v>120</v>
      </c>
      <c r="M29346" t="s">
        <v>83</v>
      </c>
      <c r="N29346" t="s">
        <v>84</v>
      </c>
      <c r="O29346" t="s">
        <v>85</v>
      </c>
      <c r="P29346" t="s">
        <v>86</v>
      </c>
      <c r="Q29346">
        <v>30</v>
      </c>
      <c r="R29346">
        <v>30</v>
      </c>
      <c r="S29346">
        <v>31</v>
      </c>
      <c r="T29346">
        <v>31</v>
      </c>
      <c r="U29346">
        <v>31</v>
      </c>
      <c r="V29346">
        <v>32</v>
      </c>
      <c r="W29346">
        <v>32</v>
      </c>
      <c r="X29346">
        <v>32</v>
      </c>
      <c r="Y29346">
        <v>33</v>
      </c>
      <c r="Z29346">
        <v>33</v>
      </c>
      <c r="AA29346">
        <v>33</v>
      </c>
      <c r="AB29346">
        <v>33</v>
      </c>
      <c r="AC29346">
        <v>34</v>
      </c>
      <c r="AD29346">
        <v>34</v>
      </c>
      <c r="AE29346">
        <v>34</v>
      </c>
      <c r="AF29346">
        <v>35</v>
      </c>
      <c r="AG29346">
        <v>35</v>
      </c>
      <c r="AH29346">
        <v>35</v>
      </c>
      <c r="AI29346">
        <v>36</v>
      </c>
      <c r="AJ29346">
        <v>36</v>
      </c>
      <c r="AK29346">
        <v>36</v>
      </c>
      <c r="AL29346">
        <v>36</v>
      </c>
      <c r="AM29346">
        <v>36</v>
      </c>
      <c r="AN29346">
        <v>36</v>
      </c>
      <c r="AO29346">
        <v>36</v>
      </c>
      <c r="AP29346">
        <v>36</v>
      </c>
      <c r="AQ29346">
        <v>36</v>
      </c>
    </row>
    <row r="29347" spans="1:43">
      <c r="A29347" t="s">
        <v>18173</v>
      </c>
      <c r="B29347" t="s">
        <v>18174</v>
      </c>
      <c r="C29347" t="s">
        <v>18171</v>
      </c>
      <c r="D29347" t="s">
        <v>18172</v>
      </c>
      <c r="E29347" t="s">
        <v>18039</v>
      </c>
      <c r="F29347" t="s">
        <v>18040</v>
      </c>
      <c r="G29347" t="s">
        <v>16559</v>
      </c>
      <c r="H29347" t="s">
        <v>16560</v>
      </c>
      <c r="I29347" s="2">
        <v>1</v>
      </c>
      <c r="J29347" s="2">
        <v>0</v>
      </c>
      <c r="K29347" s="2">
        <v>0</v>
      </c>
      <c r="L29347" t="s">
        <v>120</v>
      </c>
      <c r="M29347" t="s">
        <v>87</v>
      </c>
      <c r="N29347" t="s">
        <v>88</v>
      </c>
      <c r="O29347" t="s">
        <v>85</v>
      </c>
      <c r="P29347" t="s">
        <v>86</v>
      </c>
      <c r="Q29347">
        <v>30</v>
      </c>
      <c r="R29347">
        <v>30</v>
      </c>
      <c r="S29347">
        <v>30</v>
      </c>
      <c r="T29347">
        <v>30</v>
      </c>
      <c r="U29347">
        <v>30</v>
      </c>
      <c r="V29347">
        <v>30</v>
      </c>
      <c r="W29347">
        <v>30</v>
      </c>
      <c r="X29347">
        <v>30</v>
      </c>
      <c r="Y29347">
        <v>30</v>
      </c>
      <c r="Z29347">
        <v>30</v>
      </c>
      <c r="AA29347">
        <v>30</v>
      </c>
      <c r="AB29347">
        <v>30</v>
      </c>
      <c r="AC29347">
        <v>30</v>
      </c>
      <c r="AD29347">
        <v>30</v>
      </c>
      <c r="AE29347">
        <v>30</v>
      </c>
      <c r="AF29347">
        <v>30</v>
      </c>
      <c r="AG29347">
        <v>31</v>
      </c>
      <c r="AH29347">
        <v>31</v>
      </c>
      <c r="AI29347">
        <v>31</v>
      </c>
      <c r="AJ29347">
        <v>31</v>
      </c>
      <c r="AK29347">
        <v>31</v>
      </c>
      <c r="AL29347">
        <v>31</v>
      </c>
      <c r="AM29347">
        <v>31</v>
      </c>
      <c r="AN29347">
        <v>31</v>
      </c>
      <c r="AO29347">
        <v>31</v>
      </c>
      <c r="AP29347">
        <v>31</v>
      </c>
      <c r="AQ29347">
        <v>31</v>
      </c>
    </row>
    <row r="29348" spans="1:43">
      <c r="A29348" t="s">
        <v>18173</v>
      </c>
      <c r="B29348" t="s">
        <v>18174</v>
      </c>
      <c r="C29348" t="s">
        <v>18171</v>
      </c>
      <c r="D29348" t="s">
        <v>18172</v>
      </c>
      <c r="E29348" t="s">
        <v>18039</v>
      </c>
      <c r="F29348" t="s">
        <v>18040</v>
      </c>
      <c r="G29348" t="s">
        <v>16559</v>
      </c>
      <c r="H29348" t="s">
        <v>16560</v>
      </c>
      <c r="I29348" s="2">
        <v>1</v>
      </c>
      <c r="J29348" s="2">
        <v>0</v>
      </c>
      <c r="K29348" s="2">
        <v>0</v>
      </c>
      <c r="L29348" t="s">
        <v>120</v>
      </c>
      <c r="M29348" t="s">
        <v>89</v>
      </c>
      <c r="N29348" t="s">
        <v>90</v>
      </c>
      <c r="O29348" t="s">
        <v>85</v>
      </c>
      <c r="P29348" t="s">
        <v>86</v>
      </c>
      <c r="Q29348">
        <v>30</v>
      </c>
      <c r="R29348">
        <v>31</v>
      </c>
      <c r="S29348">
        <v>31</v>
      </c>
      <c r="T29348">
        <v>32</v>
      </c>
      <c r="U29348">
        <v>32</v>
      </c>
      <c r="V29348">
        <v>33</v>
      </c>
      <c r="W29348">
        <v>33</v>
      </c>
      <c r="X29348">
        <v>34</v>
      </c>
      <c r="Y29348">
        <v>34</v>
      </c>
      <c r="Z29348">
        <v>35</v>
      </c>
      <c r="AA29348">
        <v>35</v>
      </c>
      <c r="AB29348">
        <v>36</v>
      </c>
      <c r="AC29348">
        <v>36</v>
      </c>
      <c r="AD29348">
        <v>37</v>
      </c>
      <c r="AE29348">
        <v>37</v>
      </c>
      <c r="AF29348">
        <v>37</v>
      </c>
      <c r="AG29348">
        <v>37</v>
      </c>
      <c r="AH29348">
        <v>37</v>
      </c>
      <c r="AI29348">
        <v>37</v>
      </c>
      <c r="AJ29348">
        <v>37</v>
      </c>
      <c r="AK29348">
        <v>37</v>
      </c>
      <c r="AL29348">
        <v>36</v>
      </c>
      <c r="AM29348">
        <v>36</v>
      </c>
      <c r="AN29348">
        <v>36</v>
      </c>
      <c r="AO29348">
        <v>36</v>
      </c>
      <c r="AP29348">
        <v>36</v>
      </c>
      <c r="AQ29348">
        <v>36</v>
      </c>
    </row>
    <row r="29349" spans="1:43">
      <c r="A29349" t="s">
        <v>18173</v>
      </c>
      <c r="B29349" t="s">
        <v>18174</v>
      </c>
      <c r="C29349" t="s">
        <v>18171</v>
      </c>
      <c r="D29349" t="s">
        <v>18172</v>
      </c>
      <c r="E29349" t="s">
        <v>18039</v>
      </c>
      <c r="F29349" t="s">
        <v>18040</v>
      </c>
      <c r="G29349" t="s">
        <v>16559</v>
      </c>
      <c r="H29349" t="s">
        <v>16560</v>
      </c>
      <c r="I29349" s="2">
        <v>1</v>
      </c>
      <c r="J29349" s="2">
        <v>0</v>
      </c>
      <c r="K29349" s="2">
        <v>0</v>
      </c>
      <c r="L29349" t="s">
        <v>120</v>
      </c>
      <c r="M29349" t="s">
        <v>83</v>
      </c>
      <c r="N29349" t="s">
        <v>91</v>
      </c>
      <c r="O29349" t="s">
        <v>85</v>
      </c>
      <c r="P29349" t="s">
        <v>86</v>
      </c>
      <c r="Q29349">
        <v>30</v>
      </c>
      <c r="R29349">
        <v>30</v>
      </c>
      <c r="S29349">
        <v>31</v>
      </c>
      <c r="T29349">
        <v>31</v>
      </c>
      <c r="U29349">
        <v>31</v>
      </c>
      <c r="V29349">
        <v>32</v>
      </c>
      <c r="W29349">
        <v>32</v>
      </c>
      <c r="X29349">
        <v>32</v>
      </c>
      <c r="Y29349">
        <v>33</v>
      </c>
      <c r="Z29349">
        <v>33</v>
      </c>
      <c r="AA29349">
        <v>33</v>
      </c>
      <c r="AB29349">
        <v>33</v>
      </c>
      <c r="AC29349">
        <v>34</v>
      </c>
      <c r="AD29349">
        <v>34</v>
      </c>
      <c r="AE29349">
        <v>34</v>
      </c>
      <c r="AF29349">
        <v>35</v>
      </c>
      <c r="AG29349">
        <v>35</v>
      </c>
      <c r="AH29349">
        <v>35</v>
      </c>
      <c r="AI29349">
        <v>36</v>
      </c>
      <c r="AJ29349">
        <v>36</v>
      </c>
      <c r="AK29349">
        <v>36</v>
      </c>
      <c r="AL29349">
        <v>36</v>
      </c>
      <c r="AM29349">
        <v>36</v>
      </c>
      <c r="AN29349">
        <v>36</v>
      </c>
      <c r="AO29349">
        <v>36</v>
      </c>
      <c r="AP29349">
        <v>36</v>
      </c>
      <c r="AQ29349">
        <v>36</v>
      </c>
    </row>
    <row r="29350" spans="1:43">
      <c r="A29350" t="s">
        <v>18175</v>
      </c>
      <c r="B29350" t="s">
        <v>18176</v>
      </c>
      <c r="C29350" t="s">
        <v>18171</v>
      </c>
      <c r="D29350" t="s">
        <v>18172</v>
      </c>
      <c r="E29350" t="s">
        <v>18039</v>
      </c>
      <c r="F29350" t="s">
        <v>18040</v>
      </c>
      <c r="G29350" t="s">
        <v>16559</v>
      </c>
      <c r="H29350" t="s">
        <v>16560</v>
      </c>
      <c r="I29350" s="2">
        <v>1</v>
      </c>
      <c r="J29350" s="2">
        <v>0</v>
      </c>
      <c r="K29350" s="2">
        <v>0</v>
      </c>
      <c r="L29350" t="s">
        <v>120</v>
      </c>
      <c r="M29350" t="s">
        <v>83</v>
      </c>
      <c r="N29350" t="s">
        <v>84</v>
      </c>
      <c r="O29350" t="s">
        <v>85</v>
      </c>
      <c r="P29350" t="s">
        <v>86</v>
      </c>
      <c r="Q29350">
        <v>15</v>
      </c>
      <c r="R29350">
        <v>16</v>
      </c>
      <c r="S29350">
        <v>16</v>
      </c>
      <c r="T29350">
        <v>16</v>
      </c>
      <c r="U29350">
        <v>16</v>
      </c>
      <c r="V29350">
        <v>16</v>
      </c>
      <c r="W29350">
        <v>17</v>
      </c>
      <c r="X29350">
        <v>17</v>
      </c>
      <c r="Y29350">
        <v>17</v>
      </c>
      <c r="Z29350">
        <v>17</v>
      </c>
      <c r="AA29350">
        <v>17</v>
      </c>
      <c r="AB29350">
        <v>17</v>
      </c>
      <c r="AC29350">
        <v>18</v>
      </c>
      <c r="AD29350">
        <v>18</v>
      </c>
      <c r="AE29350">
        <v>18</v>
      </c>
      <c r="AF29350">
        <v>18</v>
      </c>
      <c r="AG29350">
        <v>18</v>
      </c>
      <c r="AH29350">
        <v>18</v>
      </c>
      <c r="AI29350">
        <v>19</v>
      </c>
      <c r="AJ29350">
        <v>19</v>
      </c>
      <c r="AK29350">
        <v>19</v>
      </c>
      <c r="AL29350">
        <v>19</v>
      </c>
      <c r="AM29350">
        <v>19</v>
      </c>
      <c r="AN29350">
        <v>19</v>
      </c>
      <c r="AO29350">
        <v>19</v>
      </c>
      <c r="AP29350">
        <v>19</v>
      </c>
      <c r="AQ29350">
        <v>19</v>
      </c>
    </row>
    <row r="29351" spans="1:43">
      <c r="A29351" t="s">
        <v>18175</v>
      </c>
      <c r="B29351" t="s">
        <v>18176</v>
      </c>
      <c r="C29351" t="s">
        <v>18171</v>
      </c>
      <c r="D29351" t="s">
        <v>18172</v>
      </c>
      <c r="E29351" t="s">
        <v>18039</v>
      </c>
      <c r="F29351" t="s">
        <v>18040</v>
      </c>
      <c r="G29351" t="s">
        <v>16559</v>
      </c>
      <c r="H29351" t="s">
        <v>16560</v>
      </c>
      <c r="I29351" s="2">
        <v>1</v>
      </c>
      <c r="J29351" s="2">
        <v>0</v>
      </c>
      <c r="K29351" s="2">
        <v>0</v>
      </c>
      <c r="L29351" t="s">
        <v>120</v>
      </c>
      <c r="M29351" t="s">
        <v>87</v>
      </c>
      <c r="N29351" t="s">
        <v>88</v>
      </c>
      <c r="O29351" t="s">
        <v>85</v>
      </c>
      <c r="P29351" t="s">
        <v>86</v>
      </c>
      <c r="Q29351">
        <v>15</v>
      </c>
      <c r="R29351">
        <v>15</v>
      </c>
      <c r="S29351">
        <v>15</v>
      </c>
      <c r="T29351">
        <v>15</v>
      </c>
      <c r="U29351">
        <v>16</v>
      </c>
      <c r="V29351">
        <v>16</v>
      </c>
      <c r="W29351">
        <v>16</v>
      </c>
      <c r="X29351">
        <v>16</v>
      </c>
      <c r="Y29351">
        <v>16</v>
      </c>
      <c r="Z29351">
        <v>16</v>
      </c>
      <c r="AA29351">
        <v>16</v>
      </c>
      <c r="AB29351">
        <v>16</v>
      </c>
      <c r="AC29351">
        <v>16</v>
      </c>
      <c r="AD29351">
        <v>16</v>
      </c>
      <c r="AE29351">
        <v>16</v>
      </c>
      <c r="AF29351">
        <v>16</v>
      </c>
      <c r="AG29351">
        <v>16</v>
      </c>
      <c r="AH29351">
        <v>16</v>
      </c>
      <c r="AI29351">
        <v>16</v>
      </c>
      <c r="AJ29351">
        <v>16</v>
      </c>
      <c r="AK29351">
        <v>16</v>
      </c>
      <c r="AL29351">
        <v>16</v>
      </c>
      <c r="AM29351">
        <v>16</v>
      </c>
      <c r="AN29351">
        <v>16</v>
      </c>
      <c r="AO29351">
        <v>16</v>
      </c>
      <c r="AP29351">
        <v>16</v>
      </c>
      <c r="AQ29351">
        <v>16</v>
      </c>
    </row>
    <row r="29352" spans="1:43">
      <c r="A29352" t="s">
        <v>18175</v>
      </c>
      <c r="B29352" t="s">
        <v>18176</v>
      </c>
      <c r="C29352" t="s">
        <v>18171</v>
      </c>
      <c r="D29352" t="s">
        <v>18172</v>
      </c>
      <c r="E29352" t="s">
        <v>18039</v>
      </c>
      <c r="F29352" t="s">
        <v>18040</v>
      </c>
      <c r="G29352" t="s">
        <v>16559</v>
      </c>
      <c r="H29352" t="s">
        <v>16560</v>
      </c>
      <c r="I29352" s="2">
        <v>1</v>
      </c>
      <c r="J29352" s="2">
        <v>0</v>
      </c>
      <c r="K29352" s="2">
        <v>0</v>
      </c>
      <c r="L29352" t="s">
        <v>120</v>
      </c>
      <c r="M29352" t="s">
        <v>89</v>
      </c>
      <c r="N29352" t="s">
        <v>90</v>
      </c>
      <c r="O29352" t="s">
        <v>85</v>
      </c>
      <c r="P29352" t="s">
        <v>86</v>
      </c>
      <c r="Q29352">
        <v>15</v>
      </c>
      <c r="R29352">
        <v>15</v>
      </c>
      <c r="S29352">
        <v>15</v>
      </c>
      <c r="T29352">
        <v>16</v>
      </c>
      <c r="U29352">
        <v>16</v>
      </c>
      <c r="V29352">
        <v>16</v>
      </c>
      <c r="W29352">
        <v>16</v>
      </c>
      <c r="X29352">
        <v>17</v>
      </c>
      <c r="Y29352">
        <v>17</v>
      </c>
      <c r="Z29352">
        <v>17</v>
      </c>
      <c r="AA29352">
        <v>17</v>
      </c>
      <c r="AB29352">
        <v>18</v>
      </c>
      <c r="AC29352">
        <v>18</v>
      </c>
      <c r="AD29352">
        <v>18</v>
      </c>
      <c r="AE29352">
        <v>18</v>
      </c>
      <c r="AF29352">
        <v>18</v>
      </c>
      <c r="AG29352">
        <v>18</v>
      </c>
      <c r="AH29352">
        <v>18</v>
      </c>
      <c r="AI29352">
        <v>18</v>
      </c>
      <c r="AJ29352">
        <v>18</v>
      </c>
      <c r="AK29352">
        <v>18</v>
      </c>
      <c r="AL29352">
        <v>18</v>
      </c>
      <c r="AM29352">
        <v>18</v>
      </c>
      <c r="AN29352">
        <v>18</v>
      </c>
      <c r="AO29352">
        <v>18</v>
      </c>
      <c r="AP29352">
        <v>18</v>
      </c>
      <c r="AQ29352">
        <v>18</v>
      </c>
    </row>
    <row r="29353" spans="1:43">
      <c r="A29353" t="s">
        <v>18175</v>
      </c>
      <c r="B29353" t="s">
        <v>18176</v>
      </c>
      <c r="C29353" t="s">
        <v>18171</v>
      </c>
      <c r="D29353" t="s">
        <v>18172</v>
      </c>
      <c r="E29353" t="s">
        <v>18039</v>
      </c>
      <c r="F29353" t="s">
        <v>18040</v>
      </c>
      <c r="G29353" t="s">
        <v>16559</v>
      </c>
      <c r="H29353" t="s">
        <v>16560</v>
      </c>
      <c r="I29353" s="2">
        <v>1</v>
      </c>
      <c r="J29353" s="2">
        <v>0</v>
      </c>
      <c r="K29353" s="2">
        <v>0</v>
      </c>
      <c r="L29353" t="s">
        <v>120</v>
      </c>
      <c r="M29353" t="s">
        <v>83</v>
      </c>
      <c r="N29353" t="s">
        <v>91</v>
      </c>
      <c r="O29353" t="s">
        <v>85</v>
      </c>
      <c r="P29353" t="s">
        <v>86</v>
      </c>
      <c r="Q29353">
        <v>15</v>
      </c>
      <c r="R29353">
        <v>16</v>
      </c>
      <c r="S29353">
        <v>16</v>
      </c>
      <c r="T29353">
        <v>16</v>
      </c>
      <c r="U29353">
        <v>16</v>
      </c>
      <c r="V29353">
        <v>16</v>
      </c>
      <c r="W29353">
        <v>17</v>
      </c>
      <c r="X29353">
        <v>17</v>
      </c>
      <c r="Y29353">
        <v>17</v>
      </c>
      <c r="Z29353">
        <v>17</v>
      </c>
      <c r="AA29353">
        <v>17</v>
      </c>
      <c r="AB29353">
        <v>17</v>
      </c>
      <c r="AC29353">
        <v>18</v>
      </c>
      <c r="AD29353">
        <v>18</v>
      </c>
      <c r="AE29353">
        <v>18</v>
      </c>
      <c r="AF29353">
        <v>18</v>
      </c>
      <c r="AG29353">
        <v>18</v>
      </c>
      <c r="AH29353">
        <v>18</v>
      </c>
      <c r="AI29353">
        <v>19</v>
      </c>
      <c r="AJ29353">
        <v>19</v>
      </c>
      <c r="AK29353">
        <v>19</v>
      </c>
      <c r="AL29353">
        <v>19</v>
      </c>
      <c r="AM29353">
        <v>19</v>
      </c>
      <c r="AN29353">
        <v>19</v>
      </c>
      <c r="AO29353">
        <v>19</v>
      </c>
      <c r="AP29353">
        <v>19</v>
      </c>
      <c r="AQ29353">
        <v>19</v>
      </c>
    </row>
    <row r="29354" spans="1:43">
      <c r="A29354" t="s">
        <v>18177</v>
      </c>
      <c r="B29354" t="s">
        <v>18178</v>
      </c>
      <c r="C29354" t="s">
        <v>18179</v>
      </c>
      <c r="D29354" t="s">
        <v>18180</v>
      </c>
      <c r="E29354" t="s">
        <v>18039</v>
      </c>
      <c r="F29354" t="s">
        <v>18040</v>
      </c>
      <c r="G29354" t="s">
        <v>16559</v>
      </c>
      <c r="H29354" t="s">
        <v>16560</v>
      </c>
      <c r="I29354" s="2">
        <v>1</v>
      </c>
      <c r="J29354" s="2">
        <v>0</v>
      </c>
      <c r="K29354" s="2">
        <v>0</v>
      </c>
      <c r="L29354" t="s">
        <v>120</v>
      </c>
      <c r="M29354" t="s">
        <v>83</v>
      </c>
      <c r="N29354" t="s">
        <v>84</v>
      </c>
      <c r="O29354" t="s">
        <v>85</v>
      </c>
      <c r="P29354" t="s">
        <v>86</v>
      </c>
      <c r="Q29354">
        <v>27</v>
      </c>
      <c r="R29354">
        <v>27</v>
      </c>
      <c r="S29354">
        <v>27</v>
      </c>
      <c r="T29354">
        <v>28</v>
      </c>
      <c r="U29354">
        <v>28</v>
      </c>
      <c r="V29354">
        <v>28</v>
      </c>
      <c r="W29354">
        <v>28</v>
      </c>
      <c r="X29354">
        <v>29</v>
      </c>
      <c r="Y29354">
        <v>29</v>
      </c>
      <c r="Z29354">
        <v>29</v>
      </c>
      <c r="AA29354">
        <v>30</v>
      </c>
      <c r="AB29354">
        <v>30</v>
      </c>
      <c r="AC29354">
        <v>30</v>
      </c>
      <c r="AD29354">
        <v>30</v>
      </c>
      <c r="AE29354">
        <v>31</v>
      </c>
      <c r="AF29354">
        <v>31</v>
      </c>
      <c r="AG29354">
        <v>31</v>
      </c>
      <c r="AH29354">
        <v>31</v>
      </c>
      <c r="AI29354">
        <v>32</v>
      </c>
      <c r="AJ29354">
        <v>32</v>
      </c>
      <c r="AK29354">
        <v>32</v>
      </c>
      <c r="AL29354">
        <v>32</v>
      </c>
      <c r="AM29354">
        <v>32</v>
      </c>
      <c r="AN29354">
        <v>32</v>
      </c>
      <c r="AO29354">
        <v>32</v>
      </c>
      <c r="AP29354">
        <v>32</v>
      </c>
      <c r="AQ29354">
        <v>32</v>
      </c>
    </row>
    <row r="29355" spans="1:43">
      <c r="A29355" t="s">
        <v>18177</v>
      </c>
      <c r="B29355" t="s">
        <v>18178</v>
      </c>
      <c r="C29355" t="s">
        <v>18179</v>
      </c>
      <c r="D29355" t="s">
        <v>18180</v>
      </c>
      <c r="E29355" t="s">
        <v>18039</v>
      </c>
      <c r="F29355" t="s">
        <v>18040</v>
      </c>
      <c r="G29355" t="s">
        <v>16559</v>
      </c>
      <c r="H29355" t="s">
        <v>16560</v>
      </c>
      <c r="I29355" s="2">
        <v>1</v>
      </c>
      <c r="J29355" s="2">
        <v>0</v>
      </c>
      <c r="K29355" s="2">
        <v>0</v>
      </c>
      <c r="L29355" t="s">
        <v>120</v>
      </c>
      <c r="M29355" t="s">
        <v>87</v>
      </c>
      <c r="N29355" t="s">
        <v>88</v>
      </c>
      <c r="O29355" t="s">
        <v>85</v>
      </c>
      <c r="P29355" t="s">
        <v>86</v>
      </c>
      <c r="Q29355">
        <v>27</v>
      </c>
      <c r="R29355">
        <v>27</v>
      </c>
      <c r="S29355">
        <v>28</v>
      </c>
      <c r="T29355">
        <v>28</v>
      </c>
      <c r="U29355">
        <v>28</v>
      </c>
      <c r="V29355">
        <v>28</v>
      </c>
      <c r="W29355">
        <v>28</v>
      </c>
      <c r="X29355">
        <v>28</v>
      </c>
      <c r="Y29355">
        <v>28</v>
      </c>
      <c r="Z29355">
        <v>28</v>
      </c>
      <c r="AA29355">
        <v>28</v>
      </c>
      <c r="AB29355">
        <v>28</v>
      </c>
      <c r="AC29355">
        <v>28</v>
      </c>
      <c r="AD29355">
        <v>28</v>
      </c>
      <c r="AE29355">
        <v>28</v>
      </c>
      <c r="AF29355">
        <v>28</v>
      </c>
      <c r="AG29355">
        <v>28</v>
      </c>
      <c r="AH29355">
        <v>28</v>
      </c>
      <c r="AI29355">
        <v>28</v>
      </c>
      <c r="AJ29355">
        <v>28</v>
      </c>
      <c r="AK29355">
        <v>29</v>
      </c>
      <c r="AL29355">
        <v>29</v>
      </c>
      <c r="AM29355">
        <v>29</v>
      </c>
      <c r="AN29355">
        <v>29</v>
      </c>
      <c r="AO29355">
        <v>29</v>
      </c>
      <c r="AP29355">
        <v>29</v>
      </c>
      <c r="AQ29355">
        <v>29</v>
      </c>
    </row>
    <row r="29356" spans="1:43">
      <c r="A29356" t="s">
        <v>18177</v>
      </c>
      <c r="B29356" t="s">
        <v>18178</v>
      </c>
      <c r="C29356" t="s">
        <v>18179</v>
      </c>
      <c r="D29356" t="s">
        <v>18180</v>
      </c>
      <c r="E29356" t="s">
        <v>18039</v>
      </c>
      <c r="F29356" t="s">
        <v>18040</v>
      </c>
      <c r="G29356" t="s">
        <v>16559</v>
      </c>
      <c r="H29356" t="s">
        <v>16560</v>
      </c>
      <c r="I29356" s="2">
        <v>1</v>
      </c>
      <c r="J29356" s="2">
        <v>0</v>
      </c>
      <c r="K29356" s="2">
        <v>0</v>
      </c>
      <c r="L29356" t="s">
        <v>120</v>
      </c>
      <c r="M29356" t="s">
        <v>89</v>
      </c>
      <c r="N29356" t="s">
        <v>90</v>
      </c>
      <c r="O29356" t="s">
        <v>85</v>
      </c>
      <c r="P29356" t="s">
        <v>86</v>
      </c>
      <c r="Q29356">
        <v>27</v>
      </c>
      <c r="R29356">
        <v>27</v>
      </c>
      <c r="S29356">
        <v>28</v>
      </c>
      <c r="T29356">
        <v>29</v>
      </c>
      <c r="U29356">
        <v>29</v>
      </c>
      <c r="V29356">
        <v>29</v>
      </c>
      <c r="W29356">
        <v>30</v>
      </c>
      <c r="X29356">
        <v>30</v>
      </c>
      <c r="Y29356">
        <v>31</v>
      </c>
      <c r="Z29356">
        <v>31</v>
      </c>
      <c r="AA29356">
        <v>31</v>
      </c>
      <c r="AB29356">
        <v>32</v>
      </c>
      <c r="AC29356">
        <v>32</v>
      </c>
      <c r="AD29356">
        <v>33</v>
      </c>
      <c r="AE29356">
        <v>33</v>
      </c>
      <c r="AF29356">
        <v>33</v>
      </c>
      <c r="AG29356">
        <v>33</v>
      </c>
      <c r="AH29356">
        <v>33</v>
      </c>
      <c r="AI29356">
        <v>33</v>
      </c>
      <c r="AJ29356">
        <v>33</v>
      </c>
      <c r="AK29356">
        <v>33</v>
      </c>
      <c r="AL29356">
        <v>33</v>
      </c>
      <c r="AM29356">
        <v>33</v>
      </c>
      <c r="AN29356">
        <v>32</v>
      </c>
      <c r="AO29356">
        <v>32</v>
      </c>
      <c r="AP29356">
        <v>32</v>
      </c>
      <c r="AQ29356">
        <v>32</v>
      </c>
    </row>
    <row r="29357" spans="1:43">
      <c r="A29357" t="s">
        <v>18177</v>
      </c>
      <c r="B29357" t="s">
        <v>18178</v>
      </c>
      <c r="C29357" t="s">
        <v>18179</v>
      </c>
      <c r="D29357" t="s">
        <v>18180</v>
      </c>
      <c r="E29357" t="s">
        <v>18039</v>
      </c>
      <c r="F29357" t="s">
        <v>18040</v>
      </c>
      <c r="G29357" t="s">
        <v>16559</v>
      </c>
      <c r="H29357" t="s">
        <v>16560</v>
      </c>
      <c r="I29357" s="2">
        <v>1</v>
      </c>
      <c r="J29357" s="2">
        <v>0</v>
      </c>
      <c r="K29357" s="2">
        <v>0</v>
      </c>
      <c r="L29357" t="s">
        <v>120</v>
      </c>
      <c r="M29357" t="s">
        <v>83</v>
      </c>
      <c r="N29357" t="s">
        <v>91</v>
      </c>
      <c r="O29357" t="s">
        <v>85</v>
      </c>
      <c r="P29357" t="s">
        <v>86</v>
      </c>
      <c r="Q29357">
        <v>27</v>
      </c>
      <c r="R29357">
        <v>27</v>
      </c>
      <c r="S29357">
        <v>27</v>
      </c>
      <c r="T29357">
        <v>28</v>
      </c>
      <c r="U29357">
        <v>28</v>
      </c>
      <c r="V29357">
        <v>28</v>
      </c>
      <c r="W29357">
        <v>28</v>
      </c>
      <c r="X29357">
        <v>29</v>
      </c>
      <c r="Y29357">
        <v>29</v>
      </c>
      <c r="Z29357">
        <v>29</v>
      </c>
      <c r="AA29357">
        <v>30</v>
      </c>
      <c r="AB29357">
        <v>30</v>
      </c>
      <c r="AC29357">
        <v>30</v>
      </c>
      <c r="AD29357">
        <v>30</v>
      </c>
      <c r="AE29357">
        <v>31</v>
      </c>
      <c r="AF29357">
        <v>31</v>
      </c>
      <c r="AG29357">
        <v>31</v>
      </c>
      <c r="AH29357">
        <v>31</v>
      </c>
      <c r="AI29357">
        <v>32</v>
      </c>
      <c r="AJ29357">
        <v>32</v>
      </c>
      <c r="AK29357">
        <v>32</v>
      </c>
      <c r="AL29357">
        <v>32</v>
      </c>
      <c r="AM29357">
        <v>32</v>
      </c>
      <c r="AN29357">
        <v>32</v>
      </c>
      <c r="AO29357">
        <v>32</v>
      </c>
      <c r="AP29357">
        <v>32</v>
      </c>
      <c r="AQ29357">
        <v>32</v>
      </c>
    </row>
    <row r="29358" spans="1:43">
      <c r="A29358" t="s">
        <v>18181</v>
      </c>
      <c r="B29358" t="s">
        <v>18182</v>
      </c>
      <c r="C29358" t="s">
        <v>18179</v>
      </c>
      <c r="D29358" t="s">
        <v>18180</v>
      </c>
      <c r="E29358" t="s">
        <v>18039</v>
      </c>
      <c r="F29358" t="s">
        <v>18040</v>
      </c>
      <c r="G29358" t="s">
        <v>16559</v>
      </c>
      <c r="H29358" t="s">
        <v>16560</v>
      </c>
      <c r="I29358" s="2">
        <v>1</v>
      </c>
      <c r="J29358" s="2">
        <v>0</v>
      </c>
      <c r="K29358" s="2">
        <v>0</v>
      </c>
      <c r="L29358" t="s">
        <v>120</v>
      </c>
      <c r="M29358" t="s">
        <v>83</v>
      </c>
      <c r="N29358" t="s">
        <v>84</v>
      </c>
      <c r="O29358" t="s">
        <v>85</v>
      </c>
      <c r="P29358" t="s">
        <v>86</v>
      </c>
      <c r="Q29358">
        <v>30</v>
      </c>
      <c r="R29358">
        <v>30</v>
      </c>
      <c r="S29358">
        <v>30</v>
      </c>
      <c r="T29358">
        <v>31</v>
      </c>
      <c r="U29358">
        <v>31</v>
      </c>
      <c r="V29358">
        <v>31</v>
      </c>
      <c r="W29358">
        <v>32</v>
      </c>
      <c r="X29358">
        <v>32</v>
      </c>
      <c r="Y29358">
        <v>32</v>
      </c>
      <c r="Z29358">
        <v>32</v>
      </c>
      <c r="AA29358">
        <v>33</v>
      </c>
      <c r="AB29358">
        <v>33</v>
      </c>
      <c r="AC29358">
        <v>33</v>
      </c>
      <c r="AD29358">
        <v>34</v>
      </c>
      <c r="AE29358">
        <v>34</v>
      </c>
      <c r="AF29358">
        <v>34</v>
      </c>
      <c r="AG29358">
        <v>35</v>
      </c>
      <c r="AH29358">
        <v>35</v>
      </c>
      <c r="AI29358">
        <v>35</v>
      </c>
      <c r="AJ29358">
        <v>35</v>
      </c>
      <c r="AK29358">
        <v>36</v>
      </c>
      <c r="AL29358">
        <v>36</v>
      </c>
      <c r="AM29358">
        <v>36</v>
      </c>
      <c r="AN29358">
        <v>36</v>
      </c>
      <c r="AO29358">
        <v>36</v>
      </c>
      <c r="AP29358">
        <v>36</v>
      </c>
      <c r="AQ29358">
        <v>36</v>
      </c>
    </row>
    <row r="29359" spans="1:43">
      <c r="A29359" t="s">
        <v>18181</v>
      </c>
      <c r="B29359" t="s">
        <v>18182</v>
      </c>
      <c r="C29359" t="s">
        <v>18179</v>
      </c>
      <c r="D29359" t="s">
        <v>18180</v>
      </c>
      <c r="E29359" t="s">
        <v>18039</v>
      </c>
      <c r="F29359" t="s">
        <v>18040</v>
      </c>
      <c r="G29359" t="s">
        <v>16559</v>
      </c>
      <c r="H29359" t="s">
        <v>16560</v>
      </c>
      <c r="I29359" s="2">
        <v>1</v>
      </c>
      <c r="J29359" s="2">
        <v>0</v>
      </c>
      <c r="K29359" s="2">
        <v>0</v>
      </c>
      <c r="L29359" t="s">
        <v>120</v>
      </c>
      <c r="M29359" t="s">
        <v>87</v>
      </c>
      <c r="N29359" t="s">
        <v>88</v>
      </c>
      <c r="O29359" t="s">
        <v>85</v>
      </c>
      <c r="P29359" t="s">
        <v>86</v>
      </c>
      <c r="Q29359">
        <v>30</v>
      </c>
      <c r="R29359">
        <v>30</v>
      </c>
      <c r="S29359">
        <v>30</v>
      </c>
      <c r="T29359">
        <v>31</v>
      </c>
      <c r="U29359">
        <v>31</v>
      </c>
      <c r="V29359">
        <v>31</v>
      </c>
      <c r="W29359">
        <v>31</v>
      </c>
      <c r="X29359">
        <v>31</v>
      </c>
      <c r="Y29359">
        <v>31</v>
      </c>
      <c r="Z29359">
        <v>31</v>
      </c>
      <c r="AA29359">
        <v>31</v>
      </c>
      <c r="AB29359">
        <v>31</v>
      </c>
      <c r="AC29359">
        <v>31</v>
      </c>
      <c r="AD29359">
        <v>31</v>
      </c>
      <c r="AE29359">
        <v>31</v>
      </c>
      <c r="AF29359">
        <v>31</v>
      </c>
      <c r="AG29359">
        <v>31</v>
      </c>
      <c r="AH29359">
        <v>31</v>
      </c>
      <c r="AI29359">
        <v>31</v>
      </c>
      <c r="AJ29359">
        <v>31</v>
      </c>
      <c r="AK29359">
        <v>32</v>
      </c>
      <c r="AL29359">
        <v>32</v>
      </c>
      <c r="AM29359">
        <v>32</v>
      </c>
      <c r="AN29359">
        <v>32</v>
      </c>
      <c r="AO29359">
        <v>32</v>
      </c>
      <c r="AP29359">
        <v>32</v>
      </c>
      <c r="AQ29359">
        <v>32</v>
      </c>
    </row>
    <row r="29360" spans="1:43">
      <c r="A29360" t="s">
        <v>18181</v>
      </c>
      <c r="B29360" t="s">
        <v>18182</v>
      </c>
      <c r="C29360" t="s">
        <v>18179</v>
      </c>
      <c r="D29360" t="s">
        <v>18180</v>
      </c>
      <c r="E29360" t="s">
        <v>18039</v>
      </c>
      <c r="F29360" t="s">
        <v>18040</v>
      </c>
      <c r="G29360" t="s">
        <v>16559</v>
      </c>
      <c r="H29360" t="s">
        <v>16560</v>
      </c>
      <c r="I29360" s="2">
        <v>1</v>
      </c>
      <c r="J29360" s="2">
        <v>0</v>
      </c>
      <c r="K29360" s="2">
        <v>0</v>
      </c>
      <c r="L29360" t="s">
        <v>120</v>
      </c>
      <c r="M29360" t="s">
        <v>89</v>
      </c>
      <c r="N29360" t="s">
        <v>90</v>
      </c>
      <c r="O29360" t="s">
        <v>85</v>
      </c>
      <c r="P29360" t="s">
        <v>86</v>
      </c>
      <c r="Q29360">
        <v>30</v>
      </c>
      <c r="R29360">
        <v>30</v>
      </c>
      <c r="S29360">
        <v>31</v>
      </c>
      <c r="T29360">
        <v>32</v>
      </c>
      <c r="U29360">
        <v>32</v>
      </c>
      <c r="V29360">
        <v>33</v>
      </c>
      <c r="W29360">
        <v>33</v>
      </c>
      <c r="X29360">
        <v>34</v>
      </c>
      <c r="Y29360">
        <v>34</v>
      </c>
      <c r="Z29360">
        <v>34</v>
      </c>
      <c r="AA29360">
        <v>35</v>
      </c>
      <c r="AB29360">
        <v>35</v>
      </c>
      <c r="AC29360">
        <v>36</v>
      </c>
      <c r="AD29360">
        <v>36</v>
      </c>
      <c r="AE29360">
        <v>36</v>
      </c>
      <c r="AF29360">
        <v>36</v>
      </c>
      <c r="AG29360">
        <v>36</v>
      </c>
      <c r="AH29360">
        <v>36</v>
      </c>
      <c r="AI29360">
        <v>36</v>
      </c>
      <c r="AJ29360">
        <v>36</v>
      </c>
      <c r="AK29360">
        <v>36</v>
      </c>
      <c r="AL29360">
        <v>36</v>
      </c>
      <c r="AM29360">
        <v>36</v>
      </c>
      <c r="AN29360">
        <v>36</v>
      </c>
      <c r="AO29360">
        <v>36</v>
      </c>
      <c r="AP29360">
        <v>36</v>
      </c>
      <c r="AQ29360">
        <v>36</v>
      </c>
    </row>
    <row r="29361" spans="1:43">
      <c r="A29361" t="s">
        <v>18181</v>
      </c>
      <c r="B29361" t="s">
        <v>18182</v>
      </c>
      <c r="C29361" t="s">
        <v>18179</v>
      </c>
      <c r="D29361" t="s">
        <v>18180</v>
      </c>
      <c r="E29361" t="s">
        <v>18039</v>
      </c>
      <c r="F29361" t="s">
        <v>18040</v>
      </c>
      <c r="G29361" t="s">
        <v>16559</v>
      </c>
      <c r="H29361" t="s">
        <v>16560</v>
      </c>
      <c r="I29361" s="2">
        <v>1</v>
      </c>
      <c r="J29361" s="2">
        <v>0</v>
      </c>
      <c r="K29361" s="2">
        <v>0</v>
      </c>
      <c r="L29361" t="s">
        <v>120</v>
      </c>
      <c r="M29361" t="s">
        <v>83</v>
      </c>
      <c r="N29361" t="s">
        <v>91</v>
      </c>
      <c r="O29361" t="s">
        <v>85</v>
      </c>
      <c r="P29361" t="s">
        <v>86</v>
      </c>
      <c r="Q29361">
        <v>30</v>
      </c>
      <c r="R29361">
        <v>30</v>
      </c>
      <c r="S29361">
        <v>30</v>
      </c>
      <c r="T29361">
        <v>31</v>
      </c>
      <c r="U29361">
        <v>31</v>
      </c>
      <c r="V29361">
        <v>31</v>
      </c>
      <c r="W29361">
        <v>32</v>
      </c>
      <c r="X29361">
        <v>32</v>
      </c>
      <c r="Y29361">
        <v>32</v>
      </c>
      <c r="Z29361">
        <v>32</v>
      </c>
      <c r="AA29361">
        <v>33</v>
      </c>
      <c r="AB29361">
        <v>33</v>
      </c>
      <c r="AC29361">
        <v>33</v>
      </c>
      <c r="AD29361">
        <v>34</v>
      </c>
      <c r="AE29361">
        <v>34</v>
      </c>
      <c r="AF29361">
        <v>34</v>
      </c>
      <c r="AG29361">
        <v>35</v>
      </c>
      <c r="AH29361">
        <v>35</v>
      </c>
      <c r="AI29361">
        <v>35</v>
      </c>
      <c r="AJ29361">
        <v>35</v>
      </c>
      <c r="AK29361">
        <v>36</v>
      </c>
      <c r="AL29361">
        <v>36</v>
      </c>
      <c r="AM29361">
        <v>36</v>
      </c>
      <c r="AN29361">
        <v>36</v>
      </c>
      <c r="AO29361">
        <v>36</v>
      </c>
      <c r="AP29361">
        <v>36</v>
      </c>
      <c r="AQ29361">
        <v>36</v>
      </c>
    </row>
    <row r="29362" spans="1:43">
      <c r="A29362" t="s">
        <v>18183</v>
      </c>
      <c r="B29362" t="s">
        <v>18184</v>
      </c>
      <c r="C29362" t="s">
        <v>18179</v>
      </c>
      <c r="D29362" t="s">
        <v>18180</v>
      </c>
      <c r="E29362" t="s">
        <v>18039</v>
      </c>
      <c r="F29362" t="s">
        <v>18040</v>
      </c>
      <c r="G29362" t="s">
        <v>16559</v>
      </c>
      <c r="H29362" t="s">
        <v>16560</v>
      </c>
      <c r="I29362" s="2">
        <v>1</v>
      </c>
      <c r="J29362" s="2">
        <v>0</v>
      </c>
      <c r="K29362" s="2">
        <v>0</v>
      </c>
      <c r="L29362" t="s">
        <v>120</v>
      </c>
      <c r="M29362" t="s">
        <v>83</v>
      </c>
      <c r="N29362" t="s">
        <v>84</v>
      </c>
      <c r="O29362" t="s">
        <v>85</v>
      </c>
      <c r="P29362" t="s">
        <v>86</v>
      </c>
      <c r="Q29362">
        <v>35</v>
      </c>
      <c r="R29362">
        <v>36</v>
      </c>
      <c r="S29362">
        <v>36</v>
      </c>
      <c r="T29362">
        <v>37</v>
      </c>
      <c r="U29362">
        <v>37</v>
      </c>
      <c r="V29362">
        <v>37</v>
      </c>
      <c r="W29362">
        <v>38</v>
      </c>
      <c r="X29362">
        <v>38</v>
      </c>
      <c r="Y29362">
        <v>38</v>
      </c>
      <c r="Z29362">
        <v>39</v>
      </c>
      <c r="AA29362">
        <v>39</v>
      </c>
      <c r="AB29362">
        <v>39</v>
      </c>
      <c r="AC29362">
        <v>40</v>
      </c>
      <c r="AD29362">
        <v>40</v>
      </c>
      <c r="AE29362">
        <v>41</v>
      </c>
      <c r="AF29362">
        <v>41</v>
      </c>
      <c r="AG29362">
        <v>41</v>
      </c>
      <c r="AH29362">
        <v>42</v>
      </c>
      <c r="AI29362">
        <v>42</v>
      </c>
      <c r="AJ29362">
        <v>42</v>
      </c>
      <c r="AK29362">
        <v>43</v>
      </c>
      <c r="AL29362">
        <v>43</v>
      </c>
      <c r="AM29362">
        <v>43</v>
      </c>
      <c r="AN29362">
        <v>43</v>
      </c>
      <c r="AO29362">
        <v>43</v>
      </c>
      <c r="AP29362">
        <v>43</v>
      </c>
      <c r="AQ29362">
        <v>43</v>
      </c>
    </row>
    <row r="29363" spans="1:43">
      <c r="A29363" t="s">
        <v>18183</v>
      </c>
      <c r="B29363" t="s">
        <v>18184</v>
      </c>
      <c r="C29363" t="s">
        <v>18179</v>
      </c>
      <c r="D29363" t="s">
        <v>18180</v>
      </c>
      <c r="E29363" t="s">
        <v>18039</v>
      </c>
      <c r="F29363" t="s">
        <v>18040</v>
      </c>
      <c r="G29363" t="s">
        <v>16559</v>
      </c>
      <c r="H29363" t="s">
        <v>16560</v>
      </c>
      <c r="I29363" s="2">
        <v>1</v>
      </c>
      <c r="J29363" s="2">
        <v>0</v>
      </c>
      <c r="K29363" s="2">
        <v>0</v>
      </c>
      <c r="L29363" t="s">
        <v>120</v>
      </c>
      <c r="M29363" t="s">
        <v>87</v>
      </c>
      <c r="N29363" t="s">
        <v>88</v>
      </c>
      <c r="O29363" t="s">
        <v>85</v>
      </c>
      <c r="P29363" t="s">
        <v>86</v>
      </c>
      <c r="Q29363">
        <v>35</v>
      </c>
      <c r="R29363">
        <v>35</v>
      </c>
      <c r="S29363">
        <v>35</v>
      </c>
      <c r="T29363">
        <v>35</v>
      </c>
      <c r="U29363">
        <v>35</v>
      </c>
      <c r="V29363">
        <v>35</v>
      </c>
      <c r="W29363">
        <v>35</v>
      </c>
      <c r="X29363">
        <v>35</v>
      </c>
      <c r="Y29363">
        <v>36</v>
      </c>
      <c r="Z29363">
        <v>36</v>
      </c>
      <c r="AA29363">
        <v>36</v>
      </c>
      <c r="AB29363">
        <v>36</v>
      </c>
      <c r="AC29363">
        <v>36</v>
      </c>
      <c r="AD29363">
        <v>36</v>
      </c>
      <c r="AE29363">
        <v>36</v>
      </c>
      <c r="AF29363">
        <v>36</v>
      </c>
      <c r="AG29363">
        <v>36</v>
      </c>
      <c r="AH29363">
        <v>36</v>
      </c>
      <c r="AI29363">
        <v>36</v>
      </c>
      <c r="AJ29363">
        <v>36</v>
      </c>
      <c r="AK29363">
        <v>36</v>
      </c>
      <c r="AL29363">
        <v>37</v>
      </c>
      <c r="AM29363">
        <v>37</v>
      </c>
      <c r="AN29363">
        <v>37</v>
      </c>
      <c r="AO29363">
        <v>37</v>
      </c>
      <c r="AP29363">
        <v>37</v>
      </c>
      <c r="AQ29363">
        <v>37</v>
      </c>
    </row>
    <row r="29364" spans="1:43">
      <c r="A29364" t="s">
        <v>18183</v>
      </c>
      <c r="B29364" t="s">
        <v>18184</v>
      </c>
      <c r="C29364" t="s">
        <v>18179</v>
      </c>
      <c r="D29364" t="s">
        <v>18180</v>
      </c>
      <c r="E29364" t="s">
        <v>18039</v>
      </c>
      <c r="F29364" t="s">
        <v>18040</v>
      </c>
      <c r="G29364" t="s">
        <v>16559</v>
      </c>
      <c r="H29364" t="s">
        <v>16560</v>
      </c>
      <c r="I29364" s="2">
        <v>1</v>
      </c>
      <c r="J29364" s="2">
        <v>0</v>
      </c>
      <c r="K29364" s="2">
        <v>0</v>
      </c>
      <c r="L29364" t="s">
        <v>120</v>
      </c>
      <c r="M29364" t="s">
        <v>89</v>
      </c>
      <c r="N29364" t="s">
        <v>90</v>
      </c>
      <c r="O29364" t="s">
        <v>85</v>
      </c>
      <c r="P29364" t="s">
        <v>86</v>
      </c>
      <c r="Q29364">
        <v>35</v>
      </c>
      <c r="R29364">
        <v>35</v>
      </c>
      <c r="S29364">
        <v>36</v>
      </c>
      <c r="T29364">
        <v>37</v>
      </c>
      <c r="U29364">
        <v>37</v>
      </c>
      <c r="V29364">
        <v>38</v>
      </c>
      <c r="W29364">
        <v>39</v>
      </c>
      <c r="X29364">
        <v>39</v>
      </c>
      <c r="Y29364">
        <v>40</v>
      </c>
      <c r="Z29364">
        <v>40</v>
      </c>
      <c r="AA29364">
        <v>41</v>
      </c>
      <c r="AB29364">
        <v>41</v>
      </c>
      <c r="AC29364">
        <v>42</v>
      </c>
      <c r="AD29364">
        <v>42</v>
      </c>
      <c r="AE29364">
        <v>42</v>
      </c>
      <c r="AF29364">
        <v>42</v>
      </c>
      <c r="AG29364">
        <v>42</v>
      </c>
      <c r="AH29364">
        <v>42</v>
      </c>
      <c r="AI29364">
        <v>42</v>
      </c>
      <c r="AJ29364">
        <v>42</v>
      </c>
      <c r="AK29364">
        <v>42</v>
      </c>
      <c r="AL29364">
        <v>42</v>
      </c>
      <c r="AM29364">
        <v>42</v>
      </c>
      <c r="AN29364">
        <v>42</v>
      </c>
      <c r="AO29364">
        <v>42</v>
      </c>
      <c r="AP29364">
        <v>42</v>
      </c>
      <c r="AQ29364">
        <v>42</v>
      </c>
    </row>
    <row r="29365" spans="1:43">
      <c r="A29365" t="s">
        <v>18183</v>
      </c>
      <c r="B29365" t="s">
        <v>18184</v>
      </c>
      <c r="C29365" t="s">
        <v>18179</v>
      </c>
      <c r="D29365" t="s">
        <v>18180</v>
      </c>
      <c r="E29365" t="s">
        <v>18039</v>
      </c>
      <c r="F29365" t="s">
        <v>18040</v>
      </c>
      <c r="G29365" t="s">
        <v>16559</v>
      </c>
      <c r="H29365" t="s">
        <v>16560</v>
      </c>
      <c r="I29365" s="2">
        <v>1</v>
      </c>
      <c r="J29365" s="2">
        <v>0</v>
      </c>
      <c r="K29365" s="2">
        <v>0</v>
      </c>
      <c r="L29365" t="s">
        <v>120</v>
      </c>
      <c r="M29365" t="s">
        <v>83</v>
      </c>
      <c r="N29365" t="s">
        <v>91</v>
      </c>
      <c r="O29365" t="s">
        <v>85</v>
      </c>
      <c r="P29365" t="s">
        <v>86</v>
      </c>
      <c r="Q29365">
        <v>35</v>
      </c>
      <c r="R29365">
        <v>36</v>
      </c>
      <c r="S29365">
        <v>36</v>
      </c>
      <c r="T29365">
        <v>37</v>
      </c>
      <c r="U29365">
        <v>37</v>
      </c>
      <c r="V29365">
        <v>37</v>
      </c>
      <c r="W29365">
        <v>38</v>
      </c>
      <c r="X29365">
        <v>38</v>
      </c>
      <c r="Y29365">
        <v>38</v>
      </c>
      <c r="Z29365">
        <v>39</v>
      </c>
      <c r="AA29365">
        <v>39</v>
      </c>
      <c r="AB29365">
        <v>39</v>
      </c>
      <c r="AC29365">
        <v>40</v>
      </c>
      <c r="AD29365">
        <v>40</v>
      </c>
      <c r="AE29365">
        <v>41</v>
      </c>
      <c r="AF29365">
        <v>41</v>
      </c>
      <c r="AG29365">
        <v>41</v>
      </c>
      <c r="AH29365">
        <v>42</v>
      </c>
      <c r="AI29365">
        <v>42</v>
      </c>
      <c r="AJ29365">
        <v>42</v>
      </c>
      <c r="AK29365">
        <v>43</v>
      </c>
      <c r="AL29365">
        <v>43</v>
      </c>
      <c r="AM29365">
        <v>43</v>
      </c>
      <c r="AN29365">
        <v>43</v>
      </c>
      <c r="AO29365">
        <v>43</v>
      </c>
      <c r="AP29365">
        <v>43</v>
      </c>
      <c r="AQ29365">
        <v>43</v>
      </c>
    </row>
    <row r="29366" spans="1:43">
      <c r="A29366" t="s">
        <v>18185</v>
      </c>
      <c r="B29366" t="s">
        <v>18186</v>
      </c>
      <c r="C29366" t="s">
        <v>18171</v>
      </c>
      <c r="D29366" t="s">
        <v>18172</v>
      </c>
      <c r="E29366" t="s">
        <v>18039</v>
      </c>
      <c r="F29366" t="s">
        <v>18040</v>
      </c>
      <c r="G29366" t="s">
        <v>16559</v>
      </c>
      <c r="H29366" t="s">
        <v>16560</v>
      </c>
      <c r="I29366" s="2">
        <v>1</v>
      </c>
      <c r="J29366" s="2">
        <v>0</v>
      </c>
      <c r="K29366" s="2">
        <v>0</v>
      </c>
      <c r="L29366" t="s">
        <v>120</v>
      </c>
      <c r="M29366" t="s">
        <v>83</v>
      </c>
      <c r="N29366" t="s">
        <v>84</v>
      </c>
      <c r="O29366" t="s">
        <v>85</v>
      </c>
      <c r="P29366" t="s">
        <v>86</v>
      </c>
      <c r="Q29366">
        <v>25</v>
      </c>
      <c r="R29366">
        <v>25</v>
      </c>
      <c r="S29366">
        <v>25</v>
      </c>
      <c r="T29366">
        <v>26</v>
      </c>
      <c r="U29366">
        <v>26</v>
      </c>
      <c r="V29366">
        <v>26</v>
      </c>
      <c r="W29366">
        <v>27</v>
      </c>
      <c r="X29366">
        <v>27</v>
      </c>
      <c r="Y29366">
        <v>27</v>
      </c>
      <c r="Z29366">
        <v>27</v>
      </c>
      <c r="AA29366">
        <v>28</v>
      </c>
      <c r="AB29366">
        <v>28</v>
      </c>
      <c r="AC29366">
        <v>28</v>
      </c>
      <c r="AD29366">
        <v>28</v>
      </c>
      <c r="AE29366">
        <v>29</v>
      </c>
      <c r="AF29366">
        <v>29</v>
      </c>
      <c r="AG29366">
        <v>29</v>
      </c>
      <c r="AH29366">
        <v>29</v>
      </c>
      <c r="AI29366">
        <v>30</v>
      </c>
      <c r="AJ29366">
        <v>30</v>
      </c>
      <c r="AK29366">
        <v>30</v>
      </c>
      <c r="AL29366">
        <v>30</v>
      </c>
      <c r="AM29366">
        <v>30</v>
      </c>
      <c r="AN29366">
        <v>30</v>
      </c>
      <c r="AO29366">
        <v>30</v>
      </c>
      <c r="AP29366">
        <v>30</v>
      </c>
      <c r="AQ29366">
        <v>30</v>
      </c>
    </row>
    <row r="29367" spans="1:43">
      <c r="A29367" t="s">
        <v>18185</v>
      </c>
      <c r="B29367" t="s">
        <v>18186</v>
      </c>
      <c r="C29367" t="s">
        <v>18171</v>
      </c>
      <c r="D29367" t="s">
        <v>18172</v>
      </c>
      <c r="E29367" t="s">
        <v>18039</v>
      </c>
      <c r="F29367" t="s">
        <v>18040</v>
      </c>
      <c r="G29367" t="s">
        <v>16559</v>
      </c>
      <c r="H29367" t="s">
        <v>16560</v>
      </c>
      <c r="I29367" s="2">
        <v>1</v>
      </c>
      <c r="J29367" s="2">
        <v>0</v>
      </c>
      <c r="K29367" s="2">
        <v>0</v>
      </c>
      <c r="L29367" t="s">
        <v>120</v>
      </c>
      <c r="M29367" t="s">
        <v>87</v>
      </c>
      <c r="N29367" t="s">
        <v>88</v>
      </c>
      <c r="O29367" t="s">
        <v>85</v>
      </c>
      <c r="P29367" t="s">
        <v>86</v>
      </c>
      <c r="Q29367">
        <v>25</v>
      </c>
      <c r="R29367">
        <v>25</v>
      </c>
      <c r="S29367">
        <v>25</v>
      </c>
      <c r="T29367">
        <v>25</v>
      </c>
      <c r="U29367">
        <v>25</v>
      </c>
      <c r="V29367">
        <v>25</v>
      </c>
      <c r="W29367">
        <v>25</v>
      </c>
      <c r="X29367">
        <v>25</v>
      </c>
      <c r="Y29367">
        <v>25</v>
      </c>
      <c r="Z29367">
        <v>25</v>
      </c>
      <c r="AA29367">
        <v>25</v>
      </c>
      <c r="AB29367">
        <v>25</v>
      </c>
      <c r="AC29367">
        <v>25</v>
      </c>
      <c r="AD29367">
        <v>25</v>
      </c>
      <c r="AE29367">
        <v>25</v>
      </c>
      <c r="AF29367">
        <v>25</v>
      </c>
      <c r="AG29367">
        <v>25</v>
      </c>
      <c r="AH29367">
        <v>25</v>
      </c>
      <c r="AI29367">
        <v>26</v>
      </c>
      <c r="AJ29367">
        <v>26</v>
      </c>
      <c r="AK29367">
        <v>26</v>
      </c>
      <c r="AL29367">
        <v>26</v>
      </c>
      <c r="AM29367">
        <v>26</v>
      </c>
      <c r="AN29367">
        <v>26</v>
      </c>
      <c r="AO29367">
        <v>26</v>
      </c>
      <c r="AP29367">
        <v>26</v>
      </c>
      <c r="AQ29367">
        <v>26</v>
      </c>
    </row>
    <row r="29368" spans="1:43">
      <c r="A29368" t="s">
        <v>18185</v>
      </c>
      <c r="B29368" t="s">
        <v>18186</v>
      </c>
      <c r="C29368" t="s">
        <v>18171</v>
      </c>
      <c r="D29368" t="s">
        <v>18172</v>
      </c>
      <c r="E29368" t="s">
        <v>18039</v>
      </c>
      <c r="F29368" t="s">
        <v>18040</v>
      </c>
      <c r="G29368" t="s">
        <v>16559</v>
      </c>
      <c r="H29368" t="s">
        <v>16560</v>
      </c>
      <c r="I29368" s="2">
        <v>1</v>
      </c>
      <c r="J29368" s="2">
        <v>0</v>
      </c>
      <c r="K29368" s="2">
        <v>0</v>
      </c>
      <c r="L29368" t="s">
        <v>120</v>
      </c>
      <c r="M29368" t="s">
        <v>89</v>
      </c>
      <c r="N29368" t="s">
        <v>90</v>
      </c>
      <c r="O29368" t="s">
        <v>85</v>
      </c>
      <c r="P29368" t="s">
        <v>86</v>
      </c>
      <c r="Q29368">
        <v>25</v>
      </c>
      <c r="R29368">
        <v>26</v>
      </c>
      <c r="S29368">
        <v>26</v>
      </c>
      <c r="T29368">
        <v>27</v>
      </c>
      <c r="U29368">
        <v>27</v>
      </c>
      <c r="V29368">
        <v>27</v>
      </c>
      <c r="W29368">
        <v>28</v>
      </c>
      <c r="X29368">
        <v>28</v>
      </c>
      <c r="Y29368">
        <v>29</v>
      </c>
      <c r="Z29368">
        <v>29</v>
      </c>
      <c r="AA29368">
        <v>29</v>
      </c>
      <c r="AB29368">
        <v>30</v>
      </c>
      <c r="AC29368">
        <v>30</v>
      </c>
      <c r="AD29368">
        <v>30</v>
      </c>
      <c r="AE29368">
        <v>31</v>
      </c>
      <c r="AF29368">
        <v>31</v>
      </c>
      <c r="AG29368">
        <v>31</v>
      </c>
      <c r="AH29368">
        <v>31</v>
      </c>
      <c r="AI29368">
        <v>30</v>
      </c>
      <c r="AJ29368">
        <v>30</v>
      </c>
      <c r="AK29368">
        <v>30</v>
      </c>
      <c r="AL29368">
        <v>30</v>
      </c>
      <c r="AM29368">
        <v>30</v>
      </c>
      <c r="AN29368">
        <v>30</v>
      </c>
      <c r="AO29368">
        <v>30</v>
      </c>
      <c r="AP29368">
        <v>30</v>
      </c>
      <c r="AQ29368">
        <v>30</v>
      </c>
    </row>
    <row r="29369" spans="1:43">
      <c r="A29369" t="s">
        <v>18185</v>
      </c>
      <c r="B29369" t="s">
        <v>18186</v>
      </c>
      <c r="C29369" t="s">
        <v>18171</v>
      </c>
      <c r="D29369" t="s">
        <v>18172</v>
      </c>
      <c r="E29369" t="s">
        <v>18039</v>
      </c>
      <c r="F29369" t="s">
        <v>18040</v>
      </c>
      <c r="G29369" t="s">
        <v>16559</v>
      </c>
      <c r="H29369" t="s">
        <v>16560</v>
      </c>
      <c r="I29369" s="2">
        <v>1</v>
      </c>
      <c r="J29369" s="2">
        <v>0</v>
      </c>
      <c r="K29369" s="2">
        <v>0</v>
      </c>
      <c r="L29369" t="s">
        <v>120</v>
      </c>
      <c r="M29369" t="s">
        <v>83</v>
      </c>
      <c r="N29369" t="s">
        <v>91</v>
      </c>
      <c r="O29369" t="s">
        <v>85</v>
      </c>
      <c r="P29369" t="s">
        <v>86</v>
      </c>
      <c r="Q29369">
        <v>25</v>
      </c>
      <c r="R29369">
        <v>25</v>
      </c>
      <c r="S29369">
        <v>25</v>
      </c>
      <c r="T29369">
        <v>26</v>
      </c>
      <c r="U29369">
        <v>26</v>
      </c>
      <c r="V29369">
        <v>26</v>
      </c>
      <c r="W29369">
        <v>27</v>
      </c>
      <c r="X29369">
        <v>27</v>
      </c>
      <c r="Y29369">
        <v>27</v>
      </c>
      <c r="Z29369">
        <v>27</v>
      </c>
      <c r="AA29369">
        <v>28</v>
      </c>
      <c r="AB29369">
        <v>28</v>
      </c>
      <c r="AC29369">
        <v>28</v>
      </c>
      <c r="AD29369">
        <v>28</v>
      </c>
      <c r="AE29369">
        <v>29</v>
      </c>
      <c r="AF29369">
        <v>29</v>
      </c>
      <c r="AG29369">
        <v>29</v>
      </c>
      <c r="AH29369">
        <v>29</v>
      </c>
      <c r="AI29369">
        <v>30</v>
      </c>
      <c r="AJ29369">
        <v>30</v>
      </c>
      <c r="AK29369">
        <v>30</v>
      </c>
      <c r="AL29369">
        <v>30</v>
      </c>
      <c r="AM29369">
        <v>30</v>
      </c>
      <c r="AN29369">
        <v>30</v>
      </c>
      <c r="AO29369">
        <v>30</v>
      </c>
      <c r="AP29369">
        <v>30</v>
      </c>
      <c r="AQ29369">
        <v>30</v>
      </c>
    </row>
    <row r="29370" spans="1:43">
      <c r="A29370" t="s">
        <v>18187</v>
      </c>
      <c r="B29370" t="s">
        <v>18188</v>
      </c>
      <c r="C29370" t="s">
        <v>18189</v>
      </c>
      <c r="D29370" t="s">
        <v>18190</v>
      </c>
      <c r="E29370" t="s">
        <v>18191</v>
      </c>
      <c r="F29370" t="s">
        <v>18192</v>
      </c>
      <c r="G29370" t="s">
        <v>10734</v>
      </c>
      <c r="H29370" t="s">
        <v>10735</v>
      </c>
      <c r="I29370" s="2">
        <v>0</v>
      </c>
      <c r="J29370" s="2">
        <v>0</v>
      </c>
      <c r="K29370" s="2">
        <v>1</v>
      </c>
      <c r="L29370" t="s">
        <v>995</v>
      </c>
      <c r="M29370" t="s">
        <v>83</v>
      </c>
      <c r="N29370" t="s">
        <v>84</v>
      </c>
      <c r="O29370" t="s">
        <v>85</v>
      </c>
      <c r="P29370" t="s">
        <v>86</v>
      </c>
      <c r="Q29370">
        <v>8</v>
      </c>
      <c r="R29370">
        <v>8</v>
      </c>
      <c r="S29370">
        <v>8</v>
      </c>
      <c r="T29370">
        <v>8</v>
      </c>
      <c r="U29370">
        <v>8</v>
      </c>
      <c r="V29370">
        <v>8</v>
      </c>
      <c r="W29370">
        <v>8</v>
      </c>
      <c r="X29370">
        <v>8</v>
      </c>
      <c r="Y29370">
        <v>9</v>
      </c>
      <c r="Z29370">
        <v>9</v>
      </c>
      <c r="AA29370">
        <v>9</v>
      </c>
      <c r="AB29370">
        <v>9</v>
      </c>
      <c r="AC29370">
        <v>9</v>
      </c>
      <c r="AD29370">
        <v>9</v>
      </c>
      <c r="AE29370">
        <v>9</v>
      </c>
      <c r="AF29370">
        <v>9</v>
      </c>
      <c r="AG29370">
        <v>9</v>
      </c>
      <c r="AH29370">
        <v>10</v>
      </c>
      <c r="AI29370">
        <v>10</v>
      </c>
      <c r="AJ29370">
        <v>10</v>
      </c>
      <c r="AK29370">
        <v>10</v>
      </c>
      <c r="AL29370">
        <v>10</v>
      </c>
      <c r="AM29370">
        <v>10</v>
      </c>
      <c r="AN29370">
        <v>10</v>
      </c>
      <c r="AO29370">
        <v>10</v>
      </c>
      <c r="AP29370">
        <v>10</v>
      </c>
      <c r="AQ29370">
        <v>10</v>
      </c>
    </row>
    <row r="29371" spans="1:43">
      <c r="A29371" t="s">
        <v>18187</v>
      </c>
      <c r="B29371" t="s">
        <v>18188</v>
      </c>
      <c r="C29371" t="s">
        <v>18189</v>
      </c>
      <c r="D29371" t="s">
        <v>18190</v>
      </c>
      <c r="E29371" t="s">
        <v>18191</v>
      </c>
      <c r="F29371" t="s">
        <v>18192</v>
      </c>
      <c r="G29371" t="s">
        <v>10734</v>
      </c>
      <c r="H29371" t="s">
        <v>10735</v>
      </c>
      <c r="I29371" s="2">
        <v>0</v>
      </c>
      <c r="J29371" s="2">
        <v>0</v>
      </c>
      <c r="K29371" s="2">
        <v>1</v>
      </c>
      <c r="L29371" t="s">
        <v>995</v>
      </c>
      <c r="M29371" t="s">
        <v>87</v>
      </c>
      <c r="N29371" t="s">
        <v>88</v>
      </c>
      <c r="O29371" t="s">
        <v>85</v>
      </c>
      <c r="P29371" t="s">
        <v>86</v>
      </c>
      <c r="Q29371">
        <v>8</v>
      </c>
      <c r="R29371">
        <v>8</v>
      </c>
      <c r="S29371">
        <v>8</v>
      </c>
      <c r="T29371">
        <v>8</v>
      </c>
      <c r="U29371">
        <v>8</v>
      </c>
      <c r="V29371">
        <v>8</v>
      </c>
      <c r="W29371">
        <v>8</v>
      </c>
      <c r="X29371">
        <v>8</v>
      </c>
      <c r="Y29371">
        <v>8</v>
      </c>
      <c r="Z29371">
        <v>8</v>
      </c>
      <c r="AA29371">
        <v>8</v>
      </c>
      <c r="AB29371">
        <v>8</v>
      </c>
      <c r="AC29371">
        <v>8</v>
      </c>
      <c r="AD29371">
        <v>8</v>
      </c>
      <c r="AE29371">
        <v>8</v>
      </c>
      <c r="AF29371">
        <v>8</v>
      </c>
      <c r="AG29371">
        <v>8</v>
      </c>
      <c r="AH29371">
        <v>8</v>
      </c>
      <c r="AI29371">
        <v>8</v>
      </c>
      <c r="AJ29371">
        <v>8</v>
      </c>
      <c r="AK29371">
        <v>9</v>
      </c>
      <c r="AL29371">
        <v>9</v>
      </c>
      <c r="AM29371">
        <v>9</v>
      </c>
      <c r="AN29371">
        <v>9</v>
      </c>
      <c r="AO29371">
        <v>9</v>
      </c>
      <c r="AP29371">
        <v>9</v>
      </c>
      <c r="AQ29371">
        <v>9</v>
      </c>
    </row>
    <row r="29372" spans="1:43">
      <c r="A29372" t="s">
        <v>18187</v>
      </c>
      <c r="B29372" t="s">
        <v>18188</v>
      </c>
      <c r="C29372" t="s">
        <v>18189</v>
      </c>
      <c r="D29372" t="s">
        <v>18190</v>
      </c>
      <c r="E29372" t="s">
        <v>18191</v>
      </c>
      <c r="F29372" t="s">
        <v>18192</v>
      </c>
      <c r="G29372" t="s">
        <v>10734</v>
      </c>
      <c r="H29372" t="s">
        <v>10735</v>
      </c>
      <c r="I29372" s="2">
        <v>0</v>
      </c>
      <c r="J29372" s="2">
        <v>0</v>
      </c>
      <c r="K29372" s="2">
        <v>1</v>
      </c>
      <c r="L29372" t="s">
        <v>995</v>
      </c>
      <c r="M29372" t="s">
        <v>89</v>
      </c>
      <c r="N29372" t="s">
        <v>90</v>
      </c>
      <c r="O29372" t="s">
        <v>85</v>
      </c>
      <c r="P29372" t="s">
        <v>86</v>
      </c>
      <c r="Q29372">
        <v>8</v>
      </c>
      <c r="R29372">
        <v>8</v>
      </c>
      <c r="S29372">
        <v>8</v>
      </c>
      <c r="T29372">
        <v>8</v>
      </c>
      <c r="U29372">
        <v>8</v>
      </c>
      <c r="V29372">
        <v>9</v>
      </c>
      <c r="W29372">
        <v>9</v>
      </c>
      <c r="X29372">
        <v>9</v>
      </c>
      <c r="Y29372">
        <v>9</v>
      </c>
      <c r="Z29372">
        <v>9</v>
      </c>
      <c r="AA29372">
        <v>9</v>
      </c>
      <c r="AB29372">
        <v>9</v>
      </c>
      <c r="AC29372">
        <v>10</v>
      </c>
      <c r="AD29372">
        <v>10</v>
      </c>
      <c r="AE29372">
        <v>10</v>
      </c>
      <c r="AF29372">
        <v>10</v>
      </c>
      <c r="AG29372">
        <v>10</v>
      </c>
      <c r="AH29372">
        <v>10</v>
      </c>
      <c r="AI29372">
        <v>10</v>
      </c>
      <c r="AJ29372">
        <v>10</v>
      </c>
      <c r="AK29372">
        <v>10</v>
      </c>
      <c r="AL29372">
        <v>10</v>
      </c>
      <c r="AM29372">
        <v>10</v>
      </c>
      <c r="AN29372">
        <v>10</v>
      </c>
      <c r="AO29372">
        <v>10</v>
      </c>
      <c r="AP29372">
        <v>10</v>
      </c>
      <c r="AQ29372">
        <v>10</v>
      </c>
    </row>
    <row r="29373" spans="1:43">
      <c r="A29373" t="s">
        <v>18187</v>
      </c>
      <c r="B29373" t="s">
        <v>18188</v>
      </c>
      <c r="C29373" t="s">
        <v>18189</v>
      </c>
      <c r="D29373" t="s">
        <v>18190</v>
      </c>
      <c r="E29373" t="s">
        <v>18191</v>
      </c>
      <c r="F29373" t="s">
        <v>18192</v>
      </c>
      <c r="G29373" t="s">
        <v>10734</v>
      </c>
      <c r="H29373" t="s">
        <v>10735</v>
      </c>
      <c r="I29373" s="2">
        <v>0</v>
      </c>
      <c r="J29373" s="2">
        <v>0</v>
      </c>
      <c r="K29373" s="2">
        <v>1</v>
      </c>
      <c r="L29373" t="s">
        <v>995</v>
      </c>
      <c r="M29373" t="s">
        <v>83</v>
      </c>
      <c r="N29373" t="s">
        <v>91</v>
      </c>
      <c r="O29373" t="s">
        <v>85</v>
      </c>
      <c r="P29373" t="s">
        <v>86</v>
      </c>
      <c r="Q29373">
        <v>8</v>
      </c>
      <c r="R29373">
        <v>8</v>
      </c>
      <c r="S29373">
        <v>8</v>
      </c>
      <c r="T29373">
        <v>8</v>
      </c>
      <c r="U29373">
        <v>8</v>
      </c>
      <c r="V29373">
        <v>8</v>
      </c>
      <c r="W29373">
        <v>8</v>
      </c>
      <c r="X29373">
        <v>8</v>
      </c>
      <c r="Y29373">
        <v>9</v>
      </c>
      <c r="Z29373">
        <v>9</v>
      </c>
      <c r="AA29373">
        <v>9</v>
      </c>
      <c r="AB29373">
        <v>9</v>
      </c>
      <c r="AC29373">
        <v>9</v>
      </c>
      <c r="AD29373">
        <v>9</v>
      </c>
      <c r="AE29373">
        <v>9</v>
      </c>
      <c r="AF29373">
        <v>9</v>
      </c>
      <c r="AG29373">
        <v>9</v>
      </c>
      <c r="AH29373">
        <v>10</v>
      </c>
      <c r="AI29373">
        <v>10</v>
      </c>
      <c r="AJ29373">
        <v>10</v>
      </c>
      <c r="AK29373">
        <v>10</v>
      </c>
      <c r="AL29373">
        <v>10</v>
      </c>
      <c r="AM29373">
        <v>10</v>
      </c>
      <c r="AN29373">
        <v>10</v>
      </c>
      <c r="AO29373">
        <v>10</v>
      </c>
      <c r="AP29373">
        <v>10</v>
      </c>
      <c r="AQ29373">
        <v>10</v>
      </c>
    </row>
    <row r="29374" spans="1:43">
      <c r="A29374" t="s">
        <v>18193</v>
      </c>
      <c r="B29374" t="s">
        <v>18194</v>
      </c>
      <c r="C29374" t="s">
        <v>18195</v>
      </c>
      <c r="D29374" t="s">
        <v>18196</v>
      </c>
      <c r="E29374" t="s">
        <v>18191</v>
      </c>
      <c r="F29374" t="s">
        <v>18192</v>
      </c>
      <c r="G29374" t="s">
        <v>10734</v>
      </c>
      <c r="H29374" t="s">
        <v>10735</v>
      </c>
      <c r="I29374" s="2">
        <v>0</v>
      </c>
      <c r="J29374" s="2">
        <v>0</v>
      </c>
      <c r="K29374" s="2">
        <v>1</v>
      </c>
      <c r="L29374" t="s">
        <v>995</v>
      </c>
      <c r="M29374" t="s">
        <v>83</v>
      </c>
      <c r="N29374" t="s">
        <v>84</v>
      </c>
      <c r="O29374" t="s">
        <v>85</v>
      </c>
      <c r="P29374" t="s">
        <v>86</v>
      </c>
      <c r="Q29374">
        <v>25</v>
      </c>
      <c r="R29374">
        <v>25</v>
      </c>
      <c r="S29374">
        <v>26</v>
      </c>
      <c r="T29374">
        <v>26</v>
      </c>
      <c r="U29374">
        <v>26</v>
      </c>
      <c r="V29374">
        <v>27</v>
      </c>
      <c r="W29374">
        <v>27</v>
      </c>
      <c r="X29374">
        <v>28</v>
      </c>
      <c r="Y29374">
        <v>28</v>
      </c>
      <c r="Z29374">
        <v>28</v>
      </c>
      <c r="AA29374">
        <v>29</v>
      </c>
      <c r="AB29374">
        <v>29</v>
      </c>
      <c r="AC29374">
        <v>30</v>
      </c>
      <c r="AD29374">
        <v>30</v>
      </c>
      <c r="AE29374">
        <v>30</v>
      </c>
      <c r="AF29374">
        <v>31</v>
      </c>
      <c r="AG29374">
        <v>31</v>
      </c>
      <c r="AH29374">
        <v>31</v>
      </c>
      <c r="AI29374">
        <v>32</v>
      </c>
      <c r="AJ29374">
        <v>32</v>
      </c>
      <c r="AK29374">
        <v>33</v>
      </c>
      <c r="AL29374">
        <v>33</v>
      </c>
      <c r="AM29374">
        <v>33</v>
      </c>
      <c r="AN29374">
        <v>33</v>
      </c>
      <c r="AO29374">
        <v>33</v>
      </c>
      <c r="AP29374">
        <v>34</v>
      </c>
      <c r="AQ29374">
        <v>34</v>
      </c>
    </row>
    <row r="29375" spans="1:43">
      <c r="A29375" t="s">
        <v>18193</v>
      </c>
      <c r="B29375" t="s">
        <v>18194</v>
      </c>
      <c r="C29375" t="s">
        <v>18195</v>
      </c>
      <c r="D29375" t="s">
        <v>18196</v>
      </c>
      <c r="E29375" t="s">
        <v>18191</v>
      </c>
      <c r="F29375" t="s">
        <v>18192</v>
      </c>
      <c r="G29375" t="s">
        <v>10734</v>
      </c>
      <c r="H29375" t="s">
        <v>10735</v>
      </c>
      <c r="I29375" s="2">
        <v>0</v>
      </c>
      <c r="J29375" s="2">
        <v>0</v>
      </c>
      <c r="K29375" s="2">
        <v>1</v>
      </c>
      <c r="L29375" t="s">
        <v>995</v>
      </c>
      <c r="M29375" t="s">
        <v>87</v>
      </c>
      <c r="N29375" t="s">
        <v>88</v>
      </c>
      <c r="O29375" t="s">
        <v>85</v>
      </c>
      <c r="P29375" t="s">
        <v>86</v>
      </c>
      <c r="Q29375">
        <v>25</v>
      </c>
      <c r="R29375">
        <v>25</v>
      </c>
      <c r="S29375">
        <v>25</v>
      </c>
      <c r="T29375">
        <v>25</v>
      </c>
      <c r="U29375">
        <v>25</v>
      </c>
      <c r="V29375">
        <v>25</v>
      </c>
      <c r="W29375">
        <v>26</v>
      </c>
      <c r="X29375">
        <v>26</v>
      </c>
      <c r="Y29375">
        <v>26</v>
      </c>
      <c r="Z29375">
        <v>26</v>
      </c>
      <c r="AA29375">
        <v>26</v>
      </c>
      <c r="AB29375">
        <v>26</v>
      </c>
      <c r="AC29375">
        <v>27</v>
      </c>
      <c r="AD29375">
        <v>27</v>
      </c>
      <c r="AE29375">
        <v>27</v>
      </c>
      <c r="AF29375">
        <v>27</v>
      </c>
      <c r="AG29375">
        <v>27</v>
      </c>
      <c r="AH29375">
        <v>28</v>
      </c>
      <c r="AI29375">
        <v>28</v>
      </c>
      <c r="AJ29375">
        <v>28</v>
      </c>
      <c r="AK29375">
        <v>28</v>
      </c>
      <c r="AL29375">
        <v>28</v>
      </c>
      <c r="AM29375">
        <v>29</v>
      </c>
      <c r="AN29375">
        <v>29</v>
      </c>
      <c r="AO29375">
        <v>29</v>
      </c>
      <c r="AP29375">
        <v>29</v>
      </c>
      <c r="AQ29375">
        <v>30</v>
      </c>
    </row>
    <row r="29376" spans="1:43">
      <c r="A29376" t="s">
        <v>18193</v>
      </c>
      <c r="B29376" t="s">
        <v>18194</v>
      </c>
      <c r="C29376" t="s">
        <v>18195</v>
      </c>
      <c r="D29376" t="s">
        <v>18196</v>
      </c>
      <c r="E29376" t="s">
        <v>18191</v>
      </c>
      <c r="F29376" t="s">
        <v>18192</v>
      </c>
      <c r="G29376" t="s">
        <v>10734</v>
      </c>
      <c r="H29376" t="s">
        <v>10735</v>
      </c>
      <c r="I29376" s="2">
        <v>0</v>
      </c>
      <c r="J29376" s="2">
        <v>0</v>
      </c>
      <c r="K29376" s="2">
        <v>1</v>
      </c>
      <c r="L29376" t="s">
        <v>995</v>
      </c>
      <c r="M29376" t="s">
        <v>89</v>
      </c>
      <c r="N29376" t="s">
        <v>90</v>
      </c>
      <c r="O29376" t="s">
        <v>85</v>
      </c>
      <c r="P29376" t="s">
        <v>86</v>
      </c>
      <c r="Q29376">
        <v>25</v>
      </c>
      <c r="R29376">
        <v>26</v>
      </c>
      <c r="S29376">
        <v>26</v>
      </c>
      <c r="T29376">
        <v>27</v>
      </c>
      <c r="U29376">
        <v>28</v>
      </c>
      <c r="V29376">
        <v>28</v>
      </c>
      <c r="W29376">
        <v>29</v>
      </c>
      <c r="X29376">
        <v>29</v>
      </c>
      <c r="Y29376">
        <v>30</v>
      </c>
      <c r="Z29376">
        <v>30</v>
      </c>
      <c r="AA29376">
        <v>31</v>
      </c>
      <c r="AB29376">
        <v>31</v>
      </c>
      <c r="AC29376">
        <v>32</v>
      </c>
      <c r="AD29376">
        <v>32</v>
      </c>
      <c r="AE29376">
        <v>32</v>
      </c>
      <c r="AF29376">
        <v>32</v>
      </c>
      <c r="AG29376">
        <v>33</v>
      </c>
      <c r="AH29376">
        <v>33</v>
      </c>
      <c r="AI29376">
        <v>33</v>
      </c>
      <c r="AJ29376">
        <v>33</v>
      </c>
      <c r="AK29376">
        <v>33</v>
      </c>
      <c r="AL29376">
        <v>33</v>
      </c>
      <c r="AM29376">
        <v>34</v>
      </c>
      <c r="AN29376">
        <v>34</v>
      </c>
      <c r="AO29376">
        <v>34</v>
      </c>
      <c r="AP29376">
        <v>34</v>
      </c>
      <c r="AQ29376">
        <v>34</v>
      </c>
    </row>
    <row r="29377" spans="1:43">
      <c r="A29377" t="s">
        <v>18193</v>
      </c>
      <c r="B29377" t="s">
        <v>18194</v>
      </c>
      <c r="C29377" t="s">
        <v>18195</v>
      </c>
      <c r="D29377" t="s">
        <v>18196</v>
      </c>
      <c r="E29377" t="s">
        <v>18191</v>
      </c>
      <c r="F29377" t="s">
        <v>18192</v>
      </c>
      <c r="G29377" t="s">
        <v>10734</v>
      </c>
      <c r="H29377" t="s">
        <v>10735</v>
      </c>
      <c r="I29377" s="2">
        <v>0</v>
      </c>
      <c r="J29377" s="2">
        <v>0</v>
      </c>
      <c r="K29377" s="2">
        <v>1</v>
      </c>
      <c r="L29377" t="s">
        <v>995</v>
      </c>
      <c r="M29377" t="s">
        <v>83</v>
      </c>
      <c r="N29377" t="s">
        <v>91</v>
      </c>
      <c r="O29377" t="s">
        <v>85</v>
      </c>
      <c r="P29377" t="s">
        <v>86</v>
      </c>
      <c r="Q29377">
        <v>25</v>
      </c>
      <c r="R29377">
        <v>25</v>
      </c>
      <c r="S29377">
        <v>26</v>
      </c>
      <c r="T29377">
        <v>26</v>
      </c>
      <c r="U29377">
        <v>26</v>
      </c>
      <c r="V29377">
        <v>27</v>
      </c>
      <c r="W29377">
        <v>27</v>
      </c>
      <c r="X29377">
        <v>28</v>
      </c>
      <c r="Y29377">
        <v>28</v>
      </c>
      <c r="Z29377">
        <v>28</v>
      </c>
      <c r="AA29377">
        <v>29</v>
      </c>
      <c r="AB29377">
        <v>29</v>
      </c>
      <c r="AC29377">
        <v>30</v>
      </c>
      <c r="AD29377">
        <v>30</v>
      </c>
      <c r="AE29377">
        <v>30</v>
      </c>
      <c r="AF29377">
        <v>31</v>
      </c>
      <c r="AG29377">
        <v>31</v>
      </c>
      <c r="AH29377">
        <v>31</v>
      </c>
      <c r="AI29377">
        <v>32</v>
      </c>
      <c r="AJ29377">
        <v>32</v>
      </c>
      <c r="AK29377">
        <v>33</v>
      </c>
      <c r="AL29377">
        <v>33</v>
      </c>
      <c r="AM29377">
        <v>33</v>
      </c>
      <c r="AN29377">
        <v>33</v>
      </c>
      <c r="AO29377">
        <v>33</v>
      </c>
      <c r="AP29377">
        <v>34</v>
      </c>
      <c r="AQ29377">
        <v>34</v>
      </c>
    </row>
    <row r="29378" spans="1:43">
      <c r="A29378" t="s">
        <v>18197</v>
      </c>
      <c r="B29378" t="s">
        <v>18198</v>
      </c>
      <c r="C29378" t="s">
        <v>18199</v>
      </c>
      <c r="D29378" t="s">
        <v>18200</v>
      </c>
      <c r="E29378" t="s">
        <v>18191</v>
      </c>
      <c r="F29378" t="s">
        <v>18192</v>
      </c>
      <c r="G29378" t="s">
        <v>10734</v>
      </c>
      <c r="H29378" t="s">
        <v>10735</v>
      </c>
      <c r="I29378" s="2">
        <v>0</v>
      </c>
      <c r="J29378" s="2">
        <v>0</v>
      </c>
      <c r="K29378" s="2">
        <v>1</v>
      </c>
      <c r="L29378" t="s">
        <v>995</v>
      </c>
      <c r="M29378" t="s">
        <v>83</v>
      </c>
      <c r="N29378" t="s">
        <v>84</v>
      </c>
      <c r="O29378" t="s">
        <v>85</v>
      </c>
      <c r="P29378" t="s">
        <v>86</v>
      </c>
      <c r="Q29378">
        <v>5</v>
      </c>
      <c r="R29378">
        <v>5</v>
      </c>
      <c r="S29378">
        <v>5</v>
      </c>
      <c r="T29378">
        <v>5</v>
      </c>
      <c r="U29378">
        <v>5</v>
      </c>
      <c r="V29378">
        <v>5</v>
      </c>
      <c r="W29378">
        <v>5</v>
      </c>
      <c r="X29378">
        <v>5</v>
      </c>
      <c r="Y29378">
        <v>5</v>
      </c>
      <c r="Z29378">
        <v>5</v>
      </c>
      <c r="AA29378">
        <v>6</v>
      </c>
      <c r="AB29378">
        <v>6</v>
      </c>
      <c r="AC29378">
        <v>6</v>
      </c>
      <c r="AD29378">
        <v>6</v>
      </c>
      <c r="AE29378">
        <v>6</v>
      </c>
      <c r="AF29378">
        <v>6</v>
      </c>
      <c r="AG29378">
        <v>6</v>
      </c>
      <c r="AH29378">
        <v>6</v>
      </c>
      <c r="AI29378">
        <v>6</v>
      </c>
      <c r="AJ29378">
        <v>6</v>
      </c>
      <c r="AK29378">
        <v>6</v>
      </c>
      <c r="AL29378">
        <v>6</v>
      </c>
      <c r="AM29378">
        <v>6</v>
      </c>
      <c r="AN29378">
        <v>6</v>
      </c>
      <c r="AO29378">
        <v>6</v>
      </c>
      <c r="AP29378">
        <v>6</v>
      </c>
      <c r="AQ29378">
        <v>6</v>
      </c>
    </row>
    <row r="29379" spans="1:43">
      <c r="A29379" t="s">
        <v>18197</v>
      </c>
      <c r="B29379" t="s">
        <v>18198</v>
      </c>
      <c r="C29379" t="s">
        <v>18199</v>
      </c>
      <c r="D29379" t="s">
        <v>18200</v>
      </c>
      <c r="E29379" t="s">
        <v>18191</v>
      </c>
      <c r="F29379" t="s">
        <v>18192</v>
      </c>
      <c r="G29379" t="s">
        <v>10734</v>
      </c>
      <c r="H29379" t="s">
        <v>10735</v>
      </c>
      <c r="I29379" s="2">
        <v>0</v>
      </c>
      <c r="J29379" s="2">
        <v>0</v>
      </c>
      <c r="K29379" s="2">
        <v>1</v>
      </c>
      <c r="L29379" t="s">
        <v>995</v>
      </c>
      <c r="M29379" t="s">
        <v>87</v>
      </c>
      <c r="N29379" t="s">
        <v>88</v>
      </c>
      <c r="O29379" t="s">
        <v>85</v>
      </c>
      <c r="P29379" t="s">
        <v>86</v>
      </c>
      <c r="Q29379">
        <v>5</v>
      </c>
      <c r="R29379">
        <v>5</v>
      </c>
      <c r="S29379">
        <v>5</v>
      </c>
      <c r="T29379">
        <v>5</v>
      </c>
      <c r="U29379">
        <v>5</v>
      </c>
      <c r="V29379">
        <v>5</v>
      </c>
      <c r="W29379">
        <v>5</v>
      </c>
      <c r="X29379">
        <v>5</v>
      </c>
      <c r="Y29379">
        <v>5</v>
      </c>
      <c r="Z29379">
        <v>5</v>
      </c>
      <c r="AA29379">
        <v>5</v>
      </c>
      <c r="AB29379">
        <v>5</v>
      </c>
      <c r="AC29379">
        <v>5</v>
      </c>
      <c r="AD29379">
        <v>5</v>
      </c>
      <c r="AE29379">
        <v>5</v>
      </c>
      <c r="AF29379">
        <v>5</v>
      </c>
      <c r="AG29379">
        <v>5</v>
      </c>
      <c r="AH29379">
        <v>5</v>
      </c>
      <c r="AI29379">
        <v>5</v>
      </c>
      <c r="AJ29379">
        <v>5</v>
      </c>
      <c r="AK29379">
        <v>5</v>
      </c>
      <c r="AL29379">
        <v>5</v>
      </c>
      <c r="AM29379">
        <v>5</v>
      </c>
      <c r="AN29379">
        <v>5</v>
      </c>
      <c r="AO29379">
        <v>5</v>
      </c>
      <c r="AP29379">
        <v>6</v>
      </c>
      <c r="AQ29379">
        <v>6</v>
      </c>
    </row>
    <row r="29380" spans="1:43">
      <c r="A29380" t="s">
        <v>18197</v>
      </c>
      <c r="B29380" t="s">
        <v>18198</v>
      </c>
      <c r="C29380" t="s">
        <v>18199</v>
      </c>
      <c r="D29380" t="s">
        <v>18200</v>
      </c>
      <c r="E29380" t="s">
        <v>18191</v>
      </c>
      <c r="F29380" t="s">
        <v>18192</v>
      </c>
      <c r="G29380" t="s">
        <v>10734</v>
      </c>
      <c r="H29380" t="s">
        <v>10735</v>
      </c>
      <c r="I29380" s="2">
        <v>0</v>
      </c>
      <c r="J29380" s="2">
        <v>0</v>
      </c>
      <c r="K29380" s="2">
        <v>1</v>
      </c>
      <c r="L29380" t="s">
        <v>995</v>
      </c>
      <c r="M29380" t="s">
        <v>89</v>
      </c>
      <c r="N29380" t="s">
        <v>90</v>
      </c>
      <c r="O29380" t="s">
        <v>85</v>
      </c>
      <c r="P29380" t="s">
        <v>86</v>
      </c>
      <c r="Q29380">
        <v>5</v>
      </c>
      <c r="R29380">
        <v>5</v>
      </c>
      <c r="S29380">
        <v>5</v>
      </c>
      <c r="T29380">
        <v>5</v>
      </c>
      <c r="U29380">
        <v>5</v>
      </c>
      <c r="V29380">
        <v>5</v>
      </c>
      <c r="W29380">
        <v>6</v>
      </c>
      <c r="X29380">
        <v>6</v>
      </c>
      <c r="Y29380">
        <v>6</v>
      </c>
      <c r="Z29380">
        <v>6</v>
      </c>
      <c r="AA29380">
        <v>6</v>
      </c>
      <c r="AB29380">
        <v>6</v>
      </c>
      <c r="AC29380">
        <v>6</v>
      </c>
      <c r="AD29380">
        <v>6</v>
      </c>
      <c r="AE29380">
        <v>6</v>
      </c>
      <c r="AF29380">
        <v>6</v>
      </c>
      <c r="AG29380">
        <v>6</v>
      </c>
      <c r="AH29380">
        <v>6</v>
      </c>
      <c r="AI29380">
        <v>6</v>
      </c>
      <c r="AJ29380">
        <v>6</v>
      </c>
      <c r="AK29380">
        <v>6</v>
      </c>
      <c r="AL29380">
        <v>6</v>
      </c>
      <c r="AM29380">
        <v>6</v>
      </c>
      <c r="AN29380">
        <v>6</v>
      </c>
      <c r="AO29380">
        <v>6</v>
      </c>
      <c r="AP29380">
        <v>6</v>
      </c>
      <c r="AQ29380">
        <v>6</v>
      </c>
    </row>
    <row r="29381" spans="1:43">
      <c r="A29381" t="s">
        <v>18197</v>
      </c>
      <c r="B29381" t="s">
        <v>18198</v>
      </c>
      <c r="C29381" t="s">
        <v>18199</v>
      </c>
      <c r="D29381" t="s">
        <v>18200</v>
      </c>
      <c r="E29381" t="s">
        <v>18191</v>
      </c>
      <c r="F29381" t="s">
        <v>18192</v>
      </c>
      <c r="G29381" t="s">
        <v>10734</v>
      </c>
      <c r="H29381" t="s">
        <v>10735</v>
      </c>
      <c r="I29381" s="2">
        <v>0</v>
      </c>
      <c r="J29381" s="2">
        <v>0</v>
      </c>
      <c r="K29381" s="2">
        <v>1</v>
      </c>
      <c r="L29381" t="s">
        <v>995</v>
      </c>
      <c r="M29381" t="s">
        <v>83</v>
      </c>
      <c r="N29381" t="s">
        <v>91</v>
      </c>
      <c r="O29381" t="s">
        <v>85</v>
      </c>
      <c r="P29381" t="s">
        <v>86</v>
      </c>
      <c r="Q29381">
        <v>5</v>
      </c>
      <c r="R29381">
        <v>5</v>
      </c>
      <c r="S29381">
        <v>5</v>
      </c>
      <c r="T29381">
        <v>5</v>
      </c>
      <c r="U29381">
        <v>5</v>
      </c>
      <c r="V29381">
        <v>5</v>
      </c>
      <c r="W29381">
        <v>5</v>
      </c>
      <c r="X29381">
        <v>5</v>
      </c>
      <c r="Y29381">
        <v>5</v>
      </c>
      <c r="Z29381">
        <v>5</v>
      </c>
      <c r="AA29381">
        <v>6</v>
      </c>
      <c r="AB29381">
        <v>6</v>
      </c>
      <c r="AC29381">
        <v>6</v>
      </c>
      <c r="AD29381">
        <v>6</v>
      </c>
      <c r="AE29381">
        <v>6</v>
      </c>
      <c r="AF29381">
        <v>6</v>
      </c>
      <c r="AG29381">
        <v>6</v>
      </c>
      <c r="AH29381">
        <v>6</v>
      </c>
      <c r="AI29381">
        <v>6</v>
      </c>
      <c r="AJ29381">
        <v>6</v>
      </c>
      <c r="AK29381">
        <v>6</v>
      </c>
      <c r="AL29381">
        <v>6</v>
      </c>
      <c r="AM29381">
        <v>6</v>
      </c>
      <c r="AN29381">
        <v>6</v>
      </c>
      <c r="AO29381">
        <v>6</v>
      </c>
      <c r="AP29381">
        <v>6</v>
      </c>
      <c r="AQ29381">
        <v>6</v>
      </c>
    </row>
    <row r="29382" spans="1:43">
      <c r="A29382" t="s">
        <v>18201</v>
      </c>
      <c r="B29382" t="s">
        <v>18202</v>
      </c>
      <c r="C29382" t="s">
        <v>18199</v>
      </c>
      <c r="D29382" t="s">
        <v>18200</v>
      </c>
      <c r="E29382" t="s">
        <v>18191</v>
      </c>
      <c r="F29382" t="s">
        <v>18192</v>
      </c>
      <c r="G29382" t="s">
        <v>10734</v>
      </c>
      <c r="H29382" t="s">
        <v>10735</v>
      </c>
      <c r="I29382" s="2">
        <v>0</v>
      </c>
      <c r="J29382" s="2">
        <v>0</v>
      </c>
      <c r="K29382" s="2">
        <v>1</v>
      </c>
      <c r="L29382" t="s">
        <v>995</v>
      </c>
      <c r="M29382" t="s">
        <v>83</v>
      </c>
      <c r="N29382" t="s">
        <v>84</v>
      </c>
      <c r="O29382" t="s">
        <v>85</v>
      </c>
      <c r="P29382" t="s">
        <v>86</v>
      </c>
      <c r="Q29382">
        <v>18</v>
      </c>
      <c r="R29382">
        <v>18</v>
      </c>
      <c r="S29382">
        <v>18</v>
      </c>
      <c r="T29382">
        <v>19</v>
      </c>
      <c r="U29382">
        <v>19</v>
      </c>
      <c r="V29382">
        <v>19</v>
      </c>
      <c r="W29382">
        <v>19</v>
      </c>
      <c r="X29382">
        <v>19</v>
      </c>
      <c r="Y29382">
        <v>20</v>
      </c>
      <c r="Z29382">
        <v>20</v>
      </c>
      <c r="AA29382">
        <v>20</v>
      </c>
      <c r="AB29382">
        <v>20</v>
      </c>
      <c r="AC29382">
        <v>21</v>
      </c>
      <c r="AD29382">
        <v>21</v>
      </c>
      <c r="AE29382">
        <v>21</v>
      </c>
      <c r="AF29382">
        <v>21</v>
      </c>
      <c r="AG29382">
        <v>22</v>
      </c>
      <c r="AH29382">
        <v>22</v>
      </c>
      <c r="AI29382">
        <v>22</v>
      </c>
      <c r="AJ29382">
        <v>22</v>
      </c>
      <c r="AK29382">
        <v>23</v>
      </c>
      <c r="AL29382">
        <v>23</v>
      </c>
      <c r="AM29382">
        <v>23</v>
      </c>
      <c r="AN29382">
        <v>23</v>
      </c>
      <c r="AO29382">
        <v>23</v>
      </c>
      <c r="AP29382">
        <v>23</v>
      </c>
      <c r="AQ29382">
        <v>23</v>
      </c>
    </row>
    <row r="29383" spans="1:43">
      <c r="A29383" t="s">
        <v>18201</v>
      </c>
      <c r="B29383" t="s">
        <v>18202</v>
      </c>
      <c r="C29383" t="s">
        <v>18199</v>
      </c>
      <c r="D29383" t="s">
        <v>18200</v>
      </c>
      <c r="E29383" t="s">
        <v>18191</v>
      </c>
      <c r="F29383" t="s">
        <v>18192</v>
      </c>
      <c r="G29383" t="s">
        <v>10734</v>
      </c>
      <c r="H29383" t="s">
        <v>10735</v>
      </c>
      <c r="I29383" s="2">
        <v>0</v>
      </c>
      <c r="J29383" s="2">
        <v>0</v>
      </c>
      <c r="K29383" s="2">
        <v>1</v>
      </c>
      <c r="L29383" t="s">
        <v>995</v>
      </c>
      <c r="M29383" t="s">
        <v>87</v>
      </c>
      <c r="N29383" t="s">
        <v>88</v>
      </c>
      <c r="O29383" t="s">
        <v>85</v>
      </c>
      <c r="P29383" t="s">
        <v>86</v>
      </c>
      <c r="Q29383">
        <v>18</v>
      </c>
      <c r="R29383">
        <v>18</v>
      </c>
      <c r="S29383">
        <v>18</v>
      </c>
      <c r="T29383">
        <v>18</v>
      </c>
      <c r="U29383">
        <v>18</v>
      </c>
      <c r="V29383">
        <v>18</v>
      </c>
      <c r="W29383">
        <v>18</v>
      </c>
      <c r="X29383">
        <v>18</v>
      </c>
      <c r="Y29383">
        <v>18</v>
      </c>
      <c r="Z29383">
        <v>18</v>
      </c>
      <c r="AA29383">
        <v>18</v>
      </c>
      <c r="AB29383">
        <v>18</v>
      </c>
      <c r="AC29383">
        <v>19</v>
      </c>
      <c r="AD29383">
        <v>19</v>
      </c>
      <c r="AE29383">
        <v>19</v>
      </c>
      <c r="AF29383">
        <v>19</v>
      </c>
      <c r="AG29383">
        <v>19</v>
      </c>
      <c r="AH29383">
        <v>19</v>
      </c>
      <c r="AI29383">
        <v>19</v>
      </c>
      <c r="AJ29383">
        <v>19</v>
      </c>
      <c r="AK29383">
        <v>19</v>
      </c>
      <c r="AL29383">
        <v>20</v>
      </c>
      <c r="AM29383">
        <v>20</v>
      </c>
      <c r="AN29383">
        <v>20</v>
      </c>
      <c r="AO29383">
        <v>20</v>
      </c>
      <c r="AP29383">
        <v>20</v>
      </c>
      <c r="AQ29383">
        <v>20</v>
      </c>
    </row>
    <row r="29384" spans="1:43">
      <c r="A29384" t="s">
        <v>18201</v>
      </c>
      <c r="B29384" t="s">
        <v>18202</v>
      </c>
      <c r="C29384" t="s">
        <v>18199</v>
      </c>
      <c r="D29384" t="s">
        <v>18200</v>
      </c>
      <c r="E29384" t="s">
        <v>18191</v>
      </c>
      <c r="F29384" t="s">
        <v>18192</v>
      </c>
      <c r="G29384" t="s">
        <v>10734</v>
      </c>
      <c r="H29384" t="s">
        <v>10735</v>
      </c>
      <c r="I29384" s="2">
        <v>0</v>
      </c>
      <c r="J29384" s="2">
        <v>0</v>
      </c>
      <c r="K29384" s="2">
        <v>1</v>
      </c>
      <c r="L29384" t="s">
        <v>995</v>
      </c>
      <c r="M29384" t="s">
        <v>89</v>
      </c>
      <c r="N29384" t="s">
        <v>90</v>
      </c>
      <c r="O29384" t="s">
        <v>85</v>
      </c>
      <c r="P29384" t="s">
        <v>86</v>
      </c>
      <c r="Q29384">
        <v>18</v>
      </c>
      <c r="R29384">
        <v>18</v>
      </c>
      <c r="S29384">
        <v>19</v>
      </c>
      <c r="T29384">
        <v>19</v>
      </c>
      <c r="U29384">
        <v>19</v>
      </c>
      <c r="V29384">
        <v>20</v>
      </c>
      <c r="W29384">
        <v>20</v>
      </c>
      <c r="X29384">
        <v>21</v>
      </c>
      <c r="Y29384">
        <v>21</v>
      </c>
      <c r="Z29384">
        <v>21</v>
      </c>
      <c r="AA29384">
        <v>21</v>
      </c>
      <c r="AB29384">
        <v>22</v>
      </c>
      <c r="AC29384">
        <v>22</v>
      </c>
      <c r="AD29384">
        <v>22</v>
      </c>
      <c r="AE29384">
        <v>23</v>
      </c>
      <c r="AF29384">
        <v>23</v>
      </c>
      <c r="AG29384">
        <v>23</v>
      </c>
      <c r="AH29384">
        <v>23</v>
      </c>
      <c r="AI29384">
        <v>23</v>
      </c>
      <c r="AJ29384">
        <v>23</v>
      </c>
      <c r="AK29384">
        <v>23</v>
      </c>
      <c r="AL29384">
        <v>23</v>
      </c>
      <c r="AM29384">
        <v>23</v>
      </c>
      <c r="AN29384">
        <v>23</v>
      </c>
      <c r="AO29384">
        <v>23</v>
      </c>
      <c r="AP29384">
        <v>23</v>
      </c>
      <c r="AQ29384">
        <v>23</v>
      </c>
    </row>
    <row r="29385" spans="1:43">
      <c r="A29385" t="s">
        <v>18201</v>
      </c>
      <c r="B29385" t="s">
        <v>18202</v>
      </c>
      <c r="C29385" t="s">
        <v>18199</v>
      </c>
      <c r="D29385" t="s">
        <v>18200</v>
      </c>
      <c r="E29385" t="s">
        <v>18191</v>
      </c>
      <c r="F29385" t="s">
        <v>18192</v>
      </c>
      <c r="G29385" t="s">
        <v>10734</v>
      </c>
      <c r="H29385" t="s">
        <v>10735</v>
      </c>
      <c r="I29385" s="2">
        <v>0</v>
      </c>
      <c r="J29385" s="2">
        <v>0</v>
      </c>
      <c r="K29385" s="2">
        <v>1</v>
      </c>
      <c r="L29385" t="s">
        <v>995</v>
      </c>
      <c r="M29385" t="s">
        <v>83</v>
      </c>
      <c r="N29385" t="s">
        <v>91</v>
      </c>
      <c r="O29385" t="s">
        <v>85</v>
      </c>
      <c r="P29385" t="s">
        <v>86</v>
      </c>
      <c r="Q29385">
        <v>18</v>
      </c>
      <c r="R29385">
        <v>18</v>
      </c>
      <c r="S29385">
        <v>18</v>
      </c>
      <c r="T29385">
        <v>19</v>
      </c>
      <c r="U29385">
        <v>19</v>
      </c>
      <c r="V29385">
        <v>19</v>
      </c>
      <c r="W29385">
        <v>19</v>
      </c>
      <c r="X29385">
        <v>19</v>
      </c>
      <c r="Y29385">
        <v>20</v>
      </c>
      <c r="Z29385">
        <v>20</v>
      </c>
      <c r="AA29385">
        <v>20</v>
      </c>
      <c r="AB29385">
        <v>20</v>
      </c>
      <c r="AC29385">
        <v>21</v>
      </c>
      <c r="AD29385">
        <v>21</v>
      </c>
      <c r="AE29385">
        <v>21</v>
      </c>
      <c r="AF29385">
        <v>21</v>
      </c>
      <c r="AG29385">
        <v>22</v>
      </c>
      <c r="AH29385">
        <v>22</v>
      </c>
      <c r="AI29385">
        <v>22</v>
      </c>
      <c r="AJ29385">
        <v>22</v>
      </c>
      <c r="AK29385">
        <v>23</v>
      </c>
      <c r="AL29385">
        <v>23</v>
      </c>
      <c r="AM29385">
        <v>23</v>
      </c>
      <c r="AN29385">
        <v>23</v>
      </c>
      <c r="AO29385">
        <v>23</v>
      </c>
      <c r="AP29385">
        <v>23</v>
      </c>
      <c r="AQ29385">
        <v>23</v>
      </c>
    </row>
    <row r="29386" spans="1:43">
      <c r="A29386" t="s">
        <v>18203</v>
      </c>
      <c r="B29386" t="s">
        <v>18204</v>
      </c>
      <c r="C29386" t="s">
        <v>18205</v>
      </c>
      <c r="D29386" t="s">
        <v>18206</v>
      </c>
      <c r="E29386" t="s">
        <v>18191</v>
      </c>
      <c r="F29386" t="s">
        <v>18192</v>
      </c>
      <c r="G29386" t="s">
        <v>10734</v>
      </c>
      <c r="H29386" t="s">
        <v>10735</v>
      </c>
      <c r="I29386" s="2">
        <v>0</v>
      </c>
      <c r="J29386" s="2">
        <v>0</v>
      </c>
      <c r="K29386" s="2">
        <v>1</v>
      </c>
      <c r="L29386" t="s">
        <v>995</v>
      </c>
      <c r="M29386" t="s">
        <v>83</v>
      </c>
      <c r="N29386" t="s">
        <v>84</v>
      </c>
      <c r="O29386" t="s">
        <v>85</v>
      </c>
      <c r="P29386" t="s">
        <v>86</v>
      </c>
      <c r="Q29386">
        <v>29</v>
      </c>
      <c r="R29386">
        <v>29</v>
      </c>
      <c r="S29386">
        <v>30</v>
      </c>
      <c r="T29386">
        <v>30</v>
      </c>
      <c r="U29386">
        <v>31</v>
      </c>
      <c r="V29386">
        <v>31</v>
      </c>
      <c r="W29386">
        <v>31</v>
      </c>
      <c r="X29386">
        <v>32</v>
      </c>
      <c r="Y29386">
        <v>32</v>
      </c>
      <c r="Z29386">
        <v>33</v>
      </c>
      <c r="AA29386">
        <v>33</v>
      </c>
      <c r="AB29386">
        <v>33</v>
      </c>
      <c r="AC29386">
        <v>34</v>
      </c>
      <c r="AD29386">
        <v>34</v>
      </c>
      <c r="AE29386">
        <v>35</v>
      </c>
      <c r="AF29386">
        <v>35</v>
      </c>
      <c r="AG29386">
        <v>35</v>
      </c>
      <c r="AH29386">
        <v>36</v>
      </c>
      <c r="AI29386">
        <v>36</v>
      </c>
      <c r="AJ29386">
        <v>37</v>
      </c>
      <c r="AK29386">
        <v>37</v>
      </c>
      <c r="AL29386">
        <v>37</v>
      </c>
      <c r="AM29386">
        <v>37</v>
      </c>
      <c r="AN29386">
        <v>38</v>
      </c>
      <c r="AO29386">
        <v>38</v>
      </c>
      <c r="AP29386">
        <v>38</v>
      </c>
      <c r="AQ29386">
        <v>38</v>
      </c>
    </row>
    <row r="29387" spans="1:43">
      <c r="A29387" t="s">
        <v>18203</v>
      </c>
      <c r="B29387" t="s">
        <v>18204</v>
      </c>
      <c r="C29387" t="s">
        <v>18205</v>
      </c>
      <c r="D29387" t="s">
        <v>18206</v>
      </c>
      <c r="E29387" t="s">
        <v>18191</v>
      </c>
      <c r="F29387" t="s">
        <v>18192</v>
      </c>
      <c r="G29387" t="s">
        <v>10734</v>
      </c>
      <c r="H29387" t="s">
        <v>10735</v>
      </c>
      <c r="I29387" s="2">
        <v>0</v>
      </c>
      <c r="J29387" s="2">
        <v>0</v>
      </c>
      <c r="K29387" s="2">
        <v>1</v>
      </c>
      <c r="L29387" t="s">
        <v>995</v>
      </c>
      <c r="M29387" t="s">
        <v>87</v>
      </c>
      <c r="N29387" t="s">
        <v>88</v>
      </c>
      <c r="O29387" t="s">
        <v>85</v>
      </c>
      <c r="P29387" t="s">
        <v>86</v>
      </c>
      <c r="Q29387">
        <v>29</v>
      </c>
      <c r="R29387">
        <v>29</v>
      </c>
      <c r="S29387">
        <v>29</v>
      </c>
      <c r="T29387">
        <v>29</v>
      </c>
      <c r="U29387">
        <v>29</v>
      </c>
      <c r="V29387">
        <v>29</v>
      </c>
      <c r="W29387">
        <v>29</v>
      </c>
      <c r="X29387">
        <v>30</v>
      </c>
      <c r="Y29387">
        <v>30</v>
      </c>
      <c r="Z29387">
        <v>30</v>
      </c>
      <c r="AA29387">
        <v>30</v>
      </c>
      <c r="AB29387">
        <v>30</v>
      </c>
      <c r="AC29387">
        <v>30</v>
      </c>
      <c r="AD29387">
        <v>31</v>
      </c>
      <c r="AE29387">
        <v>31</v>
      </c>
      <c r="AF29387">
        <v>31</v>
      </c>
      <c r="AG29387">
        <v>31</v>
      </c>
      <c r="AH29387">
        <v>31</v>
      </c>
      <c r="AI29387">
        <v>32</v>
      </c>
      <c r="AJ29387">
        <v>32</v>
      </c>
      <c r="AK29387">
        <v>32</v>
      </c>
      <c r="AL29387">
        <v>32</v>
      </c>
      <c r="AM29387">
        <v>32</v>
      </c>
      <c r="AN29387">
        <v>33</v>
      </c>
      <c r="AO29387">
        <v>33</v>
      </c>
      <c r="AP29387">
        <v>33</v>
      </c>
      <c r="AQ29387">
        <v>33</v>
      </c>
    </row>
    <row r="29388" spans="1:43">
      <c r="A29388" t="s">
        <v>18203</v>
      </c>
      <c r="B29388" t="s">
        <v>18204</v>
      </c>
      <c r="C29388" t="s">
        <v>18205</v>
      </c>
      <c r="D29388" t="s">
        <v>18206</v>
      </c>
      <c r="E29388" t="s">
        <v>18191</v>
      </c>
      <c r="F29388" t="s">
        <v>18192</v>
      </c>
      <c r="G29388" t="s">
        <v>10734</v>
      </c>
      <c r="H29388" t="s">
        <v>10735</v>
      </c>
      <c r="I29388" s="2">
        <v>0</v>
      </c>
      <c r="J29388" s="2">
        <v>0</v>
      </c>
      <c r="K29388" s="2">
        <v>1</v>
      </c>
      <c r="L29388" t="s">
        <v>995</v>
      </c>
      <c r="M29388" t="s">
        <v>89</v>
      </c>
      <c r="N29388" t="s">
        <v>90</v>
      </c>
      <c r="O29388" t="s">
        <v>85</v>
      </c>
      <c r="P29388" t="s">
        <v>86</v>
      </c>
      <c r="Q29388">
        <v>29</v>
      </c>
      <c r="R29388">
        <v>30</v>
      </c>
      <c r="S29388">
        <v>30</v>
      </c>
      <c r="T29388">
        <v>31</v>
      </c>
      <c r="U29388">
        <v>32</v>
      </c>
      <c r="V29388">
        <v>32</v>
      </c>
      <c r="W29388">
        <v>33</v>
      </c>
      <c r="X29388">
        <v>34</v>
      </c>
      <c r="Y29388">
        <v>34</v>
      </c>
      <c r="Z29388">
        <v>35</v>
      </c>
      <c r="AA29388">
        <v>35</v>
      </c>
      <c r="AB29388">
        <v>35</v>
      </c>
      <c r="AC29388">
        <v>36</v>
      </c>
      <c r="AD29388">
        <v>37</v>
      </c>
      <c r="AE29388">
        <v>37</v>
      </c>
      <c r="AF29388">
        <v>37</v>
      </c>
      <c r="AG29388">
        <v>37</v>
      </c>
      <c r="AH29388">
        <v>37</v>
      </c>
      <c r="AI29388">
        <v>37</v>
      </c>
      <c r="AJ29388">
        <v>37</v>
      </c>
      <c r="AK29388">
        <v>38</v>
      </c>
      <c r="AL29388">
        <v>38</v>
      </c>
      <c r="AM29388">
        <v>38</v>
      </c>
      <c r="AN29388">
        <v>38</v>
      </c>
      <c r="AO29388">
        <v>38</v>
      </c>
      <c r="AP29388">
        <v>38</v>
      </c>
      <c r="AQ29388">
        <v>38</v>
      </c>
    </row>
    <row r="29389" spans="1:43">
      <c r="A29389" t="s">
        <v>18203</v>
      </c>
      <c r="B29389" t="s">
        <v>18204</v>
      </c>
      <c r="C29389" t="s">
        <v>18205</v>
      </c>
      <c r="D29389" t="s">
        <v>18206</v>
      </c>
      <c r="E29389" t="s">
        <v>18191</v>
      </c>
      <c r="F29389" t="s">
        <v>18192</v>
      </c>
      <c r="G29389" t="s">
        <v>10734</v>
      </c>
      <c r="H29389" t="s">
        <v>10735</v>
      </c>
      <c r="I29389" s="2">
        <v>0</v>
      </c>
      <c r="J29389" s="2">
        <v>0</v>
      </c>
      <c r="K29389" s="2">
        <v>1</v>
      </c>
      <c r="L29389" t="s">
        <v>995</v>
      </c>
      <c r="M29389" t="s">
        <v>83</v>
      </c>
      <c r="N29389" t="s">
        <v>91</v>
      </c>
      <c r="O29389" t="s">
        <v>85</v>
      </c>
      <c r="P29389" t="s">
        <v>86</v>
      </c>
      <c r="Q29389">
        <v>29</v>
      </c>
      <c r="R29389">
        <v>29</v>
      </c>
      <c r="S29389">
        <v>30</v>
      </c>
      <c r="T29389">
        <v>30</v>
      </c>
      <c r="U29389">
        <v>31</v>
      </c>
      <c r="V29389">
        <v>31</v>
      </c>
      <c r="W29389">
        <v>31</v>
      </c>
      <c r="X29389">
        <v>32</v>
      </c>
      <c r="Y29389">
        <v>32</v>
      </c>
      <c r="Z29389">
        <v>33</v>
      </c>
      <c r="AA29389">
        <v>33</v>
      </c>
      <c r="AB29389">
        <v>33</v>
      </c>
      <c r="AC29389">
        <v>34</v>
      </c>
      <c r="AD29389">
        <v>34</v>
      </c>
      <c r="AE29389">
        <v>35</v>
      </c>
      <c r="AF29389">
        <v>35</v>
      </c>
      <c r="AG29389">
        <v>35</v>
      </c>
      <c r="AH29389">
        <v>36</v>
      </c>
      <c r="AI29389">
        <v>36</v>
      </c>
      <c r="AJ29389">
        <v>37</v>
      </c>
      <c r="AK29389">
        <v>37</v>
      </c>
      <c r="AL29389">
        <v>37</v>
      </c>
      <c r="AM29389">
        <v>37</v>
      </c>
      <c r="AN29389">
        <v>38</v>
      </c>
      <c r="AO29389">
        <v>38</v>
      </c>
      <c r="AP29389">
        <v>38</v>
      </c>
      <c r="AQ29389">
        <v>38</v>
      </c>
    </row>
    <row r="29390" spans="1:43">
      <c r="A29390" t="s">
        <v>18207</v>
      </c>
      <c r="B29390" t="s">
        <v>18208</v>
      </c>
      <c r="C29390" t="s">
        <v>18199</v>
      </c>
      <c r="D29390" t="s">
        <v>18200</v>
      </c>
      <c r="E29390" t="s">
        <v>18191</v>
      </c>
      <c r="F29390" t="s">
        <v>18192</v>
      </c>
      <c r="G29390" t="s">
        <v>10734</v>
      </c>
      <c r="H29390" t="s">
        <v>10735</v>
      </c>
      <c r="I29390" s="2">
        <v>0</v>
      </c>
      <c r="J29390" s="2">
        <v>0</v>
      </c>
      <c r="K29390" s="2">
        <v>1</v>
      </c>
      <c r="L29390" t="s">
        <v>995</v>
      </c>
      <c r="M29390" t="s">
        <v>83</v>
      </c>
      <c r="N29390" t="s">
        <v>84</v>
      </c>
      <c r="O29390" t="s">
        <v>85</v>
      </c>
      <c r="P29390" t="s">
        <v>86</v>
      </c>
      <c r="Q29390">
        <v>6</v>
      </c>
      <c r="R29390">
        <v>6</v>
      </c>
      <c r="S29390">
        <v>6</v>
      </c>
      <c r="T29390">
        <v>6</v>
      </c>
      <c r="U29390">
        <v>6</v>
      </c>
      <c r="V29390">
        <v>6</v>
      </c>
      <c r="W29390">
        <v>6</v>
      </c>
      <c r="X29390">
        <v>6</v>
      </c>
      <c r="Y29390">
        <v>6</v>
      </c>
      <c r="Z29390">
        <v>6</v>
      </c>
      <c r="AA29390">
        <v>6</v>
      </c>
      <c r="AB29390">
        <v>7</v>
      </c>
      <c r="AC29390">
        <v>7</v>
      </c>
      <c r="AD29390">
        <v>7</v>
      </c>
      <c r="AE29390">
        <v>7</v>
      </c>
      <c r="AF29390">
        <v>7</v>
      </c>
      <c r="AG29390">
        <v>7</v>
      </c>
      <c r="AH29390">
        <v>7</v>
      </c>
      <c r="AI29390">
        <v>7</v>
      </c>
      <c r="AJ29390">
        <v>7</v>
      </c>
      <c r="AK29390">
        <v>7</v>
      </c>
      <c r="AL29390">
        <v>7</v>
      </c>
      <c r="AM29390">
        <v>7</v>
      </c>
      <c r="AN29390">
        <v>7</v>
      </c>
      <c r="AO29390">
        <v>7</v>
      </c>
      <c r="AP29390">
        <v>7</v>
      </c>
      <c r="AQ29390">
        <v>7</v>
      </c>
    </row>
    <row r="29391" spans="1:43">
      <c r="A29391" t="s">
        <v>18207</v>
      </c>
      <c r="B29391" t="s">
        <v>18208</v>
      </c>
      <c r="C29391" t="s">
        <v>18199</v>
      </c>
      <c r="D29391" t="s">
        <v>18200</v>
      </c>
      <c r="E29391" t="s">
        <v>18191</v>
      </c>
      <c r="F29391" t="s">
        <v>18192</v>
      </c>
      <c r="G29391" t="s">
        <v>10734</v>
      </c>
      <c r="H29391" t="s">
        <v>10735</v>
      </c>
      <c r="I29391" s="2">
        <v>0</v>
      </c>
      <c r="J29391" s="2">
        <v>0</v>
      </c>
      <c r="K29391" s="2">
        <v>1</v>
      </c>
      <c r="L29391" t="s">
        <v>995</v>
      </c>
      <c r="M29391" t="s">
        <v>87</v>
      </c>
      <c r="N29391" t="s">
        <v>88</v>
      </c>
      <c r="O29391" t="s">
        <v>85</v>
      </c>
      <c r="P29391" t="s">
        <v>86</v>
      </c>
      <c r="Q29391">
        <v>6</v>
      </c>
      <c r="R29391">
        <v>6</v>
      </c>
      <c r="S29391">
        <v>6</v>
      </c>
      <c r="T29391">
        <v>6</v>
      </c>
      <c r="U29391">
        <v>6</v>
      </c>
      <c r="V29391">
        <v>6</v>
      </c>
      <c r="W29391">
        <v>6</v>
      </c>
      <c r="X29391">
        <v>6</v>
      </c>
      <c r="Y29391">
        <v>6</v>
      </c>
      <c r="Z29391">
        <v>6</v>
      </c>
      <c r="AA29391">
        <v>6</v>
      </c>
      <c r="AB29391">
        <v>6</v>
      </c>
      <c r="AC29391">
        <v>6</v>
      </c>
      <c r="AD29391">
        <v>6</v>
      </c>
      <c r="AE29391">
        <v>6</v>
      </c>
      <c r="AF29391">
        <v>6</v>
      </c>
      <c r="AG29391">
        <v>6</v>
      </c>
      <c r="AH29391">
        <v>6</v>
      </c>
      <c r="AI29391">
        <v>6</v>
      </c>
      <c r="AJ29391">
        <v>6</v>
      </c>
      <c r="AK29391">
        <v>6</v>
      </c>
      <c r="AL29391">
        <v>6</v>
      </c>
      <c r="AM29391">
        <v>6</v>
      </c>
      <c r="AN29391">
        <v>6</v>
      </c>
      <c r="AO29391">
        <v>6</v>
      </c>
      <c r="AP29391">
        <v>6</v>
      </c>
      <c r="AQ29391">
        <v>7</v>
      </c>
    </row>
    <row r="29392" spans="1:43">
      <c r="A29392" t="s">
        <v>18207</v>
      </c>
      <c r="B29392" t="s">
        <v>18208</v>
      </c>
      <c r="C29392" t="s">
        <v>18199</v>
      </c>
      <c r="D29392" t="s">
        <v>18200</v>
      </c>
      <c r="E29392" t="s">
        <v>18191</v>
      </c>
      <c r="F29392" t="s">
        <v>18192</v>
      </c>
      <c r="G29392" t="s">
        <v>10734</v>
      </c>
      <c r="H29392" t="s">
        <v>10735</v>
      </c>
      <c r="I29392" s="2">
        <v>0</v>
      </c>
      <c r="J29392" s="2">
        <v>0</v>
      </c>
      <c r="K29392" s="2">
        <v>1</v>
      </c>
      <c r="L29392" t="s">
        <v>995</v>
      </c>
      <c r="M29392" t="s">
        <v>89</v>
      </c>
      <c r="N29392" t="s">
        <v>90</v>
      </c>
      <c r="O29392" t="s">
        <v>85</v>
      </c>
      <c r="P29392" t="s">
        <v>86</v>
      </c>
      <c r="Q29392">
        <v>6</v>
      </c>
      <c r="R29392">
        <v>6</v>
      </c>
      <c r="S29392">
        <v>6</v>
      </c>
      <c r="T29392">
        <v>6</v>
      </c>
      <c r="U29392">
        <v>6</v>
      </c>
      <c r="V29392">
        <v>6</v>
      </c>
      <c r="W29392">
        <v>6</v>
      </c>
      <c r="X29392">
        <v>7</v>
      </c>
      <c r="Y29392">
        <v>7</v>
      </c>
      <c r="Z29392">
        <v>7</v>
      </c>
      <c r="AA29392">
        <v>7</v>
      </c>
      <c r="AB29392">
        <v>7</v>
      </c>
      <c r="AC29392">
        <v>7</v>
      </c>
      <c r="AD29392">
        <v>7</v>
      </c>
      <c r="AE29392">
        <v>7</v>
      </c>
      <c r="AF29392">
        <v>7</v>
      </c>
      <c r="AG29392">
        <v>7</v>
      </c>
      <c r="AH29392">
        <v>7</v>
      </c>
      <c r="AI29392">
        <v>7</v>
      </c>
      <c r="AJ29392">
        <v>7</v>
      </c>
      <c r="AK29392">
        <v>7</v>
      </c>
      <c r="AL29392">
        <v>7</v>
      </c>
      <c r="AM29392">
        <v>7</v>
      </c>
      <c r="AN29392">
        <v>7</v>
      </c>
      <c r="AO29392">
        <v>7</v>
      </c>
      <c r="AP29392">
        <v>7</v>
      </c>
      <c r="AQ29392">
        <v>8</v>
      </c>
    </row>
    <row r="29393" spans="1:43">
      <c r="A29393" t="s">
        <v>18207</v>
      </c>
      <c r="B29393" t="s">
        <v>18208</v>
      </c>
      <c r="C29393" t="s">
        <v>18199</v>
      </c>
      <c r="D29393" t="s">
        <v>18200</v>
      </c>
      <c r="E29393" t="s">
        <v>18191</v>
      </c>
      <c r="F29393" t="s">
        <v>18192</v>
      </c>
      <c r="G29393" t="s">
        <v>10734</v>
      </c>
      <c r="H29393" t="s">
        <v>10735</v>
      </c>
      <c r="I29393" s="2">
        <v>0</v>
      </c>
      <c r="J29393" s="2">
        <v>0</v>
      </c>
      <c r="K29393" s="2">
        <v>1</v>
      </c>
      <c r="L29393" t="s">
        <v>995</v>
      </c>
      <c r="M29393" t="s">
        <v>83</v>
      </c>
      <c r="N29393" t="s">
        <v>91</v>
      </c>
      <c r="O29393" t="s">
        <v>85</v>
      </c>
      <c r="P29393" t="s">
        <v>86</v>
      </c>
      <c r="Q29393">
        <v>6</v>
      </c>
      <c r="R29393">
        <v>6</v>
      </c>
      <c r="S29393">
        <v>6</v>
      </c>
      <c r="T29393">
        <v>6</v>
      </c>
      <c r="U29393">
        <v>6</v>
      </c>
      <c r="V29393">
        <v>6</v>
      </c>
      <c r="W29393">
        <v>6</v>
      </c>
      <c r="X29393">
        <v>6</v>
      </c>
      <c r="Y29393">
        <v>6</v>
      </c>
      <c r="Z29393">
        <v>6</v>
      </c>
      <c r="AA29393">
        <v>6</v>
      </c>
      <c r="AB29393">
        <v>7</v>
      </c>
      <c r="AC29393">
        <v>7</v>
      </c>
      <c r="AD29393">
        <v>7</v>
      </c>
      <c r="AE29393">
        <v>7</v>
      </c>
      <c r="AF29393">
        <v>7</v>
      </c>
      <c r="AG29393">
        <v>7</v>
      </c>
      <c r="AH29393">
        <v>7</v>
      </c>
      <c r="AI29393">
        <v>7</v>
      </c>
      <c r="AJ29393">
        <v>7</v>
      </c>
      <c r="AK29393">
        <v>7</v>
      </c>
      <c r="AL29393">
        <v>7</v>
      </c>
      <c r="AM29393">
        <v>7</v>
      </c>
      <c r="AN29393">
        <v>7</v>
      </c>
      <c r="AO29393">
        <v>7</v>
      </c>
      <c r="AP29393">
        <v>7</v>
      </c>
      <c r="AQ29393">
        <v>7</v>
      </c>
    </row>
    <row r="29394" spans="1:43">
      <c r="A29394" t="s">
        <v>18209</v>
      </c>
      <c r="B29394" t="s">
        <v>18210</v>
      </c>
      <c r="C29394" t="s">
        <v>18211</v>
      </c>
      <c r="D29394" t="s">
        <v>18212</v>
      </c>
      <c r="E29394" t="s">
        <v>18191</v>
      </c>
      <c r="F29394" t="s">
        <v>18192</v>
      </c>
      <c r="G29394" t="s">
        <v>10734</v>
      </c>
      <c r="H29394" t="s">
        <v>10735</v>
      </c>
      <c r="I29394" s="2">
        <v>0</v>
      </c>
      <c r="J29394" s="2">
        <v>0</v>
      </c>
      <c r="K29394" s="2">
        <v>1</v>
      </c>
      <c r="L29394" t="s">
        <v>995</v>
      </c>
      <c r="M29394" t="s">
        <v>83</v>
      </c>
      <c r="N29394" t="s">
        <v>84</v>
      </c>
      <c r="O29394" t="s">
        <v>85</v>
      </c>
      <c r="P29394" t="s">
        <v>86</v>
      </c>
      <c r="Q29394">
        <v>39</v>
      </c>
      <c r="R29394">
        <v>40</v>
      </c>
      <c r="S29394">
        <v>40</v>
      </c>
      <c r="T29394">
        <v>40</v>
      </c>
      <c r="U29394">
        <v>41</v>
      </c>
      <c r="V29394">
        <v>41</v>
      </c>
      <c r="W29394">
        <v>42</v>
      </c>
      <c r="X29394">
        <v>42</v>
      </c>
      <c r="Y29394">
        <v>42</v>
      </c>
      <c r="Z29394">
        <v>43</v>
      </c>
      <c r="AA29394">
        <v>43</v>
      </c>
      <c r="AB29394">
        <v>43</v>
      </c>
      <c r="AC29394">
        <v>44</v>
      </c>
      <c r="AD29394">
        <v>44</v>
      </c>
      <c r="AE29394">
        <v>45</v>
      </c>
      <c r="AF29394">
        <v>45</v>
      </c>
      <c r="AG29394">
        <v>45</v>
      </c>
      <c r="AH29394">
        <v>46</v>
      </c>
      <c r="AI29394">
        <v>46</v>
      </c>
      <c r="AJ29394">
        <v>46</v>
      </c>
      <c r="AK29394">
        <v>47</v>
      </c>
      <c r="AL29394">
        <v>47</v>
      </c>
      <c r="AM29394">
        <v>47</v>
      </c>
      <c r="AN29394">
        <v>47</v>
      </c>
      <c r="AO29394">
        <v>47</v>
      </c>
      <c r="AP29394">
        <v>47</v>
      </c>
      <c r="AQ29394">
        <v>47</v>
      </c>
    </row>
    <row r="29395" spans="1:43">
      <c r="A29395" t="s">
        <v>18209</v>
      </c>
      <c r="B29395" t="s">
        <v>18210</v>
      </c>
      <c r="C29395" t="s">
        <v>18211</v>
      </c>
      <c r="D29395" t="s">
        <v>18212</v>
      </c>
      <c r="E29395" t="s">
        <v>18191</v>
      </c>
      <c r="F29395" t="s">
        <v>18192</v>
      </c>
      <c r="G29395" t="s">
        <v>10734</v>
      </c>
      <c r="H29395" t="s">
        <v>10735</v>
      </c>
      <c r="I29395" s="2">
        <v>0</v>
      </c>
      <c r="J29395" s="2">
        <v>0</v>
      </c>
      <c r="K29395" s="2">
        <v>1</v>
      </c>
      <c r="L29395" t="s">
        <v>995</v>
      </c>
      <c r="M29395" t="s">
        <v>87</v>
      </c>
      <c r="N29395" t="s">
        <v>88</v>
      </c>
      <c r="O29395" t="s">
        <v>85</v>
      </c>
      <c r="P29395" t="s">
        <v>86</v>
      </c>
      <c r="Q29395">
        <v>39</v>
      </c>
      <c r="R29395">
        <v>39</v>
      </c>
      <c r="S29395">
        <v>39</v>
      </c>
      <c r="T29395">
        <v>39</v>
      </c>
      <c r="U29395">
        <v>39</v>
      </c>
      <c r="V29395">
        <v>39</v>
      </c>
      <c r="W29395">
        <v>39</v>
      </c>
      <c r="X29395">
        <v>39</v>
      </c>
      <c r="Y29395">
        <v>39</v>
      </c>
      <c r="Z29395">
        <v>39</v>
      </c>
      <c r="AA29395">
        <v>39</v>
      </c>
      <c r="AB29395">
        <v>39</v>
      </c>
      <c r="AC29395">
        <v>39</v>
      </c>
      <c r="AD29395">
        <v>39</v>
      </c>
      <c r="AE29395">
        <v>39</v>
      </c>
      <c r="AF29395">
        <v>39</v>
      </c>
      <c r="AG29395">
        <v>39</v>
      </c>
      <c r="AH29395">
        <v>40</v>
      </c>
      <c r="AI29395">
        <v>40</v>
      </c>
      <c r="AJ29395">
        <v>40</v>
      </c>
      <c r="AK29395">
        <v>40</v>
      </c>
      <c r="AL29395">
        <v>40</v>
      </c>
      <c r="AM29395">
        <v>40</v>
      </c>
      <c r="AN29395">
        <v>40</v>
      </c>
      <c r="AO29395">
        <v>40</v>
      </c>
      <c r="AP29395">
        <v>40</v>
      </c>
      <c r="AQ29395">
        <v>40</v>
      </c>
    </row>
    <row r="29396" spans="1:43">
      <c r="A29396" t="s">
        <v>18209</v>
      </c>
      <c r="B29396" t="s">
        <v>18210</v>
      </c>
      <c r="C29396" t="s">
        <v>18211</v>
      </c>
      <c r="D29396" t="s">
        <v>18212</v>
      </c>
      <c r="E29396" t="s">
        <v>18191</v>
      </c>
      <c r="F29396" t="s">
        <v>18192</v>
      </c>
      <c r="G29396" t="s">
        <v>10734</v>
      </c>
      <c r="H29396" t="s">
        <v>10735</v>
      </c>
      <c r="I29396" s="2">
        <v>0</v>
      </c>
      <c r="J29396" s="2">
        <v>0</v>
      </c>
      <c r="K29396" s="2">
        <v>1</v>
      </c>
      <c r="L29396" t="s">
        <v>995</v>
      </c>
      <c r="M29396" t="s">
        <v>89</v>
      </c>
      <c r="N29396" t="s">
        <v>90</v>
      </c>
      <c r="O29396" t="s">
        <v>85</v>
      </c>
      <c r="P29396" t="s">
        <v>86</v>
      </c>
      <c r="Q29396">
        <v>39</v>
      </c>
      <c r="R29396">
        <v>40</v>
      </c>
      <c r="S29396">
        <v>41</v>
      </c>
      <c r="T29396">
        <v>42</v>
      </c>
      <c r="U29396">
        <v>42</v>
      </c>
      <c r="V29396">
        <v>43</v>
      </c>
      <c r="W29396">
        <v>44</v>
      </c>
      <c r="X29396">
        <v>44</v>
      </c>
      <c r="Y29396">
        <v>45</v>
      </c>
      <c r="Z29396">
        <v>45</v>
      </c>
      <c r="AA29396">
        <v>46</v>
      </c>
      <c r="AB29396">
        <v>46</v>
      </c>
      <c r="AC29396">
        <v>47</v>
      </c>
      <c r="AD29396">
        <v>48</v>
      </c>
      <c r="AE29396">
        <v>48</v>
      </c>
      <c r="AF29396">
        <v>48</v>
      </c>
      <c r="AG29396">
        <v>48</v>
      </c>
      <c r="AH29396">
        <v>48</v>
      </c>
      <c r="AI29396">
        <v>48</v>
      </c>
      <c r="AJ29396">
        <v>48</v>
      </c>
      <c r="AK29396">
        <v>47</v>
      </c>
      <c r="AL29396">
        <v>47</v>
      </c>
      <c r="AM29396">
        <v>47</v>
      </c>
      <c r="AN29396">
        <v>47</v>
      </c>
      <c r="AO29396">
        <v>47</v>
      </c>
      <c r="AP29396">
        <v>47</v>
      </c>
      <c r="AQ29396">
        <v>47</v>
      </c>
    </row>
    <row r="29397" spans="1:43">
      <c r="A29397" t="s">
        <v>18209</v>
      </c>
      <c r="B29397" t="s">
        <v>18210</v>
      </c>
      <c r="C29397" t="s">
        <v>18211</v>
      </c>
      <c r="D29397" t="s">
        <v>18212</v>
      </c>
      <c r="E29397" t="s">
        <v>18191</v>
      </c>
      <c r="F29397" t="s">
        <v>18192</v>
      </c>
      <c r="G29397" t="s">
        <v>10734</v>
      </c>
      <c r="H29397" t="s">
        <v>10735</v>
      </c>
      <c r="I29397" s="2">
        <v>0</v>
      </c>
      <c r="J29397" s="2">
        <v>0</v>
      </c>
      <c r="K29397" s="2">
        <v>1</v>
      </c>
      <c r="L29397" t="s">
        <v>995</v>
      </c>
      <c r="M29397" t="s">
        <v>83</v>
      </c>
      <c r="N29397" t="s">
        <v>91</v>
      </c>
      <c r="O29397" t="s">
        <v>85</v>
      </c>
      <c r="P29397" t="s">
        <v>86</v>
      </c>
      <c r="Q29397">
        <v>39</v>
      </c>
      <c r="R29397">
        <v>40</v>
      </c>
      <c r="S29397">
        <v>40</v>
      </c>
      <c r="T29397">
        <v>40</v>
      </c>
      <c r="U29397">
        <v>41</v>
      </c>
      <c r="V29397">
        <v>41</v>
      </c>
      <c r="W29397">
        <v>42</v>
      </c>
      <c r="X29397">
        <v>42</v>
      </c>
      <c r="Y29397">
        <v>42</v>
      </c>
      <c r="Z29397">
        <v>43</v>
      </c>
      <c r="AA29397">
        <v>43</v>
      </c>
      <c r="AB29397">
        <v>43</v>
      </c>
      <c r="AC29397">
        <v>44</v>
      </c>
      <c r="AD29397">
        <v>44</v>
      </c>
      <c r="AE29397">
        <v>45</v>
      </c>
      <c r="AF29397">
        <v>45</v>
      </c>
      <c r="AG29397">
        <v>45</v>
      </c>
      <c r="AH29397">
        <v>46</v>
      </c>
      <c r="AI29397">
        <v>46</v>
      </c>
      <c r="AJ29397">
        <v>46</v>
      </c>
      <c r="AK29397">
        <v>47</v>
      </c>
      <c r="AL29397">
        <v>47</v>
      </c>
      <c r="AM29397">
        <v>47</v>
      </c>
      <c r="AN29397">
        <v>47</v>
      </c>
      <c r="AO29397">
        <v>47</v>
      </c>
      <c r="AP29397">
        <v>47</v>
      </c>
      <c r="AQ29397">
        <v>47</v>
      </c>
    </row>
    <row r="29398" spans="1:43">
      <c r="A29398" t="s">
        <v>18213</v>
      </c>
      <c r="B29398" t="s">
        <v>18214</v>
      </c>
      <c r="C29398" t="s">
        <v>18211</v>
      </c>
      <c r="D29398" t="s">
        <v>18212</v>
      </c>
      <c r="E29398" t="s">
        <v>18191</v>
      </c>
      <c r="F29398" t="s">
        <v>18192</v>
      </c>
      <c r="G29398" t="s">
        <v>10734</v>
      </c>
      <c r="H29398" t="s">
        <v>10735</v>
      </c>
      <c r="I29398" s="2">
        <v>0</v>
      </c>
      <c r="J29398" s="2">
        <v>0</v>
      </c>
      <c r="K29398" s="2">
        <v>1</v>
      </c>
      <c r="L29398" t="s">
        <v>995</v>
      </c>
      <c r="M29398" t="s">
        <v>83</v>
      </c>
      <c r="N29398" t="s">
        <v>84</v>
      </c>
      <c r="O29398" t="s">
        <v>85</v>
      </c>
      <c r="P29398" t="s">
        <v>86</v>
      </c>
      <c r="Q29398">
        <v>20</v>
      </c>
      <c r="R29398">
        <v>20</v>
      </c>
      <c r="S29398">
        <v>20</v>
      </c>
      <c r="T29398">
        <v>21</v>
      </c>
      <c r="U29398">
        <v>21</v>
      </c>
      <c r="V29398">
        <v>21</v>
      </c>
      <c r="W29398">
        <v>21</v>
      </c>
      <c r="X29398">
        <v>21</v>
      </c>
      <c r="Y29398">
        <v>22</v>
      </c>
      <c r="Z29398">
        <v>22</v>
      </c>
      <c r="AA29398">
        <v>22</v>
      </c>
      <c r="AB29398">
        <v>22</v>
      </c>
      <c r="AC29398">
        <v>23</v>
      </c>
      <c r="AD29398">
        <v>23</v>
      </c>
      <c r="AE29398">
        <v>23</v>
      </c>
      <c r="AF29398">
        <v>23</v>
      </c>
      <c r="AG29398">
        <v>24</v>
      </c>
      <c r="AH29398">
        <v>24</v>
      </c>
      <c r="AI29398">
        <v>24</v>
      </c>
      <c r="AJ29398">
        <v>24</v>
      </c>
      <c r="AK29398">
        <v>25</v>
      </c>
      <c r="AL29398">
        <v>25</v>
      </c>
      <c r="AM29398">
        <v>25</v>
      </c>
      <c r="AN29398">
        <v>25</v>
      </c>
      <c r="AO29398">
        <v>25</v>
      </c>
      <c r="AP29398">
        <v>25</v>
      </c>
      <c r="AQ29398">
        <v>25</v>
      </c>
    </row>
    <row r="29399" spans="1:43">
      <c r="A29399" t="s">
        <v>18213</v>
      </c>
      <c r="B29399" t="s">
        <v>18214</v>
      </c>
      <c r="C29399" t="s">
        <v>18211</v>
      </c>
      <c r="D29399" t="s">
        <v>18212</v>
      </c>
      <c r="E29399" t="s">
        <v>18191</v>
      </c>
      <c r="F29399" t="s">
        <v>18192</v>
      </c>
      <c r="G29399" t="s">
        <v>10734</v>
      </c>
      <c r="H29399" t="s">
        <v>10735</v>
      </c>
      <c r="I29399" s="2">
        <v>0</v>
      </c>
      <c r="J29399" s="2">
        <v>0</v>
      </c>
      <c r="K29399" s="2">
        <v>1</v>
      </c>
      <c r="L29399" t="s">
        <v>995</v>
      </c>
      <c r="M29399" t="s">
        <v>87</v>
      </c>
      <c r="N29399" t="s">
        <v>88</v>
      </c>
      <c r="O29399" t="s">
        <v>85</v>
      </c>
      <c r="P29399" t="s">
        <v>86</v>
      </c>
      <c r="Q29399">
        <v>20</v>
      </c>
      <c r="R29399">
        <v>20</v>
      </c>
      <c r="S29399">
        <v>20</v>
      </c>
      <c r="T29399">
        <v>20</v>
      </c>
      <c r="U29399">
        <v>20</v>
      </c>
      <c r="V29399">
        <v>20</v>
      </c>
      <c r="W29399">
        <v>20</v>
      </c>
      <c r="X29399">
        <v>20</v>
      </c>
      <c r="Y29399">
        <v>20</v>
      </c>
      <c r="Z29399">
        <v>20</v>
      </c>
      <c r="AA29399">
        <v>20</v>
      </c>
      <c r="AB29399">
        <v>20</v>
      </c>
      <c r="AC29399">
        <v>20</v>
      </c>
      <c r="AD29399">
        <v>20</v>
      </c>
      <c r="AE29399">
        <v>20</v>
      </c>
      <c r="AF29399">
        <v>20</v>
      </c>
      <c r="AG29399">
        <v>21</v>
      </c>
      <c r="AH29399">
        <v>21</v>
      </c>
      <c r="AI29399">
        <v>21</v>
      </c>
      <c r="AJ29399">
        <v>21</v>
      </c>
      <c r="AK29399">
        <v>21</v>
      </c>
      <c r="AL29399">
        <v>21</v>
      </c>
      <c r="AM29399">
        <v>21</v>
      </c>
      <c r="AN29399">
        <v>21</v>
      </c>
      <c r="AO29399">
        <v>21</v>
      </c>
      <c r="AP29399">
        <v>21</v>
      </c>
      <c r="AQ29399">
        <v>21</v>
      </c>
    </row>
    <row r="29400" spans="1:43">
      <c r="A29400" t="s">
        <v>18213</v>
      </c>
      <c r="B29400" t="s">
        <v>18214</v>
      </c>
      <c r="C29400" t="s">
        <v>18211</v>
      </c>
      <c r="D29400" t="s">
        <v>18212</v>
      </c>
      <c r="E29400" t="s">
        <v>18191</v>
      </c>
      <c r="F29400" t="s">
        <v>18192</v>
      </c>
      <c r="G29400" t="s">
        <v>10734</v>
      </c>
      <c r="H29400" t="s">
        <v>10735</v>
      </c>
      <c r="I29400" s="2">
        <v>0</v>
      </c>
      <c r="J29400" s="2">
        <v>0</v>
      </c>
      <c r="K29400" s="2">
        <v>1</v>
      </c>
      <c r="L29400" t="s">
        <v>995</v>
      </c>
      <c r="M29400" t="s">
        <v>89</v>
      </c>
      <c r="N29400" t="s">
        <v>90</v>
      </c>
      <c r="O29400" t="s">
        <v>85</v>
      </c>
      <c r="P29400" t="s">
        <v>86</v>
      </c>
      <c r="Q29400">
        <v>20</v>
      </c>
      <c r="R29400">
        <v>20</v>
      </c>
      <c r="S29400">
        <v>21</v>
      </c>
      <c r="T29400">
        <v>21</v>
      </c>
      <c r="U29400">
        <v>22</v>
      </c>
      <c r="V29400">
        <v>22</v>
      </c>
      <c r="W29400">
        <v>22</v>
      </c>
      <c r="X29400">
        <v>23</v>
      </c>
      <c r="Y29400">
        <v>23</v>
      </c>
      <c r="Z29400">
        <v>23</v>
      </c>
      <c r="AA29400">
        <v>24</v>
      </c>
      <c r="AB29400">
        <v>24</v>
      </c>
      <c r="AC29400">
        <v>24</v>
      </c>
      <c r="AD29400">
        <v>25</v>
      </c>
      <c r="AE29400">
        <v>25</v>
      </c>
      <c r="AF29400">
        <v>25</v>
      </c>
      <c r="AG29400">
        <v>25</v>
      </c>
      <c r="AH29400">
        <v>25</v>
      </c>
      <c r="AI29400">
        <v>25</v>
      </c>
      <c r="AJ29400">
        <v>25</v>
      </c>
      <c r="AK29400">
        <v>25</v>
      </c>
      <c r="AL29400">
        <v>25</v>
      </c>
      <c r="AM29400">
        <v>25</v>
      </c>
      <c r="AN29400">
        <v>25</v>
      </c>
      <c r="AO29400">
        <v>25</v>
      </c>
      <c r="AP29400">
        <v>25</v>
      </c>
      <c r="AQ29400">
        <v>25</v>
      </c>
    </row>
    <row r="29401" spans="1:43">
      <c r="A29401" t="s">
        <v>18213</v>
      </c>
      <c r="B29401" t="s">
        <v>18214</v>
      </c>
      <c r="C29401" t="s">
        <v>18211</v>
      </c>
      <c r="D29401" t="s">
        <v>18212</v>
      </c>
      <c r="E29401" t="s">
        <v>18191</v>
      </c>
      <c r="F29401" t="s">
        <v>18192</v>
      </c>
      <c r="G29401" t="s">
        <v>10734</v>
      </c>
      <c r="H29401" t="s">
        <v>10735</v>
      </c>
      <c r="I29401" s="2">
        <v>0</v>
      </c>
      <c r="J29401" s="2">
        <v>0</v>
      </c>
      <c r="K29401" s="2">
        <v>1</v>
      </c>
      <c r="L29401" t="s">
        <v>995</v>
      </c>
      <c r="M29401" t="s">
        <v>83</v>
      </c>
      <c r="N29401" t="s">
        <v>91</v>
      </c>
      <c r="O29401" t="s">
        <v>85</v>
      </c>
      <c r="P29401" t="s">
        <v>86</v>
      </c>
      <c r="Q29401">
        <v>20</v>
      </c>
      <c r="R29401">
        <v>20</v>
      </c>
      <c r="S29401">
        <v>20</v>
      </c>
      <c r="T29401">
        <v>21</v>
      </c>
      <c r="U29401">
        <v>21</v>
      </c>
      <c r="V29401">
        <v>21</v>
      </c>
      <c r="W29401">
        <v>21</v>
      </c>
      <c r="X29401">
        <v>21</v>
      </c>
      <c r="Y29401">
        <v>22</v>
      </c>
      <c r="Z29401">
        <v>22</v>
      </c>
      <c r="AA29401">
        <v>22</v>
      </c>
      <c r="AB29401">
        <v>22</v>
      </c>
      <c r="AC29401">
        <v>23</v>
      </c>
      <c r="AD29401">
        <v>23</v>
      </c>
      <c r="AE29401">
        <v>23</v>
      </c>
      <c r="AF29401">
        <v>23</v>
      </c>
      <c r="AG29401">
        <v>24</v>
      </c>
      <c r="AH29401">
        <v>24</v>
      </c>
      <c r="AI29401">
        <v>24</v>
      </c>
      <c r="AJ29401">
        <v>24</v>
      </c>
      <c r="AK29401">
        <v>25</v>
      </c>
      <c r="AL29401">
        <v>25</v>
      </c>
      <c r="AM29401">
        <v>25</v>
      </c>
      <c r="AN29401">
        <v>25</v>
      </c>
      <c r="AO29401">
        <v>25</v>
      </c>
      <c r="AP29401">
        <v>25</v>
      </c>
      <c r="AQ29401">
        <v>25</v>
      </c>
    </row>
    <row r="29402" spans="1:43">
      <c r="A29402" t="s">
        <v>18215</v>
      </c>
      <c r="B29402" t="s">
        <v>18216</v>
      </c>
      <c r="C29402" t="s">
        <v>18217</v>
      </c>
      <c r="D29402" t="s">
        <v>18218</v>
      </c>
      <c r="E29402" t="s">
        <v>18191</v>
      </c>
      <c r="F29402" t="s">
        <v>18192</v>
      </c>
      <c r="G29402" t="s">
        <v>10734</v>
      </c>
      <c r="H29402" t="s">
        <v>10735</v>
      </c>
      <c r="I29402" s="2">
        <v>0</v>
      </c>
      <c r="J29402" s="2">
        <v>0</v>
      </c>
      <c r="K29402" s="2">
        <v>1</v>
      </c>
      <c r="L29402" t="s">
        <v>995</v>
      </c>
      <c r="M29402" t="s">
        <v>83</v>
      </c>
      <c r="N29402" t="s">
        <v>84</v>
      </c>
      <c r="O29402" t="s">
        <v>85</v>
      </c>
      <c r="P29402" t="s">
        <v>86</v>
      </c>
      <c r="Q29402">
        <v>10</v>
      </c>
      <c r="R29402">
        <v>10</v>
      </c>
      <c r="S29402">
        <v>10</v>
      </c>
      <c r="T29402">
        <v>10</v>
      </c>
      <c r="U29402">
        <v>10</v>
      </c>
      <c r="V29402">
        <v>10</v>
      </c>
      <c r="W29402">
        <v>11</v>
      </c>
      <c r="X29402">
        <v>11</v>
      </c>
      <c r="Y29402">
        <v>11</v>
      </c>
      <c r="Z29402">
        <v>11</v>
      </c>
      <c r="AA29402">
        <v>11</v>
      </c>
      <c r="AB29402">
        <v>11</v>
      </c>
      <c r="AC29402">
        <v>11</v>
      </c>
      <c r="AD29402">
        <v>11</v>
      </c>
      <c r="AE29402">
        <v>11</v>
      </c>
      <c r="AF29402">
        <v>12</v>
      </c>
      <c r="AG29402">
        <v>12</v>
      </c>
      <c r="AH29402">
        <v>12</v>
      </c>
      <c r="AI29402">
        <v>12</v>
      </c>
      <c r="AJ29402">
        <v>12</v>
      </c>
      <c r="AK29402">
        <v>12</v>
      </c>
      <c r="AL29402">
        <v>12</v>
      </c>
      <c r="AM29402">
        <v>12</v>
      </c>
      <c r="AN29402">
        <v>12</v>
      </c>
      <c r="AO29402">
        <v>12</v>
      </c>
      <c r="AP29402">
        <v>12</v>
      </c>
      <c r="AQ29402">
        <v>12</v>
      </c>
    </row>
    <row r="29403" spans="1:43">
      <c r="A29403" t="s">
        <v>18215</v>
      </c>
      <c r="B29403" t="s">
        <v>18216</v>
      </c>
      <c r="C29403" t="s">
        <v>18217</v>
      </c>
      <c r="D29403" t="s">
        <v>18218</v>
      </c>
      <c r="E29403" t="s">
        <v>18191</v>
      </c>
      <c r="F29403" t="s">
        <v>18192</v>
      </c>
      <c r="G29403" t="s">
        <v>10734</v>
      </c>
      <c r="H29403" t="s">
        <v>10735</v>
      </c>
      <c r="I29403" s="2">
        <v>0</v>
      </c>
      <c r="J29403" s="2">
        <v>0</v>
      </c>
      <c r="K29403" s="2">
        <v>1</v>
      </c>
      <c r="L29403" t="s">
        <v>995</v>
      </c>
      <c r="M29403" t="s">
        <v>87</v>
      </c>
      <c r="N29403" t="s">
        <v>88</v>
      </c>
      <c r="O29403" t="s">
        <v>85</v>
      </c>
      <c r="P29403" t="s">
        <v>86</v>
      </c>
      <c r="Q29403">
        <v>10</v>
      </c>
      <c r="R29403">
        <v>10</v>
      </c>
      <c r="S29403">
        <v>10</v>
      </c>
      <c r="T29403">
        <v>10</v>
      </c>
      <c r="U29403">
        <v>10</v>
      </c>
      <c r="V29403">
        <v>10</v>
      </c>
      <c r="W29403">
        <v>10</v>
      </c>
      <c r="X29403">
        <v>10</v>
      </c>
      <c r="Y29403">
        <v>10</v>
      </c>
      <c r="Z29403">
        <v>10</v>
      </c>
      <c r="AA29403">
        <v>10</v>
      </c>
      <c r="AB29403">
        <v>10</v>
      </c>
      <c r="AC29403">
        <v>10</v>
      </c>
      <c r="AD29403">
        <v>10</v>
      </c>
      <c r="AE29403">
        <v>10</v>
      </c>
      <c r="AF29403">
        <v>10</v>
      </c>
      <c r="AG29403">
        <v>10</v>
      </c>
      <c r="AH29403">
        <v>10</v>
      </c>
      <c r="AI29403">
        <v>10</v>
      </c>
      <c r="AJ29403">
        <v>10</v>
      </c>
      <c r="AK29403">
        <v>11</v>
      </c>
      <c r="AL29403">
        <v>11</v>
      </c>
      <c r="AM29403">
        <v>11</v>
      </c>
      <c r="AN29403">
        <v>11</v>
      </c>
      <c r="AO29403">
        <v>11</v>
      </c>
      <c r="AP29403">
        <v>11</v>
      </c>
      <c r="AQ29403">
        <v>11</v>
      </c>
    </row>
    <row r="29404" spans="1:43">
      <c r="A29404" t="s">
        <v>18215</v>
      </c>
      <c r="B29404" t="s">
        <v>18216</v>
      </c>
      <c r="C29404" t="s">
        <v>18217</v>
      </c>
      <c r="D29404" t="s">
        <v>18218</v>
      </c>
      <c r="E29404" t="s">
        <v>18191</v>
      </c>
      <c r="F29404" t="s">
        <v>18192</v>
      </c>
      <c r="G29404" t="s">
        <v>10734</v>
      </c>
      <c r="H29404" t="s">
        <v>10735</v>
      </c>
      <c r="I29404" s="2">
        <v>0</v>
      </c>
      <c r="J29404" s="2">
        <v>0</v>
      </c>
      <c r="K29404" s="2">
        <v>1</v>
      </c>
      <c r="L29404" t="s">
        <v>995</v>
      </c>
      <c r="M29404" t="s">
        <v>89</v>
      </c>
      <c r="N29404" t="s">
        <v>90</v>
      </c>
      <c r="O29404" t="s">
        <v>85</v>
      </c>
      <c r="P29404" t="s">
        <v>86</v>
      </c>
      <c r="Q29404">
        <v>10</v>
      </c>
      <c r="R29404">
        <v>10</v>
      </c>
      <c r="S29404">
        <v>10</v>
      </c>
      <c r="T29404">
        <v>10</v>
      </c>
      <c r="U29404">
        <v>11</v>
      </c>
      <c r="V29404">
        <v>11</v>
      </c>
      <c r="W29404">
        <v>11</v>
      </c>
      <c r="X29404">
        <v>11</v>
      </c>
      <c r="Y29404">
        <v>11</v>
      </c>
      <c r="Z29404">
        <v>12</v>
      </c>
      <c r="AA29404">
        <v>12</v>
      </c>
      <c r="AB29404">
        <v>12</v>
      </c>
      <c r="AC29404">
        <v>12</v>
      </c>
      <c r="AD29404">
        <v>12</v>
      </c>
      <c r="AE29404">
        <v>12</v>
      </c>
      <c r="AF29404">
        <v>12</v>
      </c>
      <c r="AG29404">
        <v>12</v>
      </c>
      <c r="AH29404">
        <v>12</v>
      </c>
      <c r="AI29404">
        <v>12</v>
      </c>
      <c r="AJ29404">
        <v>12</v>
      </c>
      <c r="AK29404">
        <v>12</v>
      </c>
      <c r="AL29404">
        <v>12</v>
      </c>
      <c r="AM29404">
        <v>12</v>
      </c>
      <c r="AN29404">
        <v>12</v>
      </c>
      <c r="AO29404">
        <v>13</v>
      </c>
      <c r="AP29404">
        <v>13</v>
      </c>
      <c r="AQ29404">
        <v>13</v>
      </c>
    </row>
    <row r="29405" spans="1:43">
      <c r="A29405" t="s">
        <v>18215</v>
      </c>
      <c r="B29405" t="s">
        <v>18216</v>
      </c>
      <c r="C29405" t="s">
        <v>18217</v>
      </c>
      <c r="D29405" t="s">
        <v>18218</v>
      </c>
      <c r="E29405" t="s">
        <v>18191</v>
      </c>
      <c r="F29405" t="s">
        <v>18192</v>
      </c>
      <c r="G29405" t="s">
        <v>10734</v>
      </c>
      <c r="H29405" t="s">
        <v>10735</v>
      </c>
      <c r="I29405" s="2">
        <v>0</v>
      </c>
      <c r="J29405" s="2">
        <v>0</v>
      </c>
      <c r="K29405" s="2">
        <v>1</v>
      </c>
      <c r="L29405" t="s">
        <v>995</v>
      </c>
      <c r="M29405" t="s">
        <v>83</v>
      </c>
      <c r="N29405" t="s">
        <v>91</v>
      </c>
      <c r="O29405" t="s">
        <v>85</v>
      </c>
      <c r="P29405" t="s">
        <v>86</v>
      </c>
      <c r="Q29405">
        <v>10</v>
      </c>
      <c r="R29405">
        <v>10</v>
      </c>
      <c r="S29405">
        <v>10</v>
      </c>
      <c r="T29405">
        <v>10</v>
      </c>
      <c r="U29405">
        <v>10</v>
      </c>
      <c r="V29405">
        <v>10</v>
      </c>
      <c r="W29405">
        <v>11</v>
      </c>
      <c r="X29405">
        <v>11</v>
      </c>
      <c r="Y29405">
        <v>11</v>
      </c>
      <c r="Z29405">
        <v>11</v>
      </c>
      <c r="AA29405">
        <v>11</v>
      </c>
      <c r="AB29405">
        <v>11</v>
      </c>
      <c r="AC29405">
        <v>11</v>
      </c>
      <c r="AD29405">
        <v>11</v>
      </c>
      <c r="AE29405">
        <v>11</v>
      </c>
      <c r="AF29405">
        <v>12</v>
      </c>
      <c r="AG29405">
        <v>12</v>
      </c>
      <c r="AH29405">
        <v>12</v>
      </c>
      <c r="AI29405">
        <v>12</v>
      </c>
      <c r="AJ29405">
        <v>12</v>
      </c>
      <c r="AK29405">
        <v>12</v>
      </c>
      <c r="AL29405">
        <v>12</v>
      </c>
      <c r="AM29405">
        <v>12</v>
      </c>
      <c r="AN29405">
        <v>12</v>
      </c>
      <c r="AO29405">
        <v>12</v>
      </c>
      <c r="AP29405">
        <v>12</v>
      </c>
      <c r="AQ29405">
        <v>12</v>
      </c>
    </row>
    <row r="29406" spans="1:43">
      <c r="A29406" t="s">
        <v>18219</v>
      </c>
      <c r="B29406" t="s">
        <v>18220</v>
      </c>
      <c r="C29406" t="s">
        <v>18217</v>
      </c>
      <c r="D29406" t="s">
        <v>18218</v>
      </c>
      <c r="E29406" t="s">
        <v>18191</v>
      </c>
      <c r="F29406" t="s">
        <v>18192</v>
      </c>
      <c r="G29406" t="s">
        <v>10734</v>
      </c>
      <c r="H29406" t="s">
        <v>10735</v>
      </c>
      <c r="I29406" s="2">
        <v>0</v>
      </c>
      <c r="J29406" s="2">
        <v>0</v>
      </c>
      <c r="K29406" s="2">
        <v>1</v>
      </c>
      <c r="L29406" t="s">
        <v>995</v>
      </c>
      <c r="M29406" t="s">
        <v>83</v>
      </c>
      <c r="N29406" t="s">
        <v>84</v>
      </c>
      <c r="O29406" t="s">
        <v>85</v>
      </c>
      <c r="P29406" t="s">
        <v>86</v>
      </c>
      <c r="Q29406">
        <v>19</v>
      </c>
      <c r="R29406">
        <v>19</v>
      </c>
      <c r="S29406">
        <v>20</v>
      </c>
      <c r="T29406">
        <v>20</v>
      </c>
      <c r="U29406">
        <v>20</v>
      </c>
      <c r="V29406">
        <v>20</v>
      </c>
      <c r="W29406">
        <v>21</v>
      </c>
      <c r="X29406">
        <v>21</v>
      </c>
      <c r="Y29406">
        <v>21</v>
      </c>
      <c r="Z29406">
        <v>21</v>
      </c>
      <c r="AA29406">
        <v>22</v>
      </c>
      <c r="AB29406">
        <v>22</v>
      </c>
      <c r="AC29406">
        <v>22</v>
      </c>
      <c r="AD29406">
        <v>22</v>
      </c>
      <c r="AE29406">
        <v>23</v>
      </c>
      <c r="AF29406">
        <v>23</v>
      </c>
      <c r="AG29406">
        <v>23</v>
      </c>
      <c r="AH29406">
        <v>23</v>
      </c>
      <c r="AI29406">
        <v>24</v>
      </c>
      <c r="AJ29406">
        <v>24</v>
      </c>
      <c r="AK29406">
        <v>24</v>
      </c>
      <c r="AL29406">
        <v>24</v>
      </c>
      <c r="AM29406">
        <v>24</v>
      </c>
      <c r="AN29406">
        <v>24</v>
      </c>
      <c r="AO29406">
        <v>24</v>
      </c>
      <c r="AP29406">
        <v>24</v>
      </c>
      <c r="AQ29406">
        <v>25</v>
      </c>
    </row>
    <row r="29407" spans="1:43">
      <c r="A29407" t="s">
        <v>18219</v>
      </c>
      <c r="B29407" t="s">
        <v>18220</v>
      </c>
      <c r="C29407" t="s">
        <v>18217</v>
      </c>
      <c r="D29407" t="s">
        <v>18218</v>
      </c>
      <c r="E29407" t="s">
        <v>18191</v>
      </c>
      <c r="F29407" t="s">
        <v>18192</v>
      </c>
      <c r="G29407" t="s">
        <v>10734</v>
      </c>
      <c r="H29407" t="s">
        <v>10735</v>
      </c>
      <c r="I29407" s="2">
        <v>0</v>
      </c>
      <c r="J29407" s="2">
        <v>0</v>
      </c>
      <c r="K29407" s="2">
        <v>1</v>
      </c>
      <c r="L29407" t="s">
        <v>995</v>
      </c>
      <c r="M29407" t="s">
        <v>87</v>
      </c>
      <c r="N29407" t="s">
        <v>88</v>
      </c>
      <c r="O29407" t="s">
        <v>85</v>
      </c>
      <c r="P29407" t="s">
        <v>86</v>
      </c>
      <c r="Q29407">
        <v>19</v>
      </c>
      <c r="R29407">
        <v>19</v>
      </c>
      <c r="S29407">
        <v>19</v>
      </c>
      <c r="T29407">
        <v>19</v>
      </c>
      <c r="U29407">
        <v>19</v>
      </c>
      <c r="V29407">
        <v>19</v>
      </c>
      <c r="W29407">
        <v>19</v>
      </c>
      <c r="X29407">
        <v>19</v>
      </c>
      <c r="Y29407">
        <v>19</v>
      </c>
      <c r="Z29407">
        <v>20</v>
      </c>
      <c r="AA29407">
        <v>20</v>
      </c>
      <c r="AB29407">
        <v>20</v>
      </c>
      <c r="AC29407">
        <v>20</v>
      </c>
      <c r="AD29407">
        <v>20</v>
      </c>
      <c r="AE29407">
        <v>20</v>
      </c>
      <c r="AF29407">
        <v>20</v>
      </c>
      <c r="AG29407">
        <v>20</v>
      </c>
      <c r="AH29407">
        <v>20</v>
      </c>
      <c r="AI29407">
        <v>20</v>
      </c>
      <c r="AJ29407">
        <v>20</v>
      </c>
      <c r="AK29407">
        <v>21</v>
      </c>
      <c r="AL29407">
        <v>21</v>
      </c>
      <c r="AM29407">
        <v>21</v>
      </c>
      <c r="AN29407">
        <v>21</v>
      </c>
      <c r="AO29407">
        <v>21</v>
      </c>
      <c r="AP29407">
        <v>21</v>
      </c>
      <c r="AQ29407">
        <v>21</v>
      </c>
    </row>
    <row r="29408" spans="1:43">
      <c r="A29408" t="s">
        <v>18219</v>
      </c>
      <c r="B29408" t="s">
        <v>18220</v>
      </c>
      <c r="C29408" t="s">
        <v>18217</v>
      </c>
      <c r="D29408" t="s">
        <v>18218</v>
      </c>
      <c r="E29408" t="s">
        <v>18191</v>
      </c>
      <c r="F29408" t="s">
        <v>18192</v>
      </c>
      <c r="G29408" t="s">
        <v>10734</v>
      </c>
      <c r="H29408" t="s">
        <v>10735</v>
      </c>
      <c r="I29408" s="2">
        <v>0</v>
      </c>
      <c r="J29408" s="2">
        <v>0</v>
      </c>
      <c r="K29408" s="2">
        <v>1</v>
      </c>
      <c r="L29408" t="s">
        <v>995</v>
      </c>
      <c r="M29408" t="s">
        <v>89</v>
      </c>
      <c r="N29408" t="s">
        <v>90</v>
      </c>
      <c r="O29408" t="s">
        <v>85</v>
      </c>
      <c r="P29408" t="s">
        <v>86</v>
      </c>
      <c r="Q29408">
        <v>19</v>
      </c>
      <c r="R29408">
        <v>20</v>
      </c>
      <c r="S29408">
        <v>20</v>
      </c>
      <c r="T29408">
        <v>20</v>
      </c>
      <c r="U29408">
        <v>21</v>
      </c>
      <c r="V29408">
        <v>21</v>
      </c>
      <c r="W29408">
        <v>22</v>
      </c>
      <c r="X29408">
        <v>22</v>
      </c>
      <c r="Y29408">
        <v>22</v>
      </c>
      <c r="Z29408">
        <v>23</v>
      </c>
      <c r="AA29408">
        <v>23</v>
      </c>
      <c r="AB29408">
        <v>23</v>
      </c>
      <c r="AC29408">
        <v>24</v>
      </c>
      <c r="AD29408">
        <v>24</v>
      </c>
      <c r="AE29408">
        <v>24</v>
      </c>
      <c r="AF29408">
        <v>24</v>
      </c>
      <c r="AG29408">
        <v>24</v>
      </c>
      <c r="AH29408">
        <v>24</v>
      </c>
      <c r="AI29408">
        <v>24</v>
      </c>
      <c r="AJ29408">
        <v>24</v>
      </c>
      <c r="AK29408">
        <v>24</v>
      </c>
      <c r="AL29408">
        <v>24</v>
      </c>
      <c r="AM29408">
        <v>25</v>
      </c>
      <c r="AN29408">
        <v>25</v>
      </c>
      <c r="AO29408">
        <v>25</v>
      </c>
      <c r="AP29408">
        <v>25</v>
      </c>
      <c r="AQ29408">
        <v>25</v>
      </c>
    </row>
    <row r="29409" spans="1:43">
      <c r="A29409" t="s">
        <v>18219</v>
      </c>
      <c r="B29409" t="s">
        <v>18220</v>
      </c>
      <c r="C29409" t="s">
        <v>18217</v>
      </c>
      <c r="D29409" t="s">
        <v>18218</v>
      </c>
      <c r="E29409" t="s">
        <v>18191</v>
      </c>
      <c r="F29409" t="s">
        <v>18192</v>
      </c>
      <c r="G29409" t="s">
        <v>10734</v>
      </c>
      <c r="H29409" t="s">
        <v>10735</v>
      </c>
      <c r="I29409" s="2">
        <v>0</v>
      </c>
      <c r="J29409" s="2">
        <v>0</v>
      </c>
      <c r="K29409" s="2">
        <v>1</v>
      </c>
      <c r="L29409" t="s">
        <v>995</v>
      </c>
      <c r="M29409" t="s">
        <v>83</v>
      </c>
      <c r="N29409" t="s">
        <v>91</v>
      </c>
      <c r="O29409" t="s">
        <v>85</v>
      </c>
      <c r="P29409" t="s">
        <v>86</v>
      </c>
      <c r="Q29409">
        <v>19</v>
      </c>
      <c r="R29409">
        <v>19</v>
      </c>
      <c r="S29409">
        <v>20</v>
      </c>
      <c r="T29409">
        <v>20</v>
      </c>
      <c r="U29409">
        <v>20</v>
      </c>
      <c r="V29409">
        <v>20</v>
      </c>
      <c r="W29409">
        <v>21</v>
      </c>
      <c r="X29409">
        <v>21</v>
      </c>
      <c r="Y29409">
        <v>21</v>
      </c>
      <c r="Z29409">
        <v>21</v>
      </c>
      <c r="AA29409">
        <v>22</v>
      </c>
      <c r="AB29409">
        <v>22</v>
      </c>
      <c r="AC29409">
        <v>22</v>
      </c>
      <c r="AD29409">
        <v>22</v>
      </c>
      <c r="AE29409">
        <v>23</v>
      </c>
      <c r="AF29409">
        <v>23</v>
      </c>
      <c r="AG29409">
        <v>23</v>
      </c>
      <c r="AH29409">
        <v>23</v>
      </c>
      <c r="AI29409">
        <v>24</v>
      </c>
      <c r="AJ29409">
        <v>24</v>
      </c>
      <c r="AK29409">
        <v>24</v>
      </c>
      <c r="AL29409">
        <v>24</v>
      </c>
      <c r="AM29409">
        <v>24</v>
      </c>
      <c r="AN29409">
        <v>24</v>
      </c>
      <c r="AO29409">
        <v>24</v>
      </c>
      <c r="AP29409">
        <v>24</v>
      </c>
      <c r="AQ29409">
        <v>25</v>
      </c>
    </row>
    <row r="29410" spans="1:43">
      <c r="A29410" t="s">
        <v>18221</v>
      </c>
      <c r="B29410" t="s">
        <v>18222</v>
      </c>
      <c r="C29410" t="s">
        <v>18223</v>
      </c>
      <c r="D29410" t="s">
        <v>18224</v>
      </c>
      <c r="E29410" t="s">
        <v>18191</v>
      </c>
      <c r="F29410" t="s">
        <v>18192</v>
      </c>
      <c r="G29410" t="s">
        <v>10734</v>
      </c>
      <c r="H29410" t="s">
        <v>10735</v>
      </c>
      <c r="I29410" s="2">
        <v>0</v>
      </c>
      <c r="J29410" s="2">
        <v>0</v>
      </c>
      <c r="K29410" s="2">
        <v>1</v>
      </c>
      <c r="L29410" t="s">
        <v>995</v>
      </c>
      <c r="M29410" t="s">
        <v>83</v>
      </c>
      <c r="N29410" t="s">
        <v>84</v>
      </c>
      <c r="O29410" t="s">
        <v>85</v>
      </c>
      <c r="P29410" t="s">
        <v>86</v>
      </c>
      <c r="Q29410">
        <v>19</v>
      </c>
      <c r="R29410">
        <v>19</v>
      </c>
      <c r="S29410">
        <v>20</v>
      </c>
      <c r="T29410">
        <v>20</v>
      </c>
      <c r="U29410">
        <v>20</v>
      </c>
      <c r="V29410">
        <v>20</v>
      </c>
      <c r="W29410">
        <v>21</v>
      </c>
      <c r="X29410">
        <v>21</v>
      </c>
      <c r="Y29410">
        <v>21</v>
      </c>
      <c r="Z29410">
        <v>21</v>
      </c>
      <c r="AA29410">
        <v>22</v>
      </c>
      <c r="AB29410">
        <v>22</v>
      </c>
      <c r="AC29410">
        <v>22</v>
      </c>
      <c r="AD29410">
        <v>22</v>
      </c>
      <c r="AE29410">
        <v>23</v>
      </c>
      <c r="AF29410">
        <v>23</v>
      </c>
      <c r="AG29410">
        <v>23</v>
      </c>
      <c r="AH29410">
        <v>23</v>
      </c>
      <c r="AI29410">
        <v>24</v>
      </c>
      <c r="AJ29410">
        <v>24</v>
      </c>
      <c r="AK29410">
        <v>24</v>
      </c>
      <c r="AL29410">
        <v>24</v>
      </c>
      <c r="AM29410">
        <v>24</v>
      </c>
      <c r="AN29410">
        <v>24</v>
      </c>
      <c r="AO29410">
        <v>25</v>
      </c>
      <c r="AP29410">
        <v>25</v>
      </c>
      <c r="AQ29410">
        <v>25</v>
      </c>
    </row>
    <row r="29411" spans="1:43">
      <c r="A29411" t="s">
        <v>18221</v>
      </c>
      <c r="B29411" t="s">
        <v>18222</v>
      </c>
      <c r="C29411" t="s">
        <v>18223</v>
      </c>
      <c r="D29411" t="s">
        <v>18224</v>
      </c>
      <c r="E29411" t="s">
        <v>18191</v>
      </c>
      <c r="F29411" t="s">
        <v>18192</v>
      </c>
      <c r="G29411" t="s">
        <v>10734</v>
      </c>
      <c r="H29411" t="s">
        <v>10735</v>
      </c>
      <c r="I29411" s="2">
        <v>0</v>
      </c>
      <c r="J29411" s="2">
        <v>0</v>
      </c>
      <c r="K29411" s="2">
        <v>1</v>
      </c>
      <c r="L29411" t="s">
        <v>995</v>
      </c>
      <c r="M29411" t="s">
        <v>87</v>
      </c>
      <c r="N29411" t="s">
        <v>88</v>
      </c>
      <c r="O29411" t="s">
        <v>85</v>
      </c>
      <c r="P29411" t="s">
        <v>86</v>
      </c>
      <c r="Q29411">
        <v>19</v>
      </c>
      <c r="R29411">
        <v>19</v>
      </c>
      <c r="S29411">
        <v>19</v>
      </c>
      <c r="T29411">
        <v>19</v>
      </c>
      <c r="U29411">
        <v>19</v>
      </c>
      <c r="V29411">
        <v>19</v>
      </c>
      <c r="W29411">
        <v>19</v>
      </c>
      <c r="X29411">
        <v>20</v>
      </c>
      <c r="Y29411">
        <v>20</v>
      </c>
      <c r="Z29411">
        <v>20</v>
      </c>
      <c r="AA29411">
        <v>20</v>
      </c>
      <c r="AB29411">
        <v>20</v>
      </c>
      <c r="AC29411">
        <v>20</v>
      </c>
      <c r="AD29411">
        <v>20</v>
      </c>
      <c r="AE29411">
        <v>20</v>
      </c>
      <c r="AF29411">
        <v>20</v>
      </c>
      <c r="AG29411">
        <v>20</v>
      </c>
      <c r="AH29411">
        <v>20</v>
      </c>
      <c r="AI29411">
        <v>21</v>
      </c>
      <c r="AJ29411">
        <v>21</v>
      </c>
      <c r="AK29411">
        <v>21</v>
      </c>
      <c r="AL29411">
        <v>21</v>
      </c>
      <c r="AM29411">
        <v>21</v>
      </c>
      <c r="AN29411">
        <v>21</v>
      </c>
      <c r="AO29411">
        <v>21</v>
      </c>
      <c r="AP29411">
        <v>21</v>
      </c>
      <c r="AQ29411">
        <v>22</v>
      </c>
    </row>
    <row r="29412" spans="1:43">
      <c r="A29412" t="s">
        <v>18221</v>
      </c>
      <c r="B29412" t="s">
        <v>18222</v>
      </c>
      <c r="C29412" t="s">
        <v>18223</v>
      </c>
      <c r="D29412" t="s">
        <v>18224</v>
      </c>
      <c r="E29412" t="s">
        <v>18191</v>
      </c>
      <c r="F29412" t="s">
        <v>18192</v>
      </c>
      <c r="G29412" t="s">
        <v>10734</v>
      </c>
      <c r="H29412" t="s">
        <v>10735</v>
      </c>
      <c r="I29412" s="2">
        <v>0</v>
      </c>
      <c r="J29412" s="2">
        <v>0</v>
      </c>
      <c r="K29412" s="2">
        <v>1</v>
      </c>
      <c r="L29412" t="s">
        <v>995</v>
      </c>
      <c r="M29412" t="s">
        <v>89</v>
      </c>
      <c r="N29412" t="s">
        <v>90</v>
      </c>
      <c r="O29412" t="s">
        <v>85</v>
      </c>
      <c r="P29412" t="s">
        <v>86</v>
      </c>
      <c r="Q29412">
        <v>19</v>
      </c>
      <c r="R29412">
        <v>20</v>
      </c>
      <c r="S29412">
        <v>20</v>
      </c>
      <c r="T29412">
        <v>21</v>
      </c>
      <c r="U29412">
        <v>21</v>
      </c>
      <c r="V29412">
        <v>21</v>
      </c>
      <c r="W29412">
        <v>22</v>
      </c>
      <c r="X29412">
        <v>22</v>
      </c>
      <c r="Y29412">
        <v>22</v>
      </c>
      <c r="Z29412">
        <v>23</v>
      </c>
      <c r="AA29412">
        <v>23</v>
      </c>
      <c r="AB29412">
        <v>23</v>
      </c>
      <c r="AC29412">
        <v>24</v>
      </c>
      <c r="AD29412">
        <v>24</v>
      </c>
      <c r="AE29412">
        <v>24</v>
      </c>
      <c r="AF29412">
        <v>24</v>
      </c>
      <c r="AG29412">
        <v>24</v>
      </c>
      <c r="AH29412">
        <v>24</v>
      </c>
      <c r="AI29412">
        <v>24</v>
      </c>
      <c r="AJ29412">
        <v>24</v>
      </c>
      <c r="AK29412">
        <v>24</v>
      </c>
      <c r="AL29412">
        <v>25</v>
      </c>
      <c r="AM29412">
        <v>25</v>
      </c>
      <c r="AN29412">
        <v>25</v>
      </c>
      <c r="AO29412">
        <v>25</v>
      </c>
      <c r="AP29412">
        <v>25</v>
      </c>
      <c r="AQ29412">
        <v>25</v>
      </c>
    </row>
    <row r="29413" spans="1:43">
      <c r="A29413" t="s">
        <v>18221</v>
      </c>
      <c r="B29413" t="s">
        <v>18222</v>
      </c>
      <c r="C29413" t="s">
        <v>18223</v>
      </c>
      <c r="D29413" t="s">
        <v>18224</v>
      </c>
      <c r="E29413" t="s">
        <v>18191</v>
      </c>
      <c r="F29413" t="s">
        <v>18192</v>
      </c>
      <c r="G29413" t="s">
        <v>10734</v>
      </c>
      <c r="H29413" t="s">
        <v>10735</v>
      </c>
      <c r="I29413" s="2">
        <v>0</v>
      </c>
      <c r="J29413" s="2">
        <v>0</v>
      </c>
      <c r="K29413" s="2">
        <v>1</v>
      </c>
      <c r="L29413" t="s">
        <v>995</v>
      </c>
      <c r="M29413" t="s">
        <v>83</v>
      </c>
      <c r="N29413" t="s">
        <v>91</v>
      </c>
      <c r="O29413" t="s">
        <v>85</v>
      </c>
      <c r="P29413" t="s">
        <v>86</v>
      </c>
      <c r="Q29413">
        <v>19</v>
      </c>
      <c r="R29413">
        <v>19</v>
      </c>
      <c r="S29413">
        <v>20</v>
      </c>
      <c r="T29413">
        <v>20</v>
      </c>
      <c r="U29413">
        <v>20</v>
      </c>
      <c r="V29413">
        <v>20</v>
      </c>
      <c r="W29413">
        <v>21</v>
      </c>
      <c r="X29413">
        <v>21</v>
      </c>
      <c r="Y29413">
        <v>21</v>
      </c>
      <c r="Z29413">
        <v>21</v>
      </c>
      <c r="AA29413">
        <v>22</v>
      </c>
      <c r="AB29413">
        <v>22</v>
      </c>
      <c r="AC29413">
        <v>22</v>
      </c>
      <c r="AD29413">
        <v>22</v>
      </c>
      <c r="AE29413">
        <v>23</v>
      </c>
      <c r="AF29413">
        <v>23</v>
      </c>
      <c r="AG29413">
        <v>23</v>
      </c>
      <c r="AH29413">
        <v>23</v>
      </c>
      <c r="AI29413">
        <v>24</v>
      </c>
      <c r="AJ29413">
        <v>24</v>
      </c>
      <c r="AK29413">
        <v>24</v>
      </c>
      <c r="AL29413">
        <v>24</v>
      </c>
      <c r="AM29413">
        <v>24</v>
      </c>
      <c r="AN29413">
        <v>24</v>
      </c>
      <c r="AO29413">
        <v>25</v>
      </c>
      <c r="AP29413">
        <v>25</v>
      </c>
      <c r="AQ29413">
        <v>25</v>
      </c>
    </row>
    <row r="29414" spans="1:43">
      <c r="A29414" t="s">
        <v>18225</v>
      </c>
      <c r="B29414" t="s">
        <v>18226</v>
      </c>
      <c r="C29414" t="s">
        <v>18217</v>
      </c>
      <c r="D29414" t="s">
        <v>18218</v>
      </c>
      <c r="E29414" t="s">
        <v>18191</v>
      </c>
      <c r="F29414" t="s">
        <v>18192</v>
      </c>
      <c r="G29414" t="s">
        <v>10734</v>
      </c>
      <c r="H29414" t="s">
        <v>10735</v>
      </c>
      <c r="I29414" s="2">
        <v>0</v>
      </c>
      <c r="J29414" s="2">
        <v>0</v>
      </c>
      <c r="K29414" s="2">
        <v>1</v>
      </c>
      <c r="L29414" t="s">
        <v>995</v>
      </c>
      <c r="M29414" t="s">
        <v>83</v>
      </c>
      <c r="N29414" t="s">
        <v>84</v>
      </c>
      <c r="O29414" t="s">
        <v>85</v>
      </c>
      <c r="P29414" t="s">
        <v>86</v>
      </c>
      <c r="Q29414">
        <v>14</v>
      </c>
      <c r="R29414">
        <v>14</v>
      </c>
      <c r="S29414">
        <v>14</v>
      </c>
      <c r="T29414">
        <v>14</v>
      </c>
      <c r="U29414">
        <v>15</v>
      </c>
      <c r="V29414">
        <v>15</v>
      </c>
      <c r="W29414">
        <v>15</v>
      </c>
      <c r="X29414">
        <v>15</v>
      </c>
      <c r="Y29414">
        <v>15</v>
      </c>
      <c r="Z29414">
        <v>15</v>
      </c>
      <c r="AA29414">
        <v>16</v>
      </c>
      <c r="AB29414">
        <v>16</v>
      </c>
      <c r="AC29414">
        <v>16</v>
      </c>
      <c r="AD29414">
        <v>16</v>
      </c>
      <c r="AE29414">
        <v>16</v>
      </c>
      <c r="AF29414">
        <v>17</v>
      </c>
      <c r="AG29414">
        <v>17</v>
      </c>
      <c r="AH29414">
        <v>17</v>
      </c>
      <c r="AI29414">
        <v>17</v>
      </c>
      <c r="AJ29414">
        <v>17</v>
      </c>
      <c r="AK29414">
        <v>17</v>
      </c>
      <c r="AL29414">
        <v>18</v>
      </c>
      <c r="AM29414">
        <v>18</v>
      </c>
      <c r="AN29414">
        <v>18</v>
      </c>
      <c r="AO29414">
        <v>18</v>
      </c>
      <c r="AP29414">
        <v>18</v>
      </c>
      <c r="AQ29414">
        <v>18</v>
      </c>
    </row>
    <row r="29415" spans="1:43">
      <c r="A29415" t="s">
        <v>18225</v>
      </c>
      <c r="B29415" t="s">
        <v>18226</v>
      </c>
      <c r="C29415" t="s">
        <v>18217</v>
      </c>
      <c r="D29415" t="s">
        <v>18218</v>
      </c>
      <c r="E29415" t="s">
        <v>18191</v>
      </c>
      <c r="F29415" t="s">
        <v>18192</v>
      </c>
      <c r="G29415" t="s">
        <v>10734</v>
      </c>
      <c r="H29415" t="s">
        <v>10735</v>
      </c>
      <c r="I29415" s="2">
        <v>0</v>
      </c>
      <c r="J29415" s="2">
        <v>0</v>
      </c>
      <c r="K29415" s="2">
        <v>1</v>
      </c>
      <c r="L29415" t="s">
        <v>995</v>
      </c>
      <c r="M29415" t="s">
        <v>87</v>
      </c>
      <c r="N29415" t="s">
        <v>88</v>
      </c>
      <c r="O29415" t="s">
        <v>85</v>
      </c>
      <c r="P29415" t="s">
        <v>86</v>
      </c>
      <c r="Q29415">
        <v>14</v>
      </c>
      <c r="R29415">
        <v>14</v>
      </c>
      <c r="S29415">
        <v>14</v>
      </c>
      <c r="T29415">
        <v>14</v>
      </c>
      <c r="U29415">
        <v>14</v>
      </c>
      <c r="V29415">
        <v>14</v>
      </c>
      <c r="W29415">
        <v>14</v>
      </c>
      <c r="X29415">
        <v>14</v>
      </c>
      <c r="Y29415">
        <v>14</v>
      </c>
      <c r="Z29415">
        <v>14</v>
      </c>
      <c r="AA29415">
        <v>14</v>
      </c>
      <c r="AB29415">
        <v>14</v>
      </c>
      <c r="AC29415">
        <v>14</v>
      </c>
      <c r="AD29415">
        <v>14</v>
      </c>
      <c r="AE29415">
        <v>15</v>
      </c>
      <c r="AF29415">
        <v>15</v>
      </c>
      <c r="AG29415">
        <v>15</v>
      </c>
      <c r="AH29415">
        <v>15</v>
      </c>
      <c r="AI29415">
        <v>15</v>
      </c>
      <c r="AJ29415">
        <v>15</v>
      </c>
      <c r="AK29415">
        <v>15</v>
      </c>
      <c r="AL29415">
        <v>15</v>
      </c>
      <c r="AM29415">
        <v>15</v>
      </c>
      <c r="AN29415">
        <v>15</v>
      </c>
      <c r="AO29415">
        <v>15</v>
      </c>
      <c r="AP29415">
        <v>15</v>
      </c>
      <c r="AQ29415">
        <v>16</v>
      </c>
    </row>
    <row r="29416" spans="1:43">
      <c r="A29416" t="s">
        <v>18225</v>
      </c>
      <c r="B29416" t="s">
        <v>18226</v>
      </c>
      <c r="C29416" t="s">
        <v>18217</v>
      </c>
      <c r="D29416" t="s">
        <v>18218</v>
      </c>
      <c r="E29416" t="s">
        <v>18191</v>
      </c>
      <c r="F29416" t="s">
        <v>18192</v>
      </c>
      <c r="G29416" t="s">
        <v>10734</v>
      </c>
      <c r="H29416" t="s">
        <v>10735</v>
      </c>
      <c r="I29416" s="2">
        <v>0</v>
      </c>
      <c r="J29416" s="2">
        <v>0</v>
      </c>
      <c r="K29416" s="2">
        <v>1</v>
      </c>
      <c r="L29416" t="s">
        <v>995</v>
      </c>
      <c r="M29416" t="s">
        <v>89</v>
      </c>
      <c r="N29416" t="s">
        <v>90</v>
      </c>
      <c r="O29416" t="s">
        <v>85</v>
      </c>
      <c r="P29416" t="s">
        <v>86</v>
      </c>
      <c r="Q29416">
        <v>14</v>
      </c>
      <c r="R29416">
        <v>14</v>
      </c>
      <c r="S29416">
        <v>15</v>
      </c>
      <c r="T29416">
        <v>15</v>
      </c>
      <c r="U29416">
        <v>15</v>
      </c>
      <c r="V29416">
        <v>15</v>
      </c>
      <c r="W29416">
        <v>16</v>
      </c>
      <c r="X29416">
        <v>16</v>
      </c>
      <c r="Y29416">
        <v>16</v>
      </c>
      <c r="Z29416">
        <v>16</v>
      </c>
      <c r="AA29416">
        <v>17</v>
      </c>
      <c r="AB29416">
        <v>17</v>
      </c>
      <c r="AC29416">
        <v>17</v>
      </c>
      <c r="AD29416">
        <v>17</v>
      </c>
      <c r="AE29416">
        <v>17</v>
      </c>
      <c r="AF29416">
        <v>18</v>
      </c>
      <c r="AG29416">
        <v>18</v>
      </c>
      <c r="AH29416">
        <v>18</v>
      </c>
      <c r="AI29416">
        <v>18</v>
      </c>
      <c r="AJ29416">
        <v>18</v>
      </c>
      <c r="AK29416">
        <v>18</v>
      </c>
      <c r="AL29416">
        <v>18</v>
      </c>
      <c r="AM29416">
        <v>18</v>
      </c>
      <c r="AN29416">
        <v>18</v>
      </c>
      <c r="AO29416">
        <v>18</v>
      </c>
      <c r="AP29416">
        <v>18</v>
      </c>
      <c r="AQ29416">
        <v>18</v>
      </c>
    </row>
    <row r="29417" spans="1:43">
      <c r="A29417" t="s">
        <v>18225</v>
      </c>
      <c r="B29417" t="s">
        <v>18226</v>
      </c>
      <c r="C29417" t="s">
        <v>18217</v>
      </c>
      <c r="D29417" t="s">
        <v>18218</v>
      </c>
      <c r="E29417" t="s">
        <v>18191</v>
      </c>
      <c r="F29417" t="s">
        <v>18192</v>
      </c>
      <c r="G29417" t="s">
        <v>10734</v>
      </c>
      <c r="H29417" t="s">
        <v>10735</v>
      </c>
      <c r="I29417" s="2">
        <v>0</v>
      </c>
      <c r="J29417" s="2">
        <v>0</v>
      </c>
      <c r="K29417" s="2">
        <v>1</v>
      </c>
      <c r="L29417" t="s">
        <v>995</v>
      </c>
      <c r="M29417" t="s">
        <v>83</v>
      </c>
      <c r="N29417" t="s">
        <v>91</v>
      </c>
      <c r="O29417" t="s">
        <v>85</v>
      </c>
      <c r="P29417" t="s">
        <v>86</v>
      </c>
      <c r="Q29417">
        <v>14</v>
      </c>
      <c r="R29417">
        <v>14</v>
      </c>
      <c r="S29417">
        <v>14</v>
      </c>
      <c r="T29417">
        <v>14</v>
      </c>
      <c r="U29417">
        <v>15</v>
      </c>
      <c r="V29417">
        <v>15</v>
      </c>
      <c r="W29417">
        <v>15</v>
      </c>
      <c r="X29417">
        <v>15</v>
      </c>
      <c r="Y29417">
        <v>15</v>
      </c>
      <c r="Z29417">
        <v>15</v>
      </c>
      <c r="AA29417">
        <v>16</v>
      </c>
      <c r="AB29417">
        <v>16</v>
      </c>
      <c r="AC29417">
        <v>16</v>
      </c>
      <c r="AD29417">
        <v>16</v>
      </c>
      <c r="AE29417">
        <v>16</v>
      </c>
      <c r="AF29417">
        <v>17</v>
      </c>
      <c r="AG29417">
        <v>17</v>
      </c>
      <c r="AH29417">
        <v>17</v>
      </c>
      <c r="AI29417">
        <v>17</v>
      </c>
      <c r="AJ29417">
        <v>17</v>
      </c>
      <c r="AK29417">
        <v>17</v>
      </c>
      <c r="AL29417">
        <v>18</v>
      </c>
      <c r="AM29417">
        <v>18</v>
      </c>
      <c r="AN29417">
        <v>18</v>
      </c>
      <c r="AO29417">
        <v>18</v>
      </c>
      <c r="AP29417">
        <v>18</v>
      </c>
      <c r="AQ29417">
        <v>18</v>
      </c>
    </row>
    <row r="29418" spans="1:43">
      <c r="A29418" t="s">
        <v>18227</v>
      </c>
      <c r="B29418" t="s">
        <v>18228</v>
      </c>
      <c r="C29418" t="s">
        <v>18229</v>
      </c>
      <c r="D29418" t="s">
        <v>18230</v>
      </c>
      <c r="E29418" t="s">
        <v>18191</v>
      </c>
      <c r="F29418" t="s">
        <v>18192</v>
      </c>
      <c r="G29418" t="s">
        <v>10734</v>
      </c>
      <c r="H29418" t="s">
        <v>10735</v>
      </c>
      <c r="I29418" s="2">
        <v>0</v>
      </c>
      <c r="J29418" s="2">
        <v>0</v>
      </c>
      <c r="K29418" s="2">
        <v>1</v>
      </c>
      <c r="L29418" t="s">
        <v>995</v>
      </c>
      <c r="M29418" t="s">
        <v>83</v>
      </c>
      <c r="N29418" t="s">
        <v>84</v>
      </c>
      <c r="O29418" t="s">
        <v>85</v>
      </c>
      <c r="P29418" t="s">
        <v>86</v>
      </c>
      <c r="Q29418">
        <v>30</v>
      </c>
      <c r="R29418">
        <v>30</v>
      </c>
      <c r="S29418">
        <v>31</v>
      </c>
      <c r="T29418">
        <v>31</v>
      </c>
      <c r="U29418">
        <v>32</v>
      </c>
      <c r="V29418">
        <v>32</v>
      </c>
      <c r="W29418">
        <v>32</v>
      </c>
      <c r="X29418">
        <v>33</v>
      </c>
      <c r="Y29418">
        <v>33</v>
      </c>
      <c r="Z29418">
        <v>34</v>
      </c>
      <c r="AA29418">
        <v>34</v>
      </c>
      <c r="AB29418">
        <v>34</v>
      </c>
      <c r="AC29418">
        <v>35</v>
      </c>
      <c r="AD29418">
        <v>35</v>
      </c>
      <c r="AE29418">
        <v>36</v>
      </c>
      <c r="AF29418">
        <v>36</v>
      </c>
      <c r="AG29418">
        <v>36</v>
      </c>
      <c r="AH29418">
        <v>37</v>
      </c>
      <c r="AI29418">
        <v>37</v>
      </c>
      <c r="AJ29418">
        <v>38</v>
      </c>
      <c r="AK29418">
        <v>38</v>
      </c>
      <c r="AL29418">
        <v>38</v>
      </c>
      <c r="AM29418">
        <v>38</v>
      </c>
      <c r="AN29418">
        <v>39</v>
      </c>
      <c r="AO29418">
        <v>39</v>
      </c>
      <c r="AP29418">
        <v>39</v>
      </c>
      <c r="AQ29418">
        <v>39</v>
      </c>
    </row>
    <row r="29419" spans="1:43">
      <c r="A29419" t="s">
        <v>18227</v>
      </c>
      <c r="B29419" t="s">
        <v>18228</v>
      </c>
      <c r="C29419" t="s">
        <v>18229</v>
      </c>
      <c r="D29419" t="s">
        <v>18230</v>
      </c>
      <c r="E29419" t="s">
        <v>18191</v>
      </c>
      <c r="F29419" t="s">
        <v>18192</v>
      </c>
      <c r="G29419" t="s">
        <v>10734</v>
      </c>
      <c r="H29419" t="s">
        <v>10735</v>
      </c>
      <c r="I29419" s="2">
        <v>0</v>
      </c>
      <c r="J29419" s="2">
        <v>0</v>
      </c>
      <c r="K29419" s="2">
        <v>1</v>
      </c>
      <c r="L29419" t="s">
        <v>995</v>
      </c>
      <c r="M29419" t="s">
        <v>87</v>
      </c>
      <c r="N29419" t="s">
        <v>88</v>
      </c>
      <c r="O29419" t="s">
        <v>85</v>
      </c>
      <c r="P29419" t="s">
        <v>86</v>
      </c>
      <c r="Q29419">
        <v>30</v>
      </c>
      <c r="R29419">
        <v>30</v>
      </c>
      <c r="S29419">
        <v>30</v>
      </c>
      <c r="T29419">
        <v>30</v>
      </c>
      <c r="U29419">
        <v>30</v>
      </c>
      <c r="V29419">
        <v>30</v>
      </c>
      <c r="W29419">
        <v>31</v>
      </c>
      <c r="X29419">
        <v>31</v>
      </c>
      <c r="Y29419">
        <v>31</v>
      </c>
      <c r="Z29419">
        <v>31</v>
      </c>
      <c r="AA29419">
        <v>31</v>
      </c>
      <c r="AB29419">
        <v>31</v>
      </c>
      <c r="AC29419">
        <v>31</v>
      </c>
      <c r="AD29419">
        <v>31</v>
      </c>
      <c r="AE29419">
        <v>32</v>
      </c>
      <c r="AF29419">
        <v>32</v>
      </c>
      <c r="AG29419">
        <v>32</v>
      </c>
      <c r="AH29419">
        <v>32</v>
      </c>
      <c r="AI29419">
        <v>32</v>
      </c>
      <c r="AJ29419">
        <v>32</v>
      </c>
      <c r="AK29419">
        <v>33</v>
      </c>
      <c r="AL29419">
        <v>33</v>
      </c>
      <c r="AM29419">
        <v>33</v>
      </c>
      <c r="AN29419">
        <v>33</v>
      </c>
      <c r="AO29419">
        <v>33</v>
      </c>
      <c r="AP29419">
        <v>34</v>
      </c>
      <c r="AQ29419">
        <v>34</v>
      </c>
    </row>
    <row r="29420" spans="1:43">
      <c r="A29420" t="s">
        <v>18227</v>
      </c>
      <c r="B29420" t="s">
        <v>18228</v>
      </c>
      <c r="C29420" t="s">
        <v>18229</v>
      </c>
      <c r="D29420" t="s">
        <v>18230</v>
      </c>
      <c r="E29420" t="s">
        <v>18191</v>
      </c>
      <c r="F29420" t="s">
        <v>18192</v>
      </c>
      <c r="G29420" t="s">
        <v>10734</v>
      </c>
      <c r="H29420" t="s">
        <v>10735</v>
      </c>
      <c r="I29420" s="2">
        <v>0</v>
      </c>
      <c r="J29420" s="2">
        <v>0</v>
      </c>
      <c r="K29420" s="2">
        <v>1</v>
      </c>
      <c r="L29420" t="s">
        <v>995</v>
      </c>
      <c r="M29420" t="s">
        <v>89</v>
      </c>
      <c r="N29420" t="s">
        <v>90</v>
      </c>
      <c r="O29420" t="s">
        <v>85</v>
      </c>
      <c r="P29420" t="s">
        <v>86</v>
      </c>
      <c r="Q29420">
        <v>30</v>
      </c>
      <c r="R29420">
        <v>31</v>
      </c>
      <c r="S29420">
        <v>32</v>
      </c>
      <c r="T29420">
        <v>32</v>
      </c>
      <c r="U29420">
        <v>33</v>
      </c>
      <c r="V29420">
        <v>34</v>
      </c>
      <c r="W29420">
        <v>34</v>
      </c>
      <c r="X29420">
        <v>35</v>
      </c>
      <c r="Y29420">
        <v>35</v>
      </c>
      <c r="Z29420">
        <v>36</v>
      </c>
      <c r="AA29420">
        <v>36</v>
      </c>
      <c r="AB29420">
        <v>37</v>
      </c>
      <c r="AC29420">
        <v>37</v>
      </c>
      <c r="AD29420">
        <v>38</v>
      </c>
      <c r="AE29420">
        <v>38</v>
      </c>
      <c r="AF29420">
        <v>38</v>
      </c>
      <c r="AG29420">
        <v>38</v>
      </c>
      <c r="AH29420">
        <v>38</v>
      </c>
      <c r="AI29420">
        <v>38</v>
      </c>
      <c r="AJ29420">
        <v>39</v>
      </c>
      <c r="AK29420">
        <v>39</v>
      </c>
      <c r="AL29420">
        <v>39</v>
      </c>
      <c r="AM29420">
        <v>39</v>
      </c>
      <c r="AN29420">
        <v>39</v>
      </c>
      <c r="AO29420">
        <v>39</v>
      </c>
      <c r="AP29420">
        <v>39</v>
      </c>
      <c r="AQ29420">
        <v>39</v>
      </c>
    </row>
    <row r="29421" spans="1:43">
      <c r="A29421" t="s">
        <v>18227</v>
      </c>
      <c r="B29421" t="s">
        <v>18228</v>
      </c>
      <c r="C29421" t="s">
        <v>18229</v>
      </c>
      <c r="D29421" t="s">
        <v>18230</v>
      </c>
      <c r="E29421" t="s">
        <v>18191</v>
      </c>
      <c r="F29421" t="s">
        <v>18192</v>
      </c>
      <c r="G29421" t="s">
        <v>10734</v>
      </c>
      <c r="H29421" t="s">
        <v>10735</v>
      </c>
      <c r="I29421" s="2">
        <v>0</v>
      </c>
      <c r="J29421" s="2">
        <v>0</v>
      </c>
      <c r="K29421" s="2">
        <v>1</v>
      </c>
      <c r="L29421" t="s">
        <v>995</v>
      </c>
      <c r="M29421" t="s">
        <v>83</v>
      </c>
      <c r="N29421" t="s">
        <v>91</v>
      </c>
      <c r="O29421" t="s">
        <v>85</v>
      </c>
      <c r="P29421" t="s">
        <v>86</v>
      </c>
      <c r="Q29421">
        <v>30</v>
      </c>
      <c r="R29421">
        <v>30</v>
      </c>
      <c r="S29421">
        <v>31</v>
      </c>
      <c r="T29421">
        <v>31</v>
      </c>
      <c r="U29421">
        <v>32</v>
      </c>
      <c r="V29421">
        <v>32</v>
      </c>
      <c r="W29421">
        <v>32</v>
      </c>
      <c r="X29421">
        <v>33</v>
      </c>
      <c r="Y29421">
        <v>33</v>
      </c>
      <c r="Z29421">
        <v>34</v>
      </c>
      <c r="AA29421">
        <v>34</v>
      </c>
      <c r="AB29421">
        <v>34</v>
      </c>
      <c r="AC29421">
        <v>35</v>
      </c>
      <c r="AD29421">
        <v>35</v>
      </c>
      <c r="AE29421">
        <v>36</v>
      </c>
      <c r="AF29421">
        <v>36</v>
      </c>
      <c r="AG29421">
        <v>36</v>
      </c>
      <c r="AH29421">
        <v>37</v>
      </c>
      <c r="AI29421">
        <v>37</v>
      </c>
      <c r="AJ29421">
        <v>38</v>
      </c>
      <c r="AK29421">
        <v>38</v>
      </c>
      <c r="AL29421">
        <v>38</v>
      </c>
      <c r="AM29421">
        <v>38</v>
      </c>
      <c r="AN29421">
        <v>39</v>
      </c>
      <c r="AO29421">
        <v>39</v>
      </c>
      <c r="AP29421">
        <v>39</v>
      </c>
      <c r="AQ29421">
        <v>39</v>
      </c>
    </row>
    <row r="29422" spans="1:43">
      <c r="A29422" t="s">
        <v>18231</v>
      </c>
      <c r="B29422" t="s">
        <v>18232</v>
      </c>
      <c r="C29422" t="s">
        <v>18229</v>
      </c>
      <c r="D29422" t="s">
        <v>18230</v>
      </c>
      <c r="E29422" t="s">
        <v>18191</v>
      </c>
      <c r="F29422" t="s">
        <v>18192</v>
      </c>
      <c r="G29422" t="s">
        <v>10734</v>
      </c>
      <c r="H29422" t="s">
        <v>10735</v>
      </c>
      <c r="I29422" s="2">
        <v>0</v>
      </c>
      <c r="J29422" s="2">
        <v>0</v>
      </c>
      <c r="K29422" s="2">
        <v>1</v>
      </c>
      <c r="L29422" t="s">
        <v>995</v>
      </c>
      <c r="M29422" t="s">
        <v>83</v>
      </c>
      <c r="N29422" t="s">
        <v>84</v>
      </c>
      <c r="O29422" t="s">
        <v>85</v>
      </c>
      <c r="P29422" t="s">
        <v>86</v>
      </c>
      <c r="Q29422">
        <v>37</v>
      </c>
      <c r="R29422">
        <v>38</v>
      </c>
      <c r="S29422">
        <v>38</v>
      </c>
      <c r="T29422">
        <v>39</v>
      </c>
      <c r="U29422">
        <v>39</v>
      </c>
      <c r="V29422">
        <v>40</v>
      </c>
      <c r="W29422">
        <v>40</v>
      </c>
      <c r="X29422">
        <v>40</v>
      </c>
      <c r="Y29422">
        <v>41</v>
      </c>
      <c r="Z29422">
        <v>41</v>
      </c>
      <c r="AA29422">
        <v>42</v>
      </c>
      <c r="AB29422">
        <v>42</v>
      </c>
      <c r="AC29422">
        <v>43</v>
      </c>
      <c r="AD29422">
        <v>43</v>
      </c>
      <c r="AE29422">
        <v>44</v>
      </c>
      <c r="AF29422">
        <v>44</v>
      </c>
      <c r="AG29422">
        <v>44</v>
      </c>
      <c r="AH29422">
        <v>45</v>
      </c>
      <c r="AI29422">
        <v>45</v>
      </c>
      <c r="AJ29422">
        <v>46</v>
      </c>
      <c r="AK29422">
        <v>46</v>
      </c>
      <c r="AL29422">
        <v>47</v>
      </c>
      <c r="AM29422">
        <v>47</v>
      </c>
      <c r="AN29422">
        <v>47</v>
      </c>
      <c r="AO29422">
        <v>47</v>
      </c>
      <c r="AP29422">
        <v>47</v>
      </c>
      <c r="AQ29422">
        <v>47</v>
      </c>
    </row>
    <row r="29423" spans="1:43">
      <c r="A29423" t="s">
        <v>18231</v>
      </c>
      <c r="B29423" t="s">
        <v>18232</v>
      </c>
      <c r="C29423" t="s">
        <v>18229</v>
      </c>
      <c r="D29423" t="s">
        <v>18230</v>
      </c>
      <c r="E29423" t="s">
        <v>18191</v>
      </c>
      <c r="F29423" t="s">
        <v>18192</v>
      </c>
      <c r="G29423" t="s">
        <v>10734</v>
      </c>
      <c r="H29423" t="s">
        <v>10735</v>
      </c>
      <c r="I29423" s="2">
        <v>0</v>
      </c>
      <c r="J29423" s="2">
        <v>0</v>
      </c>
      <c r="K29423" s="2">
        <v>1</v>
      </c>
      <c r="L29423" t="s">
        <v>995</v>
      </c>
      <c r="M29423" t="s">
        <v>87</v>
      </c>
      <c r="N29423" t="s">
        <v>88</v>
      </c>
      <c r="O29423" t="s">
        <v>85</v>
      </c>
      <c r="P29423" t="s">
        <v>86</v>
      </c>
      <c r="Q29423">
        <v>37</v>
      </c>
      <c r="R29423">
        <v>37</v>
      </c>
      <c r="S29423">
        <v>37</v>
      </c>
      <c r="T29423">
        <v>37</v>
      </c>
      <c r="U29423">
        <v>37</v>
      </c>
      <c r="V29423">
        <v>37</v>
      </c>
      <c r="W29423">
        <v>38</v>
      </c>
      <c r="X29423">
        <v>38</v>
      </c>
      <c r="Y29423">
        <v>38</v>
      </c>
      <c r="Z29423">
        <v>38</v>
      </c>
      <c r="AA29423">
        <v>38</v>
      </c>
      <c r="AB29423">
        <v>38</v>
      </c>
      <c r="AC29423">
        <v>38</v>
      </c>
      <c r="AD29423">
        <v>38</v>
      </c>
      <c r="AE29423">
        <v>39</v>
      </c>
      <c r="AF29423">
        <v>39</v>
      </c>
      <c r="AG29423">
        <v>39</v>
      </c>
      <c r="AH29423">
        <v>39</v>
      </c>
      <c r="AI29423">
        <v>39</v>
      </c>
      <c r="AJ29423">
        <v>39</v>
      </c>
      <c r="AK29423">
        <v>40</v>
      </c>
      <c r="AL29423">
        <v>40</v>
      </c>
      <c r="AM29423">
        <v>40</v>
      </c>
      <c r="AN29423">
        <v>40</v>
      </c>
      <c r="AO29423">
        <v>40</v>
      </c>
      <c r="AP29423">
        <v>40</v>
      </c>
      <c r="AQ29423">
        <v>41</v>
      </c>
    </row>
    <row r="29424" spans="1:43">
      <c r="A29424" t="s">
        <v>18231</v>
      </c>
      <c r="B29424" t="s">
        <v>18232</v>
      </c>
      <c r="C29424" t="s">
        <v>18229</v>
      </c>
      <c r="D29424" t="s">
        <v>18230</v>
      </c>
      <c r="E29424" t="s">
        <v>18191</v>
      </c>
      <c r="F29424" t="s">
        <v>18192</v>
      </c>
      <c r="G29424" t="s">
        <v>10734</v>
      </c>
      <c r="H29424" t="s">
        <v>10735</v>
      </c>
      <c r="I29424" s="2">
        <v>0</v>
      </c>
      <c r="J29424" s="2">
        <v>0</v>
      </c>
      <c r="K29424" s="2">
        <v>1</v>
      </c>
      <c r="L29424" t="s">
        <v>995</v>
      </c>
      <c r="M29424" t="s">
        <v>89</v>
      </c>
      <c r="N29424" t="s">
        <v>90</v>
      </c>
      <c r="O29424" t="s">
        <v>85</v>
      </c>
      <c r="P29424" t="s">
        <v>86</v>
      </c>
      <c r="Q29424">
        <v>37</v>
      </c>
      <c r="R29424">
        <v>37</v>
      </c>
      <c r="S29424">
        <v>38</v>
      </c>
      <c r="T29424">
        <v>39</v>
      </c>
      <c r="U29424">
        <v>40</v>
      </c>
      <c r="V29424">
        <v>40</v>
      </c>
      <c r="W29424">
        <v>41</v>
      </c>
      <c r="X29424">
        <v>42</v>
      </c>
      <c r="Y29424">
        <v>42</v>
      </c>
      <c r="Z29424">
        <v>43</v>
      </c>
      <c r="AA29424">
        <v>43</v>
      </c>
      <c r="AB29424">
        <v>44</v>
      </c>
      <c r="AC29424">
        <v>45</v>
      </c>
      <c r="AD29424">
        <v>45</v>
      </c>
      <c r="AE29424">
        <v>46</v>
      </c>
      <c r="AF29424">
        <v>46</v>
      </c>
      <c r="AG29424">
        <v>46</v>
      </c>
      <c r="AH29424">
        <v>46</v>
      </c>
      <c r="AI29424">
        <v>46</v>
      </c>
      <c r="AJ29424">
        <v>46</v>
      </c>
      <c r="AK29424">
        <v>46</v>
      </c>
      <c r="AL29424">
        <v>46</v>
      </c>
      <c r="AM29424">
        <v>46</v>
      </c>
      <c r="AN29424">
        <v>46</v>
      </c>
      <c r="AO29424">
        <v>46</v>
      </c>
      <c r="AP29424">
        <v>47</v>
      </c>
      <c r="AQ29424">
        <v>47</v>
      </c>
    </row>
    <row r="29425" spans="1:43">
      <c r="A29425" t="s">
        <v>18231</v>
      </c>
      <c r="B29425" t="s">
        <v>18232</v>
      </c>
      <c r="C29425" t="s">
        <v>18229</v>
      </c>
      <c r="D29425" t="s">
        <v>18230</v>
      </c>
      <c r="E29425" t="s">
        <v>18191</v>
      </c>
      <c r="F29425" t="s">
        <v>18192</v>
      </c>
      <c r="G29425" t="s">
        <v>10734</v>
      </c>
      <c r="H29425" t="s">
        <v>10735</v>
      </c>
      <c r="I29425" s="2">
        <v>0</v>
      </c>
      <c r="J29425" s="2">
        <v>0</v>
      </c>
      <c r="K29425" s="2">
        <v>1</v>
      </c>
      <c r="L29425" t="s">
        <v>995</v>
      </c>
      <c r="M29425" t="s">
        <v>83</v>
      </c>
      <c r="N29425" t="s">
        <v>91</v>
      </c>
      <c r="O29425" t="s">
        <v>85</v>
      </c>
      <c r="P29425" t="s">
        <v>86</v>
      </c>
      <c r="Q29425">
        <v>37</v>
      </c>
      <c r="R29425">
        <v>38</v>
      </c>
      <c r="S29425">
        <v>38</v>
      </c>
      <c r="T29425">
        <v>39</v>
      </c>
      <c r="U29425">
        <v>39</v>
      </c>
      <c r="V29425">
        <v>40</v>
      </c>
      <c r="W29425">
        <v>40</v>
      </c>
      <c r="X29425">
        <v>40</v>
      </c>
      <c r="Y29425">
        <v>41</v>
      </c>
      <c r="Z29425">
        <v>41</v>
      </c>
      <c r="AA29425">
        <v>42</v>
      </c>
      <c r="AB29425">
        <v>42</v>
      </c>
      <c r="AC29425">
        <v>43</v>
      </c>
      <c r="AD29425">
        <v>43</v>
      </c>
      <c r="AE29425">
        <v>44</v>
      </c>
      <c r="AF29425">
        <v>44</v>
      </c>
      <c r="AG29425">
        <v>44</v>
      </c>
      <c r="AH29425">
        <v>45</v>
      </c>
      <c r="AI29425">
        <v>45</v>
      </c>
      <c r="AJ29425">
        <v>46</v>
      </c>
      <c r="AK29425">
        <v>46</v>
      </c>
      <c r="AL29425">
        <v>47</v>
      </c>
      <c r="AM29425">
        <v>47</v>
      </c>
      <c r="AN29425">
        <v>47</v>
      </c>
      <c r="AO29425">
        <v>47</v>
      </c>
      <c r="AP29425">
        <v>47</v>
      </c>
      <c r="AQ29425">
        <v>47</v>
      </c>
    </row>
    <row r="29426" spans="1:43">
      <c r="A29426" t="s">
        <v>18233</v>
      </c>
      <c r="B29426" t="s">
        <v>18234</v>
      </c>
      <c r="C29426" t="s">
        <v>18235</v>
      </c>
      <c r="D29426" t="s">
        <v>18236</v>
      </c>
      <c r="E29426" t="s">
        <v>18191</v>
      </c>
      <c r="F29426" t="s">
        <v>18192</v>
      </c>
      <c r="G29426" t="s">
        <v>10734</v>
      </c>
      <c r="H29426" t="s">
        <v>10735</v>
      </c>
      <c r="I29426" s="2">
        <v>0</v>
      </c>
      <c r="J29426" s="2">
        <v>0</v>
      </c>
      <c r="K29426" s="2">
        <v>1</v>
      </c>
      <c r="L29426" t="s">
        <v>995</v>
      </c>
      <c r="M29426" t="s">
        <v>83</v>
      </c>
      <c r="N29426" t="s">
        <v>84</v>
      </c>
      <c r="O29426" t="s">
        <v>85</v>
      </c>
      <c r="P29426" t="s">
        <v>86</v>
      </c>
      <c r="Q29426">
        <v>24</v>
      </c>
      <c r="R29426">
        <v>25</v>
      </c>
      <c r="S29426">
        <v>25</v>
      </c>
      <c r="T29426">
        <v>25</v>
      </c>
      <c r="U29426">
        <v>26</v>
      </c>
      <c r="V29426">
        <v>26</v>
      </c>
      <c r="W29426">
        <v>26</v>
      </c>
      <c r="X29426">
        <v>27</v>
      </c>
      <c r="Y29426">
        <v>27</v>
      </c>
      <c r="Z29426">
        <v>27</v>
      </c>
      <c r="AA29426">
        <v>28</v>
      </c>
      <c r="AB29426">
        <v>28</v>
      </c>
      <c r="AC29426">
        <v>28</v>
      </c>
      <c r="AD29426">
        <v>29</v>
      </c>
      <c r="AE29426">
        <v>29</v>
      </c>
      <c r="AF29426">
        <v>29</v>
      </c>
      <c r="AG29426">
        <v>30</v>
      </c>
      <c r="AH29426">
        <v>30</v>
      </c>
      <c r="AI29426">
        <v>30</v>
      </c>
      <c r="AJ29426">
        <v>31</v>
      </c>
      <c r="AK29426">
        <v>31</v>
      </c>
      <c r="AL29426">
        <v>31</v>
      </c>
      <c r="AM29426">
        <v>31</v>
      </c>
      <c r="AN29426">
        <v>32</v>
      </c>
      <c r="AO29426">
        <v>32</v>
      </c>
      <c r="AP29426">
        <v>32</v>
      </c>
      <c r="AQ29426">
        <v>32</v>
      </c>
    </row>
    <row r="29427" spans="1:43">
      <c r="A29427" t="s">
        <v>18233</v>
      </c>
      <c r="B29427" t="s">
        <v>18234</v>
      </c>
      <c r="C29427" t="s">
        <v>18235</v>
      </c>
      <c r="D29427" t="s">
        <v>18236</v>
      </c>
      <c r="E29427" t="s">
        <v>18191</v>
      </c>
      <c r="F29427" t="s">
        <v>18192</v>
      </c>
      <c r="G29427" t="s">
        <v>10734</v>
      </c>
      <c r="H29427" t="s">
        <v>10735</v>
      </c>
      <c r="I29427" s="2">
        <v>0</v>
      </c>
      <c r="J29427" s="2">
        <v>0</v>
      </c>
      <c r="K29427" s="2">
        <v>1</v>
      </c>
      <c r="L29427" t="s">
        <v>995</v>
      </c>
      <c r="M29427" t="s">
        <v>87</v>
      </c>
      <c r="N29427" t="s">
        <v>88</v>
      </c>
      <c r="O29427" t="s">
        <v>85</v>
      </c>
      <c r="P29427" t="s">
        <v>86</v>
      </c>
      <c r="Q29427">
        <v>24</v>
      </c>
      <c r="R29427">
        <v>24</v>
      </c>
      <c r="S29427">
        <v>24</v>
      </c>
      <c r="T29427">
        <v>24</v>
      </c>
      <c r="U29427">
        <v>25</v>
      </c>
      <c r="V29427">
        <v>25</v>
      </c>
      <c r="W29427">
        <v>25</v>
      </c>
      <c r="X29427">
        <v>25</v>
      </c>
      <c r="Y29427">
        <v>25</v>
      </c>
      <c r="Z29427">
        <v>25</v>
      </c>
      <c r="AA29427">
        <v>25</v>
      </c>
      <c r="AB29427">
        <v>25</v>
      </c>
      <c r="AC29427">
        <v>25</v>
      </c>
      <c r="AD29427">
        <v>26</v>
      </c>
      <c r="AE29427">
        <v>26</v>
      </c>
      <c r="AF29427">
        <v>26</v>
      </c>
      <c r="AG29427">
        <v>26</v>
      </c>
      <c r="AH29427">
        <v>26</v>
      </c>
      <c r="AI29427">
        <v>26</v>
      </c>
      <c r="AJ29427">
        <v>26</v>
      </c>
      <c r="AK29427">
        <v>27</v>
      </c>
      <c r="AL29427">
        <v>27</v>
      </c>
      <c r="AM29427">
        <v>27</v>
      </c>
      <c r="AN29427">
        <v>27</v>
      </c>
      <c r="AO29427">
        <v>27</v>
      </c>
      <c r="AP29427">
        <v>27</v>
      </c>
      <c r="AQ29427">
        <v>28</v>
      </c>
    </row>
    <row r="29428" spans="1:43">
      <c r="A29428" t="s">
        <v>18233</v>
      </c>
      <c r="B29428" t="s">
        <v>18234</v>
      </c>
      <c r="C29428" t="s">
        <v>18235</v>
      </c>
      <c r="D29428" t="s">
        <v>18236</v>
      </c>
      <c r="E29428" t="s">
        <v>18191</v>
      </c>
      <c r="F29428" t="s">
        <v>18192</v>
      </c>
      <c r="G29428" t="s">
        <v>10734</v>
      </c>
      <c r="H29428" t="s">
        <v>10735</v>
      </c>
      <c r="I29428" s="2">
        <v>0</v>
      </c>
      <c r="J29428" s="2">
        <v>0</v>
      </c>
      <c r="K29428" s="2">
        <v>1</v>
      </c>
      <c r="L29428" t="s">
        <v>995</v>
      </c>
      <c r="M29428" t="s">
        <v>89</v>
      </c>
      <c r="N29428" t="s">
        <v>90</v>
      </c>
      <c r="O29428" t="s">
        <v>85</v>
      </c>
      <c r="P29428" t="s">
        <v>86</v>
      </c>
      <c r="Q29428">
        <v>24</v>
      </c>
      <c r="R29428">
        <v>24</v>
      </c>
      <c r="S29428">
        <v>25</v>
      </c>
      <c r="T29428">
        <v>25</v>
      </c>
      <c r="U29428">
        <v>26</v>
      </c>
      <c r="V29428">
        <v>26</v>
      </c>
      <c r="W29428">
        <v>27</v>
      </c>
      <c r="X29428">
        <v>27</v>
      </c>
      <c r="Y29428">
        <v>28</v>
      </c>
      <c r="Z29428">
        <v>28</v>
      </c>
      <c r="AA29428">
        <v>28</v>
      </c>
      <c r="AB29428">
        <v>29</v>
      </c>
      <c r="AC29428">
        <v>29</v>
      </c>
      <c r="AD29428">
        <v>30</v>
      </c>
      <c r="AE29428">
        <v>30</v>
      </c>
      <c r="AF29428">
        <v>30</v>
      </c>
      <c r="AG29428">
        <v>30</v>
      </c>
      <c r="AH29428">
        <v>30</v>
      </c>
      <c r="AI29428">
        <v>31</v>
      </c>
      <c r="AJ29428">
        <v>31</v>
      </c>
      <c r="AK29428">
        <v>31</v>
      </c>
      <c r="AL29428">
        <v>31</v>
      </c>
      <c r="AM29428">
        <v>31</v>
      </c>
      <c r="AN29428">
        <v>31</v>
      </c>
      <c r="AO29428">
        <v>31</v>
      </c>
      <c r="AP29428">
        <v>31</v>
      </c>
      <c r="AQ29428">
        <v>32</v>
      </c>
    </row>
    <row r="29429" spans="1:43">
      <c r="A29429" t="s">
        <v>18233</v>
      </c>
      <c r="B29429" t="s">
        <v>18234</v>
      </c>
      <c r="C29429" t="s">
        <v>18235</v>
      </c>
      <c r="D29429" t="s">
        <v>18236</v>
      </c>
      <c r="E29429" t="s">
        <v>18191</v>
      </c>
      <c r="F29429" t="s">
        <v>18192</v>
      </c>
      <c r="G29429" t="s">
        <v>10734</v>
      </c>
      <c r="H29429" t="s">
        <v>10735</v>
      </c>
      <c r="I29429" s="2">
        <v>0</v>
      </c>
      <c r="J29429" s="2">
        <v>0</v>
      </c>
      <c r="K29429" s="2">
        <v>1</v>
      </c>
      <c r="L29429" t="s">
        <v>995</v>
      </c>
      <c r="M29429" t="s">
        <v>83</v>
      </c>
      <c r="N29429" t="s">
        <v>91</v>
      </c>
      <c r="O29429" t="s">
        <v>85</v>
      </c>
      <c r="P29429" t="s">
        <v>86</v>
      </c>
      <c r="Q29429">
        <v>24</v>
      </c>
      <c r="R29429">
        <v>25</v>
      </c>
      <c r="S29429">
        <v>25</v>
      </c>
      <c r="T29429">
        <v>25</v>
      </c>
      <c r="U29429">
        <v>26</v>
      </c>
      <c r="V29429">
        <v>26</v>
      </c>
      <c r="W29429">
        <v>26</v>
      </c>
      <c r="X29429">
        <v>27</v>
      </c>
      <c r="Y29429">
        <v>27</v>
      </c>
      <c r="Z29429">
        <v>27</v>
      </c>
      <c r="AA29429">
        <v>28</v>
      </c>
      <c r="AB29429">
        <v>28</v>
      </c>
      <c r="AC29429">
        <v>28</v>
      </c>
      <c r="AD29429">
        <v>29</v>
      </c>
      <c r="AE29429">
        <v>29</v>
      </c>
      <c r="AF29429">
        <v>29</v>
      </c>
      <c r="AG29429">
        <v>30</v>
      </c>
      <c r="AH29429">
        <v>30</v>
      </c>
      <c r="AI29429">
        <v>30</v>
      </c>
      <c r="AJ29429">
        <v>31</v>
      </c>
      <c r="AK29429">
        <v>31</v>
      </c>
      <c r="AL29429">
        <v>31</v>
      </c>
      <c r="AM29429">
        <v>31</v>
      </c>
      <c r="AN29429">
        <v>32</v>
      </c>
      <c r="AO29429">
        <v>32</v>
      </c>
      <c r="AP29429">
        <v>32</v>
      </c>
      <c r="AQ29429">
        <v>32</v>
      </c>
    </row>
    <row r="29430" spans="1:43">
      <c r="A29430" t="s">
        <v>18237</v>
      </c>
      <c r="B29430" t="s">
        <v>18238</v>
      </c>
      <c r="C29430" t="s">
        <v>18235</v>
      </c>
      <c r="D29430" t="s">
        <v>18236</v>
      </c>
      <c r="E29430" t="s">
        <v>18191</v>
      </c>
      <c r="F29430" t="s">
        <v>18192</v>
      </c>
      <c r="G29430" t="s">
        <v>10734</v>
      </c>
      <c r="H29430" t="s">
        <v>10735</v>
      </c>
      <c r="I29430" s="2">
        <v>0</v>
      </c>
      <c r="J29430" s="2">
        <v>0</v>
      </c>
      <c r="K29430" s="2">
        <v>1</v>
      </c>
      <c r="L29430" t="s">
        <v>995</v>
      </c>
      <c r="M29430" t="s">
        <v>83</v>
      </c>
      <c r="N29430" t="s">
        <v>84</v>
      </c>
      <c r="O29430" t="s">
        <v>85</v>
      </c>
      <c r="P29430" t="s">
        <v>86</v>
      </c>
      <c r="Q29430">
        <v>56</v>
      </c>
      <c r="R29430">
        <v>56</v>
      </c>
      <c r="S29430">
        <v>57</v>
      </c>
      <c r="T29430">
        <v>58</v>
      </c>
      <c r="U29430">
        <v>59</v>
      </c>
      <c r="V29430">
        <v>59</v>
      </c>
      <c r="W29430">
        <v>60</v>
      </c>
      <c r="X29430">
        <v>61</v>
      </c>
      <c r="Y29430">
        <v>62</v>
      </c>
      <c r="Z29430">
        <v>62</v>
      </c>
      <c r="AA29430">
        <v>63</v>
      </c>
      <c r="AB29430">
        <v>64</v>
      </c>
      <c r="AC29430">
        <v>64</v>
      </c>
      <c r="AD29430">
        <v>65</v>
      </c>
      <c r="AE29430">
        <v>66</v>
      </c>
      <c r="AF29430">
        <v>67</v>
      </c>
      <c r="AG29430">
        <v>67</v>
      </c>
      <c r="AH29430">
        <v>68</v>
      </c>
      <c r="AI29430">
        <v>69</v>
      </c>
      <c r="AJ29430">
        <v>70</v>
      </c>
      <c r="AK29430">
        <v>71</v>
      </c>
      <c r="AL29430">
        <v>71</v>
      </c>
      <c r="AM29430">
        <v>71</v>
      </c>
      <c r="AN29430">
        <v>71</v>
      </c>
      <c r="AO29430">
        <v>72</v>
      </c>
      <c r="AP29430">
        <v>72</v>
      </c>
      <c r="AQ29430">
        <v>72</v>
      </c>
    </row>
    <row r="29431" spans="1:43">
      <c r="A29431" t="s">
        <v>18237</v>
      </c>
      <c r="B29431" t="s">
        <v>18238</v>
      </c>
      <c r="C29431" t="s">
        <v>18235</v>
      </c>
      <c r="D29431" t="s">
        <v>18236</v>
      </c>
      <c r="E29431" t="s">
        <v>18191</v>
      </c>
      <c r="F29431" t="s">
        <v>18192</v>
      </c>
      <c r="G29431" t="s">
        <v>10734</v>
      </c>
      <c r="H29431" t="s">
        <v>10735</v>
      </c>
      <c r="I29431" s="2">
        <v>0</v>
      </c>
      <c r="J29431" s="2">
        <v>0</v>
      </c>
      <c r="K29431" s="2">
        <v>1</v>
      </c>
      <c r="L29431" t="s">
        <v>995</v>
      </c>
      <c r="M29431" t="s">
        <v>87</v>
      </c>
      <c r="N29431" t="s">
        <v>88</v>
      </c>
      <c r="O29431" t="s">
        <v>85</v>
      </c>
      <c r="P29431" t="s">
        <v>86</v>
      </c>
      <c r="Q29431">
        <v>56</v>
      </c>
      <c r="R29431">
        <v>56</v>
      </c>
      <c r="S29431">
        <v>57</v>
      </c>
      <c r="T29431">
        <v>57</v>
      </c>
      <c r="U29431">
        <v>57</v>
      </c>
      <c r="V29431">
        <v>57</v>
      </c>
      <c r="W29431">
        <v>58</v>
      </c>
      <c r="X29431">
        <v>58</v>
      </c>
      <c r="Y29431">
        <v>58</v>
      </c>
      <c r="Z29431">
        <v>58</v>
      </c>
      <c r="AA29431">
        <v>58</v>
      </c>
      <c r="AB29431">
        <v>59</v>
      </c>
      <c r="AC29431">
        <v>59</v>
      </c>
      <c r="AD29431">
        <v>59</v>
      </c>
      <c r="AE29431">
        <v>59</v>
      </c>
      <c r="AF29431">
        <v>60</v>
      </c>
      <c r="AG29431">
        <v>60</v>
      </c>
      <c r="AH29431">
        <v>60</v>
      </c>
      <c r="AI29431">
        <v>61</v>
      </c>
      <c r="AJ29431">
        <v>61</v>
      </c>
      <c r="AK29431">
        <v>61</v>
      </c>
      <c r="AL29431">
        <v>61</v>
      </c>
      <c r="AM29431">
        <v>62</v>
      </c>
      <c r="AN29431">
        <v>62</v>
      </c>
      <c r="AO29431">
        <v>63</v>
      </c>
      <c r="AP29431">
        <v>63</v>
      </c>
      <c r="AQ29431">
        <v>63</v>
      </c>
    </row>
    <row r="29432" spans="1:43">
      <c r="A29432" t="s">
        <v>18237</v>
      </c>
      <c r="B29432" t="s">
        <v>18238</v>
      </c>
      <c r="C29432" t="s">
        <v>18235</v>
      </c>
      <c r="D29432" t="s">
        <v>18236</v>
      </c>
      <c r="E29432" t="s">
        <v>18191</v>
      </c>
      <c r="F29432" t="s">
        <v>18192</v>
      </c>
      <c r="G29432" t="s">
        <v>10734</v>
      </c>
      <c r="H29432" t="s">
        <v>10735</v>
      </c>
      <c r="I29432" s="2">
        <v>0</v>
      </c>
      <c r="J29432" s="2">
        <v>0</v>
      </c>
      <c r="K29432" s="2">
        <v>1</v>
      </c>
      <c r="L29432" t="s">
        <v>995</v>
      </c>
      <c r="M29432" t="s">
        <v>89</v>
      </c>
      <c r="N29432" t="s">
        <v>90</v>
      </c>
      <c r="O29432" t="s">
        <v>85</v>
      </c>
      <c r="P29432" t="s">
        <v>86</v>
      </c>
      <c r="Q29432">
        <v>56</v>
      </c>
      <c r="R29432">
        <v>57</v>
      </c>
      <c r="S29432">
        <v>59</v>
      </c>
      <c r="T29432">
        <v>60</v>
      </c>
      <c r="U29432">
        <v>61</v>
      </c>
      <c r="V29432">
        <v>62</v>
      </c>
      <c r="W29432">
        <v>63</v>
      </c>
      <c r="X29432">
        <v>64</v>
      </c>
      <c r="Y29432">
        <v>65</v>
      </c>
      <c r="Z29432">
        <v>66</v>
      </c>
      <c r="AA29432">
        <v>67</v>
      </c>
      <c r="AB29432">
        <v>68</v>
      </c>
      <c r="AC29432">
        <v>69</v>
      </c>
      <c r="AD29432">
        <v>70</v>
      </c>
      <c r="AE29432">
        <v>71</v>
      </c>
      <c r="AF29432">
        <v>71</v>
      </c>
      <c r="AG29432">
        <v>71</v>
      </c>
      <c r="AH29432">
        <v>71</v>
      </c>
      <c r="AI29432">
        <v>71</v>
      </c>
      <c r="AJ29432">
        <v>71</v>
      </c>
      <c r="AK29432">
        <v>72</v>
      </c>
      <c r="AL29432">
        <v>72</v>
      </c>
      <c r="AM29432">
        <v>72</v>
      </c>
      <c r="AN29432">
        <v>72</v>
      </c>
      <c r="AO29432">
        <v>73</v>
      </c>
      <c r="AP29432">
        <v>73</v>
      </c>
      <c r="AQ29432">
        <v>73</v>
      </c>
    </row>
    <row r="29433" spans="1:43">
      <c r="A29433" t="s">
        <v>18237</v>
      </c>
      <c r="B29433" t="s">
        <v>18238</v>
      </c>
      <c r="C29433" t="s">
        <v>18235</v>
      </c>
      <c r="D29433" t="s">
        <v>18236</v>
      </c>
      <c r="E29433" t="s">
        <v>18191</v>
      </c>
      <c r="F29433" t="s">
        <v>18192</v>
      </c>
      <c r="G29433" t="s">
        <v>10734</v>
      </c>
      <c r="H29433" t="s">
        <v>10735</v>
      </c>
      <c r="I29433" s="2">
        <v>0</v>
      </c>
      <c r="J29433" s="2">
        <v>0</v>
      </c>
      <c r="K29433" s="2">
        <v>1</v>
      </c>
      <c r="L29433" t="s">
        <v>995</v>
      </c>
      <c r="M29433" t="s">
        <v>83</v>
      </c>
      <c r="N29433" t="s">
        <v>91</v>
      </c>
      <c r="O29433" t="s">
        <v>85</v>
      </c>
      <c r="P29433" t="s">
        <v>86</v>
      </c>
      <c r="Q29433">
        <v>56</v>
      </c>
      <c r="R29433">
        <v>56</v>
      </c>
      <c r="S29433">
        <v>57</v>
      </c>
      <c r="T29433">
        <v>58</v>
      </c>
      <c r="U29433">
        <v>59</v>
      </c>
      <c r="V29433">
        <v>59</v>
      </c>
      <c r="W29433">
        <v>60</v>
      </c>
      <c r="X29433">
        <v>61</v>
      </c>
      <c r="Y29433">
        <v>62</v>
      </c>
      <c r="Z29433">
        <v>62</v>
      </c>
      <c r="AA29433">
        <v>63</v>
      </c>
      <c r="AB29433">
        <v>64</v>
      </c>
      <c r="AC29433">
        <v>64</v>
      </c>
      <c r="AD29433">
        <v>65</v>
      </c>
      <c r="AE29433">
        <v>66</v>
      </c>
      <c r="AF29433">
        <v>67</v>
      </c>
      <c r="AG29433">
        <v>67</v>
      </c>
      <c r="AH29433">
        <v>68</v>
      </c>
      <c r="AI29433">
        <v>69</v>
      </c>
      <c r="AJ29433">
        <v>70</v>
      </c>
      <c r="AK29433">
        <v>71</v>
      </c>
      <c r="AL29433">
        <v>71</v>
      </c>
      <c r="AM29433">
        <v>71</v>
      </c>
      <c r="AN29433">
        <v>71</v>
      </c>
      <c r="AO29433">
        <v>72</v>
      </c>
      <c r="AP29433">
        <v>72</v>
      </c>
      <c r="AQ29433">
        <v>72</v>
      </c>
    </row>
    <row r="29434" spans="1:43">
      <c r="A29434" t="s">
        <v>18239</v>
      </c>
      <c r="B29434" t="s">
        <v>18240</v>
      </c>
      <c r="C29434" t="s">
        <v>18229</v>
      </c>
      <c r="D29434" t="s">
        <v>18230</v>
      </c>
      <c r="E29434" t="s">
        <v>18191</v>
      </c>
      <c r="F29434" t="s">
        <v>18192</v>
      </c>
      <c r="G29434" t="s">
        <v>10734</v>
      </c>
      <c r="H29434" t="s">
        <v>10735</v>
      </c>
      <c r="I29434" s="2">
        <v>0</v>
      </c>
      <c r="J29434" s="2">
        <v>0</v>
      </c>
      <c r="K29434" s="2">
        <v>1</v>
      </c>
      <c r="L29434" t="s">
        <v>995</v>
      </c>
      <c r="M29434" t="s">
        <v>83</v>
      </c>
      <c r="N29434" t="s">
        <v>84</v>
      </c>
      <c r="O29434" t="s">
        <v>85</v>
      </c>
      <c r="P29434" t="s">
        <v>86</v>
      </c>
      <c r="Q29434">
        <v>34</v>
      </c>
      <c r="R29434">
        <v>34</v>
      </c>
      <c r="S29434">
        <v>35</v>
      </c>
      <c r="T29434">
        <v>35</v>
      </c>
      <c r="U29434">
        <v>36</v>
      </c>
      <c r="V29434">
        <v>36</v>
      </c>
      <c r="W29434">
        <v>36</v>
      </c>
      <c r="X29434">
        <v>37</v>
      </c>
      <c r="Y29434">
        <v>37</v>
      </c>
      <c r="Z29434">
        <v>38</v>
      </c>
      <c r="AA29434">
        <v>38</v>
      </c>
      <c r="AB29434">
        <v>39</v>
      </c>
      <c r="AC29434">
        <v>39</v>
      </c>
      <c r="AD29434">
        <v>39</v>
      </c>
      <c r="AE29434">
        <v>40</v>
      </c>
      <c r="AF29434">
        <v>40</v>
      </c>
      <c r="AG29434">
        <v>41</v>
      </c>
      <c r="AH29434">
        <v>41</v>
      </c>
      <c r="AI29434">
        <v>41</v>
      </c>
      <c r="AJ29434">
        <v>42</v>
      </c>
      <c r="AK29434">
        <v>42</v>
      </c>
      <c r="AL29434">
        <v>42</v>
      </c>
      <c r="AM29434">
        <v>42</v>
      </c>
      <c r="AN29434">
        <v>43</v>
      </c>
      <c r="AO29434">
        <v>43</v>
      </c>
      <c r="AP29434">
        <v>43</v>
      </c>
      <c r="AQ29434">
        <v>43</v>
      </c>
    </row>
    <row r="29435" spans="1:43">
      <c r="A29435" t="s">
        <v>18239</v>
      </c>
      <c r="B29435" t="s">
        <v>18240</v>
      </c>
      <c r="C29435" t="s">
        <v>18229</v>
      </c>
      <c r="D29435" t="s">
        <v>18230</v>
      </c>
      <c r="E29435" t="s">
        <v>18191</v>
      </c>
      <c r="F29435" t="s">
        <v>18192</v>
      </c>
      <c r="G29435" t="s">
        <v>10734</v>
      </c>
      <c r="H29435" t="s">
        <v>10735</v>
      </c>
      <c r="I29435" s="2">
        <v>0</v>
      </c>
      <c r="J29435" s="2">
        <v>0</v>
      </c>
      <c r="K29435" s="2">
        <v>1</v>
      </c>
      <c r="L29435" t="s">
        <v>995</v>
      </c>
      <c r="M29435" t="s">
        <v>87</v>
      </c>
      <c r="N29435" t="s">
        <v>88</v>
      </c>
      <c r="O29435" t="s">
        <v>85</v>
      </c>
      <c r="P29435" t="s">
        <v>86</v>
      </c>
      <c r="Q29435">
        <v>34</v>
      </c>
      <c r="R29435">
        <v>34</v>
      </c>
      <c r="S29435">
        <v>34</v>
      </c>
      <c r="T29435">
        <v>34</v>
      </c>
      <c r="U29435">
        <v>34</v>
      </c>
      <c r="V29435">
        <v>34</v>
      </c>
      <c r="W29435">
        <v>34</v>
      </c>
      <c r="X29435">
        <v>34</v>
      </c>
      <c r="Y29435">
        <v>34</v>
      </c>
      <c r="Z29435">
        <v>35</v>
      </c>
      <c r="AA29435">
        <v>35</v>
      </c>
      <c r="AB29435">
        <v>35</v>
      </c>
      <c r="AC29435">
        <v>35</v>
      </c>
      <c r="AD29435">
        <v>35</v>
      </c>
      <c r="AE29435">
        <v>35</v>
      </c>
      <c r="AF29435">
        <v>35</v>
      </c>
      <c r="AG29435">
        <v>35</v>
      </c>
      <c r="AH29435">
        <v>36</v>
      </c>
      <c r="AI29435">
        <v>36</v>
      </c>
      <c r="AJ29435">
        <v>36</v>
      </c>
      <c r="AK29435">
        <v>36</v>
      </c>
      <c r="AL29435">
        <v>36</v>
      </c>
      <c r="AM29435">
        <v>36</v>
      </c>
      <c r="AN29435">
        <v>37</v>
      </c>
      <c r="AO29435">
        <v>37</v>
      </c>
      <c r="AP29435">
        <v>37</v>
      </c>
      <c r="AQ29435">
        <v>37</v>
      </c>
    </row>
    <row r="29436" spans="1:43">
      <c r="A29436" t="s">
        <v>18239</v>
      </c>
      <c r="B29436" t="s">
        <v>18240</v>
      </c>
      <c r="C29436" t="s">
        <v>18229</v>
      </c>
      <c r="D29436" t="s">
        <v>18230</v>
      </c>
      <c r="E29436" t="s">
        <v>18191</v>
      </c>
      <c r="F29436" t="s">
        <v>18192</v>
      </c>
      <c r="G29436" t="s">
        <v>10734</v>
      </c>
      <c r="H29436" t="s">
        <v>10735</v>
      </c>
      <c r="I29436" s="2">
        <v>0</v>
      </c>
      <c r="J29436" s="2">
        <v>0</v>
      </c>
      <c r="K29436" s="2">
        <v>1</v>
      </c>
      <c r="L29436" t="s">
        <v>995</v>
      </c>
      <c r="M29436" t="s">
        <v>89</v>
      </c>
      <c r="N29436" t="s">
        <v>90</v>
      </c>
      <c r="O29436" t="s">
        <v>85</v>
      </c>
      <c r="P29436" t="s">
        <v>86</v>
      </c>
      <c r="Q29436">
        <v>34</v>
      </c>
      <c r="R29436">
        <v>35</v>
      </c>
      <c r="S29436">
        <v>36</v>
      </c>
      <c r="T29436">
        <v>36</v>
      </c>
      <c r="U29436">
        <v>37</v>
      </c>
      <c r="V29436">
        <v>38</v>
      </c>
      <c r="W29436">
        <v>38</v>
      </c>
      <c r="X29436">
        <v>39</v>
      </c>
      <c r="Y29436">
        <v>40</v>
      </c>
      <c r="Z29436">
        <v>40</v>
      </c>
      <c r="AA29436">
        <v>41</v>
      </c>
      <c r="AB29436">
        <v>41</v>
      </c>
      <c r="AC29436">
        <v>42</v>
      </c>
      <c r="AD29436">
        <v>42</v>
      </c>
      <c r="AE29436">
        <v>43</v>
      </c>
      <c r="AF29436">
        <v>43</v>
      </c>
      <c r="AG29436">
        <v>43</v>
      </c>
      <c r="AH29436">
        <v>43</v>
      </c>
      <c r="AI29436">
        <v>43</v>
      </c>
      <c r="AJ29436">
        <v>43</v>
      </c>
      <c r="AK29436">
        <v>43</v>
      </c>
      <c r="AL29436">
        <v>43</v>
      </c>
      <c r="AM29436">
        <v>43</v>
      </c>
      <c r="AN29436">
        <v>43</v>
      </c>
      <c r="AO29436">
        <v>43</v>
      </c>
      <c r="AP29436">
        <v>43</v>
      </c>
      <c r="AQ29436">
        <v>43</v>
      </c>
    </row>
    <row r="29437" spans="1:43">
      <c r="A29437" t="s">
        <v>18239</v>
      </c>
      <c r="B29437" t="s">
        <v>18240</v>
      </c>
      <c r="C29437" t="s">
        <v>18229</v>
      </c>
      <c r="D29437" t="s">
        <v>18230</v>
      </c>
      <c r="E29437" t="s">
        <v>18191</v>
      </c>
      <c r="F29437" t="s">
        <v>18192</v>
      </c>
      <c r="G29437" t="s">
        <v>10734</v>
      </c>
      <c r="H29437" t="s">
        <v>10735</v>
      </c>
      <c r="I29437" s="2">
        <v>0</v>
      </c>
      <c r="J29437" s="2">
        <v>0</v>
      </c>
      <c r="K29437" s="2">
        <v>1</v>
      </c>
      <c r="L29437" t="s">
        <v>995</v>
      </c>
      <c r="M29437" t="s">
        <v>83</v>
      </c>
      <c r="N29437" t="s">
        <v>91</v>
      </c>
      <c r="O29437" t="s">
        <v>85</v>
      </c>
      <c r="P29437" t="s">
        <v>86</v>
      </c>
      <c r="Q29437">
        <v>34</v>
      </c>
      <c r="R29437">
        <v>34</v>
      </c>
      <c r="S29437">
        <v>35</v>
      </c>
      <c r="T29437">
        <v>35</v>
      </c>
      <c r="U29437">
        <v>36</v>
      </c>
      <c r="V29437">
        <v>36</v>
      </c>
      <c r="W29437">
        <v>36</v>
      </c>
      <c r="X29437">
        <v>37</v>
      </c>
      <c r="Y29437">
        <v>37</v>
      </c>
      <c r="Z29437">
        <v>38</v>
      </c>
      <c r="AA29437">
        <v>38</v>
      </c>
      <c r="AB29437">
        <v>39</v>
      </c>
      <c r="AC29437">
        <v>39</v>
      </c>
      <c r="AD29437">
        <v>39</v>
      </c>
      <c r="AE29437">
        <v>40</v>
      </c>
      <c r="AF29437">
        <v>40</v>
      </c>
      <c r="AG29437">
        <v>41</v>
      </c>
      <c r="AH29437">
        <v>41</v>
      </c>
      <c r="AI29437">
        <v>41</v>
      </c>
      <c r="AJ29437">
        <v>42</v>
      </c>
      <c r="AK29437">
        <v>42</v>
      </c>
      <c r="AL29437">
        <v>42</v>
      </c>
      <c r="AM29437">
        <v>42</v>
      </c>
      <c r="AN29437">
        <v>43</v>
      </c>
      <c r="AO29437">
        <v>43</v>
      </c>
      <c r="AP29437">
        <v>43</v>
      </c>
      <c r="AQ29437">
        <v>43</v>
      </c>
    </row>
    <row r="29438" spans="1:43">
      <c r="A29438" t="s">
        <v>18241</v>
      </c>
      <c r="B29438" t="s">
        <v>18242</v>
      </c>
      <c r="C29438" t="s">
        <v>18229</v>
      </c>
      <c r="D29438" t="s">
        <v>18230</v>
      </c>
      <c r="E29438" t="s">
        <v>18191</v>
      </c>
      <c r="F29438" t="s">
        <v>18192</v>
      </c>
      <c r="G29438" t="s">
        <v>10734</v>
      </c>
      <c r="H29438" t="s">
        <v>10735</v>
      </c>
      <c r="I29438" s="2">
        <v>0</v>
      </c>
      <c r="J29438" s="2">
        <v>0</v>
      </c>
      <c r="K29438" s="2">
        <v>1</v>
      </c>
      <c r="L29438" t="s">
        <v>995</v>
      </c>
      <c r="M29438" t="s">
        <v>83</v>
      </c>
      <c r="N29438" t="s">
        <v>84</v>
      </c>
      <c r="O29438" t="s">
        <v>85</v>
      </c>
      <c r="P29438" t="s">
        <v>86</v>
      </c>
      <c r="Q29438">
        <v>39</v>
      </c>
      <c r="R29438">
        <v>40</v>
      </c>
      <c r="S29438">
        <v>40</v>
      </c>
      <c r="T29438">
        <v>41</v>
      </c>
      <c r="U29438">
        <v>41</v>
      </c>
      <c r="V29438">
        <v>42</v>
      </c>
      <c r="W29438">
        <v>42</v>
      </c>
      <c r="X29438">
        <v>43</v>
      </c>
      <c r="Y29438">
        <v>43</v>
      </c>
      <c r="Z29438">
        <v>43</v>
      </c>
      <c r="AA29438">
        <v>44</v>
      </c>
      <c r="AB29438">
        <v>44</v>
      </c>
      <c r="AC29438">
        <v>45</v>
      </c>
      <c r="AD29438">
        <v>45</v>
      </c>
      <c r="AE29438">
        <v>46</v>
      </c>
      <c r="AF29438">
        <v>46</v>
      </c>
      <c r="AG29438">
        <v>47</v>
      </c>
      <c r="AH29438">
        <v>47</v>
      </c>
      <c r="AI29438">
        <v>48</v>
      </c>
      <c r="AJ29438">
        <v>48</v>
      </c>
      <c r="AK29438">
        <v>49</v>
      </c>
      <c r="AL29438">
        <v>49</v>
      </c>
      <c r="AM29438">
        <v>49</v>
      </c>
      <c r="AN29438">
        <v>49</v>
      </c>
      <c r="AO29438">
        <v>49</v>
      </c>
      <c r="AP29438">
        <v>50</v>
      </c>
      <c r="AQ29438">
        <v>50</v>
      </c>
    </row>
    <row r="29439" spans="1:43">
      <c r="A29439" t="s">
        <v>18241</v>
      </c>
      <c r="B29439" t="s">
        <v>18242</v>
      </c>
      <c r="C29439" t="s">
        <v>18229</v>
      </c>
      <c r="D29439" t="s">
        <v>18230</v>
      </c>
      <c r="E29439" t="s">
        <v>18191</v>
      </c>
      <c r="F29439" t="s">
        <v>18192</v>
      </c>
      <c r="G29439" t="s">
        <v>10734</v>
      </c>
      <c r="H29439" t="s">
        <v>10735</v>
      </c>
      <c r="I29439" s="2">
        <v>0</v>
      </c>
      <c r="J29439" s="2">
        <v>0</v>
      </c>
      <c r="K29439" s="2">
        <v>1</v>
      </c>
      <c r="L29439" t="s">
        <v>995</v>
      </c>
      <c r="M29439" t="s">
        <v>87</v>
      </c>
      <c r="N29439" t="s">
        <v>88</v>
      </c>
      <c r="O29439" t="s">
        <v>85</v>
      </c>
      <c r="P29439" t="s">
        <v>86</v>
      </c>
      <c r="Q29439">
        <v>39</v>
      </c>
      <c r="R29439">
        <v>39</v>
      </c>
      <c r="S29439">
        <v>39</v>
      </c>
      <c r="T29439">
        <v>39</v>
      </c>
      <c r="U29439">
        <v>39</v>
      </c>
      <c r="V29439">
        <v>39</v>
      </c>
      <c r="W29439">
        <v>40</v>
      </c>
      <c r="X29439">
        <v>40</v>
      </c>
      <c r="Y29439">
        <v>40</v>
      </c>
      <c r="Z29439">
        <v>40</v>
      </c>
      <c r="AA29439">
        <v>40</v>
      </c>
      <c r="AB29439">
        <v>40</v>
      </c>
      <c r="AC29439">
        <v>40</v>
      </c>
      <c r="AD29439">
        <v>40</v>
      </c>
      <c r="AE29439">
        <v>41</v>
      </c>
      <c r="AF29439">
        <v>41</v>
      </c>
      <c r="AG29439">
        <v>41</v>
      </c>
      <c r="AH29439">
        <v>41</v>
      </c>
      <c r="AI29439">
        <v>41</v>
      </c>
      <c r="AJ29439">
        <v>41</v>
      </c>
      <c r="AK29439">
        <v>42</v>
      </c>
      <c r="AL29439">
        <v>42</v>
      </c>
      <c r="AM29439">
        <v>42</v>
      </c>
      <c r="AN29439">
        <v>42</v>
      </c>
      <c r="AO29439">
        <v>42</v>
      </c>
      <c r="AP29439">
        <v>43</v>
      </c>
      <c r="AQ29439">
        <v>43</v>
      </c>
    </row>
    <row r="29440" spans="1:43">
      <c r="A29440" t="s">
        <v>18241</v>
      </c>
      <c r="B29440" t="s">
        <v>18242</v>
      </c>
      <c r="C29440" t="s">
        <v>18229</v>
      </c>
      <c r="D29440" t="s">
        <v>18230</v>
      </c>
      <c r="E29440" t="s">
        <v>18191</v>
      </c>
      <c r="F29440" t="s">
        <v>18192</v>
      </c>
      <c r="G29440" t="s">
        <v>10734</v>
      </c>
      <c r="H29440" t="s">
        <v>10735</v>
      </c>
      <c r="I29440" s="2">
        <v>0</v>
      </c>
      <c r="J29440" s="2">
        <v>0</v>
      </c>
      <c r="K29440" s="2">
        <v>1</v>
      </c>
      <c r="L29440" t="s">
        <v>995</v>
      </c>
      <c r="M29440" t="s">
        <v>89</v>
      </c>
      <c r="N29440" t="s">
        <v>90</v>
      </c>
      <c r="O29440" t="s">
        <v>85</v>
      </c>
      <c r="P29440" t="s">
        <v>86</v>
      </c>
      <c r="Q29440">
        <v>39</v>
      </c>
      <c r="R29440">
        <v>39</v>
      </c>
      <c r="S29440">
        <v>40</v>
      </c>
      <c r="T29440">
        <v>41</v>
      </c>
      <c r="U29440">
        <v>42</v>
      </c>
      <c r="V29440">
        <v>43</v>
      </c>
      <c r="W29440">
        <v>43</v>
      </c>
      <c r="X29440">
        <v>44</v>
      </c>
      <c r="Y29440">
        <v>45</v>
      </c>
      <c r="Z29440">
        <v>45</v>
      </c>
      <c r="AA29440">
        <v>46</v>
      </c>
      <c r="AB29440">
        <v>47</v>
      </c>
      <c r="AC29440">
        <v>47</v>
      </c>
      <c r="AD29440">
        <v>48</v>
      </c>
      <c r="AE29440">
        <v>48</v>
      </c>
      <c r="AF29440">
        <v>48</v>
      </c>
      <c r="AG29440">
        <v>48</v>
      </c>
      <c r="AH29440">
        <v>48</v>
      </c>
      <c r="AI29440">
        <v>48</v>
      </c>
      <c r="AJ29440">
        <v>49</v>
      </c>
      <c r="AK29440">
        <v>49</v>
      </c>
      <c r="AL29440">
        <v>49</v>
      </c>
      <c r="AM29440">
        <v>49</v>
      </c>
      <c r="AN29440">
        <v>49</v>
      </c>
      <c r="AO29440">
        <v>49</v>
      </c>
      <c r="AP29440">
        <v>49</v>
      </c>
      <c r="AQ29440">
        <v>49</v>
      </c>
    </row>
    <row r="29441" spans="1:43">
      <c r="A29441" t="s">
        <v>18241</v>
      </c>
      <c r="B29441" t="s">
        <v>18242</v>
      </c>
      <c r="C29441" t="s">
        <v>18229</v>
      </c>
      <c r="D29441" t="s">
        <v>18230</v>
      </c>
      <c r="E29441" t="s">
        <v>18191</v>
      </c>
      <c r="F29441" t="s">
        <v>18192</v>
      </c>
      <c r="G29441" t="s">
        <v>10734</v>
      </c>
      <c r="H29441" t="s">
        <v>10735</v>
      </c>
      <c r="I29441" s="2">
        <v>0</v>
      </c>
      <c r="J29441" s="2">
        <v>0</v>
      </c>
      <c r="K29441" s="2">
        <v>1</v>
      </c>
      <c r="L29441" t="s">
        <v>995</v>
      </c>
      <c r="M29441" t="s">
        <v>83</v>
      </c>
      <c r="N29441" t="s">
        <v>91</v>
      </c>
      <c r="O29441" t="s">
        <v>85</v>
      </c>
      <c r="P29441" t="s">
        <v>86</v>
      </c>
      <c r="Q29441">
        <v>39</v>
      </c>
      <c r="R29441">
        <v>40</v>
      </c>
      <c r="S29441">
        <v>40</v>
      </c>
      <c r="T29441">
        <v>41</v>
      </c>
      <c r="U29441">
        <v>41</v>
      </c>
      <c r="V29441">
        <v>42</v>
      </c>
      <c r="W29441">
        <v>42</v>
      </c>
      <c r="X29441">
        <v>43</v>
      </c>
      <c r="Y29441">
        <v>43</v>
      </c>
      <c r="Z29441">
        <v>43</v>
      </c>
      <c r="AA29441">
        <v>44</v>
      </c>
      <c r="AB29441">
        <v>44</v>
      </c>
      <c r="AC29441">
        <v>45</v>
      </c>
      <c r="AD29441">
        <v>45</v>
      </c>
      <c r="AE29441">
        <v>46</v>
      </c>
      <c r="AF29441">
        <v>46</v>
      </c>
      <c r="AG29441">
        <v>47</v>
      </c>
      <c r="AH29441">
        <v>47</v>
      </c>
      <c r="AI29441">
        <v>48</v>
      </c>
      <c r="AJ29441">
        <v>48</v>
      </c>
      <c r="AK29441">
        <v>49</v>
      </c>
      <c r="AL29441">
        <v>49</v>
      </c>
      <c r="AM29441">
        <v>49</v>
      </c>
      <c r="AN29441">
        <v>49</v>
      </c>
      <c r="AO29441">
        <v>49</v>
      </c>
      <c r="AP29441">
        <v>50</v>
      </c>
      <c r="AQ29441">
        <v>50</v>
      </c>
    </row>
    <row r="29442" spans="1:43">
      <c r="A29442" t="s">
        <v>18243</v>
      </c>
      <c r="B29442" t="s">
        <v>18244</v>
      </c>
      <c r="C29442" t="s">
        <v>18245</v>
      </c>
      <c r="D29442" t="s">
        <v>18246</v>
      </c>
      <c r="E29442" t="s">
        <v>18191</v>
      </c>
      <c r="F29442" t="s">
        <v>18192</v>
      </c>
      <c r="G29442" t="s">
        <v>10734</v>
      </c>
      <c r="H29442" t="s">
        <v>10735</v>
      </c>
      <c r="I29442" s="2">
        <v>0</v>
      </c>
      <c r="J29442" s="2">
        <v>0</v>
      </c>
      <c r="K29442" s="2">
        <v>1</v>
      </c>
      <c r="L29442" t="s">
        <v>995</v>
      </c>
      <c r="M29442" t="s">
        <v>83</v>
      </c>
      <c r="N29442" t="s">
        <v>84</v>
      </c>
      <c r="O29442" t="s">
        <v>85</v>
      </c>
      <c r="P29442" t="s">
        <v>86</v>
      </c>
      <c r="Q29442">
        <v>162</v>
      </c>
      <c r="R29442">
        <v>164</v>
      </c>
      <c r="S29442">
        <v>166</v>
      </c>
      <c r="T29442">
        <v>169</v>
      </c>
      <c r="U29442">
        <v>171</v>
      </c>
      <c r="V29442">
        <v>173</v>
      </c>
      <c r="W29442">
        <v>176</v>
      </c>
      <c r="X29442">
        <v>178</v>
      </c>
      <c r="Y29442">
        <v>181</v>
      </c>
      <c r="Z29442">
        <v>183</v>
      </c>
      <c r="AA29442">
        <v>185</v>
      </c>
      <c r="AB29442">
        <v>188</v>
      </c>
      <c r="AC29442">
        <v>190</v>
      </c>
      <c r="AD29442">
        <v>192</v>
      </c>
      <c r="AE29442">
        <v>195</v>
      </c>
      <c r="AF29442">
        <v>197</v>
      </c>
      <c r="AG29442">
        <v>199</v>
      </c>
      <c r="AH29442">
        <v>202</v>
      </c>
      <c r="AI29442">
        <v>204</v>
      </c>
      <c r="AJ29442">
        <v>206</v>
      </c>
      <c r="AK29442">
        <v>209</v>
      </c>
      <c r="AL29442">
        <v>210</v>
      </c>
      <c r="AM29442">
        <v>211</v>
      </c>
      <c r="AN29442">
        <v>212</v>
      </c>
      <c r="AO29442">
        <v>213</v>
      </c>
      <c r="AP29442">
        <v>214</v>
      </c>
      <c r="AQ29442">
        <v>216</v>
      </c>
    </row>
    <row r="29443" spans="1:43">
      <c r="A29443" t="s">
        <v>18243</v>
      </c>
      <c r="B29443" t="s">
        <v>18244</v>
      </c>
      <c r="C29443" t="s">
        <v>18245</v>
      </c>
      <c r="D29443" t="s">
        <v>18246</v>
      </c>
      <c r="E29443" t="s">
        <v>18191</v>
      </c>
      <c r="F29443" t="s">
        <v>18192</v>
      </c>
      <c r="G29443" t="s">
        <v>10734</v>
      </c>
      <c r="H29443" t="s">
        <v>10735</v>
      </c>
      <c r="I29443" s="2">
        <v>0</v>
      </c>
      <c r="J29443" s="2">
        <v>0</v>
      </c>
      <c r="K29443" s="2">
        <v>1</v>
      </c>
      <c r="L29443" t="s">
        <v>995</v>
      </c>
      <c r="M29443" t="s">
        <v>87</v>
      </c>
      <c r="N29443" t="s">
        <v>88</v>
      </c>
      <c r="O29443" t="s">
        <v>85</v>
      </c>
      <c r="P29443" t="s">
        <v>86</v>
      </c>
      <c r="Q29443">
        <v>162</v>
      </c>
      <c r="R29443">
        <v>163</v>
      </c>
      <c r="S29443">
        <v>164</v>
      </c>
      <c r="T29443">
        <v>165</v>
      </c>
      <c r="U29443">
        <v>166</v>
      </c>
      <c r="V29443">
        <v>166</v>
      </c>
      <c r="W29443">
        <v>167</v>
      </c>
      <c r="X29443">
        <v>168</v>
      </c>
      <c r="Y29443">
        <v>169</v>
      </c>
      <c r="Z29443">
        <v>170</v>
      </c>
      <c r="AA29443">
        <v>171</v>
      </c>
      <c r="AB29443">
        <v>172</v>
      </c>
      <c r="AC29443">
        <v>173</v>
      </c>
      <c r="AD29443">
        <v>174</v>
      </c>
      <c r="AE29443">
        <v>175</v>
      </c>
      <c r="AF29443">
        <v>176</v>
      </c>
      <c r="AG29443">
        <v>177</v>
      </c>
      <c r="AH29443">
        <v>178</v>
      </c>
      <c r="AI29443">
        <v>179</v>
      </c>
      <c r="AJ29443">
        <v>180</v>
      </c>
      <c r="AK29443">
        <v>182</v>
      </c>
      <c r="AL29443">
        <v>183</v>
      </c>
      <c r="AM29443">
        <v>184</v>
      </c>
      <c r="AN29443">
        <v>185</v>
      </c>
      <c r="AO29443">
        <v>187</v>
      </c>
      <c r="AP29443">
        <v>188</v>
      </c>
      <c r="AQ29443">
        <v>190</v>
      </c>
    </row>
    <row r="29444" spans="1:43">
      <c r="A29444" t="s">
        <v>18243</v>
      </c>
      <c r="B29444" t="s">
        <v>18244</v>
      </c>
      <c r="C29444" t="s">
        <v>18245</v>
      </c>
      <c r="D29444" t="s">
        <v>18246</v>
      </c>
      <c r="E29444" t="s">
        <v>18191</v>
      </c>
      <c r="F29444" t="s">
        <v>18192</v>
      </c>
      <c r="G29444" t="s">
        <v>10734</v>
      </c>
      <c r="H29444" t="s">
        <v>10735</v>
      </c>
      <c r="I29444" s="2">
        <v>0</v>
      </c>
      <c r="J29444" s="2">
        <v>0</v>
      </c>
      <c r="K29444" s="2">
        <v>1</v>
      </c>
      <c r="L29444" t="s">
        <v>995</v>
      </c>
      <c r="M29444" t="s">
        <v>89</v>
      </c>
      <c r="N29444" t="s">
        <v>90</v>
      </c>
      <c r="O29444" t="s">
        <v>85</v>
      </c>
      <c r="P29444" t="s">
        <v>86</v>
      </c>
      <c r="Q29444">
        <v>162</v>
      </c>
      <c r="R29444">
        <v>166</v>
      </c>
      <c r="S29444">
        <v>170</v>
      </c>
      <c r="T29444">
        <v>173</v>
      </c>
      <c r="U29444">
        <v>177</v>
      </c>
      <c r="V29444">
        <v>180</v>
      </c>
      <c r="W29444">
        <v>184</v>
      </c>
      <c r="X29444">
        <v>187</v>
      </c>
      <c r="Y29444">
        <v>190</v>
      </c>
      <c r="Z29444">
        <v>193</v>
      </c>
      <c r="AA29444">
        <v>196</v>
      </c>
      <c r="AB29444">
        <v>199</v>
      </c>
      <c r="AC29444">
        <v>202</v>
      </c>
      <c r="AD29444">
        <v>205</v>
      </c>
      <c r="AE29444">
        <v>207</v>
      </c>
      <c r="AF29444">
        <v>207</v>
      </c>
      <c r="AG29444">
        <v>208</v>
      </c>
      <c r="AH29444">
        <v>209</v>
      </c>
      <c r="AI29444">
        <v>210</v>
      </c>
      <c r="AJ29444">
        <v>211</v>
      </c>
      <c r="AK29444">
        <v>212</v>
      </c>
      <c r="AL29444">
        <v>212</v>
      </c>
      <c r="AM29444">
        <v>213</v>
      </c>
      <c r="AN29444">
        <v>214</v>
      </c>
      <c r="AO29444">
        <v>215</v>
      </c>
      <c r="AP29444">
        <v>216</v>
      </c>
      <c r="AQ29444">
        <v>217</v>
      </c>
    </row>
    <row r="29445" spans="1:43">
      <c r="A29445" t="s">
        <v>18243</v>
      </c>
      <c r="B29445" t="s">
        <v>18244</v>
      </c>
      <c r="C29445" t="s">
        <v>18245</v>
      </c>
      <c r="D29445" t="s">
        <v>18246</v>
      </c>
      <c r="E29445" t="s">
        <v>18191</v>
      </c>
      <c r="F29445" t="s">
        <v>18192</v>
      </c>
      <c r="G29445" t="s">
        <v>10734</v>
      </c>
      <c r="H29445" t="s">
        <v>10735</v>
      </c>
      <c r="I29445" s="2">
        <v>0</v>
      </c>
      <c r="J29445" s="2">
        <v>0</v>
      </c>
      <c r="K29445" s="2">
        <v>1</v>
      </c>
      <c r="L29445" t="s">
        <v>995</v>
      </c>
      <c r="M29445" t="s">
        <v>83</v>
      </c>
      <c r="N29445" t="s">
        <v>91</v>
      </c>
      <c r="O29445" t="s">
        <v>85</v>
      </c>
      <c r="P29445" t="s">
        <v>86</v>
      </c>
      <c r="Q29445">
        <v>162</v>
      </c>
      <c r="R29445">
        <v>164</v>
      </c>
      <c r="S29445">
        <v>166</v>
      </c>
      <c r="T29445">
        <v>169</v>
      </c>
      <c r="U29445">
        <v>171</v>
      </c>
      <c r="V29445">
        <v>173</v>
      </c>
      <c r="W29445">
        <v>176</v>
      </c>
      <c r="X29445">
        <v>178</v>
      </c>
      <c r="Y29445">
        <v>181</v>
      </c>
      <c r="Z29445">
        <v>183</v>
      </c>
      <c r="AA29445">
        <v>185</v>
      </c>
      <c r="AB29445">
        <v>188</v>
      </c>
      <c r="AC29445">
        <v>190</v>
      </c>
      <c r="AD29445">
        <v>192</v>
      </c>
      <c r="AE29445">
        <v>195</v>
      </c>
      <c r="AF29445">
        <v>197</v>
      </c>
      <c r="AG29445">
        <v>199</v>
      </c>
      <c r="AH29445">
        <v>202</v>
      </c>
      <c r="AI29445">
        <v>204</v>
      </c>
      <c r="AJ29445">
        <v>206</v>
      </c>
      <c r="AK29445">
        <v>209</v>
      </c>
      <c r="AL29445">
        <v>210</v>
      </c>
      <c r="AM29445">
        <v>211</v>
      </c>
      <c r="AN29445">
        <v>212</v>
      </c>
      <c r="AO29445">
        <v>213</v>
      </c>
      <c r="AP29445">
        <v>214</v>
      </c>
      <c r="AQ29445">
        <v>216</v>
      </c>
    </row>
    <row r="29446" spans="1:43">
      <c r="A29446" t="s">
        <v>18247</v>
      </c>
      <c r="B29446" t="s">
        <v>18248</v>
      </c>
      <c r="C29446" t="s">
        <v>18245</v>
      </c>
      <c r="D29446" t="s">
        <v>18246</v>
      </c>
      <c r="E29446" t="s">
        <v>18191</v>
      </c>
      <c r="F29446" t="s">
        <v>18192</v>
      </c>
      <c r="G29446" t="s">
        <v>10734</v>
      </c>
      <c r="H29446" t="s">
        <v>10735</v>
      </c>
      <c r="I29446" s="2">
        <v>0</v>
      </c>
      <c r="J29446" s="2">
        <v>0</v>
      </c>
      <c r="K29446" s="2">
        <v>1</v>
      </c>
      <c r="L29446" t="s">
        <v>995</v>
      </c>
      <c r="M29446" t="s">
        <v>83</v>
      </c>
      <c r="N29446" t="s">
        <v>84</v>
      </c>
      <c r="O29446" t="s">
        <v>85</v>
      </c>
      <c r="P29446" t="s">
        <v>86</v>
      </c>
      <c r="Q29446">
        <v>19</v>
      </c>
      <c r="R29446">
        <v>19</v>
      </c>
      <c r="S29446">
        <v>19</v>
      </c>
      <c r="T29446">
        <v>20</v>
      </c>
      <c r="U29446">
        <v>20</v>
      </c>
      <c r="V29446">
        <v>20</v>
      </c>
      <c r="W29446">
        <v>21</v>
      </c>
      <c r="X29446">
        <v>21</v>
      </c>
      <c r="Y29446">
        <v>21</v>
      </c>
      <c r="Z29446">
        <v>21</v>
      </c>
      <c r="AA29446">
        <v>22</v>
      </c>
      <c r="AB29446">
        <v>22</v>
      </c>
      <c r="AC29446">
        <v>22</v>
      </c>
      <c r="AD29446">
        <v>22</v>
      </c>
      <c r="AE29446">
        <v>23</v>
      </c>
      <c r="AF29446">
        <v>23</v>
      </c>
      <c r="AG29446">
        <v>23</v>
      </c>
      <c r="AH29446">
        <v>24</v>
      </c>
      <c r="AI29446">
        <v>24</v>
      </c>
      <c r="AJ29446">
        <v>24</v>
      </c>
      <c r="AK29446">
        <v>24</v>
      </c>
      <c r="AL29446">
        <v>25</v>
      </c>
      <c r="AM29446">
        <v>25</v>
      </c>
      <c r="AN29446">
        <v>25</v>
      </c>
      <c r="AO29446">
        <v>25</v>
      </c>
      <c r="AP29446">
        <v>25</v>
      </c>
      <c r="AQ29446">
        <v>25</v>
      </c>
    </row>
    <row r="29447" spans="1:43">
      <c r="A29447" t="s">
        <v>18247</v>
      </c>
      <c r="B29447" t="s">
        <v>18248</v>
      </c>
      <c r="C29447" t="s">
        <v>18245</v>
      </c>
      <c r="D29447" t="s">
        <v>18246</v>
      </c>
      <c r="E29447" t="s">
        <v>18191</v>
      </c>
      <c r="F29447" t="s">
        <v>18192</v>
      </c>
      <c r="G29447" t="s">
        <v>10734</v>
      </c>
      <c r="H29447" t="s">
        <v>10735</v>
      </c>
      <c r="I29447" s="2">
        <v>0</v>
      </c>
      <c r="J29447" s="2">
        <v>0</v>
      </c>
      <c r="K29447" s="2">
        <v>1</v>
      </c>
      <c r="L29447" t="s">
        <v>995</v>
      </c>
      <c r="M29447" t="s">
        <v>87</v>
      </c>
      <c r="N29447" t="s">
        <v>88</v>
      </c>
      <c r="O29447" t="s">
        <v>85</v>
      </c>
      <c r="P29447" t="s">
        <v>86</v>
      </c>
      <c r="Q29447">
        <v>19</v>
      </c>
      <c r="R29447">
        <v>19</v>
      </c>
      <c r="S29447">
        <v>19</v>
      </c>
      <c r="T29447">
        <v>19</v>
      </c>
      <c r="U29447">
        <v>19</v>
      </c>
      <c r="V29447">
        <v>19</v>
      </c>
      <c r="W29447">
        <v>19</v>
      </c>
      <c r="X29447">
        <v>19</v>
      </c>
      <c r="Y29447">
        <v>20</v>
      </c>
      <c r="Z29447">
        <v>20</v>
      </c>
      <c r="AA29447">
        <v>20</v>
      </c>
      <c r="AB29447">
        <v>20</v>
      </c>
      <c r="AC29447">
        <v>20</v>
      </c>
      <c r="AD29447">
        <v>20</v>
      </c>
      <c r="AE29447">
        <v>20</v>
      </c>
      <c r="AF29447">
        <v>20</v>
      </c>
      <c r="AG29447">
        <v>20</v>
      </c>
      <c r="AH29447">
        <v>21</v>
      </c>
      <c r="AI29447">
        <v>21</v>
      </c>
      <c r="AJ29447">
        <v>21</v>
      </c>
      <c r="AK29447">
        <v>21</v>
      </c>
      <c r="AL29447">
        <v>21</v>
      </c>
      <c r="AM29447">
        <v>21</v>
      </c>
      <c r="AN29447">
        <v>21</v>
      </c>
      <c r="AO29447">
        <v>22</v>
      </c>
      <c r="AP29447">
        <v>22</v>
      </c>
      <c r="AQ29447">
        <v>22</v>
      </c>
    </row>
    <row r="29448" spans="1:43">
      <c r="A29448" t="s">
        <v>18247</v>
      </c>
      <c r="B29448" t="s">
        <v>18248</v>
      </c>
      <c r="C29448" t="s">
        <v>18245</v>
      </c>
      <c r="D29448" t="s">
        <v>18246</v>
      </c>
      <c r="E29448" t="s">
        <v>18191</v>
      </c>
      <c r="F29448" t="s">
        <v>18192</v>
      </c>
      <c r="G29448" t="s">
        <v>10734</v>
      </c>
      <c r="H29448" t="s">
        <v>10735</v>
      </c>
      <c r="I29448" s="2">
        <v>0</v>
      </c>
      <c r="J29448" s="2">
        <v>0</v>
      </c>
      <c r="K29448" s="2">
        <v>1</v>
      </c>
      <c r="L29448" t="s">
        <v>995</v>
      </c>
      <c r="M29448" t="s">
        <v>89</v>
      </c>
      <c r="N29448" t="s">
        <v>90</v>
      </c>
      <c r="O29448" t="s">
        <v>85</v>
      </c>
      <c r="P29448" t="s">
        <v>86</v>
      </c>
      <c r="Q29448">
        <v>19</v>
      </c>
      <c r="R29448">
        <v>20</v>
      </c>
      <c r="S29448">
        <v>20</v>
      </c>
      <c r="T29448">
        <v>20</v>
      </c>
      <c r="U29448">
        <v>21</v>
      </c>
      <c r="V29448">
        <v>21</v>
      </c>
      <c r="W29448">
        <v>22</v>
      </c>
      <c r="X29448">
        <v>22</v>
      </c>
      <c r="Y29448">
        <v>22</v>
      </c>
      <c r="Z29448">
        <v>23</v>
      </c>
      <c r="AA29448">
        <v>23</v>
      </c>
      <c r="AB29448">
        <v>23</v>
      </c>
      <c r="AC29448">
        <v>24</v>
      </c>
      <c r="AD29448">
        <v>24</v>
      </c>
      <c r="AE29448">
        <v>24</v>
      </c>
      <c r="AF29448">
        <v>24</v>
      </c>
      <c r="AG29448">
        <v>24</v>
      </c>
      <c r="AH29448">
        <v>24</v>
      </c>
      <c r="AI29448">
        <v>25</v>
      </c>
      <c r="AJ29448">
        <v>25</v>
      </c>
      <c r="AK29448">
        <v>25</v>
      </c>
      <c r="AL29448">
        <v>25</v>
      </c>
      <c r="AM29448">
        <v>25</v>
      </c>
      <c r="AN29448">
        <v>25</v>
      </c>
      <c r="AO29448">
        <v>25</v>
      </c>
      <c r="AP29448">
        <v>25</v>
      </c>
      <c r="AQ29448">
        <v>25</v>
      </c>
    </row>
    <row r="29449" spans="1:43">
      <c r="A29449" t="s">
        <v>18247</v>
      </c>
      <c r="B29449" t="s">
        <v>18248</v>
      </c>
      <c r="C29449" t="s">
        <v>18245</v>
      </c>
      <c r="D29449" t="s">
        <v>18246</v>
      </c>
      <c r="E29449" t="s">
        <v>18191</v>
      </c>
      <c r="F29449" t="s">
        <v>18192</v>
      </c>
      <c r="G29449" t="s">
        <v>10734</v>
      </c>
      <c r="H29449" t="s">
        <v>10735</v>
      </c>
      <c r="I29449" s="2">
        <v>0</v>
      </c>
      <c r="J29449" s="2">
        <v>0</v>
      </c>
      <c r="K29449" s="2">
        <v>1</v>
      </c>
      <c r="L29449" t="s">
        <v>995</v>
      </c>
      <c r="M29449" t="s">
        <v>83</v>
      </c>
      <c r="N29449" t="s">
        <v>91</v>
      </c>
      <c r="O29449" t="s">
        <v>85</v>
      </c>
      <c r="P29449" t="s">
        <v>86</v>
      </c>
      <c r="Q29449">
        <v>19</v>
      </c>
      <c r="R29449">
        <v>19</v>
      </c>
      <c r="S29449">
        <v>19</v>
      </c>
      <c r="T29449">
        <v>20</v>
      </c>
      <c r="U29449">
        <v>20</v>
      </c>
      <c r="V29449">
        <v>20</v>
      </c>
      <c r="W29449">
        <v>21</v>
      </c>
      <c r="X29449">
        <v>21</v>
      </c>
      <c r="Y29449">
        <v>21</v>
      </c>
      <c r="Z29449">
        <v>21</v>
      </c>
      <c r="AA29449">
        <v>22</v>
      </c>
      <c r="AB29449">
        <v>22</v>
      </c>
      <c r="AC29449">
        <v>22</v>
      </c>
      <c r="AD29449">
        <v>22</v>
      </c>
      <c r="AE29449">
        <v>23</v>
      </c>
      <c r="AF29449">
        <v>23</v>
      </c>
      <c r="AG29449">
        <v>23</v>
      </c>
      <c r="AH29449">
        <v>24</v>
      </c>
      <c r="AI29449">
        <v>24</v>
      </c>
      <c r="AJ29449">
        <v>24</v>
      </c>
      <c r="AK29449">
        <v>24</v>
      </c>
      <c r="AL29449">
        <v>25</v>
      </c>
      <c r="AM29449">
        <v>25</v>
      </c>
      <c r="AN29449">
        <v>25</v>
      </c>
      <c r="AO29449">
        <v>25</v>
      </c>
      <c r="AP29449">
        <v>25</v>
      </c>
      <c r="AQ29449">
        <v>25</v>
      </c>
    </row>
    <row r="29450" spans="1:43">
      <c r="A29450" t="s">
        <v>18249</v>
      </c>
      <c r="B29450" t="s">
        <v>18250</v>
      </c>
      <c r="C29450" t="s">
        <v>18189</v>
      </c>
      <c r="D29450" t="s">
        <v>18190</v>
      </c>
      <c r="E29450" t="s">
        <v>18191</v>
      </c>
      <c r="F29450" t="s">
        <v>18192</v>
      </c>
      <c r="G29450" t="s">
        <v>10734</v>
      </c>
      <c r="H29450" t="s">
        <v>10735</v>
      </c>
      <c r="I29450" s="2">
        <v>0</v>
      </c>
      <c r="J29450" s="2">
        <v>0</v>
      </c>
      <c r="K29450" s="2">
        <v>1</v>
      </c>
      <c r="L29450" t="s">
        <v>995</v>
      </c>
      <c r="M29450" t="s">
        <v>83</v>
      </c>
      <c r="N29450" t="s">
        <v>84</v>
      </c>
      <c r="O29450" t="s">
        <v>85</v>
      </c>
      <c r="P29450" t="s">
        <v>86</v>
      </c>
      <c r="Q29450">
        <v>14</v>
      </c>
      <c r="R29450">
        <v>15</v>
      </c>
      <c r="S29450">
        <v>15</v>
      </c>
      <c r="T29450">
        <v>15</v>
      </c>
      <c r="U29450">
        <v>15</v>
      </c>
      <c r="V29450">
        <v>15</v>
      </c>
      <c r="W29450">
        <v>16</v>
      </c>
      <c r="X29450">
        <v>16</v>
      </c>
      <c r="Y29450">
        <v>16</v>
      </c>
      <c r="Z29450">
        <v>16</v>
      </c>
      <c r="AA29450">
        <v>17</v>
      </c>
      <c r="AB29450">
        <v>17</v>
      </c>
      <c r="AC29450">
        <v>17</v>
      </c>
      <c r="AD29450">
        <v>17</v>
      </c>
      <c r="AE29450">
        <v>17</v>
      </c>
      <c r="AF29450">
        <v>18</v>
      </c>
      <c r="AG29450">
        <v>18</v>
      </c>
      <c r="AH29450">
        <v>18</v>
      </c>
      <c r="AI29450">
        <v>18</v>
      </c>
      <c r="AJ29450">
        <v>19</v>
      </c>
      <c r="AK29450">
        <v>19</v>
      </c>
      <c r="AL29450">
        <v>19</v>
      </c>
      <c r="AM29450">
        <v>19</v>
      </c>
      <c r="AN29450">
        <v>19</v>
      </c>
      <c r="AO29450">
        <v>19</v>
      </c>
      <c r="AP29450">
        <v>19</v>
      </c>
      <c r="AQ29450">
        <v>20</v>
      </c>
    </row>
    <row r="29451" spans="1:43">
      <c r="A29451" t="s">
        <v>18249</v>
      </c>
      <c r="B29451" t="s">
        <v>18250</v>
      </c>
      <c r="C29451" t="s">
        <v>18189</v>
      </c>
      <c r="D29451" t="s">
        <v>18190</v>
      </c>
      <c r="E29451" t="s">
        <v>18191</v>
      </c>
      <c r="F29451" t="s">
        <v>18192</v>
      </c>
      <c r="G29451" t="s">
        <v>10734</v>
      </c>
      <c r="H29451" t="s">
        <v>10735</v>
      </c>
      <c r="I29451" s="2">
        <v>0</v>
      </c>
      <c r="J29451" s="2">
        <v>0</v>
      </c>
      <c r="K29451" s="2">
        <v>1</v>
      </c>
      <c r="L29451" t="s">
        <v>995</v>
      </c>
      <c r="M29451" t="s">
        <v>87</v>
      </c>
      <c r="N29451" t="s">
        <v>88</v>
      </c>
      <c r="O29451" t="s">
        <v>85</v>
      </c>
      <c r="P29451" t="s">
        <v>86</v>
      </c>
      <c r="Q29451">
        <v>14</v>
      </c>
      <c r="R29451">
        <v>14</v>
      </c>
      <c r="S29451">
        <v>14</v>
      </c>
      <c r="T29451">
        <v>15</v>
      </c>
      <c r="U29451">
        <v>15</v>
      </c>
      <c r="V29451">
        <v>15</v>
      </c>
      <c r="W29451">
        <v>15</v>
      </c>
      <c r="X29451">
        <v>15</v>
      </c>
      <c r="Y29451">
        <v>15</v>
      </c>
      <c r="Z29451">
        <v>15</v>
      </c>
      <c r="AA29451">
        <v>15</v>
      </c>
      <c r="AB29451">
        <v>15</v>
      </c>
      <c r="AC29451">
        <v>15</v>
      </c>
      <c r="AD29451">
        <v>15</v>
      </c>
      <c r="AE29451">
        <v>16</v>
      </c>
      <c r="AF29451">
        <v>16</v>
      </c>
      <c r="AG29451">
        <v>16</v>
      </c>
      <c r="AH29451">
        <v>16</v>
      </c>
      <c r="AI29451">
        <v>16</v>
      </c>
      <c r="AJ29451">
        <v>16</v>
      </c>
      <c r="AK29451">
        <v>16</v>
      </c>
      <c r="AL29451">
        <v>16</v>
      </c>
      <c r="AM29451">
        <v>16</v>
      </c>
      <c r="AN29451">
        <v>17</v>
      </c>
      <c r="AO29451">
        <v>17</v>
      </c>
      <c r="AP29451">
        <v>17</v>
      </c>
      <c r="AQ29451">
        <v>17</v>
      </c>
    </row>
    <row r="29452" spans="1:43">
      <c r="A29452" t="s">
        <v>18249</v>
      </c>
      <c r="B29452" t="s">
        <v>18250</v>
      </c>
      <c r="C29452" t="s">
        <v>18189</v>
      </c>
      <c r="D29452" t="s">
        <v>18190</v>
      </c>
      <c r="E29452" t="s">
        <v>18191</v>
      </c>
      <c r="F29452" t="s">
        <v>18192</v>
      </c>
      <c r="G29452" t="s">
        <v>10734</v>
      </c>
      <c r="H29452" t="s">
        <v>10735</v>
      </c>
      <c r="I29452" s="2">
        <v>0</v>
      </c>
      <c r="J29452" s="2">
        <v>0</v>
      </c>
      <c r="K29452" s="2">
        <v>1</v>
      </c>
      <c r="L29452" t="s">
        <v>995</v>
      </c>
      <c r="M29452" t="s">
        <v>89</v>
      </c>
      <c r="N29452" t="s">
        <v>90</v>
      </c>
      <c r="O29452" t="s">
        <v>85</v>
      </c>
      <c r="P29452" t="s">
        <v>86</v>
      </c>
      <c r="Q29452">
        <v>14</v>
      </c>
      <c r="R29452">
        <v>15</v>
      </c>
      <c r="S29452">
        <v>15</v>
      </c>
      <c r="T29452">
        <v>16</v>
      </c>
      <c r="U29452">
        <v>16</v>
      </c>
      <c r="V29452">
        <v>16</v>
      </c>
      <c r="W29452">
        <v>17</v>
      </c>
      <c r="X29452">
        <v>17</v>
      </c>
      <c r="Y29452">
        <v>17</v>
      </c>
      <c r="Z29452">
        <v>17</v>
      </c>
      <c r="AA29452">
        <v>18</v>
      </c>
      <c r="AB29452">
        <v>18</v>
      </c>
      <c r="AC29452">
        <v>18</v>
      </c>
      <c r="AD29452">
        <v>18</v>
      </c>
      <c r="AE29452">
        <v>19</v>
      </c>
      <c r="AF29452">
        <v>19</v>
      </c>
      <c r="AG29452">
        <v>19</v>
      </c>
      <c r="AH29452">
        <v>19</v>
      </c>
      <c r="AI29452">
        <v>19</v>
      </c>
      <c r="AJ29452">
        <v>19</v>
      </c>
      <c r="AK29452">
        <v>19</v>
      </c>
      <c r="AL29452">
        <v>19</v>
      </c>
      <c r="AM29452">
        <v>19</v>
      </c>
      <c r="AN29452">
        <v>19</v>
      </c>
      <c r="AO29452">
        <v>20</v>
      </c>
      <c r="AP29452">
        <v>20</v>
      </c>
      <c r="AQ29452">
        <v>20</v>
      </c>
    </row>
    <row r="29453" spans="1:43">
      <c r="A29453" t="s">
        <v>18249</v>
      </c>
      <c r="B29453" t="s">
        <v>18250</v>
      </c>
      <c r="C29453" t="s">
        <v>18189</v>
      </c>
      <c r="D29453" t="s">
        <v>18190</v>
      </c>
      <c r="E29453" t="s">
        <v>18191</v>
      </c>
      <c r="F29453" t="s">
        <v>18192</v>
      </c>
      <c r="G29453" t="s">
        <v>10734</v>
      </c>
      <c r="H29453" t="s">
        <v>10735</v>
      </c>
      <c r="I29453" s="2">
        <v>0</v>
      </c>
      <c r="J29453" s="2">
        <v>0</v>
      </c>
      <c r="K29453" s="2">
        <v>1</v>
      </c>
      <c r="L29453" t="s">
        <v>995</v>
      </c>
      <c r="M29453" t="s">
        <v>83</v>
      </c>
      <c r="N29453" t="s">
        <v>91</v>
      </c>
      <c r="O29453" t="s">
        <v>85</v>
      </c>
      <c r="P29453" t="s">
        <v>86</v>
      </c>
      <c r="Q29453">
        <v>14</v>
      </c>
      <c r="R29453">
        <v>15</v>
      </c>
      <c r="S29453">
        <v>15</v>
      </c>
      <c r="T29453">
        <v>15</v>
      </c>
      <c r="U29453">
        <v>15</v>
      </c>
      <c r="V29453">
        <v>15</v>
      </c>
      <c r="W29453">
        <v>16</v>
      </c>
      <c r="X29453">
        <v>16</v>
      </c>
      <c r="Y29453">
        <v>16</v>
      </c>
      <c r="Z29453">
        <v>16</v>
      </c>
      <c r="AA29453">
        <v>17</v>
      </c>
      <c r="AB29453">
        <v>17</v>
      </c>
      <c r="AC29453">
        <v>17</v>
      </c>
      <c r="AD29453">
        <v>17</v>
      </c>
      <c r="AE29453">
        <v>17</v>
      </c>
      <c r="AF29453">
        <v>18</v>
      </c>
      <c r="AG29453">
        <v>18</v>
      </c>
      <c r="AH29453">
        <v>18</v>
      </c>
      <c r="AI29453">
        <v>18</v>
      </c>
      <c r="AJ29453">
        <v>19</v>
      </c>
      <c r="AK29453">
        <v>19</v>
      </c>
      <c r="AL29453">
        <v>19</v>
      </c>
      <c r="AM29453">
        <v>19</v>
      </c>
      <c r="AN29453">
        <v>19</v>
      </c>
      <c r="AO29453">
        <v>19</v>
      </c>
      <c r="AP29453">
        <v>19</v>
      </c>
      <c r="AQ29453">
        <v>20</v>
      </c>
    </row>
    <row r="29454" spans="1:43">
      <c r="A29454" t="s">
        <v>18251</v>
      </c>
      <c r="B29454" t="s">
        <v>18252</v>
      </c>
      <c r="C29454" t="s">
        <v>18189</v>
      </c>
      <c r="D29454" t="s">
        <v>18190</v>
      </c>
      <c r="E29454" t="s">
        <v>18191</v>
      </c>
      <c r="F29454" t="s">
        <v>18192</v>
      </c>
      <c r="G29454" t="s">
        <v>10734</v>
      </c>
      <c r="H29454" t="s">
        <v>10735</v>
      </c>
      <c r="I29454" s="2">
        <v>0</v>
      </c>
      <c r="J29454" s="2">
        <v>0</v>
      </c>
      <c r="K29454" s="2">
        <v>1</v>
      </c>
      <c r="L29454" t="s">
        <v>995</v>
      </c>
      <c r="M29454" t="s">
        <v>83</v>
      </c>
      <c r="N29454" t="s">
        <v>84</v>
      </c>
      <c r="O29454" t="s">
        <v>85</v>
      </c>
      <c r="P29454" t="s">
        <v>86</v>
      </c>
      <c r="Q29454">
        <v>45</v>
      </c>
      <c r="R29454">
        <v>46</v>
      </c>
      <c r="S29454">
        <v>47</v>
      </c>
      <c r="T29454">
        <v>48</v>
      </c>
      <c r="U29454">
        <v>48</v>
      </c>
      <c r="V29454">
        <v>49</v>
      </c>
      <c r="W29454">
        <v>50</v>
      </c>
      <c r="X29454">
        <v>50</v>
      </c>
      <c r="Y29454">
        <v>51</v>
      </c>
      <c r="Z29454">
        <v>52</v>
      </c>
      <c r="AA29454">
        <v>53</v>
      </c>
      <c r="AB29454">
        <v>53</v>
      </c>
      <c r="AC29454">
        <v>54</v>
      </c>
      <c r="AD29454">
        <v>55</v>
      </c>
      <c r="AE29454">
        <v>55</v>
      </c>
      <c r="AF29454">
        <v>56</v>
      </c>
      <c r="AG29454">
        <v>57</v>
      </c>
      <c r="AH29454">
        <v>57</v>
      </c>
      <c r="AI29454">
        <v>58</v>
      </c>
      <c r="AJ29454">
        <v>59</v>
      </c>
      <c r="AK29454">
        <v>60</v>
      </c>
      <c r="AL29454">
        <v>60</v>
      </c>
      <c r="AM29454">
        <v>60</v>
      </c>
      <c r="AN29454">
        <v>61</v>
      </c>
      <c r="AO29454">
        <v>61</v>
      </c>
      <c r="AP29454">
        <v>61</v>
      </c>
      <c r="AQ29454">
        <v>62</v>
      </c>
    </row>
    <row r="29455" spans="1:43">
      <c r="A29455" t="s">
        <v>18251</v>
      </c>
      <c r="B29455" t="s">
        <v>18252</v>
      </c>
      <c r="C29455" t="s">
        <v>18189</v>
      </c>
      <c r="D29455" t="s">
        <v>18190</v>
      </c>
      <c r="E29455" t="s">
        <v>18191</v>
      </c>
      <c r="F29455" t="s">
        <v>18192</v>
      </c>
      <c r="G29455" t="s">
        <v>10734</v>
      </c>
      <c r="H29455" t="s">
        <v>10735</v>
      </c>
      <c r="I29455" s="2">
        <v>0</v>
      </c>
      <c r="J29455" s="2">
        <v>0</v>
      </c>
      <c r="K29455" s="2">
        <v>1</v>
      </c>
      <c r="L29455" t="s">
        <v>995</v>
      </c>
      <c r="M29455" t="s">
        <v>87</v>
      </c>
      <c r="N29455" t="s">
        <v>88</v>
      </c>
      <c r="O29455" t="s">
        <v>85</v>
      </c>
      <c r="P29455" t="s">
        <v>86</v>
      </c>
      <c r="Q29455">
        <v>45</v>
      </c>
      <c r="R29455">
        <v>45</v>
      </c>
      <c r="S29455">
        <v>46</v>
      </c>
      <c r="T29455">
        <v>46</v>
      </c>
      <c r="U29455">
        <v>46</v>
      </c>
      <c r="V29455">
        <v>46</v>
      </c>
      <c r="W29455">
        <v>47</v>
      </c>
      <c r="X29455">
        <v>47</v>
      </c>
      <c r="Y29455">
        <v>47</v>
      </c>
      <c r="Z29455">
        <v>48</v>
      </c>
      <c r="AA29455">
        <v>48</v>
      </c>
      <c r="AB29455">
        <v>48</v>
      </c>
      <c r="AC29455">
        <v>48</v>
      </c>
      <c r="AD29455">
        <v>49</v>
      </c>
      <c r="AE29455">
        <v>49</v>
      </c>
      <c r="AF29455">
        <v>49</v>
      </c>
      <c r="AG29455">
        <v>50</v>
      </c>
      <c r="AH29455">
        <v>50</v>
      </c>
      <c r="AI29455">
        <v>50</v>
      </c>
      <c r="AJ29455">
        <v>51</v>
      </c>
      <c r="AK29455">
        <v>51</v>
      </c>
      <c r="AL29455">
        <v>52</v>
      </c>
      <c r="AM29455">
        <v>52</v>
      </c>
      <c r="AN29455">
        <v>52</v>
      </c>
      <c r="AO29455">
        <v>53</v>
      </c>
      <c r="AP29455">
        <v>53</v>
      </c>
      <c r="AQ29455">
        <v>54</v>
      </c>
    </row>
    <row r="29456" spans="1:43">
      <c r="A29456" t="s">
        <v>18251</v>
      </c>
      <c r="B29456" t="s">
        <v>18252</v>
      </c>
      <c r="C29456" t="s">
        <v>18189</v>
      </c>
      <c r="D29456" t="s">
        <v>18190</v>
      </c>
      <c r="E29456" t="s">
        <v>18191</v>
      </c>
      <c r="F29456" t="s">
        <v>18192</v>
      </c>
      <c r="G29456" t="s">
        <v>10734</v>
      </c>
      <c r="H29456" t="s">
        <v>10735</v>
      </c>
      <c r="I29456" s="2">
        <v>0</v>
      </c>
      <c r="J29456" s="2">
        <v>0</v>
      </c>
      <c r="K29456" s="2">
        <v>1</v>
      </c>
      <c r="L29456" t="s">
        <v>995</v>
      </c>
      <c r="M29456" t="s">
        <v>89</v>
      </c>
      <c r="N29456" t="s">
        <v>90</v>
      </c>
      <c r="O29456" t="s">
        <v>85</v>
      </c>
      <c r="P29456" t="s">
        <v>86</v>
      </c>
      <c r="Q29456">
        <v>45</v>
      </c>
      <c r="R29456">
        <v>46</v>
      </c>
      <c r="S29456">
        <v>47</v>
      </c>
      <c r="T29456">
        <v>48</v>
      </c>
      <c r="U29456">
        <v>49</v>
      </c>
      <c r="V29456">
        <v>50</v>
      </c>
      <c r="W29456">
        <v>51</v>
      </c>
      <c r="X29456">
        <v>52</v>
      </c>
      <c r="Y29456">
        <v>53</v>
      </c>
      <c r="Z29456">
        <v>54</v>
      </c>
      <c r="AA29456">
        <v>55</v>
      </c>
      <c r="AB29456">
        <v>56</v>
      </c>
      <c r="AC29456">
        <v>56</v>
      </c>
      <c r="AD29456">
        <v>57</v>
      </c>
      <c r="AE29456">
        <v>58</v>
      </c>
      <c r="AF29456">
        <v>58</v>
      </c>
      <c r="AG29456">
        <v>58</v>
      </c>
      <c r="AH29456">
        <v>59</v>
      </c>
      <c r="AI29456">
        <v>59</v>
      </c>
      <c r="AJ29456">
        <v>59</v>
      </c>
      <c r="AK29456">
        <v>60</v>
      </c>
      <c r="AL29456">
        <v>60</v>
      </c>
      <c r="AM29456">
        <v>60</v>
      </c>
      <c r="AN29456">
        <v>61</v>
      </c>
      <c r="AO29456">
        <v>61</v>
      </c>
      <c r="AP29456">
        <v>61</v>
      </c>
      <c r="AQ29456">
        <v>62</v>
      </c>
    </row>
    <row r="29457" spans="1:43">
      <c r="A29457" t="s">
        <v>18251</v>
      </c>
      <c r="B29457" t="s">
        <v>18252</v>
      </c>
      <c r="C29457" t="s">
        <v>18189</v>
      </c>
      <c r="D29457" t="s">
        <v>18190</v>
      </c>
      <c r="E29457" t="s">
        <v>18191</v>
      </c>
      <c r="F29457" t="s">
        <v>18192</v>
      </c>
      <c r="G29457" t="s">
        <v>10734</v>
      </c>
      <c r="H29457" t="s">
        <v>10735</v>
      </c>
      <c r="I29457" s="2">
        <v>0</v>
      </c>
      <c r="J29457" s="2">
        <v>0</v>
      </c>
      <c r="K29457" s="2">
        <v>1</v>
      </c>
      <c r="L29457" t="s">
        <v>995</v>
      </c>
      <c r="M29457" t="s">
        <v>83</v>
      </c>
      <c r="N29457" t="s">
        <v>91</v>
      </c>
      <c r="O29457" t="s">
        <v>85</v>
      </c>
      <c r="P29457" t="s">
        <v>86</v>
      </c>
      <c r="Q29457">
        <v>45</v>
      </c>
      <c r="R29457">
        <v>46</v>
      </c>
      <c r="S29457">
        <v>47</v>
      </c>
      <c r="T29457">
        <v>48</v>
      </c>
      <c r="U29457">
        <v>48</v>
      </c>
      <c r="V29457">
        <v>49</v>
      </c>
      <c r="W29457">
        <v>50</v>
      </c>
      <c r="X29457">
        <v>50</v>
      </c>
      <c r="Y29457">
        <v>51</v>
      </c>
      <c r="Z29457">
        <v>52</v>
      </c>
      <c r="AA29457">
        <v>53</v>
      </c>
      <c r="AB29457">
        <v>53</v>
      </c>
      <c r="AC29457">
        <v>54</v>
      </c>
      <c r="AD29457">
        <v>55</v>
      </c>
      <c r="AE29457">
        <v>55</v>
      </c>
      <c r="AF29457">
        <v>56</v>
      </c>
      <c r="AG29457">
        <v>57</v>
      </c>
      <c r="AH29457">
        <v>57</v>
      </c>
      <c r="AI29457">
        <v>58</v>
      </c>
      <c r="AJ29457">
        <v>59</v>
      </c>
      <c r="AK29457">
        <v>60</v>
      </c>
      <c r="AL29457">
        <v>60</v>
      </c>
      <c r="AM29457">
        <v>60</v>
      </c>
      <c r="AN29457">
        <v>61</v>
      </c>
      <c r="AO29457">
        <v>61</v>
      </c>
      <c r="AP29457">
        <v>61</v>
      </c>
      <c r="AQ29457">
        <v>62</v>
      </c>
    </row>
    <row r="29458" spans="1:43">
      <c r="A29458" t="s">
        <v>18253</v>
      </c>
      <c r="B29458" t="s">
        <v>18254</v>
      </c>
      <c r="C29458" t="s">
        <v>18255</v>
      </c>
      <c r="D29458" t="s">
        <v>18256</v>
      </c>
      <c r="E29458" t="s">
        <v>18191</v>
      </c>
      <c r="F29458" t="s">
        <v>18192</v>
      </c>
      <c r="G29458" t="s">
        <v>10734</v>
      </c>
      <c r="H29458" t="s">
        <v>10735</v>
      </c>
      <c r="I29458" s="2">
        <v>0</v>
      </c>
      <c r="J29458" s="2">
        <v>0</v>
      </c>
      <c r="K29458" s="2">
        <v>1</v>
      </c>
      <c r="L29458" t="s">
        <v>995</v>
      </c>
      <c r="M29458" t="s">
        <v>83</v>
      </c>
      <c r="N29458" t="s">
        <v>84</v>
      </c>
      <c r="O29458" t="s">
        <v>85</v>
      </c>
      <c r="P29458" t="s">
        <v>86</v>
      </c>
      <c r="Q29458">
        <v>55</v>
      </c>
      <c r="R29458">
        <v>56</v>
      </c>
      <c r="S29458">
        <v>56</v>
      </c>
      <c r="T29458">
        <v>57</v>
      </c>
      <c r="U29458">
        <v>58</v>
      </c>
      <c r="V29458">
        <v>58</v>
      </c>
      <c r="W29458">
        <v>59</v>
      </c>
      <c r="X29458">
        <v>60</v>
      </c>
      <c r="Y29458">
        <v>60</v>
      </c>
      <c r="Z29458">
        <v>61</v>
      </c>
      <c r="AA29458">
        <v>62</v>
      </c>
      <c r="AB29458">
        <v>62</v>
      </c>
      <c r="AC29458">
        <v>63</v>
      </c>
      <c r="AD29458">
        <v>64</v>
      </c>
      <c r="AE29458">
        <v>64</v>
      </c>
      <c r="AF29458">
        <v>65</v>
      </c>
      <c r="AG29458">
        <v>66</v>
      </c>
      <c r="AH29458">
        <v>66</v>
      </c>
      <c r="AI29458">
        <v>67</v>
      </c>
      <c r="AJ29458">
        <v>68</v>
      </c>
      <c r="AK29458">
        <v>69</v>
      </c>
      <c r="AL29458">
        <v>69</v>
      </c>
      <c r="AM29458">
        <v>69</v>
      </c>
      <c r="AN29458">
        <v>69</v>
      </c>
      <c r="AO29458">
        <v>69</v>
      </c>
      <c r="AP29458">
        <v>70</v>
      </c>
      <c r="AQ29458">
        <v>70</v>
      </c>
    </row>
    <row r="29459" spans="1:43">
      <c r="A29459" t="s">
        <v>18253</v>
      </c>
      <c r="B29459" t="s">
        <v>18254</v>
      </c>
      <c r="C29459" t="s">
        <v>18255</v>
      </c>
      <c r="D29459" t="s">
        <v>18256</v>
      </c>
      <c r="E29459" t="s">
        <v>18191</v>
      </c>
      <c r="F29459" t="s">
        <v>18192</v>
      </c>
      <c r="G29459" t="s">
        <v>10734</v>
      </c>
      <c r="H29459" t="s">
        <v>10735</v>
      </c>
      <c r="I29459" s="2">
        <v>0</v>
      </c>
      <c r="J29459" s="2">
        <v>0</v>
      </c>
      <c r="K29459" s="2">
        <v>1</v>
      </c>
      <c r="L29459" t="s">
        <v>995</v>
      </c>
      <c r="M29459" t="s">
        <v>87</v>
      </c>
      <c r="N29459" t="s">
        <v>88</v>
      </c>
      <c r="O29459" t="s">
        <v>85</v>
      </c>
      <c r="P29459" t="s">
        <v>86</v>
      </c>
      <c r="Q29459">
        <v>55</v>
      </c>
      <c r="R29459">
        <v>55</v>
      </c>
      <c r="S29459">
        <v>56</v>
      </c>
      <c r="T29459">
        <v>56</v>
      </c>
      <c r="U29459">
        <v>56</v>
      </c>
      <c r="V29459">
        <v>56</v>
      </c>
      <c r="W29459">
        <v>56</v>
      </c>
      <c r="X29459">
        <v>57</v>
      </c>
      <c r="Y29459">
        <v>57</v>
      </c>
      <c r="Z29459">
        <v>57</v>
      </c>
      <c r="AA29459">
        <v>57</v>
      </c>
      <c r="AB29459">
        <v>57</v>
      </c>
      <c r="AC29459">
        <v>58</v>
      </c>
      <c r="AD29459">
        <v>58</v>
      </c>
      <c r="AE29459">
        <v>58</v>
      </c>
      <c r="AF29459">
        <v>58</v>
      </c>
      <c r="AG29459">
        <v>58</v>
      </c>
      <c r="AH29459">
        <v>59</v>
      </c>
      <c r="AI29459">
        <v>59</v>
      </c>
      <c r="AJ29459">
        <v>59</v>
      </c>
      <c r="AK29459">
        <v>59</v>
      </c>
      <c r="AL29459">
        <v>60</v>
      </c>
      <c r="AM29459">
        <v>60</v>
      </c>
      <c r="AN29459">
        <v>60</v>
      </c>
      <c r="AO29459">
        <v>61</v>
      </c>
      <c r="AP29459">
        <v>61</v>
      </c>
      <c r="AQ29459">
        <v>61</v>
      </c>
    </row>
    <row r="29460" spans="1:43">
      <c r="A29460" t="s">
        <v>18253</v>
      </c>
      <c r="B29460" t="s">
        <v>18254</v>
      </c>
      <c r="C29460" t="s">
        <v>18255</v>
      </c>
      <c r="D29460" t="s">
        <v>18256</v>
      </c>
      <c r="E29460" t="s">
        <v>18191</v>
      </c>
      <c r="F29460" t="s">
        <v>18192</v>
      </c>
      <c r="G29460" t="s">
        <v>10734</v>
      </c>
      <c r="H29460" t="s">
        <v>10735</v>
      </c>
      <c r="I29460" s="2">
        <v>0</v>
      </c>
      <c r="J29460" s="2">
        <v>0</v>
      </c>
      <c r="K29460" s="2">
        <v>1</v>
      </c>
      <c r="L29460" t="s">
        <v>995</v>
      </c>
      <c r="M29460" t="s">
        <v>89</v>
      </c>
      <c r="N29460" t="s">
        <v>90</v>
      </c>
      <c r="O29460" t="s">
        <v>85</v>
      </c>
      <c r="P29460" t="s">
        <v>86</v>
      </c>
      <c r="Q29460">
        <v>55</v>
      </c>
      <c r="R29460">
        <v>56</v>
      </c>
      <c r="S29460">
        <v>58</v>
      </c>
      <c r="T29460">
        <v>59</v>
      </c>
      <c r="U29460">
        <v>60</v>
      </c>
      <c r="V29460">
        <v>61</v>
      </c>
      <c r="W29460">
        <v>62</v>
      </c>
      <c r="X29460">
        <v>63</v>
      </c>
      <c r="Y29460">
        <v>64</v>
      </c>
      <c r="Z29460">
        <v>65</v>
      </c>
      <c r="AA29460">
        <v>66</v>
      </c>
      <c r="AB29460">
        <v>67</v>
      </c>
      <c r="AC29460">
        <v>67</v>
      </c>
      <c r="AD29460">
        <v>68</v>
      </c>
      <c r="AE29460">
        <v>69</v>
      </c>
      <c r="AF29460">
        <v>69</v>
      </c>
      <c r="AG29460">
        <v>69</v>
      </c>
      <c r="AH29460">
        <v>69</v>
      </c>
      <c r="AI29460">
        <v>69</v>
      </c>
      <c r="AJ29460">
        <v>69</v>
      </c>
      <c r="AK29460">
        <v>69</v>
      </c>
      <c r="AL29460">
        <v>70</v>
      </c>
      <c r="AM29460">
        <v>70</v>
      </c>
      <c r="AN29460">
        <v>70</v>
      </c>
      <c r="AO29460">
        <v>70</v>
      </c>
      <c r="AP29460">
        <v>70</v>
      </c>
      <c r="AQ29460">
        <v>70</v>
      </c>
    </row>
    <row r="29461" spans="1:43">
      <c r="A29461" t="s">
        <v>18253</v>
      </c>
      <c r="B29461" t="s">
        <v>18254</v>
      </c>
      <c r="C29461" t="s">
        <v>18255</v>
      </c>
      <c r="D29461" t="s">
        <v>18256</v>
      </c>
      <c r="E29461" t="s">
        <v>18191</v>
      </c>
      <c r="F29461" t="s">
        <v>18192</v>
      </c>
      <c r="G29461" t="s">
        <v>10734</v>
      </c>
      <c r="H29461" t="s">
        <v>10735</v>
      </c>
      <c r="I29461" s="2">
        <v>0</v>
      </c>
      <c r="J29461" s="2">
        <v>0</v>
      </c>
      <c r="K29461" s="2">
        <v>1</v>
      </c>
      <c r="L29461" t="s">
        <v>995</v>
      </c>
      <c r="M29461" t="s">
        <v>83</v>
      </c>
      <c r="N29461" t="s">
        <v>91</v>
      </c>
      <c r="O29461" t="s">
        <v>85</v>
      </c>
      <c r="P29461" t="s">
        <v>86</v>
      </c>
      <c r="Q29461">
        <v>55</v>
      </c>
      <c r="R29461">
        <v>56</v>
      </c>
      <c r="S29461">
        <v>56</v>
      </c>
      <c r="T29461">
        <v>57</v>
      </c>
      <c r="U29461">
        <v>58</v>
      </c>
      <c r="V29461">
        <v>58</v>
      </c>
      <c r="W29461">
        <v>59</v>
      </c>
      <c r="X29461">
        <v>60</v>
      </c>
      <c r="Y29461">
        <v>60</v>
      </c>
      <c r="Z29461">
        <v>61</v>
      </c>
      <c r="AA29461">
        <v>62</v>
      </c>
      <c r="AB29461">
        <v>62</v>
      </c>
      <c r="AC29461">
        <v>63</v>
      </c>
      <c r="AD29461">
        <v>64</v>
      </c>
      <c r="AE29461">
        <v>64</v>
      </c>
      <c r="AF29461">
        <v>65</v>
      </c>
      <c r="AG29461">
        <v>66</v>
      </c>
      <c r="AH29461">
        <v>66</v>
      </c>
      <c r="AI29461">
        <v>67</v>
      </c>
      <c r="AJ29461">
        <v>68</v>
      </c>
      <c r="AK29461">
        <v>69</v>
      </c>
      <c r="AL29461">
        <v>69</v>
      </c>
      <c r="AM29461">
        <v>69</v>
      </c>
      <c r="AN29461">
        <v>69</v>
      </c>
      <c r="AO29461">
        <v>69</v>
      </c>
      <c r="AP29461">
        <v>70</v>
      </c>
      <c r="AQ29461">
        <v>70</v>
      </c>
    </row>
    <row r="29462" spans="1:43">
      <c r="A29462" t="s">
        <v>18257</v>
      </c>
      <c r="B29462" t="s">
        <v>18258</v>
      </c>
      <c r="C29462" t="s">
        <v>18255</v>
      </c>
      <c r="D29462" t="s">
        <v>18256</v>
      </c>
      <c r="E29462" t="s">
        <v>18191</v>
      </c>
      <c r="F29462" t="s">
        <v>18192</v>
      </c>
      <c r="G29462" t="s">
        <v>10734</v>
      </c>
      <c r="H29462" t="s">
        <v>10735</v>
      </c>
      <c r="I29462" s="2">
        <v>0</v>
      </c>
      <c r="J29462" s="2">
        <v>0</v>
      </c>
      <c r="K29462" s="2">
        <v>1</v>
      </c>
      <c r="L29462" t="s">
        <v>995</v>
      </c>
      <c r="M29462" t="s">
        <v>83</v>
      </c>
      <c r="N29462" t="s">
        <v>84</v>
      </c>
      <c r="O29462" t="s">
        <v>85</v>
      </c>
      <c r="P29462" t="s">
        <v>86</v>
      </c>
      <c r="Q29462">
        <v>20</v>
      </c>
      <c r="R29462">
        <v>20</v>
      </c>
      <c r="S29462">
        <v>20</v>
      </c>
      <c r="T29462">
        <v>21</v>
      </c>
      <c r="U29462">
        <v>21</v>
      </c>
      <c r="V29462">
        <v>21</v>
      </c>
      <c r="W29462">
        <v>21</v>
      </c>
      <c r="X29462">
        <v>21</v>
      </c>
      <c r="Y29462">
        <v>22</v>
      </c>
      <c r="Z29462">
        <v>22</v>
      </c>
      <c r="AA29462">
        <v>22</v>
      </c>
      <c r="AB29462">
        <v>22</v>
      </c>
      <c r="AC29462">
        <v>23</v>
      </c>
      <c r="AD29462">
        <v>23</v>
      </c>
      <c r="AE29462">
        <v>23</v>
      </c>
      <c r="AF29462">
        <v>23</v>
      </c>
      <c r="AG29462">
        <v>24</v>
      </c>
      <c r="AH29462">
        <v>24</v>
      </c>
      <c r="AI29462">
        <v>24</v>
      </c>
      <c r="AJ29462">
        <v>24</v>
      </c>
      <c r="AK29462">
        <v>25</v>
      </c>
      <c r="AL29462">
        <v>25</v>
      </c>
      <c r="AM29462">
        <v>25</v>
      </c>
      <c r="AN29462">
        <v>25</v>
      </c>
      <c r="AO29462">
        <v>25</v>
      </c>
      <c r="AP29462">
        <v>25</v>
      </c>
      <c r="AQ29462">
        <v>25</v>
      </c>
    </row>
    <row r="29463" spans="1:43">
      <c r="A29463" t="s">
        <v>18257</v>
      </c>
      <c r="B29463" t="s">
        <v>18258</v>
      </c>
      <c r="C29463" t="s">
        <v>18255</v>
      </c>
      <c r="D29463" t="s">
        <v>18256</v>
      </c>
      <c r="E29463" t="s">
        <v>18191</v>
      </c>
      <c r="F29463" t="s">
        <v>18192</v>
      </c>
      <c r="G29463" t="s">
        <v>10734</v>
      </c>
      <c r="H29463" t="s">
        <v>10735</v>
      </c>
      <c r="I29463" s="2">
        <v>0</v>
      </c>
      <c r="J29463" s="2">
        <v>0</v>
      </c>
      <c r="K29463" s="2">
        <v>1</v>
      </c>
      <c r="L29463" t="s">
        <v>995</v>
      </c>
      <c r="M29463" t="s">
        <v>87</v>
      </c>
      <c r="N29463" t="s">
        <v>88</v>
      </c>
      <c r="O29463" t="s">
        <v>85</v>
      </c>
      <c r="P29463" t="s">
        <v>86</v>
      </c>
      <c r="Q29463">
        <v>20</v>
      </c>
      <c r="R29463">
        <v>20</v>
      </c>
      <c r="S29463">
        <v>20</v>
      </c>
      <c r="T29463">
        <v>20</v>
      </c>
      <c r="U29463">
        <v>20</v>
      </c>
      <c r="V29463">
        <v>20</v>
      </c>
      <c r="W29463">
        <v>20</v>
      </c>
      <c r="X29463">
        <v>20</v>
      </c>
      <c r="Y29463">
        <v>20</v>
      </c>
      <c r="Z29463">
        <v>20</v>
      </c>
      <c r="AA29463">
        <v>20</v>
      </c>
      <c r="AB29463">
        <v>20</v>
      </c>
      <c r="AC29463">
        <v>20</v>
      </c>
      <c r="AD29463">
        <v>20</v>
      </c>
      <c r="AE29463">
        <v>20</v>
      </c>
      <c r="AF29463">
        <v>21</v>
      </c>
      <c r="AG29463">
        <v>21</v>
      </c>
      <c r="AH29463">
        <v>21</v>
      </c>
      <c r="AI29463">
        <v>21</v>
      </c>
      <c r="AJ29463">
        <v>21</v>
      </c>
      <c r="AK29463">
        <v>21</v>
      </c>
      <c r="AL29463">
        <v>21</v>
      </c>
      <c r="AM29463">
        <v>21</v>
      </c>
      <c r="AN29463">
        <v>21</v>
      </c>
      <c r="AO29463">
        <v>21</v>
      </c>
      <c r="AP29463">
        <v>21</v>
      </c>
      <c r="AQ29463">
        <v>22</v>
      </c>
    </row>
    <row r="29464" spans="1:43">
      <c r="A29464" t="s">
        <v>18257</v>
      </c>
      <c r="B29464" t="s">
        <v>18258</v>
      </c>
      <c r="C29464" t="s">
        <v>18255</v>
      </c>
      <c r="D29464" t="s">
        <v>18256</v>
      </c>
      <c r="E29464" t="s">
        <v>18191</v>
      </c>
      <c r="F29464" t="s">
        <v>18192</v>
      </c>
      <c r="G29464" t="s">
        <v>10734</v>
      </c>
      <c r="H29464" t="s">
        <v>10735</v>
      </c>
      <c r="I29464" s="2">
        <v>0</v>
      </c>
      <c r="J29464" s="2">
        <v>0</v>
      </c>
      <c r="K29464" s="2">
        <v>1</v>
      </c>
      <c r="L29464" t="s">
        <v>995</v>
      </c>
      <c r="M29464" t="s">
        <v>89</v>
      </c>
      <c r="N29464" t="s">
        <v>90</v>
      </c>
      <c r="O29464" t="s">
        <v>85</v>
      </c>
      <c r="P29464" t="s">
        <v>86</v>
      </c>
      <c r="Q29464">
        <v>20</v>
      </c>
      <c r="R29464">
        <v>20</v>
      </c>
      <c r="S29464">
        <v>21</v>
      </c>
      <c r="T29464">
        <v>21</v>
      </c>
      <c r="U29464">
        <v>22</v>
      </c>
      <c r="V29464">
        <v>22</v>
      </c>
      <c r="W29464">
        <v>22</v>
      </c>
      <c r="X29464">
        <v>23</v>
      </c>
      <c r="Y29464">
        <v>23</v>
      </c>
      <c r="Z29464">
        <v>23</v>
      </c>
      <c r="AA29464">
        <v>24</v>
      </c>
      <c r="AB29464">
        <v>24</v>
      </c>
      <c r="AC29464">
        <v>24</v>
      </c>
      <c r="AD29464">
        <v>25</v>
      </c>
      <c r="AE29464">
        <v>25</v>
      </c>
      <c r="AF29464">
        <v>25</v>
      </c>
      <c r="AG29464">
        <v>25</v>
      </c>
      <c r="AH29464">
        <v>25</v>
      </c>
      <c r="AI29464">
        <v>25</v>
      </c>
      <c r="AJ29464">
        <v>25</v>
      </c>
      <c r="AK29464">
        <v>25</v>
      </c>
      <c r="AL29464">
        <v>25</v>
      </c>
      <c r="AM29464">
        <v>25</v>
      </c>
      <c r="AN29464">
        <v>25</v>
      </c>
      <c r="AO29464">
        <v>25</v>
      </c>
      <c r="AP29464">
        <v>25</v>
      </c>
      <c r="AQ29464">
        <v>25</v>
      </c>
    </row>
    <row r="29465" spans="1:43">
      <c r="A29465" t="s">
        <v>18257</v>
      </c>
      <c r="B29465" t="s">
        <v>18258</v>
      </c>
      <c r="C29465" t="s">
        <v>18255</v>
      </c>
      <c r="D29465" t="s">
        <v>18256</v>
      </c>
      <c r="E29465" t="s">
        <v>18191</v>
      </c>
      <c r="F29465" t="s">
        <v>18192</v>
      </c>
      <c r="G29465" t="s">
        <v>10734</v>
      </c>
      <c r="H29465" t="s">
        <v>10735</v>
      </c>
      <c r="I29465" s="2">
        <v>0</v>
      </c>
      <c r="J29465" s="2">
        <v>0</v>
      </c>
      <c r="K29465" s="2">
        <v>1</v>
      </c>
      <c r="L29465" t="s">
        <v>995</v>
      </c>
      <c r="M29465" t="s">
        <v>83</v>
      </c>
      <c r="N29465" t="s">
        <v>91</v>
      </c>
      <c r="O29465" t="s">
        <v>85</v>
      </c>
      <c r="P29465" t="s">
        <v>86</v>
      </c>
      <c r="Q29465">
        <v>20</v>
      </c>
      <c r="R29465">
        <v>20</v>
      </c>
      <c r="S29465">
        <v>20</v>
      </c>
      <c r="T29465">
        <v>21</v>
      </c>
      <c r="U29465">
        <v>21</v>
      </c>
      <c r="V29465">
        <v>21</v>
      </c>
      <c r="W29465">
        <v>21</v>
      </c>
      <c r="X29465">
        <v>21</v>
      </c>
      <c r="Y29465">
        <v>22</v>
      </c>
      <c r="Z29465">
        <v>22</v>
      </c>
      <c r="AA29465">
        <v>22</v>
      </c>
      <c r="AB29465">
        <v>22</v>
      </c>
      <c r="AC29465">
        <v>23</v>
      </c>
      <c r="AD29465">
        <v>23</v>
      </c>
      <c r="AE29465">
        <v>23</v>
      </c>
      <c r="AF29465">
        <v>23</v>
      </c>
      <c r="AG29465">
        <v>24</v>
      </c>
      <c r="AH29465">
        <v>24</v>
      </c>
      <c r="AI29465">
        <v>24</v>
      </c>
      <c r="AJ29465">
        <v>24</v>
      </c>
      <c r="AK29465">
        <v>25</v>
      </c>
      <c r="AL29465">
        <v>25</v>
      </c>
      <c r="AM29465">
        <v>25</v>
      </c>
      <c r="AN29465">
        <v>25</v>
      </c>
      <c r="AO29465">
        <v>25</v>
      </c>
      <c r="AP29465">
        <v>25</v>
      </c>
      <c r="AQ29465">
        <v>25</v>
      </c>
    </row>
    <row r="29466" spans="1:43">
      <c r="A29466" t="s">
        <v>18259</v>
      </c>
      <c r="B29466" t="s">
        <v>18260</v>
      </c>
      <c r="C29466" t="s">
        <v>18223</v>
      </c>
      <c r="D29466" t="s">
        <v>18224</v>
      </c>
      <c r="E29466" t="s">
        <v>18191</v>
      </c>
      <c r="F29466" t="s">
        <v>18192</v>
      </c>
      <c r="G29466" t="s">
        <v>10734</v>
      </c>
      <c r="H29466" t="s">
        <v>10735</v>
      </c>
      <c r="I29466" s="2">
        <v>0</v>
      </c>
      <c r="J29466" s="2">
        <v>0</v>
      </c>
      <c r="K29466" s="2">
        <v>1</v>
      </c>
      <c r="L29466" t="s">
        <v>995</v>
      </c>
      <c r="M29466" t="s">
        <v>83</v>
      </c>
      <c r="N29466" t="s">
        <v>84</v>
      </c>
      <c r="O29466" t="s">
        <v>85</v>
      </c>
      <c r="P29466" t="s">
        <v>86</v>
      </c>
      <c r="Q29466">
        <v>36</v>
      </c>
      <c r="R29466">
        <v>36</v>
      </c>
      <c r="S29466">
        <v>37</v>
      </c>
      <c r="T29466">
        <v>37</v>
      </c>
      <c r="U29466">
        <v>38</v>
      </c>
      <c r="V29466">
        <v>38</v>
      </c>
      <c r="W29466">
        <v>39</v>
      </c>
      <c r="X29466">
        <v>39</v>
      </c>
      <c r="Y29466">
        <v>40</v>
      </c>
      <c r="Z29466">
        <v>40</v>
      </c>
      <c r="AA29466">
        <v>41</v>
      </c>
      <c r="AB29466">
        <v>41</v>
      </c>
      <c r="AC29466">
        <v>41</v>
      </c>
      <c r="AD29466">
        <v>42</v>
      </c>
      <c r="AE29466">
        <v>42</v>
      </c>
      <c r="AF29466">
        <v>43</v>
      </c>
      <c r="AG29466">
        <v>43</v>
      </c>
      <c r="AH29466">
        <v>44</v>
      </c>
      <c r="AI29466">
        <v>44</v>
      </c>
      <c r="AJ29466">
        <v>45</v>
      </c>
      <c r="AK29466">
        <v>45</v>
      </c>
      <c r="AL29466">
        <v>45</v>
      </c>
      <c r="AM29466">
        <v>45</v>
      </c>
      <c r="AN29466">
        <v>46</v>
      </c>
      <c r="AO29466">
        <v>46</v>
      </c>
      <c r="AP29466">
        <v>46</v>
      </c>
      <c r="AQ29466">
        <v>46</v>
      </c>
    </row>
    <row r="29467" spans="1:43">
      <c r="A29467" t="s">
        <v>18259</v>
      </c>
      <c r="B29467" t="s">
        <v>18260</v>
      </c>
      <c r="C29467" t="s">
        <v>18223</v>
      </c>
      <c r="D29467" t="s">
        <v>18224</v>
      </c>
      <c r="E29467" t="s">
        <v>18191</v>
      </c>
      <c r="F29467" t="s">
        <v>18192</v>
      </c>
      <c r="G29467" t="s">
        <v>10734</v>
      </c>
      <c r="H29467" t="s">
        <v>10735</v>
      </c>
      <c r="I29467" s="2">
        <v>0</v>
      </c>
      <c r="J29467" s="2">
        <v>0</v>
      </c>
      <c r="K29467" s="2">
        <v>1</v>
      </c>
      <c r="L29467" t="s">
        <v>995</v>
      </c>
      <c r="M29467" t="s">
        <v>87</v>
      </c>
      <c r="N29467" t="s">
        <v>88</v>
      </c>
      <c r="O29467" t="s">
        <v>85</v>
      </c>
      <c r="P29467" t="s">
        <v>86</v>
      </c>
      <c r="Q29467">
        <v>36</v>
      </c>
      <c r="R29467">
        <v>36</v>
      </c>
      <c r="S29467">
        <v>36</v>
      </c>
      <c r="T29467">
        <v>36</v>
      </c>
      <c r="U29467">
        <v>36</v>
      </c>
      <c r="V29467">
        <v>36</v>
      </c>
      <c r="W29467">
        <v>36</v>
      </c>
      <c r="X29467">
        <v>37</v>
      </c>
      <c r="Y29467">
        <v>37</v>
      </c>
      <c r="Z29467">
        <v>37</v>
      </c>
      <c r="AA29467">
        <v>37</v>
      </c>
      <c r="AB29467">
        <v>37</v>
      </c>
      <c r="AC29467">
        <v>37</v>
      </c>
      <c r="AD29467">
        <v>37</v>
      </c>
      <c r="AE29467">
        <v>38</v>
      </c>
      <c r="AF29467">
        <v>38</v>
      </c>
      <c r="AG29467">
        <v>38</v>
      </c>
      <c r="AH29467">
        <v>38</v>
      </c>
      <c r="AI29467">
        <v>38</v>
      </c>
      <c r="AJ29467">
        <v>38</v>
      </c>
      <c r="AK29467">
        <v>39</v>
      </c>
      <c r="AL29467">
        <v>39</v>
      </c>
      <c r="AM29467">
        <v>39</v>
      </c>
      <c r="AN29467">
        <v>39</v>
      </c>
      <c r="AO29467">
        <v>40</v>
      </c>
      <c r="AP29467">
        <v>40</v>
      </c>
      <c r="AQ29467">
        <v>40</v>
      </c>
    </row>
    <row r="29468" spans="1:43">
      <c r="A29468" t="s">
        <v>18259</v>
      </c>
      <c r="B29468" t="s">
        <v>18260</v>
      </c>
      <c r="C29468" t="s">
        <v>18223</v>
      </c>
      <c r="D29468" t="s">
        <v>18224</v>
      </c>
      <c r="E29468" t="s">
        <v>18191</v>
      </c>
      <c r="F29468" t="s">
        <v>18192</v>
      </c>
      <c r="G29468" t="s">
        <v>10734</v>
      </c>
      <c r="H29468" t="s">
        <v>10735</v>
      </c>
      <c r="I29468" s="2">
        <v>0</v>
      </c>
      <c r="J29468" s="2">
        <v>0</v>
      </c>
      <c r="K29468" s="2">
        <v>1</v>
      </c>
      <c r="L29468" t="s">
        <v>995</v>
      </c>
      <c r="M29468" t="s">
        <v>89</v>
      </c>
      <c r="N29468" t="s">
        <v>90</v>
      </c>
      <c r="O29468" t="s">
        <v>85</v>
      </c>
      <c r="P29468" t="s">
        <v>86</v>
      </c>
      <c r="Q29468">
        <v>36</v>
      </c>
      <c r="R29468">
        <v>37</v>
      </c>
      <c r="S29468">
        <v>38</v>
      </c>
      <c r="T29468">
        <v>39</v>
      </c>
      <c r="U29468">
        <v>39</v>
      </c>
      <c r="V29468">
        <v>40</v>
      </c>
      <c r="W29468">
        <v>41</v>
      </c>
      <c r="X29468">
        <v>41</v>
      </c>
      <c r="Y29468">
        <v>42</v>
      </c>
      <c r="Z29468">
        <v>43</v>
      </c>
      <c r="AA29468">
        <v>43</v>
      </c>
      <c r="AB29468">
        <v>44</v>
      </c>
      <c r="AC29468">
        <v>44</v>
      </c>
      <c r="AD29468">
        <v>45</v>
      </c>
      <c r="AE29468">
        <v>45</v>
      </c>
      <c r="AF29468">
        <v>45</v>
      </c>
      <c r="AG29468">
        <v>45</v>
      </c>
      <c r="AH29468">
        <v>45</v>
      </c>
      <c r="AI29468">
        <v>45</v>
      </c>
      <c r="AJ29468">
        <v>46</v>
      </c>
      <c r="AK29468">
        <v>46</v>
      </c>
      <c r="AL29468">
        <v>46</v>
      </c>
      <c r="AM29468">
        <v>46</v>
      </c>
      <c r="AN29468">
        <v>46</v>
      </c>
      <c r="AO29468">
        <v>46</v>
      </c>
      <c r="AP29468">
        <v>46</v>
      </c>
      <c r="AQ29468">
        <v>46</v>
      </c>
    </row>
    <row r="29469" spans="1:43">
      <c r="A29469" t="s">
        <v>18259</v>
      </c>
      <c r="B29469" t="s">
        <v>18260</v>
      </c>
      <c r="C29469" t="s">
        <v>18223</v>
      </c>
      <c r="D29469" t="s">
        <v>18224</v>
      </c>
      <c r="E29469" t="s">
        <v>18191</v>
      </c>
      <c r="F29469" t="s">
        <v>18192</v>
      </c>
      <c r="G29469" t="s">
        <v>10734</v>
      </c>
      <c r="H29469" t="s">
        <v>10735</v>
      </c>
      <c r="I29469" s="2">
        <v>0</v>
      </c>
      <c r="J29469" s="2">
        <v>0</v>
      </c>
      <c r="K29469" s="2">
        <v>1</v>
      </c>
      <c r="L29469" t="s">
        <v>995</v>
      </c>
      <c r="M29469" t="s">
        <v>83</v>
      </c>
      <c r="N29469" t="s">
        <v>91</v>
      </c>
      <c r="O29469" t="s">
        <v>85</v>
      </c>
      <c r="P29469" t="s">
        <v>86</v>
      </c>
      <c r="Q29469">
        <v>36</v>
      </c>
      <c r="R29469">
        <v>36</v>
      </c>
      <c r="S29469">
        <v>37</v>
      </c>
      <c r="T29469">
        <v>37</v>
      </c>
      <c r="U29469">
        <v>38</v>
      </c>
      <c r="V29469">
        <v>38</v>
      </c>
      <c r="W29469">
        <v>39</v>
      </c>
      <c r="X29469">
        <v>39</v>
      </c>
      <c r="Y29469">
        <v>40</v>
      </c>
      <c r="Z29469">
        <v>40</v>
      </c>
      <c r="AA29469">
        <v>41</v>
      </c>
      <c r="AB29469">
        <v>41</v>
      </c>
      <c r="AC29469">
        <v>41</v>
      </c>
      <c r="AD29469">
        <v>42</v>
      </c>
      <c r="AE29469">
        <v>42</v>
      </c>
      <c r="AF29469">
        <v>43</v>
      </c>
      <c r="AG29469">
        <v>43</v>
      </c>
      <c r="AH29469">
        <v>44</v>
      </c>
      <c r="AI29469">
        <v>44</v>
      </c>
      <c r="AJ29469">
        <v>45</v>
      </c>
      <c r="AK29469">
        <v>45</v>
      </c>
      <c r="AL29469">
        <v>45</v>
      </c>
      <c r="AM29469">
        <v>45</v>
      </c>
      <c r="AN29469">
        <v>46</v>
      </c>
      <c r="AO29469">
        <v>46</v>
      </c>
      <c r="AP29469">
        <v>46</v>
      </c>
      <c r="AQ29469">
        <v>46</v>
      </c>
    </row>
    <row r="29470" spans="1:43">
      <c r="A29470" t="s">
        <v>18261</v>
      </c>
      <c r="B29470" t="s">
        <v>18262</v>
      </c>
      <c r="C29470" t="s">
        <v>18263</v>
      </c>
      <c r="D29470" t="s">
        <v>18264</v>
      </c>
      <c r="E29470" t="s">
        <v>18191</v>
      </c>
      <c r="F29470" t="s">
        <v>18192</v>
      </c>
      <c r="G29470" t="s">
        <v>10734</v>
      </c>
      <c r="H29470" t="s">
        <v>10735</v>
      </c>
      <c r="I29470" s="2">
        <v>0</v>
      </c>
      <c r="J29470" s="2">
        <v>0</v>
      </c>
      <c r="K29470" s="2">
        <v>1</v>
      </c>
      <c r="L29470" t="s">
        <v>995</v>
      </c>
      <c r="M29470" t="s">
        <v>83</v>
      </c>
      <c r="N29470" t="s">
        <v>84</v>
      </c>
      <c r="O29470" t="s">
        <v>85</v>
      </c>
      <c r="P29470" t="s">
        <v>86</v>
      </c>
      <c r="Q29470">
        <v>113</v>
      </c>
      <c r="R29470">
        <v>114</v>
      </c>
      <c r="S29470">
        <v>116</v>
      </c>
      <c r="T29470">
        <v>117</v>
      </c>
      <c r="U29470">
        <v>119</v>
      </c>
      <c r="V29470">
        <v>121</v>
      </c>
      <c r="W29470">
        <v>122</v>
      </c>
      <c r="X29470">
        <v>124</v>
      </c>
      <c r="Y29470">
        <v>125</v>
      </c>
      <c r="Z29470">
        <v>127</v>
      </c>
      <c r="AA29470">
        <v>128</v>
      </c>
      <c r="AB29470">
        <v>130</v>
      </c>
      <c r="AC29470">
        <v>132</v>
      </c>
      <c r="AD29470">
        <v>133</v>
      </c>
      <c r="AE29470">
        <v>135</v>
      </c>
      <c r="AF29470">
        <v>136</v>
      </c>
      <c r="AG29470">
        <v>138</v>
      </c>
      <c r="AH29470">
        <v>140</v>
      </c>
      <c r="AI29470">
        <v>141</v>
      </c>
      <c r="AJ29470">
        <v>143</v>
      </c>
      <c r="AK29470">
        <v>145</v>
      </c>
      <c r="AL29470">
        <v>146</v>
      </c>
      <c r="AM29470">
        <v>146</v>
      </c>
      <c r="AN29470">
        <v>147</v>
      </c>
      <c r="AO29470">
        <v>148</v>
      </c>
      <c r="AP29470">
        <v>149</v>
      </c>
      <c r="AQ29470">
        <v>149</v>
      </c>
    </row>
    <row r="29471" spans="1:43">
      <c r="A29471" t="s">
        <v>18261</v>
      </c>
      <c r="B29471" t="s">
        <v>18262</v>
      </c>
      <c r="C29471" t="s">
        <v>18263</v>
      </c>
      <c r="D29471" t="s">
        <v>18264</v>
      </c>
      <c r="E29471" t="s">
        <v>18191</v>
      </c>
      <c r="F29471" t="s">
        <v>18192</v>
      </c>
      <c r="G29471" t="s">
        <v>10734</v>
      </c>
      <c r="H29471" t="s">
        <v>10735</v>
      </c>
      <c r="I29471" s="2">
        <v>0</v>
      </c>
      <c r="J29471" s="2">
        <v>0</v>
      </c>
      <c r="K29471" s="2">
        <v>1</v>
      </c>
      <c r="L29471" t="s">
        <v>995</v>
      </c>
      <c r="M29471" t="s">
        <v>87</v>
      </c>
      <c r="N29471" t="s">
        <v>88</v>
      </c>
      <c r="O29471" t="s">
        <v>85</v>
      </c>
      <c r="P29471" t="s">
        <v>86</v>
      </c>
      <c r="Q29471">
        <v>113</v>
      </c>
      <c r="R29471">
        <v>113</v>
      </c>
      <c r="S29471">
        <v>114</v>
      </c>
      <c r="T29471">
        <v>114</v>
      </c>
      <c r="U29471">
        <v>115</v>
      </c>
      <c r="V29471">
        <v>115</v>
      </c>
      <c r="W29471">
        <v>116</v>
      </c>
      <c r="X29471">
        <v>116</v>
      </c>
      <c r="Y29471">
        <v>117</v>
      </c>
      <c r="Z29471">
        <v>117</v>
      </c>
      <c r="AA29471">
        <v>118</v>
      </c>
      <c r="AB29471">
        <v>118</v>
      </c>
      <c r="AC29471">
        <v>119</v>
      </c>
      <c r="AD29471">
        <v>120</v>
      </c>
      <c r="AE29471">
        <v>120</v>
      </c>
      <c r="AF29471">
        <v>121</v>
      </c>
      <c r="AG29471">
        <v>122</v>
      </c>
      <c r="AH29471">
        <v>122</v>
      </c>
      <c r="AI29471">
        <v>123</v>
      </c>
      <c r="AJ29471">
        <v>124</v>
      </c>
      <c r="AK29471">
        <v>125</v>
      </c>
      <c r="AL29471">
        <v>125</v>
      </c>
      <c r="AM29471">
        <v>126</v>
      </c>
      <c r="AN29471">
        <v>127</v>
      </c>
      <c r="AO29471">
        <v>128</v>
      </c>
      <c r="AP29471">
        <v>129</v>
      </c>
      <c r="AQ29471">
        <v>130</v>
      </c>
    </row>
    <row r="29472" spans="1:43">
      <c r="A29472" t="s">
        <v>18261</v>
      </c>
      <c r="B29472" t="s">
        <v>18262</v>
      </c>
      <c r="C29472" t="s">
        <v>18263</v>
      </c>
      <c r="D29472" t="s">
        <v>18264</v>
      </c>
      <c r="E29472" t="s">
        <v>18191</v>
      </c>
      <c r="F29472" t="s">
        <v>18192</v>
      </c>
      <c r="G29472" t="s">
        <v>10734</v>
      </c>
      <c r="H29472" t="s">
        <v>10735</v>
      </c>
      <c r="I29472" s="2">
        <v>0</v>
      </c>
      <c r="J29472" s="2">
        <v>0</v>
      </c>
      <c r="K29472" s="2">
        <v>1</v>
      </c>
      <c r="L29472" t="s">
        <v>995</v>
      </c>
      <c r="M29472" t="s">
        <v>89</v>
      </c>
      <c r="N29472" t="s">
        <v>90</v>
      </c>
      <c r="O29472" t="s">
        <v>85</v>
      </c>
      <c r="P29472" t="s">
        <v>86</v>
      </c>
      <c r="Q29472">
        <v>113</v>
      </c>
      <c r="R29472">
        <v>115</v>
      </c>
      <c r="S29472">
        <v>118</v>
      </c>
      <c r="T29472">
        <v>120</v>
      </c>
      <c r="U29472">
        <v>123</v>
      </c>
      <c r="V29472">
        <v>125</v>
      </c>
      <c r="W29472">
        <v>127</v>
      </c>
      <c r="X29472">
        <v>130</v>
      </c>
      <c r="Y29472">
        <v>132</v>
      </c>
      <c r="Z29472">
        <v>134</v>
      </c>
      <c r="AA29472">
        <v>136</v>
      </c>
      <c r="AB29472">
        <v>138</v>
      </c>
      <c r="AC29472">
        <v>140</v>
      </c>
      <c r="AD29472">
        <v>142</v>
      </c>
      <c r="AE29472">
        <v>144</v>
      </c>
      <c r="AF29472">
        <v>144</v>
      </c>
      <c r="AG29472">
        <v>144</v>
      </c>
      <c r="AH29472">
        <v>145</v>
      </c>
      <c r="AI29472">
        <v>146</v>
      </c>
      <c r="AJ29472">
        <v>146</v>
      </c>
      <c r="AK29472">
        <v>147</v>
      </c>
      <c r="AL29472">
        <v>147</v>
      </c>
      <c r="AM29472">
        <v>148</v>
      </c>
      <c r="AN29472">
        <v>149</v>
      </c>
      <c r="AO29472">
        <v>149</v>
      </c>
      <c r="AP29472">
        <v>150</v>
      </c>
      <c r="AQ29472">
        <v>151</v>
      </c>
    </row>
    <row r="29473" spans="1:43">
      <c r="A29473" t="s">
        <v>18261</v>
      </c>
      <c r="B29473" t="s">
        <v>18262</v>
      </c>
      <c r="C29473" t="s">
        <v>18263</v>
      </c>
      <c r="D29473" t="s">
        <v>18264</v>
      </c>
      <c r="E29473" t="s">
        <v>18191</v>
      </c>
      <c r="F29473" t="s">
        <v>18192</v>
      </c>
      <c r="G29473" t="s">
        <v>10734</v>
      </c>
      <c r="H29473" t="s">
        <v>10735</v>
      </c>
      <c r="I29473" s="2">
        <v>0</v>
      </c>
      <c r="J29473" s="2">
        <v>0</v>
      </c>
      <c r="K29473" s="2">
        <v>1</v>
      </c>
      <c r="L29473" t="s">
        <v>995</v>
      </c>
      <c r="M29473" t="s">
        <v>83</v>
      </c>
      <c r="N29473" t="s">
        <v>91</v>
      </c>
      <c r="O29473" t="s">
        <v>85</v>
      </c>
      <c r="P29473" t="s">
        <v>86</v>
      </c>
      <c r="Q29473">
        <v>113</v>
      </c>
      <c r="R29473">
        <v>114</v>
      </c>
      <c r="S29473">
        <v>116</v>
      </c>
      <c r="T29473">
        <v>117</v>
      </c>
      <c r="U29473">
        <v>119</v>
      </c>
      <c r="V29473">
        <v>121</v>
      </c>
      <c r="W29473">
        <v>122</v>
      </c>
      <c r="X29473">
        <v>124</v>
      </c>
      <c r="Y29473">
        <v>125</v>
      </c>
      <c r="Z29473">
        <v>127</v>
      </c>
      <c r="AA29473">
        <v>128</v>
      </c>
      <c r="AB29473">
        <v>130</v>
      </c>
      <c r="AC29473">
        <v>132</v>
      </c>
      <c r="AD29473">
        <v>133</v>
      </c>
      <c r="AE29473">
        <v>135</v>
      </c>
      <c r="AF29473">
        <v>136</v>
      </c>
      <c r="AG29473">
        <v>138</v>
      </c>
      <c r="AH29473">
        <v>140</v>
      </c>
      <c r="AI29473">
        <v>141</v>
      </c>
      <c r="AJ29473">
        <v>143</v>
      </c>
      <c r="AK29473">
        <v>145</v>
      </c>
      <c r="AL29473">
        <v>146</v>
      </c>
      <c r="AM29473">
        <v>146</v>
      </c>
      <c r="AN29473">
        <v>147</v>
      </c>
      <c r="AO29473">
        <v>148</v>
      </c>
      <c r="AP29473">
        <v>149</v>
      </c>
      <c r="AQ29473">
        <v>149</v>
      </c>
    </row>
    <row r="29474" spans="1:43">
      <c r="A29474" t="s">
        <v>18265</v>
      </c>
      <c r="B29474" t="s">
        <v>18266</v>
      </c>
      <c r="C29474" t="s">
        <v>18195</v>
      </c>
      <c r="D29474" t="s">
        <v>18196</v>
      </c>
      <c r="E29474" t="s">
        <v>18191</v>
      </c>
      <c r="F29474" t="s">
        <v>18192</v>
      </c>
      <c r="G29474" t="s">
        <v>10734</v>
      </c>
      <c r="H29474" t="s">
        <v>10735</v>
      </c>
      <c r="I29474" s="2">
        <v>0</v>
      </c>
      <c r="J29474" s="2">
        <v>0</v>
      </c>
      <c r="K29474" s="2">
        <v>1</v>
      </c>
      <c r="L29474" t="s">
        <v>995</v>
      </c>
      <c r="M29474" t="s">
        <v>83</v>
      </c>
      <c r="N29474" t="s">
        <v>84</v>
      </c>
      <c r="O29474" t="s">
        <v>85</v>
      </c>
      <c r="P29474" t="s">
        <v>86</v>
      </c>
      <c r="Q29474">
        <v>20</v>
      </c>
      <c r="R29474">
        <v>20</v>
      </c>
      <c r="S29474">
        <v>21</v>
      </c>
      <c r="T29474">
        <v>21</v>
      </c>
      <c r="U29474">
        <v>21</v>
      </c>
      <c r="V29474">
        <v>22</v>
      </c>
      <c r="W29474">
        <v>22</v>
      </c>
      <c r="X29474">
        <v>22</v>
      </c>
      <c r="Y29474">
        <v>23</v>
      </c>
      <c r="Z29474">
        <v>23</v>
      </c>
      <c r="AA29474">
        <v>23</v>
      </c>
      <c r="AB29474">
        <v>24</v>
      </c>
      <c r="AC29474">
        <v>24</v>
      </c>
      <c r="AD29474">
        <v>24</v>
      </c>
      <c r="AE29474">
        <v>25</v>
      </c>
      <c r="AF29474">
        <v>25</v>
      </c>
      <c r="AG29474">
        <v>25</v>
      </c>
      <c r="AH29474">
        <v>26</v>
      </c>
      <c r="AI29474">
        <v>26</v>
      </c>
      <c r="AJ29474">
        <v>26</v>
      </c>
      <c r="AK29474">
        <v>27</v>
      </c>
      <c r="AL29474">
        <v>27</v>
      </c>
      <c r="AM29474">
        <v>27</v>
      </c>
      <c r="AN29474">
        <v>27</v>
      </c>
      <c r="AO29474">
        <v>27</v>
      </c>
      <c r="AP29474">
        <v>28</v>
      </c>
      <c r="AQ29474">
        <v>28</v>
      </c>
    </row>
    <row r="29475" spans="1:43">
      <c r="A29475" t="s">
        <v>18265</v>
      </c>
      <c r="B29475" t="s">
        <v>18266</v>
      </c>
      <c r="C29475" t="s">
        <v>18195</v>
      </c>
      <c r="D29475" t="s">
        <v>18196</v>
      </c>
      <c r="E29475" t="s">
        <v>18191</v>
      </c>
      <c r="F29475" t="s">
        <v>18192</v>
      </c>
      <c r="G29475" t="s">
        <v>10734</v>
      </c>
      <c r="H29475" t="s">
        <v>10735</v>
      </c>
      <c r="I29475" s="2">
        <v>0</v>
      </c>
      <c r="J29475" s="2">
        <v>0</v>
      </c>
      <c r="K29475" s="2">
        <v>1</v>
      </c>
      <c r="L29475" t="s">
        <v>995</v>
      </c>
      <c r="M29475" t="s">
        <v>87</v>
      </c>
      <c r="N29475" t="s">
        <v>88</v>
      </c>
      <c r="O29475" t="s">
        <v>85</v>
      </c>
      <c r="P29475" t="s">
        <v>86</v>
      </c>
      <c r="Q29475">
        <v>20</v>
      </c>
      <c r="R29475">
        <v>20</v>
      </c>
      <c r="S29475">
        <v>20</v>
      </c>
      <c r="T29475">
        <v>20</v>
      </c>
      <c r="U29475">
        <v>20</v>
      </c>
      <c r="V29475">
        <v>21</v>
      </c>
      <c r="W29475">
        <v>21</v>
      </c>
      <c r="X29475">
        <v>21</v>
      </c>
      <c r="Y29475">
        <v>21</v>
      </c>
      <c r="Z29475">
        <v>21</v>
      </c>
      <c r="AA29475">
        <v>21</v>
      </c>
      <c r="AB29475">
        <v>21</v>
      </c>
      <c r="AC29475">
        <v>22</v>
      </c>
      <c r="AD29475">
        <v>22</v>
      </c>
      <c r="AE29475">
        <v>22</v>
      </c>
      <c r="AF29475">
        <v>22</v>
      </c>
      <c r="AG29475">
        <v>22</v>
      </c>
      <c r="AH29475">
        <v>22</v>
      </c>
      <c r="AI29475">
        <v>23</v>
      </c>
      <c r="AJ29475">
        <v>23</v>
      </c>
      <c r="AK29475">
        <v>23</v>
      </c>
      <c r="AL29475">
        <v>23</v>
      </c>
      <c r="AM29475">
        <v>23</v>
      </c>
      <c r="AN29475">
        <v>23</v>
      </c>
      <c r="AO29475">
        <v>24</v>
      </c>
      <c r="AP29475">
        <v>24</v>
      </c>
      <c r="AQ29475">
        <v>24</v>
      </c>
    </row>
    <row r="29476" spans="1:43">
      <c r="A29476" t="s">
        <v>18265</v>
      </c>
      <c r="B29476" t="s">
        <v>18266</v>
      </c>
      <c r="C29476" t="s">
        <v>18195</v>
      </c>
      <c r="D29476" t="s">
        <v>18196</v>
      </c>
      <c r="E29476" t="s">
        <v>18191</v>
      </c>
      <c r="F29476" t="s">
        <v>18192</v>
      </c>
      <c r="G29476" t="s">
        <v>10734</v>
      </c>
      <c r="H29476" t="s">
        <v>10735</v>
      </c>
      <c r="I29476" s="2">
        <v>0</v>
      </c>
      <c r="J29476" s="2">
        <v>0</v>
      </c>
      <c r="K29476" s="2">
        <v>1</v>
      </c>
      <c r="L29476" t="s">
        <v>995</v>
      </c>
      <c r="M29476" t="s">
        <v>89</v>
      </c>
      <c r="N29476" t="s">
        <v>90</v>
      </c>
      <c r="O29476" t="s">
        <v>85</v>
      </c>
      <c r="P29476" t="s">
        <v>86</v>
      </c>
      <c r="Q29476">
        <v>20</v>
      </c>
      <c r="R29476">
        <v>21</v>
      </c>
      <c r="S29476">
        <v>21</v>
      </c>
      <c r="T29476">
        <v>22</v>
      </c>
      <c r="U29476">
        <v>22</v>
      </c>
      <c r="V29476">
        <v>23</v>
      </c>
      <c r="W29476">
        <v>23</v>
      </c>
      <c r="X29476">
        <v>24</v>
      </c>
      <c r="Y29476">
        <v>24</v>
      </c>
      <c r="Z29476">
        <v>24</v>
      </c>
      <c r="AA29476">
        <v>25</v>
      </c>
      <c r="AB29476">
        <v>25</v>
      </c>
      <c r="AC29476">
        <v>26</v>
      </c>
      <c r="AD29476">
        <v>26</v>
      </c>
      <c r="AE29476">
        <v>26</v>
      </c>
      <c r="AF29476">
        <v>27</v>
      </c>
      <c r="AG29476">
        <v>27</v>
      </c>
      <c r="AH29476">
        <v>27</v>
      </c>
      <c r="AI29476">
        <v>27</v>
      </c>
      <c r="AJ29476">
        <v>27</v>
      </c>
      <c r="AK29476">
        <v>27</v>
      </c>
      <c r="AL29476">
        <v>28</v>
      </c>
      <c r="AM29476">
        <v>28</v>
      </c>
      <c r="AN29476">
        <v>28</v>
      </c>
      <c r="AO29476">
        <v>28</v>
      </c>
      <c r="AP29476">
        <v>28</v>
      </c>
      <c r="AQ29476">
        <v>28</v>
      </c>
    </row>
    <row r="29477" spans="1:43">
      <c r="A29477" t="s">
        <v>18265</v>
      </c>
      <c r="B29477" t="s">
        <v>18266</v>
      </c>
      <c r="C29477" t="s">
        <v>18195</v>
      </c>
      <c r="D29477" t="s">
        <v>18196</v>
      </c>
      <c r="E29477" t="s">
        <v>18191</v>
      </c>
      <c r="F29477" t="s">
        <v>18192</v>
      </c>
      <c r="G29477" t="s">
        <v>10734</v>
      </c>
      <c r="H29477" t="s">
        <v>10735</v>
      </c>
      <c r="I29477" s="2">
        <v>0</v>
      </c>
      <c r="J29477" s="2">
        <v>0</v>
      </c>
      <c r="K29477" s="2">
        <v>1</v>
      </c>
      <c r="L29477" t="s">
        <v>995</v>
      </c>
      <c r="M29477" t="s">
        <v>83</v>
      </c>
      <c r="N29477" t="s">
        <v>91</v>
      </c>
      <c r="O29477" t="s">
        <v>85</v>
      </c>
      <c r="P29477" t="s">
        <v>86</v>
      </c>
      <c r="Q29477">
        <v>20</v>
      </c>
      <c r="R29477">
        <v>20</v>
      </c>
      <c r="S29477">
        <v>21</v>
      </c>
      <c r="T29477">
        <v>21</v>
      </c>
      <c r="U29477">
        <v>21</v>
      </c>
      <c r="V29477">
        <v>22</v>
      </c>
      <c r="W29477">
        <v>22</v>
      </c>
      <c r="X29477">
        <v>22</v>
      </c>
      <c r="Y29477">
        <v>23</v>
      </c>
      <c r="Z29477">
        <v>23</v>
      </c>
      <c r="AA29477">
        <v>23</v>
      </c>
      <c r="AB29477">
        <v>24</v>
      </c>
      <c r="AC29477">
        <v>24</v>
      </c>
      <c r="AD29477">
        <v>24</v>
      </c>
      <c r="AE29477">
        <v>25</v>
      </c>
      <c r="AF29477">
        <v>25</v>
      </c>
      <c r="AG29477">
        <v>25</v>
      </c>
      <c r="AH29477">
        <v>26</v>
      </c>
      <c r="AI29477">
        <v>26</v>
      </c>
      <c r="AJ29477">
        <v>26</v>
      </c>
      <c r="AK29477">
        <v>27</v>
      </c>
      <c r="AL29477">
        <v>27</v>
      </c>
      <c r="AM29477">
        <v>27</v>
      </c>
      <c r="AN29477">
        <v>27</v>
      </c>
      <c r="AO29477">
        <v>27</v>
      </c>
      <c r="AP29477">
        <v>28</v>
      </c>
      <c r="AQ29477">
        <v>28</v>
      </c>
    </row>
    <row r="29478" spans="1:43">
      <c r="A29478" t="s">
        <v>18267</v>
      </c>
      <c r="B29478" t="s">
        <v>18268</v>
      </c>
      <c r="C29478" t="s">
        <v>18189</v>
      </c>
      <c r="D29478" t="s">
        <v>18190</v>
      </c>
      <c r="E29478" t="s">
        <v>18191</v>
      </c>
      <c r="F29478" t="s">
        <v>18192</v>
      </c>
      <c r="G29478" t="s">
        <v>10734</v>
      </c>
      <c r="H29478" t="s">
        <v>10735</v>
      </c>
      <c r="I29478" s="2">
        <v>0</v>
      </c>
      <c r="J29478" s="2">
        <v>0</v>
      </c>
      <c r="K29478" s="2">
        <v>1</v>
      </c>
      <c r="L29478" t="s">
        <v>995</v>
      </c>
      <c r="M29478" t="s">
        <v>83</v>
      </c>
      <c r="N29478" t="s">
        <v>84</v>
      </c>
      <c r="O29478" t="s">
        <v>85</v>
      </c>
      <c r="P29478" t="s">
        <v>86</v>
      </c>
      <c r="Q29478">
        <v>12</v>
      </c>
      <c r="R29478">
        <v>12</v>
      </c>
      <c r="S29478">
        <v>12</v>
      </c>
      <c r="T29478">
        <v>13</v>
      </c>
      <c r="U29478">
        <v>13</v>
      </c>
      <c r="V29478">
        <v>13</v>
      </c>
      <c r="W29478">
        <v>13</v>
      </c>
      <c r="X29478">
        <v>13</v>
      </c>
      <c r="Y29478">
        <v>14</v>
      </c>
      <c r="Z29478">
        <v>14</v>
      </c>
      <c r="AA29478">
        <v>14</v>
      </c>
      <c r="AB29478">
        <v>14</v>
      </c>
      <c r="AC29478">
        <v>14</v>
      </c>
      <c r="AD29478">
        <v>15</v>
      </c>
      <c r="AE29478">
        <v>15</v>
      </c>
      <c r="AF29478">
        <v>15</v>
      </c>
      <c r="AG29478">
        <v>15</v>
      </c>
      <c r="AH29478">
        <v>15</v>
      </c>
      <c r="AI29478">
        <v>15</v>
      </c>
      <c r="AJ29478">
        <v>16</v>
      </c>
      <c r="AK29478">
        <v>16</v>
      </c>
      <c r="AL29478">
        <v>16</v>
      </c>
      <c r="AM29478">
        <v>16</v>
      </c>
      <c r="AN29478">
        <v>16</v>
      </c>
      <c r="AO29478">
        <v>16</v>
      </c>
      <c r="AP29478">
        <v>16</v>
      </c>
      <c r="AQ29478">
        <v>16</v>
      </c>
    </row>
    <row r="29479" spans="1:43">
      <c r="A29479" t="s">
        <v>18267</v>
      </c>
      <c r="B29479" t="s">
        <v>18268</v>
      </c>
      <c r="C29479" t="s">
        <v>18189</v>
      </c>
      <c r="D29479" t="s">
        <v>18190</v>
      </c>
      <c r="E29479" t="s">
        <v>18191</v>
      </c>
      <c r="F29479" t="s">
        <v>18192</v>
      </c>
      <c r="G29479" t="s">
        <v>10734</v>
      </c>
      <c r="H29479" t="s">
        <v>10735</v>
      </c>
      <c r="I29479" s="2">
        <v>0</v>
      </c>
      <c r="J29479" s="2">
        <v>0</v>
      </c>
      <c r="K29479" s="2">
        <v>1</v>
      </c>
      <c r="L29479" t="s">
        <v>995</v>
      </c>
      <c r="M29479" t="s">
        <v>87</v>
      </c>
      <c r="N29479" t="s">
        <v>88</v>
      </c>
      <c r="O29479" t="s">
        <v>85</v>
      </c>
      <c r="P29479" t="s">
        <v>86</v>
      </c>
      <c r="Q29479">
        <v>12</v>
      </c>
      <c r="R29479">
        <v>12</v>
      </c>
      <c r="S29479">
        <v>12</v>
      </c>
      <c r="T29479">
        <v>12</v>
      </c>
      <c r="U29479">
        <v>12</v>
      </c>
      <c r="V29479">
        <v>12</v>
      </c>
      <c r="W29479">
        <v>12</v>
      </c>
      <c r="X29479">
        <v>12</v>
      </c>
      <c r="Y29479">
        <v>13</v>
      </c>
      <c r="Z29479">
        <v>13</v>
      </c>
      <c r="AA29479">
        <v>13</v>
      </c>
      <c r="AB29479">
        <v>13</v>
      </c>
      <c r="AC29479">
        <v>13</v>
      </c>
      <c r="AD29479">
        <v>13</v>
      </c>
      <c r="AE29479">
        <v>13</v>
      </c>
      <c r="AF29479">
        <v>13</v>
      </c>
      <c r="AG29479">
        <v>13</v>
      </c>
      <c r="AH29479">
        <v>13</v>
      </c>
      <c r="AI29479">
        <v>13</v>
      </c>
      <c r="AJ29479">
        <v>14</v>
      </c>
      <c r="AK29479">
        <v>14</v>
      </c>
      <c r="AL29479">
        <v>14</v>
      </c>
      <c r="AM29479">
        <v>14</v>
      </c>
      <c r="AN29479">
        <v>14</v>
      </c>
      <c r="AO29479">
        <v>14</v>
      </c>
      <c r="AP29479">
        <v>14</v>
      </c>
      <c r="AQ29479">
        <v>14</v>
      </c>
    </row>
    <row r="29480" spans="1:43">
      <c r="A29480" t="s">
        <v>18267</v>
      </c>
      <c r="B29480" t="s">
        <v>18268</v>
      </c>
      <c r="C29480" t="s">
        <v>18189</v>
      </c>
      <c r="D29480" t="s">
        <v>18190</v>
      </c>
      <c r="E29480" t="s">
        <v>18191</v>
      </c>
      <c r="F29480" t="s">
        <v>18192</v>
      </c>
      <c r="G29480" t="s">
        <v>10734</v>
      </c>
      <c r="H29480" t="s">
        <v>10735</v>
      </c>
      <c r="I29480" s="2">
        <v>0</v>
      </c>
      <c r="J29480" s="2">
        <v>0</v>
      </c>
      <c r="K29480" s="2">
        <v>1</v>
      </c>
      <c r="L29480" t="s">
        <v>995</v>
      </c>
      <c r="M29480" t="s">
        <v>89</v>
      </c>
      <c r="N29480" t="s">
        <v>90</v>
      </c>
      <c r="O29480" t="s">
        <v>85</v>
      </c>
      <c r="P29480" t="s">
        <v>86</v>
      </c>
      <c r="Q29480">
        <v>12</v>
      </c>
      <c r="R29480">
        <v>12</v>
      </c>
      <c r="S29480">
        <v>13</v>
      </c>
      <c r="T29480">
        <v>13</v>
      </c>
      <c r="U29480">
        <v>13</v>
      </c>
      <c r="V29480">
        <v>14</v>
      </c>
      <c r="W29480">
        <v>14</v>
      </c>
      <c r="X29480">
        <v>14</v>
      </c>
      <c r="Y29480">
        <v>14</v>
      </c>
      <c r="Z29480">
        <v>15</v>
      </c>
      <c r="AA29480">
        <v>15</v>
      </c>
      <c r="AB29480">
        <v>15</v>
      </c>
      <c r="AC29480">
        <v>15</v>
      </c>
      <c r="AD29480">
        <v>16</v>
      </c>
      <c r="AE29480">
        <v>16</v>
      </c>
      <c r="AF29480">
        <v>16</v>
      </c>
      <c r="AG29480">
        <v>16</v>
      </c>
      <c r="AH29480">
        <v>16</v>
      </c>
      <c r="AI29480">
        <v>16</v>
      </c>
      <c r="AJ29480">
        <v>16</v>
      </c>
      <c r="AK29480">
        <v>16</v>
      </c>
      <c r="AL29480">
        <v>16</v>
      </c>
      <c r="AM29480">
        <v>16</v>
      </c>
      <c r="AN29480">
        <v>16</v>
      </c>
      <c r="AO29480">
        <v>16</v>
      </c>
      <c r="AP29480">
        <v>17</v>
      </c>
      <c r="AQ29480">
        <v>17</v>
      </c>
    </row>
    <row r="29481" spans="1:43">
      <c r="A29481" t="s">
        <v>18267</v>
      </c>
      <c r="B29481" t="s">
        <v>18268</v>
      </c>
      <c r="C29481" t="s">
        <v>18189</v>
      </c>
      <c r="D29481" t="s">
        <v>18190</v>
      </c>
      <c r="E29481" t="s">
        <v>18191</v>
      </c>
      <c r="F29481" t="s">
        <v>18192</v>
      </c>
      <c r="G29481" t="s">
        <v>10734</v>
      </c>
      <c r="H29481" t="s">
        <v>10735</v>
      </c>
      <c r="I29481" s="2">
        <v>0</v>
      </c>
      <c r="J29481" s="2">
        <v>0</v>
      </c>
      <c r="K29481" s="2">
        <v>1</v>
      </c>
      <c r="L29481" t="s">
        <v>995</v>
      </c>
      <c r="M29481" t="s">
        <v>83</v>
      </c>
      <c r="N29481" t="s">
        <v>91</v>
      </c>
      <c r="O29481" t="s">
        <v>85</v>
      </c>
      <c r="P29481" t="s">
        <v>86</v>
      </c>
      <c r="Q29481">
        <v>12</v>
      </c>
      <c r="R29481">
        <v>12</v>
      </c>
      <c r="S29481">
        <v>12</v>
      </c>
      <c r="T29481">
        <v>13</v>
      </c>
      <c r="U29481">
        <v>13</v>
      </c>
      <c r="V29481">
        <v>13</v>
      </c>
      <c r="W29481">
        <v>13</v>
      </c>
      <c r="X29481">
        <v>13</v>
      </c>
      <c r="Y29481">
        <v>14</v>
      </c>
      <c r="Z29481">
        <v>14</v>
      </c>
      <c r="AA29481">
        <v>14</v>
      </c>
      <c r="AB29481">
        <v>14</v>
      </c>
      <c r="AC29481">
        <v>14</v>
      </c>
      <c r="AD29481">
        <v>15</v>
      </c>
      <c r="AE29481">
        <v>15</v>
      </c>
      <c r="AF29481">
        <v>15</v>
      </c>
      <c r="AG29481">
        <v>15</v>
      </c>
      <c r="AH29481">
        <v>15</v>
      </c>
      <c r="AI29481">
        <v>15</v>
      </c>
      <c r="AJ29481">
        <v>16</v>
      </c>
      <c r="AK29481">
        <v>16</v>
      </c>
      <c r="AL29481">
        <v>16</v>
      </c>
      <c r="AM29481">
        <v>16</v>
      </c>
      <c r="AN29481">
        <v>16</v>
      </c>
      <c r="AO29481">
        <v>16</v>
      </c>
      <c r="AP29481">
        <v>16</v>
      </c>
      <c r="AQ29481">
        <v>16</v>
      </c>
    </row>
    <row r="29482" spans="1:43">
      <c r="A29482" t="s">
        <v>18269</v>
      </c>
      <c r="B29482" t="s">
        <v>18270</v>
      </c>
      <c r="C29482" t="s">
        <v>18189</v>
      </c>
      <c r="D29482" t="s">
        <v>18190</v>
      </c>
      <c r="E29482" t="s">
        <v>18191</v>
      </c>
      <c r="F29482" t="s">
        <v>18192</v>
      </c>
      <c r="G29482" t="s">
        <v>10734</v>
      </c>
      <c r="H29482" t="s">
        <v>10735</v>
      </c>
      <c r="I29482" s="2">
        <v>0</v>
      </c>
      <c r="J29482" s="2">
        <v>0</v>
      </c>
      <c r="K29482" s="2">
        <v>1</v>
      </c>
      <c r="L29482" t="s">
        <v>995</v>
      </c>
      <c r="M29482" t="s">
        <v>83</v>
      </c>
      <c r="N29482" t="s">
        <v>84</v>
      </c>
      <c r="O29482" t="s">
        <v>85</v>
      </c>
      <c r="P29482" t="s">
        <v>86</v>
      </c>
      <c r="Q29482">
        <v>30</v>
      </c>
      <c r="R29482">
        <v>30</v>
      </c>
      <c r="S29482">
        <v>31</v>
      </c>
      <c r="T29482">
        <v>31</v>
      </c>
      <c r="U29482">
        <v>32</v>
      </c>
      <c r="V29482">
        <v>32</v>
      </c>
      <c r="W29482">
        <v>32</v>
      </c>
      <c r="X29482">
        <v>33</v>
      </c>
      <c r="Y29482">
        <v>33</v>
      </c>
      <c r="Z29482">
        <v>34</v>
      </c>
      <c r="AA29482">
        <v>34</v>
      </c>
      <c r="AB29482">
        <v>35</v>
      </c>
      <c r="AC29482">
        <v>35</v>
      </c>
      <c r="AD29482">
        <v>36</v>
      </c>
      <c r="AE29482">
        <v>36</v>
      </c>
      <c r="AF29482">
        <v>37</v>
      </c>
      <c r="AG29482">
        <v>37</v>
      </c>
      <c r="AH29482">
        <v>37</v>
      </c>
      <c r="AI29482">
        <v>38</v>
      </c>
      <c r="AJ29482">
        <v>38</v>
      </c>
      <c r="AK29482">
        <v>39</v>
      </c>
      <c r="AL29482">
        <v>39</v>
      </c>
      <c r="AM29482">
        <v>39</v>
      </c>
      <c r="AN29482">
        <v>40</v>
      </c>
      <c r="AO29482">
        <v>40</v>
      </c>
      <c r="AP29482">
        <v>40</v>
      </c>
      <c r="AQ29482">
        <v>40</v>
      </c>
    </row>
    <row r="29483" spans="1:43">
      <c r="A29483" t="s">
        <v>18269</v>
      </c>
      <c r="B29483" t="s">
        <v>18270</v>
      </c>
      <c r="C29483" t="s">
        <v>18189</v>
      </c>
      <c r="D29483" t="s">
        <v>18190</v>
      </c>
      <c r="E29483" t="s">
        <v>18191</v>
      </c>
      <c r="F29483" t="s">
        <v>18192</v>
      </c>
      <c r="G29483" t="s">
        <v>10734</v>
      </c>
      <c r="H29483" t="s">
        <v>10735</v>
      </c>
      <c r="I29483" s="2">
        <v>0</v>
      </c>
      <c r="J29483" s="2">
        <v>0</v>
      </c>
      <c r="K29483" s="2">
        <v>1</v>
      </c>
      <c r="L29483" t="s">
        <v>995</v>
      </c>
      <c r="M29483" t="s">
        <v>87</v>
      </c>
      <c r="N29483" t="s">
        <v>88</v>
      </c>
      <c r="O29483" t="s">
        <v>85</v>
      </c>
      <c r="P29483" t="s">
        <v>86</v>
      </c>
      <c r="Q29483">
        <v>30</v>
      </c>
      <c r="R29483">
        <v>31</v>
      </c>
      <c r="S29483">
        <v>31</v>
      </c>
      <c r="T29483">
        <v>31</v>
      </c>
      <c r="U29483">
        <v>31</v>
      </c>
      <c r="V29483">
        <v>31</v>
      </c>
      <c r="W29483">
        <v>31</v>
      </c>
      <c r="X29483">
        <v>32</v>
      </c>
      <c r="Y29483">
        <v>32</v>
      </c>
      <c r="Z29483">
        <v>32</v>
      </c>
      <c r="AA29483">
        <v>32</v>
      </c>
      <c r="AB29483">
        <v>32</v>
      </c>
      <c r="AC29483">
        <v>33</v>
      </c>
      <c r="AD29483">
        <v>33</v>
      </c>
      <c r="AE29483">
        <v>33</v>
      </c>
      <c r="AF29483">
        <v>33</v>
      </c>
      <c r="AG29483">
        <v>33</v>
      </c>
      <c r="AH29483">
        <v>34</v>
      </c>
      <c r="AI29483">
        <v>34</v>
      </c>
      <c r="AJ29483">
        <v>34</v>
      </c>
      <c r="AK29483">
        <v>34</v>
      </c>
      <c r="AL29483">
        <v>35</v>
      </c>
      <c r="AM29483">
        <v>35</v>
      </c>
      <c r="AN29483">
        <v>35</v>
      </c>
      <c r="AO29483">
        <v>36</v>
      </c>
      <c r="AP29483">
        <v>36</v>
      </c>
      <c r="AQ29483">
        <v>36</v>
      </c>
    </row>
    <row r="29484" spans="1:43">
      <c r="A29484" t="s">
        <v>18269</v>
      </c>
      <c r="B29484" t="s">
        <v>18270</v>
      </c>
      <c r="C29484" t="s">
        <v>18189</v>
      </c>
      <c r="D29484" t="s">
        <v>18190</v>
      </c>
      <c r="E29484" t="s">
        <v>18191</v>
      </c>
      <c r="F29484" t="s">
        <v>18192</v>
      </c>
      <c r="G29484" t="s">
        <v>10734</v>
      </c>
      <c r="H29484" t="s">
        <v>10735</v>
      </c>
      <c r="I29484" s="2">
        <v>0</v>
      </c>
      <c r="J29484" s="2">
        <v>0</v>
      </c>
      <c r="K29484" s="2">
        <v>1</v>
      </c>
      <c r="L29484" t="s">
        <v>995</v>
      </c>
      <c r="M29484" t="s">
        <v>89</v>
      </c>
      <c r="N29484" t="s">
        <v>90</v>
      </c>
      <c r="O29484" t="s">
        <v>85</v>
      </c>
      <c r="P29484" t="s">
        <v>86</v>
      </c>
      <c r="Q29484">
        <v>30</v>
      </c>
      <c r="R29484">
        <v>31</v>
      </c>
      <c r="S29484">
        <v>31</v>
      </c>
      <c r="T29484">
        <v>32</v>
      </c>
      <c r="U29484">
        <v>33</v>
      </c>
      <c r="V29484">
        <v>33</v>
      </c>
      <c r="W29484">
        <v>34</v>
      </c>
      <c r="X29484">
        <v>35</v>
      </c>
      <c r="Y29484">
        <v>35</v>
      </c>
      <c r="Z29484">
        <v>36</v>
      </c>
      <c r="AA29484">
        <v>36</v>
      </c>
      <c r="AB29484">
        <v>37</v>
      </c>
      <c r="AC29484">
        <v>38</v>
      </c>
      <c r="AD29484">
        <v>38</v>
      </c>
      <c r="AE29484">
        <v>38</v>
      </c>
      <c r="AF29484">
        <v>39</v>
      </c>
      <c r="AG29484">
        <v>39</v>
      </c>
      <c r="AH29484">
        <v>39</v>
      </c>
      <c r="AI29484">
        <v>39</v>
      </c>
      <c r="AJ29484">
        <v>39</v>
      </c>
      <c r="AK29484">
        <v>40</v>
      </c>
      <c r="AL29484">
        <v>40</v>
      </c>
      <c r="AM29484">
        <v>40</v>
      </c>
      <c r="AN29484">
        <v>40</v>
      </c>
      <c r="AO29484">
        <v>40</v>
      </c>
      <c r="AP29484">
        <v>41</v>
      </c>
      <c r="AQ29484">
        <v>41</v>
      </c>
    </row>
    <row r="29485" spans="1:43">
      <c r="A29485" t="s">
        <v>18269</v>
      </c>
      <c r="B29485" t="s">
        <v>18270</v>
      </c>
      <c r="C29485" t="s">
        <v>18189</v>
      </c>
      <c r="D29485" t="s">
        <v>18190</v>
      </c>
      <c r="E29485" t="s">
        <v>18191</v>
      </c>
      <c r="F29485" t="s">
        <v>18192</v>
      </c>
      <c r="G29485" t="s">
        <v>10734</v>
      </c>
      <c r="H29485" t="s">
        <v>10735</v>
      </c>
      <c r="I29485" s="2">
        <v>0</v>
      </c>
      <c r="J29485" s="2">
        <v>0</v>
      </c>
      <c r="K29485" s="2">
        <v>1</v>
      </c>
      <c r="L29485" t="s">
        <v>995</v>
      </c>
      <c r="M29485" t="s">
        <v>83</v>
      </c>
      <c r="N29485" t="s">
        <v>91</v>
      </c>
      <c r="O29485" t="s">
        <v>85</v>
      </c>
      <c r="P29485" t="s">
        <v>86</v>
      </c>
      <c r="Q29485">
        <v>30</v>
      </c>
      <c r="R29485">
        <v>30</v>
      </c>
      <c r="S29485">
        <v>31</v>
      </c>
      <c r="T29485">
        <v>31</v>
      </c>
      <c r="U29485">
        <v>32</v>
      </c>
      <c r="V29485">
        <v>32</v>
      </c>
      <c r="W29485">
        <v>32</v>
      </c>
      <c r="X29485">
        <v>33</v>
      </c>
      <c r="Y29485">
        <v>33</v>
      </c>
      <c r="Z29485">
        <v>34</v>
      </c>
      <c r="AA29485">
        <v>34</v>
      </c>
      <c r="AB29485">
        <v>35</v>
      </c>
      <c r="AC29485">
        <v>35</v>
      </c>
      <c r="AD29485">
        <v>36</v>
      </c>
      <c r="AE29485">
        <v>36</v>
      </c>
      <c r="AF29485">
        <v>37</v>
      </c>
      <c r="AG29485">
        <v>37</v>
      </c>
      <c r="AH29485">
        <v>37</v>
      </c>
      <c r="AI29485">
        <v>38</v>
      </c>
      <c r="AJ29485">
        <v>38</v>
      </c>
      <c r="AK29485">
        <v>39</v>
      </c>
      <c r="AL29485">
        <v>39</v>
      </c>
      <c r="AM29485">
        <v>39</v>
      </c>
      <c r="AN29485">
        <v>40</v>
      </c>
      <c r="AO29485">
        <v>40</v>
      </c>
      <c r="AP29485">
        <v>40</v>
      </c>
      <c r="AQ29485">
        <v>40</v>
      </c>
    </row>
    <row r="29486" spans="1:43">
      <c r="A29486" t="s">
        <v>18271</v>
      </c>
      <c r="B29486" t="s">
        <v>18272</v>
      </c>
      <c r="C29486" t="s">
        <v>18189</v>
      </c>
      <c r="D29486" t="s">
        <v>18190</v>
      </c>
      <c r="E29486" t="s">
        <v>18191</v>
      </c>
      <c r="F29486" t="s">
        <v>18192</v>
      </c>
      <c r="G29486" t="s">
        <v>10734</v>
      </c>
      <c r="H29486" t="s">
        <v>10735</v>
      </c>
      <c r="I29486" s="2">
        <v>0</v>
      </c>
      <c r="J29486" s="2">
        <v>0</v>
      </c>
      <c r="K29486" s="2">
        <v>1</v>
      </c>
      <c r="L29486" t="s">
        <v>995</v>
      </c>
      <c r="M29486" t="s">
        <v>83</v>
      </c>
      <c r="N29486" t="s">
        <v>84</v>
      </c>
      <c r="O29486" t="s">
        <v>85</v>
      </c>
      <c r="P29486" t="s">
        <v>86</v>
      </c>
      <c r="Q29486">
        <v>14</v>
      </c>
      <c r="R29486">
        <v>14</v>
      </c>
      <c r="S29486">
        <v>14</v>
      </c>
      <c r="T29486">
        <v>14</v>
      </c>
      <c r="U29486">
        <v>15</v>
      </c>
      <c r="V29486">
        <v>15</v>
      </c>
      <c r="W29486">
        <v>15</v>
      </c>
      <c r="X29486">
        <v>15</v>
      </c>
      <c r="Y29486">
        <v>15</v>
      </c>
      <c r="Z29486">
        <v>16</v>
      </c>
      <c r="AA29486">
        <v>16</v>
      </c>
      <c r="AB29486">
        <v>16</v>
      </c>
      <c r="AC29486">
        <v>16</v>
      </c>
      <c r="AD29486">
        <v>16</v>
      </c>
      <c r="AE29486">
        <v>17</v>
      </c>
      <c r="AF29486">
        <v>17</v>
      </c>
      <c r="AG29486">
        <v>17</v>
      </c>
      <c r="AH29486">
        <v>17</v>
      </c>
      <c r="AI29486">
        <v>18</v>
      </c>
      <c r="AJ29486">
        <v>18</v>
      </c>
      <c r="AK29486">
        <v>18</v>
      </c>
      <c r="AL29486">
        <v>18</v>
      </c>
      <c r="AM29486">
        <v>18</v>
      </c>
      <c r="AN29486">
        <v>18</v>
      </c>
      <c r="AO29486">
        <v>18</v>
      </c>
      <c r="AP29486">
        <v>19</v>
      </c>
      <c r="AQ29486">
        <v>19</v>
      </c>
    </row>
    <row r="29487" spans="1:43">
      <c r="A29487" t="s">
        <v>18271</v>
      </c>
      <c r="B29487" t="s">
        <v>18272</v>
      </c>
      <c r="C29487" t="s">
        <v>18189</v>
      </c>
      <c r="D29487" t="s">
        <v>18190</v>
      </c>
      <c r="E29487" t="s">
        <v>18191</v>
      </c>
      <c r="F29487" t="s">
        <v>18192</v>
      </c>
      <c r="G29487" t="s">
        <v>10734</v>
      </c>
      <c r="H29487" t="s">
        <v>10735</v>
      </c>
      <c r="I29487" s="2">
        <v>0</v>
      </c>
      <c r="J29487" s="2">
        <v>0</v>
      </c>
      <c r="K29487" s="2">
        <v>1</v>
      </c>
      <c r="L29487" t="s">
        <v>995</v>
      </c>
      <c r="M29487" t="s">
        <v>87</v>
      </c>
      <c r="N29487" t="s">
        <v>88</v>
      </c>
      <c r="O29487" t="s">
        <v>85</v>
      </c>
      <c r="P29487" t="s">
        <v>86</v>
      </c>
      <c r="Q29487">
        <v>14</v>
      </c>
      <c r="R29487">
        <v>14</v>
      </c>
      <c r="S29487">
        <v>14</v>
      </c>
      <c r="T29487">
        <v>14</v>
      </c>
      <c r="U29487">
        <v>14</v>
      </c>
      <c r="V29487">
        <v>14</v>
      </c>
      <c r="W29487">
        <v>14</v>
      </c>
      <c r="X29487">
        <v>14</v>
      </c>
      <c r="Y29487">
        <v>14</v>
      </c>
      <c r="Z29487">
        <v>14</v>
      </c>
      <c r="AA29487">
        <v>14</v>
      </c>
      <c r="AB29487">
        <v>15</v>
      </c>
      <c r="AC29487">
        <v>15</v>
      </c>
      <c r="AD29487">
        <v>15</v>
      </c>
      <c r="AE29487">
        <v>15</v>
      </c>
      <c r="AF29487">
        <v>15</v>
      </c>
      <c r="AG29487">
        <v>15</v>
      </c>
      <c r="AH29487">
        <v>15</v>
      </c>
      <c r="AI29487">
        <v>15</v>
      </c>
      <c r="AJ29487">
        <v>15</v>
      </c>
      <c r="AK29487">
        <v>15</v>
      </c>
      <c r="AL29487">
        <v>16</v>
      </c>
      <c r="AM29487">
        <v>16</v>
      </c>
      <c r="AN29487">
        <v>16</v>
      </c>
      <c r="AO29487">
        <v>16</v>
      </c>
      <c r="AP29487">
        <v>16</v>
      </c>
      <c r="AQ29487">
        <v>16</v>
      </c>
    </row>
    <row r="29488" spans="1:43">
      <c r="A29488" t="s">
        <v>18271</v>
      </c>
      <c r="B29488" t="s">
        <v>18272</v>
      </c>
      <c r="C29488" t="s">
        <v>18189</v>
      </c>
      <c r="D29488" t="s">
        <v>18190</v>
      </c>
      <c r="E29488" t="s">
        <v>18191</v>
      </c>
      <c r="F29488" t="s">
        <v>18192</v>
      </c>
      <c r="G29488" t="s">
        <v>10734</v>
      </c>
      <c r="H29488" t="s">
        <v>10735</v>
      </c>
      <c r="I29488" s="2">
        <v>0</v>
      </c>
      <c r="J29488" s="2">
        <v>0</v>
      </c>
      <c r="K29488" s="2">
        <v>1</v>
      </c>
      <c r="L29488" t="s">
        <v>995</v>
      </c>
      <c r="M29488" t="s">
        <v>89</v>
      </c>
      <c r="N29488" t="s">
        <v>90</v>
      </c>
      <c r="O29488" t="s">
        <v>85</v>
      </c>
      <c r="P29488" t="s">
        <v>86</v>
      </c>
      <c r="Q29488">
        <v>14</v>
      </c>
      <c r="R29488">
        <v>14</v>
      </c>
      <c r="S29488">
        <v>15</v>
      </c>
      <c r="T29488">
        <v>15</v>
      </c>
      <c r="U29488">
        <v>15</v>
      </c>
      <c r="V29488">
        <v>15</v>
      </c>
      <c r="W29488">
        <v>16</v>
      </c>
      <c r="X29488">
        <v>16</v>
      </c>
      <c r="Y29488">
        <v>16</v>
      </c>
      <c r="Z29488">
        <v>17</v>
      </c>
      <c r="AA29488">
        <v>17</v>
      </c>
      <c r="AB29488">
        <v>17</v>
      </c>
      <c r="AC29488">
        <v>17</v>
      </c>
      <c r="AD29488">
        <v>18</v>
      </c>
      <c r="AE29488">
        <v>18</v>
      </c>
      <c r="AF29488">
        <v>18</v>
      </c>
      <c r="AG29488">
        <v>18</v>
      </c>
      <c r="AH29488">
        <v>18</v>
      </c>
      <c r="AI29488">
        <v>18</v>
      </c>
      <c r="AJ29488">
        <v>18</v>
      </c>
      <c r="AK29488">
        <v>18</v>
      </c>
      <c r="AL29488">
        <v>18</v>
      </c>
      <c r="AM29488">
        <v>19</v>
      </c>
      <c r="AN29488">
        <v>19</v>
      </c>
      <c r="AO29488">
        <v>19</v>
      </c>
      <c r="AP29488">
        <v>19</v>
      </c>
      <c r="AQ29488">
        <v>19</v>
      </c>
    </row>
    <row r="29489" spans="1:43">
      <c r="A29489" t="s">
        <v>18271</v>
      </c>
      <c r="B29489" t="s">
        <v>18272</v>
      </c>
      <c r="C29489" t="s">
        <v>18189</v>
      </c>
      <c r="D29489" t="s">
        <v>18190</v>
      </c>
      <c r="E29489" t="s">
        <v>18191</v>
      </c>
      <c r="F29489" t="s">
        <v>18192</v>
      </c>
      <c r="G29489" t="s">
        <v>10734</v>
      </c>
      <c r="H29489" t="s">
        <v>10735</v>
      </c>
      <c r="I29489" s="2">
        <v>0</v>
      </c>
      <c r="J29489" s="2">
        <v>0</v>
      </c>
      <c r="K29489" s="2">
        <v>1</v>
      </c>
      <c r="L29489" t="s">
        <v>995</v>
      </c>
      <c r="M29489" t="s">
        <v>83</v>
      </c>
      <c r="N29489" t="s">
        <v>91</v>
      </c>
      <c r="O29489" t="s">
        <v>85</v>
      </c>
      <c r="P29489" t="s">
        <v>86</v>
      </c>
      <c r="Q29489">
        <v>14</v>
      </c>
      <c r="R29489">
        <v>14</v>
      </c>
      <c r="S29489">
        <v>14</v>
      </c>
      <c r="T29489">
        <v>14</v>
      </c>
      <c r="U29489">
        <v>15</v>
      </c>
      <c r="V29489">
        <v>15</v>
      </c>
      <c r="W29489">
        <v>15</v>
      </c>
      <c r="X29489">
        <v>15</v>
      </c>
      <c r="Y29489">
        <v>15</v>
      </c>
      <c r="Z29489">
        <v>16</v>
      </c>
      <c r="AA29489">
        <v>16</v>
      </c>
      <c r="AB29489">
        <v>16</v>
      </c>
      <c r="AC29489">
        <v>16</v>
      </c>
      <c r="AD29489">
        <v>16</v>
      </c>
      <c r="AE29489">
        <v>17</v>
      </c>
      <c r="AF29489">
        <v>17</v>
      </c>
      <c r="AG29489">
        <v>17</v>
      </c>
      <c r="AH29489">
        <v>17</v>
      </c>
      <c r="AI29489">
        <v>18</v>
      </c>
      <c r="AJ29489">
        <v>18</v>
      </c>
      <c r="AK29489">
        <v>18</v>
      </c>
      <c r="AL29489">
        <v>18</v>
      </c>
      <c r="AM29489">
        <v>18</v>
      </c>
      <c r="AN29489">
        <v>18</v>
      </c>
      <c r="AO29489">
        <v>18</v>
      </c>
      <c r="AP29489">
        <v>19</v>
      </c>
      <c r="AQ29489">
        <v>19</v>
      </c>
    </row>
    <row r="29490" spans="1:43">
      <c r="A29490" t="s">
        <v>18273</v>
      </c>
      <c r="B29490" t="s">
        <v>18274</v>
      </c>
      <c r="C29490" t="s">
        <v>18263</v>
      </c>
      <c r="D29490" t="s">
        <v>18264</v>
      </c>
      <c r="E29490" t="s">
        <v>18191</v>
      </c>
      <c r="F29490" t="s">
        <v>18192</v>
      </c>
      <c r="G29490" t="s">
        <v>10734</v>
      </c>
      <c r="H29490" t="s">
        <v>10735</v>
      </c>
      <c r="I29490" s="2">
        <v>0</v>
      </c>
      <c r="J29490" s="2">
        <v>0</v>
      </c>
      <c r="K29490" s="2">
        <v>1</v>
      </c>
      <c r="L29490" t="s">
        <v>995</v>
      </c>
      <c r="M29490" t="s">
        <v>83</v>
      </c>
      <c r="N29490" t="s">
        <v>84</v>
      </c>
      <c r="O29490" t="s">
        <v>85</v>
      </c>
      <c r="P29490" t="s">
        <v>86</v>
      </c>
      <c r="Q29490">
        <v>9</v>
      </c>
      <c r="R29490">
        <v>9</v>
      </c>
      <c r="S29490">
        <v>9</v>
      </c>
      <c r="T29490">
        <v>9</v>
      </c>
      <c r="U29490">
        <v>9</v>
      </c>
      <c r="V29490">
        <v>9</v>
      </c>
      <c r="W29490">
        <v>9</v>
      </c>
      <c r="X29490">
        <v>9</v>
      </c>
      <c r="Y29490">
        <v>10</v>
      </c>
      <c r="Z29490">
        <v>10</v>
      </c>
      <c r="AA29490">
        <v>10</v>
      </c>
      <c r="AB29490">
        <v>10</v>
      </c>
      <c r="AC29490">
        <v>10</v>
      </c>
      <c r="AD29490">
        <v>10</v>
      </c>
      <c r="AE29490">
        <v>10</v>
      </c>
      <c r="AF29490">
        <v>10</v>
      </c>
      <c r="AG29490">
        <v>10</v>
      </c>
      <c r="AH29490">
        <v>11</v>
      </c>
      <c r="AI29490">
        <v>11</v>
      </c>
      <c r="AJ29490">
        <v>11</v>
      </c>
      <c r="AK29490">
        <v>11</v>
      </c>
      <c r="AL29490">
        <v>11</v>
      </c>
      <c r="AM29490">
        <v>11</v>
      </c>
      <c r="AN29490">
        <v>11</v>
      </c>
      <c r="AO29490">
        <v>11</v>
      </c>
      <c r="AP29490">
        <v>11</v>
      </c>
      <c r="AQ29490">
        <v>11</v>
      </c>
    </row>
    <row r="29491" spans="1:43">
      <c r="A29491" t="s">
        <v>18273</v>
      </c>
      <c r="B29491" t="s">
        <v>18274</v>
      </c>
      <c r="C29491" t="s">
        <v>18263</v>
      </c>
      <c r="D29491" t="s">
        <v>18264</v>
      </c>
      <c r="E29491" t="s">
        <v>18191</v>
      </c>
      <c r="F29491" t="s">
        <v>18192</v>
      </c>
      <c r="G29491" t="s">
        <v>10734</v>
      </c>
      <c r="H29491" t="s">
        <v>10735</v>
      </c>
      <c r="I29491" s="2">
        <v>0</v>
      </c>
      <c r="J29491" s="2">
        <v>0</v>
      </c>
      <c r="K29491" s="2">
        <v>1</v>
      </c>
      <c r="L29491" t="s">
        <v>995</v>
      </c>
      <c r="M29491" t="s">
        <v>87</v>
      </c>
      <c r="N29491" t="s">
        <v>88</v>
      </c>
      <c r="O29491" t="s">
        <v>85</v>
      </c>
      <c r="P29491" t="s">
        <v>86</v>
      </c>
      <c r="Q29491">
        <v>9</v>
      </c>
      <c r="R29491">
        <v>9</v>
      </c>
      <c r="S29491">
        <v>9</v>
      </c>
      <c r="T29491">
        <v>9</v>
      </c>
      <c r="U29491">
        <v>9</v>
      </c>
      <c r="V29491">
        <v>9</v>
      </c>
      <c r="W29491">
        <v>9</v>
      </c>
      <c r="X29491">
        <v>9</v>
      </c>
      <c r="Y29491">
        <v>9</v>
      </c>
      <c r="Z29491">
        <v>9</v>
      </c>
      <c r="AA29491">
        <v>9</v>
      </c>
      <c r="AB29491">
        <v>9</v>
      </c>
      <c r="AC29491">
        <v>9</v>
      </c>
      <c r="AD29491">
        <v>9</v>
      </c>
      <c r="AE29491">
        <v>9</v>
      </c>
      <c r="AF29491">
        <v>9</v>
      </c>
      <c r="AG29491">
        <v>9</v>
      </c>
      <c r="AH29491">
        <v>9</v>
      </c>
      <c r="AI29491">
        <v>9</v>
      </c>
      <c r="AJ29491">
        <v>9</v>
      </c>
      <c r="AK29491">
        <v>9</v>
      </c>
      <c r="AL29491">
        <v>9</v>
      </c>
      <c r="AM29491">
        <v>9</v>
      </c>
      <c r="AN29491">
        <v>9</v>
      </c>
      <c r="AO29491">
        <v>10</v>
      </c>
      <c r="AP29491">
        <v>10</v>
      </c>
      <c r="AQ29491">
        <v>10</v>
      </c>
    </row>
    <row r="29492" spans="1:43">
      <c r="A29492" t="s">
        <v>18273</v>
      </c>
      <c r="B29492" t="s">
        <v>18274</v>
      </c>
      <c r="C29492" t="s">
        <v>18263</v>
      </c>
      <c r="D29492" t="s">
        <v>18264</v>
      </c>
      <c r="E29492" t="s">
        <v>18191</v>
      </c>
      <c r="F29492" t="s">
        <v>18192</v>
      </c>
      <c r="G29492" t="s">
        <v>10734</v>
      </c>
      <c r="H29492" t="s">
        <v>10735</v>
      </c>
      <c r="I29492" s="2">
        <v>0</v>
      </c>
      <c r="J29492" s="2">
        <v>0</v>
      </c>
      <c r="K29492" s="2">
        <v>1</v>
      </c>
      <c r="L29492" t="s">
        <v>995</v>
      </c>
      <c r="M29492" t="s">
        <v>89</v>
      </c>
      <c r="N29492" t="s">
        <v>90</v>
      </c>
      <c r="O29492" t="s">
        <v>85</v>
      </c>
      <c r="P29492" t="s">
        <v>86</v>
      </c>
      <c r="Q29492">
        <v>9</v>
      </c>
      <c r="R29492">
        <v>9</v>
      </c>
      <c r="S29492">
        <v>9</v>
      </c>
      <c r="T29492">
        <v>9</v>
      </c>
      <c r="U29492">
        <v>9</v>
      </c>
      <c r="V29492">
        <v>10</v>
      </c>
      <c r="W29492">
        <v>10</v>
      </c>
      <c r="X29492">
        <v>10</v>
      </c>
      <c r="Y29492">
        <v>10</v>
      </c>
      <c r="Z29492">
        <v>10</v>
      </c>
      <c r="AA29492">
        <v>10</v>
      </c>
      <c r="AB29492">
        <v>11</v>
      </c>
      <c r="AC29492">
        <v>11</v>
      </c>
      <c r="AD29492">
        <v>11</v>
      </c>
      <c r="AE29492">
        <v>11</v>
      </c>
      <c r="AF29492">
        <v>11</v>
      </c>
      <c r="AG29492">
        <v>11</v>
      </c>
      <c r="AH29492">
        <v>11</v>
      </c>
      <c r="AI29492">
        <v>11</v>
      </c>
      <c r="AJ29492">
        <v>11</v>
      </c>
      <c r="AK29492">
        <v>11</v>
      </c>
      <c r="AL29492">
        <v>11</v>
      </c>
      <c r="AM29492">
        <v>11</v>
      </c>
      <c r="AN29492">
        <v>11</v>
      </c>
      <c r="AO29492">
        <v>11</v>
      </c>
      <c r="AP29492">
        <v>11</v>
      </c>
      <c r="AQ29492">
        <v>11</v>
      </c>
    </row>
    <row r="29493" spans="1:43">
      <c r="A29493" t="s">
        <v>18273</v>
      </c>
      <c r="B29493" t="s">
        <v>18274</v>
      </c>
      <c r="C29493" t="s">
        <v>18263</v>
      </c>
      <c r="D29493" t="s">
        <v>18264</v>
      </c>
      <c r="E29493" t="s">
        <v>18191</v>
      </c>
      <c r="F29493" t="s">
        <v>18192</v>
      </c>
      <c r="G29493" t="s">
        <v>10734</v>
      </c>
      <c r="H29493" t="s">
        <v>10735</v>
      </c>
      <c r="I29493" s="2">
        <v>0</v>
      </c>
      <c r="J29493" s="2">
        <v>0</v>
      </c>
      <c r="K29493" s="2">
        <v>1</v>
      </c>
      <c r="L29493" t="s">
        <v>995</v>
      </c>
      <c r="M29493" t="s">
        <v>83</v>
      </c>
      <c r="N29493" t="s">
        <v>91</v>
      </c>
      <c r="O29493" t="s">
        <v>85</v>
      </c>
      <c r="P29493" t="s">
        <v>86</v>
      </c>
      <c r="Q29493">
        <v>9</v>
      </c>
      <c r="R29493">
        <v>9</v>
      </c>
      <c r="S29493">
        <v>9</v>
      </c>
      <c r="T29493">
        <v>9</v>
      </c>
      <c r="U29493">
        <v>9</v>
      </c>
      <c r="V29493">
        <v>9</v>
      </c>
      <c r="W29493">
        <v>9</v>
      </c>
      <c r="X29493">
        <v>9</v>
      </c>
      <c r="Y29493">
        <v>10</v>
      </c>
      <c r="Z29493">
        <v>10</v>
      </c>
      <c r="AA29493">
        <v>10</v>
      </c>
      <c r="AB29493">
        <v>10</v>
      </c>
      <c r="AC29493">
        <v>10</v>
      </c>
      <c r="AD29493">
        <v>10</v>
      </c>
      <c r="AE29493">
        <v>10</v>
      </c>
      <c r="AF29493">
        <v>10</v>
      </c>
      <c r="AG29493">
        <v>10</v>
      </c>
      <c r="AH29493">
        <v>11</v>
      </c>
      <c r="AI29493">
        <v>11</v>
      </c>
      <c r="AJ29493">
        <v>11</v>
      </c>
      <c r="AK29493">
        <v>11</v>
      </c>
      <c r="AL29493">
        <v>11</v>
      </c>
      <c r="AM29493">
        <v>11</v>
      </c>
      <c r="AN29493">
        <v>11</v>
      </c>
      <c r="AO29493">
        <v>11</v>
      </c>
      <c r="AP29493">
        <v>11</v>
      </c>
      <c r="AQ29493">
        <v>11</v>
      </c>
    </row>
    <row r="29494" spans="1:43">
      <c r="A29494" t="s">
        <v>18275</v>
      </c>
      <c r="B29494" t="s">
        <v>18276</v>
      </c>
      <c r="C29494" t="s">
        <v>18263</v>
      </c>
      <c r="D29494" t="s">
        <v>18264</v>
      </c>
      <c r="E29494" t="s">
        <v>18191</v>
      </c>
      <c r="F29494" t="s">
        <v>18192</v>
      </c>
      <c r="G29494" t="s">
        <v>10734</v>
      </c>
      <c r="H29494" t="s">
        <v>10735</v>
      </c>
      <c r="I29494" s="2">
        <v>0</v>
      </c>
      <c r="J29494" s="2">
        <v>0</v>
      </c>
      <c r="K29494" s="2">
        <v>1</v>
      </c>
      <c r="L29494" t="s">
        <v>995</v>
      </c>
      <c r="M29494" t="s">
        <v>83</v>
      </c>
      <c r="N29494" t="s">
        <v>84</v>
      </c>
      <c r="O29494" t="s">
        <v>85</v>
      </c>
      <c r="P29494" t="s">
        <v>86</v>
      </c>
      <c r="Q29494">
        <v>15</v>
      </c>
      <c r="R29494">
        <v>15</v>
      </c>
      <c r="S29494">
        <v>15</v>
      </c>
      <c r="T29494">
        <v>16</v>
      </c>
      <c r="U29494">
        <v>16</v>
      </c>
      <c r="V29494">
        <v>16</v>
      </c>
      <c r="W29494">
        <v>16</v>
      </c>
      <c r="X29494">
        <v>16</v>
      </c>
      <c r="Y29494">
        <v>17</v>
      </c>
      <c r="Z29494">
        <v>17</v>
      </c>
      <c r="AA29494">
        <v>17</v>
      </c>
      <c r="AB29494">
        <v>17</v>
      </c>
      <c r="AC29494">
        <v>17</v>
      </c>
      <c r="AD29494">
        <v>18</v>
      </c>
      <c r="AE29494">
        <v>18</v>
      </c>
      <c r="AF29494">
        <v>18</v>
      </c>
      <c r="AG29494">
        <v>18</v>
      </c>
      <c r="AH29494">
        <v>18</v>
      </c>
      <c r="AI29494">
        <v>18</v>
      </c>
      <c r="AJ29494">
        <v>19</v>
      </c>
      <c r="AK29494">
        <v>19</v>
      </c>
      <c r="AL29494">
        <v>19</v>
      </c>
      <c r="AM29494">
        <v>19</v>
      </c>
      <c r="AN29494">
        <v>19</v>
      </c>
      <c r="AO29494">
        <v>19</v>
      </c>
      <c r="AP29494">
        <v>19</v>
      </c>
      <c r="AQ29494">
        <v>19</v>
      </c>
    </row>
    <row r="29495" spans="1:43">
      <c r="A29495" t="s">
        <v>18275</v>
      </c>
      <c r="B29495" t="s">
        <v>18276</v>
      </c>
      <c r="C29495" t="s">
        <v>18263</v>
      </c>
      <c r="D29495" t="s">
        <v>18264</v>
      </c>
      <c r="E29495" t="s">
        <v>18191</v>
      </c>
      <c r="F29495" t="s">
        <v>18192</v>
      </c>
      <c r="G29495" t="s">
        <v>10734</v>
      </c>
      <c r="H29495" t="s">
        <v>10735</v>
      </c>
      <c r="I29495" s="2">
        <v>0</v>
      </c>
      <c r="J29495" s="2">
        <v>0</v>
      </c>
      <c r="K29495" s="2">
        <v>1</v>
      </c>
      <c r="L29495" t="s">
        <v>995</v>
      </c>
      <c r="M29495" t="s">
        <v>87</v>
      </c>
      <c r="N29495" t="s">
        <v>88</v>
      </c>
      <c r="O29495" t="s">
        <v>85</v>
      </c>
      <c r="P29495" t="s">
        <v>86</v>
      </c>
      <c r="Q29495">
        <v>15</v>
      </c>
      <c r="R29495">
        <v>15</v>
      </c>
      <c r="S29495">
        <v>15</v>
      </c>
      <c r="T29495">
        <v>15</v>
      </c>
      <c r="U29495">
        <v>15</v>
      </c>
      <c r="V29495">
        <v>15</v>
      </c>
      <c r="W29495">
        <v>15</v>
      </c>
      <c r="X29495">
        <v>15</v>
      </c>
      <c r="Y29495">
        <v>15</v>
      </c>
      <c r="Z29495">
        <v>15</v>
      </c>
      <c r="AA29495">
        <v>15</v>
      </c>
      <c r="AB29495">
        <v>15</v>
      </c>
      <c r="AC29495">
        <v>16</v>
      </c>
      <c r="AD29495">
        <v>16</v>
      </c>
      <c r="AE29495">
        <v>16</v>
      </c>
      <c r="AF29495">
        <v>16</v>
      </c>
      <c r="AG29495">
        <v>16</v>
      </c>
      <c r="AH29495">
        <v>16</v>
      </c>
      <c r="AI29495">
        <v>16</v>
      </c>
      <c r="AJ29495">
        <v>16</v>
      </c>
      <c r="AK29495">
        <v>16</v>
      </c>
      <c r="AL29495">
        <v>16</v>
      </c>
      <c r="AM29495">
        <v>16</v>
      </c>
      <c r="AN29495">
        <v>16</v>
      </c>
      <c r="AO29495">
        <v>16</v>
      </c>
      <c r="AP29495">
        <v>17</v>
      </c>
      <c r="AQ29495">
        <v>17</v>
      </c>
    </row>
    <row r="29496" spans="1:43">
      <c r="A29496" t="s">
        <v>18275</v>
      </c>
      <c r="B29496" t="s">
        <v>18276</v>
      </c>
      <c r="C29496" t="s">
        <v>18263</v>
      </c>
      <c r="D29496" t="s">
        <v>18264</v>
      </c>
      <c r="E29496" t="s">
        <v>18191</v>
      </c>
      <c r="F29496" t="s">
        <v>18192</v>
      </c>
      <c r="G29496" t="s">
        <v>10734</v>
      </c>
      <c r="H29496" t="s">
        <v>10735</v>
      </c>
      <c r="I29496" s="2">
        <v>0</v>
      </c>
      <c r="J29496" s="2">
        <v>0</v>
      </c>
      <c r="K29496" s="2">
        <v>1</v>
      </c>
      <c r="L29496" t="s">
        <v>995</v>
      </c>
      <c r="M29496" t="s">
        <v>89</v>
      </c>
      <c r="N29496" t="s">
        <v>90</v>
      </c>
      <c r="O29496" t="s">
        <v>85</v>
      </c>
      <c r="P29496" t="s">
        <v>86</v>
      </c>
      <c r="Q29496">
        <v>15</v>
      </c>
      <c r="R29496">
        <v>16</v>
      </c>
      <c r="S29496">
        <v>16</v>
      </c>
      <c r="T29496">
        <v>16</v>
      </c>
      <c r="U29496">
        <v>16</v>
      </c>
      <c r="V29496">
        <v>17</v>
      </c>
      <c r="W29496">
        <v>17</v>
      </c>
      <c r="X29496">
        <v>17</v>
      </c>
      <c r="Y29496">
        <v>18</v>
      </c>
      <c r="Z29496">
        <v>18</v>
      </c>
      <c r="AA29496">
        <v>18</v>
      </c>
      <c r="AB29496">
        <v>18</v>
      </c>
      <c r="AC29496">
        <v>19</v>
      </c>
      <c r="AD29496">
        <v>19</v>
      </c>
      <c r="AE29496">
        <v>19</v>
      </c>
      <c r="AF29496">
        <v>19</v>
      </c>
      <c r="AG29496">
        <v>19</v>
      </c>
      <c r="AH29496">
        <v>19</v>
      </c>
      <c r="AI29496">
        <v>19</v>
      </c>
      <c r="AJ29496">
        <v>19</v>
      </c>
      <c r="AK29496">
        <v>19</v>
      </c>
      <c r="AL29496">
        <v>19</v>
      </c>
      <c r="AM29496">
        <v>19</v>
      </c>
      <c r="AN29496">
        <v>19</v>
      </c>
      <c r="AO29496">
        <v>19</v>
      </c>
      <c r="AP29496">
        <v>19</v>
      </c>
      <c r="AQ29496">
        <v>19</v>
      </c>
    </row>
    <row r="29497" spans="1:43">
      <c r="A29497" t="s">
        <v>18275</v>
      </c>
      <c r="B29497" t="s">
        <v>18276</v>
      </c>
      <c r="C29497" t="s">
        <v>18263</v>
      </c>
      <c r="D29497" t="s">
        <v>18264</v>
      </c>
      <c r="E29497" t="s">
        <v>18191</v>
      </c>
      <c r="F29497" t="s">
        <v>18192</v>
      </c>
      <c r="G29497" t="s">
        <v>10734</v>
      </c>
      <c r="H29497" t="s">
        <v>10735</v>
      </c>
      <c r="I29497" s="2">
        <v>0</v>
      </c>
      <c r="J29497" s="2">
        <v>0</v>
      </c>
      <c r="K29497" s="2">
        <v>1</v>
      </c>
      <c r="L29497" t="s">
        <v>995</v>
      </c>
      <c r="M29497" t="s">
        <v>83</v>
      </c>
      <c r="N29497" t="s">
        <v>91</v>
      </c>
      <c r="O29497" t="s">
        <v>85</v>
      </c>
      <c r="P29497" t="s">
        <v>86</v>
      </c>
      <c r="Q29497">
        <v>15</v>
      </c>
      <c r="R29497">
        <v>15</v>
      </c>
      <c r="S29497">
        <v>15</v>
      </c>
      <c r="T29497">
        <v>16</v>
      </c>
      <c r="U29497">
        <v>16</v>
      </c>
      <c r="V29497">
        <v>16</v>
      </c>
      <c r="W29497">
        <v>16</v>
      </c>
      <c r="X29497">
        <v>16</v>
      </c>
      <c r="Y29497">
        <v>17</v>
      </c>
      <c r="Z29497">
        <v>17</v>
      </c>
      <c r="AA29497">
        <v>17</v>
      </c>
      <c r="AB29497">
        <v>17</v>
      </c>
      <c r="AC29497">
        <v>17</v>
      </c>
      <c r="AD29497">
        <v>18</v>
      </c>
      <c r="AE29497">
        <v>18</v>
      </c>
      <c r="AF29497">
        <v>18</v>
      </c>
      <c r="AG29497">
        <v>18</v>
      </c>
      <c r="AH29497">
        <v>18</v>
      </c>
      <c r="AI29497">
        <v>18</v>
      </c>
      <c r="AJ29497">
        <v>19</v>
      </c>
      <c r="AK29497">
        <v>19</v>
      </c>
      <c r="AL29497">
        <v>19</v>
      </c>
      <c r="AM29497">
        <v>19</v>
      </c>
      <c r="AN29497">
        <v>19</v>
      </c>
      <c r="AO29497">
        <v>19</v>
      </c>
      <c r="AP29497">
        <v>19</v>
      </c>
      <c r="AQ29497">
        <v>19</v>
      </c>
    </row>
    <row r="29498" spans="1:43">
      <c r="A29498" t="s">
        <v>18277</v>
      </c>
      <c r="B29498" t="s">
        <v>18278</v>
      </c>
      <c r="C29498" t="s">
        <v>18279</v>
      </c>
      <c r="D29498" t="s">
        <v>18280</v>
      </c>
      <c r="E29498" t="s">
        <v>18191</v>
      </c>
      <c r="F29498" t="s">
        <v>18192</v>
      </c>
      <c r="G29498" t="s">
        <v>10734</v>
      </c>
      <c r="H29498" t="s">
        <v>10735</v>
      </c>
      <c r="I29498" s="2">
        <v>0</v>
      </c>
      <c r="J29498" s="2">
        <v>0</v>
      </c>
      <c r="K29498" s="2">
        <v>1</v>
      </c>
      <c r="L29498" t="s">
        <v>995</v>
      </c>
      <c r="M29498" t="s">
        <v>83</v>
      </c>
      <c r="N29498" t="s">
        <v>84</v>
      </c>
      <c r="O29498" t="s">
        <v>85</v>
      </c>
      <c r="P29498" t="s">
        <v>86</v>
      </c>
      <c r="Q29498">
        <v>37</v>
      </c>
      <c r="R29498">
        <v>38</v>
      </c>
      <c r="S29498">
        <v>38</v>
      </c>
      <c r="T29498">
        <v>39</v>
      </c>
      <c r="U29498">
        <v>39</v>
      </c>
      <c r="V29498">
        <v>40</v>
      </c>
      <c r="W29498">
        <v>40</v>
      </c>
      <c r="X29498">
        <v>41</v>
      </c>
      <c r="Y29498">
        <v>41</v>
      </c>
      <c r="Z29498">
        <v>42</v>
      </c>
      <c r="AA29498">
        <v>42</v>
      </c>
      <c r="AB29498">
        <v>43</v>
      </c>
      <c r="AC29498">
        <v>43</v>
      </c>
      <c r="AD29498">
        <v>43</v>
      </c>
      <c r="AE29498">
        <v>44</v>
      </c>
      <c r="AF29498">
        <v>44</v>
      </c>
      <c r="AG29498">
        <v>45</v>
      </c>
      <c r="AH29498">
        <v>45</v>
      </c>
      <c r="AI29498">
        <v>46</v>
      </c>
      <c r="AJ29498">
        <v>46</v>
      </c>
      <c r="AK29498">
        <v>47</v>
      </c>
      <c r="AL29498">
        <v>47</v>
      </c>
      <c r="AM29498">
        <v>47</v>
      </c>
      <c r="AN29498">
        <v>47</v>
      </c>
      <c r="AO29498">
        <v>48</v>
      </c>
      <c r="AP29498">
        <v>48</v>
      </c>
      <c r="AQ29498">
        <v>48</v>
      </c>
    </row>
    <row r="29499" spans="1:43">
      <c r="A29499" t="s">
        <v>18277</v>
      </c>
      <c r="B29499" t="s">
        <v>18278</v>
      </c>
      <c r="C29499" t="s">
        <v>18279</v>
      </c>
      <c r="D29499" t="s">
        <v>18280</v>
      </c>
      <c r="E29499" t="s">
        <v>18191</v>
      </c>
      <c r="F29499" t="s">
        <v>18192</v>
      </c>
      <c r="G29499" t="s">
        <v>10734</v>
      </c>
      <c r="H29499" t="s">
        <v>10735</v>
      </c>
      <c r="I29499" s="2">
        <v>0</v>
      </c>
      <c r="J29499" s="2">
        <v>0</v>
      </c>
      <c r="K29499" s="2">
        <v>1</v>
      </c>
      <c r="L29499" t="s">
        <v>995</v>
      </c>
      <c r="M29499" t="s">
        <v>87</v>
      </c>
      <c r="N29499" t="s">
        <v>88</v>
      </c>
      <c r="O29499" t="s">
        <v>85</v>
      </c>
      <c r="P29499" t="s">
        <v>86</v>
      </c>
      <c r="Q29499">
        <v>37</v>
      </c>
      <c r="R29499">
        <v>37</v>
      </c>
      <c r="S29499">
        <v>37</v>
      </c>
      <c r="T29499">
        <v>37</v>
      </c>
      <c r="U29499">
        <v>38</v>
      </c>
      <c r="V29499">
        <v>38</v>
      </c>
      <c r="W29499">
        <v>38</v>
      </c>
      <c r="X29499">
        <v>38</v>
      </c>
      <c r="Y29499">
        <v>38</v>
      </c>
      <c r="Z29499">
        <v>38</v>
      </c>
      <c r="AA29499">
        <v>38</v>
      </c>
      <c r="AB29499">
        <v>38</v>
      </c>
      <c r="AC29499">
        <v>39</v>
      </c>
      <c r="AD29499">
        <v>39</v>
      </c>
      <c r="AE29499">
        <v>39</v>
      </c>
      <c r="AF29499">
        <v>39</v>
      </c>
      <c r="AG29499">
        <v>39</v>
      </c>
      <c r="AH29499">
        <v>39</v>
      </c>
      <c r="AI29499">
        <v>40</v>
      </c>
      <c r="AJ29499">
        <v>40</v>
      </c>
      <c r="AK29499">
        <v>40</v>
      </c>
      <c r="AL29499">
        <v>40</v>
      </c>
      <c r="AM29499">
        <v>40</v>
      </c>
      <c r="AN29499">
        <v>41</v>
      </c>
      <c r="AO29499">
        <v>41</v>
      </c>
      <c r="AP29499">
        <v>41</v>
      </c>
      <c r="AQ29499">
        <v>41</v>
      </c>
    </row>
    <row r="29500" spans="1:43">
      <c r="A29500" t="s">
        <v>18277</v>
      </c>
      <c r="B29500" t="s">
        <v>18278</v>
      </c>
      <c r="C29500" t="s">
        <v>18279</v>
      </c>
      <c r="D29500" t="s">
        <v>18280</v>
      </c>
      <c r="E29500" t="s">
        <v>18191</v>
      </c>
      <c r="F29500" t="s">
        <v>18192</v>
      </c>
      <c r="G29500" t="s">
        <v>10734</v>
      </c>
      <c r="H29500" t="s">
        <v>10735</v>
      </c>
      <c r="I29500" s="2">
        <v>0</v>
      </c>
      <c r="J29500" s="2">
        <v>0</v>
      </c>
      <c r="K29500" s="2">
        <v>1</v>
      </c>
      <c r="L29500" t="s">
        <v>995</v>
      </c>
      <c r="M29500" t="s">
        <v>89</v>
      </c>
      <c r="N29500" t="s">
        <v>90</v>
      </c>
      <c r="O29500" t="s">
        <v>85</v>
      </c>
      <c r="P29500" t="s">
        <v>86</v>
      </c>
      <c r="Q29500">
        <v>37</v>
      </c>
      <c r="R29500">
        <v>37</v>
      </c>
      <c r="S29500">
        <v>38</v>
      </c>
      <c r="T29500">
        <v>39</v>
      </c>
      <c r="U29500">
        <v>40</v>
      </c>
      <c r="V29500">
        <v>41</v>
      </c>
      <c r="W29500">
        <v>41</v>
      </c>
      <c r="X29500">
        <v>42</v>
      </c>
      <c r="Y29500">
        <v>43</v>
      </c>
      <c r="Z29500">
        <v>43</v>
      </c>
      <c r="AA29500">
        <v>44</v>
      </c>
      <c r="AB29500">
        <v>44</v>
      </c>
      <c r="AC29500">
        <v>45</v>
      </c>
      <c r="AD29500">
        <v>46</v>
      </c>
      <c r="AE29500">
        <v>46</v>
      </c>
      <c r="AF29500">
        <v>46</v>
      </c>
      <c r="AG29500">
        <v>46</v>
      </c>
      <c r="AH29500">
        <v>46</v>
      </c>
      <c r="AI29500">
        <v>46</v>
      </c>
      <c r="AJ29500">
        <v>47</v>
      </c>
      <c r="AK29500">
        <v>47</v>
      </c>
      <c r="AL29500">
        <v>47</v>
      </c>
      <c r="AM29500">
        <v>47</v>
      </c>
      <c r="AN29500">
        <v>47</v>
      </c>
      <c r="AO29500">
        <v>47</v>
      </c>
      <c r="AP29500">
        <v>47</v>
      </c>
      <c r="AQ29500">
        <v>47</v>
      </c>
    </row>
    <row r="29501" spans="1:43">
      <c r="A29501" t="s">
        <v>18277</v>
      </c>
      <c r="B29501" t="s">
        <v>18278</v>
      </c>
      <c r="C29501" t="s">
        <v>18279</v>
      </c>
      <c r="D29501" t="s">
        <v>18280</v>
      </c>
      <c r="E29501" t="s">
        <v>18191</v>
      </c>
      <c r="F29501" t="s">
        <v>18192</v>
      </c>
      <c r="G29501" t="s">
        <v>10734</v>
      </c>
      <c r="H29501" t="s">
        <v>10735</v>
      </c>
      <c r="I29501" s="2">
        <v>0</v>
      </c>
      <c r="J29501" s="2">
        <v>0</v>
      </c>
      <c r="K29501" s="2">
        <v>1</v>
      </c>
      <c r="L29501" t="s">
        <v>995</v>
      </c>
      <c r="M29501" t="s">
        <v>83</v>
      </c>
      <c r="N29501" t="s">
        <v>91</v>
      </c>
      <c r="O29501" t="s">
        <v>85</v>
      </c>
      <c r="P29501" t="s">
        <v>86</v>
      </c>
      <c r="Q29501">
        <v>37</v>
      </c>
      <c r="R29501">
        <v>38</v>
      </c>
      <c r="S29501">
        <v>38</v>
      </c>
      <c r="T29501">
        <v>39</v>
      </c>
      <c r="U29501">
        <v>39</v>
      </c>
      <c r="V29501">
        <v>40</v>
      </c>
      <c r="W29501">
        <v>40</v>
      </c>
      <c r="X29501">
        <v>41</v>
      </c>
      <c r="Y29501">
        <v>41</v>
      </c>
      <c r="Z29501">
        <v>42</v>
      </c>
      <c r="AA29501">
        <v>42</v>
      </c>
      <c r="AB29501">
        <v>43</v>
      </c>
      <c r="AC29501">
        <v>43</v>
      </c>
      <c r="AD29501">
        <v>43</v>
      </c>
      <c r="AE29501">
        <v>44</v>
      </c>
      <c r="AF29501">
        <v>44</v>
      </c>
      <c r="AG29501">
        <v>45</v>
      </c>
      <c r="AH29501">
        <v>45</v>
      </c>
      <c r="AI29501">
        <v>46</v>
      </c>
      <c r="AJ29501">
        <v>46</v>
      </c>
      <c r="AK29501">
        <v>47</v>
      </c>
      <c r="AL29501">
        <v>47</v>
      </c>
      <c r="AM29501">
        <v>47</v>
      </c>
      <c r="AN29501">
        <v>47</v>
      </c>
      <c r="AO29501">
        <v>48</v>
      </c>
      <c r="AP29501">
        <v>48</v>
      </c>
      <c r="AQ29501">
        <v>48</v>
      </c>
    </row>
    <row r="29502" spans="1:43">
      <c r="A29502" t="s">
        <v>18281</v>
      </c>
      <c r="B29502" t="s">
        <v>18282</v>
      </c>
      <c r="C29502" t="s">
        <v>18279</v>
      </c>
      <c r="D29502" t="s">
        <v>18280</v>
      </c>
      <c r="E29502" t="s">
        <v>18191</v>
      </c>
      <c r="F29502" t="s">
        <v>18192</v>
      </c>
      <c r="G29502" t="s">
        <v>10734</v>
      </c>
      <c r="H29502" t="s">
        <v>10735</v>
      </c>
      <c r="I29502" s="2">
        <v>0</v>
      </c>
      <c r="J29502" s="2">
        <v>0</v>
      </c>
      <c r="K29502" s="2">
        <v>1</v>
      </c>
      <c r="L29502" t="s">
        <v>995</v>
      </c>
      <c r="M29502" t="s">
        <v>83</v>
      </c>
      <c r="N29502" t="s">
        <v>84</v>
      </c>
      <c r="O29502" t="s">
        <v>85</v>
      </c>
      <c r="P29502" t="s">
        <v>86</v>
      </c>
      <c r="Q29502">
        <v>31</v>
      </c>
      <c r="R29502">
        <v>32</v>
      </c>
      <c r="S29502">
        <v>32</v>
      </c>
      <c r="T29502">
        <v>32</v>
      </c>
      <c r="U29502">
        <v>33</v>
      </c>
      <c r="V29502">
        <v>33</v>
      </c>
      <c r="W29502">
        <v>34</v>
      </c>
      <c r="X29502">
        <v>34</v>
      </c>
      <c r="Y29502">
        <v>34</v>
      </c>
      <c r="Z29502">
        <v>35</v>
      </c>
      <c r="AA29502">
        <v>35</v>
      </c>
      <c r="AB29502">
        <v>36</v>
      </c>
      <c r="AC29502">
        <v>36</v>
      </c>
      <c r="AD29502">
        <v>36</v>
      </c>
      <c r="AE29502">
        <v>37</v>
      </c>
      <c r="AF29502">
        <v>37</v>
      </c>
      <c r="AG29502">
        <v>37</v>
      </c>
      <c r="AH29502">
        <v>38</v>
      </c>
      <c r="AI29502">
        <v>38</v>
      </c>
      <c r="AJ29502">
        <v>39</v>
      </c>
      <c r="AK29502">
        <v>39</v>
      </c>
      <c r="AL29502">
        <v>39</v>
      </c>
      <c r="AM29502">
        <v>39</v>
      </c>
      <c r="AN29502">
        <v>39</v>
      </c>
      <c r="AO29502">
        <v>40</v>
      </c>
      <c r="AP29502">
        <v>40</v>
      </c>
      <c r="AQ29502">
        <v>40</v>
      </c>
    </row>
    <row r="29503" spans="1:43">
      <c r="A29503" t="s">
        <v>18281</v>
      </c>
      <c r="B29503" t="s">
        <v>18282</v>
      </c>
      <c r="C29503" t="s">
        <v>18279</v>
      </c>
      <c r="D29503" t="s">
        <v>18280</v>
      </c>
      <c r="E29503" t="s">
        <v>18191</v>
      </c>
      <c r="F29503" t="s">
        <v>18192</v>
      </c>
      <c r="G29503" t="s">
        <v>10734</v>
      </c>
      <c r="H29503" t="s">
        <v>10735</v>
      </c>
      <c r="I29503" s="2">
        <v>0</v>
      </c>
      <c r="J29503" s="2">
        <v>0</v>
      </c>
      <c r="K29503" s="2">
        <v>1</v>
      </c>
      <c r="L29503" t="s">
        <v>995</v>
      </c>
      <c r="M29503" t="s">
        <v>87</v>
      </c>
      <c r="N29503" t="s">
        <v>88</v>
      </c>
      <c r="O29503" t="s">
        <v>85</v>
      </c>
      <c r="P29503" t="s">
        <v>86</v>
      </c>
      <c r="Q29503">
        <v>31</v>
      </c>
      <c r="R29503">
        <v>31</v>
      </c>
      <c r="S29503">
        <v>31</v>
      </c>
      <c r="T29503">
        <v>31</v>
      </c>
      <c r="U29503">
        <v>31</v>
      </c>
      <c r="V29503">
        <v>31</v>
      </c>
      <c r="W29503">
        <v>32</v>
      </c>
      <c r="X29503">
        <v>32</v>
      </c>
      <c r="Y29503">
        <v>32</v>
      </c>
      <c r="Z29503">
        <v>32</v>
      </c>
      <c r="AA29503">
        <v>32</v>
      </c>
      <c r="AB29503">
        <v>32</v>
      </c>
      <c r="AC29503">
        <v>32</v>
      </c>
      <c r="AD29503">
        <v>32</v>
      </c>
      <c r="AE29503">
        <v>32</v>
      </c>
      <c r="AF29503">
        <v>33</v>
      </c>
      <c r="AG29503">
        <v>33</v>
      </c>
      <c r="AH29503">
        <v>33</v>
      </c>
      <c r="AI29503">
        <v>33</v>
      </c>
      <c r="AJ29503">
        <v>33</v>
      </c>
      <c r="AK29503">
        <v>33</v>
      </c>
      <c r="AL29503">
        <v>33</v>
      </c>
      <c r="AM29503">
        <v>34</v>
      </c>
      <c r="AN29503">
        <v>34</v>
      </c>
      <c r="AO29503">
        <v>34</v>
      </c>
      <c r="AP29503">
        <v>34</v>
      </c>
      <c r="AQ29503">
        <v>34</v>
      </c>
    </row>
    <row r="29504" spans="1:43">
      <c r="A29504" t="s">
        <v>18281</v>
      </c>
      <c r="B29504" t="s">
        <v>18282</v>
      </c>
      <c r="C29504" t="s">
        <v>18279</v>
      </c>
      <c r="D29504" t="s">
        <v>18280</v>
      </c>
      <c r="E29504" t="s">
        <v>18191</v>
      </c>
      <c r="F29504" t="s">
        <v>18192</v>
      </c>
      <c r="G29504" t="s">
        <v>10734</v>
      </c>
      <c r="H29504" t="s">
        <v>10735</v>
      </c>
      <c r="I29504" s="2">
        <v>0</v>
      </c>
      <c r="J29504" s="2">
        <v>0</v>
      </c>
      <c r="K29504" s="2">
        <v>1</v>
      </c>
      <c r="L29504" t="s">
        <v>995</v>
      </c>
      <c r="M29504" t="s">
        <v>89</v>
      </c>
      <c r="N29504" t="s">
        <v>90</v>
      </c>
      <c r="O29504" t="s">
        <v>85</v>
      </c>
      <c r="P29504" t="s">
        <v>86</v>
      </c>
      <c r="Q29504">
        <v>31</v>
      </c>
      <c r="R29504">
        <v>31</v>
      </c>
      <c r="S29504">
        <v>32</v>
      </c>
      <c r="T29504">
        <v>33</v>
      </c>
      <c r="U29504">
        <v>33</v>
      </c>
      <c r="V29504">
        <v>34</v>
      </c>
      <c r="W29504">
        <v>34</v>
      </c>
      <c r="X29504">
        <v>35</v>
      </c>
      <c r="Y29504">
        <v>35</v>
      </c>
      <c r="Z29504">
        <v>36</v>
      </c>
      <c r="AA29504">
        <v>36</v>
      </c>
      <c r="AB29504">
        <v>37</v>
      </c>
      <c r="AC29504">
        <v>38</v>
      </c>
      <c r="AD29504">
        <v>38</v>
      </c>
      <c r="AE29504">
        <v>38</v>
      </c>
      <c r="AF29504">
        <v>38</v>
      </c>
      <c r="AG29504">
        <v>38</v>
      </c>
      <c r="AH29504">
        <v>38</v>
      </c>
      <c r="AI29504">
        <v>38</v>
      </c>
      <c r="AJ29504">
        <v>39</v>
      </c>
      <c r="AK29504">
        <v>39</v>
      </c>
      <c r="AL29504">
        <v>39</v>
      </c>
      <c r="AM29504">
        <v>39</v>
      </c>
      <c r="AN29504">
        <v>39</v>
      </c>
      <c r="AO29504">
        <v>39</v>
      </c>
      <c r="AP29504">
        <v>39</v>
      </c>
      <c r="AQ29504">
        <v>39</v>
      </c>
    </row>
    <row r="29505" spans="1:43">
      <c r="A29505" t="s">
        <v>18281</v>
      </c>
      <c r="B29505" t="s">
        <v>18282</v>
      </c>
      <c r="C29505" t="s">
        <v>18279</v>
      </c>
      <c r="D29505" t="s">
        <v>18280</v>
      </c>
      <c r="E29505" t="s">
        <v>18191</v>
      </c>
      <c r="F29505" t="s">
        <v>18192</v>
      </c>
      <c r="G29505" t="s">
        <v>10734</v>
      </c>
      <c r="H29505" t="s">
        <v>10735</v>
      </c>
      <c r="I29505" s="2">
        <v>0</v>
      </c>
      <c r="J29505" s="2">
        <v>0</v>
      </c>
      <c r="K29505" s="2">
        <v>1</v>
      </c>
      <c r="L29505" t="s">
        <v>995</v>
      </c>
      <c r="M29505" t="s">
        <v>83</v>
      </c>
      <c r="N29505" t="s">
        <v>91</v>
      </c>
      <c r="O29505" t="s">
        <v>85</v>
      </c>
      <c r="P29505" t="s">
        <v>86</v>
      </c>
      <c r="Q29505">
        <v>31</v>
      </c>
      <c r="R29505">
        <v>32</v>
      </c>
      <c r="S29505">
        <v>32</v>
      </c>
      <c r="T29505">
        <v>32</v>
      </c>
      <c r="U29505">
        <v>33</v>
      </c>
      <c r="V29505">
        <v>33</v>
      </c>
      <c r="W29505">
        <v>34</v>
      </c>
      <c r="X29505">
        <v>34</v>
      </c>
      <c r="Y29505">
        <v>34</v>
      </c>
      <c r="Z29505">
        <v>35</v>
      </c>
      <c r="AA29505">
        <v>35</v>
      </c>
      <c r="AB29505">
        <v>36</v>
      </c>
      <c r="AC29505">
        <v>36</v>
      </c>
      <c r="AD29505">
        <v>36</v>
      </c>
      <c r="AE29505">
        <v>37</v>
      </c>
      <c r="AF29505">
        <v>37</v>
      </c>
      <c r="AG29505">
        <v>37</v>
      </c>
      <c r="AH29505">
        <v>38</v>
      </c>
      <c r="AI29505">
        <v>38</v>
      </c>
      <c r="AJ29505">
        <v>39</v>
      </c>
      <c r="AK29505">
        <v>39</v>
      </c>
      <c r="AL29505">
        <v>39</v>
      </c>
      <c r="AM29505">
        <v>39</v>
      </c>
      <c r="AN29505">
        <v>39</v>
      </c>
      <c r="AO29505">
        <v>40</v>
      </c>
      <c r="AP29505">
        <v>40</v>
      </c>
      <c r="AQ29505">
        <v>40</v>
      </c>
    </row>
    <row r="29506" spans="1:43">
      <c r="A29506" t="s">
        <v>18283</v>
      </c>
      <c r="B29506" t="s">
        <v>18284</v>
      </c>
      <c r="C29506" t="s">
        <v>18279</v>
      </c>
      <c r="D29506" t="s">
        <v>18280</v>
      </c>
      <c r="E29506" t="s">
        <v>18191</v>
      </c>
      <c r="F29506" t="s">
        <v>18192</v>
      </c>
      <c r="G29506" t="s">
        <v>10734</v>
      </c>
      <c r="H29506" t="s">
        <v>10735</v>
      </c>
      <c r="I29506" s="2">
        <v>0</v>
      </c>
      <c r="J29506" s="2">
        <v>0</v>
      </c>
      <c r="K29506" s="2">
        <v>1</v>
      </c>
      <c r="L29506" t="s">
        <v>995</v>
      </c>
      <c r="M29506" t="s">
        <v>83</v>
      </c>
      <c r="N29506" t="s">
        <v>84</v>
      </c>
      <c r="O29506" t="s">
        <v>85</v>
      </c>
      <c r="P29506" t="s">
        <v>86</v>
      </c>
      <c r="Q29506">
        <v>24</v>
      </c>
      <c r="R29506">
        <v>25</v>
      </c>
      <c r="S29506">
        <v>25</v>
      </c>
      <c r="T29506">
        <v>26</v>
      </c>
      <c r="U29506">
        <v>26</v>
      </c>
      <c r="V29506">
        <v>26</v>
      </c>
      <c r="W29506">
        <v>27</v>
      </c>
      <c r="X29506">
        <v>27</v>
      </c>
      <c r="Y29506">
        <v>27</v>
      </c>
      <c r="Z29506">
        <v>28</v>
      </c>
      <c r="AA29506">
        <v>28</v>
      </c>
      <c r="AB29506">
        <v>28</v>
      </c>
      <c r="AC29506">
        <v>29</v>
      </c>
      <c r="AD29506">
        <v>29</v>
      </c>
      <c r="AE29506">
        <v>30</v>
      </c>
      <c r="AF29506">
        <v>30</v>
      </c>
      <c r="AG29506">
        <v>30</v>
      </c>
      <c r="AH29506">
        <v>31</v>
      </c>
      <c r="AI29506">
        <v>31</v>
      </c>
      <c r="AJ29506">
        <v>31</v>
      </c>
      <c r="AK29506">
        <v>32</v>
      </c>
      <c r="AL29506">
        <v>32</v>
      </c>
      <c r="AM29506">
        <v>32</v>
      </c>
      <c r="AN29506">
        <v>32</v>
      </c>
      <c r="AO29506">
        <v>33</v>
      </c>
      <c r="AP29506">
        <v>33</v>
      </c>
      <c r="AQ29506">
        <v>33</v>
      </c>
    </row>
    <row r="29507" spans="1:43">
      <c r="A29507" t="s">
        <v>18283</v>
      </c>
      <c r="B29507" t="s">
        <v>18284</v>
      </c>
      <c r="C29507" t="s">
        <v>18279</v>
      </c>
      <c r="D29507" t="s">
        <v>18280</v>
      </c>
      <c r="E29507" t="s">
        <v>18191</v>
      </c>
      <c r="F29507" t="s">
        <v>18192</v>
      </c>
      <c r="G29507" t="s">
        <v>10734</v>
      </c>
      <c r="H29507" t="s">
        <v>10735</v>
      </c>
      <c r="I29507" s="2">
        <v>0</v>
      </c>
      <c r="J29507" s="2">
        <v>0</v>
      </c>
      <c r="K29507" s="2">
        <v>1</v>
      </c>
      <c r="L29507" t="s">
        <v>995</v>
      </c>
      <c r="M29507" t="s">
        <v>87</v>
      </c>
      <c r="N29507" t="s">
        <v>88</v>
      </c>
      <c r="O29507" t="s">
        <v>85</v>
      </c>
      <c r="P29507" t="s">
        <v>86</v>
      </c>
      <c r="Q29507">
        <v>24</v>
      </c>
      <c r="R29507">
        <v>24</v>
      </c>
      <c r="S29507">
        <v>24</v>
      </c>
      <c r="T29507">
        <v>25</v>
      </c>
      <c r="U29507">
        <v>25</v>
      </c>
      <c r="V29507">
        <v>25</v>
      </c>
      <c r="W29507">
        <v>25</v>
      </c>
      <c r="X29507">
        <v>25</v>
      </c>
      <c r="Y29507">
        <v>25</v>
      </c>
      <c r="Z29507">
        <v>25</v>
      </c>
      <c r="AA29507">
        <v>26</v>
      </c>
      <c r="AB29507">
        <v>26</v>
      </c>
      <c r="AC29507">
        <v>26</v>
      </c>
      <c r="AD29507">
        <v>26</v>
      </c>
      <c r="AE29507">
        <v>26</v>
      </c>
      <c r="AF29507">
        <v>26</v>
      </c>
      <c r="AG29507">
        <v>27</v>
      </c>
      <c r="AH29507">
        <v>27</v>
      </c>
      <c r="AI29507">
        <v>27</v>
      </c>
      <c r="AJ29507">
        <v>27</v>
      </c>
      <c r="AK29507">
        <v>27</v>
      </c>
      <c r="AL29507">
        <v>27</v>
      </c>
      <c r="AM29507">
        <v>28</v>
      </c>
      <c r="AN29507">
        <v>28</v>
      </c>
      <c r="AO29507">
        <v>28</v>
      </c>
      <c r="AP29507">
        <v>28</v>
      </c>
      <c r="AQ29507">
        <v>29</v>
      </c>
    </row>
    <row r="29508" spans="1:43">
      <c r="A29508" t="s">
        <v>18283</v>
      </c>
      <c r="B29508" t="s">
        <v>18284</v>
      </c>
      <c r="C29508" t="s">
        <v>18279</v>
      </c>
      <c r="D29508" t="s">
        <v>18280</v>
      </c>
      <c r="E29508" t="s">
        <v>18191</v>
      </c>
      <c r="F29508" t="s">
        <v>18192</v>
      </c>
      <c r="G29508" t="s">
        <v>10734</v>
      </c>
      <c r="H29508" t="s">
        <v>10735</v>
      </c>
      <c r="I29508" s="2">
        <v>0</v>
      </c>
      <c r="J29508" s="2">
        <v>0</v>
      </c>
      <c r="K29508" s="2">
        <v>1</v>
      </c>
      <c r="L29508" t="s">
        <v>995</v>
      </c>
      <c r="M29508" t="s">
        <v>89</v>
      </c>
      <c r="N29508" t="s">
        <v>90</v>
      </c>
      <c r="O29508" t="s">
        <v>85</v>
      </c>
      <c r="P29508" t="s">
        <v>86</v>
      </c>
      <c r="Q29508">
        <v>24</v>
      </c>
      <c r="R29508">
        <v>24</v>
      </c>
      <c r="S29508">
        <v>25</v>
      </c>
      <c r="T29508">
        <v>25</v>
      </c>
      <c r="U29508">
        <v>26</v>
      </c>
      <c r="V29508">
        <v>26</v>
      </c>
      <c r="W29508">
        <v>27</v>
      </c>
      <c r="X29508">
        <v>27</v>
      </c>
      <c r="Y29508">
        <v>28</v>
      </c>
      <c r="Z29508">
        <v>28</v>
      </c>
      <c r="AA29508">
        <v>29</v>
      </c>
      <c r="AB29508">
        <v>29</v>
      </c>
      <c r="AC29508">
        <v>30</v>
      </c>
      <c r="AD29508">
        <v>30</v>
      </c>
      <c r="AE29508">
        <v>31</v>
      </c>
      <c r="AF29508">
        <v>31</v>
      </c>
      <c r="AG29508">
        <v>31</v>
      </c>
      <c r="AH29508">
        <v>31</v>
      </c>
      <c r="AI29508">
        <v>31</v>
      </c>
      <c r="AJ29508">
        <v>31</v>
      </c>
      <c r="AK29508">
        <v>31</v>
      </c>
      <c r="AL29508">
        <v>32</v>
      </c>
      <c r="AM29508">
        <v>32</v>
      </c>
      <c r="AN29508">
        <v>32</v>
      </c>
      <c r="AO29508">
        <v>32</v>
      </c>
      <c r="AP29508">
        <v>32</v>
      </c>
      <c r="AQ29508">
        <v>32</v>
      </c>
    </row>
    <row r="29509" spans="1:43">
      <c r="A29509" t="s">
        <v>18283</v>
      </c>
      <c r="B29509" t="s">
        <v>18284</v>
      </c>
      <c r="C29509" t="s">
        <v>18279</v>
      </c>
      <c r="D29509" t="s">
        <v>18280</v>
      </c>
      <c r="E29509" t="s">
        <v>18191</v>
      </c>
      <c r="F29509" t="s">
        <v>18192</v>
      </c>
      <c r="G29509" t="s">
        <v>10734</v>
      </c>
      <c r="H29509" t="s">
        <v>10735</v>
      </c>
      <c r="I29509" s="2">
        <v>0</v>
      </c>
      <c r="J29509" s="2">
        <v>0</v>
      </c>
      <c r="K29509" s="2">
        <v>1</v>
      </c>
      <c r="L29509" t="s">
        <v>995</v>
      </c>
      <c r="M29509" t="s">
        <v>83</v>
      </c>
      <c r="N29509" t="s">
        <v>91</v>
      </c>
      <c r="O29509" t="s">
        <v>85</v>
      </c>
      <c r="P29509" t="s">
        <v>86</v>
      </c>
      <c r="Q29509">
        <v>24</v>
      </c>
      <c r="R29509">
        <v>25</v>
      </c>
      <c r="S29509">
        <v>25</v>
      </c>
      <c r="T29509">
        <v>26</v>
      </c>
      <c r="U29509">
        <v>26</v>
      </c>
      <c r="V29509">
        <v>26</v>
      </c>
      <c r="W29509">
        <v>27</v>
      </c>
      <c r="X29509">
        <v>27</v>
      </c>
      <c r="Y29509">
        <v>27</v>
      </c>
      <c r="Z29509">
        <v>28</v>
      </c>
      <c r="AA29509">
        <v>28</v>
      </c>
      <c r="AB29509">
        <v>28</v>
      </c>
      <c r="AC29509">
        <v>29</v>
      </c>
      <c r="AD29509">
        <v>29</v>
      </c>
      <c r="AE29509">
        <v>30</v>
      </c>
      <c r="AF29509">
        <v>30</v>
      </c>
      <c r="AG29509">
        <v>30</v>
      </c>
      <c r="AH29509">
        <v>31</v>
      </c>
      <c r="AI29509">
        <v>31</v>
      </c>
      <c r="AJ29509">
        <v>31</v>
      </c>
      <c r="AK29509">
        <v>32</v>
      </c>
      <c r="AL29509">
        <v>32</v>
      </c>
      <c r="AM29509">
        <v>32</v>
      </c>
      <c r="AN29509">
        <v>32</v>
      </c>
      <c r="AO29509">
        <v>33</v>
      </c>
      <c r="AP29509">
        <v>33</v>
      </c>
      <c r="AQ29509">
        <v>33</v>
      </c>
    </row>
    <row r="29510" spans="1:43">
      <c r="A29510" t="s">
        <v>18285</v>
      </c>
      <c r="B29510" t="s">
        <v>18286</v>
      </c>
      <c r="C29510" t="s">
        <v>18279</v>
      </c>
      <c r="D29510" t="s">
        <v>18280</v>
      </c>
      <c r="E29510" t="s">
        <v>18191</v>
      </c>
      <c r="F29510" t="s">
        <v>18192</v>
      </c>
      <c r="G29510" t="s">
        <v>10734</v>
      </c>
      <c r="H29510" t="s">
        <v>10735</v>
      </c>
      <c r="I29510" s="2">
        <v>0</v>
      </c>
      <c r="J29510" s="2">
        <v>0</v>
      </c>
      <c r="K29510" s="2">
        <v>1</v>
      </c>
      <c r="L29510" t="s">
        <v>995</v>
      </c>
      <c r="M29510" t="s">
        <v>83</v>
      </c>
      <c r="N29510" t="s">
        <v>84</v>
      </c>
      <c r="O29510" t="s">
        <v>85</v>
      </c>
      <c r="P29510" t="s">
        <v>86</v>
      </c>
      <c r="Q29510">
        <v>6</v>
      </c>
      <c r="R29510">
        <v>6</v>
      </c>
      <c r="S29510">
        <v>6</v>
      </c>
      <c r="T29510">
        <v>6</v>
      </c>
      <c r="U29510">
        <v>6</v>
      </c>
      <c r="V29510">
        <v>6</v>
      </c>
      <c r="W29510">
        <v>6</v>
      </c>
      <c r="X29510">
        <v>6</v>
      </c>
      <c r="Y29510">
        <v>7</v>
      </c>
      <c r="Z29510">
        <v>7</v>
      </c>
      <c r="AA29510">
        <v>7</v>
      </c>
      <c r="AB29510">
        <v>7</v>
      </c>
      <c r="AC29510">
        <v>7</v>
      </c>
      <c r="AD29510">
        <v>7</v>
      </c>
      <c r="AE29510">
        <v>7</v>
      </c>
      <c r="AF29510">
        <v>7</v>
      </c>
      <c r="AG29510">
        <v>7</v>
      </c>
      <c r="AH29510">
        <v>7</v>
      </c>
      <c r="AI29510">
        <v>7</v>
      </c>
      <c r="AJ29510">
        <v>8</v>
      </c>
      <c r="AK29510">
        <v>8</v>
      </c>
      <c r="AL29510">
        <v>8</v>
      </c>
      <c r="AM29510">
        <v>8</v>
      </c>
      <c r="AN29510">
        <v>8</v>
      </c>
      <c r="AO29510">
        <v>8</v>
      </c>
      <c r="AP29510">
        <v>8</v>
      </c>
      <c r="AQ29510">
        <v>8</v>
      </c>
    </row>
    <row r="29511" spans="1:43">
      <c r="A29511" t="s">
        <v>18285</v>
      </c>
      <c r="B29511" t="s">
        <v>18286</v>
      </c>
      <c r="C29511" t="s">
        <v>18279</v>
      </c>
      <c r="D29511" t="s">
        <v>18280</v>
      </c>
      <c r="E29511" t="s">
        <v>18191</v>
      </c>
      <c r="F29511" t="s">
        <v>18192</v>
      </c>
      <c r="G29511" t="s">
        <v>10734</v>
      </c>
      <c r="H29511" t="s">
        <v>10735</v>
      </c>
      <c r="I29511" s="2">
        <v>0</v>
      </c>
      <c r="J29511" s="2">
        <v>0</v>
      </c>
      <c r="K29511" s="2">
        <v>1</v>
      </c>
      <c r="L29511" t="s">
        <v>995</v>
      </c>
      <c r="M29511" t="s">
        <v>87</v>
      </c>
      <c r="N29511" t="s">
        <v>88</v>
      </c>
      <c r="O29511" t="s">
        <v>85</v>
      </c>
      <c r="P29511" t="s">
        <v>86</v>
      </c>
      <c r="Q29511">
        <v>6</v>
      </c>
      <c r="R29511">
        <v>6</v>
      </c>
      <c r="S29511">
        <v>6</v>
      </c>
      <c r="T29511">
        <v>6</v>
      </c>
      <c r="U29511">
        <v>6</v>
      </c>
      <c r="V29511">
        <v>6</v>
      </c>
      <c r="W29511">
        <v>6</v>
      </c>
      <c r="X29511">
        <v>6</v>
      </c>
      <c r="Y29511">
        <v>6</v>
      </c>
      <c r="Z29511">
        <v>6</v>
      </c>
      <c r="AA29511">
        <v>6</v>
      </c>
      <c r="AB29511">
        <v>6</v>
      </c>
      <c r="AC29511">
        <v>6</v>
      </c>
      <c r="AD29511">
        <v>6</v>
      </c>
      <c r="AE29511">
        <v>6</v>
      </c>
      <c r="AF29511">
        <v>6</v>
      </c>
      <c r="AG29511">
        <v>6</v>
      </c>
      <c r="AH29511">
        <v>6</v>
      </c>
      <c r="AI29511">
        <v>6</v>
      </c>
      <c r="AJ29511">
        <v>6</v>
      </c>
      <c r="AK29511">
        <v>7</v>
      </c>
      <c r="AL29511">
        <v>7</v>
      </c>
      <c r="AM29511">
        <v>7</v>
      </c>
      <c r="AN29511">
        <v>7</v>
      </c>
      <c r="AO29511">
        <v>7</v>
      </c>
      <c r="AP29511">
        <v>7</v>
      </c>
      <c r="AQ29511">
        <v>7</v>
      </c>
    </row>
    <row r="29512" spans="1:43">
      <c r="A29512" t="s">
        <v>18285</v>
      </c>
      <c r="B29512" t="s">
        <v>18286</v>
      </c>
      <c r="C29512" t="s">
        <v>18279</v>
      </c>
      <c r="D29512" t="s">
        <v>18280</v>
      </c>
      <c r="E29512" t="s">
        <v>18191</v>
      </c>
      <c r="F29512" t="s">
        <v>18192</v>
      </c>
      <c r="G29512" t="s">
        <v>10734</v>
      </c>
      <c r="H29512" t="s">
        <v>10735</v>
      </c>
      <c r="I29512" s="2">
        <v>0</v>
      </c>
      <c r="J29512" s="2">
        <v>0</v>
      </c>
      <c r="K29512" s="2">
        <v>1</v>
      </c>
      <c r="L29512" t="s">
        <v>995</v>
      </c>
      <c r="M29512" t="s">
        <v>89</v>
      </c>
      <c r="N29512" t="s">
        <v>90</v>
      </c>
      <c r="O29512" t="s">
        <v>85</v>
      </c>
      <c r="P29512" t="s">
        <v>86</v>
      </c>
      <c r="Q29512">
        <v>6</v>
      </c>
      <c r="R29512">
        <v>6</v>
      </c>
      <c r="S29512">
        <v>6</v>
      </c>
      <c r="T29512">
        <v>6</v>
      </c>
      <c r="U29512">
        <v>6</v>
      </c>
      <c r="V29512">
        <v>7</v>
      </c>
      <c r="W29512">
        <v>7</v>
      </c>
      <c r="X29512">
        <v>7</v>
      </c>
      <c r="Y29512">
        <v>7</v>
      </c>
      <c r="Z29512">
        <v>7</v>
      </c>
      <c r="AA29512">
        <v>7</v>
      </c>
      <c r="AB29512">
        <v>7</v>
      </c>
      <c r="AC29512">
        <v>7</v>
      </c>
      <c r="AD29512">
        <v>7</v>
      </c>
      <c r="AE29512">
        <v>8</v>
      </c>
      <c r="AF29512">
        <v>8</v>
      </c>
      <c r="AG29512">
        <v>8</v>
      </c>
      <c r="AH29512">
        <v>8</v>
      </c>
      <c r="AI29512">
        <v>8</v>
      </c>
      <c r="AJ29512">
        <v>8</v>
      </c>
      <c r="AK29512">
        <v>8</v>
      </c>
      <c r="AL29512">
        <v>8</v>
      </c>
      <c r="AM29512">
        <v>8</v>
      </c>
      <c r="AN29512">
        <v>8</v>
      </c>
      <c r="AO29512">
        <v>8</v>
      </c>
      <c r="AP29512">
        <v>8</v>
      </c>
      <c r="AQ29512">
        <v>8</v>
      </c>
    </row>
    <row r="29513" spans="1:43">
      <c r="A29513" t="s">
        <v>18285</v>
      </c>
      <c r="B29513" t="s">
        <v>18286</v>
      </c>
      <c r="C29513" t="s">
        <v>18279</v>
      </c>
      <c r="D29513" t="s">
        <v>18280</v>
      </c>
      <c r="E29513" t="s">
        <v>18191</v>
      </c>
      <c r="F29513" t="s">
        <v>18192</v>
      </c>
      <c r="G29513" t="s">
        <v>10734</v>
      </c>
      <c r="H29513" t="s">
        <v>10735</v>
      </c>
      <c r="I29513" s="2">
        <v>0</v>
      </c>
      <c r="J29513" s="2">
        <v>0</v>
      </c>
      <c r="K29513" s="2">
        <v>1</v>
      </c>
      <c r="L29513" t="s">
        <v>995</v>
      </c>
      <c r="M29513" t="s">
        <v>83</v>
      </c>
      <c r="N29513" t="s">
        <v>91</v>
      </c>
      <c r="O29513" t="s">
        <v>85</v>
      </c>
      <c r="P29513" t="s">
        <v>86</v>
      </c>
      <c r="Q29513">
        <v>6</v>
      </c>
      <c r="R29513">
        <v>6</v>
      </c>
      <c r="S29513">
        <v>6</v>
      </c>
      <c r="T29513">
        <v>6</v>
      </c>
      <c r="U29513">
        <v>6</v>
      </c>
      <c r="V29513">
        <v>6</v>
      </c>
      <c r="W29513">
        <v>6</v>
      </c>
      <c r="X29513">
        <v>6</v>
      </c>
      <c r="Y29513">
        <v>7</v>
      </c>
      <c r="Z29513">
        <v>7</v>
      </c>
      <c r="AA29513">
        <v>7</v>
      </c>
      <c r="AB29513">
        <v>7</v>
      </c>
      <c r="AC29513">
        <v>7</v>
      </c>
      <c r="AD29513">
        <v>7</v>
      </c>
      <c r="AE29513">
        <v>7</v>
      </c>
      <c r="AF29513">
        <v>7</v>
      </c>
      <c r="AG29513">
        <v>7</v>
      </c>
      <c r="AH29513">
        <v>7</v>
      </c>
      <c r="AI29513">
        <v>7</v>
      </c>
      <c r="AJ29513">
        <v>8</v>
      </c>
      <c r="AK29513">
        <v>8</v>
      </c>
      <c r="AL29513">
        <v>8</v>
      </c>
      <c r="AM29513">
        <v>8</v>
      </c>
      <c r="AN29513">
        <v>8</v>
      </c>
      <c r="AO29513">
        <v>8</v>
      </c>
      <c r="AP29513">
        <v>8</v>
      </c>
      <c r="AQ29513">
        <v>8</v>
      </c>
    </row>
    <row r="29514" spans="1:43">
      <c r="A29514" t="s">
        <v>18287</v>
      </c>
      <c r="B29514" t="s">
        <v>18288</v>
      </c>
      <c r="C29514" t="s">
        <v>18289</v>
      </c>
      <c r="D29514" t="s">
        <v>18290</v>
      </c>
      <c r="E29514" t="s">
        <v>18191</v>
      </c>
      <c r="F29514" t="s">
        <v>18192</v>
      </c>
      <c r="G29514" t="s">
        <v>10734</v>
      </c>
      <c r="H29514" t="s">
        <v>10735</v>
      </c>
      <c r="I29514" s="2">
        <v>0</v>
      </c>
      <c r="J29514" s="2">
        <v>0</v>
      </c>
      <c r="K29514" s="2">
        <v>1</v>
      </c>
      <c r="L29514" t="s">
        <v>995</v>
      </c>
      <c r="M29514" t="s">
        <v>83</v>
      </c>
      <c r="N29514" t="s">
        <v>84</v>
      </c>
      <c r="O29514" t="s">
        <v>85</v>
      </c>
      <c r="P29514" t="s">
        <v>86</v>
      </c>
      <c r="Q29514">
        <v>34</v>
      </c>
      <c r="R29514">
        <v>34</v>
      </c>
      <c r="S29514">
        <v>35</v>
      </c>
      <c r="T29514">
        <v>35</v>
      </c>
      <c r="U29514">
        <v>36</v>
      </c>
      <c r="V29514">
        <v>36</v>
      </c>
      <c r="W29514">
        <v>36</v>
      </c>
      <c r="X29514">
        <v>37</v>
      </c>
      <c r="Y29514">
        <v>37</v>
      </c>
      <c r="Z29514">
        <v>37</v>
      </c>
      <c r="AA29514">
        <v>38</v>
      </c>
      <c r="AB29514">
        <v>38</v>
      </c>
      <c r="AC29514">
        <v>39</v>
      </c>
      <c r="AD29514">
        <v>39</v>
      </c>
      <c r="AE29514">
        <v>39</v>
      </c>
      <c r="AF29514">
        <v>40</v>
      </c>
      <c r="AG29514">
        <v>40</v>
      </c>
      <c r="AH29514">
        <v>40</v>
      </c>
      <c r="AI29514">
        <v>41</v>
      </c>
      <c r="AJ29514">
        <v>41</v>
      </c>
      <c r="AK29514">
        <v>42</v>
      </c>
      <c r="AL29514">
        <v>42</v>
      </c>
      <c r="AM29514">
        <v>42</v>
      </c>
      <c r="AN29514">
        <v>42</v>
      </c>
      <c r="AO29514">
        <v>42</v>
      </c>
      <c r="AP29514">
        <v>42</v>
      </c>
      <c r="AQ29514">
        <v>42</v>
      </c>
    </row>
    <row r="29515" spans="1:43">
      <c r="A29515" t="s">
        <v>18287</v>
      </c>
      <c r="B29515" t="s">
        <v>18288</v>
      </c>
      <c r="C29515" t="s">
        <v>18289</v>
      </c>
      <c r="D29515" t="s">
        <v>18290</v>
      </c>
      <c r="E29515" t="s">
        <v>18191</v>
      </c>
      <c r="F29515" t="s">
        <v>18192</v>
      </c>
      <c r="G29515" t="s">
        <v>10734</v>
      </c>
      <c r="H29515" t="s">
        <v>10735</v>
      </c>
      <c r="I29515" s="2">
        <v>0</v>
      </c>
      <c r="J29515" s="2">
        <v>0</v>
      </c>
      <c r="K29515" s="2">
        <v>1</v>
      </c>
      <c r="L29515" t="s">
        <v>995</v>
      </c>
      <c r="M29515" t="s">
        <v>87</v>
      </c>
      <c r="N29515" t="s">
        <v>88</v>
      </c>
      <c r="O29515" t="s">
        <v>85</v>
      </c>
      <c r="P29515" t="s">
        <v>86</v>
      </c>
      <c r="Q29515">
        <v>34</v>
      </c>
      <c r="R29515">
        <v>34</v>
      </c>
      <c r="S29515">
        <v>34</v>
      </c>
      <c r="T29515">
        <v>34</v>
      </c>
      <c r="U29515">
        <v>34</v>
      </c>
      <c r="V29515">
        <v>34</v>
      </c>
      <c r="W29515">
        <v>34</v>
      </c>
      <c r="X29515">
        <v>34</v>
      </c>
      <c r="Y29515">
        <v>34</v>
      </c>
      <c r="Z29515">
        <v>34</v>
      </c>
      <c r="AA29515">
        <v>34</v>
      </c>
      <c r="AB29515">
        <v>35</v>
      </c>
      <c r="AC29515">
        <v>35</v>
      </c>
      <c r="AD29515">
        <v>35</v>
      </c>
      <c r="AE29515">
        <v>35</v>
      </c>
      <c r="AF29515">
        <v>35</v>
      </c>
      <c r="AG29515">
        <v>35</v>
      </c>
      <c r="AH29515">
        <v>35</v>
      </c>
      <c r="AI29515">
        <v>35</v>
      </c>
      <c r="AJ29515">
        <v>35</v>
      </c>
      <c r="AK29515">
        <v>36</v>
      </c>
      <c r="AL29515">
        <v>36</v>
      </c>
      <c r="AM29515">
        <v>36</v>
      </c>
      <c r="AN29515">
        <v>36</v>
      </c>
      <c r="AO29515">
        <v>36</v>
      </c>
      <c r="AP29515">
        <v>36</v>
      </c>
      <c r="AQ29515">
        <v>37</v>
      </c>
    </row>
    <row r="29516" spans="1:43">
      <c r="A29516" t="s">
        <v>18287</v>
      </c>
      <c r="B29516" t="s">
        <v>18288</v>
      </c>
      <c r="C29516" t="s">
        <v>18289</v>
      </c>
      <c r="D29516" t="s">
        <v>18290</v>
      </c>
      <c r="E29516" t="s">
        <v>18191</v>
      </c>
      <c r="F29516" t="s">
        <v>18192</v>
      </c>
      <c r="G29516" t="s">
        <v>10734</v>
      </c>
      <c r="H29516" t="s">
        <v>10735</v>
      </c>
      <c r="I29516" s="2">
        <v>0</v>
      </c>
      <c r="J29516" s="2">
        <v>0</v>
      </c>
      <c r="K29516" s="2">
        <v>1</v>
      </c>
      <c r="L29516" t="s">
        <v>995</v>
      </c>
      <c r="M29516" t="s">
        <v>89</v>
      </c>
      <c r="N29516" t="s">
        <v>90</v>
      </c>
      <c r="O29516" t="s">
        <v>85</v>
      </c>
      <c r="P29516" t="s">
        <v>86</v>
      </c>
      <c r="Q29516">
        <v>34</v>
      </c>
      <c r="R29516">
        <v>35</v>
      </c>
      <c r="S29516">
        <v>36</v>
      </c>
      <c r="T29516">
        <v>36</v>
      </c>
      <c r="U29516">
        <v>37</v>
      </c>
      <c r="V29516">
        <v>38</v>
      </c>
      <c r="W29516">
        <v>38</v>
      </c>
      <c r="X29516">
        <v>39</v>
      </c>
      <c r="Y29516">
        <v>39</v>
      </c>
      <c r="Z29516">
        <v>40</v>
      </c>
      <c r="AA29516">
        <v>40</v>
      </c>
      <c r="AB29516">
        <v>41</v>
      </c>
      <c r="AC29516">
        <v>41</v>
      </c>
      <c r="AD29516">
        <v>42</v>
      </c>
      <c r="AE29516">
        <v>42</v>
      </c>
      <c r="AF29516">
        <v>42</v>
      </c>
      <c r="AG29516">
        <v>42</v>
      </c>
      <c r="AH29516">
        <v>42</v>
      </c>
      <c r="AI29516">
        <v>42</v>
      </c>
      <c r="AJ29516">
        <v>42</v>
      </c>
      <c r="AK29516">
        <v>42</v>
      </c>
      <c r="AL29516">
        <v>42</v>
      </c>
      <c r="AM29516">
        <v>42</v>
      </c>
      <c r="AN29516">
        <v>42</v>
      </c>
      <c r="AO29516">
        <v>42</v>
      </c>
      <c r="AP29516">
        <v>42</v>
      </c>
      <c r="AQ29516">
        <v>43</v>
      </c>
    </row>
    <row r="29517" spans="1:43">
      <c r="A29517" t="s">
        <v>18287</v>
      </c>
      <c r="B29517" t="s">
        <v>18288</v>
      </c>
      <c r="C29517" t="s">
        <v>18289</v>
      </c>
      <c r="D29517" t="s">
        <v>18290</v>
      </c>
      <c r="E29517" t="s">
        <v>18191</v>
      </c>
      <c r="F29517" t="s">
        <v>18192</v>
      </c>
      <c r="G29517" t="s">
        <v>10734</v>
      </c>
      <c r="H29517" t="s">
        <v>10735</v>
      </c>
      <c r="I29517" s="2">
        <v>0</v>
      </c>
      <c r="J29517" s="2">
        <v>0</v>
      </c>
      <c r="K29517" s="2">
        <v>1</v>
      </c>
      <c r="L29517" t="s">
        <v>995</v>
      </c>
      <c r="M29517" t="s">
        <v>83</v>
      </c>
      <c r="N29517" t="s">
        <v>91</v>
      </c>
      <c r="O29517" t="s">
        <v>85</v>
      </c>
      <c r="P29517" t="s">
        <v>86</v>
      </c>
      <c r="Q29517">
        <v>34</v>
      </c>
      <c r="R29517">
        <v>34</v>
      </c>
      <c r="S29517">
        <v>35</v>
      </c>
      <c r="T29517">
        <v>35</v>
      </c>
      <c r="U29517">
        <v>36</v>
      </c>
      <c r="V29517">
        <v>36</v>
      </c>
      <c r="W29517">
        <v>36</v>
      </c>
      <c r="X29517">
        <v>37</v>
      </c>
      <c r="Y29517">
        <v>37</v>
      </c>
      <c r="Z29517">
        <v>37</v>
      </c>
      <c r="AA29517">
        <v>38</v>
      </c>
      <c r="AB29517">
        <v>38</v>
      </c>
      <c r="AC29517">
        <v>39</v>
      </c>
      <c r="AD29517">
        <v>39</v>
      </c>
      <c r="AE29517">
        <v>39</v>
      </c>
      <c r="AF29517">
        <v>40</v>
      </c>
      <c r="AG29517">
        <v>40</v>
      </c>
      <c r="AH29517">
        <v>40</v>
      </c>
      <c r="AI29517">
        <v>41</v>
      </c>
      <c r="AJ29517">
        <v>41</v>
      </c>
      <c r="AK29517">
        <v>42</v>
      </c>
      <c r="AL29517">
        <v>42</v>
      </c>
      <c r="AM29517">
        <v>42</v>
      </c>
      <c r="AN29517">
        <v>42</v>
      </c>
      <c r="AO29517">
        <v>42</v>
      </c>
      <c r="AP29517">
        <v>42</v>
      </c>
      <c r="AQ29517">
        <v>42</v>
      </c>
    </row>
    <row r="29518" spans="1:43">
      <c r="A29518" t="s">
        <v>18291</v>
      </c>
      <c r="B29518" t="s">
        <v>18292</v>
      </c>
      <c r="C29518" t="s">
        <v>18289</v>
      </c>
      <c r="D29518" t="s">
        <v>18290</v>
      </c>
      <c r="E29518" t="s">
        <v>18191</v>
      </c>
      <c r="F29518" t="s">
        <v>18192</v>
      </c>
      <c r="G29518" t="s">
        <v>10734</v>
      </c>
      <c r="H29518" t="s">
        <v>10735</v>
      </c>
      <c r="I29518" s="2">
        <v>0</v>
      </c>
      <c r="J29518" s="2">
        <v>0</v>
      </c>
      <c r="K29518" s="2">
        <v>1</v>
      </c>
      <c r="L29518" t="s">
        <v>995</v>
      </c>
      <c r="M29518" t="s">
        <v>83</v>
      </c>
      <c r="N29518" t="s">
        <v>84</v>
      </c>
      <c r="O29518" t="s">
        <v>85</v>
      </c>
      <c r="P29518" t="s">
        <v>86</v>
      </c>
      <c r="Q29518">
        <v>63</v>
      </c>
      <c r="R29518">
        <v>64</v>
      </c>
      <c r="S29518">
        <v>65</v>
      </c>
      <c r="T29518">
        <v>65</v>
      </c>
      <c r="U29518">
        <v>66</v>
      </c>
      <c r="V29518">
        <v>67</v>
      </c>
      <c r="W29518">
        <v>68</v>
      </c>
      <c r="X29518">
        <v>68</v>
      </c>
      <c r="Y29518">
        <v>69</v>
      </c>
      <c r="Z29518">
        <v>70</v>
      </c>
      <c r="AA29518">
        <v>70</v>
      </c>
      <c r="AB29518">
        <v>71</v>
      </c>
      <c r="AC29518">
        <v>72</v>
      </c>
      <c r="AD29518">
        <v>73</v>
      </c>
      <c r="AE29518">
        <v>73</v>
      </c>
      <c r="AF29518">
        <v>74</v>
      </c>
      <c r="AG29518">
        <v>75</v>
      </c>
      <c r="AH29518">
        <v>75</v>
      </c>
      <c r="AI29518">
        <v>76</v>
      </c>
      <c r="AJ29518">
        <v>77</v>
      </c>
      <c r="AK29518">
        <v>78</v>
      </c>
      <c r="AL29518">
        <v>78</v>
      </c>
      <c r="AM29518">
        <v>78</v>
      </c>
      <c r="AN29518">
        <v>78</v>
      </c>
      <c r="AO29518">
        <v>78</v>
      </c>
      <c r="AP29518">
        <v>78</v>
      </c>
      <c r="AQ29518">
        <v>79</v>
      </c>
    </row>
    <row r="29519" spans="1:43">
      <c r="A29519" t="s">
        <v>18291</v>
      </c>
      <c r="B29519" t="s">
        <v>18292</v>
      </c>
      <c r="C29519" t="s">
        <v>18289</v>
      </c>
      <c r="D29519" t="s">
        <v>18290</v>
      </c>
      <c r="E29519" t="s">
        <v>18191</v>
      </c>
      <c r="F29519" t="s">
        <v>18192</v>
      </c>
      <c r="G29519" t="s">
        <v>10734</v>
      </c>
      <c r="H29519" t="s">
        <v>10735</v>
      </c>
      <c r="I29519" s="2">
        <v>0</v>
      </c>
      <c r="J29519" s="2">
        <v>0</v>
      </c>
      <c r="K29519" s="2">
        <v>1</v>
      </c>
      <c r="L29519" t="s">
        <v>995</v>
      </c>
      <c r="M29519" t="s">
        <v>87</v>
      </c>
      <c r="N29519" t="s">
        <v>88</v>
      </c>
      <c r="O29519" t="s">
        <v>85</v>
      </c>
      <c r="P29519" t="s">
        <v>86</v>
      </c>
      <c r="Q29519">
        <v>63</v>
      </c>
      <c r="R29519">
        <v>63</v>
      </c>
      <c r="S29519">
        <v>63</v>
      </c>
      <c r="T29519">
        <v>63</v>
      </c>
      <c r="U29519">
        <v>63</v>
      </c>
      <c r="V29519">
        <v>63</v>
      </c>
      <c r="W29519">
        <v>64</v>
      </c>
      <c r="X29519">
        <v>64</v>
      </c>
      <c r="Y29519">
        <v>64</v>
      </c>
      <c r="Z29519">
        <v>64</v>
      </c>
      <c r="AA29519">
        <v>64</v>
      </c>
      <c r="AB29519">
        <v>64</v>
      </c>
      <c r="AC29519">
        <v>64</v>
      </c>
      <c r="AD29519">
        <v>65</v>
      </c>
      <c r="AE29519">
        <v>65</v>
      </c>
      <c r="AF29519">
        <v>65</v>
      </c>
      <c r="AG29519">
        <v>65</v>
      </c>
      <c r="AH29519">
        <v>66</v>
      </c>
      <c r="AI29519">
        <v>66</v>
      </c>
      <c r="AJ29519">
        <v>66</v>
      </c>
      <c r="AK29519">
        <v>66</v>
      </c>
      <c r="AL29519">
        <v>67</v>
      </c>
      <c r="AM29519">
        <v>67</v>
      </c>
      <c r="AN29519">
        <v>67</v>
      </c>
      <c r="AO29519">
        <v>67</v>
      </c>
      <c r="AP29519">
        <v>68</v>
      </c>
      <c r="AQ29519">
        <v>68</v>
      </c>
    </row>
    <row r="29520" spans="1:43">
      <c r="A29520" t="s">
        <v>18291</v>
      </c>
      <c r="B29520" t="s">
        <v>18292</v>
      </c>
      <c r="C29520" t="s">
        <v>18289</v>
      </c>
      <c r="D29520" t="s">
        <v>18290</v>
      </c>
      <c r="E29520" t="s">
        <v>18191</v>
      </c>
      <c r="F29520" t="s">
        <v>18192</v>
      </c>
      <c r="G29520" t="s">
        <v>10734</v>
      </c>
      <c r="H29520" t="s">
        <v>10735</v>
      </c>
      <c r="I29520" s="2">
        <v>0</v>
      </c>
      <c r="J29520" s="2">
        <v>0</v>
      </c>
      <c r="K29520" s="2">
        <v>1</v>
      </c>
      <c r="L29520" t="s">
        <v>995</v>
      </c>
      <c r="M29520" t="s">
        <v>89</v>
      </c>
      <c r="N29520" t="s">
        <v>90</v>
      </c>
      <c r="O29520" t="s">
        <v>85</v>
      </c>
      <c r="P29520" t="s">
        <v>86</v>
      </c>
      <c r="Q29520">
        <v>63</v>
      </c>
      <c r="R29520">
        <v>64</v>
      </c>
      <c r="S29520">
        <v>65</v>
      </c>
      <c r="T29520">
        <v>67</v>
      </c>
      <c r="U29520">
        <v>68</v>
      </c>
      <c r="V29520">
        <v>69</v>
      </c>
      <c r="W29520">
        <v>70</v>
      </c>
      <c r="X29520">
        <v>71</v>
      </c>
      <c r="Y29520">
        <v>72</v>
      </c>
      <c r="Z29520">
        <v>73</v>
      </c>
      <c r="AA29520">
        <v>74</v>
      </c>
      <c r="AB29520">
        <v>75</v>
      </c>
      <c r="AC29520">
        <v>76</v>
      </c>
      <c r="AD29520">
        <v>77</v>
      </c>
      <c r="AE29520">
        <v>78</v>
      </c>
      <c r="AF29520">
        <v>78</v>
      </c>
      <c r="AG29520">
        <v>78</v>
      </c>
      <c r="AH29520">
        <v>78</v>
      </c>
      <c r="AI29520">
        <v>78</v>
      </c>
      <c r="AJ29520">
        <v>78</v>
      </c>
      <c r="AK29520">
        <v>78</v>
      </c>
      <c r="AL29520">
        <v>78</v>
      </c>
      <c r="AM29520">
        <v>78</v>
      </c>
      <c r="AN29520">
        <v>78</v>
      </c>
      <c r="AO29520">
        <v>78</v>
      </c>
      <c r="AP29520">
        <v>78</v>
      </c>
      <c r="AQ29520">
        <v>78</v>
      </c>
    </row>
    <row r="29521" spans="1:43">
      <c r="A29521" t="s">
        <v>18291</v>
      </c>
      <c r="B29521" t="s">
        <v>18292</v>
      </c>
      <c r="C29521" t="s">
        <v>18289</v>
      </c>
      <c r="D29521" t="s">
        <v>18290</v>
      </c>
      <c r="E29521" t="s">
        <v>18191</v>
      </c>
      <c r="F29521" t="s">
        <v>18192</v>
      </c>
      <c r="G29521" t="s">
        <v>10734</v>
      </c>
      <c r="H29521" t="s">
        <v>10735</v>
      </c>
      <c r="I29521" s="2">
        <v>0</v>
      </c>
      <c r="J29521" s="2">
        <v>0</v>
      </c>
      <c r="K29521" s="2">
        <v>1</v>
      </c>
      <c r="L29521" t="s">
        <v>995</v>
      </c>
      <c r="M29521" t="s">
        <v>83</v>
      </c>
      <c r="N29521" t="s">
        <v>91</v>
      </c>
      <c r="O29521" t="s">
        <v>85</v>
      </c>
      <c r="P29521" t="s">
        <v>86</v>
      </c>
      <c r="Q29521">
        <v>63</v>
      </c>
      <c r="R29521">
        <v>64</v>
      </c>
      <c r="S29521">
        <v>65</v>
      </c>
      <c r="T29521">
        <v>65</v>
      </c>
      <c r="U29521">
        <v>66</v>
      </c>
      <c r="V29521">
        <v>67</v>
      </c>
      <c r="W29521">
        <v>68</v>
      </c>
      <c r="X29521">
        <v>68</v>
      </c>
      <c r="Y29521">
        <v>69</v>
      </c>
      <c r="Z29521">
        <v>70</v>
      </c>
      <c r="AA29521">
        <v>70</v>
      </c>
      <c r="AB29521">
        <v>71</v>
      </c>
      <c r="AC29521">
        <v>72</v>
      </c>
      <c r="AD29521">
        <v>73</v>
      </c>
      <c r="AE29521">
        <v>73</v>
      </c>
      <c r="AF29521">
        <v>74</v>
      </c>
      <c r="AG29521">
        <v>75</v>
      </c>
      <c r="AH29521">
        <v>75</v>
      </c>
      <c r="AI29521">
        <v>76</v>
      </c>
      <c r="AJ29521">
        <v>77</v>
      </c>
      <c r="AK29521">
        <v>78</v>
      </c>
      <c r="AL29521">
        <v>78</v>
      </c>
      <c r="AM29521">
        <v>78</v>
      </c>
      <c r="AN29521">
        <v>78</v>
      </c>
      <c r="AO29521">
        <v>78</v>
      </c>
      <c r="AP29521">
        <v>78</v>
      </c>
      <c r="AQ29521">
        <v>79</v>
      </c>
    </row>
    <row r="29522" spans="1:43">
      <c r="A29522" t="s">
        <v>18293</v>
      </c>
      <c r="B29522" t="s">
        <v>18294</v>
      </c>
      <c r="C29522" t="s">
        <v>18289</v>
      </c>
      <c r="D29522" t="s">
        <v>18290</v>
      </c>
      <c r="E29522" t="s">
        <v>18191</v>
      </c>
      <c r="F29522" t="s">
        <v>18192</v>
      </c>
      <c r="G29522" t="s">
        <v>10734</v>
      </c>
      <c r="H29522" t="s">
        <v>10735</v>
      </c>
      <c r="I29522" s="2">
        <v>0</v>
      </c>
      <c r="J29522" s="2">
        <v>0</v>
      </c>
      <c r="K29522" s="2">
        <v>1</v>
      </c>
      <c r="L29522" t="s">
        <v>995</v>
      </c>
      <c r="M29522" t="s">
        <v>83</v>
      </c>
      <c r="N29522" t="s">
        <v>84</v>
      </c>
      <c r="O29522" t="s">
        <v>85</v>
      </c>
      <c r="P29522" t="s">
        <v>86</v>
      </c>
      <c r="Q29522">
        <v>37</v>
      </c>
      <c r="R29522">
        <v>37</v>
      </c>
      <c r="S29522">
        <v>38</v>
      </c>
      <c r="T29522">
        <v>38</v>
      </c>
      <c r="U29522">
        <v>39</v>
      </c>
      <c r="V29522">
        <v>39</v>
      </c>
      <c r="W29522">
        <v>40</v>
      </c>
      <c r="X29522">
        <v>40</v>
      </c>
      <c r="Y29522">
        <v>41</v>
      </c>
      <c r="Z29522">
        <v>41</v>
      </c>
      <c r="AA29522">
        <v>42</v>
      </c>
      <c r="AB29522">
        <v>42</v>
      </c>
      <c r="AC29522">
        <v>43</v>
      </c>
      <c r="AD29522">
        <v>43</v>
      </c>
      <c r="AE29522">
        <v>44</v>
      </c>
      <c r="AF29522">
        <v>44</v>
      </c>
      <c r="AG29522">
        <v>45</v>
      </c>
      <c r="AH29522">
        <v>45</v>
      </c>
      <c r="AI29522">
        <v>46</v>
      </c>
      <c r="AJ29522">
        <v>46</v>
      </c>
      <c r="AK29522">
        <v>47</v>
      </c>
      <c r="AL29522">
        <v>47</v>
      </c>
      <c r="AM29522">
        <v>47</v>
      </c>
      <c r="AN29522">
        <v>47</v>
      </c>
      <c r="AO29522">
        <v>47</v>
      </c>
      <c r="AP29522">
        <v>47</v>
      </c>
      <c r="AQ29522">
        <v>48</v>
      </c>
    </row>
    <row r="29523" spans="1:43">
      <c r="A29523" t="s">
        <v>18293</v>
      </c>
      <c r="B29523" t="s">
        <v>18294</v>
      </c>
      <c r="C29523" t="s">
        <v>18289</v>
      </c>
      <c r="D29523" t="s">
        <v>18290</v>
      </c>
      <c r="E29523" t="s">
        <v>18191</v>
      </c>
      <c r="F29523" t="s">
        <v>18192</v>
      </c>
      <c r="G29523" t="s">
        <v>10734</v>
      </c>
      <c r="H29523" t="s">
        <v>10735</v>
      </c>
      <c r="I29523" s="2">
        <v>0</v>
      </c>
      <c r="J29523" s="2">
        <v>0</v>
      </c>
      <c r="K29523" s="2">
        <v>1</v>
      </c>
      <c r="L29523" t="s">
        <v>995</v>
      </c>
      <c r="M29523" t="s">
        <v>87</v>
      </c>
      <c r="N29523" t="s">
        <v>88</v>
      </c>
      <c r="O29523" t="s">
        <v>85</v>
      </c>
      <c r="P29523" t="s">
        <v>86</v>
      </c>
      <c r="Q29523">
        <v>37</v>
      </c>
      <c r="R29523">
        <v>37</v>
      </c>
      <c r="S29523">
        <v>37</v>
      </c>
      <c r="T29523">
        <v>37</v>
      </c>
      <c r="U29523">
        <v>37</v>
      </c>
      <c r="V29523">
        <v>37</v>
      </c>
      <c r="W29523">
        <v>38</v>
      </c>
      <c r="X29523">
        <v>38</v>
      </c>
      <c r="Y29523">
        <v>38</v>
      </c>
      <c r="Z29523">
        <v>38</v>
      </c>
      <c r="AA29523">
        <v>38</v>
      </c>
      <c r="AB29523">
        <v>38</v>
      </c>
      <c r="AC29523">
        <v>38</v>
      </c>
      <c r="AD29523">
        <v>39</v>
      </c>
      <c r="AE29523">
        <v>39</v>
      </c>
      <c r="AF29523">
        <v>39</v>
      </c>
      <c r="AG29523">
        <v>39</v>
      </c>
      <c r="AH29523">
        <v>39</v>
      </c>
      <c r="AI29523">
        <v>40</v>
      </c>
      <c r="AJ29523">
        <v>40</v>
      </c>
      <c r="AK29523">
        <v>40</v>
      </c>
      <c r="AL29523">
        <v>40</v>
      </c>
      <c r="AM29523">
        <v>40</v>
      </c>
      <c r="AN29523">
        <v>41</v>
      </c>
      <c r="AO29523">
        <v>41</v>
      </c>
      <c r="AP29523">
        <v>41</v>
      </c>
      <c r="AQ29523">
        <v>41</v>
      </c>
    </row>
    <row r="29524" spans="1:43">
      <c r="A29524" t="s">
        <v>18293</v>
      </c>
      <c r="B29524" t="s">
        <v>18294</v>
      </c>
      <c r="C29524" t="s">
        <v>18289</v>
      </c>
      <c r="D29524" t="s">
        <v>18290</v>
      </c>
      <c r="E29524" t="s">
        <v>18191</v>
      </c>
      <c r="F29524" t="s">
        <v>18192</v>
      </c>
      <c r="G29524" t="s">
        <v>10734</v>
      </c>
      <c r="H29524" t="s">
        <v>10735</v>
      </c>
      <c r="I29524" s="2">
        <v>0</v>
      </c>
      <c r="J29524" s="2">
        <v>0</v>
      </c>
      <c r="K29524" s="2">
        <v>1</v>
      </c>
      <c r="L29524" t="s">
        <v>995</v>
      </c>
      <c r="M29524" t="s">
        <v>89</v>
      </c>
      <c r="N29524" t="s">
        <v>90</v>
      </c>
      <c r="O29524" t="s">
        <v>85</v>
      </c>
      <c r="P29524" t="s">
        <v>86</v>
      </c>
      <c r="Q29524">
        <v>37</v>
      </c>
      <c r="R29524">
        <v>38</v>
      </c>
      <c r="S29524">
        <v>39</v>
      </c>
      <c r="T29524">
        <v>40</v>
      </c>
      <c r="U29524">
        <v>41</v>
      </c>
      <c r="V29524">
        <v>41</v>
      </c>
      <c r="W29524">
        <v>42</v>
      </c>
      <c r="X29524">
        <v>43</v>
      </c>
      <c r="Y29524">
        <v>43</v>
      </c>
      <c r="Z29524">
        <v>44</v>
      </c>
      <c r="AA29524">
        <v>45</v>
      </c>
      <c r="AB29524">
        <v>45</v>
      </c>
      <c r="AC29524">
        <v>46</v>
      </c>
      <c r="AD29524">
        <v>46</v>
      </c>
      <c r="AE29524">
        <v>47</v>
      </c>
      <c r="AF29524">
        <v>47</v>
      </c>
      <c r="AG29524">
        <v>47</v>
      </c>
      <c r="AH29524">
        <v>47</v>
      </c>
      <c r="AI29524">
        <v>47</v>
      </c>
      <c r="AJ29524">
        <v>47</v>
      </c>
      <c r="AK29524">
        <v>47</v>
      </c>
      <c r="AL29524">
        <v>47</v>
      </c>
      <c r="AM29524">
        <v>48</v>
      </c>
      <c r="AN29524">
        <v>48</v>
      </c>
      <c r="AO29524">
        <v>48</v>
      </c>
      <c r="AP29524">
        <v>48</v>
      </c>
      <c r="AQ29524">
        <v>48</v>
      </c>
    </row>
    <row r="29525" spans="1:43">
      <c r="A29525" t="s">
        <v>18293</v>
      </c>
      <c r="B29525" t="s">
        <v>18294</v>
      </c>
      <c r="C29525" t="s">
        <v>18289</v>
      </c>
      <c r="D29525" t="s">
        <v>18290</v>
      </c>
      <c r="E29525" t="s">
        <v>18191</v>
      </c>
      <c r="F29525" t="s">
        <v>18192</v>
      </c>
      <c r="G29525" t="s">
        <v>10734</v>
      </c>
      <c r="H29525" t="s">
        <v>10735</v>
      </c>
      <c r="I29525" s="2">
        <v>0</v>
      </c>
      <c r="J29525" s="2">
        <v>0</v>
      </c>
      <c r="K29525" s="2">
        <v>1</v>
      </c>
      <c r="L29525" t="s">
        <v>995</v>
      </c>
      <c r="M29525" t="s">
        <v>83</v>
      </c>
      <c r="N29525" t="s">
        <v>91</v>
      </c>
      <c r="O29525" t="s">
        <v>85</v>
      </c>
      <c r="P29525" t="s">
        <v>86</v>
      </c>
      <c r="Q29525">
        <v>37</v>
      </c>
      <c r="R29525">
        <v>37</v>
      </c>
      <c r="S29525">
        <v>38</v>
      </c>
      <c r="T29525">
        <v>38</v>
      </c>
      <c r="U29525">
        <v>39</v>
      </c>
      <c r="V29525">
        <v>39</v>
      </c>
      <c r="W29525">
        <v>40</v>
      </c>
      <c r="X29525">
        <v>40</v>
      </c>
      <c r="Y29525">
        <v>41</v>
      </c>
      <c r="Z29525">
        <v>41</v>
      </c>
      <c r="AA29525">
        <v>42</v>
      </c>
      <c r="AB29525">
        <v>42</v>
      </c>
      <c r="AC29525">
        <v>43</v>
      </c>
      <c r="AD29525">
        <v>43</v>
      </c>
      <c r="AE29525">
        <v>44</v>
      </c>
      <c r="AF29525">
        <v>44</v>
      </c>
      <c r="AG29525">
        <v>45</v>
      </c>
      <c r="AH29525">
        <v>45</v>
      </c>
      <c r="AI29525">
        <v>46</v>
      </c>
      <c r="AJ29525">
        <v>46</v>
      </c>
      <c r="AK29525">
        <v>47</v>
      </c>
      <c r="AL29525">
        <v>47</v>
      </c>
      <c r="AM29525">
        <v>47</v>
      </c>
      <c r="AN29525">
        <v>47</v>
      </c>
      <c r="AO29525">
        <v>47</v>
      </c>
      <c r="AP29525">
        <v>47</v>
      </c>
      <c r="AQ29525">
        <v>48</v>
      </c>
    </row>
    <row r="29526" spans="1:43">
      <c r="A29526" t="s">
        <v>18295</v>
      </c>
      <c r="B29526" t="s">
        <v>18296</v>
      </c>
      <c r="C29526" t="s">
        <v>18199</v>
      </c>
      <c r="D29526" t="s">
        <v>18200</v>
      </c>
      <c r="E29526" t="s">
        <v>18191</v>
      </c>
      <c r="F29526" t="s">
        <v>18192</v>
      </c>
      <c r="G29526" t="s">
        <v>10734</v>
      </c>
      <c r="H29526" t="s">
        <v>10735</v>
      </c>
      <c r="I29526" s="2">
        <v>0</v>
      </c>
      <c r="J29526" s="2">
        <v>0</v>
      </c>
      <c r="K29526" s="2">
        <v>1</v>
      </c>
      <c r="L29526" t="s">
        <v>995</v>
      </c>
      <c r="M29526" t="s">
        <v>83</v>
      </c>
      <c r="N29526" t="s">
        <v>84</v>
      </c>
      <c r="O29526" t="s">
        <v>85</v>
      </c>
      <c r="P29526" t="s">
        <v>86</v>
      </c>
      <c r="Q29526">
        <v>7</v>
      </c>
      <c r="R29526">
        <v>7</v>
      </c>
      <c r="S29526">
        <v>7</v>
      </c>
      <c r="T29526">
        <v>8</v>
      </c>
      <c r="U29526">
        <v>8</v>
      </c>
      <c r="V29526">
        <v>8</v>
      </c>
      <c r="W29526">
        <v>8</v>
      </c>
      <c r="X29526">
        <v>8</v>
      </c>
      <c r="Y29526">
        <v>8</v>
      </c>
      <c r="Z29526">
        <v>8</v>
      </c>
      <c r="AA29526">
        <v>8</v>
      </c>
      <c r="AB29526">
        <v>8</v>
      </c>
      <c r="AC29526">
        <v>8</v>
      </c>
      <c r="AD29526">
        <v>8</v>
      </c>
      <c r="AE29526">
        <v>9</v>
      </c>
      <c r="AF29526">
        <v>9</v>
      </c>
      <c r="AG29526">
        <v>9</v>
      </c>
      <c r="AH29526">
        <v>9</v>
      </c>
      <c r="AI29526">
        <v>9</v>
      </c>
      <c r="AJ29526">
        <v>9</v>
      </c>
      <c r="AK29526">
        <v>9</v>
      </c>
      <c r="AL29526">
        <v>9</v>
      </c>
      <c r="AM29526">
        <v>9</v>
      </c>
      <c r="AN29526">
        <v>9</v>
      </c>
      <c r="AO29526">
        <v>9</v>
      </c>
      <c r="AP29526">
        <v>9</v>
      </c>
      <c r="AQ29526">
        <v>9</v>
      </c>
    </row>
    <row r="29527" spans="1:43">
      <c r="A29527" t="s">
        <v>18295</v>
      </c>
      <c r="B29527" t="s">
        <v>18296</v>
      </c>
      <c r="C29527" t="s">
        <v>18199</v>
      </c>
      <c r="D29527" t="s">
        <v>18200</v>
      </c>
      <c r="E29527" t="s">
        <v>18191</v>
      </c>
      <c r="F29527" t="s">
        <v>18192</v>
      </c>
      <c r="G29527" t="s">
        <v>10734</v>
      </c>
      <c r="H29527" t="s">
        <v>10735</v>
      </c>
      <c r="I29527" s="2">
        <v>0</v>
      </c>
      <c r="J29527" s="2">
        <v>0</v>
      </c>
      <c r="K29527" s="2">
        <v>1</v>
      </c>
      <c r="L29527" t="s">
        <v>995</v>
      </c>
      <c r="M29527" t="s">
        <v>87</v>
      </c>
      <c r="N29527" t="s">
        <v>88</v>
      </c>
      <c r="O29527" t="s">
        <v>85</v>
      </c>
      <c r="P29527" t="s">
        <v>86</v>
      </c>
      <c r="Q29527">
        <v>7</v>
      </c>
      <c r="R29527">
        <v>7</v>
      </c>
      <c r="S29527">
        <v>7</v>
      </c>
      <c r="T29527">
        <v>7</v>
      </c>
      <c r="U29527">
        <v>7</v>
      </c>
      <c r="V29527">
        <v>7</v>
      </c>
      <c r="W29527">
        <v>7</v>
      </c>
      <c r="X29527">
        <v>7</v>
      </c>
      <c r="Y29527">
        <v>7</v>
      </c>
      <c r="Z29527">
        <v>7</v>
      </c>
      <c r="AA29527">
        <v>7</v>
      </c>
      <c r="AB29527">
        <v>7</v>
      </c>
      <c r="AC29527">
        <v>8</v>
      </c>
      <c r="AD29527">
        <v>8</v>
      </c>
      <c r="AE29527">
        <v>8</v>
      </c>
      <c r="AF29527">
        <v>8</v>
      </c>
      <c r="AG29527">
        <v>8</v>
      </c>
      <c r="AH29527">
        <v>8</v>
      </c>
      <c r="AI29527">
        <v>8</v>
      </c>
      <c r="AJ29527">
        <v>8</v>
      </c>
      <c r="AK29527">
        <v>8</v>
      </c>
      <c r="AL29527">
        <v>8</v>
      </c>
      <c r="AM29527">
        <v>8</v>
      </c>
      <c r="AN29527">
        <v>8</v>
      </c>
      <c r="AO29527">
        <v>8</v>
      </c>
      <c r="AP29527">
        <v>8</v>
      </c>
      <c r="AQ29527">
        <v>8</v>
      </c>
    </row>
    <row r="29528" spans="1:43">
      <c r="A29528" t="s">
        <v>18295</v>
      </c>
      <c r="B29528" t="s">
        <v>18296</v>
      </c>
      <c r="C29528" t="s">
        <v>18199</v>
      </c>
      <c r="D29528" t="s">
        <v>18200</v>
      </c>
      <c r="E29528" t="s">
        <v>18191</v>
      </c>
      <c r="F29528" t="s">
        <v>18192</v>
      </c>
      <c r="G29528" t="s">
        <v>10734</v>
      </c>
      <c r="H29528" t="s">
        <v>10735</v>
      </c>
      <c r="I29528" s="2">
        <v>0</v>
      </c>
      <c r="J29528" s="2">
        <v>0</v>
      </c>
      <c r="K29528" s="2">
        <v>1</v>
      </c>
      <c r="L29528" t="s">
        <v>995</v>
      </c>
      <c r="M29528" t="s">
        <v>89</v>
      </c>
      <c r="N29528" t="s">
        <v>90</v>
      </c>
      <c r="O29528" t="s">
        <v>85</v>
      </c>
      <c r="P29528" t="s">
        <v>86</v>
      </c>
      <c r="Q29528">
        <v>7</v>
      </c>
      <c r="R29528">
        <v>7</v>
      </c>
      <c r="S29528">
        <v>8</v>
      </c>
      <c r="T29528">
        <v>8</v>
      </c>
      <c r="U29528">
        <v>8</v>
      </c>
      <c r="V29528">
        <v>8</v>
      </c>
      <c r="W29528">
        <v>8</v>
      </c>
      <c r="X29528">
        <v>8</v>
      </c>
      <c r="Y29528">
        <v>8</v>
      </c>
      <c r="Z29528">
        <v>9</v>
      </c>
      <c r="AA29528">
        <v>9</v>
      </c>
      <c r="AB29528">
        <v>9</v>
      </c>
      <c r="AC29528">
        <v>9</v>
      </c>
      <c r="AD29528">
        <v>9</v>
      </c>
      <c r="AE29528">
        <v>9</v>
      </c>
      <c r="AF29528">
        <v>9</v>
      </c>
      <c r="AG29528">
        <v>9</v>
      </c>
      <c r="AH29528">
        <v>9</v>
      </c>
      <c r="AI29528">
        <v>9</v>
      </c>
      <c r="AJ29528">
        <v>9</v>
      </c>
      <c r="AK29528">
        <v>9</v>
      </c>
      <c r="AL29528">
        <v>9</v>
      </c>
      <c r="AM29528">
        <v>9</v>
      </c>
      <c r="AN29528">
        <v>9</v>
      </c>
      <c r="AO29528">
        <v>9</v>
      </c>
      <c r="AP29528">
        <v>9</v>
      </c>
      <c r="AQ29528">
        <v>9</v>
      </c>
    </row>
    <row r="29529" spans="1:43">
      <c r="A29529" t="s">
        <v>18295</v>
      </c>
      <c r="B29529" t="s">
        <v>18296</v>
      </c>
      <c r="C29529" t="s">
        <v>18199</v>
      </c>
      <c r="D29529" t="s">
        <v>18200</v>
      </c>
      <c r="E29529" t="s">
        <v>18191</v>
      </c>
      <c r="F29529" t="s">
        <v>18192</v>
      </c>
      <c r="G29529" t="s">
        <v>10734</v>
      </c>
      <c r="H29529" t="s">
        <v>10735</v>
      </c>
      <c r="I29529" s="2">
        <v>0</v>
      </c>
      <c r="J29529" s="2">
        <v>0</v>
      </c>
      <c r="K29529" s="2">
        <v>1</v>
      </c>
      <c r="L29529" t="s">
        <v>995</v>
      </c>
      <c r="M29529" t="s">
        <v>83</v>
      </c>
      <c r="N29529" t="s">
        <v>91</v>
      </c>
      <c r="O29529" t="s">
        <v>85</v>
      </c>
      <c r="P29529" t="s">
        <v>86</v>
      </c>
      <c r="Q29529">
        <v>7</v>
      </c>
      <c r="R29529">
        <v>7</v>
      </c>
      <c r="S29529">
        <v>7</v>
      </c>
      <c r="T29529">
        <v>8</v>
      </c>
      <c r="U29529">
        <v>8</v>
      </c>
      <c r="V29529">
        <v>8</v>
      </c>
      <c r="W29529">
        <v>8</v>
      </c>
      <c r="X29529">
        <v>8</v>
      </c>
      <c r="Y29529">
        <v>8</v>
      </c>
      <c r="Z29529">
        <v>8</v>
      </c>
      <c r="AA29529">
        <v>8</v>
      </c>
      <c r="AB29529">
        <v>8</v>
      </c>
      <c r="AC29529">
        <v>8</v>
      </c>
      <c r="AD29529">
        <v>8</v>
      </c>
      <c r="AE29529">
        <v>9</v>
      </c>
      <c r="AF29529">
        <v>9</v>
      </c>
      <c r="AG29529">
        <v>9</v>
      </c>
      <c r="AH29529">
        <v>9</v>
      </c>
      <c r="AI29529">
        <v>9</v>
      </c>
      <c r="AJ29529">
        <v>9</v>
      </c>
      <c r="AK29529">
        <v>9</v>
      </c>
      <c r="AL29529">
        <v>9</v>
      </c>
      <c r="AM29529">
        <v>9</v>
      </c>
      <c r="AN29529">
        <v>9</v>
      </c>
      <c r="AO29529">
        <v>9</v>
      </c>
      <c r="AP29529">
        <v>9</v>
      </c>
      <c r="AQ29529">
        <v>9</v>
      </c>
    </row>
    <row r="29530" spans="1:43">
      <c r="A29530" t="s">
        <v>18297</v>
      </c>
      <c r="B29530" t="s">
        <v>18298</v>
      </c>
      <c r="C29530" t="s">
        <v>18199</v>
      </c>
      <c r="D29530" t="s">
        <v>18200</v>
      </c>
      <c r="E29530" t="s">
        <v>18191</v>
      </c>
      <c r="F29530" t="s">
        <v>18192</v>
      </c>
      <c r="G29530" t="s">
        <v>10734</v>
      </c>
      <c r="H29530" t="s">
        <v>10735</v>
      </c>
      <c r="I29530" s="2">
        <v>0</v>
      </c>
      <c r="J29530" s="2">
        <v>0</v>
      </c>
      <c r="K29530" s="2">
        <v>1</v>
      </c>
      <c r="L29530" t="s">
        <v>995</v>
      </c>
      <c r="M29530" t="s">
        <v>83</v>
      </c>
      <c r="N29530" t="s">
        <v>84</v>
      </c>
      <c r="O29530" t="s">
        <v>85</v>
      </c>
      <c r="P29530" t="s">
        <v>86</v>
      </c>
      <c r="Q29530">
        <v>25</v>
      </c>
      <c r="R29530">
        <v>25</v>
      </c>
      <c r="S29530">
        <v>25</v>
      </c>
      <c r="T29530">
        <v>26</v>
      </c>
      <c r="U29530">
        <v>26</v>
      </c>
      <c r="V29530">
        <v>26</v>
      </c>
      <c r="W29530">
        <v>27</v>
      </c>
      <c r="X29530">
        <v>27</v>
      </c>
      <c r="Y29530">
        <v>28</v>
      </c>
      <c r="Z29530">
        <v>28</v>
      </c>
      <c r="AA29530">
        <v>28</v>
      </c>
      <c r="AB29530">
        <v>29</v>
      </c>
      <c r="AC29530">
        <v>29</v>
      </c>
      <c r="AD29530">
        <v>29</v>
      </c>
      <c r="AE29530">
        <v>30</v>
      </c>
      <c r="AF29530">
        <v>30</v>
      </c>
      <c r="AG29530">
        <v>30</v>
      </c>
      <c r="AH29530">
        <v>31</v>
      </c>
      <c r="AI29530">
        <v>31</v>
      </c>
      <c r="AJ29530">
        <v>31</v>
      </c>
      <c r="AK29530">
        <v>32</v>
      </c>
      <c r="AL29530">
        <v>32</v>
      </c>
      <c r="AM29530">
        <v>32</v>
      </c>
      <c r="AN29530">
        <v>32</v>
      </c>
      <c r="AO29530">
        <v>32</v>
      </c>
      <c r="AP29530">
        <v>32</v>
      </c>
      <c r="AQ29530">
        <v>33</v>
      </c>
    </row>
    <row r="29531" spans="1:43">
      <c r="A29531" t="s">
        <v>18297</v>
      </c>
      <c r="B29531" t="s">
        <v>18298</v>
      </c>
      <c r="C29531" t="s">
        <v>18199</v>
      </c>
      <c r="D29531" t="s">
        <v>18200</v>
      </c>
      <c r="E29531" t="s">
        <v>18191</v>
      </c>
      <c r="F29531" t="s">
        <v>18192</v>
      </c>
      <c r="G29531" t="s">
        <v>10734</v>
      </c>
      <c r="H29531" t="s">
        <v>10735</v>
      </c>
      <c r="I29531" s="2">
        <v>0</v>
      </c>
      <c r="J29531" s="2">
        <v>0</v>
      </c>
      <c r="K29531" s="2">
        <v>1</v>
      </c>
      <c r="L29531" t="s">
        <v>995</v>
      </c>
      <c r="M29531" t="s">
        <v>87</v>
      </c>
      <c r="N29531" t="s">
        <v>88</v>
      </c>
      <c r="O29531" t="s">
        <v>85</v>
      </c>
      <c r="P29531" t="s">
        <v>86</v>
      </c>
      <c r="Q29531">
        <v>25</v>
      </c>
      <c r="R29531">
        <v>26</v>
      </c>
      <c r="S29531">
        <v>26</v>
      </c>
      <c r="T29531">
        <v>26</v>
      </c>
      <c r="U29531">
        <v>26</v>
      </c>
      <c r="V29531">
        <v>26</v>
      </c>
      <c r="W29531">
        <v>26</v>
      </c>
      <c r="X29531">
        <v>26</v>
      </c>
      <c r="Y29531">
        <v>26</v>
      </c>
      <c r="Z29531">
        <v>27</v>
      </c>
      <c r="AA29531">
        <v>27</v>
      </c>
      <c r="AB29531">
        <v>27</v>
      </c>
      <c r="AC29531">
        <v>27</v>
      </c>
      <c r="AD29531">
        <v>27</v>
      </c>
      <c r="AE29531">
        <v>27</v>
      </c>
      <c r="AF29531">
        <v>27</v>
      </c>
      <c r="AG29531">
        <v>28</v>
      </c>
      <c r="AH29531">
        <v>28</v>
      </c>
      <c r="AI29531">
        <v>28</v>
      </c>
      <c r="AJ29531">
        <v>28</v>
      </c>
      <c r="AK29531">
        <v>28</v>
      </c>
      <c r="AL29531">
        <v>29</v>
      </c>
      <c r="AM29531">
        <v>29</v>
      </c>
      <c r="AN29531">
        <v>29</v>
      </c>
      <c r="AO29531">
        <v>29</v>
      </c>
      <c r="AP29531">
        <v>29</v>
      </c>
      <c r="AQ29531">
        <v>30</v>
      </c>
    </row>
    <row r="29532" spans="1:43">
      <c r="A29532" t="s">
        <v>18297</v>
      </c>
      <c r="B29532" t="s">
        <v>18298</v>
      </c>
      <c r="C29532" t="s">
        <v>18199</v>
      </c>
      <c r="D29532" t="s">
        <v>18200</v>
      </c>
      <c r="E29532" t="s">
        <v>18191</v>
      </c>
      <c r="F29532" t="s">
        <v>18192</v>
      </c>
      <c r="G29532" t="s">
        <v>10734</v>
      </c>
      <c r="H29532" t="s">
        <v>10735</v>
      </c>
      <c r="I29532" s="2">
        <v>0</v>
      </c>
      <c r="J29532" s="2">
        <v>0</v>
      </c>
      <c r="K29532" s="2">
        <v>1</v>
      </c>
      <c r="L29532" t="s">
        <v>995</v>
      </c>
      <c r="M29532" t="s">
        <v>89</v>
      </c>
      <c r="N29532" t="s">
        <v>90</v>
      </c>
      <c r="O29532" t="s">
        <v>85</v>
      </c>
      <c r="P29532" t="s">
        <v>86</v>
      </c>
      <c r="Q29532">
        <v>25</v>
      </c>
      <c r="R29532">
        <v>25</v>
      </c>
      <c r="S29532">
        <v>26</v>
      </c>
      <c r="T29532">
        <v>27</v>
      </c>
      <c r="U29532">
        <v>27</v>
      </c>
      <c r="V29532">
        <v>28</v>
      </c>
      <c r="W29532">
        <v>28</v>
      </c>
      <c r="X29532">
        <v>29</v>
      </c>
      <c r="Y29532">
        <v>29</v>
      </c>
      <c r="Z29532">
        <v>30</v>
      </c>
      <c r="AA29532">
        <v>30</v>
      </c>
      <c r="AB29532">
        <v>30</v>
      </c>
      <c r="AC29532">
        <v>31</v>
      </c>
      <c r="AD29532">
        <v>31</v>
      </c>
      <c r="AE29532">
        <v>32</v>
      </c>
      <c r="AF29532">
        <v>32</v>
      </c>
      <c r="AG29532">
        <v>32</v>
      </c>
      <c r="AH29532">
        <v>32</v>
      </c>
      <c r="AI29532">
        <v>32</v>
      </c>
      <c r="AJ29532">
        <v>32</v>
      </c>
      <c r="AK29532">
        <v>32</v>
      </c>
      <c r="AL29532">
        <v>32</v>
      </c>
      <c r="AM29532">
        <v>32</v>
      </c>
      <c r="AN29532">
        <v>32</v>
      </c>
      <c r="AO29532">
        <v>33</v>
      </c>
      <c r="AP29532">
        <v>33</v>
      </c>
      <c r="AQ29532">
        <v>33</v>
      </c>
    </row>
    <row r="29533" spans="1:43">
      <c r="A29533" t="s">
        <v>18297</v>
      </c>
      <c r="B29533" t="s">
        <v>18298</v>
      </c>
      <c r="C29533" t="s">
        <v>18199</v>
      </c>
      <c r="D29533" t="s">
        <v>18200</v>
      </c>
      <c r="E29533" t="s">
        <v>18191</v>
      </c>
      <c r="F29533" t="s">
        <v>18192</v>
      </c>
      <c r="G29533" t="s">
        <v>10734</v>
      </c>
      <c r="H29533" t="s">
        <v>10735</v>
      </c>
      <c r="I29533" s="2">
        <v>0</v>
      </c>
      <c r="J29533" s="2">
        <v>0</v>
      </c>
      <c r="K29533" s="2">
        <v>1</v>
      </c>
      <c r="L29533" t="s">
        <v>995</v>
      </c>
      <c r="M29533" t="s">
        <v>83</v>
      </c>
      <c r="N29533" t="s">
        <v>91</v>
      </c>
      <c r="O29533" t="s">
        <v>85</v>
      </c>
      <c r="P29533" t="s">
        <v>86</v>
      </c>
      <c r="Q29533">
        <v>25</v>
      </c>
      <c r="R29533">
        <v>25</v>
      </c>
      <c r="S29533">
        <v>25</v>
      </c>
      <c r="T29533">
        <v>26</v>
      </c>
      <c r="U29533">
        <v>26</v>
      </c>
      <c r="V29533">
        <v>26</v>
      </c>
      <c r="W29533">
        <v>27</v>
      </c>
      <c r="X29533">
        <v>27</v>
      </c>
      <c r="Y29533">
        <v>28</v>
      </c>
      <c r="Z29533">
        <v>28</v>
      </c>
      <c r="AA29533">
        <v>28</v>
      </c>
      <c r="AB29533">
        <v>29</v>
      </c>
      <c r="AC29533">
        <v>29</v>
      </c>
      <c r="AD29533">
        <v>29</v>
      </c>
      <c r="AE29533">
        <v>30</v>
      </c>
      <c r="AF29533">
        <v>30</v>
      </c>
      <c r="AG29533">
        <v>30</v>
      </c>
      <c r="AH29533">
        <v>31</v>
      </c>
      <c r="AI29533">
        <v>31</v>
      </c>
      <c r="AJ29533">
        <v>31</v>
      </c>
      <c r="AK29533">
        <v>32</v>
      </c>
      <c r="AL29533">
        <v>32</v>
      </c>
      <c r="AM29533">
        <v>32</v>
      </c>
      <c r="AN29533">
        <v>32</v>
      </c>
      <c r="AO29533">
        <v>32</v>
      </c>
      <c r="AP29533">
        <v>32</v>
      </c>
      <c r="AQ29533">
        <v>33</v>
      </c>
    </row>
    <row r="29534" spans="1:43">
      <c r="A29534" t="s">
        <v>18299</v>
      </c>
      <c r="B29534" t="s">
        <v>18300</v>
      </c>
      <c r="C29534" t="s">
        <v>18205</v>
      </c>
      <c r="D29534" t="s">
        <v>18206</v>
      </c>
      <c r="E29534" t="s">
        <v>18191</v>
      </c>
      <c r="F29534" t="s">
        <v>18192</v>
      </c>
      <c r="G29534" t="s">
        <v>10734</v>
      </c>
      <c r="H29534" t="s">
        <v>10735</v>
      </c>
      <c r="I29534" s="2">
        <v>0</v>
      </c>
      <c r="J29534" s="2">
        <v>0</v>
      </c>
      <c r="K29534" s="2">
        <v>1</v>
      </c>
      <c r="L29534" t="s">
        <v>995</v>
      </c>
      <c r="M29534" t="s">
        <v>83</v>
      </c>
      <c r="N29534" t="s">
        <v>84</v>
      </c>
      <c r="O29534" t="s">
        <v>85</v>
      </c>
      <c r="P29534" t="s">
        <v>86</v>
      </c>
      <c r="Q29534">
        <v>13</v>
      </c>
      <c r="R29534">
        <v>13</v>
      </c>
      <c r="S29534">
        <v>14</v>
      </c>
      <c r="T29534">
        <v>14</v>
      </c>
      <c r="U29534">
        <v>14</v>
      </c>
      <c r="V29534">
        <v>14</v>
      </c>
      <c r="W29534">
        <v>14</v>
      </c>
      <c r="X29534">
        <v>15</v>
      </c>
      <c r="Y29534">
        <v>15</v>
      </c>
      <c r="Z29534">
        <v>15</v>
      </c>
      <c r="AA29534">
        <v>15</v>
      </c>
      <c r="AB29534">
        <v>15</v>
      </c>
      <c r="AC29534">
        <v>15</v>
      </c>
      <c r="AD29534">
        <v>16</v>
      </c>
      <c r="AE29534">
        <v>16</v>
      </c>
      <c r="AF29534">
        <v>16</v>
      </c>
      <c r="AG29534">
        <v>16</v>
      </c>
      <c r="AH29534">
        <v>16</v>
      </c>
      <c r="AI29534">
        <v>17</v>
      </c>
      <c r="AJ29534">
        <v>17</v>
      </c>
      <c r="AK29534">
        <v>17</v>
      </c>
      <c r="AL29534">
        <v>17</v>
      </c>
      <c r="AM29534">
        <v>17</v>
      </c>
      <c r="AN29534">
        <v>17</v>
      </c>
      <c r="AO29534">
        <v>17</v>
      </c>
      <c r="AP29534">
        <v>17</v>
      </c>
      <c r="AQ29534">
        <v>17</v>
      </c>
    </row>
    <row r="29535" spans="1:43">
      <c r="A29535" t="s">
        <v>18299</v>
      </c>
      <c r="B29535" t="s">
        <v>18300</v>
      </c>
      <c r="C29535" t="s">
        <v>18205</v>
      </c>
      <c r="D29535" t="s">
        <v>18206</v>
      </c>
      <c r="E29535" t="s">
        <v>18191</v>
      </c>
      <c r="F29535" t="s">
        <v>18192</v>
      </c>
      <c r="G29535" t="s">
        <v>10734</v>
      </c>
      <c r="H29535" t="s">
        <v>10735</v>
      </c>
      <c r="I29535" s="2">
        <v>0</v>
      </c>
      <c r="J29535" s="2">
        <v>0</v>
      </c>
      <c r="K29535" s="2">
        <v>1</v>
      </c>
      <c r="L29535" t="s">
        <v>995</v>
      </c>
      <c r="M29535" t="s">
        <v>87</v>
      </c>
      <c r="N29535" t="s">
        <v>88</v>
      </c>
      <c r="O29535" t="s">
        <v>85</v>
      </c>
      <c r="P29535" t="s">
        <v>86</v>
      </c>
      <c r="Q29535">
        <v>13</v>
      </c>
      <c r="R29535">
        <v>13</v>
      </c>
      <c r="S29535">
        <v>13</v>
      </c>
      <c r="T29535">
        <v>13</v>
      </c>
      <c r="U29535">
        <v>13</v>
      </c>
      <c r="V29535">
        <v>13</v>
      </c>
      <c r="W29535">
        <v>13</v>
      </c>
      <c r="X29535">
        <v>14</v>
      </c>
      <c r="Y29535">
        <v>14</v>
      </c>
      <c r="Z29535">
        <v>14</v>
      </c>
      <c r="AA29535">
        <v>14</v>
      </c>
      <c r="AB29535">
        <v>14</v>
      </c>
      <c r="AC29535">
        <v>14</v>
      </c>
      <c r="AD29535">
        <v>14</v>
      </c>
      <c r="AE29535">
        <v>14</v>
      </c>
      <c r="AF29535">
        <v>14</v>
      </c>
      <c r="AG29535">
        <v>14</v>
      </c>
      <c r="AH29535">
        <v>14</v>
      </c>
      <c r="AI29535">
        <v>14</v>
      </c>
      <c r="AJ29535">
        <v>14</v>
      </c>
      <c r="AK29535">
        <v>15</v>
      </c>
      <c r="AL29535">
        <v>15</v>
      </c>
      <c r="AM29535">
        <v>15</v>
      </c>
      <c r="AN29535">
        <v>15</v>
      </c>
      <c r="AO29535">
        <v>15</v>
      </c>
      <c r="AP29535">
        <v>15</v>
      </c>
      <c r="AQ29535">
        <v>15</v>
      </c>
    </row>
    <row r="29536" spans="1:43">
      <c r="A29536" t="s">
        <v>18299</v>
      </c>
      <c r="B29536" t="s">
        <v>18300</v>
      </c>
      <c r="C29536" t="s">
        <v>18205</v>
      </c>
      <c r="D29536" t="s">
        <v>18206</v>
      </c>
      <c r="E29536" t="s">
        <v>18191</v>
      </c>
      <c r="F29536" t="s">
        <v>18192</v>
      </c>
      <c r="G29536" t="s">
        <v>10734</v>
      </c>
      <c r="H29536" t="s">
        <v>10735</v>
      </c>
      <c r="I29536" s="2">
        <v>0</v>
      </c>
      <c r="J29536" s="2">
        <v>0</v>
      </c>
      <c r="K29536" s="2">
        <v>1</v>
      </c>
      <c r="L29536" t="s">
        <v>995</v>
      </c>
      <c r="M29536" t="s">
        <v>89</v>
      </c>
      <c r="N29536" t="s">
        <v>90</v>
      </c>
      <c r="O29536" t="s">
        <v>85</v>
      </c>
      <c r="P29536" t="s">
        <v>86</v>
      </c>
      <c r="Q29536">
        <v>13</v>
      </c>
      <c r="R29536">
        <v>14</v>
      </c>
      <c r="S29536">
        <v>14</v>
      </c>
      <c r="T29536">
        <v>14</v>
      </c>
      <c r="U29536">
        <v>15</v>
      </c>
      <c r="V29536">
        <v>15</v>
      </c>
      <c r="W29536">
        <v>15</v>
      </c>
      <c r="X29536">
        <v>15</v>
      </c>
      <c r="Y29536">
        <v>16</v>
      </c>
      <c r="Z29536">
        <v>16</v>
      </c>
      <c r="AA29536">
        <v>16</v>
      </c>
      <c r="AB29536">
        <v>16</v>
      </c>
      <c r="AC29536">
        <v>16</v>
      </c>
      <c r="AD29536">
        <v>17</v>
      </c>
      <c r="AE29536">
        <v>17</v>
      </c>
      <c r="AF29536">
        <v>17</v>
      </c>
      <c r="AG29536">
        <v>17</v>
      </c>
      <c r="AH29536">
        <v>17</v>
      </c>
      <c r="AI29536">
        <v>17</v>
      </c>
      <c r="AJ29536">
        <v>17</v>
      </c>
      <c r="AK29536">
        <v>17</v>
      </c>
      <c r="AL29536">
        <v>17</v>
      </c>
      <c r="AM29536">
        <v>17</v>
      </c>
      <c r="AN29536">
        <v>17</v>
      </c>
      <c r="AO29536">
        <v>17</v>
      </c>
      <c r="AP29536">
        <v>17</v>
      </c>
      <c r="AQ29536">
        <v>17</v>
      </c>
    </row>
    <row r="29537" spans="1:43">
      <c r="A29537" t="s">
        <v>18299</v>
      </c>
      <c r="B29537" t="s">
        <v>18300</v>
      </c>
      <c r="C29537" t="s">
        <v>18205</v>
      </c>
      <c r="D29537" t="s">
        <v>18206</v>
      </c>
      <c r="E29537" t="s">
        <v>18191</v>
      </c>
      <c r="F29537" t="s">
        <v>18192</v>
      </c>
      <c r="G29537" t="s">
        <v>10734</v>
      </c>
      <c r="H29537" t="s">
        <v>10735</v>
      </c>
      <c r="I29537" s="2">
        <v>0</v>
      </c>
      <c r="J29537" s="2">
        <v>0</v>
      </c>
      <c r="K29537" s="2">
        <v>1</v>
      </c>
      <c r="L29537" t="s">
        <v>995</v>
      </c>
      <c r="M29537" t="s">
        <v>83</v>
      </c>
      <c r="N29537" t="s">
        <v>91</v>
      </c>
      <c r="O29537" t="s">
        <v>85</v>
      </c>
      <c r="P29537" t="s">
        <v>86</v>
      </c>
      <c r="Q29537">
        <v>13</v>
      </c>
      <c r="R29537">
        <v>13</v>
      </c>
      <c r="S29537">
        <v>14</v>
      </c>
      <c r="T29537">
        <v>14</v>
      </c>
      <c r="U29537">
        <v>14</v>
      </c>
      <c r="V29537">
        <v>14</v>
      </c>
      <c r="W29537">
        <v>14</v>
      </c>
      <c r="X29537">
        <v>15</v>
      </c>
      <c r="Y29537">
        <v>15</v>
      </c>
      <c r="Z29537">
        <v>15</v>
      </c>
      <c r="AA29537">
        <v>15</v>
      </c>
      <c r="AB29537">
        <v>15</v>
      </c>
      <c r="AC29537">
        <v>15</v>
      </c>
      <c r="AD29537">
        <v>16</v>
      </c>
      <c r="AE29537">
        <v>16</v>
      </c>
      <c r="AF29537">
        <v>16</v>
      </c>
      <c r="AG29537">
        <v>16</v>
      </c>
      <c r="AH29537">
        <v>16</v>
      </c>
      <c r="AI29537">
        <v>17</v>
      </c>
      <c r="AJ29537">
        <v>17</v>
      </c>
      <c r="AK29537">
        <v>17</v>
      </c>
      <c r="AL29537">
        <v>17</v>
      </c>
      <c r="AM29537">
        <v>17</v>
      </c>
      <c r="AN29537">
        <v>17</v>
      </c>
      <c r="AO29537">
        <v>17</v>
      </c>
      <c r="AP29537">
        <v>17</v>
      </c>
      <c r="AQ29537">
        <v>17</v>
      </c>
    </row>
    <row r="29538" spans="1:43">
      <c r="A29538" t="s">
        <v>18301</v>
      </c>
      <c r="B29538" t="s">
        <v>18302</v>
      </c>
      <c r="C29538" t="s">
        <v>18205</v>
      </c>
      <c r="D29538" t="s">
        <v>18206</v>
      </c>
      <c r="E29538" t="s">
        <v>18191</v>
      </c>
      <c r="F29538" t="s">
        <v>18192</v>
      </c>
      <c r="G29538" t="s">
        <v>10734</v>
      </c>
      <c r="H29538" t="s">
        <v>10735</v>
      </c>
      <c r="I29538" s="2">
        <v>0</v>
      </c>
      <c r="J29538" s="2">
        <v>0</v>
      </c>
      <c r="K29538" s="2">
        <v>1</v>
      </c>
      <c r="L29538" t="s">
        <v>995</v>
      </c>
      <c r="M29538" t="s">
        <v>83</v>
      </c>
      <c r="N29538" t="s">
        <v>84</v>
      </c>
      <c r="O29538" t="s">
        <v>85</v>
      </c>
      <c r="P29538" t="s">
        <v>86</v>
      </c>
      <c r="Q29538">
        <v>6</v>
      </c>
      <c r="R29538">
        <v>6</v>
      </c>
      <c r="S29538">
        <v>6</v>
      </c>
      <c r="T29538">
        <v>6</v>
      </c>
      <c r="U29538">
        <v>6</v>
      </c>
      <c r="V29538">
        <v>6</v>
      </c>
      <c r="W29538">
        <v>7</v>
      </c>
      <c r="X29538">
        <v>7</v>
      </c>
      <c r="Y29538">
        <v>7</v>
      </c>
      <c r="Z29538">
        <v>7</v>
      </c>
      <c r="AA29538">
        <v>7</v>
      </c>
      <c r="AB29538">
        <v>7</v>
      </c>
      <c r="AC29538">
        <v>7</v>
      </c>
      <c r="AD29538">
        <v>7</v>
      </c>
      <c r="AE29538">
        <v>7</v>
      </c>
      <c r="AF29538">
        <v>7</v>
      </c>
      <c r="AG29538">
        <v>7</v>
      </c>
      <c r="AH29538">
        <v>7</v>
      </c>
      <c r="AI29538">
        <v>8</v>
      </c>
      <c r="AJ29538">
        <v>8</v>
      </c>
      <c r="AK29538">
        <v>8</v>
      </c>
      <c r="AL29538">
        <v>8</v>
      </c>
      <c r="AM29538">
        <v>8</v>
      </c>
      <c r="AN29538">
        <v>8</v>
      </c>
      <c r="AO29538">
        <v>8</v>
      </c>
      <c r="AP29538">
        <v>8</v>
      </c>
      <c r="AQ29538">
        <v>8</v>
      </c>
    </row>
    <row r="29539" spans="1:43">
      <c r="A29539" t="s">
        <v>18301</v>
      </c>
      <c r="B29539" t="s">
        <v>18302</v>
      </c>
      <c r="C29539" t="s">
        <v>18205</v>
      </c>
      <c r="D29539" t="s">
        <v>18206</v>
      </c>
      <c r="E29539" t="s">
        <v>18191</v>
      </c>
      <c r="F29539" t="s">
        <v>18192</v>
      </c>
      <c r="G29539" t="s">
        <v>10734</v>
      </c>
      <c r="H29539" t="s">
        <v>10735</v>
      </c>
      <c r="I29539" s="2">
        <v>0</v>
      </c>
      <c r="J29539" s="2">
        <v>0</v>
      </c>
      <c r="K29539" s="2">
        <v>1</v>
      </c>
      <c r="L29539" t="s">
        <v>995</v>
      </c>
      <c r="M29539" t="s">
        <v>87</v>
      </c>
      <c r="N29539" t="s">
        <v>88</v>
      </c>
      <c r="O29539" t="s">
        <v>85</v>
      </c>
      <c r="P29539" t="s">
        <v>86</v>
      </c>
      <c r="Q29539">
        <v>6</v>
      </c>
      <c r="R29539">
        <v>6</v>
      </c>
      <c r="S29539">
        <v>6</v>
      </c>
      <c r="T29539">
        <v>6</v>
      </c>
      <c r="U29539">
        <v>6</v>
      </c>
      <c r="V29539">
        <v>6</v>
      </c>
      <c r="W29539">
        <v>6</v>
      </c>
      <c r="X29539">
        <v>6</v>
      </c>
      <c r="Y29539">
        <v>6</v>
      </c>
      <c r="Z29539">
        <v>6</v>
      </c>
      <c r="AA29539">
        <v>6</v>
      </c>
      <c r="AB29539">
        <v>6</v>
      </c>
      <c r="AC29539">
        <v>6</v>
      </c>
      <c r="AD29539">
        <v>6</v>
      </c>
      <c r="AE29539">
        <v>6</v>
      </c>
      <c r="AF29539">
        <v>6</v>
      </c>
      <c r="AG29539">
        <v>7</v>
      </c>
      <c r="AH29539">
        <v>7</v>
      </c>
      <c r="AI29539">
        <v>7</v>
      </c>
      <c r="AJ29539">
        <v>7</v>
      </c>
      <c r="AK29539">
        <v>7</v>
      </c>
      <c r="AL29539">
        <v>7</v>
      </c>
      <c r="AM29539">
        <v>7</v>
      </c>
      <c r="AN29539">
        <v>7</v>
      </c>
      <c r="AO29539">
        <v>7</v>
      </c>
      <c r="AP29539">
        <v>7</v>
      </c>
      <c r="AQ29539">
        <v>7</v>
      </c>
    </row>
    <row r="29540" spans="1:43">
      <c r="A29540" t="s">
        <v>18301</v>
      </c>
      <c r="B29540" t="s">
        <v>18302</v>
      </c>
      <c r="C29540" t="s">
        <v>18205</v>
      </c>
      <c r="D29540" t="s">
        <v>18206</v>
      </c>
      <c r="E29540" t="s">
        <v>18191</v>
      </c>
      <c r="F29540" t="s">
        <v>18192</v>
      </c>
      <c r="G29540" t="s">
        <v>10734</v>
      </c>
      <c r="H29540" t="s">
        <v>10735</v>
      </c>
      <c r="I29540" s="2">
        <v>0</v>
      </c>
      <c r="J29540" s="2">
        <v>0</v>
      </c>
      <c r="K29540" s="2">
        <v>1</v>
      </c>
      <c r="L29540" t="s">
        <v>995</v>
      </c>
      <c r="M29540" t="s">
        <v>89</v>
      </c>
      <c r="N29540" t="s">
        <v>90</v>
      </c>
      <c r="O29540" t="s">
        <v>85</v>
      </c>
      <c r="P29540" t="s">
        <v>86</v>
      </c>
      <c r="Q29540">
        <v>6</v>
      </c>
      <c r="R29540">
        <v>6</v>
      </c>
      <c r="S29540">
        <v>6</v>
      </c>
      <c r="T29540">
        <v>6</v>
      </c>
      <c r="U29540">
        <v>7</v>
      </c>
      <c r="V29540">
        <v>7</v>
      </c>
      <c r="W29540">
        <v>7</v>
      </c>
      <c r="X29540">
        <v>7</v>
      </c>
      <c r="Y29540">
        <v>7</v>
      </c>
      <c r="Z29540">
        <v>7</v>
      </c>
      <c r="AA29540">
        <v>7</v>
      </c>
      <c r="AB29540">
        <v>7</v>
      </c>
      <c r="AC29540">
        <v>8</v>
      </c>
      <c r="AD29540">
        <v>8</v>
      </c>
      <c r="AE29540">
        <v>8</v>
      </c>
      <c r="AF29540">
        <v>8</v>
      </c>
      <c r="AG29540">
        <v>8</v>
      </c>
      <c r="AH29540">
        <v>8</v>
      </c>
      <c r="AI29540">
        <v>8</v>
      </c>
      <c r="AJ29540">
        <v>8</v>
      </c>
      <c r="AK29540">
        <v>8</v>
      </c>
      <c r="AL29540">
        <v>8</v>
      </c>
      <c r="AM29540">
        <v>8</v>
      </c>
      <c r="AN29540">
        <v>8</v>
      </c>
      <c r="AO29540">
        <v>8</v>
      </c>
      <c r="AP29540">
        <v>8</v>
      </c>
      <c r="AQ29540">
        <v>8</v>
      </c>
    </row>
    <row r="29541" spans="1:43">
      <c r="A29541" t="s">
        <v>18301</v>
      </c>
      <c r="B29541" t="s">
        <v>18302</v>
      </c>
      <c r="C29541" t="s">
        <v>18205</v>
      </c>
      <c r="D29541" t="s">
        <v>18206</v>
      </c>
      <c r="E29541" t="s">
        <v>18191</v>
      </c>
      <c r="F29541" t="s">
        <v>18192</v>
      </c>
      <c r="G29541" t="s">
        <v>10734</v>
      </c>
      <c r="H29541" t="s">
        <v>10735</v>
      </c>
      <c r="I29541" s="2">
        <v>0</v>
      </c>
      <c r="J29541" s="2">
        <v>0</v>
      </c>
      <c r="K29541" s="2">
        <v>1</v>
      </c>
      <c r="L29541" t="s">
        <v>995</v>
      </c>
      <c r="M29541" t="s">
        <v>83</v>
      </c>
      <c r="N29541" t="s">
        <v>91</v>
      </c>
      <c r="O29541" t="s">
        <v>85</v>
      </c>
      <c r="P29541" t="s">
        <v>86</v>
      </c>
      <c r="Q29541">
        <v>6</v>
      </c>
      <c r="R29541">
        <v>6</v>
      </c>
      <c r="S29541">
        <v>6</v>
      </c>
      <c r="T29541">
        <v>6</v>
      </c>
      <c r="U29541">
        <v>6</v>
      </c>
      <c r="V29541">
        <v>6</v>
      </c>
      <c r="W29541">
        <v>7</v>
      </c>
      <c r="X29541">
        <v>7</v>
      </c>
      <c r="Y29541">
        <v>7</v>
      </c>
      <c r="Z29541">
        <v>7</v>
      </c>
      <c r="AA29541">
        <v>7</v>
      </c>
      <c r="AB29541">
        <v>7</v>
      </c>
      <c r="AC29541">
        <v>7</v>
      </c>
      <c r="AD29541">
        <v>7</v>
      </c>
      <c r="AE29541">
        <v>7</v>
      </c>
      <c r="AF29541">
        <v>7</v>
      </c>
      <c r="AG29541">
        <v>7</v>
      </c>
      <c r="AH29541">
        <v>7</v>
      </c>
      <c r="AI29541">
        <v>8</v>
      </c>
      <c r="AJ29541">
        <v>8</v>
      </c>
      <c r="AK29541">
        <v>8</v>
      </c>
      <c r="AL29541">
        <v>8</v>
      </c>
      <c r="AM29541">
        <v>8</v>
      </c>
      <c r="AN29541">
        <v>8</v>
      </c>
      <c r="AO29541">
        <v>8</v>
      </c>
      <c r="AP29541">
        <v>8</v>
      </c>
      <c r="AQ29541">
        <v>8</v>
      </c>
    </row>
    <row r="29542" spans="1:43">
      <c r="A29542" t="s">
        <v>18303</v>
      </c>
      <c r="B29542" t="s">
        <v>18304</v>
      </c>
      <c r="C29542" t="s">
        <v>18217</v>
      </c>
      <c r="D29542" t="s">
        <v>18218</v>
      </c>
      <c r="E29542" t="s">
        <v>18191</v>
      </c>
      <c r="F29542" t="s">
        <v>18192</v>
      </c>
      <c r="G29542" t="s">
        <v>10734</v>
      </c>
      <c r="H29542" t="s">
        <v>10735</v>
      </c>
      <c r="I29542" s="2">
        <v>0</v>
      </c>
      <c r="J29542" s="2">
        <v>0</v>
      </c>
      <c r="K29542" s="2">
        <v>1</v>
      </c>
      <c r="L29542" t="s">
        <v>995</v>
      </c>
      <c r="M29542" t="s">
        <v>83</v>
      </c>
      <c r="N29542" t="s">
        <v>84</v>
      </c>
      <c r="O29542" t="s">
        <v>85</v>
      </c>
      <c r="P29542" t="s">
        <v>86</v>
      </c>
      <c r="Q29542">
        <v>45</v>
      </c>
      <c r="R29542">
        <v>45</v>
      </c>
      <c r="S29542">
        <v>46</v>
      </c>
      <c r="T29542">
        <v>47</v>
      </c>
      <c r="U29542">
        <v>47</v>
      </c>
      <c r="V29542">
        <v>48</v>
      </c>
      <c r="W29542">
        <v>49</v>
      </c>
      <c r="X29542">
        <v>49</v>
      </c>
      <c r="Y29542">
        <v>50</v>
      </c>
      <c r="Z29542">
        <v>51</v>
      </c>
      <c r="AA29542">
        <v>51</v>
      </c>
      <c r="AB29542">
        <v>52</v>
      </c>
      <c r="AC29542">
        <v>53</v>
      </c>
      <c r="AD29542">
        <v>53</v>
      </c>
      <c r="AE29542">
        <v>54</v>
      </c>
      <c r="AF29542">
        <v>54</v>
      </c>
      <c r="AG29542">
        <v>55</v>
      </c>
      <c r="AH29542">
        <v>56</v>
      </c>
      <c r="AI29542">
        <v>56</v>
      </c>
      <c r="AJ29542">
        <v>57</v>
      </c>
      <c r="AK29542">
        <v>58</v>
      </c>
      <c r="AL29542">
        <v>58</v>
      </c>
      <c r="AM29542">
        <v>58</v>
      </c>
      <c r="AN29542">
        <v>59</v>
      </c>
      <c r="AO29542">
        <v>59</v>
      </c>
      <c r="AP29542">
        <v>59</v>
      </c>
      <c r="AQ29542">
        <v>60</v>
      </c>
    </row>
    <row r="29543" spans="1:43">
      <c r="A29543" t="s">
        <v>18303</v>
      </c>
      <c r="B29543" t="s">
        <v>18304</v>
      </c>
      <c r="C29543" t="s">
        <v>18217</v>
      </c>
      <c r="D29543" t="s">
        <v>18218</v>
      </c>
      <c r="E29543" t="s">
        <v>18191</v>
      </c>
      <c r="F29543" t="s">
        <v>18192</v>
      </c>
      <c r="G29543" t="s">
        <v>10734</v>
      </c>
      <c r="H29543" t="s">
        <v>10735</v>
      </c>
      <c r="I29543" s="2">
        <v>0</v>
      </c>
      <c r="J29543" s="2">
        <v>0</v>
      </c>
      <c r="K29543" s="2">
        <v>1</v>
      </c>
      <c r="L29543" t="s">
        <v>995</v>
      </c>
      <c r="M29543" t="s">
        <v>87</v>
      </c>
      <c r="N29543" t="s">
        <v>88</v>
      </c>
      <c r="O29543" t="s">
        <v>85</v>
      </c>
      <c r="P29543" t="s">
        <v>86</v>
      </c>
      <c r="Q29543">
        <v>45</v>
      </c>
      <c r="R29543">
        <v>46</v>
      </c>
      <c r="S29543">
        <v>46</v>
      </c>
      <c r="T29543">
        <v>46</v>
      </c>
      <c r="U29543">
        <v>46</v>
      </c>
      <c r="V29543">
        <v>47</v>
      </c>
      <c r="W29543">
        <v>47</v>
      </c>
      <c r="X29543">
        <v>47</v>
      </c>
      <c r="Y29543">
        <v>47</v>
      </c>
      <c r="Z29543">
        <v>47</v>
      </c>
      <c r="AA29543">
        <v>48</v>
      </c>
      <c r="AB29543">
        <v>48</v>
      </c>
      <c r="AC29543">
        <v>48</v>
      </c>
      <c r="AD29543">
        <v>48</v>
      </c>
      <c r="AE29543">
        <v>49</v>
      </c>
      <c r="AF29543">
        <v>49</v>
      </c>
      <c r="AG29543">
        <v>49</v>
      </c>
      <c r="AH29543">
        <v>50</v>
      </c>
      <c r="AI29543">
        <v>50</v>
      </c>
      <c r="AJ29543">
        <v>50</v>
      </c>
      <c r="AK29543">
        <v>50</v>
      </c>
      <c r="AL29543">
        <v>51</v>
      </c>
      <c r="AM29543">
        <v>51</v>
      </c>
      <c r="AN29543">
        <v>51</v>
      </c>
      <c r="AO29543">
        <v>52</v>
      </c>
      <c r="AP29543">
        <v>52</v>
      </c>
      <c r="AQ29543">
        <v>53</v>
      </c>
    </row>
    <row r="29544" spans="1:43">
      <c r="A29544" t="s">
        <v>18303</v>
      </c>
      <c r="B29544" t="s">
        <v>18304</v>
      </c>
      <c r="C29544" t="s">
        <v>18217</v>
      </c>
      <c r="D29544" t="s">
        <v>18218</v>
      </c>
      <c r="E29544" t="s">
        <v>18191</v>
      </c>
      <c r="F29544" t="s">
        <v>18192</v>
      </c>
      <c r="G29544" t="s">
        <v>10734</v>
      </c>
      <c r="H29544" t="s">
        <v>10735</v>
      </c>
      <c r="I29544" s="2">
        <v>0</v>
      </c>
      <c r="J29544" s="2">
        <v>0</v>
      </c>
      <c r="K29544" s="2">
        <v>1</v>
      </c>
      <c r="L29544" t="s">
        <v>995</v>
      </c>
      <c r="M29544" t="s">
        <v>89</v>
      </c>
      <c r="N29544" t="s">
        <v>90</v>
      </c>
      <c r="O29544" t="s">
        <v>85</v>
      </c>
      <c r="P29544" t="s">
        <v>86</v>
      </c>
      <c r="Q29544">
        <v>45</v>
      </c>
      <c r="R29544">
        <v>46</v>
      </c>
      <c r="S29544">
        <v>47</v>
      </c>
      <c r="T29544">
        <v>48</v>
      </c>
      <c r="U29544">
        <v>49</v>
      </c>
      <c r="V29544">
        <v>50</v>
      </c>
      <c r="W29544">
        <v>51</v>
      </c>
      <c r="X29544">
        <v>52</v>
      </c>
      <c r="Y29544">
        <v>53</v>
      </c>
      <c r="Z29544">
        <v>54</v>
      </c>
      <c r="AA29544">
        <v>55</v>
      </c>
      <c r="AB29544">
        <v>55</v>
      </c>
      <c r="AC29544">
        <v>56</v>
      </c>
      <c r="AD29544">
        <v>57</v>
      </c>
      <c r="AE29544">
        <v>58</v>
      </c>
      <c r="AF29544">
        <v>58</v>
      </c>
      <c r="AG29544">
        <v>58</v>
      </c>
      <c r="AH29544">
        <v>58</v>
      </c>
      <c r="AI29544">
        <v>58</v>
      </c>
      <c r="AJ29544">
        <v>59</v>
      </c>
      <c r="AK29544">
        <v>59</v>
      </c>
      <c r="AL29544">
        <v>59</v>
      </c>
      <c r="AM29544">
        <v>59</v>
      </c>
      <c r="AN29544">
        <v>60</v>
      </c>
      <c r="AO29544">
        <v>60</v>
      </c>
      <c r="AP29544">
        <v>60</v>
      </c>
      <c r="AQ29544">
        <v>60</v>
      </c>
    </row>
    <row r="29545" spans="1:43">
      <c r="A29545" t="s">
        <v>18303</v>
      </c>
      <c r="B29545" t="s">
        <v>18304</v>
      </c>
      <c r="C29545" t="s">
        <v>18217</v>
      </c>
      <c r="D29545" t="s">
        <v>18218</v>
      </c>
      <c r="E29545" t="s">
        <v>18191</v>
      </c>
      <c r="F29545" t="s">
        <v>18192</v>
      </c>
      <c r="G29545" t="s">
        <v>10734</v>
      </c>
      <c r="H29545" t="s">
        <v>10735</v>
      </c>
      <c r="I29545" s="2">
        <v>0</v>
      </c>
      <c r="J29545" s="2">
        <v>0</v>
      </c>
      <c r="K29545" s="2">
        <v>1</v>
      </c>
      <c r="L29545" t="s">
        <v>995</v>
      </c>
      <c r="M29545" t="s">
        <v>83</v>
      </c>
      <c r="N29545" t="s">
        <v>91</v>
      </c>
      <c r="O29545" t="s">
        <v>85</v>
      </c>
      <c r="P29545" t="s">
        <v>86</v>
      </c>
      <c r="Q29545">
        <v>45</v>
      </c>
      <c r="R29545">
        <v>45</v>
      </c>
      <c r="S29545">
        <v>46</v>
      </c>
      <c r="T29545">
        <v>47</v>
      </c>
      <c r="U29545">
        <v>47</v>
      </c>
      <c r="V29545">
        <v>48</v>
      </c>
      <c r="W29545">
        <v>49</v>
      </c>
      <c r="X29545">
        <v>49</v>
      </c>
      <c r="Y29545">
        <v>50</v>
      </c>
      <c r="Z29545">
        <v>51</v>
      </c>
      <c r="AA29545">
        <v>51</v>
      </c>
      <c r="AB29545">
        <v>52</v>
      </c>
      <c r="AC29545">
        <v>53</v>
      </c>
      <c r="AD29545">
        <v>53</v>
      </c>
      <c r="AE29545">
        <v>54</v>
      </c>
      <c r="AF29545">
        <v>54</v>
      </c>
      <c r="AG29545">
        <v>55</v>
      </c>
      <c r="AH29545">
        <v>56</v>
      </c>
      <c r="AI29545">
        <v>56</v>
      </c>
      <c r="AJ29545">
        <v>57</v>
      </c>
      <c r="AK29545">
        <v>58</v>
      </c>
      <c r="AL29545">
        <v>58</v>
      </c>
      <c r="AM29545">
        <v>58</v>
      </c>
      <c r="AN29545">
        <v>59</v>
      </c>
      <c r="AO29545">
        <v>59</v>
      </c>
      <c r="AP29545">
        <v>59</v>
      </c>
      <c r="AQ29545">
        <v>60</v>
      </c>
    </row>
    <row r="29546" spans="1:43">
      <c r="A29546" t="s">
        <v>18305</v>
      </c>
      <c r="B29546" t="s">
        <v>18306</v>
      </c>
      <c r="C29546" t="s">
        <v>18217</v>
      </c>
      <c r="D29546" t="s">
        <v>18218</v>
      </c>
      <c r="E29546" t="s">
        <v>18191</v>
      </c>
      <c r="F29546" t="s">
        <v>18192</v>
      </c>
      <c r="G29546" t="s">
        <v>10734</v>
      </c>
      <c r="H29546" t="s">
        <v>10735</v>
      </c>
      <c r="I29546" s="2">
        <v>0</v>
      </c>
      <c r="J29546" s="2">
        <v>0</v>
      </c>
      <c r="K29546" s="2">
        <v>1</v>
      </c>
      <c r="L29546" t="s">
        <v>995</v>
      </c>
      <c r="M29546" t="s">
        <v>83</v>
      </c>
      <c r="N29546" t="s">
        <v>84</v>
      </c>
      <c r="O29546" t="s">
        <v>85</v>
      </c>
      <c r="P29546" t="s">
        <v>86</v>
      </c>
      <c r="Q29546">
        <v>8</v>
      </c>
      <c r="R29546">
        <v>9</v>
      </c>
      <c r="S29546">
        <v>9</v>
      </c>
      <c r="T29546">
        <v>9</v>
      </c>
      <c r="U29546">
        <v>9</v>
      </c>
      <c r="V29546">
        <v>9</v>
      </c>
      <c r="W29546">
        <v>9</v>
      </c>
      <c r="X29546">
        <v>9</v>
      </c>
      <c r="Y29546">
        <v>9</v>
      </c>
      <c r="Z29546">
        <v>10</v>
      </c>
      <c r="AA29546">
        <v>10</v>
      </c>
      <c r="AB29546">
        <v>10</v>
      </c>
      <c r="AC29546">
        <v>10</v>
      </c>
      <c r="AD29546">
        <v>10</v>
      </c>
      <c r="AE29546">
        <v>10</v>
      </c>
      <c r="AF29546">
        <v>10</v>
      </c>
      <c r="AG29546">
        <v>10</v>
      </c>
      <c r="AH29546">
        <v>11</v>
      </c>
      <c r="AI29546">
        <v>11</v>
      </c>
      <c r="AJ29546">
        <v>11</v>
      </c>
      <c r="AK29546">
        <v>11</v>
      </c>
      <c r="AL29546">
        <v>11</v>
      </c>
      <c r="AM29546">
        <v>11</v>
      </c>
      <c r="AN29546">
        <v>11</v>
      </c>
      <c r="AO29546">
        <v>11</v>
      </c>
      <c r="AP29546">
        <v>11</v>
      </c>
      <c r="AQ29546">
        <v>11</v>
      </c>
    </row>
    <row r="29547" spans="1:43">
      <c r="A29547" t="s">
        <v>18305</v>
      </c>
      <c r="B29547" t="s">
        <v>18306</v>
      </c>
      <c r="C29547" t="s">
        <v>18217</v>
      </c>
      <c r="D29547" t="s">
        <v>18218</v>
      </c>
      <c r="E29547" t="s">
        <v>18191</v>
      </c>
      <c r="F29547" t="s">
        <v>18192</v>
      </c>
      <c r="G29547" t="s">
        <v>10734</v>
      </c>
      <c r="H29547" t="s">
        <v>10735</v>
      </c>
      <c r="I29547" s="2">
        <v>0</v>
      </c>
      <c r="J29547" s="2">
        <v>0</v>
      </c>
      <c r="K29547" s="2">
        <v>1</v>
      </c>
      <c r="L29547" t="s">
        <v>995</v>
      </c>
      <c r="M29547" t="s">
        <v>87</v>
      </c>
      <c r="N29547" t="s">
        <v>88</v>
      </c>
      <c r="O29547" t="s">
        <v>85</v>
      </c>
      <c r="P29547" t="s">
        <v>86</v>
      </c>
      <c r="Q29547">
        <v>8</v>
      </c>
      <c r="R29547">
        <v>8</v>
      </c>
      <c r="S29547">
        <v>8</v>
      </c>
      <c r="T29547">
        <v>9</v>
      </c>
      <c r="U29547">
        <v>9</v>
      </c>
      <c r="V29547">
        <v>9</v>
      </c>
      <c r="W29547">
        <v>9</v>
      </c>
      <c r="X29547">
        <v>9</v>
      </c>
      <c r="Y29547">
        <v>9</v>
      </c>
      <c r="Z29547">
        <v>9</v>
      </c>
      <c r="AA29547">
        <v>9</v>
      </c>
      <c r="AB29547">
        <v>9</v>
      </c>
      <c r="AC29547">
        <v>9</v>
      </c>
      <c r="AD29547">
        <v>9</v>
      </c>
      <c r="AE29547">
        <v>9</v>
      </c>
      <c r="AF29547">
        <v>9</v>
      </c>
      <c r="AG29547">
        <v>9</v>
      </c>
      <c r="AH29547">
        <v>9</v>
      </c>
      <c r="AI29547">
        <v>9</v>
      </c>
      <c r="AJ29547">
        <v>9</v>
      </c>
      <c r="AK29547">
        <v>9</v>
      </c>
      <c r="AL29547">
        <v>9</v>
      </c>
      <c r="AM29547">
        <v>9</v>
      </c>
      <c r="AN29547">
        <v>10</v>
      </c>
      <c r="AO29547">
        <v>10</v>
      </c>
      <c r="AP29547">
        <v>10</v>
      </c>
      <c r="AQ29547">
        <v>10</v>
      </c>
    </row>
    <row r="29548" spans="1:43">
      <c r="A29548" t="s">
        <v>18305</v>
      </c>
      <c r="B29548" t="s">
        <v>18306</v>
      </c>
      <c r="C29548" t="s">
        <v>18217</v>
      </c>
      <c r="D29548" t="s">
        <v>18218</v>
      </c>
      <c r="E29548" t="s">
        <v>18191</v>
      </c>
      <c r="F29548" t="s">
        <v>18192</v>
      </c>
      <c r="G29548" t="s">
        <v>10734</v>
      </c>
      <c r="H29548" t="s">
        <v>10735</v>
      </c>
      <c r="I29548" s="2">
        <v>0</v>
      </c>
      <c r="J29548" s="2">
        <v>0</v>
      </c>
      <c r="K29548" s="2">
        <v>1</v>
      </c>
      <c r="L29548" t="s">
        <v>995</v>
      </c>
      <c r="M29548" t="s">
        <v>89</v>
      </c>
      <c r="N29548" t="s">
        <v>90</v>
      </c>
      <c r="O29548" t="s">
        <v>85</v>
      </c>
      <c r="P29548" t="s">
        <v>86</v>
      </c>
      <c r="Q29548">
        <v>8</v>
      </c>
      <c r="R29548">
        <v>8</v>
      </c>
      <c r="S29548">
        <v>8</v>
      </c>
      <c r="T29548">
        <v>8</v>
      </c>
      <c r="U29548">
        <v>8</v>
      </c>
      <c r="V29548">
        <v>9</v>
      </c>
      <c r="W29548">
        <v>9</v>
      </c>
      <c r="X29548">
        <v>9</v>
      </c>
      <c r="Y29548">
        <v>9</v>
      </c>
      <c r="Z29548">
        <v>9</v>
      </c>
      <c r="AA29548">
        <v>9</v>
      </c>
      <c r="AB29548">
        <v>9</v>
      </c>
      <c r="AC29548">
        <v>10</v>
      </c>
      <c r="AD29548">
        <v>10</v>
      </c>
      <c r="AE29548">
        <v>10</v>
      </c>
      <c r="AF29548">
        <v>10</v>
      </c>
      <c r="AG29548">
        <v>10</v>
      </c>
      <c r="AH29548">
        <v>10</v>
      </c>
      <c r="AI29548">
        <v>10</v>
      </c>
      <c r="AJ29548">
        <v>10</v>
      </c>
      <c r="AK29548">
        <v>10</v>
      </c>
      <c r="AL29548">
        <v>10</v>
      </c>
      <c r="AM29548">
        <v>10</v>
      </c>
      <c r="AN29548">
        <v>10</v>
      </c>
      <c r="AO29548">
        <v>10</v>
      </c>
      <c r="AP29548">
        <v>10</v>
      </c>
      <c r="AQ29548">
        <v>10</v>
      </c>
    </row>
    <row r="29549" spans="1:43">
      <c r="A29549" t="s">
        <v>18305</v>
      </c>
      <c r="B29549" t="s">
        <v>18306</v>
      </c>
      <c r="C29549" t="s">
        <v>18217</v>
      </c>
      <c r="D29549" t="s">
        <v>18218</v>
      </c>
      <c r="E29549" t="s">
        <v>18191</v>
      </c>
      <c r="F29549" t="s">
        <v>18192</v>
      </c>
      <c r="G29549" t="s">
        <v>10734</v>
      </c>
      <c r="H29549" t="s">
        <v>10735</v>
      </c>
      <c r="I29549" s="2">
        <v>0</v>
      </c>
      <c r="J29549" s="2">
        <v>0</v>
      </c>
      <c r="K29549" s="2">
        <v>1</v>
      </c>
      <c r="L29549" t="s">
        <v>995</v>
      </c>
      <c r="M29549" t="s">
        <v>83</v>
      </c>
      <c r="N29549" t="s">
        <v>91</v>
      </c>
      <c r="O29549" t="s">
        <v>85</v>
      </c>
      <c r="P29549" t="s">
        <v>86</v>
      </c>
      <c r="Q29549">
        <v>8</v>
      </c>
      <c r="R29549">
        <v>9</v>
      </c>
      <c r="S29549">
        <v>9</v>
      </c>
      <c r="T29549">
        <v>9</v>
      </c>
      <c r="U29549">
        <v>9</v>
      </c>
      <c r="V29549">
        <v>9</v>
      </c>
      <c r="W29549">
        <v>9</v>
      </c>
      <c r="X29549">
        <v>9</v>
      </c>
      <c r="Y29549">
        <v>9</v>
      </c>
      <c r="Z29549">
        <v>10</v>
      </c>
      <c r="AA29549">
        <v>10</v>
      </c>
      <c r="AB29549">
        <v>10</v>
      </c>
      <c r="AC29549">
        <v>10</v>
      </c>
      <c r="AD29549">
        <v>10</v>
      </c>
      <c r="AE29549">
        <v>10</v>
      </c>
      <c r="AF29549">
        <v>10</v>
      </c>
      <c r="AG29549">
        <v>10</v>
      </c>
      <c r="AH29549">
        <v>11</v>
      </c>
      <c r="AI29549">
        <v>11</v>
      </c>
      <c r="AJ29549">
        <v>11</v>
      </c>
      <c r="AK29549">
        <v>11</v>
      </c>
      <c r="AL29549">
        <v>11</v>
      </c>
      <c r="AM29549">
        <v>11</v>
      </c>
      <c r="AN29549">
        <v>11</v>
      </c>
      <c r="AO29549">
        <v>11</v>
      </c>
      <c r="AP29549">
        <v>11</v>
      </c>
      <c r="AQ29549">
        <v>11</v>
      </c>
    </row>
    <row r="29550" spans="1:43">
      <c r="A29550" t="s">
        <v>18307</v>
      </c>
      <c r="B29550" t="s">
        <v>18308</v>
      </c>
      <c r="C29550" t="s">
        <v>18195</v>
      </c>
      <c r="D29550" t="s">
        <v>18196</v>
      </c>
      <c r="E29550" t="s">
        <v>18191</v>
      </c>
      <c r="F29550" t="s">
        <v>18192</v>
      </c>
      <c r="G29550" t="s">
        <v>10734</v>
      </c>
      <c r="H29550" t="s">
        <v>10735</v>
      </c>
      <c r="I29550" s="2">
        <v>0</v>
      </c>
      <c r="J29550" s="2">
        <v>0</v>
      </c>
      <c r="K29550" s="2">
        <v>1</v>
      </c>
      <c r="L29550" t="s">
        <v>995</v>
      </c>
      <c r="M29550" t="s">
        <v>83</v>
      </c>
      <c r="N29550" t="s">
        <v>84</v>
      </c>
      <c r="O29550" t="s">
        <v>85</v>
      </c>
      <c r="P29550" t="s">
        <v>86</v>
      </c>
      <c r="Q29550">
        <v>55</v>
      </c>
      <c r="R29550">
        <v>56</v>
      </c>
      <c r="S29550">
        <v>56</v>
      </c>
      <c r="T29550">
        <v>57</v>
      </c>
      <c r="U29550">
        <v>58</v>
      </c>
      <c r="V29550">
        <v>59</v>
      </c>
      <c r="W29550">
        <v>60</v>
      </c>
      <c r="X29550">
        <v>60</v>
      </c>
      <c r="Y29550">
        <v>61</v>
      </c>
      <c r="Z29550">
        <v>62</v>
      </c>
      <c r="AA29550">
        <v>63</v>
      </c>
      <c r="AB29550">
        <v>64</v>
      </c>
      <c r="AC29550">
        <v>64</v>
      </c>
      <c r="AD29550">
        <v>65</v>
      </c>
      <c r="AE29550">
        <v>66</v>
      </c>
      <c r="AF29550">
        <v>67</v>
      </c>
      <c r="AG29550">
        <v>67</v>
      </c>
      <c r="AH29550">
        <v>68</v>
      </c>
      <c r="AI29550">
        <v>69</v>
      </c>
      <c r="AJ29550">
        <v>70</v>
      </c>
      <c r="AK29550">
        <v>71</v>
      </c>
      <c r="AL29550">
        <v>71</v>
      </c>
      <c r="AM29550">
        <v>72</v>
      </c>
      <c r="AN29550">
        <v>72</v>
      </c>
      <c r="AO29550">
        <v>72</v>
      </c>
      <c r="AP29550">
        <v>73</v>
      </c>
      <c r="AQ29550">
        <v>73</v>
      </c>
    </row>
    <row r="29551" spans="1:43">
      <c r="A29551" t="s">
        <v>18307</v>
      </c>
      <c r="B29551" t="s">
        <v>18308</v>
      </c>
      <c r="C29551" t="s">
        <v>18195</v>
      </c>
      <c r="D29551" t="s">
        <v>18196</v>
      </c>
      <c r="E29551" t="s">
        <v>18191</v>
      </c>
      <c r="F29551" t="s">
        <v>18192</v>
      </c>
      <c r="G29551" t="s">
        <v>10734</v>
      </c>
      <c r="H29551" t="s">
        <v>10735</v>
      </c>
      <c r="I29551" s="2">
        <v>0</v>
      </c>
      <c r="J29551" s="2">
        <v>0</v>
      </c>
      <c r="K29551" s="2">
        <v>1</v>
      </c>
      <c r="L29551" t="s">
        <v>995</v>
      </c>
      <c r="M29551" t="s">
        <v>87</v>
      </c>
      <c r="N29551" t="s">
        <v>88</v>
      </c>
      <c r="O29551" t="s">
        <v>85</v>
      </c>
      <c r="P29551" t="s">
        <v>86</v>
      </c>
      <c r="Q29551">
        <v>55</v>
      </c>
      <c r="R29551">
        <v>56</v>
      </c>
      <c r="S29551">
        <v>56</v>
      </c>
      <c r="T29551">
        <v>56</v>
      </c>
      <c r="U29551">
        <v>56</v>
      </c>
      <c r="V29551">
        <v>57</v>
      </c>
      <c r="W29551">
        <v>57</v>
      </c>
      <c r="X29551">
        <v>57</v>
      </c>
      <c r="Y29551">
        <v>58</v>
      </c>
      <c r="Z29551">
        <v>58</v>
      </c>
      <c r="AA29551">
        <v>58</v>
      </c>
      <c r="AB29551">
        <v>58</v>
      </c>
      <c r="AC29551">
        <v>59</v>
      </c>
      <c r="AD29551">
        <v>59</v>
      </c>
      <c r="AE29551">
        <v>59</v>
      </c>
      <c r="AF29551">
        <v>60</v>
      </c>
      <c r="AG29551">
        <v>60</v>
      </c>
      <c r="AH29551">
        <v>60</v>
      </c>
      <c r="AI29551">
        <v>61</v>
      </c>
      <c r="AJ29551">
        <v>61</v>
      </c>
      <c r="AK29551">
        <v>62</v>
      </c>
      <c r="AL29551">
        <v>62</v>
      </c>
      <c r="AM29551">
        <v>62</v>
      </c>
      <c r="AN29551">
        <v>63</v>
      </c>
      <c r="AO29551">
        <v>63</v>
      </c>
      <c r="AP29551">
        <v>64</v>
      </c>
      <c r="AQ29551">
        <v>64</v>
      </c>
    </row>
    <row r="29552" spans="1:43">
      <c r="A29552" t="s">
        <v>18307</v>
      </c>
      <c r="B29552" t="s">
        <v>18308</v>
      </c>
      <c r="C29552" t="s">
        <v>18195</v>
      </c>
      <c r="D29552" t="s">
        <v>18196</v>
      </c>
      <c r="E29552" t="s">
        <v>18191</v>
      </c>
      <c r="F29552" t="s">
        <v>18192</v>
      </c>
      <c r="G29552" t="s">
        <v>10734</v>
      </c>
      <c r="H29552" t="s">
        <v>10735</v>
      </c>
      <c r="I29552" s="2">
        <v>0</v>
      </c>
      <c r="J29552" s="2">
        <v>0</v>
      </c>
      <c r="K29552" s="2">
        <v>1</v>
      </c>
      <c r="L29552" t="s">
        <v>995</v>
      </c>
      <c r="M29552" t="s">
        <v>89</v>
      </c>
      <c r="N29552" t="s">
        <v>90</v>
      </c>
      <c r="O29552" t="s">
        <v>85</v>
      </c>
      <c r="P29552" t="s">
        <v>86</v>
      </c>
      <c r="Q29552">
        <v>55</v>
      </c>
      <c r="R29552">
        <v>57</v>
      </c>
      <c r="S29552">
        <v>58</v>
      </c>
      <c r="T29552">
        <v>59</v>
      </c>
      <c r="U29552">
        <v>60</v>
      </c>
      <c r="V29552">
        <v>61</v>
      </c>
      <c r="W29552">
        <v>63</v>
      </c>
      <c r="X29552">
        <v>64</v>
      </c>
      <c r="Y29552">
        <v>65</v>
      </c>
      <c r="Z29552">
        <v>66</v>
      </c>
      <c r="AA29552">
        <v>67</v>
      </c>
      <c r="AB29552">
        <v>68</v>
      </c>
      <c r="AC29552">
        <v>69</v>
      </c>
      <c r="AD29552">
        <v>70</v>
      </c>
      <c r="AE29552">
        <v>70</v>
      </c>
      <c r="AF29552">
        <v>71</v>
      </c>
      <c r="AG29552">
        <v>71</v>
      </c>
      <c r="AH29552">
        <v>71</v>
      </c>
      <c r="AI29552">
        <v>71</v>
      </c>
      <c r="AJ29552">
        <v>72</v>
      </c>
      <c r="AK29552">
        <v>72</v>
      </c>
      <c r="AL29552">
        <v>72</v>
      </c>
      <c r="AM29552">
        <v>73</v>
      </c>
      <c r="AN29552">
        <v>73</v>
      </c>
      <c r="AO29552">
        <v>73</v>
      </c>
      <c r="AP29552">
        <v>74</v>
      </c>
      <c r="AQ29552">
        <v>74</v>
      </c>
    </row>
    <row r="29553" spans="1:43">
      <c r="A29553" t="s">
        <v>18307</v>
      </c>
      <c r="B29553" t="s">
        <v>18308</v>
      </c>
      <c r="C29553" t="s">
        <v>18195</v>
      </c>
      <c r="D29553" t="s">
        <v>18196</v>
      </c>
      <c r="E29553" t="s">
        <v>18191</v>
      </c>
      <c r="F29553" t="s">
        <v>18192</v>
      </c>
      <c r="G29553" t="s">
        <v>10734</v>
      </c>
      <c r="H29553" t="s">
        <v>10735</v>
      </c>
      <c r="I29553" s="2">
        <v>0</v>
      </c>
      <c r="J29553" s="2">
        <v>0</v>
      </c>
      <c r="K29553" s="2">
        <v>1</v>
      </c>
      <c r="L29553" t="s">
        <v>995</v>
      </c>
      <c r="M29553" t="s">
        <v>83</v>
      </c>
      <c r="N29553" t="s">
        <v>91</v>
      </c>
      <c r="O29553" t="s">
        <v>85</v>
      </c>
      <c r="P29553" t="s">
        <v>86</v>
      </c>
      <c r="Q29553">
        <v>55</v>
      </c>
      <c r="R29553">
        <v>56</v>
      </c>
      <c r="S29553">
        <v>56</v>
      </c>
      <c r="T29553">
        <v>57</v>
      </c>
      <c r="U29553">
        <v>58</v>
      </c>
      <c r="V29553">
        <v>59</v>
      </c>
      <c r="W29553">
        <v>60</v>
      </c>
      <c r="X29553">
        <v>60</v>
      </c>
      <c r="Y29553">
        <v>61</v>
      </c>
      <c r="Z29553">
        <v>62</v>
      </c>
      <c r="AA29553">
        <v>63</v>
      </c>
      <c r="AB29553">
        <v>64</v>
      </c>
      <c r="AC29553">
        <v>64</v>
      </c>
      <c r="AD29553">
        <v>65</v>
      </c>
      <c r="AE29553">
        <v>66</v>
      </c>
      <c r="AF29553">
        <v>67</v>
      </c>
      <c r="AG29553">
        <v>67</v>
      </c>
      <c r="AH29553">
        <v>68</v>
      </c>
      <c r="AI29553">
        <v>69</v>
      </c>
      <c r="AJ29553">
        <v>70</v>
      </c>
      <c r="AK29553">
        <v>71</v>
      </c>
      <c r="AL29553">
        <v>71</v>
      </c>
      <c r="AM29553">
        <v>72</v>
      </c>
      <c r="AN29553">
        <v>72</v>
      </c>
      <c r="AO29553">
        <v>72</v>
      </c>
      <c r="AP29553">
        <v>73</v>
      </c>
      <c r="AQ29553">
        <v>73</v>
      </c>
    </row>
    <row r="29554" spans="1:43">
      <c r="A29554" t="s">
        <v>18309</v>
      </c>
      <c r="B29554" t="s">
        <v>18310</v>
      </c>
      <c r="C29554" t="s">
        <v>18279</v>
      </c>
      <c r="D29554" t="s">
        <v>18280</v>
      </c>
      <c r="E29554" t="s">
        <v>18191</v>
      </c>
      <c r="F29554" t="s">
        <v>18192</v>
      </c>
      <c r="G29554" t="s">
        <v>10734</v>
      </c>
      <c r="H29554" t="s">
        <v>10735</v>
      </c>
      <c r="I29554" s="2">
        <v>0</v>
      </c>
      <c r="J29554" s="2">
        <v>0</v>
      </c>
      <c r="K29554" s="2">
        <v>1</v>
      </c>
      <c r="L29554" t="s">
        <v>995</v>
      </c>
      <c r="M29554" t="s">
        <v>83</v>
      </c>
      <c r="N29554" t="s">
        <v>84</v>
      </c>
      <c r="O29554" t="s">
        <v>85</v>
      </c>
      <c r="P29554" t="s">
        <v>86</v>
      </c>
      <c r="Q29554">
        <v>46</v>
      </c>
      <c r="R29554">
        <v>47</v>
      </c>
      <c r="S29554">
        <v>48</v>
      </c>
      <c r="T29554">
        <v>48</v>
      </c>
      <c r="U29554">
        <v>49</v>
      </c>
      <c r="V29554">
        <v>50</v>
      </c>
      <c r="W29554">
        <v>50</v>
      </c>
      <c r="X29554">
        <v>51</v>
      </c>
      <c r="Y29554">
        <v>52</v>
      </c>
      <c r="Z29554">
        <v>53</v>
      </c>
      <c r="AA29554">
        <v>53</v>
      </c>
      <c r="AB29554">
        <v>54</v>
      </c>
      <c r="AC29554">
        <v>55</v>
      </c>
      <c r="AD29554">
        <v>55</v>
      </c>
      <c r="AE29554">
        <v>56</v>
      </c>
      <c r="AF29554">
        <v>57</v>
      </c>
      <c r="AG29554">
        <v>57</v>
      </c>
      <c r="AH29554">
        <v>58</v>
      </c>
      <c r="AI29554">
        <v>59</v>
      </c>
      <c r="AJ29554">
        <v>60</v>
      </c>
      <c r="AK29554">
        <v>60</v>
      </c>
      <c r="AL29554">
        <v>61</v>
      </c>
      <c r="AM29554">
        <v>61</v>
      </c>
      <c r="AN29554">
        <v>61</v>
      </c>
      <c r="AO29554">
        <v>62</v>
      </c>
      <c r="AP29554">
        <v>62</v>
      </c>
      <c r="AQ29554">
        <v>63</v>
      </c>
    </row>
    <row r="29555" spans="1:43">
      <c r="A29555" t="s">
        <v>18309</v>
      </c>
      <c r="B29555" t="s">
        <v>18310</v>
      </c>
      <c r="C29555" t="s">
        <v>18279</v>
      </c>
      <c r="D29555" t="s">
        <v>18280</v>
      </c>
      <c r="E29555" t="s">
        <v>18191</v>
      </c>
      <c r="F29555" t="s">
        <v>18192</v>
      </c>
      <c r="G29555" t="s">
        <v>10734</v>
      </c>
      <c r="H29555" t="s">
        <v>10735</v>
      </c>
      <c r="I29555" s="2">
        <v>0</v>
      </c>
      <c r="J29555" s="2">
        <v>0</v>
      </c>
      <c r="K29555" s="2">
        <v>1</v>
      </c>
      <c r="L29555" t="s">
        <v>995</v>
      </c>
      <c r="M29555" t="s">
        <v>87</v>
      </c>
      <c r="N29555" t="s">
        <v>88</v>
      </c>
      <c r="O29555" t="s">
        <v>85</v>
      </c>
      <c r="P29555" t="s">
        <v>86</v>
      </c>
      <c r="Q29555">
        <v>46</v>
      </c>
      <c r="R29555">
        <v>46</v>
      </c>
      <c r="S29555">
        <v>46</v>
      </c>
      <c r="T29555">
        <v>47</v>
      </c>
      <c r="U29555">
        <v>47</v>
      </c>
      <c r="V29555">
        <v>47</v>
      </c>
      <c r="W29555">
        <v>47</v>
      </c>
      <c r="X29555">
        <v>48</v>
      </c>
      <c r="Y29555">
        <v>48</v>
      </c>
      <c r="Z29555">
        <v>48</v>
      </c>
      <c r="AA29555">
        <v>49</v>
      </c>
      <c r="AB29555">
        <v>49</v>
      </c>
      <c r="AC29555">
        <v>49</v>
      </c>
      <c r="AD29555">
        <v>49</v>
      </c>
      <c r="AE29555">
        <v>50</v>
      </c>
      <c r="AF29555">
        <v>50</v>
      </c>
      <c r="AG29555">
        <v>50</v>
      </c>
      <c r="AH29555">
        <v>51</v>
      </c>
      <c r="AI29555">
        <v>51</v>
      </c>
      <c r="AJ29555">
        <v>51</v>
      </c>
      <c r="AK29555">
        <v>52</v>
      </c>
      <c r="AL29555">
        <v>52</v>
      </c>
      <c r="AM29555">
        <v>52</v>
      </c>
      <c r="AN29555">
        <v>53</v>
      </c>
      <c r="AO29555">
        <v>53</v>
      </c>
      <c r="AP29555">
        <v>54</v>
      </c>
      <c r="AQ29555">
        <v>54</v>
      </c>
    </row>
    <row r="29556" spans="1:43">
      <c r="A29556" t="s">
        <v>18309</v>
      </c>
      <c r="B29556" t="s">
        <v>18310</v>
      </c>
      <c r="C29556" t="s">
        <v>18279</v>
      </c>
      <c r="D29556" t="s">
        <v>18280</v>
      </c>
      <c r="E29556" t="s">
        <v>18191</v>
      </c>
      <c r="F29556" t="s">
        <v>18192</v>
      </c>
      <c r="G29556" t="s">
        <v>10734</v>
      </c>
      <c r="H29556" t="s">
        <v>10735</v>
      </c>
      <c r="I29556" s="2">
        <v>0</v>
      </c>
      <c r="J29556" s="2">
        <v>0</v>
      </c>
      <c r="K29556" s="2">
        <v>1</v>
      </c>
      <c r="L29556" t="s">
        <v>995</v>
      </c>
      <c r="M29556" t="s">
        <v>89</v>
      </c>
      <c r="N29556" t="s">
        <v>90</v>
      </c>
      <c r="O29556" t="s">
        <v>85</v>
      </c>
      <c r="P29556" t="s">
        <v>86</v>
      </c>
      <c r="Q29556">
        <v>46</v>
      </c>
      <c r="R29556">
        <v>47</v>
      </c>
      <c r="S29556">
        <v>48</v>
      </c>
      <c r="T29556">
        <v>49</v>
      </c>
      <c r="U29556">
        <v>50</v>
      </c>
      <c r="V29556">
        <v>51</v>
      </c>
      <c r="W29556">
        <v>52</v>
      </c>
      <c r="X29556">
        <v>53</v>
      </c>
      <c r="Y29556">
        <v>54</v>
      </c>
      <c r="Z29556">
        <v>55</v>
      </c>
      <c r="AA29556">
        <v>56</v>
      </c>
      <c r="AB29556">
        <v>56</v>
      </c>
      <c r="AC29556">
        <v>57</v>
      </c>
      <c r="AD29556">
        <v>58</v>
      </c>
      <c r="AE29556">
        <v>59</v>
      </c>
      <c r="AF29556">
        <v>59</v>
      </c>
      <c r="AG29556">
        <v>59</v>
      </c>
      <c r="AH29556">
        <v>60</v>
      </c>
      <c r="AI29556">
        <v>60</v>
      </c>
      <c r="AJ29556">
        <v>60</v>
      </c>
      <c r="AK29556">
        <v>61</v>
      </c>
      <c r="AL29556">
        <v>61</v>
      </c>
      <c r="AM29556">
        <v>61</v>
      </c>
      <c r="AN29556">
        <v>62</v>
      </c>
      <c r="AO29556">
        <v>62</v>
      </c>
      <c r="AP29556">
        <v>62</v>
      </c>
      <c r="AQ29556">
        <v>63</v>
      </c>
    </row>
    <row r="29557" spans="1:43">
      <c r="A29557" t="s">
        <v>18309</v>
      </c>
      <c r="B29557" t="s">
        <v>18310</v>
      </c>
      <c r="C29557" t="s">
        <v>18279</v>
      </c>
      <c r="D29557" t="s">
        <v>18280</v>
      </c>
      <c r="E29557" t="s">
        <v>18191</v>
      </c>
      <c r="F29557" t="s">
        <v>18192</v>
      </c>
      <c r="G29557" t="s">
        <v>10734</v>
      </c>
      <c r="H29557" t="s">
        <v>10735</v>
      </c>
      <c r="I29557" s="2">
        <v>0</v>
      </c>
      <c r="J29557" s="2">
        <v>0</v>
      </c>
      <c r="K29557" s="2">
        <v>1</v>
      </c>
      <c r="L29557" t="s">
        <v>995</v>
      </c>
      <c r="M29557" t="s">
        <v>83</v>
      </c>
      <c r="N29557" t="s">
        <v>91</v>
      </c>
      <c r="O29557" t="s">
        <v>85</v>
      </c>
      <c r="P29557" t="s">
        <v>86</v>
      </c>
      <c r="Q29557">
        <v>46</v>
      </c>
      <c r="R29557">
        <v>47</v>
      </c>
      <c r="S29557">
        <v>48</v>
      </c>
      <c r="T29557">
        <v>48</v>
      </c>
      <c r="U29557">
        <v>49</v>
      </c>
      <c r="V29557">
        <v>50</v>
      </c>
      <c r="W29557">
        <v>50</v>
      </c>
      <c r="X29557">
        <v>51</v>
      </c>
      <c r="Y29557">
        <v>52</v>
      </c>
      <c r="Z29557">
        <v>53</v>
      </c>
      <c r="AA29557">
        <v>53</v>
      </c>
      <c r="AB29557">
        <v>54</v>
      </c>
      <c r="AC29557">
        <v>55</v>
      </c>
      <c r="AD29557">
        <v>55</v>
      </c>
      <c r="AE29557">
        <v>56</v>
      </c>
      <c r="AF29557">
        <v>57</v>
      </c>
      <c r="AG29557">
        <v>57</v>
      </c>
      <c r="AH29557">
        <v>58</v>
      </c>
      <c r="AI29557">
        <v>59</v>
      </c>
      <c r="AJ29557">
        <v>60</v>
      </c>
      <c r="AK29557">
        <v>60</v>
      </c>
      <c r="AL29557">
        <v>61</v>
      </c>
      <c r="AM29557">
        <v>61</v>
      </c>
      <c r="AN29557">
        <v>61</v>
      </c>
      <c r="AO29557">
        <v>62</v>
      </c>
      <c r="AP29557">
        <v>62</v>
      </c>
      <c r="AQ29557">
        <v>63</v>
      </c>
    </row>
    <row r="29558" spans="1:43">
      <c r="A29558" t="s">
        <v>18311</v>
      </c>
      <c r="B29558" t="s">
        <v>18312</v>
      </c>
      <c r="C29558" t="s">
        <v>18279</v>
      </c>
      <c r="D29558" t="s">
        <v>18280</v>
      </c>
      <c r="E29558" t="s">
        <v>18191</v>
      </c>
      <c r="F29558" t="s">
        <v>18192</v>
      </c>
      <c r="G29558" t="s">
        <v>10734</v>
      </c>
      <c r="H29558" t="s">
        <v>10735</v>
      </c>
      <c r="I29558" s="2">
        <v>0</v>
      </c>
      <c r="J29558" s="2">
        <v>0</v>
      </c>
      <c r="K29558" s="2">
        <v>1</v>
      </c>
      <c r="L29558" t="s">
        <v>995</v>
      </c>
      <c r="M29558" t="s">
        <v>83</v>
      </c>
      <c r="N29558" t="s">
        <v>84</v>
      </c>
      <c r="O29558" t="s">
        <v>85</v>
      </c>
      <c r="P29558" t="s">
        <v>86</v>
      </c>
      <c r="Q29558">
        <v>95</v>
      </c>
      <c r="R29558">
        <v>96</v>
      </c>
      <c r="S29558">
        <v>98</v>
      </c>
      <c r="T29558">
        <v>99</v>
      </c>
      <c r="U29558">
        <v>100</v>
      </c>
      <c r="V29558">
        <v>102</v>
      </c>
      <c r="W29558">
        <v>103</v>
      </c>
      <c r="X29558">
        <v>105</v>
      </c>
      <c r="Y29558">
        <v>106</v>
      </c>
      <c r="Z29558">
        <v>107</v>
      </c>
      <c r="AA29558">
        <v>109</v>
      </c>
      <c r="AB29558">
        <v>110</v>
      </c>
      <c r="AC29558">
        <v>112</v>
      </c>
      <c r="AD29558">
        <v>113</v>
      </c>
      <c r="AE29558">
        <v>114</v>
      </c>
      <c r="AF29558">
        <v>116</v>
      </c>
      <c r="AG29558">
        <v>117</v>
      </c>
      <c r="AH29558">
        <v>119</v>
      </c>
      <c r="AI29558">
        <v>120</v>
      </c>
      <c r="AJ29558">
        <v>122</v>
      </c>
      <c r="AK29558">
        <v>123</v>
      </c>
      <c r="AL29558">
        <v>124</v>
      </c>
      <c r="AM29558">
        <v>125</v>
      </c>
      <c r="AN29558">
        <v>125</v>
      </c>
      <c r="AO29558">
        <v>126</v>
      </c>
      <c r="AP29558">
        <v>127</v>
      </c>
      <c r="AQ29558">
        <v>127</v>
      </c>
    </row>
    <row r="29559" spans="1:43">
      <c r="A29559" t="s">
        <v>18311</v>
      </c>
      <c r="B29559" t="s">
        <v>18312</v>
      </c>
      <c r="C29559" t="s">
        <v>18279</v>
      </c>
      <c r="D29559" t="s">
        <v>18280</v>
      </c>
      <c r="E29559" t="s">
        <v>18191</v>
      </c>
      <c r="F29559" t="s">
        <v>18192</v>
      </c>
      <c r="G29559" t="s">
        <v>10734</v>
      </c>
      <c r="H29559" t="s">
        <v>10735</v>
      </c>
      <c r="I29559" s="2">
        <v>0</v>
      </c>
      <c r="J29559" s="2">
        <v>0</v>
      </c>
      <c r="K29559" s="2">
        <v>1</v>
      </c>
      <c r="L29559" t="s">
        <v>995</v>
      </c>
      <c r="M29559" t="s">
        <v>87</v>
      </c>
      <c r="N29559" t="s">
        <v>88</v>
      </c>
      <c r="O29559" t="s">
        <v>85</v>
      </c>
      <c r="P29559" t="s">
        <v>86</v>
      </c>
      <c r="Q29559">
        <v>95</v>
      </c>
      <c r="R29559">
        <v>95</v>
      </c>
      <c r="S29559">
        <v>96</v>
      </c>
      <c r="T29559">
        <v>96</v>
      </c>
      <c r="U29559">
        <v>97</v>
      </c>
      <c r="V29559">
        <v>97</v>
      </c>
      <c r="W29559">
        <v>98</v>
      </c>
      <c r="X29559">
        <v>98</v>
      </c>
      <c r="Y29559">
        <v>99</v>
      </c>
      <c r="Z29559">
        <v>99</v>
      </c>
      <c r="AA29559">
        <v>100</v>
      </c>
      <c r="AB29559">
        <v>101</v>
      </c>
      <c r="AC29559">
        <v>101</v>
      </c>
      <c r="AD29559">
        <v>102</v>
      </c>
      <c r="AE29559">
        <v>102</v>
      </c>
      <c r="AF29559">
        <v>103</v>
      </c>
      <c r="AG29559">
        <v>104</v>
      </c>
      <c r="AH29559">
        <v>104</v>
      </c>
      <c r="AI29559">
        <v>105</v>
      </c>
      <c r="AJ29559">
        <v>106</v>
      </c>
      <c r="AK29559">
        <v>106</v>
      </c>
      <c r="AL29559">
        <v>107</v>
      </c>
      <c r="AM29559">
        <v>108</v>
      </c>
      <c r="AN29559">
        <v>109</v>
      </c>
      <c r="AO29559">
        <v>109</v>
      </c>
      <c r="AP29559">
        <v>110</v>
      </c>
      <c r="AQ29559">
        <v>111</v>
      </c>
    </row>
    <row r="29560" spans="1:43">
      <c r="A29560" t="s">
        <v>18311</v>
      </c>
      <c r="B29560" t="s">
        <v>18312</v>
      </c>
      <c r="C29560" t="s">
        <v>18279</v>
      </c>
      <c r="D29560" t="s">
        <v>18280</v>
      </c>
      <c r="E29560" t="s">
        <v>18191</v>
      </c>
      <c r="F29560" t="s">
        <v>18192</v>
      </c>
      <c r="G29560" t="s">
        <v>10734</v>
      </c>
      <c r="H29560" t="s">
        <v>10735</v>
      </c>
      <c r="I29560" s="2">
        <v>0</v>
      </c>
      <c r="J29560" s="2">
        <v>0</v>
      </c>
      <c r="K29560" s="2">
        <v>1</v>
      </c>
      <c r="L29560" t="s">
        <v>995</v>
      </c>
      <c r="M29560" t="s">
        <v>89</v>
      </c>
      <c r="N29560" t="s">
        <v>90</v>
      </c>
      <c r="O29560" t="s">
        <v>85</v>
      </c>
      <c r="P29560" t="s">
        <v>86</v>
      </c>
      <c r="Q29560">
        <v>95</v>
      </c>
      <c r="R29560">
        <v>97</v>
      </c>
      <c r="S29560">
        <v>99</v>
      </c>
      <c r="T29560">
        <v>101</v>
      </c>
      <c r="U29560">
        <v>103</v>
      </c>
      <c r="V29560">
        <v>105</v>
      </c>
      <c r="W29560">
        <v>107</v>
      </c>
      <c r="X29560">
        <v>109</v>
      </c>
      <c r="Y29560">
        <v>111</v>
      </c>
      <c r="Z29560">
        <v>113</v>
      </c>
      <c r="AA29560">
        <v>115</v>
      </c>
      <c r="AB29560">
        <v>116</v>
      </c>
      <c r="AC29560">
        <v>118</v>
      </c>
      <c r="AD29560">
        <v>120</v>
      </c>
      <c r="AE29560">
        <v>121</v>
      </c>
      <c r="AF29560">
        <v>122</v>
      </c>
      <c r="AG29560">
        <v>122</v>
      </c>
      <c r="AH29560">
        <v>123</v>
      </c>
      <c r="AI29560">
        <v>123</v>
      </c>
      <c r="AJ29560">
        <v>124</v>
      </c>
      <c r="AK29560">
        <v>124</v>
      </c>
      <c r="AL29560">
        <v>125</v>
      </c>
      <c r="AM29560">
        <v>126</v>
      </c>
      <c r="AN29560">
        <v>126</v>
      </c>
      <c r="AO29560">
        <v>127</v>
      </c>
      <c r="AP29560">
        <v>128</v>
      </c>
      <c r="AQ29560">
        <v>128</v>
      </c>
    </row>
    <row r="29561" spans="1:43">
      <c r="A29561" t="s">
        <v>18311</v>
      </c>
      <c r="B29561" t="s">
        <v>18312</v>
      </c>
      <c r="C29561" t="s">
        <v>18279</v>
      </c>
      <c r="D29561" t="s">
        <v>18280</v>
      </c>
      <c r="E29561" t="s">
        <v>18191</v>
      </c>
      <c r="F29561" t="s">
        <v>18192</v>
      </c>
      <c r="G29561" t="s">
        <v>10734</v>
      </c>
      <c r="H29561" t="s">
        <v>10735</v>
      </c>
      <c r="I29561" s="2">
        <v>0</v>
      </c>
      <c r="J29561" s="2">
        <v>0</v>
      </c>
      <c r="K29561" s="2">
        <v>1</v>
      </c>
      <c r="L29561" t="s">
        <v>995</v>
      </c>
      <c r="M29561" t="s">
        <v>83</v>
      </c>
      <c r="N29561" t="s">
        <v>91</v>
      </c>
      <c r="O29561" t="s">
        <v>85</v>
      </c>
      <c r="P29561" t="s">
        <v>86</v>
      </c>
      <c r="Q29561">
        <v>95</v>
      </c>
      <c r="R29561">
        <v>96</v>
      </c>
      <c r="S29561">
        <v>98</v>
      </c>
      <c r="T29561">
        <v>99</v>
      </c>
      <c r="U29561">
        <v>100</v>
      </c>
      <c r="V29561">
        <v>102</v>
      </c>
      <c r="W29561">
        <v>103</v>
      </c>
      <c r="X29561">
        <v>105</v>
      </c>
      <c r="Y29561">
        <v>106</v>
      </c>
      <c r="Z29561">
        <v>107</v>
      </c>
      <c r="AA29561">
        <v>109</v>
      </c>
      <c r="AB29561">
        <v>110</v>
      </c>
      <c r="AC29561">
        <v>112</v>
      </c>
      <c r="AD29561">
        <v>113</v>
      </c>
      <c r="AE29561">
        <v>114</v>
      </c>
      <c r="AF29561">
        <v>116</v>
      </c>
      <c r="AG29561">
        <v>117</v>
      </c>
      <c r="AH29561">
        <v>119</v>
      </c>
      <c r="AI29561">
        <v>120</v>
      </c>
      <c r="AJ29561">
        <v>122</v>
      </c>
      <c r="AK29561">
        <v>123</v>
      </c>
      <c r="AL29561">
        <v>124</v>
      </c>
      <c r="AM29561">
        <v>125</v>
      </c>
      <c r="AN29561">
        <v>125</v>
      </c>
      <c r="AO29561">
        <v>126</v>
      </c>
      <c r="AP29561">
        <v>127</v>
      </c>
      <c r="AQ29561">
        <v>127</v>
      </c>
    </row>
    <row r="29562" spans="1:43">
      <c r="A29562" t="s">
        <v>18313</v>
      </c>
      <c r="B29562" t="s">
        <v>18314</v>
      </c>
      <c r="C29562" t="s">
        <v>18255</v>
      </c>
      <c r="D29562" t="s">
        <v>18256</v>
      </c>
      <c r="E29562" t="s">
        <v>18191</v>
      </c>
      <c r="F29562" t="s">
        <v>18192</v>
      </c>
      <c r="G29562" t="s">
        <v>10734</v>
      </c>
      <c r="H29562" t="s">
        <v>10735</v>
      </c>
      <c r="I29562" s="2">
        <v>0</v>
      </c>
      <c r="J29562" s="2">
        <v>0</v>
      </c>
      <c r="K29562" s="2">
        <v>1</v>
      </c>
      <c r="L29562" t="s">
        <v>995</v>
      </c>
      <c r="M29562" t="s">
        <v>83</v>
      </c>
      <c r="N29562" t="s">
        <v>84</v>
      </c>
      <c r="O29562" t="s">
        <v>85</v>
      </c>
      <c r="P29562" t="s">
        <v>86</v>
      </c>
      <c r="Q29562">
        <v>30</v>
      </c>
      <c r="R29562">
        <v>30</v>
      </c>
      <c r="S29562">
        <v>31</v>
      </c>
      <c r="T29562">
        <v>31</v>
      </c>
      <c r="U29562">
        <v>31</v>
      </c>
      <c r="V29562">
        <v>32</v>
      </c>
      <c r="W29562">
        <v>32</v>
      </c>
      <c r="X29562">
        <v>32</v>
      </c>
      <c r="Y29562">
        <v>32</v>
      </c>
      <c r="Z29562">
        <v>33</v>
      </c>
      <c r="AA29562">
        <v>33</v>
      </c>
      <c r="AB29562">
        <v>33</v>
      </c>
      <c r="AC29562">
        <v>34</v>
      </c>
      <c r="AD29562">
        <v>34</v>
      </c>
      <c r="AE29562">
        <v>34</v>
      </c>
      <c r="AF29562">
        <v>35</v>
      </c>
      <c r="AG29562">
        <v>35</v>
      </c>
      <c r="AH29562">
        <v>35</v>
      </c>
      <c r="AI29562">
        <v>35</v>
      </c>
      <c r="AJ29562">
        <v>36</v>
      </c>
      <c r="AK29562">
        <v>36</v>
      </c>
      <c r="AL29562">
        <v>36</v>
      </c>
      <c r="AM29562">
        <v>36</v>
      </c>
      <c r="AN29562">
        <v>36</v>
      </c>
      <c r="AO29562">
        <v>36</v>
      </c>
      <c r="AP29562">
        <v>36</v>
      </c>
      <c r="AQ29562">
        <v>36</v>
      </c>
    </row>
    <row r="29563" spans="1:43">
      <c r="A29563" t="s">
        <v>18313</v>
      </c>
      <c r="B29563" t="s">
        <v>18314</v>
      </c>
      <c r="C29563" t="s">
        <v>18255</v>
      </c>
      <c r="D29563" t="s">
        <v>18256</v>
      </c>
      <c r="E29563" t="s">
        <v>18191</v>
      </c>
      <c r="F29563" t="s">
        <v>18192</v>
      </c>
      <c r="G29563" t="s">
        <v>10734</v>
      </c>
      <c r="H29563" t="s">
        <v>10735</v>
      </c>
      <c r="I29563" s="2">
        <v>0</v>
      </c>
      <c r="J29563" s="2">
        <v>0</v>
      </c>
      <c r="K29563" s="2">
        <v>1</v>
      </c>
      <c r="L29563" t="s">
        <v>995</v>
      </c>
      <c r="M29563" t="s">
        <v>87</v>
      </c>
      <c r="N29563" t="s">
        <v>88</v>
      </c>
      <c r="O29563" t="s">
        <v>85</v>
      </c>
      <c r="P29563" t="s">
        <v>86</v>
      </c>
      <c r="Q29563">
        <v>30</v>
      </c>
      <c r="R29563">
        <v>30</v>
      </c>
      <c r="S29563">
        <v>30</v>
      </c>
      <c r="T29563">
        <v>30</v>
      </c>
      <c r="U29563">
        <v>30</v>
      </c>
      <c r="V29563">
        <v>30</v>
      </c>
      <c r="W29563">
        <v>30</v>
      </c>
      <c r="X29563">
        <v>30</v>
      </c>
      <c r="Y29563">
        <v>30</v>
      </c>
      <c r="Z29563">
        <v>30</v>
      </c>
      <c r="AA29563">
        <v>30</v>
      </c>
      <c r="AB29563">
        <v>30</v>
      </c>
      <c r="AC29563">
        <v>30</v>
      </c>
      <c r="AD29563">
        <v>30</v>
      </c>
      <c r="AE29563">
        <v>30</v>
      </c>
      <c r="AF29563">
        <v>30</v>
      </c>
      <c r="AG29563">
        <v>30</v>
      </c>
      <c r="AH29563">
        <v>30</v>
      </c>
      <c r="AI29563">
        <v>31</v>
      </c>
      <c r="AJ29563">
        <v>31</v>
      </c>
      <c r="AK29563">
        <v>31</v>
      </c>
      <c r="AL29563">
        <v>31</v>
      </c>
      <c r="AM29563">
        <v>31</v>
      </c>
      <c r="AN29563">
        <v>31</v>
      </c>
      <c r="AO29563">
        <v>31</v>
      </c>
      <c r="AP29563">
        <v>31</v>
      </c>
      <c r="AQ29563">
        <v>31</v>
      </c>
    </row>
    <row r="29564" spans="1:43">
      <c r="A29564" t="s">
        <v>18313</v>
      </c>
      <c r="B29564" t="s">
        <v>18314</v>
      </c>
      <c r="C29564" t="s">
        <v>18255</v>
      </c>
      <c r="D29564" t="s">
        <v>18256</v>
      </c>
      <c r="E29564" t="s">
        <v>18191</v>
      </c>
      <c r="F29564" t="s">
        <v>18192</v>
      </c>
      <c r="G29564" t="s">
        <v>10734</v>
      </c>
      <c r="H29564" t="s">
        <v>10735</v>
      </c>
      <c r="I29564" s="2">
        <v>0</v>
      </c>
      <c r="J29564" s="2">
        <v>0</v>
      </c>
      <c r="K29564" s="2">
        <v>1</v>
      </c>
      <c r="L29564" t="s">
        <v>995</v>
      </c>
      <c r="M29564" t="s">
        <v>89</v>
      </c>
      <c r="N29564" t="s">
        <v>90</v>
      </c>
      <c r="O29564" t="s">
        <v>85</v>
      </c>
      <c r="P29564" t="s">
        <v>86</v>
      </c>
      <c r="Q29564">
        <v>30</v>
      </c>
      <c r="R29564">
        <v>31</v>
      </c>
      <c r="S29564">
        <v>31</v>
      </c>
      <c r="T29564">
        <v>32</v>
      </c>
      <c r="U29564">
        <v>32</v>
      </c>
      <c r="V29564">
        <v>33</v>
      </c>
      <c r="W29564">
        <v>33</v>
      </c>
      <c r="X29564">
        <v>34</v>
      </c>
      <c r="Y29564">
        <v>34</v>
      </c>
      <c r="Z29564">
        <v>35</v>
      </c>
      <c r="AA29564">
        <v>35</v>
      </c>
      <c r="AB29564">
        <v>36</v>
      </c>
      <c r="AC29564">
        <v>36</v>
      </c>
      <c r="AD29564">
        <v>37</v>
      </c>
      <c r="AE29564">
        <v>37</v>
      </c>
      <c r="AF29564">
        <v>37</v>
      </c>
      <c r="AG29564">
        <v>37</v>
      </c>
      <c r="AH29564">
        <v>37</v>
      </c>
      <c r="AI29564">
        <v>37</v>
      </c>
      <c r="AJ29564">
        <v>37</v>
      </c>
      <c r="AK29564">
        <v>37</v>
      </c>
      <c r="AL29564">
        <v>37</v>
      </c>
      <c r="AM29564">
        <v>36</v>
      </c>
      <c r="AN29564">
        <v>36</v>
      </c>
      <c r="AO29564">
        <v>36</v>
      </c>
      <c r="AP29564">
        <v>36</v>
      </c>
      <c r="AQ29564">
        <v>36</v>
      </c>
    </row>
    <row r="29565" spans="1:43">
      <c r="A29565" t="s">
        <v>18313</v>
      </c>
      <c r="B29565" t="s">
        <v>18314</v>
      </c>
      <c r="C29565" t="s">
        <v>18255</v>
      </c>
      <c r="D29565" t="s">
        <v>18256</v>
      </c>
      <c r="E29565" t="s">
        <v>18191</v>
      </c>
      <c r="F29565" t="s">
        <v>18192</v>
      </c>
      <c r="G29565" t="s">
        <v>10734</v>
      </c>
      <c r="H29565" t="s">
        <v>10735</v>
      </c>
      <c r="I29565" s="2">
        <v>0</v>
      </c>
      <c r="J29565" s="2">
        <v>0</v>
      </c>
      <c r="K29565" s="2">
        <v>1</v>
      </c>
      <c r="L29565" t="s">
        <v>995</v>
      </c>
      <c r="M29565" t="s">
        <v>83</v>
      </c>
      <c r="N29565" t="s">
        <v>91</v>
      </c>
      <c r="O29565" t="s">
        <v>85</v>
      </c>
      <c r="P29565" t="s">
        <v>86</v>
      </c>
      <c r="Q29565">
        <v>30</v>
      </c>
      <c r="R29565">
        <v>30</v>
      </c>
      <c r="S29565">
        <v>31</v>
      </c>
      <c r="T29565">
        <v>31</v>
      </c>
      <c r="U29565">
        <v>31</v>
      </c>
      <c r="V29565">
        <v>32</v>
      </c>
      <c r="W29565">
        <v>32</v>
      </c>
      <c r="X29565">
        <v>32</v>
      </c>
      <c r="Y29565">
        <v>32</v>
      </c>
      <c r="Z29565">
        <v>33</v>
      </c>
      <c r="AA29565">
        <v>33</v>
      </c>
      <c r="AB29565">
        <v>33</v>
      </c>
      <c r="AC29565">
        <v>34</v>
      </c>
      <c r="AD29565">
        <v>34</v>
      </c>
      <c r="AE29565">
        <v>34</v>
      </c>
      <c r="AF29565">
        <v>35</v>
      </c>
      <c r="AG29565">
        <v>35</v>
      </c>
      <c r="AH29565">
        <v>35</v>
      </c>
      <c r="AI29565">
        <v>35</v>
      </c>
      <c r="AJ29565">
        <v>36</v>
      </c>
      <c r="AK29565">
        <v>36</v>
      </c>
      <c r="AL29565">
        <v>36</v>
      </c>
      <c r="AM29565">
        <v>36</v>
      </c>
      <c r="AN29565">
        <v>36</v>
      </c>
      <c r="AO29565">
        <v>36</v>
      </c>
      <c r="AP29565">
        <v>36</v>
      </c>
      <c r="AQ29565">
        <v>36</v>
      </c>
    </row>
    <row r="29566" spans="1:43">
      <c r="A29566" t="s">
        <v>18315</v>
      </c>
      <c r="B29566" t="s">
        <v>18316</v>
      </c>
      <c r="C29566" t="s">
        <v>18199</v>
      </c>
      <c r="D29566" t="s">
        <v>18200</v>
      </c>
      <c r="E29566" t="s">
        <v>18191</v>
      </c>
      <c r="F29566" t="s">
        <v>18192</v>
      </c>
      <c r="G29566" t="s">
        <v>10734</v>
      </c>
      <c r="H29566" t="s">
        <v>10735</v>
      </c>
      <c r="I29566" s="2">
        <v>0</v>
      </c>
      <c r="J29566" s="2">
        <v>0</v>
      </c>
      <c r="K29566" s="2">
        <v>1</v>
      </c>
      <c r="L29566" t="s">
        <v>995</v>
      </c>
      <c r="M29566" t="s">
        <v>83</v>
      </c>
      <c r="N29566" t="s">
        <v>84</v>
      </c>
      <c r="O29566" t="s">
        <v>85</v>
      </c>
      <c r="P29566" t="s">
        <v>86</v>
      </c>
      <c r="Q29566">
        <v>32</v>
      </c>
      <c r="R29566">
        <v>32</v>
      </c>
      <c r="S29566">
        <v>32</v>
      </c>
      <c r="T29566">
        <v>33</v>
      </c>
      <c r="U29566">
        <v>33</v>
      </c>
      <c r="V29566">
        <v>34</v>
      </c>
      <c r="W29566">
        <v>34</v>
      </c>
      <c r="X29566">
        <v>34</v>
      </c>
      <c r="Y29566">
        <v>35</v>
      </c>
      <c r="Z29566">
        <v>35</v>
      </c>
      <c r="AA29566">
        <v>35</v>
      </c>
      <c r="AB29566">
        <v>36</v>
      </c>
      <c r="AC29566">
        <v>36</v>
      </c>
      <c r="AD29566">
        <v>37</v>
      </c>
      <c r="AE29566">
        <v>37</v>
      </c>
      <c r="AF29566">
        <v>37</v>
      </c>
      <c r="AG29566">
        <v>38</v>
      </c>
      <c r="AH29566">
        <v>38</v>
      </c>
      <c r="AI29566">
        <v>39</v>
      </c>
      <c r="AJ29566">
        <v>39</v>
      </c>
      <c r="AK29566">
        <v>39</v>
      </c>
      <c r="AL29566">
        <v>40</v>
      </c>
      <c r="AM29566">
        <v>40</v>
      </c>
      <c r="AN29566">
        <v>40</v>
      </c>
      <c r="AO29566">
        <v>40</v>
      </c>
      <c r="AP29566">
        <v>40</v>
      </c>
      <c r="AQ29566">
        <v>40</v>
      </c>
    </row>
    <row r="29567" spans="1:43">
      <c r="A29567" t="s">
        <v>18315</v>
      </c>
      <c r="B29567" t="s">
        <v>18316</v>
      </c>
      <c r="C29567" t="s">
        <v>18199</v>
      </c>
      <c r="D29567" t="s">
        <v>18200</v>
      </c>
      <c r="E29567" t="s">
        <v>18191</v>
      </c>
      <c r="F29567" t="s">
        <v>18192</v>
      </c>
      <c r="G29567" t="s">
        <v>10734</v>
      </c>
      <c r="H29567" t="s">
        <v>10735</v>
      </c>
      <c r="I29567" s="2">
        <v>0</v>
      </c>
      <c r="J29567" s="2">
        <v>0</v>
      </c>
      <c r="K29567" s="2">
        <v>1</v>
      </c>
      <c r="L29567" t="s">
        <v>995</v>
      </c>
      <c r="M29567" t="s">
        <v>87</v>
      </c>
      <c r="N29567" t="s">
        <v>88</v>
      </c>
      <c r="O29567" t="s">
        <v>85</v>
      </c>
      <c r="P29567" t="s">
        <v>86</v>
      </c>
      <c r="Q29567">
        <v>32</v>
      </c>
      <c r="R29567">
        <v>32</v>
      </c>
      <c r="S29567">
        <v>32</v>
      </c>
      <c r="T29567">
        <v>33</v>
      </c>
      <c r="U29567">
        <v>33</v>
      </c>
      <c r="V29567">
        <v>33</v>
      </c>
      <c r="W29567">
        <v>33</v>
      </c>
      <c r="X29567">
        <v>33</v>
      </c>
      <c r="Y29567">
        <v>33</v>
      </c>
      <c r="Z29567">
        <v>33</v>
      </c>
      <c r="AA29567">
        <v>33</v>
      </c>
      <c r="AB29567">
        <v>33</v>
      </c>
      <c r="AC29567">
        <v>34</v>
      </c>
      <c r="AD29567">
        <v>34</v>
      </c>
      <c r="AE29567">
        <v>34</v>
      </c>
      <c r="AF29567">
        <v>34</v>
      </c>
      <c r="AG29567">
        <v>34</v>
      </c>
      <c r="AH29567">
        <v>34</v>
      </c>
      <c r="AI29567">
        <v>34</v>
      </c>
      <c r="AJ29567">
        <v>34</v>
      </c>
      <c r="AK29567">
        <v>35</v>
      </c>
      <c r="AL29567">
        <v>35</v>
      </c>
      <c r="AM29567">
        <v>35</v>
      </c>
      <c r="AN29567">
        <v>35</v>
      </c>
      <c r="AO29567">
        <v>35</v>
      </c>
      <c r="AP29567">
        <v>36</v>
      </c>
      <c r="AQ29567">
        <v>36</v>
      </c>
    </row>
    <row r="29568" spans="1:43">
      <c r="A29568" t="s">
        <v>18315</v>
      </c>
      <c r="B29568" t="s">
        <v>18316</v>
      </c>
      <c r="C29568" t="s">
        <v>18199</v>
      </c>
      <c r="D29568" t="s">
        <v>18200</v>
      </c>
      <c r="E29568" t="s">
        <v>18191</v>
      </c>
      <c r="F29568" t="s">
        <v>18192</v>
      </c>
      <c r="G29568" t="s">
        <v>10734</v>
      </c>
      <c r="H29568" t="s">
        <v>10735</v>
      </c>
      <c r="I29568" s="2">
        <v>0</v>
      </c>
      <c r="J29568" s="2">
        <v>0</v>
      </c>
      <c r="K29568" s="2">
        <v>1</v>
      </c>
      <c r="L29568" t="s">
        <v>995</v>
      </c>
      <c r="M29568" t="s">
        <v>89</v>
      </c>
      <c r="N29568" t="s">
        <v>90</v>
      </c>
      <c r="O29568" t="s">
        <v>85</v>
      </c>
      <c r="P29568" t="s">
        <v>86</v>
      </c>
      <c r="Q29568">
        <v>32</v>
      </c>
      <c r="R29568">
        <v>32</v>
      </c>
      <c r="S29568">
        <v>33</v>
      </c>
      <c r="T29568">
        <v>34</v>
      </c>
      <c r="U29568">
        <v>34</v>
      </c>
      <c r="V29568">
        <v>35</v>
      </c>
      <c r="W29568">
        <v>36</v>
      </c>
      <c r="X29568">
        <v>36</v>
      </c>
      <c r="Y29568">
        <v>37</v>
      </c>
      <c r="Z29568">
        <v>37</v>
      </c>
      <c r="AA29568">
        <v>38</v>
      </c>
      <c r="AB29568">
        <v>38</v>
      </c>
      <c r="AC29568">
        <v>39</v>
      </c>
      <c r="AD29568">
        <v>39</v>
      </c>
      <c r="AE29568">
        <v>40</v>
      </c>
      <c r="AF29568">
        <v>40</v>
      </c>
      <c r="AG29568">
        <v>40</v>
      </c>
      <c r="AH29568">
        <v>40</v>
      </c>
      <c r="AI29568">
        <v>40</v>
      </c>
      <c r="AJ29568">
        <v>40</v>
      </c>
      <c r="AK29568">
        <v>40</v>
      </c>
      <c r="AL29568">
        <v>40</v>
      </c>
      <c r="AM29568">
        <v>40</v>
      </c>
      <c r="AN29568">
        <v>40</v>
      </c>
      <c r="AO29568">
        <v>40</v>
      </c>
      <c r="AP29568">
        <v>40</v>
      </c>
      <c r="AQ29568">
        <v>41</v>
      </c>
    </row>
    <row r="29569" spans="1:43">
      <c r="A29569" t="s">
        <v>18315</v>
      </c>
      <c r="B29569" t="s">
        <v>18316</v>
      </c>
      <c r="C29569" t="s">
        <v>18199</v>
      </c>
      <c r="D29569" t="s">
        <v>18200</v>
      </c>
      <c r="E29569" t="s">
        <v>18191</v>
      </c>
      <c r="F29569" t="s">
        <v>18192</v>
      </c>
      <c r="G29569" t="s">
        <v>10734</v>
      </c>
      <c r="H29569" t="s">
        <v>10735</v>
      </c>
      <c r="I29569" s="2">
        <v>0</v>
      </c>
      <c r="J29569" s="2">
        <v>0</v>
      </c>
      <c r="K29569" s="2">
        <v>1</v>
      </c>
      <c r="L29569" t="s">
        <v>995</v>
      </c>
      <c r="M29569" t="s">
        <v>83</v>
      </c>
      <c r="N29569" t="s">
        <v>91</v>
      </c>
      <c r="O29569" t="s">
        <v>85</v>
      </c>
      <c r="P29569" t="s">
        <v>86</v>
      </c>
      <c r="Q29569">
        <v>32</v>
      </c>
      <c r="R29569">
        <v>32</v>
      </c>
      <c r="S29569">
        <v>32</v>
      </c>
      <c r="T29569">
        <v>33</v>
      </c>
      <c r="U29569">
        <v>33</v>
      </c>
      <c r="V29569">
        <v>34</v>
      </c>
      <c r="W29569">
        <v>34</v>
      </c>
      <c r="X29569">
        <v>34</v>
      </c>
      <c r="Y29569">
        <v>35</v>
      </c>
      <c r="Z29569">
        <v>35</v>
      </c>
      <c r="AA29569">
        <v>35</v>
      </c>
      <c r="AB29569">
        <v>36</v>
      </c>
      <c r="AC29569">
        <v>36</v>
      </c>
      <c r="AD29569">
        <v>37</v>
      </c>
      <c r="AE29569">
        <v>37</v>
      </c>
      <c r="AF29569">
        <v>37</v>
      </c>
      <c r="AG29569">
        <v>38</v>
      </c>
      <c r="AH29569">
        <v>38</v>
      </c>
      <c r="AI29569">
        <v>39</v>
      </c>
      <c r="AJ29569">
        <v>39</v>
      </c>
      <c r="AK29569">
        <v>39</v>
      </c>
      <c r="AL29569">
        <v>40</v>
      </c>
      <c r="AM29569">
        <v>40</v>
      </c>
      <c r="AN29569">
        <v>40</v>
      </c>
      <c r="AO29569">
        <v>40</v>
      </c>
      <c r="AP29569">
        <v>40</v>
      </c>
      <c r="AQ29569">
        <v>40</v>
      </c>
    </row>
    <row r="29570" spans="1:43">
      <c r="A29570" t="s">
        <v>18317</v>
      </c>
      <c r="B29570" t="s">
        <v>18318</v>
      </c>
      <c r="C29570" t="s">
        <v>18195</v>
      </c>
      <c r="D29570" t="s">
        <v>18196</v>
      </c>
      <c r="E29570" t="s">
        <v>18191</v>
      </c>
      <c r="F29570" t="s">
        <v>18192</v>
      </c>
      <c r="G29570" t="s">
        <v>10734</v>
      </c>
      <c r="H29570" t="s">
        <v>10735</v>
      </c>
      <c r="I29570" s="2">
        <v>0</v>
      </c>
      <c r="J29570" s="2">
        <v>0</v>
      </c>
      <c r="K29570" s="2">
        <v>1</v>
      </c>
      <c r="L29570" t="s">
        <v>995</v>
      </c>
      <c r="M29570" t="s">
        <v>83</v>
      </c>
      <c r="N29570" t="s">
        <v>84</v>
      </c>
      <c r="O29570" t="s">
        <v>85</v>
      </c>
      <c r="P29570" t="s">
        <v>86</v>
      </c>
      <c r="Q29570">
        <v>43</v>
      </c>
      <c r="R29570">
        <v>44</v>
      </c>
      <c r="S29570">
        <v>45</v>
      </c>
      <c r="T29570">
        <v>45</v>
      </c>
      <c r="U29570">
        <v>46</v>
      </c>
      <c r="V29570">
        <v>46</v>
      </c>
      <c r="W29570">
        <v>47</v>
      </c>
      <c r="X29570">
        <v>48</v>
      </c>
      <c r="Y29570">
        <v>48</v>
      </c>
      <c r="Z29570">
        <v>49</v>
      </c>
      <c r="AA29570">
        <v>50</v>
      </c>
      <c r="AB29570">
        <v>50</v>
      </c>
      <c r="AC29570">
        <v>51</v>
      </c>
      <c r="AD29570">
        <v>52</v>
      </c>
      <c r="AE29570">
        <v>52</v>
      </c>
      <c r="AF29570">
        <v>53</v>
      </c>
      <c r="AG29570">
        <v>53</v>
      </c>
      <c r="AH29570">
        <v>54</v>
      </c>
      <c r="AI29570">
        <v>55</v>
      </c>
      <c r="AJ29570">
        <v>55</v>
      </c>
      <c r="AK29570">
        <v>56</v>
      </c>
      <c r="AL29570">
        <v>57</v>
      </c>
      <c r="AM29570">
        <v>57</v>
      </c>
      <c r="AN29570">
        <v>57</v>
      </c>
      <c r="AO29570">
        <v>57</v>
      </c>
      <c r="AP29570">
        <v>58</v>
      </c>
      <c r="AQ29570">
        <v>58</v>
      </c>
    </row>
    <row r="29571" spans="1:43">
      <c r="A29571" t="s">
        <v>18317</v>
      </c>
      <c r="B29571" t="s">
        <v>18318</v>
      </c>
      <c r="C29571" t="s">
        <v>18195</v>
      </c>
      <c r="D29571" t="s">
        <v>18196</v>
      </c>
      <c r="E29571" t="s">
        <v>18191</v>
      </c>
      <c r="F29571" t="s">
        <v>18192</v>
      </c>
      <c r="G29571" t="s">
        <v>10734</v>
      </c>
      <c r="H29571" t="s">
        <v>10735</v>
      </c>
      <c r="I29571" s="2">
        <v>0</v>
      </c>
      <c r="J29571" s="2">
        <v>0</v>
      </c>
      <c r="K29571" s="2">
        <v>1</v>
      </c>
      <c r="L29571" t="s">
        <v>995</v>
      </c>
      <c r="M29571" t="s">
        <v>87</v>
      </c>
      <c r="N29571" t="s">
        <v>88</v>
      </c>
      <c r="O29571" t="s">
        <v>85</v>
      </c>
      <c r="P29571" t="s">
        <v>86</v>
      </c>
      <c r="Q29571">
        <v>43</v>
      </c>
      <c r="R29571">
        <v>43</v>
      </c>
      <c r="S29571">
        <v>43</v>
      </c>
      <c r="T29571">
        <v>44</v>
      </c>
      <c r="U29571">
        <v>44</v>
      </c>
      <c r="V29571">
        <v>44</v>
      </c>
      <c r="W29571">
        <v>44</v>
      </c>
      <c r="X29571">
        <v>44</v>
      </c>
      <c r="Y29571">
        <v>45</v>
      </c>
      <c r="Z29571">
        <v>45</v>
      </c>
      <c r="AA29571">
        <v>45</v>
      </c>
      <c r="AB29571">
        <v>45</v>
      </c>
      <c r="AC29571">
        <v>46</v>
      </c>
      <c r="AD29571">
        <v>46</v>
      </c>
      <c r="AE29571">
        <v>46</v>
      </c>
      <c r="AF29571">
        <v>47</v>
      </c>
      <c r="AG29571">
        <v>47</v>
      </c>
      <c r="AH29571">
        <v>47</v>
      </c>
      <c r="AI29571">
        <v>47</v>
      </c>
      <c r="AJ29571">
        <v>48</v>
      </c>
      <c r="AK29571">
        <v>48</v>
      </c>
      <c r="AL29571">
        <v>48</v>
      </c>
      <c r="AM29571">
        <v>49</v>
      </c>
      <c r="AN29571">
        <v>49</v>
      </c>
      <c r="AO29571">
        <v>49</v>
      </c>
      <c r="AP29571">
        <v>50</v>
      </c>
      <c r="AQ29571">
        <v>50</v>
      </c>
    </row>
    <row r="29572" spans="1:43">
      <c r="A29572" t="s">
        <v>18317</v>
      </c>
      <c r="B29572" t="s">
        <v>18318</v>
      </c>
      <c r="C29572" t="s">
        <v>18195</v>
      </c>
      <c r="D29572" t="s">
        <v>18196</v>
      </c>
      <c r="E29572" t="s">
        <v>18191</v>
      </c>
      <c r="F29572" t="s">
        <v>18192</v>
      </c>
      <c r="G29572" t="s">
        <v>10734</v>
      </c>
      <c r="H29572" t="s">
        <v>10735</v>
      </c>
      <c r="I29572" s="2">
        <v>0</v>
      </c>
      <c r="J29572" s="2">
        <v>0</v>
      </c>
      <c r="K29572" s="2">
        <v>1</v>
      </c>
      <c r="L29572" t="s">
        <v>995</v>
      </c>
      <c r="M29572" t="s">
        <v>89</v>
      </c>
      <c r="N29572" t="s">
        <v>90</v>
      </c>
      <c r="O29572" t="s">
        <v>85</v>
      </c>
      <c r="P29572" t="s">
        <v>86</v>
      </c>
      <c r="Q29572">
        <v>43</v>
      </c>
      <c r="R29572">
        <v>44</v>
      </c>
      <c r="S29572">
        <v>45</v>
      </c>
      <c r="T29572">
        <v>46</v>
      </c>
      <c r="U29572">
        <v>47</v>
      </c>
      <c r="V29572">
        <v>48</v>
      </c>
      <c r="W29572">
        <v>49</v>
      </c>
      <c r="X29572">
        <v>49</v>
      </c>
      <c r="Y29572">
        <v>50</v>
      </c>
      <c r="Z29572">
        <v>51</v>
      </c>
      <c r="AA29572">
        <v>52</v>
      </c>
      <c r="AB29572">
        <v>53</v>
      </c>
      <c r="AC29572">
        <v>53</v>
      </c>
      <c r="AD29572">
        <v>54</v>
      </c>
      <c r="AE29572">
        <v>55</v>
      </c>
      <c r="AF29572">
        <v>55</v>
      </c>
      <c r="AG29572">
        <v>55</v>
      </c>
      <c r="AH29572">
        <v>56</v>
      </c>
      <c r="AI29572">
        <v>56</v>
      </c>
      <c r="AJ29572">
        <v>56</v>
      </c>
      <c r="AK29572">
        <v>56</v>
      </c>
      <c r="AL29572">
        <v>57</v>
      </c>
      <c r="AM29572">
        <v>57</v>
      </c>
      <c r="AN29572">
        <v>57</v>
      </c>
      <c r="AO29572">
        <v>57</v>
      </c>
      <c r="AP29572">
        <v>58</v>
      </c>
      <c r="AQ29572">
        <v>58</v>
      </c>
    </row>
    <row r="29573" spans="1:43">
      <c r="A29573" t="s">
        <v>18317</v>
      </c>
      <c r="B29573" t="s">
        <v>18318</v>
      </c>
      <c r="C29573" t="s">
        <v>18195</v>
      </c>
      <c r="D29573" t="s">
        <v>18196</v>
      </c>
      <c r="E29573" t="s">
        <v>18191</v>
      </c>
      <c r="F29573" t="s">
        <v>18192</v>
      </c>
      <c r="G29573" t="s">
        <v>10734</v>
      </c>
      <c r="H29573" t="s">
        <v>10735</v>
      </c>
      <c r="I29573" s="2">
        <v>0</v>
      </c>
      <c r="J29573" s="2">
        <v>0</v>
      </c>
      <c r="K29573" s="2">
        <v>1</v>
      </c>
      <c r="L29573" t="s">
        <v>995</v>
      </c>
      <c r="M29573" t="s">
        <v>83</v>
      </c>
      <c r="N29573" t="s">
        <v>91</v>
      </c>
      <c r="O29573" t="s">
        <v>85</v>
      </c>
      <c r="P29573" t="s">
        <v>86</v>
      </c>
      <c r="Q29573">
        <v>43</v>
      </c>
      <c r="R29573">
        <v>44</v>
      </c>
      <c r="S29573">
        <v>45</v>
      </c>
      <c r="T29573">
        <v>45</v>
      </c>
      <c r="U29573">
        <v>46</v>
      </c>
      <c r="V29573">
        <v>46</v>
      </c>
      <c r="W29573">
        <v>47</v>
      </c>
      <c r="X29573">
        <v>48</v>
      </c>
      <c r="Y29573">
        <v>48</v>
      </c>
      <c r="Z29573">
        <v>49</v>
      </c>
      <c r="AA29573">
        <v>50</v>
      </c>
      <c r="AB29573">
        <v>50</v>
      </c>
      <c r="AC29573">
        <v>51</v>
      </c>
      <c r="AD29573">
        <v>52</v>
      </c>
      <c r="AE29573">
        <v>52</v>
      </c>
      <c r="AF29573">
        <v>53</v>
      </c>
      <c r="AG29573">
        <v>53</v>
      </c>
      <c r="AH29573">
        <v>54</v>
      </c>
      <c r="AI29573">
        <v>55</v>
      </c>
      <c r="AJ29573">
        <v>55</v>
      </c>
      <c r="AK29573">
        <v>56</v>
      </c>
      <c r="AL29573">
        <v>57</v>
      </c>
      <c r="AM29573">
        <v>57</v>
      </c>
      <c r="AN29573">
        <v>57</v>
      </c>
      <c r="AO29573">
        <v>57</v>
      </c>
      <c r="AP29573">
        <v>58</v>
      </c>
      <c r="AQ29573">
        <v>58</v>
      </c>
    </row>
    <row r="29574" spans="1:43">
      <c r="A29574" t="s">
        <v>18319</v>
      </c>
      <c r="B29574" t="s">
        <v>18320</v>
      </c>
      <c r="C29574" t="s">
        <v>18321</v>
      </c>
      <c r="D29574" t="s">
        <v>18322</v>
      </c>
      <c r="E29574" t="s">
        <v>18191</v>
      </c>
      <c r="F29574" t="s">
        <v>18192</v>
      </c>
      <c r="G29574" t="s">
        <v>10734</v>
      </c>
      <c r="H29574" t="s">
        <v>10735</v>
      </c>
      <c r="I29574" s="2">
        <v>0</v>
      </c>
      <c r="J29574" s="2">
        <v>0</v>
      </c>
      <c r="K29574" s="2">
        <v>1</v>
      </c>
      <c r="L29574" t="s">
        <v>995</v>
      </c>
      <c r="M29574" t="s">
        <v>83</v>
      </c>
      <c r="N29574" t="s">
        <v>84</v>
      </c>
      <c r="O29574" t="s">
        <v>85</v>
      </c>
      <c r="P29574" t="s">
        <v>86</v>
      </c>
      <c r="Q29574">
        <v>56</v>
      </c>
      <c r="R29574">
        <v>57</v>
      </c>
      <c r="S29574">
        <v>58</v>
      </c>
      <c r="T29574">
        <v>59</v>
      </c>
      <c r="U29574">
        <v>60</v>
      </c>
      <c r="V29574">
        <v>60</v>
      </c>
      <c r="W29574">
        <v>61</v>
      </c>
      <c r="X29574">
        <v>62</v>
      </c>
      <c r="Y29574">
        <v>63</v>
      </c>
      <c r="Z29574">
        <v>63</v>
      </c>
      <c r="AA29574">
        <v>64</v>
      </c>
      <c r="AB29574">
        <v>65</v>
      </c>
      <c r="AC29574">
        <v>66</v>
      </c>
      <c r="AD29574">
        <v>66</v>
      </c>
      <c r="AE29574">
        <v>67</v>
      </c>
      <c r="AF29574">
        <v>68</v>
      </c>
      <c r="AG29574">
        <v>69</v>
      </c>
      <c r="AH29574">
        <v>70</v>
      </c>
      <c r="AI29574">
        <v>70</v>
      </c>
      <c r="AJ29574">
        <v>71</v>
      </c>
      <c r="AK29574">
        <v>72</v>
      </c>
      <c r="AL29574">
        <v>72</v>
      </c>
      <c r="AM29574">
        <v>73</v>
      </c>
      <c r="AN29574">
        <v>73</v>
      </c>
      <c r="AO29574">
        <v>73</v>
      </c>
      <c r="AP29574">
        <v>74</v>
      </c>
      <c r="AQ29574">
        <v>74</v>
      </c>
    </row>
    <row r="29575" spans="1:43">
      <c r="A29575" t="s">
        <v>18319</v>
      </c>
      <c r="B29575" t="s">
        <v>18320</v>
      </c>
      <c r="C29575" t="s">
        <v>18321</v>
      </c>
      <c r="D29575" t="s">
        <v>18322</v>
      </c>
      <c r="E29575" t="s">
        <v>18191</v>
      </c>
      <c r="F29575" t="s">
        <v>18192</v>
      </c>
      <c r="G29575" t="s">
        <v>10734</v>
      </c>
      <c r="H29575" t="s">
        <v>10735</v>
      </c>
      <c r="I29575" s="2">
        <v>0</v>
      </c>
      <c r="J29575" s="2">
        <v>0</v>
      </c>
      <c r="K29575" s="2">
        <v>1</v>
      </c>
      <c r="L29575" t="s">
        <v>995</v>
      </c>
      <c r="M29575" t="s">
        <v>87</v>
      </c>
      <c r="N29575" t="s">
        <v>88</v>
      </c>
      <c r="O29575" t="s">
        <v>85</v>
      </c>
      <c r="P29575" t="s">
        <v>86</v>
      </c>
      <c r="Q29575">
        <v>56</v>
      </c>
      <c r="R29575">
        <v>56</v>
      </c>
      <c r="S29575">
        <v>56</v>
      </c>
      <c r="T29575">
        <v>57</v>
      </c>
      <c r="U29575">
        <v>57</v>
      </c>
      <c r="V29575">
        <v>57</v>
      </c>
      <c r="W29575">
        <v>57</v>
      </c>
      <c r="X29575">
        <v>58</v>
      </c>
      <c r="Y29575">
        <v>58</v>
      </c>
      <c r="Z29575">
        <v>58</v>
      </c>
      <c r="AA29575">
        <v>58</v>
      </c>
      <c r="AB29575">
        <v>59</v>
      </c>
      <c r="AC29575">
        <v>59</v>
      </c>
      <c r="AD29575">
        <v>59</v>
      </c>
      <c r="AE29575">
        <v>60</v>
      </c>
      <c r="AF29575">
        <v>60</v>
      </c>
      <c r="AG29575">
        <v>60</v>
      </c>
      <c r="AH29575">
        <v>61</v>
      </c>
      <c r="AI29575">
        <v>61</v>
      </c>
      <c r="AJ29575">
        <v>61</v>
      </c>
      <c r="AK29575">
        <v>62</v>
      </c>
      <c r="AL29575">
        <v>62</v>
      </c>
      <c r="AM29575">
        <v>62</v>
      </c>
      <c r="AN29575">
        <v>63</v>
      </c>
      <c r="AO29575">
        <v>63</v>
      </c>
      <c r="AP29575">
        <v>64</v>
      </c>
      <c r="AQ29575">
        <v>64</v>
      </c>
    </row>
    <row r="29576" spans="1:43">
      <c r="A29576" t="s">
        <v>18319</v>
      </c>
      <c r="B29576" t="s">
        <v>18320</v>
      </c>
      <c r="C29576" t="s">
        <v>18321</v>
      </c>
      <c r="D29576" t="s">
        <v>18322</v>
      </c>
      <c r="E29576" t="s">
        <v>18191</v>
      </c>
      <c r="F29576" t="s">
        <v>18192</v>
      </c>
      <c r="G29576" t="s">
        <v>10734</v>
      </c>
      <c r="H29576" t="s">
        <v>10735</v>
      </c>
      <c r="I29576" s="2">
        <v>0</v>
      </c>
      <c r="J29576" s="2">
        <v>0</v>
      </c>
      <c r="K29576" s="2">
        <v>1</v>
      </c>
      <c r="L29576" t="s">
        <v>995</v>
      </c>
      <c r="M29576" t="s">
        <v>89</v>
      </c>
      <c r="N29576" t="s">
        <v>90</v>
      </c>
      <c r="O29576" t="s">
        <v>85</v>
      </c>
      <c r="P29576" t="s">
        <v>86</v>
      </c>
      <c r="Q29576">
        <v>56</v>
      </c>
      <c r="R29576">
        <v>57</v>
      </c>
      <c r="S29576">
        <v>59</v>
      </c>
      <c r="T29576">
        <v>60</v>
      </c>
      <c r="U29576">
        <v>61</v>
      </c>
      <c r="V29576">
        <v>62</v>
      </c>
      <c r="W29576">
        <v>63</v>
      </c>
      <c r="X29576">
        <v>64</v>
      </c>
      <c r="Y29576">
        <v>65</v>
      </c>
      <c r="Z29576">
        <v>66</v>
      </c>
      <c r="AA29576">
        <v>67</v>
      </c>
      <c r="AB29576">
        <v>68</v>
      </c>
      <c r="AC29576">
        <v>69</v>
      </c>
      <c r="AD29576">
        <v>70</v>
      </c>
      <c r="AE29576">
        <v>71</v>
      </c>
      <c r="AF29576">
        <v>71</v>
      </c>
      <c r="AG29576">
        <v>71</v>
      </c>
      <c r="AH29576">
        <v>71</v>
      </c>
      <c r="AI29576">
        <v>72</v>
      </c>
      <c r="AJ29576">
        <v>72</v>
      </c>
      <c r="AK29576">
        <v>72</v>
      </c>
      <c r="AL29576">
        <v>72</v>
      </c>
      <c r="AM29576">
        <v>73</v>
      </c>
      <c r="AN29576">
        <v>73</v>
      </c>
      <c r="AO29576">
        <v>73</v>
      </c>
      <c r="AP29576">
        <v>73</v>
      </c>
      <c r="AQ29576">
        <v>74</v>
      </c>
    </row>
    <row r="29577" spans="1:43">
      <c r="A29577" t="s">
        <v>18319</v>
      </c>
      <c r="B29577" t="s">
        <v>18320</v>
      </c>
      <c r="C29577" t="s">
        <v>18321</v>
      </c>
      <c r="D29577" t="s">
        <v>18322</v>
      </c>
      <c r="E29577" t="s">
        <v>18191</v>
      </c>
      <c r="F29577" t="s">
        <v>18192</v>
      </c>
      <c r="G29577" t="s">
        <v>10734</v>
      </c>
      <c r="H29577" t="s">
        <v>10735</v>
      </c>
      <c r="I29577" s="2">
        <v>0</v>
      </c>
      <c r="J29577" s="2">
        <v>0</v>
      </c>
      <c r="K29577" s="2">
        <v>1</v>
      </c>
      <c r="L29577" t="s">
        <v>995</v>
      </c>
      <c r="M29577" t="s">
        <v>83</v>
      </c>
      <c r="N29577" t="s">
        <v>91</v>
      </c>
      <c r="O29577" t="s">
        <v>85</v>
      </c>
      <c r="P29577" t="s">
        <v>86</v>
      </c>
      <c r="Q29577">
        <v>56</v>
      </c>
      <c r="R29577">
        <v>57</v>
      </c>
      <c r="S29577">
        <v>58</v>
      </c>
      <c r="T29577">
        <v>59</v>
      </c>
      <c r="U29577">
        <v>60</v>
      </c>
      <c r="V29577">
        <v>60</v>
      </c>
      <c r="W29577">
        <v>61</v>
      </c>
      <c r="X29577">
        <v>62</v>
      </c>
      <c r="Y29577">
        <v>63</v>
      </c>
      <c r="Z29577">
        <v>63</v>
      </c>
      <c r="AA29577">
        <v>64</v>
      </c>
      <c r="AB29577">
        <v>65</v>
      </c>
      <c r="AC29577">
        <v>66</v>
      </c>
      <c r="AD29577">
        <v>66</v>
      </c>
      <c r="AE29577">
        <v>67</v>
      </c>
      <c r="AF29577">
        <v>68</v>
      </c>
      <c r="AG29577">
        <v>69</v>
      </c>
      <c r="AH29577">
        <v>70</v>
      </c>
      <c r="AI29577">
        <v>70</v>
      </c>
      <c r="AJ29577">
        <v>71</v>
      </c>
      <c r="AK29577">
        <v>72</v>
      </c>
      <c r="AL29577">
        <v>72</v>
      </c>
      <c r="AM29577">
        <v>73</v>
      </c>
      <c r="AN29577">
        <v>73</v>
      </c>
      <c r="AO29577">
        <v>73</v>
      </c>
      <c r="AP29577">
        <v>74</v>
      </c>
      <c r="AQ29577">
        <v>74</v>
      </c>
    </row>
    <row r="29578" spans="1:43">
      <c r="A29578" t="s">
        <v>18323</v>
      </c>
      <c r="B29578" t="s">
        <v>18324</v>
      </c>
      <c r="C29578" t="s">
        <v>18211</v>
      </c>
      <c r="D29578" t="s">
        <v>18212</v>
      </c>
      <c r="E29578" t="s">
        <v>18191</v>
      </c>
      <c r="F29578" t="s">
        <v>18192</v>
      </c>
      <c r="G29578" t="s">
        <v>10734</v>
      </c>
      <c r="H29578" t="s">
        <v>10735</v>
      </c>
      <c r="I29578" s="2">
        <v>0</v>
      </c>
      <c r="J29578" s="2">
        <v>0</v>
      </c>
      <c r="K29578" s="2">
        <v>1</v>
      </c>
      <c r="L29578" t="s">
        <v>995</v>
      </c>
      <c r="M29578" t="s">
        <v>83</v>
      </c>
      <c r="N29578" t="s">
        <v>84</v>
      </c>
      <c r="O29578" t="s">
        <v>85</v>
      </c>
      <c r="P29578" t="s">
        <v>86</v>
      </c>
      <c r="Q29578">
        <v>31</v>
      </c>
      <c r="R29578">
        <v>31</v>
      </c>
      <c r="S29578">
        <v>32</v>
      </c>
      <c r="T29578">
        <v>32</v>
      </c>
      <c r="U29578">
        <v>33</v>
      </c>
      <c r="V29578">
        <v>33</v>
      </c>
      <c r="W29578">
        <v>34</v>
      </c>
      <c r="X29578">
        <v>34</v>
      </c>
      <c r="Y29578">
        <v>34</v>
      </c>
      <c r="Z29578">
        <v>35</v>
      </c>
      <c r="AA29578">
        <v>35</v>
      </c>
      <c r="AB29578">
        <v>36</v>
      </c>
      <c r="AC29578">
        <v>36</v>
      </c>
      <c r="AD29578">
        <v>37</v>
      </c>
      <c r="AE29578">
        <v>37</v>
      </c>
      <c r="AF29578">
        <v>37</v>
      </c>
      <c r="AG29578">
        <v>38</v>
      </c>
      <c r="AH29578">
        <v>38</v>
      </c>
      <c r="AI29578">
        <v>39</v>
      </c>
      <c r="AJ29578">
        <v>39</v>
      </c>
      <c r="AK29578">
        <v>40</v>
      </c>
      <c r="AL29578">
        <v>40</v>
      </c>
      <c r="AM29578">
        <v>40</v>
      </c>
      <c r="AN29578">
        <v>40</v>
      </c>
      <c r="AO29578">
        <v>40</v>
      </c>
      <c r="AP29578">
        <v>41</v>
      </c>
      <c r="AQ29578">
        <v>41</v>
      </c>
    </row>
    <row r="29579" spans="1:43">
      <c r="A29579" t="s">
        <v>18323</v>
      </c>
      <c r="B29579" t="s">
        <v>18324</v>
      </c>
      <c r="C29579" t="s">
        <v>18211</v>
      </c>
      <c r="D29579" t="s">
        <v>18212</v>
      </c>
      <c r="E29579" t="s">
        <v>18191</v>
      </c>
      <c r="F29579" t="s">
        <v>18192</v>
      </c>
      <c r="G29579" t="s">
        <v>10734</v>
      </c>
      <c r="H29579" t="s">
        <v>10735</v>
      </c>
      <c r="I29579" s="2">
        <v>0</v>
      </c>
      <c r="J29579" s="2">
        <v>0</v>
      </c>
      <c r="K29579" s="2">
        <v>1</v>
      </c>
      <c r="L29579" t="s">
        <v>995</v>
      </c>
      <c r="M29579" t="s">
        <v>87</v>
      </c>
      <c r="N29579" t="s">
        <v>88</v>
      </c>
      <c r="O29579" t="s">
        <v>85</v>
      </c>
      <c r="P29579" t="s">
        <v>86</v>
      </c>
      <c r="Q29579">
        <v>31</v>
      </c>
      <c r="R29579">
        <v>31</v>
      </c>
      <c r="S29579">
        <v>31</v>
      </c>
      <c r="T29579">
        <v>31</v>
      </c>
      <c r="U29579">
        <v>31</v>
      </c>
      <c r="V29579">
        <v>31</v>
      </c>
      <c r="W29579">
        <v>32</v>
      </c>
      <c r="X29579">
        <v>32</v>
      </c>
      <c r="Y29579">
        <v>32</v>
      </c>
      <c r="Z29579">
        <v>32</v>
      </c>
      <c r="AA29579">
        <v>32</v>
      </c>
      <c r="AB29579">
        <v>32</v>
      </c>
      <c r="AC29579">
        <v>32</v>
      </c>
      <c r="AD29579">
        <v>33</v>
      </c>
      <c r="AE29579">
        <v>33</v>
      </c>
      <c r="AF29579">
        <v>33</v>
      </c>
      <c r="AG29579">
        <v>33</v>
      </c>
      <c r="AH29579">
        <v>33</v>
      </c>
      <c r="AI29579">
        <v>33</v>
      </c>
      <c r="AJ29579">
        <v>34</v>
      </c>
      <c r="AK29579">
        <v>34</v>
      </c>
      <c r="AL29579">
        <v>34</v>
      </c>
      <c r="AM29579">
        <v>34</v>
      </c>
      <c r="AN29579">
        <v>35</v>
      </c>
      <c r="AO29579">
        <v>35</v>
      </c>
      <c r="AP29579">
        <v>35</v>
      </c>
      <c r="AQ29579">
        <v>35</v>
      </c>
    </row>
    <row r="29580" spans="1:43">
      <c r="A29580" t="s">
        <v>18323</v>
      </c>
      <c r="B29580" t="s">
        <v>18324</v>
      </c>
      <c r="C29580" t="s">
        <v>18211</v>
      </c>
      <c r="D29580" t="s">
        <v>18212</v>
      </c>
      <c r="E29580" t="s">
        <v>18191</v>
      </c>
      <c r="F29580" t="s">
        <v>18192</v>
      </c>
      <c r="G29580" t="s">
        <v>10734</v>
      </c>
      <c r="H29580" t="s">
        <v>10735</v>
      </c>
      <c r="I29580" s="2">
        <v>0</v>
      </c>
      <c r="J29580" s="2">
        <v>0</v>
      </c>
      <c r="K29580" s="2">
        <v>1</v>
      </c>
      <c r="L29580" t="s">
        <v>995</v>
      </c>
      <c r="M29580" t="s">
        <v>89</v>
      </c>
      <c r="N29580" t="s">
        <v>90</v>
      </c>
      <c r="O29580" t="s">
        <v>85</v>
      </c>
      <c r="P29580" t="s">
        <v>86</v>
      </c>
      <c r="Q29580">
        <v>31</v>
      </c>
      <c r="R29580">
        <v>32</v>
      </c>
      <c r="S29580">
        <v>33</v>
      </c>
      <c r="T29580">
        <v>33</v>
      </c>
      <c r="U29580">
        <v>34</v>
      </c>
      <c r="V29580">
        <v>35</v>
      </c>
      <c r="W29580">
        <v>35</v>
      </c>
      <c r="X29580">
        <v>36</v>
      </c>
      <c r="Y29580">
        <v>36</v>
      </c>
      <c r="Z29580">
        <v>37</v>
      </c>
      <c r="AA29580">
        <v>38</v>
      </c>
      <c r="AB29580">
        <v>38</v>
      </c>
      <c r="AC29580">
        <v>39</v>
      </c>
      <c r="AD29580">
        <v>39</v>
      </c>
      <c r="AE29580">
        <v>40</v>
      </c>
      <c r="AF29580">
        <v>40</v>
      </c>
      <c r="AG29580">
        <v>40</v>
      </c>
      <c r="AH29580">
        <v>40</v>
      </c>
      <c r="AI29580">
        <v>40</v>
      </c>
      <c r="AJ29580">
        <v>40</v>
      </c>
      <c r="AK29580">
        <v>40</v>
      </c>
      <c r="AL29580">
        <v>40</v>
      </c>
      <c r="AM29580">
        <v>41</v>
      </c>
      <c r="AN29580">
        <v>41</v>
      </c>
      <c r="AO29580">
        <v>41</v>
      </c>
      <c r="AP29580">
        <v>41</v>
      </c>
      <c r="AQ29580">
        <v>41</v>
      </c>
    </row>
    <row r="29581" spans="1:43">
      <c r="A29581" t="s">
        <v>18323</v>
      </c>
      <c r="B29581" t="s">
        <v>18324</v>
      </c>
      <c r="C29581" t="s">
        <v>18211</v>
      </c>
      <c r="D29581" t="s">
        <v>18212</v>
      </c>
      <c r="E29581" t="s">
        <v>18191</v>
      </c>
      <c r="F29581" t="s">
        <v>18192</v>
      </c>
      <c r="G29581" t="s">
        <v>10734</v>
      </c>
      <c r="H29581" t="s">
        <v>10735</v>
      </c>
      <c r="I29581" s="2">
        <v>0</v>
      </c>
      <c r="J29581" s="2">
        <v>0</v>
      </c>
      <c r="K29581" s="2">
        <v>1</v>
      </c>
      <c r="L29581" t="s">
        <v>995</v>
      </c>
      <c r="M29581" t="s">
        <v>83</v>
      </c>
      <c r="N29581" t="s">
        <v>91</v>
      </c>
      <c r="O29581" t="s">
        <v>85</v>
      </c>
      <c r="P29581" t="s">
        <v>86</v>
      </c>
      <c r="Q29581">
        <v>31</v>
      </c>
      <c r="R29581">
        <v>31</v>
      </c>
      <c r="S29581">
        <v>32</v>
      </c>
      <c r="T29581">
        <v>32</v>
      </c>
      <c r="U29581">
        <v>33</v>
      </c>
      <c r="V29581">
        <v>33</v>
      </c>
      <c r="W29581">
        <v>34</v>
      </c>
      <c r="X29581">
        <v>34</v>
      </c>
      <c r="Y29581">
        <v>34</v>
      </c>
      <c r="Z29581">
        <v>35</v>
      </c>
      <c r="AA29581">
        <v>35</v>
      </c>
      <c r="AB29581">
        <v>36</v>
      </c>
      <c r="AC29581">
        <v>36</v>
      </c>
      <c r="AD29581">
        <v>37</v>
      </c>
      <c r="AE29581">
        <v>37</v>
      </c>
      <c r="AF29581">
        <v>37</v>
      </c>
      <c r="AG29581">
        <v>38</v>
      </c>
      <c r="AH29581">
        <v>38</v>
      </c>
      <c r="AI29581">
        <v>39</v>
      </c>
      <c r="AJ29581">
        <v>39</v>
      </c>
      <c r="AK29581">
        <v>40</v>
      </c>
      <c r="AL29581">
        <v>40</v>
      </c>
      <c r="AM29581">
        <v>40</v>
      </c>
      <c r="AN29581">
        <v>40</v>
      </c>
      <c r="AO29581">
        <v>40</v>
      </c>
      <c r="AP29581">
        <v>41</v>
      </c>
      <c r="AQ29581">
        <v>41</v>
      </c>
    </row>
    <row r="29582" spans="1:43">
      <c r="A29582" t="s">
        <v>18325</v>
      </c>
      <c r="B29582" t="s">
        <v>18326</v>
      </c>
      <c r="C29582" t="s">
        <v>18229</v>
      </c>
      <c r="D29582" t="s">
        <v>18230</v>
      </c>
      <c r="E29582" t="s">
        <v>18191</v>
      </c>
      <c r="F29582" t="s">
        <v>18192</v>
      </c>
      <c r="G29582" t="s">
        <v>10734</v>
      </c>
      <c r="H29582" t="s">
        <v>10735</v>
      </c>
      <c r="I29582" s="2">
        <v>0</v>
      </c>
      <c r="J29582" s="2">
        <v>0</v>
      </c>
      <c r="K29582" s="2">
        <v>1</v>
      </c>
      <c r="L29582" t="s">
        <v>995</v>
      </c>
      <c r="M29582" t="s">
        <v>83</v>
      </c>
      <c r="N29582" t="s">
        <v>84</v>
      </c>
      <c r="O29582" t="s">
        <v>85</v>
      </c>
      <c r="P29582" t="s">
        <v>86</v>
      </c>
      <c r="Q29582">
        <v>52</v>
      </c>
      <c r="R29582">
        <v>53</v>
      </c>
      <c r="S29582">
        <v>53</v>
      </c>
      <c r="T29582">
        <v>54</v>
      </c>
      <c r="U29582">
        <v>55</v>
      </c>
      <c r="V29582">
        <v>55</v>
      </c>
      <c r="W29582">
        <v>56</v>
      </c>
      <c r="X29582">
        <v>57</v>
      </c>
      <c r="Y29582">
        <v>57</v>
      </c>
      <c r="Z29582">
        <v>58</v>
      </c>
      <c r="AA29582">
        <v>59</v>
      </c>
      <c r="AB29582">
        <v>59</v>
      </c>
      <c r="AC29582">
        <v>60</v>
      </c>
      <c r="AD29582">
        <v>61</v>
      </c>
      <c r="AE29582">
        <v>62</v>
      </c>
      <c r="AF29582">
        <v>62</v>
      </c>
      <c r="AG29582">
        <v>63</v>
      </c>
      <c r="AH29582">
        <v>64</v>
      </c>
      <c r="AI29582">
        <v>64</v>
      </c>
      <c r="AJ29582">
        <v>65</v>
      </c>
      <c r="AK29582">
        <v>66</v>
      </c>
      <c r="AL29582">
        <v>66</v>
      </c>
      <c r="AM29582">
        <v>66</v>
      </c>
      <c r="AN29582">
        <v>67</v>
      </c>
      <c r="AO29582">
        <v>67</v>
      </c>
      <c r="AP29582">
        <v>67</v>
      </c>
      <c r="AQ29582">
        <v>67</v>
      </c>
    </row>
    <row r="29583" spans="1:43">
      <c r="A29583" t="s">
        <v>18325</v>
      </c>
      <c r="B29583" t="s">
        <v>18326</v>
      </c>
      <c r="C29583" t="s">
        <v>18229</v>
      </c>
      <c r="D29583" t="s">
        <v>18230</v>
      </c>
      <c r="E29583" t="s">
        <v>18191</v>
      </c>
      <c r="F29583" t="s">
        <v>18192</v>
      </c>
      <c r="G29583" t="s">
        <v>10734</v>
      </c>
      <c r="H29583" t="s">
        <v>10735</v>
      </c>
      <c r="I29583" s="2">
        <v>0</v>
      </c>
      <c r="J29583" s="2">
        <v>0</v>
      </c>
      <c r="K29583" s="2">
        <v>1</v>
      </c>
      <c r="L29583" t="s">
        <v>995</v>
      </c>
      <c r="M29583" t="s">
        <v>87</v>
      </c>
      <c r="N29583" t="s">
        <v>88</v>
      </c>
      <c r="O29583" t="s">
        <v>85</v>
      </c>
      <c r="P29583" t="s">
        <v>86</v>
      </c>
      <c r="Q29583">
        <v>52</v>
      </c>
      <c r="R29583">
        <v>53</v>
      </c>
      <c r="S29583">
        <v>53</v>
      </c>
      <c r="T29583">
        <v>53</v>
      </c>
      <c r="U29583">
        <v>53</v>
      </c>
      <c r="V29583">
        <v>53</v>
      </c>
      <c r="W29583">
        <v>54</v>
      </c>
      <c r="X29583">
        <v>54</v>
      </c>
      <c r="Y29583">
        <v>54</v>
      </c>
      <c r="Z29583">
        <v>54</v>
      </c>
      <c r="AA29583">
        <v>55</v>
      </c>
      <c r="AB29583">
        <v>55</v>
      </c>
      <c r="AC29583">
        <v>55</v>
      </c>
      <c r="AD29583">
        <v>55</v>
      </c>
      <c r="AE29583">
        <v>56</v>
      </c>
      <c r="AF29583">
        <v>56</v>
      </c>
      <c r="AG29583">
        <v>56</v>
      </c>
      <c r="AH29583">
        <v>56</v>
      </c>
      <c r="AI29583">
        <v>57</v>
      </c>
      <c r="AJ29583">
        <v>57</v>
      </c>
      <c r="AK29583">
        <v>57</v>
      </c>
      <c r="AL29583">
        <v>58</v>
      </c>
      <c r="AM29583">
        <v>58</v>
      </c>
      <c r="AN29583">
        <v>58</v>
      </c>
      <c r="AO29583">
        <v>59</v>
      </c>
      <c r="AP29583">
        <v>59</v>
      </c>
      <c r="AQ29583">
        <v>59</v>
      </c>
    </row>
    <row r="29584" spans="1:43">
      <c r="A29584" t="s">
        <v>18325</v>
      </c>
      <c r="B29584" t="s">
        <v>18326</v>
      </c>
      <c r="C29584" t="s">
        <v>18229</v>
      </c>
      <c r="D29584" t="s">
        <v>18230</v>
      </c>
      <c r="E29584" t="s">
        <v>18191</v>
      </c>
      <c r="F29584" t="s">
        <v>18192</v>
      </c>
      <c r="G29584" t="s">
        <v>10734</v>
      </c>
      <c r="H29584" t="s">
        <v>10735</v>
      </c>
      <c r="I29584" s="2">
        <v>0</v>
      </c>
      <c r="J29584" s="2">
        <v>0</v>
      </c>
      <c r="K29584" s="2">
        <v>1</v>
      </c>
      <c r="L29584" t="s">
        <v>995</v>
      </c>
      <c r="M29584" t="s">
        <v>89</v>
      </c>
      <c r="N29584" t="s">
        <v>90</v>
      </c>
      <c r="O29584" t="s">
        <v>85</v>
      </c>
      <c r="P29584" t="s">
        <v>86</v>
      </c>
      <c r="Q29584">
        <v>52</v>
      </c>
      <c r="R29584">
        <v>53</v>
      </c>
      <c r="S29584">
        <v>55</v>
      </c>
      <c r="T29584">
        <v>56</v>
      </c>
      <c r="U29584">
        <v>57</v>
      </c>
      <c r="V29584">
        <v>58</v>
      </c>
      <c r="W29584">
        <v>59</v>
      </c>
      <c r="X29584">
        <v>60</v>
      </c>
      <c r="Y29584">
        <v>61</v>
      </c>
      <c r="Z29584">
        <v>62</v>
      </c>
      <c r="AA29584">
        <v>63</v>
      </c>
      <c r="AB29584">
        <v>63</v>
      </c>
      <c r="AC29584">
        <v>64</v>
      </c>
      <c r="AD29584">
        <v>65</v>
      </c>
      <c r="AE29584">
        <v>66</v>
      </c>
      <c r="AF29584">
        <v>66</v>
      </c>
      <c r="AG29584">
        <v>66</v>
      </c>
      <c r="AH29584">
        <v>66</v>
      </c>
      <c r="AI29584">
        <v>66</v>
      </c>
      <c r="AJ29584">
        <v>67</v>
      </c>
      <c r="AK29584">
        <v>67</v>
      </c>
      <c r="AL29584">
        <v>67</v>
      </c>
      <c r="AM29584">
        <v>67</v>
      </c>
      <c r="AN29584">
        <v>67</v>
      </c>
      <c r="AO29584">
        <v>68</v>
      </c>
      <c r="AP29584">
        <v>68</v>
      </c>
      <c r="AQ29584">
        <v>68</v>
      </c>
    </row>
    <row r="29585" spans="1:43">
      <c r="A29585" t="s">
        <v>18325</v>
      </c>
      <c r="B29585" t="s">
        <v>18326</v>
      </c>
      <c r="C29585" t="s">
        <v>18229</v>
      </c>
      <c r="D29585" t="s">
        <v>18230</v>
      </c>
      <c r="E29585" t="s">
        <v>18191</v>
      </c>
      <c r="F29585" t="s">
        <v>18192</v>
      </c>
      <c r="G29585" t="s">
        <v>10734</v>
      </c>
      <c r="H29585" t="s">
        <v>10735</v>
      </c>
      <c r="I29585" s="2">
        <v>0</v>
      </c>
      <c r="J29585" s="2">
        <v>0</v>
      </c>
      <c r="K29585" s="2">
        <v>1</v>
      </c>
      <c r="L29585" t="s">
        <v>995</v>
      </c>
      <c r="M29585" t="s">
        <v>83</v>
      </c>
      <c r="N29585" t="s">
        <v>91</v>
      </c>
      <c r="O29585" t="s">
        <v>85</v>
      </c>
      <c r="P29585" t="s">
        <v>86</v>
      </c>
      <c r="Q29585">
        <v>52</v>
      </c>
      <c r="R29585">
        <v>53</v>
      </c>
      <c r="S29585">
        <v>53</v>
      </c>
      <c r="T29585">
        <v>54</v>
      </c>
      <c r="U29585">
        <v>55</v>
      </c>
      <c r="V29585">
        <v>55</v>
      </c>
      <c r="W29585">
        <v>56</v>
      </c>
      <c r="X29585">
        <v>57</v>
      </c>
      <c r="Y29585">
        <v>57</v>
      </c>
      <c r="Z29585">
        <v>58</v>
      </c>
      <c r="AA29585">
        <v>59</v>
      </c>
      <c r="AB29585">
        <v>59</v>
      </c>
      <c r="AC29585">
        <v>60</v>
      </c>
      <c r="AD29585">
        <v>61</v>
      </c>
      <c r="AE29585">
        <v>62</v>
      </c>
      <c r="AF29585">
        <v>62</v>
      </c>
      <c r="AG29585">
        <v>63</v>
      </c>
      <c r="AH29585">
        <v>64</v>
      </c>
      <c r="AI29585">
        <v>64</v>
      </c>
      <c r="AJ29585">
        <v>65</v>
      </c>
      <c r="AK29585">
        <v>66</v>
      </c>
      <c r="AL29585">
        <v>66</v>
      </c>
      <c r="AM29585">
        <v>66</v>
      </c>
      <c r="AN29585">
        <v>67</v>
      </c>
      <c r="AO29585">
        <v>67</v>
      </c>
      <c r="AP29585">
        <v>67</v>
      </c>
      <c r="AQ29585">
        <v>67</v>
      </c>
    </row>
    <row r="29586" spans="1:43">
      <c r="A29586" t="s">
        <v>18327</v>
      </c>
      <c r="B29586" t="s">
        <v>18328</v>
      </c>
      <c r="C29586" t="s">
        <v>18229</v>
      </c>
      <c r="D29586" t="s">
        <v>18230</v>
      </c>
      <c r="E29586" t="s">
        <v>18191</v>
      </c>
      <c r="F29586" t="s">
        <v>18192</v>
      </c>
      <c r="G29586" t="s">
        <v>10734</v>
      </c>
      <c r="H29586" t="s">
        <v>10735</v>
      </c>
      <c r="I29586" s="2">
        <v>0</v>
      </c>
      <c r="J29586" s="2">
        <v>0</v>
      </c>
      <c r="K29586" s="2">
        <v>1</v>
      </c>
      <c r="L29586" t="s">
        <v>995</v>
      </c>
      <c r="M29586" t="s">
        <v>83</v>
      </c>
      <c r="N29586" t="s">
        <v>84</v>
      </c>
      <c r="O29586" t="s">
        <v>85</v>
      </c>
      <c r="P29586" t="s">
        <v>86</v>
      </c>
      <c r="Q29586">
        <v>26</v>
      </c>
      <c r="R29586">
        <v>26</v>
      </c>
      <c r="S29586">
        <v>26</v>
      </c>
      <c r="T29586">
        <v>27</v>
      </c>
      <c r="U29586">
        <v>27</v>
      </c>
      <c r="V29586">
        <v>27</v>
      </c>
      <c r="W29586">
        <v>28</v>
      </c>
      <c r="X29586">
        <v>28</v>
      </c>
      <c r="Y29586">
        <v>28</v>
      </c>
      <c r="Z29586">
        <v>29</v>
      </c>
      <c r="AA29586">
        <v>29</v>
      </c>
      <c r="AB29586">
        <v>29</v>
      </c>
      <c r="AC29586">
        <v>30</v>
      </c>
      <c r="AD29586">
        <v>30</v>
      </c>
      <c r="AE29586">
        <v>30</v>
      </c>
      <c r="AF29586">
        <v>31</v>
      </c>
      <c r="AG29586">
        <v>31</v>
      </c>
      <c r="AH29586">
        <v>32</v>
      </c>
      <c r="AI29586">
        <v>32</v>
      </c>
      <c r="AJ29586">
        <v>32</v>
      </c>
      <c r="AK29586">
        <v>33</v>
      </c>
      <c r="AL29586">
        <v>33</v>
      </c>
      <c r="AM29586">
        <v>33</v>
      </c>
      <c r="AN29586">
        <v>33</v>
      </c>
      <c r="AO29586">
        <v>33</v>
      </c>
      <c r="AP29586">
        <v>33</v>
      </c>
      <c r="AQ29586">
        <v>34</v>
      </c>
    </row>
    <row r="29587" spans="1:43">
      <c r="A29587" t="s">
        <v>18327</v>
      </c>
      <c r="B29587" t="s">
        <v>18328</v>
      </c>
      <c r="C29587" t="s">
        <v>18229</v>
      </c>
      <c r="D29587" t="s">
        <v>18230</v>
      </c>
      <c r="E29587" t="s">
        <v>18191</v>
      </c>
      <c r="F29587" t="s">
        <v>18192</v>
      </c>
      <c r="G29587" t="s">
        <v>10734</v>
      </c>
      <c r="H29587" t="s">
        <v>10735</v>
      </c>
      <c r="I29587" s="2">
        <v>0</v>
      </c>
      <c r="J29587" s="2">
        <v>0</v>
      </c>
      <c r="K29587" s="2">
        <v>1</v>
      </c>
      <c r="L29587" t="s">
        <v>995</v>
      </c>
      <c r="M29587" t="s">
        <v>87</v>
      </c>
      <c r="N29587" t="s">
        <v>88</v>
      </c>
      <c r="O29587" t="s">
        <v>85</v>
      </c>
      <c r="P29587" t="s">
        <v>86</v>
      </c>
      <c r="Q29587">
        <v>26</v>
      </c>
      <c r="R29587">
        <v>26</v>
      </c>
      <c r="S29587">
        <v>27</v>
      </c>
      <c r="T29587">
        <v>27</v>
      </c>
      <c r="U29587">
        <v>27</v>
      </c>
      <c r="V29587">
        <v>27</v>
      </c>
      <c r="W29587">
        <v>27</v>
      </c>
      <c r="X29587">
        <v>27</v>
      </c>
      <c r="Y29587">
        <v>27</v>
      </c>
      <c r="Z29587">
        <v>27</v>
      </c>
      <c r="AA29587">
        <v>27</v>
      </c>
      <c r="AB29587">
        <v>28</v>
      </c>
      <c r="AC29587">
        <v>28</v>
      </c>
      <c r="AD29587">
        <v>28</v>
      </c>
      <c r="AE29587">
        <v>28</v>
      </c>
      <c r="AF29587">
        <v>28</v>
      </c>
      <c r="AG29587">
        <v>28</v>
      </c>
      <c r="AH29587">
        <v>28</v>
      </c>
      <c r="AI29587">
        <v>29</v>
      </c>
      <c r="AJ29587">
        <v>29</v>
      </c>
      <c r="AK29587">
        <v>29</v>
      </c>
      <c r="AL29587">
        <v>29</v>
      </c>
      <c r="AM29587">
        <v>29</v>
      </c>
      <c r="AN29587">
        <v>29</v>
      </c>
      <c r="AO29587">
        <v>30</v>
      </c>
      <c r="AP29587">
        <v>30</v>
      </c>
      <c r="AQ29587">
        <v>30</v>
      </c>
    </row>
    <row r="29588" spans="1:43">
      <c r="A29588" t="s">
        <v>18327</v>
      </c>
      <c r="B29588" t="s">
        <v>18328</v>
      </c>
      <c r="C29588" t="s">
        <v>18229</v>
      </c>
      <c r="D29588" t="s">
        <v>18230</v>
      </c>
      <c r="E29588" t="s">
        <v>18191</v>
      </c>
      <c r="F29588" t="s">
        <v>18192</v>
      </c>
      <c r="G29588" t="s">
        <v>10734</v>
      </c>
      <c r="H29588" t="s">
        <v>10735</v>
      </c>
      <c r="I29588" s="2">
        <v>0</v>
      </c>
      <c r="J29588" s="2">
        <v>0</v>
      </c>
      <c r="K29588" s="2">
        <v>1</v>
      </c>
      <c r="L29588" t="s">
        <v>995</v>
      </c>
      <c r="M29588" t="s">
        <v>89</v>
      </c>
      <c r="N29588" t="s">
        <v>90</v>
      </c>
      <c r="O29588" t="s">
        <v>85</v>
      </c>
      <c r="P29588" t="s">
        <v>86</v>
      </c>
      <c r="Q29588">
        <v>26</v>
      </c>
      <c r="R29588">
        <v>26</v>
      </c>
      <c r="S29588">
        <v>27</v>
      </c>
      <c r="T29588">
        <v>27</v>
      </c>
      <c r="U29588">
        <v>28</v>
      </c>
      <c r="V29588">
        <v>29</v>
      </c>
      <c r="W29588">
        <v>29</v>
      </c>
      <c r="X29588">
        <v>30</v>
      </c>
      <c r="Y29588">
        <v>30</v>
      </c>
      <c r="Z29588">
        <v>30</v>
      </c>
      <c r="AA29588">
        <v>31</v>
      </c>
      <c r="AB29588">
        <v>31</v>
      </c>
      <c r="AC29588">
        <v>32</v>
      </c>
      <c r="AD29588">
        <v>32</v>
      </c>
      <c r="AE29588">
        <v>33</v>
      </c>
      <c r="AF29588">
        <v>33</v>
      </c>
      <c r="AG29588">
        <v>33</v>
      </c>
      <c r="AH29588">
        <v>33</v>
      </c>
      <c r="AI29588">
        <v>33</v>
      </c>
      <c r="AJ29588">
        <v>33</v>
      </c>
      <c r="AK29588">
        <v>33</v>
      </c>
      <c r="AL29588">
        <v>33</v>
      </c>
      <c r="AM29588">
        <v>33</v>
      </c>
      <c r="AN29588">
        <v>34</v>
      </c>
      <c r="AO29588">
        <v>34</v>
      </c>
      <c r="AP29588">
        <v>34</v>
      </c>
      <c r="AQ29588">
        <v>34</v>
      </c>
    </row>
    <row r="29589" spans="1:43">
      <c r="A29589" t="s">
        <v>18327</v>
      </c>
      <c r="B29589" t="s">
        <v>18328</v>
      </c>
      <c r="C29589" t="s">
        <v>18229</v>
      </c>
      <c r="D29589" t="s">
        <v>18230</v>
      </c>
      <c r="E29589" t="s">
        <v>18191</v>
      </c>
      <c r="F29589" t="s">
        <v>18192</v>
      </c>
      <c r="G29589" t="s">
        <v>10734</v>
      </c>
      <c r="H29589" t="s">
        <v>10735</v>
      </c>
      <c r="I29589" s="2">
        <v>0</v>
      </c>
      <c r="J29589" s="2">
        <v>0</v>
      </c>
      <c r="K29589" s="2">
        <v>1</v>
      </c>
      <c r="L29589" t="s">
        <v>995</v>
      </c>
      <c r="M29589" t="s">
        <v>83</v>
      </c>
      <c r="N29589" t="s">
        <v>91</v>
      </c>
      <c r="O29589" t="s">
        <v>85</v>
      </c>
      <c r="P29589" t="s">
        <v>86</v>
      </c>
      <c r="Q29589">
        <v>26</v>
      </c>
      <c r="R29589">
        <v>26</v>
      </c>
      <c r="S29589">
        <v>26</v>
      </c>
      <c r="T29589">
        <v>27</v>
      </c>
      <c r="U29589">
        <v>27</v>
      </c>
      <c r="V29589">
        <v>27</v>
      </c>
      <c r="W29589">
        <v>28</v>
      </c>
      <c r="X29589">
        <v>28</v>
      </c>
      <c r="Y29589">
        <v>28</v>
      </c>
      <c r="Z29589">
        <v>29</v>
      </c>
      <c r="AA29589">
        <v>29</v>
      </c>
      <c r="AB29589">
        <v>29</v>
      </c>
      <c r="AC29589">
        <v>30</v>
      </c>
      <c r="AD29589">
        <v>30</v>
      </c>
      <c r="AE29589">
        <v>30</v>
      </c>
      <c r="AF29589">
        <v>31</v>
      </c>
      <c r="AG29589">
        <v>31</v>
      </c>
      <c r="AH29589">
        <v>32</v>
      </c>
      <c r="AI29589">
        <v>32</v>
      </c>
      <c r="AJ29589">
        <v>32</v>
      </c>
      <c r="AK29589">
        <v>33</v>
      </c>
      <c r="AL29589">
        <v>33</v>
      </c>
      <c r="AM29589">
        <v>33</v>
      </c>
      <c r="AN29589">
        <v>33</v>
      </c>
      <c r="AO29589">
        <v>33</v>
      </c>
      <c r="AP29589">
        <v>33</v>
      </c>
      <c r="AQ29589">
        <v>34</v>
      </c>
    </row>
    <row r="29590" spans="1:43">
      <c r="A29590" t="s">
        <v>18329</v>
      </c>
      <c r="B29590" t="s">
        <v>18330</v>
      </c>
      <c r="C29590" t="s">
        <v>18211</v>
      </c>
      <c r="D29590" t="s">
        <v>18212</v>
      </c>
      <c r="E29590" t="s">
        <v>18191</v>
      </c>
      <c r="F29590" t="s">
        <v>18192</v>
      </c>
      <c r="G29590" t="s">
        <v>10734</v>
      </c>
      <c r="H29590" t="s">
        <v>10735</v>
      </c>
      <c r="I29590" s="2">
        <v>0</v>
      </c>
      <c r="J29590" s="2">
        <v>0</v>
      </c>
      <c r="K29590" s="2">
        <v>1</v>
      </c>
      <c r="L29590" t="s">
        <v>995</v>
      </c>
      <c r="M29590" t="s">
        <v>83</v>
      </c>
      <c r="N29590" t="s">
        <v>84</v>
      </c>
      <c r="O29590" t="s">
        <v>85</v>
      </c>
      <c r="P29590" t="s">
        <v>86</v>
      </c>
      <c r="Q29590">
        <v>35</v>
      </c>
      <c r="R29590">
        <v>35</v>
      </c>
      <c r="S29590">
        <v>36</v>
      </c>
      <c r="T29590">
        <v>36</v>
      </c>
      <c r="U29590">
        <v>37</v>
      </c>
      <c r="V29590">
        <v>37</v>
      </c>
      <c r="W29590">
        <v>37</v>
      </c>
      <c r="X29590">
        <v>38</v>
      </c>
      <c r="Y29590">
        <v>38</v>
      </c>
      <c r="Z29590">
        <v>39</v>
      </c>
      <c r="AA29590">
        <v>39</v>
      </c>
      <c r="AB29590">
        <v>40</v>
      </c>
      <c r="AC29590">
        <v>40</v>
      </c>
      <c r="AD29590">
        <v>40</v>
      </c>
      <c r="AE29590">
        <v>41</v>
      </c>
      <c r="AF29590">
        <v>41</v>
      </c>
      <c r="AG29590">
        <v>42</v>
      </c>
      <c r="AH29590">
        <v>42</v>
      </c>
      <c r="AI29590">
        <v>43</v>
      </c>
      <c r="AJ29590">
        <v>43</v>
      </c>
      <c r="AK29590">
        <v>43</v>
      </c>
      <c r="AL29590">
        <v>44</v>
      </c>
      <c r="AM29590">
        <v>44</v>
      </c>
      <c r="AN29590">
        <v>44</v>
      </c>
      <c r="AO29590">
        <v>44</v>
      </c>
      <c r="AP29590">
        <v>44</v>
      </c>
      <c r="AQ29590">
        <v>44</v>
      </c>
    </row>
    <row r="29591" spans="1:43">
      <c r="A29591" t="s">
        <v>18329</v>
      </c>
      <c r="B29591" t="s">
        <v>18330</v>
      </c>
      <c r="C29591" t="s">
        <v>18211</v>
      </c>
      <c r="D29591" t="s">
        <v>18212</v>
      </c>
      <c r="E29591" t="s">
        <v>18191</v>
      </c>
      <c r="F29591" t="s">
        <v>18192</v>
      </c>
      <c r="G29591" t="s">
        <v>10734</v>
      </c>
      <c r="H29591" t="s">
        <v>10735</v>
      </c>
      <c r="I29591" s="2">
        <v>0</v>
      </c>
      <c r="J29591" s="2">
        <v>0</v>
      </c>
      <c r="K29591" s="2">
        <v>1</v>
      </c>
      <c r="L29591" t="s">
        <v>995</v>
      </c>
      <c r="M29591" t="s">
        <v>87</v>
      </c>
      <c r="N29591" t="s">
        <v>88</v>
      </c>
      <c r="O29591" t="s">
        <v>85</v>
      </c>
      <c r="P29591" t="s">
        <v>86</v>
      </c>
      <c r="Q29591">
        <v>35</v>
      </c>
      <c r="R29591">
        <v>35</v>
      </c>
      <c r="S29591">
        <v>35</v>
      </c>
      <c r="T29591">
        <v>35</v>
      </c>
      <c r="U29591">
        <v>35</v>
      </c>
      <c r="V29591">
        <v>35</v>
      </c>
      <c r="W29591">
        <v>35</v>
      </c>
      <c r="X29591">
        <v>35</v>
      </c>
      <c r="Y29591">
        <v>35</v>
      </c>
      <c r="Z29591">
        <v>36</v>
      </c>
      <c r="AA29591">
        <v>36</v>
      </c>
      <c r="AB29591">
        <v>36</v>
      </c>
      <c r="AC29591">
        <v>36</v>
      </c>
      <c r="AD29591">
        <v>36</v>
      </c>
      <c r="AE29591">
        <v>36</v>
      </c>
      <c r="AF29591">
        <v>36</v>
      </c>
      <c r="AG29591">
        <v>36</v>
      </c>
      <c r="AH29591">
        <v>36</v>
      </c>
      <c r="AI29591">
        <v>37</v>
      </c>
      <c r="AJ29591">
        <v>37</v>
      </c>
      <c r="AK29591">
        <v>37</v>
      </c>
      <c r="AL29591">
        <v>37</v>
      </c>
      <c r="AM29591">
        <v>37</v>
      </c>
      <c r="AN29591">
        <v>37</v>
      </c>
      <c r="AO29591">
        <v>38</v>
      </c>
      <c r="AP29591">
        <v>38</v>
      </c>
      <c r="AQ29591">
        <v>38</v>
      </c>
    </row>
    <row r="29592" spans="1:43">
      <c r="A29592" t="s">
        <v>18329</v>
      </c>
      <c r="B29592" t="s">
        <v>18330</v>
      </c>
      <c r="C29592" t="s">
        <v>18211</v>
      </c>
      <c r="D29592" t="s">
        <v>18212</v>
      </c>
      <c r="E29592" t="s">
        <v>18191</v>
      </c>
      <c r="F29592" t="s">
        <v>18192</v>
      </c>
      <c r="G29592" t="s">
        <v>10734</v>
      </c>
      <c r="H29592" t="s">
        <v>10735</v>
      </c>
      <c r="I29592" s="2">
        <v>0</v>
      </c>
      <c r="J29592" s="2">
        <v>0</v>
      </c>
      <c r="K29592" s="2">
        <v>1</v>
      </c>
      <c r="L29592" t="s">
        <v>995</v>
      </c>
      <c r="M29592" t="s">
        <v>89</v>
      </c>
      <c r="N29592" t="s">
        <v>90</v>
      </c>
      <c r="O29592" t="s">
        <v>85</v>
      </c>
      <c r="P29592" t="s">
        <v>86</v>
      </c>
      <c r="Q29592">
        <v>35</v>
      </c>
      <c r="R29592">
        <v>36</v>
      </c>
      <c r="S29592">
        <v>37</v>
      </c>
      <c r="T29592">
        <v>37</v>
      </c>
      <c r="U29592">
        <v>38</v>
      </c>
      <c r="V29592">
        <v>39</v>
      </c>
      <c r="W29592">
        <v>39</v>
      </c>
      <c r="X29592">
        <v>40</v>
      </c>
      <c r="Y29592">
        <v>41</v>
      </c>
      <c r="Z29592">
        <v>41</v>
      </c>
      <c r="AA29592">
        <v>42</v>
      </c>
      <c r="AB29592">
        <v>42</v>
      </c>
      <c r="AC29592">
        <v>43</v>
      </c>
      <c r="AD29592">
        <v>44</v>
      </c>
      <c r="AE29592">
        <v>44</v>
      </c>
      <c r="AF29592">
        <v>44</v>
      </c>
      <c r="AG29592">
        <v>44</v>
      </c>
      <c r="AH29592">
        <v>44</v>
      </c>
      <c r="AI29592">
        <v>44</v>
      </c>
      <c r="AJ29592">
        <v>44</v>
      </c>
      <c r="AK29592">
        <v>44</v>
      </c>
      <c r="AL29592">
        <v>44</v>
      </c>
      <c r="AM29592">
        <v>44</v>
      </c>
      <c r="AN29592">
        <v>44</v>
      </c>
      <c r="AO29592">
        <v>44</v>
      </c>
      <c r="AP29592">
        <v>44</v>
      </c>
      <c r="AQ29592">
        <v>45</v>
      </c>
    </row>
    <row r="29593" spans="1:43">
      <c r="A29593" t="s">
        <v>18329</v>
      </c>
      <c r="B29593" t="s">
        <v>18330</v>
      </c>
      <c r="C29593" t="s">
        <v>18211</v>
      </c>
      <c r="D29593" t="s">
        <v>18212</v>
      </c>
      <c r="E29593" t="s">
        <v>18191</v>
      </c>
      <c r="F29593" t="s">
        <v>18192</v>
      </c>
      <c r="G29593" t="s">
        <v>10734</v>
      </c>
      <c r="H29593" t="s">
        <v>10735</v>
      </c>
      <c r="I29593" s="2">
        <v>0</v>
      </c>
      <c r="J29593" s="2">
        <v>0</v>
      </c>
      <c r="K29593" s="2">
        <v>1</v>
      </c>
      <c r="L29593" t="s">
        <v>995</v>
      </c>
      <c r="M29593" t="s">
        <v>83</v>
      </c>
      <c r="N29593" t="s">
        <v>91</v>
      </c>
      <c r="O29593" t="s">
        <v>85</v>
      </c>
      <c r="P29593" t="s">
        <v>86</v>
      </c>
      <c r="Q29593">
        <v>35</v>
      </c>
      <c r="R29593">
        <v>35</v>
      </c>
      <c r="S29593">
        <v>36</v>
      </c>
      <c r="T29593">
        <v>36</v>
      </c>
      <c r="U29593">
        <v>37</v>
      </c>
      <c r="V29593">
        <v>37</v>
      </c>
      <c r="W29593">
        <v>37</v>
      </c>
      <c r="X29593">
        <v>38</v>
      </c>
      <c r="Y29593">
        <v>38</v>
      </c>
      <c r="Z29593">
        <v>39</v>
      </c>
      <c r="AA29593">
        <v>39</v>
      </c>
      <c r="AB29593">
        <v>40</v>
      </c>
      <c r="AC29593">
        <v>40</v>
      </c>
      <c r="AD29593">
        <v>40</v>
      </c>
      <c r="AE29593">
        <v>41</v>
      </c>
      <c r="AF29593">
        <v>41</v>
      </c>
      <c r="AG29593">
        <v>42</v>
      </c>
      <c r="AH29593">
        <v>42</v>
      </c>
      <c r="AI29593">
        <v>43</v>
      </c>
      <c r="AJ29593">
        <v>43</v>
      </c>
      <c r="AK29593">
        <v>43</v>
      </c>
      <c r="AL29593">
        <v>44</v>
      </c>
      <c r="AM29593">
        <v>44</v>
      </c>
      <c r="AN29593">
        <v>44</v>
      </c>
      <c r="AO29593">
        <v>44</v>
      </c>
      <c r="AP29593">
        <v>44</v>
      </c>
      <c r="AQ29593">
        <v>44</v>
      </c>
    </row>
    <row r="29594" spans="1:43">
      <c r="A29594" t="s">
        <v>18331</v>
      </c>
      <c r="B29594" t="s">
        <v>18332</v>
      </c>
      <c r="C29594" t="s">
        <v>18255</v>
      </c>
      <c r="D29594" t="s">
        <v>18256</v>
      </c>
      <c r="E29594" t="s">
        <v>18191</v>
      </c>
      <c r="F29594" t="s">
        <v>18192</v>
      </c>
      <c r="G29594" t="s">
        <v>10734</v>
      </c>
      <c r="H29594" t="s">
        <v>10735</v>
      </c>
      <c r="I29594" s="2">
        <v>0</v>
      </c>
      <c r="J29594" s="2">
        <v>0</v>
      </c>
      <c r="K29594" s="2">
        <v>1</v>
      </c>
      <c r="L29594" t="s">
        <v>995</v>
      </c>
      <c r="M29594" t="s">
        <v>83</v>
      </c>
      <c r="N29594" t="s">
        <v>84</v>
      </c>
      <c r="O29594" t="s">
        <v>85</v>
      </c>
      <c r="P29594" t="s">
        <v>86</v>
      </c>
      <c r="Q29594">
        <v>33</v>
      </c>
      <c r="R29594">
        <v>34</v>
      </c>
      <c r="S29594">
        <v>34</v>
      </c>
      <c r="T29594">
        <v>35</v>
      </c>
      <c r="U29594">
        <v>35</v>
      </c>
      <c r="V29594">
        <v>36</v>
      </c>
      <c r="W29594">
        <v>36</v>
      </c>
      <c r="X29594">
        <v>36</v>
      </c>
      <c r="Y29594">
        <v>37</v>
      </c>
      <c r="Z29594">
        <v>37</v>
      </c>
      <c r="AA29594">
        <v>38</v>
      </c>
      <c r="AB29594">
        <v>38</v>
      </c>
      <c r="AC29594">
        <v>38</v>
      </c>
      <c r="AD29594">
        <v>39</v>
      </c>
      <c r="AE29594">
        <v>39</v>
      </c>
      <c r="AF29594">
        <v>40</v>
      </c>
      <c r="AG29594">
        <v>40</v>
      </c>
      <c r="AH29594">
        <v>40</v>
      </c>
      <c r="AI29594">
        <v>41</v>
      </c>
      <c r="AJ29594">
        <v>41</v>
      </c>
      <c r="AK29594">
        <v>42</v>
      </c>
      <c r="AL29594">
        <v>42</v>
      </c>
      <c r="AM29594">
        <v>42</v>
      </c>
      <c r="AN29594">
        <v>42</v>
      </c>
      <c r="AO29594">
        <v>42</v>
      </c>
      <c r="AP29594">
        <v>42</v>
      </c>
      <c r="AQ29594">
        <v>42</v>
      </c>
    </row>
    <row r="29595" spans="1:43">
      <c r="A29595" t="s">
        <v>18331</v>
      </c>
      <c r="B29595" t="s">
        <v>18332</v>
      </c>
      <c r="C29595" t="s">
        <v>18255</v>
      </c>
      <c r="D29595" t="s">
        <v>18256</v>
      </c>
      <c r="E29595" t="s">
        <v>18191</v>
      </c>
      <c r="F29595" t="s">
        <v>18192</v>
      </c>
      <c r="G29595" t="s">
        <v>10734</v>
      </c>
      <c r="H29595" t="s">
        <v>10735</v>
      </c>
      <c r="I29595" s="2">
        <v>0</v>
      </c>
      <c r="J29595" s="2">
        <v>0</v>
      </c>
      <c r="K29595" s="2">
        <v>1</v>
      </c>
      <c r="L29595" t="s">
        <v>995</v>
      </c>
      <c r="M29595" t="s">
        <v>87</v>
      </c>
      <c r="N29595" t="s">
        <v>88</v>
      </c>
      <c r="O29595" t="s">
        <v>85</v>
      </c>
      <c r="P29595" t="s">
        <v>86</v>
      </c>
      <c r="Q29595">
        <v>33</v>
      </c>
      <c r="R29595">
        <v>33</v>
      </c>
      <c r="S29595">
        <v>33</v>
      </c>
      <c r="T29595">
        <v>33</v>
      </c>
      <c r="U29595">
        <v>34</v>
      </c>
      <c r="V29595">
        <v>34</v>
      </c>
      <c r="W29595">
        <v>34</v>
      </c>
      <c r="X29595">
        <v>34</v>
      </c>
      <c r="Y29595">
        <v>34</v>
      </c>
      <c r="Z29595">
        <v>34</v>
      </c>
      <c r="AA29595">
        <v>34</v>
      </c>
      <c r="AB29595">
        <v>34</v>
      </c>
      <c r="AC29595">
        <v>34</v>
      </c>
      <c r="AD29595">
        <v>35</v>
      </c>
      <c r="AE29595">
        <v>35</v>
      </c>
      <c r="AF29595">
        <v>35</v>
      </c>
      <c r="AG29595">
        <v>35</v>
      </c>
      <c r="AH29595">
        <v>35</v>
      </c>
      <c r="AI29595">
        <v>35</v>
      </c>
      <c r="AJ29595">
        <v>35</v>
      </c>
      <c r="AK29595">
        <v>36</v>
      </c>
      <c r="AL29595">
        <v>36</v>
      </c>
      <c r="AM29595">
        <v>36</v>
      </c>
      <c r="AN29595">
        <v>36</v>
      </c>
      <c r="AO29595">
        <v>36</v>
      </c>
      <c r="AP29595">
        <v>37</v>
      </c>
      <c r="AQ29595">
        <v>37</v>
      </c>
    </row>
    <row r="29596" spans="1:43">
      <c r="A29596" t="s">
        <v>18331</v>
      </c>
      <c r="B29596" t="s">
        <v>18332</v>
      </c>
      <c r="C29596" t="s">
        <v>18255</v>
      </c>
      <c r="D29596" t="s">
        <v>18256</v>
      </c>
      <c r="E29596" t="s">
        <v>18191</v>
      </c>
      <c r="F29596" t="s">
        <v>18192</v>
      </c>
      <c r="G29596" t="s">
        <v>10734</v>
      </c>
      <c r="H29596" t="s">
        <v>10735</v>
      </c>
      <c r="I29596" s="2">
        <v>0</v>
      </c>
      <c r="J29596" s="2">
        <v>0</v>
      </c>
      <c r="K29596" s="2">
        <v>1</v>
      </c>
      <c r="L29596" t="s">
        <v>995</v>
      </c>
      <c r="M29596" t="s">
        <v>89</v>
      </c>
      <c r="N29596" t="s">
        <v>90</v>
      </c>
      <c r="O29596" t="s">
        <v>85</v>
      </c>
      <c r="P29596" t="s">
        <v>86</v>
      </c>
      <c r="Q29596">
        <v>33</v>
      </c>
      <c r="R29596">
        <v>33</v>
      </c>
      <c r="S29596">
        <v>34</v>
      </c>
      <c r="T29596">
        <v>35</v>
      </c>
      <c r="U29596">
        <v>36</v>
      </c>
      <c r="V29596">
        <v>36</v>
      </c>
      <c r="W29596">
        <v>37</v>
      </c>
      <c r="X29596">
        <v>37</v>
      </c>
      <c r="Y29596">
        <v>38</v>
      </c>
      <c r="Z29596">
        <v>38</v>
      </c>
      <c r="AA29596">
        <v>39</v>
      </c>
      <c r="AB29596">
        <v>40</v>
      </c>
      <c r="AC29596">
        <v>40</v>
      </c>
      <c r="AD29596">
        <v>41</v>
      </c>
      <c r="AE29596">
        <v>41</v>
      </c>
      <c r="AF29596">
        <v>41</v>
      </c>
      <c r="AG29596">
        <v>41</v>
      </c>
      <c r="AH29596">
        <v>41</v>
      </c>
      <c r="AI29596">
        <v>41</v>
      </c>
      <c r="AJ29596">
        <v>41</v>
      </c>
      <c r="AK29596">
        <v>41</v>
      </c>
      <c r="AL29596">
        <v>41</v>
      </c>
      <c r="AM29596">
        <v>41</v>
      </c>
      <c r="AN29596">
        <v>41</v>
      </c>
      <c r="AO29596">
        <v>42</v>
      </c>
      <c r="AP29596">
        <v>42</v>
      </c>
      <c r="AQ29596">
        <v>42</v>
      </c>
    </row>
    <row r="29597" spans="1:43">
      <c r="A29597" t="s">
        <v>18331</v>
      </c>
      <c r="B29597" t="s">
        <v>18332</v>
      </c>
      <c r="C29597" t="s">
        <v>18255</v>
      </c>
      <c r="D29597" t="s">
        <v>18256</v>
      </c>
      <c r="E29597" t="s">
        <v>18191</v>
      </c>
      <c r="F29597" t="s">
        <v>18192</v>
      </c>
      <c r="G29597" t="s">
        <v>10734</v>
      </c>
      <c r="H29597" t="s">
        <v>10735</v>
      </c>
      <c r="I29597" s="2">
        <v>0</v>
      </c>
      <c r="J29597" s="2">
        <v>0</v>
      </c>
      <c r="K29597" s="2">
        <v>1</v>
      </c>
      <c r="L29597" t="s">
        <v>995</v>
      </c>
      <c r="M29597" t="s">
        <v>83</v>
      </c>
      <c r="N29597" t="s">
        <v>91</v>
      </c>
      <c r="O29597" t="s">
        <v>85</v>
      </c>
      <c r="P29597" t="s">
        <v>86</v>
      </c>
      <c r="Q29597">
        <v>33</v>
      </c>
      <c r="R29597">
        <v>34</v>
      </c>
      <c r="S29597">
        <v>34</v>
      </c>
      <c r="T29597">
        <v>35</v>
      </c>
      <c r="U29597">
        <v>35</v>
      </c>
      <c r="V29597">
        <v>36</v>
      </c>
      <c r="W29597">
        <v>36</v>
      </c>
      <c r="X29597">
        <v>36</v>
      </c>
      <c r="Y29597">
        <v>37</v>
      </c>
      <c r="Z29597">
        <v>37</v>
      </c>
      <c r="AA29597">
        <v>38</v>
      </c>
      <c r="AB29597">
        <v>38</v>
      </c>
      <c r="AC29597">
        <v>38</v>
      </c>
      <c r="AD29597">
        <v>39</v>
      </c>
      <c r="AE29597">
        <v>39</v>
      </c>
      <c r="AF29597">
        <v>40</v>
      </c>
      <c r="AG29597">
        <v>40</v>
      </c>
      <c r="AH29597">
        <v>40</v>
      </c>
      <c r="AI29597">
        <v>41</v>
      </c>
      <c r="AJ29597">
        <v>41</v>
      </c>
      <c r="AK29597">
        <v>42</v>
      </c>
      <c r="AL29597">
        <v>42</v>
      </c>
      <c r="AM29597">
        <v>42</v>
      </c>
      <c r="AN29597">
        <v>42</v>
      </c>
      <c r="AO29597">
        <v>42</v>
      </c>
      <c r="AP29597">
        <v>42</v>
      </c>
      <c r="AQ29597">
        <v>42</v>
      </c>
    </row>
    <row r="29598" spans="1:43">
      <c r="A29598" t="s">
        <v>18333</v>
      </c>
      <c r="B29598" t="s">
        <v>18334</v>
      </c>
      <c r="C29598" t="s">
        <v>18321</v>
      </c>
      <c r="D29598" t="s">
        <v>18322</v>
      </c>
      <c r="E29598" t="s">
        <v>18191</v>
      </c>
      <c r="F29598" t="s">
        <v>18192</v>
      </c>
      <c r="G29598" t="s">
        <v>10734</v>
      </c>
      <c r="H29598" t="s">
        <v>10735</v>
      </c>
      <c r="I29598" s="2">
        <v>0</v>
      </c>
      <c r="J29598" s="2">
        <v>0</v>
      </c>
      <c r="K29598" s="2">
        <v>1</v>
      </c>
      <c r="L29598" t="s">
        <v>995</v>
      </c>
      <c r="M29598" t="s">
        <v>83</v>
      </c>
      <c r="N29598" t="s">
        <v>84</v>
      </c>
      <c r="O29598" t="s">
        <v>85</v>
      </c>
      <c r="P29598" t="s">
        <v>86</v>
      </c>
      <c r="Q29598">
        <v>33</v>
      </c>
      <c r="R29598">
        <v>34</v>
      </c>
      <c r="S29598">
        <v>34</v>
      </c>
      <c r="T29598">
        <v>35</v>
      </c>
      <c r="U29598">
        <v>35</v>
      </c>
      <c r="V29598">
        <v>36</v>
      </c>
      <c r="W29598">
        <v>36</v>
      </c>
      <c r="X29598">
        <v>37</v>
      </c>
      <c r="Y29598">
        <v>37</v>
      </c>
      <c r="Z29598">
        <v>38</v>
      </c>
      <c r="AA29598">
        <v>38</v>
      </c>
      <c r="AB29598">
        <v>38</v>
      </c>
      <c r="AC29598">
        <v>39</v>
      </c>
      <c r="AD29598">
        <v>39</v>
      </c>
      <c r="AE29598">
        <v>40</v>
      </c>
      <c r="AF29598">
        <v>40</v>
      </c>
      <c r="AG29598">
        <v>41</v>
      </c>
      <c r="AH29598">
        <v>41</v>
      </c>
      <c r="AI29598">
        <v>42</v>
      </c>
      <c r="AJ29598">
        <v>42</v>
      </c>
      <c r="AK29598">
        <v>42</v>
      </c>
      <c r="AL29598">
        <v>43</v>
      </c>
      <c r="AM29598">
        <v>43</v>
      </c>
      <c r="AN29598">
        <v>43</v>
      </c>
      <c r="AO29598">
        <v>43</v>
      </c>
      <c r="AP29598">
        <v>43</v>
      </c>
      <c r="AQ29598">
        <v>44</v>
      </c>
    </row>
    <row r="29599" spans="1:43">
      <c r="A29599" t="s">
        <v>18333</v>
      </c>
      <c r="B29599" t="s">
        <v>18334</v>
      </c>
      <c r="C29599" t="s">
        <v>18321</v>
      </c>
      <c r="D29599" t="s">
        <v>18322</v>
      </c>
      <c r="E29599" t="s">
        <v>18191</v>
      </c>
      <c r="F29599" t="s">
        <v>18192</v>
      </c>
      <c r="G29599" t="s">
        <v>10734</v>
      </c>
      <c r="H29599" t="s">
        <v>10735</v>
      </c>
      <c r="I29599" s="2">
        <v>0</v>
      </c>
      <c r="J29599" s="2">
        <v>0</v>
      </c>
      <c r="K29599" s="2">
        <v>1</v>
      </c>
      <c r="L29599" t="s">
        <v>995</v>
      </c>
      <c r="M29599" t="s">
        <v>87</v>
      </c>
      <c r="N29599" t="s">
        <v>88</v>
      </c>
      <c r="O29599" t="s">
        <v>85</v>
      </c>
      <c r="P29599" t="s">
        <v>86</v>
      </c>
      <c r="Q29599">
        <v>33</v>
      </c>
      <c r="R29599">
        <v>33</v>
      </c>
      <c r="S29599">
        <v>33</v>
      </c>
      <c r="T29599">
        <v>34</v>
      </c>
      <c r="U29599">
        <v>34</v>
      </c>
      <c r="V29599">
        <v>34</v>
      </c>
      <c r="W29599">
        <v>34</v>
      </c>
      <c r="X29599">
        <v>34</v>
      </c>
      <c r="Y29599">
        <v>34</v>
      </c>
      <c r="Z29599">
        <v>34</v>
      </c>
      <c r="AA29599">
        <v>35</v>
      </c>
      <c r="AB29599">
        <v>35</v>
      </c>
      <c r="AC29599">
        <v>35</v>
      </c>
      <c r="AD29599">
        <v>35</v>
      </c>
      <c r="AE29599">
        <v>35</v>
      </c>
      <c r="AF29599">
        <v>35</v>
      </c>
      <c r="AG29599">
        <v>36</v>
      </c>
      <c r="AH29599">
        <v>36</v>
      </c>
      <c r="AI29599">
        <v>36</v>
      </c>
      <c r="AJ29599">
        <v>36</v>
      </c>
      <c r="AK29599">
        <v>36</v>
      </c>
      <c r="AL29599">
        <v>37</v>
      </c>
      <c r="AM29599">
        <v>37</v>
      </c>
      <c r="AN29599">
        <v>37</v>
      </c>
      <c r="AO29599">
        <v>37</v>
      </c>
      <c r="AP29599">
        <v>38</v>
      </c>
      <c r="AQ29599">
        <v>38</v>
      </c>
    </row>
    <row r="29600" spans="1:43">
      <c r="A29600" t="s">
        <v>18333</v>
      </c>
      <c r="B29600" t="s">
        <v>18334</v>
      </c>
      <c r="C29600" t="s">
        <v>18321</v>
      </c>
      <c r="D29600" t="s">
        <v>18322</v>
      </c>
      <c r="E29600" t="s">
        <v>18191</v>
      </c>
      <c r="F29600" t="s">
        <v>18192</v>
      </c>
      <c r="G29600" t="s">
        <v>10734</v>
      </c>
      <c r="H29600" t="s">
        <v>10735</v>
      </c>
      <c r="I29600" s="2">
        <v>0</v>
      </c>
      <c r="J29600" s="2">
        <v>0</v>
      </c>
      <c r="K29600" s="2">
        <v>1</v>
      </c>
      <c r="L29600" t="s">
        <v>995</v>
      </c>
      <c r="M29600" t="s">
        <v>89</v>
      </c>
      <c r="N29600" t="s">
        <v>90</v>
      </c>
      <c r="O29600" t="s">
        <v>85</v>
      </c>
      <c r="P29600" t="s">
        <v>86</v>
      </c>
      <c r="Q29600">
        <v>33</v>
      </c>
      <c r="R29600">
        <v>34</v>
      </c>
      <c r="S29600">
        <v>34</v>
      </c>
      <c r="T29600">
        <v>35</v>
      </c>
      <c r="U29600">
        <v>36</v>
      </c>
      <c r="V29600">
        <v>36</v>
      </c>
      <c r="W29600">
        <v>37</v>
      </c>
      <c r="X29600">
        <v>38</v>
      </c>
      <c r="Y29600">
        <v>38</v>
      </c>
      <c r="Z29600">
        <v>39</v>
      </c>
      <c r="AA29600">
        <v>39</v>
      </c>
      <c r="AB29600">
        <v>40</v>
      </c>
      <c r="AC29600">
        <v>41</v>
      </c>
      <c r="AD29600">
        <v>41</v>
      </c>
      <c r="AE29600">
        <v>42</v>
      </c>
      <c r="AF29600">
        <v>42</v>
      </c>
      <c r="AG29600">
        <v>42</v>
      </c>
      <c r="AH29600">
        <v>42</v>
      </c>
      <c r="AI29600">
        <v>42</v>
      </c>
      <c r="AJ29600">
        <v>42</v>
      </c>
      <c r="AK29600">
        <v>42</v>
      </c>
      <c r="AL29600">
        <v>42</v>
      </c>
      <c r="AM29600">
        <v>42</v>
      </c>
      <c r="AN29600">
        <v>43</v>
      </c>
      <c r="AO29600">
        <v>43</v>
      </c>
      <c r="AP29600">
        <v>43</v>
      </c>
      <c r="AQ29600">
        <v>43</v>
      </c>
    </row>
    <row r="29601" spans="1:43">
      <c r="A29601" t="s">
        <v>18333</v>
      </c>
      <c r="B29601" t="s">
        <v>18334</v>
      </c>
      <c r="C29601" t="s">
        <v>18321</v>
      </c>
      <c r="D29601" t="s">
        <v>18322</v>
      </c>
      <c r="E29601" t="s">
        <v>18191</v>
      </c>
      <c r="F29601" t="s">
        <v>18192</v>
      </c>
      <c r="G29601" t="s">
        <v>10734</v>
      </c>
      <c r="H29601" t="s">
        <v>10735</v>
      </c>
      <c r="I29601" s="2">
        <v>0</v>
      </c>
      <c r="J29601" s="2">
        <v>0</v>
      </c>
      <c r="K29601" s="2">
        <v>1</v>
      </c>
      <c r="L29601" t="s">
        <v>995</v>
      </c>
      <c r="M29601" t="s">
        <v>83</v>
      </c>
      <c r="N29601" t="s">
        <v>91</v>
      </c>
      <c r="O29601" t="s">
        <v>85</v>
      </c>
      <c r="P29601" t="s">
        <v>86</v>
      </c>
      <c r="Q29601">
        <v>33</v>
      </c>
      <c r="R29601">
        <v>34</v>
      </c>
      <c r="S29601">
        <v>34</v>
      </c>
      <c r="T29601">
        <v>35</v>
      </c>
      <c r="U29601">
        <v>35</v>
      </c>
      <c r="V29601">
        <v>36</v>
      </c>
      <c r="W29601">
        <v>36</v>
      </c>
      <c r="X29601">
        <v>37</v>
      </c>
      <c r="Y29601">
        <v>37</v>
      </c>
      <c r="Z29601">
        <v>38</v>
      </c>
      <c r="AA29601">
        <v>38</v>
      </c>
      <c r="AB29601">
        <v>38</v>
      </c>
      <c r="AC29601">
        <v>39</v>
      </c>
      <c r="AD29601">
        <v>39</v>
      </c>
      <c r="AE29601">
        <v>40</v>
      </c>
      <c r="AF29601">
        <v>40</v>
      </c>
      <c r="AG29601">
        <v>41</v>
      </c>
      <c r="AH29601">
        <v>41</v>
      </c>
      <c r="AI29601">
        <v>42</v>
      </c>
      <c r="AJ29601">
        <v>42</v>
      </c>
      <c r="AK29601">
        <v>42</v>
      </c>
      <c r="AL29601">
        <v>43</v>
      </c>
      <c r="AM29601">
        <v>43</v>
      </c>
      <c r="AN29601">
        <v>43</v>
      </c>
      <c r="AO29601">
        <v>43</v>
      </c>
      <c r="AP29601">
        <v>43</v>
      </c>
      <c r="AQ29601">
        <v>44</v>
      </c>
    </row>
    <row r="29602" spans="1:43">
      <c r="A29602" t="s">
        <v>18335</v>
      </c>
      <c r="B29602" t="s">
        <v>18336</v>
      </c>
      <c r="C29602" t="s">
        <v>18321</v>
      </c>
      <c r="D29602" t="s">
        <v>18322</v>
      </c>
      <c r="E29602" t="s">
        <v>18191</v>
      </c>
      <c r="F29602" t="s">
        <v>18192</v>
      </c>
      <c r="G29602" t="s">
        <v>10734</v>
      </c>
      <c r="H29602" t="s">
        <v>10735</v>
      </c>
      <c r="I29602" s="2">
        <v>0</v>
      </c>
      <c r="J29602" s="2">
        <v>0</v>
      </c>
      <c r="K29602" s="2">
        <v>1</v>
      </c>
      <c r="L29602" t="s">
        <v>995</v>
      </c>
      <c r="M29602" t="s">
        <v>83</v>
      </c>
      <c r="N29602" t="s">
        <v>84</v>
      </c>
      <c r="O29602" t="s">
        <v>85</v>
      </c>
      <c r="P29602" t="s">
        <v>86</v>
      </c>
      <c r="Q29602">
        <v>27</v>
      </c>
      <c r="R29602">
        <v>27</v>
      </c>
      <c r="S29602">
        <v>28</v>
      </c>
      <c r="T29602">
        <v>28</v>
      </c>
      <c r="U29602">
        <v>28</v>
      </c>
      <c r="V29602">
        <v>29</v>
      </c>
      <c r="W29602">
        <v>29</v>
      </c>
      <c r="X29602">
        <v>29</v>
      </c>
      <c r="Y29602">
        <v>30</v>
      </c>
      <c r="Z29602">
        <v>30</v>
      </c>
      <c r="AA29602">
        <v>30</v>
      </c>
      <c r="AB29602">
        <v>31</v>
      </c>
      <c r="AC29602">
        <v>31</v>
      </c>
      <c r="AD29602">
        <v>31</v>
      </c>
      <c r="AE29602">
        <v>32</v>
      </c>
      <c r="AF29602">
        <v>32</v>
      </c>
      <c r="AG29602">
        <v>32</v>
      </c>
      <c r="AH29602">
        <v>33</v>
      </c>
      <c r="AI29602">
        <v>33</v>
      </c>
      <c r="AJ29602">
        <v>33</v>
      </c>
      <c r="AK29602">
        <v>34</v>
      </c>
      <c r="AL29602">
        <v>34</v>
      </c>
      <c r="AM29602">
        <v>34</v>
      </c>
      <c r="AN29602">
        <v>34</v>
      </c>
      <c r="AO29602">
        <v>34</v>
      </c>
      <c r="AP29602">
        <v>34</v>
      </c>
      <c r="AQ29602">
        <v>34</v>
      </c>
    </row>
    <row r="29603" spans="1:43">
      <c r="A29603" t="s">
        <v>18335</v>
      </c>
      <c r="B29603" t="s">
        <v>18336</v>
      </c>
      <c r="C29603" t="s">
        <v>18321</v>
      </c>
      <c r="D29603" t="s">
        <v>18322</v>
      </c>
      <c r="E29603" t="s">
        <v>18191</v>
      </c>
      <c r="F29603" t="s">
        <v>18192</v>
      </c>
      <c r="G29603" t="s">
        <v>10734</v>
      </c>
      <c r="H29603" t="s">
        <v>10735</v>
      </c>
      <c r="I29603" s="2">
        <v>0</v>
      </c>
      <c r="J29603" s="2">
        <v>0</v>
      </c>
      <c r="K29603" s="2">
        <v>1</v>
      </c>
      <c r="L29603" t="s">
        <v>995</v>
      </c>
      <c r="M29603" t="s">
        <v>87</v>
      </c>
      <c r="N29603" t="s">
        <v>88</v>
      </c>
      <c r="O29603" t="s">
        <v>85</v>
      </c>
      <c r="P29603" t="s">
        <v>86</v>
      </c>
      <c r="Q29603">
        <v>27</v>
      </c>
      <c r="R29603">
        <v>27</v>
      </c>
      <c r="S29603">
        <v>27</v>
      </c>
      <c r="T29603">
        <v>27</v>
      </c>
      <c r="U29603">
        <v>27</v>
      </c>
      <c r="V29603">
        <v>27</v>
      </c>
      <c r="W29603">
        <v>27</v>
      </c>
      <c r="X29603">
        <v>27</v>
      </c>
      <c r="Y29603">
        <v>27</v>
      </c>
      <c r="Z29603">
        <v>27</v>
      </c>
      <c r="AA29603">
        <v>27</v>
      </c>
      <c r="AB29603">
        <v>28</v>
      </c>
      <c r="AC29603">
        <v>28</v>
      </c>
      <c r="AD29603">
        <v>28</v>
      </c>
      <c r="AE29603">
        <v>28</v>
      </c>
      <c r="AF29603">
        <v>28</v>
      </c>
      <c r="AG29603">
        <v>28</v>
      </c>
      <c r="AH29603">
        <v>28</v>
      </c>
      <c r="AI29603">
        <v>28</v>
      </c>
      <c r="AJ29603">
        <v>28</v>
      </c>
      <c r="AK29603">
        <v>29</v>
      </c>
      <c r="AL29603">
        <v>29</v>
      </c>
      <c r="AM29603">
        <v>29</v>
      </c>
      <c r="AN29603">
        <v>29</v>
      </c>
      <c r="AO29603">
        <v>29</v>
      </c>
      <c r="AP29603">
        <v>29</v>
      </c>
      <c r="AQ29603">
        <v>29</v>
      </c>
    </row>
    <row r="29604" spans="1:43">
      <c r="A29604" t="s">
        <v>18335</v>
      </c>
      <c r="B29604" t="s">
        <v>18336</v>
      </c>
      <c r="C29604" t="s">
        <v>18321</v>
      </c>
      <c r="D29604" t="s">
        <v>18322</v>
      </c>
      <c r="E29604" t="s">
        <v>18191</v>
      </c>
      <c r="F29604" t="s">
        <v>18192</v>
      </c>
      <c r="G29604" t="s">
        <v>10734</v>
      </c>
      <c r="H29604" t="s">
        <v>10735</v>
      </c>
      <c r="I29604" s="2">
        <v>0</v>
      </c>
      <c r="J29604" s="2">
        <v>0</v>
      </c>
      <c r="K29604" s="2">
        <v>1</v>
      </c>
      <c r="L29604" t="s">
        <v>995</v>
      </c>
      <c r="M29604" t="s">
        <v>89</v>
      </c>
      <c r="N29604" t="s">
        <v>90</v>
      </c>
      <c r="O29604" t="s">
        <v>85</v>
      </c>
      <c r="P29604" t="s">
        <v>86</v>
      </c>
      <c r="Q29604">
        <v>27</v>
      </c>
      <c r="R29604">
        <v>28</v>
      </c>
      <c r="S29604">
        <v>28</v>
      </c>
      <c r="T29604">
        <v>29</v>
      </c>
      <c r="U29604">
        <v>29</v>
      </c>
      <c r="V29604">
        <v>30</v>
      </c>
      <c r="W29604">
        <v>30</v>
      </c>
      <c r="X29604">
        <v>31</v>
      </c>
      <c r="Y29604">
        <v>31</v>
      </c>
      <c r="Z29604">
        <v>32</v>
      </c>
      <c r="AA29604">
        <v>32</v>
      </c>
      <c r="AB29604">
        <v>33</v>
      </c>
      <c r="AC29604">
        <v>33</v>
      </c>
      <c r="AD29604">
        <v>34</v>
      </c>
      <c r="AE29604">
        <v>34</v>
      </c>
      <c r="AF29604">
        <v>34</v>
      </c>
      <c r="AG29604">
        <v>34</v>
      </c>
      <c r="AH29604">
        <v>34</v>
      </c>
      <c r="AI29604">
        <v>34</v>
      </c>
      <c r="AJ29604">
        <v>34</v>
      </c>
      <c r="AK29604">
        <v>34</v>
      </c>
      <c r="AL29604">
        <v>34</v>
      </c>
      <c r="AM29604">
        <v>34</v>
      </c>
      <c r="AN29604">
        <v>34</v>
      </c>
      <c r="AO29604">
        <v>35</v>
      </c>
      <c r="AP29604">
        <v>35</v>
      </c>
      <c r="AQ29604">
        <v>35</v>
      </c>
    </row>
    <row r="29605" spans="1:43">
      <c r="A29605" t="s">
        <v>18335</v>
      </c>
      <c r="B29605" t="s">
        <v>18336</v>
      </c>
      <c r="C29605" t="s">
        <v>18321</v>
      </c>
      <c r="D29605" t="s">
        <v>18322</v>
      </c>
      <c r="E29605" t="s">
        <v>18191</v>
      </c>
      <c r="F29605" t="s">
        <v>18192</v>
      </c>
      <c r="G29605" t="s">
        <v>10734</v>
      </c>
      <c r="H29605" t="s">
        <v>10735</v>
      </c>
      <c r="I29605" s="2">
        <v>0</v>
      </c>
      <c r="J29605" s="2">
        <v>0</v>
      </c>
      <c r="K29605" s="2">
        <v>1</v>
      </c>
      <c r="L29605" t="s">
        <v>995</v>
      </c>
      <c r="M29605" t="s">
        <v>83</v>
      </c>
      <c r="N29605" t="s">
        <v>91</v>
      </c>
      <c r="O29605" t="s">
        <v>85</v>
      </c>
      <c r="P29605" t="s">
        <v>86</v>
      </c>
      <c r="Q29605">
        <v>27</v>
      </c>
      <c r="R29605">
        <v>27</v>
      </c>
      <c r="S29605">
        <v>28</v>
      </c>
      <c r="T29605">
        <v>28</v>
      </c>
      <c r="U29605">
        <v>28</v>
      </c>
      <c r="V29605">
        <v>29</v>
      </c>
      <c r="W29605">
        <v>29</v>
      </c>
      <c r="X29605">
        <v>29</v>
      </c>
      <c r="Y29605">
        <v>30</v>
      </c>
      <c r="Z29605">
        <v>30</v>
      </c>
      <c r="AA29605">
        <v>30</v>
      </c>
      <c r="AB29605">
        <v>31</v>
      </c>
      <c r="AC29605">
        <v>31</v>
      </c>
      <c r="AD29605">
        <v>31</v>
      </c>
      <c r="AE29605">
        <v>32</v>
      </c>
      <c r="AF29605">
        <v>32</v>
      </c>
      <c r="AG29605">
        <v>32</v>
      </c>
      <c r="AH29605">
        <v>33</v>
      </c>
      <c r="AI29605">
        <v>33</v>
      </c>
      <c r="AJ29605">
        <v>33</v>
      </c>
      <c r="AK29605">
        <v>34</v>
      </c>
      <c r="AL29605">
        <v>34</v>
      </c>
      <c r="AM29605">
        <v>34</v>
      </c>
      <c r="AN29605">
        <v>34</v>
      </c>
      <c r="AO29605">
        <v>34</v>
      </c>
      <c r="AP29605">
        <v>34</v>
      </c>
      <c r="AQ29605">
        <v>34</v>
      </c>
    </row>
    <row r="29606" spans="1:43">
      <c r="A29606" t="s">
        <v>18337</v>
      </c>
      <c r="B29606" t="s">
        <v>18338</v>
      </c>
      <c r="C29606" t="s">
        <v>18235</v>
      </c>
      <c r="D29606" t="s">
        <v>18236</v>
      </c>
      <c r="E29606" t="s">
        <v>18191</v>
      </c>
      <c r="F29606" t="s">
        <v>18192</v>
      </c>
      <c r="G29606" t="s">
        <v>10734</v>
      </c>
      <c r="H29606" t="s">
        <v>10735</v>
      </c>
      <c r="I29606" s="2">
        <v>0</v>
      </c>
      <c r="J29606" s="2">
        <v>0</v>
      </c>
      <c r="K29606" s="2">
        <v>1</v>
      </c>
      <c r="L29606" t="s">
        <v>995</v>
      </c>
      <c r="M29606" t="s">
        <v>83</v>
      </c>
      <c r="N29606" t="s">
        <v>84</v>
      </c>
      <c r="O29606" t="s">
        <v>85</v>
      </c>
      <c r="P29606" t="s">
        <v>86</v>
      </c>
      <c r="Q29606">
        <v>41</v>
      </c>
      <c r="R29606">
        <v>42</v>
      </c>
      <c r="S29606">
        <v>42</v>
      </c>
      <c r="T29606">
        <v>43</v>
      </c>
      <c r="U29606">
        <v>43</v>
      </c>
      <c r="V29606">
        <v>44</v>
      </c>
      <c r="W29606">
        <v>44</v>
      </c>
      <c r="X29606">
        <v>45</v>
      </c>
      <c r="Y29606">
        <v>46</v>
      </c>
      <c r="Z29606">
        <v>46</v>
      </c>
      <c r="AA29606">
        <v>47</v>
      </c>
      <c r="AB29606">
        <v>47</v>
      </c>
      <c r="AC29606">
        <v>48</v>
      </c>
      <c r="AD29606">
        <v>48</v>
      </c>
      <c r="AE29606">
        <v>49</v>
      </c>
      <c r="AF29606">
        <v>49</v>
      </c>
      <c r="AG29606">
        <v>50</v>
      </c>
      <c r="AH29606">
        <v>50</v>
      </c>
      <c r="AI29606">
        <v>51</v>
      </c>
      <c r="AJ29606">
        <v>51</v>
      </c>
      <c r="AK29606">
        <v>52</v>
      </c>
      <c r="AL29606">
        <v>52</v>
      </c>
      <c r="AM29606">
        <v>52</v>
      </c>
      <c r="AN29606">
        <v>52</v>
      </c>
      <c r="AO29606">
        <v>53</v>
      </c>
      <c r="AP29606">
        <v>53</v>
      </c>
      <c r="AQ29606">
        <v>53</v>
      </c>
    </row>
    <row r="29607" spans="1:43">
      <c r="A29607" t="s">
        <v>18337</v>
      </c>
      <c r="B29607" t="s">
        <v>18338</v>
      </c>
      <c r="C29607" t="s">
        <v>18235</v>
      </c>
      <c r="D29607" t="s">
        <v>18236</v>
      </c>
      <c r="E29607" t="s">
        <v>18191</v>
      </c>
      <c r="F29607" t="s">
        <v>18192</v>
      </c>
      <c r="G29607" t="s">
        <v>10734</v>
      </c>
      <c r="H29607" t="s">
        <v>10735</v>
      </c>
      <c r="I29607" s="2">
        <v>0</v>
      </c>
      <c r="J29607" s="2">
        <v>0</v>
      </c>
      <c r="K29607" s="2">
        <v>1</v>
      </c>
      <c r="L29607" t="s">
        <v>995</v>
      </c>
      <c r="M29607" t="s">
        <v>87</v>
      </c>
      <c r="N29607" t="s">
        <v>88</v>
      </c>
      <c r="O29607" t="s">
        <v>85</v>
      </c>
      <c r="P29607" t="s">
        <v>86</v>
      </c>
      <c r="Q29607">
        <v>41</v>
      </c>
      <c r="R29607">
        <v>41</v>
      </c>
      <c r="S29607">
        <v>41</v>
      </c>
      <c r="T29607">
        <v>41</v>
      </c>
      <c r="U29607">
        <v>41</v>
      </c>
      <c r="V29607">
        <v>42</v>
      </c>
      <c r="W29607">
        <v>42</v>
      </c>
      <c r="X29607">
        <v>42</v>
      </c>
      <c r="Y29607">
        <v>42</v>
      </c>
      <c r="Z29607">
        <v>42</v>
      </c>
      <c r="AA29607">
        <v>42</v>
      </c>
      <c r="AB29607">
        <v>43</v>
      </c>
      <c r="AC29607">
        <v>43</v>
      </c>
      <c r="AD29607">
        <v>43</v>
      </c>
      <c r="AE29607">
        <v>43</v>
      </c>
      <c r="AF29607">
        <v>43</v>
      </c>
      <c r="AG29607">
        <v>43</v>
      </c>
      <c r="AH29607">
        <v>44</v>
      </c>
      <c r="AI29607">
        <v>44</v>
      </c>
      <c r="AJ29607">
        <v>44</v>
      </c>
      <c r="AK29607">
        <v>44</v>
      </c>
      <c r="AL29607">
        <v>45</v>
      </c>
      <c r="AM29607">
        <v>45</v>
      </c>
      <c r="AN29607">
        <v>45</v>
      </c>
      <c r="AO29607">
        <v>45</v>
      </c>
      <c r="AP29607">
        <v>46</v>
      </c>
      <c r="AQ29607">
        <v>46</v>
      </c>
    </row>
    <row r="29608" spans="1:43">
      <c r="A29608" t="s">
        <v>18337</v>
      </c>
      <c r="B29608" t="s">
        <v>18338</v>
      </c>
      <c r="C29608" t="s">
        <v>18235</v>
      </c>
      <c r="D29608" t="s">
        <v>18236</v>
      </c>
      <c r="E29608" t="s">
        <v>18191</v>
      </c>
      <c r="F29608" t="s">
        <v>18192</v>
      </c>
      <c r="G29608" t="s">
        <v>10734</v>
      </c>
      <c r="H29608" t="s">
        <v>10735</v>
      </c>
      <c r="I29608" s="2">
        <v>0</v>
      </c>
      <c r="J29608" s="2">
        <v>0</v>
      </c>
      <c r="K29608" s="2">
        <v>1</v>
      </c>
      <c r="L29608" t="s">
        <v>995</v>
      </c>
      <c r="M29608" t="s">
        <v>89</v>
      </c>
      <c r="N29608" t="s">
        <v>90</v>
      </c>
      <c r="O29608" t="s">
        <v>85</v>
      </c>
      <c r="P29608" t="s">
        <v>86</v>
      </c>
      <c r="Q29608">
        <v>41</v>
      </c>
      <c r="R29608">
        <v>42</v>
      </c>
      <c r="S29608">
        <v>42</v>
      </c>
      <c r="T29608">
        <v>43</v>
      </c>
      <c r="U29608">
        <v>44</v>
      </c>
      <c r="V29608">
        <v>45</v>
      </c>
      <c r="W29608">
        <v>46</v>
      </c>
      <c r="X29608">
        <v>46</v>
      </c>
      <c r="Y29608">
        <v>47</v>
      </c>
      <c r="Z29608">
        <v>48</v>
      </c>
      <c r="AA29608">
        <v>49</v>
      </c>
      <c r="AB29608">
        <v>49</v>
      </c>
      <c r="AC29608">
        <v>50</v>
      </c>
      <c r="AD29608">
        <v>51</v>
      </c>
      <c r="AE29608">
        <v>51</v>
      </c>
      <c r="AF29608">
        <v>51</v>
      </c>
      <c r="AG29608">
        <v>51</v>
      </c>
      <c r="AH29608">
        <v>51</v>
      </c>
      <c r="AI29608">
        <v>51</v>
      </c>
      <c r="AJ29608">
        <v>51</v>
      </c>
      <c r="AK29608">
        <v>52</v>
      </c>
      <c r="AL29608">
        <v>52</v>
      </c>
      <c r="AM29608">
        <v>52</v>
      </c>
      <c r="AN29608">
        <v>52</v>
      </c>
      <c r="AO29608">
        <v>52</v>
      </c>
      <c r="AP29608">
        <v>52</v>
      </c>
      <c r="AQ29608">
        <v>52</v>
      </c>
    </row>
    <row r="29609" spans="1:43">
      <c r="A29609" t="s">
        <v>18337</v>
      </c>
      <c r="B29609" t="s">
        <v>18338</v>
      </c>
      <c r="C29609" t="s">
        <v>18235</v>
      </c>
      <c r="D29609" t="s">
        <v>18236</v>
      </c>
      <c r="E29609" t="s">
        <v>18191</v>
      </c>
      <c r="F29609" t="s">
        <v>18192</v>
      </c>
      <c r="G29609" t="s">
        <v>10734</v>
      </c>
      <c r="H29609" t="s">
        <v>10735</v>
      </c>
      <c r="I29609" s="2">
        <v>0</v>
      </c>
      <c r="J29609" s="2">
        <v>0</v>
      </c>
      <c r="K29609" s="2">
        <v>1</v>
      </c>
      <c r="L29609" t="s">
        <v>995</v>
      </c>
      <c r="M29609" t="s">
        <v>83</v>
      </c>
      <c r="N29609" t="s">
        <v>91</v>
      </c>
      <c r="O29609" t="s">
        <v>85</v>
      </c>
      <c r="P29609" t="s">
        <v>86</v>
      </c>
      <c r="Q29609">
        <v>41</v>
      </c>
      <c r="R29609">
        <v>42</v>
      </c>
      <c r="S29609">
        <v>42</v>
      </c>
      <c r="T29609">
        <v>43</v>
      </c>
      <c r="U29609">
        <v>43</v>
      </c>
      <c r="V29609">
        <v>44</v>
      </c>
      <c r="W29609">
        <v>44</v>
      </c>
      <c r="X29609">
        <v>45</v>
      </c>
      <c r="Y29609">
        <v>46</v>
      </c>
      <c r="Z29609">
        <v>46</v>
      </c>
      <c r="AA29609">
        <v>47</v>
      </c>
      <c r="AB29609">
        <v>47</v>
      </c>
      <c r="AC29609">
        <v>48</v>
      </c>
      <c r="AD29609">
        <v>48</v>
      </c>
      <c r="AE29609">
        <v>49</v>
      </c>
      <c r="AF29609">
        <v>49</v>
      </c>
      <c r="AG29609">
        <v>50</v>
      </c>
      <c r="AH29609">
        <v>50</v>
      </c>
      <c r="AI29609">
        <v>51</v>
      </c>
      <c r="AJ29609">
        <v>51</v>
      </c>
      <c r="AK29609">
        <v>52</v>
      </c>
      <c r="AL29609">
        <v>52</v>
      </c>
      <c r="AM29609">
        <v>52</v>
      </c>
      <c r="AN29609">
        <v>52</v>
      </c>
      <c r="AO29609">
        <v>53</v>
      </c>
      <c r="AP29609">
        <v>53</v>
      </c>
      <c r="AQ29609">
        <v>53</v>
      </c>
    </row>
    <row r="29610" spans="1:43">
      <c r="A29610" t="s">
        <v>18339</v>
      </c>
      <c r="B29610" t="s">
        <v>18340</v>
      </c>
      <c r="C29610" t="s">
        <v>18235</v>
      </c>
      <c r="D29610" t="s">
        <v>18236</v>
      </c>
      <c r="E29610" t="s">
        <v>18191</v>
      </c>
      <c r="F29610" t="s">
        <v>18192</v>
      </c>
      <c r="G29610" t="s">
        <v>10734</v>
      </c>
      <c r="H29610" t="s">
        <v>10735</v>
      </c>
      <c r="I29610" s="2">
        <v>0</v>
      </c>
      <c r="J29610" s="2">
        <v>0</v>
      </c>
      <c r="K29610" s="2">
        <v>1</v>
      </c>
      <c r="L29610" t="s">
        <v>995</v>
      </c>
      <c r="M29610" t="s">
        <v>83</v>
      </c>
      <c r="N29610" t="s">
        <v>84</v>
      </c>
      <c r="O29610" t="s">
        <v>85</v>
      </c>
      <c r="P29610" t="s">
        <v>86</v>
      </c>
      <c r="Q29610">
        <v>35</v>
      </c>
      <c r="R29610">
        <v>36</v>
      </c>
      <c r="S29610">
        <v>36</v>
      </c>
      <c r="T29610">
        <v>37</v>
      </c>
      <c r="U29610">
        <v>37</v>
      </c>
      <c r="V29610">
        <v>38</v>
      </c>
      <c r="W29610">
        <v>38</v>
      </c>
      <c r="X29610">
        <v>39</v>
      </c>
      <c r="Y29610">
        <v>39</v>
      </c>
      <c r="Z29610">
        <v>40</v>
      </c>
      <c r="AA29610">
        <v>40</v>
      </c>
      <c r="AB29610">
        <v>40</v>
      </c>
      <c r="AC29610">
        <v>41</v>
      </c>
      <c r="AD29610">
        <v>41</v>
      </c>
      <c r="AE29610">
        <v>42</v>
      </c>
      <c r="AF29610">
        <v>42</v>
      </c>
      <c r="AG29610">
        <v>43</v>
      </c>
      <c r="AH29610">
        <v>43</v>
      </c>
      <c r="AI29610">
        <v>44</v>
      </c>
      <c r="AJ29610">
        <v>44</v>
      </c>
      <c r="AK29610">
        <v>45</v>
      </c>
      <c r="AL29610">
        <v>45</v>
      </c>
      <c r="AM29610">
        <v>45</v>
      </c>
      <c r="AN29610">
        <v>45</v>
      </c>
      <c r="AO29610">
        <v>45</v>
      </c>
      <c r="AP29610">
        <v>45</v>
      </c>
      <c r="AQ29610">
        <v>45</v>
      </c>
    </row>
    <row r="29611" spans="1:43">
      <c r="A29611" t="s">
        <v>18339</v>
      </c>
      <c r="B29611" t="s">
        <v>18340</v>
      </c>
      <c r="C29611" t="s">
        <v>18235</v>
      </c>
      <c r="D29611" t="s">
        <v>18236</v>
      </c>
      <c r="E29611" t="s">
        <v>18191</v>
      </c>
      <c r="F29611" t="s">
        <v>18192</v>
      </c>
      <c r="G29611" t="s">
        <v>10734</v>
      </c>
      <c r="H29611" t="s">
        <v>10735</v>
      </c>
      <c r="I29611" s="2">
        <v>0</v>
      </c>
      <c r="J29611" s="2">
        <v>0</v>
      </c>
      <c r="K29611" s="2">
        <v>1</v>
      </c>
      <c r="L29611" t="s">
        <v>995</v>
      </c>
      <c r="M29611" t="s">
        <v>87</v>
      </c>
      <c r="N29611" t="s">
        <v>88</v>
      </c>
      <c r="O29611" t="s">
        <v>85</v>
      </c>
      <c r="P29611" t="s">
        <v>86</v>
      </c>
      <c r="Q29611">
        <v>35</v>
      </c>
      <c r="R29611">
        <v>35</v>
      </c>
      <c r="S29611">
        <v>35</v>
      </c>
      <c r="T29611">
        <v>35</v>
      </c>
      <c r="U29611">
        <v>36</v>
      </c>
      <c r="V29611">
        <v>36</v>
      </c>
      <c r="W29611">
        <v>36</v>
      </c>
      <c r="X29611">
        <v>36</v>
      </c>
      <c r="Y29611">
        <v>36</v>
      </c>
      <c r="Z29611">
        <v>36</v>
      </c>
      <c r="AA29611">
        <v>36</v>
      </c>
      <c r="AB29611">
        <v>37</v>
      </c>
      <c r="AC29611">
        <v>37</v>
      </c>
      <c r="AD29611">
        <v>37</v>
      </c>
      <c r="AE29611">
        <v>37</v>
      </c>
      <c r="AF29611">
        <v>37</v>
      </c>
      <c r="AG29611">
        <v>37</v>
      </c>
      <c r="AH29611">
        <v>38</v>
      </c>
      <c r="AI29611">
        <v>38</v>
      </c>
      <c r="AJ29611">
        <v>38</v>
      </c>
      <c r="AK29611">
        <v>38</v>
      </c>
      <c r="AL29611">
        <v>38</v>
      </c>
      <c r="AM29611">
        <v>39</v>
      </c>
      <c r="AN29611">
        <v>39</v>
      </c>
      <c r="AO29611">
        <v>39</v>
      </c>
      <c r="AP29611">
        <v>39</v>
      </c>
      <c r="AQ29611">
        <v>39</v>
      </c>
    </row>
    <row r="29612" spans="1:43">
      <c r="A29612" t="s">
        <v>18339</v>
      </c>
      <c r="B29612" t="s">
        <v>18340</v>
      </c>
      <c r="C29612" t="s">
        <v>18235</v>
      </c>
      <c r="D29612" t="s">
        <v>18236</v>
      </c>
      <c r="E29612" t="s">
        <v>18191</v>
      </c>
      <c r="F29612" t="s">
        <v>18192</v>
      </c>
      <c r="G29612" t="s">
        <v>10734</v>
      </c>
      <c r="H29612" t="s">
        <v>10735</v>
      </c>
      <c r="I29612" s="2">
        <v>0</v>
      </c>
      <c r="J29612" s="2">
        <v>0</v>
      </c>
      <c r="K29612" s="2">
        <v>1</v>
      </c>
      <c r="L29612" t="s">
        <v>995</v>
      </c>
      <c r="M29612" t="s">
        <v>89</v>
      </c>
      <c r="N29612" t="s">
        <v>90</v>
      </c>
      <c r="O29612" t="s">
        <v>85</v>
      </c>
      <c r="P29612" t="s">
        <v>86</v>
      </c>
      <c r="Q29612">
        <v>35</v>
      </c>
      <c r="R29612">
        <v>35</v>
      </c>
      <c r="S29612">
        <v>36</v>
      </c>
      <c r="T29612">
        <v>37</v>
      </c>
      <c r="U29612">
        <v>38</v>
      </c>
      <c r="V29612">
        <v>38</v>
      </c>
      <c r="W29612">
        <v>39</v>
      </c>
      <c r="X29612">
        <v>40</v>
      </c>
      <c r="Y29612">
        <v>40</v>
      </c>
      <c r="Z29612">
        <v>41</v>
      </c>
      <c r="AA29612">
        <v>42</v>
      </c>
      <c r="AB29612">
        <v>42</v>
      </c>
      <c r="AC29612">
        <v>43</v>
      </c>
      <c r="AD29612">
        <v>43</v>
      </c>
      <c r="AE29612">
        <v>44</v>
      </c>
      <c r="AF29612">
        <v>44</v>
      </c>
      <c r="AG29612">
        <v>44</v>
      </c>
      <c r="AH29612">
        <v>44</v>
      </c>
      <c r="AI29612">
        <v>44</v>
      </c>
      <c r="AJ29612">
        <v>44</v>
      </c>
      <c r="AK29612">
        <v>44</v>
      </c>
      <c r="AL29612">
        <v>44</v>
      </c>
      <c r="AM29612">
        <v>44</v>
      </c>
      <c r="AN29612">
        <v>45</v>
      </c>
      <c r="AO29612">
        <v>45</v>
      </c>
      <c r="AP29612">
        <v>45</v>
      </c>
      <c r="AQ29612">
        <v>45</v>
      </c>
    </row>
    <row r="29613" spans="1:43">
      <c r="A29613" t="s">
        <v>18339</v>
      </c>
      <c r="B29613" t="s">
        <v>18340</v>
      </c>
      <c r="C29613" t="s">
        <v>18235</v>
      </c>
      <c r="D29613" t="s">
        <v>18236</v>
      </c>
      <c r="E29613" t="s">
        <v>18191</v>
      </c>
      <c r="F29613" t="s">
        <v>18192</v>
      </c>
      <c r="G29613" t="s">
        <v>10734</v>
      </c>
      <c r="H29613" t="s">
        <v>10735</v>
      </c>
      <c r="I29613" s="2">
        <v>0</v>
      </c>
      <c r="J29613" s="2">
        <v>0</v>
      </c>
      <c r="K29613" s="2">
        <v>1</v>
      </c>
      <c r="L29613" t="s">
        <v>995</v>
      </c>
      <c r="M29613" t="s">
        <v>83</v>
      </c>
      <c r="N29613" t="s">
        <v>91</v>
      </c>
      <c r="O29613" t="s">
        <v>85</v>
      </c>
      <c r="P29613" t="s">
        <v>86</v>
      </c>
      <c r="Q29613">
        <v>35</v>
      </c>
      <c r="R29613">
        <v>36</v>
      </c>
      <c r="S29613">
        <v>36</v>
      </c>
      <c r="T29613">
        <v>37</v>
      </c>
      <c r="U29613">
        <v>37</v>
      </c>
      <c r="V29613">
        <v>38</v>
      </c>
      <c r="W29613">
        <v>38</v>
      </c>
      <c r="X29613">
        <v>39</v>
      </c>
      <c r="Y29613">
        <v>39</v>
      </c>
      <c r="Z29613">
        <v>40</v>
      </c>
      <c r="AA29613">
        <v>40</v>
      </c>
      <c r="AB29613">
        <v>40</v>
      </c>
      <c r="AC29613">
        <v>41</v>
      </c>
      <c r="AD29613">
        <v>41</v>
      </c>
      <c r="AE29613">
        <v>42</v>
      </c>
      <c r="AF29613">
        <v>42</v>
      </c>
      <c r="AG29613">
        <v>43</v>
      </c>
      <c r="AH29613">
        <v>43</v>
      </c>
      <c r="AI29613">
        <v>44</v>
      </c>
      <c r="AJ29613">
        <v>44</v>
      </c>
      <c r="AK29613">
        <v>45</v>
      </c>
      <c r="AL29613">
        <v>45</v>
      </c>
      <c r="AM29613">
        <v>45</v>
      </c>
      <c r="AN29613">
        <v>45</v>
      </c>
      <c r="AO29613">
        <v>45</v>
      </c>
      <c r="AP29613">
        <v>45</v>
      </c>
      <c r="AQ29613">
        <v>45</v>
      </c>
    </row>
    <row r="29614" spans="1:43">
      <c r="A29614" t="s">
        <v>18341</v>
      </c>
      <c r="B29614" t="s">
        <v>18342</v>
      </c>
      <c r="C29614" t="s">
        <v>18343</v>
      </c>
      <c r="D29614" t="s">
        <v>18344</v>
      </c>
      <c r="E29614" t="s">
        <v>18345</v>
      </c>
      <c r="F29614" t="s">
        <v>18346</v>
      </c>
      <c r="G29614" t="s">
        <v>10734</v>
      </c>
      <c r="H29614" t="s">
        <v>10735</v>
      </c>
      <c r="I29614" s="2">
        <v>0</v>
      </c>
      <c r="J29614" s="2">
        <v>0</v>
      </c>
      <c r="K29614" s="2">
        <v>1</v>
      </c>
      <c r="L29614" t="s">
        <v>995</v>
      </c>
      <c r="M29614" t="s">
        <v>83</v>
      </c>
      <c r="N29614" t="s">
        <v>84</v>
      </c>
      <c r="O29614" t="s">
        <v>85</v>
      </c>
      <c r="P29614" t="s">
        <v>86</v>
      </c>
      <c r="Q29614">
        <v>49</v>
      </c>
      <c r="R29614">
        <v>49</v>
      </c>
      <c r="S29614">
        <v>50</v>
      </c>
      <c r="T29614">
        <v>51</v>
      </c>
      <c r="U29614">
        <v>52</v>
      </c>
      <c r="V29614">
        <v>52</v>
      </c>
      <c r="W29614">
        <v>53</v>
      </c>
      <c r="X29614">
        <v>54</v>
      </c>
      <c r="Y29614">
        <v>54</v>
      </c>
      <c r="Z29614">
        <v>55</v>
      </c>
      <c r="AA29614">
        <v>56</v>
      </c>
      <c r="AB29614">
        <v>57</v>
      </c>
      <c r="AC29614">
        <v>57</v>
      </c>
      <c r="AD29614">
        <v>58</v>
      </c>
      <c r="AE29614">
        <v>59</v>
      </c>
      <c r="AF29614">
        <v>59</v>
      </c>
      <c r="AG29614">
        <v>60</v>
      </c>
      <c r="AH29614">
        <v>61</v>
      </c>
      <c r="AI29614">
        <v>61</v>
      </c>
      <c r="AJ29614">
        <v>62</v>
      </c>
      <c r="AK29614">
        <v>63</v>
      </c>
      <c r="AL29614">
        <v>63</v>
      </c>
      <c r="AM29614">
        <v>63</v>
      </c>
      <c r="AN29614">
        <v>63</v>
      </c>
      <c r="AO29614">
        <v>63</v>
      </c>
      <c r="AP29614">
        <v>63</v>
      </c>
      <c r="AQ29614">
        <v>63</v>
      </c>
    </row>
    <row r="29615" spans="1:43">
      <c r="A29615" t="s">
        <v>18341</v>
      </c>
      <c r="B29615" t="s">
        <v>18342</v>
      </c>
      <c r="C29615" t="s">
        <v>18343</v>
      </c>
      <c r="D29615" t="s">
        <v>18344</v>
      </c>
      <c r="E29615" t="s">
        <v>18345</v>
      </c>
      <c r="F29615" t="s">
        <v>18346</v>
      </c>
      <c r="G29615" t="s">
        <v>10734</v>
      </c>
      <c r="H29615" t="s">
        <v>10735</v>
      </c>
      <c r="I29615" s="2">
        <v>0</v>
      </c>
      <c r="J29615" s="2">
        <v>0</v>
      </c>
      <c r="K29615" s="2">
        <v>1</v>
      </c>
      <c r="L29615" t="s">
        <v>995</v>
      </c>
      <c r="M29615" t="s">
        <v>87</v>
      </c>
      <c r="N29615" t="s">
        <v>88</v>
      </c>
      <c r="O29615" t="s">
        <v>85</v>
      </c>
      <c r="P29615" t="s">
        <v>86</v>
      </c>
      <c r="Q29615">
        <v>49</v>
      </c>
      <c r="R29615">
        <v>49</v>
      </c>
      <c r="S29615">
        <v>50</v>
      </c>
      <c r="T29615">
        <v>50</v>
      </c>
      <c r="U29615">
        <v>50</v>
      </c>
      <c r="V29615">
        <v>51</v>
      </c>
      <c r="W29615">
        <v>51</v>
      </c>
      <c r="X29615">
        <v>51</v>
      </c>
      <c r="Y29615">
        <v>51</v>
      </c>
      <c r="Z29615">
        <v>52</v>
      </c>
      <c r="AA29615">
        <v>52</v>
      </c>
      <c r="AB29615">
        <v>52</v>
      </c>
      <c r="AC29615">
        <v>53</v>
      </c>
      <c r="AD29615">
        <v>53</v>
      </c>
      <c r="AE29615">
        <v>53</v>
      </c>
      <c r="AF29615">
        <v>53</v>
      </c>
      <c r="AG29615">
        <v>54</v>
      </c>
      <c r="AH29615">
        <v>54</v>
      </c>
      <c r="AI29615">
        <v>54</v>
      </c>
      <c r="AJ29615">
        <v>54</v>
      </c>
      <c r="AK29615">
        <v>55</v>
      </c>
      <c r="AL29615">
        <v>55</v>
      </c>
      <c r="AM29615">
        <v>55</v>
      </c>
      <c r="AN29615">
        <v>55</v>
      </c>
      <c r="AO29615">
        <v>56</v>
      </c>
      <c r="AP29615">
        <v>56</v>
      </c>
      <c r="AQ29615">
        <v>56</v>
      </c>
    </row>
    <row r="29616" spans="1:43">
      <c r="A29616" t="s">
        <v>18341</v>
      </c>
      <c r="B29616" t="s">
        <v>18342</v>
      </c>
      <c r="C29616" t="s">
        <v>18343</v>
      </c>
      <c r="D29616" t="s">
        <v>18344</v>
      </c>
      <c r="E29616" t="s">
        <v>18345</v>
      </c>
      <c r="F29616" t="s">
        <v>18346</v>
      </c>
      <c r="G29616" t="s">
        <v>10734</v>
      </c>
      <c r="H29616" t="s">
        <v>10735</v>
      </c>
      <c r="I29616" s="2">
        <v>0</v>
      </c>
      <c r="J29616" s="2">
        <v>0</v>
      </c>
      <c r="K29616" s="2">
        <v>1</v>
      </c>
      <c r="L29616" t="s">
        <v>995</v>
      </c>
      <c r="M29616" t="s">
        <v>89</v>
      </c>
      <c r="N29616" t="s">
        <v>90</v>
      </c>
      <c r="O29616" t="s">
        <v>85</v>
      </c>
      <c r="P29616" t="s">
        <v>86</v>
      </c>
      <c r="Q29616">
        <v>49</v>
      </c>
      <c r="R29616">
        <v>50</v>
      </c>
      <c r="S29616">
        <v>51</v>
      </c>
      <c r="T29616">
        <v>52</v>
      </c>
      <c r="U29616">
        <v>54</v>
      </c>
      <c r="V29616">
        <v>55</v>
      </c>
      <c r="W29616">
        <v>56</v>
      </c>
      <c r="X29616">
        <v>57</v>
      </c>
      <c r="Y29616">
        <v>58</v>
      </c>
      <c r="Z29616">
        <v>59</v>
      </c>
      <c r="AA29616">
        <v>60</v>
      </c>
      <c r="AB29616">
        <v>60</v>
      </c>
      <c r="AC29616">
        <v>61</v>
      </c>
      <c r="AD29616">
        <v>62</v>
      </c>
      <c r="AE29616">
        <v>63</v>
      </c>
      <c r="AF29616">
        <v>63</v>
      </c>
      <c r="AG29616">
        <v>63</v>
      </c>
      <c r="AH29616">
        <v>63</v>
      </c>
      <c r="AI29616">
        <v>63</v>
      </c>
      <c r="AJ29616">
        <v>63</v>
      </c>
      <c r="AK29616">
        <v>63</v>
      </c>
      <c r="AL29616">
        <v>64</v>
      </c>
      <c r="AM29616">
        <v>64</v>
      </c>
      <c r="AN29616">
        <v>64</v>
      </c>
      <c r="AO29616">
        <v>64</v>
      </c>
      <c r="AP29616">
        <v>64</v>
      </c>
      <c r="AQ29616">
        <v>64</v>
      </c>
    </row>
    <row r="29617" spans="1:43">
      <c r="A29617" t="s">
        <v>18341</v>
      </c>
      <c r="B29617" t="s">
        <v>18342</v>
      </c>
      <c r="C29617" t="s">
        <v>18343</v>
      </c>
      <c r="D29617" t="s">
        <v>18344</v>
      </c>
      <c r="E29617" t="s">
        <v>18345</v>
      </c>
      <c r="F29617" t="s">
        <v>18346</v>
      </c>
      <c r="G29617" t="s">
        <v>10734</v>
      </c>
      <c r="H29617" t="s">
        <v>10735</v>
      </c>
      <c r="I29617" s="2">
        <v>0</v>
      </c>
      <c r="J29617" s="2">
        <v>0</v>
      </c>
      <c r="K29617" s="2">
        <v>1</v>
      </c>
      <c r="L29617" t="s">
        <v>995</v>
      </c>
      <c r="M29617" t="s">
        <v>83</v>
      </c>
      <c r="N29617" t="s">
        <v>91</v>
      </c>
      <c r="O29617" t="s">
        <v>85</v>
      </c>
      <c r="P29617" t="s">
        <v>86</v>
      </c>
      <c r="Q29617">
        <v>49</v>
      </c>
      <c r="R29617">
        <v>49</v>
      </c>
      <c r="S29617">
        <v>50</v>
      </c>
      <c r="T29617">
        <v>51</v>
      </c>
      <c r="U29617">
        <v>52</v>
      </c>
      <c r="V29617">
        <v>52</v>
      </c>
      <c r="W29617">
        <v>53</v>
      </c>
      <c r="X29617">
        <v>54</v>
      </c>
      <c r="Y29617">
        <v>54</v>
      </c>
      <c r="Z29617">
        <v>55</v>
      </c>
      <c r="AA29617">
        <v>56</v>
      </c>
      <c r="AB29617">
        <v>57</v>
      </c>
      <c r="AC29617">
        <v>57</v>
      </c>
      <c r="AD29617">
        <v>58</v>
      </c>
      <c r="AE29617">
        <v>59</v>
      </c>
      <c r="AF29617">
        <v>59</v>
      </c>
      <c r="AG29617">
        <v>60</v>
      </c>
      <c r="AH29617">
        <v>61</v>
      </c>
      <c r="AI29617">
        <v>61</v>
      </c>
      <c r="AJ29617">
        <v>62</v>
      </c>
      <c r="AK29617">
        <v>63</v>
      </c>
      <c r="AL29617">
        <v>63</v>
      </c>
      <c r="AM29617">
        <v>63</v>
      </c>
      <c r="AN29617">
        <v>63</v>
      </c>
      <c r="AO29617">
        <v>63</v>
      </c>
      <c r="AP29617">
        <v>63</v>
      </c>
      <c r="AQ29617">
        <v>63</v>
      </c>
    </row>
    <row r="29618" spans="1:43">
      <c r="A29618" t="s">
        <v>18347</v>
      </c>
      <c r="B29618" t="s">
        <v>18348</v>
      </c>
      <c r="C29618" t="s">
        <v>18343</v>
      </c>
      <c r="D29618" t="s">
        <v>18344</v>
      </c>
      <c r="E29618" t="s">
        <v>18345</v>
      </c>
      <c r="F29618" t="s">
        <v>18346</v>
      </c>
      <c r="G29618" t="s">
        <v>10734</v>
      </c>
      <c r="H29618" t="s">
        <v>10735</v>
      </c>
      <c r="I29618" s="2">
        <v>0</v>
      </c>
      <c r="J29618" s="2">
        <v>0</v>
      </c>
      <c r="K29618" s="2">
        <v>1</v>
      </c>
      <c r="L29618" t="s">
        <v>995</v>
      </c>
      <c r="M29618" t="s">
        <v>83</v>
      </c>
      <c r="N29618" t="s">
        <v>84</v>
      </c>
      <c r="O29618" t="s">
        <v>85</v>
      </c>
      <c r="P29618" t="s">
        <v>86</v>
      </c>
      <c r="Q29618">
        <v>24</v>
      </c>
      <c r="R29618">
        <v>24</v>
      </c>
      <c r="S29618">
        <v>24</v>
      </c>
      <c r="T29618">
        <v>25</v>
      </c>
      <c r="U29618">
        <v>25</v>
      </c>
      <c r="V29618">
        <v>26</v>
      </c>
      <c r="W29618">
        <v>26</v>
      </c>
      <c r="X29618">
        <v>26</v>
      </c>
      <c r="Y29618">
        <v>27</v>
      </c>
      <c r="Z29618">
        <v>27</v>
      </c>
      <c r="AA29618">
        <v>27</v>
      </c>
      <c r="AB29618">
        <v>28</v>
      </c>
      <c r="AC29618">
        <v>28</v>
      </c>
      <c r="AD29618">
        <v>29</v>
      </c>
      <c r="AE29618">
        <v>29</v>
      </c>
      <c r="AF29618">
        <v>29</v>
      </c>
      <c r="AG29618">
        <v>30</v>
      </c>
      <c r="AH29618">
        <v>30</v>
      </c>
      <c r="AI29618">
        <v>30</v>
      </c>
      <c r="AJ29618">
        <v>31</v>
      </c>
      <c r="AK29618">
        <v>31</v>
      </c>
      <c r="AL29618">
        <v>31</v>
      </c>
      <c r="AM29618">
        <v>31</v>
      </c>
      <c r="AN29618">
        <v>31</v>
      </c>
      <c r="AO29618">
        <v>31</v>
      </c>
      <c r="AP29618">
        <v>31</v>
      </c>
      <c r="AQ29618">
        <v>31</v>
      </c>
    </row>
    <row r="29619" spans="1:43">
      <c r="A29619" t="s">
        <v>18347</v>
      </c>
      <c r="B29619" t="s">
        <v>18348</v>
      </c>
      <c r="C29619" t="s">
        <v>18343</v>
      </c>
      <c r="D29619" t="s">
        <v>18344</v>
      </c>
      <c r="E29619" t="s">
        <v>18345</v>
      </c>
      <c r="F29619" t="s">
        <v>18346</v>
      </c>
      <c r="G29619" t="s">
        <v>10734</v>
      </c>
      <c r="H29619" t="s">
        <v>10735</v>
      </c>
      <c r="I29619" s="2">
        <v>0</v>
      </c>
      <c r="J29619" s="2">
        <v>0</v>
      </c>
      <c r="K29619" s="2">
        <v>1</v>
      </c>
      <c r="L29619" t="s">
        <v>995</v>
      </c>
      <c r="M29619" t="s">
        <v>87</v>
      </c>
      <c r="N29619" t="s">
        <v>88</v>
      </c>
      <c r="O29619" t="s">
        <v>85</v>
      </c>
      <c r="P29619" t="s">
        <v>86</v>
      </c>
      <c r="Q29619">
        <v>24</v>
      </c>
      <c r="R29619">
        <v>25</v>
      </c>
      <c r="S29619">
        <v>25</v>
      </c>
      <c r="T29619">
        <v>25</v>
      </c>
      <c r="U29619">
        <v>25</v>
      </c>
      <c r="V29619">
        <v>25</v>
      </c>
      <c r="W29619">
        <v>25</v>
      </c>
      <c r="X29619">
        <v>26</v>
      </c>
      <c r="Y29619">
        <v>26</v>
      </c>
      <c r="Z29619">
        <v>26</v>
      </c>
      <c r="AA29619">
        <v>26</v>
      </c>
      <c r="AB29619">
        <v>26</v>
      </c>
      <c r="AC29619">
        <v>26</v>
      </c>
      <c r="AD29619">
        <v>26</v>
      </c>
      <c r="AE29619">
        <v>27</v>
      </c>
      <c r="AF29619">
        <v>27</v>
      </c>
      <c r="AG29619">
        <v>27</v>
      </c>
      <c r="AH29619">
        <v>27</v>
      </c>
      <c r="AI29619">
        <v>27</v>
      </c>
      <c r="AJ29619">
        <v>27</v>
      </c>
      <c r="AK29619">
        <v>27</v>
      </c>
      <c r="AL29619">
        <v>28</v>
      </c>
      <c r="AM29619">
        <v>28</v>
      </c>
      <c r="AN29619">
        <v>28</v>
      </c>
      <c r="AO29619">
        <v>28</v>
      </c>
      <c r="AP29619">
        <v>28</v>
      </c>
      <c r="AQ29619">
        <v>28</v>
      </c>
    </row>
    <row r="29620" spans="1:43">
      <c r="A29620" t="s">
        <v>18347</v>
      </c>
      <c r="B29620" t="s">
        <v>18348</v>
      </c>
      <c r="C29620" t="s">
        <v>18343</v>
      </c>
      <c r="D29620" t="s">
        <v>18344</v>
      </c>
      <c r="E29620" t="s">
        <v>18345</v>
      </c>
      <c r="F29620" t="s">
        <v>18346</v>
      </c>
      <c r="G29620" t="s">
        <v>10734</v>
      </c>
      <c r="H29620" t="s">
        <v>10735</v>
      </c>
      <c r="I29620" s="2">
        <v>0</v>
      </c>
      <c r="J29620" s="2">
        <v>0</v>
      </c>
      <c r="K29620" s="2">
        <v>1</v>
      </c>
      <c r="L29620" t="s">
        <v>995</v>
      </c>
      <c r="M29620" t="s">
        <v>89</v>
      </c>
      <c r="N29620" t="s">
        <v>90</v>
      </c>
      <c r="O29620" t="s">
        <v>85</v>
      </c>
      <c r="P29620" t="s">
        <v>86</v>
      </c>
      <c r="Q29620">
        <v>24</v>
      </c>
      <c r="R29620">
        <v>24</v>
      </c>
      <c r="S29620">
        <v>25</v>
      </c>
      <c r="T29620">
        <v>26</v>
      </c>
      <c r="U29620">
        <v>26</v>
      </c>
      <c r="V29620">
        <v>27</v>
      </c>
      <c r="W29620">
        <v>27</v>
      </c>
      <c r="X29620">
        <v>28</v>
      </c>
      <c r="Y29620">
        <v>28</v>
      </c>
      <c r="Z29620">
        <v>29</v>
      </c>
      <c r="AA29620">
        <v>29</v>
      </c>
      <c r="AB29620">
        <v>30</v>
      </c>
      <c r="AC29620">
        <v>30</v>
      </c>
      <c r="AD29620">
        <v>31</v>
      </c>
      <c r="AE29620">
        <v>31</v>
      </c>
      <c r="AF29620">
        <v>31</v>
      </c>
      <c r="AG29620">
        <v>31</v>
      </c>
      <c r="AH29620">
        <v>31</v>
      </c>
      <c r="AI29620">
        <v>31</v>
      </c>
      <c r="AJ29620">
        <v>31</v>
      </c>
      <c r="AK29620">
        <v>31</v>
      </c>
      <c r="AL29620">
        <v>31</v>
      </c>
      <c r="AM29620">
        <v>31</v>
      </c>
      <c r="AN29620">
        <v>31</v>
      </c>
      <c r="AO29620">
        <v>32</v>
      </c>
      <c r="AP29620">
        <v>32</v>
      </c>
      <c r="AQ29620">
        <v>32</v>
      </c>
    </row>
    <row r="29621" spans="1:43">
      <c r="A29621" t="s">
        <v>18347</v>
      </c>
      <c r="B29621" t="s">
        <v>18348</v>
      </c>
      <c r="C29621" t="s">
        <v>18343</v>
      </c>
      <c r="D29621" t="s">
        <v>18344</v>
      </c>
      <c r="E29621" t="s">
        <v>18345</v>
      </c>
      <c r="F29621" t="s">
        <v>18346</v>
      </c>
      <c r="G29621" t="s">
        <v>10734</v>
      </c>
      <c r="H29621" t="s">
        <v>10735</v>
      </c>
      <c r="I29621" s="2">
        <v>0</v>
      </c>
      <c r="J29621" s="2">
        <v>0</v>
      </c>
      <c r="K29621" s="2">
        <v>1</v>
      </c>
      <c r="L29621" t="s">
        <v>995</v>
      </c>
      <c r="M29621" t="s">
        <v>83</v>
      </c>
      <c r="N29621" t="s">
        <v>91</v>
      </c>
      <c r="O29621" t="s">
        <v>85</v>
      </c>
      <c r="P29621" t="s">
        <v>86</v>
      </c>
      <c r="Q29621">
        <v>24</v>
      </c>
      <c r="R29621">
        <v>24</v>
      </c>
      <c r="S29621">
        <v>24</v>
      </c>
      <c r="T29621">
        <v>25</v>
      </c>
      <c r="U29621">
        <v>25</v>
      </c>
      <c r="V29621">
        <v>26</v>
      </c>
      <c r="W29621">
        <v>26</v>
      </c>
      <c r="X29621">
        <v>26</v>
      </c>
      <c r="Y29621">
        <v>27</v>
      </c>
      <c r="Z29621">
        <v>27</v>
      </c>
      <c r="AA29621">
        <v>27</v>
      </c>
      <c r="AB29621">
        <v>28</v>
      </c>
      <c r="AC29621">
        <v>28</v>
      </c>
      <c r="AD29621">
        <v>29</v>
      </c>
      <c r="AE29621">
        <v>29</v>
      </c>
      <c r="AF29621">
        <v>29</v>
      </c>
      <c r="AG29621">
        <v>30</v>
      </c>
      <c r="AH29621">
        <v>30</v>
      </c>
      <c r="AI29621">
        <v>30</v>
      </c>
      <c r="AJ29621">
        <v>31</v>
      </c>
      <c r="AK29621">
        <v>31</v>
      </c>
      <c r="AL29621">
        <v>31</v>
      </c>
      <c r="AM29621">
        <v>31</v>
      </c>
      <c r="AN29621">
        <v>31</v>
      </c>
      <c r="AO29621">
        <v>31</v>
      </c>
      <c r="AP29621">
        <v>31</v>
      </c>
      <c r="AQ29621">
        <v>31</v>
      </c>
    </row>
    <row r="29622" spans="1:43">
      <c r="A29622" t="s">
        <v>18349</v>
      </c>
      <c r="B29622" t="s">
        <v>18350</v>
      </c>
      <c r="C29622" t="s">
        <v>18351</v>
      </c>
      <c r="D29622" t="s">
        <v>18352</v>
      </c>
      <c r="E29622" t="s">
        <v>18345</v>
      </c>
      <c r="F29622" t="s">
        <v>18346</v>
      </c>
      <c r="G29622" t="s">
        <v>10734</v>
      </c>
      <c r="H29622" t="s">
        <v>10735</v>
      </c>
      <c r="I29622" s="2">
        <v>0</v>
      </c>
      <c r="J29622" s="2">
        <v>0</v>
      </c>
      <c r="K29622" s="2">
        <v>1</v>
      </c>
      <c r="L29622" t="s">
        <v>995</v>
      </c>
      <c r="M29622" t="s">
        <v>83</v>
      </c>
      <c r="N29622" t="s">
        <v>84</v>
      </c>
      <c r="O29622" t="s">
        <v>85</v>
      </c>
      <c r="P29622" t="s">
        <v>86</v>
      </c>
      <c r="Q29622">
        <v>94</v>
      </c>
      <c r="R29622">
        <v>96</v>
      </c>
      <c r="S29622">
        <v>97</v>
      </c>
      <c r="T29622">
        <v>99</v>
      </c>
      <c r="U29622">
        <v>100</v>
      </c>
      <c r="V29622">
        <v>102</v>
      </c>
      <c r="W29622">
        <v>104</v>
      </c>
      <c r="X29622">
        <v>105</v>
      </c>
      <c r="Y29622">
        <v>107</v>
      </c>
      <c r="Z29622">
        <v>108</v>
      </c>
      <c r="AA29622">
        <v>110</v>
      </c>
      <c r="AB29622">
        <v>111</v>
      </c>
      <c r="AC29622">
        <v>113</v>
      </c>
      <c r="AD29622">
        <v>114</v>
      </c>
      <c r="AE29622">
        <v>116</v>
      </c>
      <c r="AF29622">
        <v>117</v>
      </c>
      <c r="AG29622">
        <v>118</v>
      </c>
      <c r="AH29622">
        <v>120</v>
      </c>
      <c r="AI29622">
        <v>121</v>
      </c>
      <c r="AJ29622">
        <v>123</v>
      </c>
      <c r="AK29622">
        <v>124</v>
      </c>
      <c r="AL29622">
        <v>125</v>
      </c>
      <c r="AM29622">
        <v>125</v>
      </c>
      <c r="AN29622">
        <v>126</v>
      </c>
      <c r="AO29622">
        <v>126</v>
      </c>
      <c r="AP29622">
        <v>126</v>
      </c>
      <c r="AQ29622">
        <v>127</v>
      </c>
    </row>
    <row r="29623" spans="1:43">
      <c r="A29623" t="s">
        <v>18349</v>
      </c>
      <c r="B29623" t="s">
        <v>18350</v>
      </c>
      <c r="C29623" t="s">
        <v>18351</v>
      </c>
      <c r="D29623" t="s">
        <v>18352</v>
      </c>
      <c r="E29623" t="s">
        <v>18345</v>
      </c>
      <c r="F29623" t="s">
        <v>18346</v>
      </c>
      <c r="G29623" t="s">
        <v>10734</v>
      </c>
      <c r="H29623" t="s">
        <v>10735</v>
      </c>
      <c r="I29623" s="2">
        <v>0</v>
      </c>
      <c r="J29623" s="2">
        <v>0</v>
      </c>
      <c r="K29623" s="2">
        <v>1</v>
      </c>
      <c r="L29623" t="s">
        <v>995</v>
      </c>
      <c r="M29623" t="s">
        <v>87</v>
      </c>
      <c r="N29623" t="s">
        <v>88</v>
      </c>
      <c r="O29623" t="s">
        <v>85</v>
      </c>
      <c r="P29623" t="s">
        <v>86</v>
      </c>
      <c r="Q29623">
        <v>94</v>
      </c>
      <c r="R29623">
        <v>95</v>
      </c>
      <c r="S29623">
        <v>96</v>
      </c>
      <c r="T29623">
        <v>96</v>
      </c>
      <c r="U29623">
        <v>97</v>
      </c>
      <c r="V29623">
        <v>98</v>
      </c>
      <c r="W29623">
        <v>98</v>
      </c>
      <c r="X29623">
        <v>99</v>
      </c>
      <c r="Y29623">
        <v>100</v>
      </c>
      <c r="Z29623">
        <v>100</v>
      </c>
      <c r="AA29623">
        <v>101</v>
      </c>
      <c r="AB29623">
        <v>102</v>
      </c>
      <c r="AC29623">
        <v>102</v>
      </c>
      <c r="AD29623">
        <v>103</v>
      </c>
      <c r="AE29623">
        <v>104</v>
      </c>
      <c r="AF29623">
        <v>104</v>
      </c>
      <c r="AG29623">
        <v>105</v>
      </c>
      <c r="AH29623">
        <v>105</v>
      </c>
      <c r="AI29623">
        <v>106</v>
      </c>
      <c r="AJ29623">
        <v>107</v>
      </c>
      <c r="AK29623">
        <v>107</v>
      </c>
      <c r="AL29623">
        <v>108</v>
      </c>
      <c r="AM29623">
        <v>109</v>
      </c>
      <c r="AN29623">
        <v>109</v>
      </c>
      <c r="AO29623">
        <v>110</v>
      </c>
      <c r="AP29623">
        <v>110</v>
      </c>
      <c r="AQ29623">
        <v>111</v>
      </c>
    </row>
    <row r="29624" spans="1:43">
      <c r="A29624" t="s">
        <v>18349</v>
      </c>
      <c r="B29624" t="s">
        <v>18350</v>
      </c>
      <c r="C29624" t="s">
        <v>18351</v>
      </c>
      <c r="D29624" t="s">
        <v>18352</v>
      </c>
      <c r="E29624" t="s">
        <v>18345</v>
      </c>
      <c r="F29624" t="s">
        <v>18346</v>
      </c>
      <c r="G29624" t="s">
        <v>10734</v>
      </c>
      <c r="H29624" t="s">
        <v>10735</v>
      </c>
      <c r="I29624" s="2">
        <v>0</v>
      </c>
      <c r="J29624" s="2">
        <v>0</v>
      </c>
      <c r="K29624" s="2">
        <v>1</v>
      </c>
      <c r="L29624" t="s">
        <v>995</v>
      </c>
      <c r="M29624" t="s">
        <v>89</v>
      </c>
      <c r="N29624" t="s">
        <v>90</v>
      </c>
      <c r="O29624" t="s">
        <v>85</v>
      </c>
      <c r="P29624" t="s">
        <v>86</v>
      </c>
      <c r="Q29624">
        <v>94</v>
      </c>
      <c r="R29624">
        <v>96</v>
      </c>
      <c r="S29624">
        <v>99</v>
      </c>
      <c r="T29624">
        <v>101</v>
      </c>
      <c r="U29624">
        <v>103</v>
      </c>
      <c r="V29624">
        <v>106</v>
      </c>
      <c r="W29624">
        <v>108</v>
      </c>
      <c r="X29624">
        <v>110</v>
      </c>
      <c r="Y29624">
        <v>112</v>
      </c>
      <c r="Z29624">
        <v>114</v>
      </c>
      <c r="AA29624">
        <v>116</v>
      </c>
      <c r="AB29624">
        <v>117</v>
      </c>
      <c r="AC29624">
        <v>119</v>
      </c>
      <c r="AD29624">
        <v>121</v>
      </c>
      <c r="AE29624">
        <v>123</v>
      </c>
      <c r="AF29624">
        <v>123</v>
      </c>
      <c r="AG29624">
        <v>124</v>
      </c>
      <c r="AH29624">
        <v>124</v>
      </c>
      <c r="AI29624">
        <v>124</v>
      </c>
      <c r="AJ29624">
        <v>125</v>
      </c>
      <c r="AK29624">
        <v>125</v>
      </c>
      <c r="AL29624">
        <v>125</v>
      </c>
      <c r="AM29624">
        <v>126</v>
      </c>
      <c r="AN29624">
        <v>126</v>
      </c>
      <c r="AO29624">
        <v>127</v>
      </c>
      <c r="AP29624">
        <v>127</v>
      </c>
      <c r="AQ29624">
        <v>127</v>
      </c>
    </row>
    <row r="29625" spans="1:43">
      <c r="A29625" t="s">
        <v>18349</v>
      </c>
      <c r="B29625" t="s">
        <v>18350</v>
      </c>
      <c r="C29625" t="s">
        <v>18351</v>
      </c>
      <c r="D29625" t="s">
        <v>18352</v>
      </c>
      <c r="E29625" t="s">
        <v>18345</v>
      </c>
      <c r="F29625" t="s">
        <v>18346</v>
      </c>
      <c r="G29625" t="s">
        <v>10734</v>
      </c>
      <c r="H29625" t="s">
        <v>10735</v>
      </c>
      <c r="I29625" s="2">
        <v>0</v>
      </c>
      <c r="J29625" s="2">
        <v>0</v>
      </c>
      <c r="K29625" s="2">
        <v>1</v>
      </c>
      <c r="L29625" t="s">
        <v>995</v>
      </c>
      <c r="M29625" t="s">
        <v>83</v>
      </c>
      <c r="N29625" t="s">
        <v>91</v>
      </c>
      <c r="O29625" t="s">
        <v>85</v>
      </c>
      <c r="P29625" t="s">
        <v>86</v>
      </c>
      <c r="Q29625">
        <v>94</v>
      </c>
      <c r="R29625">
        <v>96</v>
      </c>
      <c r="S29625">
        <v>97</v>
      </c>
      <c r="T29625">
        <v>99</v>
      </c>
      <c r="U29625">
        <v>100</v>
      </c>
      <c r="V29625">
        <v>102</v>
      </c>
      <c r="W29625">
        <v>104</v>
      </c>
      <c r="X29625">
        <v>105</v>
      </c>
      <c r="Y29625">
        <v>107</v>
      </c>
      <c r="Z29625">
        <v>108</v>
      </c>
      <c r="AA29625">
        <v>110</v>
      </c>
      <c r="AB29625">
        <v>111</v>
      </c>
      <c r="AC29625">
        <v>113</v>
      </c>
      <c r="AD29625">
        <v>114</v>
      </c>
      <c r="AE29625">
        <v>116</v>
      </c>
      <c r="AF29625">
        <v>117</v>
      </c>
      <c r="AG29625">
        <v>118</v>
      </c>
      <c r="AH29625">
        <v>120</v>
      </c>
      <c r="AI29625">
        <v>121</v>
      </c>
      <c r="AJ29625">
        <v>123</v>
      </c>
      <c r="AK29625">
        <v>124</v>
      </c>
      <c r="AL29625">
        <v>125</v>
      </c>
      <c r="AM29625">
        <v>125</v>
      </c>
      <c r="AN29625">
        <v>126</v>
      </c>
      <c r="AO29625">
        <v>126</v>
      </c>
      <c r="AP29625">
        <v>126</v>
      </c>
      <c r="AQ29625">
        <v>127</v>
      </c>
    </row>
    <row r="29626" spans="1:43">
      <c r="A29626" t="s">
        <v>18353</v>
      </c>
      <c r="B29626" t="s">
        <v>18354</v>
      </c>
      <c r="C29626" t="s">
        <v>18351</v>
      </c>
      <c r="D29626" t="s">
        <v>18352</v>
      </c>
      <c r="E29626" t="s">
        <v>18345</v>
      </c>
      <c r="F29626" t="s">
        <v>18346</v>
      </c>
      <c r="G29626" t="s">
        <v>10734</v>
      </c>
      <c r="H29626" t="s">
        <v>10735</v>
      </c>
      <c r="I29626" s="2">
        <v>0</v>
      </c>
      <c r="J29626" s="2">
        <v>0</v>
      </c>
      <c r="K29626" s="2">
        <v>1</v>
      </c>
      <c r="L29626" t="s">
        <v>995</v>
      </c>
      <c r="M29626" t="s">
        <v>83</v>
      </c>
      <c r="N29626" t="s">
        <v>84</v>
      </c>
      <c r="O29626" t="s">
        <v>85</v>
      </c>
      <c r="P29626" t="s">
        <v>86</v>
      </c>
      <c r="Q29626">
        <v>17</v>
      </c>
      <c r="R29626">
        <v>17</v>
      </c>
      <c r="S29626">
        <v>18</v>
      </c>
      <c r="T29626">
        <v>18</v>
      </c>
      <c r="U29626">
        <v>18</v>
      </c>
      <c r="V29626">
        <v>18</v>
      </c>
      <c r="W29626">
        <v>19</v>
      </c>
      <c r="X29626">
        <v>19</v>
      </c>
      <c r="Y29626">
        <v>19</v>
      </c>
      <c r="Z29626">
        <v>20</v>
      </c>
      <c r="AA29626">
        <v>20</v>
      </c>
      <c r="AB29626">
        <v>20</v>
      </c>
      <c r="AC29626">
        <v>20</v>
      </c>
      <c r="AD29626">
        <v>21</v>
      </c>
      <c r="AE29626">
        <v>21</v>
      </c>
      <c r="AF29626">
        <v>21</v>
      </c>
      <c r="AG29626">
        <v>21</v>
      </c>
      <c r="AH29626">
        <v>22</v>
      </c>
      <c r="AI29626">
        <v>22</v>
      </c>
      <c r="AJ29626">
        <v>22</v>
      </c>
      <c r="AK29626">
        <v>23</v>
      </c>
      <c r="AL29626">
        <v>23</v>
      </c>
      <c r="AM29626">
        <v>23</v>
      </c>
      <c r="AN29626">
        <v>23</v>
      </c>
      <c r="AO29626">
        <v>23</v>
      </c>
      <c r="AP29626">
        <v>23</v>
      </c>
      <c r="AQ29626">
        <v>23</v>
      </c>
    </row>
    <row r="29627" spans="1:43">
      <c r="A29627" t="s">
        <v>18353</v>
      </c>
      <c r="B29627" t="s">
        <v>18354</v>
      </c>
      <c r="C29627" t="s">
        <v>18351</v>
      </c>
      <c r="D29627" t="s">
        <v>18352</v>
      </c>
      <c r="E29627" t="s">
        <v>18345</v>
      </c>
      <c r="F29627" t="s">
        <v>18346</v>
      </c>
      <c r="G29627" t="s">
        <v>10734</v>
      </c>
      <c r="H29627" t="s">
        <v>10735</v>
      </c>
      <c r="I29627" s="2">
        <v>0</v>
      </c>
      <c r="J29627" s="2">
        <v>0</v>
      </c>
      <c r="K29627" s="2">
        <v>1</v>
      </c>
      <c r="L29627" t="s">
        <v>995</v>
      </c>
      <c r="M29627" t="s">
        <v>87</v>
      </c>
      <c r="N29627" t="s">
        <v>88</v>
      </c>
      <c r="O29627" t="s">
        <v>85</v>
      </c>
      <c r="P29627" t="s">
        <v>86</v>
      </c>
      <c r="Q29627">
        <v>17</v>
      </c>
      <c r="R29627">
        <v>17</v>
      </c>
      <c r="S29627">
        <v>17</v>
      </c>
      <c r="T29627">
        <v>17</v>
      </c>
      <c r="U29627">
        <v>17</v>
      </c>
      <c r="V29627">
        <v>18</v>
      </c>
      <c r="W29627">
        <v>18</v>
      </c>
      <c r="X29627">
        <v>18</v>
      </c>
      <c r="Y29627">
        <v>18</v>
      </c>
      <c r="Z29627">
        <v>18</v>
      </c>
      <c r="AA29627">
        <v>18</v>
      </c>
      <c r="AB29627">
        <v>18</v>
      </c>
      <c r="AC29627">
        <v>18</v>
      </c>
      <c r="AD29627">
        <v>18</v>
      </c>
      <c r="AE29627">
        <v>19</v>
      </c>
      <c r="AF29627">
        <v>19</v>
      </c>
      <c r="AG29627">
        <v>19</v>
      </c>
      <c r="AH29627">
        <v>19</v>
      </c>
      <c r="AI29627">
        <v>19</v>
      </c>
      <c r="AJ29627">
        <v>19</v>
      </c>
      <c r="AK29627">
        <v>19</v>
      </c>
      <c r="AL29627">
        <v>19</v>
      </c>
      <c r="AM29627">
        <v>19</v>
      </c>
      <c r="AN29627">
        <v>20</v>
      </c>
      <c r="AO29627">
        <v>20</v>
      </c>
      <c r="AP29627">
        <v>20</v>
      </c>
      <c r="AQ29627">
        <v>20</v>
      </c>
    </row>
    <row r="29628" spans="1:43">
      <c r="A29628" t="s">
        <v>18353</v>
      </c>
      <c r="B29628" t="s">
        <v>18354</v>
      </c>
      <c r="C29628" t="s">
        <v>18351</v>
      </c>
      <c r="D29628" t="s">
        <v>18352</v>
      </c>
      <c r="E29628" t="s">
        <v>18345</v>
      </c>
      <c r="F29628" t="s">
        <v>18346</v>
      </c>
      <c r="G29628" t="s">
        <v>10734</v>
      </c>
      <c r="H29628" t="s">
        <v>10735</v>
      </c>
      <c r="I29628" s="2">
        <v>0</v>
      </c>
      <c r="J29628" s="2">
        <v>0</v>
      </c>
      <c r="K29628" s="2">
        <v>1</v>
      </c>
      <c r="L29628" t="s">
        <v>995</v>
      </c>
      <c r="M29628" t="s">
        <v>89</v>
      </c>
      <c r="N29628" t="s">
        <v>90</v>
      </c>
      <c r="O29628" t="s">
        <v>85</v>
      </c>
      <c r="P29628" t="s">
        <v>86</v>
      </c>
      <c r="Q29628">
        <v>17</v>
      </c>
      <c r="R29628">
        <v>18</v>
      </c>
      <c r="S29628">
        <v>18</v>
      </c>
      <c r="T29628">
        <v>19</v>
      </c>
      <c r="U29628">
        <v>19</v>
      </c>
      <c r="V29628">
        <v>19</v>
      </c>
      <c r="W29628">
        <v>20</v>
      </c>
      <c r="X29628">
        <v>20</v>
      </c>
      <c r="Y29628">
        <v>20</v>
      </c>
      <c r="Z29628">
        <v>21</v>
      </c>
      <c r="AA29628">
        <v>21</v>
      </c>
      <c r="AB29628">
        <v>22</v>
      </c>
      <c r="AC29628">
        <v>22</v>
      </c>
      <c r="AD29628">
        <v>22</v>
      </c>
      <c r="AE29628">
        <v>22</v>
      </c>
      <c r="AF29628">
        <v>23</v>
      </c>
      <c r="AG29628">
        <v>23</v>
      </c>
      <c r="AH29628">
        <v>23</v>
      </c>
      <c r="AI29628">
        <v>23</v>
      </c>
      <c r="AJ29628">
        <v>23</v>
      </c>
      <c r="AK29628">
        <v>23</v>
      </c>
      <c r="AL29628">
        <v>23</v>
      </c>
      <c r="AM29628">
        <v>23</v>
      </c>
      <c r="AN29628">
        <v>23</v>
      </c>
      <c r="AO29628">
        <v>23</v>
      </c>
      <c r="AP29628">
        <v>23</v>
      </c>
      <c r="AQ29628">
        <v>23</v>
      </c>
    </row>
    <row r="29629" spans="1:43">
      <c r="A29629" t="s">
        <v>18353</v>
      </c>
      <c r="B29629" t="s">
        <v>18354</v>
      </c>
      <c r="C29629" t="s">
        <v>18351</v>
      </c>
      <c r="D29629" t="s">
        <v>18352</v>
      </c>
      <c r="E29629" t="s">
        <v>18345</v>
      </c>
      <c r="F29629" t="s">
        <v>18346</v>
      </c>
      <c r="G29629" t="s">
        <v>10734</v>
      </c>
      <c r="H29629" t="s">
        <v>10735</v>
      </c>
      <c r="I29629" s="2">
        <v>0</v>
      </c>
      <c r="J29629" s="2">
        <v>0</v>
      </c>
      <c r="K29629" s="2">
        <v>1</v>
      </c>
      <c r="L29629" t="s">
        <v>995</v>
      </c>
      <c r="M29629" t="s">
        <v>83</v>
      </c>
      <c r="N29629" t="s">
        <v>91</v>
      </c>
      <c r="O29629" t="s">
        <v>85</v>
      </c>
      <c r="P29629" t="s">
        <v>86</v>
      </c>
      <c r="Q29629">
        <v>17</v>
      </c>
      <c r="R29629">
        <v>17</v>
      </c>
      <c r="S29629">
        <v>18</v>
      </c>
      <c r="T29629">
        <v>18</v>
      </c>
      <c r="U29629">
        <v>18</v>
      </c>
      <c r="V29629">
        <v>18</v>
      </c>
      <c r="W29629">
        <v>19</v>
      </c>
      <c r="X29629">
        <v>19</v>
      </c>
      <c r="Y29629">
        <v>19</v>
      </c>
      <c r="Z29629">
        <v>20</v>
      </c>
      <c r="AA29629">
        <v>20</v>
      </c>
      <c r="AB29629">
        <v>20</v>
      </c>
      <c r="AC29629">
        <v>20</v>
      </c>
      <c r="AD29629">
        <v>21</v>
      </c>
      <c r="AE29629">
        <v>21</v>
      </c>
      <c r="AF29629">
        <v>21</v>
      </c>
      <c r="AG29629">
        <v>21</v>
      </c>
      <c r="AH29629">
        <v>22</v>
      </c>
      <c r="AI29629">
        <v>22</v>
      </c>
      <c r="AJ29629">
        <v>22</v>
      </c>
      <c r="AK29629">
        <v>23</v>
      </c>
      <c r="AL29629">
        <v>23</v>
      </c>
      <c r="AM29629">
        <v>23</v>
      </c>
      <c r="AN29629">
        <v>23</v>
      </c>
      <c r="AO29629">
        <v>23</v>
      </c>
      <c r="AP29629">
        <v>23</v>
      </c>
      <c r="AQ29629">
        <v>23</v>
      </c>
    </row>
    <row r="29630" spans="1:43">
      <c r="A29630" t="s">
        <v>18355</v>
      </c>
      <c r="B29630" t="s">
        <v>18356</v>
      </c>
      <c r="C29630" t="s">
        <v>18351</v>
      </c>
      <c r="D29630" t="s">
        <v>18352</v>
      </c>
      <c r="E29630" t="s">
        <v>18345</v>
      </c>
      <c r="F29630" t="s">
        <v>18346</v>
      </c>
      <c r="G29630" t="s">
        <v>10734</v>
      </c>
      <c r="H29630" t="s">
        <v>10735</v>
      </c>
      <c r="I29630" s="2">
        <v>0</v>
      </c>
      <c r="J29630" s="2">
        <v>0</v>
      </c>
      <c r="K29630" s="2">
        <v>1</v>
      </c>
      <c r="L29630" t="s">
        <v>995</v>
      </c>
      <c r="M29630" t="s">
        <v>83</v>
      </c>
      <c r="N29630" t="s">
        <v>84</v>
      </c>
      <c r="O29630" t="s">
        <v>85</v>
      </c>
      <c r="P29630" t="s">
        <v>86</v>
      </c>
      <c r="Q29630">
        <v>30</v>
      </c>
      <c r="R29630">
        <v>31</v>
      </c>
      <c r="S29630">
        <v>31</v>
      </c>
      <c r="T29630">
        <v>32</v>
      </c>
      <c r="U29630">
        <v>32</v>
      </c>
      <c r="V29630">
        <v>33</v>
      </c>
      <c r="W29630">
        <v>33</v>
      </c>
      <c r="X29630">
        <v>34</v>
      </c>
      <c r="Y29630">
        <v>34</v>
      </c>
      <c r="Z29630">
        <v>35</v>
      </c>
      <c r="AA29630">
        <v>35</v>
      </c>
      <c r="AB29630">
        <v>36</v>
      </c>
      <c r="AC29630">
        <v>36</v>
      </c>
      <c r="AD29630">
        <v>37</v>
      </c>
      <c r="AE29630">
        <v>37</v>
      </c>
      <c r="AF29630">
        <v>38</v>
      </c>
      <c r="AG29630">
        <v>38</v>
      </c>
      <c r="AH29630">
        <v>38</v>
      </c>
      <c r="AI29630">
        <v>39</v>
      </c>
      <c r="AJ29630">
        <v>39</v>
      </c>
      <c r="AK29630">
        <v>40</v>
      </c>
      <c r="AL29630">
        <v>40</v>
      </c>
      <c r="AM29630">
        <v>40</v>
      </c>
      <c r="AN29630">
        <v>40</v>
      </c>
      <c r="AO29630">
        <v>40</v>
      </c>
      <c r="AP29630">
        <v>40</v>
      </c>
      <c r="AQ29630">
        <v>41</v>
      </c>
    </row>
    <row r="29631" spans="1:43">
      <c r="A29631" t="s">
        <v>18355</v>
      </c>
      <c r="B29631" t="s">
        <v>18356</v>
      </c>
      <c r="C29631" t="s">
        <v>18351</v>
      </c>
      <c r="D29631" t="s">
        <v>18352</v>
      </c>
      <c r="E29631" t="s">
        <v>18345</v>
      </c>
      <c r="F29631" t="s">
        <v>18346</v>
      </c>
      <c r="G29631" t="s">
        <v>10734</v>
      </c>
      <c r="H29631" t="s">
        <v>10735</v>
      </c>
      <c r="I29631" s="2">
        <v>0</v>
      </c>
      <c r="J29631" s="2">
        <v>0</v>
      </c>
      <c r="K29631" s="2">
        <v>1</v>
      </c>
      <c r="L29631" t="s">
        <v>995</v>
      </c>
      <c r="M29631" t="s">
        <v>87</v>
      </c>
      <c r="N29631" t="s">
        <v>88</v>
      </c>
      <c r="O29631" t="s">
        <v>85</v>
      </c>
      <c r="P29631" t="s">
        <v>86</v>
      </c>
      <c r="Q29631">
        <v>30</v>
      </c>
      <c r="R29631">
        <v>30</v>
      </c>
      <c r="S29631">
        <v>30</v>
      </c>
      <c r="T29631">
        <v>31</v>
      </c>
      <c r="U29631">
        <v>31</v>
      </c>
      <c r="V29631">
        <v>31</v>
      </c>
      <c r="W29631">
        <v>31</v>
      </c>
      <c r="X29631">
        <v>31</v>
      </c>
      <c r="Y29631">
        <v>32</v>
      </c>
      <c r="Z29631">
        <v>32</v>
      </c>
      <c r="AA29631">
        <v>32</v>
      </c>
      <c r="AB29631">
        <v>32</v>
      </c>
      <c r="AC29631">
        <v>33</v>
      </c>
      <c r="AD29631">
        <v>33</v>
      </c>
      <c r="AE29631">
        <v>33</v>
      </c>
      <c r="AF29631">
        <v>33</v>
      </c>
      <c r="AG29631">
        <v>33</v>
      </c>
      <c r="AH29631">
        <v>34</v>
      </c>
      <c r="AI29631">
        <v>34</v>
      </c>
      <c r="AJ29631">
        <v>34</v>
      </c>
      <c r="AK29631">
        <v>34</v>
      </c>
      <c r="AL29631">
        <v>34</v>
      </c>
      <c r="AM29631">
        <v>35</v>
      </c>
      <c r="AN29631">
        <v>35</v>
      </c>
      <c r="AO29631">
        <v>35</v>
      </c>
      <c r="AP29631">
        <v>35</v>
      </c>
      <c r="AQ29631">
        <v>35</v>
      </c>
    </row>
    <row r="29632" spans="1:43">
      <c r="A29632" t="s">
        <v>18355</v>
      </c>
      <c r="B29632" t="s">
        <v>18356</v>
      </c>
      <c r="C29632" t="s">
        <v>18351</v>
      </c>
      <c r="D29632" t="s">
        <v>18352</v>
      </c>
      <c r="E29632" t="s">
        <v>18345</v>
      </c>
      <c r="F29632" t="s">
        <v>18346</v>
      </c>
      <c r="G29632" t="s">
        <v>10734</v>
      </c>
      <c r="H29632" t="s">
        <v>10735</v>
      </c>
      <c r="I29632" s="2">
        <v>0</v>
      </c>
      <c r="J29632" s="2">
        <v>0</v>
      </c>
      <c r="K29632" s="2">
        <v>1</v>
      </c>
      <c r="L29632" t="s">
        <v>995</v>
      </c>
      <c r="M29632" t="s">
        <v>89</v>
      </c>
      <c r="N29632" t="s">
        <v>90</v>
      </c>
      <c r="O29632" t="s">
        <v>85</v>
      </c>
      <c r="P29632" t="s">
        <v>86</v>
      </c>
      <c r="Q29632">
        <v>30</v>
      </c>
      <c r="R29632">
        <v>31</v>
      </c>
      <c r="S29632">
        <v>32</v>
      </c>
      <c r="T29632">
        <v>33</v>
      </c>
      <c r="U29632">
        <v>34</v>
      </c>
      <c r="V29632">
        <v>34</v>
      </c>
      <c r="W29632">
        <v>35</v>
      </c>
      <c r="X29632">
        <v>36</v>
      </c>
      <c r="Y29632">
        <v>36</v>
      </c>
      <c r="Z29632">
        <v>37</v>
      </c>
      <c r="AA29632">
        <v>37</v>
      </c>
      <c r="AB29632">
        <v>38</v>
      </c>
      <c r="AC29632">
        <v>39</v>
      </c>
      <c r="AD29632">
        <v>39</v>
      </c>
      <c r="AE29632">
        <v>40</v>
      </c>
      <c r="AF29632">
        <v>40</v>
      </c>
      <c r="AG29632">
        <v>40</v>
      </c>
      <c r="AH29632">
        <v>40</v>
      </c>
      <c r="AI29632">
        <v>40</v>
      </c>
      <c r="AJ29632">
        <v>40</v>
      </c>
      <c r="AK29632">
        <v>40</v>
      </c>
      <c r="AL29632">
        <v>40</v>
      </c>
      <c r="AM29632">
        <v>41</v>
      </c>
      <c r="AN29632">
        <v>41</v>
      </c>
      <c r="AO29632">
        <v>41</v>
      </c>
      <c r="AP29632">
        <v>41</v>
      </c>
      <c r="AQ29632">
        <v>41</v>
      </c>
    </row>
    <row r="29633" spans="1:43">
      <c r="A29633" t="s">
        <v>18355</v>
      </c>
      <c r="B29633" t="s">
        <v>18356</v>
      </c>
      <c r="C29633" t="s">
        <v>18351</v>
      </c>
      <c r="D29633" t="s">
        <v>18352</v>
      </c>
      <c r="E29633" t="s">
        <v>18345</v>
      </c>
      <c r="F29633" t="s">
        <v>18346</v>
      </c>
      <c r="G29633" t="s">
        <v>10734</v>
      </c>
      <c r="H29633" t="s">
        <v>10735</v>
      </c>
      <c r="I29633" s="2">
        <v>0</v>
      </c>
      <c r="J29633" s="2">
        <v>0</v>
      </c>
      <c r="K29633" s="2">
        <v>1</v>
      </c>
      <c r="L29633" t="s">
        <v>995</v>
      </c>
      <c r="M29633" t="s">
        <v>83</v>
      </c>
      <c r="N29633" t="s">
        <v>91</v>
      </c>
      <c r="O29633" t="s">
        <v>85</v>
      </c>
      <c r="P29633" t="s">
        <v>86</v>
      </c>
      <c r="Q29633">
        <v>30</v>
      </c>
      <c r="R29633">
        <v>31</v>
      </c>
      <c r="S29633">
        <v>31</v>
      </c>
      <c r="T29633">
        <v>32</v>
      </c>
      <c r="U29633">
        <v>32</v>
      </c>
      <c r="V29633">
        <v>33</v>
      </c>
      <c r="W29633">
        <v>33</v>
      </c>
      <c r="X29633">
        <v>34</v>
      </c>
      <c r="Y29633">
        <v>34</v>
      </c>
      <c r="Z29633">
        <v>35</v>
      </c>
      <c r="AA29633">
        <v>35</v>
      </c>
      <c r="AB29633">
        <v>36</v>
      </c>
      <c r="AC29633">
        <v>36</v>
      </c>
      <c r="AD29633">
        <v>37</v>
      </c>
      <c r="AE29633">
        <v>37</v>
      </c>
      <c r="AF29633">
        <v>38</v>
      </c>
      <c r="AG29633">
        <v>38</v>
      </c>
      <c r="AH29633">
        <v>38</v>
      </c>
      <c r="AI29633">
        <v>39</v>
      </c>
      <c r="AJ29633">
        <v>39</v>
      </c>
      <c r="AK29633">
        <v>40</v>
      </c>
      <c r="AL29633">
        <v>40</v>
      </c>
      <c r="AM29633">
        <v>40</v>
      </c>
      <c r="AN29633">
        <v>40</v>
      </c>
      <c r="AO29633">
        <v>40</v>
      </c>
      <c r="AP29633">
        <v>40</v>
      </c>
      <c r="AQ29633">
        <v>41</v>
      </c>
    </row>
    <row r="29634" spans="1:43">
      <c r="A29634" t="s">
        <v>18357</v>
      </c>
      <c r="B29634" t="s">
        <v>18358</v>
      </c>
      <c r="C29634" t="s">
        <v>18359</v>
      </c>
      <c r="D29634" t="s">
        <v>18360</v>
      </c>
      <c r="E29634" t="s">
        <v>18345</v>
      </c>
      <c r="F29634" t="s">
        <v>18346</v>
      </c>
      <c r="G29634" t="s">
        <v>10734</v>
      </c>
      <c r="H29634" t="s">
        <v>10735</v>
      </c>
      <c r="I29634" s="2">
        <v>0</v>
      </c>
      <c r="J29634" s="2">
        <v>0</v>
      </c>
      <c r="K29634" s="2">
        <v>1</v>
      </c>
      <c r="L29634" t="s">
        <v>995</v>
      </c>
      <c r="M29634" t="s">
        <v>83</v>
      </c>
      <c r="N29634" t="s">
        <v>84</v>
      </c>
      <c r="O29634" t="s">
        <v>85</v>
      </c>
      <c r="P29634" t="s">
        <v>86</v>
      </c>
      <c r="Q29634">
        <v>19</v>
      </c>
      <c r="R29634">
        <v>20</v>
      </c>
      <c r="S29634">
        <v>20</v>
      </c>
      <c r="T29634">
        <v>20</v>
      </c>
      <c r="U29634">
        <v>21</v>
      </c>
      <c r="V29634">
        <v>21</v>
      </c>
      <c r="W29634">
        <v>21</v>
      </c>
      <c r="X29634">
        <v>22</v>
      </c>
      <c r="Y29634">
        <v>22</v>
      </c>
      <c r="Z29634">
        <v>22</v>
      </c>
      <c r="AA29634">
        <v>23</v>
      </c>
      <c r="AB29634">
        <v>23</v>
      </c>
      <c r="AC29634">
        <v>23</v>
      </c>
      <c r="AD29634">
        <v>23</v>
      </c>
      <c r="AE29634">
        <v>24</v>
      </c>
      <c r="AF29634">
        <v>24</v>
      </c>
      <c r="AG29634">
        <v>24</v>
      </c>
      <c r="AH29634">
        <v>25</v>
      </c>
      <c r="AI29634">
        <v>25</v>
      </c>
      <c r="AJ29634">
        <v>25</v>
      </c>
      <c r="AK29634">
        <v>26</v>
      </c>
      <c r="AL29634">
        <v>26</v>
      </c>
      <c r="AM29634">
        <v>26</v>
      </c>
      <c r="AN29634">
        <v>26</v>
      </c>
      <c r="AO29634">
        <v>26</v>
      </c>
      <c r="AP29634">
        <v>26</v>
      </c>
      <c r="AQ29634">
        <v>26</v>
      </c>
    </row>
    <row r="29635" spans="1:43">
      <c r="A29635" t="s">
        <v>18357</v>
      </c>
      <c r="B29635" t="s">
        <v>18358</v>
      </c>
      <c r="C29635" t="s">
        <v>18359</v>
      </c>
      <c r="D29635" t="s">
        <v>18360</v>
      </c>
      <c r="E29635" t="s">
        <v>18345</v>
      </c>
      <c r="F29635" t="s">
        <v>18346</v>
      </c>
      <c r="G29635" t="s">
        <v>10734</v>
      </c>
      <c r="H29635" t="s">
        <v>10735</v>
      </c>
      <c r="I29635" s="2">
        <v>0</v>
      </c>
      <c r="J29635" s="2">
        <v>0</v>
      </c>
      <c r="K29635" s="2">
        <v>1</v>
      </c>
      <c r="L29635" t="s">
        <v>995</v>
      </c>
      <c r="M29635" t="s">
        <v>87</v>
      </c>
      <c r="N29635" t="s">
        <v>88</v>
      </c>
      <c r="O29635" t="s">
        <v>85</v>
      </c>
      <c r="P29635" t="s">
        <v>86</v>
      </c>
      <c r="Q29635">
        <v>19</v>
      </c>
      <c r="R29635">
        <v>19</v>
      </c>
      <c r="S29635">
        <v>19</v>
      </c>
      <c r="T29635">
        <v>20</v>
      </c>
      <c r="U29635">
        <v>20</v>
      </c>
      <c r="V29635">
        <v>20</v>
      </c>
      <c r="W29635">
        <v>20</v>
      </c>
      <c r="X29635">
        <v>20</v>
      </c>
      <c r="Y29635">
        <v>20</v>
      </c>
      <c r="Z29635">
        <v>20</v>
      </c>
      <c r="AA29635">
        <v>20</v>
      </c>
      <c r="AB29635">
        <v>21</v>
      </c>
      <c r="AC29635">
        <v>21</v>
      </c>
      <c r="AD29635">
        <v>21</v>
      </c>
      <c r="AE29635">
        <v>21</v>
      </c>
      <c r="AF29635">
        <v>21</v>
      </c>
      <c r="AG29635">
        <v>21</v>
      </c>
      <c r="AH29635">
        <v>21</v>
      </c>
      <c r="AI29635">
        <v>22</v>
      </c>
      <c r="AJ29635">
        <v>22</v>
      </c>
      <c r="AK29635">
        <v>22</v>
      </c>
      <c r="AL29635">
        <v>22</v>
      </c>
      <c r="AM29635">
        <v>22</v>
      </c>
      <c r="AN29635">
        <v>22</v>
      </c>
      <c r="AO29635">
        <v>22</v>
      </c>
      <c r="AP29635">
        <v>22</v>
      </c>
      <c r="AQ29635">
        <v>22</v>
      </c>
    </row>
    <row r="29636" spans="1:43">
      <c r="A29636" t="s">
        <v>18357</v>
      </c>
      <c r="B29636" t="s">
        <v>18358</v>
      </c>
      <c r="C29636" t="s">
        <v>18359</v>
      </c>
      <c r="D29636" t="s">
        <v>18360</v>
      </c>
      <c r="E29636" t="s">
        <v>18345</v>
      </c>
      <c r="F29636" t="s">
        <v>18346</v>
      </c>
      <c r="G29636" t="s">
        <v>10734</v>
      </c>
      <c r="H29636" t="s">
        <v>10735</v>
      </c>
      <c r="I29636" s="2">
        <v>0</v>
      </c>
      <c r="J29636" s="2">
        <v>0</v>
      </c>
      <c r="K29636" s="2">
        <v>1</v>
      </c>
      <c r="L29636" t="s">
        <v>995</v>
      </c>
      <c r="M29636" t="s">
        <v>89</v>
      </c>
      <c r="N29636" t="s">
        <v>90</v>
      </c>
      <c r="O29636" t="s">
        <v>85</v>
      </c>
      <c r="P29636" t="s">
        <v>86</v>
      </c>
      <c r="Q29636">
        <v>19</v>
      </c>
      <c r="R29636">
        <v>19</v>
      </c>
      <c r="S29636">
        <v>19</v>
      </c>
      <c r="T29636">
        <v>20</v>
      </c>
      <c r="U29636">
        <v>20</v>
      </c>
      <c r="V29636">
        <v>21</v>
      </c>
      <c r="W29636">
        <v>21</v>
      </c>
      <c r="X29636">
        <v>22</v>
      </c>
      <c r="Y29636">
        <v>22</v>
      </c>
      <c r="Z29636">
        <v>23</v>
      </c>
      <c r="AA29636">
        <v>23</v>
      </c>
      <c r="AB29636">
        <v>23</v>
      </c>
      <c r="AC29636">
        <v>24</v>
      </c>
      <c r="AD29636">
        <v>24</v>
      </c>
      <c r="AE29636">
        <v>24</v>
      </c>
      <c r="AF29636">
        <v>25</v>
      </c>
      <c r="AG29636">
        <v>25</v>
      </c>
      <c r="AH29636">
        <v>25</v>
      </c>
      <c r="AI29636">
        <v>25</v>
      </c>
      <c r="AJ29636">
        <v>25</v>
      </c>
      <c r="AK29636">
        <v>25</v>
      </c>
      <c r="AL29636">
        <v>25</v>
      </c>
      <c r="AM29636">
        <v>25</v>
      </c>
      <c r="AN29636">
        <v>25</v>
      </c>
      <c r="AO29636">
        <v>25</v>
      </c>
      <c r="AP29636">
        <v>25</v>
      </c>
      <c r="AQ29636">
        <v>25</v>
      </c>
    </row>
    <row r="29637" spans="1:43">
      <c r="A29637" t="s">
        <v>18357</v>
      </c>
      <c r="B29637" t="s">
        <v>18358</v>
      </c>
      <c r="C29637" t="s">
        <v>18359</v>
      </c>
      <c r="D29637" t="s">
        <v>18360</v>
      </c>
      <c r="E29637" t="s">
        <v>18345</v>
      </c>
      <c r="F29637" t="s">
        <v>18346</v>
      </c>
      <c r="G29637" t="s">
        <v>10734</v>
      </c>
      <c r="H29637" t="s">
        <v>10735</v>
      </c>
      <c r="I29637" s="2">
        <v>0</v>
      </c>
      <c r="J29637" s="2">
        <v>0</v>
      </c>
      <c r="K29637" s="2">
        <v>1</v>
      </c>
      <c r="L29637" t="s">
        <v>995</v>
      </c>
      <c r="M29637" t="s">
        <v>83</v>
      </c>
      <c r="N29637" t="s">
        <v>91</v>
      </c>
      <c r="O29637" t="s">
        <v>85</v>
      </c>
      <c r="P29637" t="s">
        <v>86</v>
      </c>
      <c r="Q29637">
        <v>19</v>
      </c>
      <c r="R29637">
        <v>20</v>
      </c>
      <c r="S29637">
        <v>20</v>
      </c>
      <c r="T29637">
        <v>20</v>
      </c>
      <c r="U29637">
        <v>21</v>
      </c>
      <c r="V29637">
        <v>21</v>
      </c>
      <c r="W29637">
        <v>21</v>
      </c>
      <c r="X29637">
        <v>22</v>
      </c>
      <c r="Y29637">
        <v>22</v>
      </c>
      <c r="Z29637">
        <v>22</v>
      </c>
      <c r="AA29637">
        <v>23</v>
      </c>
      <c r="AB29637">
        <v>23</v>
      </c>
      <c r="AC29637">
        <v>23</v>
      </c>
      <c r="AD29637">
        <v>23</v>
      </c>
      <c r="AE29637">
        <v>24</v>
      </c>
      <c r="AF29637">
        <v>24</v>
      </c>
      <c r="AG29637">
        <v>24</v>
      </c>
      <c r="AH29637">
        <v>25</v>
      </c>
      <c r="AI29637">
        <v>25</v>
      </c>
      <c r="AJ29637">
        <v>25</v>
      </c>
      <c r="AK29637">
        <v>26</v>
      </c>
      <c r="AL29637">
        <v>26</v>
      </c>
      <c r="AM29637">
        <v>26</v>
      </c>
      <c r="AN29637">
        <v>26</v>
      </c>
      <c r="AO29637">
        <v>26</v>
      </c>
      <c r="AP29637">
        <v>26</v>
      </c>
      <c r="AQ29637">
        <v>26</v>
      </c>
    </row>
    <row r="29638" spans="1:43">
      <c r="A29638" t="s">
        <v>18361</v>
      </c>
      <c r="B29638" t="s">
        <v>18362</v>
      </c>
      <c r="C29638" t="s">
        <v>18351</v>
      </c>
      <c r="D29638" t="s">
        <v>18352</v>
      </c>
      <c r="E29638" t="s">
        <v>18345</v>
      </c>
      <c r="F29638" t="s">
        <v>18346</v>
      </c>
      <c r="G29638" t="s">
        <v>10734</v>
      </c>
      <c r="H29638" t="s">
        <v>10735</v>
      </c>
      <c r="I29638" s="2">
        <v>0</v>
      </c>
      <c r="J29638" s="2">
        <v>0</v>
      </c>
      <c r="K29638" s="2">
        <v>1</v>
      </c>
      <c r="L29638" t="s">
        <v>995</v>
      </c>
      <c r="M29638" t="s">
        <v>83</v>
      </c>
      <c r="N29638" t="s">
        <v>84</v>
      </c>
      <c r="O29638" t="s">
        <v>85</v>
      </c>
      <c r="P29638" t="s">
        <v>86</v>
      </c>
      <c r="Q29638">
        <v>22</v>
      </c>
      <c r="R29638">
        <v>23</v>
      </c>
      <c r="S29638">
        <v>23</v>
      </c>
      <c r="T29638">
        <v>23</v>
      </c>
      <c r="U29638">
        <v>24</v>
      </c>
      <c r="V29638">
        <v>24</v>
      </c>
      <c r="W29638">
        <v>24</v>
      </c>
      <c r="X29638">
        <v>25</v>
      </c>
      <c r="Y29638">
        <v>25</v>
      </c>
      <c r="Z29638">
        <v>25</v>
      </c>
      <c r="AA29638">
        <v>26</v>
      </c>
      <c r="AB29638">
        <v>26</v>
      </c>
      <c r="AC29638">
        <v>27</v>
      </c>
      <c r="AD29638">
        <v>27</v>
      </c>
      <c r="AE29638">
        <v>27</v>
      </c>
      <c r="AF29638">
        <v>28</v>
      </c>
      <c r="AG29638">
        <v>28</v>
      </c>
      <c r="AH29638">
        <v>28</v>
      </c>
      <c r="AI29638">
        <v>29</v>
      </c>
      <c r="AJ29638">
        <v>29</v>
      </c>
      <c r="AK29638">
        <v>29</v>
      </c>
      <c r="AL29638">
        <v>29</v>
      </c>
      <c r="AM29638">
        <v>30</v>
      </c>
      <c r="AN29638">
        <v>30</v>
      </c>
      <c r="AO29638">
        <v>30</v>
      </c>
      <c r="AP29638">
        <v>30</v>
      </c>
      <c r="AQ29638">
        <v>30</v>
      </c>
    </row>
    <row r="29639" spans="1:43">
      <c r="A29639" t="s">
        <v>18361</v>
      </c>
      <c r="B29639" t="s">
        <v>18362</v>
      </c>
      <c r="C29639" t="s">
        <v>18351</v>
      </c>
      <c r="D29639" t="s">
        <v>18352</v>
      </c>
      <c r="E29639" t="s">
        <v>18345</v>
      </c>
      <c r="F29639" t="s">
        <v>18346</v>
      </c>
      <c r="G29639" t="s">
        <v>10734</v>
      </c>
      <c r="H29639" t="s">
        <v>10735</v>
      </c>
      <c r="I29639" s="2">
        <v>0</v>
      </c>
      <c r="J29639" s="2">
        <v>0</v>
      </c>
      <c r="K29639" s="2">
        <v>1</v>
      </c>
      <c r="L29639" t="s">
        <v>995</v>
      </c>
      <c r="M29639" t="s">
        <v>87</v>
      </c>
      <c r="N29639" t="s">
        <v>88</v>
      </c>
      <c r="O29639" t="s">
        <v>85</v>
      </c>
      <c r="P29639" t="s">
        <v>86</v>
      </c>
      <c r="Q29639">
        <v>22</v>
      </c>
      <c r="R29639">
        <v>22</v>
      </c>
      <c r="S29639">
        <v>22</v>
      </c>
      <c r="T29639">
        <v>22</v>
      </c>
      <c r="U29639">
        <v>23</v>
      </c>
      <c r="V29639">
        <v>23</v>
      </c>
      <c r="W29639">
        <v>23</v>
      </c>
      <c r="X29639">
        <v>23</v>
      </c>
      <c r="Y29639">
        <v>23</v>
      </c>
      <c r="Z29639">
        <v>23</v>
      </c>
      <c r="AA29639">
        <v>24</v>
      </c>
      <c r="AB29639">
        <v>24</v>
      </c>
      <c r="AC29639">
        <v>24</v>
      </c>
      <c r="AD29639">
        <v>24</v>
      </c>
      <c r="AE29639">
        <v>24</v>
      </c>
      <c r="AF29639">
        <v>24</v>
      </c>
      <c r="AG29639">
        <v>24</v>
      </c>
      <c r="AH29639">
        <v>25</v>
      </c>
      <c r="AI29639">
        <v>25</v>
      </c>
      <c r="AJ29639">
        <v>25</v>
      </c>
      <c r="AK29639">
        <v>25</v>
      </c>
      <c r="AL29639">
        <v>25</v>
      </c>
      <c r="AM29639">
        <v>25</v>
      </c>
      <c r="AN29639">
        <v>25</v>
      </c>
      <c r="AO29639">
        <v>26</v>
      </c>
      <c r="AP29639">
        <v>26</v>
      </c>
      <c r="AQ29639">
        <v>26</v>
      </c>
    </row>
    <row r="29640" spans="1:43">
      <c r="A29640" t="s">
        <v>18361</v>
      </c>
      <c r="B29640" t="s">
        <v>18362</v>
      </c>
      <c r="C29640" t="s">
        <v>18351</v>
      </c>
      <c r="D29640" t="s">
        <v>18352</v>
      </c>
      <c r="E29640" t="s">
        <v>18345</v>
      </c>
      <c r="F29640" t="s">
        <v>18346</v>
      </c>
      <c r="G29640" t="s">
        <v>10734</v>
      </c>
      <c r="H29640" t="s">
        <v>10735</v>
      </c>
      <c r="I29640" s="2">
        <v>0</v>
      </c>
      <c r="J29640" s="2">
        <v>0</v>
      </c>
      <c r="K29640" s="2">
        <v>1</v>
      </c>
      <c r="L29640" t="s">
        <v>995</v>
      </c>
      <c r="M29640" t="s">
        <v>89</v>
      </c>
      <c r="N29640" t="s">
        <v>90</v>
      </c>
      <c r="O29640" t="s">
        <v>85</v>
      </c>
      <c r="P29640" t="s">
        <v>86</v>
      </c>
      <c r="Q29640">
        <v>22</v>
      </c>
      <c r="R29640">
        <v>23</v>
      </c>
      <c r="S29640">
        <v>24</v>
      </c>
      <c r="T29640">
        <v>24</v>
      </c>
      <c r="U29640">
        <v>25</v>
      </c>
      <c r="V29640">
        <v>25</v>
      </c>
      <c r="W29640">
        <v>26</v>
      </c>
      <c r="X29640">
        <v>26</v>
      </c>
      <c r="Y29640">
        <v>27</v>
      </c>
      <c r="Z29640">
        <v>27</v>
      </c>
      <c r="AA29640">
        <v>28</v>
      </c>
      <c r="AB29640">
        <v>28</v>
      </c>
      <c r="AC29640">
        <v>28</v>
      </c>
      <c r="AD29640">
        <v>29</v>
      </c>
      <c r="AE29640">
        <v>29</v>
      </c>
      <c r="AF29640">
        <v>29</v>
      </c>
      <c r="AG29640">
        <v>29</v>
      </c>
      <c r="AH29640">
        <v>30</v>
      </c>
      <c r="AI29640">
        <v>30</v>
      </c>
      <c r="AJ29640">
        <v>30</v>
      </c>
      <c r="AK29640">
        <v>30</v>
      </c>
      <c r="AL29640">
        <v>30</v>
      </c>
      <c r="AM29640">
        <v>30</v>
      </c>
      <c r="AN29640">
        <v>30</v>
      </c>
      <c r="AO29640">
        <v>30</v>
      </c>
      <c r="AP29640">
        <v>30</v>
      </c>
      <c r="AQ29640">
        <v>30</v>
      </c>
    </row>
    <row r="29641" spans="1:43">
      <c r="A29641" t="s">
        <v>18361</v>
      </c>
      <c r="B29641" t="s">
        <v>18362</v>
      </c>
      <c r="C29641" t="s">
        <v>18351</v>
      </c>
      <c r="D29641" t="s">
        <v>18352</v>
      </c>
      <c r="E29641" t="s">
        <v>18345</v>
      </c>
      <c r="F29641" t="s">
        <v>18346</v>
      </c>
      <c r="G29641" t="s">
        <v>10734</v>
      </c>
      <c r="H29641" t="s">
        <v>10735</v>
      </c>
      <c r="I29641" s="2">
        <v>0</v>
      </c>
      <c r="J29641" s="2">
        <v>0</v>
      </c>
      <c r="K29641" s="2">
        <v>1</v>
      </c>
      <c r="L29641" t="s">
        <v>995</v>
      </c>
      <c r="M29641" t="s">
        <v>83</v>
      </c>
      <c r="N29641" t="s">
        <v>91</v>
      </c>
      <c r="O29641" t="s">
        <v>85</v>
      </c>
      <c r="P29641" t="s">
        <v>86</v>
      </c>
      <c r="Q29641">
        <v>22</v>
      </c>
      <c r="R29641">
        <v>23</v>
      </c>
      <c r="S29641">
        <v>23</v>
      </c>
      <c r="T29641">
        <v>23</v>
      </c>
      <c r="U29641">
        <v>24</v>
      </c>
      <c r="V29641">
        <v>24</v>
      </c>
      <c r="W29641">
        <v>24</v>
      </c>
      <c r="X29641">
        <v>25</v>
      </c>
      <c r="Y29641">
        <v>25</v>
      </c>
      <c r="Z29641">
        <v>25</v>
      </c>
      <c r="AA29641">
        <v>26</v>
      </c>
      <c r="AB29641">
        <v>26</v>
      </c>
      <c r="AC29641">
        <v>27</v>
      </c>
      <c r="AD29641">
        <v>27</v>
      </c>
      <c r="AE29641">
        <v>27</v>
      </c>
      <c r="AF29641">
        <v>28</v>
      </c>
      <c r="AG29641">
        <v>28</v>
      </c>
      <c r="AH29641">
        <v>28</v>
      </c>
      <c r="AI29641">
        <v>29</v>
      </c>
      <c r="AJ29641">
        <v>29</v>
      </c>
      <c r="AK29641">
        <v>29</v>
      </c>
      <c r="AL29641">
        <v>29</v>
      </c>
      <c r="AM29641">
        <v>30</v>
      </c>
      <c r="AN29641">
        <v>30</v>
      </c>
      <c r="AO29641">
        <v>30</v>
      </c>
      <c r="AP29641">
        <v>30</v>
      </c>
      <c r="AQ29641">
        <v>30</v>
      </c>
    </row>
    <row r="29642" spans="1:43">
      <c r="A29642" t="s">
        <v>18363</v>
      </c>
      <c r="B29642" t="s">
        <v>18364</v>
      </c>
      <c r="C29642" t="s">
        <v>18359</v>
      </c>
      <c r="D29642" t="s">
        <v>18360</v>
      </c>
      <c r="E29642" t="s">
        <v>18345</v>
      </c>
      <c r="F29642" t="s">
        <v>18346</v>
      </c>
      <c r="G29642" t="s">
        <v>10734</v>
      </c>
      <c r="H29642" t="s">
        <v>10735</v>
      </c>
      <c r="I29642" s="2">
        <v>0</v>
      </c>
      <c r="J29642" s="2">
        <v>0</v>
      </c>
      <c r="K29642" s="2">
        <v>1</v>
      </c>
      <c r="L29642" t="s">
        <v>995</v>
      </c>
      <c r="M29642" t="s">
        <v>83</v>
      </c>
      <c r="N29642" t="s">
        <v>84</v>
      </c>
      <c r="O29642" t="s">
        <v>85</v>
      </c>
      <c r="P29642" t="s">
        <v>86</v>
      </c>
      <c r="Q29642">
        <v>8</v>
      </c>
      <c r="R29642">
        <v>8</v>
      </c>
      <c r="S29642">
        <v>8</v>
      </c>
      <c r="T29642">
        <v>8</v>
      </c>
      <c r="U29642">
        <v>8</v>
      </c>
      <c r="V29642">
        <v>8</v>
      </c>
      <c r="W29642">
        <v>8</v>
      </c>
      <c r="X29642">
        <v>9</v>
      </c>
      <c r="Y29642">
        <v>9</v>
      </c>
      <c r="Z29642">
        <v>9</v>
      </c>
      <c r="AA29642">
        <v>9</v>
      </c>
      <c r="AB29642">
        <v>9</v>
      </c>
      <c r="AC29642">
        <v>9</v>
      </c>
      <c r="AD29642">
        <v>9</v>
      </c>
      <c r="AE29642">
        <v>9</v>
      </c>
      <c r="AF29642">
        <v>10</v>
      </c>
      <c r="AG29642">
        <v>10</v>
      </c>
      <c r="AH29642">
        <v>10</v>
      </c>
      <c r="AI29642">
        <v>10</v>
      </c>
      <c r="AJ29642">
        <v>10</v>
      </c>
      <c r="AK29642">
        <v>10</v>
      </c>
      <c r="AL29642">
        <v>10</v>
      </c>
      <c r="AM29642">
        <v>10</v>
      </c>
      <c r="AN29642">
        <v>10</v>
      </c>
      <c r="AO29642">
        <v>10</v>
      </c>
      <c r="AP29642">
        <v>10</v>
      </c>
      <c r="AQ29642">
        <v>10</v>
      </c>
    </row>
    <row r="29643" spans="1:43">
      <c r="A29643" t="s">
        <v>18363</v>
      </c>
      <c r="B29643" t="s">
        <v>18364</v>
      </c>
      <c r="C29643" t="s">
        <v>18359</v>
      </c>
      <c r="D29643" t="s">
        <v>18360</v>
      </c>
      <c r="E29643" t="s">
        <v>18345</v>
      </c>
      <c r="F29643" t="s">
        <v>18346</v>
      </c>
      <c r="G29643" t="s">
        <v>10734</v>
      </c>
      <c r="H29643" t="s">
        <v>10735</v>
      </c>
      <c r="I29643" s="2">
        <v>0</v>
      </c>
      <c r="J29643" s="2">
        <v>0</v>
      </c>
      <c r="K29643" s="2">
        <v>1</v>
      </c>
      <c r="L29643" t="s">
        <v>995</v>
      </c>
      <c r="M29643" t="s">
        <v>87</v>
      </c>
      <c r="N29643" t="s">
        <v>88</v>
      </c>
      <c r="O29643" t="s">
        <v>85</v>
      </c>
      <c r="P29643" t="s">
        <v>86</v>
      </c>
      <c r="Q29643">
        <v>8</v>
      </c>
      <c r="R29643">
        <v>8</v>
      </c>
      <c r="S29643">
        <v>8</v>
      </c>
      <c r="T29643">
        <v>8</v>
      </c>
      <c r="U29643">
        <v>8</v>
      </c>
      <c r="V29643">
        <v>8</v>
      </c>
      <c r="W29643">
        <v>8</v>
      </c>
      <c r="X29643">
        <v>8</v>
      </c>
      <c r="Y29643">
        <v>8</v>
      </c>
      <c r="Z29643">
        <v>8</v>
      </c>
      <c r="AA29643">
        <v>8</v>
      </c>
      <c r="AB29643">
        <v>8</v>
      </c>
      <c r="AC29643">
        <v>8</v>
      </c>
      <c r="AD29643">
        <v>8</v>
      </c>
      <c r="AE29643">
        <v>8</v>
      </c>
      <c r="AF29643">
        <v>8</v>
      </c>
      <c r="AG29643">
        <v>8</v>
      </c>
      <c r="AH29643">
        <v>8</v>
      </c>
      <c r="AI29643">
        <v>9</v>
      </c>
      <c r="AJ29643">
        <v>9</v>
      </c>
      <c r="AK29643">
        <v>9</v>
      </c>
      <c r="AL29643">
        <v>9</v>
      </c>
      <c r="AM29643">
        <v>9</v>
      </c>
      <c r="AN29643">
        <v>9</v>
      </c>
      <c r="AO29643">
        <v>9</v>
      </c>
      <c r="AP29643">
        <v>9</v>
      </c>
      <c r="AQ29643">
        <v>9</v>
      </c>
    </row>
    <row r="29644" spans="1:43">
      <c r="A29644" t="s">
        <v>18363</v>
      </c>
      <c r="B29644" t="s">
        <v>18364</v>
      </c>
      <c r="C29644" t="s">
        <v>18359</v>
      </c>
      <c r="D29644" t="s">
        <v>18360</v>
      </c>
      <c r="E29644" t="s">
        <v>18345</v>
      </c>
      <c r="F29644" t="s">
        <v>18346</v>
      </c>
      <c r="G29644" t="s">
        <v>10734</v>
      </c>
      <c r="H29644" t="s">
        <v>10735</v>
      </c>
      <c r="I29644" s="2">
        <v>0</v>
      </c>
      <c r="J29644" s="2">
        <v>0</v>
      </c>
      <c r="K29644" s="2">
        <v>1</v>
      </c>
      <c r="L29644" t="s">
        <v>995</v>
      </c>
      <c r="M29644" t="s">
        <v>89</v>
      </c>
      <c r="N29644" t="s">
        <v>90</v>
      </c>
      <c r="O29644" t="s">
        <v>85</v>
      </c>
      <c r="P29644" t="s">
        <v>86</v>
      </c>
      <c r="Q29644">
        <v>8</v>
      </c>
      <c r="R29644">
        <v>8</v>
      </c>
      <c r="S29644">
        <v>8</v>
      </c>
      <c r="T29644">
        <v>8</v>
      </c>
      <c r="U29644">
        <v>8</v>
      </c>
      <c r="V29644">
        <v>9</v>
      </c>
      <c r="W29644">
        <v>9</v>
      </c>
      <c r="X29644">
        <v>9</v>
      </c>
      <c r="Y29644">
        <v>9</v>
      </c>
      <c r="Z29644">
        <v>9</v>
      </c>
      <c r="AA29644">
        <v>10</v>
      </c>
      <c r="AB29644">
        <v>10</v>
      </c>
      <c r="AC29644">
        <v>10</v>
      </c>
      <c r="AD29644">
        <v>10</v>
      </c>
      <c r="AE29644">
        <v>10</v>
      </c>
      <c r="AF29644">
        <v>10</v>
      </c>
      <c r="AG29644">
        <v>10</v>
      </c>
      <c r="AH29644">
        <v>10</v>
      </c>
      <c r="AI29644">
        <v>10</v>
      </c>
      <c r="AJ29644">
        <v>10</v>
      </c>
      <c r="AK29644">
        <v>10</v>
      </c>
      <c r="AL29644">
        <v>10</v>
      </c>
      <c r="AM29644">
        <v>10</v>
      </c>
      <c r="AN29644">
        <v>10</v>
      </c>
      <c r="AO29644">
        <v>10</v>
      </c>
      <c r="AP29644">
        <v>10</v>
      </c>
      <c r="AQ29644">
        <v>10</v>
      </c>
    </row>
    <row r="29645" spans="1:43">
      <c r="A29645" t="s">
        <v>18363</v>
      </c>
      <c r="B29645" t="s">
        <v>18364</v>
      </c>
      <c r="C29645" t="s">
        <v>18359</v>
      </c>
      <c r="D29645" t="s">
        <v>18360</v>
      </c>
      <c r="E29645" t="s">
        <v>18345</v>
      </c>
      <c r="F29645" t="s">
        <v>18346</v>
      </c>
      <c r="G29645" t="s">
        <v>10734</v>
      </c>
      <c r="H29645" t="s">
        <v>10735</v>
      </c>
      <c r="I29645" s="2">
        <v>0</v>
      </c>
      <c r="J29645" s="2">
        <v>0</v>
      </c>
      <c r="K29645" s="2">
        <v>1</v>
      </c>
      <c r="L29645" t="s">
        <v>995</v>
      </c>
      <c r="M29645" t="s">
        <v>83</v>
      </c>
      <c r="N29645" t="s">
        <v>91</v>
      </c>
      <c r="O29645" t="s">
        <v>85</v>
      </c>
      <c r="P29645" t="s">
        <v>86</v>
      </c>
      <c r="Q29645">
        <v>8</v>
      </c>
      <c r="R29645">
        <v>8</v>
      </c>
      <c r="S29645">
        <v>8</v>
      </c>
      <c r="T29645">
        <v>8</v>
      </c>
      <c r="U29645">
        <v>8</v>
      </c>
      <c r="V29645">
        <v>8</v>
      </c>
      <c r="W29645">
        <v>8</v>
      </c>
      <c r="X29645">
        <v>9</v>
      </c>
      <c r="Y29645">
        <v>9</v>
      </c>
      <c r="Z29645">
        <v>9</v>
      </c>
      <c r="AA29645">
        <v>9</v>
      </c>
      <c r="AB29645">
        <v>9</v>
      </c>
      <c r="AC29645">
        <v>9</v>
      </c>
      <c r="AD29645">
        <v>9</v>
      </c>
      <c r="AE29645">
        <v>9</v>
      </c>
      <c r="AF29645">
        <v>10</v>
      </c>
      <c r="AG29645">
        <v>10</v>
      </c>
      <c r="AH29645">
        <v>10</v>
      </c>
      <c r="AI29645">
        <v>10</v>
      </c>
      <c r="AJ29645">
        <v>10</v>
      </c>
      <c r="AK29645">
        <v>10</v>
      </c>
      <c r="AL29645">
        <v>10</v>
      </c>
      <c r="AM29645">
        <v>10</v>
      </c>
      <c r="AN29645">
        <v>10</v>
      </c>
      <c r="AO29645">
        <v>10</v>
      </c>
      <c r="AP29645">
        <v>10</v>
      </c>
      <c r="AQ29645">
        <v>10</v>
      </c>
    </row>
    <row r="29646" spans="1:43">
      <c r="A29646" t="s">
        <v>18365</v>
      </c>
      <c r="B29646" t="s">
        <v>18366</v>
      </c>
      <c r="C29646" t="s">
        <v>18367</v>
      </c>
      <c r="D29646" t="s">
        <v>18368</v>
      </c>
      <c r="E29646" t="s">
        <v>18345</v>
      </c>
      <c r="F29646" t="s">
        <v>18346</v>
      </c>
      <c r="G29646" t="s">
        <v>10734</v>
      </c>
      <c r="H29646" t="s">
        <v>10735</v>
      </c>
      <c r="I29646" s="2">
        <v>0</v>
      </c>
      <c r="J29646" s="2">
        <v>0</v>
      </c>
      <c r="K29646" s="2">
        <v>1</v>
      </c>
      <c r="L29646" t="s">
        <v>995</v>
      </c>
      <c r="M29646" t="s">
        <v>83</v>
      </c>
      <c r="N29646" t="s">
        <v>84</v>
      </c>
      <c r="O29646" t="s">
        <v>85</v>
      </c>
      <c r="P29646" t="s">
        <v>86</v>
      </c>
      <c r="Q29646">
        <v>19</v>
      </c>
      <c r="R29646">
        <v>20</v>
      </c>
      <c r="S29646">
        <v>20</v>
      </c>
      <c r="T29646">
        <v>20</v>
      </c>
      <c r="U29646">
        <v>21</v>
      </c>
      <c r="V29646">
        <v>21</v>
      </c>
      <c r="W29646">
        <v>21</v>
      </c>
      <c r="X29646">
        <v>21</v>
      </c>
      <c r="Y29646">
        <v>22</v>
      </c>
      <c r="Z29646">
        <v>22</v>
      </c>
      <c r="AA29646">
        <v>22</v>
      </c>
      <c r="AB29646">
        <v>23</v>
      </c>
      <c r="AC29646">
        <v>23</v>
      </c>
      <c r="AD29646">
        <v>23</v>
      </c>
      <c r="AE29646">
        <v>23</v>
      </c>
      <c r="AF29646">
        <v>24</v>
      </c>
      <c r="AG29646">
        <v>24</v>
      </c>
      <c r="AH29646">
        <v>24</v>
      </c>
      <c r="AI29646">
        <v>25</v>
      </c>
      <c r="AJ29646">
        <v>25</v>
      </c>
      <c r="AK29646">
        <v>25</v>
      </c>
      <c r="AL29646">
        <v>25</v>
      </c>
      <c r="AM29646">
        <v>25</v>
      </c>
      <c r="AN29646">
        <v>25</v>
      </c>
      <c r="AO29646">
        <v>25</v>
      </c>
      <c r="AP29646">
        <v>25</v>
      </c>
      <c r="AQ29646">
        <v>26</v>
      </c>
    </row>
    <row r="29647" spans="1:43">
      <c r="A29647" t="s">
        <v>18365</v>
      </c>
      <c r="B29647" t="s">
        <v>18366</v>
      </c>
      <c r="C29647" t="s">
        <v>18367</v>
      </c>
      <c r="D29647" t="s">
        <v>18368</v>
      </c>
      <c r="E29647" t="s">
        <v>18345</v>
      </c>
      <c r="F29647" t="s">
        <v>18346</v>
      </c>
      <c r="G29647" t="s">
        <v>10734</v>
      </c>
      <c r="H29647" t="s">
        <v>10735</v>
      </c>
      <c r="I29647" s="2">
        <v>0</v>
      </c>
      <c r="J29647" s="2">
        <v>0</v>
      </c>
      <c r="K29647" s="2">
        <v>1</v>
      </c>
      <c r="L29647" t="s">
        <v>995</v>
      </c>
      <c r="M29647" t="s">
        <v>87</v>
      </c>
      <c r="N29647" t="s">
        <v>88</v>
      </c>
      <c r="O29647" t="s">
        <v>85</v>
      </c>
      <c r="P29647" t="s">
        <v>86</v>
      </c>
      <c r="Q29647">
        <v>19</v>
      </c>
      <c r="R29647">
        <v>19</v>
      </c>
      <c r="S29647">
        <v>19</v>
      </c>
      <c r="T29647">
        <v>19</v>
      </c>
      <c r="U29647">
        <v>20</v>
      </c>
      <c r="V29647">
        <v>20</v>
      </c>
      <c r="W29647">
        <v>20</v>
      </c>
      <c r="X29647">
        <v>20</v>
      </c>
      <c r="Y29647">
        <v>20</v>
      </c>
      <c r="Z29647">
        <v>20</v>
      </c>
      <c r="AA29647">
        <v>20</v>
      </c>
      <c r="AB29647">
        <v>20</v>
      </c>
      <c r="AC29647">
        <v>21</v>
      </c>
      <c r="AD29647">
        <v>21</v>
      </c>
      <c r="AE29647">
        <v>21</v>
      </c>
      <c r="AF29647">
        <v>21</v>
      </c>
      <c r="AG29647">
        <v>21</v>
      </c>
      <c r="AH29647">
        <v>21</v>
      </c>
      <c r="AI29647">
        <v>21</v>
      </c>
      <c r="AJ29647">
        <v>21</v>
      </c>
      <c r="AK29647">
        <v>21</v>
      </c>
      <c r="AL29647">
        <v>22</v>
      </c>
      <c r="AM29647">
        <v>22</v>
      </c>
      <c r="AN29647">
        <v>22</v>
      </c>
      <c r="AO29647">
        <v>22</v>
      </c>
      <c r="AP29647">
        <v>22</v>
      </c>
      <c r="AQ29647">
        <v>22</v>
      </c>
    </row>
    <row r="29648" spans="1:43">
      <c r="A29648" t="s">
        <v>18365</v>
      </c>
      <c r="B29648" t="s">
        <v>18366</v>
      </c>
      <c r="C29648" t="s">
        <v>18367</v>
      </c>
      <c r="D29648" t="s">
        <v>18368</v>
      </c>
      <c r="E29648" t="s">
        <v>18345</v>
      </c>
      <c r="F29648" t="s">
        <v>18346</v>
      </c>
      <c r="G29648" t="s">
        <v>10734</v>
      </c>
      <c r="H29648" t="s">
        <v>10735</v>
      </c>
      <c r="I29648" s="2">
        <v>0</v>
      </c>
      <c r="J29648" s="2">
        <v>0</v>
      </c>
      <c r="K29648" s="2">
        <v>1</v>
      </c>
      <c r="L29648" t="s">
        <v>995</v>
      </c>
      <c r="M29648" t="s">
        <v>89</v>
      </c>
      <c r="N29648" t="s">
        <v>90</v>
      </c>
      <c r="O29648" t="s">
        <v>85</v>
      </c>
      <c r="P29648" t="s">
        <v>86</v>
      </c>
      <c r="Q29648">
        <v>19</v>
      </c>
      <c r="R29648">
        <v>20</v>
      </c>
      <c r="S29648">
        <v>20</v>
      </c>
      <c r="T29648">
        <v>21</v>
      </c>
      <c r="U29648">
        <v>21</v>
      </c>
      <c r="V29648">
        <v>22</v>
      </c>
      <c r="W29648">
        <v>22</v>
      </c>
      <c r="X29648">
        <v>23</v>
      </c>
      <c r="Y29648">
        <v>23</v>
      </c>
      <c r="Z29648">
        <v>23</v>
      </c>
      <c r="AA29648">
        <v>24</v>
      </c>
      <c r="AB29648">
        <v>24</v>
      </c>
      <c r="AC29648">
        <v>25</v>
      </c>
      <c r="AD29648">
        <v>25</v>
      </c>
      <c r="AE29648">
        <v>25</v>
      </c>
      <c r="AF29648">
        <v>25</v>
      </c>
      <c r="AG29648">
        <v>25</v>
      </c>
      <c r="AH29648">
        <v>25</v>
      </c>
      <c r="AI29648">
        <v>25</v>
      </c>
      <c r="AJ29648">
        <v>25</v>
      </c>
      <c r="AK29648">
        <v>25</v>
      </c>
      <c r="AL29648">
        <v>26</v>
      </c>
      <c r="AM29648">
        <v>26</v>
      </c>
      <c r="AN29648">
        <v>26</v>
      </c>
      <c r="AO29648">
        <v>26</v>
      </c>
      <c r="AP29648">
        <v>26</v>
      </c>
      <c r="AQ29648">
        <v>26</v>
      </c>
    </row>
    <row r="29649" spans="1:43">
      <c r="A29649" t="s">
        <v>18365</v>
      </c>
      <c r="B29649" t="s">
        <v>18366</v>
      </c>
      <c r="C29649" t="s">
        <v>18367</v>
      </c>
      <c r="D29649" t="s">
        <v>18368</v>
      </c>
      <c r="E29649" t="s">
        <v>18345</v>
      </c>
      <c r="F29649" t="s">
        <v>18346</v>
      </c>
      <c r="G29649" t="s">
        <v>10734</v>
      </c>
      <c r="H29649" t="s">
        <v>10735</v>
      </c>
      <c r="I29649" s="2">
        <v>0</v>
      </c>
      <c r="J29649" s="2">
        <v>0</v>
      </c>
      <c r="K29649" s="2">
        <v>1</v>
      </c>
      <c r="L29649" t="s">
        <v>995</v>
      </c>
      <c r="M29649" t="s">
        <v>83</v>
      </c>
      <c r="N29649" t="s">
        <v>91</v>
      </c>
      <c r="O29649" t="s">
        <v>85</v>
      </c>
      <c r="P29649" t="s">
        <v>86</v>
      </c>
      <c r="Q29649">
        <v>19</v>
      </c>
      <c r="R29649">
        <v>20</v>
      </c>
      <c r="S29649">
        <v>20</v>
      </c>
      <c r="T29649">
        <v>20</v>
      </c>
      <c r="U29649">
        <v>21</v>
      </c>
      <c r="V29649">
        <v>21</v>
      </c>
      <c r="W29649">
        <v>21</v>
      </c>
      <c r="X29649">
        <v>21</v>
      </c>
      <c r="Y29649">
        <v>22</v>
      </c>
      <c r="Z29649">
        <v>22</v>
      </c>
      <c r="AA29649">
        <v>22</v>
      </c>
      <c r="AB29649">
        <v>23</v>
      </c>
      <c r="AC29649">
        <v>23</v>
      </c>
      <c r="AD29649">
        <v>23</v>
      </c>
      <c r="AE29649">
        <v>23</v>
      </c>
      <c r="AF29649">
        <v>24</v>
      </c>
      <c r="AG29649">
        <v>24</v>
      </c>
      <c r="AH29649">
        <v>24</v>
      </c>
      <c r="AI29649">
        <v>25</v>
      </c>
      <c r="AJ29649">
        <v>25</v>
      </c>
      <c r="AK29649">
        <v>25</v>
      </c>
      <c r="AL29649">
        <v>25</v>
      </c>
      <c r="AM29649">
        <v>25</v>
      </c>
      <c r="AN29649">
        <v>25</v>
      </c>
      <c r="AO29649">
        <v>25</v>
      </c>
      <c r="AP29649">
        <v>25</v>
      </c>
      <c r="AQ29649">
        <v>26</v>
      </c>
    </row>
    <row r="29650" spans="1:43">
      <c r="A29650" t="s">
        <v>18369</v>
      </c>
      <c r="B29650" t="s">
        <v>18370</v>
      </c>
      <c r="C29650" t="s">
        <v>18367</v>
      </c>
      <c r="D29650" t="s">
        <v>18368</v>
      </c>
      <c r="E29650" t="s">
        <v>18345</v>
      </c>
      <c r="F29650" t="s">
        <v>18346</v>
      </c>
      <c r="G29650" t="s">
        <v>10734</v>
      </c>
      <c r="H29650" t="s">
        <v>10735</v>
      </c>
      <c r="I29650" s="2">
        <v>0</v>
      </c>
      <c r="J29650" s="2">
        <v>0</v>
      </c>
      <c r="K29650" s="2">
        <v>1</v>
      </c>
      <c r="L29650" t="s">
        <v>995</v>
      </c>
      <c r="M29650" t="s">
        <v>83</v>
      </c>
      <c r="N29650" t="s">
        <v>84</v>
      </c>
      <c r="O29650" t="s">
        <v>85</v>
      </c>
      <c r="P29650" t="s">
        <v>86</v>
      </c>
      <c r="Q29650">
        <v>61</v>
      </c>
      <c r="R29650">
        <v>61</v>
      </c>
      <c r="S29650">
        <v>62</v>
      </c>
      <c r="T29650">
        <v>63</v>
      </c>
      <c r="U29650">
        <v>64</v>
      </c>
      <c r="V29650">
        <v>65</v>
      </c>
      <c r="W29650">
        <v>66</v>
      </c>
      <c r="X29650">
        <v>67</v>
      </c>
      <c r="Y29650">
        <v>68</v>
      </c>
      <c r="Z29650">
        <v>69</v>
      </c>
      <c r="AA29650">
        <v>70</v>
      </c>
      <c r="AB29650">
        <v>71</v>
      </c>
      <c r="AC29650">
        <v>72</v>
      </c>
      <c r="AD29650">
        <v>73</v>
      </c>
      <c r="AE29650">
        <v>74</v>
      </c>
      <c r="AF29650">
        <v>75</v>
      </c>
      <c r="AG29650">
        <v>75</v>
      </c>
      <c r="AH29650">
        <v>76</v>
      </c>
      <c r="AI29650">
        <v>77</v>
      </c>
      <c r="AJ29650">
        <v>78</v>
      </c>
      <c r="AK29650">
        <v>79</v>
      </c>
      <c r="AL29650">
        <v>79</v>
      </c>
      <c r="AM29650">
        <v>80</v>
      </c>
      <c r="AN29650">
        <v>80</v>
      </c>
      <c r="AO29650">
        <v>80</v>
      </c>
      <c r="AP29650">
        <v>80</v>
      </c>
      <c r="AQ29650">
        <v>80</v>
      </c>
    </row>
    <row r="29651" spans="1:43">
      <c r="A29651" t="s">
        <v>18369</v>
      </c>
      <c r="B29651" t="s">
        <v>18370</v>
      </c>
      <c r="C29651" t="s">
        <v>18367</v>
      </c>
      <c r="D29651" t="s">
        <v>18368</v>
      </c>
      <c r="E29651" t="s">
        <v>18345</v>
      </c>
      <c r="F29651" t="s">
        <v>18346</v>
      </c>
      <c r="G29651" t="s">
        <v>10734</v>
      </c>
      <c r="H29651" t="s">
        <v>10735</v>
      </c>
      <c r="I29651" s="2">
        <v>0</v>
      </c>
      <c r="J29651" s="2">
        <v>0</v>
      </c>
      <c r="K29651" s="2">
        <v>1</v>
      </c>
      <c r="L29651" t="s">
        <v>995</v>
      </c>
      <c r="M29651" t="s">
        <v>87</v>
      </c>
      <c r="N29651" t="s">
        <v>88</v>
      </c>
      <c r="O29651" t="s">
        <v>85</v>
      </c>
      <c r="P29651" t="s">
        <v>86</v>
      </c>
      <c r="Q29651">
        <v>61</v>
      </c>
      <c r="R29651">
        <v>61</v>
      </c>
      <c r="S29651">
        <v>62</v>
      </c>
      <c r="T29651">
        <v>62</v>
      </c>
      <c r="U29651">
        <v>62</v>
      </c>
      <c r="V29651">
        <v>63</v>
      </c>
      <c r="W29651">
        <v>63</v>
      </c>
      <c r="X29651">
        <v>64</v>
      </c>
      <c r="Y29651">
        <v>64</v>
      </c>
      <c r="Z29651">
        <v>64</v>
      </c>
      <c r="AA29651">
        <v>65</v>
      </c>
      <c r="AB29651">
        <v>65</v>
      </c>
      <c r="AC29651">
        <v>65</v>
      </c>
      <c r="AD29651">
        <v>66</v>
      </c>
      <c r="AE29651">
        <v>66</v>
      </c>
      <c r="AF29651">
        <v>66</v>
      </c>
      <c r="AG29651">
        <v>67</v>
      </c>
      <c r="AH29651">
        <v>67</v>
      </c>
      <c r="AI29651">
        <v>67</v>
      </c>
      <c r="AJ29651">
        <v>68</v>
      </c>
      <c r="AK29651">
        <v>68</v>
      </c>
      <c r="AL29651">
        <v>69</v>
      </c>
      <c r="AM29651">
        <v>69</v>
      </c>
      <c r="AN29651">
        <v>69</v>
      </c>
      <c r="AO29651">
        <v>70</v>
      </c>
      <c r="AP29651">
        <v>70</v>
      </c>
      <c r="AQ29651">
        <v>70</v>
      </c>
    </row>
    <row r="29652" spans="1:43">
      <c r="A29652" t="s">
        <v>18369</v>
      </c>
      <c r="B29652" t="s">
        <v>18370</v>
      </c>
      <c r="C29652" t="s">
        <v>18367</v>
      </c>
      <c r="D29652" t="s">
        <v>18368</v>
      </c>
      <c r="E29652" t="s">
        <v>18345</v>
      </c>
      <c r="F29652" t="s">
        <v>18346</v>
      </c>
      <c r="G29652" t="s">
        <v>10734</v>
      </c>
      <c r="H29652" t="s">
        <v>10735</v>
      </c>
      <c r="I29652" s="2">
        <v>0</v>
      </c>
      <c r="J29652" s="2">
        <v>0</v>
      </c>
      <c r="K29652" s="2">
        <v>1</v>
      </c>
      <c r="L29652" t="s">
        <v>995</v>
      </c>
      <c r="M29652" t="s">
        <v>89</v>
      </c>
      <c r="N29652" t="s">
        <v>90</v>
      </c>
      <c r="O29652" t="s">
        <v>85</v>
      </c>
      <c r="P29652" t="s">
        <v>86</v>
      </c>
      <c r="Q29652">
        <v>61</v>
      </c>
      <c r="R29652">
        <v>63</v>
      </c>
      <c r="S29652">
        <v>64</v>
      </c>
      <c r="T29652">
        <v>65</v>
      </c>
      <c r="U29652">
        <v>67</v>
      </c>
      <c r="V29652">
        <v>68</v>
      </c>
      <c r="W29652">
        <v>70</v>
      </c>
      <c r="X29652">
        <v>71</v>
      </c>
      <c r="Y29652">
        <v>72</v>
      </c>
      <c r="Z29652">
        <v>73</v>
      </c>
      <c r="AA29652">
        <v>75</v>
      </c>
      <c r="AB29652">
        <v>76</v>
      </c>
      <c r="AC29652">
        <v>77</v>
      </c>
      <c r="AD29652">
        <v>78</v>
      </c>
      <c r="AE29652">
        <v>79</v>
      </c>
      <c r="AF29652">
        <v>79</v>
      </c>
      <c r="AG29652">
        <v>79</v>
      </c>
      <c r="AH29652">
        <v>80</v>
      </c>
      <c r="AI29652">
        <v>80</v>
      </c>
      <c r="AJ29652">
        <v>80</v>
      </c>
      <c r="AK29652">
        <v>80</v>
      </c>
      <c r="AL29652">
        <v>80</v>
      </c>
      <c r="AM29652">
        <v>80</v>
      </c>
      <c r="AN29652">
        <v>80</v>
      </c>
      <c r="AO29652">
        <v>80</v>
      </c>
      <c r="AP29652">
        <v>80</v>
      </c>
      <c r="AQ29652">
        <v>81</v>
      </c>
    </row>
    <row r="29653" spans="1:43">
      <c r="A29653" t="s">
        <v>18369</v>
      </c>
      <c r="B29653" t="s">
        <v>18370</v>
      </c>
      <c r="C29653" t="s">
        <v>18367</v>
      </c>
      <c r="D29653" t="s">
        <v>18368</v>
      </c>
      <c r="E29653" t="s">
        <v>18345</v>
      </c>
      <c r="F29653" t="s">
        <v>18346</v>
      </c>
      <c r="G29653" t="s">
        <v>10734</v>
      </c>
      <c r="H29653" t="s">
        <v>10735</v>
      </c>
      <c r="I29653" s="2">
        <v>0</v>
      </c>
      <c r="J29653" s="2">
        <v>0</v>
      </c>
      <c r="K29653" s="2">
        <v>1</v>
      </c>
      <c r="L29653" t="s">
        <v>995</v>
      </c>
      <c r="M29653" t="s">
        <v>83</v>
      </c>
      <c r="N29653" t="s">
        <v>91</v>
      </c>
      <c r="O29653" t="s">
        <v>85</v>
      </c>
      <c r="P29653" t="s">
        <v>86</v>
      </c>
      <c r="Q29653">
        <v>61</v>
      </c>
      <c r="R29653">
        <v>61</v>
      </c>
      <c r="S29653">
        <v>62</v>
      </c>
      <c r="T29653">
        <v>63</v>
      </c>
      <c r="U29653">
        <v>64</v>
      </c>
      <c r="V29653">
        <v>65</v>
      </c>
      <c r="W29653">
        <v>66</v>
      </c>
      <c r="X29653">
        <v>67</v>
      </c>
      <c r="Y29653">
        <v>68</v>
      </c>
      <c r="Z29653">
        <v>69</v>
      </c>
      <c r="AA29653">
        <v>70</v>
      </c>
      <c r="AB29653">
        <v>71</v>
      </c>
      <c r="AC29653">
        <v>72</v>
      </c>
      <c r="AD29653">
        <v>73</v>
      </c>
      <c r="AE29653">
        <v>74</v>
      </c>
      <c r="AF29653">
        <v>75</v>
      </c>
      <c r="AG29653">
        <v>75</v>
      </c>
      <c r="AH29653">
        <v>76</v>
      </c>
      <c r="AI29653">
        <v>77</v>
      </c>
      <c r="AJ29653">
        <v>78</v>
      </c>
      <c r="AK29653">
        <v>79</v>
      </c>
      <c r="AL29653">
        <v>79</v>
      </c>
      <c r="AM29653">
        <v>80</v>
      </c>
      <c r="AN29653">
        <v>80</v>
      </c>
      <c r="AO29653">
        <v>80</v>
      </c>
      <c r="AP29653">
        <v>80</v>
      </c>
      <c r="AQ29653">
        <v>80</v>
      </c>
    </row>
    <row r="29654" spans="1:43">
      <c r="A29654" t="s">
        <v>18371</v>
      </c>
      <c r="B29654" t="s">
        <v>18372</v>
      </c>
      <c r="C29654" t="s">
        <v>18367</v>
      </c>
      <c r="D29654" t="s">
        <v>18368</v>
      </c>
      <c r="E29654" t="s">
        <v>18345</v>
      </c>
      <c r="F29654" t="s">
        <v>18346</v>
      </c>
      <c r="G29654" t="s">
        <v>10734</v>
      </c>
      <c r="H29654" t="s">
        <v>10735</v>
      </c>
      <c r="I29654" s="2">
        <v>0</v>
      </c>
      <c r="J29654" s="2">
        <v>0</v>
      </c>
      <c r="K29654" s="2">
        <v>1</v>
      </c>
      <c r="L29654" t="s">
        <v>995</v>
      </c>
      <c r="M29654" t="s">
        <v>83</v>
      </c>
      <c r="N29654" t="s">
        <v>84</v>
      </c>
      <c r="O29654" t="s">
        <v>85</v>
      </c>
      <c r="P29654" t="s">
        <v>86</v>
      </c>
      <c r="Q29654">
        <v>44</v>
      </c>
      <c r="R29654">
        <v>45</v>
      </c>
      <c r="S29654">
        <v>46</v>
      </c>
      <c r="T29654">
        <v>47</v>
      </c>
      <c r="U29654">
        <v>47</v>
      </c>
      <c r="V29654">
        <v>48</v>
      </c>
      <c r="W29654">
        <v>49</v>
      </c>
      <c r="X29654">
        <v>49</v>
      </c>
      <c r="Y29654">
        <v>50</v>
      </c>
      <c r="Z29654">
        <v>51</v>
      </c>
      <c r="AA29654">
        <v>52</v>
      </c>
      <c r="AB29654">
        <v>52</v>
      </c>
      <c r="AC29654">
        <v>53</v>
      </c>
      <c r="AD29654">
        <v>54</v>
      </c>
      <c r="AE29654">
        <v>54</v>
      </c>
      <c r="AF29654">
        <v>55</v>
      </c>
      <c r="AG29654">
        <v>56</v>
      </c>
      <c r="AH29654">
        <v>56</v>
      </c>
      <c r="AI29654">
        <v>57</v>
      </c>
      <c r="AJ29654">
        <v>58</v>
      </c>
      <c r="AK29654">
        <v>58</v>
      </c>
      <c r="AL29654">
        <v>59</v>
      </c>
      <c r="AM29654">
        <v>59</v>
      </c>
      <c r="AN29654">
        <v>59</v>
      </c>
      <c r="AO29654">
        <v>59</v>
      </c>
      <c r="AP29654">
        <v>59</v>
      </c>
      <c r="AQ29654">
        <v>59</v>
      </c>
    </row>
    <row r="29655" spans="1:43">
      <c r="A29655" t="s">
        <v>18371</v>
      </c>
      <c r="B29655" t="s">
        <v>18372</v>
      </c>
      <c r="C29655" t="s">
        <v>18367</v>
      </c>
      <c r="D29655" t="s">
        <v>18368</v>
      </c>
      <c r="E29655" t="s">
        <v>18345</v>
      </c>
      <c r="F29655" t="s">
        <v>18346</v>
      </c>
      <c r="G29655" t="s">
        <v>10734</v>
      </c>
      <c r="H29655" t="s">
        <v>10735</v>
      </c>
      <c r="I29655" s="2">
        <v>0</v>
      </c>
      <c r="J29655" s="2">
        <v>0</v>
      </c>
      <c r="K29655" s="2">
        <v>1</v>
      </c>
      <c r="L29655" t="s">
        <v>995</v>
      </c>
      <c r="M29655" t="s">
        <v>87</v>
      </c>
      <c r="N29655" t="s">
        <v>88</v>
      </c>
      <c r="O29655" t="s">
        <v>85</v>
      </c>
      <c r="P29655" t="s">
        <v>86</v>
      </c>
      <c r="Q29655">
        <v>44</v>
      </c>
      <c r="R29655">
        <v>44</v>
      </c>
      <c r="S29655">
        <v>45</v>
      </c>
      <c r="T29655">
        <v>45</v>
      </c>
      <c r="U29655">
        <v>45</v>
      </c>
      <c r="V29655">
        <v>46</v>
      </c>
      <c r="W29655">
        <v>46</v>
      </c>
      <c r="X29655">
        <v>46</v>
      </c>
      <c r="Y29655">
        <v>46</v>
      </c>
      <c r="Z29655">
        <v>47</v>
      </c>
      <c r="AA29655">
        <v>47</v>
      </c>
      <c r="AB29655">
        <v>47</v>
      </c>
      <c r="AC29655">
        <v>48</v>
      </c>
      <c r="AD29655">
        <v>48</v>
      </c>
      <c r="AE29655">
        <v>48</v>
      </c>
      <c r="AF29655">
        <v>48</v>
      </c>
      <c r="AG29655">
        <v>49</v>
      </c>
      <c r="AH29655">
        <v>49</v>
      </c>
      <c r="AI29655">
        <v>49</v>
      </c>
      <c r="AJ29655">
        <v>50</v>
      </c>
      <c r="AK29655">
        <v>50</v>
      </c>
      <c r="AL29655">
        <v>50</v>
      </c>
      <c r="AM29655">
        <v>50</v>
      </c>
      <c r="AN29655">
        <v>51</v>
      </c>
      <c r="AO29655">
        <v>51</v>
      </c>
      <c r="AP29655">
        <v>51</v>
      </c>
      <c r="AQ29655">
        <v>51</v>
      </c>
    </row>
    <row r="29656" spans="1:43">
      <c r="A29656" t="s">
        <v>18371</v>
      </c>
      <c r="B29656" t="s">
        <v>18372</v>
      </c>
      <c r="C29656" t="s">
        <v>18367</v>
      </c>
      <c r="D29656" t="s">
        <v>18368</v>
      </c>
      <c r="E29656" t="s">
        <v>18345</v>
      </c>
      <c r="F29656" t="s">
        <v>18346</v>
      </c>
      <c r="G29656" t="s">
        <v>10734</v>
      </c>
      <c r="H29656" t="s">
        <v>10735</v>
      </c>
      <c r="I29656" s="2">
        <v>0</v>
      </c>
      <c r="J29656" s="2">
        <v>0</v>
      </c>
      <c r="K29656" s="2">
        <v>1</v>
      </c>
      <c r="L29656" t="s">
        <v>995</v>
      </c>
      <c r="M29656" t="s">
        <v>89</v>
      </c>
      <c r="N29656" t="s">
        <v>90</v>
      </c>
      <c r="O29656" t="s">
        <v>85</v>
      </c>
      <c r="P29656" t="s">
        <v>86</v>
      </c>
      <c r="Q29656">
        <v>44</v>
      </c>
      <c r="R29656">
        <v>45</v>
      </c>
      <c r="S29656">
        <v>46</v>
      </c>
      <c r="T29656">
        <v>47</v>
      </c>
      <c r="U29656">
        <v>48</v>
      </c>
      <c r="V29656">
        <v>49</v>
      </c>
      <c r="W29656">
        <v>50</v>
      </c>
      <c r="X29656">
        <v>51</v>
      </c>
      <c r="Y29656">
        <v>52</v>
      </c>
      <c r="Z29656">
        <v>53</v>
      </c>
      <c r="AA29656">
        <v>54</v>
      </c>
      <c r="AB29656">
        <v>55</v>
      </c>
      <c r="AC29656">
        <v>56</v>
      </c>
      <c r="AD29656">
        <v>57</v>
      </c>
      <c r="AE29656">
        <v>57</v>
      </c>
      <c r="AF29656">
        <v>57</v>
      </c>
      <c r="AG29656">
        <v>57</v>
      </c>
      <c r="AH29656">
        <v>58</v>
      </c>
      <c r="AI29656">
        <v>58</v>
      </c>
      <c r="AJ29656">
        <v>58</v>
      </c>
      <c r="AK29656">
        <v>58</v>
      </c>
      <c r="AL29656">
        <v>58</v>
      </c>
      <c r="AM29656">
        <v>58</v>
      </c>
      <c r="AN29656">
        <v>58</v>
      </c>
      <c r="AO29656">
        <v>59</v>
      </c>
      <c r="AP29656">
        <v>59</v>
      </c>
      <c r="AQ29656">
        <v>59</v>
      </c>
    </row>
    <row r="29657" spans="1:43">
      <c r="A29657" t="s">
        <v>18371</v>
      </c>
      <c r="B29657" t="s">
        <v>18372</v>
      </c>
      <c r="C29657" t="s">
        <v>18367</v>
      </c>
      <c r="D29657" t="s">
        <v>18368</v>
      </c>
      <c r="E29657" t="s">
        <v>18345</v>
      </c>
      <c r="F29657" t="s">
        <v>18346</v>
      </c>
      <c r="G29657" t="s">
        <v>10734</v>
      </c>
      <c r="H29657" t="s">
        <v>10735</v>
      </c>
      <c r="I29657" s="2">
        <v>0</v>
      </c>
      <c r="J29657" s="2">
        <v>0</v>
      </c>
      <c r="K29657" s="2">
        <v>1</v>
      </c>
      <c r="L29657" t="s">
        <v>995</v>
      </c>
      <c r="M29657" t="s">
        <v>83</v>
      </c>
      <c r="N29657" t="s">
        <v>91</v>
      </c>
      <c r="O29657" t="s">
        <v>85</v>
      </c>
      <c r="P29657" t="s">
        <v>86</v>
      </c>
      <c r="Q29657">
        <v>44</v>
      </c>
      <c r="R29657">
        <v>45</v>
      </c>
      <c r="S29657">
        <v>46</v>
      </c>
      <c r="T29657">
        <v>47</v>
      </c>
      <c r="U29657">
        <v>47</v>
      </c>
      <c r="V29657">
        <v>48</v>
      </c>
      <c r="W29657">
        <v>49</v>
      </c>
      <c r="X29657">
        <v>49</v>
      </c>
      <c r="Y29657">
        <v>50</v>
      </c>
      <c r="Z29657">
        <v>51</v>
      </c>
      <c r="AA29657">
        <v>52</v>
      </c>
      <c r="AB29657">
        <v>52</v>
      </c>
      <c r="AC29657">
        <v>53</v>
      </c>
      <c r="AD29657">
        <v>54</v>
      </c>
      <c r="AE29657">
        <v>54</v>
      </c>
      <c r="AF29657">
        <v>55</v>
      </c>
      <c r="AG29657">
        <v>56</v>
      </c>
      <c r="AH29657">
        <v>56</v>
      </c>
      <c r="AI29657">
        <v>57</v>
      </c>
      <c r="AJ29657">
        <v>58</v>
      </c>
      <c r="AK29657">
        <v>58</v>
      </c>
      <c r="AL29657">
        <v>59</v>
      </c>
      <c r="AM29657">
        <v>59</v>
      </c>
      <c r="AN29657">
        <v>59</v>
      </c>
      <c r="AO29657">
        <v>59</v>
      </c>
      <c r="AP29657">
        <v>59</v>
      </c>
      <c r="AQ29657">
        <v>59</v>
      </c>
    </row>
    <row r="29658" spans="1:43">
      <c r="A29658" t="s">
        <v>18373</v>
      </c>
      <c r="B29658" t="s">
        <v>18374</v>
      </c>
      <c r="C29658" t="s">
        <v>18375</v>
      </c>
      <c r="D29658" t="s">
        <v>18376</v>
      </c>
      <c r="E29658" t="s">
        <v>18345</v>
      </c>
      <c r="F29658" t="s">
        <v>18346</v>
      </c>
      <c r="G29658" t="s">
        <v>10734</v>
      </c>
      <c r="H29658" t="s">
        <v>10735</v>
      </c>
      <c r="I29658" s="2">
        <v>0</v>
      </c>
      <c r="J29658" s="2">
        <v>0</v>
      </c>
      <c r="K29658" s="2">
        <v>1</v>
      </c>
      <c r="L29658" t="s">
        <v>995</v>
      </c>
      <c r="M29658" t="s">
        <v>83</v>
      </c>
      <c r="N29658" t="s">
        <v>84</v>
      </c>
      <c r="O29658" t="s">
        <v>85</v>
      </c>
      <c r="P29658" t="s">
        <v>86</v>
      </c>
      <c r="Q29658">
        <v>14</v>
      </c>
      <c r="R29658">
        <v>14</v>
      </c>
      <c r="S29658">
        <v>14</v>
      </c>
      <c r="T29658">
        <v>14</v>
      </c>
      <c r="U29658">
        <v>15</v>
      </c>
      <c r="V29658">
        <v>15</v>
      </c>
      <c r="W29658">
        <v>15</v>
      </c>
      <c r="X29658">
        <v>15</v>
      </c>
      <c r="Y29658">
        <v>16</v>
      </c>
      <c r="Z29658">
        <v>16</v>
      </c>
      <c r="AA29658">
        <v>16</v>
      </c>
      <c r="AB29658">
        <v>16</v>
      </c>
      <c r="AC29658">
        <v>16</v>
      </c>
      <c r="AD29658">
        <v>17</v>
      </c>
      <c r="AE29658">
        <v>17</v>
      </c>
      <c r="AF29658">
        <v>17</v>
      </c>
      <c r="AG29658">
        <v>17</v>
      </c>
      <c r="AH29658">
        <v>17</v>
      </c>
      <c r="AI29658">
        <v>18</v>
      </c>
      <c r="AJ29658">
        <v>18</v>
      </c>
      <c r="AK29658">
        <v>18</v>
      </c>
      <c r="AL29658">
        <v>18</v>
      </c>
      <c r="AM29658">
        <v>18</v>
      </c>
      <c r="AN29658">
        <v>18</v>
      </c>
      <c r="AO29658">
        <v>18</v>
      </c>
      <c r="AP29658">
        <v>18</v>
      </c>
      <c r="AQ29658">
        <v>18</v>
      </c>
    </row>
    <row r="29659" spans="1:43">
      <c r="A29659" t="s">
        <v>18373</v>
      </c>
      <c r="B29659" t="s">
        <v>18374</v>
      </c>
      <c r="C29659" t="s">
        <v>18375</v>
      </c>
      <c r="D29659" t="s">
        <v>18376</v>
      </c>
      <c r="E29659" t="s">
        <v>18345</v>
      </c>
      <c r="F29659" t="s">
        <v>18346</v>
      </c>
      <c r="G29659" t="s">
        <v>10734</v>
      </c>
      <c r="H29659" t="s">
        <v>10735</v>
      </c>
      <c r="I29659" s="2">
        <v>0</v>
      </c>
      <c r="J29659" s="2">
        <v>0</v>
      </c>
      <c r="K29659" s="2">
        <v>1</v>
      </c>
      <c r="L29659" t="s">
        <v>995</v>
      </c>
      <c r="M29659" t="s">
        <v>87</v>
      </c>
      <c r="N29659" t="s">
        <v>88</v>
      </c>
      <c r="O29659" t="s">
        <v>85</v>
      </c>
      <c r="P29659" t="s">
        <v>86</v>
      </c>
      <c r="Q29659">
        <v>14</v>
      </c>
      <c r="R29659">
        <v>14</v>
      </c>
      <c r="S29659">
        <v>14</v>
      </c>
      <c r="T29659">
        <v>14</v>
      </c>
      <c r="U29659">
        <v>14</v>
      </c>
      <c r="V29659">
        <v>14</v>
      </c>
      <c r="W29659">
        <v>14</v>
      </c>
      <c r="X29659">
        <v>14</v>
      </c>
      <c r="Y29659">
        <v>14</v>
      </c>
      <c r="Z29659">
        <v>14</v>
      </c>
      <c r="AA29659">
        <v>15</v>
      </c>
      <c r="AB29659">
        <v>15</v>
      </c>
      <c r="AC29659">
        <v>15</v>
      </c>
      <c r="AD29659">
        <v>15</v>
      </c>
      <c r="AE29659">
        <v>15</v>
      </c>
      <c r="AF29659">
        <v>15</v>
      </c>
      <c r="AG29659">
        <v>15</v>
      </c>
      <c r="AH29659">
        <v>15</v>
      </c>
      <c r="AI29659">
        <v>15</v>
      </c>
      <c r="AJ29659">
        <v>15</v>
      </c>
      <c r="AK29659">
        <v>15</v>
      </c>
      <c r="AL29659">
        <v>15</v>
      </c>
      <c r="AM29659">
        <v>16</v>
      </c>
      <c r="AN29659">
        <v>16</v>
      </c>
      <c r="AO29659">
        <v>16</v>
      </c>
      <c r="AP29659">
        <v>16</v>
      </c>
      <c r="AQ29659">
        <v>16</v>
      </c>
    </row>
    <row r="29660" spans="1:43">
      <c r="A29660" t="s">
        <v>18373</v>
      </c>
      <c r="B29660" t="s">
        <v>18374</v>
      </c>
      <c r="C29660" t="s">
        <v>18375</v>
      </c>
      <c r="D29660" t="s">
        <v>18376</v>
      </c>
      <c r="E29660" t="s">
        <v>18345</v>
      </c>
      <c r="F29660" t="s">
        <v>18346</v>
      </c>
      <c r="G29660" t="s">
        <v>10734</v>
      </c>
      <c r="H29660" t="s">
        <v>10735</v>
      </c>
      <c r="I29660" s="2">
        <v>0</v>
      </c>
      <c r="J29660" s="2">
        <v>0</v>
      </c>
      <c r="K29660" s="2">
        <v>1</v>
      </c>
      <c r="L29660" t="s">
        <v>995</v>
      </c>
      <c r="M29660" t="s">
        <v>89</v>
      </c>
      <c r="N29660" t="s">
        <v>90</v>
      </c>
      <c r="O29660" t="s">
        <v>85</v>
      </c>
      <c r="P29660" t="s">
        <v>86</v>
      </c>
      <c r="Q29660">
        <v>14</v>
      </c>
      <c r="R29660">
        <v>14</v>
      </c>
      <c r="S29660">
        <v>15</v>
      </c>
      <c r="T29660">
        <v>15</v>
      </c>
      <c r="U29660">
        <v>15</v>
      </c>
      <c r="V29660">
        <v>16</v>
      </c>
      <c r="W29660">
        <v>16</v>
      </c>
      <c r="X29660">
        <v>16</v>
      </c>
      <c r="Y29660">
        <v>16</v>
      </c>
      <c r="Z29660">
        <v>17</v>
      </c>
      <c r="AA29660">
        <v>17</v>
      </c>
      <c r="AB29660">
        <v>17</v>
      </c>
      <c r="AC29660">
        <v>18</v>
      </c>
      <c r="AD29660">
        <v>18</v>
      </c>
      <c r="AE29660">
        <v>18</v>
      </c>
      <c r="AF29660">
        <v>18</v>
      </c>
      <c r="AG29660">
        <v>18</v>
      </c>
      <c r="AH29660">
        <v>18</v>
      </c>
      <c r="AI29660">
        <v>18</v>
      </c>
      <c r="AJ29660">
        <v>18</v>
      </c>
      <c r="AK29660">
        <v>18</v>
      </c>
      <c r="AL29660">
        <v>18</v>
      </c>
      <c r="AM29660">
        <v>18</v>
      </c>
      <c r="AN29660">
        <v>18</v>
      </c>
      <c r="AO29660">
        <v>18</v>
      </c>
      <c r="AP29660">
        <v>18</v>
      </c>
      <c r="AQ29660">
        <v>19</v>
      </c>
    </row>
    <row r="29661" spans="1:43">
      <c r="A29661" t="s">
        <v>18373</v>
      </c>
      <c r="B29661" t="s">
        <v>18374</v>
      </c>
      <c r="C29661" t="s">
        <v>18375</v>
      </c>
      <c r="D29661" t="s">
        <v>18376</v>
      </c>
      <c r="E29661" t="s">
        <v>18345</v>
      </c>
      <c r="F29661" t="s">
        <v>18346</v>
      </c>
      <c r="G29661" t="s">
        <v>10734</v>
      </c>
      <c r="H29661" t="s">
        <v>10735</v>
      </c>
      <c r="I29661" s="2">
        <v>0</v>
      </c>
      <c r="J29661" s="2">
        <v>0</v>
      </c>
      <c r="K29661" s="2">
        <v>1</v>
      </c>
      <c r="L29661" t="s">
        <v>995</v>
      </c>
      <c r="M29661" t="s">
        <v>83</v>
      </c>
      <c r="N29661" t="s">
        <v>91</v>
      </c>
      <c r="O29661" t="s">
        <v>85</v>
      </c>
      <c r="P29661" t="s">
        <v>86</v>
      </c>
      <c r="Q29661">
        <v>14</v>
      </c>
      <c r="R29661">
        <v>14</v>
      </c>
      <c r="S29661">
        <v>14</v>
      </c>
      <c r="T29661">
        <v>14</v>
      </c>
      <c r="U29661">
        <v>15</v>
      </c>
      <c r="V29661">
        <v>15</v>
      </c>
      <c r="W29661">
        <v>15</v>
      </c>
      <c r="X29661">
        <v>15</v>
      </c>
      <c r="Y29661">
        <v>16</v>
      </c>
      <c r="Z29661">
        <v>16</v>
      </c>
      <c r="AA29661">
        <v>16</v>
      </c>
      <c r="AB29661">
        <v>16</v>
      </c>
      <c r="AC29661">
        <v>16</v>
      </c>
      <c r="AD29661">
        <v>17</v>
      </c>
      <c r="AE29661">
        <v>17</v>
      </c>
      <c r="AF29661">
        <v>17</v>
      </c>
      <c r="AG29661">
        <v>17</v>
      </c>
      <c r="AH29661">
        <v>17</v>
      </c>
      <c r="AI29661">
        <v>18</v>
      </c>
      <c r="AJ29661">
        <v>18</v>
      </c>
      <c r="AK29661">
        <v>18</v>
      </c>
      <c r="AL29661">
        <v>18</v>
      </c>
      <c r="AM29661">
        <v>18</v>
      </c>
      <c r="AN29661">
        <v>18</v>
      </c>
      <c r="AO29661">
        <v>18</v>
      </c>
      <c r="AP29661">
        <v>18</v>
      </c>
      <c r="AQ29661">
        <v>18</v>
      </c>
    </row>
    <row r="29662" spans="1:43">
      <c r="A29662" t="s">
        <v>18377</v>
      </c>
      <c r="B29662" t="s">
        <v>18378</v>
      </c>
      <c r="C29662" t="s">
        <v>18379</v>
      </c>
      <c r="D29662" t="s">
        <v>18380</v>
      </c>
      <c r="E29662" t="s">
        <v>18345</v>
      </c>
      <c r="F29662" t="s">
        <v>18346</v>
      </c>
      <c r="G29662" t="s">
        <v>10734</v>
      </c>
      <c r="H29662" t="s">
        <v>10735</v>
      </c>
      <c r="I29662" s="2">
        <v>0</v>
      </c>
      <c r="J29662" s="2">
        <v>0</v>
      </c>
      <c r="K29662" s="2">
        <v>1</v>
      </c>
      <c r="L29662" t="s">
        <v>995</v>
      </c>
      <c r="M29662" t="s">
        <v>83</v>
      </c>
      <c r="N29662" t="s">
        <v>84</v>
      </c>
      <c r="O29662" t="s">
        <v>85</v>
      </c>
      <c r="P29662" t="s">
        <v>86</v>
      </c>
      <c r="Q29662">
        <v>18</v>
      </c>
      <c r="R29662">
        <v>18</v>
      </c>
      <c r="S29662">
        <v>18</v>
      </c>
      <c r="T29662">
        <v>19</v>
      </c>
      <c r="U29662">
        <v>19</v>
      </c>
      <c r="V29662">
        <v>19</v>
      </c>
      <c r="W29662">
        <v>19</v>
      </c>
      <c r="X29662">
        <v>20</v>
      </c>
      <c r="Y29662">
        <v>20</v>
      </c>
      <c r="Z29662">
        <v>20</v>
      </c>
      <c r="AA29662">
        <v>20</v>
      </c>
      <c r="AB29662">
        <v>20</v>
      </c>
      <c r="AC29662">
        <v>21</v>
      </c>
      <c r="AD29662">
        <v>21</v>
      </c>
      <c r="AE29662">
        <v>21</v>
      </c>
      <c r="AF29662">
        <v>21</v>
      </c>
      <c r="AG29662">
        <v>22</v>
      </c>
      <c r="AH29662">
        <v>22</v>
      </c>
      <c r="AI29662">
        <v>22</v>
      </c>
      <c r="AJ29662">
        <v>22</v>
      </c>
      <c r="AK29662">
        <v>22</v>
      </c>
      <c r="AL29662">
        <v>22</v>
      </c>
      <c r="AM29662">
        <v>22</v>
      </c>
      <c r="AN29662">
        <v>22</v>
      </c>
      <c r="AO29662">
        <v>22</v>
      </c>
      <c r="AP29662">
        <v>22</v>
      </c>
      <c r="AQ29662">
        <v>22</v>
      </c>
    </row>
    <row r="29663" spans="1:43">
      <c r="A29663" t="s">
        <v>18377</v>
      </c>
      <c r="B29663" t="s">
        <v>18378</v>
      </c>
      <c r="C29663" t="s">
        <v>18379</v>
      </c>
      <c r="D29663" t="s">
        <v>18380</v>
      </c>
      <c r="E29663" t="s">
        <v>18345</v>
      </c>
      <c r="F29663" t="s">
        <v>18346</v>
      </c>
      <c r="G29663" t="s">
        <v>10734</v>
      </c>
      <c r="H29663" t="s">
        <v>10735</v>
      </c>
      <c r="I29663" s="2">
        <v>0</v>
      </c>
      <c r="J29663" s="2">
        <v>0</v>
      </c>
      <c r="K29663" s="2">
        <v>1</v>
      </c>
      <c r="L29663" t="s">
        <v>995</v>
      </c>
      <c r="M29663" t="s">
        <v>87</v>
      </c>
      <c r="N29663" t="s">
        <v>88</v>
      </c>
      <c r="O29663" t="s">
        <v>85</v>
      </c>
      <c r="P29663" t="s">
        <v>86</v>
      </c>
      <c r="Q29663">
        <v>18</v>
      </c>
      <c r="R29663">
        <v>18</v>
      </c>
      <c r="S29663">
        <v>18</v>
      </c>
      <c r="T29663">
        <v>18</v>
      </c>
      <c r="U29663">
        <v>18</v>
      </c>
      <c r="V29663">
        <v>18</v>
      </c>
      <c r="W29663">
        <v>18</v>
      </c>
      <c r="X29663">
        <v>18</v>
      </c>
      <c r="Y29663">
        <v>18</v>
      </c>
      <c r="Z29663">
        <v>18</v>
      </c>
      <c r="AA29663">
        <v>18</v>
      </c>
      <c r="AB29663">
        <v>18</v>
      </c>
      <c r="AC29663">
        <v>19</v>
      </c>
      <c r="AD29663">
        <v>19</v>
      </c>
      <c r="AE29663">
        <v>19</v>
      </c>
      <c r="AF29663">
        <v>19</v>
      </c>
      <c r="AG29663">
        <v>19</v>
      </c>
      <c r="AH29663">
        <v>19</v>
      </c>
      <c r="AI29663">
        <v>19</v>
      </c>
      <c r="AJ29663">
        <v>19</v>
      </c>
      <c r="AK29663">
        <v>19</v>
      </c>
      <c r="AL29663">
        <v>19</v>
      </c>
      <c r="AM29663">
        <v>19</v>
      </c>
      <c r="AN29663">
        <v>19</v>
      </c>
      <c r="AO29663">
        <v>19</v>
      </c>
      <c r="AP29663">
        <v>19</v>
      </c>
      <c r="AQ29663">
        <v>19</v>
      </c>
    </row>
    <row r="29664" spans="1:43">
      <c r="A29664" t="s">
        <v>18377</v>
      </c>
      <c r="B29664" t="s">
        <v>18378</v>
      </c>
      <c r="C29664" t="s">
        <v>18379</v>
      </c>
      <c r="D29664" t="s">
        <v>18380</v>
      </c>
      <c r="E29664" t="s">
        <v>18345</v>
      </c>
      <c r="F29664" t="s">
        <v>18346</v>
      </c>
      <c r="G29664" t="s">
        <v>10734</v>
      </c>
      <c r="H29664" t="s">
        <v>10735</v>
      </c>
      <c r="I29664" s="2">
        <v>0</v>
      </c>
      <c r="J29664" s="2">
        <v>0</v>
      </c>
      <c r="K29664" s="2">
        <v>1</v>
      </c>
      <c r="L29664" t="s">
        <v>995</v>
      </c>
      <c r="M29664" t="s">
        <v>89</v>
      </c>
      <c r="N29664" t="s">
        <v>90</v>
      </c>
      <c r="O29664" t="s">
        <v>85</v>
      </c>
      <c r="P29664" t="s">
        <v>86</v>
      </c>
      <c r="Q29664">
        <v>18</v>
      </c>
      <c r="R29664">
        <v>18</v>
      </c>
      <c r="S29664">
        <v>19</v>
      </c>
      <c r="T29664">
        <v>19</v>
      </c>
      <c r="U29664">
        <v>20</v>
      </c>
      <c r="V29664">
        <v>20</v>
      </c>
      <c r="W29664">
        <v>20</v>
      </c>
      <c r="X29664">
        <v>21</v>
      </c>
      <c r="Y29664">
        <v>21</v>
      </c>
      <c r="Z29664">
        <v>21</v>
      </c>
      <c r="AA29664">
        <v>22</v>
      </c>
      <c r="AB29664">
        <v>22</v>
      </c>
      <c r="AC29664">
        <v>22</v>
      </c>
      <c r="AD29664">
        <v>22</v>
      </c>
      <c r="AE29664">
        <v>23</v>
      </c>
      <c r="AF29664">
        <v>23</v>
      </c>
      <c r="AG29664">
        <v>23</v>
      </c>
      <c r="AH29664">
        <v>23</v>
      </c>
      <c r="AI29664">
        <v>23</v>
      </c>
      <c r="AJ29664">
        <v>23</v>
      </c>
      <c r="AK29664">
        <v>23</v>
      </c>
      <c r="AL29664">
        <v>23</v>
      </c>
      <c r="AM29664">
        <v>23</v>
      </c>
      <c r="AN29664">
        <v>23</v>
      </c>
      <c r="AO29664">
        <v>23</v>
      </c>
      <c r="AP29664">
        <v>23</v>
      </c>
      <c r="AQ29664">
        <v>23</v>
      </c>
    </row>
    <row r="29665" spans="1:43">
      <c r="A29665" t="s">
        <v>18377</v>
      </c>
      <c r="B29665" t="s">
        <v>18378</v>
      </c>
      <c r="C29665" t="s">
        <v>18379</v>
      </c>
      <c r="D29665" t="s">
        <v>18380</v>
      </c>
      <c r="E29665" t="s">
        <v>18345</v>
      </c>
      <c r="F29665" t="s">
        <v>18346</v>
      </c>
      <c r="G29665" t="s">
        <v>10734</v>
      </c>
      <c r="H29665" t="s">
        <v>10735</v>
      </c>
      <c r="I29665" s="2">
        <v>0</v>
      </c>
      <c r="J29665" s="2">
        <v>0</v>
      </c>
      <c r="K29665" s="2">
        <v>1</v>
      </c>
      <c r="L29665" t="s">
        <v>995</v>
      </c>
      <c r="M29665" t="s">
        <v>83</v>
      </c>
      <c r="N29665" t="s">
        <v>91</v>
      </c>
      <c r="O29665" t="s">
        <v>85</v>
      </c>
      <c r="P29665" t="s">
        <v>86</v>
      </c>
      <c r="Q29665">
        <v>18</v>
      </c>
      <c r="R29665">
        <v>18</v>
      </c>
      <c r="S29665">
        <v>18</v>
      </c>
      <c r="T29665">
        <v>19</v>
      </c>
      <c r="U29665">
        <v>19</v>
      </c>
      <c r="V29665">
        <v>19</v>
      </c>
      <c r="W29665">
        <v>19</v>
      </c>
      <c r="X29665">
        <v>20</v>
      </c>
      <c r="Y29665">
        <v>20</v>
      </c>
      <c r="Z29665">
        <v>20</v>
      </c>
      <c r="AA29665">
        <v>20</v>
      </c>
      <c r="AB29665">
        <v>20</v>
      </c>
      <c r="AC29665">
        <v>21</v>
      </c>
      <c r="AD29665">
        <v>21</v>
      </c>
      <c r="AE29665">
        <v>21</v>
      </c>
      <c r="AF29665">
        <v>21</v>
      </c>
      <c r="AG29665">
        <v>22</v>
      </c>
      <c r="AH29665">
        <v>22</v>
      </c>
      <c r="AI29665">
        <v>22</v>
      </c>
      <c r="AJ29665">
        <v>22</v>
      </c>
      <c r="AK29665">
        <v>22</v>
      </c>
      <c r="AL29665">
        <v>22</v>
      </c>
      <c r="AM29665">
        <v>22</v>
      </c>
      <c r="AN29665">
        <v>22</v>
      </c>
      <c r="AO29665">
        <v>22</v>
      </c>
      <c r="AP29665">
        <v>22</v>
      </c>
      <c r="AQ29665">
        <v>22</v>
      </c>
    </row>
    <row r="29666" spans="1:43">
      <c r="A29666" t="s">
        <v>18381</v>
      </c>
      <c r="B29666" t="s">
        <v>18382</v>
      </c>
      <c r="C29666" t="s">
        <v>18379</v>
      </c>
      <c r="D29666" t="s">
        <v>18380</v>
      </c>
      <c r="E29666" t="s">
        <v>18345</v>
      </c>
      <c r="F29666" t="s">
        <v>18346</v>
      </c>
      <c r="G29666" t="s">
        <v>10734</v>
      </c>
      <c r="H29666" t="s">
        <v>10735</v>
      </c>
      <c r="I29666" s="2">
        <v>0</v>
      </c>
      <c r="J29666" s="2">
        <v>0</v>
      </c>
      <c r="K29666" s="2">
        <v>1</v>
      </c>
      <c r="L29666" t="s">
        <v>995</v>
      </c>
      <c r="M29666" t="s">
        <v>83</v>
      </c>
      <c r="N29666" t="s">
        <v>84</v>
      </c>
      <c r="O29666" t="s">
        <v>85</v>
      </c>
      <c r="P29666" t="s">
        <v>86</v>
      </c>
      <c r="Q29666">
        <v>22</v>
      </c>
      <c r="R29666">
        <v>22</v>
      </c>
      <c r="S29666">
        <v>22</v>
      </c>
      <c r="T29666">
        <v>23</v>
      </c>
      <c r="U29666">
        <v>23</v>
      </c>
      <c r="V29666">
        <v>23</v>
      </c>
      <c r="W29666">
        <v>24</v>
      </c>
      <c r="X29666">
        <v>24</v>
      </c>
      <c r="Y29666">
        <v>24</v>
      </c>
      <c r="Z29666">
        <v>25</v>
      </c>
      <c r="AA29666">
        <v>25</v>
      </c>
      <c r="AB29666">
        <v>25</v>
      </c>
      <c r="AC29666">
        <v>26</v>
      </c>
      <c r="AD29666">
        <v>26</v>
      </c>
      <c r="AE29666">
        <v>26</v>
      </c>
      <c r="AF29666">
        <v>27</v>
      </c>
      <c r="AG29666">
        <v>27</v>
      </c>
      <c r="AH29666">
        <v>27</v>
      </c>
      <c r="AI29666">
        <v>28</v>
      </c>
      <c r="AJ29666">
        <v>28</v>
      </c>
      <c r="AK29666">
        <v>28</v>
      </c>
      <c r="AL29666">
        <v>28</v>
      </c>
      <c r="AM29666">
        <v>29</v>
      </c>
      <c r="AN29666">
        <v>29</v>
      </c>
      <c r="AO29666">
        <v>29</v>
      </c>
      <c r="AP29666">
        <v>29</v>
      </c>
      <c r="AQ29666">
        <v>29</v>
      </c>
    </row>
    <row r="29667" spans="1:43">
      <c r="A29667" t="s">
        <v>18381</v>
      </c>
      <c r="B29667" t="s">
        <v>18382</v>
      </c>
      <c r="C29667" t="s">
        <v>18379</v>
      </c>
      <c r="D29667" t="s">
        <v>18380</v>
      </c>
      <c r="E29667" t="s">
        <v>18345</v>
      </c>
      <c r="F29667" t="s">
        <v>18346</v>
      </c>
      <c r="G29667" t="s">
        <v>10734</v>
      </c>
      <c r="H29667" t="s">
        <v>10735</v>
      </c>
      <c r="I29667" s="2">
        <v>0</v>
      </c>
      <c r="J29667" s="2">
        <v>0</v>
      </c>
      <c r="K29667" s="2">
        <v>1</v>
      </c>
      <c r="L29667" t="s">
        <v>995</v>
      </c>
      <c r="M29667" t="s">
        <v>87</v>
      </c>
      <c r="N29667" t="s">
        <v>88</v>
      </c>
      <c r="O29667" t="s">
        <v>85</v>
      </c>
      <c r="P29667" t="s">
        <v>86</v>
      </c>
      <c r="Q29667">
        <v>22</v>
      </c>
      <c r="R29667">
        <v>22</v>
      </c>
      <c r="S29667">
        <v>23</v>
      </c>
      <c r="T29667">
        <v>23</v>
      </c>
      <c r="U29667">
        <v>23</v>
      </c>
      <c r="V29667">
        <v>23</v>
      </c>
      <c r="W29667">
        <v>23</v>
      </c>
      <c r="X29667">
        <v>23</v>
      </c>
      <c r="Y29667">
        <v>23</v>
      </c>
      <c r="Z29667">
        <v>24</v>
      </c>
      <c r="AA29667">
        <v>24</v>
      </c>
      <c r="AB29667">
        <v>24</v>
      </c>
      <c r="AC29667">
        <v>24</v>
      </c>
      <c r="AD29667">
        <v>24</v>
      </c>
      <c r="AE29667">
        <v>24</v>
      </c>
      <c r="AF29667">
        <v>24</v>
      </c>
      <c r="AG29667">
        <v>25</v>
      </c>
      <c r="AH29667">
        <v>25</v>
      </c>
      <c r="AI29667">
        <v>25</v>
      </c>
      <c r="AJ29667">
        <v>25</v>
      </c>
      <c r="AK29667">
        <v>25</v>
      </c>
      <c r="AL29667">
        <v>25</v>
      </c>
      <c r="AM29667">
        <v>25</v>
      </c>
      <c r="AN29667">
        <v>26</v>
      </c>
      <c r="AO29667">
        <v>26</v>
      </c>
      <c r="AP29667">
        <v>26</v>
      </c>
      <c r="AQ29667">
        <v>26</v>
      </c>
    </row>
    <row r="29668" spans="1:43">
      <c r="A29668" t="s">
        <v>18381</v>
      </c>
      <c r="B29668" t="s">
        <v>18382</v>
      </c>
      <c r="C29668" t="s">
        <v>18379</v>
      </c>
      <c r="D29668" t="s">
        <v>18380</v>
      </c>
      <c r="E29668" t="s">
        <v>18345</v>
      </c>
      <c r="F29668" t="s">
        <v>18346</v>
      </c>
      <c r="G29668" t="s">
        <v>10734</v>
      </c>
      <c r="H29668" t="s">
        <v>10735</v>
      </c>
      <c r="I29668" s="2">
        <v>0</v>
      </c>
      <c r="J29668" s="2">
        <v>0</v>
      </c>
      <c r="K29668" s="2">
        <v>1</v>
      </c>
      <c r="L29668" t="s">
        <v>995</v>
      </c>
      <c r="M29668" t="s">
        <v>89</v>
      </c>
      <c r="N29668" t="s">
        <v>90</v>
      </c>
      <c r="O29668" t="s">
        <v>85</v>
      </c>
      <c r="P29668" t="s">
        <v>86</v>
      </c>
      <c r="Q29668">
        <v>22</v>
      </c>
      <c r="R29668">
        <v>22</v>
      </c>
      <c r="S29668">
        <v>23</v>
      </c>
      <c r="T29668">
        <v>23</v>
      </c>
      <c r="U29668">
        <v>24</v>
      </c>
      <c r="V29668">
        <v>24</v>
      </c>
      <c r="W29668">
        <v>25</v>
      </c>
      <c r="X29668">
        <v>25</v>
      </c>
      <c r="Y29668">
        <v>26</v>
      </c>
      <c r="Z29668">
        <v>26</v>
      </c>
      <c r="AA29668">
        <v>27</v>
      </c>
      <c r="AB29668">
        <v>27</v>
      </c>
      <c r="AC29668">
        <v>27</v>
      </c>
      <c r="AD29668">
        <v>28</v>
      </c>
      <c r="AE29668">
        <v>28</v>
      </c>
      <c r="AF29668">
        <v>28</v>
      </c>
      <c r="AG29668">
        <v>28</v>
      </c>
      <c r="AH29668">
        <v>28</v>
      </c>
      <c r="AI29668">
        <v>29</v>
      </c>
      <c r="AJ29668">
        <v>29</v>
      </c>
      <c r="AK29668">
        <v>29</v>
      </c>
      <c r="AL29668">
        <v>29</v>
      </c>
      <c r="AM29668">
        <v>29</v>
      </c>
      <c r="AN29668">
        <v>29</v>
      </c>
      <c r="AO29668">
        <v>29</v>
      </c>
      <c r="AP29668">
        <v>29</v>
      </c>
      <c r="AQ29668">
        <v>29</v>
      </c>
    </row>
    <row r="29669" spans="1:43">
      <c r="A29669" t="s">
        <v>18381</v>
      </c>
      <c r="B29669" t="s">
        <v>18382</v>
      </c>
      <c r="C29669" t="s">
        <v>18379</v>
      </c>
      <c r="D29669" t="s">
        <v>18380</v>
      </c>
      <c r="E29669" t="s">
        <v>18345</v>
      </c>
      <c r="F29669" t="s">
        <v>18346</v>
      </c>
      <c r="G29669" t="s">
        <v>10734</v>
      </c>
      <c r="H29669" t="s">
        <v>10735</v>
      </c>
      <c r="I29669" s="2">
        <v>0</v>
      </c>
      <c r="J29669" s="2">
        <v>0</v>
      </c>
      <c r="K29669" s="2">
        <v>1</v>
      </c>
      <c r="L29669" t="s">
        <v>995</v>
      </c>
      <c r="M29669" t="s">
        <v>83</v>
      </c>
      <c r="N29669" t="s">
        <v>91</v>
      </c>
      <c r="O29669" t="s">
        <v>85</v>
      </c>
      <c r="P29669" t="s">
        <v>86</v>
      </c>
      <c r="Q29669">
        <v>22</v>
      </c>
      <c r="R29669">
        <v>22</v>
      </c>
      <c r="S29669">
        <v>22</v>
      </c>
      <c r="T29669">
        <v>23</v>
      </c>
      <c r="U29669">
        <v>23</v>
      </c>
      <c r="V29669">
        <v>23</v>
      </c>
      <c r="W29669">
        <v>24</v>
      </c>
      <c r="X29669">
        <v>24</v>
      </c>
      <c r="Y29669">
        <v>24</v>
      </c>
      <c r="Z29669">
        <v>25</v>
      </c>
      <c r="AA29669">
        <v>25</v>
      </c>
      <c r="AB29669">
        <v>25</v>
      </c>
      <c r="AC29669">
        <v>26</v>
      </c>
      <c r="AD29669">
        <v>26</v>
      </c>
      <c r="AE29669">
        <v>26</v>
      </c>
      <c r="AF29669">
        <v>27</v>
      </c>
      <c r="AG29669">
        <v>27</v>
      </c>
      <c r="AH29669">
        <v>27</v>
      </c>
      <c r="AI29669">
        <v>28</v>
      </c>
      <c r="AJ29669">
        <v>28</v>
      </c>
      <c r="AK29669">
        <v>28</v>
      </c>
      <c r="AL29669">
        <v>28</v>
      </c>
      <c r="AM29669">
        <v>29</v>
      </c>
      <c r="AN29669">
        <v>29</v>
      </c>
      <c r="AO29669">
        <v>29</v>
      </c>
      <c r="AP29669">
        <v>29</v>
      </c>
      <c r="AQ29669">
        <v>29</v>
      </c>
    </row>
    <row r="29670" spans="1:43">
      <c r="A29670" t="s">
        <v>18383</v>
      </c>
      <c r="B29670" t="s">
        <v>18384</v>
      </c>
      <c r="C29670" t="s">
        <v>18379</v>
      </c>
      <c r="D29670" t="s">
        <v>18380</v>
      </c>
      <c r="E29670" t="s">
        <v>18345</v>
      </c>
      <c r="F29670" t="s">
        <v>18346</v>
      </c>
      <c r="G29670" t="s">
        <v>10734</v>
      </c>
      <c r="H29670" t="s">
        <v>10735</v>
      </c>
      <c r="I29670" s="2">
        <v>0</v>
      </c>
      <c r="J29670" s="2">
        <v>0</v>
      </c>
      <c r="K29670" s="2">
        <v>1</v>
      </c>
      <c r="L29670" t="s">
        <v>995</v>
      </c>
      <c r="M29670" t="s">
        <v>83</v>
      </c>
      <c r="N29670" t="s">
        <v>84</v>
      </c>
      <c r="O29670" t="s">
        <v>85</v>
      </c>
      <c r="P29670" t="s">
        <v>86</v>
      </c>
      <c r="Q29670">
        <v>60</v>
      </c>
      <c r="R29670">
        <v>61</v>
      </c>
      <c r="S29670">
        <v>62</v>
      </c>
      <c r="T29670">
        <v>63</v>
      </c>
      <c r="U29670">
        <v>64</v>
      </c>
      <c r="V29670">
        <v>65</v>
      </c>
      <c r="W29670">
        <v>66</v>
      </c>
      <c r="X29670">
        <v>67</v>
      </c>
      <c r="Y29670">
        <v>68</v>
      </c>
      <c r="Z29670">
        <v>69</v>
      </c>
      <c r="AA29670">
        <v>70</v>
      </c>
      <c r="AB29670">
        <v>71</v>
      </c>
      <c r="AC29670">
        <v>72</v>
      </c>
      <c r="AD29670">
        <v>73</v>
      </c>
      <c r="AE29670">
        <v>74</v>
      </c>
      <c r="AF29670">
        <v>75</v>
      </c>
      <c r="AG29670">
        <v>75</v>
      </c>
      <c r="AH29670">
        <v>76</v>
      </c>
      <c r="AI29670">
        <v>77</v>
      </c>
      <c r="AJ29670">
        <v>78</v>
      </c>
      <c r="AK29670">
        <v>79</v>
      </c>
      <c r="AL29670">
        <v>79</v>
      </c>
      <c r="AM29670">
        <v>80</v>
      </c>
      <c r="AN29670">
        <v>80</v>
      </c>
      <c r="AO29670">
        <v>80</v>
      </c>
      <c r="AP29670">
        <v>80</v>
      </c>
      <c r="AQ29670">
        <v>80</v>
      </c>
    </row>
    <row r="29671" spans="1:43">
      <c r="A29671" t="s">
        <v>18383</v>
      </c>
      <c r="B29671" t="s">
        <v>18384</v>
      </c>
      <c r="C29671" t="s">
        <v>18379</v>
      </c>
      <c r="D29671" t="s">
        <v>18380</v>
      </c>
      <c r="E29671" t="s">
        <v>18345</v>
      </c>
      <c r="F29671" t="s">
        <v>18346</v>
      </c>
      <c r="G29671" t="s">
        <v>10734</v>
      </c>
      <c r="H29671" t="s">
        <v>10735</v>
      </c>
      <c r="I29671" s="2">
        <v>0</v>
      </c>
      <c r="J29671" s="2">
        <v>0</v>
      </c>
      <c r="K29671" s="2">
        <v>1</v>
      </c>
      <c r="L29671" t="s">
        <v>995</v>
      </c>
      <c r="M29671" t="s">
        <v>87</v>
      </c>
      <c r="N29671" t="s">
        <v>88</v>
      </c>
      <c r="O29671" t="s">
        <v>85</v>
      </c>
      <c r="P29671" t="s">
        <v>86</v>
      </c>
      <c r="Q29671">
        <v>60</v>
      </c>
      <c r="R29671">
        <v>60</v>
      </c>
      <c r="S29671">
        <v>61</v>
      </c>
      <c r="T29671">
        <v>61</v>
      </c>
      <c r="U29671">
        <v>61</v>
      </c>
      <c r="V29671">
        <v>62</v>
      </c>
      <c r="W29671">
        <v>62</v>
      </c>
      <c r="X29671">
        <v>63</v>
      </c>
      <c r="Y29671">
        <v>63</v>
      </c>
      <c r="Z29671">
        <v>63</v>
      </c>
      <c r="AA29671">
        <v>64</v>
      </c>
      <c r="AB29671">
        <v>64</v>
      </c>
      <c r="AC29671">
        <v>65</v>
      </c>
      <c r="AD29671">
        <v>65</v>
      </c>
      <c r="AE29671">
        <v>65</v>
      </c>
      <c r="AF29671">
        <v>66</v>
      </c>
      <c r="AG29671">
        <v>66</v>
      </c>
      <c r="AH29671">
        <v>66</v>
      </c>
      <c r="AI29671">
        <v>67</v>
      </c>
      <c r="AJ29671">
        <v>67</v>
      </c>
      <c r="AK29671">
        <v>67</v>
      </c>
      <c r="AL29671">
        <v>68</v>
      </c>
      <c r="AM29671">
        <v>68</v>
      </c>
      <c r="AN29671">
        <v>69</v>
      </c>
      <c r="AO29671">
        <v>69</v>
      </c>
      <c r="AP29671">
        <v>69</v>
      </c>
      <c r="AQ29671">
        <v>70</v>
      </c>
    </row>
    <row r="29672" spans="1:43">
      <c r="A29672" t="s">
        <v>18383</v>
      </c>
      <c r="B29672" t="s">
        <v>18384</v>
      </c>
      <c r="C29672" t="s">
        <v>18379</v>
      </c>
      <c r="D29672" t="s">
        <v>18380</v>
      </c>
      <c r="E29672" t="s">
        <v>18345</v>
      </c>
      <c r="F29672" t="s">
        <v>18346</v>
      </c>
      <c r="G29672" t="s">
        <v>10734</v>
      </c>
      <c r="H29672" t="s">
        <v>10735</v>
      </c>
      <c r="I29672" s="2">
        <v>0</v>
      </c>
      <c r="J29672" s="2">
        <v>0</v>
      </c>
      <c r="K29672" s="2">
        <v>1</v>
      </c>
      <c r="L29672" t="s">
        <v>995</v>
      </c>
      <c r="M29672" t="s">
        <v>89</v>
      </c>
      <c r="N29672" t="s">
        <v>90</v>
      </c>
      <c r="O29672" t="s">
        <v>85</v>
      </c>
      <c r="P29672" t="s">
        <v>86</v>
      </c>
      <c r="Q29672">
        <v>60</v>
      </c>
      <c r="R29672">
        <v>61</v>
      </c>
      <c r="S29672">
        <v>63</v>
      </c>
      <c r="T29672">
        <v>64</v>
      </c>
      <c r="U29672">
        <v>66</v>
      </c>
      <c r="V29672">
        <v>67</v>
      </c>
      <c r="W29672">
        <v>69</v>
      </c>
      <c r="X29672">
        <v>70</v>
      </c>
      <c r="Y29672">
        <v>71</v>
      </c>
      <c r="Z29672">
        <v>72</v>
      </c>
      <c r="AA29672">
        <v>74</v>
      </c>
      <c r="AB29672">
        <v>75</v>
      </c>
      <c r="AC29672">
        <v>76</v>
      </c>
      <c r="AD29672">
        <v>77</v>
      </c>
      <c r="AE29672">
        <v>78</v>
      </c>
      <c r="AF29672">
        <v>78</v>
      </c>
      <c r="AG29672">
        <v>78</v>
      </c>
      <c r="AH29672">
        <v>78</v>
      </c>
      <c r="AI29672">
        <v>79</v>
      </c>
      <c r="AJ29672">
        <v>79</v>
      </c>
      <c r="AK29672">
        <v>79</v>
      </c>
      <c r="AL29672">
        <v>79</v>
      </c>
      <c r="AM29672">
        <v>79</v>
      </c>
      <c r="AN29672">
        <v>79</v>
      </c>
      <c r="AO29672">
        <v>79</v>
      </c>
      <c r="AP29672">
        <v>80</v>
      </c>
      <c r="AQ29672">
        <v>80</v>
      </c>
    </row>
    <row r="29673" spans="1:43">
      <c r="A29673" t="s">
        <v>18383</v>
      </c>
      <c r="B29673" t="s">
        <v>18384</v>
      </c>
      <c r="C29673" t="s">
        <v>18379</v>
      </c>
      <c r="D29673" t="s">
        <v>18380</v>
      </c>
      <c r="E29673" t="s">
        <v>18345</v>
      </c>
      <c r="F29673" t="s">
        <v>18346</v>
      </c>
      <c r="G29673" t="s">
        <v>10734</v>
      </c>
      <c r="H29673" t="s">
        <v>10735</v>
      </c>
      <c r="I29673" s="2">
        <v>0</v>
      </c>
      <c r="J29673" s="2">
        <v>0</v>
      </c>
      <c r="K29673" s="2">
        <v>1</v>
      </c>
      <c r="L29673" t="s">
        <v>995</v>
      </c>
      <c r="M29673" t="s">
        <v>83</v>
      </c>
      <c r="N29673" t="s">
        <v>91</v>
      </c>
      <c r="O29673" t="s">
        <v>85</v>
      </c>
      <c r="P29673" t="s">
        <v>86</v>
      </c>
      <c r="Q29673">
        <v>60</v>
      </c>
      <c r="R29673">
        <v>61</v>
      </c>
      <c r="S29673">
        <v>62</v>
      </c>
      <c r="T29673">
        <v>63</v>
      </c>
      <c r="U29673">
        <v>64</v>
      </c>
      <c r="V29673">
        <v>65</v>
      </c>
      <c r="W29673">
        <v>66</v>
      </c>
      <c r="X29673">
        <v>67</v>
      </c>
      <c r="Y29673">
        <v>68</v>
      </c>
      <c r="Z29673">
        <v>69</v>
      </c>
      <c r="AA29673">
        <v>70</v>
      </c>
      <c r="AB29673">
        <v>71</v>
      </c>
      <c r="AC29673">
        <v>72</v>
      </c>
      <c r="AD29673">
        <v>73</v>
      </c>
      <c r="AE29673">
        <v>74</v>
      </c>
      <c r="AF29673">
        <v>75</v>
      </c>
      <c r="AG29673">
        <v>75</v>
      </c>
      <c r="AH29673">
        <v>76</v>
      </c>
      <c r="AI29673">
        <v>77</v>
      </c>
      <c r="AJ29673">
        <v>78</v>
      </c>
      <c r="AK29673">
        <v>79</v>
      </c>
      <c r="AL29673">
        <v>79</v>
      </c>
      <c r="AM29673">
        <v>80</v>
      </c>
      <c r="AN29673">
        <v>80</v>
      </c>
      <c r="AO29673">
        <v>80</v>
      </c>
      <c r="AP29673">
        <v>80</v>
      </c>
      <c r="AQ29673">
        <v>80</v>
      </c>
    </row>
    <row r="29674" spans="1:43">
      <c r="A29674" t="s">
        <v>18385</v>
      </c>
      <c r="B29674" t="s">
        <v>18386</v>
      </c>
      <c r="C29674" t="s">
        <v>18387</v>
      </c>
      <c r="D29674" t="s">
        <v>18388</v>
      </c>
      <c r="E29674" t="s">
        <v>18345</v>
      </c>
      <c r="F29674" t="s">
        <v>18346</v>
      </c>
      <c r="G29674" t="s">
        <v>10734</v>
      </c>
      <c r="H29674" t="s">
        <v>10735</v>
      </c>
      <c r="I29674" s="2">
        <v>0</v>
      </c>
      <c r="J29674" s="2">
        <v>0</v>
      </c>
      <c r="K29674" s="2">
        <v>1</v>
      </c>
      <c r="L29674" t="s">
        <v>995</v>
      </c>
      <c r="M29674" t="s">
        <v>83</v>
      </c>
      <c r="N29674" t="s">
        <v>84</v>
      </c>
      <c r="O29674" t="s">
        <v>85</v>
      </c>
      <c r="P29674" t="s">
        <v>86</v>
      </c>
      <c r="Q29674">
        <v>32</v>
      </c>
      <c r="R29674">
        <v>32</v>
      </c>
      <c r="S29674">
        <v>33</v>
      </c>
      <c r="T29674">
        <v>33</v>
      </c>
      <c r="U29674">
        <v>34</v>
      </c>
      <c r="V29674">
        <v>34</v>
      </c>
      <c r="W29674">
        <v>35</v>
      </c>
      <c r="X29674">
        <v>35</v>
      </c>
      <c r="Y29674">
        <v>36</v>
      </c>
      <c r="Z29674">
        <v>36</v>
      </c>
      <c r="AA29674">
        <v>37</v>
      </c>
      <c r="AB29674">
        <v>37</v>
      </c>
      <c r="AC29674">
        <v>38</v>
      </c>
      <c r="AD29674">
        <v>38</v>
      </c>
      <c r="AE29674">
        <v>39</v>
      </c>
      <c r="AF29674">
        <v>39</v>
      </c>
      <c r="AG29674">
        <v>40</v>
      </c>
      <c r="AH29674">
        <v>40</v>
      </c>
      <c r="AI29674">
        <v>41</v>
      </c>
      <c r="AJ29674">
        <v>41</v>
      </c>
      <c r="AK29674">
        <v>42</v>
      </c>
      <c r="AL29674">
        <v>42</v>
      </c>
      <c r="AM29674">
        <v>42</v>
      </c>
      <c r="AN29674">
        <v>42</v>
      </c>
      <c r="AO29674">
        <v>42</v>
      </c>
      <c r="AP29674">
        <v>43</v>
      </c>
      <c r="AQ29674">
        <v>43</v>
      </c>
    </row>
    <row r="29675" spans="1:43">
      <c r="A29675" t="s">
        <v>18385</v>
      </c>
      <c r="B29675" t="s">
        <v>18386</v>
      </c>
      <c r="C29675" t="s">
        <v>18387</v>
      </c>
      <c r="D29675" t="s">
        <v>18388</v>
      </c>
      <c r="E29675" t="s">
        <v>18345</v>
      </c>
      <c r="F29675" t="s">
        <v>18346</v>
      </c>
      <c r="G29675" t="s">
        <v>10734</v>
      </c>
      <c r="H29675" t="s">
        <v>10735</v>
      </c>
      <c r="I29675" s="2">
        <v>0</v>
      </c>
      <c r="J29675" s="2">
        <v>0</v>
      </c>
      <c r="K29675" s="2">
        <v>1</v>
      </c>
      <c r="L29675" t="s">
        <v>995</v>
      </c>
      <c r="M29675" t="s">
        <v>87</v>
      </c>
      <c r="N29675" t="s">
        <v>88</v>
      </c>
      <c r="O29675" t="s">
        <v>85</v>
      </c>
      <c r="P29675" t="s">
        <v>86</v>
      </c>
      <c r="Q29675">
        <v>32</v>
      </c>
      <c r="R29675">
        <v>33</v>
      </c>
      <c r="S29675">
        <v>33</v>
      </c>
      <c r="T29675">
        <v>33</v>
      </c>
      <c r="U29675">
        <v>33</v>
      </c>
      <c r="V29675">
        <v>34</v>
      </c>
      <c r="W29675">
        <v>34</v>
      </c>
      <c r="X29675">
        <v>34</v>
      </c>
      <c r="Y29675">
        <v>34</v>
      </c>
      <c r="Z29675">
        <v>34</v>
      </c>
      <c r="AA29675">
        <v>35</v>
      </c>
      <c r="AB29675">
        <v>35</v>
      </c>
      <c r="AC29675">
        <v>35</v>
      </c>
      <c r="AD29675">
        <v>35</v>
      </c>
      <c r="AE29675">
        <v>36</v>
      </c>
      <c r="AF29675">
        <v>36</v>
      </c>
      <c r="AG29675">
        <v>36</v>
      </c>
      <c r="AH29675">
        <v>36</v>
      </c>
      <c r="AI29675">
        <v>36</v>
      </c>
      <c r="AJ29675">
        <v>37</v>
      </c>
      <c r="AK29675">
        <v>37</v>
      </c>
      <c r="AL29675">
        <v>37</v>
      </c>
      <c r="AM29675">
        <v>37</v>
      </c>
      <c r="AN29675">
        <v>37</v>
      </c>
      <c r="AO29675">
        <v>38</v>
      </c>
      <c r="AP29675">
        <v>38</v>
      </c>
      <c r="AQ29675">
        <v>38</v>
      </c>
    </row>
    <row r="29676" spans="1:43">
      <c r="A29676" t="s">
        <v>18385</v>
      </c>
      <c r="B29676" t="s">
        <v>18386</v>
      </c>
      <c r="C29676" t="s">
        <v>18387</v>
      </c>
      <c r="D29676" t="s">
        <v>18388</v>
      </c>
      <c r="E29676" t="s">
        <v>18345</v>
      </c>
      <c r="F29676" t="s">
        <v>18346</v>
      </c>
      <c r="G29676" t="s">
        <v>10734</v>
      </c>
      <c r="H29676" t="s">
        <v>10735</v>
      </c>
      <c r="I29676" s="2">
        <v>0</v>
      </c>
      <c r="J29676" s="2">
        <v>0</v>
      </c>
      <c r="K29676" s="2">
        <v>1</v>
      </c>
      <c r="L29676" t="s">
        <v>995</v>
      </c>
      <c r="M29676" t="s">
        <v>89</v>
      </c>
      <c r="N29676" t="s">
        <v>90</v>
      </c>
      <c r="O29676" t="s">
        <v>85</v>
      </c>
      <c r="P29676" t="s">
        <v>86</v>
      </c>
      <c r="Q29676">
        <v>32</v>
      </c>
      <c r="R29676">
        <v>33</v>
      </c>
      <c r="S29676">
        <v>34</v>
      </c>
      <c r="T29676">
        <v>34</v>
      </c>
      <c r="U29676">
        <v>35</v>
      </c>
      <c r="V29676">
        <v>36</v>
      </c>
      <c r="W29676">
        <v>37</v>
      </c>
      <c r="X29676">
        <v>37</v>
      </c>
      <c r="Y29676">
        <v>38</v>
      </c>
      <c r="Z29676">
        <v>39</v>
      </c>
      <c r="AA29676">
        <v>39</v>
      </c>
      <c r="AB29676">
        <v>40</v>
      </c>
      <c r="AC29676">
        <v>41</v>
      </c>
      <c r="AD29676">
        <v>41</v>
      </c>
      <c r="AE29676">
        <v>42</v>
      </c>
      <c r="AF29676">
        <v>42</v>
      </c>
      <c r="AG29676">
        <v>42</v>
      </c>
      <c r="AH29676">
        <v>42</v>
      </c>
      <c r="AI29676">
        <v>42</v>
      </c>
      <c r="AJ29676">
        <v>42</v>
      </c>
      <c r="AK29676">
        <v>42</v>
      </c>
      <c r="AL29676">
        <v>43</v>
      </c>
      <c r="AM29676">
        <v>43</v>
      </c>
      <c r="AN29676">
        <v>43</v>
      </c>
      <c r="AO29676">
        <v>43</v>
      </c>
      <c r="AP29676">
        <v>43</v>
      </c>
      <c r="AQ29676">
        <v>43</v>
      </c>
    </row>
    <row r="29677" spans="1:43">
      <c r="A29677" t="s">
        <v>18385</v>
      </c>
      <c r="B29677" t="s">
        <v>18386</v>
      </c>
      <c r="C29677" t="s">
        <v>18387</v>
      </c>
      <c r="D29677" t="s">
        <v>18388</v>
      </c>
      <c r="E29677" t="s">
        <v>18345</v>
      </c>
      <c r="F29677" t="s">
        <v>18346</v>
      </c>
      <c r="G29677" t="s">
        <v>10734</v>
      </c>
      <c r="H29677" t="s">
        <v>10735</v>
      </c>
      <c r="I29677" s="2">
        <v>0</v>
      </c>
      <c r="J29677" s="2">
        <v>0</v>
      </c>
      <c r="K29677" s="2">
        <v>1</v>
      </c>
      <c r="L29677" t="s">
        <v>995</v>
      </c>
      <c r="M29677" t="s">
        <v>83</v>
      </c>
      <c r="N29677" t="s">
        <v>91</v>
      </c>
      <c r="O29677" t="s">
        <v>85</v>
      </c>
      <c r="P29677" t="s">
        <v>86</v>
      </c>
      <c r="Q29677">
        <v>32</v>
      </c>
      <c r="R29677">
        <v>32</v>
      </c>
      <c r="S29677">
        <v>33</v>
      </c>
      <c r="T29677">
        <v>33</v>
      </c>
      <c r="U29677">
        <v>34</v>
      </c>
      <c r="V29677">
        <v>34</v>
      </c>
      <c r="W29677">
        <v>35</v>
      </c>
      <c r="X29677">
        <v>35</v>
      </c>
      <c r="Y29677">
        <v>36</v>
      </c>
      <c r="Z29677">
        <v>36</v>
      </c>
      <c r="AA29677">
        <v>37</v>
      </c>
      <c r="AB29677">
        <v>37</v>
      </c>
      <c r="AC29677">
        <v>38</v>
      </c>
      <c r="AD29677">
        <v>38</v>
      </c>
      <c r="AE29677">
        <v>39</v>
      </c>
      <c r="AF29677">
        <v>39</v>
      </c>
      <c r="AG29677">
        <v>40</v>
      </c>
      <c r="AH29677">
        <v>40</v>
      </c>
      <c r="AI29677">
        <v>41</v>
      </c>
      <c r="AJ29677">
        <v>41</v>
      </c>
      <c r="AK29677">
        <v>42</v>
      </c>
      <c r="AL29677">
        <v>42</v>
      </c>
      <c r="AM29677">
        <v>42</v>
      </c>
      <c r="AN29677">
        <v>42</v>
      </c>
      <c r="AO29677">
        <v>42</v>
      </c>
      <c r="AP29677">
        <v>43</v>
      </c>
      <c r="AQ29677">
        <v>43</v>
      </c>
    </row>
    <row r="29678" spans="1:43">
      <c r="A29678" t="s">
        <v>18389</v>
      </c>
      <c r="B29678" t="s">
        <v>18390</v>
      </c>
      <c r="C29678" t="s">
        <v>18391</v>
      </c>
      <c r="D29678" t="s">
        <v>18392</v>
      </c>
      <c r="E29678" t="s">
        <v>18345</v>
      </c>
      <c r="F29678" t="s">
        <v>18346</v>
      </c>
      <c r="G29678" t="s">
        <v>10734</v>
      </c>
      <c r="H29678" t="s">
        <v>10735</v>
      </c>
      <c r="I29678" s="2">
        <v>0</v>
      </c>
      <c r="J29678" s="2">
        <v>0</v>
      </c>
      <c r="K29678" s="2">
        <v>1</v>
      </c>
      <c r="L29678" t="s">
        <v>995</v>
      </c>
      <c r="M29678" t="s">
        <v>83</v>
      </c>
      <c r="N29678" t="s">
        <v>84</v>
      </c>
      <c r="O29678" t="s">
        <v>85</v>
      </c>
      <c r="P29678" t="s">
        <v>86</v>
      </c>
      <c r="Q29678">
        <v>21</v>
      </c>
      <c r="R29678">
        <v>21</v>
      </c>
      <c r="S29678">
        <v>21</v>
      </c>
      <c r="T29678">
        <v>22</v>
      </c>
      <c r="U29678">
        <v>22</v>
      </c>
      <c r="V29678">
        <v>22</v>
      </c>
      <c r="W29678">
        <v>23</v>
      </c>
      <c r="X29678">
        <v>23</v>
      </c>
      <c r="Y29678">
        <v>23</v>
      </c>
      <c r="Z29678">
        <v>24</v>
      </c>
      <c r="AA29678">
        <v>24</v>
      </c>
      <c r="AB29678">
        <v>24</v>
      </c>
      <c r="AC29678">
        <v>25</v>
      </c>
      <c r="AD29678">
        <v>25</v>
      </c>
      <c r="AE29678">
        <v>25</v>
      </c>
      <c r="AF29678">
        <v>26</v>
      </c>
      <c r="AG29678">
        <v>26</v>
      </c>
      <c r="AH29678">
        <v>26</v>
      </c>
      <c r="AI29678">
        <v>27</v>
      </c>
      <c r="AJ29678">
        <v>27</v>
      </c>
      <c r="AK29678">
        <v>27</v>
      </c>
      <c r="AL29678">
        <v>27</v>
      </c>
      <c r="AM29678">
        <v>27</v>
      </c>
      <c r="AN29678">
        <v>27</v>
      </c>
      <c r="AO29678">
        <v>27</v>
      </c>
      <c r="AP29678">
        <v>28</v>
      </c>
      <c r="AQ29678">
        <v>28</v>
      </c>
    </row>
    <row r="29679" spans="1:43">
      <c r="A29679" t="s">
        <v>18389</v>
      </c>
      <c r="B29679" t="s">
        <v>18390</v>
      </c>
      <c r="C29679" t="s">
        <v>18391</v>
      </c>
      <c r="D29679" t="s">
        <v>18392</v>
      </c>
      <c r="E29679" t="s">
        <v>18345</v>
      </c>
      <c r="F29679" t="s">
        <v>18346</v>
      </c>
      <c r="G29679" t="s">
        <v>10734</v>
      </c>
      <c r="H29679" t="s">
        <v>10735</v>
      </c>
      <c r="I29679" s="2">
        <v>0</v>
      </c>
      <c r="J29679" s="2">
        <v>0</v>
      </c>
      <c r="K29679" s="2">
        <v>1</v>
      </c>
      <c r="L29679" t="s">
        <v>995</v>
      </c>
      <c r="M29679" t="s">
        <v>87</v>
      </c>
      <c r="N29679" t="s">
        <v>88</v>
      </c>
      <c r="O29679" t="s">
        <v>85</v>
      </c>
      <c r="P29679" t="s">
        <v>86</v>
      </c>
      <c r="Q29679">
        <v>21</v>
      </c>
      <c r="R29679">
        <v>21</v>
      </c>
      <c r="S29679">
        <v>21</v>
      </c>
      <c r="T29679">
        <v>21</v>
      </c>
      <c r="U29679">
        <v>21</v>
      </c>
      <c r="V29679">
        <v>21</v>
      </c>
      <c r="W29679">
        <v>21</v>
      </c>
      <c r="X29679">
        <v>22</v>
      </c>
      <c r="Y29679">
        <v>22</v>
      </c>
      <c r="Z29679">
        <v>22</v>
      </c>
      <c r="AA29679">
        <v>22</v>
      </c>
      <c r="AB29679">
        <v>22</v>
      </c>
      <c r="AC29679">
        <v>22</v>
      </c>
      <c r="AD29679">
        <v>22</v>
      </c>
      <c r="AE29679">
        <v>22</v>
      </c>
      <c r="AF29679">
        <v>23</v>
      </c>
      <c r="AG29679">
        <v>23</v>
      </c>
      <c r="AH29679">
        <v>23</v>
      </c>
      <c r="AI29679">
        <v>23</v>
      </c>
      <c r="AJ29679">
        <v>23</v>
      </c>
      <c r="AK29679">
        <v>23</v>
      </c>
      <c r="AL29679">
        <v>23</v>
      </c>
      <c r="AM29679">
        <v>23</v>
      </c>
      <c r="AN29679">
        <v>24</v>
      </c>
      <c r="AO29679">
        <v>24</v>
      </c>
      <c r="AP29679">
        <v>24</v>
      </c>
      <c r="AQ29679">
        <v>24</v>
      </c>
    </row>
    <row r="29680" spans="1:43">
      <c r="A29680" t="s">
        <v>18389</v>
      </c>
      <c r="B29680" t="s">
        <v>18390</v>
      </c>
      <c r="C29680" t="s">
        <v>18391</v>
      </c>
      <c r="D29680" t="s">
        <v>18392</v>
      </c>
      <c r="E29680" t="s">
        <v>18345</v>
      </c>
      <c r="F29680" t="s">
        <v>18346</v>
      </c>
      <c r="G29680" t="s">
        <v>10734</v>
      </c>
      <c r="H29680" t="s">
        <v>10735</v>
      </c>
      <c r="I29680" s="2">
        <v>0</v>
      </c>
      <c r="J29680" s="2">
        <v>0</v>
      </c>
      <c r="K29680" s="2">
        <v>1</v>
      </c>
      <c r="L29680" t="s">
        <v>995</v>
      </c>
      <c r="M29680" t="s">
        <v>89</v>
      </c>
      <c r="N29680" t="s">
        <v>90</v>
      </c>
      <c r="O29680" t="s">
        <v>85</v>
      </c>
      <c r="P29680" t="s">
        <v>86</v>
      </c>
      <c r="Q29680">
        <v>21</v>
      </c>
      <c r="R29680">
        <v>22</v>
      </c>
      <c r="S29680">
        <v>22</v>
      </c>
      <c r="T29680">
        <v>23</v>
      </c>
      <c r="U29680">
        <v>23</v>
      </c>
      <c r="V29680">
        <v>23</v>
      </c>
      <c r="W29680">
        <v>24</v>
      </c>
      <c r="X29680">
        <v>24</v>
      </c>
      <c r="Y29680">
        <v>25</v>
      </c>
      <c r="Z29680">
        <v>25</v>
      </c>
      <c r="AA29680">
        <v>26</v>
      </c>
      <c r="AB29680">
        <v>26</v>
      </c>
      <c r="AC29680">
        <v>27</v>
      </c>
      <c r="AD29680">
        <v>27</v>
      </c>
      <c r="AE29680">
        <v>27</v>
      </c>
      <c r="AF29680">
        <v>27</v>
      </c>
      <c r="AG29680">
        <v>27</v>
      </c>
      <c r="AH29680">
        <v>27</v>
      </c>
      <c r="AI29680">
        <v>27</v>
      </c>
      <c r="AJ29680">
        <v>27</v>
      </c>
      <c r="AK29680">
        <v>27</v>
      </c>
      <c r="AL29680">
        <v>28</v>
      </c>
      <c r="AM29680">
        <v>28</v>
      </c>
      <c r="AN29680">
        <v>28</v>
      </c>
      <c r="AO29680">
        <v>28</v>
      </c>
      <c r="AP29680">
        <v>28</v>
      </c>
      <c r="AQ29680">
        <v>28</v>
      </c>
    </row>
    <row r="29681" spans="1:43">
      <c r="A29681" t="s">
        <v>18389</v>
      </c>
      <c r="B29681" t="s">
        <v>18390</v>
      </c>
      <c r="C29681" t="s">
        <v>18391</v>
      </c>
      <c r="D29681" t="s">
        <v>18392</v>
      </c>
      <c r="E29681" t="s">
        <v>18345</v>
      </c>
      <c r="F29681" t="s">
        <v>18346</v>
      </c>
      <c r="G29681" t="s">
        <v>10734</v>
      </c>
      <c r="H29681" t="s">
        <v>10735</v>
      </c>
      <c r="I29681" s="2">
        <v>0</v>
      </c>
      <c r="J29681" s="2">
        <v>0</v>
      </c>
      <c r="K29681" s="2">
        <v>1</v>
      </c>
      <c r="L29681" t="s">
        <v>995</v>
      </c>
      <c r="M29681" t="s">
        <v>83</v>
      </c>
      <c r="N29681" t="s">
        <v>91</v>
      </c>
      <c r="O29681" t="s">
        <v>85</v>
      </c>
      <c r="P29681" t="s">
        <v>86</v>
      </c>
      <c r="Q29681">
        <v>21</v>
      </c>
      <c r="R29681">
        <v>21</v>
      </c>
      <c r="S29681">
        <v>21</v>
      </c>
      <c r="T29681">
        <v>22</v>
      </c>
      <c r="U29681">
        <v>22</v>
      </c>
      <c r="V29681">
        <v>22</v>
      </c>
      <c r="W29681">
        <v>23</v>
      </c>
      <c r="X29681">
        <v>23</v>
      </c>
      <c r="Y29681">
        <v>23</v>
      </c>
      <c r="Z29681">
        <v>24</v>
      </c>
      <c r="AA29681">
        <v>24</v>
      </c>
      <c r="AB29681">
        <v>24</v>
      </c>
      <c r="AC29681">
        <v>25</v>
      </c>
      <c r="AD29681">
        <v>25</v>
      </c>
      <c r="AE29681">
        <v>25</v>
      </c>
      <c r="AF29681">
        <v>26</v>
      </c>
      <c r="AG29681">
        <v>26</v>
      </c>
      <c r="AH29681">
        <v>26</v>
      </c>
      <c r="AI29681">
        <v>27</v>
      </c>
      <c r="AJ29681">
        <v>27</v>
      </c>
      <c r="AK29681">
        <v>27</v>
      </c>
      <c r="AL29681">
        <v>27</v>
      </c>
      <c r="AM29681">
        <v>27</v>
      </c>
      <c r="AN29681">
        <v>27</v>
      </c>
      <c r="AO29681">
        <v>27</v>
      </c>
      <c r="AP29681">
        <v>28</v>
      </c>
      <c r="AQ29681">
        <v>28</v>
      </c>
    </row>
    <row r="29682" spans="1:43">
      <c r="A29682" t="s">
        <v>18393</v>
      </c>
      <c r="B29682" t="s">
        <v>18394</v>
      </c>
      <c r="C29682" t="s">
        <v>18375</v>
      </c>
      <c r="D29682" t="s">
        <v>18376</v>
      </c>
      <c r="E29682" t="s">
        <v>18345</v>
      </c>
      <c r="F29682" t="s">
        <v>18346</v>
      </c>
      <c r="G29682" t="s">
        <v>10734</v>
      </c>
      <c r="H29682" t="s">
        <v>10735</v>
      </c>
      <c r="I29682" s="2">
        <v>0</v>
      </c>
      <c r="J29682" s="2">
        <v>0</v>
      </c>
      <c r="K29682" s="2">
        <v>1</v>
      </c>
      <c r="L29682" t="s">
        <v>995</v>
      </c>
      <c r="M29682" t="s">
        <v>83</v>
      </c>
      <c r="N29682" t="s">
        <v>84</v>
      </c>
      <c r="O29682" t="s">
        <v>85</v>
      </c>
      <c r="P29682" t="s">
        <v>86</v>
      </c>
      <c r="Q29682">
        <v>15</v>
      </c>
      <c r="R29682">
        <v>15</v>
      </c>
      <c r="S29682">
        <v>15</v>
      </c>
      <c r="T29682">
        <v>15</v>
      </c>
      <c r="U29682">
        <v>15</v>
      </c>
      <c r="V29682">
        <v>16</v>
      </c>
      <c r="W29682">
        <v>16</v>
      </c>
      <c r="X29682">
        <v>16</v>
      </c>
      <c r="Y29682">
        <v>16</v>
      </c>
      <c r="Z29682">
        <v>17</v>
      </c>
      <c r="AA29682">
        <v>17</v>
      </c>
      <c r="AB29682">
        <v>17</v>
      </c>
      <c r="AC29682">
        <v>17</v>
      </c>
      <c r="AD29682">
        <v>18</v>
      </c>
      <c r="AE29682">
        <v>18</v>
      </c>
      <c r="AF29682">
        <v>18</v>
      </c>
      <c r="AG29682">
        <v>18</v>
      </c>
      <c r="AH29682">
        <v>18</v>
      </c>
      <c r="AI29682">
        <v>19</v>
      </c>
      <c r="AJ29682">
        <v>19</v>
      </c>
      <c r="AK29682">
        <v>19</v>
      </c>
      <c r="AL29682">
        <v>19</v>
      </c>
      <c r="AM29682">
        <v>19</v>
      </c>
      <c r="AN29682">
        <v>19</v>
      </c>
      <c r="AO29682">
        <v>19</v>
      </c>
      <c r="AP29682">
        <v>19</v>
      </c>
      <c r="AQ29682">
        <v>19</v>
      </c>
    </row>
    <row r="29683" spans="1:43">
      <c r="A29683" t="s">
        <v>18393</v>
      </c>
      <c r="B29683" t="s">
        <v>18394</v>
      </c>
      <c r="C29683" t="s">
        <v>18375</v>
      </c>
      <c r="D29683" t="s">
        <v>18376</v>
      </c>
      <c r="E29683" t="s">
        <v>18345</v>
      </c>
      <c r="F29683" t="s">
        <v>18346</v>
      </c>
      <c r="G29683" t="s">
        <v>10734</v>
      </c>
      <c r="H29683" t="s">
        <v>10735</v>
      </c>
      <c r="I29683" s="2">
        <v>0</v>
      </c>
      <c r="J29683" s="2">
        <v>0</v>
      </c>
      <c r="K29683" s="2">
        <v>1</v>
      </c>
      <c r="L29683" t="s">
        <v>995</v>
      </c>
      <c r="M29683" t="s">
        <v>87</v>
      </c>
      <c r="N29683" t="s">
        <v>88</v>
      </c>
      <c r="O29683" t="s">
        <v>85</v>
      </c>
      <c r="P29683" t="s">
        <v>86</v>
      </c>
      <c r="Q29683">
        <v>15</v>
      </c>
      <c r="R29683">
        <v>15</v>
      </c>
      <c r="S29683">
        <v>16</v>
      </c>
      <c r="T29683">
        <v>16</v>
      </c>
      <c r="U29683">
        <v>16</v>
      </c>
      <c r="V29683">
        <v>16</v>
      </c>
      <c r="W29683">
        <v>16</v>
      </c>
      <c r="X29683">
        <v>16</v>
      </c>
      <c r="Y29683">
        <v>16</v>
      </c>
      <c r="Z29683">
        <v>16</v>
      </c>
      <c r="AA29683">
        <v>16</v>
      </c>
      <c r="AB29683">
        <v>16</v>
      </c>
      <c r="AC29683">
        <v>17</v>
      </c>
      <c r="AD29683">
        <v>17</v>
      </c>
      <c r="AE29683">
        <v>17</v>
      </c>
      <c r="AF29683">
        <v>17</v>
      </c>
      <c r="AG29683">
        <v>17</v>
      </c>
      <c r="AH29683">
        <v>17</v>
      </c>
      <c r="AI29683">
        <v>17</v>
      </c>
      <c r="AJ29683">
        <v>17</v>
      </c>
      <c r="AK29683">
        <v>17</v>
      </c>
      <c r="AL29683">
        <v>17</v>
      </c>
      <c r="AM29683">
        <v>17</v>
      </c>
      <c r="AN29683">
        <v>17</v>
      </c>
      <c r="AO29683">
        <v>18</v>
      </c>
      <c r="AP29683">
        <v>18</v>
      </c>
      <c r="AQ29683">
        <v>18</v>
      </c>
    </row>
    <row r="29684" spans="1:43">
      <c r="A29684" t="s">
        <v>18393</v>
      </c>
      <c r="B29684" t="s">
        <v>18394</v>
      </c>
      <c r="C29684" t="s">
        <v>18375</v>
      </c>
      <c r="D29684" t="s">
        <v>18376</v>
      </c>
      <c r="E29684" t="s">
        <v>18345</v>
      </c>
      <c r="F29684" t="s">
        <v>18346</v>
      </c>
      <c r="G29684" t="s">
        <v>10734</v>
      </c>
      <c r="H29684" t="s">
        <v>10735</v>
      </c>
      <c r="I29684" s="2">
        <v>0</v>
      </c>
      <c r="J29684" s="2">
        <v>0</v>
      </c>
      <c r="K29684" s="2">
        <v>1</v>
      </c>
      <c r="L29684" t="s">
        <v>995</v>
      </c>
      <c r="M29684" t="s">
        <v>89</v>
      </c>
      <c r="N29684" t="s">
        <v>90</v>
      </c>
      <c r="O29684" t="s">
        <v>85</v>
      </c>
      <c r="P29684" t="s">
        <v>86</v>
      </c>
      <c r="Q29684">
        <v>15</v>
      </c>
      <c r="R29684">
        <v>15</v>
      </c>
      <c r="S29684">
        <v>15</v>
      </c>
      <c r="T29684">
        <v>16</v>
      </c>
      <c r="U29684">
        <v>16</v>
      </c>
      <c r="V29684">
        <v>16</v>
      </c>
      <c r="W29684">
        <v>17</v>
      </c>
      <c r="X29684">
        <v>17</v>
      </c>
      <c r="Y29684">
        <v>17</v>
      </c>
      <c r="Z29684">
        <v>18</v>
      </c>
      <c r="AA29684">
        <v>18</v>
      </c>
      <c r="AB29684">
        <v>18</v>
      </c>
      <c r="AC29684">
        <v>19</v>
      </c>
      <c r="AD29684">
        <v>19</v>
      </c>
      <c r="AE29684">
        <v>19</v>
      </c>
      <c r="AF29684">
        <v>19</v>
      </c>
      <c r="AG29684">
        <v>19</v>
      </c>
      <c r="AH29684">
        <v>19</v>
      </c>
      <c r="AI29684">
        <v>19</v>
      </c>
      <c r="AJ29684">
        <v>19</v>
      </c>
      <c r="AK29684">
        <v>19</v>
      </c>
      <c r="AL29684">
        <v>19</v>
      </c>
      <c r="AM29684">
        <v>19</v>
      </c>
      <c r="AN29684">
        <v>19</v>
      </c>
      <c r="AO29684">
        <v>19</v>
      </c>
      <c r="AP29684">
        <v>19</v>
      </c>
      <c r="AQ29684">
        <v>19</v>
      </c>
    </row>
    <row r="29685" spans="1:43">
      <c r="A29685" t="s">
        <v>18393</v>
      </c>
      <c r="B29685" t="s">
        <v>18394</v>
      </c>
      <c r="C29685" t="s">
        <v>18375</v>
      </c>
      <c r="D29685" t="s">
        <v>18376</v>
      </c>
      <c r="E29685" t="s">
        <v>18345</v>
      </c>
      <c r="F29685" t="s">
        <v>18346</v>
      </c>
      <c r="G29685" t="s">
        <v>10734</v>
      </c>
      <c r="H29685" t="s">
        <v>10735</v>
      </c>
      <c r="I29685" s="2">
        <v>0</v>
      </c>
      <c r="J29685" s="2">
        <v>0</v>
      </c>
      <c r="K29685" s="2">
        <v>1</v>
      </c>
      <c r="L29685" t="s">
        <v>995</v>
      </c>
      <c r="M29685" t="s">
        <v>83</v>
      </c>
      <c r="N29685" t="s">
        <v>91</v>
      </c>
      <c r="O29685" t="s">
        <v>85</v>
      </c>
      <c r="P29685" t="s">
        <v>86</v>
      </c>
      <c r="Q29685">
        <v>15</v>
      </c>
      <c r="R29685">
        <v>15</v>
      </c>
      <c r="S29685">
        <v>15</v>
      </c>
      <c r="T29685">
        <v>15</v>
      </c>
      <c r="U29685">
        <v>15</v>
      </c>
      <c r="V29685">
        <v>16</v>
      </c>
      <c r="W29685">
        <v>16</v>
      </c>
      <c r="X29685">
        <v>16</v>
      </c>
      <c r="Y29685">
        <v>16</v>
      </c>
      <c r="Z29685">
        <v>17</v>
      </c>
      <c r="AA29685">
        <v>17</v>
      </c>
      <c r="AB29685">
        <v>17</v>
      </c>
      <c r="AC29685">
        <v>17</v>
      </c>
      <c r="AD29685">
        <v>18</v>
      </c>
      <c r="AE29685">
        <v>18</v>
      </c>
      <c r="AF29685">
        <v>18</v>
      </c>
      <c r="AG29685">
        <v>18</v>
      </c>
      <c r="AH29685">
        <v>18</v>
      </c>
      <c r="AI29685">
        <v>19</v>
      </c>
      <c r="AJ29685">
        <v>19</v>
      </c>
      <c r="AK29685">
        <v>19</v>
      </c>
      <c r="AL29685">
        <v>19</v>
      </c>
      <c r="AM29685">
        <v>19</v>
      </c>
      <c r="AN29685">
        <v>19</v>
      </c>
      <c r="AO29685">
        <v>19</v>
      </c>
      <c r="AP29685">
        <v>19</v>
      </c>
      <c r="AQ29685">
        <v>19</v>
      </c>
    </row>
    <row r="29686" spans="1:43">
      <c r="A29686" t="s">
        <v>18395</v>
      </c>
      <c r="B29686" t="s">
        <v>18396</v>
      </c>
      <c r="C29686" t="s">
        <v>18397</v>
      </c>
      <c r="D29686" t="s">
        <v>18398</v>
      </c>
      <c r="E29686" t="s">
        <v>18345</v>
      </c>
      <c r="F29686" t="s">
        <v>18346</v>
      </c>
      <c r="G29686" t="s">
        <v>10734</v>
      </c>
      <c r="H29686" t="s">
        <v>10735</v>
      </c>
      <c r="I29686" s="2">
        <v>0</v>
      </c>
      <c r="J29686" s="2">
        <v>0</v>
      </c>
      <c r="K29686" s="2">
        <v>1</v>
      </c>
      <c r="L29686" t="s">
        <v>995</v>
      </c>
      <c r="M29686" t="s">
        <v>83</v>
      </c>
      <c r="N29686" t="s">
        <v>84</v>
      </c>
      <c r="O29686" t="s">
        <v>85</v>
      </c>
      <c r="P29686" t="s">
        <v>86</v>
      </c>
      <c r="Q29686">
        <v>76</v>
      </c>
      <c r="R29686">
        <v>77</v>
      </c>
      <c r="S29686">
        <v>78</v>
      </c>
      <c r="T29686">
        <v>79</v>
      </c>
      <c r="U29686">
        <v>80</v>
      </c>
      <c r="V29686">
        <v>82</v>
      </c>
      <c r="W29686">
        <v>83</v>
      </c>
      <c r="X29686">
        <v>84</v>
      </c>
      <c r="Y29686">
        <v>85</v>
      </c>
      <c r="Z29686">
        <v>86</v>
      </c>
      <c r="AA29686">
        <v>88</v>
      </c>
      <c r="AB29686">
        <v>89</v>
      </c>
      <c r="AC29686">
        <v>90</v>
      </c>
      <c r="AD29686">
        <v>91</v>
      </c>
      <c r="AE29686">
        <v>92</v>
      </c>
      <c r="AF29686">
        <v>93</v>
      </c>
      <c r="AG29686">
        <v>94</v>
      </c>
      <c r="AH29686">
        <v>95</v>
      </c>
      <c r="AI29686">
        <v>97</v>
      </c>
      <c r="AJ29686">
        <v>98</v>
      </c>
      <c r="AK29686">
        <v>99</v>
      </c>
      <c r="AL29686">
        <v>99</v>
      </c>
      <c r="AM29686">
        <v>99</v>
      </c>
      <c r="AN29686">
        <v>100</v>
      </c>
      <c r="AO29686">
        <v>100</v>
      </c>
      <c r="AP29686">
        <v>100</v>
      </c>
      <c r="AQ29686">
        <v>100</v>
      </c>
    </row>
    <row r="29687" spans="1:43">
      <c r="A29687" t="s">
        <v>18395</v>
      </c>
      <c r="B29687" t="s">
        <v>18396</v>
      </c>
      <c r="C29687" t="s">
        <v>18397</v>
      </c>
      <c r="D29687" t="s">
        <v>18398</v>
      </c>
      <c r="E29687" t="s">
        <v>18345</v>
      </c>
      <c r="F29687" t="s">
        <v>18346</v>
      </c>
      <c r="G29687" t="s">
        <v>10734</v>
      </c>
      <c r="H29687" t="s">
        <v>10735</v>
      </c>
      <c r="I29687" s="2">
        <v>0</v>
      </c>
      <c r="J29687" s="2">
        <v>0</v>
      </c>
      <c r="K29687" s="2">
        <v>1</v>
      </c>
      <c r="L29687" t="s">
        <v>995</v>
      </c>
      <c r="M29687" t="s">
        <v>87</v>
      </c>
      <c r="N29687" t="s">
        <v>88</v>
      </c>
      <c r="O29687" t="s">
        <v>85</v>
      </c>
      <c r="P29687" t="s">
        <v>86</v>
      </c>
      <c r="Q29687">
        <v>76</v>
      </c>
      <c r="R29687">
        <v>76</v>
      </c>
      <c r="S29687">
        <v>77</v>
      </c>
      <c r="T29687">
        <v>77</v>
      </c>
      <c r="U29687">
        <v>78</v>
      </c>
      <c r="V29687">
        <v>78</v>
      </c>
      <c r="W29687">
        <v>79</v>
      </c>
      <c r="X29687">
        <v>79</v>
      </c>
      <c r="Y29687">
        <v>80</v>
      </c>
      <c r="Z29687">
        <v>80</v>
      </c>
      <c r="AA29687">
        <v>81</v>
      </c>
      <c r="AB29687">
        <v>81</v>
      </c>
      <c r="AC29687">
        <v>82</v>
      </c>
      <c r="AD29687">
        <v>82</v>
      </c>
      <c r="AE29687">
        <v>83</v>
      </c>
      <c r="AF29687">
        <v>83</v>
      </c>
      <c r="AG29687">
        <v>84</v>
      </c>
      <c r="AH29687">
        <v>84</v>
      </c>
      <c r="AI29687">
        <v>84</v>
      </c>
      <c r="AJ29687">
        <v>85</v>
      </c>
      <c r="AK29687">
        <v>85</v>
      </c>
      <c r="AL29687">
        <v>86</v>
      </c>
      <c r="AM29687">
        <v>86</v>
      </c>
      <c r="AN29687">
        <v>87</v>
      </c>
      <c r="AO29687">
        <v>87</v>
      </c>
      <c r="AP29687">
        <v>88</v>
      </c>
      <c r="AQ29687">
        <v>88</v>
      </c>
    </row>
    <row r="29688" spans="1:43">
      <c r="A29688" t="s">
        <v>18395</v>
      </c>
      <c r="B29688" t="s">
        <v>18396</v>
      </c>
      <c r="C29688" t="s">
        <v>18397</v>
      </c>
      <c r="D29688" t="s">
        <v>18398</v>
      </c>
      <c r="E29688" t="s">
        <v>18345</v>
      </c>
      <c r="F29688" t="s">
        <v>18346</v>
      </c>
      <c r="G29688" t="s">
        <v>10734</v>
      </c>
      <c r="H29688" t="s">
        <v>10735</v>
      </c>
      <c r="I29688" s="2">
        <v>0</v>
      </c>
      <c r="J29688" s="2">
        <v>0</v>
      </c>
      <c r="K29688" s="2">
        <v>1</v>
      </c>
      <c r="L29688" t="s">
        <v>995</v>
      </c>
      <c r="M29688" t="s">
        <v>89</v>
      </c>
      <c r="N29688" t="s">
        <v>90</v>
      </c>
      <c r="O29688" t="s">
        <v>85</v>
      </c>
      <c r="P29688" t="s">
        <v>86</v>
      </c>
      <c r="Q29688">
        <v>76</v>
      </c>
      <c r="R29688">
        <v>78</v>
      </c>
      <c r="S29688">
        <v>80</v>
      </c>
      <c r="T29688">
        <v>82</v>
      </c>
      <c r="U29688">
        <v>84</v>
      </c>
      <c r="V29688">
        <v>85</v>
      </c>
      <c r="W29688">
        <v>87</v>
      </c>
      <c r="X29688">
        <v>89</v>
      </c>
      <c r="Y29688">
        <v>90</v>
      </c>
      <c r="Z29688">
        <v>92</v>
      </c>
      <c r="AA29688">
        <v>93</v>
      </c>
      <c r="AB29688">
        <v>95</v>
      </c>
      <c r="AC29688">
        <v>96</v>
      </c>
      <c r="AD29688">
        <v>98</v>
      </c>
      <c r="AE29688">
        <v>99</v>
      </c>
      <c r="AF29688">
        <v>99</v>
      </c>
      <c r="AG29688">
        <v>99</v>
      </c>
      <c r="AH29688">
        <v>99</v>
      </c>
      <c r="AI29688">
        <v>100</v>
      </c>
      <c r="AJ29688">
        <v>100</v>
      </c>
      <c r="AK29688">
        <v>100</v>
      </c>
      <c r="AL29688">
        <v>100</v>
      </c>
      <c r="AM29688">
        <v>100</v>
      </c>
      <c r="AN29688">
        <v>100</v>
      </c>
      <c r="AO29688">
        <v>101</v>
      </c>
      <c r="AP29688">
        <v>101</v>
      </c>
      <c r="AQ29688">
        <v>101</v>
      </c>
    </row>
    <row r="29689" spans="1:43">
      <c r="A29689" t="s">
        <v>18395</v>
      </c>
      <c r="B29689" t="s">
        <v>18396</v>
      </c>
      <c r="C29689" t="s">
        <v>18397</v>
      </c>
      <c r="D29689" t="s">
        <v>18398</v>
      </c>
      <c r="E29689" t="s">
        <v>18345</v>
      </c>
      <c r="F29689" t="s">
        <v>18346</v>
      </c>
      <c r="G29689" t="s">
        <v>10734</v>
      </c>
      <c r="H29689" t="s">
        <v>10735</v>
      </c>
      <c r="I29689" s="2">
        <v>0</v>
      </c>
      <c r="J29689" s="2">
        <v>0</v>
      </c>
      <c r="K29689" s="2">
        <v>1</v>
      </c>
      <c r="L29689" t="s">
        <v>995</v>
      </c>
      <c r="M29689" t="s">
        <v>83</v>
      </c>
      <c r="N29689" t="s">
        <v>91</v>
      </c>
      <c r="O29689" t="s">
        <v>85</v>
      </c>
      <c r="P29689" t="s">
        <v>86</v>
      </c>
      <c r="Q29689">
        <v>76</v>
      </c>
      <c r="R29689">
        <v>77</v>
      </c>
      <c r="S29689">
        <v>78</v>
      </c>
      <c r="T29689">
        <v>79</v>
      </c>
      <c r="U29689">
        <v>80</v>
      </c>
      <c r="V29689">
        <v>82</v>
      </c>
      <c r="W29689">
        <v>83</v>
      </c>
      <c r="X29689">
        <v>84</v>
      </c>
      <c r="Y29689">
        <v>85</v>
      </c>
      <c r="Z29689">
        <v>86</v>
      </c>
      <c r="AA29689">
        <v>88</v>
      </c>
      <c r="AB29689">
        <v>89</v>
      </c>
      <c r="AC29689">
        <v>90</v>
      </c>
      <c r="AD29689">
        <v>91</v>
      </c>
      <c r="AE29689">
        <v>92</v>
      </c>
      <c r="AF29689">
        <v>93</v>
      </c>
      <c r="AG29689">
        <v>94</v>
      </c>
      <c r="AH29689">
        <v>95</v>
      </c>
      <c r="AI29689">
        <v>97</v>
      </c>
      <c r="AJ29689">
        <v>98</v>
      </c>
      <c r="AK29689">
        <v>99</v>
      </c>
      <c r="AL29689">
        <v>99</v>
      </c>
      <c r="AM29689">
        <v>99</v>
      </c>
      <c r="AN29689">
        <v>100</v>
      </c>
      <c r="AO29689">
        <v>100</v>
      </c>
      <c r="AP29689">
        <v>100</v>
      </c>
      <c r="AQ29689">
        <v>100</v>
      </c>
    </row>
    <row r="29690" spans="1:43">
      <c r="A29690" t="s">
        <v>18399</v>
      </c>
      <c r="B29690" t="s">
        <v>18400</v>
      </c>
      <c r="C29690" t="s">
        <v>18375</v>
      </c>
      <c r="D29690" t="s">
        <v>18376</v>
      </c>
      <c r="E29690" t="s">
        <v>18345</v>
      </c>
      <c r="F29690" t="s">
        <v>18346</v>
      </c>
      <c r="G29690" t="s">
        <v>10734</v>
      </c>
      <c r="H29690" t="s">
        <v>10735</v>
      </c>
      <c r="I29690" s="2">
        <v>0</v>
      </c>
      <c r="J29690" s="2">
        <v>0</v>
      </c>
      <c r="K29690" s="2">
        <v>1</v>
      </c>
      <c r="L29690" t="s">
        <v>995</v>
      </c>
      <c r="M29690" t="s">
        <v>83</v>
      </c>
      <c r="N29690" t="s">
        <v>84</v>
      </c>
      <c r="O29690" t="s">
        <v>85</v>
      </c>
      <c r="P29690" t="s">
        <v>86</v>
      </c>
      <c r="Q29690">
        <v>17</v>
      </c>
      <c r="R29690">
        <v>17</v>
      </c>
      <c r="S29690">
        <v>17</v>
      </c>
      <c r="T29690">
        <v>17</v>
      </c>
      <c r="U29690">
        <v>18</v>
      </c>
      <c r="V29690">
        <v>18</v>
      </c>
      <c r="W29690">
        <v>18</v>
      </c>
      <c r="X29690">
        <v>18</v>
      </c>
      <c r="Y29690">
        <v>19</v>
      </c>
      <c r="Z29690">
        <v>19</v>
      </c>
      <c r="AA29690">
        <v>19</v>
      </c>
      <c r="AB29690">
        <v>19</v>
      </c>
      <c r="AC29690">
        <v>20</v>
      </c>
      <c r="AD29690">
        <v>20</v>
      </c>
      <c r="AE29690">
        <v>20</v>
      </c>
      <c r="AF29690">
        <v>21</v>
      </c>
      <c r="AG29690">
        <v>21</v>
      </c>
      <c r="AH29690">
        <v>21</v>
      </c>
      <c r="AI29690">
        <v>21</v>
      </c>
      <c r="AJ29690">
        <v>22</v>
      </c>
      <c r="AK29690">
        <v>22</v>
      </c>
      <c r="AL29690">
        <v>22</v>
      </c>
      <c r="AM29690">
        <v>22</v>
      </c>
      <c r="AN29690">
        <v>22</v>
      </c>
      <c r="AO29690">
        <v>22</v>
      </c>
      <c r="AP29690">
        <v>22</v>
      </c>
      <c r="AQ29690">
        <v>22</v>
      </c>
    </row>
    <row r="29691" spans="1:43">
      <c r="A29691" t="s">
        <v>18399</v>
      </c>
      <c r="B29691" t="s">
        <v>18400</v>
      </c>
      <c r="C29691" t="s">
        <v>18375</v>
      </c>
      <c r="D29691" t="s">
        <v>18376</v>
      </c>
      <c r="E29691" t="s">
        <v>18345</v>
      </c>
      <c r="F29691" t="s">
        <v>18346</v>
      </c>
      <c r="G29691" t="s">
        <v>10734</v>
      </c>
      <c r="H29691" t="s">
        <v>10735</v>
      </c>
      <c r="I29691" s="2">
        <v>0</v>
      </c>
      <c r="J29691" s="2">
        <v>0</v>
      </c>
      <c r="K29691" s="2">
        <v>1</v>
      </c>
      <c r="L29691" t="s">
        <v>995</v>
      </c>
      <c r="M29691" t="s">
        <v>87</v>
      </c>
      <c r="N29691" t="s">
        <v>88</v>
      </c>
      <c r="O29691" t="s">
        <v>85</v>
      </c>
      <c r="P29691" t="s">
        <v>86</v>
      </c>
      <c r="Q29691">
        <v>17</v>
      </c>
      <c r="R29691">
        <v>17</v>
      </c>
      <c r="S29691">
        <v>18</v>
      </c>
      <c r="T29691">
        <v>18</v>
      </c>
      <c r="U29691">
        <v>18</v>
      </c>
      <c r="V29691">
        <v>18</v>
      </c>
      <c r="W29691">
        <v>18</v>
      </c>
      <c r="X29691">
        <v>18</v>
      </c>
      <c r="Y29691">
        <v>18</v>
      </c>
      <c r="Z29691">
        <v>18</v>
      </c>
      <c r="AA29691">
        <v>19</v>
      </c>
      <c r="AB29691">
        <v>19</v>
      </c>
      <c r="AC29691">
        <v>19</v>
      </c>
      <c r="AD29691">
        <v>19</v>
      </c>
      <c r="AE29691">
        <v>19</v>
      </c>
      <c r="AF29691">
        <v>19</v>
      </c>
      <c r="AG29691">
        <v>19</v>
      </c>
      <c r="AH29691">
        <v>19</v>
      </c>
      <c r="AI29691">
        <v>19</v>
      </c>
      <c r="AJ29691">
        <v>19</v>
      </c>
      <c r="AK29691">
        <v>20</v>
      </c>
      <c r="AL29691">
        <v>20</v>
      </c>
      <c r="AM29691">
        <v>20</v>
      </c>
      <c r="AN29691">
        <v>20</v>
      </c>
      <c r="AO29691">
        <v>20</v>
      </c>
      <c r="AP29691">
        <v>20</v>
      </c>
      <c r="AQ29691">
        <v>20</v>
      </c>
    </row>
    <row r="29692" spans="1:43">
      <c r="A29692" t="s">
        <v>18399</v>
      </c>
      <c r="B29692" t="s">
        <v>18400</v>
      </c>
      <c r="C29692" t="s">
        <v>18375</v>
      </c>
      <c r="D29692" t="s">
        <v>18376</v>
      </c>
      <c r="E29692" t="s">
        <v>18345</v>
      </c>
      <c r="F29692" t="s">
        <v>18346</v>
      </c>
      <c r="G29692" t="s">
        <v>10734</v>
      </c>
      <c r="H29692" t="s">
        <v>10735</v>
      </c>
      <c r="I29692" s="2">
        <v>0</v>
      </c>
      <c r="J29692" s="2">
        <v>0</v>
      </c>
      <c r="K29692" s="2">
        <v>1</v>
      </c>
      <c r="L29692" t="s">
        <v>995</v>
      </c>
      <c r="M29692" t="s">
        <v>89</v>
      </c>
      <c r="N29692" t="s">
        <v>90</v>
      </c>
      <c r="O29692" t="s">
        <v>85</v>
      </c>
      <c r="P29692" t="s">
        <v>86</v>
      </c>
      <c r="Q29692">
        <v>17</v>
      </c>
      <c r="R29692">
        <v>17</v>
      </c>
      <c r="S29692">
        <v>18</v>
      </c>
      <c r="T29692">
        <v>18</v>
      </c>
      <c r="U29692">
        <v>18</v>
      </c>
      <c r="V29692">
        <v>19</v>
      </c>
      <c r="W29692">
        <v>19</v>
      </c>
      <c r="X29692">
        <v>19</v>
      </c>
      <c r="Y29692">
        <v>20</v>
      </c>
      <c r="Z29692">
        <v>20</v>
      </c>
      <c r="AA29692">
        <v>20</v>
      </c>
      <c r="AB29692">
        <v>21</v>
      </c>
      <c r="AC29692">
        <v>21</v>
      </c>
      <c r="AD29692">
        <v>21</v>
      </c>
      <c r="AE29692">
        <v>22</v>
      </c>
      <c r="AF29692">
        <v>22</v>
      </c>
      <c r="AG29692">
        <v>22</v>
      </c>
      <c r="AH29692">
        <v>22</v>
      </c>
      <c r="AI29692">
        <v>22</v>
      </c>
      <c r="AJ29692">
        <v>22</v>
      </c>
      <c r="AK29692">
        <v>22</v>
      </c>
      <c r="AL29692">
        <v>22</v>
      </c>
      <c r="AM29692">
        <v>22</v>
      </c>
      <c r="AN29692">
        <v>22</v>
      </c>
      <c r="AO29692">
        <v>22</v>
      </c>
      <c r="AP29692">
        <v>23</v>
      </c>
      <c r="AQ29692">
        <v>23</v>
      </c>
    </row>
    <row r="29693" spans="1:43">
      <c r="A29693" t="s">
        <v>18399</v>
      </c>
      <c r="B29693" t="s">
        <v>18400</v>
      </c>
      <c r="C29693" t="s">
        <v>18375</v>
      </c>
      <c r="D29693" t="s">
        <v>18376</v>
      </c>
      <c r="E29693" t="s">
        <v>18345</v>
      </c>
      <c r="F29693" t="s">
        <v>18346</v>
      </c>
      <c r="G29693" t="s">
        <v>10734</v>
      </c>
      <c r="H29693" t="s">
        <v>10735</v>
      </c>
      <c r="I29693" s="2">
        <v>0</v>
      </c>
      <c r="J29693" s="2">
        <v>0</v>
      </c>
      <c r="K29693" s="2">
        <v>1</v>
      </c>
      <c r="L29693" t="s">
        <v>995</v>
      </c>
      <c r="M29693" t="s">
        <v>83</v>
      </c>
      <c r="N29693" t="s">
        <v>91</v>
      </c>
      <c r="O29693" t="s">
        <v>85</v>
      </c>
      <c r="P29693" t="s">
        <v>86</v>
      </c>
      <c r="Q29693">
        <v>17</v>
      </c>
      <c r="R29693">
        <v>17</v>
      </c>
      <c r="S29693">
        <v>17</v>
      </c>
      <c r="T29693">
        <v>17</v>
      </c>
      <c r="U29693">
        <v>18</v>
      </c>
      <c r="V29693">
        <v>18</v>
      </c>
      <c r="W29693">
        <v>18</v>
      </c>
      <c r="X29693">
        <v>18</v>
      </c>
      <c r="Y29693">
        <v>19</v>
      </c>
      <c r="Z29693">
        <v>19</v>
      </c>
      <c r="AA29693">
        <v>19</v>
      </c>
      <c r="AB29693">
        <v>19</v>
      </c>
      <c r="AC29693">
        <v>20</v>
      </c>
      <c r="AD29693">
        <v>20</v>
      </c>
      <c r="AE29693">
        <v>20</v>
      </c>
      <c r="AF29693">
        <v>21</v>
      </c>
      <c r="AG29693">
        <v>21</v>
      </c>
      <c r="AH29693">
        <v>21</v>
      </c>
      <c r="AI29693">
        <v>21</v>
      </c>
      <c r="AJ29693">
        <v>22</v>
      </c>
      <c r="AK29693">
        <v>22</v>
      </c>
      <c r="AL29693">
        <v>22</v>
      </c>
      <c r="AM29693">
        <v>22</v>
      </c>
      <c r="AN29693">
        <v>22</v>
      </c>
      <c r="AO29693">
        <v>22</v>
      </c>
      <c r="AP29693">
        <v>22</v>
      </c>
      <c r="AQ29693">
        <v>22</v>
      </c>
    </row>
    <row r="29694" spans="1:43">
      <c r="A29694" t="s">
        <v>18401</v>
      </c>
      <c r="B29694" t="s">
        <v>18402</v>
      </c>
      <c r="C29694" t="s">
        <v>18403</v>
      </c>
      <c r="D29694" t="s">
        <v>18404</v>
      </c>
      <c r="E29694" t="s">
        <v>18345</v>
      </c>
      <c r="F29694" t="s">
        <v>18346</v>
      </c>
      <c r="G29694" t="s">
        <v>10734</v>
      </c>
      <c r="H29694" t="s">
        <v>10735</v>
      </c>
      <c r="I29694" s="2">
        <v>0</v>
      </c>
      <c r="J29694" s="2">
        <v>0</v>
      </c>
      <c r="K29694" s="2">
        <v>1</v>
      </c>
      <c r="L29694" t="s">
        <v>995</v>
      </c>
      <c r="M29694" t="s">
        <v>83</v>
      </c>
      <c r="N29694" t="s">
        <v>84</v>
      </c>
      <c r="O29694" t="s">
        <v>85</v>
      </c>
      <c r="P29694" t="s">
        <v>86</v>
      </c>
      <c r="Q29694">
        <v>19</v>
      </c>
      <c r="R29694">
        <v>19</v>
      </c>
      <c r="S29694">
        <v>20</v>
      </c>
      <c r="T29694">
        <v>20</v>
      </c>
      <c r="U29694">
        <v>20</v>
      </c>
      <c r="V29694">
        <v>21</v>
      </c>
      <c r="W29694">
        <v>21</v>
      </c>
      <c r="X29694">
        <v>21</v>
      </c>
      <c r="Y29694">
        <v>22</v>
      </c>
      <c r="Z29694">
        <v>22</v>
      </c>
      <c r="AA29694">
        <v>22</v>
      </c>
      <c r="AB29694">
        <v>23</v>
      </c>
      <c r="AC29694">
        <v>23</v>
      </c>
      <c r="AD29694">
        <v>23</v>
      </c>
      <c r="AE29694">
        <v>23</v>
      </c>
      <c r="AF29694">
        <v>24</v>
      </c>
      <c r="AG29694">
        <v>24</v>
      </c>
      <c r="AH29694">
        <v>24</v>
      </c>
      <c r="AI29694">
        <v>25</v>
      </c>
      <c r="AJ29694">
        <v>25</v>
      </c>
      <c r="AK29694">
        <v>25</v>
      </c>
      <c r="AL29694">
        <v>25</v>
      </c>
      <c r="AM29694">
        <v>25</v>
      </c>
      <c r="AN29694">
        <v>25</v>
      </c>
      <c r="AO29694">
        <v>26</v>
      </c>
      <c r="AP29694">
        <v>26</v>
      </c>
      <c r="AQ29694">
        <v>26</v>
      </c>
    </row>
    <row r="29695" spans="1:43">
      <c r="A29695" t="s">
        <v>18401</v>
      </c>
      <c r="B29695" t="s">
        <v>18402</v>
      </c>
      <c r="C29695" t="s">
        <v>18403</v>
      </c>
      <c r="D29695" t="s">
        <v>18404</v>
      </c>
      <c r="E29695" t="s">
        <v>18345</v>
      </c>
      <c r="F29695" t="s">
        <v>18346</v>
      </c>
      <c r="G29695" t="s">
        <v>10734</v>
      </c>
      <c r="H29695" t="s">
        <v>10735</v>
      </c>
      <c r="I29695" s="2">
        <v>0</v>
      </c>
      <c r="J29695" s="2">
        <v>0</v>
      </c>
      <c r="K29695" s="2">
        <v>1</v>
      </c>
      <c r="L29695" t="s">
        <v>995</v>
      </c>
      <c r="M29695" t="s">
        <v>87</v>
      </c>
      <c r="N29695" t="s">
        <v>88</v>
      </c>
      <c r="O29695" t="s">
        <v>85</v>
      </c>
      <c r="P29695" t="s">
        <v>86</v>
      </c>
      <c r="Q29695">
        <v>19</v>
      </c>
      <c r="R29695">
        <v>19</v>
      </c>
      <c r="S29695">
        <v>19</v>
      </c>
      <c r="T29695">
        <v>19</v>
      </c>
      <c r="U29695">
        <v>19</v>
      </c>
      <c r="V29695">
        <v>20</v>
      </c>
      <c r="W29695">
        <v>20</v>
      </c>
      <c r="X29695">
        <v>20</v>
      </c>
      <c r="Y29695">
        <v>20</v>
      </c>
      <c r="Z29695">
        <v>20</v>
      </c>
      <c r="AA29695">
        <v>20</v>
      </c>
      <c r="AB29695">
        <v>20</v>
      </c>
      <c r="AC29695">
        <v>20</v>
      </c>
      <c r="AD29695">
        <v>21</v>
      </c>
      <c r="AE29695">
        <v>21</v>
      </c>
      <c r="AF29695">
        <v>21</v>
      </c>
      <c r="AG29695">
        <v>21</v>
      </c>
      <c r="AH29695">
        <v>21</v>
      </c>
      <c r="AI29695">
        <v>21</v>
      </c>
      <c r="AJ29695">
        <v>21</v>
      </c>
      <c r="AK29695">
        <v>21</v>
      </c>
      <c r="AL29695">
        <v>22</v>
      </c>
      <c r="AM29695">
        <v>22</v>
      </c>
      <c r="AN29695">
        <v>22</v>
      </c>
      <c r="AO29695">
        <v>22</v>
      </c>
      <c r="AP29695">
        <v>22</v>
      </c>
      <c r="AQ29695">
        <v>22</v>
      </c>
    </row>
    <row r="29696" spans="1:43">
      <c r="A29696" t="s">
        <v>18401</v>
      </c>
      <c r="B29696" t="s">
        <v>18402</v>
      </c>
      <c r="C29696" t="s">
        <v>18403</v>
      </c>
      <c r="D29696" t="s">
        <v>18404</v>
      </c>
      <c r="E29696" t="s">
        <v>18345</v>
      </c>
      <c r="F29696" t="s">
        <v>18346</v>
      </c>
      <c r="G29696" t="s">
        <v>10734</v>
      </c>
      <c r="H29696" t="s">
        <v>10735</v>
      </c>
      <c r="I29696" s="2">
        <v>0</v>
      </c>
      <c r="J29696" s="2">
        <v>0</v>
      </c>
      <c r="K29696" s="2">
        <v>1</v>
      </c>
      <c r="L29696" t="s">
        <v>995</v>
      </c>
      <c r="M29696" t="s">
        <v>89</v>
      </c>
      <c r="N29696" t="s">
        <v>90</v>
      </c>
      <c r="O29696" t="s">
        <v>85</v>
      </c>
      <c r="P29696" t="s">
        <v>86</v>
      </c>
      <c r="Q29696">
        <v>19</v>
      </c>
      <c r="R29696">
        <v>20</v>
      </c>
      <c r="S29696">
        <v>20</v>
      </c>
      <c r="T29696">
        <v>21</v>
      </c>
      <c r="U29696">
        <v>21</v>
      </c>
      <c r="V29696">
        <v>22</v>
      </c>
      <c r="W29696">
        <v>22</v>
      </c>
      <c r="X29696">
        <v>22</v>
      </c>
      <c r="Y29696">
        <v>23</v>
      </c>
      <c r="Z29696">
        <v>23</v>
      </c>
      <c r="AA29696">
        <v>24</v>
      </c>
      <c r="AB29696">
        <v>24</v>
      </c>
      <c r="AC29696">
        <v>24</v>
      </c>
      <c r="AD29696">
        <v>25</v>
      </c>
      <c r="AE29696">
        <v>25</v>
      </c>
      <c r="AF29696">
        <v>25</v>
      </c>
      <c r="AG29696">
        <v>25</v>
      </c>
      <c r="AH29696">
        <v>25</v>
      </c>
      <c r="AI29696">
        <v>25</v>
      </c>
      <c r="AJ29696">
        <v>25</v>
      </c>
      <c r="AK29696">
        <v>26</v>
      </c>
      <c r="AL29696">
        <v>26</v>
      </c>
      <c r="AM29696">
        <v>26</v>
      </c>
      <c r="AN29696">
        <v>26</v>
      </c>
      <c r="AO29696">
        <v>26</v>
      </c>
      <c r="AP29696">
        <v>26</v>
      </c>
      <c r="AQ29696">
        <v>26</v>
      </c>
    </row>
    <row r="29697" spans="1:43">
      <c r="A29697" t="s">
        <v>18401</v>
      </c>
      <c r="B29697" t="s">
        <v>18402</v>
      </c>
      <c r="C29697" t="s">
        <v>18403</v>
      </c>
      <c r="D29697" t="s">
        <v>18404</v>
      </c>
      <c r="E29697" t="s">
        <v>18345</v>
      </c>
      <c r="F29697" t="s">
        <v>18346</v>
      </c>
      <c r="G29697" t="s">
        <v>10734</v>
      </c>
      <c r="H29697" t="s">
        <v>10735</v>
      </c>
      <c r="I29697" s="2">
        <v>0</v>
      </c>
      <c r="J29697" s="2">
        <v>0</v>
      </c>
      <c r="K29697" s="2">
        <v>1</v>
      </c>
      <c r="L29697" t="s">
        <v>995</v>
      </c>
      <c r="M29697" t="s">
        <v>83</v>
      </c>
      <c r="N29697" t="s">
        <v>91</v>
      </c>
      <c r="O29697" t="s">
        <v>85</v>
      </c>
      <c r="P29697" t="s">
        <v>86</v>
      </c>
      <c r="Q29697">
        <v>19</v>
      </c>
      <c r="R29697">
        <v>19</v>
      </c>
      <c r="S29697">
        <v>20</v>
      </c>
      <c r="T29697">
        <v>20</v>
      </c>
      <c r="U29697">
        <v>20</v>
      </c>
      <c r="V29697">
        <v>21</v>
      </c>
      <c r="W29697">
        <v>21</v>
      </c>
      <c r="X29697">
        <v>21</v>
      </c>
      <c r="Y29697">
        <v>22</v>
      </c>
      <c r="Z29697">
        <v>22</v>
      </c>
      <c r="AA29697">
        <v>22</v>
      </c>
      <c r="AB29697">
        <v>23</v>
      </c>
      <c r="AC29697">
        <v>23</v>
      </c>
      <c r="AD29697">
        <v>23</v>
      </c>
      <c r="AE29697">
        <v>23</v>
      </c>
      <c r="AF29697">
        <v>24</v>
      </c>
      <c r="AG29697">
        <v>24</v>
      </c>
      <c r="AH29697">
        <v>24</v>
      </c>
      <c r="AI29697">
        <v>25</v>
      </c>
      <c r="AJ29697">
        <v>25</v>
      </c>
      <c r="AK29697">
        <v>25</v>
      </c>
      <c r="AL29697">
        <v>25</v>
      </c>
      <c r="AM29697">
        <v>25</v>
      </c>
      <c r="AN29697">
        <v>25</v>
      </c>
      <c r="AO29697">
        <v>26</v>
      </c>
      <c r="AP29697">
        <v>26</v>
      </c>
      <c r="AQ29697">
        <v>26</v>
      </c>
    </row>
    <row r="29698" spans="1:43">
      <c r="A29698" t="s">
        <v>18405</v>
      </c>
      <c r="B29698" t="s">
        <v>18406</v>
      </c>
      <c r="C29698" t="s">
        <v>18387</v>
      </c>
      <c r="D29698" t="s">
        <v>18388</v>
      </c>
      <c r="E29698" t="s">
        <v>18345</v>
      </c>
      <c r="F29698" t="s">
        <v>18346</v>
      </c>
      <c r="G29698" t="s">
        <v>10734</v>
      </c>
      <c r="H29698" t="s">
        <v>10735</v>
      </c>
      <c r="I29698" s="2">
        <v>0</v>
      </c>
      <c r="J29698" s="2">
        <v>0</v>
      </c>
      <c r="K29698" s="2">
        <v>1</v>
      </c>
      <c r="L29698" t="s">
        <v>995</v>
      </c>
      <c r="M29698" t="s">
        <v>83</v>
      </c>
      <c r="N29698" t="s">
        <v>84</v>
      </c>
      <c r="O29698" t="s">
        <v>85</v>
      </c>
      <c r="P29698" t="s">
        <v>86</v>
      </c>
      <c r="Q29698">
        <v>15</v>
      </c>
      <c r="R29698">
        <v>15</v>
      </c>
      <c r="S29698">
        <v>16</v>
      </c>
      <c r="T29698">
        <v>16</v>
      </c>
      <c r="U29698">
        <v>16</v>
      </c>
      <c r="V29698">
        <v>16</v>
      </c>
      <c r="W29698">
        <v>17</v>
      </c>
      <c r="X29698">
        <v>17</v>
      </c>
      <c r="Y29698">
        <v>17</v>
      </c>
      <c r="Z29698">
        <v>17</v>
      </c>
      <c r="AA29698">
        <v>18</v>
      </c>
      <c r="AB29698">
        <v>18</v>
      </c>
      <c r="AC29698">
        <v>18</v>
      </c>
      <c r="AD29698">
        <v>18</v>
      </c>
      <c r="AE29698">
        <v>19</v>
      </c>
      <c r="AF29698">
        <v>19</v>
      </c>
      <c r="AG29698">
        <v>19</v>
      </c>
      <c r="AH29698">
        <v>19</v>
      </c>
      <c r="AI29698">
        <v>19</v>
      </c>
      <c r="AJ29698">
        <v>20</v>
      </c>
      <c r="AK29698">
        <v>20</v>
      </c>
      <c r="AL29698">
        <v>20</v>
      </c>
      <c r="AM29698">
        <v>20</v>
      </c>
      <c r="AN29698">
        <v>20</v>
      </c>
      <c r="AO29698">
        <v>20</v>
      </c>
      <c r="AP29698">
        <v>20</v>
      </c>
      <c r="AQ29698">
        <v>20</v>
      </c>
    </row>
    <row r="29699" spans="1:43">
      <c r="A29699" t="s">
        <v>18405</v>
      </c>
      <c r="B29699" t="s">
        <v>18406</v>
      </c>
      <c r="C29699" t="s">
        <v>18387</v>
      </c>
      <c r="D29699" t="s">
        <v>18388</v>
      </c>
      <c r="E29699" t="s">
        <v>18345</v>
      </c>
      <c r="F29699" t="s">
        <v>18346</v>
      </c>
      <c r="G29699" t="s">
        <v>10734</v>
      </c>
      <c r="H29699" t="s">
        <v>10735</v>
      </c>
      <c r="I29699" s="2">
        <v>0</v>
      </c>
      <c r="J29699" s="2">
        <v>0</v>
      </c>
      <c r="K29699" s="2">
        <v>1</v>
      </c>
      <c r="L29699" t="s">
        <v>995</v>
      </c>
      <c r="M29699" t="s">
        <v>87</v>
      </c>
      <c r="N29699" t="s">
        <v>88</v>
      </c>
      <c r="O29699" t="s">
        <v>85</v>
      </c>
      <c r="P29699" t="s">
        <v>86</v>
      </c>
      <c r="Q29699">
        <v>15</v>
      </c>
      <c r="R29699">
        <v>15</v>
      </c>
      <c r="S29699">
        <v>15</v>
      </c>
      <c r="T29699">
        <v>15</v>
      </c>
      <c r="U29699">
        <v>15</v>
      </c>
      <c r="V29699">
        <v>16</v>
      </c>
      <c r="W29699">
        <v>16</v>
      </c>
      <c r="X29699">
        <v>16</v>
      </c>
      <c r="Y29699">
        <v>16</v>
      </c>
      <c r="Z29699">
        <v>16</v>
      </c>
      <c r="AA29699">
        <v>16</v>
      </c>
      <c r="AB29699">
        <v>16</v>
      </c>
      <c r="AC29699">
        <v>16</v>
      </c>
      <c r="AD29699">
        <v>16</v>
      </c>
      <c r="AE29699">
        <v>16</v>
      </c>
      <c r="AF29699">
        <v>17</v>
      </c>
      <c r="AG29699">
        <v>17</v>
      </c>
      <c r="AH29699">
        <v>17</v>
      </c>
      <c r="AI29699">
        <v>17</v>
      </c>
      <c r="AJ29699">
        <v>17</v>
      </c>
      <c r="AK29699">
        <v>17</v>
      </c>
      <c r="AL29699">
        <v>17</v>
      </c>
      <c r="AM29699">
        <v>17</v>
      </c>
      <c r="AN29699">
        <v>17</v>
      </c>
      <c r="AO29699">
        <v>17</v>
      </c>
      <c r="AP29699">
        <v>17</v>
      </c>
      <c r="AQ29699">
        <v>18</v>
      </c>
    </row>
    <row r="29700" spans="1:43">
      <c r="A29700" t="s">
        <v>18405</v>
      </c>
      <c r="B29700" t="s">
        <v>18406</v>
      </c>
      <c r="C29700" t="s">
        <v>18387</v>
      </c>
      <c r="D29700" t="s">
        <v>18388</v>
      </c>
      <c r="E29700" t="s">
        <v>18345</v>
      </c>
      <c r="F29700" t="s">
        <v>18346</v>
      </c>
      <c r="G29700" t="s">
        <v>10734</v>
      </c>
      <c r="H29700" t="s">
        <v>10735</v>
      </c>
      <c r="I29700" s="2">
        <v>0</v>
      </c>
      <c r="J29700" s="2">
        <v>0</v>
      </c>
      <c r="K29700" s="2">
        <v>1</v>
      </c>
      <c r="L29700" t="s">
        <v>995</v>
      </c>
      <c r="M29700" t="s">
        <v>89</v>
      </c>
      <c r="N29700" t="s">
        <v>90</v>
      </c>
      <c r="O29700" t="s">
        <v>85</v>
      </c>
      <c r="P29700" t="s">
        <v>86</v>
      </c>
      <c r="Q29700">
        <v>15</v>
      </c>
      <c r="R29700">
        <v>16</v>
      </c>
      <c r="S29700">
        <v>16</v>
      </c>
      <c r="T29700">
        <v>16</v>
      </c>
      <c r="U29700">
        <v>17</v>
      </c>
      <c r="V29700">
        <v>17</v>
      </c>
      <c r="W29700">
        <v>18</v>
      </c>
      <c r="X29700">
        <v>18</v>
      </c>
      <c r="Y29700">
        <v>18</v>
      </c>
      <c r="Z29700">
        <v>18</v>
      </c>
      <c r="AA29700">
        <v>19</v>
      </c>
      <c r="AB29700">
        <v>19</v>
      </c>
      <c r="AC29700">
        <v>19</v>
      </c>
      <c r="AD29700">
        <v>20</v>
      </c>
      <c r="AE29700">
        <v>20</v>
      </c>
      <c r="AF29700">
        <v>20</v>
      </c>
      <c r="AG29700">
        <v>20</v>
      </c>
      <c r="AH29700">
        <v>20</v>
      </c>
      <c r="AI29700">
        <v>20</v>
      </c>
      <c r="AJ29700">
        <v>20</v>
      </c>
      <c r="AK29700">
        <v>20</v>
      </c>
      <c r="AL29700">
        <v>20</v>
      </c>
      <c r="AM29700">
        <v>20</v>
      </c>
      <c r="AN29700">
        <v>20</v>
      </c>
      <c r="AO29700">
        <v>20</v>
      </c>
      <c r="AP29700">
        <v>20</v>
      </c>
      <c r="AQ29700">
        <v>20</v>
      </c>
    </row>
    <row r="29701" spans="1:43">
      <c r="A29701" t="s">
        <v>18405</v>
      </c>
      <c r="B29701" t="s">
        <v>18406</v>
      </c>
      <c r="C29701" t="s">
        <v>18387</v>
      </c>
      <c r="D29701" t="s">
        <v>18388</v>
      </c>
      <c r="E29701" t="s">
        <v>18345</v>
      </c>
      <c r="F29701" t="s">
        <v>18346</v>
      </c>
      <c r="G29701" t="s">
        <v>10734</v>
      </c>
      <c r="H29701" t="s">
        <v>10735</v>
      </c>
      <c r="I29701" s="2">
        <v>0</v>
      </c>
      <c r="J29701" s="2">
        <v>0</v>
      </c>
      <c r="K29701" s="2">
        <v>1</v>
      </c>
      <c r="L29701" t="s">
        <v>995</v>
      </c>
      <c r="M29701" t="s">
        <v>83</v>
      </c>
      <c r="N29701" t="s">
        <v>91</v>
      </c>
      <c r="O29701" t="s">
        <v>85</v>
      </c>
      <c r="P29701" t="s">
        <v>86</v>
      </c>
      <c r="Q29701">
        <v>15</v>
      </c>
      <c r="R29701">
        <v>15</v>
      </c>
      <c r="S29701">
        <v>16</v>
      </c>
      <c r="T29701">
        <v>16</v>
      </c>
      <c r="U29701">
        <v>16</v>
      </c>
      <c r="V29701">
        <v>16</v>
      </c>
      <c r="W29701">
        <v>17</v>
      </c>
      <c r="X29701">
        <v>17</v>
      </c>
      <c r="Y29701">
        <v>17</v>
      </c>
      <c r="Z29701">
        <v>17</v>
      </c>
      <c r="AA29701">
        <v>18</v>
      </c>
      <c r="AB29701">
        <v>18</v>
      </c>
      <c r="AC29701">
        <v>18</v>
      </c>
      <c r="AD29701">
        <v>18</v>
      </c>
      <c r="AE29701">
        <v>19</v>
      </c>
      <c r="AF29701">
        <v>19</v>
      </c>
      <c r="AG29701">
        <v>19</v>
      </c>
      <c r="AH29701">
        <v>19</v>
      </c>
      <c r="AI29701">
        <v>19</v>
      </c>
      <c r="AJ29701">
        <v>20</v>
      </c>
      <c r="AK29701">
        <v>20</v>
      </c>
      <c r="AL29701">
        <v>20</v>
      </c>
      <c r="AM29701">
        <v>20</v>
      </c>
      <c r="AN29701">
        <v>20</v>
      </c>
      <c r="AO29701">
        <v>20</v>
      </c>
      <c r="AP29701">
        <v>20</v>
      </c>
      <c r="AQ29701">
        <v>20</v>
      </c>
    </row>
    <row r="29702" spans="1:43">
      <c r="A29702" t="s">
        <v>18407</v>
      </c>
      <c r="B29702" t="s">
        <v>18408</v>
      </c>
      <c r="C29702" t="s">
        <v>18403</v>
      </c>
      <c r="D29702" t="s">
        <v>18404</v>
      </c>
      <c r="E29702" t="s">
        <v>18345</v>
      </c>
      <c r="F29702" t="s">
        <v>18346</v>
      </c>
      <c r="G29702" t="s">
        <v>10734</v>
      </c>
      <c r="H29702" t="s">
        <v>10735</v>
      </c>
      <c r="I29702" s="2">
        <v>0</v>
      </c>
      <c r="J29702" s="2">
        <v>0</v>
      </c>
      <c r="K29702" s="2">
        <v>1</v>
      </c>
      <c r="L29702" t="s">
        <v>995</v>
      </c>
      <c r="M29702" t="s">
        <v>83</v>
      </c>
      <c r="N29702" t="s">
        <v>84</v>
      </c>
      <c r="O29702" t="s">
        <v>85</v>
      </c>
      <c r="P29702" t="s">
        <v>86</v>
      </c>
      <c r="Q29702">
        <v>10</v>
      </c>
      <c r="R29702">
        <v>10</v>
      </c>
      <c r="S29702">
        <v>11</v>
      </c>
      <c r="T29702">
        <v>11</v>
      </c>
      <c r="U29702">
        <v>11</v>
      </c>
      <c r="V29702">
        <v>11</v>
      </c>
      <c r="W29702">
        <v>11</v>
      </c>
      <c r="X29702">
        <v>11</v>
      </c>
      <c r="Y29702">
        <v>12</v>
      </c>
      <c r="Z29702">
        <v>12</v>
      </c>
      <c r="AA29702">
        <v>12</v>
      </c>
      <c r="AB29702">
        <v>12</v>
      </c>
      <c r="AC29702">
        <v>12</v>
      </c>
      <c r="AD29702">
        <v>12</v>
      </c>
      <c r="AE29702">
        <v>12</v>
      </c>
      <c r="AF29702">
        <v>13</v>
      </c>
      <c r="AG29702">
        <v>13</v>
      </c>
      <c r="AH29702">
        <v>13</v>
      </c>
      <c r="AI29702">
        <v>13</v>
      </c>
      <c r="AJ29702">
        <v>13</v>
      </c>
      <c r="AK29702">
        <v>13</v>
      </c>
      <c r="AL29702">
        <v>13</v>
      </c>
      <c r="AM29702">
        <v>14</v>
      </c>
      <c r="AN29702">
        <v>14</v>
      </c>
      <c r="AO29702">
        <v>14</v>
      </c>
      <c r="AP29702">
        <v>14</v>
      </c>
      <c r="AQ29702">
        <v>14</v>
      </c>
    </row>
    <row r="29703" spans="1:43">
      <c r="A29703" t="s">
        <v>18407</v>
      </c>
      <c r="B29703" t="s">
        <v>18408</v>
      </c>
      <c r="C29703" t="s">
        <v>18403</v>
      </c>
      <c r="D29703" t="s">
        <v>18404</v>
      </c>
      <c r="E29703" t="s">
        <v>18345</v>
      </c>
      <c r="F29703" t="s">
        <v>18346</v>
      </c>
      <c r="G29703" t="s">
        <v>10734</v>
      </c>
      <c r="H29703" t="s">
        <v>10735</v>
      </c>
      <c r="I29703" s="2">
        <v>0</v>
      </c>
      <c r="J29703" s="2">
        <v>0</v>
      </c>
      <c r="K29703" s="2">
        <v>1</v>
      </c>
      <c r="L29703" t="s">
        <v>995</v>
      </c>
      <c r="M29703" t="s">
        <v>87</v>
      </c>
      <c r="N29703" t="s">
        <v>88</v>
      </c>
      <c r="O29703" t="s">
        <v>85</v>
      </c>
      <c r="P29703" t="s">
        <v>86</v>
      </c>
      <c r="Q29703">
        <v>10</v>
      </c>
      <c r="R29703">
        <v>10</v>
      </c>
      <c r="S29703">
        <v>10</v>
      </c>
      <c r="T29703">
        <v>10</v>
      </c>
      <c r="U29703">
        <v>10</v>
      </c>
      <c r="V29703">
        <v>10</v>
      </c>
      <c r="W29703">
        <v>11</v>
      </c>
      <c r="X29703">
        <v>11</v>
      </c>
      <c r="Y29703">
        <v>11</v>
      </c>
      <c r="Z29703">
        <v>11</v>
      </c>
      <c r="AA29703">
        <v>11</v>
      </c>
      <c r="AB29703">
        <v>11</v>
      </c>
      <c r="AC29703">
        <v>11</v>
      </c>
      <c r="AD29703">
        <v>11</v>
      </c>
      <c r="AE29703">
        <v>11</v>
      </c>
      <c r="AF29703">
        <v>11</v>
      </c>
      <c r="AG29703">
        <v>11</v>
      </c>
      <c r="AH29703">
        <v>11</v>
      </c>
      <c r="AI29703">
        <v>11</v>
      </c>
      <c r="AJ29703">
        <v>11</v>
      </c>
      <c r="AK29703">
        <v>11</v>
      </c>
      <c r="AL29703">
        <v>11</v>
      </c>
      <c r="AM29703">
        <v>12</v>
      </c>
      <c r="AN29703">
        <v>12</v>
      </c>
      <c r="AO29703">
        <v>12</v>
      </c>
      <c r="AP29703">
        <v>12</v>
      </c>
      <c r="AQ29703">
        <v>12</v>
      </c>
    </row>
    <row r="29704" spans="1:43">
      <c r="A29704" t="s">
        <v>18407</v>
      </c>
      <c r="B29704" t="s">
        <v>18408</v>
      </c>
      <c r="C29704" t="s">
        <v>18403</v>
      </c>
      <c r="D29704" t="s">
        <v>18404</v>
      </c>
      <c r="E29704" t="s">
        <v>18345</v>
      </c>
      <c r="F29704" t="s">
        <v>18346</v>
      </c>
      <c r="G29704" t="s">
        <v>10734</v>
      </c>
      <c r="H29704" t="s">
        <v>10735</v>
      </c>
      <c r="I29704" s="2">
        <v>0</v>
      </c>
      <c r="J29704" s="2">
        <v>0</v>
      </c>
      <c r="K29704" s="2">
        <v>1</v>
      </c>
      <c r="L29704" t="s">
        <v>995</v>
      </c>
      <c r="M29704" t="s">
        <v>89</v>
      </c>
      <c r="N29704" t="s">
        <v>90</v>
      </c>
      <c r="O29704" t="s">
        <v>85</v>
      </c>
      <c r="P29704" t="s">
        <v>86</v>
      </c>
      <c r="Q29704">
        <v>10</v>
      </c>
      <c r="R29704">
        <v>11</v>
      </c>
      <c r="S29704">
        <v>11</v>
      </c>
      <c r="T29704">
        <v>11</v>
      </c>
      <c r="U29704">
        <v>11</v>
      </c>
      <c r="V29704">
        <v>12</v>
      </c>
      <c r="W29704">
        <v>12</v>
      </c>
      <c r="X29704">
        <v>12</v>
      </c>
      <c r="Y29704">
        <v>12</v>
      </c>
      <c r="Z29704">
        <v>12</v>
      </c>
      <c r="AA29704">
        <v>13</v>
      </c>
      <c r="AB29704">
        <v>13</v>
      </c>
      <c r="AC29704">
        <v>13</v>
      </c>
      <c r="AD29704">
        <v>13</v>
      </c>
      <c r="AE29704">
        <v>13</v>
      </c>
      <c r="AF29704">
        <v>13</v>
      </c>
      <c r="AG29704">
        <v>13</v>
      </c>
      <c r="AH29704">
        <v>13</v>
      </c>
      <c r="AI29704">
        <v>14</v>
      </c>
      <c r="AJ29704">
        <v>14</v>
      </c>
      <c r="AK29704">
        <v>14</v>
      </c>
      <c r="AL29704">
        <v>14</v>
      </c>
      <c r="AM29704">
        <v>14</v>
      </c>
      <c r="AN29704">
        <v>14</v>
      </c>
      <c r="AO29704">
        <v>14</v>
      </c>
      <c r="AP29704">
        <v>14</v>
      </c>
      <c r="AQ29704">
        <v>14</v>
      </c>
    </row>
    <row r="29705" spans="1:43">
      <c r="A29705" t="s">
        <v>18407</v>
      </c>
      <c r="B29705" t="s">
        <v>18408</v>
      </c>
      <c r="C29705" t="s">
        <v>18403</v>
      </c>
      <c r="D29705" t="s">
        <v>18404</v>
      </c>
      <c r="E29705" t="s">
        <v>18345</v>
      </c>
      <c r="F29705" t="s">
        <v>18346</v>
      </c>
      <c r="G29705" t="s">
        <v>10734</v>
      </c>
      <c r="H29705" t="s">
        <v>10735</v>
      </c>
      <c r="I29705" s="2">
        <v>0</v>
      </c>
      <c r="J29705" s="2">
        <v>0</v>
      </c>
      <c r="K29705" s="2">
        <v>1</v>
      </c>
      <c r="L29705" t="s">
        <v>995</v>
      </c>
      <c r="M29705" t="s">
        <v>83</v>
      </c>
      <c r="N29705" t="s">
        <v>91</v>
      </c>
      <c r="O29705" t="s">
        <v>85</v>
      </c>
      <c r="P29705" t="s">
        <v>86</v>
      </c>
      <c r="Q29705">
        <v>10</v>
      </c>
      <c r="R29705">
        <v>10</v>
      </c>
      <c r="S29705">
        <v>11</v>
      </c>
      <c r="T29705">
        <v>11</v>
      </c>
      <c r="U29705">
        <v>11</v>
      </c>
      <c r="V29705">
        <v>11</v>
      </c>
      <c r="W29705">
        <v>11</v>
      </c>
      <c r="X29705">
        <v>11</v>
      </c>
      <c r="Y29705">
        <v>12</v>
      </c>
      <c r="Z29705">
        <v>12</v>
      </c>
      <c r="AA29705">
        <v>12</v>
      </c>
      <c r="AB29705">
        <v>12</v>
      </c>
      <c r="AC29705">
        <v>12</v>
      </c>
      <c r="AD29705">
        <v>12</v>
      </c>
      <c r="AE29705">
        <v>12</v>
      </c>
      <c r="AF29705">
        <v>13</v>
      </c>
      <c r="AG29705">
        <v>13</v>
      </c>
      <c r="AH29705">
        <v>13</v>
      </c>
      <c r="AI29705">
        <v>13</v>
      </c>
      <c r="AJ29705">
        <v>13</v>
      </c>
      <c r="AK29705">
        <v>13</v>
      </c>
      <c r="AL29705">
        <v>13</v>
      </c>
      <c r="AM29705">
        <v>14</v>
      </c>
      <c r="AN29705">
        <v>14</v>
      </c>
      <c r="AO29705">
        <v>14</v>
      </c>
      <c r="AP29705">
        <v>14</v>
      </c>
      <c r="AQ29705">
        <v>14</v>
      </c>
    </row>
    <row r="29706" spans="1:43">
      <c r="A29706" t="s">
        <v>18409</v>
      </c>
      <c r="B29706" t="s">
        <v>18410</v>
      </c>
      <c r="C29706" t="s">
        <v>18411</v>
      </c>
      <c r="D29706" t="s">
        <v>18412</v>
      </c>
      <c r="E29706" t="s">
        <v>18345</v>
      </c>
      <c r="F29706" t="s">
        <v>18346</v>
      </c>
      <c r="G29706" t="s">
        <v>10734</v>
      </c>
      <c r="H29706" t="s">
        <v>10735</v>
      </c>
      <c r="I29706" s="2">
        <v>0</v>
      </c>
      <c r="J29706" s="2">
        <v>0</v>
      </c>
      <c r="K29706" s="2">
        <v>1</v>
      </c>
      <c r="L29706" t="s">
        <v>995</v>
      </c>
      <c r="M29706" t="s">
        <v>83</v>
      </c>
      <c r="N29706" t="s">
        <v>84</v>
      </c>
      <c r="O29706" t="s">
        <v>85</v>
      </c>
      <c r="P29706" t="s">
        <v>86</v>
      </c>
      <c r="Q29706">
        <v>24</v>
      </c>
      <c r="R29706">
        <v>24</v>
      </c>
      <c r="S29706">
        <v>24</v>
      </c>
      <c r="T29706">
        <v>25</v>
      </c>
      <c r="U29706">
        <v>25</v>
      </c>
      <c r="V29706">
        <v>26</v>
      </c>
      <c r="W29706">
        <v>26</v>
      </c>
      <c r="X29706">
        <v>26</v>
      </c>
      <c r="Y29706">
        <v>27</v>
      </c>
      <c r="Z29706">
        <v>27</v>
      </c>
      <c r="AA29706">
        <v>27</v>
      </c>
      <c r="AB29706">
        <v>28</v>
      </c>
      <c r="AC29706">
        <v>28</v>
      </c>
      <c r="AD29706">
        <v>29</v>
      </c>
      <c r="AE29706">
        <v>29</v>
      </c>
      <c r="AF29706">
        <v>29</v>
      </c>
      <c r="AG29706">
        <v>30</v>
      </c>
      <c r="AH29706">
        <v>30</v>
      </c>
      <c r="AI29706">
        <v>30</v>
      </c>
      <c r="AJ29706">
        <v>31</v>
      </c>
      <c r="AK29706">
        <v>31</v>
      </c>
      <c r="AL29706">
        <v>31</v>
      </c>
      <c r="AM29706">
        <v>31</v>
      </c>
      <c r="AN29706">
        <v>31</v>
      </c>
      <c r="AO29706">
        <v>31</v>
      </c>
      <c r="AP29706">
        <v>31</v>
      </c>
      <c r="AQ29706">
        <v>31</v>
      </c>
    </row>
    <row r="29707" spans="1:43">
      <c r="A29707" t="s">
        <v>18409</v>
      </c>
      <c r="B29707" t="s">
        <v>18410</v>
      </c>
      <c r="C29707" t="s">
        <v>18411</v>
      </c>
      <c r="D29707" t="s">
        <v>18412</v>
      </c>
      <c r="E29707" t="s">
        <v>18345</v>
      </c>
      <c r="F29707" t="s">
        <v>18346</v>
      </c>
      <c r="G29707" t="s">
        <v>10734</v>
      </c>
      <c r="H29707" t="s">
        <v>10735</v>
      </c>
      <c r="I29707" s="2">
        <v>0</v>
      </c>
      <c r="J29707" s="2">
        <v>0</v>
      </c>
      <c r="K29707" s="2">
        <v>1</v>
      </c>
      <c r="L29707" t="s">
        <v>995</v>
      </c>
      <c r="M29707" t="s">
        <v>87</v>
      </c>
      <c r="N29707" t="s">
        <v>88</v>
      </c>
      <c r="O29707" t="s">
        <v>85</v>
      </c>
      <c r="P29707" t="s">
        <v>86</v>
      </c>
      <c r="Q29707">
        <v>24</v>
      </c>
      <c r="R29707">
        <v>25</v>
      </c>
      <c r="S29707">
        <v>25</v>
      </c>
      <c r="T29707">
        <v>25</v>
      </c>
      <c r="U29707">
        <v>25</v>
      </c>
      <c r="V29707">
        <v>25</v>
      </c>
      <c r="W29707">
        <v>25</v>
      </c>
      <c r="X29707">
        <v>26</v>
      </c>
      <c r="Y29707">
        <v>26</v>
      </c>
      <c r="Z29707">
        <v>26</v>
      </c>
      <c r="AA29707">
        <v>26</v>
      </c>
      <c r="AB29707">
        <v>26</v>
      </c>
      <c r="AC29707">
        <v>26</v>
      </c>
      <c r="AD29707">
        <v>26</v>
      </c>
      <c r="AE29707">
        <v>27</v>
      </c>
      <c r="AF29707">
        <v>27</v>
      </c>
      <c r="AG29707">
        <v>27</v>
      </c>
      <c r="AH29707">
        <v>27</v>
      </c>
      <c r="AI29707">
        <v>27</v>
      </c>
      <c r="AJ29707">
        <v>27</v>
      </c>
      <c r="AK29707">
        <v>27</v>
      </c>
      <c r="AL29707">
        <v>28</v>
      </c>
      <c r="AM29707">
        <v>28</v>
      </c>
      <c r="AN29707">
        <v>28</v>
      </c>
      <c r="AO29707">
        <v>28</v>
      </c>
      <c r="AP29707">
        <v>28</v>
      </c>
      <c r="AQ29707">
        <v>28</v>
      </c>
    </row>
    <row r="29708" spans="1:43">
      <c r="A29708" t="s">
        <v>18409</v>
      </c>
      <c r="B29708" t="s">
        <v>18410</v>
      </c>
      <c r="C29708" t="s">
        <v>18411</v>
      </c>
      <c r="D29708" t="s">
        <v>18412</v>
      </c>
      <c r="E29708" t="s">
        <v>18345</v>
      </c>
      <c r="F29708" t="s">
        <v>18346</v>
      </c>
      <c r="G29708" t="s">
        <v>10734</v>
      </c>
      <c r="H29708" t="s">
        <v>10735</v>
      </c>
      <c r="I29708" s="2">
        <v>0</v>
      </c>
      <c r="J29708" s="2">
        <v>0</v>
      </c>
      <c r="K29708" s="2">
        <v>1</v>
      </c>
      <c r="L29708" t="s">
        <v>995</v>
      </c>
      <c r="M29708" t="s">
        <v>89</v>
      </c>
      <c r="N29708" t="s">
        <v>90</v>
      </c>
      <c r="O29708" t="s">
        <v>85</v>
      </c>
      <c r="P29708" t="s">
        <v>86</v>
      </c>
      <c r="Q29708">
        <v>24</v>
      </c>
      <c r="R29708">
        <v>24</v>
      </c>
      <c r="S29708">
        <v>25</v>
      </c>
      <c r="T29708">
        <v>26</v>
      </c>
      <c r="U29708">
        <v>26</v>
      </c>
      <c r="V29708">
        <v>27</v>
      </c>
      <c r="W29708">
        <v>27</v>
      </c>
      <c r="X29708">
        <v>28</v>
      </c>
      <c r="Y29708">
        <v>28</v>
      </c>
      <c r="Z29708">
        <v>29</v>
      </c>
      <c r="AA29708">
        <v>29</v>
      </c>
      <c r="AB29708">
        <v>30</v>
      </c>
      <c r="AC29708">
        <v>30</v>
      </c>
      <c r="AD29708">
        <v>31</v>
      </c>
      <c r="AE29708">
        <v>31</v>
      </c>
      <c r="AF29708">
        <v>31</v>
      </c>
      <c r="AG29708">
        <v>31</v>
      </c>
      <c r="AH29708">
        <v>31</v>
      </c>
      <c r="AI29708">
        <v>31</v>
      </c>
      <c r="AJ29708">
        <v>31</v>
      </c>
      <c r="AK29708">
        <v>31</v>
      </c>
      <c r="AL29708">
        <v>31</v>
      </c>
      <c r="AM29708">
        <v>31</v>
      </c>
      <c r="AN29708">
        <v>32</v>
      </c>
      <c r="AO29708">
        <v>32</v>
      </c>
      <c r="AP29708">
        <v>32</v>
      </c>
      <c r="AQ29708">
        <v>32</v>
      </c>
    </row>
    <row r="29709" spans="1:43">
      <c r="A29709" t="s">
        <v>18409</v>
      </c>
      <c r="B29709" t="s">
        <v>18410</v>
      </c>
      <c r="C29709" t="s">
        <v>18411</v>
      </c>
      <c r="D29709" t="s">
        <v>18412</v>
      </c>
      <c r="E29709" t="s">
        <v>18345</v>
      </c>
      <c r="F29709" t="s">
        <v>18346</v>
      </c>
      <c r="G29709" t="s">
        <v>10734</v>
      </c>
      <c r="H29709" t="s">
        <v>10735</v>
      </c>
      <c r="I29709" s="2">
        <v>0</v>
      </c>
      <c r="J29709" s="2">
        <v>0</v>
      </c>
      <c r="K29709" s="2">
        <v>1</v>
      </c>
      <c r="L29709" t="s">
        <v>995</v>
      </c>
      <c r="M29709" t="s">
        <v>83</v>
      </c>
      <c r="N29709" t="s">
        <v>91</v>
      </c>
      <c r="O29709" t="s">
        <v>85</v>
      </c>
      <c r="P29709" t="s">
        <v>86</v>
      </c>
      <c r="Q29709">
        <v>24</v>
      </c>
      <c r="R29709">
        <v>24</v>
      </c>
      <c r="S29709">
        <v>24</v>
      </c>
      <c r="T29709">
        <v>25</v>
      </c>
      <c r="U29709">
        <v>25</v>
      </c>
      <c r="V29709">
        <v>26</v>
      </c>
      <c r="W29709">
        <v>26</v>
      </c>
      <c r="X29709">
        <v>26</v>
      </c>
      <c r="Y29709">
        <v>27</v>
      </c>
      <c r="Z29709">
        <v>27</v>
      </c>
      <c r="AA29709">
        <v>27</v>
      </c>
      <c r="AB29709">
        <v>28</v>
      </c>
      <c r="AC29709">
        <v>28</v>
      </c>
      <c r="AD29709">
        <v>29</v>
      </c>
      <c r="AE29709">
        <v>29</v>
      </c>
      <c r="AF29709">
        <v>29</v>
      </c>
      <c r="AG29709">
        <v>30</v>
      </c>
      <c r="AH29709">
        <v>30</v>
      </c>
      <c r="AI29709">
        <v>30</v>
      </c>
      <c r="AJ29709">
        <v>31</v>
      </c>
      <c r="AK29709">
        <v>31</v>
      </c>
      <c r="AL29709">
        <v>31</v>
      </c>
      <c r="AM29709">
        <v>31</v>
      </c>
      <c r="AN29709">
        <v>31</v>
      </c>
      <c r="AO29709">
        <v>31</v>
      </c>
      <c r="AP29709">
        <v>31</v>
      </c>
      <c r="AQ29709">
        <v>31</v>
      </c>
    </row>
    <row r="29710" spans="1:43">
      <c r="A29710" t="s">
        <v>18413</v>
      </c>
      <c r="B29710" t="s">
        <v>18414</v>
      </c>
      <c r="C29710" t="s">
        <v>18411</v>
      </c>
      <c r="D29710" t="s">
        <v>18412</v>
      </c>
      <c r="E29710" t="s">
        <v>18345</v>
      </c>
      <c r="F29710" t="s">
        <v>18346</v>
      </c>
      <c r="G29710" t="s">
        <v>10734</v>
      </c>
      <c r="H29710" t="s">
        <v>10735</v>
      </c>
      <c r="I29710" s="2">
        <v>0</v>
      </c>
      <c r="J29710" s="2">
        <v>0</v>
      </c>
      <c r="K29710" s="2">
        <v>1</v>
      </c>
      <c r="L29710" t="s">
        <v>995</v>
      </c>
      <c r="M29710" t="s">
        <v>83</v>
      </c>
      <c r="N29710" t="s">
        <v>84</v>
      </c>
      <c r="O29710" t="s">
        <v>85</v>
      </c>
      <c r="P29710" t="s">
        <v>86</v>
      </c>
      <c r="Q29710">
        <v>18</v>
      </c>
      <c r="R29710">
        <v>18</v>
      </c>
      <c r="S29710">
        <v>18</v>
      </c>
      <c r="T29710">
        <v>19</v>
      </c>
      <c r="U29710">
        <v>19</v>
      </c>
      <c r="V29710">
        <v>19</v>
      </c>
      <c r="W29710">
        <v>20</v>
      </c>
      <c r="X29710">
        <v>20</v>
      </c>
      <c r="Y29710">
        <v>20</v>
      </c>
      <c r="Z29710">
        <v>21</v>
      </c>
      <c r="AA29710">
        <v>21</v>
      </c>
      <c r="AB29710">
        <v>21</v>
      </c>
      <c r="AC29710">
        <v>21</v>
      </c>
      <c r="AD29710">
        <v>22</v>
      </c>
      <c r="AE29710">
        <v>22</v>
      </c>
      <c r="AF29710">
        <v>22</v>
      </c>
      <c r="AG29710">
        <v>22</v>
      </c>
      <c r="AH29710">
        <v>23</v>
      </c>
      <c r="AI29710">
        <v>23</v>
      </c>
      <c r="AJ29710">
        <v>23</v>
      </c>
      <c r="AK29710">
        <v>24</v>
      </c>
      <c r="AL29710">
        <v>24</v>
      </c>
      <c r="AM29710">
        <v>24</v>
      </c>
      <c r="AN29710">
        <v>24</v>
      </c>
      <c r="AO29710">
        <v>24</v>
      </c>
      <c r="AP29710">
        <v>24</v>
      </c>
      <c r="AQ29710">
        <v>24</v>
      </c>
    </row>
    <row r="29711" spans="1:43">
      <c r="A29711" t="s">
        <v>18413</v>
      </c>
      <c r="B29711" t="s">
        <v>18414</v>
      </c>
      <c r="C29711" t="s">
        <v>18411</v>
      </c>
      <c r="D29711" t="s">
        <v>18412</v>
      </c>
      <c r="E29711" t="s">
        <v>18345</v>
      </c>
      <c r="F29711" t="s">
        <v>18346</v>
      </c>
      <c r="G29711" t="s">
        <v>10734</v>
      </c>
      <c r="H29711" t="s">
        <v>10735</v>
      </c>
      <c r="I29711" s="2">
        <v>0</v>
      </c>
      <c r="J29711" s="2">
        <v>0</v>
      </c>
      <c r="K29711" s="2">
        <v>1</v>
      </c>
      <c r="L29711" t="s">
        <v>995</v>
      </c>
      <c r="M29711" t="s">
        <v>87</v>
      </c>
      <c r="N29711" t="s">
        <v>88</v>
      </c>
      <c r="O29711" t="s">
        <v>85</v>
      </c>
      <c r="P29711" t="s">
        <v>86</v>
      </c>
      <c r="Q29711">
        <v>18</v>
      </c>
      <c r="R29711">
        <v>18</v>
      </c>
      <c r="S29711">
        <v>18</v>
      </c>
      <c r="T29711">
        <v>18</v>
      </c>
      <c r="U29711">
        <v>18</v>
      </c>
      <c r="V29711">
        <v>18</v>
      </c>
      <c r="W29711">
        <v>18</v>
      </c>
      <c r="X29711">
        <v>19</v>
      </c>
      <c r="Y29711">
        <v>19</v>
      </c>
      <c r="Z29711">
        <v>19</v>
      </c>
      <c r="AA29711">
        <v>19</v>
      </c>
      <c r="AB29711">
        <v>19</v>
      </c>
      <c r="AC29711">
        <v>19</v>
      </c>
      <c r="AD29711">
        <v>19</v>
      </c>
      <c r="AE29711">
        <v>19</v>
      </c>
      <c r="AF29711">
        <v>20</v>
      </c>
      <c r="AG29711">
        <v>20</v>
      </c>
      <c r="AH29711">
        <v>20</v>
      </c>
      <c r="AI29711">
        <v>20</v>
      </c>
      <c r="AJ29711">
        <v>20</v>
      </c>
      <c r="AK29711">
        <v>20</v>
      </c>
      <c r="AL29711">
        <v>20</v>
      </c>
      <c r="AM29711">
        <v>20</v>
      </c>
      <c r="AN29711">
        <v>21</v>
      </c>
      <c r="AO29711">
        <v>21</v>
      </c>
      <c r="AP29711">
        <v>21</v>
      </c>
      <c r="AQ29711">
        <v>21</v>
      </c>
    </row>
    <row r="29712" spans="1:43">
      <c r="A29712" t="s">
        <v>18413</v>
      </c>
      <c r="B29712" t="s">
        <v>18414</v>
      </c>
      <c r="C29712" t="s">
        <v>18411</v>
      </c>
      <c r="D29712" t="s">
        <v>18412</v>
      </c>
      <c r="E29712" t="s">
        <v>18345</v>
      </c>
      <c r="F29712" t="s">
        <v>18346</v>
      </c>
      <c r="G29712" t="s">
        <v>10734</v>
      </c>
      <c r="H29712" t="s">
        <v>10735</v>
      </c>
      <c r="I29712" s="2">
        <v>0</v>
      </c>
      <c r="J29712" s="2">
        <v>0</v>
      </c>
      <c r="K29712" s="2">
        <v>1</v>
      </c>
      <c r="L29712" t="s">
        <v>995</v>
      </c>
      <c r="M29712" t="s">
        <v>89</v>
      </c>
      <c r="N29712" t="s">
        <v>90</v>
      </c>
      <c r="O29712" t="s">
        <v>85</v>
      </c>
      <c r="P29712" t="s">
        <v>86</v>
      </c>
      <c r="Q29712">
        <v>18</v>
      </c>
      <c r="R29712">
        <v>19</v>
      </c>
      <c r="S29712">
        <v>19</v>
      </c>
      <c r="T29712">
        <v>19</v>
      </c>
      <c r="U29712">
        <v>20</v>
      </c>
      <c r="V29712">
        <v>20</v>
      </c>
      <c r="W29712">
        <v>21</v>
      </c>
      <c r="X29712">
        <v>21</v>
      </c>
      <c r="Y29712">
        <v>21</v>
      </c>
      <c r="Z29712">
        <v>22</v>
      </c>
      <c r="AA29712">
        <v>22</v>
      </c>
      <c r="AB29712">
        <v>22</v>
      </c>
      <c r="AC29712">
        <v>23</v>
      </c>
      <c r="AD29712">
        <v>23</v>
      </c>
      <c r="AE29712">
        <v>23</v>
      </c>
      <c r="AF29712">
        <v>23</v>
      </c>
      <c r="AG29712">
        <v>24</v>
      </c>
      <c r="AH29712">
        <v>24</v>
      </c>
      <c r="AI29712">
        <v>24</v>
      </c>
      <c r="AJ29712">
        <v>24</v>
      </c>
      <c r="AK29712">
        <v>24</v>
      </c>
      <c r="AL29712">
        <v>24</v>
      </c>
      <c r="AM29712">
        <v>24</v>
      </c>
      <c r="AN29712">
        <v>24</v>
      </c>
      <c r="AO29712">
        <v>24</v>
      </c>
      <c r="AP29712">
        <v>24</v>
      </c>
      <c r="AQ29712">
        <v>24</v>
      </c>
    </row>
    <row r="29713" spans="1:43">
      <c r="A29713" t="s">
        <v>18413</v>
      </c>
      <c r="B29713" t="s">
        <v>18414</v>
      </c>
      <c r="C29713" t="s">
        <v>18411</v>
      </c>
      <c r="D29713" t="s">
        <v>18412</v>
      </c>
      <c r="E29713" t="s">
        <v>18345</v>
      </c>
      <c r="F29713" t="s">
        <v>18346</v>
      </c>
      <c r="G29713" t="s">
        <v>10734</v>
      </c>
      <c r="H29713" t="s">
        <v>10735</v>
      </c>
      <c r="I29713" s="2">
        <v>0</v>
      </c>
      <c r="J29713" s="2">
        <v>0</v>
      </c>
      <c r="K29713" s="2">
        <v>1</v>
      </c>
      <c r="L29713" t="s">
        <v>995</v>
      </c>
      <c r="M29713" t="s">
        <v>83</v>
      </c>
      <c r="N29713" t="s">
        <v>91</v>
      </c>
      <c r="O29713" t="s">
        <v>85</v>
      </c>
      <c r="P29713" t="s">
        <v>86</v>
      </c>
      <c r="Q29713">
        <v>18</v>
      </c>
      <c r="R29713">
        <v>18</v>
      </c>
      <c r="S29713">
        <v>18</v>
      </c>
      <c r="T29713">
        <v>19</v>
      </c>
      <c r="U29713">
        <v>19</v>
      </c>
      <c r="V29713">
        <v>19</v>
      </c>
      <c r="W29713">
        <v>20</v>
      </c>
      <c r="X29713">
        <v>20</v>
      </c>
      <c r="Y29713">
        <v>20</v>
      </c>
      <c r="Z29713">
        <v>21</v>
      </c>
      <c r="AA29713">
        <v>21</v>
      </c>
      <c r="AB29713">
        <v>21</v>
      </c>
      <c r="AC29713">
        <v>21</v>
      </c>
      <c r="AD29713">
        <v>22</v>
      </c>
      <c r="AE29713">
        <v>22</v>
      </c>
      <c r="AF29713">
        <v>22</v>
      </c>
      <c r="AG29713">
        <v>22</v>
      </c>
      <c r="AH29713">
        <v>23</v>
      </c>
      <c r="AI29713">
        <v>23</v>
      </c>
      <c r="AJ29713">
        <v>23</v>
      </c>
      <c r="AK29713">
        <v>24</v>
      </c>
      <c r="AL29713">
        <v>24</v>
      </c>
      <c r="AM29713">
        <v>24</v>
      </c>
      <c r="AN29713">
        <v>24</v>
      </c>
      <c r="AO29713">
        <v>24</v>
      </c>
      <c r="AP29713">
        <v>24</v>
      </c>
      <c r="AQ29713">
        <v>24</v>
      </c>
    </row>
    <row r="29714" spans="1:43">
      <c r="A29714" t="s">
        <v>18415</v>
      </c>
      <c r="B29714" t="s">
        <v>18416</v>
      </c>
      <c r="C29714" t="s">
        <v>18391</v>
      </c>
      <c r="D29714" t="s">
        <v>18392</v>
      </c>
      <c r="E29714" t="s">
        <v>18345</v>
      </c>
      <c r="F29714" t="s">
        <v>18346</v>
      </c>
      <c r="G29714" t="s">
        <v>10734</v>
      </c>
      <c r="H29714" t="s">
        <v>10735</v>
      </c>
      <c r="I29714" s="2">
        <v>0</v>
      </c>
      <c r="J29714" s="2">
        <v>0</v>
      </c>
      <c r="K29714" s="2">
        <v>1</v>
      </c>
      <c r="L29714" t="s">
        <v>995</v>
      </c>
      <c r="M29714" t="s">
        <v>83</v>
      </c>
      <c r="N29714" t="s">
        <v>84</v>
      </c>
      <c r="O29714" t="s">
        <v>85</v>
      </c>
      <c r="P29714" t="s">
        <v>86</v>
      </c>
      <c r="Q29714">
        <v>59</v>
      </c>
      <c r="R29714">
        <v>60</v>
      </c>
      <c r="S29714">
        <v>61</v>
      </c>
      <c r="T29714">
        <v>62</v>
      </c>
      <c r="U29714">
        <v>63</v>
      </c>
      <c r="V29714">
        <v>64</v>
      </c>
      <c r="W29714">
        <v>65</v>
      </c>
      <c r="X29714">
        <v>66</v>
      </c>
      <c r="Y29714">
        <v>67</v>
      </c>
      <c r="Z29714">
        <v>68</v>
      </c>
      <c r="AA29714">
        <v>69</v>
      </c>
      <c r="AB29714">
        <v>70</v>
      </c>
      <c r="AC29714">
        <v>71</v>
      </c>
      <c r="AD29714">
        <v>72</v>
      </c>
      <c r="AE29714">
        <v>73</v>
      </c>
      <c r="AF29714">
        <v>74</v>
      </c>
      <c r="AG29714">
        <v>74</v>
      </c>
      <c r="AH29714">
        <v>75</v>
      </c>
      <c r="AI29714">
        <v>76</v>
      </c>
      <c r="AJ29714">
        <v>77</v>
      </c>
      <c r="AK29714">
        <v>78</v>
      </c>
      <c r="AL29714">
        <v>79</v>
      </c>
      <c r="AM29714">
        <v>79</v>
      </c>
      <c r="AN29714">
        <v>79</v>
      </c>
      <c r="AO29714">
        <v>79</v>
      </c>
      <c r="AP29714">
        <v>80</v>
      </c>
      <c r="AQ29714">
        <v>80</v>
      </c>
    </row>
    <row r="29715" spans="1:43">
      <c r="A29715" t="s">
        <v>18415</v>
      </c>
      <c r="B29715" t="s">
        <v>18416</v>
      </c>
      <c r="C29715" t="s">
        <v>18391</v>
      </c>
      <c r="D29715" t="s">
        <v>18392</v>
      </c>
      <c r="E29715" t="s">
        <v>18345</v>
      </c>
      <c r="F29715" t="s">
        <v>18346</v>
      </c>
      <c r="G29715" t="s">
        <v>10734</v>
      </c>
      <c r="H29715" t="s">
        <v>10735</v>
      </c>
      <c r="I29715" s="2">
        <v>0</v>
      </c>
      <c r="J29715" s="2">
        <v>0</v>
      </c>
      <c r="K29715" s="2">
        <v>1</v>
      </c>
      <c r="L29715" t="s">
        <v>995</v>
      </c>
      <c r="M29715" t="s">
        <v>87</v>
      </c>
      <c r="N29715" t="s">
        <v>88</v>
      </c>
      <c r="O29715" t="s">
        <v>85</v>
      </c>
      <c r="P29715" t="s">
        <v>86</v>
      </c>
      <c r="Q29715">
        <v>59</v>
      </c>
      <c r="R29715">
        <v>59</v>
      </c>
      <c r="S29715">
        <v>59</v>
      </c>
      <c r="T29715">
        <v>60</v>
      </c>
      <c r="U29715">
        <v>60</v>
      </c>
      <c r="V29715">
        <v>61</v>
      </c>
      <c r="W29715">
        <v>61</v>
      </c>
      <c r="X29715">
        <v>62</v>
      </c>
      <c r="Y29715">
        <v>62</v>
      </c>
      <c r="Z29715">
        <v>62</v>
      </c>
      <c r="AA29715">
        <v>63</v>
      </c>
      <c r="AB29715">
        <v>63</v>
      </c>
      <c r="AC29715">
        <v>64</v>
      </c>
      <c r="AD29715">
        <v>64</v>
      </c>
      <c r="AE29715">
        <v>64</v>
      </c>
      <c r="AF29715">
        <v>65</v>
      </c>
      <c r="AG29715">
        <v>65</v>
      </c>
      <c r="AH29715">
        <v>65</v>
      </c>
      <c r="AI29715">
        <v>66</v>
      </c>
      <c r="AJ29715">
        <v>66</v>
      </c>
      <c r="AK29715">
        <v>67</v>
      </c>
      <c r="AL29715">
        <v>67</v>
      </c>
      <c r="AM29715">
        <v>67</v>
      </c>
      <c r="AN29715">
        <v>68</v>
      </c>
      <c r="AO29715">
        <v>68</v>
      </c>
      <c r="AP29715">
        <v>69</v>
      </c>
      <c r="AQ29715">
        <v>69</v>
      </c>
    </row>
    <row r="29716" spans="1:43">
      <c r="A29716" t="s">
        <v>18415</v>
      </c>
      <c r="B29716" t="s">
        <v>18416</v>
      </c>
      <c r="C29716" t="s">
        <v>18391</v>
      </c>
      <c r="D29716" t="s">
        <v>18392</v>
      </c>
      <c r="E29716" t="s">
        <v>18345</v>
      </c>
      <c r="F29716" t="s">
        <v>18346</v>
      </c>
      <c r="G29716" t="s">
        <v>10734</v>
      </c>
      <c r="H29716" t="s">
        <v>10735</v>
      </c>
      <c r="I29716" s="2">
        <v>0</v>
      </c>
      <c r="J29716" s="2">
        <v>0</v>
      </c>
      <c r="K29716" s="2">
        <v>1</v>
      </c>
      <c r="L29716" t="s">
        <v>995</v>
      </c>
      <c r="M29716" t="s">
        <v>89</v>
      </c>
      <c r="N29716" t="s">
        <v>90</v>
      </c>
      <c r="O29716" t="s">
        <v>85</v>
      </c>
      <c r="P29716" t="s">
        <v>86</v>
      </c>
      <c r="Q29716">
        <v>59</v>
      </c>
      <c r="R29716">
        <v>60</v>
      </c>
      <c r="S29716">
        <v>62</v>
      </c>
      <c r="T29716">
        <v>63</v>
      </c>
      <c r="U29716">
        <v>65</v>
      </c>
      <c r="V29716">
        <v>66</v>
      </c>
      <c r="W29716">
        <v>67</v>
      </c>
      <c r="X29716">
        <v>69</v>
      </c>
      <c r="Y29716">
        <v>70</v>
      </c>
      <c r="Z29716">
        <v>71</v>
      </c>
      <c r="AA29716">
        <v>72</v>
      </c>
      <c r="AB29716">
        <v>74</v>
      </c>
      <c r="AC29716">
        <v>75</v>
      </c>
      <c r="AD29716">
        <v>76</v>
      </c>
      <c r="AE29716">
        <v>77</v>
      </c>
      <c r="AF29716">
        <v>77</v>
      </c>
      <c r="AG29716">
        <v>78</v>
      </c>
      <c r="AH29716">
        <v>78</v>
      </c>
      <c r="AI29716">
        <v>78</v>
      </c>
      <c r="AJ29716">
        <v>78</v>
      </c>
      <c r="AK29716">
        <v>79</v>
      </c>
      <c r="AL29716">
        <v>79</v>
      </c>
      <c r="AM29716">
        <v>79</v>
      </c>
      <c r="AN29716">
        <v>79</v>
      </c>
      <c r="AO29716">
        <v>80</v>
      </c>
      <c r="AP29716">
        <v>80</v>
      </c>
      <c r="AQ29716">
        <v>80</v>
      </c>
    </row>
    <row r="29717" spans="1:43">
      <c r="A29717" t="s">
        <v>18415</v>
      </c>
      <c r="B29717" t="s">
        <v>18416</v>
      </c>
      <c r="C29717" t="s">
        <v>18391</v>
      </c>
      <c r="D29717" t="s">
        <v>18392</v>
      </c>
      <c r="E29717" t="s">
        <v>18345</v>
      </c>
      <c r="F29717" t="s">
        <v>18346</v>
      </c>
      <c r="G29717" t="s">
        <v>10734</v>
      </c>
      <c r="H29717" t="s">
        <v>10735</v>
      </c>
      <c r="I29717" s="2">
        <v>0</v>
      </c>
      <c r="J29717" s="2">
        <v>0</v>
      </c>
      <c r="K29717" s="2">
        <v>1</v>
      </c>
      <c r="L29717" t="s">
        <v>995</v>
      </c>
      <c r="M29717" t="s">
        <v>83</v>
      </c>
      <c r="N29717" t="s">
        <v>91</v>
      </c>
      <c r="O29717" t="s">
        <v>85</v>
      </c>
      <c r="P29717" t="s">
        <v>86</v>
      </c>
      <c r="Q29717">
        <v>59</v>
      </c>
      <c r="R29717">
        <v>60</v>
      </c>
      <c r="S29717">
        <v>61</v>
      </c>
      <c r="T29717">
        <v>62</v>
      </c>
      <c r="U29717">
        <v>63</v>
      </c>
      <c r="V29717">
        <v>64</v>
      </c>
      <c r="W29717">
        <v>65</v>
      </c>
      <c r="X29717">
        <v>66</v>
      </c>
      <c r="Y29717">
        <v>67</v>
      </c>
      <c r="Z29717">
        <v>68</v>
      </c>
      <c r="AA29717">
        <v>69</v>
      </c>
      <c r="AB29717">
        <v>70</v>
      </c>
      <c r="AC29717">
        <v>71</v>
      </c>
      <c r="AD29717">
        <v>72</v>
      </c>
      <c r="AE29717">
        <v>73</v>
      </c>
      <c r="AF29717">
        <v>74</v>
      </c>
      <c r="AG29717">
        <v>74</v>
      </c>
      <c r="AH29717">
        <v>75</v>
      </c>
      <c r="AI29717">
        <v>76</v>
      </c>
      <c r="AJ29717">
        <v>77</v>
      </c>
      <c r="AK29717">
        <v>78</v>
      </c>
      <c r="AL29717">
        <v>79</v>
      </c>
      <c r="AM29717">
        <v>79</v>
      </c>
      <c r="AN29717">
        <v>79</v>
      </c>
      <c r="AO29717">
        <v>79</v>
      </c>
      <c r="AP29717">
        <v>80</v>
      </c>
      <c r="AQ29717">
        <v>80</v>
      </c>
    </row>
    <row r="29718" spans="1:43">
      <c r="A29718" t="s">
        <v>18417</v>
      </c>
      <c r="B29718" t="s">
        <v>18418</v>
      </c>
      <c r="C29718" t="s">
        <v>18391</v>
      </c>
      <c r="D29718" t="s">
        <v>18392</v>
      </c>
      <c r="E29718" t="s">
        <v>18345</v>
      </c>
      <c r="F29718" t="s">
        <v>18346</v>
      </c>
      <c r="G29718" t="s">
        <v>10734</v>
      </c>
      <c r="H29718" t="s">
        <v>10735</v>
      </c>
      <c r="I29718" s="2">
        <v>0</v>
      </c>
      <c r="J29718" s="2">
        <v>0</v>
      </c>
      <c r="K29718" s="2">
        <v>1</v>
      </c>
      <c r="L29718" t="s">
        <v>995</v>
      </c>
      <c r="M29718" t="s">
        <v>83</v>
      </c>
      <c r="N29718" t="s">
        <v>84</v>
      </c>
      <c r="O29718" t="s">
        <v>85</v>
      </c>
      <c r="P29718" t="s">
        <v>86</v>
      </c>
      <c r="Q29718">
        <v>76</v>
      </c>
      <c r="R29718">
        <v>77</v>
      </c>
      <c r="S29718">
        <v>79</v>
      </c>
      <c r="T29718">
        <v>80</v>
      </c>
      <c r="U29718">
        <v>81</v>
      </c>
      <c r="V29718">
        <v>82</v>
      </c>
      <c r="W29718">
        <v>84</v>
      </c>
      <c r="X29718">
        <v>85</v>
      </c>
      <c r="Y29718">
        <v>86</v>
      </c>
      <c r="Z29718">
        <v>87</v>
      </c>
      <c r="AA29718">
        <v>89</v>
      </c>
      <c r="AB29718">
        <v>90</v>
      </c>
      <c r="AC29718">
        <v>91</v>
      </c>
      <c r="AD29718">
        <v>92</v>
      </c>
      <c r="AE29718">
        <v>93</v>
      </c>
      <c r="AF29718">
        <v>94</v>
      </c>
      <c r="AG29718">
        <v>96</v>
      </c>
      <c r="AH29718">
        <v>97</v>
      </c>
      <c r="AI29718">
        <v>98</v>
      </c>
      <c r="AJ29718">
        <v>99</v>
      </c>
      <c r="AK29718">
        <v>100</v>
      </c>
      <c r="AL29718">
        <v>101</v>
      </c>
      <c r="AM29718">
        <v>101</v>
      </c>
      <c r="AN29718">
        <v>102</v>
      </c>
      <c r="AO29718">
        <v>102</v>
      </c>
      <c r="AP29718">
        <v>102</v>
      </c>
      <c r="AQ29718">
        <v>103</v>
      </c>
    </row>
    <row r="29719" spans="1:43">
      <c r="A29719" t="s">
        <v>18417</v>
      </c>
      <c r="B29719" t="s">
        <v>18418</v>
      </c>
      <c r="C29719" t="s">
        <v>18391</v>
      </c>
      <c r="D29719" t="s">
        <v>18392</v>
      </c>
      <c r="E29719" t="s">
        <v>18345</v>
      </c>
      <c r="F29719" t="s">
        <v>18346</v>
      </c>
      <c r="G29719" t="s">
        <v>10734</v>
      </c>
      <c r="H29719" t="s">
        <v>10735</v>
      </c>
      <c r="I29719" s="2">
        <v>0</v>
      </c>
      <c r="J29719" s="2">
        <v>0</v>
      </c>
      <c r="K29719" s="2">
        <v>1</v>
      </c>
      <c r="L29719" t="s">
        <v>995</v>
      </c>
      <c r="M29719" t="s">
        <v>87</v>
      </c>
      <c r="N29719" t="s">
        <v>88</v>
      </c>
      <c r="O29719" t="s">
        <v>85</v>
      </c>
      <c r="P29719" t="s">
        <v>86</v>
      </c>
      <c r="Q29719">
        <v>76</v>
      </c>
      <c r="R29719">
        <v>77</v>
      </c>
      <c r="S29719">
        <v>77</v>
      </c>
      <c r="T29719">
        <v>78</v>
      </c>
      <c r="U29719">
        <v>78</v>
      </c>
      <c r="V29719">
        <v>79</v>
      </c>
      <c r="W29719">
        <v>79</v>
      </c>
      <c r="X29719">
        <v>80</v>
      </c>
      <c r="Y29719">
        <v>81</v>
      </c>
      <c r="Z29719">
        <v>81</v>
      </c>
      <c r="AA29719">
        <v>82</v>
      </c>
      <c r="AB29719">
        <v>82</v>
      </c>
      <c r="AC29719">
        <v>83</v>
      </c>
      <c r="AD29719">
        <v>83</v>
      </c>
      <c r="AE29719">
        <v>84</v>
      </c>
      <c r="AF29719">
        <v>84</v>
      </c>
      <c r="AG29719">
        <v>85</v>
      </c>
      <c r="AH29719">
        <v>85</v>
      </c>
      <c r="AI29719">
        <v>86</v>
      </c>
      <c r="AJ29719">
        <v>86</v>
      </c>
      <c r="AK29719">
        <v>87</v>
      </c>
      <c r="AL29719">
        <v>87</v>
      </c>
      <c r="AM29719">
        <v>88</v>
      </c>
      <c r="AN29719">
        <v>88</v>
      </c>
      <c r="AO29719">
        <v>89</v>
      </c>
      <c r="AP29719">
        <v>89</v>
      </c>
      <c r="AQ29719">
        <v>89</v>
      </c>
    </row>
    <row r="29720" spans="1:43">
      <c r="A29720" t="s">
        <v>18417</v>
      </c>
      <c r="B29720" t="s">
        <v>18418</v>
      </c>
      <c r="C29720" t="s">
        <v>18391</v>
      </c>
      <c r="D29720" t="s">
        <v>18392</v>
      </c>
      <c r="E29720" t="s">
        <v>18345</v>
      </c>
      <c r="F29720" t="s">
        <v>18346</v>
      </c>
      <c r="G29720" t="s">
        <v>10734</v>
      </c>
      <c r="H29720" t="s">
        <v>10735</v>
      </c>
      <c r="I29720" s="2">
        <v>0</v>
      </c>
      <c r="J29720" s="2">
        <v>0</v>
      </c>
      <c r="K29720" s="2">
        <v>1</v>
      </c>
      <c r="L29720" t="s">
        <v>995</v>
      </c>
      <c r="M29720" t="s">
        <v>89</v>
      </c>
      <c r="N29720" t="s">
        <v>90</v>
      </c>
      <c r="O29720" t="s">
        <v>85</v>
      </c>
      <c r="P29720" t="s">
        <v>86</v>
      </c>
      <c r="Q29720">
        <v>76</v>
      </c>
      <c r="R29720">
        <v>78</v>
      </c>
      <c r="S29720">
        <v>80</v>
      </c>
      <c r="T29720">
        <v>81</v>
      </c>
      <c r="U29720">
        <v>83</v>
      </c>
      <c r="V29720">
        <v>85</v>
      </c>
      <c r="W29720">
        <v>87</v>
      </c>
      <c r="X29720">
        <v>89</v>
      </c>
      <c r="Y29720">
        <v>90</v>
      </c>
      <c r="Z29720">
        <v>92</v>
      </c>
      <c r="AA29720">
        <v>93</v>
      </c>
      <c r="AB29720">
        <v>95</v>
      </c>
      <c r="AC29720">
        <v>96</v>
      </c>
      <c r="AD29720">
        <v>98</v>
      </c>
      <c r="AE29720">
        <v>99</v>
      </c>
      <c r="AF29720">
        <v>99</v>
      </c>
      <c r="AG29720">
        <v>100</v>
      </c>
      <c r="AH29720">
        <v>100</v>
      </c>
      <c r="AI29720">
        <v>101</v>
      </c>
      <c r="AJ29720">
        <v>101</v>
      </c>
      <c r="AK29720">
        <v>101</v>
      </c>
      <c r="AL29720">
        <v>102</v>
      </c>
      <c r="AM29720">
        <v>102</v>
      </c>
      <c r="AN29720">
        <v>102</v>
      </c>
      <c r="AO29720">
        <v>103</v>
      </c>
      <c r="AP29720">
        <v>103</v>
      </c>
      <c r="AQ29720">
        <v>103</v>
      </c>
    </row>
    <row r="29721" spans="1:43">
      <c r="A29721" t="s">
        <v>18417</v>
      </c>
      <c r="B29721" t="s">
        <v>18418</v>
      </c>
      <c r="C29721" t="s">
        <v>18391</v>
      </c>
      <c r="D29721" t="s">
        <v>18392</v>
      </c>
      <c r="E29721" t="s">
        <v>18345</v>
      </c>
      <c r="F29721" t="s">
        <v>18346</v>
      </c>
      <c r="G29721" t="s">
        <v>10734</v>
      </c>
      <c r="H29721" t="s">
        <v>10735</v>
      </c>
      <c r="I29721" s="2">
        <v>0</v>
      </c>
      <c r="J29721" s="2">
        <v>0</v>
      </c>
      <c r="K29721" s="2">
        <v>1</v>
      </c>
      <c r="L29721" t="s">
        <v>995</v>
      </c>
      <c r="M29721" t="s">
        <v>83</v>
      </c>
      <c r="N29721" t="s">
        <v>91</v>
      </c>
      <c r="O29721" t="s">
        <v>85</v>
      </c>
      <c r="P29721" t="s">
        <v>86</v>
      </c>
      <c r="Q29721">
        <v>76</v>
      </c>
      <c r="R29721">
        <v>77</v>
      </c>
      <c r="S29721">
        <v>79</v>
      </c>
      <c r="T29721">
        <v>80</v>
      </c>
      <c r="U29721">
        <v>81</v>
      </c>
      <c r="V29721">
        <v>82</v>
      </c>
      <c r="W29721">
        <v>84</v>
      </c>
      <c r="X29721">
        <v>85</v>
      </c>
      <c r="Y29721">
        <v>86</v>
      </c>
      <c r="Z29721">
        <v>87</v>
      </c>
      <c r="AA29721">
        <v>89</v>
      </c>
      <c r="AB29721">
        <v>90</v>
      </c>
      <c r="AC29721">
        <v>91</v>
      </c>
      <c r="AD29721">
        <v>92</v>
      </c>
      <c r="AE29721">
        <v>93</v>
      </c>
      <c r="AF29721">
        <v>94</v>
      </c>
      <c r="AG29721">
        <v>96</v>
      </c>
      <c r="AH29721">
        <v>97</v>
      </c>
      <c r="AI29721">
        <v>98</v>
      </c>
      <c r="AJ29721">
        <v>99</v>
      </c>
      <c r="AK29721">
        <v>100</v>
      </c>
      <c r="AL29721">
        <v>101</v>
      </c>
      <c r="AM29721">
        <v>101</v>
      </c>
      <c r="AN29721">
        <v>102</v>
      </c>
      <c r="AO29721">
        <v>102</v>
      </c>
      <c r="AP29721">
        <v>102</v>
      </c>
      <c r="AQ29721">
        <v>103</v>
      </c>
    </row>
    <row r="29722" spans="1:43">
      <c r="A29722" t="s">
        <v>18419</v>
      </c>
      <c r="B29722" t="s">
        <v>18420</v>
      </c>
      <c r="C29722" t="s">
        <v>18375</v>
      </c>
      <c r="D29722" t="s">
        <v>18376</v>
      </c>
      <c r="E29722" t="s">
        <v>18345</v>
      </c>
      <c r="F29722" t="s">
        <v>18346</v>
      </c>
      <c r="G29722" t="s">
        <v>10734</v>
      </c>
      <c r="H29722" t="s">
        <v>10735</v>
      </c>
      <c r="I29722" s="2">
        <v>0</v>
      </c>
      <c r="J29722" s="2">
        <v>0</v>
      </c>
      <c r="K29722" s="2">
        <v>1</v>
      </c>
      <c r="L29722" t="s">
        <v>995</v>
      </c>
      <c r="M29722" t="s">
        <v>83</v>
      </c>
      <c r="N29722" t="s">
        <v>84</v>
      </c>
      <c r="O29722" t="s">
        <v>85</v>
      </c>
      <c r="P29722" t="s">
        <v>86</v>
      </c>
      <c r="Q29722">
        <v>32</v>
      </c>
      <c r="R29722">
        <v>32</v>
      </c>
      <c r="S29722">
        <v>33</v>
      </c>
      <c r="T29722">
        <v>33</v>
      </c>
      <c r="U29722">
        <v>34</v>
      </c>
      <c r="V29722">
        <v>34</v>
      </c>
      <c r="W29722">
        <v>35</v>
      </c>
      <c r="X29722">
        <v>35</v>
      </c>
      <c r="Y29722">
        <v>36</v>
      </c>
      <c r="Z29722">
        <v>36</v>
      </c>
      <c r="AA29722">
        <v>37</v>
      </c>
      <c r="AB29722">
        <v>37</v>
      </c>
      <c r="AC29722">
        <v>38</v>
      </c>
      <c r="AD29722">
        <v>38</v>
      </c>
      <c r="AE29722">
        <v>39</v>
      </c>
      <c r="AF29722">
        <v>39</v>
      </c>
      <c r="AG29722">
        <v>40</v>
      </c>
      <c r="AH29722">
        <v>40</v>
      </c>
      <c r="AI29722">
        <v>41</v>
      </c>
      <c r="AJ29722">
        <v>41</v>
      </c>
      <c r="AK29722">
        <v>42</v>
      </c>
      <c r="AL29722">
        <v>42</v>
      </c>
      <c r="AM29722">
        <v>42</v>
      </c>
      <c r="AN29722">
        <v>42</v>
      </c>
      <c r="AO29722">
        <v>42</v>
      </c>
      <c r="AP29722">
        <v>42</v>
      </c>
      <c r="AQ29722">
        <v>43</v>
      </c>
    </row>
    <row r="29723" spans="1:43">
      <c r="A29723" t="s">
        <v>18419</v>
      </c>
      <c r="B29723" t="s">
        <v>18420</v>
      </c>
      <c r="C29723" t="s">
        <v>18375</v>
      </c>
      <c r="D29723" t="s">
        <v>18376</v>
      </c>
      <c r="E29723" t="s">
        <v>18345</v>
      </c>
      <c r="F29723" t="s">
        <v>18346</v>
      </c>
      <c r="G29723" t="s">
        <v>10734</v>
      </c>
      <c r="H29723" t="s">
        <v>10735</v>
      </c>
      <c r="I29723" s="2">
        <v>0</v>
      </c>
      <c r="J29723" s="2">
        <v>0</v>
      </c>
      <c r="K29723" s="2">
        <v>1</v>
      </c>
      <c r="L29723" t="s">
        <v>995</v>
      </c>
      <c r="M29723" t="s">
        <v>87</v>
      </c>
      <c r="N29723" t="s">
        <v>88</v>
      </c>
      <c r="O29723" t="s">
        <v>85</v>
      </c>
      <c r="P29723" t="s">
        <v>86</v>
      </c>
      <c r="Q29723">
        <v>32</v>
      </c>
      <c r="R29723">
        <v>33</v>
      </c>
      <c r="S29723">
        <v>33</v>
      </c>
      <c r="T29723">
        <v>33</v>
      </c>
      <c r="U29723">
        <v>33</v>
      </c>
      <c r="V29723">
        <v>33</v>
      </c>
      <c r="W29723">
        <v>34</v>
      </c>
      <c r="X29723">
        <v>34</v>
      </c>
      <c r="Y29723">
        <v>34</v>
      </c>
      <c r="Z29723">
        <v>34</v>
      </c>
      <c r="AA29723">
        <v>34</v>
      </c>
      <c r="AB29723">
        <v>35</v>
      </c>
      <c r="AC29723">
        <v>35</v>
      </c>
      <c r="AD29723">
        <v>35</v>
      </c>
      <c r="AE29723">
        <v>35</v>
      </c>
      <c r="AF29723">
        <v>36</v>
      </c>
      <c r="AG29723">
        <v>36</v>
      </c>
      <c r="AH29723">
        <v>36</v>
      </c>
      <c r="AI29723">
        <v>36</v>
      </c>
      <c r="AJ29723">
        <v>36</v>
      </c>
      <c r="AK29723">
        <v>37</v>
      </c>
      <c r="AL29723">
        <v>37</v>
      </c>
      <c r="AM29723">
        <v>37</v>
      </c>
      <c r="AN29723">
        <v>37</v>
      </c>
      <c r="AO29723">
        <v>37</v>
      </c>
      <c r="AP29723">
        <v>38</v>
      </c>
      <c r="AQ29723">
        <v>38</v>
      </c>
    </row>
    <row r="29724" spans="1:43">
      <c r="A29724" t="s">
        <v>18419</v>
      </c>
      <c r="B29724" t="s">
        <v>18420</v>
      </c>
      <c r="C29724" t="s">
        <v>18375</v>
      </c>
      <c r="D29724" t="s">
        <v>18376</v>
      </c>
      <c r="E29724" t="s">
        <v>18345</v>
      </c>
      <c r="F29724" t="s">
        <v>18346</v>
      </c>
      <c r="G29724" t="s">
        <v>10734</v>
      </c>
      <c r="H29724" t="s">
        <v>10735</v>
      </c>
      <c r="I29724" s="2">
        <v>0</v>
      </c>
      <c r="J29724" s="2">
        <v>0</v>
      </c>
      <c r="K29724" s="2">
        <v>1</v>
      </c>
      <c r="L29724" t="s">
        <v>995</v>
      </c>
      <c r="M29724" t="s">
        <v>89</v>
      </c>
      <c r="N29724" t="s">
        <v>90</v>
      </c>
      <c r="O29724" t="s">
        <v>85</v>
      </c>
      <c r="P29724" t="s">
        <v>86</v>
      </c>
      <c r="Q29724">
        <v>32</v>
      </c>
      <c r="R29724">
        <v>33</v>
      </c>
      <c r="S29724">
        <v>33</v>
      </c>
      <c r="T29724">
        <v>34</v>
      </c>
      <c r="U29724">
        <v>35</v>
      </c>
      <c r="V29724">
        <v>36</v>
      </c>
      <c r="W29724">
        <v>36</v>
      </c>
      <c r="X29724">
        <v>37</v>
      </c>
      <c r="Y29724">
        <v>38</v>
      </c>
      <c r="Z29724">
        <v>38</v>
      </c>
      <c r="AA29724">
        <v>39</v>
      </c>
      <c r="AB29724">
        <v>40</v>
      </c>
      <c r="AC29724">
        <v>40</v>
      </c>
      <c r="AD29724">
        <v>41</v>
      </c>
      <c r="AE29724">
        <v>42</v>
      </c>
      <c r="AF29724">
        <v>42</v>
      </c>
      <c r="AG29724">
        <v>42</v>
      </c>
      <c r="AH29724">
        <v>42</v>
      </c>
      <c r="AI29724">
        <v>42</v>
      </c>
      <c r="AJ29724">
        <v>42</v>
      </c>
      <c r="AK29724">
        <v>42</v>
      </c>
      <c r="AL29724">
        <v>43</v>
      </c>
      <c r="AM29724">
        <v>43</v>
      </c>
      <c r="AN29724">
        <v>43</v>
      </c>
      <c r="AO29724">
        <v>43</v>
      </c>
      <c r="AP29724">
        <v>43</v>
      </c>
      <c r="AQ29724">
        <v>43</v>
      </c>
    </row>
    <row r="29725" spans="1:43">
      <c r="A29725" t="s">
        <v>18419</v>
      </c>
      <c r="B29725" t="s">
        <v>18420</v>
      </c>
      <c r="C29725" t="s">
        <v>18375</v>
      </c>
      <c r="D29725" t="s">
        <v>18376</v>
      </c>
      <c r="E29725" t="s">
        <v>18345</v>
      </c>
      <c r="F29725" t="s">
        <v>18346</v>
      </c>
      <c r="G29725" t="s">
        <v>10734</v>
      </c>
      <c r="H29725" t="s">
        <v>10735</v>
      </c>
      <c r="I29725" s="2">
        <v>0</v>
      </c>
      <c r="J29725" s="2">
        <v>0</v>
      </c>
      <c r="K29725" s="2">
        <v>1</v>
      </c>
      <c r="L29725" t="s">
        <v>995</v>
      </c>
      <c r="M29725" t="s">
        <v>83</v>
      </c>
      <c r="N29725" t="s">
        <v>91</v>
      </c>
      <c r="O29725" t="s">
        <v>85</v>
      </c>
      <c r="P29725" t="s">
        <v>86</v>
      </c>
      <c r="Q29725">
        <v>32</v>
      </c>
      <c r="R29725">
        <v>32</v>
      </c>
      <c r="S29725">
        <v>33</v>
      </c>
      <c r="T29725">
        <v>33</v>
      </c>
      <c r="U29725">
        <v>34</v>
      </c>
      <c r="V29725">
        <v>34</v>
      </c>
      <c r="W29725">
        <v>35</v>
      </c>
      <c r="X29725">
        <v>35</v>
      </c>
      <c r="Y29725">
        <v>36</v>
      </c>
      <c r="Z29725">
        <v>36</v>
      </c>
      <c r="AA29725">
        <v>37</v>
      </c>
      <c r="AB29725">
        <v>37</v>
      </c>
      <c r="AC29725">
        <v>38</v>
      </c>
      <c r="AD29725">
        <v>38</v>
      </c>
      <c r="AE29725">
        <v>39</v>
      </c>
      <c r="AF29725">
        <v>39</v>
      </c>
      <c r="AG29725">
        <v>40</v>
      </c>
      <c r="AH29725">
        <v>40</v>
      </c>
      <c r="AI29725">
        <v>41</v>
      </c>
      <c r="AJ29725">
        <v>41</v>
      </c>
      <c r="AK29725">
        <v>42</v>
      </c>
      <c r="AL29725">
        <v>42</v>
      </c>
      <c r="AM29725">
        <v>42</v>
      </c>
      <c r="AN29725">
        <v>42</v>
      </c>
      <c r="AO29725">
        <v>42</v>
      </c>
      <c r="AP29725">
        <v>42</v>
      </c>
      <c r="AQ29725">
        <v>43</v>
      </c>
    </row>
    <row r="29726" spans="1:43">
      <c r="A29726" t="s">
        <v>18421</v>
      </c>
      <c r="B29726" t="s">
        <v>18422</v>
      </c>
      <c r="C29726" t="s">
        <v>18391</v>
      </c>
      <c r="D29726" t="s">
        <v>18392</v>
      </c>
      <c r="E29726" t="s">
        <v>18345</v>
      </c>
      <c r="F29726" t="s">
        <v>18346</v>
      </c>
      <c r="G29726" t="s">
        <v>10734</v>
      </c>
      <c r="H29726" t="s">
        <v>10735</v>
      </c>
      <c r="I29726" s="2">
        <v>0</v>
      </c>
      <c r="J29726" s="2">
        <v>0</v>
      </c>
      <c r="K29726" s="2">
        <v>0.93</v>
      </c>
      <c r="L29726" t="s">
        <v>995</v>
      </c>
      <c r="M29726" t="s">
        <v>83</v>
      </c>
      <c r="N29726" t="s">
        <v>84</v>
      </c>
      <c r="O29726" t="s">
        <v>85</v>
      </c>
      <c r="P29726" t="s">
        <v>86</v>
      </c>
      <c r="Q29726">
        <v>40</v>
      </c>
      <c r="R29726">
        <v>41</v>
      </c>
      <c r="S29726">
        <v>41</v>
      </c>
      <c r="T29726">
        <v>42</v>
      </c>
      <c r="U29726">
        <v>43</v>
      </c>
      <c r="V29726">
        <v>43</v>
      </c>
      <c r="W29726">
        <v>44</v>
      </c>
      <c r="X29726">
        <v>44</v>
      </c>
      <c r="Y29726">
        <v>45</v>
      </c>
      <c r="Z29726">
        <v>46</v>
      </c>
      <c r="AA29726">
        <v>46</v>
      </c>
      <c r="AB29726">
        <v>47</v>
      </c>
      <c r="AC29726">
        <v>48</v>
      </c>
      <c r="AD29726">
        <v>48</v>
      </c>
      <c r="AE29726">
        <v>49</v>
      </c>
      <c r="AF29726">
        <v>50</v>
      </c>
      <c r="AG29726">
        <v>50</v>
      </c>
      <c r="AH29726">
        <v>51</v>
      </c>
      <c r="AI29726">
        <v>51</v>
      </c>
      <c r="AJ29726">
        <v>52</v>
      </c>
      <c r="AK29726">
        <v>53</v>
      </c>
      <c r="AL29726">
        <v>53</v>
      </c>
      <c r="AM29726">
        <v>53</v>
      </c>
      <c r="AN29726">
        <v>53</v>
      </c>
      <c r="AO29726">
        <v>53</v>
      </c>
      <c r="AP29726">
        <v>54</v>
      </c>
      <c r="AQ29726">
        <v>54</v>
      </c>
    </row>
    <row r="29727" spans="1:43">
      <c r="A29727" t="s">
        <v>18421</v>
      </c>
      <c r="B29727" t="s">
        <v>18422</v>
      </c>
      <c r="C29727" t="s">
        <v>18391</v>
      </c>
      <c r="D29727" t="s">
        <v>18392</v>
      </c>
      <c r="E29727" t="s">
        <v>18345</v>
      </c>
      <c r="F29727" t="s">
        <v>18346</v>
      </c>
      <c r="G29727" t="s">
        <v>10734</v>
      </c>
      <c r="H29727" t="s">
        <v>10735</v>
      </c>
      <c r="I29727" s="2">
        <v>0</v>
      </c>
      <c r="J29727" s="2">
        <v>0</v>
      </c>
      <c r="K29727" s="2">
        <v>0.93</v>
      </c>
      <c r="L29727" t="s">
        <v>995</v>
      </c>
      <c r="M29727" t="s">
        <v>87</v>
      </c>
      <c r="N29727" t="s">
        <v>88</v>
      </c>
      <c r="O29727" t="s">
        <v>85</v>
      </c>
      <c r="P29727" t="s">
        <v>86</v>
      </c>
      <c r="Q29727">
        <v>40</v>
      </c>
      <c r="R29727">
        <v>40</v>
      </c>
      <c r="S29727">
        <v>40</v>
      </c>
      <c r="T29727">
        <v>40</v>
      </c>
      <c r="U29727">
        <v>41</v>
      </c>
      <c r="V29727">
        <v>41</v>
      </c>
      <c r="W29727">
        <v>41</v>
      </c>
      <c r="X29727">
        <v>41</v>
      </c>
      <c r="Y29727">
        <v>42</v>
      </c>
      <c r="Z29727">
        <v>42</v>
      </c>
      <c r="AA29727">
        <v>42</v>
      </c>
      <c r="AB29727">
        <v>43</v>
      </c>
      <c r="AC29727">
        <v>43</v>
      </c>
      <c r="AD29727">
        <v>43</v>
      </c>
      <c r="AE29727">
        <v>43</v>
      </c>
      <c r="AF29727">
        <v>44</v>
      </c>
      <c r="AG29727">
        <v>44</v>
      </c>
      <c r="AH29727">
        <v>44</v>
      </c>
      <c r="AI29727">
        <v>44</v>
      </c>
      <c r="AJ29727">
        <v>45</v>
      </c>
      <c r="AK29727">
        <v>45</v>
      </c>
      <c r="AL29727">
        <v>45</v>
      </c>
      <c r="AM29727">
        <v>45</v>
      </c>
      <c r="AN29727">
        <v>46</v>
      </c>
      <c r="AO29727">
        <v>46</v>
      </c>
      <c r="AP29727">
        <v>46</v>
      </c>
      <c r="AQ29727">
        <v>46</v>
      </c>
    </row>
    <row r="29728" spans="1:43">
      <c r="A29728" t="s">
        <v>18421</v>
      </c>
      <c r="B29728" t="s">
        <v>18422</v>
      </c>
      <c r="C29728" t="s">
        <v>18391</v>
      </c>
      <c r="D29728" t="s">
        <v>18392</v>
      </c>
      <c r="E29728" t="s">
        <v>18345</v>
      </c>
      <c r="F29728" t="s">
        <v>18346</v>
      </c>
      <c r="G29728" t="s">
        <v>10734</v>
      </c>
      <c r="H29728" t="s">
        <v>10735</v>
      </c>
      <c r="I29728" s="2">
        <v>0</v>
      </c>
      <c r="J29728" s="2">
        <v>0</v>
      </c>
      <c r="K29728" s="2">
        <v>0.93</v>
      </c>
      <c r="L29728" t="s">
        <v>995</v>
      </c>
      <c r="M29728" t="s">
        <v>89</v>
      </c>
      <c r="N29728" t="s">
        <v>90</v>
      </c>
      <c r="O29728" t="s">
        <v>85</v>
      </c>
      <c r="P29728" t="s">
        <v>86</v>
      </c>
      <c r="Q29728">
        <v>40</v>
      </c>
      <c r="R29728">
        <v>41</v>
      </c>
      <c r="S29728">
        <v>42</v>
      </c>
      <c r="T29728">
        <v>43</v>
      </c>
      <c r="U29728">
        <v>44</v>
      </c>
      <c r="V29728">
        <v>45</v>
      </c>
      <c r="W29728">
        <v>46</v>
      </c>
      <c r="X29728">
        <v>47</v>
      </c>
      <c r="Y29728">
        <v>48</v>
      </c>
      <c r="Z29728">
        <v>49</v>
      </c>
      <c r="AA29728">
        <v>49</v>
      </c>
      <c r="AB29728">
        <v>50</v>
      </c>
      <c r="AC29728">
        <v>51</v>
      </c>
      <c r="AD29728">
        <v>52</v>
      </c>
      <c r="AE29728">
        <v>52</v>
      </c>
      <c r="AF29728">
        <v>53</v>
      </c>
      <c r="AG29728">
        <v>53</v>
      </c>
      <c r="AH29728">
        <v>53</v>
      </c>
      <c r="AI29728">
        <v>53</v>
      </c>
      <c r="AJ29728">
        <v>53</v>
      </c>
      <c r="AK29728">
        <v>54</v>
      </c>
      <c r="AL29728">
        <v>54</v>
      </c>
      <c r="AM29728">
        <v>54</v>
      </c>
      <c r="AN29728">
        <v>54</v>
      </c>
      <c r="AO29728">
        <v>54</v>
      </c>
      <c r="AP29728">
        <v>54</v>
      </c>
      <c r="AQ29728">
        <v>55</v>
      </c>
    </row>
    <row r="29729" spans="1:43">
      <c r="A29729" t="s">
        <v>18421</v>
      </c>
      <c r="B29729" t="s">
        <v>18422</v>
      </c>
      <c r="C29729" t="s">
        <v>18391</v>
      </c>
      <c r="D29729" t="s">
        <v>18392</v>
      </c>
      <c r="E29729" t="s">
        <v>18345</v>
      </c>
      <c r="F29729" t="s">
        <v>18346</v>
      </c>
      <c r="G29729" t="s">
        <v>10734</v>
      </c>
      <c r="H29729" t="s">
        <v>10735</v>
      </c>
      <c r="I29729" s="2">
        <v>0</v>
      </c>
      <c r="J29729" s="2">
        <v>0</v>
      </c>
      <c r="K29729" s="2">
        <v>0.93</v>
      </c>
      <c r="L29729" t="s">
        <v>995</v>
      </c>
      <c r="M29729" t="s">
        <v>83</v>
      </c>
      <c r="N29729" t="s">
        <v>91</v>
      </c>
      <c r="O29729" t="s">
        <v>85</v>
      </c>
      <c r="P29729" t="s">
        <v>86</v>
      </c>
      <c r="Q29729">
        <v>40</v>
      </c>
      <c r="R29729">
        <v>41</v>
      </c>
      <c r="S29729">
        <v>41</v>
      </c>
      <c r="T29729">
        <v>42</v>
      </c>
      <c r="U29729">
        <v>43</v>
      </c>
      <c r="V29729">
        <v>43</v>
      </c>
      <c r="W29729">
        <v>44</v>
      </c>
      <c r="X29729">
        <v>44</v>
      </c>
      <c r="Y29729">
        <v>45</v>
      </c>
      <c r="Z29729">
        <v>46</v>
      </c>
      <c r="AA29729">
        <v>46</v>
      </c>
      <c r="AB29729">
        <v>47</v>
      </c>
      <c r="AC29729">
        <v>48</v>
      </c>
      <c r="AD29729">
        <v>48</v>
      </c>
      <c r="AE29729">
        <v>49</v>
      </c>
      <c r="AF29729">
        <v>50</v>
      </c>
      <c r="AG29729">
        <v>50</v>
      </c>
      <c r="AH29729">
        <v>51</v>
      </c>
      <c r="AI29729">
        <v>51</v>
      </c>
      <c r="AJ29729">
        <v>52</v>
      </c>
      <c r="AK29729">
        <v>53</v>
      </c>
      <c r="AL29729">
        <v>53</v>
      </c>
      <c r="AM29729">
        <v>53</v>
      </c>
      <c r="AN29729">
        <v>53</v>
      </c>
      <c r="AO29729">
        <v>53</v>
      </c>
      <c r="AP29729">
        <v>54</v>
      </c>
      <c r="AQ29729">
        <v>54</v>
      </c>
    </row>
    <row r="29730" spans="1:43">
      <c r="A29730" t="s">
        <v>18423</v>
      </c>
      <c r="B29730" t="s">
        <v>18424</v>
      </c>
      <c r="C29730" t="s">
        <v>18425</v>
      </c>
      <c r="D29730" t="s">
        <v>18426</v>
      </c>
      <c r="E29730" t="s">
        <v>18345</v>
      </c>
      <c r="F29730" t="s">
        <v>18346</v>
      </c>
      <c r="G29730" t="s">
        <v>10734</v>
      </c>
      <c r="H29730" t="s">
        <v>10735</v>
      </c>
      <c r="I29730" s="2">
        <v>0</v>
      </c>
      <c r="J29730" s="2">
        <v>0</v>
      </c>
      <c r="K29730" s="2">
        <v>1</v>
      </c>
      <c r="L29730" t="s">
        <v>995</v>
      </c>
      <c r="M29730" t="s">
        <v>83</v>
      </c>
      <c r="N29730" t="s">
        <v>84</v>
      </c>
      <c r="O29730" t="s">
        <v>85</v>
      </c>
      <c r="P29730" t="s">
        <v>86</v>
      </c>
      <c r="Q29730">
        <v>27</v>
      </c>
      <c r="R29730">
        <v>27</v>
      </c>
      <c r="S29730">
        <v>28</v>
      </c>
      <c r="T29730">
        <v>28</v>
      </c>
      <c r="U29730">
        <v>29</v>
      </c>
      <c r="V29730">
        <v>29</v>
      </c>
      <c r="W29730">
        <v>29</v>
      </c>
      <c r="X29730">
        <v>30</v>
      </c>
      <c r="Y29730">
        <v>30</v>
      </c>
      <c r="Z29730">
        <v>31</v>
      </c>
      <c r="AA29730">
        <v>31</v>
      </c>
      <c r="AB29730">
        <v>32</v>
      </c>
      <c r="AC29730">
        <v>32</v>
      </c>
      <c r="AD29730">
        <v>32</v>
      </c>
      <c r="AE29730">
        <v>33</v>
      </c>
      <c r="AF29730">
        <v>33</v>
      </c>
      <c r="AG29730">
        <v>34</v>
      </c>
      <c r="AH29730">
        <v>34</v>
      </c>
      <c r="AI29730">
        <v>34</v>
      </c>
      <c r="AJ29730">
        <v>35</v>
      </c>
      <c r="AK29730">
        <v>35</v>
      </c>
      <c r="AL29730">
        <v>35</v>
      </c>
      <c r="AM29730">
        <v>35</v>
      </c>
      <c r="AN29730">
        <v>35</v>
      </c>
      <c r="AO29730">
        <v>36</v>
      </c>
      <c r="AP29730">
        <v>36</v>
      </c>
      <c r="AQ29730">
        <v>36</v>
      </c>
    </row>
    <row r="29731" spans="1:43">
      <c r="A29731" t="s">
        <v>18423</v>
      </c>
      <c r="B29731" t="s">
        <v>18424</v>
      </c>
      <c r="C29731" t="s">
        <v>18425</v>
      </c>
      <c r="D29731" t="s">
        <v>18426</v>
      </c>
      <c r="E29731" t="s">
        <v>18345</v>
      </c>
      <c r="F29731" t="s">
        <v>18346</v>
      </c>
      <c r="G29731" t="s">
        <v>10734</v>
      </c>
      <c r="H29731" t="s">
        <v>10735</v>
      </c>
      <c r="I29731" s="2">
        <v>0</v>
      </c>
      <c r="J29731" s="2">
        <v>0</v>
      </c>
      <c r="K29731" s="2">
        <v>1</v>
      </c>
      <c r="L29731" t="s">
        <v>995</v>
      </c>
      <c r="M29731" t="s">
        <v>87</v>
      </c>
      <c r="N29731" t="s">
        <v>88</v>
      </c>
      <c r="O29731" t="s">
        <v>85</v>
      </c>
      <c r="P29731" t="s">
        <v>86</v>
      </c>
      <c r="Q29731">
        <v>27</v>
      </c>
      <c r="R29731">
        <v>27</v>
      </c>
      <c r="S29731">
        <v>27</v>
      </c>
      <c r="T29731">
        <v>27</v>
      </c>
      <c r="U29731">
        <v>27</v>
      </c>
      <c r="V29731">
        <v>27</v>
      </c>
      <c r="W29731">
        <v>28</v>
      </c>
      <c r="X29731">
        <v>28</v>
      </c>
      <c r="Y29731">
        <v>28</v>
      </c>
      <c r="Z29731">
        <v>28</v>
      </c>
      <c r="AA29731">
        <v>28</v>
      </c>
      <c r="AB29731">
        <v>29</v>
      </c>
      <c r="AC29731">
        <v>29</v>
      </c>
      <c r="AD29731">
        <v>29</v>
      </c>
      <c r="AE29731">
        <v>29</v>
      </c>
      <c r="AF29731">
        <v>29</v>
      </c>
      <c r="AG29731">
        <v>29</v>
      </c>
      <c r="AH29731">
        <v>30</v>
      </c>
      <c r="AI29731">
        <v>30</v>
      </c>
      <c r="AJ29731">
        <v>30</v>
      </c>
      <c r="AK29731">
        <v>30</v>
      </c>
      <c r="AL29731">
        <v>30</v>
      </c>
      <c r="AM29731">
        <v>30</v>
      </c>
      <c r="AN29731">
        <v>31</v>
      </c>
      <c r="AO29731">
        <v>31</v>
      </c>
      <c r="AP29731">
        <v>31</v>
      </c>
      <c r="AQ29731">
        <v>31</v>
      </c>
    </row>
    <row r="29732" spans="1:43">
      <c r="A29732" t="s">
        <v>18423</v>
      </c>
      <c r="B29732" t="s">
        <v>18424</v>
      </c>
      <c r="C29732" t="s">
        <v>18425</v>
      </c>
      <c r="D29732" t="s">
        <v>18426</v>
      </c>
      <c r="E29732" t="s">
        <v>18345</v>
      </c>
      <c r="F29732" t="s">
        <v>18346</v>
      </c>
      <c r="G29732" t="s">
        <v>10734</v>
      </c>
      <c r="H29732" t="s">
        <v>10735</v>
      </c>
      <c r="I29732" s="2">
        <v>0</v>
      </c>
      <c r="J29732" s="2">
        <v>0</v>
      </c>
      <c r="K29732" s="2">
        <v>1</v>
      </c>
      <c r="L29732" t="s">
        <v>995</v>
      </c>
      <c r="M29732" t="s">
        <v>89</v>
      </c>
      <c r="N29732" t="s">
        <v>90</v>
      </c>
      <c r="O29732" t="s">
        <v>85</v>
      </c>
      <c r="P29732" t="s">
        <v>86</v>
      </c>
      <c r="Q29732">
        <v>27</v>
      </c>
      <c r="R29732">
        <v>28</v>
      </c>
      <c r="S29732">
        <v>28</v>
      </c>
      <c r="T29732">
        <v>29</v>
      </c>
      <c r="U29732">
        <v>30</v>
      </c>
      <c r="V29732">
        <v>30</v>
      </c>
      <c r="W29732">
        <v>31</v>
      </c>
      <c r="X29732">
        <v>32</v>
      </c>
      <c r="Y29732">
        <v>32</v>
      </c>
      <c r="Z29732">
        <v>33</v>
      </c>
      <c r="AA29732">
        <v>33</v>
      </c>
      <c r="AB29732">
        <v>34</v>
      </c>
      <c r="AC29732">
        <v>34</v>
      </c>
      <c r="AD29732">
        <v>35</v>
      </c>
      <c r="AE29732">
        <v>35</v>
      </c>
      <c r="AF29732">
        <v>35</v>
      </c>
      <c r="AG29732">
        <v>35</v>
      </c>
      <c r="AH29732">
        <v>35</v>
      </c>
      <c r="AI29732">
        <v>35</v>
      </c>
      <c r="AJ29732">
        <v>35</v>
      </c>
      <c r="AK29732">
        <v>36</v>
      </c>
      <c r="AL29732">
        <v>36</v>
      </c>
      <c r="AM29732">
        <v>36</v>
      </c>
      <c r="AN29732">
        <v>36</v>
      </c>
      <c r="AO29732">
        <v>36</v>
      </c>
      <c r="AP29732">
        <v>36</v>
      </c>
      <c r="AQ29732">
        <v>36</v>
      </c>
    </row>
    <row r="29733" spans="1:43">
      <c r="A29733" t="s">
        <v>18423</v>
      </c>
      <c r="B29733" t="s">
        <v>18424</v>
      </c>
      <c r="C29733" t="s">
        <v>18425</v>
      </c>
      <c r="D29733" t="s">
        <v>18426</v>
      </c>
      <c r="E29733" t="s">
        <v>18345</v>
      </c>
      <c r="F29733" t="s">
        <v>18346</v>
      </c>
      <c r="G29733" t="s">
        <v>10734</v>
      </c>
      <c r="H29733" t="s">
        <v>10735</v>
      </c>
      <c r="I29733" s="2">
        <v>0</v>
      </c>
      <c r="J29733" s="2">
        <v>0</v>
      </c>
      <c r="K29733" s="2">
        <v>1</v>
      </c>
      <c r="L29733" t="s">
        <v>995</v>
      </c>
      <c r="M29733" t="s">
        <v>83</v>
      </c>
      <c r="N29733" t="s">
        <v>91</v>
      </c>
      <c r="O29733" t="s">
        <v>85</v>
      </c>
      <c r="P29733" t="s">
        <v>86</v>
      </c>
      <c r="Q29733">
        <v>27</v>
      </c>
      <c r="R29733">
        <v>27</v>
      </c>
      <c r="S29733">
        <v>28</v>
      </c>
      <c r="T29733">
        <v>28</v>
      </c>
      <c r="U29733">
        <v>29</v>
      </c>
      <c r="V29733">
        <v>29</v>
      </c>
      <c r="W29733">
        <v>29</v>
      </c>
      <c r="X29733">
        <v>30</v>
      </c>
      <c r="Y29733">
        <v>30</v>
      </c>
      <c r="Z29733">
        <v>31</v>
      </c>
      <c r="AA29733">
        <v>31</v>
      </c>
      <c r="AB29733">
        <v>32</v>
      </c>
      <c r="AC29733">
        <v>32</v>
      </c>
      <c r="AD29733">
        <v>32</v>
      </c>
      <c r="AE29733">
        <v>33</v>
      </c>
      <c r="AF29733">
        <v>33</v>
      </c>
      <c r="AG29733">
        <v>34</v>
      </c>
      <c r="AH29733">
        <v>34</v>
      </c>
      <c r="AI29733">
        <v>34</v>
      </c>
      <c r="AJ29733">
        <v>35</v>
      </c>
      <c r="AK29733">
        <v>35</v>
      </c>
      <c r="AL29733">
        <v>35</v>
      </c>
      <c r="AM29733">
        <v>35</v>
      </c>
      <c r="AN29733">
        <v>35</v>
      </c>
      <c r="AO29733">
        <v>36</v>
      </c>
      <c r="AP29733">
        <v>36</v>
      </c>
      <c r="AQ29733">
        <v>36</v>
      </c>
    </row>
    <row r="29734" spans="1:43">
      <c r="A29734" t="s">
        <v>18427</v>
      </c>
      <c r="B29734" t="s">
        <v>18428</v>
      </c>
      <c r="C29734" t="s">
        <v>18425</v>
      </c>
      <c r="D29734" t="s">
        <v>18426</v>
      </c>
      <c r="E29734" t="s">
        <v>18345</v>
      </c>
      <c r="F29734" t="s">
        <v>18346</v>
      </c>
      <c r="G29734" t="s">
        <v>10734</v>
      </c>
      <c r="H29734" t="s">
        <v>10735</v>
      </c>
      <c r="I29734" s="2">
        <v>0</v>
      </c>
      <c r="J29734" s="2">
        <v>0</v>
      </c>
      <c r="K29734" s="2">
        <v>1</v>
      </c>
      <c r="L29734" t="s">
        <v>995</v>
      </c>
      <c r="M29734" t="s">
        <v>83</v>
      </c>
      <c r="N29734" t="s">
        <v>84</v>
      </c>
      <c r="O29734" t="s">
        <v>85</v>
      </c>
      <c r="P29734" t="s">
        <v>86</v>
      </c>
      <c r="Q29734">
        <v>11</v>
      </c>
      <c r="R29734">
        <v>11</v>
      </c>
      <c r="S29734">
        <v>11</v>
      </c>
      <c r="T29734">
        <v>11</v>
      </c>
      <c r="U29734">
        <v>12</v>
      </c>
      <c r="V29734">
        <v>12</v>
      </c>
      <c r="W29734">
        <v>12</v>
      </c>
      <c r="X29734">
        <v>12</v>
      </c>
      <c r="Y29734">
        <v>12</v>
      </c>
      <c r="Z29734">
        <v>13</v>
      </c>
      <c r="AA29734">
        <v>13</v>
      </c>
      <c r="AB29734">
        <v>13</v>
      </c>
      <c r="AC29734">
        <v>13</v>
      </c>
      <c r="AD29734">
        <v>13</v>
      </c>
      <c r="AE29734">
        <v>13</v>
      </c>
      <c r="AF29734">
        <v>14</v>
      </c>
      <c r="AG29734">
        <v>14</v>
      </c>
      <c r="AH29734">
        <v>14</v>
      </c>
      <c r="AI29734">
        <v>14</v>
      </c>
      <c r="AJ29734">
        <v>14</v>
      </c>
      <c r="AK29734">
        <v>14</v>
      </c>
      <c r="AL29734">
        <v>14</v>
      </c>
      <c r="AM29734">
        <v>14</v>
      </c>
      <c r="AN29734">
        <v>15</v>
      </c>
      <c r="AO29734">
        <v>15</v>
      </c>
      <c r="AP29734">
        <v>15</v>
      </c>
      <c r="AQ29734">
        <v>15</v>
      </c>
    </row>
    <row r="29735" spans="1:43">
      <c r="A29735" t="s">
        <v>18427</v>
      </c>
      <c r="B29735" t="s">
        <v>18428</v>
      </c>
      <c r="C29735" t="s">
        <v>18425</v>
      </c>
      <c r="D29735" t="s">
        <v>18426</v>
      </c>
      <c r="E29735" t="s">
        <v>18345</v>
      </c>
      <c r="F29735" t="s">
        <v>18346</v>
      </c>
      <c r="G29735" t="s">
        <v>10734</v>
      </c>
      <c r="H29735" t="s">
        <v>10735</v>
      </c>
      <c r="I29735" s="2">
        <v>0</v>
      </c>
      <c r="J29735" s="2">
        <v>0</v>
      </c>
      <c r="K29735" s="2">
        <v>1</v>
      </c>
      <c r="L29735" t="s">
        <v>995</v>
      </c>
      <c r="M29735" t="s">
        <v>87</v>
      </c>
      <c r="N29735" t="s">
        <v>88</v>
      </c>
      <c r="O29735" t="s">
        <v>85</v>
      </c>
      <c r="P29735" t="s">
        <v>86</v>
      </c>
      <c r="Q29735">
        <v>11</v>
      </c>
      <c r="R29735">
        <v>11</v>
      </c>
      <c r="S29735">
        <v>11</v>
      </c>
      <c r="T29735">
        <v>11</v>
      </c>
      <c r="U29735">
        <v>11</v>
      </c>
      <c r="V29735">
        <v>11</v>
      </c>
      <c r="W29735">
        <v>11</v>
      </c>
      <c r="X29735">
        <v>11</v>
      </c>
      <c r="Y29735">
        <v>11</v>
      </c>
      <c r="Z29735">
        <v>12</v>
      </c>
      <c r="AA29735">
        <v>12</v>
      </c>
      <c r="AB29735">
        <v>12</v>
      </c>
      <c r="AC29735">
        <v>12</v>
      </c>
      <c r="AD29735">
        <v>12</v>
      </c>
      <c r="AE29735">
        <v>12</v>
      </c>
      <c r="AF29735">
        <v>12</v>
      </c>
      <c r="AG29735">
        <v>12</v>
      </c>
      <c r="AH29735">
        <v>12</v>
      </c>
      <c r="AI29735">
        <v>12</v>
      </c>
      <c r="AJ29735">
        <v>12</v>
      </c>
      <c r="AK29735">
        <v>12</v>
      </c>
      <c r="AL29735">
        <v>12</v>
      </c>
      <c r="AM29735">
        <v>12</v>
      </c>
      <c r="AN29735">
        <v>12</v>
      </c>
      <c r="AO29735">
        <v>13</v>
      </c>
      <c r="AP29735">
        <v>13</v>
      </c>
      <c r="AQ29735">
        <v>13</v>
      </c>
    </row>
    <row r="29736" spans="1:43">
      <c r="A29736" t="s">
        <v>18427</v>
      </c>
      <c r="B29736" t="s">
        <v>18428</v>
      </c>
      <c r="C29736" t="s">
        <v>18425</v>
      </c>
      <c r="D29736" t="s">
        <v>18426</v>
      </c>
      <c r="E29736" t="s">
        <v>18345</v>
      </c>
      <c r="F29736" t="s">
        <v>18346</v>
      </c>
      <c r="G29736" t="s">
        <v>10734</v>
      </c>
      <c r="H29736" t="s">
        <v>10735</v>
      </c>
      <c r="I29736" s="2">
        <v>0</v>
      </c>
      <c r="J29736" s="2">
        <v>0</v>
      </c>
      <c r="K29736" s="2">
        <v>1</v>
      </c>
      <c r="L29736" t="s">
        <v>995</v>
      </c>
      <c r="M29736" t="s">
        <v>89</v>
      </c>
      <c r="N29736" t="s">
        <v>90</v>
      </c>
      <c r="O29736" t="s">
        <v>85</v>
      </c>
      <c r="P29736" t="s">
        <v>86</v>
      </c>
      <c r="Q29736">
        <v>11</v>
      </c>
      <c r="R29736">
        <v>11</v>
      </c>
      <c r="S29736">
        <v>12</v>
      </c>
      <c r="T29736">
        <v>12</v>
      </c>
      <c r="U29736">
        <v>12</v>
      </c>
      <c r="V29736">
        <v>12</v>
      </c>
      <c r="W29736">
        <v>13</v>
      </c>
      <c r="X29736">
        <v>13</v>
      </c>
      <c r="Y29736">
        <v>13</v>
      </c>
      <c r="Z29736">
        <v>13</v>
      </c>
      <c r="AA29736">
        <v>14</v>
      </c>
      <c r="AB29736">
        <v>14</v>
      </c>
      <c r="AC29736">
        <v>14</v>
      </c>
      <c r="AD29736">
        <v>14</v>
      </c>
      <c r="AE29736">
        <v>14</v>
      </c>
      <c r="AF29736">
        <v>14</v>
      </c>
      <c r="AG29736">
        <v>14</v>
      </c>
      <c r="AH29736">
        <v>14</v>
      </c>
      <c r="AI29736">
        <v>15</v>
      </c>
      <c r="AJ29736">
        <v>15</v>
      </c>
      <c r="AK29736">
        <v>15</v>
      </c>
      <c r="AL29736">
        <v>15</v>
      </c>
      <c r="AM29736">
        <v>15</v>
      </c>
      <c r="AN29736">
        <v>15</v>
      </c>
      <c r="AO29736">
        <v>15</v>
      </c>
      <c r="AP29736">
        <v>15</v>
      </c>
      <c r="AQ29736">
        <v>15</v>
      </c>
    </row>
    <row r="29737" spans="1:43">
      <c r="A29737" t="s">
        <v>18427</v>
      </c>
      <c r="B29737" t="s">
        <v>18428</v>
      </c>
      <c r="C29737" t="s">
        <v>18425</v>
      </c>
      <c r="D29737" t="s">
        <v>18426</v>
      </c>
      <c r="E29737" t="s">
        <v>18345</v>
      </c>
      <c r="F29737" t="s">
        <v>18346</v>
      </c>
      <c r="G29737" t="s">
        <v>10734</v>
      </c>
      <c r="H29737" t="s">
        <v>10735</v>
      </c>
      <c r="I29737" s="2">
        <v>0</v>
      </c>
      <c r="J29737" s="2">
        <v>0</v>
      </c>
      <c r="K29737" s="2">
        <v>1</v>
      </c>
      <c r="L29737" t="s">
        <v>995</v>
      </c>
      <c r="M29737" t="s">
        <v>83</v>
      </c>
      <c r="N29737" t="s">
        <v>91</v>
      </c>
      <c r="O29737" t="s">
        <v>85</v>
      </c>
      <c r="P29737" t="s">
        <v>86</v>
      </c>
      <c r="Q29737">
        <v>11</v>
      </c>
      <c r="R29737">
        <v>11</v>
      </c>
      <c r="S29737">
        <v>11</v>
      </c>
      <c r="T29737">
        <v>11</v>
      </c>
      <c r="U29737">
        <v>12</v>
      </c>
      <c r="V29737">
        <v>12</v>
      </c>
      <c r="W29737">
        <v>12</v>
      </c>
      <c r="X29737">
        <v>12</v>
      </c>
      <c r="Y29737">
        <v>12</v>
      </c>
      <c r="Z29737">
        <v>13</v>
      </c>
      <c r="AA29737">
        <v>13</v>
      </c>
      <c r="AB29737">
        <v>13</v>
      </c>
      <c r="AC29737">
        <v>13</v>
      </c>
      <c r="AD29737">
        <v>13</v>
      </c>
      <c r="AE29737">
        <v>13</v>
      </c>
      <c r="AF29737">
        <v>14</v>
      </c>
      <c r="AG29737">
        <v>14</v>
      </c>
      <c r="AH29737">
        <v>14</v>
      </c>
      <c r="AI29737">
        <v>14</v>
      </c>
      <c r="AJ29737">
        <v>14</v>
      </c>
      <c r="AK29737">
        <v>14</v>
      </c>
      <c r="AL29737">
        <v>14</v>
      </c>
      <c r="AM29737">
        <v>14</v>
      </c>
      <c r="AN29737">
        <v>15</v>
      </c>
      <c r="AO29737">
        <v>15</v>
      </c>
      <c r="AP29737">
        <v>15</v>
      </c>
      <c r="AQ29737">
        <v>15</v>
      </c>
    </row>
    <row r="29738" spans="1:43">
      <c r="A29738" t="s">
        <v>18429</v>
      </c>
      <c r="B29738" t="s">
        <v>18430</v>
      </c>
      <c r="C29738" t="s">
        <v>18425</v>
      </c>
      <c r="D29738" t="s">
        <v>18426</v>
      </c>
      <c r="E29738" t="s">
        <v>18345</v>
      </c>
      <c r="F29738" t="s">
        <v>18346</v>
      </c>
      <c r="G29738" t="s">
        <v>10734</v>
      </c>
      <c r="H29738" t="s">
        <v>10735</v>
      </c>
      <c r="I29738" s="2">
        <v>0</v>
      </c>
      <c r="J29738" s="2">
        <v>0</v>
      </c>
      <c r="K29738" s="2">
        <v>1</v>
      </c>
      <c r="L29738" t="s">
        <v>995</v>
      </c>
      <c r="M29738" t="s">
        <v>83</v>
      </c>
      <c r="N29738" t="s">
        <v>84</v>
      </c>
      <c r="O29738" t="s">
        <v>85</v>
      </c>
      <c r="P29738" t="s">
        <v>86</v>
      </c>
      <c r="Q29738">
        <v>16</v>
      </c>
      <c r="R29738">
        <v>16</v>
      </c>
      <c r="S29738">
        <v>17</v>
      </c>
      <c r="T29738">
        <v>17</v>
      </c>
      <c r="U29738">
        <v>17</v>
      </c>
      <c r="V29738">
        <v>17</v>
      </c>
      <c r="W29738">
        <v>18</v>
      </c>
      <c r="X29738">
        <v>18</v>
      </c>
      <c r="Y29738">
        <v>18</v>
      </c>
      <c r="Z29738">
        <v>18</v>
      </c>
      <c r="AA29738">
        <v>19</v>
      </c>
      <c r="AB29738">
        <v>19</v>
      </c>
      <c r="AC29738">
        <v>19</v>
      </c>
      <c r="AD29738">
        <v>19</v>
      </c>
      <c r="AE29738">
        <v>20</v>
      </c>
      <c r="AF29738">
        <v>20</v>
      </c>
      <c r="AG29738">
        <v>20</v>
      </c>
      <c r="AH29738">
        <v>20</v>
      </c>
      <c r="AI29738">
        <v>21</v>
      </c>
      <c r="AJ29738">
        <v>21</v>
      </c>
      <c r="AK29738">
        <v>21</v>
      </c>
      <c r="AL29738">
        <v>21</v>
      </c>
      <c r="AM29738">
        <v>21</v>
      </c>
      <c r="AN29738">
        <v>21</v>
      </c>
      <c r="AO29738">
        <v>21</v>
      </c>
      <c r="AP29738">
        <v>21</v>
      </c>
      <c r="AQ29738">
        <v>22</v>
      </c>
    </row>
    <row r="29739" spans="1:43">
      <c r="A29739" t="s">
        <v>18429</v>
      </c>
      <c r="B29739" t="s">
        <v>18430</v>
      </c>
      <c r="C29739" t="s">
        <v>18425</v>
      </c>
      <c r="D29739" t="s">
        <v>18426</v>
      </c>
      <c r="E29739" t="s">
        <v>18345</v>
      </c>
      <c r="F29739" t="s">
        <v>18346</v>
      </c>
      <c r="G29739" t="s">
        <v>10734</v>
      </c>
      <c r="H29739" t="s">
        <v>10735</v>
      </c>
      <c r="I29739" s="2">
        <v>0</v>
      </c>
      <c r="J29739" s="2">
        <v>0</v>
      </c>
      <c r="K29739" s="2">
        <v>1</v>
      </c>
      <c r="L29739" t="s">
        <v>995</v>
      </c>
      <c r="M29739" t="s">
        <v>87</v>
      </c>
      <c r="N29739" t="s">
        <v>88</v>
      </c>
      <c r="O29739" t="s">
        <v>85</v>
      </c>
      <c r="P29739" t="s">
        <v>86</v>
      </c>
      <c r="Q29739">
        <v>16</v>
      </c>
      <c r="R29739">
        <v>16</v>
      </c>
      <c r="S29739">
        <v>16</v>
      </c>
      <c r="T29739">
        <v>16</v>
      </c>
      <c r="U29739">
        <v>16</v>
      </c>
      <c r="V29739">
        <v>17</v>
      </c>
      <c r="W29739">
        <v>17</v>
      </c>
      <c r="X29739">
        <v>17</v>
      </c>
      <c r="Y29739">
        <v>17</v>
      </c>
      <c r="Z29739">
        <v>17</v>
      </c>
      <c r="AA29739">
        <v>17</v>
      </c>
      <c r="AB29739">
        <v>17</v>
      </c>
      <c r="AC29739">
        <v>17</v>
      </c>
      <c r="AD29739">
        <v>17</v>
      </c>
      <c r="AE29739">
        <v>17</v>
      </c>
      <c r="AF29739">
        <v>18</v>
      </c>
      <c r="AG29739">
        <v>18</v>
      </c>
      <c r="AH29739">
        <v>18</v>
      </c>
      <c r="AI29739">
        <v>18</v>
      </c>
      <c r="AJ29739">
        <v>18</v>
      </c>
      <c r="AK29739">
        <v>18</v>
      </c>
      <c r="AL29739">
        <v>18</v>
      </c>
      <c r="AM29739">
        <v>18</v>
      </c>
      <c r="AN29739">
        <v>18</v>
      </c>
      <c r="AO29739">
        <v>18</v>
      </c>
      <c r="AP29739">
        <v>19</v>
      </c>
      <c r="AQ29739">
        <v>19</v>
      </c>
    </row>
    <row r="29740" spans="1:43">
      <c r="A29740" t="s">
        <v>18429</v>
      </c>
      <c r="B29740" t="s">
        <v>18430</v>
      </c>
      <c r="C29740" t="s">
        <v>18425</v>
      </c>
      <c r="D29740" t="s">
        <v>18426</v>
      </c>
      <c r="E29740" t="s">
        <v>18345</v>
      </c>
      <c r="F29740" t="s">
        <v>18346</v>
      </c>
      <c r="G29740" t="s">
        <v>10734</v>
      </c>
      <c r="H29740" t="s">
        <v>10735</v>
      </c>
      <c r="I29740" s="2">
        <v>0</v>
      </c>
      <c r="J29740" s="2">
        <v>0</v>
      </c>
      <c r="K29740" s="2">
        <v>1</v>
      </c>
      <c r="L29740" t="s">
        <v>995</v>
      </c>
      <c r="M29740" t="s">
        <v>89</v>
      </c>
      <c r="N29740" t="s">
        <v>90</v>
      </c>
      <c r="O29740" t="s">
        <v>85</v>
      </c>
      <c r="P29740" t="s">
        <v>86</v>
      </c>
      <c r="Q29740">
        <v>16</v>
      </c>
      <c r="R29740">
        <v>17</v>
      </c>
      <c r="S29740">
        <v>17</v>
      </c>
      <c r="T29740">
        <v>17</v>
      </c>
      <c r="U29740">
        <v>18</v>
      </c>
      <c r="V29740">
        <v>18</v>
      </c>
      <c r="W29740">
        <v>19</v>
      </c>
      <c r="X29740">
        <v>19</v>
      </c>
      <c r="Y29740">
        <v>19</v>
      </c>
      <c r="Z29740">
        <v>20</v>
      </c>
      <c r="AA29740">
        <v>20</v>
      </c>
      <c r="AB29740">
        <v>20</v>
      </c>
      <c r="AC29740">
        <v>21</v>
      </c>
      <c r="AD29740">
        <v>21</v>
      </c>
      <c r="AE29740">
        <v>21</v>
      </c>
      <c r="AF29740">
        <v>21</v>
      </c>
      <c r="AG29740">
        <v>21</v>
      </c>
      <c r="AH29740">
        <v>21</v>
      </c>
      <c r="AI29740">
        <v>21</v>
      </c>
      <c r="AJ29740">
        <v>21</v>
      </c>
      <c r="AK29740">
        <v>21</v>
      </c>
      <c r="AL29740">
        <v>21</v>
      </c>
      <c r="AM29740">
        <v>22</v>
      </c>
      <c r="AN29740">
        <v>22</v>
      </c>
      <c r="AO29740">
        <v>22</v>
      </c>
      <c r="AP29740">
        <v>22</v>
      </c>
      <c r="AQ29740">
        <v>22</v>
      </c>
    </row>
    <row r="29741" spans="1:43">
      <c r="A29741" t="s">
        <v>18429</v>
      </c>
      <c r="B29741" t="s">
        <v>18430</v>
      </c>
      <c r="C29741" t="s">
        <v>18425</v>
      </c>
      <c r="D29741" t="s">
        <v>18426</v>
      </c>
      <c r="E29741" t="s">
        <v>18345</v>
      </c>
      <c r="F29741" t="s">
        <v>18346</v>
      </c>
      <c r="G29741" t="s">
        <v>10734</v>
      </c>
      <c r="H29741" t="s">
        <v>10735</v>
      </c>
      <c r="I29741" s="2">
        <v>0</v>
      </c>
      <c r="J29741" s="2">
        <v>0</v>
      </c>
      <c r="K29741" s="2">
        <v>1</v>
      </c>
      <c r="L29741" t="s">
        <v>995</v>
      </c>
      <c r="M29741" t="s">
        <v>83</v>
      </c>
      <c r="N29741" t="s">
        <v>91</v>
      </c>
      <c r="O29741" t="s">
        <v>85</v>
      </c>
      <c r="P29741" t="s">
        <v>86</v>
      </c>
      <c r="Q29741">
        <v>16</v>
      </c>
      <c r="R29741">
        <v>16</v>
      </c>
      <c r="S29741">
        <v>17</v>
      </c>
      <c r="T29741">
        <v>17</v>
      </c>
      <c r="U29741">
        <v>17</v>
      </c>
      <c r="V29741">
        <v>17</v>
      </c>
      <c r="W29741">
        <v>18</v>
      </c>
      <c r="X29741">
        <v>18</v>
      </c>
      <c r="Y29741">
        <v>18</v>
      </c>
      <c r="Z29741">
        <v>18</v>
      </c>
      <c r="AA29741">
        <v>19</v>
      </c>
      <c r="AB29741">
        <v>19</v>
      </c>
      <c r="AC29741">
        <v>19</v>
      </c>
      <c r="AD29741">
        <v>19</v>
      </c>
      <c r="AE29741">
        <v>20</v>
      </c>
      <c r="AF29741">
        <v>20</v>
      </c>
      <c r="AG29741">
        <v>20</v>
      </c>
      <c r="AH29741">
        <v>20</v>
      </c>
      <c r="AI29741">
        <v>21</v>
      </c>
      <c r="AJ29741">
        <v>21</v>
      </c>
      <c r="AK29741">
        <v>21</v>
      </c>
      <c r="AL29741">
        <v>21</v>
      </c>
      <c r="AM29741">
        <v>21</v>
      </c>
      <c r="AN29741">
        <v>21</v>
      </c>
      <c r="AO29741">
        <v>21</v>
      </c>
      <c r="AP29741">
        <v>21</v>
      </c>
      <c r="AQ29741">
        <v>22</v>
      </c>
    </row>
    <row r="29742" spans="1:43">
      <c r="A29742" t="s">
        <v>18431</v>
      </c>
      <c r="B29742" t="s">
        <v>18432</v>
      </c>
      <c r="C29742" t="s">
        <v>18425</v>
      </c>
      <c r="D29742" t="s">
        <v>18426</v>
      </c>
      <c r="E29742" t="s">
        <v>18345</v>
      </c>
      <c r="F29742" t="s">
        <v>18346</v>
      </c>
      <c r="G29742" t="s">
        <v>10734</v>
      </c>
      <c r="H29742" t="s">
        <v>10735</v>
      </c>
      <c r="I29742" s="2">
        <v>0</v>
      </c>
      <c r="J29742" s="2">
        <v>0</v>
      </c>
      <c r="K29742" s="2">
        <v>1</v>
      </c>
      <c r="L29742" t="s">
        <v>995</v>
      </c>
      <c r="M29742" t="s">
        <v>83</v>
      </c>
      <c r="N29742" t="s">
        <v>84</v>
      </c>
      <c r="O29742" t="s">
        <v>85</v>
      </c>
      <c r="P29742" t="s">
        <v>86</v>
      </c>
      <c r="Q29742">
        <v>15</v>
      </c>
      <c r="R29742">
        <v>15</v>
      </c>
      <c r="S29742">
        <v>15</v>
      </c>
      <c r="T29742">
        <v>15</v>
      </c>
      <c r="U29742">
        <v>15</v>
      </c>
      <c r="V29742">
        <v>16</v>
      </c>
      <c r="W29742">
        <v>16</v>
      </c>
      <c r="X29742">
        <v>16</v>
      </c>
      <c r="Y29742">
        <v>16</v>
      </c>
      <c r="Z29742">
        <v>17</v>
      </c>
      <c r="AA29742">
        <v>17</v>
      </c>
      <c r="AB29742">
        <v>17</v>
      </c>
      <c r="AC29742">
        <v>17</v>
      </c>
      <c r="AD29742">
        <v>18</v>
      </c>
      <c r="AE29742">
        <v>18</v>
      </c>
      <c r="AF29742">
        <v>18</v>
      </c>
      <c r="AG29742">
        <v>18</v>
      </c>
      <c r="AH29742">
        <v>18</v>
      </c>
      <c r="AI29742">
        <v>19</v>
      </c>
      <c r="AJ29742">
        <v>19</v>
      </c>
      <c r="AK29742">
        <v>19</v>
      </c>
      <c r="AL29742">
        <v>19</v>
      </c>
      <c r="AM29742">
        <v>19</v>
      </c>
      <c r="AN29742">
        <v>19</v>
      </c>
      <c r="AO29742">
        <v>19</v>
      </c>
      <c r="AP29742">
        <v>19</v>
      </c>
      <c r="AQ29742">
        <v>19</v>
      </c>
    </row>
    <row r="29743" spans="1:43">
      <c r="A29743" t="s">
        <v>18431</v>
      </c>
      <c r="B29743" t="s">
        <v>18432</v>
      </c>
      <c r="C29743" t="s">
        <v>18425</v>
      </c>
      <c r="D29743" t="s">
        <v>18426</v>
      </c>
      <c r="E29743" t="s">
        <v>18345</v>
      </c>
      <c r="F29743" t="s">
        <v>18346</v>
      </c>
      <c r="G29743" t="s">
        <v>10734</v>
      </c>
      <c r="H29743" t="s">
        <v>10735</v>
      </c>
      <c r="I29743" s="2">
        <v>0</v>
      </c>
      <c r="J29743" s="2">
        <v>0</v>
      </c>
      <c r="K29743" s="2">
        <v>1</v>
      </c>
      <c r="L29743" t="s">
        <v>995</v>
      </c>
      <c r="M29743" t="s">
        <v>87</v>
      </c>
      <c r="N29743" t="s">
        <v>88</v>
      </c>
      <c r="O29743" t="s">
        <v>85</v>
      </c>
      <c r="P29743" t="s">
        <v>86</v>
      </c>
      <c r="Q29743">
        <v>15</v>
      </c>
      <c r="R29743">
        <v>15</v>
      </c>
      <c r="S29743">
        <v>16</v>
      </c>
      <c r="T29743">
        <v>16</v>
      </c>
      <c r="U29743">
        <v>16</v>
      </c>
      <c r="V29743">
        <v>16</v>
      </c>
      <c r="W29743">
        <v>16</v>
      </c>
      <c r="X29743">
        <v>16</v>
      </c>
      <c r="Y29743">
        <v>16</v>
      </c>
      <c r="Z29743">
        <v>16</v>
      </c>
      <c r="AA29743">
        <v>16</v>
      </c>
      <c r="AB29743">
        <v>16</v>
      </c>
      <c r="AC29743">
        <v>17</v>
      </c>
      <c r="AD29743">
        <v>17</v>
      </c>
      <c r="AE29743">
        <v>17</v>
      </c>
      <c r="AF29743">
        <v>17</v>
      </c>
      <c r="AG29743">
        <v>17</v>
      </c>
      <c r="AH29743">
        <v>17</v>
      </c>
      <c r="AI29743">
        <v>17</v>
      </c>
      <c r="AJ29743">
        <v>17</v>
      </c>
      <c r="AK29743">
        <v>17</v>
      </c>
      <c r="AL29743">
        <v>17</v>
      </c>
      <c r="AM29743">
        <v>17</v>
      </c>
      <c r="AN29743">
        <v>18</v>
      </c>
      <c r="AO29743">
        <v>18</v>
      </c>
      <c r="AP29743">
        <v>18</v>
      </c>
      <c r="AQ29743">
        <v>18</v>
      </c>
    </row>
    <row r="29744" spans="1:43">
      <c r="A29744" t="s">
        <v>18431</v>
      </c>
      <c r="B29744" t="s">
        <v>18432</v>
      </c>
      <c r="C29744" t="s">
        <v>18425</v>
      </c>
      <c r="D29744" t="s">
        <v>18426</v>
      </c>
      <c r="E29744" t="s">
        <v>18345</v>
      </c>
      <c r="F29744" t="s">
        <v>18346</v>
      </c>
      <c r="G29744" t="s">
        <v>10734</v>
      </c>
      <c r="H29744" t="s">
        <v>10735</v>
      </c>
      <c r="I29744" s="2">
        <v>0</v>
      </c>
      <c r="J29744" s="2">
        <v>0</v>
      </c>
      <c r="K29744" s="2">
        <v>1</v>
      </c>
      <c r="L29744" t="s">
        <v>995</v>
      </c>
      <c r="M29744" t="s">
        <v>89</v>
      </c>
      <c r="N29744" t="s">
        <v>90</v>
      </c>
      <c r="O29744" t="s">
        <v>85</v>
      </c>
      <c r="P29744" t="s">
        <v>86</v>
      </c>
      <c r="Q29744">
        <v>15</v>
      </c>
      <c r="R29744">
        <v>15</v>
      </c>
      <c r="S29744">
        <v>15</v>
      </c>
      <c r="T29744">
        <v>16</v>
      </c>
      <c r="U29744">
        <v>16</v>
      </c>
      <c r="V29744">
        <v>16</v>
      </c>
      <c r="W29744">
        <v>17</v>
      </c>
      <c r="X29744">
        <v>17</v>
      </c>
      <c r="Y29744">
        <v>17</v>
      </c>
      <c r="Z29744">
        <v>18</v>
      </c>
      <c r="AA29744">
        <v>18</v>
      </c>
      <c r="AB29744">
        <v>18</v>
      </c>
      <c r="AC29744">
        <v>19</v>
      </c>
      <c r="AD29744">
        <v>19</v>
      </c>
      <c r="AE29744">
        <v>19</v>
      </c>
      <c r="AF29744">
        <v>19</v>
      </c>
      <c r="AG29744">
        <v>19</v>
      </c>
      <c r="AH29744">
        <v>19</v>
      </c>
      <c r="AI29744">
        <v>19</v>
      </c>
      <c r="AJ29744">
        <v>19</v>
      </c>
      <c r="AK29744">
        <v>19</v>
      </c>
      <c r="AL29744">
        <v>19</v>
      </c>
      <c r="AM29744">
        <v>19</v>
      </c>
      <c r="AN29744">
        <v>19</v>
      </c>
      <c r="AO29744">
        <v>19</v>
      </c>
      <c r="AP29744">
        <v>20</v>
      </c>
      <c r="AQ29744">
        <v>20</v>
      </c>
    </row>
    <row r="29745" spans="1:43">
      <c r="A29745" t="s">
        <v>18431</v>
      </c>
      <c r="B29745" t="s">
        <v>18432</v>
      </c>
      <c r="C29745" t="s">
        <v>18425</v>
      </c>
      <c r="D29745" t="s">
        <v>18426</v>
      </c>
      <c r="E29745" t="s">
        <v>18345</v>
      </c>
      <c r="F29745" t="s">
        <v>18346</v>
      </c>
      <c r="G29745" t="s">
        <v>10734</v>
      </c>
      <c r="H29745" t="s">
        <v>10735</v>
      </c>
      <c r="I29745" s="2">
        <v>0</v>
      </c>
      <c r="J29745" s="2">
        <v>0</v>
      </c>
      <c r="K29745" s="2">
        <v>1</v>
      </c>
      <c r="L29745" t="s">
        <v>995</v>
      </c>
      <c r="M29745" t="s">
        <v>83</v>
      </c>
      <c r="N29745" t="s">
        <v>91</v>
      </c>
      <c r="O29745" t="s">
        <v>85</v>
      </c>
      <c r="P29745" t="s">
        <v>86</v>
      </c>
      <c r="Q29745">
        <v>15</v>
      </c>
      <c r="R29745">
        <v>15</v>
      </c>
      <c r="S29745">
        <v>15</v>
      </c>
      <c r="T29745">
        <v>15</v>
      </c>
      <c r="U29745">
        <v>15</v>
      </c>
      <c r="V29745">
        <v>16</v>
      </c>
      <c r="W29745">
        <v>16</v>
      </c>
      <c r="X29745">
        <v>16</v>
      </c>
      <c r="Y29745">
        <v>16</v>
      </c>
      <c r="Z29745">
        <v>17</v>
      </c>
      <c r="AA29745">
        <v>17</v>
      </c>
      <c r="AB29745">
        <v>17</v>
      </c>
      <c r="AC29745">
        <v>17</v>
      </c>
      <c r="AD29745">
        <v>18</v>
      </c>
      <c r="AE29745">
        <v>18</v>
      </c>
      <c r="AF29745">
        <v>18</v>
      </c>
      <c r="AG29745">
        <v>18</v>
      </c>
      <c r="AH29745">
        <v>18</v>
      </c>
      <c r="AI29745">
        <v>19</v>
      </c>
      <c r="AJ29745">
        <v>19</v>
      </c>
      <c r="AK29745">
        <v>19</v>
      </c>
      <c r="AL29745">
        <v>19</v>
      </c>
      <c r="AM29745">
        <v>19</v>
      </c>
      <c r="AN29745">
        <v>19</v>
      </c>
      <c r="AO29745">
        <v>19</v>
      </c>
      <c r="AP29745">
        <v>19</v>
      </c>
      <c r="AQ29745">
        <v>19</v>
      </c>
    </row>
    <row r="29746" spans="1:43">
      <c r="A29746" t="s">
        <v>18433</v>
      </c>
      <c r="B29746" t="s">
        <v>18434</v>
      </c>
      <c r="C29746" t="s">
        <v>18425</v>
      </c>
      <c r="D29746" t="s">
        <v>18426</v>
      </c>
      <c r="E29746" t="s">
        <v>18345</v>
      </c>
      <c r="F29746" t="s">
        <v>18346</v>
      </c>
      <c r="G29746" t="s">
        <v>10734</v>
      </c>
      <c r="H29746" t="s">
        <v>10735</v>
      </c>
      <c r="I29746" s="2">
        <v>0</v>
      </c>
      <c r="J29746" s="2">
        <v>0</v>
      </c>
      <c r="K29746" s="2">
        <v>1</v>
      </c>
      <c r="L29746" t="s">
        <v>995</v>
      </c>
      <c r="M29746" t="s">
        <v>83</v>
      </c>
      <c r="N29746" t="s">
        <v>84</v>
      </c>
      <c r="O29746" t="s">
        <v>85</v>
      </c>
      <c r="P29746" t="s">
        <v>86</v>
      </c>
      <c r="Q29746">
        <v>16</v>
      </c>
      <c r="R29746">
        <v>16</v>
      </c>
      <c r="S29746">
        <v>17</v>
      </c>
      <c r="T29746">
        <v>17</v>
      </c>
      <c r="U29746">
        <v>17</v>
      </c>
      <c r="V29746">
        <v>17</v>
      </c>
      <c r="W29746">
        <v>18</v>
      </c>
      <c r="X29746">
        <v>18</v>
      </c>
      <c r="Y29746">
        <v>18</v>
      </c>
      <c r="Z29746">
        <v>18</v>
      </c>
      <c r="AA29746">
        <v>19</v>
      </c>
      <c r="AB29746">
        <v>19</v>
      </c>
      <c r="AC29746">
        <v>19</v>
      </c>
      <c r="AD29746">
        <v>19</v>
      </c>
      <c r="AE29746">
        <v>20</v>
      </c>
      <c r="AF29746">
        <v>20</v>
      </c>
      <c r="AG29746">
        <v>20</v>
      </c>
      <c r="AH29746">
        <v>20</v>
      </c>
      <c r="AI29746">
        <v>21</v>
      </c>
      <c r="AJ29746">
        <v>21</v>
      </c>
      <c r="AK29746">
        <v>21</v>
      </c>
      <c r="AL29746">
        <v>21</v>
      </c>
      <c r="AM29746">
        <v>21</v>
      </c>
      <c r="AN29746">
        <v>21</v>
      </c>
      <c r="AO29746">
        <v>21</v>
      </c>
      <c r="AP29746">
        <v>21</v>
      </c>
      <c r="AQ29746">
        <v>22</v>
      </c>
    </row>
    <row r="29747" spans="1:43">
      <c r="A29747" t="s">
        <v>18433</v>
      </c>
      <c r="B29747" t="s">
        <v>18434</v>
      </c>
      <c r="C29747" t="s">
        <v>18425</v>
      </c>
      <c r="D29747" t="s">
        <v>18426</v>
      </c>
      <c r="E29747" t="s">
        <v>18345</v>
      </c>
      <c r="F29747" t="s">
        <v>18346</v>
      </c>
      <c r="G29747" t="s">
        <v>10734</v>
      </c>
      <c r="H29747" t="s">
        <v>10735</v>
      </c>
      <c r="I29747" s="2">
        <v>0</v>
      </c>
      <c r="J29747" s="2">
        <v>0</v>
      </c>
      <c r="K29747" s="2">
        <v>1</v>
      </c>
      <c r="L29747" t="s">
        <v>995</v>
      </c>
      <c r="M29747" t="s">
        <v>87</v>
      </c>
      <c r="N29747" t="s">
        <v>88</v>
      </c>
      <c r="O29747" t="s">
        <v>85</v>
      </c>
      <c r="P29747" t="s">
        <v>86</v>
      </c>
      <c r="Q29747">
        <v>16</v>
      </c>
      <c r="R29747">
        <v>16</v>
      </c>
      <c r="S29747">
        <v>16</v>
      </c>
      <c r="T29747">
        <v>16</v>
      </c>
      <c r="U29747">
        <v>16</v>
      </c>
      <c r="V29747">
        <v>17</v>
      </c>
      <c r="W29747">
        <v>17</v>
      </c>
      <c r="X29747">
        <v>17</v>
      </c>
      <c r="Y29747">
        <v>17</v>
      </c>
      <c r="Z29747">
        <v>17</v>
      </c>
      <c r="AA29747">
        <v>17</v>
      </c>
      <c r="AB29747">
        <v>17</v>
      </c>
      <c r="AC29747">
        <v>17</v>
      </c>
      <c r="AD29747">
        <v>17</v>
      </c>
      <c r="AE29747">
        <v>17</v>
      </c>
      <c r="AF29747">
        <v>18</v>
      </c>
      <c r="AG29747">
        <v>18</v>
      </c>
      <c r="AH29747">
        <v>18</v>
      </c>
      <c r="AI29747">
        <v>18</v>
      </c>
      <c r="AJ29747">
        <v>18</v>
      </c>
      <c r="AK29747">
        <v>18</v>
      </c>
      <c r="AL29747">
        <v>18</v>
      </c>
      <c r="AM29747">
        <v>18</v>
      </c>
      <c r="AN29747">
        <v>18</v>
      </c>
      <c r="AO29747">
        <v>18</v>
      </c>
      <c r="AP29747">
        <v>19</v>
      </c>
      <c r="AQ29747">
        <v>19</v>
      </c>
    </row>
    <row r="29748" spans="1:43">
      <c r="A29748" t="s">
        <v>18433</v>
      </c>
      <c r="B29748" t="s">
        <v>18434</v>
      </c>
      <c r="C29748" t="s">
        <v>18425</v>
      </c>
      <c r="D29748" t="s">
        <v>18426</v>
      </c>
      <c r="E29748" t="s">
        <v>18345</v>
      </c>
      <c r="F29748" t="s">
        <v>18346</v>
      </c>
      <c r="G29748" t="s">
        <v>10734</v>
      </c>
      <c r="H29748" t="s">
        <v>10735</v>
      </c>
      <c r="I29748" s="2">
        <v>0</v>
      </c>
      <c r="J29748" s="2">
        <v>0</v>
      </c>
      <c r="K29748" s="2">
        <v>1</v>
      </c>
      <c r="L29748" t="s">
        <v>995</v>
      </c>
      <c r="M29748" t="s">
        <v>89</v>
      </c>
      <c r="N29748" t="s">
        <v>90</v>
      </c>
      <c r="O29748" t="s">
        <v>85</v>
      </c>
      <c r="P29748" t="s">
        <v>86</v>
      </c>
      <c r="Q29748">
        <v>16</v>
      </c>
      <c r="R29748">
        <v>17</v>
      </c>
      <c r="S29748">
        <v>17</v>
      </c>
      <c r="T29748">
        <v>17</v>
      </c>
      <c r="U29748">
        <v>18</v>
      </c>
      <c r="V29748">
        <v>18</v>
      </c>
      <c r="W29748">
        <v>19</v>
      </c>
      <c r="X29748">
        <v>19</v>
      </c>
      <c r="Y29748">
        <v>19</v>
      </c>
      <c r="Z29748">
        <v>20</v>
      </c>
      <c r="AA29748">
        <v>20</v>
      </c>
      <c r="AB29748">
        <v>20</v>
      </c>
      <c r="AC29748">
        <v>21</v>
      </c>
      <c r="AD29748">
        <v>21</v>
      </c>
      <c r="AE29748">
        <v>21</v>
      </c>
      <c r="AF29748">
        <v>21</v>
      </c>
      <c r="AG29748">
        <v>21</v>
      </c>
      <c r="AH29748">
        <v>21</v>
      </c>
      <c r="AI29748">
        <v>21</v>
      </c>
      <c r="AJ29748">
        <v>21</v>
      </c>
      <c r="AK29748">
        <v>21</v>
      </c>
      <c r="AL29748">
        <v>21</v>
      </c>
      <c r="AM29748">
        <v>22</v>
      </c>
      <c r="AN29748">
        <v>22</v>
      </c>
      <c r="AO29748">
        <v>22</v>
      </c>
      <c r="AP29748">
        <v>22</v>
      </c>
      <c r="AQ29748">
        <v>22</v>
      </c>
    </row>
    <row r="29749" spans="1:43">
      <c r="A29749" t="s">
        <v>18433</v>
      </c>
      <c r="B29749" t="s">
        <v>18434</v>
      </c>
      <c r="C29749" t="s">
        <v>18425</v>
      </c>
      <c r="D29749" t="s">
        <v>18426</v>
      </c>
      <c r="E29749" t="s">
        <v>18345</v>
      </c>
      <c r="F29749" t="s">
        <v>18346</v>
      </c>
      <c r="G29749" t="s">
        <v>10734</v>
      </c>
      <c r="H29749" t="s">
        <v>10735</v>
      </c>
      <c r="I29749" s="2">
        <v>0</v>
      </c>
      <c r="J29749" s="2">
        <v>0</v>
      </c>
      <c r="K29749" s="2">
        <v>1</v>
      </c>
      <c r="L29749" t="s">
        <v>995</v>
      </c>
      <c r="M29749" t="s">
        <v>83</v>
      </c>
      <c r="N29749" t="s">
        <v>91</v>
      </c>
      <c r="O29749" t="s">
        <v>85</v>
      </c>
      <c r="P29749" t="s">
        <v>86</v>
      </c>
      <c r="Q29749">
        <v>16</v>
      </c>
      <c r="R29749">
        <v>16</v>
      </c>
      <c r="S29749">
        <v>17</v>
      </c>
      <c r="T29749">
        <v>17</v>
      </c>
      <c r="U29749">
        <v>17</v>
      </c>
      <c r="V29749">
        <v>17</v>
      </c>
      <c r="W29749">
        <v>18</v>
      </c>
      <c r="X29749">
        <v>18</v>
      </c>
      <c r="Y29749">
        <v>18</v>
      </c>
      <c r="Z29749">
        <v>18</v>
      </c>
      <c r="AA29749">
        <v>19</v>
      </c>
      <c r="AB29749">
        <v>19</v>
      </c>
      <c r="AC29749">
        <v>19</v>
      </c>
      <c r="AD29749">
        <v>19</v>
      </c>
      <c r="AE29749">
        <v>20</v>
      </c>
      <c r="AF29749">
        <v>20</v>
      </c>
      <c r="AG29749">
        <v>20</v>
      </c>
      <c r="AH29749">
        <v>20</v>
      </c>
      <c r="AI29749">
        <v>21</v>
      </c>
      <c r="AJ29749">
        <v>21</v>
      </c>
      <c r="AK29749">
        <v>21</v>
      </c>
      <c r="AL29749">
        <v>21</v>
      </c>
      <c r="AM29749">
        <v>21</v>
      </c>
      <c r="AN29749">
        <v>21</v>
      </c>
      <c r="AO29749">
        <v>21</v>
      </c>
      <c r="AP29749">
        <v>21</v>
      </c>
      <c r="AQ29749">
        <v>22</v>
      </c>
    </row>
    <row r="29750" spans="1:43">
      <c r="A29750" t="s">
        <v>18435</v>
      </c>
      <c r="B29750" t="s">
        <v>18436</v>
      </c>
      <c r="C29750" t="s">
        <v>18437</v>
      </c>
      <c r="D29750" t="s">
        <v>18438</v>
      </c>
      <c r="E29750" t="s">
        <v>18345</v>
      </c>
      <c r="F29750" t="s">
        <v>18346</v>
      </c>
      <c r="G29750" t="s">
        <v>10734</v>
      </c>
      <c r="H29750" t="s">
        <v>10735</v>
      </c>
      <c r="I29750" s="2">
        <v>0</v>
      </c>
      <c r="J29750" s="2">
        <v>0</v>
      </c>
      <c r="K29750" s="2">
        <v>1</v>
      </c>
      <c r="L29750" t="s">
        <v>995</v>
      </c>
      <c r="M29750" t="s">
        <v>83</v>
      </c>
      <c r="N29750" t="s">
        <v>84</v>
      </c>
      <c r="O29750" t="s">
        <v>85</v>
      </c>
      <c r="P29750" t="s">
        <v>86</v>
      </c>
      <c r="Q29750">
        <v>124</v>
      </c>
      <c r="R29750">
        <v>126</v>
      </c>
      <c r="S29750">
        <v>128</v>
      </c>
      <c r="T29750">
        <v>130</v>
      </c>
      <c r="U29750">
        <v>132</v>
      </c>
      <c r="V29750">
        <v>134</v>
      </c>
      <c r="W29750">
        <v>136</v>
      </c>
      <c r="X29750">
        <v>139</v>
      </c>
      <c r="Y29750">
        <v>141</v>
      </c>
      <c r="Z29750">
        <v>143</v>
      </c>
      <c r="AA29750">
        <v>145</v>
      </c>
      <c r="AB29750">
        <v>147</v>
      </c>
      <c r="AC29750">
        <v>149</v>
      </c>
      <c r="AD29750">
        <v>151</v>
      </c>
      <c r="AE29750">
        <v>152</v>
      </c>
      <c r="AF29750">
        <v>154</v>
      </c>
      <c r="AG29750">
        <v>156</v>
      </c>
      <c r="AH29750">
        <v>158</v>
      </c>
      <c r="AI29750">
        <v>160</v>
      </c>
      <c r="AJ29750">
        <v>162</v>
      </c>
      <c r="AK29750">
        <v>164</v>
      </c>
      <c r="AL29750">
        <v>165</v>
      </c>
      <c r="AM29750">
        <v>165</v>
      </c>
      <c r="AN29750">
        <v>166</v>
      </c>
      <c r="AO29750">
        <v>166</v>
      </c>
      <c r="AP29750">
        <v>167</v>
      </c>
      <c r="AQ29750">
        <v>168</v>
      </c>
    </row>
    <row r="29751" spans="1:43">
      <c r="A29751" t="s">
        <v>18435</v>
      </c>
      <c r="B29751" t="s">
        <v>18436</v>
      </c>
      <c r="C29751" t="s">
        <v>18437</v>
      </c>
      <c r="D29751" t="s">
        <v>18438</v>
      </c>
      <c r="E29751" t="s">
        <v>18345</v>
      </c>
      <c r="F29751" t="s">
        <v>18346</v>
      </c>
      <c r="G29751" t="s">
        <v>10734</v>
      </c>
      <c r="H29751" t="s">
        <v>10735</v>
      </c>
      <c r="I29751" s="2">
        <v>0</v>
      </c>
      <c r="J29751" s="2">
        <v>0</v>
      </c>
      <c r="K29751" s="2">
        <v>1</v>
      </c>
      <c r="L29751" t="s">
        <v>995</v>
      </c>
      <c r="M29751" t="s">
        <v>87</v>
      </c>
      <c r="N29751" t="s">
        <v>88</v>
      </c>
      <c r="O29751" t="s">
        <v>85</v>
      </c>
      <c r="P29751" t="s">
        <v>86</v>
      </c>
      <c r="Q29751">
        <v>124</v>
      </c>
      <c r="R29751">
        <v>125</v>
      </c>
      <c r="S29751">
        <v>126</v>
      </c>
      <c r="T29751">
        <v>127</v>
      </c>
      <c r="U29751">
        <v>127</v>
      </c>
      <c r="V29751">
        <v>128</v>
      </c>
      <c r="W29751">
        <v>129</v>
      </c>
      <c r="X29751">
        <v>130</v>
      </c>
      <c r="Y29751">
        <v>131</v>
      </c>
      <c r="Z29751">
        <v>132</v>
      </c>
      <c r="AA29751">
        <v>133</v>
      </c>
      <c r="AB29751">
        <v>134</v>
      </c>
      <c r="AC29751">
        <v>134</v>
      </c>
      <c r="AD29751">
        <v>135</v>
      </c>
      <c r="AE29751">
        <v>136</v>
      </c>
      <c r="AF29751">
        <v>137</v>
      </c>
      <c r="AG29751">
        <v>138</v>
      </c>
      <c r="AH29751">
        <v>139</v>
      </c>
      <c r="AI29751">
        <v>140</v>
      </c>
      <c r="AJ29751">
        <v>140</v>
      </c>
      <c r="AK29751">
        <v>141</v>
      </c>
      <c r="AL29751">
        <v>142</v>
      </c>
      <c r="AM29751">
        <v>143</v>
      </c>
      <c r="AN29751">
        <v>144</v>
      </c>
      <c r="AO29751">
        <v>145</v>
      </c>
      <c r="AP29751">
        <v>145</v>
      </c>
      <c r="AQ29751">
        <v>146</v>
      </c>
    </row>
    <row r="29752" spans="1:43">
      <c r="A29752" t="s">
        <v>18435</v>
      </c>
      <c r="B29752" t="s">
        <v>18436</v>
      </c>
      <c r="C29752" t="s">
        <v>18437</v>
      </c>
      <c r="D29752" t="s">
        <v>18438</v>
      </c>
      <c r="E29752" t="s">
        <v>18345</v>
      </c>
      <c r="F29752" t="s">
        <v>18346</v>
      </c>
      <c r="G29752" t="s">
        <v>10734</v>
      </c>
      <c r="H29752" t="s">
        <v>10735</v>
      </c>
      <c r="I29752" s="2">
        <v>0</v>
      </c>
      <c r="J29752" s="2">
        <v>0</v>
      </c>
      <c r="K29752" s="2">
        <v>1</v>
      </c>
      <c r="L29752" t="s">
        <v>995</v>
      </c>
      <c r="M29752" t="s">
        <v>89</v>
      </c>
      <c r="N29752" t="s">
        <v>90</v>
      </c>
      <c r="O29752" t="s">
        <v>85</v>
      </c>
      <c r="P29752" t="s">
        <v>86</v>
      </c>
      <c r="Q29752">
        <v>124</v>
      </c>
      <c r="R29752">
        <v>127</v>
      </c>
      <c r="S29752">
        <v>130</v>
      </c>
      <c r="T29752">
        <v>134</v>
      </c>
      <c r="U29752">
        <v>137</v>
      </c>
      <c r="V29752">
        <v>140</v>
      </c>
      <c r="W29752">
        <v>142</v>
      </c>
      <c r="X29752">
        <v>145</v>
      </c>
      <c r="Y29752">
        <v>148</v>
      </c>
      <c r="Z29752">
        <v>150</v>
      </c>
      <c r="AA29752">
        <v>153</v>
      </c>
      <c r="AB29752">
        <v>155</v>
      </c>
      <c r="AC29752">
        <v>158</v>
      </c>
      <c r="AD29752">
        <v>160</v>
      </c>
      <c r="AE29752">
        <v>162</v>
      </c>
      <c r="AF29752">
        <v>163</v>
      </c>
      <c r="AG29752">
        <v>163</v>
      </c>
      <c r="AH29752">
        <v>164</v>
      </c>
      <c r="AI29752">
        <v>165</v>
      </c>
      <c r="AJ29752">
        <v>165</v>
      </c>
      <c r="AK29752">
        <v>166</v>
      </c>
      <c r="AL29752">
        <v>166</v>
      </c>
      <c r="AM29752">
        <v>167</v>
      </c>
      <c r="AN29752">
        <v>167</v>
      </c>
      <c r="AO29752">
        <v>168</v>
      </c>
      <c r="AP29752">
        <v>168</v>
      </c>
      <c r="AQ29752">
        <v>169</v>
      </c>
    </row>
    <row r="29753" spans="1:43">
      <c r="A29753" t="s">
        <v>18435</v>
      </c>
      <c r="B29753" t="s">
        <v>18436</v>
      </c>
      <c r="C29753" t="s">
        <v>18437</v>
      </c>
      <c r="D29753" t="s">
        <v>18438</v>
      </c>
      <c r="E29753" t="s">
        <v>18345</v>
      </c>
      <c r="F29753" t="s">
        <v>18346</v>
      </c>
      <c r="G29753" t="s">
        <v>10734</v>
      </c>
      <c r="H29753" t="s">
        <v>10735</v>
      </c>
      <c r="I29753" s="2">
        <v>0</v>
      </c>
      <c r="J29753" s="2">
        <v>0</v>
      </c>
      <c r="K29753" s="2">
        <v>1</v>
      </c>
      <c r="L29753" t="s">
        <v>995</v>
      </c>
      <c r="M29753" t="s">
        <v>83</v>
      </c>
      <c r="N29753" t="s">
        <v>91</v>
      </c>
      <c r="O29753" t="s">
        <v>85</v>
      </c>
      <c r="P29753" t="s">
        <v>86</v>
      </c>
      <c r="Q29753">
        <v>124</v>
      </c>
      <c r="R29753">
        <v>126</v>
      </c>
      <c r="S29753">
        <v>128</v>
      </c>
      <c r="T29753">
        <v>130</v>
      </c>
      <c r="U29753">
        <v>132</v>
      </c>
      <c r="V29753">
        <v>134</v>
      </c>
      <c r="W29753">
        <v>136</v>
      </c>
      <c r="X29753">
        <v>139</v>
      </c>
      <c r="Y29753">
        <v>141</v>
      </c>
      <c r="Z29753">
        <v>143</v>
      </c>
      <c r="AA29753">
        <v>145</v>
      </c>
      <c r="AB29753">
        <v>147</v>
      </c>
      <c r="AC29753">
        <v>149</v>
      </c>
      <c r="AD29753">
        <v>151</v>
      </c>
      <c r="AE29753">
        <v>152</v>
      </c>
      <c r="AF29753">
        <v>154</v>
      </c>
      <c r="AG29753">
        <v>156</v>
      </c>
      <c r="AH29753">
        <v>158</v>
      </c>
      <c r="AI29753">
        <v>160</v>
      </c>
      <c r="AJ29753">
        <v>162</v>
      </c>
      <c r="AK29753">
        <v>164</v>
      </c>
      <c r="AL29753">
        <v>165</v>
      </c>
      <c r="AM29753">
        <v>165</v>
      </c>
      <c r="AN29753">
        <v>166</v>
      </c>
      <c r="AO29753">
        <v>166</v>
      </c>
      <c r="AP29753">
        <v>167</v>
      </c>
      <c r="AQ29753">
        <v>168</v>
      </c>
    </row>
    <row r="29754" spans="1:43">
      <c r="A29754" t="s">
        <v>18439</v>
      </c>
      <c r="B29754" t="s">
        <v>18440</v>
      </c>
      <c r="C29754" t="s">
        <v>18403</v>
      </c>
      <c r="D29754" t="s">
        <v>18404</v>
      </c>
      <c r="E29754" t="s">
        <v>18345</v>
      </c>
      <c r="F29754" t="s">
        <v>18346</v>
      </c>
      <c r="G29754" t="s">
        <v>10734</v>
      </c>
      <c r="H29754" t="s">
        <v>10735</v>
      </c>
      <c r="I29754" s="2">
        <v>0</v>
      </c>
      <c r="J29754" s="2">
        <v>0</v>
      </c>
      <c r="K29754" s="2">
        <v>1</v>
      </c>
      <c r="L29754" t="s">
        <v>995</v>
      </c>
      <c r="M29754" t="s">
        <v>83</v>
      </c>
      <c r="N29754" t="s">
        <v>84</v>
      </c>
      <c r="O29754" t="s">
        <v>85</v>
      </c>
      <c r="P29754" t="s">
        <v>86</v>
      </c>
      <c r="Q29754">
        <v>24</v>
      </c>
      <c r="R29754">
        <v>24</v>
      </c>
      <c r="S29754">
        <v>24</v>
      </c>
      <c r="T29754">
        <v>25</v>
      </c>
      <c r="U29754">
        <v>25</v>
      </c>
      <c r="V29754">
        <v>26</v>
      </c>
      <c r="W29754">
        <v>26</v>
      </c>
      <c r="X29754">
        <v>26</v>
      </c>
      <c r="Y29754">
        <v>27</v>
      </c>
      <c r="Z29754">
        <v>27</v>
      </c>
      <c r="AA29754">
        <v>27</v>
      </c>
      <c r="AB29754">
        <v>28</v>
      </c>
      <c r="AC29754">
        <v>28</v>
      </c>
      <c r="AD29754">
        <v>29</v>
      </c>
      <c r="AE29754">
        <v>29</v>
      </c>
      <c r="AF29754">
        <v>29</v>
      </c>
      <c r="AG29754">
        <v>30</v>
      </c>
      <c r="AH29754">
        <v>30</v>
      </c>
      <c r="AI29754">
        <v>30</v>
      </c>
      <c r="AJ29754">
        <v>31</v>
      </c>
      <c r="AK29754">
        <v>31</v>
      </c>
      <c r="AL29754">
        <v>31</v>
      </c>
      <c r="AM29754">
        <v>31</v>
      </c>
      <c r="AN29754">
        <v>31</v>
      </c>
      <c r="AO29754">
        <v>31</v>
      </c>
      <c r="AP29754">
        <v>31</v>
      </c>
      <c r="AQ29754">
        <v>32</v>
      </c>
    </row>
    <row r="29755" spans="1:43">
      <c r="A29755" t="s">
        <v>18439</v>
      </c>
      <c r="B29755" t="s">
        <v>18440</v>
      </c>
      <c r="C29755" t="s">
        <v>18403</v>
      </c>
      <c r="D29755" t="s">
        <v>18404</v>
      </c>
      <c r="E29755" t="s">
        <v>18345</v>
      </c>
      <c r="F29755" t="s">
        <v>18346</v>
      </c>
      <c r="G29755" t="s">
        <v>10734</v>
      </c>
      <c r="H29755" t="s">
        <v>10735</v>
      </c>
      <c r="I29755" s="2">
        <v>0</v>
      </c>
      <c r="J29755" s="2">
        <v>0</v>
      </c>
      <c r="K29755" s="2">
        <v>1</v>
      </c>
      <c r="L29755" t="s">
        <v>995</v>
      </c>
      <c r="M29755" t="s">
        <v>87</v>
      </c>
      <c r="N29755" t="s">
        <v>88</v>
      </c>
      <c r="O29755" t="s">
        <v>85</v>
      </c>
      <c r="P29755" t="s">
        <v>86</v>
      </c>
      <c r="Q29755">
        <v>24</v>
      </c>
      <c r="R29755">
        <v>25</v>
      </c>
      <c r="S29755">
        <v>25</v>
      </c>
      <c r="T29755">
        <v>25</v>
      </c>
      <c r="U29755">
        <v>25</v>
      </c>
      <c r="V29755">
        <v>25</v>
      </c>
      <c r="W29755">
        <v>25</v>
      </c>
      <c r="X29755">
        <v>26</v>
      </c>
      <c r="Y29755">
        <v>26</v>
      </c>
      <c r="Z29755">
        <v>26</v>
      </c>
      <c r="AA29755">
        <v>26</v>
      </c>
      <c r="AB29755">
        <v>26</v>
      </c>
      <c r="AC29755">
        <v>26</v>
      </c>
      <c r="AD29755">
        <v>26</v>
      </c>
      <c r="AE29755">
        <v>27</v>
      </c>
      <c r="AF29755">
        <v>27</v>
      </c>
      <c r="AG29755">
        <v>27</v>
      </c>
      <c r="AH29755">
        <v>27</v>
      </c>
      <c r="AI29755">
        <v>27</v>
      </c>
      <c r="AJ29755">
        <v>27</v>
      </c>
      <c r="AK29755">
        <v>28</v>
      </c>
      <c r="AL29755">
        <v>28</v>
      </c>
      <c r="AM29755">
        <v>28</v>
      </c>
      <c r="AN29755">
        <v>28</v>
      </c>
      <c r="AO29755">
        <v>28</v>
      </c>
      <c r="AP29755">
        <v>28</v>
      </c>
      <c r="AQ29755">
        <v>28</v>
      </c>
    </row>
    <row r="29756" spans="1:43">
      <c r="A29756" t="s">
        <v>18439</v>
      </c>
      <c r="B29756" t="s">
        <v>18440</v>
      </c>
      <c r="C29756" t="s">
        <v>18403</v>
      </c>
      <c r="D29756" t="s">
        <v>18404</v>
      </c>
      <c r="E29756" t="s">
        <v>18345</v>
      </c>
      <c r="F29756" t="s">
        <v>18346</v>
      </c>
      <c r="G29756" t="s">
        <v>10734</v>
      </c>
      <c r="H29756" t="s">
        <v>10735</v>
      </c>
      <c r="I29756" s="2">
        <v>0</v>
      </c>
      <c r="J29756" s="2">
        <v>0</v>
      </c>
      <c r="K29756" s="2">
        <v>1</v>
      </c>
      <c r="L29756" t="s">
        <v>995</v>
      </c>
      <c r="M29756" t="s">
        <v>89</v>
      </c>
      <c r="N29756" t="s">
        <v>90</v>
      </c>
      <c r="O29756" t="s">
        <v>85</v>
      </c>
      <c r="P29756" t="s">
        <v>86</v>
      </c>
      <c r="Q29756">
        <v>24</v>
      </c>
      <c r="R29756">
        <v>24</v>
      </c>
      <c r="S29756">
        <v>25</v>
      </c>
      <c r="T29756">
        <v>26</v>
      </c>
      <c r="U29756">
        <v>26</v>
      </c>
      <c r="V29756">
        <v>27</v>
      </c>
      <c r="W29756">
        <v>27</v>
      </c>
      <c r="X29756">
        <v>28</v>
      </c>
      <c r="Y29756">
        <v>28</v>
      </c>
      <c r="Z29756">
        <v>29</v>
      </c>
      <c r="AA29756">
        <v>29</v>
      </c>
      <c r="AB29756">
        <v>30</v>
      </c>
      <c r="AC29756">
        <v>30</v>
      </c>
      <c r="AD29756">
        <v>31</v>
      </c>
      <c r="AE29756">
        <v>31</v>
      </c>
      <c r="AF29756">
        <v>31</v>
      </c>
      <c r="AG29756">
        <v>31</v>
      </c>
      <c r="AH29756">
        <v>31</v>
      </c>
      <c r="AI29756">
        <v>31</v>
      </c>
      <c r="AJ29756">
        <v>31</v>
      </c>
      <c r="AK29756">
        <v>31</v>
      </c>
      <c r="AL29756">
        <v>31</v>
      </c>
      <c r="AM29756">
        <v>32</v>
      </c>
      <c r="AN29756">
        <v>32</v>
      </c>
      <c r="AO29756">
        <v>32</v>
      </c>
      <c r="AP29756">
        <v>32</v>
      </c>
      <c r="AQ29756">
        <v>32</v>
      </c>
    </row>
    <row r="29757" spans="1:43">
      <c r="A29757" t="s">
        <v>18439</v>
      </c>
      <c r="B29757" t="s">
        <v>18440</v>
      </c>
      <c r="C29757" t="s">
        <v>18403</v>
      </c>
      <c r="D29757" t="s">
        <v>18404</v>
      </c>
      <c r="E29757" t="s">
        <v>18345</v>
      </c>
      <c r="F29757" t="s">
        <v>18346</v>
      </c>
      <c r="G29757" t="s">
        <v>10734</v>
      </c>
      <c r="H29757" t="s">
        <v>10735</v>
      </c>
      <c r="I29757" s="2">
        <v>0</v>
      </c>
      <c r="J29757" s="2">
        <v>0</v>
      </c>
      <c r="K29757" s="2">
        <v>1</v>
      </c>
      <c r="L29757" t="s">
        <v>995</v>
      </c>
      <c r="M29757" t="s">
        <v>83</v>
      </c>
      <c r="N29757" t="s">
        <v>91</v>
      </c>
      <c r="O29757" t="s">
        <v>85</v>
      </c>
      <c r="P29757" t="s">
        <v>86</v>
      </c>
      <c r="Q29757">
        <v>24</v>
      </c>
      <c r="R29757">
        <v>24</v>
      </c>
      <c r="S29757">
        <v>24</v>
      </c>
      <c r="T29757">
        <v>25</v>
      </c>
      <c r="U29757">
        <v>25</v>
      </c>
      <c r="V29757">
        <v>26</v>
      </c>
      <c r="W29757">
        <v>26</v>
      </c>
      <c r="X29757">
        <v>26</v>
      </c>
      <c r="Y29757">
        <v>27</v>
      </c>
      <c r="Z29757">
        <v>27</v>
      </c>
      <c r="AA29757">
        <v>27</v>
      </c>
      <c r="AB29757">
        <v>28</v>
      </c>
      <c r="AC29757">
        <v>28</v>
      </c>
      <c r="AD29757">
        <v>29</v>
      </c>
      <c r="AE29757">
        <v>29</v>
      </c>
      <c r="AF29757">
        <v>29</v>
      </c>
      <c r="AG29757">
        <v>30</v>
      </c>
      <c r="AH29757">
        <v>30</v>
      </c>
      <c r="AI29757">
        <v>30</v>
      </c>
      <c r="AJ29757">
        <v>31</v>
      </c>
      <c r="AK29757">
        <v>31</v>
      </c>
      <c r="AL29757">
        <v>31</v>
      </c>
      <c r="AM29757">
        <v>31</v>
      </c>
      <c r="AN29757">
        <v>31</v>
      </c>
      <c r="AO29757">
        <v>31</v>
      </c>
      <c r="AP29757">
        <v>31</v>
      </c>
      <c r="AQ29757">
        <v>32</v>
      </c>
    </row>
    <row r="29758" spans="1:43">
      <c r="A29758" t="s">
        <v>18441</v>
      </c>
      <c r="B29758" t="s">
        <v>18442</v>
      </c>
      <c r="C29758" t="s">
        <v>18437</v>
      </c>
      <c r="D29758" t="s">
        <v>18438</v>
      </c>
      <c r="E29758" t="s">
        <v>18345</v>
      </c>
      <c r="F29758" t="s">
        <v>18346</v>
      </c>
      <c r="G29758" t="s">
        <v>10734</v>
      </c>
      <c r="H29758" t="s">
        <v>10735</v>
      </c>
      <c r="I29758" s="2">
        <v>0</v>
      </c>
      <c r="J29758" s="2">
        <v>0</v>
      </c>
      <c r="K29758" s="2">
        <v>1</v>
      </c>
      <c r="L29758" t="s">
        <v>995</v>
      </c>
      <c r="M29758" t="s">
        <v>83</v>
      </c>
      <c r="N29758" t="s">
        <v>84</v>
      </c>
      <c r="O29758" t="s">
        <v>85</v>
      </c>
      <c r="P29758" t="s">
        <v>86</v>
      </c>
      <c r="Q29758">
        <v>82</v>
      </c>
      <c r="R29758">
        <v>83</v>
      </c>
      <c r="S29758">
        <v>85</v>
      </c>
      <c r="T29758">
        <v>86</v>
      </c>
      <c r="U29758">
        <v>88</v>
      </c>
      <c r="V29758">
        <v>89</v>
      </c>
      <c r="W29758">
        <v>90</v>
      </c>
      <c r="X29758">
        <v>92</v>
      </c>
      <c r="Y29758">
        <v>93</v>
      </c>
      <c r="Z29758">
        <v>94</v>
      </c>
      <c r="AA29758">
        <v>96</v>
      </c>
      <c r="AB29758">
        <v>97</v>
      </c>
      <c r="AC29758">
        <v>98</v>
      </c>
      <c r="AD29758">
        <v>100</v>
      </c>
      <c r="AE29758">
        <v>101</v>
      </c>
      <c r="AF29758">
        <v>102</v>
      </c>
      <c r="AG29758">
        <v>103</v>
      </c>
      <c r="AH29758">
        <v>105</v>
      </c>
      <c r="AI29758">
        <v>106</v>
      </c>
      <c r="AJ29758">
        <v>107</v>
      </c>
      <c r="AK29758">
        <v>108</v>
      </c>
      <c r="AL29758">
        <v>109</v>
      </c>
      <c r="AM29758">
        <v>109</v>
      </c>
      <c r="AN29758">
        <v>110</v>
      </c>
      <c r="AO29758">
        <v>110</v>
      </c>
      <c r="AP29758">
        <v>110</v>
      </c>
      <c r="AQ29758">
        <v>111</v>
      </c>
    </row>
    <row r="29759" spans="1:43">
      <c r="A29759" t="s">
        <v>18441</v>
      </c>
      <c r="B29759" t="s">
        <v>18442</v>
      </c>
      <c r="C29759" t="s">
        <v>18437</v>
      </c>
      <c r="D29759" t="s">
        <v>18438</v>
      </c>
      <c r="E29759" t="s">
        <v>18345</v>
      </c>
      <c r="F29759" t="s">
        <v>18346</v>
      </c>
      <c r="G29759" t="s">
        <v>10734</v>
      </c>
      <c r="H29759" t="s">
        <v>10735</v>
      </c>
      <c r="I29759" s="2">
        <v>0</v>
      </c>
      <c r="J29759" s="2">
        <v>0</v>
      </c>
      <c r="K29759" s="2">
        <v>1</v>
      </c>
      <c r="L29759" t="s">
        <v>995</v>
      </c>
      <c r="M29759" t="s">
        <v>87</v>
      </c>
      <c r="N29759" t="s">
        <v>88</v>
      </c>
      <c r="O29759" t="s">
        <v>85</v>
      </c>
      <c r="P29759" t="s">
        <v>86</v>
      </c>
      <c r="Q29759">
        <v>82</v>
      </c>
      <c r="R29759">
        <v>83</v>
      </c>
      <c r="S29759">
        <v>83</v>
      </c>
      <c r="T29759">
        <v>84</v>
      </c>
      <c r="U29759">
        <v>85</v>
      </c>
      <c r="V29759">
        <v>85</v>
      </c>
      <c r="W29759">
        <v>86</v>
      </c>
      <c r="X29759">
        <v>86</v>
      </c>
      <c r="Y29759">
        <v>87</v>
      </c>
      <c r="Z29759">
        <v>88</v>
      </c>
      <c r="AA29759">
        <v>88</v>
      </c>
      <c r="AB29759">
        <v>89</v>
      </c>
      <c r="AC29759">
        <v>89</v>
      </c>
      <c r="AD29759">
        <v>90</v>
      </c>
      <c r="AE29759">
        <v>90</v>
      </c>
      <c r="AF29759">
        <v>91</v>
      </c>
      <c r="AG29759">
        <v>92</v>
      </c>
      <c r="AH29759">
        <v>92</v>
      </c>
      <c r="AI29759">
        <v>93</v>
      </c>
      <c r="AJ29759">
        <v>93</v>
      </c>
      <c r="AK29759">
        <v>94</v>
      </c>
      <c r="AL29759">
        <v>94</v>
      </c>
      <c r="AM29759">
        <v>95</v>
      </c>
      <c r="AN29759">
        <v>95</v>
      </c>
      <c r="AO29759">
        <v>96</v>
      </c>
      <c r="AP29759">
        <v>96</v>
      </c>
      <c r="AQ29759">
        <v>97</v>
      </c>
    </row>
    <row r="29760" spans="1:43">
      <c r="A29760" t="s">
        <v>18441</v>
      </c>
      <c r="B29760" t="s">
        <v>18442</v>
      </c>
      <c r="C29760" t="s">
        <v>18437</v>
      </c>
      <c r="D29760" t="s">
        <v>18438</v>
      </c>
      <c r="E29760" t="s">
        <v>18345</v>
      </c>
      <c r="F29760" t="s">
        <v>18346</v>
      </c>
      <c r="G29760" t="s">
        <v>10734</v>
      </c>
      <c r="H29760" t="s">
        <v>10735</v>
      </c>
      <c r="I29760" s="2">
        <v>0</v>
      </c>
      <c r="J29760" s="2">
        <v>0</v>
      </c>
      <c r="K29760" s="2">
        <v>1</v>
      </c>
      <c r="L29760" t="s">
        <v>995</v>
      </c>
      <c r="M29760" t="s">
        <v>89</v>
      </c>
      <c r="N29760" t="s">
        <v>90</v>
      </c>
      <c r="O29760" t="s">
        <v>85</v>
      </c>
      <c r="P29760" t="s">
        <v>86</v>
      </c>
      <c r="Q29760">
        <v>82</v>
      </c>
      <c r="R29760">
        <v>84</v>
      </c>
      <c r="S29760">
        <v>86</v>
      </c>
      <c r="T29760">
        <v>88</v>
      </c>
      <c r="U29760">
        <v>90</v>
      </c>
      <c r="V29760">
        <v>92</v>
      </c>
      <c r="W29760">
        <v>94</v>
      </c>
      <c r="X29760">
        <v>96</v>
      </c>
      <c r="Y29760">
        <v>97</v>
      </c>
      <c r="Z29760">
        <v>99</v>
      </c>
      <c r="AA29760">
        <v>101</v>
      </c>
      <c r="AB29760">
        <v>102</v>
      </c>
      <c r="AC29760">
        <v>104</v>
      </c>
      <c r="AD29760">
        <v>106</v>
      </c>
      <c r="AE29760">
        <v>107</v>
      </c>
      <c r="AF29760">
        <v>107</v>
      </c>
      <c r="AG29760">
        <v>108</v>
      </c>
      <c r="AH29760">
        <v>108</v>
      </c>
      <c r="AI29760">
        <v>108</v>
      </c>
      <c r="AJ29760">
        <v>109</v>
      </c>
      <c r="AK29760">
        <v>109</v>
      </c>
      <c r="AL29760">
        <v>109</v>
      </c>
      <c r="AM29760">
        <v>110</v>
      </c>
      <c r="AN29760">
        <v>110</v>
      </c>
      <c r="AO29760">
        <v>110</v>
      </c>
      <c r="AP29760">
        <v>111</v>
      </c>
      <c r="AQ29760">
        <v>111</v>
      </c>
    </row>
    <row r="29761" spans="1:43">
      <c r="A29761" t="s">
        <v>18441</v>
      </c>
      <c r="B29761" t="s">
        <v>18442</v>
      </c>
      <c r="C29761" t="s">
        <v>18437</v>
      </c>
      <c r="D29761" t="s">
        <v>18438</v>
      </c>
      <c r="E29761" t="s">
        <v>18345</v>
      </c>
      <c r="F29761" t="s">
        <v>18346</v>
      </c>
      <c r="G29761" t="s">
        <v>10734</v>
      </c>
      <c r="H29761" t="s">
        <v>10735</v>
      </c>
      <c r="I29761" s="2">
        <v>0</v>
      </c>
      <c r="J29761" s="2">
        <v>0</v>
      </c>
      <c r="K29761" s="2">
        <v>1</v>
      </c>
      <c r="L29761" t="s">
        <v>995</v>
      </c>
      <c r="M29761" t="s">
        <v>83</v>
      </c>
      <c r="N29761" t="s">
        <v>91</v>
      </c>
      <c r="O29761" t="s">
        <v>85</v>
      </c>
      <c r="P29761" t="s">
        <v>86</v>
      </c>
      <c r="Q29761">
        <v>82</v>
      </c>
      <c r="R29761">
        <v>83</v>
      </c>
      <c r="S29761">
        <v>85</v>
      </c>
      <c r="T29761">
        <v>86</v>
      </c>
      <c r="U29761">
        <v>88</v>
      </c>
      <c r="V29761">
        <v>89</v>
      </c>
      <c r="W29761">
        <v>90</v>
      </c>
      <c r="X29761">
        <v>92</v>
      </c>
      <c r="Y29761">
        <v>93</v>
      </c>
      <c r="Z29761">
        <v>94</v>
      </c>
      <c r="AA29761">
        <v>96</v>
      </c>
      <c r="AB29761">
        <v>97</v>
      </c>
      <c r="AC29761">
        <v>98</v>
      </c>
      <c r="AD29761">
        <v>100</v>
      </c>
      <c r="AE29761">
        <v>101</v>
      </c>
      <c r="AF29761">
        <v>102</v>
      </c>
      <c r="AG29761">
        <v>103</v>
      </c>
      <c r="AH29761">
        <v>105</v>
      </c>
      <c r="AI29761">
        <v>106</v>
      </c>
      <c r="AJ29761">
        <v>107</v>
      </c>
      <c r="AK29761">
        <v>108</v>
      </c>
      <c r="AL29761">
        <v>109</v>
      </c>
      <c r="AM29761">
        <v>109</v>
      </c>
      <c r="AN29761">
        <v>110</v>
      </c>
      <c r="AO29761">
        <v>110</v>
      </c>
      <c r="AP29761">
        <v>110</v>
      </c>
      <c r="AQ29761">
        <v>111</v>
      </c>
    </row>
    <row r="29762" spans="1:43">
      <c r="A29762" t="s">
        <v>18443</v>
      </c>
      <c r="B29762" t="s">
        <v>18444</v>
      </c>
      <c r="C29762" t="s">
        <v>18437</v>
      </c>
      <c r="D29762" t="s">
        <v>18438</v>
      </c>
      <c r="E29762" t="s">
        <v>18345</v>
      </c>
      <c r="F29762" t="s">
        <v>18346</v>
      </c>
      <c r="G29762" t="s">
        <v>10734</v>
      </c>
      <c r="H29762" t="s">
        <v>10735</v>
      </c>
      <c r="I29762" s="2">
        <v>0</v>
      </c>
      <c r="J29762" s="2">
        <v>0</v>
      </c>
      <c r="K29762" s="2">
        <v>0.89</v>
      </c>
      <c r="L29762" t="s">
        <v>995</v>
      </c>
      <c r="M29762" t="s">
        <v>83</v>
      </c>
      <c r="N29762" t="s">
        <v>84</v>
      </c>
      <c r="O29762" t="s">
        <v>85</v>
      </c>
      <c r="P29762" t="s">
        <v>86</v>
      </c>
      <c r="Q29762">
        <v>40</v>
      </c>
      <c r="R29762">
        <v>41</v>
      </c>
      <c r="S29762">
        <v>42</v>
      </c>
      <c r="T29762">
        <v>42</v>
      </c>
      <c r="U29762">
        <v>43</v>
      </c>
      <c r="V29762">
        <v>44</v>
      </c>
      <c r="W29762">
        <v>44</v>
      </c>
      <c r="X29762">
        <v>45</v>
      </c>
      <c r="Y29762">
        <v>46</v>
      </c>
      <c r="Z29762">
        <v>46</v>
      </c>
      <c r="AA29762">
        <v>47</v>
      </c>
      <c r="AB29762">
        <v>47</v>
      </c>
      <c r="AC29762">
        <v>48</v>
      </c>
      <c r="AD29762">
        <v>49</v>
      </c>
      <c r="AE29762">
        <v>49</v>
      </c>
      <c r="AF29762">
        <v>50</v>
      </c>
      <c r="AG29762">
        <v>51</v>
      </c>
      <c r="AH29762">
        <v>51</v>
      </c>
      <c r="AI29762">
        <v>52</v>
      </c>
      <c r="AJ29762">
        <v>52</v>
      </c>
      <c r="AK29762">
        <v>53</v>
      </c>
      <c r="AL29762">
        <v>53</v>
      </c>
      <c r="AM29762">
        <v>53</v>
      </c>
      <c r="AN29762">
        <v>53</v>
      </c>
      <c r="AO29762">
        <v>54</v>
      </c>
      <c r="AP29762">
        <v>54</v>
      </c>
      <c r="AQ29762">
        <v>54</v>
      </c>
    </row>
    <row r="29763" spans="1:43">
      <c r="A29763" t="s">
        <v>18443</v>
      </c>
      <c r="B29763" t="s">
        <v>18444</v>
      </c>
      <c r="C29763" t="s">
        <v>18437</v>
      </c>
      <c r="D29763" t="s">
        <v>18438</v>
      </c>
      <c r="E29763" t="s">
        <v>18345</v>
      </c>
      <c r="F29763" t="s">
        <v>18346</v>
      </c>
      <c r="G29763" t="s">
        <v>10734</v>
      </c>
      <c r="H29763" t="s">
        <v>10735</v>
      </c>
      <c r="I29763" s="2">
        <v>0</v>
      </c>
      <c r="J29763" s="2">
        <v>0</v>
      </c>
      <c r="K29763" s="2">
        <v>0.89</v>
      </c>
      <c r="L29763" t="s">
        <v>995</v>
      </c>
      <c r="M29763" t="s">
        <v>87</v>
      </c>
      <c r="N29763" t="s">
        <v>88</v>
      </c>
      <c r="O29763" t="s">
        <v>85</v>
      </c>
      <c r="P29763" t="s">
        <v>86</v>
      </c>
      <c r="Q29763">
        <v>40</v>
      </c>
      <c r="R29763">
        <v>40</v>
      </c>
      <c r="S29763">
        <v>40</v>
      </c>
      <c r="T29763">
        <v>41</v>
      </c>
      <c r="U29763">
        <v>41</v>
      </c>
      <c r="V29763">
        <v>41</v>
      </c>
      <c r="W29763">
        <v>42</v>
      </c>
      <c r="X29763">
        <v>42</v>
      </c>
      <c r="Y29763">
        <v>42</v>
      </c>
      <c r="Z29763">
        <v>42</v>
      </c>
      <c r="AA29763">
        <v>43</v>
      </c>
      <c r="AB29763">
        <v>43</v>
      </c>
      <c r="AC29763">
        <v>43</v>
      </c>
      <c r="AD29763">
        <v>43</v>
      </c>
      <c r="AE29763">
        <v>44</v>
      </c>
      <c r="AF29763">
        <v>44</v>
      </c>
      <c r="AG29763">
        <v>44</v>
      </c>
      <c r="AH29763">
        <v>45</v>
      </c>
      <c r="AI29763">
        <v>45</v>
      </c>
      <c r="AJ29763">
        <v>45</v>
      </c>
      <c r="AK29763">
        <v>45</v>
      </c>
      <c r="AL29763">
        <v>46</v>
      </c>
      <c r="AM29763">
        <v>46</v>
      </c>
      <c r="AN29763">
        <v>46</v>
      </c>
      <c r="AO29763">
        <v>46</v>
      </c>
      <c r="AP29763">
        <v>47</v>
      </c>
      <c r="AQ29763">
        <v>47</v>
      </c>
    </row>
    <row r="29764" spans="1:43">
      <c r="A29764" t="s">
        <v>18443</v>
      </c>
      <c r="B29764" t="s">
        <v>18444</v>
      </c>
      <c r="C29764" t="s">
        <v>18437</v>
      </c>
      <c r="D29764" t="s">
        <v>18438</v>
      </c>
      <c r="E29764" t="s">
        <v>18345</v>
      </c>
      <c r="F29764" t="s">
        <v>18346</v>
      </c>
      <c r="G29764" t="s">
        <v>10734</v>
      </c>
      <c r="H29764" t="s">
        <v>10735</v>
      </c>
      <c r="I29764" s="2">
        <v>0</v>
      </c>
      <c r="J29764" s="2">
        <v>0</v>
      </c>
      <c r="K29764" s="2">
        <v>0.89</v>
      </c>
      <c r="L29764" t="s">
        <v>995</v>
      </c>
      <c r="M29764" t="s">
        <v>89</v>
      </c>
      <c r="N29764" t="s">
        <v>90</v>
      </c>
      <c r="O29764" t="s">
        <v>85</v>
      </c>
      <c r="P29764" t="s">
        <v>86</v>
      </c>
      <c r="Q29764">
        <v>40</v>
      </c>
      <c r="R29764">
        <v>41</v>
      </c>
      <c r="S29764">
        <v>42</v>
      </c>
      <c r="T29764">
        <v>43</v>
      </c>
      <c r="U29764">
        <v>44</v>
      </c>
      <c r="V29764">
        <v>45</v>
      </c>
      <c r="W29764">
        <v>46</v>
      </c>
      <c r="X29764">
        <v>46</v>
      </c>
      <c r="Y29764">
        <v>47</v>
      </c>
      <c r="Z29764">
        <v>48</v>
      </c>
      <c r="AA29764">
        <v>49</v>
      </c>
      <c r="AB29764">
        <v>50</v>
      </c>
      <c r="AC29764">
        <v>50</v>
      </c>
      <c r="AD29764">
        <v>51</v>
      </c>
      <c r="AE29764">
        <v>52</v>
      </c>
      <c r="AF29764">
        <v>52</v>
      </c>
      <c r="AG29764">
        <v>52</v>
      </c>
      <c r="AH29764">
        <v>52</v>
      </c>
      <c r="AI29764">
        <v>52</v>
      </c>
      <c r="AJ29764">
        <v>53</v>
      </c>
      <c r="AK29764">
        <v>53</v>
      </c>
      <c r="AL29764">
        <v>53</v>
      </c>
      <c r="AM29764">
        <v>53</v>
      </c>
      <c r="AN29764">
        <v>53</v>
      </c>
      <c r="AO29764">
        <v>53</v>
      </c>
      <c r="AP29764">
        <v>53</v>
      </c>
      <c r="AQ29764">
        <v>53</v>
      </c>
    </row>
    <row r="29765" spans="1:43">
      <c r="A29765" t="s">
        <v>18443</v>
      </c>
      <c r="B29765" t="s">
        <v>18444</v>
      </c>
      <c r="C29765" t="s">
        <v>18437</v>
      </c>
      <c r="D29765" t="s">
        <v>18438</v>
      </c>
      <c r="E29765" t="s">
        <v>18345</v>
      </c>
      <c r="F29765" t="s">
        <v>18346</v>
      </c>
      <c r="G29765" t="s">
        <v>10734</v>
      </c>
      <c r="H29765" t="s">
        <v>10735</v>
      </c>
      <c r="I29765" s="2">
        <v>0</v>
      </c>
      <c r="J29765" s="2">
        <v>0</v>
      </c>
      <c r="K29765" s="2">
        <v>0.89</v>
      </c>
      <c r="L29765" t="s">
        <v>995</v>
      </c>
      <c r="M29765" t="s">
        <v>83</v>
      </c>
      <c r="N29765" t="s">
        <v>91</v>
      </c>
      <c r="O29765" t="s">
        <v>85</v>
      </c>
      <c r="P29765" t="s">
        <v>86</v>
      </c>
      <c r="Q29765">
        <v>40</v>
      </c>
      <c r="R29765">
        <v>41</v>
      </c>
      <c r="S29765">
        <v>42</v>
      </c>
      <c r="T29765">
        <v>42</v>
      </c>
      <c r="U29765">
        <v>43</v>
      </c>
      <c r="V29765">
        <v>44</v>
      </c>
      <c r="W29765">
        <v>44</v>
      </c>
      <c r="X29765">
        <v>45</v>
      </c>
      <c r="Y29765">
        <v>46</v>
      </c>
      <c r="Z29765">
        <v>46</v>
      </c>
      <c r="AA29765">
        <v>47</v>
      </c>
      <c r="AB29765">
        <v>47</v>
      </c>
      <c r="AC29765">
        <v>48</v>
      </c>
      <c r="AD29765">
        <v>49</v>
      </c>
      <c r="AE29765">
        <v>49</v>
      </c>
      <c r="AF29765">
        <v>50</v>
      </c>
      <c r="AG29765">
        <v>51</v>
      </c>
      <c r="AH29765">
        <v>51</v>
      </c>
      <c r="AI29765">
        <v>52</v>
      </c>
      <c r="AJ29765">
        <v>52</v>
      </c>
      <c r="AK29765">
        <v>53</v>
      </c>
      <c r="AL29765">
        <v>53</v>
      </c>
      <c r="AM29765">
        <v>53</v>
      </c>
      <c r="AN29765">
        <v>53</v>
      </c>
      <c r="AO29765">
        <v>54</v>
      </c>
      <c r="AP29765">
        <v>54</v>
      </c>
      <c r="AQ29765">
        <v>54</v>
      </c>
    </row>
    <row r="29766" spans="1:43">
      <c r="A29766" t="s">
        <v>18445</v>
      </c>
      <c r="B29766" t="s">
        <v>18446</v>
      </c>
      <c r="C29766" t="s">
        <v>18437</v>
      </c>
      <c r="D29766" t="s">
        <v>18438</v>
      </c>
      <c r="E29766" t="s">
        <v>18345</v>
      </c>
      <c r="F29766" t="s">
        <v>18346</v>
      </c>
      <c r="G29766" t="s">
        <v>10734</v>
      </c>
      <c r="H29766" t="s">
        <v>10735</v>
      </c>
      <c r="I29766" s="2">
        <v>0</v>
      </c>
      <c r="J29766" s="2">
        <v>0</v>
      </c>
      <c r="K29766" s="2">
        <v>1</v>
      </c>
      <c r="L29766" t="s">
        <v>995</v>
      </c>
      <c r="M29766" t="s">
        <v>83</v>
      </c>
      <c r="N29766" t="s">
        <v>84</v>
      </c>
      <c r="O29766" t="s">
        <v>85</v>
      </c>
      <c r="P29766" t="s">
        <v>86</v>
      </c>
      <c r="Q29766">
        <v>14</v>
      </c>
      <c r="R29766">
        <v>14</v>
      </c>
      <c r="S29766">
        <v>14</v>
      </c>
      <c r="T29766">
        <v>14</v>
      </c>
      <c r="U29766">
        <v>14</v>
      </c>
      <c r="V29766">
        <v>15</v>
      </c>
      <c r="W29766">
        <v>15</v>
      </c>
      <c r="X29766">
        <v>15</v>
      </c>
      <c r="Y29766">
        <v>15</v>
      </c>
      <c r="Z29766">
        <v>16</v>
      </c>
      <c r="AA29766">
        <v>16</v>
      </c>
      <c r="AB29766">
        <v>16</v>
      </c>
      <c r="AC29766">
        <v>16</v>
      </c>
      <c r="AD29766">
        <v>16</v>
      </c>
      <c r="AE29766">
        <v>17</v>
      </c>
      <c r="AF29766">
        <v>17</v>
      </c>
      <c r="AG29766">
        <v>17</v>
      </c>
      <c r="AH29766">
        <v>17</v>
      </c>
      <c r="AI29766">
        <v>17</v>
      </c>
      <c r="AJ29766">
        <v>18</v>
      </c>
      <c r="AK29766">
        <v>18</v>
      </c>
      <c r="AL29766">
        <v>18</v>
      </c>
      <c r="AM29766">
        <v>18</v>
      </c>
      <c r="AN29766">
        <v>18</v>
      </c>
      <c r="AO29766">
        <v>18</v>
      </c>
      <c r="AP29766">
        <v>18</v>
      </c>
      <c r="AQ29766">
        <v>18</v>
      </c>
    </row>
    <row r="29767" spans="1:43">
      <c r="A29767" t="s">
        <v>18445</v>
      </c>
      <c r="B29767" t="s">
        <v>18446</v>
      </c>
      <c r="C29767" t="s">
        <v>18437</v>
      </c>
      <c r="D29767" t="s">
        <v>18438</v>
      </c>
      <c r="E29767" t="s">
        <v>18345</v>
      </c>
      <c r="F29767" t="s">
        <v>18346</v>
      </c>
      <c r="G29767" t="s">
        <v>10734</v>
      </c>
      <c r="H29767" t="s">
        <v>10735</v>
      </c>
      <c r="I29767" s="2">
        <v>0</v>
      </c>
      <c r="J29767" s="2">
        <v>0</v>
      </c>
      <c r="K29767" s="2">
        <v>1</v>
      </c>
      <c r="L29767" t="s">
        <v>995</v>
      </c>
      <c r="M29767" t="s">
        <v>87</v>
      </c>
      <c r="N29767" t="s">
        <v>88</v>
      </c>
      <c r="O29767" t="s">
        <v>85</v>
      </c>
      <c r="P29767" t="s">
        <v>86</v>
      </c>
      <c r="Q29767">
        <v>14</v>
      </c>
      <c r="R29767">
        <v>15</v>
      </c>
      <c r="S29767">
        <v>15</v>
      </c>
      <c r="T29767">
        <v>15</v>
      </c>
      <c r="U29767">
        <v>15</v>
      </c>
      <c r="V29767">
        <v>15</v>
      </c>
      <c r="W29767">
        <v>15</v>
      </c>
      <c r="X29767">
        <v>15</v>
      </c>
      <c r="Y29767">
        <v>15</v>
      </c>
      <c r="Z29767">
        <v>15</v>
      </c>
      <c r="AA29767">
        <v>15</v>
      </c>
      <c r="AB29767">
        <v>16</v>
      </c>
      <c r="AC29767">
        <v>16</v>
      </c>
      <c r="AD29767">
        <v>16</v>
      </c>
      <c r="AE29767">
        <v>16</v>
      </c>
      <c r="AF29767">
        <v>16</v>
      </c>
      <c r="AG29767">
        <v>16</v>
      </c>
      <c r="AH29767">
        <v>16</v>
      </c>
      <c r="AI29767">
        <v>16</v>
      </c>
      <c r="AJ29767">
        <v>16</v>
      </c>
      <c r="AK29767">
        <v>16</v>
      </c>
      <c r="AL29767">
        <v>16</v>
      </c>
      <c r="AM29767">
        <v>17</v>
      </c>
      <c r="AN29767">
        <v>17</v>
      </c>
      <c r="AO29767">
        <v>17</v>
      </c>
      <c r="AP29767">
        <v>17</v>
      </c>
      <c r="AQ29767">
        <v>17</v>
      </c>
    </row>
    <row r="29768" spans="1:43">
      <c r="A29768" t="s">
        <v>18445</v>
      </c>
      <c r="B29768" t="s">
        <v>18446</v>
      </c>
      <c r="C29768" t="s">
        <v>18437</v>
      </c>
      <c r="D29768" t="s">
        <v>18438</v>
      </c>
      <c r="E29768" t="s">
        <v>18345</v>
      </c>
      <c r="F29768" t="s">
        <v>18346</v>
      </c>
      <c r="G29768" t="s">
        <v>10734</v>
      </c>
      <c r="H29768" t="s">
        <v>10735</v>
      </c>
      <c r="I29768" s="2">
        <v>0</v>
      </c>
      <c r="J29768" s="2">
        <v>0</v>
      </c>
      <c r="K29768" s="2">
        <v>1</v>
      </c>
      <c r="L29768" t="s">
        <v>995</v>
      </c>
      <c r="M29768" t="s">
        <v>89</v>
      </c>
      <c r="N29768" t="s">
        <v>90</v>
      </c>
      <c r="O29768" t="s">
        <v>85</v>
      </c>
      <c r="P29768" t="s">
        <v>86</v>
      </c>
      <c r="Q29768">
        <v>14</v>
      </c>
      <c r="R29768">
        <v>14</v>
      </c>
      <c r="S29768">
        <v>14</v>
      </c>
      <c r="T29768">
        <v>15</v>
      </c>
      <c r="U29768">
        <v>15</v>
      </c>
      <c r="V29768">
        <v>15</v>
      </c>
      <c r="W29768">
        <v>16</v>
      </c>
      <c r="X29768">
        <v>16</v>
      </c>
      <c r="Y29768">
        <v>16</v>
      </c>
      <c r="Z29768">
        <v>17</v>
      </c>
      <c r="AA29768">
        <v>17</v>
      </c>
      <c r="AB29768">
        <v>17</v>
      </c>
      <c r="AC29768">
        <v>17</v>
      </c>
      <c r="AD29768">
        <v>18</v>
      </c>
      <c r="AE29768">
        <v>18</v>
      </c>
      <c r="AF29768">
        <v>18</v>
      </c>
      <c r="AG29768">
        <v>18</v>
      </c>
      <c r="AH29768">
        <v>18</v>
      </c>
      <c r="AI29768">
        <v>18</v>
      </c>
      <c r="AJ29768">
        <v>18</v>
      </c>
      <c r="AK29768">
        <v>18</v>
      </c>
      <c r="AL29768">
        <v>18</v>
      </c>
      <c r="AM29768">
        <v>18</v>
      </c>
      <c r="AN29768">
        <v>18</v>
      </c>
      <c r="AO29768">
        <v>18</v>
      </c>
      <c r="AP29768">
        <v>18</v>
      </c>
      <c r="AQ29768">
        <v>18</v>
      </c>
    </row>
    <row r="29769" spans="1:43">
      <c r="A29769" t="s">
        <v>18445</v>
      </c>
      <c r="B29769" t="s">
        <v>18446</v>
      </c>
      <c r="C29769" t="s">
        <v>18437</v>
      </c>
      <c r="D29769" t="s">
        <v>18438</v>
      </c>
      <c r="E29769" t="s">
        <v>18345</v>
      </c>
      <c r="F29769" t="s">
        <v>18346</v>
      </c>
      <c r="G29769" t="s">
        <v>10734</v>
      </c>
      <c r="H29769" t="s">
        <v>10735</v>
      </c>
      <c r="I29769" s="2">
        <v>0</v>
      </c>
      <c r="J29769" s="2">
        <v>0</v>
      </c>
      <c r="K29769" s="2">
        <v>1</v>
      </c>
      <c r="L29769" t="s">
        <v>995</v>
      </c>
      <c r="M29769" t="s">
        <v>83</v>
      </c>
      <c r="N29769" t="s">
        <v>91</v>
      </c>
      <c r="O29769" t="s">
        <v>85</v>
      </c>
      <c r="P29769" t="s">
        <v>86</v>
      </c>
      <c r="Q29769">
        <v>14</v>
      </c>
      <c r="R29769">
        <v>14</v>
      </c>
      <c r="S29769">
        <v>14</v>
      </c>
      <c r="T29769">
        <v>14</v>
      </c>
      <c r="U29769">
        <v>14</v>
      </c>
      <c r="V29769">
        <v>15</v>
      </c>
      <c r="W29769">
        <v>15</v>
      </c>
      <c r="X29769">
        <v>15</v>
      </c>
      <c r="Y29769">
        <v>15</v>
      </c>
      <c r="Z29769">
        <v>16</v>
      </c>
      <c r="AA29769">
        <v>16</v>
      </c>
      <c r="AB29769">
        <v>16</v>
      </c>
      <c r="AC29769">
        <v>16</v>
      </c>
      <c r="AD29769">
        <v>16</v>
      </c>
      <c r="AE29769">
        <v>17</v>
      </c>
      <c r="AF29769">
        <v>17</v>
      </c>
      <c r="AG29769">
        <v>17</v>
      </c>
      <c r="AH29769">
        <v>17</v>
      </c>
      <c r="AI29769">
        <v>17</v>
      </c>
      <c r="AJ29769">
        <v>18</v>
      </c>
      <c r="AK29769">
        <v>18</v>
      </c>
      <c r="AL29769">
        <v>18</v>
      </c>
      <c r="AM29769">
        <v>18</v>
      </c>
      <c r="AN29769">
        <v>18</v>
      </c>
      <c r="AO29769">
        <v>18</v>
      </c>
      <c r="AP29769">
        <v>18</v>
      </c>
      <c r="AQ29769">
        <v>18</v>
      </c>
    </row>
    <row r="29770" spans="1:43">
      <c r="A29770" t="s">
        <v>18447</v>
      </c>
      <c r="B29770" t="s">
        <v>18448</v>
      </c>
      <c r="C29770" t="s">
        <v>18403</v>
      </c>
      <c r="D29770" t="s">
        <v>18404</v>
      </c>
      <c r="E29770" t="s">
        <v>18345</v>
      </c>
      <c r="F29770" t="s">
        <v>18346</v>
      </c>
      <c r="G29770" t="s">
        <v>10734</v>
      </c>
      <c r="H29770" t="s">
        <v>10735</v>
      </c>
      <c r="I29770" s="2">
        <v>0</v>
      </c>
      <c r="J29770" s="2">
        <v>0</v>
      </c>
      <c r="K29770" s="2">
        <v>1</v>
      </c>
      <c r="L29770" t="s">
        <v>995</v>
      </c>
      <c r="M29770" t="s">
        <v>83</v>
      </c>
      <c r="N29770" t="s">
        <v>84</v>
      </c>
      <c r="O29770" t="s">
        <v>85</v>
      </c>
      <c r="P29770" t="s">
        <v>86</v>
      </c>
      <c r="Q29770">
        <v>22</v>
      </c>
      <c r="R29770">
        <v>22</v>
      </c>
      <c r="S29770">
        <v>22</v>
      </c>
      <c r="T29770">
        <v>23</v>
      </c>
      <c r="U29770">
        <v>23</v>
      </c>
      <c r="V29770">
        <v>23</v>
      </c>
      <c r="W29770">
        <v>24</v>
      </c>
      <c r="X29770">
        <v>24</v>
      </c>
      <c r="Y29770">
        <v>24</v>
      </c>
      <c r="Z29770">
        <v>25</v>
      </c>
      <c r="AA29770">
        <v>25</v>
      </c>
      <c r="AB29770">
        <v>25</v>
      </c>
      <c r="AC29770">
        <v>25</v>
      </c>
      <c r="AD29770">
        <v>26</v>
      </c>
      <c r="AE29770">
        <v>26</v>
      </c>
      <c r="AF29770">
        <v>26</v>
      </c>
      <c r="AG29770">
        <v>27</v>
      </c>
      <c r="AH29770">
        <v>27</v>
      </c>
      <c r="AI29770">
        <v>27</v>
      </c>
      <c r="AJ29770">
        <v>27</v>
      </c>
      <c r="AK29770">
        <v>28</v>
      </c>
      <c r="AL29770">
        <v>28</v>
      </c>
      <c r="AM29770">
        <v>28</v>
      </c>
      <c r="AN29770">
        <v>28</v>
      </c>
      <c r="AO29770">
        <v>28</v>
      </c>
      <c r="AP29770">
        <v>28</v>
      </c>
      <c r="AQ29770">
        <v>28</v>
      </c>
    </row>
    <row r="29771" spans="1:43">
      <c r="A29771" t="s">
        <v>18447</v>
      </c>
      <c r="B29771" t="s">
        <v>18448</v>
      </c>
      <c r="C29771" t="s">
        <v>18403</v>
      </c>
      <c r="D29771" t="s">
        <v>18404</v>
      </c>
      <c r="E29771" t="s">
        <v>18345</v>
      </c>
      <c r="F29771" t="s">
        <v>18346</v>
      </c>
      <c r="G29771" t="s">
        <v>10734</v>
      </c>
      <c r="H29771" t="s">
        <v>10735</v>
      </c>
      <c r="I29771" s="2">
        <v>0</v>
      </c>
      <c r="J29771" s="2">
        <v>0</v>
      </c>
      <c r="K29771" s="2">
        <v>1</v>
      </c>
      <c r="L29771" t="s">
        <v>995</v>
      </c>
      <c r="M29771" t="s">
        <v>87</v>
      </c>
      <c r="N29771" t="s">
        <v>88</v>
      </c>
      <c r="O29771" t="s">
        <v>85</v>
      </c>
      <c r="P29771" t="s">
        <v>86</v>
      </c>
      <c r="Q29771">
        <v>22</v>
      </c>
      <c r="R29771">
        <v>22</v>
      </c>
      <c r="S29771">
        <v>22</v>
      </c>
      <c r="T29771">
        <v>22</v>
      </c>
      <c r="U29771">
        <v>22</v>
      </c>
      <c r="V29771">
        <v>22</v>
      </c>
      <c r="W29771">
        <v>22</v>
      </c>
      <c r="X29771">
        <v>22</v>
      </c>
      <c r="Y29771">
        <v>22</v>
      </c>
      <c r="Z29771">
        <v>23</v>
      </c>
      <c r="AA29771">
        <v>23</v>
      </c>
      <c r="AB29771">
        <v>23</v>
      </c>
      <c r="AC29771">
        <v>23</v>
      </c>
      <c r="AD29771">
        <v>23</v>
      </c>
      <c r="AE29771">
        <v>23</v>
      </c>
      <c r="AF29771">
        <v>23</v>
      </c>
      <c r="AG29771">
        <v>23</v>
      </c>
      <c r="AH29771">
        <v>23</v>
      </c>
      <c r="AI29771">
        <v>23</v>
      </c>
      <c r="AJ29771">
        <v>24</v>
      </c>
      <c r="AK29771">
        <v>24</v>
      </c>
      <c r="AL29771">
        <v>24</v>
      </c>
      <c r="AM29771">
        <v>24</v>
      </c>
      <c r="AN29771">
        <v>24</v>
      </c>
      <c r="AO29771">
        <v>24</v>
      </c>
      <c r="AP29771">
        <v>24</v>
      </c>
      <c r="AQ29771">
        <v>24</v>
      </c>
    </row>
    <row r="29772" spans="1:43">
      <c r="A29772" t="s">
        <v>18447</v>
      </c>
      <c r="B29772" t="s">
        <v>18448</v>
      </c>
      <c r="C29772" t="s">
        <v>18403</v>
      </c>
      <c r="D29772" t="s">
        <v>18404</v>
      </c>
      <c r="E29772" t="s">
        <v>18345</v>
      </c>
      <c r="F29772" t="s">
        <v>18346</v>
      </c>
      <c r="G29772" t="s">
        <v>10734</v>
      </c>
      <c r="H29772" t="s">
        <v>10735</v>
      </c>
      <c r="I29772" s="2">
        <v>0</v>
      </c>
      <c r="J29772" s="2">
        <v>0</v>
      </c>
      <c r="K29772" s="2">
        <v>1</v>
      </c>
      <c r="L29772" t="s">
        <v>995</v>
      </c>
      <c r="M29772" t="s">
        <v>89</v>
      </c>
      <c r="N29772" t="s">
        <v>90</v>
      </c>
      <c r="O29772" t="s">
        <v>85</v>
      </c>
      <c r="P29772" t="s">
        <v>86</v>
      </c>
      <c r="Q29772">
        <v>22</v>
      </c>
      <c r="R29772">
        <v>22</v>
      </c>
      <c r="S29772">
        <v>23</v>
      </c>
      <c r="T29772">
        <v>23</v>
      </c>
      <c r="U29772">
        <v>24</v>
      </c>
      <c r="V29772">
        <v>24</v>
      </c>
      <c r="W29772">
        <v>25</v>
      </c>
      <c r="X29772">
        <v>25</v>
      </c>
      <c r="Y29772">
        <v>26</v>
      </c>
      <c r="Z29772">
        <v>26</v>
      </c>
      <c r="AA29772">
        <v>26</v>
      </c>
      <c r="AB29772">
        <v>27</v>
      </c>
      <c r="AC29772">
        <v>27</v>
      </c>
      <c r="AD29772">
        <v>28</v>
      </c>
      <c r="AE29772">
        <v>28</v>
      </c>
      <c r="AF29772">
        <v>28</v>
      </c>
      <c r="AG29772">
        <v>28</v>
      </c>
      <c r="AH29772">
        <v>28</v>
      </c>
      <c r="AI29772">
        <v>28</v>
      </c>
      <c r="AJ29772">
        <v>28</v>
      </c>
      <c r="AK29772">
        <v>28</v>
      </c>
      <c r="AL29772">
        <v>28</v>
      </c>
      <c r="AM29772">
        <v>28</v>
      </c>
      <c r="AN29772">
        <v>28</v>
      </c>
      <c r="AO29772">
        <v>28</v>
      </c>
      <c r="AP29772">
        <v>28</v>
      </c>
      <c r="AQ29772">
        <v>28</v>
      </c>
    </row>
    <row r="29773" spans="1:43">
      <c r="A29773" t="s">
        <v>18447</v>
      </c>
      <c r="B29773" t="s">
        <v>18448</v>
      </c>
      <c r="C29773" t="s">
        <v>18403</v>
      </c>
      <c r="D29773" t="s">
        <v>18404</v>
      </c>
      <c r="E29773" t="s">
        <v>18345</v>
      </c>
      <c r="F29773" t="s">
        <v>18346</v>
      </c>
      <c r="G29773" t="s">
        <v>10734</v>
      </c>
      <c r="H29773" t="s">
        <v>10735</v>
      </c>
      <c r="I29773" s="2">
        <v>0</v>
      </c>
      <c r="J29773" s="2">
        <v>0</v>
      </c>
      <c r="K29773" s="2">
        <v>1</v>
      </c>
      <c r="L29773" t="s">
        <v>995</v>
      </c>
      <c r="M29773" t="s">
        <v>83</v>
      </c>
      <c r="N29773" t="s">
        <v>91</v>
      </c>
      <c r="O29773" t="s">
        <v>85</v>
      </c>
      <c r="P29773" t="s">
        <v>86</v>
      </c>
      <c r="Q29773">
        <v>22</v>
      </c>
      <c r="R29773">
        <v>22</v>
      </c>
      <c r="S29773">
        <v>22</v>
      </c>
      <c r="T29773">
        <v>23</v>
      </c>
      <c r="U29773">
        <v>23</v>
      </c>
      <c r="V29773">
        <v>23</v>
      </c>
      <c r="W29773">
        <v>24</v>
      </c>
      <c r="X29773">
        <v>24</v>
      </c>
      <c r="Y29773">
        <v>24</v>
      </c>
      <c r="Z29773">
        <v>25</v>
      </c>
      <c r="AA29773">
        <v>25</v>
      </c>
      <c r="AB29773">
        <v>25</v>
      </c>
      <c r="AC29773">
        <v>25</v>
      </c>
      <c r="AD29773">
        <v>26</v>
      </c>
      <c r="AE29773">
        <v>26</v>
      </c>
      <c r="AF29773">
        <v>26</v>
      </c>
      <c r="AG29773">
        <v>27</v>
      </c>
      <c r="AH29773">
        <v>27</v>
      </c>
      <c r="AI29773">
        <v>27</v>
      </c>
      <c r="AJ29773">
        <v>27</v>
      </c>
      <c r="AK29773">
        <v>28</v>
      </c>
      <c r="AL29773">
        <v>28</v>
      </c>
      <c r="AM29773">
        <v>28</v>
      </c>
      <c r="AN29773">
        <v>28</v>
      </c>
      <c r="AO29773">
        <v>28</v>
      </c>
      <c r="AP29773">
        <v>28</v>
      </c>
      <c r="AQ29773">
        <v>28</v>
      </c>
    </row>
    <row r="29774" spans="1:43">
      <c r="A29774" t="s">
        <v>18449</v>
      </c>
      <c r="B29774" t="s">
        <v>18450</v>
      </c>
      <c r="C29774" t="s">
        <v>18451</v>
      </c>
      <c r="D29774" t="s">
        <v>18452</v>
      </c>
      <c r="E29774" t="s">
        <v>18345</v>
      </c>
      <c r="F29774" t="s">
        <v>18346</v>
      </c>
      <c r="G29774" t="s">
        <v>10734</v>
      </c>
      <c r="H29774" t="s">
        <v>10735</v>
      </c>
      <c r="I29774" s="2">
        <v>0</v>
      </c>
      <c r="J29774" s="2">
        <v>0</v>
      </c>
      <c r="K29774" s="2">
        <v>1</v>
      </c>
      <c r="L29774" t="s">
        <v>995</v>
      </c>
      <c r="M29774" t="s">
        <v>83</v>
      </c>
      <c r="N29774" t="s">
        <v>84</v>
      </c>
      <c r="O29774" t="s">
        <v>85</v>
      </c>
      <c r="P29774" t="s">
        <v>86</v>
      </c>
      <c r="Q29774">
        <v>17</v>
      </c>
      <c r="R29774">
        <v>17</v>
      </c>
      <c r="S29774">
        <v>18</v>
      </c>
      <c r="T29774">
        <v>18</v>
      </c>
      <c r="U29774">
        <v>18</v>
      </c>
      <c r="V29774">
        <v>19</v>
      </c>
      <c r="W29774">
        <v>19</v>
      </c>
      <c r="X29774">
        <v>19</v>
      </c>
      <c r="Y29774">
        <v>19</v>
      </c>
      <c r="Z29774">
        <v>20</v>
      </c>
      <c r="AA29774">
        <v>20</v>
      </c>
      <c r="AB29774">
        <v>20</v>
      </c>
      <c r="AC29774">
        <v>20</v>
      </c>
      <c r="AD29774">
        <v>21</v>
      </c>
      <c r="AE29774">
        <v>21</v>
      </c>
      <c r="AF29774">
        <v>21</v>
      </c>
      <c r="AG29774">
        <v>22</v>
      </c>
      <c r="AH29774">
        <v>22</v>
      </c>
      <c r="AI29774">
        <v>22</v>
      </c>
      <c r="AJ29774">
        <v>22</v>
      </c>
      <c r="AK29774">
        <v>23</v>
      </c>
      <c r="AL29774">
        <v>23</v>
      </c>
      <c r="AM29774">
        <v>23</v>
      </c>
      <c r="AN29774">
        <v>23</v>
      </c>
      <c r="AO29774">
        <v>23</v>
      </c>
      <c r="AP29774">
        <v>23</v>
      </c>
      <c r="AQ29774">
        <v>23</v>
      </c>
    </row>
    <row r="29775" spans="1:43">
      <c r="A29775" t="s">
        <v>18449</v>
      </c>
      <c r="B29775" t="s">
        <v>18450</v>
      </c>
      <c r="C29775" t="s">
        <v>18451</v>
      </c>
      <c r="D29775" t="s">
        <v>18452</v>
      </c>
      <c r="E29775" t="s">
        <v>18345</v>
      </c>
      <c r="F29775" t="s">
        <v>18346</v>
      </c>
      <c r="G29775" t="s">
        <v>10734</v>
      </c>
      <c r="H29775" t="s">
        <v>10735</v>
      </c>
      <c r="I29775" s="2">
        <v>0</v>
      </c>
      <c r="J29775" s="2">
        <v>0</v>
      </c>
      <c r="K29775" s="2">
        <v>1</v>
      </c>
      <c r="L29775" t="s">
        <v>995</v>
      </c>
      <c r="M29775" t="s">
        <v>87</v>
      </c>
      <c r="N29775" t="s">
        <v>88</v>
      </c>
      <c r="O29775" t="s">
        <v>85</v>
      </c>
      <c r="P29775" t="s">
        <v>86</v>
      </c>
      <c r="Q29775">
        <v>17</v>
      </c>
      <c r="R29775">
        <v>17</v>
      </c>
      <c r="S29775">
        <v>17</v>
      </c>
      <c r="T29775">
        <v>17</v>
      </c>
      <c r="U29775">
        <v>18</v>
      </c>
      <c r="V29775">
        <v>18</v>
      </c>
      <c r="W29775">
        <v>18</v>
      </c>
      <c r="X29775">
        <v>18</v>
      </c>
      <c r="Y29775">
        <v>18</v>
      </c>
      <c r="Z29775">
        <v>18</v>
      </c>
      <c r="AA29775">
        <v>18</v>
      </c>
      <c r="AB29775">
        <v>18</v>
      </c>
      <c r="AC29775">
        <v>18</v>
      </c>
      <c r="AD29775">
        <v>18</v>
      </c>
      <c r="AE29775">
        <v>19</v>
      </c>
      <c r="AF29775">
        <v>19</v>
      </c>
      <c r="AG29775">
        <v>19</v>
      </c>
      <c r="AH29775">
        <v>19</v>
      </c>
      <c r="AI29775">
        <v>19</v>
      </c>
      <c r="AJ29775">
        <v>19</v>
      </c>
      <c r="AK29775">
        <v>19</v>
      </c>
      <c r="AL29775">
        <v>19</v>
      </c>
      <c r="AM29775">
        <v>19</v>
      </c>
      <c r="AN29775">
        <v>20</v>
      </c>
      <c r="AO29775">
        <v>20</v>
      </c>
      <c r="AP29775">
        <v>20</v>
      </c>
      <c r="AQ29775">
        <v>20</v>
      </c>
    </row>
    <row r="29776" spans="1:43">
      <c r="A29776" t="s">
        <v>18449</v>
      </c>
      <c r="B29776" t="s">
        <v>18450</v>
      </c>
      <c r="C29776" t="s">
        <v>18451</v>
      </c>
      <c r="D29776" t="s">
        <v>18452</v>
      </c>
      <c r="E29776" t="s">
        <v>18345</v>
      </c>
      <c r="F29776" t="s">
        <v>18346</v>
      </c>
      <c r="G29776" t="s">
        <v>10734</v>
      </c>
      <c r="H29776" t="s">
        <v>10735</v>
      </c>
      <c r="I29776" s="2">
        <v>0</v>
      </c>
      <c r="J29776" s="2">
        <v>0</v>
      </c>
      <c r="K29776" s="2">
        <v>1</v>
      </c>
      <c r="L29776" t="s">
        <v>995</v>
      </c>
      <c r="M29776" t="s">
        <v>89</v>
      </c>
      <c r="N29776" t="s">
        <v>90</v>
      </c>
      <c r="O29776" t="s">
        <v>85</v>
      </c>
      <c r="P29776" t="s">
        <v>86</v>
      </c>
      <c r="Q29776">
        <v>17</v>
      </c>
      <c r="R29776">
        <v>18</v>
      </c>
      <c r="S29776">
        <v>18</v>
      </c>
      <c r="T29776">
        <v>19</v>
      </c>
      <c r="U29776">
        <v>19</v>
      </c>
      <c r="V29776">
        <v>19</v>
      </c>
      <c r="W29776">
        <v>20</v>
      </c>
      <c r="X29776">
        <v>20</v>
      </c>
      <c r="Y29776">
        <v>21</v>
      </c>
      <c r="Z29776">
        <v>21</v>
      </c>
      <c r="AA29776">
        <v>21</v>
      </c>
      <c r="AB29776">
        <v>22</v>
      </c>
      <c r="AC29776">
        <v>22</v>
      </c>
      <c r="AD29776">
        <v>22</v>
      </c>
      <c r="AE29776">
        <v>22</v>
      </c>
      <c r="AF29776">
        <v>23</v>
      </c>
      <c r="AG29776">
        <v>23</v>
      </c>
      <c r="AH29776">
        <v>23</v>
      </c>
      <c r="AI29776">
        <v>23</v>
      </c>
      <c r="AJ29776">
        <v>23</v>
      </c>
      <c r="AK29776">
        <v>23</v>
      </c>
      <c r="AL29776">
        <v>23</v>
      </c>
      <c r="AM29776">
        <v>23</v>
      </c>
      <c r="AN29776">
        <v>23</v>
      </c>
      <c r="AO29776">
        <v>23</v>
      </c>
      <c r="AP29776">
        <v>23</v>
      </c>
      <c r="AQ29776">
        <v>23</v>
      </c>
    </row>
    <row r="29777" spans="1:43">
      <c r="A29777" t="s">
        <v>18449</v>
      </c>
      <c r="B29777" t="s">
        <v>18450</v>
      </c>
      <c r="C29777" t="s">
        <v>18451</v>
      </c>
      <c r="D29777" t="s">
        <v>18452</v>
      </c>
      <c r="E29777" t="s">
        <v>18345</v>
      </c>
      <c r="F29777" t="s">
        <v>18346</v>
      </c>
      <c r="G29777" t="s">
        <v>10734</v>
      </c>
      <c r="H29777" t="s">
        <v>10735</v>
      </c>
      <c r="I29777" s="2">
        <v>0</v>
      </c>
      <c r="J29777" s="2">
        <v>0</v>
      </c>
      <c r="K29777" s="2">
        <v>1</v>
      </c>
      <c r="L29777" t="s">
        <v>995</v>
      </c>
      <c r="M29777" t="s">
        <v>83</v>
      </c>
      <c r="N29777" t="s">
        <v>91</v>
      </c>
      <c r="O29777" t="s">
        <v>85</v>
      </c>
      <c r="P29777" t="s">
        <v>86</v>
      </c>
      <c r="Q29777">
        <v>17</v>
      </c>
      <c r="R29777">
        <v>17</v>
      </c>
      <c r="S29777">
        <v>18</v>
      </c>
      <c r="T29777">
        <v>18</v>
      </c>
      <c r="U29777">
        <v>18</v>
      </c>
      <c r="V29777">
        <v>19</v>
      </c>
      <c r="W29777">
        <v>19</v>
      </c>
      <c r="X29777">
        <v>19</v>
      </c>
      <c r="Y29777">
        <v>19</v>
      </c>
      <c r="Z29777">
        <v>20</v>
      </c>
      <c r="AA29777">
        <v>20</v>
      </c>
      <c r="AB29777">
        <v>20</v>
      </c>
      <c r="AC29777">
        <v>20</v>
      </c>
      <c r="AD29777">
        <v>21</v>
      </c>
      <c r="AE29777">
        <v>21</v>
      </c>
      <c r="AF29777">
        <v>21</v>
      </c>
      <c r="AG29777">
        <v>22</v>
      </c>
      <c r="AH29777">
        <v>22</v>
      </c>
      <c r="AI29777">
        <v>22</v>
      </c>
      <c r="AJ29777">
        <v>22</v>
      </c>
      <c r="AK29777">
        <v>23</v>
      </c>
      <c r="AL29777">
        <v>23</v>
      </c>
      <c r="AM29777">
        <v>23</v>
      </c>
      <c r="AN29777">
        <v>23</v>
      </c>
      <c r="AO29777">
        <v>23</v>
      </c>
      <c r="AP29777">
        <v>23</v>
      </c>
      <c r="AQ29777">
        <v>23</v>
      </c>
    </row>
    <row r="29778" spans="1:43">
      <c r="A29778" t="s">
        <v>18453</v>
      </c>
      <c r="B29778" t="s">
        <v>18454</v>
      </c>
      <c r="C29778" t="s">
        <v>18451</v>
      </c>
      <c r="D29778" t="s">
        <v>18452</v>
      </c>
      <c r="E29778" t="s">
        <v>18345</v>
      </c>
      <c r="F29778" t="s">
        <v>18346</v>
      </c>
      <c r="G29778" t="s">
        <v>10734</v>
      </c>
      <c r="H29778" t="s">
        <v>10735</v>
      </c>
      <c r="I29778" s="2">
        <v>0</v>
      </c>
      <c r="J29778" s="2">
        <v>0</v>
      </c>
      <c r="K29778" s="2">
        <v>1</v>
      </c>
      <c r="L29778" t="s">
        <v>995</v>
      </c>
      <c r="M29778" t="s">
        <v>83</v>
      </c>
      <c r="N29778" t="s">
        <v>84</v>
      </c>
      <c r="O29778" t="s">
        <v>85</v>
      </c>
      <c r="P29778" t="s">
        <v>86</v>
      </c>
      <c r="Q29778">
        <v>40</v>
      </c>
      <c r="R29778">
        <v>40</v>
      </c>
      <c r="S29778">
        <v>41</v>
      </c>
      <c r="T29778">
        <v>42</v>
      </c>
      <c r="U29778">
        <v>42</v>
      </c>
      <c r="V29778">
        <v>43</v>
      </c>
      <c r="W29778">
        <v>44</v>
      </c>
      <c r="X29778">
        <v>44</v>
      </c>
      <c r="Y29778">
        <v>45</v>
      </c>
      <c r="Z29778">
        <v>45</v>
      </c>
      <c r="AA29778">
        <v>46</v>
      </c>
      <c r="AB29778">
        <v>47</v>
      </c>
      <c r="AC29778">
        <v>47</v>
      </c>
      <c r="AD29778">
        <v>48</v>
      </c>
      <c r="AE29778">
        <v>49</v>
      </c>
      <c r="AF29778">
        <v>49</v>
      </c>
      <c r="AG29778">
        <v>50</v>
      </c>
      <c r="AH29778">
        <v>50</v>
      </c>
      <c r="AI29778">
        <v>51</v>
      </c>
      <c r="AJ29778">
        <v>51</v>
      </c>
      <c r="AK29778">
        <v>52</v>
      </c>
      <c r="AL29778">
        <v>52</v>
      </c>
      <c r="AM29778">
        <v>52</v>
      </c>
      <c r="AN29778">
        <v>53</v>
      </c>
      <c r="AO29778">
        <v>53</v>
      </c>
      <c r="AP29778">
        <v>53</v>
      </c>
      <c r="AQ29778">
        <v>53</v>
      </c>
    </row>
    <row r="29779" spans="1:43">
      <c r="A29779" t="s">
        <v>18453</v>
      </c>
      <c r="B29779" t="s">
        <v>18454</v>
      </c>
      <c r="C29779" t="s">
        <v>18451</v>
      </c>
      <c r="D29779" t="s">
        <v>18452</v>
      </c>
      <c r="E29779" t="s">
        <v>18345</v>
      </c>
      <c r="F29779" t="s">
        <v>18346</v>
      </c>
      <c r="G29779" t="s">
        <v>10734</v>
      </c>
      <c r="H29779" t="s">
        <v>10735</v>
      </c>
      <c r="I29779" s="2">
        <v>0</v>
      </c>
      <c r="J29779" s="2">
        <v>0</v>
      </c>
      <c r="K29779" s="2">
        <v>1</v>
      </c>
      <c r="L29779" t="s">
        <v>995</v>
      </c>
      <c r="M29779" t="s">
        <v>87</v>
      </c>
      <c r="N29779" t="s">
        <v>88</v>
      </c>
      <c r="O29779" t="s">
        <v>85</v>
      </c>
      <c r="P29779" t="s">
        <v>86</v>
      </c>
      <c r="Q29779">
        <v>40</v>
      </c>
      <c r="R29779">
        <v>41</v>
      </c>
      <c r="S29779">
        <v>41</v>
      </c>
      <c r="T29779">
        <v>41</v>
      </c>
      <c r="U29779">
        <v>41</v>
      </c>
      <c r="V29779">
        <v>42</v>
      </c>
      <c r="W29779">
        <v>42</v>
      </c>
      <c r="X29779">
        <v>42</v>
      </c>
      <c r="Y29779">
        <v>42</v>
      </c>
      <c r="Z29779">
        <v>43</v>
      </c>
      <c r="AA29779">
        <v>43</v>
      </c>
      <c r="AB29779">
        <v>43</v>
      </c>
      <c r="AC29779">
        <v>43</v>
      </c>
      <c r="AD29779">
        <v>44</v>
      </c>
      <c r="AE29779">
        <v>44</v>
      </c>
      <c r="AF29779">
        <v>44</v>
      </c>
      <c r="AG29779">
        <v>44</v>
      </c>
      <c r="AH29779">
        <v>45</v>
      </c>
      <c r="AI29779">
        <v>45</v>
      </c>
      <c r="AJ29779">
        <v>45</v>
      </c>
      <c r="AK29779">
        <v>45</v>
      </c>
      <c r="AL29779">
        <v>46</v>
      </c>
      <c r="AM29779">
        <v>46</v>
      </c>
      <c r="AN29779">
        <v>46</v>
      </c>
      <c r="AO29779">
        <v>46</v>
      </c>
      <c r="AP29779">
        <v>47</v>
      </c>
      <c r="AQ29779">
        <v>47</v>
      </c>
    </row>
    <row r="29780" spans="1:43">
      <c r="A29780" t="s">
        <v>18453</v>
      </c>
      <c r="B29780" t="s">
        <v>18454</v>
      </c>
      <c r="C29780" t="s">
        <v>18451</v>
      </c>
      <c r="D29780" t="s">
        <v>18452</v>
      </c>
      <c r="E29780" t="s">
        <v>18345</v>
      </c>
      <c r="F29780" t="s">
        <v>18346</v>
      </c>
      <c r="G29780" t="s">
        <v>10734</v>
      </c>
      <c r="H29780" t="s">
        <v>10735</v>
      </c>
      <c r="I29780" s="2">
        <v>0</v>
      </c>
      <c r="J29780" s="2">
        <v>0</v>
      </c>
      <c r="K29780" s="2">
        <v>1</v>
      </c>
      <c r="L29780" t="s">
        <v>995</v>
      </c>
      <c r="M29780" t="s">
        <v>89</v>
      </c>
      <c r="N29780" t="s">
        <v>90</v>
      </c>
      <c r="O29780" t="s">
        <v>85</v>
      </c>
      <c r="P29780" t="s">
        <v>86</v>
      </c>
      <c r="Q29780">
        <v>40</v>
      </c>
      <c r="R29780">
        <v>41</v>
      </c>
      <c r="S29780">
        <v>42</v>
      </c>
      <c r="T29780">
        <v>43</v>
      </c>
      <c r="U29780">
        <v>44</v>
      </c>
      <c r="V29780">
        <v>45</v>
      </c>
      <c r="W29780">
        <v>46</v>
      </c>
      <c r="X29780">
        <v>47</v>
      </c>
      <c r="Y29780">
        <v>47</v>
      </c>
      <c r="Z29780">
        <v>48</v>
      </c>
      <c r="AA29780">
        <v>49</v>
      </c>
      <c r="AB29780">
        <v>50</v>
      </c>
      <c r="AC29780">
        <v>51</v>
      </c>
      <c r="AD29780">
        <v>51</v>
      </c>
      <c r="AE29780">
        <v>52</v>
      </c>
      <c r="AF29780">
        <v>52</v>
      </c>
      <c r="AG29780">
        <v>52</v>
      </c>
      <c r="AH29780">
        <v>52</v>
      </c>
      <c r="AI29780">
        <v>52</v>
      </c>
      <c r="AJ29780">
        <v>53</v>
      </c>
      <c r="AK29780">
        <v>53</v>
      </c>
      <c r="AL29780">
        <v>53</v>
      </c>
      <c r="AM29780">
        <v>53</v>
      </c>
      <c r="AN29780">
        <v>53</v>
      </c>
      <c r="AO29780">
        <v>53</v>
      </c>
      <c r="AP29780">
        <v>53</v>
      </c>
      <c r="AQ29780">
        <v>53</v>
      </c>
    </row>
    <row r="29781" spans="1:43">
      <c r="A29781" t="s">
        <v>18453</v>
      </c>
      <c r="B29781" t="s">
        <v>18454</v>
      </c>
      <c r="C29781" t="s">
        <v>18451</v>
      </c>
      <c r="D29781" t="s">
        <v>18452</v>
      </c>
      <c r="E29781" t="s">
        <v>18345</v>
      </c>
      <c r="F29781" t="s">
        <v>18346</v>
      </c>
      <c r="G29781" t="s">
        <v>10734</v>
      </c>
      <c r="H29781" t="s">
        <v>10735</v>
      </c>
      <c r="I29781" s="2">
        <v>0</v>
      </c>
      <c r="J29781" s="2">
        <v>0</v>
      </c>
      <c r="K29781" s="2">
        <v>1</v>
      </c>
      <c r="L29781" t="s">
        <v>995</v>
      </c>
      <c r="M29781" t="s">
        <v>83</v>
      </c>
      <c r="N29781" t="s">
        <v>91</v>
      </c>
      <c r="O29781" t="s">
        <v>85</v>
      </c>
      <c r="P29781" t="s">
        <v>86</v>
      </c>
      <c r="Q29781">
        <v>40</v>
      </c>
      <c r="R29781">
        <v>40</v>
      </c>
      <c r="S29781">
        <v>41</v>
      </c>
      <c r="T29781">
        <v>42</v>
      </c>
      <c r="U29781">
        <v>42</v>
      </c>
      <c r="V29781">
        <v>43</v>
      </c>
      <c r="W29781">
        <v>44</v>
      </c>
      <c r="X29781">
        <v>44</v>
      </c>
      <c r="Y29781">
        <v>45</v>
      </c>
      <c r="Z29781">
        <v>45</v>
      </c>
      <c r="AA29781">
        <v>46</v>
      </c>
      <c r="AB29781">
        <v>47</v>
      </c>
      <c r="AC29781">
        <v>47</v>
      </c>
      <c r="AD29781">
        <v>48</v>
      </c>
      <c r="AE29781">
        <v>49</v>
      </c>
      <c r="AF29781">
        <v>49</v>
      </c>
      <c r="AG29781">
        <v>50</v>
      </c>
      <c r="AH29781">
        <v>50</v>
      </c>
      <c r="AI29781">
        <v>51</v>
      </c>
      <c r="AJ29781">
        <v>51</v>
      </c>
      <c r="AK29781">
        <v>52</v>
      </c>
      <c r="AL29781">
        <v>52</v>
      </c>
      <c r="AM29781">
        <v>52</v>
      </c>
      <c r="AN29781">
        <v>53</v>
      </c>
      <c r="AO29781">
        <v>53</v>
      </c>
      <c r="AP29781">
        <v>53</v>
      </c>
      <c r="AQ29781">
        <v>53</v>
      </c>
    </row>
    <row r="29782" spans="1:43">
      <c r="A29782" t="s">
        <v>18455</v>
      </c>
      <c r="B29782" t="s">
        <v>18456</v>
      </c>
      <c r="C29782" t="s">
        <v>18451</v>
      </c>
      <c r="D29782" t="s">
        <v>18452</v>
      </c>
      <c r="E29782" t="s">
        <v>18345</v>
      </c>
      <c r="F29782" t="s">
        <v>18346</v>
      </c>
      <c r="G29782" t="s">
        <v>10734</v>
      </c>
      <c r="H29782" t="s">
        <v>10735</v>
      </c>
      <c r="I29782" s="2">
        <v>0</v>
      </c>
      <c r="J29782" s="2">
        <v>0</v>
      </c>
      <c r="K29782" s="2">
        <v>1</v>
      </c>
      <c r="L29782" t="s">
        <v>995</v>
      </c>
      <c r="M29782" t="s">
        <v>83</v>
      </c>
      <c r="N29782" t="s">
        <v>84</v>
      </c>
      <c r="O29782" t="s">
        <v>85</v>
      </c>
      <c r="P29782" t="s">
        <v>86</v>
      </c>
      <c r="Q29782">
        <v>30</v>
      </c>
      <c r="R29782">
        <v>30</v>
      </c>
      <c r="S29782">
        <v>31</v>
      </c>
      <c r="T29782">
        <v>31</v>
      </c>
      <c r="U29782">
        <v>32</v>
      </c>
      <c r="V29782">
        <v>32</v>
      </c>
      <c r="W29782">
        <v>33</v>
      </c>
      <c r="X29782">
        <v>33</v>
      </c>
      <c r="Y29782">
        <v>34</v>
      </c>
      <c r="Z29782">
        <v>34</v>
      </c>
      <c r="AA29782">
        <v>35</v>
      </c>
      <c r="AB29782">
        <v>35</v>
      </c>
      <c r="AC29782">
        <v>36</v>
      </c>
      <c r="AD29782">
        <v>36</v>
      </c>
      <c r="AE29782">
        <v>36</v>
      </c>
      <c r="AF29782">
        <v>37</v>
      </c>
      <c r="AG29782">
        <v>37</v>
      </c>
      <c r="AH29782">
        <v>38</v>
      </c>
      <c r="AI29782">
        <v>38</v>
      </c>
      <c r="AJ29782">
        <v>39</v>
      </c>
      <c r="AK29782">
        <v>39</v>
      </c>
      <c r="AL29782">
        <v>39</v>
      </c>
      <c r="AM29782">
        <v>39</v>
      </c>
      <c r="AN29782">
        <v>39</v>
      </c>
      <c r="AO29782">
        <v>39</v>
      </c>
      <c r="AP29782">
        <v>40</v>
      </c>
      <c r="AQ29782">
        <v>40</v>
      </c>
    </row>
    <row r="29783" spans="1:43">
      <c r="A29783" t="s">
        <v>18455</v>
      </c>
      <c r="B29783" t="s">
        <v>18456</v>
      </c>
      <c r="C29783" t="s">
        <v>18451</v>
      </c>
      <c r="D29783" t="s">
        <v>18452</v>
      </c>
      <c r="E29783" t="s">
        <v>18345</v>
      </c>
      <c r="F29783" t="s">
        <v>18346</v>
      </c>
      <c r="G29783" t="s">
        <v>10734</v>
      </c>
      <c r="H29783" t="s">
        <v>10735</v>
      </c>
      <c r="I29783" s="2">
        <v>0</v>
      </c>
      <c r="J29783" s="2">
        <v>0</v>
      </c>
      <c r="K29783" s="2">
        <v>1</v>
      </c>
      <c r="L29783" t="s">
        <v>995</v>
      </c>
      <c r="M29783" t="s">
        <v>87</v>
      </c>
      <c r="N29783" t="s">
        <v>88</v>
      </c>
      <c r="O29783" t="s">
        <v>85</v>
      </c>
      <c r="P29783" t="s">
        <v>86</v>
      </c>
      <c r="Q29783">
        <v>30</v>
      </c>
      <c r="R29783">
        <v>30</v>
      </c>
      <c r="S29783">
        <v>30</v>
      </c>
      <c r="T29783">
        <v>30</v>
      </c>
      <c r="U29783">
        <v>30</v>
      </c>
      <c r="V29783">
        <v>31</v>
      </c>
      <c r="W29783">
        <v>31</v>
      </c>
      <c r="X29783">
        <v>31</v>
      </c>
      <c r="Y29783">
        <v>31</v>
      </c>
      <c r="Z29783">
        <v>31</v>
      </c>
      <c r="AA29783">
        <v>32</v>
      </c>
      <c r="AB29783">
        <v>32</v>
      </c>
      <c r="AC29783">
        <v>32</v>
      </c>
      <c r="AD29783">
        <v>32</v>
      </c>
      <c r="AE29783">
        <v>32</v>
      </c>
      <c r="AF29783">
        <v>33</v>
      </c>
      <c r="AG29783">
        <v>33</v>
      </c>
      <c r="AH29783">
        <v>33</v>
      </c>
      <c r="AI29783">
        <v>33</v>
      </c>
      <c r="AJ29783">
        <v>33</v>
      </c>
      <c r="AK29783">
        <v>33</v>
      </c>
      <c r="AL29783">
        <v>34</v>
      </c>
      <c r="AM29783">
        <v>34</v>
      </c>
      <c r="AN29783">
        <v>34</v>
      </c>
      <c r="AO29783">
        <v>34</v>
      </c>
      <c r="AP29783">
        <v>34</v>
      </c>
      <c r="AQ29783">
        <v>35</v>
      </c>
    </row>
    <row r="29784" spans="1:43">
      <c r="A29784" t="s">
        <v>18455</v>
      </c>
      <c r="B29784" t="s">
        <v>18456</v>
      </c>
      <c r="C29784" t="s">
        <v>18451</v>
      </c>
      <c r="D29784" t="s">
        <v>18452</v>
      </c>
      <c r="E29784" t="s">
        <v>18345</v>
      </c>
      <c r="F29784" t="s">
        <v>18346</v>
      </c>
      <c r="G29784" t="s">
        <v>10734</v>
      </c>
      <c r="H29784" t="s">
        <v>10735</v>
      </c>
      <c r="I29784" s="2">
        <v>0</v>
      </c>
      <c r="J29784" s="2">
        <v>0</v>
      </c>
      <c r="K29784" s="2">
        <v>1</v>
      </c>
      <c r="L29784" t="s">
        <v>995</v>
      </c>
      <c r="M29784" t="s">
        <v>89</v>
      </c>
      <c r="N29784" t="s">
        <v>90</v>
      </c>
      <c r="O29784" t="s">
        <v>85</v>
      </c>
      <c r="P29784" t="s">
        <v>86</v>
      </c>
      <c r="Q29784">
        <v>30</v>
      </c>
      <c r="R29784">
        <v>31</v>
      </c>
      <c r="S29784">
        <v>32</v>
      </c>
      <c r="T29784">
        <v>32</v>
      </c>
      <c r="U29784">
        <v>33</v>
      </c>
      <c r="V29784">
        <v>34</v>
      </c>
      <c r="W29784">
        <v>34</v>
      </c>
      <c r="X29784">
        <v>35</v>
      </c>
      <c r="Y29784">
        <v>36</v>
      </c>
      <c r="Z29784">
        <v>36</v>
      </c>
      <c r="AA29784">
        <v>37</v>
      </c>
      <c r="AB29784">
        <v>37</v>
      </c>
      <c r="AC29784">
        <v>38</v>
      </c>
      <c r="AD29784">
        <v>39</v>
      </c>
      <c r="AE29784">
        <v>39</v>
      </c>
      <c r="AF29784">
        <v>39</v>
      </c>
      <c r="AG29784">
        <v>39</v>
      </c>
      <c r="AH29784">
        <v>39</v>
      </c>
      <c r="AI29784">
        <v>39</v>
      </c>
      <c r="AJ29784">
        <v>39</v>
      </c>
      <c r="AK29784">
        <v>39</v>
      </c>
      <c r="AL29784">
        <v>40</v>
      </c>
      <c r="AM29784">
        <v>40</v>
      </c>
      <c r="AN29784">
        <v>40</v>
      </c>
      <c r="AO29784">
        <v>40</v>
      </c>
      <c r="AP29784">
        <v>40</v>
      </c>
      <c r="AQ29784">
        <v>40</v>
      </c>
    </row>
    <row r="29785" spans="1:43">
      <c r="A29785" t="s">
        <v>18455</v>
      </c>
      <c r="B29785" t="s">
        <v>18456</v>
      </c>
      <c r="C29785" t="s">
        <v>18451</v>
      </c>
      <c r="D29785" t="s">
        <v>18452</v>
      </c>
      <c r="E29785" t="s">
        <v>18345</v>
      </c>
      <c r="F29785" t="s">
        <v>18346</v>
      </c>
      <c r="G29785" t="s">
        <v>10734</v>
      </c>
      <c r="H29785" t="s">
        <v>10735</v>
      </c>
      <c r="I29785" s="2">
        <v>0</v>
      </c>
      <c r="J29785" s="2">
        <v>0</v>
      </c>
      <c r="K29785" s="2">
        <v>1</v>
      </c>
      <c r="L29785" t="s">
        <v>995</v>
      </c>
      <c r="M29785" t="s">
        <v>83</v>
      </c>
      <c r="N29785" t="s">
        <v>91</v>
      </c>
      <c r="O29785" t="s">
        <v>85</v>
      </c>
      <c r="P29785" t="s">
        <v>86</v>
      </c>
      <c r="Q29785">
        <v>30</v>
      </c>
      <c r="R29785">
        <v>30</v>
      </c>
      <c r="S29785">
        <v>31</v>
      </c>
      <c r="T29785">
        <v>31</v>
      </c>
      <c r="U29785">
        <v>32</v>
      </c>
      <c r="V29785">
        <v>32</v>
      </c>
      <c r="W29785">
        <v>33</v>
      </c>
      <c r="X29785">
        <v>33</v>
      </c>
      <c r="Y29785">
        <v>34</v>
      </c>
      <c r="Z29785">
        <v>34</v>
      </c>
      <c r="AA29785">
        <v>35</v>
      </c>
      <c r="AB29785">
        <v>35</v>
      </c>
      <c r="AC29785">
        <v>36</v>
      </c>
      <c r="AD29785">
        <v>36</v>
      </c>
      <c r="AE29785">
        <v>36</v>
      </c>
      <c r="AF29785">
        <v>37</v>
      </c>
      <c r="AG29785">
        <v>37</v>
      </c>
      <c r="AH29785">
        <v>38</v>
      </c>
      <c r="AI29785">
        <v>38</v>
      </c>
      <c r="AJ29785">
        <v>39</v>
      </c>
      <c r="AK29785">
        <v>39</v>
      </c>
      <c r="AL29785">
        <v>39</v>
      </c>
      <c r="AM29785">
        <v>39</v>
      </c>
      <c r="AN29785">
        <v>39</v>
      </c>
      <c r="AO29785">
        <v>39</v>
      </c>
      <c r="AP29785">
        <v>40</v>
      </c>
      <c r="AQ29785">
        <v>40</v>
      </c>
    </row>
    <row r="29786" spans="1:43">
      <c r="A29786" t="s">
        <v>18457</v>
      </c>
      <c r="B29786" t="s">
        <v>18458</v>
      </c>
      <c r="C29786" t="s">
        <v>18451</v>
      </c>
      <c r="D29786" t="s">
        <v>18452</v>
      </c>
      <c r="E29786" t="s">
        <v>18345</v>
      </c>
      <c r="F29786" t="s">
        <v>18346</v>
      </c>
      <c r="G29786" t="s">
        <v>10734</v>
      </c>
      <c r="H29786" t="s">
        <v>10735</v>
      </c>
      <c r="I29786" s="2">
        <v>0</v>
      </c>
      <c r="J29786" s="2">
        <v>0</v>
      </c>
      <c r="K29786" s="2">
        <v>1</v>
      </c>
      <c r="L29786" t="s">
        <v>995</v>
      </c>
      <c r="M29786" t="s">
        <v>83</v>
      </c>
      <c r="N29786" t="s">
        <v>84</v>
      </c>
      <c r="O29786" t="s">
        <v>85</v>
      </c>
      <c r="P29786" t="s">
        <v>86</v>
      </c>
      <c r="Q29786">
        <v>90</v>
      </c>
      <c r="R29786">
        <v>91</v>
      </c>
      <c r="S29786">
        <v>93</v>
      </c>
      <c r="T29786">
        <v>94</v>
      </c>
      <c r="U29786">
        <v>96</v>
      </c>
      <c r="V29786">
        <v>97</v>
      </c>
      <c r="W29786">
        <v>99</v>
      </c>
      <c r="X29786">
        <v>100</v>
      </c>
      <c r="Y29786">
        <v>102</v>
      </c>
      <c r="Z29786">
        <v>103</v>
      </c>
      <c r="AA29786">
        <v>105</v>
      </c>
      <c r="AB29786">
        <v>106</v>
      </c>
      <c r="AC29786">
        <v>107</v>
      </c>
      <c r="AD29786">
        <v>109</v>
      </c>
      <c r="AE29786">
        <v>110</v>
      </c>
      <c r="AF29786">
        <v>111</v>
      </c>
      <c r="AG29786">
        <v>112</v>
      </c>
      <c r="AH29786">
        <v>114</v>
      </c>
      <c r="AI29786">
        <v>115</v>
      </c>
      <c r="AJ29786">
        <v>116</v>
      </c>
      <c r="AK29786">
        <v>118</v>
      </c>
      <c r="AL29786">
        <v>118</v>
      </c>
      <c r="AM29786">
        <v>118</v>
      </c>
      <c r="AN29786">
        <v>119</v>
      </c>
      <c r="AO29786">
        <v>119</v>
      </c>
      <c r="AP29786">
        <v>119</v>
      </c>
      <c r="AQ29786">
        <v>119</v>
      </c>
    </row>
    <row r="29787" spans="1:43">
      <c r="A29787" t="s">
        <v>18457</v>
      </c>
      <c r="B29787" t="s">
        <v>18458</v>
      </c>
      <c r="C29787" t="s">
        <v>18451</v>
      </c>
      <c r="D29787" t="s">
        <v>18452</v>
      </c>
      <c r="E29787" t="s">
        <v>18345</v>
      </c>
      <c r="F29787" t="s">
        <v>18346</v>
      </c>
      <c r="G29787" t="s">
        <v>10734</v>
      </c>
      <c r="H29787" t="s">
        <v>10735</v>
      </c>
      <c r="I29787" s="2">
        <v>0</v>
      </c>
      <c r="J29787" s="2">
        <v>0</v>
      </c>
      <c r="K29787" s="2">
        <v>1</v>
      </c>
      <c r="L29787" t="s">
        <v>995</v>
      </c>
      <c r="M29787" t="s">
        <v>87</v>
      </c>
      <c r="N29787" t="s">
        <v>88</v>
      </c>
      <c r="O29787" t="s">
        <v>85</v>
      </c>
      <c r="P29787" t="s">
        <v>86</v>
      </c>
      <c r="Q29787">
        <v>90</v>
      </c>
      <c r="R29787">
        <v>91</v>
      </c>
      <c r="S29787">
        <v>91</v>
      </c>
      <c r="T29787">
        <v>92</v>
      </c>
      <c r="U29787">
        <v>93</v>
      </c>
      <c r="V29787">
        <v>93</v>
      </c>
      <c r="W29787">
        <v>94</v>
      </c>
      <c r="X29787">
        <v>94</v>
      </c>
      <c r="Y29787">
        <v>95</v>
      </c>
      <c r="Z29787">
        <v>96</v>
      </c>
      <c r="AA29787">
        <v>96</v>
      </c>
      <c r="AB29787">
        <v>97</v>
      </c>
      <c r="AC29787">
        <v>97</v>
      </c>
      <c r="AD29787">
        <v>98</v>
      </c>
      <c r="AE29787">
        <v>98</v>
      </c>
      <c r="AF29787">
        <v>99</v>
      </c>
      <c r="AG29787">
        <v>100</v>
      </c>
      <c r="AH29787">
        <v>100</v>
      </c>
      <c r="AI29787">
        <v>101</v>
      </c>
      <c r="AJ29787">
        <v>101</v>
      </c>
      <c r="AK29787">
        <v>102</v>
      </c>
      <c r="AL29787">
        <v>102</v>
      </c>
      <c r="AM29787">
        <v>103</v>
      </c>
      <c r="AN29787">
        <v>104</v>
      </c>
      <c r="AO29787">
        <v>104</v>
      </c>
      <c r="AP29787">
        <v>105</v>
      </c>
      <c r="AQ29787">
        <v>105</v>
      </c>
    </row>
    <row r="29788" spans="1:43">
      <c r="A29788" t="s">
        <v>18457</v>
      </c>
      <c r="B29788" t="s">
        <v>18458</v>
      </c>
      <c r="C29788" t="s">
        <v>18451</v>
      </c>
      <c r="D29788" t="s">
        <v>18452</v>
      </c>
      <c r="E29788" t="s">
        <v>18345</v>
      </c>
      <c r="F29788" t="s">
        <v>18346</v>
      </c>
      <c r="G29788" t="s">
        <v>10734</v>
      </c>
      <c r="H29788" t="s">
        <v>10735</v>
      </c>
      <c r="I29788" s="2">
        <v>0</v>
      </c>
      <c r="J29788" s="2">
        <v>0</v>
      </c>
      <c r="K29788" s="2">
        <v>1</v>
      </c>
      <c r="L29788" t="s">
        <v>995</v>
      </c>
      <c r="M29788" t="s">
        <v>89</v>
      </c>
      <c r="N29788" t="s">
        <v>90</v>
      </c>
      <c r="O29788" t="s">
        <v>85</v>
      </c>
      <c r="P29788" t="s">
        <v>86</v>
      </c>
      <c r="Q29788">
        <v>90</v>
      </c>
      <c r="R29788">
        <v>92</v>
      </c>
      <c r="S29788">
        <v>94</v>
      </c>
      <c r="T29788">
        <v>96</v>
      </c>
      <c r="U29788">
        <v>99</v>
      </c>
      <c r="V29788">
        <v>101</v>
      </c>
      <c r="W29788">
        <v>103</v>
      </c>
      <c r="X29788">
        <v>105</v>
      </c>
      <c r="Y29788">
        <v>107</v>
      </c>
      <c r="Z29788">
        <v>108</v>
      </c>
      <c r="AA29788">
        <v>110</v>
      </c>
      <c r="AB29788">
        <v>112</v>
      </c>
      <c r="AC29788">
        <v>114</v>
      </c>
      <c r="AD29788">
        <v>115</v>
      </c>
      <c r="AE29788">
        <v>116</v>
      </c>
      <c r="AF29788">
        <v>117</v>
      </c>
      <c r="AG29788">
        <v>117</v>
      </c>
      <c r="AH29788">
        <v>117</v>
      </c>
      <c r="AI29788">
        <v>117</v>
      </c>
      <c r="AJ29788">
        <v>118</v>
      </c>
      <c r="AK29788">
        <v>118</v>
      </c>
      <c r="AL29788">
        <v>118</v>
      </c>
      <c r="AM29788">
        <v>118</v>
      </c>
      <c r="AN29788">
        <v>119</v>
      </c>
      <c r="AO29788">
        <v>119</v>
      </c>
      <c r="AP29788">
        <v>119</v>
      </c>
      <c r="AQ29788">
        <v>119</v>
      </c>
    </row>
    <row r="29789" spans="1:43">
      <c r="A29789" t="s">
        <v>18457</v>
      </c>
      <c r="B29789" t="s">
        <v>18458</v>
      </c>
      <c r="C29789" t="s">
        <v>18451</v>
      </c>
      <c r="D29789" t="s">
        <v>18452</v>
      </c>
      <c r="E29789" t="s">
        <v>18345</v>
      </c>
      <c r="F29789" t="s">
        <v>18346</v>
      </c>
      <c r="G29789" t="s">
        <v>10734</v>
      </c>
      <c r="H29789" t="s">
        <v>10735</v>
      </c>
      <c r="I29789" s="2">
        <v>0</v>
      </c>
      <c r="J29789" s="2">
        <v>0</v>
      </c>
      <c r="K29789" s="2">
        <v>1</v>
      </c>
      <c r="L29789" t="s">
        <v>995</v>
      </c>
      <c r="M29789" t="s">
        <v>83</v>
      </c>
      <c r="N29789" t="s">
        <v>91</v>
      </c>
      <c r="O29789" t="s">
        <v>85</v>
      </c>
      <c r="P29789" t="s">
        <v>86</v>
      </c>
      <c r="Q29789">
        <v>90</v>
      </c>
      <c r="R29789">
        <v>91</v>
      </c>
      <c r="S29789">
        <v>93</v>
      </c>
      <c r="T29789">
        <v>94</v>
      </c>
      <c r="U29789">
        <v>96</v>
      </c>
      <c r="V29789">
        <v>97</v>
      </c>
      <c r="W29789">
        <v>99</v>
      </c>
      <c r="X29789">
        <v>100</v>
      </c>
      <c r="Y29789">
        <v>102</v>
      </c>
      <c r="Z29789">
        <v>103</v>
      </c>
      <c r="AA29789">
        <v>105</v>
      </c>
      <c r="AB29789">
        <v>106</v>
      </c>
      <c r="AC29789">
        <v>107</v>
      </c>
      <c r="AD29789">
        <v>109</v>
      </c>
      <c r="AE29789">
        <v>110</v>
      </c>
      <c r="AF29789">
        <v>111</v>
      </c>
      <c r="AG29789">
        <v>112</v>
      </c>
      <c r="AH29789">
        <v>114</v>
      </c>
      <c r="AI29789">
        <v>115</v>
      </c>
      <c r="AJ29789">
        <v>116</v>
      </c>
      <c r="AK29789">
        <v>118</v>
      </c>
      <c r="AL29789">
        <v>118</v>
      </c>
      <c r="AM29789">
        <v>118</v>
      </c>
      <c r="AN29789">
        <v>119</v>
      </c>
      <c r="AO29789">
        <v>119</v>
      </c>
      <c r="AP29789">
        <v>119</v>
      </c>
      <c r="AQ29789">
        <v>119</v>
      </c>
    </row>
    <row r="29790" spans="1:43">
      <c r="A29790" t="s">
        <v>18459</v>
      </c>
      <c r="B29790" t="s">
        <v>18460</v>
      </c>
      <c r="C29790" t="s">
        <v>18343</v>
      </c>
      <c r="D29790" t="s">
        <v>18344</v>
      </c>
      <c r="E29790" t="s">
        <v>18345</v>
      </c>
      <c r="F29790" t="s">
        <v>18346</v>
      </c>
      <c r="G29790" t="s">
        <v>10734</v>
      </c>
      <c r="H29790" t="s">
        <v>10735</v>
      </c>
      <c r="I29790" s="2">
        <v>0</v>
      </c>
      <c r="J29790" s="2">
        <v>0</v>
      </c>
      <c r="K29790" s="2">
        <v>1</v>
      </c>
      <c r="L29790" t="s">
        <v>995</v>
      </c>
      <c r="M29790" t="s">
        <v>83</v>
      </c>
      <c r="N29790" t="s">
        <v>84</v>
      </c>
      <c r="O29790" t="s">
        <v>85</v>
      </c>
      <c r="P29790" t="s">
        <v>86</v>
      </c>
      <c r="Q29790">
        <v>21</v>
      </c>
      <c r="R29790">
        <v>22</v>
      </c>
      <c r="S29790">
        <v>22</v>
      </c>
      <c r="T29790">
        <v>22</v>
      </c>
      <c r="U29790">
        <v>23</v>
      </c>
      <c r="V29790">
        <v>23</v>
      </c>
      <c r="W29790">
        <v>23</v>
      </c>
      <c r="X29790">
        <v>24</v>
      </c>
      <c r="Y29790">
        <v>24</v>
      </c>
      <c r="Z29790">
        <v>24</v>
      </c>
      <c r="AA29790">
        <v>25</v>
      </c>
      <c r="AB29790">
        <v>25</v>
      </c>
      <c r="AC29790">
        <v>25</v>
      </c>
      <c r="AD29790">
        <v>26</v>
      </c>
      <c r="AE29790">
        <v>26</v>
      </c>
      <c r="AF29790">
        <v>26</v>
      </c>
      <c r="AG29790">
        <v>27</v>
      </c>
      <c r="AH29790">
        <v>27</v>
      </c>
      <c r="AI29790">
        <v>27</v>
      </c>
      <c r="AJ29790">
        <v>27</v>
      </c>
      <c r="AK29790">
        <v>28</v>
      </c>
      <c r="AL29790">
        <v>28</v>
      </c>
      <c r="AM29790">
        <v>28</v>
      </c>
      <c r="AN29790">
        <v>28</v>
      </c>
      <c r="AO29790">
        <v>28</v>
      </c>
      <c r="AP29790">
        <v>28</v>
      </c>
      <c r="AQ29790">
        <v>28</v>
      </c>
    </row>
    <row r="29791" spans="1:43">
      <c r="A29791" t="s">
        <v>18459</v>
      </c>
      <c r="B29791" t="s">
        <v>18460</v>
      </c>
      <c r="C29791" t="s">
        <v>18343</v>
      </c>
      <c r="D29791" t="s">
        <v>18344</v>
      </c>
      <c r="E29791" t="s">
        <v>18345</v>
      </c>
      <c r="F29791" t="s">
        <v>18346</v>
      </c>
      <c r="G29791" t="s">
        <v>10734</v>
      </c>
      <c r="H29791" t="s">
        <v>10735</v>
      </c>
      <c r="I29791" s="2">
        <v>0</v>
      </c>
      <c r="J29791" s="2">
        <v>0</v>
      </c>
      <c r="K29791" s="2">
        <v>1</v>
      </c>
      <c r="L29791" t="s">
        <v>995</v>
      </c>
      <c r="M29791" t="s">
        <v>87</v>
      </c>
      <c r="N29791" t="s">
        <v>88</v>
      </c>
      <c r="O29791" t="s">
        <v>85</v>
      </c>
      <c r="P29791" t="s">
        <v>86</v>
      </c>
      <c r="Q29791">
        <v>21</v>
      </c>
      <c r="R29791">
        <v>21</v>
      </c>
      <c r="S29791">
        <v>21</v>
      </c>
      <c r="T29791">
        <v>21</v>
      </c>
      <c r="U29791">
        <v>22</v>
      </c>
      <c r="V29791">
        <v>22</v>
      </c>
      <c r="W29791">
        <v>22</v>
      </c>
      <c r="X29791">
        <v>22</v>
      </c>
      <c r="Y29791">
        <v>22</v>
      </c>
      <c r="Z29791">
        <v>22</v>
      </c>
      <c r="AA29791">
        <v>22</v>
      </c>
      <c r="AB29791">
        <v>23</v>
      </c>
      <c r="AC29791">
        <v>23</v>
      </c>
      <c r="AD29791">
        <v>23</v>
      </c>
      <c r="AE29791">
        <v>23</v>
      </c>
      <c r="AF29791">
        <v>23</v>
      </c>
      <c r="AG29791">
        <v>23</v>
      </c>
      <c r="AH29791">
        <v>23</v>
      </c>
      <c r="AI29791">
        <v>24</v>
      </c>
      <c r="AJ29791">
        <v>24</v>
      </c>
      <c r="AK29791">
        <v>24</v>
      </c>
      <c r="AL29791">
        <v>24</v>
      </c>
      <c r="AM29791">
        <v>24</v>
      </c>
      <c r="AN29791">
        <v>24</v>
      </c>
      <c r="AO29791">
        <v>24</v>
      </c>
      <c r="AP29791">
        <v>24</v>
      </c>
      <c r="AQ29791">
        <v>25</v>
      </c>
    </row>
    <row r="29792" spans="1:43">
      <c r="A29792" t="s">
        <v>18459</v>
      </c>
      <c r="B29792" t="s">
        <v>18460</v>
      </c>
      <c r="C29792" t="s">
        <v>18343</v>
      </c>
      <c r="D29792" t="s">
        <v>18344</v>
      </c>
      <c r="E29792" t="s">
        <v>18345</v>
      </c>
      <c r="F29792" t="s">
        <v>18346</v>
      </c>
      <c r="G29792" t="s">
        <v>10734</v>
      </c>
      <c r="H29792" t="s">
        <v>10735</v>
      </c>
      <c r="I29792" s="2">
        <v>0</v>
      </c>
      <c r="J29792" s="2">
        <v>0</v>
      </c>
      <c r="K29792" s="2">
        <v>1</v>
      </c>
      <c r="L29792" t="s">
        <v>995</v>
      </c>
      <c r="M29792" t="s">
        <v>89</v>
      </c>
      <c r="N29792" t="s">
        <v>90</v>
      </c>
      <c r="O29792" t="s">
        <v>85</v>
      </c>
      <c r="P29792" t="s">
        <v>86</v>
      </c>
      <c r="Q29792">
        <v>21</v>
      </c>
      <c r="R29792">
        <v>22</v>
      </c>
      <c r="S29792">
        <v>22</v>
      </c>
      <c r="T29792">
        <v>23</v>
      </c>
      <c r="U29792">
        <v>23</v>
      </c>
      <c r="V29792">
        <v>24</v>
      </c>
      <c r="W29792">
        <v>24</v>
      </c>
      <c r="X29792">
        <v>25</v>
      </c>
      <c r="Y29792">
        <v>25</v>
      </c>
      <c r="Z29792">
        <v>26</v>
      </c>
      <c r="AA29792">
        <v>26</v>
      </c>
      <c r="AB29792">
        <v>27</v>
      </c>
      <c r="AC29792">
        <v>27</v>
      </c>
      <c r="AD29792">
        <v>27</v>
      </c>
      <c r="AE29792">
        <v>28</v>
      </c>
      <c r="AF29792">
        <v>28</v>
      </c>
      <c r="AG29792">
        <v>28</v>
      </c>
      <c r="AH29792">
        <v>28</v>
      </c>
      <c r="AI29792">
        <v>28</v>
      </c>
      <c r="AJ29792">
        <v>28</v>
      </c>
      <c r="AK29792">
        <v>28</v>
      </c>
      <c r="AL29792">
        <v>28</v>
      </c>
      <c r="AM29792">
        <v>28</v>
      </c>
      <c r="AN29792">
        <v>28</v>
      </c>
      <c r="AO29792">
        <v>28</v>
      </c>
      <c r="AP29792">
        <v>28</v>
      </c>
      <c r="AQ29792">
        <v>29</v>
      </c>
    </row>
    <row r="29793" spans="1:43">
      <c r="A29793" t="s">
        <v>18459</v>
      </c>
      <c r="B29793" t="s">
        <v>18460</v>
      </c>
      <c r="C29793" t="s">
        <v>18343</v>
      </c>
      <c r="D29793" t="s">
        <v>18344</v>
      </c>
      <c r="E29793" t="s">
        <v>18345</v>
      </c>
      <c r="F29793" t="s">
        <v>18346</v>
      </c>
      <c r="G29793" t="s">
        <v>10734</v>
      </c>
      <c r="H29793" t="s">
        <v>10735</v>
      </c>
      <c r="I29793" s="2">
        <v>0</v>
      </c>
      <c r="J29793" s="2">
        <v>0</v>
      </c>
      <c r="K29793" s="2">
        <v>1</v>
      </c>
      <c r="L29793" t="s">
        <v>995</v>
      </c>
      <c r="M29793" t="s">
        <v>83</v>
      </c>
      <c r="N29793" t="s">
        <v>91</v>
      </c>
      <c r="O29793" t="s">
        <v>85</v>
      </c>
      <c r="P29793" t="s">
        <v>86</v>
      </c>
      <c r="Q29793">
        <v>21</v>
      </c>
      <c r="R29793">
        <v>22</v>
      </c>
      <c r="S29793">
        <v>22</v>
      </c>
      <c r="T29793">
        <v>22</v>
      </c>
      <c r="U29793">
        <v>23</v>
      </c>
      <c r="V29793">
        <v>23</v>
      </c>
      <c r="W29793">
        <v>23</v>
      </c>
      <c r="X29793">
        <v>24</v>
      </c>
      <c r="Y29793">
        <v>24</v>
      </c>
      <c r="Z29793">
        <v>24</v>
      </c>
      <c r="AA29793">
        <v>25</v>
      </c>
      <c r="AB29793">
        <v>25</v>
      </c>
      <c r="AC29793">
        <v>25</v>
      </c>
      <c r="AD29793">
        <v>26</v>
      </c>
      <c r="AE29793">
        <v>26</v>
      </c>
      <c r="AF29793">
        <v>26</v>
      </c>
      <c r="AG29793">
        <v>27</v>
      </c>
      <c r="AH29793">
        <v>27</v>
      </c>
      <c r="AI29793">
        <v>27</v>
      </c>
      <c r="AJ29793">
        <v>27</v>
      </c>
      <c r="AK29793">
        <v>28</v>
      </c>
      <c r="AL29793">
        <v>28</v>
      </c>
      <c r="AM29793">
        <v>28</v>
      </c>
      <c r="AN29793">
        <v>28</v>
      </c>
      <c r="AO29793">
        <v>28</v>
      </c>
      <c r="AP29793">
        <v>28</v>
      </c>
      <c r="AQ29793">
        <v>28</v>
      </c>
    </row>
    <row r="29794" spans="1:43">
      <c r="A29794" t="s">
        <v>18461</v>
      </c>
      <c r="B29794" t="s">
        <v>18462</v>
      </c>
      <c r="C29794" t="s">
        <v>18343</v>
      </c>
      <c r="D29794" t="s">
        <v>18344</v>
      </c>
      <c r="E29794" t="s">
        <v>18345</v>
      </c>
      <c r="F29794" t="s">
        <v>18346</v>
      </c>
      <c r="G29794" t="s">
        <v>10734</v>
      </c>
      <c r="H29794" t="s">
        <v>10735</v>
      </c>
      <c r="I29794" s="2">
        <v>0</v>
      </c>
      <c r="J29794" s="2">
        <v>0</v>
      </c>
      <c r="K29794" s="2">
        <v>1</v>
      </c>
      <c r="L29794" t="s">
        <v>995</v>
      </c>
      <c r="M29794" t="s">
        <v>83</v>
      </c>
      <c r="N29794" t="s">
        <v>84</v>
      </c>
      <c r="O29794" t="s">
        <v>85</v>
      </c>
      <c r="P29794" t="s">
        <v>86</v>
      </c>
      <c r="Q29794">
        <v>29</v>
      </c>
      <c r="R29794">
        <v>30</v>
      </c>
      <c r="S29794">
        <v>30</v>
      </c>
      <c r="T29794">
        <v>31</v>
      </c>
      <c r="U29794">
        <v>31</v>
      </c>
      <c r="V29794">
        <v>32</v>
      </c>
      <c r="W29794">
        <v>32</v>
      </c>
      <c r="X29794">
        <v>33</v>
      </c>
      <c r="Y29794">
        <v>33</v>
      </c>
      <c r="Z29794">
        <v>34</v>
      </c>
      <c r="AA29794">
        <v>34</v>
      </c>
      <c r="AB29794">
        <v>35</v>
      </c>
      <c r="AC29794">
        <v>35</v>
      </c>
      <c r="AD29794">
        <v>35</v>
      </c>
      <c r="AE29794">
        <v>36</v>
      </c>
      <c r="AF29794">
        <v>36</v>
      </c>
      <c r="AG29794">
        <v>37</v>
      </c>
      <c r="AH29794">
        <v>37</v>
      </c>
      <c r="AI29794">
        <v>38</v>
      </c>
      <c r="AJ29794">
        <v>38</v>
      </c>
      <c r="AK29794">
        <v>38</v>
      </c>
      <c r="AL29794">
        <v>39</v>
      </c>
      <c r="AM29794">
        <v>39</v>
      </c>
      <c r="AN29794">
        <v>39</v>
      </c>
      <c r="AO29794">
        <v>39</v>
      </c>
      <c r="AP29794">
        <v>39</v>
      </c>
      <c r="AQ29794">
        <v>39</v>
      </c>
    </row>
    <row r="29795" spans="1:43">
      <c r="A29795" t="s">
        <v>18461</v>
      </c>
      <c r="B29795" t="s">
        <v>18462</v>
      </c>
      <c r="C29795" t="s">
        <v>18343</v>
      </c>
      <c r="D29795" t="s">
        <v>18344</v>
      </c>
      <c r="E29795" t="s">
        <v>18345</v>
      </c>
      <c r="F29795" t="s">
        <v>18346</v>
      </c>
      <c r="G29795" t="s">
        <v>10734</v>
      </c>
      <c r="H29795" t="s">
        <v>10735</v>
      </c>
      <c r="I29795" s="2">
        <v>0</v>
      </c>
      <c r="J29795" s="2">
        <v>0</v>
      </c>
      <c r="K29795" s="2">
        <v>1</v>
      </c>
      <c r="L29795" t="s">
        <v>995</v>
      </c>
      <c r="M29795" t="s">
        <v>87</v>
      </c>
      <c r="N29795" t="s">
        <v>88</v>
      </c>
      <c r="O29795" t="s">
        <v>85</v>
      </c>
      <c r="P29795" t="s">
        <v>86</v>
      </c>
      <c r="Q29795">
        <v>29</v>
      </c>
      <c r="R29795">
        <v>29</v>
      </c>
      <c r="S29795">
        <v>29</v>
      </c>
      <c r="T29795">
        <v>30</v>
      </c>
      <c r="U29795">
        <v>30</v>
      </c>
      <c r="V29795">
        <v>30</v>
      </c>
      <c r="W29795">
        <v>30</v>
      </c>
      <c r="X29795">
        <v>30</v>
      </c>
      <c r="Y29795">
        <v>31</v>
      </c>
      <c r="Z29795">
        <v>31</v>
      </c>
      <c r="AA29795">
        <v>31</v>
      </c>
      <c r="AB29795">
        <v>31</v>
      </c>
      <c r="AC29795">
        <v>31</v>
      </c>
      <c r="AD29795">
        <v>32</v>
      </c>
      <c r="AE29795">
        <v>32</v>
      </c>
      <c r="AF29795">
        <v>32</v>
      </c>
      <c r="AG29795">
        <v>32</v>
      </c>
      <c r="AH29795">
        <v>32</v>
      </c>
      <c r="AI29795">
        <v>33</v>
      </c>
      <c r="AJ29795">
        <v>33</v>
      </c>
      <c r="AK29795">
        <v>33</v>
      </c>
      <c r="AL29795">
        <v>33</v>
      </c>
      <c r="AM29795">
        <v>33</v>
      </c>
      <c r="AN29795">
        <v>33</v>
      </c>
      <c r="AO29795">
        <v>34</v>
      </c>
      <c r="AP29795">
        <v>34</v>
      </c>
      <c r="AQ29795">
        <v>34</v>
      </c>
    </row>
    <row r="29796" spans="1:43">
      <c r="A29796" t="s">
        <v>18461</v>
      </c>
      <c r="B29796" t="s">
        <v>18462</v>
      </c>
      <c r="C29796" t="s">
        <v>18343</v>
      </c>
      <c r="D29796" t="s">
        <v>18344</v>
      </c>
      <c r="E29796" t="s">
        <v>18345</v>
      </c>
      <c r="F29796" t="s">
        <v>18346</v>
      </c>
      <c r="G29796" t="s">
        <v>10734</v>
      </c>
      <c r="H29796" t="s">
        <v>10735</v>
      </c>
      <c r="I29796" s="2">
        <v>0</v>
      </c>
      <c r="J29796" s="2">
        <v>0</v>
      </c>
      <c r="K29796" s="2">
        <v>1</v>
      </c>
      <c r="L29796" t="s">
        <v>995</v>
      </c>
      <c r="M29796" t="s">
        <v>89</v>
      </c>
      <c r="N29796" t="s">
        <v>90</v>
      </c>
      <c r="O29796" t="s">
        <v>85</v>
      </c>
      <c r="P29796" t="s">
        <v>86</v>
      </c>
      <c r="Q29796">
        <v>29</v>
      </c>
      <c r="R29796">
        <v>29</v>
      </c>
      <c r="S29796">
        <v>30</v>
      </c>
      <c r="T29796">
        <v>31</v>
      </c>
      <c r="U29796">
        <v>31</v>
      </c>
      <c r="V29796">
        <v>32</v>
      </c>
      <c r="W29796">
        <v>33</v>
      </c>
      <c r="X29796">
        <v>33</v>
      </c>
      <c r="Y29796">
        <v>34</v>
      </c>
      <c r="Z29796">
        <v>35</v>
      </c>
      <c r="AA29796">
        <v>35</v>
      </c>
      <c r="AB29796">
        <v>36</v>
      </c>
      <c r="AC29796">
        <v>36</v>
      </c>
      <c r="AD29796">
        <v>37</v>
      </c>
      <c r="AE29796">
        <v>37</v>
      </c>
      <c r="AF29796">
        <v>38</v>
      </c>
      <c r="AG29796">
        <v>38</v>
      </c>
      <c r="AH29796">
        <v>38</v>
      </c>
      <c r="AI29796">
        <v>38</v>
      </c>
      <c r="AJ29796">
        <v>38</v>
      </c>
      <c r="AK29796">
        <v>38</v>
      </c>
      <c r="AL29796">
        <v>38</v>
      </c>
      <c r="AM29796">
        <v>38</v>
      </c>
      <c r="AN29796">
        <v>38</v>
      </c>
      <c r="AO29796">
        <v>38</v>
      </c>
      <c r="AP29796">
        <v>38</v>
      </c>
      <c r="AQ29796">
        <v>38</v>
      </c>
    </row>
    <row r="29797" spans="1:43">
      <c r="A29797" t="s">
        <v>18461</v>
      </c>
      <c r="B29797" t="s">
        <v>18462</v>
      </c>
      <c r="C29797" t="s">
        <v>18343</v>
      </c>
      <c r="D29797" t="s">
        <v>18344</v>
      </c>
      <c r="E29797" t="s">
        <v>18345</v>
      </c>
      <c r="F29797" t="s">
        <v>18346</v>
      </c>
      <c r="G29797" t="s">
        <v>10734</v>
      </c>
      <c r="H29797" t="s">
        <v>10735</v>
      </c>
      <c r="I29797" s="2">
        <v>0</v>
      </c>
      <c r="J29797" s="2">
        <v>0</v>
      </c>
      <c r="K29797" s="2">
        <v>1</v>
      </c>
      <c r="L29797" t="s">
        <v>995</v>
      </c>
      <c r="M29797" t="s">
        <v>83</v>
      </c>
      <c r="N29797" t="s">
        <v>91</v>
      </c>
      <c r="O29797" t="s">
        <v>85</v>
      </c>
      <c r="P29797" t="s">
        <v>86</v>
      </c>
      <c r="Q29797">
        <v>29</v>
      </c>
      <c r="R29797">
        <v>30</v>
      </c>
      <c r="S29797">
        <v>30</v>
      </c>
      <c r="T29797">
        <v>31</v>
      </c>
      <c r="U29797">
        <v>31</v>
      </c>
      <c r="V29797">
        <v>32</v>
      </c>
      <c r="W29797">
        <v>32</v>
      </c>
      <c r="X29797">
        <v>33</v>
      </c>
      <c r="Y29797">
        <v>33</v>
      </c>
      <c r="Z29797">
        <v>34</v>
      </c>
      <c r="AA29797">
        <v>34</v>
      </c>
      <c r="AB29797">
        <v>35</v>
      </c>
      <c r="AC29797">
        <v>35</v>
      </c>
      <c r="AD29797">
        <v>35</v>
      </c>
      <c r="AE29797">
        <v>36</v>
      </c>
      <c r="AF29797">
        <v>36</v>
      </c>
      <c r="AG29797">
        <v>37</v>
      </c>
      <c r="AH29797">
        <v>37</v>
      </c>
      <c r="AI29797">
        <v>38</v>
      </c>
      <c r="AJ29797">
        <v>38</v>
      </c>
      <c r="AK29797">
        <v>38</v>
      </c>
      <c r="AL29797">
        <v>39</v>
      </c>
      <c r="AM29797">
        <v>39</v>
      </c>
      <c r="AN29797">
        <v>39</v>
      </c>
      <c r="AO29797">
        <v>39</v>
      </c>
      <c r="AP29797">
        <v>39</v>
      </c>
      <c r="AQ29797">
        <v>39</v>
      </c>
    </row>
    <row r="29798" spans="1:43">
      <c r="A29798" t="s">
        <v>18463</v>
      </c>
      <c r="B29798" t="s">
        <v>18464</v>
      </c>
      <c r="C29798" t="s">
        <v>18359</v>
      </c>
      <c r="D29798" t="s">
        <v>18360</v>
      </c>
      <c r="E29798" t="s">
        <v>18345</v>
      </c>
      <c r="F29798" t="s">
        <v>18346</v>
      </c>
      <c r="G29798" t="s">
        <v>10734</v>
      </c>
      <c r="H29798" t="s">
        <v>10735</v>
      </c>
      <c r="I29798" s="2">
        <v>0</v>
      </c>
      <c r="J29798" s="2">
        <v>0</v>
      </c>
      <c r="K29798" s="2">
        <v>1</v>
      </c>
      <c r="L29798" t="s">
        <v>995</v>
      </c>
      <c r="M29798" t="s">
        <v>83</v>
      </c>
      <c r="N29798" t="s">
        <v>84</v>
      </c>
      <c r="O29798" t="s">
        <v>85</v>
      </c>
      <c r="P29798" t="s">
        <v>86</v>
      </c>
      <c r="Q29798">
        <v>43</v>
      </c>
      <c r="R29798">
        <v>43</v>
      </c>
      <c r="S29798">
        <v>44</v>
      </c>
      <c r="T29798">
        <v>45</v>
      </c>
      <c r="U29798">
        <v>45</v>
      </c>
      <c r="V29798">
        <v>46</v>
      </c>
      <c r="W29798">
        <v>47</v>
      </c>
      <c r="X29798">
        <v>47</v>
      </c>
      <c r="Y29798">
        <v>48</v>
      </c>
      <c r="Z29798">
        <v>49</v>
      </c>
      <c r="AA29798">
        <v>49</v>
      </c>
      <c r="AB29798">
        <v>50</v>
      </c>
      <c r="AC29798">
        <v>51</v>
      </c>
      <c r="AD29798">
        <v>51</v>
      </c>
      <c r="AE29798">
        <v>52</v>
      </c>
      <c r="AF29798">
        <v>53</v>
      </c>
      <c r="AG29798">
        <v>53</v>
      </c>
      <c r="AH29798">
        <v>54</v>
      </c>
      <c r="AI29798">
        <v>55</v>
      </c>
      <c r="AJ29798">
        <v>55</v>
      </c>
      <c r="AK29798">
        <v>56</v>
      </c>
      <c r="AL29798">
        <v>56</v>
      </c>
      <c r="AM29798">
        <v>57</v>
      </c>
      <c r="AN29798">
        <v>57</v>
      </c>
      <c r="AO29798">
        <v>57</v>
      </c>
      <c r="AP29798">
        <v>57</v>
      </c>
      <c r="AQ29798">
        <v>57</v>
      </c>
    </row>
    <row r="29799" spans="1:43">
      <c r="A29799" t="s">
        <v>18463</v>
      </c>
      <c r="B29799" t="s">
        <v>18464</v>
      </c>
      <c r="C29799" t="s">
        <v>18359</v>
      </c>
      <c r="D29799" t="s">
        <v>18360</v>
      </c>
      <c r="E29799" t="s">
        <v>18345</v>
      </c>
      <c r="F29799" t="s">
        <v>18346</v>
      </c>
      <c r="G29799" t="s">
        <v>10734</v>
      </c>
      <c r="H29799" t="s">
        <v>10735</v>
      </c>
      <c r="I29799" s="2">
        <v>0</v>
      </c>
      <c r="J29799" s="2">
        <v>0</v>
      </c>
      <c r="K29799" s="2">
        <v>1</v>
      </c>
      <c r="L29799" t="s">
        <v>995</v>
      </c>
      <c r="M29799" t="s">
        <v>87</v>
      </c>
      <c r="N29799" t="s">
        <v>88</v>
      </c>
      <c r="O29799" t="s">
        <v>85</v>
      </c>
      <c r="P29799" t="s">
        <v>86</v>
      </c>
      <c r="Q29799">
        <v>43</v>
      </c>
      <c r="R29799">
        <v>43</v>
      </c>
      <c r="S29799">
        <v>44</v>
      </c>
      <c r="T29799">
        <v>44</v>
      </c>
      <c r="U29799">
        <v>44</v>
      </c>
      <c r="V29799">
        <v>45</v>
      </c>
      <c r="W29799">
        <v>45</v>
      </c>
      <c r="X29799">
        <v>45</v>
      </c>
      <c r="Y29799">
        <v>45</v>
      </c>
      <c r="Z29799">
        <v>46</v>
      </c>
      <c r="AA29799">
        <v>46</v>
      </c>
      <c r="AB29799">
        <v>46</v>
      </c>
      <c r="AC29799">
        <v>47</v>
      </c>
      <c r="AD29799">
        <v>47</v>
      </c>
      <c r="AE29799">
        <v>47</v>
      </c>
      <c r="AF29799">
        <v>47</v>
      </c>
      <c r="AG29799">
        <v>48</v>
      </c>
      <c r="AH29799">
        <v>48</v>
      </c>
      <c r="AI29799">
        <v>48</v>
      </c>
      <c r="AJ29799">
        <v>49</v>
      </c>
      <c r="AK29799">
        <v>49</v>
      </c>
      <c r="AL29799">
        <v>49</v>
      </c>
      <c r="AM29799">
        <v>49</v>
      </c>
      <c r="AN29799">
        <v>50</v>
      </c>
      <c r="AO29799">
        <v>50</v>
      </c>
      <c r="AP29799">
        <v>50</v>
      </c>
      <c r="AQ29799">
        <v>50</v>
      </c>
    </row>
    <row r="29800" spans="1:43">
      <c r="A29800" t="s">
        <v>18463</v>
      </c>
      <c r="B29800" t="s">
        <v>18464</v>
      </c>
      <c r="C29800" t="s">
        <v>18359</v>
      </c>
      <c r="D29800" t="s">
        <v>18360</v>
      </c>
      <c r="E29800" t="s">
        <v>18345</v>
      </c>
      <c r="F29800" t="s">
        <v>18346</v>
      </c>
      <c r="G29800" t="s">
        <v>10734</v>
      </c>
      <c r="H29800" t="s">
        <v>10735</v>
      </c>
      <c r="I29800" s="2">
        <v>0</v>
      </c>
      <c r="J29800" s="2">
        <v>0</v>
      </c>
      <c r="K29800" s="2">
        <v>1</v>
      </c>
      <c r="L29800" t="s">
        <v>995</v>
      </c>
      <c r="M29800" t="s">
        <v>89</v>
      </c>
      <c r="N29800" t="s">
        <v>90</v>
      </c>
      <c r="O29800" t="s">
        <v>85</v>
      </c>
      <c r="P29800" t="s">
        <v>86</v>
      </c>
      <c r="Q29800">
        <v>43</v>
      </c>
      <c r="R29800">
        <v>44</v>
      </c>
      <c r="S29800">
        <v>45</v>
      </c>
      <c r="T29800">
        <v>46</v>
      </c>
      <c r="U29800">
        <v>47</v>
      </c>
      <c r="V29800">
        <v>48</v>
      </c>
      <c r="W29800">
        <v>49</v>
      </c>
      <c r="X29800">
        <v>50</v>
      </c>
      <c r="Y29800">
        <v>51</v>
      </c>
      <c r="Z29800">
        <v>52</v>
      </c>
      <c r="AA29800">
        <v>53</v>
      </c>
      <c r="AB29800">
        <v>54</v>
      </c>
      <c r="AC29800">
        <v>54</v>
      </c>
      <c r="AD29800">
        <v>55</v>
      </c>
      <c r="AE29800">
        <v>56</v>
      </c>
      <c r="AF29800">
        <v>56</v>
      </c>
      <c r="AG29800">
        <v>56</v>
      </c>
      <c r="AH29800">
        <v>57</v>
      </c>
      <c r="AI29800">
        <v>57</v>
      </c>
      <c r="AJ29800">
        <v>57</v>
      </c>
      <c r="AK29800">
        <v>57</v>
      </c>
      <c r="AL29800">
        <v>57</v>
      </c>
      <c r="AM29800">
        <v>57</v>
      </c>
      <c r="AN29800">
        <v>58</v>
      </c>
      <c r="AO29800">
        <v>58</v>
      </c>
      <c r="AP29800">
        <v>58</v>
      </c>
      <c r="AQ29800">
        <v>58</v>
      </c>
    </row>
    <row r="29801" spans="1:43">
      <c r="A29801" t="s">
        <v>18463</v>
      </c>
      <c r="B29801" t="s">
        <v>18464</v>
      </c>
      <c r="C29801" t="s">
        <v>18359</v>
      </c>
      <c r="D29801" t="s">
        <v>18360</v>
      </c>
      <c r="E29801" t="s">
        <v>18345</v>
      </c>
      <c r="F29801" t="s">
        <v>18346</v>
      </c>
      <c r="G29801" t="s">
        <v>10734</v>
      </c>
      <c r="H29801" t="s">
        <v>10735</v>
      </c>
      <c r="I29801" s="2">
        <v>0</v>
      </c>
      <c r="J29801" s="2">
        <v>0</v>
      </c>
      <c r="K29801" s="2">
        <v>1</v>
      </c>
      <c r="L29801" t="s">
        <v>995</v>
      </c>
      <c r="M29801" t="s">
        <v>83</v>
      </c>
      <c r="N29801" t="s">
        <v>91</v>
      </c>
      <c r="O29801" t="s">
        <v>85</v>
      </c>
      <c r="P29801" t="s">
        <v>86</v>
      </c>
      <c r="Q29801">
        <v>43</v>
      </c>
      <c r="R29801">
        <v>43</v>
      </c>
      <c r="S29801">
        <v>44</v>
      </c>
      <c r="T29801">
        <v>45</v>
      </c>
      <c r="U29801">
        <v>45</v>
      </c>
      <c r="V29801">
        <v>46</v>
      </c>
      <c r="W29801">
        <v>47</v>
      </c>
      <c r="X29801">
        <v>47</v>
      </c>
      <c r="Y29801">
        <v>48</v>
      </c>
      <c r="Z29801">
        <v>49</v>
      </c>
      <c r="AA29801">
        <v>49</v>
      </c>
      <c r="AB29801">
        <v>50</v>
      </c>
      <c r="AC29801">
        <v>51</v>
      </c>
      <c r="AD29801">
        <v>51</v>
      </c>
      <c r="AE29801">
        <v>52</v>
      </c>
      <c r="AF29801">
        <v>53</v>
      </c>
      <c r="AG29801">
        <v>53</v>
      </c>
      <c r="AH29801">
        <v>54</v>
      </c>
      <c r="AI29801">
        <v>55</v>
      </c>
      <c r="AJ29801">
        <v>55</v>
      </c>
      <c r="AK29801">
        <v>56</v>
      </c>
      <c r="AL29801">
        <v>56</v>
      </c>
      <c r="AM29801">
        <v>57</v>
      </c>
      <c r="AN29801">
        <v>57</v>
      </c>
      <c r="AO29801">
        <v>57</v>
      </c>
      <c r="AP29801">
        <v>57</v>
      </c>
      <c r="AQ29801">
        <v>57</v>
      </c>
    </row>
    <row r="29802" spans="1:43">
      <c r="A29802" t="s">
        <v>18465</v>
      </c>
      <c r="B29802" t="s">
        <v>18466</v>
      </c>
      <c r="C29802" t="s">
        <v>18467</v>
      </c>
      <c r="D29802" t="s">
        <v>18468</v>
      </c>
      <c r="E29802" t="s">
        <v>18345</v>
      </c>
      <c r="F29802" t="s">
        <v>18346</v>
      </c>
      <c r="G29802" t="s">
        <v>10734</v>
      </c>
      <c r="H29802" t="s">
        <v>10735</v>
      </c>
      <c r="I29802" s="2">
        <v>0</v>
      </c>
      <c r="J29802" s="2">
        <v>0</v>
      </c>
      <c r="K29802" s="2">
        <v>1</v>
      </c>
      <c r="L29802" t="s">
        <v>995</v>
      </c>
      <c r="M29802" t="s">
        <v>83</v>
      </c>
      <c r="N29802" t="s">
        <v>84</v>
      </c>
      <c r="O29802" t="s">
        <v>85</v>
      </c>
      <c r="P29802" t="s">
        <v>86</v>
      </c>
      <c r="Q29802">
        <v>18</v>
      </c>
      <c r="R29802">
        <v>19</v>
      </c>
      <c r="S29802">
        <v>19</v>
      </c>
      <c r="T29802">
        <v>19</v>
      </c>
      <c r="U29802">
        <v>20</v>
      </c>
      <c r="V29802">
        <v>20</v>
      </c>
      <c r="W29802">
        <v>20</v>
      </c>
      <c r="X29802">
        <v>20</v>
      </c>
      <c r="Y29802">
        <v>21</v>
      </c>
      <c r="Z29802">
        <v>21</v>
      </c>
      <c r="AA29802">
        <v>21</v>
      </c>
      <c r="AB29802">
        <v>22</v>
      </c>
      <c r="AC29802">
        <v>22</v>
      </c>
      <c r="AD29802">
        <v>22</v>
      </c>
      <c r="AE29802">
        <v>23</v>
      </c>
      <c r="AF29802">
        <v>23</v>
      </c>
      <c r="AG29802">
        <v>23</v>
      </c>
      <c r="AH29802">
        <v>23</v>
      </c>
      <c r="AI29802">
        <v>24</v>
      </c>
      <c r="AJ29802">
        <v>24</v>
      </c>
      <c r="AK29802">
        <v>24</v>
      </c>
      <c r="AL29802">
        <v>24</v>
      </c>
      <c r="AM29802">
        <v>24</v>
      </c>
      <c r="AN29802">
        <v>25</v>
      </c>
      <c r="AO29802">
        <v>25</v>
      </c>
      <c r="AP29802">
        <v>25</v>
      </c>
      <c r="AQ29802">
        <v>25</v>
      </c>
    </row>
    <row r="29803" spans="1:43">
      <c r="A29803" t="s">
        <v>18465</v>
      </c>
      <c r="B29803" t="s">
        <v>18466</v>
      </c>
      <c r="C29803" t="s">
        <v>18467</v>
      </c>
      <c r="D29803" t="s">
        <v>18468</v>
      </c>
      <c r="E29803" t="s">
        <v>18345</v>
      </c>
      <c r="F29803" t="s">
        <v>18346</v>
      </c>
      <c r="G29803" t="s">
        <v>10734</v>
      </c>
      <c r="H29803" t="s">
        <v>10735</v>
      </c>
      <c r="I29803" s="2">
        <v>0</v>
      </c>
      <c r="J29803" s="2">
        <v>0</v>
      </c>
      <c r="K29803" s="2">
        <v>1</v>
      </c>
      <c r="L29803" t="s">
        <v>995</v>
      </c>
      <c r="M29803" t="s">
        <v>87</v>
      </c>
      <c r="N29803" t="s">
        <v>88</v>
      </c>
      <c r="O29803" t="s">
        <v>85</v>
      </c>
      <c r="P29803" t="s">
        <v>86</v>
      </c>
      <c r="Q29803">
        <v>18</v>
      </c>
      <c r="R29803">
        <v>18</v>
      </c>
      <c r="S29803">
        <v>18</v>
      </c>
      <c r="T29803">
        <v>19</v>
      </c>
      <c r="U29803">
        <v>19</v>
      </c>
      <c r="V29803">
        <v>19</v>
      </c>
      <c r="W29803">
        <v>19</v>
      </c>
      <c r="X29803">
        <v>19</v>
      </c>
      <c r="Y29803">
        <v>19</v>
      </c>
      <c r="Z29803">
        <v>19</v>
      </c>
      <c r="AA29803">
        <v>19</v>
      </c>
      <c r="AB29803">
        <v>20</v>
      </c>
      <c r="AC29803">
        <v>20</v>
      </c>
      <c r="AD29803">
        <v>20</v>
      </c>
      <c r="AE29803">
        <v>20</v>
      </c>
      <c r="AF29803">
        <v>20</v>
      </c>
      <c r="AG29803">
        <v>20</v>
      </c>
      <c r="AH29803">
        <v>20</v>
      </c>
      <c r="AI29803">
        <v>20</v>
      </c>
      <c r="AJ29803">
        <v>21</v>
      </c>
      <c r="AK29803">
        <v>21</v>
      </c>
      <c r="AL29803">
        <v>21</v>
      </c>
      <c r="AM29803">
        <v>21</v>
      </c>
      <c r="AN29803">
        <v>21</v>
      </c>
      <c r="AO29803">
        <v>21</v>
      </c>
      <c r="AP29803">
        <v>21</v>
      </c>
      <c r="AQ29803">
        <v>21</v>
      </c>
    </row>
    <row r="29804" spans="1:43">
      <c r="A29804" t="s">
        <v>18465</v>
      </c>
      <c r="B29804" t="s">
        <v>18466</v>
      </c>
      <c r="C29804" t="s">
        <v>18467</v>
      </c>
      <c r="D29804" t="s">
        <v>18468</v>
      </c>
      <c r="E29804" t="s">
        <v>18345</v>
      </c>
      <c r="F29804" t="s">
        <v>18346</v>
      </c>
      <c r="G29804" t="s">
        <v>10734</v>
      </c>
      <c r="H29804" t="s">
        <v>10735</v>
      </c>
      <c r="I29804" s="2">
        <v>0</v>
      </c>
      <c r="J29804" s="2">
        <v>0</v>
      </c>
      <c r="K29804" s="2">
        <v>1</v>
      </c>
      <c r="L29804" t="s">
        <v>995</v>
      </c>
      <c r="M29804" t="s">
        <v>89</v>
      </c>
      <c r="N29804" t="s">
        <v>90</v>
      </c>
      <c r="O29804" t="s">
        <v>85</v>
      </c>
      <c r="P29804" t="s">
        <v>86</v>
      </c>
      <c r="Q29804">
        <v>18</v>
      </c>
      <c r="R29804">
        <v>18</v>
      </c>
      <c r="S29804">
        <v>18</v>
      </c>
      <c r="T29804">
        <v>19</v>
      </c>
      <c r="U29804">
        <v>19</v>
      </c>
      <c r="V29804">
        <v>20</v>
      </c>
      <c r="W29804">
        <v>20</v>
      </c>
      <c r="X29804">
        <v>21</v>
      </c>
      <c r="Y29804">
        <v>21</v>
      </c>
      <c r="Z29804">
        <v>21</v>
      </c>
      <c r="AA29804">
        <v>22</v>
      </c>
      <c r="AB29804">
        <v>22</v>
      </c>
      <c r="AC29804">
        <v>23</v>
      </c>
      <c r="AD29804">
        <v>23</v>
      </c>
      <c r="AE29804">
        <v>23</v>
      </c>
      <c r="AF29804">
        <v>23</v>
      </c>
      <c r="AG29804">
        <v>23</v>
      </c>
      <c r="AH29804">
        <v>23</v>
      </c>
      <c r="AI29804">
        <v>23</v>
      </c>
      <c r="AJ29804">
        <v>24</v>
      </c>
      <c r="AK29804">
        <v>24</v>
      </c>
      <c r="AL29804">
        <v>24</v>
      </c>
      <c r="AM29804">
        <v>24</v>
      </c>
      <c r="AN29804">
        <v>24</v>
      </c>
      <c r="AO29804">
        <v>24</v>
      </c>
      <c r="AP29804">
        <v>24</v>
      </c>
      <c r="AQ29804">
        <v>24</v>
      </c>
    </row>
    <row r="29805" spans="1:43">
      <c r="A29805" t="s">
        <v>18465</v>
      </c>
      <c r="B29805" t="s">
        <v>18466</v>
      </c>
      <c r="C29805" t="s">
        <v>18467</v>
      </c>
      <c r="D29805" t="s">
        <v>18468</v>
      </c>
      <c r="E29805" t="s">
        <v>18345</v>
      </c>
      <c r="F29805" t="s">
        <v>18346</v>
      </c>
      <c r="G29805" t="s">
        <v>10734</v>
      </c>
      <c r="H29805" t="s">
        <v>10735</v>
      </c>
      <c r="I29805" s="2">
        <v>0</v>
      </c>
      <c r="J29805" s="2">
        <v>0</v>
      </c>
      <c r="K29805" s="2">
        <v>1</v>
      </c>
      <c r="L29805" t="s">
        <v>995</v>
      </c>
      <c r="M29805" t="s">
        <v>83</v>
      </c>
      <c r="N29805" t="s">
        <v>91</v>
      </c>
      <c r="O29805" t="s">
        <v>85</v>
      </c>
      <c r="P29805" t="s">
        <v>86</v>
      </c>
      <c r="Q29805">
        <v>18</v>
      </c>
      <c r="R29805">
        <v>19</v>
      </c>
      <c r="S29805">
        <v>19</v>
      </c>
      <c r="T29805">
        <v>19</v>
      </c>
      <c r="U29805">
        <v>20</v>
      </c>
      <c r="V29805">
        <v>20</v>
      </c>
      <c r="W29805">
        <v>20</v>
      </c>
      <c r="X29805">
        <v>20</v>
      </c>
      <c r="Y29805">
        <v>21</v>
      </c>
      <c r="Z29805">
        <v>21</v>
      </c>
      <c r="AA29805">
        <v>21</v>
      </c>
      <c r="AB29805">
        <v>22</v>
      </c>
      <c r="AC29805">
        <v>22</v>
      </c>
      <c r="AD29805">
        <v>22</v>
      </c>
      <c r="AE29805">
        <v>23</v>
      </c>
      <c r="AF29805">
        <v>23</v>
      </c>
      <c r="AG29805">
        <v>23</v>
      </c>
      <c r="AH29805">
        <v>23</v>
      </c>
      <c r="AI29805">
        <v>24</v>
      </c>
      <c r="AJ29805">
        <v>24</v>
      </c>
      <c r="AK29805">
        <v>24</v>
      </c>
      <c r="AL29805">
        <v>24</v>
      </c>
      <c r="AM29805">
        <v>24</v>
      </c>
      <c r="AN29805">
        <v>25</v>
      </c>
      <c r="AO29805">
        <v>25</v>
      </c>
      <c r="AP29805">
        <v>25</v>
      </c>
      <c r="AQ29805">
        <v>25</v>
      </c>
    </row>
    <row r="29806" spans="1:43">
      <c r="A29806" t="s">
        <v>18469</v>
      </c>
      <c r="B29806" t="s">
        <v>18470</v>
      </c>
      <c r="C29806" t="s">
        <v>18359</v>
      </c>
      <c r="D29806" t="s">
        <v>18360</v>
      </c>
      <c r="E29806" t="s">
        <v>18345</v>
      </c>
      <c r="F29806" t="s">
        <v>18346</v>
      </c>
      <c r="G29806" t="s">
        <v>10734</v>
      </c>
      <c r="H29806" t="s">
        <v>10735</v>
      </c>
      <c r="I29806" s="2">
        <v>0</v>
      </c>
      <c r="J29806" s="2">
        <v>0</v>
      </c>
      <c r="K29806" s="2">
        <v>1</v>
      </c>
      <c r="L29806" t="s">
        <v>995</v>
      </c>
      <c r="M29806" t="s">
        <v>83</v>
      </c>
      <c r="N29806" t="s">
        <v>84</v>
      </c>
      <c r="O29806" t="s">
        <v>85</v>
      </c>
      <c r="P29806" t="s">
        <v>86</v>
      </c>
      <c r="Q29806">
        <v>39</v>
      </c>
      <c r="R29806">
        <v>39</v>
      </c>
      <c r="S29806">
        <v>40</v>
      </c>
      <c r="T29806">
        <v>41</v>
      </c>
      <c r="U29806">
        <v>41</v>
      </c>
      <c r="V29806">
        <v>42</v>
      </c>
      <c r="W29806">
        <v>43</v>
      </c>
      <c r="X29806">
        <v>43</v>
      </c>
      <c r="Y29806">
        <v>44</v>
      </c>
      <c r="Z29806">
        <v>44</v>
      </c>
      <c r="AA29806">
        <v>45</v>
      </c>
      <c r="AB29806">
        <v>46</v>
      </c>
      <c r="AC29806">
        <v>46</v>
      </c>
      <c r="AD29806">
        <v>47</v>
      </c>
      <c r="AE29806">
        <v>47</v>
      </c>
      <c r="AF29806">
        <v>48</v>
      </c>
      <c r="AG29806">
        <v>49</v>
      </c>
      <c r="AH29806">
        <v>49</v>
      </c>
      <c r="AI29806">
        <v>50</v>
      </c>
      <c r="AJ29806">
        <v>50</v>
      </c>
      <c r="AK29806">
        <v>51</v>
      </c>
      <c r="AL29806">
        <v>51</v>
      </c>
      <c r="AM29806">
        <v>52</v>
      </c>
      <c r="AN29806">
        <v>52</v>
      </c>
      <c r="AO29806">
        <v>52</v>
      </c>
      <c r="AP29806">
        <v>52</v>
      </c>
      <c r="AQ29806">
        <v>52</v>
      </c>
    </row>
    <row r="29807" spans="1:43">
      <c r="A29807" t="s">
        <v>18469</v>
      </c>
      <c r="B29807" t="s">
        <v>18470</v>
      </c>
      <c r="C29807" t="s">
        <v>18359</v>
      </c>
      <c r="D29807" t="s">
        <v>18360</v>
      </c>
      <c r="E29807" t="s">
        <v>18345</v>
      </c>
      <c r="F29807" t="s">
        <v>18346</v>
      </c>
      <c r="G29807" t="s">
        <v>10734</v>
      </c>
      <c r="H29807" t="s">
        <v>10735</v>
      </c>
      <c r="I29807" s="2">
        <v>0</v>
      </c>
      <c r="J29807" s="2">
        <v>0</v>
      </c>
      <c r="K29807" s="2">
        <v>1</v>
      </c>
      <c r="L29807" t="s">
        <v>995</v>
      </c>
      <c r="M29807" t="s">
        <v>87</v>
      </c>
      <c r="N29807" t="s">
        <v>88</v>
      </c>
      <c r="O29807" t="s">
        <v>85</v>
      </c>
      <c r="P29807" t="s">
        <v>86</v>
      </c>
      <c r="Q29807">
        <v>39</v>
      </c>
      <c r="R29807">
        <v>40</v>
      </c>
      <c r="S29807">
        <v>40</v>
      </c>
      <c r="T29807">
        <v>40</v>
      </c>
      <c r="U29807">
        <v>40</v>
      </c>
      <c r="V29807">
        <v>41</v>
      </c>
      <c r="W29807">
        <v>41</v>
      </c>
      <c r="X29807">
        <v>41</v>
      </c>
      <c r="Y29807">
        <v>41</v>
      </c>
      <c r="Z29807">
        <v>42</v>
      </c>
      <c r="AA29807">
        <v>42</v>
      </c>
      <c r="AB29807">
        <v>42</v>
      </c>
      <c r="AC29807">
        <v>43</v>
      </c>
      <c r="AD29807">
        <v>43</v>
      </c>
      <c r="AE29807">
        <v>43</v>
      </c>
      <c r="AF29807">
        <v>43</v>
      </c>
      <c r="AG29807">
        <v>44</v>
      </c>
      <c r="AH29807">
        <v>44</v>
      </c>
      <c r="AI29807">
        <v>44</v>
      </c>
      <c r="AJ29807">
        <v>44</v>
      </c>
      <c r="AK29807">
        <v>45</v>
      </c>
      <c r="AL29807">
        <v>45</v>
      </c>
      <c r="AM29807">
        <v>45</v>
      </c>
      <c r="AN29807">
        <v>45</v>
      </c>
      <c r="AO29807">
        <v>46</v>
      </c>
      <c r="AP29807">
        <v>46</v>
      </c>
      <c r="AQ29807">
        <v>46</v>
      </c>
    </row>
    <row r="29808" spans="1:43">
      <c r="A29808" t="s">
        <v>18469</v>
      </c>
      <c r="B29808" t="s">
        <v>18470</v>
      </c>
      <c r="C29808" t="s">
        <v>18359</v>
      </c>
      <c r="D29808" t="s">
        <v>18360</v>
      </c>
      <c r="E29808" t="s">
        <v>18345</v>
      </c>
      <c r="F29808" t="s">
        <v>18346</v>
      </c>
      <c r="G29808" t="s">
        <v>10734</v>
      </c>
      <c r="H29808" t="s">
        <v>10735</v>
      </c>
      <c r="I29808" s="2">
        <v>0</v>
      </c>
      <c r="J29808" s="2">
        <v>0</v>
      </c>
      <c r="K29808" s="2">
        <v>1</v>
      </c>
      <c r="L29808" t="s">
        <v>995</v>
      </c>
      <c r="M29808" t="s">
        <v>89</v>
      </c>
      <c r="N29808" t="s">
        <v>90</v>
      </c>
      <c r="O29808" t="s">
        <v>85</v>
      </c>
      <c r="P29808" t="s">
        <v>86</v>
      </c>
      <c r="Q29808">
        <v>39</v>
      </c>
      <c r="R29808">
        <v>40</v>
      </c>
      <c r="S29808">
        <v>41</v>
      </c>
      <c r="T29808">
        <v>42</v>
      </c>
      <c r="U29808">
        <v>43</v>
      </c>
      <c r="V29808">
        <v>44</v>
      </c>
      <c r="W29808">
        <v>45</v>
      </c>
      <c r="X29808">
        <v>46</v>
      </c>
      <c r="Y29808">
        <v>46</v>
      </c>
      <c r="Z29808">
        <v>47</v>
      </c>
      <c r="AA29808">
        <v>48</v>
      </c>
      <c r="AB29808">
        <v>49</v>
      </c>
      <c r="AC29808">
        <v>50</v>
      </c>
      <c r="AD29808">
        <v>50</v>
      </c>
      <c r="AE29808">
        <v>51</v>
      </c>
      <c r="AF29808">
        <v>51</v>
      </c>
      <c r="AG29808">
        <v>51</v>
      </c>
      <c r="AH29808">
        <v>51</v>
      </c>
      <c r="AI29808">
        <v>52</v>
      </c>
      <c r="AJ29808">
        <v>52</v>
      </c>
      <c r="AK29808">
        <v>52</v>
      </c>
      <c r="AL29808">
        <v>52</v>
      </c>
      <c r="AM29808">
        <v>52</v>
      </c>
      <c r="AN29808">
        <v>52</v>
      </c>
      <c r="AO29808">
        <v>53</v>
      </c>
      <c r="AP29808">
        <v>53</v>
      </c>
      <c r="AQ29808">
        <v>53</v>
      </c>
    </row>
    <row r="29809" spans="1:43">
      <c r="A29809" t="s">
        <v>18469</v>
      </c>
      <c r="B29809" t="s">
        <v>18470</v>
      </c>
      <c r="C29809" t="s">
        <v>18359</v>
      </c>
      <c r="D29809" t="s">
        <v>18360</v>
      </c>
      <c r="E29809" t="s">
        <v>18345</v>
      </c>
      <c r="F29809" t="s">
        <v>18346</v>
      </c>
      <c r="G29809" t="s">
        <v>10734</v>
      </c>
      <c r="H29809" t="s">
        <v>10735</v>
      </c>
      <c r="I29809" s="2">
        <v>0</v>
      </c>
      <c r="J29809" s="2">
        <v>0</v>
      </c>
      <c r="K29809" s="2">
        <v>1</v>
      </c>
      <c r="L29809" t="s">
        <v>995</v>
      </c>
      <c r="M29809" t="s">
        <v>83</v>
      </c>
      <c r="N29809" t="s">
        <v>91</v>
      </c>
      <c r="O29809" t="s">
        <v>85</v>
      </c>
      <c r="P29809" t="s">
        <v>86</v>
      </c>
      <c r="Q29809">
        <v>39</v>
      </c>
      <c r="R29809">
        <v>39</v>
      </c>
      <c r="S29809">
        <v>40</v>
      </c>
      <c r="T29809">
        <v>41</v>
      </c>
      <c r="U29809">
        <v>41</v>
      </c>
      <c r="V29809">
        <v>42</v>
      </c>
      <c r="W29809">
        <v>43</v>
      </c>
      <c r="X29809">
        <v>43</v>
      </c>
      <c r="Y29809">
        <v>44</v>
      </c>
      <c r="Z29809">
        <v>44</v>
      </c>
      <c r="AA29809">
        <v>45</v>
      </c>
      <c r="AB29809">
        <v>46</v>
      </c>
      <c r="AC29809">
        <v>46</v>
      </c>
      <c r="AD29809">
        <v>47</v>
      </c>
      <c r="AE29809">
        <v>47</v>
      </c>
      <c r="AF29809">
        <v>48</v>
      </c>
      <c r="AG29809">
        <v>49</v>
      </c>
      <c r="AH29809">
        <v>49</v>
      </c>
      <c r="AI29809">
        <v>50</v>
      </c>
      <c r="AJ29809">
        <v>50</v>
      </c>
      <c r="AK29809">
        <v>51</v>
      </c>
      <c r="AL29809">
        <v>51</v>
      </c>
      <c r="AM29809">
        <v>52</v>
      </c>
      <c r="AN29809">
        <v>52</v>
      </c>
      <c r="AO29809">
        <v>52</v>
      </c>
      <c r="AP29809">
        <v>52</v>
      </c>
      <c r="AQ29809">
        <v>52</v>
      </c>
    </row>
    <row r="29810" spans="1:43">
      <c r="A29810" t="s">
        <v>18471</v>
      </c>
      <c r="B29810" t="s">
        <v>18472</v>
      </c>
      <c r="C29810" t="s">
        <v>18359</v>
      </c>
      <c r="D29810" t="s">
        <v>18360</v>
      </c>
      <c r="E29810" t="s">
        <v>18345</v>
      </c>
      <c r="F29810" t="s">
        <v>18346</v>
      </c>
      <c r="G29810" t="s">
        <v>10734</v>
      </c>
      <c r="H29810" t="s">
        <v>10735</v>
      </c>
      <c r="I29810" s="2">
        <v>0</v>
      </c>
      <c r="J29810" s="2">
        <v>0</v>
      </c>
      <c r="K29810" s="2">
        <v>1</v>
      </c>
      <c r="L29810" t="s">
        <v>995</v>
      </c>
      <c r="M29810" t="s">
        <v>83</v>
      </c>
      <c r="N29810" t="s">
        <v>84</v>
      </c>
      <c r="O29810" t="s">
        <v>85</v>
      </c>
      <c r="P29810" t="s">
        <v>86</v>
      </c>
      <c r="Q29810">
        <v>100</v>
      </c>
      <c r="R29810">
        <v>102</v>
      </c>
      <c r="S29810">
        <v>103</v>
      </c>
      <c r="T29810">
        <v>105</v>
      </c>
      <c r="U29810">
        <v>106</v>
      </c>
      <c r="V29810">
        <v>108</v>
      </c>
      <c r="W29810">
        <v>110</v>
      </c>
      <c r="X29810">
        <v>111</v>
      </c>
      <c r="Y29810">
        <v>113</v>
      </c>
      <c r="Z29810">
        <v>115</v>
      </c>
      <c r="AA29810">
        <v>116</v>
      </c>
      <c r="AB29810">
        <v>118</v>
      </c>
      <c r="AC29810">
        <v>119</v>
      </c>
      <c r="AD29810">
        <v>121</v>
      </c>
      <c r="AE29810">
        <v>123</v>
      </c>
      <c r="AF29810">
        <v>124</v>
      </c>
      <c r="AG29810">
        <v>126</v>
      </c>
      <c r="AH29810">
        <v>127</v>
      </c>
      <c r="AI29810">
        <v>129</v>
      </c>
      <c r="AJ29810">
        <v>130</v>
      </c>
      <c r="AK29810">
        <v>132</v>
      </c>
      <c r="AL29810">
        <v>133</v>
      </c>
      <c r="AM29810">
        <v>133</v>
      </c>
      <c r="AN29810">
        <v>133</v>
      </c>
      <c r="AO29810">
        <v>134</v>
      </c>
      <c r="AP29810">
        <v>134</v>
      </c>
      <c r="AQ29810">
        <v>135</v>
      </c>
    </row>
    <row r="29811" spans="1:43">
      <c r="A29811" t="s">
        <v>18471</v>
      </c>
      <c r="B29811" t="s">
        <v>18472</v>
      </c>
      <c r="C29811" t="s">
        <v>18359</v>
      </c>
      <c r="D29811" t="s">
        <v>18360</v>
      </c>
      <c r="E29811" t="s">
        <v>18345</v>
      </c>
      <c r="F29811" t="s">
        <v>18346</v>
      </c>
      <c r="G29811" t="s">
        <v>10734</v>
      </c>
      <c r="H29811" t="s">
        <v>10735</v>
      </c>
      <c r="I29811" s="2">
        <v>0</v>
      </c>
      <c r="J29811" s="2">
        <v>0</v>
      </c>
      <c r="K29811" s="2">
        <v>1</v>
      </c>
      <c r="L29811" t="s">
        <v>995</v>
      </c>
      <c r="M29811" t="s">
        <v>87</v>
      </c>
      <c r="N29811" t="s">
        <v>88</v>
      </c>
      <c r="O29811" t="s">
        <v>85</v>
      </c>
      <c r="P29811" t="s">
        <v>86</v>
      </c>
      <c r="Q29811">
        <v>100</v>
      </c>
      <c r="R29811">
        <v>101</v>
      </c>
      <c r="S29811">
        <v>101</v>
      </c>
      <c r="T29811">
        <v>102</v>
      </c>
      <c r="U29811">
        <v>103</v>
      </c>
      <c r="V29811">
        <v>103</v>
      </c>
      <c r="W29811">
        <v>104</v>
      </c>
      <c r="X29811">
        <v>105</v>
      </c>
      <c r="Y29811">
        <v>105</v>
      </c>
      <c r="Z29811">
        <v>106</v>
      </c>
      <c r="AA29811">
        <v>107</v>
      </c>
      <c r="AB29811">
        <v>107</v>
      </c>
      <c r="AC29811">
        <v>108</v>
      </c>
      <c r="AD29811">
        <v>109</v>
      </c>
      <c r="AE29811">
        <v>109</v>
      </c>
      <c r="AF29811">
        <v>110</v>
      </c>
      <c r="AG29811">
        <v>111</v>
      </c>
      <c r="AH29811">
        <v>111</v>
      </c>
      <c r="AI29811">
        <v>112</v>
      </c>
      <c r="AJ29811">
        <v>113</v>
      </c>
      <c r="AK29811">
        <v>113</v>
      </c>
      <c r="AL29811">
        <v>114</v>
      </c>
      <c r="AM29811">
        <v>115</v>
      </c>
      <c r="AN29811">
        <v>115</v>
      </c>
      <c r="AO29811">
        <v>116</v>
      </c>
      <c r="AP29811">
        <v>117</v>
      </c>
      <c r="AQ29811">
        <v>117</v>
      </c>
    </row>
    <row r="29812" spans="1:43">
      <c r="A29812" t="s">
        <v>18471</v>
      </c>
      <c r="B29812" t="s">
        <v>18472</v>
      </c>
      <c r="C29812" t="s">
        <v>18359</v>
      </c>
      <c r="D29812" t="s">
        <v>18360</v>
      </c>
      <c r="E29812" t="s">
        <v>18345</v>
      </c>
      <c r="F29812" t="s">
        <v>18346</v>
      </c>
      <c r="G29812" t="s">
        <v>10734</v>
      </c>
      <c r="H29812" t="s">
        <v>10735</v>
      </c>
      <c r="I29812" s="2">
        <v>0</v>
      </c>
      <c r="J29812" s="2">
        <v>0</v>
      </c>
      <c r="K29812" s="2">
        <v>1</v>
      </c>
      <c r="L29812" t="s">
        <v>995</v>
      </c>
      <c r="M29812" t="s">
        <v>89</v>
      </c>
      <c r="N29812" t="s">
        <v>90</v>
      </c>
      <c r="O29812" t="s">
        <v>85</v>
      </c>
      <c r="P29812" t="s">
        <v>86</v>
      </c>
      <c r="Q29812">
        <v>100</v>
      </c>
      <c r="R29812">
        <v>102</v>
      </c>
      <c r="S29812">
        <v>105</v>
      </c>
      <c r="T29812">
        <v>107</v>
      </c>
      <c r="U29812">
        <v>110</v>
      </c>
      <c r="V29812">
        <v>112</v>
      </c>
      <c r="W29812">
        <v>114</v>
      </c>
      <c r="X29812">
        <v>117</v>
      </c>
      <c r="Y29812">
        <v>119</v>
      </c>
      <c r="Z29812">
        <v>121</v>
      </c>
      <c r="AA29812">
        <v>123</v>
      </c>
      <c r="AB29812">
        <v>125</v>
      </c>
      <c r="AC29812">
        <v>127</v>
      </c>
      <c r="AD29812">
        <v>129</v>
      </c>
      <c r="AE29812">
        <v>130</v>
      </c>
      <c r="AF29812">
        <v>131</v>
      </c>
      <c r="AG29812">
        <v>131</v>
      </c>
      <c r="AH29812">
        <v>132</v>
      </c>
      <c r="AI29812">
        <v>132</v>
      </c>
      <c r="AJ29812">
        <v>133</v>
      </c>
      <c r="AK29812">
        <v>133</v>
      </c>
      <c r="AL29812">
        <v>134</v>
      </c>
      <c r="AM29812">
        <v>134</v>
      </c>
      <c r="AN29812">
        <v>134</v>
      </c>
      <c r="AO29812">
        <v>135</v>
      </c>
      <c r="AP29812">
        <v>135</v>
      </c>
      <c r="AQ29812">
        <v>136</v>
      </c>
    </row>
    <row r="29813" spans="1:43">
      <c r="A29813" t="s">
        <v>18471</v>
      </c>
      <c r="B29813" t="s">
        <v>18472</v>
      </c>
      <c r="C29813" t="s">
        <v>18359</v>
      </c>
      <c r="D29813" t="s">
        <v>18360</v>
      </c>
      <c r="E29813" t="s">
        <v>18345</v>
      </c>
      <c r="F29813" t="s">
        <v>18346</v>
      </c>
      <c r="G29813" t="s">
        <v>10734</v>
      </c>
      <c r="H29813" t="s">
        <v>10735</v>
      </c>
      <c r="I29813" s="2">
        <v>0</v>
      </c>
      <c r="J29813" s="2">
        <v>0</v>
      </c>
      <c r="K29813" s="2">
        <v>1</v>
      </c>
      <c r="L29813" t="s">
        <v>995</v>
      </c>
      <c r="M29813" t="s">
        <v>83</v>
      </c>
      <c r="N29813" t="s">
        <v>91</v>
      </c>
      <c r="O29813" t="s">
        <v>85</v>
      </c>
      <c r="P29813" t="s">
        <v>86</v>
      </c>
      <c r="Q29813">
        <v>100</v>
      </c>
      <c r="R29813">
        <v>102</v>
      </c>
      <c r="S29813">
        <v>103</v>
      </c>
      <c r="T29813">
        <v>105</v>
      </c>
      <c r="U29813">
        <v>106</v>
      </c>
      <c r="V29813">
        <v>108</v>
      </c>
      <c r="W29813">
        <v>110</v>
      </c>
      <c r="X29813">
        <v>111</v>
      </c>
      <c r="Y29813">
        <v>113</v>
      </c>
      <c r="Z29813">
        <v>115</v>
      </c>
      <c r="AA29813">
        <v>116</v>
      </c>
      <c r="AB29813">
        <v>118</v>
      </c>
      <c r="AC29813">
        <v>119</v>
      </c>
      <c r="AD29813">
        <v>121</v>
      </c>
      <c r="AE29813">
        <v>123</v>
      </c>
      <c r="AF29813">
        <v>124</v>
      </c>
      <c r="AG29813">
        <v>126</v>
      </c>
      <c r="AH29813">
        <v>127</v>
      </c>
      <c r="AI29813">
        <v>129</v>
      </c>
      <c r="AJ29813">
        <v>130</v>
      </c>
      <c r="AK29813">
        <v>132</v>
      </c>
      <c r="AL29813">
        <v>133</v>
      </c>
      <c r="AM29813">
        <v>133</v>
      </c>
      <c r="AN29813">
        <v>133</v>
      </c>
      <c r="AO29813">
        <v>134</v>
      </c>
      <c r="AP29813">
        <v>134</v>
      </c>
      <c r="AQ29813">
        <v>135</v>
      </c>
    </row>
    <row r="29814" spans="1:43">
      <c r="A29814" t="s">
        <v>18473</v>
      </c>
      <c r="B29814" t="s">
        <v>18474</v>
      </c>
      <c r="C29814" t="s">
        <v>18475</v>
      </c>
      <c r="D29814" t="s">
        <v>18476</v>
      </c>
      <c r="E29814" t="s">
        <v>18345</v>
      </c>
      <c r="F29814" t="s">
        <v>18346</v>
      </c>
      <c r="G29814" t="s">
        <v>10734</v>
      </c>
      <c r="H29814" t="s">
        <v>10735</v>
      </c>
      <c r="I29814" s="2">
        <v>0</v>
      </c>
      <c r="J29814" s="2">
        <v>0</v>
      </c>
      <c r="K29814" s="2">
        <v>0.75</v>
      </c>
      <c r="L29814" t="s">
        <v>995</v>
      </c>
      <c r="M29814" t="s">
        <v>83</v>
      </c>
      <c r="N29814" t="s">
        <v>84</v>
      </c>
      <c r="O29814" t="s">
        <v>85</v>
      </c>
      <c r="P29814" t="s">
        <v>86</v>
      </c>
      <c r="Q29814">
        <v>26</v>
      </c>
      <c r="R29814">
        <v>26</v>
      </c>
      <c r="S29814">
        <v>26</v>
      </c>
      <c r="T29814">
        <v>27</v>
      </c>
      <c r="U29814">
        <v>27</v>
      </c>
      <c r="V29814">
        <v>28</v>
      </c>
      <c r="W29814">
        <v>28</v>
      </c>
      <c r="X29814">
        <v>29</v>
      </c>
      <c r="Y29814">
        <v>29</v>
      </c>
      <c r="Z29814">
        <v>29</v>
      </c>
      <c r="AA29814">
        <v>30</v>
      </c>
      <c r="AB29814">
        <v>30</v>
      </c>
      <c r="AC29814">
        <v>31</v>
      </c>
      <c r="AD29814">
        <v>31</v>
      </c>
      <c r="AE29814">
        <v>31</v>
      </c>
      <c r="AF29814">
        <v>32</v>
      </c>
      <c r="AG29814">
        <v>32</v>
      </c>
      <c r="AH29814">
        <v>32</v>
      </c>
      <c r="AI29814">
        <v>33</v>
      </c>
      <c r="AJ29814">
        <v>33</v>
      </c>
      <c r="AK29814">
        <v>33</v>
      </c>
      <c r="AL29814">
        <v>34</v>
      </c>
      <c r="AM29814">
        <v>34</v>
      </c>
      <c r="AN29814">
        <v>34</v>
      </c>
      <c r="AO29814">
        <v>34</v>
      </c>
      <c r="AP29814">
        <v>34</v>
      </c>
      <c r="AQ29814">
        <v>34</v>
      </c>
    </row>
    <row r="29815" spans="1:43">
      <c r="A29815" t="s">
        <v>18473</v>
      </c>
      <c r="B29815" t="s">
        <v>18474</v>
      </c>
      <c r="C29815" t="s">
        <v>18475</v>
      </c>
      <c r="D29815" t="s">
        <v>18476</v>
      </c>
      <c r="E29815" t="s">
        <v>18345</v>
      </c>
      <c r="F29815" t="s">
        <v>18346</v>
      </c>
      <c r="G29815" t="s">
        <v>10734</v>
      </c>
      <c r="H29815" t="s">
        <v>10735</v>
      </c>
      <c r="I29815" s="2">
        <v>0</v>
      </c>
      <c r="J29815" s="2">
        <v>0</v>
      </c>
      <c r="K29815" s="2">
        <v>0.75</v>
      </c>
      <c r="L29815" t="s">
        <v>995</v>
      </c>
      <c r="M29815" t="s">
        <v>87</v>
      </c>
      <c r="N29815" t="s">
        <v>88</v>
      </c>
      <c r="O29815" t="s">
        <v>85</v>
      </c>
      <c r="P29815" t="s">
        <v>86</v>
      </c>
      <c r="Q29815">
        <v>26</v>
      </c>
      <c r="R29815">
        <v>26</v>
      </c>
      <c r="S29815">
        <v>27</v>
      </c>
      <c r="T29815">
        <v>27</v>
      </c>
      <c r="U29815">
        <v>27</v>
      </c>
      <c r="V29815">
        <v>27</v>
      </c>
      <c r="W29815">
        <v>27</v>
      </c>
      <c r="X29815">
        <v>28</v>
      </c>
      <c r="Y29815">
        <v>28</v>
      </c>
      <c r="Z29815">
        <v>28</v>
      </c>
      <c r="AA29815">
        <v>28</v>
      </c>
      <c r="AB29815">
        <v>28</v>
      </c>
      <c r="AC29815">
        <v>28</v>
      </c>
      <c r="AD29815">
        <v>29</v>
      </c>
      <c r="AE29815">
        <v>29</v>
      </c>
      <c r="AF29815">
        <v>29</v>
      </c>
      <c r="AG29815">
        <v>29</v>
      </c>
      <c r="AH29815">
        <v>29</v>
      </c>
      <c r="AI29815">
        <v>30</v>
      </c>
      <c r="AJ29815">
        <v>30</v>
      </c>
      <c r="AK29815">
        <v>30</v>
      </c>
      <c r="AL29815">
        <v>30</v>
      </c>
      <c r="AM29815">
        <v>30</v>
      </c>
      <c r="AN29815">
        <v>30</v>
      </c>
      <c r="AO29815">
        <v>31</v>
      </c>
      <c r="AP29815">
        <v>31</v>
      </c>
      <c r="AQ29815">
        <v>31</v>
      </c>
    </row>
    <row r="29816" spans="1:43">
      <c r="A29816" t="s">
        <v>18473</v>
      </c>
      <c r="B29816" t="s">
        <v>18474</v>
      </c>
      <c r="C29816" t="s">
        <v>18475</v>
      </c>
      <c r="D29816" t="s">
        <v>18476</v>
      </c>
      <c r="E29816" t="s">
        <v>18345</v>
      </c>
      <c r="F29816" t="s">
        <v>18346</v>
      </c>
      <c r="G29816" t="s">
        <v>10734</v>
      </c>
      <c r="H29816" t="s">
        <v>10735</v>
      </c>
      <c r="I29816" s="2">
        <v>0</v>
      </c>
      <c r="J29816" s="2">
        <v>0</v>
      </c>
      <c r="K29816" s="2">
        <v>0.75</v>
      </c>
      <c r="L29816" t="s">
        <v>995</v>
      </c>
      <c r="M29816" t="s">
        <v>89</v>
      </c>
      <c r="N29816" t="s">
        <v>90</v>
      </c>
      <c r="O29816" t="s">
        <v>85</v>
      </c>
      <c r="P29816" t="s">
        <v>86</v>
      </c>
      <c r="Q29816">
        <v>26</v>
      </c>
      <c r="R29816">
        <v>26</v>
      </c>
      <c r="S29816">
        <v>27</v>
      </c>
      <c r="T29816">
        <v>28</v>
      </c>
      <c r="U29816">
        <v>28</v>
      </c>
      <c r="V29816">
        <v>29</v>
      </c>
      <c r="W29816">
        <v>30</v>
      </c>
      <c r="X29816">
        <v>30</v>
      </c>
      <c r="Y29816">
        <v>31</v>
      </c>
      <c r="Z29816">
        <v>31</v>
      </c>
      <c r="AA29816">
        <v>32</v>
      </c>
      <c r="AB29816">
        <v>32</v>
      </c>
      <c r="AC29816">
        <v>33</v>
      </c>
      <c r="AD29816">
        <v>33</v>
      </c>
      <c r="AE29816">
        <v>33</v>
      </c>
      <c r="AF29816">
        <v>33</v>
      </c>
      <c r="AG29816">
        <v>33</v>
      </c>
      <c r="AH29816">
        <v>34</v>
      </c>
      <c r="AI29816">
        <v>34</v>
      </c>
      <c r="AJ29816">
        <v>34</v>
      </c>
      <c r="AK29816">
        <v>34</v>
      </c>
      <c r="AL29816">
        <v>34</v>
      </c>
      <c r="AM29816">
        <v>34</v>
      </c>
      <c r="AN29816">
        <v>34</v>
      </c>
      <c r="AO29816">
        <v>34</v>
      </c>
      <c r="AP29816">
        <v>34</v>
      </c>
      <c r="AQ29816">
        <v>34</v>
      </c>
    </row>
    <row r="29817" spans="1:43">
      <c r="A29817" t="s">
        <v>18473</v>
      </c>
      <c r="B29817" t="s">
        <v>18474</v>
      </c>
      <c r="C29817" t="s">
        <v>18475</v>
      </c>
      <c r="D29817" t="s">
        <v>18476</v>
      </c>
      <c r="E29817" t="s">
        <v>18345</v>
      </c>
      <c r="F29817" t="s">
        <v>18346</v>
      </c>
      <c r="G29817" t="s">
        <v>10734</v>
      </c>
      <c r="H29817" t="s">
        <v>10735</v>
      </c>
      <c r="I29817" s="2">
        <v>0</v>
      </c>
      <c r="J29817" s="2">
        <v>0</v>
      </c>
      <c r="K29817" s="2">
        <v>0.75</v>
      </c>
      <c r="L29817" t="s">
        <v>995</v>
      </c>
      <c r="M29817" t="s">
        <v>83</v>
      </c>
      <c r="N29817" t="s">
        <v>91</v>
      </c>
      <c r="O29817" t="s">
        <v>85</v>
      </c>
      <c r="P29817" t="s">
        <v>86</v>
      </c>
      <c r="Q29817">
        <v>26</v>
      </c>
      <c r="R29817">
        <v>26</v>
      </c>
      <c r="S29817">
        <v>26</v>
      </c>
      <c r="T29817">
        <v>27</v>
      </c>
      <c r="U29817">
        <v>27</v>
      </c>
      <c r="V29817">
        <v>28</v>
      </c>
      <c r="W29817">
        <v>28</v>
      </c>
      <c r="X29817">
        <v>29</v>
      </c>
      <c r="Y29817">
        <v>29</v>
      </c>
      <c r="Z29817">
        <v>29</v>
      </c>
      <c r="AA29817">
        <v>30</v>
      </c>
      <c r="AB29817">
        <v>30</v>
      </c>
      <c r="AC29817">
        <v>31</v>
      </c>
      <c r="AD29817">
        <v>31</v>
      </c>
      <c r="AE29817">
        <v>31</v>
      </c>
      <c r="AF29817">
        <v>32</v>
      </c>
      <c r="AG29817">
        <v>32</v>
      </c>
      <c r="AH29817">
        <v>32</v>
      </c>
      <c r="AI29817">
        <v>33</v>
      </c>
      <c r="AJ29817">
        <v>33</v>
      </c>
      <c r="AK29817">
        <v>33</v>
      </c>
      <c r="AL29817">
        <v>34</v>
      </c>
      <c r="AM29817">
        <v>34</v>
      </c>
      <c r="AN29817">
        <v>34</v>
      </c>
      <c r="AO29817">
        <v>34</v>
      </c>
      <c r="AP29817">
        <v>34</v>
      </c>
      <c r="AQ29817">
        <v>34</v>
      </c>
    </row>
    <row r="29818" spans="1:43">
      <c r="A29818" t="s">
        <v>18477</v>
      </c>
      <c r="B29818" t="s">
        <v>18478</v>
      </c>
      <c r="C29818" t="s">
        <v>18437</v>
      </c>
      <c r="D29818" t="s">
        <v>18438</v>
      </c>
      <c r="E29818" t="s">
        <v>18345</v>
      </c>
      <c r="F29818" t="s">
        <v>18346</v>
      </c>
      <c r="G29818" t="s">
        <v>10734</v>
      </c>
      <c r="H29818" t="s">
        <v>10735</v>
      </c>
      <c r="I29818" s="2">
        <v>0</v>
      </c>
      <c r="J29818" s="2">
        <v>0</v>
      </c>
      <c r="K29818" s="2">
        <v>1</v>
      </c>
      <c r="L29818" t="s">
        <v>995</v>
      </c>
      <c r="M29818" t="s">
        <v>83</v>
      </c>
      <c r="N29818" t="s">
        <v>84</v>
      </c>
      <c r="O29818" t="s">
        <v>85</v>
      </c>
      <c r="P29818" t="s">
        <v>86</v>
      </c>
      <c r="Q29818">
        <v>33</v>
      </c>
      <c r="R29818">
        <v>33</v>
      </c>
      <c r="S29818">
        <v>34</v>
      </c>
      <c r="T29818">
        <v>34</v>
      </c>
      <c r="U29818">
        <v>35</v>
      </c>
      <c r="V29818">
        <v>36</v>
      </c>
      <c r="W29818">
        <v>36</v>
      </c>
      <c r="X29818">
        <v>37</v>
      </c>
      <c r="Y29818">
        <v>37</v>
      </c>
      <c r="Z29818">
        <v>38</v>
      </c>
      <c r="AA29818">
        <v>38</v>
      </c>
      <c r="AB29818">
        <v>39</v>
      </c>
      <c r="AC29818">
        <v>39</v>
      </c>
      <c r="AD29818">
        <v>40</v>
      </c>
      <c r="AE29818">
        <v>40</v>
      </c>
      <c r="AF29818">
        <v>41</v>
      </c>
      <c r="AG29818">
        <v>41</v>
      </c>
      <c r="AH29818">
        <v>42</v>
      </c>
      <c r="AI29818">
        <v>42</v>
      </c>
      <c r="AJ29818">
        <v>43</v>
      </c>
      <c r="AK29818">
        <v>43</v>
      </c>
      <c r="AL29818">
        <v>43</v>
      </c>
      <c r="AM29818">
        <v>43</v>
      </c>
      <c r="AN29818">
        <v>43</v>
      </c>
      <c r="AO29818">
        <v>43</v>
      </c>
      <c r="AP29818">
        <v>44</v>
      </c>
      <c r="AQ29818">
        <v>44</v>
      </c>
    </row>
    <row r="29819" spans="1:43">
      <c r="A29819" t="s">
        <v>18477</v>
      </c>
      <c r="B29819" t="s">
        <v>18478</v>
      </c>
      <c r="C29819" t="s">
        <v>18437</v>
      </c>
      <c r="D29819" t="s">
        <v>18438</v>
      </c>
      <c r="E29819" t="s">
        <v>18345</v>
      </c>
      <c r="F29819" t="s">
        <v>18346</v>
      </c>
      <c r="G29819" t="s">
        <v>10734</v>
      </c>
      <c r="H29819" t="s">
        <v>10735</v>
      </c>
      <c r="I29819" s="2">
        <v>0</v>
      </c>
      <c r="J29819" s="2">
        <v>0</v>
      </c>
      <c r="K29819" s="2">
        <v>1</v>
      </c>
      <c r="L29819" t="s">
        <v>995</v>
      </c>
      <c r="M29819" t="s">
        <v>87</v>
      </c>
      <c r="N29819" t="s">
        <v>88</v>
      </c>
      <c r="O29819" t="s">
        <v>85</v>
      </c>
      <c r="P29819" t="s">
        <v>86</v>
      </c>
      <c r="Q29819">
        <v>33</v>
      </c>
      <c r="R29819">
        <v>33</v>
      </c>
      <c r="S29819">
        <v>33</v>
      </c>
      <c r="T29819">
        <v>33</v>
      </c>
      <c r="U29819">
        <v>33</v>
      </c>
      <c r="V29819">
        <v>34</v>
      </c>
      <c r="W29819">
        <v>34</v>
      </c>
      <c r="X29819">
        <v>34</v>
      </c>
      <c r="Y29819">
        <v>34</v>
      </c>
      <c r="Z29819">
        <v>35</v>
      </c>
      <c r="AA29819">
        <v>35</v>
      </c>
      <c r="AB29819">
        <v>35</v>
      </c>
      <c r="AC29819">
        <v>35</v>
      </c>
      <c r="AD29819">
        <v>36</v>
      </c>
      <c r="AE29819">
        <v>36</v>
      </c>
      <c r="AF29819">
        <v>36</v>
      </c>
      <c r="AG29819">
        <v>36</v>
      </c>
      <c r="AH29819">
        <v>36</v>
      </c>
      <c r="AI29819">
        <v>37</v>
      </c>
      <c r="AJ29819">
        <v>37</v>
      </c>
      <c r="AK29819">
        <v>37</v>
      </c>
      <c r="AL29819">
        <v>37</v>
      </c>
      <c r="AM29819">
        <v>38</v>
      </c>
      <c r="AN29819">
        <v>38</v>
      </c>
      <c r="AO29819">
        <v>38</v>
      </c>
      <c r="AP29819">
        <v>38</v>
      </c>
      <c r="AQ29819">
        <v>38</v>
      </c>
    </row>
    <row r="29820" spans="1:43">
      <c r="A29820" t="s">
        <v>18477</v>
      </c>
      <c r="B29820" t="s">
        <v>18478</v>
      </c>
      <c r="C29820" t="s">
        <v>18437</v>
      </c>
      <c r="D29820" t="s">
        <v>18438</v>
      </c>
      <c r="E29820" t="s">
        <v>18345</v>
      </c>
      <c r="F29820" t="s">
        <v>18346</v>
      </c>
      <c r="G29820" t="s">
        <v>10734</v>
      </c>
      <c r="H29820" t="s">
        <v>10735</v>
      </c>
      <c r="I29820" s="2">
        <v>0</v>
      </c>
      <c r="J29820" s="2">
        <v>0</v>
      </c>
      <c r="K29820" s="2">
        <v>1</v>
      </c>
      <c r="L29820" t="s">
        <v>995</v>
      </c>
      <c r="M29820" t="s">
        <v>89</v>
      </c>
      <c r="N29820" t="s">
        <v>90</v>
      </c>
      <c r="O29820" t="s">
        <v>85</v>
      </c>
      <c r="P29820" t="s">
        <v>86</v>
      </c>
      <c r="Q29820">
        <v>33</v>
      </c>
      <c r="R29820">
        <v>34</v>
      </c>
      <c r="S29820">
        <v>35</v>
      </c>
      <c r="T29820">
        <v>36</v>
      </c>
      <c r="U29820">
        <v>36</v>
      </c>
      <c r="V29820">
        <v>37</v>
      </c>
      <c r="W29820">
        <v>38</v>
      </c>
      <c r="X29820">
        <v>39</v>
      </c>
      <c r="Y29820">
        <v>39</v>
      </c>
      <c r="Z29820">
        <v>40</v>
      </c>
      <c r="AA29820">
        <v>41</v>
      </c>
      <c r="AB29820">
        <v>41</v>
      </c>
      <c r="AC29820">
        <v>42</v>
      </c>
      <c r="AD29820">
        <v>42</v>
      </c>
      <c r="AE29820">
        <v>43</v>
      </c>
      <c r="AF29820">
        <v>43</v>
      </c>
      <c r="AG29820">
        <v>43</v>
      </c>
      <c r="AH29820">
        <v>43</v>
      </c>
      <c r="AI29820">
        <v>43</v>
      </c>
      <c r="AJ29820">
        <v>43</v>
      </c>
      <c r="AK29820">
        <v>43</v>
      </c>
      <c r="AL29820">
        <v>43</v>
      </c>
      <c r="AM29820">
        <v>44</v>
      </c>
      <c r="AN29820">
        <v>44</v>
      </c>
      <c r="AO29820">
        <v>44</v>
      </c>
      <c r="AP29820">
        <v>44</v>
      </c>
      <c r="AQ29820">
        <v>44</v>
      </c>
    </row>
    <row r="29821" spans="1:43">
      <c r="A29821" t="s">
        <v>18477</v>
      </c>
      <c r="B29821" t="s">
        <v>18478</v>
      </c>
      <c r="C29821" t="s">
        <v>18437</v>
      </c>
      <c r="D29821" t="s">
        <v>18438</v>
      </c>
      <c r="E29821" t="s">
        <v>18345</v>
      </c>
      <c r="F29821" t="s">
        <v>18346</v>
      </c>
      <c r="G29821" t="s">
        <v>10734</v>
      </c>
      <c r="H29821" t="s">
        <v>10735</v>
      </c>
      <c r="I29821" s="2">
        <v>0</v>
      </c>
      <c r="J29821" s="2">
        <v>0</v>
      </c>
      <c r="K29821" s="2">
        <v>1</v>
      </c>
      <c r="L29821" t="s">
        <v>995</v>
      </c>
      <c r="M29821" t="s">
        <v>83</v>
      </c>
      <c r="N29821" t="s">
        <v>91</v>
      </c>
      <c r="O29821" t="s">
        <v>85</v>
      </c>
      <c r="P29821" t="s">
        <v>86</v>
      </c>
      <c r="Q29821">
        <v>33</v>
      </c>
      <c r="R29821">
        <v>33</v>
      </c>
      <c r="S29821">
        <v>34</v>
      </c>
      <c r="T29821">
        <v>34</v>
      </c>
      <c r="U29821">
        <v>35</v>
      </c>
      <c r="V29821">
        <v>36</v>
      </c>
      <c r="W29821">
        <v>36</v>
      </c>
      <c r="X29821">
        <v>37</v>
      </c>
      <c r="Y29821">
        <v>37</v>
      </c>
      <c r="Z29821">
        <v>38</v>
      </c>
      <c r="AA29821">
        <v>38</v>
      </c>
      <c r="AB29821">
        <v>39</v>
      </c>
      <c r="AC29821">
        <v>39</v>
      </c>
      <c r="AD29821">
        <v>40</v>
      </c>
      <c r="AE29821">
        <v>40</v>
      </c>
      <c r="AF29821">
        <v>41</v>
      </c>
      <c r="AG29821">
        <v>41</v>
      </c>
      <c r="AH29821">
        <v>42</v>
      </c>
      <c r="AI29821">
        <v>42</v>
      </c>
      <c r="AJ29821">
        <v>43</v>
      </c>
      <c r="AK29821">
        <v>43</v>
      </c>
      <c r="AL29821">
        <v>43</v>
      </c>
      <c r="AM29821">
        <v>43</v>
      </c>
      <c r="AN29821">
        <v>43</v>
      </c>
      <c r="AO29821">
        <v>43</v>
      </c>
      <c r="AP29821">
        <v>44</v>
      </c>
      <c r="AQ29821">
        <v>44</v>
      </c>
    </row>
    <row r="29822" spans="1:43">
      <c r="A29822" t="s">
        <v>18479</v>
      </c>
      <c r="B29822" t="s">
        <v>18480</v>
      </c>
      <c r="C29822" t="s">
        <v>18475</v>
      </c>
      <c r="D29822" t="s">
        <v>18476</v>
      </c>
      <c r="E29822" t="s">
        <v>18345</v>
      </c>
      <c r="F29822" t="s">
        <v>18346</v>
      </c>
      <c r="G29822" t="s">
        <v>10734</v>
      </c>
      <c r="H29822" t="s">
        <v>10735</v>
      </c>
      <c r="I29822" s="2">
        <v>0</v>
      </c>
      <c r="J29822" s="2">
        <v>0</v>
      </c>
      <c r="K29822" s="2">
        <v>1</v>
      </c>
      <c r="L29822" t="s">
        <v>995</v>
      </c>
      <c r="M29822" t="s">
        <v>83</v>
      </c>
      <c r="N29822" t="s">
        <v>84</v>
      </c>
      <c r="O29822" t="s">
        <v>85</v>
      </c>
      <c r="P29822" t="s">
        <v>86</v>
      </c>
      <c r="Q29822">
        <v>35</v>
      </c>
      <c r="R29822">
        <v>36</v>
      </c>
      <c r="S29822">
        <v>36</v>
      </c>
      <c r="T29822">
        <v>37</v>
      </c>
      <c r="U29822">
        <v>37</v>
      </c>
      <c r="V29822">
        <v>38</v>
      </c>
      <c r="W29822">
        <v>39</v>
      </c>
      <c r="X29822">
        <v>39</v>
      </c>
      <c r="Y29822">
        <v>40</v>
      </c>
      <c r="Z29822">
        <v>40</v>
      </c>
      <c r="AA29822">
        <v>41</v>
      </c>
      <c r="AB29822">
        <v>41</v>
      </c>
      <c r="AC29822">
        <v>42</v>
      </c>
      <c r="AD29822">
        <v>42</v>
      </c>
      <c r="AE29822">
        <v>43</v>
      </c>
      <c r="AF29822">
        <v>43</v>
      </c>
      <c r="AG29822">
        <v>44</v>
      </c>
      <c r="AH29822">
        <v>44</v>
      </c>
      <c r="AI29822">
        <v>45</v>
      </c>
      <c r="AJ29822">
        <v>45</v>
      </c>
      <c r="AK29822">
        <v>46</v>
      </c>
      <c r="AL29822">
        <v>46</v>
      </c>
      <c r="AM29822">
        <v>46</v>
      </c>
      <c r="AN29822">
        <v>46</v>
      </c>
      <c r="AO29822">
        <v>46</v>
      </c>
      <c r="AP29822">
        <v>46</v>
      </c>
      <c r="AQ29822">
        <v>47</v>
      </c>
    </row>
    <row r="29823" spans="1:43">
      <c r="A29823" t="s">
        <v>18479</v>
      </c>
      <c r="B29823" t="s">
        <v>18480</v>
      </c>
      <c r="C29823" t="s">
        <v>18475</v>
      </c>
      <c r="D29823" t="s">
        <v>18476</v>
      </c>
      <c r="E29823" t="s">
        <v>18345</v>
      </c>
      <c r="F29823" t="s">
        <v>18346</v>
      </c>
      <c r="G29823" t="s">
        <v>10734</v>
      </c>
      <c r="H29823" t="s">
        <v>10735</v>
      </c>
      <c r="I29823" s="2">
        <v>0</v>
      </c>
      <c r="J29823" s="2">
        <v>0</v>
      </c>
      <c r="K29823" s="2">
        <v>1</v>
      </c>
      <c r="L29823" t="s">
        <v>995</v>
      </c>
      <c r="M29823" t="s">
        <v>87</v>
      </c>
      <c r="N29823" t="s">
        <v>88</v>
      </c>
      <c r="O29823" t="s">
        <v>85</v>
      </c>
      <c r="P29823" t="s">
        <v>86</v>
      </c>
      <c r="Q29823">
        <v>35</v>
      </c>
      <c r="R29823">
        <v>35</v>
      </c>
      <c r="S29823">
        <v>35</v>
      </c>
      <c r="T29823">
        <v>35</v>
      </c>
      <c r="U29823">
        <v>36</v>
      </c>
      <c r="V29823">
        <v>36</v>
      </c>
      <c r="W29823">
        <v>36</v>
      </c>
      <c r="X29823">
        <v>36</v>
      </c>
      <c r="Y29823">
        <v>37</v>
      </c>
      <c r="Z29823">
        <v>37</v>
      </c>
      <c r="AA29823">
        <v>37</v>
      </c>
      <c r="AB29823">
        <v>37</v>
      </c>
      <c r="AC29823">
        <v>38</v>
      </c>
      <c r="AD29823">
        <v>38</v>
      </c>
      <c r="AE29823">
        <v>38</v>
      </c>
      <c r="AF29823">
        <v>38</v>
      </c>
      <c r="AG29823">
        <v>39</v>
      </c>
      <c r="AH29823">
        <v>39</v>
      </c>
      <c r="AI29823">
        <v>39</v>
      </c>
      <c r="AJ29823">
        <v>39</v>
      </c>
      <c r="AK29823">
        <v>40</v>
      </c>
      <c r="AL29823">
        <v>40</v>
      </c>
      <c r="AM29823">
        <v>40</v>
      </c>
      <c r="AN29823">
        <v>40</v>
      </c>
      <c r="AO29823">
        <v>41</v>
      </c>
      <c r="AP29823">
        <v>41</v>
      </c>
      <c r="AQ29823">
        <v>41</v>
      </c>
    </row>
    <row r="29824" spans="1:43">
      <c r="A29824" t="s">
        <v>18479</v>
      </c>
      <c r="B29824" t="s">
        <v>18480</v>
      </c>
      <c r="C29824" t="s">
        <v>18475</v>
      </c>
      <c r="D29824" t="s">
        <v>18476</v>
      </c>
      <c r="E29824" t="s">
        <v>18345</v>
      </c>
      <c r="F29824" t="s">
        <v>18346</v>
      </c>
      <c r="G29824" t="s">
        <v>10734</v>
      </c>
      <c r="H29824" t="s">
        <v>10735</v>
      </c>
      <c r="I29824" s="2">
        <v>0</v>
      </c>
      <c r="J29824" s="2">
        <v>0</v>
      </c>
      <c r="K29824" s="2">
        <v>1</v>
      </c>
      <c r="L29824" t="s">
        <v>995</v>
      </c>
      <c r="M29824" t="s">
        <v>89</v>
      </c>
      <c r="N29824" t="s">
        <v>90</v>
      </c>
      <c r="O29824" t="s">
        <v>85</v>
      </c>
      <c r="P29824" t="s">
        <v>86</v>
      </c>
      <c r="Q29824">
        <v>35</v>
      </c>
      <c r="R29824">
        <v>36</v>
      </c>
      <c r="S29824">
        <v>37</v>
      </c>
      <c r="T29824">
        <v>38</v>
      </c>
      <c r="U29824">
        <v>39</v>
      </c>
      <c r="V29824">
        <v>40</v>
      </c>
      <c r="W29824">
        <v>41</v>
      </c>
      <c r="X29824">
        <v>41</v>
      </c>
      <c r="Y29824">
        <v>42</v>
      </c>
      <c r="Z29824">
        <v>43</v>
      </c>
      <c r="AA29824">
        <v>43</v>
      </c>
      <c r="AB29824">
        <v>44</v>
      </c>
      <c r="AC29824">
        <v>45</v>
      </c>
      <c r="AD29824">
        <v>45</v>
      </c>
      <c r="AE29824">
        <v>46</v>
      </c>
      <c r="AF29824">
        <v>46</v>
      </c>
      <c r="AG29824">
        <v>46</v>
      </c>
      <c r="AH29824">
        <v>46</v>
      </c>
      <c r="AI29824">
        <v>46</v>
      </c>
      <c r="AJ29824">
        <v>46</v>
      </c>
      <c r="AK29824">
        <v>46</v>
      </c>
      <c r="AL29824">
        <v>46</v>
      </c>
      <c r="AM29824">
        <v>46</v>
      </c>
      <c r="AN29824">
        <v>47</v>
      </c>
      <c r="AO29824">
        <v>47</v>
      </c>
      <c r="AP29824">
        <v>47</v>
      </c>
      <c r="AQ29824">
        <v>47</v>
      </c>
    </row>
    <row r="29825" spans="1:43">
      <c r="A29825" t="s">
        <v>18479</v>
      </c>
      <c r="B29825" t="s">
        <v>18480</v>
      </c>
      <c r="C29825" t="s">
        <v>18475</v>
      </c>
      <c r="D29825" t="s">
        <v>18476</v>
      </c>
      <c r="E29825" t="s">
        <v>18345</v>
      </c>
      <c r="F29825" t="s">
        <v>18346</v>
      </c>
      <c r="G29825" t="s">
        <v>10734</v>
      </c>
      <c r="H29825" t="s">
        <v>10735</v>
      </c>
      <c r="I29825" s="2">
        <v>0</v>
      </c>
      <c r="J29825" s="2">
        <v>0</v>
      </c>
      <c r="K29825" s="2">
        <v>1</v>
      </c>
      <c r="L29825" t="s">
        <v>995</v>
      </c>
      <c r="M29825" t="s">
        <v>83</v>
      </c>
      <c r="N29825" t="s">
        <v>91</v>
      </c>
      <c r="O29825" t="s">
        <v>85</v>
      </c>
      <c r="P29825" t="s">
        <v>86</v>
      </c>
      <c r="Q29825">
        <v>35</v>
      </c>
      <c r="R29825">
        <v>36</v>
      </c>
      <c r="S29825">
        <v>36</v>
      </c>
      <c r="T29825">
        <v>37</v>
      </c>
      <c r="U29825">
        <v>37</v>
      </c>
      <c r="V29825">
        <v>38</v>
      </c>
      <c r="W29825">
        <v>39</v>
      </c>
      <c r="X29825">
        <v>39</v>
      </c>
      <c r="Y29825">
        <v>40</v>
      </c>
      <c r="Z29825">
        <v>40</v>
      </c>
      <c r="AA29825">
        <v>41</v>
      </c>
      <c r="AB29825">
        <v>41</v>
      </c>
      <c r="AC29825">
        <v>42</v>
      </c>
      <c r="AD29825">
        <v>42</v>
      </c>
      <c r="AE29825">
        <v>43</v>
      </c>
      <c r="AF29825">
        <v>43</v>
      </c>
      <c r="AG29825">
        <v>44</v>
      </c>
      <c r="AH29825">
        <v>44</v>
      </c>
      <c r="AI29825">
        <v>45</v>
      </c>
      <c r="AJ29825">
        <v>45</v>
      </c>
      <c r="AK29825">
        <v>46</v>
      </c>
      <c r="AL29825">
        <v>46</v>
      </c>
      <c r="AM29825">
        <v>46</v>
      </c>
      <c r="AN29825">
        <v>46</v>
      </c>
      <c r="AO29825">
        <v>46</v>
      </c>
      <c r="AP29825">
        <v>46</v>
      </c>
      <c r="AQ29825">
        <v>47</v>
      </c>
    </row>
    <row r="29826" spans="1:43">
      <c r="A29826" t="s">
        <v>18481</v>
      </c>
      <c r="B29826" t="s">
        <v>18482</v>
      </c>
      <c r="C29826" t="s">
        <v>18475</v>
      </c>
      <c r="D29826" t="s">
        <v>18476</v>
      </c>
      <c r="E29826" t="s">
        <v>18345</v>
      </c>
      <c r="F29826" t="s">
        <v>18346</v>
      </c>
      <c r="G29826" t="s">
        <v>10734</v>
      </c>
      <c r="H29826" t="s">
        <v>10735</v>
      </c>
      <c r="I29826" s="2">
        <v>0</v>
      </c>
      <c r="J29826" s="2">
        <v>0</v>
      </c>
      <c r="K29826" s="2">
        <v>1</v>
      </c>
      <c r="L29826" t="s">
        <v>995</v>
      </c>
      <c r="M29826" t="s">
        <v>83</v>
      </c>
      <c r="N29826" t="s">
        <v>84</v>
      </c>
      <c r="O29826" t="s">
        <v>85</v>
      </c>
      <c r="P29826" t="s">
        <v>86</v>
      </c>
      <c r="Q29826">
        <v>7</v>
      </c>
      <c r="R29826">
        <v>7</v>
      </c>
      <c r="S29826">
        <v>7</v>
      </c>
      <c r="T29826">
        <v>7</v>
      </c>
      <c r="U29826">
        <v>7</v>
      </c>
      <c r="V29826">
        <v>7</v>
      </c>
      <c r="W29826">
        <v>7</v>
      </c>
      <c r="X29826">
        <v>7</v>
      </c>
      <c r="Y29826">
        <v>7</v>
      </c>
      <c r="Z29826">
        <v>8</v>
      </c>
      <c r="AA29826">
        <v>8</v>
      </c>
      <c r="AB29826">
        <v>8</v>
      </c>
      <c r="AC29826">
        <v>8</v>
      </c>
      <c r="AD29826">
        <v>8</v>
      </c>
      <c r="AE29826">
        <v>8</v>
      </c>
      <c r="AF29826">
        <v>8</v>
      </c>
      <c r="AG29826">
        <v>8</v>
      </c>
      <c r="AH29826">
        <v>8</v>
      </c>
      <c r="AI29826">
        <v>8</v>
      </c>
      <c r="AJ29826">
        <v>9</v>
      </c>
      <c r="AK29826">
        <v>9</v>
      </c>
      <c r="AL29826">
        <v>9</v>
      </c>
      <c r="AM29826">
        <v>9</v>
      </c>
      <c r="AN29826">
        <v>9</v>
      </c>
      <c r="AO29826">
        <v>9</v>
      </c>
      <c r="AP29826">
        <v>9</v>
      </c>
      <c r="AQ29826">
        <v>9</v>
      </c>
    </row>
    <row r="29827" spans="1:43">
      <c r="A29827" t="s">
        <v>18481</v>
      </c>
      <c r="B29827" t="s">
        <v>18482</v>
      </c>
      <c r="C29827" t="s">
        <v>18475</v>
      </c>
      <c r="D29827" t="s">
        <v>18476</v>
      </c>
      <c r="E29827" t="s">
        <v>18345</v>
      </c>
      <c r="F29827" t="s">
        <v>18346</v>
      </c>
      <c r="G29827" t="s">
        <v>10734</v>
      </c>
      <c r="H29827" t="s">
        <v>10735</v>
      </c>
      <c r="I29827" s="2">
        <v>0</v>
      </c>
      <c r="J29827" s="2">
        <v>0</v>
      </c>
      <c r="K29827" s="2">
        <v>1</v>
      </c>
      <c r="L29827" t="s">
        <v>995</v>
      </c>
      <c r="M29827" t="s">
        <v>87</v>
      </c>
      <c r="N29827" t="s">
        <v>88</v>
      </c>
      <c r="O29827" t="s">
        <v>85</v>
      </c>
      <c r="P29827" t="s">
        <v>86</v>
      </c>
      <c r="Q29827">
        <v>7</v>
      </c>
      <c r="R29827">
        <v>7</v>
      </c>
      <c r="S29827">
        <v>7</v>
      </c>
      <c r="T29827">
        <v>7</v>
      </c>
      <c r="U29827">
        <v>7</v>
      </c>
      <c r="V29827">
        <v>7</v>
      </c>
      <c r="W29827">
        <v>7</v>
      </c>
      <c r="X29827">
        <v>7</v>
      </c>
      <c r="Y29827">
        <v>7</v>
      </c>
      <c r="Z29827">
        <v>7</v>
      </c>
      <c r="AA29827">
        <v>7</v>
      </c>
      <c r="AB29827">
        <v>7</v>
      </c>
      <c r="AC29827">
        <v>7</v>
      </c>
      <c r="AD29827">
        <v>7</v>
      </c>
      <c r="AE29827">
        <v>7</v>
      </c>
      <c r="AF29827">
        <v>7</v>
      </c>
      <c r="AG29827">
        <v>7</v>
      </c>
      <c r="AH29827">
        <v>7</v>
      </c>
      <c r="AI29827">
        <v>7</v>
      </c>
      <c r="AJ29827">
        <v>7</v>
      </c>
      <c r="AK29827">
        <v>7</v>
      </c>
      <c r="AL29827">
        <v>8</v>
      </c>
      <c r="AM29827">
        <v>8</v>
      </c>
      <c r="AN29827">
        <v>8</v>
      </c>
      <c r="AO29827">
        <v>8</v>
      </c>
      <c r="AP29827">
        <v>8</v>
      </c>
      <c r="AQ29827">
        <v>8</v>
      </c>
    </row>
    <row r="29828" spans="1:43">
      <c r="A29828" t="s">
        <v>18481</v>
      </c>
      <c r="B29828" t="s">
        <v>18482</v>
      </c>
      <c r="C29828" t="s">
        <v>18475</v>
      </c>
      <c r="D29828" t="s">
        <v>18476</v>
      </c>
      <c r="E29828" t="s">
        <v>18345</v>
      </c>
      <c r="F29828" t="s">
        <v>18346</v>
      </c>
      <c r="G29828" t="s">
        <v>10734</v>
      </c>
      <c r="H29828" t="s">
        <v>10735</v>
      </c>
      <c r="I29828" s="2">
        <v>0</v>
      </c>
      <c r="J29828" s="2">
        <v>0</v>
      </c>
      <c r="K29828" s="2">
        <v>1</v>
      </c>
      <c r="L29828" t="s">
        <v>995</v>
      </c>
      <c r="M29828" t="s">
        <v>89</v>
      </c>
      <c r="N29828" t="s">
        <v>90</v>
      </c>
      <c r="O29828" t="s">
        <v>85</v>
      </c>
      <c r="P29828" t="s">
        <v>86</v>
      </c>
      <c r="Q29828">
        <v>7</v>
      </c>
      <c r="R29828">
        <v>7</v>
      </c>
      <c r="S29828">
        <v>7</v>
      </c>
      <c r="T29828">
        <v>7</v>
      </c>
      <c r="U29828">
        <v>7</v>
      </c>
      <c r="V29828">
        <v>7</v>
      </c>
      <c r="W29828">
        <v>8</v>
      </c>
      <c r="X29828">
        <v>8</v>
      </c>
      <c r="Y29828">
        <v>8</v>
      </c>
      <c r="Z29828">
        <v>8</v>
      </c>
      <c r="AA29828">
        <v>8</v>
      </c>
      <c r="AB29828">
        <v>8</v>
      </c>
      <c r="AC29828">
        <v>8</v>
      </c>
      <c r="AD29828">
        <v>9</v>
      </c>
      <c r="AE29828">
        <v>9</v>
      </c>
      <c r="AF29828">
        <v>9</v>
      </c>
      <c r="AG29828">
        <v>9</v>
      </c>
      <c r="AH29828">
        <v>9</v>
      </c>
      <c r="AI29828">
        <v>9</v>
      </c>
      <c r="AJ29828">
        <v>9</v>
      </c>
      <c r="AK29828">
        <v>9</v>
      </c>
      <c r="AL29828">
        <v>9</v>
      </c>
      <c r="AM29828">
        <v>9</v>
      </c>
      <c r="AN29828">
        <v>9</v>
      </c>
      <c r="AO29828">
        <v>9</v>
      </c>
      <c r="AP29828">
        <v>9</v>
      </c>
      <c r="AQ29828">
        <v>9</v>
      </c>
    </row>
    <row r="29829" spans="1:43">
      <c r="A29829" t="s">
        <v>18481</v>
      </c>
      <c r="B29829" t="s">
        <v>18482</v>
      </c>
      <c r="C29829" t="s">
        <v>18475</v>
      </c>
      <c r="D29829" t="s">
        <v>18476</v>
      </c>
      <c r="E29829" t="s">
        <v>18345</v>
      </c>
      <c r="F29829" t="s">
        <v>18346</v>
      </c>
      <c r="G29829" t="s">
        <v>10734</v>
      </c>
      <c r="H29829" t="s">
        <v>10735</v>
      </c>
      <c r="I29829" s="2">
        <v>0</v>
      </c>
      <c r="J29829" s="2">
        <v>0</v>
      </c>
      <c r="K29829" s="2">
        <v>1</v>
      </c>
      <c r="L29829" t="s">
        <v>995</v>
      </c>
      <c r="M29829" t="s">
        <v>83</v>
      </c>
      <c r="N29829" t="s">
        <v>91</v>
      </c>
      <c r="O29829" t="s">
        <v>85</v>
      </c>
      <c r="P29829" t="s">
        <v>86</v>
      </c>
      <c r="Q29829">
        <v>7</v>
      </c>
      <c r="R29829">
        <v>7</v>
      </c>
      <c r="S29829">
        <v>7</v>
      </c>
      <c r="T29829">
        <v>7</v>
      </c>
      <c r="U29829">
        <v>7</v>
      </c>
      <c r="V29829">
        <v>7</v>
      </c>
      <c r="W29829">
        <v>7</v>
      </c>
      <c r="X29829">
        <v>7</v>
      </c>
      <c r="Y29829">
        <v>7</v>
      </c>
      <c r="Z29829">
        <v>8</v>
      </c>
      <c r="AA29829">
        <v>8</v>
      </c>
      <c r="AB29829">
        <v>8</v>
      </c>
      <c r="AC29829">
        <v>8</v>
      </c>
      <c r="AD29829">
        <v>8</v>
      </c>
      <c r="AE29829">
        <v>8</v>
      </c>
      <c r="AF29829">
        <v>8</v>
      </c>
      <c r="AG29829">
        <v>8</v>
      </c>
      <c r="AH29829">
        <v>8</v>
      </c>
      <c r="AI29829">
        <v>8</v>
      </c>
      <c r="AJ29829">
        <v>9</v>
      </c>
      <c r="AK29829">
        <v>9</v>
      </c>
      <c r="AL29829">
        <v>9</v>
      </c>
      <c r="AM29829">
        <v>9</v>
      </c>
      <c r="AN29829">
        <v>9</v>
      </c>
      <c r="AO29829">
        <v>9</v>
      </c>
      <c r="AP29829">
        <v>9</v>
      </c>
      <c r="AQ29829">
        <v>9</v>
      </c>
    </row>
    <row r="29830" spans="1:43">
      <c r="A29830" t="s">
        <v>18483</v>
      </c>
      <c r="B29830" t="s">
        <v>18484</v>
      </c>
      <c r="C29830" t="s">
        <v>18475</v>
      </c>
      <c r="D29830" t="s">
        <v>18476</v>
      </c>
      <c r="E29830" t="s">
        <v>18345</v>
      </c>
      <c r="F29830" t="s">
        <v>18346</v>
      </c>
      <c r="G29830" t="s">
        <v>10734</v>
      </c>
      <c r="H29830" t="s">
        <v>10735</v>
      </c>
      <c r="I29830" s="2">
        <v>0</v>
      </c>
      <c r="J29830" s="2">
        <v>0</v>
      </c>
      <c r="K29830" s="2">
        <v>1</v>
      </c>
      <c r="L29830" t="s">
        <v>995</v>
      </c>
      <c r="M29830" t="s">
        <v>83</v>
      </c>
      <c r="N29830" t="s">
        <v>84</v>
      </c>
      <c r="O29830" t="s">
        <v>85</v>
      </c>
      <c r="P29830" t="s">
        <v>86</v>
      </c>
      <c r="Q29830">
        <v>13</v>
      </c>
      <c r="R29830">
        <v>13</v>
      </c>
      <c r="S29830">
        <v>13</v>
      </c>
      <c r="T29830">
        <v>14</v>
      </c>
      <c r="U29830">
        <v>14</v>
      </c>
      <c r="V29830">
        <v>14</v>
      </c>
      <c r="W29830">
        <v>14</v>
      </c>
      <c r="X29830">
        <v>14</v>
      </c>
      <c r="Y29830">
        <v>15</v>
      </c>
      <c r="Z29830">
        <v>15</v>
      </c>
      <c r="AA29830">
        <v>15</v>
      </c>
      <c r="AB29830">
        <v>15</v>
      </c>
      <c r="AC29830">
        <v>15</v>
      </c>
      <c r="AD29830">
        <v>16</v>
      </c>
      <c r="AE29830">
        <v>16</v>
      </c>
      <c r="AF29830">
        <v>16</v>
      </c>
      <c r="AG29830">
        <v>16</v>
      </c>
      <c r="AH29830">
        <v>16</v>
      </c>
      <c r="AI29830">
        <v>17</v>
      </c>
      <c r="AJ29830">
        <v>17</v>
      </c>
      <c r="AK29830">
        <v>17</v>
      </c>
      <c r="AL29830">
        <v>17</v>
      </c>
      <c r="AM29830">
        <v>17</v>
      </c>
      <c r="AN29830">
        <v>17</v>
      </c>
      <c r="AO29830">
        <v>17</v>
      </c>
      <c r="AP29830">
        <v>17</v>
      </c>
      <c r="AQ29830">
        <v>17</v>
      </c>
    </row>
    <row r="29831" spans="1:43">
      <c r="A29831" t="s">
        <v>18483</v>
      </c>
      <c r="B29831" t="s">
        <v>18484</v>
      </c>
      <c r="C29831" t="s">
        <v>18475</v>
      </c>
      <c r="D29831" t="s">
        <v>18476</v>
      </c>
      <c r="E29831" t="s">
        <v>18345</v>
      </c>
      <c r="F29831" t="s">
        <v>18346</v>
      </c>
      <c r="G29831" t="s">
        <v>10734</v>
      </c>
      <c r="H29831" t="s">
        <v>10735</v>
      </c>
      <c r="I29831" s="2">
        <v>0</v>
      </c>
      <c r="J29831" s="2">
        <v>0</v>
      </c>
      <c r="K29831" s="2">
        <v>1</v>
      </c>
      <c r="L29831" t="s">
        <v>995</v>
      </c>
      <c r="M29831" t="s">
        <v>87</v>
      </c>
      <c r="N29831" t="s">
        <v>88</v>
      </c>
      <c r="O29831" t="s">
        <v>85</v>
      </c>
      <c r="P29831" t="s">
        <v>86</v>
      </c>
      <c r="Q29831">
        <v>13</v>
      </c>
      <c r="R29831">
        <v>13</v>
      </c>
      <c r="S29831">
        <v>13</v>
      </c>
      <c r="T29831">
        <v>13</v>
      </c>
      <c r="U29831">
        <v>13</v>
      </c>
      <c r="V29831">
        <v>13</v>
      </c>
      <c r="W29831">
        <v>13</v>
      </c>
      <c r="X29831">
        <v>13</v>
      </c>
      <c r="Y29831">
        <v>13</v>
      </c>
      <c r="Z29831">
        <v>14</v>
      </c>
      <c r="AA29831">
        <v>14</v>
      </c>
      <c r="AB29831">
        <v>14</v>
      </c>
      <c r="AC29831">
        <v>14</v>
      </c>
      <c r="AD29831">
        <v>14</v>
      </c>
      <c r="AE29831">
        <v>14</v>
      </c>
      <c r="AF29831">
        <v>14</v>
      </c>
      <c r="AG29831">
        <v>14</v>
      </c>
      <c r="AH29831">
        <v>14</v>
      </c>
      <c r="AI29831">
        <v>14</v>
      </c>
      <c r="AJ29831">
        <v>14</v>
      </c>
      <c r="AK29831">
        <v>15</v>
      </c>
      <c r="AL29831">
        <v>15</v>
      </c>
      <c r="AM29831">
        <v>15</v>
      </c>
      <c r="AN29831">
        <v>15</v>
      </c>
      <c r="AO29831">
        <v>15</v>
      </c>
      <c r="AP29831">
        <v>15</v>
      </c>
      <c r="AQ29831">
        <v>15</v>
      </c>
    </row>
    <row r="29832" spans="1:43">
      <c r="A29832" t="s">
        <v>18483</v>
      </c>
      <c r="B29832" t="s">
        <v>18484</v>
      </c>
      <c r="C29832" t="s">
        <v>18475</v>
      </c>
      <c r="D29832" t="s">
        <v>18476</v>
      </c>
      <c r="E29832" t="s">
        <v>18345</v>
      </c>
      <c r="F29832" t="s">
        <v>18346</v>
      </c>
      <c r="G29832" t="s">
        <v>10734</v>
      </c>
      <c r="H29832" t="s">
        <v>10735</v>
      </c>
      <c r="I29832" s="2">
        <v>0</v>
      </c>
      <c r="J29832" s="2">
        <v>0</v>
      </c>
      <c r="K29832" s="2">
        <v>1</v>
      </c>
      <c r="L29832" t="s">
        <v>995</v>
      </c>
      <c r="M29832" t="s">
        <v>89</v>
      </c>
      <c r="N29832" t="s">
        <v>90</v>
      </c>
      <c r="O29832" t="s">
        <v>85</v>
      </c>
      <c r="P29832" t="s">
        <v>86</v>
      </c>
      <c r="Q29832">
        <v>13</v>
      </c>
      <c r="R29832">
        <v>13</v>
      </c>
      <c r="S29832">
        <v>14</v>
      </c>
      <c r="T29832">
        <v>14</v>
      </c>
      <c r="U29832">
        <v>14</v>
      </c>
      <c r="V29832">
        <v>15</v>
      </c>
      <c r="W29832">
        <v>15</v>
      </c>
      <c r="X29832">
        <v>15</v>
      </c>
      <c r="Y29832">
        <v>15</v>
      </c>
      <c r="Z29832">
        <v>16</v>
      </c>
      <c r="AA29832">
        <v>16</v>
      </c>
      <c r="AB29832">
        <v>16</v>
      </c>
      <c r="AC29832">
        <v>16</v>
      </c>
      <c r="AD29832">
        <v>17</v>
      </c>
      <c r="AE29832">
        <v>17</v>
      </c>
      <c r="AF29832">
        <v>17</v>
      </c>
      <c r="AG29832">
        <v>17</v>
      </c>
      <c r="AH29832">
        <v>17</v>
      </c>
      <c r="AI29832">
        <v>17</v>
      </c>
      <c r="AJ29832">
        <v>17</v>
      </c>
      <c r="AK29832">
        <v>17</v>
      </c>
      <c r="AL29832">
        <v>17</v>
      </c>
      <c r="AM29832">
        <v>17</v>
      </c>
      <c r="AN29832">
        <v>17</v>
      </c>
      <c r="AO29832">
        <v>17</v>
      </c>
      <c r="AP29832">
        <v>17</v>
      </c>
      <c r="AQ29832">
        <v>17</v>
      </c>
    </row>
    <row r="29833" spans="1:43">
      <c r="A29833" t="s">
        <v>18483</v>
      </c>
      <c r="B29833" t="s">
        <v>18484</v>
      </c>
      <c r="C29833" t="s">
        <v>18475</v>
      </c>
      <c r="D29833" t="s">
        <v>18476</v>
      </c>
      <c r="E29833" t="s">
        <v>18345</v>
      </c>
      <c r="F29833" t="s">
        <v>18346</v>
      </c>
      <c r="G29833" t="s">
        <v>10734</v>
      </c>
      <c r="H29833" t="s">
        <v>10735</v>
      </c>
      <c r="I29833" s="2">
        <v>0</v>
      </c>
      <c r="J29833" s="2">
        <v>0</v>
      </c>
      <c r="K29833" s="2">
        <v>1</v>
      </c>
      <c r="L29833" t="s">
        <v>995</v>
      </c>
      <c r="M29833" t="s">
        <v>83</v>
      </c>
      <c r="N29833" t="s">
        <v>91</v>
      </c>
      <c r="O29833" t="s">
        <v>85</v>
      </c>
      <c r="P29833" t="s">
        <v>86</v>
      </c>
      <c r="Q29833">
        <v>13</v>
      </c>
      <c r="R29833">
        <v>13</v>
      </c>
      <c r="S29833">
        <v>13</v>
      </c>
      <c r="T29833">
        <v>14</v>
      </c>
      <c r="U29833">
        <v>14</v>
      </c>
      <c r="V29833">
        <v>14</v>
      </c>
      <c r="W29833">
        <v>14</v>
      </c>
      <c r="X29833">
        <v>14</v>
      </c>
      <c r="Y29833">
        <v>15</v>
      </c>
      <c r="Z29833">
        <v>15</v>
      </c>
      <c r="AA29833">
        <v>15</v>
      </c>
      <c r="AB29833">
        <v>15</v>
      </c>
      <c r="AC29833">
        <v>15</v>
      </c>
      <c r="AD29833">
        <v>16</v>
      </c>
      <c r="AE29833">
        <v>16</v>
      </c>
      <c r="AF29833">
        <v>16</v>
      </c>
      <c r="AG29833">
        <v>16</v>
      </c>
      <c r="AH29833">
        <v>16</v>
      </c>
      <c r="AI29833">
        <v>17</v>
      </c>
      <c r="AJ29833">
        <v>17</v>
      </c>
      <c r="AK29833">
        <v>17</v>
      </c>
      <c r="AL29833">
        <v>17</v>
      </c>
      <c r="AM29833">
        <v>17</v>
      </c>
      <c r="AN29833">
        <v>17</v>
      </c>
      <c r="AO29833">
        <v>17</v>
      </c>
      <c r="AP29833">
        <v>17</v>
      </c>
      <c r="AQ29833">
        <v>17</v>
      </c>
    </row>
    <row r="29834" spans="1:43">
      <c r="A29834" t="s">
        <v>18485</v>
      </c>
      <c r="B29834" t="s">
        <v>18486</v>
      </c>
      <c r="C29834" t="s">
        <v>18487</v>
      </c>
      <c r="D29834" t="s">
        <v>18488</v>
      </c>
      <c r="E29834" t="s">
        <v>18345</v>
      </c>
      <c r="F29834" t="s">
        <v>18346</v>
      </c>
      <c r="G29834" t="s">
        <v>10734</v>
      </c>
      <c r="H29834" t="s">
        <v>10735</v>
      </c>
      <c r="I29834" s="2">
        <v>0</v>
      </c>
      <c r="J29834" s="2">
        <v>0</v>
      </c>
      <c r="K29834" s="2">
        <v>1</v>
      </c>
      <c r="L29834" t="s">
        <v>995</v>
      </c>
      <c r="M29834" t="s">
        <v>83</v>
      </c>
      <c r="N29834" t="s">
        <v>84</v>
      </c>
      <c r="O29834" t="s">
        <v>85</v>
      </c>
      <c r="P29834" t="s">
        <v>86</v>
      </c>
      <c r="Q29834">
        <v>24</v>
      </c>
      <c r="R29834">
        <v>25</v>
      </c>
      <c r="S29834">
        <v>25</v>
      </c>
      <c r="T29834">
        <v>26</v>
      </c>
      <c r="U29834">
        <v>26</v>
      </c>
      <c r="V29834">
        <v>26</v>
      </c>
      <c r="W29834">
        <v>27</v>
      </c>
      <c r="X29834">
        <v>27</v>
      </c>
      <c r="Y29834">
        <v>28</v>
      </c>
      <c r="Z29834">
        <v>28</v>
      </c>
      <c r="AA29834">
        <v>28</v>
      </c>
      <c r="AB29834">
        <v>29</v>
      </c>
      <c r="AC29834">
        <v>29</v>
      </c>
      <c r="AD29834">
        <v>29</v>
      </c>
      <c r="AE29834">
        <v>30</v>
      </c>
      <c r="AF29834">
        <v>30</v>
      </c>
      <c r="AG29834">
        <v>31</v>
      </c>
      <c r="AH29834">
        <v>31</v>
      </c>
      <c r="AI29834">
        <v>31</v>
      </c>
      <c r="AJ29834">
        <v>32</v>
      </c>
      <c r="AK29834">
        <v>32</v>
      </c>
      <c r="AL29834">
        <v>32</v>
      </c>
      <c r="AM29834">
        <v>32</v>
      </c>
      <c r="AN29834">
        <v>32</v>
      </c>
      <c r="AO29834">
        <v>32</v>
      </c>
      <c r="AP29834">
        <v>32</v>
      </c>
      <c r="AQ29834">
        <v>33</v>
      </c>
    </row>
    <row r="29835" spans="1:43">
      <c r="A29835" t="s">
        <v>18485</v>
      </c>
      <c r="B29835" t="s">
        <v>18486</v>
      </c>
      <c r="C29835" t="s">
        <v>18487</v>
      </c>
      <c r="D29835" t="s">
        <v>18488</v>
      </c>
      <c r="E29835" t="s">
        <v>18345</v>
      </c>
      <c r="F29835" t="s">
        <v>18346</v>
      </c>
      <c r="G29835" t="s">
        <v>10734</v>
      </c>
      <c r="H29835" t="s">
        <v>10735</v>
      </c>
      <c r="I29835" s="2">
        <v>0</v>
      </c>
      <c r="J29835" s="2">
        <v>0</v>
      </c>
      <c r="K29835" s="2">
        <v>1</v>
      </c>
      <c r="L29835" t="s">
        <v>995</v>
      </c>
      <c r="M29835" t="s">
        <v>87</v>
      </c>
      <c r="N29835" t="s">
        <v>88</v>
      </c>
      <c r="O29835" t="s">
        <v>85</v>
      </c>
      <c r="P29835" t="s">
        <v>86</v>
      </c>
      <c r="Q29835">
        <v>24</v>
      </c>
      <c r="R29835">
        <v>24</v>
      </c>
      <c r="S29835">
        <v>24</v>
      </c>
      <c r="T29835">
        <v>25</v>
      </c>
      <c r="U29835">
        <v>25</v>
      </c>
      <c r="V29835">
        <v>25</v>
      </c>
      <c r="W29835">
        <v>25</v>
      </c>
      <c r="X29835">
        <v>25</v>
      </c>
      <c r="Y29835">
        <v>25</v>
      </c>
      <c r="Z29835">
        <v>26</v>
      </c>
      <c r="AA29835">
        <v>26</v>
      </c>
      <c r="AB29835">
        <v>26</v>
      </c>
      <c r="AC29835">
        <v>26</v>
      </c>
      <c r="AD29835">
        <v>26</v>
      </c>
      <c r="AE29835">
        <v>26</v>
      </c>
      <c r="AF29835">
        <v>27</v>
      </c>
      <c r="AG29835">
        <v>27</v>
      </c>
      <c r="AH29835">
        <v>27</v>
      </c>
      <c r="AI29835">
        <v>27</v>
      </c>
      <c r="AJ29835">
        <v>27</v>
      </c>
      <c r="AK29835">
        <v>27</v>
      </c>
      <c r="AL29835">
        <v>27</v>
      </c>
      <c r="AM29835">
        <v>28</v>
      </c>
      <c r="AN29835">
        <v>28</v>
      </c>
      <c r="AO29835">
        <v>28</v>
      </c>
      <c r="AP29835">
        <v>28</v>
      </c>
      <c r="AQ29835">
        <v>28</v>
      </c>
    </row>
    <row r="29836" spans="1:43">
      <c r="A29836" t="s">
        <v>18485</v>
      </c>
      <c r="B29836" t="s">
        <v>18486</v>
      </c>
      <c r="C29836" t="s">
        <v>18487</v>
      </c>
      <c r="D29836" t="s">
        <v>18488</v>
      </c>
      <c r="E29836" t="s">
        <v>18345</v>
      </c>
      <c r="F29836" t="s">
        <v>18346</v>
      </c>
      <c r="G29836" t="s">
        <v>10734</v>
      </c>
      <c r="H29836" t="s">
        <v>10735</v>
      </c>
      <c r="I29836" s="2">
        <v>0</v>
      </c>
      <c r="J29836" s="2">
        <v>0</v>
      </c>
      <c r="K29836" s="2">
        <v>1</v>
      </c>
      <c r="L29836" t="s">
        <v>995</v>
      </c>
      <c r="M29836" t="s">
        <v>89</v>
      </c>
      <c r="N29836" t="s">
        <v>90</v>
      </c>
      <c r="O29836" t="s">
        <v>85</v>
      </c>
      <c r="P29836" t="s">
        <v>86</v>
      </c>
      <c r="Q29836">
        <v>24</v>
      </c>
      <c r="R29836">
        <v>24</v>
      </c>
      <c r="S29836">
        <v>25</v>
      </c>
      <c r="T29836">
        <v>25</v>
      </c>
      <c r="U29836">
        <v>26</v>
      </c>
      <c r="V29836">
        <v>27</v>
      </c>
      <c r="W29836">
        <v>27</v>
      </c>
      <c r="X29836">
        <v>28</v>
      </c>
      <c r="Y29836">
        <v>28</v>
      </c>
      <c r="Z29836">
        <v>29</v>
      </c>
      <c r="AA29836">
        <v>29</v>
      </c>
      <c r="AB29836">
        <v>30</v>
      </c>
      <c r="AC29836">
        <v>30</v>
      </c>
      <c r="AD29836">
        <v>31</v>
      </c>
      <c r="AE29836">
        <v>31</v>
      </c>
      <c r="AF29836">
        <v>31</v>
      </c>
      <c r="AG29836">
        <v>31</v>
      </c>
      <c r="AH29836">
        <v>31</v>
      </c>
      <c r="AI29836">
        <v>31</v>
      </c>
      <c r="AJ29836">
        <v>31</v>
      </c>
      <c r="AK29836">
        <v>31</v>
      </c>
      <c r="AL29836">
        <v>32</v>
      </c>
      <c r="AM29836">
        <v>32</v>
      </c>
      <c r="AN29836">
        <v>32</v>
      </c>
      <c r="AO29836">
        <v>32</v>
      </c>
      <c r="AP29836">
        <v>32</v>
      </c>
      <c r="AQ29836">
        <v>32</v>
      </c>
    </row>
    <row r="29837" spans="1:43">
      <c r="A29837" t="s">
        <v>18485</v>
      </c>
      <c r="B29837" t="s">
        <v>18486</v>
      </c>
      <c r="C29837" t="s">
        <v>18487</v>
      </c>
      <c r="D29837" t="s">
        <v>18488</v>
      </c>
      <c r="E29837" t="s">
        <v>18345</v>
      </c>
      <c r="F29837" t="s">
        <v>18346</v>
      </c>
      <c r="G29837" t="s">
        <v>10734</v>
      </c>
      <c r="H29837" t="s">
        <v>10735</v>
      </c>
      <c r="I29837" s="2">
        <v>0</v>
      </c>
      <c r="J29837" s="2">
        <v>0</v>
      </c>
      <c r="K29837" s="2">
        <v>1</v>
      </c>
      <c r="L29837" t="s">
        <v>995</v>
      </c>
      <c r="M29837" t="s">
        <v>83</v>
      </c>
      <c r="N29837" t="s">
        <v>91</v>
      </c>
      <c r="O29837" t="s">
        <v>85</v>
      </c>
      <c r="P29837" t="s">
        <v>86</v>
      </c>
      <c r="Q29837">
        <v>24</v>
      </c>
      <c r="R29837">
        <v>25</v>
      </c>
      <c r="S29837">
        <v>25</v>
      </c>
      <c r="T29837">
        <v>26</v>
      </c>
      <c r="U29837">
        <v>26</v>
      </c>
      <c r="V29837">
        <v>26</v>
      </c>
      <c r="W29837">
        <v>27</v>
      </c>
      <c r="X29837">
        <v>27</v>
      </c>
      <c r="Y29837">
        <v>28</v>
      </c>
      <c r="Z29837">
        <v>28</v>
      </c>
      <c r="AA29837">
        <v>28</v>
      </c>
      <c r="AB29837">
        <v>29</v>
      </c>
      <c r="AC29837">
        <v>29</v>
      </c>
      <c r="AD29837">
        <v>29</v>
      </c>
      <c r="AE29837">
        <v>30</v>
      </c>
      <c r="AF29837">
        <v>30</v>
      </c>
      <c r="AG29837">
        <v>31</v>
      </c>
      <c r="AH29837">
        <v>31</v>
      </c>
      <c r="AI29837">
        <v>31</v>
      </c>
      <c r="AJ29837">
        <v>32</v>
      </c>
      <c r="AK29837">
        <v>32</v>
      </c>
      <c r="AL29837">
        <v>32</v>
      </c>
      <c r="AM29837">
        <v>32</v>
      </c>
      <c r="AN29837">
        <v>32</v>
      </c>
      <c r="AO29837">
        <v>32</v>
      </c>
      <c r="AP29837">
        <v>32</v>
      </c>
      <c r="AQ29837">
        <v>33</v>
      </c>
    </row>
    <row r="29838" spans="1:43">
      <c r="A29838" t="s">
        <v>18489</v>
      </c>
      <c r="B29838" t="s">
        <v>18490</v>
      </c>
      <c r="C29838" t="s">
        <v>18487</v>
      </c>
      <c r="D29838" t="s">
        <v>18488</v>
      </c>
      <c r="E29838" t="s">
        <v>18345</v>
      </c>
      <c r="F29838" t="s">
        <v>18346</v>
      </c>
      <c r="G29838" t="s">
        <v>10734</v>
      </c>
      <c r="H29838" t="s">
        <v>10735</v>
      </c>
      <c r="I29838" s="2">
        <v>0</v>
      </c>
      <c r="J29838" s="2">
        <v>0</v>
      </c>
      <c r="K29838" s="2">
        <v>1</v>
      </c>
      <c r="L29838" t="s">
        <v>995</v>
      </c>
      <c r="M29838" t="s">
        <v>83</v>
      </c>
      <c r="N29838" t="s">
        <v>84</v>
      </c>
      <c r="O29838" t="s">
        <v>85</v>
      </c>
      <c r="P29838" t="s">
        <v>86</v>
      </c>
      <c r="Q29838">
        <v>17</v>
      </c>
      <c r="R29838">
        <v>17</v>
      </c>
      <c r="S29838">
        <v>17</v>
      </c>
      <c r="T29838">
        <v>17</v>
      </c>
      <c r="U29838">
        <v>18</v>
      </c>
      <c r="V29838">
        <v>18</v>
      </c>
      <c r="W29838">
        <v>18</v>
      </c>
      <c r="X29838">
        <v>18</v>
      </c>
      <c r="Y29838">
        <v>19</v>
      </c>
      <c r="Z29838">
        <v>19</v>
      </c>
      <c r="AA29838">
        <v>19</v>
      </c>
      <c r="AB29838">
        <v>19</v>
      </c>
      <c r="AC29838">
        <v>20</v>
      </c>
      <c r="AD29838">
        <v>20</v>
      </c>
      <c r="AE29838">
        <v>20</v>
      </c>
      <c r="AF29838">
        <v>20</v>
      </c>
      <c r="AG29838">
        <v>21</v>
      </c>
      <c r="AH29838">
        <v>21</v>
      </c>
      <c r="AI29838">
        <v>21</v>
      </c>
      <c r="AJ29838">
        <v>21</v>
      </c>
      <c r="AK29838">
        <v>22</v>
      </c>
      <c r="AL29838">
        <v>22</v>
      </c>
      <c r="AM29838">
        <v>22</v>
      </c>
      <c r="AN29838">
        <v>22</v>
      </c>
      <c r="AO29838">
        <v>22</v>
      </c>
      <c r="AP29838">
        <v>22</v>
      </c>
      <c r="AQ29838">
        <v>22</v>
      </c>
    </row>
    <row r="29839" spans="1:43">
      <c r="A29839" t="s">
        <v>18489</v>
      </c>
      <c r="B29839" t="s">
        <v>18490</v>
      </c>
      <c r="C29839" t="s">
        <v>18487</v>
      </c>
      <c r="D29839" t="s">
        <v>18488</v>
      </c>
      <c r="E29839" t="s">
        <v>18345</v>
      </c>
      <c r="F29839" t="s">
        <v>18346</v>
      </c>
      <c r="G29839" t="s">
        <v>10734</v>
      </c>
      <c r="H29839" t="s">
        <v>10735</v>
      </c>
      <c r="I29839" s="2">
        <v>0</v>
      </c>
      <c r="J29839" s="2">
        <v>0</v>
      </c>
      <c r="K29839" s="2">
        <v>1</v>
      </c>
      <c r="L29839" t="s">
        <v>995</v>
      </c>
      <c r="M29839" t="s">
        <v>87</v>
      </c>
      <c r="N29839" t="s">
        <v>88</v>
      </c>
      <c r="O29839" t="s">
        <v>85</v>
      </c>
      <c r="P29839" t="s">
        <v>86</v>
      </c>
      <c r="Q29839">
        <v>17</v>
      </c>
      <c r="R29839">
        <v>17</v>
      </c>
      <c r="S29839">
        <v>18</v>
      </c>
      <c r="T29839">
        <v>18</v>
      </c>
      <c r="U29839">
        <v>18</v>
      </c>
      <c r="V29839">
        <v>18</v>
      </c>
      <c r="W29839">
        <v>18</v>
      </c>
      <c r="X29839">
        <v>18</v>
      </c>
      <c r="Y29839">
        <v>18</v>
      </c>
      <c r="Z29839">
        <v>18</v>
      </c>
      <c r="AA29839">
        <v>19</v>
      </c>
      <c r="AB29839">
        <v>19</v>
      </c>
      <c r="AC29839">
        <v>19</v>
      </c>
      <c r="AD29839">
        <v>19</v>
      </c>
      <c r="AE29839">
        <v>19</v>
      </c>
      <c r="AF29839">
        <v>19</v>
      </c>
      <c r="AG29839">
        <v>19</v>
      </c>
      <c r="AH29839">
        <v>19</v>
      </c>
      <c r="AI29839">
        <v>19</v>
      </c>
      <c r="AJ29839">
        <v>19</v>
      </c>
      <c r="AK29839">
        <v>20</v>
      </c>
      <c r="AL29839">
        <v>20</v>
      </c>
      <c r="AM29839">
        <v>20</v>
      </c>
      <c r="AN29839">
        <v>20</v>
      </c>
      <c r="AO29839">
        <v>20</v>
      </c>
      <c r="AP29839">
        <v>20</v>
      </c>
      <c r="AQ29839">
        <v>20</v>
      </c>
    </row>
    <row r="29840" spans="1:43">
      <c r="A29840" t="s">
        <v>18489</v>
      </c>
      <c r="B29840" t="s">
        <v>18490</v>
      </c>
      <c r="C29840" t="s">
        <v>18487</v>
      </c>
      <c r="D29840" t="s">
        <v>18488</v>
      </c>
      <c r="E29840" t="s">
        <v>18345</v>
      </c>
      <c r="F29840" t="s">
        <v>18346</v>
      </c>
      <c r="G29840" t="s">
        <v>10734</v>
      </c>
      <c r="H29840" t="s">
        <v>10735</v>
      </c>
      <c r="I29840" s="2">
        <v>0</v>
      </c>
      <c r="J29840" s="2">
        <v>0</v>
      </c>
      <c r="K29840" s="2">
        <v>1</v>
      </c>
      <c r="L29840" t="s">
        <v>995</v>
      </c>
      <c r="M29840" t="s">
        <v>89</v>
      </c>
      <c r="N29840" t="s">
        <v>90</v>
      </c>
      <c r="O29840" t="s">
        <v>85</v>
      </c>
      <c r="P29840" t="s">
        <v>86</v>
      </c>
      <c r="Q29840">
        <v>17</v>
      </c>
      <c r="R29840">
        <v>17</v>
      </c>
      <c r="S29840">
        <v>18</v>
      </c>
      <c r="T29840">
        <v>18</v>
      </c>
      <c r="U29840">
        <v>18</v>
      </c>
      <c r="V29840">
        <v>19</v>
      </c>
      <c r="W29840">
        <v>19</v>
      </c>
      <c r="X29840">
        <v>19</v>
      </c>
      <c r="Y29840">
        <v>20</v>
      </c>
      <c r="Z29840">
        <v>20</v>
      </c>
      <c r="AA29840">
        <v>20</v>
      </c>
      <c r="AB29840">
        <v>21</v>
      </c>
      <c r="AC29840">
        <v>21</v>
      </c>
      <c r="AD29840">
        <v>21</v>
      </c>
      <c r="AE29840">
        <v>22</v>
      </c>
      <c r="AF29840">
        <v>22</v>
      </c>
      <c r="AG29840">
        <v>22</v>
      </c>
      <c r="AH29840">
        <v>22</v>
      </c>
      <c r="AI29840">
        <v>22</v>
      </c>
      <c r="AJ29840">
        <v>22</v>
      </c>
      <c r="AK29840">
        <v>22</v>
      </c>
      <c r="AL29840">
        <v>22</v>
      </c>
      <c r="AM29840">
        <v>22</v>
      </c>
      <c r="AN29840">
        <v>22</v>
      </c>
      <c r="AO29840">
        <v>22</v>
      </c>
      <c r="AP29840">
        <v>22</v>
      </c>
      <c r="AQ29840">
        <v>22</v>
      </c>
    </row>
    <row r="29841" spans="1:43">
      <c r="A29841" t="s">
        <v>18489</v>
      </c>
      <c r="B29841" t="s">
        <v>18490</v>
      </c>
      <c r="C29841" t="s">
        <v>18487</v>
      </c>
      <c r="D29841" t="s">
        <v>18488</v>
      </c>
      <c r="E29841" t="s">
        <v>18345</v>
      </c>
      <c r="F29841" t="s">
        <v>18346</v>
      </c>
      <c r="G29841" t="s">
        <v>10734</v>
      </c>
      <c r="H29841" t="s">
        <v>10735</v>
      </c>
      <c r="I29841" s="2">
        <v>0</v>
      </c>
      <c r="J29841" s="2">
        <v>0</v>
      </c>
      <c r="K29841" s="2">
        <v>1</v>
      </c>
      <c r="L29841" t="s">
        <v>995</v>
      </c>
      <c r="M29841" t="s">
        <v>83</v>
      </c>
      <c r="N29841" t="s">
        <v>91</v>
      </c>
      <c r="O29841" t="s">
        <v>85</v>
      </c>
      <c r="P29841" t="s">
        <v>86</v>
      </c>
      <c r="Q29841">
        <v>17</v>
      </c>
      <c r="R29841">
        <v>17</v>
      </c>
      <c r="S29841">
        <v>17</v>
      </c>
      <c r="T29841">
        <v>17</v>
      </c>
      <c r="U29841">
        <v>18</v>
      </c>
      <c r="V29841">
        <v>18</v>
      </c>
      <c r="W29841">
        <v>18</v>
      </c>
      <c r="X29841">
        <v>18</v>
      </c>
      <c r="Y29841">
        <v>19</v>
      </c>
      <c r="Z29841">
        <v>19</v>
      </c>
      <c r="AA29841">
        <v>19</v>
      </c>
      <c r="AB29841">
        <v>19</v>
      </c>
      <c r="AC29841">
        <v>20</v>
      </c>
      <c r="AD29841">
        <v>20</v>
      </c>
      <c r="AE29841">
        <v>20</v>
      </c>
      <c r="AF29841">
        <v>20</v>
      </c>
      <c r="AG29841">
        <v>21</v>
      </c>
      <c r="AH29841">
        <v>21</v>
      </c>
      <c r="AI29841">
        <v>21</v>
      </c>
      <c r="AJ29841">
        <v>21</v>
      </c>
      <c r="AK29841">
        <v>22</v>
      </c>
      <c r="AL29841">
        <v>22</v>
      </c>
      <c r="AM29841">
        <v>22</v>
      </c>
      <c r="AN29841">
        <v>22</v>
      </c>
      <c r="AO29841">
        <v>22</v>
      </c>
      <c r="AP29841">
        <v>22</v>
      </c>
      <c r="AQ29841">
        <v>22</v>
      </c>
    </row>
    <row r="29842" spans="1:43">
      <c r="A29842" t="s">
        <v>18491</v>
      </c>
      <c r="B29842" t="s">
        <v>18492</v>
      </c>
      <c r="C29842" t="s">
        <v>18487</v>
      </c>
      <c r="D29842" t="s">
        <v>18488</v>
      </c>
      <c r="E29842" t="s">
        <v>18345</v>
      </c>
      <c r="F29842" t="s">
        <v>18346</v>
      </c>
      <c r="G29842" t="s">
        <v>10734</v>
      </c>
      <c r="H29842" t="s">
        <v>10735</v>
      </c>
      <c r="I29842" s="2">
        <v>0</v>
      </c>
      <c r="J29842" s="2">
        <v>0</v>
      </c>
      <c r="K29842" s="2">
        <v>1</v>
      </c>
      <c r="L29842" t="s">
        <v>995</v>
      </c>
      <c r="M29842" t="s">
        <v>83</v>
      </c>
      <c r="N29842" t="s">
        <v>84</v>
      </c>
      <c r="O29842" t="s">
        <v>85</v>
      </c>
      <c r="P29842" t="s">
        <v>86</v>
      </c>
      <c r="Q29842">
        <v>24</v>
      </c>
      <c r="R29842">
        <v>25</v>
      </c>
      <c r="S29842">
        <v>25</v>
      </c>
      <c r="T29842">
        <v>25</v>
      </c>
      <c r="U29842">
        <v>26</v>
      </c>
      <c r="V29842">
        <v>26</v>
      </c>
      <c r="W29842">
        <v>26</v>
      </c>
      <c r="X29842">
        <v>27</v>
      </c>
      <c r="Y29842">
        <v>27</v>
      </c>
      <c r="Z29842">
        <v>28</v>
      </c>
      <c r="AA29842">
        <v>28</v>
      </c>
      <c r="AB29842">
        <v>28</v>
      </c>
      <c r="AC29842">
        <v>29</v>
      </c>
      <c r="AD29842">
        <v>29</v>
      </c>
      <c r="AE29842">
        <v>30</v>
      </c>
      <c r="AF29842">
        <v>30</v>
      </c>
      <c r="AG29842">
        <v>30</v>
      </c>
      <c r="AH29842">
        <v>31</v>
      </c>
      <c r="AI29842">
        <v>31</v>
      </c>
      <c r="AJ29842">
        <v>31</v>
      </c>
      <c r="AK29842">
        <v>32</v>
      </c>
      <c r="AL29842">
        <v>32</v>
      </c>
      <c r="AM29842">
        <v>32</v>
      </c>
      <c r="AN29842">
        <v>32</v>
      </c>
      <c r="AO29842">
        <v>32</v>
      </c>
      <c r="AP29842">
        <v>32</v>
      </c>
      <c r="AQ29842">
        <v>32</v>
      </c>
    </row>
    <row r="29843" spans="1:43">
      <c r="A29843" t="s">
        <v>18491</v>
      </c>
      <c r="B29843" t="s">
        <v>18492</v>
      </c>
      <c r="C29843" t="s">
        <v>18487</v>
      </c>
      <c r="D29843" t="s">
        <v>18488</v>
      </c>
      <c r="E29843" t="s">
        <v>18345</v>
      </c>
      <c r="F29843" t="s">
        <v>18346</v>
      </c>
      <c r="G29843" t="s">
        <v>10734</v>
      </c>
      <c r="H29843" t="s">
        <v>10735</v>
      </c>
      <c r="I29843" s="2">
        <v>0</v>
      </c>
      <c r="J29843" s="2">
        <v>0</v>
      </c>
      <c r="K29843" s="2">
        <v>1</v>
      </c>
      <c r="L29843" t="s">
        <v>995</v>
      </c>
      <c r="M29843" t="s">
        <v>87</v>
      </c>
      <c r="N29843" t="s">
        <v>88</v>
      </c>
      <c r="O29843" t="s">
        <v>85</v>
      </c>
      <c r="P29843" t="s">
        <v>86</v>
      </c>
      <c r="Q29843">
        <v>24</v>
      </c>
      <c r="R29843">
        <v>24</v>
      </c>
      <c r="S29843">
        <v>24</v>
      </c>
      <c r="T29843">
        <v>24</v>
      </c>
      <c r="U29843">
        <v>25</v>
      </c>
      <c r="V29843">
        <v>25</v>
      </c>
      <c r="W29843">
        <v>25</v>
      </c>
      <c r="X29843">
        <v>25</v>
      </c>
      <c r="Y29843">
        <v>25</v>
      </c>
      <c r="Z29843">
        <v>25</v>
      </c>
      <c r="AA29843">
        <v>26</v>
      </c>
      <c r="AB29843">
        <v>26</v>
      </c>
      <c r="AC29843">
        <v>26</v>
      </c>
      <c r="AD29843">
        <v>26</v>
      </c>
      <c r="AE29843">
        <v>26</v>
      </c>
      <c r="AF29843">
        <v>26</v>
      </c>
      <c r="AG29843">
        <v>26</v>
      </c>
      <c r="AH29843">
        <v>27</v>
      </c>
      <c r="AI29843">
        <v>27</v>
      </c>
      <c r="AJ29843">
        <v>27</v>
      </c>
      <c r="AK29843">
        <v>27</v>
      </c>
      <c r="AL29843">
        <v>27</v>
      </c>
      <c r="AM29843">
        <v>27</v>
      </c>
      <c r="AN29843">
        <v>28</v>
      </c>
      <c r="AO29843">
        <v>28</v>
      </c>
      <c r="AP29843">
        <v>28</v>
      </c>
      <c r="AQ29843">
        <v>28</v>
      </c>
    </row>
    <row r="29844" spans="1:43">
      <c r="A29844" t="s">
        <v>18491</v>
      </c>
      <c r="B29844" t="s">
        <v>18492</v>
      </c>
      <c r="C29844" t="s">
        <v>18487</v>
      </c>
      <c r="D29844" t="s">
        <v>18488</v>
      </c>
      <c r="E29844" t="s">
        <v>18345</v>
      </c>
      <c r="F29844" t="s">
        <v>18346</v>
      </c>
      <c r="G29844" t="s">
        <v>10734</v>
      </c>
      <c r="H29844" t="s">
        <v>10735</v>
      </c>
      <c r="I29844" s="2">
        <v>0</v>
      </c>
      <c r="J29844" s="2">
        <v>0</v>
      </c>
      <c r="K29844" s="2">
        <v>1</v>
      </c>
      <c r="L29844" t="s">
        <v>995</v>
      </c>
      <c r="M29844" t="s">
        <v>89</v>
      </c>
      <c r="N29844" t="s">
        <v>90</v>
      </c>
      <c r="O29844" t="s">
        <v>85</v>
      </c>
      <c r="P29844" t="s">
        <v>86</v>
      </c>
      <c r="Q29844">
        <v>24</v>
      </c>
      <c r="R29844">
        <v>25</v>
      </c>
      <c r="S29844">
        <v>26</v>
      </c>
      <c r="T29844">
        <v>26</v>
      </c>
      <c r="U29844">
        <v>27</v>
      </c>
      <c r="V29844">
        <v>27</v>
      </c>
      <c r="W29844">
        <v>28</v>
      </c>
      <c r="X29844">
        <v>28</v>
      </c>
      <c r="Y29844">
        <v>29</v>
      </c>
      <c r="Z29844">
        <v>29</v>
      </c>
      <c r="AA29844">
        <v>30</v>
      </c>
      <c r="AB29844">
        <v>30</v>
      </c>
      <c r="AC29844">
        <v>31</v>
      </c>
      <c r="AD29844">
        <v>31</v>
      </c>
      <c r="AE29844">
        <v>32</v>
      </c>
      <c r="AF29844">
        <v>32</v>
      </c>
      <c r="AG29844">
        <v>32</v>
      </c>
      <c r="AH29844">
        <v>32</v>
      </c>
      <c r="AI29844">
        <v>32</v>
      </c>
      <c r="AJ29844">
        <v>32</v>
      </c>
      <c r="AK29844">
        <v>32</v>
      </c>
      <c r="AL29844">
        <v>32</v>
      </c>
      <c r="AM29844">
        <v>32</v>
      </c>
      <c r="AN29844">
        <v>32</v>
      </c>
      <c r="AO29844">
        <v>32</v>
      </c>
      <c r="AP29844">
        <v>33</v>
      </c>
      <c r="AQ29844">
        <v>33</v>
      </c>
    </row>
    <row r="29845" spans="1:43">
      <c r="A29845" t="s">
        <v>18491</v>
      </c>
      <c r="B29845" t="s">
        <v>18492</v>
      </c>
      <c r="C29845" t="s">
        <v>18487</v>
      </c>
      <c r="D29845" t="s">
        <v>18488</v>
      </c>
      <c r="E29845" t="s">
        <v>18345</v>
      </c>
      <c r="F29845" t="s">
        <v>18346</v>
      </c>
      <c r="G29845" t="s">
        <v>10734</v>
      </c>
      <c r="H29845" t="s">
        <v>10735</v>
      </c>
      <c r="I29845" s="2">
        <v>0</v>
      </c>
      <c r="J29845" s="2">
        <v>0</v>
      </c>
      <c r="K29845" s="2">
        <v>1</v>
      </c>
      <c r="L29845" t="s">
        <v>995</v>
      </c>
      <c r="M29845" t="s">
        <v>83</v>
      </c>
      <c r="N29845" t="s">
        <v>91</v>
      </c>
      <c r="O29845" t="s">
        <v>85</v>
      </c>
      <c r="P29845" t="s">
        <v>86</v>
      </c>
      <c r="Q29845">
        <v>24</v>
      </c>
      <c r="R29845">
        <v>25</v>
      </c>
      <c r="S29845">
        <v>25</v>
      </c>
      <c r="T29845">
        <v>25</v>
      </c>
      <c r="U29845">
        <v>26</v>
      </c>
      <c r="V29845">
        <v>26</v>
      </c>
      <c r="W29845">
        <v>26</v>
      </c>
      <c r="X29845">
        <v>27</v>
      </c>
      <c r="Y29845">
        <v>27</v>
      </c>
      <c r="Z29845">
        <v>28</v>
      </c>
      <c r="AA29845">
        <v>28</v>
      </c>
      <c r="AB29845">
        <v>28</v>
      </c>
      <c r="AC29845">
        <v>29</v>
      </c>
      <c r="AD29845">
        <v>29</v>
      </c>
      <c r="AE29845">
        <v>30</v>
      </c>
      <c r="AF29845">
        <v>30</v>
      </c>
      <c r="AG29845">
        <v>30</v>
      </c>
      <c r="AH29845">
        <v>31</v>
      </c>
      <c r="AI29845">
        <v>31</v>
      </c>
      <c r="AJ29845">
        <v>31</v>
      </c>
      <c r="AK29845">
        <v>32</v>
      </c>
      <c r="AL29845">
        <v>32</v>
      </c>
      <c r="AM29845">
        <v>32</v>
      </c>
      <c r="AN29845">
        <v>32</v>
      </c>
      <c r="AO29845">
        <v>32</v>
      </c>
      <c r="AP29845">
        <v>32</v>
      </c>
      <c r="AQ29845">
        <v>32</v>
      </c>
    </row>
    <row r="29846" spans="1:43">
      <c r="A29846" t="s">
        <v>18493</v>
      </c>
      <c r="B29846" t="s">
        <v>18494</v>
      </c>
      <c r="C29846" t="s">
        <v>18487</v>
      </c>
      <c r="D29846" t="s">
        <v>18488</v>
      </c>
      <c r="E29846" t="s">
        <v>18345</v>
      </c>
      <c r="F29846" t="s">
        <v>18346</v>
      </c>
      <c r="G29846" t="s">
        <v>10734</v>
      </c>
      <c r="H29846" t="s">
        <v>10735</v>
      </c>
      <c r="I29846" s="2">
        <v>0</v>
      </c>
      <c r="J29846" s="2">
        <v>0</v>
      </c>
      <c r="K29846" s="2">
        <v>1</v>
      </c>
      <c r="L29846" t="s">
        <v>995</v>
      </c>
      <c r="M29846" t="s">
        <v>83</v>
      </c>
      <c r="N29846" t="s">
        <v>84</v>
      </c>
      <c r="O29846" t="s">
        <v>85</v>
      </c>
      <c r="P29846" t="s">
        <v>86</v>
      </c>
      <c r="Q29846">
        <v>29</v>
      </c>
      <c r="R29846">
        <v>30</v>
      </c>
      <c r="S29846">
        <v>30</v>
      </c>
      <c r="T29846">
        <v>31</v>
      </c>
      <c r="U29846">
        <v>31</v>
      </c>
      <c r="V29846">
        <v>32</v>
      </c>
      <c r="W29846">
        <v>32</v>
      </c>
      <c r="X29846">
        <v>33</v>
      </c>
      <c r="Y29846">
        <v>33</v>
      </c>
      <c r="Z29846">
        <v>34</v>
      </c>
      <c r="AA29846">
        <v>34</v>
      </c>
      <c r="AB29846">
        <v>35</v>
      </c>
      <c r="AC29846">
        <v>35</v>
      </c>
      <c r="AD29846">
        <v>36</v>
      </c>
      <c r="AE29846">
        <v>36</v>
      </c>
      <c r="AF29846">
        <v>36</v>
      </c>
      <c r="AG29846">
        <v>37</v>
      </c>
      <c r="AH29846">
        <v>37</v>
      </c>
      <c r="AI29846">
        <v>38</v>
      </c>
      <c r="AJ29846">
        <v>38</v>
      </c>
      <c r="AK29846">
        <v>39</v>
      </c>
      <c r="AL29846">
        <v>39</v>
      </c>
      <c r="AM29846">
        <v>39</v>
      </c>
      <c r="AN29846">
        <v>39</v>
      </c>
      <c r="AO29846">
        <v>39</v>
      </c>
      <c r="AP29846">
        <v>39</v>
      </c>
      <c r="AQ29846">
        <v>39</v>
      </c>
    </row>
    <row r="29847" spans="1:43">
      <c r="A29847" t="s">
        <v>18493</v>
      </c>
      <c r="B29847" t="s">
        <v>18494</v>
      </c>
      <c r="C29847" t="s">
        <v>18487</v>
      </c>
      <c r="D29847" t="s">
        <v>18488</v>
      </c>
      <c r="E29847" t="s">
        <v>18345</v>
      </c>
      <c r="F29847" t="s">
        <v>18346</v>
      </c>
      <c r="G29847" t="s">
        <v>10734</v>
      </c>
      <c r="H29847" t="s">
        <v>10735</v>
      </c>
      <c r="I29847" s="2">
        <v>0</v>
      </c>
      <c r="J29847" s="2">
        <v>0</v>
      </c>
      <c r="K29847" s="2">
        <v>1</v>
      </c>
      <c r="L29847" t="s">
        <v>995</v>
      </c>
      <c r="M29847" t="s">
        <v>87</v>
      </c>
      <c r="N29847" t="s">
        <v>88</v>
      </c>
      <c r="O29847" t="s">
        <v>85</v>
      </c>
      <c r="P29847" t="s">
        <v>86</v>
      </c>
      <c r="Q29847">
        <v>29</v>
      </c>
      <c r="R29847">
        <v>29</v>
      </c>
      <c r="S29847">
        <v>30</v>
      </c>
      <c r="T29847">
        <v>30</v>
      </c>
      <c r="U29847">
        <v>30</v>
      </c>
      <c r="V29847">
        <v>30</v>
      </c>
      <c r="W29847">
        <v>30</v>
      </c>
      <c r="X29847">
        <v>31</v>
      </c>
      <c r="Y29847">
        <v>31</v>
      </c>
      <c r="Z29847">
        <v>31</v>
      </c>
      <c r="AA29847">
        <v>31</v>
      </c>
      <c r="AB29847">
        <v>31</v>
      </c>
      <c r="AC29847">
        <v>32</v>
      </c>
      <c r="AD29847">
        <v>32</v>
      </c>
      <c r="AE29847">
        <v>32</v>
      </c>
      <c r="AF29847">
        <v>32</v>
      </c>
      <c r="AG29847">
        <v>32</v>
      </c>
      <c r="AH29847">
        <v>33</v>
      </c>
      <c r="AI29847">
        <v>33</v>
      </c>
      <c r="AJ29847">
        <v>33</v>
      </c>
      <c r="AK29847">
        <v>33</v>
      </c>
      <c r="AL29847">
        <v>33</v>
      </c>
      <c r="AM29847">
        <v>33</v>
      </c>
      <c r="AN29847">
        <v>34</v>
      </c>
      <c r="AO29847">
        <v>34</v>
      </c>
      <c r="AP29847">
        <v>34</v>
      </c>
      <c r="AQ29847">
        <v>34</v>
      </c>
    </row>
    <row r="29848" spans="1:43">
      <c r="A29848" t="s">
        <v>18493</v>
      </c>
      <c r="B29848" t="s">
        <v>18494</v>
      </c>
      <c r="C29848" t="s">
        <v>18487</v>
      </c>
      <c r="D29848" t="s">
        <v>18488</v>
      </c>
      <c r="E29848" t="s">
        <v>18345</v>
      </c>
      <c r="F29848" t="s">
        <v>18346</v>
      </c>
      <c r="G29848" t="s">
        <v>10734</v>
      </c>
      <c r="H29848" t="s">
        <v>10735</v>
      </c>
      <c r="I29848" s="2">
        <v>0</v>
      </c>
      <c r="J29848" s="2">
        <v>0</v>
      </c>
      <c r="K29848" s="2">
        <v>1</v>
      </c>
      <c r="L29848" t="s">
        <v>995</v>
      </c>
      <c r="M29848" t="s">
        <v>89</v>
      </c>
      <c r="N29848" t="s">
        <v>90</v>
      </c>
      <c r="O29848" t="s">
        <v>85</v>
      </c>
      <c r="P29848" t="s">
        <v>86</v>
      </c>
      <c r="Q29848">
        <v>29</v>
      </c>
      <c r="R29848">
        <v>29</v>
      </c>
      <c r="S29848">
        <v>30</v>
      </c>
      <c r="T29848">
        <v>31</v>
      </c>
      <c r="U29848">
        <v>32</v>
      </c>
      <c r="V29848">
        <v>32</v>
      </c>
      <c r="W29848">
        <v>33</v>
      </c>
      <c r="X29848">
        <v>34</v>
      </c>
      <c r="Y29848">
        <v>34</v>
      </c>
      <c r="Z29848">
        <v>35</v>
      </c>
      <c r="AA29848">
        <v>35</v>
      </c>
      <c r="AB29848">
        <v>36</v>
      </c>
      <c r="AC29848">
        <v>37</v>
      </c>
      <c r="AD29848">
        <v>37</v>
      </c>
      <c r="AE29848">
        <v>38</v>
      </c>
      <c r="AF29848">
        <v>38</v>
      </c>
      <c r="AG29848">
        <v>38</v>
      </c>
      <c r="AH29848">
        <v>38</v>
      </c>
      <c r="AI29848">
        <v>38</v>
      </c>
      <c r="AJ29848">
        <v>38</v>
      </c>
      <c r="AK29848">
        <v>38</v>
      </c>
      <c r="AL29848">
        <v>38</v>
      </c>
      <c r="AM29848">
        <v>38</v>
      </c>
      <c r="AN29848">
        <v>38</v>
      </c>
      <c r="AO29848">
        <v>39</v>
      </c>
      <c r="AP29848">
        <v>39</v>
      </c>
      <c r="AQ29848">
        <v>39</v>
      </c>
    </row>
    <row r="29849" spans="1:43">
      <c r="A29849" t="s">
        <v>18493</v>
      </c>
      <c r="B29849" t="s">
        <v>18494</v>
      </c>
      <c r="C29849" t="s">
        <v>18487</v>
      </c>
      <c r="D29849" t="s">
        <v>18488</v>
      </c>
      <c r="E29849" t="s">
        <v>18345</v>
      </c>
      <c r="F29849" t="s">
        <v>18346</v>
      </c>
      <c r="G29849" t="s">
        <v>10734</v>
      </c>
      <c r="H29849" t="s">
        <v>10735</v>
      </c>
      <c r="I29849" s="2">
        <v>0</v>
      </c>
      <c r="J29849" s="2">
        <v>0</v>
      </c>
      <c r="K29849" s="2">
        <v>1</v>
      </c>
      <c r="L29849" t="s">
        <v>995</v>
      </c>
      <c r="M29849" t="s">
        <v>83</v>
      </c>
      <c r="N29849" t="s">
        <v>91</v>
      </c>
      <c r="O29849" t="s">
        <v>85</v>
      </c>
      <c r="P29849" t="s">
        <v>86</v>
      </c>
      <c r="Q29849">
        <v>29</v>
      </c>
      <c r="R29849">
        <v>30</v>
      </c>
      <c r="S29849">
        <v>30</v>
      </c>
      <c r="T29849">
        <v>31</v>
      </c>
      <c r="U29849">
        <v>31</v>
      </c>
      <c r="V29849">
        <v>32</v>
      </c>
      <c r="W29849">
        <v>32</v>
      </c>
      <c r="X29849">
        <v>33</v>
      </c>
      <c r="Y29849">
        <v>33</v>
      </c>
      <c r="Z29849">
        <v>34</v>
      </c>
      <c r="AA29849">
        <v>34</v>
      </c>
      <c r="AB29849">
        <v>35</v>
      </c>
      <c r="AC29849">
        <v>35</v>
      </c>
      <c r="AD29849">
        <v>36</v>
      </c>
      <c r="AE29849">
        <v>36</v>
      </c>
      <c r="AF29849">
        <v>36</v>
      </c>
      <c r="AG29849">
        <v>37</v>
      </c>
      <c r="AH29849">
        <v>37</v>
      </c>
      <c r="AI29849">
        <v>38</v>
      </c>
      <c r="AJ29849">
        <v>38</v>
      </c>
      <c r="AK29849">
        <v>39</v>
      </c>
      <c r="AL29849">
        <v>39</v>
      </c>
      <c r="AM29849">
        <v>39</v>
      </c>
      <c r="AN29849">
        <v>39</v>
      </c>
      <c r="AO29849">
        <v>39</v>
      </c>
      <c r="AP29849">
        <v>39</v>
      </c>
      <c r="AQ29849">
        <v>39</v>
      </c>
    </row>
    <row r="29850" spans="1:43">
      <c r="A29850" t="s">
        <v>18495</v>
      </c>
      <c r="B29850" t="s">
        <v>18496</v>
      </c>
      <c r="C29850" t="s">
        <v>18487</v>
      </c>
      <c r="D29850" t="s">
        <v>18488</v>
      </c>
      <c r="E29850" t="s">
        <v>18345</v>
      </c>
      <c r="F29850" t="s">
        <v>18346</v>
      </c>
      <c r="G29850" t="s">
        <v>10734</v>
      </c>
      <c r="H29850" t="s">
        <v>10735</v>
      </c>
      <c r="I29850" s="2">
        <v>0</v>
      </c>
      <c r="J29850" s="2">
        <v>0</v>
      </c>
      <c r="K29850" s="2">
        <v>1</v>
      </c>
      <c r="L29850" t="s">
        <v>995</v>
      </c>
      <c r="M29850" t="s">
        <v>83</v>
      </c>
      <c r="N29850" t="s">
        <v>84</v>
      </c>
      <c r="O29850" t="s">
        <v>85</v>
      </c>
      <c r="P29850" t="s">
        <v>86</v>
      </c>
      <c r="Q29850">
        <v>20</v>
      </c>
      <c r="R29850">
        <v>20</v>
      </c>
      <c r="S29850">
        <v>21</v>
      </c>
      <c r="T29850">
        <v>21</v>
      </c>
      <c r="U29850">
        <v>21</v>
      </c>
      <c r="V29850">
        <v>22</v>
      </c>
      <c r="W29850">
        <v>22</v>
      </c>
      <c r="X29850">
        <v>22</v>
      </c>
      <c r="Y29850">
        <v>23</v>
      </c>
      <c r="Z29850">
        <v>23</v>
      </c>
      <c r="AA29850">
        <v>23</v>
      </c>
      <c r="AB29850">
        <v>24</v>
      </c>
      <c r="AC29850">
        <v>24</v>
      </c>
      <c r="AD29850">
        <v>24</v>
      </c>
      <c r="AE29850">
        <v>25</v>
      </c>
      <c r="AF29850">
        <v>25</v>
      </c>
      <c r="AG29850">
        <v>25</v>
      </c>
      <c r="AH29850">
        <v>26</v>
      </c>
      <c r="AI29850">
        <v>26</v>
      </c>
      <c r="AJ29850">
        <v>26</v>
      </c>
      <c r="AK29850">
        <v>26</v>
      </c>
      <c r="AL29850">
        <v>27</v>
      </c>
      <c r="AM29850">
        <v>27</v>
      </c>
      <c r="AN29850">
        <v>27</v>
      </c>
      <c r="AO29850">
        <v>27</v>
      </c>
      <c r="AP29850">
        <v>27</v>
      </c>
      <c r="AQ29850">
        <v>27</v>
      </c>
    </row>
    <row r="29851" spans="1:43">
      <c r="A29851" t="s">
        <v>18495</v>
      </c>
      <c r="B29851" t="s">
        <v>18496</v>
      </c>
      <c r="C29851" t="s">
        <v>18487</v>
      </c>
      <c r="D29851" t="s">
        <v>18488</v>
      </c>
      <c r="E29851" t="s">
        <v>18345</v>
      </c>
      <c r="F29851" t="s">
        <v>18346</v>
      </c>
      <c r="G29851" t="s">
        <v>10734</v>
      </c>
      <c r="H29851" t="s">
        <v>10735</v>
      </c>
      <c r="I29851" s="2">
        <v>0</v>
      </c>
      <c r="J29851" s="2">
        <v>0</v>
      </c>
      <c r="K29851" s="2">
        <v>1</v>
      </c>
      <c r="L29851" t="s">
        <v>995</v>
      </c>
      <c r="M29851" t="s">
        <v>87</v>
      </c>
      <c r="N29851" t="s">
        <v>88</v>
      </c>
      <c r="O29851" t="s">
        <v>85</v>
      </c>
      <c r="P29851" t="s">
        <v>86</v>
      </c>
      <c r="Q29851">
        <v>20</v>
      </c>
      <c r="R29851">
        <v>20</v>
      </c>
      <c r="S29851">
        <v>20</v>
      </c>
      <c r="T29851">
        <v>20</v>
      </c>
      <c r="U29851">
        <v>20</v>
      </c>
      <c r="V29851">
        <v>21</v>
      </c>
      <c r="W29851">
        <v>21</v>
      </c>
      <c r="X29851">
        <v>21</v>
      </c>
      <c r="Y29851">
        <v>21</v>
      </c>
      <c r="Z29851">
        <v>21</v>
      </c>
      <c r="AA29851">
        <v>21</v>
      </c>
      <c r="AB29851">
        <v>21</v>
      </c>
      <c r="AC29851">
        <v>22</v>
      </c>
      <c r="AD29851">
        <v>22</v>
      </c>
      <c r="AE29851">
        <v>22</v>
      </c>
      <c r="AF29851">
        <v>22</v>
      </c>
      <c r="AG29851">
        <v>22</v>
      </c>
      <c r="AH29851">
        <v>22</v>
      </c>
      <c r="AI29851">
        <v>22</v>
      </c>
      <c r="AJ29851">
        <v>22</v>
      </c>
      <c r="AK29851">
        <v>23</v>
      </c>
      <c r="AL29851">
        <v>23</v>
      </c>
      <c r="AM29851">
        <v>23</v>
      </c>
      <c r="AN29851">
        <v>23</v>
      </c>
      <c r="AO29851">
        <v>23</v>
      </c>
      <c r="AP29851">
        <v>23</v>
      </c>
      <c r="AQ29851">
        <v>23</v>
      </c>
    </row>
    <row r="29852" spans="1:43">
      <c r="A29852" t="s">
        <v>18495</v>
      </c>
      <c r="B29852" t="s">
        <v>18496</v>
      </c>
      <c r="C29852" t="s">
        <v>18487</v>
      </c>
      <c r="D29852" t="s">
        <v>18488</v>
      </c>
      <c r="E29852" t="s">
        <v>18345</v>
      </c>
      <c r="F29852" t="s">
        <v>18346</v>
      </c>
      <c r="G29852" t="s">
        <v>10734</v>
      </c>
      <c r="H29852" t="s">
        <v>10735</v>
      </c>
      <c r="I29852" s="2">
        <v>0</v>
      </c>
      <c r="J29852" s="2">
        <v>0</v>
      </c>
      <c r="K29852" s="2">
        <v>1</v>
      </c>
      <c r="L29852" t="s">
        <v>995</v>
      </c>
      <c r="M29852" t="s">
        <v>89</v>
      </c>
      <c r="N29852" t="s">
        <v>90</v>
      </c>
      <c r="O29852" t="s">
        <v>85</v>
      </c>
      <c r="P29852" t="s">
        <v>86</v>
      </c>
      <c r="Q29852">
        <v>20</v>
      </c>
      <c r="R29852">
        <v>21</v>
      </c>
      <c r="S29852">
        <v>21</v>
      </c>
      <c r="T29852">
        <v>22</v>
      </c>
      <c r="U29852">
        <v>22</v>
      </c>
      <c r="V29852">
        <v>23</v>
      </c>
      <c r="W29852">
        <v>23</v>
      </c>
      <c r="X29852">
        <v>24</v>
      </c>
      <c r="Y29852">
        <v>24</v>
      </c>
      <c r="Z29852">
        <v>25</v>
      </c>
      <c r="AA29852">
        <v>25</v>
      </c>
      <c r="AB29852">
        <v>25</v>
      </c>
      <c r="AC29852">
        <v>26</v>
      </c>
      <c r="AD29852">
        <v>26</v>
      </c>
      <c r="AE29852">
        <v>26</v>
      </c>
      <c r="AF29852">
        <v>26</v>
      </c>
      <c r="AG29852">
        <v>27</v>
      </c>
      <c r="AH29852">
        <v>27</v>
      </c>
      <c r="AI29852">
        <v>27</v>
      </c>
      <c r="AJ29852">
        <v>27</v>
      </c>
      <c r="AK29852">
        <v>27</v>
      </c>
      <c r="AL29852">
        <v>27</v>
      </c>
      <c r="AM29852">
        <v>27</v>
      </c>
      <c r="AN29852">
        <v>27</v>
      </c>
      <c r="AO29852">
        <v>27</v>
      </c>
      <c r="AP29852">
        <v>27</v>
      </c>
      <c r="AQ29852">
        <v>27</v>
      </c>
    </row>
    <row r="29853" spans="1:43">
      <c r="A29853" t="s">
        <v>18495</v>
      </c>
      <c r="B29853" t="s">
        <v>18496</v>
      </c>
      <c r="C29853" t="s">
        <v>18487</v>
      </c>
      <c r="D29853" t="s">
        <v>18488</v>
      </c>
      <c r="E29853" t="s">
        <v>18345</v>
      </c>
      <c r="F29853" t="s">
        <v>18346</v>
      </c>
      <c r="G29853" t="s">
        <v>10734</v>
      </c>
      <c r="H29853" t="s">
        <v>10735</v>
      </c>
      <c r="I29853" s="2">
        <v>0</v>
      </c>
      <c r="J29853" s="2">
        <v>0</v>
      </c>
      <c r="K29853" s="2">
        <v>1</v>
      </c>
      <c r="L29853" t="s">
        <v>995</v>
      </c>
      <c r="M29853" t="s">
        <v>83</v>
      </c>
      <c r="N29853" t="s">
        <v>91</v>
      </c>
      <c r="O29853" t="s">
        <v>85</v>
      </c>
      <c r="P29853" t="s">
        <v>86</v>
      </c>
      <c r="Q29853">
        <v>20</v>
      </c>
      <c r="R29853">
        <v>20</v>
      </c>
      <c r="S29853">
        <v>21</v>
      </c>
      <c r="T29853">
        <v>21</v>
      </c>
      <c r="U29853">
        <v>21</v>
      </c>
      <c r="V29853">
        <v>22</v>
      </c>
      <c r="W29853">
        <v>22</v>
      </c>
      <c r="X29853">
        <v>22</v>
      </c>
      <c r="Y29853">
        <v>23</v>
      </c>
      <c r="Z29853">
        <v>23</v>
      </c>
      <c r="AA29853">
        <v>23</v>
      </c>
      <c r="AB29853">
        <v>24</v>
      </c>
      <c r="AC29853">
        <v>24</v>
      </c>
      <c r="AD29853">
        <v>24</v>
      </c>
      <c r="AE29853">
        <v>25</v>
      </c>
      <c r="AF29853">
        <v>25</v>
      </c>
      <c r="AG29853">
        <v>25</v>
      </c>
      <c r="AH29853">
        <v>26</v>
      </c>
      <c r="AI29853">
        <v>26</v>
      </c>
      <c r="AJ29853">
        <v>26</v>
      </c>
      <c r="AK29853">
        <v>26</v>
      </c>
      <c r="AL29853">
        <v>27</v>
      </c>
      <c r="AM29853">
        <v>27</v>
      </c>
      <c r="AN29853">
        <v>27</v>
      </c>
      <c r="AO29853">
        <v>27</v>
      </c>
      <c r="AP29853">
        <v>27</v>
      </c>
      <c r="AQ29853">
        <v>27</v>
      </c>
    </row>
    <row r="29854" spans="1:43">
      <c r="A29854" t="s">
        <v>18497</v>
      </c>
      <c r="B29854" t="s">
        <v>18498</v>
      </c>
      <c r="C29854" t="s">
        <v>18499</v>
      </c>
      <c r="D29854" t="s">
        <v>18500</v>
      </c>
      <c r="E29854" t="s">
        <v>18345</v>
      </c>
      <c r="F29854" t="s">
        <v>18346</v>
      </c>
      <c r="G29854" t="s">
        <v>10734</v>
      </c>
      <c r="H29854" t="s">
        <v>10735</v>
      </c>
      <c r="I29854" s="2">
        <v>0</v>
      </c>
      <c r="J29854" s="2">
        <v>0</v>
      </c>
      <c r="K29854" s="2">
        <v>1</v>
      </c>
      <c r="L29854" t="s">
        <v>995</v>
      </c>
      <c r="M29854" t="s">
        <v>83</v>
      </c>
      <c r="N29854" t="s">
        <v>84</v>
      </c>
      <c r="O29854" t="s">
        <v>85</v>
      </c>
      <c r="P29854" t="s">
        <v>86</v>
      </c>
      <c r="Q29854">
        <v>39</v>
      </c>
      <c r="R29854">
        <v>40</v>
      </c>
      <c r="S29854">
        <v>40</v>
      </c>
      <c r="T29854">
        <v>41</v>
      </c>
      <c r="U29854">
        <v>42</v>
      </c>
      <c r="V29854">
        <v>42</v>
      </c>
      <c r="W29854">
        <v>43</v>
      </c>
      <c r="X29854">
        <v>44</v>
      </c>
      <c r="Y29854">
        <v>44</v>
      </c>
      <c r="Z29854">
        <v>45</v>
      </c>
      <c r="AA29854">
        <v>46</v>
      </c>
      <c r="AB29854">
        <v>46</v>
      </c>
      <c r="AC29854">
        <v>47</v>
      </c>
      <c r="AD29854">
        <v>47</v>
      </c>
      <c r="AE29854">
        <v>48</v>
      </c>
      <c r="AF29854">
        <v>49</v>
      </c>
      <c r="AG29854">
        <v>49</v>
      </c>
      <c r="AH29854">
        <v>50</v>
      </c>
      <c r="AI29854">
        <v>50</v>
      </c>
      <c r="AJ29854">
        <v>51</v>
      </c>
      <c r="AK29854">
        <v>52</v>
      </c>
      <c r="AL29854">
        <v>52</v>
      </c>
      <c r="AM29854">
        <v>52</v>
      </c>
      <c r="AN29854">
        <v>52</v>
      </c>
      <c r="AO29854">
        <v>52</v>
      </c>
      <c r="AP29854">
        <v>52</v>
      </c>
      <c r="AQ29854">
        <v>52</v>
      </c>
    </row>
    <row r="29855" spans="1:43">
      <c r="A29855" t="s">
        <v>18497</v>
      </c>
      <c r="B29855" t="s">
        <v>18498</v>
      </c>
      <c r="C29855" t="s">
        <v>18499</v>
      </c>
      <c r="D29855" t="s">
        <v>18500</v>
      </c>
      <c r="E29855" t="s">
        <v>18345</v>
      </c>
      <c r="F29855" t="s">
        <v>18346</v>
      </c>
      <c r="G29855" t="s">
        <v>10734</v>
      </c>
      <c r="H29855" t="s">
        <v>10735</v>
      </c>
      <c r="I29855" s="2">
        <v>0</v>
      </c>
      <c r="J29855" s="2">
        <v>0</v>
      </c>
      <c r="K29855" s="2">
        <v>1</v>
      </c>
      <c r="L29855" t="s">
        <v>995</v>
      </c>
      <c r="M29855" t="s">
        <v>87</v>
      </c>
      <c r="N29855" t="s">
        <v>88</v>
      </c>
      <c r="O29855" t="s">
        <v>85</v>
      </c>
      <c r="P29855" t="s">
        <v>86</v>
      </c>
      <c r="Q29855">
        <v>39</v>
      </c>
      <c r="R29855">
        <v>39</v>
      </c>
      <c r="S29855">
        <v>39</v>
      </c>
      <c r="T29855">
        <v>40</v>
      </c>
      <c r="U29855">
        <v>40</v>
      </c>
      <c r="V29855">
        <v>40</v>
      </c>
      <c r="W29855">
        <v>40</v>
      </c>
      <c r="X29855">
        <v>41</v>
      </c>
      <c r="Y29855">
        <v>41</v>
      </c>
      <c r="Z29855">
        <v>41</v>
      </c>
      <c r="AA29855">
        <v>42</v>
      </c>
      <c r="AB29855">
        <v>42</v>
      </c>
      <c r="AC29855">
        <v>42</v>
      </c>
      <c r="AD29855">
        <v>42</v>
      </c>
      <c r="AE29855">
        <v>43</v>
      </c>
      <c r="AF29855">
        <v>43</v>
      </c>
      <c r="AG29855">
        <v>43</v>
      </c>
      <c r="AH29855">
        <v>43</v>
      </c>
      <c r="AI29855">
        <v>44</v>
      </c>
      <c r="AJ29855">
        <v>44</v>
      </c>
      <c r="AK29855">
        <v>44</v>
      </c>
      <c r="AL29855">
        <v>44</v>
      </c>
      <c r="AM29855">
        <v>45</v>
      </c>
      <c r="AN29855">
        <v>45</v>
      </c>
      <c r="AO29855">
        <v>45</v>
      </c>
      <c r="AP29855">
        <v>45</v>
      </c>
      <c r="AQ29855">
        <v>46</v>
      </c>
    </row>
    <row r="29856" spans="1:43">
      <c r="A29856" t="s">
        <v>18497</v>
      </c>
      <c r="B29856" t="s">
        <v>18498</v>
      </c>
      <c r="C29856" t="s">
        <v>18499</v>
      </c>
      <c r="D29856" t="s">
        <v>18500</v>
      </c>
      <c r="E29856" t="s">
        <v>18345</v>
      </c>
      <c r="F29856" t="s">
        <v>18346</v>
      </c>
      <c r="G29856" t="s">
        <v>10734</v>
      </c>
      <c r="H29856" t="s">
        <v>10735</v>
      </c>
      <c r="I29856" s="2">
        <v>0</v>
      </c>
      <c r="J29856" s="2">
        <v>0</v>
      </c>
      <c r="K29856" s="2">
        <v>1</v>
      </c>
      <c r="L29856" t="s">
        <v>995</v>
      </c>
      <c r="M29856" t="s">
        <v>89</v>
      </c>
      <c r="N29856" t="s">
        <v>90</v>
      </c>
      <c r="O29856" t="s">
        <v>85</v>
      </c>
      <c r="P29856" t="s">
        <v>86</v>
      </c>
      <c r="Q29856">
        <v>39</v>
      </c>
      <c r="R29856">
        <v>40</v>
      </c>
      <c r="S29856">
        <v>41</v>
      </c>
      <c r="T29856">
        <v>41</v>
      </c>
      <c r="U29856">
        <v>42</v>
      </c>
      <c r="V29856">
        <v>43</v>
      </c>
      <c r="W29856">
        <v>44</v>
      </c>
      <c r="X29856">
        <v>45</v>
      </c>
      <c r="Y29856">
        <v>46</v>
      </c>
      <c r="Z29856">
        <v>47</v>
      </c>
      <c r="AA29856">
        <v>47</v>
      </c>
      <c r="AB29856">
        <v>48</v>
      </c>
      <c r="AC29856">
        <v>49</v>
      </c>
      <c r="AD29856">
        <v>50</v>
      </c>
      <c r="AE29856">
        <v>50</v>
      </c>
      <c r="AF29856">
        <v>51</v>
      </c>
      <c r="AG29856">
        <v>51</v>
      </c>
      <c r="AH29856">
        <v>51</v>
      </c>
      <c r="AI29856">
        <v>51</v>
      </c>
      <c r="AJ29856">
        <v>51</v>
      </c>
      <c r="AK29856">
        <v>51</v>
      </c>
      <c r="AL29856">
        <v>51</v>
      </c>
      <c r="AM29856">
        <v>51</v>
      </c>
      <c r="AN29856">
        <v>52</v>
      </c>
      <c r="AO29856">
        <v>52</v>
      </c>
      <c r="AP29856">
        <v>52</v>
      </c>
      <c r="AQ29856">
        <v>52</v>
      </c>
    </row>
    <row r="29857" spans="1:43">
      <c r="A29857" t="s">
        <v>18497</v>
      </c>
      <c r="B29857" t="s">
        <v>18498</v>
      </c>
      <c r="C29857" t="s">
        <v>18499</v>
      </c>
      <c r="D29857" t="s">
        <v>18500</v>
      </c>
      <c r="E29857" t="s">
        <v>18345</v>
      </c>
      <c r="F29857" t="s">
        <v>18346</v>
      </c>
      <c r="G29857" t="s">
        <v>10734</v>
      </c>
      <c r="H29857" t="s">
        <v>10735</v>
      </c>
      <c r="I29857" s="2">
        <v>0</v>
      </c>
      <c r="J29857" s="2">
        <v>0</v>
      </c>
      <c r="K29857" s="2">
        <v>1</v>
      </c>
      <c r="L29857" t="s">
        <v>995</v>
      </c>
      <c r="M29857" t="s">
        <v>83</v>
      </c>
      <c r="N29857" t="s">
        <v>91</v>
      </c>
      <c r="O29857" t="s">
        <v>85</v>
      </c>
      <c r="P29857" t="s">
        <v>86</v>
      </c>
      <c r="Q29857">
        <v>39</v>
      </c>
      <c r="R29857">
        <v>40</v>
      </c>
      <c r="S29857">
        <v>40</v>
      </c>
      <c r="T29857">
        <v>41</v>
      </c>
      <c r="U29857">
        <v>42</v>
      </c>
      <c r="V29857">
        <v>42</v>
      </c>
      <c r="W29857">
        <v>43</v>
      </c>
      <c r="X29857">
        <v>44</v>
      </c>
      <c r="Y29857">
        <v>44</v>
      </c>
      <c r="Z29857">
        <v>45</v>
      </c>
      <c r="AA29857">
        <v>46</v>
      </c>
      <c r="AB29857">
        <v>46</v>
      </c>
      <c r="AC29857">
        <v>47</v>
      </c>
      <c r="AD29857">
        <v>47</v>
      </c>
      <c r="AE29857">
        <v>48</v>
      </c>
      <c r="AF29857">
        <v>49</v>
      </c>
      <c r="AG29857">
        <v>49</v>
      </c>
      <c r="AH29857">
        <v>50</v>
      </c>
      <c r="AI29857">
        <v>50</v>
      </c>
      <c r="AJ29857">
        <v>51</v>
      </c>
      <c r="AK29857">
        <v>52</v>
      </c>
      <c r="AL29857">
        <v>52</v>
      </c>
      <c r="AM29857">
        <v>52</v>
      </c>
      <c r="AN29857">
        <v>52</v>
      </c>
      <c r="AO29857">
        <v>52</v>
      </c>
      <c r="AP29857">
        <v>52</v>
      </c>
      <c r="AQ29857">
        <v>52</v>
      </c>
    </row>
    <row r="29858" spans="1:43">
      <c r="A29858" t="s">
        <v>18501</v>
      </c>
      <c r="B29858" t="s">
        <v>18502</v>
      </c>
      <c r="C29858" t="s">
        <v>18397</v>
      </c>
      <c r="D29858" t="s">
        <v>18398</v>
      </c>
      <c r="E29858" t="s">
        <v>18345</v>
      </c>
      <c r="F29858" t="s">
        <v>18346</v>
      </c>
      <c r="G29858" t="s">
        <v>10734</v>
      </c>
      <c r="H29858" t="s">
        <v>10735</v>
      </c>
      <c r="I29858" s="2">
        <v>0</v>
      </c>
      <c r="J29858" s="2">
        <v>0</v>
      </c>
      <c r="K29858" s="2">
        <v>1</v>
      </c>
      <c r="L29858" t="s">
        <v>995</v>
      </c>
      <c r="M29858" t="s">
        <v>83</v>
      </c>
      <c r="N29858" t="s">
        <v>84</v>
      </c>
      <c r="O29858" t="s">
        <v>85</v>
      </c>
      <c r="P29858" t="s">
        <v>86</v>
      </c>
      <c r="Q29858">
        <v>16</v>
      </c>
      <c r="R29858">
        <v>16</v>
      </c>
      <c r="S29858">
        <v>16</v>
      </c>
      <c r="T29858">
        <v>16</v>
      </c>
      <c r="U29858">
        <v>17</v>
      </c>
      <c r="V29858">
        <v>17</v>
      </c>
      <c r="W29858">
        <v>17</v>
      </c>
      <c r="X29858">
        <v>17</v>
      </c>
      <c r="Y29858">
        <v>17</v>
      </c>
      <c r="Z29858">
        <v>18</v>
      </c>
      <c r="AA29858">
        <v>18</v>
      </c>
      <c r="AB29858">
        <v>18</v>
      </c>
      <c r="AC29858">
        <v>18</v>
      </c>
      <c r="AD29858">
        <v>19</v>
      </c>
      <c r="AE29858">
        <v>19</v>
      </c>
      <c r="AF29858">
        <v>19</v>
      </c>
      <c r="AG29858">
        <v>19</v>
      </c>
      <c r="AH29858">
        <v>20</v>
      </c>
      <c r="AI29858">
        <v>20</v>
      </c>
      <c r="AJ29858">
        <v>20</v>
      </c>
      <c r="AK29858">
        <v>20</v>
      </c>
      <c r="AL29858">
        <v>20</v>
      </c>
      <c r="AM29858">
        <v>20</v>
      </c>
      <c r="AN29858">
        <v>20</v>
      </c>
      <c r="AO29858">
        <v>20</v>
      </c>
      <c r="AP29858">
        <v>20</v>
      </c>
      <c r="AQ29858">
        <v>20</v>
      </c>
    </row>
    <row r="29859" spans="1:43">
      <c r="A29859" t="s">
        <v>18501</v>
      </c>
      <c r="B29859" t="s">
        <v>18502</v>
      </c>
      <c r="C29859" t="s">
        <v>18397</v>
      </c>
      <c r="D29859" t="s">
        <v>18398</v>
      </c>
      <c r="E29859" t="s">
        <v>18345</v>
      </c>
      <c r="F29859" t="s">
        <v>18346</v>
      </c>
      <c r="G29859" t="s">
        <v>10734</v>
      </c>
      <c r="H29859" t="s">
        <v>10735</v>
      </c>
      <c r="I29859" s="2">
        <v>0</v>
      </c>
      <c r="J29859" s="2">
        <v>0</v>
      </c>
      <c r="K29859" s="2">
        <v>1</v>
      </c>
      <c r="L29859" t="s">
        <v>995</v>
      </c>
      <c r="M29859" t="s">
        <v>87</v>
      </c>
      <c r="N29859" t="s">
        <v>88</v>
      </c>
      <c r="O29859" t="s">
        <v>85</v>
      </c>
      <c r="P29859" t="s">
        <v>86</v>
      </c>
      <c r="Q29859">
        <v>16</v>
      </c>
      <c r="R29859">
        <v>16</v>
      </c>
      <c r="S29859">
        <v>17</v>
      </c>
      <c r="T29859">
        <v>17</v>
      </c>
      <c r="U29859">
        <v>17</v>
      </c>
      <c r="V29859">
        <v>17</v>
      </c>
      <c r="W29859">
        <v>17</v>
      </c>
      <c r="X29859">
        <v>17</v>
      </c>
      <c r="Y29859">
        <v>17</v>
      </c>
      <c r="Z29859">
        <v>17</v>
      </c>
      <c r="AA29859">
        <v>17</v>
      </c>
      <c r="AB29859">
        <v>17</v>
      </c>
      <c r="AC29859">
        <v>18</v>
      </c>
      <c r="AD29859">
        <v>18</v>
      </c>
      <c r="AE29859">
        <v>18</v>
      </c>
      <c r="AF29859">
        <v>18</v>
      </c>
      <c r="AG29859">
        <v>18</v>
      </c>
      <c r="AH29859">
        <v>18</v>
      </c>
      <c r="AI29859">
        <v>18</v>
      </c>
      <c r="AJ29859">
        <v>18</v>
      </c>
      <c r="AK29859">
        <v>18</v>
      </c>
      <c r="AL29859">
        <v>18</v>
      </c>
      <c r="AM29859">
        <v>18</v>
      </c>
      <c r="AN29859">
        <v>19</v>
      </c>
      <c r="AO29859">
        <v>19</v>
      </c>
      <c r="AP29859">
        <v>19</v>
      </c>
      <c r="AQ29859">
        <v>19</v>
      </c>
    </row>
    <row r="29860" spans="1:43">
      <c r="A29860" t="s">
        <v>18501</v>
      </c>
      <c r="B29860" t="s">
        <v>18502</v>
      </c>
      <c r="C29860" t="s">
        <v>18397</v>
      </c>
      <c r="D29860" t="s">
        <v>18398</v>
      </c>
      <c r="E29860" t="s">
        <v>18345</v>
      </c>
      <c r="F29860" t="s">
        <v>18346</v>
      </c>
      <c r="G29860" t="s">
        <v>10734</v>
      </c>
      <c r="H29860" t="s">
        <v>10735</v>
      </c>
      <c r="I29860" s="2">
        <v>0</v>
      </c>
      <c r="J29860" s="2">
        <v>0</v>
      </c>
      <c r="K29860" s="2">
        <v>1</v>
      </c>
      <c r="L29860" t="s">
        <v>995</v>
      </c>
      <c r="M29860" t="s">
        <v>89</v>
      </c>
      <c r="N29860" t="s">
        <v>90</v>
      </c>
      <c r="O29860" t="s">
        <v>85</v>
      </c>
      <c r="P29860" t="s">
        <v>86</v>
      </c>
      <c r="Q29860">
        <v>16</v>
      </c>
      <c r="R29860">
        <v>16</v>
      </c>
      <c r="S29860">
        <v>16</v>
      </c>
      <c r="T29860">
        <v>17</v>
      </c>
      <c r="U29860">
        <v>17</v>
      </c>
      <c r="V29860">
        <v>18</v>
      </c>
      <c r="W29860">
        <v>18</v>
      </c>
      <c r="X29860">
        <v>18</v>
      </c>
      <c r="Y29860">
        <v>19</v>
      </c>
      <c r="Z29860">
        <v>19</v>
      </c>
      <c r="AA29860">
        <v>19</v>
      </c>
      <c r="AB29860">
        <v>19</v>
      </c>
      <c r="AC29860">
        <v>20</v>
      </c>
      <c r="AD29860">
        <v>20</v>
      </c>
      <c r="AE29860">
        <v>20</v>
      </c>
      <c r="AF29860">
        <v>20</v>
      </c>
      <c r="AG29860">
        <v>20</v>
      </c>
      <c r="AH29860">
        <v>20</v>
      </c>
      <c r="AI29860">
        <v>20</v>
      </c>
      <c r="AJ29860">
        <v>20</v>
      </c>
      <c r="AK29860">
        <v>20</v>
      </c>
      <c r="AL29860">
        <v>20</v>
      </c>
      <c r="AM29860">
        <v>20</v>
      </c>
      <c r="AN29860">
        <v>21</v>
      </c>
      <c r="AO29860">
        <v>21</v>
      </c>
      <c r="AP29860">
        <v>21</v>
      </c>
      <c r="AQ29860">
        <v>21</v>
      </c>
    </row>
    <row r="29861" spans="1:43">
      <c r="A29861" t="s">
        <v>18501</v>
      </c>
      <c r="B29861" t="s">
        <v>18502</v>
      </c>
      <c r="C29861" t="s">
        <v>18397</v>
      </c>
      <c r="D29861" t="s">
        <v>18398</v>
      </c>
      <c r="E29861" t="s">
        <v>18345</v>
      </c>
      <c r="F29861" t="s">
        <v>18346</v>
      </c>
      <c r="G29861" t="s">
        <v>10734</v>
      </c>
      <c r="H29861" t="s">
        <v>10735</v>
      </c>
      <c r="I29861" s="2">
        <v>0</v>
      </c>
      <c r="J29861" s="2">
        <v>0</v>
      </c>
      <c r="K29861" s="2">
        <v>1</v>
      </c>
      <c r="L29861" t="s">
        <v>995</v>
      </c>
      <c r="M29861" t="s">
        <v>83</v>
      </c>
      <c r="N29861" t="s">
        <v>91</v>
      </c>
      <c r="O29861" t="s">
        <v>85</v>
      </c>
      <c r="P29861" t="s">
        <v>86</v>
      </c>
      <c r="Q29861">
        <v>16</v>
      </c>
      <c r="R29861">
        <v>16</v>
      </c>
      <c r="S29861">
        <v>16</v>
      </c>
      <c r="T29861">
        <v>16</v>
      </c>
      <c r="U29861">
        <v>17</v>
      </c>
      <c r="V29861">
        <v>17</v>
      </c>
      <c r="W29861">
        <v>17</v>
      </c>
      <c r="X29861">
        <v>17</v>
      </c>
      <c r="Y29861">
        <v>17</v>
      </c>
      <c r="Z29861">
        <v>18</v>
      </c>
      <c r="AA29861">
        <v>18</v>
      </c>
      <c r="AB29861">
        <v>18</v>
      </c>
      <c r="AC29861">
        <v>18</v>
      </c>
      <c r="AD29861">
        <v>19</v>
      </c>
      <c r="AE29861">
        <v>19</v>
      </c>
      <c r="AF29861">
        <v>19</v>
      </c>
      <c r="AG29861">
        <v>19</v>
      </c>
      <c r="AH29861">
        <v>20</v>
      </c>
      <c r="AI29861">
        <v>20</v>
      </c>
      <c r="AJ29861">
        <v>20</v>
      </c>
      <c r="AK29861">
        <v>20</v>
      </c>
      <c r="AL29861">
        <v>20</v>
      </c>
      <c r="AM29861">
        <v>20</v>
      </c>
      <c r="AN29861">
        <v>20</v>
      </c>
      <c r="AO29861">
        <v>20</v>
      </c>
      <c r="AP29861">
        <v>20</v>
      </c>
      <c r="AQ29861">
        <v>20</v>
      </c>
    </row>
    <row r="29862" spans="1:43">
      <c r="A29862" t="s">
        <v>18503</v>
      </c>
      <c r="B29862" t="s">
        <v>18504</v>
      </c>
      <c r="C29862" t="s">
        <v>18391</v>
      </c>
      <c r="D29862" t="s">
        <v>18392</v>
      </c>
      <c r="E29862" t="s">
        <v>18345</v>
      </c>
      <c r="F29862" t="s">
        <v>18346</v>
      </c>
      <c r="G29862" t="s">
        <v>10734</v>
      </c>
      <c r="H29862" t="s">
        <v>10735</v>
      </c>
      <c r="I29862" s="2">
        <v>0</v>
      </c>
      <c r="J29862" s="2">
        <v>0</v>
      </c>
      <c r="K29862" s="2">
        <v>1</v>
      </c>
      <c r="L29862" t="s">
        <v>995</v>
      </c>
      <c r="M29862" t="s">
        <v>83</v>
      </c>
      <c r="N29862" t="s">
        <v>84</v>
      </c>
      <c r="O29862" t="s">
        <v>85</v>
      </c>
      <c r="P29862" t="s">
        <v>86</v>
      </c>
      <c r="Q29862">
        <v>37</v>
      </c>
      <c r="R29862">
        <v>38</v>
      </c>
      <c r="S29862">
        <v>38</v>
      </c>
      <c r="T29862">
        <v>39</v>
      </c>
      <c r="U29862">
        <v>39</v>
      </c>
      <c r="V29862">
        <v>40</v>
      </c>
      <c r="W29862">
        <v>40</v>
      </c>
      <c r="X29862">
        <v>41</v>
      </c>
      <c r="Y29862">
        <v>42</v>
      </c>
      <c r="Z29862">
        <v>42</v>
      </c>
      <c r="AA29862">
        <v>43</v>
      </c>
      <c r="AB29862">
        <v>43</v>
      </c>
      <c r="AC29862">
        <v>44</v>
      </c>
      <c r="AD29862">
        <v>44</v>
      </c>
      <c r="AE29862">
        <v>45</v>
      </c>
      <c r="AF29862">
        <v>46</v>
      </c>
      <c r="AG29862">
        <v>46</v>
      </c>
      <c r="AH29862">
        <v>47</v>
      </c>
      <c r="AI29862">
        <v>47</v>
      </c>
      <c r="AJ29862">
        <v>48</v>
      </c>
      <c r="AK29862">
        <v>48</v>
      </c>
      <c r="AL29862">
        <v>48</v>
      </c>
      <c r="AM29862">
        <v>49</v>
      </c>
      <c r="AN29862">
        <v>49</v>
      </c>
      <c r="AO29862">
        <v>49</v>
      </c>
      <c r="AP29862">
        <v>49</v>
      </c>
      <c r="AQ29862">
        <v>49</v>
      </c>
    </row>
    <row r="29863" spans="1:43">
      <c r="A29863" t="s">
        <v>18503</v>
      </c>
      <c r="B29863" t="s">
        <v>18504</v>
      </c>
      <c r="C29863" t="s">
        <v>18391</v>
      </c>
      <c r="D29863" t="s">
        <v>18392</v>
      </c>
      <c r="E29863" t="s">
        <v>18345</v>
      </c>
      <c r="F29863" t="s">
        <v>18346</v>
      </c>
      <c r="G29863" t="s">
        <v>10734</v>
      </c>
      <c r="H29863" t="s">
        <v>10735</v>
      </c>
      <c r="I29863" s="2">
        <v>0</v>
      </c>
      <c r="J29863" s="2">
        <v>0</v>
      </c>
      <c r="K29863" s="2">
        <v>1</v>
      </c>
      <c r="L29863" t="s">
        <v>995</v>
      </c>
      <c r="M29863" t="s">
        <v>87</v>
      </c>
      <c r="N29863" t="s">
        <v>88</v>
      </c>
      <c r="O29863" t="s">
        <v>85</v>
      </c>
      <c r="P29863" t="s">
        <v>86</v>
      </c>
      <c r="Q29863">
        <v>37</v>
      </c>
      <c r="R29863">
        <v>37</v>
      </c>
      <c r="S29863">
        <v>37</v>
      </c>
      <c r="T29863">
        <v>37</v>
      </c>
      <c r="U29863">
        <v>38</v>
      </c>
      <c r="V29863">
        <v>38</v>
      </c>
      <c r="W29863">
        <v>38</v>
      </c>
      <c r="X29863">
        <v>38</v>
      </c>
      <c r="Y29863">
        <v>38</v>
      </c>
      <c r="Z29863">
        <v>39</v>
      </c>
      <c r="AA29863">
        <v>39</v>
      </c>
      <c r="AB29863">
        <v>39</v>
      </c>
      <c r="AC29863">
        <v>39</v>
      </c>
      <c r="AD29863">
        <v>40</v>
      </c>
      <c r="AE29863">
        <v>40</v>
      </c>
      <c r="AF29863">
        <v>40</v>
      </c>
      <c r="AG29863">
        <v>40</v>
      </c>
      <c r="AH29863">
        <v>41</v>
      </c>
      <c r="AI29863">
        <v>41</v>
      </c>
      <c r="AJ29863">
        <v>41</v>
      </c>
      <c r="AK29863">
        <v>41</v>
      </c>
      <c r="AL29863">
        <v>41</v>
      </c>
      <c r="AM29863">
        <v>42</v>
      </c>
      <c r="AN29863">
        <v>42</v>
      </c>
      <c r="AO29863">
        <v>42</v>
      </c>
      <c r="AP29863">
        <v>42</v>
      </c>
      <c r="AQ29863">
        <v>42</v>
      </c>
    </row>
    <row r="29864" spans="1:43">
      <c r="A29864" t="s">
        <v>18503</v>
      </c>
      <c r="B29864" t="s">
        <v>18504</v>
      </c>
      <c r="C29864" t="s">
        <v>18391</v>
      </c>
      <c r="D29864" t="s">
        <v>18392</v>
      </c>
      <c r="E29864" t="s">
        <v>18345</v>
      </c>
      <c r="F29864" t="s">
        <v>18346</v>
      </c>
      <c r="G29864" t="s">
        <v>10734</v>
      </c>
      <c r="H29864" t="s">
        <v>10735</v>
      </c>
      <c r="I29864" s="2">
        <v>0</v>
      </c>
      <c r="J29864" s="2">
        <v>0</v>
      </c>
      <c r="K29864" s="2">
        <v>1</v>
      </c>
      <c r="L29864" t="s">
        <v>995</v>
      </c>
      <c r="M29864" t="s">
        <v>89</v>
      </c>
      <c r="N29864" t="s">
        <v>90</v>
      </c>
      <c r="O29864" t="s">
        <v>85</v>
      </c>
      <c r="P29864" t="s">
        <v>86</v>
      </c>
      <c r="Q29864">
        <v>37</v>
      </c>
      <c r="R29864">
        <v>38</v>
      </c>
      <c r="S29864">
        <v>39</v>
      </c>
      <c r="T29864">
        <v>40</v>
      </c>
      <c r="U29864">
        <v>41</v>
      </c>
      <c r="V29864">
        <v>42</v>
      </c>
      <c r="W29864">
        <v>43</v>
      </c>
      <c r="X29864">
        <v>43</v>
      </c>
      <c r="Y29864">
        <v>44</v>
      </c>
      <c r="Z29864">
        <v>45</v>
      </c>
      <c r="AA29864">
        <v>46</v>
      </c>
      <c r="AB29864">
        <v>46</v>
      </c>
      <c r="AC29864">
        <v>47</v>
      </c>
      <c r="AD29864">
        <v>48</v>
      </c>
      <c r="AE29864">
        <v>48</v>
      </c>
      <c r="AF29864">
        <v>48</v>
      </c>
      <c r="AG29864">
        <v>48</v>
      </c>
      <c r="AH29864">
        <v>48</v>
      </c>
      <c r="AI29864">
        <v>49</v>
      </c>
      <c r="AJ29864">
        <v>49</v>
      </c>
      <c r="AK29864">
        <v>49</v>
      </c>
      <c r="AL29864">
        <v>49</v>
      </c>
      <c r="AM29864">
        <v>49</v>
      </c>
      <c r="AN29864">
        <v>49</v>
      </c>
      <c r="AO29864">
        <v>49</v>
      </c>
      <c r="AP29864">
        <v>49</v>
      </c>
      <c r="AQ29864">
        <v>49</v>
      </c>
    </row>
    <row r="29865" spans="1:43">
      <c r="A29865" t="s">
        <v>18503</v>
      </c>
      <c r="B29865" t="s">
        <v>18504</v>
      </c>
      <c r="C29865" t="s">
        <v>18391</v>
      </c>
      <c r="D29865" t="s">
        <v>18392</v>
      </c>
      <c r="E29865" t="s">
        <v>18345</v>
      </c>
      <c r="F29865" t="s">
        <v>18346</v>
      </c>
      <c r="G29865" t="s">
        <v>10734</v>
      </c>
      <c r="H29865" t="s">
        <v>10735</v>
      </c>
      <c r="I29865" s="2">
        <v>0</v>
      </c>
      <c r="J29865" s="2">
        <v>0</v>
      </c>
      <c r="K29865" s="2">
        <v>1</v>
      </c>
      <c r="L29865" t="s">
        <v>995</v>
      </c>
      <c r="M29865" t="s">
        <v>83</v>
      </c>
      <c r="N29865" t="s">
        <v>91</v>
      </c>
      <c r="O29865" t="s">
        <v>85</v>
      </c>
      <c r="P29865" t="s">
        <v>86</v>
      </c>
      <c r="Q29865">
        <v>37</v>
      </c>
      <c r="R29865">
        <v>38</v>
      </c>
      <c r="S29865">
        <v>38</v>
      </c>
      <c r="T29865">
        <v>39</v>
      </c>
      <c r="U29865">
        <v>39</v>
      </c>
      <c r="V29865">
        <v>40</v>
      </c>
      <c r="W29865">
        <v>40</v>
      </c>
      <c r="X29865">
        <v>41</v>
      </c>
      <c r="Y29865">
        <v>42</v>
      </c>
      <c r="Z29865">
        <v>42</v>
      </c>
      <c r="AA29865">
        <v>43</v>
      </c>
      <c r="AB29865">
        <v>43</v>
      </c>
      <c r="AC29865">
        <v>44</v>
      </c>
      <c r="AD29865">
        <v>44</v>
      </c>
      <c r="AE29865">
        <v>45</v>
      </c>
      <c r="AF29865">
        <v>46</v>
      </c>
      <c r="AG29865">
        <v>46</v>
      </c>
      <c r="AH29865">
        <v>47</v>
      </c>
      <c r="AI29865">
        <v>47</v>
      </c>
      <c r="AJ29865">
        <v>48</v>
      </c>
      <c r="AK29865">
        <v>48</v>
      </c>
      <c r="AL29865">
        <v>48</v>
      </c>
      <c r="AM29865">
        <v>49</v>
      </c>
      <c r="AN29865">
        <v>49</v>
      </c>
      <c r="AO29865">
        <v>49</v>
      </c>
      <c r="AP29865">
        <v>49</v>
      </c>
      <c r="AQ29865">
        <v>49</v>
      </c>
    </row>
    <row r="29866" spans="1:43">
      <c r="A29866" t="s">
        <v>18505</v>
      </c>
      <c r="B29866" t="s">
        <v>18506</v>
      </c>
      <c r="C29866" t="s">
        <v>18397</v>
      </c>
      <c r="D29866" t="s">
        <v>18398</v>
      </c>
      <c r="E29866" t="s">
        <v>18345</v>
      </c>
      <c r="F29866" t="s">
        <v>18346</v>
      </c>
      <c r="G29866" t="s">
        <v>10734</v>
      </c>
      <c r="H29866" t="s">
        <v>10735</v>
      </c>
      <c r="I29866" s="2">
        <v>0</v>
      </c>
      <c r="J29866" s="2">
        <v>0</v>
      </c>
      <c r="K29866" s="2">
        <v>1</v>
      </c>
      <c r="L29866" t="s">
        <v>995</v>
      </c>
      <c r="M29866" t="s">
        <v>83</v>
      </c>
      <c r="N29866" t="s">
        <v>84</v>
      </c>
      <c r="O29866" t="s">
        <v>85</v>
      </c>
      <c r="P29866" t="s">
        <v>86</v>
      </c>
      <c r="Q29866">
        <v>18</v>
      </c>
      <c r="R29866">
        <v>18</v>
      </c>
      <c r="S29866">
        <v>18</v>
      </c>
      <c r="T29866">
        <v>19</v>
      </c>
      <c r="U29866">
        <v>19</v>
      </c>
      <c r="V29866">
        <v>19</v>
      </c>
      <c r="W29866">
        <v>20</v>
      </c>
      <c r="X29866">
        <v>20</v>
      </c>
      <c r="Y29866">
        <v>20</v>
      </c>
      <c r="Z29866">
        <v>20</v>
      </c>
      <c r="AA29866">
        <v>21</v>
      </c>
      <c r="AB29866">
        <v>21</v>
      </c>
      <c r="AC29866">
        <v>21</v>
      </c>
      <c r="AD29866">
        <v>22</v>
      </c>
      <c r="AE29866">
        <v>22</v>
      </c>
      <c r="AF29866">
        <v>22</v>
      </c>
      <c r="AG29866">
        <v>22</v>
      </c>
      <c r="AH29866">
        <v>23</v>
      </c>
      <c r="AI29866">
        <v>23</v>
      </c>
      <c r="AJ29866">
        <v>23</v>
      </c>
      <c r="AK29866">
        <v>23</v>
      </c>
      <c r="AL29866">
        <v>23</v>
      </c>
      <c r="AM29866">
        <v>24</v>
      </c>
      <c r="AN29866">
        <v>24</v>
      </c>
      <c r="AO29866">
        <v>24</v>
      </c>
      <c r="AP29866">
        <v>24</v>
      </c>
      <c r="AQ29866">
        <v>24</v>
      </c>
    </row>
    <row r="29867" spans="1:43">
      <c r="A29867" t="s">
        <v>18505</v>
      </c>
      <c r="B29867" t="s">
        <v>18506</v>
      </c>
      <c r="C29867" t="s">
        <v>18397</v>
      </c>
      <c r="D29867" t="s">
        <v>18398</v>
      </c>
      <c r="E29867" t="s">
        <v>18345</v>
      </c>
      <c r="F29867" t="s">
        <v>18346</v>
      </c>
      <c r="G29867" t="s">
        <v>10734</v>
      </c>
      <c r="H29867" t="s">
        <v>10735</v>
      </c>
      <c r="I29867" s="2">
        <v>0</v>
      </c>
      <c r="J29867" s="2">
        <v>0</v>
      </c>
      <c r="K29867" s="2">
        <v>1</v>
      </c>
      <c r="L29867" t="s">
        <v>995</v>
      </c>
      <c r="M29867" t="s">
        <v>87</v>
      </c>
      <c r="N29867" t="s">
        <v>88</v>
      </c>
      <c r="O29867" t="s">
        <v>85</v>
      </c>
      <c r="P29867" t="s">
        <v>86</v>
      </c>
      <c r="Q29867">
        <v>18</v>
      </c>
      <c r="R29867">
        <v>18</v>
      </c>
      <c r="S29867">
        <v>18</v>
      </c>
      <c r="T29867">
        <v>18</v>
      </c>
      <c r="U29867">
        <v>18</v>
      </c>
      <c r="V29867">
        <v>18</v>
      </c>
      <c r="W29867">
        <v>18</v>
      </c>
      <c r="X29867">
        <v>19</v>
      </c>
      <c r="Y29867">
        <v>19</v>
      </c>
      <c r="Z29867">
        <v>19</v>
      </c>
      <c r="AA29867">
        <v>19</v>
      </c>
      <c r="AB29867">
        <v>19</v>
      </c>
      <c r="AC29867">
        <v>19</v>
      </c>
      <c r="AD29867">
        <v>19</v>
      </c>
      <c r="AE29867">
        <v>19</v>
      </c>
      <c r="AF29867">
        <v>19</v>
      </c>
      <c r="AG29867">
        <v>20</v>
      </c>
      <c r="AH29867">
        <v>20</v>
      </c>
      <c r="AI29867">
        <v>20</v>
      </c>
      <c r="AJ29867">
        <v>20</v>
      </c>
      <c r="AK29867">
        <v>20</v>
      </c>
      <c r="AL29867">
        <v>20</v>
      </c>
      <c r="AM29867">
        <v>20</v>
      </c>
      <c r="AN29867">
        <v>20</v>
      </c>
      <c r="AO29867">
        <v>20</v>
      </c>
      <c r="AP29867">
        <v>20</v>
      </c>
      <c r="AQ29867">
        <v>21</v>
      </c>
    </row>
    <row r="29868" spans="1:43">
      <c r="A29868" t="s">
        <v>18505</v>
      </c>
      <c r="B29868" t="s">
        <v>18506</v>
      </c>
      <c r="C29868" t="s">
        <v>18397</v>
      </c>
      <c r="D29868" t="s">
        <v>18398</v>
      </c>
      <c r="E29868" t="s">
        <v>18345</v>
      </c>
      <c r="F29868" t="s">
        <v>18346</v>
      </c>
      <c r="G29868" t="s">
        <v>10734</v>
      </c>
      <c r="H29868" t="s">
        <v>10735</v>
      </c>
      <c r="I29868" s="2">
        <v>0</v>
      </c>
      <c r="J29868" s="2">
        <v>0</v>
      </c>
      <c r="K29868" s="2">
        <v>1</v>
      </c>
      <c r="L29868" t="s">
        <v>995</v>
      </c>
      <c r="M29868" t="s">
        <v>89</v>
      </c>
      <c r="N29868" t="s">
        <v>90</v>
      </c>
      <c r="O29868" t="s">
        <v>85</v>
      </c>
      <c r="P29868" t="s">
        <v>86</v>
      </c>
      <c r="Q29868">
        <v>18</v>
      </c>
      <c r="R29868">
        <v>18</v>
      </c>
      <c r="S29868">
        <v>19</v>
      </c>
      <c r="T29868">
        <v>19</v>
      </c>
      <c r="U29868">
        <v>20</v>
      </c>
      <c r="V29868">
        <v>20</v>
      </c>
      <c r="W29868">
        <v>21</v>
      </c>
      <c r="X29868">
        <v>21</v>
      </c>
      <c r="Y29868">
        <v>21</v>
      </c>
      <c r="Z29868">
        <v>22</v>
      </c>
      <c r="AA29868">
        <v>22</v>
      </c>
      <c r="AB29868">
        <v>22</v>
      </c>
      <c r="AC29868">
        <v>23</v>
      </c>
      <c r="AD29868">
        <v>23</v>
      </c>
      <c r="AE29868">
        <v>23</v>
      </c>
      <c r="AF29868">
        <v>23</v>
      </c>
      <c r="AG29868">
        <v>23</v>
      </c>
      <c r="AH29868">
        <v>23</v>
      </c>
      <c r="AI29868">
        <v>24</v>
      </c>
      <c r="AJ29868">
        <v>24</v>
      </c>
      <c r="AK29868">
        <v>24</v>
      </c>
      <c r="AL29868">
        <v>24</v>
      </c>
      <c r="AM29868">
        <v>24</v>
      </c>
      <c r="AN29868">
        <v>24</v>
      </c>
      <c r="AO29868">
        <v>24</v>
      </c>
      <c r="AP29868">
        <v>24</v>
      </c>
      <c r="AQ29868">
        <v>24</v>
      </c>
    </row>
    <row r="29869" spans="1:43">
      <c r="A29869" t="s">
        <v>18505</v>
      </c>
      <c r="B29869" t="s">
        <v>18506</v>
      </c>
      <c r="C29869" t="s">
        <v>18397</v>
      </c>
      <c r="D29869" t="s">
        <v>18398</v>
      </c>
      <c r="E29869" t="s">
        <v>18345</v>
      </c>
      <c r="F29869" t="s">
        <v>18346</v>
      </c>
      <c r="G29869" t="s">
        <v>10734</v>
      </c>
      <c r="H29869" t="s">
        <v>10735</v>
      </c>
      <c r="I29869" s="2">
        <v>0</v>
      </c>
      <c r="J29869" s="2">
        <v>0</v>
      </c>
      <c r="K29869" s="2">
        <v>1</v>
      </c>
      <c r="L29869" t="s">
        <v>995</v>
      </c>
      <c r="M29869" t="s">
        <v>83</v>
      </c>
      <c r="N29869" t="s">
        <v>91</v>
      </c>
      <c r="O29869" t="s">
        <v>85</v>
      </c>
      <c r="P29869" t="s">
        <v>86</v>
      </c>
      <c r="Q29869">
        <v>18</v>
      </c>
      <c r="R29869">
        <v>18</v>
      </c>
      <c r="S29869">
        <v>18</v>
      </c>
      <c r="T29869">
        <v>19</v>
      </c>
      <c r="U29869">
        <v>19</v>
      </c>
      <c r="V29869">
        <v>19</v>
      </c>
      <c r="W29869">
        <v>20</v>
      </c>
      <c r="X29869">
        <v>20</v>
      </c>
      <c r="Y29869">
        <v>20</v>
      </c>
      <c r="Z29869">
        <v>20</v>
      </c>
      <c r="AA29869">
        <v>21</v>
      </c>
      <c r="AB29869">
        <v>21</v>
      </c>
      <c r="AC29869">
        <v>21</v>
      </c>
      <c r="AD29869">
        <v>22</v>
      </c>
      <c r="AE29869">
        <v>22</v>
      </c>
      <c r="AF29869">
        <v>22</v>
      </c>
      <c r="AG29869">
        <v>22</v>
      </c>
      <c r="AH29869">
        <v>23</v>
      </c>
      <c r="AI29869">
        <v>23</v>
      </c>
      <c r="AJ29869">
        <v>23</v>
      </c>
      <c r="AK29869">
        <v>23</v>
      </c>
      <c r="AL29869">
        <v>23</v>
      </c>
      <c r="AM29869">
        <v>24</v>
      </c>
      <c r="AN29869">
        <v>24</v>
      </c>
      <c r="AO29869">
        <v>24</v>
      </c>
      <c r="AP29869">
        <v>24</v>
      </c>
      <c r="AQ29869">
        <v>24</v>
      </c>
    </row>
    <row r="29870" spans="1:43">
      <c r="A29870" t="s">
        <v>18507</v>
      </c>
      <c r="B29870" t="s">
        <v>18508</v>
      </c>
      <c r="C29870" t="s">
        <v>18397</v>
      </c>
      <c r="D29870" t="s">
        <v>18398</v>
      </c>
      <c r="E29870" t="s">
        <v>18345</v>
      </c>
      <c r="F29870" t="s">
        <v>18346</v>
      </c>
      <c r="G29870" t="s">
        <v>10734</v>
      </c>
      <c r="H29870" t="s">
        <v>10735</v>
      </c>
      <c r="I29870" s="2">
        <v>0</v>
      </c>
      <c r="J29870" s="2">
        <v>0</v>
      </c>
      <c r="K29870" s="2">
        <v>1</v>
      </c>
      <c r="L29870" t="s">
        <v>995</v>
      </c>
      <c r="M29870" t="s">
        <v>83</v>
      </c>
      <c r="N29870" t="s">
        <v>84</v>
      </c>
      <c r="O29870" t="s">
        <v>85</v>
      </c>
      <c r="P29870" t="s">
        <v>86</v>
      </c>
      <c r="Q29870">
        <v>21</v>
      </c>
      <c r="R29870">
        <v>21</v>
      </c>
      <c r="S29870">
        <v>22</v>
      </c>
      <c r="T29870">
        <v>22</v>
      </c>
      <c r="U29870">
        <v>22</v>
      </c>
      <c r="V29870">
        <v>23</v>
      </c>
      <c r="W29870">
        <v>23</v>
      </c>
      <c r="X29870">
        <v>23</v>
      </c>
      <c r="Y29870">
        <v>24</v>
      </c>
      <c r="Z29870">
        <v>24</v>
      </c>
      <c r="AA29870">
        <v>24</v>
      </c>
      <c r="AB29870">
        <v>25</v>
      </c>
      <c r="AC29870">
        <v>25</v>
      </c>
      <c r="AD29870">
        <v>25</v>
      </c>
      <c r="AE29870">
        <v>26</v>
      </c>
      <c r="AF29870">
        <v>26</v>
      </c>
      <c r="AG29870">
        <v>26</v>
      </c>
      <c r="AH29870">
        <v>27</v>
      </c>
      <c r="AI29870">
        <v>27</v>
      </c>
      <c r="AJ29870">
        <v>27</v>
      </c>
      <c r="AK29870">
        <v>28</v>
      </c>
      <c r="AL29870">
        <v>28</v>
      </c>
      <c r="AM29870">
        <v>28</v>
      </c>
      <c r="AN29870">
        <v>28</v>
      </c>
      <c r="AO29870">
        <v>28</v>
      </c>
      <c r="AP29870">
        <v>28</v>
      </c>
      <c r="AQ29870">
        <v>28</v>
      </c>
    </row>
    <row r="29871" spans="1:43">
      <c r="A29871" t="s">
        <v>18507</v>
      </c>
      <c r="B29871" t="s">
        <v>18508</v>
      </c>
      <c r="C29871" t="s">
        <v>18397</v>
      </c>
      <c r="D29871" t="s">
        <v>18398</v>
      </c>
      <c r="E29871" t="s">
        <v>18345</v>
      </c>
      <c r="F29871" t="s">
        <v>18346</v>
      </c>
      <c r="G29871" t="s">
        <v>10734</v>
      </c>
      <c r="H29871" t="s">
        <v>10735</v>
      </c>
      <c r="I29871" s="2">
        <v>0</v>
      </c>
      <c r="J29871" s="2">
        <v>0</v>
      </c>
      <c r="K29871" s="2">
        <v>1</v>
      </c>
      <c r="L29871" t="s">
        <v>995</v>
      </c>
      <c r="M29871" t="s">
        <v>87</v>
      </c>
      <c r="N29871" t="s">
        <v>88</v>
      </c>
      <c r="O29871" t="s">
        <v>85</v>
      </c>
      <c r="P29871" t="s">
        <v>86</v>
      </c>
      <c r="Q29871">
        <v>21</v>
      </c>
      <c r="R29871">
        <v>21</v>
      </c>
      <c r="S29871">
        <v>21</v>
      </c>
      <c r="T29871">
        <v>21</v>
      </c>
      <c r="U29871">
        <v>21</v>
      </c>
      <c r="V29871">
        <v>22</v>
      </c>
      <c r="W29871">
        <v>22</v>
      </c>
      <c r="X29871">
        <v>22</v>
      </c>
      <c r="Y29871">
        <v>22</v>
      </c>
      <c r="Z29871">
        <v>22</v>
      </c>
      <c r="AA29871">
        <v>22</v>
      </c>
      <c r="AB29871">
        <v>22</v>
      </c>
      <c r="AC29871">
        <v>23</v>
      </c>
      <c r="AD29871">
        <v>23</v>
      </c>
      <c r="AE29871">
        <v>23</v>
      </c>
      <c r="AF29871">
        <v>23</v>
      </c>
      <c r="AG29871">
        <v>23</v>
      </c>
      <c r="AH29871">
        <v>23</v>
      </c>
      <c r="AI29871">
        <v>23</v>
      </c>
      <c r="AJ29871">
        <v>23</v>
      </c>
      <c r="AK29871">
        <v>24</v>
      </c>
      <c r="AL29871">
        <v>24</v>
      </c>
      <c r="AM29871">
        <v>24</v>
      </c>
      <c r="AN29871">
        <v>24</v>
      </c>
      <c r="AO29871">
        <v>24</v>
      </c>
      <c r="AP29871">
        <v>24</v>
      </c>
      <c r="AQ29871">
        <v>24</v>
      </c>
    </row>
    <row r="29872" spans="1:43">
      <c r="A29872" t="s">
        <v>18507</v>
      </c>
      <c r="B29872" t="s">
        <v>18508</v>
      </c>
      <c r="C29872" t="s">
        <v>18397</v>
      </c>
      <c r="D29872" t="s">
        <v>18398</v>
      </c>
      <c r="E29872" t="s">
        <v>18345</v>
      </c>
      <c r="F29872" t="s">
        <v>18346</v>
      </c>
      <c r="G29872" t="s">
        <v>10734</v>
      </c>
      <c r="H29872" t="s">
        <v>10735</v>
      </c>
      <c r="I29872" s="2">
        <v>0</v>
      </c>
      <c r="J29872" s="2">
        <v>0</v>
      </c>
      <c r="K29872" s="2">
        <v>1</v>
      </c>
      <c r="L29872" t="s">
        <v>995</v>
      </c>
      <c r="M29872" t="s">
        <v>89</v>
      </c>
      <c r="N29872" t="s">
        <v>90</v>
      </c>
      <c r="O29872" t="s">
        <v>85</v>
      </c>
      <c r="P29872" t="s">
        <v>86</v>
      </c>
      <c r="Q29872">
        <v>21</v>
      </c>
      <c r="R29872">
        <v>22</v>
      </c>
      <c r="S29872">
        <v>22</v>
      </c>
      <c r="T29872">
        <v>23</v>
      </c>
      <c r="U29872">
        <v>23</v>
      </c>
      <c r="V29872">
        <v>24</v>
      </c>
      <c r="W29872">
        <v>24</v>
      </c>
      <c r="X29872">
        <v>25</v>
      </c>
      <c r="Y29872">
        <v>25</v>
      </c>
      <c r="Z29872">
        <v>26</v>
      </c>
      <c r="AA29872">
        <v>26</v>
      </c>
      <c r="AB29872">
        <v>26</v>
      </c>
      <c r="AC29872">
        <v>27</v>
      </c>
      <c r="AD29872">
        <v>27</v>
      </c>
      <c r="AE29872">
        <v>28</v>
      </c>
      <c r="AF29872">
        <v>28</v>
      </c>
      <c r="AG29872">
        <v>28</v>
      </c>
      <c r="AH29872">
        <v>28</v>
      </c>
      <c r="AI29872">
        <v>28</v>
      </c>
      <c r="AJ29872">
        <v>28</v>
      </c>
      <c r="AK29872">
        <v>28</v>
      </c>
      <c r="AL29872">
        <v>28</v>
      </c>
      <c r="AM29872">
        <v>28</v>
      </c>
      <c r="AN29872">
        <v>28</v>
      </c>
      <c r="AO29872">
        <v>28</v>
      </c>
      <c r="AP29872">
        <v>28</v>
      </c>
      <c r="AQ29872">
        <v>28</v>
      </c>
    </row>
    <row r="29873" spans="1:43">
      <c r="A29873" t="s">
        <v>18507</v>
      </c>
      <c r="B29873" t="s">
        <v>18508</v>
      </c>
      <c r="C29873" t="s">
        <v>18397</v>
      </c>
      <c r="D29873" t="s">
        <v>18398</v>
      </c>
      <c r="E29873" t="s">
        <v>18345</v>
      </c>
      <c r="F29873" t="s">
        <v>18346</v>
      </c>
      <c r="G29873" t="s">
        <v>10734</v>
      </c>
      <c r="H29873" t="s">
        <v>10735</v>
      </c>
      <c r="I29873" s="2">
        <v>0</v>
      </c>
      <c r="J29873" s="2">
        <v>0</v>
      </c>
      <c r="K29873" s="2">
        <v>1</v>
      </c>
      <c r="L29873" t="s">
        <v>995</v>
      </c>
      <c r="M29873" t="s">
        <v>83</v>
      </c>
      <c r="N29873" t="s">
        <v>91</v>
      </c>
      <c r="O29873" t="s">
        <v>85</v>
      </c>
      <c r="P29873" t="s">
        <v>86</v>
      </c>
      <c r="Q29873">
        <v>21</v>
      </c>
      <c r="R29873">
        <v>21</v>
      </c>
      <c r="S29873">
        <v>22</v>
      </c>
      <c r="T29873">
        <v>22</v>
      </c>
      <c r="U29873">
        <v>22</v>
      </c>
      <c r="V29873">
        <v>23</v>
      </c>
      <c r="W29873">
        <v>23</v>
      </c>
      <c r="X29873">
        <v>23</v>
      </c>
      <c r="Y29873">
        <v>24</v>
      </c>
      <c r="Z29873">
        <v>24</v>
      </c>
      <c r="AA29873">
        <v>24</v>
      </c>
      <c r="AB29873">
        <v>25</v>
      </c>
      <c r="AC29873">
        <v>25</v>
      </c>
      <c r="AD29873">
        <v>25</v>
      </c>
      <c r="AE29873">
        <v>26</v>
      </c>
      <c r="AF29873">
        <v>26</v>
      </c>
      <c r="AG29873">
        <v>26</v>
      </c>
      <c r="AH29873">
        <v>27</v>
      </c>
      <c r="AI29873">
        <v>27</v>
      </c>
      <c r="AJ29873">
        <v>27</v>
      </c>
      <c r="AK29873">
        <v>28</v>
      </c>
      <c r="AL29873">
        <v>28</v>
      </c>
      <c r="AM29873">
        <v>28</v>
      </c>
      <c r="AN29873">
        <v>28</v>
      </c>
      <c r="AO29873">
        <v>28</v>
      </c>
      <c r="AP29873">
        <v>28</v>
      </c>
      <c r="AQ29873">
        <v>28</v>
      </c>
    </row>
    <row r="29874" spans="1:43">
      <c r="A29874" t="s">
        <v>18509</v>
      </c>
      <c r="B29874" t="s">
        <v>18510</v>
      </c>
      <c r="C29874" t="s">
        <v>18397</v>
      </c>
      <c r="D29874" t="s">
        <v>18398</v>
      </c>
      <c r="E29874" t="s">
        <v>18345</v>
      </c>
      <c r="F29874" t="s">
        <v>18346</v>
      </c>
      <c r="G29874" t="s">
        <v>10734</v>
      </c>
      <c r="H29874" t="s">
        <v>10735</v>
      </c>
      <c r="I29874" s="2">
        <v>0</v>
      </c>
      <c r="J29874" s="2">
        <v>0</v>
      </c>
      <c r="K29874" s="2">
        <v>1</v>
      </c>
      <c r="L29874" t="s">
        <v>995</v>
      </c>
      <c r="M29874" t="s">
        <v>83</v>
      </c>
      <c r="N29874" t="s">
        <v>84</v>
      </c>
      <c r="O29874" t="s">
        <v>85</v>
      </c>
      <c r="P29874" t="s">
        <v>86</v>
      </c>
      <c r="Q29874">
        <v>25</v>
      </c>
      <c r="R29874">
        <v>25</v>
      </c>
      <c r="S29874">
        <v>25</v>
      </c>
      <c r="T29874">
        <v>26</v>
      </c>
      <c r="U29874">
        <v>26</v>
      </c>
      <c r="V29874">
        <v>27</v>
      </c>
      <c r="W29874">
        <v>27</v>
      </c>
      <c r="X29874">
        <v>27</v>
      </c>
      <c r="Y29874">
        <v>28</v>
      </c>
      <c r="Z29874">
        <v>28</v>
      </c>
      <c r="AA29874">
        <v>28</v>
      </c>
      <c r="AB29874">
        <v>29</v>
      </c>
      <c r="AC29874">
        <v>29</v>
      </c>
      <c r="AD29874">
        <v>30</v>
      </c>
      <c r="AE29874">
        <v>30</v>
      </c>
      <c r="AF29874">
        <v>30</v>
      </c>
      <c r="AG29874">
        <v>31</v>
      </c>
      <c r="AH29874">
        <v>31</v>
      </c>
      <c r="AI29874">
        <v>31</v>
      </c>
      <c r="AJ29874">
        <v>32</v>
      </c>
      <c r="AK29874">
        <v>32</v>
      </c>
      <c r="AL29874">
        <v>32</v>
      </c>
      <c r="AM29874">
        <v>32</v>
      </c>
      <c r="AN29874">
        <v>32</v>
      </c>
      <c r="AO29874">
        <v>32</v>
      </c>
      <c r="AP29874">
        <v>32</v>
      </c>
      <c r="AQ29874">
        <v>33</v>
      </c>
    </row>
    <row r="29875" spans="1:43">
      <c r="A29875" t="s">
        <v>18509</v>
      </c>
      <c r="B29875" t="s">
        <v>18510</v>
      </c>
      <c r="C29875" t="s">
        <v>18397</v>
      </c>
      <c r="D29875" t="s">
        <v>18398</v>
      </c>
      <c r="E29875" t="s">
        <v>18345</v>
      </c>
      <c r="F29875" t="s">
        <v>18346</v>
      </c>
      <c r="G29875" t="s">
        <v>10734</v>
      </c>
      <c r="H29875" t="s">
        <v>10735</v>
      </c>
      <c r="I29875" s="2">
        <v>0</v>
      </c>
      <c r="J29875" s="2">
        <v>0</v>
      </c>
      <c r="K29875" s="2">
        <v>1</v>
      </c>
      <c r="L29875" t="s">
        <v>995</v>
      </c>
      <c r="M29875" t="s">
        <v>87</v>
      </c>
      <c r="N29875" t="s">
        <v>88</v>
      </c>
      <c r="O29875" t="s">
        <v>85</v>
      </c>
      <c r="P29875" t="s">
        <v>86</v>
      </c>
      <c r="Q29875">
        <v>25</v>
      </c>
      <c r="R29875">
        <v>26</v>
      </c>
      <c r="S29875">
        <v>26</v>
      </c>
      <c r="T29875">
        <v>26</v>
      </c>
      <c r="U29875">
        <v>26</v>
      </c>
      <c r="V29875">
        <v>26</v>
      </c>
      <c r="W29875">
        <v>26</v>
      </c>
      <c r="X29875">
        <v>26</v>
      </c>
      <c r="Y29875">
        <v>27</v>
      </c>
      <c r="Z29875">
        <v>27</v>
      </c>
      <c r="AA29875">
        <v>27</v>
      </c>
      <c r="AB29875">
        <v>27</v>
      </c>
      <c r="AC29875">
        <v>27</v>
      </c>
      <c r="AD29875">
        <v>27</v>
      </c>
      <c r="AE29875">
        <v>28</v>
      </c>
      <c r="AF29875">
        <v>28</v>
      </c>
      <c r="AG29875">
        <v>28</v>
      </c>
      <c r="AH29875">
        <v>28</v>
      </c>
      <c r="AI29875">
        <v>28</v>
      </c>
      <c r="AJ29875">
        <v>28</v>
      </c>
      <c r="AK29875">
        <v>28</v>
      </c>
      <c r="AL29875">
        <v>29</v>
      </c>
      <c r="AM29875">
        <v>29</v>
      </c>
      <c r="AN29875">
        <v>29</v>
      </c>
      <c r="AO29875">
        <v>29</v>
      </c>
      <c r="AP29875">
        <v>29</v>
      </c>
      <c r="AQ29875">
        <v>29</v>
      </c>
    </row>
    <row r="29876" spans="1:43">
      <c r="A29876" t="s">
        <v>18509</v>
      </c>
      <c r="B29876" t="s">
        <v>18510</v>
      </c>
      <c r="C29876" t="s">
        <v>18397</v>
      </c>
      <c r="D29876" t="s">
        <v>18398</v>
      </c>
      <c r="E29876" t="s">
        <v>18345</v>
      </c>
      <c r="F29876" t="s">
        <v>18346</v>
      </c>
      <c r="G29876" t="s">
        <v>10734</v>
      </c>
      <c r="H29876" t="s">
        <v>10735</v>
      </c>
      <c r="I29876" s="2">
        <v>0</v>
      </c>
      <c r="J29876" s="2">
        <v>0</v>
      </c>
      <c r="K29876" s="2">
        <v>1</v>
      </c>
      <c r="L29876" t="s">
        <v>995</v>
      </c>
      <c r="M29876" t="s">
        <v>89</v>
      </c>
      <c r="N29876" t="s">
        <v>90</v>
      </c>
      <c r="O29876" t="s">
        <v>85</v>
      </c>
      <c r="P29876" t="s">
        <v>86</v>
      </c>
      <c r="Q29876">
        <v>25</v>
      </c>
      <c r="R29876">
        <v>25</v>
      </c>
      <c r="S29876">
        <v>26</v>
      </c>
      <c r="T29876">
        <v>27</v>
      </c>
      <c r="U29876">
        <v>27</v>
      </c>
      <c r="V29876">
        <v>28</v>
      </c>
      <c r="W29876">
        <v>28</v>
      </c>
      <c r="X29876">
        <v>29</v>
      </c>
      <c r="Y29876">
        <v>29</v>
      </c>
      <c r="Z29876">
        <v>30</v>
      </c>
      <c r="AA29876">
        <v>30</v>
      </c>
      <c r="AB29876">
        <v>31</v>
      </c>
      <c r="AC29876">
        <v>31</v>
      </c>
      <c r="AD29876">
        <v>32</v>
      </c>
      <c r="AE29876">
        <v>32</v>
      </c>
      <c r="AF29876">
        <v>32</v>
      </c>
      <c r="AG29876">
        <v>32</v>
      </c>
      <c r="AH29876">
        <v>32</v>
      </c>
      <c r="AI29876">
        <v>32</v>
      </c>
      <c r="AJ29876">
        <v>32</v>
      </c>
      <c r="AK29876">
        <v>32</v>
      </c>
      <c r="AL29876">
        <v>32</v>
      </c>
      <c r="AM29876">
        <v>33</v>
      </c>
      <c r="AN29876">
        <v>33</v>
      </c>
      <c r="AO29876">
        <v>33</v>
      </c>
      <c r="AP29876">
        <v>33</v>
      </c>
      <c r="AQ29876">
        <v>33</v>
      </c>
    </row>
    <row r="29877" spans="1:43">
      <c r="A29877" t="s">
        <v>18509</v>
      </c>
      <c r="B29877" t="s">
        <v>18510</v>
      </c>
      <c r="C29877" t="s">
        <v>18397</v>
      </c>
      <c r="D29877" t="s">
        <v>18398</v>
      </c>
      <c r="E29877" t="s">
        <v>18345</v>
      </c>
      <c r="F29877" t="s">
        <v>18346</v>
      </c>
      <c r="G29877" t="s">
        <v>10734</v>
      </c>
      <c r="H29877" t="s">
        <v>10735</v>
      </c>
      <c r="I29877" s="2">
        <v>0</v>
      </c>
      <c r="J29877" s="2">
        <v>0</v>
      </c>
      <c r="K29877" s="2">
        <v>1</v>
      </c>
      <c r="L29877" t="s">
        <v>995</v>
      </c>
      <c r="M29877" t="s">
        <v>83</v>
      </c>
      <c r="N29877" t="s">
        <v>91</v>
      </c>
      <c r="O29877" t="s">
        <v>85</v>
      </c>
      <c r="P29877" t="s">
        <v>86</v>
      </c>
      <c r="Q29877">
        <v>25</v>
      </c>
      <c r="R29877">
        <v>25</v>
      </c>
      <c r="S29877">
        <v>25</v>
      </c>
      <c r="T29877">
        <v>26</v>
      </c>
      <c r="U29877">
        <v>26</v>
      </c>
      <c r="V29877">
        <v>27</v>
      </c>
      <c r="W29877">
        <v>27</v>
      </c>
      <c r="X29877">
        <v>27</v>
      </c>
      <c r="Y29877">
        <v>28</v>
      </c>
      <c r="Z29877">
        <v>28</v>
      </c>
      <c r="AA29877">
        <v>28</v>
      </c>
      <c r="AB29877">
        <v>29</v>
      </c>
      <c r="AC29877">
        <v>29</v>
      </c>
      <c r="AD29877">
        <v>30</v>
      </c>
      <c r="AE29877">
        <v>30</v>
      </c>
      <c r="AF29877">
        <v>30</v>
      </c>
      <c r="AG29877">
        <v>31</v>
      </c>
      <c r="AH29877">
        <v>31</v>
      </c>
      <c r="AI29877">
        <v>31</v>
      </c>
      <c r="AJ29877">
        <v>32</v>
      </c>
      <c r="AK29877">
        <v>32</v>
      </c>
      <c r="AL29877">
        <v>32</v>
      </c>
      <c r="AM29877">
        <v>32</v>
      </c>
      <c r="AN29877">
        <v>32</v>
      </c>
      <c r="AO29877">
        <v>32</v>
      </c>
      <c r="AP29877">
        <v>32</v>
      </c>
      <c r="AQ29877">
        <v>33</v>
      </c>
    </row>
    <row r="29878" spans="1:43">
      <c r="A29878" t="s">
        <v>18511</v>
      </c>
      <c r="B29878" t="s">
        <v>18512</v>
      </c>
      <c r="C29878" t="s">
        <v>18467</v>
      </c>
      <c r="D29878" t="s">
        <v>18468</v>
      </c>
      <c r="E29878" t="s">
        <v>18345</v>
      </c>
      <c r="F29878" t="s">
        <v>18346</v>
      </c>
      <c r="G29878" t="s">
        <v>10734</v>
      </c>
      <c r="H29878" t="s">
        <v>10735</v>
      </c>
      <c r="I29878" s="2">
        <v>0</v>
      </c>
      <c r="J29878" s="2">
        <v>0</v>
      </c>
      <c r="K29878" s="2">
        <v>1</v>
      </c>
      <c r="L29878" t="s">
        <v>995</v>
      </c>
      <c r="M29878" t="s">
        <v>83</v>
      </c>
      <c r="N29878" t="s">
        <v>84</v>
      </c>
      <c r="O29878" t="s">
        <v>85</v>
      </c>
      <c r="P29878" t="s">
        <v>86</v>
      </c>
      <c r="Q29878">
        <v>40</v>
      </c>
      <c r="R29878">
        <v>41</v>
      </c>
      <c r="S29878">
        <v>41</v>
      </c>
      <c r="T29878">
        <v>42</v>
      </c>
      <c r="U29878">
        <v>42</v>
      </c>
      <c r="V29878">
        <v>43</v>
      </c>
      <c r="W29878">
        <v>43</v>
      </c>
      <c r="X29878">
        <v>44</v>
      </c>
      <c r="Y29878">
        <v>45</v>
      </c>
      <c r="Z29878">
        <v>45</v>
      </c>
      <c r="AA29878">
        <v>46</v>
      </c>
      <c r="AB29878">
        <v>46</v>
      </c>
      <c r="AC29878">
        <v>47</v>
      </c>
      <c r="AD29878">
        <v>47</v>
      </c>
      <c r="AE29878">
        <v>48</v>
      </c>
      <c r="AF29878">
        <v>48</v>
      </c>
      <c r="AG29878">
        <v>49</v>
      </c>
      <c r="AH29878">
        <v>49</v>
      </c>
      <c r="AI29878">
        <v>49</v>
      </c>
      <c r="AJ29878">
        <v>50</v>
      </c>
      <c r="AK29878">
        <v>50</v>
      </c>
      <c r="AL29878">
        <v>51</v>
      </c>
      <c r="AM29878">
        <v>51</v>
      </c>
      <c r="AN29878">
        <v>51</v>
      </c>
      <c r="AO29878">
        <v>51</v>
      </c>
      <c r="AP29878">
        <v>51</v>
      </c>
      <c r="AQ29878">
        <v>51</v>
      </c>
    </row>
    <row r="29879" spans="1:43">
      <c r="A29879" t="s">
        <v>18511</v>
      </c>
      <c r="B29879" t="s">
        <v>18512</v>
      </c>
      <c r="C29879" t="s">
        <v>18467</v>
      </c>
      <c r="D29879" t="s">
        <v>18468</v>
      </c>
      <c r="E29879" t="s">
        <v>18345</v>
      </c>
      <c r="F29879" t="s">
        <v>18346</v>
      </c>
      <c r="G29879" t="s">
        <v>10734</v>
      </c>
      <c r="H29879" t="s">
        <v>10735</v>
      </c>
      <c r="I29879" s="2">
        <v>0</v>
      </c>
      <c r="J29879" s="2">
        <v>0</v>
      </c>
      <c r="K29879" s="2">
        <v>1</v>
      </c>
      <c r="L29879" t="s">
        <v>995</v>
      </c>
      <c r="M29879" t="s">
        <v>87</v>
      </c>
      <c r="N29879" t="s">
        <v>88</v>
      </c>
      <c r="O29879" t="s">
        <v>85</v>
      </c>
      <c r="P29879" t="s">
        <v>86</v>
      </c>
      <c r="Q29879">
        <v>40</v>
      </c>
      <c r="R29879">
        <v>40</v>
      </c>
      <c r="S29879">
        <v>40</v>
      </c>
      <c r="T29879">
        <v>40</v>
      </c>
      <c r="U29879">
        <v>41</v>
      </c>
      <c r="V29879">
        <v>41</v>
      </c>
      <c r="W29879">
        <v>41</v>
      </c>
      <c r="X29879">
        <v>41</v>
      </c>
      <c r="Y29879">
        <v>41</v>
      </c>
      <c r="Z29879">
        <v>41</v>
      </c>
      <c r="AA29879">
        <v>42</v>
      </c>
      <c r="AB29879">
        <v>42</v>
      </c>
      <c r="AC29879">
        <v>42</v>
      </c>
      <c r="AD29879">
        <v>42</v>
      </c>
      <c r="AE29879">
        <v>42</v>
      </c>
      <c r="AF29879">
        <v>42</v>
      </c>
      <c r="AG29879">
        <v>43</v>
      </c>
      <c r="AH29879">
        <v>43</v>
      </c>
      <c r="AI29879">
        <v>43</v>
      </c>
      <c r="AJ29879">
        <v>43</v>
      </c>
      <c r="AK29879">
        <v>43</v>
      </c>
      <c r="AL29879">
        <v>43</v>
      </c>
      <c r="AM29879">
        <v>44</v>
      </c>
      <c r="AN29879">
        <v>44</v>
      </c>
      <c r="AO29879">
        <v>44</v>
      </c>
      <c r="AP29879">
        <v>44</v>
      </c>
      <c r="AQ29879">
        <v>44</v>
      </c>
    </row>
    <row r="29880" spans="1:43">
      <c r="A29880" t="s">
        <v>18511</v>
      </c>
      <c r="B29880" t="s">
        <v>18512</v>
      </c>
      <c r="C29880" t="s">
        <v>18467</v>
      </c>
      <c r="D29880" t="s">
        <v>18468</v>
      </c>
      <c r="E29880" t="s">
        <v>18345</v>
      </c>
      <c r="F29880" t="s">
        <v>18346</v>
      </c>
      <c r="G29880" t="s">
        <v>10734</v>
      </c>
      <c r="H29880" t="s">
        <v>10735</v>
      </c>
      <c r="I29880" s="2">
        <v>0</v>
      </c>
      <c r="J29880" s="2">
        <v>0</v>
      </c>
      <c r="K29880" s="2">
        <v>1</v>
      </c>
      <c r="L29880" t="s">
        <v>995</v>
      </c>
      <c r="M29880" t="s">
        <v>89</v>
      </c>
      <c r="N29880" t="s">
        <v>90</v>
      </c>
      <c r="O29880" t="s">
        <v>85</v>
      </c>
      <c r="P29880" t="s">
        <v>86</v>
      </c>
      <c r="Q29880">
        <v>40</v>
      </c>
      <c r="R29880">
        <v>40</v>
      </c>
      <c r="S29880">
        <v>41</v>
      </c>
      <c r="T29880">
        <v>42</v>
      </c>
      <c r="U29880">
        <v>43</v>
      </c>
      <c r="V29880">
        <v>44</v>
      </c>
      <c r="W29880">
        <v>45</v>
      </c>
      <c r="X29880">
        <v>45</v>
      </c>
      <c r="Y29880">
        <v>46</v>
      </c>
      <c r="Z29880">
        <v>47</v>
      </c>
      <c r="AA29880">
        <v>47</v>
      </c>
      <c r="AB29880">
        <v>48</v>
      </c>
      <c r="AC29880">
        <v>49</v>
      </c>
      <c r="AD29880">
        <v>49</v>
      </c>
      <c r="AE29880">
        <v>50</v>
      </c>
      <c r="AF29880">
        <v>50</v>
      </c>
      <c r="AG29880">
        <v>50</v>
      </c>
      <c r="AH29880">
        <v>50</v>
      </c>
      <c r="AI29880">
        <v>50</v>
      </c>
      <c r="AJ29880">
        <v>50</v>
      </c>
      <c r="AK29880">
        <v>50</v>
      </c>
      <c r="AL29880">
        <v>50</v>
      </c>
      <c r="AM29880">
        <v>50</v>
      </c>
      <c r="AN29880">
        <v>50</v>
      </c>
      <c r="AO29880">
        <v>50</v>
      </c>
      <c r="AP29880">
        <v>50</v>
      </c>
      <c r="AQ29880">
        <v>50</v>
      </c>
    </row>
    <row r="29881" spans="1:43">
      <c r="A29881" t="s">
        <v>18511</v>
      </c>
      <c r="B29881" t="s">
        <v>18512</v>
      </c>
      <c r="C29881" t="s">
        <v>18467</v>
      </c>
      <c r="D29881" t="s">
        <v>18468</v>
      </c>
      <c r="E29881" t="s">
        <v>18345</v>
      </c>
      <c r="F29881" t="s">
        <v>18346</v>
      </c>
      <c r="G29881" t="s">
        <v>10734</v>
      </c>
      <c r="H29881" t="s">
        <v>10735</v>
      </c>
      <c r="I29881" s="2">
        <v>0</v>
      </c>
      <c r="J29881" s="2">
        <v>0</v>
      </c>
      <c r="K29881" s="2">
        <v>1</v>
      </c>
      <c r="L29881" t="s">
        <v>995</v>
      </c>
      <c r="M29881" t="s">
        <v>83</v>
      </c>
      <c r="N29881" t="s">
        <v>91</v>
      </c>
      <c r="O29881" t="s">
        <v>85</v>
      </c>
      <c r="P29881" t="s">
        <v>86</v>
      </c>
      <c r="Q29881">
        <v>40</v>
      </c>
      <c r="R29881">
        <v>41</v>
      </c>
      <c r="S29881">
        <v>41</v>
      </c>
      <c r="T29881">
        <v>42</v>
      </c>
      <c r="U29881">
        <v>42</v>
      </c>
      <c r="V29881">
        <v>43</v>
      </c>
      <c r="W29881">
        <v>43</v>
      </c>
      <c r="X29881">
        <v>44</v>
      </c>
      <c r="Y29881">
        <v>45</v>
      </c>
      <c r="Z29881">
        <v>45</v>
      </c>
      <c r="AA29881">
        <v>46</v>
      </c>
      <c r="AB29881">
        <v>46</v>
      </c>
      <c r="AC29881">
        <v>47</v>
      </c>
      <c r="AD29881">
        <v>47</v>
      </c>
      <c r="AE29881">
        <v>48</v>
      </c>
      <c r="AF29881">
        <v>48</v>
      </c>
      <c r="AG29881">
        <v>49</v>
      </c>
      <c r="AH29881">
        <v>49</v>
      </c>
      <c r="AI29881">
        <v>49</v>
      </c>
      <c r="AJ29881">
        <v>50</v>
      </c>
      <c r="AK29881">
        <v>50</v>
      </c>
      <c r="AL29881">
        <v>51</v>
      </c>
      <c r="AM29881">
        <v>51</v>
      </c>
      <c r="AN29881">
        <v>51</v>
      </c>
      <c r="AO29881">
        <v>51</v>
      </c>
      <c r="AP29881">
        <v>51</v>
      </c>
      <c r="AQ29881">
        <v>51</v>
      </c>
    </row>
    <row r="29882" spans="1:43">
      <c r="A29882" t="s">
        <v>18513</v>
      </c>
      <c r="B29882" t="s">
        <v>18514</v>
      </c>
      <c r="C29882" t="s">
        <v>18467</v>
      </c>
      <c r="D29882" t="s">
        <v>18468</v>
      </c>
      <c r="E29882" t="s">
        <v>18345</v>
      </c>
      <c r="F29882" t="s">
        <v>18346</v>
      </c>
      <c r="G29882" t="s">
        <v>10734</v>
      </c>
      <c r="H29882" t="s">
        <v>10735</v>
      </c>
      <c r="I29882" s="2">
        <v>0</v>
      </c>
      <c r="J29882" s="2">
        <v>0</v>
      </c>
      <c r="K29882" s="2">
        <v>1</v>
      </c>
      <c r="L29882" t="s">
        <v>995</v>
      </c>
      <c r="M29882" t="s">
        <v>83</v>
      </c>
      <c r="N29882" t="s">
        <v>84</v>
      </c>
      <c r="O29882" t="s">
        <v>85</v>
      </c>
      <c r="P29882" t="s">
        <v>86</v>
      </c>
      <c r="Q29882">
        <v>18</v>
      </c>
      <c r="R29882">
        <v>18</v>
      </c>
      <c r="S29882">
        <v>18</v>
      </c>
      <c r="T29882">
        <v>18</v>
      </c>
      <c r="U29882">
        <v>19</v>
      </c>
      <c r="V29882">
        <v>19</v>
      </c>
      <c r="W29882">
        <v>19</v>
      </c>
      <c r="X29882">
        <v>20</v>
      </c>
      <c r="Y29882">
        <v>20</v>
      </c>
      <c r="Z29882">
        <v>20</v>
      </c>
      <c r="AA29882">
        <v>20</v>
      </c>
      <c r="AB29882">
        <v>21</v>
      </c>
      <c r="AC29882">
        <v>21</v>
      </c>
      <c r="AD29882">
        <v>21</v>
      </c>
      <c r="AE29882">
        <v>22</v>
      </c>
      <c r="AF29882">
        <v>22</v>
      </c>
      <c r="AG29882">
        <v>22</v>
      </c>
      <c r="AH29882">
        <v>22</v>
      </c>
      <c r="AI29882">
        <v>23</v>
      </c>
      <c r="AJ29882">
        <v>23</v>
      </c>
      <c r="AK29882">
        <v>23</v>
      </c>
      <c r="AL29882">
        <v>23</v>
      </c>
      <c r="AM29882">
        <v>23</v>
      </c>
      <c r="AN29882">
        <v>23</v>
      </c>
      <c r="AO29882">
        <v>23</v>
      </c>
      <c r="AP29882">
        <v>23</v>
      </c>
      <c r="AQ29882">
        <v>23</v>
      </c>
    </row>
    <row r="29883" spans="1:43">
      <c r="A29883" t="s">
        <v>18513</v>
      </c>
      <c r="B29883" t="s">
        <v>18514</v>
      </c>
      <c r="C29883" t="s">
        <v>18467</v>
      </c>
      <c r="D29883" t="s">
        <v>18468</v>
      </c>
      <c r="E29883" t="s">
        <v>18345</v>
      </c>
      <c r="F29883" t="s">
        <v>18346</v>
      </c>
      <c r="G29883" t="s">
        <v>10734</v>
      </c>
      <c r="H29883" t="s">
        <v>10735</v>
      </c>
      <c r="I29883" s="2">
        <v>0</v>
      </c>
      <c r="J29883" s="2">
        <v>0</v>
      </c>
      <c r="K29883" s="2">
        <v>1</v>
      </c>
      <c r="L29883" t="s">
        <v>995</v>
      </c>
      <c r="M29883" t="s">
        <v>87</v>
      </c>
      <c r="N29883" t="s">
        <v>88</v>
      </c>
      <c r="O29883" t="s">
        <v>85</v>
      </c>
      <c r="P29883" t="s">
        <v>86</v>
      </c>
      <c r="Q29883">
        <v>18</v>
      </c>
      <c r="R29883">
        <v>19</v>
      </c>
      <c r="S29883">
        <v>19</v>
      </c>
      <c r="T29883">
        <v>19</v>
      </c>
      <c r="U29883">
        <v>19</v>
      </c>
      <c r="V29883">
        <v>19</v>
      </c>
      <c r="W29883">
        <v>19</v>
      </c>
      <c r="X29883">
        <v>19</v>
      </c>
      <c r="Y29883">
        <v>19</v>
      </c>
      <c r="Z29883">
        <v>19</v>
      </c>
      <c r="AA29883">
        <v>20</v>
      </c>
      <c r="AB29883">
        <v>20</v>
      </c>
      <c r="AC29883">
        <v>20</v>
      </c>
      <c r="AD29883">
        <v>20</v>
      </c>
      <c r="AE29883">
        <v>20</v>
      </c>
      <c r="AF29883">
        <v>20</v>
      </c>
      <c r="AG29883">
        <v>20</v>
      </c>
      <c r="AH29883">
        <v>20</v>
      </c>
      <c r="AI29883">
        <v>21</v>
      </c>
      <c r="AJ29883">
        <v>21</v>
      </c>
      <c r="AK29883">
        <v>21</v>
      </c>
      <c r="AL29883">
        <v>21</v>
      </c>
      <c r="AM29883">
        <v>21</v>
      </c>
      <c r="AN29883">
        <v>21</v>
      </c>
      <c r="AO29883">
        <v>21</v>
      </c>
      <c r="AP29883">
        <v>21</v>
      </c>
      <c r="AQ29883">
        <v>21</v>
      </c>
    </row>
    <row r="29884" spans="1:43">
      <c r="A29884" t="s">
        <v>18513</v>
      </c>
      <c r="B29884" t="s">
        <v>18514</v>
      </c>
      <c r="C29884" t="s">
        <v>18467</v>
      </c>
      <c r="D29884" t="s">
        <v>18468</v>
      </c>
      <c r="E29884" t="s">
        <v>18345</v>
      </c>
      <c r="F29884" t="s">
        <v>18346</v>
      </c>
      <c r="G29884" t="s">
        <v>10734</v>
      </c>
      <c r="H29884" t="s">
        <v>10735</v>
      </c>
      <c r="I29884" s="2">
        <v>0</v>
      </c>
      <c r="J29884" s="2">
        <v>0</v>
      </c>
      <c r="K29884" s="2">
        <v>1</v>
      </c>
      <c r="L29884" t="s">
        <v>995</v>
      </c>
      <c r="M29884" t="s">
        <v>89</v>
      </c>
      <c r="N29884" t="s">
        <v>90</v>
      </c>
      <c r="O29884" t="s">
        <v>85</v>
      </c>
      <c r="P29884" t="s">
        <v>86</v>
      </c>
      <c r="Q29884">
        <v>18</v>
      </c>
      <c r="R29884">
        <v>18</v>
      </c>
      <c r="S29884">
        <v>19</v>
      </c>
      <c r="T29884">
        <v>19</v>
      </c>
      <c r="U29884">
        <v>19</v>
      </c>
      <c r="V29884">
        <v>20</v>
      </c>
      <c r="W29884">
        <v>20</v>
      </c>
      <c r="X29884">
        <v>21</v>
      </c>
      <c r="Y29884">
        <v>21</v>
      </c>
      <c r="Z29884">
        <v>21</v>
      </c>
      <c r="AA29884">
        <v>22</v>
      </c>
      <c r="AB29884">
        <v>22</v>
      </c>
      <c r="AC29884">
        <v>22</v>
      </c>
      <c r="AD29884">
        <v>23</v>
      </c>
      <c r="AE29884">
        <v>23</v>
      </c>
      <c r="AF29884">
        <v>23</v>
      </c>
      <c r="AG29884">
        <v>23</v>
      </c>
      <c r="AH29884">
        <v>23</v>
      </c>
      <c r="AI29884">
        <v>23</v>
      </c>
      <c r="AJ29884">
        <v>23</v>
      </c>
      <c r="AK29884">
        <v>23</v>
      </c>
      <c r="AL29884">
        <v>23</v>
      </c>
      <c r="AM29884">
        <v>23</v>
      </c>
      <c r="AN29884">
        <v>23</v>
      </c>
      <c r="AO29884">
        <v>24</v>
      </c>
      <c r="AP29884">
        <v>24</v>
      </c>
      <c r="AQ29884">
        <v>24</v>
      </c>
    </row>
    <row r="29885" spans="1:43">
      <c r="A29885" t="s">
        <v>18513</v>
      </c>
      <c r="B29885" t="s">
        <v>18514</v>
      </c>
      <c r="C29885" t="s">
        <v>18467</v>
      </c>
      <c r="D29885" t="s">
        <v>18468</v>
      </c>
      <c r="E29885" t="s">
        <v>18345</v>
      </c>
      <c r="F29885" t="s">
        <v>18346</v>
      </c>
      <c r="G29885" t="s">
        <v>10734</v>
      </c>
      <c r="H29885" t="s">
        <v>10735</v>
      </c>
      <c r="I29885" s="2">
        <v>0</v>
      </c>
      <c r="J29885" s="2">
        <v>0</v>
      </c>
      <c r="K29885" s="2">
        <v>1</v>
      </c>
      <c r="L29885" t="s">
        <v>995</v>
      </c>
      <c r="M29885" t="s">
        <v>83</v>
      </c>
      <c r="N29885" t="s">
        <v>91</v>
      </c>
      <c r="O29885" t="s">
        <v>85</v>
      </c>
      <c r="P29885" t="s">
        <v>86</v>
      </c>
      <c r="Q29885">
        <v>18</v>
      </c>
      <c r="R29885">
        <v>18</v>
      </c>
      <c r="S29885">
        <v>18</v>
      </c>
      <c r="T29885">
        <v>18</v>
      </c>
      <c r="U29885">
        <v>19</v>
      </c>
      <c r="V29885">
        <v>19</v>
      </c>
      <c r="W29885">
        <v>19</v>
      </c>
      <c r="X29885">
        <v>20</v>
      </c>
      <c r="Y29885">
        <v>20</v>
      </c>
      <c r="Z29885">
        <v>20</v>
      </c>
      <c r="AA29885">
        <v>20</v>
      </c>
      <c r="AB29885">
        <v>21</v>
      </c>
      <c r="AC29885">
        <v>21</v>
      </c>
      <c r="AD29885">
        <v>21</v>
      </c>
      <c r="AE29885">
        <v>22</v>
      </c>
      <c r="AF29885">
        <v>22</v>
      </c>
      <c r="AG29885">
        <v>22</v>
      </c>
      <c r="AH29885">
        <v>22</v>
      </c>
      <c r="AI29885">
        <v>23</v>
      </c>
      <c r="AJ29885">
        <v>23</v>
      </c>
      <c r="AK29885">
        <v>23</v>
      </c>
      <c r="AL29885">
        <v>23</v>
      </c>
      <c r="AM29885">
        <v>23</v>
      </c>
      <c r="AN29885">
        <v>23</v>
      </c>
      <c r="AO29885">
        <v>23</v>
      </c>
      <c r="AP29885">
        <v>23</v>
      </c>
      <c r="AQ29885">
        <v>23</v>
      </c>
    </row>
    <row r="29886" spans="1:43">
      <c r="A29886" t="s">
        <v>18515</v>
      </c>
      <c r="B29886" t="s">
        <v>18516</v>
      </c>
      <c r="C29886" t="s">
        <v>18467</v>
      </c>
      <c r="D29886" t="s">
        <v>18468</v>
      </c>
      <c r="E29886" t="s">
        <v>18345</v>
      </c>
      <c r="F29886" t="s">
        <v>18346</v>
      </c>
      <c r="G29886" t="s">
        <v>10734</v>
      </c>
      <c r="H29886" t="s">
        <v>10735</v>
      </c>
      <c r="I29886" s="2">
        <v>0</v>
      </c>
      <c r="J29886" s="2">
        <v>0</v>
      </c>
      <c r="K29886" s="2">
        <v>1</v>
      </c>
      <c r="L29886" t="s">
        <v>995</v>
      </c>
      <c r="M29886" t="s">
        <v>83</v>
      </c>
      <c r="N29886" t="s">
        <v>84</v>
      </c>
      <c r="O29886" t="s">
        <v>85</v>
      </c>
      <c r="P29886" t="s">
        <v>86</v>
      </c>
      <c r="Q29886">
        <v>11</v>
      </c>
      <c r="R29886">
        <v>11</v>
      </c>
      <c r="S29886">
        <v>11</v>
      </c>
      <c r="T29886">
        <v>11</v>
      </c>
      <c r="U29886">
        <v>11</v>
      </c>
      <c r="V29886">
        <v>11</v>
      </c>
      <c r="W29886">
        <v>12</v>
      </c>
      <c r="X29886">
        <v>12</v>
      </c>
      <c r="Y29886">
        <v>12</v>
      </c>
      <c r="Z29886">
        <v>12</v>
      </c>
      <c r="AA29886">
        <v>12</v>
      </c>
      <c r="AB29886">
        <v>12</v>
      </c>
      <c r="AC29886">
        <v>13</v>
      </c>
      <c r="AD29886">
        <v>13</v>
      </c>
      <c r="AE29886">
        <v>13</v>
      </c>
      <c r="AF29886">
        <v>13</v>
      </c>
      <c r="AG29886">
        <v>13</v>
      </c>
      <c r="AH29886">
        <v>13</v>
      </c>
      <c r="AI29886">
        <v>14</v>
      </c>
      <c r="AJ29886">
        <v>14</v>
      </c>
      <c r="AK29886">
        <v>14</v>
      </c>
      <c r="AL29886">
        <v>14</v>
      </c>
      <c r="AM29886">
        <v>14</v>
      </c>
      <c r="AN29886">
        <v>14</v>
      </c>
      <c r="AO29886">
        <v>14</v>
      </c>
      <c r="AP29886">
        <v>14</v>
      </c>
      <c r="AQ29886">
        <v>14</v>
      </c>
    </row>
    <row r="29887" spans="1:43">
      <c r="A29887" t="s">
        <v>18515</v>
      </c>
      <c r="B29887" t="s">
        <v>18516</v>
      </c>
      <c r="C29887" t="s">
        <v>18467</v>
      </c>
      <c r="D29887" t="s">
        <v>18468</v>
      </c>
      <c r="E29887" t="s">
        <v>18345</v>
      </c>
      <c r="F29887" t="s">
        <v>18346</v>
      </c>
      <c r="G29887" t="s">
        <v>10734</v>
      </c>
      <c r="H29887" t="s">
        <v>10735</v>
      </c>
      <c r="I29887" s="2">
        <v>0</v>
      </c>
      <c r="J29887" s="2">
        <v>0</v>
      </c>
      <c r="K29887" s="2">
        <v>1</v>
      </c>
      <c r="L29887" t="s">
        <v>995</v>
      </c>
      <c r="M29887" t="s">
        <v>87</v>
      </c>
      <c r="N29887" t="s">
        <v>88</v>
      </c>
      <c r="O29887" t="s">
        <v>85</v>
      </c>
      <c r="P29887" t="s">
        <v>86</v>
      </c>
      <c r="Q29887">
        <v>11</v>
      </c>
      <c r="R29887">
        <v>12</v>
      </c>
      <c r="S29887">
        <v>12</v>
      </c>
      <c r="T29887">
        <v>12</v>
      </c>
      <c r="U29887">
        <v>12</v>
      </c>
      <c r="V29887">
        <v>12</v>
      </c>
      <c r="W29887">
        <v>12</v>
      </c>
      <c r="X29887">
        <v>12</v>
      </c>
      <c r="Y29887">
        <v>12</v>
      </c>
      <c r="Z29887">
        <v>12</v>
      </c>
      <c r="AA29887">
        <v>12</v>
      </c>
      <c r="AB29887">
        <v>12</v>
      </c>
      <c r="AC29887">
        <v>12</v>
      </c>
      <c r="AD29887">
        <v>12</v>
      </c>
      <c r="AE29887">
        <v>12</v>
      </c>
      <c r="AF29887">
        <v>13</v>
      </c>
      <c r="AG29887">
        <v>13</v>
      </c>
      <c r="AH29887">
        <v>13</v>
      </c>
      <c r="AI29887">
        <v>13</v>
      </c>
      <c r="AJ29887">
        <v>13</v>
      </c>
      <c r="AK29887">
        <v>13</v>
      </c>
      <c r="AL29887">
        <v>13</v>
      </c>
      <c r="AM29887">
        <v>13</v>
      </c>
      <c r="AN29887">
        <v>13</v>
      </c>
      <c r="AO29887">
        <v>13</v>
      </c>
      <c r="AP29887">
        <v>13</v>
      </c>
      <c r="AQ29887">
        <v>13</v>
      </c>
    </row>
    <row r="29888" spans="1:43">
      <c r="A29888" t="s">
        <v>18515</v>
      </c>
      <c r="B29888" t="s">
        <v>18516</v>
      </c>
      <c r="C29888" t="s">
        <v>18467</v>
      </c>
      <c r="D29888" t="s">
        <v>18468</v>
      </c>
      <c r="E29888" t="s">
        <v>18345</v>
      </c>
      <c r="F29888" t="s">
        <v>18346</v>
      </c>
      <c r="G29888" t="s">
        <v>10734</v>
      </c>
      <c r="H29888" t="s">
        <v>10735</v>
      </c>
      <c r="I29888" s="2">
        <v>0</v>
      </c>
      <c r="J29888" s="2">
        <v>0</v>
      </c>
      <c r="K29888" s="2">
        <v>1</v>
      </c>
      <c r="L29888" t="s">
        <v>995</v>
      </c>
      <c r="M29888" t="s">
        <v>89</v>
      </c>
      <c r="N29888" t="s">
        <v>90</v>
      </c>
      <c r="O29888" t="s">
        <v>85</v>
      </c>
      <c r="P29888" t="s">
        <v>86</v>
      </c>
      <c r="Q29888">
        <v>11</v>
      </c>
      <c r="R29888">
        <v>11</v>
      </c>
      <c r="S29888">
        <v>11</v>
      </c>
      <c r="T29888">
        <v>11</v>
      </c>
      <c r="U29888">
        <v>12</v>
      </c>
      <c r="V29888">
        <v>12</v>
      </c>
      <c r="W29888">
        <v>12</v>
      </c>
      <c r="X29888">
        <v>12</v>
      </c>
      <c r="Y29888">
        <v>13</v>
      </c>
      <c r="Z29888">
        <v>13</v>
      </c>
      <c r="AA29888">
        <v>13</v>
      </c>
      <c r="AB29888">
        <v>13</v>
      </c>
      <c r="AC29888">
        <v>13</v>
      </c>
      <c r="AD29888">
        <v>14</v>
      </c>
      <c r="AE29888">
        <v>14</v>
      </c>
      <c r="AF29888">
        <v>14</v>
      </c>
      <c r="AG29888">
        <v>14</v>
      </c>
      <c r="AH29888">
        <v>14</v>
      </c>
      <c r="AI29888">
        <v>14</v>
      </c>
      <c r="AJ29888">
        <v>14</v>
      </c>
      <c r="AK29888">
        <v>14</v>
      </c>
      <c r="AL29888">
        <v>14</v>
      </c>
      <c r="AM29888">
        <v>14</v>
      </c>
      <c r="AN29888">
        <v>14</v>
      </c>
      <c r="AO29888">
        <v>14</v>
      </c>
      <c r="AP29888">
        <v>14</v>
      </c>
      <c r="AQ29888">
        <v>14</v>
      </c>
    </row>
    <row r="29889" spans="1:43">
      <c r="A29889" t="s">
        <v>18515</v>
      </c>
      <c r="B29889" t="s">
        <v>18516</v>
      </c>
      <c r="C29889" t="s">
        <v>18467</v>
      </c>
      <c r="D29889" t="s">
        <v>18468</v>
      </c>
      <c r="E29889" t="s">
        <v>18345</v>
      </c>
      <c r="F29889" t="s">
        <v>18346</v>
      </c>
      <c r="G29889" t="s">
        <v>10734</v>
      </c>
      <c r="H29889" t="s">
        <v>10735</v>
      </c>
      <c r="I29889" s="2">
        <v>0</v>
      </c>
      <c r="J29889" s="2">
        <v>0</v>
      </c>
      <c r="K29889" s="2">
        <v>1</v>
      </c>
      <c r="L29889" t="s">
        <v>995</v>
      </c>
      <c r="M29889" t="s">
        <v>83</v>
      </c>
      <c r="N29889" t="s">
        <v>91</v>
      </c>
      <c r="O29889" t="s">
        <v>85</v>
      </c>
      <c r="P29889" t="s">
        <v>86</v>
      </c>
      <c r="Q29889">
        <v>11</v>
      </c>
      <c r="R29889">
        <v>11</v>
      </c>
      <c r="S29889">
        <v>11</v>
      </c>
      <c r="T29889">
        <v>11</v>
      </c>
      <c r="U29889">
        <v>11</v>
      </c>
      <c r="V29889">
        <v>11</v>
      </c>
      <c r="W29889">
        <v>12</v>
      </c>
      <c r="X29889">
        <v>12</v>
      </c>
      <c r="Y29889">
        <v>12</v>
      </c>
      <c r="Z29889">
        <v>12</v>
      </c>
      <c r="AA29889">
        <v>12</v>
      </c>
      <c r="AB29889">
        <v>12</v>
      </c>
      <c r="AC29889">
        <v>13</v>
      </c>
      <c r="AD29889">
        <v>13</v>
      </c>
      <c r="AE29889">
        <v>13</v>
      </c>
      <c r="AF29889">
        <v>13</v>
      </c>
      <c r="AG29889">
        <v>13</v>
      </c>
      <c r="AH29889">
        <v>13</v>
      </c>
      <c r="AI29889">
        <v>14</v>
      </c>
      <c r="AJ29889">
        <v>14</v>
      </c>
      <c r="AK29889">
        <v>14</v>
      </c>
      <c r="AL29889">
        <v>14</v>
      </c>
      <c r="AM29889">
        <v>14</v>
      </c>
      <c r="AN29889">
        <v>14</v>
      </c>
      <c r="AO29889">
        <v>14</v>
      </c>
      <c r="AP29889">
        <v>14</v>
      </c>
      <c r="AQ29889">
        <v>14</v>
      </c>
    </row>
    <row r="29890" spans="1:43">
      <c r="A29890" t="s">
        <v>18517</v>
      </c>
      <c r="B29890" t="s">
        <v>18518</v>
      </c>
      <c r="C29890" t="s">
        <v>18467</v>
      </c>
      <c r="D29890" t="s">
        <v>18468</v>
      </c>
      <c r="E29890" t="s">
        <v>18345</v>
      </c>
      <c r="F29890" t="s">
        <v>18346</v>
      </c>
      <c r="G29890" t="s">
        <v>10734</v>
      </c>
      <c r="H29890" t="s">
        <v>10735</v>
      </c>
      <c r="I29890" s="2">
        <v>0</v>
      </c>
      <c r="J29890" s="2">
        <v>0</v>
      </c>
      <c r="K29890" s="2">
        <v>1</v>
      </c>
      <c r="L29890" t="s">
        <v>995</v>
      </c>
      <c r="M29890" t="s">
        <v>83</v>
      </c>
      <c r="N29890" t="s">
        <v>84</v>
      </c>
      <c r="O29890" t="s">
        <v>85</v>
      </c>
      <c r="P29890" t="s">
        <v>86</v>
      </c>
      <c r="Q29890">
        <v>30</v>
      </c>
      <c r="R29890">
        <v>30</v>
      </c>
      <c r="S29890">
        <v>31</v>
      </c>
      <c r="T29890">
        <v>31</v>
      </c>
      <c r="U29890">
        <v>32</v>
      </c>
      <c r="V29890">
        <v>32</v>
      </c>
      <c r="W29890">
        <v>33</v>
      </c>
      <c r="X29890">
        <v>33</v>
      </c>
      <c r="Y29890">
        <v>34</v>
      </c>
      <c r="Z29890">
        <v>34</v>
      </c>
      <c r="AA29890">
        <v>35</v>
      </c>
      <c r="AB29890">
        <v>35</v>
      </c>
      <c r="AC29890">
        <v>36</v>
      </c>
      <c r="AD29890">
        <v>36</v>
      </c>
      <c r="AE29890">
        <v>37</v>
      </c>
      <c r="AF29890">
        <v>37</v>
      </c>
      <c r="AG29890">
        <v>37</v>
      </c>
      <c r="AH29890">
        <v>38</v>
      </c>
      <c r="AI29890">
        <v>38</v>
      </c>
      <c r="AJ29890">
        <v>39</v>
      </c>
      <c r="AK29890">
        <v>39</v>
      </c>
      <c r="AL29890">
        <v>39</v>
      </c>
      <c r="AM29890">
        <v>40</v>
      </c>
      <c r="AN29890">
        <v>40</v>
      </c>
      <c r="AO29890">
        <v>40</v>
      </c>
      <c r="AP29890">
        <v>40</v>
      </c>
      <c r="AQ29890">
        <v>40</v>
      </c>
    </row>
    <row r="29891" spans="1:43">
      <c r="A29891" t="s">
        <v>18517</v>
      </c>
      <c r="B29891" t="s">
        <v>18518</v>
      </c>
      <c r="C29891" t="s">
        <v>18467</v>
      </c>
      <c r="D29891" t="s">
        <v>18468</v>
      </c>
      <c r="E29891" t="s">
        <v>18345</v>
      </c>
      <c r="F29891" t="s">
        <v>18346</v>
      </c>
      <c r="G29891" t="s">
        <v>10734</v>
      </c>
      <c r="H29891" t="s">
        <v>10735</v>
      </c>
      <c r="I29891" s="2">
        <v>0</v>
      </c>
      <c r="J29891" s="2">
        <v>0</v>
      </c>
      <c r="K29891" s="2">
        <v>1</v>
      </c>
      <c r="L29891" t="s">
        <v>995</v>
      </c>
      <c r="M29891" t="s">
        <v>87</v>
      </c>
      <c r="N29891" t="s">
        <v>88</v>
      </c>
      <c r="O29891" t="s">
        <v>85</v>
      </c>
      <c r="P29891" t="s">
        <v>86</v>
      </c>
      <c r="Q29891">
        <v>30</v>
      </c>
      <c r="R29891">
        <v>30</v>
      </c>
      <c r="S29891">
        <v>30</v>
      </c>
      <c r="T29891">
        <v>30</v>
      </c>
      <c r="U29891">
        <v>30</v>
      </c>
      <c r="V29891">
        <v>31</v>
      </c>
      <c r="W29891">
        <v>31</v>
      </c>
      <c r="X29891">
        <v>31</v>
      </c>
      <c r="Y29891">
        <v>31</v>
      </c>
      <c r="Z29891">
        <v>31</v>
      </c>
      <c r="AA29891">
        <v>32</v>
      </c>
      <c r="AB29891">
        <v>32</v>
      </c>
      <c r="AC29891">
        <v>32</v>
      </c>
      <c r="AD29891">
        <v>32</v>
      </c>
      <c r="AE29891">
        <v>32</v>
      </c>
      <c r="AF29891">
        <v>33</v>
      </c>
      <c r="AG29891">
        <v>33</v>
      </c>
      <c r="AH29891">
        <v>33</v>
      </c>
      <c r="AI29891">
        <v>33</v>
      </c>
      <c r="AJ29891">
        <v>33</v>
      </c>
      <c r="AK29891">
        <v>34</v>
      </c>
      <c r="AL29891">
        <v>34</v>
      </c>
      <c r="AM29891">
        <v>34</v>
      </c>
      <c r="AN29891">
        <v>34</v>
      </c>
      <c r="AO29891">
        <v>34</v>
      </c>
      <c r="AP29891">
        <v>35</v>
      </c>
      <c r="AQ29891">
        <v>35</v>
      </c>
    </row>
    <row r="29892" spans="1:43">
      <c r="A29892" t="s">
        <v>18517</v>
      </c>
      <c r="B29892" t="s">
        <v>18518</v>
      </c>
      <c r="C29892" t="s">
        <v>18467</v>
      </c>
      <c r="D29892" t="s">
        <v>18468</v>
      </c>
      <c r="E29892" t="s">
        <v>18345</v>
      </c>
      <c r="F29892" t="s">
        <v>18346</v>
      </c>
      <c r="G29892" t="s">
        <v>10734</v>
      </c>
      <c r="H29892" t="s">
        <v>10735</v>
      </c>
      <c r="I29892" s="2">
        <v>0</v>
      </c>
      <c r="J29892" s="2">
        <v>0</v>
      </c>
      <c r="K29892" s="2">
        <v>1</v>
      </c>
      <c r="L29892" t="s">
        <v>995</v>
      </c>
      <c r="M29892" t="s">
        <v>89</v>
      </c>
      <c r="N29892" t="s">
        <v>90</v>
      </c>
      <c r="O29892" t="s">
        <v>85</v>
      </c>
      <c r="P29892" t="s">
        <v>86</v>
      </c>
      <c r="Q29892">
        <v>30</v>
      </c>
      <c r="R29892">
        <v>31</v>
      </c>
      <c r="S29892">
        <v>32</v>
      </c>
      <c r="T29892">
        <v>32</v>
      </c>
      <c r="U29892">
        <v>33</v>
      </c>
      <c r="V29892">
        <v>34</v>
      </c>
      <c r="W29892">
        <v>35</v>
      </c>
      <c r="X29892">
        <v>35</v>
      </c>
      <c r="Y29892">
        <v>36</v>
      </c>
      <c r="Z29892">
        <v>36</v>
      </c>
      <c r="AA29892">
        <v>37</v>
      </c>
      <c r="AB29892">
        <v>37</v>
      </c>
      <c r="AC29892">
        <v>38</v>
      </c>
      <c r="AD29892">
        <v>39</v>
      </c>
      <c r="AE29892">
        <v>39</v>
      </c>
      <c r="AF29892">
        <v>39</v>
      </c>
      <c r="AG29892">
        <v>39</v>
      </c>
      <c r="AH29892">
        <v>39</v>
      </c>
      <c r="AI29892">
        <v>39</v>
      </c>
      <c r="AJ29892">
        <v>40</v>
      </c>
      <c r="AK29892">
        <v>40</v>
      </c>
      <c r="AL29892">
        <v>40</v>
      </c>
      <c r="AM29892">
        <v>40</v>
      </c>
      <c r="AN29892">
        <v>40</v>
      </c>
      <c r="AO29892">
        <v>40</v>
      </c>
      <c r="AP29892">
        <v>40</v>
      </c>
      <c r="AQ29892">
        <v>40</v>
      </c>
    </row>
    <row r="29893" spans="1:43">
      <c r="A29893" t="s">
        <v>18517</v>
      </c>
      <c r="B29893" t="s">
        <v>18518</v>
      </c>
      <c r="C29893" t="s">
        <v>18467</v>
      </c>
      <c r="D29893" t="s">
        <v>18468</v>
      </c>
      <c r="E29893" t="s">
        <v>18345</v>
      </c>
      <c r="F29893" t="s">
        <v>18346</v>
      </c>
      <c r="G29893" t="s">
        <v>10734</v>
      </c>
      <c r="H29893" t="s">
        <v>10735</v>
      </c>
      <c r="I29893" s="2">
        <v>0</v>
      </c>
      <c r="J29893" s="2">
        <v>0</v>
      </c>
      <c r="K29893" s="2">
        <v>1</v>
      </c>
      <c r="L29893" t="s">
        <v>995</v>
      </c>
      <c r="M29893" t="s">
        <v>83</v>
      </c>
      <c r="N29893" t="s">
        <v>91</v>
      </c>
      <c r="O29893" t="s">
        <v>85</v>
      </c>
      <c r="P29893" t="s">
        <v>86</v>
      </c>
      <c r="Q29893">
        <v>30</v>
      </c>
      <c r="R29893">
        <v>30</v>
      </c>
      <c r="S29893">
        <v>31</v>
      </c>
      <c r="T29893">
        <v>31</v>
      </c>
      <c r="U29893">
        <v>32</v>
      </c>
      <c r="V29893">
        <v>32</v>
      </c>
      <c r="W29893">
        <v>33</v>
      </c>
      <c r="X29893">
        <v>33</v>
      </c>
      <c r="Y29893">
        <v>34</v>
      </c>
      <c r="Z29893">
        <v>34</v>
      </c>
      <c r="AA29893">
        <v>35</v>
      </c>
      <c r="AB29893">
        <v>35</v>
      </c>
      <c r="AC29893">
        <v>36</v>
      </c>
      <c r="AD29893">
        <v>36</v>
      </c>
      <c r="AE29893">
        <v>37</v>
      </c>
      <c r="AF29893">
        <v>37</v>
      </c>
      <c r="AG29893">
        <v>37</v>
      </c>
      <c r="AH29893">
        <v>38</v>
      </c>
      <c r="AI29893">
        <v>38</v>
      </c>
      <c r="AJ29893">
        <v>39</v>
      </c>
      <c r="AK29893">
        <v>39</v>
      </c>
      <c r="AL29893">
        <v>39</v>
      </c>
      <c r="AM29893">
        <v>40</v>
      </c>
      <c r="AN29893">
        <v>40</v>
      </c>
      <c r="AO29893">
        <v>40</v>
      </c>
      <c r="AP29893">
        <v>40</v>
      </c>
      <c r="AQ29893">
        <v>40</v>
      </c>
    </row>
    <row r="29894" spans="1:43">
      <c r="A29894" t="s">
        <v>18519</v>
      </c>
      <c r="B29894" t="s">
        <v>18520</v>
      </c>
      <c r="C29894" t="s">
        <v>18379</v>
      </c>
      <c r="D29894" t="s">
        <v>18380</v>
      </c>
      <c r="E29894" t="s">
        <v>18345</v>
      </c>
      <c r="F29894" t="s">
        <v>18346</v>
      </c>
      <c r="G29894" t="s">
        <v>10734</v>
      </c>
      <c r="H29894" t="s">
        <v>10735</v>
      </c>
      <c r="I29894" s="2">
        <v>0</v>
      </c>
      <c r="J29894" s="2">
        <v>0</v>
      </c>
      <c r="K29894" s="2">
        <v>1</v>
      </c>
      <c r="L29894" t="s">
        <v>995</v>
      </c>
      <c r="M29894" t="s">
        <v>83</v>
      </c>
      <c r="N29894" t="s">
        <v>84</v>
      </c>
      <c r="O29894" t="s">
        <v>85</v>
      </c>
      <c r="P29894" t="s">
        <v>86</v>
      </c>
      <c r="Q29894">
        <v>16</v>
      </c>
      <c r="R29894">
        <v>16</v>
      </c>
      <c r="S29894">
        <v>16</v>
      </c>
      <c r="T29894">
        <v>17</v>
      </c>
      <c r="U29894">
        <v>17</v>
      </c>
      <c r="V29894">
        <v>17</v>
      </c>
      <c r="W29894">
        <v>17</v>
      </c>
      <c r="X29894">
        <v>18</v>
      </c>
      <c r="Y29894">
        <v>18</v>
      </c>
      <c r="Z29894">
        <v>18</v>
      </c>
      <c r="AA29894">
        <v>19</v>
      </c>
      <c r="AB29894">
        <v>19</v>
      </c>
      <c r="AC29894">
        <v>19</v>
      </c>
      <c r="AD29894">
        <v>19</v>
      </c>
      <c r="AE29894">
        <v>19</v>
      </c>
      <c r="AF29894">
        <v>20</v>
      </c>
      <c r="AG29894">
        <v>20</v>
      </c>
      <c r="AH29894">
        <v>20</v>
      </c>
      <c r="AI29894">
        <v>20</v>
      </c>
      <c r="AJ29894">
        <v>21</v>
      </c>
      <c r="AK29894">
        <v>21</v>
      </c>
      <c r="AL29894">
        <v>21</v>
      </c>
      <c r="AM29894">
        <v>21</v>
      </c>
      <c r="AN29894">
        <v>21</v>
      </c>
      <c r="AO29894">
        <v>21</v>
      </c>
      <c r="AP29894">
        <v>21</v>
      </c>
      <c r="AQ29894">
        <v>21</v>
      </c>
    </row>
    <row r="29895" spans="1:43">
      <c r="A29895" t="s">
        <v>18519</v>
      </c>
      <c r="B29895" t="s">
        <v>18520</v>
      </c>
      <c r="C29895" t="s">
        <v>18379</v>
      </c>
      <c r="D29895" t="s">
        <v>18380</v>
      </c>
      <c r="E29895" t="s">
        <v>18345</v>
      </c>
      <c r="F29895" t="s">
        <v>18346</v>
      </c>
      <c r="G29895" t="s">
        <v>10734</v>
      </c>
      <c r="H29895" t="s">
        <v>10735</v>
      </c>
      <c r="I29895" s="2">
        <v>0</v>
      </c>
      <c r="J29895" s="2">
        <v>0</v>
      </c>
      <c r="K29895" s="2">
        <v>1</v>
      </c>
      <c r="L29895" t="s">
        <v>995</v>
      </c>
      <c r="M29895" t="s">
        <v>87</v>
      </c>
      <c r="N29895" t="s">
        <v>88</v>
      </c>
      <c r="O29895" t="s">
        <v>85</v>
      </c>
      <c r="P29895" t="s">
        <v>86</v>
      </c>
      <c r="Q29895">
        <v>16</v>
      </c>
      <c r="R29895">
        <v>16</v>
      </c>
      <c r="S29895">
        <v>16</v>
      </c>
      <c r="T29895">
        <v>16</v>
      </c>
      <c r="U29895">
        <v>16</v>
      </c>
      <c r="V29895">
        <v>16</v>
      </c>
      <c r="W29895">
        <v>16</v>
      </c>
      <c r="X29895">
        <v>17</v>
      </c>
      <c r="Y29895">
        <v>17</v>
      </c>
      <c r="Z29895">
        <v>17</v>
      </c>
      <c r="AA29895">
        <v>17</v>
      </c>
      <c r="AB29895">
        <v>17</v>
      </c>
      <c r="AC29895">
        <v>17</v>
      </c>
      <c r="AD29895">
        <v>17</v>
      </c>
      <c r="AE29895">
        <v>17</v>
      </c>
      <c r="AF29895">
        <v>17</v>
      </c>
      <c r="AG29895">
        <v>17</v>
      </c>
      <c r="AH29895">
        <v>18</v>
      </c>
      <c r="AI29895">
        <v>18</v>
      </c>
      <c r="AJ29895">
        <v>18</v>
      </c>
      <c r="AK29895">
        <v>18</v>
      </c>
      <c r="AL29895">
        <v>18</v>
      </c>
      <c r="AM29895">
        <v>18</v>
      </c>
      <c r="AN29895">
        <v>18</v>
      </c>
      <c r="AO29895">
        <v>18</v>
      </c>
      <c r="AP29895">
        <v>18</v>
      </c>
      <c r="AQ29895">
        <v>19</v>
      </c>
    </row>
    <row r="29896" spans="1:43">
      <c r="A29896" t="s">
        <v>18519</v>
      </c>
      <c r="B29896" t="s">
        <v>18520</v>
      </c>
      <c r="C29896" t="s">
        <v>18379</v>
      </c>
      <c r="D29896" t="s">
        <v>18380</v>
      </c>
      <c r="E29896" t="s">
        <v>18345</v>
      </c>
      <c r="F29896" t="s">
        <v>18346</v>
      </c>
      <c r="G29896" t="s">
        <v>10734</v>
      </c>
      <c r="H29896" t="s">
        <v>10735</v>
      </c>
      <c r="I29896" s="2">
        <v>0</v>
      </c>
      <c r="J29896" s="2">
        <v>0</v>
      </c>
      <c r="K29896" s="2">
        <v>1</v>
      </c>
      <c r="L29896" t="s">
        <v>995</v>
      </c>
      <c r="M29896" t="s">
        <v>89</v>
      </c>
      <c r="N29896" t="s">
        <v>90</v>
      </c>
      <c r="O29896" t="s">
        <v>85</v>
      </c>
      <c r="P29896" t="s">
        <v>86</v>
      </c>
      <c r="Q29896">
        <v>16</v>
      </c>
      <c r="R29896">
        <v>16</v>
      </c>
      <c r="S29896">
        <v>17</v>
      </c>
      <c r="T29896">
        <v>17</v>
      </c>
      <c r="U29896">
        <v>18</v>
      </c>
      <c r="V29896">
        <v>18</v>
      </c>
      <c r="W29896">
        <v>18</v>
      </c>
      <c r="X29896">
        <v>19</v>
      </c>
      <c r="Y29896">
        <v>19</v>
      </c>
      <c r="Z29896">
        <v>19</v>
      </c>
      <c r="AA29896">
        <v>20</v>
      </c>
      <c r="AB29896">
        <v>20</v>
      </c>
      <c r="AC29896">
        <v>20</v>
      </c>
      <c r="AD29896">
        <v>21</v>
      </c>
      <c r="AE29896">
        <v>21</v>
      </c>
      <c r="AF29896">
        <v>21</v>
      </c>
      <c r="AG29896">
        <v>21</v>
      </c>
      <c r="AH29896">
        <v>21</v>
      </c>
      <c r="AI29896">
        <v>21</v>
      </c>
      <c r="AJ29896">
        <v>21</v>
      </c>
      <c r="AK29896">
        <v>21</v>
      </c>
      <c r="AL29896">
        <v>21</v>
      </c>
      <c r="AM29896">
        <v>21</v>
      </c>
      <c r="AN29896">
        <v>21</v>
      </c>
      <c r="AO29896">
        <v>21</v>
      </c>
      <c r="AP29896">
        <v>22</v>
      </c>
      <c r="AQ29896">
        <v>22</v>
      </c>
    </row>
    <row r="29897" spans="1:43">
      <c r="A29897" t="s">
        <v>18519</v>
      </c>
      <c r="B29897" t="s">
        <v>18520</v>
      </c>
      <c r="C29897" t="s">
        <v>18379</v>
      </c>
      <c r="D29897" t="s">
        <v>18380</v>
      </c>
      <c r="E29897" t="s">
        <v>18345</v>
      </c>
      <c r="F29897" t="s">
        <v>18346</v>
      </c>
      <c r="G29897" t="s">
        <v>10734</v>
      </c>
      <c r="H29897" t="s">
        <v>10735</v>
      </c>
      <c r="I29897" s="2">
        <v>0</v>
      </c>
      <c r="J29897" s="2">
        <v>0</v>
      </c>
      <c r="K29897" s="2">
        <v>1</v>
      </c>
      <c r="L29897" t="s">
        <v>995</v>
      </c>
      <c r="M29897" t="s">
        <v>83</v>
      </c>
      <c r="N29897" t="s">
        <v>91</v>
      </c>
      <c r="O29897" t="s">
        <v>85</v>
      </c>
      <c r="P29897" t="s">
        <v>86</v>
      </c>
      <c r="Q29897">
        <v>16</v>
      </c>
      <c r="R29897">
        <v>16</v>
      </c>
      <c r="S29897">
        <v>16</v>
      </c>
      <c r="T29897">
        <v>17</v>
      </c>
      <c r="U29897">
        <v>17</v>
      </c>
      <c r="V29897">
        <v>17</v>
      </c>
      <c r="W29897">
        <v>17</v>
      </c>
      <c r="X29897">
        <v>18</v>
      </c>
      <c r="Y29897">
        <v>18</v>
      </c>
      <c r="Z29897">
        <v>18</v>
      </c>
      <c r="AA29897">
        <v>19</v>
      </c>
      <c r="AB29897">
        <v>19</v>
      </c>
      <c r="AC29897">
        <v>19</v>
      </c>
      <c r="AD29897">
        <v>19</v>
      </c>
      <c r="AE29897">
        <v>19</v>
      </c>
      <c r="AF29897">
        <v>20</v>
      </c>
      <c r="AG29897">
        <v>20</v>
      </c>
      <c r="AH29897">
        <v>20</v>
      </c>
      <c r="AI29897">
        <v>20</v>
      </c>
      <c r="AJ29897">
        <v>21</v>
      </c>
      <c r="AK29897">
        <v>21</v>
      </c>
      <c r="AL29897">
        <v>21</v>
      </c>
      <c r="AM29897">
        <v>21</v>
      </c>
      <c r="AN29897">
        <v>21</v>
      </c>
      <c r="AO29897">
        <v>21</v>
      </c>
      <c r="AP29897">
        <v>21</v>
      </c>
      <c r="AQ29897">
        <v>21</v>
      </c>
    </row>
    <row r="29898" spans="1:43">
      <c r="A29898" t="s">
        <v>18521</v>
      </c>
      <c r="B29898" t="s">
        <v>18522</v>
      </c>
      <c r="C29898" t="s">
        <v>18379</v>
      </c>
      <c r="D29898" t="s">
        <v>18380</v>
      </c>
      <c r="E29898" t="s">
        <v>18345</v>
      </c>
      <c r="F29898" t="s">
        <v>18346</v>
      </c>
      <c r="G29898" t="s">
        <v>10734</v>
      </c>
      <c r="H29898" t="s">
        <v>10735</v>
      </c>
      <c r="I29898" s="2">
        <v>0</v>
      </c>
      <c r="J29898" s="2">
        <v>0</v>
      </c>
      <c r="K29898" s="2">
        <v>1</v>
      </c>
      <c r="L29898" t="s">
        <v>995</v>
      </c>
      <c r="M29898" t="s">
        <v>83</v>
      </c>
      <c r="N29898" t="s">
        <v>84</v>
      </c>
      <c r="O29898" t="s">
        <v>85</v>
      </c>
      <c r="P29898" t="s">
        <v>86</v>
      </c>
      <c r="Q29898">
        <v>9</v>
      </c>
      <c r="R29898">
        <v>9</v>
      </c>
      <c r="S29898">
        <v>10</v>
      </c>
      <c r="T29898">
        <v>10</v>
      </c>
      <c r="U29898">
        <v>10</v>
      </c>
      <c r="V29898">
        <v>10</v>
      </c>
      <c r="W29898">
        <v>10</v>
      </c>
      <c r="X29898">
        <v>10</v>
      </c>
      <c r="Y29898">
        <v>11</v>
      </c>
      <c r="Z29898">
        <v>11</v>
      </c>
      <c r="AA29898">
        <v>11</v>
      </c>
      <c r="AB29898">
        <v>11</v>
      </c>
      <c r="AC29898">
        <v>11</v>
      </c>
      <c r="AD29898">
        <v>11</v>
      </c>
      <c r="AE29898">
        <v>11</v>
      </c>
      <c r="AF29898">
        <v>12</v>
      </c>
      <c r="AG29898">
        <v>12</v>
      </c>
      <c r="AH29898">
        <v>12</v>
      </c>
      <c r="AI29898">
        <v>12</v>
      </c>
      <c r="AJ29898">
        <v>12</v>
      </c>
      <c r="AK29898">
        <v>12</v>
      </c>
      <c r="AL29898">
        <v>12</v>
      </c>
      <c r="AM29898">
        <v>12</v>
      </c>
      <c r="AN29898">
        <v>12</v>
      </c>
      <c r="AO29898">
        <v>12</v>
      </c>
      <c r="AP29898">
        <v>12</v>
      </c>
      <c r="AQ29898">
        <v>13</v>
      </c>
    </row>
    <row r="29899" spans="1:43">
      <c r="A29899" t="s">
        <v>18521</v>
      </c>
      <c r="B29899" t="s">
        <v>18522</v>
      </c>
      <c r="C29899" t="s">
        <v>18379</v>
      </c>
      <c r="D29899" t="s">
        <v>18380</v>
      </c>
      <c r="E29899" t="s">
        <v>18345</v>
      </c>
      <c r="F29899" t="s">
        <v>18346</v>
      </c>
      <c r="G29899" t="s">
        <v>10734</v>
      </c>
      <c r="H29899" t="s">
        <v>10735</v>
      </c>
      <c r="I29899" s="2">
        <v>0</v>
      </c>
      <c r="J29899" s="2">
        <v>0</v>
      </c>
      <c r="K29899" s="2">
        <v>1</v>
      </c>
      <c r="L29899" t="s">
        <v>995</v>
      </c>
      <c r="M29899" t="s">
        <v>87</v>
      </c>
      <c r="N29899" t="s">
        <v>88</v>
      </c>
      <c r="O29899" t="s">
        <v>85</v>
      </c>
      <c r="P29899" t="s">
        <v>86</v>
      </c>
      <c r="Q29899">
        <v>9</v>
      </c>
      <c r="R29899">
        <v>9</v>
      </c>
      <c r="S29899">
        <v>9</v>
      </c>
      <c r="T29899">
        <v>9</v>
      </c>
      <c r="U29899">
        <v>9</v>
      </c>
      <c r="V29899">
        <v>10</v>
      </c>
      <c r="W29899">
        <v>10</v>
      </c>
      <c r="X29899">
        <v>10</v>
      </c>
      <c r="Y29899">
        <v>10</v>
      </c>
      <c r="Z29899">
        <v>10</v>
      </c>
      <c r="AA29899">
        <v>10</v>
      </c>
      <c r="AB29899">
        <v>10</v>
      </c>
      <c r="AC29899">
        <v>10</v>
      </c>
      <c r="AD29899">
        <v>10</v>
      </c>
      <c r="AE29899">
        <v>10</v>
      </c>
      <c r="AF29899">
        <v>10</v>
      </c>
      <c r="AG29899">
        <v>10</v>
      </c>
      <c r="AH29899">
        <v>10</v>
      </c>
      <c r="AI29899">
        <v>10</v>
      </c>
      <c r="AJ29899">
        <v>10</v>
      </c>
      <c r="AK29899">
        <v>10</v>
      </c>
      <c r="AL29899">
        <v>11</v>
      </c>
      <c r="AM29899">
        <v>11</v>
      </c>
      <c r="AN29899">
        <v>11</v>
      </c>
      <c r="AO29899">
        <v>11</v>
      </c>
      <c r="AP29899">
        <v>11</v>
      </c>
      <c r="AQ29899">
        <v>11</v>
      </c>
    </row>
    <row r="29900" spans="1:43">
      <c r="A29900" t="s">
        <v>18521</v>
      </c>
      <c r="B29900" t="s">
        <v>18522</v>
      </c>
      <c r="C29900" t="s">
        <v>18379</v>
      </c>
      <c r="D29900" t="s">
        <v>18380</v>
      </c>
      <c r="E29900" t="s">
        <v>18345</v>
      </c>
      <c r="F29900" t="s">
        <v>18346</v>
      </c>
      <c r="G29900" t="s">
        <v>10734</v>
      </c>
      <c r="H29900" t="s">
        <v>10735</v>
      </c>
      <c r="I29900" s="2">
        <v>0</v>
      </c>
      <c r="J29900" s="2">
        <v>0</v>
      </c>
      <c r="K29900" s="2">
        <v>1</v>
      </c>
      <c r="L29900" t="s">
        <v>995</v>
      </c>
      <c r="M29900" t="s">
        <v>89</v>
      </c>
      <c r="N29900" t="s">
        <v>90</v>
      </c>
      <c r="O29900" t="s">
        <v>85</v>
      </c>
      <c r="P29900" t="s">
        <v>86</v>
      </c>
      <c r="Q29900">
        <v>9</v>
      </c>
      <c r="R29900">
        <v>10</v>
      </c>
      <c r="S29900">
        <v>10</v>
      </c>
      <c r="T29900">
        <v>10</v>
      </c>
      <c r="U29900">
        <v>10</v>
      </c>
      <c r="V29900">
        <v>11</v>
      </c>
      <c r="W29900">
        <v>11</v>
      </c>
      <c r="X29900">
        <v>11</v>
      </c>
      <c r="Y29900">
        <v>11</v>
      </c>
      <c r="Z29900">
        <v>11</v>
      </c>
      <c r="AA29900">
        <v>12</v>
      </c>
      <c r="AB29900">
        <v>12</v>
      </c>
      <c r="AC29900">
        <v>12</v>
      </c>
      <c r="AD29900">
        <v>12</v>
      </c>
      <c r="AE29900">
        <v>12</v>
      </c>
      <c r="AF29900">
        <v>12</v>
      </c>
      <c r="AG29900">
        <v>12</v>
      </c>
      <c r="AH29900">
        <v>12</v>
      </c>
      <c r="AI29900">
        <v>12</v>
      </c>
      <c r="AJ29900">
        <v>12</v>
      </c>
      <c r="AK29900">
        <v>12</v>
      </c>
      <c r="AL29900">
        <v>12</v>
      </c>
      <c r="AM29900">
        <v>13</v>
      </c>
      <c r="AN29900">
        <v>13</v>
      </c>
      <c r="AO29900">
        <v>13</v>
      </c>
      <c r="AP29900">
        <v>13</v>
      </c>
      <c r="AQ29900">
        <v>13</v>
      </c>
    </row>
    <row r="29901" spans="1:43">
      <c r="A29901" t="s">
        <v>18521</v>
      </c>
      <c r="B29901" t="s">
        <v>18522</v>
      </c>
      <c r="C29901" t="s">
        <v>18379</v>
      </c>
      <c r="D29901" t="s">
        <v>18380</v>
      </c>
      <c r="E29901" t="s">
        <v>18345</v>
      </c>
      <c r="F29901" t="s">
        <v>18346</v>
      </c>
      <c r="G29901" t="s">
        <v>10734</v>
      </c>
      <c r="H29901" t="s">
        <v>10735</v>
      </c>
      <c r="I29901" s="2">
        <v>0</v>
      </c>
      <c r="J29901" s="2">
        <v>0</v>
      </c>
      <c r="K29901" s="2">
        <v>1</v>
      </c>
      <c r="L29901" t="s">
        <v>995</v>
      </c>
      <c r="M29901" t="s">
        <v>83</v>
      </c>
      <c r="N29901" t="s">
        <v>91</v>
      </c>
      <c r="O29901" t="s">
        <v>85</v>
      </c>
      <c r="P29901" t="s">
        <v>86</v>
      </c>
      <c r="Q29901">
        <v>9</v>
      </c>
      <c r="R29901">
        <v>9</v>
      </c>
      <c r="S29901">
        <v>10</v>
      </c>
      <c r="T29901">
        <v>10</v>
      </c>
      <c r="U29901">
        <v>10</v>
      </c>
      <c r="V29901">
        <v>10</v>
      </c>
      <c r="W29901">
        <v>10</v>
      </c>
      <c r="X29901">
        <v>10</v>
      </c>
      <c r="Y29901">
        <v>11</v>
      </c>
      <c r="Z29901">
        <v>11</v>
      </c>
      <c r="AA29901">
        <v>11</v>
      </c>
      <c r="AB29901">
        <v>11</v>
      </c>
      <c r="AC29901">
        <v>11</v>
      </c>
      <c r="AD29901">
        <v>11</v>
      </c>
      <c r="AE29901">
        <v>11</v>
      </c>
      <c r="AF29901">
        <v>12</v>
      </c>
      <c r="AG29901">
        <v>12</v>
      </c>
      <c r="AH29901">
        <v>12</v>
      </c>
      <c r="AI29901">
        <v>12</v>
      </c>
      <c r="AJ29901">
        <v>12</v>
      </c>
      <c r="AK29901">
        <v>12</v>
      </c>
      <c r="AL29901">
        <v>12</v>
      </c>
      <c r="AM29901">
        <v>12</v>
      </c>
      <c r="AN29901">
        <v>12</v>
      </c>
      <c r="AO29901">
        <v>12</v>
      </c>
      <c r="AP29901">
        <v>12</v>
      </c>
      <c r="AQ29901">
        <v>13</v>
      </c>
    </row>
    <row r="29902" spans="1:43">
      <c r="A29902" t="s">
        <v>18523</v>
      </c>
      <c r="B29902" t="s">
        <v>18524</v>
      </c>
      <c r="C29902" t="s">
        <v>18375</v>
      </c>
      <c r="D29902" t="s">
        <v>18376</v>
      </c>
      <c r="E29902" t="s">
        <v>18345</v>
      </c>
      <c r="F29902" t="s">
        <v>18346</v>
      </c>
      <c r="G29902" t="s">
        <v>10734</v>
      </c>
      <c r="H29902" t="s">
        <v>10735</v>
      </c>
      <c r="I29902" s="2">
        <v>0</v>
      </c>
      <c r="J29902" s="2">
        <v>0</v>
      </c>
      <c r="K29902" s="2">
        <v>1</v>
      </c>
      <c r="L29902" t="s">
        <v>995</v>
      </c>
      <c r="M29902" t="s">
        <v>83</v>
      </c>
      <c r="N29902" t="s">
        <v>84</v>
      </c>
      <c r="O29902" t="s">
        <v>85</v>
      </c>
      <c r="P29902" t="s">
        <v>86</v>
      </c>
      <c r="Q29902">
        <v>67</v>
      </c>
      <c r="R29902">
        <v>68</v>
      </c>
      <c r="S29902">
        <v>69</v>
      </c>
      <c r="T29902">
        <v>70</v>
      </c>
      <c r="U29902">
        <v>71</v>
      </c>
      <c r="V29902">
        <v>72</v>
      </c>
      <c r="W29902">
        <v>73</v>
      </c>
      <c r="X29902">
        <v>74</v>
      </c>
      <c r="Y29902">
        <v>76</v>
      </c>
      <c r="Z29902">
        <v>77</v>
      </c>
      <c r="AA29902">
        <v>78</v>
      </c>
      <c r="AB29902">
        <v>79</v>
      </c>
      <c r="AC29902">
        <v>80</v>
      </c>
      <c r="AD29902">
        <v>81</v>
      </c>
      <c r="AE29902">
        <v>82</v>
      </c>
      <c r="AF29902">
        <v>83</v>
      </c>
      <c r="AG29902">
        <v>84</v>
      </c>
      <c r="AH29902">
        <v>85</v>
      </c>
      <c r="AI29902">
        <v>86</v>
      </c>
      <c r="AJ29902">
        <v>87</v>
      </c>
      <c r="AK29902">
        <v>88</v>
      </c>
      <c r="AL29902">
        <v>88</v>
      </c>
      <c r="AM29902">
        <v>89</v>
      </c>
      <c r="AN29902">
        <v>89</v>
      </c>
      <c r="AO29902">
        <v>89</v>
      </c>
      <c r="AP29902">
        <v>89</v>
      </c>
      <c r="AQ29902">
        <v>90</v>
      </c>
    </row>
    <row r="29903" spans="1:43">
      <c r="A29903" t="s">
        <v>18523</v>
      </c>
      <c r="B29903" t="s">
        <v>18524</v>
      </c>
      <c r="C29903" t="s">
        <v>18375</v>
      </c>
      <c r="D29903" t="s">
        <v>18376</v>
      </c>
      <c r="E29903" t="s">
        <v>18345</v>
      </c>
      <c r="F29903" t="s">
        <v>18346</v>
      </c>
      <c r="G29903" t="s">
        <v>10734</v>
      </c>
      <c r="H29903" t="s">
        <v>10735</v>
      </c>
      <c r="I29903" s="2">
        <v>0</v>
      </c>
      <c r="J29903" s="2">
        <v>0</v>
      </c>
      <c r="K29903" s="2">
        <v>1</v>
      </c>
      <c r="L29903" t="s">
        <v>995</v>
      </c>
      <c r="M29903" t="s">
        <v>87</v>
      </c>
      <c r="N29903" t="s">
        <v>88</v>
      </c>
      <c r="O29903" t="s">
        <v>85</v>
      </c>
      <c r="P29903" t="s">
        <v>86</v>
      </c>
      <c r="Q29903">
        <v>67</v>
      </c>
      <c r="R29903">
        <v>68</v>
      </c>
      <c r="S29903">
        <v>68</v>
      </c>
      <c r="T29903">
        <v>68</v>
      </c>
      <c r="U29903">
        <v>69</v>
      </c>
      <c r="V29903">
        <v>69</v>
      </c>
      <c r="W29903">
        <v>70</v>
      </c>
      <c r="X29903">
        <v>70</v>
      </c>
      <c r="Y29903">
        <v>71</v>
      </c>
      <c r="Z29903">
        <v>71</v>
      </c>
      <c r="AA29903">
        <v>72</v>
      </c>
      <c r="AB29903">
        <v>72</v>
      </c>
      <c r="AC29903">
        <v>73</v>
      </c>
      <c r="AD29903">
        <v>73</v>
      </c>
      <c r="AE29903">
        <v>74</v>
      </c>
      <c r="AF29903">
        <v>74</v>
      </c>
      <c r="AG29903">
        <v>74</v>
      </c>
      <c r="AH29903">
        <v>75</v>
      </c>
      <c r="AI29903">
        <v>75</v>
      </c>
      <c r="AJ29903">
        <v>76</v>
      </c>
      <c r="AK29903">
        <v>76</v>
      </c>
      <c r="AL29903">
        <v>77</v>
      </c>
      <c r="AM29903">
        <v>77</v>
      </c>
      <c r="AN29903">
        <v>78</v>
      </c>
      <c r="AO29903">
        <v>78</v>
      </c>
      <c r="AP29903">
        <v>78</v>
      </c>
      <c r="AQ29903">
        <v>79</v>
      </c>
    </row>
    <row r="29904" spans="1:43">
      <c r="A29904" t="s">
        <v>18523</v>
      </c>
      <c r="B29904" t="s">
        <v>18524</v>
      </c>
      <c r="C29904" t="s">
        <v>18375</v>
      </c>
      <c r="D29904" t="s">
        <v>18376</v>
      </c>
      <c r="E29904" t="s">
        <v>18345</v>
      </c>
      <c r="F29904" t="s">
        <v>18346</v>
      </c>
      <c r="G29904" t="s">
        <v>10734</v>
      </c>
      <c r="H29904" t="s">
        <v>10735</v>
      </c>
      <c r="I29904" s="2">
        <v>0</v>
      </c>
      <c r="J29904" s="2">
        <v>0</v>
      </c>
      <c r="K29904" s="2">
        <v>1</v>
      </c>
      <c r="L29904" t="s">
        <v>995</v>
      </c>
      <c r="M29904" t="s">
        <v>89</v>
      </c>
      <c r="N29904" t="s">
        <v>90</v>
      </c>
      <c r="O29904" t="s">
        <v>85</v>
      </c>
      <c r="P29904" t="s">
        <v>86</v>
      </c>
      <c r="Q29904">
        <v>67</v>
      </c>
      <c r="R29904">
        <v>69</v>
      </c>
      <c r="S29904">
        <v>71</v>
      </c>
      <c r="T29904">
        <v>72</v>
      </c>
      <c r="U29904">
        <v>74</v>
      </c>
      <c r="V29904">
        <v>75</v>
      </c>
      <c r="W29904">
        <v>77</v>
      </c>
      <c r="X29904">
        <v>79</v>
      </c>
      <c r="Y29904">
        <v>80</v>
      </c>
      <c r="Z29904">
        <v>81</v>
      </c>
      <c r="AA29904">
        <v>83</v>
      </c>
      <c r="AB29904">
        <v>84</v>
      </c>
      <c r="AC29904">
        <v>85</v>
      </c>
      <c r="AD29904">
        <v>87</v>
      </c>
      <c r="AE29904">
        <v>88</v>
      </c>
      <c r="AF29904">
        <v>88</v>
      </c>
      <c r="AG29904">
        <v>88</v>
      </c>
      <c r="AH29904">
        <v>88</v>
      </c>
      <c r="AI29904">
        <v>89</v>
      </c>
      <c r="AJ29904">
        <v>89</v>
      </c>
      <c r="AK29904">
        <v>89</v>
      </c>
      <c r="AL29904">
        <v>90</v>
      </c>
      <c r="AM29904">
        <v>90</v>
      </c>
      <c r="AN29904">
        <v>90</v>
      </c>
      <c r="AO29904">
        <v>90</v>
      </c>
      <c r="AP29904">
        <v>90</v>
      </c>
      <c r="AQ29904">
        <v>91</v>
      </c>
    </row>
    <row r="29905" spans="1:43">
      <c r="A29905" t="s">
        <v>18523</v>
      </c>
      <c r="B29905" t="s">
        <v>18524</v>
      </c>
      <c r="C29905" t="s">
        <v>18375</v>
      </c>
      <c r="D29905" t="s">
        <v>18376</v>
      </c>
      <c r="E29905" t="s">
        <v>18345</v>
      </c>
      <c r="F29905" t="s">
        <v>18346</v>
      </c>
      <c r="G29905" t="s">
        <v>10734</v>
      </c>
      <c r="H29905" t="s">
        <v>10735</v>
      </c>
      <c r="I29905" s="2">
        <v>0</v>
      </c>
      <c r="J29905" s="2">
        <v>0</v>
      </c>
      <c r="K29905" s="2">
        <v>1</v>
      </c>
      <c r="L29905" t="s">
        <v>995</v>
      </c>
      <c r="M29905" t="s">
        <v>83</v>
      </c>
      <c r="N29905" t="s">
        <v>91</v>
      </c>
      <c r="O29905" t="s">
        <v>85</v>
      </c>
      <c r="P29905" t="s">
        <v>86</v>
      </c>
      <c r="Q29905">
        <v>67</v>
      </c>
      <c r="R29905">
        <v>68</v>
      </c>
      <c r="S29905">
        <v>69</v>
      </c>
      <c r="T29905">
        <v>70</v>
      </c>
      <c r="U29905">
        <v>71</v>
      </c>
      <c r="V29905">
        <v>72</v>
      </c>
      <c r="W29905">
        <v>73</v>
      </c>
      <c r="X29905">
        <v>74</v>
      </c>
      <c r="Y29905">
        <v>76</v>
      </c>
      <c r="Z29905">
        <v>77</v>
      </c>
      <c r="AA29905">
        <v>78</v>
      </c>
      <c r="AB29905">
        <v>79</v>
      </c>
      <c r="AC29905">
        <v>80</v>
      </c>
      <c r="AD29905">
        <v>81</v>
      </c>
      <c r="AE29905">
        <v>82</v>
      </c>
      <c r="AF29905">
        <v>83</v>
      </c>
      <c r="AG29905">
        <v>84</v>
      </c>
      <c r="AH29905">
        <v>85</v>
      </c>
      <c r="AI29905">
        <v>86</v>
      </c>
      <c r="AJ29905">
        <v>87</v>
      </c>
      <c r="AK29905">
        <v>88</v>
      </c>
      <c r="AL29905">
        <v>88</v>
      </c>
      <c r="AM29905">
        <v>89</v>
      </c>
      <c r="AN29905">
        <v>89</v>
      </c>
      <c r="AO29905">
        <v>89</v>
      </c>
      <c r="AP29905">
        <v>89</v>
      </c>
      <c r="AQ29905">
        <v>90</v>
      </c>
    </row>
    <row r="29906" spans="1:43">
      <c r="A29906" t="s">
        <v>18525</v>
      </c>
      <c r="B29906" t="s">
        <v>18526</v>
      </c>
      <c r="C29906" t="s">
        <v>18387</v>
      </c>
      <c r="D29906" t="s">
        <v>18388</v>
      </c>
      <c r="E29906" t="s">
        <v>18345</v>
      </c>
      <c r="F29906" t="s">
        <v>18346</v>
      </c>
      <c r="G29906" t="s">
        <v>10734</v>
      </c>
      <c r="H29906" t="s">
        <v>10735</v>
      </c>
      <c r="I29906" s="2">
        <v>0</v>
      </c>
      <c r="J29906" s="2">
        <v>0</v>
      </c>
      <c r="K29906" s="2">
        <v>0.56000000000000005</v>
      </c>
      <c r="L29906" t="s">
        <v>995</v>
      </c>
      <c r="M29906" t="s">
        <v>83</v>
      </c>
      <c r="N29906" t="s">
        <v>84</v>
      </c>
      <c r="O29906" t="s">
        <v>85</v>
      </c>
      <c r="P29906" t="s">
        <v>86</v>
      </c>
      <c r="Q29906">
        <v>11</v>
      </c>
      <c r="R29906">
        <v>12</v>
      </c>
      <c r="S29906">
        <v>12</v>
      </c>
      <c r="T29906">
        <v>12</v>
      </c>
      <c r="U29906">
        <v>12</v>
      </c>
      <c r="V29906">
        <v>12</v>
      </c>
      <c r="W29906">
        <v>12</v>
      </c>
      <c r="X29906">
        <v>13</v>
      </c>
      <c r="Y29906">
        <v>13</v>
      </c>
      <c r="Z29906">
        <v>13</v>
      </c>
      <c r="AA29906">
        <v>13</v>
      </c>
      <c r="AB29906">
        <v>13</v>
      </c>
      <c r="AC29906">
        <v>14</v>
      </c>
      <c r="AD29906">
        <v>14</v>
      </c>
      <c r="AE29906">
        <v>14</v>
      </c>
      <c r="AF29906">
        <v>14</v>
      </c>
      <c r="AG29906">
        <v>14</v>
      </c>
      <c r="AH29906">
        <v>14</v>
      </c>
      <c r="AI29906">
        <v>15</v>
      </c>
      <c r="AJ29906">
        <v>15</v>
      </c>
      <c r="AK29906">
        <v>15</v>
      </c>
      <c r="AL29906">
        <v>15</v>
      </c>
      <c r="AM29906">
        <v>15</v>
      </c>
      <c r="AN29906">
        <v>15</v>
      </c>
      <c r="AO29906">
        <v>15</v>
      </c>
      <c r="AP29906">
        <v>15</v>
      </c>
      <c r="AQ29906">
        <v>15</v>
      </c>
    </row>
    <row r="29907" spans="1:43">
      <c r="A29907" t="s">
        <v>18525</v>
      </c>
      <c r="B29907" t="s">
        <v>18526</v>
      </c>
      <c r="C29907" t="s">
        <v>18387</v>
      </c>
      <c r="D29907" t="s">
        <v>18388</v>
      </c>
      <c r="E29907" t="s">
        <v>18345</v>
      </c>
      <c r="F29907" t="s">
        <v>18346</v>
      </c>
      <c r="G29907" t="s">
        <v>10734</v>
      </c>
      <c r="H29907" t="s">
        <v>10735</v>
      </c>
      <c r="I29907" s="2">
        <v>0</v>
      </c>
      <c r="J29907" s="2">
        <v>0</v>
      </c>
      <c r="K29907" s="2">
        <v>0.56000000000000005</v>
      </c>
      <c r="L29907" t="s">
        <v>995</v>
      </c>
      <c r="M29907" t="s">
        <v>87</v>
      </c>
      <c r="N29907" t="s">
        <v>88</v>
      </c>
      <c r="O29907" t="s">
        <v>85</v>
      </c>
      <c r="P29907" t="s">
        <v>86</v>
      </c>
      <c r="Q29907">
        <v>11</v>
      </c>
      <c r="R29907">
        <v>11</v>
      </c>
      <c r="S29907">
        <v>11</v>
      </c>
      <c r="T29907">
        <v>11</v>
      </c>
      <c r="U29907">
        <v>12</v>
      </c>
      <c r="V29907">
        <v>12</v>
      </c>
      <c r="W29907">
        <v>12</v>
      </c>
      <c r="X29907">
        <v>12</v>
      </c>
      <c r="Y29907">
        <v>12</v>
      </c>
      <c r="Z29907">
        <v>12</v>
      </c>
      <c r="AA29907">
        <v>12</v>
      </c>
      <c r="AB29907">
        <v>12</v>
      </c>
      <c r="AC29907">
        <v>12</v>
      </c>
      <c r="AD29907">
        <v>12</v>
      </c>
      <c r="AE29907">
        <v>12</v>
      </c>
      <c r="AF29907">
        <v>12</v>
      </c>
      <c r="AG29907">
        <v>12</v>
      </c>
      <c r="AH29907">
        <v>12</v>
      </c>
      <c r="AI29907">
        <v>13</v>
      </c>
      <c r="AJ29907">
        <v>13</v>
      </c>
      <c r="AK29907">
        <v>13</v>
      </c>
      <c r="AL29907">
        <v>13</v>
      </c>
      <c r="AM29907">
        <v>13</v>
      </c>
      <c r="AN29907">
        <v>13</v>
      </c>
      <c r="AO29907">
        <v>13</v>
      </c>
      <c r="AP29907">
        <v>13</v>
      </c>
      <c r="AQ29907">
        <v>13</v>
      </c>
    </row>
    <row r="29908" spans="1:43">
      <c r="A29908" t="s">
        <v>18525</v>
      </c>
      <c r="B29908" t="s">
        <v>18526</v>
      </c>
      <c r="C29908" t="s">
        <v>18387</v>
      </c>
      <c r="D29908" t="s">
        <v>18388</v>
      </c>
      <c r="E29908" t="s">
        <v>18345</v>
      </c>
      <c r="F29908" t="s">
        <v>18346</v>
      </c>
      <c r="G29908" t="s">
        <v>10734</v>
      </c>
      <c r="H29908" t="s">
        <v>10735</v>
      </c>
      <c r="I29908" s="2">
        <v>0</v>
      </c>
      <c r="J29908" s="2">
        <v>0</v>
      </c>
      <c r="K29908" s="2">
        <v>0.56000000000000005</v>
      </c>
      <c r="L29908" t="s">
        <v>995</v>
      </c>
      <c r="M29908" t="s">
        <v>89</v>
      </c>
      <c r="N29908" t="s">
        <v>90</v>
      </c>
      <c r="O29908" t="s">
        <v>85</v>
      </c>
      <c r="P29908" t="s">
        <v>86</v>
      </c>
      <c r="Q29908">
        <v>11</v>
      </c>
      <c r="R29908">
        <v>12</v>
      </c>
      <c r="S29908">
        <v>12</v>
      </c>
      <c r="T29908">
        <v>12</v>
      </c>
      <c r="U29908">
        <v>13</v>
      </c>
      <c r="V29908">
        <v>13</v>
      </c>
      <c r="W29908">
        <v>13</v>
      </c>
      <c r="X29908">
        <v>13</v>
      </c>
      <c r="Y29908">
        <v>14</v>
      </c>
      <c r="Z29908">
        <v>14</v>
      </c>
      <c r="AA29908">
        <v>14</v>
      </c>
      <c r="AB29908">
        <v>14</v>
      </c>
      <c r="AC29908">
        <v>14</v>
      </c>
      <c r="AD29908">
        <v>15</v>
      </c>
      <c r="AE29908">
        <v>15</v>
      </c>
      <c r="AF29908">
        <v>15</v>
      </c>
      <c r="AG29908">
        <v>15</v>
      </c>
      <c r="AH29908">
        <v>15</v>
      </c>
      <c r="AI29908">
        <v>15</v>
      </c>
      <c r="AJ29908">
        <v>15</v>
      </c>
      <c r="AK29908">
        <v>15</v>
      </c>
      <c r="AL29908">
        <v>15</v>
      </c>
      <c r="AM29908">
        <v>15</v>
      </c>
      <c r="AN29908">
        <v>15</v>
      </c>
      <c r="AO29908">
        <v>15</v>
      </c>
      <c r="AP29908">
        <v>15</v>
      </c>
      <c r="AQ29908">
        <v>15</v>
      </c>
    </row>
    <row r="29909" spans="1:43">
      <c r="A29909" t="s">
        <v>18525</v>
      </c>
      <c r="B29909" t="s">
        <v>18526</v>
      </c>
      <c r="C29909" t="s">
        <v>18387</v>
      </c>
      <c r="D29909" t="s">
        <v>18388</v>
      </c>
      <c r="E29909" t="s">
        <v>18345</v>
      </c>
      <c r="F29909" t="s">
        <v>18346</v>
      </c>
      <c r="G29909" t="s">
        <v>10734</v>
      </c>
      <c r="H29909" t="s">
        <v>10735</v>
      </c>
      <c r="I29909" s="2">
        <v>0</v>
      </c>
      <c r="J29909" s="2">
        <v>0</v>
      </c>
      <c r="K29909" s="2">
        <v>0.56000000000000005</v>
      </c>
      <c r="L29909" t="s">
        <v>995</v>
      </c>
      <c r="M29909" t="s">
        <v>83</v>
      </c>
      <c r="N29909" t="s">
        <v>91</v>
      </c>
      <c r="O29909" t="s">
        <v>85</v>
      </c>
      <c r="P29909" t="s">
        <v>86</v>
      </c>
      <c r="Q29909">
        <v>11</v>
      </c>
      <c r="R29909">
        <v>12</v>
      </c>
      <c r="S29909">
        <v>12</v>
      </c>
      <c r="T29909">
        <v>12</v>
      </c>
      <c r="U29909">
        <v>12</v>
      </c>
      <c r="V29909">
        <v>12</v>
      </c>
      <c r="W29909">
        <v>12</v>
      </c>
      <c r="X29909">
        <v>13</v>
      </c>
      <c r="Y29909">
        <v>13</v>
      </c>
      <c r="Z29909">
        <v>13</v>
      </c>
      <c r="AA29909">
        <v>13</v>
      </c>
      <c r="AB29909">
        <v>13</v>
      </c>
      <c r="AC29909">
        <v>14</v>
      </c>
      <c r="AD29909">
        <v>14</v>
      </c>
      <c r="AE29909">
        <v>14</v>
      </c>
      <c r="AF29909">
        <v>14</v>
      </c>
      <c r="AG29909">
        <v>14</v>
      </c>
      <c r="AH29909">
        <v>14</v>
      </c>
      <c r="AI29909">
        <v>15</v>
      </c>
      <c r="AJ29909">
        <v>15</v>
      </c>
      <c r="AK29909">
        <v>15</v>
      </c>
      <c r="AL29909">
        <v>15</v>
      </c>
      <c r="AM29909">
        <v>15</v>
      </c>
      <c r="AN29909">
        <v>15</v>
      </c>
      <c r="AO29909">
        <v>15</v>
      </c>
      <c r="AP29909">
        <v>15</v>
      </c>
      <c r="AQ29909">
        <v>15</v>
      </c>
    </row>
    <row r="29910" spans="1:43">
      <c r="A29910" t="s">
        <v>18527</v>
      </c>
      <c r="B29910" t="s">
        <v>18528</v>
      </c>
      <c r="C29910" t="s">
        <v>18403</v>
      </c>
      <c r="D29910" t="s">
        <v>18404</v>
      </c>
      <c r="E29910" t="s">
        <v>18345</v>
      </c>
      <c r="F29910" t="s">
        <v>18346</v>
      </c>
      <c r="G29910" t="s">
        <v>10734</v>
      </c>
      <c r="H29910" t="s">
        <v>10735</v>
      </c>
      <c r="I29910" s="2">
        <v>0</v>
      </c>
      <c r="J29910" s="2">
        <v>0</v>
      </c>
      <c r="K29910" s="2">
        <v>1</v>
      </c>
      <c r="L29910" t="s">
        <v>995</v>
      </c>
      <c r="M29910" t="s">
        <v>83</v>
      </c>
      <c r="N29910" t="s">
        <v>84</v>
      </c>
      <c r="O29910" t="s">
        <v>85</v>
      </c>
      <c r="P29910" t="s">
        <v>86</v>
      </c>
      <c r="Q29910">
        <v>31</v>
      </c>
      <c r="R29910">
        <v>31</v>
      </c>
      <c r="S29910">
        <v>32</v>
      </c>
      <c r="T29910">
        <v>32</v>
      </c>
      <c r="U29910">
        <v>33</v>
      </c>
      <c r="V29910">
        <v>33</v>
      </c>
      <c r="W29910">
        <v>34</v>
      </c>
      <c r="X29910">
        <v>34</v>
      </c>
      <c r="Y29910">
        <v>35</v>
      </c>
      <c r="Z29910">
        <v>35</v>
      </c>
      <c r="AA29910">
        <v>36</v>
      </c>
      <c r="AB29910">
        <v>36</v>
      </c>
      <c r="AC29910">
        <v>37</v>
      </c>
      <c r="AD29910">
        <v>37</v>
      </c>
      <c r="AE29910">
        <v>37</v>
      </c>
      <c r="AF29910">
        <v>38</v>
      </c>
      <c r="AG29910">
        <v>38</v>
      </c>
      <c r="AH29910">
        <v>39</v>
      </c>
      <c r="AI29910">
        <v>39</v>
      </c>
      <c r="AJ29910">
        <v>40</v>
      </c>
      <c r="AK29910">
        <v>40</v>
      </c>
      <c r="AL29910">
        <v>40</v>
      </c>
      <c r="AM29910">
        <v>41</v>
      </c>
      <c r="AN29910">
        <v>41</v>
      </c>
      <c r="AO29910">
        <v>41</v>
      </c>
      <c r="AP29910">
        <v>41</v>
      </c>
      <c r="AQ29910">
        <v>41</v>
      </c>
    </row>
    <row r="29911" spans="1:43">
      <c r="A29911" t="s">
        <v>18527</v>
      </c>
      <c r="B29911" t="s">
        <v>18528</v>
      </c>
      <c r="C29911" t="s">
        <v>18403</v>
      </c>
      <c r="D29911" t="s">
        <v>18404</v>
      </c>
      <c r="E29911" t="s">
        <v>18345</v>
      </c>
      <c r="F29911" t="s">
        <v>18346</v>
      </c>
      <c r="G29911" t="s">
        <v>10734</v>
      </c>
      <c r="H29911" t="s">
        <v>10735</v>
      </c>
      <c r="I29911" s="2">
        <v>0</v>
      </c>
      <c r="J29911" s="2">
        <v>0</v>
      </c>
      <c r="K29911" s="2">
        <v>1</v>
      </c>
      <c r="L29911" t="s">
        <v>995</v>
      </c>
      <c r="M29911" t="s">
        <v>87</v>
      </c>
      <c r="N29911" t="s">
        <v>88</v>
      </c>
      <c r="O29911" t="s">
        <v>85</v>
      </c>
      <c r="P29911" t="s">
        <v>86</v>
      </c>
      <c r="Q29911">
        <v>31</v>
      </c>
      <c r="R29911">
        <v>32</v>
      </c>
      <c r="S29911">
        <v>32</v>
      </c>
      <c r="T29911">
        <v>32</v>
      </c>
      <c r="U29911">
        <v>32</v>
      </c>
      <c r="V29911">
        <v>32</v>
      </c>
      <c r="W29911">
        <v>33</v>
      </c>
      <c r="X29911">
        <v>33</v>
      </c>
      <c r="Y29911">
        <v>33</v>
      </c>
      <c r="Z29911">
        <v>33</v>
      </c>
      <c r="AA29911">
        <v>33</v>
      </c>
      <c r="AB29911">
        <v>34</v>
      </c>
      <c r="AC29911">
        <v>34</v>
      </c>
      <c r="AD29911">
        <v>34</v>
      </c>
      <c r="AE29911">
        <v>34</v>
      </c>
      <c r="AF29911">
        <v>34</v>
      </c>
      <c r="AG29911">
        <v>35</v>
      </c>
      <c r="AH29911">
        <v>35</v>
      </c>
      <c r="AI29911">
        <v>35</v>
      </c>
      <c r="AJ29911">
        <v>35</v>
      </c>
      <c r="AK29911">
        <v>35</v>
      </c>
      <c r="AL29911">
        <v>36</v>
      </c>
      <c r="AM29911">
        <v>36</v>
      </c>
      <c r="AN29911">
        <v>36</v>
      </c>
      <c r="AO29911">
        <v>36</v>
      </c>
      <c r="AP29911">
        <v>36</v>
      </c>
      <c r="AQ29911">
        <v>37</v>
      </c>
    </row>
    <row r="29912" spans="1:43">
      <c r="A29912" t="s">
        <v>18527</v>
      </c>
      <c r="B29912" t="s">
        <v>18528</v>
      </c>
      <c r="C29912" t="s">
        <v>18403</v>
      </c>
      <c r="D29912" t="s">
        <v>18404</v>
      </c>
      <c r="E29912" t="s">
        <v>18345</v>
      </c>
      <c r="F29912" t="s">
        <v>18346</v>
      </c>
      <c r="G29912" t="s">
        <v>10734</v>
      </c>
      <c r="H29912" t="s">
        <v>10735</v>
      </c>
      <c r="I29912" s="2">
        <v>0</v>
      </c>
      <c r="J29912" s="2">
        <v>0</v>
      </c>
      <c r="K29912" s="2">
        <v>1</v>
      </c>
      <c r="L29912" t="s">
        <v>995</v>
      </c>
      <c r="M29912" t="s">
        <v>89</v>
      </c>
      <c r="N29912" t="s">
        <v>90</v>
      </c>
      <c r="O29912" t="s">
        <v>85</v>
      </c>
      <c r="P29912" t="s">
        <v>86</v>
      </c>
      <c r="Q29912">
        <v>31</v>
      </c>
      <c r="R29912">
        <v>32</v>
      </c>
      <c r="S29912">
        <v>32</v>
      </c>
      <c r="T29912">
        <v>33</v>
      </c>
      <c r="U29912">
        <v>34</v>
      </c>
      <c r="V29912">
        <v>35</v>
      </c>
      <c r="W29912">
        <v>35</v>
      </c>
      <c r="X29912">
        <v>36</v>
      </c>
      <c r="Y29912">
        <v>37</v>
      </c>
      <c r="Z29912">
        <v>37</v>
      </c>
      <c r="AA29912">
        <v>38</v>
      </c>
      <c r="AB29912">
        <v>38</v>
      </c>
      <c r="AC29912">
        <v>39</v>
      </c>
      <c r="AD29912">
        <v>40</v>
      </c>
      <c r="AE29912">
        <v>40</v>
      </c>
      <c r="AF29912">
        <v>40</v>
      </c>
      <c r="AG29912">
        <v>40</v>
      </c>
      <c r="AH29912">
        <v>40</v>
      </c>
      <c r="AI29912">
        <v>41</v>
      </c>
      <c r="AJ29912">
        <v>41</v>
      </c>
      <c r="AK29912">
        <v>41</v>
      </c>
      <c r="AL29912">
        <v>41</v>
      </c>
      <c r="AM29912">
        <v>41</v>
      </c>
      <c r="AN29912">
        <v>41</v>
      </c>
      <c r="AO29912">
        <v>41</v>
      </c>
      <c r="AP29912">
        <v>41</v>
      </c>
      <c r="AQ29912">
        <v>41</v>
      </c>
    </row>
    <row r="29913" spans="1:43">
      <c r="A29913" t="s">
        <v>18527</v>
      </c>
      <c r="B29913" t="s">
        <v>18528</v>
      </c>
      <c r="C29913" t="s">
        <v>18403</v>
      </c>
      <c r="D29913" t="s">
        <v>18404</v>
      </c>
      <c r="E29913" t="s">
        <v>18345</v>
      </c>
      <c r="F29913" t="s">
        <v>18346</v>
      </c>
      <c r="G29913" t="s">
        <v>10734</v>
      </c>
      <c r="H29913" t="s">
        <v>10735</v>
      </c>
      <c r="I29913" s="2">
        <v>0</v>
      </c>
      <c r="J29913" s="2">
        <v>0</v>
      </c>
      <c r="K29913" s="2">
        <v>1</v>
      </c>
      <c r="L29913" t="s">
        <v>995</v>
      </c>
      <c r="M29913" t="s">
        <v>83</v>
      </c>
      <c r="N29913" t="s">
        <v>91</v>
      </c>
      <c r="O29913" t="s">
        <v>85</v>
      </c>
      <c r="P29913" t="s">
        <v>86</v>
      </c>
      <c r="Q29913">
        <v>31</v>
      </c>
      <c r="R29913">
        <v>31</v>
      </c>
      <c r="S29913">
        <v>32</v>
      </c>
      <c r="T29913">
        <v>32</v>
      </c>
      <c r="U29913">
        <v>33</v>
      </c>
      <c r="V29913">
        <v>33</v>
      </c>
      <c r="W29913">
        <v>34</v>
      </c>
      <c r="X29913">
        <v>34</v>
      </c>
      <c r="Y29913">
        <v>35</v>
      </c>
      <c r="Z29913">
        <v>35</v>
      </c>
      <c r="AA29913">
        <v>36</v>
      </c>
      <c r="AB29913">
        <v>36</v>
      </c>
      <c r="AC29913">
        <v>37</v>
      </c>
      <c r="AD29913">
        <v>37</v>
      </c>
      <c r="AE29913">
        <v>37</v>
      </c>
      <c r="AF29913">
        <v>38</v>
      </c>
      <c r="AG29913">
        <v>38</v>
      </c>
      <c r="AH29913">
        <v>39</v>
      </c>
      <c r="AI29913">
        <v>39</v>
      </c>
      <c r="AJ29913">
        <v>40</v>
      </c>
      <c r="AK29913">
        <v>40</v>
      </c>
      <c r="AL29913">
        <v>40</v>
      </c>
      <c r="AM29913">
        <v>41</v>
      </c>
      <c r="AN29913">
        <v>41</v>
      </c>
      <c r="AO29913">
        <v>41</v>
      </c>
      <c r="AP29913">
        <v>41</v>
      </c>
      <c r="AQ29913">
        <v>41</v>
      </c>
    </row>
    <row r="29914" spans="1:43">
      <c r="A29914" t="s">
        <v>18529</v>
      </c>
      <c r="B29914" t="s">
        <v>18530</v>
      </c>
      <c r="C29914" t="s">
        <v>18387</v>
      </c>
      <c r="D29914" t="s">
        <v>18388</v>
      </c>
      <c r="E29914" t="s">
        <v>18345</v>
      </c>
      <c r="F29914" t="s">
        <v>18346</v>
      </c>
      <c r="G29914" t="s">
        <v>10734</v>
      </c>
      <c r="H29914" t="s">
        <v>10735</v>
      </c>
      <c r="I29914" s="2">
        <v>0</v>
      </c>
      <c r="J29914" s="2">
        <v>0</v>
      </c>
      <c r="K29914" s="2">
        <v>1</v>
      </c>
      <c r="L29914" t="s">
        <v>995</v>
      </c>
      <c r="M29914" t="s">
        <v>83</v>
      </c>
      <c r="N29914" t="s">
        <v>84</v>
      </c>
      <c r="O29914" t="s">
        <v>85</v>
      </c>
      <c r="P29914" t="s">
        <v>86</v>
      </c>
      <c r="Q29914">
        <v>27</v>
      </c>
      <c r="R29914">
        <v>27</v>
      </c>
      <c r="S29914">
        <v>28</v>
      </c>
      <c r="T29914">
        <v>28</v>
      </c>
      <c r="U29914">
        <v>29</v>
      </c>
      <c r="V29914">
        <v>29</v>
      </c>
      <c r="W29914">
        <v>29</v>
      </c>
      <c r="X29914">
        <v>30</v>
      </c>
      <c r="Y29914">
        <v>30</v>
      </c>
      <c r="Z29914">
        <v>31</v>
      </c>
      <c r="AA29914">
        <v>31</v>
      </c>
      <c r="AB29914">
        <v>32</v>
      </c>
      <c r="AC29914">
        <v>32</v>
      </c>
      <c r="AD29914">
        <v>32</v>
      </c>
      <c r="AE29914">
        <v>33</v>
      </c>
      <c r="AF29914">
        <v>33</v>
      </c>
      <c r="AG29914">
        <v>34</v>
      </c>
      <c r="AH29914">
        <v>34</v>
      </c>
      <c r="AI29914">
        <v>34</v>
      </c>
      <c r="AJ29914">
        <v>35</v>
      </c>
      <c r="AK29914">
        <v>35</v>
      </c>
      <c r="AL29914">
        <v>35</v>
      </c>
      <c r="AM29914">
        <v>35</v>
      </c>
      <c r="AN29914">
        <v>36</v>
      </c>
      <c r="AO29914">
        <v>36</v>
      </c>
      <c r="AP29914">
        <v>36</v>
      </c>
      <c r="AQ29914">
        <v>36</v>
      </c>
    </row>
    <row r="29915" spans="1:43">
      <c r="A29915" t="s">
        <v>18529</v>
      </c>
      <c r="B29915" t="s">
        <v>18530</v>
      </c>
      <c r="C29915" t="s">
        <v>18387</v>
      </c>
      <c r="D29915" t="s">
        <v>18388</v>
      </c>
      <c r="E29915" t="s">
        <v>18345</v>
      </c>
      <c r="F29915" t="s">
        <v>18346</v>
      </c>
      <c r="G29915" t="s">
        <v>10734</v>
      </c>
      <c r="H29915" t="s">
        <v>10735</v>
      </c>
      <c r="I29915" s="2">
        <v>0</v>
      </c>
      <c r="J29915" s="2">
        <v>0</v>
      </c>
      <c r="K29915" s="2">
        <v>1</v>
      </c>
      <c r="L29915" t="s">
        <v>995</v>
      </c>
      <c r="M29915" t="s">
        <v>87</v>
      </c>
      <c r="N29915" t="s">
        <v>88</v>
      </c>
      <c r="O29915" t="s">
        <v>85</v>
      </c>
      <c r="P29915" t="s">
        <v>86</v>
      </c>
      <c r="Q29915">
        <v>27</v>
      </c>
      <c r="R29915">
        <v>27</v>
      </c>
      <c r="S29915">
        <v>27</v>
      </c>
      <c r="T29915">
        <v>27</v>
      </c>
      <c r="U29915">
        <v>27</v>
      </c>
      <c r="V29915">
        <v>28</v>
      </c>
      <c r="W29915">
        <v>28</v>
      </c>
      <c r="X29915">
        <v>28</v>
      </c>
      <c r="Y29915">
        <v>28</v>
      </c>
      <c r="Z29915">
        <v>28</v>
      </c>
      <c r="AA29915">
        <v>28</v>
      </c>
      <c r="AB29915">
        <v>29</v>
      </c>
      <c r="AC29915">
        <v>29</v>
      </c>
      <c r="AD29915">
        <v>29</v>
      </c>
      <c r="AE29915">
        <v>29</v>
      </c>
      <c r="AF29915">
        <v>29</v>
      </c>
      <c r="AG29915">
        <v>29</v>
      </c>
      <c r="AH29915">
        <v>30</v>
      </c>
      <c r="AI29915">
        <v>30</v>
      </c>
      <c r="AJ29915">
        <v>30</v>
      </c>
      <c r="AK29915">
        <v>30</v>
      </c>
      <c r="AL29915">
        <v>30</v>
      </c>
      <c r="AM29915">
        <v>30</v>
      </c>
      <c r="AN29915">
        <v>31</v>
      </c>
      <c r="AO29915">
        <v>31</v>
      </c>
      <c r="AP29915">
        <v>31</v>
      </c>
      <c r="AQ29915">
        <v>31</v>
      </c>
    </row>
    <row r="29916" spans="1:43">
      <c r="A29916" t="s">
        <v>18529</v>
      </c>
      <c r="B29916" t="s">
        <v>18530</v>
      </c>
      <c r="C29916" t="s">
        <v>18387</v>
      </c>
      <c r="D29916" t="s">
        <v>18388</v>
      </c>
      <c r="E29916" t="s">
        <v>18345</v>
      </c>
      <c r="F29916" t="s">
        <v>18346</v>
      </c>
      <c r="G29916" t="s">
        <v>10734</v>
      </c>
      <c r="H29916" t="s">
        <v>10735</v>
      </c>
      <c r="I29916" s="2">
        <v>0</v>
      </c>
      <c r="J29916" s="2">
        <v>0</v>
      </c>
      <c r="K29916" s="2">
        <v>1</v>
      </c>
      <c r="L29916" t="s">
        <v>995</v>
      </c>
      <c r="M29916" t="s">
        <v>89</v>
      </c>
      <c r="N29916" t="s">
        <v>90</v>
      </c>
      <c r="O29916" t="s">
        <v>85</v>
      </c>
      <c r="P29916" t="s">
        <v>86</v>
      </c>
      <c r="Q29916">
        <v>27</v>
      </c>
      <c r="R29916">
        <v>28</v>
      </c>
      <c r="S29916">
        <v>28</v>
      </c>
      <c r="T29916">
        <v>29</v>
      </c>
      <c r="U29916">
        <v>30</v>
      </c>
      <c r="V29916">
        <v>30</v>
      </c>
      <c r="W29916">
        <v>31</v>
      </c>
      <c r="X29916">
        <v>32</v>
      </c>
      <c r="Y29916">
        <v>32</v>
      </c>
      <c r="Z29916">
        <v>33</v>
      </c>
      <c r="AA29916">
        <v>33</v>
      </c>
      <c r="AB29916">
        <v>34</v>
      </c>
      <c r="AC29916">
        <v>34</v>
      </c>
      <c r="AD29916">
        <v>35</v>
      </c>
      <c r="AE29916">
        <v>35</v>
      </c>
      <c r="AF29916">
        <v>35</v>
      </c>
      <c r="AG29916">
        <v>35</v>
      </c>
      <c r="AH29916">
        <v>35</v>
      </c>
      <c r="AI29916">
        <v>35</v>
      </c>
      <c r="AJ29916">
        <v>36</v>
      </c>
      <c r="AK29916">
        <v>36</v>
      </c>
      <c r="AL29916">
        <v>36</v>
      </c>
      <c r="AM29916">
        <v>36</v>
      </c>
      <c r="AN29916">
        <v>36</v>
      </c>
      <c r="AO29916">
        <v>36</v>
      </c>
      <c r="AP29916">
        <v>36</v>
      </c>
      <c r="AQ29916">
        <v>36</v>
      </c>
    </row>
    <row r="29917" spans="1:43">
      <c r="A29917" t="s">
        <v>18529</v>
      </c>
      <c r="B29917" t="s">
        <v>18530</v>
      </c>
      <c r="C29917" t="s">
        <v>18387</v>
      </c>
      <c r="D29917" t="s">
        <v>18388</v>
      </c>
      <c r="E29917" t="s">
        <v>18345</v>
      </c>
      <c r="F29917" t="s">
        <v>18346</v>
      </c>
      <c r="G29917" t="s">
        <v>10734</v>
      </c>
      <c r="H29917" t="s">
        <v>10735</v>
      </c>
      <c r="I29917" s="2">
        <v>0</v>
      </c>
      <c r="J29917" s="2">
        <v>0</v>
      </c>
      <c r="K29917" s="2">
        <v>1</v>
      </c>
      <c r="L29917" t="s">
        <v>995</v>
      </c>
      <c r="M29917" t="s">
        <v>83</v>
      </c>
      <c r="N29917" t="s">
        <v>91</v>
      </c>
      <c r="O29917" t="s">
        <v>85</v>
      </c>
      <c r="P29917" t="s">
        <v>86</v>
      </c>
      <c r="Q29917">
        <v>27</v>
      </c>
      <c r="R29917">
        <v>27</v>
      </c>
      <c r="S29917">
        <v>28</v>
      </c>
      <c r="T29917">
        <v>28</v>
      </c>
      <c r="U29917">
        <v>29</v>
      </c>
      <c r="V29917">
        <v>29</v>
      </c>
      <c r="W29917">
        <v>29</v>
      </c>
      <c r="X29917">
        <v>30</v>
      </c>
      <c r="Y29917">
        <v>30</v>
      </c>
      <c r="Z29917">
        <v>31</v>
      </c>
      <c r="AA29917">
        <v>31</v>
      </c>
      <c r="AB29917">
        <v>32</v>
      </c>
      <c r="AC29917">
        <v>32</v>
      </c>
      <c r="AD29917">
        <v>32</v>
      </c>
      <c r="AE29917">
        <v>33</v>
      </c>
      <c r="AF29917">
        <v>33</v>
      </c>
      <c r="AG29917">
        <v>34</v>
      </c>
      <c r="AH29917">
        <v>34</v>
      </c>
      <c r="AI29917">
        <v>34</v>
      </c>
      <c r="AJ29917">
        <v>35</v>
      </c>
      <c r="AK29917">
        <v>35</v>
      </c>
      <c r="AL29917">
        <v>35</v>
      </c>
      <c r="AM29917">
        <v>35</v>
      </c>
      <c r="AN29917">
        <v>36</v>
      </c>
      <c r="AO29917">
        <v>36</v>
      </c>
      <c r="AP29917">
        <v>36</v>
      </c>
      <c r="AQ29917">
        <v>36</v>
      </c>
    </row>
    <row r="29918" spans="1:43">
      <c r="A29918" t="s">
        <v>18531</v>
      </c>
      <c r="B29918" t="s">
        <v>18532</v>
      </c>
      <c r="C29918" t="s">
        <v>18387</v>
      </c>
      <c r="D29918" t="s">
        <v>18388</v>
      </c>
      <c r="E29918" t="s">
        <v>18345</v>
      </c>
      <c r="F29918" t="s">
        <v>18346</v>
      </c>
      <c r="G29918" t="s">
        <v>10734</v>
      </c>
      <c r="H29918" t="s">
        <v>10735</v>
      </c>
      <c r="I29918" s="2">
        <v>0</v>
      </c>
      <c r="J29918" s="2">
        <v>0</v>
      </c>
      <c r="K29918" s="2">
        <v>0.98</v>
      </c>
      <c r="L29918" t="s">
        <v>995</v>
      </c>
      <c r="M29918" t="s">
        <v>83</v>
      </c>
      <c r="N29918" t="s">
        <v>84</v>
      </c>
      <c r="O29918" t="s">
        <v>85</v>
      </c>
      <c r="P29918" t="s">
        <v>86</v>
      </c>
      <c r="Q29918">
        <v>20</v>
      </c>
      <c r="R29918">
        <v>21</v>
      </c>
      <c r="S29918">
        <v>21</v>
      </c>
      <c r="T29918">
        <v>21</v>
      </c>
      <c r="U29918">
        <v>22</v>
      </c>
      <c r="V29918">
        <v>22</v>
      </c>
      <c r="W29918">
        <v>22</v>
      </c>
      <c r="X29918">
        <v>23</v>
      </c>
      <c r="Y29918">
        <v>23</v>
      </c>
      <c r="Z29918">
        <v>23</v>
      </c>
      <c r="AA29918">
        <v>24</v>
      </c>
      <c r="AB29918">
        <v>24</v>
      </c>
      <c r="AC29918">
        <v>24</v>
      </c>
      <c r="AD29918">
        <v>25</v>
      </c>
      <c r="AE29918">
        <v>25</v>
      </c>
      <c r="AF29918">
        <v>25</v>
      </c>
      <c r="AG29918">
        <v>26</v>
      </c>
      <c r="AH29918">
        <v>26</v>
      </c>
      <c r="AI29918">
        <v>26</v>
      </c>
      <c r="AJ29918">
        <v>26</v>
      </c>
      <c r="AK29918">
        <v>27</v>
      </c>
      <c r="AL29918">
        <v>27</v>
      </c>
      <c r="AM29918">
        <v>27</v>
      </c>
      <c r="AN29918">
        <v>27</v>
      </c>
      <c r="AO29918">
        <v>27</v>
      </c>
      <c r="AP29918">
        <v>27</v>
      </c>
      <c r="AQ29918">
        <v>27</v>
      </c>
    </row>
    <row r="29919" spans="1:43">
      <c r="A29919" t="s">
        <v>18531</v>
      </c>
      <c r="B29919" t="s">
        <v>18532</v>
      </c>
      <c r="C29919" t="s">
        <v>18387</v>
      </c>
      <c r="D29919" t="s">
        <v>18388</v>
      </c>
      <c r="E29919" t="s">
        <v>18345</v>
      </c>
      <c r="F29919" t="s">
        <v>18346</v>
      </c>
      <c r="G29919" t="s">
        <v>10734</v>
      </c>
      <c r="H29919" t="s">
        <v>10735</v>
      </c>
      <c r="I29919" s="2">
        <v>0</v>
      </c>
      <c r="J29919" s="2">
        <v>0</v>
      </c>
      <c r="K29919" s="2">
        <v>0.98</v>
      </c>
      <c r="L29919" t="s">
        <v>995</v>
      </c>
      <c r="M29919" t="s">
        <v>87</v>
      </c>
      <c r="N29919" t="s">
        <v>88</v>
      </c>
      <c r="O29919" t="s">
        <v>85</v>
      </c>
      <c r="P29919" t="s">
        <v>86</v>
      </c>
      <c r="Q29919">
        <v>20</v>
      </c>
      <c r="R29919">
        <v>20</v>
      </c>
      <c r="S29919">
        <v>20</v>
      </c>
      <c r="T29919">
        <v>21</v>
      </c>
      <c r="U29919">
        <v>21</v>
      </c>
      <c r="V29919">
        <v>21</v>
      </c>
      <c r="W29919">
        <v>21</v>
      </c>
      <c r="X29919">
        <v>21</v>
      </c>
      <c r="Y29919">
        <v>21</v>
      </c>
      <c r="Z29919">
        <v>21</v>
      </c>
      <c r="AA29919">
        <v>22</v>
      </c>
      <c r="AB29919">
        <v>22</v>
      </c>
      <c r="AC29919">
        <v>22</v>
      </c>
      <c r="AD29919">
        <v>22</v>
      </c>
      <c r="AE29919">
        <v>22</v>
      </c>
      <c r="AF29919">
        <v>22</v>
      </c>
      <c r="AG29919">
        <v>22</v>
      </c>
      <c r="AH29919">
        <v>23</v>
      </c>
      <c r="AI29919">
        <v>23</v>
      </c>
      <c r="AJ29919">
        <v>23</v>
      </c>
      <c r="AK29919">
        <v>23</v>
      </c>
      <c r="AL29919">
        <v>23</v>
      </c>
      <c r="AM29919">
        <v>23</v>
      </c>
      <c r="AN29919">
        <v>23</v>
      </c>
      <c r="AO29919">
        <v>23</v>
      </c>
      <c r="AP29919">
        <v>24</v>
      </c>
      <c r="AQ29919">
        <v>24</v>
      </c>
    </row>
    <row r="29920" spans="1:43">
      <c r="A29920" t="s">
        <v>18531</v>
      </c>
      <c r="B29920" t="s">
        <v>18532</v>
      </c>
      <c r="C29920" t="s">
        <v>18387</v>
      </c>
      <c r="D29920" t="s">
        <v>18388</v>
      </c>
      <c r="E29920" t="s">
        <v>18345</v>
      </c>
      <c r="F29920" t="s">
        <v>18346</v>
      </c>
      <c r="G29920" t="s">
        <v>10734</v>
      </c>
      <c r="H29920" t="s">
        <v>10735</v>
      </c>
      <c r="I29920" s="2">
        <v>0</v>
      </c>
      <c r="J29920" s="2">
        <v>0</v>
      </c>
      <c r="K29920" s="2">
        <v>0.98</v>
      </c>
      <c r="L29920" t="s">
        <v>995</v>
      </c>
      <c r="M29920" t="s">
        <v>89</v>
      </c>
      <c r="N29920" t="s">
        <v>90</v>
      </c>
      <c r="O29920" t="s">
        <v>85</v>
      </c>
      <c r="P29920" t="s">
        <v>86</v>
      </c>
      <c r="Q29920">
        <v>20</v>
      </c>
      <c r="R29920">
        <v>20</v>
      </c>
      <c r="S29920">
        <v>21</v>
      </c>
      <c r="T29920">
        <v>21</v>
      </c>
      <c r="U29920">
        <v>22</v>
      </c>
      <c r="V29920">
        <v>22</v>
      </c>
      <c r="W29920">
        <v>23</v>
      </c>
      <c r="X29920">
        <v>23</v>
      </c>
      <c r="Y29920">
        <v>23</v>
      </c>
      <c r="Z29920">
        <v>24</v>
      </c>
      <c r="AA29920">
        <v>24</v>
      </c>
      <c r="AB29920">
        <v>25</v>
      </c>
      <c r="AC29920">
        <v>25</v>
      </c>
      <c r="AD29920">
        <v>25</v>
      </c>
      <c r="AE29920">
        <v>26</v>
      </c>
      <c r="AF29920">
        <v>26</v>
      </c>
      <c r="AG29920">
        <v>26</v>
      </c>
      <c r="AH29920">
        <v>26</v>
      </c>
      <c r="AI29920">
        <v>26</v>
      </c>
      <c r="AJ29920">
        <v>26</v>
      </c>
      <c r="AK29920">
        <v>26</v>
      </c>
      <c r="AL29920">
        <v>26</v>
      </c>
      <c r="AM29920">
        <v>26</v>
      </c>
      <c r="AN29920">
        <v>26</v>
      </c>
      <c r="AO29920">
        <v>26</v>
      </c>
      <c r="AP29920">
        <v>26</v>
      </c>
      <c r="AQ29920">
        <v>27</v>
      </c>
    </row>
    <row r="29921" spans="1:43">
      <c r="A29921" t="s">
        <v>18531</v>
      </c>
      <c r="B29921" t="s">
        <v>18532</v>
      </c>
      <c r="C29921" t="s">
        <v>18387</v>
      </c>
      <c r="D29921" t="s">
        <v>18388</v>
      </c>
      <c r="E29921" t="s">
        <v>18345</v>
      </c>
      <c r="F29921" t="s">
        <v>18346</v>
      </c>
      <c r="G29921" t="s">
        <v>10734</v>
      </c>
      <c r="H29921" t="s">
        <v>10735</v>
      </c>
      <c r="I29921" s="2">
        <v>0</v>
      </c>
      <c r="J29921" s="2">
        <v>0</v>
      </c>
      <c r="K29921" s="2">
        <v>0.98</v>
      </c>
      <c r="L29921" t="s">
        <v>995</v>
      </c>
      <c r="M29921" t="s">
        <v>83</v>
      </c>
      <c r="N29921" t="s">
        <v>91</v>
      </c>
      <c r="O29921" t="s">
        <v>85</v>
      </c>
      <c r="P29921" t="s">
        <v>86</v>
      </c>
      <c r="Q29921">
        <v>20</v>
      </c>
      <c r="R29921">
        <v>21</v>
      </c>
      <c r="S29921">
        <v>21</v>
      </c>
      <c r="T29921">
        <v>21</v>
      </c>
      <c r="U29921">
        <v>22</v>
      </c>
      <c r="V29921">
        <v>22</v>
      </c>
      <c r="W29921">
        <v>22</v>
      </c>
      <c r="X29921">
        <v>23</v>
      </c>
      <c r="Y29921">
        <v>23</v>
      </c>
      <c r="Z29921">
        <v>23</v>
      </c>
      <c r="AA29921">
        <v>24</v>
      </c>
      <c r="AB29921">
        <v>24</v>
      </c>
      <c r="AC29921">
        <v>24</v>
      </c>
      <c r="AD29921">
        <v>25</v>
      </c>
      <c r="AE29921">
        <v>25</v>
      </c>
      <c r="AF29921">
        <v>25</v>
      </c>
      <c r="AG29921">
        <v>26</v>
      </c>
      <c r="AH29921">
        <v>26</v>
      </c>
      <c r="AI29921">
        <v>26</v>
      </c>
      <c r="AJ29921">
        <v>26</v>
      </c>
      <c r="AK29921">
        <v>27</v>
      </c>
      <c r="AL29921">
        <v>27</v>
      </c>
      <c r="AM29921">
        <v>27</v>
      </c>
      <c r="AN29921">
        <v>27</v>
      </c>
      <c r="AO29921">
        <v>27</v>
      </c>
      <c r="AP29921">
        <v>27</v>
      </c>
      <c r="AQ29921">
        <v>27</v>
      </c>
    </row>
    <row r="29922" spans="1:43">
      <c r="A29922" t="s">
        <v>18533</v>
      </c>
      <c r="B29922" t="s">
        <v>18534</v>
      </c>
      <c r="C29922" t="s">
        <v>18499</v>
      </c>
      <c r="D29922" t="s">
        <v>18500</v>
      </c>
      <c r="E29922" t="s">
        <v>18345</v>
      </c>
      <c r="F29922" t="s">
        <v>18346</v>
      </c>
      <c r="G29922" t="s">
        <v>10734</v>
      </c>
      <c r="H29922" t="s">
        <v>10735</v>
      </c>
      <c r="I29922" s="2">
        <v>0</v>
      </c>
      <c r="J29922" s="2">
        <v>0</v>
      </c>
      <c r="K29922" s="2">
        <v>1</v>
      </c>
      <c r="L29922" t="s">
        <v>995</v>
      </c>
      <c r="M29922" t="s">
        <v>83</v>
      </c>
      <c r="N29922" t="s">
        <v>84</v>
      </c>
      <c r="O29922" t="s">
        <v>85</v>
      </c>
      <c r="P29922" t="s">
        <v>86</v>
      </c>
      <c r="Q29922">
        <v>70</v>
      </c>
      <c r="R29922">
        <v>71</v>
      </c>
      <c r="S29922">
        <v>72</v>
      </c>
      <c r="T29922">
        <v>73</v>
      </c>
      <c r="U29922">
        <v>74</v>
      </c>
      <c r="V29922">
        <v>75</v>
      </c>
      <c r="W29922">
        <v>77</v>
      </c>
      <c r="X29922">
        <v>78</v>
      </c>
      <c r="Y29922">
        <v>79</v>
      </c>
      <c r="Z29922">
        <v>80</v>
      </c>
      <c r="AA29922">
        <v>81</v>
      </c>
      <c r="AB29922">
        <v>82</v>
      </c>
      <c r="AC29922">
        <v>83</v>
      </c>
      <c r="AD29922">
        <v>84</v>
      </c>
      <c r="AE29922">
        <v>85</v>
      </c>
      <c r="AF29922">
        <v>87</v>
      </c>
      <c r="AG29922">
        <v>88</v>
      </c>
      <c r="AH29922">
        <v>89</v>
      </c>
      <c r="AI29922">
        <v>90</v>
      </c>
      <c r="AJ29922">
        <v>91</v>
      </c>
      <c r="AK29922">
        <v>92</v>
      </c>
      <c r="AL29922">
        <v>92</v>
      </c>
      <c r="AM29922">
        <v>92</v>
      </c>
      <c r="AN29922">
        <v>93</v>
      </c>
      <c r="AO29922">
        <v>93</v>
      </c>
      <c r="AP29922">
        <v>93</v>
      </c>
      <c r="AQ29922">
        <v>93</v>
      </c>
    </row>
    <row r="29923" spans="1:43">
      <c r="A29923" t="s">
        <v>18533</v>
      </c>
      <c r="B29923" t="s">
        <v>18534</v>
      </c>
      <c r="C29923" t="s">
        <v>18499</v>
      </c>
      <c r="D29923" t="s">
        <v>18500</v>
      </c>
      <c r="E29923" t="s">
        <v>18345</v>
      </c>
      <c r="F29923" t="s">
        <v>18346</v>
      </c>
      <c r="G29923" t="s">
        <v>10734</v>
      </c>
      <c r="H29923" t="s">
        <v>10735</v>
      </c>
      <c r="I29923" s="2">
        <v>0</v>
      </c>
      <c r="J29923" s="2">
        <v>0</v>
      </c>
      <c r="K29923" s="2">
        <v>1</v>
      </c>
      <c r="L29923" t="s">
        <v>995</v>
      </c>
      <c r="M29923" t="s">
        <v>87</v>
      </c>
      <c r="N29923" t="s">
        <v>88</v>
      </c>
      <c r="O29923" t="s">
        <v>85</v>
      </c>
      <c r="P29923" t="s">
        <v>86</v>
      </c>
      <c r="Q29923">
        <v>70</v>
      </c>
      <c r="R29923">
        <v>71</v>
      </c>
      <c r="S29923">
        <v>71</v>
      </c>
      <c r="T29923">
        <v>72</v>
      </c>
      <c r="U29923">
        <v>72</v>
      </c>
      <c r="V29923">
        <v>73</v>
      </c>
      <c r="W29923">
        <v>73</v>
      </c>
      <c r="X29923">
        <v>74</v>
      </c>
      <c r="Y29923">
        <v>74</v>
      </c>
      <c r="Z29923">
        <v>74</v>
      </c>
      <c r="AA29923">
        <v>75</v>
      </c>
      <c r="AB29923">
        <v>75</v>
      </c>
      <c r="AC29923">
        <v>76</v>
      </c>
      <c r="AD29923">
        <v>76</v>
      </c>
      <c r="AE29923">
        <v>77</v>
      </c>
      <c r="AF29923">
        <v>77</v>
      </c>
      <c r="AG29923">
        <v>78</v>
      </c>
      <c r="AH29923">
        <v>78</v>
      </c>
      <c r="AI29923">
        <v>79</v>
      </c>
      <c r="AJ29923">
        <v>79</v>
      </c>
      <c r="AK29923">
        <v>80</v>
      </c>
      <c r="AL29923">
        <v>80</v>
      </c>
      <c r="AM29923">
        <v>81</v>
      </c>
      <c r="AN29923">
        <v>81</v>
      </c>
      <c r="AO29923">
        <v>81</v>
      </c>
      <c r="AP29923">
        <v>82</v>
      </c>
      <c r="AQ29923">
        <v>82</v>
      </c>
    </row>
    <row r="29924" spans="1:43">
      <c r="A29924" t="s">
        <v>18533</v>
      </c>
      <c r="B29924" t="s">
        <v>18534</v>
      </c>
      <c r="C29924" t="s">
        <v>18499</v>
      </c>
      <c r="D29924" t="s">
        <v>18500</v>
      </c>
      <c r="E29924" t="s">
        <v>18345</v>
      </c>
      <c r="F29924" t="s">
        <v>18346</v>
      </c>
      <c r="G29924" t="s">
        <v>10734</v>
      </c>
      <c r="H29924" t="s">
        <v>10735</v>
      </c>
      <c r="I29924" s="2">
        <v>0</v>
      </c>
      <c r="J29924" s="2">
        <v>0</v>
      </c>
      <c r="K29924" s="2">
        <v>1</v>
      </c>
      <c r="L29924" t="s">
        <v>995</v>
      </c>
      <c r="M29924" t="s">
        <v>89</v>
      </c>
      <c r="N29924" t="s">
        <v>90</v>
      </c>
      <c r="O29924" t="s">
        <v>85</v>
      </c>
      <c r="P29924" t="s">
        <v>86</v>
      </c>
      <c r="Q29924">
        <v>70</v>
      </c>
      <c r="R29924">
        <v>72</v>
      </c>
      <c r="S29924">
        <v>74</v>
      </c>
      <c r="T29924">
        <v>76</v>
      </c>
      <c r="U29924">
        <v>77</v>
      </c>
      <c r="V29924">
        <v>79</v>
      </c>
      <c r="W29924">
        <v>81</v>
      </c>
      <c r="X29924">
        <v>82</v>
      </c>
      <c r="Y29924">
        <v>84</v>
      </c>
      <c r="Z29924">
        <v>85</v>
      </c>
      <c r="AA29924">
        <v>86</v>
      </c>
      <c r="AB29924">
        <v>88</v>
      </c>
      <c r="AC29924">
        <v>89</v>
      </c>
      <c r="AD29924">
        <v>90</v>
      </c>
      <c r="AE29924">
        <v>91</v>
      </c>
      <c r="AF29924">
        <v>92</v>
      </c>
      <c r="AG29924">
        <v>92</v>
      </c>
      <c r="AH29924">
        <v>92</v>
      </c>
      <c r="AI29924">
        <v>92</v>
      </c>
      <c r="AJ29924">
        <v>93</v>
      </c>
      <c r="AK29924">
        <v>93</v>
      </c>
      <c r="AL29924">
        <v>93</v>
      </c>
      <c r="AM29924">
        <v>93</v>
      </c>
      <c r="AN29924">
        <v>93</v>
      </c>
      <c r="AO29924">
        <v>94</v>
      </c>
      <c r="AP29924">
        <v>94</v>
      </c>
      <c r="AQ29924">
        <v>94</v>
      </c>
    </row>
    <row r="29925" spans="1:43">
      <c r="A29925" t="s">
        <v>18533</v>
      </c>
      <c r="B29925" t="s">
        <v>18534</v>
      </c>
      <c r="C29925" t="s">
        <v>18499</v>
      </c>
      <c r="D29925" t="s">
        <v>18500</v>
      </c>
      <c r="E29925" t="s">
        <v>18345</v>
      </c>
      <c r="F29925" t="s">
        <v>18346</v>
      </c>
      <c r="G29925" t="s">
        <v>10734</v>
      </c>
      <c r="H29925" t="s">
        <v>10735</v>
      </c>
      <c r="I29925" s="2">
        <v>0</v>
      </c>
      <c r="J29925" s="2">
        <v>0</v>
      </c>
      <c r="K29925" s="2">
        <v>1</v>
      </c>
      <c r="L29925" t="s">
        <v>995</v>
      </c>
      <c r="M29925" t="s">
        <v>83</v>
      </c>
      <c r="N29925" t="s">
        <v>91</v>
      </c>
      <c r="O29925" t="s">
        <v>85</v>
      </c>
      <c r="P29925" t="s">
        <v>86</v>
      </c>
      <c r="Q29925">
        <v>70</v>
      </c>
      <c r="R29925">
        <v>71</v>
      </c>
      <c r="S29925">
        <v>72</v>
      </c>
      <c r="T29925">
        <v>73</v>
      </c>
      <c r="U29925">
        <v>74</v>
      </c>
      <c r="V29925">
        <v>75</v>
      </c>
      <c r="W29925">
        <v>77</v>
      </c>
      <c r="X29925">
        <v>78</v>
      </c>
      <c r="Y29925">
        <v>79</v>
      </c>
      <c r="Z29925">
        <v>80</v>
      </c>
      <c r="AA29925">
        <v>81</v>
      </c>
      <c r="AB29925">
        <v>82</v>
      </c>
      <c r="AC29925">
        <v>83</v>
      </c>
      <c r="AD29925">
        <v>84</v>
      </c>
      <c r="AE29925">
        <v>85</v>
      </c>
      <c r="AF29925">
        <v>87</v>
      </c>
      <c r="AG29925">
        <v>88</v>
      </c>
      <c r="AH29925">
        <v>89</v>
      </c>
      <c r="AI29925">
        <v>90</v>
      </c>
      <c r="AJ29925">
        <v>91</v>
      </c>
      <c r="AK29925">
        <v>92</v>
      </c>
      <c r="AL29925">
        <v>92</v>
      </c>
      <c r="AM29925">
        <v>92</v>
      </c>
      <c r="AN29925">
        <v>93</v>
      </c>
      <c r="AO29925">
        <v>93</v>
      </c>
      <c r="AP29925">
        <v>93</v>
      </c>
      <c r="AQ29925">
        <v>93</v>
      </c>
    </row>
    <row r="29926" spans="1:43">
      <c r="A29926" t="s">
        <v>18535</v>
      </c>
      <c r="B29926" t="s">
        <v>18536</v>
      </c>
      <c r="C29926" t="s">
        <v>18499</v>
      </c>
      <c r="D29926" t="s">
        <v>18500</v>
      </c>
      <c r="E29926" t="s">
        <v>18345</v>
      </c>
      <c r="F29926" t="s">
        <v>18346</v>
      </c>
      <c r="G29926" t="s">
        <v>10734</v>
      </c>
      <c r="H29926" t="s">
        <v>10735</v>
      </c>
      <c r="I29926" s="2">
        <v>0</v>
      </c>
      <c r="J29926" s="2">
        <v>0</v>
      </c>
      <c r="K29926" s="2">
        <v>1</v>
      </c>
      <c r="L29926" t="s">
        <v>995</v>
      </c>
      <c r="M29926" t="s">
        <v>83</v>
      </c>
      <c r="N29926" t="s">
        <v>84</v>
      </c>
      <c r="O29926" t="s">
        <v>85</v>
      </c>
      <c r="P29926" t="s">
        <v>86</v>
      </c>
      <c r="Q29926">
        <v>14</v>
      </c>
      <c r="R29926">
        <v>14</v>
      </c>
      <c r="S29926">
        <v>14</v>
      </c>
      <c r="T29926">
        <v>14</v>
      </c>
      <c r="U29926">
        <v>15</v>
      </c>
      <c r="V29926">
        <v>15</v>
      </c>
      <c r="W29926">
        <v>15</v>
      </c>
      <c r="X29926">
        <v>15</v>
      </c>
      <c r="Y29926">
        <v>16</v>
      </c>
      <c r="Z29926">
        <v>16</v>
      </c>
      <c r="AA29926">
        <v>16</v>
      </c>
      <c r="AB29926">
        <v>16</v>
      </c>
      <c r="AC29926">
        <v>16</v>
      </c>
      <c r="AD29926">
        <v>17</v>
      </c>
      <c r="AE29926">
        <v>17</v>
      </c>
      <c r="AF29926">
        <v>17</v>
      </c>
      <c r="AG29926">
        <v>17</v>
      </c>
      <c r="AH29926">
        <v>17</v>
      </c>
      <c r="AI29926">
        <v>18</v>
      </c>
      <c r="AJ29926">
        <v>18</v>
      </c>
      <c r="AK29926">
        <v>18</v>
      </c>
      <c r="AL29926">
        <v>18</v>
      </c>
      <c r="AM29926">
        <v>18</v>
      </c>
      <c r="AN29926">
        <v>18</v>
      </c>
      <c r="AO29926">
        <v>18</v>
      </c>
      <c r="AP29926">
        <v>18</v>
      </c>
      <c r="AQ29926">
        <v>18</v>
      </c>
    </row>
    <row r="29927" spans="1:43">
      <c r="A29927" t="s">
        <v>18535</v>
      </c>
      <c r="B29927" t="s">
        <v>18536</v>
      </c>
      <c r="C29927" t="s">
        <v>18499</v>
      </c>
      <c r="D29927" t="s">
        <v>18500</v>
      </c>
      <c r="E29927" t="s">
        <v>18345</v>
      </c>
      <c r="F29927" t="s">
        <v>18346</v>
      </c>
      <c r="G29927" t="s">
        <v>10734</v>
      </c>
      <c r="H29927" t="s">
        <v>10735</v>
      </c>
      <c r="I29927" s="2">
        <v>0</v>
      </c>
      <c r="J29927" s="2">
        <v>0</v>
      </c>
      <c r="K29927" s="2">
        <v>1</v>
      </c>
      <c r="L29927" t="s">
        <v>995</v>
      </c>
      <c r="M29927" t="s">
        <v>87</v>
      </c>
      <c r="N29927" t="s">
        <v>88</v>
      </c>
      <c r="O29927" t="s">
        <v>85</v>
      </c>
      <c r="P29927" t="s">
        <v>86</v>
      </c>
      <c r="Q29927">
        <v>14</v>
      </c>
      <c r="R29927">
        <v>14</v>
      </c>
      <c r="S29927">
        <v>14</v>
      </c>
      <c r="T29927">
        <v>14</v>
      </c>
      <c r="U29927">
        <v>14</v>
      </c>
      <c r="V29927">
        <v>14</v>
      </c>
      <c r="W29927">
        <v>14</v>
      </c>
      <c r="X29927">
        <v>14</v>
      </c>
      <c r="Y29927">
        <v>14</v>
      </c>
      <c r="Z29927">
        <v>15</v>
      </c>
      <c r="AA29927">
        <v>15</v>
      </c>
      <c r="AB29927">
        <v>15</v>
      </c>
      <c r="AC29927">
        <v>15</v>
      </c>
      <c r="AD29927">
        <v>15</v>
      </c>
      <c r="AE29927">
        <v>15</v>
      </c>
      <c r="AF29927">
        <v>15</v>
      </c>
      <c r="AG29927">
        <v>15</v>
      </c>
      <c r="AH29927">
        <v>15</v>
      </c>
      <c r="AI29927">
        <v>15</v>
      </c>
      <c r="AJ29927">
        <v>15</v>
      </c>
      <c r="AK29927">
        <v>16</v>
      </c>
      <c r="AL29927">
        <v>16</v>
      </c>
      <c r="AM29927">
        <v>16</v>
      </c>
      <c r="AN29927">
        <v>16</v>
      </c>
      <c r="AO29927">
        <v>16</v>
      </c>
      <c r="AP29927">
        <v>16</v>
      </c>
      <c r="AQ29927">
        <v>16</v>
      </c>
    </row>
    <row r="29928" spans="1:43">
      <c r="A29928" t="s">
        <v>18535</v>
      </c>
      <c r="B29928" t="s">
        <v>18536</v>
      </c>
      <c r="C29928" t="s">
        <v>18499</v>
      </c>
      <c r="D29928" t="s">
        <v>18500</v>
      </c>
      <c r="E29928" t="s">
        <v>18345</v>
      </c>
      <c r="F29928" t="s">
        <v>18346</v>
      </c>
      <c r="G29928" t="s">
        <v>10734</v>
      </c>
      <c r="H29928" t="s">
        <v>10735</v>
      </c>
      <c r="I29928" s="2">
        <v>0</v>
      </c>
      <c r="J29928" s="2">
        <v>0</v>
      </c>
      <c r="K29928" s="2">
        <v>1</v>
      </c>
      <c r="L29928" t="s">
        <v>995</v>
      </c>
      <c r="M29928" t="s">
        <v>89</v>
      </c>
      <c r="N29928" t="s">
        <v>90</v>
      </c>
      <c r="O29928" t="s">
        <v>85</v>
      </c>
      <c r="P29928" t="s">
        <v>86</v>
      </c>
      <c r="Q29928">
        <v>14</v>
      </c>
      <c r="R29928">
        <v>14</v>
      </c>
      <c r="S29928">
        <v>15</v>
      </c>
      <c r="T29928">
        <v>15</v>
      </c>
      <c r="U29928">
        <v>15</v>
      </c>
      <c r="V29928">
        <v>16</v>
      </c>
      <c r="W29928">
        <v>16</v>
      </c>
      <c r="X29928">
        <v>16</v>
      </c>
      <c r="Y29928">
        <v>17</v>
      </c>
      <c r="Z29928">
        <v>17</v>
      </c>
      <c r="AA29928">
        <v>17</v>
      </c>
      <c r="AB29928">
        <v>17</v>
      </c>
      <c r="AC29928">
        <v>18</v>
      </c>
      <c r="AD29928">
        <v>18</v>
      </c>
      <c r="AE29928">
        <v>18</v>
      </c>
      <c r="AF29928">
        <v>18</v>
      </c>
      <c r="AG29928">
        <v>18</v>
      </c>
      <c r="AH29928">
        <v>18</v>
      </c>
      <c r="AI29928">
        <v>18</v>
      </c>
      <c r="AJ29928">
        <v>18</v>
      </c>
      <c r="AK29928">
        <v>18</v>
      </c>
      <c r="AL29928">
        <v>18</v>
      </c>
      <c r="AM29928">
        <v>18</v>
      </c>
      <c r="AN29928">
        <v>18</v>
      </c>
      <c r="AO29928">
        <v>18</v>
      </c>
      <c r="AP29928">
        <v>19</v>
      </c>
      <c r="AQ29928">
        <v>19</v>
      </c>
    </row>
    <row r="29929" spans="1:43">
      <c r="A29929" t="s">
        <v>18535</v>
      </c>
      <c r="B29929" t="s">
        <v>18536</v>
      </c>
      <c r="C29929" t="s">
        <v>18499</v>
      </c>
      <c r="D29929" t="s">
        <v>18500</v>
      </c>
      <c r="E29929" t="s">
        <v>18345</v>
      </c>
      <c r="F29929" t="s">
        <v>18346</v>
      </c>
      <c r="G29929" t="s">
        <v>10734</v>
      </c>
      <c r="H29929" t="s">
        <v>10735</v>
      </c>
      <c r="I29929" s="2">
        <v>0</v>
      </c>
      <c r="J29929" s="2">
        <v>0</v>
      </c>
      <c r="K29929" s="2">
        <v>1</v>
      </c>
      <c r="L29929" t="s">
        <v>995</v>
      </c>
      <c r="M29929" t="s">
        <v>83</v>
      </c>
      <c r="N29929" t="s">
        <v>91</v>
      </c>
      <c r="O29929" t="s">
        <v>85</v>
      </c>
      <c r="P29929" t="s">
        <v>86</v>
      </c>
      <c r="Q29929">
        <v>14</v>
      </c>
      <c r="R29929">
        <v>14</v>
      </c>
      <c r="S29929">
        <v>14</v>
      </c>
      <c r="T29929">
        <v>14</v>
      </c>
      <c r="U29929">
        <v>15</v>
      </c>
      <c r="V29929">
        <v>15</v>
      </c>
      <c r="W29929">
        <v>15</v>
      </c>
      <c r="X29929">
        <v>15</v>
      </c>
      <c r="Y29929">
        <v>16</v>
      </c>
      <c r="Z29929">
        <v>16</v>
      </c>
      <c r="AA29929">
        <v>16</v>
      </c>
      <c r="AB29929">
        <v>16</v>
      </c>
      <c r="AC29929">
        <v>16</v>
      </c>
      <c r="AD29929">
        <v>17</v>
      </c>
      <c r="AE29929">
        <v>17</v>
      </c>
      <c r="AF29929">
        <v>17</v>
      </c>
      <c r="AG29929">
        <v>17</v>
      </c>
      <c r="AH29929">
        <v>17</v>
      </c>
      <c r="AI29929">
        <v>18</v>
      </c>
      <c r="AJ29929">
        <v>18</v>
      </c>
      <c r="AK29929">
        <v>18</v>
      </c>
      <c r="AL29929">
        <v>18</v>
      </c>
      <c r="AM29929">
        <v>18</v>
      </c>
      <c r="AN29929">
        <v>18</v>
      </c>
      <c r="AO29929">
        <v>18</v>
      </c>
      <c r="AP29929">
        <v>18</v>
      </c>
      <c r="AQ29929">
        <v>18</v>
      </c>
    </row>
    <row r="29930" spans="1:43">
      <c r="A29930" t="s">
        <v>18537</v>
      </c>
      <c r="B29930" t="s">
        <v>18538</v>
      </c>
      <c r="C29930" t="s">
        <v>18411</v>
      </c>
      <c r="D29930" t="s">
        <v>18412</v>
      </c>
      <c r="E29930" t="s">
        <v>18345</v>
      </c>
      <c r="F29930" t="s">
        <v>18346</v>
      </c>
      <c r="G29930" t="s">
        <v>10734</v>
      </c>
      <c r="H29930" t="s">
        <v>10735</v>
      </c>
      <c r="I29930" s="2">
        <v>0</v>
      </c>
      <c r="J29930" s="2">
        <v>0</v>
      </c>
      <c r="K29930" s="2">
        <v>1</v>
      </c>
      <c r="L29930" t="s">
        <v>995</v>
      </c>
      <c r="M29930" t="s">
        <v>83</v>
      </c>
      <c r="N29930" t="s">
        <v>84</v>
      </c>
      <c r="O29930" t="s">
        <v>85</v>
      </c>
      <c r="P29930" t="s">
        <v>86</v>
      </c>
      <c r="Q29930">
        <v>14</v>
      </c>
      <c r="R29930">
        <v>14</v>
      </c>
      <c r="S29930">
        <v>14</v>
      </c>
      <c r="T29930">
        <v>14</v>
      </c>
      <c r="U29930">
        <v>15</v>
      </c>
      <c r="V29930">
        <v>15</v>
      </c>
      <c r="W29930">
        <v>15</v>
      </c>
      <c r="X29930">
        <v>15</v>
      </c>
      <c r="Y29930">
        <v>15</v>
      </c>
      <c r="Z29930">
        <v>16</v>
      </c>
      <c r="AA29930">
        <v>16</v>
      </c>
      <c r="AB29930">
        <v>16</v>
      </c>
      <c r="AC29930">
        <v>16</v>
      </c>
      <c r="AD29930">
        <v>17</v>
      </c>
      <c r="AE29930">
        <v>17</v>
      </c>
      <c r="AF29930">
        <v>17</v>
      </c>
      <c r="AG29930">
        <v>17</v>
      </c>
      <c r="AH29930">
        <v>17</v>
      </c>
      <c r="AI29930">
        <v>18</v>
      </c>
      <c r="AJ29930">
        <v>18</v>
      </c>
      <c r="AK29930">
        <v>18</v>
      </c>
      <c r="AL29930">
        <v>18</v>
      </c>
      <c r="AM29930">
        <v>18</v>
      </c>
      <c r="AN29930">
        <v>18</v>
      </c>
      <c r="AO29930">
        <v>18</v>
      </c>
      <c r="AP29930">
        <v>18</v>
      </c>
      <c r="AQ29930">
        <v>18</v>
      </c>
    </row>
    <row r="29931" spans="1:43">
      <c r="A29931" t="s">
        <v>18537</v>
      </c>
      <c r="B29931" t="s">
        <v>18538</v>
      </c>
      <c r="C29931" t="s">
        <v>18411</v>
      </c>
      <c r="D29931" t="s">
        <v>18412</v>
      </c>
      <c r="E29931" t="s">
        <v>18345</v>
      </c>
      <c r="F29931" t="s">
        <v>18346</v>
      </c>
      <c r="G29931" t="s">
        <v>10734</v>
      </c>
      <c r="H29931" t="s">
        <v>10735</v>
      </c>
      <c r="I29931" s="2">
        <v>0</v>
      </c>
      <c r="J29931" s="2">
        <v>0</v>
      </c>
      <c r="K29931" s="2">
        <v>1</v>
      </c>
      <c r="L29931" t="s">
        <v>995</v>
      </c>
      <c r="M29931" t="s">
        <v>87</v>
      </c>
      <c r="N29931" t="s">
        <v>88</v>
      </c>
      <c r="O29931" t="s">
        <v>85</v>
      </c>
      <c r="P29931" t="s">
        <v>86</v>
      </c>
      <c r="Q29931">
        <v>14</v>
      </c>
      <c r="R29931">
        <v>14</v>
      </c>
      <c r="S29931">
        <v>14</v>
      </c>
      <c r="T29931">
        <v>14</v>
      </c>
      <c r="U29931">
        <v>14</v>
      </c>
      <c r="V29931">
        <v>14</v>
      </c>
      <c r="W29931">
        <v>14</v>
      </c>
      <c r="X29931">
        <v>14</v>
      </c>
      <c r="Y29931">
        <v>14</v>
      </c>
      <c r="Z29931">
        <v>14</v>
      </c>
      <c r="AA29931">
        <v>14</v>
      </c>
      <c r="AB29931">
        <v>15</v>
      </c>
      <c r="AC29931">
        <v>15</v>
      </c>
      <c r="AD29931">
        <v>15</v>
      </c>
      <c r="AE29931">
        <v>15</v>
      </c>
      <c r="AF29931">
        <v>15</v>
      </c>
      <c r="AG29931">
        <v>15</v>
      </c>
      <c r="AH29931">
        <v>15</v>
      </c>
      <c r="AI29931">
        <v>15</v>
      </c>
      <c r="AJ29931">
        <v>15</v>
      </c>
      <c r="AK29931">
        <v>15</v>
      </c>
      <c r="AL29931">
        <v>15</v>
      </c>
      <c r="AM29931">
        <v>16</v>
      </c>
      <c r="AN29931">
        <v>16</v>
      </c>
      <c r="AO29931">
        <v>16</v>
      </c>
      <c r="AP29931">
        <v>16</v>
      </c>
      <c r="AQ29931">
        <v>16</v>
      </c>
    </row>
    <row r="29932" spans="1:43">
      <c r="A29932" t="s">
        <v>18537</v>
      </c>
      <c r="B29932" t="s">
        <v>18538</v>
      </c>
      <c r="C29932" t="s">
        <v>18411</v>
      </c>
      <c r="D29932" t="s">
        <v>18412</v>
      </c>
      <c r="E29932" t="s">
        <v>18345</v>
      </c>
      <c r="F29932" t="s">
        <v>18346</v>
      </c>
      <c r="G29932" t="s">
        <v>10734</v>
      </c>
      <c r="H29932" t="s">
        <v>10735</v>
      </c>
      <c r="I29932" s="2">
        <v>0</v>
      </c>
      <c r="J29932" s="2">
        <v>0</v>
      </c>
      <c r="K29932" s="2">
        <v>1</v>
      </c>
      <c r="L29932" t="s">
        <v>995</v>
      </c>
      <c r="M29932" t="s">
        <v>89</v>
      </c>
      <c r="N29932" t="s">
        <v>90</v>
      </c>
      <c r="O29932" t="s">
        <v>85</v>
      </c>
      <c r="P29932" t="s">
        <v>86</v>
      </c>
      <c r="Q29932">
        <v>14</v>
      </c>
      <c r="R29932">
        <v>14</v>
      </c>
      <c r="S29932">
        <v>14</v>
      </c>
      <c r="T29932">
        <v>15</v>
      </c>
      <c r="U29932">
        <v>15</v>
      </c>
      <c r="V29932">
        <v>15</v>
      </c>
      <c r="W29932">
        <v>16</v>
      </c>
      <c r="X29932">
        <v>16</v>
      </c>
      <c r="Y29932">
        <v>16</v>
      </c>
      <c r="Z29932">
        <v>17</v>
      </c>
      <c r="AA29932">
        <v>17</v>
      </c>
      <c r="AB29932">
        <v>17</v>
      </c>
      <c r="AC29932">
        <v>17</v>
      </c>
      <c r="AD29932">
        <v>18</v>
      </c>
      <c r="AE29932">
        <v>18</v>
      </c>
      <c r="AF29932">
        <v>18</v>
      </c>
      <c r="AG29932">
        <v>18</v>
      </c>
      <c r="AH29932">
        <v>18</v>
      </c>
      <c r="AI29932">
        <v>18</v>
      </c>
      <c r="AJ29932">
        <v>18</v>
      </c>
      <c r="AK29932">
        <v>18</v>
      </c>
      <c r="AL29932">
        <v>18</v>
      </c>
      <c r="AM29932">
        <v>18</v>
      </c>
      <c r="AN29932">
        <v>18</v>
      </c>
      <c r="AO29932">
        <v>18</v>
      </c>
      <c r="AP29932">
        <v>18</v>
      </c>
      <c r="AQ29932">
        <v>18</v>
      </c>
    </row>
    <row r="29933" spans="1:43">
      <c r="A29933" t="s">
        <v>18537</v>
      </c>
      <c r="B29933" t="s">
        <v>18538</v>
      </c>
      <c r="C29933" t="s">
        <v>18411</v>
      </c>
      <c r="D29933" t="s">
        <v>18412</v>
      </c>
      <c r="E29933" t="s">
        <v>18345</v>
      </c>
      <c r="F29933" t="s">
        <v>18346</v>
      </c>
      <c r="G29933" t="s">
        <v>10734</v>
      </c>
      <c r="H29933" t="s">
        <v>10735</v>
      </c>
      <c r="I29933" s="2">
        <v>0</v>
      </c>
      <c r="J29933" s="2">
        <v>0</v>
      </c>
      <c r="K29933" s="2">
        <v>1</v>
      </c>
      <c r="L29933" t="s">
        <v>995</v>
      </c>
      <c r="M29933" t="s">
        <v>83</v>
      </c>
      <c r="N29933" t="s">
        <v>91</v>
      </c>
      <c r="O29933" t="s">
        <v>85</v>
      </c>
      <c r="P29933" t="s">
        <v>86</v>
      </c>
      <c r="Q29933">
        <v>14</v>
      </c>
      <c r="R29933">
        <v>14</v>
      </c>
      <c r="S29933">
        <v>14</v>
      </c>
      <c r="T29933">
        <v>14</v>
      </c>
      <c r="U29933">
        <v>15</v>
      </c>
      <c r="V29933">
        <v>15</v>
      </c>
      <c r="W29933">
        <v>15</v>
      </c>
      <c r="X29933">
        <v>15</v>
      </c>
      <c r="Y29933">
        <v>15</v>
      </c>
      <c r="Z29933">
        <v>16</v>
      </c>
      <c r="AA29933">
        <v>16</v>
      </c>
      <c r="AB29933">
        <v>16</v>
      </c>
      <c r="AC29933">
        <v>16</v>
      </c>
      <c r="AD29933">
        <v>17</v>
      </c>
      <c r="AE29933">
        <v>17</v>
      </c>
      <c r="AF29933">
        <v>17</v>
      </c>
      <c r="AG29933">
        <v>17</v>
      </c>
      <c r="AH29933">
        <v>17</v>
      </c>
      <c r="AI29933">
        <v>18</v>
      </c>
      <c r="AJ29933">
        <v>18</v>
      </c>
      <c r="AK29933">
        <v>18</v>
      </c>
      <c r="AL29933">
        <v>18</v>
      </c>
      <c r="AM29933">
        <v>18</v>
      </c>
      <c r="AN29933">
        <v>18</v>
      </c>
      <c r="AO29933">
        <v>18</v>
      </c>
      <c r="AP29933">
        <v>18</v>
      </c>
      <c r="AQ29933">
        <v>18</v>
      </c>
    </row>
    <row r="29934" spans="1:43">
      <c r="A29934" t="s">
        <v>18539</v>
      </c>
      <c r="B29934" t="s">
        <v>18540</v>
      </c>
      <c r="C29934" t="s">
        <v>18499</v>
      </c>
      <c r="D29934" t="s">
        <v>18500</v>
      </c>
      <c r="E29934" t="s">
        <v>18345</v>
      </c>
      <c r="F29934" t="s">
        <v>18346</v>
      </c>
      <c r="G29934" t="s">
        <v>10734</v>
      </c>
      <c r="H29934" t="s">
        <v>10735</v>
      </c>
      <c r="I29934" s="2">
        <v>0</v>
      </c>
      <c r="J29934" s="2">
        <v>0</v>
      </c>
      <c r="K29934" s="2">
        <v>1</v>
      </c>
      <c r="L29934" t="s">
        <v>995</v>
      </c>
      <c r="M29934" t="s">
        <v>83</v>
      </c>
      <c r="N29934" t="s">
        <v>84</v>
      </c>
      <c r="O29934" t="s">
        <v>85</v>
      </c>
      <c r="P29934" t="s">
        <v>86</v>
      </c>
      <c r="Q29934">
        <v>108</v>
      </c>
      <c r="R29934">
        <v>110</v>
      </c>
      <c r="S29934">
        <v>112</v>
      </c>
      <c r="T29934">
        <v>114</v>
      </c>
      <c r="U29934">
        <v>115</v>
      </c>
      <c r="V29934">
        <v>117</v>
      </c>
      <c r="W29934">
        <v>119</v>
      </c>
      <c r="X29934">
        <v>121</v>
      </c>
      <c r="Y29934">
        <v>123</v>
      </c>
      <c r="Z29934">
        <v>124</v>
      </c>
      <c r="AA29934">
        <v>126</v>
      </c>
      <c r="AB29934">
        <v>128</v>
      </c>
      <c r="AC29934">
        <v>130</v>
      </c>
      <c r="AD29934">
        <v>131</v>
      </c>
      <c r="AE29934">
        <v>133</v>
      </c>
      <c r="AF29934">
        <v>135</v>
      </c>
      <c r="AG29934">
        <v>136</v>
      </c>
      <c r="AH29934">
        <v>138</v>
      </c>
      <c r="AI29934">
        <v>140</v>
      </c>
      <c r="AJ29934">
        <v>142</v>
      </c>
      <c r="AK29934">
        <v>143</v>
      </c>
      <c r="AL29934">
        <v>144</v>
      </c>
      <c r="AM29934">
        <v>145</v>
      </c>
      <c r="AN29934">
        <v>145</v>
      </c>
      <c r="AO29934">
        <v>146</v>
      </c>
      <c r="AP29934">
        <v>147</v>
      </c>
      <c r="AQ29934">
        <v>147</v>
      </c>
    </row>
    <row r="29935" spans="1:43">
      <c r="A29935" t="s">
        <v>18539</v>
      </c>
      <c r="B29935" t="s">
        <v>18540</v>
      </c>
      <c r="C29935" t="s">
        <v>18499</v>
      </c>
      <c r="D29935" t="s">
        <v>18500</v>
      </c>
      <c r="E29935" t="s">
        <v>18345</v>
      </c>
      <c r="F29935" t="s">
        <v>18346</v>
      </c>
      <c r="G29935" t="s">
        <v>10734</v>
      </c>
      <c r="H29935" t="s">
        <v>10735</v>
      </c>
      <c r="I29935" s="2">
        <v>0</v>
      </c>
      <c r="J29935" s="2">
        <v>0</v>
      </c>
      <c r="K29935" s="2">
        <v>1</v>
      </c>
      <c r="L29935" t="s">
        <v>995</v>
      </c>
      <c r="M29935" t="s">
        <v>87</v>
      </c>
      <c r="N29935" t="s">
        <v>88</v>
      </c>
      <c r="O29935" t="s">
        <v>85</v>
      </c>
      <c r="P29935" t="s">
        <v>86</v>
      </c>
      <c r="Q29935">
        <v>108</v>
      </c>
      <c r="R29935">
        <v>109</v>
      </c>
      <c r="S29935">
        <v>110</v>
      </c>
      <c r="T29935">
        <v>111</v>
      </c>
      <c r="U29935">
        <v>111</v>
      </c>
      <c r="V29935">
        <v>112</v>
      </c>
      <c r="W29935">
        <v>113</v>
      </c>
      <c r="X29935">
        <v>114</v>
      </c>
      <c r="Y29935">
        <v>114</v>
      </c>
      <c r="Z29935">
        <v>115</v>
      </c>
      <c r="AA29935">
        <v>116</v>
      </c>
      <c r="AB29935">
        <v>117</v>
      </c>
      <c r="AC29935">
        <v>117</v>
      </c>
      <c r="AD29935">
        <v>118</v>
      </c>
      <c r="AE29935">
        <v>119</v>
      </c>
      <c r="AF29935">
        <v>119</v>
      </c>
      <c r="AG29935">
        <v>120</v>
      </c>
      <c r="AH29935">
        <v>121</v>
      </c>
      <c r="AI29935">
        <v>122</v>
      </c>
      <c r="AJ29935">
        <v>122</v>
      </c>
      <c r="AK29935">
        <v>123</v>
      </c>
      <c r="AL29935">
        <v>124</v>
      </c>
      <c r="AM29935">
        <v>124</v>
      </c>
      <c r="AN29935">
        <v>125</v>
      </c>
      <c r="AO29935">
        <v>126</v>
      </c>
      <c r="AP29935">
        <v>126</v>
      </c>
      <c r="AQ29935">
        <v>127</v>
      </c>
    </row>
    <row r="29936" spans="1:43">
      <c r="A29936" t="s">
        <v>18539</v>
      </c>
      <c r="B29936" t="s">
        <v>18540</v>
      </c>
      <c r="C29936" t="s">
        <v>18499</v>
      </c>
      <c r="D29936" t="s">
        <v>18500</v>
      </c>
      <c r="E29936" t="s">
        <v>18345</v>
      </c>
      <c r="F29936" t="s">
        <v>18346</v>
      </c>
      <c r="G29936" t="s">
        <v>10734</v>
      </c>
      <c r="H29936" t="s">
        <v>10735</v>
      </c>
      <c r="I29936" s="2">
        <v>0</v>
      </c>
      <c r="J29936" s="2">
        <v>0</v>
      </c>
      <c r="K29936" s="2">
        <v>1</v>
      </c>
      <c r="L29936" t="s">
        <v>995</v>
      </c>
      <c r="M29936" t="s">
        <v>89</v>
      </c>
      <c r="N29936" t="s">
        <v>90</v>
      </c>
      <c r="O29936" t="s">
        <v>85</v>
      </c>
      <c r="P29936" t="s">
        <v>86</v>
      </c>
      <c r="Q29936">
        <v>108</v>
      </c>
      <c r="R29936">
        <v>111</v>
      </c>
      <c r="S29936">
        <v>114</v>
      </c>
      <c r="T29936">
        <v>116</v>
      </c>
      <c r="U29936">
        <v>119</v>
      </c>
      <c r="V29936">
        <v>122</v>
      </c>
      <c r="W29936">
        <v>124</v>
      </c>
      <c r="X29936">
        <v>127</v>
      </c>
      <c r="Y29936">
        <v>129</v>
      </c>
      <c r="Z29936">
        <v>131</v>
      </c>
      <c r="AA29936">
        <v>133</v>
      </c>
      <c r="AB29936">
        <v>136</v>
      </c>
      <c r="AC29936">
        <v>138</v>
      </c>
      <c r="AD29936">
        <v>140</v>
      </c>
      <c r="AE29936">
        <v>142</v>
      </c>
      <c r="AF29936">
        <v>142</v>
      </c>
      <c r="AG29936">
        <v>143</v>
      </c>
      <c r="AH29936">
        <v>144</v>
      </c>
      <c r="AI29936">
        <v>144</v>
      </c>
      <c r="AJ29936">
        <v>145</v>
      </c>
      <c r="AK29936">
        <v>145</v>
      </c>
      <c r="AL29936">
        <v>146</v>
      </c>
      <c r="AM29936">
        <v>147</v>
      </c>
      <c r="AN29936">
        <v>147</v>
      </c>
      <c r="AO29936">
        <v>148</v>
      </c>
      <c r="AP29936">
        <v>148</v>
      </c>
      <c r="AQ29936">
        <v>148</v>
      </c>
    </row>
    <row r="29937" spans="1:43">
      <c r="A29937" t="s">
        <v>18539</v>
      </c>
      <c r="B29937" t="s">
        <v>18540</v>
      </c>
      <c r="C29937" t="s">
        <v>18499</v>
      </c>
      <c r="D29937" t="s">
        <v>18500</v>
      </c>
      <c r="E29937" t="s">
        <v>18345</v>
      </c>
      <c r="F29937" t="s">
        <v>18346</v>
      </c>
      <c r="G29937" t="s">
        <v>10734</v>
      </c>
      <c r="H29937" t="s">
        <v>10735</v>
      </c>
      <c r="I29937" s="2">
        <v>0</v>
      </c>
      <c r="J29937" s="2">
        <v>0</v>
      </c>
      <c r="K29937" s="2">
        <v>1</v>
      </c>
      <c r="L29937" t="s">
        <v>995</v>
      </c>
      <c r="M29937" t="s">
        <v>83</v>
      </c>
      <c r="N29937" t="s">
        <v>91</v>
      </c>
      <c r="O29937" t="s">
        <v>85</v>
      </c>
      <c r="P29937" t="s">
        <v>86</v>
      </c>
      <c r="Q29937">
        <v>108</v>
      </c>
      <c r="R29937">
        <v>110</v>
      </c>
      <c r="S29937">
        <v>112</v>
      </c>
      <c r="T29937">
        <v>114</v>
      </c>
      <c r="U29937">
        <v>115</v>
      </c>
      <c r="V29937">
        <v>117</v>
      </c>
      <c r="W29937">
        <v>119</v>
      </c>
      <c r="X29937">
        <v>121</v>
      </c>
      <c r="Y29937">
        <v>123</v>
      </c>
      <c r="Z29937">
        <v>124</v>
      </c>
      <c r="AA29937">
        <v>126</v>
      </c>
      <c r="AB29937">
        <v>128</v>
      </c>
      <c r="AC29937">
        <v>130</v>
      </c>
      <c r="AD29937">
        <v>131</v>
      </c>
      <c r="AE29937">
        <v>133</v>
      </c>
      <c r="AF29937">
        <v>135</v>
      </c>
      <c r="AG29937">
        <v>136</v>
      </c>
      <c r="AH29937">
        <v>138</v>
      </c>
      <c r="AI29937">
        <v>140</v>
      </c>
      <c r="AJ29937">
        <v>142</v>
      </c>
      <c r="AK29937">
        <v>143</v>
      </c>
      <c r="AL29937">
        <v>144</v>
      </c>
      <c r="AM29937">
        <v>145</v>
      </c>
      <c r="AN29937">
        <v>145</v>
      </c>
      <c r="AO29937">
        <v>146</v>
      </c>
      <c r="AP29937">
        <v>147</v>
      </c>
      <c r="AQ29937">
        <v>147</v>
      </c>
    </row>
    <row r="29938" spans="1:43">
      <c r="A29938" t="s">
        <v>18541</v>
      </c>
      <c r="B29938" t="s">
        <v>18542</v>
      </c>
      <c r="C29938" t="s">
        <v>18499</v>
      </c>
      <c r="D29938" t="s">
        <v>18500</v>
      </c>
      <c r="E29938" t="s">
        <v>18345</v>
      </c>
      <c r="F29938" t="s">
        <v>18346</v>
      </c>
      <c r="G29938" t="s">
        <v>10734</v>
      </c>
      <c r="H29938" t="s">
        <v>10735</v>
      </c>
      <c r="I29938" s="2">
        <v>0</v>
      </c>
      <c r="J29938" s="2">
        <v>0</v>
      </c>
      <c r="K29938" s="2">
        <v>1</v>
      </c>
      <c r="L29938" t="s">
        <v>995</v>
      </c>
      <c r="M29938" t="s">
        <v>83</v>
      </c>
      <c r="N29938" t="s">
        <v>84</v>
      </c>
      <c r="O29938" t="s">
        <v>85</v>
      </c>
      <c r="P29938" t="s">
        <v>86</v>
      </c>
      <c r="Q29938">
        <v>14</v>
      </c>
      <c r="R29938">
        <v>14</v>
      </c>
      <c r="S29938">
        <v>15</v>
      </c>
      <c r="T29938">
        <v>15</v>
      </c>
      <c r="U29938">
        <v>15</v>
      </c>
      <c r="V29938">
        <v>15</v>
      </c>
      <c r="W29938">
        <v>16</v>
      </c>
      <c r="X29938">
        <v>16</v>
      </c>
      <c r="Y29938">
        <v>16</v>
      </c>
      <c r="Z29938">
        <v>16</v>
      </c>
      <c r="AA29938">
        <v>16</v>
      </c>
      <c r="AB29938">
        <v>17</v>
      </c>
      <c r="AC29938">
        <v>17</v>
      </c>
      <c r="AD29938">
        <v>17</v>
      </c>
      <c r="AE29938">
        <v>17</v>
      </c>
      <c r="AF29938">
        <v>18</v>
      </c>
      <c r="AG29938">
        <v>18</v>
      </c>
      <c r="AH29938">
        <v>18</v>
      </c>
      <c r="AI29938">
        <v>18</v>
      </c>
      <c r="AJ29938">
        <v>18</v>
      </c>
      <c r="AK29938">
        <v>19</v>
      </c>
      <c r="AL29938">
        <v>19</v>
      </c>
      <c r="AM29938">
        <v>19</v>
      </c>
      <c r="AN29938">
        <v>19</v>
      </c>
      <c r="AO29938">
        <v>19</v>
      </c>
      <c r="AP29938">
        <v>19</v>
      </c>
      <c r="AQ29938">
        <v>19</v>
      </c>
    </row>
    <row r="29939" spans="1:43">
      <c r="A29939" t="s">
        <v>18541</v>
      </c>
      <c r="B29939" t="s">
        <v>18542</v>
      </c>
      <c r="C29939" t="s">
        <v>18499</v>
      </c>
      <c r="D29939" t="s">
        <v>18500</v>
      </c>
      <c r="E29939" t="s">
        <v>18345</v>
      </c>
      <c r="F29939" t="s">
        <v>18346</v>
      </c>
      <c r="G29939" t="s">
        <v>10734</v>
      </c>
      <c r="H29939" t="s">
        <v>10735</v>
      </c>
      <c r="I29939" s="2">
        <v>0</v>
      </c>
      <c r="J29939" s="2">
        <v>0</v>
      </c>
      <c r="K29939" s="2">
        <v>1</v>
      </c>
      <c r="L29939" t="s">
        <v>995</v>
      </c>
      <c r="M29939" t="s">
        <v>87</v>
      </c>
      <c r="N29939" t="s">
        <v>88</v>
      </c>
      <c r="O29939" t="s">
        <v>85</v>
      </c>
      <c r="P29939" t="s">
        <v>86</v>
      </c>
      <c r="Q29939">
        <v>14</v>
      </c>
      <c r="R29939">
        <v>14</v>
      </c>
      <c r="S29939">
        <v>14</v>
      </c>
      <c r="T29939">
        <v>14</v>
      </c>
      <c r="U29939">
        <v>14</v>
      </c>
      <c r="V29939">
        <v>14</v>
      </c>
      <c r="W29939">
        <v>15</v>
      </c>
      <c r="X29939">
        <v>15</v>
      </c>
      <c r="Y29939">
        <v>15</v>
      </c>
      <c r="Z29939">
        <v>15</v>
      </c>
      <c r="AA29939">
        <v>15</v>
      </c>
      <c r="AB29939">
        <v>15</v>
      </c>
      <c r="AC29939">
        <v>15</v>
      </c>
      <c r="AD29939">
        <v>15</v>
      </c>
      <c r="AE29939">
        <v>15</v>
      </c>
      <c r="AF29939">
        <v>15</v>
      </c>
      <c r="AG29939">
        <v>16</v>
      </c>
      <c r="AH29939">
        <v>16</v>
      </c>
      <c r="AI29939">
        <v>16</v>
      </c>
      <c r="AJ29939">
        <v>16</v>
      </c>
      <c r="AK29939">
        <v>16</v>
      </c>
      <c r="AL29939">
        <v>16</v>
      </c>
      <c r="AM29939">
        <v>16</v>
      </c>
      <c r="AN29939">
        <v>16</v>
      </c>
      <c r="AO29939">
        <v>16</v>
      </c>
      <c r="AP29939">
        <v>16</v>
      </c>
      <c r="AQ29939">
        <v>16</v>
      </c>
    </row>
    <row r="29940" spans="1:43">
      <c r="A29940" t="s">
        <v>18541</v>
      </c>
      <c r="B29940" t="s">
        <v>18542</v>
      </c>
      <c r="C29940" t="s">
        <v>18499</v>
      </c>
      <c r="D29940" t="s">
        <v>18500</v>
      </c>
      <c r="E29940" t="s">
        <v>18345</v>
      </c>
      <c r="F29940" t="s">
        <v>18346</v>
      </c>
      <c r="G29940" t="s">
        <v>10734</v>
      </c>
      <c r="H29940" t="s">
        <v>10735</v>
      </c>
      <c r="I29940" s="2">
        <v>0</v>
      </c>
      <c r="J29940" s="2">
        <v>0</v>
      </c>
      <c r="K29940" s="2">
        <v>1</v>
      </c>
      <c r="L29940" t="s">
        <v>995</v>
      </c>
      <c r="M29940" t="s">
        <v>89</v>
      </c>
      <c r="N29940" t="s">
        <v>90</v>
      </c>
      <c r="O29940" t="s">
        <v>85</v>
      </c>
      <c r="P29940" t="s">
        <v>86</v>
      </c>
      <c r="Q29940">
        <v>14</v>
      </c>
      <c r="R29940">
        <v>15</v>
      </c>
      <c r="S29940">
        <v>15</v>
      </c>
      <c r="T29940">
        <v>15</v>
      </c>
      <c r="U29940">
        <v>16</v>
      </c>
      <c r="V29940">
        <v>16</v>
      </c>
      <c r="W29940">
        <v>16</v>
      </c>
      <c r="X29940">
        <v>17</v>
      </c>
      <c r="Y29940">
        <v>17</v>
      </c>
      <c r="Z29940">
        <v>17</v>
      </c>
      <c r="AA29940">
        <v>17</v>
      </c>
      <c r="AB29940">
        <v>18</v>
      </c>
      <c r="AC29940">
        <v>18</v>
      </c>
      <c r="AD29940">
        <v>18</v>
      </c>
      <c r="AE29940">
        <v>18</v>
      </c>
      <c r="AF29940">
        <v>19</v>
      </c>
      <c r="AG29940">
        <v>19</v>
      </c>
      <c r="AH29940">
        <v>19</v>
      </c>
      <c r="AI29940">
        <v>19</v>
      </c>
      <c r="AJ29940">
        <v>19</v>
      </c>
      <c r="AK29940">
        <v>19</v>
      </c>
      <c r="AL29940">
        <v>19</v>
      </c>
      <c r="AM29940">
        <v>19</v>
      </c>
      <c r="AN29940">
        <v>19</v>
      </c>
      <c r="AO29940">
        <v>19</v>
      </c>
      <c r="AP29940">
        <v>19</v>
      </c>
      <c r="AQ29940">
        <v>19</v>
      </c>
    </row>
    <row r="29941" spans="1:43">
      <c r="A29941" t="s">
        <v>18541</v>
      </c>
      <c r="B29941" t="s">
        <v>18542</v>
      </c>
      <c r="C29941" t="s">
        <v>18499</v>
      </c>
      <c r="D29941" t="s">
        <v>18500</v>
      </c>
      <c r="E29941" t="s">
        <v>18345</v>
      </c>
      <c r="F29941" t="s">
        <v>18346</v>
      </c>
      <c r="G29941" t="s">
        <v>10734</v>
      </c>
      <c r="H29941" t="s">
        <v>10735</v>
      </c>
      <c r="I29941" s="2">
        <v>0</v>
      </c>
      <c r="J29941" s="2">
        <v>0</v>
      </c>
      <c r="K29941" s="2">
        <v>1</v>
      </c>
      <c r="L29941" t="s">
        <v>995</v>
      </c>
      <c r="M29941" t="s">
        <v>83</v>
      </c>
      <c r="N29941" t="s">
        <v>91</v>
      </c>
      <c r="O29941" t="s">
        <v>85</v>
      </c>
      <c r="P29941" t="s">
        <v>86</v>
      </c>
      <c r="Q29941">
        <v>14</v>
      </c>
      <c r="R29941">
        <v>14</v>
      </c>
      <c r="S29941">
        <v>15</v>
      </c>
      <c r="T29941">
        <v>15</v>
      </c>
      <c r="U29941">
        <v>15</v>
      </c>
      <c r="V29941">
        <v>15</v>
      </c>
      <c r="W29941">
        <v>16</v>
      </c>
      <c r="X29941">
        <v>16</v>
      </c>
      <c r="Y29941">
        <v>16</v>
      </c>
      <c r="Z29941">
        <v>16</v>
      </c>
      <c r="AA29941">
        <v>16</v>
      </c>
      <c r="AB29941">
        <v>17</v>
      </c>
      <c r="AC29941">
        <v>17</v>
      </c>
      <c r="AD29941">
        <v>17</v>
      </c>
      <c r="AE29941">
        <v>17</v>
      </c>
      <c r="AF29941">
        <v>18</v>
      </c>
      <c r="AG29941">
        <v>18</v>
      </c>
      <c r="AH29941">
        <v>18</v>
      </c>
      <c r="AI29941">
        <v>18</v>
      </c>
      <c r="AJ29941">
        <v>18</v>
      </c>
      <c r="AK29941">
        <v>19</v>
      </c>
      <c r="AL29941">
        <v>19</v>
      </c>
      <c r="AM29941">
        <v>19</v>
      </c>
      <c r="AN29941">
        <v>19</v>
      </c>
      <c r="AO29941">
        <v>19</v>
      </c>
      <c r="AP29941">
        <v>19</v>
      </c>
      <c r="AQ29941">
        <v>19</v>
      </c>
    </row>
    <row r="29942" spans="1:43">
      <c r="A29942" t="s">
        <v>18543</v>
      </c>
      <c r="B29942" t="s">
        <v>18544</v>
      </c>
      <c r="C29942" t="s">
        <v>18367</v>
      </c>
      <c r="D29942" t="s">
        <v>18368</v>
      </c>
      <c r="E29942" t="s">
        <v>18345</v>
      </c>
      <c r="F29942" t="s">
        <v>18346</v>
      </c>
      <c r="G29942" t="s">
        <v>10734</v>
      </c>
      <c r="H29942" t="s">
        <v>10735</v>
      </c>
      <c r="I29942" s="2">
        <v>0</v>
      </c>
      <c r="J29942" s="2">
        <v>0</v>
      </c>
      <c r="K29942" s="2">
        <v>1</v>
      </c>
      <c r="L29942" t="s">
        <v>995</v>
      </c>
      <c r="M29942" t="s">
        <v>83</v>
      </c>
      <c r="N29942" t="s">
        <v>84</v>
      </c>
      <c r="O29942" t="s">
        <v>85</v>
      </c>
      <c r="P29942" t="s">
        <v>86</v>
      </c>
      <c r="Q29942">
        <v>18</v>
      </c>
      <c r="R29942">
        <v>18</v>
      </c>
      <c r="S29942">
        <v>18</v>
      </c>
      <c r="T29942">
        <v>19</v>
      </c>
      <c r="U29942">
        <v>19</v>
      </c>
      <c r="V29942">
        <v>19</v>
      </c>
      <c r="W29942">
        <v>19</v>
      </c>
      <c r="X29942">
        <v>20</v>
      </c>
      <c r="Y29942">
        <v>20</v>
      </c>
      <c r="Z29942">
        <v>20</v>
      </c>
      <c r="AA29942">
        <v>20</v>
      </c>
      <c r="AB29942">
        <v>21</v>
      </c>
      <c r="AC29942">
        <v>21</v>
      </c>
      <c r="AD29942">
        <v>21</v>
      </c>
      <c r="AE29942">
        <v>21</v>
      </c>
      <c r="AF29942">
        <v>21</v>
      </c>
      <c r="AG29942">
        <v>22</v>
      </c>
      <c r="AH29942">
        <v>22</v>
      </c>
      <c r="AI29942">
        <v>22</v>
      </c>
      <c r="AJ29942">
        <v>22</v>
      </c>
      <c r="AK29942">
        <v>23</v>
      </c>
      <c r="AL29942">
        <v>23</v>
      </c>
      <c r="AM29942">
        <v>23</v>
      </c>
      <c r="AN29942">
        <v>23</v>
      </c>
      <c r="AO29942">
        <v>23</v>
      </c>
      <c r="AP29942">
        <v>23</v>
      </c>
      <c r="AQ29942">
        <v>23</v>
      </c>
    </row>
    <row r="29943" spans="1:43">
      <c r="A29943" t="s">
        <v>18543</v>
      </c>
      <c r="B29943" t="s">
        <v>18544</v>
      </c>
      <c r="C29943" t="s">
        <v>18367</v>
      </c>
      <c r="D29943" t="s">
        <v>18368</v>
      </c>
      <c r="E29943" t="s">
        <v>18345</v>
      </c>
      <c r="F29943" t="s">
        <v>18346</v>
      </c>
      <c r="G29943" t="s">
        <v>10734</v>
      </c>
      <c r="H29943" t="s">
        <v>10735</v>
      </c>
      <c r="I29943" s="2">
        <v>0</v>
      </c>
      <c r="J29943" s="2">
        <v>0</v>
      </c>
      <c r="K29943" s="2">
        <v>1</v>
      </c>
      <c r="L29943" t="s">
        <v>995</v>
      </c>
      <c r="M29943" t="s">
        <v>87</v>
      </c>
      <c r="N29943" t="s">
        <v>88</v>
      </c>
      <c r="O29943" t="s">
        <v>85</v>
      </c>
      <c r="P29943" t="s">
        <v>86</v>
      </c>
      <c r="Q29943">
        <v>18</v>
      </c>
      <c r="R29943">
        <v>18</v>
      </c>
      <c r="S29943">
        <v>18</v>
      </c>
      <c r="T29943">
        <v>18</v>
      </c>
      <c r="U29943">
        <v>18</v>
      </c>
      <c r="V29943">
        <v>18</v>
      </c>
      <c r="W29943">
        <v>18</v>
      </c>
      <c r="X29943">
        <v>18</v>
      </c>
      <c r="Y29943">
        <v>18</v>
      </c>
      <c r="Z29943">
        <v>19</v>
      </c>
      <c r="AA29943">
        <v>19</v>
      </c>
      <c r="AB29943">
        <v>19</v>
      </c>
      <c r="AC29943">
        <v>19</v>
      </c>
      <c r="AD29943">
        <v>19</v>
      </c>
      <c r="AE29943">
        <v>19</v>
      </c>
      <c r="AF29943">
        <v>19</v>
      </c>
      <c r="AG29943">
        <v>19</v>
      </c>
      <c r="AH29943">
        <v>19</v>
      </c>
      <c r="AI29943">
        <v>19</v>
      </c>
      <c r="AJ29943">
        <v>19</v>
      </c>
      <c r="AK29943">
        <v>19</v>
      </c>
      <c r="AL29943">
        <v>19</v>
      </c>
      <c r="AM29943">
        <v>19</v>
      </c>
      <c r="AN29943">
        <v>20</v>
      </c>
      <c r="AO29943">
        <v>20</v>
      </c>
      <c r="AP29943">
        <v>20</v>
      </c>
      <c r="AQ29943">
        <v>20</v>
      </c>
    </row>
    <row r="29944" spans="1:43">
      <c r="A29944" t="s">
        <v>18543</v>
      </c>
      <c r="B29944" t="s">
        <v>18544</v>
      </c>
      <c r="C29944" t="s">
        <v>18367</v>
      </c>
      <c r="D29944" t="s">
        <v>18368</v>
      </c>
      <c r="E29944" t="s">
        <v>18345</v>
      </c>
      <c r="F29944" t="s">
        <v>18346</v>
      </c>
      <c r="G29944" t="s">
        <v>10734</v>
      </c>
      <c r="H29944" t="s">
        <v>10735</v>
      </c>
      <c r="I29944" s="2">
        <v>0</v>
      </c>
      <c r="J29944" s="2">
        <v>0</v>
      </c>
      <c r="K29944" s="2">
        <v>1</v>
      </c>
      <c r="L29944" t="s">
        <v>995</v>
      </c>
      <c r="M29944" t="s">
        <v>89</v>
      </c>
      <c r="N29944" t="s">
        <v>90</v>
      </c>
      <c r="O29944" t="s">
        <v>85</v>
      </c>
      <c r="P29944" t="s">
        <v>86</v>
      </c>
      <c r="Q29944">
        <v>18</v>
      </c>
      <c r="R29944">
        <v>19</v>
      </c>
      <c r="S29944">
        <v>19</v>
      </c>
      <c r="T29944">
        <v>19</v>
      </c>
      <c r="U29944">
        <v>20</v>
      </c>
      <c r="V29944">
        <v>20</v>
      </c>
      <c r="W29944">
        <v>20</v>
      </c>
      <c r="X29944">
        <v>21</v>
      </c>
      <c r="Y29944">
        <v>21</v>
      </c>
      <c r="Z29944">
        <v>21</v>
      </c>
      <c r="AA29944">
        <v>22</v>
      </c>
      <c r="AB29944">
        <v>22</v>
      </c>
      <c r="AC29944">
        <v>22</v>
      </c>
      <c r="AD29944">
        <v>23</v>
      </c>
      <c r="AE29944">
        <v>23</v>
      </c>
      <c r="AF29944">
        <v>23</v>
      </c>
      <c r="AG29944">
        <v>23</v>
      </c>
      <c r="AH29944">
        <v>23</v>
      </c>
      <c r="AI29944">
        <v>23</v>
      </c>
      <c r="AJ29944">
        <v>23</v>
      </c>
      <c r="AK29944">
        <v>23</v>
      </c>
      <c r="AL29944">
        <v>23</v>
      </c>
      <c r="AM29944">
        <v>23</v>
      </c>
      <c r="AN29944">
        <v>23</v>
      </c>
      <c r="AO29944">
        <v>23</v>
      </c>
      <c r="AP29944">
        <v>23</v>
      </c>
      <c r="AQ29944">
        <v>23</v>
      </c>
    </row>
    <row r="29945" spans="1:43">
      <c r="A29945" t="s">
        <v>18543</v>
      </c>
      <c r="B29945" t="s">
        <v>18544</v>
      </c>
      <c r="C29945" t="s">
        <v>18367</v>
      </c>
      <c r="D29945" t="s">
        <v>18368</v>
      </c>
      <c r="E29945" t="s">
        <v>18345</v>
      </c>
      <c r="F29945" t="s">
        <v>18346</v>
      </c>
      <c r="G29945" t="s">
        <v>10734</v>
      </c>
      <c r="H29945" t="s">
        <v>10735</v>
      </c>
      <c r="I29945" s="2">
        <v>0</v>
      </c>
      <c r="J29945" s="2">
        <v>0</v>
      </c>
      <c r="K29945" s="2">
        <v>1</v>
      </c>
      <c r="L29945" t="s">
        <v>995</v>
      </c>
      <c r="M29945" t="s">
        <v>83</v>
      </c>
      <c r="N29945" t="s">
        <v>91</v>
      </c>
      <c r="O29945" t="s">
        <v>85</v>
      </c>
      <c r="P29945" t="s">
        <v>86</v>
      </c>
      <c r="Q29945">
        <v>18</v>
      </c>
      <c r="R29945">
        <v>18</v>
      </c>
      <c r="S29945">
        <v>18</v>
      </c>
      <c r="T29945">
        <v>19</v>
      </c>
      <c r="U29945">
        <v>19</v>
      </c>
      <c r="V29945">
        <v>19</v>
      </c>
      <c r="W29945">
        <v>19</v>
      </c>
      <c r="X29945">
        <v>20</v>
      </c>
      <c r="Y29945">
        <v>20</v>
      </c>
      <c r="Z29945">
        <v>20</v>
      </c>
      <c r="AA29945">
        <v>20</v>
      </c>
      <c r="AB29945">
        <v>21</v>
      </c>
      <c r="AC29945">
        <v>21</v>
      </c>
      <c r="AD29945">
        <v>21</v>
      </c>
      <c r="AE29945">
        <v>21</v>
      </c>
      <c r="AF29945">
        <v>21</v>
      </c>
      <c r="AG29945">
        <v>22</v>
      </c>
      <c r="AH29945">
        <v>22</v>
      </c>
      <c r="AI29945">
        <v>22</v>
      </c>
      <c r="AJ29945">
        <v>22</v>
      </c>
      <c r="AK29945">
        <v>23</v>
      </c>
      <c r="AL29945">
        <v>23</v>
      </c>
      <c r="AM29945">
        <v>23</v>
      </c>
      <c r="AN29945">
        <v>23</v>
      </c>
      <c r="AO29945">
        <v>23</v>
      </c>
      <c r="AP29945">
        <v>23</v>
      </c>
      <c r="AQ29945">
        <v>23</v>
      </c>
    </row>
    <row r="29946" spans="1:43">
      <c r="A29946" t="s">
        <v>18545</v>
      </c>
      <c r="B29946" t="s">
        <v>18546</v>
      </c>
      <c r="C29946" t="s">
        <v>18547</v>
      </c>
      <c r="D29946" t="s">
        <v>18548</v>
      </c>
      <c r="E29946" t="s">
        <v>18345</v>
      </c>
      <c r="F29946" t="s">
        <v>18346</v>
      </c>
      <c r="G29946" t="s">
        <v>10734</v>
      </c>
      <c r="H29946" t="s">
        <v>10735</v>
      </c>
      <c r="I29946" s="2">
        <v>0</v>
      </c>
      <c r="J29946" s="2">
        <v>0</v>
      </c>
      <c r="K29946" s="2">
        <v>1</v>
      </c>
      <c r="L29946" t="s">
        <v>995</v>
      </c>
      <c r="M29946" t="s">
        <v>83</v>
      </c>
      <c r="N29946" t="s">
        <v>84</v>
      </c>
      <c r="O29946" t="s">
        <v>85</v>
      </c>
      <c r="P29946" t="s">
        <v>86</v>
      </c>
      <c r="Q29946">
        <v>22</v>
      </c>
      <c r="R29946">
        <v>22</v>
      </c>
      <c r="S29946">
        <v>22</v>
      </c>
      <c r="T29946">
        <v>23</v>
      </c>
      <c r="U29946">
        <v>23</v>
      </c>
      <c r="V29946">
        <v>23</v>
      </c>
      <c r="W29946">
        <v>24</v>
      </c>
      <c r="X29946">
        <v>24</v>
      </c>
      <c r="Y29946">
        <v>24</v>
      </c>
      <c r="Z29946">
        <v>25</v>
      </c>
      <c r="AA29946">
        <v>25</v>
      </c>
      <c r="AB29946">
        <v>25</v>
      </c>
      <c r="AC29946">
        <v>26</v>
      </c>
      <c r="AD29946">
        <v>26</v>
      </c>
      <c r="AE29946">
        <v>26</v>
      </c>
      <c r="AF29946">
        <v>27</v>
      </c>
      <c r="AG29946">
        <v>27</v>
      </c>
      <c r="AH29946">
        <v>27</v>
      </c>
      <c r="AI29946">
        <v>28</v>
      </c>
      <c r="AJ29946">
        <v>28</v>
      </c>
      <c r="AK29946">
        <v>28</v>
      </c>
      <c r="AL29946">
        <v>28</v>
      </c>
      <c r="AM29946">
        <v>29</v>
      </c>
      <c r="AN29946">
        <v>29</v>
      </c>
      <c r="AO29946">
        <v>29</v>
      </c>
      <c r="AP29946">
        <v>29</v>
      </c>
      <c r="AQ29946">
        <v>29</v>
      </c>
    </row>
    <row r="29947" spans="1:43">
      <c r="A29947" t="s">
        <v>18545</v>
      </c>
      <c r="B29947" t="s">
        <v>18546</v>
      </c>
      <c r="C29947" t="s">
        <v>18547</v>
      </c>
      <c r="D29947" t="s">
        <v>18548</v>
      </c>
      <c r="E29947" t="s">
        <v>18345</v>
      </c>
      <c r="F29947" t="s">
        <v>18346</v>
      </c>
      <c r="G29947" t="s">
        <v>10734</v>
      </c>
      <c r="H29947" t="s">
        <v>10735</v>
      </c>
      <c r="I29947" s="2">
        <v>0</v>
      </c>
      <c r="J29947" s="2">
        <v>0</v>
      </c>
      <c r="K29947" s="2">
        <v>1</v>
      </c>
      <c r="L29947" t="s">
        <v>995</v>
      </c>
      <c r="M29947" t="s">
        <v>87</v>
      </c>
      <c r="N29947" t="s">
        <v>88</v>
      </c>
      <c r="O29947" t="s">
        <v>85</v>
      </c>
      <c r="P29947" t="s">
        <v>86</v>
      </c>
      <c r="Q29947">
        <v>22</v>
      </c>
      <c r="R29947">
        <v>22</v>
      </c>
      <c r="S29947">
        <v>23</v>
      </c>
      <c r="T29947">
        <v>23</v>
      </c>
      <c r="U29947">
        <v>23</v>
      </c>
      <c r="V29947">
        <v>23</v>
      </c>
      <c r="W29947">
        <v>23</v>
      </c>
      <c r="X29947">
        <v>23</v>
      </c>
      <c r="Y29947">
        <v>24</v>
      </c>
      <c r="Z29947">
        <v>24</v>
      </c>
      <c r="AA29947">
        <v>24</v>
      </c>
      <c r="AB29947">
        <v>24</v>
      </c>
      <c r="AC29947">
        <v>24</v>
      </c>
      <c r="AD29947">
        <v>24</v>
      </c>
      <c r="AE29947">
        <v>24</v>
      </c>
      <c r="AF29947">
        <v>25</v>
      </c>
      <c r="AG29947">
        <v>25</v>
      </c>
      <c r="AH29947">
        <v>25</v>
      </c>
      <c r="AI29947">
        <v>25</v>
      </c>
      <c r="AJ29947">
        <v>25</v>
      </c>
      <c r="AK29947">
        <v>25</v>
      </c>
      <c r="AL29947">
        <v>26</v>
      </c>
      <c r="AM29947">
        <v>26</v>
      </c>
      <c r="AN29947">
        <v>26</v>
      </c>
      <c r="AO29947">
        <v>26</v>
      </c>
      <c r="AP29947">
        <v>26</v>
      </c>
      <c r="AQ29947">
        <v>26</v>
      </c>
    </row>
    <row r="29948" spans="1:43">
      <c r="A29948" t="s">
        <v>18545</v>
      </c>
      <c r="B29948" t="s">
        <v>18546</v>
      </c>
      <c r="C29948" t="s">
        <v>18547</v>
      </c>
      <c r="D29948" t="s">
        <v>18548</v>
      </c>
      <c r="E29948" t="s">
        <v>18345</v>
      </c>
      <c r="F29948" t="s">
        <v>18346</v>
      </c>
      <c r="G29948" t="s">
        <v>10734</v>
      </c>
      <c r="H29948" t="s">
        <v>10735</v>
      </c>
      <c r="I29948" s="2">
        <v>0</v>
      </c>
      <c r="J29948" s="2">
        <v>0</v>
      </c>
      <c r="K29948" s="2">
        <v>1</v>
      </c>
      <c r="L29948" t="s">
        <v>995</v>
      </c>
      <c r="M29948" t="s">
        <v>89</v>
      </c>
      <c r="N29948" t="s">
        <v>90</v>
      </c>
      <c r="O29948" t="s">
        <v>85</v>
      </c>
      <c r="P29948" t="s">
        <v>86</v>
      </c>
      <c r="Q29948">
        <v>22</v>
      </c>
      <c r="R29948">
        <v>22</v>
      </c>
      <c r="S29948">
        <v>23</v>
      </c>
      <c r="T29948">
        <v>23</v>
      </c>
      <c r="U29948">
        <v>24</v>
      </c>
      <c r="V29948">
        <v>24</v>
      </c>
      <c r="W29948">
        <v>25</v>
      </c>
      <c r="X29948">
        <v>25</v>
      </c>
      <c r="Y29948">
        <v>26</v>
      </c>
      <c r="Z29948">
        <v>26</v>
      </c>
      <c r="AA29948">
        <v>27</v>
      </c>
      <c r="AB29948">
        <v>27</v>
      </c>
      <c r="AC29948">
        <v>27</v>
      </c>
      <c r="AD29948">
        <v>28</v>
      </c>
      <c r="AE29948">
        <v>28</v>
      </c>
      <c r="AF29948">
        <v>28</v>
      </c>
      <c r="AG29948">
        <v>28</v>
      </c>
      <c r="AH29948">
        <v>28</v>
      </c>
      <c r="AI29948">
        <v>29</v>
      </c>
      <c r="AJ29948">
        <v>29</v>
      </c>
      <c r="AK29948">
        <v>29</v>
      </c>
      <c r="AL29948">
        <v>29</v>
      </c>
      <c r="AM29948">
        <v>29</v>
      </c>
      <c r="AN29948">
        <v>29</v>
      </c>
      <c r="AO29948">
        <v>29</v>
      </c>
      <c r="AP29948">
        <v>29</v>
      </c>
      <c r="AQ29948">
        <v>29</v>
      </c>
    </row>
    <row r="29949" spans="1:43">
      <c r="A29949" t="s">
        <v>18545</v>
      </c>
      <c r="B29949" t="s">
        <v>18546</v>
      </c>
      <c r="C29949" t="s">
        <v>18547</v>
      </c>
      <c r="D29949" t="s">
        <v>18548</v>
      </c>
      <c r="E29949" t="s">
        <v>18345</v>
      </c>
      <c r="F29949" t="s">
        <v>18346</v>
      </c>
      <c r="G29949" t="s">
        <v>10734</v>
      </c>
      <c r="H29949" t="s">
        <v>10735</v>
      </c>
      <c r="I29949" s="2">
        <v>0</v>
      </c>
      <c r="J29949" s="2">
        <v>0</v>
      </c>
      <c r="K29949" s="2">
        <v>1</v>
      </c>
      <c r="L29949" t="s">
        <v>995</v>
      </c>
      <c r="M29949" t="s">
        <v>83</v>
      </c>
      <c r="N29949" t="s">
        <v>91</v>
      </c>
      <c r="O29949" t="s">
        <v>85</v>
      </c>
      <c r="P29949" t="s">
        <v>86</v>
      </c>
      <c r="Q29949">
        <v>22</v>
      </c>
      <c r="R29949">
        <v>22</v>
      </c>
      <c r="S29949">
        <v>22</v>
      </c>
      <c r="T29949">
        <v>23</v>
      </c>
      <c r="U29949">
        <v>23</v>
      </c>
      <c r="V29949">
        <v>23</v>
      </c>
      <c r="W29949">
        <v>24</v>
      </c>
      <c r="X29949">
        <v>24</v>
      </c>
      <c r="Y29949">
        <v>24</v>
      </c>
      <c r="Z29949">
        <v>25</v>
      </c>
      <c r="AA29949">
        <v>25</v>
      </c>
      <c r="AB29949">
        <v>25</v>
      </c>
      <c r="AC29949">
        <v>26</v>
      </c>
      <c r="AD29949">
        <v>26</v>
      </c>
      <c r="AE29949">
        <v>26</v>
      </c>
      <c r="AF29949">
        <v>27</v>
      </c>
      <c r="AG29949">
        <v>27</v>
      </c>
      <c r="AH29949">
        <v>27</v>
      </c>
      <c r="AI29949">
        <v>28</v>
      </c>
      <c r="AJ29949">
        <v>28</v>
      </c>
      <c r="AK29949">
        <v>28</v>
      </c>
      <c r="AL29949">
        <v>28</v>
      </c>
      <c r="AM29949">
        <v>29</v>
      </c>
      <c r="AN29949">
        <v>29</v>
      </c>
      <c r="AO29949">
        <v>29</v>
      </c>
      <c r="AP29949">
        <v>29</v>
      </c>
      <c r="AQ29949">
        <v>29</v>
      </c>
    </row>
    <row r="29950" spans="1:43">
      <c r="A29950" t="s">
        <v>18549</v>
      </c>
      <c r="B29950" t="s">
        <v>18550</v>
      </c>
      <c r="C29950" t="s">
        <v>18547</v>
      </c>
      <c r="D29950" t="s">
        <v>18548</v>
      </c>
      <c r="E29950" t="s">
        <v>18345</v>
      </c>
      <c r="F29950" t="s">
        <v>18346</v>
      </c>
      <c r="G29950" t="s">
        <v>10734</v>
      </c>
      <c r="H29950" t="s">
        <v>10735</v>
      </c>
      <c r="I29950" s="2">
        <v>0</v>
      </c>
      <c r="J29950" s="2">
        <v>0</v>
      </c>
      <c r="K29950" s="2">
        <v>1</v>
      </c>
      <c r="L29950" t="s">
        <v>995</v>
      </c>
      <c r="M29950" t="s">
        <v>83</v>
      </c>
      <c r="N29950" t="s">
        <v>84</v>
      </c>
      <c r="O29950" t="s">
        <v>85</v>
      </c>
      <c r="P29950" t="s">
        <v>86</v>
      </c>
      <c r="Q29950">
        <v>50</v>
      </c>
      <c r="R29950">
        <v>51</v>
      </c>
      <c r="S29950">
        <v>52</v>
      </c>
      <c r="T29950">
        <v>53</v>
      </c>
      <c r="U29950">
        <v>54</v>
      </c>
      <c r="V29950">
        <v>55</v>
      </c>
      <c r="W29950">
        <v>55</v>
      </c>
      <c r="X29950">
        <v>56</v>
      </c>
      <c r="Y29950">
        <v>57</v>
      </c>
      <c r="Z29950">
        <v>58</v>
      </c>
      <c r="AA29950">
        <v>59</v>
      </c>
      <c r="AB29950">
        <v>60</v>
      </c>
      <c r="AC29950">
        <v>60</v>
      </c>
      <c r="AD29950">
        <v>61</v>
      </c>
      <c r="AE29950">
        <v>62</v>
      </c>
      <c r="AF29950">
        <v>63</v>
      </c>
      <c r="AG29950">
        <v>63</v>
      </c>
      <c r="AH29950">
        <v>64</v>
      </c>
      <c r="AI29950">
        <v>65</v>
      </c>
      <c r="AJ29950">
        <v>66</v>
      </c>
      <c r="AK29950">
        <v>66</v>
      </c>
      <c r="AL29950">
        <v>67</v>
      </c>
      <c r="AM29950">
        <v>67</v>
      </c>
      <c r="AN29950">
        <v>67</v>
      </c>
      <c r="AO29950">
        <v>67</v>
      </c>
      <c r="AP29950">
        <v>67</v>
      </c>
      <c r="AQ29950">
        <v>68</v>
      </c>
    </row>
    <row r="29951" spans="1:43">
      <c r="A29951" t="s">
        <v>18549</v>
      </c>
      <c r="B29951" t="s">
        <v>18550</v>
      </c>
      <c r="C29951" t="s">
        <v>18547</v>
      </c>
      <c r="D29951" t="s">
        <v>18548</v>
      </c>
      <c r="E29951" t="s">
        <v>18345</v>
      </c>
      <c r="F29951" t="s">
        <v>18346</v>
      </c>
      <c r="G29951" t="s">
        <v>10734</v>
      </c>
      <c r="H29951" t="s">
        <v>10735</v>
      </c>
      <c r="I29951" s="2">
        <v>0</v>
      </c>
      <c r="J29951" s="2">
        <v>0</v>
      </c>
      <c r="K29951" s="2">
        <v>1</v>
      </c>
      <c r="L29951" t="s">
        <v>995</v>
      </c>
      <c r="M29951" t="s">
        <v>87</v>
      </c>
      <c r="N29951" t="s">
        <v>88</v>
      </c>
      <c r="O29951" t="s">
        <v>85</v>
      </c>
      <c r="P29951" t="s">
        <v>86</v>
      </c>
      <c r="Q29951">
        <v>50</v>
      </c>
      <c r="R29951">
        <v>50</v>
      </c>
      <c r="S29951">
        <v>51</v>
      </c>
      <c r="T29951">
        <v>51</v>
      </c>
      <c r="U29951">
        <v>51</v>
      </c>
      <c r="V29951">
        <v>52</v>
      </c>
      <c r="W29951">
        <v>52</v>
      </c>
      <c r="X29951">
        <v>52</v>
      </c>
      <c r="Y29951">
        <v>53</v>
      </c>
      <c r="Z29951">
        <v>53</v>
      </c>
      <c r="AA29951">
        <v>53</v>
      </c>
      <c r="AB29951">
        <v>54</v>
      </c>
      <c r="AC29951">
        <v>54</v>
      </c>
      <c r="AD29951">
        <v>54</v>
      </c>
      <c r="AE29951">
        <v>55</v>
      </c>
      <c r="AF29951">
        <v>55</v>
      </c>
      <c r="AG29951">
        <v>56</v>
      </c>
      <c r="AH29951">
        <v>56</v>
      </c>
      <c r="AI29951">
        <v>56</v>
      </c>
      <c r="AJ29951">
        <v>57</v>
      </c>
      <c r="AK29951">
        <v>57</v>
      </c>
      <c r="AL29951">
        <v>57</v>
      </c>
      <c r="AM29951">
        <v>58</v>
      </c>
      <c r="AN29951">
        <v>58</v>
      </c>
      <c r="AO29951">
        <v>58</v>
      </c>
      <c r="AP29951">
        <v>59</v>
      </c>
      <c r="AQ29951">
        <v>59</v>
      </c>
    </row>
    <row r="29952" spans="1:43">
      <c r="A29952" t="s">
        <v>18549</v>
      </c>
      <c r="B29952" t="s">
        <v>18550</v>
      </c>
      <c r="C29952" t="s">
        <v>18547</v>
      </c>
      <c r="D29952" t="s">
        <v>18548</v>
      </c>
      <c r="E29952" t="s">
        <v>18345</v>
      </c>
      <c r="F29952" t="s">
        <v>18346</v>
      </c>
      <c r="G29952" t="s">
        <v>10734</v>
      </c>
      <c r="H29952" t="s">
        <v>10735</v>
      </c>
      <c r="I29952" s="2">
        <v>0</v>
      </c>
      <c r="J29952" s="2">
        <v>0</v>
      </c>
      <c r="K29952" s="2">
        <v>1</v>
      </c>
      <c r="L29952" t="s">
        <v>995</v>
      </c>
      <c r="M29952" t="s">
        <v>89</v>
      </c>
      <c r="N29952" t="s">
        <v>90</v>
      </c>
      <c r="O29952" t="s">
        <v>85</v>
      </c>
      <c r="P29952" t="s">
        <v>86</v>
      </c>
      <c r="Q29952">
        <v>50</v>
      </c>
      <c r="R29952">
        <v>51</v>
      </c>
      <c r="S29952">
        <v>52</v>
      </c>
      <c r="T29952">
        <v>54</v>
      </c>
      <c r="U29952">
        <v>55</v>
      </c>
      <c r="V29952">
        <v>56</v>
      </c>
      <c r="W29952">
        <v>57</v>
      </c>
      <c r="X29952">
        <v>58</v>
      </c>
      <c r="Y29952">
        <v>59</v>
      </c>
      <c r="Z29952">
        <v>60</v>
      </c>
      <c r="AA29952">
        <v>61</v>
      </c>
      <c r="AB29952">
        <v>62</v>
      </c>
      <c r="AC29952">
        <v>63</v>
      </c>
      <c r="AD29952">
        <v>64</v>
      </c>
      <c r="AE29952">
        <v>65</v>
      </c>
      <c r="AF29952">
        <v>65</v>
      </c>
      <c r="AG29952">
        <v>65</v>
      </c>
      <c r="AH29952">
        <v>66</v>
      </c>
      <c r="AI29952">
        <v>66</v>
      </c>
      <c r="AJ29952">
        <v>66</v>
      </c>
      <c r="AK29952">
        <v>66</v>
      </c>
      <c r="AL29952">
        <v>66</v>
      </c>
      <c r="AM29952">
        <v>67</v>
      </c>
      <c r="AN29952">
        <v>67</v>
      </c>
      <c r="AO29952">
        <v>67</v>
      </c>
      <c r="AP29952">
        <v>67</v>
      </c>
      <c r="AQ29952">
        <v>67</v>
      </c>
    </row>
    <row r="29953" spans="1:43">
      <c r="A29953" t="s">
        <v>18549</v>
      </c>
      <c r="B29953" t="s">
        <v>18550</v>
      </c>
      <c r="C29953" t="s">
        <v>18547</v>
      </c>
      <c r="D29953" t="s">
        <v>18548</v>
      </c>
      <c r="E29953" t="s">
        <v>18345</v>
      </c>
      <c r="F29953" t="s">
        <v>18346</v>
      </c>
      <c r="G29953" t="s">
        <v>10734</v>
      </c>
      <c r="H29953" t="s">
        <v>10735</v>
      </c>
      <c r="I29953" s="2">
        <v>0</v>
      </c>
      <c r="J29953" s="2">
        <v>0</v>
      </c>
      <c r="K29953" s="2">
        <v>1</v>
      </c>
      <c r="L29953" t="s">
        <v>995</v>
      </c>
      <c r="M29953" t="s">
        <v>83</v>
      </c>
      <c r="N29953" t="s">
        <v>91</v>
      </c>
      <c r="O29953" t="s">
        <v>85</v>
      </c>
      <c r="P29953" t="s">
        <v>86</v>
      </c>
      <c r="Q29953">
        <v>50</v>
      </c>
      <c r="R29953">
        <v>51</v>
      </c>
      <c r="S29953">
        <v>52</v>
      </c>
      <c r="T29953">
        <v>53</v>
      </c>
      <c r="U29953">
        <v>54</v>
      </c>
      <c r="V29953">
        <v>55</v>
      </c>
      <c r="W29953">
        <v>55</v>
      </c>
      <c r="X29953">
        <v>56</v>
      </c>
      <c r="Y29953">
        <v>57</v>
      </c>
      <c r="Z29953">
        <v>58</v>
      </c>
      <c r="AA29953">
        <v>59</v>
      </c>
      <c r="AB29953">
        <v>60</v>
      </c>
      <c r="AC29953">
        <v>60</v>
      </c>
      <c r="AD29953">
        <v>61</v>
      </c>
      <c r="AE29953">
        <v>62</v>
      </c>
      <c r="AF29953">
        <v>63</v>
      </c>
      <c r="AG29953">
        <v>63</v>
      </c>
      <c r="AH29953">
        <v>64</v>
      </c>
      <c r="AI29953">
        <v>65</v>
      </c>
      <c r="AJ29953">
        <v>66</v>
      </c>
      <c r="AK29953">
        <v>66</v>
      </c>
      <c r="AL29953">
        <v>67</v>
      </c>
      <c r="AM29953">
        <v>67</v>
      </c>
      <c r="AN29953">
        <v>67</v>
      </c>
      <c r="AO29953">
        <v>67</v>
      </c>
      <c r="AP29953">
        <v>67</v>
      </c>
      <c r="AQ29953">
        <v>68</v>
      </c>
    </row>
    <row r="29954" spans="1:43">
      <c r="A29954" t="s">
        <v>18551</v>
      </c>
      <c r="B29954" t="s">
        <v>18552</v>
      </c>
      <c r="C29954" t="s">
        <v>18351</v>
      </c>
      <c r="D29954" t="s">
        <v>18352</v>
      </c>
      <c r="E29954" t="s">
        <v>18345</v>
      </c>
      <c r="F29954" t="s">
        <v>18346</v>
      </c>
      <c r="G29954" t="s">
        <v>10734</v>
      </c>
      <c r="H29954" t="s">
        <v>10735</v>
      </c>
      <c r="I29954" s="2">
        <v>0</v>
      </c>
      <c r="J29954" s="2">
        <v>0</v>
      </c>
      <c r="K29954" s="2">
        <v>1</v>
      </c>
      <c r="L29954" t="s">
        <v>995</v>
      </c>
      <c r="M29954" t="s">
        <v>83</v>
      </c>
      <c r="N29954" t="s">
        <v>84</v>
      </c>
      <c r="O29954" t="s">
        <v>85</v>
      </c>
      <c r="P29954" t="s">
        <v>86</v>
      </c>
      <c r="Q29954">
        <v>4</v>
      </c>
      <c r="R29954">
        <v>4</v>
      </c>
      <c r="S29954">
        <v>4</v>
      </c>
      <c r="T29954">
        <v>4</v>
      </c>
      <c r="U29954">
        <v>4</v>
      </c>
      <c r="V29954">
        <v>4</v>
      </c>
      <c r="W29954">
        <v>4</v>
      </c>
      <c r="X29954">
        <v>5</v>
      </c>
      <c r="Y29954">
        <v>5</v>
      </c>
      <c r="Z29954">
        <v>5</v>
      </c>
      <c r="AA29954">
        <v>5</v>
      </c>
      <c r="AB29954">
        <v>5</v>
      </c>
      <c r="AC29954">
        <v>5</v>
      </c>
      <c r="AD29954">
        <v>5</v>
      </c>
      <c r="AE29954">
        <v>5</v>
      </c>
      <c r="AF29954">
        <v>5</v>
      </c>
      <c r="AG29954">
        <v>5</v>
      </c>
      <c r="AH29954">
        <v>5</v>
      </c>
      <c r="AI29954">
        <v>5</v>
      </c>
      <c r="AJ29954">
        <v>5</v>
      </c>
      <c r="AK29954">
        <v>5</v>
      </c>
      <c r="AL29954">
        <v>5</v>
      </c>
      <c r="AM29954">
        <v>5</v>
      </c>
      <c r="AN29954">
        <v>5</v>
      </c>
      <c r="AO29954">
        <v>5</v>
      </c>
      <c r="AP29954">
        <v>5</v>
      </c>
      <c r="AQ29954">
        <v>5</v>
      </c>
    </row>
    <row r="29955" spans="1:43">
      <c r="A29955" t="s">
        <v>18551</v>
      </c>
      <c r="B29955" t="s">
        <v>18552</v>
      </c>
      <c r="C29955" t="s">
        <v>18351</v>
      </c>
      <c r="D29955" t="s">
        <v>18352</v>
      </c>
      <c r="E29955" t="s">
        <v>18345</v>
      </c>
      <c r="F29955" t="s">
        <v>18346</v>
      </c>
      <c r="G29955" t="s">
        <v>10734</v>
      </c>
      <c r="H29955" t="s">
        <v>10735</v>
      </c>
      <c r="I29955" s="2">
        <v>0</v>
      </c>
      <c r="J29955" s="2">
        <v>0</v>
      </c>
      <c r="K29955" s="2">
        <v>1</v>
      </c>
      <c r="L29955" t="s">
        <v>995</v>
      </c>
      <c r="M29955" t="s">
        <v>87</v>
      </c>
      <c r="N29955" t="s">
        <v>88</v>
      </c>
      <c r="O29955" t="s">
        <v>85</v>
      </c>
      <c r="P29955" t="s">
        <v>86</v>
      </c>
      <c r="Q29955">
        <v>4</v>
      </c>
      <c r="R29955">
        <v>4</v>
      </c>
      <c r="S29955">
        <v>4</v>
      </c>
      <c r="T29955">
        <v>4</v>
      </c>
      <c r="U29955">
        <v>4</v>
      </c>
      <c r="V29955">
        <v>4</v>
      </c>
      <c r="W29955">
        <v>4</v>
      </c>
      <c r="X29955">
        <v>4</v>
      </c>
      <c r="Y29955">
        <v>4</v>
      </c>
      <c r="Z29955">
        <v>4</v>
      </c>
      <c r="AA29955">
        <v>4</v>
      </c>
      <c r="AB29955">
        <v>4</v>
      </c>
      <c r="AC29955">
        <v>4</v>
      </c>
      <c r="AD29955">
        <v>4</v>
      </c>
      <c r="AE29955">
        <v>4</v>
      </c>
      <c r="AF29955">
        <v>4</v>
      </c>
      <c r="AG29955">
        <v>5</v>
      </c>
      <c r="AH29955">
        <v>5</v>
      </c>
      <c r="AI29955">
        <v>5</v>
      </c>
      <c r="AJ29955">
        <v>5</v>
      </c>
      <c r="AK29955">
        <v>5</v>
      </c>
      <c r="AL29955">
        <v>5</v>
      </c>
      <c r="AM29955">
        <v>5</v>
      </c>
      <c r="AN29955">
        <v>5</v>
      </c>
      <c r="AO29955">
        <v>5</v>
      </c>
      <c r="AP29955">
        <v>5</v>
      </c>
      <c r="AQ29955">
        <v>5</v>
      </c>
    </row>
    <row r="29956" spans="1:43">
      <c r="A29956" t="s">
        <v>18551</v>
      </c>
      <c r="B29956" t="s">
        <v>18552</v>
      </c>
      <c r="C29956" t="s">
        <v>18351</v>
      </c>
      <c r="D29956" t="s">
        <v>18352</v>
      </c>
      <c r="E29956" t="s">
        <v>18345</v>
      </c>
      <c r="F29956" t="s">
        <v>18346</v>
      </c>
      <c r="G29956" t="s">
        <v>10734</v>
      </c>
      <c r="H29956" t="s">
        <v>10735</v>
      </c>
      <c r="I29956" s="2">
        <v>0</v>
      </c>
      <c r="J29956" s="2">
        <v>0</v>
      </c>
      <c r="K29956" s="2">
        <v>1</v>
      </c>
      <c r="L29956" t="s">
        <v>995</v>
      </c>
      <c r="M29956" t="s">
        <v>89</v>
      </c>
      <c r="N29956" t="s">
        <v>90</v>
      </c>
      <c r="O29956" t="s">
        <v>85</v>
      </c>
      <c r="P29956" t="s">
        <v>86</v>
      </c>
      <c r="Q29956">
        <v>4</v>
      </c>
      <c r="R29956">
        <v>4</v>
      </c>
      <c r="S29956">
        <v>4</v>
      </c>
      <c r="T29956">
        <v>4</v>
      </c>
      <c r="U29956">
        <v>5</v>
      </c>
      <c r="V29956">
        <v>5</v>
      </c>
      <c r="W29956">
        <v>5</v>
      </c>
      <c r="X29956">
        <v>5</v>
      </c>
      <c r="Y29956">
        <v>5</v>
      </c>
      <c r="Z29956">
        <v>5</v>
      </c>
      <c r="AA29956">
        <v>5</v>
      </c>
      <c r="AB29956">
        <v>5</v>
      </c>
      <c r="AC29956">
        <v>5</v>
      </c>
      <c r="AD29956">
        <v>5</v>
      </c>
      <c r="AE29956">
        <v>5</v>
      </c>
      <c r="AF29956">
        <v>5</v>
      </c>
      <c r="AG29956">
        <v>5</v>
      </c>
      <c r="AH29956">
        <v>5</v>
      </c>
      <c r="AI29956">
        <v>5</v>
      </c>
      <c r="AJ29956">
        <v>5</v>
      </c>
      <c r="AK29956">
        <v>5</v>
      </c>
      <c r="AL29956">
        <v>5</v>
      </c>
      <c r="AM29956">
        <v>5</v>
      </c>
      <c r="AN29956">
        <v>5</v>
      </c>
      <c r="AO29956">
        <v>6</v>
      </c>
      <c r="AP29956">
        <v>6</v>
      </c>
      <c r="AQ29956">
        <v>6</v>
      </c>
    </row>
    <row r="29957" spans="1:43">
      <c r="A29957" t="s">
        <v>18551</v>
      </c>
      <c r="B29957" t="s">
        <v>18552</v>
      </c>
      <c r="C29957" t="s">
        <v>18351</v>
      </c>
      <c r="D29957" t="s">
        <v>18352</v>
      </c>
      <c r="E29957" t="s">
        <v>18345</v>
      </c>
      <c r="F29957" t="s">
        <v>18346</v>
      </c>
      <c r="G29957" t="s">
        <v>10734</v>
      </c>
      <c r="H29957" t="s">
        <v>10735</v>
      </c>
      <c r="I29957" s="2">
        <v>0</v>
      </c>
      <c r="J29957" s="2">
        <v>0</v>
      </c>
      <c r="K29957" s="2">
        <v>1</v>
      </c>
      <c r="L29957" t="s">
        <v>995</v>
      </c>
      <c r="M29957" t="s">
        <v>83</v>
      </c>
      <c r="N29957" t="s">
        <v>91</v>
      </c>
      <c r="O29957" t="s">
        <v>85</v>
      </c>
      <c r="P29957" t="s">
        <v>86</v>
      </c>
      <c r="Q29957">
        <v>4</v>
      </c>
      <c r="R29957">
        <v>4</v>
      </c>
      <c r="S29957">
        <v>4</v>
      </c>
      <c r="T29957">
        <v>4</v>
      </c>
      <c r="U29957">
        <v>4</v>
      </c>
      <c r="V29957">
        <v>4</v>
      </c>
      <c r="W29957">
        <v>4</v>
      </c>
      <c r="X29957">
        <v>5</v>
      </c>
      <c r="Y29957">
        <v>5</v>
      </c>
      <c r="Z29957">
        <v>5</v>
      </c>
      <c r="AA29957">
        <v>5</v>
      </c>
      <c r="AB29957">
        <v>5</v>
      </c>
      <c r="AC29957">
        <v>5</v>
      </c>
      <c r="AD29957">
        <v>5</v>
      </c>
      <c r="AE29957">
        <v>5</v>
      </c>
      <c r="AF29957">
        <v>5</v>
      </c>
      <c r="AG29957">
        <v>5</v>
      </c>
      <c r="AH29957">
        <v>5</v>
      </c>
      <c r="AI29957">
        <v>5</v>
      </c>
      <c r="AJ29957">
        <v>5</v>
      </c>
      <c r="AK29957">
        <v>5</v>
      </c>
      <c r="AL29957">
        <v>5</v>
      </c>
      <c r="AM29957">
        <v>5</v>
      </c>
      <c r="AN29957">
        <v>5</v>
      </c>
      <c r="AO29957">
        <v>5</v>
      </c>
      <c r="AP29957">
        <v>5</v>
      </c>
      <c r="AQ29957">
        <v>5</v>
      </c>
    </row>
    <row r="29958" spans="1:43">
      <c r="A29958" t="s">
        <v>18553</v>
      </c>
      <c r="B29958" t="s">
        <v>18554</v>
      </c>
      <c r="C29958" t="s">
        <v>18555</v>
      </c>
      <c r="D29958" t="s">
        <v>18556</v>
      </c>
      <c r="E29958" t="s">
        <v>18557</v>
      </c>
      <c r="F29958" t="s">
        <v>18558</v>
      </c>
      <c r="G29958" t="s">
        <v>10734</v>
      </c>
      <c r="H29958" t="s">
        <v>10735</v>
      </c>
      <c r="I29958" s="2">
        <v>0</v>
      </c>
      <c r="J29958" s="2">
        <v>0</v>
      </c>
      <c r="K29958" s="2">
        <v>1</v>
      </c>
      <c r="L29958" t="s">
        <v>995</v>
      </c>
      <c r="M29958" t="s">
        <v>83</v>
      </c>
      <c r="N29958" t="s">
        <v>84</v>
      </c>
      <c r="O29958" t="s">
        <v>85</v>
      </c>
      <c r="P29958" t="s">
        <v>86</v>
      </c>
      <c r="Q29958">
        <v>2</v>
      </c>
      <c r="R29958">
        <v>2</v>
      </c>
      <c r="S29958">
        <v>2</v>
      </c>
      <c r="T29958">
        <v>2</v>
      </c>
      <c r="U29958">
        <v>2</v>
      </c>
      <c r="V29958">
        <v>2</v>
      </c>
      <c r="W29958">
        <v>2</v>
      </c>
      <c r="X29958">
        <v>2</v>
      </c>
      <c r="Y29958">
        <v>3</v>
      </c>
      <c r="Z29958">
        <v>3</v>
      </c>
      <c r="AA29958">
        <v>3</v>
      </c>
      <c r="AB29958">
        <v>3</v>
      </c>
      <c r="AC29958">
        <v>3</v>
      </c>
      <c r="AD29958">
        <v>3</v>
      </c>
      <c r="AE29958">
        <v>3</v>
      </c>
      <c r="AF29958">
        <v>3</v>
      </c>
      <c r="AG29958">
        <v>3</v>
      </c>
      <c r="AH29958">
        <v>3</v>
      </c>
      <c r="AI29958">
        <v>3</v>
      </c>
      <c r="AJ29958">
        <v>3</v>
      </c>
      <c r="AK29958">
        <v>3</v>
      </c>
      <c r="AL29958">
        <v>3</v>
      </c>
      <c r="AM29958">
        <v>3</v>
      </c>
      <c r="AN29958">
        <v>3</v>
      </c>
      <c r="AO29958">
        <v>4</v>
      </c>
      <c r="AP29958">
        <v>4</v>
      </c>
      <c r="AQ29958">
        <v>4</v>
      </c>
    </row>
    <row r="29959" spans="1:43">
      <c r="A29959" t="s">
        <v>18553</v>
      </c>
      <c r="B29959" t="s">
        <v>18554</v>
      </c>
      <c r="C29959" t="s">
        <v>18555</v>
      </c>
      <c r="D29959" t="s">
        <v>18556</v>
      </c>
      <c r="E29959" t="s">
        <v>18557</v>
      </c>
      <c r="F29959" t="s">
        <v>18558</v>
      </c>
      <c r="G29959" t="s">
        <v>10734</v>
      </c>
      <c r="H29959" t="s">
        <v>10735</v>
      </c>
      <c r="I29959" s="2">
        <v>0</v>
      </c>
      <c r="J29959" s="2">
        <v>0</v>
      </c>
      <c r="K29959" s="2">
        <v>1</v>
      </c>
      <c r="L29959" t="s">
        <v>995</v>
      </c>
      <c r="M29959" t="s">
        <v>87</v>
      </c>
      <c r="N29959" t="s">
        <v>88</v>
      </c>
      <c r="O29959" t="s">
        <v>85</v>
      </c>
      <c r="P29959" t="s">
        <v>86</v>
      </c>
      <c r="Q29959">
        <v>2</v>
      </c>
      <c r="R29959">
        <v>2</v>
      </c>
      <c r="S29959">
        <v>2</v>
      </c>
      <c r="T29959">
        <v>2</v>
      </c>
      <c r="U29959">
        <v>2</v>
      </c>
      <c r="V29959">
        <v>2</v>
      </c>
      <c r="W29959">
        <v>2</v>
      </c>
      <c r="X29959">
        <v>2</v>
      </c>
      <c r="Y29959">
        <v>2</v>
      </c>
      <c r="Z29959">
        <v>2</v>
      </c>
      <c r="AA29959">
        <v>2</v>
      </c>
      <c r="AB29959">
        <v>2</v>
      </c>
      <c r="AC29959">
        <v>3</v>
      </c>
      <c r="AD29959">
        <v>3</v>
      </c>
      <c r="AE29959">
        <v>3</v>
      </c>
      <c r="AF29959">
        <v>3</v>
      </c>
      <c r="AG29959">
        <v>3</v>
      </c>
      <c r="AH29959">
        <v>3</v>
      </c>
      <c r="AI29959">
        <v>3</v>
      </c>
      <c r="AJ29959">
        <v>3</v>
      </c>
      <c r="AK29959">
        <v>3</v>
      </c>
      <c r="AL29959">
        <v>3</v>
      </c>
      <c r="AM29959">
        <v>3</v>
      </c>
      <c r="AN29959">
        <v>3</v>
      </c>
      <c r="AO29959">
        <v>3</v>
      </c>
      <c r="AP29959">
        <v>3</v>
      </c>
      <c r="AQ29959">
        <v>3</v>
      </c>
    </row>
    <row r="29960" spans="1:43">
      <c r="A29960" t="s">
        <v>18553</v>
      </c>
      <c r="B29960" t="s">
        <v>18554</v>
      </c>
      <c r="C29960" t="s">
        <v>18555</v>
      </c>
      <c r="D29960" t="s">
        <v>18556</v>
      </c>
      <c r="E29960" t="s">
        <v>18557</v>
      </c>
      <c r="F29960" t="s">
        <v>18558</v>
      </c>
      <c r="G29960" t="s">
        <v>10734</v>
      </c>
      <c r="H29960" t="s">
        <v>10735</v>
      </c>
      <c r="I29960" s="2">
        <v>0</v>
      </c>
      <c r="J29960" s="2">
        <v>0</v>
      </c>
      <c r="K29960" s="2">
        <v>1</v>
      </c>
      <c r="L29960" t="s">
        <v>995</v>
      </c>
      <c r="M29960" t="s">
        <v>89</v>
      </c>
      <c r="N29960" t="s">
        <v>90</v>
      </c>
      <c r="O29960" t="s">
        <v>85</v>
      </c>
      <c r="P29960" t="s">
        <v>86</v>
      </c>
      <c r="Q29960">
        <v>2</v>
      </c>
      <c r="R29960">
        <v>2</v>
      </c>
      <c r="S29960">
        <v>2</v>
      </c>
      <c r="T29960">
        <v>2</v>
      </c>
      <c r="U29960">
        <v>2</v>
      </c>
      <c r="V29960">
        <v>2</v>
      </c>
      <c r="W29960">
        <v>3</v>
      </c>
      <c r="X29960">
        <v>3</v>
      </c>
      <c r="Y29960">
        <v>3</v>
      </c>
      <c r="Z29960">
        <v>3</v>
      </c>
      <c r="AA29960">
        <v>3</v>
      </c>
      <c r="AB29960">
        <v>3</v>
      </c>
      <c r="AC29960">
        <v>3</v>
      </c>
      <c r="AD29960">
        <v>3</v>
      </c>
      <c r="AE29960">
        <v>3</v>
      </c>
      <c r="AF29960">
        <v>3</v>
      </c>
      <c r="AG29960">
        <v>3</v>
      </c>
      <c r="AH29960">
        <v>3</v>
      </c>
      <c r="AI29960">
        <v>3</v>
      </c>
      <c r="AJ29960">
        <v>3</v>
      </c>
      <c r="AK29960">
        <v>3</v>
      </c>
      <c r="AL29960">
        <v>3</v>
      </c>
      <c r="AM29960">
        <v>3</v>
      </c>
      <c r="AN29960">
        <v>4</v>
      </c>
      <c r="AO29960">
        <v>4</v>
      </c>
      <c r="AP29960">
        <v>4</v>
      </c>
      <c r="AQ29960">
        <v>4</v>
      </c>
    </row>
    <row r="29961" spans="1:43">
      <c r="A29961" t="s">
        <v>18553</v>
      </c>
      <c r="B29961" t="s">
        <v>18554</v>
      </c>
      <c r="C29961" t="s">
        <v>18555</v>
      </c>
      <c r="D29961" t="s">
        <v>18556</v>
      </c>
      <c r="E29961" t="s">
        <v>18557</v>
      </c>
      <c r="F29961" t="s">
        <v>18558</v>
      </c>
      <c r="G29961" t="s">
        <v>10734</v>
      </c>
      <c r="H29961" t="s">
        <v>10735</v>
      </c>
      <c r="I29961" s="2">
        <v>0</v>
      </c>
      <c r="J29961" s="2">
        <v>0</v>
      </c>
      <c r="K29961" s="2">
        <v>1</v>
      </c>
      <c r="L29961" t="s">
        <v>995</v>
      </c>
      <c r="M29961" t="s">
        <v>83</v>
      </c>
      <c r="N29961" t="s">
        <v>91</v>
      </c>
      <c r="O29961" t="s">
        <v>85</v>
      </c>
      <c r="P29961" t="s">
        <v>86</v>
      </c>
      <c r="Q29961">
        <v>2</v>
      </c>
      <c r="R29961">
        <v>2</v>
      </c>
      <c r="S29961">
        <v>2</v>
      </c>
      <c r="T29961">
        <v>2</v>
      </c>
      <c r="U29961">
        <v>2</v>
      </c>
      <c r="V29961">
        <v>2</v>
      </c>
      <c r="W29961">
        <v>2</v>
      </c>
      <c r="X29961">
        <v>2</v>
      </c>
      <c r="Y29961">
        <v>3</v>
      </c>
      <c r="Z29961">
        <v>3</v>
      </c>
      <c r="AA29961">
        <v>3</v>
      </c>
      <c r="AB29961">
        <v>3</v>
      </c>
      <c r="AC29961">
        <v>3</v>
      </c>
      <c r="AD29961">
        <v>3</v>
      </c>
      <c r="AE29961">
        <v>3</v>
      </c>
      <c r="AF29961">
        <v>3</v>
      </c>
      <c r="AG29961">
        <v>3</v>
      </c>
      <c r="AH29961">
        <v>3</v>
      </c>
      <c r="AI29961">
        <v>3</v>
      </c>
      <c r="AJ29961">
        <v>3</v>
      </c>
      <c r="AK29961">
        <v>3</v>
      </c>
      <c r="AL29961">
        <v>3</v>
      </c>
      <c r="AM29961">
        <v>3</v>
      </c>
      <c r="AN29961">
        <v>3</v>
      </c>
      <c r="AO29961">
        <v>4</v>
      </c>
      <c r="AP29961">
        <v>4</v>
      </c>
      <c r="AQ29961">
        <v>4</v>
      </c>
    </row>
    <row r="29962" spans="1:43">
      <c r="A29962" t="s">
        <v>18559</v>
      </c>
      <c r="B29962" t="s">
        <v>18560</v>
      </c>
      <c r="C29962" t="s">
        <v>18561</v>
      </c>
      <c r="D29962" t="s">
        <v>18562</v>
      </c>
      <c r="E29962" t="s">
        <v>18557</v>
      </c>
      <c r="F29962" t="s">
        <v>18558</v>
      </c>
      <c r="G29962" t="s">
        <v>10734</v>
      </c>
      <c r="H29962" t="s">
        <v>10735</v>
      </c>
      <c r="I29962" s="2">
        <v>0</v>
      </c>
      <c r="J29962" s="2">
        <v>0</v>
      </c>
      <c r="K29962" s="2">
        <v>1</v>
      </c>
      <c r="L29962" t="s">
        <v>995</v>
      </c>
      <c r="M29962" t="s">
        <v>83</v>
      </c>
      <c r="N29962" t="s">
        <v>84</v>
      </c>
      <c r="O29962" t="s">
        <v>85</v>
      </c>
      <c r="P29962" t="s">
        <v>86</v>
      </c>
      <c r="Q29962">
        <v>5</v>
      </c>
      <c r="R29962">
        <v>5</v>
      </c>
      <c r="S29962">
        <v>5</v>
      </c>
      <c r="T29962">
        <v>5</v>
      </c>
      <c r="U29962">
        <v>5</v>
      </c>
      <c r="V29962">
        <v>5</v>
      </c>
      <c r="W29962">
        <v>5</v>
      </c>
      <c r="X29962">
        <v>6</v>
      </c>
      <c r="Y29962">
        <v>6</v>
      </c>
      <c r="Z29962">
        <v>6</v>
      </c>
      <c r="AA29962">
        <v>6</v>
      </c>
      <c r="AB29962">
        <v>6</v>
      </c>
      <c r="AC29962">
        <v>6</v>
      </c>
      <c r="AD29962">
        <v>6</v>
      </c>
      <c r="AE29962">
        <v>6</v>
      </c>
      <c r="AF29962">
        <v>7</v>
      </c>
      <c r="AG29962">
        <v>7</v>
      </c>
      <c r="AH29962">
        <v>7</v>
      </c>
      <c r="AI29962">
        <v>7</v>
      </c>
      <c r="AJ29962">
        <v>7</v>
      </c>
      <c r="AK29962">
        <v>7</v>
      </c>
      <c r="AL29962">
        <v>8</v>
      </c>
      <c r="AM29962">
        <v>8</v>
      </c>
      <c r="AN29962">
        <v>8</v>
      </c>
      <c r="AO29962">
        <v>8</v>
      </c>
      <c r="AP29962">
        <v>8</v>
      </c>
      <c r="AQ29962">
        <v>8</v>
      </c>
    </row>
    <row r="29963" spans="1:43">
      <c r="A29963" t="s">
        <v>18559</v>
      </c>
      <c r="B29963" t="s">
        <v>18560</v>
      </c>
      <c r="C29963" t="s">
        <v>18561</v>
      </c>
      <c r="D29963" t="s">
        <v>18562</v>
      </c>
      <c r="E29963" t="s">
        <v>18557</v>
      </c>
      <c r="F29963" t="s">
        <v>18558</v>
      </c>
      <c r="G29963" t="s">
        <v>10734</v>
      </c>
      <c r="H29963" t="s">
        <v>10735</v>
      </c>
      <c r="I29963" s="2">
        <v>0</v>
      </c>
      <c r="J29963" s="2">
        <v>0</v>
      </c>
      <c r="K29963" s="2">
        <v>1</v>
      </c>
      <c r="L29963" t="s">
        <v>995</v>
      </c>
      <c r="M29963" t="s">
        <v>87</v>
      </c>
      <c r="N29963" t="s">
        <v>88</v>
      </c>
      <c r="O29963" t="s">
        <v>85</v>
      </c>
      <c r="P29963" t="s">
        <v>86</v>
      </c>
      <c r="Q29963">
        <v>5</v>
      </c>
      <c r="R29963">
        <v>5</v>
      </c>
      <c r="S29963">
        <v>5</v>
      </c>
      <c r="T29963">
        <v>5</v>
      </c>
      <c r="U29963">
        <v>5</v>
      </c>
      <c r="V29963">
        <v>5</v>
      </c>
      <c r="W29963">
        <v>5</v>
      </c>
      <c r="X29963">
        <v>5</v>
      </c>
      <c r="Y29963">
        <v>5</v>
      </c>
      <c r="Z29963">
        <v>5</v>
      </c>
      <c r="AA29963">
        <v>5</v>
      </c>
      <c r="AB29963">
        <v>5</v>
      </c>
      <c r="AC29963">
        <v>6</v>
      </c>
      <c r="AD29963">
        <v>6</v>
      </c>
      <c r="AE29963">
        <v>6</v>
      </c>
      <c r="AF29963">
        <v>6</v>
      </c>
      <c r="AG29963">
        <v>6</v>
      </c>
      <c r="AH29963">
        <v>6</v>
      </c>
      <c r="AI29963">
        <v>6</v>
      </c>
      <c r="AJ29963">
        <v>6</v>
      </c>
      <c r="AK29963">
        <v>6</v>
      </c>
      <c r="AL29963">
        <v>6</v>
      </c>
      <c r="AM29963">
        <v>7</v>
      </c>
      <c r="AN29963">
        <v>7</v>
      </c>
      <c r="AO29963">
        <v>7</v>
      </c>
      <c r="AP29963">
        <v>7</v>
      </c>
      <c r="AQ29963">
        <v>7</v>
      </c>
    </row>
    <row r="29964" spans="1:43">
      <c r="A29964" t="s">
        <v>18559</v>
      </c>
      <c r="B29964" t="s">
        <v>18560</v>
      </c>
      <c r="C29964" t="s">
        <v>18561</v>
      </c>
      <c r="D29964" t="s">
        <v>18562</v>
      </c>
      <c r="E29964" t="s">
        <v>18557</v>
      </c>
      <c r="F29964" t="s">
        <v>18558</v>
      </c>
      <c r="G29964" t="s">
        <v>10734</v>
      </c>
      <c r="H29964" t="s">
        <v>10735</v>
      </c>
      <c r="I29964" s="2">
        <v>0</v>
      </c>
      <c r="J29964" s="2">
        <v>0</v>
      </c>
      <c r="K29964" s="2">
        <v>1</v>
      </c>
      <c r="L29964" t="s">
        <v>995</v>
      </c>
      <c r="M29964" t="s">
        <v>89</v>
      </c>
      <c r="N29964" t="s">
        <v>90</v>
      </c>
      <c r="O29964" t="s">
        <v>85</v>
      </c>
      <c r="P29964" t="s">
        <v>86</v>
      </c>
      <c r="Q29964">
        <v>5</v>
      </c>
      <c r="R29964">
        <v>5</v>
      </c>
      <c r="S29964">
        <v>5</v>
      </c>
      <c r="T29964">
        <v>5</v>
      </c>
      <c r="U29964">
        <v>5</v>
      </c>
      <c r="V29964">
        <v>6</v>
      </c>
      <c r="W29964">
        <v>6</v>
      </c>
      <c r="X29964">
        <v>6</v>
      </c>
      <c r="Y29964">
        <v>6</v>
      </c>
      <c r="Z29964">
        <v>6</v>
      </c>
      <c r="AA29964">
        <v>6</v>
      </c>
      <c r="AB29964">
        <v>6</v>
      </c>
      <c r="AC29964">
        <v>7</v>
      </c>
      <c r="AD29964">
        <v>7</v>
      </c>
      <c r="AE29964">
        <v>7</v>
      </c>
      <c r="AF29964">
        <v>7</v>
      </c>
      <c r="AG29964">
        <v>7</v>
      </c>
      <c r="AH29964">
        <v>7</v>
      </c>
      <c r="AI29964">
        <v>7</v>
      </c>
      <c r="AJ29964">
        <v>7</v>
      </c>
      <c r="AK29964">
        <v>7</v>
      </c>
      <c r="AL29964">
        <v>8</v>
      </c>
      <c r="AM29964">
        <v>8</v>
      </c>
      <c r="AN29964">
        <v>8</v>
      </c>
      <c r="AO29964">
        <v>8</v>
      </c>
      <c r="AP29964">
        <v>8</v>
      </c>
      <c r="AQ29964">
        <v>8</v>
      </c>
    </row>
    <row r="29965" spans="1:43">
      <c r="A29965" t="s">
        <v>18559</v>
      </c>
      <c r="B29965" t="s">
        <v>18560</v>
      </c>
      <c r="C29965" t="s">
        <v>18561</v>
      </c>
      <c r="D29965" t="s">
        <v>18562</v>
      </c>
      <c r="E29965" t="s">
        <v>18557</v>
      </c>
      <c r="F29965" t="s">
        <v>18558</v>
      </c>
      <c r="G29965" t="s">
        <v>10734</v>
      </c>
      <c r="H29965" t="s">
        <v>10735</v>
      </c>
      <c r="I29965" s="2">
        <v>0</v>
      </c>
      <c r="J29965" s="2">
        <v>0</v>
      </c>
      <c r="K29965" s="2">
        <v>1</v>
      </c>
      <c r="L29965" t="s">
        <v>995</v>
      </c>
      <c r="M29965" t="s">
        <v>83</v>
      </c>
      <c r="N29965" t="s">
        <v>91</v>
      </c>
      <c r="O29965" t="s">
        <v>85</v>
      </c>
      <c r="P29965" t="s">
        <v>86</v>
      </c>
      <c r="Q29965">
        <v>5</v>
      </c>
      <c r="R29965">
        <v>5</v>
      </c>
      <c r="S29965">
        <v>5</v>
      </c>
      <c r="T29965">
        <v>5</v>
      </c>
      <c r="U29965">
        <v>5</v>
      </c>
      <c r="V29965">
        <v>5</v>
      </c>
      <c r="W29965">
        <v>5</v>
      </c>
      <c r="X29965">
        <v>6</v>
      </c>
      <c r="Y29965">
        <v>6</v>
      </c>
      <c r="Z29965">
        <v>6</v>
      </c>
      <c r="AA29965">
        <v>6</v>
      </c>
      <c r="AB29965">
        <v>6</v>
      </c>
      <c r="AC29965">
        <v>6</v>
      </c>
      <c r="AD29965">
        <v>6</v>
      </c>
      <c r="AE29965">
        <v>6</v>
      </c>
      <c r="AF29965">
        <v>7</v>
      </c>
      <c r="AG29965">
        <v>7</v>
      </c>
      <c r="AH29965">
        <v>7</v>
      </c>
      <c r="AI29965">
        <v>7</v>
      </c>
      <c r="AJ29965">
        <v>7</v>
      </c>
      <c r="AK29965">
        <v>7</v>
      </c>
      <c r="AL29965">
        <v>8</v>
      </c>
      <c r="AM29965">
        <v>8</v>
      </c>
      <c r="AN29965">
        <v>8</v>
      </c>
      <c r="AO29965">
        <v>8</v>
      </c>
      <c r="AP29965">
        <v>8</v>
      </c>
      <c r="AQ29965">
        <v>8</v>
      </c>
    </row>
    <row r="29966" spans="1:43">
      <c r="A29966" t="s">
        <v>18563</v>
      </c>
      <c r="B29966" t="s">
        <v>18564</v>
      </c>
      <c r="C29966" t="s">
        <v>18555</v>
      </c>
      <c r="D29966" t="s">
        <v>18556</v>
      </c>
      <c r="E29966" t="s">
        <v>18557</v>
      </c>
      <c r="F29966" t="s">
        <v>18558</v>
      </c>
      <c r="G29966" t="s">
        <v>10734</v>
      </c>
      <c r="H29966" t="s">
        <v>10735</v>
      </c>
      <c r="I29966" s="2">
        <v>0</v>
      </c>
      <c r="J29966" s="2">
        <v>0</v>
      </c>
      <c r="K29966" s="2">
        <v>1</v>
      </c>
      <c r="L29966" t="s">
        <v>995</v>
      </c>
      <c r="M29966" t="s">
        <v>83</v>
      </c>
      <c r="N29966" t="s">
        <v>84</v>
      </c>
      <c r="O29966" t="s">
        <v>85</v>
      </c>
      <c r="P29966" t="s">
        <v>86</v>
      </c>
      <c r="Q29966">
        <v>21</v>
      </c>
      <c r="R29966">
        <v>22</v>
      </c>
      <c r="S29966">
        <v>22</v>
      </c>
      <c r="T29966">
        <v>23</v>
      </c>
      <c r="U29966">
        <v>23</v>
      </c>
      <c r="V29966">
        <v>24</v>
      </c>
      <c r="W29966">
        <v>24</v>
      </c>
      <c r="X29966">
        <v>25</v>
      </c>
      <c r="Y29966">
        <v>26</v>
      </c>
      <c r="Z29966">
        <v>26</v>
      </c>
      <c r="AA29966">
        <v>27</v>
      </c>
      <c r="AB29966">
        <v>27</v>
      </c>
      <c r="AC29966">
        <v>28</v>
      </c>
      <c r="AD29966">
        <v>29</v>
      </c>
      <c r="AE29966">
        <v>29</v>
      </c>
      <c r="AF29966">
        <v>30</v>
      </c>
      <c r="AG29966">
        <v>31</v>
      </c>
      <c r="AH29966">
        <v>31</v>
      </c>
      <c r="AI29966">
        <v>32</v>
      </c>
      <c r="AJ29966">
        <v>33</v>
      </c>
      <c r="AK29966">
        <v>33</v>
      </c>
      <c r="AL29966">
        <v>34</v>
      </c>
      <c r="AM29966">
        <v>34</v>
      </c>
      <c r="AN29966">
        <v>35</v>
      </c>
      <c r="AO29966">
        <v>35</v>
      </c>
      <c r="AP29966">
        <v>35</v>
      </c>
      <c r="AQ29966">
        <v>36</v>
      </c>
    </row>
    <row r="29967" spans="1:43">
      <c r="A29967" t="s">
        <v>18563</v>
      </c>
      <c r="B29967" t="s">
        <v>18564</v>
      </c>
      <c r="C29967" t="s">
        <v>18555</v>
      </c>
      <c r="D29967" t="s">
        <v>18556</v>
      </c>
      <c r="E29967" t="s">
        <v>18557</v>
      </c>
      <c r="F29967" t="s">
        <v>18558</v>
      </c>
      <c r="G29967" t="s">
        <v>10734</v>
      </c>
      <c r="H29967" t="s">
        <v>10735</v>
      </c>
      <c r="I29967" s="2">
        <v>0</v>
      </c>
      <c r="J29967" s="2">
        <v>0</v>
      </c>
      <c r="K29967" s="2">
        <v>1</v>
      </c>
      <c r="L29967" t="s">
        <v>995</v>
      </c>
      <c r="M29967" t="s">
        <v>87</v>
      </c>
      <c r="N29967" t="s">
        <v>88</v>
      </c>
      <c r="O29967" t="s">
        <v>85</v>
      </c>
      <c r="P29967" t="s">
        <v>86</v>
      </c>
      <c r="Q29967">
        <v>21</v>
      </c>
      <c r="R29967">
        <v>21</v>
      </c>
      <c r="S29967">
        <v>21</v>
      </c>
      <c r="T29967">
        <v>22</v>
      </c>
      <c r="U29967">
        <v>22</v>
      </c>
      <c r="V29967">
        <v>23</v>
      </c>
      <c r="W29967">
        <v>23</v>
      </c>
      <c r="X29967">
        <v>23</v>
      </c>
      <c r="Y29967">
        <v>24</v>
      </c>
      <c r="Z29967">
        <v>24</v>
      </c>
      <c r="AA29967">
        <v>24</v>
      </c>
      <c r="AB29967">
        <v>25</v>
      </c>
      <c r="AC29967">
        <v>25</v>
      </c>
      <c r="AD29967">
        <v>26</v>
      </c>
      <c r="AE29967">
        <v>26</v>
      </c>
      <c r="AF29967">
        <v>26</v>
      </c>
      <c r="AG29967">
        <v>27</v>
      </c>
      <c r="AH29967">
        <v>27</v>
      </c>
      <c r="AI29967">
        <v>28</v>
      </c>
      <c r="AJ29967">
        <v>28</v>
      </c>
      <c r="AK29967">
        <v>28</v>
      </c>
      <c r="AL29967">
        <v>29</v>
      </c>
      <c r="AM29967">
        <v>29</v>
      </c>
      <c r="AN29967">
        <v>30</v>
      </c>
      <c r="AO29967">
        <v>30</v>
      </c>
      <c r="AP29967">
        <v>31</v>
      </c>
      <c r="AQ29967">
        <v>31</v>
      </c>
    </row>
    <row r="29968" spans="1:43">
      <c r="A29968" t="s">
        <v>18563</v>
      </c>
      <c r="B29968" t="s">
        <v>18564</v>
      </c>
      <c r="C29968" t="s">
        <v>18555</v>
      </c>
      <c r="D29968" t="s">
        <v>18556</v>
      </c>
      <c r="E29968" t="s">
        <v>18557</v>
      </c>
      <c r="F29968" t="s">
        <v>18558</v>
      </c>
      <c r="G29968" t="s">
        <v>10734</v>
      </c>
      <c r="H29968" t="s">
        <v>10735</v>
      </c>
      <c r="I29968" s="2">
        <v>0</v>
      </c>
      <c r="J29968" s="2">
        <v>0</v>
      </c>
      <c r="K29968" s="2">
        <v>1</v>
      </c>
      <c r="L29968" t="s">
        <v>995</v>
      </c>
      <c r="M29968" t="s">
        <v>89</v>
      </c>
      <c r="N29968" t="s">
        <v>90</v>
      </c>
      <c r="O29968" t="s">
        <v>85</v>
      </c>
      <c r="P29968" t="s">
        <v>86</v>
      </c>
      <c r="Q29968">
        <v>21</v>
      </c>
      <c r="R29968">
        <v>22</v>
      </c>
      <c r="S29968">
        <v>23</v>
      </c>
      <c r="T29968">
        <v>23</v>
      </c>
      <c r="U29968">
        <v>24</v>
      </c>
      <c r="V29968">
        <v>25</v>
      </c>
      <c r="W29968">
        <v>26</v>
      </c>
      <c r="X29968">
        <v>26</v>
      </c>
      <c r="Y29968">
        <v>27</v>
      </c>
      <c r="Z29968">
        <v>28</v>
      </c>
      <c r="AA29968">
        <v>28</v>
      </c>
      <c r="AB29968">
        <v>29</v>
      </c>
      <c r="AC29968">
        <v>30</v>
      </c>
      <c r="AD29968">
        <v>31</v>
      </c>
      <c r="AE29968">
        <v>31</v>
      </c>
      <c r="AF29968">
        <v>32</v>
      </c>
      <c r="AG29968">
        <v>32</v>
      </c>
      <c r="AH29968">
        <v>32</v>
      </c>
      <c r="AI29968">
        <v>33</v>
      </c>
      <c r="AJ29968">
        <v>33</v>
      </c>
      <c r="AK29968">
        <v>34</v>
      </c>
      <c r="AL29968">
        <v>34</v>
      </c>
      <c r="AM29968">
        <v>34</v>
      </c>
      <c r="AN29968">
        <v>35</v>
      </c>
      <c r="AO29968">
        <v>35</v>
      </c>
      <c r="AP29968">
        <v>36</v>
      </c>
      <c r="AQ29968">
        <v>36</v>
      </c>
    </row>
    <row r="29969" spans="1:43">
      <c r="A29969" t="s">
        <v>18563</v>
      </c>
      <c r="B29969" t="s">
        <v>18564</v>
      </c>
      <c r="C29969" t="s">
        <v>18555</v>
      </c>
      <c r="D29969" t="s">
        <v>18556</v>
      </c>
      <c r="E29969" t="s">
        <v>18557</v>
      </c>
      <c r="F29969" t="s">
        <v>18558</v>
      </c>
      <c r="G29969" t="s">
        <v>10734</v>
      </c>
      <c r="H29969" t="s">
        <v>10735</v>
      </c>
      <c r="I29969" s="2">
        <v>0</v>
      </c>
      <c r="J29969" s="2">
        <v>0</v>
      </c>
      <c r="K29969" s="2">
        <v>1</v>
      </c>
      <c r="L29969" t="s">
        <v>995</v>
      </c>
      <c r="M29969" t="s">
        <v>83</v>
      </c>
      <c r="N29969" t="s">
        <v>91</v>
      </c>
      <c r="O29969" t="s">
        <v>85</v>
      </c>
      <c r="P29969" t="s">
        <v>86</v>
      </c>
      <c r="Q29969">
        <v>21</v>
      </c>
      <c r="R29969">
        <v>22</v>
      </c>
      <c r="S29969">
        <v>22</v>
      </c>
      <c r="T29969">
        <v>23</v>
      </c>
      <c r="U29969">
        <v>23</v>
      </c>
      <c r="V29969">
        <v>24</v>
      </c>
      <c r="W29969">
        <v>24</v>
      </c>
      <c r="X29969">
        <v>25</v>
      </c>
      <c r="Y29969">
        <v>26</v>
      </c>
      <c r="Z29969">
        <v>26</v>
      </c>
      <c r="AA29969">
        <v>27</v>
      </c>
      <c r="AB29969">
        <v>27</v>
      </c>
      <c r="AC29969">
        <v>28</v>
      </c>
      <c r="AD29969">
        <v>29</v>
      </c>
      <c r="AE29969">
        <v>29</v>
      </c>
      <c r="AF29969">
        <v>30</v>
      </c>
      <c r="AG29969">
        <v>31</v>
      </c>
      <c r="AH29969">
        <v>31</v>
      </c>
      <c r="AI29969">
        <v>32</v>
      </c>
      <c r="AJ29969">
        <v>33</v>
      </c>
      <c r="AK29969">
        <v>33</v>
      </c>
      <c r="AL29969">
        <v>34</v>
      </c>
      <c r="AM29969">
        <v>34</v>
      </c>
      <c r="AN29969">
        <v>35</v>
      </c>
      <c r="AO29969">
        <v>35</v>
      </c>
      <c r="AP29969">
        <v>35</v>
      </c>
      <c r="AQ29969">
        <v>36</v>
      </c>
    </row>
    <row r="29970" spans="1:43">
      <c r="A29970" t="s">
        <v>18565</v>
      </c>
      <c r="B29970" t="s">
        <v>18566</v>
      </c>
      <c r="C29970" t="s">
        <v>18555</v>
      </c>
      <c r="D29970" t="s">
        <v>18556</v>
      </c>
      <c r="E29970" t="s">
        <v>18557</v>
      </c>
      <c r="F29970" t="s">
        <v>18558</v>
      </c>
      <c r="G29970" t="s">
        <v>10734</v>
      </c>
      <c r="H29970" t="s">
        <v>10735</v>
      </c>
      <c r="I29970" s="2">
        <v>0</v>
      </c>
      <c r="J29970" s="2">
        <v>0</v>
      </c>
      <c r="K29970" s="2">
        <v>1</v>
      </c>
      <c r="L29970" t="s">
        <v>995</v>
      </c>
      <c r="M29970" t="s">
        <v>83</v>
      </c>
      <c r="N29970" t="s">
        <v>84</v>
      </c>
      <c r="O29970" t="s">
        <v>85</v>
      </c>
      <c r="P29970" t="s">
        <v>86</v>
      </c>
      <c r="Q29970">
        <v>33</v>
      </c>
      <c r="R29970">
        <v>34</v>
      </c>
      <c r="S29970">
        <v>35</v>
      </c>
      <c r="T29970">
        <v>36</v>
      </c>
      <c r="U29970">
        <v>37</v>
      </c>
      <c r="V29970">
        <v>38</v>
      </c>
      <c r="W29970">
        <v>39</v>
      </c>
      <c r="X29970">
        <v>40</v>
      </c>
      <c r="Y29970">
        <v>41</v>
      </c>
      <c r="Z29970">
        <v>42</v>
      </c>
      <c r="AA29970">
        <v>43</v>
      </c>
      <c r="AB29970">
        <v>44</v>
      </c>
      <c r="AC29970">
        <v>45</v>
      </c>
      <c r="AD29970">
        <v>46</v>
      </c>
      <c r="AE29970">
        <v>47</v>
      </c>
      <c r="AF29970">
        <v>48</v>
      </c>
      <c r="AG29970">
        <v>49</v>
      </c>
      <c r="AH29970">
        <v>50</v>
      </c>
      <c r="AI29970">
        <v>51</v>
      </c>
      <c r="AJ29970">
        <v>52</v>
      </c>
      <c r="AK29970">
        <v>53</v>
      </c>
      <c r="AL29970">
        <v>54</v>
      </c>
      <c r="AM29970">
        <v>55</v>
      </c>
      <c r="AN29970">
        <v>55</v>
      </c>
      <c r="AO29970">
        <v>56</v>
      </c>
      <c r="AP29970">
        <v>57</v>
      </c>
      <c r="AQ29970">
        <v>57</v>
      </c>
    </row>
    <row r="29971" spans="1:43">
      <c r="A29971" t="s">
        <v>18565</v>
      </c>
      <c r="B29971" t="s">
        <v>18566</v>
      </c>
      <c r="C29971" t="s">
        <v>18555</v>
      </c>
      <c r="D29971" t="s">
        <v>18556</v>
      </c>
      <c r="E29971" t="s">
        <v>18557</v>
      </c>
      <c r="F29971" t="s">
        <v>18558</v>
      </c>
      <c r="G29971" t="s">
        <v>10734</v>
      </c>
      <c r="H29971" t="s">
        <v>10735</v>
      </c>
      <c r="I29971" s="2">
        <v>0</v>
      </c>
      <c r="J29971" s="2">
        <v>0</v>
      </c>
      <c r="K29971" s="2">
        <v>1</v>
      </c>
      <c r="L29971" t="s">
        <v>995</v>
      </c>
      <c r="M29971" t="s">
        <v>87</v>
      </c>
      <c r="N29971" t="s">
        <v>88</v>
      </c>
      <c r="O29971" t="s">
        <v>85</v>
      </c>
      <c r="P29971" t="s">
        <v>86</v>
      </c>
      <c r="Q29971">
        <v>33</v>
      </c>
      <c r="R29971">
        <v>34</v>
      </c>
      <c r="S29971">
        <v>34</v>
      </c>
      <c r="T29971">
        <v>35</v>
      </c>
      <c r="U29971">
        <v>35</v>
      </c>
      <c r="V29971">
        <v>36</v>
      </c>
      <c r="W29971">
        <v>37</v>
      </c>
      <c r="X29971">
        <v>37</v>
      </c>
      <c r="Y29971">
        <v>38</v>
      </c>
      <c r="Z29971">
        <v>38</v>
      </c>
      <c r="AA29971">
        <v>39</v>
      </c>
      <c r="AB29971">
        <v>40</v>
      </c>
      <c r="AC29971">
        <v>40</v>
      </c>
      <c r="AD29971">
        <v>41</v>
      </c>
      <c r="AE29971">
        <v>41</v>
      </c>
      <c r="AF29971">
        <v>42</v>
      </c>
      <c r="AG29971">
        <v>43</v>
      </c>
      <c r="AH29971">
        <v>43</v>
      </c>
      <c r="AI29971">
        <v>44</v>
      </c>
      <c r="AJ29971">
        <v>45</v>
      </c>
      <c r="AK29971">
        <v>46</v>
      </c>
      <c r="AL29971">
        <v>46</v>
      </c>
      <c r="AM29971">
        <v>47</v>
      </c>
      <c r="AN29971">
        <v>48</v>
      </c>
      <c r="AO29971">
        <v>48</v>
      </c>
      <c r="AP29971">
        <v>49</v>
      </c>
      <c r="AQ29971">
        <v>50</v>
      </c>
    </row>
    <row r="29972" spans="1:43">
      <c r="A29972" t="s">
        <v>18565</v>
      </c>
      <c r="B29972" t="s">
        <v>18566</v>
      </c>
      <c r="C29972" t="s">
        <v>18555</v>
      </c>
      <c r="D29972" t="s">
        <v>18556</v>
      </c>
      <c r="E29972" t="s">
        <v>18557</v>
      </c>
      <c r="F29972" t="s">
        <v>18558</v>
      </c>
      <c r="G29972" t="s">
        <v>10734</v>
      </c>
      <c r="H29972" t="s">
        <v>10735</v>
      </c>
      <c r="I29972" s="2">
        <v>0</v>
      </c>
      <c r="J29972" s="2">
        <v>0</v>
      </c>
      <c r="K29972" s="2">
        <v>1</v>
      </c>
      <c r="L29972" t="s">
        <v>995</v>
      </c>
      <c r="M29972" t="s">
        <v>89</v>
      </c>
      <c r="N29972" t="s">
        <v>90</v>
      </c>
      <c r="O29972" t="s">
        <v>85</v>
      </c>
      <c r="P29972" t="s">
        <v>86</v>
      </c>
      <c r="Q29972">
        <v>33</v>
      </c>
      <c r="R29972">
        <v>34</v>
      </c>
      <c r="S29972">
        <v>35</v>
      </c>
      <c r="T29972">
        <v>36</v>
      </c>
      <c r="U29972">
        <v>38</v>
      </c>
      <c r="V29972">
        <v>39</v>
      </c>
      <c r="W29972">
        <v>40</v>
      </c>
      <c r="X29972">
        <v>41</v>
      </c>
      <c r="Y29972">
        <v>42</v>
      </c>
      <c r="Z29972">
        <v>43</v>
      </c>
      <c r="AA29972">
        <v>44</v>
      </c>
      <c r="AB29972">
        <v>46</v>
      </c>
      <c r="AC29972">
        <v>47</v>
      </c>
      <c r="AD29972">
        <v>48</v>
      </c>
      <c r="AE29972">
        <v>49</v>
      </c>
      <c r="AF29972">
        <v>50</v>
      </c>
      <c r="AG29972">
        <v>50</v>
      </c>
      <c r="AH29972">
        <v>51</v>
      </c>
      <c r="AI29972">
        <v>52</v>
      </c>
      <c r="AJ29972">
        <v>52</v>
      </c>
      <c r="AK29972">
        <v>53</v>
      </c>
      <c r="AL29972">
        <v>53</v>
      </c>
      <c r="AM29972">
        <v>54</v>
      </c>
      <c r="AN29972">
        <v>55</v>
      </c>
      <c r="AO29972">
        <v>55</v>
      </c>
      <c r="AP29972">
        <v>56</v>
      </c>
      <c r="AQ29972">
        <v>57</v>
      </c>
    </row>
    <row r="29973" spans="1:43">
      <c r="A29973" t="s">
        <v>18565</v>
      </c>
      <c r="B29973" t="s">
        <v>18566</v>
      </c>
      <c r="C29973" t="s">
        <v>18555</v>
      </c>
      <c r="D29973" t="s">
        <v>18556</v>
      </c>
      <c r="E29973" t="s">
        <v>18557</v>
      </c>
      <c r="F29973" t="s">
        <v>18558</v>
      </c>
      <c r="G29973" t="s">
        <v>10734</v>
      </c>
      <c r="H29973" t="s">
        <v>10735</v>
      </c>
      <c r="I29973" s="2">
        <v>0</v>
      </c>
      <c r="J29973" s="2">
        <v>0</v>
      </c>
      <c r="K29973" s="2">
        <v>1</v>
      </c>
      <c r="L29973" t="s">
        <v>995</v>
      </c>
      <c r="M29973" t="s">
        <v>83</v>
      </c>
      <c r="N29973" t="s">
        <v>91</v>
      </c>
      <c r="O29973" t="s">
        <v>85</v>
      </c>
      <c r="P29973" t="s">
        <v>86</v>
      </c>
      <c r="Q29973">
        <v>33</v>
      </c>
      <c r="R29973">
        <v>34</v>
      </c>
      <c r="S29973">
        <v>35</v>
      </c>
      <c r="T29973">
        <v>36</v>
      </c>
      <c r="U29973">
        <v>37</v>
      </c>
      <c r="V29973">
        <v>38</v>
      </c>
      <c r="W29973">
        <v>39</v>
      </c>
      <c r="X29973">
        <v>40</v>
      </c>
      <c r="Y29973">
        <v>41</v>
      </c>
      <c r="Z29973">
        <v>42</v>
      </c>
      <c r="AA29973">
        <v>43</v>
      </c>
      <c r="AB29973">
        <v>44</v>
      </c>
      <c r="AC29973">
        <v>45</v>
      </c>
      <c r="AD29973">
        <v>46</v>
      </c>
      <c r="AE29973">
        <v>47</v>
      </c>
      <c r="AF29973">
        <v>48</v>
      </c>
      <c r="AG29973">
        <v>49</v>
      </c>
      <c r="AH29973">
        <v>50</v>
      </c>
      <c r="AI29973">
        <v>51</v>
      </c>
      <c r="AJ29973">
        <v>52</v>
      </c>
      <c r="AK29973">
        <v>53</v>
      </c>
      <c r="AL29973">
        <v>54</v>
      </c>
      <c r="AM29973">
        <v>55</v>
      </c>
      <c r="AN29973">
        <v>55</v>
      </c>
      <c r="AO29973">
        <v>56</v>
      </c>
      <c r="AP29973">
        <v>57</v>
      </c>
      <c r="AQ29973">
        <v>57</v>
      </c>
    </row>
    <row r="29974" spans="1:43">
      <c r="A29974" t="s">
        <v>18567</v>
      </c>
      <c r="B29974" t="s">
        <v>18568</v>
      </c>
      <c r="C29974" t="s">
        <v>18561</v>
      </c>
      <c r="D29974" t="s">
        <v>18562</v>
      </c>
      <c r="E29974" t="s">
        <v>18557</v>
      </c>
      <c r="F29974" t="s">
        <v>18558</v>
      </c>
      <c r="G29974" t="s">
        <v>10734</v>
      </c>
      <c r="H29974" t="s">
        <v>10735</v>
      </c>
      <c r="I29974" s="2">
        <v>0</v>
      </c>
      <c r="J29974" s="2">
        <v>1</v>
      </c>
      <c r="K29974" s="2">
        <v>0</v>
      </c>
      <c r="L29974" t="s">
        <v>82</v>
      </c>
      <c r="M29974" t="s">
        <v>83</v>
      </c>
      <c r="N29974" t="s">
        <v>84</v>
      </c>
      <c r="O29974" t="s">
        <v>85</v>
      </c>
      <c r="P29974" t="s">
        <v>86</v>
      </c>
      <c r="Q29974">
        <v>28</v>
      </c>
      <c r="R29974">
        <v>29</v>
      </c>
      <c r="S29974">
        <v>30</v>
      </c>
      <c r="T29974">
        <v>30</v>
      </c>
      <c r="U29974">
        <v>31</v>
      </c>
      <c r="V29974">
        <v>32</v>
      </c>
      <c r="W29974">
        <v>33</v>
      </c>
      <c r="X29974">
        <v>34</v>
      </c>
      <c r="Y29974">
        <v>34</v>
      </c>
      <c r="Z29974">
        <v>35</v>
      </c>
      <c r="AA29974">
        <v>36</v>
      </c>
      <c r="AB29974">
        <v>37</v>
      </c>
      <c r="AC29974">
        <v>38</v>
      </c>
      <c r="AD29974">
        <v>39</v>
      </c>
      <c r="AE29974">
        <v>39</v>
      </c>
      <c r="AF29974">
        <v>40</v>
      </c>
      <c r="AG29974">
        <v>41</v>
      </c>
      <c r="AH29974">
        <v>42</v>
      </c>
      <c r="AI29974">
        <v>43</v>
      </c>
      <c r="AJ29974">
        <v>44</v>
      </c>
      <c r="AK29974">
        <v>45</v>
      </c>
      <c r="AL29974">
        <v>46</v>
      </c>
      <c r="AM29974">
        <v>46</v>
      </c>
      <c r="AN29974">
        <v>47</v>
      </c>
      <c r="AO29974">
        <v>47</v>
      </c>
      <c r="AP29974">
        <v>48</v>
      </c>
      <c r="AQ29974">
        <v>48</v>
      </c>
    </row>
    <row r="29975" spans="1:43">
      <c r="A29975" t="s">
        <v>18567</v>
      </c>
      <c r="B29975" t="s">
        <v>18568</v>
      </c>
      <c r="C29975" t="s">
        <v>18561</v>
      </c>
      <c r="D29975" t="s">
        <v>18562</v>
      </c>
      <c r="E29975" t="s">
        <v>18557</v>
      </c>
      <c r="F29975" t="s">
        <v>18558</v>
      </c>
      <c r="G29975" t="s">
        <v>10734</v>
      </c>
      <c r="H29975" t="s">
        <v>10735</v>
      </c>
      <c r="I29975" s="2">
        <v>0</v>
      </c>
      <c r="J29975" s="2">
        <v>1</v>
      </c>
      <c r="K29975" s="2">
        <v>0</v>
      </c>
      <c r="L29975" t="s">
        <v>82</v>
      </c>
      <c r="M29975" t="s">
        <v>87</v>
      </c>
      <c r="N29975" t="s">
        <v>88</v>
      </c>
      <c r="O29975" t="s">
        <v>85</v>
      </c>
      <c r="P29975" t="s">
        <v>86</v>
      </c>
      <c r="Q29975">
        <v>28</v>
      </c>
      <c r="R29975">
        <v>28</v>
      </c>
      <c r="S29975">
        <v>29</v>
      </c>
      <c r="T29975">
        <v>29</v>
      </c>
      <c r="U29975">
        <v>30</v>
      </c>
      <c r="V29975">
        <v>30</v>
      </c>
      <c r="W29975">
        <v>31</v>
      </c>
      <c r="X29975">
        <v>31</v>
      </c>
      <c r="Y29975">
        <v>32</v>
      </c>
      <c r="Z29975">
        <v>32</v>
      </c>
      <c r="AA29975">
        <v>33</v>
      </c>
      <c r="AB29975">
        <v>33</v>
      </c>
      <c r="AC29975">
        <v>34</v>
      </c>
      <c r="AD29975">
        <v>34</v>
      </c>
      <c r="AE29975">
        <v>35</v>
      </c>
      <c r="AF29975">
        <v>35</v>
      </c>
      <c r="AG29975">
        <v>36</v>
      </c>
      <c r="AH29975">
        <v>37</v>
      </c>
      <c r="AI29975">
        <v>37</v>
      </c>
      <c r="AJ29975">
        <v>38</v>
      </c>
      <c r="AK29975">
        <v>38</v>
      </c>
      <c r="AL29975">
        <v>39</v>
      </c>
      <c r="AM29975">
        <v>39</v>
      </c>
      <c r="AN29975">
        <v>40</v>
      </c>
      <c r="AO29975">
        <v>41</v>
      </c>
      <c r="AP29975">
        <v>41</v>
      </c>
      <c r="AQ29975">
        <v>42</v>
      </c>
    </row>
    <row r="29976" spans="1:43">
      <c r="A29976" t="s">
        <v>18567</v>
      </c>
      <c r="B29976" t="s">
        <v>18568</v>
      </c>
      <c r="C29976" t="s">
        <v>18561</v>
      </c>
      <c r="D29976" t="s">
        <v>18562</v>
      </c>
      <c r="E29976" t="s">
        <v>18557</v>
      </c>
      <c r="F29976" t="s">
        <v>18558</v>
      </c>
      <c r="G29976" t="s">
        <v>10734</v>
      </c>
      <c r="H29976" t="s">
        <v>10735</v>
      </c>
      <c r="I29976" s="2">
        <v>0</v>
      </c>
      <c r="J29976" s="2">
        <v>1</v>
      </c>
      <c r="K29976" s="2">
        <v>0</v>
      </c>
      <c r="L29976" t="s">
        <v>82</v>
      </c>
      <c r="M29976" t="s">
        <v>89</v>
      </c>
      <c r="N29976" t="s">
        <v>90</v>
      </c>
      <c r="O29976" t="s">
        <v>85</v>
      </c>
      <c r="P29976" t="s">
        <v>86</v>
      </c>
      <c r="Q29976">
        <v>28</v>
      </c>
      <c r="R29976">
        <v>29</v>
      </c>
      <c r="S29976">
        <v>30</v>
      </c>
      <c r="T29976">
        <v>30</v>
      </c>
      <c r="U29976">
        <v>31</v>
      </c>
      <c r="V29976">
        <v>32</v>
      </c>
      <c r="W29976">
        <v>33</v>
      </c>
      <c r="X29976">
        <v>34</v>
      </c>
      <c r="Y29976">
        <v>35</v>
      </c>
      <c r="Z29976">
        <v>36</v>
      </c>
      <c r="AA29976">
        <v>37</v>
      </c>
      <c r="AB29976">
        <v>38</v>
      </c>
      <c r="AC29976">
        <v>39</v>
      </c>
      <c r="AD29976">
        <v>40</v>
      </c>
      <c r="AE29976">
        <v>41</v>
      </c>
      <c r="AF29976">
        <v>42</v>
      </c>
      <c r="AG29976">
        <v>42</v>
      </c>
      <c r="AH29976">
        <v>43</v>
      </c>
      <c r="AI29976">
        <v>43</v>
      </c>
      <c r="AJ29976">
        <v>44</v>
      </c>
      <c r="AK29976">
        <v>44</v>
      </c>
      <c r="AL29976">
        <v>45</v>
      </c>
      <c r="AM29976">
        <v>46</v>
      </c>
      <c r="AN29976">
        <v>46</v>
      </c>
      <c r="AO29976">
        <v>47</v>
      </c>
      <c r="AP29976">
        <v>47</v>
      </c>
      <c r="AQ29976">
        <v>48</v>
      </c>
    </row>
    <row r="29977" spans="1:43">
      <c r="A29977" t="s">
        <v>18567</v>
      </c>
      <c r="B29977" t="s">
        <v>18568</v>
      </c>
      <c r="C29977" t="s">
        <v>18561</v>
      </c>
      <c r="D29977" t="s">
        <v>18562</v>
      </c>
      <c r="E29977" t="s">
        <v>18557</v>
      </c>
      <c r="F29977" t="s">
        <v>18558</v>
      </c>
      <c r="G29977" t="s">
        <v>10734</v>
      </c>
      <c r="H29977" t="s">
        <v>10735</v>
      </c>
      <c r="I29977" s="2">
        <v>0</v>
      </c>
      <c r="J29977" s="2">
        <v>1</v>
      </c>
      <c r="K29977" s="2">
        <v>0</v>
      </c>
      <c r="L29977" t="s">
        <v>82</v>
      </c>
      <c r="M29977" t="s">
        <v>83</v>
      </c>
      <c r="N29977" t="s">
        <v>91</v>
      </c>
      <c r="O29977" t="s">
        <v>85</v>
      </c>
      <c r="P29977" t="s">
        <v>86</v>
      </c>
      <c r="Q29977">
        <v>28</v>
      </c>
      <c r="R29977">
        <v>29</v>
      </c>
      <c r="S29977">
        <v>30</v>
      </c>
      <c r="T29977">
        <v>30</v>
      </c>
      <c r="U29977">
        <v>31</v>
      </c>
      <c r="V29977">
        <v>32</v>
      </c>
      <c r="W29977">
        <v>33</v>
      </c>
      <c r="X29977">
        <v>34</v>
      </c>
      <c r="Y29977">
        <v>34</v>
      </c>
      <c r="Z29977">
        <v>35</v>
      </c>
      <c r="AA29977">
        <v>36</v>
      </c>
      <c r="AB29977">
        <v>37</v>
      </c>
      <c r="AC29977">
        <v>38</v>
      </c>
      <c r="AD29977">
        <v>39</v>
      </c>
      <c r="AE29977">
        <v>39</v>
      </c>
      <c r="AF29977">
        <v>40</v>
      </c>
      <c r="AG29977">
        <v>41</v>
      </c>
      <c r="AH29977">
        <v>42</v>
      </c>
      <c r="AI29977">
        <v>43</v>
      </c>
      <c r="AJ29977">
        <v>44</v>
      </c>
      <c r="AK29977">
        <v>45</v>
      </c>
      <c r="AL29977">
        <v>46</v>
      </c>
      <c r="AM29977">
        <v>46</v>
      </c>
      <c r="AN29977">
        <v>47</v>
      </c>
      <c r="AO29977">
        <v>47</v>
      </c>
      <c r="AP29977">
        <v>48</v>
      </c>
      <c r="AQ29977">
        <v>48</v>
      </c>
    </row>
    <row r="29978" spans="1:43">
      <c r="A29978" t="s">
        <v>18569</v>
      </c>
      <c r="B29978" t="s">
        <v>18570</v>
      </c>
      <c r="C29978" t="s">
        <v>18561</v>
      </c>
      <c r="D29978" t="s">
        <v>18562</v>
      </c>
      <c r="E29978" t="s">
        <v>18557</v>
      </c>
      <c r="F29978" t="s">
        <v>18558</v>
      </c>
      <c r="G29978" t="s">
        <v>10734</v>
      </c>
      <c r="H29978" t="s">
        <v>10735</v>
      </c>
      <c r="I29978" s="2">
        <v>0</v>
      </c>
      <c r="J29978" s="2">
        <v>0.99</v>
      </c>
      <c r="K29978" s="2">
        <v>0.01</v>
      </c>
      <c r="L29978" t="s">
        <v>82</v>
      </c>
      <c r="M29978" t="s">
        <v>83</v>
      </c>
      <c r="N29978" t="s">
        <v>84</v>
      </c>
      <c r="O29978" t="s">
        <v>85</v>
      </c>
      <c r="P29978" t="s">
        <v>86</v>
      </c>
      <c r="Q29978">
        <v>13</v>
      </c>
      <c r="R29978">
        <v>14</v>
      </c>
      <c r="S29978">
        <v>14</v>
      </c>
      <c r="T29978">
        <v>14</v>
      </c>
      <c r="U29978">
        <v>15</v>
      </c>
      <c r="V29978">
        <v>15</v>
      </c>
      <c r="W29978">
        <v>15</v>
      </c>
      <c r="X29978">
        <v>16</v>
      </c>
      <c r="Y29978">
        <v>16</v>
      </c>
      <c r="Z29978">
        <v>16</v>
      </c>
      <c r="AA29978">
        <v>17</v>
      </c>
      <c r="AB29978">
        <v>17</v>
      </c>
      <c r="AC29978">
        <v>18</v>
      </c>
      <c r="AD29978">
        <v>18</v>
      </c>
      <c r="AE29978">
        <v>18</v>
      </c>
      <c r="AF29978">
        <v>19</v>
      </c>
      <c r="AG29978">
        <v>19</v>
      </c>
      <c r="AH29978">
        <v>20</v>
      </c>
      <c r="AI29978">
        <v>20</v>
      </c>
      <c r="AJ29978">
        <v>21</v>
      </c>
      <c r="AK29978">
        <v>21</v>
      </c>
      <c r="AL29978">
        <v>21</v>
      </c>
      <c r="AM29978">
        <v>22</v>
      </c>
      <c r="AN29978">
        <v>22</v>
      </c>
      <c r="AO29978">
        <v>22</v>
      </c>
      <c r="AP29978">
        <v>22</v>
      </c>
      <c r="AQ29978">
        <v>23</v>
      </c>
    </row>
    <row r="29979" spans="1:43">
      <c r="A29979" t="s">
        <v>18569</v>
      </c>
      <c r="B29979" t="s">
        <v>18570</v>
      </c>
      <c r="C29979" t="s">
        <v>18561</v>
      </c>
      <c r="D29979" t="s">
        <v>18562</v>
      </c>
      <c r="E29979" t="s">
        <v>18557</v>
      </c>
      <c r="F29979" t="s">
        <v>18558</v>
      </c>
      <c r="G29979" t="s">
        <v>10734</v>
      </c>
      <c r="H29979" t="s">
        <v>10735</v>
      </c>
      <c r="I29979" s="2">
        <v>0</v>
      </c>
      <c r="J29979" s="2">
        <v>0.99</v>
      </c>
      <c r="K29979" s="2">
        <v>0.01</v>
      </c>
      <c r="L29979" t="s">
        <v>82</v>
      </c>
      <c r="M29979" t="s">
        <v>87</v>
      </c>
      <c r="N29979" t="s">
        <v>88</v>
      </c>
      <c r="O29979" t="s">
        <v>85</v>
      </c>
      <c r="P29979" t="s">
        <v>86</v>
      </c>
      <c r="Q29979">
        <v>13</v>
      </c>
      <c r="R29979">
        <v>13</v>
      </c>
      <c r="S29979">
        <v>14</v>
      </c>
      <c r="T29979">
        <v>14</v>
      </c>
      <c r="U29979">
        <v>14</v>
      </c>
      <c r="V29979">
        <v>14</v>
      </c>
      <c r="W29979">
        <v>14</v>
      </c>
      <c r="X29979">
        <v>15</v>
      </c>
      <c r="Y29979">
        <v>15</v>
      </c>
      <c r="Z29979">
        <v>15</v>
      </c>
      <c r="AA29979">
        <v>15</v>
      </c>
      <c r="AB29979">
        <v>16</v>
      </c>
      <c r="AC29979">
        <v>16</v>
      </c>
      <c r="AD29979">
        <v>16</v>
      </c>
      <c r="AE29979">
        <v>16</v>
      </c>
      <c r="AF29979">
        <v>17</v>
      </c>
      <c r="AG29979">
        <v>17</v>
      </c>
      <c r="AH29979">
        <v>17</v>
      </c>
      <c r="AI29979">
        <v>17</v>
      </c>
      <c r="AJ29979">
        <v>18</v>
      </c>
      <c r="AK29979">
        <v>18</v>
      </c>
      <c r="AL29979">
        <v>18</v>
      </c>
      <c r="AM29979">
        <v>18</v>
      </c>
      <c r="AN29979">
        <v>19</v>
      </c>
      <c r="AO29979">
        <v>19</v>
      </c>
      <c r="AP29979">
        <v>19</v>
      </c>
      <c r="AQ29979">
        <v>20</v>
      </c>
    </row>
    <row r="29980" spans="1:43">
      <c r="A29980" t="s">
        <v>18569</v>
      </c>
      <c r="B29980" t="s">
        <v>18570</v>
      </c>
      <c r="C29980" t="s">
        <v>18561</v>
      </c>
      <c r="D29980" t="s">
        <v>18562</v>
      </c>
      <c r="E29980" t="s">
        <v>18557</v>
      </c>
      <c r="F29980" t="s">
        <v>18558</v>
      </c>
      <c r="G29980" t="s">
        <v>10734</v>
      </c>
      <c r="H29980" t="s">
        <v>10735</v>
      </c>
      <c r="I29980" s="2">
        <v>0</v>
      </c>
      <c r="J29980" s="2">
        <v>0.99</v>
      </c>
      <c r="K29980" s="2">
        <v>0.01</v>
      </c>
      <c r="L29980" t="s">
        <v>82</v>
      </c>
      <c r="M29980" t="s">
        <v>89</v>
      </c>
      <c r="N29980" t="s">
        <v>90</v>
      </c>
      <c r="O29980" t="s">
        <v>85</v>
      </c>
      <c r="P29980" t="s">
        <v>86</v>
      </c>
      <c r="Q29980">
        <v>13</v>
      </c>
      <c r="R29980">
        <v>14</v>
      </c>
      <c r="S29980">
        <v>14</v>
      </c>
      <c r="T29980">
        <v>15</v>
      </c>
      <c r="U29980">
        <v>15</v>
      </c>
      <c r="V29980">
        <v>16</v>
      </c>
      <c r="W29980">
        <v>16</v>
      </c>
      <c r="X29980">
        <v>17</v>
      </c>
      <c r="Y29980">
        <v>17</v>
      </c>
      <c r="Z29980">
        <v>17</v>
      </c>
      <c r="AA29980">
        <v>18</v>
      </c>
      <c r="AB29980">
        <v>18</v>
      </c>
      <c r="AC29980">
        <v>19</v>
      </c>
      <c r="AD29980">
        <v>19</v>
      </c>
      <c r="AE29980">
        <v>20</v>
      </c>
      <c r="AF29980">
        <v>20</v>
      </c>
      <c r="AG29980">
        <v>20</v>
      </c>
      <c r="AH29980">
        <v>20</v>
      </c>
      <c r="AI29980">
        <v>21</v>
      </c>
      <c r="AJ29980">
        <v>21</v>
      </c>
      <c r="AK29980">
        <v>21</v>
      </c>
      <c r="AL29980">
        <v>21</v>
      </c>
      <c r="AM29980">
        <v>22</v>
      </c>
      <c r="AN29980">
        <v>22</v>
      </c>
      <c r="AO29980">
        <v>22</v>
      </c>
      <c r="AP29980">
        <v>23</v>
      </c>
      <c r="AQ29980">
        <v>23</v>
      </c>
    </row>
    <row r="29981" spans="1:43">
      <c r="A29981" t="s">
        <v>18569</v>
      </c>
      <c r="B29981" t="s">
        <v>18570</v>
      </c>
      <c r="C29981" t="s">
        <v>18561</v>
      </c>
      <c r="D29981" t="s">
        <v>18562</v>
      </c>
      <c r="E29981" t="s">
        <v>18557</v>
      </c>
      <c r="F29981" t="s">
        <v>18558</v>
      </c>
      <c r="G29981" t="s">
        <v>10734</v>
      </c>
      <c r="H29981" t="s">
        <v>10735</v>
      </c>
      <c r="I29981" s="2">
        <v>0</v>
      </c>
      <c r="J29981" s="2">
        <v>0.99</v>
      </c>
      <c r="K29981" s="2">
        <v>0.01</v>
      </c>
      <c r="L29981" t="s">
        <v>82</v>
      </c>
      <c r="M29981" t="s">
        <v>83</v>
      </c>
      <c r="N29981" t="s">
        <v>91</v>
      </c>
      <c r="O29981" t="s">
        <v>85</v>
      </c>
      <c r="P29981" t="s">
        <v>86</v>
      </c>
      <c r="Q29981">
        <v>13</v>
      </c>
      <c r="R29981">
        <v>14</v>
      </c>
      <c r="S29981">
        <v>14</v>
      </c>
      <c r="T29981">
        <v>14</v>
      </c>
      <c r="U29981">
        <v>15</v>
      </c>
      <c r="V29981">
        <v>15</v>
      </c>
      <c r="W29981">
        <v>15</v>
      </c>
      <c r="X29981">
        <v>16</v>
      </c>
      <c r="Y29981">
        <v>16</v>
      </c>
      <c r="Z29981">
        <v>16</v>
      </c>
      <c r="AA29981">
        <v>17</v>
      </c>
      <c r="AB29981">
        <v>17</v>
      </c>
      <c r="AC29981">
        <v>18</v>
      </c>
      <c r="AD29981">
        <v>18</v>
      </c>
      <c r="AE29981">
        <v>18</v>
      </c>
      <c r="AF29981">
        <v>19</v>
      </c>
      <c r="AG29981">
        <v>19</v>
      </c>
      <c r="AH29981">
        <v>20</v>
      </c>
      <c r="AI29981">
        <v>20</v>
      </c>
      <c r="AJ29981">
        <v>21</v>
      </c>
      <c r="AK29981">
        <v>21</v>
      </c>
      <c r="AL29981">
        <v>21</v>
      </c>
      <c r="AM29981">
        <v>22</v>
      </c>
      <c r="AN29981">
        <v>22</v>
      </c>
      <c r="AO29981">
        <v>22</v>
      </c>
      <c r="AP29981">
        <v>22</v>
      </c>
      <c r="AQ29981">
        <v>23</v>
      </c>
    </row>
    <row r="29982" spans="1:43">
      <c r="A29982" t="s">
        <v>18571</v>
      </c>
      <c r="B29982" t="s">
        <v>18572</v>
      </c>
      <c r="C29982" t="s">
        <v>18561</v>
      </c>
      <c r="D29982" t="s">
        <v>18562</v>
      </c>
      <c r="E29982" t="s">
        <v>18557</v>
      </c>
      <c r="F29982" t="s">
        <v>18558</v>
      </c>
      <c r="G29982" t="s">
        <v>10734</v>
      </c>
      <c r="H29982" t="s">
        <v>10735</v>
      </c>
      <c r="I29982" s="2">
        <v>0</v>
      </c>
      <c r="J29982" s="2">
        <v>0.81</v>
      </c>
      <c r="K29982" s="2">
        <v>0.19</v>
      </c>
      <c r="L29982" t="s">
        <v>82</v>
      </c>
      <c r="M29982" t="s">
        <v>83</v>
      </c>
      <c r="N29982" t="s">
        <v>84</v>
      </c>
      <c r="O29982" t="s">
        <v>85</v>
      </c>
      <c r="P29982" t="s">
        <v>86</v>
      </c>
      <c r="Q29982">
        <v>30</v>
      </c>
      <c r="R29982">
        <v>31</v>
      </c>
      <c r="S29982">
        <v>31</v>
      </c>
      <c r="T29982">
        <v>32</v>
      </c>
      <c r="U29982">
        <v>33</v>
      </c>
      <c r="V29982">
        <v>34</v>
      </c>
      <c r="W29982">
        <v>35</v>
      </c>
      <c r="X29982">
        <v>35</v>
      </c>
      <c r="Y29982">
        <v>36</v>
      </c>
      <c r="Z29982">
        <v>37</v>
      </c>
      <c r="AA29982">
        <v>38</v>
      </c>
      <c r="AB29982">
        <v>39</v>
      </c>
      <c r="AC29982">
        <v>40</v>
      </c>
      <c r="AD29982">
        <v>41</v>
      </c>
      <c r="AE29982">
        <v>42</v>
      </c>
      <c r="AF29982">
        <v>43</v>
      </c>
      <c r="AG29982">
        <v>44</v>
      </c>
      <c r="AH29982">
        <v>45</v>
      </c>
      <c r="AI29982">
        <v>46</v>
      </c>
      <c r="AJ29982">
        <v>47</v>
      </c>
      <c r="AK29982">
        <v>48</v>
      </c>
      <c r="AL29982">
        <v>48</v>
      </c>
      <c r="AM29982">
        <v>49</v>
      </c>
      <c r="AN29982">
        <v>49</v>
      </c>
      <c r="AO29982">
        <v>50</v>
      </c>
      <c r="AP29982">
        <v>51</v>
      </c>
      <c r="AQ29982">
        <v>51</v>
      </c>
    </row>
    <row r="29983" spans="1:43">
      <c r="A29983" t="s">
        <v>18571</v>
      </c>
      <c r="B29983" t="s">
        <v>18572</v>
      </c>
      <c r="C29983" t="s">
        <v>18561</v>
      </c>
      <c r="D29983" t="s">
        <v>18562</v>
      </c>
      <c r="E29983" t="s">
        <v>18557</v>
      </c>
      <c r="F29983" t="s">
        <v>18558</v>
      </c>
      <c r="G29983" t="s">
        <v>10734</v>
      </c>
      <c r="H29983" t="s">
        <v>10735</v>
      </c>
      <c r="I29983" s="2">
        <v>0</v>
      </c>
      <c r="J29983" s="2">
        <v>0.81</v>
      </c>
      <c r="K29983" s="2">
        <v>0.19</v>
      </c>
      <c r="L29983" t="s">
        <v>82</v>
      </c>
      <c r="M29983" t="s">
        <v>87</v>
      </c>
      <c r="N29983" t="s">
        <v>88</v>
      </c>
      <c r="O29983" t="s">
        <v>85</v>
      </c>
      <c r="P29983" t="s">
        <v>86</v>
      </c>
      <c r="Q29983">
        <v>30</v>
      </c>
      <c r="R29983">
        <v>31</v>
      </c>
      <c r="S29983">
        <v>31</v>
      </c>
      <c r="T29983">
        <v>32</v>
      </c>
      <c r="U29983">
        <v>32</v>
      </c>
      <c r="V29983">
        <v>33</v>
      </c>
      <c r="W29983">
        <v>34</v>
      </c>
      <c r="X29983">
        <v>34</v>
      </c>
      <c r="Y29983">
        <v>35</v>
      </c>
      <c r="Z29983">
        <v>35</v>
      </c>
      <c r="AA29983">
        <v>36</v>
      </c>
      <c r="AB29983">
        <v>36</v>
      </c>
      <c r="AC29983">
        <v>37</v>
      </c>
      <c r="AD29983">
        <v>37</v>
      </c>
      <c r="AE29983">
        <v>38</v>
      </c>
      <c r="AF29983">
        <v>39</v>
      </c>
      <c r="AG29983">
        <v>39</v>
      </c>
      <c r="AH29983">
        <v>40</v>
      </c>
      <c r="AI29983">
        <v>40</v>
      </c>
      <c r="AJ29983">
        <v>41</v>
      </c>
      <c r="AK29983">
        <v>42</v>
      </c>
      <c r="AL29983">
        <v>42</v>
      </c>
      <c r="AM29983">
        <v>43</v>
      </c>
      <c r="AN29983">
        <v>44</v>
      </c>
      <c r="AO29983">
        <v>44</v>
      </c>
      <c r="AP29983">
        <v>45</v>
      </c>
      <c r="AQ29983">
        <v>46</v>
      </c>
    </row>
    <row r="29984" spans="1:43">
      <c r="A29984" t="s">
        <v>18571</v>
      </c>
      <c r="B29984" t="s">
        <v>18572</v>
      </c>
      <c r="C29984" t="s">
        <v>18561</v>
      </c>
      <c r="D29984" t="s">
        <v>18562</v>
      </c>
      <c r="E29984" t="s">
        <v>18557</v>
      </c>
      <c r="F29984" t="s">
        <v>18558</v>
      </c>
      <c r="G29984" t="s">
        <v>10734</v>
      </c>
      <c r="H29984" t="s">
        <v>10735</v>
      </c>
      <c r="I29984" s="2">
        <v>0</v>
      </c>
      <c r="J29984" s="2">
        <v>0.81</v>
      </c>
      <c r="K29984" s="2">
        <v>0.19</v>
      </c>
      <c r="L29984" t="s">
        <v>82</v>
      </c>
      <c r="M29984" t="s">
        <v>89</v>
      </c>
      <c r="N29984" t="s">
        <v>90</v>
      </c>
      <c r="O29984" t="s">
        <v>85</v>
      </c>
      <c r="P29984" t="s">
        <v>86</v>
      </c>
      <c r="Q29984">
        <v>30</v>
      </c>
      <c r="R29984">
        <v>31</v>
      </c>
      <c r="S29984">
        <v>32</v>
      </c>
      <c r="T29984">
        <v>33</v>
      </c>
      <c r="U29984">
        <v>34</v>
      </c>
      <c r="V29984">
        <v>35</v>
      </c>
      <c r="W29984">
        <v>36</v>
      </c>
      <c r="X29984">
        <v>37</v>
      </c>
      <c r="Y29984">
        <v>38</v>
      </c>
      <c r="Z29984">
        <v>39</v>
      </c>
      <c r="AA29984">
        <v>41</v>
      </c>
      <c r="AB29984">
        <v>42</v>
      </c>
      <c r="AC29984">
        <v>43</v>
      </c>
      <c r="AD29984">
        <v>44</v>
      </c>
      <c r="AE29984">
        <v>45</v>
      </c>
      <c r="AF29984">
        <v>45</v>
      </c>
      <c r="AG29984">
        <v>46</v>
      </c>
      <c r="AH29984">
        <v>46</v>
      </c>
      <c r="AI29984">
        <v>47</v>
      </c>
      <c r="AJ29984">
        <v>47</v>
      </c>
      <c r="AK29984">
        <v>48</v>
      </c>
      <c r="AL29984">
        <v>49</v>
      </c>
      <c r="AM29984">
        <v>49</v>
      </c>
      <c r="AN29984">
        <v>50</v>
      </c>
      <c r="AO29984">
        <v>50</v>
      </c>
      <c r="AP29984">
        <v>51</v>
      </c>
      <c r="AQ29984">
        <v>52</v>
      </c>
    </row>
    <row r="29985" spans="1:43">
      <c r="A29985" t="s">
        <v>18571</v>
      </c>
      <c r="B29985" t="s">
        <v>18572</v>
      </c>
      <c r="C29985" t="s">
        <v>18561</v>
      </c>
      <c r="D29985" t="s">
        <v>18562</v>
      </c>
      <c r="E29985" t="s">
        <v>18557</v>
      </c>
      <c r="F29985" t="s">
        <v>18558</v>
      </c>
      <c r="G29985" t="s">
        <v>10734</v>
      </c>
      <c r="H29985" t="s">
        <v>10735</v>
      </c>
      <c r="I29985" s="2">
        <v>0</v>
      </c>
      <c r="J29985" s="2">
        <v>0.81</v>
      </c>
      <c r="K29985" s="2">
        <v>0.19</v>
      </c>
      <c r="L29985" t="s">
        <v>82</v>
      </c>
      <c r="M29985" t="s">
        <v>83</v>
      </c>
      <c r="N29985" t="s">
        <v>91</v>
      </c>
      <c r="O29985" t="s">
        <v>85</v>
      </c>
      <c r="P29985" t="s">
        <v>86</v>
      </c>
      <c r="Q29985">
        <v>30</v>
      </c>
      <c r="R29985">
        <v>31</v>
      </c>
      <c r="S29985">
        <v>31</v>
      </c>
      <c r="T29985">
        <v>32</v>
      </c>
      <c r="U29985">
        <v>33</v>
      </c>
      <c r="V29985">
        <v>34</v>
      </c>
      <c r="W29985">
        <v>35</v>
      </c>
      <c r="X29985">
        <v>35</v>
      </c>
      <c r="Y29985">
        <v>36</v>
      </c>
      <c r="Z29985">
        <v>37</v>
      </c>
      <c r="AA29985">
        <v>38</v>
      </c>
      <c r="AB29985">
        <v>39</v>
      </c>
      <c r="AC29985">
        <v>40</v>
      </c>
      <c r="AD29985">
        <v>41</v>
      </c>
      <c r="AE29985">
        <v>42</v>
      </c>
      <c r="AF29985">
        <v>43</v>
      </c>
      <c r="AG29985">
        <v>44</v>
      </c>
      <c r="AH29985">
        <v>45</v>
      </c>
      <c r="AI29985">
        <v>46</v>
      </c>
      <c r="AJ29985">
        <v>47</v>
      </c>
      <c r="AK29985">
        <v>48</v>
      </c>
      <c r="AL29985">
        <v>48</v>
      </c>
      <c r="AM29985">
        <v>49</v>
      </c>
      <c r="AN29985">
        <v>49</v>
      </c>
      <c r="AO29985">
        <v>50</v>
      </c>
      <c r="AP29985">
        <v>51</v>
      </c>
      <c r="AQ29985">
        <v>51</v>
      </c>
    </row>
    <row r="29986" spans="1:43">
      <c r="A29986" t="s">
        <v>18573</v>
      </c>
      <c r="B29986" t="s">
        <v>18574</v>
      </c>
      <c r="C29986" t="s">
        <v>18561</v>
      </c>
      <c r="D29986" t="s">
        <v>18562</v>
      </c>
      <c r="E29986" t="s">
        <v>18557</v>
      </c>
      <c r="F29986" t="s">
        <v>18558</v>
      </c>
      <c r="G29986" t="s">
        <v>10734</v>
      </c>
      <c r="H29986" t="s">
        <v>10735</v>
      </c>
      <c r="I29986" s="2">
        <v>0</v>
      </c>
      <c r="J29986" s="2">
        <v>0.69</v>
      </c>
      <c r="K29986" s="2">
        <v>0.31</v>
      </c>
      <c r="L29986" t="s">
        <v>82</v>
      </c>
      <c r="M29986" t="s">
        <v>83</v>
      </c>
      <c r="N29986" t="s">
        <v>84</v>
      </c>
      <c r="O29986" t="s">
        <v>85</v>
      </c>
      <c r="P29986" t="s">
        <v>86</v>
      </c>
      <c r="Q29986">
        <v>20</v>
      </c>
      <c r="R29986">
        <v>21</v>
      </c>
      <c r="S29986">
        <v>21</v>
      </c>
      <c r="T29986">
        <v>22</v>
      </c>
      <c r="U29986">
        <v>22</v>
      </c>
      <c r="V29986">
        <v>23</v>
      </c>
      <c r="W29986">
        <v>24</v>
      </c>
      <c r="X29986">
        <v>24</v>
      </c>
      <c r="Y29986">
        <v>25</v>
      </c>
      <c r="Z29986">
        <v>25</v>
      </c>
      <c r="AA29986">
        <v>26</v>
      </c>
      <c r="AB29986">
        <v>27</v>
      </c>
      <c r="AC29986">
        <v>27</v>
      </c>
      <c r="AD29986">
        <v>28</v>
      </c>
      <c r="AE29986">
        <v>28</v>
      </c>
      <c r="AF29986">
        <v>29</v>
      </c>
      <c r="AG29986">
        <v>30</v>
      </c>
      <c r="AH29986">
        <v>30</v>
      </c>
      <c r="AI29986">
        <v>31</v>
      </c>
      <c r="AJ29986">
        <v>32</v>
      </c>
      <c r="AK29986">
        <v>32</v>
      </c>
      <c r="AL29986">
        <v>33</v>
      </c>
      <c r="AM29986">
        <v>33</v>
      </c>
      <c r="AN29986">
        <v>34</v>
      </c>
      <c r="AO29986">
        <v>34</v>
      </c>
      <c r="AP29986">
        <v>35</v>
      </c>
      <c r="AQ29986">
        <v>35</v>
      </c>
    </row>
    <row r="29987" spans="1:43">
      <c r="A29987" t="s">
        <v>18573</v>
      </c>
      <c r="B29987" t="s">
        <v>18574</v>
      </c>
      <c r="C29987" t="s">
        <v>18561</v>
      </c>
      <c r="D29987" t="s">
        <v>18562</v>
      </c>
      <c r="E29987" t="s">
        <v>18557</v>
      </c>
      <c r="F29987" t="s">
        <v>18558</v>
      </c>
      <c r="G29987" t="s">
        <v>10734</v>
      </c>
      <c r="H29987" t="s">
        <v>10735</v>
      </c>
      <c r="I29987" s="2">
        <v>0</v>
      </c>
      <c r="J29987" s="2">
        <v>0.69</v>
      </c>
      <c r="K29987" s="2">
        <v>0.31</v>
      </c>
      <c r="L29987" t="s">
        <v>82</v>
      </c>
      <c r="M29987" t="s">
        <v>87</v>
      </c>
      <c r="N29987" t="s">
        <v>88</v>
      </c>
      <c r="O29987" t="s">
        <v>85</v>
      </c>
      <c r="P29987" t="s">
        <v>86</v>
      </c>
      <c r="Q29987">
        <v>20</v>
      </c>
      <c r="R29987">
        <v>20</v>
      </c>
      <c r="S29987">
        <v>21</v>
      </c>
      <c r="T29987">
        <v>21</v>
      </c>
      <c r="U29987">
        <v>21</v>
      </c>
      <c r="V29987">
        <v>22</v>
      </c>
      <c r="W29987">
        <v>22</v>
      </c>
      <c r="X29987">
        <v>23</v>
      </c>
      <c r="Y29987">
        <v>23</v>
      </c>
      <c r="Z29987">
        <v>23</v>
      </c>
      <c r="AA29987">
        <v>24</v>
      </c>
      <c r="AB29987">
        <v>24</v>
      </c>
      <c r="AC29987">
        <v>24</v>
      </c>
      <c r="AD29987">
        <v>25</v>
      </c>
      <c r="AE29987">
        <v>25</v>
      </c>
      <c r="AF29987">
        <v>26</v>
      </c>
      <c r="AG29987">
        <v>26</v>
      </c>
      <c r="AH29987">
        <v>26</v>
      </c>
      <c r="AI29987">
        <v>27</v>
      </c>
      <c r="AJ29987">
        <v>27</v>
      </c>
      <c r="AK29987">
        <v>28</v>
      </c>
      <c r="AL29987">
        <v>28</v>
      </c>
      <c r="AM29987">
        <v>29</v>
      </c>
      <c r="AN29987">
        <v>29</v>
      </c>
      <c r="AO29987">
        <v>29</v>
      </c>
      <c r="AP29987">
        <v>30</v>
      </c>
      <c r="AQ29987">
        <v>30</v>
      </c>
    </row>
    <row r="29988" spans="1:43">
      <c r="A29988" t="s">
        <v>18573</v>
      </c>
      <c r="B29988" t="s">
        <v>18574</v>
      </c>
      <c r="C29988" t="s">
        <v>18561</v>
      </c>
      <c r="D29988" t="s">
        <v>18562</v>
      </c>
      <c r="E29988" t="s">
        <v>18557</v>
      </c>
      <c r="F29988" t="s">
        <v>18558</v>
      </c>
      <c r="G29988" t="s">
        <v>10734</v>
      </c>
      <c r="H29988" t="s">
        <v>10735</v>
      </c>
      <c r="I29988" s="2">
        <v>0</v>
      </c>
      <c r="J29988" s="2">
        <v>0.69</v>
      </c>
      <c r="K29988" s="2">
        <v>0.31</v>
      </c>
      <c r="L29988" t="s">
        <v>82</v>
      </c>
      <c r="M29988" t="s">
        <v>89</v>
      </c>
      <c r="N29988" t="s">
        <v>90</v>
      </c>
      <c r="O29988" t="s">
        <v>85</v>
      </c>
      <c r="P29988" t="s">
        <v>86</v>
      </c>
      <c r="Q29988">
        <v>20</v>
      </c>
      <c r="R29988">
        <v>21</v>
      </c>
      <c r="S29988">
        <v>22</v>
      </c>
      <c r="T29988">
        <v>23</v>
      </c>
      <c r="U29988">
        <v>23</v>
      </c>
      <c r="V29988">
        <v>24</v>
      </c>
      <c r="W29988">
        <v>25</v>
      </c>
      <c r="X29988">
        <v>26</v>
      </c>
      <c r="Y29988">
        <v>26</v>
      </c>
      <c r="Z29988">
        <v>27</v>
      </c>
      <c r="AA29988">
        <v>28</v>
      </c>
      <c r="AB29988">
        <v>28</v>
      </c>
      <c r="AC29988">
        <v>29</v>
      </c>
      <c r="AD29988">
        <v>30</v>
      </c>
      <c r="AE29988">
        <v>30</v>
      </c>
      <c r="AF29988">
        <v>31</v>
      </c>
      <c r="AG29988">
        <v>31</v>
      </c>
      <c r="AH29988">
        <v>32</v>
      </c>
      <c r="AI29988">
        <v>32</v>
      </c>
      <c r="AJ29988">
        <v>32</v>
      </c>
      <c r="AK29988">
        <v>33</v>
      </c>
      <c r="AL29988">
        <v>33</v>
      </c>
      <c r="AM29988">
        <v>33</v>
      </c>
      <c r="AN29988">
        <v>34</v>
      </c>
      <c r="AO29988">
        <v>34</v>
      </c>
      <c r="AP29988">
        <v>35</v>
      </c>
      <c r="AQ29988">
        <v>35</v>
      </c>
    </row>
    <row r="29989" spans="1:43">
      <c r="A29989" t="s">
        <v>18573</v>
      </c>
      <c r="B29989" t="s">
        <v>18574</v>
      </c>
      <c r="C29989" t="s">
        <v>18561</v>
      </c>
      <c r="D29989" t="s">
        <v>18562</v>
      </c>
      <c r="E29989" t="s">
        <v>18557</v>
      </c>
      <c r="F29989" t="s">
        <v>18558</v>
      </c>
      <c r="G29989" t="s">
        <v>10734</v>
      </c>
      <c r="H29989" t="s">
        <v>10735</v>
      </c>
      <c r="I29989" s="2">
        <v>0</v>
      </c>
      <c r="J29989" s="2">
        <v>0.69</v>
      </c>
      <c r="K29989" s="2">
        <v>0.31</v>
      </c>
      <c r="L29989" t="s">
        <v>82</v>
      </c>
      <c r="M29989" t="s">
        <v>83</v>
      </c>
      <c r="N29989" t="s">
        <v>91</v>
      </c>
      <c r="O29989" t="s">
        <v>85</v>
      </c>
      <c r="P29989" t="s">
        <v>86</v>
      </c>
      <c r="Q29989">
        <v>20</v>
      </c>
      <c r="R29989">
        <v>21</v>
      </c>
      <c r="S29989">
        <v>21</v>
      </c>
      <c r="T29989">
        <v>22</v>
      </c>
      <c r="U29989">
        <v>22</v>
      </c>
      <c r="V29989">
        <v>23</v>
      </c>
      <c r="W29989">
        <v>24</v>
      </c>
      <c r="X29989">
        <v>24</v>
      </c>
      <c r="Y29989">
        <v>25</v>
      </c>
      <c r="Z29989">
        <v>25</v>
      </c>
      <c r="AA29989">
        <v>26</v>
      </c>
      <c r="AB29989">
        <v>27</v>
      </c>
      <c r="AC29989">
        <v>27</v>
      </c>
      <c r="AD29989">
        <v>28</v>
      </c>
      <c r="AE29989">
        <v>28</v>
      </c>
      <c r="AF29989">
        <v>29</v>
      </c>
      <c r="AG29989">
        <v>30</v>
      </c>
      <c r="AH29989">
        <v>30</v>
      </c>
      <c r="AI29989">
        <v>31</v>
      </c>
      <c r="AJ29989">
        <v>32</v>
      </c>
      <c r="AK29989">
        <v>32</v>
      </c>
      <c r="AL29989">
        <v>33</v>
      </c>
      <c r="AM29989">
        <v>33</v>
      </c>
      <c r="AN29989">
        <v>34</v>
      </c>
      <c r="AO29989">
        <v>34</v>
      </c>
      <c r="AP29989">
        <v>35</v>
      </c>
      <c r="AQ29989">
        <v>35</v>
      </c>
    </row>
    <row r="29990" spans="1:43">
      <c r="A29990" t="s">
        <v>18575</v>
      </c>
      <c r="B29990" t="s">
        <v>18576</v>
      </c>
      <c r="C29990" t="s">
        <v>18577</v>
      </c>
      <c r="D29990" t="s">
        <v>18578</v>
      </c>
      <c r="E29990" t="s">
        <v>18557</v>
      </c>
      <c r="F29990" t="s">
        <v>18558</v>
      </c>
      <c r="G29990" t="s">
        <v>10734</v>
      </c>
      <c r="H29990" t="s">
        <v>10735</v>
      </c>
      <c r="I29990" s="2">
        <v>0</v>
      </c>
      <c r="J29990" s="2">
        <v>0</v>
      </c>
      <c r="K29990" s="2">
        <v>1</v>
      </c>
      <c r="L29990" t="s">
        <v>995</v>
      </c>
      <c r="M29990" t="s">
        <v>83</v>
      </c>
      <c r="N29990" t="s">
        <v>84</v>
      </c>
      <c r="O29990" t="s">
        <v>85</v>
      </c>
      <c r="P29990" t="s">
        <v>86</v>
      </c>
      <c r="Q29990">
        <v>24</v>
      </c>
      <c r="R29990">
        <v>24</v>
      </c>
      <c r="S29990">
        <v>25</v>
      </c>
      <c r="T29990">
        <v>25</v>
      </c>
      <c r="U29990">
        <v>26</v>
      </c>
      <c r="V29990">
        <v>27</v>
      </c>
      <c r="W29990">
        <v>27</v>
      </c>
      <c r="X29990">
        <v>28</v>
      </c>
      <c r="Y29990">
        <v>29</v>
      </c>
      <c r="Z29990">
        <v>29</v>
      </c>
      <c r="AA29990">
        <v>30</v>
      </c>
      <c r="AB29990">
        <v>31</v>
      </c>
      <c r="AC29990">
        <v>31</v>
      </c>
      <c r="AD29990">
        <v>32</v>
      </c>
      <c r="AE29990">
        <v>33</v>
      </c>
      <c r="AF29990">
        <v>33</v>
      </c>
      <c r="AG29990">
        <v>34</v>
      </c>
      <c r="AH29990">
        <v>35</v>
      </c>
      <c r="AI29990">
        <v>36</v>
      </c>
      <c r="AJ29990">
        <v>36</v>
      </c>
      <c r="AK29990">
        <v>37</v>
      </c>
      <c r="AL29990">
        <v>38</v>
      </c>
      <c r="AM29990">
        <v>38</v>
      </c>
      <c r="AN29990">
        <v>39</v>
      </c>
      <c r="AO29990">
        <v>39</v>
      </c>
      <c r="AP29990">
        <v>40</v>
      </c>
      <c r="AQ29990">
        <v>40</v>
      </c>
    </row>
    <row r="29991" spans="1:43">
      <c r="A29991" t="s">
        <v>18575</v>
      </c>
      <c r="B29991" t="s">
        <v>18576</v>
      </c>
      <c r="C29991" t="s">
        <v>18577</v>
      </c>
      <c r="D29991" t="s">
        <v>18578</v>
      </c>
      <c r="E29991" t="s">
        <v>18557</v>
      </c>
      <c r="F29991" t="s">
        <v>18558</v>
      </c>
      <c r="G29991" t="s">
        <v>10734</v>
      </c>
      <c r="H29991" t="s">
        <v>10735</v>
      </c>
      <c r="I29991" s="2">
        <v>0</v>
      </c>
      <c r="J29991" s="2">
        <v>0</v>
      </c>
      <c r="K29991" s="2">
        <v>1</v>
      </c>
      <c r="L29991" t="s">
        <v>995</v>
      </c>
      <c r="M29991" t="s">
        <v>87</v>
      </c>
      <c r="N29991" t="s">
        <v>88</v>
      </c>
      <c r="O29991" t="s">
        <v>85</v>
      </c>
      <c r="P29991" t="s">
        <v>86</v>
      </c>
      <c r="Q29991">
        <v>24</v>
      </c>
      <c r="R29991">
        <v>25</v>
      </c>
      <c r="S29991">
        <v>25</v>
      </c>
      <c r="T29991">
        <v>26</v>
      </c>
      <c r="U29991">
        <v>26</v>
      </c>
      <c r="V29991">
        <v>26</v>
      </c>
      <c r="W29991">
        <v>27</v>
      </c>
      <c r="X29991">
        <v>27</v>
      </c>
      <c r="Y29991">
        <v>27</v>
      </c>
      <c r="Z29991">
        <v>28</v>
      </c>
      <c r="AA29991">
        <v>28</v>
      </c>
      <c r="AB29991">
        <v>29</v>
      </c>
      <c r="AC29991">
        <v>29</v>
      </c>
      <c r="AD29991">
        <v>30</v>
      </c>
      <c r="AE29991">
        <v>30</v>
      </c>
      <c r="AF29991">
        <v>30</v>
      </c>
      <c r="AG29991">
        <v>31</v>
      </c>
      <c r="AH29991">
        <v>31</v>
      </c>
      <c r="AI29991">
        <v>32</v>
      </c>
      <c r="AJ29991">
        <v>32</v>
      </c>
      <c r="AK29991">
        <v>33</v>
      </c>
      <c r="AL29991">
        <v>33</v>
      </c>
      <c r="AM29991">
        <v>34</v>
      </c>
      <c r="AN29991">
        <v>34</v>
      </c>
      <c r="AO29991">
        <v>35</v>
      </c>
      <c r="AP29991">
        <v>35</v>
      </c>
      <c r="AQ29991">
        <v>36</v>
      </c>
    </row>
    <row r="29992" spans="1:43">
      <c r="A29992" t="s">
        <v>18575</v>
      </c>
      <c r="B29992" t="s">
        <v>18576</v>
      </c>
      <c r="C29992" t="s">
        <v>18577</v>
      </c>
      <c r="D29992" t="s">
        <v>18578</v>
      </c>
      <c r="E29992" t="s">
        <v>18557</v>
      </c>
      <c r="F29992" t="s">
        <v>18558</v>
      </c>
      <c r="G29992" t="s">
        <v>10734</v>
      </c>
      <c r="H29992" t="s">
        <v>10735</v>
      </c>
      <c r="I29992" s="2">
        <v>0</v>
      </c>
      <c r="J29992" s="2">
        <v>0</v>
      </c>
      <c r="K29992" s="2">
        <v>1</v>
      </c>
      <c r="L29992" t="s">
        <v>995</v>
      </c>
      <c r="M29992" t="s">
        <v>89</v>
      </c>
      <c r="N29992" t="s">
        <v>90</v>
      </c>
      <c r="O29992" t="s">
        <v>85</v>
      </c>
      <c r="P29992" t="s">
        <v>86</v>
      </c>
      <c r="Q29992">
        <v>24</v>
      </c>
      <c r="R29992">
        <v>25</v>
      </c>
      <c r="S29992">
        <v>26</v>
      </c>
      <c r="T29992">
        <v>26</v>
      </c>
      <c r="U29992">
        <v>27</v>
      </c>
      <c r="V29992">
        <v>28</v>
      </c>
      <c r="W29992">
        <v>29</v>
      </c>
      <c r="X29992">
        <v>30</v>
      </c>
      <c r="Y29992">
        <v>30</v>
      </c>
      <c r="Z29992">
        <v>31</v>
      </c>
      <c r="AA29992">
        <v>32</v>
      </c>
      <c r="AB29992">
        <v>33</v>
      </c>
      <c r="AC29992">
        <v>34</v>
      </c>
      <c r="AD29992">
        <v>34</v>
      </c>
      <c r="AE29992">
        <v>35</v>
      </c>
      <c r="AF29992">
        <v>36</v>
      </c>
      <c r="AG29992">
        <v>36</v>
      </c>
      <c r="AH29992">
        <v>36</v>
      </c>
      <c r="AI29992">
        <v>37</v>
      </c>
      <c r="AJ29992">
        <v>37</v>
      </c>
      <c r="AK29992">
        <v>38</v>
      </c>
      <c r="AL29992">
        <v>38</v>
      </c>
      <c r="AM29992">
        <v>39</v>
      </c>
      <c r="AN29992">
        <v>39</v>
      </c>
      <c r="AO29992">
        <v>40</v>
      </c>
      <c r="AP29992">
        <v>40</v>
      </c>
      <c r="AQ29992">
        <v>41</v>
      </c>
    </row>
    <row r="29993" spans="1:43">
      <c r="A29993" t="s">
        <v>18575</v>
      </c>
      <c r="B29993" t="s">
        <v>18576</v>
      </c>
      <c r="C29993" t="s">
        <v>18577</v>
      </c>
      <c r="D29993" t="s">
        <v>18578</v>
      </c>
      <c r="E29993" t="s">
        <v>18557</v>
      </c>
      <c r="F29993" t="s">
        <v>18558</v>
      </c>
      <c r="G29993" t="s">
        <v>10734</v>
      </c>
      <c r="H29993" t="s">
        <v>10735</v>
      </c>
      <c r="I29993" s="2">
        <v>0</v>
      </c>
      <c r="J29993" s="2">
        <v>0</v>
      </c>
      <c r="K29993" s="2">
        <v>1</v>
      </c>
      <c r="L29993" t="s">
        <v>995</v>
      </c>
      <c r="M29993" t="s">
        <v>83</v>
      </c>
      <c r="N29993" t="s">
        <v>91</v>
      </c>
      <c r="O29993" t="s">
        <v>85</v>
      </c>
      <c r="P29993" t="s">
        <v>86</v>
      </c>
      <c r="Q29993">
        <v>24</v>
      </c>
      <c r="R29993">
        <v>24</v>
      </c>
      <c r="S29993">
        <v>25</v>
      </c>
      <c r="T29993">
        <v>25</v>
      </c>
      <c r="U29993">
        <v>26</v>
      </c>
      <c r="V29993">
        <v>27</v>
      </c>
      <c r="W29993">
        <v>27</v>
      </c>
      <c r="X29993">
        <v>28</v>
      </c>
      <c r="Y29993">
        <v>29</v>
      </c>
      <c r="Z29993">
        <v>29</v>
      </c>
      <c r="AA29993">
        <v>30</v>
      </c>
      <c r="AB29993">
        <v>31</v>
      </c>
      <c r="AC29993">
        <v>31</v>
      </c>
      <c r="AD29993">
        <v>32</v>
      </c>
      <c r="AE29993">
        <v>33</v>
      </c>
      <c r="AF29993">
        <v>33</v>
      </c>
      <c r="AG29993">
        <v>34</v>
      </c>
      <c r="AH29993">
        <v>35</v>
      </c>
      <c r="AI29993">
        <v>36</v>
      </c>
      <c r="AJ29993">
        <v>36</v>
      </c>
      <c r="AK29993">
        <v>37</v>
      </c>
      <c r="AL29993">
        <v>38</v>
      </c>
      <c r="AM29993">
        <v>38</v>
      </c>
      <c r="AN29993">
        <v>39</v>
      </c>
      <c r="AO29993">
        <v>39</v>
      </c>
      <c r="AP29993">
        <v>40</v>
      </c>
      <c r="AQ29993">
        <v>40</v>
      </c>
    </row>
    <row r="29994" spans="1:43">
      <c r="A29994" t="s">
        <v>18579</v>
      </c>
      <c r="B29994" t="s">
        <v>18580</v>
      </c>
      <c r="C29994" t="s">
        <v>18581</v>
      </c>
      <c r="D29994" t="s">
        <v>18582</v>
      </c>
      <c r="E29994" t="s">
        <v>18557</v>
      </c>
      <c r="F29994" t="s">
        <v>18558</v>
      </c>
      <c r="G29994" t="s">
        <v>10734</v>
      </c>
      <c r="H29994" t="s">
        <v>10735</v>
      </c>
      <c r="I29994" s="2">
        <v>0</v>
      </c>
      <c r="J29994" s="2">
        <v>1</v>
      </c>
      <c r="K29994" s="2">
        <v>0</v>
      </c>
      <c r="L29994" t="s">
        <v>82</v>
      </c>
      <c r="M29994" t="s">
        <v>83</v>
      </c>
      <c r="N29994" t="s">
        <v>84</v>
      </c>
      <c r="O29994" t="s">
        <v>85</v>
      </c>
      <c r="P29994" t="s">
        <v>86</v>
      </c>
      <c r="Q29994">
        <v>11</v>
      </c>
      <c r="R29994">
        <v>11</v>
      </c>
      <c r="S29994">
        <v>11</v>
      </c>
      <c r="T29994">
        <v>12</v>
      </c>
      <c r="U29994">
        <v>12</v>
      </c>
      <c r="V29994">
        <v>12</v>
      </c>
      <c r="W29994">
        <v>12</v>
      </c>
      <c r="X29994">
        <v>13</v>
      </c>
      <c r="Y29994">
        <v>13</v>
      </c>
      <c r="Z29994">
        <v>13</v>
      </c>
      <c r="AA29994">
        <v>14</v>
      </c>
      <c r="AB29994">
        <v>14</v>
      </c>
      <c r="AC29994">
        <v>14</v>
      </c>
      <c r="AD29994">
        <v>15</v>
      </c>
      <c r="AE29994">
        <v>15</v>
      </c>
      <c r="AF29994">
        <v>15</v>
      </c>
      <c r="AG29994">
        <v>16</v>
      </c>
      <c r="AH29994">
        <v>16</v>
      </c>
      <c r="AI29994">
        <v>16</v>
      </c>
      <c r="AJ29994">
        <v>17</v>
      </c>
      <c r="AK29994">
        <v>17</v>
      </c>
      <c r="AL29994">
        <v>17</v>
      </c>
      <c r="AM29994">
        <v>18</v>
      </c>
      <c r="AN29994">
        <v>18</v>
      </c>
      <c r="AO29994">
        <v>18</v>
      </c>
      <c r="AP29994">
        <v>18</v>
      </c>
      <c r="AQ29994">
        <v>18</v>
      </c>
    </row>
    <row r="29995" spans="1:43">
      <c r="A29995" t="s">
        <v>18579</v>
      </c>
      <c r="B29995" t="s">
        <v>18580</v>
      </c>
      <c r="C29995" t="s">
        <v>18581</v>
      </c>
      <c r="D29995" t="s">
        <v>18582</v>
      </c>
      <c r="E29995" t="s">
        <v>18557</v>
      </c>
      <c r="F29995" t="s">
        <v>18558</v>
      </c>
      <c r="G29995" t="s">
        <v>10734</v>
      </c>
      <c r="H29995" t="s">
        <v>10735</v>
      </c>
      <c r="I29995" s="2">
        <v>0</v>
      </c>
      <c r="J29995" s="2">
        <v>1</v>
      </c>
      <c r="K29995" s="2">
        <v>0</v>
      </c>
      <c r="L29995" t="s">
        <v>82</v>
      </c>
      <c r="M29995" t="s">
        <v>87</v>
      </c>
      <c r="N29995" t="s">
        <v>88</v>
      </c>
      <c r="O29995" t="s">
        <v>85</v>
      </c>
      <c r="P29995" t="s">
        <v>86</v>
      </c>
      <c r="Q29995">
        <v>11</v>
      </c>
      <c r="R29995">
        <v>11</v>
      </c>
      <c r="S29995">
        <v>11</v>
      </c>
      <c r="T29995">
        <v>11</v>
      </c>
      <c r="U29995">
        <v>11</v>
      </c>
      <c r="V29995">
        <v>11</v>
      </c>
      <c r="W29995">
        <v>12</v>
      </c>
      <c r="X29995">
        <v>12</v>
      </c>
      <c r="Y29995">
        <v>12</v>
      </c>
      <c r="Z29995">
        <v>12</v>
      </c>
      <c r="AA29995">
        <v>12</v>
      </c>
      <c r="AB29995">
        <v>13</v>
      </c>
      <c r="AC29995">
        <v>13</v>
      </c>
      <c r="AD29995">
        <v>13</v>
      </c>
      <c r="AE29995">
        <v>13</v>
      </c>
      <c r="AF29995">
        <v>13</v>
      </c>
      <c r="AG29995">
        <v>14</v>
      </c>
      <c r="AH29995">
        <v>14</v>
      </c>
      <c r="AI29995">
        <v>14</v>
      </c>
      <c r="AJ29995">
        <v>14</v>
      </c>
      <c r="AK29995">
        <v>15</v>
      </c>
      <c r="AL29995">
        <v>15</v>
      </c>
      <c r="AM29995">
        <v>15</v>
      </c>
      <c r="AN29995">
        <v>15</v>
      </c>
      <c r="AO29995">
        <v>16</v>
      </c>
      <c r="AP29995">
        <v>16</v>
      </c>
      <c r="AQ29995">
        <v>16</v>
      </c>
    </row>
    <row r="29996" spans="1:43">
      <c r="A29996" t="s">
        <v>18579</v>
      </c>
      <c r="B29996" t="s">
        <v>18580</v>
      </c>
      <c r="C29996" t="s">
        <v>18581</v>
      </c>
      <c r="D29996" t="s">
        <v>18582</v>
      </c>
      <c r="E29996" t="s">
        <v>18557</v>
      </c>
      <c r="F29996" t="s">
        <v>18558</v>
      </c>
      <c r="G29996" t="s">
        <v>10734</v>
      </c>
      <c r="H29996" t="s">
        <v>10735</v>
      </c>
      <c r="I29996" s="2">
        <v>0</v>
      </c>
      <c r="J29996" s="2">
        <v>1</v>
      </c>
      <c r="K29996" s="2">
        <v>0</v>
      </c>
      <c r="L29996" t="s">
        <v>82</v>
      </c>
      <c r="M29996" t="s">
        <v>89</v>
      </c>
      <c r="N29996" t="s">
        <v>90</v>
      </c>
      <c r="O29996" t="s">
        <v>85</v>
      </c>
      <c r="P29996" t="s">
        <v>86</v>
      </c>
      <c r="Q29996">
        <v>11</v>
      </c>
      <c r="R29996">
        <v>11</v>
      </c>
      <c r="S29996">
        <v>12</v>
      </c>
      <c r="T29996">
        <v>12</v>
      </c>
      <c r="U29996">
        <v>12</v>
      </c>
      <c r="V29996">
        <v>13</v>
      </c>
      <c r="W29996">
        <v>13</v>
      </c>
      <c r="X29996">
        <v>13</v>
      </c>
      <c r="Y29996">
        <v>14</v>
      </c>
      <c r="Z29996">
        <v>14</v>
      </c>
      <c r="AA29996">
        <v>15</v>
      </c>
      <c r="AB29996">
        <v>15</v>
      </c>
      <c r="AC29996">
        <v>15</v>
      </c>
      <c r="AD29996">
        <v>16</v>
      </c>
      <c r="AE29996">
        <v>16</v>
      </c>
      <c r="AF29996">
        <v>16</v>
      </c>
      <c r="AG29996">
        <v>16</v>
      </c>
      <c r="AH29996">
        <v>17</v>
      </c>
      <c r="AI29996">
        <v>17</v>
      </c>
      <c r="AJ29996">
        <v>17</v>
      </c>
      <c r="AK29996">
        <v>17</v>
      </c>
      <c r="AL29996">
        <v>17</v>
      </c>
      <c r="AM29996">
        <v>18</v>
      </c>
      <c r="AN29996">
        <v>18</v>
      </c>
      <c r="AO29996">
        <v>18</v>
      </c>
      <c r="AP29996">
        <v>18</v>
      </c>
      <c r="AQ29996">
        <v>19</v>
      </c>
    </row>
    <row r="29997" spans="1:43">
      <c r="A29997" t="s">
        <v>18579</v>
      </c>
      <c r="B29997" t="s">
        <v>18580</v>
      </c>
      <c r="C29997" t="s">
        <v>18581</v>
      </c>
      <c r="D29997" t="s">
        <v>18582</v>
      </c>
      <c r="E29997" t="s">
        <v>18557</v>
      </c>
      <c r="F29997" t="s">
        <v>18558</v>
      </c>
      <c r="G29997" t="s">
        <v>10734</v>
      </c>
      <c r="H29997" t="s">
        <v>10735</v>
      </c>
      <c r="I29997" s="2">
        <v>0</v>
      </c>
      <c r="J29997" s="2">
        <v>1</v>
      </c>
      <c r="K29997" s="2">
        <v>0</v>
      </c>
      <c r="L29997" t="s">
        <v>82</v>
      </c>
      <c r="M29997" t="s">
        <v>83</v>
      </c>
      <c r="N29997" t="s">
        <v>91</v>
      </c>
      <c r="O29997" t="s">
        <v>85</v>
      </c>
      <c r="P29997" t="s">
        <v>86</v>
      </c>
      <c r="Q29997">
        <v>11</v>
      </c>
      <c r="R29997">
        <v>11</v>
      </c>
      <c r="S29997">
        <v>11</v>
      </c>
      <c r="T29997">
        <v>12</v>
      </c>
      <c r="U29997">
        <v>12</v>
      </c>
      <c r="V29997">
        <v>12</v>
      </c>
      <c r="W29997">
        <v>12</v>
      </c>
      <c r="X29997">
        <v>13</v>
      </c>
      <c r="Y29997">
        <v>13</v>
      </c>
      <c r="Z29997">
        <v>13</v>
      </c>
      <c r="AA29997">
        <v>14</v>
      </c>
      <c r="AB29997">
        <v>14</v>
      </c>
      <c r="AC29997">
        <v>14</v>
      </c>
      <c r="AD29997">
        <v>15</v>
      </c>
      <c r="AE29997">
        <v>15</v>
      </c>
      <c r="AF29997">
        <v>15</v>
      </c>
      <c r="AG29997">
        <v>16</v>
      </c>
      <c r="AH29997">
        <v>16</v>
      </c>
      <c r="AI29997">
        <v>16</v>
      </c>
      <c r="AJ29997">
        <v>17</v>
      </c>
      <c r="AK29997">
        <v>17</v>
      </c>
      <c r="AL29997">
        <v>17</v>
      </c>
      <c r="AM29997">
        <v>18</v>
      </c>
      <c r="AN29997">
        <v>18</v>
      </c>
      <c r="AO29997">
        <v>18</v>
      </c>
      <c r="AP29997">
        <v>18</v>
      </c>
      <c r="AQ29997">
        <v>18</v>
      </c>
    </row>
    <row r="29998" spans="1:43">
      <c r="A29998" t="s">
        <v>18583</v>
      </c>
      <c r="B29998" t="s">
        <v>18584</v>
      </c>
      <c r="C29998" t="s">
        <v>18581</v>
      </c>
      <c r="D29998" t="s">
        <v>18582</v>
      </c>
      <c r="E29998" t="s">
        <v>18557</v>
      </c>
      <c r="F29998" t="s">
        <v>18558</v>
      </c>
      <c r="G29998" t="s">
        <v>10734</v>
      </c>
      <c r="H29998" t="s">
        <v>10735</v>
      </c>
      <c r="I29998" s="2">
        <v>0</v>
      </c>
      <c r="J29998" s="2">
        <v>1</v>
      </c>
      <c r="K29998" s="2">
        <v>0</v>
      </c>
      <c r="L29998" t="s">
        <v>82</v>
      </c>
      <c r="M29998" t="s">
        <v>83</v>
      </c>
      <c r="N29998" t="s">
        <v>84</v>
      </c>
      <c r="O29998" t="s">
        <v>85</v>
      </c>
      <c r="P29998" t="s">
        <v>86</v>
      </c>
      <c r="Q29998">
        <v>7</v>
      </c>
      <c r="R29998">
        <v>8</v>
      </c>
      <c r="S29998">
        <v>8</v>
      </c>
      <c r="T29998">
        <v>8</v>
      </c>
      <c r="U29998">
        <v>8</v>
      </c>
      <c r="V29998">
        <v>8</v>
      </c>
      <c r="W29998">
        <v>9</v>
      </c>
      <c r="X29998">
        <v>9</v>
      </c>
      <c r="Y29998">
        <v>9</v>
      </c>
      <c r="Z29998">
        <v>9</v>
      </c>
      <c r="AA29998">
        <v>9</v>
      </c>
      <c r="AB29998">
        <v>10</v>
      </c>
      <c r="AC29998">
        <v>10</v>
      </c>
      <c r="AD29998">
        <v>10</v>
      </c>
      <c r="AE29998">
        <v>10</v>
      </c>
      <c r="AF29998">
        <v>11</v>
      </c>
      <c r="AG29998">
        <v>11</v>
      </c>
      <c r="AH29998">
        <v>11</v>
      </c>
      <c r="AI29998">
        <v>11</v>
      </c>
      <c r="AJ29998">
        <v>12</v>
      </c>
      <c r="AK29998">
        <v>12</v>
      </c>
      <c r="AL29998">
        <v>12</v>
      </c>
      <c r="AM29998">
        <v>12</v>
      </c>
      <c r="AN29998">
        <v>12</v>
      </c>
      <c r="AO29998">
        <v>12</v>
      </c>
      <c r="AP29998">
        <v>13</v>
      </c>
      <c r="AQ29998">
        <v>13</v>
      </c>
    </row>
    <row r="29999" spans="1:43">
      <c r="A29999" t="s">
        <v>18583</v>
      </c>
      <c r="B29999" t="s">
        <v>18584</v>
      </c>
      <c r="C29999" t="s">
        <v>18581</v>
      </c>
      <c r="D29999" t="s">
        <v>18582</v>
      </c>
      <c r="E29999" t="s">
        <v>18557</v>
      </c>
      <c r="F29999" t="s">
        <v>18558</v>
      </c>
      <c r="G29999" t="s">
        <v>10734</v>
      </c>
      <c r="H29999" t="s">
        <v>10735</v>
      </c>
      <c r="I29999" s="2">
        <v>0</v>
      </c>
      <c r="J29999" s="2">
        <v>1</v>
      </c>
      <c r="K29999" s="2">
        <v>0</v>
      </c>
      <c r="L29999" t="s">
        <v>82</v>
      </c>
      <c r="M29999" t="s">
        <v>87</v>
      </c>
      <c r="N29999" t="s">
        <v>88</v>
      </c>
      <c r="O29999" t="s">
        <v>85</v>
      </c>
      <c r="P29999" t="s">
        <v>86</v>
      </c>
      <c r="Q29999">
        <v>7</v>
      </c>
      <c r="R29999">
        <v>7</v>
      </c>
      <c r="S29999">
        <v>8</v>
      </c>
      <c r="T29999">
        <v>8</v>
      </c>
      <c r="U29999">
        <v>8</v>
      </c>
      <c r="V29999">
        <v>8</v>
      </c>
      <c r="W29999">
        <v>8</v>
      </c>
      <c r="X29999">
        <v>8</v>
      </c>
      <c r="Y29999">
        <v>8</v>
      </c>
      <c r="Z29999">
        <v>8</v>
      </c>
      <c r="AA29999">
        <v>9</v>
      </c>
      <c r="AB29999">
        <v>9</v>
      </c>
      <c r="AC29999">
        <v>9</v>
      </c>
      <c r="AD29999">
        <v>9</v>
      </c>
      <c r="AE29999">
        <v>9</v>
      </c>
      <c r="AF29999">
        <v>9</v>
      </c>
      <c r="AG29999">
        <v>9</v>
      </c>
      <c r="AH29999">
        <v>10</v>
      </c>
      <c r="AI29999">
        <v>10</v>
      </c>
      <c r="AJ29999">
        <v>10</v>
      </c>
      <c r="AK29999">
        <v>10</v>
      </c>
      <c r="AL29999">
        <v>10</v>
      </c>
      <c r="AM29999">
        <v>10</v>
      </c>
      <c r="AN29999">
        <v>11</v>
      </c>
      <c r="AO29999">
        <v>11</v>
      </c>
      <c r="AP29999">
        <v>11</v>
      </c>
      <c r="AQ29999">
        <v>11</v>
      </c>
    </row>
    <row r="30000" spans="1:43">
      <c r="A30000" t="s">
        <v>18583</v>
      </c>
      <c r="B30000" t="s">
        <v>18584</v>
      </c>
      <c r="C30000" t="s">
        <v>18581</v>
      </c>
      <c r="D30000" t="s">
        <v>18582</v>
      </c>
      <c r="E30000" t="s">
        <v>18557</v>
      </c>
      <c r="F30000" t="s">
        <v>18558</v>
      </c>
      <c r="G30000" t="s">
        <v>10734</v>
      </c>
      <c r="H30000" t="s">
        <v>10735</v>
      </c>
      <c r="I30000" s="2">
        <v>0</v>
      </c>
      <c r="J30000" s="2">
        <v>1</v>
      </c>
      <c r="K30000" s="2">
        <v>0</v>
      </c>
      <c r="L30000" t="s">
        <v>82</v>
      </c>
      <c r="M30000" t="s">
        <v>89</v>
      </c>
      <c r="N30000" t="s">
        <v>90</v>
      </c>
      <c r="O30000" t="s">
        <v>85</v>
      </c>
      <c r="P30000" t="s">
        <v>86</v>
      </c>
      <c r="Q30000">
        <v>7</v>
      </c>
      <c r="R30000">
        <v>8</v>
      </c>
      <c r="S30000">
        <v>8</v>
      </c>
      <c r="T30000">
        <v>8</v>
      </c>
      <c r="U30000">
        <v>8</v>
      </c>
      <c r="V30000">
        <v>9</v>
      </c>
      <c r="W30000">
        <v>9</v>
      </c>
      <c r="X30000">
        <v>9</v>
      </c>
      <c r="Y30000">
        <v>10</v>
      </c>
      <c r="Z30000">
        <v>10</v>
      </c>
      <c r="AA30000">
        <v>10</v>
      </c>
      <c r="AB30000">
        <v>10</v>
      </c>
      <c r="AC30000">
        <v>11</v>
      </c>
      <c r="AD30000">
        <v>11</v>
      </c>
      <c r="AE30000">
        <v>11</v>
      </c>
      <c r="AF30000">
        <v>11</v>
      </c>
      <c r="AG30000">
        <v>11</v>
      </c>
      <c r="AH30000">
        <v>11</v>
      </c>
      <c r="AI30000">
        <v>12</v>
      </c>
      <c r="AJ30000">
        <v>12</v>
      </c>
      <c r="AK30000">
        <v>12</v>
      </c>
      <c r="AL30000">
        <v>12</v>
      </c>
      <c r="AM30000">
        <v>12</v>
      </c>
      <c r="AN30000">
        <v>12</v>
      </c>
      <c r="AO30000">
        <v>12</v>
      </c>
      <c r="AP30000">
        <v>13</v>
      </c>
      <c r="AQ30000">
        <v>13</v>
      </c>
    </row>
    <row r="30001" spans="1:43">
      <c r="A30001" t="s">
        <v>18583</v>
      </c>
      <c r="B30001" t="s">
        <v>18584</v>
      </c>
      <c r="C30001" t="s">
        <v>18581</v>
      </c>
      <c r="D30001" t="s">
        <v>18582</v>
      </c>
      <c r="E30001" t="s">
        <v>18557</v>
      </c>
      <c r="F30001" t="s">
        <v>18558</v>
      </c>
      <c r="G30001" t="s">
        <v>10734</v>
      </c>
      <c r="H30001" t="s">
        <v>10735</v>
      </c>
      <c r="I30001" s="2">
        <v>0</v>
      </c>
      <c r="J30001" s="2">
        <v>1</v>
      </c>
      <c r="K30001" s="2">
        <v>0</v>
      </c>
      <c r="L30001" t="s">
        <v>82</v>
      </c>
      <c r="M30001" t="s">
        <v>83</v>
      </c>
      <c r="N30001" t="s">
        <v>91</v>
      </c>
      <c r="O30001" t="s">
        <v>85</v>
      </c>
      <c r="P30001" t="s">
        <v>86</v>
      </c>
      <c r="Q30001">
        <v>7</v>
      </c>
      <c r="R30001">
        <v>8</v>
      </c>
      <c r="S30001">
        <v>8</v>
      </c>
      <c r="T30001">
        <v>8</v>
      </c>
      <c r="U30001">
        <v>8</v>
      </c>
      <c r="V30001">
        <v>8</v>
      </c>
      <c r="W30001">
        <v>9</v>
      </c>
      <c r="X30001">
        <v>9</v>
      </c>
      <c r="Y30001">
        <v>9</v>
      </c>
      <c r="Z30001">
        <v>9</v>
      </c>
      <c r="AA30001">
        <v>9</v>
      </c>
      <c r="AB30001">
        <v>10</v>
      </c>
      <c r="AC30001">
        <v>10</v>
      </c>
      <c r="AD30001">
        <v>10</v>
      </c>
      <c r="AE30001">
        <v>10</v>
      </c>
      <c r="AF30001">
        <v>11</v>
      </c>
      <c r="AG30001">
        <v>11</v>
      </c>
      <c r="AH30001">
        <v>11</v>
      </c>
      <c r="AI30001">
        <v>11</v>
      </c>
      <c r="AJ30001">
        <v>12</v>
      </c>
      <c r="AK30001">
        <v>12</v>
      </c>
      <c r="AL30001">
        <v>12</v>
      </c>
      <c r="AM30001">
        <v>12</v>
      </c>
      <c r="AN30001">
        <v>12</v>
      </c>
      <c r="AO30001">
        <v>12</v>
      </c>
      <c r="AP30001">
        <v>13</v>
      </c>
      <c r="AQ30001">
        <v>13</v>
      </c>
    </row>
    <row r="30002" spans="1:43">
      <c r="A30002" t="s">
        <v>18585</v>
      </c>
      <c r="B30002" t="s">
        <v>18586</v>
      </c>
      <c r="C30002" t="s">
        <v>18581</v>
      </c>
      <c r="D30002" t="s">
        <v>18582</v>
      </c>
      <c r="E30002" t="s">
        <v>18557</v>
      </c>
      <c r="F30002" t="s">
        <v>18558</v>
      </c>
      <c r="G30002" t="s">
        <v>10734</v>
      </c>
      <c r="H30002" t="s">
        <v>10735</v>
      </c>
      <c r="I30002" s="2">
        <v>0</v>
      </c>
      <c r="J30002" s="2">
        <v>1</v>
      </c>
      <c r="K30002" s="2">
        <v>0</v>
      </c>
      <c r="L30002" t="s">
        <v>82</v>
      </c>
      <c r="M30002" t="s">
        <v>83</v>
      </c>
      <c r="N30002" t="s">
        <v>84</v>
      </c>
      <c r="O30002" t="s">
        <v>85</v>
      </c>
      <c r="P30002" t="s">
        <v>86</v>
      </c>
      <c r="Q30002">
        <v>13</v>
      </c>
      <c r="R30002">
        <v>13</v>
      </c>
      <c r="S30002">
        <v>13</v>
      </c>
      <c r="T30002">
        <v>14</v>
      </c>
      <c r="U30002">
        <v>14</v>
      </c>
      <c r="V30002">
        <v>14</v>
      </c>
      <c r="W30002">
        <v>15</v>
      </c>
      <c r="X30002">
        <v>15</v>
      </c>
      <c r="Y30002">
        <v>16</v>
      </c>
      <c r="Z30002">
        <v>16</v>
      </c>
      <c r="AA30002">
        <v>16</v>
      </c>
      <c r="AB30002">
        <v>17</v>
      </c>
      <c r="AC30002">
        <v>17</v>
      </c>
      <c r="AD30002">
        <v>17</v>
      </c>
      <c r="AE30002">
        <v>18</v>
      </c>
      <c r="AF30002">
        <v>18</v>
      </c>
      <c r="AG30002">
        <v>19</v>
      </c>
      <c r="AH30002">
        <v>19</v>
      </c>
      <c r="AI30002">
        <v>19</v>
      </c>
      <c r="AJ30002">
        <v>20</v>
      </c>
      <c r="AK30002">
        <v>20</v>
      </c>
      <c r="AL30002">
        <v>21</v>
      </c>
      <c r="AM30002">
        <v>21</v>
      </c>
      <c r="AN30002">
        <v>21</v>
      </c>
      <c r="AO30002">
        <v>21</v>
      </c>
      <c r="AP30002">
        <v>22</v>
      </c>
      <c r="AQ30002">
        <v>22</v>
      </c>
    </row>
    <row r="30003" spans="1:43">
      <c r="A30003" t="s">
        <v>18585</v>
      </c>
      <c r="B30003" t="s">
        <v>18586</v>
      </c>
      <c r="C30003" t="s">
        <v>18581</v>
      </c>
      <c r="D30003" t="s">
        <v>18582</v>
      </c>
      <c r="E30003" t="s">
        <v>18557</v>
      </c>
      <c r="F30003" t="s">
        <v>18558</v>
      </c>
      <c r="G30003" t="s">
        <v>10734</v>
      </c>
      <c r="H30003" t="s">
        <v>10735</v>
      </c>
      <c r="I30003" s="2">
        <v>0</v>
      </c>
      <c r="J30003" s="2">
        <v>1</v>
      </c>
      <c r="K30003" s="2">
        <v>0</v>
      </c>
      <c r="L30003" t="s">
        <v>82</v>
      </c>
      <c r="M30003" t="s">
        <v>87</v>
      </c>
      <c r="N30003" t="s">
        <v>88</v>
      </c>
      <c r="O30003" t="s">
        <v>85</v>
      </c>
      <c r="P30003" t="s">
        <v>86</v>
      </c>
      <c r="Q30003">
        <v>13</v>
      </c>
      <c r="R30003">
        <v>13</v>
      </c>
      <c r="S30003">
        <v>13</v>
      </c>
      <c r="T30003">
        <v>13</v>
      </c>
      <c r="U30003">
        <v>13</v>
      </c>
      <c r="V30003">
        <v>14</v>
      </c>
      <c r="W30003">
        <v>14</v>
      </c>
      <c r="X30003">
        <v>14</v>
      </c>
      <c r="Y30003">
        <v>14</v>
      </c>
      <c r="Z30003">
        <v>15</v>
      </c>
      <c r="AA30003">
        <v>15</v>
      </c>
      <c r="AB30003">
        <v>15</v>
      </c>
      <c r="AC30003">
        <v>15</v>
      </c>
      <c r="AD30003">
        <v>16</v>
      </c>
      <c r="AE30003">
        <v>16</v>
      </c>
      <c r="AF30003">
        <v>16</v>
      </c>
      <c r="AG30003">
        <v>16</v>
      </c>
      <c r="AH30003">
        <v>17</v>
      </c>
      <c r="AI30003">
        <v>17</v>
      </c>
      <c r="AJ30003">
        <v>17</v>
      </c>
      <c r="AK30003">
        <v>17</v>
      </c>
      <c r="AL30003">
        <v>18</v>
      </c>
      <c r="AM30003">
        <v>18</v>
      </c>
      <c r="AN30003">
        <v>18</v>
      </c>
      <c r="AO30003">
        <v>18</v>
      </c>
      <c r="AP30003">
        <v>19</v>
      </c>
      <c r="AQ30003">
        <v>19</v>
      </c>
    </row>
    <row r="30004" spans="1:43">
      <c r="A30004" t="s">
        <v>18585</v>
      </c>
      <c r="B30004" t="s">
        <v>18586</v>
      </c>
      <c r="C30004" t="s">
        <v>18581</v>
      </c>
      <c r="D30004" t="s">
        <v>18582</v>
      </c>
      <c r="E30004" t="s">
        <v>18557</v>
      </c>
      <c r="F30004" t="s">
        <v>18558</v>
      </c>
      <c r="G30004" t="s">
        <v>10734</v>
      </c>
      <c r="H30004" t="s">
        <v>10735</v>
      </c>
      <c r="I30004" s="2">
        <v>0</v>
      </c>
      <c r="J30004" s="2">
        <v>1</v>
      </c>
      <c r="K30004" s="2">
        <v>0</v>
      </c>
      <c r="L30004" t="s">
        <v>82</v>
      </c>
      <c r="M30004" t="s">
        <v>89</v>
      </c>
      <c r="N30004" t="s">
        <v>90</v>
      </c>
      <c r="O30004" t="s">
        <v>85</v>
      </c>
      <c r="P30004" t="s">
        <v>86</v>
      </c>
      <c r="Q30004">
        <v>13</v>
      </c>
      <c r="R30004">
        <v>13</v>
      </c>
      <c r="S30004">
        <v>14</v>
      </c>
      <c r="T30004">
        <v>14</v>
      </c>
      <c r="U30004">
        <v>15</v>
      </c>
      <c r="V30004">
        <v>15</v>
      </c>
      <c r="W30004">
        <v>16</v>
      </c>
      <c r="X30004">
        <v>16</v>
      </c>
      <c r="Y30004">
        <v>16</v>
      </c>
      <c r="Z30004">
        <v>17</v>
      </c>
      <c r="AA30004">
        <v>17</v>
      </c>
      <c r="AB30004">
        <v>18</v>
      </c>
      <c r="AC30004">
        <v>18</v>
      </c>
      <c r="AD30004">
        <v>19</v>
      </c>
      <c r="AE30004">
        <v>19</v>
      </c>
      <c r="AF30004">
        <v>19</v>
      </c>
      <c r="AG30004">
        <v>20</v>
      </c>
      <c r="AH30004">
        <v>20</v>
      </c>
      <c r="AI30004">
        <v>20</v>
      </c>
      <c r="AJ30004">
        <v>20</v>
      </c>
      <c r="AK30004">
        <v>21</v>
      </c>
      <c r="AL30004">
        <v>21</v>
      </c>
      <c r="AM30004">
        <v>21</v>
      </c>
      <c r="AN30004">
        <v>21</v>
      </c>
      <c r="AO30004">
        <v>22</v>
      </c>
      <c r="AP30004">
        <v>22</v>
      </c>
      <c r="AQ30004">
        <v>22</v>
      </c>
    </row>
    <row r="30005" spans="1:43">
      <c r="A30005" t="s">
        <v>18585</v>
      </c>
      <c r="B30005" t="s">
        <v>18586</v>
      </c>
      <c r="C30005" t="s">
        <v>18581</v>
      </c>
      <c r="D30005" t="s">
        <v>18582</v>
      </c>
      <c r="E30005" t="s">
        <v>18557</v>
      </c>
      <c r="F30005" t="s">
        <v>18558</v>
      </c>
      <c r="G30005" t="s">
        <v>10734</v>
      </c>
      <c r="H30005" t="s">
        <v>10735</v>
      </c>
      <c r="I30005" s="2">
        <v>0</v>
      </c>
      <c r="J30005" s="2">
        <v>1</v>
      </c>
      <c r="K30005" s="2">
        <v>0</v>
      </c>
      <c r="L30005" t="s">
        <v>82</v>
      </c>
      <c r="M30005" t="s">
        <v>83</v>
      </c>
      <c r="N30005" t="s">
        <v>91</v>
      </c>
      <c r="O30005" t="s">
        <v>85</v>
      </c>
      <c r="P30005" t="s">
        <v>86</v>
      </c>
      <c r="Q30005">
        <v>13</v>
      </c>
      <c r="R30005">
        <v>13</v>
      </c>
      <c r="S30005">
        <v>13</v>
      </c>
      <c r="T30005">
        <v>14</v>
      </c>
      <c r="U30005">
        <v>14</v>
      </c>
      <c r="V30005">
        <v>14</v>
      </c>
      <c r="W30005">
        <v>15</v>
      </c>
      <c r="X30005">
        <v>15</v>
      </c>
      <c r="Y30005">
        <v>16</v>
      </c>
      <c r="Z30005">
        <v>16</v>
      </c>
      <c r="AA30005">
        <v>16</v>
      </c>
      <c r="AB30005">
        <v>17</v>
      </c>
      <c r="AC30005">
        <v>17</v>
      </c>
      <c r="AD30005">
        <v>17</v>
      </c>
      <c r="AE30005">
        <v>18</v>
      </c>
      <c r="AF30005">
        <v>18</v>
      </c>
      <c r="AG30005">
        <v>19</v>
      </c>
      <c r="AH30005">
        <v>19</v>
      </c>
      <c r="AI30005">
        <v>19</v>
      </c>
      <c r="AJ30005">
        <v>20</v>
      </c>
      <c r="AK30005">
        <v>20</v>
      </c>
      <c r="AL30005">
        <v>21</v>
      </c>
      <c r="AM30005">
        <v>21</v>
      </c>
      <c r="AN30005">
        <v>21</v>
      </c>
      <c r="AO30005">
        <v>21</v>
      </c>
      <c r="AP30005">
        <v>22</v>
      </c>
      <c r="AQ30005">
        <v>22</v>
      </c>
    </row>
    <row r="30006" spans="1:43">
      <c r="A30006" t="s">
        <v>18587</v>
      </c>
      <c r="B30006" t="s">
        <v>18588</v>
      </c>
      <c r="C30006" t="s">
        <v>18581</v>
      </c>
      <c r="D30006" t="s">
        <v>18582</v>
      </c>
      <c r="E30006" t="s">
        <v>18557</v>
      </c>
      <c r="F30006" t="s">
        <v>18558</v>
      </c>
      <c r="G30006" t="s">
        <v>10734</v>
      </c>
      <c r="H30006" t="s">
        <v>10735</v>
      </c>
      <c r="I30006" s="2">
        <v>0</v>
      </c>
      <c r="J30006" s="2">
        <v>1</v>
      </c>
      <c r="K30006" s="2">
        <v>0</v>
      </c>
      <c r="L30006" t="s">
        <v>82</v>
      </c>
      <c r="M30006" t="s">
        <v>83</v>
      </c>
      <c r="N30006" t="s">
        <v>84</v>
      </c>
      <c r="O30006" t="s">
        <v>85</v>
      </c>
      <c r="P30006" t="s">
        <v>86</v>
      </c>
      <c r="Q30006">
        <v>11</v>
      </c>
      <c r="R30006">
        <v>11</v>
      </c>
      <c r="S30006">
        <v>11</v>
      </c>
      <c r="T30006">
        <v>11</v>
      </c>
      <c r="U30006">
        <v>12</v>
      </c>
      <c r="V30006">
        <v>12</v>
      </c>
      <c r="W30006">
        <v>12</v>
      </c>
      <c r="X30006">
        <v>13</v>
      </c>
      <c r="Y30006">
        <v>13</v>
      </c>
      <c r="Z30006">
        <v>13</v>
      </c>
      <c r="AA30006">
        <v>14</v>
      </c>
      <c r="AB30006">
        <v>14</v>
      </c>
      <c r="AC30006">
        <v>14</v>
      </c>
      <c r="AD30006">
        <v>15</v>
      </c>
      <c r="AE30006">
        <v>15</v>
      </c>
      <c r="AF30006">
        <v>15</v>
      </c>
      <c r="AG30006">
        <v>16</v>
      </c>
      <c r="AH30006">
        <v>16</v>
      </c>
      <c r="AI30006">
        <v>16</v>
      </c>
      <c r="AJ30006">
        <v>17</v>
      </c>
      <c r="AK30006">
        <v>17</v>
      </c>
      <c r="AL30006">
        <v>17</v>
      </c>
      <c r="AM30006">
        <v>17</v>
      </c>
      <c r="AN30006">
        <v>18</v>
      </c>
      <c r="AO30006">
        <v>18</v>
      </c>
      <c r="AP30006">
        <v>18</v>
      </c>
      <c r="AQ30006">
        <v>18</v>
      </c>
    </row>
    <row r="30007" spans="1:43">
      <c r="A30007" t="s">
        <v>18587</v>
      </c>
      <c r="B30007" t="s">
        <v>18588</v>
      </c>
      <c r="C30007" t="s">
        <v>18581</v>
      </c>
      <c r="D30007" t="s">
        <v>18582</v>
      </c>
      <c r="E30007" t="s">
        <v>18557</v>
      </c>
      <c r="F30007" t="s">
        <v>18558</v>
      </c>
      <c r="G30007" t="s">
        <v>10734</v>
      </c>
      <c r="H30007" t="s">
        <v>10735</v>
      </c>
      <c r="I30007" s="2">
        <v>0</v>
      </c>
      <c r="J30007" s="2">
        <v>1</v>
      </c>
      <c r="K30007" s="2">
        <v>0</v>
      </c>
      <c r="L30007" t="s">
        <v>82</v>
      </c>
      <c r="M30007" t="s">
        <v>87</v>
      </c>
      <c r="N30007" t="s">
        <v>88</v>
      </c>
      <c r="O30007" t="s">
        <v>85</v>
      </c>
      <c r="P30007" t="s">
        <v>86</v>
      </c>
      <c r="Q30007">
        <v>11</v>
      </c>
      <c r="R30007">
        <v>11</v>
      </c>
      <c r="S30007">
        <v>11</v>
      </c>
      <c r="T30007">
        <v>11</v>
      </c>
      <c r="U30007">
        <v>11</v>
      </c>
      <c r="V30007">
        <v>11</v>
      </c>
      <c r="W30007">
        <v>12</v>
      </c>
      <c r="X30007">
        <v>12</v>
      </c>
      <c r="Y30007">
        <v>12</v>
      </c>
      <c r="Z30007">
        <v>12</v>
      </c>
      <c r="AA30007">
        <v>12</v>
      </c>
      <c r="AB30007">
        <v>13</v>
      </c>
      <c r="AC30007">
        <v>13</v>
      </c>
      <c r="AD30007">
        <v>13</v>
      </c>
      <c r="AE30007">
        <v>13</v>
      </c>
      <c r="AF30007">
        <v>13</v>
      </c>
      <c r="AG30007">
        <v>14</v>
      </c>
      <c r="AH30007">
        <v>14</v>
      </c>
      <c r="AI30007">
        <v>14</v>
      </c>
      <c r="AJ30007">
        <v>14</v>
      </c>
      <c r="AK30007">
        <v>14</v>
      </c>
      <c r="AL30007">
        <v>15</v>
      </c>
      <c r="AM30007">
        <v>15</v>
      </c>
      <c r="AN30007">
        <v>15</v>
      </c>
      <c r="AO30007">
        <v>15</v>
      </c>
      <c r="AP30007">
        <v>16</v>
      </c>
      <c r="AQ30007">
        <v>16</v>
      </c>
    </row>
    <row r="30008" spans="1:43">
      <c r="A30008" t="s">
        <v>18587</v>
      </c>
      <c r="B30008" t="s">
        <v>18588</v>
      </c>
      <c r="C30008" t="s">
        <v>18581</v>
      </c>
      <c r="D30008" t="s">
        <v>18582</v>
      </c>
      <c r="E30008" t="s">
        <v>18557</v>
      </c>
      <c r="F30008" t="s">
        <v>18558</v>
      </c>
      <c r="G30008" t="s">
        <v>10734</v>
      </c>
      <c r="H30008" t="s">
        <v>10735</v>
      </c>
      <c r="I30008" s="2">
        <v>0</v>
      </c>
      <c r="J30008" s="2">
        <v>1</v>
      </c>
      <c r="K30008" s="2">
        <v>0</v>
      </c>
      <c r="L30008" t="s">
        <v>82</v>
      </c>
      <c r="M30008" t="s">
        <v>89</v>
      </c>
      <c r="N30008" t="s">
        <v>90</v>
      </c>
      <c r="O30008" t="s">
        <v>85</v>
      </c>
      <c r="P30008" t="s">
        <v>86</v>
      </c>
      <c r="Q30008">
        <v>11</v>
      </c>
      <c r="R30008">
        <v>11</v>
      </c>
      <c r="S30008">
        <v>11</v>
      </c>
      <c r="T30008">
        <v>12</v>
      </c>
      <c r="U30008">
        <v>12</v>
      </c>
      <c r="V30008">
        <v>13</v>
      </c>
      <c r="W30008">
        <v>13</v>
      </c>
      <c r="X30008">
        <v>13</v>
      </c>
      <c r="Y30008">
        <v>14</v>
      </c>
      <c r="Z30008">
        <v>14</v>
      </c>
      <c r="AA30008">
        <v>14</v>
      </c>
      <c r="AB30008">
        <v>15</v>
      </c>
      <c r="AC30008">
        <v>15</v>
      </c>
      <c r="AD30008">
        <v>16</v>
      </c>
      <c r="AE30008">
        <v>16</v>
      </c>
      <c r="AF30008">
        <v>16</v>
      </c>
      <c r="AG30008">
        <v>16</v>
      </c>
      <c r="AH30008">
        <v>17</v>
      </c>
      <c r="AI30008">
        <v>17</v>
      </c>
      <c r="AJ30008">
        <v>17</v>
      </c>
      <c r="AK30008">
        <v>17</v>
      </c>
      <c r="AL30008">
        <v>17</v>
      </c>
      <c r="AM30008">
        <v>18</v>
      </c>
      <c r="AN30008">
        <v>18</v>
      </c>
      <c r="AO30008">
        <v>18</v>
      </c>
      <c r="AP30008">
        <v>18</v>
      </c>
      <c r="AQ30008">
        <v>18</v>
      </c>
    </row>
    <row r="30009" spans="1:43">
      <c r="A30009" t="s">
        <v>18587</v>
      </c>
      <c r="B30009" t="s">
        <v>18588</v>
      </c>
      <c r="C30009" t="s">
        <v>18581</v>
      </c>
      <c r="D30009" t="s">
        <v>18582</v>
      </c>
      <c r="E30009" t="s">
        <v>18557</v>
      </c>
      <c r="F30009" t="s">
        <v>18558</v>
      </c>
      <c r="G30009" t="s">
        <v>10734</v>
      </c>
      <c r="H30009" t="s">
        <v>10735</v>
      </c>
      <c r="I30009" s="2">
        <v>0</v>
      </c>
      <c r="J30009" s="2">
        <v>1</v>
      </c>
      <c r="K30009" s="2">
        <v>0</v>
      </c>
      <c r="L30009" t="s">
        <v>82</v>
      </c>
      <c r="M30009" t="s">
        <v>83</v>
      </c>
      <c r="N30009" t="s">
        <v>91</v>
      </c>
      <c r="O30009" t="s">
        <v>85</v>
      </c>
      <c r="P30009" t="s">
        <v>86</v>
      </c>
      <c r="Q30009">
        <v>11</v>
      </c>
      <c r="R30009">
        <v>11</v>
      </c>
      <c r="S30009">
        <v>11</v>
      </c>
      <c r="T30009">
        <v>11</v>
      </c>
      <c r="U30009">
        <v>12</v>
      </c>
      <c r="V30009">
        <v>12</v>
      </c>
      <c r="W30009">
        <v>12</v>
      </c>
      <c r="X30009">
        <v>13</v>
      </c>
      <c r="Y30009">
        <v>13</v>
      </c>
      <c r="Z30009">
        <v>13</v>
      </c>
      <c r="AA30009">
        <v>14</v>
      </c>
      <c r="AB30009">
        <v>14</v>
      </c>
      <c r="AC30009">
        <v>14</v>
      </c>
      <c r="AD30009">
        <v>15</v>
      </c>
      <c r="AE30009">
        <v>15</v>
      </c>
      <c r="AF30009">
        <v>15</v>
      </c>
      <c r="AG30009">
        <v>16</v>
      </c>
      <c r="AH30009">
        <v>16</v>
      </c>
      <c r="AI30009">
        <v>16</v>
      </c>
      <c r="AJ30009">
        <v>17</v>
      </c>
      <c r="AK30009">
        <v>17</v>
      </c>
      <c r="AL30009">
        <v>17</v>
      </c>
      <c r="AM30009">
        <v>17</v>
      </c>
      <c r="AN30009">
        <v>18</v>
      </c>
      <c r="AO30009">
        <v>18</v>
      </c>
      <c r="AP30009">
        <v>18</v>
      </c>
      <c r="AQ30009">
        <v>18</v>
      </c>
    </row>
    <row r="30010" spans="1:43">
      <c r="A30010" t="s">
        <v>18589</v>
      </c>
      <c r="B30010" t="s">
        <v>18590</v>
      </c>
      <c r="C30010" t="s">
        <v>18591</v>
      </c>
      <c r="D30010" t="s">
        <v>18592</v>
      </c>
      <c r="E30010" t="s">
        <v>18557</v>
      </c>
      <c r="F30010" t="s">
        <v>18558</v>
      </c>
      <c r="G30010" t="s">
        <v>10734</v>
      </c>
      <c r="H30010" t="s">
        <v>10735</v>
      </c>
      <c r="I30010" s="2">
        <v>0</v>
      </c>
      <c r="J30010" s="2">
        <v>0</v>
      </c>
      <c r="K30010" s="2">
        <v>1</v>
      </c>
      <c r="L30010" t="s">
        <v>995</v>
      </c>
      <c r="M30010" t="s">
        <v>83</v>
      </c>
      <c r="N30010" t="s">
        <v>84</v>
      </c>
      <c r="O30010" t="s">
        <v>85</v>
      </c>
      <c r="P30010" t="s">
        <v>86</v>
      </c>
      <c r="Q30010">
        <v>20</v>
      </c>
      <c r="R30010">
        <v>21</v>
      </c>
      <c r="S30010">
        <v>21</v>
      </c>
      <c r="T30010">
        <v>22</v>
      </c>
      <c r="U30010">
        <v>22</v>
      </c>
      <c r="V30010">
        <v>23</v>
      </c>
      <c r="W30010">
        <v>23</v>
      </c>
      <c r="X30010">
        <v>24</v>
      </c>
      <c r="Y30010">
        <v>25</v>
      </c>
      <c r="Z30010">
        <v>25</v>
      </c>
      <c r="AA30010">
        <v>26</v>
      </c>
      <c r="AB30010">
        <v>26</v>
      </c>
      <c r="AC30010">
        <v>27</v>
      </c>
      <c r="AD30010">
        <v>28</v>
      </c>
      <c r="AE30010">
        <v>28</v>
      </c>
      <c r="AF30010">
        <v>29</v>
      </c>
      <c r="AG30010">
        <v>29</v>
      </c>
      <c r="AH30010">
        <v>30</v>
      </c>
      <c r="AI30010">
        <v>31</v>
      </c>
      <c r="AJ30010">
        <v>31</v>
      </c>
      <c r="AK30010">
        <v>32</v>
      </c>
      <c r="AL30010">
        <v>33</v>
      </c>
      <c r="AM30010">
        <v>33</v>
      </c>
      <c r="AN30010">
        <v>33</v>
      </c>
      <c r="AO30010">
        <v>34</v>
      </c>
      <c r="AP30010">
        <v>34</v>
      </c>
      <c r="AQ30010">
        <v>35</v>
      </c>
    </row>
    <row r="30011" spans="1:43">
      <c r="A30011" t="s">
        <v>18589</v>
      </c>
      <c r="B30011" t="s">
        <v>18590</v>
      </c>
      <c r="C30011" t="s">
        <v>18591</v>
      </c>
      <c r="D30011" t="s">
        <v>18592</v>
      </c>
      <c r="E30011" t="s">
        <v>18557</v>
      </c>
      <c r="F30011" t="s">
        <v>18558</v>
      </c>
      <c r="G30011" t="s">
        <v>10734</v>
      </c>
      <c r="H30011" t="s">
        <v>10735</v>
      </c>
      <c r="I30011" s="2">
        <v>0</v>
      </c>
      <c r="J30011" s="2">
        <v>0</v>
      </c>
      <c r="K30011" s="2">
        <v>1</v>
      </c>
      <c r="L30011" t="s">
        <v>995</v>
      </c>
      <c r="M30011" t="s">
        <v>87</v>
      </c>
      <c r="N30011" t="s">
        <v>88</v>
      </c>
      <c r="O30011" t="s">
        <v>85</v>
      </c>
      <c r="P30011" t="s">
        <v>86</v>
      </c>
      <c r="Q30011">
        <v>20</v>
      </c>
      <c r="R30011">
        <v>20</v>
      </c>
      <c r="S30011">
        <v>21</v>
      </c>
      <c r="T30011">
        <v>21</v>
      </c>
      <c r="U30011">
        <v>21</v>
      </c>
      <c r="V30011">
        <v>22</v>
      </c>
      <c r="W30011">
        <v>22</v>
      </c>
      <c r="X30011">
        <v>22</v>
      </c>
      <c r="Y30011">
        <v>23</v>
      </c>
      <c r="Z30011">
        <v>23</v>
      </c>
      <c r="AA30011">
        <v>23</v>
      </c>
      <c r="AB30011">
        <v>24</v>
      </c>
      <c r="AC30011">
        <v>24</v>
      </c>
      <c r="AD30011">
        <v>25</v>
      </c>
      <c r="AE30011">
        <v>25</v>
      </c>
      <c r="AF30011">
        <v>25</v>
      </c>
      <c r="AG30011">
        <v>26</v>
      </c>
      <c r="AH30011">
        <v>26</v>
      </c>
      <c r="AI30011">
        <v>27</v>
      </c>
      <c r="AJ30011">
        <v>27</v>
      </c>
      <c r="AK30011">
        <v>27</v>
      </c>
      <c r="AL30011">
        <v>28</v>
      </c>
      <c r="AM30011">
        <v>28</v>
      </c>
      <c r="AN30011">
        <v>29</v>
      </c>
      <c r="AO30011">
        <v>29</v>
      </c>
      <c r="AP30011">
        <v>30</v>
      </c>
      <c r="AQ30011">
        <v>30</v>
      </c>
    </row>
    <row r="30012" spans="1:43">
      <c r="A30012" t="s">
        <v>18589</v>
      </c>
      <c r="B30012" t="s">
        <v>18590</v>
      </c>
      <c r="C30012" t="s">
        <v>18591</v>
      </c>
      <c r="D30012" t="s">
        <v>18592</v>
      </c>
      <c r="E30012" t="s">
        <v>18557</v>
      </c>
      <c r="F30012" t="s">
        <v>18558</v>
      </c>
      <c r="G30012" t="s">
        <v>10734</v>
      </c>
      <c r="H30012" t="s">
        <v>10735</v>
      </c>
      <c r="I30012" s="2">
        <v>0</v>
      </c>
      <c r="J30012" s="2">
        <v>0</v>
      </c>
      <c r="K30012" s="2">
        <v>1</v>
      </c>
      <c r="L30012" t="s">
        <v>995</v>
      </c>
      <c r="M30012" t="s">
        <v>89</v>
      </c>
      <c r="N30012" t="s">
        <v>90</v>
      </c>
      <c r="O30012" t="s">
        <v>85</v>
      </c>
      <c r="P30012" t="s">
        <v>86</v>
      </c>
      <c r="Q30012">
        <v>20</v>
      </c>
      <c r="R30012">
        <v>21</v>
      </c>
      <c r="S30012">
        <v>22</v>
      </c>
      <c r="T30012">
        <v>22</v>
      </c>
      <c r="U30012">
        <v>23</v>
      </c>
      <c r="V30012">
        <v>24</v>
      </c>
      <c r="W30012">
        <v>25</v>
      </c>
      <c r="X30012">
        <v>25</v>
      </c>
      <c r="Y30012">
        <v>26</v>
      </c>
      <c r="Z30012">
        <v>27</v>
      </c>
      <c r="AA30012">
        <v>27</v>
      </c>
      <c r="AB30012">
        <v>28</v>
      </c>
      <c r="AC30012">
        <v>29</v>
      </c>
      <c r="AD30012">
        <v>30</v>
      </c>
      <c r="AE30012">
        <v>30</v>
      </c>
      <c r="AF30012">
        <v>30</v>
      </c>
      <c r="AG30012">
        <v>31</v>
      </c>
      <c r="AH30012">
        <v>31</v>
      </c>
      <c r="AI30012">
        <v>32</v>
      </c>
      <c r="AJ30012">
        <v>32</v>
      </c>
      <c r="AK30012">
        <v>32</v>
      </c>
      <c r="AL30012">
        <v>33</v>
      </c>
      <c r="AM30012">
        <v>33</v>
      </c>
      <c r="AN30012">
        <v>34</v>
      </c>
      <c r="AO30012">
        <v>34</v>
      </c>
      <c r="AP30012">
        <v>34</v>
      </c>
      <c r="AQ30012">
        <v>35</v>
      </c>
    </row>
    <row r="30013" spans="1:43">
      <c r="A30013" t="s">
        <v>18589</v>
      </c>
      <c r="B30013" t="s">
        <v>18590</v>
      </c>
      <c r="C30013" t="s">
        <v>18591</v>
      </c>
      <c r="D30013" t="s">
        <v>18592</v>
      </c>
      <c r="E30013" t="s">
        <v>18557</v>
      </c>
      <c r="F30013" t="s">
        <v>18558</v>
      </c>
      <c r="G30013" t="s">
        <v>10734</v>
      </c>
      <c r="H30013" t="s">
        <v>10735</v>
      </c>
      <c r="I30013" s="2">
        <v>0</v>
      </c>
      <c r="J30013" s="2">
        <v>0</v>
      </c>
      <c r="K30013" s="2">
        <v>1</v>
      </c>
      <c r="L30013" t="s">
        <v>995</v>
      </c>
      <c r="M30013" t="s">
        <v>83</v>
      </c>
      <c r="N30013" t="s">
        <v>91</v>
      </c>
      <c r="O30013" t="s">
        <v>85</v>
      </c>
      <c r="P30013" t="s">
        <v>86</v>
      </c>
      <c r="Q30013">
        <v>20</v>
      </c>
      <c r="R30013">
        <v>21</v>
      </c>
      <c r="S30013">
        <v>21</v>
      </c>
      <c r="T30013">
        <v>22</v>
      </c>
      <c r="U30013">
        <v>22</v>
      </c>
      <c r="V30013">
        <v>23</v>
      </c>
      <c r="W30013">
        <v>23</v>
      </c>
      <c r="X30013">
        <v>24</v>
      </c>
      <c r="Y30013">
        <v>25</v>
      </c>
      <c r="Z30013">
        <v>25</v>
      </c>
      <c r="AA30013">
        <v>26</v>
      </c>
      <c r="AB30013">
        <v>26</v>
      </c>
      <c r="AC30013">
        <v>27</v>
      </c>
      <c r="AD30013">
        <v>28</v>
      </c>
      <c r="AE30013">
        <v>28</v>
      </c>
      <c r="AF30013">
        <v>29</v>
      </c>
      <c r="AG30013">
        <v>29</v>
      </c>
      <c r="AH30013">
        <v>30</v>
      </c>
      <c r="AI30013">
        <v>31</v>
      </c>
      <c r="AJ30013">
        <v>31</v>
      </c>
      <c r="AK30013">
        <v>32</v>
      </c>
      <c r="AL30013">
        <v>33</v>
      </c>
      <c r="AM30013">
        <v>33</v>
      </c>
      <c r="AN30013">
        <v>33</v>
      </c>
      <c r="AO30013">
        <v>34</v>
      </c>
      <c r="AP30013">
        <v>34</v>
      </c>
      <c r="AQ30013">
        <v>35</v>
      </c>
    </row>
    <row r="30014" spans="1:43">
      <c r="A30014" t="s">
        <v>18593</v>
      </c>
      <c r="B30014" t="s">
        <v>18594</v>
      </c>
      <c r="C30014" t="s">
        <v>18591</v>
      </c>
      <c r="D30014" t="s">
        <v>18592</v>
      </c>
      <c r="E30014" t="s">
        <v>18557</v>
      </c>
      <c r="F30014" t="s">
        <v>18558</v>
      </c>
      <c r="G30014" t="s">
        <v>10734</v>
      </c>
      <c r="H30014" t="s">
        <v>10735</v>
      </c>
      <c r="I30014" s="2">
        <v>0</v>
      </c>
      <c r="J30014" s="2">
        <v>0.99</v>
      </c>
      <c r="K30014" s="2">
        <v>0.01</v>
      </c>
      <c r="L30014" t="s">
        <v>82</v>
      </c>
      <c r="M30014" t="s">
        <v>83</v>
      </c>
      <c r="N30014" t="s">
        <v>84</v>
      </c>
      <c r="O30014" t="s">
        <v>85</v>
      </c>
      <c r="P30014" t="s">
        <v>86</v>
      </c>
      <c r="Q30014">
        <v>11</v>
      </c>
      <c r="R30014">
        <v>11</v>
      </c>
      <c r="S30014">
        <v>12</v>
      </c>
      <c r="T30014">
        <v>12</v>
      </c>
      <c r="U30014">
        <v>12</v>
      </c>
      <c r="V30014">
        <v>12</v>
      </c>
      <c r="W30014">
        <v>13</v>
      </c>
      <c r="X30014">
        <v>13</v>
      </c>
      <c r="Y30014">
        <v>13</v>
      </c>
      <c r="Z30014">
        <v>14</v>
      </c>
      <c r="AA30014">
        <v>14</v>
      </c>
      <c r="AB30014">
        <v>14</v>
      </c>
      <c r="AC30014">
        <v>15</v>
      </c>
      <c r="AD30014">
        <v>15</v>
      </c>
      <c r="AE30014">
        <v>15</v>
      </c>
      <c r="AF30014">
        <v>16</v>
      </c>
      <c r="AG30014">
        <v>16</v>
      </c>
      <c r="AH30014">
        <v>16</v>
      </c>
      <c r="AI30014">
        <v>17</v>
      </c>
      <c r="AJ30014">
        <v>17</v>
      </c>
      <c r="AK30014">
        <v>18</v>
      </c>
      <c r="AL30014">
        <v>18</v>
      </c>
      <c r="AM30014">
        <v>18</v>
      </c>
      <c r="AN30014">
        <v>18</v>
      </c>
      <c r="AO30014">
        <v>18</v>
      </c>
      <c r="AP30014">
        <v>19</v>
      </c>
      <c r="AQ30014">
        <v>19</v>
      </c>
    </row>
    <row r="30015" spans="1:43">
      <c r="A30015" t="s">
        <v>18593</v>
      </c>
      <c r="B30015" t="s">
        <v>18594</v>
      </c>
      <c r="C30015" t="s">
        <v>18591</v>
      </c>
      <c r="D30015" t="s">
        <v>18592</v>
      </c>
      <c r="E30015" t="s">
        <v>18557</v>
      </c>
      <c r="F30015" t="s">
        <v>18558</v>
      </c>
      <c r="G30015" t="s">
        <v>10734</v>
      </c>
      <c r="H30015" t="s">
        <v>10735</v>
      </c>
      <c r="I30015" s="2">
        <v>0</v>
      </c>
      <c r="J30015" s="2">
        <v>0.99</v>
      </c>
      <c r="K30015" s="2">
        <v>0.01</v>
      </c>
      <c r="L30015" t="s">
        <v>82</v>
      </c>
      <c r="M30015" t="s">
        <v>87</v>
      </c>
      <c r="N30015" t="s">
        <v>88</v>
      </c>
      <c r="O30015" t="s">
        <v>85</v>
      </c>
      <c r="P30015" t="s">
        <v>86</v>
      </c>
      <c r="Q30015">
        <v>11</v>
      </c>
      <c r="R30015">
        <v>11</v>
      </c>
      <c r="S30015">
        <v>11</v>
      </c>
      <c r="T30015">
        <v>11</v>
      </c>
      <c r="U30015">
        <v>12</v>
      </c>
      <c r="V30015">
        <v>12</v>
      </c>
      <c r="W30015">
        <v>12</v>
      </c>
      <c r="X30015">
        <v>12</v>
      </c>
      <c r="Y30015">
        <v>12</v>
      </c>
      <c r="Z30015">
        <v>13</v>
      </c>
      <c r="AA30015">
        <v>13</v>
      </c>
      <c r="AB30015">
        <v>13</v>
      </c>
      <c r="AC30015">
        <v>13</v>
      </c>
      <c r="AD30015">
        <v>13</v>
      </c>
      <c r="AE30015">
        <v>14</v>
      </c>
      <c r="AF30015">
        <v>14</v>
      </c>
      <c r="AG30015">
        <v>14</v>
      </c>
      <c r="AH30015">
        <v>14</v>
      </c>
      <c r="AI30015">
        <v>14</v>
      </c>
      <c r="AJ30015">
        <v>15</v>
      </c>
      <c r="AK30015">
        <v>15</v>
      </c>
      <c r="AL30015">
        <v>15</v>
      </c>
      <c r="AM30015">
        <v>15</v>
      </c>
      <c r="AN30015">
        <v>16</v>
      </c>
      <c r="AO30015">
        <v>16</v>
      </c>
      <c r="AP30015">
        <v>16</v>
      </c>
      <c r="AQ30015">
        <v>16</v>
      </c>
    </row>
    <row r="30016" spans="1:43">
      <c r="A30016" t="s">
        <v>18593</v>
      </c>
      <c r="B30016" t="s">
        <v>18594</v>
      </c>
      <c r="C30016" t="s">
        <v>18591</v>
      </c>
      <c r="D30016" t="s">
        <v>18592</v>
      </c>
      <c r="E30016" t="s">
        <v>18557</v>
      </c>
      <c r="F30016" t="s">
        <v>18558</v>
      </c>
      <c r="G30016" t="s">
        <v>10734</v>
      </c>
      <c r="H30016" t="s">
        <v>10735</v>
      </c>
      <c r="I30016" s="2">
        <v>0</v>
      </c>
      <c r="J30016" s="2">
        <v>0.99</v>
      </c>
      <c r="K30016" s="2">
        <v>0.01</v>
      </c>
      <c r="L30016" t="s">
        <v>82</v>
      </c>
      <c r="M30016" t="s">
        <v>89</v>
      </c>
      <c r="N30016" t="s">
        <v>90</v>
      </c>
      <c r="O30016" t="s">
        <v>85</v>
      </c>
      <c r="P30016" t="s">
        <v>86</v>
      </c>
      <c r="Q30016">
        <v>11</v>
      </c>
      <c r="R30016">
        <v>11</v>
      </c>
      <c r="S30016">
        <v>12</v>
      </c>
      <c r="T30016">
        <v>12</v>
      </c>
      <c r="U30016">
        <v>13</v>
      </c>
      <c r="V30016">
        <v>13</v>
      </c>
      <c r="W30016">
        <v>13</v>
      </c>
      <c r="X30016">
        <v>14</v>
      </c>
      <c r="Y30016">
        <v>14</v>
      </c>
      <c r="Z30016">
        <v>15</v>
      </c>
      <c r="AA30016">
        <v>15</v>
      </c>
      <c r="AB30016">
        <v>15</v>
      </c>
      <c r="AC30016">
        <v>16</v>
      </c>
      <c r="AD30016">
        <v>16</v>
      </c>
      <c r="AE30016">
        <v>16</v>
      </c>
      <c r="AF30016">
        <v>17</v>
      </c>
      <c r="AG30016">
        <v>17</v>
      </c>
      <c r="AH30016">
        <v>17</v>
      </c>
      <c r="AI30016">
        <v>17</v>
      </c>
      <c r="AJ30016">
        <v>17</v>
      </c>
      <c r="AK30016">
        <v>18</v>
      </c>
      <c r="AL30016">
        <v>18</v>
      </c>
      <c r="AM30016">
        <v>18</v>
      </c>
      <c r="AN30016">
        <v>18</v>
      </c>
      <c r="AO30016">
        <v>19</v>
      </c>
      <c r="AP30016">
        <v>19</v>
      </c>
      <c r="AQ30016">
        <v>19</v>
      </c>
    </row>
    <row r="30017" spans="1:43">
      <c r="A30017" t="s">
        <v>18593</v>
      </c>
      <c r="B30017" t="s">
        <v>18594</v>
      </c>
      <c r="C30017" t="s">
        <v>18591</v>
      </c>
      <c r="D30017" t="s">
        <v>18592</v>
      </c>
      <c r="E30017" t="s">
        <v>18557</v>
      </c>
      <c r="F30017" t="s">
        <v>18558</v>
      </c>
      <c r="G30017" t="s">
        <v>10734</v>
      </c>
      <c r="H30017" t="s">
        <v>10735</v>
      </c>
      <c r="I30017" s="2">
        <v>0</v>
      </c>
      <c r="J30017" s="2">
        <v>0.99</v>
      </c>
      <c r="K30017" s="2">
        <v>0.01</v>
      </c>
      <c r="L30017" t="s">
        <v>82</v>
      </c>
      <c r="M30017" t="s">
        <v>83</v>
      </c>
      <c r="N30017" t="s">
        <v>91</v>
      </c>
      <c r="O30017" t="s">
        <v>85</v>
      </c>
      <c r="P30017" t="s">
        <v>86</v>
      </c>
      <c r="Q30017">
        <v>11</v>
      </c>
      <c r="R30017">
        <v>11</v>
      </c>
      <c r="S30017">
        <v>12</v>
      </c>
      <c r="T30017">
        <v>12</v>
      </c>
      <c r="U30017">
        <v>12</v>
      </c>
      <c r="V30017">
        <v>12</v>
      </c>
      <c r="W30017">
        <v>13</v>
      </c>
      <c r="X30017">
        <v>13</v>
      </c>
      <c r="Y30017">
        <v>13</v>
      </c>
      <c r="Z30017">
        <v>14</v>
      </c>
      <c r="AA30017">
        <v>14</v>
      </c>
      <c r="AB30017">
        <v>14</v>
      </c>
      <c r="AC30017">
        <v>15</v>
      </c>
      <c r="AD30017">
        <v>15</v>
      </c>
      <c r="AE30017">
        <v>15</v>
      </c>
      <c r="AF30017">
        <v>16</v>
      </c>
      <c r="AG30017">
        <v>16</v>
      </c>
      <c r="AH30017">
        <v>16</v>
      </c>
      <c r="AI30017">
        <v>17</v>
      </c>
      <c r="AJ30017">
        <v>17</v>
      </c>
      <c r="AK30017">
        <v>18</v>
      </c>
      <c r="AL30017">
        <v>18</v>
      </c>
      <c r="AM30017">
        <v>18</v>
      </c>
      <c r="AN30017">
        <v>18</v>
      </c>
      <c r="AO30017">
        <v>18</v>
      </c>
      <c r="AP30017">
        <v>19</v>
      </c>
      <c r="AQ30017">
        <v>19</v>
      </c>
    </row>
    <row r="30018" spans="1:43">
      <c r="A30018" t="s">
        <v>18595</v>
      </c>
      <c r="B30018" t="s">
        <v>18596</v>
      </c>
      <c r="C30018" t="s">
        <v>18591</v>
      </c>
      <c r="D30018" t="s">
        <v>18592</v>
      </c>
      <c r="E30018" t="s">
        <v>18557</v>
      </c>
      <c r="F30018" t="s">
        <v>18558</v>
      </c>
      <c r="G30018" t="s">
        <v>10734</v>
      </c>
      <c r="H30018" t="s">
        <v>10735</v>
      </c>
      <c r="I30018" s="2">
        <v>0</v>
      </c>
      <c r="J30018" s="2">
        <v>0.94</v>
      </c>
      <c r="K30018" s="2">
        <v>0.06</v>
      </c>
      <c r="L30018" t="s">
        <v>82</v>
      </c>
      <c r="M30018" t="s">
        <v>83</v>
      </c>
      <c r="N30018" t="s">
        <v>84</v>
      </c>
      <c r="O30018" t="s">
        <v>85</v>
      </c>
      <c r="P30018" t="s">
        <v>86</v>
      </c>
      <c r="Q30018">
        <v>30</v>
      </c>
      <c r="R30018">
        <v>31</v>
      </c>
      <c r="S30018">
        <v>32</v>
      </c>
      <c r="T30018">
        <v>32</v>
      </c>
      <c r="U30018">
        <v>33</v>
      </c>
      <c r="V30018">
        <v>34</v>
      </c>
      <c r="W30018">
        <v>35</v>
      </c>
      <c r="X30018">
        <v>36</v>
      </c>
      <c r="Y30018">
        <v>37</v>
      </c>
      <c r="Z30018">
        <v>38</v>
      </c>
      <c r="AA30018">
        <v>38</v>
      </c>
      <c r="AB30018">
        <v>39</v>
      </c>
      <c r="AC30018">
        <v>40</v>
      </c>
      <c r="AD30018">
        <v>41</v>
      </c>
      <c r="AE30018">
        <v>42</v>
      </c>
      <c r="AF30018">
        <v>43</v>
      </c>
      <c r="AG30018">
        <v>44</v>
      </c>
      <c r="AH30018">
        <v>45</v>
      </c>
      <c r="AI30018">
        <v>46</v>
      </c>
      <c r="AJ30018">
        <v>47</v>
      </c>
      <c r="AK30018">
        <v>48</v>
      </c>
      <c r="AL30018">
        <v>49</v>
      </c>
      <c r="AM30018">
        <v>49</v>
      </c>
      <c r="AN30018">
        <v>50</v>
      </c>
      <c r="AO30018">
        <v>51</v>
      </c>
      <c r="AP30018">
        <v>51</v>
      </c>
      <c r="AQ30018">
        <v>52</v>
      </c>
    </row>
    <row r="30019" spans="1:43">
      <c r="A30019" t="s">
        <v>18595</v>
      </c>
      <c r="B30019" t="s">
        <v>18596</v>
      </c>
      <c r="C30019" t="s">
        <v>18591</v>
      </c>
      <c r="D30019" t="s">
        <v>18592</v>
      </c>
      <c r="E30019" t="s">
        <v>18557</v>
      </c>
      <c r="F30019" t="s">
        <v>18558</v>
      </c>
      <c r="G30019" t="s">
        <v>10734</v>
      </c>
      <c r="H30019" t="s">
        <v>10735</v>
      </c>
      <c r="I30019" s="2">
        <v>0</v>
      </c>
      <c r="J30019" s="2">
        <v>0.94</v>
      </c>
      <c r="K30019" s="2">
        <v>0.06</v>
      </c>
      <c r="L30019" t="s">
        <v>82</v>
      </c>
      <c r="M30019" t="s">
        <v>87</v>
      </c>
      <c r="N30019" t="s">
        <v>88</v>
      </c>
      <c r="O30019" t="s">
        <v>85</v>
      </c>
      <c r="P30019" t="s">
        <v>86</v>
      </c>
      <c r="Q30019">
        <v>30</v>
      </c>
      <c r="R30019">
        <v>30</v>
      </c>
      <c r="S30019">
        <v>31</v>
      </c>
      <c r="T30019">
        <v>31</v>
      </c>
      <c r="U30019">
        <v>32</v>
      </c>
      <c r="V30019">
        <v>32</v>
      </c>
      <c r="W30019">
        <v>33</v>
      </c>
      <c r="X30019">
        <v>33</v>
      </c>
      <c r="Y30019">
        <v>34</v>
      </c>
      <c r="Z30019">
        <v>34</v>
      </c>
      <c r="AA30019">
        <v>35</v>
      </c>
      <c r="AB30019">
        <v>36</v>
      </c>
      <c r="AC30019">
        <v>36</v>
      </c>
      <c r="AD30019">
        <v>37</v>
      </c>
      <c r="AE30019">
        <v>37</v>
      </c>
      <c r="AF30019">
        <v>38</v>
      </c>
      <c r="AG30019">
        <v>39</v>
      </c>
      <c r="AH30019">
        <v>39</v>
      </c>
      <c r="AI30019">
        <v>40</v>
      </c>
      <c r="AJ30019">
        <v>40</v>
      </c>
      <c r="AK30019">
        <v>41</v>
      </c>
      <c r="AL30019">
        <v>42</v>
      </c>
      <c r="AM30019">
        <v>42</v>
      </c>
      <c r="AN30019">
        <v>43</v>
      </c>
      <c r="AO30019">
        <v>44</v>
      </c>
      <c r="AP30019">
        <v>44</v>
      </c>
      <c r="AQ30019">
        <v>45</v>
      </c>
    </row>
    <row r="30020" spans="1:43">
      <c r="A30020" t="s">
        <v>18595</v>
      </c>
      <c r="B30020" t="s">
        <v>18596</v>
      </c>
      <c r="C30020" t="s">
        <v>18591</v>
      </c>
      <c r="D30020" t="s">
        <v>18592</v>
      </c>
      <c r="E30020" t="s">
        <v>18557</v>
      </c>
      <c r="F30020" t="s">
        <v>18558</v>
      </c>
      <c r="G30020" t="s">
        <v>10734</v>
      </c>
      <c r="H30020" t="s">
        <v>10735</v>
      </c>
      <c r="I30020" s="2">
        <v>0</v>
      </c>
      <c r="J30020" s="2">
        <v>0.94</v>
      </c>
      <c r="K30020" s="2">
        <v>0.06</v>
      </c>
      <c r="L30020" t="s">
        <v>82</v>
      </c>
      <c r="M30020" t="s">
        <v>89</v>
      </c>
      <c r="N30020" t="s">
        <v>90</v>
      </c>
      <c r="O30020" t="s">
        <v>85</v>
      </c>
      <c r="P30020" t="s">
        <v>86</v>
      </c>
      <c r="Q30020">
        <v>30</v>
      </c>
      <c r="R30020">
        <v>31</v>
      </c>
      <c r="S30020">
        <v>32</v>
      </c>
      <c r="T30020">
        <v>34</v>
      </c>
      <c r="U30020">
        <v>35</v>
      </c>
      <c r="V30020">
        <v>36</v>
      </c>
      <c r="W30020">
        <v>37</v>
      </c>
      <c r="X30020">
        <v>38</v>
      </c>
      <c r="Y30020">
        <v>39</v>
      </c>
      <c r="Z30020">
        <v>40</v>
      </c>
      <c r="AA30020">
        <v>41</v>
      </c>
      <c r="AB30020">
        <v>42</v>
      </c>
      <c r="AC30020">
        <v>43</v>
      </c>
      <c r="AD30020">
        <v>44</v>
      </c>
      <c r="AE30020">
        <v>45</v>
      </c>
      <c r="AF30020">
        <v>46</v>
      </c>
      <c r="AG30020">
        <v>46</v>
      </c>
      <c r="AH30020">
        <v>47</v>
      </c>
      <c r="AI30020">
        <v>47</v>
      </c>
      <c r="AJ30020">
        <v>48</v>
      </c>
      <c r="AK30020">
        <v>48</v>
      </c>
      <c r="AL30020">
        <v>49</v>
      </c>
      <c r="AM30020">
        <v>50</v>
      </c>
      <c r="AN30020">
        <v>50</v>
      </c>
      <c r="AO30020">
        <v>51</v>
      </c>
      <c r="AP30020">
        <v>51</v>
      </c>
      <c r="AQ30020">
        <v>52</v>
      </c>
    </row>
    <row r="30021" spans="1:43">
      <c r="A30021" t="s">
        <v>18595</v>
      </c>
      <c r="B30021" t="s">
        <v>18596</v>
      </c>
      <c r="C30021" t="s">
        <v>18591</v>
      </c>
      <c r="D30021" t="s">
        <v>18592</v>
      </c>
      <c r="E30021" t="s">
        <v>18557</v>
      </c>
      <c r="F30021" t="s">
        <v>18558</v>
      </c>
      <c r="G30021" t="s">
        <v>10734</v>
      </c>
      <c r="H30021" t="s">
        <v>10735</v>
      </c>
      <c r="I30021" s="2">
        <v>0</v>
      </c>
      <c r="J30021" s="2">
        <v>0.94</v>
      </c>
      <c r="K30021" s="2">
        <v>0.06</v>
      </c>
      <c r="L30021" t="s">
        <v>82</v>
      </c>
      <c r="M30021" t="s">
        <v>83</v>
      </c>
      <c r="N30021" t="s">
        <v>91</v>
      </c>
      <c r="O30021" t="s">
        <v>85</v>
      </c>
      <c r="P30021" t="s">
        <v>86</v>
      </c>
      <c r="Q30021">
        <v>30</v>
      </c>
      <c r="R30021">
        <v>31</v>
      </c>
      <c r="S30021">
        <v>32</v>
      </c>
      <c r="T30021">
        <v>32</v>
      </c>
      <c r="U30021">
        <v>33</v>
      </c>
      <c r="V30021">
        <v>34</v>
      </c>
      <c r="W30021">
        <v>35</v>
      </c>
      <c r="X30021">
        <v>36</v>
      </c>
      <c r="Y30021">
        <v>37</v>
      </c>
      <c r="Z30021">
        <v>38</v>
      </c>
      <c r="AA30021">
        <v>38</v>
      </c>
      <c r="AB30021">
        <v>39</v>
      </c>
      <c r="AC30021">
        <v>40</v>
      </c>
      <c r="AD30021">
        <v>41</v>
      </c>
      <c r="AE30021">
        <v>42</v>
      </c>
      <c r="AF30021">
        <v>43</v>
      </c>
      <c r="AG30021">
        <v>44</v>
      </c>
      <c r="AH30021">
        <v>45</v>
      </c>
      <c r="AI30021">
        <v>46</v>
      </c>
      <c r="AJ30021">
        <v>47</v>
      </c>
      <c r="AK30021">
        <v>48</v>
      </c>
      <c r="AL30021">
        <v>49</v>
      </c>
      <c r="AM30021">
        <v>49</v>
      </c>
      <c r="AN30021">
        <v>50</v>
      </c>
      <c r="AO30021">
        <v>51</v>
      </c>
      <c r="AP30021">
        <v>51</v>
      </c>
      <c r="AQ30021">
        <v>52</v>
      </c>
    </row>
    <row r="30022" spans="1:43">
      <c r="A30022" t="s">
        <v>18597</v>
      </c>
      <c r="B30022" t="s">
        <v>18598</v>
      </c>
      <c r="C30022" t="s">
        <v>18591</v>
      </c>
      <c r="D30022" t="s">
        <v>18592</v>
      </c>
      <c r="E30022" t="s">
        <v>18557</v>
      </c>
      <c r="F30022" t="s">
        <v>18558</v>
      </c>
      <c r="G30022" t="s">
        <v>10734</v>
      </c>
      <c r="H30022" t="s">
        <v>10735</v>
      </c>
      <c r="I30022" s="2">
        <v>0</v>
      </c>
      <c r="J30022" s="2">
        <v>0.72</v>
      </c>
      <c r="K30022" s="2">
        <v>0.28000000000000003</v>
      </c>
      <c r="L30022" t="s">
        <v>82</v>
      </c>
      <c r="M30022" t="s">
        <v>83</v>
      </c>
      <c r="N30022" t="s">
        <v>84</v>
      </c>
      <c r="O30022" t="s">
        <v>85</v>
      </c>
      <c r="P30022" t="s">
        <v>86</v>
      </c>
      <c r="Q30022">
        <v>10</v>
      </c>
      <c r="R30022">
        <v>11</v>
      </c>
      <c r="S30022">
        <v>11</v>
      </c>
      <c r="T30022">
        <v>11</v>
      </c>
      <c r="U30022">
        <v>11</v>
      </c>
      <c r="V30022">
        <v>12</v>
      </c>
      <c r="W30022">
        <v>12</v>
      </c>
      <c r="X30022">
        <v>12</v>
      </c>
      <c r="Y30022">
        <v>13</v>
      </c>
      <c r="Z30022">
        <v>13</v>
      </c>
      <c r="AA30022">
        <v>13</v>
      </c>
      <c r="AB30022">
        <v>14</v>
      </c>
      <c r="AC30022">
        <v>14</v>
      </c>
      <c r="AD30022">
        <v>14</v>
      </c>
      <c r="AE30022">
        <v>14</v>
      </c>
      <c r="AF30022">
        <v>15</v>
      </c>
      <c r="AG30022">
        <v>15</v>
      </c>
      <c r="AH30022">
        <v>15</v>
      </c>
      <c r="AI30022">
        <v>16</v>
      </c>
      <c r="AJ30022">
        <v>16</v>
      </c>
      <c r="AK30022">
        <v>17</v>
      </c>
      <c r="AL30022">
        <v>17</v>
      </c>
      <c r="AM30022">
        <v>17</v>
      </c>
      <c r="AN30022">
        <v>17</v>
      </c>
      <c r="AO30022">
        <v>17</v>
      </c>
      <c r="AP30022">
        <v>18</v>
      </c>
      <c r="AQ30022">
        <v>18</v>
      </c>
    </row>
    <row r="30023" spans="1:43">
      <c r="A30023" t="s">
        <v>18597</v>
      </c>
      <c r="B30023" t="s">
        <v>18598</v>
      </c>
      <c r="C30023" t="s">
        <v>18591</v>
      </c>
      <c r="D30023" t="s">
        <v>18592</v>
      </c>
      <c r="E30023" t="s">
        <v>18557</v>
      </c>
      <c r="F30023" t="s">
        <v>18558</v>
      </c>
      <c r="G30023" t="s">
        <v>10734</v>
      </c>
      <c r="H30023" t="s">
        <v>10735</v>
      </c>
      <c r="I30023" s="2">
        <v>0</v>
      </c>
      <c r="J30023" s="2">
        <v>0.72</v>
      </c>
      <c r="K30023" s="2">
        <v>0.28000000000000003</v>
      </c>
      <c r="L30023" t="s">
        <v>82</v>
      </c>
      <c r="M30023" t="s">
        <v>87</v>
      </c>
      <c r="N30023" t="s">
        <v>88</v>
      </c>
      <c r="O30023" t="s">
        <v>85</v>
      </c>
      <c r="P30023" t="s">
        <v>86</v>
      </c>
      <c r="Q30023">
        <v>10</v>
      </c>
      <c r="R30023">
        <v>10</v>
      </c>
      <c r="S30023">
        <v>11</v>
      </c>
      <c r="T30023">
        <v>11</v>
      </c>
      <c r="U30023">
        <v>11</v>
      </c>
      <c r="V30023">
        <v>11</v>
      </c>
      <c r="W30023">
        <v>11</v>
      </c>
      <c r="X30023">
        <v>11</v>
      </c>
      <c r="Y30023">
        <v>12</v>
      </c>
      <c r="Z30023">
        <v>12</v>
      </c>
      <c r="AA30023">
        <v>12</v>
      </c>
      <c r="AB30023">
        <v>12</v>
      </c>
      <c r="AC30023">
        <v>12</v>
      </c>
      <c r="AD30023">
        <v>13</v>
      </c>
      <c r="AE30023">
        <v>13</v>
      </c>
      <c r="AF30023">
        <v>13</v>
      </c>
      <c r="AG30023">
        <v>13</v>
      </c>
      <c r="AH30023">
        <v>13</v>
      </c>
      <c r="AI30023">
        <v>14</v>
      </c>
      <c r="AJ30023">
        <v>14</v>
      </c>
      <c r="AK30023">
        <v>14</v>
      </c>
      <c r="AL30023">
        <v>14</v>
      </c>
      <c r="AM30023">
        <v>15</v>
      </c>
      <c r="AN30023">
        <v>15</v>
      </c>
      <c r="AO30023">
        <v>15</v>
      </c>
      <c r="AP30023">
        <v>15</v>
      </c>
      <c r="AQ30023">
        <v>15</v>
      </c>
    </row>
    <row r="30024" spans="1:43">
      <c r="A30024" t="s">
        <v>18597</v>
      </c>
      <c r="B30024" t="s">
        <v>18598</v>
      </c>
      <c r="C30024" t="s">
        <v>18591</v>
      </c>
      <c r="D30024" t="s">
        <v>18592</v>
      </c>
      <c r="E30024" t="s">
        <v>18557</v>
      </c>
      <c r="F30024" t="s">
        <v>18558</v>
      </c>
      <c r="G30024" t="s">
        <v>10734</v>
      </c>
      <c r="H30024" t="s">
        <v>10735</v>
      </c>
      <c r="I30024" s="2">
        <v>0</v>
      </c>
      <c r="J30024" s="2">
        <v>0.72</v>
      </c>
      <c r="K30024" s="2">
        <v>0.28000000000000003</v>
      </c>
      <c r="L30024" t="s">
        <v>82</v>
      </c>
      <c r="M30024" t="s">
        <v>89</v>
      </c>
      <c r="N30024" t="s">
        <v>90</v>
      </c>
      <c r="O30024" t="s">
        <v>85</v>
      </c>
      <c r="P30024" t="s">
        <v>86</v>
      </c>
      <c r="Q30024">
        <v>10</v>
      </c>
      <c r="R30024">
        <v>11</v>
      </c>
      <c r="S30024">
        <v>11</v>
      </c>
      <c r="T30024">
        <v>11</v>
      </c>
      <c r="U30024">
        <v>12</v>
      </c>
      <c r="V30024">
        <v>12</v>
      </c>
      <c r="W30024">
        <v>13</v>
      </c>
      <c r="X30024">
        <v>13</v>
      </c>
      <c r="Y30024">
        <v>13</v>
      </c>
      <c r="Z30024">
        <v>14</v>
      </c>
      <c r="AA30024">
        <v>14</v>
      </c>
      <c r="AB30024">
        <v>14</v>
      </c>
      <c r="AC30024">
        <v>15</v>
      </c>
      <c r="AD30024">
        <v>15</v>
      </c>
      <c r="AE30024">
        <v>15</v>
      </c>
      <c r="AF30024">
        <v>16</v>
      </c>
      <c r="AG30024">
        <v>16</v>
      </c>
      <c r="AH30024">
        <v>16</v>
      </c>
      <c r="AI30024">
        <v>16</v>
      </c>
      <c r="AJ30024">
        <v>16</v>
      </c>
      <c r="AK30024">
        <v>17</v>
      </c>
      <c r="AL30024">
        <v>17</v>
      </c>
      <c r="AM30024">
        <v>17</v>
      </c>
      <c r="AN30024">
        <v>17</v>
      </c>
      <c r="AO30024">
        <v>17</v>
      </c>
      <c r="AP30024">
        <v>18</v>
      </c>
      <c r="AQ30024">
        <v>18</v>
      </c>
    </row>
    <row r="30025" spans="1:43">
      <c r="A30025" t="s">
        <v>18597</v>
      </c>
      <c r="B30025" t="s">
        <v>18598</v>
      </c>
      <c r="C30025" t="s">
        <v>18591</v>
      </c>
      <c r="D30025" t="s">
        <v>18592</v>
      </c>
      <c r="E30025" t="s">
        <v>18557</v>
      </c>
      <c r="F30025" t="s">
        <v>18558</v>
      </c>
      <c r="G30025" t="s">
        <v>10734</v>
      </c>
      <c r="H30025" t="s">
        <v>10735</v>
      </c>
      <c r="I30025" s="2">
        <v>0</v>
      </c>
      <c r="J30025" s="2">
        <v>0.72</v>
      </c>
      <c r="K30025" s="2">
        <v>0.28000000000000003</v>
      </c>
      <c r="L30025" t="s">
        <v>82</v>
      </c>
      <c r="M30025" t="s">
        <v>83</v>
      </c>
      <c r="N30025" t="s">
        <v>91</v>
      </c>
      <c r="O30025" t="s">
        <v>85</v>
      </c>
      <c r="P30025" t="s">
        <v>86</v>
      </c>
      <c r="Q30025">
        <v>10</v>
      </c>
      <c r="R30025">
        <v>11</v>
      </c>
      <c r="S30025">
        <v>11</v>
      </c>
      <c r="T30025">
        <v>11</v>
      </c>
      <c r="U30025">
        <v>11</v>
      </c>
      <c r="V30025">
        <v>12</v>
      </c>
      <c r="W30025">
        <v>12</v>
      </c>
      <c r="X30025">
        <v>12</v>
      </c>
      <c r="Y30025">
        <v>13</v>
      </c>
      <c r="Z30025">
        <v>13</v>
      </c>
      <c r="AA30025">
        <v>13</v>
      </c>
      <c r="AB30025">
        <v>14</v>
      </c>
      <c r="AC30025">
        <v>14</v>
      </c>
      <c r="AD30025">
        <v>14</v>
      </c>
      <c r="AE30025">
        <v>14</v>
      </c>
      <c r="AF30025">
        <v>15</v>
      </c>
      <c r="AG30025">
        <v>15</v>
      </c>
      <c r="AH30025">
        <v>15</v>
      </c>
      <c r="AI30025">
        <v>16</v>
      </c>
      <c r="AJ30025">
        <v>16</v>
      </c>
      <c r="AK30025">
        <v>17</v>
      </c>
      <c r="AL30025">
        <v>17</v>
      </c>
      <c r="AM30025">
        <v>17</v>
      </c>
      <c r="AN30025">
        <v>17</v>
      </c>
      <c r="AO30025">
        <v>17</v>
      </c>
      <c r="AP30025">
        <v>18</v>
      </c>
      <c r="AQ30025">
        <v>18</v>
      </c>
    </row>
    <row r="30026" spans="1:43">
      <c r="A30026" t="s">
        <v>18599</v>
      </c>
      <c r="B30026" t="s">
        <v>18600</v>
      </c>
      <c r="C30026" t="s">
        <v>18601</v>
      </c>
      <c r="D30026" t="s">
        <v>18602</v>
      </c>
      <c r="E30026" t="s">
        <v>18557</v>
      </c>
      <c r="F30026" t="s">
        <v>18558</v>
      </c>
      <c r="G30026" t="s">
        <v>10734</v>
      </c>
      <c r="H30026" t="s">
        <v>10735</v>
      </c>
      <c r="I30026" s="2">
        <v>0</v>
      </c>
      <c r="J30026" s="2">
        <v>1</v>
      </c>
      <c r="K30026" s="2">
        <v>0</v>
      </c>
      <c r="L30026" t="s">
        <v>82</v>
      </c>
      <c r="M30026" t="s">
        <v>83</v>
      </c>
      <c r="N30026" t="s">
        <v>84</v>
      </c>
      <c r="O30026" t="s">
        <v>85</v>
      </c>
      <c r="P30026" t="s">
        <v>86</v>
      </c>
      <c r="Q30026">
        <v>6</v>
      </c>
      <c r="R30026">
        <v>6</v>
      </c>
      <c r="S30026">
        <v>6</v>
      </c>
      <c r="T30026">
        <v>6</v>
      </c>
      <c r="U30026">
        <v>7</v>
      </c>
      <c r="V30026">
        <v>7</v>
      </c>
      <c r="W30026">
        <v>7</v>
      </c>
      <c r="X30026">
        <v>7</v>
      </c>
      <c r="Y30026">
        <v>7</v>
      </c>
      <c r="Z30026">
        <v>7</v>
      </c>
      <c r="AA30026">
        <v>8</v>
      </c>
      <c r="AB30026">
        <v>8</v>
      </c>
      <c r="AC30026">
        <v>8</v>
      </c>
      <c r="AD30026">
        <v>8</v>
      </c>
      <c r="AE30026">
        <v>8</v>
      </c>
      <c r="AF30026">
        <v>9</v>
      </c>
      <c r="AG30026">
        <v>9</v>
      </c>
      <c r="AH30026">
        <v>9</v>
      </c>
      <c r="AI30026">
        <v>9</v>
      </c>
      <c r="AJ30026">
        <v>9</v>
      </c>
      <c r="AK30026">
        <v>10</v>
      </c>
      <c r="AL30026">
        <v>10</v>
      </c>
      <c r="AM30026">
        <v>10</v>
      </c>
      <c r="AN30026">
        <v>10</v>
      </c>
      <c r="AO30026">
        <v>10</v>
      </c>
      <c r="AP30026">
        <v>10</v>
      </c>
      <c r="AQ30026">
        <v>10</v>
      </c>
    </row>
    <row r="30027" spans="1:43">
      <c r="A30027" t="s">
        <v>18599</v>
      </c>
      <c r="B30027" t="s">
        <v>18600</v>
      </c>
      <c r="C30027" t="s">
        <v>18601</v>
      </c>
      <c r="D30027" t="s">
        <v>18602</v>
      </c>
      <c r="E30027" t="s">
        <v>18557</v>
      </c>
      <c r="F30027" t="s">
        <v>18558</v>
      </c>
      <c r="G30027" t="s">
        <v>10734</v>
      </c>
      <c r="H30027" t="s">
        <v>10735</v>
      </c>
      <c r="I30027" s="2">
        <v>0</v>
      </c>
      <c r="J30027" s="2">
        <v>1</v>
      </c>
      <c r="K30027" s="2">
        <v>0</v>
      </c>
      <c r="L30027" t="s">
        <v>82</v>
      </c>
      <c r="M30027" t="s">
        <v>87</v>
      </c>
      <c r="N30027" t="s">
        <v>88</v>
      </c>
      <c r="O30027" t="s">
        <v>85</v>
      </c>
      <c r="P30027" t="s">
        <v>86</v>
      </c>
      <c r="Q30027">
        <v>6</v>
      </c>
      <c r="R30027">
        <v>6</v>
      </c>
      <c r="S30027">
        <v>6</v>
      </c>
      <c r="T30027">
        <v>6</v>
      </c>
      <c r="U30027">
        <v>6</v>
      </c>
      <c r="V30027">
        <v>6</v>
      </c>
      <c r="W30027">
        <v>6</v>
      </c>
      <c r="X30027">
        <v>7</v>
      </c>
      <c r="Y30027">
        <v>7</v>
      </c>
      <c r="Z30027">
        <v>7</v>
      </c>
      <c r="AA30027">
        <v>7</v>
      </c>
      <c r="AB30027">
        <v>7</v>
      </c>
      <c r="AC30027">
        <v>7</v>
      </c>
      <c r="AD30027">
        <v>7</v>
      </c>
      <c r="AE30027">
        <v>7</v>
      </c>
      <c r="AF30027">
        <v>8</v>
      </c>
      <c r="AG30027">
        <v>8</v>
      </c>
      <c r="AH30027">
        <v>8</v>
      </c>
      <c r="AI30027">
        <v>8</v>
      </c>
      <c r="AJ30027">
        <v>8</v>
      </c>
      <c r="AK30027">
        <v>8</v>
      </c>
      <c r="AL30027">
        <v>8</v>
      </c>
      <c r="AM30027">
        <v>8</v>
      </c>
      <c r="AN30027">
        <v>9</v>
      </c>
      <c r="AO30027">
        <v>9</v>
      </c>
      <c r="AP30027">
        <v>9</v>
      </c>
      <c r="AQ30027">
        <v>9</v>
      </c>
    </row>
    <row r="30028" spans="1:43">
      <c r="A30028" t="s">
        <v>18599</v>
      </c>
      <c r="B30028" t="s">
        <v>18600</v>
      </c>
      <c r="C30028" t="s">
        <v>18601</v>
      </c>
      <c r="D30028" t="s">
        <v>18602</v>
      </c>
      <c r="E30028" t="s">
        <v>18557</v>
      </c>
      <c r="F30028" t="s">
        <v>18558</v>
      </c>
      <c r="G30028" t="s">
        <v>10734</v>
      </c>
      <c r="H30028" t="s">
        <v>10735</v>
      </c>
      <c r="I30028" s="2">
        <v>0</v>
      </c>
      <c r="J30028" s="2">
        <v>1</v>
      </c>
      <c r="K30028" s="2">
        <v>0</v>
      </c>
      <c r="L30028" t="s">
        <v>82</v>
      </c>
      <c r="M30028" t="s">
        <v>89</v>
      </c>
      <c r="N30028" t="s">
        <v>90</v>
      </c>
      <c r="O30028" t="s">
        <v>85</v>
      </c>
      <c r="P30028" t="s">
        <v>86</v>
      </c>
      <c r="Q30028">
        <v>6</v>
      </c>
      <c r="R30028">
        <v>6</v>
      </c>
      <c r="S30028">
        <v>6</v>
      </c>
      <c r="T30028">
        <v>7</v>
      </c>
      <c r="U30028">
        <v>7</v>
      </c>
      <c r="V30028">
        <v>7</v>
      </c>
      <c r="W30028">
        <v>7</v>
      </c>
      <c r="X30028">
        <v>7</v>
      </c>
      <c r="Y30028">
        <v>8</v>
      </c>
      <c r="Z30028">
        <v>8</v>
      </c>
      <c r="AA30028">
        <v>8</v>
      </c>
      <c r="AB30028">
        <v>8</v>
      </c>
      <c r="AC30028">
        <v>9</v>
      </c>
      <c r="AD30028">
        <v>9</v>
      </c>
      <c r="AE30028">
        <v>9</v>
      </c>
      <c r="AF30028">
        <v>9</v>
      </c>
      <c r="AG30028">
        <v>9</v>
      </c>
      <c r="AH30028">
        <v>9</v>
      </c>
      <c r="AI30028">
        <v>9</v>
      </c>
      <c r="AJ30028">
        <v>9</v>
      </c>
      <c r="AK30028">
        <v>10</v>
      </c>
      <c r="AL30028">
        <v>10</v>
      </c>
      <c r="AM30028">
        <v>10</v>
      </c>
      <c r="AN30028">
        <v>10</v>
      </c>
      <c r="AO30028">
        <v>10</v>
      </c>
      <c r="AP30028">
        <v>10</v>
      </c>
      <c r="AQ30028">
        <v>10</v>
      </c>
    </row>
    <row r="30029" spans="1:43">
      <c r="A30029" t="s">
        <v>18599</v>
      </c>
      <c r="B30029" t="s">
        <v>18600</v>
      </c>
      <c r="C30029" t="s">
        <v>18601</v>
      </c>
      <c r="D30029" t="s">
        <v>18602</v>
      </c>
      <c r="E30029" t="s">
        <v>18557</v>
      </c>
      <c r="F30029" t="s">
        <v>18558</v>
      </c>
      <c r="G30029" t="s">
        <v>10734</v>
      </c>
      <c r="H30029" t="s">
        <v>10735</v>
      </c>
      <c r="I30029" s="2">
        <v>0</v>
      </c>
      <c r="J30029" s="2">
        <v>1</v>
      </c>
      <c r="K30029" s="2">
        <v>0</v>
      </c>
      <c r="L30029" t="s">
        <v>82</v>
      </c>
      <c r="M30029" t="s">
        <v>83</v>
      </c>
      <c r="N30029" t="s">
        <v>91</v>
      </c>
      <c r="O30029" t="s">
        <v>85</v>
      </c>
      <c r="P30029" t="s">
        <v>86</v>
      </c>
      <c r="Q30029">
        <v>6</v>
      </c>
      <c r="R30029">
        <v>6</v>
      </c>
      <c r="S30029">
        <v>6</v>
      </c>
      <c r="T30029">
        <v>6</v>
      </c>
      <c r="U30029">
        <v>7</v>
      </c>
      <c r="V30029">
        <v>7</v>
      </c>
      <c r="W30029">
        <v>7</v>
      </c>
      <c r="X30029">
        <v>7</v>
      </c>
      <c r="Y30029">
        <v>7</v>
      </c>
      <c r="Z30029">
        <v>7</v>
      </c>
      <c r="AA30029">
        <v>8</v>
      </c>
      <c r="AB30029">
        <v>8</v>
      </c>
      <c r="AC30029">
        <v>8</v>
      </c>
      <c r="AD30029">
        <v>8</v>
      </c>
      <c r="AE30029">
        <v>8</v>
      </c>
      <c r="AF30029">
        <v>9</v>
      </c>
      <c r="AG30029">
        <v>9</v>
      </c>
      <c r="AH30029">
        <v>9</v>
      </c>
      <c r="AI30029">
        <v>9</v>
      </c>
      <c r="AJ30029">
        <v>9</v>
      </c>
      <c r="AK30029">
        <v>10</v>
      </c>
      <c r="AL30029">
        <v>10</v>
      </c>
      <c r="AM30029">
        <v>10</v>
      </c>
      <c r="AN30029">
        <v>10</v>
      </c>
      <c r="AO30029">
        <v>10</v>
      </c>
      <c r="AP30029">
        <v>10</v>
      </c>
      <c r="AQ30029">
        <v>10</v>
      </c>
    </row>
    <row r="30030" spans="1:43">
      <c r="A30030" t="s">
        <v>18603</v>
      </c>
      <c r="B30030" t="s">
        <v>18604</v>
      </c>
      <c r="C30030" t="s">
        <v>18601</v>
      </c>
      <c r="D30030" t="s">
        <v>18602</v>
      </c>
      <c r="E30030" t="s">
        <v>18557</v>
      </c>
      <c r="F30030" t="s">
        <v>18558</v>
      </c>
      <c r="G30030" t="s">
        <v>10734</v>
      </c>
      <c r="H30030" t="s">
        <v>10735</v>
      </c>
      <c r="I30030" s="2">
        <v>0</v>
      </c>
      <c r="J30030" s="2">
        <v>0.99</v>
      </c>
      <c r="K30030" s="2">
        <v>0.01</v>
      </c>
      <c r="L30030" t="s">
        <v>82</v>
      </c>
      <c r="M30030" t="s">
        <v>83</v>
      </c>
      <c r="N30030" t="s">
        <v>84</v>
      </c>
      <c r="O30030" t="s">
        <v>85</v>
      </c>
      <c r="P30030" t="s">
        <v>86</v>
      </c>
      <c r="Q30030">
        <v>25</v>
      </c>
      <c r="R30030">
        <v>26</v>
      </c>
      <c r="S30030">
        <v>26</v>
      </c>
      <c r="T30030">
        <v>27</v>
      </c>
      <c r="U30030">
        <v>28</v>
      </c>
      <c r="V30030">
        <v>28</v>
      </c>
      <c r="W30030">
        <v>29</v>
      </c>
      <c r="X30030">
        <v>30</v>
      </c>
      <c r="Y30030">
        <v>31</v>
      </c>
      <c r="Z30030">
        <v>31</v>
      </c>
      <c r="AA30030">
        <v>32</v>
      </c>
      <c r="AB30030">
        <v>33</v>
      </c>
      <c r="AC30030">
        <v>34</v>
      </c>
      <c r="AD30030">
        <v>34</v>
      </c>
      <c r="AE30030">
        <v>35</v>
      </c>
      <c r="AF30030">
        <v>36</v>
      </c>
      <c r="AG30030">
        <v>37</v>
      </c>
      <c r="AH30030">
        <v>38</v>
      </c>
      <c r="AI30030">
        <v>38</v>
      </c>
      <c r="AJ30030">
        <v>39</v>
      </c>
      <c r="AK30030">
        <v>40</v>
      </c>
      <c r="AL30030">
        <v>41</v>
      </c>
      <c r="AM30030">
        <v>41</v>
      </c>
      <c r="AN30030">
        <v>42</v>
      </c>
      <c r="AO30030">
        <v>42</v>
      </c>
      <c r="AP30030">
        <v>43</v>
      </c>
      <c r="AQ30030">
        <v>43</v>
      </c>
    </row>
    <row r="30031" spans="1:43">
      <c r="A30031" t="s">
        <v>18603</v>
      </c>
      <c r="B30031" t="s">
        <v>18604</v>
      </c>
      <c r="C30031" t="s">
        <v>18601</v>
      </c>
      <c r="D30031" t="s">
        <v>18602</v>
      </c>
      <c r="E30031" t="s">
        <v>18557</v>
      </c>
      <c r="F30031" t="s">
        <v>18558</v>
      </c>
      <c r="G30031" t="s">
        <v>10734</v>
      </c>
      <c r="H30031" t="s">
        <v>10735</v>
      </c>
      <c r="I30031" s="2">
        <v>0</v>
      </c>
      <c r="J30031" s="2">
        <v>0.99</v>
      </c>
      <c r="K30031" s="2">
        <v>0.01</v>
      </c>
      <c r="L30031" t="s">
        <v>82</v>
      </c>
      <c r="M30031" t="s">
        <v>87</v>
      </c>
      <c r="N30031" t="s">
        <v>88</v>
      </c>
      <c r="O30031" t="s">
        <v>85</v>
      </c>
      <c r="P30031" t="s">
        <v>86</v>
      </c>
      <c r="Q30031">
        <v>25</v>
      </c>
      <c r="R30031">
        <v>25</v>
      </c>
      <c r="S30031">
        <v>26</v>
      </c>
      <c r="T30031">
        <v>26</v>
      </c>
      <c r="U30031">
        <v>26</v>
      </c>
      <c r="V30031">
        <v>27</v>
      </c>
      <c r="W30031">
        <v>27</v>
      </c>
      <c r="X30031">
        <v>28</v>
      </c>
      <c r="Y30031">
        <v>28</v>
      </c>
      <c r="Z30031">
        <v>29</v>
      </c>
      <c r="AA30031">
        <v>29</v>
      </c>
      <c r="AB30031">
        <v>30</v>
      </c>
      <c r="AC30031">
        <v>30</v>
      </c>
      <c r="AD30031">
        <v>31</v>
      </c>
      <c r="AE30031">
        <v>31</v>
      </c>
      <c r="AF30031">
        <v>32</v>
      </c>
      <c r="AG30031">
        <v>32</v>
      </c>
      <c r="AH30031">
        <v>33</v>
      </c>
      <c r="AI30031">
        <v>33</v>
      </c>
      <c r="AJ30031">
        <v>34</v>
      </c>
      <c r="AK30031">
        <v>34</v>
      </c>
      <c r="AL30031">
        <v>35</v>
      </c>
      <c r="AM30031">
        <v>35</v>
      </c>
      <c r="AN30031">
        <v>36</v>
      </c>
      <c r="AO30031">
        <v>37</v>
      </c>
      <c r="AP30031">
        <v>37</v>
      </c>
      <c r="AQ30031">
        <v>38</v>
      </c>
    </row>
    <row r="30032" spans="1:43">
      <c r="A30032" t="s">
        <v>18603</v>
      </c>
      <c r="B30032" t="s">
        <v>18604</v>
      </c>
      <c r="C30032" t="s">
        <v>18601</v>
      </c>
      <c r="D30032" t="s">
        <v>18602</v>
      </c>
      <c r="E30032" t="s">
        <v>18557</v>
      </c>
      <c r="F30032" t="s">
        <v>18558</v>
      </c>
      <c r="G30032" t="s">
        <v>10734</v>
      </c>
      <c r="H30032" t="s">
        <v>10735</v>
      </c>
      <c r="I30032" s="2">
        <v>0</v>
      </c>
      <c r="J30032" s="2">
        <v>0.99</v>
      </c>
      <c r="K30032" s="2">
        <v>0.01</v>
      </c>
      <c r="L30032" t="s">
        <v>82</v>
      </c>
      <c r="M30032" t="s">
        <v>89</v>
      </c>
      <c r="N30032" t="s">
        <v>90</v>
      </c>
      <c r="O30032" t="s">
        <v>85</v>
      </c>
      <c r="P30032" t="s">
        <v>86</v>
      </c>
      <c r="Q30032">
        <v>25</v>
      </c>
      <c r="R30032">
        <v>26</v>
      </c>
      <c r="S30032">
        <v>27</v>
      </c>
      <c r="T30032">
        <v>28</v>
      </c>
      <c r="U30032">
        <v>29</v>
      </c>
      <c r="V30032">
        <v>30</v>
      </c>
      <c r="W30032">
        <v>31</v>
      </c>
      <c r="X30032">
        <v>32</v>
      </c>
      <c r="Y30032">
        <v>32</v>
      </c>
      <c r="Z30032">
        <v>33</v>
      </c>
      <c r="AA30032">
        <v>34</v>
      </c>
      <c r="AB30032">
        <v>35</v>
      </c>
      <c r="AC30032">
        <v>36</v>
      </c>
      <c r="AD30032">
        <v>37</v>
      </c>
      <c r="AE30032">
        <v>38</v>
      </c>
      <c r="AF30032">
        <v>38</v>
      </c>
      <c r="AG30032">
        <v>39</v>
      </c>
      <c r="AH30032">
        <v>39</v>
      </c>
      <c r="AI30032">
        <v>40</v>
      </c>
      <c r="AJ30032">
        <v>40</v>
      </c>
      <c r="AK30032">
        <v>40</v>
      </c>
      <c r="AL30032">
        <v>41</v>
      </c>
      <c r="AM30032">
        <v>41</v>
      </c>
      <c r="AN30032">
        <v>42</v>
      </c>
      <c r="AO30032">
        <v>42</v>
      </c>
      <c r="AP30032">
        <v>43</v>
      </c>
      <c r="AQ30032">
        <v>43</v>
      </c>
    </row>
    <row r="30033" spans="1:43">
      <c r="A30033" t="s">
        <v>18603</v>
      </c>
      <c r="B30033" t="s">
        <v>18604</v>
      </c>
      <c r="C30033" t="s">
        <v>18601</v>
      </c>
      <c r="D30033" t="s">
        <v>18602</v>
      </c>
      <c r="E30033" t="s">
        <v>18557</v>
      </c>
      <c r="F30033" t="s">
        <v>18558</v>
      </c>
      <c r="G30033" t="s">
        <v>10734</v>
      </c>
      <c r="H30033" t="s">
        <v>10735</v>
      </c>
      <c r="I30033" s="2">
        <v>0</v>
      </c>
      <c r="J30033" s="2">
        <v>0.99</v>
      </c>
      <c r="K30033" s="2">
        <v>0.01</v>
      </c>
      <c r="L30033" t="s">
        <v>82</v>
      </c>
      <c r="M30033" t="s">
        <v>83</v>
      </c>
      <c r="N30033" t="s">
        <v>91</v>
      </c>
      <c r="O30033" t="s">
        <v>85</v>
      </c>
      <c r="P30033" t="s">
        <v>86</v>
      </c>
      <c r="Q30033">
        <v>25</v>
      </c>
      <c r="R30033">
        <v>26</v>
      </c>
      <c r="S30033">
        <v>26</v>
      </c>
      <c r="T30033">
        <v>27</v>
      </c>
      <c r="U30033">
        <v>28</v>
      </c>
      <c r="V30033">
        <v>28</v>
      </c>
      <c r="W30033">
        <v>29</v>
      </c>
      <c r="X30033">
        <v>30</v>
      </c>
      <c r="Y30033">
        <v>31</v>
      </c>
      <c r="Z30033">
        <v>31</v>
      </c>
      <c r="AA30033">
        <v>32</v>
      </c>
      <c r="AB30033">
        <v>33</v>
      </c>
      <c r="AC30033">
        <v>34</v>
      </c>
      <c r="AD30033">
        <v>34</v>
      </c>
      <c r="AE30033">
        <v>35</v>
      </c>
      <c r="AF30033">
        <v>36</v>
      </c>
      <c r="AG30033">
        <v>37</v>
      </c>
      <c r="AH30033">
        <v>38</v>
      </c>
      <c r="AI30033">
        <v>38</v>
      </c>
      <c r="AJ30033">
        <v>39</v>
      </c>
      <c r="AK30033">
        <v>40</v>
      </c>
      <c r="AL30033">
        <v>41</v>
      </c>
      <c r="AM30033">
        <v>41</v>
      </c>
      <c r="AN30033">
        <v>42</v>
      </c>
      <c r="AO30033">
        <v>42</v>
      </c>
      <c r="AP30033">
        <v>43</v>
      </c>
      <c r="AQ30033">
        <v>43</v>
      </c>
    </row>
    <row r="30034" spans="1:43">
      <c r="A30034" t="s">
        <v>18605</v>
      </c>
      <c r="B30034" t="s">
        <v>18606</v>
      </c>
      <c r="C30034" t="s">
        <v>18607</v>
      </c>
      <c r="D30034" t="s">
        <v>18608</v>
      </c>
      <c r="E30034" t="s">
        <v>18557</v>
      </c>
      <c r="F30034" t="s">
        <v>18558</v>
      </c>
      <c r="G30034" t="s">
        <v>10734</v>
      </c>
      <c r="H30034" t="s">
        <v>10735</v>
      </c>
      <c r="I30034" s="2">
        <v>0</v>
      </c>
      <c r="J30034" s="2">
        <v>1</v>
      </c>
      <c r="K30034" s="2">
        <v>0</v>
      </c>
      <c r="L30034" t="s">
        <v>82</v>
      </c>
      <c r="M30034" t="s">
        <v>83</v>
      </c>
      <c r="N30034" t="s">
        <v>84</v>
      </c>
      <c r="O30034" t="s">
        <v>85</v>
      </c>
      <c r="P30034" t="s">
        <v>86</v>
      </c>
      <c r="Q30034">
        <v>11</v>
      </c>
      <c r="R30034">
        <v>12</v>
      </c>
      <c r="S30034">
        <v>12</v>
      </c>
      <c r="T30034">
        <v>12</v>
      </c>
      <c r="U30034">
        <v>13</v>
      </c>
      <c r="V30034">
        <v>13</v>
      </c>
      <c r="W30034">
        <v>13</v>
      </c>
      <c r="X30034">
        <v>14</v>
      </c>
      <c r="Y30034">
        <v>14</v>
      </c>
      <c r="Z30034">
        <v>14</v>
      </c>
      <c r="AA30034">
        <v>15</v>
      </c>
      <c r="AB30034">
        <v>15</v>
      </c>
      <c r="AC30034">
        <v>15</v>
      </c>
      <c r="AD30034">
        <v>16</v>
      </c>
      <c r="AE30034">
        <v>16</v>
      </c>
      <c r="AF30034">
        <v>17</v>
      </c>
      <c r="AG30034">
        <v>17</v>
      </c>
      <c r="AH30034">
        <v>17</v>
      </c>
      <c r="AI30034">
        <v>18</v>
      </c>
      <c r="AJ30034">
        <v>18</v>
      </c>
      <c r="AK30034">
        <v>18</v>
      </c>
      <c r="AL30034">
        <v>19</v>
      </c>
      <c r="AM30034">
        <v>19</v>
      </c>
      <c r="AN30034">
        <v>19</v>
      </c>
      <c r="AO30034">
        <v>19</v>
      </c>
      <c r="AP30034">
        <v>20</v>
      </c>
      <c r="AQ30034">
        <v>20</v>
      </c>
    </row>
    <row r="30035" spans="1:43">
      <c r="A30035" t="s">
        <v>18605</v>
      </c>
      <c r="B30035" t="s">
        <v>18606</v>
      </c>
      <c r="C30035" t="s">
        <v>18607</v>
      </c>
      <c r="D30035" t="s">
        <v>18608</v>
      </c>
      <c r="E30035" t="s">
        <v>18557</v>
      </c>
      <c r="F30035" t="s">
        <v>18558</v>
      </c>
      <c r="G30035" t="s">
        <v>10734</v>
      </c>
      <c r="H30035" t="s">
        <v>10735</v>
      </c>
      <c r="I30035" s="2">
        <v>0</v>
      </c>
      <c r="J30035" s="2">
        <v>1</v>
      </c>
      <c r="K30035" s="2">
        <v>0</v>
      </c>
      <c r="L30035" t="s">
        <v>82</v>
      </c>
      <c r="M30035" t="s">
        <v>87</v>
      </c>
      <c r="N30035" t="s">
        <v>88</v>
      </c>
      <c r="O30035" t="s">
        <v>85</v>
      </c>
      <c r="P30035" t="s">
        <v>86</v>
      </c>
      <c r="Q30035">
        <v>11</v>
      </c>
      <c r="R30035">
        <v>12</v>
      </c>
      <c r="S30035">
        <v>12</v>
      </c>
      <c r="T30035">
        <v>12</v>
      </c>
      <c r="U30035">
        <v>12</v>
      </c>
      <c r="V30035">
        <v>12</v>
      </c>
      <c r="W30035">
        <v>13</v>
      </c>
      <c r="X30035">
        <v>13</v>
      </c>
      <c r="Y30035">
        <v>13</v>
      </c>
      <c r="Z30035">
        <v>13</v>
      </c>
      <c r="AA30035">
        <v>13</v>
      </c>
      <c r="AB30035">
        <v>14</v>
      </c>
      <c r="AC30035">
        <v>14</v>
      </c>
      <c r="AD30035">
        <v>14</v>
      </c>
      <c r="AE30035">
        <v>14</v>
      </c>
      <c r="AF30035">
        <v>15</v>
      </c>
      <c r="AG30035">
        <v>15</v>
      </c>
      <c r="AH30035">
        <v>15</v>
      </c>
      <c r="AI30035">
        <v>15</v>
      </c>
      <c r="AJ30035">
        <v>16</v>
      </c>
      <c r="AK30035">
        <v>16</v>
      </c>
      <c r="AL30035">
        <v>16</v>
      </c>
      <c r="AM30035">
        <v>16</v>
      </c>
      <c r="AN30035">
        <v>17</v>
      </c>
      <c r="AO30035">
        <v>17</v>
      </c>
      <c r="AP30035">
        <v>17</v>
      </c>
      <c r="AQ30035">
        <v>17</v>
      </c>
    </row>
    <row r="30036" spans="1:43">
      <c r="A30036" t="s">
        <v>18605</v>
      </c>
      <c r="B30036" t="s">
        <v>18606</v>
      </c>
      <c r="C30036" t="s">
        <v>18607</v>
      </c>
      <c r="D30036" t="s">
        <v>18608</v>
      </c>
      <c r="E30036" t="s">
        <v>18557</v>
      </c>
      <c r="F30036" t="s">
        <v>18558</v>
      </c>
      <c r="G30036" t="s">
        <v>10734</v>
      </c>
      <c r="H30036" t="s">
        <v>10735</v>
      </c>
      <c r="I30036" s="2">
        <v>0</v>
      </c>
      <c r="J30036" s="2">
        <v>1</v>
      </c>
      <c r="K30036" s="2">
        <v>0</v>
      </c>
      <c r="L30036" t="s">
        <v>82</v>
      </c>
      <c r="M30036" t="s">
        <v>89</v>
      </c>
      <c r="N30036" t="s">
        <v>90</v>
      </c>
      <c r="O30036" t="s">
        <v>85</v>
      </c>
      <c r="P30036" t="s">
        <v>86</v>
      </c>
      <c r="Q30036">
        <v>11</v>
      </c>
      <c r="R30036">
        <v>11</v>
      </c>
      <c r="S30036">
        <v>11</v>
      </c>
      <c r="T30036">
        <v>12</v>
      </c>
      <c r="U30036">
        <v>12</v>
      </c>
      <c r="V30036">
        <v>13</v>
      </c>
      <c r="W30036">
        <v>13</v>
      </c>
      <c r="X30036">
        <v>13</v>
      </c>
      <c r="Y30036">
        <v>14</v>
      </c>
      <c r="Z30036">
        <v>14</v>
      </c>
      <c r="AA30036">
        <v>15</v>
      </c>
      <c r="AB30036">
        <v>15</v>
      </c>
      <c r="AC30036">
        <v>16</v>
      </c>
      <c r="AD30036">
        <v>16</v>
      </c>
      <c r="AE30036">
        <v>16</v>
      </c>
      <c r="AF30036">
        <v>17</v>
      </c>
      <c r="AG30036">
        <v>17</v>
      </c>
      <c r="AH30036">
        <v>17</v>
      </c>
      <c r="AI30036">
        <v>17</v>
      </c>
      <c r="AJ30036">
        <v>17</v>
      </c>
      <c r="AK30036">
        <v>18</v>
      </c>
      <c r="AL30036">
        <v>18</v>
      </c>
      <c r="AM30036">
        <v>18</v>
      </c>
      <c r="AN30036">
        <v>18</v>
      </c>
      <c r="AO30036">
        <v>18</v>
      </c>
      <c r="AP30036">
        <v>19</v>
      </c>
      <c r="AQ30036">
        <v>19</v>
      </c>
    </row>
    <row r="30037" spans="1:43">
      <c r="A30037" t="s">
        <v>18605</v>
      </c>
      <c r="B30037" t="s">
        <v>18606</v>
      </c>
      <c r="C30037" t="s">
        <v>18607</v>
      </c>
      <c r="D30037" t="s">
        <v>18608</v>
      </c>
      <c r="E30037" t="s">
        <v>18557</v>
      </c>
      <c r="F30037" t="s">
        <v>18558</v>
      </c>
      <c r="G30037" t="s">
        <v>10734</v>
      </c>
      <c r="H30037" t="s">
        <v>10735</v>
      </c>
      <c r="I30037" s="2">
        <v>0</v>
      </c>
      <c r="J30037" s="2">
        <v>1</v>
      </c>
      <c r="K30037" s="2">
        <v>0</v>
      </c>
      <c r="L30037" t="s">
        <v>82</v>
      </c>
      <c r="M30037" t="s">
        <v>83</v>
      </c>
      <c r="N30037" t="s">
        <v>91</v>
      </c>
      <c r="O30037" t="s">
        <v>85</v>
      </c>
      <c r="P30037" t="s">
        <v>86</v>
      </c>
      <c r="Q30037">
        <v>11</v>
      </c>
      <c r="R30037">
        <v>12</v>
      </c>
      <c r="S30037">
        <v>12</v>
      </c>
      <c r="T30037">
        <v>12</v>
      </c>
      <c r="U30037">
        <v>13</v>
      </c>
      <c r="V30037">
        <v>13</v>
      </c>
      <c r="W30037">
        <v>13</v>
      </c>
      <c r="X30037">
        <v>14</v>
      </c>
      <c r="Y30037">
        <v>14</v>
      </c>
      <c r="Z30037">
        <v>14</v>
      </c>
      <c r="AA30037">
        <v>15</v>
      </c>
      <c r="AB30037">
        <v>15</v>
      </c>
      <c r="AC30037">
        <v>15</v>
      </c>
      <c r="AD30037">
        <v>16</v>
      </c>
      <c r="AE30037">
        <v>16</v>
      </c>
      <c r="AF30037">
        <v>17</v>
      </c>
      <c r="AG30037">
        <v>17</v>
      </c>
      <c r="AH30037">
        <v>17</v>
      </c>
      <c r="AI30037">
        <v>18</v>
      </c>
      <c r="AJ30037">
        <v>18</v>
      </c>
      <c r="AK30037">
        <v>18</v>
      </c>
      <c r="AL30037">
        <v>19</v>
      </c>
      <c r="AM30037">
        <v>19</v>
      </c>
      <c r="AN30037">
        <v>19</v>
      </c>
      <c r="AO30037">
        <v>19</v>
      </c>
      <c r="AP30037">
        <v>20</v>
      </c>
      <c r="AQ30037">
        <v>20</v>
      </c>
    </row>
    <row r="30038" spans="1:43">
      <c r="A30038" t="s">
        <v>18609</v>
      </c>
      <c r="B30038" t="s">
        <v>18610</v>
      </c>
      <c r="C30038" t="s">
        <v>18611</v>
      </c>
      <c r="D30038" t="s">
        <v>18612</v>
      </c>
      <c r="E30038" t="s">
        <v>18557</v>
      </c>
      <c r="F30038" t="s">
        <v>18558</v>
      </c>
      <c r="G30038" t="s">
        <v>10734</v>
      </c>
      <c r="H30038" t="s">
        <v>10735</v>
      </c>
      <c r="I30038" s="2">
        <v>0</v>
      </c>
      <c r="J30038" s="2">
        <v>0</v>
      </c>
      <c r="K30038" s="2">
        <v>1</v>
      </c>
      <c r="L30038" t="s">
        <v>995</v>
      </c>
      <c r="M30038" t="s">
        <v>83</v>
      </c>
      <c r="N30038" t="s">
        <v>84</v>
      </c>
      <c r="O30038" t="s">
        <v>85</v>
      </c>
      <c r="P30038" t="s">
        <v>86</v>
      </c>
      <c r="Q30038">
        <v>39</v>
      </c>
      <c r="R30038">
        <v>40</v>
      </c>
      <c r="S30038">
        <v>41</v>
      </c>
      <c r="T30038">
        <v>42</v>
      </c>
      <c r="U30038">
        <v>43</v>
      </c>
      <c r="V30038">
        <v>44</v>
      </c>
      <c r="W30038">
        <v>45</v>
      </c>
      <c r="X30038">
        <v>46</v>
      </c>
      <c r="Y30038">
        <v>47</v>
      </c>
      <c r="Z30038">
        <v>49</v>
      </c>
      <c r="AA30038">
        <v>50</v>
      </c>
      <c r="AB30038">
        <v>51</v>
      </c>
      <c r="AC30038">
        <v>52</v>
      </c>
      <c r="AD30038">
        <v>53</v>
      </c>
      <c r="AE30038">
        <v>54</v>
      </c>
      <c r="AF30038">
        <v>56</v>
      </c>
      <c r="AG30038">
        <v>57</v>
      </c>
      <c r="AH30038">
        <v>58</v>
      </c>
      <c r="AI30038">
        <v>59</v>
      </c>
      <c r="AJ30038">
        <v>61</v>
      </c>
      <c r="AK30038">
        <v>62</v>
      </c>
      <c r="AL30038">
        <v>63</v>
      </c>
      <c r="AM30038">
        <v>64</v>
      </c>
      <c r="AN30038">
        <v>65</v>
      </c>
      <c r="AO30038">
        <v>65</v>
      </c>
      <c r="AP30038">
        <v>66</v>
      </c>
      <c r="AQ30038">
        <v>67</v>
      </c>
    </row>
    <row r="30039" spans="1:43">
      <c r="A30039" t="s">
        <v>18609</v>
      </c>
      <c r="B30039" t="s">
        <v>18610</v>
      </c>
      <c r="C30039" t="s">
        <v>18611</v>
      </c>
      <c r="D30039" t="s">
        <v>18612</v>
      </c>
      <c r="E30039" t="s">
        <v>18557</v>
      </c>
      <c r="F30039" t="s">
        <v>18558</v>
      </c>
      <c r="G30039" t="s">
        <v>10734</v>
      </c>
      <c r="H30039" t="s">
        <v>10735</v>
      </c>
      <c r="I30039" s="2">
        <v>0</v>
      </c>
      <c r="J30039" s="2">
        <v>0</v>
      </c>
      <c r="K30039" s="2">
        <v>1</v>
      </c>
      <c r="L30039" t="s">
        <v>995</v>
      </c>
      <c r="M30039" t="s">
        <v>87</v>
      </c>
      <c r="N30039" t="s">
        <v>88</v>
      </c>
      <c r="O30039" t="s">
        <v>85</v>
      </c>
      <c r="P30039" t="s">
        <v>86</v>
      </c>
      <c r="Q30039">
        <v>39</v>
      </c>
      <c r="R30039">
        <v>39</v>
      </c>
      <c r="S30039">
        <v>40</v>
      </c>
      <c r="T30039">
        <v>41</v>
      </c>
      <c r="U30039">
        <v>41</v>
      </c>
      <c r="V30039">
        <v>42</v>
      </c>
      <c r="W30039">
        <v>43</v>
      </c>
      <c r="X30039">
        <v>43</v>
      </c>
      <c r="Y30039">
        <v>44</v>
      </c>
      <c r="Z30039">
        <v>45</v>
      </c>
      <c r="AA30039">
        <v>45</v>
      </c>
      <c r="AB30039">
        <v>46</v>
      </c>
      <c r="AC30039">
        <v>47</v>
      </c>
      <c r="AD30039">
        <v>48</v>
      </c>
      <c r="AE30039">
        <v>48</v>
      </c>
      <c r="AF30039">
        <v>49</v>
      </c>
      <c r="AG30039">
        <v>50</v>
      </c>
      <c r="AH30039">
        <v>51</v>
      </c>
      <c r="AI30039">
        <v>51</v>
      </c>
      <c r="AJ30039">
        <v>52</v>
      </c>
      <c r="AK30039">
        <v>53</v>
      </c>
      <c r="AL30039">
        <v>54</v>
      </c>
      <c r="AM30039">
        <v>55</v>
      </c>
      <c r="AN30039">
        <v>56</v>
      </c>
      <c r="AO30039">
        <v>56</v>
      </c>
      <c r="AP30039">
        <v>57</v>
      </c>
      <c r="AQ30039">
        <v>58</v>
      </c>
    </row>
    <row r="30040" spans="1:43">
      <c r="A30040" t="s">
        <v>18609</v>
      </c>
      <c r="B30040" t="s">
        <v>18610</v>
      </c>
      <c r="C30040" t="s">
        <v>18611</v>
      </c>
      <c r="D30040" t="s">
        <v>18612</v>
      </c>
      <c r="E30040" t="s">
        <v>18557</v>
      </c>
      <c r="F30040" t="s">
        <v>18558</v>
      </c>
      <c r="G30040" t="s">
        <v>10734</v>
      </c>
      <c r="H30040" t="s">
        <v>10735</v>
      </c>
      <c r="I30040" s="2">
        <v>0</v>
      </c>
      <c r="J30040" s="2">
        <v>0</v>
      </c>
      <c r="K30040" s="2">
        <v>1</v>
      </c>
      <c r="L30040" t="s">
        <v>995</v>
      </c>
      <c r="M30040" t="s">
        <v>89</v>
      </c>
      <c r="N30040" t="s">
        <v>90</v>
      </c>
      <c r="O30040" t="s">
        <v>85</v>
      </c>
      <c r="P30040" t="s">
        <v>86</v>
      </c>
      <c r="Q30040">
        <v>39</v>
      </c>
      <c r="R30040">
        <v>41</v>
      </c>
      <c r="S30040">
        <v>42</v>
      </c>
      <c r="T30040">
        <v>43</v>
      </c>
      <c r="U30040">
        <v>45</v>
      </c>
      <c r="V30040">
        <v>46</v>
      </c>
      <c r="W30040">
        <v>48</v>
      </c>
      <c r="X30040">
        <v>49</v>
      </c>
      <c r="Y30040">
        <v>50</v>
      </c>
      <c r="Z30040">
        <v>52</v>
      </c>
      <c r="AA30040">
        <v>53</v>
      </c>
      <c r="AB30040">
        <v>54</v>
      </c>
      <c r="AC30040">
        <v>56</v>
      </c>
      <c r="AD30040">
        <v>57</v>
      </c>
      <c r="AE30040">
        <v>58</v>
      </c>
      <c r="AF30040">
        <v>59</v>
      </c>
      <c r="AG30040">
        <v>60</v>
      </c>
      <c r="AH30040">
        <v>61</v>
      </c>
      <c r="AI30040">
        <v>61</v>
      </c>
      <c r="AJ30040">
        <v>62</v>
      </c>
      <c r="AK30040">
        <v>63</v>
      </c>
      <c r="AL30040">
        <v>63</v>
      </c>
      <c r="AM30040">
        <v>64</v>
      </c>
      <c r="AN30040">
        <v>65</v>
      </c>
      <c r="AO30040">
        <v>66</v>
      </c>
      <c r="AP30040">
        <v>67</v>
      </c>
      <c r="AQ30040">
        <v>67</v>
      </c>
    </row>
    <row r="30041" spans="1:43">
      <c r="A30041" t="s">
        <v>18609</v>
      </c>
      <c r="B30041" t="s">
        <v>18610</v>
      </c>
      <c r="C30041" t="s">
        <v>18611</v>
      </c>
      <c r="D30041" t="s">
        <v>18612</v>
      </c>
      <c r="E30041" t="s">
        <v>18557</v>
      </c>
      <c r="F30041" t="s">
        <v>18558</v>
      </c>
      <c r="G30041" t="s">
        <v>10734</v>
      </c>
      <c r="H30041" t="s">
        <v>10735</v>
      </c>
      <c r="I30041" s="2">
        <v>0</v>
      </c>
      <c r="J30041" s="2">
        <v>0</v>
      </c>
      <c r="K30041" s="2">
        <v>1</v>
      </c>
      <c r="L30041" t="s">
        <v>995</v>
      </c>
      <c r="M30041" t="s">
        <v>83</v>
      </c>
      <c r="N30041" t="s">
        <v>91</v>
      </c>
      <c r="O30041" t="s">
        <v>85</v>
      </c>
      <c r="P30041" t="s">
        <v>86</v>
      </c>
      <c r="Q30041">
        <v>39</v>
      </c>
      <c r="R30041">
        <v>40</v>
      </c>
      <c r="S30041">
        <v>41</v>
      </c>
      <c r="T30041">
        <v>42</v>
      </c>
      <c r="U30041">
        <v>43</v>
      </c>
      <c r="V30041">
        <v>44</v>
      </c>
      <c r="W30041">
        <v>45</v>
      </c>
      <c r="X30041">
        <v>46</v>
      </c>
      <c r="Y30041">
        <v>47</v>
      </c>
      <c r="Z30041">
        <v>49</v>
      </c>
      <c r="AA30041">
        <v>50</v>
      </c>
      <c r="AB30041">
        <v>51</v>
      </c>
      <c r="AC30041">
        <v>52</v>
      </c>
      <c r="AD30041">
        <v>53</v>
      </c>
      <c r="AE30041">
        <v>54</v>
      </c>
      <c r="AF30041">
        <v>56</v>
      </c>
      <c r="AG30041">
        <v>57</v>
      </c>
      <c r="AH30041">
        <v>58</v>
      </c>
      <c r="AI30041">
        <v>59</v>
      </c>
      <c r="AJ30041">
        <v>61</v>
      </c>
      <c r="AK30041">
        <v>62</v>
      </c>
      <c r="AL30041">
        <v>63</v>
      </c>
      <c r="AM30041">
        <v>64</v>
      </c>
      <c r="AN30041">
        <v>65</v>
      </c>
      <c r="AO30041">
        <v>65</v>
      </c>
      <c r="AP30041">
        <v>66</v>
      </c>
      <c r="AQ30041">
        <v>67</v>
      </c>
    </row>
    <row r="30042" spans="1:43">
      <c r="A30042" t="s">
        <v>18613</v>
      </c>
      <c r="B30042" t="s">
        <v>18614</v>
      </c>
      <c r="C30042" t="s">
        <v>18611</v>
      </c>
      <c r="D30042" t="s">
        <v>18612</v>
      </c>
      <c r="E30042" t="s">
        <v>18557</v>
      </c>
      <c r="F30042" t="s">
        <v>18558</v>
      </c>
      <c r="G30042" t="s">
        <v>10734</v>
      </c>
      <c r="H30042" t="s">
        <v>10735</v>
      </c>
      <c r="I30042" s="2">
        <v>0</v>
      </c>
      <c r="J30042" s="2">
        <v>0</v>
      </c>
      <c r="K30042" s="2">
        <v>1</v>
      </c>
      <c r="L30042" t="s">
        <v>995</v>
      </c>
      <c r="M30042" t="s">
        <v>83</v>
      </c>
      <c r="N30042" t="s">
        <v>84</v>
      </c>
      <c r="O30042" t="s">
        <v>85</v>
      </c>
      <c r="P30042" t="s">
        <v>86</v>
      </c>
      <c r="Q30042">
        <v>61</v>
      </c>
      <c r="R30042">
        <v>63</v>
      </c>
      <c r="S30042">
        <v>65</v>
      </c>
      <c r="T30042">
        <v>66</v>
      </c>
      <c r="U30042">
        <v>68</v>
      </c>
      <c r="V30042">
        <v>70</v>
      </c>
      <c r="W30042">
        <v>71</v>
      </c>
      <c r="X30042">
        <v>73</v>
      </c>
      <c r="Y30042">
        <v>75</v>
      </c>
      <c r="Z30042">
        <v>77</v>
      </c>
      <c r="AA30042">
        <v>79</v>
      </c>
      <c r="AB30042">
        <v>81</v>
      </c>
      <c r="AC30042">
        <v>82</v>
      </c>
      <c r="AD30042">
        <v>84</v>
      </c>
      <c r="AE30042">
        <v>86</v>
      </c>
      <c r="AF30042">
        <v>88</v>
      </c>
      <c r="AG30042">
        <v>90</v>
      </c>
      <c r="AH30042">
        <v>92</v>
      </c>
      <c r="AI30042">
        <v>94</v>
      </c>
      <c r="AJ30042">
        <v>96</v>
      </c>
      <c r="AK30042">
        <v>98</v>
      </c>
      <c r="AL30042">
        <v>100</v>
      </c>
      <c r="AM30042">
        <v>101</v>
      </c>
      <c r="AN30042">
        <v>102</v>
      </c>
      <c r="AO30042">
        <v>103</v>
      </c>
      <c r="AP30042">
        <v>104</v>
      </c>
      <c r="AQ30042">
        <v>106</v>
      </c>
    </row>
    <row r="30043" spans="1:43">
      <c r="A30043" t="s">
        <v>18613</v>
      </c>
      <c r="B30043" t="s">
        <v>18614</v>
      </c>
      <c r="C30043" t="s">
        <v>18611</v>
      </c>
      <c r="D30043" t="s">
        <v>18612</v>
      </c>
      <c r="E30043" t="s">
        <v>18557</v>
      </c>
      <c r="F30043" t="s">
        <v>18558</v>
      </c>
      <c r="G30043" t="s">
        <v>10734</v>
      </c>
      <c r="H30043" t="s">
        <v>10735</v>
      </c>
      <c r="I30043" s="2">
        <v>0</v>
      </c>
      <c r="J30043" s="2">
        <v>0</v>
      </c>
      <c r="K30043" s="2">
        <v>1</v>
      </c>
      <c r="L30043" t="s">
        <v>995</v>
      </c>
      <c r="M30043" t="s">
        <v>87</v>
      </c>
      <c r="N30043" t="s">
        <v>88</v>
      </c>
      <c r="O30043" t="s">
        <v>85</v>
      </c>
      <c r="P30043" t="s">
        <v>86</v>
      </c>
      <c r="Q30043">
        <v>61</v>
      </c>
      <c r="R30043">
        <v>62</v>
      </c>
      <c r="S30043">
        <v>63</v>
      </c>
      <c r="T30043">
        <v>64</v>
      </c>
      <c r="U30043">
        <v>65</v>
      </c>
      <c r="V30043">
        <v>66</v>
      </c>
      <c r="W30043">
        <v>67</v>
      </c>
      <c r="X30043">
        <v>68</v>
      </c>
      <c r="Y30043">
        <v>69</v>
      </c>
      <c r="Z30043">
        <v>71</v>
      </c>
      <c r="AA30043">
        <v>72</v>
      </c>
      <c r="AB30043">
        <v>73</v>
      </c>
      <c r="AC30043">
        <v>74</v>
      </c>
      <c r="AD30043">
        <v>75</v>
      </c>
      <c r="AE30043">
        <v>76</v>
      </c>
      <c r="AF30043">
        <v>78</v>
      </c>
      <c r="AG30043">
        <v>79</v>
      </c>
      <c r="AH30043">
        <v>80</v>
      </c>
      <c r="AI30043">
        <v>81</v>
      </c>
      <c r="AJ30043">
        <v>83</v>
      </c>
      <c r="AK30043">
        <v>84</v>
      </c>
      <c r="AL30043">
        <v>85</v>
      </c>
      <c r="AM30043">
        <v>87</v>
      </c>
      <c r="AN30043">
        <v>88</v>
      </c>
      <c r="AO30043">
        <v>89</v>
      </c>
      <c r="AP30043">
        <v>91</v>
      </c>
      <c r="AQ30043">
        <v>92</v>
      </c>
    </row>
    <row r="30044" spans="1:43">
      <c r="A30044" t="s">
        <v>18613</v>
      </c>
      <c r="B30044" t="s">
        <v>18614</v>
      </c>
      <c r="C30044" t="s">
        <v>18611</v>
      </c>
      <c r="D30044" t="s">
        <v>18612</v>
      </c>
      <c r="E30044" t="s">
        <v>18557</v>
      </c>
      <c r="F30044" t="s">
        <v>18558</v>
      </c>
      <c r="G30044" t="s">
        <v>10734</v>
      </c>
      <c r="H30044" t="s">
        <v>10735</v>
      </c>
      <c r="I30044" s="2">
        <v>0</v>
      </c>
      <c r="J30044" s="2">
        <v>0</v>
      </c>
      <c r="K30044" s="2">
        <v>1</v>
      </c>
      <c r="L30044" t="s">
        <v>995</v>
      </c>
      <c r="M30044" t="s">
        <v>89</v>
      </c>
      <c r="N30044" t="s">
        <v>90</v>
      </c>
      <c r="O30044" t="s">
        <v>85</v>
      </c>
      <c r="P30044" t="s">
        <v>86</v>
      </c>
      <c r="Q30044">
        <v>61</v>
      </c>
      <c r="R30044">
        <v>63</v>
      </c>
      <c r="S30044">
        <v>65</v>
      </c>
      <c r="T30044">
        <v>68</v>
      </c>
      <c r="U30044">
        <v>70</v>
      </c>
      <c r="V30044">
        <v>72</v>
      </c>
      <c r="W30044">
        <v>74</v>
      </c>
      <c r="X30044">
        <v>76</v>
      </c>
      <c r="Y30044">
        <v>78</v>
      </c>
      <c r="Z30044">
        <v>81</v>
      </c>
      <c r="AA30044">
        <v>83</v>
      </c>
      <c r="AB30044">
        <v>85</v>
      </c>
      <c r="AC30044">
        <v>87</v>
      </c>
      <c r="AD30044">
        <v>89</v>
      </c>
      <c r="AE30044">
        <v>91</v>
      </c>
      <c r="AF30044">
        <v>92</v>
      </c>
      <c r="AG30044">
        <v>93</v>
      </c>
      <c r="AH30044">
        <v>94</v>
      </c>
      <c r="AI30044">
        <v>96</v>
      </c>
      <c r="AJ30044">
        <v>97</v>
      </c>
      <c r="AK30044">
        <v>98</v>
      </c>
      <c r="AL30044">
        <v>99</v>
      </c>
      <c r="AM30044">
        <v>100</v>
      </c>
      <c r="AN30044">
        <v>102</v>
      </c>
      <c r="AO30044">
        <v>103</v>
      </c>
      <c r="AP30044">
        <v>104</v>
      </c>
      <c r="AQ30044">
        <v>105</v>
      </c>
    </row>
    <row r="30045" spans="1:43">
      <c r="A30045" t="s">
        <v>18613</v>
      </c>
      <c r="B30045" t="s">
        <v>18614</v>
      </c>
      <c r="C30045" t="s">
        <v>18611</v>
      </c>
      <c r="D30045" t="s">
        <v>18612</v>
      </c>
      <c r="E30045" t="s">
        <v>18557</v>
      </c>
      <c r="F30045" t="s">
        <v>18558</v>
      </c>
      <c r="G30045" t="s">
        <v>10734</v>
      </c>
      <c r="H30045" t="s">
        <v>10735</v>
      </c>
      <c r="I30045" s="2">
        <v>0</v>
      </c>
      <c r="J30045" s="2">
        <v>0</v>
      </c>
      <c r="K30045" s="2">
        <v>1</v>
      </c>
      <c r="L30045" t="s">
        <v>995</v>
      </c>
      <c r="M30045" t="s">
        <v>83</v>
      </c>
      <c r="N30045" t="s">
        <v>91</v>
      </c>
      <c r="O30045" t="s">
        <v>85</v>
      </c>
      <c r="P30045" t="s">
        <v>86</v>
      </c>
      <c r="Q30045">
        <v>61</v>
      </c>
      <c r="R30045">
        <v>63</v>
      </c>
      <c r="S30045">
        <v>65</v>
      </c>
      <c r="T30045">
        <v>66</v>
      </c>
      <c r="U30045">
        <v>68</v>
      </c>
      <c r="V30045">
        <v>70</v>
      </c>
      <c r="W30045">
        <v>71</v>
      </c>
      <c r="X30045">
        <v>73</v>
      </c>
      <c r="Y30045">
        <v>75</v>
      </c>
      <c r="Z30045">
        <v>77</v>
      </c>
      <c r="AA30045">
        <v>79</v>
      </c>
      <c r="AB30045">
        <v>81</v>
      </c>
      <c r="AC30045">
        <v>82</v>
      </c>
      <c r="AD30045">
        <v>84</v>
      </c>
      <c r="AE30045">
        <v>86</v>
      </c>
      <c r="AF30045">
        <v>88</v>
      </c>
      <c r="AG30045">
        <v>90</v>
      </c>
      <c r="AH30045">
        <v>92</v>
      </c>
      <c r="AI30045">
        <v>94</v>
      </c>
      <c r="AJ30045">
        <v>96</v>
      </c>
      <c r="AK30045">
        <v>98</v>
      </c>
      <c r="AL30045">
        <v>100</v>
      </c>
      <c r="AM30045">
        <v>101</v>
      </c>
      <c r="AN30045">
        <v>102</v>
      </c>
      <c r="AO30045">
        <v>103</v>
      </c>
      <c r="AP30045">
        <v>104</v>
      </c>
      <c r="AQ30045">
        <v>106</v>
      </c>
    </row>
    <row r="30046" spans="1:43">
      <c r="A30046" t="s">
        <v>18615</v>
      </c>
      <c r="B30046" t="s">
        <v>18616</v>
      </c>
      <c r="C30046" t="s">
        <v>18611</v>
      </c>
      <c r="D30046" t="s">
        <v>18612</v>
      </c>
      <c r="E30046" t="s">
        <v>18557</v>
      </c>
      <c r="F30046" t="s">
        <v>18558</v>
      </c>
      <c r="G30046" t="s">
        <v>10734</v>
      </c>
      <c r="H30046" t="s">
        <v>10735</v>
      </c>
      <c r="I30046" s="2">
        <v>0</v>
      </c>
      <c r="J30046" s="2">
        <v>0</v>
      </c>
      <c r="K30046" s="2">
        <v>1</v>
      </c>
      <c r="L30046" t="s">
        <v>995</v>
      </c>
      <c r="M30046" t="s">
        <v>83</v>
      </c>
      <c r="N30046" t="s">
        <v>84</v>
      </c>
      <c r="O30046" t="s">
        <v>85</v>
      </c>
      <c r="P30046" t="s">
        <v>86</v>
      </c>
      <c r="Q30046">
        <v>14</v>
      </c>
      <c r="R30046">
        <v>14</v>
      </c>
      <c r="S30046">
        <v>15</v>
      </c>
      <c r="T30046">
        <v>15</v>
      </c>
      <c r="U30046">
        <v>15</v>
      </c>
      <c r="V30046">
        <v>16</v>
      </c>
      <c r="W30046">
        <v>16</v>
      </c>
      <c r="X30046">
        <v>17</v>
      </c>
      <c r="Y30046">
        <v>17</v>
      </c>
      <c r="Z30046">
        <v>17</v>
      </c>
      <c r="AA30046">
        <v>18</v>
      </c>
      <c r="AB30046">
        <v>18</v>
      </c>
      <c r="AC30046">
        <v>19</v>
      </c>
      <c r="AD30046">
        <v>19</v>
      </c>
      <c r="AE30046">
        <v>19</v>
      </c>
      <c r="AF30046">
        <v>20</v>
      </c>
      <c r="AG30046">
        <v>20</v>
      </c>
      <c r="AH30046">
        <v>21</v>
      </c>
      <c r="AI30046">
        <v>21</v>
      </c>
      <c r="AJ30046">
        <v>22</v>
      </c>
      <c r="AK30046">
        <v>22</v>
      </c>
      <c r="AL30046">
        <v>22</v>
      </c>
      <c r="AM30046">
        <v>23</v>
      </c>
      <c r="AN30046">
        <v>23</v>
      </c>
      <c r="AO30046">
        <v>23</v>
      </c>
      <c r="AP30046">
        <v>24</v>
      </c>
      <c r="AQ30046">
        <v>24</v>
      </c>
    </row>
    <row r="30047" spans="1:43">
      <c r="A30047" t="s">
        <v>18615</v>
      </c>
      <c r="B30047" t="s">
        <v>18616</v>
      </c>
      <c r="C30047" t="s">
        <v>18611</v>
      </c>
      <c r="D30047" t="s">
        <v>18612</v>
      </c>
      <c r="E30047" t="s">
        <v>18557</v>
      </c>
      <c r="F30047" t="s">
        <v>18558</v>
      </c>
      <c r="G30047" t="s">
        <v>10734</v>
      </c>
      <c r="H30047" t="s">
        <v>10735</v>
      </c>
      <c r="I30047" s="2">
        <v>0</v>
      </c>
      <c r="J30047" s="2">
        <v>0</v>
      </c>
      <c r="K30047" s="2">
        <v>1</v>
      </c>
      <c r="L30047" t="s">
        <v>995</v>
      </c>
      <c r="M30047" t="s">
        <v>87</v>
      </c>
      <c r="N30047" t="s">
        <v>88</v>
      </c>
      <c r="O30047" t="s">
        <v>85</v>
      </c>
      <c r="P30047" t="s">
        <v>86</v>
      </c>
      <c r="Q30047">
        <v>14</v>
      </c>
      <c r="R30047">
        <v>14</v>
      </c>
      <c r="S30047">
        <v>14</v>
      </c>
      <c r="T30047">
        <v>14</v>
      </c>
      <c r="U30047">
        <v>15</v>
      </c>
      <c r="V30047">
        <v>15</v>
      </c>
      <c r="W30047">
        <v>15</v>
      </c>
      <c r="X30047">
        <v>15</v>
      </c>
      <c r="Y30047">
        <v>16</v>
      </c>
      <c r="Z30047">
        <v>16</v>
      </c>
      <c r="AA30047">
        <v>16</v>
      </c>
      <c r="AB30047">
        <v>16</v>
      </c>
      <c r="AC30047">
        <v>17</v>
      </c>
      <c r="AD30047">
        <v>17</v>
      </c>
      <c r="AE30047">
        <v>17</v>
      </c>
      <c r="AF30047">
        <v>17</v>
      </c>
      <c r="AG30047">
        <v>18</v>
      </c>
      <c r="AH30047">
        <v>18</v>
      </c>
      <c r="AI30047">
        <v>18</v>
      </c>
      <c r="AJ30047">
        <v>19</v>
      </c>
      <c r="AK30047">
        <v>19</v>
      </c>
      <c r="AL30047">
        <v>19</v>
      </c>
      <c r="AM30047">
        <v>20</v>
      </c>
      <c r="AN30047">
        <v>20</v>
      </c>
      <c r="AO30047">
        <v>20</v>
      </c>
      <c r="AP30047">
        <v>20</v>
      </c>
      <c r="AQ30047">
        <v>21</v>
      </c>
    </row>
    <row r="30048" spans="1:43">
      <c r="A30048" t="s">
        <v>18615</v>
      </c>
      <c r="B30048" t="s">
        <v>18616</v>
      </c>
      <c r="C30048" t="s">
        <v>18611</v>
      </c>
      <c r="D30048" t="s">
        <v>18612</v>
      </c>
      <c r="E30048" t="s">
        <v>18557</v>
      </c>
      <c r="F30048" t="s">
        <v>18558</v>
      </c>
      <c r="G30048" t="s">
        <v>10734</v>
      </c>
      <c r="H30048" t="s">
        <v>10735</v>
      </c>
      <c r="I30048" s="2">
        <v>0</v>
      </c>
      <c r="J30048" s="2">
        <v>0</v>
      </c>
      <c r="K30048" s="2">
        <v>1</v>
      </c>
      <c r="L30048" t="s">
        <v>995</v>
      </c>
      <c r="M30048" t="s">
        <v>89</v>
      </c>
      <c r="N30048" t="s">
        <v>90</v>
      </c>
      <c r="O30048" t="s">
        <v>85</v>
      </c>
      <c r="P30048" t="s">
        <v>86</v>
      </c>
      <c r="Q30048">
        <v>14</v>
      </c>
      <c r="R30048">
        <v>14</v>
      </c>
      <c r="S30048">
        <v>15</v>
      </c>
      <c r="T30048">
        <v>15</v>
      </c>
      <c r="U30048">
        <v>16</v>
      </c>
      <c r="V30048">
        <v>16</v>
      </c>
      <c r="W30048">
        <v>17</v>
      </c>
      <c r="X30048">
        <v>17</v>
      </c>
      <c r="Y30048">
        <v>18</v>
      </c>
      <c r="Z30048">
        <v>18</v>
      </c>
      <c r="AA30048">
        <v>19</v>
      </c>
      <c r="AB30048">
        <v>19</v>
      </c>
      <c r="AC30048">
        <v>20</v>
      </c>
      <c r="AD30048">
        <v>20</v>
      </c>
      <c r="AE30048">
        <v>21</v>
      </c>
      <c r="AF30048">
        <v>21</v>
      </c>
      <c r="AG30048">
        <v>21</v>
      </c>
      <c r="AH30048">
        <v>22</v>
      </c>
      <c r="AI30048">
        <v>22</v>
      </c>
      <c r="AJ30048">
        <v>22</v>
      </c>
      <c r="AK30048">
        <v>22</v>
      </c>
      <c r="AL30048">
        <v>23</v>
      </c>
      <c r="AM30048">
        <v>23</v>
      </c>
      <c r="AN30048">
        <v>23</v>
      </c>
      <c r="AO30048">
        <v>23</v>
      </c>
      <c r="AP30048">
        <v>24</v>
      </c>
      <c r="AQ30048">
        <v>24</v>
      </c>
    </row>
    <row r="30049" spans="1:43">
      <c r="A30049" t="s">
        <v>18615</v>
      </c>
      <c r="B30049" t="s">
        <v>18616</v>
      </c>
      <c r="C30049" t="s">
        <v>18611</v>
      </c>
      <c r="D30049" t="s">
        <v>18612</v>
      </c>
      <c r="E30049" t="s">
        <v>18557</v>
      </c>
      <c r="F30049" t="s">
        <v>18558</v>
      </c>
      <c r="G30049" t="s">
        <v>10734</v>
      </c>
      <c r="H30049" t="s">
        <v>10735</v>
      </c>
      <c r="I30049" s="2">
        <v>0</v>
      </c>
      <c r="J30049" s="2">
        <v>0</v>
      </c>
      <c r="K30049" s="2">
        <v>1</v>
      </c>
      <c r="L30049" t="s">
        <v>995</v>
      </c>
      <c r="M30049" t="s">
        <v>83</v>
      </c>
      <c r="N30049" t="s">
        <v>91</v>
      </c>
      <c r="O30049" t="s">
        <v>85</v>
      </c>
      <c r="P30049" t="s">
        <v>86</v>
      </c>
      <c r="Q30049">
        <v>14</v>
      </c>
      <c r="R30049">
        <v>14</v>
      </c>
      <c r="S30049">
        <v>15</v>
      </c>
      <c r="T30049">
        <v>15</v>
      </c>
      <c r="U30049">
        <v>15</v>
      </c>
      <c r="V30049">
        <v>16</v>
      </c>
      <c r="W30049">
        <v>16</v>
      </c>
      <c r="X30049">
        <v>17</v>
      </c>
      <c r="Y30049">
        <v>17</v>
      </c>
      <c r="Z30049">
        <v>17</v>
      </c>
      <c r="AA30049">
        <v>18</v>
      </c>
      <c r="AB30049">
        <v>18</v>
      </c>
      <c r="AC30049">
        <v>19</v>
      </c>
      <c r="AD30049">
        <v>19</v>
      </c>
      <c r="AE30049">
        <v>19</v>
      </c>
      <c r="AF30049">
        <v>20</v>
      </c>
      <c r="AG30049">
        <v>20</v>
      </c>
      <c r="AH30049">
        <v>21</v>
      </c>
      <c r="AI30049">
        <v>21</v>
      </c>
      <c r="AJ30049">
        <v>22</v>
      </c>
      <c r="AK30049">
        <v>22</v>
      </c>
      <c r="AL30049">
        <v>22</v>
      </c>
      <c r="AM30049">
        <v>23</v>
      </c>
      <c r="AN30049">
        <v>23</v>
      </c>
      <c r="AO30049">
        <v>23</v>
      </c>
      <c r="AP30049">
        <v>24</v>
      </c>
      <c r="AQ30049">
        <v>24</v>
      </c>
    </row>
    <row r="30050" spans="1:43">
      <c r="A30050" t="s">
        <v>18617</v>
      </c>
      <c r="B30050" t="s">
        <v>18618</v>
      </c>
      <c r="C30050" t="s">
        <v>18611</v>
      </c>
      <c r="D30050" t="s">
        <v>18612</v>
      </c>
      <c r="E30050" t="s">
        <v>18557</v>
      </c>
      <c r="F30050" t="s">
        <v>18558</v>
      </c>
      <c r="G30050" t="s">
        <v>10734</v>
      </c>
      <c r="H30050" t="s">
        <v>10735</v>
      </c>
      <c r="I30050" s="2">
        <v>0</v>
      </c>
      <c r="J30050" s="2">
        <v>0</v>
      </c>
      <c r="K30050" s="2">
        <v>1</v>
      </c>
      <c r="L30050" t="s">
        <v>995</v>
      </c>
      <c r="M30050" t="s">
        <v>83</v>
      </c>
      <c r="N30050" t="s">
        <v>84</v>
      </c>
      <c r="O30050" t="s">
        <v>85</v>
      </c>
      <c r="P30050" t="s">
        <v>86</v>
      </c>
      <c r="Q30050">
        <v>9</v>
      </c>
      <c r="R30050">
        <v>10</v>
      </c>
      <c r="S30050">
        <v>10</v>
      </c>
      <c r="T30050">
        <v>10</v>
      </c>
      <c r="U30050">
        <v>10</v>
      </c>
      <c r="V30050">
        <v>11</v>
      </c>
      <c r="W30050">
        <v>11</v>
      </c>
      <c r="X30050">
        <v>11</v>
      </c>
      <c r="Y30050">
        <v>11</v>
      </c>
      <c r="Z30050">
        <v>12</v>
      </c>
      <c r="AA30050">
        <v>12</v>
      </c>
      <c r="AB30050">
        <v>12</v>
      </c>
      <c r="AC30050">
        <v>12</v>
      </c>
      <c r="AD30050">
        <v>13</v>
      </c>
      <c r="AE30050">
        <v>13</v>
      </c>
      <c r="AF30050">
        <v>13</v>
      </c>
      <c r="AG30050">
        <v>14</v>
      </c>
      <c r="AH30050">
        <v>14</v>
      </c>
      <c r="AI30050">
        <v>14</v>
      </c>
      <c r="AJ30050">
        <v>14</v>
      </c>
      <c r="AK30050">
        <v>15</v>
      </c>
      <c r="AL30050">
        <v>15</v>
      </c>
      <c r="AM30050">
        <v>15</v>
      </c>
      <c r="AN30050">
        <v>15</v>
      </c>
      <c r="AO30050">
        <v>16</v>
      </c>
      <c r="AP30050">
        <v>16</v>
      </c>
      <c r="AQ30050">
        <v>16</v>
      </c>
    </row>
    <row r="30051" spans="1:43">
      <c r="A30051" t="s">
        <v>18617</v>
      </c>
      <c r="B30051" t="s">
        <v>18618</v>
      </c>
      <c r="C30051" t="s">
        <v>18611</v>
      </c>
      <c r="D30051" t="s">
        <v>18612</v>
      </c>
      <c r="E30051" t="s">
        <v>18557</v>
      </c>
      <c r="F30051" t="s">
        <v>18558</v>
      </c>
      <c r="G30051" t="s">
        <v>10734</v>
      </c>
      <c r="H30051" t="s">
        <v>10735</v>
      </c>
      <c r="I30051" s="2">
        <v>0</v>
      </c>
      <c r="J30051" s="2">
        <v>0</v>
      </c>
      <c r="K30051" s="2">
        <v>1</v>
      </c>
      <c r="L30051" t="s">
        <v>995</v>
      </c>
      <c r="M30051" t="s">
        <v>87</v>
      </c>
      <c r="N30051" t="s">
        <v>88</v>
      </c>
      <c r="O30051" t="s">
        <v>85</v>
      </c>
      <c r="P30051" t="s">
        <v>86</v>
      </c>
      <c r="Q30051">
        <v>9</v>
      </c>
      <c r="R30051">
        <v>9</v>
      </c>
      <c r="S30051">
        <v>9</v>
      </c>
      <c r="T30051">
        <v>10</v>
      </c>
      <c r="U30051">
        <v>10</v>
      </c>
      <c r="V30051">
        <v>10</v>
      </c>
      <c r="W30051">
        <v>10</v>
      </c>
      <c r="X30051">
        <v>10</v>
      </c>
      <c r="Y30051">
        <v>10</v>
      </c>
      <c r="Z30051">
        <v>11</v>
      </c>
      <c r="AA30051">
        <v>11</v>
      </c>
      <c r="AB30051">
        <v>11</v>
      </c>
      <c r="AC30051">
        <v>11</v>
      </c>
      <c r="AD30051">
        <v>11</v>
      </c>
      <c r="AE30051">
        <v>12</v>
      </c>
      <c r="AF30051">
        <v>12</v>
      </c>
      <c r="AG30051">
        <v>12</v>
      </c>
      <c r="AH30051">
        <v>12</v>
      </c>
      <c r="AI30051">
        <v>12</v>
      </c>
      <c r="AJ30051">
        <v>12</v>
      </c>
      <c r="AK30051">
        <v>13</v>
      </c>
      <c r="AL30051">
        <v>13</v>
      </c>
      <c r="AM30051">
        <v>13</v>
      </c>
      <c r="AN30051">
        <v>13</v>
      </c>
      <c r="AO30051">
        <v>13</v>
      </c>
      <c r="AP30051">
        <v>14</v>
      </c>
      <c r="AQ30051">
        <v>14</v>
      </c>
    </row>
    <row r="30052" spans="1:43">
      <c r="A30052" t="s">
        <v>18617</v>
      </c>
      <c r="B30052" t="s">
        <v>18618</v>
      </c>
      <c r="C30052" t="s">
        <v>18611</v>
      </c>
      <c r="D30052" t="s">
        <v>18612</v>
      </c>
      <c r="E30052" t="s">
        <v>18557</v>
      </c>
      <c r="F30052" t="s">
        <v>18558</v>
      </c>
      <c r="G30052" t="s">
        <v>10734</v>
      </c>
      <c r="H30052" t="s">
        <v>10735</v>
      </c>
      <c r="I30052" s="2">
        <v>0</v>
      </c>
      <c r="J30052" s="2">
        <v>0</v>
      </c>
      <c r="K30052" s="2">
        <v>1</v>
      </c>
      <c r="L30052" t="s">
        <v>995</v>
      </c>
      <c r="M30052" t="s">
        <v>89</v>
      </c>
      <c r="N30052" t="s">
        <v>90</v>
      </c>
      <c r="O30052" t="s">
        <v>85</v>
      </c>
      <c r="P30052" t="s">
        <v>86</v>
      </c>
      <c r="Q30052">
        <v>9</v>
      </c>
      <c r="R30052">
        <v>10</v>
      </c>
      <c r="S30052">
        <v>10</v>
      </c>
      <c r="T30052">
        <v>10</v>
      </c>
      <c r="U30052">
        <v>11</v>
      </c>
      <c r="V30052">
        <v>11</v>
      </c>
      <c r="W30052">
        <v>11</v>
      </c>
      <c r="X30052">
        <v>12</v>
      </c>
      <c r="Y30052">
        <v>12</v>
      </c>
      <c r="Z30052">
        <v>12</v>
      </c>
      <c r="AA30052">
        <v>13</v>
      </c>
      <c r="AB30052">
        <v>13</v>
      </c>
      <c r="AC30052">
        <v>13</v>
      </c>
      <c r="AD30052">
        <v>14</v>
      </c>
      <c r="AE30052">
        <v>14</v>
      </c>
      <c r="AF30052">
        <v>14</v>
      </c>
      <c r="AG30052">
        <v>14</v>
      </c>
      <c r="AH30052">
        <v>14</v>
      </c>
      <c r="AI30052">
        <v>15</v>
      </c>
      <c r="AJ30052">
        <v>15</v>
      </c>
      <c r="AK30052">
        <v>15</v>
      </c>
      <c r="AL30052">
        <v>15</v>
      </c>
      <c r="AM30052">
        <v>15</v>
      </c>
      <c r="AN30052">
        <v>15</v>
      </c>
      <c r="AO30052">
        <v>16</v>
      </c>
      <c r="AP30052">
        <v>16</v>
      </c>
      <c r="AQ30052">
        <v>16</v>
      </c>
    </row>
    <row r="30053" spans="1:43">
      <c r="A30053" t="s">
        <v>18617</v>
      </c>
      <c r="B30053" t="s">
        <v>18618</v>
      </c>
      <c r="C30053" t="s">
        <v>18611</v>
      </c>
      <c r="D30053" t="s">
        <v>18612</v>
      </c>
      <c r="E30053" t="s">
        <v>18557</v>
      </c>
      <c r="F30053" t="s">
        <v>18558</v>
      </c>
      <c r="G30053" t="s">
        <v>10734</v>
      </c>
      <c r="H30053" t="s">
        <v>10735</v>
      </c>
      <c r="I30053" s="2">
        <v>0</v>
      </c>
      <c r="J30053" s="2">
        <v>0</v>
      </c>
      <c r="K30053" s="2">
        <v>1</v>
      </c>
      <c r="L30053" t="s">
        <v>995</v>
      </c>
      <c r="M30053" t="s">
        <v>83</v>
      </c>
      <c r="N30053" t="s">
        <v>91</v>
      </c>
      <c r="O30053" t="s">
        <v>85</v>
      </c>
      <c r="P30053" t="s">
        <v>86</v>
      </c>
      <c r="Q30053">
        <v>9</v>
      </c>
      <c r="R30053">
        <v>10</v>
      </c>
      <c r="S30053">
        <v>10</v>
      </c>
      <c r="T30053">
        <v>10</v>
      </c>
      <c r="U30053">
        <v>10</v>
      </c>
      <c r="V30053">
        <v>11</v>
      </c>
      <c r="W30053">
        <v>11</v>
      </c>
      <c r="X30053">
        <v>11</v>
      </c>
      <c r="Y30053">
        <v>11</v>
      </c>
      <c r="Z30053">
        <v>12</v>
      </c>
      <c r="AA30053">
        <v>12</v>
      </c>
      <c r="AB30053">
        <v>12</v>
      </c>
      <c r="AC30053">
        <v>12</v>
      </c>
      <c r="AD30053">
        <v>13</v>
      </c>
      <c r="AE30053">
        <v>13</v>
      </c>
      <c r="AF30053">
        <v>13</v>
      </c>
      <c r="AG30053">
        <v>14</v>
      </c>
      <c r="AH30053">
        <v>14</v>
      </c>
      <c r="AI30053">
        <v>14</v>
      </c>
      <c r="AJ30053">
        <v>14</v>
      </c>
      <c r="AK30053">
        <v>15</v>
      </c>
      <c r="AL30053">
        <v>15</v>
      </c>
      <c r="AM30053">
        <v>15</v>
      </c>
      <c r="AN30053">
        <v>15</v>
      </c>
      <c r="AO30053">
        <v>16</v>
      </c>
      <c r="AP30053">
        <v>16</v>
      </c>
      <c r="AQ30053">
        <v>16</v>
      </c>
    </row>
    <row r="30054" spans="1:43">
      <c r="A30054" t="s">
        <v>18619</v>
      </c>
      <c r="B30054" t="s">
        <v>18620</v>
      </c>
      <c r="C30054" t="s">
        <v>18607</v>
      </c>
      <c r="D30054" t="s">
        <v>18608</v>
      </c>
      <c r="E30054" t="s">
        <v>18557</v>
      </c>
      <c r="F30054" t="s">
        <v>18558</v>
      </c>
      <c r="G30054" t="s">
        <v>10734</v>
      </c>
      <c r="H30054" t="s">
        <v>10735</v>
      </c>
      <c r="I30054" s="2">
        <v>0</v>
      </c>
      <c r="J30054" s="2">
        <v>1</v>
      </c>
      <c r="K30054" s="2">
        <v>0</v>
      </c>
      <c r="L30054" t="s">
        <v>82</v>
      </c>
      <c r="M30054" t="s">
        <v>83</v>
      </c>
      <c r="N30054" t="s">
        <v>84</v>
      </c>
      <c r="O30054" t="s">
        <v>85</v>
      </c>
      <c r="P30054" t="s">
        <v>86</v>
      </c>
      <c r="Q30054">
        <v>27</v>
      </c>
      <c r="R30054">
        <v>27</v>
      </c>
      <c r="S30054">
        <v>28</v>
      </c>
      <c r="T30054">
        <v>29</v>
      </c>
      <c r="U30054">
        <v>29</v>
      </c>
      <c r="V30054">
        <v>30</v>
      </c>
      <c r="W30054">
        <v>31</v>
      </c>
      <c r="X30054">
        <v>31</v>
      </c>
      <c r="Y30054">
        <v>32</v>
      </c>
      <c r="Z30054">
        <v>33</v>
      </c>
      <c r="AA30054">
        <v>34</v>
      </c>
      <c r="AB30054">
        <v>35</v>
      </c>
      <c r="AC30054">
        <v>35</v>
      </c>
      <c r="AD30054">
        <v>36</v>
      </c>
      <c r="AE30054">
        <v>37</v>
      </c>
      <c r="AF30054">
        <v>38</v>
      </c>
      <c r="AG30054">
        <v>39</v>
      </c>
      <c r="AH30054">
        <v>39</v>
      </c>
      <c r="AI30054">
        <v>40</v>
      </c>
      <c r="AJ30054">
        <v>41</v>
      </c>
      <c r="AK30054">
        <v>42</v>
      </c>
      <c r="AL30054">
        <v>43</v>
      </c>
      <c r="AM30054">
        <v>43</v>
      </c>
      <c r="AN30054">
        <v>44</v>
      </c>
      <c r="AO30054">
        <v>44</v>
      </c>
      <c r="AP30054">
        <v>45</v>
      </c>
      <c r="AQ30054">
        <v>45</v>
      </c>
    </row>
    <row r="30055" spans="1:43">
      <c r="A30055" t="s">
        <v>18619</v>
      </c>
      <c r="B30055" t="s">
        <v>18620</v>
      </c>
      <c r="C30055" t="s">
        <v>18607</v>
      </c>
      <c r="D30055" t="s">
        <v>18608</v>
      </c>
      <c r="E30055" t="s">
        <v>18557</v>
      </c>
      <c r="F30055" t="s">
        <v>18558</v>
      </c>
      <c r="G30055" t="s">
        <v>10734</v>
      </c>
      <c r="H30055" t="s">
        <v>10735</v>
      </c>
      <c r="I30055" s="2">
        <v>0</v>
      </c>
      <c r="J30055" s="2">
        <v>1</v>
      </c>
      <c r="K30055" s="2">
        <v>0</v>
      </c>
      <c r="L30055" t="s">
        <v>82</v>
      </c>
      <c r="M30055" t="s">
        <v>87</v>
      </c>
      <c r="N30055" t="s">
        <v>88</v>
      </c>
      <c r="O30055" t="s">
        <v>85</v>
      </c>
      <c r="P30055" t="s">
        <v>86</v>
      </c>
      <c r="Q30055">
        <v>27</v>
      </c>
      <c r="R30055">
        <v>28</v>
      </c>
      <c r="S30055">
        <v>28</v>
      </c>
      <c r="T30055">
        <v>29</v>
      </c>
      <c r="U30055">
        <v>29</v>
      </c>
      <c r="V30055">
        <v>29</v>
      </c>
      <c r="W30055">
        <v>30</v>
      </c>
      <c r="X30055">
        <v>30</v>
      </c>
      <c r="Y30055">
        <v>31</v>
      </c>
      <c r="Z30055">
        <v>31</v>
      </c>
      <c r="AA30055">
        <v>32</v>
      </c>
      <c r="AB30055">
        <v>32</v>
      </c>
      <c r="AC30055">
        <v>33</v>
      </c>
      <c r="AD30055">
        <v>33</v>
      </c>
      <c r="AE30055">
        <v>34</v>
      </c>
      <c r="AF30055">
        <v>34</v>
      </c>
      <c r="AG30055">
        <v>35</v>
      </c>
      <c r="AH30055">
        <v>35</v>
      </c>
      <c r="AI30055">
        <v>36</v>
      </c>
      <c r="AJ30055">
        <v>36</v>
      </c>
      <c r="AK30055">
        <v>37</v>
      </c>
      <c r="AL30055">
        <v>37</v>
      </c>
      <c r="AM30055">
        <v>38</v>
      </c>
      <c r="AN30055">
        <v>38</v>
      </c>
      <c r="AO30055">
        <v>39</v>
      </c>
      <c r="AP30055">
        <v>40</v>
      </c>
      <c r="AQ30055">
        <v>40</v>
      </c>
    </row>
    <row r="30056" spans="1:43">
      <c r="A30056" t="s">
        <v>18619</v>
      </c>
      <c r="B30056" t="s">
        <v>18620</v>
      </c>
      <c r="C30056" t="s">
        <v>18607</v>
      </c>
      <c r="D30056" t="s">
        <v>18608</v>
      </c>
      <c r="E30056" t="s">
        <v>18557</v>
      </c>
      <c r="F30056" t="s">
        <v>18558</v>
      </c>
      <c r="G30056" t="s">
        <v>10734</v>
      </c>
      <c r="H30056" t="s">
        <v>10735</v>
      </c>
      <c r="I30056" s="2">
        <v>0</v>
      </c>
      <c r="J30056" s="2">
        <v>1</v>
      </c>
      <c r="K30056" s="2">
        <v>0</v>
      </c>
      <c r="L30056" t="s">
        <v>82</v>
      </c>
      <c r="M30056" t="s">
        <v>89</v>
      </c>
      <c r="N30056" t="s">
        <v>90</v>
      </c>
      <c r="O30056" t="s">
        <v>85</v>
      </c>
      <c r="P30056" t="s">
        <v>86</v>
      </c>
      <c r="Q30056">
        <v>27</v>
      </c>
      <c r="R30056">
        <v>28</v>
      </c>
      <c r="S30056">
        <v>29</v>
      </c>
      <c r="T30056">
        <v>29</v>
      </c>
      <c r="U30056">
        <v>30</v>
      </c>
      <c r="V30056">
        <v>31</v>
      </c>
      <c r="W30056">
        <v>32</v>
      </c>
      <c r="X30056">
        <v>33</v>
      </c>
      <c r="Y30056">
        <v>34</v>
      </c>
      <c r="Z30056">
        <v>35</v>
      </c>
      <c r="AA30056">
        <v>36</v>
      </c>
      <c r="AB30056">
        <v>37</v>
      </c>
      <c r="AC30056">
        <v>38</v>
      </c>
      <c r="AD30056">
        <v>39</v>
      </c>
      <c r="AE30056">
        <v>40</v>
      </c>
      <c r="AF30056">
        <v>40</v>
      </c>
      <c r="AG30056">
        <v>41</v>
      </c>
      <c r="AH30056">
        <v>41</v>
      </c>
      <c r="AI30056">
        <v>42</v>
      </c>
      <c r="AJ30056">
        <v>42</v>
      </c>
      <c r="AK30056">
        <v>43</v>
      </c>
      <c r="AL30056">
        <v>43</v>
      </c>
      <c r="AM30056">
        <v>44</v>
      </c>
      <c r="AN30056">
        <v>44</v>
      </c>
      <c r="AO30056">
        <v>45</v>
      </c>
      <c r="AP30056">
        <v>45</v>
      </c>
      <c r="AQ30056">
        <v>46</v>
      </c>
    </row>
    <row r="30057" spans="1:43">
      <c r="A30057" t="s">
        <v>18619</v>
      </c>
      <c r="B30057" t="s">
        <v>18620</v>
      </c>
      <c r="C30057" t="s">
        <v>18607</v>
      </c>
      <c r="D30057" t="s">
        <v>18608</v>
      </c>
      <c r="E30057" t="s">
        <v>18557</v>
      </c>
      <c r="F30057" t="s">
        <v>18558</v>
      </c>
      <c r="G30057" t="s">
        <v>10734</v>
      </c>
      <c r="H30057" t="s">
        <v>10735</v>
      </c>
      <c r="I30057" s="2">
        <v>0</v>
      </c>
      <c r="J30057" s="2">
        <v>1</v>
      </c>
      <c r="K30057" s="2">
        <v>0</v>
      </c>
      <c r="L30057" t="s">
        <v>82</v>
      </c>
      <c r="M30057" t="s">
        <v>83</v>
      </c>
      <c r="N30057" t="s">
        <v>91</v>
      </c>
      <c r="O30057" t="s">
        <v>85</v>
      </c>
      <c r="P30057" t="s">
        <v>86</v>
      </c>
      <c r="Q30057">
        <v>27</v>
      </c>
      <c r="R30057">
        <v>27</v>
      </c>
      <c r="S30057">
        <v>28</v>
      </c>
      <c r="T30057">
        <v>29</v>
      </c>
      <c r="U30057">
        <v>29</v>
      </c>
      <c r="V30057">
        <v>30</v>
      </c>
      <c r="W30057">
        <v>31</v>
      </c>
      <c r="X30057">
        <v>31</v>
      </c>
      <c r="Y30057">
        <v>32</v>
      </c>
      <c r="Z30057">
        <v>33</v>
      </c>
      <c r="AA30057">
        <v>34</v>
      </c>
      <c r="AB30057">
        <v>35</v>
      </c>
      <c r="AC30057">
        <v>35</v>
      </c>
      <c r="AD30057">
        <v>36</v>
      </c>
      <c r="AE30057">
        <v>37</v>
      </c>
      <c r="AF30057">
        <v>38</v>
      </c>
      <c r="AG30057">
        <v>39</v>
      </c>
      <c r="AH30057">
        <v>39</v>
      </c>
      <c r="AI30057">
        <v>40</v>
      </c>
      <c r="AJ30057">
        <v>41</v>
      </c>
      <c r="AK30057">
        <v>42</v>
      </c>
      <c r="AL30057">
        <v>43</v>
      </c>
      <c r="AM30057">
        <v>43</v>
      </c>
      <c r="AN30057">
        <v>44</v>
      </c>
      <c r="AO30057">
        <v>44</v>
      </c>
      <c r="AP30057">
        <v>45</v>
      </c>
      <c r="AQ30057">
        <v>45</v>
      </c>
    </row>
    <row r="30058" spans="1:43">
      <c r="A30058" t="s">
        <v>18621</v>
      </c>
      <c r="B30058" t="s">
        <v>18622</v>
      </c>
      <c r="C30058" t="s">
        <v>18607</v>
      </c>
      <c r="D30058" t="s">
        <v>18608</v>
      </c>
      <c r="E30058" t="s">
        <v>18557</v>
      </c>
      <c r="F30058" t="s">
        <v>18558</v>
      </c>
      <c r="G30058" t="s">
        <v>10734</v>
      </c>
      <c r="H30058" t="s">
        <v>10735</v>
      </c>
      <c r="I30058" s="2">
        <v>0</v>
      </c>
      <c r="J30058" s="2">
        <v>0.85</v>
      </c>
      <c r="K30058" s="2">
        <v>0.15</v>
      </c>
      <c r="L30058" t="s">
        <v>82</v>
      </c>
      <c r="M30058" t="s">
        <v>83</v>
      </c>
      <c r="N30058" t="s">
        <v>84</v>
      </c>
      <c r="O30058" t="s">
        <v>85</v>
      </c>
      <c r="P30058" t="s">
        <v>86</v>
      </c>
      <c r="Q30058">
        <v>29</v>
      </c>
      <c r="R30058">
        <v>30</v>
      </c>
      <c r="S30058">
        <v>31</v>
      </c>
      <c r="T30058">
        <v>31</v>
      </c>
      <c r="U30058">
        <v>32</v>
      </c>
      <c r="V30058">
        <v>33</v>
      </c>
      <c r="W30058">
        <v>34</v>
      </c>
      <c r="X30058">
        <v>35</v>
      </c>
      <c r="Y30058">
        <v>35</v>
      </c>
      <c r="Z30058">
        <v>36</v>
      </c>
      <c r="AA30058">
        <v>37</v>
      </c>
      <c r="AB30058">
        <v>38</v>
      </c>
      <c r="AC30058">
        <v>39</v>
      </c>
      <c r="AD30058">
        <v>40</v>
      </c>
      <c r="AE30058">
        <v>41</v>
      </c>
      <c r="AF30058">
        <v>41</v>
      </c>
      <c r="AG30058">
        <v>42</v>
      </c>
      <c r="AH30058">
        <v>43</v>
      </c>
      <c r="AI30058">
        <v>44</v>
      </c>
      <c r="AJ30058">
        <v>45</v>
      </c>
      <c r="AK30058">
        <v>46</v>
      </c>
      <c r="AL30058">
        <v>47</v>
      </c>
      <c r="AM30058">
        <v>48</v>
      </c>
      <c r="AN30058">
        <v>48</v>
      </c>
      <c r="AO30058">
        <v>49</v>
      </c>
      <c r="AP30058">
        <v>49</v>
      </c>
      <c r="AQ30058">
        <v>50</v>
      </c>
    </row>
    <row r="30059" spans="1:43">
      <c r="A30059" t="s">
        <v>18621</v>
      </c>
      <c r="B30059" t="s">
        <v>18622</v>
      </c>
      <c r="C30059" t="s">
        <v>18607</v>
      </c>
      <c r="D30059" t="s">
        <v>18608</v>
      </c>
      <c r="E30059" t="s">
        <v>18557</v>
      </c>
      <c r="F30059" t="s">
        <v>18558</v>
      </c>
      <c r="G30059" t="s">
        <v>10734</v>
      </c>
      <c r="H30059" t="s">
        <v>10735</v>
      </c>
      <c r="I30059" s="2">
        <v>0</v>
      </c>
      <c r="J30059" s="2">
        <v>0.85</v>
      </c>
      <c r="K30059" s="2">
        <v>0.15</v>
      </c>
      <c r="L30059" t="s">
        <v>82</v>
      </c>
      <c r="M30059" t="s">
        <v>87</v>
      </c>
      <c r="N30059" t="s">
        <v>88</v>
      </c>
      <c r="O30059" t="s">
        <v>85</v>
      </c>
      <c r="P30059" t="s">
        <v>86</v>
      </c>
      <c r="Q30059">
        <v>29</v>
      </c>
      <c r="R30059">
        <v>29</v>
      </c>
      <c r="S30059">
        <v>30</v>
      </c>
      <c r="T30059">
        <v>30</v>
      </c>
      <c r="U30059">
        <v>31</v>
      </c>
      <c r="V30059">
        <v>31</v>
      </c>
      <c r="W30059">
        <v>32</v>
      </c>
      <c r="X30059">
        <v>32</v>
      </c>
      <c r="Y30059">
        <v>33</v>
      </c>
      <c r="Z30059">
        <v>33</v>
      </c>
      <c r="AA30059">
        <v>34</v>
      </c>
      <c r="AB30059">
        <v>34</v>
      </c>
      <c r="AC30059">
        <v>35</v>
      </c>
      <c r="AD30059">
        <v>35</v>
      </c>
      <c r="AE30059">
        <v>36</v>
      </c>
      <c r="AF30059">
        <v>37</v>
      </c>
      <c r="AG30059">
        <v>37</v>
      </c>
      <c r="AH30059">
        <v>38</v>
      </c>
      <c r="AI30059">
        <v>38</v>
      </c>
      <c r="AJ30059">
        <v>39</v>
      </c>
      <c r="AK30059">
        <v>39</v>
      </c>
      <c r="AL30059">
        <v>40</v>
      </c>
      <c r="AM30059">
        <v>41</v>
      </c>
      <c r="AN30059">
        <v>41</v>
      </c>
      <c r="AO30059">
        <v>42</v>
      </c>
      <c r="AP30059">
        <v>43</v>
      </c>
      <c r="AQ30059">
        <v>43</v>
      </c>
    </row>
    <row r="30060" spans="1:43">
      <c r="A30060" t="s">
        <v>18621</v>
      </c>
      <c r="B30060" t="s">
        <v>18622</v>
      </c>
      <c r="C30060" t="s">
        <v>18607</v>
      </c>
      <c r="D30060" t="s">
        <v>18608</v>
      </c>
      <c r="E30060" t="s">
        <v>18557</v>
      </c>
      <c r="F30060" t="s">
        <v>18558</v>
      </c>
      <c r="G30060" t="s">
        <v>10734</v>
      </c>
      <c r="H30060" t="s">
        <v>10735</v>
      </c>
      <c r="I30060" s="2">
        <v>0</v>
      </c>
      <c r="J30060" s="2">
        <v>0.85</v>
      </c>
      <c r="K30060" s="2">
        <v>0.15</v>
      </c>
      <c r="L30060" t="s">
        <v>82</v>
      </c>
      <c r="M30060" t="s">
        <v>89</v>
      </c>
      <c r="N30060" t="s">
        <v>90</v>
      </c>
      <c r="O30060" t="s">
        <v>85</v>
      </c>
      <c r="P30060" t="s">
        <v>86</v>
      </c>
      <c r="Q30060">
        <v>29</v>
      </c>
      <c r="R30060">
        <v>30</v>
      </c>
      <c r="S30060">
        <v>31</v>
      </c>
      <c r="T30060">
        <v>32</v>
      </c>
      <c r="U30060">
        <v>33</v>
      </c>
      <c r="V30060">
        <v>34</v>
      </c>
      <c r="W30060">
        <v>35</v>
      </c>
      <c r="X30060">
        <v>36</v>
      </c>
      <c r="Y30060">
        <v>37</v>
      </c>
      <c r="Z30060">
        <v>38</v>
      </c>
      <c r="AA30060">
        <v>39</v>
      </c>
      <c r="AB30060">
        <v>40</v>
      </c>
      <c r="AC30060">
        <v>42</v>
      </c>
      <c r="AD30060">
        <v>43</v>
      </c>
      <c r="AE30060">
        <v>43</v>
      </c>
      <c r="AF30060">
        <v>44</v>
      </c>
      <c r="AG30060">
        <v>45</v>
      </c>
      <c r="AH30060">
        <v>45</v>
      </c>
      <c r="AI30060">
        <v>46</v>
      </c>
      <c r="AJ30060">
        <v>46</v>
      </c>
      <c r="AK30060">
        <v>47</v>
      </c>
      <c r="AL30060">
        <v>47</v>
      </c>
      <c r="AM30060">
        <v>48</v>
      </c>
      <c r="AN30060">
        <v>48</v>
      </c>
      <c r="AO30060">
        <v>49</v>
      </c>
      <c r="AP30060">
        <v>50</v>
      </c>
      <c r="AQ30060">
        <v>50</v>
      </c>
    </row>
    <row r="30061" spans="1:43">
      <c r="A30061" t="s">
        <v>18621</v>
      </c>
      <c r="B30061" t="s">
        <v>18622</v>
      </c>
      <c r="C30061" t="s">
        <v>18607</v>
      </c>
      <c r="D30061" t="s">
        <v>18608</v>
      </c>
      <c r="E30061" t="s">
        <v>18557</v>
      </c>
      <c r="F30061" t="s">
        <v>18558</v>
      </c>
      <c r="G30061" t="s">
        <v>10734</v>
      </c>
      <c r="H30061" t="s">
        <v>10735</v>
      </c>
      <c r="I30061" s="2">
        <v>0</v>
      </c>
      <c r="J30061" s="2">
        <v>0.85</v>
      </c>
      <c r="K30061" s="2">
        <v>0.15</v>
      </c>
      <c r="L30061" t="s">
        <v>82</v>
      </c>
      <c r="M30061" t="s">
        <v>83</v>
      </c>
      <c r="N30061" t="s">
        <v>91</v>
      </c>
      <c r="O30061" t="s">
        <v>85</v>
      </c>
      <c r="P30061" t="s">
        <v>86</v>
      </c>
      <c r="Q30061">
        <v>29</v>
      </c>
      <c r="R30061">
        <v>30</v>
      </c>
      <c r="S30061">
        <v>31</v>
      </c>
      <c r="T30061">
        <v>31</v>
      </c>
      <c r="U30061">
        <v>32</v>
      </c>
      <c r="V30061">
        <v>33</v>
      </c>
      <c r="W30061">
        <v>34</v>
      </c>
      <c r="X30061">
        <v>35</v>
      </c>
      <c r="Y30061">
        <v>35</v>
      </c>
      <c r="Z30061">
        <v>36</v>
      </c>
      <c r="AA30061">
        <v>37</v>
      </c>
      <c r="AB30061">
        <v>38</v>
      </c>
      <c r="AC30061">
        <v>39</v>
      </c>
      <c r="AD30061">
        <v>40</v>
      </c>
      <c r="AE30061">
        <v>41</v>
      </c>
      <c r="AF30061">
        <v>41</v>
      </c>
      <c r="AG30061">
        <v>42</v>
      </c>
      <c r="AH30061">
        <v>43</v>
      </c>
      <c r="AI30061">
        <v>44</v>
      </c>
      <c r="AJ30061">
        <v>45</v>
      </c>
      <c r="AK30061">
        <v>46</v>
      </c>
      <c r="AL30061">
        <v>47</v>
      </c>
      <c r="AM30061">
        <v>48</v>
      </c>
      <c r="AN30061">
        <v>48</v>
      </c>
      <c r="AO30061">
        <v>49</v>
      </c>
      <c r="AP30061">
        <v>49</v>
      </c>
      <c r="AQ30061">
        <v>50</v>
      </c>
    </row>
    <row r="30062" spans="1:43">
      <c r="A30062" t="s">
        <v>18623</v>
      </c>
      <c r="B30062" t="s">
        <v>18624</v>
      </c>
      <c r="C30062" t="s">
        <v>18607</v>
      </c>
      <c r="D30062" t="s">
        <v>18608</v>
      </c>
      <c r="E30062" t="s">
        <v>18557</v>
      </c>
      <c r="F30062" t="s">
        <v>18558</v>
      </c>
      <c r="G30062" t="s">
        <v>10734</v>
      </c>
      <c r="H30062" t="s">
        <v>10735</v>
      </c>
      <c r="I30062" s="2">
        <v>0</v>
      </c>
      <c r="J30062" s="2">
        <v>0.36</v>
      </c>
      <c r="K30062" s="2">
        <v>0.64</v>
      </c>
      <c r="L30062" t="s">
        <v>995</v>
      </c>
      <c r="M30062" t="s">
        <v>83</v>
      </c>
      <c r="N30062" t="s">
        <v>84</v>
      </c>
      <c r="O30062" t="s">
        <v>85</v>
      </c>
      <c r="P30062" t="s">
        <v>86</v>
      </c>
      <c r="Q30062">
        <v>26</v>
      </c>
      <c r="R30062">
        <v>27</v>
      </c>
      <c r="S30062">
        <v>27</v>
      </c>
      <c r="T30062">
        <v>28</v>
      </c>
      <c r="U30062">
        <v>29</v>
      </c>
      <c r="V30062">
        <v>30</v>
      </c>
      <c r="W30062">
        <v>30</v>
      </c>
      <c r="X30062">
        <v>31</v>
      </c>
      <c r="Y30062">
        <v>32</v>
      </c>
      <c r="Z30062">
        <v>33</v>
      </c>
      <c r="AA30062">
        <v>33</v>
      </c>
      <c r="AB30062">
        <v>34</v>
      </c>
      <c r="AC30062">
        <v>35</v>
      </c>
      <c r="AD30062">
        <v>36</v>
      </c>
      <c r="AE30062">
        <v>37</v>
      </c>
      <c r="AF30062">
        <v>37</v>
      </c>
      <c r="AG30062">
        <v>38</v>
      </c>
      <c r="AH30062">
        <v>39</v>
      </c>
      <c r="AI30062">
        <v>40</v>
      </c>
      <c r="AJ30062">
        <v>41</v>
      </c>
      <c r="AK30062">
        <v>42</v>
      </c>
      <c r="AL30062">
        <v>42</v>
      </c>
      <c r="AM30062">
        <v>43</v>
      </c>
      <c r="AN30062">
        <v>43</v>
      </c>
      <c r="AO30062">
        <v>44</v>
      </c>
      <c r="AP30062">
        <v>44</v>
      </c>
      <c r="AQ30062">
        <v>45</v>
      </c>
    </row>
    <row r="30063" spans="1:43">
      <c r="A30063" t="s">
        <v>18623</v>
      </c>
      <c r="B30063" t="s">
        <v>18624</v>
      </c>
      <c r="C30063" t="s">
        <v>18607</v>
      </c>
      <c r="D30063" t="s">
        <v>18608</v>
      </c>
      <c r="E30063" t="s">
        <v>18557</v>
      </c>
      <c r="F30063" t="s">
        <v>18558</v>
      </c>
      <c r="G30063" t="s">
        <v>10734</v>
      </c>
      <c r="H30063" t="s">
        <v>10735</v>
      </c>
      <c r="I30063" s="2">
        <v>0</v>
      </c>
      <c r="J30063" s="2">
        <v>0.36</v>
      </c>
      <c r="K30063" s="2">
        <v>0.64</v>
      </c>
      <c r="L30063" t="s">
        <v>995</v>
      </c>
      <c r="M30063" t="s">
        <v>87</v>
      </c>
      <c r="N30063" t="s">
        <v>88</v>
      </c>
      <c r="O30063" t="s">
        <v>85</v>
      </c>
      <c r="P30063" t="s">
        <v>86</v>
      </c>
      <c r="Q30063">
        <v>26</v>
      </c>
      <c r="R30063">
        <v>26</v>
      </c>
      <c r="S30063">
        <v>27</v>
      </c>
      <c r="T30063">
        <v>27</v>
      </c>
      <c r="U30063">
        <v>28</v>
      </c>
      <c r="V30063">
        <v>28</v>
      </c>
      <c r="W30063">
        <v>29</v>
      </c>
      <c r="X30063">
        <v>29</v>
      </c>
      <c r="Y30063">
        <v>29</v>
      </c>
      <c r="Z30063">
        <v>30</v>
      </c>
      <c r="AA30063">
        <v>30</v>
      </c>
      <c r="AB30063">
        <v>31</v>
      </c>
      <c r="AC30063">
        <v>31</v>
      </c>
      <c r="AD30063">
        <v>32</v>
      </c>
      <c r="AE30063">
        <v>32</v>
      </c>
      <c r="AF30063">
        <v>33</v>
      </c>
      <c r="AG30063">
        <v>33</v>
      </c>
      <c r="AH30063">
        <v>34</v>
      </c>
      <c r="AI30063">
        <v>34</v>
      </c>
      <c r="AJ30063">
        <v>35</v>
      </c>
      <c r="AK30063">
        <v>36</v>
      </c>
      <c r="AL30063">
        <v>36</v>
      </c>
      <c r="AM30063">
        <v>37</v>
      </c>
      <c r="AN30063">
        <v>37</v>
      </c>
      <c r="AO30063">
        <v>38</v>
      </c>
      <c r="AP30063">
        <v>38</v>
      </c>
      <c r="AQ30063">
        <v>39</v>
      </c>
    </row>
    <row r="30064" spans="1:43">
      <c r="A30064" t="s">
        <v>18623</v>
      </c>
      <c r="B30064" t="s">
        <v>18624</v>
      </c>
      <c r="C30064" t="s">
        <v>18607</v>
      </c>
      <c r="D30064" t="s">
        <v>18608</v>
      </c>
      <c r="E30064" t="s">
        <v>18557</v>
      </c>
      <c r="F30064" t="s">
        <v>18558</v>
      </c>
      <c r="G30064" t="s">
        <v>10734</v>
      </c>
      <c r="H30064" t="s">
        <v>10735</v>
      </c>
      <c r="I30064" s="2">
        <v>0</v>
      </c>
      <c r="J30064" s="2">
        <v>0.36</v>
      </c>
      <c r="K30064" s="2">
        <v>0.64</v>
      </c>
      <c r="L30064" t="s">
        <v>995</v>
      </c>
      <c r="M30064" t="s">
        <v>89</v>
      </c>
      <c r="N30064" t="s">
        <v>90</v>
      </c>
      <c r="O30064" t="s">
        <v>85</v>
      </c>
      <c r="P30064" t="s">
        <v>86</v>
      </c>
      <c r="Q30064">
        <v>26</v>
      </c>
      <c r="R30064">
        <v>27</v>
      </c>
      <c r="S30064">
        <v>28</v>
      </c>
      <c r="T30064">
        <v>29</v>
      </c>
      <c r="U30064">
        <v>30</v>
      </c>
      <c r="V30064">
        <v>31</v>
      </c>
      <c r="W30064">
        <v>32</v>
      </c>
      <c r="X30064">
        <v>33</v>
      </c>
      <c r="Y30064">
        <v>34</v>
      </c>
      <c r="Z30064">
        <v>35</v>
      </c>
      <c r="AA30064">
        <v>36</v>
      </c>
      <c r="AB30064">
        <v>36</v>
      </c>
      <c r="AC30064">
        <v>37</v>
      </c>
      <c r="AD30064">
        <v>38</v>
      </c>
      <c r="AE30064">
        <v>39</v>
      </c>
      <c r="AF30064">
        <v>40</v>
      </c>
      <c r="AG30064">
        <v>40</v>
      </c>
      <c r="AH30064">
        <v>41</v>
      </c>
      <c r="AI30064">
        <v>41</v>
      </c>
      <c r="AJ30064">
        <v>42</v>
      </c>
      <c r="AK30064">
        <v>42</v>
      </c>
      <c r="AL30064">
        <v>43</v>
      </c>
      <c r="AM30064">
        <v>43</v>
      </c>
      <c r="AN30064">
        <v>44</v>
      </c>
      <c r="AO30064">
        <v>44</v>
      </c>
      <c r="AP30064">
        <v>45</v>
      </c>
      <c r="AQ30064">
        <v>45</v>
      </c>
    </row>
    <row r="30065" spans="1:43">
      <c r="A30065" t="s">
        <v>18623</v>
      </c>
      <c r="B30065" t="s">
        <v>18624</v>
      </c>
      <c r="C30065" t="s">
        <v>18607</v>
      </c>
      <c r="D30065" t="s">
        <v>18608</v>
      </c>
      <c r="E30065" t="s">
        <v>18557</v>
      </c>
      <c r="F30065" t="s">
        <v>18558</v>
      </c>
      <c r="G30065" t="s">
        <v>10734</v>
      </c>
      <c r="H30065" t="s">
        <v>10735</v>
      </c>
      <c r="I30065" s="2">
        <v>0</v>
      </c>
      <c r="J30065" s="2">
        <v>0.36</v>
      </c>
      <c r="K30065" s="2">
        <v>0.64</v>
      </c>
      <c r="L30065" t="s">
        <v>995</v>
      </c>
      <c r="M30065" t="s">
        <v>83</v>
      </c>
      <c r="N30065" t="s">
        <v>91</v>
      </c>
      <c r="O30065" t="s">
        <v>85</v>
      </c>
      <c r="P30065" t="s">
        <v>86</v>
      </c>
      <c r="Q30065">
        <v>26</v>
      </c>
      <c r="R30065">
        <v>27</v>
      </c>
      <c r="S30065">
        <v>27</v>
      </c>
      <c r="T30065">
        <v>28</v>
      </c>
      <c r="U30065">
        <v>29</v>
      </c>
      <c r="V30065">
        <v>30</v>
      </c>
      <c r="W30065">
        <v>30</v>
      </c>
      <c r="X30065">
        <v>31</v>
      </c>
      <c r="Y30065">
        <v>32</v>
      </c>
      <c r="Z30065">
        <v>33</v>
      </c>
      <c r="AA30065">
        <v>33</v>
      </c>
      <c r="AB30065">
        <v>34</v>
      </c>
      <c r="AC30065">
        <v>35</v>
      </c>
      <c r="AD30065">
        <v>36</v>
      </c>
      <c r="AE30065">
        <v>37</v>
      </c>
      <c r="AF30065">
        <v>37</v>
      </c>
      <c r="AG30065">
        <v>38</v>
      </c>
      <c r="AH30065">
        <v>39</v>
      </c>
      <c r="AI30065">
        <v>40</v>
      </c>
      <c r="AJ30065">
        <v>41</v>
      </c>
      <c r="AK30065">
        <v>42</v>
      </c>
      <c r="AL30065">
        <v>42</v>
      </c>
      <c r="AM30065">
        <v>43</v>
      </c>
      <c r="AN30065">
        <v>43</v>
      </c>
      <c r="AO30065">
        <v>44</v>
      </c>
      <c r="AP30065">
        <v>44</v>
      </c>
      <c r="AQ30065">
        <v>45</v>
      </c>
    </row>
    <row r="30066" spans="1:43">
      <c r="A30066" t="s">
        <v>18625</v>
      </c>
      <c r="B30066" t="s">
        <v>18626</v>
      </c>
      <c r="C30066" t="s">
        <v>18607</v>
      </c>
      <c r="D30066" t="s">
        <v>18608</v>
      </c>
      <c r="E30066" t="s">
        <v>18557</v>
      </c>
      <c r="F30066" t="s">
        <v>18558</v>
      </c>
      <c r="G30066" t="s">
        <v>10734</v>
      </c>
      <c r="H30066" t="s">
        <v>10735</v>
      </c>
      <c r="I30066" s="2">
        <v>0</v>
      </c>
      <c r="J30066" s="2">
        <v>1</v>
      </c>
      <c r="K30066" s="2">
        <v>0</v>
      </c>
      <c r="L30066" t="s">
        <v>82</v>
      </c>
      <c r="M30066" t="s">
        <v>83</v>
      </c>
      <c r="N30066" t="s">
        <v>84</v>
      </c>
      <c r="O30066" t="s">
        <v>85</v>
      </c>
      <c r="P30066" t="s">
        <v>86</v>
      </c>
      <c r="Q30066">
        <v>33</v>
      </c>
      <c r="R30066">
        <v>34</v>
      </c>
      <c r="S30066">
        <v>35</v>
      </c>
      <c r="T30066">
        <v>36</v>
      </c>
      <c r="U30066">
        <v>37</v>
      </c>
      <c r="V30066">
        <v>38</v>
      </c>
      <c r="W30066">
        <v>39</v>
      </c>
      <c r="X30066">
        <v>40</v>
      </c>
      <c r="Y30066">
        <v>40</v>
      </c>
      <c r="Z30066">
        <v>41</v>
      </c>
      <c r="AA30066">
        <v>42</v>
      </c>
      <c r="AB30066">
        <v>43</v>
      </c>
      <c r="AC30066">
        <v>44</v>
      </c>
      <c r="AD30066">
        <v>45</v>
      </c>
      <c r="AE30066">
        <v>46</v>
      </c>
      <c r="AF30066">
        <v>47</v>
      </c>
      <c r="AG30066">
        <v>48</v>
      </c>
      <c r="AH30066">
        <v>50</v>
      </c>
      <c r="AI30066">
        <v>51</v>
      </c>
      <c r="AJ30066">
        <v>52</v>
      </c>
      <c r="AK30066">
        <v>53</v>
      </c>
      <c r="AL30066">
        <v>54</v>
      </c>
      <c r="AM30066">
        <v>54</v>
      </c>
      <c r="AN30066">
        <v>55</v>
      </c>
      <c r="AO30066">
        <v>56</v>
      </c>
      <c r="AP30066">
        <v>56</v>
      </c>
      <c r="AQ30066">
        <v>57</v>
      </c>
    </row>
    <row r="30067" spans="1:43">
      <c r="A30067" t="s">
        <v>18625</v>
      </c>
      <c r="B30067" t="s">
        <v>18626</v>
      </c>
      <c r="C30067" t="s">
        <v>18607</v>
      </c>
      <c r="D30067" t="s">
        <v>18608</v>
      </c>
      <c r="E30067" t="s">
        <v>18557</v>
      </c>
      <c r="F30067" t="s">
        <v>18558</v>
      </c>
      <c r="G30067" t="s">
        <v>10734</v>
      </c>
      <c r="H30067" t="s">
        <v>10735</v>
      </c>
      <c r="I30067" s="2">
        <v>0</v>
      </c>
      <c r="J30067" s="2">
        <v>1</v>
      </c>
      <c r="K30067" s="2">
        <v>0</v>
      </c>
      <c r="L30067" t="s">
        <v>82</v>
      </c>
      <c r="M30067" t="s">
        <v>87</v>
      </c>
      <c r="N30067" t="s">
        <v>88</v>
      </c>
      <c r="O30067" t="s">
        <v>85</v>
      </c>
      <c r="P30067" t="s">
        <v>86</v>
      </c>
      <c r="Q30067">
        <v>33</v>
      </c>
      <c r="R30067">
        <v>34</v>
      </c>
      <c r="S30067">
        <v>34</v>
      </c>
      <c r="T30067">
        <v>35</v>
      </c>
      <c r="U30067">
        <v>35</v>
      </c>
      <c r="V30067">
        <v>36</v>
      </c>
      <c r="W30067">
        <v>36</v>
      </c>
      <c r="X30067">
        <v>37</v>
      </c>
      <c r="Y30067">
        <v>37</v>
      </c>
      <c r="Z30067">
        <v>38</v>
      </c>
      <c r="AA30067">
        <v>39</v>
      </c>
      <c r="AB30067">
        <v>39</v>
      </c>
      <c r="AC30067">
        <v>40</v>
      </c>
      <c r="AD30067">
        <v>40</v>
      </c>
      <c r="AE30067">
        <v>41</v>
      </c>
      <c r="AF30067">
        <v>42</v>
      </c>
      <c r="AG30067">
        <v>42</v>
      </c>
      <c r="AH30067">
        <v>43</v>
      </c>
      <c r="AI30067">
        <v>44</v>
      </c>
      <c r="AJ30067">
        <v>44</v>
      </c>
      <c r="AK30067">
        <v>45</v>
      </c>
      <c r="AL30067">
        <v>46</v>
      </c>
      <c r="AM30067">
        <v>46</v>
      </c>
      <c r="AN30067">
        <v>47</v>
      </c>
      <c r="AO30067">
        <v>48</v>
      </c>
      <c r="AP30067">
        <v>49</v>
      </c>
      <c r="AQ30067">
        <v>49</v>
      </c>
    </row>
    <row r="30068" spans="1:43">
      <c r="A30068" t="s">
        <v>18625</v>
      </c>
      <c r="B30068" t="s">
        <v>18626</v>
      </c>
      <c r="C30068" t="s">
        <v>18607</v>
      </c>
      <c r="D30068" t="s">
        <v>18608</v>
      </c>
      <c r="E30068" t="s">
        <v>18557</v>
      </c>
      <c r="F30068" t="s">
        <v>18558</v>
      </c>
      <c r="G30068" t="s">
        <v>10734</v>
      </c>
      <c r="H30068" t="s">
        <v>10735</v>
      </c>
      <c r="I30068" s="2">
        <v>0</v>
      </c>
      <c r="J30068" s="2">
        <v>1</v>
      </c>
      <c r="K30068" s="2">
        <v>0</v>
      </c>
      <c r="L30068" t="s">
        <v>82</v>
      </c>
      <c r="M30068" t="s">
        <v>89</v>
      </c>
      <c r="N30068" t="s">
        <v>90</v>
      </c>
      <c r="O30068" t="s">
        <v>85</v>
      </c>
      <c r="P30068" t="s">
        <v>86</v>
      </c>
      <c r="Q30068">
        <v>33</v>
      </c>
      <c r="R30068">
        <v>34</v>
      </c>
      <c r="S30068">
        <v>35</v>
      </c>
      <c r="T30068">
        <v>36</v>
      </c>
      <c r="U30068">
        <v>37</v>
      </c>
      <c r="V30068">
        <v>38</v>
      </c>
      <c r="W30068">
        <v>40</v>
      </c>
      <c r="X30068">
        <v>41</v>
      </c>
      <c r="Y30068">
        <v>42</v>
      </c>
      <c r="Z30068">
        <v>43</v>
      </c>
      <c r="AA30068">
        <v>44</v>
      </c>
      <c r="AB30068">
        <v>45</v>
      </c>
      <c r="AC30068">
        <v>47</v>
      </c>
      <c r="AD30068">
        <v>48</v>
      </c>
      <c r="AE30068">
        <v>49</v>
      </c>
      <c r="AF30068">
        <v>49</v>
      </c>
      <c r="AG30068">
        <v>50</v>
      </c>
      <c r="AH30068">
        <v>51</v>
      </c>
      <c r="AI30068">
        <v>51</v>
      </c>
      <c r="AJ30068">
        <v>52</v>
      </c>
      <c r="AK30068">
        <v>53</v>
      </c>
      <c r="AL30068">
        <v>53</v>
      </c>
      <c r="AM30068">
        <v>54</v>
      </c>
      <c r="AN30068">
        <v>54</v>
      </c>
      <c r="AO30068">
        <v>55</v>
      </c>
      <c r="AP30068">
        <v>56</v>
      </c>
      <c r="AQ30068">
        <v>56</v>
      </c>
    </row>
    <row r="30069" spans="1:43">
      <c r="A30069" t="s">
        <v>18625</v>
      </c>
      <c r="B30069" t="s">
        <v>18626</v>
      </c>
      <c r="C30069" t="s">
        <v>18607</v>
      </c>
      <c r="D30069" t="s">
        <v>18608</v>
      </c>
      <c r="E30069" t="s">
        <v>18557</v>
      </c>
      <c r="F30069" t="s">
        <v>18558</v>
      </c>
      <c r="G30069" t="s">
        <v>10734</v>
      </c>
      <c r="H30069" t="s">
        <v>10735</v>
      </c>
      <c r="I30069" s="2">
        <v>0</v>
      </c>
      <c r="J30069" s="2">
        <v>1</v>
      </c>
      <c r="K30069" s="2">
        <v>0</v>
      </c>
      <c r="L30069" t="s">
        <v>82</v>
      </c>
      <c r="M30069" t="s">
        <v>83</v>
      </c>
      <c r="N30069" t="s">
        <v>91</v>
      </c>
      <c r="O30069" t="s">
        <v>85</v>
      </c>
      <c r="P30069" t="s">
        <v>86</v>
      </c>
      <c r="Q30069">
        <v>33</v>
      </c>
      <c r="R30069">
        <v>34</v>
      </c>
      <c r="S30069">
        <v>35</v>
      </c>
      <c r="T30069">
        <v>36</v>
      </c>
      <c r="U30069">
        <v>37</v>
      </c>
      <c r="V30069">
        <v>38</v>
      </c>
      <c r="W30069">
        <v>39</v>
      </c>
      <c r="X30069">
        <v>40</v>
      </c>
      <c r="Y30069">
        <v>40</v>
      </c>
      <c r="Z30069">
        <v>41</v>
      </c>
      <c r="AA30069">
        <v>42</v>
      </c>
      <c r="AB30069">
        <v>43</v>
      </c>
      <c r="AC30069">
        <v>44</v>
      </c>
      <c r="AD30069">
        <v>45</v>
      </c>
      <c r="AE30069">
        <v>46</v>
      </c>
      <c r="AF30069">
        <v>47</v>
      </c>
      <c r="AG30069">
        <v>48</v>
      </c>
      <c r="AH30069">
        <v>50</v>
      </c>
      <c r="AI30069">
        <v>51</v>
      </c>
      <c r="AJ30069">
        <v>52</v>
      </c>
      <c r="AK30069">
        <v>53</v>
      </c>
      <c r="AL30069">
        <v>54</v>
      </c>
      <c r="AM30069">
        <v>54</v>
      </c>
      <c r="AN30069">
        <v>55</v>
      </c>
      <c r="AO30069">
        <v>56</v>
      </c>
      <c r="AP30069">
        <v>56</v>
      </c>
      <c r="AQ30069">
        <v>57</v>
      </c>
    </row>
    <row r="30070" spans="1:43">
      <c r="A30070" t="s">
        <v>18627</v>
      </c>
      <c r="B30070" t="s">
        <v>18628</v>
      </c>
      <c r="C30070" t="s">
        <v>18629</v>
      </c>
      <c r="D30070" t="s">
        <v>18630</v>
      </c>
      <c r="E30070" t="s">
        <v>18557</v>
      </c>
      <c r="F30070" t="s">
        <v>18558</v>
      </c>
      <c r="G30070" t="s">
        <v>10734</v>
      </c>
      <c r="H30070" t="s">
        <v>10735</v>
      </c>
      <c r="I30070" s="2">
        <v>0</v>
      </c>
      <c r="J30070" s="2">
        <v>1</v>
      </c>
      <c r="K30070" s="2">
        <v>0</v>
      </c>
      <c r="L30070" t="s">
        <v>82</v>
      </c>
      <c r="M30070" t="s">
        <v>83</v>
      </c>
      <c r="N30070" t="s">
        <v>84</v>
      </c>
      <c r="O30070" t="s">
        <v>85</v>
      </c>
      <c r="P30070" t="s">
        <v>86</v>
      </c>
      <c r="Q30070">
        <v>11</v>
      </c>
      <c r="R30070">
        <v>11</v>
      </c>
      <c r="S30070">
        <v>12</v>
      </c>
      <c r="T30070">
        <v>12</v>
      </c>
      <c r="U30070">
        <v>12</v>
      </c>
      <c r="V30070">
        <v>13</v>
      </c>
      <c r="W30070">
        <v>13</v>
      </c>
      <c r="X30070">
        <v>13</v>
      </c>
      <c r="Y30070">
        <v>14</v>
      </c>
      <c r="Z30070">
        <v>14</v>
      </c>
      <c r="AA30070">
        <v>14</v>
      </c>
      <c r="AB30070">
        <v>15</v>
      </c>
      <c r="AC30070">
        <v>15</v>
      </c>
      <c r="AD30070">
        <v>15</v>
      </c>
      <c r="AE30070">
        <v>16</v>
      </c>
      <c r="AF30070">
        <v>16</v>
      </c>
      <c r="AG30070">
        <v>16</v>
      </c>
      <c r="AH30070">
        <v>17</v>
      </c>
      <c r="AI30070">
        <v>17</v>
      </c>
      <c r="AJ30070">
        <v>17</v>
      </c>
      <c r="AK30070">
        <v>18</v>
      </c>
      <c r="AL30070">
        <v>18</v>
      </c>
      <c r="AM30070">
        <v>18</v>
      </c>
      <c r="AN30070">
        <v>18</v>
      </c>
      <c r="AO30070">
        <v>19</v>
      </c>
      <c r="AP30070">
        <v>19</v>
      </c>
      <c r="AQ30070">
        <v>19</v>
      </c>
    </row>
    <row r="30071" spans="1:43">
      <c r="A30071" t="s">
        <v>18627</v>
      </c>
      <c r="B30071" t="s">
        <v>18628</v>
      </c>
      <c r="C30071" t="s">
        <v>18629</v>
      </c>
      <c r="D30071" t="s">
        <v>18630</v>
      </c>
      <c r="E30071" t="s">
        <v>18557</v>
      </c>
      <c r="F30071" t="s">
        <v>18558</v>
      </c>
      <c r="G30071" t="s">
        <v>10734</v>
      </c>
      <c r="H30071" t="s">
        <v>10735</v>
      </c>
      <c r="I30071" s="2">
        <v>0</v>
      </c>
      <c r="J30071" s="2">
        <v>1</v>
      </c>
      <c r="K30071" s="2">
        <v>0</v>
      </c>
      <c r="L30071" t="s">
        <v>82</v>
      </c>
      <c r="M30071" t="s">
        <v>87</v>
      </c>
      <c r="N30071" t="s">
        <v>88</v>
      </c>
      <c r="O30071" t="s">
        <v>85</v>
      </c>
      <c r="P30071" t="s">
        <v>86</v>
      </c>
      <c r="Q30071">
        <v>11</v>
      </c>
      <c r="R30071">
        <v>11</v>
      </c>
      <c r="S30071">
        <v>11</v>
      </c>
      <c r="T30071">
        <v>12</v>
      </c>
      <c r="U30071">
        <v>12</v>
      </c>
      <c r="V30071">
        <v>12</v>
      </c>
      <c r="W30071">
        <v>12</v>
      </c>
      <c r="X30071">
        <v>12</v>
      </c>
      <c r="Y30071">
        <v>13</v>
      </c>
      <c r="Z30071">
        <v>13</v>
      </c>
      <c r="AA30071">
        <v>13</v>
      </c>
      <c r="AB30071">
        <v>13</v>
      </c>
      <c r="AC30071">
        <v>13</v>
      </c>
      <c r="AD30071">
        <v>14</v>
      </c>
      <c r="AE30071">
        <v>14</v>
      </c>
      <c r="AF30071">
        <v>14</v>
      </c>
      <c r="AG30071">
        <v>14</v>
      </c>
      <c r="AH30071">
        <v>15</v>
      </c>
      <c r="AI30071">
        <v>15</v>
      </c>
      <c r="AJ30071">
        <v>15</v>
      </c>
      <c r="AK30071">
        <v>15</v>
      </c>
      <c r="AL30071">
        <v>15</v>
      </c>
      <c r="AM30071">
        <v>16</v>
      </c>
      <c r="AN30071">
        <v>16</v>
      </c>
      <c r="AO30071">
        <v>16</v>
      </c>
      <c r="AP30071">
        <v>16</v>
      </c>
      <c r="AQ30071">
        <v>17</v>
      </c>
    </row>
    <row r="30072" spans="1:43">
      <c r="A30072" t="s">
        <v>18627</v>
      </c>
      <c r="B30072" t="s">
        <v>18628</v>
      </c>
      <c r="C30072" t="s">
        <v>18629</v>
      </c>
      <c r="D30072" t="s">
        <v>18630</v>
      </c>
      <c r="E30072" t="s">
        <v>18557</v>
      </c>
      <c r="F30072" t="s">
        <v>18558</v>
      </c>
      <c r="G30072" t="s">
        <v>10734</v>
      </c>
      <c r="H30072" t="s">
        <v>10735</v>
      </c>
      <c r="I30072" s="2">
        <v>0</v>
      </c>
      <c r="J30072" s="2">
        <v>1</v>
      </c>
      <c r="K30072" s="2">
        <v>0</v>
      </c>
      <c r="L30072" t="s">
        <v>82</v>
      </c>
      <c r="M30072" t="s">
        <v>89</v>
      </c>
      <c r="N30072" t="s">
        <v>90</v>
      </c>
      <c r="O30072" t="s">
        <v>85</v>
      </c>
      <c r="P30072" t="s">
        <v>86</v>
      </c>
      <c r="Q30072">
        <v>11</v>
      </c>
      <c r="R30072">
        <v>12</v>
      </c>
      <c r="S30072">
        <v>12</v>
      </c>
      <c r="T30072">
        <v>12</v>
      </c>
      <c r="U30072">
        <v>13</v>
      </c>
      <c r="V30072">
        <v>13</v>
      </c>
      <c r="W30072">
        <v>14</v>
      </c>
      <c r="X30072">
        <v>14</v>
      </c>
      <c r="Y30072">
        <v>14</v>
      </c>
      <c r="Z30072">
        <v>15</v>
      </c>
      <c r="AA30072">
        <v>15</v>
      </c>
      <c r="AB30072">
        <v>16</v>
      </c>
      <c r="AC30072">
        <v>16</v>
      </c>
      <c r="AD30072">
        <v>16</v>
      </c>
      <c r="AE30072">
        <v>17</v>
      </c>
      <c r="AF30072">
        <v>17</v>
      </c>
      <c r="AG30072">
        <v>17</v>
      </c>
      <c r="AH30072">
        <v>17</v>
      </c>
      <c r="AI30072">
        <v>18</v>
      </c>
      <c r="AJ30072">
        <v>18</v>
      </c>
      <c r="AK30072">
        <v>18</v>
      </c>
      <c r="AL30072">
        <v>18</v>
      </c>
      <c r="AM30072">
        <v>18</v>
      </c>
      <c r="AN30072">
        <v>19</v>
      </c>
      <c r="AO30072">
        <v>19</v>
      </c>
      <c r="AP30072">
        <v>19</v>
      </c>
      <c r="AQ30072">
        <v>19</v>
      </c>
    </row>
    <row r="30073" spans="1:43">
      <c r="A30073" t="s">
        <v>18627</v>
      </c>
      <c r="B30073" t="s">
        <v>18628</v>
      </c>
      <c r="C30073" t="s">
        <v>18629</v>
      </c>
      <c r="D30073" t="s">
        <v>18630</v>
      </c>
      <c r="E30073" t="s">
        <v>18557</v>
      </c>
      <c r="F30073" t="s">
        <v>18558</v>
      </c>
      <c r="G30073" t="s">
        <v>10734</v>
      </c>
      <c r="H30073" t="s">
        <v>10735</v>
      </c>
      <c r="I30073" s="2">
        <v>0</v>
      </c>
      <c r="J30073" s="2">
        <v>1</v>
      </c>
      <c r="K30073" s="2">
        <v>0</v>
      </c>
      <c r="L30073" t="s">
        <v>82</v>
      </c>
      <c r="M30073" t="s">
        <v>83</v>
      </c>
      <c r="N30073" t="s">
        <v>91</v>
      </c>
      <c r="O30073" t="s">
        <v>85</v>
      </c>
      <c r="P30073" t="s">
        <v>86</v>
      </c>
      <c r="Q30073">
        <v>11</v>
      </c>
      <c r="R30073">
        <v>11</v>
      </c>
      <c r="S30073">
        <v>12</v>
      </c>
      <c r="T30073">
        <v>12</v>
      </c>
      <c r="U30073">
        <v>12</v>
      </c>
      <c r="V30073">
        <v>13</v>
      </c>
      <c r="W30073">
        <v>13</v>
      </c>
      <c r="X30073">
        <v>13</v>
      </c>
      <c r="Y30073">
        <v>14</v>
      </c>
      <c r="Z30073">
        <v>14</v>
      </c>
      <c r="AA30073">
        <v>14</v>
      </c>
      <c r="AB30073">
        <v>15</v>
      </c>
      <c r="AC30073">
        <v>15</v>
      </c>
      <c r="AD30073">
        <v>15</v>
      </c>
      <c r="AE30073">
        <v>16</v>
      </c>
      <c r="AF30073">
        <v>16</v>
      </c>
      <c r="AG30073">
        <v>16</v>
      </c>
      <c r="AH30073">
        <v>17</v>
      </c>
      <c r="AI30073">
        <v>17</v>
      </c>
      <c r="AJ30073">
        <v>17</v>
      </c>
      <c r="AK30073">
        <v>18</v>
      </c>
      <c r="AL30073">
        <v>18</v>
      </c>
      <c r="AM30073">
        <v>18</v>
      </c>
      <c r="AN30073">
        <v>18</v>
      </c>
      <c r="AO30073">
        <v>19</v>
      </c>
      <c r="AP30073">
        <v>19</v>
      </c>
      <c r="AQ30073">
        <v>19</v>
      </c>
    </row>
    <row r="30074" spans="1:43">
      <c r="A30074" t="s">
        <v>18631</v>
      </c>
      <c r="B30074" t="s">
        <v>18632</v>
      </c>
      <c r="C30074" t="s">
        <v>18629</v>
      </c>
      <c r="D30074" t="s">
        <v>18630</v>
      </c>
      <c r="E30074" t="s">
        <v>18557</v>
      </c>
      <c r="F30074" t="s">
        <v>18558</v>
      </c>
      <c r="G30074" t="s">
        <v>10734</v>
      </c>
      <c r="H30074" t="s">
        <v>10735</v>
      </c>
      <c r="I30074" s="2">
        <v>0</v>
      </c>
      <c r="J30074" s="2">
        <v>1</v>
      </c>
      <c r="K30074" s="2">
        <v>0</v>
      </c>
      <c r="L30074" t="s">
        <v>82</v>
      </c>
      <c r="M30074" t="s">
        <v>83</v>
      </c>
      <c r="N30074" t="s">
        <v>84</v>
      </c>
      <c r="O30074" t="s">
        <v>85</v>
      </c>
      <c r="P30074" t="s">
        <v>86</v>
      </c>
      <c r="Q30074">
        <v>6</v>
      </c>
      <c r="R30074">
        <v>7</v>
      </c>
      <c r="S30074">
        <v>7</v>
      </c>
      <c r="T30074">
        <v>7</v>
      </c>
      <c r="U30074">
        <v>7</v>
      </c>
      <c r="V30074">
        <v>7</v>
      </c>
      <c r="W30074">
        <v>7</v>
      </c>
      <c r="X30074">
        <v>8</v>
      </c>
      <c r="Y30074">
        <v>8</v>
      </c>
      <c r="Z30074">
        <v>8</v>
      </c>
      <c r="AA30074">
        <v>8</v>
      </c>
      <c r="AB30074">
        <v>8</v>
      </c>
      <c r="AC30074">
        <v>9</v>
      </c>
      <c r="AD30074">
        <v>9</v>
      </c>
      <c r="AE30074">
        <v>9</v>
      </c>
      <c r="AF30074">
        <v>9</v>
      </c>
      <c r="AG30074">
        <v>9</v>
      </c>
      <c r="AH30074">
        <v>10</v>
      </c>
      <c r="AI30074">
        <v>10</v>
      </c>
      <c r="AJ30074">
        <v>10</v>
      </c>
      <c r="AK30074">
        <v>10</v>
      </c>
      <c r="AL30074">
        <v>10</v>
      </c>
      <c r="AM30074">
        <v>11</v>
      </c>
      <c r="AN30074">
        <v>11</v>
      </c>
      <c r="AO30074">
        <v>11</v>
      </c>
      <c r="AP30074">
        <v>11</v>
      </c>
      <c r="AQ30074">
        <v>11</v>
      </c>
    </row>
    <row r="30075" spans="1:43">
      <c r="A30075" t="s">
        <v>18631</v>
      </c>
      <c r="B30075" t="s">
        <v>18632</v>
      </c>
      <c r="C30075" t="s">
        <v>18629</v>
      </c>
      <c r="D30075" t="s">
        <v>18630</v>
      </c>
      <c r="E30075" t="s">
        <v>18557</v>
      </c>
      <c r="F30075" t="s">
        <v>18558</v>
      </c>
      <c r="G30075" t="s">
        <v>10734</v>
      </c>
      <c r="H30075" t="s">
        <v>10735</v>
      </c>
      <c r="I30075" s="2">
        <v>0</v>
      </c>
      <c r="J30075" s="2">
        <v>1</v>
      </c>
      <c r="K30075" s="2">
        <v>0</v>
      </c>
      <c r="L30075" t="s">
        <v>82</v>
      </c>
      <c r="M30075" t="s">
        <v>87</v>
      </c>
      <c r="N30075" t="s">
        <v>88</v>
      </c>
      <c r="O30075" t="s">
        <v>85</v>
      </c>
      <c r="P30075" t="s">
        <v>86</v>
      </c>
      <c r="Q30075">
        <v>6</v>
      </c>
      <c r="R30075">
        <v>6</v>
      </c>
      <c r="S30075">
        <v>7</v>
      </c>
      <c r="T30075">
        <v>7</v>
      </c>
      <c r="U30075">
        <v>7</v>
      </c>
      <c r="V30075">
        <v>7</v>
      </c>
      <c r="W30075">
        <v>7</v>
      </c>
      <c r="X30075">
        <v>7</v>
      </c>
      <c r="Y30075">
        <v>7</v>
      </c>
      <c r="Z30075">
        <v>7</v>
      </c>
      <c r="AA30075">
        <v>7</v>
      </c>
      <c r="AB30075">
        <v>8</v>
      </c>
      <c r="AC30075">
        <v>8</v>
      </c>
      <c r="AD30075">
        <v>8</v>
      </c>
      <c r="AE30075">
        <v>8</v>
      </c>
      <c r="AF30075">
        <v>8</v>
      </c>
      <c r="AG30075">
        <v>8</v>
      </c>
      <c r="AH30075">
        <v>8</v>
      </c>
      <c r="AI30075">
        <v>8</v>
      </c>
      <c r="AJ30075">
        <v>9</v>
      </c>
      <c r="AK30075">
        <v>9</v>
      </c>
      <c r="AL30075">
        <v>9</v>
      </c>
      <c r="AM30075">
        <v>9</v>
      </c>
      <c r="AN30075">
        <v>9</v>
      </c>
      <c r="AO30075">
        <v>9</v>
      </c>
      <c r="AP30075">
        <v>9</v>
      </c>
      <c r="AQ30075">
        <v>10</v>
      </c>
    </row>
    <row r="30076" spans="1:43">
      <c r="A30076" t="s">
        <v>18631</v>
      </c>
      <c r="B30076" t="s">
        <v>18632</v>
      </c>
      <c r="C30076" t="s">
        <v>18629</v>
      </c>
      <c r="D30076" t="s">
        <v>18630</v>
      </c>
      <c r="E30076" t="s">
        <v>18557</v>
      </c>
      <c r="F30076" t="s">
        <v>18558</v>
      </c>
      <c r="G30076" t="s">
        <v>10734</v>
      </c>
      <c r="H30076" t="s">
        <v>10735</v>
      </c>
      <c r="I30076" s="2">
        <v>0</v>
      </c>
      <c r="J30076" s="2">
        <v>1</v>
      </c>
      <c r="K30076" s="2">
        <v>0</v>
      </c>
      <c r="L30076" t="s">
        <v>82</v>
      </c>
      <c r="M30076" t="s">
        <v>89</v>
      </c>
      <c r="N30076" t="s">
        <v>90</v>
      </c>
      <c r="O30076" t="s">
        <v>85</v>
      </c>
      <c r="P30076" t="s">
        <v>86</v>
      </c>
      <c r="Q30076">
        <v>6</v>
      </c>
      <c r="R30076">
        <v>7</v>
      </c>
      <c r="S30076">
        <v>7</v>
      </c>
      <c r="T30076">
        <v>7</v>
      </c>
      <c r="U30076">
        <v>7</v>
      </c>
      <c r="V30076">
        <v>8</v>
      </c>
      <c r="W30076">
        <v>8</v>
      </c>
      <c r="X30076">
        <v>8</v>
      </c>
      <c r="Y30076">
        <v>8</v>
      </c>
      <c r="Z30076">
        <v>9</v>
      </c>
      <c r="AA30076">
        <v>9</v>
      </c>
      <c r="AB30076">
        <v>9</v>
      </c>
      <c r="AC30076">
        <v>9</v>
      </c>
      <c r="AD30076">
        <v>9</v>
      </c>
      <c r="AE30076">
        <v>10</v>
      </c>
      <c r="AF30076">
        <v>10</v>
      </c>
      <c r="AG30076">
        <v>10</v>
      </c>
      <c r="AH30076">
        <v>10</v>
      </c>
      <c r="AI30076">
        <v>10</v>
      </c>
      <c r="AJ30076">
        <v>10</v>
      </c>
      <c r="AK30076">
        <v>10</v>
      </c>
      <c r="AL30076">
        <v>10</v>
      </c>
      <c r="AM30076">
        <v>11</v>
      </c>
      <c r="AN30076">
        <v>11</v>
      </c>
      <c r="AO30076">
        <v>11</v>
      </c>
      <c r="AP30076">
        <v>11</v>
      </c>
      <c r="AQ30076">
        <v>11</v>
      </c>
    </row>
    <row r="30077" spans="1:43">
      <c r="A30077" t="s">
        <v>18631</v>
      </c>
      <c r="B30077" t="s">
        <v>18632</v>
      </c>
      <c r="C30077" t="s">
        <v>18629</v>
      </c>
      <c r="D30077" t="s">
        <v>18630</v>
      </c>
      <c r="E30077" t="s">
        <v>18557</v>
      </c>
      <c r="F30077" t="s">
        <v>18558</v>
      </c>
      <c r="G30077" t="s">
        <v>10734</v>
      </c>
      <c r="H30077" t="s">
        <v>10735</v>
      </c>
      <c r="I30077" s="2">
        <v>0</v>
      </c>
      <c r="J30077" s="2">
        <v>1</v>
      </c>
      <c r="K30077" s="2">
        <v>0</v>
      </c>
      <c r="L30077" t="s">
        <v>82</v>
      </c>
      <c r="M30077" t="s">
        <v>83</v>
      </c>
      <c r="N30077" t="s">
        <v>91</v>
      </c>
      <c r="O30077" t="s">
        <v>85</v>
      </c>
      <c r="P30077" t="s">
        <v>86</v>
      </c>
      <c r="Q30077">
        <v>6</v>
      </c>
      <c r="R30077">
        <v>7</v>
      </c>
      <c r="S30077">
        <v>7</v>
      </c>
      <c r="T30077">
        <v>7</v>
      </c>
      <c r="U30077">
        <v>7</v>
      </c>
      <c r="V30077">
        <v>7</v>
      </c>
      <c r="W30077">
        <v>7</v>
      </c>
      <c r="X30077">
        <v>8</v>
      </c>
      <c r="Y30077">
        <v>8</v>
      </c>
      <c r="Z30077">
        <v>8</v>
      </c>
      <c r="AA30077">
        <v>8</v>
      </c>
      <c r="AB30077">
        <v>8</v>
      </c>
      <c r="AC30077">
        <v>9</v>
      </c>
      <c r="AD30077">
        <v>9</v>
      </c>
      <c r="AE30077">
        <v>9</v>
      </c>
      <c r="AF30077">
        <v>9</v>
      </c>
      <c r="AG30077">
        <v>9</v>
      </c>
      <c r="AH30077">
        <v>10</v>
      </c>
      <c r="AI30077">
        <v>10</v>
      </c>
      <c r="AJ30077">
        <v>10</v>
      </c>
      <c r="AK30077">
        <v>10</v>
      </c>
      <c r="AL30077">
        <v>10</v>
      </c>
      <c r="AM30077">
        <v>11</v>
      </c>
      <c r="AN30077">
        <v>11</v>
      </c>
      <c r="AO30077">
        <v>11</v>
      </c>
      <c r="AP30077">
        <v>11</v>
      </c>
      <c r="AQ30077">
        <v>11</v>
      </c>
    </row>
    <row r="30078" spans="1:43">
      <c r="A30078" t="s">
        <v>18633</v>
      </c>
      <c r="B30078" t="s">
        <v>18634</v>
      </c>
      <c r="C30078" t="s">
        <v>18629</v>
      </c>
      <c r="D30078" t="s">
        <v>18630</v>
      </c>
      <c r="E30078" t="s">
        <v>18557</v>
      </c>
      <c r="F30078" t="s">
        <v>18558</v>
      </c>
      <c r="G30078" t="s">
        <v>10734</v>
      </c>
      <c r="H30078" t="s">
        <v>10735</v>
      </c>
      <c r="I30078" s="2">
        <v>0</v>
      </c>
      <c r="J30078" s="2">
        <v>0.54</v>
      </c>
      <c r="K30078" s="2">
        <v>0.46</v>
      </c>
      <c r="L30078" t="s">
        <v>82</v>
      </c>
      <c r="M30078" t="s">
        <v>83</v>
      </c>
      <c r="N30078" t="s">
        <v>84</v>
      </c>
      <c r="O30078" t="s">
        <v>85</v>
      </c>
      <c r="P30078" t="s">
        <v>86</v>
      </c>
      <c r="Q30078">
        <v>55</v>
      </c>
      <c r="R30078">
        <v>56</v>
      </c>
      <c r="S30078">
        <v>58</v>
      </c>
      <c r="T30078">
        <v>59</v>
      </c>
      <c r="U30078">
        <v>61</v>
      </c>
      <c r="V30078">
        <v>62</v>
      </c>
      <c r="W30078">
        <v>64</v>
      </c>
      <c r="X30078">
        <v>65</v>
      </c>
      <c r="Y30078">
        <v>67</v>
      </c>
      <c r="Z30078">
        <v>68</v>
      </c>
      <c r="AA30078">
        <v>70</v>
      </c>
      <c r="AB30078">
        <v>71</v>
      </c>
      <c r="AC30078">
        <v>73</v>
      </c>
      <c r="AD30078">
        <v>75</v>
      </c>
      <c r="AE30078">
        <v>76</v>
      </c>
      <c r="AF30078">
        <v>78</v>
      </c>
      <c r="AG30078">
        <v>80</v>
      </c>
      <c r="AH30078">
        <v>82</v>
      </c>
      <c r="AI30078">
        <v>83</v>
      </c>
      <c r="AJ30078">
        <v>85</v>
      </c>
      <c r="AK30078">
        <v>87</v>
      </c>
      <c r="AL30078">
        <v>88</v>
      </c>
      <c r="AM30078">
        <v>89</v>
      </c>
      <c r="AN30078">
        <v>90</v>
      </c>
      <c r="AO30078">
        <v>92</v>
      </c>
      <c r="AP30078">
        <v>93</v>
      </c>
      <c r="AQ30078">
        <v>94</v>
      </c>
    </row>
    <row r="30079" spans="1:43">
      <c r="A30079" t="s">
        <v>18633</v>
      </c>
      <c r="B30079" t="s">
        <v>18634</v>
      </c>
      <c r="C30079" t="s">
        <v>18629</v>
      </c>
      <c r="D30079" t="s">
        <v>18630</v>
      </c>
      <c r="E30079" t="s">
        <v>18557</v>
      </c>
      <c r="F30079" t="s">
        <v>18558</v>
      </c>
      <c r="G30079" t="s">
        <v>10734</v>
      </c>
      <c r="H30079" t="s">
        <v>10735</v>
      </c>
      <c r="I30079" s="2">
        <v>0</v>
      </c>
      <c r="J30079" s="2">
        <v>0.54</v>
      </c>
      <c r="K30079" s="2">
        <v>0.46</v>
      </c>
      <c r="L30079" t="s">
        <v>82</v>
      </c>
      <c r="M30079" t="s">
        <v>87</v>
      </c>
      <c r="N30079" t="s">
        <v>88</v>
      </c>
      <c r="O30079" t="s">
        <v>85</v>
      </c>
      <c r="P30079" t="s">
        <v>86</v>
      </c>
      <c r="Q30079">
        <v>55</v>
      </c>
      <c r="R30079">
        <v>56</v>
      </c>
      <c r="S30079">
        <v>57</v>
      </c>
      <c r="T30079">
        <v>58</v>
      </c>
      <c r="U30079">
        <v>59</v>
      </c>
      <c r="V30079">
        <v>60</v>
      </c>
      <c r="W30079">
        <v>61</v>
      </c>
      <c r="X30079">
        <v>62</v>
      </c>
      <c r="Y30079">
        <v>63</v>
      </c>
      <c r="Z30079">
        <v>64</v>
      </c>
      <c r="AA30079">
        <v>65</v>
      </c>
      <c r="AB30079">
        <v>66</v>
      </c>
      <c r="AC30079">
        <v>67</v>
      </c>
      <c r="AD30079">
        <v>68</v>
      </c>
      <c r="AE30079">
        <v>69</v>
      </c>
      <c r="AF30079">
        <v>70</v>
      </c>
      <c r="AG30079">
        <v>71</v>
      </c>
      <c r="AH30079">
        <v>72</v>
      </c>
      <c r="AI30079">
        <v>73</v>
      </c>
      <c r="AJ30079">
        <v>74</v>
      </c>
      <c r="AK30079">
        <v>75</v>
      </c>
      <c r="AL30079">
        <v>76</v>
      </c>
      <c r="AM30079">
        <v>77</v>
      </c>
      <c r="AN30079">
        <v>79</v>
      </c>
      <c r="AO30079">
        <v>80</v>
      </c>
      <c r="AP30079">
        <v>81</v>
      </c>
      <c r="AQ30079">
        <v>82</v>
      </c>
    </row>
    <row r="30080" spans="1:43">
      <c r="A30080" t="s">
        <v>18633</v>
      </c>
      <c r="B30080" t="s">
        <v>18634</v>
      </c>
      <c r="C30080" t="s">
        <v>18629</v>
      </c>
      <c r="D30080" t="s">
        <v>18630</v>
      </c>
      <c r="E30080" t="s">
        <v>18557</v>
      </c>
      <c r="F30080" t="s">
        <v>18558</v>
      </c>
      <c r="G30080" t="s">
        <v>10734</v>
      </c>
      <c r="H30080" t="s">
        <v>10735</v>
      </c>
      <c r="I30080" s="2">
        <v>0</v>
      </c>
      <c r="J30080" s="2">
        <v>0.54</v>
      </c>
      <c r="K30080" s="2">
        <v>0.46</v>
      </c>
      <c r="L30080" t="s">
        <v>82</v>
      </c>
      <c r="M30080" t="s">
        <v>89</v>
      </c>
      <c r="N30080" t="s">
        <v>90</v>
      </c>
      <c r="O30080" t="s">
        <v>85</v>
      </c>
      <c r="P30080" t="s">
        <v>86</v>
      </c>
      <c r="Q30080">
        <v>55</v>
      </c>
      <c r="R30080">
        <v>57</v>
      </c>
      <c r="S30080">
        <v>59</v>
      </c>
      <c r="T30080">
        <v>61</v>
      </c>
      <c r="U30080">
        <v>63</v>
      </c>
      <c r="V30080">
        <v>65</v>
      </c>
      <c r="W30080">
        <v>67</v>
      </c>
      <c r="X30080">
        <v>69</v>
      </c>
      <c r="Y30080">
        <v>71</v>
      </c>
      <c r="Z30080">
        <v>72</v>
      </c>
      <c r="AA30080">
        <v>74</v>
      </c>
      <c r="AB30080">
        <v>76</v>
      </c>
      <c r="AC30080">
        <v>78</v>
      </c>
      <c r="AD30080">
        <v>80</v>
      </c>
      <c r="AE30080">
        <v>82</v>
      </c>
      <c r="AF30080">
        <v>83</v>
      </c>
      <c r="AG30080">
        <v>84</v>
      </c>
      <c r="AH30080">
        <v>85</v>
      </c>
      <c r="AI30080">
        <v>86</v>
      </c>
      <c r="AJ30080">
        <v>87</v>
      </c>
      <c r="AK30080">
        <v>88</v>
      </c>
      <c r="AL30080">
        <v>89</v>
      </c>
      <c r="AM30080">
        <v>90</v>
      </c>
      <c r="AN30080">
        <v>91</v>
      </c>
      <c r="AO30080">
        <v>92</v>
      </c>
      <c r="AP30080">
        <v>93</v>
      </c>
      <c r="AQ30080">
        <v>94</v>
      </c>
    </row>
    <row r="30081" spans="1:43">
      <c r="A30081" t="s">
        <v>18633</v>
      </c>
      <c r="B30081" t="s">
        <v>18634</v>
      </c>
      <c r="C30081" t="s">
        <v>18629</v>
      </c>
      <c r="D30081" t="s">
        <v>18630</v>
      </c>
      <c r="E30081" t="s">
        <v>18557</v>
      </c>
      <c r="F30081" t="s">
        <v>18558</v>
      </c>
      <c r="G30081" t="s">
        <v>10734</v>
      </c>
      <c r="H30081" t="s">
        <v>10735</v>
      </c>
      <c r="I30081" s="2">
        <v>0</v>
      </c>
      <c r="J30081" s="2">
        <v>0.54</v>
      </c>
      <c r="K30081" s="2">
        <v>0.46</v>
      </c>
      <c r="L30081" t="s">
        <v>82</v>
      </c>
      <c r="M30081" t="s">
        <v>83</v>
      </c>
      <c r="N30081" t="s">
        <v>91</v>
      </c>
      <c r="O30081" t="s">
        <v>85</v>
      </c>
      <c r="P30081" t="s">
        <v>86</v>
      </c>
      <c r="Q30081">
        <v>55</v>
      </c>
      <c r="R30081">
        <v>56</v>
      </c>
      <c r="S30081">
        <v>58</v>
      </c>
      <c r="T30081">
        <v>59</v>
      </c>
      <c r="U30081">
        <v>61</v>
      </c>
      <c r="V30081">
        <v>62</v>
      </c>
      <c r="W30081">
        <v>64</v>
      </c>
      <c r="X30081">
        <v>65</v>
      </c>
      <c r="Y30081">
        <v>67</v>
      </c>
      <c r="Z30081">
        <v>68</v>
      </c>
      <c r="AA30081">
        <v>70</v>
      </c>
      <c r="AB30081">
        <v>71</v>
      </c>
      <c r="AC30081">
        <v>73</v>
      </c>
      <c r="AD30081">
        <v>75</v>
      </c>
      <c r="AE30081">
        <v>76</v>
      </c>
      <c r="AF30081">
        <v>78</v>
      </c>
      <c r="AG30081">
        <v>80</v>
      </c>
      <c r="AH30081">
        <v>82</v>
      </c>
      <c r="AI30081">
        <v>83</v>
      </c>
      <c r="AJ30081">
        <v>85</v>
      </c>
      <c r="AK30081">
        <v>87</v>
      </c>
      <c r="AL30081">
        <v>88</v>
      </c>
      <c r="AM30081">
        <v>89</v>
      </c>
      <c r="AN30081">
        <v>90</v>
      </c>
      <c r="AO30081">
        <v>92</v>
      </c>
      <c r="AP30081">
        <v>93</v>
      </c>
      <c r="AQ30081">
        <v>94</v>
      </c>
    </row>
    <row r="30082" spans="1:43">
      <c r="A30082" t="s">
        <v>18635</v>
      </c>
      <c r="B30082" t="s">
        <v>18636</v>
      </c>
      <c r="C30082" t="s">
        <v>18629</v>
      </c>
      <c r="D30082" t="s">
        <v>18630</v>
      </c>
      <c r="E30082" t="s">
        <v>18557</v>
      </c>
      <c r="F30082" t="s">
        <v>18558</v>
      </c>
      <c r="G30082" t="s">
        <v>10734</v>
      </c>
      <c r="H30082" t="s">
        <v>10735</v>
      </c>
      <c r="I30082" s="2">
        <v>0</v>
      </c>
      <c r="J30082" s="2">
        <v>0.68</v>
      </c>
      <c r="K30082" s="2">
        <v>0.32</v>
      </c>
      <c r="L30082" t="s">
        <v>82</v>
      </c>
      <c r="M30082" t="s">
        <v>83</v>
      </c>
      <c r="N30082" t="s">
        <v>84</v>
      </c>
      <c r="O30082" t="s">
        <v>85</v>
      </c>
      <c r="P30082" t="s">
        <v>86</v>
      </c>
      <c r="Q30082">
        <v>37</v>
      </c>
      <c r="R30082">
        <v>38</v>
      </c>
      <c r="S30082">
        <v>39</v>
      </c>
      <c r="T30082">
        <v>40</v>
      </c>
      <c r="U30082">
        <v>41</v>
      </c>
      <c r="V30082">
        <v>42</v>
      </c>
      <c r="W30082">
        <v>43</v>
      </c>
      <c r="X30082">
        <v>44</v>
      </c>
      <c r="Y30082">
        <v>45</v>
      </c>
      <c r="Z30082">
        <v>46</v>
      </c>
      <c r="AA30082">
        <v>47</v>
      </c>
      <c r="AB30082">
        <v>48</v>
      </c>
      <c r="AC30082">
        <v>49</v>
      </c>
      <c r="AD30082">
        <v>50</v>
      </c>
      <c r="AE30082">
        <v>51</v>
      </c>
      <c r="AF30082">
        <v>53</v>
      </c>
      <c r="AG30082">
        <v>54</v>
      </c>
      <c r="AH30082">
        <v>55</v>
      </c>
      <c r="AI30082">
        <v>56</v>
      </c>
      <c r="AJ30082">
        <v>57</v>
      </c>
      <c r="AK30082">
        <v>58</v>
      </c>
      <c r="AL30082">
        <v>59</v>
      </c>
      <c r="AM30082">
        <v>60</v>
      </c>
      <c r="AN30082">
        <v>61</v>
      </c>
      <c r="AO30082">
        <v>62</v>
      </c>
      <c r="AP30082">
        <v>62</v>
      </c>
      <c r="AQ30082">
        <v>63</v>
      </c>
    </row>
    <row r="30083" spans="1:43">
      <c r="A30083" t="s">
        <v>18635</v>
      </c>
      <c r="B30083" t="s">
        <v>18636</v>
      </c>
      <c r="C30083" t="s">
        <v>18629</v>
      </c>
      <c r="D30083" t="s">
        <v>18630</v>
      </c>
      <c r="E30083" t="s">
        <v>18557</v>
      </c>
      <c r="F30083" t="s">
        <v>18558</v>
      </c>
      <c r="G30083" t="s">
        <v>10734</v>
      </c>
      <c r="H30083" t="s">
        <v>10735</v>
      </c>
      <c r="I30083" s="2">
        <v>0</v>
      </c>
      <c r="J30083" s="2">
        <v>0.68</v>
      </c>
      <c r="K30083" s="2">
        <v>0.32</v>
      </c>
      <c r="L30083" t="s">
        <v>82</v>
      </c>
      <c r="M30083" t="s">
        <v>87</v>
      </c>
      <c r="N30083" t="s">
        <v>88</v>
      </c>
      <c r="O30083" t="s">
        <v>85</v>
      </c>
      <c r="P30083" t="s">
        <v>86</v>
      </c>
      <c r="Q30083">
        <v>37</v>
      </c>
      <c r="R30083">
        <v>38</v>
      </c>
      <c r="S30083">
        <v>39</v>
      </c>
      <c r="T30083">
        <v>39</v>
      </c>
      <c r="U30083">
        <v>40</v>
      </c>
      <c r="V30083">
        <v>40</v>
      </c>
      <c r="W30083">
        <v>41</v>
      </c>
      <c r="X30083">
        <v>42</v>
      </c>
      <c r="Y30083">
        <v>42</v>
      </c>
      <c r="Z30083">
        <v>43</v>
      </c>
      <c r="AA30083">
        <v>44</v>
      </c>
      <c r="AB30083">
        <v>44</v>
      </c>
      <c r="AC30083">
        <v>45</v>
      </c>
      <c r="AD30083">
        <v>46</v>
      </c>
      <c r="AE30083">
        <v>47</v>
      </c>
      <c r="AF30083">
        <v>47</v>
      </c>
      <c r="AG30083">
        <v>48</v>
      </c>
      <c r="AH30083">
        <v>49</v>
      </c>
      <c r="AI30083">
        <v>50</v>
      </c>
      <c r="AJ30083">
        <v>50</v>
      </c>
      <c r="AK30083">
        <v>51</v>
      </c>
      <c r="AL30083">
        <v>52</v>
      </c>
      <c r="AM30083">
        <v>53</v>
      </c>
      <c r="AN30083">
        <v>53</v>
      </c>
      <c r="AO30083">
        <v>54</v>
      </c>
      <c r="AP30083">
        <v>55</v>
      </c>
      <c r="AQ30083">
        <v>56</v>
      </c>
    </row>
    <row r="30084" spans="1:43">
      <c r="A30084" t="s">
        <v>18635</v>
      </c>
      <c r="B30084" t="s">
        <v>18636</v>
      </c>
      <c r="C30084" t="s">
        <v>18629</v>
      </c>
      <c r="D30084" t="s">
        <v>18630</v>
      </c>
      <c r="E30084" t="s">
        <v>18557</v>
      </c>
      <c r="F30084" t="s">
        <v>18558</v>
      </c>
      <c r="G30084" t="s">
        <v>10734</v>
      </c>
      <c r="H30084" t="s">
        <v>10735</v>
      </c>
      <c r="I30084" s="2">
        <v>0</v>
      </c>
      <c r="J30084" s="2">
        <v>0.68</v>
      </c>
      <c r="K30084" s="2">
        <v>0.32</v>
      </c>
      <c r="L30084" t="s">
        <v>82</v>
      </c>
      <c r="M30084" t="s">
        <v>89</v>
      </c>
      <c r="N30084" t="s">
        <v>90</v>
      </c>
      <c r="O30084" t="s">
        <v>85</v>
      </c>
      <c r="P30084" t="s">
        <v>86</v>
      </c>
      <c r="Q30084">
        <v>37</v>
      </c>
      <c r="R30084">
        <v>38</v>
      </c>
      <c r="S30084">
        <v>40</v>
      </c>
      <c r="T30084">
        <v>41</v>
      </c>
      <c r="U30084">
        <v>42</v>
      </c>
      <c r="V30084">
        <v>44</v>
      </c>
      <c r="W30084">
        <v>45</v>
      </c>
      <c r="X30084">
        <v>46</v>
      </c>
      <c r="Y30084">
        <v>47</v>
      </c>
      <c r="Z30084">
        <v>49</v>
      </c>
      <c r="AA30084">
        <v>50</v>
      </c>
      <c r="AB30084">
        <v>51</v>
      </c>
      <c r="AC30084">
        <v>53</v>
      </c>
      <c r="AD30084">
        <v>54</v>
      </c>
      <c r="AE30084">
        <v>55</v>
      </c>
      <c r="AF30084">
        <v>56</v>
      </c>
      <c r="AG30084">
        <v>56</v>
      </c>
      <c r="AH30084">
        <v>57</v>
      </c>
      <c r="AI30084">
        <v>58</v>
      </c>
      <c r="AJ30084">
        <v>58</v>
      </c>
      <c r="AK30084">
        <v>59</v>
      </c>
      <c r="AL30084">
        <v>60</v>
      </c>
      <c r="AM30084">
        <v>60</v>
      </c>
      <c r="AN30084">
        <v>61</v>
      </c>
      <c r="AO30084">
        <v>62</v>
      </c>
      <c r="AP30084">
        <v>63</v>
      </c>
      <c r="AQ30084">
        <v>63</v>
      </c>
    </row>
    <row r="30085" spans="1:43">
      <c r="A30085" t="s">
        <v>18635</v>
      </c>
      <c r="B30085" t="s">
        <v>18636</v>
      </c>
      <c r="C30085" t="s">
        <v>18629</v>
      </c>
      <c r="D30085" t="s">
        <v>18630</v>
      </c>
      <c r="E30085" t="s">
        <v>18557</v>
      </c>
      <c r="F30085" t="s">
        <v>18558</v>
      </c>
      <c r="G30085" t="s">
        <v>10734</v>
      </c>
      <c r="H30085" t="s">
        <v>10735</v>
      </c>
      <c r="I30085" s="2">
        <v>0</v>
      </c>
      <c r="J30085" s="2">
        <v>0.68</v>
      </c>
      <c r="K30085" s="2">
        <v>0.32</v>
      </c>
      <c r="L30085" t="s">
        <v>82</v>
      </c>
      <c r="M30085" t="s">
        <v>83</v>
      </c>
      <c r="N30085" t="s">
        <v>91</v>
      </c>
      <c r="O30085" t="s">
        <v>85</v>
      </c>
      <c r="P30085" t="s">
        <v>86</v>
      </c>
      <c r="Q30085">
        <v>37</v>
      </c>
      <c r="R30085">
        <v>38</v>
      </c>
      <c r="S30085">
        <v>39</v>
      </c>
      <c r="T30085">
        <v>40</v>
      </c>
      <c r="U30085">
        <v>41</v>
      </c>
      <c r="V30085">
        <v>42</v>
      </c>
      <c r="W30085">
        <v>43</v>
      </c>
      <c r="X30085">
        <v>44</v>
      </c>
      <c r="Y30085">
        <v>45</v>
      </c>
      <c r="Z30085">
        <v>46</v>
      </c>
      <c r="AA30085">
        <v>47</v>
      </c>
      <c r="AB30085">
        <v>48</v>
      </c>
      <c r="AC30085">
        <v>49</v>
      </c>
      <c r="AD30085">
        <v>50</v>
      </c>
      <c r="AE30085">
        <v>51</v>
      </c>
      <c r="AF30085">
        <v>53</v>
      </c>
      <c r="AG30085">
        <v>54</v>
      </c>
      <c r="AH30085">
        <v>55</v>
      </c>
      <c r="AI30085">
        <v>56</v>
      </c>
      <c r="AJ30085">
        <v>57</v>
      </c>
      <c r="AK30085">
        <v>58</v>
      </c>
      <c r="AL30085">
        <v>59</v>
      </c>
      <c r="AM30085">
        <v>60</v>
      </c>
      <c r="AN30085">
        <v>61</v>
      </c>
      <c r="AO30085">
        <v>62</v>
      </c>
      <c r="AP30085">
        <v>62</v>
      </c>
      <c r="AQ30085">
        <v>63</v>
      </c>
    </row>
    <row r="30086" spans="1:43">
      <c r="A30086" t="s">
        <v>18637</v>
      </c>
      <c r="B30086" t="s">
        <v>18638</v>
      </c>
      <c r="C30086" t="s">
        <v>18639</v>
      </c>
      <c r="D30086" t="s">
        <v>18640</v>
      </c>
      <c r="E30086" t="s">
        <v>18557</v>
      </c>
      <c r="F30086" t="s">
        <v>18558</v>
      </c>
      <c r="G30086" t="s">
        <v>10734</v>
      </c>
      <c r="H30086" t="s">
        <v>10735</v>
      </c>
      <c r="I30086" s="2">
        <v>0</v>
      </c>
      <c r="J30086" s="2">
        <v>0</v>
      </c>
      <c r="K30086" s="2">
        <v>1</v>
      </c>
      <c r="L30086" t="s">
        <v>995</v>
      </c>
      <c r="M30086" t="s">
        <v>83</v>
      </c>
      <c r="N30086" t="s">
        <v>84</v>
      </c>
      <c r="O30086" t="s">
        <v>85</v>
      </c>
      <c r="P30086" t="s">
        <v>86</v>
      </c>
      <c r="Q30086">
        <v>7</v>
      </c>
      <c r="R30086">
        <v>7</v>
      </c>
      <c r="S30086">
        <v>7</v>
      </c>
      <c r="T30086">
        <v>7</v>
      </c>
      <c r="U30086">
        <v>7</v>
      </c>
      <c r="V30086">
        <v>8</v>
      </c>
      <c r="W30086">
        <v>8</v>
      </c>
      <c r="X30086">
        <v>8</v>
      </c>
      <c r="Y30086">
        <v>8</v>
      </c>
      <c r="Z30086">
        <v>8</v>
      </c>
      <c r="AA30086">
        <v>9</v>
      </c>
      <c r="AB30086">
        <v>9</v>
      </c>
      <c r="AC30086">
        <v>9</v>
      </c>
      <c r="AD30086">
        <v>9</v>
      </c>
      <c r="AE30086">
        <v>9</v>
      </c>
      <c r="AF30086">
        <v>10</v>
      </c>
      <c r="AG30086">
        <v>10</v>
      </c>
      <c r="AH30086">
        <v>10</v>
      </c>
      <c r="AI30086">
        <v>10</v>
      </c>
      <c r="AJ30086">
        <v>11</v>
      </c>
      <c r="AK30086">
        <v>11</v>
      </c>
      <c r="AL30086">
        <v>11</v>
      </c>
      <c r="AM30086">
        <v>11</v>
      </c>
      <c r="AN30086">
        <v>11</v>
      </c>
      <c r="AO30086">
        <v>11</v>
      </c>
      <c r="AP30086">
        <v>11</v>
      </c>
      <c r="AQ30086">
        <v>12</v>
      </c>
    </row>
    <row r="30087" spans="1:43">
      <c r="A30087" t="s">
        <v>18637</v>
      </c>
      <c r="B30087" t="s">
        <v>18638</v>
      </c>
      <c r="C30087" t="s">
        <v>18639</v>
      </c>
      <c r="D30087" t="s">
        <v>18640</v>
      </c>
      <c r="E30087" t="s">
        <v>18557</v>
      </c>
      <c r="F30087" t="s">
        <v>18558</v>
      </c>
      <c r="G30087" t="s">
        <v>10734</v>
      </c>
      <c r="H30087" t="s">
        <v>10735</v>
      </c>
      <c r="I30087" s="2">
        <v>0</v>
      </c>
      <c r="J30087" s="2">
        <v>0</v>
      </c>
      <c r="K30087" s="2">
        <v>1</v>
      </c>
      <c r="L30087" t="s">
        <v>995</v>
      </c>
      <c r="M30087" t="s">
        <v>87</v>
      </c>
      <c r="N30087" t="s">
        <v>88</v>
      </c>
      <c r="O30087" t="s">
        <v>85</v>
      </c>
      <c r="P30087" t="s">
        <v>86</v>
      </c>
      <c r="Q30087">
        <v>7</v>
      </c>
      <c r="R30087">
        <v>7</v>
      </c>
      <c r="S30087">
        <v>7</v>
      </c>
      <c r="T30087">
        <v>7</v>
      </c>
      <c r="U30087">
        <v>7</v>
      </c>
      <c r="V30087">
        <v>7</v>
      </c>
      <c r="W30087">
        <v>7</v>
      </c>
      <c r="X30087">
        <v>7</v>
      </c>
      <c r="Y30087">
        <v>8</v>
      </c>
      <c r="Z30087">
        <v>8</v>
      </c>
      <c r="AA30087">
        <v>8</v>
      </c>
      <c r="AB30087">
        <v>8</v>
      </c>
      <c r="AC30087">
        <v>8</v>
      </c>
      <c r="AD30087">
        <v>8</v>
      </c>
      <c r="AE30087">
        <v>8</v>
      </c>
      <c r="AF30087">
        <v>8</v>
      </c>
      <c r="AG30087">
        <v>9</v>
      </c>
      <c r="AH30087">
        <v>9</v>
      </c>
      <c r="AI30087">
        <v>9</v>
      </c>
      <c r="AJ30087">
        <v>9</v>
      </c>
      <c r="AK30087">
        <v>9</v>
      </c>
      <c r="AL30087">
        <v>9</v>
      </c>
      <c r="AM30087">
        <v>9</v>
      </c>
      <c r="AN30087">
        <v>10</v>
      </c>
      <c r="AO30087">
        <v>10</v>
      </c>
      <c r="AP30087">
        <v>10</v>
      </c>
      <c r="AQ30087">
        <v>10</v>
      </c>
    </row>
    <row r="30088" spans="1:43">
      <c r="A30088" t="s">
        <v>18637</v>
      </c>
      <c r="B30088" t="s">
        <v>18638</v>
      </c>
      <c r="C30088" t="s">
        <v>18639</v>
      </c>
      <c r="D30088" t="s">
        <v>18640</v>
      </c>
      <c r="E30088" t="s">
        <v>18557</v>
      </c>
      <c r="F30088" t="s">
        <v>18558</v>
      </c>
      <c r="G30088" t="s">
        <v>10734</v>
      </c>
      <c r="H30088" t="s">
        <v>10735</v>
      </c>
      <c r="I30088" s="2">
        <v>0</v>
      </c>
      <c r="J30088" s="2">
        <v>0</v>
      </c>
      <c r="K30088" s="2">
        <v>1</v>
      </c>
      <c r="L30088" t="s">
        <v>995</v>
      </c>
      <c r="M30088" t="s">
        <v>89</v>
      </c>
      <c r="N30088" t="s">
        <v>90</v>
      </c>
      <c r="O30088" t="s">
        <v>85</v>
      </c>
      <c r="P30088" t="s">
        <v>86</v>
      </c>
      <c r="Q30088">
        <v>7</v>
      </c>
      <c r="R30088">
        <v>7</v>
      </c>
      <c r="S30088">
        <v>7</v>
      </c>
      <c r="T30088">
        <v>8</v>
      </c>
      <c r="U30088">
        <v>8</v>
      </c>
      <c r="V30088">
        <v>8</v>
      </c>
      <c r="W30088">
        <v>8</v>
      </c>
      <c r="X30088">
        <v>8</v>
      </c>
      <c r="Y30088">
        <v>9</v>
      </c>
      <c r="Z30088">
        <v>9</v>
      </c>
      <c r="AA30088">
        <v>9</v>
      </c>
      <c r="AB30088">
        <v>9</v>
      </c>
      <c r="AC30088">
        <v>10</v>
      </c>
      <c r="AD30088">
        <v>10</v>
      </c>
      <c r="AE30088">
        <v>10</v>
      </c>
      <c r="AF30088">
        <v>10</v>
      </c>
      <c r="AG30088">
        <v>10</v>
      </c>
      <c r="AH30088">
        <v>10</v>
      </c>
      <c r="AI30088">
        <v>11</v>
      </c>
      <c r="AJ30088">
        <v>11</v>
      </c>
      <c r="AK30088">
        <v>11</v>
      </c>
      <c r="AL30088">
        <v>11</v>
      </c>
      <c r="AM30088">
        <v>11</v>
      </c>
      <c r="AN30088">
        <v>11</v>
      </c>
      <c r="AO30088">
        <v>11</v>
      </c>
      <c r="AP30088">
        <v>12</v>
      </c>
      <c r="AQ30088">
        <v>12</v>
      </c>
    </row>
    <row r="30089" spans="1:43">
      <c r="A30089" t="s">
        <v>18637</v>
      </c>
      <c r="B30089" t="s">
        <v>18638</v>
      </c>
      <c r="C30089" t="s">
        <v>18639</v>
      </c>
      <c r="D30089" t="s">
        <v>18640</v>
      </c>
      <c r="E30089" t="s">
        <v>18557</v>
      </c>
      <c r="F30089" t="s">
        <v>18558</v>
      </c>
      <c r="G30089" t="s">
        <v>10734</v>
      </c>
      <c r="H30089" t="s">
        <v>10735</v>
      </c>
      <c r="I30089" s="2">
        <v>0</v>
      </c>
      <c r="J30089" s="2">
        <v>0</v>
      </c>
      <c r="K30089" s="2">
        <v>1</v>
      </c>
      <c r="L30089" t="s">
        <v>995</v>
      </c>
      <c r="M30089" t="s">
        <v>83</v>
      </c>
      <c r="N30089" t="s">
        <v>91</v>
      </c>
      <c r="O30089" t="s">
        <v>85</v>
      </c>
      <c r="P30089" t="s">
        <v>86</v>
      </c>
      <c r="Q30089">
        <v>7</v>
      </c>
      <c r="R30089">
        <v>7</v>
      </c>
      <c r="S30089">
        <v>7</v>
      </c>
      <c r="T30089">
        <v>7</v>
      </c>
      <c r="U30089">
        <v>7</v>
      </c>
      <c r="V30089">
        <v>8</v>
      </c>
      <c r="W30089">
        <v>8</v>
      </c>
      <c r="X30089">
        <v>8</v>
      </c>
      <c r="Y30089">
        <v>8</v>
      </c>
      <c r="Z30089">
        <v>8</v>
      </c>
      <c r="AA30089">
        <v>9</v>
      </c>
      <c r="AB30089">
        <v>9</v>
      </c>
      <c r="AC30089">
        <v>9</v>
      </c>
      <c r="AD30089">
        <v>9</v>
      </c>
      <c r="AE30089">
        <v>9</v>
      </c>
      <c r="AF30089">
        <v>10</v>
      </c>
      <c r="AG30089">
        <v>10</v>
      </c>
      <c r="AH30089">
        <v>10</v>
      </c>
      <c r="AI30089">
        <v>10</v>
      </c>
      <c r="AJ30089">
        <v>11</v>
      </c>
      <c r="AK30089">
        <v>11</v>
      </c>
      <c r="AL30089">
        <v>11</v>
      </c>
      <c r="AM30089">
        <v>11</v>
      </c>
      <c r="AN30089">
        <v>11</v>
      </c>
      <c r="AO30089">
        <v>11</v>
      </c>
      <c r="AP30089">
        <v>11</v>
      </c>
      <c r="AQ30089">
        <v>12</v>
      </c>
    </row>
    <row r="30090" spans="1:43">
      <c r="A30090" t="s">
        <v>18641</v>
      </c>
      <c r="B30090" t="s">
        <v>18642</v>
      </c>
      <c r="C30090" t="s">
        <v>18639</v>
      </c>
      <c r="D30090" t="s">
        <v>18640</v>
      </c>
      <c r="E30090" t="s">
        <v>18557</v>
      </c>
      <c r="F30090" t="s">
        <v>18558</v>
      </c>
      <c r="G30090" t="s">
        <v>10734</v>
      </c>
      <c r="H30090" t="s">
        <v>10735</v>
      </c>
      <c r="I30090" s="2">
        <v>0</v>
      </c>
      <c r="J30090" s="2">
        <v>0</v>
      </c>
      <c r="K30090" s="2">
        <v>1</v>
      </c>
      <c r="L30090" t="s">
        <v>995</v>
      </c>
      <c r="M30090" t="s">
        <v>83</v>
      </c>
      <c r="N30090" t="s">
        <v>84</v>
      </c>
      <c r="O30090" t="s">
        <v>85</v>
      </c>
      <c r="P30090" t="s">
        <v>86</v>
      </c>
      <c r="Q30090">
        <v>40</v>
      </c>
      <c r="R30090">
        <v>41</v>
      </c>
      <c r="S30090">
        <v>42</v>
      </c>
      <c r="T30090">
        <v>43</v>
      </c>
      <c r="U30090">
        <v>44</v>
      </c>
      <c r="V30090">
        <v>45</v>
      </c>
      <c r="W30090">
        <v>46</v>
      </c>
      <c r="X30090">
        <v>47</v>
      </c>
      <c r="Y30090">
        <v>49</v>
      </c>
      <c r="Z30090">
        <v>50</v>
      </c>
      <c r="AA30090">
        <v>51</v>
      </c>
      <c r="AB30090">
        <v>52</v>
      </c>
      <c r="AC30090">
        <v>53</v>
      </c>
      <c r="AD30090">
        <v>55</v>
      </c>
      <c r="AE30090">
        <v>56</v>
      </c>
      <c r="AF30090">
        <v>57</v>
      </c>
      <c r="AG30090">
        <v>58</v>
      </c>
      <c r="AH30090">
        <v>60</v>
      </c>
      <c r="AI30090">
        <v>61</v>
      </c>
      <c r="AJ30090">
        <v>62</v>
      </c>
      <c r="AK30090">
        <v>64</v>
      </c>
      <c r="AL30090">
        <v>65</v>
      </c>
      <c r="AM30090">
        <v>65</v>
      </c>
      <c r="AN30090">
        <v>66</v>
      </c>
      <c r="AO30090">
        <v>67</v>
      </c>
      <c r="AP30090">
        <v>68</v>
      </c>
      <c r="AQ30090">
        <v>69</v>
      </c>
    </row>
    <row r="30091" spans="1:43">
      <c r="A30091" t="s">
        <v>18641</v>
      </c>
      <c r="B30091" t="s">
        <v>18642</v>
      </c>
      <c r="C30091" t="s">
        <v>18639</v>
      </c>
      <c r="D30091" t="s">
        <v>18640</v>
      </c>
      <c r="E30091" t="s">
        <v>18557</v>
      </c>
      <c r="F30091" t="s">
        <v>18558</v>
      </c>
      <c r="G30091" t="s">
        <v>10734</v>
      </c>
      <c r="H30091" t="s">
        <v>10735</v>
      </c>
      <c r="I30091" s="2">
        <v>0</v>
      </c>
      <c r="J30091" s="2">
        <v>0</v>
      </c>
      <c r="K30091" s="2">
        <v>1</v>
      </c>
      <c r="L30091" t="s">
        <v>995</v>
      </c>
      <c r="M30091" t="s">
        <v>87</v>
      </c>
      <c r="N30091" t="s">
        <v>88</v>
      </c>
      <c r="O30091" t="s">
        <v>85</v>
      </c>
      <c r="P30091" t="s">
        <v>86</v>
      </c>
      <c r="Q30091">
        <v>40</v>
      </c>
      <c r="R30091">
        <v>40</v>
      </c>
      <c r="S30091">
        <v>41</v>
      </c>
      <c r="T30091">
        <v>42</v>
      </c>
      <c r="U30091">
        <v>42</v>
      </c>
      <c r="V30091">
        <v>43</v>
      </c>
      <c r="W30091">
        <v>44</v>
      </c>
      <c r="X30091">
        <v>44</v>
      </c>
      <c r="Y30091">
        <v>45</v>
      </c>
      <c r="Z30091">
        <v>46</v>
      </c>
      <c r="AA30091">
        <v>46</v>
      </c>
      <c r="AB30091">
        <v>47</v>
      </c>
      <c r="AC30091">
        <v>48</v>
      </c>
      <c r="AD30091">
        <v>49</v>
      </c>
      <c r="AE30091">
        <v>49</v>
      </c>
      <c r="AF30091">
        <v>50</v>
      </c>
      <c r="AG30091">
        <v>51</v>
      </c>
      <c r="AH30091">
        <v>52</v>
      </c>
      <c r="AI30091">
        <v>53</v>
      </c>
      <c r="AJ30091">
        <v>53</v>
      </c>
      <c r="AK30091">
        <v>54</v>
      </c>
      <c r="AL30091">
        <v>55</v>
      </c>
      <c r="AM30091">
        <v>56</v>
      </c>
      <c r="AN30091">
        <v>57</v>
      </c>
      <c r="AO30091">
        <v>58</v>
      </c>
      <c r="AP30091">
        <v>59</v>
      </c>
      <c r="AQ30091">
        <v>60</v>
      </c>
    </row>
    <row r="30092" spans="1:43">
      <c r="A30092" t="s">
        <v>18641</v>
      </c>
      <c r="B30092" t="s">
        <v>18642</v>
      </c>
      <c r="C30092" t="s">
        <v>18639</v>
      </c>
      <c r="D30092" t="s">
        <v>18640</v>
      </c>
      <c r="E30092" t="s">
        <v>18557</v>
      </c>
      <c r="F30092" t="s">
        <v>18558</v>
      </c>
      <c r="G30092" t="s">
        <v>10734</v>
      </c>
      <c r="H30092" t="s">
        <v>10735</v>
      </c>
      <c r="I30092" s="2">
        <v>0</v>
      </c>
      <c r="J30092" s="2">
        <v>0</v>
      </c>
      <c r="K30092" s="2">
        <v>1</v>
      </c>
      <c r="L30092" t="s">
        <v>995</v>
      </c>
      <c r="M30092" t="s">
        <v>89</v>
      </c>
      <c r="N30092" t="s">
        <v>90</v>
      </c>
      <c r="O30092" t="s">
        <v>85</v>
      </c>
      <c r="P30092" t="s">
        <v>86</v>
      </c>
      <c r="Q30092">
        <v>40</v>
      </c>
      <c r="R30092">
        <v>42</v>
      </c>
      <c r="S30092">
        <v>43</v>
      </c>
      <c r="T30092">
        <v>44</v>
      </c>
      <c r="U30092">
        <v>46</v>
      </c>
      <c r="V30092">
        <v>47</v>
      </c>
      <c r="W30092">
        <v>49</v>
      </c>
      <c r="X30092">
        <v>50</v>
      </c>
      <c r="Y30092">
        <v>52</v>
      </c>
      <c r="Z30092">
        <v>53</v>
      </c>
      <c r="AA30092">
        <v>54</v>
      </c>
      <c r="AB30092">
        <v>56</v>
      </c>
      <c r="AC30092">
        <v>57</v>
      </c>
      <c r="AD30092">
        <v>59</v>
      </c>
      <c r="AE30092">
        <v>60</v>
      </c>
      <c r="AF30092">
        <v>61</v>
      </c>
      <c r="AG30092">
        <v>61</v>
      </c>
      <c r="AH30092">
        <v>62</v>
      </c>
      <c r="AI30092">
        <v>63</v>
      </c>
      <c r="AJ30092">
        <v>64</v>
      </c>
      <c r="AK30092">
        <v>64</v>
      </c>
      <c r="AL30092">
        <v>65</v>
      </c>
      <c r="AM30092">
        <v>66</v>
      </c>
      <c r="AN30092">
        <v>67</v>
      </c>
      <c r="AO30092">
        <v>67</v>
      </c>
      <c r="AP30092">
        <v>68</v>
      </c>
      <c r="AQ30092">
        <v>69</v>
      </c>
    </row>
    <row r="30093" spans="1:43">
      <c r="A30093" t="s">
        <v>18641</v>
      </c>
      <c r="B30093" t="s">
        <v>18642</v>
      </c>
      <c r="C30093" t="s">
        <v>18639</v>
      </c>
      <c r="D30093" t="s">
        <v>18640</v>
      </c>
      <c r="E30093" t="s">
        <v>18557</v>
      </c>
      <c r="F30093" t="s">
        <v>18558</v>
      </c>
      <c r="G30093" t="s">
        <v>10734</v>
      </c>
      <c r="H30093" t="s">
        <v>10735</v>
      </c>
      <c r="I30093" s="2">
        <v>0</v>
      </c>
      <c r="J30093" s="2">
        <v>0</v>
      </c>
      <c r="K30093" s="2">
        <v>1</v>
      </c>
      <c r="L30093" t="s">
        <v>995</v>
      </c>
      <c r="M30093" t="s">
        <v>83</v>
      </c>
      <c r="N30093" t="s">
        <v>91</v>
      </c>
      <c r="O30093" t="s">
        <v>85</v>
      </c>
      <c r="P30093" t="s">
        <v>86</v>
      </c>
      <c r="Q30093">
        <v>40</v>
      </c>
      <c r="R30093">
        <v>41</v>
      </c>
      <c r="S30093">
        <v>42</v>
      </c>
      <c r="T30093">
        <v>43</v>
      </c>
      <c r="U30093">
        <v>44</v>
      </c>
      <c r="V30093">
        <v>45</v>
      </c>
      <c r="W30093">
        <v>46</v>
      </c>
      <c r="X30093">
        <v>47</v>
      </c>
      <c r="Y30093">
        <v>49</v>
      </c>
      <c r="Z30093">
        <v>50</v>
      </c>
      <c r="AA30093">
        <v>51</v>
      </c>
      <c r="AB30093">
        <v>52</v>
      </c>
      <c r="AC30093">
        <v>53</v>
      </c>
      <c r="AD30093">
        <v>55</v>
      </c>
      <c r="AE30093">
        <v>56</v>
      </c>
      <c r="AF30093">
        <v>57</v>
      </c>
      <c r="AG30093">
        <v>58</v>
      </c>
      <c r="AH30093">
        <v>60</v>
      </c>
      <c r="AI30093">
        <v>61</v>
      </c>
      <c r="AJ30093">
        <v>62</v>
      </c>
      <c r="AK30093">
        <v>64</v>
      </c>
      <c r="AL30093">
        <v>65</v>
      </c>
      <c r="AM30093">
        <v>65</v>
      </c>
      <c r="AN30093">
        <v>66</v>
      </c>
      <c r="AO30093">
        <v>67</v>
      </c>
      <c r="AP30093">
        <v>68</v>
      </c>
      <c r="AQ30093">
        <v>69</v>
      </c>
    </row>
    <row r="30094" spans="1:43">
      <c r="A30094" t="s">
        <v>18643</v>
      </c>
      <c r="B30094" t="s">
        <v>18644</v>
      </c>
      <c r="C30094" t="s">
        <v>18639</v>
      </c>
      <c r="D30094" t="s">
        <v>18640</v>
      </c>
      <c r="E30094" t="s">
        <v>18557</v>
      </c>
      <c r="F30094" t="s">
        <v>18558</v>
      </c>
      <c r="G30094" t="s">
        <v>10734</v>
      </c>
      <c r="H30094" t="s">
        <v>10735</v>
      </c>
      <c r="I30094" s="2">
        <v>0</v>
      </c>
      <c r="J30094" s="2">
        <v>0</v>
      </c>
      <c r="K30094" s="2">
        <v>1</v>
      </c>
      <c r="L30094" t="s">
        <v>995</v>
      </c>
      <c r="M30094" t="s">
        <v>83</v>
      </c>
      <c r="N30094" t="s">
        <v>84</v>
      </c>
      <c r="O30094" t="s">
        <v>85</v>
      </c>
      <c r="P30094" t="s">
        <v>86</v>
      </c>
      <c r="Q30094">
        <v>17</v>
      </c>
      <c r="R30094">
        <v>17</v>
      </c>
      <c r="S30094">
        <v>17</v>
      </c>
      <c r="T30094">
        <v>18</v>
      </c>
      <c r="U30094">
        <v>18</v>
      </c>
      <c r="V30094">
        <v>19</v>
      </c>
      <c r="W30094">
        <v>19</v>
      </c>
      <c r="X30094">
        <v>20</v>
      </c>
      <c r="Y30094">
        <v>20</v>
      </c>
      <c r="Z30094">
        <v>21</v>
      </c>
      <c r="AA30094">
        <v>21</v>
      </c>
      <c r="AB30094">
        <v>22</v>
      </c>
      <c r="AC30094">
        <v>22</v>
      </c>
      <c r="AD30094">
        <v>23</v>
      </c>
      <c r="AE30094">
        <v>23</v>
      </c>
      <c r="AF30094">
        <v>24</v>
      </c>
      <c r="AG30094">
        <v>24</v>
      </c>
      <c r="AH30094">
        <v>25</v>
      </c>
      <c r="AI30094">
        <v>25</v>
      </c>
      <c r="AJ30094">
        <v>26</v>
      </c>
      <c r="AK30094">
        <v>26</v>
      </c>
      <c r="AL30094">
        <v>27</v>
      </c>
      <c r="AM30094">
        <v>27</v>
      </c>
      <c r="AN30094">
        <v>27</v>
      </c>
      <c r="AO30094">
        <v>27</v>
      </c>
      <c r="AP30094">
        <v>28</v>
      </c>
      <c r="AQ30094">
        <v>28</v>
      </c>
    </row>
    <row r="30095" spans="1:43">
      <c r="A30095" t="s">
        <v>18643</v>
      </c>
      <c r="B30095" t="s">
        <v>18644</v>
      </c>
      <c r="C30095" t="s">
        <v>18639</v>
      </c>
      <c r="D30095" t="s">
        <v>18640</v>
      </c>
      <c r="E30095" t="s">
        <v>18557</v>
      </c>
      <c r="F30095" t="s">
        <v>18558</v>
      </c>
      <c r="G30095" t="s">
        <v>10734</v>
      </c>
      <c r="H30095" t="s">
        <v>10735</v>
      </c>
      <c r="I30095" s="2">
        <v>0</v>
      </c>
      <c r="J30095" s="2">
        <v>0</v>
      </c>
      <c r="K30095" s="2">
        <v>1</v>
      </c>
      <c r="L30095" t="s">
        <v>995</v>
      </c>
      <c r="M30095" t="s">
        <v>87</v>
      </c>
      <c r="N30095" t="s">
        <v>88</v>
      </c>
      <c r="O30095" t="s">
        <v>85</v>
      </c>
      <c r="P30095" t="s">
        <v>86</v>
      </c>
      <c r="Q30095">
        <v>17</v>
      </c>
      <c r="R30095">
        <v>18</v>
      </c>
      <c r="S30095">
        <v>18</v>
      </c>
      <c r="T30095">
        <v>18</v>
      </c>
      <c r="U30095">
        <v>19</v>
      </c>
      <c r="V30095">
        <v>19</v>
      </c>
      <c r="W30095">
        <v>19</v>
      </c>
      <c r="X30095">
        <v>19</v>
      </c>
      <c r="Y30095">
        <v>20</v>
      </c>
      <c r="Z30095">
        <v>20</v>
      </c>
      <c r="AA30095">
        <v>20</v>
      </c>
      <c r="AB30095">
        <v>20</v>
      </c>
      <c r="AC30095">
        <v>21</v>
      </c>
      <c r="AD30095">
        <v>21</v>
      </c>
      <c r="AE30095">
        <v>21</v>
      </c>
      <c r="AF30095">
        <v>22</v>
      </c>
      <c r="AG30095">
        <v>22</v>
      </c>
      <c r="AH30095">
        <v>22</v>
      </c>
      <c r="AI30095">
        <v>23</v>
      </c>
      <c r="AJ30095">
        <v>23</v>
      </c>
      <c r="AK30095">
        <v>23</v>
      </c>
      <c r="AL30095">
        <v>24</v>
      </c>
      <c r="AM30095">
        <v>24</v>
      </c>
      <c r="AN30095">
        <v>24</v>
      </c>
      <c r="AO30095">
        <v>25</v>
      </c>
      <c r="AP30095">
        <v>25</v>
      </c>
      <c r="AQ30095">
        <v>25</v>
      </c>
    </row>
    <row r="30096" spans="1:43">
      <c r="A30096" t="s">
        <v>18643</v>
      </c>
      <c r="B30096" t="s">
        <v>18644</v>
      </c>
      <c r="C30096" t="s">
        <v>18639</v>
      </c>
      <c r="D30096" t="s">
        <v>18640</v>
      </c>
      <c r="E30096" t="s">
        <v>18557</v>
      </c>
      <c r="F30096" t="s">
        <v>18558</v>
      </c>
      <c r="G30096" t="s">
        <v>10734</v>
      </c>
      <c r="H30096" t="s">
        <v>10735</v>
      </c>
      <c r="I30096" s="2">
        <v>0</v>
      </c>
      <c r="J30096" s="2">
        <v>0</v>
      </c>
      <c r="K30096" s="2">
        <v>1</v>
      </c>
      <c r="L30096" t="s">
        <v>995</v>
      </c>
      <c r="M30096" t="s">
        <v>89</v>
      </c>
      <c r="N30096" t="s">
        <v>90</v>
      </c>
      <c r="O30096" t="s">
        <v>85</v>
      </c>
      <c r="P30096" t="s">
        <v>86</v>
      </c>
      <c r="Q30096">
        <v>17</v>
      </c>
      <c r="R30096">
        <v>17</v>
      </c>
      <c r="S30096">
        <v>18</v>
      </c>
      <c r="T30096">
        <v>18</v>
      </c>
      <c r="U30096">
        <v>19</v>
      </c>
      <c r="V30096">
        <v>20</v>
      </c>
      <c r="W30096">
        <v>20</v>
      </c>
      <c r="X30096">
        <v>21</v>
      </c>
      <c r="Y30096">
        <v>21</v>
      </c>
      <c r="Z30096">
        <v>22</v>
      </c>
      <c r="AA30096">
        <v>22</v>
      </c>
      <c r="AB30096">
        <v>23</v>
      </c>
      <c r="AC30096">
        <v>24</v>
      </c>
      <c r="AD30096">
        <v>24</v>
      </c>
      <c r="AE30096">
        <v>25</v>
      </c>
      <c r="AF30096">
        <v>25</v>
      </c>
      <c r="AG30096">
        <v>25</v>
      </c>
      <c r="AH30096">
        <v>26</v>
      </c>
      <c r="AI30096">
        <v>26</v>
      </c>
      <c r="AJ30096">
        <v>26</v>
      </c>
      <c r="AK30096">
        <v>27</v>
      </c>
      <c r="AL30096">
        <v>27</v>
      </c>
      <c r="AM30096">
        <v>27</v>
      </c>
      <c r="AN30096">
        <v>28</v>
      </c>
      <c r="AO30096">
        <v>28</v>
      </c>
      <c r="AP30096">
        <v>28</v>
      </c>
      <c r="AQ30096">
        <v>28</v>
      </c>
    </row>
    <row r="30097" spans="1:43">
      <c r="A30097" t="s">
        <v>18643</v>
      </c>
      <c r="B30097" t="s">
        <v>18644</v>
      </c>
      <c r="C30097" t="s">
        <v>18639</v>
      </c>
      <c r="D30097" t="s">
        <v>18640</v>
      </c>
      <c r="E30097" t="s">
        <v>18557</v>
      </c>
      <c r="F30097" t="s">
        <v>18558</v>
      </c>
      <c r="G30097" t="s">
        <v>10734</v>
      </c>
      <c r="H30097" t="s">
        <v>10735</v>
      </c>
      <c r="I30097" s="2">
        <v>0</v>
      </c>
      <c r="J30097" s="2">
        <v>0</v>
      </c>
      <c r="K30097" s="2">
        <v>1</v>
      </c>
      <c r="L30097" t="s">
        <v>995</v>
      </c>
      <c r="M30097" t="s">
        <v>83</v>
      </c>
      <c r="N30097" t="s">
        <v>91</v>
      </c>
      <c r="O30097" t="s">
        <v>85</v>
      </c>
      <c r="P30097" t="s">
        <v>86</v>
      </c>
      <c r="Q30097">
        <v>17</v>
      </c>
      <c r="R30097">
        <v>17</v>
      </c>
      <c r="S30097">
        <v>17</v>
      </c>
      <c r="T30097">
        <v>18</v>
      </c>
      <c r="U30097">
        <v>18</v>
      </c>
      <c r="V30097">
        <v>19</v>
      </c>
      <c r="W30097">
        <v>19</v>
      </c>
      <c r="X30097">
        <v>20</v>
      </c>
      <c r="Y30097">
        <v>20</v>
      </c>
      <c r="Z30097">
        <v>21</v>
      </c>
      <c r="AA30097">
        <v>21</v>
      </c>
      <c r="AB30097">
        <v>22</v>
      </c>
      <c r="AC30097">
        <v>22</v>
      </c>
      <c r="AD30097">
        <v>23</v>
      </c>
      <c r="AE30097">
        <v>23</v>
      </c>
      <c r="AF30097">
        <v>24</v>
      </c>
      <c r="AG30097">
        <v>24</v>
      </c>
      <c r="AH30097">
        <v>25</v>
      </c>
      <c r="AI30097">
        <v>25</v>
      </c>
      <c r="AJ30097">
        <v>26</v>
      </c>
      <c r="AK30097">
        <v>26</v>
      </c>
      <c r="AL30097">
        <v>27</v>
      </c>
      <c r="AM30097">
        <v>27</v>
      </c>
      <c r="AN30097">
        <v>27</v>
      </c>
      <c r="AO30097">
        <v>27</v>
      </c>
      <c r="AP30097">
        <v>28</v>
      </c>
      <c r="AQ30097">
        <v>28</v>
      </c>
    </row>
    <row r="30098" spans="1:43">
      <c r="A30098" t="s">
        <v>18645</v>
      </c>
      <c r="B30098" t="s">
        <v>18646</v>
      </c>
      <c r="C30098" t="s">
        <v>18639</v>
      </c>
      <c r="D30098" t="s">
        <v>18640</v>
      </c>
      <c r="E30098" t="s">
        <v>18557</v>
      </c>
      <c r="F30098" t="s">
        <v>18558</v>
      </c>
      <c r="G30098" t="s">
        <v>10734</v>
      </c>
      <c r="H30098" t="s">
        <v>10735</v>
      </c>
      <c r="I30098" s="2">
        <v>0</v>
      </c>
      <c r="J30098" s="2">
        <v>0</v>
      </c>
      <c r="K30098" s="2">
        <v>1</v>
      </c>
      <c r="L30098" t="s">
        <v>995</v>
      </c>
      <c r="M30098" t="s">
        <v>83</v>
      </c>
      <c r="N30098" t="s">
        <v>84</v>
      </c>
      <c r="O30098" t="s">
        <v>85</v>
      </c>
      <c r="P30098" t="s">
        <v>86</v>
      </c>
      <c r="Q30098">
        <v>128</v>
      </c>
      <c r="R30098">
        <v>131</v>
      </c>
      <c r="S30098">
        <v>135</v>
      </c>
      <c r="T30098">
        <v>138</v>
      </c>
      <c r="U30098">
        <v>141</v>
      </c>
      <c r="V30098">
        <v>145</v>
      </c>
      <c r="W30098">
        <v>148</v>
      </c>
      <c r="X30098">
        <v>152</v>
      </c>
      <c r="Y30098">
        <v>155</v>
      </c>
      <c r="Z30098">
        <v>159</v>
      </c>
      <c r="AA30098">
        <v>163</v>
      </c>
      <c r="AB30098">
        <v>166</v>
      </c>
      <c r="AC30098">
        <v>170</v>
      </c>
      <c r="AD30098">
        <v>174</v>
      </c>
      <c r="AE30098">
        <v>178</v>
      </c>
      <c r="AF30098">
        <v>182</v>
      </c>
      <c r="AG30098">
        <v>186</v>
      </c>
      <c r="AH30098">
        <v>190</v>
      </c>
      <c r="AI30098">
        <v>194</v>
      </c>
      <c r="AJ30098">
        <v>198</v>
      </c>
      <c r="AK30098">
        <v>202</v>
      </c>
      <c r="AL30098">
        <v>205</v>
      </c>
      <c r="AM30098">
        <v>208</v>
      </c>
      <c r="AN30098">
        <v>210</v>
      </c>
      <c r="AO30098">
        <v>213</v>
      </c>
      <c r="AP30098">
        <v>215</v>
      </c>
      <c r="AQ30098">
        <v>218</v>
      </c>
    </row>
    <row r="30099" spans="1:43">
      <c r="A30099" t="s">
        <v>18645</v>
      </c>
      <c r="B30099" t="s">
        <v>18646</v>
      </c>
      <c r="C30099" t="s">
        <v>18639</v>
      </c>
      <c r="D30099" t="s">
        <v>18640</v>
      </c>
      <c r="E30099" t="s">
        <v>18557</v>
      </c>
      <c r="F30099" t="s">
        <v>18558</v>
      </c>
      <c r="G30099" t="s">
        <v>10734</v>
      </c>
      <c r="H30099" t="s">
        <v>10735</v>
      </c>
      <c r="I30099" s="2">
        <v>0</v>
      </c>
      <c r="J30099" s="2">
        <v>0</v>
      </c>
      <c r="K30099" s="2">
        <v>1</v>
      </c>
      <c r="L30099" t="s">
        <v>995</v>
      </c>
      <c r="M30099" t="s">
        <v>87</v>
      </c>
      <c r="N30099" t="s">
        <v>88</v>
      </c>
      <c r="O30099" t="s">
        <v>85</v>
      </c>
      <c r="P30099" t="s">
        <v>86</v>
      </c>
      <c r="Q30099">
        <v>128</v>
      </c>
      <c r="R30099">
        <v>130</v>
      </c>
      <c r="S30099">
        <v>132</v>
      </c>
      <c r="T30099">
        <v>134</v>
      </c>
      <c r="U30099">
        <v>136</v>
      </c>
      <c r="V30099">
        <v>138</v>
      </c>
      <c r="W30099">
        <v>140</v>
      </c>
      <c r="X30099">
        <v>142</v>
      </c>
      <c r="Y30099">
        <v>145</v>
      </c>
      <c r="Z30099">
        <v>147</v>
      </c>
      <c r="AA30099">
        <v>149</v>
      </c>
      <c r="AB30099">
        <v>151</v>
      </c>
      <c r="AC30099">
        <v>154</v>
      </c>
      <c r="AD30099">
        <v>156</v>
      </c>
      <c r="AE30099">
        <v>158</v>
      </c>
      <c r="AF30099">
        <v>161</v>
      </c>
      <c r="AG30099">
        <v>163</v>
      </c>
      <c r="AH30099">
        <v>166</v>
      </c>
      <c r="AI30099">
        <v>168</v>
      </c>
      <c r="AJ30099">
        <v>171</v>
      </c>
      <c r="AK30099">
        <v>173</v>
      </c>
      <c r="AL30099">
        <v>176</v>
      </c>
      <c r="AM30099">
        <v>179</v>
      </c>
      <c r="AN30099">
        <v>181</v>
      </c>
      <c r="AO30099">
        <v>184</v>
      </c>
      <c r="AP30099">
        <v>187</v>
      </c>
      <c r="AQ30099">
        <v>190</v>
      </c>
    </row>
    <row r="30100" spans="1:43">
      <c r="A30100" t="s">
        <v>18645</v>
      </c>
      <c r="B30100" t="s">
        <v>18646</v>
      </c>
      <c r="C30100" t="s">
        <v>18639</v>
      </c>
      <c r="D30100" t="s">
        <v>18640</v>
      </c>
      <c r="E30100" t="s">
        <v>18557</v>
      </c>
      <c r="F30100" t="s">
        <v>18558</v>
      </c>
      <c r="G30100" t="s">
        <v>10734</v>
      </c>
      <c r="H30100" t="s">
        <v>10735</v>
      </c>
      <c r="I30100" s="2">
        <v>0</v>
      </c>
      <c r="J30100" s="2">
        <v>0</v>
      </c>
      <c r="K30100" s="2">
        <v>1</v>
      </c>
      <c r="L30100" t="s">
        <v>995</v>
      </c>
      <c r="M30100" t="s">
        <v>89</v>
      </c>
      <c r="N30100" t="s">
        <v>90</v>
      </c>
      <c r="O30100" t="s">
        <v>85</v>
      </c>
      <c r="P30100" t="s">
        <v>86</v>
      </c>
      <c r="Q30100">
        <v>128</v>
      </c>
      <c r="R30100">
        <v>133</v>
      </c>
      <c r="S30100">
        <v>137</v>
      </c>
      <c r="T30100">
        <v>142</v>
      </c>
      <c r="U30100">
        <v>146</v>
      </c>
      <c r="V30100">
        <v>150</v>
      </c>
      <c r="W30100">
        <v>155</v>
      </c>
      <c r="X30100">
        <v>159</v>
      </c>
      <c r="Y30100">
        <v>164</v>
      </c>
      <c r="Z30100">
        <v>168</v>
      </c>
      <c r="AA30100">
        <v>172</v>
      </c>
      <c r="AB30100">
        <v>177</v>
      </c>
      <c r="AC30100">
        <v>181</v>
      </c>
      <c r="AD30100">
        <v>186</v>
      </c>
      <c r="AE30100">
        <v>190</v>
      </c>
      <c r="AF30100">
        <v>192</v>
      </c>
      <c r="AG30100">
        <v>194</v>
      </c>
      <c r="AH30100">
        <v>197</v>
      </c>
      <c r="AI30100">
        <v>199</v>
      </c>
      <c r="AJ30100">
        <v>202</v>
      </c>
      <c r="AK30100">
        <v>204</v>
      </c>
      <c r="AL30100">
        <v>206</v>
      </c>
      <c r="AM30100">
        <v>209</v>
      </c>
      <c r="AN30100">
        <v>211</v>
      </c>
      <c r="AO30100">
        <v>214</v>
      </c>
      <c r="AP30100">
        <v>216</v>
      </c>
      <c r="AQ30100">
        <v>219</v>
      </c>
    </row>
    <row r="30101" spans="1:43">
      <c r="A30101" t="s">
        <v>18645</v>
      </c>
      <c r="B30101" t="s">
        <v>18646</v>
      </c>
      <c r="C30101" t="s">
        <v>18639</v>
      </c>
      <c r="D30101" t="s">
        <v>18640</v>
      </c>
      <c r="E30101" t="s">
        <v>18557</v>
      </c>
      <c r="F30101" t="s">
        <v>18558</v>
      </c>
      <c r="G30101" t="s">
        <v>10734</v>
      </c>
      <c r="H30101" t="s">
        <v>10735</v>
      </c>
      <c r="I30101" s="2">
        <v>0</v>
      </c>
      <c r="J30101" s="2">
        <v>0</v>
      </c>
      <c r="K30101" s="2">
        <v>1</v>
      </c>
      <c r="L30101" t="s">
        <v>995</v>
      </c>
      <c r="M30101" t="s">
        <v>83</v>
      </c>
      <c r="N30101" t="s">
        <v>91</v>
      </c>
      <c r="O30101" t="s">
        <v>85</v>
      </c>
      <c r="P30101" t="s">
        <v>86</v>
      </c>
      <c r="Q30101">
        <v>128</v>
      </c>
      <c r="R30101">
        <v>131</v>
      </c>
      <c r="S30101">
        <v>135</v>
      </c>
      <c r="T30101">
        <v>138</v>
      </c>
      <c r="U30101">
        <v>141</v>
      </c>
      <c r="V30101">
        <v>145</v>
      </c>
      <c r="W30101">
        <v>148</v>
      </c>
      <c r="X30101">
        <v>152</v>
      </c>
      <c r="Y30101">
        <v>155</v>
      </c>
      <c r="Z30101">
        <v>159</v>
      </c>
      <c r="AA30101">
        <v>163</v>
      </c>
      <c r="AB30101">
        <v>166</v>
      </c>
      <c r="AC30101">
        <v>170</v>
      </c>
      <c r="AD30101">
        <v>174</v>
      </c>
      <c r="AE30101">
        <v>178</v>
      </c>
      <c r="AF30101">
        <v>182</v>
      </c>
      <c r="AG30101">
        <v>186</v>
      </c>
      <c r="AH30101">
        <v>190</v>
      </c>
      <c r="AI30101">
        <v>194</v>
      </c>
      <c r="AJ30101">
        <v>198</v>
      </c>
      <c r="AK30101">
        <v>202</v>
      </c>
      <c r="AL30101">
        <v>205</v>
      </c>
      <c r="AM30101">
        <v>208</v>
      </c>
      <c r="AN30101">
        <v>210</v>
      </c>
      <c r="AO30101">
        <v>213</v>
      </c>
      <c r="AP30101">
        <v>215</v>
      </c>
      <c r="AQ30101">
        <v>218</v>
      </c>
    </row>
    <row r="30102" spans="1:43">
      <c r="A30102" t="s">
        <v>18647</v>
      </c>
      <c r="B30102" t="s">
        <v>18648</v>
      </c>
      <c r="C30102" t="s">
        <v>18649</v>
      </c>
      <c r="D30102" t="s">
        <v>18650</v>
      </c>
      <c r="E30102" t="s">
        <v>18557</v>
      </c>
      <c r="F30102" t="s">
        <v>18558</v>
      </c>
      <c r="G30102" t="s">
        <v>10734</v>
      </c>
      <c r="H30102" t="s">
        <v>10735</v>
      </c>
      <c r="I30102" s="2">
        <v>0</v>
      </c>
      <c r="J30102" s="2">
        <v>0</v>
      </c>
      <c r="K30102" s="2">
        <v>1</v>
      </c>
      <c r="L30102" t="s">
        <v>995</v>
      </c>
      <c r="M30102" t="s">
        <v>83</v>
      </c>
      <c r="N30102" t="s">
        <v>84</v>
      </c>
      <c r="O30102" t="s">
        <v>85</v>
      </c>
      <c r="P30102" t="s">
        <v>86</v>
      </c>
      <c r="Q30102">
        <v>24</v>
      </c>
      <c r="R30102">
        <v>25</v>
      </c>
      <c r="S30102">
        <v>26</v>
      </c>
      <c r="T30102">
        <v>26</v>
      </c>
      <c r="U30102">
        <v>27</v>
      </c>
      <c r="V30102">
        <v>27</v>
      </c>
      <c r="W30102">
        <v>28</v>
      </c>
      <c r="X30102">
        <v>29</v>
      </c>
      <c r="Y30102">
        <v>30</v>
      </c>
      <c r="Z30102">
        <v>30</v>
      </c>
      <c r="AA30102">
        <v>31</v>
      </c>
      <c r="AB30102">
        <v>32</v>
      </c>
      <c r="AC30102">
        <v>32</v>
      </c>
      <c r="AD30102">
        <v>33</v>
      </c>
      <c r="AE30102">
        <v>34</v>
      </c>
      <c r="AF30102">
        <v>35</v>
      </c>
      <c r="AG30102">
        <v>35</v>
      </c>
      <c r="AH30102">
        <v>36</v>
      </c>
      <c r="AI30102">
        <v>37</v>
      </c>
      <c r="AJ30102">
        <v>38</v>
      </c>
      <c r="AK30102">
        <v>39</v>
      </c>
      <c r="AL30102">
        <v>39</v>
      </c>
      <c r="AM30102">
        <v>40</v>
      </c>
      <c r="AN30102">
        <v>40</v>
      </c>
      <c r="AO30102">
        <v>41</v>
      </c>
      <c r="AP30102">
        <v>41</v>
      </c>
      <c r="AQ30102">
        <v>42</v>
      </c>
    </row>
    <row r="30103" spans="1:43">
      <c r="A30103" t="s">
        <v>18647</v>
      </c>
      <c r="B30103" t="s">
        <v>18648</v>
      </c>
      <c r="C30103" t="s">
        <v>18649</v>
      </c>
      <c r="D30103" t="s">
        <v>18650</v>
      </c>
      <c r="E30103" t="s">
        <v>18557</v>
      </c>
      <c r="F30103" t="s">
        <v>18558</v>
      </c>
      <c r="G30103" t="s">
        <v>10734</v>
      </c>
      <c r="H30103" t="s">
        <v>10735</v>
      </c>
      <c r="I30103" s="2">
        <v>0</v>
      </c>
      <c r="J30103" s="2">
        <v>0</v>
      </c>
      <c r="K30103" s="2">
        <v>1</v>
      </c>
      <c r="L30103" t="s">
        <v>995</v>
      </c>
      <c r="M30103" t="s">
        <v>87</v>
      </c>
      <c r="N30103" t="s">
        <v>88</v>
      </c>
      <c r="O30103" t="s">
        <v>85</v>
      </c>
      <c r="P30103" t="s">
        <v>86</v>
      </c>
      <c r="Q30103">
        <v>24</v>
      </c>
      <c r="R30103">
        <v>24</v>
      </c>
      <c r="S30103">
        <v>25</v>
      </c>
      <c r="T30103">
        <v>25</v>
      </c>
      <c r="U30103">
        <v>26</v>
      </c>
      <c r="V30103">
        <v>26</v>
      </c>
      <c r="W30103">
        <v>26</v>
      </c>
      <c r="X30103">
        <v>27</v>
      </c>
      <c r="Y30103">
        <v>27</v>
      </c>
      <c r="Z30103">
        <v>28</v>
      </c>
      <c r="AA30103">
        <v>28</v>
      </c>
      <c r="AB30103">
        <v>29</v>
      </c>
      <c r="AC30103">
        <v>29</v>
      </c>
      <c r="AD30103">
        <v>30</v>
      </c>
      <c r="AE30103">
        <v>30</v>
      </c>
      <c r="AF30103">
        <v>31</v>
      </c>
      <c r="AG30103">
        <v>31</v>
      </c>
      <c r="AH30103">
        <v>31</v>
      </c>
      <c r="AI30103">
        <v>32</v>
      </c>
      <c r="AJ30103">
        <v>32</v>
      </c>
      <c r="AK30103">
        <v>33</v>
      </c>
      <c r="AL30103">
        <v>34</v>
      </c>
      <c r="AM30103">
        <v>34</v>
      </c>
      <c r="AN30103">
        <v>35</v>
      </c>
      <c r="AO30103">
        <v>35</v>
      </c>
      <c r="AP30103">
        <v>36</v>
      </c>
      <c r="AQ30103">
        <v>36</v>
      </c>
    </row>
    <row r="30104" spans="1:43">
      <c r="A30104" t="s">
        <v>18647</v>
      </c>
      <c r="B30104" t="s">
        <v>18648</v>
      </c>
      <c r="C30104" t="s">
        <v>18649</v>
      </c>
      <c r="D30104" t="s">
        <v>18650</v>
      </c>
      <c r="E30104" t="s">
        <v>18557</v>
      </c>
      <c r="F30104" t="s">
        <v>18558</v>
      </c>
      <c r="G30104" t="s">
        <v>10734</v>
      </c>
      <c r="H30104" t="s">
        <v>10735</v>
      </c>
      <c r="I30104" s="2">
        <v>0</v>
      </c>
      <c r="J30104" s="2">
        <v>0</v>
      </c>
      <c r="K30104" s="2">
        <v>1</v>
      </c>
      <c r="L30104" t="s">
        <v>995</v>
      </c>
      <c r="M30104" t="s">
        <v>89</v>
      </c>
      <c r="N30104" t="s">
        <v>90</v>
      </c>
      <c r="O30104" t="s">
        <v>85</v>
      </c>
      <c r="P30104" t="s">
        <v>86</v>
      </c>
      <c r="Q30104">
        <v>24</v>
      </c>
      <c r="R30104">
        <v>25</v>
      </c>
      <c r="S30104">
        <v>26</v>
      </c>
      <c r="T30104">
        <v>27</v>
      </c>
      <c r="U30104">
        <v>28</v>
      </c>
      <c r="V30104">
        <v>29</v>
      </c>
      <c r="W30104">
        <v>30</v>
      </c>
      <c r="X30104">
        <v>30</v>
      </c>
      <c r="Y30104">
        <v>31</v>
      </c>
      <c r="Z30104">
        <v>32</v>
      </c>
      <c r="AA30104">
        <v>33</v>
      </c>
      <c r="AB30104">
        <v>34</v>
      </c>
      <c r="AC30104">
        <v>35</v>
      </c>
      <c r="AD30104">
        <v>36</v>
      </c>
      <c r="AE30104">
        <v>36</v>
      </c>
      <c r="AF30104">
        <v>37</v>
      </c>
      <c r="AG30104">
        <v>37</v>
      </c>
      <c r="AH30104">
        <v>38</v>
      </c>
      <c r="AI30104">
        <v>38</v>
      </c>
      <c r="AJ30104">
        <v>39</v>
      </c>
      <c r="AK30104">
        <v>39</v>
      </c>
      <c r="AL30104">
        <v>39</v>
      </c>
      <c r="AM30104">
        <v>40</v>
      </c>
      <c r="AN30104">
        <v>40</v>
      </c>
      <c r="AO30104">
        <v>41</v>
      </c>
      <c r="AP30104">
        <v>41</v>
      </c>
      <c r="AQ30104">
        <v>42</v>
      </c>
    </row>
    <row r="30105" spans="1:43">
      <c r="A30105" t="s">
        <v>18647</v>
      </c>
      <c r="B30105" t="s">
        <v>18648</v>
      </c>
      <c r="C30105" t="s">
        <v>18649</v>
      </c>
      <c r="D30105" t="s">
        <v>18650</v>
      </c>
      <c r="E30105" t="s">
        <v>18557</v>
      </c>
      <c r="F30105" t="s">
        <v>18558</v>
      </c>
      <c r="G30105" t="s">
        <v>10734</v>
      </c>
      <c r="H30105" t="s">
        <v>10735</v>
      </c>
      <c r="I30105" s="2">
        <v>0</v>
      </c>
      <c r="J30105" s="2">
        <v>0</v>
      </c>
      <c r="K30105" s="2">
        <v>1</v>
      </c>
      <c r="L30105" t="s">
        <v>995</v>
      </c>
      <c r="M30105" t="s">
        <v>83</v>
      </c>
      <c r="N30105" t="s">
        <v>91</v>
      </c>
      <c r="O30105" t="s">
        <v>85</v>
      </c>
      <c r="P30105" t="s">
        <v>86</v>
      </c>
      <c r="Q30105">
        <v>24</v>
      </c>
      <c r="R30105">
        <v>25</v>
      </c>
      <c r="S30105">
        <v>26</v>
      </c>
      <c r="T30105">
        <v>26</v>
      </c>
      <c r="U30105">
        <v>27</v>
      </c>
      <c r="V30105">
        <v>27</v>
      </c>
      <c r="W30105">
        <v>28</v>
      </c>
      <c r="X30105">
        <v>29</v>
      </c>
      <c r="Y30105">
        <v>30</v>
      </c>
      <c r="Z30105">
        <v>30</v>
      </c>
      <c r="AA30105">
        <v>31</v>
      </c>
      <c r="AB30105">
        <v>32</v>
      </c>
      <c r="AC30105">
        <v>32</v>
      </c>
      <c r="AD30105">
        <v>33</v>
      </c>
      <c r="AE30105">
        <v>34</v>
      </c>
      <c r="AF30105">
        <v>35</v>
      </c>
      <c r="AG30105">
        <v>35</v>
      </c>
      <c r="AH30105">
        <v>36</v>
      </c>
      <c r="AI30105">
        <v>37</v>
      </c>
      <c r="AJ30105">
        <v>38</v>
      </c>
      <c r="AK30105">
        <v>39</v>
      </c>
      <c r="AL30105">
        <v>39</v>
      </c>
      <c r="AM30105">
        <v>40</v>
      </c>
      <c r="AN30105">
        <v>40</v>
      </c>
      <c r="AO30105">
        <v>41</v>
      </c>
      <c r="AP30105">
        <v>41</v>
      </c>
      <c r="AQ30105">
        <v>42</v>
      </c>
    </row>
    <row r="30106" spans="1:43">
      <c r="A30106" t="s">
        <v>18651</v>
      </c>
      <c r="B30106" t="s">
        <v>18652</v>
      </c>
      <c r="C30106" t="s">
        <v>18555</v>
      </c>
      <c r="D30106" t="s">
        <v>18556</v>
      </c>
      <c r="E30106" t="s">
        <v>18557</v>
      </c>
      <c r="F30106" t="s">
        <v>18558</v>
      </c>
      <c r="G30106" t="s">
        <v>10734</v>
      </c>
      <c r="H30106" t="s">
        <v>10735</v>
      </c>
      <c r="I30106" s="2">
        <v>0</v>
      </c>
      <c r="J30106" s="2">
        <v>0</v>
      </c>
      <c r="K30106" s="2">
        <v>1</v>
      </c>
      <c r="L30106" t="s">
        <v>995</v>
      </c>
      <c r="M30106" t="s">
        <v>83</v>
      </c>
      <c r="N30106" t="s">
        <v>84</v>
      </c>
      <c r="O30106" t="s">
        <v>85</v>
      </c>
      <c r="P30106" t="s">
        <v>86</v>
      </c>
      <c r="Q30106">
        <v>21</v>
      </c>
      <c r="R30106">
        <v>22</v>
      </c>
      <c r="S30106">
        <v>22</v>
      </c>
      <c r="T30106">
        <v>23</v>
      </c>
      <c r="U30106">
        <v>24</v>
      </c>
      <c r="V30106">
        <v>24</v>
      </c>
      <c r="W30106">
        <v>25</v>
      </c>
      <c r="X30106">
        <v>25</v>
      </c>
      <c r="Y30106">
        <v>26</v>
      </c>
      <c r="Z30106">
        <v>27</v>
      </c>
      <c r="AA30106">
        <v>27</v>
      </c>
      <c r="AB30106">
        <v>28</v>
      </c>
      <c r="AC30106">
        <v>29</v>
      </c>
      <c r="AD30106">
        <v>29</v>
      </c>
      <c r="AE30106">
        <v>30</v>
      </c>
      <c r="AF30106">
        <v>31</v>
      </c>
      <c r="AG30106">
        <v>31</v>
      </c>
      <c r="AH30106">
        <v>32</v>
      </c>
      <c r="AI30106">
        <v>33</v>
      </c>
      <c r="AJ30106">
        <v>33</v>
      </c>
      <c r="AK30106">
        <v>34</v>
      </c>
      <c r="AL30106">
        <v>35</v>
      </c>
      <c r="AM30106">
        <v>35</v>
      </c>
      <c r="AN30106">
        <v>35</v>
      </c>
      <c r="AO30106">
        <v>36</v>
      </c>
      <c r="AP30106">
        <v>36</v>
      </c>
      <c r="AQ30106">
        <v>37</v>
      </c>
    </row>
    <row r="30107" spans="1:43">
      <c r="A30107" t="s">
        <v>18651</v>
      </c>
      <c r="B30107" t="s">
        <v>18652</v>
      </c>
      <c r="C30107" t="s">
        <v>18555</v>
      </c>
      <c r="D30107" t="s">
        <v>18556</v>
      </c>
      <c r="E30107" t="s">
        <v>18557</v>
      </c>
      <c r="F30107" t="s">
        <v>18558</v>
      </c>
      <c r="G30107" t="s">
        <v>10734</v>
      </c>
      <c r="H30107" t="s">
        <v>10735</v>
      </c>
      <c r="I30107" s="2">
        <v>0</v>
      </c>
      <c r="J30107" s="2">
        <v>0</v>
      </c>
      <c r="K30107" s="2">
        <v>1</v>
      </c>
      <c r="L30107" t="s">
        <v>995</v>
      </c>
      <c r="M30107" t="s">
        <v>87</v>
      </c>
      <c r="N30107" t="s">
        <v>88</v>
      </c>
      <c r="O30107" t="s">
        <v>85</v>
      </c>
      <c r="P30107" t="s">
        <v>86</v>
      </c>
      <c r="Q30107">
        <v>21</v>
      </c>
      <c r="R30107">
        <v>21</v>
      </c>
      <c r="S30107">
        <v>22</v>
      </c>
      <c r="T30107">
        <v>22</v>
      </c>
      <c r="U30107">
        <v>23</v>
      </c>
      <c r="V30107">
        <v>23</v>
      </c>
      <c r="W30107">
        <v>23</v>
      </c>
      <c r="X30107">
        <v>24</v>
      </c>
      <c r="Y30107">
        <v>24</v>
      </c>
      <c r="Z30107">
        <v>24</v>
      </c>
      <c r="AA30107">
        <v>25</v>
      </c>
      <c r="AB30107">
        <v>25</v>
      </c>
      <c r="AC30107">
        <v>26</v>
      </c>
      <c r="AD30107">
        <v>26</v>
      </c>
      <c r="AE30107">
        <v>26</v>
      </c>
      <c r="AF30107">
        <v>27</v>
      </c>
      <c r="AG30107">
        <v>27</v>
      </c>
      <c r="AH30107">
        <v>28</v>
      </c>
      <c r="AI30107">
        <v>28</v>
      </c>
      <c r="AJ30107">
        <v>29</v>
      </c>
      <c r="AK30107">
        <v>29</v>
      </c>
      <c r="AL30107">
        <v>29</v>
      </c>
      <c r="AM30107">
        <v>30</v>
      </c>
      <c r="AN30107">
        <v>30</v>
      </c>
      <c r="AO30107">
        <v>31</v>
      </c>
      <c r="AP30107">
        <v>31</v>
      </c>
      <c r="AQ30107">
        <v>32</v>
      </c>
    </row>
    <row r="30108" spans="1:43">
      <c r="A30108" t="s">
        <v>18651</v>
      </c>
      <c r="B30108" t="s">
        <v>18652</v>
      </c>
      <c r="C30108" t="s">
        <v>18555</v>
      </c>
      <c r="D30108" t="s">
        <v>18556</v>
      </c>
      <c r="E30108" t="s">
        <v>18557</v>
      </c>
      <c r="F30108" t="s">
        <v>18558</v>
      </c>
      <c r="G30108" t="s">
        <v>10734</v>
      </c>
      <c r="H30108" t="s">
        <v>10735</v>
      </c>
      <c r="I30108" s="2">
        <v>0</v>
      </c>
      <c r="J30108" s="2">
        <v>0</v>
      </c>
      <c r="K30108" s="2">
        <v>1</v>
      </c>
      <c r="L30108" t="s">
        <v>995</v>
      </c>
      <c r="M30108" t="s">
        <v>89</v>
      </c>
      <c r="N30108" t="s">
        <v>90</v>
      </c>
      <c r="O30108" t="s">
        <v>85</v>
      </c>
      <c r="P30108" t="s">
        <v>86</v>
      </c>
      <c r="Q30108">
        <v>21</v>
      </c>
      <c r="R30108">
        <v>21</v>
      </c>
      <c r="S30108">
        <v>22</v>
      </c>
      <c r="T30108">
        <v>23</v>
      </c>
      <c r="U30108">
        <v>24</v>
      </c>
      <c r="V30108">
        <v>24</v>
      </c>
      <c r="W30108">
        <v>25</v>
      </c>
      <c r="X30108">
        <v>26</v>
      </c>
      <c r="Y30108">
        <v>27</v>
      </c>
      <c r="Z30108">
        <v>27</v>
      </c>
      <c r="AA30108">
        <v>28</v>
      </c>
      <c r="AB30108">
        <v>29</v>
      </c>
      <c r="AC30108">
        <v>30</v>
      </c>
      <c r="AD30108">
        <v>30</v>
      </c>
      <c r="AE30108">
        <v>31</v>
      </c>
      <c r="AF30108">
        <v>31</v>
      </c>
      <c r="AG30108">
        <v>32</v>
      </c>
      <c r="AH30108">
        <v>32</v>
      </c>
      <c r="AI30108">
        <v>33</v>
      </c>
      <c r="AJ30108">
        <v>33</v>
      </c>
      <c r="AK30108">
        <v>33</v>
      </c>
      <c r="AL30108">
        <v>34</v>
      </c>
      <c r="AM30108">
        <v>34</v>
      </c>
      <c r="AN30108">
        <v>35</v>
      </c>
      <c r="AO30108">
        <v>35</v>
      </c>
      <c r="AP30108">
        <v>35</v>
      </c>
      <c r="AQ30108">
        <v>36</v>
      </c>
    </row>
    <row r="30109" spans="1:43">
      <c r="A30109" t="s">
        <v>18651</v>
      </c>
      <c r="B30109" t="s">
        <v>18652</v>
      </c>
      <c r="C30109" t="s">
        <v>18555</v>
      </c>
      <c r="D30109" t="s">
        <v>18556</v>
      </c>
      <c r="E30109" t="s">
        <v>18557</v>
      </c>
      <c r="F30109" t="s">
        <v>18558</v>
      </c>
      <c r="G30109" t="s">
        <v>10734</v>
      </c>
      <c r="H30109" t="s">
        <v>10735</v>
      </c>
      <c r="I30109" s="2">
        <v>0</v>
      </c>
      <c r="J30109" s="2">
        <v>0</v>
      </c>
      <c r="K30109" s="2">
        <v>1</v>
      </c>
      <c r="L30109" t="s">
        <v>995</v>
      </c>
      <c r="M30109" t="s">
        <v>83</v>
      </c>
      <c r="N30109" t="s">
        <v>91</v>
      </c>
      <c r="O30109" t="s">
        <v>85</v>
      </c>
      <c r="P30109" t="s">
        <v>86</v>
      </c>
      <c r="Q30109">
        <v>21</v>
      </c>
      <c r="R30109">
        <v>22</v>
      </c>
      <c r="S30109">
        <v>22</v>
      </c>
      <c r="T30109">
        <v>23</v>
      </c>
      <c r="U30109">
        <v>24</v>
      </c>
      <c r="V30109">
        <v>24</v>
      </c>
      <c r="W30109">
        <v>25</v>
      </c>
      <c r="X30109">
        <v>25</v>
      </c>
      <c r="Y30109">
        <v>26</v>
      </c>
      <c r="Z30109">
        <v>27</v>
      </c>
      <c r="AA30109">
        <v>27</v>
      </c>
      <c r="AB30109">
        <v>28</v>
      </c>
      <c r="AC30109">
        <v>29</v>
      </c>
      <c r="AD30109">
        <v>29</v>
      </c>
      <c r="AE30109">
        <v>30</v>
      </c>
      <c r="AF30109">
        <v>31</v>
      </c>
      <c r="AG30109">
        <v>31</v>
      </c>
      <c r="AH30109">
        <v>32</v>
      </c>
      <c r="AI30109">
        <v>33</v>
      </c>
      <c r="AJ30109">
        <v>33</v>
      </c>
      <c r="AK30109">
        <v>34</v>
      </c>
      <c r="AL30109">
        <v>35</v>
      </c>
      <c r="AM30109">
        <v>35</v>
      </c>
      <c r="AN30109">
        <v>35</v>
      </c>
      <c r="AO30109">
        <v>36</v>
      </c>
      <c r="AP30109">
        <v>36</v>
      </c>
      <c r="AQ30109">
        <v>37</v>
      </c>
    </row>
    <row r="30110" spans="1:43">
      <c r="A30110" t="s">
        <v>18653</v>
      </c>
      <c r="B30110" t="s">
        <v>18654</v>
      </c>
      <c r="C30110" t="s">
        <v>18555</v>
      </c>
      <c r="D30110" t="s">
        <v>18556</v>
      </c>
      <c r="E30110" t="s">
        <v>18557</v>
      </c>
      <c r="F30110" t="s">
        <v>18558</v>
      </c>
      <c r="G30110" t="s">
        <v>10734</v>
      </c>
      <c r="H30110" t="s">
        <v>10735</v>
      </c>
      <c r="I30110" s="2">
        <v>0</v>
      </c>
      <c r="J30110" s="2">
        <v>0</v>
      </c>
      <c r="K30110" s="2">
        <v>1</v>
      </c>
      <c r="L30110" t="s">
        <v>995</v>
      </c>
      <c r="M30110" t="s">
        <v>83</v>
      </c>
      <c r="N30110" t="s">
        <v>84</v>
      </c>
      <c r="O30110" t="s">
        <v>85</v>
      </c>
      <c r="P30110" t="s">
        <v>86</v>
      </c>
      <c r="Q30110">
        <v>14</v>
      </c>
      <c r="R30110">
        <v>14</v>
      </c>
      <c r="S30110">
        <v>15</v>
      </c>
      <c r="T30110">
        <v>15</v>
      </c>
      <c r="U30110">
        <v>16</v>
      </c>
      <c r="V30110">
        <v>16</v>
      </c>
      <c r="W30110">
        <v>16</v>
      </c>
      <c r="X30110">
        <v>17</v>
      </c>
      <c r="Y30110">
        <v>17</v>
      </c>
      <c r="Z30110">
        <v>18</v>
      </c>
      <c r="AA30110">
        <v>18</v>
      </c>
      <c r="AB30110">
        <v>18</v>
      </c>
      <c r="AC30110">
        <v>19</v>
      </c>
      <c r="AD30110">
        <v>19</v>
      </c>
      <c r="AE30110">
        <v>20</v>
      </c>
      <c r="AF30110">
        <v>20</v>
      </c>
      <c r="AG30110">
        <v>21</v>
      </c>
      <c r="AH30110">
        <v>21</v>
      </c>
      <c r="AI30110">
        <v>22</v>
      </c>
      <c r="AJ30110">
        <v>22</v>
      </c>
      <c r="AK30110">
        <v>23</v>
      </c>
      <c r="AL30110">
        <v>23</v>
      </c>
      <c r="AM30110">
        <v>23</v>
      </c>
      <c r="AN30110">
        <v>23</v>
      </c>
      <c r="AO30110">
        <v>24</v>
      </c>
      <c r="AP30110">
        <v>24</v>
      </c>
      <c r="AQ30110">
        <v>24</v>
      </c>
    </row>
    <row r="30111" spans="1:43">
      <c r="A30111" t="s">
        <v>18653</v>
      </c>
      <c r="B30111" t="s">
        <v>18654</v>
      </c>
      <c r="C30111" t="s">
        <v>18555</v>
      </c>
      <c r="D30111" t="s">
        <v>18556</v>
      </c>
      <c r="E30111" t="s">
        <v>18557</v>
      </c>
      <c r="F30111" t="s">
        <v>18558</v>
      </c>
      <c r="G30111" t="s">
        <v>10734</v>
      </c>
      <c r="H30111" t="s">
        <v>10735</v>
      </c>
      <c r="I30111" s="2">
        <v>0</v>
      </c>
      <c r="J30111" s="2">
        <v>0</v>
      </c>
      <c r="K30111" s="2">
        <v>1</v>
      </c>
      <c r="L30111" t="s">
        <v>995</v>
      </c>
      <c r="M30111" t="s">
        <v>87</v>
      </c>
      <c r="N30111" t="s">
        <v>88</v>
      </c>
      <c r="O30111" t="s">
        <v>85</v>
      </c>
      <c r="P30111" t="s">
        <v>86</v>
      </c>
      <c r="Q30111">
        <v>14</v>
      </c>
      <c r="R30111">
        <v>14</v>
      </c>
      <c r="S30111">
        <v>14</v>
      </c>
      <c r="T30111">
        <v>15</v>
      </c>
      <c r="U30111">
        <v>15</v>
      </c>
      <c r="V30111">
        <v>15</v>
      </c>
      <c r="W30111">
        <v>15</v>
      </c>
      <c r="X30111">
        <v>16</v>
      </c>
      <c r="Y30111">
        <v>16</v>
      </c>
      <c r="Z30111">
        <v>16</v>
      </c>
      <c r="AA30111">
        <v>16</v>
      </c>
      <c r="AB30111">
        <v>17</v>
      </c>
      <c r="AC30111">
        <v>17</v>
      </c>
      <c r="AD30111">
        <v>17</v>
      </c>
      <c r="AE30111">
        <v>17</v>
      </c>
      <c r="AF30111">
        <v>18</v>
      </c>
      <c r="AG30111">
        <v>18</v>
      </c>
      <c r="AH30111">
        <v>18</v>
      </c>
      <c r="AI30111">
        <v>19</v>
      </c>
      <c r="AJ30111">
        <v>19</v>
      </c>
      <c r="AK30111">
        <v>19</v>
      </c>
      <c r="AL30111">
        <v>20</v>
      </c>
      <c r="AM30111">
        <v>20</v>
      </c>
      <c r="AN30111">
        <v>20</v>
      </c>
      <c r="AO30111">
        <v>20</v>
      </c>
      <c r="AP30111">
        <v>21</v>
      </c>
      <c r="AQ30111">
        <v>21</v>
      </c>
    </row>
    <row r="30112" spans="1:43">
      <c r="A30112" t="s">
        <v>18653</v>
      </c>
      <c r="B30112" t="s">
        <v>18654</v>
      </c>
      <c r="C30112" t="s">
        <v>18555</v>
      </c>
      <c r="D30112" t="s">
        <v>18556</v>
      </c>
      <c r="E30112" t="s">
        <v>18557</v>
      </c>
      <c r="F30112" t="s">
        <v>18558</v>
      </c>
      <c r="G30112" t="s">
        <v>10734</v>
      </c>
      <c r="H30112" t="s">
        <v>10735</v>
      </c>
      <c r="I30112" s="2">
        <v>0</v>
      </c>
      <c r="J30112" s="2">
        <v>0</v>
      </c>
      <c r="K30112" s="2">
        <v>1</v>
      </c>
      <c r="L30112" t="s">
        <v>995</v>
      </c>
      <c r="M30112" t="s">
        <v>89</v>
      </c>
      <c r="N30112" t="s">
        <v>90</v>
      </c>
      <c r="O30112" t="s">
        <v>85</v>
      </c>
      <c r="P30112" t="s">
        <v>86</v>
      </c>
      <c r="Q30112">
        <v>14</v>
      </c>
      <c r="R30112">
        <v>15</v>
      </c>
      <c r="S30112">
        <v>15</v>
      </c>
      <c r="T30112">
        <v>16</v>
      </c>
      <c r="U30112">
        <v>16</v>
      </c>
      <c r="V30112">
        <v>17</v>
      </c>
      <c r="W30112">
        <v>17</v>
      </c>
      <c r="X30112">
        <v>18</v>
      </c>
      <c r="Y30112">
        <v>18</v>
      </c>
      <c r="Z30112">
        <v>19</v>
      </c>
      <c r="AA30112">
        <v>19</v>
      </c>
      <c r="AB30112">
        <v>20</v>
      </c>
      <c r="AC30112">
        <v>20</v>
      </c>
      <c r="AD30112">
        <v>21</v>
      </c>
      <c r="AE30112">
        <v>21</v>
      </c>
      <c r="AF30112">
        <v>21</v>
      </c>
      <c r="AG30112">
        <v>22</v>
      </c>
      <c r="AH30112">
        <v>22</v>
      </c>
      <c r="AI30112">
        <v>22</v>
      </c>
      <c r="AJ30112">
        <v>22</v>
      </c>
      <c r="AK30112">
        <v>23</v>
      </c>
      <c r="AL30112">
        <v>23</v>
      </c>
      <c r="AM30112">
        <v>23</v>
      </c>
      <c r="AN30112">
        <v>24</v>
      </c>
      <c r="AO30112">
        <v>24</v>
      </c>
      <c r="AP30112">
        <v>24</v>
      </c>
      <c r="AQ30112">
        <v>24</v>
      </c>
    </row>
    <row r="30113" spans="1:43">
      <c r="A30113" t="s">
        <v>18653</v>
      </c>
      <c r="B30113" t="s">
        <v>18654</v>
      </c>
      <c r="C30113" t="s">
        <v>18555</v>
      </c>
      <c r="D30113" t="s">
        <v>18556</v>
      </c>
      <c r="E30113" t="s">
        <v>18557</v>
      </c>
      <c r="F30113" t="s">
        <v>18558</v>
      </c>
      <c r="G30113" t="s">
        <v>10734</v>
      </c>
      <c r="H30113" t="s">
        <v>10735</v>
      </c>
      <c r="I30113" s="2">
        <v>0</v>
      </c>
      <c r="J30113" s="2">
        <v>0</v>
      </c>
      <c r="K30113" s="2">
        <v>1</v>
      </c>
      <c r="L30113" t="s">
        <v>995</v>
      </c>
      <c r="M30113" t="s">
        <v>83</v>
      </c>
      <c r="N30113" t="s">
        <v>91</v>
      </c>
      <c r="O30113" t="s">
        <v>85</v>
      </c>
      <c r="P30113" t="s">
        <v>86</v>
      </c>
      <c r="Q30113">
        <v>14</v>
      </c>
      <c r="R30113">
        <v>14</v>
      </c>
      <c r="S30113">
        <v>15</v>
      </c>
      <c r="T30113">
        <v>15</v>
      </c>
      <c r="U30113">
        <v>16</v>
      </c>
      <c r="V30113">
        <v>16</v>
      </c>
      <c r="W30113">
        <v>16</v>
      </c>
      <c r="X30113">
        <v>17</v>
      </c>
      <c r="Y30113">
        <v>17</v>
      </c>
      <c r="Z30113">
        <v>18</v>
      </c>
      <c r="AA30113">
        <v>18</v>
      </c>
      <c r="AB30113">
        <v>18</v>
      </c>
      <c r="AC30113">
        <v>19</v>
      </c>
      <c r="AD30113">
        <v>19</v>
      </c>
      <c r="AE30113">
        <v>20</v>
      </c>
      <c r="AF30113">
        <v>20</v>
      </c>
      <c r="AG30113">
        <v>21</v>
      </c>
      <c r="AH30113">
        <v>21</v>
      </c>
      <c r="AI30113">
        <v>22</v>
      </c>
      <c r="AJ30113">
        <v>22</v>
      </c>
      <c r="AK30113">
        <v>23</v>
      </c>
      <c r="AL30113">
        <v>23</v>
      </c>
      <c r="AM30113">
        <v>23</v>
      </c>
      <c r="AN30113">
        <v>23</v>
      </c>
      <c r="AO30113">
        <v>24</v>
      </c>
      <c r="AP30113">
        <v>24</v>
      </c>
      <c r="AQ30113">
        <v>24</v>
      </c>
    </row>
    <row r="30114" spans="1:43">
      <c r="A30114" t="s">
        <v>18655</v>
      </c>
      <c r="B30114" t="s">
        <v>18656</v>
      </c>
      <c r="C30114" t="s">
        <v>18657</v>
      </c>
      <c r="D30114" t="s">
        <v>18658</v>
      </c>
      <c r="E30114" t="s">
        <v>18557</v>
      </c>
      <c r="F30114" t="s">
        <v>18558</v>
      </c>
      <c r="G30114" t="s">
        <v>10734</v>
      </c>
      <c r="H30114" t="s">
        <v>10735</v>
      </c>
      <c r="I30114" s="2">
        <v>0</v>
      </c>
      <c r="J30114" s="2">
        <v>0</v>
      </c>
      <c r="K30114" s="2">
        <v>1</v>
      </c>
      <c r="L30114" t="s">
        <v>995</v>
      </c>
      <c r="M30114" t="s">
        <v>83</v>
      </c>
      <c r="N30114" t="s">
        <v>84</v>
      </c>
      <c r="O30114" t="s">
        <v>85</v>
      </c>
      <c r="P30114" t="s">
        <v>86</v>
      </c>
      <c r="Q30114">
        <v>9</v>
      </c>
      <c r="R30114">
        <v>9</v>
      </c>
      <c r="S30114">
        <v>9</v>
      </c>
      <c r="T30114">
        <v>10</v>
      </c>
      <c r="U30114">
        <v>10</v>
      </c>
      <c r="V30114">
        <v>10</v>
      </c>
      <c r="W30114">
        <v>10</v>
      </c>
      <c r="X30114">
        <v>11</v>
      </c>
      <c r="Y30114">
        <v>11</v>
      </c>
      <c r="Z30114">
        <v>11</v>
      </c>
      <c r="AA30114">
        <v>11</v>
      </c>
      <c r="AB30114">
        <v>12</v>
      </c>
      <c r="AC30114">
        <v>12</v>
      </c>
      <c r="AD30114">
        <v>12</v>
      </c>
      <c r="AE30114">
        <v>12</v>
      </c>
      <c r="AF30114">
        <v>13</v>
      </c>
      <c r="AG30114">
        <v>13</v>
      </c>
      <c r="AH30114">
        <v>13</v>
      </c>
      <c r="AI30114">
        <v>14</v>
      </c>
      <c r="AJ30114">
        <v>14</v>
      </c>
      <c r="AK30114">
        <v>14</v>
      </c>
      <c r="AL30114">
        <v>14</v>
      </c>
      <c r="AM30114">
        <v>14</v>
      </c>
      <c r="AN30114">
        <v>15</v>
      </c>
      <c r="AO30114">
        <v>15</v>
      </c>
      <c r="AP30114">
        <v>15</v>
      </c>
      <c r="AQ30114">
        <v>15</v>
      </c>
    </row>
    <row r="30115" spans="1:43">
      <c r="A30115" t="s">
        <v>18655</v>
      </c>
      <c r="B30115" t="s">
        <v>18656</v>
      </c>
      <c r="C30115" t="s">
        <v>18657</v>
      </c>
      <c r="D30115" t="s">
        <v>18658</v>
      </c>
      <c r="E30115" t="s">
        <v>18557</v>
      </c>
      <c r="F30115" t="s">
        <v>18558</v>
      </c>
      <c r="G30115" t="s">
        <v>10734</v>
      </c>
      <c r="H30115" t="s">
        <v>10735</v>
      </c>
      <c r="I30115" s="2">
        <v>0</v>
      </c>
      <c r="J30115" s="2">
        <v>0</v>
      </c>
      <c r="K30115" s="2">
        <v>1</v>
      </c>
      <c r="L30115" t="s">
        <v>995</v>
      </c>
      <c r="M30115" t="s">
        <v>87</v>
      </c>
      <c r="N30115" t="s">
        <v>88</v>
      </c>
      <c r="O30115" t="s">
        <v>85</v>
      </c>
      <c r="P30115" t="s">
        <v>86</v>
      </c>
      <c r="Q30115">
        <v>9</v>
      </c>
      <c r="R30115">
        <v>9</v>
      </c>
      <c r="S30115">
        <v>9</v>
      </c>
      <c r="T30115">
        <v>9</v>
      </c>
      <c r="U30115">
        <v>9</v>
      </c>
      <c r="V30115">
        <v>10</v>
      </c>
      <c r="W30115">
        <v>10</v>
      </c>
      <c r="X30115">
        <v>10</v>
      </c>
      <c r="Y30115">
        <v>10</v>
      </c>
      <c r="Z30115">
        <v>10</v>
      </c>
      <c r="AA30115">
        <v>10</v>
      </c>
      <c r="AB30115">
        <v>10</v>
      </c>
      <c r="AC30115">
        <v>11</v>
      </c>
      <c r="AD30115">
        <v>11</v>
      </c>
      <c r="AE30115">
        <v>11</v>
      </c>
      <c r="AF30115">
        <v>11</v>
      </c>
      <c r="AG30115">
        <v>11</v>
      </c>
      <c r="AH30115">
        <v>12</v>
      </c>
      <c r="AI30115">
        <v>12</v>
      </c>
      <c r="AJ30115">
        <v>12</v>
      </c>
      <c r="AK30115">
        <v>12</v>
      </c>
      <c r="AL30115">
        <v>12</v>
      </c>
      <c r="AM30115">
        <v>12</v>
      </c>
      <c r="AN30115">
        <v>13</v>
      </c>
      <c r="AO30115">
        <v>13</v>
      </c>
      <c r="AP30115">
        <v>13</v>
      </c>
      <c r="AQ30115">
        <v>13</v>
      </c>
    </row>
    <row r="30116" spans="1:43">
      <c r="A30116" t="s">
        <v>18655</v>
      </c>
      <c r="B30116" t="s">
        <v>18656</v>
      </c>
      <c r="C30116" t="s">
        <v>18657</v>
      </c>
      <c r="D30116" t="s">
        <v>18658</v>
      </c>
      <c r="E30116" t="s">
        <v>18557</v>
      </c>
      <c r="F30116" t="s">
        <v>18558</v>
      </c>
      <c r="G30116" t="s">
        <v>10734</v>
      </c>
      <c r="H30116" t="s">
        <v>10735</v>
      </c>
      <c r="I30116" s="2">
        <v>0</v>
      </c>
      <c r="J30116" s="2">
        <v>0</v>
      </c>
      <c r="K30116" s="2">
        <v>1</v>
      </c>
      <c r="L30116" t="s">
        <v>995</v>
      </c>
      <c r="M30116" t="s">
        <v>89</v>
      </c>
      <c r="N30116" t="s">
        <v>90</v>
      </c>
      <c r="O30116" t="s">
        <v>85</v>
      </c>
      <c r="P30116" t="s">
        <v>86</v>
      </c>
      <c r="Q30116">
        <v>9</v>
      </c>
      <c r="R30116">
        <v>9</v>
      </c>
      <c r="S30116">
        <v>10</v>
      </c>
      <c r="T30116">
        <v>10</v>
      </c>
      <c r="U30116">
        <v>10</v>
      </c>
      <c r="V30116">
        <v>10</v>
      </c>
      <c r="W30116">
        <v>11</v>
      </c>
      <c r="X30116">
        <v>11</v>
      </c>
      <c r="Y30116">
        <v>11</v>
      </c>
      <c r="Z30116">
        <v>12</v>
      </c>
      <c r="AA30116">
        <v>12</v>
      </c>
      <c r="AB30116">
        <v>12</v>
      </c>
      <c r="AC30116">
        <v>13</v>
      </c>
      <c r="AD30116">
        <v>13</v>
      </c>
      <c r="AE30116">
        <v>13</v>
      </c>
      <c r="AF30116">
        <v>13</v>
      </c>
      <c r="AG30116">
        <v>14</v>
      </c>
      <c r="AH30116">
        <v>14</v>
      </c>
      <c r="AI30116">
        <v>14</v>
      </c>
      <c r="AJ30116">
        <v>14</v>
      </c>
      <c r="AK30116">
        <v>14</v>
      </c>
      <c r="AL30116">
        <v>14</v>
      </c>
      <c r="AM30116">
        <v>15</v>
      </c>
      <c r="AN30116">
        <v>15</v>
      </c>
      <c r="AO30116">
        <v>15</v>
      </c>
      <c r="AP30116">
        <v>15</v>
      </c>
      <c r="AQ30116">
        <v>15</v>
      </c>
    </row>
    <row r="30117" spans="1:43">
      <c r="A30117" t="s">
        <v>18655</v>
      </c>
      <c r="B30117" t="s">
        <v>18656</v>
      </c>
      <c r="C30117" t="s">
        <v>18657</v>
      </c>
      <c r="D30117" t="s">
        <v>18658</v>
      </c>
      <c r="E30117" t="s">
        <v>18557</v>
      </c>
      <c r="F30117" t="s">
        <v>18558</v>
      </c>
      <c r="G30117" t="s">
        <v>10734</v>
      </c>
      <c r="H30117" t="s">
        <v>10735</v>
      </c>
      <c r="I30117" s="2">
        <v>0</v>
      </c>
      <c r="J30117" s="2">
        <v>0</v>
      </c>
      <c r="K30117" s="2">
        <v>1</v>
      </c>
      <c r="L30117" t="s">
        <v>995</v>
      </c>
      <c r="M30117" t="s">
        <v>83</v>
      </c>
      <c r="N30117" t="s">
        <v>91</v>
      </c>
      <c r="O30117" t="s">
        <v>85</v>
      </c>
      <c r="P30117" t="s">
        <v>86</v>
      </c>
      <c r="Q30117">
        <v>9</v>
      </c>
      <c r="R30117">
        <v>9</v>
      </c>
      <c r="S30117">
        <v>9</v>
      </c>
      <c r="T30117">
        <v>10</v>
      </c>
      <c r="U30117">
        <v>10</v>
      </c>
      <c r="V30117">
        <v>10</v>
      </c>
      <c r="W30117">
        <v>10</v>
      </c>
      <c r="X30117">
        <v>11</v>
      </c>
      <c r="Y30117">
        <v>11</v>
      </c>
      <c r="Z30117">
        <v>11</v>
      </c>
      <c r="AA30117">
        <v>11</v>
      </c>
      <c r="AB30117">
        <v>12</v>
      </c>
      <c r="AC30117">
        <v>12</v>
      </c>
      <c r="AD30117">
        <v>12</v>
      </c>
      <c r="AE30117">
        <v>12</v>
      </c>
      <c r="AF30117">
        <v>13</v>
      </c>
      <c r="AG30117">
        <v>13</v>
      </c>
      <c r="AH30117">
        <v>13</v>
      </c>
      <c r="AI30117">
        <v>14</v>
      </c>
      <c r="AJ30117">
        <v>14</v>
      </c>
      <c r="AK30117">
        <v>14</v>
      </c>
      <c r="AL30117">
        <v>14</v>
      </c>
      <c r="AM30117">
        <v>14</v>
      </c>
      <c r="AN30117">
        <v>15</v>
      </c>
      <c r="AO30117">
        <v>15</v>
      </c>
      <c r="AP30117">
        <v>15</v>
      </c>
      <c r="AQ30117">
        <v>15</v>
      </c>
    </row>
    <row r="30118" spans="1:43">
      <c r="A30118" t="s">
        <v>18659</v>
      </c>
      <c r="B30118" t="s">
        <v>18660</v>
      </c>
      <c r="C30118" t="s">
        <v>18657</v>
      </c>
      <c r="D30118" t="s">
        <v>18658</v>
      </c>
      <c r="E30118" t="s">
        <v>18557</v>
      </c>
      <c r="F30118" t="s">
        <v>18558</v>
      </c>
      <c r="G30118" t="s">
        <v>10734</v>
      </c>
      <c r="H30118" t="s">
        <v>10735</v>
      </c>
      <c r="I30118" s="2">
        <v>0</v>
      </c>
      <c r="J30118" s="2">
        <v>0</v>
      </c>
      <c r="K30118" s="2">
        <v>1</v>
      </c>
      <c r="L30118" t="s">
        <v>995</v>
      </c>
      <c r="M30118" t="s">
        <v>83</v>
      </c>
      <c r="N30118" t="s">
        <v>84</v>
      </c>
      <c r="O30118" t="s">
        <v>85</v>
      </c>
      <c r="P30118" t="s">
        <v>86</v>
      </c>
      <c r="Q30118">
        <v>25</v>
      </c>
      <c r="R30118">
        <v>26</v>
      </c>
      <c r="S30118">
        <v>26</v>
      </c>
      <c r="T30118">
        <v>27</v>
      </c>
      <c r="U30118">
        <v>28</v>
      </c>
      <c r="V30118">
        <v>28</v>
      </c>
      <c r="W30118">
        <v>29</v>
      </c>
      <c r="X30118">
        <v>30</v>
      </c>
      <c r="Y30118">
        <v>31</v>
      </c>
      <c r="Z30118">
        <v>31</v>
      </c>
      <c r="AA30118">
        <v>32</v>
      </c>
      <c r="AB30118">
        <v>33</v>
      </c>
      <c r="AC30118">
        <v>34</v>
      </c>
      <c r="AD30118">
        <v>34</v>
      </c>
      <c r="AE30118">
        <v>35</v>
      </c>
      <c r="AF30118">
        <v>36</v>
      </c>
      <c r="AG30118">
        <v>37</v>
      </c>
      <c r="AH30118">
        <v>38</v>
      </c>
      <c r="AI30118">
        <v>38</v>
      </c>
      <c r="AJ30118">
        <v>39</v>
      </c>
      <c r="AK30118">
        <v>40</v>
      </c>
      <c r="AL30118">
        <v>41</v>
      </c>
      <c r="AM30118">
        <v>41</v>
      </c>
      <c r="AN30118">
        <v>42</v>
      </c>
      <c r="AO30118">
        <v>42</v>
      </c>
      <c r="AP30118">
        <v>43</v>
      </c>
      <c r="AQ30118">
        <v>43</v>
      </c>
    </row>
    <row r="30119" spans="1:43">
      <c r="A30119" t="s">
        <v>18659</v>
      </c>
      <c r="B30119" t="s">
        <v>18660</v>
      </c>
      <c r="C30119" t="s">
        <v>18657</v>
      </c>
      <c r="D30119" t="s">
        <v>18658</v>
      </c>
      <c r="E30119" t="s">
        <v>18557</v>
      </c>
      <c r="F30119" t="s">
        <v>18558</v>
      </c>
      <c r="G30119" t="s">
        <v>10734</v>
      </c>
      <c r="H30119" t="s">
        <v>10735</v>
      </c>
      <c r="I30119" s="2">
        <v>0</v>
      </c>
      <c r="J30119" s="2">
        <v>0</v>
      </c>
      <c r="K30119" s="2">
        <v>1</v>
      </c>
      <c r="L30119" t="s">
        <v>995</v>
      </c>
      <c r="M30119" t="s">
        <v>87</v>
      </c>
      <c r="N30119" t="s">
        <v>88</v>
      </c>
      <c r="O30119" t="s">
        <v>85</v>
      </c>
      <c r="P30119" t="s">
        <v>86</v>
      </c>
      <c r="Q30119">
        <v>25</v>
      </c>
      <c r="R30119">
        <v>25</v>
      </c>
      <c r="S30119">
        <v>26</v>
      </c>
      <c r="T30119">
        <v>26</v>
      </c>
      <c r="U30119">
        <v>27</v>
      </c>
      <c r="V30119">
        <v>27</v>
      </c>
      <c r="W30119">
        <v>27</v>
      </c>
      <c r="X30119">
        <v>28</v>
      </c>
      <c r="Y30119">
        <v>28</v>
      </c>
      <c r="Z30119">
        <v>29</v>
      </c>
      <c r="AA30119">
        <v>29</v>
      </c>
      <c r="AB30119">
        <v>30</v>
      </c>
      <c r="AC30119">
        <v>30</v>
      </c>
      <c r="AD30119">
        <v>31</v>
      </c>
      <c r="AE30119">
        <v>31</v>
      </c>
      <c r="AF30119">
        <v>32</v>
      </c>
      <c r="AG30119">
        <v>32</v>
      </c>
      <c r="AH30119">
        <v>33</v>
      </c>
      <c r="AI30119">
        <v>33</v>
      </c>
      <c r="AJ30119">
        <v>34</v>
      </c>
      <c r="AK30119">
        <v>34</v>
      </c>
      <c r="AL30119">
        <v>35</v>
      </c>
      <c r="AM30119">
        <v>36</v>
      </c>
      <c r="AN30119">
        <v>36</v>
      </c>
      <c r="AO30119">
        <v>37</v>
      </c>
      <c r="AP30119">
        <v>37</v>
      </c>
      <c r="AQ30119">
        <v>38</v>
      </c>
    </row>
    <row r="30120" spans="1:43">
      <c r="A30120" t="s">
        <v>18659</v>
      </c>
      <c r="B30120" t="s">
        <v>18660</v>
      </c>
      <c r="C30120" t="s">
        <v>18657</v>
      </c>
      <c r="D30120" t="s">
        <v>18658</v>
      </c>
      <c r="E30120" t="s">
        <v>18557</v>
      </c>
      <c r="F30120" t="s">
        <v>18558</v>
      </c>
      <c r="G30120" t="s">
        <v>10734</v>
      </c>
      <c r="H30120" t="s">
        <v>10735</v>
      </c>
      <c r="I30120" s="2">
        <v>0</v>
      </c>
      <c r="J30120" s="2">
        <v>0</v>
      </c>
      <c r="K30120" s="2">
        <v>1</v>
      </c>
      <c r="L30120" t="s">
        <v>995</v>
      </c>
      <c r="M30120" t="s">
        <v>89</v>
      </c>
      <c r="N30120" t="s">
        <v>90</v>
      </c>
      <c r="O30120" t="s">
        <v>85</v>
      </c>
      <c r="P30120" t="s">
        <v>86</v>
      </c>
      <c r="Q30120">
        <v>25</v>
      </c>
      <c r="R30120">
        <v>26</v>
      </c>
      <c r="S30120">
        <v>27</v>
      </c>
      <c r="T30120">
        <v>28</v>
      </c>
      <c r="U30120">
        <v>29</v>
      </c>
      <c r="V30120">
        <v>30</v>
      </c>
      <c r="W30120">
        <v>31</v>
      </c>
      <c r="X30120">
        <v>32</v>
      </c>
      <c r="Y30120">
        <v>32</v>
      </c>
      <c r="Z30120">
        <v>33</v>
      </c>
      <c r="AA30120">
        <v>34</v>
      </c>
      <c r="AB30120">
        <v>35</v>
      </c>
      <c r="AC30120">
        <v>36</v>
      </c>
      <c r="AD30120">
        <v>37</v>
      </c>
      <c r="AE30120">
        <v>38</v>
      </c>
      <c r="AF30120">
        <v>38</v>
      </c>
      <c r="AG30120">
        <v>39</v>
      </c>
      <c r="AH30120">
        <v>39</v>
      </c>
      <c r="AI30120">
        <v>39</v>
      </c>
      <c r="AJ30120">
        <v>40</v>
      </c>
      <c r="AK30120">
        <v>40</v>
      </c>
      <c r="AL30120">
        <v>41</v>
      </c>
      <c r="AM30120">
        <v>41</v>
      </c>
      <c r="AN30120">
        <v>42</v>
      </c>
      <c r="AO30120">
        <v>42</v>
      </c>
      <c r="AP30120">
        <v>43</v>
      </c>
      <c r="AQ30120">
        <v>43</v>
      </c>
    </row>
    <row r="30121" spans="1:43">
      <c r="A30121" t="s">
        <v>18659</v>
      </c>
      <c r="B30121" t="s">
        <v>18660</v>
      </c>
      <c r="C30121" t="s">
        <v>18657</v>
      </c>
      <c r="D30121" t="s">
        <v>18658</v>
      </c>
      <c r="E30121" t="s">
        <v>18557</v>
      </c>
      <c r="F30121" t="s">
        <v>18558</v>
      </c>
      <c r="G30121" t="s">
        <v>10734</v>
      </c>
      <c r="H30121" t="s">
        <v>10735</v>
      </c>
      <c r="I30121" s="2">
        <v>0</v>
      </c>
      <c r="J30121" s="2">
        <v>0</v>
      </c>
      <c r="K30121" s="2">
        <v>1</v>
      </c>
      <c r="L30121" t="s">
        <v>995</v>
      </c>
      <c r="M30121" t="s">
        <v>83</v>
      </c>
      <c r="N30121" t="s">
        <v>91</v>
      </c>
      <c r="O30121" t="s">
        <v>85</v>
      </c>
      <c r="P30121" t="s">
        <v>86</v>
      </c>
      <c r="Q30121">
        <v>25</v>
      </c>
      <c r="R30121">
        <v>26</v>
      </c>
      <c r="S30121">
        <v>26</v>
      </c>
      <c r="T30121">
        <v>27</v>
      </c>
      <c r="U30121">
        <v>28</v>
      </c>
      <c r="V30121">
        <v>28</v>
      </c>
      <c r="W30121">
        <v>29</v>
      </c>
      <c r="X30121">
        <v>30</v>
      </c>
      <c r="Y30121">
        <v>31</v>
      </c>
      <c r="Z30121">
        <v>31</v>
      </c>
      <c r="AA30121">
        <v>32</v>
      </c>
      <c r="AB30121">
        <v>33</v>
      </c>
      <c r="AC30121">
        <v>34</v>
      </c>
      <c r="AD30121">
        <v>34</v>
      </c>
      <c r="AE30121">
        <v>35</v>
      </c>
      <c r="AF30121">
        <v>36</v>
      </c>
      <c r="AG30121">
        <v>37</v>
      </c>
      <c r="AH30121">
        <v>38</v>
      </c>
      <c r="AI30121">
        <v>38</v>
      </c>
      <c r="AJ30121">
        <v>39</v>
      </c>
      <c r="AK30121">
        <v>40</v>
      </c>
      <c r="AL30121">
        <v>41</v>
      </c>
      <c r="AM30121">
        <v>41</v>
      </c>
      <c r="AN30121">
        <v>42</v>
      </c>
      <c r="AO30121">
        <v>42</v>
      </c>
      <c r="AP30121">
        <v>43</v>
      </c>
      <c r="AQ30121">
        <v>43</v>
      </c>
    </row>
    <row r="30122" spans="1:43">
      <c r="A30122" t="s">
        <v>18661</v>
      </c>
      <c r="B30122" t="s">
        <v>18662</v>
      </c>
      <c r="C30122" t="s">
        <v>18657</v>
      </c>
      <c r="D30122" t="s">
        <v>18658</v>
      </c>
      <c r="E30122" t="s">
        <v>18557</v>
      </c>
      <c r="F30122" t="s">
        <v>18558</v>
      </c>
      <c r="G30122" t="s">
        <v>10734</v>
      </c>
      <c r="H30122" t="s">
        <v>10735</v>
      </c>
      <c r="I30122" s="2">
        <v>0</v>
      </c>
      <c r="J30122" s="2">
        <v>0</v>
      </c>
      <c r="K30122" s="2">
        <v>1</v>
      </c>
      <c r="L30122" t="s">
        <v>995</v>
      </c>
      <c r="M30122" t="s">
        <v>83</v>
      </c>
      <c r="N30122" t="s">
        <v>84</v>
      </c>
      <c r="O30122" t="s">
        <v>85</v>
      </c>
      <c r="P30122" t="s">
        <v>86</v>
      </c>
      <c r="Q30122">
        <v>16</v>
      </c>
      <c r="R30122">
        <v>16</v>
      </c>
      <c r="S30122">
        <v>17</v>
      </c>
      <c r="T30122">
        <v>17</v>
      </c>
      <c r="U30122">
        <v>18</v>
      </c>
      <c r="V30122">
        <v>18</v>
      </c>
      <c r="W30122">
        <v>18</v>
      </c>
      <c r="X30122">
        <v>19</v>
      </c>
      <c r="Y30122">
        <v>19</v>
      </c>
      <c r="Z30122">
        <v>20</v>
      </c>
      <c r="AA30122">
        <v>20</v>
      </c>
      <c r="AB30122">
        <v>21</v>
      </c>
      <c r="AC30122">
        <v>21</v>
      </c>
      <c r="AD30122">
        <v>22</v>
      </c>
      <c r="AE30122">
        <v>22</v>
      </c>
      <c r="AF30122">
        <v>23</v>
      </c>
      <c r="AG30122">
        <v>23</v>
      </c>
      <c r="AH30122">
        <v>24</v>
      </c>
      <c r="AI30122">
        <v>24</v>
      </c>
      <c r="AJ30122">
        <v>25</v>
      </c>
      <c r="AK30122">
        <v>25</v>
      </c>
      <c r="AL30122">
        <v>26</v>
      </c>
      <c r="AM30122">
        <v>26</v>
      </c>
      <c r="AN30122">
        <v>26</v>
      </c>
      <c r="AO30122">
        <v>27</v>
      </c>
      <c r="AP30122">
        <v>27</v>
      </c>
      <c r="AQ30122">
        <v>27</v>
      </c>
    </row>
    <row r="30123" spans="1:43">
      <c r="A30123" t="s">
        <v>18661</v>
      </c>
      <c r="B30123" t="s">
        <v>18662</v>
      </c>
      <c r="C30123" t="s">
        <v>18657</v>
      </c>
      <c r="D30123" t="s">
        <v>18658</v>
      </c>
      <c r="E30123" t="s">
        <v>18557</v>
      </c>
      <c r="F30123" t="s">
        <v>18558</v>
      </c>
      <c r="G30123" t="s">
        <v>10734</v>
      </c>
      <c r="H30123" t="s">
        <v>10735</v>
      </c>
      <c r="I30123" s="2">
        <v>0</v>
      </c>
      <c r="J30123" s="2">
        <v>0</v>
      </c>
      <c r="K30123" s="2">
        <v>1</v>
      </c>
      <c r="L30123" t="s">
        <v>995</v>
      </c>
      <c r="M30123" t="s">
        <v>87</v>
      </c>
      <c r="N30123" t="s">
        <v>88</v>
      </c>
      <c r="O30123" t="s">
        <v>85</v>
      </c>
      <c r="P30123" t="s">
        <v>86</v>
      </c>
      <c r="Q30123">
        <v>16</v>
      </c>
      <c r="R30123">
        <v>16</v>
      </c>
      <c r="S30123">
        <v>16</v>
      </c>
      <c r="T30123">
        <v>17</v>
      </c>
      <c r="U30123">
        <v>17</v>
      </c>
      <c r="V30123">
        <v>17</v>
      </c>
      <c r="W30123">
        <v>17</v>
      </c>
      <c r="X30123">
        <v>18</v>
      </c>
      <c r="Y30123">
        <v>18</v>
      </c>
      <c r="Z30123">
        <v>18</v>
      </c>
      <c r="AA30123">
        <v>19</v>
      </c>
      <c r="AB30123">
        <v>19</v>
      </c>
      <c r="AC30123">
        <v>19</v>
      </c>
      <c r="AD30123">
        <v>19</v>
      </c>
      <c r="AE30123">
        <v>20</v>
      </c>
      <c r="AF30123">
        <v>20</v>
      </c>
      <c r="AG30123">
        <v>20</v>
      </c>
      <c r="AH30123">
        <v>21</v>
      </c>
      <c r="AI30123">
        <v>21</v>
      </c>
      <c r="AJ30123">
        <v>21</v>
      </c>
      <c r="AK30123">
        <v>22</v>
      </c>
      <c r="AL30123">
        <v>22</v>
      </c>
      <c r="AM30123">
        <v>22</v>
      </c>
      <c r="AN30123">
        <v>23</v>
      </c>
      <c r="AO30123">
        <v>23</v>
      </c>
      <c r="AP30123">
        <v>24</v>
      </c>
      <c r="AQ30123">
        <v>24</v>
      </c>
    </row>
    <row r="30124" spans="1:43">
      <c r="A30124" t="s">
        <v>18661</v>
      </c>
      <c r="B30124" t="s">
        <v>18662</v>
      </c>
      <c r="C30124" t="s">
        <v>18657</v>
      </c>
      <c r="D30124" t="s">
        <v>18658</v>
      </c>
      <c r="E30124" t="s">
        <v>18557</v>
      </c>
      <c r="F30124" t="s">
        <v>18558</v>
      </c>
      <c r="G30124" t="s">
        <v>10734</v>
      </c>
      <c r="H30124" t="s">
        <v>10735</v>
      </c>
      <c r="I30124" s="2">
        <v>0</v>
      </c>
      <c r="J30124" s="2">
        <v>0</v>
      </c>
      <c r="K30124" s="2">
        <v>1</v>
      </c>
      <c r="L30124" t="s">
        <v>995</v>
      </c>
      <c r="M30124" t="s">
        <v>89</v>
      </c>
      <c r="N30124" t="s">
        <v>90</v>
      </c>
      <c r="O30124" t="s">
        <v>85</v>
      </c>
      <c r="P30124" t="s">
        <v>86</v>
      </c>
      <c r="Q30124">
        <v>16</v>
      </c>
      <c r="R30124">
        <v>17</v>
      </c>
      <c r="S30124">
        <v>17</v>
      </c>
      <c r="T30124">
        <v>18</v>
      </c>
      <c r="U30124">
        <v>18</v>
      </c>
      <c r="V30124">
        <v>19</v>
      </c>
      <c r="W30124">
        <v>19</v>
      </c>
      <c r="X30124">
        <v>20</v>
      </c>
      <c r="Y30124">
        <v>21</v>
      </c>
      <c r="Z30124">
        <v>21</v>
      </c>
      <c r="AA30124">
        <v>22</v>
      </c>
      <c r="AB30124">
        <v>22</v>
      </c>
      <c r="AC30124">
        <v>23</v>
      </c>
      <c r="AD30124">
        <v>23</v>
      </c>
      <c r="AE30124">
        <v>24</v>
      </c>
      <c r="AF30124">
        <v>24</v>
      </c>
      <c r="AG30124">
        <v>24</v>
      </c>
      <c r="AH30124">
        <v>25</v>
      </c>
      <c r="AI30124">
        <v>25</v>
      </c>
      <c r="AJ30124">
        <v>25</v>
      </c>
      <c r="AK30124">
        <v>26</v>
      </c>
      <c r="AL30124">
        <v>26</v>
      </c>
      <c r="AM30124">
        <v>26</v>
      </c>
      <c r="AN30124">
        <v>27</v>
      </c>
      <c r="AO30124">
        <v>27</v>
      </c>
      <c r="AP30124">
        <v>27</v>
      </c>
      <c r="AQ30124">
        <v>27</v>
      </c>
    </row>
    <row r="30125" spans="1:43">
      <c r="A30125" t="s">
        <v>18661</v>
      </c>
      <c r="B30125" t="s">
        <v>18662</v>
      </c>
      <c r="C30125" t="s">
        <v>18657</v>
      </c>
      <c r="D30125" t="s">
        <v>18658</v>
      </c>
      <c r="E30125" t="s">
        <v>18557</v>
      </c>
      <c r="F30125" t="s">
        <v>18558</v>
      </c>
      <c r="G30125" t="s">
        <v>10734</v>
      </c>
      <c r="H30125" t="s">
        <v>10735</v>
      </c>
      <c r="I30125" s="2">
        <v>0</v>
      </c>
      <c r="J30125" s="2">
        <v>0</v>
      </c>
      <c r="K30125" s="2">
        <v>1</v>
      </c>
      <c r="L30125" t="s">
        <v>995</v>
      </c>
      <c r="M30125" t="s">
        <v>83</v>
      </c>
      <c r="N30125" t="s">
        <v>91</v>
      </c>
      <c r="O30125" t="s">
        <v>85</v>
      </c>
      <c r="P30125" t="s">
        <v>86</v>
      </c>
      <c r="Q30125">
        <v>16</v>
      </c>
      <c r="R30125">
        <v>16</v>
      </c>
      <c r="S30125">
        <v>17</v>
      </c>
      <c r="T30125">
        <v>17</v>
      </c>
      <c r="U30125">
        <v>18</v>
      </c>
      <c r="V30125">
        <v>18</v>
      </c>
      <c r="W30125">
        <v>18</v>
      </c>
      <c r="X30125">
        <v>19</v>
      </c>
      <c r="Y30125">
        <v>19</v>
      </c>
      <c r="Z30125">
        <v>20</v>
      </c>
      <c r="AA30125">
        <v>20</v>
      </c>
      <c r="AB30125">
        <v>21</v>
      </c>
      <c r="AC30125">
        <v>21</v>
      </c>
      <c r="AD30125">
        <v>22</v>
      </c>
      <c r="AE30125">
        <v>22</v>
      </c>
      <c r="AF30125">
        <v>23</v>
      </c>
      <c r="AG30125">
        <v>23</v>
      </c>
      <c r="AH30125">
        <v>24</v>
      </c>
      <c r="AI30125">
        <v>24</v>
      </c>
      <c r="AJ30125">
        <v>25</v>
      </c>
      <c r="AK30125">
        <v>25</v>
      </c>
      <c r="AL30125">
        <v>26</v>
      </c>
      <c r="AM30125">
        <v>26</v>
      </c>
      <c r="AN30125">
        <v>26</v>
      </c>
      <c r="AO30125">
        <v>27</v>
      </c>
      <c r="AP30125">
        <v>27</v>
      </c>
      <c r="AQ30125">
        <v>27</v>
      </c>
    </row>
    <row r="30126" spans="1:43">
      <c r="A30126" t="s">
        <v>18663</v>
      </c>
      <c r="B30126" t="s">
        <v>18664</v>
      </c>
      <c r="C30126" t="s">
        <v>18577</v>
      </c>
      <c r="D30126" t="s">
        <v>18578</v>
      </c>
      <c r="E30126" t="s">
        <v>18557</v>
      </c>
      <c r="F30126" t="s">
        <v>18558</v>
      </c>
      <c r="G30126" t="s">
        <v>10734</v>
      </c>
      <c r="H30126" t="s">
        <v>10735</v>
      </c>
      <c r="I30126" s="2">
        <v>0</v>
      </c>
      <c r="J30126" s="2">
        <v>0</v>
      </c>
      <c r="K30126" s="2">
        <v>1</v>
      </c>
      <c r="L30126" t="s">
        <v>995</v>
      </c>
      <c r="M30126" t="s">
        <v>83</v>
      </c>
      <c r="N30126" t="s">
        <v>84</v>
      </c>
      <c r="O30126" t="s">
        <v>85</v>
      </c>
      <c r="P30126" t="s">
        <v>86</v>
      </c>
      <c r="Q30126">
        <v>91</v>
      </c>
      <c r="R30126">
        <v>93</v>
      </c>
      <c r="S30126">
        <v>95</v>
      </c>
      <c r="T30126">
        <v>98</v>
      </c>
      <c r="U30126">
        <v>100</v>
      </c>
      <c r="V30126">
        <v>103</v>
      </c>
      <c r="W30126">
        <v>106</v>
      </c>
      <c r="X30126">
        <v>108</v>
      </c>
      <c r="Y30126">
        <v>111</v>
      </c>
      <c r="Z30126">
        <v>113</v>
      </c>
      <c r="AA30126">
        <v>116</v>
      </c>
      <c r="AB30126">
        <v>119</v>
      </c>
      <c r="AC30126">
        <v>122</v>
      </c>
      <c r="AD30126">
        <v>124</v>
      </c>
      <c r="AE30126">
        <v>127</v>
      </c>
      <c r="AF30126">
        <v>130</v>
      </c>
      <c r="AG30126">
        <v>133</v>
      </c>
      <c r="AH30126">
        <v>136</v>
      </c>
      <c r="AI30126">
        <v>139</v>
      </c>
      <c r="AJ30126">
        <v>142</v>
      </c>
      <c r="AK30126">
        <v>145</v>
      </c>
      <c r="AL30126">
        <v>147</v>
      </c>
      <c r="AM30126">
        <v>149</v>
      </c>
      <c r="AN30126">
        <v>151</v>
      </c>
      <c r="AO30126">
        <v>153</v>
      </c>
      <c r="AP30126">
        <v>154</v>
      </c>
      <c r="AQ30126">
        <v>156</v>
      </c>
    </row>
    <row r="30127" spans="1:43">
      <c r="A30127" t="s">
        <v>18663</v>
      </c>
      <c r="B30127" t="s">
        <v>18664</v>
      </c>
      <c r="C30127" t="s">
        <v>18577</v>
      </c>
      <c r="D30127" t="s">
        <v>18578</v>
      </c>
      <c r="E30127" t="s">
        <v>18557</v>
      </c>
      <c r="F30127" t="s">
        <v>18558</v>
      </c>
      <c r="G30127" t="s">
        <v>10734</v>
      </c>
      <c r="H30127" t="s">
        <v>10735</v>
      </c>
      <c r="I30127" s="2">
        <v>0</v>
      </c>
      <c r="J30127" s="2">
        <v>0</v>
      </c>
      <c r="K30127" s="2">
        <v>1</v>
      </c>
      <c r="L30127" t="s">
        <v>995</v>
      </c>
      <c r="M30127" t="s">
        <v>87</v>
      </c>
      <c r="N30127" t="s">
        <v>88</v>
      </c>
      <c r="O30127" t="s">
        <v>85</v>
      </c>
      <c r="P30127" t="s">
        <v>86</v>
      </c>
      <c r="Q30127">
        <v>91</v>
      </c>
      <c r="R30127">
        <v>92</v>
      </c>
      <c r="S30127">
        <v>94</v>
      </c>
      <c r="T30127">
        <v>95</v>
      </c>
      <c r="U30127">
        <v>97</v>
      </c>
      <c r="V30127">
        <v>99</v>
      </c>
      <c r="W30127">
        <v>100</v>
      </c>
      <c r="X30127">
        <v>102</v>
      </c>
      <c r="Y30127">
        <v>103</v>
      </c>
      <c r="Z30127">
        <v>105</v>
      </c>
      <c r="AA30127">
        <v>107</v>
      </c>
      <c r="AB30127">
        <v>108</v>
      </c>
      <c r="AC30127">
        <v>110</v>
      </c>
      <c r="AD30127">
        <v>112</v>
      </c>
      <c r="AE30127">
        <v>114</v>
      </c>
      <c r="AF30127">
        <v>116</v>
      </c>
      <c r="AG30127">
        <v>117</v>
      </c>
      <c r="AH30127">
        <v>119</v>
      </c>
      <c r="AI30127">
        <v>121</v>
      </c>
      <c r="AJ30127">
        <v>123</v>
      </c>
      <c r="AK30127">
        <v>125</v>
      </c>
      <c r="AL30127">
        <v>127</v>
      </c>
      <c r="AM30127">
        <v>129</v>
      </c>
      <c r="AN30127">
        <v>131</v>
      </c>
      <c r="AO30127">
        <v>133</v>
      </c>
      <c r="AP30127">
        <v>135</v>
      </c>
      <c r="AQ30127">
        <v>137</v>
      </c>
    </row>
    <row r="30128" spans="1:43">
      <c r="A30128" t="s">
        <v>18663</v>
      </c>
      <c r="B30128" t="s">
        <v>18664</v>
      </c>
      <c r="C30128" t="s">
        <v>18577</v>
      </c>
      <c r="D30128" t="s">
        <v>18578</v>
      </c>
      <c r="E30128" t="s">
        <v>18557</v>
      </c>
      <c r="F30128" t="s">
        <v>18558</v>
      </c>
      <c r="G30128" t="s">
        <v>10734</v>
      </c>
      <c r="H30128" t="s">
        <v>10735</v>
      </c>
      <c r="I30128" s="2">
        <v>0</v>
      </c>
      <c r="J30128" s="2">
        <v>0</v>
      </c>
      <c r="K30128" s="2">
        <v>1</v>
      </c>
      <c r="L30128" t="s">
        <v>995</v>
      </c>
      <c r="M30128" t="s">
        <v>89</v>
      </c>
      <c r="N30128" t="s">
        <v>90</v>
      </c>
      <c r="O30128" t="s">
        <v>85</v>
      </c>
      <c r="P30128" t="s">
        <v>86</v>
      </c>
      <c r="Q30128">
        <v>91</v>
      </c>
      <c r="R30128">
        <v>94</v>
      </c>
      <c r="S30128">
        <v>97</v>
      </c>
      <c r="T30128">
        <v>100</v>
      </c>
      <c r="U30128">
        <v>103</v>
      </c>
      <c r="V30128">
        <v>107</v>
      </c>
      <c r="W30128">
        <v>110</v>
      </c>
      <c r="X30128">
        <v>113</v>
      </c>
      <c r="Y30128">
        <v>116</v>
      </c>
      <c r="Z30128">
        <v>119</v>
      </c>
      <c r="AA30128">
        <v>123</v>
      </c>
      <c r="AB30128">
        <v>126</v>
      </c>
      <c r="AC30128">
        <v>129</v>
      </c>
      <c r="AD30128">
        <v>132</v>
      </c>
      <c r="AE30128">
        <v>135</v>
      </c>
      <c r="AF30128">
        <v>137</v>
      </c>
      <c r="AG30128">
        <v>138</v>
      </c>
      <c r="AH30128">
        <v>140</v>
      </c>
      <c r="AI30128">
        <v>142</v>
      </c>
      <c r="AJ30128">
        <v>144</v>
      </c>
      <c r="AK30128">
        <v>145</v>
      </c>
      <c r="AL30128">
        <v>147</v>
      </c>
      <c r="AM30128">
        <v>149</v>
      </c>
      <c r="AN30128">
        <v>151</v>
      </c>
      <c r="AO30128">
        <v>152</v>
      </c>
      <c r="AP30128">
        <v>154</v>
      </c>
      <c r="AQ30128">
        <v>156</v>
      </c>
    </row>
    <row r="30129" spans="1:43">
      <c r="A30129" t="s">
        <v>18663</v>
      </c>
      <c r="B30129" t="s">
        <v>18664</v>
      </c>
      <c r="C30129" t="s">
        <v>18577</v>
      </c>
      <c r="D30129" t="s">
        <v>18578</v>
      </c>
      <c r="E30129" t="s">
        <v>18557</v>
      </c>
      <c r="F30129" t="s">
        <v>18558</v>
      </c>
      <c r="G30129" t="s">
        <v>10734</v>
      </c>
      <c r="H30129" t="s">
        <v>10735</v>
      </c>
      <c r="I30129" s="2">
        <v>0</v>
      </c>
      <c r="J30129" s="2">
        <v>0</v>
      </c>
      <c r="K30129" s="2">
        <v>1</v>
      </c>
      <c r="L30129" t="s">
        <v>995</v>
      </c>
      <c r="M30129" t="s">
        <v>83</v>
      </c>
      <c r="N30129" t="s">
        <v>91</v>
      </c>
      <c r="O30129" t="s">
        <v>85</v>
      </c>
      <c r="P30129" t="s">
        <v>86</v>
      </c>
      <c r="Q30129">
        <v>91</v>
      </c>
      <c r="R30129">
        <v>93</v>
      </c>
      <c r="S30129">
        <v>95</v>
      </c>
      <c r="T30129">
        <v>98</v>
      </c>
      <c r="U30129">
        <v>100</v>
      </c>
      <c r="V30129">
        <v>103</v>
      </c>
      <c r="W30129">
        <v>106</v>
      </c>
      <c r="X30129">
        <v>108</v>
      </c>
      <c r="Y30129">
        <v>111</v>
      </c>
      <c r="Z30129">
        <v>113</v>
      </c>
      <c r="AA30129">
        <v>116</v>
      </c>
      <c r="AB30129">
        <v>119</v>
      </c>
      <c r="AC30129">
        <v>122</v>
      </c>
      <c r="AD30129">
        <v>124</v>
      </c>
      <c r="AE30129">
        <v>127</v>
      </c>
      <c r="AF30129">
        <v>130</v>
      </c>
      <c r="AG30129">
        <v>133</v>
      </c>
      <c r="AH30129">
        <v>136</v>
      </c>
      <c r="AI30129">
        <v>139</v>
      </c>
      <c r="AJ30129">
        <v>142</v>
      </c>
      <c r="AK30129">
        <v>145</v>
      </c>
      <c r="AL30129">
        <v>147</v>
      </c>
      <c r="AM30129">
        <v>149</v>
      </c>
      <c r="AN30129">
        <v>151</v>
      </c>
      <c r="AO30129">
        <v>153</v>
      </c>
      <c r="AP30129">
        <v>154</v>
      </c>
      <c r="AQ30129">
        <v>156</v>
      </c>
    </row>
    <row r="30130" spans="1:43">
      <c r="A30130" t="s">
        <v>18665</v>
      </c>
      <c r="B30130" t="s">
        <v>18666</v>
      </c>
      <c r="C30130" t="s">
        <v>18667</v>
      </c>
      <c r="D30130" t="s">
        <v>18668</v>
      </c>
      <c r="E30130" t="s">
        <v>18557</v>
      </c>
      <c r="F30130" t="s">
        <v>18558</v>
      </c>
      <c r="G30130" t="s">
        <v>10734</v>
      </c>
      <c r="H30130" t="s">
        <v>10735</v>
      </c>
      <c r="I30130" s="2">
        <v>0</v>
      </c>
      <c r="J30130" s="2">
        <v>1</v>
      </c>
      <c r="K30130" s="2">
        <v>0</v>
      </c>
      <c r="L30130" t="s">
        <v>82</v>
      </c>
      <c r="M30130" t="s">
        <v>83</v>
      </c>
      <c r="N30130" t="s">
        <v>84</v>
      </c>
      <c r="O30130" t="s">
        <v>85</v>
      </c>
      <c r="P30130" t="s">
        <v>86</v>
      </c>
      <c r="Q30130">
        <v>92</v>
      </c>
      <c r="R30130">
        <v>94</v>
      </c>
      <c r="S30130">
        <v>97</v>
      </c>
      <c r="T30130">
        <v>99</v>
      </c>
      <c r="U30130">
        <v>102</v>
      </c>
      <c r="V30130">
        <v>104</v>
      </c>
      <c r="W30130">
        <v>107</v>
      </c>
      <c r="X30130">
        <v>109</v>
      </c>
      <c r="Y30130">
        <v>112</v>
      </c>
      <c r="Z30130">
        <v>115</v>
      </c>
      <c r="AA30130">
        <v>118</v>
      </c>
      <c r="AB30130">
        <v>120</v>
      </c>
      <c r="AC30130">
        <v>123</v>
      </c>
      <c r="AD30130">
        <v>126</v>
      </c>
      <c r="AE30130">
        <v>129</v>
      </c>
      <c r="AF30130">
        <v>132</v>
      </c>
      <c r="AG30130">
        <v>135</v>
      </c>
      <c r="AH30130">
        <v>138</v>
      </c>
      <c r="AI30130">
        <v>141</v>
      </c>
      <c r="AJ30130">
        <v>144</v>
      </c>
      <c r="AK30130">
        <v>147</v>
      </c>
      <c r="AL30130">
        <v>149</v>
      </c>
      <c r="AM30130">
        <v>151</v>
      </c>
      <c r="AN30130">
        <v>153</v>
      </c>
      <c r="AO30130">
        <v>155</v>
      </c>
      <c r="AP30130">
        <v>156</v>
      </c>
      <c r="AQ30130">
        <v>158</v>
      </c>
    </row>
    <row r="30131" spans="1:43">
      <c r="A30131" t="s">
        <v>18665</v>
      </c>
      <c r="B30131" t="s">
        <v>18666</v>
      </c>
      <c r="C30131" t="s">
        <v>18667</v>
      </c>
      <c r="D30131" t="s">
        <v>18668</v>
      </c>
      <c r="E30131" t="s">
        <v>18557</v>
      </c>
      <c r="F30131" t="s">
        <v>18558</v>
      </c>
      <c r="G30131" t="s">
        <v>10734</v>
      </c>
      <c r="H30131" t="s">
        <v>10735</v>
      </c>
      <c r="I30131" s="2">
        <v>0</v>
      </c>
      <c r="J30131" s="2">
        <v>1</v>
      </c>
      <c r="K30131" s="2">
        <v>0</v>
      </c>
      <c r="L30131" t="s">
        <v>82</v>
      </c>
      <c r="M30131" t="s">
        <v>87</v>
      </c>
      <c r="N30131" t="s">
        <v>88</v>
      </c>
      <c r="O30131" t="s">
        <v>85</v>
      </c>
      <c r="P30131" t="s">
        <v>86</v>
      </c>
      <c r="Q30131">
        <v>92</v>
      </c>
      <c r="R30131">
        <v>93</v>
      </c>
      <c r="S30131">
        <v>95</v>
      </c>
      <c r="T30131">
        <v>97</v>
      </c>
      <c r="U30131">
        <v>98</v>
      </c>
      <c r="V30131">
        <v>100</v>
      </c>
      <c r="W30131">
        <v>101</v>
      </c>
      <c r="X30131">
        <v>103</v>
      </c>
      <c r="Y30131">
        <v>105</v>
      </c>
      <c r="Z30131">
        <v>106</v>
      </c>
      <c r="AA30131">
        <v>108</v>
      </c>
      <c r="AB30131">
        <v>110</v>
      </c>
      <c r="AC30131">
        <v>112</v>
      </c>
      <c r="AD30131">
        <v>113</v>
      </c>
      <c r="AE30131">
        <v>115</v>
      </c>
      <c r="AF30131">
        <v>117</v>
      </c>
      <c r="AG30131">
        <v>119</v>
      </c>
      <c r="AH30131">
        <v>121</v>
      </c>
      <c r="AI30131">
        <v>123</v>
      </c>
      <c r="AJ30131">
        <v>125</v>
      </c>
      <c r="AK30131">
        <v>127</v>
      </c>
      <c r="AL30131">
        <v>129</v>
      </c>
      <c r="AM30131">
        <v>131</v>
      </c>
      <c r="AN30131">
        <v>133</v>
      </c>
      <c r="AO30131">
        <v>135</v>
      </c>
      <c r="AP30131">
        <v>137</v>
      </c>
      <c r="AQ30131">
        <v>139</v>
      </c>
    </row>
    <row r="30132" spans="1:43">
      <c r="A30132" t="s">
        <v>18665</v>
      </c>
      <c r="B30132" t="s">
        <v>18666</v>
      </c>
      <c r="C30132" t="s">
        <v>18667</v>
      </c>
      <c r="D30132" t="s">
        <v>18668</v>
      </c>
      <c r="E30132" t="s">
        <v>18557</v>
      </c>
      <c r="F30132" t="s">
        <v>18558</v>
      </c>
      <c r="G30132" t="s">
        <v>10734</v>
      </c>
      <c r="H30132" t="s">
        <v>10735</v>
      </c>
      <c r="I30132" s="2">
        <v>0</v>
      </c>
      <c r="J30132" s="2">
        <v>1</v>
      </c>
      <c r="K30132" s="2">
        <v>0</v>
      </c>
      <c r="L30132" t="s">
        <v>82</v>
      </c>
      <c r="M30132" t="s">
        <v>89</v>
      </c>
      <c r="N30132" t="s">
        <v>90</v>
      </c>
      <c r="O30132" t="s">
        <v>85</v>
      </c>
      <c r="P30132" t="s">
        <v>86</v>
      </c>
      <c r="Q30132">
        <v>92</v>
      </c>
      <c r="R30132">
        <v>95</v>
      </c>
      <c r="S30132">
        <v>98</v>
      </c>
      <c r="T30132">
        <v>101</v>
      </c>
      <c r="U30132">
        <v>105</v>
      </c>
      <c r="V30132">
        <v>108</v>
      </c>
      <c r="W30132">
        <v>111</v>
      </c>
      <c r="X30132">
        <v>114</v>
      </c>
      <c r="Y30132">
        <v>118</v>
      </c>
      <c r="Z30132">
        <v>121</v>
      </c>
      <c r="AA30132">
        <v>124</v>
      </c>
      <c r="AB30132">
        <v>127</v>
      </c>
      <c r="AC30132">
        <v>131</v>
      </c>
      <c r="AD30132">
        <v>134</v>
      </c>
      <c r="AE30132">
        <v>137</v>
      </c>
      <c r="AF30132">
        <v>139</v>
      </c>
      <c r="AG30132">
        <v>140</v>
      </c>
      <c r="AH30132">
        <v>142</v>
      </c>
      <c r="AI30132">
        <v>144</v>
      </c>
      <c r="AJ30132">
        <v>145</v>
      </c>
      <c r="AK30132">
        <v>147</v>
      </c>
      <c r="AL30132">
        <v>149</v>
      </c>
      <c r="AM30132">
        <v>151</v>
      </c>
      <c r="AN30132">
        <v>153</v>
      </c>
      <c r="AO30132">
        <v>154</v>
      </c>
      <c r="AP30132">
        <v>156</v>
      </c>
      <c r="AQ30132">
        <v>158</v>
      </c>
    </row>
    <row r="30133" spans="1:43">
      <c r="A30133" t="s">
        <v>18665</v>
      </c>
      <c r="B30133" t="s">
        <v>18666</v>
      </c>
      <c r="C30133" t="s">
        <v>18667</v>
      </c>
      <c r="D30133" t="s">
        <v>18668</v>
      </c>
      <c r="E30133" t="s">
        <v>18557</v>
      </c>
      <c r="F30133" t="s">
        <v>18558</v>
      </c>
      <c r="G30133" t="s">
        <v>10734</v>
      </c>
      <c r="H30133" t="s">
        <v>10735</v>
      </c>
      <c r="I30133" s="2">
        <v>0</v>
      </c>
      <c r="J30133" s="2">
        <v>1</v>
      </c>
      <c r="K30133" s="2">
        <v>0</v>
      </c>
      <c r="L30133" t="s">
        <v>82</v>
      </c>
      <c r="M30133" t="s">
        <v>83</v>
      </c>
      <c r="N30133" t="s">
        <v>91</v>
      </c>
      <c r="O30133" t="s">
        <v>85</v>
      </c>
      <c r="P30133" t="s">
        <v>86</v>
      </c>
      <c r="Q30133">
        <v>92</v>
      </c>
      <c r="R30133">
        <v>94</v>
      </c>
      <c r="S30133">
        <v>97</v>
      </c>
      <c r="T30133">
        <v>99</v>
      </c>
      <c r="U30133">
        <v>102</v>
      </c>
      <c r="V30133">
        <v>104</v>
      </c>
      <c r="W30133">
        <v>107</v>
      </c>
      <c r="X30133">
        <v>109</v>
      </c>
      <c r="Y30133">
        <v>112</v>
      </c>
      <c r="Z30133">
        <v>115</v>
      </c>
      <c r="AA30133">
        <v>118</v>
      </c>
      <c r="AB30133">
        <v>120</v>
      </c>
      <c r="AC30133">
        <v>123</v>
      </c>
      <c r="AD30133">
        <v>126</v>
      </c>
      <c r="AE30133">
        <v>129</v>
      </c>
      <c r="AF30133">
        <v>132</v>
      </c>
      <c r="AG30133">
        <v>135</v>
      </c>
      <c r="AH30133">
        <v>138</v>
      </c>
      <c r="AI30133">
        <v>141</v>
      </c>
      <c r="AJ30133">
        <v>144</v>
      </c>
      <c r="AK30133">
        <v>147</v>
      </c>
      <c r="AL30133">
        <v>149</v>
      </c>
      <c r="AM30133">
        <v>151</v>
      </c>
      <c r="AN30133">
        <v>153</v>
      </c>
      <c r="AO30133">
        <v>155</v>
      </c>
      <c r="AP30133">
        <v>156</v>
      </c>
      <c r="AQ30133">
        <v>158</v>
      </c>
    </row>
    <row r="30134" spans="1:43">
      <c r="A30134" t="s">
        <v>18669</v>
      </c>
      <c r="B30134" t="s">
        <v>18670</v>
      </c>
      <c r="C30134" t="s">
        <v>18667</v>
      </c>
      <c r="D30134" t="s">
        <v>18668</v>
      </c>
      <c r="E30134" t="s">
        <v>18557</v>
      </c>
      <c r="F30134" t="s">
        <v>18558</v>
      </c>
      <c r="G30134" t="s">
        <v>10734</v>
      </c>
      <c r="H30134" t="s">
        <v>10735</v>
      </c>
      <c r="I30134" s="2">
        <v>0</v>
      </c>
      <c r="J30134" s="2">
        <v>1</v>
      </c>
      <c r="K30134" s="2">
        <v>0</v>
      </c>
      <c r="L30134" t="s">
        <v>82</v>
      </c>
      <c r="M30134" t="s">
        <v>83</v>
      </c>
      <c r="N30134" t="s">
        <v>84</v>
      </c>
      <c r="O30134" t="s">
        <v>85</v>
      </c>
      <c r="P30134" t="s">
        <v>86</v>
      </c>
      <c r="Q30134">
        <v>20</v>
      </c>
      <c r="R30134">
        <v>21</v>
      </c>
      <c r="S30134">
        <v>21</v>
      </c>
      <c r="T30134">
        <v>22</v>
      </c>
      <c r="U30134">
        <v>22</v>
      </c>
      <c r="V30134">
        <v>23</v>
      </c>
      <c r="W30134">
        <v>23</v>
      </c>
      <c r="X30134">
        <v>24</v>
      </c>
      <c r="Y30134">
        <v>24</v>
      </c>
      <c r="Z30134">
        <v>25</v>
      </c>
      <c r="AA30134">
        <v>26</v>
      </c>
      <c r="AB30134">
        <v>26</v>
      </c>
      <c r="AC30134">
        <v>27</v>
      </c>
      <c r="AD30134">
        <v>27</v>
      </c>
      <c r="AE30134">
        <v>28</v>
      </c>
      <c r="AF30134">
        <v>29</v>
      </c>
      <c r="AG30134">
        <v>29</v>
      </c>
      <c r="AH30134">
        <v>30</v>
      </c>
      <c r="AI30134">
        <v>31</v>
      </c>
      <c r="AJ30134">
        <v>31</v>
      </c>
      <c r="AK30134">
        <v>32</v>
      </c>
      <c r="AL30134">
        <v>33</v>
      </c>
      <c r="AM30134">
        <v>33</v>
      </c>
      <c r="AN30134">
        <v>33</v>
      </c>
      <c r="AO30134">
        <v>34</v>
      </c>
      <c r="AP30134">
        <v>34</v>
      </c>
      <c r="AQ30134">
        <v>35</v>
      </c>
    </row>
    <row r="30135" spans="1:43">
      <c r="A30135" t="s">
        <v>18669</v>
      </c>
      <c r="B30135" t="s">
        <v>18670</v>
      </c>
      <c r="C30135" t="s">
        <v>18667</v>
      </c>
      <c r="D30135" t="s">
        <v>18668</v>
      </c>
      <c r="E30135" t="s">
        <v>18557</v>
      </c>
      <c r="F30135" t="s">
        <v>18558</v>
      </c>
      <c r="G30135" t="s">
        <v>10734</v>
      </c>
      <c r="H30135" t="s">
        <v>10735</v>
      </c>
      <c r="I30135" s="2">
        <v>0</v>
      </c>
      <c r="J30135" s="2">
        <v>1</v>
      </c>
      <c r="K30135" s="2">
        <v>0</v>
      </c>
      <c r="L30135" t="s">
        <v>82</v>
      </c>
      <c r="M30135" t="s">
        <v>87</v>
      </c>
      <c r="N30135" t="s">
        <v>88</v>
      </c>
      <c r="O30135" t="s">
        <v>85</v>
      </c>
      <c r="P30135" t="s">
        <v>86</v>
      </c>
      <c r="Q30135">
        <v>20</v>
      </c>
      <c r="R30135">
        <v>20</v>
      </c>
      <c r="S30135">
        <v>21</v>
      </c>
      <c r="T30135">
        <v>21</v>
      </c>
      <c r="U30135">
        <v>21</v>
      </c>
      <c r="V30135">
        <v>22</v>
      </c>
      <c r="W30135">
        <v>22</v>
      </c>
      <c r="X30135">
        <v>22</v>
      </c>
      <c r="Y30135">
        <v>23</v>
      </c>
      <c r="Z30135">
        <v>23</v>
      </c>
      <c r="AA30135">
        <v>23</v>
      </c>
      <c r="AB30135">
        <v>24</v>
      </c>
      <c r="AC30135">
        <v>24</v>
      </c>
      <c r="AD30135">
        <v>25</v>
      </c>
      <c r="AE30135">
        <v>25</v>
      </c>
      <c r="AF30135">
        <v>25</v>
      </c>
      <c r="AG30135">
        <v>26</v>
      </c>
      <c r="AH30135">
        <v>26</v>
      </c>
      <c r="AI30135">
        <v>27</v>
      </c>
      <c r="AJ30135">
        <v>27</v>
      </c>
      <c r="AK30135">
        <v>27</v>
      </c>
      <c r="AL30135">
        <v>28</v>
      </c>
      <c r="AM30135">
        <v>28</v>
      </c>
      <c r="AN30135">
        <v>29</v>
      </c>
      <c r="AO30135">
        <v>29</v>
      </c>
      <c r="AP30135">
        <v>30</v>
      </c>
      <c r="AQ30135">
        <v>30</v>
      </c>
    </row>
    <row r="30136" spans="1:43">
      <c r="A30136" t="s">
        <v>18669</v>
      </c>
      <c r="B30136" t="s">
        <v>18670</v>
      </c>
      <c r="C30136" t="s">
        <v>18667</v>
      </c>
      <c r="D30136" t="s">
        <v>18668</v>
      </c>
      <c r="E30136" t="s">
        <v>18557</v>
      </c>
      <c r="F30136" t="s">
        <v>18558</v>
      </c>
      <c r="G30136" t="s">
        <v>10734</v>
      </c>
      <c r="H30136" t="s">
        <v>10735</v>
      </c>
      <c r="I30136" s="2">
        <v>0</v>
      </c>
      <c r="J30136" s="2">
        <v>1</v>
      </c>
      <c r="K30136" s="2">
        <v>0</v>
      </c>
      <c r="L30136" t="s">
        <v>82</v>
      </c>
      <c r="M30136" t="s">
        <v>89</v>
      </c>
      <c r="N30136" t="s">
        <v>90</v>
      </c>
      <c r="O30136" t="s">
        <v>85</v>
      </c>
      <c r="P30136" t="s">
        <v>86</v>
      </c>
      <c r="Q30136">
        <v>20</v>
      </c>
      <c r="R30136">
        <v>21</v>
      </c>
      <c r="S30136">
        <v>22</v>
      </c>
      <c r="T30136">
        <v>22</v>
      </c>
      <c r="U30136">
        <v>23</v>
      </c>
      <c r="V30136">
        <v>24</v>
      </c>
      <c r="W30136">
        <v>25</v>
      </c>
      <c r="X30136">
        <v>25</v>
      </c>
      <c r="Y30136">
        <v>26</v>
      </c>
      <c r="Z30136">
        <v>27</v>
      </c>
      <c r="AA30136">
        <v>27</v>
      </c>
      <c r="AB30136">
        <v>28</v>
      </c>
      <c r="AC30136">
        <v>29</v>
      </c>
      <c r="AD30136">
        <v>29</v>
      </c>
      <c r="AE30136">
        <v>30</v>
      </c>
      <c r="AF30136">
        <v>30</v>
      </c>
      <c r="AG30136">
        <v>31</v>
      </c>
      <c r="AH30136">
        <v>31</v>
      </c>
      <c r="AI30136">
        <v>32</v>
      </c>
      <c r="AJ30136">
        <v>32</v>
      </c>
      <c r="AK30136">
        <v>32</v>
      </c>
      <c r="AL30136">
        <v>33</v>
      </c>
      <c r="AM30136">
        <v>33</v>
      </c>
      <c r="AN30136">
        <v>34</v>
      </c>
      <c r="AO30136">
        <v>34</v>
      </c>
      <c r="AP30136">
        <v>34</v>
      </c>
      <c r="AQ30136">
        <v>35</v>
      </c>
    </row>
    <row r="30137" spans="1:43">
      <c r="A30137" t="s">
        <v>18669</v>
      </c>
      <c r="B30137" t="s">
        <v>18670</v>
      </c>
      <c r="C30137" t="s">
        <v>18667</v>
      </c>
      <c r="D30137" t="s">
        <v>18668</v>
      </c>
      <c r="E30137" t="s">
        <v>18557</v>
      </c>
      <c r="F30137" t="s">
        <v>18558</v>
      </c>
      <c r="G30137" t="s">
        <v>10734</v>
      </c>
      <c r="H30137" t="s">
        <v>10735</v>
      </c>
      <c r="I30137" s="2">
        <v>0</v>
      </c>
      <c r="J30137" s="2">
        <v>1</v>
      </c>
      <c r="K30137" s="2">
        <v>0</v>
      </c>
      <c r="L30137" t="s">
        <v>82</v>
      </c>
      <c r="M30137" t="s">
        <v>83</v>
      </c>
      <c r="N30137" t="s">
        <v>91</v>
      </c>
      <c r="O30137" t="s">
        <v>85</v>
      </c>
      <c r="P30137" t="s">
        <v>86</v>
      </c>
      <c r="Q30137">
        <v>20</v>
      </c>
      <c r="R30137">
        <v>21</v>
      </c>
      <c r="S30137">
        <v>21</v>
      </c>
      <c r="T30137">
        <v>22</v>
      </c>
      <c r="U30137">
        <v>22</v>
      </c>
      <c r="V30137">
        <v>23</v>
      </c>
      <c r="W30137">
        <v>23</v>
      </c>
      <c r="X30137">
        <v>24</v>
      </c>
      <c r="Y30137">
        <v>24</v>
      </c>
      <c r="Z30137">
        <v>25</v>
      </c>
      <c r="AA30137">
        <v>26</v>
      </c>
      <c r="AB30137">
        <v>26</v>
      </c>
      <c r="AC30137">
        <v>27</v>
      </c>
      <c r="AD30137">
        <v>27</v>
      </c>
      <c r="AE30137">
        <v>28</v>
      </c>
      <c r="AF30137">
        <v>29</v>
      </c>
      <c r="AG30137">
        <v>29</v>
      </c>
      <c r="AH30137">
        <v>30</v>
      </c>
      <c r="AI30137">
        <v>31</v>
      </c>
      <c r="AJ30137">
        <v>31</v>
      </c>
      <c r="AK30137">
        <v>32</v>
      </c>
      <c r="AL30137">
        <v>33</v>
      </c>
      <c r="AM30137">
        <v>33</v>
      </c>
      <c r="AN30137">
        <v>33</v>
      </c>
      <c r="AO30137">
        <v>34</v>
      </c>
      <c r="AP30137">
        <v>34</v>
      </c>
      <c r="AQ30137">
        <v>35</v>
      </c>
    </row>
    <row r="30138" spans="1:43">
      <c r="A30138" t="s">
        <v>18671</v>
      </c>
      <c r="B30138" t="s">
        <v>18672</v>
      </c>
      <c r="C30138" t="s">
        <v>18667</v>
      </c>
      <c r="D30138" t="s">
        <v>18668</v>
      </c>
      <c r="E30138" t="s">
        <v>18557</v>
      </c>
      <c r="F30138" t="s">
        <v>18558</v>
      </c>
      <c r="G30138" t="s">
        <v>10734</v>
      </c>
      <c r="H30138" t="s">
        <v>10735</v>
      </c>
      <c r="I30138" s="2">
        <v>0</v>
      </c>
      <c r="J30138" s="2">
        <v>1</v>
      </c>
      <c r="K30138" s="2">
        <v>0</v>
      </c>
      <c r="L30138" t="s">
        <v>82</v>
      </c>
      <c r="M30138" t="s">
        <v>83</v>
      </c>
      <c r="N30138" t="s">
        <v>84</v>
      </c>
      <c r="O30138" t="s">
        <v>85</v>
      </c>
      <c r="P30138" t="s">
        <v>86</v>
      </c>
      <c r="Q30138">
        <v>281</v>
      </c>
      <c r="R30138">
        <v>288</v>
      </c>
      <c r="S30138">
        <v>296</v>
      </c>
      <c r="T30138">
        <v>303</v>
      </c>
      <c r="U30138">
        <v>311</v>
      </c>
      <c r="V30138">
        <v>318</v>
      </c>
      <c r="W30138">
        <v>326</v>
      </c>
      <c r="X30138">
        <v>334</v>
      </c>
      <c r="Y30138">
        <v>342</v>
      </c>
      <c r="Z30138">
        <v>350</v>
      </c>
      <c r="AA30138">
        <v>359</v>
      </c>
      <c r="AB30138">
        <v>367</v>
      </c>
      <c r="AC30138">
        <v>375</v>
      </c>
      <c r="AD30138">
        <v>384</v>
      </c>
      <c r="AE30138">
        <v>392</v>
      </c>
      <c r="AF30138">
        <v>401</v>
      </c>
      <c r="AG30138">
        <v>410</v>
      </c>
      <c r="AH30138">
        <v>419</v>
      </c>
      <c r="AI30138">
        <v>428</v>
      </c>
      <c r="AJ30138">
        <v>437</v>
      </c>
      <c r="AK30138">
        <v>447</v>
      </c>
      <c r="AL30138">
        <v>454</v>
      </c>
      <c r="AM30138">
        <v>459</v>
      </c>
      <c r="AN30138">
        <v>465</v>
      </c>
      <c r="AO30138">
        <v>470</v>
      </c>
      <c r="AP30138">
        <v>476</v>
      </c>
      <c r="AQ30138">
        <v>482</v>
      </c>
    </row>
    <row r="30139" spans="1:43">
      <c r="A30139" t="s">
        <v>18671</v>
      </c>
      <c r="B30139" t="s">
        <v>18672</v>
      </c>
      <c r="C30139" t="s">
        <v>18667</v>
      </c>
      <c r="D30139" t="s">
        <v>18668</v>
      </c>
      <c r="E30139" t="s">
        <v>18557</v>
      </c>
      <c r="F30139" t="s">
        <v>18558</v>
      </c>
      <c r="G30139" t="s">
        <v>10734</v>
      </c>
      <c r="H30139" t="s">
        <v>10735</v>
      </c>
      <c r="I30139" s="2">
        <v>0</v>
      </c>
      <c r="J30139" s="2">
        <v>1</v>
      </c>
      <c r="K30139" s="2">
        <v>0</v>
      </c>
      <c r="L30139" t="s">
        <v>82</v>
      </c>
      <c r="M30139" t="s">
        <v>87</v>
      </c>
      <c r="N30139" t="s">
        <v>88</v>
      </c>
      <c r="O30139" t="s">
        <v>85</v>
      </c>
      <c r="P30139" t="s">
        <v>86</v>
      </c>
      <c r="Q30139">
        <v>281</v>
      </c>
      <c r="R30139">
        <v>286</v>
      </c>
      <c r="S30139">
        <v>291</v>
      </c>
      <c r="T30139">
        <v>295</v>
      </c>
      <c r="U30139">
        <v>300</v>
      </c>
      <c r="V30139">
        <v>305</v>
      </c>
      <c r="W30139">
        <v>310</v>
      </c>
      <c r="X30139">
        <v>314</v>
      </c>
      <c r="Y30139">
        <v>319</v>
      </c>
      <c r="Z30139">
        <v>324</v>
      </c>
      <c r="AA30139">
        <v>330</v>
      </c>
      <c r="AB30139">
        <v>335</v>
      </c>
      <c r="AC30139">
        <v>340</v>
      </c>
      <c r="AD30139">
        <v>345</v>
      </c>
      <c r="AE30139">
        <v>351</v>
      </c>
      <c r="AF30139">
        <v>356</v>
      </c>
      <c r="AG30139">
        <v>362</v>
      </c>
      <c r="AH30139">
        <v>367</v>
      </c>
      <c r="AI30139">
        <v>373</v>
      </c>
      <c r="AJ30139">
        <v>379</v>
      </c>
      <c r="AK30139">
        <v>385</v>
      </c>
      <c r="AL30139">
        <v>391</v>
      </c>
      <c r="AM30139">
        <v>397</v>
      </c>
      <c r="AN30139">
        <v>403</v>
      </c>
      <c r="AO30139">
        <v>409</v>
      </c>
      <c r="AP30139">
        <v>415</v>
      </c>
      <c r="AQ30139">
        <v>422</v>
      </c>
    </row>
    <row r="30140" spans="1:43">
      <c r="A30140" t="s">
        <v>18671</v>
      </c>
      <c r="B30140" t="s">
        <v>18672</v>
      </c>
      <c r="C30140" t="s">
        <v>18667</v>
      </c>
      <c r="D30140" t="s">
        <v>18668</v>
      </c>
      <c r="E30140" t="s">
        <v>18557</v>
      </c>
      <c r="F30140" t="s">
        <v>18558</v>
      </c>
      <c r="G30140" t="s">
        <v>10734</v>
      </c>
      <c r="H30140" t="s">
        <v>10735</v>
      </c>
      <c r="I30140" s="2">
        <v>0</v>
      </c>
      <c r="J30140" s="2">
        <v>1</v>
      </c>
      <c r="K30140" s="2">
        <v>0</v>
      </c>
      <c r="L30140" t="s">
        <v>82</v>
      </c>
      <c r="M30140" t="s">
        <v>89</v>
      </c>
      <c r="N30140" t="s">
        <v>90</v>
      </c>
      <c r="O30140" t="s">
        <v>85</v>
      </c>
      <c r="P30140" t="s">
        <v>86</v>
      </c>
      <c r="Q30140">
        <v>281</v>
      </c>
      <c r="R30140">
        <v>290</v>
      </c>
      <c r="S30140">
        <v>300</v>
      </c>
      <c r="T30140">
        <v>310</v>
      </c>
      <c r="U30140">
        <v>320</v>
      </c>
      <c r="V30140">
        <v>330</v>
      </c>
      <c r="W30140">
        <v>340</v>
      </c>
      <c r="X30140">
        <v>350</v>
      </c>
      <c r="Y30140">
        <v>359</v>
      </c>
      <c r="Z30140">
        <v>369</v>
      </c>
      <c r="AA30140">
        <v>379</v>
      </c>
      <c r="AB30140">
        <v>388</v>
      </c>
      <c r="AC30140">
        <v>399</v>
      </c>
      <c r="AD30140">
        <v>409</v>
      </c>
      <c r="AE30140">
        <v>417</v>
      </c>
      <c r="AF30140">
        <v>423</v>
      </c>
      <c r="AG30140">
        <v>428</v>
      </c>
      <c r="AH30140">
        <v>433</v>
      </c>
      <c r="AI30140">
        <v>438</v>
      </c>
      <c r="AJ30140">
        <v>444</v>
      </c>
      <c r="AK30140">
        <v>449</v>
      </c>
      <c r="AL30140">
        <v>454</v>
      </c>
      <c r="AM30140">
        <v>460</v>
      </c>
      <c r="AN30140">
        <v>465</v>
      </c>
      <c r="AO30140">
        <v>471</v>
      </c>
      <c r="AP30140">
        <v>476</v>
      </c>
      <c r="AQ30140">
        <v>482</v>
      </c>
    </row>
    <row r="30141" spans="1:43">
      <c r="A30141" t="s">
        <v>18671</v>
      </c>
      <c r="B30141" t="s">
        <v>18672</v>
      </c>
      <c r="C30141" t="s">
        <v>18667</v>
      </c>
      <c r="D30141" t="s">
        <v>18668</v>
      </c>
      <c r="E30141" t="s">
        <v>18557</v>
      </c>
      <c r="F30141" t="s">
        <v>18558</v>
      </c>
      <c r="G30141" t="s">
        <v>10734</v>
      </c>
      <c r="H30141" t="s">
        <v>10735</v>
      </c>
      <c r="I30141" s="2">
        <v>0</v>
      </c>
      <c r="J30141" s="2">
        <v>1</v>
      </c>
      <c r="K30141" s="2">
        <v>0</v>
      </c>
      <c r="L30141" t="s">
        <v>82</v>
      </c>
      <c r="M30141" t="s">
        <v>83</v>
      </c>
      <c r="N30141" t="s">
        <v>91</v>
      </c>
      <c r="O30141" t="s">
        <v>85</v>
      </c>
      <c r="P30141" t="s">
        <v>86</v>
      </c>
      <c r="Q30141">
        <v>281</v>
      </c>
      <c r="R30141">
        <v>288</v>
      </c>
      <c r="S30141">
        <v>296</v>
      </c>
      <c r="T30141">
        <v>303</v>
      </c>
      <c r="U30141">
        <v>311</v>
      </c>
      <c r="V30141">
        <v>318</v>
      </c>
      <c r="W30141">
        <v>326</v>
      </c>
      <c r="X30141">
        <v>334</v>
      </c>
      <c r="Y30141">
        <v>342</v>
      </c>
      <c r="Z30141">
        <v>350</v>
      </c>
      <c r="AA30141">
        <v>359</v>
      </c>
      <c r="AB30141">
        <v>367</v>
      </c>
      <c r="AC30141">
        <v>375</v>
      </c>
      <c r="AD30141">
        <v>384</v>
      </c>
      <c r="AE30141">
        <v>392</v>
      </c>
      <c r="AF30141">
        <v>401</v>
      </c>
      <c r="AG30141">
        <v>410</v>
      </c>
      <c r="AH30141">
        <v>419</v>
      </c>
      <c r="AI30141">
        <v>428</v>
      </c>
      <c r="AJ30141">
        <v>437</v>
      </c>
      <c r="AK30141">
        <v>447</v>
      </c>
      <c r="AL30141">
        <v>454</v>
      </c>
      <c r="AM30141">
        <v>459</v>
      </c>
      <c r="AN30141">
        <v>465</v>
      </c>
      <c r="AO30141">
        <v>470</v>
      </c>
      <c r="AP30141">
        <v>476</v>
      </c>
      <c r="AQ30141">
        <v>482</v>
      </c>
    </row>
    <row r="30142" spans="1:43">
      <c r="A30142" t="s">
        <v>18673</v>
      </c>
      <c r="B30142" t="s">
        <v>18674</v>
      </c>
      <c r="C30142" t="s">
        <v>18667</v>
      </c>
      <c r="D30142" t="s">
        <v>18668</v>
      </c>
      <c r="E30142" t="s">
        <v>18557</v>
      </c>
      <c r="F30142" t="s">
        <v>18558</v>
      </c>
      <c r="G30142" t="s">
        <v>10734</v>
      </c>
      <c r="H30142" t="s">
        <v>10735</v>
      </c>
      <c r="I30142" s="2">
        <v>0</v>
      </c>
      <c r="J30142" s="2">
        <v>1</v>
      </c>
      <c r="K30142" s="2">
        <v>0</v>
      </c>
      <c r="L30142" t="s">
        <v>82</v>
      </c>
      <c r="M30142" t="s">
        <v>83</v>
      </c>
      <c r="N30142" t="s">
        <v>84</v>
      </c>
      <c r="O30142" t="s">
        <v>85</v>
      </c>
      <c r="P30142" t="s">
        <v>86</v>
      </c>
      <c r="Q30142">
        <v>22</v>
      </c>
      <c r="R30142">
        <v>22</v>
      </c>
      <c r="S30142">
        <v>23</v>
      </c>
      <c r="T30142">
        <v>23</v>
      </c>
      <c r="U30142">
        <v>24</v>
      </c>
      <c r="V30142">
        <v>25</v>
      </c>
      <c r="W30142">
        <v>25</v>
      </c>
      <c r="X30142">
        <v>26</v>
      </c>
      <c r="Y30142">
        <v>26</v>
      </c>
      <c r="Z30142">
        <v>27</v>
      </c>
      <c r="AA30142">
        <v>28</v>
      </c>
      <c r="AB30142">
        <v>28</v>
      </c>
      <c r="AC30142">
        <v>29</v>
      </c>
      <c r="AD30142">
        <v>30</v>
      </c>
      <c r="AE30142">
        <v>30</v>
      </c>
      <c r="AF30142">
        <v>31</v>
      </c>
      <c r="AG30142">
        <v>32</v>
      </c>
      <c r="AH30142">
        <v>32</v>
      </c>
      <c r="AI30142">
        <v>33</v>
      </c>
      <c r="AJ30142">
        <v>34</v>
      </c>
      <c r="AK30142">
        <v>35</v>
      </c>
      <c r="AL30142">
        <v>35</v>
      </c>
      <c r="AM30142">
        <v>36</v>
      </c>
      <c r="AN30142">
        <v>36</v>
      </c>
      <c r="AO30142">
        <v>37</v>
      </c>
      <c r="AP30142">
        <v>37</v>
      </c>
      <c r="AQ30142">
        <v>37</v>
      </c>
    </row>
    <row r="30143" spans="1:43">
      <c r="A30143" t="s">
        <v>18673</v>
      </c>
      <c r="B30143" t="s">
        <v>18674</v>
      </c>
      <c r="C30143" t="s">
        <v>18667</v>
      </c>
      <c r="D30143" t="s">
        <v>18668</v>
      </c>
      <c r="E30143" t="s">
        <v>18557</v>
      </c>
      <c r="F30143" t="s">
        <v>18558</v>
      </c>
      <c r="G30143" t="s">
        <v>10734</v>
      </c>
      <c r="H30143" t="s">
        <v>10735</v>
      </c>
      <c r="I30143" s="2">
        <v>0</v>
      </c>
      <c r="J30143" s="2">
        <v>1</v>
      </c>
      <c r="K30143" s="2">
        <v>0</v>
      </c>
      <c r="L30143" t="s">
        <v>82</v>
      </c>
      <c r="M30143" t="s">
        <v>87</v>
      </c>
      <c r="N30143" t="s">
        <v>88</v>
      </c>
      <c r="O30143" t="s">
        <v>85</v>
      </c>
      <c r="P30143" t="s">
        <v>86</v>
      </c>
      <c r="Q30143">
        <v>22</v>
      </c>
      <c r="R30143">
        <v>23</v>
      </c>
      <c r="S30143">
        <v>23</v>
      </c>
      <c r="T30143">
        <v>24</v>
      </c>
      <c r="U30143">
        <v>24</v>
      </c>
      <c r="V30143">
        <v>24</v>
      </c>
      <c r="W30143">
        <v>25</v>
      </c>
      <c r="X30143">
        <v>25</v>
      </c>
      <c r="Y30143">
        <v>25</v>
      </c>
      <c r="Z30143">
        <v>26</v>
      </c>
      <c r="AA30143">
        <v>26</v>
      </c>
      <c r="AB30143">
        <v>27</v>
      </c>
      <c r="AC30143">
        <v>27</v>
      </c>
      <c r="AD30143">
        <v>27</v>
      </c>
      <c r="AE30143">
        <v>28</v>
      </c>
      <c r="AF30143">
        <v>28</v>
      </c>
      <c r="AG30143">
        <v>29</v>
      </c>
      <c r="AH30143">
        <v>29</v>
      </c>
      <c r="AI30143">
        <v>30</v>
      </c>
      <c r="AJ30143">
        <v>30</v>
      </c>
      <c r="AK30143">
        <v>31</v>
      </c>
      <c r="AL30143">
        <v>31</v>
      </c>
      <c r="AM30143">
        <v>31</v>
      </c>
      <c r="AN30143">
        <v>32</v>
      </c>
      <c r="AO30143">
        <v>32</v>
      </c>
      <c r="AP30143">
        <v>33</v>
      </c>
      <c r="AQ30143">
        <v>33</v>
      </c>
    </row>
    <row r="30144" spans="1:43">
      <c r="A30144" t="s">
        <v>18673</v>
      </c>
      <c r="B30144" t="s">
        <v>18674</v>
      </c>
      <c r="C30144" t="s">
        <v>18667</v>
      </c>
      <c r="D30144" t="s">
        <v>18668</v>
      </c>
      <c r="E30144" t="s">
        <v>18557</v>
      </c>
      <c r="F30144" t="s">
        <v>18558</v>
      </c>
      <c r="G30144" t="s">
        <v>10734</v>
      </c>
      <c r="H30144" t="s">
        <v>10735</v>
      </c>
      <c r="I30144" s="2">
        <v>0</v>
      </c>
      <c r="J30144" s="2">
        <v>1</v>
      </c>
      <c r="K30144" s="2">
        <v>0</v>
      </c>
      <c r="L30144" t="s">
        <v>82</v>
      </c>
      <c r="M30144" t="s">
        <v>89</v>
      </c>
      <c r="N30144" t="s">
        <v>90</v>
      </c>
      <c r="O30144" t="s">
        <v>85</v>
      </c>
      <c r="P30144" t="s">
        <v>86</v>
      </c>
      <c r="Q30144">
        <v>22</v>
      </c>
      <c r="R30144">
        <v>23</v>
      </c>
      <c r="S30144">
        <v>23</v>
      </c>
      <c r="T30144">
        <v>24</v>
      </c>
      <c r="U30144">
        <v>25</v>
      </c>
      <c r="V30144">
        <v>26</v>
      </c>
      <c r="W30144">
        <v>26</v>
      </c>
      <c r="X30144">
        <v>27</v>
      </c>
      <c r="Y30144">
        <v>28</v>
      </c>
      <c r="Z30144">
        <v>29</v>
      </c>
      <c r="AA30144">
        <v>30</v>
      </c>
      <c r="AB30144">
        <v>30</v>
      </c>
      <c r="AC30144">
        <v>31</v>
      </c>
      <c r="AD30144">
        <v>32</v>
      </c>
      <c r="AE30144">
        <v>33</v>
      </c>
      <c r="AF30144">
        <v>33</v>
      </c>
      <c r="AG30144">
        <v>33</v>
      </c>
      <c r="AH30144">
        <v>34</v>
      </c>
      <c r="AI30144">
        <v>34</v>
      </c>
      <c r="AJ30144">
        <v>35</v>
      </c>
      <c r="AK30144">
        <v>35</v>
      </c>
      <c r="AL30144">
        <v>35</v>
      </c>
      <c r="AM30144">
        <v>36</v>
      </c>
      <c r="AN30144">
        <v>36</v>
      </c>
      <c r="AO30144">
        <v>37</v>
      </c>
      <c r="AP30144">
        <v>37</v>
      </c>
      <c r="AQ30144">
        <v>38</v>
      </c>
    </row>
    <row r="30145" spans="1:43">
      <c r="A30145" t="s">
        <v>18673</v>
      </c>
      <c r="B30145" t="s">
        <v>18674</v>
      </c>
      <c r="C30145" t="s">
        <v>18667</v>
      </c>
      <c r="D30145" t="s">
        <v>18668</v>
      </c>
      <c r="E30145" t="s">
        <v>18557</v>
      </c>
      <c r="F30145" t="s">
        <v>18558</v>
      </c>
      <c r="G30145" t="s">
        <v>10734</v>
      </c>
      <c r="H30145" t="s">
        <v>10735</v>
      </c>
      <c r="I30145" s="2">
        <v>0</v>
      </c>
      <c r="J30145" s="2">
        <v>1</v>
      </c>
      <c r="K30145" s="2">
        <v>0</v>
      </c>
      <c r="L30145" t="s">
        <v>82</v>
      </c>
      <c r="M30145" t="s">
        <v>83</v>
      </c>
      <c r="N30145" t="s">
        <v>91</v>
      </c>
      <c r="O30145" t="s">
        <v>85</v>
      </c>
      <c r="P30145" t="s">
        <v>86</v>
      </c>
      <c r="Q30145">
        <v>22</v>
      </c>
      <c r="R30145">
        <v>22</v>
      </c>
      <c r="S30145">
        <v>23</v>
      </c>
      <c r="T30145">
        <v>23</v>
      </c>
      <c r="U30145">
        <v>24</v>
      </c>
      <c r="V30145">
        <v>25</v>
      </c>
      <c r="W30145">
        <v>25</v>
      </c>
      <c r="X30145">
        <v>26</v>
      </c>
      <c r="Y30145">
        <v>26</v>
      </c>
      <c r="Z30145">
        <v>27</v>
      </c>
      <c r="AA30145">
        <v>28</v>
      </c>
      <c r="AB30145">
        <v>28</v>
      </c>
      <c r="AC30145">
        <v>29</v>
      </c>
      <c r="AD30145">
        <v>30</v>
      </c>
      <c r="AE30145">
        <v>30</v>
      </c>
      <c r="AF30145">
        <v>31</v>
      </c>
      <c r="AG30145">
        <v>32</v>
      </c>
      <c r="AH30145">
        <v>32</v>
      </c>
      <c r="AI30145">
        <v>33</v>
      </c>
      <c r="AJ30145">
        <v>34</v>
      </c>
      <c r="AK30145">
        <v>35</v>
      </c>
      <c r="AL30145">
        <v>35</v>
      </c>
      <c r="AM30145">
        <v>36</v>
      </c>
      <c r="AN30145">
        <v>36</v>
      </c>
      <c r="AO30145">
        <v>37</v>
      </c>
      <c r="AP30145">
        <v>37</v>
      </c>
      <c r="AQ30145">
        <v>37</v>
      </c>
    </row>
    <row r="30146" spans="1:43">
      <c r="A30146" t="s">
        <v>18675</v>
      </c>
      <c r="B30146" t="s">
        <v>18676</v>
      </c>
      <c r="C30146" t="s">
        <v>18667</v>
      </c>
      <c r="D30146" t="s">
        <v>18668</v>
      </c>
      <c r="E30146" t="s">
        <v>18557</v>
      </c>
      <c r="F30146" t="s">
        <v>18558</v>
      </c>
      <c r="G30146" t="s">
        <v>10734</v>
      </c>
      <c r="H30146" t="s">
        <v>10735</v>
      </c>
      <c r="I30146" s="2">
        <v>0</v>
      </c>
      <c r="J30146" s="2">
        <v>1</v>
      </c>
      <c r="K30146" s="2">
        <v>0</v>
      </c>
      <c r="L30146" t="s">
        <v>82</v>
      </c>
      <c r="M30146" t="s">
        <v>83</v>
      </c>
      <c r="N30146" t="s">
        <v>84</v>
      </c>
      <c r="O30146" t="s">
        <v>85</v>
      </c>
      <c r="P30146" t="s">
        <v>86</v>
      </c>
      <c r="Q30146">
        <v>49</v>
      </c>
      <c r="R30146">
        <v>50</v>
      </c>
      <c r="S30146">
        <v>51</v>
      </c>
      <c r="T30146">
        <v>52</v>
      </c>
      <c r="U30146">
        <v>54</v>
      </c>
      <c r="V30146">
        <v>55</v>
      </c>
      <c r="W30146">
        <v>57</v>
      </c>
      <c r="X30146">
        <v>58</v>
      </c>
      <c r="Y30146">
        <v>59</v>
      </c>
      <c r="Z30146">
        <v>61</v>
      </c>
      <c r="AA30146">
        <v>62</v>
      </c>
      <c r="AB30146">
        <v>64</v>
      </c>
      <c r="AC30146">
        <v>65</v>
      </c>
      <c r="AD30146">
        <v>67</v>
      </c>
      <c r="AE30146">
        <v>68</v>
      </c>
      <c r="AF30146">
        <v>70</v>
      </c>
      <c r="AG30146">
        <v>71</v>
      </c>
      <c r="AH30146">
        <v>73</v>
      </c>
      <c r="AI30146">
        <v>74</v>
      </c>
      <c r="AJ30146">
        <v>76</v>
      </c>
      <c r="AK30146">
        <v>78</v>
      </c>
      <c r="AL30146">
        <v>79</v>
      </c>
      <c r="AM30146">
        <v>80</v>
      </c>
      <c r="AN30146">
        <v>81</v>
      </c>
      <c r="AO30146">
        <v>82</v>
      </c>
      <c r="AP30146">
        <v>83</v>
      </c>
      <c r="AQ30146">
        <v>84</v>
      </c>
    </row>
    <row r="30147" spans="1:43">
      <c r="A30147" t="s">
        <v>18675</v>
      </c>
      <c r="B30147" t="s">
        <v>18676</v>
      </c>
      <c r="C30147" t="s">
        <v>18667</v>
      </c>
      <c r="D30147" t="s">
        <v>18668</v>
      </c>
      <c r="E30147" t="s">
        <v>18557</v>
      </c>
      <c r="F30147" t="s">
        <v>18558</v>
      </c>
      <c r="G30147" t="s">
        <v>10734</v>
      </c>
      <c r="H30147" t="s">
        <v>10735</v>
      </c>
      <c r="I30147" s="2">
        <v>0</v>
      </c>
      <c r="J30147" s="2">
        <v>1</v>
      </c>
      <c r="K30147" s="2">
        <v>0</v>
      </c>
      <c r="L30147" t="s">
        <v>82</v>
      </c>
      <c r="M30147" t="s">
        <v>87</v>
      </c>
      <c r="N30147" t="s">
        <v>88</v>
      </c>
      <c r="O30147" t="s">
        <v>85</v>
      </c>
      <c r="P30147" t="s">
        <v>86</v>
      </c>
      <c r="Q30147">
        <v>49</v>
      </c>
      <c r="R30147">
        <v>50</v>
      </c>
      <c r="S30147">
        <v>51</v>
      </c>
      <c r="T30147">
        <v>52</v>
      </c>
      <c r="U30147">
        <v>52</v>
      </c>
      <c r="V30147">
        <v>53</v>
      </c>
      <c r="W30147">
        <v>54</v>
      </c>
      <c r="X30147">
        <v>55</v>
      </c>
      <c r="Y30147">
        <v>56</v>
      </c>
      <c r="Z30147">
        <v>57</v>
      </c>
      <c r="AA30147">
        <v>58</v>
      </c>
      <c r="AB30147">
        <v>59</v>
      </c>
      <c r="AC30147">
        <v>59</v>
      </c>
      <c r="AD30147">
        <v>60</v>
      </c>
      <c r="AE30147">
        <v>61</v>
      </c>
      <c r="AF30147">
        <v>62</v>
      </c>
      <c r="AG30147">
        <v>63</v>
      </c>
      <c r="AH30147">
        <v>64</v>
      </c>
      <c r="AI30147">
        <v>65</v>
      </c>
      <c r="AJ30147">
        <v>66</v>
      </c>
      <c r="AK30147">
        <v>67</v>
      </c>
      <c r="AL30147">
        <v>68</v>
      </c>
      <c r="AM30147">
        <v>69</v>
      </c>
      <c r="AN30147">
        <v>71</v>
      </c>
      <c r="AO30147">
        <v>72</v>
      </c>
      <c r="AP30147">
        <v>73</v>
      </c>
      <c r="AQ30147">
        <v>74</v>
      </c>
    </row>
    <row r="30148" spans="1:43">
      <c r="A30148" t="s">
        <v>18675</v>
      </c>
      <c r="B30148" t="s">
        <v>18676</v>
      </c>
      <c r="C30148" t="s">
        <v>18667</v>
      </c>
      <c r="D30148" t="s">
        <v>18668</v>
      </c>
      <c r="E30148" t="s">
        <v>18557</v>
      </c>
      <c r="F30148" t="s">
        <v>18558</v>
      </c>
      <c r="G30148" t="s">
        <v>10734</v>
      </c>
      <c r="H30148" t="s">
        <v>10735</v>
      </c>
      <c r="I30148" s="2">
        <v>0</v>
      </c>
      <c r="J30148" s="2">
        <v>1</v>
      </c>
      <c r="K30148" s="2">
        <v>0</v>
      </c>
      <c r="L30148" t="s">
        <v>82</v>
      </c>
      <c r="M30148" t="s">
        <v>89</v>
      </c>
      <c r="N30148" t="s">
        <v>90</v>
      </c>
      <c r="O30148" t="s">
        <v>85</v>
      </c>
      <c r="P30148" t="s">
        <v>86</v>
      </c>
      <c r="Q30148">
        <v>49</v>
      </c>
      <c r="R30148">
        <v>51</v>
      </c>
      <c r="S30148">
        <v>53</v>
      </c>
      <c r="T30148">
        <v>54</v>
      </c>
      <c r="U30148">
        <v>56</v>
      </c>
      <c r="V30148">
        <v>58</v>
      </c>
      <c r="W30148">
        <v>59</v>
      </c>
      <c r="X30148">
        <v>61</v>
      </c>
      <c r="Y30148">
        <v>63</v>
      </c>
      <c r="Z30148">
        <v>64</v>
      </c>
      <c r="AA30148">
        <v>66</v>
      </c>
      <c r="AB30148">
        <v>68</v>
      </c>
      <c r="AC30148">
        <v>70</v>
      </c>
      <c r="AD30148">
        <v>71</v>
      </c>
      <c r="AE30148">
        <v>73</v>
      </c>
      <c r="AF30148">
        <v>74</v>
      </c>
      <c r="AG30148">
        <v>75</v>
      </c>
      <c r="AH30148">
        <v>76</v>
      </c>
      <c r="AI30148">
        <v>77</v>
      </c>
      <c r="AJ30148">
        <v>77</v>
      </c>
      <c r="AK30148">
        <v>78</v>
      </c>
      <c r="AL30148">
        <v>79</v>
      </c>
      <c r="AM30148">
        <v>80</v>
      </c>
      <c r="AN30148">
        <v>81</v>
      </c>
      <c r="AO30148">
        <v>82</v>
      </c>
      <c r="AP30148">
        <v>83</v>
      </c>
      <c r="AQ30148">
        <v>84</v>
      </c>
    </row>
    <row r="30149" spans="1:43">
      <c r="A30149" t="s">
        <v>18675</v>
      </c>
      <c r="B30149" t="s">
        <v>18676</v>
      </c>
      <c r="C30149" t="s">
        <v>18667</v>
      </c>
      <c r="D30149" t="s">
        <v>18668</v>
      </c>
      <c r="E30149" t="s">
        <v>18557</v>
      </c>
      <c r="F30149" t="s">
        <v>18558</v>
      </c>
      <c r="G30149" t="s">
        <v>10734</v>
      </c>
      <c r="H30149" t="s">
        <v>10735</v>
      </c>
      <c r="I30149" s="2">
        <v>0</v>
      </c>
      <c r="J30149" s="2">
        <v>1</v>
      </c>
      <c r="K30149" s="2">
        <v>0</v>
      </c>
      <c r="L30149" t="s">
        <v>82</v>
      </c>
      <c r="M30149" t="s">
        <v>83</v>
      </c>
      <c r="N30149" t="s">
        <v>91</v>
      </c>
      <c r="O30149" t="s">
        <v>85</v>
      </c>
      <c r="P30149" t="s">
        <v>86</v>
      </c>
      <c r="Q30149">
        <v>49</v>
      </c>
      <c r="R30149">
        <v>50</v>
      </c>
      <c r="S30149">
        <v>51</v>
      </c>
      <c r="T30149">
        <v>52</v>
      </c>
      <c r="U30149">
        <v>54</v>
      </c>
      <c r="V30149">
        <v>55</v>
      </c>
      <c r="W30149">
        <v>57</v>
      </c>
      <c r="X30149">
        <v>58</v>
      </c>
      <c r="Y30149">
        <v>59</v>
      </c>
      <c r="Z30149">
        <v>61</v>
      </c>
      <c r="AA30149">
        <v>62</v>
      </c>
      <c r="AB30149">
        <v>64</v>
      </c>
      <c r="AC30149">
        <v>65</v>
      </c>
      <c r="AD30149">
        <v>67</v>
      </c>
      <c r="AE30149">
        <v>68</v>
      </c>
      <c r="AF30149">
        <v>70</v>
      </c>
      <c r="AG30149">
        <v>71</v>
      </c>
      <c r="AH30149">
        <v>73</v>
      </c>
      <c r="AI30149">
        <v>74</v>
      </c>
      <c r="AJ30149">
        <v>76</v>
      </c>
      <c r="AK30149">
        <v>78</v>
      </c>
      <c r="AL30149">
        <v>79</v>
      </c>
      <c r="AM30149">
        <v>80</v>
      </c>
      <c r="AN30149">
        <v>81</v>
      </c>
      <c r="AO30149">
        <v>82</v>
      </c>
      <c r="AP30149">
        <v>83</v>
      </c>
      <c r="AQ30149">
        <v>84</v>
      </c>
    </row>
    <row r="30150" spans="1:43">
      <c r="A30150" t="s">
        <v>18677</v>
      </c>
      <c r="B30150" t="s">
        <v>18678</v>
      </c>
      <c r="C30150" t="s">
        <v>18667</v>
      </c>
      <c r="D30150" t="s">
        <v>18668</v>
      </c>
      <c r="E30150" t="s">
        <v>18557</v>
      </c>
      <c r="F30150" t="s">
        <v>18558</v>
      </c>
      <c r="G30150" t="s">
        <v>10734</v>
      </c>
      <c r="H30150" t="s">
        <v>10735</v>
      </c>
      <c r="I30150" s="2">
        <v>0</v>
      </c>
      <c r="J30150" s="2">
        <v>1</v>
      </c>
      <c r="K30150" s="2">
        <v>0</v>
      </c>
      <c r="L30150" t="s">
        <v>82</v>
      </c>
      <c r="M30150" t="s">
        <v>83</v>
      </c>
      <c r="N30150" t="s">
        <v>84</v>
      </c>
      <c r="O30150" t="s">
        <v>85</v>
      </c>
      <c r="P30150" t="s">
        <v>86</v>
      </c>
      <c r="Q30150">
        <v>51</v>
      </c>
      <c r="R30150">
        <v>52</v>
      </c>
      <c r="S30150">
        <v>53</v>
      </c>
      <c r="T30150">
        <v>55</v>
      </c>
      <c r="U30150">
        <v>56</v>
      </c>
      <c r="V30150">
        <v>58</v>
      </c>
      <c r="W30150">
        <v>59</v>
      </c>
      <c r="X30150">
        <v>60</v>
      </c>
      <c r="Y30150">
        <v>62</v>
      </c>
      <c r="Z30150">
        <v>63</v>
      </c>
      <c r="AA30150">
        <v>65</v>
      </c>
      <c r="AB30150">
        <v>66</v>
      </c>
      <c r="AC30150">
        <v>68</v>
      </c>
      <c r="AD30150">
        <v>70</v>
      </c>
      <c r="AE30150">
        <v>71</v>
      </c>
      <c r="AF30150">
        <v>73</v>
      </c>
      <c r="AG30150">
        <v>74</v>
      </c>
      <c r="AH30150">
        <v>76</v>
      </c>
      <c r="AI30150">
        <v>78</v>
      </c>
      <c r="AJ30150">
        <v>79</v>
      </c>
      <c r="AK30150">
        <v>81</v>
      </c>
      <c r="AL30150">
        <v>82</v>
      </c>
      <c r="AM30150">
        <v>83</v>
      </c>
      <c r="AN30150">
        <v>84</v>
      </c>
      <c r="AO30150">
        <v>85</v>
      </c>
      <c r="AP30150">
        <v>86</v>
      </c>
      <c r="AQ30150">
        <v>87</v>
      </c>
    </row>
    <row r="30151" spans="1:43">
      <c r="A30151" t="s">
        <v>18677</v>
      </c>
      <c r="B30151" t="s">
        <v>18678</v>
      </c>
      <c r="C30151" t="s">
        <v>18667</v>
      </c>
      <c r="D30151" t="s">
        <v>18668</v>
      </c>
      <c r="E30151" t="s">
        <v>18557</v>
      </c>
      <c r="F30151" t="s">
        <v>18558</v>
      </c>
      <c r="G30151" t="s">
        <v>10734</v>
      </c>
      <c r="H30151" t="s">
        <v>10735</v>
      </c>
      <c r="I30151" s="2">
        <v>0</v>
      </c>
      <c r="J30151" s="2">
        <v>1</v>
      </c>
      <c r="K30151" s="2">
        <v>0</v>
      </c>
      <c r="L30151" t="s">
        <v>82</v>
      </c>
      <c r="M30151" t="s">
        <v>87</v>
      </c>
      <c r="N30151" t="s">
        <v>88</v>
      </c>
      <c r="O30151" t="s">
        <v>85</v>
      </c>
      <c r="P30151" t="s">
        <v>86</v>
      </c>
      <c r="Q30151">
        <v>51</v>
      </c>
      <c r="R30151">
        <v>52</v>
      </c>
      <c r="S30151">
        <v>53</v>
      </c>
      <c r="T30151">
        <v>54</v>
      </c>
      <c r="U30151">
        <v>55</v>
      </c>
      <c r="V30151">
        <v>56</v>
      </c>
      <c r="W30151">
        <v>56</v>
      </c>
      <c r="X30151">
        <v>57</v>
      </c>
      <c r="Y30151">
        <v>58</v>
      </c>
      <c r="Z30151">
        <v>59</v>
      </c>
      <c r="AA30151">
        <v>60</v>
      </c>
      <c r="AB30151">
        <v>61</v>
      </c>
      <c r="AC30151">
        <v>62</v>
      </c>
      <c r="AD30151">
        <v>63</v>
      </c>
      <c r="AE30151">
        <v>64</v>
      </c>
      <c r="AF30151">
        <v>65</v>
      </c>
      <c r="AG30151">
        <v>66</v>
      </c>
      <c r="AH30151">
        <v>67</v>
      </c>
      <c r="AI30151">
        <v>68</v>
      </c>
      <c r="AJ30151">
        <v>69</v>
      </c>
      <c r="AK30151">
        <v>70</v>
      </c>
      <c r="AL30151">
        <v>71</v>
      </c>
      <c r="AM30151">
        <v>72</v>
      </c>
      <c r="AN30151">
        <v>74</v>
      </c>
      <c r="AO30151">
        <v>75</v>
      </c>
      <c r="AP30151">
        <v>76</v>
      </c>
      <c r="AQ30151">
        <v>77</v>
      </c>
    </row>
    <row r="30152" spans="1:43">
      <c r="A30152" t="s">
        <v>18677</v>
      </c>
      <c r="B30152" t="s">
        <v>18678</v>
      </c>
      <c r="C30152" t="s">
        <v>18667</v>
      </c>
      <c r="D30152" t="s">
        <v>18668</v>
      </c>
      <c r="E30152" t="s">
        <v>18557</v>
      </c>
      <c r="F30152" t="s">
        <v>18558</v>
      </c>
      <c r="G30152" t="s">
        <v>10734</v>
      </c>
      <c r="H30152" t="s">
        <v>10735</v>
      </c>
      <c r="I30152" s="2">
        <v>0</v>
      </c>
      <c r="J30152" s="2">
        <v>1</v>
      </c>
      <c r="K30152" s="2">
        <v>0</v>
      </c>
      <c r="L30152" t="s">
        <v>82</v>
      </c>
      <c r="M30152" t="s">
        <v>89</v>
      </c>
      <c r="N30152" t="s">
        <v>90</v>
      </c>
      <c r="O30152" t="s">
        <v>85</v>
      </c>
      <c r="P30152" t="s">
        <v>86</v>
      </c>
      <c r="Q30152">
        <v>51</v>
      </c>
      <c r="R30152">
        <v>53</v>
      </c>
      <c r="S30152">
        <v>55</v>
      </c>
      <c r="T30152">
        <v>57</v>
      </c>
      <c r="U30152">
        <v>58</v>
      </c>
      <c r="V30152">
        <v>60</v>
      </c>
      <c r="W30152">
        <v>62</v>
      </c>
      <c r="X30152">
        <v>64</v>
      </c>
      <c r="Y30152">
        <v>66</v>
      </c>
      <c r="Z30152">
        <v>67</v>
      </c>
      <c r="AA30152">
        <v>69</v>
      </c>
      <c r="AB30152">
        <v>71</v>
      </c>
      <c r="AC30152">
        <v>73</v>
      </c>
      <c r="AD30152">
        <v>75</v>
      </c>
      <c r="AE30152">
        <v>76</v>
      </c>
      <c r="AF30152">
        <v>77</v>
      </c>
      <c r="AG30152">
        <v>78</v>
      </c>
      <c r="AH30152">
        <v>79</v>
      </c>
      <c r="AI30152">
        <v>80</v>
      </c>
      <c r="AJ30152">
        <v>81</v>
      </c>
      <c r="AK30152">
        <v>82</v>
      </c>
      <c r="AL30152">
        <v>83</v>
      </c>
      <c r="AM30152">
        <v>84</v>
      </c>
      <c r="AN30152">
        <v>85</v>
      </c>
      <c r="AO30152">
        <v>86</v>
      </c>
      <c r="AP30152">
        <v>87</v>
      </c>
      <c r="AQ30152">
        <v>88</v>
      </c>
    </row>
    <row r="30153" spans="1:43">
      <c r="A30153" t="s">
        <v>18677</v>
      </c>
      <c r="B30153" t="s">
        <v>18678</v>
      </c>
      <c r="C30153" t="s">
        <v>18667</v>
      </c>
      <c r="D30153" t="s">
        <v>18668</v>
      </c>
      <c r="E30153" t="s">
        <v>18557</v>
      </c>
      <c r="F30153" t="s">
        <v>18558</v>
      </c>
      <c r="G30153" t="s">
        <v>10734</v>
      </c>
      <c r="H30153" t="s">
        <v>10735</v>
      </c>
      <c r="I30153" s="2">
        <v>0</v>
      </c>
      <c r="J30153" s="2">
        <v>1</v>
      </c>
      <c r="K30153" s="2">
        <v>0</v>
      </c>
      <c r="L30153" t="s">
        <v>82</v>
      </c>
      <c r="M30153" t="s">
        <v>83</v>
      </c>
      <c r="N30153" t="s">
        <v>91</v>
      </c>
      <c r="O30153" t="s">
        <v>85</v>
      </c>
      <c r="P30153" t="s">
        <v>86</v>
      </c>
      <c r="Q30153">
        <v>51</v>
      </c>
      <c r="R30153">
        <v>52</v>
      </c>
      <c r="S30153">
        <v>53</v>
      </c>
      <c r="T30153">
        <v>55</v>
      </c>
      <c r="U30153">
        <v>56</v>
      </c>
      <c r="V30153">
        <v>58</v>
      </c>
      <c r="W30153">
        <v>59</v>
      </c>
      <c r="X30153">
        <v>60</v>
      </c>
      <c r="Y30153">
        <v>62</v>
      </c>
      <c r="Z30153">
        <v>63</v>
      </c>
      <c r="AA30153">
        <v>65</v>
      </c>
      <c r="AB30153">
        <v>66</v>
      </c>
      <c r="AC30153">
        <v>68</v>
      </c>
      <c r="AD30153">
        <v>70</v>
      </c>
      <c r="AE30153">
        <v>71</v>
      </c>
      <c r="AF30153">
        <v>73</v>
      </c>
      <c r="AG30153">
        <v>74</v>
      </c>
      <c r="AH30153">
        <v>76</v>
      </c>
      <c r="AI30153">
        <v>78</v>
      </c>
      <c r="AJ30153">
        <v>79</v>
      </c>
      <c r="AK30153">
        <v>81</v>
      </c>
      <c r="AL30153">
        <v>82</v>
      </c>
      <c r="AM30153">
        <v>83</v>
      </c>
      <c r="AN30153">
        <v>84</v>
      </c>
      <c r="AO30153">
        <v>85</v>
      </c>
      <c r="AP30153">
        <v>86</v>
      </c>
      <c r="AQ30153">
        <v>87</v>
      </c>
    </row>
    <row r="30154" spans="1:43">
      <c r="A30154" t="s">
        <v>18679</v>
      </c>
      <c r="B30154" t="s">
        <v>18680</v>
      </c>
      <c r="C30154" t="s">
        <v>18581</v>
      </c>
      <c r="D30154" t="s">
        <v>18582</v>
      </c>
      <c r="E30154" t="s">
        <v>18557</v>
      </c>
      <c r="F30154" t="s">
        <v>18558</v>
      </c>
      <c r="G30154" t="s">
        <v>10734</v>
      </c>
      <c r="H30154" t="s">
        <v>10735</v>
      </c>
      <c r="I30154" s="2">
        <v>0</v>
      </c>
      <c r="J30154" s="2">
        <v>1</v>
      </c>
      <c r="K30154" s="2">
        <v>0</v>
      </c>
      <c r="L30154" t="s">
        <v>82</v>
      </c>
      <c r="M30154" t="s">
        <v>83</v>
      </c>
      <c r="N30154" t="s">
        <v>84</v>
      </c>
      <c r="O30154" t="s">
        <v>85</v>
      </c>
      <c r="P30154" t="s">
        <v>86</v>
      </c>
      <c r="Q30154">
        <v>3</v>
      </c>
      <c r="R30154">
        <v>3</v>
      </c>
      <c r="S30154">
        <v>3</v>
      </c>
      <c r="T30154">
        <v>3</v>
      </c>
      <c r="U30154">
        <v>3</v>
      </c>
      <c r="V30154">
        <v>3</v>
      </c>
      <c r="W30154">
        <v>4</v>
      </c>
      <c r="X30154">
        <v>4</v>
      </c>
      <c r="Y30154">
        <v>4</v>
      </c>
      <c r="Z30154">
        <v>4</v>
      </c>
      <c r="AA30154">
        <v>4</v>
      </c>
      <c r="AB30154">
        <v>4</v>
      </c>
      <c r="AC30154">
        <v>4</v>
      </c>
      <c r="AD30154">
        <v>4</v>
      </c>
      <c r="AE30154">
        <v>4</v>
      </c>
      <c r="AF30154">
        <v>4</v>
      </c>
      <c r="AG30154">
        <v>4</v>
      </c>
      <c r="AH30154">
        <v>5</v>
      </c>
      <c r="AI30154">
        <v>5</v>
      </c>
      <c r="AJ30154">
        <v>5</v>
      </c>
      <c r="AK30154">
        <v>5</v>
      </c>
      <c r="AL30154">
        <v>5</v>
      </c>
      <c r="AM30154">
        <v>5</v>
      </c>
      <c r="AN30154">
        <v>5</v>
      </c>
      <c r="AO30154">
        <v>5</v>
      </c>
      <c r="AP30154">
        <v>5</v>
      </c>
      <c r="AQ30154">
        <v>5</v>
      </c>
    </row>
    <row r="30155" spans="1:43">
      <c r="A30155" t="s">
        <v>18679</v>
      </c>
      <c r="B30155" t="s">
        <v>18680</v>
      </c>
      <c r="C30155" t="s">
        <v>18581</v>
      </c>
      <c r="D30155" t="s">
        <v>18582</v>
      </c>
      <c r="E30155" t="s">
        <v>18557</v>
      </c>
      <c r="F30155" t="s">
        <v>18558</v>
      </c>
      <c r="G30155" t="s">
        <v>10734</v>
      </c>
      <c r="H30155" t="s">
        <v>10735</v>
      </c>
      <c r="I30155" s="2">
        <v>0</v>
      </c>
      <c r="J30155" s="2">
        <v>1</v>
      </c>
      <c r="K30155" s="2">
        <v>0</v>
      </c>
      <c r="L30155" t="s">
        <v>82</v>
      </c>
      <c r="M30155" t="s">
        <v>87</v>
      </c>
      <c r="N30155" t="s">
        <v>88</v>
      </c>
      <c r="O30155" t="s">
        <v>85</v>
      </c>
      <c r="P30155" t="s">
        <v>86</v>
      </c>
      <c r="Q30155">
        <v>3</v>
      </c>
      <c r="R30155">
        <v>3</v>
      </c>
      <c r="S30155">
        <v>3</v>
      </c>
      <c r="T30155">
        <v>3</v>
      </c>
      <c r="U30155">
        <v>3</v>
      </c>
      <c r="V30155">
        <v>3</v>
      </c>
      <c r="W30155">
        <v>3</v>
      </c>
      <c r="X30155">
        <v>3</v>
      </c>
      <c r="Y30155">
        <v>3</v>
      </c>
      <c r="Z30155">
        <v>3</v>
      </c>
      <c r="AA30155">
        <v>4</v>
      </c>
      <c r="AB30155">
        <v>4</v>
      </c>
      <c r="AC30155">
        <v>4</v>
      </c>
      <c r="AD30155">
        <v>4</v>
      </c>
      <c r="AE30155">
        <v>4</v>
      </c>
      <c r="AF30155">
        <v>4</v>
      </c>
      <c r="AG30155">
        <v>4</v>
      </c>
      <c r="AH30155">
        <v>4</v>
      </c>
      <c r="AI30155">
        <v>4</v>
      </c>
      <c r="AJ30155">
        <v>4</v>
      </c>
      <c r="AK30155">
        <v>4</v>
      </c>
      <c r="AL30155">
        <v>4</v>
      </c>
      <c r="AM30155">
        <v>4</v>
      </c>
      <c r="AN30155">
        <v>4</v>
      </c>
      <c r="AO30155">
        <v>4</v>
      </c>
      <c r="AP30155">
        <v>4</v>
      </c>
      <c r="AQ30155">
        <v>5</v>
      </c>
    </row>
    <row r="30156" spans="1:43">
      <c r="A30156" t="s">
        <v>18679</v>
      </c>
      <c r="B30156" t="s">
        <v>18680</v>
      </c>
      <c r="C30156" t="s">
        <v>18581</v>
      </c>
      <c r="D30156" t="s">
        <v>18582</v>
      </c>
      <c r="E30156" t="s">
        <v>18557</v>
      </c>
      <c r="F30156" t="s">
        <v>18558</v>
      </c>
      <c r="G30156" t="s">
        <v>10734</v>
      </c>
      <c r="H30156" t="s">
        <v>10735</v>
      </c>
      <c r="I30156" s="2">
        <v>0</v>
      </c>
      <c r="J30156" s="2">
        <v>1</v>
      </c>
      <c r="K30156" s="2">
        <v>0</v>
      </c>
      <c r="L30156" t="s">
        <v>82</v>
      </c>
      <c r="M30156" t="s">
        <v>89</v>
      </c>
      <c r="N30156" t="s">
        <v>90</v>
      </c>
      <c r="O30156" t="s">
        <v>85</v>
      </c>
      <c r="P30156" t="s">
        <v>86</v>
      </c>
      <c r="Q30156">
        <v>3</v>
      </c>
      <c r="R30156">
        <v>3</v>
      </c>
      <c r="S30156">
        <v>3</v>
      </c>
      <c r="T30156">
        <v>3</v>
      </c>
      <c r="U30156">
        <v>3</v>
      </c>
      <c r="V30156">
        <v>4</v>
      </c>
      <c r="W30156">
        <v>4</v>
      </c>
      <c r="X30156">
        <v>4</v>
      </c>
      <c r="Y30156">
        <v>4</v>
      </c>
      <c r="Z30156">
        <v>4</v>
      </c>
      <c r="AA30156">
        <v>4</v>
      </c>
      <c r="AB30156">
        <v>4</v>
      </c>
      <c r="AC30156">
        <v>4</v>
      </c>
      <c r="AD30156">
        <v>4</v>
      </c>
      <c r="AE30156">
        <v>5</v>
      </c>
      <c r="AF30156">
        <v>5</v>
      </c>
      <c r="AG30156">
        <v>5</v>
      </c>
      <c r="AH30156">
        <v>5</v>
      </c>
      <c r="AI30156">
        <v>5</v>
      </c>
      <c r="AJ30156">
        <v>5</v>
      </c>
      <c r="AK30156">
        <v>5</v>
      </c>
      <c r="AL30156">
        <v>5</v>
      </c>
      <c r="AM30156">
        <v>5</v>
      </c>
      <c r="AN30156">
        <v>5</v>
      </c>
      <c r="AO30156">
        <v>5</v>
      </c>
      <c r="AP30156">
        <v>5</v>
      </c>
      <c r="AQ30156">
        <v>5</v>
      </c>
    </row>
    <row r="30157" spans="1:43">
      <c r="A30157" t="s">
        <v>18679</v>
      </c>
      <c r="B30157" t="s">
        <v>18680</v>
      </c>
      <c r="C30157" t="s">
        <v>18581</v>
      </c>
      <c r="D30157" t="s">
        <v>18582</v>
      </c>
      <c r="E30157" t="s">
        <v>18557</v>
      </c>
      <c r="F30157" t="s">
        <v>18558</v>
      </c>
      <c r="G30157" t="s">
        <v>10734</v>
      </c>
      <c r="H30157" t="s">
        <v>10735</v>
      </c>
      <c r="I30157" s="2">
        <v>0</v>
      </c>
      <c r="J30157" s="2">
        <v>1</v>
      </c>
      <c r="K30157" s="2">
        <v>0</v>
      </c>
      <c r="L30157" t="s">
        <v>82</v>
      </c>
      <c r="M30157" t="s">
        <v>83</v>
      </c>
      <c r="N30157" t="s">
        <v>91</v>
      </c>
      <c r="O30157" t="s">
        <v>85</v>
      </c>
      <c r="P30157" t="s">
        <v>86</v>
      </c>
      <c r="Q30157">
        <v>3</v>
      </c>
      <c r="R30157">
        <v>3</v>
      </c>
      <c r="S30157">
        <v>3</v>
      </c>
      <c r="T30157">
        <v>3</v>
      </c>
      <c r="U30157">
        <v>3</v>
      </c>
      <c r="V30157">
        <v>3</v>
      </c>
      <c r="W30157">
        <v>4</v>
      </c>
      <c r="X30157">
        <v>4</v>
      </c>
      <c r="Y30157">
        <v>4</v>
      </c>
      <c r="Z30157">
        <v>4</v>
      </c>
      <c r="AA30157">
        <v>4</v>
      </c>
      <c r="AB30157">
        <v>4</v>
      </c>
      <c r="AC30157">
        <v>4</v>
      </c>
      <c r="AD30157">
        <v>4</v>
      </c>
      <c r="AE30157">
        <v>4</v>
      </c>
      <c r="AF30157">
        <v>4</v>
      </c>
      <c r="AG30157">
        <v>4</v>
      </c>
      <c r="AH30157">
        <v>5</v>
      </c>
      <c r="AI30157">
        <v>5</v>
      </c>
      <c r="AJ30157">
        <v>5</v>
      </c>
      <c r="AK30157">
        <v>5</v>
      </c>
      <c r="AL30157">
        <v>5</v>
      </c>
      <c r="AM30157">
        <v>5</v>
      </c>
      <c r="AN30157">
        <v>5</v>
      </c>
      <c r="AO30157">
        <v>5</v>
      </c>
      <c r="AP30157">
        <v>5</v>
      </c>
      <c r="AQ30157">
        <v>5</v>
      </c>
    </row>
    <row r="30158" spans="1:43">
      <c r="A30158" t="s">
        <v>18681</v>
      </c>
      <c r="B30158" t="s">
        <v>18682</v>
      </c>
      <c r="C30158" t="s">
        <v>18649</v>
      </c>
      <c r="D30158" t="s">
        <v>18650</v>
      </c>
      <c r="E30158" t="s">
        <v>18557</v>
      </c>
      <c r="F30158" t="s">
        <v>18558</v>
      </c>
      <c r="G30158" t="s">
        <v>10734</v>
      </c>
      <c r="H30158" t="s">
        <v>10735</v>
      </c>
      <c r="I30158" s="2">
        <v>0</v>
      </c>
      <c r="J30158" s="2">
        <v>0</v>
      </c>
      <c r="K30158" s="2">
        <v>1</v>
      </c>
      <c r="L30158" t="s">
        <v>995</v>
      </c>
      <c r="M30158" t="s">
        <v>83</v>
      </c>
      <c r="N30158" t="s">
        <v>84</v>
      </c>
      <c r="O30158" t="s">
        <v>85</v>
      </c>
      <c r="P30158" t="s">
        <v>86</v>
      </c>
      <c r="Q30158">
        <v>11</v>
      </c>
      <c r="R30158">
        <v>12</v>
      </c>
      <c r="S30158">
        <v>12</v>
      </c>
      <c r="T30158">
        <v>12</v>
      </c>
      <c r="U30158">
        <v>13</v>
      </c>
      <c r="V30158">
        <v>13</v>
      </c>
      <c r="W30158">
        <v>13</v>
      </c>
      <c r="X30158">
        <v>14</v>
      </c>
      <c r="Y30158">
        <v>14</v>
      </c>
      <c r="Z30158">
        <v>14</v>
      </c>
      <c r="AA30158">
        <v>15</v>
      </c>
      <c r="AB30158">
        <v>15</v>
      </c>
      <c r="AC30158">
        <v>15</v>
      </c>
      <c r="AD30158">
        <v>16</v>
      </c>
      <c r="AE30158">
        <v>16</v>
      </c>
      <c r="AF30158">
        <v>16</v>
      </c>
      <c r="AG30158">
        <v>17</v>
      </c>
      <c r="AH30158">
        <v>17</v>
      </c>
      <c r="AI30158">
        <v>17</v>
      </c>
      <c r="AJ30158">
        <v>18</v>
      </c>
      <c r="AK30158">
        <v>18</v>
      </c>
      <c r="AL30158">
        <v>18</v>
      </c>
      <c r="AM30158">
        <v>19</v>
      </c>
      <c r="AN30158">
        <v>19</v>
      </c>
      <c r="AO30158">
        <v>19</v>
      </c>
      <c r="AP30158">
        <v>19</v>
      </c>
      <c r="AQ30158">
        <v>20</v>
      </c>
    </row>
    <row r="30159" spans="1:43">
      <c r="A30159" t="s">
        <v>18681</v>
      </c>
      <c r="B30159" t="s">
        <v>18682</v>
      </c>
      <c r="C30159" t="s">
        <v>18649</v>
      </c>
      <c r="D30159" t="s">
        <v>18650</v>
      </c>
      <c r="E30159" t="s">
        <v>18557</v>
      </c>
      <c r="F30159" t="s">
        <v>18558</v>
      </c>
      <c r="G30159" t="s">
        <v>10734</v>
      </c>
      <c r="H30159" t="s">
        <v>10735</v>
      </c>
      <c r="I30159" s="2">
        <v>0</v>
      </c>
      <c r="J30159" s="2">
        <v>0</v>
      </c>
      <c r="K30159" s="2">
        <v>1</v>
      </c>
      <c r="L30159" t="s">
        <v>995</v>
      </c>
      <c r="M30159" t="s">
        <v>87</v>
      </c>
      <c r="N30159" t="s">
        <v>88</v>
      </c>
      <c r="O30159" t="s">
        <v>85</v>
      </c>
      <c r="P30159" t="s">
        <v>86</v>
      </c>
      <c r="Q30159">
        <v>11</v>
      </c>
      <c r="R30159">
        <v>11</v>
      </c>
      <c r="S30159">
        <v>12</v>
      </c>
      <c r="T30159">
        <v>12</v>
      </c>
      <c r="U30159">
        <v>12</v>
      </c>
      <c r="V30159">
        <v>12</v>
      </c>
      <c r="W30159">
        <v>12</v>
      </c>
      <c r="X30159">
        <v>13</v>
      </c>
      <c r="Y30159">
        <v>13</v>
      </c>
      <c r="Z30159">
        <v>13</v>
      </c>
      <c r="AA30159">
        <v>13</v>
      </c>
      <c r="AB30159">
        <v>13</v>
      </c>
      <c r="AC30159">
        <v>14</v>
      </c>
      <c r="AD30159">
        <v>14</v>
      </c>
      <c r="AE30159">
        <v>14</v>
      </c>
      <c r="AF30159">
        <v>14</v>
      </c>
      <c r="AG30159">
        <v>15</v>
      </c>
      <c r="AH30159">
        <v>15</v>
      </c>
      <c r="AI30159">
        <v>15</v>
      </c>
      <c r="AJ30159">
        <v>15</v>
      </c>
      <c r="AK30159">
        <v>16</v>
      </c>
      <c r="AL30159">
        <v>16</v>
      </c>
      <c r="AM30159">
        <v>16</v>
      </c>
      <c r="AN30159">
        <v>16</v>
      </c>
      <c r="AO30159">
        <v>17</v>
      </c>
      <c r="AP30159">
        <v>17</v>
      </c>
      <c r="AQ30159">
        <v>17</v>
      </c>
    </row>
    <row r="30160" spans="1:43">
      <c r="A30160" t="s">
        <v>18681</v>
      </c>
      <c r="B30160" t="s">
        <v>18682</v>
      </c>
      <c r="C30160" t="s">
        <v>18649</v>
      </c>
      <c r="D30160" t="s">
        <v>18650</v>
      </c>
      <c r="E30160" t="s">
        <v>18557</v>
      </c>
      <c r="F30160" t="s">
        <v>18558</v>
      </c>
      <c r="G30160" t="s">
        <v>10734</v>
      </c>
      <c r="H30160" t="s">
        <v>10735</v>
      </c>
      <c r="I30160" s="2">
        <v>0</v>
      </c>
      <c r="J30160" s="2">
        <v>0</v>
      </c>
      <c r="K30160" s="2">
        <v>1</v>
      </c>
      <c r="L30160" t="s">
        <v>995</v>
      </c>
      <c r="M30160" t="s">
        <v>89</v>
      </c>
      <c r="N30160" t="s">
        <v>90</v>
      </c>
      <c r="O30160" t="s">
        <v>85</v>
      </c>
      <c r="P30160" t="s">
        <v>86</v>
      </c>
      <c r="Q30160">
        <v>11</v>
      </c>
      <c r="R30160">
        <v>11</v>
      </c>
      <c r="S30160">
        <v>11</v>
      </c>
      <c r="T30160">
        <v>12</v>
      </c>
      <c r="U30160">
        <v>12</v>
      </c>
      <c r="V30160">
        <v>13</v>
      </c>
      <c r="W30160">
        <v>13</v>
      </c>
      <c r="X30160">
        <v>13</v>
      </c>
      <c r="Y30160">
        <v>14</v>
      </c>
      <c r="Z30160">
        <v>14</v>
      </c>
      <c r="AA30160">
        <v>15</v>
      </c>
      <c r="AB30160">
        <v>15</v>
      </c>
      <c r="AC30160">
        <v>15</v>
      </c>
      <c r="AD30160">
        <v>16</v>
      </c>
      <c r="AE30160">
        <v>16</v>
      </c>
      <c r="AF30160">
        <v>16</v>
      </c>
      <c r="AG30160">
        <v>16</v>
      </c>
      <c r="AH30160">
        <v>17</v>
      </c>
      <c r="AI30160">
        <v>17</v>
      </c>
      <c r="AJ30160">
        <v>17</v>
      </c>
      <c r="AK30160">
        <v>17</v>
      </c>
      <c r="AL30160">
        <v>18</v>
      </c>
      <c r="AM30160">
        <v>18</v>
      </c>
      <c r="AN30160">
        <v>18</v>
      </c>
      <c r="AO30160">
        <v>18</v>
      </c>
      <c r="AP30160">
        <v>18</v>
      </c>
      <c r="AQ30160">
        <v>19</v>
      </c>
    </row>
    <row r="30161" spans="1:43">
      <c r="A30161" t="s">
        <v>18681</v>
      </c>
      <c r="B30161" t="s">
        <v>18682</v>
      </c>
      <c r="C30161" t="s">
        <v>18649</v>
      </c>
      <c r="D30161" t="s">
        <v>18650</v>
      </c>
      <c r="E30161" t="s">
        <v>18557</v>
      </c>
      <c r="F30161" t="s">
        <v>18558</v>
      </c>
      <c r="G30161" t="s">
        <v>10734</v>
      </c>
      <c r="H30161" t="s">
        <v>10735</v>
      </c>
      <c r="I30161" s="2">
        <v>0</v>
      </c>
      <c r="J30161" s="2">
        <v>0</v>
      </c>
      <c r="K30161" s="2">
        <v>1</v>
      </c>
      <c r="L30161" t="s">
        <v>995</v>
      </c>
      <c r="M30161" t="s">
        <v>83</v>
      </c>
      <c r="N30161" t="s">
        <v>91</v>
      </c>
      <c r="O30161" t="s">
        <v>85</v>
      </c>
      <c r="P30161" t="s">
        <v>86</v>
      </c>
      <c r="Q30161">
        <v>11</v>
      </c>
      <c r="R30161">
        <v>12</v>
      </c>
      <c r="S30161">
        <v>12</v>
      </c>
      <c r="T30161">
        <v>12</v>
      </c>
      <c r="U30161">
        <v>13</v>
      </c>
      <c r="V30161">
        <v>13</v>
      </c>
      <c r="W30161">
        <v>13</v>
      </c>
      <c r="X30161">
        <v>14</v>
      </c>
      <c r="Y30161">
        <v>14</v>
      </c>
      <c r="Z30161">
        <v>14</v>
      </c>
      <c r="AA30161">
        <v>15</v>
      </c>
      <c r="AB30161">
        <v>15</v>
      </c>
      <c r="AC30161">
        <v>15</v>
      </c>
      <c r="AD30161">
        <v>16</v>
      </c>
      <c r="AE30161">
        <v>16</v>
      </c>
      <c r="AF30161">
        <v>16</v>
      </c>
      <c r="AG30161">
        <v>17</v>
      </c>
      <c r="AH30161">
        <v>17</v>
      </c>
      <c r="AI30161">
        <v>17</v>
      </c>
      <c r="AJ30161">
        <v>18</v>
      </c>
      <c r="AK30161">
        <v>18</v>
      </c>
      <c r="AL30161">
        <v>18</v>
      </c>
      <c r="AM30161">
        <v>19</v>
      </c>
      <c r="AN30161">
        <v>19</v>
      </c>
      <c r="AO30161">
        <v>19</v>
      </c>
      <c r="AP30161">
        <v>19</v>
      </c>
      <c r="AQ30161">
        <v>20</v>
      </c>
    </row>
    <row r="30162" spans="1:43">
      <c r="A30162" t="s">
        <v>18683</v>
      </c>
      <c r="B30162" t="s">
        <v>18684</v>
      </c>
      <c r="C30162" t="s">
        <v>18649</v>
      </c>
      <c r="D30162" t="s">
        <v>18650</v>
      </c>
      <c r="E30162" t="s">
        <v>18557</v>
      </c>
      <c r="F30162" t="s">
        <v>18558</v>
      </c>
      <c r="G30162" t="s">
        <v>10734</v>
      </c>
      <c r="H30162" t="s">
        <v>10735</v>
      </c>
      <c r="I30162" s="2">
        <v>0</v>
      </c>
      <c r="J30162" s="2">
        <v>0</v>
      </c>
      <c r="K30162" s="2">
        <v>1</v>
      </c>
      <c r="L30162" t="s">
        <v>995</v>
      </c>
      <c r="M30162" t="s">
        <v>83</v>
      </c>
      <c r="N30162" t="s">
        <v>84</v>
      </c>
      <c r="O30162" t="s">
        <v>85</v>
      </c>
      <c r="P30162" t="s">
        <v>86</v>
      </c>
      <c r="Q30162">
        <v>11</v>
      </c>
      <c r="R30162">
        <v>11</v>
      </c>
      <c r="S30162">
        <v>11</v>
      </c>
      <c r="T30162">
        <v>12</v>
      </c>
      <c r="U30162">
        <v>12</v>
      </c>
      <c r="V30162">
        <v>12</v>
      </c>
      <c r="W30162">
        <v>13</v>
      </c>
      <c r="X30162">
        <v>13</v>
      </c>
      <c r="Y30162">
        <v>13</v>
      </c>
      <c r="Z30162">
        <v>14</v>
      </c>
      <c r="AA30162">
        <v>14</v>
      </c>
      <c r="AB30162">
        <v>14</v>
      </c>
      <c r="AC30162">
        <v>15</v>
      </c>
      <c r="AD30162">
        <v>15</v>
      </c>
      <c r="AE30162">
        <v>15</v>
      </c>
      <c r="AF30162">
        <v>16</v>
      </c>
      <c r="AG30162">
        <v>16</v>
      </c>
      <c r="AH30162">
        <v>16</v>
      </c>
      <c r="AI30162">
        <v>17</v>
      </c>
      <c r="AJ30162">
        <v>17</v>
      </c>
      <c r="AK30162">
        <v>17</v>
      </c>
      <c r="AL30162">
        <v>18</v>
      </c>
      <c r="AM30162">
        <v>18</v>
      </c>
      <c r="AN30162">
        <v>18</v>
      </c>
      <c r="AO30162">
        <v>18</v>
      </c>
      <c r="AP30162">
        <v>18</v>
      </c>
      <c r="AQ30162">
        <v>19</v>
      </c>
    </row>
    <row r="30163" spans="1:43">
      <c r="A30163" t="s">
        <v>18683</v>
      </c>
      <c r="B30163" t="s">
        <v>18684</v>
      </c>
      <c r="C30163" t="s">
        <v>18649</v>
      </c>
      <c r="D30163" t="s">
        <v>18650</v>
      </c>
      <c r="E30163" t="s">
        <v>18557</v>
      </c>
      <c r="F30163" t="s">
        <v>18558</v>
      </c>
      <c r="G30163" t="s">
        <v>10734</v>
      </c>
      <c r="H30163" t="s">
        <v>10735</v>
      </c>
      <c r="I30163" s="2">
        <v>0</v>
      </c>
      <c r="J30163" s="2">
        <v>0</v>
      </c>
      <c r="K30163" s="2">
        <v>1</v>
      </c>
      <c r="L30163" t="s">
        <v>995</v>
      </c>
      <c r="M30163" t="s">
        <v>87</v>
      </c>
      <c r="N30163" t="s">
        <v>88</v>
      </c>
      <c r="O30163" t="s">
        <v>85</v>
      </c>
      <c r="P30163" t="s">
        <v>86</v>
      </c>
      <c r="Q30163">
        <v>11</v>
      </c>
      <c r="R30163">
        <v>11</v>
      </c>
      <c r="S30163">
        <v>11</v>
      </c>
      <c r="T30163">
        <v>11</v>
      </c>
      <c r="U30163">
        <v>11</v>
      </c>
      <c r="V30163">
        <v>12</v>
      </c>
      <c r="W30163">
        <v>12</v>
      </c>
      <c r="X30163">
        <v>12</v>
      </c>
      <c r="Y30163">
        <v>12</v>
      </c>
      <c r="Z30163">
        <v>12</v>
      </c>
      <c r="AA30163">
        <v>13</v>
      </c>
      <c r="AB30163">
        <v>13</v>
      </c>
      <c r="AC30163">
        <v>13</v>
      </c>
      <c r="AD30163">
        <v>13</v>
      </c>
      <c r="AE30163">
        <v>13</v>
      </c>
      <c r="AF30163">
        <v>14</v>
      </c>
      <c r="AG30163">
        <v>14</v>
      </c>
      <c r="AH30163">
        <v>14</v>
      </c>
      <c r="AI30163">
        <v>14</v>
      </c>
      <c r="AJ30163">
        <v>15</v>
      </c>
      <c r="AK30163">
        <v>15</v>
      </c>
      <c r="AL30163">
        <v>15</v>
      </c>
      <c r="AM30163">
        <v>15</v>
      </c>
      <c r="AN30163">
        <v>16</v>
      </c>
      <c r="AO30163">
        <v>16</v>
      </c>
      <c r="AP30163">
        <v>16</v>
      </c>
      <c r="AQ30163">
        <v>16</v>
      </c>
    </row>
    <row r="30164" spans="1:43">
      <c r="A30164" t="s">
        <v>18683</v>
      </c>
      <c r="B30164" t="s">
        <v>18684</v>
      </c>
      <c r="C30164" t="s">
        <v>18649</v>
      </c>
      <c r="D30164" t="s">
        <v>18650</v>
      </c>
      <c r="E30164" t="s">
        <v>18557</v>
      </c>
      <c r="F30164" t="s">
        <v>18558</v>
      </c>
      <c r="G30164" t="s">
        <v>10734</v>
      </c>
      <c r="H30164" t="s">
        <v>10735</v>
      </c>
      <c r="I30164" s="2">
        <v>0</v>
      </c>
      <c r="J30164" s="2">
        <v>0</v>
      </c>
      <c r="K30164" s="2">
        <v>1</v>
      </c>
      <c r="L30164" t="s">
        <v>995</v>
      </c>
      <c r="M30164" t="s">
        <v>89</v>
      </c>
      <c r="N30164" t="s">
        <v>90</v>
      </c>
      <c r="O30164" t="s">
        <v>85</v>
      </c>
      <c r="P30164" t="s">
        <v>86</v>
      </c>
      <c r="Q30164">
        <v>11</v>
      </c>
      <c r="R30164">
        <v>11</v>
      </c>
      <c r="S30164">
        <v>12</v>
      </c>
      <c r="T30164">
        <v>12</v>
      </c>
      <c r="U30164">
        <v>12</v>
      </c>
      <c r="V30164">
        <v>13</v>
      </c>
      <c r="W30164">
        <v>13</v>
      </c>
      <c r="X30164">
        <v>14</v>
      </c>
      <c r="Y30164">
        <v>14</v>
      </c>
      <c r="Z30164">
        <v>14</v>
      </c>
      <c r="AA30164">
        <v>15</v>
      </c>
      <c r="AB30164">
        <v>15</v>
      </c>
      <c r="AC30164">
        <v>16</v>
      </c>
      <c r="AD30164">
        <v>16</v>
      </c>
      <c r="AE30164">
        <v>16</v>
      </c>
      <c r="AF30164">
        <v>16</v>
      </c>
      <c r="AG30164">
        <v>17</v>
      </c>
      <c r="AH30164">
        <v>17</v>
      </c>
      <c r="AI30164">
        <v>17</v>
      </c>
      <c r="AJ30164">
        <v>17</v>
      </c>
      <c r="AK30164">
        <v>17</v>
      </c>
      <c r="AL30164">
        <v>18</v>
      </c>
      <c r="AM30164">
        <v>18</v>
      </c>
      <c r="AN30164">
        <v>18</v>
      </c>
      <c r="AO30164">
        <v>18</v>
      </c>
      <c r="AP30164">
        <v>19</v>
      </c>
      <c r="AQ30164">
        <v>19</v>
      </c>
    </row>
    <row r="30165" spans="1:43">
      <c r="A30165" t="s">
        <v>18683</v>
      </c>
      <c r="B30165" t="s">
        <v>18684</v>
      </c>
      <c r="C30165" t="s">
        <v>18649</v>
      </c>
      <c r="D30165" t="s">
        <v>18650</v>
      </c>
      <c r="E30165" t="s">
        <v>18557</v>
      </c>
      <c r="F30165" t="s">
        <v>18558</v>
      </c>
      <c r="G30165" t="s">
        <v>10734</v>
      </c>
      <c r="H30165" t="s">
        <v>10735</v>
      </c>
      <c r="I30165" s="2">
        <v>0</v>
      </c>
      <c r="J30165" s="2">
        <v>0</v>
      </c>
      <c r="K30165" s="2">
        <v>1</v>
      </c>
      <c r="L30165" t="s">
        <v>995</v>
      </c>
      <c r="M30165" t="s">
        <v>83</v>
      </c>
      <c r="N30165" t="s">
        <v>91</v>
      </c>
      <c r="O30165" t="s">
        <v>85</v>
      </c>
      <c r="P30165" t="s">
        <v>86</v>
      </c>
      <c r="Q30165">
        <v>11</v>
      </c>
      <c r="R30165">
        <v>11</v>
      </c>
      <c r="S30165">
        <v>11</v>
      </c>
      <c r="T30165">
        <v>12</v>
      </c>
      <c r="U30165">
        <v>12</v>
      </c>
      <c r="V30165">
        <v>12</v>
      </c>
      <c r="W30165">
        <v>13</v>
      </c>
      <c r="X30165">
        <v>13</v>
      </c>
      <c r="Y30165">
        <v>13</v>
      </c>
      <c r="Z30165">
        <v>14</v>
      </c>
      <c r="AA30165">
        <v>14</v>
      </c>
      <c r="AB30165">
        <v>14</v>
      </c>
      <c r="AC30165">
        <v>15</v>
      </c>
      <c r="AD30165">
        <v>15</v>
      </c>
      <c r="AE30165">
        <v>15</v>
      </c>
      <c r="AF30165">
        <v>16</v>
      </c>
      <c r="AG30165">
        <v>16</v>
      </c>
      <c r="AH30165">
        <v>16</v>
      </c>
      <c r="AI30165">
        <v>17</v>
      </c>
      <c r="AJ30165">
        <v>17</v>
      </c>
      <c r="AK30165">
        <v>17</v>
      </c>
      <c r="AL30165">
        <v>18</v>
      </c>
      <c r="AM30165">
        <v>18</v>
      </c>
      <c r="AN30165">
        <v>18</v>
      </c>
      <c r="AO30165">
        <v>18</v>
      </c>
      <c r="AP30165">
        <v>18</v>
      </c>
      <c r="AQ30165">
        <v>19</v>
      </c>
    </row>
    <row r="30166" spans="1:43">
      <c r="A30166" t="s">
        <v>18685</v>
      </c>
      <c r="B30166" t="s">
        <v>18686</v>
      </c>
      <c r="C30166" t="s">
        <v>18649</v>
      </c>
      <c r="D30166" t="s">
        <v>18650</v>
      </c>
      <c r="E30166" t="s">
        <v>18557</v>
      </c>
      <c r="F30166" t="s">
        <v>18558</v>
      </c>
      <c r="G30166" t="s">
        <v>10734</v>
      </c>
      <c r="H30166" t="s">
        <v>10735</v>
      </c>
      <c r="I30166" s="2">
        <v>0</v>
      </c>
      <c r="J30166" s="2">
        <v>0</v>
      </c>
      <c r="K30166" s="2">
        <v>1</v>
      </c>
      <c r="L30166" t="s">
        <v>995</v>
      </c>
      <c r="M30166" t="s">
        <v>83</v>
      </c>
      <c r="N30166" t="s">
        <v>84</v>
      </c>
      <c r="O30166" t="s">
        <v>85</v>
      </c>
      <c r="P30166" t="s">
        <v>86</v>
      </c>
      <c r="Q30166">
        <v>16</v>
      </c>
      <c r="R30166">
        <v>16</v>
      </c>
      <c r="S30166">
        <v>17</v>
      </c>
      <c r="T30166">
        <v>17</v>
      </c>
      <c r="U30166">
        <v>17</v>
      </c>
      <c r="V30166">
        <v>18</v>
      </c>
      <c r="W30166">
        <v>18</v>
      </c>
      <c r="X30166">
        <v>19</v>
      </c>
      <c r="Y30166">
        <v>19</v>
      </c>
      <c r="Z30166">
        <v>20</v>
      </c>
      <c r="AA30166">
        <v>20</v>
      </c>
      <c r="AB30166">
        <v>21</v>
      </c>
      <c r="AC30166">
        <v>21</v>
      </c>
      <c r="AD30166">
        <v>22</v>
      </c>
      <c r="AE30166">
        <v>22</v>
      </c>
      <c r="AF30166">
        <v>23</v>
      </c>
      <c r="AG30166">
        <v>23</v>
      </c>
      <c r="AH30166">
        <v>24</v>
      </c>
      <c r="AI30166">
        <v>24</v>
      </c>
      <c r="AJ30166">
        <v>25</v>
      </c>
      <c r="AK30166">
        <v>25</v>
      </c>
      <c r="AL30166">
        <v>26</v>
      </c>
      <c r="AM30166">
        <v>26</v>
      </c>
      <c r="AN30166">
        <v>26</v>
      </c>
      <c r="AO30166">
        <v>27</v>
      </c>
      <c r="AP30166">
        <v>27</v>
      </c>
      <c r="AQ30166">
        <v>27</v>
      </c>
    </row>
    <row r="30167" spans="1:43">
      <c r="A30167" t="s">
        <v>18685</v>
      </c>
      <c r="B30167" t="s">
        <v>18686</v>
      </c>
      <c r="C30167" t="s">
        <v>18649</v>
      </c>
      <c r="D30167" t="s">
        <v>18650</v>
      </c>
      <c r="E30167" t="s">
        <v>18557</v>
      </c>
      <c r="F30167" t="s">
        <v>18558</v>
      </c>
      <c r="G30167" t="s">
        <v>10734</v>
      </c>
      <c r="H30167" t="s">
        <v>10735</v>
      </c>
      <c r="I30167" s="2">
        <v>0</v>
      </c>
      <c r="J30167" s="2">
        <v>0</v>
      </c>
      <c r="K30167" s="2">
        <v>1</v>
      </c>
      <c r="L30167" t="s">
        <v>995</v>
      </c>
      <c r="M30167" t="s">
        <v>87</v>
      </c>
      <c r="N30167" t="s">
        <v>88</v>
      </c>
      <c r="O30167" t="s">
        <v>85</v>
      </c>
      <c r="P30167" t="s">
        <v>86</v>
      </c>
      <c r="Q30167">
        <v>16</v>
      </c>
      <c r="R30167">
        <v>16</v>
      </c>
      <c r="S30167">
        <v>16</v>
      </c>
      <c r="T30167">
        <v>16</v>
      </c>
      <c r="U30167">
        <v>17</v>
      </c>
      <c r="V30167">
        <v>17</v>
      </c>
      <c r="W30167">
        <v>17</v>
      </c>
      <c r="X30167">
        <v>18</v>
      </c>
      <c r="Y30167">
        <v>18</v>
      </c>
      <c r="Z30167">
        <v>18</v>
      </c>
      <c r="AA30167">
        <v>18</v>
      </c>
      <c r="AB30167">
        <v>19</v>
      </c>
      <c r="AC30167">
        <v>19</v>
      </c>
      <c r="AD30167">
        <v>19</v>
      </c>
      <c r="AE30167">
        <v>20</v>
      </c>
      <c r="AF30167">
        <v>20</v>
      </c>
      <c r="AG30167">
        <v>20</v>
      </c>
      <c r="AH30167">
        <v>21</v>
      </c>
      <c r="AI30167">
        <v>21</v>
      </c>
      <c r="AJ30167">
        <v>21</v>
      </c>
      <c r="AK30167">
        <v>22</v>
      </c>
      <c r="AL30167">
        <v>22</v>
      </c>
      <c r="AM30167">
        <v>22</v>
      </c>
      <c r="AN30167">
        <v>23</v>
      </c>
      <c r="AO30167">
        <v>23</v>
      </c>
      <c r="AP30167">
        <v>23</v>
      </c>
      <c r="AQ30167">
        <v>24</v>
      </c>
    </row>
    <row r="30168" spans="1:43">
      <c r="A30168" t="s">
        <v>18685</v>
      </c>
      <c r="B30168" t="s">
        <v>18686</v>
      </c>
      <c r="C30168" t="s">
        <v>18649</v>
      </c>
      <c r="D30168" t="s">
        <v>18650</v>
      </c>
      <c r="E30168" t="s">
        <v>18557</v>
      </c>
      <c r="F30168" t="s">
        <v>18558</v>
      </c>
      <c r="G30168" t="s">
        <v>10734</v>
      </c>
      <c r="H30168" t="s">
        <v>10735</v>
      </c>
      <c r="I30168" s="2">
        <v>0</v>
      </c>
      <c r="J30168" s="2">
        <v>0</v>
      </c>
      <c r="K30168" s="2">
        <v>1</v>
      </c>
      <c r="L30168" t="s">
        <v>995</v>
      </c>
      <c r="M30168" t="s">
        <v>89</v>
      </c>
      <c r="N30168" t="s">
        <v>90</v>
      </c>
      <c r="O30168" t="s">
        <v>85</v>
      </c>
      <c r="P30168" t="s">
        <v>86</v>
      </c>
      <c r="Q30168">
        <v>16</v>
      </c>
      <c r="R30168">
        <v>16</v>
      </c>
      <c r="S30168">
        <v>17</v>
      </c>
      <c r="T30168">
        <v>18</v>
      </c>
      <c r="U30168">
        <v>18</v>
      </c>
      <c r="V30168">
        <v>19</v>
      </c>
      <c r="W30168">
        <v>19</v>
      </c>
      <c r="X30168">
        <v>20</v>
      </c>
      <c r="Y30168">
        <v>20</v>
      </c>
      <c r="Z30168">
        <v>21</v>
      </c>
      <c r="AA30168">
        <v>22</v>
      </c>
      <c r="AB30168">
        <v>22</v>
      </c>
      <c r="AC30168">
        <v>23</v>
      </c>
      <c r="AD30168">
        <v>23</v>
      </c>
      <c r="AE30168">
        <v>24</v>
      </c>
      <c r="AF30168">
        <v>24</v>
      </c>
      <c r="AG30168">
        <v>24</v>
      </c>
      <c r="AH30168">
        <v>25</v>
      </c>
      <c r="AI30168">
        <v>25</v>
      </c>
      <c r="AJ30168">
        <v>25</v>
      </c>
      <c r="AK30168">
        <v>25</v>
      </c>
      <c r="AL30168">
        <v>26</v>
      </c>
      <c r="AM30168">
        <v>26</v>
      </c>
      <c r="AN30168">
        <v>26</v>
      </c>
      <c r="AO30168">
        <v>27</v>
      </c>
      <c r="AP30168">
        <v>27</v>
      </c>
      <c r="AQ30168">
        <v>27</v>
      </c>
    </row>
    <row r="30169" spans="1:43">
      <c r="A30169" t="s">
        <v>18685</v>
      </c>
      <c r="B30169" t="s">
        <v>18686</v>
      </c>
      <c r="C30169" t="s">
        <v>18649</v>
      </c>
      <c r="D30169" t="s">
        <v>18650</v>
      </c>
      <c r="E30169" t="s">
        <v>18557</v>
      </c>
      <c r="F30169" t="s">
        <v>18558</v>
      </c>
      <c r="G30169" t="s">
        <v>10734</v>
      </c>
      <c r="H30169" t="s">
        <v>10735</v>
      </c>
      <c r="I30169" s="2">
        <v>0</v>
      </c>
      <c r="J30169" s="2">
        <v>0</v>
      </c>
      <c r="K30169" s="2">
        <v>1</v>
      </c>
      <c r="L30169" t="s">
        <v>995</v>
      </c>
      <c r="M30169" t="s">
        <v>83</v>
      </c>
      <c r="N30169" t="s">
        <v>91</v>
      </c>
      <c r="O30169" t="s">
        <v>85</v>
      </c>
      <c r="P30169" t="s">
        <v>86</v>
      </c>
      <c r="Q30169">
        <v>16</v>
      </c>
      <c r="R30169">
        <v>16</v>
      </c>
      <c r="S30169">
        <v>17</v>
      </c>
      <c r="T30169">
        <v>17</v>
      </c>
      <c r="U30169">
        <v>17</v>
      </c>
      <c r="V30169">
        <v>18</v>
      </c>
      <c r="W30169">
        <v>18</v>
      </c>
      <c r="X30169">
        <v>19</v>
      </c>
      <c r="Y30169">
        <v>19</v>
      </c>
      <c r="Z30169">
        <v>20</v>
      </c>
      <c r="AA30169">
        <v>20</v>
      </c>
      <c r="AB30169">
        <v>21</v>
      </c>
      <c r="AC30169">
        <v>21</v>
      </c>
      <c r="AD30169">
        <v>22</v>
      </c>
      <c r="AE30169">
        <v>22</v>
      </c>
      <c r="AF30169">
        <v>23</v>
      </c>
      <c r="AG30169">
        <v>23</v>
      </c>
      <c r="AH30169">
        <v>24</v>
      </c>
      <c r="AI30169">
        <v>24</v>
      </c>
      <c r="AJ30169">
        <v>25</v>
      </c>
      <c r="AK30169">
        <v>25</v>
      </c>
      <c r="AL30169">
        <v>26</v>
      </c>
      <c r="AM30169">
        <v>26</v>
      </c>
      <c r="AN30169">
        <v>26</v>
      </c>
      <c r="AO30169">
        <v>27</v>
      </c>
      <c r="AP30169">
        <v>27</v>
      </c>
      <c r="AQ30169">
        <v>27</v>
      </c>
    </row>
    <row r="30170" spans="1:43">
      <c r="A30170" t="s">
        <v>18687</v>
      </c>
      <c r="B30170" t="s">
        <v>18688</v>
      </c>
      <c r="C30170" t="s">
        <v>18689</v>
      </c>
      <c r="D30170" t="s">
        <v>18690</v>
      </c>
      <c r="E30170" t="s">
        <v>18691</v>
      </c>
      <c r="F30170" t="s">
        <v>18692</v>
      </c>
      <c r="G30170" t="s">
        <v>10734</v>
      </c>
      <c r="H30170" t="s">
        <v>10735</v>
      </c>
      <c r="I30170" s="2">
        <v>0</v>
      </c>
      <c r="J30170" s="2">
        <v>0</v>
      </c>
      <c r="K30170" s="2">
        <v>1</v>
      </c>
      <c r="L30170" t="s">
        <v>995</v>
      </c>
      <c r="M30170" t="s">
        <v>83</v>
      </c>
      <c r="N30170" t="s">
        <v>84</v>
      </c>
      <c r="O30170" t="s">
        <v>85</v>
      </c>
      <c r="P30170" t="s">
        <v>86</v>
      </c>
      <c r="Q30170">
        <v>37</v>
      </c>
      <c r="R30170">
        <v>38</v>
      </c>
      <c r="S30170">
        <v>39</v>
      </c>
      <c r="T30170">
        <v>40</v>
      </c>
      <c r="U30170">
        <v>41</v>
      </c>
      <c r="V30170">
        <v>42</v>
      </c>
      <c r="W30170">
        <v>44</v>
      </c>
      <c r="X30170">
        <v>45</v>
      </c>
      <c r="Y30170">
        <v>46</v>
      </c>
      <c r="Z30170">
        <v>47</v>
      </c>
      <c r="AA30170">
        <v>49</v>
      </c>
      <c r="AB30170">
        <v>50</v>
      </c>
      <c r="AC30170">
        <v>51</v>
      </c>
      <c r="AD30170">
        <v>53</v>
      </c>
      <c r="AE30170">
        <v>54</v>
      </c>
      <c r="AF30170">
        <v>55</v>
      </c>
      <c r="AG30170">
        <v>57</v>
      </c>
      <c r="AH30170">
        <v>58</v>
      </c>
      <c r="AI30170">
        <v>60</v>
      </c>
      <c r="AJ30170">
        <v>61</v>
      </c>
      <c r="AK30170">
        <v>63</v>
      </c>
      <c r="AL30170">
        <v>64</v>
      </c>
      <c r="AM30170">
        <v>65</v>
      </c>
      <c r="AN30170">
        <v>66</v>
      </c>
      <c r="AO30170">
        <v>67</v>
      </c>
      <c r="AP30170">
        <v>68</v>
      </c>
      <c r="AQ30170">
        <v>69</v>
      </c>
    </row>
    <row r="30171" spans="1:43">
      <c r="A30171" t="s">
        <v>18687</v>
      </c>
      <c r="B30171" t="s">
        <v>18688</v>
      </c>
      <c r="C30171" t="s">
        <v>18689</v>
      </c>
      <c r="D30171" t="s">
        <v>18690</v>
      </c>
      <c r="E30171" t="s">
        <v>18691</v>
      </c>
      <c r="F30171" t="s">
        <v>18692</v>
      </c>
      <c r="G30171" t="s">
        <v>10734</v>
      </c>
      <c r="H30171" t="s">
        <v>10735</v>
      </c>
      <c r="I30171" s="2">
        <v>0</v>
      </c>
      <c r="J30171" s="2">
        <v>0</v>
      </c>
      <c r="K30171" s="2">
        <v>1</v>
      </c>
      <c r="L30171" t="s">
        <v>995</v>
      </c>
      <c r="M30171" t="s">
        <v>87</v>
      </c>
      <c r="N30171" t="s">
        <v>88</v>
      </c>
      <c r="O30171" t="s">
        <v>85</v>
      </c>
      <c r="P30171" t="s">
        <v>86</v>
      </c>
      <c r="Q30171">
        <v>37</v>
      </c>
      <c r="R30171">
        <v>37</v>
      </c>
      <c r="S30171">
        <v>38</v>
      </c>
      <c r="T30171">
        <v>39</v>
      </c>
      <c r="U30171">
        <v>40</v>
      </c>
      <c r="V30171">
        <v>40</v>
      </c>
      <c r="W30171">
        <v>41</v>
      </c>
      <c r="X30171">
        <v>42</v>
      </c>
      <c r="Y30171">
        <v>43</v>
      </c>
      <c r="Z30171">
        <v>43</v>
      </c>
      <c r="AA30171">
        <v>44</v>
      </c>
      <c r="AB30171">
        <v>45</v>
      </c>
      <c r="AC30171">
        <v>46</v>
      </c>
      <c r="AD30171">
        <v>47</v>
      </c>
      <c r="AE30171">
        <v>48</v>
      </c>
      <c r="AF30171">
        <v>49</v>
      </c>
      <c r="AG30171">
        <v>50</v>
      </c>
      <c r="AH30171">
        <v>50</v>
      </c>
      <c r="AI30171">
        <v>51</v>
      </c>
      <c r="AJ30171">
        <v>52</v>
      </c>
      <c r="AK30171">
        <v>53</v>
      </c>
      <c r="AL30171">
        <v>54</v>
      </c>
      <c r="AM30171">
        <v>55</v>
      </c>
      <c r="AN30171">
        <v>56</v>
      </c>
      <c r="AO30171">
        <v>57</v>
      </c>
      <c r="AP30171">
        <v>58</v>
      </c>
      <c r="AQ30171">
        <v>59</v>
      </c>
    </row>
    <row r="30172" spans="1:43">
      <c r="A30172" t="s">
        <v>18687</v>
      </c>
      <c r="B30172" t="s">
        <v>18688</v>
      </c>
      <c r="C30172" t="s">
        <v>18689</v>
      </c>
      <c r="D30172" t="s">
        <v>18690</v>
      </c>
      <c r="E30172" t="s">
        <v>18691</v>
      </c>
      <c r="F30172" t="s">
        <v>18692</v>
      </c>
      <c r="G30172" t="s">
        <v>10734</v>
      </c>
      <c r="H30172" t="s">
        <v>10735</v>
      </c>
      <c r="I30172" s="2">
        <v>0</v>
      </c>
      <c r="J30172" s="2">
        <v>0</v>
      </c>
      <c r="K30172" s="2">
        <v>1</v>
      </c>
      <c r="L30172" t="s">
        <v>995</v>
      </c>
      <c r="M30172" t="s">
        <v>89</v>
      </c>
      <c r="N30172" t="s">
        <v>90</v>
      </c>
      <c r="O30172" t="s">
        <v>85</v>
      </c>
      <c r="P30172" t="s">
        <v>86</v>
      </c>
      <c r="Q30172">
        <v>37</v>
      </c>
      <c r="R30172">
        <v>39</v>
      </c>
      <c r="S30172">
        <v>40</v>
      </c>
      <c r="T30172">
        <v>42</v>
      </c>
      <c r="U30172">
        <v>43</v>
      </c>
      <c r="V30172">
        <v>44</v>
      </c>
      <c r="W30172">
        <v>46</v>
      </c>
      <c r="X30172">
        <v>47</v>
      </c>
      <c r="Y30172">
        <v>49</v>
      </c>
      <c r="Z30172">
        <v>50</v>
      </c>
      <c r="AA30172">
        <v>52</v>
      </c>
      <c r="AB30172">
        <v>53</v>
      </c>
      <c r="AC30172">
        <v>55</v>
      </c>
      <c r="AD30172">
        <v>57</v>
      </c>
      <c r="AE30172">
        <v>58</v>
      </c>
      <c r="AF30172">
        <v>59</v>
      </c>
      <c r="AG30172">
        <v>60</v>
      </c>
      <c r="AH30172">
        <v>61</v>
      </c>
      <c r="AI30172">
        <v>62</v>
      </c>
      <c r="AJ30172">
        <v>62</v>
      </c>
      <c r="AK30172">
        <v>63</v>
      </c>
      <c r="AL30172">
        <v>64</v>
      </c>
      <c r="AM30172">
        <v>65</v>
      </c>
      <c r="AN30172">
        <v>66</v>
      </c>
      <c r="AO30172">
        <v>67</v>
      </c>
      <c r="AP30172">
        <v>68</v>
      </c>
      <c r="AQ30172">
        <v>69</v>
      </c>
    </row>
    <row r="30173" spans="1:43">
      <c r="A30173" t="s">
        <v>18687</v>
      </c>
      <c r="B30173" t="s">
        <v>18688</v>
      </c>
      <c r="C30173" t="s">
        <v>18689</v>
      </c>
      <c r="D30173" t="s">
        <v>18690</v>
      </c>
      <c r="E30173" t="s">
        <v>18691</v>
      </c>
      <c r="F30173" t="s">
        <v>18692</v>
      </c>
      <c r="G30173" t="s">
        <v>10734</v>
      </c>
      <c r="H30173" t="s">
        <v>10735</v>
      </c>
      <c r="I30173" s="2">
        <v>0</v>
      </c>
      <c r="J30173" s="2">
        <v>0</v>
      </c>
      <c r="K30173" s="2">
        <v>1</v>
      </c>
      <c r="L30173" t="s">
        <v>995</v>
      </c>
      <c r="M30173" t="s">
        <v>83</v>
      </c>
      <c r="N30173" t="s">
        <v>91</v>
      </c>
      <c r="O30173" t="s">
        <v>85</v>
      </c>
      <c r="P30173" t="s">
        <v>86</v>
      </c>
      <c r="Q30173">
        <v>37</v>
      </c>
      <c r="R30173">
        <v>38</v>
      </c>
      <c r="S30173">
        <v>39</v>
      </c>
      <c r="T30173">
        <v>40</v>
      </c>
      <c r="U30173">
        <v>41</v>
      </c>
      <c r="V30173">
        <v>42</v>
      </c>
      <c r="W30173">
        <v>44</v>
      </c>
      <c r="X30173">
        <v>45</v>
      </c>
      <c r="Y30173">
        <v>46</v>
      </c>
      <c r="Z30173">
        <v>47</v>
      </c>
      <c r="AA30173">
        <v>49</v>
      </c>
      <c r="AB30173">
        <v>50</v>
      </c>
      <c r="AC30173">
        <v>51</v>
      </c>
      <c r="AD30173">
        <v>53</v>
      </c>
      <c r="AE30173">
        <v>54</v>
      </c>
      <c r="AF30173">
        <v>55</v>
      </c>
      <c r="AG30173">
        <v>57</v>
      </c>
      <c r="AH30173">
        <v>58</v>
      </c>
      <c r="AI30173">
        <v>60</v>
      </c>
      <c r="AJ30173">
        <v>61</v>
      </c>
      <c r="AK30173">
        <v>63</v>
      </c>
      <c r="AL30173">
        <v>64</v>
      </c>
      <c r="AM30173">
        <v>65</v>
      </c>
      <c r="AN30173">
        <v>66</v>
      </c>
      <c r="AO30173">
        <v>67</v>
      </c>
      <c r="AP30173">
        <v>68</v>
      </c>
      <c r="AQ30173">
        <v>69</v>
      </c>
    </row>
    <row r="30174" spans="1:43">
      <c r="A30174" t="s">
        <v>18693</v>
      </c>
      <c r="B30174" t="s">
        <v>18694</v>
      </c>
      <c r="C30174" t="s">
        <v>18689</v>
      </c>
      <c r="D30174" t="s">
        <v>18690</v>
      </c>
      <c r="E30174" t="s">
        <v>18691</v>
      </c>
      <c r="F30174" t="s">
        <v>18692</v>
      </c>
      <c r="G30174" t="s">
        <v>10734</v>
      </c>
      <c r="H30174" t="s">
        <v>10735</v>
      </c>
      <c r="I30174" s="2">
        <v>0</v>
      </c>
      <c r="J30174" s="2">
        <v>0</v>
      </c>
      <c r="K30174" s="2">
        <v>1</v>
      </c>
      <c r="L30174" t="s">
        <v>995</v>
      </c>
      <c r="M30174" t="s">
        <v>83</v>
      </c>
      <c r="N30174" t="s">
        <v>84</v>
      </c>
      <c r="O30174" t="s">
        <v>85</v>
      </c>
      <c r="P30174" t="s">
        <v>86</v>
      </c>
      <c r="Q30174">
        <v>30</v>
      </c>
      <c r="R30174">
        <v>31</v>
      </c>
      <c r="S30174">
        <v>32</v>
      </c>
      <c r="T30174">
        <v>32</v>
      </c>
      <c r="U30174">
        <v>33</v>
      </c>
      <c r="V30174">
        <v>34</v>
      </c>
      <c r="W30174">
        <v>35</v>
      </c>
      <c r="X30174">
        <v>36</v>
      </c>
      <c r="Y30174">
        <v>37</v>
      </c>
      <c r="Z30174">
        <v>38</v>
      </c>
      <c r="AA30174">
        <v>39</v>
      </c>
      <c r="AB30174">
        <v>40</v>
      </c>
      <c r="AC30174">
        <v>41</v>
      </c>
      <c r="AD30174">
        <v>42</v>
      </c>
      <c r="AE30174">
        <v>43</v>
      </c>
      <c r="AF30174">
        <v>44</v>
      </c>
      <c r="AG30174">
        <v>45</v>
      </c>
      <c r="AH30174">
        <v>47</v>
      </c>
      <c r="AI30174">
        <v>48</v>
      </c>
      <c r="AJ30174">
        <v>49</v>
      </c>
      <c r="AK30174">
        <v>50</v>
      </c>
      <c r="AL30174">
        <v>51</v>
      </c>
      <c r="AM30174">
        <v>52</v>
      </c>
      <c r="AN30174">
        <v>52</v>
      </c>
      <c r="AO30174">
        <v>53</v>
      </c>
      <c r="AP30174">
        <v>54</v>
      </c>
      <c r="AQ30174">
        <v>54</v>
      </c>
    </row>
    <row r="30175" spans="1:43">
      <c r="A30175" t="s">
        <v>18693</v>
      </c>
      <c r="B30175" t="s">
        <v>18694</v>
      </c>
      <c r="C30175" t="s">
        <v>18689</v>
      </c>
      <c r="D30175" t="s">
        <v>18690</v>
      </c>
      <c r="E30175" t="s">
        <v>18691</v>
      </c>
      <c r="F30175" t="s">
        <v>18692</v>
      </c>
      <c r="G30175" t="s">
        <v>10734</v>
      </c>
      <c r="H30175" t="s">
        <v>10735</v>
      </c>
      <c r="I30175" s="2">
        <v>0</v>
      </c>
      <c r="J30175" s="2">
        <v>0</v>
      </c>
      <c r="K30175" s="2">
        <v>1</v>
      </c>
      <c r="L30175" t="s">
        <v>995</v>
      </c>
      <c r="M30175" t="s">
        <v>87</v>
      </c>
      <c r="N30175" t="s">
        <v>88</v>
      </c>
      <c r="O30175" t="s">
        <v>85</v>
      </c>
      <c r="P30175" t="s">
        <v>86</v>
      </c>
      <c r="Q30175">
        <v>30</v>
      </c>
      <c r="R30175">
        <v>30</v>
      </c>
      <c r="S30175">
        <v>31</v>
      </c>
      <c r="T30175">
        <v>31</v>
      </c>
      <c r="U30175">
        <v>32</v>
      </c>
      <c r="V30175">
        <v>32</v>
      </c>
      <c r="W30175">
        <v>33</v>
      </c>
      <c r="X30175">
        <v>34</v>
      </c>
      <c r="Y30175">
        <v>34</v>
      </c>
      <c r="Z30175">
        <v>35</v>
      </c>
      <c r="AA30175">
        <v>36</v>
      </c>
      <c r="AB30175">
        <v>36</v>
      </c>
      <c r="AC30175">
        <v>37</v>
      </c>
      <c r="AD30175">
        <v>38</v>
      </c>
      <c r="AE30175">
        <v>38</v>
      </c>
      <c r="AF30175">
        <v>39</v>
      </c>
      <c r="AG30175">
        <v>40</v>
      </c>
      <c r="AH30175">
        <v>40</v>
      </c>
      <c r="AI30175">
        <v>41</v>
      </c>
      <c r="AJ30175">
        <v>42</v>
      </c>
      <c r="AK30175">
        <v>43</v>
      </c>
      <c r="AL30175">
        <v>43</v>
      </c>
      <c r="AM30175">
        <v>44</v>
      </c>
      <c r="AN30175">
        <v>45</v>
      </c>
      <c r="AO30175">
        <v>46</v>
      </c>
      <c r="AP30175">
        <v>46</v>
      </c>
      <c r="AQ30175">
        <v>47</v>
      </c>
    </row>
    <row r="30176" spans="1:43">
      <c r="A30176" t="s">
        <v>18693</v>
      </c>
      <c r="B30176" t="s">
        <v>18694</v>
      </c>
      <c r="C30176" t="s">
        <v>18689</v>
      </c>
      <c r="D30176" t="s">
        <v>18690</v>
      </c>
      <c r="E30176" t="s">
        <v>18691</v>
      </c>
      <c r="F30176" t="s">
        <v>18692</v>
      </c>
      <c r="G30176" t="s">
        <v>10734</v>
      </c>
      <c r="H30176" t="s">
        <v>10735</v>
      </c>
      <c r="I30176" s="2">
        <v>0</v>
      </c>
      <c r="J30176" s="2">
        <v>0</v>
      </c>
      <c r="K30176" s="2">
        <v>1</v>
      </c>
      <c r="L30176" t="s">
        <v>995</v>
      </c>
      <c r="M30176" t="s">
        <v>89</v>
      </c>
      <c r="N30176" t="s">
        <v>90</v>
      </c>
      <c r="O30176" t="s">
        <v>85</v>
      </c>
      <c r="P30176" t="s">
        <v>86</v>
      </c>
      <c r="Q30176">
        <v>30</v>
      </c>
      <c r="R30176">
        <v>31</v>
      </c>
      <c r="S30176">
        <v>32</v>
      </c>
      <c r="T30176">
        <v>33</v>
      </c>
      <c r="U30176">
        <v>35</v>
      </c>
      <c r="V30176">
        <v>36</v>
      </c>
      <c r="W30176">
        <v>37</v>
      </c>
      <c r="X30176">
        <v>38</v>
      </c>
      <c r="Y30176">
        <v>39</v>
      </c>
      <c r="Z30176">
        <v>40</v>
      </c>
      <c r="AA30176">
        <v>42</v>
      </c>
      <c r="AB30176">
        <v>43</v>
      </c>
      <c r="AC30176">
        <v>44</v>
      </c>
      <c r="AD30176">
        <v>45</v>
      </c>
      <c r="AE30176">
        <v>46</v>
      </c>
      <c r="AF30176">
        <v>47</v>
      </c>
      <c r="AG30176">
        <v>48</v>
      </c>
      <c r="AH30176">
        <v>48</v>
      </c>
      <c r="AI30176">
        <v>49</v>
      </c>
      <c r="AJ30176">
        <v>50</v>
      </c>
      <c r="AK30176">
        <v>50</v>
      </c>
      <c r="AL30176">
        <v>51</v>
      </c>
      <c r="AM30176">
        <v>52</v>
      </c>
      <c r="AN30176">
        <v>53</v>
      </c>
      <c r="AO30176">
        <v>53</v>
      </c>
      <c r="AP30176">
        <v>54</v>
      </c>
      <c r="AQ30176">
        <v>55</v>
      </c>
    </row>
    <row r="30177" spans="1:43">
      <c r="A30177" t="s">
        <v>18693</v>
      </c>
      <c r="B30177" t="s">
        <v>18694</v>
      </c>
      <c r="C30177" t="s">
        <v>18689</v>
      </c>
      <c r="D30177" t="s">
        <v>18690</v>
      </c>
      <c r="E30177" t="s">
        <v>18691</v>
      </c>
      <c r="F30177" t="s">
        <v>18692</v>
      </c>
      <c r="G30177" t="s">
        <v>10734</v>
      </c>
      <c r="H30177" t="s">
        <v>10735</v>
      </c>
      <c r="I30177" s="2">
        <v>0</v>
      </c>
      <c r="J30177" s="2">
        <v>0</v>
      </c>
      <c r="K30177" s="2">
        <v>1</v>
      </c>
      <c r="L30177" t="s">
        <v>995</v>
      </c>
      <c r="M30177" t="s">
        <v>83</v>
      </c>
      <c r="N30177" t="s">
        <v>91</v>
      </c>
      <c r="O30177" t="s">
        <v>85</v>
      </c>
      <c r="P30177" t="s">
        <v>86</v>
      </c>
      <c r="Q30177">
        <v>30</v>
      </c>
      <c r="R30177">
        <v>31</v>
      </c>
      <c r="S30177">
        <v>32</v>
      </c>
      <c r="T30177">
        <v>32</v>
      </c>
      <c r="U30177">
        <v>33</v>
      </c>
      <c r="V30177">
        <v>34</v>
      </c>
      <c r="W30177">
        <v>35</v>
      </c>
      <c r="X30177">
        <v>36</v>
      </c>
      <c r="Y30177">
        <v>37</v>
      </c>
      <c r="Z30177">
        <v>38</v>
      </c>
      <c r="AA30177">
        <v>39</v>
      </c>
      <c r="AB30177">
        <v>40</v>
      </c>
      <c r="AC30177">
        <v>41</v>
      </c>
      <c r="AD30177">
        <v>42</v>
      </c>
      <c r="AE30177">
        <v>43</v>
      </c>
      <c r="AF30177">
        <v>44</v>
      </c>
      <c r="AG30177">
        <v>45</v>
      </c>
      <c r="AH30177">
        <v>47</v>
      </c>
      <c r="AI30177">
        <v>48</v>
      </c>
      <c r="AJ30177">
        <v>49</v>
      </c>
      <c r="AK30177">
        <v>50</v>
      </c>
      <c r="AL30177">
        <v>51</v>
      </c>
      <c r="AM30177">
        <v>52</v>
      </c>
      <c r="AN30177">
        <v>52</v>
      </c>
      <c r="AO30177">
        <v>53</v>
      </c>
      <c r="AP30177">
        <v>54</v>
      </c>
      <c r="AQ30177">
        <v>54</v>
      </c>
    </row>
    <row r="30178" spans="1:43">
      <c r="A30178" t="s">
        <v>18695</v>
      </c>
      <c r="B30178" t="s">
        <v>18696</v>
      </c>
      <c r="C30178" t="s">
        <v>18697</v>
      </c>
      <c r="D30178" t="s">
        <v>18698</v>
      </c>
      <c r="E30178" t="s">
        <v>18691</v>
      </c>
      <c r="F30178" t="s">
        <v>18692</v>
      </c>
      <c r="G30178" t="s">
        <v>10734</v>
      </c>
      <c r="H30178" t="s">
        <v>10735</v>
      </c>
      <c r="I30178" s="2">
        <v>0</v>
      </c>
      <c r="J30178" s="2">
        <v>0</v>
      </c>
      <c r="K30178" s="2">
        <v>1</v>
      </c>
      <c r="L30178" t="s">
        <v>995</v>
      </c>
      <c r="M30178" t="s">
        <v>83</v>
      </c>
      <c r="N30178" t="s">
        <v>84</v>
      </c>
      <c r="O30178" t="s">
        <v>85</v>
      </c>
      <c r="P30178" t="s">
        <v>86</v>
      </c>
      <c r="Q30178">
        <v>14</v>
      </c>
      <c r="R30178">
        <v>15</v>
      </c>
      <c r="S30178">
        <v>15</v>
      </c>
      <c r="T30178">
        <v>16</v>
      </c>
      <c r="U30178">
        <v>16</v>
      </c>
      <c r="V30178">
        <v>16</v>
      </c>
      <c r="W30178">
        <v>17</v>
      </c>
      <c r="X30178">
        <v>17</v>
      </c>
      <c r="Y30178">
        <v>18</v>
      </c>
      <c r="Z30178">
        <v>18</v>
      </c>
      <c r="AA30178">
        <v>19</v>
      </c>
      <c r="AB30178">
        <v>19</v>
      </c>
      <c r="AC30178">
        <v>19</v>
      </c>
      <c r="AD30178">
        <v>20</v>
      </c>
      <c r="AE30178">
        <v>20</v>
      </c>
      <c r="AF30178">
        <v>21</v>
      </c>
      <c r="AG30178">
        <v>21</v>
      </c>
      <c r="AH30178">
        <v>22</v>
      </c>
      <c r="AI30178">
        <v>22</v>
      </c>
      <c r="AJ30178">
        <v>23</v>
      </c>
      <c r="AK30178">
        <v>23</v>
      </c>
      <c r="AL30178">
        <v>24</v>
      </c>
      <c r="AM30178">
        <v>24</v>
      </c>
      <c r="AN30178">
        <v>24</v>
      </c>
      <c r="AO30178">
        <v>25</v>
      </c>
      <c r="AP30178">
        <v>25</v>
      </c>
      <c r="AQ30178">
        <v>25</v>
      </c>
    </row>
    <row r="30179" spans="1:43">
      <c r="A30179" t="s">
        <v>18695</v>
      </c>
      <c r="B30179" t="s">
        <v>18696</v>
      </c>
      <c r="C30179" t="s">
        <v>18697</v>
      </c>
      <c r="D30179" t="s">
        <v>18698</v>
      </c>
      <c r="E30179" t="s">
        <v>18691</v>
      </c>
      <c r="F30179" t="s">
        <v>18692</v>
      </c>
      <c r="G30179" t="s">
        <v>10734</v>
      </c>
      <c r="H30179" t="s">
        <v>10735</v>
      </c>
      <c r="I30179" s="2">
        <v>0</v>
      </c>
      <c r="J30179" s="2">
        <v>0</v>
      </c>
      <c r="K30179" s="2">
        <v>1</v>
      </c>
      <c r="L30179" t="s">
        <v>995</v>
      </c>
      <c r="M30179" t="s">
        <v>87</v>
      </c>
      <c r="N30179" t="s">
        <v>88</v>
      </c>
      <c r="O30179" t="s">
        <v>85</v>
      </c>
      <c r="P30179" t="s">
        <v>86</v>
      </c>
      <c r="Q30179">
        <v>14</v>
      </c>
      <c r="R30179">
        <v>14</v>
      </c>
      <c r="S30179">
        <v>15</v>
      </c>
      <c r="T30179">
        <v>15</v>
      </c>
      <c r="U30179">
        <v>15</v>
      </c>
      <c r="V30179">
        <v>15</v>
      </c>
      <c r="W30179">
        <v>16</v>
      </c>
      <c r="X30179">
        <v>16</v>
      </c>
      <c r="Y30179">
        <v>16</v>
      </c>
      <c r="Z30179">
        <v>17</v>
      </c>
      <c r="AA30179">
        <v>17</v>
      </c>
      <c r="AB30179">
        <v>17</v>
      </c>
      <c r="AC30179">
        <v>17</v>
      </c>
      <c r="AD30179">
        <v>18</v>
      </c>
      <c r="AE30179">
        <v>18</v>
      </c>
      <c r="AF30179">
        <v>18</v>
      </c>
      <c r="AG30179">
        <v>19</v>
      </c>
      <c r="AH30179">
        <v>19</v>
      </c>
      <c r="AI30179">
        <v>19</v>
      </c>
      <c r="AJ30179">
        <v>20</v>
      </c>
      <c r="AK30179">
        <v>20</v>
      </c>
      <c r="AL30179">
        <v>20</v>
      </c>
      <c r="AM30179">
        <v>21</v>
      </c>
      <c r="AN30179">
        <v>21</v>
      </c>
      <c r="AO30179">
        <v>21</v>
      </c>
      <c r="AP30179">
        <v>22</v>
      </c>
      <c r="AQ30179">
        <v>22</v>
      </c>
    </row>
    <row r="30180" spans="1:43">
      <c r="A30180" t="s">
        <v>18695</v>
      </c>
      <c r="B30180" t="s">
        <v>18696</v>
      </c>
      <c r="C30180" t="s">
        <v>18697</v>
      </c>
      <c r="D30180" t="s">
        <v>18698</v>
      </c>
      <c r="E30180" t="s">
        <v>18691</v>
      </c>
      <c r="F30180" t="s">
        <v>18692</v>
      </c>
      <c r="G30180" t="s">
        <v>10734</v>
      </c>
      <c r="H30180" t="s">
        <v>10735</v>
      </c>
      <c r="I30180" s="2">
        <v>0</v>
      </c>
      <c r="J30180" s="2">
        <v>0</v>
      </c>
      <c r="K30180" s="2">
        <v>1</v>
      </c>
      <c r="L30180" t="s">
        <v>995</v>
      </c>
      <c r="M30180" t="s">
        <v>89</v>
      </c>
      <c r="N30180" t="s">
        <v>90</v>
      </c>
      <c r="O30180" t="s">
        <v>85</v>
      </c>
      <c r="P30180" t="s">
        <v>86</v>
      </c>
      <c r="Q30180">
        <v>14</v>
      </c>
      <c r="R30180">
        <v>15</v>
      </c>
      <c r="S30180">
        <v>16</v>
      </c>
      <c r="T30180">
        <v>16</v>
      </c>
      <c r="U30180">
        <v>17</v>
      </c>
      <c r="V30180">
        <v>17</v>
      </c>
      <c r="W30180">
        <v>18</v>
      </c>
      <c r="X30180">
        <v>18</v>
      </c>
      <c r="Y30180">
        <v>19</v>
      </c>
      <c r="Z30180">
        <v>19</v>
      </c>
      <c r="AA30180">
        <v>20</v>
      </c>
      <c r="AB30180">
        <v>20</v>
      </c>
      <c r="AC30180">
        <v>21</v>
      </c>
      <c r="AD30180">
        <v>21</v>
      </c>
      <c r="AE30180">
        <v>22</v>
      </c>
      <c r="AF30180">
        <v>22</v>
      </c>
      <c r="AG30180">
        <v>22</v>
      </c>
      <c r="AH30180">
        <v>23</v>
      </c>
      <c r="AI30180">
        <v>23</v>
      </c>
      <c r="AJ30180">
        <v>23</v>
      </c>
      <c r="AK30180">
        <v>24</v>
      </c>
      <c r="AL30180">
        <v>24</v>
      </c>
      <c r="AM30180">
        <v>24</v>
      </c>
      <c r="AN30180">
        <v>25</v>
      </c>
      <c r="AO30180">
        <v>25</v>
      </c>
      <c r="AP30180">
        <v>25</v>
      </c>
      <c r="AQ30180">
        <v>25</v>
      </c>
    </row>
    <row r="30181" spans="1:43">
      <c r="A30181" t="s">
        <v>18695</v>
      </c>
      <c r="B30181" t="s">
        <v>18696</v>
      </c>
      <c r="C30181" t="s">
        <v>18697</v>
      </c>
      <c r="D30181" t="s">
        <v>18698</v>
      </c>
      <c r="E30181" t="s">
        <v>18691</v>
      </c>
      <c r="F30181" t="s">
        <v>18692</v>
      </c>
      <c r="G30181" t="s">
        <v>10734</v>
      </c>
      <c r="H30181" t="s">
        <v>10735</v>
      </c>
      <c r="I30181" s="2">
        <v>0</v>
      </c>
      <c r="J30181" s="2">
        <v>0</v>
      </c>
      <c r="K30181" s="2">
        <v>1</v>
      </c>
      <c r="L30181" t="s">
        <v>995</v>
      </c>
      <c r="M30181" t="s">
        <v>83</v>
      </c>
      <c r="N30181" t="s">
        <v>91</v>
      </c>
      <c r="O30181" t="s">
        <v>85</v>
      </c>
      <c r="P30181" t="s">
        <v>86</v>
      </c>
      <c r="Q30181">
        <v>14</v>
      </c>
      <c r="R30181">
        <v>15</v>
      </c>
      <c r="S30181">
        <v>15</v>
      </c>
      <c r="T30181">
        <v>16</v>
      </c>
      <c r="U30181">
        <v>16</v>
      </c>
      <c r="V30181">
        <v>16</v>
      </c>
      <c r="W30181">
        <v>17</v>
      </c>
      <c r="X30181">
        <v>17</v>
      </c>
      <c r="Y30181">
        <v>18</v>
      </c>
      <c r="Z30181">
        <v>18</v>
      </c>
      <c r="AA30181">
        <v>19</v>
      </c>
      <c r="AB30181">
        <v>19</v>
      </c>
      <c r="AC30181">
        <v>19</v>
      </c>
      <c r="AD30181">
        <v>20</v>
      </c>
      <c r="AE30181">
        <v>20</v>
      </c>
      <c r="AF30181">
        <v>21</v>
      </c>
      <c r="AG30181">
        <v>21</v>
      </c>
      <c r="AH30181">
        <v>22</v>
      </c>
      <c r="AI30181">
        <v>22</v>
      </c>
      <c r="AJ30181">
        <v>23</v>
      </c>
      <c r="AK30181">
        <v>23</v>
      </c>
      <c r="AL30181">
        <v>24</v>
      </c>
      <c r="AM30181">
        <v>24</v>
      </c>
      <c r="AN30181">
        <v>24</v>
      </c>
      <c r="AO30181">
        <v>25</v>
      </c>
      <c r="AP30181">
        <v>25</v>
      </c>
      <c r="AQ30181">
        <v>25</v>
      </c>
    </row>
    <row r="30182" spans="1:43">
      <c r="A30182" t="s">
        <v>18699</v>
      </c>
      <c r="B30182" t="s">
        <v>18700</v>
      </c>
      <c r="C30182" t="s">
        <v>18697</v>
      </c>
      <c r="D30182" t="s">
        <v>18698</v>
      </c>
      <c r="E30182" t="s">
        <v>18691</v>
      </c>
      <c r="F30182" t="s">
        <v>18692</v>
      </c>
      <c r="G30182" t="s">
        <v>10734</v>
      </c>
      <c r="H30182" t="s">
        <v>10735</v>
      </c>
      <c r="I30182" s="2">
        <v>0</v>
      </c>
      <c r="J30182" s="2">
        <v>0</v>
      </c>
      <c r="K30182" s="2">
        <v>1</v>
      </c>
      <c r="L30182" t="s">
        <v>995</v>
      </c>
      <c r="M30182" t="s">
        <v>83</v>
      </c>
      <c r="N30182" t="s">
        <v>84</v>
      </c>
      <c r="O30182" t="s">
        <v>85</v>
      </c>
      <c r="P30182" t="s">
        <v>86</v>
      </c>
      <c r="Q30182">
        <v>28</v>
      </c>
      <c r="R30182">
        <v>29</v>
      </c>
      <c r="S30182">
        <v>29</v>
      </c>
      <c r="T30182">
        <v>30</v>
      </c>
      <c r="U30182">
        <v>31</v>
      </c>
      <c r="V30182">
        <v>32</v>
      </c>
      <c r="W30182">
        <v>33</v>
      </c>
      <c r="X30182">
        <v>34</v>
      </c>
      <c r="Y30182">
        <v>34</v>
      </c>
      <c r="Z30182">
        <v>35</v>
      </c>
      <c r="AA30182">
        <v>36</v>
      </c>
      <c r="AB30182">
        <v>37</v>
      </c>
      <c r="AC30182">
        <v>38</v>
      </c>
      <c r="AD30182">
        <v>39</v>
      </c>
      <c r="AE30182">
        <v>40</v>
      </c>
      <c r="AF30182">
        <v>41</v>
      </c>
      <c r="AG30182">
        <v>42</v>
      </c>
      <c r="AH30182">
        <v>43</v>
      </c>
      <c r="AI30182">
        <v>43</v>
      </c>
      <c r="AJ30182">
        <v>44</v>
      </c>
      <c r="AK30182">
        <v>45</v>
      </c>
      <c r="AL30182">
        <v>46</v>
      </c>
      <c r="AM30182">
        <v>47</v>
      </c>
      <c r="AN30182">
        <v>47</v>
      </c>
      <c r="AO30182">
        <v>48</v>
      </c>
      <c r="AP30182">
        <v>49</v>
      </c>
      <c r="AQ30182">
        <v>49</v>
      </c>
    </row>
    <row r="30183" spans="1:43">
      <c r="A30183" t="s">
        <v>18699</v>
      </c>
      <c r="B30183" t="s">
        <v>18700</v>
      </c>
      <c r="C30183" t="s">
        <v>18697</v>
      </c>
      <c r="D30183" t="s">
        <v>18698</v>
      </c>
      <c r="E30183" t="s">
        <v>18691</v>
      </c>
      <c r="F30183" t="s">
        <v>18692</v>
      </c>
      <c r="G30183" t="s">
        <v>10734</v>
      </c>
      <c r="H30183" t="s">
        <v>10735</v>
      </c>
      <c r="I30183" s="2">
        <v>0</v>
      </c>
      <c r="J30183" s="2">
        <v>0</v>
      </c>
      <c r="K30183" s="2">
        <v>1</v>
      </c>
      <c r="L30183" t="s">
        <v>995</v>
      </c>
      <c r="M30183" t="s">
        <v>87</v>
      </c>
      <c r="N30183" t="s">
        <v>88</v>
      </c>
      <c r="O30183" t="s">
        <v>85</v>
      </c>
      <c r="P30183" t="s">
        <v>86</v>
      </c>
      <c r="Q30183">
        <v>28</v>
      </c>
      <c r="R30183">
        <v>28</v>
      </c>
      <c r="S30183">
        <v>29</v>
      </c>
      <c r="T30183">
        <v>29</v>
      </c>
      <c r="U30183">
        <v>30</v>
      </c>
      <c r="V30183">
        <v>30</v>
      </c>
      <c r="W30183">
        <v>31</v>
      </c>
      <c r="X30183">
        <v>31</v>
      </c>
      <c r="Y30183">
        <v>32</v>
      </c>
      <c r="Z30183">
        <v>32</v>
      </c>
      <c r="AA30183">
        <v>33</v>
      </c>
      <c r="AB30183">
        <v>33</v>
      </c>
      <c r="AC30183">
        <v>34</v>
      </c>
      <c r="AD30183">
        <v>35</v>
      </c>
      <c r="AE30183">
        <v>35</v>
      </c>
      <c r="AF30183">
        <v>36</v>
      </c>
      <c r="AG30183">
        <v>36</v>
      </c>
      <c r="AH30183">
        <v>37</v>
      </c>
      <c r="AI30183">
        <v>38</v>
      </c>
      <c r="AJ30183">
        <v>38</v>
      </c>
      <c r="AK30183">
        <v>39</v>
      </c>
      <c r="AL30183">
        <v>40</v>
      </c>
      <c r="AM30183">
        <v>40</v>
      </c>
      <c r="AN30183">
        <v>41</v>
      </c>
      <c r="AO30183">
        <v>42</v>
      </c>
      <c r="AP30183">
        <v>42</v>
      </c>
      <c r="AQ30183">
        <v>43</v>
      </c>
    </row>
    <row r="30184" spans="1:43">
      <c r="A30184" t="s">
        <v>18699</v>
      </c>
      <c r="B30184" t="s">
        <v>18700</v>
      </c>
      <c r="C30184" t="s">
        <v>18697</v>
      </c>
      <c r="D30184" t="s">
        <v>18698</v>
      </c>
      <c r="E30184" t="s">
        <v>18691</v>
      </c>
      <c r="F30184" t="s">
        <v>18692</v>
      </c>
      <c r="G30184" t="s">
        <v>10734</v>
      </c>
      <c r="H30184" t="s">
        <v>10735</v>
      </c>
      <c r="I30184" s="2">
        <v>0</v>
      </c>
      <c r="J30184" s="2">
        <v>0</v>
      </c>
      <c r="K30184" s="2">
        <v>1</v>
      </c>
      <c r="L30184" t="s">
        <v>995</v>
      </c>
      <c r="M30184" t="s">
        <v>89</v>
      </c>
      <c r="N30184" t="s">
        <v>90</v>
      </c>
      <c r="O30184" t="s">
        <v>85</v>
      </c>
      <c r="P30184" t="s">
        <v>86</v>
      </c>
      <c r="Q30184">
        <v>28</v>
      </c>
      <c r="R30184">
        <v>29</v>
      </c>
      <c r="S30184">
        <v>30</v>
      </c>
      <c r="T30184">
        <v>31</v>
      </c>
      <c r="U30184">
        <v>32</v>
      </c>
      <c r="V30184">
        <v>33</v>
      </c>
      <c r="W30184">
        <v>34</v>
      </c>
      <c r="X30184">
        <v>35</v>
      </c>
      <c r="Y30184">
        <v>36</v>
      </c>
      <c r="Z30184">
        <v>37</v>
      </c>
      <c r="AA30184">
        <v>38</v>
      </c>
      <c r="AB30184">
        <v>39</v>
      </c>
      <c r="AC30184">
        <v>40</v>
      </c>
      <c r="AD30184">
        <v>42</v>
      </c>
      <c r="AE30184">
        <v>42</v>
      </c>
      <c r="AF30184">
        <v>43</v>
      </c>
      <c r="AG30184">
        <v>44</v>
      </c>
      <c r="AH30184">
        <v>44</v>
      </c>
      <c r="AI30184">
        <v>45</v>
      </c>
      <c r="AJ30184">
        <v>45</v>
      </c>
      <c r="AK30184">
        <v>46</v>
      </c>
      <c r="AL30184">
        <v>47</v>
      </c>
      <c r="AM30184">
        <v>47</v>
      </c>
      <c r="AN30184">
        <v>48</v>
      </c>
      <c r="AO30184">
        <v>48</v>
      </c>
      <c r="AP30184">
        <v>49</v>
      </c>
      <c r="AQ30184">
        <v>50</v>
      </c>
    </row>
    <row r="30185" spans="1:43">
      <c r="A30185" t="s">
        <v>18699</v>
      </c>
      <c r="B30185" t="s">
        <v>18700</v>
      </c>
      <c r="C30185" t="s">
        <v>18697</v>
      </c>
      <c r="D30185" t="s">
        <v>18698</v>
      </c>
      <c r="E30185" t="s">
        <v>18691</v>
      </c>
      <c r="F30185" t="s">
        <v>18692</v>
      </c>
      <c r="G30185" t="s">
        <v>10734</v>
      </c>
      <c r="H30185" t="s">
        <v>10735</v>
      </c>
      <c r="I30185" s="2">
        <v>0</v>
      </c>
      <c r="J30185" s="2">
        <v>0</v>
      </c>
      <c r="K30185" s="2">
        <v>1</v>
      </c>
      <c r="L30185" t="s">
        <v>995</v>
      </c>
      <c r="M30185" t="s">
        <v>83</v>
      </c>
      <c r="N30185" t="s">
        <v>91</v>
      </c>
      <c r="O30185" t="s">
        <v>85</v>
      </c>
      <c r="P30185" t="s">
        <v>86</v>
      </c>
      <c r="Q30185">
        <v>28</v>
      </c>
      <c r="R30185">
        <v>29</v>
      </c>
      <c r="S30185">
        <v>29</v>
      </c>
      <c r="T30185">
        <v>30</v>
      </c>
      <c r="U30185">
        <v>31</v>
      </c>
      <c r="V30185">
        <v>32</v>
      </c>
      <c r="W30185">
        <v>33</v>
      </c>
      <c r="X30185">
        <v>34</v>
      </c>
      <c r="Y30185">
        <v>34</v>
      </c>
      <c r="Z30185">
        <v>35</v>
      </c>
      <c r="AA30185">
        <v>36</v>
      </c>
      <c r="AB30185">
        <v>37</v>
      </c>
      <c r="AC30185">
        <v>38</v>
      </c>
      <c r="AD30185">
        <v>39</v>
      </c>
      <c r="AE30185">
        <v>40</v>
      </c>
      <c r="AF30185">
        <v>41</v>
      </c>
      <c r="AG30185">
        <v>42</v>
      </c>
      <c r="AH30185">
        <v>43</v>
      </c>
      <c r="AI30185">
        <v>43</v>
      </c>
      <c r="AJ30185">
        <v>44</v>
      </c>
      <c r="AK30185">
        <v>45</v>
      </c>
      <c r="AL30185">
        <v>46</v>
      </c>
      <c r="AM30185">
        <v>47</v>
      </c>
      <c r="AN30185">
        <v>47</v>
      </c>
      <c r="AO30185">
        <v>48</v>
      </c>
      <c r="AP30185">
        <v>49</v>
      </c>
      <c r="AQ30185">
        <v>49</v>
      </c>
    </row>
    <row r="30186" spans="1:43">
      <c r="A30186" t="s">
        <v>18701</v>
      </c>
      <c r="B30186" t="s">
        <v>18702</v>
      </c>
      <c r="C30186" t="s">
        <v>18697</v>
      </c>
      <c r="D30186" t="s">
        <v>18698</v>
      </c>
      <c r="E30186" t="s">
        <v>18691</v>
      </c>
      <c r="F30186" t="s">
        <v>18692</v>
      </c>
      <c r="G30186" t="s">
        <v>10734</v>
      </c>
      <c r="H30186" t="s">
        <v>10735</v>
      </c>
      <c r="I30186" s="2">
        <v>0</v>
      </c>
      <c r="J30186" s="2">
        <v>0</v>
      </c>
      <c r="K30186" s="2">
        <v>1</v>
      </c>
      <c r="L30186" t="s">
        <v>995</v>
      </c>
      <c r="M30186" t="s">
        <v>83</v>
      </c>
      <c r="N30186" t="s">
        <v>84</v>
      </c>
      <c r="O30186" t="s">
        <v>85</v>
      </c>
      <c r="P30186" t="s">
        <v>86</v>
      </c>
      <c r="Q30186">
        <v>8</v>
      </c>
      <c r="R30186">
        <v>8</v>
      </c>
      <c r="S30186">
        <v>8</v>
      </c>
      <c r="T30186">
        <v>9</v>
      </c>
      <c r="U30186">
        <v>9</v>
      </c>
      <c r="V30186">
        <v>9</v>
      </c>
      <c r="W30186">
        <v>9</v>
      </c>
      <c r="X30186">
        <v>10</v>
      </c>
      <c r="Y30186">
        <v>10</v>
      </c>
      <c r="Z30186">
        <v>10</v>
      </c>
      <c r="AA30186">
        <v>10</v>
      </c>
      <c r="AB30186">
        <v>11</v>
      </c>
      <c r="AC30186">
        <v>11</v>
      </c>
      <c r="AD30186">
        <v>11</v>
      </c>
      <c r="AE30186">
        <v>11</v>
      </c>
      <c r="AF30186">
        <v>12</v>
      </c>
      <c r="AG30186">
        <v>12</v>
      </c>
      <c r="AH30186">
        <v>12</v>
      </c>
      <c r="AI30186">
        <v>12</v>
      </c>
      <c r="AJ30186">
        <v>13</v>
      </c>
      <c r="AK30186">
        <v>13</v>
      </c>
      <c r="AL30186">
        <v>13</v>
      </c>
      <c r="AM30186">
        <v>13</v>
      </c>
      <c r="AN30186">
        <v>14</v>
      </c>
      <c r="AO30186">
        <v>14</v>
      </c>
      <c r="AP30186">
        <v>14</v>
      </c>
      <c r="AQ30186">
        <v>14</v>
      </c>
    </row>
    <row r="30187" spans="1:43">
      <c r="A30187" t="s">
        <v>18701</v>
      </c>
      <c r="B30187" t="s">
        <v>18702</v>
      </c>
      <c r="C30187" t="s">
        <v>18697</v>
      </c>
      <c r="D30187" t="s">
        <v>18698</v>
      </c>
      <c r="E30187" t="s">
        <v>18691</v>
      </c>
      <c r="F30187" t="s">
        <v>18692</v>
      </c>
      <c r="G30187" t="s">
        <v>10734</v>
      </c>
      <c r="H30187" t="s">
        <v>10735</v>
      </c>
      <c r="I30187" s="2">
        <v>0</v>
      </c>
      <c r="J30187" s="2">
        <v>0</v>
      </c>
      <c r="K30187" s="2">
        <v>1</v>
      </c>
      <c r="L30187" t="s">
        <v>995</v>
      </c>
      <c r="M30187" t="s">
        <v>87</v>
      </c>
      <c r="N30187" t="s">
        <v>88</v>
      </c>
      <c r="O30187" t="s">
        <v>85</v>
      </c>
      <c r="P30187" t="s">
        <v>86</v>
      </c>
      <c r="Q30187">
        <v>8</v>
      </c>
      <c r="R30187">
        <v>8</v>
      </c>
      <c r="S30187">
        <v>8</v>
      </c>
      <c r="T30187">
        <v>8</v>
      </c>
      <c r="U30187">
        <v>9</v>
      </c>
      <c r="V30187">
        <v>9</v>
      </c>
      <c r="W30187">
        <v>9</v>
      </c>
      <c r="X30187">
        <v>9</v>
      </c>
      <c r="Y30187">
        <v>9</v>
      </c>
      <c r="Z30187">
        <v>9</v>
      </c>
      <c r="AA30187">
        <v>9</v>
      </c>
      <c r="AB30187">
        <v>10</v>
      </c>
      <c r="AC30187">
        <v>10</v>
      </c>
      <c r="AD30187">
        <v>10</v>
      </c>
      <c r="AE30187">
        <v>10</v>
      </c>
      <c r="AF30187">
        <v>10</v>
      </c>
      <c r="AG30187">
        <v>10</v>
      </c>
      <c r="AH30187">
        <v>11</v>
      </c>
      <c r="AI30187">
        <v>11</v>
      </c>
      <c r="AJ30187">
        <v>11</v>
      </c>
      <c r="AK30187">
        <v>11</v>
      </c>
      <c r="AL30187">
        <v>11</v>
      </c>
      <c r="AM30187">
        <v>12</v>
      </c>
      <c r="AN30187">
        <v>12</v>
      </c>
      <c r="AO30187">
        <v>12</v>
      </c>
      <c r="AP30187">
        <v>12</v>
      </c>
      <c r="AQ30187">
        <v>12</v>
      </c>
    </row>
    <row r="30188" spans="1:43">
      <c r="A30188" t="s">
        <v>18701</v>
      </c>
      <c r="B30188" t="s">
        <v>18702</v>
      </c>
      <c r="C30188" t="s">
        <v>18697</v>
      </c>
      <c r="D30188" t="s">
        <v>18698</v>
      </c>
      <c r="E30188" t="s">
        <v>18691</v>
      </c>
      <c r="F30188" t="s">
        <v>18692</v>
      </c>
      <c r="G30188" t="s">
        <v>10734</v>
      </c>
      <c r="H30188" t="s">
        <v>10735</v>
      </c>
      <c r="I30188" s="2">
        <v>0</v>
      </c>
      <c r="J30188" s="2">
        <v>0</v>
      </c>
      <c r="K30188" s="2">
        <v>1</v>
      </c>
      <c r="L30188" t="s">
        <v>995</v>
      </c>
      <c r="M30188" t="s">
        <v>89</v>
      </c>
      <c r="N30188" t="s">
        <v>90</v>
      </c>
      <c r="O30188" t="s">
        <v>85</v>
      </c>
      <c r="P30188" t="s">
        <v>86</v>
      </c>
      <c r="Q30188">
        <v>8</v>
      </c>
      <c r="R30188">
        <v>8</v>
      </c>
      <c r="S30188">
        <v>9</v>
      </c>
      <c r="T30188">
        <v>9</v>
      </c>
      <c r="U30188">
        <v>9</v>
      </c>
      <c r="V30188">
        <v>10</v>
      </c>
      <c r="W30188">
        <v>10</v>
      </c>
      <c r="X30188">
        <v>10</v>
      </c>
      <c r="Y30188">
        <v>10</v>
      </c>
      <c r="Z30188">
        <v>11</v>
      </c>
      <c r="AA30188">
        <v>11</v>
      </c>
      <c r="AB30188">
        <v>11</v>
      </c>
      <c r="AC30188">
        <v>12</v>
      </c>
      <c r="AD30188">
        <v>12</v>
      </c>
      <c r="AE30188">
        <v>12</v>
      </c>
      <c r="AF30188">
        <v>12</v>
      </c>
      <c r="AG30188">
        <v>13</v>
      </c>
      <c r="AH30188">
        <v>13</v>
      </c>
      <c r="AI30188">
        <v>13</v>
      </c>
      <c r="AJ30188">
        <v>13</v>
      </c>
      <c r="AK30188">
        <v>13</v>
      </c>
      <c r="AL30188">
        <v>13</v>
      </c>
      <c r="AM30188">
        <v>14</v>
      </c>
      <c r="AN30188">
        <v>14</v>
      </c>
      <c r="AO30188">
        <v>14</v>
      </c>
      <c r="AP30188">
        <v>14</v>
      </c>
      <c r="AQ30188">
        <v>14</v>
      </c>
    </row>
    <row r="30189" spans="1:43">
      <c r="A30189" t="s">
        <v>18701</v>
      </c>
      <c r="B30189" t="s">
        <v>18702</v>
      </c>
      <c r="C30189" t="s">
        <v>18697</v>
      </c>
      <c r="D30189" t="s">
        <v>18698</v>
      </c>
      <c r="E30189" t="s">
        <v>18691</v>
      </c>
      <c r="F30189" t="s">
        <v>18692</v>
      </c>
      <c r="G30189" t="s">
        <v>10734</v>
      </c>
      <c r="H30189" t="s">
        <v>10735</v>
      </c>
      <c r="I30189" s="2">
        <v>0</v>
      </c>
      <c r="J30189" s="2">
        <v>0</v>
      </c>
      <c r="K30189" s="2">
        <v>1</v>
      </c>
      <c r="L30189" t="s">
        <v>995</v>
      </c>
      <c r="M30189" t="s">
        <v>83</v>
      </c>
      <c r="N30189" t="s">
        <v>91</v>
      </c>
      <c r="O30189" t="s">
        <v>85</v>
      </c>
      <c r="P30189" t="s">
        <v>86</v>
      </c>
      <c r="Q30189">
        <v>8</v>
      </c>
      <c r="R30189">
        <v>8</v>
      </c>
      <c r="S30189">
        <v>8</v>
      </c>
      <c r="T30189">
        <v>9</v>
      </c>
      <c r="U30189">
        <v>9</v>
      </c>
      <c r="V30189">
        <v>9</v>
      </c>
      <c r="W30189">
        <v>9</v>
      </c>
      <c r="X30189">
        <v>10</v>
      </c>
      <c r="Y30189">
        <v>10</v>
      </c>
      <c r="Z30189">
        <v>10</v>
      </c>
      <c r="AA30189">
        <v>10</v>
      </c>
      <c r="AB30189">
        <v>11</v>
      </c>
      <c r="AC30189">
        <v>11</v>
      </c>
      <c r="AD30189">
        <v>11</v>
      </c>
      <c r="AE30189">
        <v>11</v>
      </c>
      <c r="AF30189">
        <v>12</v>
      </c>
      <c r="AG30189">
        <v>12</v>
      </c>
      <c r="AH30189">
        <v>12</v>
      </c>
      <c r="AI30189">
        <v>12</v>
      </c>
      <c r="AJ30189">
        <v>13</v>
      </c>
      <c r="AK30189">
        <v>13</v>
      </c>
      <c r="AL30189">
        <v>13</v>
      </c>
      <c r="AM30189">
        <v>13</v>
      </c>
      <c r="AN30189">
        <v>14</v>
      </c>
      <c r="AO30189">
        <v>14</v>
      </c>
      <c r="AP30189">
        <v>14</v>
      </c>
      <c r="AQ30189">
        <v>14</v>
      </c>
    </row>
    <row r="30190" spans="1:43">
      <c r="A30190" t="s">
        <v>18703</v>
      </c>
      <c r="B30190" t="s">
        <v>18704</v>
      </c>
      <c r="C30190" t="s">
        <v>18697</v>
      </c>
      <c r="D30190" t="s">
        <v>18698</v>
      </c>
      <c r="E30190" t="s">
        <v>18691</v>
      </c>
      <c r="F30190" t="s">
        <v>18692</v>
      </c>
      <c r="G30190" t="s">
        <v>10734</v>
      </c>
      <c r="H30190" t="s">
        <v>10735</v>
      </c>
      <c r="I30190" s="2">
        <v>0</v>
      </c>
      <c r="J30190" s="2">
        <v>0</v>
      </c>
      <c r="K30190" s="2">
        <v>1</v>
      </c>
      <c r="L30190" t="s">
        <v>995</v>
      </c>
      <c r="M30190" t="s">
        <v>83</v>
      </c>
      <c r="N30190" t="s">
        <v>84</v>
      </c>
      <c r="O30190" t="s">
        <v>85</v>
      </c>
      <c r="P30190" t="s">
        <v>86</v>
      </c>
      <c r="Q30190">
        <v>19</v>
      </c>
      <c r="R30190">
        <v>20</v>
      </c>
      <c r="S30190">
        <v>21</v>
      </c>
      <c r="T30190">
        <v>21</v>
      </c>
      <c r="U30190">
        <v>22</v>
      </c>
      <c r="V30190">
        <v>22</v>
      </c>
      <c r="W30190">
        <v>23</v>
      </c>
      <c r="X30190">
        <v>23</v>
      </c>
      <c r="Y30190">
        <v>24</v>
      </c>
      <c r="Z30190">
        <v>25</v>
      </c>
      <c r="AA30190">
        <v>25</v>
      </c>
      <c r="AB30190">
        <v>26</v>
      </c>
      <c r="AC30190">
        <v>26</v>
      </c>
      <c r="AD30190">
        <v>27</v>
      </c>
      <c r="AE30190">
        <v>28</v>
      </c>
      <c r="AF30190">
        <v>28</v>
      </c>
      <c r="AG30190">
        <v>29</v>
      </c>
      <c r="AH30190">
        <v>30</v>
      </c>
      <c r="AI30190">
        <v>30</v>
      </c>
      <c r="AJ30190">
        <v>31</v>
      </c>
      <c r="AK30190">
        <v>32</v>
      </c>
      <c r="AL30190">
        <v>32</v>
      </c>
      <c r="AM30190">
        <v>33</v>
      </c>
      <c r="AN30190">
        <v>33</v>
      </c>
      <c r="AO30190">
        <v>34</v>
      </c>
      <c r="AP30190">
        <v>34</v>
      </c>
      <c r="AQ30190">
        <v>34</v>
      </c>
    </row>
    <row r="30191" spans="1:43">
      <c r="A30191" t="s">
        <v>18703</v>
      </c>
      <c r="B30191" t="s">
        <v>18704</v>
      </c>
      <c r="C30191" t="s">
        <v>18697</v>
      </c>
      <c r="D30191" t="s">
        <v>18698</v>
      </c>
      <c r="E30191" t="s">
        <v>18691</v>
      </c>
      <c r="F30191" t="s">
        <v>18692</v>
      </c>
      <c r="G30191" t="s">
        <v>10734</v>
      </c>
      <c r="H30191" t="s">
        <v>10735</v>
      </c>
      <c r="I30191" s="2">
        <v>0</v>
      </c>
      <c r="J30191" s="2">
        <v>0</v>
      </c>
      <c r="K30191" s="2">
        <v>1</v>
      </c>
      <c r="L30191" t="s">
        <v>995</v>
      </c>
      <c r="M30191" t="s">
        <v>87</v>
      </c>
      <c r="N30191" t="s">
        <v>88</v>
      </c>
      <c r="O30191" t="s">
        <v>85</v>
      </c>
      <c r="P30191" t="s">
        <v>86</v>
      </c>
      <c r="Q30191">
        <v>19</v>
      </c>
      <c r="R30191">
        <v>20</v>
      </c>
      <c r="S30191">
        <v>20</v>
      </c>
      <c r="T30191">
        <v>20</v>
      </c>
      <c r="U30191">
        <v>21</v>
      </c>
      <c r="V30191">
        <v>21</v>
      </c>
      <c r="W30191">
        <v>21</v>
      </c>
      <c r="X30191">
        <v>22</v>
      </c>
      <c r="Y30191">
        <v>22</v>
      </c>
      <c r="Z30191">
        <v>23</v>
      </c>
      <c r="AA30191">
        <v>23</v>
      </c>
      <c r="AB30191">
        <v>23</v>
      </c>
      <c r="AC30191">
        <v>24</v>
      </c>
      <c r="AD30191">
        <v>24</v>
      </c>
      <c r="AE30191">
        <v>25</v>
      </c>
      <c r="AF30191">
        <v>25</v>
      </c>
      <c r="AG30191">
        <v>25</v>
      </c>
      <c r="AH30191">
        <v>26</v>
      </c>
      <c r="AI30191">
        <v>26</v>
      </c>
      <c r="AJ30191">
        <v>27</v>
      </c>
      <c r="AK30191">
        <v>27</v>
      </c>
      <c r="AL30191">
        <v>28</v>
      </c>
      <c r="AM30191">
        <v>28</v>
      </c>
      <c r="AN30191">
        <v>29</v>
      </c>
      <c r="AO30191">
        <v>29</v>
      </c>
      <c r="AP30191">
        <v>29</v>
      </c>
      <c r="AQ30191">
        <v>30</v>
      </c>
    </row>
    <row r="30192" spans="1:43">
      <c r="A30192" t="s">
        <v>18703</v>
      </c>
      <c r="B30192" t="s">
        <v>18704</v>
      </c>
      <c r="C30192" t="s">
        <v>18697</v>
      </c>
      <c r="D30192" t="s">
        <v>18698</v>
      </c>
      <c r="E30192" t="s">
        <v>18691</v>
      </c>
      <c r="F30192" t="s">
        <v>18692</v>
      </c>
      <c r="G30192" t="s">
        <v>10734</v>
      </c>
      <c r="H30192" t="s">
        <v>10735</v>
      </c>
      <c r="I30192" s="2">
        <v>0</v>
      </c>
      <c r="J30192" s="2">
        <v>0</v>
      </c>
      <c r="K30192" s="2">
        <v>1</v>
      </c>
      <c r="L30192" t="s">
        <v>995</v>
      </c>
      <c r="M30192" t="s">
        <v>89</v>
      </c>
      <c r="N30192" t="s">
        <v>90</v>
      </c>
      <c r="O30192" t="s">
        <v>85</v>
      </c>
      <c r="P30192" t="s">
        <v>86</v>
      </c>
      <c r="Q30192">
        <v>19</v>
      </c>
      <c r="R30192">
        <v>19</v>
      </c>
      <c r="S30192">
        <v>20</v>
      </c>
      <c r="T30192">
        <v>21</v>
      </c>
      <c r="U30192">
        <v>22</v>
      </c>
      <c r="V30192">
        <v>22</v>
      </c>
      <c r="W30192">
        <v>23</v>
      </c>
      <c r="X30192">
        <v>24</v>
      </c>
      <c r="Y30192">
        <v>24</v>
      </c>
      <c r="Z30192">
        <v>25</v>
      </c>
      <c r="AA30192">
        <v>26</v>
      </c>
      <c r="AB30192">
        <v>26</v>
      </c>
      <c r="AC30192">
        <v>27</v>
      </c>
      <c r="AD30192">
        <v>28</v>
      </c>
      <c r="AE30192">
        <v>29</v>
      </c>
      <c r="AF30192">
        <v>29</v>
      </c>
      <c r="AG30192">
        <v>29</v>
      </c>
      <c r="AH30192">
        <v>30</v>
      </c>
      <c r="AI30192">
        <v>30</v>
      </c>
      <c r="AJ30192">
        <v>31</v>
      </c>
      <c r="AK30192">
        <v>31</v>
      </c>
      <c r="AL30192">
        <v>32</v>
      </c>
      <c r="AM30192">
        <v>32</v>
      </c>
      <c r="AN30192">
        <v>32</v>
      </c>
      <c r="AO30192">
        <v>33</v>
      </c>
      <c r="AP30192">
        <v>33</v>
      </c>
      <c r="AQ30192">
        <v>34</v>
      </c>
    </row>
    <row r="30193" spans="1:43">
      <c r="A30193" t="s">
        <v>18703</v>
      </c>
      <c r="B30193" t="s">
        <v>18704</v>
      </c>
      <c r="C30193" t="s">
        <v>18697</v>
      </c>
      <c r="D30193" t="s">
        <v>18698</v>
      </c>
      <c r="E30193" t="s">
        <v>18691</v>
      </c>
      <c r="F30193" t="s">
        <v>18692</v>
      </c>
      <c r="G30193" t="s">
        <v>10734</v>
      </c>
      <c r="H30193" t="s">
        <v>10735</v>
      </c>
      <c r="I30193" s="2">
        <v>0</v>
      </c>
      <c r="J30193" s="2">
        <v>0</v>
      </c>
      <c r="K30193" s="2">
        <v>1</v>
      </c>
      <c r="L30193" t="s">
        <v>995</v>
      </c>
      <c r="M30193" t="s">
        <v>83</v>
      </c>
      <c r="N30193" t="s">
        <v>91</v>
      </c>
      <c r="O30193" t="s">
        <v>85</v>
      </c>
      <c r="P30193" t="s">
        <v>86</v>
      </c>
      <c r="Q30193">
        <v>19</v>
      </c>
      <c r="R30193">
        <v>20</v>
      </c>
      <c r="S30193">
        <v>21</v>
      </c>
      <c r="T30193">
        <v>21</v>
      </c>
      <c r="U30193">
        <v>22</v>
      </c>
      <c r="V30193">
        <v>22</v>
      </c>
      <c r="W30193">
        <v>23</v>
      </c>
      <c r="X30193">
        <v>23</v>
      </c>
      <c r="Y30193">
        <v>24</v>
      </c>
      <c r="Z30193">
        <v>25</v>
      </c>
      <c r="AA30193">
        <v>25</v>
      </c>
      <c r="AB30193">
        <v>26</v>
      </c>
      <c r="AC30193">
        <v>26</v>
      </c>
      <c r="AD30193">
        <v>27</v>
      </c>
      <c r="AE30193">
        <v>28</v>
      </c>
      <c r="AF30193">
        <v>28</v>
      </c>
      <c r="AG30193">
        <v>29</v>
      </c>
      <c r="AH30193">
        <v>30</v>
      </c>
      <c r="AI30193">
        <v>30</v>
      </c>
      <c r="AJ30193">
        <v>31</v>
      </c>
      <c r="AK30193">
        <v>32</v>
      </c>
      <c r="AL30193">
        <v>32</v>
      </c>
      <c r="AM30193">
        <v>33</v>
      </c>
      <c r="AN30193">
        <v>33</v>
      </c>
      <c r="AO30193">
        <v>34</v>
      </c>
      <c r="AP30193">
        <v>34</v>
      </c>
      <c r="AQ30193">
        <v>34</v>
      </c>
    </row>
    <row r="30194" spans="1:43">
      <c r="A30194" t="s">
        <v>18705</v>
      </c>
      <c r="B30194" t="s">
        <v>18706</v>
      </c>
      <c r="C30194" t="s">
        <v>18697</v>
      </c>
      <c r="D30194" t="s">
        <v>18698</v>
      </c>
      <c r="E30194" t="s">
        <v>18691</v>
      </c>
      <c r="F30194" t="s">
        <v>18692</v>
      </c>
      <c r="G30194" t="s">
        <v>10734</v>
      </c>
      <c r="H30194" t="s">
        <v>10735</v>
      </c>
      <c r="I30194" s="2">
        <v>0</v>
      </c>
      <c r="J30194" s="2">
        <v>0</v>
      </c>
      <c r="K30194" s="2">
        <v>1</v>
      </c>
      <c r="L30194" t="s">
        <v>995</v>
      </c>
      <c r="M30194" t="s">
        <v>83</v>
      </c>
      <c r="N30194" t="s">
        <v>84</v>
      </c>
      <c r="O30194" t="s">
        <v>85</v>
      </c>
      <c r="P30194" t="s">
        <v>86</v>
      </c>
      <c r="Q30194">
        <v>17</v>
      </c>
      <c r="R30194">
        <v>18</v>
      </c>
      <c r="S30194">
        <v>18</v>
      </c>
      <c r="T30194">
        <v>19</v>
      </c>
      <c r="U30194">
        <v>19</v>
      </c>
      <c r="V30194">
        <v>20</v>
      </c>
      <c r="W30194">
        <v>20</v>
      </c>
      <c r="X30194">
        <v>21</v>
      </c>
      <c r="Y30194">
        <v>21</v>
      </c>
      <c r="Z30194">
        <v>22</v>
      </c>
      <c r="AA30194">
        <v>22</v>
      </c>
      <c r="AB30194">
        <v>23</v>
      </c>
      <c r="AC30194">
        <v>23</v>
      </c>
      <c r="AD30194">
        <v>24</v>
      </c>
      <c r="AE30194">
        <v>25</v>
      </c>
      <c r="AF30194">
        <v>25</v>
      </c>
      <c r="AG30194">
        <v>26</v>
      </c>
      <c r="AH30194">
        <v>26</v>
      </c>
      <c r="AI30194">
        <v>27</v>
      </c>
      <c r="AJ30194">
        <v>28</v>
      </c>
      <c r="AK30194">
        <v>28</v>
      </c>
      <c r="AL30194">
        <v>29</v>
      </c>
      <c r="AM30194">
        <v>29</v>
      </c>
      <c r="AN30194">
        <v>29</v>
      </c>
      <c r="AO30194">
        <v>30</v>
      </c>
      <c r="AP30194">
        <v>30</v>
      </c>
      <c r="AQ30194">
        <v>31</v>
      </c>
    </row>
    <row r="30195" spans="1:43">
      <c r="A30195" t="s">
        <v>18705</v>
      </c>
      <c r="B30195" t="s">
        <v>18706</v>
      </c>
      <c r="C30195" t="s">
        <v>18697</v>
      </c>
      <c r="D30195" t="s">
        <v>18698</v>
      </c>
      <c r="E30195" t="s">
        <v>18691</v>
      </c>
      <c r="F30195" t="s">
        <v>18692</v>
      </c>
      <c r="G30195" t="s">
        <v>10734</v>
      </c>
      <c r="H30195" t="s">
        <v>10735</v>
      </c>
      <c r="I30195" s="2">
        <v>0</v>
      </c>
      <c r="J30195" s="2">
        <v>0</v>
      </c>
      <c r="K30195" s="2">
        <v>1</v>
      </c>
      <c r="L30195" t="s">
        <v>995</v>
      </c>
      <c r="M30195" t="s">
        <v>87</v>
      </c>
      <c r="N30195" t="s">
        <v>88</v>
      </c>
      <c r="O30195" t="s">
        <v>85</v>
      </c>
      <c r="P30195" t="s">
        <v>86</v>
      </c>
      <c r="Q30195">
        <v>17</v>
      </c>
      <c r="R30195">
        <v>17</v>
      </c>
      <c r="S30195">
        <v>18</v>
      </c>
      <c r="T30195">
        <v>18</v>
      </c>
      <c r="U30195">
        <v>18</v>
      </c>
      <c r="V30195">
        <v>19</v>
      </c>
      <c r="W30195">
        <v>19</v>
      </c>
      <c r="X30195">
        <v>19</v>
      </c>
      <c r="Y30195">
        <v>20</v>
      </c>
      <c r="Z30195">
        <v>20</v>
      </c>
      <c r="AA30195">
        <v>20</v>
      </c>
      <c r="AB30195">
        <v>21</v>
      </c>
      <c r="AC30195">
        <v>21</v>
      </c>
      <c r="AD30195">
        <v>21</v>
      </c>
      <c r="AE30195">
        <v>22</v>
      </c>
      <c r="AF30195">
        <v>22</v>
      </c>
      <c r="AG30195">
        <v>22</v>
      </c>
      <c r="AH30195">
        <v>23</v>
      </c>
      <c r="AI30195">
        <v>23</v>
      </c>
      <c r="AJ30195">
        <v>24</v>
      </c>
      <c r="AK30195">
        <v>24</v>
      </c>
      <c r="AL30195">
        <v>24</v>
      </c>
      <c r="AM30195">
        <v>25</v>
      </c>
      <c r="AN30195">
        <v>25</v>
      </c>
      <c r="AO30195">
        <v>26</v>
      </c>
      <c r="AP30195">
        <v>26</v>
      </c>
      <c r="AQ30195">
        <v>27</v>
      </c>
    </row>
    <row r="30196" spans="1:43">
      <c r="A30196" t="s">
        <v>18705</v>
      </c>
      <c r="B30196" t="s">
        <v>18706</v>
      </c>
      <c r="C30196" t="s">
        <v>18697</v>
      </c>
      <c r="D30196" t="s">
        <v>18698</v>
      </c>
      <c r="E30196" t="s">
        <v>18691</v>
      </c>
      <c r="F30196" t="s">
        <v>18692</v>
      </c>
      <c r="G30196" t="s">
        <v>10734</v>
      </c>
      <c r="H30196" t="s">
        <v>10735</v>
      </c>
      <c r="I30196" s="2">
        <v>0</v>
      </c>
      <c r="J30196" s="2">
        <v>0</v>
      </c>
      <c r="K30196" s="2">
        <v>1</v>
      </c>
      <c r="L30196" t="s">
        <v>995</v>
      </c>
      <c r="M30196" t="s">
        <v>89</v>
      </c>
      <c r="N30196" t="s">
        <v>90</v>
      </c>
      <c r="O30196" t="s">
        <v>85</v>
      </c>
      <c r="P30196" t="s">
        <v>86</v>
      </c>
      <c r="Q30196">
        <v>17</v>
      </c>
      <c r="R30196">
        <v>18</v>
      </c>
      <c r="S30196">
        <v>19</v>
      </c>
      <c r="T30196">
        <v>19</v>
      </c>
      <c r="U30196">
        <v>20</v>
      </c>
      <c r="V30196">
        <v>21</v>
      </c>
      <c r="W30196">
        <v>21</v>
      </c>
      <c r="X30196">
        <v>22</v>
      </c>
      <c r="Y30196">
        <v>22</v>
      </c>
      <c r="Z30196">
        <v>23</v>
      </c>
      <c r="AA30196">
        <v>24</v>
      </c>
      <c r="AB30196">
        <v>24</v>
      </c>
      <c r="AC30196">
        <v>25</v>
      </c>
      <c r="AD30196">
        <v>26</v>
      </c>
      <c r="AE30196">
        <v>26</v>
      </c>
      <c r="AF30196">
        <v>27</v>
      </c>
      <c r="AG30196">
        <v>27</v>
      </c>
      <c r="AH30196">
        <v>27</v>
      </c>
      <c r="AI30196">
        <v>28</v>
      </c>
      <c r="AJ30196">
        <v>28</v>
      </c>
      <c r="AK30196">
        <v>28</v>
      </c>
      <c r="AL30196">
        <v>29</v>
      </c>
      <c r="AM30196">
        <v>29</v>
      </c>
      <c r="AN30196">
        <v>30</v>
      </c>
      <c r="AO30196">
        <v>30</v>
      </c>
      <c r="AP30196">
        <v>30</v>
      </c>
      <c r="AQ30196">
        <v>31</v>
      </c>
    </row>
    <row r="30197" spans="1:43">
      <c r="A30197" t="s">
        <v>18705</v>
      </c>
      <c r="B30197" t="s">
        <v>18706</v>
      </c>
      <c r="C30197" t="s">
        <v>18697</v>
      </c>
      <c r="D30197" t="s">
        <v>18698</v>
      </c>
      <c r="E30197" t="s">
        <v>18691</v>
      </c>
      <c r="F30197" t="s">
        <v>18692</v>
      </c>
      <c r="G30197" t="s">
        <v>10734</v>
      </c>
      <c r="H30197" t="s">
        <v>10735</v>
      </c>
      <c r="I30197" s="2">
        <v>0</v>
      </c>
      <c r="J30197" s="2">
        <v>0</v>
      </c>
      <c r="K30197" s="2">
        <v>1</v>
      </c>
      <c r="L30197" t="s">
        <v>995</v>
      </c>
      <c r="M30197" t="s">
        <v>83</v>
      </c>
      <c r="N30197" t="s">
        <v>91</v>
      </c>
      <c r="O30197" t="s">
        <v>85</v>
      </c>
      <c r="P30197" t="s">
        <v>86</v>
      </c>
      <c r="Q30197">
        <v>17</v>
      </c>
      <c r="R30197">
        <v>18</v>
      </c>
      <c r="S30197">
        <v>18</v>
      </c>
      <c r="T30197">
        <v>19</v>
      </c>
      <c r="U30197">
        <v>19</v>
      </c>
      <c r="V30197">
        <v>20</v>
      </c>
      <c r="W30197">
        <v>20</v>
      </c>
      <c r="X30197">
        <v>21</v>
      </c>
      <c r="Y30197">
        <v>21</v>
      </c>
      <c r="Z30197">
        <v>22</v>
      </c>
      <c r="AA30197">
        <v>22</v>
      </c>
      <c r="AB30197">
        <v>23</v>
      </c>
      <c r="AC30197">
        <v>23</v>
      </c>
      <c r="AD30197">
        <v>24</v>
      </c>
      <c r="AE30197">
        <v>25</v>
      </c>
      <c r="AF30197">
        <v>25</v>
      </c>
      <c r="AG30197">
        <v>26</v>
      </c>
      <c r="AH30197">
        <v>26</v>
      </c>
      <c r="AI30197">
        <v>27</v>
      </c>
      <c r="AJ30197">
        <v>28</v>
      </c>
      <c r="AK30197">
        <v>28</v>
      </c>
      <c r="AL30197">
        <v>29</v>
      </c>
      <c r="AM30197">
        <v>29</v>
      </c>
      <c r="AN30197">
        <v>29</v>
      </c>
      <c r="AO30197">
        <v>30</v>
      </c>
      <c r="AP30197">
        <v>30</v>
      </c>
      <c r="AQ30197">
        <v>31</v>
      </c>
    </row>
    <row r="30198" spans="1:43">
      <c r="A30198" t="s">
        <v>18707</v>
      </c>
      <c r="B30198" t="s">
        <v>18708</v>
      </c>
      <c r="C30198" t="s">
        <v>18709</v>
      </c>
      <c r="D30198" t="s">
        <v>18710</v>
      </c>
      <c r="E30198" t="s">
        <v>18691</v>
      </c>
      <c r="F30198" t="s">
        <v>18692</v>
      </c>
      <c r="G30198" t="s">
        <v>10734</v>
      </c>
      <c r="H30198" t="s">
        <v>10735</v>
      </c>
      <c r="I30198" s="2">
        <v>0</v>
      </c>
      <c r="J30198" s="2">
        <v>0</v>
      </c>
      <c r="K30198" s="2">
        <v>0.82</v>
      </c>
      <c r="L30198" t="s">
        <v>995</v>
      </c>
      <c r="M30198" t="s">
        <v>83</v>
      </c>
      <c r="N30198" t="s">
        <v>84</v>
      </c>
      <c r="O30198" t="s">
        <v>85</v>
      </c>
      <c r="P30198" t="s">
        <v>86</v>
      </c>
      <c r="Q30198">
        <v>49</v>
      </c>
      <c r="R30198">
        <v>50</v>
      </c>
      <c r="S30198">
        <v>50</v>
      </c>
      <c r="T30198">
        <v>51</v>
      </c>
      <c r="U30198">
        <v>52</v>
      </c>
      <c r="V30198">
        <v>52</v>
      </c>
      <c r="W30198">
        <v>53</v>
      </c>
      <c r="X30198">
        <v>53</v>
      </c>
      <c r="Y30198">
        <v>54</v>
      </c>
      <c r="Z30198">
        <v>54</v>
      </c>
      <c r="AA30198">
        <v>55</v>
      </c>
      <c r="AB30198">
        <v>56</v>
      </c>
      <c r="AC30198">
        <v>56</v>
      </c>
      <c r="AD30198">
        <v>57</v>
      </c>
      <c r="AE30198">
        <v>57</v>
      </c>
      <c r="AF30198">
        <v>58</v>
      </c>
      <c r="AG30198">
        <v>58</v>
      </c>
      <c r="AH30198">
        <v>59</v>
      </c>
      <c r="AI30198">
        <v>59</v>
      </c>
      <c r="AJ30198">
        <v>60</v>
      </c>
      <c r="AK30198">
        <v>60</v>
      </c>
      <c r="AL30198">
        <v>60</v>
      </c>
      <c r="AM30198">
        <v>60</v>
      </c>
      <c r="AN30198">
        <v>60</v>
      </c>
      <c r="AO30198">
        <v>60</v>
      </c>
      <c r="AP30198">
        <v>60</v>
      </c>
      <c r="AQ30198">
        <v>60</v>
      </c>
    </row>
    <row r="30199" spans="1:43">
      <c r="A30199" t="s">
        <v>18707</v>
      </c>
      <c r="B30199" t="s">
        <v>18708</v>
      </c>
      <c r="C30199" t="s">
        <v>18709</v>
      </c>
      <c r="D30199" t="s">
        <v>18710</v>
      </c>
      <c r="E30199" t="s">
        <v>18691</v>
      </c>
      <c r="F30199" t="s">
        <v>18692</v>
      </c>
      <c r="G30199" t="s">
        <v>10734</v>
      </c>
      <c r="H30199" t="s">
        <v>10735</v>
      </c>
      <c r="I30199" s="2">
        <v>0</v>
      </c>
      <c r="J30199" s="2">
        <v>0</v>
      </c>
      <c r="K30199" s="2">
        <v>0.82</v>
      </c>
      <c r="L30199" t="s">
        <v>995</v>
      </c>
      <c r="M30199" t="s">
        <v>87</v>
      </c>
      <c r="N30199" t="s">
        <v>88</v>
      </c>
      <c r="O30199" t="s">
        <v>85</v>
      </c>
      <c r="P30199" t="s">
        <v>86</v>
      </c>
      <c r="Q30199">
        <v>49</v>
      </c>
      <c r="R30199">
        <v>49</v>
      </c>
      <c r="S30199">
        <v>49</v>
      </c>
      <c r="T30199">
        <v>49</v>
      </c>
      <c r="U30199">
        <v>49</v>
      </c>
      <c r="V30199">
        <v>49</v>
      </c>
      <c r="W30199">
        <v>50</v>
      </c>
      <c r="X30199">
        <v>50</v>
      </c>
      <c r="Y30199">
        <v>50</v>
      </c>
      <c r="Z30199">
        <v>50</v>
      </c>
      <c r="AA30199">
        <v>50</v>
      </c>
      <c r="AB30199">
        <v>50</v>
      </c>
      <c r="AC30199">
        <v>50</v>
      </c>
      <c r="AD30199">
        <v>50</v>
      </c>
      <c r="AE30199">
        <v>51</v>
      </c>
      <c r="AF30199">
        <v>51</v>
      </c>
      <c r="AG30199">
        <v>51</v>
      </c>
      <c r="AH30199">
        <v>51</v>
      </c>
      <c r="AI30199">
        <v>51</v>
      </c>
      <c r="AJ30199">
        <v>51</v>
      </c>
      <c r="AK30199">
        <v>51</v>
      </c>
      <c r="AL30199">
        <v>51</v>
      </c>
      <c r="AM30199">
        <v>51</v>
      </c>
      <c r="AN30199">
        <v>52</v>
      </c>
      <c r="AO30199">
        <v>52</v>
      </c>
      <c r="AP30199">
        <v>52</v>
      </c>
      <c r="AQ30199">
        <v>52</v>
      </c>
    </row>
    <row r="30200" spans="1:43">
      <c r="A30200" t="s">
        <v>18707</v>
      </c>
      <c r="B30200" t="s">
        <v>18708</v>
      </c>
      <c r="C30200" t="s">
        <v>18709</v>
      </c>
      <c r="D30200" t="s">
        <v>18710</v>
      </c>
      <c r="E30200" t="s">
        <v>18691</v>
      </c>
      <c r="F30200" t="s">
        <v>18692</v>
      </c>
      <c r="G30200" t="s">
        <v>10734</v>
      </c>
      <c r="H30200" t="s">
        <v>10735</v>
      </c>
      <c r="I30200" s="2">
        <v>0</v>
      </c>
      <c r="J30200" s="2">
        <v>0</v>
      </c>
      <c r="K30200" s="2">
        <v>0.82</v>
      </c>
      <c r="L30200" t="s">
        <v>995</v>
      </c>
      <c r="M30200" t="s">
        <v>89</v>
      </c>
      <c r="N30200" t="s">
        <v>90</v>
      </c>
      <c r="O30200" t="s">
        <v>85</v>
      </c>
      <c r="P30200" t="s">
        <v>86</v>
      </c>
      <c r="Q30200">
        <v>49</v>
      </c>
      <c r="R30200">
        <v>50</v>
      </c>
      <c r="S30200">
        <v>51</v>
      </c>
      <c r="T30200">
        <v>52</v>
      </c>
      <c r="U30200">
        <v>53</v>
      </c>
      <c r="V30200">
        <v>54</v>
      </c>
      <c r="W30200">
        <v>54</v>
      </c>
      <c r="X30200">
        <v>55</v>
      </c>
      <c r="Y30200">
        <v>56</v>
      </c>
      <c r="Z30200">
        <v>57</v>
      </c>
      <c r="AA30200">
        <v>58</v>
      </c>
      <c r="AB30200">
        <v>58</v>
      </c>
      <c r="AC30200">
        <v>59</v>
      </c>
      <c r="AD30200">
        <v>60</v>
      </c>
      <c r="AE30200">
        <v>60</v>
      </c>
      <c r="AF30200">
        <v>60</v>
      </c>
      <c r="AG30200">
        <v>60</v>
      </c>
      <c r="AH30200">
        <v>60</v>
      </c>
      <c r="AI30200">
        <v>60</v>
      </c>
      <c r="AJ30200">
        <v>60</v>
      </c>
      <c r="AK30200">
        <v>60</v>
      </c>
      <c r="AL30200">
        <v>60</v>
      </c>
      <c r="AM30200">
        <v>60</v>
      </c>
      <c r="AN30200">
        <v>60</v>
      </c>
      <c r="AO30200">
        <v>60</v>
      </c>
      <c r="AP30200">
        <v>59</v>
      </c>
      <c r="AQ30200">
        <v>59</v>
      </c>
    </row>
    <row r="30201" spans="1:43">
      <c r="A30201" t="s">
        <v>18707</v>
      </c>
      <c r="B30201" t="s">
        <v>18708</v>
      </c>
      <c r="C30201" t="s">
        <v>18709</v>
      </c>
      <c r="D30201" t="s">
        <v>18710</v>
      </c>
      <c r="E30201" t="s">
        <v>18691</v>
      </c>
      <c r="F30201" t="s">
        <v>18692</v>
      </c>
      <c r="G30201" t="s">
        <v>10734</v>
      </c>
      <c r="H30201" t="s">
        <v>10735</v>
      </c>
      <c r="I30201" s="2">
        <v>0</v>
      </c>
      <c r="J30201" s="2">
        <v>0</v>
      </c>
      <c r="K30201" s="2">
        <v>0.82</v>
      </c>
      <c r="L30201" t="s">
        <v>995</v>
      </c>
      <c r="M30201" t="s">
        <v>83</v>
      </c>
      <c r="N30201" t="s">
        <v>91</v>
      </c>
      <c r="O30201" t="s">
        <v>85</v>
      </c>
      <c r="P30201" t="s">
        <v>86</v>
      </c>
      <c r="Q30201">
        <v>49</v>
      </c>
      <c r="R30201">
        <v>50</v>
      </c>
      <c r="S30201">
        <v>50</v>
      </c>
      <c r="T30201">
        <v>51</v>
      </c>
      <c r="U30201">
        <v>52</v>
      </c>
      <c r="V30201">
        <v>52</v>
      </c>
      <c r="W30201">
        <v>53</v>
      </c>
      <c r="X30201">
        <v>53</v>
      </c>
      <c r="Y30201">
        <v>54</v>
      </c>
      <c r="Z30201">
        <v>54</v>
      </c>
      <c r="AA30201">
        <v>55</v>
      </c>
      <c r="AB30201">
        <v>56</v>
      </c>
      <c r="AC30201">
        <v>56</v>
      </c>
      <c r="AD30201">
        <v>57</v>
      </c>
      <c r="AE30201">
        <v>57</v>
      </c>
      <c r="AF30201">
        <v>58</v>
      </c>
      <c r="AG30201">
        <v>58</v>
      </c>
      <c r="AH30201">
        <v>59</v>
      </c>
      <c r="AI30201">
        <v>59</v>
      </c>
      <c r="AJ30201">
        <v>60</v>
      </c>
      <c r="AK30201">
        <v>60</v>
      </c>
      <c r="AL30201">
        <v>60</v>
      </c>
      <c r="AM30201">
        <v>60</v>
      </c>
      <c r="AN30201">
        <v>60</v>
      </c>
      <c r="AO30201">
        <v>60</v>
      </c>
      <c r="AP30201">
        <v>60</v>
      </c>
      <c r="AQ30201">
        <v>60</v>
      </c>
    </row>
    <row r="30202" spans="1:43">
      <c r="A30202" t="s">
        <v>18711</v>
      </c>
      <c r="B30202" t="s">
        <v>18712</v>
      </c>
      <c r="C30202" t="s">
        <v>18713</v>
      </c>
      <c r="D30202" t="s">
        <v>18714</v>
      </c>
      <c r="E30202" t="s">
        <v>18691</v>
      </c>
      <c r="F30202" t="s">
        <v>18692</v>
      </c>
      <c r="G30202" t="s">
        <v>10734</v>
      </c>
      <c r="H30202" t="s">
        <v>10735</v>
      </c>
      <c r="I30202" s="2">
        <v>0</v>
      </c>
      <c r="J30202" s="2">
        <v>0</v>
      </c>
      <c r="K30202" s="2">
        <v>1</v>
      </c>
      <c r="L30202" t="s">
        <v>995</v>
      </c>
      <c r="M30202" t="s">
        <v>83</v>
      </c>
      <c r="N30202" t="s">
        <v>84</v>
      </c>
      <c r="O30202" t="s">
        <v>85</v>
      </c>
      <c r="P30202" t="s">
        <v>86</v>
      </c>
      <c r="Q30202">
        <v>35</v>
      </c>
      <c r="R30202">
        <v>36</v>
      </c>
      <c r="S30202">
        <v>37</v>
      </c>
      <c r="T30202">
        <v>38</v>
      </c>
      <c r="U30202">
        <v>39</v>
      </c>
      <c r="V30202">
        <v>40</v>
      </c>
      <c r="W30202">
        <v>41</v>
      </c>
      <c r="X30202">
        <v>42</v>
      </c>
      <c r="Y30202">
        <v>43</v>
      </c>
      <c r="Z30202">
        <v>45</v>
      </c>
      <c r="AA30202">
        <v>46</v>
      </c>
      <c r="AB30202">
        <v>47</v>
      </c>
      <c r="AC30202">
        <v>48</v>
      </c>
      <c r="AD30202">
        <v>49</v>
      </c>
      <c r="AE30202">
        <v>50</v>
      </c>
      <c r="AF30202">
        <v>52</v>
      </c>
      <c r="AG30202">
        <v>53</v>
      </c>
      <c r="AH30202">
        <v>54</v>
      </c>
      <c r="AI30202">
        <v>55</v>
      </c>
      <c r="AJ30202">
        <v>57</v>
      </c>
      <c r="AK30202">
        <v>58</v>
      </c>
      <c r="AL30202">
        <v>59</v>
      </c>
      <c r="AM30202">
        <v>60</v>
      </c>
      <c r="AN30202">
        <v>61</v>
      </c>
      <c r="AO30202">
        <v>62</v>
      </c>
      <c r="AP30202">
        <v>62</v>
      </c>
      <c r="AQ30202">
        <v>63</v>
      </c>
    </row>
    <row r="30203" spans="1:43">
      <c r="A30203" t="s">
        <v>18711</v>
      </c>
      <c r="B30203" t="s">
        <v>18712</v>
      </c>
      <c r="C30203" t="s">
        <v>18713</v>
      </c>
      <c r="D30203" t="s">
        <v>18714</v>
      </c>
      <c r="E30203" t="s">
        <v>18691</v>
      </c>
      <c r="F30203" t="s">
        <v>18692</v>
      </c>
      <c r="G30203" t="s">
        <v>10734</v>
      </c>
      <c r="H30203" t="s">
        <v>10735</v>
      </c>
      <c r="I30203" s="2">
        <v>0</v>
      </c>
      <c r="J30203" s="2">
        <v>0</v>
      </c>
      <c r="K30203" s="2">
        <v>1</v>
      </c>
      <c r="L30203" t="s">
        <v>995</v>
      </c>
      <c r="M30203" t="s">
        <v>87</v>
      </c>
      <c r="N30203" t="s">
        <v>88</v>
      </c>
      <c r="O30203" t="s">
        <v>85</v>
      </c>
      <c r="P30203" t="s">
        <v>86</v>
      </c>
      <c r="Q30203">
        <v>35</v>
      </c>
      <c r="R30203">
        <v>35</v>
      </c>
      <c r="S30203">
        <v>36</v>
      </c>
      <c r="T30203">
        <v>37</v>
      </c>
      <c r="U30203">
        <v>37</v>
      </c>
      <c r="V30203">
        <v>38</v>
      </c>
      <c r="W30203">
        <v>39</v>
      </c>
      <c r="X30203">
        <v>39</v>
      </c>
      <c r="Y30203">
        <v>40</v>
      </c>
      <c r="Z30203">
        <v>41</v>
      </c>
      <c r="AA30203">
        <v>42</v>
      </c>
      <c r="AB30203">
        <v>42</v>
      </c>
      <c r="AC30203">
        <v>43</v>
      </c>
      <c r="AD30203">
        <v>44</v>
      </c>
      <c r="AE30203">
        <v>45</v>
      </c>
      <c r="AF30203">
        <v>45</v>
      </c>
      <c r="AG30203">
        <v>46</v>
      </c>
      <c r="AH30203">
        <v>47</v>
      </c>
      <c r="AI30203">
        <v>48</v>
      </c>
      <c r="AJ30203">
        <v>49</v>
      </c>
      <c r="AK30203">
        <v>50</v>
      </c>
      <c r="AL30203">
        <v>50</v>
      </c>
      <c r="AM30203">
        <v>51</v>
      </c>
      <c r="AN30203">
        <v>52</v>
      </c>
      <c r="AO30203">
        <v>53</v>
      </c>
      <c r="AP30203">
        <v>54</v>
      </c>
      <c r="AQ30203">
        <v>55</v>
      </c>
    </row>
    <row r="30204" spans="1:43">
      <c r="A30204" t="s">
        <v>18711</v>
      </c>
      <c r="B30204" t="s">
        <v>18712</v>
      </c>
      <c r="C30204" t="s">
        <v>18713</v>
      </c>
      <c r="D30204" t="s">
        <v>18714</v>
      </c>
      <c r="E30204" t="s">
        <v>18691</v>
      </c>
      <c r="F30204" t="s">
        <v>18692</v>
      </c>
      <c r="G30204" t="s">
        <v>10734</v>
      </c>
      <c r="H30204" t="s">
        <v>10735</v>
      </c>
      <c r="I30204" s="2">
        <v>0</v>
      </c>
      <c r="J30204" s="2">
        <v>0</v>
      </c>
      <c r="K30204" s="2">
        <v>1</v>
      </c>
      <c r="L30204" t="s">
        <v>995</v>
      </c>
      <c r="M30204" t="s">
        <v>89</v>
      </c>
      <c r="N30204" t="s">
        <v>90</v>
      </c>
      <c r="O30204" t="s">
        <v>85</v>
      </c>
      <c r="P30204" t="s">
        <v>86</v>
      </c>
      <c r="Q30204">
        <v>35</v>
      </c>
      <c r="R30204">
        <v>37</v>
      </c>
      <c r="S30204">
        <v>38</v>
      </c>
      <c r="T30204">
        <v>39</v>
      </c>
      <c r="U30204">
        <v>41</v>
      </c>
      <c r="V30204">
        <v>42</v>
      </c>
      <c r="W30204">
        <v>43</v>
      </c>
      <c r="X30204">
        <v>45</v>
      </c>
      <c r="Y30204">
        <v>46</v>
      </c>
      <c r="Z30204">
        <v>47</v>
      </c>
      <c r="AA30204">
        <v>49</v>
      </c>
      <c r="AB30204">
        <v>50</v>
      </c>
      <c r="AC30204">
        <v>51</v>
      </c>
      <c r="AD30204">
        <v>53</v>
      </c>
      <c r="AE30204">
        <v>54</v>
      </c>
      <c r="AF30204">
        <v>55</v>
      </c>
      <c r="AG30204">
        <v>56</v>
      </c>
      <c r="AH30204">
        <v>56</v>
      </c>
      <c r="AI30204">
        <v>57</v>
      </c>
      <c r="AJ30204">
        <v>58</v>
      </c>
      <c r="AK30204">
        <v>59</v>
      </c>
      <c r="AL30204">
        <v>60</v>
      </c>
      <c r="AM30204">
        <v>60</v>
      </c>
      <c r="AN30204">
        <v>61</v>
      </c>
      <c r="AO30204">
        <v>62</v>
      </c>
      <c r="AP30204">
        <v>63</v>
      </c>
      <c r="AQ30204">
        <v>64</v>
      </c>
    </row>
    <row r="30205" spans="1:43">
      <c r="A30205" t="s">
        <v>18711</v>
      </c>
      <c r="B30205" t="s">
        <v>18712</v>
      </c>
      <c r="C30205" t="s">
        <v>18713</v>
      </c>
      <c r="D30205" t="s">
        <v>18714</v>
      </c>
      <c r="E30205" t="s">
        <v>18691</v>
      </c>
      <c r="F30205" t="s">
        <v>18692</v>
      </c>
      <c r="G30205" t="s">
        <v>10734</v>
      </c>
      <c r="H30205" t="s">
        <v>10735</v>
      </c>
      <c r="I30205" s="2">
        <v>0</v>
      </c>
      <c r="J30205" s="2">
        <v>0</v>
      </c>
      <c r="K30205" s="2">
        <v>1</v>
      </c>
      <c r="L30205" t="s">
        <v>995</v>
      </c>
      <c r="M30205" t="s">
        <v>83</v>
      </c>
      <c r="N30205" t="s">
        <v>91</v>
      </c>
      <c r="O30205" t="s">
        <v>85</v>
      </c>
      <c r="P30205" t="s">
        <v>86</v>
      </c>
      <c r="Q30205">
        <v>35</v>
      </c>
      <c r="R30205">
        <v>36</v>
      </c>
      <c r="S30205">
        <v>37</v>
      </c>
      <c r="T30205">
        <v>38</v>
      </c>
      <c r="U30205">
        <v>39</v>
      </c>
      <c r="V30205">
        <v>40</v>
      </c>
      <c r="W30205">
        <v>41</v>
      </c>
      <c r="X30205">
        <v>42</v>
      </c>
      <c r="Y30205">
        <v>43</v>
      </c>
      <c r="Z30205">
        <v>45</v>
      </c>
      <c r="AA30205">
        <v>46</v>
      </c>
      <c r="AB30205">
        <v>47</v>
      </c>
      <c r="AC30205">
        <v>48</v>
      </c>
      <c r="AD30205">
        <v>49</v>
      </c>
      <c r="AE30205">
        <v>50</v>
      </c>
      <c r="AF30205">
        <v>52</v>
      </c>
      <c r="AG30205">
        <v>53</v>
      </c>
      <c r="AH30205">
        <v>54</v>
      </c>
      <c r="AI30205">
        <v>55</v>
      </c>
      <c r="AJ30205">
        <v>57</v>
      </c>
      <c r="AK30205">
        <v>58</v>
      </c>
      <c r="AL30205">
        <v>59</v>
      </c>
      <c r="AM30205">
        <v>60</v>
      </c>
      <c r="AN30205">
        <v>61</v>
      </c>
      <c r="AO30205">
        <v>62</v>
      </c>
      <c r="AP30205">
        <v>62</v>
      </c>
      <c r="AQ30205">
        <v>63</v>
      </c>
    </row>
    <row r="30206" spans="1:43">
      <c r="A30206" t="s">
        <v>18715</v>
      </c>
      <c r="B30206" t="s">
        <v>18716</v>
      </c>
      <c r="C30206" t="s">
        <v>18717</v>
      </c>
      <c r="D30206" t="s">
        <v>18718</v>
      </c>
      <c r="E30206" t="s">
        <v>18691</v>
      </c>
      <c r="F30206" t="s">
        <v>18692</v>
      </c>
      <c r="G30206" t="s">
        <v>10734</v>
      </c>
      <c r="H30206" t="s">
        <v>10735</v>
      </c>
      <c r="I30206" s="2">
        <v>0</v>
      </c>
      <c r="J30206" s="2">
        <v>0</v>
      </c>
      <c r="K30206" s="2">
        <v>1</v>
      </c>
      <c r="L30206" t="s">
        <v>995</v>
      </c>
      <c r="M30206" t="s">
        <v>83</v>
      </c>
      <c r="N30206" t="s">
        <v>84</v>
      </c>
      <c r="O30206" t="s">
        <v>85</v>
      </c>
      <c r="P30206" t="s">
        <v>86</v>
      </c>
      <c r="Q30206">
        <v>35</v>
      </c>
      <c r="R30206">
        <v>36</v>
      </c>
      <c r="S30206">
        <v>37</v>
      </c>
      <c r="T30206">
        <v>38</v>
      </c>
      <c r="U30206">
        <v>39</v>
      </c>
      <c r="V30206">
        <v>40</v>
      </c>
      <c r="W30206">
        <v>41</v>
      </c>
      <c r="X30206">
        <v>42</v>
      </c>
      <c r="Y30206">
        <v>43</v>
      </c>
      <c r="Z30206">
        <v>44</v>
      </c>
      <c r="AA30206">
        <v>45</v>
      </c>
      <c r="AB30206">
        <v>46</v>
      </c>
      <c r="AC30206">
        <v>47</v>
      </c>
      <c r="AD30206">
        <v>49</v>
      </c>
      <c r="AE30206">
        <v>50</v>
      </c>
      <c r="AF30206">
        <v>51</v>
      </c>
      <c r="AG30206">
        <v>52</v>
      </c>
      <c r="AH30206">
        <v>53</v>
      </c>
      <c r="AI30206">
        <v>55</v>
      </c>
      <c r="AJ30206">
        <v>56</v>
      </c>
      <c r="AK30206">
        <v>57</v>
      </c>
      <c r="AL30206">
        <v>58</v>
      </c>
      <c r="AM30206">
        <v>59</v>
      </c>
      <c r="AN30206">
        <v>60</v>
      </c>
      <c r="AO30206">
        <v>60</v>
      </c>
      <c r="AP30206">
        <v>61</v>
      </c>
      <c r="AQ30206">
        <v>62</v>
      </c>
    </row>
    <row r="30207" spans="1:43">
      <c r="A30207" t="s">
        <v>18715</v>
      </c>
      <c r="B30207" t="s">
        <v>18716</v>
      </c>
      <c r="C30207" t="s">
        <v>18717</v>
      </c>
      <c r="D30207" t="s">
        <v>18718</v>
      </c>
      <c r="E30207" t="s">
        <v>18691</v>
      </c>
      <c r="F30207" t="s">
        <v>18692</v>
      </c>
      <c r="G30207" t="s">
        <v>10734</v>
      </c>
      <c r="H30207" t="s">
        <v>10735</v>
      </c>
      <c r="I30207" s="2">
        <v>0</v>
      </c>
      <c r="J30207" s="2">
        <v>0</v>
      </c>
      <c r="K30207" s="2">
        <v>1</v>
      </c>
      <c r="L30207" t="s">
        <v>995</v>
      </c>
      <c r="M30207" t="s">
        <v>87</v>
      </c>
      <c r="N30207" t="s">
        <v>88</v>
      </c>
      <c r="O30207" t="s">
        <v>85</v>
      </c>
      <c r="P30207" t="s">
        <v>86</v>
      </c>
      <c r="Q30207">
        <v>35</v>
      </c>
      <c r="R30207">
        <v>35</v>
      </c>
      <c r="S30207">
        <v>36</v>
      </c>
      <c r="T30207">
        <v>36</v>
      </c>
      <c r="U30207">
        <v>37</v>
      </c>
      <c r="V30207">
        <v>38</v>
      </c>
      <c r="W30207">
        <v>38</v>
      </c>
      <c r="X30207">
        <v>39</v>
      </c>
      <c r="Y30207">
        <v>40</v>
      </c>
      <c r="Z30207">
        <v>40</v>
      </c>
      <c r="AA30207">
        <v>41</v>
      </c>
      <c r="AB30207">
        <v>42</v>
      </c>
      <c r="AC30207">
        <v>43</v>
      </c>
      <c r="AD30207">
        <v>43</v>
      </c>
      <c r="AE30207">
        <v>44</v>
      </c>
      <c r="AF30207">
        <v>45</v>
      </c>
      <c r="AG30207">
        <v>46</v>
      </c>
      <c r="AH30207">
        <v>46</v>
      </c>
      <c r="AI30207">
        <v>47</v>
      </c>
      <c r="AJ30207">
        <v>48</v>
      </c>
      <c r="AK30207">
        <v>49</v>
      </c>
      <c r="AL30207">
        <v>50</v>
      </c>
      <c r="AM30207">
        <v>50</v>
      </c>
      <c r="AN30207">
        <v>51</v>
      </c>
      <c r="AO30207">
        <v>52</v>
      </c>
      <c r="AP30207">
        <v>53</v>
      </c>
      <c r="AQ30207">
        <v>54</v>
      </c>
    </row>
    <row r="30208" spans="1:43">
      <c r="A30208" t="s">
        <v>18715</v>
      </c>
      <c r="B30208" t="s">
        <v>18716</v>
      </c>
      <c r="C30208" t="s">
        <v>18717</v>
      </c>
      <c r="D30208" t="s">
        <v>18718</v>
      </c>
      <c r="E30208" t="s">
        <v>18691</v>
      </c>
      <c r="F30208" t="s">
        <v>18692</v>
      </c>
      <c r="G30208" t="s">
        <v>10734</v>
      </c>
      <c r="H30208" t="s">
        <v>10735</v>
      </c>
      <c r="I30208" s="2">
        <v>0</v>
      </c>
      <c r="J30208" s="2">
        <v>0</v>
      </c>
      <c r="K30208" s="2">
        <v>1</v>
      </c>
      <c r="L30208" t="s">
        <v>995</v>
      </c>
      <c r="M30208" t="s">
        <v>89</v>
      </c>
      <c r="N30208" t="s">
        <v>90</v>
      </c>
      <c r="O30208" t="s">
        <v>85</v>
      </c>
      <c r="P30208" t="s">
        <v>86</v>
      </c>
      <c r="Q30208">
        <v>35</v>
      </c>
      <c r="R30208">
        <v>36</v>
      </c>
      <c r="S30208">
        <v>38</v>
      </c>
      <c r="T30208">
        <v>39</v>
      </c>
      <c r="U30208">
        <v>40</v>
      </c>
      <c r="V30208">
        <v>42</v>
      </c>
      <c r="W30208">
        <v>43</v>
      </c>
      <c r="X30208">
        <v>44</v>
      </c>
      <c r="Y30208">
        <v>45</v>
      </c>
      <c r="Z30208">
        <v>47</v>
      </c>
      <c r="AA30208">
        <v>48</v>
      </c>
      <c r="AB30208">
        <v>49</v>
      </c>
      <c r="AC30208">
        <v>51</v>
      </c>
      <c r="AD30208">
        <v>52</v>
      </c>
      <c r="AE30208">
        <v>53</v>
      </c>
      <c r="AF30208">
        <v>54</v>
      </c>
      <c r="AG30208">
        <v>55</v>
      </c>
      <c r="AH30208">
        <v>55</v>
      </c>
      <c r="AI30208">
        <v>56</v>
      </c>
      <c r="AJ30208">
        <v>57</v>
      </c>
      <c r="AK30208">
        <v>58</v>
      </c>
      <c r="AL30208">
        <v>58</v>
      </c>
      <c r="AM30208">
        <v>59</v>
      </c>
      <c r="AN30208">
        <v>60</v>
      </c>
      <c r="AO30208">
        <v>61</v>
      </c>
      <c r="AP30208">
        <v>62</v>
      </c>
      <c r="AQ30208">
        <v>62</v>
      </c>
    </row>
    <row r="30209" spans="1:43">
      <c r="A30209" t="s">
        <v>18715</v>
      </c>
      <c r="B30209" t="s">
        <v>18716</v>
      </c>
      <c r="C30209" t="s">
        <v>18717</v>
      </c>
      <c r="D30209" t="s">
        <v>18718</v>
      </c>
      <c r="E30209" t="s">
        <v>18691</v>
      </c>
      <c r="F30209" t="s">
        <v>18692</v>
      </c>
      <c r="G30209" t="s">
        <v>10734</v>
      </c>
      <c r="H30209" t="s">
        <v>10735</v>
      </c>
      <c r="I30209" s="2">
        <v>0</v>
      </c>
      <c r="J30209" s="2">
        <v>0</v>
      </c>
      <c r="K30209" s="2">
        <v>1</v>
      </c>
      <c r="L30209" t="s">
        <v>995</v>
      </c>
      <c r="M30209" t="s">
        <v>83</v>
      </c>
      <c r="N30209" t="s">
        <v>91</v>
      </c>
      <c r="O30209" t="s">
        <v>85</v>
      </c>
      <c r="P30209" t="s">
        <v>86</v>
      </c>
      <c r="Q30209">
        <v>35</v>
      </c>
      <c r="R30209">
        <v>36</v>
      </c>
      <c r="S30209">
        <v>37</v>
      </c>
      <c r="T30209">
        <v>38</v>
      </c>
      <c r="U30209">
        <v>39</v>
      </c>
      <c r="V30209">
        <v>40</v>
      </c>
      <c r="W30209">
        <v>41</v>
      </c>
      <c r="X30209">
        <v>42</v>
      </c>
      <c r="Y30209">
        <v>43</v>
      </c>
      <c r="Z30209">
        <v>44</v>
      </c>
      <c r="AA30209">
        <v>45</v>
      </c>
      <c r="AB30209">
        <v>46</v>
      </c>
      <c r="AC30209">
        <v>47</v>
      </c>
      <c r="AD30209">
        <v>49</v>
      </c>
      <c r="AE30209">
        <v>50</v>
      </c>
      <c r="AF30209">
        <v>51</v>
      </c>
      <c r="AG30209">
        <v>52</v>
      </c>
      <c r="AH30209">
        <v>53</v>
      </c>
      <c r="AI30209">
        <v>55</v>
      </c>
      <c r="AJ30209">
        <v>56</v>
      </c>
      <c r="AK30209">
        <v>57</v>
      </c>
      <c r="AL30209">
        <v>58</v>
      </c>
      <c r="AM30209">
        <v>59</v>
      </c>
      <c r="AN30209">
        <v>60</v>
      </c>
      <c r="AO30209">
        <v>60</v>
      </c>
      <c r="AP30209">
        <v>61</v>
      </c>
      <c r="AQ30209">
        <v>62</v>
      </c>
    </row>
    <row r="30210" spans="1:43">
      <c r="A30210" t="s">
        <v>18719</v>
      </c>
      <c r="B30210" t="s">
        <v>18720</v>
      </c>
      <c r="C30210" t="s">
        <v>18721</v>
      </c>
      <c r="D30210" t="s">
        <v>18722</v>
      </c>
      <c r="E30210" t="s">
        <v>18691</v>
      </c>
      <c r="F30210" t="s">
        <v>18692</v>
      </c>
      <c r="G30210" t="s">
        <v>10734</v>
      </c>
      <c r="H30210" t="s">
        <v>10735</v>
      </c>
      <c r="I30210" s="2">
        <v>0</v>
      </c>
      <c r="J30210" s="2">
        <v>0</v>
      </c>
      <c r="K30210" s="2">
        <v>1</v>
      </c>
      <c r="L30210" t="s">
        <v>995</v>
      </c>
      <c r="M30210" t="s">
        <v>83</v>
      </c>
      <c r="N30210" t="s">
        <v>84</v>
      </c>
      <c r="O30210" t="s">
        <v>85</v>
      </c>
      <c r="P30210" t="s">
        <v>86</v>
      </c>
      <c r="Q30210">
        <v>36</v>
      </c>
      <c r="R30210">
        <v>37</v>
      </c>
      <c r="S30210">
        <v>38</v>
      </c>
      <c r="T30210">
        <v>39</v>
      </c>
      <c r="U30210">
        <v>40</v>
      </c>
      <c r="V30210">
        <v>41</v>
      </c>
      <c r="W30210">
        <v>42</v>
      </c>
      <c r="X30210">
        <v>43</v>
      </c>
      <c r="Y30210">
        <v>44</v>
      </c>
      <c r="Z30210">
        <v>46</v>
      </c>
      <c r="AA30210">
        <v>47</v>
      </c>
      <c r="AB30210">
        <v>48</v>
      </c>
      <c r="AC30210">
        <v>49</v>
      </c>
      <c r="AD30210">
        <v>50</v>
      </c>
      <c r="AE30210">
        <v>52</v>
      </c>
      <c r="AF30210">
        <v>53</v>
      </c>
      <c r="AG30210">
        <v>54</v>
      </c>
      <c r="AH30210">
        <v>56</v>
      </c>
      <c r="AI30210">
        <v>57</v>
      </c>
      <c r="AJ30210">
        <v>58</v>
      </c>
      <c r="AK30210">
        <v>60</v>
      </c>
      <c r="AL30210">
        <v>61</v>
      </c>
      <c r="AM30210">
        <v>62</v>
      </c>
      <c r="AN30210">
        <v>63</v>
      </c>
      <c r="AO30210">
        <v>63</v>
      </c>
      <c r="AP30210">
        <v>64</v>
      </c>
      <c r="AQ30210">
        <v>65</v>
      </c>
    </row>
    <row r="30211" spans="1:43">
      <c r="A30211" t="s">
        <v>18719</v>
      </c>
      <c r="B30211" t="s">
        <v>18720</v>
      </c>
      <c r="C30211" t="s">
        <v>18721</v>
      </c>
      <c r="D30211" t="s">
        <v>18722</v>
      </c>
      <c r="E30211" t="s">
        <v>18691</v>
      </c>
      <c r="F30211" t="s">
        <v>18692</v>
      </c>
      <c r="G30211" t="s">
        <v>10734</v>
      </c>
      <c r="H30211" t="s">
        <v>10735</v>
      </c>
      <c r="I30211" s="2">
        <v>0</v>
      </c>
      <c r="J30211" s="2">
        <v>0</v>
      </c>
      <c r="K30211" s="2">
        <v>1</v>
      </c>
      <c r="L30211" t="s">
        <v>995</v>
      </c>
      <c r="M30211" t="s">
        <v>87</v>
      </c>
      <c r="N30211" t="s">
        <v>88</v>
      </c>
      <c r="O30211" t="s">
        <v>85</v>
      </c>
      <c r="P30211" t="s">
        <v>86</v>
      </c>
      <c r="Q30211">
        <v>36</v>
      </c>
      <c r="R30211">
        <v>37</v>
      </c>
      <c r="S30211">
        <v>38</v>
      </c>
      <c r="T30211">
        <v>38</v>
      </c>
      <c r="U30211">
        <v>39</v>
      </c>
      <c r="V30211">
        <v>40</v>
      </c>
      <c r="W30211">
        <v>41</v>
      </c>
      <c r="X30211">
        <v>41</v>
      </c>
      <c r="Y30211">
        <v>42</v>
      </c>
      <c r="Z30211">
        <v>43</v>
      </c>
      <c r="AA30211">
        <v>44</v>
      </c>
      <c r="AB30211">
        <v>44</v>
      </c>
      <c r="AC30211">
        <v>45</v>
      </c>
      <c r="AD30211">
        <v>46</v>
      </c>
      <c r="AE30211">
        <v>47</v>
      </c>
      <c r="AF30211">
        <v>48</v>
      </c>
      <c r="AG30211">
        <v>48</v>
      </c>
      <c r="AH30211">
        <v>49</v>
      </c>
      <c r="AI30211">
        <v>50</v>
      </c>
      <c r="AJ30211">
        <v>51</v>
      </c>
      <c r="AK30211">
        <v>52</v>
      </c>
      <c r="AL30211">
        <v>53</v>
      </c>
      <c r="AM30211">
        <v>54</v>
      </c>
      <c r="AN30211">
        <v>55</v>
      </c>
      <c r="AO30211">
        <v>56</v>
      </c>
      <c r="AP30211">
        <v>57</v>
      </c>
      <c r="AQ30211">
        <v>58</v>
      </c>
    </row>
    <row r="30212" spans="1:43">
      <c r="A30212" t="s">
        <v>18719</v>
      </c>
      <c r="B30212" t="s">
        <v>18720</v>
      </c>
      <c r="C30212" t="s">
        <v>18721</v>
      </c>
      <c r="D30212" t="s">
        <v>18722</v>
      </c>
      <c r="E30212" t="s">
        <v>18691</v>
      </c>
      <c r="F30212" t="s">
        <v>18692</v>
      </c>
      <c r="G30212" t="s">
        <v>10734</v>
      </c>
      <c r="H30212" t="s">
        <v>10735</v>
      </c>
      <c r="I30212" s="2">
        <v>0</v>
      </c>
      <c r="J30212" s="2">
        <v>0</v>
      </c>
      <c r="K30212" s="2">
        <v>1</v>
      </c>
      <c r="L30212" t="s">
        <v>995</v>
      </c>
      <c r="M30212" t="s">
        <v>89</v>
      </c>
      <c r="N30212" t="s">
        <v>90</v>
      </c>
      <c r="O30212" t="s">
        <v>85</v>
      </c>
      <c r="P30212" t="s">
        <v>86</v>
      </c>
      <c r="Q30212">
        <v>36</v>
      </c>
      <c r="R30212">
        <v>37</v>
      </c>
      <c r="S30212">
        <v>39</v>
      </c>
      <c r="T30212">
        <v>40</v>
      </c>
      <c r="U30212">
        <v>41</v>
      </c>
      <c r="V30212">
        <v>43</v>
      </c>
      <c r="W30212">
        <v>44</v>
      </c>
      <c r="X30212">
        <v>46</v>
      </c>
      <c r="Y30212">
        <v>47</v>
      </c>
      <c r="Z30212">
        <v>48</v>
      </c>
      <c r="AA30212">
        <v>50</v>
      </c>
      <c r="AB30212">
        <v>51</v>
      </c>
      <c r="AC30212">
        <v>53</v>
      </c>
      <c r="AD30212">
        <v>54</v>
      </c>
      <c r="AE30212">
        <v>55</v>
      </c>
      <c r="AF30212">
        <v>56</v>
      </c>
      <c r="AG30212">
        <v>57</v>
      </c>
      <c r="AH30212">
        <v>58</v>
      </c>
      <c r="AI30212">
        <v>59</v>
      </c>
      <c r="AJ30212">
        <v>59</v>
      </c>
      <c r="AK30212">
        <v>60</v>
      </c>
      <c r="AL30212">
        <v>61</v>
      </c>
      <c r="AM30212">
        <v>62</v>
      </c>
      <c r="AN30212">
        <v>63</v>
      </c>
      <c r="AO30212">
        <v>64</v>
      </c>
      <c r="AP30212">
        <v>65</v>
      </c>
      <c r="AQ30212">
        <v>65</v>
      </c>
    </row>
    <row r="30213" spans="1:43">
      <c r="A30213" t="s">
        <v>18719</v>
      </c>
      <c r="B30213" t="s">
        <v>18720</v>
      </c>
      <c r="C30213" t="s">
        <v>18721</v>
      </c>
      <c r="D30213" t="s">
        <v>18722</v>
      </c>
      <c r="E30213" t="s">
        <v>18691</v>
      </c>
      <c r="F30213" t="s">
        <v>18692</v>
      </c>
      <c r="G30213" t="s">
        <v>10734</v>
      </c>
      <c r="H30213" t="s">
        <v>10735</v>
      </c>
      <c r="I30213" s="2">
        <v>0</v>
      </c>
      <c r="J30213" s="2">
        <v>0</v>
      </c>
      <c r="K30213" s="2">
        <v>1</v>
      </c>
      <c r="L30213" t="s">
        <v>995</v>
      </c>
      <c r="M30213" t="s">
        <v>83</v>
      </c>
      <c r="N30213" t="s">
        <v>91</v>
      </c>
      <c r="O30213" t="s">
        <v>85</v>
      </c>
      <c r="P30213" t="s">
        <v>86</v>
      </c>
      <c r="Q30213">
        <v>36</v>
      </c>
      <c r="R30213">
        <v>37</v>
      </c>
      <c r="S30213">
        <v>38</v>
      </c>
      <c r="T30213">
        <v>39</v>
      </c>
      <c r="U30213">
        <v>40</v>
      </c>
      <c r="V30213">
        <v>41</v>
      </c>
      <c r="W30213">
        <v>42</v>
      </c>
      <c r="X30213">
        <v>43</v>
      </c>
      <c r="Y30213">
        <v>44</v>
      </c>
      <c r="Z30213">
        <v>46</v>
      </c>
      <c r="AA30213">
        <v>47</v>
      </c>
      <c r="AB30213">
        <v>48</v>
      </c>
      <c r="AC30213">
        <v>49</v>
      </c>
      <c r="AD30213">
        <v>50</v>
      </c>
      <c r="AE30213">
        <v>52</v>
      </c>
      <c r="AF30213">
        <v>53</v>
      </c>
      <c r="AG30213">
        <v>54</v>
      </c>
      <c r="AH30213">
        <v>56</v>
      </c>
      <c r="AI30213">
        <v>57</v>
      </c>
      <c r="AJ30213">
        <v>58</v>
      </c>
      <c r="AK30213">
        <v>60</v>
      </c>
      <c r="AL30213">
        <v>61</v>
      </c>
      <c r="AM30213">
        <v>62</v>
      </c>
      <c r="AN30213">
        <v>63</v>
      </c>
      <c r="AO30213">
        <v>63</v>
      </c>
      <c r="AP30213">
        <v>64</v>
      </c>
      <c r="AQ30213">
        <v>65</v>
      </c>
    </row>
    <row r="30214" spans="1:43">
      <c r="A30214" t="s">
        <v>18723</v>
      </c>
      <c r="B30214" t="s">
        <v>18724</v>
      </c>
      <c r="C30214" t="s">
        <v>18713</v>
      </c>
      <c r="D30214" t="s">
        <v>18714</v>
      </c>
      <c r="E30214" t="s">
        <v>18691</v>
      </c>
      <c r="F30214" t="s">
        <v>18692</v>
      </c>
      <c r="G30214" t="s">
        <v>10734</v>
      </c>
      <c r="H30214" t="s">
        <v>10735</v>
      </c>
      <c r="I30214" s="2">
        <v>0</v>
      </c>
      <c r="J30214" s="2">
        <v>0</v>
      </c>
      <c r="K30214" s="2">
        <v>1</v>
      </c>
      <c r="L30214" t="s">
        <v>995</v>
      </c>
      <c r="M30214" t="s">
        <v>83</v>
      </c>
      <c r="N30214" t="s">
        <v>84</v>
      </c>
      <c r="O30214" t="s">
        <v>85</v>
      </c>
      <c r="P30214" t="s">
        <v>86</v>
      </c>
      <c r="Q30214">
        <v>34</v>
      </c>
      <c r="R30214">
        <v>35</v>
      </c>
      <c r="S30214">
        <v>36</v>
      </c>
      <c r="T30214">
        <v>37</v>
      </c>
      <c r="U30214">
        <v>38</v>
      </c>
      <c r="V30214">
        <v>39</v>
      </c>
      <c r="W30214">
        <v>40</v>
      </c>
      <c r="X30214">
        <v>41</v>
      </c>
      <c r="Y30214">
        <v>42</v>
      </c>
      <c r="Z30214">
        <v>44</v>
      </c>
      <c r="AA30214">
        <v>45</v>
      </c>
      <c r="AB30214">
        <v>46</v>
      </c>
      <c r="AC30214">
        <v>47</v>
      </c>
      <c r="AD30214">
        <v>48</v>
      </c>
      <c r="AE30214">
        <v>49</v>
      </c>
      <c r="AF30214">
        <v>51</v>
      </c>
      <c r="AG30214">
        <v>52</v>
      </c>
      <c r="AH30214">
        <v>53</v>
      </c>
      <c r="AI30214">
        <v>54</v>
      </c>
      <c r="AJ30214">
        <v>56</v>
      </c>
      <c r="AK30214">
        <v>57</v>
      </c>
      <c r="AL30214">
        <v>58</v>
      </c>
      <c r="AM30214">
        <v>59</v>
      </c>
      <c r="AN30214">
        <v>60</v>
      </c>
      <c r="AO30214">
        <v>60</v>
      </c>
      <c r="AP30214">
        <v>61</v>
      </c>
      <c r="AQ30214">
        <v>62</v>
      </c>
    </row>
    <row r="30215" spans="1:43">
      <c r="A30215" t="s">
        <v>18723</v>
      </c>
      <c r="B30215" t="s">
        <v>18724</v>
      </c>
      <c r="C30215" t="s">
        <v>18713</v>
      </c>
      <c r="D30215" t="s">
        <v>18714</v>
      </c>
      <c r="E30215" t="s">
        <v>18691</v>
      </c>
      <c r="F30215" t="s">
        <v>18692</v>
      </c>
      <c r="G30215" t="s">
        <v>10734</v>
      </c>
      <c r="H30215" t="s">
        <v>10735</v>
      </c>
      <c r="I30215" s="2">
        <v>0</v>
      </c>
      <c r="J30215" s="2">
        <v>0</v>
      </c>
      <c r="K30215" s="2">
        <v>1</v>
      </c>
      <c r="L30215" t="s">
        <v>995</v>
      </c>
      <c r="M30215" t="s">
        <v>87</v>
      </c>
      <c r="N30215" t="s">
        <v>88</v>
      </c>
      <c r="O30215" t="s">
        <v>85</v>
      </c>
      <c r="P30215" t="s">
        <v>86</v>
      </c>
      <c r="Q30215">
        <v>34</v>
      </c>
      <c r="R30215">
        <v>35</v>
      </c>
      <c r="S30215">
        <v>35</v>
      </c>
      <c r="T30215">
        <v>36</v>
      </c>
      <c r="U30215">
        <v>37</v>
      </c>
      <c r="V30215">
        <v>37</v>
      </c>
      <c r="W30215">
        <v>38</v>
      </c>
      <c r="X30215">
        <v>39</v>
      </c>
      <c r="Y30215">
        <v>39</v>
      </c>
      <c r="Z30215">
        <v>40</v>
      </c>
      <c r="AA30215">
        <v>41</v>
      </c>
      <c r="AB30215">
        <v>41</v>
      </c>
      <c r="AC30215">
        <v>42</v>
      </c>
      <c r="AD30215">
        <v>43</v>
      </c>
      <c r="AE30215">
        <v>44</v>
      </c>
      <c r="AF30215">
        <v>45</v>
      </c>
      <c r="AG30215">
        <v>45</v>
      </c>
      <c r="AH30215">
        <v>46</v>
      </c>
      <c r="AI30215">
        <v>47</v>
      </c>
      <c r="AJ30215">
        <v>48</v>
      </c>
      <c r="AK30215">
        <v>49</v>
      </c>
      <c r="AL30215">
        <v>49</v>
      </c>
      <c r="AM30215">
        <v>50</v>
      </c>
      <c r="AN30215">
        <v>51</v>
      </c>
      <c r="AO30215">
        <v>52</v>
      </c>
      <c r="AP30215">
        <v>53</v>
      </c>
      <c r="AQ30215">
        <v>54</v>
      </c>
    </row>
    <row r="30216" spans="1:43">
      <c r="A30216" t="s">
        <v>18723</v>
      </c>
      <c r="B30216" t="s">
        <v>18724</v>
      </c>
      <c r="C30216" t="s">
        <v>18713</v>
      </c>
      <c r="D30216" t="s">
        <v>18714</v>
      </c>
      <c r="E30216" t="s">
        <v>18691</v>
      </c>
      <c r="F30216" t="s">
        <v>18692</v>
      </c>
      <c r="G30216" t="s">
        <v>10734</v>
      </c>
      <c r="H30216" t="s">
        <v>10735</v>
      </c>
      <c r="I30216" s="2">
        <v>0</v>
      </c>
      <c r="J30216" s="2">
        <v>0</v>
      </c>
      <c r="K30216" s="2">
        <v>1</v>
      </c>
      <c r="L30216" t="s">
        <v>995</v>
      </c>
      <c r="M30216" t="s">
        <v>89</v>
      </c>
      <c r="N30216" t="s">
        <v>90</v>
      </c>
      <c r="O30216" t="s">
        <v>85</v>
      </c>
      <c r="P30216" t="s">
        <v>86</v>
      </c>
      <c r="Q30216">
        <v>34</v>
      </c>
      <c r="R30216">
        <v>35</v>
      </c>
      <c r="S30216">
        <v>36</v>
      </c>
      <c r="T30216">
        <v>37</v>
      </c>
      <c r="U30216">
        <v>39</v>
      </c>
      <c r="V30216">
        <v>40</v>
      </c>
      <c r="W30216">
        <v>41</v>
      </c>
      <c r="X30216">
        <v>43</v>
      </c>
      <c r="Y30216">
        <v>44</v>
      </c>
      <c r="Z30216">
        <v>45</v>
      </c>
      <c r="AA30216">
        <v>47</v>
      </c>
      <c r="AB30216">
        <v>48</v>
      </c>
      <c r="AC30216">
        <v>49</v>
      </c>
      <c r="AD30216">
        <v>51</v>
      </c>
      <c r="AE30216">
        <v>52</v>
      </c>
      <c r="AF30216">
        <v>53</v>
      </c>
      <c r="AG30216">
        <v>54</v>
      </c>
      <c r="AH30216">
        <v>54</v>
      </c>
      <c r="AI30216">
        <v>55</v>
      </c>
      <c r="AJ30216">
        <v>56</v>
      </c>
      <c r="AK30216">
        <v>57</v>
      </c>
      <c r="AL30216">
        <v>57</v>
      </c>
      <c r="AM30216">
        <v>58</v>
      </c>
      <c r="AN30216">
        <v>59</v>
      </c>
      <c r="AO30216">
        <v>60</v>
      </c>
      <c r="AP30216">
        <v>61</v>
      </c>
      <c r="AQ30216">
        <v>61</v>
      </c>
    </row>
    <row r="30217" spans="1:43">
      <c r="A30217" t="s">
        <v>18723</v>
      </c>
      <c r="B30217" t="s">
        <v>18724</v>
      </c>
      <c r="C30217" t="s">
        <v>18713</v>
      </c>
      <c r="D30217" t="s">
        <v>18714</v>
      </c>
      <c r="E30217" t="s">
        <v>18691</v>
      </c>
      <c r="F30217" t="s">
        <v>18692</v>
      </c>
      <c r="G30217" t="s">
        <v>10734</v>
      </c>
      <c r="H30217" t="s">
        <v>10735</v>
      </c>
      <c r="I30217" s="2">
        <v>0</v>
      </c>
      <c r="J30217" s="2">
        <v>0</v>
      </c>
      <c r="K30217" s="2">
        <v>1</v>
      </c>
      <c r="L30217" t="s">
        <v>995</v>
      </c>
      <c r="M30217" t="s">
        <v>83</v>
      </c>
      <c r="N30217" t="s">
        <v>91</v>
      </c>
      <c r="O30217" t="s">
        <v>85</v>
      </c>
      <c r="P30217" t="s">
        <v>86</v>
      </c>
      <c r="Q30217">
        <v>34</v>
      </c>
      <c r="R30217">
        <v>35</v>
      </c>
      <c r="S30217">
        <v>36</v>
      </c>
      <c r="T30217">
        <v>37</v>
      </c>
      <c r="U30217">
        <v>38</v>
      </c>
      <c r="V30217">
        <v>39</v>
      </c>
      <c r="W30217">
        <v>40</v>
      </c>
      <c r="X30217">
        <v>41</v>
      </c>
      <c r="Y30217">
        <v>42</v>
      </c>
      <c r="Z30217">
        <v>44</v>
      </c>
      <c r="AA30217">
        <v>45</v>
      </c>
      <c r="AB30217">
        <v>46</v>
      </c>
      <c r="AC30217">
        <v>47</v>
      </c>
      <c r="AD30217">
        <v>48</v>
      </c>
      <c r="AE30217">
        <v>49</v>
      </c>
      <c r="AF30217">
        <v>51</v>
      </c>
      <c r="AG30217">
        <v>52</v>
      </c>
      <c r="AH30217">
        <v>53</v>
      </c>
      <c r="AI30217">
        <v>54</v>
      </c>
      <c r="AJ30217">
        <v>56</v>
      </c>
      <c r="AK30217">
        <v>57</v>
      </c>
      <c r="AL30217">
        <v>58</v>
      </c>
      <c r="AM30217">
        <v>59</v>
      </c>
      <c r="AN30217">
        <v>60</v>
      </c>
      <c r="AO30217">
        <v>60</v>
      </c>
      <c r="AP30217">
        <v>61</v>
      </c>
      <c r="AQ30217">
        <v>62</v>
      </c>
    </row>
    <row r="30218" spans="1:43">
      <c r="A30218" t="s">
        <v>18725</v>
      </c>
      <c r="B30218" t="s">
        <v>18726</v>
      </c>
      <c r="C30218" t="s">
        <v>18689</v>
      </c>
      <c r="D30218" t="s">
        <v>18690</v>
      </c>
      <c r="E30218" t="s">
        <v>18691</v>
      </c>
      <c r="F30218" t="s">
        <v>18692</v>
      </c>
      <c r="G30218" t="s">
        <v>10734</v>
      </c>
      <c r="H30218" t="s">
        <v>10735</v>
      </c>
      <c r="I30218" s="2">
        <v>0</v>
      </c>
      <c r="J30218" s="2">
        <v>0</v>
      </c>
      <c r="K30218" s="2">
        <v>1</v>
      </c>
      <c r="L30218" t="s">
        <v>995</v>
      </c>
      <c r="M30218" t="s">
        <v>83</v>
      </c>
      <c r="N30218" t="s">
        <v>84</v>
      </c>
      <c r="O30218" t="s">
        <v>85</v>
      </c>
      <c r="P30218" t="s">
        <v>86</v>
      </c>
      <c r="Q30218">
        <v>16</v>
      </c>
      <c r="R30218">
        <v>17</v>
      </c>
      <c r="S30218">
        <v>17</v>
      </c>
      <c r="T30218">
        <v>18</v>
      </c>
      <c r="U30218">
        <v>18</v>
      </c>
      <c r="V30218">
        <v>19</v>
      </c>
      <c r="W30218">
        <v>19</v>
      </c>
      <c r="X30218">
        <v>20</v>
      </c>
      <c r="Y30218">
        <v>20</v>
      </c>
      <c r="Z30218">
        <v>21</v>
      </c>
      <c r="AA30218">
        <v>21</v>
      </c>
      <c r="AB30218">
        <v>22</v>
      </c>
      <c r="AC30218">
        <v>23</v>
      </c>
      <c r="AD30218">
        <v>23</v>
      </c>
      <c r="AE30218">
        <v>24</v>
      </c>
      <c r="AF30218">
        <v>24</v>
      </c>
      <c r="AG30218">
        <v>25</v>
      </c>
      <c r="AH30218">
        <v>26</v>
      </c>
      <c r="AI30218">
        <v>26</v>
      </c>
      <c r="AJ30218">
        <v>27</v>
      </c>
      <c r="AK30218">
        <v>28</v>
      </c>
      <c r="AL30218">
        <v>28</v>
      </c>
      <c r="AM30218">
        <v>29</v>
      </c>
      <c r="AN30218">
        <v>29</v>
      </c>
      <c r="AO30218">
        <v>29</v>
      </c>
      <c r="AP30218">
        <v>30</v>
      </c>
      <c r="AQ30218">
        <v>30</v>
      </c>
    </row>
    <row r="30219" spans="1:43">
      <c r="A30219" t="s">
        <v>18725</v>
      </c>
      <c r="B30219" t="s">
        <v>18726</v>
      </c>
      <c r="C30219" t="s">
        <v>18689</v>
      </c>
      <c r="D30219" t="s">
        <v>18690</v>
      </c>
      <c r="E30219" t="s">
        <v>18691</v>
      </c>
      <c r="F30219" t="s">
        <v>18692</v>
      </c>
      <c r="G30219" t="s">
        <v>10734</v>
      </c>
      <c r="H30219" t="s">
        <v>10735</v>
      </c>
      <c r="I30219" s="2">
        <v>0</v>
      </c>
      <c r="J30219" s="2">
        <v>0</v>
      </c>
      <c r="K30219" s="2">
        <v>1</v>
      </c>
      <c r="L30219" t="s">
        <v>995</v>
      </c>
      <c r="M30219" t="s">
        <v>87</v>
      </c>
      <c r="N30219" t="s">
        <v>88</v>
      </c>
      <c r="O30219" t="s">
        <v>85</v>
      </c>
      <c r="P30219" t="s">
        <v>86</v>
      </c>
      <c r="Q30219">
        <v>16</v>
      </c>
      <c r="R30219">
        <v>16</v>
      </c>
      <c r="S30219">
        <v>17</v>
      </c>
      <c r="T30219">
        <v>17</v>
      </c>
      <c r="U30219">
        <v>17</v>
      </c>
      <c r="V30219">
        <v>18</v>
      </c>
      <c r="W30219">
        <v>18</v>
      </c>
      <c r="X30219">
        <v>18</v>
      </c>
      <c r="Y30219">
        <v>19</v>
      </c>
      <c r="Z30219">
        <v>19</v>
      </c>
      <c r="AA30219">
        <v>20</v>
      </c>
      <c r="AB30219">
        <v>20</v>
      </c>
      <c r="AC30219">
        <v>20</v>
      </c>
      <c r="AD30219">
        <v>21</v>
      </c>
      <c r="AE30219">
        <v>21</v>
      </c>
      <c r="AF30219">
        <v>21</v>
      </c>
      <c r="AG30219">
        <v>22</v>
      </c>
      <c r="AH30219">
        <v>22</v>
      </c>
      <c r="AI30219">
        <v>23</v>
      </c>
      <c r="AJ30219">
        <v>23</v>
      </c>
      <c r="AK30219">
        <v>23</v>
      </c>
      <c r="AL30219">
        <v>24</v>
      </c>
      <c r="AM30219">
        <v>24</v>
      </c>
      <c r="AN30219">
        <v>25</v>
      </c>
      <c r="AO30219">
        <v>25</v>
      </c>
      <c r="AP30219">
        <v>26</v>
      </c>
      <c r="AQ30219">
        <v>26</v>
      </c>
    </row>
    <row r="30220" spans="1:43">
      <c r="A30220" t="s">
        <v>18725</v>
      </c>
      <c r="B30220" t="s">
        <v>18726</v>
      </c>
      <c r="C30220" t="s">
        <v>18689</v>
      </c>
      <c r="D30220" t="s">
        <v>18690</v>
      </c>
      <c r="E30220" t="s">
        <v>18691</v>
      </c>
      <c r="F30220" t="s">
        <v>18692</v>
      </c>
      <c r="G30220" t="s">
        <v>10734</v>
      </c>
      <c r="H30220" t="s">
        <v>10735</v>
      </c>
      <c r="I30220" s="2">
        <v>0</v>
      </c>
      <c r="J30220" s="2">
        <v>0</v>
      </c>
      <c r="K30220" s="2">
        <v>1</v>
      </c>
      <c r="L30220" t="s">
        <v>995</v>
      </c>
      <c r="M30220" t="s">
        <v>89</v>
      </c>
      <c r="N30220" t="s">
        <v>90</v>
      </c>
      <c r="O30220" t="s">
        <v>85</v>
      </c>
      <c r="P30220" t="s">
        <v>86</v>
      </c>
      <c r="Q30220">
        <v>16</v>
      </c>
      <c r="R30220">
        <v>17</v>
      </c>
      <c r="S30220">
        <v>18</v>
      </c>
      <c r="T30220">
        <v>18</v>
      </c>
      <c r="U30220">
        <v>19</v>
      </c>
      <c r="V30220">
        <v>20</v>
      </c>
      <c r="W30220">
        <v>20</v>
      </c>
      <c r="X30220">
        <v>21</v>
      </c>
      <c r="Y30220">
        <v>22</v>
      </c>
      <c r="Z30220">
        <v>22</v>
      </c>
      <c r="AA30220">
        <v>23</v>
      </c>
      <c r="AB30220">
        <v>24</v>
      </c>
      <c r="AC30220">
        <v>24</v>
      </c>
      <c r="AD30220">
        <v>25</v>
      </c>
      <c r="AE30220">
        <v>26</v>
      </c>
      <c r="AF30220">
        <v>26</v>
      </c>
      <c r="AG30220">
        <v>26</v>
      </c>
      <c r="AH30220">
        <v>27</v>
      </c>
      <c r="AI30220">
        <v>27</v>
      </c>
      <c r="AJ30220">
        <v>27</v>
      </c>
      <c r="AK30220">
        <v>28</v>
      </c>
      <c r="AL30220">
        <v>28</v>
      </c>
      <c r="AM30220">
        <v>29</v>
      </c>
      <c r="AN30220">
        <v>29</v>
      </c>
      <c r="AO30220">
        <v>29</v>
      </c>
      <c r="AP30220">
        <v>30</v>
      </c>
      <c r="AQ30220">
        <v>30</v>
      </c>
    </row>
    <row r="30221" spans="1:43">
      <c r="A30221" t="s">
        <v>18725</v>
      </c>
      <c r="B30221" t="s">
        <v>18726</v>
      </c>
      <c r="C30221" t="s">
        <v>18689</v>
      </c>
      <c r="D30221" t="s">
        <v>18690</v>
      </c>
      <c r="E30221" t="s">
        <v>18691</v>
      </c>
      <c r="F30221" t="s">
        <v>18692</v>
      </c>
      <c r="G30221" t="s">
        <v>10734</v>
      </c>
      <c r="H30221" t="s">
        <v>10735</v>
      </c>
      <c r="I30221" s="2">
        <v>0</v>
      </c>
      <c r="J30221" s="2">
        <v>0</v>
      </c>
      <c r="K30221" s="2">
        <v>1</v>
      </c>
      <c r="L30221" t="s">
        <v>995</v>
      </c>
      <c r="M30221" t="s">
        <v>83</v>
      </c>
      <c r="N30221" t="s">
        <v>91</v>
      </c>
      <c r="O30221" t="s">
        <v>85</v>
      </c>
      <c r="P30221" t="s">
        <v>86</v>
      </c>
      <c r="Q30221">
        <v>16</v>
      </c>
      <c r="R30221">
        <v>17</v>
      </c>
      <c r="S30221">
        <v>17</v>
      </c>
      <c r="T30221">
        <v>18</v>
      </c>
      <c r="U30221">
        <v>18</v>
      </c>
      <c r="V30221">
        <v>19</v>
      </c>
      <c r="W30221">
        <v>19</v>
      </c>
      <c r="X30221">
        <v>20</v>
      </c>
      <c r="Y30221">
        <v>20</v>
      </c>
      <c r="Z30221">
        <v>21</v>
      </c>
      <c r="AA30221">
        <v>21</v>
      </c>
      <c r="AB30221">
        <v>22</v>
      </c>
      <c r="AC30221">
        <v>23</v>
      </c>
      <c r="AD30221">
        <v>23</v>
      </c>
      <c r="AE30221">
        <v>24</v>
      </c>
      <c r="AF30221">
        <v>24</v>
      </c>
      <c r="AG30221">
        <v>25</v>
      </c>
      <c r="AH30221">
        <v>26</v>
      </c>
      <c r="AI30221">
        <v>26</v>
      </c>
      <c r="AJ30221">
        <v>27</v>
      </c>
      <c r="AK30221">
        <v>28</v>
      </c>
      <c r="AL30221">
        <v>28</v>
      </c>
      <c r="AM30221">
        <v>29</v>
      </c>
      <c r="AN30221">
        <v>29</v>
      </c>
      <c r="AO30221">
        <v>29</v>
      </c>
      <c r="AP30221">
        <v>30</v>
      </c>
      <c r="AQ30221">
        <v>30</v>
      </c>
    </row>
    <row r="30222" spans="1:43">
      <c r="A30222" t="s">
        <v>18727</v>
      </c>
      <c r="B30222" t="s">
        <v>18728</v>
      </c>
      <c r="C30222" t="s">
        <v>18713</v>
      </c>
      <c r="D30222" t="s">
        <v>18714</v>
      </c>
      <c r="E30222" t="s">
        <v>18691</v>
      </c>
      <c r="F30222" t="s">
        <v>18692</v>
      </c>
      <c r="G30222" t="s">
        <v>10734</v>
      </c>
      <c r="H30222" t="s">
        <v>10735</v>
      </c>
      <c r="I30222" s="2">
        <v>0</v>
      </c>
      <c r="J30222" s="2">
        <v>0</v>
      </c>
      <c r="K30222" s="2">
        <v>1</v>
      </c>
      <c r="L30222" t="s">
        <v>995</v>
      </c>
      <c r="M30222" t="s">
        <v>83</v>
      </c>
      <c r="N30222" t="s">
        <v>84</v>
      </c>
      <c r="O30222" t="s">
        <v>85</v>
      </c>
      <c r="P30222" t="s">
        <v>86</v>
      </c>
      <c r="Q30222">
        <v>18</v>
      </c>
      <c r="R30222">
        <v>19</v>
      </c>
      <c r="S30222">
        <v>19</v>
      </c>
      <c r="T30222">
        <v>20</v>
      </c>
      <c r="U30222">
        <v>20</v>
      </c>
      <c r="V30222">
        <v>21</v>
      </c>
      <c r="W30222">
        <v>22</v>
      </c>
      <c r="X30222">
        <v>22</v>
      </c>
      <c r="Y30222">
        <v>23</v>
      </c>
      <c r="Z30222">
        <v>24</v>
      </c>
      <c r="AA30222">
        <v>24</v>
      </c>
      <c r="AB30222">
        <v>25</v>
      </c>
      <c r="AC30222">
        <v>26</v>
      </c>
      <c r="AD30222">
        <v>26</v>
      </c>
      <c r="AE30222">
        <v>27</v>
      </c>
      <c r="AF30222">
        <v>28</v>
      </c>
      <c r="AG30222">
        <v>28</v>
      </c>
      <c r="AH30222">
        <v>29</v>
      </c>
      <c r="AI30222">
        <v>30</v>
      </c>
      <c r="AJ30222">
        <v>31</v>
      </c>
      <c r="AK30222">
        <v>32</v>
      </c>
      <c r="AL30222">
        <v>32</v>
      </c>
      <c r="AM30222">
        <v>33</v>
      </c>
      <c r="AN30222">
        <v>33</v>
      </c>
      <c r="AO30222">
        <v>34</v>
      </c>
      <c r="AP30222">
        <v>34</v>
      </c>
      <c r="AQ30222">
        <v>35</v>
      </c>
    </row>
    <row r="30223" spans="1:43">
      <c r="A30223" t="s">
        <v>18727</v>
      </c>
      <c r="B30223" t="s">
        <v>18728</v>
      </c>
      <c r="C30223" t="s">
        <v>18713</v>
      </c>
      <c r="D30223" t="s">
        <v>18714</v>
      </c>
      <c r="E30223" t="s">
        <v>18691</v>
      </c>
      <c r="F30223" t="s">
        <v>18692</v>
      </c>
      <c r="G30223" t="s">
        <v>10734</v>
      </c>
      <c r="H30223" t="s">
        <v>10735</v>
      </c>
      <c r="I30223" s="2">
        <v>0</v>
      </c>
      <c r="J30223" s="2">
        <v>0</v>
      </c>
      <c r="K30223" s="2">
        <v>1</v>
      </c>
      <c r="L30223" t="s">
        <v>995</v>
      </c>
      <c r="M30223" t="s">
        <v>87</v>
      </c>
      <c r="N30223" t="s">
        <v>88</v>
      </c>
      <c r="O30223" t="s">
        <v>85</v>
      </c>
      <c r="P30223" t="s">
        <v>86</v>
      </c>
      <c r="Q30223">
        <v>18</v>
      </c>
      <c r="R30223">
        <v>18</v>
      </c>
      <c r="S30223">
        <v>19</v>
      </c>
      <c r="T30223">
        <v>19</v>
      </c>
      <c r="U30223">
        <v>20</v>
      </c>
      <c r="V30223">
        <v>20</v>
      </c>
      <c r="W30223">
        <v>20</v>
      </c>
      <c r="X30223">
        <v>21</v>
      </c>
      <c r="Y30223">
        <v>21</v>
      </c>
      <c r="Z30223">
        <v>22</v>
      </c>
      <c r="AA30223">
        <v>22</v>
      </c>
      <c r="AB30223">
        <v>22</v>
      </c>
      <c r="AC30223">
        <v>23</v>
      </c>
      <c r="AD30223">
        <v>23</v>
      </c>
      <c r="AE30223">
        <v>24</v>
      </c>
      <c r="AF30223">
        <v>24</v>
      </c>
      <c r="AG30223">
        <v>25</v>
      </c>
      <c r="AH30223">
        <v>25</v>
      </c>
      <c r="AI30223">
        <v>26</v>
      </c>
      <c r="AJ30223">
        <v>26</v>
      </c>
      <c r="AK30223">
        <v>27</v>
      </c>
      <c r="AL30223">
        <v>27</v>
      </c>
      <c r="AM30223">
        <v>28</v>
      </c>
      <c r="AN30223">
        <v>28</v>
      </c>
      <c r="AO30223">
        <v>29</v>
      </c>
      <c r="AP30223">
        <v>29</v>
      </c>
      <c r="AQ30223">
        <v>30</v>
      </c>
    </row>
    <row r="30224" spans="1:43">
      <c r="A30224" t="s">
        <v>18727</v>
      </c>
      <c r="B30224" t="s">
        <v>18728</v>
      </c>
      <c r="C30224" t="s">
        <v>18713</v>
      </c>
      <c r="D30224" t="s">
        <v>18714</v>
      </c>
      <c r="E30224" t="s">
        <v>18691</v>
      </c>
      <c r="F30224" t="s">
        <v>18692</v>
      </c>
      <c r="G30224" t="s">
        <v>10734</v>
      </c>
      <c r="H30224" t="s">
        <v>10735</v>
      </c>
      <c r="I30224" s="2">
        <v>0</v>
      </c>
      <c r="J30224" s="2">
        <v>0</v>
      </c>
      <c r="K30224" s="2">
        <v>1</v>
      </c>
      <c r="L30224" t="s">
        <v>995</v>
      </c>
      <c r="M30224" t="s">
        <v>89</v>
      </c>
      <c r="N30224" t="s">
        <v>90</v>
      </c>
      <c r="O30224" t="s">
        <v>85</v>
      </c>
      <c r="P30224" t="s">
        <v>86</v>
      </c>
      <c r="Q30224">
        <v>18</v>
      </c>
      <c r="R30224">
        <v>19</v>
      </c>
      <c r="S30224">
        <v>20</v>
      </c>
      <c r="T30224">
        <v>21</v>
      </c>
      <c r="U30224">
        <v>21</v>
      </c>
      <c r="V30224">
        <v>22</v>
      </c>
      <c r="W30224">
        <v>23</v>
      </c>
      <c r="X30224">
        <v>24</v>
      </c>
      <c r="Y30224">
        <v>24</v>
      </c>
      <c r="Z30224">
        <v>25</v>
      </c>
      <c r="AA30224">
        <v>26</v>
      </c>
      <c r="AB30224">
        <v>27</v>
      </c>
      <c r="AC30224">
        <v>28</v>
      </c>
      <c r="AD30224">
        <v>28</v>
      </c>
      <c r="AE30224">
        <v>29</v>
      </c>
      <c r="AF30224">
        <v>30</v>
      </c>
      <c r="AG30224">
        <v>30</v>
      </c>
      <c r="AH30224">
        <v>30</v>
      </c>
      <c r="AI30224">
        <v>31</v>
      </c>
      <c r="AJ30224">
        <v>31</v>
      </c>
      <c r="AK30224">
        <v>32</v>
      </c>
      <c r="AL30224">
        <v>32</v>
      </c>
      <c r="AM30224">
        <v>33</v>
      </c>
      <c r="AN30224">
        <v>33</v>
      </c>
      <c r="AO30224">
        <v>34</v>
      </c>
      <c r="AP30224">
        <v>34</v>
      </c>
      <c r="AQ30224">
        <v>35</v>
      </c>
    </row>
    <row r="30225" spans="1:43">
      <c r="A30225" t="s">
        <v>18727</v>
      </c>
      <c r="B30225" t="s">
        <v>18728</v>
      </c>
      <c r="C30225" t="s">
        <v>18713</v>
      </c>
      <c r="D30225" t="s">
        <v>18714</v>
      </c>
      <c r="E30225" t="s">
        <v>18691</v>
      </c>
      <c r="F30225" t="s">
        <v>18692</v>
      </c>
      <c r="G30225" t="s">
        <v>10734</v>
      </c>
      <c r="H30225" t="s">
        <v>10735</v>
      </c>
      <c r="I30225" s="2">
        <v>0</v>
      </c>
      <c r="J30225" s="2">
        <v>0</v>
      </c>
      <c r="K30225" s="2">
        <v>1</v>
      </c>
      <c r="L30225" t="s">
        <v>995</v>
      </c>
      <c r="M30225" t="s">
        <v>83</v>
      </c>
      <c r="N30225" t="s">
        <v>91</v>
      </c>
      <c r="O30225" t="s">
        <v>85</v>
      </c>
      <c r="P30225" t="s">
        <v>86</v>
      </c>
      <c r="Q30225">
        <v>18</v>
      </c>
      <c r="R30225">
        <v>19</v>
      </c>
      <c r="S30225">
        <v>19</v>
      </c>
      <c r="T30225">
        <v>20</v>
      </c>
      <c r="U30225">
        <v>20</v>
      </c>
      <c r="V30225">
        <v>21</v>
      </c>
      <c r="W30225">
        <v>22</v>
      </c>
      <c r="X30225">
        <v>22</v>
      </c>
      <c r="Y30225">
        <v>23</v>
      </c>
      <c r="Z30225">
        <v>24</v>
      </c>
      <c r="AA30225">
        <v>24</v>
      </c>
      <c r="AB30225">
        <v>25</v>
      </c>
      <c r="AC30225">
        <v>26</v>
      </c>
      <c r="AD30225">
        <v>26</v>
      </c>
      <c r="AE30225">
        <v>27</v>
      </c>
      <c r="AF30225">
        <v>28</v>
      </c>
      <c r="AG30225">
        <v>28</v>
      </c>
      <c r="AH30225">
        <v>29</v>
      </c>
      <c r="AI30225">
        <v>30</v>
      </c>
      <c r="AJ30225">
        <v>31</v>
      </c>
      <c r="AK30225">
        <v>32</v>
      </c>
      <c r="AL30225">
        <v>32</v>
      </c>
      <c r="AM30225">
        <v>33</v>
      </c>
      <c r="AN30225">
        <v>33</v>
      </c>
      <c r="AO30225">
        <v>34</v>
      </c>
      <c r="AP30225">
        <v>34</v>
      </c>
      <c r="AQ30225">
        <v>35</v>
      </c>
    </row>
    <row r="30226" spans="1:43">
      <c r="A30226" t="s">
        <v>18729</v>
      </c>
      <c r="B30226" t="s">
        <v>18730</v>
      </c>
      <c r="C30226" t="s">
        <v>18731</v>
      </c>
      <c r="D30226" t="s">
        <v>18732</v>
      </c>
      <c r="E30226" t="s">
        <v>18691</v>
      </c>
      <c r="F30226" t="s">
        <v>18692</v>
      </c>
      <c r="G30226" t="s">
        <v>10734</v>
      </c>
      <c r="H30226" t="s">
        <v>10735</v>
      </c>
      <c r="I30226" s="2">
        <v>0</v>
      </c>
      <c r="J30226" s="2">
        <v>0</v>
      </c>
      <c r="K30226" s="2">
        <v>1</v>
      </c>
      <c r="L30226" t="s">
        <v>995</v>
      </c>
      <c r="M30226" t="s">
        <v>83</v>
      </c>
      <c r="N30226" t="s">
        <v>84</v>
      </c>
      <c r="O30226" t="s">
        <v>85</v>
      </c>
      <c r="P30226" t="s">
        <v>86</v>
      </c>
      <c r="Q30226">
        <v>42</v>
      </c>
      <c r="R30226">
        <v>43</v>
      </c>
      <c r="S30226">
        <v>44</v>
      </c>
      <c r="T30226">
        <v>45</v>
      </c>
      <c r="U30226">
        <v>46</v>
      </c>
      <c r="V30226">
        <v>48</v>
      </c>
      <c r="W30226">
        <v>49</v>
      </c>
      <c r="X30226">
        <v>50</v>
      </c>
      <c r="Y30226">
        <v>51</v>
      </c>
      <c r="Z30226">
        <v>53</v>
      </c>
      <c r="AA30226">
        <v>54</v>
      </c>
      <c r="AB30226">
        <v>56</v>
      </c>
      <c r="AC30226">
        <v>57</v>
      </c>
      <c r="AD30226">
        <v>58</v>
      </c>
      <c r="AE30226">
        <v>60</v>
      </c>
      <c r="AF30226">
        <v>61</v>
      </c>
      <c r="AG30226">
        <v>63</v>
      </c>
      <c r="AH30226">
        <v>64</v>
      </c>
      <c r="AI30226">
        <v>66</v>
      </c>
      <c r="AJ30226">
        <v>67</v>
      </c>
      <c r="AK30226">
        <v>69</v>
      </c>
      <c r="AL30226">
        <v>70</v>
      </c>
      <c r="AM30226">
        <v>71</v>
      </c>
      <c r="AN30226">
        <v>72</v>
      </c>
      <c r="AO30226">
        <v>73</v>
      </c>
      <c r="AP30226">
        <v>74</v>
      </c>
      <c r="AQ30226">
        <v>75</v>
      </c>
    </row>
    <row r="30227" spans="1:43">
      <c r="A30227" t="s">
        <v>18729</v>
      </c>
      <c r="B30227" t="s">
        <v>18730</v>
      </c>
      <c r="C30227" t="s">
        <v>18731</v>
      </c>
      <c r="D30227" t="s">
        <v>18732</v>
      </c>
      <c r="E30227" t="s">
        <v>18691</v>
      </c>
      <c r="F30227" t="s">
        <v>18692</v>
      </c>
      <c r="G30227" t="s">
        <v>10734</v>
      </c>
      <c r="H30227" t="s">
        <v>10735</v>
      </c>
      <c r="I30227" s="2">
        <v>0</v>
      </c>
      <c r="J30227" s="2">
        <v>0</v>
      </c>
      <c r="K30227" s="2">
        <v>1</v>
      </c>
      <c r="L30227" t="s">
        <v>995</v>
      </c>
      <c r="M30227" t="s">
        <v>87</v>
      </c>
      <c r="N30227" t="s">
        <v>88</v>
      </c>
      <c r="O30227" t="s">
        <v>85</v>
      </c>
      <c r="P30227" t="s">
        <v>86</v>
      </c>
      <c r="Q30227">
        <v>42</v>
      </c>
      <c r="R30227">
        <v>43</v>
      </c>
      <c r="S30227">
        <v>44</v>
      </c>
      <c r="T30227">
        <v>45</v>
      </c>
      <c r="U30227">
        <v>45</v>
      </c>
      <c r="V30227">
        <v>46</v>
      </c>
      <c r="W30227">
        <v>47</v>
      </c>
      <c r="X30227">
        <v>48</v>
      </c>
      <c r="Y30227">
        <v>49</v>
      </c>
      <c r="Z30227">
        <v>49</v>
      </c>
      <c r="AA30227">
        <v>50</v>
      </c>
      <c r="AB30227">
        <v>51</v>
      </c>
      <c r="AC30227">
        <v>52</v>
      </c>
      <c r="AD30227">
        <v>53</v>
      </c>
      <c r="AE30227">
        <v>54</v>
      </c>
      <c r="AF30227">
        <v>55</v>
      </c>
      <c r="AG30227">
        <v>56</v>
      </c>
      <c r="AH30227">
        <v>57</v>
      </c>
      <c r="AI30227">
        <v>58</v>
      </c>
      <c r="AJ30227">
        <v>59</v>
      </c>
      <c r="AK30227">
        <v>60</v>
      </c>
      <c r="AL30227">
        <v>61</v>
      </c>
      <c r="AM30227">
        <v>62</v>
      </c>
      <c r="AN30227">
        <v>63</v>
      </c>
      <c r="AO30227">
        <v>64</v>
      </c>
      <c r="AP30227">
        <v>65</v>
      </c>
      <c r="AQ30227">
        <v>66</v>
      </c>
    </row>
    <row r="30228" spans="1:43">
      <c r="A30228" t="s">
        <v>18729</v>
      </c>
      <c r="B30228" t="s">
        <v>18730</v>
      </c>
      <c r="C30228" t="s">
        <v>18731</v>
      </c>
      <c r="D30228" t="s">
        <v>18732</v>
      </c>
      <c r="E30228" t="s">
        <v>18691</v>
      </c>
      <c r="F30228" t="s">
        <v>18692</v>
      </c>
      <c r="G30228" t="s">
        <v>10734</v>
      </c>
      <c r="H30228" t="s">
        <v>10735</v>
      </c>
      <c r="I30228" s="2">
        <v>0</v>
      </c>
      <c r="J30228" s="2">
        <v>0</v>
      </c>
      <c r="K30228" s="2">
        <v>1</v>
      </c>
      <c r="L30228" t="s">
        <v>995</v>
      </c>
      <c r="M30228" t="s">
        <v>89</v>
      </c>
      <c r="N30228" t="s">
        <v>90</v>
      </c>
      <c r="O30228" t="s">
        <v>85</v>
      </c>
      <c r="P30228" t="s">
        <v>86</v>
      </c>
      <c r="Q30228">
        <v>42</v>
      </c>
      <c r="R30228">
        <v>44</v>
      </c>
      <c r="S30228">
        <v>45</v>
      </c>
      <c r="T30228">
        <v>47</v>
      </c>
      <c r="U30228">
        <v>48</v>
      </c>
      <c r="V30228">
        <v>50</v>
      </c>
      <c r="W30228">
        <v>51</v>
      </c>
      <c r="X30228">
        <v>53</v>
      </c>
      <c r="Y30228">
        <v>55</v>
      </c>
      <c r="Z30228">
        <v>56</v>
      </c>
      <c r="AA30228">
        <v>58</v>
      </c>
      <c r="AB30228">
        <v>59</v>
      </c>
      <c r="AC30228">
        <v>61</v>
      </c>
      <c r="AD30228">
        <v>63</v>
      </c>
      <c r="AE30228">
        <v>64</v>
      </c>
      <c r="AF30228">
        <v>65</v>
      </c>
      <c r="AG30228">
        <v>66</v>
      </c>
      <c r="AH30228">
        <v>67</v>
      </c>
      <c r="AI30228">
        <v>68</v>
      </c>
      <c r="AJ30228">
        <v>69</v>
      </c>
      <c r="AK30228">
        <v>69</v>
      </c>
      <c r="AL30228">
        <v>70</v>
      </c>
      <c r="AM30228">
        <v>71</v>
      </c>
      <c r="AN30228">
        <v>72</v>
      </c>
      <c r="AO30228">
        <v>73</v>
      </c>
      <c r="AP30228">
        <v>74</v>
      </c>
      <c r="AQ30228">
        <v>75</v>
      </c>
    </row>
    <row r="30229" spans="1:43">
      <c r="A30229" t="s">
        <v>18729</v>
      </c>
      <c r="B30229" t="s">
        <v>18730</v>
      </c>
      <c r="C30229" t="s">
        <v>18731</v>
      </c>
      <c r="D30229" t="s">
        <v>18732</v>
      </c>
      <c r="E30229" t="s">
        <v>18691</v>
      </c>
      <c r="F30229" t="s">
        <v>18692</v>
      </c>
      <c r="G30229" t="s">
        <v>10734</v>
      </c>
      <c r="H30229" t="s">
        <v>10735</v>
      </c>
      <c r="I30229" s="2">
        <v>0</v>
      </c>
      <c r="J30229" s="2">
        <v>0</v>
      </c>
      <c r="K30229" s="2">
        <v>1</v>
      </c>
      <c r="L30229" t="s">
        <v>995</v>
      </c>
      <c r="M30229" t="s">
        <v>83</v>
      </c>
      <c r="N30229" t="s">
        <v>91</v>
      </c>
      <c r="O30229" t="s">
        <v>85</v>
      </c>
      <c r="P30229" t="s">
        <v>86</v>
      </c>
      <c r="Q30229">
        <v>42</v>
      </c>
      <c r="R30229">
        <v>43</v>
      </c>
      <c r="S30229">
        <v>44</v>
      </c>
      <c r="T30229">
        <v>45</v>
      </c>
      <c r="U30229">
        <v>46</v>
      </c>
      <c r="V30229">
        <v>48</v>
      </c>
      <c r="W30229">
        <v>49</v>
      </c>
      <c r="X30229">
        <v>50</v>
      </c>
      <c r="Y30229">
        <v>51</v>
      </c>
      <c r="Z30229">
        <v>53</v>
      </c>
      <c r="AA30229">
        <v>54</v>
      </c>
      <c r="AB30229">
        <v>56</v>
      </c>
      <c r="AC30229">
        <v>57</v>
      </c>
      <c r="AD30229">
        <v>58</v>
      </c>
      <c r="AE30229">
        <v>60</v>
      </c>
      <c r="AF30229">
        <v>61</v>
      </c>
      <c r="AG30229">
        <v>63</v>
      </c>
      <c r="AH30229">
        <v>64</v>
      </c>
      <c r="AI30229">
        <v>66</v>
      </c>
      <c r="AJ30229">
        <v>67</v>
      </c>
      <c r="AK30229">
        <v>69</v>
      </c>
      <c r="AL30229">
        <v>70</v>
      </c>
      <c r="AM30229">
        <v>71</v>
      </c>
      <c r="AN30229">
        <v>72</v>
      </c>
      <c r="AO30229">
        <v>73</v>
      </c>
      <c r="AP30229">
        <v>74</v>
      </c>
      <c r="AQ30229">
        <v>75</v>
      </c>
    </row>
    <row r="30230" spans="1:43">
      <c r="A30230" t="s">
        <v>18733</v>
      </c>
      <c r="B30230" t="s">
        <v>18734</v>
      </c>
      <c r="C30230" t="s">
        <v>18731</v>
      </c>
      <c r="D30230" t="s">
        <v>18732</v>
      </c>
      <c r="E30230" t="s">
        <v>18691</v>
      </c>
      <c r="F30230" t="s">
        <v>18692</v>
      </c>
      <c r="G30230" t="s">
        <v>10734</v>
      </c>
      <c r="H30230" t="s">
        <v>10735</v>
      </c>
      <c r="I30230" s="2">
        <v>0</v>
      </c>
      <c r="J30230" s="2">
        <v>0</v>
      </c>
      <c r="K30230" s="2">
        <v>1</v>
      </c>
      <c r="L30230" t="s">
        <v>995</v>
      </c>
      <c r="M30230" t="s">
        <v>83</v>
      </c>
      <c r="N30230" t="s">
        <v>84</v>
      </c>
      <c r="O30230" t="s">
        <v>85</v>
      </c>
      <c r="P30230" t="s">
        <v>86</v>
      </c>
      <c r="Q30230">
        <v>40</v>
      </c>
      <c r="R30230">
        <v>41</v>
      </c>
      <c r="S30230">
        <v>42</v>
      </c>
      <c r="T30230">
        <v>43</v>
      </c>
      <c r="U30230">
        <v>44</v>
      </c>
      <c r="V30230">
        <v>45</v>
      </c>
      <c r="W30230">
        <v>47</v>
      </c>
      <c r="X30230">
        <v>48</v>
      </c>
      <c r="Y30230">
        <v>49</v>
      </c>
      <c r="Z30230">
        <v>50</v>
      </c>
      <c r="AA30230">
        <v>52</v>
      </c>
      <c r="AB30230">
        <v>53</v>
      </c>
      <c r="AC30230">
        <v>54</v>
      </c>
      <c r="AD30230">
        <v>56</v>
      </c>
      <c r="AE30230">
        <v>57</v>
      </c>
      <c r="AF30230">
        <v>58</v>
      </c>
      <c r="AG30230">
        <v>60</v>
      </c>
      <c r="AH30230">
        <v>61</v>
      </c>
      <c r="AI30230">
        <v>63</v>
      </c>
      <c r="AJ30230">
        <v>64</v>
      </c>
      <c r="AK30230">
        <v>66</v>
      </c>
      <c r="AL30230">
        <v>67</v>
      </c>
      <c r="AM30230">
        <v>68</v>
      </c>
      <c r="AN30230">
        <v>68</v>
      </c>
      <c r="AO30230">
        <v>69</v>
      </c>
      <c r="AP30230">
        <v>70</v>
      </c>
      <c r="AQ30230">
        <v>71</v>
      </c>
    </row>
    <row r="30231" spans="1:43">
      <c r="A30231" t="s">
        <v>18733</v>
      </c>
      <c r="B30231" t="s">
        <v>18734</v>
      </c>
      <c r="C30231" t="s">
        <v>18731</v>
      </c>
      <c r="D30231" t="s">
        <v>18732</v>
      </c>
      <c r="E30231" t="s">
        <v>18691</v>
      </c>
      <c r="F30231" t="s">
        <v>18692</v>
      </c>
      <c r="G30231" t="s">
        <v>10734</v>
      </c>
      <c r="H30231" t="s">
        <v>10735</v>
      </c>
      <c r="I30231" s="2">
        <v>0</v>
      </c>
      <c r="J30231" s="2">
        <v>0</v>
      </c>
      <c r="K30231" s="2">
        <v>1</v>
      </c>
      <c r="L30231" t="s">
        <v>995</v>
      </c>
      <c r="M30231" t="s">
        <v>87</v>
      </c>
      <c r="N30231" t="s">
        <v>88</v>
      </c>
      <c r="O30231" t="s">
        <v>85</v>
      </c>
      <c r="P30231" t="s">
        <v>86</v>
      </c>
      <c r="Q30231">
        <v>40</v>
      </c>
      <c r="R30231">
        <v>41</v>
      </c>
      <c r="S30231">
        <v>42</v>
      </c>
      <c r="T30231">
        <v>42</v>
      </c>
      <c r="U30231">
        <v>43</v>
      </c>
      <c r="V30231">
        <v>44</v>
      </c>
      <c r="W30231">
        <v>45</v>
      </c>
      <c r="X30231">
        <v>45</v>
      </c>
      <c r="Y30231">
        <v>46</v>
      </c>
      <c r="Z30231">
        <v>47</v>
      </c>
      <c r="AA30231">
        <v>48</v>
      </c>
      <c r="AB30231">
        <v>49</v>
      </c>
      <c r="AC30231">
        <v>50</v>
      </c>
      <c r="AD30231">
        <v>50</v>
      </c>
      <c r="AE30231">
        <v>51</v>
      </c>
      <c r="AF30231">
        <v>52</v>
      </c>
      <c r="AG30231">
        <v>53</v>
      </c>
      <c r="AH30231">
        <v>54</v>
      </c>
      <c r="AI30231">
        <v>55</v>
      </c>
      <c r="AJ30231">
        <v>56</v>
      </c>
      <c r="AK30231">
        <v>57</v>
      </c>
      <c r="AL30231">
        <v>58</v>
      </c>
      <c r="AM30231">
        <v>59</v>
      </c>
      <c r="AN30231">
        <v>60</v>
      </c>
      <c r="AO30231">
        <v>61</v>
      </c>
      <c r="AP30231">
        <v>62</v>
      </c>
      <c r="AQ30231">
        <v>63</v>
      </c>
    </row>
    <row r="30232" spans="1:43">
      <c r="A30232" t="s">
        <v>18733</v>
      </c>
      <c r="B30232" t="s">
        <v>18734</v>
      </c>
      <c r="C30232" t="s">
        <v>18731</v>
      </c>
      <c r="D30232" t="s">
        <v>18732</v>
      </c>
      <c r="E30232" t="s">
        <v>18691</v>
      </c>
      <c r="F30232" t="s">
        <v>18692</v>
      </c>
      <c r="G30232" t="s">
        <v>10734</v>
      </c>
      <c r="H30232" t="s">
        <v>10735</v>
      </c>
      <c r="I30232" s="2">
        <v>0</v>
      </c>
      <c r="J30232" s="2">
        <v>0</v>
      </c>
      <c r="K30232" s="2">
        <v>1</v>
      </c>
      <c r="L30232" t="s">
        <v>995</v>
      </c>
      <c r="M30232" t="s">
        <v>89</v>
      </c>
      <c r="N30232" t="s">
        <v>90</v>
      </c>
      <c r="O30232" t="s">
        <v>85</v>
      </c>
      <c r="P30232" t="s">
        <v>86</v>
      </c>
      <c r="Q30232">
        <v>40</v>
      </c>
      <c r="R30232">
        <v>41</v>
      </c>
      <c r="S30232">
        <v>43</v>
      </c>
      <c r="T30232">
        <v>44</v>
      </c>
      <c r="U30232">
        <v>46</v>
      </c>
      <c r="V30232">
        <v>47</v>
      </c>
      <c r="W30232">
        <v>49</v>
      </c>
      <c r="X30232">
        <v>50</v>
      </c>
      <c r="Y30232">
        <v>52</v>
      </c>
      <c r="Z30232">
        <v>53</v>
      </c>
      <c r="AA30232">
        <v>55</v>
      </c>
      <c r="AB30232">
        <v>56</v>
      </c>
      <c r="AC30232">
        <v>58</v>
      </c>
      <c r="AD30232">
        <v>60</v>
      </c>
      <c r="AE30232">
        <v>61</v>
      </c>
      <c r="AF30232">
        <v>62</v>
      </c>
      <c r="AG30232">
        <v>63</v>
      </c>
      <c r="AH30232">
        <v>64</v>
      </c>
      <c r="AI30232">
        <v>64</v>
      </c>
      <c r="AJ30232">
        <v>65</v>
      </c>
      <c r="AK30232">
        <v>66</v>
      </c>
      <c r="AL30232">
        <v>67</v>
      </c>
      <c r="AM30232">
        <v>68</v>
      </c>
      <c r="AN30232">
        <v>69</v>
      </c>
      <c r="AO30232">
        <v>70</v>
      </c>
      <c r="AP30232">
        <v>71</v>
      </c>
      <c r="AQ30232">
        <v>72</v>
      </c>
    </row>
    <row r="30233" spans="1:43">
      <c r="A30233" t="s">
        <v>18733</v>
      </c>
      <c r="B30233" t="s">
        <v>18734</v>
      </c>
      <c r="C30233" t="s">
        <v>18731</v>
      </c>
      <c r="D30233" t="s">
        <v>18732</v>
      </c>
      <c r="E30233" t="s">
        <v>18691</v>
      </c>
      <c r="F30233" t="s">
        <v>18692</v>
      </c>
      <c r="G30233" t="s">
        <v>10734</v>
      </c>
      <c r="H30233" t="s">
        <v>10735</v>
      </c>
      <c r="I30233" s="2">
        <v>0</v>
      </c>
      <c r="J30233" s="2">
        <v>0</v>
      </c>
      <c r="K30233" s="2">
        <v>1</v>
      </c>
      <c r="L30233" t="s">
        <v>995</v>
      </c>
      <c r="M30233" t="s">
        <v>83</v>
      </c>
      <c r="N30233" t="s">
        <v>91</v>
      </c>
      <c r="O30233" t="s">
        <v>85</v>
      </c>
      <c r="P30233" t="s">
        <v>86</v>
      </c>
      <c r="Q30233">
        <v>40</v>
      </c>
      <c r="R30233">
        <v>41</v>
      </c>
      <c r="S30233">
        <v>42</v>
      </c>
      <c r="T30233">
        <v>43</v>
      </c>
      <c r="U30233">
        <v>44</v>
      </c>
      <c r="V30233">
        <v>45</v>
      </c>
      <c r="W30233">
        <v>47</v>
      </c>
      <c r="X30233">
        <v>48</v>
      </c>
      <c r="Y30233">
        <v>49</v>
      </c>
      <c r="Z30233">
        <v>50</v>
      </c>
      <c r="AA30233">
        <v>52</v>
      </c>
      <c r="AB30233">
        <v>53</v>
      </c>
      <c r="AC30233">
        <v>54</v>
      </c>
      <c r="AD30233">
        <v>56</v>
      </c>
      <c r="AE30233">
        <v>57</v>
      </c>
      <c r="AF30233">
        <v>58</v>
      </c>
      <c r="AG30233">
        <v>60</v>
      </c>
      <c r="AH30233">
        <v>61</v>
      </c>
      <c r="AI30233">
        <v>63</v>
      </c>
      <c r="AJ30233">
        <v>64</v>
      </c>
      <c r="AK30233">
        <v>66</v>
      </c>
      <c r="AL30233">
        <v>67</v>
      </c>
      <c r="AM30233">
        <v>68</v>
      </c>
      <c r="AN30233">
        <v>68</v>
      </c>
      <c r="AO30233">
        <v>69</v>
      </c>
      <c r="AP30233">
        <v>70</v>
      </c>
      <c r="AQ30233">
        <v>71</v>
      </c>
    </row>
    <row r="30234" spans="1:43">
      <c r="A30234" t="s">
        <v>18735</v>
      </c>
      <c r="B30234" t="s">
        <v>18736</v>
      </c>
      <c r="C30234" t="s">
        <v>18731</v>
      </c>
      <c r="D30234" t="s">
        <v>18732</v>
      </c>
      <c r="E30234" t="s">
        <v>18691</v>
      </c>
      <c r="F30234" t="s">
        <v>18692</v>
      </c>
      <c r="G30234" t="s">
        <v>10734</v>
      </c>
      <c r="H30234" t="s">
        <v>10735</v>
      </c>
      <c r="I30234" s="2">
        <v>0</v>
      </c>
      <c r="J30234" s="2">
        <v>0</v>
      </c>
      <c r="K30234" s="2">
        <v>1</v>
      </c>
      <c r="L30234" t="s">
        <v>995</v>
      </c>
      <c r="M30234" t="s">
        <v>83</v>
      </c>
      <c r="N30234" t="s">
        <v>84</v>
      </c>
      <c r="O30234" t="s">
        <v>85</v>
      </c>
      <c r="P30234" t="s">
        <v>86</v>
      </c>
      <c r="Q30234">
        <v>21</v>
      </c>
      <c r="R30234">
        <v>21</v>
      </c>
      <c r="S30234">
        <v>22</v>
      </c>
      <c r="T30234">
        <v>22</v>
      </c>
      <c r="U30234">
        <v>23</v>
      </c>
      <c r="V30234">
        <v>23</v>
      </c>
      <c r="W30234">
        <v>24</v>
      </c>
      <c r="X30234">
        <v>25</v>
      </c>
      <c r="Y30234">
        <v>25</v>
      </c>
      <c r="Z30234">
        <v>26</v>
      </c>
      <c r="AA30234">
        <v>26</v>
      </c>
      <c r="AB30234">
        <v>27</v>
      </c>
      <c r="AC30234">
        <v>28</v>
      </c>
      <c r="AD30234">
        <v>28</v>
      </c>
      <c r="AE30234">
        <v>29</v>
      </c>
      <c r="AF30234">
        <v>30</v>
      </c>
      <c r="AG30234">
        <v>30</v>
      </c>
      <c r="AH30234">
        <v>31</v>
      </c>
      <c r="AI30234">
        <v>32</v>
      </c>
      <c r="AJ30234">
        <v>32</v>
      </c>
      <c r="AK30234">
        <v>33</v>
      </c>
      <c r="AL30234">
        <v>34</v>
      </c>
      <c r="AM30234">
        <v>34</v>
      </c>
      <c r="AN30234">
        <v>35</v>
      </c>
      <c r="AO30234">
        <v>35</v>
      </c>
      <c r="AP30234">
        <v>35</v>
      </c>
      <c r="AQ30234">
        <v>36</v>
      </c>
    </row>
    <row r="30235" spans="1:43">
      <c r="A30235" t="s">
        <v>18735</v>
      </c>
      <c r="B30235" t="s">
        <v>18736</v>
      </c>
      <c r="C30235" t="s">
        <v>18731</v>
      </c>
      <c r="D30235" t="s">
        <v>18732</v>
      </c>
      <c r="E30235" t="s">
        <v>18691</v>
      </c>
      <c r="F30235" t="s">
        <v>18692</v>
      </c>
      <c r="G30235" t="s">
        <v>10734</v>
      </c>
      <c r="H30235" t="s">
        <v>10735</v>
      </c>
      <c r="I30235" s="2">
        <v>0</v>
      </c>
      <c r="J30235" s="2">
        <v>0</v>
      </c>
      <c r="K30235" s="2">
        <v>1</v>
      </c>
      <c r="L30235" t="s">
        <v>995</v>
      </c>
      <c r="M30235" t="s">
        <v>87</v>
      </c>
      <c r="N30235" t="s">
        <v>88</v>
      </c>
      <c r="O30235" t="s">
        <v>85</v>
      </c>
      <c r="P30235" t="s">
        <v>86</v>
      </c>
      <c r="Q30235">
        <v>21</v>
      </c>
      <c r="R30235">
        <v>22</v>
      </c>
      <c r="S30235">
        <v>22</v>
      </c>
      <c r="T30235">
        <v>22</v>
      </c>
      <c r="U30235">
        <v>23</v>
      </c>
      <c r="V30235">
        <v>23</v>
      </c>
      <c r="W30235">
        <v>23</v>
      </c>
      <c r="X30235">
        <v>24</v>
      </c>
      <c r="Y30235">
        <v>24</v>
      </c>
      <c r="Z30235">
        <v>25</v>
      </c>
      <c r="AA30235">
        <v>25</v>
      </c>
      <c r="AB30235">
        <v>25</v>
      </c>
      <c r="AC30235">
        <v>26</v>
      </c>
      <c r="AD30235">
        <v>26</v>
      </c>
      <c r="AE30235">
        <v>27</v>
      </c>
      <c r="AF30235">
        <v>27</v>
      </c>
      <c r="AG30235">
        <v>28</v>
      </c>
      <c r="AH30235">
        <v>28</v>
      </c>
      <c r="AI30235">
        <v>28</v>
      </c>
      <c r="AJ30235">
        <v>29</v>
      </c>
      <c r="AK30235">
        <v>29</v>
      </c>
      <c r="AL30235">
        <v>30</v>
      </c>
      <c r="AM30235">
        <v>30</v>
      </c>
      <c r="AN30235">
        <v>31</v>
      </c>
      <c r="AO30235">
        <v>31</v>
      </c>
      <c r="AP30235">
        <v>32</v>
      </c>
      <c r="AQ30235">
        <v>32</v>
      </c>
    </row>
    <row r="30236" spans="1:43">
      <c r="A30236" t="s">
        <v>18735</v>
      </c>
      <c r="B30236" t="s">
        <v>18736</v>
      </c>
      <c r="C30236" t="s">
        <v>18731</v>
      </c>
      <c r="D30236" t="s">
        <v>18732</v>
      </c>
      <c r="E30236" t="s">
        <v>18691</v>
      </c>
      <c r="F30236" t="s">
        <v>18692</v>
      </c>
      <c r="G30236" t="s">
        <v>10734</v>
      </c>
      <c r="H30236" t="s">
        <v>10735</v>
      </c>
      <c r="I30236" s="2">
        <v>0</v>
      </c>
      <c r="J30236" s="2">
        <v>0</v>
      </c>
      <c r="K30236" s="2">
        <v>1</v>
      </c>
      <c r="L30236" t="s">
        <v>995</v>
      </c>
      <c r="M30236" t="s">
        <v>89</v>
      </c>
      <c r="N30236" t="s">
        <v>90</v>
      </c>
      <c r="O30236" t="s">
        <v>85</v>
      </c>
      <c r="P30236" t="s">
        <v>86</v>
      </c>
      <c r="Q30236">
        <v>21</v>
      </c>
      <c r="R30236">
        <v>21</v>
      </c>
      <c r="S30236">
        <v>22</v>
      </c>
      <c r="T30236">
        <v>23</v>
      </c>
      <c r="U30236">
        <v>24</v>
      </c>
      <c r="V30236">
        <v>24</v>
      </c>
      <c r="W30236">
        <v>25</v>
      </c>
      <c r="X30236">
        <v>26</v>
      </c>
      <c r="Y30236">
        <v>27</v>
      </c>
      <c r="Z30236">
        <v>27</v>
      </c>
      <c r="AA30236">
        <v>28</v>
      </c>
      <c r="AB30236">
        <v>29</v>
      </c>
      <c r="AC30236">
        <v>30</v>
      </c>
      <c r="AD30236">
        <v>30</v>
      </c>
      <c r="AE30236">
        <v>31</v>
      </c>
      <c r="AF30236">
        <v>31</v>
      </c>
      <c r="AG30236">
        <v>32</v>
      </c>
      <c r="AH30236">
        <v>32</v>
      </c>
      <c r="AI30236">
        <v>33</v>
      </c>
      <c r="AJ30236">
        <v>33</v>
      </c>
      <c r="AK30236">
        <v>34</v>
      </c>
      <c r="AL30236">
        <v>34</v>
      </c>
      <c r="AM30236">
        <v>34</v>
      </c>
      <c r="AN30236">
        <v>35</v>
      </c>
      <c r="AO30236">
        <v>35</v>
      </c>
      <c r="AP30236">
        <v>36</v>
      </c>
      <c r="AQ30236">
        <v>36</v>
      </c>
    </row>
    <row r="30237" spans="1:43">
      <c r="A30237" t="s">
        <v>18735</v>
      </c>
      <c r="B30237" t="s">
        <v>18736</v>
      </c>
      <c r="C30237" t="s">
        <v>18731</v>
      </c>
      <c r="D30237" t="s">
        <v>18732</v>
      </c>
      <c r="E30237" t="s">
        <v>18691</v>
      </c>
      <c r="F30237" t="s">
        <v>18692</v>
      </c>
      <c r="G30237" t="s">
        <v>10734</v>
      </c>
      <c r="H30237" t="s">
        <v>10735</v>
      </c>
      <c r="I30237" s="2">
        <v>0</v>
      </c>
      <c r="J30237" s="2">
        <v>0</v>
      </c>
      <c r="K30237" s="2">
        <v>1</v>
      </c>
      <c r="L30237" t="s">
        <v>995</v>
      </c>
      <c r="M30237" t="s">
        <v>83</v>
      </c>
      <c r="N30237" t="s">
        <v>91</v>
      </c>
      <c r="O30237" t="s">
        <v>85</v>
      </c>
      <c r="P30237" t="s">
        <v>86</v>
      </c>
      <c r="Q30237">
        <v>21</v>
      </c>
      <c r="R30237">
        <v>21</v>
      </c>
      <c r="S30237">
        <v>22</v>
      </c>
      <c r="T30237">
        <v>22</v>
      </c>
      <c r="U30237">
        <v>23</v>
      </c>
      <c r="V30237">
        <v>23</v>
      </c>
      <c r="W30237">
        <v>24</v>
      </c>
      <c r="X30237">
        <v>25</v>
      </c>
      <c r="Y30237">
        <v>25</v>
      </c>
      <c r="Z30237">
        <v>26</v>
      </c>
      <c r="AA30237">
        <v>26</v>
      </c>
      <c r="AB30237">
        <v>27</v>
      </c>
      <c r="AC30237">
        <v>28</v>
      </c>
      <c r="AD30237">
        <v>28</v>
      </c>
      <c r="AE30237">
        <v>29</v>
      </c>
      <c r="AF30237">
        <v>30</v>
      </c>
      <c r="AG30237">
        <v>30</v>
      </c>
      <c r="AH30237">
        <v>31</v>
      </c>
      <c r="AI30237">
        <v>32</v>
      </c>
      <c r="AJ30237">
        <v>32</v>
      </c>
      <c r="AK30237">
        <v>33</v>
      </c>
      <c r="AL30237">
        <v>34</v>
      </c>
      <c r="AM30237">
        <v>34</v>
      </c>
      <c r="AN30237">
        <v>35</v>
      </c>
      <c r="AO30237">
        <v>35</v>
      </c>
      <c r="AP30237">
        <v>35</v>
      </c>
      <c r="AQ30237">
        <v>36</v>
      </c>
    </row>
    <row r="30238" spans="1:43">
      <c r="A30238" t="s">
        <v>18737</v>
      </c>
      <c r="B30238" t="s">
        <v>18738</v>
      </c>
      <c r="C30238" t="s">
        <v>18731</v>
      </c>
      <c r="D30238" t="s">
        <v>18732</v>
      </c>
      <c r="E30238" t="s">
        <v>18691</v>
      </c>
      <c r="F30238" t="s">
        <v>18692</v>
      </c>
      <c r="G30238" t="s">
        <v>10734</v>
      </c>
      <c r="H30238" t="s">
        <v>10735</v>
      </c>
      <c r="I30238" s="2">
        <v>0</v>
      </c>
      <c r="J30238" s="2">
        <v>0</v>
      </c>
      <c r="K30238" s="2">
        <v>1</v>
      </c>
      <c r="L30238" t="s">
        <v>995</v>
      </c>
      <c r="M30238" t="s">
        <v>83</v>
      </c>
      <c r="N30238" t="s">
        <v>84</v>
      </c>
      <c r="O30238" t="s">
        <v>85</v>
      </c>
      <c r="P30238" t="s">
        <v>86</v>
      </c>
      <c r="Q30238">
        <v>37</v>
      </c>
      <c r="R30238">
        <v>38</v>
      </c>
      <c r="S30238">
        <v>39</v>
      </c>
      <c r="T30238">
        <v>40</v>
      </c>
      <c r="U30238">
        <v>41</v>
      </c>
      <c r="V30238">
        <v>42</v>
      </c>
      <c r="W30238">
        <v>43</v>
      </c>
      <c r="X30238">
        <v>44</v>
      </c>
      <c r="Y30238">
        <v>46</v>
      </c>
      <c r="Z30238">
        <v>47</v>
      </c>
      <c r="AA30238">
        <v>48</v>
      </c>
      <c r="AB30238">
        <v>49</v>
      </c>
      <c r="AC30238">
        <v>50</v>
      </c>
      <c r="AD30238">
        <v>52</v>
      </c>
      <c r="AE30238">
        <v>53</v>
      </c>
      <c r="AF30238">
        <v>54</v>
      </c>
      <c r="AG30238">
        <v>56</v>
      </c>
      <c r="AH30238">
        <v>57</v>
      </c>
      <c r="AI30238">
        <v>58</v>
      </c>
      <c r="AJ30238">
        <v>60</v>
      </c>
      <c r="AK30238">
        <v>61</v>
      </c>
      <c r="AL30238">
        <v>62</v>
      </c>
      <c r="AM30238">
        <v>63</v>
      </c>
      <c r="AN30238">
        <v>64</v>
      </c>
      <c r="AO30238">
        <v>65</v>
      </c>
      <c r="AP30238">
        <v>66</v>
      </c>
      <c r="AQ30238">
        <v>67</v>
      </c>
    </row>
    <row r="30239" spans="1:43">
      <c r="A30239" t="s">
        <v>18737</v>
      </c>
      <c r="B30239" t="s">
        <v>18738</v>
      </c>
      <c r="C30239" t="s">
        <v>18731</v>
      </c>
      <c r="D30239" t="s">
        <v>18732</v>
      </c>
      <c r="E30239" t="s">
        <v>18691</v>
      </c>
      <c r="F30239" t="s">
        <v>18692</v>
      </c>
      <c r="G30239" t="s">
        <v>10734</v>
      </c>
      <c r="H30239" t="s">
        <v>10735</v>
      </c>
      <c r="I30239" s="2">
        <v>0</v>
      </c>
      <c r="J30239" s="2">
        <v>0</v>
      </c>
      <c r="K30239" s="2">
        <v>1</v>
      </c>
      <c r="L30239" t="s">
        <v>995</v>
      </c>
      <c r="M30239" t="s">
        <v>87</v>
      </c>
      <c r="N30239" t="s">
        <v>88</v>
      </c>
      <c r="O30239" t="s">
        <v>85</v>
      </c>
      <c r="P30239" t="s">
        <v>86</v>
      </c>
      <c r="Q30239">
        <v>37</v>
      </c>
      <c r="R30239">
        <v>38</v>
      </c>
      <c r="S30239">
        <v>39</v>
      </c>
      <c r="T30239">
        <v>39</v>
      </c>
      <c r="U30239">
        <v>40</v>
      </c>
      <c r="V30239">
        <v>41</v>
      </c>
      <c r="W30239">
        <v>42</v>
      </c>
      <c r="X30239">
        <v>42</v>
      </c>
      <c r="Y30239">
        <v>43</v>
      </c>
      <c r="Z30239">
        <v>44</v>
      </c>
      <c r="AA30239">
        <v>45</v>
      </c>
      <c r="AB30239">
        <v>45</v>
      </c>
      <c r="AC30239">
        <v>46</v>
      </c>
      <c r="AD30239">
        <v>47</v>
      </c>
      <c r="AE30239">
        <v>48</v>
      </c>
      <c r="AF30239">
        <v>49</v>
      </c>
      <c r="AG30239">
        <v>50</v>
      </c>
      <c r="AH30239">
        <v>51</v>
      </c>
      <c r="AI30239">
        <v>51</v>
      </c>
      <c r="AJ30239">
        <v>52</v>
      </c>
      <c r="AK30239">
        <v>53</v>
      </c>
      <c r="AL30239">
        <v>54</v>
      </c>
      <c r="AM30239">
        <v>55</v>
      </c>
      <c r="AN30239">
        <v>56</v>
      </c>
      <c r="AO30239">
        <v>57</v>
      </c>
      <c r="AP30239">
        <v>58</v>
      </c>
      <c r="AQ30239">
        <v>59</v>
      </c>
    </row>
    <row r="30240" spans="1:43">
      <c r="A30240" t="s">
        <v>18737</v>
      </c>
      <c r="B30240" t="s">
        <v>18738</v>
      </c>
      <c r="C30240" t="s">
        <v>18731</v>
      </c>
      <c r="D30240" t="s">
        <v>18732</v>
      </c>
      <c r="E30240" t="s">
        <v>18691</v>
      </c>
      <c r="F30240" t="s">
        <v>18692</v>
      </c>
      <c r="G30240" t="s">
        <v>10734</v>
      </c>
      <c r="H30240" t="s">
        <v>10735</v>
      </c>
      <c r="I30240" s="2">
        <v>0</v>
      </c>
      <c r="J30240" s="2">
        <v>0</v>
      </c>
      <c r="K30240" s="2">
        <v>1</v>
      </c>
      <c r="L30240" t="s">
        <v>995</v>
      </c>
      <c r="M30240" t="s">
        <v>89</v>
      </c>
      <c r="N30240" t="s">
        <v>90</v>
      </c>
      <c r="O30240" t="s">
        <v>85</v>
      </c>
      <c r="P30240" t="s">
        <v>86</v>
      </c>
      <c r="Q30240">
        <v>37</v>
      </c>
      <c r="R30240">
        <v>38</v>
      </c>
      <c r="S30240">
        <v>40</v>
      </c>
      <c r="T30240">
        <v>41</v>
      </c>
      <c r="U30240">
        <v>43</v>
      </c>
      <c r="V30240">
        <v>44</v>
      </c>
      <c r="W30240">
        <v>45</v>
      </c>
      <c r="X30240">
        <v>47</v>
      </c>
      <c r="Y30240">
        <v>48</v>
      </c>
      <c r="Z30240">
        <v>50</v>
      </c>
      <c r="AA30240">
        <v>51</v>
      </c>
      <c r="AB30240">
        <v>53</v>
      </c>
      <c r="AC30240">
        <v>54</v>
      </c>
      <c r="AD30240">
        <v>56</v>
      </c>
      <c r="AE30240">
        <v>57</v>
      </c>
      <c r="AF30240">
        <v>58</v>
      </c>
      <c r="AG30240">
        <v>59</v>
      </c>
      <c r="AH30240">
        <v>59</v>
      </c>
      <c r="AI30240">
        <v>60</v>
      </c>
      <c r="AJ30240">
        <v>61</v>
      </c>
      <c r="AK30240">
        <v>62</v>
      </c>
      <c r="AL30240">
        <v>63</v>
      </c>
      <c r="AM30240">
        <v>64</v>
      </c>
      <c r="AN30240">
        <v>65</v>
      </c>
      <c r="AO30240">
        <v>65</v>
      </c>
      <c r="AP30240">
        <v>66</v>
      </c>
      <c r="AQ30240">
        <v>67</v>
      </c>
    </row>
    <row r="30241" spans="1:43">
      <c r="A30241" t="s">
        <v>18737</v>
      </c>
      <c r="B30241" t="s">
        <v>18738</v>
      </c>
      <c r="C30241" t="s">
        <v>18731</v>
      </c>
      <c r="D30241" t="s">
        <v>18732</v>
      </c>
      <c r="E30241" t="s">
        <v>18691</v>
      </c>
      <c r="F30241" t="s">
        <v>18692</v>
      </c>
      <c r="G30241" t="s">
        <v>10734</v>
      </c>
      <c r="H30241" t="s">
        <v>10735</v>
      </c>
      <c r="I30241" s="2">
        <v>0</v>
      </c>
      <c r="J30241" s="2">
        <v>0</v>
      </c>
      <c r="K30241" s="2">
        <v>1</v>
      </c>
      <c r="L30241" t="s">
        <v>995</v>
      </c>
      <c r="M30241" t="s">
        <v>83</v>
      </c>
      <c r="N30241" t="s">
        <v>91</v>
      </c>
      <c r="O30241" t="s">
        <v>85</v>
      </c>
      <c r="P30241" t="s">
        <v>86</v>
      </c>
      <c r="Q30241">
        <v>37</v>
      </c>
      <c r="R30241">
        <v>38</v>
      </c>
      <c r="S30241">
        <v>39</v>
      </c>
      <c r="T30241">
        <v>40</v>
      </c>
      <c r="U30241">
        <v>41</v>
      </c>
      <c r="V30241">
        <v>42</v>
      </c>
      <c r="W30241">
        <v>43</v>
      </c>
      <c r="X30241">
        <v>44</v>
      </c>
      <c r="Y30241">
        <v>46</v>
      </c>
      <c r="Z30241">
        <v>47</v>
      </c>
      <c r="AA30241">
        <v>48</v>
      </c>
      <c r="AB30241">
        <v>49</v>
      </c>
      <c r="AC30241">
        <v>50</v>
      </c>
      <c r="AD30241">
        <v>52</v>
      </c>
      <c r="AE30241">
        <v>53</v>
      </c>
      <c r="AF30241">
        <v>54</v>
      </c>
      <c r="AG30241">
        <v>56</v>
      </c>
      <c r="AH30241">
        <v>57</v>
      </c>
      <c r="AI30241">
        <v>58</v>
      </c>
      <c r="AJ30241">
        <v>60</v>
      </c>
      <c r="AK30241">
        <v>61</v>
      </c>
      <c r="AL30241">
        <v>62</v>
      </c>
      <c r="AM30241">
        <v>63</v>
      </c>
      <c r="AN30241">
        <v>64</v>
      </c>
      <c r="AO30241">
        <v>65</v>
      </c>
      <c r="AP30241">
        <v>66</v>
      </c>
      <c r="AQ30241">
        <v>67</v>
      </c>
    </row>
    <row r="30242" spans="1:43">
      <c r="A30242" t="s">
        <v>18739</v>
      </c>
      <c r="B30242" t="s">
        <v>18740</v>
      </c>
      <c r="C30242" t="s">
        <v>18709</v>
      </c>
      <c r="D30242" t="s">
        <v>18710</v>
      </c>
      <c r="E30242" t="s">
        <v>18691</v>
      </c>
      <c r="F30242" t="s">
        <v>18692</v>
      </c>
      <c r="G30242" t="s">
        <v>10734</v>
      </c>
      <c r="H30242" t="s">
        <v>10735</v>
      </c>
      <c r="I30242" s="2">
        <v>0</v>
      </c>
      <c r="J30242" s="2">
        <v>0</v>
      </c>
      <c r="K30242" s="2">
        <v>1</v>
      </c>
      <c r="L30242" t="s">
        <v>995</v>
      </c>
      <c r="M30242" t="s">
        <v>83</v>
      </c>
      <c r="N30242" t="s">
        <v>84</v>
      </c>
      <c r="O30242" t="s">
        <v>85</v>
      </c>
      <c r="P30242" t="s">
        <v>86</v>
      </c>
      <c r="Q30242">
        <v>22</v>
      </c>
      <c r="R30242">
        <v>22</v>
      </c>
      <c r="S30242">
        <v>23</v>
      </c>
      <c r="T30242">
        <v>23</v>
      </c>
      <c r="U30242">
        <v>23</v>
      </c>
      <c r="V30242">
        <v>24</v>
      </c>
      <c r="W30242">
        <v>24</v>
      </c>
      <c r="X30242">
        <v>24</v>
      </c>
      <c r="Y30242">
        <v>24</v>
      </c>
      <c r="Z30242">
        <v>25</v>
      </c>
      <c r="AA30242">
        <v>25</v>
      </c>
      <c r="AB30242">
        <v>25</v>
      </c>
      <c r="AC30242">
        <v>25</v>
      </c>
      <c r="AD30242">
        <v>26</v>
      </c>
      <c r="AE30242">
        <v>26</v>
      </c>
      <c r="AF30242">
        <v>26</v>
      </c>
      <c r="AG30242">
        <v>26</v>
      </c>
      <c r="AH30242">
        <v>26</v>
      </c>
      <c r="AI30242">
        <v>27</v>
      </c>
      <c r="AJ30242">
        <v>27</v>
      </c>
      <c r="AK30242">
        <v>27</v>
      </c>
      <c r="AL30242">
        <v>27</v>
      </c>
      <c r="AM30242">
        <v>27</v>
      </c>
      <c r="AN30242">
        <v>27</v>
      </c>
      <c r="AO30242">
        <v>27</v>
      </c>
      <c r="AP30242">
        <v>27</v>
      </c>
      <c r="AQ30242">
        <v>27</v>
      </c>
    </row>
    <row r="30243" spans="1:43">
      <c r="A30243" t="s">
        <v>18739</v>
      </c>
      <c r="B30243" t="s">
        <v>18740</v>
      </c>
      <c r="C30243" t="s">
        <v>18709</v>
      </c>
      <c r="D30243" t="s">
        <v>18710</v>
      </c>
      <c r="E30243" t="s">
        <v>18691</v>
      </c>
      <c r="F30243" t="s">
        <v>18692</v>
      </c>
      <c r="G30243" t="s">
        <v>10734</v>
      </c>
      <c r="H30243" t="s">
        <v>10735</v>
      </c>
      <c r="I30243" s="2">
        <v>0</v>
      </c>
      <c r="J30243" s="2">
        <v>0</v>
      </c>
      <c r="K30243" s="2">
        <v>1</v>
      </c>
      <c r="L30243" t="s">
        <v>995</v>
      </c>
      <c r="M30243" t="s">
        <v>87</v>
      </c>
      <c r="N30243" t="s">
        <v>88</v>
      </c>
      <c r="O30243" t="s">
        <v>85</v>
      </c>
      <c r="P30243" t="s">
        <v>86</v>
      </c>
      <c r="Q30243">
        <v>22</v>
      </c>
      <c r="R30243">
        <v>22</v>
      </c>
      <c r="S30243">
        <v>22</v>
      </c>
      <c r="T30243">
        <v>22</v>
      </c>
      <c r="U30243">
        <v>22</v>
      </c>
      <c r="V30243">
        <v>22</v>
      </c>
      <c r="W30243">
        <v>22</v>
      </c>
      <c r="X30243">
        <v>22</v>
      </c>
      <c r="Y30243">
        <v>23</v>
      </c>
      <c r="Z30243">
        <v>23</v>
      </c>
      <c r="AA30243">
        <v>23</v>
      </c>
      <c r="AB30243">
        <v>23</v>
      </c>
      <c r="AC30243">
        <v>23</v>
      </c>
      <c r="AD30243">
        <v>23</v>
      </c>
      <c r="AE30243">
        <v>23</v>
      </c>
      <c r="AF30243">
        <v>23</v>
      </c>
      <c r="AG30243">
        <v>23</v>
      </c>
      <c r="AH30243">
        <v>23</v>
      </c>
      <c r="AI30243">
        <v>23</v>
      </c>
      <c r="AJ30243">
        <v>23</v>
      </c>
      <c r="AK30243">
        <v>23</v>
      </c>
      <c r="AL30243">
        <v>23</v>
      </c>
      <c r="AM30243">
        <v>23</v>
      </c>
      <c r="AN30243">
        <v>23</v>
      </c>
      <c r="AO30243">
        <v>23</v>
      </c>
      <c r="AP30243">
        <v>23</v>
      </c>
      <c r="AQ30243">
        <v>23</v>
      </c>
    </row>
    <row r="30244" spans="1:43">
      <c r="A30244" t="s">
        <v>18739</v>
      </c>
      <c r="B30244" t="s">
        <v>18740</v>
      </c>
      <c r="C30244" t="s">
        <v>18709</v>
      </c>
      <c r="D30244" t="s">
        <v>18710</v>
      </c>
      <c r="E30244" t="s">
        <v>18691</v>
      </c>
      <c r="F30244" t="s">
        <v>18692</v>
      </c>
      <c r="G30244" t="s">
        <v>10734</v>
      </c>
      <c r="H30244" t="s">
        <v>10735</v>
      </c>
      <c r="I30244" s="2">
        <v>0</v>
      </c>
      <c r="J30244" s="2">
        <v>0</v>
      </c>
      <c r="K30244" s="2">
        <v>1</v>
      </c>
      <c r="L30244" t="s">
        <v>995</v>
      </c>
      <c r="M30244" t="s">
        <v>89</v>
      </c>
      <c r="N30244" t="s">
        <v>90</v>
      </c>
      <c r="O30244" t="s">
        <v>85</v>
      </c>
      <c r="P30244" t="s">
        <v>86</v>
      </c>
      <c r="Q30244">
        <v>22</v>
      </c>
      <c r="R30244">
        <v>23</v>
      </c>
      <c r="S30244">
        <v>23</v>
      </c>
      <c r="T30244">
        <v>24</v>
      </c>
      <c r="U30244">
        <v>24</v>
      </c>
      <c r="V30244">
        <v>25</v>
      </c>
      <c r="W30244">
        <v>25</v>
      </c>
      <c r="X30244">
        <v>25</v>
      </c>
      <c r="Y30244">
        <v>26</v>
      </c>
      <c r="Z30244">
        <v>26</v>
      </c>
      <c r="AA30244">
        <v>26</v>
      </c>
      <c r="AB30244">
        <v>27</v>
      </c>
      <c r="AC30244">
        <v>27</v>
      </c>
      <c r="AD30244">
        <v>27</v>
      </c>
      <c r="AE30244">
        <v>28</v>
      </c>
      <c r="AF30244">
        <v>28</v>
      </c>
      <c r="AG30244">
        <v>28</v>
      </c>
      <c r="AH30244">
        <v>28</v>
      </c>
      <c r="AI30244">
        <v>28</v>
      </c>
      <c r="AJ30244">
        <v>28</v>
      </c>
      <c r="AK30244">
        <v>27</v>
      </c>
      <c r="AL30244">
        <v>27</v>
      </c>
      <c r="AM30244">
        <v>27</v>
      </c>
      <c r="AN30244">
        <v>27</v>
      </c>
      <c r="AO30244">
        <v>27</v>
      </c>
      <c r="AP30244">
        <v>27</v>
      </c>
      <c r="AQ30244">
        <v>27</v>
      </c>
    </row>
    <row r="30245" spans="1:43">
      <c r="A30245" t="s">
        <v>18739</v>
      </c>
      <c r="B30245" t="s">
        <v>18740</v>
      </c>
      <c r="C30245" t="s">
        <v>18709</v>
      </c>
      <c r="D30245" t="s">
        <v>18710</v>
      </c>
      <c r="E30245" t="s">
        <v>18691</v>
      </c>
      <c r="F30245" t="s">
        <v>18692</v>
      </c>
      <c r="G30245" t="s">
        <v>10734</v>
      </c>
      <c r="H30245" t="s">
        <v>10735</v>
      </c>
      <c r="I30245" s="2">
        <v>0</v>
      </c>
      <c r="J30245" s="2">
        <v>0</v>
      </c>
      <c r="K30245" s="2">
        <v>1</v>
      </c>
      <c r="L30245" t="s">
        <v>995</v>
      </c>
      <c r="M30245" t="s">
        <v>83</v>
      </c>
      <c r="N30245" t="s">
        <v>91</v>
      </c>
      <c r="O30245" t="s">
        <v>85</v>
      </c>
      <c r="P30245" t="s">
        <v>86</v>
      </c>
      <c r="Q30245">
        <v>22</v>
      </c>
      <c r="R30245">
        <v>22</v>
      </c>
      <c r="S30245">
        <v>23</v>
      </c>
      <c r="T30245">
        <v>23</v>
      </c>
      <c r="U30245">
        <v>23</v>
      </c>
      <c r="V30245">
        <v>24</v>
      </c>
      <c r="W30245">
        <v>24</v>
      </c>
      <c r="X30245">
        <v>24</v>
      </c>
      <c r="Y30245">
        <v>24</v>
      </c>
      <c r="Z30245">
        <v>25</v>
      </c>
      <c r="AA30245">
        <v>25</v>
      </c>
      <c r="AB30245">
        <v>25</v>
      </c>
      <c r="AC30245">
        <v>25</v>
      </c>
      <c r="AD30245">
        <v>26</v>
      </c>
      <c r="AE30245">
        <v>26</v>
      </c>
      <c r="AF30245">
        <v>26</v>
      </c>
      <c r="AG30245">
        <v>26</v>
      </c>
      <c r="AH30245">
        <v>26</v>
      </c>
      <c r="AI30245">
        <v>27</v>
      </c>
      <c r="AJ30245">
        <v>27</v>
      </c>
      <c r="AK30245">
        <v>27</v>
      </c>
      <c r="AL30245">
        <v>27</v>
      </c>
      <c r="AM30245">
        <v>27</v>
      </c>
      <c r="AN30245">
        <v>27</v>
      </c>
      <c r="AO30245">
        <v>27</v>
      </c>
      <c r="AP30245">
        <v>27</v>
      </c>
      <c r="AQ30245">
        <v>27</v>
      </c>
    </row>
    <row r="30246" spans="1:43">
      <c r="A30246" t="s">
        <v>18741</v>
      </c>
      <c r="B30246" t="s">
        <v>18742</v>
      </c>
      <c r="C30246" t="s">
        <v>18709</v>
      </c>
      <c r="D30246" t="s">
        <v>18710</v>
      </c>
      <c r="E30246" t="s">
        <v>18691</v>
      </c>
      <c r="F30246" t="s">
        <v>18692</v>
      </c>
      <c r="G30246" t="s">
        <v>10734</v>
      </c>
      <c r="H30246" t="s">
        <v>10735</v>
      </c>
      <c r="I30246" s="2">
        <v>0</v>
      </c>
      <c r="J30246" s="2">
        <v>0</v>
      </c>
      <c r="K30246" s="2">
        <v>1</v>
      </c>
      <c r="L30246" t="s">
        <v>995</v>
      </c>
      <c r="M30246" t="s">
        <v>83</v>
      </c>
      <c r="N30246" t="s">
        <v>84</v>
      </c>
      <c r="O30246" t="s">
        <v>85</v>
      </c>
      <c r="P30246" t="s">
        <v>86</v>
      </c>
      <c r="Q30246">
        <v>5</v>
      </c>
      <c r="R30246">
        <v>5</v>
      </c>
      <c r="S30246">
        <v>5</v>
      </c>
      <c r="T30246">
        <v>5</v>
      </c>
      <c r="U30246">
        <v>5</v>
      </c>
      <c r="V30246">
        <v>5</v>
      </c>
      <c r="W30246">
        <v>5</v>
      </c>
      <c r="X30246">
        <v>6</v>
      </c>
      <c r="Y30246">
        <v>6</v>
      </c>
      <c r="Z30246">
        <v>6</v>
      </c>
      <c r="AA30246">
        <v>6</v>
      </c>
      <c r="AB30246">
        <v>6</v>
      </c>
      <c r="AC30246">
        <v>6</v>
      </c>
      <c r="AD30246">
        <v>6</v>
      </c>
      <c r="AE30246">
        <v>6</v>
      </c>
      <c r="AF30246">
        <v>6</v>
      </c>
      <c r="AG30246">
        <v>6</v>
      </c>
      <c r="AH30246">
        <v>6</v>
      </c>
      <c r="AI30246">
        <v>6</v>
      </c>
      <c r="AJ30246">
        <v>6</v>
      </c>
      <c r="AK30246">
        <v>6</v>
      </c>
      <c r="AL30246">
        <v>6</v>
      </c>
      <c r="AM30246">
        <v>6</v>
      </c>
      <c r="AN30246">
        <v>6</v>
      </c>
      <c r="AO30246">
        <v>6</v>
      </c>
      <c r="AP30246">
        <v>6</v>
      </c>
      <c r="AQ30246">
        <v>6</v>
      </c>
    </row>
    <row r="30247" spans="1:43">
      <c r="A30247" t="s">
        <v>18741</v>
      </c>
      <c r="B30247" t="s">
        <v>18742</v>
      </c>
      <c r="C30247" t="s">
        <v>18709</v>
      </c>
      <c r="D30247" t="s">
        <v>18710</v>
      </c>
      <c r="E30247" t="s">
        <v>18691</v>
      </c>
      <c r="F30247" t="s">
        <v>18692</v>
      </c>
      <c r="G30247" t="s">
        <v>10734</v>
      </c>
      <c r="H30247" t="s">
        <v>10735</v>
      </c>
      <c r="I30247" s="2">
        <v>0</v>
      </c>
      <c r="J30247" s="2">
        <v>0</v>
      </c>
      <c r="K30247" s="2">
        <v>1</v>
      </c>
      <c r="L30247" t="s">
        <v>995</v>
      </c>
      <c r="M30247" t="s">
        <v>87</v>
      </c>
      <c r="N30247" t="s">
        <v>88</v>
      </c>
      <c r="O30247" t="s">
        <v>85</v>
      </c>
      <c r="P30247" t="s">
        <v>86</v>
      </c>
      <c r="Q30247">
        <v>5</v>
      </c>
      <c r="R30247">
        <v>5</v>
      </c>
      <c r="S30247">
        <v>5</v>
      </c>
      <c r="T30247">
        <v>5</v>
      </c>
      <c r="U30247">
        <v>5</v>
      </c>
      <c r="V30247">
        <v>5</v>
      </c>
      <c r="W30247">
        <v>5</v>
      </c>
      <c r="X30247">
        <v>5</v>
      </c>
      <c r="Y30247">
        <v>5</v>
      </c>
      <c r="Z30247">
        <v>5</v>
      </c>
      <c r="AA30247">
        <v>5</v>
      </c>
      <c r="AB30247">
        <v>5</v>
      </c>
      <c r="AC30247">
        <v>5</v>
      </c>
      <c r="AD30247">
        <v>5</v>
      </c>
      <c r="AE30247">
        <v>5</v>
      </c>
      <c r="AF30247">
        <v>5</v>
      </c>
      <c r="AG30247">
        <v>5</v>
      </c>
      <c r="AH30247">
        <v>5</v>
      </c>
      <c r="AI30247">
        <v>5</v>
      </c>
      <c r="AJ30247">
        <v>5</v>
      </c>
      <c r="AK30247">
        <v>5</v>
      </c>
      <c r="AL30247">
        <v>5</v>
      </c>
      <c r="AM30247">
        <v>5</v>
      </c>
      <c r="AN30247">
        <v>5</v>
      </c>
      <c r="AO30247">
        <v>5</v>
      </c>
      <c r="AP30247">
        <v>5</v>
      </c>
      <c r="AQ30247">
        <v>5</v>
      </c>
    </row>
    <row r="30248" spans="1:43">
      <c r="A30248" t="s">
        <v>18741</v>
      </c>
      <c r="B30248" t="s">
        <v>18742</v>
      </c>
      <c r="C30248" t="s">
        <v>18709</v>
      </c>
      <c r="D30248" t="s">
        <v>18710</v>
      </c>
      <c r="E30248" t="s">
        <v>18691</v>
      </c>
      <c r="F30248" t="s">
        <v>18692</v>
      </c>
      <c r="G30248" t="s">
        <v>10734</v>
      </c>
      <c r="H30248" t="s">
        <v>10735</v>
      </c>
      <c r="I30248" s="2">
        <v>0</v>
      </c>
      <c r="J30248" s="2">
        <v>0</v>
      </c>
      <c r="K30248" s="2">
        <v>1</v>
      </c>
      <c r="L30248" t="s">
        <v>995</v>
      </c>
      <c r="M30248" t="s">
        <v>89</v>
      </c>
      <c r="N30248" t="s">
        <v>90</v>
      </c>
      <c r="O30248" t="s">
        <v>85</v>
      </c>
      <c r="P30248" t="s">
        <v>86</v>
      </c>
      <c r="Q30248">
        <v>5</v>
      </c>
      <c r="R30248">
        <v>5</v>
      </c>
      <c r="S30248">
        <v>5</v>
      </c>
      <c r="T30248">
        <v>5</v>
      </c>
      <c r="U30248">
        <v>6</v>
      </c>
      <c r="V30248">
        <v>6</v>
      </c>
      <c r="W30248">
        <v>6</v>
      </c>
      <c r="X30248">
        <v>6</v>
      </c>
      <c r="Y30248">
        <v>6</v>
      </c>
      <c r="Z30248">
        <v>6</v>
      </c>
      <c r="AA30248">
        <v>6</v>
      </c>
      <c r="AB30248">
        <v>6</v>
      </c>
      <c r="AC30248">
        <v>6</v>
      </c>
      <c r="AD30248">
        <v>6</v>
      </c>
      <c r="AE30248">
        <v>6</v>
      </c>
      <c r="AF30248">
        <v>6</v>
      </c>
      <c r="AG30248">
        <v>6</v>
      </c>
      <c r="AH30248">
        <v>6</v>
      </c>
      <c r="AI30248">
        <v>6</v>
      </c>
      <c r="AJ30248">
        <v>6</v>
      </c>
      <c r="AK30248">
        <v>6</v>
      </c>
      <c r="AL30248">
        <v>6</v>
      </c>
      <c r="AM30248">
        <v>6</v>
      </c>
      <c r="AN30248">
        <v>6</v>
      </c>
      <c r="AO30248">
        <v>6</v>
      </c>
      <c r="AP30248">
        <v>6</v>
      </c>
      <c r="AQ30248">
        <v>6</v>
      </c>
    </row>
    <row r="30249" spans="1:43">
      <c r="A30249" t="s">
        <v>18741</v>
      </c>
      <c r="B30249" t="s">
        <v>18742</v>
      </c>
      <c r="C30249" t="s">
        <v>18709</v>
      </c>
      <c r="D30249" t="s">
        <v>18710</v>
      </c>
      <c r="E30249" t="s">
        <v>18691</v>
      </c>
      <c r="F30249" t="s">
        <v>18692</v>
      </c>
      <c r="G30249" t="s">
        <v>10734</v>
      </c>
      <c r="H30249" t="s">
        <v>10735</v>
      </c>
      <c r="I30249" s="2">
        <v>0</v>
      </c>
      <c r="J30249" s="2">
        <v>0</v>
      </c>
      <c r="K30249" s="2">
        <v>1</v>
      </c>
      <c r="L30249" t="s">
        <v>995</v>
      </c>
      <c r="M30249" t="s">
        <v>83</v>
      </c>
      <c r="N30249" t="s">
        <v>91</v>
      </c>
      <c r="O30249" t="s">
        <v>85</v>
      </c>
      <c r="P30249" t="s">
        <v>86</v>
      </c>
      <c r="Q30249">
        <v>5</v>
      </c>
      <c r="R30249">
        <v>5</v>
      </c>
      <c r="S30249">
        <v>5</v>
      </c>
      <c r="T30249">
        <v>5</v>
      </c>
      <c r="U30249">
        <v>5</v>
      </c>
      <c r="V30249">
        <v>5</v>
      </c>
      <c r="W30249">
        <v>5</v>
      </c>
      <c r="X30249">
        <v>6</v>
      </c>
      <c r="Y30249">
        <v>6</v>
      </c>
      <c r="Z30249">
        <v>6</v>
      </c>
      <c r="AA30249">
        <v>6</v>
      </c>
      <c r="AB30249">
        <v>6</v>
      </c>
      <c r="AC30249">
        <v>6</v>
      </c>
      <c r="AD30249">
        <v>6</v>
      </c>
      <c r="AE30249">
        <v>6</v>
      </c>
      <c r="AF30249">
        <v>6</v>
      </c>
      <c r="AG30249">
        <v>6</v>
      </c>
      <c r="AH30249">
        <v>6</v>
      </c>
      <c r="AI30249">
        <v>6</v>
      </c>
      <c r="AJ30249">
        <v>6</v>
      </c>
      <c r="AK30249">
        <v>6</v>
      </c>
      <c r="AL30249">
        <v>6</v>
      </c>
      <c r="AM30249">
        <v>6</v>
      </c>
      <c r="AN30249">
        <v>6</v>
      </c>
      <c r="AO30249">
        <v>6</v>
      </c>
      <c r="AP30249">
        <v>6</v>
      </c>
      <c r="AQ30249">
        <v>6</v>
      </c>
    </row>
    <row r="30250" spans="1:43">
      <c r="A30250" t="s">
        <v>18743</v>
      </c>
      <c r="B30250" t="s">
        <v>18744</v>
      </c>
      <c r="C30250" t="s">
        <v>18745</v>
      </c>
      <c r="D30250" t="s">
        <v>18746</v>
      </c>
      <c r="E30250" t="s">
        <v>18691</v>
      </c>
      <c r="F30250" t="s">
        <v>18692</v>
      </c>
      <c r="G30250" t="s">
        <v>10734</v>
      </c>
      <c r="H30250" t="s">
        <v>10735</v>
      </c>
      <c r="I30250" s="2">
        <v>0</v>
      </c>
      <c r="J30250" s="2">
        <v>0</v>
      </c>
      <c r="K30250" s="2">
        <v>1</v>
      </c>
      <c r="L30250" t="s">
        <v>995</v>
      </c>
      <c r="M30250" t="s">
        <v>83</v>
      </c>
      <c r="N30250" t="s">
        <v>84</v>
      </c>
      <c r="O30250" t="s">
        <v>85</v>
      </c>
      <c r="P30250" t="s">
        <v>86</v>
      </c>
      <c r="Q30250">
        <v>14</v>
      </c>
      <c r="R30250">
        <v>15</v>
      </c>
      <c r="S30250">
        <v>15</v>
      </c>
      <c r="T30250">
        <v>16</v>
      </c>
      <c r="U30250">
        <v>16</v>
      </c>
      <c r="V30250">
        <v>16</v>
      </c>
      <c r="W30250">
        <v>17</v>
      </c>
      <c r="X30250">
        <v>17</v>
      </c>
      <c r="Y30250">
        <v>18</v>
      </c>
      <c r="Z30250">
        <v>18</v>
      </c>
      <c r="AA30250">
        <v>19</v>
      </c>
      <c r="AB30250">
        <v>19</v>
      </c>
      <c r="AC30250">
        <v>20</v>
      </c>
      <c r="AD30250">
        <v>20</v>
      </c>
      <c r="AE30250">
        <v>20</v>
      </c>
      <c r="AF30250">
        <v>21</v>
      </c>
      <c r="AG30250">
        <v>21</v>
      </c>
      <c r="AH30250">
        <v>22</v>
      </c>
      <c r="AI30250">
        <v>22</v>
      </c>
      <c r="AJ30250">
        <v>23</v>
      </c>
      <c r="AK30250">
        <v>24</v>
      </c>
      <c r="AL30250">
        <v>24</v>
      </c>
      <c r="AM30250">
        <v>24</v>
      </c>
      <c r="AN30250">
        <v>25</v>
      </c>
      <c r="AO30250">
        <v>25</v>
      </c>
      <c r="AP30250">
        <v>25</v>
      </c>
      <c r="AQ30250">
        <v>26</v>
      </c>
    </row>
    <row r="30251" spans="1:43">
      <c r="A30251" t="s">
        <v>18743</v>
      </c>
      <c r="B30251" t="s">
        <v>18744</v>
      </c>
      <c r="C30251" t="s">
        <v>18745</v>
      </c>
      <c r="D30251" t="s">
        <v>18746</v>
      </c>
      <c r="E30251" t="s">
        <v>18691</v>
      </c>
      <c r="F30251" t="s">
        <v>18692</v>
      </c>
      <c r="G30251" t="s">
        <v>10734</v>
      </c>
      <c r="H30251" t="s">
        <v>10735</v>
      </c>
      <c r="I30251" s="2">
        <v>0</v>
      </c>
      <c r="J30251" s="2">
        <v>0</v>
      </c>
      <c r="K30251" s="2">
        <v>1</v>
      </c>
      <c r="L30251" t="s">
        <v>995</v>
      </c>
      <c r="M30251" t="s">
        <v>87</v>
      </c>
      <c r="N30251" t="s">
        <v>88</v>
      </c>
      <c r="O30251" t="s">
        <v>85</v>
      </c>
      <c r="P30251" t="s">
        <v>86</v>
      </c>
      <c r="Q30251">
        <v>14</v>
      </c>
      <c r="R30251">
        <v>14</v>
      </c>
      <c r="S30251">
        <v>15</v>
      </c>
      <c r="T30251">
        <v>15</v>
      </c>
      <c r="U30251">
        <v>15</v>
      </c>
      <c r="V30251">
        <v>15</v>
      </c>
      <c r="W30251">
        <v>16</v>
      </c>
      <c r="X30251">
        <v>16</v>
      </c>
      <c r="Y30251">
        <v>16</v>
      </c>
      <c r="Z30251">
        <v>17</v>
      </c>
      <c r="AA30251">
        <v>17</v>
      </c>
      <c r="AB30251">
        <v>17</v>
      </c>
      <c r="AC30251">
        <v>18</v>
      </c>
      <c r="AD30251">
        <v>18</v>
      </c>
      <c r="AE30251">
        <v>18</v>
      </c>
      <c r="AF30251">
        <v>18</v>
      </c>
      <c r="AG30251">
        <v>19</v>
      </c>
      <c r="AH30251">
        <v>19</v>
      </c>
      <c r="AI30251">
        <v>19</v>
      </c>
      <c r="AJ30251">
        <v>20</v>
      </c>
      <c r="AK30251">
        <v>20</v>
      </c>
      <c r="AL30251">
        <v>20</v>
      </c>
      <c r="AM30251">
        <v>21</v>
      </c>
      <c r="AN30251">
        <v>21</v>
      </c>
      <c r="AO30251">
        <v>21</v>
      </c>
      <c r="AP30251">
        <v>22</v>
      </c>
      <c r="AQ30251">
        <v>22</v>
      </c>
    </row>
    <row r="30252" spans="1:43">
      <c r="A30252" t="s">
        <v>18743</v>
      </c>
      <c r="B30252" t="s">
        <v>18744</v>
      </c>
      <c r="C30252" t="s">
        <v>18745</v>
      </c>
      <c r="D30252" t="s">
        <v>18746</v>
      </c>
      <c r="E30252" t="s">
        <v>18691</v>
      </c>
      <c r="F30252" t="s">
        <v>18692</v>
      </c>
      <c r="G30252" t="s">
        <v>10734</v>
      </c>
      <c r="H30252" t="s">
        <v>10735</v>
      </c>
      <c r="I30252" s="2">
        <v>0</v>
      </c>
      <c r="J30252" s="2">
        <v>0</v>
      </c>
      <c r="K30252" s="2">
        <v>1</v>
      </c>
      <c r="L30252" t="s">
        <v>995</v>
      </c>
      <c r="M30252" t="s">
        <v>89</v>
      </c>
      <c r="N30252" t="s">
        <v>90</v>
      </c>
      <c r="O30252" t="s">
        <v>85</v>
      </c>
      <c r="P30252" t="s">
        <v>86</v>
      </c>
      <c r="Q30252">
        <v>14</v>
      </c>
      <c r="R30252">
        <v>15</v>
      </c>
      <c r="S30252">
        <v>15</v>
      </c>
      <c r="T30252">
        <v>16</v>
      </c>
      <c r="U30252">
        <v>17</v>
      </c>
      <c r="V30252">
        <v>17</v>
      </c>
      <c r="W30252">
        <v>18</v>
      </c>
      <c r="X30252">
        <v>18</v>
      </c>
      <c r="Y30252">
        <v>19</v>
      </c>
      <c r="Z30252">
        <v>19</v>
      </c>
      <c r="AA30252">
        <v>20</v>
      </c>
      <c r="AB30252">
        <v>20</v>
      </c>
      <c r="AC30252">
        <v>21</v>
      </c>
      <c r="AD30252">
        <v>21</v>
      </c>
      <c r="AE30252">
        <v>22</v>
      </c>
      <c r="AF30252">
        <v>22</v>
      </c>
      <c r="AG30252">
        <v>23</v>
      </c>
      <c r="AH30252">
        <v>23</v>
      </c>
      <c r="AI30252">
        <v>23</v>
      </c>
      <c r="AJ30252">
        <v>23</v>
      </c>
      <c r="AK30252">
        <v>24</v>
      </c>
      <c r="AL30252">
        <v>24</v>
      </c>
      <c r="AM30252">
        <v>24</v>
      </c>
      <c r="AN30252">
        <v>25</v>
      </c>
      <c r="AO30252">
        <v>25</v>
      </c>
      <c r="AP30252">
        <v>25</v>
      </c>
      <c r="AQ30252">
        <v>26</v>
      </c>
    </row>
    <row r="30253" spans="1:43">
      <c r="A30253" t="s">
        <v>18743</v>
      </c>
      <c r="B30253" t="s">
        <v>18744</v>
      </c>
      <c r="C30253" t="s">
        <v>18745</v>
      </c>
      <c r="D30253" t="s">
        <v>18746</v>
      </c>
      <c r="E30253" t="s">
        <v>18691</v>
      </c>
      <c r="F30253" t="s">
        <v>18692</v>
      </c>
      <c r="G30253" t="s">
        <v>10734</v>
      </c>
      <c r="H30253" t="s">
        <v>10735</v>
      </c>
      <c r="I30253" s="2">
        <v>0</v>
      </c>
      <c r="J30253" s="2">
        <v>0</v>
      </c>
      <c r="K30253" s="2">
        <v>1</v>
      </c>
      <c r="L30253" t="s">
        <v>995</v>
      </c>
      <c r="M30253" t="s">
        <v>83</v>
      </c>
      <c r="N30253" t="s">
        <v>91</v>
      </c>
      <c r="O30253" t="s">
        <v>85</v>
      </c>
      <c r="P30253" t="s">
        <v>86</v>
      </c>
      <c r="Q30253">
        <v>14</v>
      </c>
      <c r="R30253">
        <v>15</v>
      </c>
      <c r="S30253">
        <v>15</v>
      </c>
      <c r="T30253">
        <v>16</v>
      </c>
      <c r="U30253">
        <v>16</v>
      </c>
      <c r="V30253">
        <v>16</v>
      </c>
      <c r="W30253">
        <v>17</v>
      </c>
      <c r="X30253">
        <v>17</v>
      </c>
      <c r="Y30253">
        <v>18</v>
      </c>
      <c r="Z30253">
        <v>18</v>
      </c>
      <c r="AA30253">
        <v>19</v>
      </c>
      <c r="AB30253">
        <v>19</v>
      </c>
      <c r="AC30253">
        <v>20</v>
      </c>
      <c r="AD30253">
        <v>20</v>
      </c>
      <c r="AE30253">
        <v>20</v>
      </c>
      <c r="AF30253">
        <v>21</v>
      </c>
      <c r="AG30253">
        <v>21</v>
      </c>
      <c r="AH30253">
        <v>22</v>
      </c>
      <c r="AI30253">
        <v>22</v>
      </c>
      <c r="AJ30253">
        <v>23</v>
      </c>
      <c r="AK30253">
        <v>24</v>
      </c>
      <c r="AL30253">
        <v>24</v>
      </c>
      <c r="AM30253">
        <v>24</v>
      </c>
      <c r="AN30253">
        <v>25</v>
      </c>
      <c r="AO30253">
        <v>25</v>
      </c>
      <c r="AP30253">
        <v>25</v>
      </c>
      <c r="AQ30253">
        <v>26</v>
      </c>
    </row>
    <row r="30254" spans="1:43">
      <c r="A30254" t="s">
        <v>18747</v>
      </c>
      <c r="B30254" t="s">
        <v>18748</v>
      </c>
      <c r="C30254" t="s">
        <v>18745</v>
      </c>
      <c r="D30254" t="s">
        <v>18746</v>
      </c>
      <c r="E30254" t="s">
        <v>18691</v>
      </c>
      <c r="F30254" t="s">
        <v>18692</v>
      </c>
      <c r="G30254" t="s">
        <v>10734</v>
      </c>
      <c r="H30254" t="s">
        <v>10735</v>
      </c>
      <c r="I30254" s="2">
        <v>0</v>
      </c>
      <c r="J30254" s="2">
        <v>0</v>
      </c>
      <c r="K30254" s="2">
        <v>1</v>
      </c>
      <c r="L30254" t="s">
        <v>995</v>
      </c>
      <c r="M30254" t="s">
        <v>83</v>
      </c>
      <c r="N30254" t="s">
        <v>84</v>
      </c>
      <c r="O30254" t="s">
        <v>85</v>
      </c>
      <c r="P30254" t="s">
        <v>86</v>
      </c>
      <c r="Q30254">
        <v>85</v>
      </c>
      <c r="R30254">
        <v>87</v>
      </c>
      <c r="S30254">
        <v>90</v>
      </c>
      <c r="T30254">
        <v>92</v>
      </c>
      <c r="U30254">
        <v>95</v>
      </c>
      <c r="V30254">
        <v>97</v>
      </c>
      <c r="W30254">
        <v>100</v>
      </c>
      <c r="X30254">
        <v>102</v>
      </c>
      <c r="Y30254">
        <v>105</v>
      </c>
      <c r="Z30254">
        <v>108</v>
      </c>
      <c r="AA30254">
        <v>110</v>
      </c>
      <c r="AB30254">
        <v>113</v>
      </c>
      <c r="AC30254">
        <v>116</v>
      </c>
      <c r="AD30254">
        <v>119</v>
      </c>
      <c r="AE30254">
        <v>122</v>
      </c>
      <c r="AF30254">
        <v>124</v>
      </c>
      <c r="AG30254">
        <v>127</v>
      </c>
      <c r="AH30254">
        <v>130</v>
      </c>
      <c r="AI30254">
        <v>133</v>
      </c>
      <c r="AJ30254">
        <v>137</v>
      </c>
      <c r="AK30254">
        <v>140</v>
      </c>
      <c r="AL30254">
        <v>142</v>
      </c>
      <c r="AM30254">
        <v>144</v>
      </c>
      <c r="AN30254">
        <v>146</v>
      </c>
      <c r="AO30254">
        <v>148</v>
      </c>
      <c r="AP30254">
        <v>150</v>
      </c>
      <c r="AQ30254">
        <v>152</v>
      </c>
    </row>
    <row r="30255" spans="1:43">
      <c r="A30255" t="s">
        <v>18747</v>
      </c>
      <c r="B30255" t="s">
        <v>18748</v>
      </c>
      <c r="C30255" t="s">
        <v>18745</v>
      </c>
      <c r="D30255" t="s">
        <v>18746</v>
      </c>
      <c r="E30255" t="s">
        <v>18691</v>
      </c>
      <c r="F30255" t="s">
        <v>18692</v>
      </c>
      <c r="G30255" t="s">
        <v>10734</v>
      </c>
      <c r="H30255" t="s">
        <v>10735</v>
      </c>
      <c r="I30255" s="2">
        <v>0</v>
      </c>
      <c r="J30255" s="2">
        <v>0</v>
      </c>
      <c r="K30255" s="2">
        <v>1</v>
      </c>
      <c r="L30255" t="s">
        <v>995</v>
      </c>
      <c r="M30255" t="s">
        <v>87</v>
      </c>
      <c r="N30255" t="s">
        <v>88</v>
      </c>
      <c r="O30255" t="s">
        <v>85</v>
      </c>
      <c r="P30255" t="s">
        <v>86</v>
      </c>
      <c r="Q30255">
        <v>85</v>
      </c>
      <c r="R30255">
        <v>87</v>
      </c>
      <c r="S30255">
        <v>88</v>
      </c>
      <c r="T30255">
        <v>90</v>
      </c>
      <c r="U30255">
        <v>92</v>
      </c>
      <c r="V30255">
        <v>93</v>
      </c>
      <c r="W30255">
        <v>95</v>
      </c>
      <c r="X30255">
        <v>96</v>
      </c>
      <c r="Y30255">
        <v>98</v>
      </c>
      <c r="Z30255">
        <v>100</v>
      </c>
      <c r="AA30255">
        <v>102</v>
      </c>
      <c r="AB30255">
        <v>103</v>
      </c>
      <c r="AC30255">
        <v>105</v>
      </c>
      <c r="AD30255">
        <v>107</v>
      </c>
      <c r="AE30255">
        <v>109</v>
      </c>
      <c r="AF30255">
        <v>111</v>
      </c>
      <c r="AG30255">
        <v>112</v>
      </c>
      <c r="AH30255">
        <v>114</v>
      </c>
      <c r="AI30255">
        <v>116</v>
      </c>
      <c r="AJ30255">
        <v>118</v>
      </c>
      <c r="AK30255">
        <v>120</v>
      </c>
      <c r="AL30255">
        <v>122</v>
      </c>
      <c r="AM30255">
        <v>124</v>
      </c>
      <c r="AN30255">
        <v>126</v>
      </c>
      <c r="AO30255">
        <v>128</v>
      </c>
      <c r="AP30255">
        <v>130</v>
      </c>
      <c r="AQ30255">
        <v>132</v>
      </c>
    </row>
    <row r="30256" spans="1:43">
      <c r="A30256" t="s">
        <v>18747</v>
      </c>
      <c r="B30256" t="s">
        <v>18748</v>
      </c>
      <c r="C30256" t="s">
        <v>18745</v>
      </c>
      <c r="D30256" t="s">
        <v>18746</v>
      </c>
      <c r="E30256" t="s">
        <v>18691</v>
      </c>
      <c r="F30256" t="s">
        <v>18692</v>
      </c>
      <c r="G30256" t="s">
        <v>10734</v>
      </c>
      <c r="H30256" t="s">
        <v>10735</v>
      </c>
      <c r="I30256" s="2">
        <v>0</v>
      </c>
      <c r="J30256" s="2">
        <v>0</v>
      </c>
      <c r="K30256" s="2">
        <v>1</v>
      </c>
      <c r="L30256" t="s">
        <v>995</v>
      </c>
      <c r="M30256" t="s">
        <v>89</v>
      </c>
      <c r="N30256" t="s">
        <v>90</v>
      </c>
      <c r="O30256" t="s">
        <v>85</v>
      </c>
      <c r="P30256" t="s">
        <v>86</v>
      </c>
      <c r="Q30256">
        <v>85</v>
      </c>
      <c r="R30256">
        <v>88</v>
      </c>
      <c r="S30256">
        <v>91</v>
      </c>
      <c r="T30256">
        <v>94</v>
      </c>
      <c r="U30256">
        <v>97</v>
      </c>
      <c r="V30256">
        <v>101</v>
      </c>
      <c r="W30256">
        <v>104</v>
      </c>
      <c r="X30256">
        <v>107</v>
      </c>
      <c r="Y30256">
        <v>110</v>
      </c>
      <c r="Z30256">
        <v>113</v>
      </c>
      <c r="AA30256">
        <v>117</v>
      </c>
      <c r="AB30256">
        <v>120</v>
      </c>
      <c r="AC30256">
        <v>123</v>
      </c>
      <c r="AD30256">
        <v>127</v>
      </c>
      <c r="AE30256">
        <v>129</v>
      </c>
      <c r="AF30256">
        <v>131</v>
      </c>
      <c r="AG30256">
        <v>133</v>
      </c>
      <c r="AH30256">
        <v>135</v>
      </c>
      <c r="AI30256">
        <v>137</v>
      </c>
      <c r="AJ30256">
        <v>139</v>
      </c>
      <c r="AK30256">
        <v>141</v>
      </c>
      <c r="AL30256">
        <v>142</v>
      </c>
      <c r="AM30256">
        <v>144</v>
      </c>
      <c r="AN30256">
        <v>146</v>
      </c>
      <c r="AO30256">
        <v>148</v>
      </c>
      <c r="AP30256">
        <v>150</v>
      </c>
      <c r="AQ30256">
        <v>152</v>
      </c>
    </row>
    <row r="30257" spans="1:43">
      <c r="A30257" t="s">
        <v>18747</v>
      </c>
      <c r="B30257" t="s">
        <v>18748</v>
      </c>
      <c r="C30257" t="s">
        <v>18745</v>
      </c>
      <c r="D30257" t="s">
        <v>18746</v>
      </c>
      <c r="E30257" t="s">
        <v>18691</v>
      </c>
      <c r="F30257" t="s">
        <v>18692</v>
      </c>
      <c r="G30257" t="s">
        <v>10734</v>
      </c>
      <c r="H30257" t="s">
        <v>10735</v>
      </c>
      <c r="I30257" s="2">
        <v>0</v>
      </c>
      <c r="J30257" s="2">
        <v>0</v>
      </c>
      <c r="K30257" s="2">
        <v>1</v>
      </c>
      <c r="L30257" t="s">
        <v>995</v>
      </c>
      <c r="M30257" t="s">
        <v>83</v>
      </c>
      <c r="N30257" t="s">
        <v>91</v>
      </c>
      <c r="O30257" t="s">
        <v>85</v>
      </c>
      <c r="P30257" t="s">
        <v>86</v>
      </c>
      <c r="Q30257">
        <v>85</v>
      </c>
      <c r="R30257">
        <v>87</v>
      </c>
      <c r="S30257">
        <v>90</v>
      </c>
      <c r="T30257">
        <v>92</v>
      </c>
      <c r="U30257">
        <v>95</v>
      </c>
      <c r="V30257">
        <v>97</v>
      </c>
      <c r="W30257">
        <v>100</v>
      </c>
      <c r="X30257">
        <v>102</v>
      </c>
      <c r="Y30257">
        <v>105</v>
      </c>
      <c r="Z30257">
        <v>108</v>
      </c>
      <c r="AA30257">
        <v>110</v>
      </c>
      <c r="AB30257">
        <v>113</v>
      </c>
      <c r="AC30257">
        <v>116</v>
      </c>
      <c r="AD30257">
        <v>119</v>
      </c>
      <c r="AE30257">
        <v>122</v>
      </c>
      <c r="AF30257">
        <v>124</v>
      </c>
      <c r="AG30257">
        <v>127</v>
      </c>
      <c r="AH30257">
        <v>130</v>
      </c>
      <c r="AI30257">
        <v>133</v>
      </c>
      <c r="AJ30257">
        <v>137</v>
      </c>
      <c r="AK30257">
        <v>140</v>
      </c>
      <c r="AL30257">
        <v>142</v>
      </c>
      <c r="AM30257">
        <v>144</v>
      </c>
      <c r="AN30257">
        <v>146</v>
      </c>
      <c r="AO30257">
        <v>148</v>
      </c>
      <c r="AP30257">
        <v>150</v>
      </c>
      <c r="AQ30257">
        <v>152</v>
      </c>
    </row>
    <row r="30258" spans="1:43">
      <c r="A30258" t="s">
        <v>18749</v>
      </c>
      <c r="B30258" t="s">
        <v>18750</v>
      </c>
      <c r="C30258" t="s">
        <v>18745</v>
      </c>
      <c r="D30258" t="s">
        <v>18746</v>
      </c>
      <c r="E30258" t="s">
        <v>18691</v>
      </c>
      <c r="F30258" t="s">
        <v>18692</v>
      </c>
      <c r="G30258" t="s">
        <v>10734</v>
      </c>
      <c r="H30258" t="s">
        <v>10735</v>
      </c>
      <c r="I30258" s="2">
        <v>0</v>
      </c>
      <c r="J30258" s="2">
        <v>0</v>
      </c>
      <c r="K30258" s="2">
        <v>1</v>
      </c>
      <c r="L30258" t="s">
        <v>995</v>
      </c>
      <c r="M30258" t="s">
        <v>83</v>
      </c>
      <c r="N30258" t="s">
        <v>84</v>
      </c>
      <c r="O30258" t="s">
        <v>85</v>
      </c>
      <c r="P30258" t="s">
        <v>86</v>
      </c>
      <c r="Q30258">
        <v>15</v>
      </c>
      <c r="R30258">
        <v>16</v>
      </c>
      <c r="S30258">
        <v>16</v>
      </c>
      <c r="T30258">
        <v>17</v>
      </c>
      <c r="U30258">
        <v>17</v>
      </c>
      <c r="V30258">
        <v>18</v>
      </c>
      <c r="W30258">
        <v>18</v>
      </c>
      <c r="X30258">
        <v>19</v>
      </c>
      <c r="Y30258">
        <v>19</v>
      </c>
      <c r="Z30258">
        <v>20</v>
      </c>
      <c r="AA30258">
        <v>20</v>
      </c>
      <c r="AB30258">
        <v>21</v>
      </c>
      <c r="AC30258">
        <v>21</v>
      </c>
      <c r="AD30258">
        <v>22</v>
      </c>
      <c r="AE30258">
        <v>22</v>
      </c>
      <c r="AF30258">
        <v>23</v>
      </c>
      <c r="AG30258">
        <v>23</v>
      </c>
      <c r="AH30258">
        <v>24</v>
      </c>
      <c r="AI30258">
        <v>24</v>
      </c>
      <c r="AJ30258">
        <v>25</v>
      </c>
      <c r="AK30258">
        <v>25</v>
      </c>
      <c r="AL30258">
        <v>26</v>
      </c>
      <c r="AM30258">
        <v>26</v>
      </c>
      <c r="AN30258">
        <v>27</v>
      </c>
      <c r="AO30258">
        <v>27</v>
      </c>
      <c r="AP30258">
        <v>27</v>
      </c>
      <c r="AQ30258">
        <v>28</v>
      </c>
    </row>
    <row r="30259" spans="1:43">
      <c r="A30259" t="s">
        <v>18749</v>
      </c>
      <c r="B30259" t="s">
        <v>18750</v>
      </c>
      <c r="C30259" t="s">
        <v>18745</v>
      </c>
      <c r="D30259" t="s">
        <v>18746</v>
      </c>
      <c r="E30259" t="s">
        <v>18691</v>
      </c>
      <c r="F30259" t="s">
        <v>18692</v>
      </c>
      <c r="G30259" t="s">
        <v>10734</v>
      </c>
      <c r="H30259" t="s">
        <v>10735</v>
      </c>
      <c r="I30259" s="2">
        <v>0</v>
      </c>
      <c r="J30259" s="2">
        <v>0</v>
      </c>
      <c r="K30259" s="2">
        <v>1</v>
      </c>
      <c r="L30259" t="s">
        <v>995</v>
      </c>
      <c r="M30259" t="s">
        <v>87</v>
      </c>
      <c r="N30259" t="s">
        <v>88</v>
      </c>
      <c r="O30259" t="s">
        <v>85</v>
      </c>
      <c r="P30259" t="s">
        <v>86</v>
      </c>
      <c r="Q30259">
        <v>15</v>
      </c>
      <c r="R30259">
        <v>16</v>
      </c>
      <c r="S30259">
        <v>16</v>
      </c>
      <c r="T30259">
        <v>16</v>
      </c>
      <c r="U30259">
        <v>16</v>
      </c>
      <c r="V30259">
        <v>17</v>
      </c>
      <c r="W30259">
        <v>17</v>
      </c>
      <c r="X30259">
        <v>17</v>
      </c>
      <c r="Y30259">
        <v>18</v>
      </c>
      <c r="Z30259">
        <v>18</v>
      </c>
      <c r="AA30259">
        <v>18</v>
      </c>
      <c r="AB30259">
        <v>19</v>
      </c>
      <c r="AC30259">
        <v>19</v>
      </c>
      <c r="AD30259">
        <v>19</v>
      </c>
      <c r="AE30259">
        <v>20</v>
      </c>
      <c r="AF30259">
        <v>20</v>
      </c>
      <c r="AG30259">
        <v>20</v>
      </c>
      <c r="AH30259">
        <v>21</v>
      </c>
      <c r="AI30259">
        <v>21</v>
      </c>
      <c r="AJ30259">
        <v>21</v>
      </c>
      <c r="AK30259">
        <v>22</v>
      </c>
      <c r="AL30259">
        <v>22</v>
      </c>
      <c r="AM30259">
        <v>22</v>
      </c>
      <c r="AN30259">
        <v>23</v>
      </c>
      <c r="AO30259">
        <v>23</v>
      </c>
      <c r="AP30259">
        <v>24</v>
      </c>
      <c r="AQ30259">
        <v>24</v>
      </c>
    </row>
    <row r="30260" spans="1:43">
      <c r="A30260" t="s">
        <v>18749</v>
      </c>
      <c r="B30260" t="s">
        <v>18750</v>
      </c>
      <c r="C30260" t="s">
        <v>18745</v>
      </c>
      <c r="D30260" t="s">
        <v>18746</v>
      </c>
      <c r="E30260" t="s">
        <v>18691</v>
      </c>
      <c r="F30260" t="s">
        <v>18692</v>
      </c>
      <c r="G30260" t="s">
        <v>10734</v>
      </c>
      <c r="H30260" t="s">
        <v>10735</v>
      </c>
      <c r="I30260" s="2">
        <v>0</v>
      </c>
      <c r="J30260" s="2">
        <v>0</v>
      </c>
      <c r="K30260" s="2">
        <v>1</v>
      </c>
      <c r="L30260" t="s">
        <v>995</v>
      </c>
      <c r="M30260" t="s">
        <v>89</v>
      </c>
      <c r="N30260" t="s">
        <v>90</v>
      </c>
      <c r="O30260" t="s">
        <v>85</v>
      </c>
      <c r="P30260" t="s">
        <v>86</v>
      </c>
      <c r="Q30260">
        <v>15</v>
      </c>
      <c r="R30260">
        <v>15</v>
      </c>
      <c r="S30260">
        <v>16</v>
      </c>
      <c r="T30260">
        <v>16</v>
      </c>
      <c r="U30260">
        <v>17</v>
      </c>
      <c r="V30260">
        <v>17</v>
      </c>
      <c r="W30260">
        <v>18</v>
      </c>
      <c r="X30260">
        <v>19</v>
      </c>
      <c r="Y30260">
        <v>19</v>
      </c>
      <c r="Z30260">
        <v>20</v>
      </c>
      <c r="AA30260">
        <v>20</v>
      </c>
      <c r="AB30260">
        <v>21</v>
      </c>
      <c r="AC30260">
        <v>22</v>
      </c>
      <c r="AD30260">
        <v>22</v>
      </c>
      <c r="AE30260">
        <v>23</v>
      </c>
      <c r="AF30260">
        <v>23</v>
      </c>
      <c r="AG30260">
        <v>23</v>
      </c>
      <c r="AH30260">
        <v>24</v>
      </c>
      <c r="AI30260">
        <v>24</v>
      </c>
      <c r="AJ30260">
        <v>24</v>
      </c>
      <c r="AK30260">
        <v>25</v>
      </c>
      <c r="AL30260">
        <v>25</v>
      </c>
      <c r="AM30260">
        <v>25</v>
      </c>
      <c r="AN30260">
        <v>26</v>
      </c>
      <c r="AO30260">
        <v>26</v>
      </c>
      <c r="AP30260">
        <v>26</v>
      </c>
      <c r="AQ30260">
        <v>27</v>
      </c>
    </row>
    <row r="30261" spans="1:43">
      <c r="A30261" t="s">
        <v>18749</v>
      </c>
      <c r="B30261" t="s">
        <v>18750</v>
      </c>
      <c r="C30261" t="s">
        <v>18745</v>
      </c>
      <c r="D30261" t="s">
        <v>18746</v>
      </c>
      <c r="E30261" t="s">
        <v>18691</v>
      </c>
      <c r="F30261" t="s">
        <v>18692</v>
      </c>
      <c r="G30261" t="s">
        <v>10734</v>
      </c>
      <c r="H30261" t="s">
        <v>10735</v>
      </c>
      <c r="I30261" s="2">
        <v>0</v>
      </c>
      <c r="J30261" s="2">
        <v>0</v>
      </c>
      <c r="K30261" s="2">
        <v>1</v>
      </c>
      <c r="L30261" t="s">
        <v>995</v>
      </c>
      <c r="M30261" t="s">
        <v>83</v>
      </c>
      <c r="N30261" t="s">
        <v>91</v>
      </c>
      <c r="O30261" t="s">
        <v>85</v>
      </c>
      <c r="P30261" t="s">
        <v>86</v>
      </c>
      <c r="Q30261">
        <v>15</v>
      </c>
      <c r="R30261">
        <v>16</v>
      </c>
      <c r="S30261">
        <v>16</v>
      </c>
      <c r="T30261">
        <v>17</v>
      </c>
      <c r="U30261">
        <v>17</v>
      </c>
      <c r="V30261">
        <v>18</v>
      </c>
      <c r="W30261">
        <v>18</v>
      </c>
      <c r="X30261">
        <v>19</v>
      </c>
      <c r="Y30261">
        <v>19</v>
      </c>
      <c r="Z30261">
        <v>20</v>
      </c>
      <c r="AA30261">
        <v>20</v>
      </c>
      <c r="AB30261">
        <v>21</v>
      </c>
      <c r="AC30261">
        <v>21</v>
      </c>
      <c r="AD30261">
        <v>22</v>
      </c>
      <c r="AE30261">
        <v>22</v>
      </c>
      <c r="AF30261">
        <v>23</v>
      </c>
      <c r="AG30261">
        <v>23</v>
      </c>
      <c r="AH30261">
        <v>24</v>
      </c>
      <c r="AI30261">
        <v>24</v>
      </c>
      <c r="AJ30261">
        <v>25</v>
      </c>
      <c r="AK30261">
        <v>25</v>
      </c>
      <c r="AL30261">
        <v>26</v>
      </c>
      <c r="AM30261">
        <v>26</v>
      </c>
      <c r="AN30261">
        <v>27</v>
      </c>
      <c r="AO30261">
        <v>27</v>
      </c>
      <c r="AP30261">
        <v>27</v>
      </c>
      <c r="AQ30261">
        <v>28</v>
      </c>
    </row>
    <row r="30262" spans="1:43">
      <c r="A30262" t="s">
        <v>18751</v>
      </c>
      <c r="B30262" t="s">
        <v>18752</v>
      </c>
      <c r="C30262" t="s">
        <v>18753</v>
      </c>
      <c r="D30262" t="s">
        <v>18754</v>
      </c>
      <c r="E30262" t="s">
        <v>18691</v>
      </c>
      <c r="F30262" t="s">
        <v>18692</v>
      </c>
      <c r="G30262" t="s">
        <v>10734</v>
      </c>
      <c r="H30262" t="s">
        <v>10735</v>
      </c>
      <c r="I30262" s="2">
        <v>0</v>
      </c>
      <c r="J30262" s="2">
        <v>0</v>
      </c>
      <c r="K30262" s="2">
        <v>1</v>
      </c>
      <c r="L30262" t="s">
        <v>995</v>
      </c>
      <c r="M30262" t="s">
        <v>83</v>
      </c>
      <c r="N30262" t="s">
        <v>84</v>
      </c>
      <c r="O30262" t="s">
        <v>85</v>
      </c>
      <c r="P30262" t="s">
        <v>86</v>
      </c>
      <c r="Q30262">
        <v>17</v>
      </c>
      <c r="R30262">
        <v>18</v>
      </c>
      <c r="S30262">
        <v>18</v>
      </c>
      <c r="T30262">
        <v>19</v>
      </c>
      <c r="U30262">
        <v>19</v>
      </c>
      <c r="V30262">
        <v>20</v>
      </c>
      <c r="W30262">
        <v>21</v>
      </c>
      <c r="X30262">
        <v>21</v>
      </c>
      <c r="Y30262">
        <v>22</v>
      </c>
      <c r="Z30262">
        <v>22</v>
      </c>
      <c r="AA30262">
        <v>23</v>
      </c>
      <c r="AB30262">
        <v>23</v>
      </c>
      <c r="AC30262">
        <v>24</v>
      </c>
      <c r="AD30262">
        <v>24</v>
      </c>
      <c r="AE30262">
        <v>25</v>
      </c>
      <c r="AF30262">
        <v>26</v>
      </c>
      <c r="AG30262">
        <v>26</v>
      </c>
      <c r="AH30262">
        <v>27</v>
      </c>
      <c r="AI30262">
        <v>28</v>
      </c>
      <c r="AJ30262">
        <v>28</v>
      </c>
      <c r="AK30262">
        <v>29</v>
      </c>
      <c r="AL30262">
        <v>29</v>
      </c>
      <c r="AM30262">
        <v>30</v>
      </c>
      <c r="AN30262">
        <v>30</v>
      </c>
      <c r="AO30262">
        <v>30</v>
      </c>
      <c r="AP30262">
        <v>31</v>
      </c>
      <c r="AQ30262">
        <v>31</v>
      </c>
    </row>
    <row r="30263" spans="1:43">
      <c r="A30263" t="s">
        <v>18751</v>
      </c>
      <c r="B30263" t="s">
        <v>18752</v>
      </c>
      <c r="C30263" t="s">
        <v>18753</v>
      </c>
      <c r="D30263" t="s">
        <v>18754</v>
      </c>
      <c r="E30263" t="s">
        <v>18691</v>
      </c>
      <c r="F30263" t="s">
        <v>18692</v>
      </c>
      <c r="G30263" t="s">
        <v>10734</v>
      </c>
      <c r="H30263" t="s">
        <v>10735</v>
      </c>
      <c r="I30263" s="2">
        <v>0</v>
      </c>
      <c r="J30263" s="2">
        <v>0</v>
      </c>
      <c r="K30263" s="2">
        <v>1</v>
      </c>
      <c r="L30263" t="s">
        <v>995</v>
      </c>
      <c r="M30263" t="s">
        <v>87</v>
      </c>
      <c r="N30263" t="s">
        <v>88</v>
      </c>
      <c r="O30263" t="s">
        <v>85</v>
      </c>
      <c r="P30263" t="s">
        <v>86</v>
      </c>
      <c r="Q30263">
        <v>17</v>
      </c>
      <c r="R30263">
        <v>18</v>
      </c>
      <c r="S30263">
        <v>18</v>
      </c>
      <c r="T30263">
        <v>18</v>
      </c>
      <c r="U30263">
        <v>19</v>
      </c>
      <c r="V30263">
        <v>19</v>
      </c>
      <c r="W30263">
        <v>19</v>
      </c>
      <c r="X30263">
        <v>20</v>
      </c>
      <c r="Y30263">
        <v>20</v>
      </c>
      <c r="Z30263">
        <v>20</v>
      </c>
      <c r="AA30263">
        <v>21</v>
      </c>
      <c r="AB30263">
        <v>21</v>
      </c>
      <c r="AC30263">
        <v>21</v>
      </c>
      <c r="AD30263">
        <v>22</v>
      </c>
      <c r="AE30263">
        <v>22</v>
      </c>
      <c r="AF30263">
        <v>23</v>
      </c>
      <c r="AG30263">
        <v>23</v>
      </c>
      <c r="AH30263">
        <v>23</v>
      </c>
      <c r="AI30263">
        <v>24</v>
      </c>
      <c r="AJ30263">
        <v>24</v>
      </c>
      <c r="AK30263">
        <v>25</v>
      </c>
      <c r="AL30263">
        <v>25</v>
      </c>
      <c r="AM30263">
        <v>25</v>
      </c>
      <c r="AN30263">
        <v>26</v>
      </c>
      <c r="AO30263">
        <v>26</v>
      </c>
      <c r="AP30263">
        <v>27</v>
      </c>
      <c r="AQ30263">
        <v>27</v>
      </c>
    </row>
    <row r="30264" spans="1:43">
      <c r="A30264" t="s">
        <v>18751</v>
      </c>
      <c r="B30264" t="s">
        <v>18752</v>
      </c>
      <c r="C30264" t="s">
        <v>18753</v>
      </c>
      <c r="D30264" t="s">
        <v>18754</v>
      </c>
      <c r="E30264" t="s">
        <v>18691</v>
      </c>
      <c r="F30264" t="s">
        <v>18692</v>
      </c>
      <c r="G30264" t="s">
        <v>10734</v>
      </c>
      <c r="H30264" t="s">
        <v>10735</v>
      </c>
      <c r="I30264" s="2">
        <v>0</v>
      </c>
      <c r="J30264" s="2">
        <v>0</v>
      </c>
      <c r="K30264" s="2">
        <v>1</v>
      </c>
      <c r="L30264" t="s">
        <v>995</v>
      </c>
      <c r="M30264" t="s">
        <v>89</v>
      </c>
      <c r="N30264" t="s">
        <v>90</v>
      </c>
      <c r="O30264" t="s">
        <v>85</v>
      </c>
      <c r="P30264" t="s">
        <v>86</v>
      </c>
      <c r="Q30264">
        <v>17</v>
      </c>
      <c r="R30264">
        <v>17</v>
      </c>
      <c r="S30264">
        <v>18</v>
      </c>
      <c r="T30264">
        <v>19</v>
      </c>
      <c r="U30264">
        <v>19</v>
      </c>
      <c r="V30264">
        <v>20</v>
      </c>
      <c r="W30264">
        <v>21</v>
      </c>
      <c r="X30264">
        <v>21</v>
      </c>
      <c r="Y30264">
        <v>22</v>
      </c>
      <c r="Z30264">
        <v>23</v>
      </c>
      <c r="AA30264">
        <v>23</v>
      </c>
      <c r="AB30264">
        <v>24</v>
      </c>
      <c r="AC30264">
        <v>25</v>
      </c>
      <c r="AD30264">
        <v>25</v>
      </c>
      <c r="AE30264">
        <v>26</v>
      </c>
      <c r="AF30264">
        <v>26</v>
      </c>
      <c r="AG30264">
        <v>27</v>
      </c>
      <c r="AH30264">
        <v>27</v>
      </c>
      <c r="AI30264">
        <v>27</v>
      </c>
      <c r="AJ30264">
        <v>28</v>
      </c>
      <c r="AK30264">
        <v>28</v>
      </c>
      <c r="AL30264">
        <v>28</v>
      </c>
      <c r="AM30264">
        <v>29</v>
      </c>
      <c r="AN30264">
        <v>29</v>
      </c>
      <c r="AO30264">
        <v>30</v>
      </c>
      <c r="AP30264">
        <v>30</v>
      </c>
      <c r="AQ30264">
        <v>30</v>
      </c>
    </row>
    <row r="30265" spans="1:43">
      <c r="A30265" t="s">
        <v>18751</v>
      </c>
      <c r="B30265" t="s">
        <v>18752</v>
      </c>
      <c r="C30265" t="s">
        <v>18753</v>
      </c>
      <c r="D30265" t="s">
        <v>18754</v>
      </c>
      <c r="E30265" t="s">
        <v>18691</v>
      </c>
      <c r="F30265" t="s">
        <v>18692</v>
      </c>
      <c r="G30265" t="s">
        <v>10734</v>
      </c>
      <c r="H30265" t="s">
        <v>10735</v>
      </c>
      <c r="I30265" s="2">
        <v>0</v>
      </c>
      <c r="J30265" s="2">
        <v>0</v>
      </c>
      <c r="K30265" s="2">
        <v>1</v>
      </c>
      <c r="L30265" t="s">
        <v>995</v>
      </c>
      <c r="M30265" t="s">
        <v>83</v>
      </c>
      <c r="N30265" t="s">
        <v>91</v>
      </c>
      <c r="O30265" t="s">
        <v>85</v>
      </c>
      <c r="P30265" t="s">
        <v>86</v>
      </c>
      <c r="Q30265">
        <v>17</v>
      </c>
      <c r="R30265">
        <v>18</v>
      </c>
      <c r="S30265">
        <v>18</v>
      </c>
      <c r="T30265">
        <v>19</v>
      </c>
      <c r="U30265">
        <v>19</v>
      </c>
      <c r="V30265">
        <v>20</v>
      </c>
      <c r="W30265">
        <v>21</v>
      </c>
      <c r="X30265">
        <v>21</v>
      </c>
      <c r="Y30265">
        <v>22</v>
      </c>
      <c r="Z30265">
        <v>22</v>
      </c>
      <c r="AA30265">
        <v>23</v>
      </c>
      <c r="AB30265">
        <v>23</v>
      </c>
      <c r="AC30265">
        <v>24</v>
      </c>
      <c r="AD30265">
        <v>24</v>
      </c>
      <c r="AE30265">
        <v>25</v>
      </c>
      <c r="AF30265">
        <v>26</v>
      </c>
      <c r="AG30265">
        <v>26</v>
      </c>
      <c r="AH30265">
        <v>27</v>
      </c>
      <c r="AI30265">
        <v>28</v>
      </c>
      <c r="AJ30265">
        <v>28</v>
      </c>
      <c r="AK30265">
        <v>29</v>
      </c>
      <c r="AL30265">
        <v>29</v>
      </c>
      <c r="AM30265">
        <v>30</v>
      </c>
      <c r="AN30265">
        <v>30</v>
      </c>
      <c r="AO30265">
        <v>30</v>
      </c>
      <c r="AP30265">
        <v>31</v>
      </c>
      <c r="AQ30265">
        <v>31</v>
      </c>
    </row>
    <row r="30266" spans="1:43">
      <c r="A30266" t="s">
        <v>18755</v>
      </c>
      <c r="B30266" t="s">
        <v>18756</v>
      </c>
      <c r="C30266" t="s">
        <v>18757</v>
      </c>
      <c r="D30266" t="s">
        <v>18758</v>
      </c>
      <c r="E30266" t="s">
        <v>18691</v>
      </c>
      <c r="F30266" t="s">
        <v>18692</v>
      </c>
      <c r="G30266" t="s">
        <v>10734</v>
      </c>
      <c r="H30266" t="s">
        <v>10735</v>
      </c>
      <c r="I30266" s="2">
        <v>0</v>
      </c>
      <c r="J30266" s="2">
        <v>0</v>
      </c>
      <c r="K30266" s="2">
        <v>1</v>
      </c>
      <c r="L30266" t="s">
        <v>995</v>
      </c>
      <c r="M30266" t="s">
        <v>83</v>
      </c>
      <c r="N30266" t="s">
        <v>84</v>
      </c>
      <c r="O30266" t="s">
        <v>85</v>
      </c>
      <c r="P30266" t="s">
        <v>86</v>
      </c>
      <c r="Q30266">
        <v>13</v>
      </c>
      <c r="R30266">
        <v>13</v>
      </c>
      <c r="S30266">
        <v>13</v>
      </c>
      <c r="T30266">
        <v>14</v>
      </c>
      <c r="U30266">
        <v>14</v>
      </c>
      <c r="V30266">
        <v>15</v>
      </c>
      <c r="W30266">
        <v>15</v>
      </c>
      <c r="X30266">
        <v>15</v>
      </c>
      <c r="Y30266">
        <v>16</v>
      </c>
      <c r="Z30266">
        <v>16</v>
      </c>
      <c r="AA30266">
        <v>17</v>
      </c>
      <c r="AB30266">
        <v>17</v>
      </c>
      <c r="AC30266">
        <v>17</v>
      </c>
      <c r="AD30266">
        <v>18</v>
      </c>
      <c r="AE30266">
        <v>18</v>
      </c>
      <c r="AF30266">
        <v>19</v>
      </c>
      <c r="AG30266">
        <v>19</v>
      </c>
      <c r="AH30266">
        <v>20</v>
      </c>
      <c r="AI30266">
        <v>20</v>
      </c>
      <c r="AJ30266">
        <v>20</v>
      </c>
      <c r="AK30266">
        <v>21</v>
      </c>
      <c r="AL30266">
        <v>21</v>
      </c>
      <c r="AM30266">
        <v>22</v>
      </c>
      <c r="AN30266">
        <v>22</v>
      </c>
      <c r="AO30266">
        <v>22</v>
      </c>
      <c r="AP30266">
        <v>22</v>
      </c>
      <c r="AQ30266">
        <v>23</v>
      </c>
    </row>
    <row r="30267" spans="1:43">
      <c r="A30267" t="s">
        <v>18755</v>
      </c>
      <c r="B30267" t="s">
        <v>18756</v>
      </c>
      <c r="C30267" t="s">
        <v>18757</v>
      </c>
      <c r="D30267" t="s">
        <v>18758</v>
      </c>
      <c r="E30267" t="s">
        <v>18691</v>
      </c>
      <c r="F30267" t="s">
        <v>18692</v>
      </c>
      <c r="G30267" t="s">
        <v>10734</v>
      </c>
      <c r="H30267" t="s">
        <v>10735</v>
      </c>
      <c r="I30267" s="2">
        <v>0</v>
      </c>
      <c r="J30267" s="2">
        <v>0</v>
      </c>
      <c r="K30267" s="2">
        <v>1</v>
      </c>
      <c r="L30267" t="s">
        <v>995</v>
      </c>
      <c r="M30267" t="s">
        <v>87</v>
      </c>
      <c r="N30267" t="s">
        <v>88</v>
      </c>
      <c r="O30267" t="s">
        <v>85</v>
      </c>
      <c r="P30267" t="s">
        <v>86</v>
      </c>
      <c r="Q30267">
        <v>13</v>
      </c>
      <c r="R30267">
        <v>13</v>
      </c>
      <c r="S30267">
        <v>13</v>
      </c>
      <c r="T30267">
        <v>13</v>
      </c>
      <c r="U30267">
        <v>14</v>
      </c>
      <c r="V30267">
        <v>14</v>
      </c>
      <c r="W30267">
        <v>14</v>
      </c>
      <c r="X30267">
        <v>14</v>
      </c>
      <c r="Y30267">
        <v>15</v>
      </c>
      <c r="Z30267">
        <v>15</v>
      </c>
      <c r="AA30267">
        <v>15</v>
      </c>
      <c r="AB30267">
        <v>15</v>
      </c>
      <c r="AC30267">
        <v>16</v>
      </c>
      <c r="AD30267">
        <v>16</v>
      </c>
      <c r="AE30267">
        <v>16</v>
      </c>
      <c r="AF30267">
        <v>16</v>
      </c>
      <c r="AG30267">
        <v>17</v>
      </c>
      <c r="AH30267">
        <v>17</v>
      </c>
      <c r="AI30267">
        <v>17</v>
      </c>
      <c r="AJ30267">
        <v>18</v>
      </c>
      <c r="AK30267">
        <v>18</v>
      </c>
      <c r="AL30267">
        <v>18</v>
      </c>
      <c r="AM30267">
        <v>18</v>
      </c>
      <c r="AN30267">
        <v>19</v>
      </c>
      <c r="AO30267">
        <v>19</v>
      </c>
      <c r="AP30267">
        <v>19</v>
      </c>
      <c r="AQ30267">
        <v>20</v>
      </c>
    </row>
    <row r="30268" spans="1:43">
      <c r="A30268" t="s">
        <v>18755</v>
      </c>
      <c r="B30268" t="s">
        <v>18756</v>
      </c>
      <c r="C30268" t="s">
        <v>18757</v>
      </c>
      <c r="D30268" t="s">
        <v>18758</v>
      </c>
      <c r="E30268" t="s">
        <v>18691</v>
      </c>
      <c r="F30268" t="s">
        <v>18692</v>
      </c>
      <c r="G30268" t="s">
        <v>10734</v>
      </c>
      <c r="H30268" t="s">
        <v>10735</v>
      </c>
      <c r="I30268" s="2">
        <v>0</v>
      </c>
      <c r="J30268" s="2">
        <v>0</v>
      </c>
      <c r="K30268" s="2">
        <v>1</v>
      </c>
      <c r="L30268" t="s">
        <v>995</v>
      </c>
      <c r="M30268" t="s">
        <v>89</v>
      </c>
      <c r="N30268" t="s">
        <v>90</v>
      </c>
      <c r="O30268" t="s">
        <v>85</v>
      </c>
      <c r="P30268" t="s">
        <v>86</v>
      </c>
      <c r="Q30268">
        <v>13</v>
      </c>
      <c r="R30268">
        <v>13</v>
      </c>
      <c r="S30268">
        <v>14</v>
      </c>
      <c r="T30268">
        <v>14</v>
      </c>
      <c r="U30268">
        <v>15</v>
      </c>
      <c r="V30268">
        <v>15</v>
      </c>
      <c r="W30268">
        <v>16</v>
      </c>
      <c r="X30268">
        <v>16</v>
      </c>
      <c r="Y30268">
        <v>17</v>
      </c>
      <c r="Z30268">
        <v>17</v>
      </c>
      <c r="AA30268">
        <v>18</v>
      </c>
      <c r="AB30268">
        <v>18</v>
      </c>
      <c r="AC30268">
        <v>19</v>
      </c>
      <c r="AD30268">
        <v>19</v>
      </c>
      <c r="AE30268">
        <v>19</v>
      </c>
      <c r="AF30268">
        <v>20</v>
      </c>
      <c r="AG30268">
        <v>20</v>
      </c>
      <c r="AH30268">
        <v>20</v>
      </c>
      <c r="AI30268">
        <v>21</v>
      </c>
      <c r="AJ30268">
        <v>21</v>
      </c>
      <c r="AK30268">
        <v>21</v>
      </c>
      <c r="AL30268">
        <v>21</v>
      </c>
      <c r="AM30268">
        <v>22</v>
      </c>
      <c r="AN30268">
        <v>22</v>
      </c>
      <c r="AO30268">
        <v>22</v>
      </c>
      <c r="AP30268">
        <v>23</v>
      </c>
      <c r="AQ30268">
        <v>23</v>
      </c>
    </row>
    <row r="30269" spans="1:43">
      <c r="A30269" t="s">
        <v>18755</v>
      </c>
      <c r="B30269" t="s">
        <v>18756</v>
      </c>
      <c r="C30269" t="s">
        <v>18757</v>
      </c>
      <c r="D30269" t="s">
        <v>18758</v>
      </c>
      <c r="E30269" t="s">
        <v>18691</v>
      </c>
      <c r="F30269" t="s">
        <v>18692</v>
      </c>
      <c r="G30269" t="s">
        <v>10734</v>
      </c>
      <c r="H30269" t="s">
        <v>10735</v>
      </c>
      <c r="I30269" s="2">
        <v>0</v>
      </c>
      <c r="J30269" s="2">
        <v>0</v>
      </c>
      <c r="K30269" s="2">
        <v>1</v>
      </c>
      <c r="L30269" t="s">
        <v>995</v>
      </c>
      <c r="M30269" t="s">
        <v>83</v>
      </c>
      <c r="N30269" t="s">
        <v>91</v>
      </c>
      <c r="O30269" t="s">
        <v>85</v>
      </c>
      <c r="P30269" t="s">
        <v>86</v>
      </c>
      <c r="Q30269">
        <v>13</v>
      </c>
      <c r="R30269">
        <v>13</v>
      </c>
      <c r="S30269">
        <v>13</v>
      </c>
      <c r="T30269">
        <v>14</v>
      </c>
      <c r="U30269">
        <v>14</v>
      </c>
      <c r="V30269">
        <v>15</v>
      </c>
      <c r="W30269">
        <v>15</v>
      </c>
      <c r="X30269">
        <v>15</v>
      </c>
      <c r="Y30269">
        <v>16</v>
      </c>
      <c r="Z30269">
        <v>16</v>
      </c>
      <c r="AA30269">
        <v>17</v>
      </c>
      <c r="AB30269">
        <v>17</v>
      </c>
      <c r="AC30269">
        <v>17</v>
      </c>
      <c r="AD30269">
        <v>18</v>
      </c>
      <c r="AE30269">
        <v>18</v>
      </c>
      <c r="AF30269">
        <v>19</v>
      </c>
      <c r="AG30269">
        <v>19</v>
      </c>
      <c r="AH30269">
        <v>20</v>
      </c>
      <c r="AI30269">
        <v>20</v>
      </c>
      <c r="AJ30269">
        <v>20</v>
      </c>
      <c r="AK30269">
        <v>21</v>
      </c>
      <c r="AL30269">
        <v>21</v>
      </c>
      <c r="AM30269">
        <v>22</v>
      </c>
      <c r="AN30269">
        <v>22</v>
      </c>
      <c r="AO30269">
        <v>22</v>
      </c>
      <c r="AP30269">
        <v>22</v>
      </c>
      <c r="AQ30269">
        <v>23</v>
      </c>
    </row>
    <row r="30270" spans="1:43">
      <c r="A30270" t="s">
        <v>18759</v>
      </c>
      <c r="B30270" t="s">
        <v>18760</v>
      </c>
      <c r="C30270" t="s">
        <v>18757</v>
      </c>
      <c r="D30270" t="s">
        <v>18758</v>
      </c>
      <c r="E30270" t="s">
        <v>18691</v>
      </c>
      <c r="F30270" t="s">
        <v>18692</v>
      </c>
      <c r="G30270" t="s">
        <v>10734</v>
      </c>
      <c r="H30270" t="s">
        <v>10735</v>
      </c>
      <c r="I30270" s="2">
        <v>0</v>
      </c>
      <c r="J30270" s="2">
        <v>0</v>
      </c>
      <c r="K30270" s="2">
        <v>1</v>
      </c>
      <c r="L30270" t="s">
        <v>995</v>
      </c>
      <c r="M30270" t="s">
        <v>83</v>
      </c>
      <c r="N30270" t="s">
        <v>84</v>
      </c>
      <c r="O30270" t="s">
        <v>85</v>
      </c>
      <c r="P30270" t="s">
        <v>86</v>
      </c>
      <c r="Q30270">
        <v>32</v>
      </c>
      <c r="R30270">
        <v>32</v>
      </c>
      <c r="S30270">
        <v>33</v>
      </c>
      <c r="T30270">
        <v>34</v>
      </c>
      <c r="U30270">
        <v>35</v>
      </c>
      <c r="V30270">
        <v>36</v>
      </c>
      <c r="W30270">
        <v>37</v>
      </c>
      <c r="X30270">
        <v>38</v>
      </c>
      <c r="Y30270">
        <v>39</v>
      </c>
      <c r="Z30270">
        <v>40</v>
      </c>
      <c r="AA30270">
        <v>41</v>
      </c>
      <c r="AB30270">
        <v>42</v>
      </c>
      <c r="AC30270">
        <v>43</v>
      </c>
      <c r="AD30270">
        <v>44</v>
      </c>
      <c r="AE30270">
        <v>45</v>
      </c>
      <c r="AF30270">
        <v>46</v>
      </c>
      <c r="AG30270">
        <v>47</v>
      </c>
      <c r="AH30270">
        <v>49</v>
      </c>
      <c r="AI30270">
        <v>50</v>
      </c>
      <c r="AJ30270">
        <v>51</v>
      </c>
      <c r="AK30270">
        <v>52</v>
      </c>
      <c r="AL30270">
        <v>53</v>
      </c>
      <c r="AM30270">
        <v>54</v>
      </c>
      <c r="AN30270">
        <v>54</v>
      </c>
      <c r="AO30270">
        <v>55</v>
      </c>
      <c r="AP30270">
        <v>56</v>
      </c>
      <c r="AQ30270">
        <v>57</v>
      </c>
    </row>
    <row r="30271" spans="1:43">
      <c r="A30271" t="s">
        <v>18759</v>
      </c>
      <c r="B30271" t="s">
        <v>18760</v>
      </c>
      <c r="C30271" t="s">
        <v>18757</v>
      </c>
      <c r="D30271" t="s">
        <v>18758</v>
      </c>
      <c r="E30271" t="s">
        <v>18691</v>
      </c>
      <c r="F30271" t="s">
        <v>18692</v>
      </c>
      <c r="G30271" t="s">
        <v>10734</v>
      </c>
      <c r="H30271" t="s">
        <v>10735</v>
      </c>
      <c r="I30271" s="2">
        <v>0</v>
      </c>
      <c r="J30271" s="2">
        <v>0</v>
      </c>
      <c r="K30271" s="2">
        <v>1</v>
      </c>
      <c r="L30271" t="s">
        <v>995</v>
      </c>
      <c r="M30271" t="s">
        <v>87</v>
      </c>
      <c r="N30271" t="s">
        <v>88</v>
      </c>
      <c r="O30271" t="s">
        <v>85</v>
      </c>
      <c r="P30271" t="s">
        <v>86</v>
      </c>
      <c r="Q30271">
        <v>32</v>
      </c>
      <c r="R30271">
        <v>33</v>
      </c>
      <c r="S30271">
        <v>33</v>
      </c>
      <c r="T30271">
        <v>34</v>
      </c>
      <c r="U30271">
        <v>35</v>
      </c>
      <c r="V30271">
        <v>35</v>
      </c>
      <c r="W30271">
        <v>36</v>
      </c>
      <c r="X30271">
        <v>36</v>
      </c>
      <c r="Y30271">
        <v>37</v>
      </c>
      <c r="Z30271">
        <v>38</v>
      </c>
      <c r="AA30271">
        <v>38</v>
      </c>
      <c r="AB30271">
        <v>39</v>
      </c>
      <c r="AC30271">
        <v>40</v>
      </c>
      <c r="AD30271">
        <v>40</v>
      </c>
      <c r="AE30271">
        <v>41</v>
      </c>
      <c r="AF30271">
        <v>42</v>
      </c>
      <c r="AG30271">
        <v>43</v>
      </c>
      <c r="AH30271">
        <v>43</v>
      </c>
      <c r="AI30271">
        <v>44</v>
      </c>
      <c r="AJ30271">
        <v>45</v>
      </c>
      <c r="AK30271">
        <v>45</v>
      </c>
      <c r="AL30271">
        <v>46</v>
      </c>
      <c r="AM30271">
        <v>47</v>
      </c>
      <c r="AN30271">
        <v>48</v>
      </c>
      <c r="AO30271">
        <v>49</v>
      </c>
      <c r="AP30271">
        <v>49</v>
      </c>
      <c r="AQ30271">
        <v>50</v>
      </c>
    </row>
    <row r="30272" spans="1:43">
      <c r="A30272" t="s">
        <v>18759</v>
      </c>
      <c r="B30272" t="s">
        <v>18760</v>
      </c>
      <c r="C30272" t="s">
        <v>18757</v>
      </c>
      <c r="D30272" t="s">
        <v>18758</v>
      </c>
      <c r="E30272" t="s">
        <v>18691</v>
      </c>
      <c r="F30272" t="s">
        <v>18692</v>
      </c>
      <c r="G30272" t="s">
        <v>10734</v>
      </c>
      <c r="H30272" t="s">
        <v>10735</v>
      </c>
      <c r="I30272" s="2">
        <v>0</v>
      </c>
      <c r="J30272" s="2">
        <v>0</v>
      </c>
      <c r="K30272" s="2">
        <v>1</v>
      </c>
      <c r="L30272" t="s">
        <v>995</v>
      </c>
      <c r="M30272" t="s">
        <v>89</v>
      </c>
      <c r="N30272" t="s">
        <v>90</v>
      </c>
      <c r="O30272" t="s">
        <v>85</v>
      </c>
      <c r="P30272" t="s">
        <v>86</v>
      </c>
      <c r="Q30272">
        <v>32</v>
      </c>
      <c r="R30272">
        <v>33</v>
      </c>
      <c r="S30272">
        <v>34</v>
      </c>
      <c r="T30272">
        <v>35</v>
      </c>
      <c r="U30272">
        <v>37</v>
      </c>
      <c r="V30272">
        <v>38</v>
      </c>
      <c r="W30272">
        <v>39</v>
      </c>
      <c r="X30272">
        <v>40</v>
      </c>
      <c r="Y30272">
        <v>41</v>
      </c>
      <c r="Z30272">
        <v>42</v>
      </c>
      <c r="AA30272">
        <v>44</v>
      </c>
      <c r="AB30272">
        <v>45</v>
      </c>
      <c r="AC30272">
        <v>46</v>
      </c>
      <c r="AD30272">
        <v>47</v>
      </c>
      <c r="AE30272">
        <v>48</v>
      </c>
      <c r="AF30272">
        <v>49</v>
      </c>
      <c r="AG30272">
        <v>50</v>
      </c>
      <c r="AH30272">
        <v>50</v>
      </c>
      <c r="AI30272">
        <v>51</v>
      </c>
      <c r="AJ30272">
        <v>52</v>
      </c>
      <c r="AK30272">
        <v>53</v>
      </c>
      <c r="AL30272">
        <v>53</v>
      </c>
      <c r="AM30272">
        <v>54</v>
      </c>
      <c r="AN30272">
        <v>55</v>
      </c>
      <c r="AO30272">
        <v>55</v>
      </c>
      <c r="AP30272">
        <v>56</v>
      </c>
      <c r="AQ30272">
        <v>57</v>
      </c>
    </row>
    <row r="30273" spans="1:43">
      <c r="A30273" t="s">
        <v>18759</v>
      </c>
      <c r="B30273" t="s">
        <v>18760</v>
      </c>
      <c r="C30273" t="s">
        <v>18757</v>
      </c>
      <c r="D30273" t="s">
        <v>18758</v>
      </c>
      <c r="E30273" t="s">
        <v>18691</v>
      </c>
      <c r="F30273" t="s">
        <v>18692</v>
      </c>
      <c r="G30273" t="s">
        <v>10734</v>
      </c>
      <c r="H30273" t="s">
        <v>10735</v>
      </c>
      <c r="I30273" s="2">
        <v>0</v>
      </c>
      <c r="J30273" s="2">
        <v>0</v>
      </c>
      <c r="K30273" s="2">
        <v>1</v>
      </c>
      <c r="L30273" t="s">
        <v>995</v>
      </c>
      <c r="M30273" t="s">
        <v>83</v>
      </c>
      <c r="N30273" t="s">
        <v>91</v>
      </c>
      <c r="O30273" t="s">
        <v>85</v>
      </c>
      <c r="P30273" t="s">
        <v>86</v>
      </c>
      <c r="Q30273">
        <v>32</v>
      </c>
      <c r="R30273">
        <v>32</v>
      </c>
      <c r="S30273">
        <v>33</v>
      </c>
      <c r="T30273">
        <v>34</v>
      </c>
      <c r="U30273">
        <v>35</v>
      </c>
      <c r="V30273">
        <v>36</v>
      </c>
      <c r="W30273">
        <v>37</v>
      </c>
      <c r="X30273">
        <v>38</v>
      </c>
      <c r="Y30273">
        <v>39</v>
      </c>
      <c r="Z30273">
        <v>40</v>
      </c>
      <c r="AA30273">
        <v>41</v>
      </c>
      <c r="AB30273">
        <v>42</v>
      </c>
      <c r="AC30273">
        <v>43</v>
      </c>
      <c r="AD30273">
        <v>44</v>
      </c>
      <c r="AE30273">
        <v>45</v>
      </c>
      <c r="AF30273">
        <v>46</v>
      </c>
      <c r="AG30273">
        <v>47</v>
      </c>
      <c r="AH30273">
        <v>49</v>
      </c>
      <c r="AI30273">
        <v>50</v>
      </c>
      <c r="AJ30273">
        <v>51</v>
      </c>
      <c r="AK30273">
        <v>52</v>
      </c>
      <c r="AL30273">
        <v>53</v>
      </c>
      <c r="AM30273">
        <v>54</v>
      </c>
      <c r="AN30273">
        <v>54</v>
      </c>
      <c r="AO30273">
        <v>55</v>
      </c>
      <c r="AP30273">
        <v>56</v>
      </c>
      <c r="AQ30273">
        <v>57</v>
      </c>
    </row>
    <row r="30274" spans="1:43">
      <c r="A30274" t="s">
        <v>18761</v>
      </c>
      <c r="B30274" t="s">
        <v>18762</v>
      </c>
      <c r="C30274" t="s">
        <v>18757</v>
      </c>
      <c r="D30274" t="s">
        <v>18758</v>
      </c>
      <c r="E30274" t="s">
        <v>18691</v>
      </c>
      <c r="F30274" t="s">
        <v>18692</v>
      </c>
      <c r="G30274" t="s">
        <v>10734</v>
      </c>
      <c r="H30274" t="s">
        <v>10735</v>
      </c>
      <c r="I30274" s="2">
        <v>0</v>
      </c>
      <c r="J30274" s="2">
        <v>0</v>
      </c>
      <c r="K30274" s="2">
        <v>1</v>
      </c>
      <c r="L30274" t="s">
        <v>995</v>
      </c>
      <c r="M30274" t="s">
        <v>83</v>
      </c>
      <c r="N30274" t="s">
        <v>84</v>
      </c>
      <c r="O30274" t="s">
        <v>85</v>
      </c>
      <c r="P30274" t="s">
        <v>86</v>
      </c>
      <c r="Q30274">
        <v>4</v>
      </c>
      <c r="R30274">
        <v>4</v>
      </c>
      <c r="S30274">
        <v>4</v>
      </c>
      <c r="T30274">
        <v>4</v>
      </c>
      <c r="U30274">
        <v>4</v>
      </c>
      <c r="V30274">
        <v>4</v>
      </c>
      <c r="W30274">
        <v>5</v>
      </c>
      <c r="X30274">
        <v>5</v>
      </c>
      <c r="Y30274">
        <v>5</v>
      </c>
      <c r="Z30274">
        <v>5</v>
      </c>
      <c r="AA30274">
        <v>5</v>
      </c>
      <c r="AB30274">
        <v>5</v>
      </c>
      <c r="AC30274">
        <v>5</v>
      </c>
      <c r="AD30274">
        <v>5</v>
      </c>
      <c r="AE30274">
        <v>6</v>
      </c>
      <c r="AF30274">
        <v>6</v>
      </c>
      <c r="AG30274">
        <v>6</v>
      </c>
      <c r="AH30274">
        <v>6</v>
      </c>
      <c r="AI30274">
        <v>6</v>
      </c>
      <c r="AJ30274">
        <v>6</v>
      </c>
      <c r="AK30274">
        <v>6</v>
      </c>
      <c r="AL30274">
        <v>7</v>
      </c>
      <c r="AM30274">
        <v>7</v>
      </c>
      <c r="AN30274">
        <v>7</v>
      </c>
      <c r="AO30274">
        <v>7</v>
      </c>
      <c r="AP30274">
        <v>7</v>
      </c>
      <c r="AQ30274">
        <v>7</v>
      </c>
    </row>
    <row r="30275" spans="1:43">
      <c r="A30275" t="s">
        <v>18761</v>
      </c>
      <c r="B30275" t="s">
        <v>18762</v>
      </c>
      <c r="C30275" t="s">
        <v>18757</v>
      </c>
      <c r="D30275" t="s">
        <v>18758</v>
      </c>
      <c r="E30275" t="s">
        <v>18691</v>
      </c>
      <c r="F30275" t="s">
        <v>18692</v>
      </c>
      <c r="G30275" t="s">
        <v>10734</v>
      </c>
      <c r="H30275" t="s">
        <v>10735</v>
      </c>
      <c r="I30275" s="2">
        <v>0</v>
      </c>
      <c r="J30275" s="2">
        <v>0</v>
      </c>
      <c r="K30275" s="2">
        <v>1</v>
      </c>
      <c r="L30275" t="s">
        <v>995</v>
      </c>
      <c r="M30275" t="s">
        <v>87</v>
      </c>
      <c r="N30275" t="s">
        <v>88</v>
      </c>
      <c r="O30275" t="s">
        <v>85</v>
      </c>
      <c r="P30275" t="s">
        <v>86</v>
      </c>
      <c r="Q30275">
        <v>4</v>
      </c>
      <c r="R30275">
        <v>4</v>
      </c>
      <c r="S30275">
        <v>4</v>
      </c>
      <c r="T30275">
        <v>4</v>
      </c>
      <c r="U30275">
        <v>4</v>
      </c>
      <c r="V30275">
        <v>4</v>
      </c>
      <c r="W30275">
        <v>4</v>
      </c>
      <c r="X30275">
        <v>4</v>
      </c>
      <c r="Y30275">
        <v>4</v>
      </c>
      <c r="Z30275">
        <v>5</v>
      </c>
      <c r="AA30275">
        <v>5</v>
      </c>
      <c r="AB30275">
        <v>5</v>
      </c>
      <c r="AC30275">
        <v>5</v>
      </c>
      <c r="AD30275">
        <v>5</v>
      </c>
      <c r="AE30275">
        <v>5</v>
      </c>
      <c r="AF30275">
        <v>5</v>
      </c>
      <c r="AG30275">
        <v>5</v>
      </c>
      <c r="AH30275">
        <v>5</v>
      </c>
      <c r="AI30275">
        <v>5</v>
      </c>
      <c r="AJ30275">
        <v>5</v>
      </c>
      <c r="AK30275">
        <v>6</v>
      </c>
      <c r="AL30275">
        <v>6</v>
      </c>
      <c r="AM30275">
        <v>6</v>
      </c>
      <c r="AN30275">
        <v>6</v>
      </c>
      <c r="AO30275">
        <v>6</v>
      </c>
      <c r="AP30275">
        <v>6</v>
      </c>
      <c r="AQ30275">
        <v>6</v>
      </c>
    </row>
    <row r="30276" spans="1:43">
      <c r="A30276" t="s">
        <v>18761</v>
      </c>
      <c r="B30276" t="s">
        <v>18762</v>
      </c>
      <c r="C30276" t="s">
        <v>18757</v>
      </c>
      <c r="D30276" t="s">
        <v>18758</v>
      </c>
      <c r="E30276" t="s">
        <v>18691</v>
      </c>
      <c r="F30276" t="s">
        <v>18692</v>
      </c>
      <c r="G30276" t="s">
        <v>10734</v>
      </c>
      <c r="H30276" t="s">
        <v>10735</v>
      </c>
      <c r="I30276" s="2">
        <v>0</v>
      </c>
      <c r="J30276" s="2">
        <v>0</v>
      </c>
      <c r="K30276" s="2">
        <v>1</v>
      </c>
      <c r="L30276" t="s">
        <v>995</v>
      </c>
      <c r="M30276" t="s">
        <v>89</v>
      </c>
      <c r="N30276" t="s">
        <v>90</v>
      </c>
      <c r="O30276" t="s">
        <v>85</v>
      </c>
      <c r="P30276" t="s">
        <v>86</v>
      </c>
      <c r="Q30276">
        <v>4</v>
      </c>
      <c r="R30276">
        <v>4</v>
      </c>
      <c r="S30276">
        <v>4</v>
      </c>
      <c r="T30276">
        <v>4</v>
      </c>
      <c r="U30276">
        <v>5</v>
      </c>
      <c r="V30276">
        <v>5</v>
      </c>
      <c r="W30276">
        <v>5</v>
      </c>
      <c r="X30276">
        <v>5</v>
      </c>
      <c r="Y30276">
        <v>5</v>
      </c>
      <c r="Z30276">
        <v>5</v>
      </c>
      <c r="AA30276">
        <v>5</v>
      </c>
      <c r="AB30276">
        <v>6</v>
      </c>
      <c r="AC30276">
        <v>6</v>
      </c>
      <c r="AD30276">
        <v>6</v>
      </c>
      <c r="AE30276">
        <v>6</v>
      </c>
      <c r="AF30276">
        <v>6</v>
      </c>
      <c r="AG30276">
        <v>6</v>
      </c>
      <c r="AH30276">
        <v>6</v>
      </c>
      <c r="AI30276">
        <v>6</v>
      </c>
      <c r="AJ30276">
        <v>6</v>
      </c>
      <c r="AK30276">
        <v>7</v>
      </c>
      <c r="AL30276">
        <v>7</v>
      </c>
      <c r="AM30276">
        <v>7</v>
      </c>
      <c r="AN30276">
        <v>7</v>
      </c>
      <c r="AO30276">
        <v>7</v>
      </c>
      <c r="AP30276">
        <v>7</v>
      </c>
      <c r="AQ30276">
        <v>7</v>
      </c>
    </row>
    <row r="30277" spans="1:43">
      <c r="A30277" t="s">
        <v>18761</v>
      </c>
      <c r="B30277" t="s">
        <v>18762</v>
      </c>
      <c r="C30277" t="s">
        <v>18757</v>
      </c>
      <c r="D30277" t="s">
        <v>18758</v>
      </c>
      <c r="E30277" t="s">
        <v>18691</v>
      </c>
      <c r="F30277" t="s">
        <v>18692</v>
      </c>
      <c r="G30277" t="s">
        <v>10734</v>
      </c>
      <c r="H30277" t="s">
        <v>10735</v>
      </c>
      <c r="I30277" s="2">
        <v>0</v>
      </c>
      <c r="J30277" s="2">
        <v>0</v>
      </c>
      <c r="K30277" s="2">
        <v>1</v>
      </c>
      <c r="L30277" t="s">
        <v>995</v>
      </c>
      <c r="M30277" t="s">
        <v>83</v>
      </c>
      <c r="N30277" t="s">
        <v>91</v>
      </c>
      <c r="O30277" t="s">
        <v>85</v>
      </c>
      <c r="P30277" t="s">
        <v>86</v>
      </c>
      <c r="Q30277">
        <v>4</v>
      </c>
      <c r="R30277">
        <v>4</v>
      </c>
      <c r="S30277">
        <v>4</v>
      </c>
      <c r="T30277">
        <v>4</v>
      </c>
      <c r="U30277">
        <v>4</v>
      </c>
      <c r="V30277">
        <v>4</v>
      </c>
      <c r="W30277">
        <v>5</v>
      </c>
      <c r="X30277">
        <v>5</v>
      </c>
      <c r="Y30277">
        <v>5</v>
      </c>
      <c r="Z30277">
        <v>5</v>
      </c>
      <c r="AA30277">
        <v>5</v>
      </c>
      <c r="AB30277">
        <v>5</v>
      </c>
      <c r="AC30277">
        <v>5</v>
      </c>
      <c r="AD30277">
        <v>5</v>
      </c>
      <c r="AE30277">
        <v>6</v>
      </c>
      <c r="AF30277">
        <v>6</v>
      </c>
      <c r="AG30277">
        <v>6</v>
      </c>
      <c r="AH30277">
        <v>6</v>
      </c>
      <c r="AI30277">
        <v>6</v>
      </c>
      <c r="AJ30277">
        <v>6</v>
      </c>
      <c r="AK30277">
        <v>6</v>
      </c>
      <c r="AL30277">
        <v>7</v>
      </c>
      <c r="AM30277">
        <v>7</v>
      </c>
      <c r="AN30277">
        <v>7</v>
      </c>
      <c r="AO30277">
        <v>7</v>
      </c>
      <c r="AP30277">
        <v>7</v>
      </c>
      <c r="AQ30277">
        <v>7</v>
      </c>
    </row>
    <row r="30278" spans="1:43">
      <c r="A30278" t="s">
        <v>18763</v>
      </c>
      <c r="B30278" t="s">
        <v>18764</v>
      </c>
      <c r="C30278" t="s">
        <v>18753</v>
      </c>
      <c r="D30278" t="s">
        <v>18754</v>
      </c>
      <c r="E30278" t="s">
        <v>18691</v>
      </c>
      <c r="F30278" t="s">
        <v>18692</v>
      </c>
      <c r="G30278" t="s">
        <v>10734</v>
      </c>
      <c r="H30278" t="s">
        <v>10735</v>
      </c>
      <c r="I30278" s="2">
        <v>0</v>
      </c>
      <c r="J30278" s="2">
        <v>0</v>
      </c>
      <c r="K30278" s="2">
        <v>1</v>
      </c>
      <c r="L30278" t="s">
        <v>995</v>
      </c>
      <c r="M30278" t="s">
        <v>83</v>
      </c>
      <c r="N30278" t="s">
        <v>84</v>
      </c>
      <c r="O30278" t="s">
        <v>85</v>
      </c>
      <c r="P30278" t="s">
        <v>86</v>
      </c>
      <c r="Q30278">
        <v>14</v>
      </c>
      <c r="R30278">
        <v>15</v>
      </c>
      <c r="S30278">
        <v>15</v>
      </c>
      <c r="T30278">
        <v>15</v>
      </c>
      <c r="U30278">
        <v>16</v>
      </c>
      <c r="V30278">
        <v>16</v>
      </c>
      <c r="W30278">
        <v>17</v>
      </c>
      <c r="X30278">
        <v>17</v>
      </c>
      <c r="Y30278">
        <v>18</v>
      </c>
      <c r="Z30278">
        <v>18</v>
      </c>
      <c r="AA30278">
        <v>19</v>
      </c>
      <c r="AB30278">
        <v>19</v>
      </c>
      <c r="AC30278">
        <v>19</v>
      </c>
      <c r="AD30278">
        <v>20</v>
      </c>
      <c r="AE30278">
        <v>20</v>
      </c>
      <c r="AF30278">
        <v>21</v>
      </c>
      <c r="AG30278">
        <v>21</v>
      </c>
      <c r="AH30278">
        <v>22</v>
      </c>
      <c r="AI30278">
        <v>22</v>
      </c>
      <c r="AJ30278">
        <v>23</v>
      </c>
      <c r="AK30278">
        <v>23</v>
      </c>
      <c r="AL30278">
        <v>24</v>
      </c>
      <c r="AM30278">
        <v>24</v>
      </c>
      <c r="AN30278">
        <v>25</v>
      </c>
      <c r="AO30278">
        <v>25</v>
      </c>
      <c r="AP30278">
        <v>25</v>
      </c>
      <c r="AQ30278">
        <v>26</v>
      </c>
    </row>
    <row r="30279" spans="1:43">
      <c r="A30279" t="s">
        <v>18763</v>
      </c>
      <c r="B30279" t="s">
        <v>18764</v>
      </c>
      <c r="C30279" t="s">
        <v>18753</v>
      </c>
      <c r="D30279" t="s">
        <v>18754</v>
      </c>
      <c r="E30279" t="s">
        <v>18691</v>
      </c>
      <c r="F30279" t="s">
        <v>18692</v>
      </c>
      <c r="G30279" t="s">
        <v>10734</v>
      </c>
      <c r="H30279" t="s">
        <v>10735</v>
      </c>
      <c r="I30279" s="2">
        <v>0</v>
      </c>
      <c r="J30279" s="2">
        <v>0</v>
      </c>
      <c r="K30279" s="2">
        <v>1</v>
      </c>
      <c r="L30279" t="s">
        <v>995</v>
      </c>
      <c r="M30279" t="s">
        <v>87</v>
      </c>
      <c r="N30279" t="s">
        <v>88</v>
      </c>
      <c r="O30279" t="s">
        <v>85</v>
      </c>
      <c r="P30279" t="s">
        <v>86</v>
      </c>
      <c r="Q30279">
        <v>14</v>
      </c>
      <c r="R30279">
        <v>14</v>
      </c>
      <c r="S30279">
        <v>15</v>
      </c>
      <c r="T30279">
        <v>15</v>
      </c>
      <c r="U30279">
        <v>15</v>
      </c>
      <c r="V30279">
        <v>15</v>
      </c>
      <c r="W30279">
        <v>16</v>
      </c>
      <c r="X30279">
        <v>16</v>
      </c>
      <c r="Y30279">
        <v>16</v>
      </c>
      <c r="Z30279">
        <v>17</v>
      </c>
      <c r="AA30279">
        <v>17</v>
      </c>
      <c r="AB30279">
        <v>17</v>
      </c>
      <c r="AC30279">
        <v>17</v>
      </c>
      <c r="AD30279">
        <v>18</v>
      </c>
      <c r="AE30279">
        <v>18</v>
      </c>
      <c r="AF30279">
        <v>18</v>
      </c>
      <c r="AG30279">
        <v>19</v>
      </c>
      <c r="AH30279">
        <v>19</v>
      </c>
      <c r="AI30279">
        <v>19</v>
      </c>
      <c r="AJ30279">
        <v>20</v>
      </c>
      <c r="AK30279">
        <v>20</v>
      </c>
      <c r="AL30279">
        <v>20</v>
      </c>
      <c r="AM30279">
        <v>21</v>
      </c>
      <c r="AN30279">
        <v>21</v>
      </c>
      <c r="AO30279">
        <v>21</v>
      </c>
      <c r="AP30279">
        <v>22</v>
      </c>
      <c r="AQ30279">
        <v>22</v>
      </c>
    </row>
    <row r="30280" spans="1:43">
      <c r="A30280" t="s">
        <v>18763</v>
      </c>
      <c r="B30280" t="s">
        <v>18764</v>
      </c>
      <c r="C30280" t="s">
        <v>18753</v>
      </c>
      <c r="D30280" t="s">
        <v>18754</v>
      </c>
      <c r="E30280" t="s">
        <v>18691</v>
      </c>
      <c r="F30280" t="s">
        <v>18692</v>
      </c>
      <c r="G30280" t="s">
        <v>10734</v>
      </c>
      <c r="H30280" t="s">
        <v>10735</v>
      </c>
      <c r="I30280" s="2">
        <v>0</v>
      </c>
      <c r="J30280" s="2">
        <v>0</v>
      </c>
      <c r="K30280" s="2">
        <v>1</v>
      </c>
      <c r="L30280" t="s">
        <v>995</v>
      </c>
      <c r="M30280" t="s">
        <v>89</v>
      </c>
      <c r="N30280" t="s">
        <v>90</v>
      </c>
      <c r="O30280" t="s">
        <v>85</v>
      </c>
      <c r="P30280" t="s">
        <v>86</v>
      </c>
      <c r="Q30280">
        <v>14</v>
      </c>
      <c r="R30280">
        <v>15</v>
      </c>
      <c r="S30280">
        <v>15</v>
      </c>
      <c r="T30280">
        <v>16</v>
      </c>
      <c r="U30280">
        <v>16</v>
      </c>
      <c r="V30280">
        <v>17</v>
      </c>
      <c r="W30280">
        <v>18</v>
      </c>
      <c r="X30280">
        <v>18</v>
      </c>
      <c r="Y30280">
        <v>19</v>
      </c>
      <c r="Z30280">
        <v>19</v>
      </c>
      <c r="AA30280">
        <v>20</v>
      </c>
      <c r="AB30280">
        <v>20</v>
      </c>
      <c r="AC30280">
        <v>21</v>
      </c>
      <c r="AD30280">
        <v>21</v>
      </c>
      <c r="AE30280">
        <v>22</v>
      </c>
      <c r="AF30280">
        <v>22</v>
      </c>
      <c r="AG30280">
        <v>22</v>
      </c>
      <c r="AH30280">
        <v>23</v>
      </c>
      <c r="AI30280">
        <v>23</v>
      </c>
      <c r="AJ30280">
        <v>23</v>
      </c>
      <c r="AK30280">
        <v>24</v>
      </c>
      <c r="AL30280">
        <v>24</v>
      </c>
      <c r="AM30280">
        <v>24</v>
      </c>
      <c r="AN30280">
        <v>25</v>
      </c>
      <c r="AO30280">
        <v>25</v>
      </c>
      <c r="AP30280">
        <v>25</v>
      </c>
      <c r="AQ30280">
        <v>26</v>
      </c>
    </row>
    <row r="30281" spans="1:43">
      <c r="A30281" t="s">
        <v>18763</v>
      </c>
      <c r="B30281" t="s">
        <v>18764</v>
      </c>
      <c r="C30281" t="s">
        <v>18753</v>
      </c>
      <c r="D30281" t="s">
        <v>18754</v>
      </c>
      <c r="E30281" t="s">
        <v>18691</v>
      </c>
      <c r="F30281" t="s">
        <v>18692</v>
      </c>
      <c r="G30281" t="s">
        <v>10734</v>
      </c>
      <c r="H30281" t="s">
        <v>10735</v>
      </c>
      <c r="I30281" s="2">
        <v>0</v>
      </c>
      <c r="J30281" s="2">
        <v>0</v>
      </c>
      <c r="K30281" s="2">
        <v>1</v>
      </c>
      <c r="L30281" t="s">
        <v>995</v>
      </c>
      <c r="M30281" t="s">
        <v>83</v>
      </c>
      <c r="N30281" t="s">
        <v>91</v>
      </c>
      <c r="O30281" t="s">
        <v>85</v>
      </c>
      <c r="P30281" t="s">
        <v>86</v>
      </c>
      <c r="Q30281">
        <v>14</v>
      </c>
      <c r="R30281">
        <v>15</v>
      </c>
      <c r="S30281">
        <v>15</v>
      </c>
      <c r="T30281">
        <v>15</v>
      </c>
      <c r="U30281">
        <v>16</v>
      </c>
      <c r="V30281">
        <v>16</v>
      </c>
      <c r="W30281">
        <v>17</v>
      </c>
      <c r="X30281">
        <v>17</v>
      </c>
      <c r="Y30281">
        <v>18</v>
      </c>
      <c r="Z30281">
        <v>18</v>
      </c>
      <c r="AA30281">
        <v>19</v>
      </c>
      <c r="AB30281">
        <v>19</v>
      </c>
      <c r="AC30281">
        <v>19</v>
      </c>
      <c r="AD30281">
        <v>20</v>
      </c>
      <c r="AE30281">
        <v>20</v>
      </c>
      <c r="AF30281">
        <v>21</v>
      </c>
      <c r="AG30281">
        <v>21</v>
      </c>
      <c r="AH30281">
        <v>22</v>
      </c>
      <c r="AI30281">
        <v>22</v>
      </c>
      <c r="AJ30281">
        <v>23</v>
      </c>
      <c r="AK30281">
        <v>23</v>
      </c>
      <c r="AL30281">
        <v>24</v>
      </c>
      <c r="AM30281">
        <v>24</v>
      </c>
      <c r="AN30281">
        <v>25</v>
      </c>
      <c r="AO30281">
        <v>25</v>
      </c>
      <c r="AP30281">
        <v>25</v>
      </c>
      <c r="AQ30281">
        <v>26</v>
      </c>
    </row>
    <row r="30282" spans="1:43">
      <c r="A30282" t="s">
        <v>18765</v>
      </c>
      <c r="B30282" t="s">
        <v>18766</v>
      </c>
      <c r="C30282" t="s">
        <v>18717</v>
      </c>
      <c r="D30282" t="s">
        <v>18718</v>
      </c>
      <c r="E30282" t="s">
        <v>18691</v>
      </c>
      <c r="F30282" t="s">
        <v>18692</v>
      </c>
      <c r="G30282" t="s">
        <v>10734</v>
      </c>
      <c r="H30282" t="s">
        <v>10735</v>
      </c>
      <c r="I30282" s="2">
        <v>0</v>
      </c>
      <c r="J30282" s="2">
        <v>0</v>
      </c>
      <c r="K30282" s="2">
        <v>1</v>
      </c>
      <c r="L30282" t="s">
        <v>995</v>
      </c>
      <c r="M30282" t="s">
        <v>83</v>
      </c>
      <c r="N30282" t="s">
        <v>84</v>
      </c>
      <c r="O30282" t="s">
        <v>85</v>
      </c>
      <c r="P30282" t="s">
        <v>86</v>
      </c>
      <c r="Q30282">
        <v>14</v>
      </c>
      <c r="R30282">
        <v>14</v>
      </c>
      <c r="S30282">
        <v>15</v>
      </c>
      <c r="T30282">
        <v>15</v>
      </c>
      <c r="U30282">
        <v>16</v>
      </c>
      <c r="V30282">
        <v>16</v>
      </c>
      <c r="W30282">
        <v>16</v>
      </c>
      <c r="X30282">
        <v>17</v>
      </c>
      <c r="Y30282">
        <v>17</v>
      </c>
      <c r="Z30282">
        <v>18</v>
      </c>
      <c r="AA30282">
        <v>18</v>
      </c>
      <c r="AB30282">
        <v>19</v>
      </c>
      <c r="AC30282">
        <v>19</v>
      </c>
      <c r="AD30282">
        <v>20</v>
      </c>
      <c r="AE30282">
        <v>20</v>
      </c>
      <c r="AF30282">
        <v>21</v>
      </c>
      <c r="AG30282">
        <v>21</v>
      </c>
      <c r="AH30282">
        <v>22</v>
      </c>
      <c r="AI30282">
        <v>22</v>
      </c>
      <c r="AJ30282">
        <v>23</v>
      </c>
      <c r="AK30282">
        <v>23</v>
      </c>
      <c r="AL30282">
        <v>24</v>
      </c>
      <c r="AM30282">
        <v>24</v>
      </c>
      <c r="AN30282">
        <v>24</v>
      </c>
      <c r="AO30282">
        <v>24</v>
      </c>
      <c r="AP30282">
        <v>25</v>
      </c>
      <c r="AQ30282">
        <v>25</v>
      </c>
    </row>
    <row r="30283" spans="1:43">
      <c r="A30283" t="s">
        <v>18765</v>
      </c>
      <c r="B30283" t="s">
        <v>18766</v>
      </c>
      <c r="C30283" t="s">
        <v>18717</v>
      </c>
      <c r="D30283" t="s">
        <v>18718</v>
      </c>
      <c r="E30283" t="s">
        <v>18691</v>
      </c>
      <c r="F30283" t="s">
        <v>18692</v>
      </c>
      <c r="G30283" t="s">
        <v>10734</v>
      </c>
      <c r="H30283" t="s">
        <v>10735</v>
      </c>
      <c r="I30283" s="2">
        <v>0</v>
      </c>
      <c r="J30283" s="2">
        <v>0</v>
      </c>
      <c r="K30283" s="2">
        <v>1</v>
      </c>
      <c r="L30283" t="s">
        <v>995</v>
      </c>
      <c r="M30283" t="s">
        <v>87</v>
      </c>
      <c r="N30283" t="s">
        <v>88</v>
      </c>
      <c r="O30283" t="s">
        <v>85</v>
      </c>
      <c r="P30283" t="s">
        <v>86</v>
      </c>
      <c r="Q30283">
        <v>14</v>
      </c>
      <c r="R30283">
        <v>14</v>
      </c>
      <c r="S30283">
        <v>14</v>
      </c>
      <c r="T30283">
        <v>15</v>
      </c>
      <c r="U30283">
        <v>15</v>
      </c>
      <c r="V30283">
        <v>15</v>
      </c>
      <c r="W30283">
        <v>15</v>
      </c>
      <c r="X30283">
        <v>16</v>
      </c>
      <c r="Y30283">
        <v>16</v>
      </c>
      <c r="Z30283">
        <v>16</v>
      </c>
      <c r="AA30283">
        <v>17</v>
      </c>
      <c r="AB30283">
        <v>17</v>
      </c>
      <c r="AC30283">
        <v>17</v>
      </c>
      <c r="AD30283">
        <v>18</v>
      </c>
      <c r="AE30283">
        <v>18</v>
      </c>
      <c r="AF30283">
        <v>18</v>
      </c>
      <c r="AG30283">
        <v>18</v>
      </c>
      <c r="AH30283">
        <v>19</v>
      </c>
      <c r="AI30283">
        <v>19</v>
      </c>
      <c r="AJ30283">
        <v>19</v>
      </c>
      <c r="AK30283">
        <v>20</v>
      </c>
      <c r="AL30283">
        <v>20</v>
      </c>
      <c r="AM30283">
        <v>20</v>
      </c>
      <c r="AN30283">
        <v>21</v>
      </c>
      <c r="AO30283">
        <v>21</v>
      </c>
      <c r="AP30283">
        <v>21</v>
      </c>
      <c r="AQ30283">
        <v>22</v>
      </c>
    </row>
    <row r="30284" spans="1:43">
      <c r="A30284" t="s">
        <v>18765</v>
      </c>
      <c r="B30284" t="s">
        <v>18766</v>
      </c>
      <c r="C30284" t="s">
        <v>18717</v>
      </c>
      <c r="D30284" t="s">
        <v>18718</v>
      </c>
      <c r="E30284" t="s">
        <v>18691</v>
      </c>
      <c r="F30284" t="s">
        <v>18692</v>
      </c>
      <c r="G30284" t="s">
        <v>10734</v>
      </c>
      <c r="H30284" t="s">
        <v>10735</v>
      </c>
      <c r="I30284" s="2">
        <v>0</v>
      </c>
      <c r="J30284" s="2">
        <v>0</v>
      </c>
      <c r="K30284" s="2">
        <v>1</v>
      </c>
      <c r="L30284" t="s">
        <v>995</v>
      </c>
      <c r="M30284" t="s">
        <v>89</v>
      </c>
      <c r="N30284" t="s">
        <v>90</v>
      </c>
      <c r="O30284" t="s">
        <v>85</v>
      </c>
      <c r="P30284" t="s">
        <v>86</v>
      </c>
      <c r="Q30284">
        <v>14</v>
      </c>
      <c r="R30284">
        <v>15</v>
      </c>
      <c r="S30284">
        <v>15</v>
      </c>
      <c r="T30284">
        <v>16</v>
      </c>
      <c r="U30284">
        <v>16</v>
      </c>
      <c r="V30284">
        <v>17</v>
      </c>
      <c r="W30284">
        <v>17</v>
      </c>
      <c r="X30284">
        <v>18</v>
      </c>
      <c r="Y30284">
        <v>18</v>
      </c>
      <c r="Z30284">
        <v>19</v>
      </c>
      <c r="AA30284">
        <v>19</v>
      </c>
      <c r="AB30284">
        <v>20</v>
      </c>
      <c r="AC30284">
        <v>20</v>
      </c>
      <c r="AD30284">
        <v>21</v>
      </c>
      <c r="AE30284">
        <v>22</v>
      </c>
      <c r="AF30284">
        <v>22</v>
      </c>
      <c r="AG30284">
        <v>22</v>
      </c>
      <c r="AH30284">
        <v>22</v>
      </c>
      <c r="AI30284">
        <v>23</v>
      </c>
      <c r="AJ30284">
        <v>23</v>
      </c>
      <c r="AK30284">
        <v>23</v>
      </c>
      <c r="AL30284">
        <v>24</v>
      </c>
      <c r="AM30284">
        <v>24</v>
      </c>
      <c r="AN30284">
        <v>24</v>
      </c>
      <c r="AO30284">
        <v>25</v>
      </c>
      <c r="AP30284">
        <v>25</v>
      </c>
      <c r="AQ30284">
        <v>25</v>
      </c>
    </row>
    <row r="30285" spans="1:43">
      <c r="A30285" t="s">
        <v>18765</v>
      </c>
      <c r="B30285" t="s">
        <v>18766</v>
      </c>
      <c r="C30285" t="s">
        <v>18717</v>
      </c>
      <c r="D30285" t="s">
        <v>18718</v>
      </c>
      <c r="E30285" t="s">
        <v>18691</v>
      </c>
      <c r="F30285" t="s">
        <v>18692</v>
      </c>
      <c r="G30285" t="s">
        <v>10734</v>
      </c>
      <c r="H30285" t="s">
        <v>10735</v>
      </c>
      <c r="I30285" s="2">
        <v>0</v>
      </c>
      <c r="J30285" s="2">
        <v>0</v>
      </c>
      <c r="K30285" s="2">
        <v>1</v>
      </c>
      <c r="L30285" t="s">
        <v>995</v>
      </c>
      <c r="M30285" t="s">
        <v>83</v>
      </c>
      <c r="N30285" t="s">
        <v>91</v>
      </c>
      <c r="O30285" t="s">
        <v>85</v>
      </c>
      <c r="P30285" t="s">
        <v>86</v>
      </c>
      <c r="Q30285">
        <v>14</v>
      </c>
      <c r="R30285">
        <v>14</v>
      </c>
      <c r="S30285">
        <v>15</v>
      </c>
      <c r="T30285">
        <v>15</v>
      </c>
      <c r="U30285">
        <v>16</v>
      </c>
      <c r="V30285">
        <v>16</v>
      </c>
      <c r="W30285">
        <v>16</v>
      </c>
      <c r="X30285">
        <v>17</v>
      </c>
      <c r="Y30285">
        <v>17</v>
      </c>
      <c r="Z30285">
        <v>18</v>
      </c>
      <c r="AA30285">
        <v>18</v>
      </c>
      <c r="AB30285">
        <v>19</v>
      </c>
      <c r="AC30285">
        <v>19</v>
      </c>
      <c r="AD30285">
        <v>20</v>
      </c>
      <c r="AE30285">
        <v>20</v>
      </c>
      <c r="AF30285">
        <v>21</v>
      </c>
      <c r="AG30285">
        <v>21</v>
      </c>
      <c r="AH30285">
        <v>22</v>
      </c>
      <c r="AI30285">
        <v>22</v>
      </c>
      <c r="AJ30285">
        <v>23</v>
      </c>
      <c r="AK30285">
        <v>23</v>
      </c>
      <c r="AL30285">
        <v>24</v>
      </c>
      <c r="AM30285">
        <v>24</v>
      </c>
      <c r="AN30285">
        <v>24</v>
      </c>
      <c r="AO30285">
        <v>24</v>
      </c>
      <c r="AP30285">
        <v>25</v>
      </c>
      <c r="AQ30285">
        <v>25</v>
      </c>
    </row>
    <row r="30286" spans="1:43">
      <c r="A30286" t="s">
        <v>18767</v>
      </c>
      <c r="B30286" t="s">
        <v>18768</v>
      </c>
      <c r="C30286" t="s">
        <v>18753</v>
      </c>
      <c r="D30286" t="s">
        <v>18754</v>
      </c>
      <c r="E30286" t="s">
        <v>18691</v>
      </c>
      <c r="F30286" t="s">
        <v>18692</v>
      </c>
      <c r="G30286" t="s">
        <v>10734</v>
      </c>
      <c r="H30286" t="s">
        <v>10735</v>
      </c>
      <c r="I30286" s="2">
        <v>0</v>
      </c>
      <c r="J30286" s="2">
        <v>0</v>
      </c>
      <c r="K30286" s="2">
        <v>1</v>
      </c>
      <c r="L30286" t="s">
        <v>995</v>
      </c>
      <c r="M30286" t="s">
        <v>83</v>
      </c>
      <c r="N30286" t="s">
        <v>84</v>
      </c>
      <c r="O30286" t="s">
        <v>85</v>
      </c>
      <c r="P30286" t="s">
        <v>86</v>
      </c>
      <c r="Q30286">
        <v>8</v>
      </c>
      <c r="R30286">
        <v>8</v>
      </c>
      <c r="S30286">
        <v>9</v>
      </c>
      <c r="T30286">
        <v>9</v>
      </c>
      <c r="U30286">
        <v>9</v>
      </c>
      <c r="V30286">
        <v>9</v>
      </c>
      <c r="W30286">
        <v>10</v>
      </c>
      <c r="X30286">
        <v>10</v>
      </c>
      <c r="Y30286">
        <v>10</v>
      </c>
      <c r="Z30286">
        <v>10</v>
      </c>
      <c r="AA30286">
        <v>11</v>
      </c>
      <c r="AB30286">
        <v>11</v>
      </c>
      <c r="AC30286">
        <v>11</v>
      </c>
      <c r="AD30286">
        <v>11</v>
      </c>
      <c r="AE30286">
        <v>12</v>
      </c>
      <c r="AF30286">
        <v>12</v>
      </c>
      <c r="AG30286">
        <v>12</v>
      </c>
      <c r="AH30286">
        <v>13</v>
      </c>
      <c r="AI30286">
        <v>13</v>
      </c>
      <c r="AJ30286">
        <v>13</v>
      </c>
      <c r="AK30286">
        <v>13</v>
      </c>
      <c r="AL30286">
        <v>14</v>
      </c>
      <c r="AM30286">
        <v>14</v>
      </c>
      <c r="AN30286">
        <v>14</v>
      </c>
      <c r="AO30286">
        <v>14</v>
      </c>
      <c r="AP30286">
        <v>14</v>
      </c>
      <c r="AQ30286">
        <v>15</v>
      </c>
    </row>
    <row r="30287" spans="1:43">
      <c r="A30287" t="s">
        <v>18767</v>
      </c>
      <c r="B30287" t="s">
        <v>18768</v>
      </c>
      <c r="C30287" t="s">
        <v>18753</v>
      </c>
      <c r="D30287" t="s">
        <v>18754</v>
      </c>
      <c r="E30287" t="s">
        <v>18691</v>
      </c>
      <c r="F30287" t="s">
        <v>18692</v>
      </c>
      <c r="G30287" t="s">
        <v>10734</v>
      </c>
      <c r="H30287" t="s">
        <v>10735</v>
      </c>
      <c r="I30287" s="2">
        <v>0</v>
      </c>
      <c r="J30287" s="2">
        <v>0</v>
      </c>
      <c r="K30287" s="2">
        <v>1</v>
      </c>
      <c r="L30287" t="s">
        <v>995</v>
      </c>
      <c r="M30287" t="s">
        <v>87</v>
      </c>
      <c r="N30287" t="s">
        <v>88</v>
      </c>
      <c r="O30287" t="s">
        <v>85</v>
      </c>
      <c r="P30287" t="s">
        <v>86</v>
      </c>
      <c r="Q30287">
        <v>8</v>
      </c>
      <c r="R30287">
        <v>8</v>
      </c>
      <c r="S30287">
        <v>8</v>
      </c>
      <c r="T30287">
        <v>9</v>
      </c>
      <c r="U30287">
        <v>9</v>
      </c>
      <c r="V30287">
        <v>9</v>
      </c>
      <c r="W30287">
        <v>9</v>
      </c>
      <c r="X30287">
        <v>9</v>
      </c>
      <c r="Y30287">
        <v>9</v>
      </c>
      <c r="Z30287">
        <v>9</v>
      </c>
      <c r="AA30287">
        <v>10</v>
      </c>
      <c r="AB30287">
        <v>10</v>
      </c>
      <c r="AC30287">
        <v>10</v>
      </c>
      <c r="AD30287">
        <v>10</v>
      </c>
      <c r="AE30287">
        <v>10</v>
      </c>
      <c r="AF30287">
        <v>11</v>
      </c>
      <c r="AG30287">
        <v>11</v>
      </c>
      <c r="AH30287">
        <v>11</v>
      </c>
      <c r="AI30287">
        <v>11</v>
      </c>
      <c r="AJ30287">
        <v>11</v>
      </c>
      <c r="AK30287">
        <v>11</v>
      </c>
      <c r="AL30287">
        <v>12</v>
      </c>
      <c r="AM30287">
        <v>12</v>
      </c>
      <c r="AN30287">
        <v>12</v>
      </c>
      <c r="AO30287">
        <v>12</v>
      </c>
      <c r="AP30287">
        <v>12</v>
      </c>
      <c r="AQ30287">
        <v>13</v>
      </c>
    </row>
    <row r="30288" spans="1:43">
      <c r="A30288" t="s">
        <v>18767</v>
      </c>
      <c r="B30288" t="s">
        <v>18768</v>
      </c>
      <c r="C30288" t="s">
        <v>18753</v>
      </c>
      <c r="D30288" t="s">
        <v>18754</v>
      </c>
      <c r="E30288" t="s">
        <v>18691</v>
      </c>
      <c r="F30288" t="s">
        <v>18692</v>
      </c>
      <c r="G30288" t="s">
        <v>10734</v>
      </c>
      <c r="H30288" t="s">
        <v>10735</v>
      </c>
      <c r="I30288" s="2">
        <v>0</v>
      </c>
      <c r="J30288" s="2">
        <v>0</v>
      </c>
      <c r="K30288" s="2">
        <v>1</v>
      </c>
      <c r="L30288" t="s">
        <v>995</v>
      </c>
      <c r="M30288" t="s">
        <v>89</v>
      </c>
      <c r="N30288" t="s">
        <v>90</v>
      </c>
      <c r="O30288" t="s">
        <v>85</v>
      </c>
      <c r="P30288" t="s">
        <v>86</v>
      </c>
      <c r="Q30288">
        <v>8</v>
      </c>
      <c r="R30288">
        <v>9</v>
      </c>
      <c r="S30288">
        <v>9</v>
      </c>
      <c r="T30288">
        <v>9</v>
      </c>
      <c r="U30288">
        <v>9</v>
      </c>
      <c r="V30288">
        <v>10</v>
      </c>
      <c r="W30288">
        <v>10</v>
      </c>
      <c r="X30288">
        <v>10</v>
      </c>
      <c r="Y30288">
        <v>11</v>
      </c>
      <c r="Z30288">
        <v>11</v>
      </c>
      <c r="AA30288">
        <v>11</v>
      </c>
      <c r="AB30288">
        <v>12</v>
      </c>
      <c r="AC30288">
        <v>12</v>
      </c>
      <c r="AD30288">
        <v>12</v>
      </c>
      <c r="AE30288">
        <v>12</v>
      </c>
      <c r="AF30288">
        <v>13</v>
      </c>
      <c r="AG30288">
        <v>13</v>
      </c>
      <c r="AH30288">
        <v>13</v>
      </c>
      <c r="AI30288">
        <v>13</v>
      </c>
      <c r="AJ30288">
        <v>13</v>
      </c>
      <c r="AK30288">
        <v>14</v>
      </c>
      <c r="AL30288">
        <v>14</v>
      </c>
      <c r="AM30288">
        <v>14</v>
      </c>
      <c r="AN30288">
        <v>14</v>
      </c>
      <c r="AO30288">
        <v>14</v>
      </c>
      <c r="AP30288">
        <v>14</v>
      </c>
      <c r="AQ30288">
        <v>15</v>
      </c>
    </row>
    <row r="30289" spans="1:43">
      <c r="A30289" t="s">
        <v>18767</v>
      </c>
      <c r="B30289" t="s">
        <v>18768</v>
      </c>
      <c r="C30289" t="s">
        <v>18753</v>
      </c>
      <c r="D30289" t="s">
        <v>18754</v>
      </c>
      <c r="E30289" t="s">
        <v>18691</v>
      </c>
      <c r="F30289" t="s">
        <v>18692</v>
      </c>
      <c r="G30289" t="s">
        <v>10734</v>
      </c>
      <c r="H30289" t="s">
        <v>10735</v>
      </c>
      <c r="I30289" s="2">
        <v>0</v>
      </c>
      <c r="J30289" s="2">
        <v>0</v>
      </c>
      <c r="K30289" s="2">
        <v>1</v>
      </c>
      <c r="L30289" t="s">
        <v>995</v>
      </c>
      <c r="M30289" t="s">
        <v>83</v>
      </c>
      <c r="N30289" t="s">
        <v>91</v>
      </c>
      <c r="O30289" t="s">
        <v>85</v>
      </c>
      <c r="P30289" t="s">
        <v>86</v>
      </c>
      <c r="Q30289">
        <v>8</v>
      </c>
      <c r="R30289">
        <v>8</v>
      </c>
      <c r="S30289">
        <v>9</v>
      </c>
      <c r="T30289">
        <v>9</v>
      </c>
      <c r="U30289">
        <v>9</v>
      </c>
      <c r="V30289">
        <v>9</v>
      </c>
      <c r="W30289">
        <v>10</v>
      </c>
      <c r="X30289">
        <v>10</v>
      </c>
      <c r="Y30289">
        <v>10</v>
      </c>
      <c r="Z30289">
        <v>10</v>
      </c>
      <c r="AA30289">
        <v>11</v>
      </c>
      <c r="AB30289">
        <v>11</v>
      </c>
      <c r="AC30289">
        <v>11</v>
      </c>
      <c r="AD30289">
        <v>11</v>
      </c>
      <c r="AE30289">
        <v>12</v>
      </c>
      <c r="AF30289">
        <v>12</v>
      </c>
      <c r="AG30289">
        <v>12</v>
      </c>
      <c r="AH30289">
        <v>13</v>
      </c>
      <c r="AI30289">
        <v>13</v>
      </c>
      <c r="AJ30289">
        <v>13</v>
      </c>
      <c r="AK30289">
        <v>13</v>
      </c>
      <c r="AL30289">
        <v>14</v>
      </c>
      <c r="AM30289">
        <v>14</v>
      </c>
      <c r="AN30289">
        <v>14</v>
      </c>
      <c r="AO30289">
        <v>14</v>
      </c>
      <c r="AP30289">
        <v>14</v>
      </c>
      <c r="AQ30289">
        <v>15</v>
      </c>
    </row>
    <row r="30290" spans="1:43">
      <c r="A30290" t="s">
        <v>18769</v>
      </c>
      <c r="B30290" t="s">
        <v>18770</v>
      </c>
      <c r="C30290" t="s">
        <v>18717</v>
      </c>
      <c r="D30290" t="s">
        <v>18718</v>
      </c>
      <c r="E30290" t="s">
        <v>18691</v>
      </c>
      <c r="F30290" t="s">
        <v>18692</v>
      </c>
      <c r="G30290" t="s">
        <v>10734</v>
      </c>
      <c r="H30290" t="s">
        <v>10735</v>
      </c>
      <c r="I30290" s="2">
        <v>0</v>
      </c>
      <c r="J30290" s="2">
        <v>0</v>
      </c>
      <c r="K30290" s="2">
        <v>1</v>
      </c>
      <c r="L30290" t="s">
        <v>995</v>
      </c>
      <c r="M30290" t="s">
        <v>83</v>
      </c>
      <c r="N30290" t="s">
        <v>84</v>
      </c>
      <c r="O30290" t="s">
        <v>85</v>
      </c>
      <c r="P30290" t="s">
        <v>86</v>
      </c>
      <c r="Q30290">
        <v>11</v>
      </c>
      <c r="R30290">
        <v>12</v>
      </c>
      <c r="S30290">
        <v>12</v>
      </c>
      <c r="T30290">
        <v>12</v>
      </c>
      <c r="U30290">
        <v>12</v>
      </c>
      <c r="V30290">
        <v>12</v>
      </c>
      <c r="W30290">
        <v>12</v>
      </c>
      <c r="X30290">
        <v>12</v>
      </c>
      <c r="Y30290">
        <v>13</v>
      </c>
      <c r="Z30290">
        <v>13</v>
      </c>
      <c r="AA30290">
        <v>13</v>
      </c>
      <c r="AB30290">
        <v>13</v>
      </c>
      <c r="AC30290">
        <v>13</v>
      </c>
      <c r="AD30290">
        <v>13</v>
      </c>
      <c r="AE30290">
        <v>13</v>
      </c>
      <c r="AF30290">
        <v>13</v>
      </c>
      <c r="AG30290">
        <v>13</v>
      </c>
      <c r="AH30290">
        <v>14</v>
      </c>
      <c r="AI30290">
        <v>14</v>
      </c>
      <c r="AJ30290">
        <v>14</v>
      </c>
      <c r="AK30290">
        <v>14</v>
      </c>
      <c r="AL30290">
        <v>14</v>
      </c>
      <c r="AM30290">
        <v>14</v>
      </c>
      <c r="AN30290">
        <v>14</v>
      </c>
      <c r="AO30290">
        <v>14</v>
      </c>
      <c r="AP30290">
        <v>14</v>
      </c>
      <c r="AQ30290">
        <v>14</v>
      </c>
    </row>
    <row r="30291" spans="1:43">
      <c r="A30291" t="s">
        <v>18769</v>
      </c>
      <c r="B30291" t="s">
        <v>18770</v>
      </c>
      <c r="C30291" t="s">
        <v>18717</v>
      </c>
      <c r="D30291" t="s">
        <v>18718</v>
      </c>
      <c r="E30291" t="s">
        <v>18691</v>
      </c>
      <c r="F30291" t="s">
        <v>18692</v>
      </c>
      <c r="G30291" t="s">
        <v>10734</v>
      </c>
      <c r="H30291" t="s">
        <v>10735</v>
      </c>
      <c r="I30291" s="2">
        <v>0</v>
      </c>
      <c r="J30291" s="2">
        <v>0</v>
      </c>
      <c r="K30291" s="2">
        <v>1</v>
      </c>
      <c r="L30291" t="s">
        <v>995</v>
      </c>
      <c r="M30291" t="s">
        <v>87</v>
      </c>
      <c r="N30291" t="s">
        <v>88</v>
      </c>
      <c r="O30291" t="s">
        <v>85</v>
      </c>
      <c r="P30291" t="s">
        <v>86</v>
      </c>
      <c r="Q30291">
        <v>11</v>
      </c>
      <c r="R30291">
        <v>11</v>
      </c>
      <c r="S30291">
        <v>11</v>
      </c>
      <c r="T30291">
        <v>11</v>
      </c>
      <c r="U30291">
        <v>11</v>
      </c>
      <c r="V30291">
        <v>12</v>
      </c>
      <c r="W30291">
        <v>12</v>
      </c>
      <c r="X30291">
        <v>12</v>
      </c>
      <c r="Y30291">
        <v>12</v>
      </c>
      <c r="Z30291">
        <v>12</v>
      </c>
      <c r="AA30291">
        <v>12</v>
      </c>
      <c r="AB30291">
        <v>12</v>
      </c>
      <c r="AC30291">
        <v>12</v>
      </c>
      <c r="AD30291">
        <v>12</v>
      </c>
      <c r="AE30291">
        <v>12</v>
      </c>
      <c r="AF30291">
        <v>12</v>
      </c>
      <c r="AG30291">
        <v>12</v>
      </c>
      <c r="AH30291">
        <v>12</v>
      </c>
      <c r="AI30291">
        <v>12</v>
      </c>
      <c r="AJ30291">
        <v>12</v>
      </c>
      <c r="AK30291">
        <v>12</v>
      </c>
      <c r="AL30291">
        <v>12</v>
      </c>
      <c r="AM30291">
        <v>12</v>
      </c>
      <c r="AN30291">
        <v>12</v>
      </c>
      <c r="AO30291">
        <v>12</v>
      </c>
      <c r="AP30291">
        <v>12</v>
      </c>
      <c r="AQ30291">
        <v>12</v>
      </c>
    </row>
    <row r="30292" spans="1:43">
      <c r="A30292" t="s">
        <v>18769</v>
      </c>
      <c r="B30292" t="s">
        <v>18770</v>
      </c>
      <c r="C30292" t="s">
        <v>18717</v>
      </c>
      <c r="D30292" t="s">
        <v>18718</v>
      </c>
      <c r="E30292" t="s">
        <v>18691</v>
      </c>
      <c r="F30292" t="s">
        <v>18692</v>
      </c>
      <c r="G30292" t="s">
        <v>10734</v>
      </c>
      <c r="H30292" t="s">
        <v>10735</v>
      </c>
      <c r="I30292" s="2">
        <v>0</v>
      </c>
      <c r="J30292" s="2">
        <v>0</v>
      </c>
      <c r="K30292" s="2">
        <v>1</v>
      </c>
      <c r="L30292" t="s">
        <v>995</v>
      </c>
      <c r="M30292" t="s">
        <v>89</v>
      </c>
      <c r="N30292" t="s">
        <v>90</v>
      </c>
      <c r="O30292" t="s">
        <v>85</v>
      </c>
      <c r="P30292" t="s">
        <v>86</v>
      </c>
      <c r="Q30292">
        <v>11</v>
      </c>
      <c r="R30292">
        <v>11</v>
      </c>
      <c r="S30292">
        <v>11</v>
      </c>
      <c r="T30292">
        <v>11</v>
      </c>
      <c r="U30292">
        <v>11</v>
      </c>
      <c r="V30292">
        <v>12</v>
      </c>
      <c r="W30292">
        <v>12</v>
      </c>
      <c r="X30292">
        <v>12</v>
      </c>
      <c r="Y30292">
        <v>12</v>
      </c>
      <c r="Z30292">
        <v>12</v>
      </c>
      <c r="AA30292">
        <v>13</v>
      </c>
      <c r="AB30292">
        <v>13</v>
      </c>
      <c r="AC30292">
        <v>13</v>
      </c>
      <c r="AD30292">
        <v>13</v>
      </c>
      <c r="AE30292">
        <v>13</v>
      </c>
      <c r="AF30292">
        <v>13</v>
      </c>
      <c r="AG30292">
        <v>13</v>
      </c>
      <c r="AH30292">
        <v>13</v>
      </c>
      <c r="AI30292">
        <v>13</v>
      </c>
      <c r="AJ30292">
        <v>13</v>
      </c>
      <c r="AK30292">
        <v>13</v>
      </c>
      <c r="AL30292">
        <v>13</v>
      </c>
      <c r="AM30292">
        <v>13</v>
      </c>
      <c r="AN30292">
        <v>13</v>
      </c>
      <c r="AO30292">
        <v>13</v>
      </c>
      <c r="AP30292">
        <v>13</v>
      </c>
      <c r="AQ30292">
        <v>13</v>
      </c>
    </row>
    <row r="30293" spans="1:43">
      <c r="A30293" t="s">
        <v>18769</v>
      </c>
      <c r="B30293" t="s">
        <v>18770</v>
      </c>
      <c r="C30293" t="s">
        <v>18717</v>
      </c>
      <c r="D30293" t="s">
        <v>18718</v>
      </c>
      <c r="E30293" t="s">
        <v>18691</v>
      </c>
      <c r="F30293" t="s">
        <v>18692</v>
      </c>
      <c r="G30293" t="s">
        <v>10734</v>
      </c>
      <c r="H30293" t="s">
        <v>10735</v>
      </c>
      <c r="I30293" s="2">
        <v>0</v>
      </c>
      <c r="J30293" s="2">
        <v>0</v>
      </c>
      <c r="K30293" s="2">
        <v>1</v>
      </c>
      <c r="L30293" t="s">
        <v>995</v>
      </c>
      <c r="M30293" t="s">
        <v>83</v>
      </c>
      <c r="N30293" t="s">
        <v>91</v>
      </c>
      <c r="O30293" t="s">
        <v>85</v>
      </c>
      <c r="P30293" t="s">
        <v>86</v>
      </c>
      <c r="Q30293">
        <v>11</v>
      </c>
      <c r="R30293">
        <v>12</v>
      </c>
      <c r="S30293">
        <v>12</v>
      </c>
      <c r="T30293">
        <v>12</v>
      </c>
      <c r="U30293">
        <v>12</v>
      </c>
      <c r="V30293">
        <v>12</v>
      </c>
      <c r="W30293">
        <v>12</v>
      </c>
      <c r="X30293">
        <v>12</v>
      </c>
      <c r="Y30293">
        <v>13</v>
      </c>
      <c r="Z30293">
        <v>13</v>
      </c>
      <c r="AA30293">
        <v>13</v>
      </c>
      <c r="AB30293">
        <v>13</v>
      </c>
      <c r="AC30293">
        <v>13</v>
      </c>
      <c r="AD30293">
        <v>13</v>
      </c>
      <c r="AE30293">
        <v>13</v>
      </c>
      <c r="AF30293">
        <v>13</v>
      </c>
      <c r="AG30293">
        <v>13</v>
      </c>
      <c r="AH30293">
        <v>14</v>
      </c>
      <c r="AI30293">
        <v>14</v>
      </c>
      <c r="AJ30293">
        <v>14</v>
      </c>
      <c r="AK30293">
        <v>14</v>
      </c>
      <c r="AL30293">
        <v>14</v>
      </c>
      <c r="AM30293">
        <v>14</v>
      </c>
      <c r="AN30293">
        <v>14</v>
      </c>
      <c r="AO30293">
        <v>14</v>
      </c>
      <c r="AP30293">
        <v>14</v>
      </c>
      <c r="AQ30293">
        <v>14</v>
      </c>
    </row>
    <row r="30294" spans="1:43">
      <c r="A30294" t="s">
        <v>18771</v>
      </c>
      <c r="B30294" t="s">
        <v>18772</v>
      </c>
      <c r="C30294" t="s">
        <v>18717</v>
      </c>
      <c r="D30294" t="s">
        <v>18718</v>
      </c>
      <c r="E30294" t="s">
        <v>18691</v>
      </c>
      <c r="F30294" t="s">
        <v>18692</v>
      </c>
      <c r="G30294" t="s">
        <v>10734</v>
      </c>
      <c r="H30294" t="s">
        <v>10735</v>
      </c>
      <c r="I30294" s="2">
        <v>0</v>
      </c>
      <c r="J30294" s="2">
        <v>0</v>
      </c>
      <c r="K30294" s="2">
        <v>1</v>
      </c>
      <c r="L30294" t="s">
        <v>995</v>
      </c>
      <c r="M30294" t="s">
        <v>83</v>
      </c>
      <c r="N30294" t="s">
        <v>84</v>
      </c>
      <c r="O30294" t="s">
        <v>85</v>
      </c>
      <c r="P30294" t="s">
        <v>86</v>
      </c>
      <c r="Q30294">
        <v>8</v>
      </c>
      <c r="R30294">
        <v>9</v>
      </c>
      <c r="S30294">
        <v>9</v>
      </c>
      <c r="T30294">
        <v>9</v>
      </c>
      <c r="U30294">
        <v>9</v>
      </c>
      <c r="V30294">
        <v>9</v>
      </c>
      <c r="W30294">
        <v>10</v>
      </c>
      <c r="X30294">
        <v>10</v>
      </c>
      <c r="Y30294">
        <v>10</v>
      </c>
      <c r="Z30294">
        <v>11</v>
      </c>
      <c r="AA30294">
        <v>11</v>
      </c>
      <c r="AB30294">
        <v>11</v>
      </c>
      <c r="AC30294">
        <v>11</v>
      </c>
      <c r="AD30294">
        <v>12</v>
      </c>
      <c r="AE30294">
        <v>12</v>
      </c>
      <c r="AF30294">
        <v>12</v>
      </c>
      <c r="AG30294">
        <v>12</v>
      </c>
      <c r="AH30294">
        <v>13</v>
      </c>
      <c r="AI30294">
        <v>13</v>
      </c>
      <c r="AJ30294">
        <v>13</v>
      </c>
      <c r="AK30294">
        <v>14</v>
      </c>
      <c r="AL30294">
        <v>14</v>
      </c>
      <c r="AM30294">
        <v>14</v>
      </c>
      <c r="AN30294">
        <v>14</v>
      </c>
      <c r="AO30294">
        <v>14</v>
      </c>
      <c r="AP30294">
        <v>15</v>
      </c>
      <c r="AQ30294">
        <v>15</v>
      </c>
    </row>
    <row r="30295" spans="1:43">
      <c r="A30295" t="s">
        <v>18771</v>
      </c>
      <c r="B30295" t="s">
        <v>18772</v>
      </c>
      <c r="C30295" t="s">
        <v>18717</v>
      </c>
      <c r="D30295" t="s">
        <v>18718</v>
      </c>
      <c r="E30295" t="s">
        <v>18691</v>
      </c>
      <c r="F30295" t="s">
        <v>18692</v>
      </c>
      <c r="G30295" t="s">
        <v>10734</v>
      </c>
      <c r="H30295" t="s">
        <v>10735</v>
      </c>
      <c r="I30295" s="2">
        <v>0</v>
      </c>
      <c r="J30295" s="2">
        <v>0</v>
      </c>
      <c r="K30295" s="2">
        <v>1</v>
      </c>
      <c r="L30295" t="s">
        <v>995</v>
      </c>
      <c r="M30295" t="s">
        <v>87</v>
      </c>
      <c r="N30295" t="s">
        <v>88</v>
      </c>
      <c r="O30295" t="s">
        <v>85</v>
      </c>
      <c r="P30295" t="s">
        <v>86</v>
      </c>
      <c r="Q30295">
        <v>8</v>
      </c>
      <c r="R30295">
        <v>8</v>
      </c>
      <c r="S30295">
        <v>9</v>
      </c>
      <c r="T30295">
        <v>9</v>
      </c>
      <c r="U30295">
        <v>9</v>
      </c>
      <c r="V30295">
        <v>9</v>
      </c>
      <c r="W30295">
        <v>9</v>
      </c>
      <c r="X30295">
        <v>9</v>
      </c>
      <c r="Y30295">
        <v>9</v>
      </c>
      <c r="Z30295">
        <v>10</v>
      </c>
      <c r="AA30295">
        <v>10</v>
      </c>
      <c r="AB30295">
        <v>10</v>
      </c>
      <c r="AC30295">
        <v>10</v>
      </c>
      <c r="AD30295">
        <v>10</v>
      </c>
      <c r="AE30295">
        <v>11</v>
      </c>
      <c r="AF30295">
        <v>11</v>
      </c>
      <c r="AG30295">
        <v>11</v>
      </c>
      <c r="AH30295">
        <v>11</v>
      </c>
      <c r="AI30295">
        <v>11</v>
      </c>
      <c r="AJ30295">
        <v>11</v>
      </c>
      <c r="AK30295">
        <v>12</v>
      </c>
      <c r="AL30295">
        <v>12</v>
      </c>
      <c r="AM30295">
        <v>12</v>
      </c>
      <c r="AN30295">
        <v>12</v>
      </c>
      <c r="AO30295">
        <v>13</v>
      </c>
      <c r="AP30295">
        <v>13</v>
      </c>
      <c r="AQ30295">
        <v>13</v>
      </c>
    </row>
    <row r="30296" spans="1:43">
      <c r="A30296" t="s">
        <v>18771</v>
      </c>
      <c r="B30296" t="s">
        <v>18772</v>
      </c>
      <c r="C30296" t="s">
        <v>18717</v>
      </c>
      <c r="D30296" t="s">
        <v>18718</v>
      </c>
      <c r="E30296" t="s">
        <v>18691</v>
      </c>
      <c r="F30296" t="s">
        <v>18692</v>
      </c>
      <c r="G30296" t="s">
        <v>10734</v>
      </c>
      <c r="H30296" t="s">
        <v>10735</v>
      </c>
      <c r="I30296" s="2">
        <v>0</v>
      </c>
      <c r="J30296" s="2">
        <v>0</v>
      </c>
      <c r="K30296" s="2">
        <v>1</v>
      </c>
      <c r="L30296" t="s">
        <v>995</v>
      </c>
      <c r="M30296" t="s">
        <v>89</v>
      </c>
      <c r="N30296" t="s">
        <v>90</v>
      </c>
      <c r="O30296" t="s">
        <v>85</v>
      </c>
      <c r="P30296" t="s">
        <v>86</v>
      </c>
      <c r="Q30296">
        <v>8</v>
      </c>
      <c r="R30296">
        <v>9</v>
      </c>
      <c r="S30296">
        <v>9</v>
      </c>
      <c r="T30296">
        <v>9</v>
      </c>
      <c r="U30296">
        <v>10</v>
      </c>
      <c r="V30296">
        <v>10</v>
      </c>
      <c r="W30296">
        <v>10</v>
      </c>
      <c r="X30296">
        <v>11</v>
      </c>
      <c r="Y30296">
        <v>11</v>
      </c>
      <c r="Z30296">
        <v>11</v>
      </c>
      <c r="AA30296">
        <v>11</v>
      </c>
      <c r="AB30296">
        <v>12</v>
      </c>
      <c r="AC30296">
        <v>12</v>
      </c>
      <c r="AD30296">
        <v>12</v>
      </c>
      <c r="AE30296">
        <v>13</v>
      </c>
      <c r="AF30296">
        <v>13</v>
      </c>
      <c r="AG30296">
        <v>13</v>
      </c>
      <c r="AH30296">
        <v>13</v>
      </c>
      <c r="AI30296">
        <v>13</v>
      </c>
      <c r="AJ30296">
        <v>14</v>
      </c>
      <c r="AK30296">
        <v>14</v>
      </c>
      <c r="AL30296">
        <v>14</v>
      </c>
      <c r="AM30296">
        <v>14</v>
      </c>
      <c r="AN30296">
        <v>14</v>
      </c>
      <c r="AO30296">
        <v>15</v>
      </c>
      <c r="AP30296">
        <v>15</v>
      </c>
      <c r="AQ30296">
        <v>15</v>
      </c>
    </row>
    <row r="30297" spans="1:43">
      <c r="A30297" t="s">
        <v>18771</v>
      </c>
      <c r="B30297" t="s">
        <v>18772</v>
      </c>
      <c r="C30297" t="s">
        <v>18717</v>
      </c>
      <c r="D30297" t="s">
        <v>18718</v>
      </c>
      <c r="E30297" t="s">
        <v>18691</v>
      </c>
      <c r="F30297" t="s">
        <v>18692</v>
      </c>
      <c r="G30297" t="s">
        <v>10734</v>
      </c>
      <c r="H30297" t="s">
        <v>10735</v>
      </c>
      <c r="I30297" s="2">
        <v>0</v>
      </c>
      <c r="J30297" s="2">
        <v>0</v>
      </c>
      <c r="K30297" s="2">
        <v>1</v>
      </c>
      <c r="L30297" t="s">
        <v>995</v>
      </c>
      <c r="M30297" t="s">
        <v>83</v>
      </c>
      <c r="N30297" t="s">
        <v>91</v>
      </c>
      <c r="O30297" t="s">
        <v>85</v>
      </c>
      <c r="P30297" t="s">
        <v>86</v>
      </c>
      <c r="Q30297">
        <v>8</v>
      </c>
      <c r="R30297">
        <v>9</v>
      </c>
      <c r="S30297">
        <v>9</v>
      </c>
      <c r="T30297">
        <v>9</v>
      </c>
      <c r="U30297">
        <v>9</v>
      </c>
      <c r="V30297">
        <v>9</v>
      </c>
      <c r="W30297">
        <v>10</v>
      </c>
      <c r="X30297">
        <v>10</v>
      </c>
      <c r="Y30297">
        <v>10</v>
      </c>
      <c r="Z30297">
        <v>11</v>
      </c>
      <c r="AA30297">
        <v>11</v>
      </c>
      <c r="AB30297">
        <v>11</v>
      </c>
      <c r="AC30297">
        <v>11</v>
      </c>
      <c r="AD30297">
        <v>12</v>
      </c>
      <c r="AE30297">
        <v>12</v>
      </c>
      <c r="AF30297">
        <v>12</v>
      </c>
      <c r="AG30297">
        <v>12</v>
      </c>
      <c r="AH30297">
        <v>13</v>
      </c>
      <c r="AI30297">
        <v>13</v>
      </c>
      <c r="AJ30297">
        <v>13</v>
      </c>
      <c r="AK30297">
        <v>14</v>
      </c>
      <c r="AL30297">
        <v>14</v>
      </c>
      <c r="AM30297">
        <v>14</v>
      </c>
      <c r="AN30297">
        <v>14</v>
      </c>
      <c r="AO30297">
        <v>14</v>
      </c>
      <c r="AP30297">
        <v>15</v>
      </c>
      <c r="AQ30297">
        <v>15</v>
      </c>
    </row>
    <row r="30298" spans="1:43">
      <c r="A30298" t="s">
        <v>18773</v>
      </c>
      <c r="B30298" t="s">
        <v>18774</v>
      </c>
      <c r="C30298" t="s">
        <v>18757</v>
      </c>
      <c r="D30298" t="s">
        <v>18758</v>
      </c>
      <c r="E30298" t="s">
        <v>18691</v>
      </c>
      <c r="F30298" t="s">
        <v>18692</v>
      </c>
      <c r="G30298" t="s">
        <v>10734</v>
      </c>
      <c r="H30298" t="s">
        <v>10735</v>
      </c>
      <c r="I30298" s="2">
        <v>0</v>
      </c>
      <c r="J30298" s="2">
        <v>0</v>
      </c>
      <c r="K30298" s="2">
        <v>1</v>
      </c>
      <c r="L30298" t="s">
        <v>995</v>
      </c>
      <c r="M30298" t="s">
        <v>83</v>
      </c>
      <c r="N30298" t="s">
        <v>84</v>
      </c>
      <c r="O30298" t="s">
        <v>85</v>
      </c>
      <c r="P30298" t="s">
        <v>86</v>
      </c>
      <c r="Q30298">
        <v>16</v>
      </c>
      <c r="R30298">
        <v>16</v>
      </c>
      <c r="S30298">
        <v>17</v>
      </c>
      <c r="T30298">
        <v>17</v>
      </c>
      <c r="U30298">
        <v>18</v>
      </c>
      <c r="V30298">
        <v>18</v>
      </c>
      <c r="W30298">
        <v>19</v>
      </c>
      <c r="X30298">
        <v>19</v>
      </c>
      <c r="Y30298">
        <v>20</v>
      </c>
      <c r="Z30298">
        <v>20</v>
      </c>
      <c r="AA30298">
        <v>21</v>
      </c>
      <c r="AB30298">
        <v>21</v>
      </c>
      <c r="AC30298">
        <v>22</v>
      </c>
      <c r="AD30298">
        <v>22</v>
      </c>
      <c r="AE30298">
        <v>23</v>
      </c>
      <c r="AF30298">
        <v>23</v>
      </c>
      <c r="AG30298">
        <v>24</v>
      </c>
      <c r="AH30298">
        <v>24</v>
      </c>
      <c r="AI30298">
        <v>25</v>
      </c>
      <c r="AJ30298">
        <v>26</v>
      </c>
      <c r="AK30298">
        <v>26</v>
      </c>
      <c r="AL30298">
        <v>27</v>
      </c>
      <c r="AM30298">
        <v>27</v>
      </c>
      <c r="AN30298">
        <v>27</v>
      </c>
      <c r="AO30298">
        <v>28</v>
      </c>
      <c r="AP30298">
        <v>28</v>
      </c>
      <c r="AQ30298">
        <v>28</v>
      </c>
    </row>
    <row r="30299" spans="1:43">
      <c r="A30299" t="s">
        <v>18773</v>
      </c>
      <c r="B30299" t="s">
        <v>18774</v>
      </c>
      <c r="C30299" t="s">
        <v>18757</v>
      </c>
      <c r="D30299" t="s">
        <v>18758</v>
      </c>
      <c r="E30299" t="s">
        <v>18691</v>
      </c>
      <c r="F30299" t="s">
        <v>18692</v>
      </c>
      <c r="G30299" t="s">
        <v>10734</v>
      </c>
      <c r="H30299" t="s">
        <v>10735</v>
      </c>
      <c r="I30299" s="2">
        <v>0</v>
      </c>
      <c r="J30299" s="2">
        <v>0</v>
      </c>
      <c r="K30299" s="2">
        <v>1</v>
      </c>
      <c r="L30299" t="s">
        <v>995</v>
      </c>
      <c r="M30299" t="s">
        <v>87</v>
      </c>
      <c r="N30299" t="s">
        <v>88</v>
      </c>
      <c r="O30299" t="s">
        <v>85</v>
      </c>
      <c r="P30299" t="s">
        <v>86</v>
      </c>
      <c r="Q30299">
        <v>16</v>
      </c>
      <c r="R30299">
        <v>16</v>
      </c>
      <c r="S30299">
        <v>16</v>
      </c>
      <c r="T30299">
        <v>17</v>
      </c>
      <c r="U30299">
        <v>17</v>
      </c>
      <c r="V30299">
        <v>17</v>
      </c>
      <c r="W30299">
        <v>17</v>
      </c>
      <c r="X30299">
        <v>18</v>
      </c>
      <c r="Y30299">
        <v>18</v>
      </c>
      <c r="Z30299">
        <v>18</v>
      </c>
      <c r="AA30299">
        <v>19</v>
      </c>
      <c r="AB30299">
        <v>19</v>
      </c>
      <c r="AC30299">
        <v>19</v>
      </c>
      <c r="AD30299">
        <v>20</v>
      </c>
      <c r="AE30299">
        <v>20</v>
      </c>
      <c r="AF30299">
        <v>20</v>
      </c>
      <c r="AG30299">
        <v>21</v>
      </c>
      <c r="AH30299">
        <v>21</v>
      </c>
      <c r="AI30299">
        <v>21</v>
      </c>
      <c r="AJ30299">
        <v>22</v>
      </c>
      <c r="AK30299">
        <v>22</v>
      </c>
      <c r="AL30299">
        <v>23</v>
      </c>
      <c r="AM30299">
        <v>23</v>
      </c>
      <c r="AN30299">
        <v>23</v>
      </c>
      <c r="AO30299">
        <v>24</v>
      </c>
      <c r="AP30299">
        <v>24</v>
      </c>
      <c r="AQ30299">
        <v>25</v>
      </c>
    </row>
    <row r="30300" spans="1:43">
      <c r="A30300" t="s">
        <v>18773</v>
      </c>
      <c r="B30300" t="s">
        <v>18774</v>
      </c>
      <c r="C30300" t="s">
        <v>18757</v>
      </c>
      <c r="D30300" t="s">
        <v>18758</v>
      </c>
      <c r="E30300" t="s">
        <v>18691</v>
      </c>
      <c r="F30300" t="s">
        <v>18692</v>
      </c>
      <c r="G30300" t="s">
        <v>10734</v>
      </c>
      <c r="H30300" t="s">
        <v>10735</v>
      </c>
      <c r="I30300" s="2">
        <v>0</v>
      </c>
      <c r="J30300" s="2">
        <v>0</v>
      </c>
      <c r="K30300" s="2">
        <v>1</v>
      </c>
      <c r="L30300" t="s">
        <v>995</v>
      </c>
      <c r="M30300" t="s">
        <v>89</v>
      </c>
      <c r="N30300" t="s">
        <v>90</v>
      </c>
      <c r="O30300" t="s">
        <v>85</v>
      </c>
      <c r="P30300" t="s">
        <v>86</v>
      </c>
      <c r="Q30300">
        <v>16</v>
      </c>
      <c r="R30300">
        <v>16</v>
      </c>
      <c r="S30300">
        <v>17</v>
      </c>
      <c r="T30300">
        <v>18</v>
      </c>
      <c r="U30300">
        <v>18</v>
      </c>
      <c r="V30300">
        <v>19</v>
      </c>
      <c r="W30300">
        <v>19</v>
      </c>
      <c r="X30300">
        <v>20</v>
      </c>
      <c r="Y30300">
        <v>21</v>
      </c>
      <c r="Z30300">
        <v>21</v>
      </c>
      <c r="AA30300">
        <v>22</v>
      </c>
      <c r="AB30300">
        <v>23</v>
      </c>
      <c r="AC30300">
        <v>23</v>
      </c>
      <c r="AD30300">
        <v>24</v>
      </c>
      <c r="AE30300">
        <v>24</v>
      </c>
      <c r="AF30300">
        <v>25</v>
      </c>
      <c r="AG30300">
        <v>25</v>
      </c>
      <c r="AH30300">
        <v>25</v>
      </c>
      <c r="AI30300">
        <v>26</v>
      </c>
      <c r="AJ30300">
        <v>26</v>
      </c>
      <c r="AK30300">
        <v>27</v>
      </c>
      <c r="AL30300">
        <v>27</v>
      </c>
      <c r="AM30300">
        <v>27</v>
      </c>
      <c r="AN30300">
        <v>28</v>
      </c>
      <c r="AO30300">
        <v>28</v>
      </c>
      <c r="AP30300">
        <v>28</v>
      </c>
      <c r="AQ30300">
        <v>29</v>
      </c>
    </row>
    <row r="30301" spans="1:43">
      <c r="A30301" t="s">
        <v>18773</v>
      </c>
      <c r="B30301" t="s">
        <v>18774</v>
      </c>
      <c r="C30301" t="s">
        <v>18757</v>
      </c>
      <c r="D30301" t="s">
        <v>18758</v>
      </c>
      <c r="E30301" t="s">
        <v>18691</v>
      </c>
      <c r="F30301" t="s">
        <v>18692</v>
      </c>
      <c r="G30301" t="s">
        <v>10734</v>
      </c>
      <c r="H30301" t="s">
        <v>10735</v>
      </c>
      <c r="I30301" s="2">
        <v>0</v>
      </c>
      <c r="J30301" s="2">
        <v>0</v>
      </c>
      <c r="K30301" s="2">
        <v>1</v>
      </c>
      <c r="L30301" t="s">
        <v>995</v>
      </c>
      <c r="M30301" t="s">
        <v>83</v>
      </c>
      <c r="N30301" t="s">
        <v>91</v>
      </c>
      <c r="O30301" t="s">
        <v>85</v>
      </c>
      <c r="P30301" t="s">
        <v>86</v>
      </c>
      <c r="Q30301">
        <v>16</v>
      </c>
      <c r="R30301">
        <v>16</v>
      </c>
      <c r="S30301">
        <v>17</v>
      </c>
      <c r="T30301">
        <v>17</v>
      </c>
      <c r="U30301">
        <v>18</v>
      </c>
      <c r="V30301">
        <v>18</v>
      </c>
      <c r="W30301">
        <v>19</v>
      </c>
      <c r="X30301">
        <v>19</v>
      </c>
      <c r="Y30301">
        <v>20</v>
      </c>
      <c r="Z30301">
        <v>20</v>
      </c>
      <c r="AA30301">
        <v>21</v>
      </c>
      <c r="AB30301">
        <v>21</v>
      </c>
      <c r="AC30301">
        <v>22</v>
      </c>
      <c r="AD30301">
        <v>22</v>
      </c>
      <c r="AE30301">
        <v>23</v>
      </c>
      <c r="AF30301">
        <v>23</v>
      </c>
      <c r="AG30301">
        <v>24</v>
      </c>
      <c r="AH30301">
        <v>24</v>
      </c>
      <c r="AI30301">
        <v>25</v>
      </c>
      <c r="AJ30301">
        <v>26</v>
      </c>
      <c r="AK30301">
        <v>26</v>
      </c>
      <c r="AL30301">
        <v>27</v>
      </c>
      <c r="AM30301">
        <v>27</v>
      </c>
      <c r="AN30301">
        <v>27</v>
      </c>
      <c r="AO30301">
        <v>28</v>
      </c>
      <c r="AP30301">
        <v>28</v>
      </c>
      <c r="AQ30301">
        <v>28</v>
      </c>
    </row>
    <row r="30302" spans="1:43">
      <c r="A30302" t="s">
        <v>18775</v>
      </c>
      <c r="B30302" t="s">
        <v>18776</v>
      </c>
      <c r="C30302" t="s">
        <v>18777</v>
      </c>
      <c r="D30302" t="s">
        <v>18778</v>
      </c>
      <c r="E30302" t="s">
        <v>18691</v>
      </c>
      <c r="F30302" t="s">
        <v>18692</v>
      </c>
      <c r="G30302" t="s">
        <v>10734</v>
      </c>
      <c r="H30302" t="s">
        <v>10735</v>
      </c>
      <c r="I30302" s="2">
        <v>0</v>
      </c>
      <c r="J30302" s="2">
        <v>0</v>
      </c>
      <c r="K30302" s="2">
        <v>1</v>
      </c>
      <c r="L30302" t="s">
        <v>995</v>
      </c>
      <c r="M30302" t="s">
        <v>83</v>
      </c>
      <c r="N30302" t="s">
        <v>84</v>
      </c>
      <c r="O30302" t="s">
        <v>85</v>
      </c>
      <c r="P30302" t="s">
        <v>86</v>
      </c>
      <c r="Q30302">
        <v>167</v>
      </c>
      <c r="R30302">
        <v>172</v>
      </c>
      <c r="S30302">
        <v>176</v>
      </c>
      <c r="T30302">
        <v>181</v>
      </c>
      <c r="U30302">
        <v>186</v>
      </c>
      <c r="V30302">
        <v>191</v>
      </c>
      <c r="W30302">
        <v>196</v>
      </c>
      <c r="X30302">
        <v>201</v>
      </c>
      <c r="Y30302">
        <v>206</v>
      </c>
      <c r="Z30302">
        <v>212</v>
      </c>
      <c r="AA30302">
        <v>217</v>
      </c>
      <c r="AB30302">
        <v>223</v>
      </c>
      <c r="AC30302">
        <v>228</v>
      </c>
      <c r="AD30302">
        <v>234</v>
      </c>
      <c r="AE30302">
        <v>239</v>
      </c>
      <c r="AF30302">
        <v>245</v>
      </c>
      <c r="AG30302">
        <v>251</v>
      </c>
      <c r="AH30302">
        <v>257</v>
      </c>
      <c r="AI30302">
        <v>263</v>
      </c>
      <c r="AJ30302">
        <v>269</v>
      </c>
      <c r="AK30302">
        <v>275</v>
      </c>
      <c r="AL30302">
        <v>280</v>
      </c>
      <c r="AM30302">
        <v>284</v>
      </c>
      <c r="AN30302">
        <v>288</v>
      </c>
      <c r="AO30302">
        <v>292</v>
      </c>
      <c r="AP30302">
        <v>295</v>
      </c>
      <c r="AQ30302">
        <v>299</v>
      </c>
    </row>
    <row r="30303" spans="1:43">
      <c r="A30303" t="s">
        <v>18775</v>
      </c>
      <c r="B30303" t="s">
        <v>18776</v>
      </c>
      <c r="C30303" t="s">
        <v>18777</v>
      </c>
      <c r="D30303" t="s">
        <v>18778</v>
      </c>
      <c r="E30303" t="s">
        <v>18691</v>
      </c>
      <c r="F30303" t="s">
        <v>18692</v>
      </c>
      <c r="G30303" t="s">
        <v>10734</v>
      </c>
      <c r="H30303" t="s">
        <v>10735</v>
      </c>
      <c r="I30303" s="2">
        <v>0</v>
      </c>
      <c r="J30303" s="2">
        <v>0</v>
      </c>
      <c r="K30303" s="2">
        <v>1</v>
      </c>
      <c r="L30303" t="s">
        <v>995</v>
      </c>
      <c r="M30303" t="s">
        <v>87</v>
      </c>
      <c r="N30303" t="s">
        <v>88</v>
      </c>
      <c r="O30303" t="s">
        <v>85</v>
      </c>
      <c r="P30303" t="s">
        <v>86</v>
      </c>
      <c r="Q30303">
        <v>167</v>
      </c>
      <c r="R30303">
        <v>170</v>
      </c>
      <c r="S30303">
        <v>173</v>
      </c>
      <c r="T30303">
        <v>176</v>
      </c>
      <c r="U30303">
        <v>179</v>
      </c>
      <c r="V30303">
        <v>182</v>
      </c>
      <c r="W30303">
        <v>185</v>
      </c>
      <c r="X30303">
        <v>189</v>
      </c>
      <c r="Y30303">
        <v>192</v>
      </c>
      <c r="Z30303">
        <v>195</v>
      </c>
      <c r="AA30303">
        <v>199</v>
      </c>
      <c r="AB30303">
        <v>202</v>
      </c>
      <c r="AC30303">
        <v>206</v>
      </c>
      <c r="AD30303">
        <v>209</v>
      </c>
      <c r="AE30303">
        <v>213</v>
      </c>
      <c r="AF30303">
        <v>216</v>
      </c>
      <c r="AG30303">
        <v>220</v>
      </c>
      <c r="AH30303">
        <v>224</v>
      </c>
      <c r="AI30303">
        <v>228</v>
      </c>
      <c r="AJ30303">
        <v>231</v>
      </c>
      <c r="AK30303">
        <v>235</v>
      </c>
      <c r="AL30303">
        <v>239</v>
      </c>
      <c r="AM30303">
        <v>243</v>
      </c>
      <c r="AN30303">
        <v>247</v>
      </c>
      <c r="AO30303">
        <v>251</v>
      </c>
      <c r="AP30303">
        <v>255</v>
      </c>
      <c r="AQ30303">
        <v>260</v>
      </c>
    </row>
    <row r="30304" spans="1:43">
      <c r="A30304" t="s">
        <v>18775</v>
      </c>
      <c r="B30304" t="s">
        <v>18776</v>
      </c>
      <c r="C30304" t="s">
        <v>18777</v>
      </c>
      <c r="D30304" t="s">
        <v>18778</v>
      </c>
      <c r="E30304" t="s">
        <v>18691</v>
      </c>
      <c r="F30304" t="s">
        <v>18692</v>
      </c>
      <c r="G30304" t="s">
        <v>10734</v>
      </c>
      <c r="H30304" t="s">
        <v>10735</v>
      </c>
      <c r="I30304" s="2">
        <v>0</v>
      </c>
      <c r="J30304" s="2">
        <v>0</v>
      </c>
      <c r="K30304" s="2">
        <v>1</v>
      </c>
      <c r="L30304" t="s">
        <v>995</v>
      </c>
      <c r="M30304" t="s">
        <v>89</v>
      </c>
      <c r="N30304" t="s">
        <v>90</v>
      </c>
      <c r="O30304" t="s">
        <v>85</v>
      </c>
      <c r="P30304" t="s">
        <v>86</v>
      </c>
      <c r="Q30304">
        <v>167</v>
      </c>
      <c r="R30304">
        <v>173</v>
      </c>
      <c r="S30304">
        <v>179</v>
      </c>
      <c r="T30304">
        <v>185</v>
      </c>
      <c r="U30304">
        <v>191</v>
      </c>
      <c r="V30304">
        <v>198</v>
      </c>
      <c r="W30304">
        <v>204</v>
      </c>
      <c r="X30304">
        <v>210</v>
      </c>
      <c r="Y30304">
        <v>217</v>
      </c>
      <c r="Z30304">
        <v>223</v>
      </c>
      <c r="AA30304">
        <v>229</v>
      </c>
      <c r="AB30304">
        <v>236</v>
      </c>
      <c r="AC30304">
        <v>243</v>
      </c>
      <c r="AD30304">
        <v>249</v>
      </c>
      <c r="AE30304">
        <v>255</v>
      </c>
      <c r="AF30304">
        <v>259</v>
      </c>
      <c r="AG30304">
        <v>262</v>
      </c>
      <c r="AH30304">
        <v>266</v>
      </c>
      <c r="AI30304">
        <v>270</v>
      </c>
      <c r="AJ30304">
        <v>274</v>
      </c>
      <c r="AK30304">
        <v>277</v>
      </c>
      <c r="AL30304">
        <v>281</v>
      </c>
      <c r="AM30304">
        <v>285</v>
      </c>
      <c r="AN30304">
        <v>289</v>
      </c>
      <c r="AO30304">
        <v>292</v>
      </c>
      <c r="AP30304">
        <v>296</v>
      </c>
      <c r="AQ30304">
        <v>300</v>
      </c>
    </row>
    <row r="30305" spans="1:43">
      <c r="A30305" t="s">
        <v>18775</v>
      </c>
      <c r="B30305" t="s">
        <v>18776</v>
      </c>
      <c r="C30305" t="s">
        <v>18777</v>
      </c>
      <c r="D30305" t="s">
        <v>18778</v>
      </c>
      <c r="E30305" t="s">
        <v>18691</v>
      </c>
      <c r="F30305" t="s">
        <v>18692</v>
      </c>
      <c r="G30305" t="s">
        <v>10734</v>
      </c>
      <c r="H30305" t="s">
        <v>10735</v>
      </c>
      <c r="I30305" s="2">
        <v>0</v>
      </c>
      <c r="J30305" s="2">
        <v>0</v>
      </c>
      <c r="K30305" s="2">
        <v>1</v>
      </c>
      <c r="L30305" t="s">
        <v>995</v>
      </c>
      <c r="M30305" t="s">
        <v>83</v>
      </c>
      <c r="N30305" t="s">
        <v>91</v>
      </c>
      <c r="O30305" t="s">
        <v>85</v>
      </c>
      <c r="P30305" t="s">
        <v>86</v>
      </c>
      <c r="Q30305">
        <v>167</v>
      </c>
      <c r="R30305">
        <v>172</v>
      </c>
      <c r="S30305">
        <v>176</v>
      </c>
      <c r="T30305">
        <v>181</v>
      </c>
      <c r="U30305">
        <v>186</v>
      </c>
      <c r="V30305">
        <v>191</v>
      </c>
      <c r="W30305">
        <v>196</v>
      </c>
      <c r="X30305">
        <v>201</v>
      </c>
      <c r="Y30305">
        <v>206</v>
      </c>
      <c r="Z30305">
        <v>212</v>
      </c>
      <c r="AA30305">
        <v>217</v>
      </c>
      <c r="AB30305">
        <v>223</v>
      </c>
      <c r="AC30305">
        <v>228</v>
      </c>
      <c r="AD30305">
        <v>234</v>
      </c>
      <c r="AE30305">
        <v>239</v>
      </c>
      <c r="AF30305">
        <v>245</v>
      </c>
      <c r="AG30305">
        <v>251</v>
      </c>
      <c r="AH30305">
        <v>257</v>
      </c>
      <c r="AI30305">
        <v>263</v>
      </c>
      <c r="AJ30305">
        <v>269</v>
      </c>
      <c r="AK30305">
        <v>275</v>
      </c>
      <c r="AL30305">
        <v>280</v>
      </c>
      <c r="AM30305">
        <v>284</v>
      </c>
      <c r="AN30305">
        <v>288</v>
      </c>
      <c r="AO30305">
        <v>292</v>
      </c>
      <c r="AP30305">
        <v>295</v>
      </c>
      <c r="AQ30305">
        <v>299</v>
      </c>
    </row>
    <row r="30306" spans="1:43">
      <c r="A30306" t="s">
        <v>18779</v>
      </c>
      <c r="B30306" t="s">
        <v>18780</v>
      </c>
      <c r="C30306" t="s">
        <v>18757</v>
      </c>
      <c r="D30306" t="s">
        <v>18758</v>
      </c>
      <c r="E30306" t="s">
        <v>18691</v>
      </c>
      <c r="F30306" t="s">
        <v>18692</v>
      </c>
      <c r="G30306" t="s">
        <v>10734</v>
      </c>
      <c r="H30306" t="s">
        <v>10735</v>
      </c>
      <c r="I30306" s="2">
        <v>0</v>
      </c>
      <c r="J30306" s="2">
        <v>0</v>
      </c>
      <c r="K30306" s="2">
        <v>1</v>
      </c>
      <c r="L30306" t="s">
        <v>995</v>
      </c>
      <c r="M30306" t="s">
        <v>83</v>
      </c>
      <c r="N30306" t="s">
        <v>84</v>
      </c>
      <c r="O30306" t="s">
        <v>85</v>
      </c>
      <c r="P30306" t="s">
        <v>86</v>
      </c>
      <c r="Q30306">
        <v>8</v>
      </c>
      <c r="R30306">
        <v>9</v>
      </c>
      <c r="S30306">
        <v>9</v>
      </c>
      <c r="T30306">
        <v>9</v>
      </c>
      <c r="U30306">
        <v>9</v>
      </c>
      <c r="V30306">
        <v>10</v>
      </c>
      <c r="W30306">
        <v>10</v>
      </c>
      <c r="X30306">
        <v>10</v>
      </c>
      <c r="Y30306">
        <v>10</v>
      </c>
      <c r="Z30306">
        <v>11</v>
      </c>
      <c r="AA30306">
        <v>11</v>
      </c>
      <c r="AB30306">
        <v>11</v>
      </c>
      <c r="AC30306">
        <v>12</v>
      </c>
      <c r="AD30306">
        <v>12</v>
      </c>
      <c r="AE30306">
        <v>12</v>
      </c>
      <c r="AF30306">
        <v>12</v>
      </c>
      <c r="AG30306">
        <v>13</v>
      </c>
      <c r="AH30306">
        <v>13</v>
      </c>
      <c r="AI30306">
        <v>13</v>
      </c>
      <c r="AJ30306">
        <v>14</v>
      </c>
      <c r="AK30306">
        <v>14</v>
      </c>
      <c r="AL30306">
        <v>14</v>
      </c>
      <c r="AM30306">
        <v>14</v>
      </c>
      <c r="AN30306">
        <v>15</v>
      </c>
      <c r="AO30306">
        <v>15</v>
      </c>
      <c r="AP30306">
        <v>15</v>
      </c>
      <c r="AQ30306">
        <v>15</v>
      </c>
    </row>
    <row r="30307" spans="1:43">
      <c r="A30307" t="s">
        <v>18779</v>
      </c>
      <c r="B30307" t="s">
        <v>18780</v>
      </c>
      <c r="C30307" t="s">
        <v>18757</v>
      </c>
      <c r="D30307" t="s">
        <v>18758</v>
      </c>
      <c r="E30307" t="s">
        <v>18691</v>
      </c>
      <c r="F30307" t="s">
        <v>18692</v>
      </c>
      <c r="G30307" t="s">
        <v>10734</v>
      </c>
      <c r="H30307" t="s">
        <v>10735</v>
      </c>
      <c r="I30307" s="2">
        <v>0</v>
      </c>
      <c r="J30307" s="2">
        <v>0</v>
      </c>
      <c r="K30307" s="2">
        <v>1</v>
      </c>
      <c r="L30307" t="s">
        <v>995</v>
      </c>
      <c r="M30307" t="s">
        <v>87</v>
      </c>
      <c r="N30307" t="s">
        <v>88</v>
      </c>
      <c r="O30307" t="s">
        <v>85</v>
      </c>
      <c r="P30307" t="s">
        <v>86</v>
      </c>
      <c r="Q30307">
        <v>8</v>
      </c>
      <c r="R30307">
        <v>9</v>
      </c>
      <c r="S30307">
        <v>9</v>
      </c>
      <c r="T30307">
        <v>9</v>
      </c>
      <c r="U30307">
        <v>9</v>
      </c>
      <c r="V30307">
        <v>9</v>
      </c>
      <c r="W30307">
        <v>9</v>
      </c>
      <c r="X30307">
        <v>9</v>
      </c>
      <c r="Y30307">
        <v>10</v>
      </c>
      <c r="Z30307">
        <v>10</v>
      </c>
      <c r="AA30307">
        <v>10</v>
      </c>
      <c r="AB30307">
        <v>10</v>
      </c>
      <c r="AC30307">
        <v>10</v>
      </c>
      <c r="AD30307">
        <v>11</v>
      </c>
      <c r="AE30307">
        <v>11</v>
      </c>
      <c r="AF30307">
        <v>11</v>
      </c>
      <c r="AG30307">
        <v>11</v>
      </c>
      <c r="AH30307">
        <v>11</v>
      </c>
      <c r="AI30307">
        <v>11</v>
      </c>
      <c r="AJ30307">
        <v>12</v>
      </c>
      <c r="AK30307">
        <v>12</v>
      </c>
      <c r="AL30307">
        <v>12</v>
      </c>
      <c r="AM30307">
        <v>12</v>
      </c>
      <c r="AN30307">
        <v>12</v>
      </c>
      <c r="AO30307">
        <v>13</v>
      </c>
      <c r="AP30307">
        <v>13</v>
      </c>
      <c r="AQ30307">
        <v>13</v>
      </c>
    </row>
    <row r="30308" spans="1:43">
      <c r="A30308" t="s">
        <v>18779</v>
      </c>
      <c r="B30308" t="s">
        <v>18780</v>
      </c>
      <c r="C30308" t="s">
        <v>18757</v>
      </c>
      <c r="D30308" t="s">
        <v>18758</v>
      </c>
      <c r="E30308" t="s">
        <v>18691</v>
      </c>
      <c r="F30308" t="s">
        <v>18692</v>
      </c>
      <c r="G30308" t="s">
        <v>10734</v>
      </c>
      <c r="H30308" t="s">
        <v>10735</v>
      </c>
      <c r="I30308" s="2">
        <v>0</v>
      </c>
      <c r="J30308" s="2">
        <v>0</v>
      </c>
      <c r="K30308" s="2">
        <v>1</v>
      </c>
      <c r="L30308" t="s">
        <v>995</v>
      </c>
      <c r="M30308" t="s">
        <v>89</v>
      </c>
      <c r="N30308" t="s">
        <v>90</v>
      </c>
      <c r="O30308" t="s">
        <v>85</v>
      </c>
      <c r="P30308" t="s">
        <v>86</v>
      </c>
      <c r="Q30308">
        <v>8</v>
      </c>
      <c r="R30308">
        <v>8</v>
      </c>
      <c r="S30308">
        <v>8</v>
      </c>
      <c r="T30308">
        <v>8</v>
      </c>
      <c r="U30308">
        <v>9</v>
      </c>
      <c r="V30308">
        <v>9</v>
      </c>
      <c r="W30308">
        <v>9</v>
      </c>
      <c r="X30308">
        <v>10</v>
      </c>
      <c r="Y30308">
        <v>10</v>
      </c>
      <c r="Z30308">
        <v>10</v>
      </c>
      <c r="AA30308">
        <v>11</v>
      </c>
      <c r="AB30308">
        <v>11</v>
      </c>
      <c r="AC30308">
        <v>11</v>
      </c>
      <c r="AD30308">
        <v>12</v>
      </c>
      <c r="AE30308">
        <v>12</v>
      </c>
      <c r="AF30308">
        <v>12</v>
      </c>
      <c r="AG30308">
        <v>12</v>
      </c>
      <c r="AH30308">
        <v>13</v>
      </c>
      <c r="AI30308">
        <v>13</v>
      </c>
      <c r="AJ30308">
        <v>13</v>
      </c>
      <c r="AK30308">
        <v>13</v>
      </c>
      <c r="AL30308">
        <v>13</v>
      </c>
      <c r="AM30308">
        <v>14</v>
      </c>
      <c r="AN30308">
        <v>14</v>
      </c>
      <c r="AO30308">
        <v>14</v>
      </c>
      <c r="AP30308">
        <v>14</v>
      </c>
      <c r="AQ30308">
        <v>14</v>
      </c>
    </row>
    <row r="30309" spans="1:43">
      <c r="A30309" t="s">
        <v>18779</v>
      </c>
      <c r="B30309" t="s">
        <v>18780</v>
      </c>
      <c r="C30309" t="s">
        <v>18757</v>
      </c>
      <c r="D30309" t="s">
        <v>18758</v>
      </c>
      <c r="E30309" t="s">
        <v>18691</v>
      </c>
      <c r="F30309" t="s">
        <v>18692</v>
      </c>
      <c r="G30309" t="s">
        <v>10734</v>
      </c>
      <c r="H30309" t="s">
        <v>10735</v>
      </c>
      <c r="I30309" s="2">
        <v>0</v>
      </c>
      <c r="J30309" s="2">
        <v>0</v>
      </c>
      <c r="K30309" s="2">
        <v>1</v>
      </c>
      <c r="L30309" t="s">
        <v>995</v>
      </c>
      <c r="M30309" t="s">
        <v>83</v>
      </c>
      <c r="N30309" t="s">
        <v>91</v>
      </c>
      <c r="O30309" t="s">
        <v>85</v>
      </c>
      <c r="P30309" t="s">
        <v>86</v>
      </c>
      <c r="Q30309">
        <v>8</v>
      </c>
      <c r="R30309">
        <v>9</v>
      </c>
      <c r="S30309">
        <v>9</v>
      </c>
      <c r="T30309">
        <v>9</v>
      </c>
      <c r="U30309">
        <v>9</v>
      </c>
      <c r="V30309">
        <v>10</v>
      </c>
      <c r="W30309">
        <v>10</v>
      </c>
      <c r="X30309">
        <v>10</v>
      </c>
      <c r="Y30309">
        <v>10</v>
      </c>
      <c r="Z30309">
        <v>11</v>
      </c>
      <c r="AA30309">
        <v>11</v>
      </c>
      <c r="AB30309">
        <v>11</v>
      </c>
      <c r="AC30309">
        <v>12</v>
      </c>
      <c r="AD30309">
        <v>12</v>
      </c>
      <c r="AE30309">
        <v>12</v>
      </c>
      <c r="AF30309">
        <v>12</v>
      </c>
      <c r="AG30309">
        <v>13</v>
      </c>
      <c r="AH30309">
        <v>13</v>
      </c>
      <c r="AI30309">
        <v>13</v>
      </c>
      <c r="AJ30309">
        <v>14</v>
      </c>
      <c r="AK30309">
        <v>14</v>
      </c>
      <c r="AL30309">
        <v>14</v>
      </c>
      <c r="AM30309">
        <v>14</v>
      </c>
      <c r="AN30309">
        <v>15</v>
      </c>
      <c r="AO30309">
        <v>15</v>
      </c>
      <c r="AP30309">
        <v>15</v>
      </c>
      <c r="AQ30309">
        <v>15</v>
      </c>
    </row>
    <row r="30310" spans="1:43">
      <c r="A30310" t="s">
        <v>18781</v>
      </c>
      <c r="B30310" t="s">
        <v>18782</v>
      </c>
      <c r="C30310" t="s">
        <v>18777</v>
      </c>
      <c r="D30310" t="s">
        <v>18778</v>
      </c>
      <c r="E30310" t="s">
        <v>18691</v>
      </c>
      <c r="F30310" t="s">
        <v>18692</v>
      </c>
      <c r="G30310" t="s">
        <v>10734</v>
      </c>
      <c r="H30310" t="s">
        <v>10735</v>
      </c>
      <c r="I30310" s="2">
        <v>0</v>
      </c>
      <c r="J30310" s="2">
        <v>0</v>
      </c>
      <c r="K30310" s="2">
        <v>1</v>
      </c>
      <c r="L30310" t="s">
        <v>995</v>
      </c>
      <c r="M30310" t="s">
        <v>83</v>
      </c>
      <c r="N30310" t="s">
        <v>84</v>
      </c>
      <c r="O30310" t="s">
        <v>85</v>
      </c>
      <c r="P30310" t="s">
        <v>86</v>
      </c>
      <c r="Q30310">
        <v>30</v>
      </c>
      <c r="R30310">
        <v>31</v>
      </c>
      <c r="S30310">
        <v>31</v>
      </c>
      <c r="T30310">
        <v>32</v>
      </c>
      <c r="U30310">
        <v>33</v>
      </c>
      <c r="V30310">
        <v>34</v>
      </c>
      <c r="W30310">
        <v>35</v>
      </c>
      <c r="X30310">
        <v>36</v>
      </c>
      <c r="Y30310">
        <v>37</v>
      </c>
      <c r="Z30310">
        <v>38</v>
      </c>
      <c r="AA30310">
        <v>39</v>
      </c>
      <c r="AB30310">
        <v>40</v>
      </c>
      <c r="AC30310">
        <v>41</v>
      </c>
      <c r="AD30310">
        <v>42</v>
      </c>
      <c r="AE30310">
        <v>43</v>
      </c>
      <c r="AF30310">
        <v>44</v>
      </c>
      <c r="AG30310">
        <v>45</v>
      </c>
      <c r="AH30310">
        <v>46</v>
      </c>
      <c r="AI30310">
        <v>47</v>
      </c>
      <c r="AJ30310">
        <v>48</v>
      </c>
      <c r="AK30310">
        <v>49</v>
      </c>
      <c r="AL30310">
        <v>50</v>
      </c>
      <c r="AM30310">
        <v>51</v>
      </c>
      <c r="AN30310">
        <v>52</v>
      </c>
      <c r="AO30310">
        <v>52</v>
      </c>
      <c r="AP30310">
        <v>53</v>
      </c>
      <c r="AQ30310">
        <v>54</v>
      </c>
    </row>
    <row r="30311" spans="1:43">
      <c r="A30311" t="s">
        <v>18781</v>
      </c>
      <c r="B30311" t="s">
        <v>18782</v>
      </c>
      <c r="C30311" t="s">
        <v>18777</v>
      </c>
      <c r="D30311" t="s">
        <v>18778</v>
      </c>
      <c r="E30311" t="s">
        <v>18691</v>
      </c>
      <c r="F30311" t="s">
        <v>18692</v>
      </c>
      <c r="G30311" t="s">
        <v>10734</v>
      </c>
      <c r="H30311" t="s">
        <v>10735</v>
      </c>
      <c r="I30311" s="2">
        <v>0</v>
      </c>
      <c r="J30311" s="2">
        <v>0</v>
      </c>
      <c r="K30311" s="2">
        <v>1</v>
      </c>
      <c r="L30311" t="s">
        <v>995</v>
      </c>
      <c r="M30311" t="s">
        <v>87</v>
      </c>
      <c r="N30311" t="s">
        <v>88</v>
      </c>
      <c r="O30311" t="s">
        <v>85</v>
      </c>
      <c r="P30311" t="s">
        <v>86</v>
      </c>
      <c r="Q30311">
        <v>30</v>
      </c>
      <c r="R30311">
        <v>30</v>
      </c>
      <c r="S30311">
        <v>31</v>
      </c>
      <c r="T30311">
        <v>31</v>
      </c>
      <c r="U30311">
        <v>32</v>
      </c>
      <c r="V30311">
        <v>32</v>
      </c>
      <c r="W30311">
        <v>33</v>
      </c>
      <c r="X30311">
        <v>34</v>
      </c>
      <c r="Y30311">
        <v>34</v>
      </c>
      <c r="Z30311">
        <v>35</v>
      </c>
      <c r="AA30311">
        <v>35</v>
      </c>
      <c r="AB30311">
        <v>36</v>
      </c>
      <c r="AC30311">
        <v>37</v>
      </c>
      <c r="AD30311">
        <v>37</v>
      </c>
      <c r="AE30311">
        <v>38</v>
      </c>
      <c r="AF30311">
        <v>39</v>
      </c>
      <c r="AG30311">
        <v>39</v>
      </c>
      <c r="AH30311">
        <v>40</v>
      </c>
      <c r="AI30311">
        <v>41</v>
      </c>
      <c r="AJ30311">
        <v>41</v>
      </c>
      <c r="AK30311">
        <v>42</v>
      </c>
      <c r="AL30311">
        <v>43</v>
      </c>
      <c r="AM30311">
        <v>43</v>
      </c>
      <c r="AN30311">
        <v>44</v>
      </c>
      <c r="AO30311">
        <v>45</v>
      </c>
      <c r="AP30311">
        <v>46</v>
      </c>
      <c r="AQ30311">
        <v>46</v>
      </c>
    </row>
    <row r="30312" spans="1:43">
      <c r="A30312" t="s">
        <v>18781</v>
      </c>
      <c r="B30312" t="s">
        <v>18782</v>
      </c>
      <c r="C30312" t="s">
        <v>18777</v>
      </c>
      <c r="D30312" t="s">
        <v>18778</v>
      </c>
      <c r="E30312" t="s">
        <v>18691</v>
      </c>
      <c r="F30312" t="s">
        <v>18692</v>
      </c>
      <c r="G30312" t="s">
        <v>10734</v>
      </c>
      <c r="H30312" t="s">
        <v>10735</v>
      </c>
      <c r="I30312" s="2">
        <v>0</v>
      </c>
      <c r="J30312" s="2">
        <v>0</v>
      </c>
      <c r="K30312" s="2">
        <v>1</v>
      </c>
      <c r="L30312" t="s">
        <v>995</v>
      </c>
      <c r="M30312" t="s">
        <v>89</v>
      </c>
      <c r="N30312" t="s">
        <v>90</v>
      </c>
      <c r="O30312" t="s">
        <v>85</v>
      </c>
      <c r="P30312" t="s">
        <v>86</v>
      </c>
      <c r="Q30312">
        <v>30</v>
      </c>
      <c r="R30312">
        <v>31</v>
      </c>
      <c r="S30312">
        <v>32</v>
      </c>
      <c r="T30312">
        <v>33</v>
      </c>
      <c r="U30312">
        <v>35</v>
      </c>
      <c r="V30312">
        <v>36</v>
      </c>
      <c r="W30312">
        <v>37</v>
      </c>
      <c r="X30312">
        <v>38</v>
      </c>
      <c r="Y30312">
        <v>39</v>
      </c>
      <c r="Z30312">
        <v>40</v>
      </c>
      <c r="AA30312">
        <v>41</v>
      </c>
      <c r="AB30312">
        <v>43</v>
      </c>
      <c r="AC30312">
        <v>44</v>
      </c>
      <c r="AD30312">
        <v>45</v>
      </c>
      <c r="AE30312">
        <v>46</v>
      </c>
      <c r="AF30312">
        <v>47</v>
      </c>
      <c r="AG30312">
        <v>47</v>
      </c>
      <c r="AH30312">
        <v>48</v>
      </c>
      <c r="AI30312">
        <v>49</v>
      </c>
      <c r="AJ30312">
        <v>50</v>
      </c>
      <c r="AK30312">
        <v>50</v>
      </c>
      <c r="AL30312">
        <v>51</v>
      </c>
      <c r="AM30312">
        <v>52</v>
      </c>
      <c r="AN30312">
        <v>52</v>
      </c>
      <c r="AO30312">
        <v>53</v>
      </c>
      <c r="AP30312">
        <v>54</v>
      </c>
      <c r="AQ30312">
        <v>54</v>
      </c>
    </row>
    <row r="30313" spans="1:43">
      <c r="A30313" t="s">
        <v>18781</v>
      </c>
      <c r="B30313" t="s">
        <v>18782</v>
      </c>
      <c r="C30313" t="s">
        <v>18777</v>
      </c>
      <c r="D30313" t="s">
        <v>18778</v>
      </c>
      <c r="E30313" t="s">
        <v>18691</v>
      </c>
      <c r="F30313" t="s">
        <v>18692</v>
      </c>
      <c r="G30313" t="s">
        <v>10734</v>
      </c>
      <c r="H30313" t="s">
        <v>10735</v>
      </c>
      <c r="I30313" s="2">
        <v>0</v>
      </c>
      <c r="J30313" s="2">
        <v>0</v>
      </c>
      <c r="K30313" s="2">
        <v>1</v>
      </c>
      <c r="L30313" t="s">
        <v>995</v>
      </c>
      <c r="M30313" t="s">
        <v>83</v>
      </c>
      <c r="N30313" t="s">
        <v>91</v>
      </c>
      <c r="O30313" t="s">
        <v>85</v>
      </c>
      <c r="P30313" t="s">
        <v>86</v>
      </c>
      <c r="Q30313">
        <v>30</v>
      </c>
      <c r="R30313">
        <v>31</v>
      </c>
      <c r="S30313">
        <v>31</v>
      </c>
      <c r="T30313">
        <v>32</v>
      </c>
      <c r="U30313">
        <v>33</v>
      </c>
      <c r="V30313">
        <v>34</v>
      </c>
      <c r="W30313">
        <v>35</v>
      </c>
      <c r="X30313">
        <v>36</v>
      </c>
      <c r="Y30313">
        <v>37</v>
      </c>
      <c r="Z30313">
        <v>38</v>
      </c>
      <c r="AA30313">
        <v>39</v>
      </c>
      <c r="AB30313">
        <v>40</v>
      </c>
      <c r="AC30313">
        <v>41</v>
      </c>
      <c r="AD30313">
        <v>42</v>
      </c>
      <c r="AE30313">
        <v>43</v>
      </c>
      <c r="AF30313">
        <v>44</v>
      </c>
      <c r="AG30313">
        <v>45</v>
      </c>
      <c r="AH30313">
        <v>46</v>
      </c>
      <c r="AI30313">
        <v>47</v>
      </c>
      <c r="AJ30313">
        <v>48</v>
      </c>
      <c r="AK30313">
        <v>49</v>
      </c>
      <c r="AL30313">
        <v>50</v>
      </c>
      <c r="AM30313">
        <v>51</v>
      </c>
      <c r="AN30313">
        <v>52</v>
      </c>
      <c r="AO30313">
        <v>52</v>
      </c>
      <c r="AP30313">
        <v>53</v>
      </c>
      <c r="AQ30313">
        <v>54</v>
      </c>
    </row>
    <row r="30314" spans="1:43">
      <c r="A30314" t="s">
        <v>18783</v>
      </c>
      <c r="B30314" t="s">
        <v>18784</v>
      </c>
      <c r="C30314" t="s">
        <v>18777</v>
      </c>
      <c r="D30314" t="s">
        <v>18778</v>
      </c>
      <c r="E30314" t="s">
        <v>18691</v>
      </c>
      <c r="F30314" t="s">
        <v>18692</v>
      </c>
      <c r="G30314" t="s">
        <v>10734</v>
      </c>
      <c r="H30314" t="s">
        <v>10735</v>
      </c>
      <c r="I30314" s="2">
        <v>0</v>
      </c>
      <c r="J30314" s="2">
        <v>0</v>
      </c>
      <c r="K30314" s="2">
        <v>0.88</v>
      </c>
      <c r="L30314" t="s">
        <v>995</v>
      </c>
      <c r="M30314" t="s">
        <v>83</v>
      </c>
      <c r="N30314" t="s">
        <v>84</v>
      </c>
      <c r="O30314" t="s">
        <v>85</v>
      </c>
      <c r="P30314" t="s">
        <v>86</v>
      </c>
      <c r="Q30314">
        <v>25</v>
      </c>
      <c r="R30314">
        <v>26</v>
      </c>
      <c r="S30314">
        <v>27</v>
      </c>
      <c r="T30314">
        <v>27</v>
      </c>
      <c r="U30314">
        <v>28</v>
      </c>
      <c r="V30314">
        <v>29</v>
      </c>
      <c r="W30314">
        <v>29</v>
      </c>
      <c r="X30314">
        <v>30</v>
      </c>
      <c r="Y30314">
        <v>31</v>
      </c>
      <c r="Z30314">
        <v>32</v>
      </c>
      <c r="AA30314">
        <v>33</v>
      </c>
      <c r="AB30314">
        <v>33</v>
      </c>
      <c r="AC30314">
        <v>34</v>
      </c>
      <c r="AD30314">
        <v>35</v>
      </c>
      <c r="AE30314">
        <v>36</v>
      </c>
      <c r="AF30314">
        <v>37</v>
      </c>
      <c r="AG30314">
        <v>37</v>
      </c>
      <c r="AH30314">
        <v>38</v>
      </c>
      <c r="AI30314">
        <v>39</v>
      </c>
      <c r="AJ30314">
        <v>40</v>
      </c>
      <c r="AK30314">
        <v>41</v>
      </c>
      <c r="AL30314">
        <v>42</v>
      </c>
      <c r="AM30314">
        <v>42</v>
      </c>
      <c r="AN30314">
        <v>43</v>
      </c>
      <c r="AO30314">
        <v>43</v>
      </c>
      <c r="AP30314">
        <v>44</v>
      </c>
      <c r="AQ30314">
        <v>44</v>
      </c>
    </row>
    <row r="30315" spans="1:43">
      <c r="A30315" t="s">
        <v>18783</v>
      </c>
      <c r="B30315" t="s">
        <v>18784</v>
      </c>
      <c r="C30315" t="s">
        <v>18777</v>
      </c>
      <c r="D30315" t="s">
        <v>18778</v>
      </c>
      <c r="E30315" t="s">
        <v>18691</v>
      </c>
      <c r="F30315" t="s">
        <v>18692</v>
      </c>
      <c r="G30315" t="s">
        <v>10734</v>
      </c>
      <c r="H30315" t="s">
        <v>10735</v>
      </c>
      <c r="I30315" s="2">
        <v>0</v>
      </c>
      <c r="J30315" s="2">
        <v>0</v>
      </c>
      <c r="K30315" s="2">
        <v>0.88</v>
      </c>
      <c r="L30315" t="s">
        <v>995</v>
      </c>
      <c r="M30315" t="s">
        <v>87</v>
      </c>
      <c r="N30315" t="s">
        <v>88</v>
      </c>
      <c r="O30315" t="s">
        <v>85</v>
      </c>
      <c r="P30315" t="s">
        <v>86</v>
      </c>
      <c r="Q30315">
        <v>25</v>
      </c>
      <c r="R30315">
        <v>25</v>
      </c>
      <c r="S30315">
        <v>26</v>
      </c>
      <c r="T30315">
        <v>26</v>
      </c>
      <c r="U30315">
        <v>27</v>
      </c>
      <c r="V30315">
        <v>27</v>
      </c>
      <c r="W30315">
        <v>28</v>
      </c>
      <c r="X30315">
        <v>28</v>
      </c>
      <c r="Y30315">
        <v>29</v>
      </c>
      <c r="Z30315">
        <v>29</v>
      </c>
      <c r="AA30315">
        <v>30</v>
      </c>
      <c r="AB30315">
        <v>30</v>
      </c>
      <c r="AC30315">
        <v>31</v>
      </c>
      <c r="AD30315">
        <v>31</v>
      </c>
      <c r="AE30315">
        <v>32</v>
      </c>
      <c r="AF30315">
        <v>32</v>
      </c>
      <c r="AG30315">
        <v>33</v>
      </c>
      <c r="AH30315">
        <v>33</v>
      </c>
      <c r="AI30315">
        <v>34</v>
      </c>
      <c r="AJ30315">
        <v>34</v>
      </c>
      <c r="AK30315">
        <v>35</v>
      </c>
      <c r="AL30315">
        <v>36</v>
      </c>
      <c r="AM30315">
        <v>36</v>
      </c>
      <c r="AN30315">
        <v>37</v>
      </c>
      <c r="AO30315">
        <v>37</v>
      </c>
      <c r="AP30315">
        <v>38</v>
      </c>
      <c r="AQ30315">
        <v>39</v>
      </c>
    </row>
    <row r="30316" spans="1:43">
      <c r="A30316" t="s">
        <v>18783</v>
      </c>
      <c r="B30316" t="s">
        <v>18784</v>
      </c>
      <c r="C30316" t="s">
        <v>18777</v>
      </c>
      <c r="D30316" t="s">
        <v>18778</v>
      </c>
      <c r="E30316" t="s">
        <v>18691</v>
      </c>
      <c r="F30316" t="s">
        <v>18692</v>
      </c>
      <c r="G30316" t="s">
        <v>10734</v>
      </c>
      <c r="H30316" t="s">
        <v>10735</v>
      </c>
      <c r="I30316" s="2">
        <v>0</v>
      </c>
      <c r="J30316" s="2">
        <v>0</v>
      </c>
      <c r="K30316" s="2">
        <v>0.88</v>
      </c>
      <c r="L30316" t="s">
        <v>995</v>
      </c>
      <c r="M30316" t="s">
        <v>89</v>
      </c>
      <c r="N30316" t="s">
        <v>90</v>
      </c>
      <c r="O30316" t="s">
        <v>85</v>
      </c>
      <c r="P30316" t="s">
        <v>86</v>
      </c>
      <c r="Q30316">
        <v>25</v>
      </c>
      <c r="R30316">
        <v>26</v>
      </c>
      <c r="S30316">
        <v>27</v>
      </c>
      <c r="T30316">
        <v>28</v>
      </c>
      <c r="U30316">
        <v>29</v>
      </c>
      <c r="V30316">
        <v>30</v>
      </c>
      <c r="W30316">
        <v>31</v>
      </c>
      <c r="X30316">
        <v>32</v>
      </c>
      <c r="Y30316">
        <v>33</v>
      </c>
      <c r="Z30316">
        <v>34</v>
      </c>
      <c r="AA30316">
        <v>35</v>
      </c>
      <c r="AB30316">
        <v>35</v>
      </c>
      <c r="AC30316">
        <v>36</v>
      </c>
      <c r="AD30316">
        <v>37</v>
      </c>
      <c r="AE30316">
        <v>38</v>
      </c>
      <c r="AF30316">
        <v>39</v>
      </c>
      <c r="AG30316">
        <v>39</v>
      </c>
      <c r="AH30316">
        <v>40</v>
      </c>
      <c r="AI30316">
        <v>40</v>
      </c>
      <c r="AJ30316">
        <v>41</v>
      </c>
      <c r="AK30316">
        <v>41</v>
      </c>
      <c r="AL30316">
        <v>42</v>
      </c>
      <c r="AM30316">
        <v>42</v>
      </c>
      <c r="AN30316">
        <v>43</v>
      </c>
      <c r="AO30316">
        <v>43</v>
      </c>
      <c r="AP30316">
        <v>44</v>
      </c>
      <c r="AQ30316">
        <v>44</v>
      </c>
    </row>
    <row r="30317" spans="1:43">
      <c r="A30317" t="s">
        <v>18783</v>
      </c>
      <c r="B30317" t="s">
        <v>18784</v>
      </c>
      <c r="C30317" t="s">
        <v>18777</v>
      </c>
      <c r="D30317" t="s">
        <v>18778</v>
      </c>
      <c r="E30317" t="s">
        <v>18691</v>
      </c>
      <c r="F30317" t="s">
        <v>18692</v>
      </c>
      <c r="G30317" t="s">
        <v>10734</v>
      </c>
      <c r="H30317" t="s">
        <v>10735</v>
      </c>
      <c r="I30317" s="2">
        <v>0</v>
      </c>
      <c r="J30317" s="2">
        <v>0</v>
      </c>
      <c r="K30317" s="2">
        <v>0.88</v>
      </c>
      <c r="L30317" t="s">
        <v>995</v>
      </c>
      <c r="M30317" t="s">
        <v>83</v>
      </c>
      <c r="N30317" t="s">
        <v>91</v>
      </c>
      <c r="O30317" t="s">
        <v>85</v>
      </c>
      <c r="P30317" t="s">
        <v>86</v>
      </c>
      <c r="Q30317">
        <v>25</v>
      </c>
      <c r="R30317">
        <v>26</v>
      </c>
      <c r="S30317">
        <v>27</v>
      </c>
      <c r="T30317">
        <v>27</v>
      </c>
      <c r="U30317">
        <v>28</v>
      </c>
      <c r="V30317">
        <v>29</v>
      </c>
      <c r="W30317">
        <v>29</v>
      </c>
      <c r="X30317">
        <v>30</v>
      </c>
      <c r="Y30317">
        <v>31</v>
      </c>
      <c r="Z30317">
        <v>32</v>
      </c>
      <c r="AA30317">
        <v>33</v>
      </c>
      <c r="AB30317">
        <v>33</v>
      </c>
      <c r="AC30317">
        <v>34</v>
      </c>
      <c r="AD30317">
        <v>35</v>
      </c>
      <c r="AE30317">
        <v>36</v>
      </c>
      <c r="AF30317">
        <v>37</v>
      </c>
      <c r="AG30317">
        <v>37</v>
      </c>
      <c r="AH30317">
        <v>38</v>
      </c>
      <c r="AI30317">
        <v>39</v>
      </c>
      <c r="AJ30317">
        <v>40</v>
      </c>
      <c r="AK30317">
        <v>41</v>
      </c>
      <c r="AL30317">
        <v>42</v>
      </c>
      <c r="AM30317">
        <v>42</v>
      </c>
      <c r="AN30317">
        <v>43</v>
      </c>
      <c r="AO30317">
        <v>43</v>
      </c>
      <c r="AP30317">
        <v>44</v>
      </c>
      <c r="AQ30317">
        <v>44</v>
      </c>
    </row>
    <row r="30318" spans="1:43">
      <c r="A30318" t="s">
        <v>18785</v>
      </c>
      <c r="B30318" t="s">
        <v>18786</v>
      </c>
      <c r="C30318" t="s">
        <v>18787</v>
      </c>
      <c r="D30318" t="s">
        <v>18788</v>
      </c>
      <c r="E30318" t="s">
        <v>18691</v>
      </c>
      <c r="F30318" t="s">
        <v>18692</v>
      </c>
      <c r="G30318" t="s">
        <v>10734</v>
      </c>
      <c r="H30318" t="s">
        <v>10735</v>
      </c>
      <c r="I30318" s="2">
        <v>0</v>
      </c>
      <c r="J30318" s="2">
        <v>0</v>
      </c>
      <c r="K30318" s="2">
        <v>1</v>
      </c>
      <c r="L30318" t="s">
        <v>995</v>
      </c>
      <c r="M30318" t="s">
        <v>83</v>
      </c>
      <c r="N30318" t="s">
        <v>84</v>
      </c>
      <c r="O30318" t="s">
        <v>85</v>
      </c>
      <c r="P30318" t="s">
        <v>86</v>
      </c>
      <c r="Q30318">
        <v>41</v>
      </c>
      <c r="R30318">
        <v>42</v>
      </c>
      <c r="S30318">
        <v>43</v>
      </c>
      <c r="T30318">
        <v>45</v>
      </c>
      <c r="U30318">
        <v>46</v>
      </c>
      <c r="V30318">
        <v>47</v>
      </c>
      <c r="W30318">
        <v>48</v>
      </c>
      <c r="X30318">
        <v>50</v>
      </c>
      <c r="Y30318">
        <v>51</v>
      </c>
      <c r="Z30318">
        <v>52</v>
      </c>
      <c r="AA30318">
        <v>54</v>
      </c>
      <c r="AB30318">
        <v>55</v>
      </c>
      <c r="AC30318">
        <v>56</v>
      </c>
      <c r="AD30318">
        <v>58</v>
      </c>
      <c r="AE30318">
        <v>59</v>
      </c>
      <c r="AF30318">
        <v>61</v>
      </c>
      <c r="AG30318">
        <v>62</v>
      </c>
      <c r="AH30318">
        <v>63</v>
      </c>
      <c r="AI30318">
        <v>65</v>
      </c>
      <c r="AJ30318">
        <v>67</v>
      </c>
      <c r="AK30318">
        <v>68</v>
      </c>
      <c r="AL30318">
        <v>69</v>
      </c>
      <c r="AM30318">
        <v>70</v>
      </c>
      <c r="AN30318">
        <v>71</v>
      </c>
      <c r="AO30318">
        <v>72</v>
      </c>
      <c r="AP30318">
        <v>73</v>
      </c>
      <c r="AQ30318">
        <v>74</v>
      </c>
    </row>
    <row r="30319" spans="1:43">
      <c r="A30319" t="s">
        <v>18785</v>
      </c>
      <c r="B30319" t="s">
        <v>18786</v>
      </c>
      <c r="C30319" t="s">
        <v>18787</v>
      </c>
      <c r="D30319" t="s">
        <v>18788</v>
      </c>
      <c r="E30319" t="s">
        <v>18691</v>
      </c>
      <c r="F30319" t="s">
        <v>18692</v>
      </c>
      <c r="G30319" t="s">
        <v>10734</v>
      </c>
      <c r="H30319" t="s">
        <v>10735</v>
      </c>
      <c r="I30319" s="2">
        <v>0</v>
      </c>
      <c r="J30319" s="2">
        <v>0</v>
      </c>
      <c r="K30319" s="2">
        <v>1</v>
      </c>
      <c r="L30319" t="s">
        <v>995</v>
      </c>
      <c r="M30319" t="s">
        <v>87</v>
      </c>
      <c r="N30319" t="s">
        <v>88</v>
      </c>
      <c r="O30319" t="s">
        <v>85</v>
      </c>
      <c r="P30319" t="s">
        <v>86</v>
      </c>
      <c r="Q30319">
        <v>41</v>
      </c>
      <c r="R30319">
        <v>41</v>
      </c>
      <c r="S30319">
        <v>42</v>
      </c>
      <c r="T30319">
        <v>43</v>
      </c>
      <c r="U30319">
        <v>44</v>
      </c>
      <c r="V30319">
        <v>45</v>
      </c>
      <c r="W30319">
        <v>45</v>
      </c>
      <c r="X30319">
        <v>46</v>
      </c>
      <c r="Y30319">
        <v>47</v>
      </c>
      <c r="Z30319">
        <v>48</v>
      </c>
      <c r="AA30319">
        <v>49</v>
      </c>
      <c r="AB30319">
        <v>50</v>
      </c>
      <c r="AC30319">
        <v>51</v>
      </c>
      <c r="AD30319">
        <v>51</v>
      </c>
      <c r="AE30319">
        <v>52</v>
      </c>
      <c r="AF30319">
        <v>53</v>
      </c>
      <c r="AG30319">
        <v>54</v>
      </c>
      <c r="AH30319">
        <v>55</v>
      </c>
      <c r="AI30319">
        <v>56</v>
      </c>
      <c r="AJ30319">
        <v>57</v>
      </c>
      <c r="AK30319">
        <v>58</v>
      </c>
      <c r="AL30319">
        <v>59</v>
      </c>
      <c r="AM30319">
        <v>60</v>
      </c>
      <c r="AN30319">
        <v>61</v>
      </c>
      <c r="AO30319">
        <v>62</v>
      </c>
      <c r="AP30319">
        <v>63</v>
      </c>
      <c r="AQ30319">
        <v>64</v>
      </c>
    </row>
    <row r="30320" spans="1:43">
      <c r="A30320" t="s">
        <v>18785</v>
      </c>
      <c r="B30320" t="s">
        <v>18786</v>
      </c>
      <c r="C30320" t="s">
        <v>18787</v>
      </c>
      <c r="D30320" t="s">
        <v>18788</v>
      </c>
      <c r="E30320" t="s">
        <v>18691</v>
      </c>
      <c r="F30320" t="s">
        <v>18692</v>
      </c>
      <c r="G30320" t="s">
        <v>10734</v>
      </c>
      <c r="H30320" t="s">
        <v>10735</v>
      </c>
      <c r="I30320" s="2">
        <v>0</v>
      </c>
      <c r="J30320" s="2">
        <v>0</v>
      </c>
      <c r="K30320" s="2">
        <v>1</v>
      </c>
      <c r="L30320" t="s">
        <v>995</v>
      </c>
      <c r="M30320" t="s">
        <v>89</v>
      </c>
      <c r="N30320" t="s">
        <v>90</v>
      </c>
      <c r="O30320" t="s">
        <v>85</v>
      </c>
      <c r="P30320" t="s">
        <v>86</v>
      </c>
      <c r="Q30320">
        <v>41</v>
      </c>
      <c r="R30320">
        <v>43</v>
      </c>
      <c r="S30320">
        <v>45</v>
      </c>
      <c r="T30320">
        <v>46</v>
      </c>
      <c r="U30320">
        <v>48</v>
      </c>
      <c r="V30320">
        <v>49</v>
      </c>
      <c r="W30320">
        <v>51</v>
      </c>
      <c r="X30320">
        <v>52</v>
      </c>
      <c r="Y30320">
        <v>54</v>
      </c>
      <c r="Z30320">
        <v>55</v>
      </c>
      <c r="AA30320">
        <v>57</v>
      </c>
      <c r="AB30320">
        <v>59</v>
      </c>
      <c r="AC30320">
        <v>60</v>
      </c>
      <c r="AD30320">
        <v>62</v>
      </c>
      <c r="AE30320">
        <v>63</v>
      </c>
      <c r="AF30320">
        <v>64</v>
      </c>
      <c r="AG30320">
        <v>65</v>
      </c>
      <c r="AH30320">
        <v>66</v>
      </c>
      <c r="AI30320">
        <v>67</v>
      </c>
      <c r="AJ30320">
        <v>68</v>
      </c>
      <c r="AK30320">
        <v>69</v>
      </c>
      <c r="AL30320">
        <v>69</v>
      </c>
      <c r="AM30320">
        <v>70</v>
      </c>
      <c r="AN30320">
        <v>71</v>
      </c>
      <c r="AO30320">
        <v>72</v>
      </c>
      <c r="AP30320">
        <v>73</v>
      </c>
      <c r="AQ30320">
        <v>74</v>
      </c>
    </row>
    <row r="30321" spans="1:43">
      <c r="A30321" t="s">
        <v>18785</v>
      </c>
      <c r="B30321" t="s">
        <v>18786</v>
      </c>
      <c r="C30321" t="s">
        <v>18787</v>
      </c>
      <c r="D30321" t="s">
        <v>18788</v>
      </c>
      <c r="E30321" t="s">
        <v>18691</v>
      </c>
      <c r="F30321" t="s">
        <v>18692</v>
      </c>
      <c r="G30321" t="s">
        <v>10734</v>
      </c>
      <c r="H30321" t="s">
        <v>10735</v>
      </c>
      <c r="I30321" s="2">
        <v>0</v>
      </c>
      <c r="J30321" s="2">
        <v>0</v>
      </c>
      <c r="K30321" s="2">
        <v>1</v>
      </c>
      <c r="L30321" t="s">
        <v>995</v>
      </c>
      <c r="M30321" t="s">
        <v>83</v>
      </c>
      <c r="N30321" t="s">
        <v>91</v>
      </c>
      <c r="O30321" t="s">
        <v>85</v>
      </c>
      <c r="P30321" t="s">
        <v>86</v>
      </c>
      <c r="Q30321">
        <v>41</v>
      </c>
      <c r="R30321">
        <v>42</v>
      </c>
      <c r="S30321">
        <v>43</v>
      </c>
      <c r="T30321">
        <v>45</v>
      </c>
      <c r="U30321">
        <v>46</v>
      </c>
      <c r="V30321">
        <v>47</v>
      </c>
      <c r="W30321">
        <v>48</v>
      </c>
      <c r="X30321">
        <v>50</v>
      </c>
      <c r="Y30321">
        <v>51</v>
      </c>
      <c r="Z30321">
        <v>52</v>
      </c>
      <c r="AA30321">
        <v>54</v>
      </c>
      <c r="AB30321">
        <v>55</v>
      </c>
      <c r="AC30321">
        <v>56</v>
      </c>
      <c r="AD30321">
        <v>58</v>
      </c>
      <c r="AE30321">
        <v>59</v>
      </c>
      <c r="AF30321">
        <v>61</v>
      </c>
      <c r="AG30321">
        <v>62</v>
      </c>
      <c r="AH30321">
        <v>63</v>
      </c>
      <c r="AI30321">
        <v>65</v>
      </c>
      <c r="AJ30321">
        <v>67</v>
      </c>
      <c r="AK30321">
        <v>68</v>
      </c>
      <c r="AL30321">
        <v>69</v>
      </c>
      <c r="AM30321">
        <v>70</v>
      </c>
      <c r="AN30321">
        <v>71</v>
      </c>
      <c r="AO30321">
        <v>72</v>
      </c>
      <c r="AP30321">
        <v>73</v>
      </c>
      <c r="AQ30321">
        <v>74</v>
      </c>
    </row>
    <row r="30322" spans="1:43">
      <c r="A30322" t="s">
        <v>18789</v>
      </c>
      <c r="B30322" t="s">
        <v>18790</v>
      </c>
      <c r="C30322" t="s">
        <v>18791</v>
      </c>
      <c r="D30322" t="s">
        <v>18792</v>
      </c>
      <c r="E30322" t="s">
        <v>18691</v>
      </c>
      <c r="F30322" t="s">
        <v>18692</v>
      </c>
      <c r="G30322" t="s">
        <v>10734</v>
      </c>
      <c r="H30322" t="s">
        <v>10735</v>
      </c>
      <c r="I30322" s="2">
        <v>0</v>
      </c>
      <c r="J30322" s="2">
        <v>0</v>
      </c>
      <c r="K30322" s="2">
        <v>1</v>
      </c>
      <c r="L30322" t="s">
        <v>995</v>
      </c>
      <c r="M30322" t="s">
        <v>83</v>
      </c>
      <c r="N30322" t="s">
        <v>84</v>
      </c>
      <c r="O30322" t="s">
        <v>85</v>
      </c>
      <c r="P30322" t="s">
        <v>86</v>
      </c>
      <c r="Q30322">
        <v>19</v>
      </c>
      <c r="R30322">
        <v>19</v>
      </c>
      <c r="S30322">
        <v>20</v>
      </c>
      <c r="T30322">
        <v>21</v>
      </c>
      <c r="U30322">
        <v>21</v>
      </c>
      <c r="V30322">
        <v>22</v>
      </c>
      <c r="W30322">
        <v>22</v>
      </c>
      <c r="X30322">
        <v>23</v>
      </c>
      <c r="Y30322">
        <v>24</v>
      </c>
      <c r="Z30322">
        <v>24</v>
      </c>
      <c r="AA30322">
        <v>25</v>
      </c>
      <c r="AB30322">
        <v>25</v>
      </c>
      <c r="AC30322">
        <v>26</v>
      </c>
      <c r="AD30322">
        <v>27</v>
      </c>
      <c r="AE30322">
        <v>27</v>
      </c>
      <c r="AF30322">
        <v>28</v>
      </c>
      <c r="AG30322">
        <v>29</v>
      </c>
      <c r="AH30322">
        <v>30</v>
      </c>
      <c r="AI30322">
        <v>30</v>
      </c>
      <c r="AJ30322">
        <v>31</v>
      </c>
      <c r="AK30322">
        <v>32</v>
      </c>
      <c r="AL30322">
        <v>32</v>
      </c>
      <c r="AM30322">
        <v>33</v>
      </c>
      <c r="AN30322">
        <v>33</v>
      </c>
      <c r="AO30322">
        <v>34</v>
      </c>
      <c r="AP30322">
        <v>34</v>
      </c>
      <c r="AQ30322">
        <v>35</v>
      </c>
    </row>
    <row r="30323" spans="1:43">
      <c r="A30323" t="s">
        <v>18789</v>
      </c>
      <c r="B30323" t="s">
        <v>18790</v>
      </c>
      <c r="C30323" t="s">
        <v>18791</v>
      </c>
      <c r="D30323" t="s">
        <v>18792</v>
      </c>
      <c r="E30323" t="s">
        <v>18691</v>
      </c>
      <c r="F30323" t="s">
        <v>18692</v>
      </c>
      <c r="G30323" t="s">
        <v>10734</v>
      </c>
      <c r="H30323" t="s">
        <v>10735</v>
      </c>
      <c r="I30323" s="2">
        <v>0</v>
      </c>
      <c r="J30323" s="2">
        <v>0</v>
      </c>
      <c r="K30323" s="2">
        <v>1</v>
      </c>
      <c r="L30323" t="s">
        <v>995</v>
      </c>
      <c r="M30323" t="s">
        <v>87</v>
      </c>
      <c r="N30323" t="s">
        <v>88</v>
      </c>
      <c r="O30323" t="s">
        <v>85</v>
      </c>
      <c r="P30323" t="s">
        <v>86</v>
      </c>
      <c r="Q30323">
        <v>19</v>
      </c>
      <c r="R30323">
        <v>19</v>
      </c>
      <c r="S30323">
        <v>19</v>
      </c>
      <c r="T30323">
        <v>20</v>
      </c>
      <c r="U30323">
        <v>20</v>
      </c>
      <c r="V30323">
        <v>21</v>
      </c>
      <c r="W30323">
        <v>21</v>
      </c>
      <c r="X30323">
        <v>21</v>
      </c>
      <c r="Y30323">
        <v>22</v>
      </c>
      <c r="Z30323">
        <v>22</v>
      </c>
      <c r="AA30323">
        <v>23</v>
      </c>
      <c r="AB30323">
        <v>23</v>
      </c>
      <c r="AC30323">
        <v>23</v>
      </c>
      <c r="AD30323">
        <v>24</v>
      </c>
      <c r="AE30323">
        <v>24</v>
      </c>
      <c r="AF30323">
        <v>25</v>
      </c>
      <c r="AG30323">
        <v>25</v>
      </c>
      <c r="AH30323">
        <v>26</v>
      </c>
      <c r="AI30323">
        <v>26</v>
      </c>
      <c r="AJ30323">
        <v>27</v>
      </c>
      <c r="AK30323">
        <v>27</v>
      </c>
      <c r="AL30323">
        <v>27</v>
      </c>
      <c r="AM30323">
        <v>28</v>
      </c>
      <c r="AN30323">
        <v>28</v>
      </c>
      <c r="AO30323">
        <v>29</v>
      </c>
      <c r="AP30323">
        <v>29</v>
      </c>
      <c r="AQ30323">
        <v>30</v>
      </c>
    </row>
    <row r="30324" spans="1:43">
      <c r="A30324" t="s">
        <v>18789</v>
      </c>
      <c r="B30324" t="s">
        <v>18790</v>
      </c>
      <c r="C30324" t="s">
        <v>18791</v>
      </c>
      <c r="D30324" t="s">
        <v>18792</v>
      </c>
      <c r="E30324" t="s">
        <v>18691</v>
      </c>
      <c r="F30324" t="s">
        <v>18692</v>
      </c>
      <c r="G30324" t="s">
        <v>10734</v>
      </c>
      <c r="H30324" t="s">
        <v>10735</v>
      </c>
      <c r="I30324" s="2">
        <v>0</v>
      </c>
      <c r="J30324" s="2">
        <v>0</v>
      </c>
      <c r="K30324" s="2">
        <v>1</v>
      </c>
      <c r="L30324" t="s">
        <v>995</v>
      </c>
      <c r="M30324" t="s">
        <v>89</v>
      </c>
      <c r="N30324" t="s">
        <v>90</v>
      </c>
      <c r="O30324" t="s">
        <v>85</v>
      </c>
      <c r="P30324" t="s">
        <v>86</v>
      </c>
      <c r="Q30324">
        <v>19</v>
      </c>
      <c r="R30324">
        <v>20</v>
      </c>
      <c r="S30324">
        <v>21</v>
      </c>
      <c r="T30324">
        <v>21</v>
      </c>
      <c r="U30324">
        <v>22</v>
      </c>
      <c r="V30324">
        <v>23</v>
      </c>
      <c r="W30324">
        <v>23</v>
      </c>
      <c r="X30324">
        <v>24</v>
      </c>
      <c r="Y30324">
        <v>25</v>
      </c>
      <c r="Z30324">
        <v>26</v>
      </c>
      <c r="AA30324">
        <v>26</v>
      </c>
      <c r="AB30324">
        <v>27</v>
      </c>
      <c r="AC30324">
        <v>28</v>
      </c>
      <c r="AD30324">
        <v>29</v>
      </c>
      <c r="AE30324">
        <v>29</v>
      </c>
      <c r="AF30324">
        <v>30</v>
      </c>
      <c r="AG30324">
        <v>30</v>
      </c>
      <c r="AH30324">
        <v>31</v>
      </c>
      <c r="AI30324">
        <v>31</v>
      </c>
      <c r="AJ30324">
        <v>32</v>
      </c>
      <c r="AK30324">
        <v>32</v>
      </c>
      <c r="AL30324">
        <v>33</v>
      </c>
      <c r="AM30324">
        <v>33</v>
      </c>
      <c r="AN30324">
        <v>33</v>
      </c>
      <c r="AO30324">
        <v>34</v>
      </c>
      <c r="AP30324">
        <v>34</v>
      </c>
      <c r="AQ30324">
        <v>35</v>
      </c>
    </row>
    <row r="30325" spans="1:43">
      <c r="A30325" t="s">
        <v>18789</v>
      </c>
      <c r="B30325" t="s">
        <v>18790</v>
      </c>
      <c r="C30325" t="s">
        <v>18791</v>
      </c>
      <c r="D30325" t="s">
        <v>18792</v>
      </c>
      <c r="E30325" t="s">
        <v>18691</v>
      </c>
      <c r="F30325" t="s">
        <v>18692</v>
      </c>
      <c r="G30325" t="s">
        <v>10734</v>
      </c>
      <c r="H30325" t="s">
        <v>10735</v>
      </c>
      <c r="I30325" s="2">
        <v>0</v>
      </c>
      <c r="J30325" s="2">
        <v>0</v>
      </c>
      <c r="K30325" s="2">
        <v>1</v>
      </c>
      <c r="L30325" t="s">
        <v>995</v>
      </c>
      <c r="M30325" t="s">
        <v>83</v>
      </c>
      <c r="N30325" t="s">
        <v>91</v>
      </c>
      <c r="O30325" t="s">
        <v>85</v>
      </c>
      <c r="P30325" t="s">
        <v>86</v>
      </c>
      <c r="Q30325">
        <v>19</v>
      </c>
      <c r="R30325">
        <v>19</v>
      </c>
      <c r="S30325">
        <v>20</v>
      </c>
      <c r="T30325">
        <v>21</v>
      </c>
      <c r="U30325">
        <v>21</v>
      </c>
      <c r="V30325">
        <v>22</v>
      </c>
      <c r="W30325">
        <v>22</v>
      </c>
      <c r="X30325">
        <v>23</v>
      </c>
      <c r="Y30325">
        <v>24</v>
      </c>
      <c r="Z30325">
        <v>24</v>
      </c>
      <c r="AA30325">
        <v>25</v>
      </c>
      <c r="AB30325">
        <v>25</v>
      </c>
      <c r="AC30325">
        <v>26</v>
      </c>
      <c r="AD30325">
        <v>27</v>
      </c>
      <c r="AE30325">
        <v>27</v>
      </c>
      <c r="AF30325">
        <v>28</v>
      </c>
      <c r="AG30325">
        <v>29</v>
      </c>
      <c r="AH30325">
        <v>30</v>
      </c>
      <c r="AI30325">
        <v>30</v>
      </c>
      <c r="AJ30325">
        <v>31</v>
      </c>
      <c r="AK30325">
        <v>32</v>
      </c>
      <c r="AL30325">
        <v>32</v>
      </c>
      <c r="AM30325">
        <v>33</v>
      </c>
      <c r="AN30325">
        <v>33</v>
      </c>
      <c r="AO30325">
        <v>34</v>
      </c>
      <c r="AP30325">
        <v>34</v>
      </c>
      <c r="AQ30325">
        <v>35</v>
      </c>
    </row>
    <row r="30326" spans="1:43">
      <c r="A30326" t="s">
        <v>18793</v>
      </c>
      <c r="B30326" t="s">
        <v>18794</v>
      </c>
      <c r="C30326" t="s">
        <v>18709</v>
      </c>
      <c r="D30326" t="s">
        <v>18710</v>
      </c>
      <c r="E30326" t="s">
        <v>18691</v>
      </c>
      <c r="F30326" t="s">
        <v>18692</v>
      </c>
      <c r="G30326" t="s">
        <v>10734</v>
      </c>
      <c r="H30326" t="s">
        <v>10735</v>
      </c>
      <c r="I30326" s="2">
        <v>0</v>
      </c>
      <c r="J30326" s="2">
        <v>0</v>
      </c>
      <c r="K30326" s="2">
        <v>1</v>
      </c>
      <c r="L30326" t="s">
        <v>995</v>
      </c>
      <c r="M30326" t="s">
        <v>83</v>
      </c>
      <c r="N30326" t="s">
        <v>84</v>
      </c>
      <c r="O30326" t="s">
        <v>85</v>
      </c>
      <c r="P30326" t="s">
        <v>86</v>
      </c>
      <c r="Q30326">
        <v>28</v>
      </c>
      <c r="R30326">
        <v>29</v>
      </c>
      <c r="S30326">
        <v>29</v>
      </c>
      <c r="T30326">
        <v>29</v>
      </c>
      <c r="U30326">
        <v>30</v>
      </c>
      <c r="V30326">
        <v>30</v>
      </c>
      <c r="W30326">
        <v>30</v>
      </c>
      <c r="X30326">
        <v>31</v>
      </c>
      <c r="Y30326">
        <v>31</v>
      </c>
      <c r="Z30326">
        <v>31</v>
      </c>
      <c r="AA30326">
        <v>32</v>
      </c>
      <c r="AB30326">
        <v>32</v>
      </c>
      <c r="AC30326">
        <v>32</v>
      </c>
      <c r="AD30326">
        <v>33</v>
      </c>
      <c r="AE30326">
        <v>33</v>
      </c>
      <c r="AF30326">
        <v>33</v>
      </c>
      <c r="AG30326">
        <v>34</v>
      </c>
      <c r="AH30326">
        <v>34</v>
      </c>
      <c r="AI30326">
        <v>34</v>
      </c>
      <c r="AJ30326">
        <v>34</v>
      </c>
      <c r="AK30326">
        <v>35</v>
      </c>
      <c r="AL30326">
        <v>35</v>
      </c>
      <c r="AM30326">
        <v>35</v>
      </c>
      <c r="AN30326">
        <v>35</v>
      </c>
      <c r="AO30326">
        <v>35</v>
      </c>
      <c r="AP30326">
        <v>35</v>
      </c>
      <c r="AQ30326">
        <v>34</v>
      </c>
    </row>
    <row r="30327" spans="1:43">
      <c r="A30327" t="s">
        <v>18793</v>
      </c>
      <c r="B30327" t="s">
        <v>18794</v>
      </c>
      <c r="C30327" t="s">
        <v>18709</v>
      </c>
      <c r="D30327" t="s">
        <v>18710</v>
      </c>
      <c r="E30327" t="s">
        <v>18691</v>
      </c>
      <c r="F30327" t="s">
        <v>18692</v>
      </c>
      <c r="G30327" t="s">
        <v>10734</v>
      </c>
      <c r="H30327" t="s">
        <v>10735</v>
      </c>
      <c r="I30327" s="2">
        <v>0</v>
      </c>
      <c r="J30327" s="2">
        <v>0</v>
      </c>
      <c r="K30327" s="2">
        <v>1</v>
      </c>
      <c r="L30327" t="s">
        <v>995</v>
      </c>
      <c r="M30327" t="s">
        <v>87</v>
      </c>
      <c r="N30327" t="s">
        <v>88</v>
      </c>
      <c r="O30327" t="s">
        <v>85</v>
      </c>
      <c r="P30327" t="s">
        <v>86</v>
      </c>
      <c r="Q30327">
        <v>28</v>
      </c>
      <c r="R30327">
        <v>28</v>
      </c>
      <c r="S30327">
        <v>28</v>
      </c>
      <c r="T30327">
        <v>28</v>
      </c>
      <c r="U30327">
        <v>28</v>
      </c>
      <c r="V30327">
        <v>29</v>
      </c>
      <c r="W30327">
        <v>29</v>
      </c>
      <c r="X30327">
        <v>29</v>
      </c>
      <c r="Y30327">
        <v>29</v>
      </c>
      <c r="Z30327">
        <v>29</v>
      </c>
      <c r="AA30327">
        <v>29</v>
      </c>
      <c r="AB30327">
        <v>29</v>
      </c>
      <c r="AC30327">
        <v>29</v>
      </c>
      <c r="AD30327">
        <v>29</v>
      </c>
      <c r="AE30327">
        <v>29</v>
      </c>
      <c r="AF30327">
        <v>29</v>
      </c>
      <c r="AG30327">
        <v>29</v>
      </c>
      <c r="AH30327">
        <v>29</v>
      </c>
      <c r="AI30327">
        <v>29</v>
      </c>
      <c r="AJ30327">
        <v>30</v>
      </c>
      <c r="AK30327">
        <v>30</v>
      </c>
      <c r="AL30327">
        <v>30</v>
      </c>
      <c r="AM30327">
        <v>30</v>
      </c>
      <c r="AN30327">
        <v>30</v>
      </c>
      <c r="AO30327">
        <v>30</v>
      </c>
      <c r="AP30327">
        <v>30</v>
      </c>
      <c r="AQ30327">
        <v>30</v>
      </c>
    </row>
    <row r="30328" spans="1:43">
      <c r="A30328" t="s">
        <v>18793</v>
      </c>
      <c r="B30328" t="s">
        <v>18794</v>
      </c>
      <c r="C30328" t="s">
        <v>18709</v>
      </c>
      <c r="D30328" t="s">
        <v>18710</v>
      </c>
      <c r="E30328" t="s">
        <v>18691</v>
      </c>
      <c r="F30328" t="s">
        <v>18692</v>
      </c>
      <c r="G30328" t="s">
        <v>10734</v>
      </c>
      <c r="H30328" t="s">
        <v>10735</v>
      </c>
      <c r="I30328" s="2">
        <v>0</v>
      </c>
      <c r="J30328" s="2">
        <v>0</v>
      </c>
      <c r="K30328" s="2">
        <v>1</v>
      </c>
      <c r="L30328" t="s">
        <v>995</v>
      </c>
      <c r="M30328" t="s">
        <v>89</v>
      </c>
      <c r="N30328" t="s">
        <v>90</v>
      </c>
      <c r="O30328" t="s">
        <v>85</v>
      </c>
      <c r="P30328" t="s">
        <v>86</v>
      </c>
      <c r="Q30328">
        <v>28</v>
      </c>
      <c r="R30328">
        <v>28</v>
      </c>
      <c r="S30328">
        <v>29</v>
      </c>
      <c r="T30328">
        <v>29</v>
      </c>
      <c r="U30328">
        <v>30</v>
      </c>
      <c r="V30328">
        <v>30</v>
      </c>
      <c r="W30328">
        <v>31</v>
      </c>
      <c r="X30328">
        <v>31</v>
      </c>
      <c r="Y30328">
        <v>32</v>
      </c>
      <c r="Z30328">
        <v>32</v>
      </c>
      <c r="AA30328">
        <v>33</v>
      </c>
      <c r="AB30328">
        <v>33</v>
      </c>
      <c r="AC30328">
        <v>34</v>
      </c>
      <c r="AD30328">
        <v>34</v>
      </c>
      <c r="AE30328">
        <v>34</v>
      </c>
      <c r="AF30328">
        <v>34</v>
      </c>
      <c r="AG30328">
        <v>34</v>
      </c>
      <c r="AH30328">
        <v>34</v>
      </c>
      <c r="AI30328">
        <v>34</v>
      </c>
      <c r="AJ30328">
        <v>34</v>
      </c>
      <c r="AK30328">
        <v>34</v>
      </c>
      <c r="AL30328">
        <v>34</v>
      </c>
      <c r="AM30328">
        <v>34</v>
      </c>
      <c r="AN30328">
        <v>34</v>
      </c>
      <c r="AO30328">
        <v>34</v>
      </c>
      <c r="AP30328">
        <v>34</v>
      </c>
      <c r="AQ30328">
        <v>34</v>
      </c>
    </row>
    <row r="30329" spans="1:43">
      <c r="A30329" t="s">
        <v>18793</v>
      </c>
      <c r="B30329" t="s">
        <v>18794</v>
      </c>
      <c r="C30329" t="s">
        <v>18709</v>
      </c>
      <c r="D30329" t="s">
        <v>18710</v>
      </c>
      <c r="E30329" t="s">
        <v>18691</v>
      </c>
      <c r="F30329" t="s">
        <v>18692</v>
      </c>
      <c r="G30329" t="s">
        <v>10734</v>
      </c>
      <c r="H30329" t="s">
        <v>10735</v>
      </c>
      <c r="I30329" s="2">
        <v>0</v>
      </c>
      <c r="J30329" s="2">
        <v>0</v>
      </c>
      <c r="K30329" s="2">
        <v>1</v>
      </c>
      <c r="L30329" t="s">
        <v>995</v>
      </c>
      <c r="M30329" t="s">
        <v>83</v>
      </c>
      <c r="N30329" t="s">
        <v>91</v>
      </c>
      <c r="O30329" t="s">
        <v>85</v>
      </c>
      <c r="P30329" t="s">
        <v>86</v>
      </c>
      <c r="Q30329">
        <v>28</v>
      </c>
      <c r="R30329">
        <v>29</v>
      </c>
      <c r="S30329">
        <v>29</v>
      </c>
      <c r="T30329">
        <v>29</v>
      </c>
      <c r="U30329">
        <v>30</v>
      </c>
      <c r="V30329">
        <v>30</v>
      </c>
      <c r="W30329">
        <v>30</v>
      </c>
      <c r="X30329">
        <v>31</v>
      </c>
      <c r="Y30329">
        <v>31</v>
      </c>
      <c r="Z30329">
        <v>31</v>
      </c>
      <c r="AA30329">
        <v>32</v>
      </c>
      <c r="AB30329">
        <v>32</v>
      </c>
      <c r="AC30329">
        <v>32</v>
      </c>
      <c r="AD30329">
        <v>33</v>
      </c>
      <c r="AE30329">
        <v>33</v>
      </c>
      <c r="AF30329">
        <v>33</v>
      </c>
      <c r="AG30329">
        <v>34</v>
      </c>
      <c r="AH30329">
        <v>34</v>
      </c>
      <c r="AI30329">
        <v>34</v>
      </c>
      <c r="AJ30329">
        <v>34</v>
      </c>
      <c r="AK30329">
        <v>35</v>
      </c>
      <c r="AL30329">
        <v>35</v>
      </c>
      <c r="AM30329">
        <v>35</v>
      </c>
      <c r="AN30329">
        <v>35</v>
      </c>
      <c r="AO30329">
        <v>35</v>
      </c>
      <c r="AP30329">
        <v>35</v>
      </c>
      <c r="AQ30329">
        <v>34</v>
      </c>
    </row>
    <row r="30330" spans="1:43">
      <c r="A30330" t="s">
        <v>18795</v>
      </c>
      <c r="B30330" t="s">
        <v>18796</v>
      </c>
      <c r="C30330" t="s">
        <v>18791</v>
      </c>
      <c r="D30330" t="s">
        <v>18792</v>
      </c>
      <c r="E30330" t="s">
        <v>18691</v>
      </c>
      <c r="F30330" t="s">
        <v>18692</v>
      </c>
      <c r="G30330" t="s">
        <v>10734</v>
      </c>
      <c r="H30330" t="s">
        <v>10735</v>
      </c>
      <c r="I30330" s="2">
        <v>0</v>
      </c>
      <c r="J30330" s="2">
        <v>0</v>
      </c>
      <c r="K30330" s="2">
        <v>1</v>
      </c>
      <c r="L30330" t="s">
        <v>995</v>
      </c>
      <c r="M30330" t="s">
        <v>83</v>
      </c>
      <c r="N30330" t="s">
        <v>84</v>
      </c>
      <c r="O30330" t="s">
        <v>85</v>
      </c>
      <c r="P30330" t="s">
        <v>86</v>
      </c>
      <c r="Q30330">
        <v>14</v>
      </c>
      <c r="R30330">
        <v>14</v>
      </c>
      <c r="S30330">
        <v>14</v>
      </c>
      <c r="T30330">
        <v>15</v>
      </c>
      <c r="U30330">
        <v>15</v>
      </c>
      <c r="V30330">
        <v>16</v>
      </c>
      <c r="W30330">
        <v>16</v>
      </c>
      <c r="X30330">
        <v>16</v>
      </c>
      <c r="Y30330">
        <v>17</v>
      </c>
      <c r="Z30330">
        <v>17</v>
      </c>
      <c r="AA30330">
        <v>18</v>
      </c>
      <c r="AB30330">
        <v>18</v>
      </c>
      <c r="AC30330">
        <v>19</v>
      </c>
      <c r="AD30330">
        <v>19</v>
      </c>
      <c r="AE30330">
        <v>20</v>
      </c>
      <c r="AF30330">
        <v>20</v>
      </c>
      <c r="AG30330">
        <v>21</v>
      </c>
      <c r="AH30330">
        <v>21</v>
      </c>
      <c r="AI30330">
        <v>22</v>
      </c>
      <c r="AJ30330">
        <v>22</v>
      </c>
      <c r="AK30330">
        <v>23</v>
      </c>
      <c r="AL30330">
        <v>23</v>
      </c>
      <c r="AM30330">
        <v>23</v>
      </c>
      <c r="AN30330">
        <v>24</v>
      </c>
      <c r="AO30330">
        <v>24</v>
      </c>
      <c r="AP30330">
        <v>24</v>
      </c>
      <c r="AQ30330">
        <v>25</v>
      </c>
    </row>
    <row r="30331" spans="1:43">
      <c r="A30331" t="s">
        <v>18795</v>
      </c>
      <c r="B30331" t="s">
        <v>18796</v>
      </c>
      <c r="C30331" t="s">
        <v>18791</v>
      </c>
      <c r="D30331" t="s">
        <v>18792</v>
      </c>
      <c r="E30331" t="s">
        <v>18691</v>
      </c>
      <c r="F30331" t="s">
        <v>18692</v>
      </c>
      <c r="G30331" t="s">
        <v>10734</v>
      </c>
      <c r="H30331" t="s">
        <v>10735</v>
      </c>
      <c r="I30331" s="2">
        <v>0</v>
      </c>
      <c r="J30331" s="2">
        <v>0</v>
      </c>
      <c r="K30331" s="2">
        <v>1</v>
      </c>
      <c r="L30331" t="s">
        <v>995</v>
      </c>
      <c r="M30331" t="s">
        <v>87</v>
      </c>
      <c r="N30331" t="s">
        <v>88</v>
      </c>
      <c r="O30331" t="s">
        <v>85</v>
      </c>
      <c r="P30331" t="s">
        <v>86</v>
      </c>
      <c r="Q30331">
        <v>14</v>
      </c>
      <c r="R30331">
        <v>15</v>
      </c>
      <c r="S30331">
        <v>15</v>
      </c>
      <c r="T30331">
        <v>15</v>
      </c>
      <c r="U30331">
        <v>16</v>
      </c>
      <c r="V30331">
        <v>16</v>
      </c>
      <c r="W30331">
        <v>16</v>
      </c>
      <c r="X30331">
        <v>16</v>
      </c>
      <c r="Y30331">
        <v>17</v>
      </c>
      <c r="Z30331">
        <v>17</v>
      </c>
      <c r="AA30331">
        <v>17</v>
      </c>
      <c r="AB30331">
        <v>18</v>
      </c>
      <c r="AC30331">
        <v>18</v>
      </c>
      <c r="AD30331">
        <v>18</v>
      </c>
      <c r="AE30331">
        <v>18</v>
      </c>
      <c r="AF30331">
        <v>19</v>
      </c>
      <c r="AG30331">
        <v>19</v>
      </c>
      <c r="AH30331">
        <v>19</v>
      </c>
      <c r="AI30331">
        <v>20</v>
      </c>
      <c r="AJ30331">
        <v>20</v>
      </c>
      <c r="AK30331">
        <v>20</v>
      </c>
      <c r="AL30331">
        <v>21</v>
      </c>
      <c r="AM30331">
        <v>21</v>
      </c>
      <c r="AN30331">
        <v>21</v>
      </c>
      <c r="AO30331">
        <v>22</v>
      </c>
      <c r="AP30331">
        <v>22</v>
      </c>
      <c r="AQ30331">
        <v>22</v>
      </c>
    </row>
    <row r="30332" spans="1:43">
      <c r="A30332" t="s">
        <v>18795</v>
      </c>
      <c r="B30332" t="s">
        <v>18796</v>
      </c>
      <c r="C30332" t="s">
        <v>18791</v>
      </c>
      <c r="D30332" t="s">
        <v>18792</v>
      </c>
      <c r="E30332" t="s">
        <v>18691</v>
      </c>
      <c r="F30332" t="s">
        <v>18692</v>
      </c>
      <c r="G30332" t="s">
        <v>10734</v>
      </c>
      <c r="H30332" t="s">
        <v>10735</v>
      </c>
      <c r="I30332" s="2">
        <v>0</v>
      </c>
      <c r="J30332" s="2">
        <v>0</v>
      </c>
      <c r="K30332" s="2">
        <v>1</v>
      </c>
      <c r="L30332" t="s">
        <v>995</v>
      </c>
      <c r="M30332" t="s">
        <v>89</v>
      </c>
      <c r="N30332" t="s">
        <v>90</v>
      </c>
      <c r="O30332" t="s">
        <v>85</v>
      </c>
      <c r="P30332" t="s">
        <v>86</v>
      </c>
      <c r="Q30332">
        <v>14</v>
      </c>
      <c r="R30332">
        <v>14</v>
      </c>
      <c r="S30332">
        <v>15</v>
      </c>
      <c r="T30332">
        <v>15</v>
      </c>
      <c r="U30332">
        <v>16</v>
      </c>
      <c r="V30332">
        <v>16</v>
      </c>
      <c r="W30332">
        <v>17</v>
      </c>
      <c r="X30332">
        <v>17</v>
      </c>
      <c r="Y30332">
        <v>18</v>
      </c>
      <c r="Z30332">
        <v>18</v>
      </c>
      <c r="AA30332">
        <v>19</v>
      </c>
      <c r="AB30332">
        <v>20</v>
      </c>
      <c r="AC30332">
        <v>20</v>
      </c>
      <c r="AD30332">
        <v>21</v>
      </c>
      <c r="AE30332">
        <v>21</v>
      </c>
      <c r="AF30332">
        <v>21</v>
      </c>
      <c r="AG30332">
        <v>22</v>
      </c>
      <c r="AH30332">
        <v>22</v>
      </c>
      <c r="AI30332">
        <v>22</v>
      </c>
      <c r="AJ30332">
        <v>23</v>
      </c>
      <c r="AK30332">
        <v>23</v>
      </c>
      <c r="AL30332">
        <v>23</v>
      </c>
      <c r="AM30332">
        <v>24</v>
      </c>
      <c r="AN30332">
        <v>24</v>
      </c>
      <c r="AO30332">
        <v>24</v>
      </c>
      <c r="AP30332">
        <v>25</v>
      </c>
      <c r="AQ30332">
        <v>25</v>
      </c>
    </row>
    <row r="30333" spans="1:43">
      <c r="A30333" t="s">
        <v>18795</v>
      </c>
      <c r="B30333" t="s">
        <v>18796</v>
      </c>
      <c r="C30333" t="s">
        <v>18791</v>
      </c>
      <c r="D30333" t="s">
        <v>18792</v>
      </c>
      <c r="E30333" t="s">
        <v>18691</v>
      </c>
      <c r="F30333" t="s">
        <v>18692</v>
      </c>
      <c r="G30333" t="s">
        <v>10734</v>
      </c>
      <c r="H30333" t="s">
        <v>10735</v>
      </c>
      <c r="I30333" s="2">
        <v>0</v>
      </c>
      <c r="J30333" s="2">
        <v>0</v>
      </c>
      <c r="K30333" s="2">
        <v>1</v>
      </c>
      <c r="L30333" t="s">
        <v>995</v>
      </c>
      <c r="M30333" t="s">
        <v>83</v>
      </c>
      <c r="N30333" t="s">
        <v>91</v>
      </c>
      <c r="O30333" t="s">
        <v>85</v>
      </c>
      <c r="P30333" t="s">
        <v>86</v>
      </c>
      <c r="Q30333">
        <v>14</v>
      </c>
      <c r="R30333">
        <v>14</v>
      </c>
      <c r="S30333">
        <v>14</v>
      </c>
      <c r="T30333">
        <v>15</v>
      </c>
      <c r="U30333">
        <v>15</v>
      </c>
      <c r="V30333">
        <v>16</v>
      </c>
      <c r="W30333">
        <v>16</v>
      </c>
      <c r="X30333">
        <v>16</v>
      </c>
      <c r="Y30333">
        <v>17</v>
      </c>
      <c r="Z30333">
        <v>17</v>
      </c>
      <c r="AA30333">
        <v>18</v>
      </c>
      <c r="AB30333">
        <v>18</v>
      </c>
      <c r="AC30333">
        <v>19</v>
      </c>
      <c r="AD30333">
        <v>19</v>
      </c>
      <c r="AE30333">
        <v>20</v>
      </c>
      <c r="AF30333">
        <v>20</v>
      </c>
      <c r="AG30333">
        <v>21</v>
      </c>
      <c r="AH30333">
        <v>21</v>
      </c>
      <c r="AI30333">
        <v>22</v>
      </c>
      <c r="AJ30333">
        <v>22</v>
      </c>
      <c r="AK30333">
        <v>23</v>
      </c>
      <c r="AL30333">
        <v>23</v>
      </c>
      <c r="AM30333">
        <v>23</v>
      </c>
      <c r="AN30333">
        <v>24</v>
      </c>
      <c r="AO30333">
        <v>24</v>
      </c>
      <c r="AP30333">
        <v>24</v>
      </c>
      <c r="AQ30333">
        <v>25</v>
      </c>
    </row>
    <row r="30334" spans="1:43">
      <c r="A30334" t="s">
        <v>18797</v>
      </c>
      <c r="B30334" t="s">
        <v>18798</v>
      </c>
      <c r="C30334" t="s">
        <v>18787</v>
      </c>
      <c r="D30334" t="s">
        <v>18788</v>
      </c>
      <c r="E30334" t="s">
        <v>18691</v>
      </c>
      <c r="F30334" t="s">
        <v>18692</v>
      </c>
      <c r="G30334" t="s">
        <v>10734</v>
      </c>
      <c r="H30334" t="s">
        <v>10735</v>
      </c>
      <c r="I30334" s="2">
        <v>0</v>
      </c>
      <c r="J30334" s="2">
        <v>0</v>
      </c>
      <c r="K30334" s="2">
        <v>0.83</v>
      </c>
      <c r="L30334" t="s">
        <v>995</v>
      </c>
      <c r="M30334" t="s">
        <v>83</v>
      </c>
      <c r="N30334" t="s">
        <v>84</v>
      </c>
      <c r="O30334" t="s">
        <v>85</v>
      </c>
      <c r="P30334" t="s">
        <v>86</v>
      </c>
      <c r="Q30334">
        <v>39</v>
      </c>
      <c r="R30334">
        <v>40</v>
      </c>
      <c r="S30334">
        <v>41</v>
      </c>
      <c r="T30334">
        <v>43</v>
      </c>
      <c r="U30334">
        <v>44</v>
      </c>
      <c r="V30334">
        <v>45</v>
      </c>
      <c r="W30334">
        <v>46</v>
      </c>
      <c r="X30334">
        <v>47</v>
      </c>
      <c r="Y30334">
        <v>49</v>
      </c>
      <c r="Z30334">
        <v>50</v>
      </c>
      <c r="AA30334">
        <v>51</v>
      </c>
      <c r="AB30334">
        <v>53</v>
      </c>
      <c r="AC30334">
        <v>54</v>
      </c>
      <c r="AD30334">
        <v>56</v>
      </c>
      <c r="AE30334">
        <v>57</v>
      </c>
      <c r="AF30334">
        <v>58</v>
      </c>
      <c r="AG30334">
        <v>60</v>
      </c>
      <c r="AH30334">
        <v>61</v>
      </c>
      <c r="AI30334">
        <v>63</v>
      </c>
      <c r="AJ30334">
        <v>64</v>
      </c>
      <c r="AK30334">
        <v>66</v>
      </c>
      <c r="AL30334">
        <v>67</v>
      </c>
      <c r="AM30334">
        <v>68</v>
      </c>
      <c r="AN30334">
        <v>69</v>
      </c>
      <c r="AO30334">
        <v>70</v>
      </c>
      <c r="AP30334">
        <v>71</v>
      </c>
      <c r="AQ30334">
        <v>72</v>
      </c>
    </row>
    <row r="30335" spans="1:43">
      <c r="A30335" t="s">
        <v>18797</v>
      </c>
      <c r="B30335" t="s">
        <v>18798</v>
      </c>
      <c r="C30335" t="s">
        <v>18787</v>
      </c>
      <c r="D30335" t="s">
        <v>18788</v>
      </c>
      <c r="E30335" t="s">
        <v>18691</v>
      </c>
      <c r="F30335" t="s">
        <v>18692</v>
      </c>
      <c r="G30335" t="s">
        <v>10734</v>
      </c>
      <c r="H30335" t="s">
        <v>10735</v>
      </c>
      <c r="I30335" s="2">
        <v>0</v>
      </c>
      <c r="J30335" s="2">
        <v>0</v>
      </c>
      <c r="K30335" s="2">
        <v>0.83</v>
      </c>
      <c r="L30335" t="s">
        <v>995</v>
      </c>
      <c r="M30335" t="s">
        <v>87</v>
      </c>
      <c r="N30335" t="s">
        <v>88</v>
      </c>
      <c r="O30335" t="s">
        <v>85</v>
      </c>
      <c r="P30335" t="s">
        <v>86</v>
      </c>
      <c r="Q30335">
        <v>39</v>
      </c>
      <c r="R30335">
        <v>39</v>
      </c>
      <c r="S30335">
        <v>40</v>
      </c>
      <c r="T30335">
        <v>41</v>
      </c>
      <c r="U30335">
        <v>42</v>
      </c>
      <c r="V30335">
        <v>43</v>
      </c>
      <c r="W30335">
        <v>43</v>
      </c>
      <c r="X30335">
        <v>44</v>
      </c>
      <c r="Y30335">
        <v>45</v>
      </c>
      <c r="Z30335">
        <v>46</v>
      </c>
      <c r="AA30335">
        <v>47</v>
      </c>
      <c r="AB30335">
        <v>48</v>
      </c>
      <c r="AC30335">
        <v>49</v>
      </c>
      <c r="AD30335">
        <v>49</v>
      </c>
      <c r="AE30335">
        <v>50</v>
      </c>
      <c r="AF30335">
        <v>51</v>
      </c>
      <c r="AG30335">
        <v>52</v>
      </c>
      <c r="AH30335">
        <v>53</v>
      </c>
      <c r="AI30335">
        <v>54</v>
      </c>
      <c r="AJ30335">
        <v>55</v>
      </c>
      <c r="AK30335">
        <v>56</v>
      </c>
      <c r="AL30335">
        <v>57</v>
      </c>
      <c r="AM30335">
        <v>58</v>
      </c>
      <c r="AN30335">
        <v>59</v>
      </c>
      <c r="AO30335">
        <v>60</v>
      </c>
      <c r="AP30335">
        <v>61</v>
      </c>
      <c r="AQ30335">
        <v>63</v>
      </c>
    </row>
    <row r="30336" spans="1:43">
      <c r="A30336" t="s">
        <v>18797</v>
      </c>
      <c r="B30336" t="s">
        <v>18798</v>
      </c>
      <c r="C30336" t="s">
        <v>18787</v>
      </c>
      <c r="D30336" t="s">
        <v>18788</v>
      </c>
      <c r="E30336" t="s">
        <v>18691</v>
      </c>
      <c r="F30336" t="s">
        <v>18692</v>
      </c>
      <c r="G30336" t="s">
        <v>10734</v>
      </c>
      <c r="H30336" t="s">
        <v>10735</v>
      </c>
      <c r="I30336" s="2">
        <v>0</v>
      </c>
      <c r="J30336" s="2">
        <v>0</v>
      </c>
      <c r="K30336" s="2">
        <v>0.83</v>
      </c>
      <c r="L30336" t="s">
        <v>995</v>
      </c>
      <c r="M30336" t="s">
        <v>89</v>
      </c>
      <c r="N30336" t="s">
        <v>90</v>
      </c>
      <c r="O30336" t="s">
        <v>85</v>
      </c>
      <c r="P30336" t="s">
        <v>86</v>
      </c>
      <c r="Q30336">
        <v>39</v>
      </c>
      <c r="R30336">
        <v>41</v>
      </c>
      <c r="S30336">
        <v>42</v>
      </c>
      <c r="T30336">
        <v>44</v>
      </c>
      <c r="U30336">
        <v>45</v>
      </c>
      <c r="V30336">
        <v>47</v>
      </c>
      <c r="W30336">
        <v>49</v>
      </c>
      <c r="X30336">
        <v>50</v>
      </c>
      <c r="Y30336">
        <v>52</v>
      </c>
      <c r="Z30336">
        <v>53</v>
      </c>
      <c r="AA30336">
        <v>55</v>
      </c>
      <c r="AB30336">
        <v>56</v>
      </c>
      <c r="AC30336">
        <v>58</v>
      </c>
      <c r="AD30336">
        <v>60</v>
      </c>
      <c r="AE30336">
        <v>61</v>
      </c>
      <c r="AF30336">
        <v>62</v>
      </c>
      <c r="AG30336">
        <v>63</v>
      </c>
      <c r="AH30336">
        <v>64</v>
      </c>
      <c r="AI30336">
        <v>65</v>
      </c>
      <c r="AJ30336">
        <v>66</v>
      </c>
      <c r="AK30336">
        <v>67</v>
      </c>
      <c r="AL30336">
        <v>68</v>
      </c>
      <c r="AM30336">
        <v>68</v>
      </c>
      <c r="AN30336">
        <v>69</v>
      </c>
      <c r="AO30336">
        <v>70</v>
      </c>
      <c r="AP30336">
        <v>71</v>
      </c>
      <c r="AQ30336">
        <v>72</v>
      </c>
    </row>
    <row r="30337" spans="1:43">
      <c r="A30337" t="s">
        <v>18797</v>
      </c>
      <c r="B30337" t="s">
        <v>18798</v>
      </c>
      <c r="C30337" t="s">
        <v>18787</v>
      </c>
      <c r="D30337" t="s">
        <v>18788</v>
      </c>
      <c r="E30337" t="s">
        <v>18691</v>
      </c>
      <c r="F30337" t="s">
        <v>18692</v>
      </c>
      <c r="G30337" t="s">
        <v>10734</v>
      </c>
      <c r="H30337" t="s">
        <v>10735</v>
      </c>
      <c r="I30337" s="2">
        <v>0</v>
      </c>
      <c r="J30337" s="2">
        <v>0</v>
      </c>
      <c r="K30337" s="2">
        <v>0.83</v>
      </c>
      <c r="L30337" t="s">
        <v>995</v>
      </c>
      <c r="M30337" t="s">
        <v>83</v>
      </c>
      <c r="N30337" t="s">
        <v>91</v>
      </c>
      <c r="O30337" t="s">
        <v>85</v>
      </c>
      <c r="P30337" t="s">
        <v>86</v>
      </c>
      <c r="Q30337">
        <v>39</v>
      </c>
      <c r="R30337">
        <v>40</v>
      </c>
      <c r="S30337">
        <v>41</v>
      </c>
      <c r="T30337">
        <v>43</v>
      </c>
      <c r="U30337">
        <v>44</v>
      </c>
      <c r="V30337">
        <v>45</v>
      </c>
      <c r="W30337">
        <v>46</v>
      </c>
      <c r="X30337">
        <v>47</v>
      </c>
      <c r="Y30337">
        <v>49</v>
      </c>
      <c r="Z30337">
        <v>50</v>
      </c>
      <c r="AA30337">
        <v>51</v>
      </c>
      <c r="AB30337">
        <v>53</v>
      </c>
      <c r="AC30337">
        <v>54</v>
      </c>
      <c r="AD30337">
        <v>56</v>
      </c>
      <c r="AE30337">
        <v>57</v>
      </c>
      <c r="AF30337">
        <v>58</v>
      </c>
      <c r="AG30337">
        <v>60</v>
      </c>
      <c r="AH30337">
        <v>61</v>
      </c>
      <c r="AI30337">
        <v>63</v>
      </c>
      <c r="AJ30337">
        <v>64</v>
      </c>
      <c r="AK30337">
        <v>66</v>
      </c>
      <c r="AL30337">
        <v>67</v>
      </c>
      <c r="AM30337">
        <v>68</v>
      </c>
      <c r="AN30337">
        <v>69</v>
      </c>
      <c r="AO30337">
        <v>70</v>
      </c>
      <c r="AP30337">
        <v>71</v>
      </c>
      <c r="AQ30337">
        <v>72</v>
      </c>
    </row>
    <row r="30338" spans="1:43">
      <c r="A30338" t="s">
        <v>18799</v>
      </c>
      <c r="B30338" t="s">
        <v>18800</v>
      </c>
      <c r="C30338" t="s">
        <v>18787</v>
      </c>
      <c r="D30338" t="s">
        <v>18788</v>
      </c>
      <c r="E30338" t="s">
        <v>18691</v>
      </c>
      <c r="F30338" t="s">
        <v>18692</v>
      </c>
      <c r="G30338" t="s">
        <v>10734</v>
      </c>
      <c r="H30338" t="s">
        <v>10735</v>
      </c>
      <c r="I30338" s="2">
        <v>0</v>
      </c>
      <c r="J30338" s="2">
        <v>0</v>
      </c>
      <c r="K30338" s="2">
        <v>1</v>
      </c>
      <c r="L30338" t="s">
        <v>995</v>
      </c>
      <c r="M30338" t="s">
        <v>83</v>
      </c>
      <c r="N30338" t="s">
        <v>84</v>
      </c>
      <c r="O30338" t="s">
        <v>85</v>
      </c>
      <c r="P30338" t="s">
        <v>86</v>
      </c>
      <c r="Q30338">
        <v>29</v>
      </c>
      <c r="R30338">
        <v>30</v>
      </c>
      <c r="S30338">
        <v>31</v>
      </c>
      <c r="T30338">
        <v>32</v>
      </c>
      <c r="U30338">
        <v>33</v>
      </c>
      <c r="V30338">
        <v>34</v>
      </c>
      <c r="W30338">
        <v>35</v>
      </c>
      <c r="X30338">
        <v>36</v>
      </c>
      <c r="Y30338">
        <v>37</v>
      </c>
      <c r="Z30338">
        <v>38</v>
      </c>
      <c r="AA30338">
        <v>39</v>
      </c>
      <c r="AB30338">
        <v>40</v>
      </c>
      <c r="AC30338">
        <v>41</v>
      </c>
      <c r="AD30338">
        <v>42</v>
      </c>
      <c r="AE30338">
        <v>43</v>
      </c>
      <c r="AF30338">
        <v>44</v>
      </c>
      <c r="AG30338">
        <v>45</v>
      </c>
      <c r="AH30338">
        <v>47</v>
      </c>
      <c r="AI30338">
        <v>48</v>
      </c>
      <c r="AJ30338">
        <v>49</v>
      </c>
      <c r="AK30338">
        <v>50</v>
      </c>
      <c r="AL30338">
        <v>51</v>
      </c>
      <c r="AM30338">
        <v>52</v>
      </c>
      <c r="AN30338">
        <v>53</v>
      </c>
      <c r="AO30338">
        <v>53</v>
      </c>
      <c r="AP30338">
        <v>54</v>
      </c>
      <c r="AQ30338">
        <v>55</v>
      </c>
    </row>
    <row r="30339" spans="1:43">
      <c r="A30339" t="s">
        <v>18799</v>
      </c>
      <c r="B30339" t="s">
        <v>18800</v>
      </c>
      <c r="C30339" t="s">
        <v>18787</v>
      </c>
      <c r="D30339" t="s">
        <v>18788</v>
      </c>
      <c r="E30339" t="s">
        <v>18691</v>
      </c>
      <c r="F30339" t="s">
        <v>18692</v>
      </c>
      <c r="G30339" t="s">
        <v>10734</v>
      </c>
      <c r="H30339" t="s">
        <v>10735</v>
      </c>
      <c r="I30339" s="2">
        <v>0</v>
      </c>
      <c r="J30339" s="2">
        <v>0</v>
      </c>
      <c r="K30339" s="2">
        <v>1</v>
      </c>
      <c r="L30339" t="s">
        <v>995</v>
      </c>
      <c r="M30339" t="s">
        <v>87</v>
      </c>
      <c r="N30339" t="s">
        <v>88</v>
      </c>
      <c r="O30339" t="s">
        <v>85</v>
      </c>
      <c r="P30339" t="s">
        <v>86</v>
      </c>
      <c r="Q30339">
        <v>29</v>
      </c>
      <c r="R30339">
        <v>30</v>
      </c>
      <c r="S30339">
        <v>30</v>
      </c>
      <c r="T30339">
        <v>31</v>
      </c>
      <c r="U30339">
        <v>31</v>
      </c>
      <c r="V30339">
        <v>32</v>
      </c>
      <c r="W30339">
        <v>33</v>
      </c>
      <c r="X30339">
        <v>33</v>
      </c>
      <c r="Y30339">
        <v>34</v>
      </c>
      <c r="Z30339">
        <v>35</v>
      </c>
      <c r="AA30339">
        <v>35</v>
      </c>
      <c r="AB30339">
        <v>36</v>
      </c>
      <c r="AC30339">
        <v>37</v>
      </c>
      <c r="AD30339">
        <v>37</v>
      </c>
      <c r="AE30339">
        <v>38</v>
      </c>
      <c r="AF30339">
        <v>39</v>
      </c>
      <c r="AG30339">
        <v>40</v>
      </c>
      <c r="AH30339">
        <v>40</v>
      </c>
      <c r="AI30339">
        <v>41</v>
      </c>
      <c r="AJ30339">
        <v>42</v>
      </c>
      <c r="AK30339">
        <v>43</v>
      </c>
      <c r="AL30339">
        <v>44</v>
      </c>
      <c r="AM30339">
        <v>44</v>
      </c>
      <c r="AN30339">
        <v>45</v>
      </c>
      <c r="AO30339">
        <v>46</v>
      </c>
      <c r="AP30339">
        <v>47</v>
      </c>
      <c r="AQ30339">
        <v>48</v>
      </c>
    </row>
    <row r="30340" spans="1:43">
      <c r="A30340" t="s">
        <v>18799</v>
      </c>
      <c r="B30340" t="s">
        <v>18800</v>
      </c>
      <c r="C30340" t="s">
        <v>18787</v>
      </c>
      <c r="D30340" t="s">
        <v>18788</v>
      </c>
      <c r="E30340" t="s">
        <v>18691</v>
      </c>
      <c r="F30340" t="s">
        <v>18692</v>
      </c>
      <c r="G30340" t="s">
        <v>10734</v>
      </c>
      <c r="H30340" t="s">
        <v>10735</v>
      </c>
      <c r="I30340" s="2">
        <v>0</v>
      </c>
      <c r="J30340" s="2">
        <v>0</v>
      </c>
      <c r="K30340" s="2">
        <v>1</v>
      </c>
      <c r="L30340" t="s">
        <v>995</v>
      </c>
      <c r="M30340" t="s">
        <v>89</v>
      </c>
      <c r="N30340" t="s">
        <v>90</v>
      </c>
      <c r="O30340" t="s">
        <v>85</v>
      </c>
      <c r="P30340" t="s">
        <v>86</v>
      </c>
      <c r="Q30340">
        <v>29</v>
      </c>
      <c r="R30340">
        <v>30</v>
      </c>
      <c r="S30340">
        <v>31</v>
      </c>
      <c r="T30340">
        <v>32</v>
      </c>
      <c r="U30340">
        <v>33</v>
      </c>
      <c r="V30340">
        <v>34</v>
      </c>
      <c r="W30340">
        <v>36</v>
      </c>
      <c r="X30340">
        <v>37</v>
      </c>
      <c r="Y30340">
        <v>38</v>
      </c>
      <c r="Z30340">
        <v>39</v>
      </c>
      <c r="AA30340">
        <v>40</v>
      </c>
      <c r="AB30340">
        <v>42</v>
      </c>
      <c r="AC30340">
        <v>43</v>
      </c>
      <c r="AD30340">
        <v>44</v>
      </c>
      <c r="AE30340">
        <v>45</v>
      </c>
      <c r="AF30340">
        <v>46</v>
      </c>
      <c r="AG30340">
        <v>47</v>
      </c>
      <c r="AH30340">
        <v>47</v>
      </c>
      <c r="AI30340">
        <v>48</v>
      </c>
      <c r="AJ30340">
        <v>49</v>
      </c>
      <c r="AK30340">
        <v>50</v>
      </c>
      <c r="AL30340">
        <v>50</v>
      </c>
      <c r="AM30340">
        <v>51</v>
      </c>
      <c r="AN30340">
        <v>52</v>
      </c>
      <c r="AO30340">
        <v>53</v>
      </c>
      <c r="AP30340">
        <v>53</v>
      </c>
      <c r="AQ30340">
        <v>54</v>
      </c>
    </row>
    <row r="30341" spans="1:43">
      <c r="A30341" t="s">
        <v>18799</v>
      </c>
      <c r="B30341" t="s">
        <v>18800</v>
      </c>
      <c r="C30341" t="s">
        <v>18787</v>
      </c>
      <c r="D30341" t="s">
        <v>18788</v>
      </c>
      <c r="E30341" t="s">
        <v>18691</v>
      </c>
      <c r="F30341" t="s">
        <v>18692</v>
      </c>
      <c r="G30341" t="s">
        <v>10734</v>
      </c>
      <c r="H30341" t="s">
        <v>10735</v>
      </c>
      <c r="I30341" s="2">
        <v>0</v>
      </c>
      <c r="J30341" s="2">
        <v>0</v>
      </c>
      <c r="K30341" s="2">
        <v>1</v>
      </c>
      <c r="L30341" t="s">
        <v>995</v>
      </c>
      <c r="M30341" t="s">
        <v>83</v>
      </c>
      <c r="N30341" t="s">
        <v>91</v>
      </c>
      <c r="O30341" t="s">
        <v>85</v>
      </c>
      <c r="P30341" t="s">
        <v>86</v>
      </c>
      <c r="Q30341">
        <v>29</v>
      </c>
      <c r="R30341">
        <v>30</v>
      </c>
      <c r="S30341">
        <v>31</v>
      </c>
      <c r="T30341">
        <v>32</v>
      </c>
      <c r="U30341">
        <v>33</v>
      </c>
      <c r="V30341">
        <v>34</v>
      </c>
      <c r="W30341">
        <v>35</v>
      </c>
      <c r="X30341">
        <v>36</v>
      </c>
      <c r="Y30341">
        <v>37</v>
      </c>
      <c r="Z30341">
        <v>38</v>
      </c>
      <c r="AA30341">
        <v>39</v>
      </c>
      <c r="AB30341">
        <v>40</v>
      </c>
      <c r="AC30341">
        <v>41</v>
      </c>
      <c r="AD30341">
        <v>42</v>
      </c>
      <c r="AE30341">
        <v>43</v>
      </c>
      <c r="AF30341">
        <v>44</v>
      </c>
      <c r="AG30341">
        <v>45</v>
      </c>
      <c r="AH30341">
        <v>47</v>
      </c>
      <c r="AI30341">
        <v>48</v>
      </c>
      <c r="AJ30341">
        <v>49</v>
      </c>
      <c r="AK30341">
        <v>50</v>
      </c>
      <c r="AL30341">
        <v>51</v>
      </c>
      <c r="AM30341">
        <v>52</v>
      </c>
      <c r="AN30341">
        <v>53</v>
      </c>
      <c r="AO30341">
        <v>53</v>
      </c>
      <c r="AP30341">
        <v>54</v>
      </c>
      <c r="AQ30341">
        <v>55</v>
      </c>
    </row>
    <row r="30342" spans="1:43">
      <c r="A30342" t="s">
        <v>18801</v>
      </c>
      <c r="B30342" t="s">
        <v>18802</v>
      </c>
      <c r="C30342" t="s">
        <v>18803</v>
      </c>
      <c r="D30342" t="s">
        <v>18804</v>
      </c>
      <c r="E30342" t="s">
        <v>18691</v>
      </c>
      <c r="F30342" t="s">
        <v>18692</v>
      </c>
      <c r="G30342" t="s">
        <v>10734</v>
      </c>
      <c r="H30342" t="s">
        <v>10735</v>
      </c>
      <c r="I30342" s="2">
        <v>0</v>
      </c>
      <c r="J30342" s="2">
        <v>0</v>
      </c>
      <c r="K30342" s="2">
        <v>1</v>
      </c>
      <c r="L30342" t="s">
        <v>995</v>
      </c>
      <c r="M30342" t="s">
        <v>83</v>
      </c>
      <c r="N30342" t="s">
        <v>84</v>
      </c>
      <c r="O30342" t="s">
        <v>85</v>
      </c>
      <c r="P30342" t="s">
        <v>86</v>
      </c>
      <c r="Q30342">
        <v>23</v>
      </c>
      <c r="R30342">
        <v>23</v>
      </c>
      <c r="S30342">
        <v>24</v>
      </c>
      <c r="T30342">
        <v>25</v>
      </c>
      <c r="U30342">
        <v>25</v>
      </c>
      <c r="V30342">
        <v>26</v>
      </c>
      <c r="W30342">
        <v>27</v>
      </c>
      <c r="X30342">
        <v>27</v>
      </c>
      <c r="Y30342">
        <v>28</v>
      </c>
      <c r="Z30342">
        <v>29</v>
      </c>
      <c r="AA30342">
        <v>30</v>
      </c>
      <c r="AB30342">
        <v>30</v>
      </c>
      <c r="AC30342">
        <v>31</v>
      </c>
      <c r="AD30342">
        <v>32</v>
      </c>
      <c r="AE30342">
        <v>33</v>
      </c>
      <c r="AF30342">
        <v>33</v>
      </c>
      <c r="AG30342">
        <v>34</v>
      </c>
      <c r="AH30342">
        <v>35</v>
      </c>
      <c r="AI30342">
        <v>36</v>
      </c>
      <c r="AJ30342">
        <v>37</v>
      </c>
      <c r="AK30342">
        <v>38</v>
      </c>
      <c r="AL30342">
        <v>38</v>
      </c>
      <c r="AM30342">
        <v>39</v>
      </c>
      <c r="AN30342">
        <v>40</v>
      </c>
      <c r="AO30342">
        <v>40</v>
      </c>
      <c r="AP30342">
        <v>41</v>
      </c>
      <c r="AQ30342">
        <v>41</v>
      </c>
    </row>
    <row r="30343" spans="1:43">
      <c r="A30343" t="s">
        <v>18801</v>
      </c>
      <c r="B30343" t="s">
        <v>18802</v>
      </c>
      <c r="C30343" t="s">
        <v>18803</v>
      </c>
      <c r="D30343" t="s">
        <v>18804</v>
      </c>
      <c r="E30343" t="s">
        <v>18691</v>
      </c>
      <c r="F30343" t="s">
        <v>18692</v>
      </c>
      <c r="G30343" t="s">
        <v>10734</v>
      </c>
      <c r="H30343" t="s">
        <v>10735</v>
      </c>
      <c r="I30343" s="2">
        <v>0</v>
      </c>
      <c r="J30343" s="2">
        <v>0</v>
      </c>
      <c r="K30343" s="2">
        <v>1</v>
      </c>
      <c r="L30343" t="s">
        <v>995</v>
      </c>
      <c r="M30343" t="s">
        <v>87</v>
      </c>
      <c r="N30343" t="s">
        <v>88</v>
      </c>
      <c r="O30343" t="s">
        <v>85</v>
      </c>
      <c r="P30343" t="s">
        <v>86</v>
      </c>
      <c r="Q30343">
        <v>23</v>
      </c>
      <c r="R30343">
        <v>24</v>
      </c>
      <c r="S30343">
        <v>24</v>
      </c>
      <c r="T30343">
        <v>25</v>
      </c>
      <c r="U30343">
        <v>25</v>
      </c>
      <c r="V30343">
        <v>26</v>
      </c>
      <c r="W30343">
        <v>26</v>
      </c>
      <c r="X30343">
        <v>26</v>
      </c>
      <c r="Y30343">
        <v>27</v>
      </c>
      <c r="Z30343">
        <v>27</v>
      </c>
      <c r="AA30343">
        <v>28</v>
      </c>
      <c r="AB30343">
        <v>28</v>
      </c>
      <c r="AC30343">
        <v>29</v>
      </c>
      <c r="AD30343">
        <v>29</v>
      </c>
      <c r="AE30343">
        <v>30</v>
      </c>
      <c r="AF30343">
        <v>30</v>
      </c>
      <c r="AG30343">
        <v>31</v>
      </c>
      <c r="AH30343">
        <v>31</v>
      </c>
      <c r="AI30343">
        <v>32</v>
      </c>
      <c r="AJ30343">
        <v>33</v>
      </c>
      <c r="AK30343">
        <v>33</v>
      </c>
      <c r="AL30343">
        <v>34</v>
      </c>
      <c r="AM30343">
        <v>34</v>
      </c>
      <c r="AN30343">
        <v>35</v>
      </c>
      <c r="AO30343">
        <v>35</v>
      </c>
      <c r="AP30343">
        <v>36</v>
      </c>
      <c r="AQ30343">
        <v>37</v>
      </c>
    </row>
    <row r="30344" spans="1:43">
      <c r="A30344" t="s">
        <v>18801</v>
      </c>
      <c r="B30344" t="s">
        <v>18802</v>
      </c>
      <c r="C30344" t="s">
        <v>18803</v>
      </c>
      <c r="D30344" t="s">
        <v>18804</v>
      </c>
      <c r="E30344" t="s">
        <v>18691</v>
      </c>
      <c r="F30344" t="s">
        <v>18692</v>
      </c>
      <c r="G30344" t="s">
        <v>10734</v>
      </c>
      <c r="H30344" t="s">
        <v>10735</v>
      </c>
      <c r="I30344" s="2">
        <v>0</v>
      </c>
      <c r="J30344" s="2">
        <v>0</v>
      </c>
      <c r="K30344" s="2">
        <v>1</v>
      </c>
      <c r="L30344" t="s">
        <v>995</v>
      </c>
      <c r="M30344" t="s">
        <v>89</v>
      </c>
      <c r="N30344" t="s">
        <v>90</v>
      </c>
      <c r="O30344" t="s">
        <v>85</v>
      </c>
      <c r="P30344" t="s">
        <v>86</v>
      </c>
      <c r="Q30344">
        <v>23</v>
      </c>
      <c r="R30344">
        <v>24</v>
      </c>
      <c r="S30344">
        <v>25</v>
      </c>
      <c r="T30344">
        <v>25</v>
      </c>
      <c r="U30344">
        <v>26</v>
      </c>
      <c r="V30344">
        <v>27</v>
      </c>
      <c r="W30344">
        <v>28</v>
      </c>
      <c r="X30344">
        <v>29</v>
      </c>
      <c r="Y30344">
        <v>30</v>
      </c>
      <c r="Z30344">
        <v>31</v>
      </c>
      <c r="AA30344">
        <v>32</v>
      </c>
      <c r="AB30344">
        <v>32</v>
      </c>
      <c r="AC30344">
        <v>33</v>
      </c>
      <c r="AD30344">
        <v>34</v>
      </c>
      <c r="AE30344">
        <v>35</v>
      </c>
      <c r="AF30344">
        <v>36</v>
      </c>
      <c r="AG30344">
        <v>36</v>
      </c>
      <c r="AH30344">
        <v>37</v>
      </c>
      <c r="AI30344">
        <v>37</v>
      </c>
      <c r="AJ30344">
        <v>38</v>
      </c>
      <c r="AK30344">
        <v>38</v>
      </c>
      <c r="AL30344">
        <v>39</v>
      </c>
      <c r="AM30344">
        <v>39</v>
      </c>
      <c r="AN30344">
        <v>40</v>
      </c>
      <c r="AO30344">
        <v>40</v>
      </c>
      <c r="AP30344">
        <v>41</v>
      </c>
      <c r="AQ30344">
        <v>41</v>
      </c>
    </row>
    <row r="30345" spans="1:43">
      <c r="A30345" t="s">
        <v>18801</v>
      </c>
      <c r="B30345" t="s">
        <v>18802</v>
      </c>
      <c r="C30345" t="s">
        <v>18803</v>
      </c>
      <c r="D30345" t="s">
        <v>18804</v>
      </c>
      <c r="E30345" t="s">
        <v>18691</v>
      </c>
      <c r="F30345" t="s">
        <v>18692</v>
      </c>
      <c r="G30345" t="s">
        <v>10734</v>
      </c>
      <c r="H30345" t="s">
        <v>10735</v>
      </c>
      <c r="I30345" s="2">
        <v>0</v>
      </c>
      <c r="J30345" s="2">
        <v>0</v>
      </c>
      <c r="K30345" s="2">
        <v>1</v>
      </c>
      <c r="L30345" t="s">
        <v>995</v>
      </c>
      <c r="M30345" t="s">
        <v>83</v>
      </c>
      <c r="N30345" t="s">
        <v>91</v>
      </c>
      <c r="O30345" t="s">
        <v>85</v>
      </c>
      <c r="P30345" t="s">
        <v>86</v>
      </c>
      <c r="Q30345">
        <v>23</v>
      </c>
      <c r="R30345">
        <v>23</v>
      </c>
      <c r="S30345">
        <v>24</v>
      </c>
      <c r="T30345">
        <v>25</v>
      </c>
      <c r="U30345">
        <v>25</v>
      </c>
      <c r="V30345">
        <v>26</v>
      </c>
      <c r="W30345">
        <v>27</v>
      </c>
      <c r="X30345">
        <v>27</v>
      </c>
      <c r="Y30345">
        <v>28</v>
      </c>
      <c r="Z30345">
        <v>29</v>
      </c>
      <c r="AA30345">
        <v>30</v>
      </c>
      <c r="AB30345">
        <v>30</v>
      </c>
      <c r="AC30345">
        <v>31</v>
      </c>
      <c r="AD30345">
        <v>32</v>
      </c>
      <c r="AE30345">
        <v>33</v>
      </c>
      <c r="AF30345">
        <v>33</v>
      </c>
      <c r="AG30345">
        <v>34</v>
      </c>
      <c r="AH30345">
        <v>35</v>
      </c>
      <c r="AI30345">
        <v>36</v>
      </c>
      <c r="AJ30345">
        <v>37</v>
      </c>
      <c r="AK30345">
        <v>38</v>
      </c>
      <c r="AL30345">
        <v>38</v>
      </c>
      <c r="AM30345">
        <v>39</v>
      </c>
      <c r="AN30345">
        <v>40</v>
      </c>
      <c r="AO30345">
        <v>40</v>
      </c>
      <c r="AP30345">
        <v>41</v>
      </c>
      <c r="AQ30345">
        <v>41</v>
      </c>
    </row>
    <row r="30346" spans="1:43">
      <c r="A30346" t="s">
        <v>18805</v>
      </c>
      <c r="B30346" t="s">
        <v>18806</v>
      </c>
      <c r="C30346" t="s">
        <v>18803</v>
      </c>
      <c r="D30346" t="s">
        <v>18804</v>
      </c>
      <c r="E30346" t="s">
        <v>18691</v>
      </c>
      <c r="F30346" t="s">
        <v>18692</v>
      </c>
      <c r="G30346" t="s">
        <v>10734</v>
      </c>
      <c r="H30346" t="s">
        <v>10735</v>
      </c>
      <c r="I30346" s="2">
        <v>0</v>
      </c>
      <c r="J30346" s="2">
        <v>0</v>
      </c>
      <c r="K30346" s="2">
        <v>1</v>
      </c>
      <c r="L30346" t="s">
        <v>995</v>
      </c>
      <c r="M30346" t="s">
        <v>83</v>
      </c>
      <c r="N30346" t="s">
        <v>84</v>
      </c>
      <c r="O30346" t="s">
        <v>85</v>
      </c>
      <c r="P30346" t="s">
        <v>86</v>
      </c>
      <c r="Q30346">
        <v>41</v>
      </c>
      <c r="R30346">
        <v>42</v>
      </c>
      <c r="S30346">
        <v>43</v>
      </c>
      <c r="T30346">
        <v>44</v>
      </c>
      <c r="U30346">
        <v>45</v>
      </c>
      <c r="V30346">
        <v>47</v>
      </c>
      <c r="W30346">
        <v>48</v>
      </c>
      <c r="X30346">
        <v>49</v>
      </c>
      <c r="Y30346">
        <v>51</v>
      </c>
      <c r="Z30346">
        <v>52</v>
      </c>
      <c r="AA30346">
        <v>53</v>
      </c>
      <c r="AB30346">
        <v>55</v>
      </c>
      <c r="AC30346">
        <v>56</v>
      </c>
      <c r="AD30346">
        <v>57</v>
      </c>
      <c r="AE30346">
        <v>59</v>
      </c>
      <c r="AF30346">
        <v>60</v>
      </c>
      <c r="AG30346">
        <v>62</v>
      </c>
      <c r="AH30346">
        <v>63</v>
      </c>
      <c r="AI30346">
        <v>65</v>
      </c>
      <c r="AJ30346">
        <v>66</v>
      </c>
      <c r="AK30346">
        <v>68</v>
      </c>
      <c r="AL30346">
        <v>69</v>
      </c>
      <c r="AM30346">
        <v>70</v>
      </c>
      <c r="AN30346">
        <v>71</v>
      </c>
      <c r="AO30346">
        <v>72</v>
      </c>
      <c r="AP30346">
        <v>73</v>
      </c>
      <c r="AQ30346">
        <v>74</v>
      </c>
    </row>
    <row r="30347" spans="1:43">
      <c r="A30347" t="s">
        <v>18805</v>
      </c>
      <c r="B30347" t="s">
        <v>18806</v>
      </c>
      <c r="C30347" t="s">
        <v>18803</v>
      </c>
      <c r="D30347" t="s">
        <v>18804</v>
      </c>
      <c r="E30347" t="s">
        <v>18691</v>
      </c>
      <c r="F30347" t="s">
        <v>18692</v>
      </c>
      <c r="G30347" t="s">
        <v>10734</v>
      </c>
      <c r="H30347" t="s">
        <v>10735</v>
      </c>
      <c r="I30347" s="2">
        <v>0</v>
      </c>
      <c r="J30347" s="2">
        <v>0</v>
      </c>
      <c r="K30347" s="2">
        <v>1</v>
      </c>
      <c r="L30347" t="s">
        <v>995</v>
      </c>
      <c r="M30347" t="s">
        <v>87</v>
      </c>
      <c r="N30347" t="s">
        <v>88</v>
      </c>
      <c r="O30347" t="s">
        <v>85</v>
      </c>
      <c r="P30347" t="s">
        <v>86</v>
      </c>
      <c r="Q30347">
        <v>41</v>
      </c>
      <c r="R30347">
        <v>42</v>
      </c>
      <c r="S30347">
        <v>43</v>
      </c>
      <c r="T30347">
        <v>44</v>
      </c>
      <c r="U30347">
        <v>44</v>
      </c>
      <c r="V30347">
        <v>45</v>
      </c>
      <c r="W30347">
        <v>46</v>
      </c>
      <c r="X30347">
        <v>47</v>
      </c>
      <c r="Y30347">
        <v>48</v>
      </c>
      <c r="Z30347">
        <v>49</v>
      </c>
      <c r="AA30347">
        <v>49</v>
      </c>
      <c r="AB30347">
        <v>50</v>
      </c>
      <c r="AC30347">
        <v>51</v>
      </c>
      <c r="AD30347">
        <v>52</v>
      </c>
      <c r="AE30347">
        <v>53</v>
      </c>
      <c r="AF30347">
        <v>54</v>
      </c>
      <c r="AG30347">
        <v>55</v>
      </c>
      <c r="AH30347">
        <v>56</v>
      </c>
      <c r="AI30347">
        <v>57</v>
      </c>
      <c r="AJ30347">
        <v>58</v>
      </c>
      <c r="AK30347">
        <v>59</v>
      </c>
      <c r="AL30347">
        <v>60</v>
      </c>
      <c r="AM30347">
        <v>61</v>
      </c>
      <c r="AN30347">
        <v>62</v>
      </c>
      <c r="AO30347">
        <v>63</v>
      </c>
      <c r="AP30347">
        <v>64</v>
      </c>
      <c r="AQ30347">
        <v>65</v>
      </c>
    </row>
    <row r="30348" spans="1:43">
      <c r="A30348" t="s">
        <v>18805</v>
      </c>
      <c r="B30348" t="s">
        <v>18806</v>
      </c>
      <c r="C30348" t="s">
        <v>18803</v>
      </c>
      <c r="D30348" t="s">
        <v>18804</v>
      </c>
      <c r="E30348" t="s">
        <v>18691</v>
      </c>
      <c r="F30348" t="s">
        <v>18692</v>
      </c>
      <c r="G30348" t="s">
        <v>10734</v>
      </c>
      <c r="H30348" t="s">
        <v>10735</v>
      </c>
      <c r="I30348" s="2">
        <v>0</v>
      </c>
      <c r="J30348" s="2">
        <v>0</v>
      </c>
      <c r="K30348" s="2">
        <v>1</v>
      </c>
      <c r="L30348" t="s">
        <v>995</v>
      </c>
      <c r="M30348" t="s">
        <v>89</v>
      </c>
      <c r="N30348" t="s">
        <v>90</v>
      </c>
      <c r="O30348" t="s">
        <v>85</v>
      </c>
      <c r="P30348" t="s">
        <v>86</v>
      </c>
      <c r="Q30348">
        <v>41</v>
      </c>
      <c r="R30348">
        <v>43</v>
      </c>
      <c r="S30348">
        <v>44</v>
      </c>
      <c r="T30348">
        <v>46</v>
      </c>
      <c r="U30348">
        <v>47</v>
      </c>
      <c r="V30348">
        <v>49</v>
      </c>
      <c r="W30348">
        <v>50</v>
      </c>
      <c r="X30348">
        <v>52</v>
      </c>
      <c r="Y30348">
        <v>54</v>
      </c>
      <c r="Z30348">
        <v>55</v>
      </c>
      <c r="AA30348">
        <v>57</v>
      </c>
      <c r="AB30348">
        <v>58</v>
      </c>
      <c r="AC30348">
        <v>60</v>
      </c>
      <c r="AD30348">
        <v>62</v>
      </c>
      <c r="AE30348">
        <v>63</v>
      </c>
      <c r="AF30348">
        <v>64</v>
      </c>
      <c r="AG30348">
        <v>65</v>
      </c>
      <c r="AH30348">
        <v>66</v>
      </c>
      <c r="AI30348">
        <v>67</v>
      </c>
      <c r="AJ30348">
        <v>67</v>
      </c>
      <c r="AK30348">
        <v>68</v>
      </c>
      <c r="AL30348">
        <v>69</v>
      </c>
      <c r="AM30348">
        <v>70</v>
      </c>
      <c r="AN30348">
        <v>71</v>
      </c>
      <c r="AO30348">
        <v>72</v>
      </c>
      <c r="AP30348">
        <v>73</v>
      </c>
      <c r="AQ30348">
        <v>74</v>
      </c>
    </row>
    <row r="30349" spans="1:43">
      <c r="A30349" t="s">
        <v>18805</v>
      </c>
      <c r="B30349" t="s">
        <v>18806</v>
      </c>
      <c r="C30349" t="s">
        <v>18803</v>
      </c>
      <c r="D30349" t="s">
        <v>18804</v>
      </c>
      <c r="E30349" t="s">
        <v>18691</v>
      </c>
      <c r="F30349" t="s">
        <v>18692</v>
      </c>
      <c r="G30349" t="s">
        <v>10734</v>
      </c>
      <c r="H30349" t="s">
        <v>10735</v>
      </c>
      <c r="I30349" s="2">
        <v>0</v>
      </c>
      <c r="J30349" s="2">
        <v>0</v>
      </c>
      <c r="K30349" s="2">
        <v>1</v>
      </c>
      <c r="L30349" t="s">
        <v>995</v>
      </c>
      <c r="M30349" t="s">
        <v>83</v>
      </c>
      <c r="N30349" t="s">
        <v>91</v>
      </c>
      <c r="O30349" t="s">
        <v>85</v>
      </c>
      <c r="P30349" t="s">
        <v>86</v>
      </c>
      <c r="Q30349">
        <v>41</v>
      </c>
      <c r="R30349">
        <v>42</v>
      </c>
      <c r="S30349">
        <v>43</v>
      </c>
      <c r="T30349">
        <v>44</v>
      </c>
      <c r="U30349">
        <v>45</v>
      </c>
      <c r="V30349">
        <v>47</v>
      </c>
      <c r="W30349">
        <v>48</v>
      </c>
      <c r="X30349">
        <v>49</v>
      </c>
      <c r="Y30349">
        <v>51</v>
      </c>
      <c r="Z30349">
        <v>52</v>
      </c>
      <c r="AA30349">
        <v>53</v>
      </c>
      <c r="AB30349">
        <v>55</v>
      </c>
      <c r="AC30349">
        <v>56</v>
      </c>
      <c r="AD30349">
        <v>57</v>
      </c>
      <c r="AE30349">
        <v>59</v>
      </c>
      <c r="AF30349">
        <v>60</v>
      </c>
      <c r="AG30349">
        <v>62</v>
      </c>
      <c r="AH30349">
        <v>63</v>
      </c>
      <c r="AI30349">
        <v>65</v>
      </c>
      <c r="AJ30349">
        <v>66</v>
      </c>
      <c r="AK30349">
        <v>68</v>
      </c>
      <c r="AL30349">
        <v>69</v>
      </c>
      <c r="AM30349">
        <v>70</v>
      </c>
      <c r="AN30349">
        <v>71</v>
      </c>
      <c r="AO30349">
        <v>72</v>
      </c>
      <c r="AP30349">
        <v>73</v>
      </c>
      <c r="AQ30349">
        <v>74</v>
      </c>
    </row>
    <row r="30350" spans="1:43">
      <c r="A30350" t="s">
        <v>18807</v>
      </c>
      <c r="B30350" t="s">
        <v>18808</v>
      </c>
      <c r="C30350" t="s">
        <v>18697</v>
      </c>
      <c r="D30350" t="s">
        <v>18698</v>
      </c>
      <c r="E30350" t="s">
        <v>18691</v>
      </c>
      <c r="F30350" t="s">
        <v>18692</v>
      </c>
      <c r="G30350" t="s">
        <v>10734</v>
      </c>
      <c r="H30350" t="s">
        <v>10735</v>
      </c>
      <c r="I30350" s="2">
        <v>0</v>
      </c>
      <c r="J30350" s="2">
        <v>0</v>
      </c>
      <c r="K30350" s="2">
        <v>1</v>
      </c>
      <c r="L30350" t="s">
        <v>995</v>
      </c>
      <c r="M30350" t="s">
        <v>83</v>
      </c>
      <c r="N30350" t="s">
        <v>84</v>
      </c>
      <c r="O30350" t="s">
        <v>85</v>
      </c>
      <c r="P30350" t="s">
        <v>86</v>
      </c>
      <c r="Q30350">
        <v>31</v>
      </c>
      <c r="R30350">
        <v>32</v>
      </c>
      <c r="S30350">
        <v>33</v>
      </c>
      <c r="T30350">
        <v>34</v>
      </c>
      <c r="U30350">
        <v>35</v>
      </c>
      <c r="V30350">
        <v>36</v>
      </c>
      <c r="W30350">
        <v>37</v>
      </c>
      <c r="X30350">
        <v>38</v>
      </c>
      <c r="Y30350">
        <v>39</v>
      </c>
      <c r="Z30350">
        <v>40</v>
      </c>
      <c r="AA30350">
        <v>41</v>
      </c>
      <c r="AB30350">
        <v>42</v>
      </c>
      <c r="AC30350">
        <v>43</v>
      </c>
      <c r="AD30350">
        <v>44</v>
      </c>
      <c r="AE30350">
        <v>45</v>
      </c>
      <c r="AF30350">
        <v>46</v>
      </c>
      <c r="AG30350">
        <v>48</v>
      </c>
      <c r="AH30350">
        <v>49</v>
      </c>
      <c r="AI30350">
        <v>50</v>
      </c>
      <c r="AJ30350">
        <v>51</v>
      </c>
      <c r="AK30350">
        <v>52</v>
      </c>
      <c r="AL30350">
        <v>53</v>
      </c>
      <c r="AM30350">
        <v>54</v>
      </c>
      <c r="AN30350">
        <v>55</v>
      </c>
      <c r="AO30350">
        <v>56</v>
      </c>
      <c r="AP30350">
        <v>56</v>
      </c>
      <c r="AQ30350">
        <v>57</v>
      </c>
    </row>
    <row r="30351" spans="1:43">
      <c r="A30351" t="s">
        <v>18807</v>
      </c>
      <c r="B30351" t="s">
        <v>18808</v>
      </c>
      <c r="C30351" t="s">
        <v>18697</v>
      </c>
      <c r="D30351" t="s">
        <v>18698</v>
      </c>
      <c r="E30351" t="s">
        <v>18691</v>
      </c>
      <c r="F30351" t="s">
        <v>18692</v>
      </c>
      <c r="G30351" t="s">
        <v>10734</v>
      </c>
      <c r="H30351" t="s">
        <v>10735</v>
      </c>
      <c r="I30351" s="2">
        <v>0</v>
      </c>
      <c r="J30351" s="2">
        <v>0</v>
      </c>
      <c r="K30351" s="2">
        <v>1</v>
      </c>
      <c r="L30351" t="s">
        <v>995</v>
      </c>
      <c r="M30351" t="s">
        <v>87</v>
      </c>
      <c r="N30351" t="s">
        <v>88</v>
      </c>
      <c r="O30351" t="s">
        <v>85</v>
      </c>
      <c r="P30351" t="s">
        <v>86</v>
      </c>
      <c r="Q30351">
        <v>31</v>
      </c>
      <c r="R30351">
        <v>32</v>
      </c>
      <c r="S30351">
        <v>32</v>
      </c>
      <c r="T30351">
        <v>33</v>
      </c>
      <c r="U30351">
        <v>33</v>
      </c>
      <c r="V30351">
        <v>34</v>
      </c>
      <c r="W30351">
        <v>35</v>
      </c>
      <c r="X30351">
        <v>35</v>
      </c>
      <c r="Y30351">
        <v>36</v>
      </c>
      <c r="Z30351">
        <v>37</v>
      </c>
      <c r="AA30351">
        <v>37</v>
      </c>
      <c r="AB30351">
        <v>38</v>
      </c>
      <c r="AC30351">
        <v>39</v>
      </c>
      <c r="AD30351">
        <v>39</v>
      </c>
      <c r="AE30351">
        <v>40</v>
      </c>
      <c r="AF30351">
        <v>41</v>
      </c>
      <c r="AG30351">
        <v>42</v>
      </c>
      <c r="AH30351">
        <v>42</v>
      </c>
      <c r="AI30351">
        <v>43</v>
      </c>
      <c r="AJ30351">
        <v>44</v>
      </c>
      <c r="AK30351">
        <v>45</v>
      </c>
      <c r="AL30351">
        <v>45</v>
      </c>
      <c r="AM30351">
        <v>46</v>
      </c>
      <c r="AN30351">
        <v>47</v>
      </c>
      <c r="AO30351">
        <v>48</v>
      </c>
      <c r="AP30351">
        <v>49</v>
      </c>
      <c r="AQ30351">
        <v>50</v>
      </c>
    </row>
    <row r="30352" spans="1:43">
      <c r="A30352" t="s">
        <v>18807</v>
      </c>
      <c r="B30352" t="s">
        <v>18808</v>
      </c>
      <c r="C30352" t="s">
        <v>18697</v>
      </c>
      <c r="D30352" t="s">
        <v>18698</v>
      </c>
      <c r="E30352" t="s">
        <v>18691</v>
      </c>
      <c r="F30352" t="s">
        <v>18692</v>
      </c>
      <c r="G30352" t="s">
        <v>10734</v>
      </c>
      <c r="H30352" t="s">
        <v>10735</v>
      </c>
      <c r="I30352" s="2">
        <v>0</v>
      </c>
      <c r="J30352" s="2">
        <v>0</v>
      </c>
      <c r="K30352" s="2">
        <v>1</v>
      </c>
      <c r="L30352" t="s">
        <v>995</v>
      </c>
      <c r="M30352" t="s">
        <v>89</v>
      </c>
      <c r="N30352" t="s">
        <v>90</v>
      </c>
      <c r="O30352" t="s">
        <v>85</v>
      </c>
      <c r="P30352" t="s">
        <v>86</v>
      </c>
      <c r="Q30352">
        <v>31</v>
      </c>
      <c r="R30352">
        <v>32</v>
      </c>
      <c r="S30352">
        <v>33</v>
      </c>
      <c r="T30352">
        <v>34</v>
      </c>
      <c r="U30352">
        <v>35</v>
      </c>
      <c r="V30352">
        <v>37</v>
      </c>
      <c r="W30352">
        <v>38</v>
      </c>
      <c r="X30352">
        <v>39</v>
      </c>
      <c r="Y30352">
        <v>40</v>
      </c>
      <c r="Z30352">
        <v>41</v>
      </c>
      <c r="AA30352">
        <v>43</v>
      </c>
      <c r="AB30352">
        <v>44</v>
      </c>
      <c r="AC30352">
        <v>45</v>
      </c>
      <c r="AD30352">
        <v>47</v>
      </c>
      <c r="AE30352">
        <v>48</v>
      </c>
      <c r="AF30352">
        <v>48</v>
      </c>
      <c r="AG30352">
        <v>49</v>
      </c>
      <c r="AH30352">
        <v>50</v>
      </c>
      <c r="AI30352">
        <v>51</v>
      </c>
      <c r="AJ30352">
        <v>51</v>
      </c>
      <c r="AK30352">
        <v>52</v>
      </c>
      <c r="AL30352">
        <v>53</v>
      </c>
      <c r="AM30352">
        <v>53</v>
      </c>
      <c r="AN30352">
        <v>54</v>
      </c>
      <c r="AO30352">
        <v>55</v>
      </c>
      <c r="AP30352">
        <v>56</v>
      </c>
      <c r="AQ30352">
        <v>57</v>
      </c>
    </row>
    <row r="30353" spans="1:43">
      <c r="A30353" t="s">
        <v>18807</v>
      </c>
      <c r="B30353" t="s">
        <v>18808</v>
      </c>
      <c r="C30353" t="s">
        <v>18697</v>
      </c>
      <c r="D30353" t="s">
        <v>18698</v>
      </c>
      <c r="E30353" t="s">
        <v>18691</v>
      </c>
      <c r="F30353" t="s">
        <v>18692</v>
      </c>
      <c r="G30353" t="s">
        <v>10734</v>
      </c>
      <c r="H30353" t="s">
        <v>10735</v>
      </c>
      <c r="I30353" s="2">
        <v>0</v>
      </c>
      <c r="J30353" s="2">
        <v>0</v>
      </c>
      <c r="K30353" s="2">
        <v>1</v>
      </c>
      <c r="L30353" t="s">
        <v>995</v>
      </c>
      <c r="M30353" t="s">
        <v>83</v>
      </c>
      <c r="N30353" t="s">
        <v>91</v>
      </c>
      <c r="O30353" t="s">
        <v>85</v>
      </c>
      <c r="P30353" t="s">
        <v>86</v>
      </c>
      <c r="Q30353">
        <v>31</v>
      </c>
      <c r="R30353">
        <v>32</v>
      </c>
      <c r="S30353">
        <v>33</v>
      </c>
      <c r="T30353">
        <v>34</v>
      </c>
      <c r="U30353">
        <v>35</v>
      </c>
      <c r="V30353">
        <v>36</v>
      </c>
      <c r="W30353">
        <v>37</v>
      </c>
      <c r="X30353">
        <v>38</v>
      </c>
      <c r="Y30353">
        <v>39</v>
      </c>
      <c r="Z30353">
        <v>40</v>
      </c>
      <c r="AA30353">
        <v>41</v>
      </c>
      <c r="AB30353">
        <v>42</v>
      </c>
      <c r="AC30353">
        <v>43</v>
      </c>
      <c r="AD30353">
        <v>44</v>
      </c>
      <c r="AE30353">
        <v>45</v>
      </c>
      <c r="AF30353">
        <v>46</v>
      </c>
      <c r="AG30353">
        <v>48</v>
      </c>
      <c r="AH30353">
        <v>49</v>
      </c>
      <c r="AI30353">
        <v>50</v>
      </c>
      <c r="AJ30353">
        <v>51</v>
      </c>
      <c r="AK30353">
        <v>52</v>
      </c>
      <c r="AL30353">
        <v>53</v>
      </c>
      <c r="AM30353">
        <v>54</v>
      </c>
      <c r="AN30353">
        <v>55</v>
      </c>
      <c r="AO30353">
        <v>56</v>
      </c>
      <c r="AP30353">
        <v>56</v>
      </c>
      <c r="AQ30353">
        <v>57</v>
      </c>
    </row>
    <row r="30354" spans="1:43">
      <c r="A30354" t="s">
        <v>18809</v>
      </c>
      <c r="B30354" t="s">
        <v>18810</v>
      </c>
      <c r="C30354" t="s">
        <v>18697</v>
      </c>
      <c r="D30354" t="s">
        <v>18698</v>
      </c>
      <c r="E30354" t="s">
        <v>18691</v>
      </c>
      <c r="F30354" t="s">
        <v>18692</v>
      </c>
      <c r="G30354" t="s">
        <v>10734</v>
      </c>
      <c r="H30354" t="s">
        <v>10735</v>
      </c>
      <c r="I30354" s="2">
        <v>0</v>
      </c>
      <c r="J30354" s="2">
        <v>0</v>
      </c>
      <c r="K30354" s="2">
        <v>1</v>
      </c>
      <c r="L30354" t="s">
        <v>995</v>
      </c>
      <c r="M30354" t="s">
        <v>83</v>
      </c>
      <c r="N30354" t="s">
        <v>84</v>
      </c>
      <c r="O30354" t="s">
        <v>85</v>
      </c>
      <c r="P30354" t="s">
        <v>86</v>
      </c>
      <c r="Q30354">
        <v>28</v>
      </c>
      <c r="R30354">
        <v>29</v>
      </c>
      <c r="S30354">
        <v>30</v>
      </c>
      <c r="T30354">
        <v>31</v>
      </c>
      <c r="U30354">
        <v>31</v>
      </c>
      <c r="V30354">
        <v>32</v>
      </c>
      <c r="W30354">
        <v>33</v>
      </c>
      <c r="X30354">
        <v>34</v>
      </c>
      <c r="Y30354">
        <v>35</v>
      </c>
      <c r="Z30354">
        <v>36</v>
      </c>
      <c r="AA30354">
        <v>37</v>
      </c>
      <c r="AB30354">
        <v>38</v>
      </c>
      <c r="AC30354">
        <v>39</v>
      </c>
      <c r="AD30354">
        <v>40</v>
      </c>
      <c r="AE30354">
        <v>41</v>
      </c>
      <c r="AF30354">
        <v>42</v>
      </c>
      <c r="AG30354">
        <v>43</v>
      </c>
      <c r="AH30354">
        <v>44</v>
      </c>
      <c r="AI30354">
        <v>45</v>
      </c>
      <c r="AJ30354">
        <v>46</v>
      </c>
      <c r="AK30354">
        <v>47</v>
      </c>
      <c r="AL30354">
        <v>48</v>
      </c>
      <c r="AM30354">
        <v>49</v>
      </c>
      <c r="AN30354">
        <v>49</v>
      </c>
      <c r="AO30354">
        <v>50</v>
      </c>
      <c r="AP30354">
        <v>51</v>
      </c>
      <c r="AQ30354">
        <v>51</v>
      </c>
    </row>
    <row r="30355" spans="1:43">
      <c r="A30355" t="s">
        <v>18809</v>
      </c>
      <c r="B30355" t="s">
        <v>18810</v>
      </c>
      <c r="C30355" t="s">
        <v>18697</v>
      </c>
      <c r="D30355" t="s">
        <v>18698</v>
      </c>
      <c r="E30355" t="s">
        <v>18691</v>
      </c>
      <c r="F30355" t="s">
        <v>18692</v>
      </c>
      <c r="G30355" t="s">
        <v>10734</v>
      </c>
      <c r="H30355" t="s">
        <v>10735</v>
      </c>
      <c r="I30355" s="2">
        <v>0</v>
      </c>
      <c r="J30355" s="2">
        <v>0</v>
      </c>
      <c r="K30355" s="2">
        <v>1</v>
      </c>
      <c r="L30355" t="s">
        <v>995</v>
      </c>
      <c r="M30355" t="s">
        <v>87</v>
      </c>
      <c r="N30355" t="s">
        <v>88</v>
      </c>
      <c r="O30355" t="s">
        <v>85</v>
      </c>
      <c r="P30355" t="s">
        <v>86</v>
      </c>
      <c r="Q30355">
        <v>28</v>
      </c>
      <c r="R30355">
        <v>28</v>
      </c>
      <c r="S30355">
        <v>29</v>
      </c>
      <c r="T30355">
        <v>30</v>
      </c>
      <c r="U30355">
        <v>30</v>
      </c>
      <c r="V30355">
        <v>31</v>
      </c>
      <c r="W30355">
        <v>31</v>
      </c>
      <c r="X30355">
        <v>32</v>
      </c>
      <c r="Y30355">
        <v>32</v>
      </c>
      <c r="Z30355">
        <v>33</v>
      </c>
      <c r="AA30355">
        <v>34</v>
      </c>
      <c r="AB30355">
        <v>34</v>
      </c>
      <c r="AC30355">
        <v>35</v>
      </c>
      <c r="AD30355">
        <v>35</v>
      </c>
      <c r="AE30355">
        <v>36</v>
      </c>
      <c r="AF30355">
        <v>37</v>
      </c>
      <c r="AG30355">
        <v>37</v>
      </c>
      <c r="AH30355">
        <v>38</v>
      </c>
      <c r="AI30355">
        <v>39</v>
      </c>
      <c r="AJ30355">
        <v>39</v>
      </c>
      <c r="AK30355">
        <v>40</v>
      </c>
      <c r="AL30355">
        <v>41</v>
      </c>
      <c r="AM30355">
        <v>41</v>
      </c>
      <c r="AN30355">
        <v>42</v>
      </c>
      <c r="AO30355">
        <v>43</v>
      </c>
      <c r="AP30355">
        <v>44</v>
      </c>
      <c r="AQ30355">
        <v>44</v>
      </c>
    </row>
    <row r="30356" spans="1:43">
      <c r="A30356" t="s">
        <v>18809</v>
      </c>
      <c r="B30356" t="s">
        <v>18810</v>
      </c>
      <c r="C30356" t="s">
        <v>18697</v>
      </c>
      <c r="D30356" t="s">
        <v>18698</v>
      </c>
      <c r="E30356" t="s">
        <v>18691</v>
      </c>
      <c r="F30356" t="s">
        <v>18692</v>
      </c>
      <c r="G30356" t="s">
        <v>10734</v>
      </c>
      <c r="H30356" t="s">
        <v>10735</v>
      </c>
      <c r="I30356" s="2">
        <v>0</v>
      </c>
      <c r="J30356" s="2">
        <v>0</v>
      </c>
      <c r="K30356" s="2">
        <v>1</v>
      </c>
      <c r="L30356" t="s">
        <v>995</v>
      </c>
      <c r="M30356" t="s">
        <v>89</v>
      </c>
      <c r="N30356" t="s">
        <v>90</v>
      </c>
      <c r="O30356" t="s">
        <v>85</v>
      </c>
      <c r="P30356" t="s">
        <v>86</v>
      </c>
      <c r="Q30356">
        <v>28</v>
      </c>
      <c r="R30356">
        <v>29</v>
      </c>
      <c r="S30356">
        <v>31</v>
      </c>
      <c r="T30356">
        <v>32</v>
      </c>
      <c r="U30356">
        <v>33</v>
      </c>
      <c r="V30356">
        <v>34</v>
      </c>
      <c r="W30356">
        <v>35</v>
      </c>
      <c r="X30356">
        <v>36</v>
      </c>
      <c r="Y30356">
        <v>37</v>
      </c>
      <c r="Z30356">
        <v>38</v>
      </c>
      <c r="AA30356">
        <v>39</v>
      </c>
      <c r="AB30356">
        <v>40</v>
      </c>
      <c r="AC30356">
        <v>42</v>
      </c>
      <c r="AD30356">
        <v>43</v>
      </c>
      <c r="AE30356">
        <v>44</v>
      </c>
      <c r="AF30356">
        <v>44</v>
      </c>
      <c r="AG30356">
        <v>45</v>
      </c>
      <c r="AH30356">
        <v>46</v>
      </c>
      <c r="AI30356">
        <v>46</v>
      </c>
      <c r="AJ30356">
        <v>47</v>
      </c>
      <c r="AK30356">
        <v>48</v>
      </c>
      <c r="AL30356">
        <v>48</v>
      </c>
      <c r="AM30356">
        <v>49</v>
      </c>
      <c r="AN30356">
        <v>50</v>
      </c>
      <c r="AO30356">
        <v>50</v>
      </c>
      <c r="AP30356">
        <v>51</v>
      </c>
      <c r="AQ30356">
        <v>52</v>
      </c>
    </row>
    <row r="30357" spans="1:43">
      <c r="A30357" t="s">
        <v>18809</v>
      </c>
      <c r="B30357" t="s">
        <v>18810</v>
      </c>
      <c r="C30357" t="s">
        <v>18697</v>
      </c>
      <c r="D30357" t="s">
        <v>18698</v>
      </c>
      <c r="E30357" t="s">
        <v>18691</v>
      </c>
      <c r="F30357" t="s">
        <v>18692</v>
      </c>
      <c r="G30357" t="s">
        <v>10734</v>
      </c>
      <c r="H30357" t="s">
        <v>10735</v>
      </c>
      <c r="I30357" s="2">
        <v>0</v>
      </c>
      <c r="J30357" s="2">
        <v>0</v>
      </c>
      <c r="K30357" s="2">
        <v>1</v>
      </c>
      <c r="L30357" t="s">
        <v>995</v>
      </c>
      <c r="M30357" t="s">
        <v>83</v>
      </c>
      <c r="N30357" t="s">
        <v>91</v>
      </c>
      <c r="O30357" t="s">
        <v>85</v>
      </c>
      <c r="P30357" t="s">
        <v>86</v>
      </c>
      <c r="Q30357">
        <v>28</v>
      </c>
      <c r="R30357">
        <v>29</v>
      </c>
      <c r="S30357">
        <v>30</v>
      </c>
      <c r="T30357">
        <v>31</v>
      </c>
      <c r="U30357">
        <v>31</v>
      </c>
      <c r="V30357">
        <v>32</v>
      </c>
      <c r="W30357">
        <v>33</v>
      </c>
      <c r="X30357">
        <v>34</v>
      </c>
      <c r="Y30357">
        <v>35</v>
      </c>
      <c r="Z30357">
        <v>36</v>
      </c>
      <c r="AA30357">
        <v>37</v>
      </c>
      <c r="AB30357">
        <v>38</v>
      </c>
      <c r="AC30357">
        <v>39</v>
      </c>
      <c r="AD30357">
        <v>40</v>
      </c>
      <c r="AE30357">
        <v>41</v>
      </c>
      <c r="AF30357">
        <v>42</v>
      </c>
      <c r="AG30357">
        <v>43</v>
      </c>
      <c r="AH30357">
        <v>44</v>
      </c>
      <c r="AI30357">
        <v>45</v>
      </c>
      <c r="AJ30357">
        <v>46</v>
      </c>
      <c r="AK30357">
        <v>47</v>
      </c>
      <c r="AL30357">
        <v>48</v>
      </c>
      <c r="AM30357">
        <v>49</v>
      </c>
      <c r="AN30357">
        <v>49</v>
      </c>
      <c r="AO30357">
        <v>50</v>
      </c>
      <c r="AP30357">
        <v>51</v>
      </c>
      <c r="AQ30357">
        <v>51</v>
      </c>
    </row>
    <row r="30358" spans="1:43">
      <c r="A30358" t="s">
        <v>18811</v>
      </c>
      <c r="B30358" t="s">
        <v>18812</v>
      </c>
      <c r="C30358" t="s">
        <v>18721</v>
      </c>
      <c r="D30358" t="s">
        <v>18722</v>
      </c>
      <c r="E30358" t="s">
        <v>18691</v>
      </c>
      <c r="F30358" t="s">
        <v>18692</v>
      </c>
      <c r="G30358" t="s">
        <v>10734</v>
      </c>
      <c r="H30358" t="s">
        <v>10735</v>
      </c>
      <c r="I30358" s="2">
        <v>0</v>
      </c>
      <c r="J30358" s="2">
        <v>0</v>
      </c>
      <c r="K30358" s="2">
        <v>1</v>
      </c>
      <c r="L30358" t="s">
        <v>995</v>
      </c>
      <c r="M30358" t="s">
        <v>83</v>
      </c>
      <c r="N30358" t="s">
        <v>84</v>
      </c>
      <c r="O30358" t="s">
        <v>85</v>
      </c>
      <c r="P30358" t="s">
        <v>86</v>
      </c>
      <c r="Q30358">
        <v>49</v>
      </c>
      <c r="R30358">
        <v>50</v>
      </c>
      <c r="S30358">
        <v>51</v>
      </c>
      <c r="T30358">
        <v>53</v>
      </c>
      <c r="U30358">
        <v>54</v>
      </c>
      <c r="V30358">
        <v>56</v>
      </c>
      <c r="W30358">
        <v>57</v>
      </c>
      <c r="X30358">
        <v>59</v>
      </c>
      <c r="Y30358">
        <v>60</v>
      </c>
      <c r="Z30358">
        <v>62</v>
      </c>
      <c r="AA30358">
        <v>64</v>
      </c>
      <c r="AB30358">
        <v>65</v>
      </c>
      <c r="AC30358">
        <v>67</v>
      </c>
      <c r="AD30358">
        <v>68</v>
      </c>
      <c r="AE30358">
        <v>70</v>
      </c>
      <c r="AF30358">
        <v>72</v>
      </c>
      <c r="AG30358">
        <v>74</v>
      </c>
      <c r="AH30358">
        <v>75</v>
      </c>
      <c r="AI30358">
        <v>77</v>
      </c>
      <c r="AJ30358">
        <v>79</v>
      </c>
      <c r="AK30358">
        <v>81</v>
      </c>
      <c r="AL30358">
        <v>82</v>
      </c>
      <c r="AM30358">
        <v>83</v>
      </c>
      <c r="AN30358">
        <v>84</v>
      </c>
      <c r="AO30358">
        <v>86</v>
      </c>
      <c r="AP30358">
        <v>87</v>
      </c>
      <c r="AQ30358">
        <v>88</v>
      </c>
    </row>
    <row r="30359" spans="1:43">
      <c r="A30359" t="s">
        <v>18811</v>
      </c>
      <c r="B30359" t="s">
        <v>18812</v>
      </c>
      <c r="C30359" t="s">
        <v>18721</v>
      </c>
      <c r="D30359" t="s">
        <v>18722</v>
      </c>
      <c r="E30359" t="s">
        <v>18691</v>
      </c>
      <c r="F30359" t="s">
        <v>18692</v>
      </c>
      <c r="G30359" t="s">
        <v>10734</v>
      </c>
      <c r="H30359" t="s">
        <v>10735</v>
      </c>
      <c r="I30359" s="2">
        <v>0</v>
      </c>
      <c r="J30359" s="2">
        <v>0</v>
      </c>
      <c r="K30359" s="2">
        <v>1</v>
      </c>
      <c r="L30359" t="s">
        <v>995</v>
      </c>
      <c r="M30359" t="s">
        <v>87</v>
      </c>
      <c r="N30359" t="s">
        <v>88</v>
      </c>
      <c r="O30359" t="s">
        <v>85</v>
      </c>
      <c r="P30359" t="s">
        <v>86</v>
      </c>
      <c r="Q30359">
        <v>49</v>
      </c>
      <c r="R30359">
        <v>50</v>
      </c>
      <c r="S30359">
        <v>51</v>
      </c>
      <c r="T30359">
        <v>52</v>
      </c>
      <c r="U30359">
        <v>53</v>
      </c>
      <c r="V30359">
        <v>54</v>
      </c>
      <c r="W30359">
        <v>55</v>
      </c>
      <c r="X30359">
        <v>56</v>
      </c>
      <c r="Y30359">
        <v>57</v>
      </c>
      <c r="Z30359">
        <v>58</v>
      </c>
      <c r="AA30359">
        <v>59</v>
      </c>
      <c r="AB30359">
        <v>60</v>
      </c>
      <c r="AC30359">
        <v>61</v>
      </c>
      <c r="AD30359">
        <v>62</v>
      </c>
      <c r="AE30359">
        <v>63</v>
      </c>
      <c r="AF30359">
        <v>64</v>
      </c>
      <c r="AG30359">
        <v>65</v>
      </c>
      <c r="AH30359">
        <v>66</v>
      </c>
      <c r="AI30359">
        <v>68</v>
      </c>
      <c r="AJ30359">
        <v>69</v>
      </c>
      <c r="AK30359">
        <v>70</v>
      </c>
      <c r="AL30359">
        <v>71</v>
      </c>
      <c r="AM30359">
        <v>72</v>
      </c>
      <c r="AN30359">
        <v>73</v>
      </c>
      <c r="AO30359">
        <v>75</v>
      </c>
      <c r="AP30359">
        <v>76</v>
      </c>
      <c r="AQ30359">
        <v>77</v>
      </c>
    </row>
    <row r="30360" spans="1:43">
      <c r="A30360" t="s">
        <v>18811</v>
      </c>
      <c r="B30360" t="s">
        <v>18812</v>
      </c>
      <c r="C30360" t="s">
        <v>18721</v>
      </c>
      <c r="D30360" t="s">
        <v>18722</v>
      </c>
      <c r="E30360" t="s">
        <v>18691</v>
      </c>
      <c r="F30360" t="s">
        <v>18692</v>
      </c>
      <c r="G30360" t="s">
        <v>10734</v>
      </c>
      <c r="H30360" t="s">
        <v>10735</v>
      </c>
      <c r="I30360" s="2">
        <v>0</v>
      </c>
      <c r="J30360" s="2">
        <v>0</v>
      </c>
      <c r="K30360" s="2">
        <v>1</v>
      </c>
      <c r="L30360" t="s">
        <v>995</v>
      </c>
      <c r="M30360" t="s">
        <v>89</v>
      </c>
      <c r="N30360" t="s">
        <v>90</v>
      </c>
      <c r="O30360" t="s">
        <v>85</v>
      </c>
      <c r="P30360" t="s">
        <v>86</v>
      </c>
      <c r="Q30360">
        <v>49</v>
      </c>
      <c r="R30360">
        <v>51</v>
      </c>
      <c r="S30360">
        <v>53</v>
      </c>
      <c r="T30360">
        <v>55</v>
      </c>
      <c r="U30360">
        <v>57</v>
      </c>
      <c r="V30360">
        <v>58</v>
      </c>
      <c r="W30360">
        <v>60</v>
      </c>
      <c r="X30360">
        <v>62</v>
      </c>
      <c r="Y30360">
        <v>64</v>
      </c>
      <c r="Z30360">
        <v>66</v>
      </c>
      <c r="AA30360">
        <v>68</v>
      </c>
      <c r="AB30360">
        <v>69</v>
      </c>
      <c r="AC30360">
        <v>72</v>
      </c>
      <c r="AD30360">
        <v>73</v>
      </c>
      <c r="AE30360">
        <v>75</v>
      </c>
      <c r="AF30360">
        <v>76</v>
      </c>
      <c r="AG30360">
        <v>77</v>
      </c>
      <c r="AH30360">
        <v>78</v>
      </c>
      <c r="AI30360">
        <v>79</v>
      </c>
      <c r="AJ30360">
        <v>81</v>
      </c>
      <c r="AK30360">
        <v>82</v>
      </c>
      <c r="AL30360">
        <v>83</v>
      </c>
      <c r="AM30360">
        <v>84</v>
      </c>
      <c r="AN30360">
        <v>85</v>
      </c>
      <c r="AO30360">
        <v>86</v>
      </c>
      <c r="AP30360">
        <v>87</v>
      </c>
      <c r="AQ30360">
        <v>88</v>
      </c>
    </row>
    <row r="30361" spans="1:43">
      <c r="A30361" t="s">
        <v>18811</v>
      </c>
      <c r="B30361" t="s">
        <v>18812</v>
      </c>
      <c r="C30361" t="s">
        <v>18721</v>
      </c>
      <c r="D30361" t="s">
        <v>18722</v>
      </c>
      <c r="E30361" t="s">
        <v>18691</v>
      </c>
      <c r="F30361" t="s">
        <v>18692</v>
      </c>
      <c r="G30361" t="s">
        <v>10734</v>
      </c>
      <c r="H30361" t="s">
        <v>10735</v>
      </c>
      <c r="I30361" s="2">
        <v>0</v>
      </c>
      <c r="J30361" s="2">
        <v>0</v>
      </c>
      <c r="K30361" s="2">
        <v>1</v>
      </c>
      <c r="L30361" t="s">
        <v>995</v>
      </c>
      <c r="M30361" t="s">
        <v>83</v>
      </c>
      <c r="N30361" t="s">
        <v>91</v>
      </c>
      <c r="O30361" t="s">
        <v>85</v>
      </c>
      <c r="P30361" t="s">
        <v>86</v>
      </c>
      <c r="Q30361">
        <v>49</v>
      </c>
      <c r="R30361">
        <v>50</v>
      </c>
      <c r="S30361">
        <v>51</v>
      </c>
      <c r="T30361">
        <v>53</v>
      </c>
      <c r="U30361">
        <v>54</v>
      </c>
      <c r="V30361">
        <v>56</v>
      </c>
      <c r="W30361">
        <v>57</v>
      </c>
      <c r="X30361">
        <v>59</v>
      </c>
      <c r="Y30361">
        <v>60</v>
      </c>
      <c r="Z30361">
        <v>62</v>
      </c>
      <c r="AA30361">
        <v>64</v>
      </c>
      <c r="AB30361">
        <v>65</v>
      </c>
      <c r="AC30361">
        <v>67</v>
      </c>
      <c r="AD30361">
        <v>68</v>
      </c>
      <c r="AE30361">
        <v>70</v>
      </c>
      <c r="AF30361">
        <v>72</v>
      </c>
      <c r="AG30361">
        <v>74</v>
      </c>
      <c r="AH30361">
        <v>75</v>
      </c>
      <c r="AI30361">
        <v>77</v>
      </c>
      <c r="AJ30361">
        <v>79</v>
      </c>
      <c r="AK30361">
        <v>81</v>
      </c>
      <c r="AL30361">
        <v>82</v>
      </c>
      <c r="AM30361">
        <v>83</v>
      </c>
      <c r="AN30361">
        <v>84</v>
      </c>
      <c r="AO30361">
        <v>86</v>
      </c>
      <c r="AP30361">
        <v>87</v>
      </c>
      <c r="AQ30361">
        <v>88</v>
      </c>
    </row>
    <row r="30362" spans="1:43">
      <c r="A30362" t="s">
        <v>18813</v>
      </c>
      <c r="B30362" t="s">
        <v>18814</v>
      </c>
      <c r="C30362" t="s">
        <v>18721</v>
      </c>
      <c r="D30362" t="s">
        <v>18722</v>
      </c>
      <c r="E30362" t="s">
        <v>18691</v>
      </c>
      <c r="F30362" t="s">
        <v>18692</v>
      </c>
      <c r="G30362" t="s">
        <v>10734</v>
      </c>
      <c r="H30362" t="s">
        <v>10735</v>
      </c>
      <c r="I30362" s="2">
        <v>0</v>
      </c>
      <c r="J30362" s="2">
        <v>0</v>
      </c>
      <c r="K30362" s="2">
        <v>1</v>
      </c>
      <c r="L30362" t="s">
        <v>995</v>
      </c>
      <c r="M30362" t="s">
        <v>83</v>
      </c>
      <c r="N30362" t="s">
        <v>84</v>
      </c>
      <c r="O30362" t="s">
        <v>85</v>
      </c>
      <c r="P30362" t="s">
        <v>86</v>
      </c>
      <c r="Q30362">
        <v>20</v>
      </c>
      <c r="R30362">
        <v>20</v>
      </c>
      <c r="S30362">
        <v>21</v>
      </c>
      <c r="T30362">
        <v>22</v>
      </c>
      <c r="U30362">
        <v>22</v>
      </c>
      <c r="V30362">
        <v>23</v>
      </c>
      <c r="W30362">
        <v>23</v>
      </c>
      <c r="X30362">
        <v>24</v>
      </c>
      <c r="Y30362">
        <v>25</v>
      </c>
      <c r="Z30362">
        <v>25</v>
      </c>
      <c r="AA30362">
        <v>26</v>
      </c>
      <c r="AB30362">
        <v>27</v>
      </c>
      <c r="AC30362">
        <v>27</v>
      </c>
      <c r="AD30362">
        <v>28</v>
      </c>
      <c r="AE30362">
        <v>29</v>
      </c>
      <c r="AF30362">
        <v>30</v>
      </c>
      <c r="AG30362">
        <v>30</v>
      </c>
      <c r="AH30362">
        <v>31</v>
      </c>
      <c r="AI30362">
        <v>32</v>
      </c>
      <c r="AJ30362">
        <v>33</v>
      </c>
      <c r="AK30362">
        <v>33</v>
      </c>
      <c r="AL30362">
        <v>34</v>
      </c>
      <c r="AM30362">
        <v>34</v>
      </c>
      <c r="AN30362">
        <v>35</v>
      </c>
      <c r="AO30362">
        <v>35</v>
      </c>
      <c r="AP30362">
        <v>36</v>
      </c>
      <c r="AQ30362">
        <v>36</v>
      </c>
    </row>
    <row r="30363" spans="1:43">
      <c r="A30363" t="s">
        <v>18813</v>
      </c>
      <c r="B30363" t="s">
        <v>18814</v>
      </c>
      <c r="C30363" t="s">
        <v>18721</v>
      </c>
      <c r="D30363" t="s">
        <v>18722</v>
      </c>
      <c r="E30363" t="s">
        <v>18691</v>
      </c>
      <c r="F30363" t="s">
        <v>18692</v>
      </c>
      <c r="G30363" t="s">
        <v>10734</v>
      </c>
      <c r="H30363" t="s">
        <v>10735</v>
      </c>
      <c r="I30363" s="2">
        <v>0</v>
      </c>
      <c r="J30363" s="2">
        <v>0</v>
      </c>
      <c r="K30363" s="2">
        <v>1</v>
      </c>
      <c r="L30363" t="s">
        <v>995</v>
      </c>
      <c r="M30363" t="s">
        <v>87</v>
      </c>
      <c r="N30363" t="s">
        <v>88</v>
      </c>
      <c r="O30363" t="s">
        <v>85</v>
      </c>
      <c r="P30363" t="s">
        <v>86</v>
      </c>
      <c r="Q30363">
        <v>20</v>
      </c>
      <c r="R30363">
        <v>20</v>
      </c>
      <c r="S30363">
        <v>20</v>
      </c>
      <c r="T30363">
        <v>21</v>
      </c>
      <c r="U30363">
        <v>21</v>
      </c>
      <c r="V30363">
        <v>22</v>
      </c>
      <c r="W30363">
        <v>22</v>
      </c>
      <c r="X30363">
        <v>22</v>
      </c>
      <c r="Y30363">
        <v>23</v>
      </c>
      <c r="Z30363">
        <v>23</v>
      </c>
      <c r="AA30363">
        <v>24</v>
      </c>
      <c r="AB30363">
        <v>24</v>
      </c>
      <c r="AC30363">
        <v>25</v>
      </c>
      <c r="AD30363">
        <v>25</v>
      </c>
      <c r="AE30363">
        <v>26</v>
      </c>
      <c r="AF30363">
        <v>26</v>
      </c>
      <c r="AG30363">
        <v>26</v>
      </c>
      <c r="AH30363">
        <v>27</v>
      </c>
      <c r="AI30363">
        <v>27</v>
      </c>
      <c r="AJ30363">
        <v>28</v>
      </c>
      <c r="AK30363">
        <v>28</v>
      </c>
      <c r="AL30363">
        <v>29</v>
      </c>
      <c r="AM30363">
        <v>29</v>
      </c>
      <c r="AN30363">
        <v>30</v>
      </c>
      <c r="AO30363">
        <v>30</v>
      </c>
      <c r="AP30363">
        <v>31</v>
      </c>
      <c r="AQ30363">
        <v>32</v>
      </c>
    </row>
    <row r="30364" spans="1:43">
      <c r="A30364" t="s">
        <v>18813</v>
      </c>
      <c r="B30364" t="s">
        <v>18814</v>
      </c>
      <c r="C30364" t="s">
        <v>18721</v>
      </c>
      <c r="D30364" t="s">
        <v>18722</v>
      </c>
      <c r="E30364" t="s">
        <v>18691</v>
      </c>
      <c r="F30364" t="s">
        <v>18692</v>
      </c>
      <c r="G30364" t="s">
        <v>10734</v>
      </c>
      <c r="H30364" t="s">
        <v>10735</v>
      </c>
      <c r="I30364" s="2">
        <v>0</v>
      </c>
      <c r="J30364" s="2">
        <v>0</v>
      </c>
      <c r="K30364" s="2">
        <v>1</v>
      </c>
      <c r="L30364" t="s">
        <v>995</v>
      </c>
      <c r="M30364" t="s">
        <v>89</v>
      </c>
      <c r="N30364" t="s">
        <v>90</v>
      </c>
      <c r="O30364" t="s">
        <v>85</v>
      </c>
      <c r="P30364" t="s">
        <v>86</v>
      </c>
      <c r="Q30364">
        <v>20</v>
      </c>
      <c r="R30364">
        <v>21</v>
      </c>
      <c r="S30364">
        <v>22</v>
      </c>
      <c r="T30364">
        <v>22</v>
      </c>
      <c r="U30364">
        <v>23</v>
      </c>
      <c r="V30364">
        <v>24</v>
      </c>
      <c r="W30364">
        <v>25</v>
      </c>
      <c r="X30364">
        <v>25</v>
      </c>
      <c r="Y30364">
        <v>26</v>
      </c>
      <c r="Z30364">
        <v>27</v>
      </c>
      <c r="AA30364">
        <v>28</v>
      </c>
      <c r="AB30364">
        <v>29</v>
      </c>
      <c r="AC30364">
        <v>29</v>
      </c>
      <c r="AD30364">
        <v>30</v>
      </c>
      <c r="AE30364">
        <v>31</v>
      </c>
      <c r="AF30364">
        <v>31</v>
      </c>
      <c r="AG30364">
        <v>32</v>
      </c>
      <c r="AH30364">
        <v>32</v>
      </c>
      <c r="AI30364">
        <v>33</v>
      </c>
      <c r="AJ30364">
        <v>33</v>
      </c>
      <c r="AK30364">
        <v>34</v>
      </c>
      <c r="AL30364">
        <v>34</v>
      </c>
      <c r="AM30364">
        <v>35</v>
      </c>
      <c r="AN30364">
        <v>35</v>
      </c>
      <c r="AO30364">
        <v>36</v>
      </c>
      <c r="AP30364">
        <v>36</v>
      </c>
      <c r="AQ30364">
        <v>36</v>
      </c>
    </row>
    <row r="30365" spans="1:43">
      <c r="A30365" t="s">
        <v>18813</v>
      </c>
      <c r="B30365" t="s">
        <v>18814</v>
      </c>
      <c r="C30365" t="s">
        <v>18721</v>
      </c>
      <c r="D30365" t="s">
        <v>18722</v>
      </c>
      <c r="E30365" t="s">
        <v>18691</v>
      </c>
      <c r="F30365" t="s">
        <v>18692</v>
      </c>
      <c r="G30365" t="s">
        <v>10734</v>
      </c>
      <c r="H30365" t="s">
        <v>10735</v>
      </c>
      <c r="I30365" s="2">
        <v>0</v>
      </c>
      <c r="J30365" s="2">
        <v>0</v>
      </c>
      <c r="K30365" s="2">
        <v>1</v>
      </c>
      <c r="L30365" t="s">
        <v>995</v>
      </c>
      <c r="M30365" t="s">
        <v>83</v>
      </c>
      <c r="N30365" t="s">
        <v>91</v>
      </c>
      <c r="O30365" t="s">
        <v>85</v>
      </c>
      <c r="P30365" t="s">
        <v>86</v>
      </c>
      <c r="Q30365">
        <v>20</v>
      </c>
      <c r="R30365">
        <v>20</v>
      </c>
      <c r="S30365">
        <v>21</v>
      </c>
      <c r="T30365">
        <v>22</v>
      </c>
      <c r="U30365">
        <v>22</v>
      </c>
      <c r="V30365">
        <v>23</v>
      </c>
      <c r="W30365">
        <v>23</v>
      </c>
      <c r="X30365">
        <v>24</v>
      </c>
      <c r="Y30365">
        <v>25</v>
      </c>
      <c r="Z30365">
        <v>25</v>
      </c>
      <c r="AA30365">
        <v>26</v>
      </c>
      <c r="AB30365">
        <v>27</v>
      </c>
      <c r="AC30365">
        <v>27</v>
      </c>
      <c r="AD30365">
        <v>28</v>
      </c>
      <c r="AE30365">
        <v>29</v>
      </c>
      <c r="AF30365">
        <v>30</v>
      </c>
      <c r="AG30365">
        <v>30</v>
      </c>
      <c r="AH30365">
        <v>31</v>
      </c>
      <c r="AI30365">
        <v>32</v>
      </c>
      <c r="AJ30365">
        <v>33</v>
      </c>
      <c r="AK30365">
        <v>33</v>
      </c>
      <c r="AL30365">
        <v>34</v>
      </c>
      <c r="AM30365">
        <v>34</v>
      </c>
      <c r="AN30365">
        <v>35</v>
      </c>
      <c r="AO30365">
        <v>35</v>
      </c>
      <c r="AP30365">
        <v>36</v>
      </c>
      <c r="AQ30365">
        <v>36</v>
      </c>
    </row>
    <row r="30366" spans="1:43">
      <c r="A30366" t="s">
        <v>18815</v>
      </c>
      <c r="B30366" t="s">
        <v>18816</v>
      </c>
      <c r="C30366" t="s">
        <v>18721</v>
      </c>
      <c r="D30366" t="s">
        <v>18722</v>
      </c>
      <c r="E30366" t="s">
        <v>18691</v>
      </c>
      <c r="F30366" t="s">
        <v>18692</v>
      </c>
      <c r="G30366" t="s">
        <v>10734</v>
      </c>
      <c r="H30366" t="s">
        <v>10735</v>
      </c>
      <c r="I30366" s="2">
        <v>0</v>
      </c>
      <c r="J30366" s="2">
        <v>0</v>
      </c>
      <c r="K30366" s="2">
        <v>1</v>
      </c>
      <c r="L30366" t="s">
        <v>995</v>
      </c>
      <c r="M30366" t="s">
        <v>83</v>
      </c>
      <c r="N30366" t="s">
        <v>84</v>
      </c>
      <c r="O30366" t="s">
        <v>85</v>
      </c>
      <c r="P30366" t="s">
        <v>86</v>
      </c>
      <c r="Q30366">
        <v>104</v>
      </c>
      <c r="R30366">
        <v>107</v>
      </c>
      <c r="S30366">
        <v>110</v>
      </c>
      <c r="T30366">
        <v>113</v>
      </c>
      <c r="U30366">
        <v>117</v>
      </c>
      <c r="V30366">
        <v>120</v>
      </c>
      <c r="W30366">
        <v>123</v>
      </c>
      <c r="X30366">
        <v>126</v>
      </c>
      <c r="Y30366">
        <v>130</v>
      </c>
      <c r="Z30366">
        <v>133</v>
      </c>
      <c r="AA30366">
        <v>136</v>
      </c>
      <c r="AB30366">
        <v>140</v>
      </c>
      <c r="AC30366">
        <v>144</v>
      </c>
      <c r="AD30366">
        <v>147</v>
      </c>
      <c r="AE30366">
        <v>151</v>
      </c>
      <c r="AF30366">
        <v>155</v>
      </c>
      <c r="AG30366">
        <v>158</v>
      </c>
      <c r="AH30366">
        <v>162</v>
      </c>
      <c r="AI30366">
        <v>166</v>
      </c>
      <c r="AJ30366">
        <v>170</v>
      </c>
      <c r="AK30366">
        <v>174</v>
      </c>
      <c r="AL30366">
        <v>177</v>
      </c>
      <c r="AM30366">
        <v>180</v>
      </c>
      <c r="AN30366">
        <v>182</v>
      </c>
      <c r="AO30366">
        <v>185</v>
      </c>
      <c r="AP30366">
        <v>187</v>
      </c>
      <c r="AQ30366">
        <v>190</v>
      </c>
    </row>
    <row r="30367" spans="1:43">
      <c r="A30367" t="s">
        <v>18815</v>
      </c>
      <c r="B30367" t="s">
        <v>18816</v>
      </c>
      <c r="C30367" t="s">
        <v>18721</v>
      </c>
      <c r="D30367" t="s">
        <v>18722</v>
      </c>
      <c r="E30367" t="s">
        <v>18691</v>
      </c>
      <c r="F30367" t="s">
        <v>18692</v>
      </c>
      <c r="G30367" t="s">
        <v>10734</v>
      </c>
      <c r="H30367" t="s">
        <v>10735</v>
      </c>
      <c r="I30367" s="2">
        <v>0</v>
      </c>
      <c r="J30367" s="2">
        <v>0</v>
      </c>
      <c r="K30367" s="2">
        <v>1</v>
      </c>
      <c r="L30367" t="s">
        <v>995</v>
      </c>
      <c r="M30367" t="s">
        <v>87</v>
      </c>
      <c r="N30367" t="s">
        <v>88</v>
      </c>
      <c r="O30367" t="s">
        <v>85</v>
      </c>
      <c r="P30367" t="s">
        <v>86</v>
      </c>
      <c r="Q30367">
        <v>104</v>
      </c>
      <c r="R30367">
        <v>106</v>
      </c>
      <c r="S30367">
        <v>108</v>
      </c>
      <c r="T30367">
        <v>110</v>
      </c>
      <c r="U30367">
        <v>112</v>
      </c>
      <c r="V30367">
        <v>114</v>
      </c>
      <c r="W30367">
        <v>117</v>
      </c>
      <c r="X30367">
        <v>119</v>
      </c>
      <c r="Y30367">
        <v>121</v>
      </c>
      <c r="Z30367">
        <v>123</v>
      </c>
      <c r="AA30367">
        <v>125</v>
      </c>
      <c r="AB30367">
        <v>127</v>
      </c>
      <c r="AC30367">
        <v>130</v>
      </c>
      <c r="AD30367">
        <v>132</v>
      </c>
      <c r="AE30367">
        <v>134</v>
      </c>
      <c r="AF30367">
        <v>137</v>
      </c>
      <c r="AG30367">
        <v>139</v>
      </c>
      <c r="AH30367">
        <v>142</v>
      </c>
      <c r="AI30367">
        <v>144</v>
      </c>
      <c r="AJ30367">
        <v>147</v>
      </c>
      <c r="AK30367">
        <v>149</v>
      </c>
      <c r="AL30367">
        <v>152</v>
      </c>
      <c r="AM30367">
        <v>154</v>
      </c>
      <c r="AN30367">
        <v>157</v>
      </c>
      <c r="AO30367">
        <v>160</v>
      </c>
      <c r="AP30367">
        <v>162</v>
      </c>
      <c r="AQ30367">
        <v>165</v>
      </c>
    </row>
    <row r="30368" spans="1:43">
      <c r="A30368" t="s">
        <v>18815</v>
      </c>
      <c r="B30368" t="s">
        <v>18816</v>
      </c>
      <c r="C30368" t="s">
        <v>18721</v>
      </c>
      <c r="D30368" t="s">
        <v>18722</v>
      </c>
      <c r="E30368" t="s">
        <v>18691</v>
      </c>
      <c r="F30368" t="s">
        <v>18692</v>
      </c>
      <c r="G30368" t="s">
        <v>10734</v>
      </c>
      <c r="H30368" t="s">
        <v>10735</v>
      </c>
      <c r="I30368" s="2">
        <v>0</v>
      </c>
      <c r="J30368" s="2">
        <v>0</v>
      </c>
      <c r="K30368" s="2">
        <v>1</v>
      </c>
      <c r="L30368" t="s">
        <v>995</v>
      </c>
      <c r="M30368" t="s">
        <v>89</v>
      </c>
      <c r="N30368" t="s">
        <v>90</v>
      </c>
      <c r="O30368" t="s">
        <v>85</v>
      </c>
      <c r="P30368" t="s">
        <v>86</v>
      </c>
      <c r="Q30368">
        <v>104</v>
      </c>
      <c r="R30368">
        <v>108</v>
      </c>
      <c r="S30368">
        <v>112</v>
      </c>
      <c r="T30368">
        <v>116</v>
      </c>
      <c r="U30368">
        <v>120</v>
      </c>
      <c r="V30368">
        <v>124</v>
      </c>
      <c r="W30368">
        <v>128</v>
      </c>
      <c r="X30368">
        <v>132</v>
      </c>
      <c r="Y30368">
        <v>136</v>
      </c>
      <c r="Z30368">
        <v>140</v>
      </c>
      <c r="AA30368">
        <v>144</v>
      </c>
      <c r="AB30368">
        <v>149</v>
      </c>
      <c r="AC30368">
        <v>153</v>
      </c>
      <c r="AD30368">
        <v>157</v>
      </c>
      <c r="AE30368">
        <v>161</v>
      </c>
      <c r="AF30368">
        <v>163</v>
      </c>
      <c r="AG30368">
        <v>166</v>
      </c>
      <c r="AH30368">
        <v>168</v>
      </c>
      <c r="AI30368">
        <v>170</v>
      </c>
      <c r="AJ30368">
        <v>173</v>
      </c>
      <c r="AK30368">
        <v>175</v>
      </c>
      <c r="AL30368">
        <v>178</v>
      </c>
      <c r="AM30368">
        <v>180</v>
      </c>
      <c r="AN30368">
        <v>183</v>
      </c>
      <c r="AO30368">
        <v>185</v>
      </c>
      <c r="AP30368">
        <v>188</v>
      </c>
      <c r="AQ30368">
        <v>190</v>
      </c>
    </row>
    <row r="30369" spans="1:43">
      <c r="A30369" t="s">
        <v>18815</v>
      </c>
      <c r="B30369" t="s">
        <v>18816</v>
      </c>
      <c r="C30369" t="s">
        <v>18721</v>
      </c>
      <c r="D30369" t="s">
        <v>18722</v>
      </c>
      <c r="E30369" t="s">
        <v>18691</v>
      </c>
      <c r="F30369" t="s">
        <v>18692</v>
      </c>
      <c r="G30369" t="s">
        <v>10734</v>
      </c>
      <c r="H30369" t="s">
        <v>10735</v>
      </c>
      <c r="I30369" s="2">
        <v>0</v>
      </c>
      <c r="J30369" s="2">
        <v>0</v>
      </c>
      <c r="K30369" s="2">
        <v>1</v>
      </c>
      <c r="L30369" t="s">
        <v>995</v>
      </c>
      <c r="M30369" t="s">
        <v>83</v>
      </c>
      <c r="N30369" t="s">
        <v>91</v>
      </c>
      <c r="O30369" t="s">
        <v>85</v>
      </c>
      <c r="P30369" t="s">
        <v>86</v>
      </c>
      <c r="Q30369">
        <v>104</v>
      </c>
      <c r="R30369">
        <v>107</v>
      </c>
      <c r="S30369">
        <v>110</v>
      </c>
      <c r="T30369">
        <v>113</v>
      </c>
      <c r="U30369">
        <v>117</v>
      </c>
      <c r="V30369">
        <v>120</v>
      </c>
      <c r="W30369">
        <v>123</v>
      </c>
      <c r="X30369">
        <v>126</v>
      </c>
      <c r="Y30369">
        <v>130</v>
      </c>
      <c r="Z30369">
        <v>133</v>
      </c>
      <c r="AA30369">
        <v>136</v>
      </c>
      <c r="AB30369">
        <v>140</v>
      </c>
      <c r="AC30369">
        <v>144</v>
      </c>
      <c r="AD30369">
        <v>147</v>
      </c>
      <c r="AE30369">
        <v>151</v>
      </c>
      <c r="AF30369">
        <v>155</v>
      </c>
      <c r="AG30369">
        <v>158</v>
      </c>
      <c r="AH30369">
        <v>162</v>
      </c>
      <c r="AI30369">
        <v>166</v>
      </c>
      <c r="AJ30369">
        <v>170</v>
      </c>
      <c r="AK30369">
        <v>174</v>
      </c>
      <c r="AL30369">
        <v>177</v>
      </c>
      <c r="AM30369">
        <v>180</v>
      </c>
      <c r="AN30369">
        <v>182</v>
      </c>
      <c r="AO30369">
        <v>185</v>
      </c>
      <c r="AP30369">
        <v>187</v>
      </c>
      <c r="AQ30369">
        <v>190</v>
      </c>
    </row>
    <row r="30370" spans="1:43">
      <c r="A30370" t="s">
        <v>18817</v>
      </c>
      <c r="B30370" t="s">
        <v>18818</v>
      </c>
      <c r="C30370" t="s">
        <v>18721</v>
      </c>
      <c r="D30370" t="s">
        <v>18722</v>
      </c>
      <c r="E30370" t="s">
        <v>18691</v>
      </c>
      <c r="F30370" t="s">
        <v>18692</v>
      </c>
      <c r="G30370" t="s">
        <v>10734</v>
      </c>
      <c r="H30370" t="s">
        <v>10735</v>
      </c>
      <c r="I30370" s="2">
        <v>0</v>
      </c>
      <c r="J30370" s="2">
        <v>0</v>
      </c>
      <c r="K30370" s="2">
        <v>1</v>
      </c>
      <c r="L30370" t="s">
        <v>995</v>
      </c>
      <c r="M30370" t="s">
        <v>83</v>
      </c>
      <c r="N30370" t="s">
        <v>84</v>
      </c>
      <c r="O30370" t="s">
        <v>85</v>
      </c>
      <c r="P30370" t="s">
        <v>86</v>
      </c>
      <c r="Q30370">
        <v>45</v>
      </c>
      <c r="R30370">
        <v>47</v>
      </c>
      <c r="S30370">
        <v>48</v>
      </c>
      <c r="T30370">
        <v>49</v>
      </c>
      <c r="U30370">
        <v>51</v>
      </c>
      <c r="V30370">
        <v>52</v>
      </c>
      <c r="W30370">
        <v>53</v>
      </c>
      <c r="X30370">
        <v>55</v>
      </c>
      <c r="Y30370">
        <v>56</v>
      </c>
      <c r="Z30370">
        <v>58</v>
      </c>
      <c r="AA30370">
        <v>59</v>
      </c>
      <c r="AB30370">
        <v>61</v>
      </c>
      <c r="AC30370">
        <v>62</v>
      </c>
      <c r="AD30370">
        <v>64</v>
      </c>
      <c r="AE30370">
        <v>65</v>
      </c>
      <c r="AF30370">
        <v>67</v>
      </c>
      <c r="AG30370">
        <v>69</v>
      </c>
      <c r="AH30370">
        <v>70</v>
      </c>
      <c r="AI30370">
        <v>72</v>
      </c>
      <c r="AJ30370">
        <v>74</v>
      </c>
      <c r="AK30370">
        <v>76</v>
      </c>
      <c r="AL30370">
        <v>77</v>
      </c>
      <c r="AM30370">
        <v>78</v>
      </c>
      <c r="AN30370">
        <v>79</v>
      </c>
      <c r="AO30370">
        <v>80</v>
      </c>
      <c r="AP30370">
        <v>81</v>
      </c>
      <c r="AQ30370">
        <v>82</v>
      </c>
    </row>
    <row r="30371" spans="1:43">
      <c r="A30371" t="s">
        <v>18817</v>
      </c>
      <c r="B30371" t="s">
        <v>18818</v>
      </c>
      <c r="C30371" t="s">
        <v>18721</v>
      </c>
      <c r="D30371" t="s">
        <v>18722</v>
      </c>
      <c r="E30371" t="s">
        <v>18691</v>
      </c>
      <c r="F30371" t="s">
        <v>18692</v>
      </c>
      <c r="G30371" t="s">
        <v>10734</v>
      </c>
      <c r="H30371" t="s">
        <v>10735</v>
      </c>
      <c r="I30371" s="2">
        <v>0</v>
      </c>
      <c r="J30371" s="2">
        <v>0</v>
      </c>
      <c r="K30371" s="2">
        <v>1</v>
      </c>
      <c r="L30371" t="s">
        <v>995</v>
      </c>
      <c r="M30371" t="s">
        <v>87</v>
      </c>
      <c r="N30371" t="s">
        <v>88</v>
      </c>
      <c r="O30371" t="s">
        <v>85</v>
      </c>
      <c r="P30371" t="s">
        <v>86</v>
      </c>
      <c r="Q30371">
        <v>45</v>
      </c>
      <c r="R30371">
        <v>46</v>
      </c>
      <c r="S30371">
        <v>47</v>
      </c>
      <c r="T30371">
        <v>47</v>
      </c>
      <c r="U30371">
        <v>48</v>
      </c>
      <c r="V30371">
        <v>49</v>
      </c>
      <c r="W30371">
        <v>50</v>
      </c>
      <c r="X30371">
        <v>51</v>
      </c>
      <c r="Y30371">
        <v>52</v>
      </c>
      <c r="Z30371">
        <v>53</v>
      </c>
      <c r="AA30371">
        <v>54</v>
      </c>
      <c r="AB30371">
        <v>55</v>
      </c>
      <c r="AC30371">
        <v>56</v>
      </c>
      <c r="AD30371">
        <v>57</v>
      </c>
      <c r="AE30371">
        <v>58</v>
      </c>
      <c r="AF30371">
        <v>59</v>
      </c>
      <c r="AG30371">
        <v>60</v>
      </c>
      <c r="AH30371">
        <v>61</v>
      </c>
      <c r="AI30371">
        <v>62</v>
      </c>
      <c r="AJ30371">
        <v>63</v>
      </c>
      <c r="AK30371">
        <v>64</v>
      </c>
      <c r="AL30371">
        <v>66</v>
      </c>
      <c r="AM30371">
        <v>67</v>
      </c>
      <c r="AN30371">
        <v>68</v>
      </c>
      <c r="AO30371">
        <v>69</v>
      </c>
      <c r="AP30371">
        <v>70</v>
      </c>
      <c r="AQ30371">
        <v>71</v>
      </c>
    </row>
    <row r="30372" spans="1:43">
      <c r="A30372" t="s">
        <v>18817</v>
      </c>
      <c r="B30372" t="s">
        <v>18818</v>
      </c>
      <c r="C30372" t="s">
        <v>18721</v>
      </c>
      <c r="D30372" t="s">
        <v>18722</v>
      </c>
      <c r="E30372" t="s">
        <v>18691</v>
      </c>
      <c r="F30372" t="s">
        <v>18692</v>
      </c>
      <c r="G30372" t="s">
        <v>10734</v>
      </c>
      <c r="H30372" t="s">
        <v>10735</v>
      </c>
      <c r="I30372" s="2">
        <v>0</v>
      </c>
      <c r="J30372" s="2">
        <v>0</v>
      </c>
      <c r="K30372" s="2">
        <v>1</v>
      </c>
      <c r="L30372" t="s">
        <v>995</v>
      </c>
      <c r="M30372" t="s">
        <v>89</v>
      </c>
      <c r="N30372" t="s">
        <v>90</v>
      </c>
      <c r="O30372" t="s">
        <v>85</v>
      </c>
      <c r="P30372" t="s">
        <v>86</v>
      </c>
      <c r="Q30372">
        <v>45</v>
      </c>
      <c r="R30372">
        <v>46</v>
      </c>
      <c r="S30372">
        <v>48</v>
      </c>
      <c r="T30372">
        <v>50</v>
      </c>
      <c r="U30372">
        <v>52</v>
      </c>
      <c r="V30372">
        <v>53</v>
      </c>
      <c r="W30372">
        <v>55</v>
      </c>
      <c r="X30372">
        <v>57</v>
      </c>
      <c r="Y30372">
        <v>59</v>
      </c>
      <c r="Z30372">
        <v>60</v>
      </c>
      <c r="AA30372">
        <v>62</v>
      </c>
      <c r="AB30372">
        <v>64</v>
      </c>
      <c r="AC30372">
        <v>66</v>
      </c>
      <c r="AD30372">
        <v>68</v>
      </c>
      <c r="AE30372">
        <v>69</v>
      </c>
      <c r="AF30372">
        <v>70</v>
      </c>
      <c r="AG30372">
        <v>71</v>
      </c>
      <c r="AH30372">
        <v>72</v>
      </c>
      <c r="AI30372">
        <v>73</v>
      </c>
      <c r="AJ30372">
        <v>74</v>
      </c>
      <c r="AK30372">
        <v>75</v>
      </c>
      <c r="AL30372">
        <v>76</v>
      </c>
      <c r="AM30372">
        <v>77</v>
      </c>
      <c r="AN30372">
        <v>78</v>
      </c>
      <c r="AO30372">
        <v>80</v>
      </c>
      <c r="AP30372">
        <v>81</v>
      </c>
      <c r="AQ30372">
        <v>82</v>
      </c>
    </row>
    <row r="30373" spans="1:43">
      <c r="A30373" t="s">
        <v>18817</v>
      </c>
      <c r="B30373" t="s">
        <v>18818</v>
      </c>
      <c r="C30373" t="s">
        <v>18721</v>
      </c>
      <c r="D30373" t="s">
        <v>18722</v>
      </c>
      <c r="E30373" t="s">
        <v>18691</v>
      </c>
      <c r="F30373" t="s">
        <v>18692</v>
      </c>
      <c r="G30373" t="s">
        <v>10734</v>
      </c>
      <c r="H30373" t="s">
        <v>10735</v>
      </c>
      <c r="I30373" s="2">
        <v>0</v>
      </c>
      <c r="J30373" s="2">
        <v>0</v>
      </c>
      <c r="K30373" s="2">
        <v>1</v>
      </c>
      <c r="L30373" t="s">
        <v>995</v>
      </c>
      <c r="M30373" t="s">
        <v>83</v>
      </c>
      <c r="N30373" t="s">
        <v>91</v>
      </c>
      <c r="O30373" t="s">
        <v>85</v>
      </c>
      <c r="P30373" t="s">
        <v>86</v>
      </c>
      <c r="Q30373">
        <v>45</v>
      </c>
      <c r="R30373">
        <v>47</v>
      </c>
      <c r="S30373">
        <v>48</v>
      </c>
      <c r="T30373">
        <v>49</v>
      </c>
      <c r="U30373">
        <v>51</v>
      </c>
      <c r="V30373">
        <v>52</v>
      </c>
      <c r="W30373">
        <v>53</v>
      </c>
      <c r="X30373">
        <v>55</v>
      </c>
      <c r="Y30373">
        <v>56</v>
      </c>
      <c r="Z30373">
        <v>58</v>
      </c>
      <c r="AA30373">
        <v>59</v>
      </c>
      <c r="AB30373">
        <v>61</v>
      </c>
      <c r="AC30373">
        <v>62</v>
      </c>
      <c r="AD30373">
        <v>64</v>
      </c>
      <c r="AE30373">
        <v>65</v>
      </c>
      <c r="AF30373">
        <v>67</v>
      </c>
      <c r="AG30373">
        <v>69</v>
      </c>
      <c r="AH30373">
        <v>70</v>
      </c>
      <c r="AI30373">
        <v>72</v>
      </c>
      <c r="AJ30373">
        <v>74</v>
      </c>
      <c r="AK30373">
        <v>76</v>
      </c>
      <c r="AL30373">
        <v>77</v>
      </c>
      <c r="AM30373">
        <v>78</v>
      </c>
      <c r="AN30373">
        <v>79</v>
      </c>
      <c r="AO30373">
        <v>80</v>
      </c>
      <c r="AP30373">
        <v>81</v>
      </c>
      <c r="AQ30373">
        <v>82</v>
      </c>
    </row>
    <row r="30374" spans="1:43">
      <c r="A30374" t="s">
        <v>18819</v>
      </c>
      <c r="B30374" t="s">
        <v>18820</v>
      </c>
      <c r="C30374" t="s">
        <v>18745</v>
      </c>
      <c r="D30374" t="s">
        <v>18746</v>
      </c>
      <c r="E30374" t="s">
        <v>18691</v>
      </c>
      <c r="F30374" t="s">
        <v>18692</v>
      </c>
      <c r="G30374" t="s">
        <v>10734</v>
      </c>
      <c r="H30374" t="s">
        <v>10735</v>
      </c>
      <c r="I30374" s="2">
        <v>0</v>
      </c>
      <c r="J30374" s="2">
        <v>0</v>
      </c>
      <c r="K30374" s="2">
        <v>1</v>
      </c>
      <c r="L30374" t="s">
        <v>995</v>
      </c>
      <c r="M30374" t="s">
        <v>83</v>
      </c>
      <c r="N30374" t="s">
        <v>84</v>
      </c>
      <c r="O30374" t="s">
        <v>85</v>
      </c>
      <c r="P30374" t="s">
        <v>86</v>
      </c>
      <c r="Q30374">
        <v>48</v>
      </c>
      <c r="R30374">
        <v>50</v>
      </c>
      <c r="S30374">
        <v>51</v>
      </c>
      <c r="T30374">
        <v>52</v>
      </c>
      <c r="U30374">
        <v>54</v>
      </c>
      <c r="V30374">
        <v>55</v>
      </c>
      <c r="W30374">
        <v>57</v>
      </c>
      <c r="X30374">
        <v>58</v>
      </c>
      <c r="Y30374">
        <v>60</v>
      </c>
      <c r="Z30374">
        <v>61</v>
      </c>
      <c r="AA30374">
        <v>63</v>
      </c>
      <c r="AB30374">
        <v>64</v>
      </c>
      <c r="AC30374">
        <v>66</v>
      </c>
      <c r="AD30374">
        <v>68</v>
      </c>
      <c r="AE30374">
        <v>69</v>
      </c>
      <c r="AF30374">
        <v>71</v>
      </c>
      <c r="AG30374">
        <v>73</v>
      </c>
      <c r="AH30374">
        <v>75</v>
      </c>
      <c r="AI30374">
        <v>76</v>
      </c>
      <c r="AJ30374">
        <v>78</v>
      </c>
      <c r="AK30374">
        <v>80</v>
      </c>
      <c r="AL30374">
        <v>81</v>
      </c>
      <c r="AM30374">
        <v>82</v>
      </c>
      <c r="AN30374">
        <v>84</v>
      </c>
      <c r="AO30374">
        <v>85</v>
      </c>
      <c r="AP30374">
        <v>86</v>
      </c>
      <c r="AQ30374">
        <v>87</v>
      </c>
    </row>
    <row r="30375" spans="1:43">
      <c r="A30375" t="s">
        <v>18819</v>
      </c>
      <c r="B30375" t="s">
        <v>18820</v>
      </c>
      <c r="C30375" t="s">
        <v>18745</v>
      </c>
      <c r="D30375" t="s">
        <v>18746</v>
      </c>
      <c r="E30375" t="s">
        <v>18691</v>
      </c>
      <c r="F30375" t="s">
        <v>18692</v>
      </c>
      <c r="G30375" t="s">
        <v>10734</v>
      </c>
      <c r="H30375" t="s">
        <v>10735</v>
      </c>
      <c r="I30375" s="2">
        <v>0</v>
      </c>
      <c r="J30375" s="2">
        <v>0</v>
      </c>
      <c r="K30375" s="2">
        <v>1</v>
      </c>
      <c r="L30375" t="s">
        <v>995</v>
      </c>
      <c r="M30375" t="s">
        <v>87</v>
      </c>
      <c r="N30375" t="s">
        <v>88</v>
      </c>
      <c r="O30375" t="s">
        <v>85</v>
      </c>
      <c r="P30375" t="s">
        <v>86</v>
      </c>
      <c r="Q30375">
        <v>48</v>
      </c>
      <c r="R30375">
        <v>49</v>
      </c>
      <c r="S30375">
        <v>50</v>
      </c>
      <c r="T30375">
        <v>50</v>
      </c>
      <c r="U30375">
        <v>51</v>
      </c>
      <c r="V30375">
        <v>52</v>
      </c>
      <c r="W30375">
        <v>53</v>
      </c>
      <c r="X30375">
        <v>54</v>
      </c>
      <c r="Y30375">
        <v>55</v>
      </c>
      <c r="Z30375">
        <v>56</v>
      </c>
      <c r="AA30375">
        <v>57</v>
      </c>
      <c r="AB30375">
        <v>58</v>
      </c>
      <c r="AC30375">
        <v>59</v>
      </c>
      <c r="AD30375">
        <v>60</v>
      </c>
      <c r="AE30375">
        <v>61</v>
      </c>
      <c r="AF30375">
        <v>62</v>
      </c>
      <c r="AG30375">
        <v>64</v>
      </c>
      <c r="AH30375">
        <v>65</v>
      </c>
      <c r="AI30375">
        <v>66</v>
      </c>
      <c r="AJ30375">
        <v>67</v>
      </c>
      <c r="AK30375">
        <v>68</v>
      </c>
      <c r="AL30375">
        <v>69</v>
      </c>
      <c r="AM30375">
        <v>70</v>
      </c>
      <c r="AN30375">
        <v>72</v>
      </c>
      <c r="AO30375">
        <v>73</v>
      </c>
      <c r="AP30375">
        <v>74</v>
      </c>
      <c r="AQ30375">
        <v>75</v>
      </c>
    </row>
    <row r="30376" spans="1:43">
      <c r="A30376" t="s">
        <v>18819</v>
      </c>
      <c r="B30376" t="s">
        <v>18820</v>
      </c>
      <c r="C30376" t="s">
        <v>18745</v>
      </c>
      <c r="D30376" t="s">
        <v>18746</v>
      </c>
      <c r="E30376" t="s">
        <v>18691</v>
      </c>
      <c r="F30376" t="s">
        <v>18692</v>
      </c>
      <c r="G30376" t="s">
        <v>10734</v>
      </c>
      <c r="H30376" t="s">
        <v>10735</v>
      </c>
      <c r="I30376" s="2">
        <v>0</v>
      </c>
      <c r="J30376" s="2">
        <v>0</v>
      </c>
      <c r="K30376" s="2">
        <v>1</v>
      </c>
      <c r="L30376" t="s">
        <v>995</v>
      </c>
      <c r="M30376" t="s">
        <v>89</v>
      </c>
      <c r="N30376" t="s">
        <v>90</v>
      </c>
      <c r="O30376" t="s">
        <v>85</v>
      </c>
      <c r="P30376" t="s">
        <v>86</v>
      </c>
      <c r="Q30376">
        <v>48</v>
      </c>
      <c r="R30376">
        <v>49</v>
      </c>
      <c r="S30376">
        <v>51</v>
      </c>
      <c r="T30376">
        <v>53</v>
      </c>
      <c r="U30376">
        <v>55</v>
      </c>
      <c r="V30376">
        <v>57</v>
      </c>
      <c r="W30376">
        <v>59</v>
      </c>
      <c r="X30376">
        <v>60</v>
      </c>
      <c r="Y30376">
        <v>62</v>
      </c>
      <c r="Z30376">
        <v>64</v>
      </c>
      <c r="AA30376">
        <v>66</v>
      </c>
      <c r="AB30376">
        <v>68</v>
      </c>
      <c r="AC30376">
        <v>70</v>
      </c>
      <c r="AD30376">
        <v>72</v>
      </c>
      <c r="AE30376">
        <v>73</v>
      </c>
      <c r="AF30376">
        <v>74</v>
      </c>
      <c r="AG30376">
        <v>76</v>
      </c>
      <c r="AH30376">
        <v>77</v>
      </c>
      <c r="AI30376">
        <v>78</v>
      </c>
      <c r="AJ30376">
        <v>79</v>
      </c>
      <c r="AK30376">
        <v>80</v>
      </c>
      <c r="AL30376">
        <v>81</v>
      </c>
      <c r="AM30376">
        <v>82</v>
      </c>
      <c r="AN30376">
        <v>83</v>
      </c>
      <c r="AO30376">
        <v>84</v>
      </c>
      <c r="AP30376">
        <v>85</v>
      </c>
      <c r="AQ30376">
        <v>87</v>
      </c>
    </row>
    <row r="30377" spans="1:43">
      <c r="A30377" t="s">
        <v>18819</v>
      </c>
      <c r="B30377" t="s">
        <v>18820</v>
      </c>
      <c r="C30377" t="s">
        <v>18745</v>
      </c>
      <c r="D30377" t="s">
        <v>18746</v>
      </c>
      <c r="E30377" t="s">
        <v>18691</v>
      </c>
      <c r="F30377" t="s">
        <v>18692</v>
      </c>
      <c r="G30377" t="s">
        <v>10734</v>
      </c>
      <c r="H30377" t="s">
        <v>10735</v>
      </c>
      <c r="I30377" s="2">
        <v>0</v>
      </c>
      <c r="J30377" s="2">
        <v>0</v>
      </c>
      <c r="K30377" s="2">
        <v>1</v>
      </c>
      <c r="L30377" t="s">
        <v>995</v>
      </c>
      <c r="M30377" t="s">
        <v>83</v>
      </c>
      <c r="N30377" t="s">
        <v>91</v>
      </c>
      <c r="O30377" t="s">
        <v>85</v>
      </c>
      <c r="P30377" t="s">
        <v>86</v>
      </c>
      <c r="Q30377">
        <v>48</v>
      </c>
      <c r="R30377">
        <v>50</v>
      </c>
      <c r="S30377">
        <v>51</v>
      </c>
      <c r="T30377">
        <v>52</v>
      </c>
      <c r="U30377">
        <v>54</v>
      </c>
      <c r="V30377">
        <v>55</v>
      </c>
      <c r="W30377">
        <v>57</v>
      </c>
      <c r="X30377">
        <v>58</v>
      </c>
      <c r="Y30377">
        <v>60</v>
      </c>
      <c r="Z30377">
        <v>61</v>
      </c>
      <c r="AA30377">
        <v>63</v>
      </c>
      <c r="AB30377">
        <v>64</v>
      </c>
      <c r="AC30377">
        <v>66</v>
      </c>
      <c r="AD30377">
        <v>68</v>
      </c>
      <c r="AE30377">
        <v>69</v>
      </c>
      <c r="AF30377">
        <v>71</v>
      </c>
      <c r="AG30377">
        <v>73</v>
      </c>
      <c r="AH30377">
        <v>75</v>
      </c>
      <c r="AI30377">
        <v>76</v>
      </c>
      <c r="AJ30377">
        <v>78</v>
      </c>
      <c r="AK30377">
        <v>80</v>
      </c>
      <c r="AL30377">
        <v>81</v>
      </c>
      <c r="AM30377">
        <v>82</v>
      </c>
      <c r="AN30377">
        <v>84</v>
      </c>
      <c r="AO30377">
        <v>85</v>
      </c>
      <c r="AP30377">
        <v>86</v>
      </c>
      <c r="AQ30377">
        <v>87</v>
      </c>
    </row>
    <row r="30378" spans="1:43">
      <c r="A30378" t="s">
        <v>18821</v>
      </c>
      <c r="B30378" t="s">
        <v>18822</v>
      </c>
      <c r="C30378" t="s">
        <v>18803</v>
      </c>
      <c r="D30378" t="s">
        <v>18804</v>
      </c>
      <c r="E30378" t="s">
        <v>18691</v>
      </c>
      <c r="F30378" t="s">
        <v>18692</v>
      </c>
      <c r="G30378" t="s">
        <v>10734</v>
      </c>
      <c r="H30378" t="s">
        <v>10735</v>
      </c>
      <c r="I30378" s="2">
        <v>0</v>
      </c>
      <c r="J30378" s="2">
        <v>0</v>
      </c>
      <c r="K30378" s="2">
        <v>1</v>
      </c>
      <c r="L30378" t="s">
        <v>995</v>
      </c>
      <c r="M30378" t="s">
        <v>83</v>
      </c>
      <c r="N30378" t="s">
        <v>84</v>
      </c>
      <c r="O30378" t="s">
        <v>85</v>
      </c>
      <c r="P30378" t="s">
        <v>86</v>
      </c>
      <c r="Q30378">
        <v>65</v>
      </c>
      <c r="R30378">
        <v>67</v>
      </c>
      <c r="S30378">
        <v>69</v>
      </c>
      <c r="T30378">
        <v>70</v>
      </c>
      <c r="U30378">
        <v>72</v>
      </c>
      <c r="V30378">
        <v>74</v>
      </c>
      <c r="W30378">
        <v>76</v>
      </c>
      <c r="X30378">
        <v>78</v>
      </c>
      <c r="Y30378">
        <v>80</v>
      </c>
      <c r="Z30378">
        <v>82</v>
      </c>
      <c r="AA30378">
        <v>84</v>
      </c>
      <c r="AB30378">
        <v>87</v>
      </c>
      <c r="AC30378">
        <v>89</v>
      </c>
      <c r="AD30378">
        <v>91</v>
      </c>
      <c r="AE30378">
        <v>93</v>
      </c>
      <c r="AF30378">
        <v>95</v>
      </c>
      <c r="AG30378">
        <v>98</v>
      </c>
      <c r="AH30378">
        <v>100</v>
      </c>
      <c r="AI30378">
        <v>102</v>
      </c>
      <c r="AJ30378">
        <v>105</v>
      </c>
      <c r="AK30378">
        <v>107</v>
      </c>
      <c r="AL30378">
        <v>109</v>
      </c>
      <c r="AM30378">
        <v>110</v>
      </c>
      <c r="AN30378">
        <v>112</v>
      </c>
      <c r="AO30378">
        <v>113</v>
      </c>
      <c r="AP30378">
        <v>115</v>
      </c>
      <c r="AQ30378">
        <v>116</v>
      </c>
    </row>
    <row r="30379" spans="1:43">
      <c r="A30379" t="s">
        <v>18821</v>
      </c>
      <c r="B30379" t="s">
        <v>18822</v>
      </c>
      <c r="C30379" t="s">
        <v>18803</v>
      </c>
      <c r="D30379" t="s">
        <v>18804</v>
      </c>
      <c r="E30379" t="s">
        <v>18691</v>
      </c>
      <c r="F30379" t="s">
        <v>18692</v>
      </c>
      <c r="G30379" t="s">
        <v>10734</v>
      </c>
      <c r="H30379" t="s">
        <v>10735</v>
      </c>
      <c r="I30379" s="2">
        <v>0</v>
      </c>
      <c r="J30379" s="2">
        <v>0</v>
      </c>
      <c r="K30379" s="2">
        <v>1</v>
      </c>
      <c r="L30379" t="s">
        <v>995</v>
      </c>
      <c r="M30379" t="s">
        <v>87</v>
      </c>
      <c r="N30379" t="s">
        <v>88</v>
      </c>
      <c r="O30379" t="s">
        <v>85</v>
      </c>
      <c r="P30379" t="s">
        <v>86</v>
      </c>
      <c r="Q30379">
        <v>65</v>
      </c>
      <c r="R30379">
        <v>67</v>
      </c>
      <c r="S30379">
        <v>68</v>
      </c>
      <c r="T30379">
        <v>69</v>
      </c>
      <c r="U30379">
        <v>70</v>
      </c>
      <c r="V30379">
        <v>71</v>
      </c>
      <c r="W30379">
        <v>73</v>
      </c>
      <c r="X30379">
        <v>74</v>
      </c>
      <c r="Y30379">
        <v>75</v>
      </c>
      <c r="Z30379">
        <v>77</v>
      </c>
      <c r="AA30379">
        <v>78</v>
      </c>
      <c r="AB30379">
        <v>79</v>
      </c>
      <c r="AC30379">
        <v>81</v>
      </c>
      <c r="AD30379">
        <v>82</v>
      </c>
      <c r="AE30379">
        <v>83</v>
      </c>
      <c r="AF30379">
        <v>85</v>
      </c>
      <c r="AG30379">
        <v>86</v>
      </c>
      <c r="AH30379">
        <v>88</v>
      </c>
      <c r="AI30379">
        <v>89</v>
      </c>
      <c r="AJ30379">
        <v>91</v>
      </c>
      <c r="AK30379">
        <v>92</v>
      </c>
      <c r="AL30379">
        <v>94</v>
      </c>
      <c r="AM30379">
        <v>95</v>
      </c>
      <c r="AN30379">
        <v>97</v>
      </c>
      <c r="AO30379">
        <v>98</v>
      </c>
      <c r="AP30379">
        <v>100</v>
      </c>
      <c r="AQ30379">
        <v>102</v>
      </c>
    </row>
    <row r="30380" spans="1:43">
      <c r="A30380" t="s">
        <v>18821</v>
      </c>
      <c r="B30380" t="s">
        <v>18822</v>
      </c>
      <c r="C30380" t="s">
        <v>18803</v>
      </c>
      <c r="D30380" t="s">
        <v>18804</v>
      </c>
      <c r="E30380" t="s">
        <v>18691</v>
      </c>
      <c r="F30380" t="s">
        <v>18692</v>
      </c>
      <c r="G30380" t="s">
        <v>10734</v>
      </c>
      <c r="H30380" t="s">
        <v>10735</v>
      </c>
      <c r="I30380" s="2">
        <v>0</v>
      </c>
      <c r="J30380" s="2">
        <v>0</v>
      </c>
      <c r="K30380" s="2">
        <v>1</v>
      </c>
      <c r="L30380" t="s">
        <v>995</v>
      </c>
      <c r="M30380" t="s">
        <v>89</v>
      </c>
      <c r="N30380" t="s">
        <v>90</v>
      </c>
      <c r="O30380" t="s">
        <v>85</v>
      </c>
      <c r="P30380" t="s">
        <v>86</v>
      </c>
      <c r="Q30380">
        <v>65</v>
      </c>
      <c r="R30380">
        <v>67</v>
      </c>
      <c r="S30380">
        <v>69</v>
      </c>
      <c r="T30380">
        <v>72</v>
      </c>
      <c r="U30380">
        <v>74</v>
      </c>
      <c r="V30380">
        <v>77</v>
      </c>
      <c r="W30380">
        <v>79</v>
      </c>
      <c r="X30380">
        <v>82</v>
      </c>
      <c r="Y30380">
        <v>84</v>
      </c>
      <c r="Z30380">
        <v>86</v>
      </c>
      <c r="AA30380">
        <v>89</v>
      </c>
      <c r="AB30380">
        <v>91</v>
      </c>
      <c r="AC30380">
        <v>94</v>
      </c>
      <c r="AD30380">
        <v>97</v>
      </c>
      <c r="AE30380">
        <v>99</v>
      </c>
      <c r="AF30380">
        <v>100</v>
      </c>
      <c r="AG30380">
        <v>102</v>
      </c>
      <c r="AH30380">
        <v>103</v>
      </c>
      <c r="AI30380">
        <v>105</v>
      </c>
      <c r="AJ30380">
        <v>106</v>
      </c>
      <c r="AK30380">
        <v>107</v>
      </c>
      <c r="AL30380">
        <v>109</v>
      </c>
      <c r="AM30380">
        <v>110</v>
      </c>
      <c r="AN30380">
        <v>112</v>
      </c>
      <c r="AO30380">
        <v>113</v>
      </c>
      <c r="AP30380">
        <v>115</v>
      </c>
      <c r="AQ30380">
        <v>116</v>
      </c>
    </row>
    <row r="30381" spans="1:43">
      <c r="A30381" t="s">
        <v>18821</v>
      </c>
      <c r="B30381" t="s">
        <v>18822</v>
      </c>
      <c r="C30381" t="s">
        <v>18803</v>
      </c>
      <c r="D30381" t="s">
        <v>18804</v>
      </c>
      <c r="E30381" t="s">
        <v>18691</v>
      </c>
      <c r="F30381" t="s">
        <v>18692</v>
      </c>
      <c r="G30381" t="s">
        <v>10734</v>
      </c>
      <c r="H30381" t="s">
        <v>10735</v>
      </c>
      <c r="I30381" s="2">
        <v>0</v>
      </c>
      <c r="J30381" s="2">
        <v>0</v>
      </c>
      <c r="K30381" s="2">
        <v>1</v>
      </c>
      <c r="L30381" t="s">
        <v>995</v>
      </c>
      <c r="M30381" t="s">
        <v>83</v>
      </c>
      <c r="N30381" t="s">
        <v>91</v>
      </c>
      <c r="O30381" t="s">
        <v>85</v>
      </c>
      <c r="P30381" t="s">
        <v>86</v>
      </c>
      <c r="Q30381">
        <v>65</v>
      </c>
      <c r="R30381">
        <v>67</v>
      </c>
      <c r="S30381">
        <v>69</v>
      </c>
      <c r="T30381">
        <v>70</v>
      </c>
      <c r="U30381">
        <v>72</v>
      </c>
      <c r="V30381">
        <v>74</v>
      </c>
      <c r="W30381">
        <v>76</v>
      </c>
      <c r="X30381">
        <v>78</v>
      </c>
      <c r="Y30381">
        <v>80</v>
      </c>
      <c r="Z30381">
        <v>82</v>
      </c>
      <c r="AA30381">
        <v>84</v>
      </c>
      <c r="AB30381">
        <v>87</v>
      </c>
      <c r="AC30381">
        <v>89</v>
      </c>
      <c r="AD30381">
        <v>91</v>
      </c>
      <c r="AE30381">
        <v>93</v>
      </c>
      <c r="AF30381">
        <v>95</v>
      </c>
      <c r="AG30381">
        <v>98</v>
      </c>
      <c r="AH30381">
        <v>100</v>
      </c>
      <c r="AI30381">
        <v>102</v>
      </c>
      <c r="AJ30381">
        <v>105</v>
      </c>
      <c r="AK30381">
        <v>107</v>
      </c>
      <c r="AL30381">
        <v>109</v>
      </c>
      <c r="AM30381">
        <v>110</v>
      </c>
      <c r="AN30381">
        <v>112</v>
      </c>
      <c r="AO30381">
        <v>113</v>
      </c>
      <c r="AP30381">
        <v>115</v>
      </c>
      <c r="AQ30381">
        <v>116</v>
      </c>
    </row>
    <row r="30382" spans="1:43">
      <c r="A30382" t="s">
        <v>18823</v>
      </c>
      <c r="B30382" t="s">
        <v>18824</v>
      </c>
      <c r="C30382" t="s">
        <v>18697</v>
      </c>
      <c r="D30382" t="s">
        <v>18698</v>
      </c>
      <c r="E30382" t="s">
        <v>18691</v>
      </c>
      <c r="F30382" t="s">
        <v>18692</v>
      </c>
      <c r="G30382" t="s">
        <v>10734</v>
      </c>
      <c r="H30382" t="s">
        <v>10735</v>
      </c>
      <c r="I30382" s="2">
        <v>0</v>
      </c>
      <c r="J30382" s="2">
        <v>0</v>
      </c>
      <c r="K30382" s="2">
        <v>1</v>
      </c>
      <c r="L30382" t="s">
        <v>995</v>
      </c>
      <c r="M30382" t="s">
        <v>83</v>
      </c>
      <c r="N30382" t="s">
        <v>84</v>
      </c>
      <c r="O30382" t="s">
        <v>85</v>
      </c>
      <c r="P30382" t="s">
        <v>86</v>
      </c>
      <c r="Q30382">
        <v>19</v>
      </c>
      <c r="R30382">
        <v>20</v>
      </c>
      <c r="S30382">
        <v>21</v>
      </c>
      <c r="T30382">
        <v>21</v>
      </c>
      <c r="U30382">
        <v>22</v>
      </c>
      <c r="V30382">
        <v>22</v>
      </c>
      <c r="W30382">
        <v>23</v>
      </c>
      <c r="X30382">
        <v>24</v>
      </c>
      <c r="Y30382">
        <v>24</v>
      </c>
      <c r="Z30382">
        <v>25</v>
      </c>
      <c r="AA30382">
        <v>26</v>
      </c>
      <c r="AB30382">
        <v>26</v>
      </c>
      <c r="AC30382">
        <v>27</v>
      </c>
      <c r="AD30382">
        <v>28</v>
      </c>
      <c r="AE30382">
        <v>28</v>
      </c>
      <c r="AF30382">
        <v>29</v>
      </c>
      <c r="AG30382">
        <v>30</v>
      </c>
      <c r="AH30382">
        <v>30</v>
      </c>
      <c r="AI30382">
        <v>31</v>
      </c>
      <c r="AJ30382">
        <v>32</v>
      </c>
      <c r="AK30382">
        <v>33</v>
      </c>
      <c r="AL30382">
        <v>33</v>
      </c>
      <c r="AM30382">
        <v>34</v>
      </c>
      <c r="AN30382">
        <v>34</v>
      </c>
      <c r="AO30382">
        <v>35</v>
      </c>
      <c r="AP30382">
        <v>35</v>
      </c>
      <c r="AQ30382">
        <v>36</v>
      </c>
    </row>
    <row r="30383" spans="1:43">
      <c r="A30383" t="s">
        <v>18823</v>
      </c>
      <c r="B30383" t="s">
        <v>18824</v>
      </c>
      <c r="C30383" t="s">
        <v>18697</v>
      </c>
      <c r="D30383" t="s">
        <v>18698</v>
      </c>
      <c r="E30383" t="s">
        <v>18691</v>
      </c>
      <c r="F30383" t="s">
        <v>18692</v>
      </c>
      <c r="G30383" t="s">
        <v>10734</v>
      </c>
      <c r="H30383" t="s">
        <v>10735</v>
      </c>
      <c r="I30383" s="2">
        <v>0</v>
      </c>
      <c r="J30383" s="2">
        <v>0</v>
      </c>
      <c r="K30383" s="2">
        <v>1</v>
      </c>
      <c r="L30383" t="s">
        <v>995</v>
      </c>
      <c r="M30383" t="s">
        <v>87</v>
      </c>
      <c r="N30383" t="s">
        <v>88</v>
      </c>
      <c r="O30383" t="s">
        <v>85</v>
      </c>
      <c r="P30383" t="s">
        <v>86</v>
      </c>
      <c r="Q30383">
        <v>19</v>
      </c>
      <c r="R30383">
        <v>20</v>
      </c>
      <c r="S30383">
        <v>20</v>
      </c>
      <c r="T30383">
        <v>20</v>
      </c>
      <c r="U30383">
        <v>21</v>
      </c>
      <c r="V30383">
        <v>21</v>
      </c>
      <c r="W30383">
        <v>22</v>
      </c>
      <c r="X30383">
        <v>22</v>
      </c>
      <c r="Y30383">
        <v>22</v>
      </c>
      <c r="Z30383">
        <v>23</v>
      </c>
      <c r="AA30383">
        <v>23</v>
      </c>
      <c r="AB30383">
        <v>24</v>
      </c>
      <c r="AC30383">
        <v>24</v>
      </c>
      <c r="AD30383">
        <v>25</v>
      </c>
      <c r="AE30383">
        <v>25</v>
      </c>
      <c r="AF30383">
        <v>25</v>
      </c>
      <c r="AG30383">
        <v>26</v>
      </c>
      <c r="AH30383">
        <v>26</v>
      </c>
      <c r="AI30383">
        <v>27</v>
      </c>
      <c r="AJ30383">
        <v>27</v>
      </c>
      <c r="AK30383">
        <v>28</v>
      </c>
      <c r="AL30383">
        <v>28</v>
      </c>
      <c r="AM30383">
        <v>29</v>
      </c>
      <c r="AN30383">
        <v>29</v>
      </c>
      <c r="AO30383">
        <v>30</v>
      </c>
      <c r="AP30383">
        <v>30</v>
      </c>
      <c r="AQ30383">
        <v>31</v>
      </c>
    </row>
    <row r="30384" spans="1:43">
      <c r="A30384" t="s">
        <v>18823</v>
      </c>
      <c r="B30384" t="s">
        <v>18824</v>
      </c>
      <c r="C30384" t="s">
        <v>18697</v>
      </c>
      <c r="D30384" t="s">
        <v>18698</v>
      </c>
      <c r="E30384" t="s">
        <v>18691</v>
      </c>
      <c r="F30384" t="s">
        <v>18692</v>
      </c>
      <c r="G30384" t="s">
        <v>10734</v>
      </c>
      <c r="H30384" t="s">
        <v>10735</v>
      </c>
      <c r="I30384" s="2">
        <v>0</v>
      </c>
      <c r="J30384" s="2">
        <v>0</v>
      </c>
      <c r="K30384" s="2">
        <v>1</v>
      </c>
      <c r="L30384" t="s">
        <v>995</v>
      </c>
      <c r="M30384" t="s">
        <v>89</v>
      </c>
      <c r="N30384" t="s">
        <v>90</v>
      </c>
      <c r="O30384" t="s">
        <v>85</v>
      </c>
      <c r="P30384" t="s">
        <v>86</v>
      </c>
      <c r="Q30384">
        <v>19</v>
      </c>
      <c r="R30384">
        <v>19</v>
      </c>
      <c r="S30384">
        <v>20</v>
      </c>
      <c r="T30384">
        <v>21</v>
      </c>
      <c r="U30384">
        <v>22</v>
      </c>
      <c r="V30384">
        <v>22</v>
      </c>
      <c r="W30384">
        <v>23</v>
      </c>
      <c r="X30384">
        <v>24</v>
      </c>
      <c r="Y30384">
        <v>25</v>
      </c>
      <c r="Z30384">
        <v>25</v>
      </c>
      <c r="AA30384">
        <v>26</v>
      </c>
      <c r="AB30384">
        <v>27</v>
      </c>
      <c r="AC30384">
        <v>28</v>
      </c>
      <c r="AD30384">
        <v>29</v>
      </c>
      <c r="AE30384">
        <v>29</v>
      </c>
      <c r="AF30384">
        <v>30</v>
      </c>
      <c r="AG30384">
        <v>30</v>
      </c>
      <c r="AH30384">
        <v>31</v>
      </c>
      <c r="AI30384">
        <v>31</v>
      </c>
      <c r="AJ30384">
        <v>32</v>
      </c>
      <c r="AK30384">
        <v>32</v>
      </c>
      <c r="AL30384">
        <v>32</v>
      </c>
      <c r="AM30384">
        <v>33</v>
      </c>
      <c r="AN30384">
        <v>33</v>
      </c>
      <c r="AO30384">
        <v>34</v>
      </c>
      <c r="AP30384">
        <v>34</v>
      </c>
      <c r="AQ30384">
        <v>35</v>
      </c>
    </row>
    <row r="30385" spans="1:43">
      <c r="A30385" t="s">
        <v>18823</v>
      </c>
      <c r="B30385" t="s">
        <v>18824</v>
      </c>
      <c r="C30385" t="s">
        <v>18697</v>
      </c>
      <c r="D30385" t="s">
        <v>18698</v>
      </c>
      <c r="E30385" t="s">
        <v>18691</v>
      </c>
      <c r="F30385" t="s">
        <v>18692</v>
      </c>
      <c r="G30385" t="s">
        <v>10734</v>
      </c>
      <c r="H30385" t="s">
        <v>10735</v>
      </c>
      <c r="I30385" s="2">
        <v>0</v>
      </c>
      <c r="J30385" s="2">
        <v>0</v>
      </c>
      <c r="K30385" s="2">
        <v>1</v>
      </c>
      <c r="L30385" t="s">
        <v>995</v>
      </c>
      <c r="M30385" t="s">
        <v>83</v>
      </c>
      <c r="N30385" t="s">
        <v>91</v>
      </c>
      <c r="O30385" t="s">
        <v>85</v>
      </c>
      <c r="P30385" t="s">
        <v>86</v>
      </c>
      <c r="Q30385">
        <v>19</v>
      </c>
      <c r="R30385">
        <v>20</v>
      </c>
      <c r="S30385">
        <v>21</v>
      </c>
      <c r="T30385">
        <v>21</v>
      </c>
      <c r="U30385">
        <v>22</v>
      </c>
      <c r="V30385">
        <v>22</v>
      </c>
      <c r="W30385">
        <v>23</v>
      </c>
      <c r="X30385">
        <v>24</v>
      </c>
      <c r="Y30385">
        <v>24</v>
      </c>
      <c r="Z30385">
        <v>25</v>
      </c>
      <c r="AA30385">
        <v>26</v>
      </c>
      <c r="AB30385">
        <v>26</v>
      </c>
      <c r="AC30385">
        <v>27</v>
      </c>
      <c r="AD30385">
        <v>28</v>
      </c>
      <c r="AE30385">
        <v>28</v>
      </c>
      <c r="AF30385">
        <v>29</v>
      </c>
      <c r="AG30385">
        <v>30</v>
      </c>
      <c r="AH30385">
        <v>30</v>
      </c>
      <c r="AI30385">
        <v>31</v>
      </c>
      <c r="AJ30385">
        <v>32</v>
      </c>
      <c r="AK30385">
        <v>33</v>
      </c>
      <c r="AL30385">
        <v>33</v>
      </c>
      <c r="AM30385">
        <v>34</v>
      </c>
      <c r="AN30385">
        <v>34</v>
      </c>
      <c r="AO30385">
        <v>35</v>
      </c>
      <c r="AP30385">
        <v>35</v>
      </c>
      <c r="AQ30385">
        <v>36</v>
      </c>
    </row>
    <row r="30386" spans="1:43">
      <c r="A30386" t="s">
        <v>18825</v>
      </c>
      <c r="B30386" t="s">
        <v>18826</v>
      </c>
      <c r="C30386" t="s">
        <v>18745</v>
      </c>
      <c r="D30386" t="s">
        <v>18746</v>
      </c>
      <c r="E30386" t="s">
        <v>18691</v>
      </c>
      <c r="F30386" t="s">
        <v>18692</v>
      </c>
      <c r="G30386" t="s">
        <v>10734</v>
      </c>
      <c r="H30386" t="s">
        <v>10735</v>
      </c>
      <c r="I30386" s="2">
        <v>0</v>
      </c>
      <c r="J30386" s="2">
        <v>0</v>
      </c>
      <c r="K30386" s="2">
        <v>1</v>
      </c>
      <c r="L30386" t="s">
        <v>995</v>
      </c>
      <c r="M30386" t="s">
        <v>83</v>
      </c>
      <c r="N30386" t="s">
        <v>84</v>
      </c>
      <c r="O30386" t="s">
        <v>85</v>
      </c>
      <c r="P30386" t="s">
        <v>86</v>
      </c>
      <c r="Q30386">
        <v>59</v>
      </c>
      <c r="R30386">
        <v>61</v>
      </c>
      <c r="S30386">
        <v>62</v>
      </c>
      <c r="T30386">
        <v>64</v>
      </c>
      <c r="U30386">
        <v>66</v>
      </c>
      <c r="V30386">
        <v>67</v>
      </c>
      <c r="W30386">
        <v>69</v>
      </c>
      <c r="X30386">
        <v>71</v>
      </c>
      <c r="Y30386">
        <v>73</v>
      </c>
      <c r="Z30386">
        <v>75</v>
      </c>
      <c r="AA30386">
        <v>77</v>
      </c>
      <c r="AB30386">
        <v>79</v>
      </c>
      <c r="AC30386">
        <v>80</v>
      </c>
      <c r="AD30386">
        <v>82</v>
      </c>
      <c r="AE30386">
        <v>84</v>
      </c>
      <c r="AF30386">
        <v>86</v>
      </c>
      <c r="AG30386">
        <v>88</v>
      </c>
      <c r="AH30386">
        <v>91</v>
      </c>
      <c r="AI30386">
        <v>93</v>
      </c>
      <c r="AJ30386">
        <v>95</v>
      </c>
      <c r="AK30386">
        <v>97</v>
      </c>
      <c r="AL30386">
        <v>99</v>
      </c>
      <c r="AM30386">
        <v>100</v>
      </c>
      <c r="AN30386">
        <v>101</v>
      </c>
      <c r="AO30386">
        <v>103</v>
      </c>
      <c r="AP30386">
        <v>104</v>
      </c>
      <c r="AQ30386">
        <v>105</v>
      </c>
    </row>
    <row r="30387" spans="1:43">
      <c r="A30387" t="s">
        <v>18825</v>
      </c>
      <c r="B30387" t="s">
        <v>18826</v>
      </c>
      <c r="C30387" t="s">
        <v>18745</v>
      </c>
      <c r="D30387" t="s">
        <v>18746</v>
      </c>
      <c r="E30387" t="s">
        <v>18691</v>
      </c>
      <c r="F30387" t="s">
        <v>18692</v>
      </c>
      <c r="G30387" t="s">
        <v>10734</v>
      </c>
      <c r="H30387" t="s">
        <v>10735</v>
      </c>
      <c r="I30387" s="2">
        <v>0</v>
      </c>
      <c r="J30387" s="2">
        <v>0</v>
      </c>
      <c r="K30387" s="2">
        <v>1</v>
      </c>
      <c r="L30387" t="s">
        <v>995</v>
      </c>
      <c r="M30387" t="s">
        <v>87</v>
      </c>
      <c r="N30387" t="s">
        <v>88</v>
      </c>
      <c r="O30387" t="s">
        <v>85</v>
      </c>
      <c r="P30387" t="s">
        <v>86</v>
      </c>
      <c r="Q30387">
        <v>59</v>
      </c>
      <c r="R30387">
        <v>61</v>
      </c>
      <c r="S30387">
        <v>62</v>
      </c>
      <c r="T30387">
        <v>63</v>
      </c>
      <c r="U30387">
        <v>64</v>
      </c>
      <c r="V30387">
        <v>65</v>
      </c>
      <c r="W30387">
        <v>66</v>
      </c>
      <c r="X30387">
        <v>67</v>
      </c>
      <c r="Y30387">
        <v>68</v>
      </c>
      <c r="Z30387">
        <v>70</v>
      </c>
      <c r="AA30387">
        <v>71</v>
      </c>
      <c r="AB30387">
        <v>72</v>
      </c>
      <c r="AC30387">
        <v>73</v>
      </c>
      <c r="AD30387">
        <v>74</v>
      </c>
      <c r="AE30387">
        <v>76</v>
      </c>
      <c r="AF30387">
        <v>77</v>
      </c>
      <c r="AG30387">
        <v>78</v>
      </c>
      <c r="AH30387">
        <v>80</v>
      </c>
      <c r="AI30387">
        <v>81</v>
      </c>
      <c r="AJ30387">
        <v>82</v>
      </c>
      <c r="AK30387">
        <v>84</v>
      </c>
      <c r="AL30387">
        <v>85</v>
      </c>
      <c r="AM30387">
        <v>87</v>
      </c>
      <c r="AN30387">
        <v>88</v>
      </c>
      <c r="AO30387">
        <v>89</v>
      </c>
      <c r="AP30387">
        <v>91</v>
      </c>
      <c r="AQ30387">
        <v>92</v>
      </c>
    </row>
    <row r="30388" spans="1:43">
      <c r="A30388" t="s">
        <v>18825</v>
      </c>
      <c r="B30388" t="s">
        <v>18826</v>
      </c>
      <c r="C30388" t="s">
        <v>18745</v>
      </c>
      <c r="D30388" t="s">
        <v>18746</v>
      </c>
      <c r="E30388" t="s">
        <v>18691</v>
      </c>
      <c r="F30388" t="s">
        <v>18692</v>
      </c>
      <c r="G30388" t="s">
        <v>10734</v>
      </c>
      <c r="H30388" t="s">
        <v>10735</v>
      </c>
      <c r="I30388" s="2">
        <v>0</v>
      </c>
      <c r="J30388" s="2">
        <v>0</v>
      </c>
      <c r="K30388" s="2">
        <v>1</v>
      </c>
      <c r="L30388" t="s">
        <v>995</v>
      </c>
      <c r="M30388" t="s">
        <v>89</v>
      </c>
      <c r="N30388" t="s">
        <v>90</v>
      </c>
      <c r="O30388" t="s">
        <v>85</v>
      </c>
      <c r="P30388" t="s">
        <v>86</v>
      </c>
      <c r="Q30388">
        <v>59</v>
      </c>
      <c r="R30388">
        <v>61</v>
      </c>
      <c r="S30388">
        <v>63</v>
      </c>
      <c r="T30388">
        <v>65</v>
      </c>
      <c r="U30388">
        <v>67</v>
      </c>
      <c r="V30388">
        <v>70</v>
      </c>
      <c r="W30388">
        <v>72</v>
      </c>
      <c r="X30388">
        <v>74</v>
      </c>
      <c r="Y30388">
        <v>76</v>
      </c>
      <c r="Z30388">
        <v>78</v>
      </c>
      <c r="AA30388">
        <v>81</v>
      </c>
      <c r="AB30388">
        <v>83</v>
      </c>
      <c r="AC30388">
        <v>85</v>
      </c>
      <c r="AD30388">
        <v>87</v>
      </c>
      <c r="AE30388">
        <v>89</v>
      </c>
      <c r="AF30388">
        <v>91</v>
      </c>
      <c r="AG30388">
        <v>92</v>
      </c>
      <c r="AH30388">
        <v>93</v>
      </c>
      <c r="AI30388">
        <v>95</v>
      </c>
      <c r="AJ30388">
        <v>96</v>
      </c>
      <c r="AK30388">
        <v>97</v>
      </c>
      <c r="AL30388">
        <v>99</v>
      </c>
      <c r="AM30388">
        <v>100</v>
      </c>
      <c r="AN30388">
        <v>101</v>
      </c>
      <c r="AO30388">
        <v>102</v>
      </c>
      <c r="AP30388">
        <v>104</v>
      </c>
      <c r="AQ30388">
        <v>105</v>
      </c>
    </row>
    <row r="30389" spans="1:43">
      <c r="A30389" t="s">
        <v>18825</v>
      </c>
      <c r="B30389" t="s">
        <v>18826</v>
      </c>
      <c r="C30389" t="s">
        <v>18745</v>
      </c>
      <c r="D30389" t="s">
        <v>18746</v>
      </c>
      <c r="E30389" t="s">
        <v>18691</v>
      </c>
      <c r="F30389" t="s">
        <v>18692</v>
      </c>
      <c r="G30389" t="s">
        <v>10734</v>
      </c>
      <c r="H30389" t="s">
        <v>10735</v>
      </c>
      <c r="I30389" s="2">
        <v>0</v>
      </c>
      <c r="J30389" s="2">
        <v>0</v>
      </c>
      <c r="K30389" s="2">
        <v>1</v>
      </c>
      <c r="L30389" t="s">
        <v>995</v>
      </c>
      <c r="M30389" t="s">
        <v>83</v>
      </c>
      <c r="N30389" t="s">
        <v>91</v>
      </c>
      <c r="O30389" t="s">
        <v>85</v>
      </c>
      <c r="P30389" t="s">
        <v>86</v>
      </c>
      <c r="Q30389">
        <v>59</v>
      </c>
      <c r="R30389">
        <v>61</v>
      </c>
      <c r="S30389">
        <v>62</v>
      </c>
      <c r="T30389">
        <v>64</v>
      </c>
      <c r="U30389">
        <v>66</v>
      </c>
      <c r="V30389">
        <v>67</v>
      </c>
      <c r="W30389">
        <v>69</v>
      </c>
      <c r="X30389">
        <v>71</v>
      </c>
      <c r="Y30389">
        <v>73</v>
      </c>
      <c r="Z30389">
        <v>75</v>
      </c>
      <c r="AA30389">
        <v>77</v>
      </c>
      <c r="AB30389">
        <v>79</v>
      </c>
      <c r="AC30389">
        <v>80</v>
      </c>
      <c r="AD30389">
        <v>82</v>
      </c>
      <c r="AE30389">
        <v>84</v>
      </c>
      <c r="AF30389">
        <v>86</v>
      </c>
      <c r="AG30389">
        <v>88</v>
      </c>
      <c r="AH30389">
        <v>91</v>
      </c>
      <c r="AI30389">
        <v>93</v>
      </c>
      <c r="AJ30389">
        <v>95</v>
      </c>
      <c r="AK30389">
        <v>97</v>
      </c>
      <c r="AL30389">
        <v>99</v>
      </c>
      <c r="AM30389">
        <v>100</v>
      </c>
      <c r="AN30389">
        <v>101</v>
      </c>
      <c r="AO30389">
        <v>103</v>
      </c>
      <c r="AP30389">
        <v>104</v>
      </c>
      <c r="AQ30389">
        <v>105</v>
      </c>
    </row>
    <row r="30390" spans="1:43">
      <c r="A30390" t="s">
        <v>18827</v>
      </c>
      <c r="B30390" t="s">
        <v>18828</v>
      </c>
      <c r="C30390" t="s">
        <v>18753</v>
      </c>
      <c r="D30390" t="s">
        <v>18754</v>
      </c>
      <c r="E30390" t="s">
        <v>18691</v>
      </c>
      <c r="F30390" t="s">
        <v>18692</v>
      </c>
      <c r="G30390" t="s">
        <v>10734</v>
      </c>
      <c r="H30390" t="s">
        <v>10735</v>
      </c>
      <c r="I30390" s="2">
        <v>0</v>
      </c>
      <c r="J30390" s="2">
        <v>0</v>
      </c>
      <c r="K30390" s="2">
        <v>1</v>
      </c>
      <c r="L30390" t="s">
        <v>995</v>
      </c>
      <c r="M30390" t="s">
        <v>83</v>
      </c>
      <c r="N30390" t="s">
        <v>84</v>
      </c>
      <c r="O30390" t="s">
        <v>85</v>
      </c>
      <c r="P30390" t="s">
        <v>86</v>
      </c>
      <c r="Q30390">
        <v>30</v>
      </c>
      <c r="R30390">
        <v>30</v>
      </c>
      <c r="S30390">
        <v>31</v>
      </c>
      <c r="T30390">
        <v>32</v>
      </c>
      <c r="U30390">
        <v>33</v>
      </c>
      <c r="V30390">
        <v>34</v>
      </c>
      <c r="W30390">
        <v>35</v>
      </c>
      <c r="X30390">
        <v>36</v>
      </c>
      <c r="Y30390">
        <v>36</v>
      </c>
      <c r="Z30390">
        <v>37</v>
      </c>
      <c r="AA30390">
        <v>38</v>
      </c>
      <c r="AB30390">
        <v>39</v>
      </c>
      <c r="AC30390">
        <v>40</v>
      </c>
      <c r="AD30390">
        <v>41</v>
      </c>
      <c r="AE30390">
        <v>42</v>
      </c>
      <c r="AF30390">
        <v>43</v>
      </c>
      <c r="AG30390">
        <v>44</v>
      </c>
      <c r="AH30390">
        <v>45</v>
      </c>
      <c r="AI30390">
        <v>46</v>
      </c>
      <c r="AJ30390">
        <v>47</v>
      </c>
      <c r="AK30390">
        <v>48</v>
      </c>
      <c r="AL30390">
        <v>49</v>
      </c>
      <c r="AM30390">
        <v>49</v>
      </c>
      <c r="AN30390">
        <v>50</v>
      </c>
      <c r="AO30390">
        <v>51</v>
      </c>
      <c r="AP30390">
        <v>51</v>
      </c>
      <c r="AQ30390">
        <v>52</v>
      </c>
    </row>
    <row r="30391" spans="1:43">
      <c r="A30391" t="s">
        <v>18827</v>
      </c>
      <c r="B30391" t="s">
        <v>18828</v>
      </c>
      <c r="C30391" t="s">
        <v>18753</v>
      </c>
      <c r="D30391" t="s">
        <v>18754</v>
      </c>
      <c r="E30391" t="s">
        <v>18691</v>
      </c>
      <c r="F30391" t="s">
        <v>18692</v>
      </c>
      <c r="G30391" t="s">
        <v>10734</v>
      </c>
      <c r="H30391" t="s">
        <v>10735</v>
      </c>
      <c r="I30391" s="2">
        <v>0</v>
      </c>
      <c r="J30391" s="2">
        <v>0</v>
      </c>
      <c r="K30391" s="2">
        <v>1</v>
      </c>
      <c r="L30391" t="s">
        <v>995</v>
      </c>
      <c r="M30391" t="s">
        <v>87</v>
      </c>
      <c r="N30391" t="s">
        <v>88</v>
      </c>
      <c r="O30391" t="s">
        <v>85</v>
      </c>
      <c r="P30391" t="s">
        <v>86</v>
      </c>
      <c r="Q30391">
        <v>30</v>
      </c>
      <c r="R30391">
        <v>31</v>
      </c>
      <c r="S30391">
        <v>31</v>
      </c>
      <c r="T30391">
        <v>32</v>
      </c>
      <c r="U30391">
        <v>33</v>
      </c>
      <c r="V30391">
        <v>33</v>
      </c>
      <c r="W30391">
        <v>34</v>
      </c>
      <c r="X30391">
        <v>34</v>
      </c>
      <c r="Y30391">
        <v>35</v>
      </c>
      <c r="Z30391">
        <v>35</v>
      </c>
      <c r="AA30391">
        <v>36</v>
      </c>
      <c r="AB30391">
        <v>36</v>
      </c>
      <c r="AC30391">
        <v>37</v>
      </c>
      <c r="AD30391">
        <v>38</v>
      </c>
      <c r="AE30391">
        <v>38</v>
      </c>
      <c r="AF30391">
        <v>39</v>
      </c>
      <c r="AG30391">
        <v>40</v>
      </c>
      <c r="AH30391">
        <v>40</v>
      </c>
      <c r="AI30391">
        <v>41</v>
      </c>
      <c r="AJ30391">
        <v>42</v>
      </c>
      <c r="AK30391">
        <v>42</v>
      </c>
      <c r="AL30391">
        <v>43</v>
      </c>
      <c r="AM30391">
        <v>44</v>
      </c>
      <c r="AN30391">
        <v>44</v>
      </c>
      <c r="AO30391">
        <v>45</v>
      </c>
      <c r="AP30391">
        <v>46</v>
      </c>
      <c r="AQ30391">
        <v>46</v>
      </c>
    </row>
    <row r="30392" spans="1:43">
      <c r="A30392" t="s">
        <v>18827</v>
      </c>
      <c r="B30392" t="s">
        <v>18828</v>
      </c>
      <c r="C30392" t="s">
        <v>18753</v>
      </c>
      <c r="D30392" t="s">
        <v>18754</v>
      </c>
      <c r="E30392" t="s">
        <v>18691</v>
      </c>
      <c r="F30392" t="s">
        <v>18692</v>
      </c>
      <c r="G30392" t="s">
        <v>10734</v>
      </c>
      <c r="H30392" t="s">
        <v>10735</v>
      </c>
      <c r="I30392" s="2">
        <v>0</v>
      </c>
      <c r="J30392" s="2">
        <v>0</v>
      </c>
      <c r="K30392" s="2">
        <v>1</v>
      </c>
      <c r="L30392" t="s">
        <v>995</v>
      </c>
      <c r="M30392" t="s">
        <v>89</v>
      </c>
      <c r="N30392" t="s">
        <v>90</v>
      </c>
      <c r="O30392" t="s">
        <v>85</v>
      </c>
      <c r="P30392" t="s">
        <v>86</v>
      </c>
      <c r="Q30392">
        <v>30</v>
      </c>
      <c r="R30392">
        <v>31</v>
      </c>
      <c r="S30392">
        <v>32</v>
      </c>
      <c r="T30392">
        <v>33</v>
      </c>
      <c r="U30392">
        <v>34</v>
      </c>
      <c r="V30392">
        <v>35</v>
      </c>
      <c r="W30392">
        <v>37</v>
      </c>
      <c r="X30392">
        <v>38</v>
      </c>
      <c r="Y30392">
        <v>39</v>
      </c>
      <c r="Z30392">
        <v>40</v>
      </c>
      <c r="AA30392">
        <v>41</v>
      </c>
      <c r="AB30392">
        <v>42</v>
      </c>
      <c r="AC30392">
        <v>43</v>
      </c>
      <c r="AD30392">
        <v>44</v>
      </c>
      <c r="AE30392">
        <v>45</v>
      </c>
      <c r="AF30392">
        <v>46</v>
      </c>
      <c r="AG30392">
        <v>46</v>
      </c>
      <c r="AH30392">
        <v>47</v>
      </c>
      <c r="AI30392">
        <v>47</v>
      </c>
      <c r="AJ30392">
        <v>48</v>
      </c>
      <c r="AK30392">
        <v>49</v>
      </c>
      <c r="AL30392">
        <v>49</v>
      </c>
      <c r="AM30392">
        <v>50</v>
      </c>
      <c r="AN30392">
        <v>50</v>
      </c>
      <c r="AO30392">
        <v>51</v>
      </c>
      <c r="AP30392">
        <v>52</v>
      </c>
      <c r="AQ30392">
        <v>52</v>
      </c>
    </row>
    <row r="30393" spans="1:43">
      <c r="A30393" t="s">
        <v>18827</v>
      </c>
      <c r="B30393" t="s">
        <v>18828</v>
      </c>
      <c r="C30393" t="s">
        <v>18753</v>
      </c>
      <c r="D30393" t="s">
        <v>18754</v>
      </c>
      <c r="E30393" t="s">
        <v>18691</v>
      </c>
      <c r="F30393" t="s">
        <v>18692</v>
      </c>
      <c r="G30393" t="s">
        <v>10734</v>
      </c>
      <c r="H30393" t="s">
        <v>10735</v>
      </c>
      <c r="I30393" s="2">
        <v>0</v>
      </c>
      <c r="J30393" s="2">
        <v>0</v>
      </c>
      <c r="K30393" s="2">
        <v>1</v>
      </c>
      <c r="L30393" t="s">
        <v>995</v>
      </c>
      <c r="M30393" t="s">
        <v>83</v>
      </c>
      <c r="N30393" t="s">
        <v>91</v>
      </c>
      <c r="O30393" t="s">
        <v>85</v>
      </c>
      <c r="P30393" t="s">
        <v>86</v>
      </c>
      <c r="Q30393">
        <v>30</v>
      </c>
      <c r="R30393">
        <v>30</v>
      </c>
      <c r="S30393">
        <v>31</v>
      </c>
      <c r="T30393">
        <v>32</v>
      </c>
      <c r="U30393">
        <v>33</v>
      </c>
      <c r="V30393">
        <v>34</v>
      </c>
      <c r="W30393">
        <v>35</v>
      </c>
      <c r="X30393">
        <v>36</v>
      </c>
      <c r="Y30393">
        <v>36</v>
      </c>
      <c r="Z30393">
        <v>37</v>
      </c>
      <c r="AA30393">
        <v>38</v>
      </c>
      <c r="AB30393">
        <v>39</v>
      </c>
      <c r="AC30393">
        <v>40</v>
      </c>
      <c r="AD30393">
        <v>41</v>
      </c>
      <c r="AE30393">
        <v>42</v>
      </c>
      <c r="AF30393">
        <v>43</v>
      </c>
      <c r="AG30393">
        <v>44</v>
      </c>
      <c r="AH30393">
        <v>45</v>
      </c>
      <c r="AI30393">
        <v>46</v>
      </c>
      <c r="AJ30393">
        <v>47</v>
      </c>
      <c r="AK30393">
        <v>48</v>
      </c>
      <c r="AL30393">
        <v>49</v>
      </c>
      <c r="AM30393">
        <v>49</v>
      </c>
      <c r="AN30393">
        <v>50</v>
      </c>
      <c r="AO30393">
        <v>51</v>
      </c>
      <c r="AP30393">
        <v>51</v>
      </c>
      <c r="AQ30393">
        <v>52</v>
      </c>
    </row>
    <row r="30394" spans="1:43">
      <c r="A30394" t="s">
        <v>18829</v>
      </c>
      <c r="B30394" t="s">
        <v>18830</v>
      </c>
      <c r="C30394" t="s">
        <v>18753</v>
      </c>
      <c r="D30394" t="s">
        <v>18754</v>
      </c>
      <c r="E30394" t="s">
        <v>18691</v>
      </c>
      <c r="F30394" t="s">
        <v>18692</v>
      </c>
      <c r="G30394" t="s">
        <v>10734</v>
      </c>
      <c r="H30394" t="s">
        <v>10735</v>
      </c>
      <c r="I30394" s="2">
        <v>0</v>
      </c>
      <c r="J30394" s="2">
        <v>0</v>
      </c>
      <c r="K30394" s="2">
        <v>1</v>
      </c>
      <c r="L30394" t="s">
        <v>995</v>
      </c>
      <c r="M30394" t="s">
        <v>83</v>
      </c>
      <c r="N30394" t="s">
        <v>84</v>
      </c>
      <c r="O30394" t="s">
        <v>85</v>
      </c>
      <c r="P30394" t="s">
        <v>86</v>
      </c>
      <c r="Q30394">
        <v>15</v>
      </c>
      <c r="R30394">
        <v>16</v>
      </c>
      <c r="S30394">
        <v>16</v>
      </c>
      <c r="T30394">
        <v>17</v>
      </c>
      <c r="U30394">
        <v>17</v>
      </c>
      <c r="V30394">
        <v>18</v>
      </c>
      <c r="W30394">
        <v>18</v>
      </c>
      <c r="X30394">
        <v>18</v>
      </c>
      <c r="Y30394">
        <v>19</v>
      </c>
      <c r="Z30394">
        <v>19</v>
      </c>
      <c r="AA30394">
        <v>20</v>
      </c>
      <c r="AB30394">
        <v>20</v>
      </c>
      <c r="AC30394">
        <v>21</v>
      </c>
      <c r="AD30394">
        <v>21</v>
      </c>
      <c r="AE30394">
        <v>22</v>
      </c>
      <c r="AF30394">
        <v>22</v>
      </c>
      <c r="AG30394">
        <v>23</v>
      </c>
      <c r="AH30394">
        <v>23</v>
      </c>
      <c r="AI30394">
        <v>24</v>
      </c>
      <c r="AJ30394">
        <v>24</v>
      </c>
      <c r="AK30394">
        <v>25</v>
      </c>
      <c r="AL30394">
        <v>25</v>
      </c>
      <c r="AM30394">
        <v>26</v>
      </c>
      <c r="AN30394">
        <v>26</v>
      </c>
      <c r="AO30394">
        <v>26</v>
      </c>
      <c r="AP30394">
        <v>27</v>
      </c>
      <c r="AQ30394">
        <v>27</v>
      </c>
    </row>
    <row r="30395" spans="1:43">
      <c r="A30395" t="s">
        <v>18829</v>
      </c>
      <c r="B30395" t="s">
        <v>18830</v>
      </c>
      <c r="C30395" t="s">
        <v>18753</v>
      </c>
      <c r="D30395" t="s">
        <v>18754</v>
      </c>
      <c r="E30395" t="s">
        <v>18691</v>
      </c>
      <c r="F30395" t="s">
        <v>18692</v>
      </c>
      <c r="G30395" t="s">
        <v>10734</v>
      </c>
      <c r="H30395" t="s">
        <v>10735</v>
      </c>
      <c r="I30395" s="2">
        <v>0</v>
      </c>
      <c r="J30395" s="2">
        <v>0</v>
      </c>
      <c r="K30395" s="2">
        <v>1</v>
      </c>
      <c r="L30395" t="s">
        <v>995</v>
      </c>
      <c r="M30395" t="s">
        <v>87</v>
      </c>
      <c r="N30395" t="s">
        <v>88</v>
      </c>
      <c r="O30395" t="s">
        <v>85</v>
      </c>
      <c r="P30395" t="s">
        <v>86</v>
      </c>
      <c r="Q30395">
        <v>15</v>
      </c>
      <c r="R30395">
        <v>16</v>
      </c>
      <c r="S30395">
        <v>16</v>
      </c>
      <c r="T30395">
        <v>16</v>
      </c>
      <c r="U30395">
        <v>16</v>
      </c>
      <c r="V30395">
        <v>17</v>
      </c>
      <c r="W30395">
        <v>17</v>
      </c>
      <c r="X30395">
        <v>17</v>
      </c>
      <c r="Y30395">
        <v>18</v>
      </c>
      <c r="Z30395">
        <v>18</v>
      </c>
      <c r="AA30395">
        <v>18</v>
      </c>
      <c r="AB30395">
        <v>18</v>
      </c>
      <c r="AC30395">
        <v>19</v>
      </c>
      <c r="AD30395">
        <v>19</v>
      </c>
      <c r="AE30395">
        <v>19</v>
      </c>
      <c r="AF30395">
        <v>20</v>
      </c>
      <c r="AG30395">
        <v>20</v>
      </c>
      <c r="AH30395">
        <v>20</v>
      </c>
      <c r="AI30395">
        <v>21</v>
      </c>
      <c r="AJ30395">
        <v>21</v>
      </c>
      <c r="AK30395">
        <v>21</v>
      </c>
      <c r="AL30395">
        <v>22</v>
      </c>
      <c r="AM30395">
        <v>22</v>
      </c>
      <c r="AN30395">
        <v>22</v>
      </c>
      <c r="AO30395">
        <v>23</v>
      </c>
      <c r="AP30395">
        <v>23</v>
      </c>
      <c r="AQ30395">
        <v>24</v>
      </c>
    </row>
    <row r="30396" spans="1:43">
      <c r="A30396" t="s">
        <v>18829</v>
      </c>
      <c r="B30396" t="s">
        <v>18830</v>
      </c>
      <c r="C30396" t="s">
        <v>18753</v>
      </c>
      <c r="D30396" t="s">
        <v>18754</v>
      </c>
      <c r="E30396" t="s">
        <v>18691</v>
      </c>
      <c r="F30396" t="s">
        <v>18692</v>
      </c>
      <c r="G30396" t="s">
        <v>10734</v>
      </c>
      <c r="H30396" t="s">
        <v>10735</v>
      </c>
      <c r="I30396" s="2">
        <v>0</v>
      </c>
      <c r="J30396" s="2">
        <v>0</v>
      </c>
      <c r="K30396" s="2">
        <v>1</v>
      </c>
      <c r="L30396" t="s">
        <v>995</v>
      </c>
      <c r="M30396" t="s">
        <v>89</v>
      </c>
      <c r="N30396" t="s">
        <v>90</v>
      </c>
      <c r="O30396" t="s">
        <v>85</v>
      </c>
      <c r="P30396" t="s">
        <v>86</v>
      </c>
      <c r="Q30396">
        <v>15</v>
      </c>
      <c r="R30396">
        <v>15</v>
      </c>
      <c r="S30396">
        <v>16</v>
      </c>
      <c r="T30396">
        <v>16</v>
      </c>
      <c r="U30396">
        <v>17</v>
      </c>
      <c r="V30396">
        <v>17</v>
      </c>
      <c r="W30396">
        <v>18</v>
      </c>
      <c r="X30396">
        <v>19</v>
      </c>
      <c r="Y30396">
        <v>19</v>
      </c>
      <c r="Z30396">
        <v>20</v>
      </c>
      <c r="AA30396">
        <v>20</v>
      </c>
      <c r="AB30396">
        <v>21</v>
      </c>
      <c r="AC30396">
        <v>21</v>
      </c>
      <c r="AD30396">
        <v>22</v>
      </c>
      <c r="AE30396">
        <v>22</v>
      </c>
      <c r="AF30396">
        <v>23</v>
      </c>
      <c r="AG30396">
        <v>23</v>
      </c>
      <c r="AH30396">
        <v>23</v>
      </c>
      <c r="AI30396">
        <v>24</v>
      </c>
      <c r="AJ30396">
        <v>24</v>
      </c>
      <c r="AK30396">
        <v>24</v>
      </c>
      <c r="AL30396">
        <v>25</v>
      </c>
      <c r="AM30396">
        <v>25</v>
      </c>
      <c r="AN30396">
        <v>25</v>
      </c>
      <c r="AO30396">
        <v>26</v>
      </c>
      <c r="AP30396">
        <v>26</v>
      </c>
      <c r="AQ30396">
        <v>26</v>
      </c>
    </row>
    <row r="30397" spans="1:43">
      <c r="A30397" t="s">
        <v>18829</v>
      </c>
      <c r="B30397" t="s">
        <v>18830</v>
      </c>
      <c r="C30397" t="s">
        <v>18753</v>
      </c>
      <c r="D30397" t="s">
        <v>18754</v>
      </c>
      <c r="E30397" t="s">
        <v>18691</v>
      </c>
      <c r="F30397" t="s">
        <v>18692</v>
      </c>
      <c r="G30397" t="s">
        <v>10734</v>
      </c>
      <c r="H30397" t="s">
        <v>10735</v>
      </c>
      <c r="I30397" s="2">
        <v>0</v>
      </c>
      <c r="J30397" s="2">
        <v>0</v>
      </c>
      <c r="K30397" s="2">
        <v>1</v>
      </c>
      <c r="L30397" t="s">
        <v>995</v>
      </c>
      <c r="M30397" t="s">
        <v>83</v>
      </c>
      <c r="N30397" t="s">
        <v>91</v>
      </c>
      <c r="O30397" t="s">
        <v>85</v>
      </c>
      <c r="P30397" t="s">
        <v>86</v>
      </c>
      <c r="Q30397">
        <v>15</v>
      </c>
      <c r="R30397">
        <v>16</v>
      </c>
      <c r="S30397">
        <v>16</v>
      </c>
      <c r="T30397">
        <v>17</v>
      </c>
      <c r="U30397">
        <v>17</v>
      </c>
      <c r="V30397">
        <v>18</v>
      </c>
      <c r="W30397">
        <v>18</v>
      </c>
      <c r="X30397">
        <v>18</v>
      </c>
      <c r="Y30397">
        <v>19</v>
      </c>
      <c r="Z30397">
        <v>19</v>
      </c>
      <c r="AA30397">
        <v>20</v>
      </c>
      <c r="AB30397">
        <v>20</v>
      </c>
      <c r="AC30397">
        <v>21</v>
      </c>
      <c r="AD30397">
        <v>21</v>
      </c>
      <c r="AE30397">
        <v>22</v>
      </c>
      <c r="AF30397">
        <v>22</v>
      </c>
      <c r="AG30397">
        <v>23</v>
      </c>
      <c r="AH30397">
        <v>23</v>
      </c>
      <c r="AI30397">
        <v>24</v>
      </c>
      <c r="AJ30397">
        <v>24</v>
      </c>
      <c r="AK30397">
        <v>25</v>
      </c>
      <c r="AL30397">
        <v>25</v>
      </c>
      <c r="AM30397">
        <v>26</v>
      </c>
      <c r="AN30397">
        <v>26</v>
      </c>
      <c r="AO30397">
        <v>26</v>
      </c>
      <c r="AP30397">
        <v>27</v>
      </c>
      <c r="AQ30397">
        <v>27</v>
      </c>
    </row>
    <row r="30398" spans="1:43">
      <c r="A30398" t="s">
        <v>18831</v>
      </c>
      <c r="B30398" t="s">
        <v>18832</v>
      </c>
      <c r="C30398" t="s">
        <v>18777</v>
      </c>
      <c r="D30398" t="s">
        <v>18778</v>
      </c>
      <c r="E30398" t="s">
        <v>18691</v>
      </c>
      <c r="F30398" t="s">
        <v>18692</v>
      </c>
      <c r="G30398" t="s">
        <v>10734</v>
      </c>
      <c r="H30398" t="s">
        <v>10735</v>
      </c>
      <c r="I30398" s="2">
        <v>0</v>
      </c>
      <c r="J30398" s="2">
        <v>0</v>
      </c>
      <c r="K30398" s="2">
        <v>1</v>
      </c>
      <c r="L30398" t="s">
        <v>995</v>
      </c>
      <c r="M30398" t="s">
        <v>83</v>
      </c>
      <c r="N30398" t="s">
        <v>84</v>
      </c>
      <c r="O30398" t="s">
        <v>85</v>
      </c>
      <c r="P30398" t="s">
        <v>86</v>
      </c>
      <c r="Q30398">
        <v>61</v>
      </c>
      <c r="R30398">
        <v>63</v>
      </c>
      <c r="S30398">
        <v>65</v>
      </c>
      <c r="T30398">
        <v>66</v>
      </c>
      <c r="U30398">
        <v>68</v>
      </c>
      <c r="V30398">
        <v>70</v>
      </c>
      <c r="W30398">
        <v>72</v>
      </c>
      <c r="X30398">
        <v>74</v>
      </c>
      <c r="Y30398">
        <v>75</v>
      </c>
      <c r="Z30398">
        <v>77</v>
      </c>
      <c r="AA30398">
        <v>79</v>
      </c>
      <c r="AB30398">
        <v>81</v>
      </c>
      <c r="AC30398">
        <v>83</v>
      </c>
      <c r="AD30398">
        <v>85</v>
      </c>
      <c r="AE30398">
        <v>87</v>
      </c>
      <c r="AF30398">
        <v>89</v>
      </c>
      <c r="AG30398">
        <v>91</v>
      </c>
      <c r="AH30398">
        <v>93</v>
      </c>
      <c r="AI30398">
        <v>95</v>
      </c>
      <c r="AJ30398">
        <v>97</v>
      </c>
      <c r="AK30398">
        <v>99</v>
      </c>
      <c r="AL30398">
        <v>101</v>
      </c>
      <c r="AM30398">
        <v>102</v>
      </c>
      <c r="AN30398">
        <v>104</v>
      </c>
      <c r="AO30398">
        <v>105</v>
      </c>
      <c r="AP30398">
        <v>106</v>
      </c>
      <c r="AQ30398">
        <v>108</v>
      </c>
    </row>
    <row r="30399" spans="1:43">
      <c r="A30399" t="s">
        <v>18831</v>
      </c>
      <c r="B30399" t="s">
        <v>18832</v>
      </c>
      <c r="C30399" t="s">
        <v>18777</v>
      </c>
      <c r="D30399" t="s">
        <v>18778</v>
      </c>
      <c r="E30399" t="s">
        <v>18691</v>
      </c>
      <c r="F30399" t="s">
        <v>18692</v>
      </c>
      <c r="G30399" t="s">
        <v>10734</v>
      </c>
      <c r="H30399" t="s">
        <v>10735</v>
      </c>
      <c r="I30399" s="2">
        <v>0</v>
      </c>
      <c r="J30399" s="2">
        <v>0</v>
      </c>
      <c r="K30399" s="2">
        <v>1</v>
      </c>
      <c r="L30399" t="s">
        <v>995</v>
      </c>
      <c r="M30399" t="s">
        <v>87</v>
      </c>
      <c r="N30399" t="s">
        <v>88</v>
      </c>
      <c r="O30399" t="s">
        <v>85</v>
      </c>
      <c r="P30399" t="s">
        <v>86</v>
      </c>
      <c r="Q30399">
        <v>61</v>
      </c>
      <c r="R30399">
        <v>62</v>
      </c>
      <c r="S30399">
        <v>63</v>
      </c>
      <c r="T30399">
        <v>64</v>
      </c>
      <c r="U30399">
        <v>65</v>
      </c>
      <c r="V30399">
        <v>66</v>
      </c>
      <c r="W30399">
        <v>67</v>
      </c>
      <c r="X30399">
        <v>69</v>
      </c>
      <c r="Y30399">
        <v>70</v>
      </c>
      <c r="Z30399">
        <v>71</v>
      </c>
      <c r="AA30399">
        <v>72</v>
      </c>
      <c r="AB30399">
        <v>73</v>
      </c>
      <c r="AC30399">
        <v>75</v>
      </c>
      <c r="AD30399">
        <v>76</v>
      </c>
      <c r="AE30399">
        <v>77</v>
      </c>
      <c r="AF30399">
        <v>78</v>
      </c>
      <c r="AG30399">
        <v>80</v>
      </c>
      <c r="AH30399">
        <v>81</v>
      </c>
      <c r="AI30399">
        <v>82</v>
      </c>
      <c r="AJ30399">
        <v>84</v>
      </c>
      <c r="AK30399">
        <v>85</v>
      </c>
      <c r="AL30399">
        <v>87</v>
      </c>
      <c r="AM30399">
        <v>88</v>
      </c>
      <c r="AN30399">
        <v>89</v>
      </c>
      <c r="AO30399">
        <v>91</v>
      </c>
      <c r="AP30399">
        <v>92</v>
      </c>
      <c r="AQ30399">
        <v>94</v>
      </c>
    </row>
    <row r="30400" spans="1:43">
      <c r="A30400" t="s">
        <v>18831</v>
      </c>
      <c r="B30400" t="s">
        <v>18832</v>
      </c>
      <c r="C30400" t="s">
        <v>18777</v>
      </c>
      <c r="D30400" t="s">
        <v>18778</v>
      </c>
      <c r="E30400" t="s">
        <v>18691</v>
      </c>
      <c r="F30400" t="s">
        <v>18692</v>
      </c>
      <c r="G30400" t="s">
        <v>10734</v>
      </c>
      <c r="H30400" t="s">
        <v>10735</v>
      </c>
      <c r="I30400" s="2">
        <v>0</v>
      </c>
      <c r="J30400" s="2">
        <v>0</v>
      </c>
      <c r="K30400" s="2">
        <v>1</v>
      </c>
      <c r="L30400" t="s">
        <v>995</v>
      </c>
      <c r="M30400" t="s">
        <v>89</v>
      </c>
      <c r="N30400" t="s">
        <v>90</v>
      </c>
      <c r="O30400" t="s">
        <v>85</v>
      </c>
      <c r="P30400" t="s">
        <v>86</v>
      </c>
      <c r="Q30400">
        <v>61</v>
      </c>
      <c r="R30400">
        <v>63</v>
      </c>
      <c r="S30400">
        <v>65</v>
      </c>
      <c r="T30400">
        <v>68</v>
      </c>
      <c r="U30400">
        <v>70</v>
      </c>
      <c r="V30400">
        <v>72</v>
      </c>
      <c r="W30400">
        <v>74</v>
      </c>
      <c r="X30400">
        <v>77</v>
      </c>
      <c r="Y30400">
        <v>79</v>
      </c>
      <c r="Z30400">
        <v>81</v>
      </c>
      <c r="AA30400">
        <v>83</v>
      </c>
      <c r="AB30400">
        <v>85</v>
      </c>
      <c r="AC30400">
        <v>88</v>
      </c>
      <c r="AD30400">
        <v>90</v>
      </c>
      <c r="AE30400">
        <v>92</v>
      </c>
      <c r="AF30400">
        <v>93</v>
      </c>
      <c r="AG30400">
        <v>94</v>
      </c>
      <c r="AH30400">
        <v>96</v>
      </c>
      <c r="AI30400">
        <v>97</v>
      </c>
      <c r="AJ30400">
        <v>98</v>
      </c>
      <c r="AK30400">
        <v>99</v>
      </c>
      <c r="AL30400">
        <v>101</v>
      </c>
      <c r="AM30400">
        <v>102</v>
      </c>
      <c r="AN30400">
        <v>103</v>
      </c>
      <c r="AO30400">
        <v>105</v>
      </c>
      <c r="AP30400">
        <v>106</v>
      </c>
      <c r="AQ30400">
        <v>107</v>
      </c>
    </row>
    <row r="30401" spans="1:43">
      <c r="A30401" t="s">
        <v>18831</v>
      </c>
      <c r="B30401" t="s">
        <v>18832</v>
      </c>
      <c r="C30401" t="s">
        <v>18777</v>
      </c>
      <c r="D30401" t="s">
        <v>18778</v>
      </c>
      <c r="E30401" t="s">
        <v>18691</v>
      </c>
      <c r="F30401" t="s">
        <v>18692</v>
      </c>
      <c r="G30401" t="s">
        <v>10734</v>
      </c>
      <c r="H30401" t="s">
        <v>10735</v>
      </c>
      <c r="I30401" s="2">
        <v>0</v>
      </c>
      <c r="J30401" s="2">
        <v>0</v>
      </c>
      <c r="K30401" s="2">
        <v>1</v>
      </c>
      <c r="L30401" t="s">
        <v>995</v>
      </c>
      <c r="M30401" t="s">
        <v>83</v>
      </c>
      <c r="N30401" t="s">
        <v>91</v>
      </c>
      <c r="O30401" t="s">
        <v>85</v>
      </c>
      <c r="P30401" t="s">
        <v>86</v>
      </c>
      <c r="Q30401">
        <v>61</v>
      </c>
      <c r="R30401">
        <v>63</v>
      </c>
      <c r="S30401">
        <v>65</v>
      </c>
      <c r="T30401">
        <v>66</v>
      </c>
      <c r="U30401">
        <v>68</v>
      </c>
      <c r="V30401">
        <v>70</v>
      </c>
      <c r="W30401">
        <v>72</v>
      </c>
      <c r="X30401">
        <v>74</v>
      </c>
      <c r="Y30401">
        <v>75</v>
      </c>
      <c r="Z30401">
        <v>77</v>
      </c>
      <c r="AA30401">
        <v>79</v>
      </c>
      <c r="AB30401">
        <v>81</v>
      </c>
      <c r="AC30401">
        <v>83</v>
      </c>
      <c r="AD30401">
        <v>85</v>
      </c>
      <c r="AE30401">
        <v>87</v>
      </c>
      <c r="AF30401">
        <v>89</v>
      </c>
      <c r="AG30401">
        <v>91</v>
      </c>
      <c r="AH30401">
        <v>93</v>
      </c>
      <c r="AI30401">
        <v>95</v>
      </c>
      <c r="AJ30401">
        <v>97</v>
      </c>
      <c r="AK30401">
        <v>99</v>
      </c>
      <c r="AL30401">
        <v>101</v>
      </c>
      <c r="AM30401">
        <v>102</v>
      </c>
      <c r="AN30401">
        <v>104</v>
      </c>
      <c r="AO30401">
        <v>105</v>
      </c>
      <c r="AP30401">
        <v>106</v>
      </c>
      <c r="AQ30401">
        <v>108</v>
      </c>
    </row>
    <row r="30402" spans="1:43">
      <c r="A30402" t="s">
        <v>18833</v>
      </c>
      <c r="B30402" t="s">
        <v>18834</v>
      </c>
      <c r="C30402" t="s">
        <v>18787</v>
      </c>
      <c r="D30402" t="s">
        <v>18788</v>
      </c>
      <c r="E30402" t="s">
        <v>18691</v>
      </c>
      <c r="F30402" t="s">
        <v>18692</v>
      </c>
      <c r="G30402" t="s">
        <v>10734</v>
      </c>
      <c r="H30402" t="s">
        <v>10735</v>
      </c>
      <c r="I30402" s="2">
        <v>0</v>
      </c>
      <c r="J30402" s="2">
        <v>0</v>
      </c>
      <c r="K30402" s="2">
        <v>1</v>
      </c>
      <c r="L30402" t="s">
        <v>995</v>
      </c>
      <c r="M30402" t="s">
        <v>83</v>
      </c>
      <c r="N30402" t="s">
        <v>84</v>
      </c>
      <c r="O30402" t="s">
        <v>85</v>
      </c>
      <c r="P30402" t="s">
        <v>86</v>
      </c>
      <c r="Q30402">
        <v>41</v>
      </c>
      <c r="R30402">
        <v>42</v>
      </c>
      <c r="S30402">
        <v>43</v>
      </c>
      <c r="T30402">
        <v>44</v>
      </c>
      <c r="U30402">
        <v>45</v>
      </c>
      <c r="V30402">
        <v>46</v>
      </c>
      <c r="W30402">
        <v>48</v>
      </c>
      <c r="X30402">
        <v>49</v>
      </c>
      <c r="Y30402">
        <v>50</v>
      </c>
      <c r="Z30402">
        <v>51</v>
      </c>
      <c r="AA30402">
        <v>53</v>
      </c>
      <c r="AB30402">
        <v>54</v>
      </c>
      <c r="AC30402">
        <v>55</v>
      </c>
      <c r="AD30402">
        <v>56</v>
      </c>
      <c r="AE30402">
        <v>58</v>
      </c>
      <c r="AF30402">
        <v>59</v>
      </c>
      <c r="AG30402">
        <v>60</v>
      </c>
      <c r="AH30402">
        <v>62</v>
      </c>
      <c r="AI30402">
        <v>63</v>
      </c>
      <c r="AJ30402">
        <v>64</v>
      </c>
      <c r="AK30402">
        <v>66</v>
      </c>
      <c r="AL30402">
        <v>67</v>
      </c>
      <c r="AM30402">
        <v>68</v>
      </c>
      <c r="AN30402">
        <v>69</v>
      </c>
      <c r="AO30402">
        <v>70</v>
      </c>
      <c r="AP30402">
        <v>70</v>
      </c>
      <c r="AQ30402">
        <v>71</v>
      </c>
    </row>
    <row r="30403" spans="1:43">
      <c r="A30403" t="s">
        <v>18833</v>
      </c>
      <c r="B30403" t="s">
        <v>18834</v>
      </c>
      <c r="C30403" t="s">
        <v>18787</v>
      </c>
      <c r="D30403" t="s">
        <v>18788</v>
      </c>
      <c r="E30403" t="s">
        <v>18691</v>
      </c>
      <c r="F30403" t="s">
        <v>18692</v>
      </c>
      <c r="G30403" t="s">
        <v>10734</v>
      </c>
      <c r="H30403" t="s">
        <v>10735</v>
      </c>
      <c r="I30403" s="2">
        <v>0</v>
      </c>
      <c r="J30403" s="2">
        <v>0</v>
      </c>
      <c r="K30403" s="2">
        <v>1</v>
      </c>
      <c r="L30403" t="s">
        <v>995</v>
      </c>
      <c r="M30403" t="s">
        <v>87</v>
      </c>
      <c r="N30403" t="s">
        <v>88</v>
      </c>
      <c r="O30403" t="s">
        <v>85</v>
      </c>
      <c r="P30403" t="s">
        <v>86</v>
      </c>
      <c r="Q30403">
        <v>41</v>
      </c>
      <c r="R30403">
        <v>42</v>
      </c>
      <c r="S30403">
        <v>43</v>
      </c>
      <c r="T30403">
        <v>43</v>
      </c>
      <c r="U30403">
        <v>44</v>
      </c>
      <c r="V30403">
        <v>45</v>
      </c>
      <c r="W30403">
        <v>46</v>
      </c>
      <c r="X30403">
        <v>46</v>
      </c>
      <c r="Y30403">
        <v>47</v>
      </c>
      <c r="Z30403">
        <v>48</v>
      </c>
      <c r="AA30403">
        <v>49</v>
      </c>
      <c r="AB30403">
        <v>50</v>
      </c>
      <c r="AC30403">
        <v>50</v>
      </c>
      <c r="AD30403">
        <v>51</v>
      </c>
      <c r="AE30403">
        <v>52</v>
      </c>
      <c r="AF30403">
        <v>53</v>
      </c>
      <c r="AG30403">
        <v>54</v>
      </c>
      <c r="AH30403">
        <v>55</v>
      </c>
      <c r="AI30403">
        <v>56</v>
      </c>
      <c r="AJ30403">
        <v>57</v>
      </c>
      <c r="AK30403">
        <v>57</v>
      </c>
      <c r="AL30403">
        <v>58</v>
      </c>
      <c r="AM30403">
        <v>59</v>
      </c>
      <c r="AN30403">
        <v>60</v>
      </c>
      <c r="AO30403">
        <v>61</v>
      </c>
      <c r="AP30403">
        <v>62</v>
      </c>
      <c r="AQ30403">
        <v>63</v>
      </c>
    </row>
    <row r="30404" spans="1:43">
      <c r="A30404" t="s">
        <v>18833</v>
      </c>
      <c r="B30404" t="s">
        <v>18834</v>
      </c>
      <c r="C30404" t="s">
        <v>18787</v>
      </c>
      <c r="D30404" t="s">
        <v>18788</v>
      </c>
      <c r="E30404" t="s">
        <v>18691</v>
      </c>
      <c r="F30404" t="s">
        <v>18692</v>
      </c>
      <c r="G30404" t="s">
        <v>10734</v>
      </c>
      <c r="H30404" t="s">
        <v>10735</v>
      </c>
      <c r="I30404" s="2">
        <v>0</v>
      </c>
      <c r="J30404" s="2">
        <v>0</v>
      </c>
      <c r="K30404" s="2">
        <v>1</v>
      </c>
      <c r="L30404" t="s">
        <v>995</v>
      </c>
      <c r="M30404" t="s">
        <v>89</v>
      </c>
      <c r="N30404" t="s">
        <v>90</v>
      </c>
      <c r="O30404" t="s">
        <v>85</v>
      </c>
      <c r="P30404" t="s">
        <v>86</v>
      </c>
      <c r="Q30404">
        <v>41</v>
      </c>
      <c r="R30404">
        <v>42</v>
      </c>
      <c r="S30404">
        <v>44</v>
      </c>
      <c r="T30404">
        <v>45</v>
      </c>
      <c r="U30404">
        <v>47</v>
      </c>
      <c r="V30404">
        <v>48</v>
      </c>
      <c r="W30404">
        <v>50</v>
      </c>
      <c r="X30404">
        <v>51</v>
      </c>
      <c r="Y30404">
        <v>53</v>
      </c>
      <c r="Z30404">
        <v>54</v>
      </c>
      <c r="AA30404">
        <v>56</v>
      </c>
      <c r="AB30404">
        <v>57</v>
      </c>
      <c r="AC30404">
        <v>59</v>
      </c>
      <c r="AD30404">
        <v>60</v>
      </c>
      <c r="AE30404">
        <v>62</v>
      </c>
      <c r="AF30404">
        <v>62</v>
      </c>
      <c r="AG30404">
        <v>63</v>
      </c>
      <c r="AH30404">
        <v>64</v>
      </c>
      <c r="AI30404">
        <v>65</v>
      </c>
      <c r="AJ30404">
        <v>66</v>
      </c>
      <c r="AK30404">
        <v>67</v>
      </c>
      <c r="AL30404">
        <v>67</v>
      </c>
      <c r="AM30404">
        <v>68</v>
      </c>
      <c r="AN30404">
        <v>69</v>
      </c>
      <c r="AO30404">
        <v>70</v>
      </c>
      <c r="AP30404">
        <v>71</v>
      </c>
      <c r="AQ30404">
        <v>72</v>
      </c>
    </row>
    <row r="30405" spans="1:43">
      <c r="A30405" t="s">
        <v>18833</v>
      </c>
      <c r="B30405" t="s">
        <v>18834</v>
      </c>
      <c r="C30405" t="s">
        <v>18787</v>
      </c>
      <c r="D30405" t="s">
        <v>18788</v>
      </c>
      <c r="E30405" t="s">
        <v>18691</v>
      </c>
      <c r="F30405" t="s">
        <v>18692</v>
      </c>
      <c r="G30405" t="s">
        <v>10734</v>
      </c>
      <c r="H30405" t="s">
        <v>10735</v>
      </c>
      <c r="I30405" s="2">
        <v>0</v>
      </c>
      <c r="J30405" s="2">
        <v>0</v>
      </c>
      <c r="K30405" s="2">
        <v>1</v>
      </c>
      <c r="L30405" t="s">
        <v>995</v>
      </c>
      <c r="M30405" t="s">
        <v>83</v>
      </c>
      <c r="N30405" t="s">
        <v>91</v>
      </c>
      <c r="O30405" t="s">
        <v>85</v>
      </c>
      <c r="P30405" t="s">
        <v>86</v>
      </c>
      <c r="Q30405">
        <v>41</v>
      </c>
      <c r="R30405">
        <v>42</v>
      </c>
      <c r="S30405">
        <v>43</v>
      </c>
      <c r="T30405">
        <v>44</v>
      </c>
      <c r="U30405">
        <v>45</v>
      </c>
      <c r="V30405">
        <v>46</v>
      </c>
      <c r="W30405">
        <v>48</v>
      </c>
      <c r="X30405">
        <v>49</v>
      </c>
      <c r="Y30405">
        <v>50</v>
      </c>
      <c r="Z30405">
        <v>51</v>
      </c>
      <c r="AA30405">
        <v>53</v>
      </c>
      <c r="AB30405">
        <v>54</v>
      </c>
      <c r="AC30405">
        <v>55</v>
      </c>
      <c r="AD30405">
        <v>56</v>
      </c>
      <c r="AE30405">
        <v>58</v>
      </c>
      <c r="AF30405">
        <v>59</v>
      </c>
      <c r="AG30405">
        <v>60</v>
      </c>
      <c r="AH30405">
        <v>62</v>
      </c>
      <c r="AI30405">
        <v>63</v>
      </c>
      <c r="AJ30405">
        <v>64</v>
      </c>
      <c r="AK30405">
        <v>66</v>
      </c>
      <c r="AL30405">
        <v>67</v>
      </c>
      <c r="AM30405">
        <v>68</v>
      </c>
      <c r="AN30405">
        <v>69</v>
      </c>
      <c r="AO30405">
        <v>70</v>
      </c>
      <c r="AP30405">
        <v>70</v>
      </c>
      <c r="AQ30405">
        <v>71</v>
      </c>
    </row>
    <row r="30406" spans="1:43">
      <c r="A30406" t="s">
        <v>18835</v>
      </c>
      <c r="B30406" t="s">
        <v>18836</v>
      </c>
      <c r="C30406" t="s">
        <v>18791</v>
      </c>
      <c r="D30406" t="s">
        <v>18792</v>
      </c>
      <c r="E30406" t="s">
        <v>18691</v>
      </c>
      <c r="F30406" t="s">
        <v>18692</v>
      </c>
      <c r="G30406" t="s">
        <v>10734</v>
      </c>
      <c r="H30406" t="s">
        <v>10735</v>
      </c>
      <c r="I30406" s="2">
        <v>0</v>
      </c>
      <c r="J30406" s="2">
        <v>0</v>
      </c>
      <c r="K30406" s="2">
        <v>1</v>
      </c>
      <c r="L30406" t="s">
        <v>995</v>
      </c>
      <c r="M30406" t="s">
        <v>83</v>
      </c>
      <c r="N30406" t="s">
        <v>84</v>
      </c>
      <c r="O30406" t="s">
        <v>85</v>
      </c>
      <c r="P30406" t="s">
        <v>86</v>
      </c>
      <c r="Q30406">
        <v>83</v>
      </c>
      <c r="R30406">
        <v>85</v>
      </c>
      <c r="S30406">
        <v>87</v>
      </c>
      <c r="T30406">
        <v>90</v>
      </c>
      <c r="U30406">
        <v>92</v>
      </c>
      <c r="V30406">
        <v>94</v>
      </c>
      <c r="W30406">
        <v>97</v>
      </c>
      <c r="X30406">
        <v>99</v>
      </c>
      <c r="Y30406">
        <v>102</v>
      </c>
      <c r="Z30406">
        <v>104</v>
      </c>
      <c r="AA30406">
        <v>107</v>
      </c>
      <c r="AB30406">
        <v>110</v>
      </c>
      <c r="AC30406">
        <v>112</v>
      </c>
      <c r="AD30406">
        <v>115</v>
      </c>
      <c r="AE30406">
        <v>117</v>
      </c>
      <c r="AF30406">
        <v>120</v>
      </c>
      <c r="AG30406">
        <v>123</v>
      </c>
      <c r="AH30406">
        <v>126</v>
      </c>
      <c r="AI30406">
        <v>129</v>
      </c>
      <c r="AJ30406">
        <v>131</v>
      </c>
      <c r="AK30406">
        <v>134</v>
      </c>
      <c r="AL30406">
        <v>137</v>
      </c>
      <c r="AM30406">
        <v>138</v>
      </c>
      <c r="AN30406">
        <v>140</v>
      </c>
      <c r="AO30406">
        <v>142</v>
      </c>
      <c r="AP30406">
        <v>144</v>
      </c>
      <c r="AQ30406">
        <v>146</v>
      </c>
    </row>
    <row r="30407" spans="1:43">
      <c r="A30407" t="s">
        <v>18835</v>
      </c>
      <c r="B30407" t="s">
        <v>18836</v>
      </c>
      <c r="C30407" t="s">
        <v>18791</v>
      </c>
      <c r="D30407" t="s">
        <v>18792</v>
      </c>
      <c r="E30407" t="s">
        <v>18691</v>
      </c>
      <c r="F30407" t="s">
        <v>18692</v>
      </c>
      <c r="G30407" t="s">
        <v>10734</v>
      </c>
      <c r="H30407" t="s">
        <v>10735</v>
      </c>
      <c r="I30407" s="2">
        <v>0</v>
      </c>
      <c r="J30407" s="2">
        <v>0</v>
      </c>
      <c r="K30407" s="2">
        <v>1</v>
      </c>
      <c r="L30407" t="s">
        <v>995</v>
      </c>
      <c r="M30407" t="s">
        <v>87</v>
      </c>
      <c r="N30407" t="s">
        <v>88</v>
      </c>
      <c r="O30407" t="s">
        <v>85</v>
      </c>
      <c r="P30407" t="s">
        <v>86</v>
      </c>
      <c r="Q30407">
        <v>83</v>
      </c>
      <c r="R30407">
        <v>85</v>
      </c>
      <c r="S30407">
        <v>86</v>
      </c>
      <c r="T30407">
        <v>87</v>
      </c>
      <c r="U30407">
        <v>89</v>
      </c>
      <c r="V30407">
        <v>91</v>
      </c>
      <c r="W30407">
        <v>92</v>
      </c>
      <c r="X30407">
        <v>94</v>
      </c>
      <c r="Y30407">
        <v>95</v>
      </c>
      <c r="Z30407">
        <v>97</v>
      </c>
      <c r="AA30407">
        <v>98</v>
      </c>
      <c r="AB30407">
        <v>100</v>
      </c>
      <c r="AC30407">
        <v>102</v>
      </c>
      <c r="AD30407">
        <v>103</v>
      </c>
      <c r="AE30407">
        <v>105</v>
      </c>
      <c r="AF30407">
        <v>107</v>
      </c>
      <c r="AG30407">
        <v>109</v>
      </c>
      <c r="AH30407">
        <v>111</v>
      </c>
      <c r="AI30407">
        <v>112</v>
      </c>
      <c r="AJ30407">
        <v>114</v>
      </c>
      <c r="AK30407">
        <v>116</v>
      </c>
      <c r="AL30407">
        <v>118</v>
      </c>
      <c r="AM30407">
        <v>120</v>
      </c>
      <c r="AN30407">
        <v>122</v>
      </c>
      <c r="AO30407">
        <v>124</v>
      </c>
      <c r="AP30407">
        <v>126</v>
      </c>
      <c r="AQ30407">
        <v>128</v>
      </c>
    </row>
    <row r="30408" spans="1:43">
      <c r="A30408" t="s">
        <v>18835</v>
      </c>
      <c r="B30408" t="s">
        <v>18836</v>
      </c>
      <c r="C30408" t="s">
        <v>18791</v>
      </c>
      <c r="D30408" t="s">
        <v>18792</v>
      </c>
      <c r="E30408" t="s">
        <v>18691</v>
      </c>
      <c r="F30408" t="s">
        <v>18692</v>
      </c>
      <c r="G30408" t="s">
        <v>10734</v>
      </c>
      <c r="H30408" t="s">
        <v>10735</v>
      </c>
      <c r="I30408" s="2">
        <v>0</v>
      </c>
      <c r="J30408" s="2">
        <v>0</v>
      </c>
      <c r="K30408" s="2">
        <v>1</v>
      </c>
      <c r="L30408" t="s">
        <v>995</v>
      </c>
      <c r="M30408" t="s">
        <v>89</v>
      </c>
      <c r="N30408" t="s">
        <v>90</v>
      </c>
      <c r="O30408" t="s">
        <v>85</v>
      </c>
      <c r="P30408" t="s">
        <v>86</v>
      </c>
      <c r="Q30408">
        <v>83</v>
      </c>
      <c r="R30408">
        <v>86</v>
      </c>
      <c r="S30408">
        <v>89</v>
      </c>
      <c r="T30408">
        <v>92</v>
      </c>
      <c r="U30408">
        <v>95</v>
      </c>
      <c r="V30408">
        <v>98</v>
      </c>
      <c r="W30408">
        <v>101</v>
      </c>
      <c r="X30408">
        <v>104</v>
      </c>
      <c r="Y30408">
        <v>107</v>
      </c>
      <c r="Z30408">
        <v>110</v>
      </c>
      <c r="AA30408">
        <v>113</v>
      </c>
      <c r="AB30408">
        <v>116</v>
      </c>
      <c r="AC30408">
        <v>119</v>
      </c>
      <c r="AD30408">
        <v>122</v>
      </c>
      <c r="AE30408">
        <v>125</v>
      </c>
      <c r="AF30408">
        <v>126</v>
      </c>
      <c r="AG30408">
        <v>128</v>
      </c>
      <c r="AH30408">
        <v>130</v>
      </c>
      <c r="AI30408">
        <v>131</v>
      </c>
      <c r="AJ30408">
        <v>133</v>
      </c>
      <c r="AK30408">
        <v>135</v>
      </c>
      <c r="AL30408">
        <v>137</v>
      </c>
      <c r="AM30408">
        <v>138</v>
      </c>
      <c r="AN30408">
        <v>140</v>
      </c>
      <c r="AO30408">
        <v>142</v>
      </c>
      <c r="AP30408">
        <v>144</v>
      </c>
      <c r="AQ30408">
        <v>145</v>
      </c>
    </row>
    <row r="30409" spans="1:43">
      <c r="A30409" t="s">
        <v>18835</v>
      </c>
      <c r="B30409" t="s">
        <v>18836</v>
      </c>
      <c r="C30409" t="s">
        <v>18791</v>
      </c>
      <c r="D30409" t="s">
        <v>18792</v>
      </c>
      <c r="E30409" t="s">
        <v>18691</v>
      </c>
      <c r="F30409" t="s">
        <v>18692</v>
      </c>
      <c r="G30409" t="s">
        <v>10734</v>
      </c>
      <c r="H30409" t="s">
        <v>10735</v>
      </c>
      <c r="I30409" s="2">
        <v>0</v>
      </c>
      <c r="J30409" s="2">
        <v>0</v>
      </c>
      <c r="K30409" s="2">
        <v>1</v>
      </c>
      <c r="L30409" t="s">
        <v>995</v>
      </c>
      <c r="M30409" t="s">
        <v>83</v>
      </c>
      <c r="N30409" t="s">
        <v>91</v>
      </c>
      <c r="O30409" t="s">
        <v>85</v>
      </c>
      <c r="P30409" t="s">
        <v>86</v>
      </c>
      <c r="Q30409">
        <v>83</v>
      </c>
      <c r="R30409">
        <v>85</v>
      </c>
      <c r="S30409">
        <v>87</v>
      </c>
      <c r="T30409">
        <v>90</v>
      </c>
      <c r="U30409">
        <v>92</v>
      </c>
      <c r="V30409">
        <v>94</v>
      </c>
      <c r="W30409">
        <v>97</v>
      </c>
      <c r="X30409">
        <v>99</v>
      </c>
      <c r="Y30409">
        <v>102</v>
      </c>
      <c r="Z30409">
        <v>104</v>
      </c>
      <c r="AA30409">
        <v>107</v>
      </c>
      <c r="AB30409">
        <v>110</v>
      </c>
      <c r="AC30409">
        <v>112</v>
      </c>
      <c r="AD30409">
        <v>115</v>
      </c>
      <c r="AE30409">
        <v>117</v>
      </c>
      <c r="AF30409">
        <v>120</v>
      </c>
      <c r="AG30409">
        <v>123</v>
      </c>
      <c r="AH30409">
        <v>126</v>
      </c>
      <c r="AI30409">
        <v>129</v>
      </c>
      <c r="AJ30409">
        <v>131</v>
      </c>
      <c r="AK30409">
        <v>134</v>
      </c>
      <c r="AL30409">
        <v>137</v>
      </c>
      <c r="AM30409">
        <v>138</v>
      </c>
      <c r="AN30409">
        <v>140</v>
      </c>
      <c r="AO30409">
        <v>142</v>
      </c>
      <c r="AP30409">
        <v>144</v>
      </c>
      <c r="AQ30409">
        <v>146</v>
      </c>
    </row>
    <row r="30410" spans="1:43">
      <c r="A30410" t="s">
        <v>18837</v>
      </c>
      <c r="B30410" t="s">
        <v>18838</v>
      </c>
      <c r="C30410" t="s">
        <v>18713</v>
      </c>
      <c r="D30410" t="s">
        <v>18714</v>
      </c>
      <c r="E30410" t="s">
        <v>18691</v>
      </c>
      <c r="F30410" t="s">
        <v>18692</v>
      </c>
      <c r="G30410" t="s">
        <v>10734</v>
      </c>
      <c r="H30410" t="s">
        <v>10735</v>
      </c>
      <c r="I30410" s="2">
        <v>0</v>
      </c>
      <c r="J30410" s="2">
        <v>0</v>
      </c>
      <c r="K30410" s="2">
        <v>1</v>
      </c>
      <c r="L30410" t="s">
        <v>995</v>
      </c>
      <c r="M30410" t="s">
        <v>83</v>
      </c>
      <c r="N30410" t="s">
        <v>84</v>
      </c>
      <c r="O30410" t="s">
        <v>85</v>
      </c>
      <c r="P30410" t="s">
        <v>86</v>
      </c>
      <c r="Q30410">
        <v>24</v>
      </c>
      <c r="R30410">
        <v>25</v>
      </c>
      <c r="S30410">
        <v>26</v>
      </c>
      <c r="T30410">
        <v>26</v>
      </c>
      <c r="U30410">
        <v>27</v>
      </c>
      <c r="V30410">
        <v>28</v>
      </c>
      <c r="W30410">
        <v>29</v>
      </c>
      <c r="X30410">
        <v>29</v>
      </c>
      <c r="Y30410">
        <v>30</v>
      </c>
      <c r="Z30410">
        <v>31</v>
      </c>
      <c r="AA30410">
        <v>31</v>
      </c>
      <c r="AB30410">
        <v>32</v>
      </c>
      <c r="AC30410">
        <v>33</v>
      </c>
      <c r="AD30410">
        <v>34</v>
      </c>
      <c r="AE30410">
        <v>35</v>
      </c>
      <c r="AF30410">
        <v>35</v>
      </c>
      <c r="AG30410">
        <v>36</v>
      </c>
      <c r="AH30410">
        <v>37</v>
      </c>
      <c r="AI30410">
        <v>38</v>
      </c>
      <c r="AJ30410">
        <v>39</v>
      </c>
      <c r="AK30410">
        <v>39</v>
      </c>
      <c r="AL30410">
        <v>40</v>
      </c>
      <c r="AM30410">
        <v>41</v>
      </c>
      <c r="AN30410">
        <v>41</v>
      </c>
      <c r="AO30410">
        <v>42</v>
      </c>
      <c r="AP30410">
        <v>42</v>
      </c>
      <c r="AQ30410">
        <v>43</v>
      </c>
    </row>
    <row r="30411" spans="1:43">
      <c r="A30411" t="s">
        <v>18837</v>
      </c>
      <c r="B30411" t="s">
        <v>18838</v>
      </c>
      <c r="C30411" t="s">
        <v>18713</v>
      </c>
      <c r="D30411" t="s">
        <v>18714</v>
      </c>
      <c r="E30411" t="s">
        <v>18691</v>
      </c>
      <c r="F30411" t="s">
        <v>18692</v>
      </c>
      <c r="G30411" t="s">
        <v>10734</v>
      </c>
      <c r="H30411" t="s">
        <v>10735</v>
      </c>
      <c r="I30411" s="2">
        <v>0</v>
      </c>
      <c r="J30411" s="2">
        <v>0</v>
      </c>
      <c r="K30411" s="2">
        <v>1</v>
      </c>
      <c r="L30411" t="s">
        <v>995</v>
      </c>
      <c r="M30411" t="s">
        <v>87</v>
      </c>
      <c r="N30411" t="s">
        <v>88</v>
      </c>
      <c r="O30411" t="s">
        <v>85</v>
      </c>
      <c r="P30411" t="s">
        <v>86</v>
      </c>
      <c r="Q30411">
        <v>24</v>
      </c>
      <c r="R30411">
        <v>25</v>
      </c>
      <c r="S30411">
        <v>25</v>
      </c>
      <c r="T30411">
        <v>25</v>
      </c>
      <c r="U30411">
        <v>26</v>
      </c>
      <c r="V30411">
        <v>26</v>
      </c>
      <c r="W30411">
        <v>27</v>
      </c>
      <c r="X30411">
        <v>27</v>
      </c>
      <c r="Y30411">
        <v>28</v>
      </c>
      <c r="Z30411">
        <v>28</v>
      </c>
      <c r="AA30411">
        <v>29</v>
      </c>
      <c r="AB30411">
        <v>29</v>
      </c>
      <c r="AC30411">
        <v>30</v>
      </c>
      <c r="AD30411">
        <v>30</v>
      </c>
      <c r="AE30411">
        <v>31</v>
      </c>
      <c r="AF30411">
        <v>31</v>
      </c>
      <c r="AG30411">
        <v>32</v>
      </c>
      <c r="AH30411">
        <v>32</v>
      </c>
      <c r="AI30411">
        <v>33</v>
      </c>
      <c r="AJ30411">
        <v>33</v>
      </c>
      <c r="AK30411">
        <v>34</v>
      </c>
      <c r="AL30411">
        <v>34</v>
      </c>
      <c r="AM30411">
        <v>35</v>
      </c>
      <c r="AN30411">
        <v>35</v>
      </c>
      <c r="AO30411">
        <v>36</v>
      </c>
      <c r="AP30411">
        <v>37</v>
      </c>
      <c r="AQ30411">
        <v>37</v>
      </c>
    </row>
    <row r="30412" spans="1:43">
      <c r="A30412" t="s">
        <v>18837</v>
      </c>
      <c r="B30412" t="s">
        <v>18838</v>
      </c>
      <c r="C30412" t="s">
        <v>18713</v>
      </c>
      <c r="D30412" t="s">
        <v>18714</v>
      </c>
      <c r="E30412" t="s">
        <v>18691</v>
      </c>
      <c r="F30412" t="s">
        <v>18692</v>
      </c>
      <c r="G30412" t="s">
        <v>10734</v>
      </c>
      <c r="H30412" t="s">
        <v>10735</v>
      </c>
      <c r="I30412" s="2">
        <v>0</v>
      </c>
      <c r="J30412" s="2">
        <v>0</v>
      </c>
      <c r="K30412" s="2">
        <v>1</v>
      </c>
      <c r="L30412" t="s">
        <v>995</v>
      </c>
      <c r="M30412" t="s">
        <v>89</v>
      </c>
      <c r="N30412" t="s">
        <v>90</v>
      </c>
      <c r="O30412" t="s">
        <v>85</v>
      </c>
      <c r="P30412" t="s">
        <v>86</v>
      </c>
      <c r="Q30412">
        <v>24</v>
      </c>
      <c r="R30412">
        <v>25</v>
      </c>
      <c r="S30412">
        <v>25</v>
      </c>
      <c r="T30412">
        <v>26</v>
      </c>
      <c r="U30412">
        <v>27</v>
      </c>
      <c r="V30412">
        <v>28</v>
      </c>
      <c r="W30412">
        <v>29</v>
      </c>
      <c r="X30412">
        <v>30</v>
      </c>
      <c r="Y30412">
        <v>31</v>
      </c>
      <c r="Z30412">
        <v>32</v>
      </c>
      <c r="AA30412">
        <v>32</v>
      </c>
      <c r="AB30412">
        <v>33</v>
      </c>
      <c r="AC30412">
        <v>34</v>
      </c>
      <c r="AD30412">
        <v>35</v>
      </c>
      <c r="AE30412">
        <v>36</v>
      </c>
      <c r="AF30412">
        <v>36</v>
      </c>
      <c r="AG30412">
        <v>37</v>
      </c>
      <c r="AH30412">
        <v>37</v>
      </c>
      <c r="AI30412">
        <v>38</v>
      </c>
      <c r="AJ30412">
        <v>38</v>
      </c>
      <c r="AK30412">
        <v>39</v>
      </c>
      <c r="AL30412">
        <v>39</v>
      </c>
      <c r="AM30412">
        <v>40</v>
      </c>
      <c r="AN30412">
        <v>40</v>
      </c>
      <c r="AO30412">
        <v>41</v>
      </c>
      <c r="AP30412">
        <v>41</v>
      </c>
      <c r="AQ30412">
        <v>42</v>
      </c>
    </row>
    <row r="30413" spans="1:43">
      <c r="A30413" t="s">
        <v>18837</v>
      </c>
      <c r="B30413" t="s">
        <v>18838</v>
      </c>
      <c r="C30413" t="s">
        <v>18713</v>
      </c>
      <c r="D30413" t="s">
        <v>18714</v>
      </c>
      <c r="E30413" t="s">
        <v>18691</v>
      </c>
      <c r="F30413" t="s">
        <v>18692</v>
      </c>
      <c r="G30413" t="s">
        <v>10734</v>
      </c>
      <c r="H30413" t="s">
        <v>10735</v>
      </c>
      <c r="I30413" s="2">
        <v>0</v>
      </c>
      <c r="J30413" s="2">
        <v>0</v>
      </c>
      <c r="K30413" s="2">
        <v>1</v>
      </c>
      <c r="L30413" t="s">
        <v>995</v>
      </c>
      <c r="M30413" t="s">
        <v>83</v>
      </c>
      <c r="N30413" t="s">
        <v>91</v>
      </c>
      <c r="O30413" t="s">
        <v>85</v>
      </c>
      <c r="P30413" t="s">
        <v>86</v>
      </c>
      <c r="Q30413">
        <v>24</v>
      </c>
      <c r="R30413">
        <v>25</v>
      </c>
      <c r="S30413">
        <v>26</v>
      </c>
      <c r="T30413">
        <v>26</v>
      </c>
      <c r="U30413">
        <v>27</v>
      </c>
      <c r="V30413">
        <v>28</v>
      </c>
      <c r="W30413">
        <v>29</v>
      </c>
      <c r="X30413">
        <v>29</v>
      </c>
      <c r="Y30413">
        <v>30</v>
      </c>
      <c r="Z30413">
        <v>31</v>
      </c>
      <c r="AA30413">
        <v>31</v>
      </c>
      <c r="AB30413">
        <v>32</v>
      </c>
      <c r="AC30413">
        <v>33</v>
      </c>
      <c r="AD30413">
        <v>34</v>
      </c>
      <c r="AE30413">
        <v>35</v>
      </c>
      <c r="AF30413">
        <v>35</v>
      </c>
      <c r="AG30413">
        <v>36</v>
      </c>
      <c r="AH30413">
        <v>37</v>
      </c>
      <c r="AI30413">
        <v>38</v>
      </c>
      <c r="AJ30413">
        <v>39</v>
      </c>
      <c r="AK30413">
        <v>39</v>
      </c>
      <c r="AL30413">
        <v>40</v>
      </c>
      <c r="AM30413">
        <v>41</v>
      </c>
      <c r="AN30413">
        <v>41</v>
      </c>
      <c r="AO30413">
        <v>42</v>
      </c>
      <c r="AP30413">
        <v>42</v>
      </c>
      <c r="AQ30413">
        <v>43</v>
      </c>
    </row>
    <row r="30414" spans="1:43">
      <c r="A30414" t="s">
        <v>18839</v>
      </c>
      <c r="B30414" t="s">
        <v>18840</v>
      </c>
      <c r="C30414" t="s">
        <v>18791</v>
      </c>
      <c r="D30414" t="s">
        <v>18792</v>
      </c>
      <c r="E30414" t="s">
        <v>18691</v>
      </c>
      <c r="F30414" t="s">
        <v>18692</v>
      </c>
      <c r="G30414" t="s">
        <v>10734</v>
      </c>
      <c r="H30414" t="s">
        <v>10735</v>
      </c>
      <c r="I30414" s="2">
        <v>0</v>
      </c>
      <c r="J30414" s="2">
        <v>0</v>
      </c>
      <c r="K30414" s="2">
        <v>1</v>
      </c>
      <c r="L30414" t="s">
        <v>995</v>
      </c>
      <c r="M30414" t="s">
        <v>83</v>
      </c>
      <c r="N30414" t="s">
        <v>84</v>
      </c>
      <c r="O30414" t="s">
        <v>85</v>
      </c>
      <c r="P30414" t="s">
        <v>86</v>
      </c>
      <c r="Q30414">
        <v>10</v>
      </c>
      <c r="R30414">
        <v>10</v>
      </c>
      <c r="S30414">
        <v>10</v>
      </c>
      <c r="T30414">
        <v>10</v>
      </c>
      <c r="U30414">
        <v>11</v>
      </c>
      <c r="V30414">
        <v>11</v>
      </c>
      <c r="W30414">
        <v>11</v>
      </c>
      <c r="X30414">
        <v>11</v>
      </c>
      <c r="Y30414">
        <v>12</v>
      </c>
      <c r="Z30414">
        <v>12</v>
      </c>
      <c r="AA30414">
        <v>12</v>
      </c>
      <c r="AB30414">
        <v>13</v>
      </c>
      <c r="AC30414">
        <v>13</v>
      </c>
      <c r="AD30414">
        <v>13</v>
      </c>
      <c r="AE30414">
        <v>14</v>
      </c>
      <c r="AF30414">
        <v>14</v>
      </c>
      <c r="AG30414">
        <v>14</v>
      </c>
      <c r="AH30414">
        <v>15</v>
      </c>
      <c r="AI30414">
        <v>15</v>
      </c>
      <c r="AJ30414">
        <v>15</v>
      </c>
      <c r="AK30414">
        <v>16</v>
      </c>
      <c r="AL30414">
        <v>16</v>
      </c>
      <c r="AM30414">
        <v>16</v>
      </c>
      <c r="AN30414">
        <v>16</v>
      </c>
      <c r="AO30414">
        <v>16</v>
      </c>
      <c r="AP30414">
        <v>17</v>
      </c>
      <c r="AQ30414">
        <v>17</v>
      </c>
    </row>
    <row r="30415" spans="1:43">
      <c r="A30415" t="s">
        <v>18839</v>
      </c>
      <c r="B30415" t="s">
        <v>18840</v>
      </c>
      <c r="C30415" t="s">
        <v>18791</v>
      </c>
      <c r="D30415" t="s">
        <v>18792</v>
      </c>
      <c r="E30415" t="s">
        <v>18691</v>
      </c>
      <c r="F30415" t="s">
        <v>18692</v>
      </c>
      <c r="G30415" t="s">
        <v>10734</v>
      </c>
      <c r="H30415" t="s">
        <v>10735</v>
      </c>
      <c r="I30415" s="2">
        <v>0</v>
      </c>
      <c r="J30415" s="2">
        <v>0</v>
      </c>
      <c r="K30415" s="2">
        <v>1</v>
      </c>
      <c r="L30415" t="s">
        <v>995</v>
      </c>
      <c r="M30415" t="s">
        <v>87</v>
      </c>
      <c r="N30415" t="s">
        <v>88</v>
      </c>
      <c r="O30415" t="s">
        <v>85</v>
      </c>
      <c r="P30415" t="s">
        <v>86</v>
      </c>
      <c r="Q30415">
        <v>10</v>
      </c>
      <c r="R30415">
        <v>11</v>
      </c>
      <c r="S30415">
        <v>11</v>
      </c>
      <c r="T30415">
        <v>11</v>
      </c>
      <c r="U30415">
        <v>11</v>
      </c>
      <c r="V30415">
        <v>11</v>
      </c>
      <c r="W30415">
        <v>12</v>
      </c>
      <c r="X30415">
        <v>12</v>
      </c>
      <c r="Y30415">
        <v>12</v>
      </c>
      <c r="Z30415">
        <v>12</v>
      </c>
      <c r="AA30415">
        <v>12</v>
      </c>
      <c r="AB30415">
        <v>12</v>
      </c>
      <c r="AC30415">
        <v>13</v>
      </c>
      <c r="AD30415">
        <v>13</v>
      </c>
      <c r="AE30415">
        <v>13</v>
      </c>
      <c r="AF30415">
        <v>13</v>
      </c>
      <c r="AG30415">
        <v>13</v>
      </c>
      <c r="AH30415">
        <v>14</v>
      </c>
      <c r="AI30415">
        <v>14</v>
      </c>
      <c r="AJ30415">
        <v>14</v>
      </c>
      <c r="AK30415">
        <v>14</v>
      </c>
      <c r="AL30415">
        <v>15</v>
      </c>
      <c r="AM30415">
        <v>15</v>
      </c>
      <c r="AN30415">
        <v>15</v>
      </c>
      <c r="AO30415">
        <v>15</v>
      </c>
      <c r="AP30415">
        <v>15</v>
      </c>
      <c r="AQ30415">
        <v>16</v>
      </c>
    </row>
    <row r="30416" spans="1:43">
      <c r="A30416" t="s">
        <v>18839</v>
      </c>
      <c r="B30416" t="s">
        <v>18840</v>
      </c>
      <c r="C30416" t="s">
        <v>18791</v>
      </c>
      <c r="D30416" t="s">
        <v>18792</v>
      </c>
      <c r="E30416" t="s">
        <v>18691</v>
      </c>
      <c r="F30416" t="s">
        <v>18692</v>
      </c>
      <c r="G30416" t="s">
        <v>10734</v>
      </c>
      <c r="H30416" t="s">
        <v>10735</v>
      </c>
      <c r="I30416" s="2">
        <v>0</v>
      </c>
      <c r="J30416" s="2">
        <v>0</v>
      </c>
      <c r="K30416" s="2">
        <v>1</v>
      </c>
      <c r="L30416" t="s">
        <v>995</v>
      </c>
      <c r="M30416" t="s">
        <v>89</v>
      </c>
      <c r="N30416" t="s">
        <v>90</v>
      </c>
      <c r="O30416" t="s">
        <v>85</v>
      </c>
      <c r="P30416" t="s">
        <v>86</v>
      </c>
      <c r="Q30416">
        <v>10</v>
      </c>
      <c r="R30416">
        <v>10</v>
      </c>
      <c r="S30416">
        <v>10</v>
      </c>
      <c r="T30416">
        <v>11</v>
      </c>
      <c r="U30416">
        <v>11</v>
      </c>
      <c r="V30416">
        <v>11</v>
      </c>
      <c r="W30416">
        <v>12</v>
      </c>
      <c r="X30416">
        <v>12</v>
      </c>
      <c r="Y30416">
        <v>12</v>
      </c>
      <c r="Z30416">
        <v>13</v>
      </c>
      <c r="AA30416">
        <v>13</v>
      </c>
      <c r="AB30416">
        <v>13</v>
      </c>
      <c r="AC30416">
        <v>14</v>
      </c>
      <c r="AD30416">
        <v>14</v>
      </c>
      <c r="AE30416">
        <v>15</v>
      </c>
      <c r="AF30416">
        <v>15</v>
      </c>
      <c r="AG30416">
        <v>15</v>
      </c>
      <c r="AH30416">
        <v>15</v>
      </c>
      <c r="AI30416">
        <v>15</v>
      </c>
      <c r="AJ30416">
        <v>16</v>
      </c>
      <c r="AK30416">
        <v>16</v>
      </c>
      <c r="AL30416">
        <v>16</v>
      </c>
      <c r="AM30416">
        <v>16</v>
      </c>
      <c r="AN30416">
        <v>16</v>
      </c>
      <c r="AO30416">
        <v>17</v>
      </c>
      <c r="AP30416">
        <v>17</v>
      </c>
      <c r="AQ30416">
        <v>17</v>
      </c>
    </row>
    <row r="30417" spans="1:43">
      <c r="A30417" t="s">
        <v>18839</v>
      </c>
      <c r="B30417" t="s">
        <v>18840</v>
      </c>
      <c r="C30417" t="s">
        <v>18791</v>
      </c>
      <c r="D30417" t="s">
        <v>18792</v>
      </c>
      <c r="E30417" t="s">
        <v>18691</v>
      </c>
      <c r="F30417" t="s">
        <v>18692</v>
      </c>
      <c r="G30417" t="s">
        <v>10734</v>
      </c>
      <c r="H30417" t="s">
        <v>10735</v>
      </c>
      <c r="I30417" s="2">
        <v>0</v>
      </c>
      <c r="J30417" s="2">
        <v>0</v>
      </c>
      <c r="K30417" s="2">
        <v>1</v>
      </c>
      <c r="L30417" t="s">
        <v>995</v>
      </c>
      <c r="M30417" t="s">
        <v>83</v>
      </c>
      <c r="N30417" t="s">
        <v>91</v>
      </c>
      <c r="O30417" t="s">
        <v>85</v>
      </c>
      <c r="P30417" t="s">
        <v>86</v>
      </c>
      <c r="Q30417">
        <v>10</v>
      </c>
      <c r="R30417">
        <v>10</v>
      </c>
      <c r="S30417">
        <v>10</v>
      </c>
      <c r="T30417">
        <v>10</v>
      </c>
      <c r="U30417">
        <v>11</v>
      </c>
      <c r="V30417">
        <v>11</v>
      </c>
      <c r="W30417">
        <v>11</v>
      </c>
      <c r="X30417">
        <v>11</v>
      </c>
      <c r="Y30417">
        <v>12</v>
      </c>
      <c r="Z30417">
        <v>12</v>
      </c>
      <c r="AA30417">
        <v>12</v>
      </c>
      <c r="AB30417">
        <v>13</v>
      </c>
      <c r="AC30417">
        <v>13</v>
      </c>
      <c r="AD30417">
        <v>13</v>
      </c>
      <c r="AE30417">
        <v>14</v>
      </c>
      <c r="AF30417">
        <v>14</v>
      </c>
      <c r="AG30417">
        <v>14</v>
      </c>
      <c r="AH30417">
        <v>15</v>
      </c>
      <c r="AI30417">
        <v>15</v>
      </c>
      <c r="AJ30417">
        <v>15</v>
      </c>
      <c r="AK30417">
        <v>16</v>
      </c>
      <c r="AL30417">
        <v>16</v>
      </c>
      <c r="AM30417">
        <v>16</v>
      </c>
      <c r="AN30417">
        <v>16</v>
      </c>
      <c r="AO30417">
        <v>16</v>
      </c>
      <c r="AP30417">
        <v>17</v>
      </c>
      <c r="AQ30417">
        <v>17</v>
      </c>
    </row>
    <row r="30418" spans="1:43">
      <c r="A30418" t="s">
        <v>18841</v>
      </c>
      <c r="B30418" t="s">
        <v>18842</v>
      </c>
      <c r="C30418" t="s">
        <v>18843</v>
      </c>
      <c r="D30418" t="s">
        <v>18844</v>
      </c>
      <c r="E30418" t="s">
        <v>18845</v>
      </c>
      <c r="F30418" t="s">
        <v>18846</v>
      </c>
      <c r="G30418" t="s">
        <v>10734</v>
      </c>
      <c r="H30418" t="s">
        <v>10735</v>
      </c>
      <c r="I30418" s="2">
        <v>0</v>
      </c>
      <c r="J30418" s="2">
        <v>0</v>
      </c>
      <c r="K30418" s="2">
        <v>1</v>
      </c>
      <c r="L30418" t="s">
        <v>995</v>
      </c>
      <c r="M30418" t="s">
        <v>83</v>
      </c>
      <c r="N30418" t="s">
        <v>84</v>
      </c>
      <c r="O30418" t="s">
        <v>85</v>
      </c>
      <c r="P30418" t="s">
        <v>86</v>
      </c>
      <c r="Q30418">
        <v>47</v>
      </c>
      <c r="R30418">
        <v>47</v>
      </c>
      <c r="S30418">
        <v>48</v>
      </c>
      <c r="T30418">
        <v>49</v>
      </c>
      <c r="U30418">
        <v>49</v>
      </c>
      <c r="V30418">
        <v>50</v>
      </c>
      <c r="W30418">
        <v>51</v>
      </c>
      <c r="X30418">
        <v>51</v>
      </c>
      <c r="Y30418">
        <v>52</v>
      </c>
      <c r="Z30418">
        <v>53</v>
      </c>
      <c r="AA30418">
        <v>53</v>
      </c>
      <c r="AB30418">
        <v>54</v>
      </c>
      <c r="AC30418">
        <v>55</v>
      </c>
      <c r="AD30418">
        <v>55</v>
      </c>
      <c r="AE30418">
        <v>56</v>
      </c>
      <c r="AF30418">
        <v>57</v>
      </c>
      <c r="AG30418">
        <v>57</v>
      </c>
      <c r="AH30418">
        <v>58</v>
      </c>
      <c r="AI30418">
        <v>59</v>
      </c>
      <c r="AJ30418">
        <v>59</v>
      </c>
      <c r="AK30418">
        <v>60</v>
      </c>
      <c r="AL30418">
        <v>60</v>
      </c>
      <c r="AM30418">
        <v>61</v>
      </c>
      <c r="AN30418">
        <v>61</v>
      </c>
      <c r="AO30418">
        <v>61</v>
      </c>
      <c r="AP30418">
        <v>61</v>
      </c>
      <c r="AQ30418">
        <v>62</v>
      </c>
    </row>
    <row r="30419" spans="1:43">
      <c r="A30419" t="s">
        <v>18841</v>
      </c>
      <c r="B30419" t="s">
        <v>18842</v>
      </c>
      <c r="C30419" t="s">
        <v>18843</v>
      </c>
      <c r="D30419" t="s">
        <v>18844</v>
      </c>
      <c r="E30419" t="s">
        <v>18845</v>
      </c>
      <c r="F30419" t="s">
        <v>18846</v>
      </c>
      <c r="G30419" t="s">
        <v>10734</v>
      </c>
      <c r="H30419" t="s">
        <v>10735</v>
      </c>
      <c r="I30419" s="2">
        <v>0</v>
      </c>
      <c r="J30419" s="2">
        <v>0</v>
      </c>
      <c r="K30419" s="2">
        <v>1</v>
      </c>
      <c r="L30419" t="s">
        <v>995</v>
      </c>
      <c r="M30419" t="s">
        <v>87</v>
      </c>
      <c r="N30419" t="s">
        <v>88</v>
      </c>
      <c r="O30419" t="s">
        <v>85</v>
      </c>
      <c r="P30419" t="s">
        <v>86</v>
      </c>
      <c r="Q30419">
        <v>47</v>
      </c>
      <c r="R30419">
        <v>47</v>
      </c>
      <c r="S30419">
        <v>48</v>
      </c>
      <c r="T30419">
        <v>48</v>
      </c>
      <c r="U30419">
        <v>48</v>
      </c>
      <c r="V30419">
        <v>48</v>
      </c>
      <c r="W30419">
        <v>49</v>
      </c>
      <c r="X30419">
        <v>49</v>
      </c>
      <c r="Y30419">
        <v>49</v>
      </c>
      <c r="Z30419">
        <v>49</v>
      </c>
      <c r="AA30419">
        <v>50</v>
      </c>
      <c r="AB30419">
        <v>50</v>
      </c>
      <c r="AC30419">
        <v>50</v>
      </c>
      <c r="AD30419">
        <v>50</v>
      </c>
      <c r="AE30419">
        <v>51</v>
      </c>
      <c r="AF30419">
        <v>51</v>
      </c>
      <c r="AG30419">
        <v>51</v>
      </c>
      <c r="AH30419">
        <v>52</v>
      </c>
      <c r="AI30419">
        <v>52</v>
      </c>
      <c r="AJ30419">
        <v>52</v>
      </c>
      <c r="AK30419">
        <v>53</v>
      </c>
      <c r="AL30419">
        <v>53</v>
      </c>
      <c r="AM30419">
        <v>53</v>
      </c>
      <c r="AN30419">
        <v>54</v>
      </c>
      <c r="AO30419">
        <v>54</v>
      </c>
      <c r="AP30419">
        <v>55</v>
      </c>
      <c r="AQ30419">
        <v>55</v>
      </c>
    </row>
    <row r="30420" spans="1:43">
      <c r="A30420" t="s">
        <v>18841</v>
      </c>
      <c r="B30420" t="s">
        <v>18842</v>
      </c>
      <c r="C30420" t="s">
        <v>18843</v>
      </c>
      <c r="D30420" t="s">
        <v>18844</v>
      </c>
      <c r="E30420" t="s">
        <v>18845</v>
      </c>
      <c r="F30420" t="s">
        <v>18846</v>
      </c>
      <c r="G30420" t="s">
        <v>10734</v>
      </c>
      <c r="H30420" t="s">
        <v>10735</v>
      </c>
      <c r="I30420" s="2">
        <v>0</v>
      </c>
      <c r="J30420" s="2">
        <v>0</v>
      </c>
      <c r="K30420" s="2">
        <v>1</v>
      </c>
      <c r="L30420" t="s">
        <v>995</v>
      </c>
      <c r="M30420" t="s">
        <v>89</v>
      </c>
      <c r="N30420" t="s">
        <v>90</v>
      </c>
      <c r="O30420" t="s">
        <v>85</v>
      </c>
      <c r="P30420" t="s">
        <v>86</v>
      </c>
      <c r="Q30420">
        <v>47</v>
      </c>
      <c r="R30420">
        <v>48</v>
      </c>
      <c r="S30420">
        <v>49</v>
      </c>
      <c r="T30420">
        <v>50</v>
      </c>
      <c r="U30420">
        <v>51</v>
      </c>
      <c r="V30420">
        <v>52</v>
      </c>
      <c r="W30420">
        <v>53</v>
      </c>
      <c r="X30420">
        <v>54</v>
      </c>
      <c r="Y30420">
        <v>55</v>
      </c>
      <c r="Z30420">
        <v>56</v>
      </c>
      <c r="AA30420">
        <v>57</v>
      </c>
      <c r="AB30420">
        <v>57</v>
      </c>
      <c r="AC30420">
        <v>58</v>
      </c>
      <c r="AD30420">
        <v>59</v>
      </c>
      <c r="AE30420">
        <v>60</v>
      </c>
      <c r="AF30420">
        <v>60</v>
      </c>
      <c r="AG30420">
        <v>60</v>
      </c>
      <c r="AH30420">
        <v>60</v>
      </c>
      <c r="AI30420">
        <v>60</v>
      </c>
      <c r="AJ30420">
        <v>61</v>
      </c>
      <c r="AK30420">
        <v>61</v>
      </c>
      <c r="AL30420">
        <v>61</v>
      </c>
      <c r="AM30420">
        <v>61</v>
      </c>
      <c r="AN30420">
        <v>62</v>
      </c>
      <c r="AO30420">
        <v>62</v>
      </c>
      <c r="AP30420">
        <v>62</v>
      </c>
      <c r="AQ30420">
        <v>62</v>
      </c>
    </row>
    <row r="30421" spans="1:43">
      <c r="A30421" t="s">
        <v>18841</v>
      </c>
      <c r="B30421" t="s">
        <v>18842</v>
      </c>
      <c r="C30421" t="s">
        <v>18843</v>
      </c>
      <c r="D30421" t="s">
        <v>18844</v>
      </c>
      <c r="E30421" t="s">
        <v>18845</v>
      </c>
      <c r="F30421" t="s">
        <v>18846</v>
      </c>
      <c r="G30421" t="s">
        <v>10734</v>
      </c>
      <c r="H30421" t="s">
        <v>10735</v>
      </c>
      <c r="I30421" s="2">
        <v>0</v>
      </c>
      <c r="J30421" s="2">
        <v>0</v>
      </c>
      <c r="K30421" s="2">
        <v>1</v>
      </c>
      <c r="L30421" t="s">
        <v>995</v>
      </c>
      <c r="M30421" t="s">
        <v>83</v>
      </c>
      <c r="N30421" t="s">
        <v>91</v>
      </c>
      <c r="O30421" t="s">
        <v>85</v>
      </c>
      <c r="P30421" t="s">
        <v>86</v>
      </c>
      <c r="Q30421">
        <v>47</v>
      </c>
      <c r="R30421">
        <v>47</v>
      </c>
      <c r="S30421">
        <v>48</v>
      </c>
      <c r="T30421">
        <v>49</v>
      </c>
      <c r="U30421">
        <v>49</v>
      </c>
      <c r="V30421">
        <v>50</v>
      </c>
      <c r="W30421">
        <v>51</v>
      </c>
      <c r="X30421">
        <v>51</v>
      </c>
      <c r="Y30421">
        <v>52</v>
      </c>
      <c r="Z30421">
        <v>53</v>
      </c>
      <c r="AA30421">
        <v>53</v>
      </c>
      <c r="AB30421">
        <v>54</v>
      </c>
      <c r="AC30421">
        <v>55</v>
      </c>
      <c r="AD30421">
        <v>55</v>
      </c>
      <c r="AE30421">
        <v>56</v>
      </c>
      <c r="AF30421">
        <v>57</v>
      </c>
      <c r="AG30421">
        <v>57</v>
      </c>
      <c r="AH30421">
        <v>58</v>
      </c>
      <c r="AI30421">
        <v>59</v>
      </c>
      <c r="AJ30421">
        <v>59</v>
      </c>
      <c r="AK30421">
        <v>60</v>
      </c>
      <c r="AL30421">
        <v>60</v>
      </c>
      <c r="AM30421">
        <v>61</v>
      </c>
      <c r="AN30421">
        <v>61</v>
      </c>
      <c r="AO30421">
        <v>61</v>
      </c>
      <c r="AP30421">
        <v>61</v>
      </c>
      <c r="AQ30421">
        <v>62</v>
      </c>
    </row>
    <row r="30422" spans="1:43">
      <c r="A30422" t="s">
        <v>18847</v>
      </c>
      <c r="B30422" t="s">
        <v>18848</v>
      </c>
      <c r="C30422" t="s">
        <v>18849</v>
      </c>
      <c r="D30422" t="s">
        <v>18850</v>
      </c>
      <c r="E30422" t="s">
        <v>18845</v>
      </c>
      <c r="F30422" t="s">
        <v>18846</v>
      </c>
      <c r="G30422" t="s">
        <v>10734</v>
      </c>
      <c r="H30422" t="s">
        <v>10735</v>
      </c>
      <c r="I30422" s="2">
        <v>0</v>
      </c>
      <c r="J30422" s="2">
        <v>0</v>
      </c>
      <c r="K30422" s="2">
        <v>1</v>
      </c>
      <c r="L30422" t="s">
        <v>995</v>
      </c>
      <c r="M30422" t="s">
        <v>83</v>
      </c>
      <c r="N30422" t="s">
        <v>84</v>
      </c>
      <c r="O30422" t="s">
        <v>85</v>
      </c>
      <c r="P30422" t="s">
        <v>86</v>
      </c>
      <c r="Q30422">
        <v>43</v>
      </c>
      <c r="R30422">
        <v>43</v>
      </c>
      <c r="S30422">
        <v>44</v>
      </c>
      <c r="T30422">
        <v>45</v>
      </c>
      <c r="U30422">
        <v>45</v>
      </c>
      <c r="V30422">
        <v>46</v>
      </c>
      <c r="W30422">
        <v>46</v>
      </c>
      <c r="X30422">
        <v>47</v>
      </c>
      <c r="Y30422">
        <v>48</v>
      </c>
      <c r="Z30422">
        <v>48</v>
      </c>
      <c r="AA30422">
        <v>49</v>
      </c>
      <c r="AB30422">
        <v>49</v>
      </c>
      <c r="AC30422">
        <v>50</v>
      </c>
      <c r="AD30422">
        <v>51</v>
      </c>
      <c r="AE30422">
        <v>51</v>
      </c>
      <c r="AF30422">
        <v>52</v>
      </c>
      <c r="AG30422">
        <v>52</v>
      </c>
      <c r="AH30422">
        <v>53</v>
      </c>
      <c r="AI30422">
        <v>54</v>
      </c>
      <c r="AJ30422">
        <v>54</v>
      </c>
      <c r="AK30422">
        <v>55</v>
      </c>
      <c r="AL30422">
        <v>55</v>
      </c>
      <c r="AM30422">
        <v>56</v>
      </c>
      <c r="AN30422">
        <v>56</v>
      </c>
      <c r="AO30422">
        <v>56</v>
      </c>
      <c r="AP30422">
        <v>56</v>
      </c>
      <c r="AQ30422">
        <v>56</v>
      </c>
    </row>
    <row r="30423" spans="1:43">
      <c r="A30423" t="s">
        <v>18847</v>
      </c>
      <c r="B30423" t="s">
        <v>18848</v>
      </c>
      <c r="C30423" t="s">
        <v>18849</v>
      </c>
      <c r="D30423" t="s">
        <v>18850</v>
      </c>
      <c r="E30423" t="s">
        <v>18845</v>
      </c>
      <c r="F30423" t="s">
        <v>18846</v>
      </c>
      <c r="G30423" t="s">
        <v>10734</v>
      </c>
      <c r="H30423" t="s">
        <v>10735</v>
      </c>
      <c r="I30423" s="2">
        <v>0</v>
      </c>
      <c r="J30423" s="2">
        <v>0</v>
      </c>
      <c r="K30423" s="2">
        <v>1</v>
      </c>
      <c r="L30423" t="s">
        <v>995</v>
      </c>
      <c r="M30423" t="s">
        <v>87</v>
      </c>
      <c r="N30423" t="s">
        <v>88</v>
      </c>
      <c r="O30423" t="s">
        <v>85</v>
      </c>
      <c r="P30423" t="s">
        <v>86</v>
      </c>
      <c r="Q30423">
        <v>43</v>
      </c>
      <c r="R30423">
        <v>43</v>
      </c>
      <c r="S30423">
        <v>44</v>
      </c>
      <c r="T30423">
        <v>44</v>
      </c>
      <c r="U30423">
        <v>44</v>
      </c>
      <c r="V30423">
        <v>44</v>
      </c>
      <c r="W30423">
        <v>45</v>
      </c>
      <c r="X30423">
        <v>45</v>
      </c>
      <c r="Y30423">
        <v>45</v>
      </c>
      <c r="Z30423">
        <v>45</v>
      </c>
      <c r="AA30423">
        <v>45</v>
      </c>
      <c r="AB30423">
        <v>46</v>
      </c>
      <c r="AC30423">
        <v>46</v>
      </c>
      <c r="AD30423">
        <v>46</v>
      </c>
      <c r="AE30423">
        <v>46</v>
      </c>
      <c r="AF30423">
        <v>47</v>
      </c>
      <c r="AG30423">
        <v>47</v>
      </c>
      <c r="AH30423">
        <v>47</v>
      </c>
      <c r="AI30423">
        <v>48</v>
      </c>
      <c r="AJ30423">
        <v>48</v>
      </c>
      <c r="AK30423">
        <v>48</v>
      </c>
      <c r="AL30423">
        <v>49</v>
      </c>
      <c r="AM30423">
        <v>49</v>
      </c>
      <c r="AN30423">
        <v>49</v>
      </c>
      <c r="AO30423">
        <v>50</v>
      </c>
      <c r="AP30423">
        <v>50</v>
      </c>
      <c r="AQ30423">
        <v>50</v>
      </c>
    </row>
    <row r="30424" spans="1:43">
      <c r="A30424" t="s">
        <v>18847</v>
      </c>
      <c r="B30424" t="s">
        <v>18848</v>
      </c>
      <c r="C30424" t="s">
        <v>18849</v>
      </c>
      <c r="D30424" t="s">
        <v>18850</v>
      </c>
      <c r="E30424" t="s">
        <v>18845</v>
      </c>
      <c r="F30424" t="s">
        <v>18846</v>
      </c>
      <c r="G30424" t="s">
        <v>10734</v>
      </c>
      <c r="H30424" t="s">
        <v>10735</v>
      </c>
      <c r="I30424" s="2">
        <v>0</v>
      </c>
      <c r="J30424" s="2">
        <v>0</v>
      </c>
      <c r="K30424" s="2">
        <v>1</v>
      </c>
      <c r="L30424" t="s">
        <v>995</v>
      </c>
      <c r="M30424" t="s">
        <v>89</v>
      </c>
      <c r="N30424" t="s">
        <v>90</v>
      </c>
      <c r="O30424" t="s">
        <v>85</v>
      </c>
      <c r="P30424" t="s">
        <v>86</v>
      </c>
      <c r="Q30424">
        <v>43</v>
      </c>
      <c r="R30424">
        <v>44</v>
      </c>
      <c r="S30424">
        <v>45</v>
      </c>
      <c r="T30424">
        <v>46</v>
      </c>
      <c r="U30424">
        <v>47</v>
      </c>
      <c r="V30424">
        <v>48</v>
      </c>
      <c r="W30424">
        <v>49</v>
      </c>
      <c r="X30424">
        <v>49</v>
      </c>
      <c r="Y30424">
        <v>50</v>
      </c>
      <c r="Z30424">
        <v>51</v>
      </c>
      <c r="AA30424">
        <v>52</v>
      </c>
      <c r="AB30424">
        <v>52</v>
      </c>
      <c r="AC30424">
        <v>53</v>
      </c>
      <c r="AD30424">
        <v>54</v>
      </c>
      <c r="AE30424">
        <v>55</v>
      </c>
      <c r="AF30424">
        <v>55</v>
      </c>
      <c r="AG30424">
        <v>55</v>
      </c>
      <c r="AH30424">
        <v>55</v>
      </c>
      <c r="AI30424">
        <v>55</v>
      </c>
      <c r="AJ30424">
        <v>56</v>
      </c>
      <c r="AK30424">
        <v>56</v>
      </c>
      <c r="AL30424">
        <v>56</v>
      </c>
      <c r="AM30424">
        <v>56</v>
      </c>
      <c r="AN30424">
        <v>56</v>
      </c>
      <c r="AO30424">
        <v>57</v>
      </c>
      <c r="AP30424">
        <v>57</v>
      </c>
      <c r="AQ30424">
        <v>57</v>
      </c>
    </row>
    <row r="30425" spans="1:43">
      <c r="A30425" t="s">
        <v>18847</v>
      </c>
      <c r="B30425" t="s">
        <v>18848</v>
      </c>
      <c r="C30425" t="s">
        <v>18849</v>
      </c>
      <c r="D30425" t="s">
        <v>18850</v>
      </c>
      <c r="E30425" t="s">
        <v>18845</v>
      </c>
      <c r="F30425" t="s">
        <v>18846</v>
      </c>
      <c r="G30425" t="s">
        <v>10734</v>
      </c>
      <c r="H30425" t="s">
        <v>10735</v>
      </c>
      <c r="I30425" s="2">
        <v>0</v>
      </c>
      <c r="J30425" s="2">
        <v>0</v>
      </c>
      <c r="K30425" s="2">
        <v>1</v>
      </c>
      <c r="L30425" t="s">
        <v>995</v>
      </c>
      <c r="M30425" t="s">
        <v>83</v>
      </c>
      <c r="N30425" t="s">
        <v>91</v>
      </c>
      <c r="O30425" t="s">
        <v>85</v>
      </c>
      <c r="P30425" t="s">
        <v>86</v>
      </c>
      <c r="Q30425">
        <v>43</v>
      </c>
      <c r="R30425">
        <v>43</v>
      </c>
      <c r="S30425">
        <v>44</v>
      </c>
      <c r="T30425">
        <v>45</v>
      </c>
      <c r="U30425">
        <v>45</v>
      </c>
      <c r="V30425">
        <v>46</v>
      </c>
      <c r="W30425">
        <v>46</v>
      </c>
      <c r="X30425">
        <v>47</v>
      </c>
      <c r="Y30425">
        <v>48</v>
      </c>
      <c r="Z30425">
        <v>48</v>
      </c>
      <c r="AA30425">
        <v>49</v>
      </c>
      <c r="AB30425">
        <v>49</v>
      </c>
      <c r="AC30425">
        <v>50</v>
      </c>
      <c r="AD30425">
        <v>51</v>
      </c>
      <c r="AE30425">
        <v>51</v>
      </c>
      <c r="AF30425">
        <v>52</v>
      </c>
      <c r="AG30425">
        <v>52</v>
      </c>
      <c r="AH30425">
        <v>53</v>
      </c>
      <c r="AI30425">
        <v>54</v>
      </c>
      <c r="AJ30425">
        <v>54</v>
      </c>
      <c r="AK30425">
        <v>55</v>
      </c>
      <c r="AL30425">
        <v>55</v>
      </c>
      <c r="AM30425">
        <v>56</v>
      </c>
      <c r="AN30425">
        <v>56</v>
      </c>
      <c r="AO30425">
        <v>56</v>
      </c>
      <c r="AP30425">
        <v>56</v>
      </c>
      <c r="AQ30425">
        <v>56</v>
      </c>
    </row>
    <row r="30426" spans="1:43">
      <c r="A30426" t="s">
        <v>18851</v>
      </c>
      <c r="B30426" t="s">
        <v>18852</v>
      </c>
      <c r="C30426" t="s">
        <v>18853</v>
      </c>
      <c r="D30426" t="s">
        <v>18854</v>
      </c>
      <c r="E30426" t="s">
        <v>18845</v>
      </c>
      <c r="F30426" t="s">
        <v>18846</v>
      </c>
      <c r="G30426" t="s">
        <v>10734</v>
      </c>
      <c r="H30426" t="s">
        <v>10735</v>
      </c>
      <c r="I30426" s="2">
        <v>0</v>
      </c>
      <c r="J30426" s="2">
        <v>0</v>
      </c>
      <c r="K30426" s="2">
        <v>1</v>
      </c>
      <c r="L30426" t="s">
        <v>995</v>
      </c>
      <c r="M30426" t="s">
        <v>83</v>
      </c>
      <c r="N30426" t="s">
        <v>84</v>
      </c>
      <c r="O30426" t="s">
        <v>85</v>
      </c>
      <c r="P30426" t="s">
        <v>86</v>
      </c>
      <c r="Q30426">
        <v>22</v>
      </c>
      <c r="R30426">
        <v>22</v>
      </c>
      <c r="S30426">
        <v>22</v>
      </c>
      <c r="T30426">
        <v>22</v>
      </c>
      <c r="U30426">
        <v>23</v>
      </c>
      <c r="V30426">
        <v>23</v>
      </c>
      <c r="W30426">
        <v>23</v>
      </c>
      <c r="X30426">
        <v>24</v>
      </c>
      <c r="Y30426">
        <v>24</v>
      </c>
      <c r="Z30426">
        <v>24</v>
      </c>
      <c r="AA30426">
        <v>24</v>
      </c>
      <c r="AB30426">
        <v>25</v>
      </c>
      <c r="AC30426">
        <v>25</v>
      </c>
      <c r="AD30426">
        <v>25</v>
      </c>
      <c r="AE30426">
        <v>26</v>
      </c>
      <c r="AF30426">
        <v>26</v>
      </c>
      <c r="AG30426">
        <v>26</v>
      </c>
      <c r="AH30426">
        <v>27</v>
      </c>
      <c r="AI30426">
        <v>27</v>
      </c>
      <c r="AJ30426">
        <v>27</v>
      </c>
      <c r="AK30426">
        <v>27</v>
      </c>
      <c r="AL30426">
        <v>28</v>
      </c>
      <c r="AM30426">
        <v>28</v>
      </c>
      <c r="AN30426">
        <v>28</v>
      </c>
      <c r="AO30426">
        <v>28</v>
      </c>
      <c r="AP30426">
        <v>28</v>
      </c>
      <c r="AQ30426">
        <v>28</v>
      </c>
    </row>
    <row r="30427" spans="1:43">
      <c r="A30427" t="s">
        <v>18851</v>
      </c>
      <c r="B30427" t="s">
        <v>18852</v>
      </c>
      <c r="C30427" t="s">
        <v>18853</v>
      </c>
      <c r="D30427" t="s">
        <v>18854</v>
      </c>
      <c r="E30427" t="s">
        <v>18845</v>
      </c>
      <c r="F30427" t="s">
        <v>18846</v>
      </c>
      <c r="G30427" t="s">
        <v>10734</v>
      </c>
      <c r="H30427" t="s">
        <v>10735</v>
      </c>
      <c r="I30427" s="2">
        <v>0</v>
      </c>
      <c r="J30427" s="2">
        <v>0</v>
      </c>
      <c r="K30427" s="2">
        <v>1</v>
      </c>
      <c r="L30427" t="s">
        <v>995</v>
      </c>
      <c r="M30427" t="s">
        <v>87</v>
      </c>
      <c r="N30427" t="s">
        <v>88</v>
      </c>
      <c r="O30427" t="s">
        <v>85</v>
      </c>
      <c r="P30427" t="s">
        <v>86</v>
      </c>
      <c r="Q30427">
        <v>22</v>
      </c>
      <c r="R30427">
        <v>22</v>
      </c>
      <c r="S30427">
        <v>23</v>
      </c>
      <c r="T30427">
        <v>23</v>
      </c>
      <c r="U30427">
        <v>23</v>
      </c>
      <c r="V30427">
        <v>23</v>
      </c>
      <c r="W30427">
        <v>23</v>
      </c>
      <c r="X30427">
        <v>23</v>
      </c>
      <c r="Y30427">
        <v>23</v>
      </c>
      <c r="Z30427">
        <v>23</v>
      </c>
      <c r="AA30427">
        <v>23</v>
      </c>
      <c r="AB30427">
        <v>23</v>
      </c>
      <c r="AC30427">
        <v>24</v>
      </c>
      <c r="AD30427">
        <v>24</v>
      </c>
      <c r="AE30427">
        <v>24</v>
      </c>
      <c r="AF30427">
        <v>24</v>
      </c>
      <c r="AG30427">
        <v>24</v>
      </c>
      <c r="AH30427">
        <v>24</v>
      </c>
      <c r="AI30427">
        <v>24</v>
      </c>
      <c r="AJ30427">
        <v>24</v>
      </c>
      <c r="AK30427">
        <v>25</v>
      </c>
      <c r="AL30427">
        <v>25</v>
      </c>
      <c r="AM30427">
        <v>25</v>
      </c>
      <c r="AN30427">
        <v>25</v>
      </c>
      <c r="AO30427">
        <v>25</v>
      </c>
      <c r="AP30427">
        <v>25</v>
      </c>
      <c r="AQ30427">
        <v>26</v>
      </c>
    </row>
    <row r="30428" spans="1:43">
      <c r="A30428" t="s">
        <v>18851</v>
      </c>
      <c r="B30428" t="s">
        <v>18852</v>
      </c>
      <c r="C30428" t="s">
        <v>18853</v>
      </c>
      <c r="D30428" t="s">
        <v>18854</v>
      </c>
      <c r="E30428" t="s">
        <v>18845</v>
      </c>
      <c r="F30428" t="s">
        <v>18846</v>
      </c>
      <c r="G30428" t="s">
        <v>10734</v>
      </c>
      <c r="H30428" t="s">
        <v>10735</v>
      </c>
      <c r="I30428" s="2">
        <v>0</v>
      </c>
      <c r="J30428" s="2">
        <v>0</v>
      </c>
      <c r="K30428" s="2">
        <v>1</v>
      </c>
      <c r="L30428" t="s">
        <v>995</v>
      </c>
      <c r="M30428" t="s">
        <v>89</v>
      </c>
      <c r="N30428" t="s">
        <v>90</v>
      </c>
      <c r="O30428" t="s">
        <v>85</v>
      </c>
      <c r="P30428" t="s">
        <v>86</v>
      </c>
      <c r="Q30428">
        <v>22</v>
      </c>
      <c r="R30428">
        <v>22</v>
      </c>
      <c r="S30428">
        <v>23</v>
      </c>
      <c r="T30428">
        <v>23</v>
      </c>
      <c r="U30428">
        <v>24</v>
      </c>
      <c r="V30428">
        <v>24</v>
      </c>
      <c r="W30428">
        <v>25</v>
      </c>
      <c r="X30428">
        <v>25</v>
      </c>
      <c r="Y30428">
        <v>25</v>
      </c>
      <c r="Z30428">
        <v>26</v>
      </c>
      <c r="AA30428">
        <v>26</v>
      </c>
      <c r="AB30428">
        <v>26</v>
      </c>
      <c r="AC30428">
        <v>27</v>
      </c>
      <c r="AD30428">
        <v>27</v>
      </c>
      <c r="AE30428">
        <v>27</v>
      </c>
      <c r="AF30428">
        <v>27</v>
      </c>
      <c r="AG30428">
        <v>28</v>
      </c>
      <c r="AH30428">
        <v>28</v>
      </c>
      <c r="AI30428">
        <v>28</v>
      </c>
      <c r="AJ30428">
        <v>28</v>
      </c>
      <c r="AK30428">
        <v>28</v>
      </c>
      <c r="AL30428">
        <v>28</v>
      </c>
      <c r="AM30428">
        <v>28</v>
      </c>
      <c r="AN30428">
        <v>28</v>
      </c>
      <c r="AO30428">
        <v>28</v>
      </c>
      <c r="AP30428">
        <v>28</v>
      </c>
      <c r="AQ30428">
        <v>28</v>
      </c>
    </row>
    <row r="30429" spans="1:43">
      <c r="A30429" t="s">
        <v>18851</v>
      </c>
      <c r="B30429" t="s">
        <v>18852</v>
      </c>
      <c r="C30429" t="s">
        <v>18853</v>
      </c>
      <c r="D30429" t="s">
        <v>18854</v>
      </c>
      <c r="E30429" t="s">
        <v>18845</v>
      </c>
      <c r="F30429" t="s">
        <v>18846</v>
      </c>
      <c r="G30429" t="s">
        <v>10734</v>
      </c>
      <c r="H30429" t="s">
        <v>10735</v>
      </c>
      <c r="I30429" s="2">
        <v>0</v>
      </c>
      <c r="J30429" s="2">
        <v>0</v>
      </c>
      <c r="K30429" s="2">
        <v>1</v>
      </c>
      <c r="L30429" t="s">
        <v>995</v>
      </c>
      <c r="M30429" t="s">
        <v>83</v>
      </c>
      <c r="N30429" t="s">
        <v>91</v>
      </c>
      <c r="O30429" t="s">
        <v>85</v>
      </c>
      <c r="P30429" t="s">
        <v>86</v>
      </c>
      <c r="Q30429">
        <v>22</v>
      </c>
      <c r="R30429">
        <v>22</v>
      </c>
      <c r="S30429">
        <v>22</v>
      </c>
      <c r="T30429">
        <v>22</v>
      </c>
      <c r="U30429">
        <v>23</v>
      </c>
      <c r="V30429">
        <v>23</v>
      </c>
      <c r="W30429">
        <v>23</v>
      </c>
      <c r="X30429">
        <v>24</v>
      </c>
      <c r="Y30429">
        <v>24</v>
      </c>
      <c r="Z30429">
        <v>24</v>
      </c>
      <c r="AA30429">
        <v>24</v>
      </c>
      <c r="AB30429">
        <v>25</v>
      </c>
      <c r="AC30429">
        <v>25</v>
      </c>
      <c r="AD30429">
        <v>25</v>
      </c>
      <c r="AE30429">
        <v>26</v>
      </c>
      <c r="AF30429">
        <v>26</v>
      </c>
      <c r="AG30429">
        <v>26</v>
      </c>
      <c r="AH30429">
        <v>27</v>
      </c>
      <c r="AI30429">
        <v>27</v>
      </c>
      <c r="AJ30429">
        <v>27</v>
      </c>
      <c r="AK30429">
        <v>27</v>
      </c>
      <c r="AL30429">
        <v>28</v>
      </c>
      <c r="AM30429">
        <v>28</v>
      </c>
      <c r="AN30429">
        <v>28</v>
      </c>
      <c r="AO30429">
        <v>28</v>
      </c>
      <c r="AP30429">
        <v>28</v>
      </c>
      <c r="AQ30429">
        <v>28</v>
      </c>
    </row>
    <row r="30430" spans="1:43">
      <c r="A30430" t="s">
        <v>18855</v>
      </c>
      <c r="B30430" t="s">
        <v>18856</v>
      </c>
      <c r="C30430" t="s">
        <v>18853</v>
      </c>
      <c r="D30430" t="s">
        <v>18854</v>
      </c>
      <c r="E30430" t="s">
        <v>18845</v>
      </c>
      <c r="F30430" t="s">
        <v>18846</v>
      </c>
      <c r="G30430" t="s">
        <v>10734</v>
      </c>
      <c r="H30430" t="s">
        <v>10735</v>
      </c>
      <c r="I30430" s="2">
        <v>0</v>
      </c>
      <c r="J30430" s="2">
        <v>0</v>
      </c>
      <c r="K30430" s="2">
        <v>1</v>
      </c>
      <c r="L30430" t="s">
        <v>995</v>
      </c>
      <c r="M30430" t="s">
        <v>83</v>
      </c>
      <c r="N30430" t="s">
        <v>84</v>
      </c>
      <c r="O30430" t="s">
        <v>85</v>
      </c>
      <c r="P30430" t="s">
        <v>86</v>
      </c>
      <c r="Q30430">
        <v>59</v>
      </c>
      <c r="R30430">
        <v>60</v>
      </c>
      <c r="S30430">
        <v>61</v>
      </c>
      <c r="T30430">
        <v>62</v>
      </c>
      <c r="U30430">
        <v>63</v>
      </c>
      <c r="V30430">
        <v>64</v>
      </c>
      <c r="W30430">
        <v>65</v>
      </c>
      <c r="X30430">
        <v>65</v>
      </c>
      <c r="Y30430">
        <v>66</v>
      </c>
      <c r="Z30430">
        <v>67</v>
      </c>
      <c r="AA30430">
        <v>68</v>
      </c>
      <c r="AB30430">
        <v>69</v>
      </c>
      <c r="AC30430">
        <v>70</v>
      </c>
      <c r="AD30430">
        <v>71</v>
      </c>
      <c r="AE30430">
        <v>71</v>
      </c>
      <c r="AF30430">
        <v>72</v>
      </c>
      <c r="AG30430">
        <v>73</v>
      </c>
      <c r="AH30430">
        <v>74</v>
      </c>
      <c r="AI30430">
        <v>75</v>
      </c>
      <c r="AJ30430">
        <v>76</v>
      </c>
      <c r="AK30430">
        <v>77</v>
      </c>
      <c r="AL30430">
        <v>77</v>
      </c>
      <c r="AM30430">
        <v>77</v>
      </c>
      <c r="AN30430">
        <v>78</v>
      </c>
      <c r="AO30430">
        <v>78</v>
      </c>
      <c r="AP30430">
        <v>78</v>
      </c>
      <c r="AQ30430">
        <v>79</v>
      </c>
    </row>
    <row r="30431" spans="1:43">
      <c r="A30431" t="s">
        <v>18855</v>
      </c>
      <c r="B30431" t="s">
        <v>18856</v>
      </c>
      <c r="C30431" t="s">
        <v>18853</v>
      </c>
      <c r="D30431" t="s">
        <v>18854</v>
      </c>
      <c r="E30431" t="s">
        <v>18845</v>
      </c>
      <c r="F30431" t="s">
        <v>18846</v>
      </c>
      <c r="G30431" t="s">
        <v>10734</v>
      </c>
      <c r="H30431" t="s">
        <v>10735</v>
      </c>
      <c r="I30431" s="2">
        <v>0</v>
      </c>
      <c r="J30431" s="2">
        <v>0</v>
      </c>
      <c r="K30431" s="2">
        <v>1</v>
      </c>
      <c r="L30431" t="s">
        <v>995</v>
      </c>
      <c r="M30431" t="s">
        <v>87</v>
      </c>
      <c r="N30431" t="s">
        <v>88</v>
      </c>
      <c r="O30431" t="s">
        <v>85</v>
      </c>
      <c r="P30431" t="s">
        <v>86</v>
      </c>
      <c r="Q30431">
        <v>59</v>
      </c>
      <c r="R30431">
        <v>59</v>
      </c>
      <c r="S30431">
        <v>60</v>
      </c>
      <c r="T30431">
        <v>60</v>
      </c>
      <c r="U30431">
        <v>60</v>
      </c>
      <c r="V30431">
        <v>60</v>
      </c>
      <c r="W30431">
        <v>61</v>
      </c>
      <c r="X30431">
        <v>61</v>
      </c>
      <c r="Y30431">
        <v>61</v>
      </c>
      <c r="Z30431">
        <v>62</v>
      </c>
      <c r="AA30431">
        <v>62</v>
      </c>
      <c r="AB30431">
        <v>62</v>
      </c>
      <c r="AC30431">
        <v>63</v>
      </c>
      <c r="AD30431">
        <v>63</v>
      </c>
      <c r="AE30431">
        <v>63</v>
      </c>
      <c r="AF30431">
        <v>64</v>
      </c>
      <c r="AG30431">
        <v>64</v>
      </c>
      <c r="AH30431">
        <v>65</v>
      </c>
      <c r="AI30431">
        <v>65</v>
      </c>
      <c r="AJ30431">
        <v>66</v>
      </c>
      <c r="AK30431">
        <v>66</v>
      </c>
      <c r="AL30431">
        <v>66</v>
      </c>
      <c r="AM30431">
        <v>67</v>
      </c>
      <c r="AN30431">
        <v>67</v>
      </c>
      <c r="AO30431">
        <v>68</v>
      </c>
      <c r="AP30431">
        <v>68</v>
      </c>
      <c r="AQ30431">
        <v>69</v>
      </c>
    </row>
    <row r="30432" spans="1:43">
      <c r="A30432" t="s">
        <v>18855</v>
      </c>
      <c r="B30432" t="s">
        <v>18856</v>
      </c>
      <c r="C30432" t="s">
        <v>18853</v>
      </c>
      <c r="D30432" t="s">
        <v>18854</v>
      </c>
      <c r="E30432" t="s">
        <v>18845</v>
      </c>
      <c r="F30432" t="s">
        <v>18846</v>
      </c>
      <c r="G30432" t="s">
        <v>10734</v>
      </c>
      <c r="H30432" t="s">
        <v>10735</v>
      </c>
      <c r="I30432" s="2">
        <v>0</v>
      </c>
      <c r="J30432" s="2">
        <v>0</v>
      </c>
      <c r="K30432" s="2">
        <v>1</v>
      </c>
      <c r="L30432" t="s">
        <v>995</v>
      </c>
      <c r="M30432" t="s">
        <v>89</v>
      </c>
      <c r="N30432" t="s">
        <v>90</v>
      </c>
      <c r="O30432" t="s">
        <v>85</v>
      </c>
      <c r="P30432" t="s">
        <v>86</v>
      </c>
      <c r="Q30432">
        <v>59</v>
      </c>
      <c r="R30432">
        <v>60</v>
      </c>
      <c r="S30432">
        <v>62</v>
      </c>
      <c r="T30432">
        <v>63</v>
      </c>
      <c r="U30432">
        <v>64</v>
      </c>
      <c r="V30432">
        <v>66</v>
      </c>
      <c r="W30432">
        <v>67</v>
      </c>
      <c r="X30432">
        <v>68</v>
      </c>
      <c r="Y30432">
        <v>69</v>
      </c>
      <c r="Z30432">
        <v>70</v>
      </c>
      <c r="AA30432">
        <v>71</v>
      </c>
      <c r="AB30432">
        <v>72</v>
      </c>
      <c r="AC30432">
        <v>73</v>
      </c>
      <c r="AD30432">
        <v>74</v>
      </c>
      <c r="AE30432">
        <v>75</v>
      </c>
      <c r="AF30432">
        <v>75</v>
      </c>
      <c r="AG30432">
        <v>76</v>
      </c>
      <c r="AH30432">
        <v>76</v>
      </c>
      <c r="AI30432">
        <v>76</v>
      </c>
      <c r="AJ30432">
        <v>76</v>
      </c>
      <c r="AK30432">
        <v>77</v>
      </c>
      <c r="AL30432">
        <v>77</v>
      </c>
      <c r="AM30432">
        <v>77</v>
      </c>
      <c r="AN30432">
        <v>77</v>
      </c>
      <c r="AO30432">
        <v>78</v>
      </c>
      <c r="AP30432">
        <v>78</v>
      </c>
      <c r="AQ30432">
        <v>78</v>
      </c>
    </row>
    <row r="30433" spans="1:43">
      <c r="A30433" t="s">
        <v>18855</v>
      </c>
      <c r="B30433" t="s">
        <v>18856</v>
      </c>
      <c r="C30433" t="s">
        <v>18853</v>
      </c>
      <c r="D30433" t="s">
        <v>18854</v>
      </c>
      <c r="E30433" t="s">
        <v>18845</v>
      </c>
      <c r="F30433" t="s">
        <v>18846</v>
      </c>
      <c r="G30433" t="s">
        <v>10734</v>
      </c>
      <c r="H30433" t="s">
        <v>10735</v>
      </c>
      <c r="I30433" s="2">
        <v>0</v>
      </c>
      <c r="J30433" s="2">
        <v>0</v>
      </c>
      <c r="K30433" s="2">
        <v>1</v>
      </c>
      <c r="L30433" t="s">
        <v>995</v>
      </c>
      <c r="M30433" t="s">
        <v>83</v>
      </c>
      <c r="N30433" t="s">
        <v>91</v>
      </c>
      <c r="O30433" t="s">
        <v>85</v>
      </c>
      <c r="P30433" t="s">
        <v>86</v>
      </c>
      <c r="Q30433">
        <v>59</v>
      </c>
      <c r="R30433">
        <v>60</v>
      </c>
      <c r="S30433">
        <v>61</v>
      </c>
      <c r="T30433">
        <v>62</v>
      </c>
      <c r="U30433">
        <v>63</v>
      </c>
      <c r="V30433">
        <v>64</v>
      </c>
      <c r="W30433">
        <v>65</v>
      </c>
      <c r="X30433">
        <v>65</v>
      </c>
      <c r="Y30433">
        <v>66</v>
      </c>
      <c r="Z30433">
        <v>67</v>
      </c>
      <c r="AA30433">
        <v>68</v>
      </c>
      <c r="AB30433">
        <v>69</v>
      </c>
      <c r="AC30433">
        <v>70</v>
      </c>
      <c r="AD30433">
        <v>71</v>
      </c>
      <c r="AE30433">
        <v>71</v>
      </c>
      <c r="AF30433">
        <v>72</v>
      </c>
      <c r="AG30433">
        <v>73</v>
      </c>
      <c r="AH30433">
        <v>74</v>
      </c>
      <c r="AI30433">
        <v>75</v>
      </c>
      <c r="AJ30433">
        <v>76</v>
      </c>
      <c r="AK30433">
        <v>77</v>
      </c>
      <c r="AL30433">
        <v>77</v>
      </c>
      <c r="AM30433">
        <v>77</v>
      </c>
      <c r="AN30433">
        <v>78</v>
      </c>
      <c r="AO30433">
        <v>78</v>
      </c>
      <c r="AP30433">
        <v>78</v>
      </c>
      <c r="AQ30433">
        <v>79</v>
      </c>
    </row>
    <row r="30434" spans="1:43">
      <c r="A30434" t="s">
        <v>18857</v>
      </c>
      <c r="B30434" t="s">
        <v>18858</v>
      </c>
      <c r="C30434" t="s">
        <v>18849</v>
      </c>
      <c r="D30434" t="s">
        <v>18850</v>
      </c>
      <c r="E30434" t="s">
        <v>18845</v>
      </c>
      <c r="F30434" t="s">
        <v>18846</v>
      </c>
      <c r="G30434" t="s">
        <v>10734</v>
      </c>
      <c r="H30434" t="s">
        <v>10735</v>
      </c>
      <c r="I30434" s="2">
        <v>0</v>
      </c>
      <c r="J30434" s="2">
        <v>0</v>
      </c>
      <c r="K30434" s="2">
        <v>1</v>
      </c>
      <c r="L30434" t="s">
        <v>995</v>
      </c>
      <c r="M30434" t="s">
        <v>83</v>
      </c>
      <c r="N30434" t="s">
        <v>84</v>
      </c>
      <c r="O30434" t="s">
        <v>85</v>
      </c>
      <c r="P30434" t="s">
        <v>86</v>
      </c>
      <c r="Q30434">
        <v>20</v>
      </c>
      <c r="R30434">
        <v>20</v>
      </c>
      <c r="S30434">
        <v>21</v>
      </c>
      <c r="T30434">
        <v>21</v>
      </c>
      <c r="U30434">
        <v>21</v>
      </c>
      <c r="V30434">
        <v>21</v>
      </c>
      <c r="W30434">
        <v>22</v>
      </c>
      <c r="X30434">
        <v>22</v>
      </c>
      <c r="Y30434">
        <v>22</v>
      </c>
      <c r="Z30434">
        <v>23</v>
      </c>
      <c r="AA30434">
        <v>23</v>
      </c>
      <c r="AB30434">
        <v>23</v>
      </c>
      <c r="AC30434">
        <v>23</v>
      </c>
      <c r="AD30434">
        <v>24</v>
      </c>
      <c r="AE30434">
        <v>24</v>
      </c>
      <c r="AF30434">
        <v>24</v>
      </c>
      <c r="AG30434">
        <v>25</v>
      </c>
      <c r="AH30434">
        <v>25</v>
      </c>
      <c r="AI30434">
        <v>25</v>
      </c>
      <c r="AJ30434">
        <v>25</v>
      </c>
      <c r="AK30434">
        <v>26</v>
      </c>
      <c r="AL30434">
        <v>26</v>
      </c>
      <c r="AM30434">
        <v>26</v>
      </c>
      <c r="AN30434">
        <v>26</v>
      </c>
      <c r="AO30434">
        <v>26</v>
      </c>
      <c r="AP30434">
        <v>26</v>
      </c>
      <c r="AQ30434">
        <v>26</v>
      </c>
    </row>
    <row r="30435" spans="1:43">
      <c r="A30435" t="s">
        <v>18857</v>
      </c>
      <c r="B30435" t="s">
        <v>18858</v>
      </c>
      <c r="C30435" t="s">
        <v>18849</v>
      </c>
      <c r="D30435" t="s">
        <v>18850</v>
      </c>
      <c r="E30435" t="s">
        <v>18845</v>
      </c>
      <c r="F30435" t="s">
        <v>18846</v>
      </c>
      <c r="G30435" t="s">
        <v>10734</v>
      </c>
      <c r="H30435" t="s">
        <v>10735</v>
      </c>
      <c r="I30435" s="2">
        <v>0</v>
      </c>
      <c r="J30435" s="2">
        <v>0</v>
      </c>
      <c r="K30435" s="2">
        <v>1</v>
      </c>
      <c r="L30435" t="s">
        <v>995</v>
      </c>
      <c r="M30435" t="s">
        <v>87</v>
      </c>
      <c r="N30435" t="s">
        <v>88</v>
      </c>
      <c r="O30435" t="s">
        <v>85</v>
      </c>
      <c r="P30435" t="s">
        <v>86</v>
      </c>
      <c r="Q30435">
        <v>20</v>
      </c>
      <c r="R30435">
        <v>20</v>
      </c>
      <c r="S30435">
        <v>20</v>
      </c>
      <c r="T30435">
        <v>20</v>
      </c>
      <c r="U30435">
        <v>20</v>
      </c>
      <c r="V30435">
        <v>20</v>
      </c>
      <c r="W30435">
        <v>20</v>
      </c>
      <c r="X30435">
        <v>21</v>
      </c>
      <c r="Y30435">
        <v>21</v>
      </c>
      <c r="Z30435">
        <v>21</v>
      </c>
      <c r="AA30435">
        <v>21</v>
      </c>
      <c r="AB30435">
        <v>21</v>
      </c>
      <c r="AC30435">
        <v>21</v>
      </c>
      <c r="AD30435">
        <v>21</v>
      </c>
      <c r="AE30435">
        <v>21</v>
      </c>
      <c r="AF30435">
        <v>21</v>
      </c>
      <c r="AG30435">
        <v>21</v>
      </c>
      <c r="AH30435">
        <v>22</v>
      </c>
      <c r="AI30435">
        <v>22</v>
      </c>
      <c r="AJ30435">
        <v>22</v>
      </c>
      <c r="AK30435">
        <v>22</v>
      </c>
      <c r="AL30435">
        <v>22</v>
      </c>
      <c r="AM30435">
        <v>22</v>
      </c>
      <c r="AN30435">
        <v>22</v>
      </c>
      <c r="AO30435">
        <v>23</v>
      </c>
      <c r="AP30435">
        <v>23</v>
      </c>
      <c r="AQ30435">
        <v>23</v>
      </c>
    </row>
    <row r="30436" spans="1:43">
      <c r="A30436" t="s">
        <v>18857</v>
      </c>
      <c r="B30436" t="s">
        <v>18858</v>
      </c>
      <c r="C30436" t="s">
        <v>18849</v>
      </c>
      <c r="D30436" t="s">
        <v>18850</v>
      </c>
      <c r="E30436" t="s">
        <v>18845</v>
      </c>
      <c r="F30436" t="s">
        <v>18846</v>
      </c>
      <c r="G30436" t="s">
        <v>10734</v>
      </c>
      <c r="H30436" t="s">
        <v>10735</v>
      </c>
      <c r="I30436" s="2">
        <v>0</v>
      </c>
      <c r="J30436" s="2">
        <v>0</v>
      </c>
      <c r="K30436" s="2">
        <v>1</v>
      </c>
      <c r="L30436" t="s">
        <v>995</v>
      </c>
      <c r="M30436" t="s">
        <v>89</v>
      </c>
      <c r="N30436" t="s">
        <v>90</v>
      </c>
      <c r="O30436" t="s">
        <v>85</v>
      </c>
      <c r="P30436" t="s">
        <v>86</v>
      </c>
      <c r="Q30436">
        <v>20</v>
      </c>
      <c r="R30436">
        <v>21</v>
      </c>
      <c r="S30436">
        <v>21</v>
      </c>
      <c r="T30436">
        <v>22</v>
      </c>
      <c r="U30436">
        <v>22</v>
      </c>
      <c r="V30436">
        <v>22</v>
      </c>
      <c r="W30436">
        <v>23</v>
      </c>
      <c r="X30436">
        <v>23</v>
      </c>
      <c r="Y30436">
        <v>24</v>
      </c>
      <c r="Z30436">
        <v>24</v>
      </c>
      <c r="AA30436">
        <v>24</v>
      </c>
      <c r="AB30436">
        <v>25</v>
      </c>
      <c r="AC30436">
        <v>25</v>
      </c>
      <c r="AD30436">
        <v>25</v>
      </c>
      <c r="AE30436">
        <v>26</v>
      </c>
      <c r="AF30436">
        <v>26</v>
      </c>
      <c r="AG30436">
        <v>26</v>
      </c>
      <c r="AH30436">
        <v>26</v>
      </c>
      <c r="AI30436">
        <v>26</v>
      </c>
      <c r="AJ30436">
        <v>26</v>
      </c>
      <c r="AK30436">
        <v>26</v>
      </c>
      <c r="AL30436">
        <v>26</v>
      </c>
      <c r="AM30436">
        <v>26</v>
      </c>
      <c r="AN30436">
        <v>26</v>
      </c>
      <c r="AO30436">
        <v>26</v>
      </c>
      <c r="AP30436">
        <v>26</v>
      </c>
      <c r="AQ30436">
        <v>27</v>
      </c>
    </row>
    <row r="30437" spans="1:43">
      <c r="A30437" t="s">
        <v>18857</v>
      </c>
      <c r="B30437" t="s">
        <v>18858</v>
      </c>
      <c r="C30437" t="s">
        <v>18849</v>
      </c>
      <c r="D30437" t="s">
        <v>18850</v>
      </c>
      <c r="E30437" t="s">
        <v>18845</v>
      </c>
      <c r="F30437" t="s">
        <v>18846</v>
      </c>
      <c r="G30437" t="s">
        <v>10734</v>
      </c>
      <c r="H30437" t="s">
        <v>10735</v>
      </c>
      <c r="I30437" s="2">
        <v>0</v>
      </c>
      <c r="J30437" s="2">
        <v>0</v>
      </c>
      <c r="K30437" s="2">
        <v>1</v>
      </c>
      <c r="L30437" t="s">
        <v>995</v>
      </c>
      <c r="M30437" t="s">
        <v>83</v>
      </c>
      <c r="N30437" t="s">
        <v>91</v>
      </c>
      <c r="O30437" t="s">
        <v>85</v>
      </c>
      <c r="P30437" t="s">
        <v>86</v>
      </c>
      <c r="Q30437">
        <v>20</v>
      </c>
      <c r="R30437">
        <v>20</v>
      </c>
      <c r="S30437">
        <v>21</v>
      </c>
      <c r="T30437">
        <v>21</v>
      </c>
      <c r="U30437">
        <v>21</v>
      </c>
      <c r="V30437">
        <v>21</v>
      </c>
      <c r="W30437">
        <v>22</v>
      </c>
      <c r="X30437">
        <v>22</v>
      </c>
      <c r="Y30437">
        <v>22</v>
      </c>
      <c r="Z30437">
        <v>23</v>
      </c>
      <c r="AA30437">
        <v>23</v>
      </c>
      <c r="AB30437">
        <v>23</v>
      </c>
      <c r="AC30437">
        <v>23</v>
      </c>
      <c r="AD30437">
        <v>24</v>
      </c>
      <c r="AE30437">
        <v>24</v>
      </c>
      <c r="AF30437">
        <v>24</v>
      </c>
      <c r="AG30437">
        <v>25</v>
      </c>
      <c r="AH30437">
        <v>25</v>
      </c>
      <c r="AI30437">
        <v>25</v>
      </c>
      <c r="AJ30437">
        <v>25</v>
      </c>
      <c r="AK30437">
        <v>26</v>
      </c>
      <c r="AL30437">
        <v>26</v>
      </c>
      <c r="AM30437">
        <v>26</v>
      </c>
      <c r="AN30437">
        <v>26</v>
      </c>
      <c r="AO30437">
        <v>26</v>
      </c>
      <c r="AP30437">
        <v>26</v>
      </c>
      <c r="AQ30437">
        <v>26</v>
      </c>
    </row>
    <row r="30438" spans="1:43">
      <c r="A30438" t="s">
        <v>18859</v>
      </c>
      <c r="B30438" t="s">
        <v>18860</v>
      </c>
      <c r="C30438" t="s">
        <v>18861</v>
      </c>
      <c r="D30438" t="s">
        <v>18862</v>
      </c>
      <c r="E30438" t="s">
        <v>18845</v>
      </c>
      <c r="F30438" t="s">
        <v>18846</v>
      </c>
      <c r="G30438" t="s">
        <v>10734</v>
      </c>
      <c r="H30438" t="s">
        <v>10735</v>
      </c>
      <c r="I30438" s="2">
        <v>0</v>
      </c>
      <c r="J30438" s="2">
        <v>0</v>
      </c>
      <c r="K30438" s="2">
        <v>1</v>
      </c>
      <c r="L30438" t="s">
        <v>995</v>
      </c>
      <c r="M30438" t="s">
        <v>83</v>
      </c>
      <c r="N30438" t="s">
        <v>84</v>
      </c>
      <c r="O30438" t="s">
        <v>85</v>
      </c>
      <c r="P30438" t="s">
        <v>86</v>
      </c>
      <c r="Q30438">
        <v>34</v>
      </c>
      <c r="R30438">
        <v>35</v>
      </c>
      <c r="S30438">
        <v>35</v>
      </c>
      <c r="T30438">
        <v>36</v>
      </c>
      <c r="U30438">
        <v>36</v>
      </c>
      <c r="V30438">
        <v>37</v>
      </c>
      <c r="W30438">
        <v>37</v>
      </c>
      <c r="X30438">
        <v>37</v>
      </c>
      <c r="Y30438">
        <v>38</v>
      </c>
      <c r="Z30438">
        <v>38</v>
      </c>
      <c r="AA30438">
        <v>39</v>
      </c>
      <c r="AB30438">
        <v>39</v>
      </c>
      <c r="AC30438">
        <v>40</v>
      </c>
      <c r="AD30438">
        <v>40</v>
      </c>
      <c r="AE30438">
        <v>41</v>
      </c>
      <c r="AF30438">
        <v>41</v>
      </c>
      <c r="AG30438">
        <v>41</v>
      </c>
      <c r="AH30438">
        <v>42</v>
      </c>
      <c r="AI30438">
        <v>42</v>
      </c>
      <c r="AJ30438">
        <v>43</v>
      </c>
      <c r="AK30438">
        <v>43</v>
      </c>
      <c r="AL30438">
        <v>44</v>
      </c>
      <c r="AM30438">
        <v>44</v>
      </c>
      <c r="AN30438">
        <v>44</v>
      </c>
      <c r="AO30438">
        <v>44</v>
      </c>
      <c r="AP30438">
        <v>44</v>
      </c>
      <c r="AQ30438">
        <v>44</v>
      </c>
    </row>
    <row r="30439" spans="1:43">
      <c r="A30439" t="s">
        <v>18859</v>
      </c>
      <c r="B30439" t="s">
        <v>18860</v>
      </c>
      <c r="C30439" t="s">
        <v>18861</v>
      </c>
      <c r="D30439" t="s">
        <v>18862</v>
      </c>
      <c r="E30439" t="s">
        <v>18845</v>
      </c>
      <c r="F30439" t="s">
        <v>18846</v>
      </c>
      <c r="G30439" t="s">
        <v>10734</v>
      </c>
      <c r="H30439" t="s">
        <v>10735</v>
      </c>
      <c r="I30439" s="2">
        <v>0</v>
      </c>
      <c r="J30439" s="2">
        <v>0</v>
      </c>
      <c r="K30439" s="2">
        <v>1</v>
      </c>
      <c r="L30439" t="s">
        <v>995</v>
      </c>
      <c r="M30439" t="s">
        <v>87</v>
      </c>
      <c r="N30439" t="s">
        <v>88</v>
      </c>
      <c r="O30439" t="s">
        <v>85</v>
      </c>
      <c r="P30439" t="s">
        <v>86</v>
      </c>
      <c r="Q30439">
        <v>34</v>
      </c>
      <c r="R30439">
        <v>34</v>
      </c>
      <c r="S30439">
        <v>34</v>
      </c>
      <c r="T30439">
        <v>34</v>
      </c>
      <c r="U30439">
        <v>35</v>
      </c>
      <c r="V30439">
        <v>35</v>
      </c>
      <c r="W30439">
        <v>35</v>
      </c>
      <c r="X30439">
        <v>35</v>
      </c>
      <c r="Y30439">
        <v>35</v>
      </c>
      <c r="Z30439">
        <v>35</v>
      </c>
      <c r="AA30439">
        <v>35</v>
      </c>
      <c r="AB30439">
        <v>35</v>
      </c>
      <c r="AC30439">
        <v>36</v>
      </c>
      <c r="AD30439">
        <v>36</v>
      </c>
      <c r="AE30439">
        <v>36</v>
      </c>
      <c r="AF30439">
        <v>36</v>
      </c>
      <c r="AG30439">
        <v>36</v>
      </c>
      <c r="AH30439">
        <v>37</v>
      </c>
      <c r="AI30439">
        <v>37</v>
      </c>
      <c r="AJ30439">
        <v>37</v>
      </c>
      <c r="AK30439">
        <v>37</v>
      </c>
      <c r="AL30439">
        <v>37</v>
      </c>
      <c r="AM30439">
        <v>38</v>
      </c>
      <c r="AN30439">
        <v>38</v>
      </c>
      <c r="AO30439">
        <v>38</v>
      </c>
      <c r="AP30439">
        <v>38</v>
      </c>
      <c r="AQ30439">
        <v>38</v>
      </c>
    </row>
    <row r="30440" spans="1:43">
      <c r="A30440" t="s">
        <v>18859</v>
      </c>
      <c r="B30440" t="s">
        <v>18860</v>
      </c>
      <c r="C30440" t="s">
        <v>18861</v>
      </c>
      <c r="D30440" t="s">
        <v>18862</v>
      </c>
      <c r="E30440" t="s">
        <v>18845</v>
      </c>
      <c r="F30440" t="s">
        <v>18846</v>
      </c>
      <c r="G30440" t="s">
        <v>10734</v>
      </c>
      <c r="H30440" t="s">
        <v>10735</v>
      </c>
      <c r="I30440" s="2">
        <v>0</v>
      </c>
      <c r="J30440" s="2">
        <v>0</v>
      </c>
      <c r="K30440" s="2">
        <v>1</v>
      </c>
      <c r="L30440" t="s">
        <v>995</v>
      </c>
      <c r="M30440" t="s">
        <v>89</v>
      </c>
      <c r="N30440" t="s">
        <v>90</v>
      </c>
      <c r="O30440" t="s">
        <v>85</v>
      </c>
      <c r="P30440" t="s">
        <v>86</v>
      </c>
      <c r="Q30440">
        <v>34</v>
      </c>
      <c r="R30440">
        <v>34</v>
      </c>
      <c r="S30440">
        <v>35</v>
      </c>
      <c r="T30440">
        <v>36</v>
      </c>
      <c r="U30440">
        <v>37</v>
      </c>
      <c r="V30440">
        <v>37</v>
      </c>
      <c r="W30440">
        <v>38</v>
      </c>
      <c r="X30440">
        <v>39</v>
      </c>
      <c r="Y30440">
        <v>39</v>
      </c>
      <c r="Z30440">
        <v>40</v>
      </c>
      <c r="AA30440">
        <v>40</v>
      </c>
      <c r="AB30440">
        <v>41</v>
      </c>
      <c r="AC30440">
        <v>41</v>
      </c>
      <c r="AD30440">
        <v>42</v>
      </c>
      <c r="AE30440">
        <v>42</v>
      </c>
      <c r="AF30440">
        <v>42</v>
      </c>
      <c r="AG30440">
        <v>42</v>
      </c>
      <c r="AH30440">
        <v>43</v>
      </c>
      <c r="AI30440">
        <v>43</v>
      </c>
      <c r="AJ30440">
        <v>43</v>
      </c>
      <c r="AK30440">
        <v>43</v>
      </c>
      <c r="AL30440">
        <v>43</v>
      </c>
      <c r="AM30440">
        <v>43</v>
      </c>
      <c r="AN30440">
        <v>43</v>
      </c>
      <c r="AO30440">
        <v>43</v>
      </c>
      <c r="AP30440">
        <v>43</v>
      </c>
      <c r="AQ30440">
        <v>43</v>
      </c>
    </row>
    <row r="30441" spans="1:43">
      <c r="A30441" t="s">
        <v>18859</v>
      </c>
      <c r="B30441" t="s">
        <v>18860</v>
      </c>
      <c r="C30441" t="s">
        <v>18861</v>
      </c>
      <c r="D30441" t="s">
        <v>18862</v>
      </c>
      <c r="E30441" t="s">
        <v>18845</v>
      </c>
      <c r="F30441" t="s">
        <v>18846</v>
      </c>
      <c r="G30441" t="s">
        <v>10734</v>
      </c>
      <c r="H30441" t="s">
        <v>10735</v>
      </c>
      <c r="I30441" s="2">
        <v>0</v>
      </c>
      <c r="J30441" s="2">
        <v>0</v>
      </c>
      <c r="K30441" s="2">
        <v>1</v>
      </c>
      <c r="L30441" t="s">
        <v>995</v>
      </c>
      <c r="M30441" t="s">
        <v>83</v>
      </c>
      <c r="N30441" t="s">
        <v>91</v>
      </c>
      <c r="O30441" t="s">
        <v>85</v>
      </c>
      <c r="P30441" t="s">
        <v>86</v>
      </c>
      <c r="Q30441">
        <v>34</v>
      </c>
      <c r="R30441">
        <v>35</v>
      </c>
      <c r="S30441">
        <v>35</v>
      </c>
      <c r="T30441">
        <v>36</v>
      </c>
      <c r="U30441">
        <v>36</v>
      </c>
      <c r="V30441">
        <v>37</v>
      </c>
      <c r="W30441">
        <v>37</v>
      </c>
      <c r="X30441">
        <v>37</v>
      </c>
      <c r="Y30441">
        <v>38</v>
      </c>
      <c r="Z30441">
        <v>38</v>
      </c>
      <c r="AA30441">
        <v>39</v>
      </c>
      <c r="AB30441">
        <v>39</v>
      </c>
      <c r="AC30441">
        <v>40</v>
      </c>
      <c r="AD30441">
        <v>40</v>
      </c>
      <c r="AE30441">
        <v>41</v>
      </c>
      <c r="AF30441">
        <v>41</v>
      </c>
      <c r="AG30441">
        <v>41</v>
      </c>
      <c r="AH30441">
        <v>42</v>
      </c>
      <c r="AI30441">
        <v>42</v>
      </c>
      <c r="AJ30441">
        <v>43</v>
      </c>
      <c r="AK30441">
        <v>43</v>
      </c>
      <c r="AL30441">
        <v>44</v>
      </c>
      <c r="AM30441">
        <v>44</v>
      </c>
      <c r="AN30441">
        <v>44</v>
      </c>
      <c r="AO30441">
        <v>44</v>
      </c>
      <c r="AP30441">
        <v>44</v>
      </c>
      <c r="AQ30441">
        <v>44</v>
      </c>
    </row>
    <row r="30442" spans="1:43">
      <c r="A30442" t="s">
        <v>18863</v>
      </c>
      <c r="B30442" t="s">
        <v>18864</v>
      </c>
      <c r="C30442" t="s">
        <v>18861</v>
      </c>
      <c r="D30442" t="s">
        <v>18862</v>
      </c>
      <c r="E30442" t="s">
        <v>18845</v>
      </c>
      <c r="F30442" t="s">
        <v>18846</v>
      </c>
      <c r="G30442" t="s">
        <v>10734</v>
      </c>
      <c r="H30442" t="s">
        <v>10735</v>
      </c>
      <c r="I30442" s="2">
        <v>0</v>
      </c>
      <c r="J30442" s="2">
        <v>0</v>
      </c>
      <c r="K30442" s="2">
        <v>1</v>
      </c>
      <c r="L30442" t="s">
        <v>995</v>
      </c>
      <c r="M30442" t="s">
        <v>83</v>
      </c>
      <c r="N30442" t="s">
        <v>84</v>
      </c>
      <c r="O30442" t="s">
        <v>85</v>
      </c>
      <c r="P30442" t="s">
        <v>86</v>
      </c>
      <c r="Q30442">
        <v>6</v>
      </c>
      <c r="R30442">
        <v>6</v>
      </c>
      <c r="S30442">
        <v>6</v>
      </c>
      <c r="T30442">
        <v>6</v>
      </c>
      <c r="U30442">
        <v>7</v>
      </c>
      <c r="V30442">
        <v>7</v>
      </c>
      <c r="W30442">
        <v>7</v>
      </c>
      <c r="X30442">
        <v>7</v>
      </c>
      <c r="Y30442">
        <v>7</v>
      </c>
      <c r="Z30442">
        <v>7</v>
      </c>
      <c r="AA30442">
        <v>7</v>
      </c>
      <c r="AB30442">
        <v>7</v>
      </c>
      <c r="AC30442">
        <v>7</v>
      </c>
      <c r="AD30442">
        <v>7</v>
      </c>
      <c r="AE30442">
        <v>7</v>
      </c>
      <c r="AF30442">
        <v>7</v>
      </c>
      <c r="AG30442">
        <v>8</v>
      </c>
      <c r="AH30442">
        <v>8</v>
      </c>
      <c r="AI30442">
        <v>8</v>
      </c>
      <c r="AJ30442">
        <v>8</v>
      </c>
      <c r="AK30442">
        <v>8</v>
      </c>
      <c r="AL30442">
        <v>8</v>
      </c>
      <c r="AM30442">
        <v>8</v>
      </c>
      <c r="AN30442">
        <v>8</v>
      </c>
      <c r="AO30442">
        <v>8</v>
      </c>
      <c r="AP30442">
        <v>8</v>
      </c>
      <c r="AQ30442">
        <v>8</v>
      </c>
    </row>
    <row r="30443" spans="1:43">
      <c r="A30443" t="s">
        <v>18863</v>
      </c>
      <c r="B30443" t="s">
        <v>18864</v>
      </c>
      <c r="C30443" t="s">
        <v>18861</v>
      </c>
      <c r="D30443" t="s">
        <v>18862</v>
      </c>
      <c r="E30443" t="s">
        <v>18845</v>
      </c>
      <c r="F30443" t="s">
        <v>18846</v>
      </c>
      <c r="G30443" t="s">
        <v>10734</v>
      </c>
      <c r="H30443" t="s">
        <v>10735</v>
      </c>
      <c r="I30443" s="2">
        <v>0</v>
      </c>
      <c r="J30443" s="2">
        <v>0</v>
      </c>
      <c r="K30443" s="2">
        <v>1</v>
      </c>
      <c r="L30443" t="s">
        <v>995</v>
      </c>
      <c r="M30443" t="s">
        <v>87</v>
      </c>
      <c r="N30443" t="s">
        <v>88</v>
      </c>
      <c r="O30443" t="s">
        <v>85</v>
      </c>
      <c r="P30443" t="s">
        <v>86</v>
      </c>
      <c r="Q30443">
        <v>6</v>
      </c>
      <c r="R30443">
        <v>6</v>
      </c>
      <c r="S30443">
        <v>6</v>
      </c>
      <c r="T30443">
        <v>6</v>
      </c>
      <c r="U30443">
        <v>6</v>
      </c>
      <c r="V30443">
        <v>6</v>
      </c>
      <c r="W30443">
        <v>6</v>
      </c>
      <c r="X30443">
        <v>6</v>
      </c>
      <c r="Y30443">
        <v>6</v>
      </c>
      <c r="Z30443">
        <v>6</v>
      </c>
      <c r="AA30443">
        <v>6</v>
      </c>
      <c r="AB30443">
        <v>6</v>
      </c>
      <c r="AC30443">
        <v>6</v>
      </c>
      <c r="AD30443">
        <v>6</v>
      </c>
      <c r="AE30443">
        <v>7</v>
      </c>
      <c r="AF30443">
        <v>7</v>
      </c>
      <c r="AG30443">
        <v>7</v>
      </c>
      <c r="AH30443">
        <v>7</v>
      </c>
      <c r="AI30443">
        <v>7</v>
      </c>
      <c r="AJ30443">
        <v>7</v>
      </c>
      <c r="AK30443">
        <v>7</v>
      </c>
      <c r="AL30443">
        <v>7</v>
      </c>
      <c r="AM30443">
        <v>7</v>
      </c>
      <c r="AN30443">
        <v>7</v>
      </c>
      <c r="AO30443">
        <v>7</v>
      </c>
      <c r="AP30443">
        <v>7</v>
      </c>
      <c r="AQ30443">
        <v>7</v>
      </c>
    </row>
    <row r="30444" spans="1:43">
      <c r="A30444" t="s">
        <v>18863</v>
      </c>
      <c r="B30444" t="s">
        <v>18864</v>
      </c>
      <c r="C30444" t="s">
        <v>18861</v>
      </c>
      <c r="D30444" t="s">
        <v>18862</v>
      </c>
      <c r="E30444" t="s">
        <v>18845</v>
      </c>
      <c r="F30444" t="s">
        <v>18846</v>
      </c>
      <c r="G30444" t="s">
        <v>10734</v>
      </c>
      <c r="H30444" t="s">
        <v>10735</v>
      </c>
      <c r="I30444" s="2">
        <v>0</v>
      </c>
      <c r="J30444" s="2">
        <v>0</v>
      </c>
      <c r="K30444" s="2">
        <v>1</v>
      </c>
      <c r="L30444" t="s">
        <v>995</v>
      </c>
      <c r="M30444" t="s">
        <v>89</v>
      </c>
      <c r="N30444" t="s">
        <v>90</v>
      </c>
      <c r="O30444" t="s">
        <v>85</v>
      </c>
      <c r="P30444" t="s">
        <v>86</v>
      </c>
      <c r="Q30444">
        <v>6</v>
      </c>
      <c r="R30444">
        <v>6</v>
      </c>
      <c r="S30444">
        <v>7</v>
      </c>
      <c r="T30444">
        <v>7</v>
      </c>
      <c r="U30444">
        <v>7</v>
      </c>
      <c r="V30444">
        <v>7</v>
      </c>
      <c r="W30444">
        <v>7</v>
      </c>
      <c r="X30444">
        <v>7</v>
      </c>
      <c r="Y30444">
        <v>7</v>
      </c>
      <c r="Z30444">
        <v>7</v>
      </c>
      <c r="AA30444">
        <v>7</v>
      </c>
      <c r="AB30444">
        <v>8</v>
      </c>
      <c r="AC30444">
        <v>8</v>
      </c>
      <c r="AD30444">
        <v>8</v>
      </c>
      <c r="AE30444">
        <v>8</v>
      </c>
      <c r="AF30444">
        <v>8</v>
      </c>
      <c r="AG30444">
        <v>8</v>
      </c>
      <c r="AH30444">
        <v>8</v>
      </c>
      <c r="AI30444">
        <v>8</v>
      </c>
      <c r="AJ30444">
        <v>8</v>
      </c>
      <c r="AK30444">
        <v>8</v>
      </c>
      <c r="AL30444">
        <v>8</v>
      </c>
      <c r="AM30444">
        <v>8</v>
      </c>
      <c r="AN30444">
        <v>8</v>
      </c>
      <c r="AO30444">
        <v>8</v>
      </c>
      <c r="AP30444">
        <v>8</v>
      </c>
      <c r="AQ30444">
        <v>8</v>
      </c>
    </row>
    <row r="30445" spans="1:43">
      <c r="A30445" t="s">
        <v>18863</v>
      </c>
      <c r="B30445" t="s">
        <v>18864</v>
      </c>
      <c r="C30445" t="s">
        <v>18861</v>
      </c>
      <c r="D30445" t="s">
        <v>18862</v>
      </c>
      <c r="E30445" t="s">
        <v>18845</v>
      </c>
      <c r="F30445" t="s">
        <v>18846</v>
      </c>
      <c r="G30445" t="s">
        <v>10734</v>
      </c>
      <c r="H30445" t="s">
        <v>10735</v>
      </c>
      <c r="I30445" s="2">
        <v>0</v>
      </c>
      <c r="J30445" s="2">
        <v>0</v>
      </c>
      <c r="K30445" s="2">
        <v>1</v>
      </c>
      <c r="L30445" t="s">
        <v>995</v>
      </c>
      <c r="M30445" t="s">
        <v>83</v>
      </c>
      <c r="N30445" t="s">
        <v>91</v>
      </c>
      <c r="O30445" t="s">
        <v>85</v>
      </c>
      <c r="P30445" t="s">
        <v>86</v>
      </c>
      <c r="Q30445">
        <v>6</v>
      </c>
      <c r="R30445">
        <v>6</v>
      </c>
      <c r="S30445">
        <v>6</v>
      </c>
      <c r="T30445">
        <v>6</v>
      </c>
      <c r="U30445">
        <v>7</v>
      </c>
      <c r="V30445">
        <v>7</v>
      </c>
      <c r="W30445">
        <v>7</v>
      </c>
      <c r="X30445">
        <v>7</v>
      </c>
      <c r="Y30445">
        <v>7</v>
      </c>
      <c r="Z30445">
        <v>7</v>
      </c>
      <c r="AA30445">
        <v>7</v>
      </c>
      <c r="AB30445">
        <v>7</v>
      </c>
      <c r="AC30445">
        <v>7</v>
      </c>
      <c r="AD30445">
        <v>7</v>
      </c>
      <c r="AE30445">
        <v>7</v>
      </c>
      <c r="AF30445">
        <v>7</v>
      </c>
      <c r="AG30445">
        <v>8</v>
      </c>
      <c r="AH30445">
        <v>8</v>
      </c>
      <c r="AI30445">
        <v>8</v>
      </c>
      <c r="AJ30445">
        <v>8</v>
      </c>
      <c r="AK30445">
        <v>8</v>
      </c>
      <c r="AL30445">
        <v>8</v>
      </c>
      <c r="AM30445">
        <v>8</v>
      </c>
      <c r="AN30445">
        <v>8</v>
      </c>
      <c r="AO30445">
        <v>8</v>
      </c>
      <c r="AP30445">
        <v>8</v>
      </c>
      <c r="AQ30445">
        <v>8</v>
      </c>
    </row>
    <row r="30446" spans="1:43">
      <c r="A30446" t="s">
        <v>18865</v>
      </c>
      <c r="B30446" t="s">
        <v>18866</v>
      </c>
      <c r="C30446" t="s">
        <v>18867</v>
      </c>
      <c r="D30446" t="s">
        <v>18868</v>
      </c>
      <c r="E30446" t="s">
        <v>18845</v>
      </c>
      <c r="F30446" t="s">
        <v>18846</v>
      </c>
      <c r="G30446" t="s">
        <v>10734</v>
      </c>
      <c r="H30446" t="s">
        <v>10735</v>
      </c>
      <c r="I30446" s="2">
        <v>0</v>
      </c>
      <c r="J30446" s="2">
        <v>0</v>
      </c>
      <c r="K30446" s="2">
        <v>1</v>
      </c>
      <c r="L30446" t="s">
        <v>995</v>
      </c>
      <c r="M30446" t="s">
        <v>83</v>
      </c>
      <c r="N30446" t="s">
        <v>84</v>
      </c>
      <c r="O30446" t="s">
        <v>85</v>
      </c>
      <c r="P30446" t="s">
        <v>86</v>
      </c>
      <c r="Q30446">
        <v>32</v>
      </c>
      <c r="R30446">
        <v>32</v>
      </c>
      <c r="S30446">
        <v>33</v>
      </c>
      <c r="T30446">
        <v>33</v>
      </c>
      <c r="U30446">
        <v>33</v>
      </c>
      <c r="V30446">
        <v>34</v>
      </c>
      <c r="W30446">
        <v>34</v>
      </c>
      <c r="X30446">
        <v>35</v>
      </c>
      <c r="Y30446">
        <v>35</v>
      </c>
      <c r="Z30446">
        <v>35</v>
      </c>
      <c r="AA30446">
        <v>36</v>
      </c>
      <c r="AB30446">
        <v>36</v>
      </c>
      <c r="AC30446">
        <v>37</v>
      </c>
      <c r="AD30446">
        <v>37</v>
      </c>
      <c r="AE30446">
        <v>37</v>
      </c>
      <c r="AF30446">
        <v>38</v>
      </c>
      <c r="AG30446">
        <v>38</v>
      </c>
      <c r="AH30446">
        <v>39</v>
      </c>
      <c r="AI30446">
        <v>39</v>
      </c>
      <c r="AJ30446">
        <v>40</v>
      </c>
      <c r="AK30446">
        <v>40</v>
      </c>
      <c r="AL30446">
        <v>40</v>
      </c>
      <c r="AM30446">
        <v>40</v>
      </c>
      <c r="AN30446">
        <v>40</v>
      </c>
      <c r="AO30446">
        <v>40</v>
      </c>
      <c r="AP30446">
        <v>41</v>
      </c>
      <c r="AQ30446">
        <v>41</v>
      </c>
    </row>
    <row r="30447" spans="1:43">
      <c r="A30447" t="s">
        <v>18865</v>
      </c>
      <c r="B30447" t="s">
        <v>18866</v>
      </c>
      <c r="C30447" t="s">
        <v>18867</v>
      </c>
      <c r="D30447" t="s">
        <v>18868</v>
      </c>
      <c r="E30447" t="s">
        <v>18845</v>
      </c>
      <c r="F30447" t="s">
        <v>18846</v>
      </c>
      <c r="G30447" t="s">
        <v>10734</v>
      </c>
      <c r="H30447" t="s">
        <v>10735</v>
      </c>
      <c r="I30447" s="2">
        <v>0</v>
      </c>
      <c r="J30447" s="2">
        <v>0</v>
      </c>
      <c r="K30447" s="2">
        <v>1</v>
      </c>
      <c r="L30447" t="s">
        <v>995</v>
      </c>
      <c r="M30447" t="s">
        <v>87</v>
      </c>
      <c r="N30447" t="s">
        <v>88</v>
      </c>
      <c r="O30447" t="s">
        <v>85</v>
      </c>
      <c r="P30447" t="s">
        <v>86</v>
      </c>
      <c r="Q30447">
        <v>32</v>
      </c>
      <c r="R30447">
        <v>33</v>
      </c>
      <c r="S30447">
        <v>33</v>
      </c>
      <c r="T30447">
        <v>33</v>
      </c>
      <c r="U30447">
        <v>33</v>
      </c>
      <c r="V30447">
        <v>33</v>
      </c>
      <c r="W30447">
        <v>33</v>
      </c>
      <c r="X30447">
        <v>33</v>
      </c>
      <c r="Y30447">
        <v>33</v>
      </c>
      <c r="Z30447">
        <v>33</v>
      </c>
      <c r="AA30447">
        <v>34</v>
      </c>
      <c r="AB30447">
        <v>34</v>
      </c>
      <c r="AC30447">
        <v>34</v>
      </c>
      <c r="AD30447">
        <v>34</v>
      </c>
      <c r="AE30447">
        <v>34</v>
      </c>
      <c r="AF30447">
        <v>34</v>
      </c>
      <c r="AG30447">
        <v>35</v>
      </c>
      <c r="AH30447">
        <v>35</v>
      </c>
      <c r="AI30447">
        <v>35</v>
      </c>
      <c r="AJ30447">
        <v>35</v>
      </c>
      <c r="AK30447">
        <v>35</v>
      </c>
      <c r="AL30447">
        <v>35</v>
      </c>
      <c r="AM30447">
        <v>36</v>
      </c>
      <c r="AN30447">
        <v>36</v>
      </c>
      <c r="AO30447">
        <v>36</v>
      </c>
      <c r="AP30447">
        <v>36</v>
      </c>
      <c r="AQ30447">
        <v>36</v>
      </c>
    </row>
    <row r="30448" spans="1:43">
      <c r="A30448" t="s">
        <v>18865</v>
      </c>
      <c r="B30448" t="s">
        <v>18866</v>
      </c>
      <c r="C30448" t="s">
        <v>18867</v>
      </c>
      <c r="D30448" t="s">
        <v>18868</v>
      </c>
      <c r="E30448" t="s">
        <v>18845</v>
      </c>
      <c r="F30448" t="s">
        <v>18846</v>
      </c>
      <c r="G30448" t="s">
        <v>10734</v>
      </c>
      <c r="H30448" t="s">
        <v>10735</v>
      </c>
      <c r="I30448" s="2">
        <v>0</v>
      </c>
      <c r="J30448" s="2">
        <v>0</v>
      </c>
      <c r="K30448" s="2">
        <v>1</v>
      </c>
      <c r="L30448" t="s">
        <v>995</v>
      </c>
      <c r="M30448" t="s">
        <v>89</v>
      </c>
      <c r="N30448" t="s">
        <v>90</v>
      </c>
      <c r="O30448" t="s">
        <v>85</v>
      </c>
      <c r="P30448" t="s">
        <v>86</v>
      </c>
      <c r="Q30448">
        <v>32</v>
      </c>
      <c r="R30448">
        <v>33</v>
      </c>
      <c r="S30448">
        <v>33</v>
      </c>
      <c r="T30448">
        <v>34</v>
      </c>
      <c r="U30448">
        <v>35</v>
      </c>
      <c r="V30448">
        <v>35</v>
      </c>
      <c r="W30448">
        <v>36</v>
      </c>
      <c r="X30448">
        <v>37</v>
      </c>
      <c r="Y30448">
        <v>37</v>
      </c>
      <c r="Z30448">
        <v>38</v>
      </c>
      <c r="AA30448">
        <v>38</v>
      </c>
      <c r="AB30448">
        <v>39</v>
      </c>
      <c r="AC30448">
        <v>39</v>
      </c>
      <c r="AD30448">
        <v>40</v>
      </c>
      <c r="AE30448">
        <v>40</v>
      </c>
      <c r="AF30448">
        <v>40</v>
      </c>
      <c r="AG30448">
        <v>40</v>
      </c>
      <c r="AH30448">
        <v>40</v>
      </c>
      <c r="AI30448">
        <v>40</v>
      </c>
      <c r="AJ30448">
        <v>40</v>
      </c>
      <c r="AK30448">
        <v>40</v>
      </c>
      <c r="AL30448">
        <v>41</v>
      </c>
      <c r="AM30448">
        <v>41</v>
      </c>
      <c r="AN30448">
        <v>41</v>
      </c>
      <c r="AO30448">
        <v>41</v>
      </c>
      <c r="AP30448">
        <v>41</v>
      </c>
      <c r="AQ30448">
        <v>41</v>
      </c>
    </row>
    <row r="30449" spans="1:43">
      <c r="A30449" t="s">
        <v>18865</v>
      </c>
      <c r="B30449" t="s">
        <v>18866</v>
      </c>
      <c r="C30449" t="s">
        <v>18867</v>
      </c>
      <c r="D30449" t="s">
        <v>18868</v>
      </c>
      <c r="E30449" t="s">
        <v>18845</v>
      </c>
      <c r="F30449" t="s">
        <v>18846</v>
      </c>
      <c r="G30449" t="s">
        <v>10734</v>
      </c>
      <c r="H30449" t="s">
        <v>10735</v>
      </c>
      <c r="I30449" s="2">
        <v>0</v>
      </c>
      <c r="J30449" s="2">
        <v>0</v>
      </c>
      <c r="K30449" s="2">
        <v>1</v>
      </c>
      <c r="L30449" t="s">
        <v>995</v>
      </c>
      <c r="M30449" t="s">
        <v>83</v>
      </c>
      <c r="N30449" t="s">
        <v>91</v>
      </c>
      <c r="O30449" t="s">
        <v>85</v>
      </c>
      <c r="P30449" t="s">
        <v>86</v>
      </c>
      <c r="Q30449">
        <v>32</v>
      </c>
      <c r="R30449">
        <v>32</v>
      </c>
      <c r="S30449">
        <v>33</v>
      </c>
      <c r="T30449">
        <v>33</v>
      </c>
      <c r="U30449">
        <v>33</v>
      </c>
      <c r="V30449">
        <v>34</v>
      </c>
      <c r="W30449">
        <v>34</v>
      </c>
      <c r="X30449">
        <v>35</v>
      </c>
      <c r="Y30449">
        <v>35</v>
      </c>
      <c r="Z30449">
        <v>35</v>
      </c>
      <c r="AA30449">
        <v>36</v>
      </c>
      <c r="AB30449">
        <v>36</v>
      </c>
      <c r="AC30449">
        <v>37</v>
      </c>
      <c r="AD30449">
        <v>37</v>
      </c>
      <c r="AE30449">
        <v>37</v>
      </c>
      <c r="AF30449">
        <v>38</v>
      </c>
      <c r="AG30449">
        <v>38</v>
      </c>
      <c r="AH30449">
        <v>39</v>
      </c>
      <c r="AI30449">
        <v>39</v>
      </c>
      <c r="AJ30449">
        <v>40</v>
      </c>
      <c r="AK30449">
        <v>40</v>
      </c>
      <c r="AL30449">
        <v>40</v>
      </c>
      <c r="AM30449">
        <v>40</v>
      </c>
      <c r="AN30449">
        <v>40</v>
      </c>
      <c r="AO30449">
        <v>40</v>
      </c>
      <c r="AP30449">
        <v>41</v>
      </c>
      <c r="AQ30449">
        <v>41</v>
      </c>
    </row>
    <row r="30450" spans="1:43">
      <c r="A30450" t="s">
        <v>18869</v>
      </c>
      <c r="B30450" t="s">
        <v>18870</v>
      </c>
      <c r="C30450" t="s">
        <v>18871</v>
      </c>
      <c r="D30450" t="s">
        <v>18872</v>
      </c>
      <c r="E30450" t="s">
        <v>18845</v>
      </c>
      <c r="F30450" t="s">
        <v>18846</v>
      </c>
      <c r="G30450" t="s">
        <v>10734</v>
      </c>
      <c r="H30450" t="s">
        <v>10735</v>
      </c>
      <c r="I30450" s="2">
        <v>0</v>
      </c>
      <c r="J30450" s="2">
        <v>0</v>
      </c>
      <c r="K30450" s="2">
        <v>1</v>
      </c>
      <c r="L30450" t="s">
        <v>995</v>
      </c>
      <c r="M30450" t="s">
        <v>83</v>
      </c>
      <c r="N30450" t="s">
        <v>84</v>
      </c>
      <c r="O30450" t="s">
        <v>85</v>
      </c>
      <c r="P30450" t="s">
        <v>86</v>
      </c>
      <c r="Q30450">
        <v>17</v>
      </c>
      <c r="R30450">
        <v>17</v>
      </c>
      <c r="S30450">
        <v>17</v>
      </c>
      <c r="T30450">
        <v>17</v>
      </c>
      <c r="U30450">
        <v>17</v>
      </c>
      <c r="V30450">
        <v>18</v>
      </c>
      <c r="W30450">
        <v>18</v>
      </c>
      <c r="X30450">
        <v>18</v>
      </c>
      <c r="Y30450">
        <v>18</v>
      </c>
      <c r="Z30450">
        <v>19</v>
      </c>
      <c r="AA30450">
        <v>19</v>
      </c>
      <c r="AB30450">
        <v>19</v>
      </c>
      <c r="AC30450">
        <v>19</v>
      </c>
      <c r="AD30450">
        <v>19</v>
      </c>
      <c r="AE30450">
        <v>20</v>
      </c>
      <c r="AF30450">
        <v>20</v>
      </c>
      <c r="AG30450">
        <v>20</v>
      </c>
      <c r="AH30450">
        <v>20</v>
      </c>
      <c r="AI30450">
        <v>21</v>
      </c>
      <c r="AJ30450">
        <v>21</v>
      </c>
      <c r="AK30450">
        <v>21</v>
      </c>
      <c r="AL30450">
        <v>21</v>
      </c>
      <c r="AM30450">
        <v>21</v>
      </c>
      <c r="AN30450">
        <v>21</v>
      </c>
      <c r="AO30450">
        <v>21</v>
      </c>
      <c r="AP30450">
        <v>22</v>
      </c>
      <c r="AQ30450">
        <v>22</v>
      </c>
    </row>
    <row r="30451" spans="1:43">
      <c r="A30451" t="s">
        <v>18869</v>
      </c>
      <c r="B30451" t="s">
        <v>18870</v>
      </c>
      <c r="C30451" t="s">
        <v>18871</v>
      </c>
      <c r="D30451" t="s">
        <v>18872</v>
      </c>
      <c r="E30451" t="s">
        <v>18845</v>
      </c>
      <c r="F30451" t="s">
        <v>18846</v>
      </c>
      <c r="G30451" t="s">
        <v>10734</v>
      </c>
      <c r="H30451" t="s">
        <v>10735</v>
      </c>
      <c r="I30451" s="2">
        <v>0</v>
      </c>
      <c r="J30451" s="2">
        <v>0</v>
      </c>
      <c r="K30451" s="2">
        <v>1</v>
      </c>
      <c r="L30451" t="s">
        <v>995</v>
      </c>
      <c r="M30451" t="s">
        <v>87</v>
      </c>
      <c r="N30451" t="s">
        <v>88</v>
      </c>
      <c r="O30451" t="s">
        <v>85</v>
      </c>
      <c r="P30451" t="s">
        <v>86</v>
      </c>
      <c r="Q30451">
        <v>17</v>
      </c>
      <c r="R30451">
        <v>17</v>
      </c>
      <c r="S30451">
        <v>18</v>
      </c>
      <c r="T30451">
        <v>18</v>
      </c>
      <c r="U30451">
        <v>18</v>
      </c>
      <c r="V30451">
        <v>18</v>
      </c>
      <c r="W30451">
        <v>18</v>
      </c>
      <c r="X30451">
        <v>18</v>
      </c>
      <c r="Y30451">
        <v>18</v>
      </c>
      <c r="Z30451">
        <v>18</v>
      </c>
      <c r="AA30451">
        <v>18</v>
      </c>
      <c r="AB30451">
        <v>18</v>
      </c>
      <c r="AC30451">
        <v>18</v>
      </c>
      <c r="AD30451">
        <v>18</v>
      </c>
      <c r="AE30451">
        <v>18</v>
      </c>
      <c r="AF30451">
        <v>19</v>
      </c>
      <c r="AG30451">
        <v>19</v>
      </c>
      <c r="AH30451">
        <v>19</v>
      </c>
      <c r="AI30451">
        <v>19</v>
      </c>
      <c r="AJ30451">
        <v>19</v>
      </c>
      <c r="AK30451">
        <v>19</v>
      </c>
      <c r="AL30451">
        <v>19</v>
      </c>
      <c r="AM30451">
        <v>19</v>
      </c>
      <c r="AN30451">
        <v>19</v>
      </c>
      <c r="AO30451">
        <v>19</v>
      </c>
      <c r="AP30451">
        <v>20</v>
      </c>
      <c r="AQ30451">
        <v>20</v>
      </c>
    </row>
    <row r="30452" spans="1:43">
      <c r="A30452" t="s">
        <v>18869</v>
      </c>
      <c r="B30452" t="s">
        <v>18870</v>
      </c>
      <c r="C30452" t="s">
        <v>18871</v>
      </c>
      <c r="D30452" t="s">
        <v>18872</v>
      </c>
      <c r="E30452" t="s">
        <v>18845</v>
      </c>
      <c r="F30452" t="s">
        <v>18846</v>
      </c>
      <c r="G30452" t="s">
        <v>10734</v>
      </c>
      <c r="H30452" t="s">
        <v>10735</v>
      </c>
      <c r="I30452" s="2">
        <v>0</v>
      </c>
      <c r="J30452" s="2">
        <v>0</v>
      </c>
      <c r="K30452" s="2">
        <v>1</v>
      </c>
      <c r="L30452" t="s">
        <v>995</v>
      </c>
      <c r="M30452" t="s">
        <v>89</v>
      </c>
      <c r="N30452" t="s">
        <v>90</v>
      </c>
      <c r="O30452" t="s">
        <v>85</v>
      </c>
      <c r="P30452" t="s">
        <v>86</v>
      </c>
      <c r="Q30452">
        <v>17</v>
      </c>
      <c r="R30452">
        <v>17</v>
      </c>
      <c r="S30452">
        <v>17</v>
      </c>
      <c r="T30452">
        <v>18</v>
      </c>
      <c r="U30452">
        <v>18</v>
      </c>
      <c r="V30452">
        <v>18</v>
      </c>
      <c r="W30452">
        <v>19</v>
      </c>
      <c r="X30452">
        <v>19</v>
      </c>
      <c r="Y30452">
        <v>19</v>
      </c>
      <c r="Z30452">
        <v>20</v>
      </c>
      <c r="AA30452">
        <v>20</v>
      </c>
      <c r="AB30452">
        <v>20</v>
      </c>
      <c r="AC30452">
        <v>21</v>
      </c>
      <c r="AD30452">
        <v>21</v>
      </c>
      <c r="AE30452">
        <v>21</v>
      </c>
      <c r="AF30452">
        <v>21</v>
      </c>
      <c r="AG30452">
        <v>21</v>
      </c>
      <c r="AH30452">
        <v>21</v>
      </c>
      <c r="AI30452">
        <v>21</v>
      </c>
      <c r="AJ30452">
        <v>21</v>
      </c>
      <c r="AK30452">
        <v>21</v>
      </c>
      <c r="AL30452">
        <v>22</v>
      </c>
      <c r="AM30452">
        <v>22</v>
      </c>
      <c r="AN30452">
        <v>22</v>
      </c>
      <c r="AO30452">
        <v>22</v>
      </c>
      <c r="AP30452">
        <v>22</v>
      </c>
      <c r="AQ30452">
        <v>22</v>
      </c>
    </row>
    <row r="30453" spans="1:43">
      <c r="A30453" t="s">
        <v>18869</v>
      </c>
      <c r="B30453" t="s">
        <v>18870</v>
      </c>
      <c r="C30453" t="s">
        <v>18871</v>
      </c>
      <c r="D30453" t="s">
        <v>18872</v>
      </c>
      <c r="E30453" t="s">
        <v>18845</v>
      </c>
      <c r="F30453" t="s">
        <v>18846</v>
      </c>
      <c r="G30453" t="s">
        <v>10734</v>
      </c>
      <c r="H30453" t="s">
        <v>10735</v>
      </c>
      <c r="I30453" s="2">
        <v>0</v>
      </c>
      <c r="J30453" s="2">
        <v>0</v>
      </c>
      <c r="K30453" s="2">
        <v>1</v>
      </c>
      <c r="L30453" t="s">
        <v>995</v>
      </c>
      <c r="M30453" t="s">
        <v>83</v>
      </c>
      <c r="N30453" t="s">
        <v>91</v>
      </c>
      <c r="O30453" t="s">
        <v>85</v>
      </c>
      <c r="P30453" t="s">
        <v>86</v>
      </c>
      <c r="Q30453">
        <v>17</v>
      </c>
      <c r="R30453">
        <v>17</v>
      </c>
      <c r="S30453">
        <v>17</v>
      </c>
      <c r="T30453">
        <v>17</v>
      </c>
      <c r="U30453">
        <v>17</v>
      </c>
      <c r="V30453">
        <v>18</v>
      </c>
      <c r="W30453">
        <v>18</v>
      </c>
      <c r="X30453">
        <v>18</v>
      </c>
      <c r="Y30453">
        <v>18</v>
      </c>
      <c r="Z30453">
        <v>19</v>
      </c>
      <c r="AA30453">
        <v>19</v>
      </c>
      <c r="AB30453">
        <v>19</v>
      </c>
      <c r="AC30453">
        <v>19</v>
      </c>
      <c r="AD30453">
        <v>19</v>
      </c>
      <c r="AE30453">
        <v>20</v>
      </c>
      <c r="AF30453">
        <v>20</v>
      </c>
      <c r="AG30453">
        <v>20</v>
      </c>
      <c r="AH30453">
        <v>20</v>
      </c>
      <c r="AI30453">
        <v>21</v>
      </c>
      <c r="AJ30453">
        <v>21</v>
      </c>
      <c r="AK30453">
        <v>21</v>
      </c>
      <c r="AL30453">
        <v>21</v>
      </c>
      <c r="AM30453">
        <v>21</v>
      </c>
      <c r="AN30453">
        <v>21</v>
      </c>
      <c r="AO30453">
        <v>21</v>
      </c>
      <c r="AP30453">
        <v>22</v>
      </c>
      <c r="AQ30453">
        <v>22</v>
      </c>
    </row>
    <row r="30454" spans="1:43">
      <c r="A30454" t="s">
        <v>18873</v>
      </c>
      <c r="B30454" t="s">
        <v>18874</v>
      </c>
      <c r="C30454" t="s">
        <v>18871</v>
      </c>
      <c r="D30454" t="s">
        <v>18872</v>
      </c>
      <c r="E30454" t="s">
        <v>18845</v>
      </c>
      <c r="F30454" t="s">
        <v>18846</v>
      </c>
      <c r="G30454" t="s">
        <v>10734</v>
      </c>
      <c r="H30454" t="s">
        <v>10735</v>
      </c>
      <c r="I30454" s="2">
        <v>0</v>
      </c>
      <c r="J30454" s="2">
        <v>0</v>
      </c>
      <c r="K30454" s="2">
        <v>1</v>
      </c>
      <c r="L30454" t="s">
        <v>995</v>
      </c>
      <c r="M30454" t="s">
        <v>83</v>
      </c>
      <c r="N30454" t="s">
        <v>84</v>
      </c>
      <c r="O30454" t="s">
        <v>85</v>
      </c>
      <c r="P30454" t="s">
        <v>86</v>
      </c>
      <c r="Q30454">
        <v>16</v>
      </c>
      <c r="R30454">
        <v>17</v>
      </c>
      <c r="S30454">
        <v>17</v>
      </c>
      <c r="T30454">
        <v>17</v>
      </c>
      <c r="U30454">
        <v>17</v>
      </c>
      <c r="V30454">
        <v>18</v>
      </c>
      <c r="W30454">
        <v>18</v>
      </c>
      <c r="X30454">
        <v>18</v>
      </c>
      <c r="Y30454">
        <v>18</v>
      </c>
      <c r="Z30454">
        <v>18</v>
      </c>
      <c r="AA30454">
        <v>19</v>
      </c>
      <c r="AB30454">
        <v>19</v>
      </c>
      <c r="AC30454">
        <v>19</v>
      </c>
      <c r="AD30454">
        <v>19</v>
      </c>
      <c r="AE30454">
        <v>20</v>
      </c>
      <c r="AF30454">
        <v>20</v>
      </c>
      <c r="AG30454">
        <v>20</v>
      </c>
      <c r="AH30454">
        <v>20</v>
      </c>
      <c r="AI30454">
        <v>21</v>
      </c>
      <c r="AJ30454">
        <v>21</v>
      </c>
      <c r="AK30454">
        <v>21</v>
      </c>
      <c r="AL30454">
        <v>21</v>
      </c>
      <c r="AM30454">
        <v>21</v>
      </c>
      <c r="AN30454">
        <v>21</v>
      </c>
      <c r="AO30454">
        <v>21</v>
      </c>
      <c r="AP30454">
        <v>21</v>
      </c>
      <c r="AQ30454">
        <v>21</v>
      </c>
    </row>
    <row r="30455" spans="1:43">
      <c r="A30455" t="s">
        <v>18873</v>
      </c>
      <c r="B30455" t="s">
        <v>18874</v>
      </c>
      <c r="C30455" t="s">
        <v>18871</v>
      </c>
      <c r="D30455" t="s">
        <v>18872</v>
      </c>
      <c r="E30455" t="s">
        <v>18845</v>
      </c>
      <c r="F30455" t="s">
        <v>18846</v>
      </c>
      <c r="G30455" t="s">
        <v>10734</v>
      </c>
      <c r="H30455" t="s">
        <v>10735</v>
      </c>
      <c r="I30455" s="2">
        <v>0</v>
      </c>
      <c r="J30455" s="2">
        <v>0</v>
      </c>
      <c r="K30455" s="2">
        <v>1</v>
      </c>
      <c r="L30455" t="s">
        <v>995</v>
      </c>
      <c r="M30455" t="s">
        <v>87</v>
      </c>
      <c r="N30455" t="s">
        <v>88</v>
      </c>
      <c r="O30455" t="s">
        <v>85</v>
      </c>
      <c r="P30455" t="s">
        <v>86</v>
      </c>
      <c r="Q30455">
        <v>16</v>
      </c>
      <c r="R30455">
        <v>16</v>
      </c>
      <c r="S30455">
        <v>16</v>
      </c>
      <c r="T30455">
        <v>17</v>
      </c>
      <c r="U30455">
        <v>17</v>
      </c>
      <c r="V30455">
        <v>17</v>
      </c>
      <c r="W30455">
        <v>17</v>
      </c>
      <c r="X30455">
        <v>17</v>
      </c>
      <c r="Y30455">
        <v>17</v>
      </c>
      <c r="Z30455">
        <v>17</v>
      </c>
      <c r="AA30455">
        <v>17</v>
      </c>
      <c r="AB30455">
        <v>17</v>
      </c>
      <c r="AC30455">
        <v>17</v>
      </c>
      <c r="AD30455">
        <v>17</v>
      </c>
      <c r="AE30455">
        <v>17</v>
      </c>
      <c r="AF30455">
        <v>17</v>
      </c>
      <c r="AG30455">
        <v>18</v>
      </c>
      <c r="AH30455">
        <v>18</v>
      </c>
      <c r="AI30455">
        <v>18</v>
      </c>
      <c r="AJ30455">
        <v>18</v>
      </c>
      <c r="AK30455">
        <v>18</v>
      </c>
      <c r="AL30455">
        <v>18</v>
      </c>
      <c r="AM30455">
        <v>18</v>
      </c>
      <c r="AN30455">
        <v>18</v>
      </c>
      <c r="AO30455">
        <v>18</v>
      </c>
      <c r="AP30455">
        <v>18</v>
      </c>
      <c r="AQ30455">
        <v>19</v>
      </c>
    </row>
    <row r="30456" spans="1:43">
      <c r="A30456" t="s">
        <v>18873</v>
      </c>
      <c r="B30456" t="s">
        <v>18874</v>
      </c>
      <c r="C30456" t="s">
        <v>18871</v>
      </c>
      <c r="D30456" t="s">
        <v>18872</v>
      </c>
      <c r="E30456" t="s">
        <v>18845</v>
      </c>
      <c r="F30456" t="s">
        <v>18846</v>
      </c>
      <c r="G30456" t="s">
        <v>10734</v>
      </c>
      <c r="H30456" t="s">
        <v>10735</v>
      </c>
      <c r="I30456" s="2">
        <v>0</v>
      </c>
      <c r="J30456" s="2">
        <v>0</v>
      </c>
      <c r="K30456" s="2">
        <v>1</v>
      </c>
      <c r="L30456" t="s">
        <v>995</v>
      </c>
      <c r="M30456" t="s">
        <v>89</v>
      </c>
      <c r="N30456" t="s">
        <v>90</v>
      </c>
      <c r="O30456" t="s">
        <v>85</v>
      </c>
      <c r="P30456" t="s">
        <v>86</v>
      </c>
      <c r="Q30456">
        <v>16</v>
      </c>
      <c r="R30456">
        <v>16</v>
      </c>
      <c r="S30456">
        <v>16</v>
      </c>
      <c r="T30456">
        <v>17</v>
      </c>
      <c r="U30456">
        <v>17</v>
      </c>
      <c r="V30456">
        <v>17</v>
      </c>
      <c r="W30456">
        <v>18</v>
      </c>
      <c r="X30456">
        <v>18</v>
      </c>
      <c r="Y30456">
        <v>18</v>
      </c>
      <c r="Z30456">
        <v>19</v>
      </c>
      <c r="AA30456">
        <v>19</v>
      </c>
      <c r="AB30456">
        <v>19</v>
      </c>
      <c r="AC30456">
        <v>20</v>
      </c>
      <c r="AD30456">
        <v>20</v>
      </c>
      <c r="AE30456">
        <v>20</v>
      </c>
      <c r="AF30456">
        <v>20</v>
      </c>
      <c r="AG30456">
        <v>20</v>
      </c>
      <c r="AH30456">
        <v>20</v>
      </c>
      <c r="AI30456">
        <v>20</v>
      </c>
      <c r="AJ30456">
        <v>20</v>
      </c>
      <c r="AK30456">
        <v>20</v>
      </c>
      <c r="AL30456">
        <v>20</v>
      </c>
      <c r="AM30456">
        <v>20</v>
      </c>
      <c r="AN30456">
        <v>21</v>
      </c>
      <c r="AO30456">
        <v>21</v>
      </c>
      <c r="AP30456">
        <v>21</v>
      </c>
      <c r="AQ30456">
        <v>21</v>
      </c>
    </row>
    <row r="30457" spans="1:43">
      <c r="A30457" t="s">
        <v>18873</v>
      </c>
      <c r="B30457" t="s">
        <v>18874</v>
      </c>
      <c r="C30457" t="s">
        <v>18871</v>
      </c>
      <c r="D30457" t="s">
        <v>18872</v>
      </c>
      <c r="E30457" t="s">
        <v>18845</v>
      </c>
      <c r="F30457" t="s">
        <v>18846</v>
      </c>
      <c r="G30457" t="s">
        <v>10734</v>
      </c>
      <c r="H30457" t="s">
        <v>10735</v>
      </c>
      <c r="I30457" s="2">
        <v>0</v>
      </c>
      <c r="J30457" s="2">
        <v>0</v>
      </c>
      <c r="K30457" s="2">
        <v>1</v>
      </c>
      <c r="L30457" t="s">
        <v>995</v>
      </c>
      <c r="M30457" t="s">
        <v>83</v>
      </c>
      <c r="N30457" t="s">
        <v>91</v>
      </c>
      <c r="O30457" t="s">
        <v>85</v>
      </c>
      <c r="P30457" t="s">
        <v>86</v>
      </c>
      <c r="Q30457">
        <v>16</v>
      </c>
      <c r="R30457">
        <v>17</v>
      </c>
      <c r="S30457">
        <v>17</v>
      </c>
      <c r="T30457">
        <v>17</v>
      </c>
      <c r="U30457">
        <v>17</v>
      </c>
      <c r="V30457">
        <v>18</v>
      </c>
      <c r="W30457">
        <v>18</v>
      </c>
      <c r="X30457">
        <v>18</v>
      </c>
      <c r="Y30457">
        <v>18</v>
      </c>
      <c r="Z30457">
        <v>18</v>
      </c>
      <c r="AA30457">
        <v>19</v>
      </c>
      <c r="AB30457">
        <v>19</v>
      </c>
      <c r="AC30457">
        <v>19</v>
      </c>
      <c r="AD30457">
        <v>19</v>
      </c>
      <c r="AE30457">
        <v>20</v>
      </c>
      <c r="AF30457">
        <v>20</v>
      </c>
      <c r="AG30457">
        <v>20</v>
      </c>
      <c r="AH30457">
        <v>20</v>
      </c>
      <c r="AI30457">
        <v>21</v>
      </c>
      <c r="AJ30457">
        <v>21</v>
      </c>
      <c r="AK30457">
        <v>21</v>
      </c>
      <c r="AL30457">
        <v>21</v>
      </c>
      <c r="AM30457">
        <v>21</v>
      </c>
      <c r="AN30457">
        <v>21</v>
      </c>
      <c r="AO30457">
        <v>21</v>
      </c>
      <c r="AP30457">
        <v>21</v>
      </c>
      <c r="AQ30457">
        <v>21</v>
      </c>
    </row>
    <row r="30458" spans="1:43">
      <c r="A30458" t="s">
        <v>18875</v>
      </c>
      <c r="B30458" t="s">
        <v>18876</v>
      </c>
      <c r="C30458" t="s">
        <v>18871</v>
      </c>
      <c r="D30458" t="s">
        <v>18872</v>
      </c>
      <c r="E30458" t="s">
        <v>18845</v>
      </c>
      <c r="F30458" t="s">
        <v>18846</v>
      </c>
      <c r="G30458" t="s">
        <v>10734</v>
      </c>
      <c r="H30458" t="s">
        <v>10735</v>
      </c>
      <c r="I30458" s="2">
        <v>0</v>
      </c>
      <c r="J30458" s="2">
        <v>0</v>
      </c>
      <c r="K30458" s="2">
        <v>1</v>
      </c>
      <c r="L30458" t="s">
        <v>995</v>
      </c>
      <c r="M30458" t="s">
        <v>83</v>
      </c>
      <c r="N30458" t="s">
        <v>84</v>
      </c>
      <c r="O30458" t="s">
        <v>85</v>
      </c>
      <c r="P30458" t="s">
        <v>86</v>
      </c>
      <c r="Q30458">
        <v>26</v>
      </c>
      <c r="R30458">
        <v>26</v>
      </c>
      <c r="S30458">
        <v>27</v>
      </c>
      <c r="T30458">
        <v>27</v>
      </c>
      <c r="U30458">
        <v>27</v>
      </c>
      <c r="V30458">
        <v>28</v>
      </c>
      <c r="W30458">
        <v>28</v>
      </c>
      <c r="X30458">
        <v>28</v>
      </c>
      <c r="Y30458">
        <v>29</v>
      </c>
      <c r="Z30458">
        <v>29</v>
      </c>
      <c r="AA30458">
        <v>29</v>
      </c>
      <c r="AB30458">
        <v>30</v>
      </c>
      <c r="AC30458">
        <v>30</v>
      </c>
      <c r="AD30458">
        <v>30</v>
      </c>
      <c r="AE30458">
        <v>31</v>
      </c>
      <c r="AF30458">
        <v>31</v>
      </c>
      <c r="AG30458">
        <v>31</v>
      </c>
      <c r="AH30458">
        <v>32</v>
      </c>
      <c r="AI30458">
        <v>32</v>
      </c>
      <c r="AJ30458">
        <v>33</v>
      </c>
      <c r="AK30458">
        <v>33</v>
      </c>
      <c r="AL30458">
        <v>33</v>
      </c>
      <c r="AM30458">
        <v>33</v>
      </c>
      <c r="AN30458">
        <v>33</v>
      </c>
      <c r="AO30458">
        <v>34</v>
      </c>
      <c r="AP30458">
        <v>34</v>
      </c>
      <c r="AQ30458">
        <v>34</v>
      </c>
    </row>
    <row r="30459" spans="1:43">
      <c r="A30459" t="s">
        <v>18875</v>
      </c>
      <c r="B30459" t="s">
        <v>18876</v>
      </c>
      <c r="C30459" t="s">
        <v>18871</v>
      </c>
      <c r="D30459" t="s">
        <v>18872</v>
      </c>
      <c r="E30459" t="s">
        <v>18845</v>
      </c>
      <c r="F30459" t="s">
        <v>18846</v>
      </c>
      <c r="G30459" t="s">
        <v>10734</v>
      </c>
      <c r="H30459" t="s">
        <v>10735</v>
      </c>
      <c r="I30459" s="2">
        <v>0</v>
      </c>
      <c r="J30459" s="2">
        <v>0</v>
      </c>
      <c r="K30459" s="2">
        <v>1</v>
      </c>
      <c r="L30459" t="s">
        <v>995</v>
      </c>
      <c r="M30459" t="s">
        <v>87</v>
      </c>
      <c r="N30459" t="s">
        <v>88</v>
      </c>
      <c r="O30459" t="s">
        <v>85</v>
      </c>
      <c r="P30459" t="s">
        <v>86</v>
      </c>
      <c r="Q30459">
        <v>26</v>
      </c>
      <c r="R30459">
        <v>26</v>
      </c>
      <c r="S30459">
        <v>26</v>
      </c>
      <c r="T30459">
        <v>26</v>
      </c>
      <c r="U30459">
        <v>26</v>
      </c>
      <c r="V30459">
        <v>26</v>
      </c>
      <c r="W30459">
        <v>26</v>
      </c>
      <c r="X30459">
        <v>26</v>
      </c>
      <c r="Y30459">
        <v>26</v>
      </c>
      <c r="Z30459">
        <v>27</v>
      </c>
      <c r="AA30459">
        <v>27</v>
      </c>
      <c r="AB30459">
        <v>27</v>
      </c>
      <c r="AC30459">
        <v>27</v>
      </c>
      <c r="AD30459">
        <v>27</v>
      </c>
      <c r="AE30459">
        <v>27</v>
      </c>
      <c r="AF30459">
        <v>27</v>
      </c>
      <c r="AG30459">
        <v>28</v>
      </c>
      <c r="AH30459">
        <v>28</v>
      </c>
      <c r="AI30459">
        <v>28</v>
      </c>
      <c r="AJ30459">
        <v>28</v>
      </c>
      <c r="AK30459">
        <v>28</v>
      </c>
      <c r="AL30459">
        <v>28</v>
      </c>
      <c r="AM30459">
        <v>28</v>
      </c>
      <c r="AN30459">
        <v>29</v>
      </c>
      <c r="AO30459">
        <v>29</v>
      </c>
      <c r="AP30459">
        <v>29</v>
      </c>
      <c r="AQ30459">
        <v>29</v>
      </c>
    </row>
    <row r="30460" spans="1:43">
      <c r="A30460" t="s">
        <v>18875</v>
      </c>
      <c r="B30460" t="s">
        <v>18876</v>
      </c>
      <c r="C30460" t="s">
        <v>18871</v>
      </c>
      <c r="D30460" t="s">
        <v>18872</v>
      </c>
      <c r="E30460" t="s">
        <v>18845</v>
      </c>
      <c r="F30460" t="s">
        <v>18846</v>
      </c>
      <c r="G30460" t="s">
        <v>10734</v>
      </c>
      <c r="H30460" t="s">
        <v>10735</v>
      </c>
      <c r="I30460" s="2">
        <v>0</v>
      </c>
      <c r="J30460" s="2">
        <v>0</v>
      </c>
      <c r="K30460" s="2">
        <v>1</v>
      </c>
      <c r="L30460" t="s">
        <v>995</v>
      </c>
      <c r="M30460" t="s">
        <v>89</v>
      </c>
      <c r="N30460" t="s">
        <v>90</v>
      </c>
      <c r="O30460" t="s">
        <v>85</v>
      </c>
      <c r="P30460" t="s">
        <v>86</v>
      </c>
      <c r="Q30460">
        <v>26</v>
      </c>
      <c r="R30460">
        <v>27</v>
      </c>
      <c r="S30460">
        <v>27</v>
      </c>
      <c r="T30460">
        <v>28</v>
      </c>
      <c r="U30460">
        <v>28</v>
      </c>
      <c r="V30460">
        <v>29</v>
      </c>
      <c r="W30460">
        <v>29</v>
      </c>
      <c r="X30460">
        <v>30</v>
      </c>
      <c r="Y30460">
        <v>30</v>
      </c>
      <c r="Z30460">
        <v>31</v>
      </c>
      <c r="AA30460">
        <v>31</v>
      </c>
      <c r="AB30460">
        <v>32</v>
      </c>
      <c r="AC30460">
        <v>32</v>
      </c>
      <c r="AD30460">
        <v>33</v>
      </c>
      <c r="AE30460">
        <v>33</v>
      </c>
      <c r="AF30460">
        <v>33</v>
      </c>
      <c r="AG30460">
        <v>33</v>
      </c>
      <c r="AH30460">
        <v>33</v>
      </c>
      <c r="AI30460">
        <v>33</v>
      </c>
      <c r="AJ30460">
        <v>33</v>
      </c>
      <c r="AK30460">
        <v>34</v>
      </c>
      <c r="AL30460">
        <v>34</v>
      </c>
      <c r="AM30460">
        <v>34</v>
      </c>
      <c r="AN30460">
        <v>34</v>
      </c>
      <c r="AO30460">
        <v>34</v>
      </c>
      <c r="AP30460">
        <v>34</v>
      </c>
      <c r="AQ30460">
        <v>34</v>
      </c>
    </row>
    <row r="30461" spans="1:43">
      <c r="A30461" t="s">
        <v>18875</v>
      </c>
      <c r="B30461" t="s">
        <v>18876</v>
      </c>
      <c r="C30461" t="s">
        <v>18871</v>
      </c>
      <c r="D30461" t="s">
        <v>18872</v>
      </c>
      <c r="E30461" t="s">
        <v>18845</v>
      </c>
      <c r="F30461" t="s">
        <v>18846</v>
      </c>
      <c r="G30461" t="s">
        <v>10734</v>
      </c>
      <c r="H30461" t="s">
        <v>10735</v>
      </c>
      <c r="I30461" s="2">
        <v>0</v>
      </c>
      <c r="J30461" s="2">
        <v>0</v>
      </c>
      <c r="K30461" s="2">
        <v>1</v>
      </c>
      <c r="L30461" t="s">
        <v>995</v>
      </c>
      <c r="M30461" t="s">
        <v>83</v>
      </c>
      <c r="N30461" t="s">
        <v>91</v>
      </c>
      <c r="O30461" t="s">
        <v>85</v>
      </c>
      <c r="P30461" t="s">
        <v>86</v>
      </c>
      <c r="Q30461">
        <v>26</v>
      </c>
      <c r="R30461">
        <v>26</v>
      </c>
      <c r="S30461">
        <v>27</v>
      </c>
      <c r="T30461">
        <v>27</v>
      </c>
      <c r="U30461">
        <v>27</v>
      </c>
      <c r="V30461">
        <v>28</v>
      </c>
      <c r="W30461">
        <v>28</v>
      </c>
      <c r="X30461">
        <v>28</v>
      </c>
      <c r="Y30461">
        <v>29</v>
      </c>
      <c r="Z30461">
        <v>29</v>
      </c>
      <c r="AA30461">
        <v>29</v>
      </c>
      <c r="AB30461">
        <v>30</v>
      </c>
      <c r="AC30461">
        <v>30</v>
      </c>
      <c r="AD30461">
        <v>30</v>
      </c>
      <c r="AE30461">
        <v>31</v>
      </c>
      <c r="AF30461">
        <v>31</v>
      </c>
      <c r="AG30461">
        <v>31</v>
      </c>
      <c r="AH30461">
        <v>32</v>
      </c>
      <c r="AI30461">
        <v>32</v>
      </c>
      <c r="AJ30461">
        <v>33</v>
      </c>
      <c r="AK30461">
        <v>33</v>
      </c>
      <c r="AL30461">
        <v>33</v>
      </c>
      <c r="AM30461">
        <v>33</v>
      </c>
      <c r="AN30461">
        <v>33</v>
      </c>
      <c r="AO30461">
        <v>34</v>
      </c>
      <c r="AP30461">
        <v>34</v>
      </c>
      <c r="AQ30461">
        <v>34</v>
      </c>
    </row>
    <row r="30462" spans="1:43">
      <c r="A30462" t="s">
        <v>18877</v>
      </c>
      <c r="B30462" t="s">
        <v>18878</v>
      </c>
      <c r="C30462" t="s">
        <v>18879</v>
      </c>
      <c r="D30462" t="s">
        <v>18880</v>
      </c>
      <c r="E30462" t="s">
        <v>18845</v>
      </c>
      <c r="F30462" t="s">
        <v>18846</v>
      </c>
      <c r="G30462" t="s">
        <v>10734</v>
      </c>
      <c r="H30462" t="s">
        <v>10735</v>
      </c>
      <c r="I30462" s="2">
        <v>0</v>
      </c>
      <c r="J30462" s="2">
        <v>0</v>
      </c>
      <c r="K30462" s="2">
        <v>1</v>
      </c>
      <c r="L30462" t="s">
        <v>995</v>
      </c>
      <c r="M30462" t="s">
        <v>83</v>
      </c>
      <c r="N30462" t="s">
        <v>84</v>
      </c>
      <c r="O30462" t="s">
        <v>85</v>
      </c>
      <c r="P30462" t="s">
        <v>86</v>
      </c>
      <c r="Q30462">
        <v>15</v>
      </c>
      <c r="R30462">
        <v>15</v>
      </c>
      <c r="S30462">
        <v>16</v>
      </c>
      <c r="T30462">
        <v>16</v>
      </c>
      <c r="U30462">
        <v>16</v>
      </c>
      <c r="V30462">
        <v>16</v>
      </c>
      <c r="W30462">
        <v>16</v>
      </c>
      <c r="X30462">
        <v>17</v>
      </c>
      <c r="Y30462">
        <v>17</v>
      </c>
      <c r="Z30462">
        <v>17</v>
      </c>
      <c r="AA30462">
        <v>17</v>
      </c>
      <c r="AB30462">
        <v>17</v>
      </c>
      <c r="AC30462">
        <v>18</v>
      </c>
      <c r="AD30462">
        <v>18</v>
      </c>
      <c r="AE30462">
        <v>18</v>
      </c>
      <c r="AF30462">
        <v>18</v>
      </c>
      <c r="AG30462">
        <v>19</v>
      </c>
      <c r="AH30462">
        <v>19</v>
      </c>
      <c r="AI30462">
        <v>19</v>
      </c>
      <c r="AJ30462">
        <v>19</v>
      </c>
      <c r="AK30462">
        <v>19</v>
      </c>
      <c r="AL30462">
        <v>20</v>
      </c>
      <c r="AM30462">
        <v>20</v>
      </c>
      <c r="AN30462">
        <v>20</v>
      </c>
      <c r="AO30462">
        <v>20</v>
      </c>
      <c r="AP30462">
        <v>20</v>
      </c>
      <c r="AQ30462">
        <v>20</v>
      </c>
    </row>
    <row r="30463" spans="1:43">
      <c r="A30463" t="s">
        <v>18877</v>
      </c>
      <c r="B30463" t="s">
        <v>18878</v>
      </c>
      <c r="C30463" t="s">
        <v>18879</v>
      </c>
      <c r="D30463" t="s">
        <v>18880</v>
      </c>
      <c r="E30463" t="s">
        <v>18845</v>
      </c>
      <c r="F30463" t="s">
        <v>18846</v>
      </c>
      <c r="G30463" t="s">
        <v>10734</v>
      </c>
      <c r="H30463" t="s">
        <v>10735</v>
      </c>
      <c r="I30463" s="2">
        <v>0</v>
      </c>
      <c r="J30463" s="2">
        <v>0</v>
      </c>
      <c r="K30463" s="2">
        <v>1</v>
      </c>
      <c r="L30463" t="s">
        <v>995</v>
      </c>
      <c r="M30463" t="s">
        <v>87</v>
      </c>
      <c r="N30463" t="s">
        <v>88</v>
      </c>
      <c r="O30463" t="s">
        <v>85</v>
      </c>
      <c r="P30463" t="s">
        <v>86</v>
      </c>
      <c r="Q30463">
        <v>15</v>
      </c>
      <c r="R30463">
        <v>15</v>
      </c>
      <c r="S30463">
        <v>15</v>
      </c>
      <c r="T30463">
        <v>15</v>
      </c>
      <c r="U30463">
        <v>15</v>
      </c>
      <c r="V30463">
        <v>15</v>
      </c>
      <c r="W30463">
        <v>15</v>
      </c>
      <c r="X30463">
        <v>15</v>
      </c>
      <c r="Y30463">
        <v>16</v>
      </c>
      <c r="Z30463">
        <v>16</v>
      </c>
      <c r="AA30463">
        <v>16</v>
      </c>
      <c r="AB30463">
        <v>16</v>
      </c>
      <c r="AC30463">
        <v>16</v>
      </c>
      <c r="AD30463">
        <v>16</v>
      </c>
      <c r="AE30463">
        <v>16</v>
      </c>
      <c r="AF30463">
        <v>16</v>
      </c>
      <c r="AG30463">
        <v>16</v>
      </c>
      <c r="AH30463">
        <v>16</v>
      </c>
      <c r="AI30463">
        <v>16</v>
      </c>
      <c r="AJ30463">
        <v>17</v>
      </c>
      <c r="AK30463">
        <v>17</v>
      </c>
      <c r="AL30463">
        <v>17</v>
      </c>
      <c r="AM30463">
        <v>17</v>
      </c>
      <c r="AN30463">
        <v>17</v>
      </c>
      <c r="AO30463">
        <v>17</v>
      </c>
      <c r="AP30463">
        <v>17</v>
      </c>
      <c r="AQ30463">
        <v>17</v>
      </c>
    </row>
    <row r="30464" spans="1:43">
      <c r="A30464" t="s">
        <v>18877</v>
      </c>
      <c r="B30464" t="s">
        <v>18878</v>
      </c>
      <c r="C30464" t="s">
        <v>18879</v>
      </c>
      <c r="D30464" t="s">
        <v>18880</v>
      </c>
      <c r="E30464" t="s">
        <v>18845</v>
      </c>
      <c r="F30464" t="s">
        <v>18846</v>
      </c>
      <c r="G30464" t="s">
        <v>10734</v>
      </c>
      <c r="H30464" t="s">
        <v>10735</v>
      </c>
      <c r="I30464" s="2">
        <v>0</v>
      </c>
      <c r="J30464" s="2">
        <v>0</v>
      </c>
      <c r="K30464" s="2">
        <v>1</v>
      </c>
      <c r="L30464" t="s">
        <v>995</v>
      </c>
      <c r="M30464" t="s">
        <v>89</v>
      </c>
      <c r="N30464" t="s">
        <v>90</v>
      </c>
      <c r="O30464" t="s">
        <v>85</v>
      </c>
      <c r="P30464" t="s">
        <v>86</v>
      </c>
      <c r="Q30464">
        <v>15</v>
      </c>
      <c r="R30464">
        <v>16</v>
      </c>
      <c r="S30464">
        <v>16</v>
      </c>
      <c r="T30464">
        <v>16</v>
      </c>
      <c r="U30464">
        <v>17</v>
      </c>
      <c r="V30464">
        <v>17</v>
      </c>
      <c r="W30464">
        <v>17</v>
      </c>
      <c r="X30464">
        <v>18</v>
      </c>
      <c r="Y30464">
        <v>18</v>
      </c>
      <c r="Z30464">
        <v>18</v>
      </c>
      <c r="AA30464">
        <v>18</v>
      </c>
      <c r="AB30464">
        <v>19</v>
      </c>
      <c r="AC30464">
        <v>19</v>
      </c>
      <c r="AD30464">
        <v>19</v>
      </c>
      <c r="AE30464">
        <v>19</v>
      </c>
      <c r="AF30464">
        <v>19</v>
      </c>
      <c r="AG30464">
        <v>19</v>
      </c>
      <c r="AH30464">
        <v>19</v>
      </c>
      <c r="AI30464">
        <v>20</v>
      </c>
      <c r="AJ30464">
        <v>20</v>
      </c>
      <c r="AK30464">
        <v>20</v>
      </c>
      <c r="AL30464">
        <v>20</v>
      </c>
      <c r="AM30464">
        <v>20</v>
      </c>
      <c r="AN30464">
        <v>20</v>
      </c>
      <c r="AO30464">
        <v>20</v>
      </c>
      <c r="AP30464">
        <v>20</v>
      </c>
      <c r="AQ30464">
        <v>20</v>
      </c>
    </row>
    <row r="30465" spans="1:43">
      <c r="A30465" t="s">
        <v>18877</v>
      </c>
      <c r="B30465" t="s">
        <v>18878</v>
      </c>
      <c r="C30465" t="s">
        <v>18879</v>
      </c>
      <c r="D30465" t="s">
        <v>18880</v>
      </c>
      <c r="E30465" t="s">
        <v>18845</v>
      </c>
      <c r="F30465" t="s">
        <v>18846</v>
      </c>
      <c r="G30465" t="s">
        <v>10734</v>
      </c>
      <c r="H30465" t="s">
        <v>10735</v>
      </c>
      <c r="I30465" s="2">
        <v>0</v>
      </c>
      <c r="J30465" s="2">
        <v>0</v>
      </c>
      <c r="K30465" s="2">
        <v>1</v>
      </c>
      <c r="L30465" t="s">
        <v>995</v>
      </c>
      <c r="M30465" t="s">
        <v>83</v>
      </c>
      <c r="N30465" t="s">
        <v>91</v>
      </c>
      <c r="O30465" t="s">
        <v>85</v>
      </c>
      <c r="P30465" t="s">
        <v>86</v>
      </c>
      <c r="Q30465">
        <v>15</v>
      </c>
      <c r="R30465">
        <v>15</v>
      </c>
      <c r="S30465">
        <v>16</v>
      </c>
      <c r="T30465">
        <v>16</v>
      </c>
      <c r="U30465">
        <v>16</v>
      </c>
      <c r="V30465">
        <v>16</v>
      </c>
      <c r="W30465">
        <v>16</v>
      </c>
      <c r="X30465">
        <v>17</v>
      </c>
      <c r="Y30465">
        <v>17</v>
      </c>
      <c r="Z30465">
        <v>17</v>
      </c>
      <c r="AA30465">
        <v>17</v>
      </c>
      <c r="AB30465">
        <v>17</v>
      </c>
      <c r="AC30465">
        <v>18</v>
      </c>
      <c r="AD30465">
        <v>18</v>
      </c>
      <c r="AE30465">
        <v>18</v>
      </c>
      <c r="AF30465">
        <v>18</v>
      </c>
      <c r="AG30465">
        <v>19</v>
      </c>
      <c r="AH30465">
        <v>19</v>
      </c>
      <c r="AI30465">
        <v>19</v>
      </c>
      <c r="AJ30465">
        <v>19</v>
      </c>
      <c r="AK30465">
        <v>19</v>
      </c>
      <c r="AL30465">
        <v>20</v>
      </c>
      <c r="AM30465">
        <v>20</v>
      </c>
      <c r="AN30465">
        <v>20</v>
      </c>
      <c r="AO30465">
        <v>20</v>
      </c>
      <c r="AP30465">
        <v>20</v>
      </c>
      <c r="AQ30465">
        <v>20</v>
      </c>
    </row>
    <row r="30466" spans="1:43">
      <c r="A30466" t="s">
        <v>18881</v>
      </c>
      <c r="B30466" t="s">
        <v>18882</v>
      </c>
      <c r="C30466" t="s">
        <v>18879</v>
      </c>
      <c r="D30466" t="s">
        <v>18880</v>
      </c>
      <c r="E30466" t="s">
        <v>18845</v>
      </c>
      <c r="F30466" t="s">
        <v>18846</v>
      </c>
      <c r="G30466" t="s">
        <v>10734</v>
      </c>
      <c r="H30466" t="s">
        <v>10735</v>
      </c>
      <c r="I30466" s="2">
        <v>0</v>
      </c>
      <c r="J30466" s="2">
        <v>0</v>
      </c>
      <c r="K30466" s="2">
        <v>1</v>
      </c>
      <c r="L30466" t="s">
        <v>995</v>
      </c>
      <c r="M30466" t="s">
        <v>83</v>
      </c>
      <c r="N30466" t="s">
        <v>84</v>
      </c>
      <c r="O30466" t="s">
        <v>85</v>
      </c>
      <c r="P30466" t="s">
        <v>86</v>
      </c>
      <c r="Q30466">
        <v>14</v>
      </c>
      <c r="R30466">
        <v>14</v>
      </c>
      <c r="S30466">
        <v>14</v>
      </c>
      <c r="T30466">
        <v>14</v>
      </c>
      <c r="U30466">
        <v>14</v>
      </c>
      <c r="V30466">
        <v>15</v>
      </c>
      <c r="W30466">
        <v>15</v>
      </c>
      <c r="X30466">
        <v>15</v>
      </c>
      <c r="Y30466">
        <v>15</v>
      </c>
      <c r="Z30466">
        <v>15</v>
      </c>
      <c r="AA30466">
        <v>16</v>
      </c>
      <c r="AB30466">
        <v>16</v>
      </c>
      <c r="AC30466">
        <v>16</v>
      </c>
      <c r="AD30466">
        <v>16</v>
      </c>
      <c r="AE30466">
        <v>16</v>
      </c>
      <c r="AF30466">
        <v>16</v>
      </c>
      <c r="AG30466">
        <v>17</v>
      </c>
      <c r="AH30466">
        <v>17</v>
      </c>
      <c r="AI30466">
        <v>17</v>
      </c>
      <c r="AJ30466">
        <v>17</v>
      </c>
      <c r="AK30466">
        <v>17</v>
      </c>
      <c r="AL30466">
        <v>18</v>
      </c>
      <c r="AM30466">
        <v>18</v>
      </c>
      <c r="AN30466">
        <v>18</v>
      </c>
      <c r="AO30466">
        <v>18</v>
      </c>
      <c r="AP30466">
        <v>18</v>
      </c>
      <c r="AQ30466">
        <v>18</v>
      </c>
    </row>
    <row r="30467" spans="1:43">
      <c r="A30467" t="s">
        <v>18881</v>
      </c>
      <c r="B30467" t="s">
        <v>18882</v>
      </c>
      <c r="C30467" t="s">
        <v>18879</v>
      </c>
      <c r="D30467" t="s">
        <v>18880</v>
      </c>
      <c r="E30467" t="s">
        <v>18845</v>
      </c>
      <c r="F30467" t="s">
        <v>18846</v>
      </c>
      <c r="G30467" t="s">
        <v>10734</v>
      </c>
      <c r="H30467" t="s">
        <v>10735</v>
      </c>
      <c r="I30467" s="2">
        <v>0</v>
      </c>
      <c r="J30467" s="2">
        <v>0</v>
      </c>
      <c r="K30467" s="2">
        <v>1</v>
      </c>
      <c r="L30467" t="s">
        <v>995</v>
      </c>
      <c r="M30467" t="s">
        <v>87</v>
      </c>
      <c r="N30467" t="s">
        <v>88</v>
      </c>
      <c r="O30467" t="s">
        <v>85</v>
      </c>
      <c r="P30467" t="s">
        <v>86</v>
      </c>
      <c r="Q30467">
        <v>14</v>
      </c>
      <c r="R30467">
        <v>15</v>
      </c>
      <c r="S30467">
        <v>15</v>
      </c>
      <c r="T30467">
        <v>15</v>
      </c>
      <c r="U30467">
        <v>15</v>
      </c>
      <c r="V30467">
        <v>15</v>
      </c>
      <c r="W30467">
        <v>15</v>
      </c>
      <c r="X30467">
        <v>15</v>
      </c>
      <c r="Y30467">
        <v>15</v>
      </c>
      <c r="Z30467">
        <v>15</v>
      </c>
      <c r="AA30467">
        <v>15</v>
      </c>
      <c r="AB30467">
        <v>15</v>
      </c>
      <c r="AC30467">
        <v>15</v>
      </c>
      <c r="AD30467">
        <v>15</v>
      </c>
      <c r="AE30467">
        <v>15</v>
      </c>
      <c r="AF30467">
        <v>16</v>
      </c>
      <c r="AG30467">
        <v>16</v>
      </c>
      <c r="AH30467">
        <v>16</v>
      </c>
      <c r="AI30467">
        <v>16</v>
      </c>
      <c r="AJ30467">
        <v>16</v>
      </c>
      <c r="AK30467">
        <v>16</v>
      </c>
      <c r="AL30467">
        <v>16</v>
      </c>
      <c r="AM30467">
        <v>16</v>
      </c>
      <c r="AN30467">
        <v>16</v>
      </c>
      <c r="AO30467">
        <v>16</v>
      </c>
      <c r="AP30467">
        <v>16</v>
      </c>
      <c r="AQ30467">
        <v>17</v>
      </c>
    </row>
    <row r="30468" spans="1:43">
      <c r="A30468" t="s">
        <v>18881</v>
      </c>
      <c r="B30468" t="s">
        <v>18882</v>
      </c>
      <c r="C30468" t="s">
        <v>18879</v>
      </c>
      <c r="D30468" t="s">
        <v>18880</v>
      </c>
      <c r="E30468" t="s">
        <v>18845</v>
      </c>
      <c r="F30468" t="s">
        <v>18846</v>
      </c>
      <c r="G30468" t="s">
        <v>10734</v>
      </c>
      <c r="H30468" t="s">
        <v>10735</v>
      </c>
      <c r="I30468" s="2">
        <v>0</v>
      </c>
      <c r="J30468" s="2">
        <v>0</v>
      </c>
      <c r="K30468" s="2">
        <v>1</v>
      </c>
      <c r="L30468" t="s">
        <v>995</v>
      </c>
      <c r="M30468" t="s">
        <v>89</v>
      </c>
      <c r="N30468" t="s">
        <v>90</v>
      </c>
      <c r="O30468" t="s">
        <v>85</v>
      </c>
      <c r="P30468" t="s">
        <v>86</v>
      </c>
      <c r="Q30468">
        <v>14</v>
      </c>
      <c r="R30468">
        <v>14</v>
      </c>
      <c r="S30468">
        <v>14</v>
      </c>
      <c r="T30468">
        <v>15</v>
      </c>
      <c r="U30468">
        <v>15</v>
      </c>
      <c r="V30468">
        <v>15</v>
      </c>
      <c r="W30468">
        <v>16</v>
      </c>
      <c r="X30468">
        <v>16</v>
      </c>
      <c r="Y30468">
        <v>16</v>
      </c>
      <c r="Z30468">
        <v>16</v>
      </c>
      <c r="AA30468">
        <v>16</v>
      </c>
      <c r="AB30468">
        <v>17</v>
      </c>
      <c r="AC30468">
        <v>17</v>
      </c>
      <c r="AD30468">
        <v>17</v>
      </c>
      <c r="AE30468">
        <v>17</v>
      </c>
      <c r="AF30468">
        <v>17</v>
      </c>
      <c r="AG30468">
        <v>17</v>
      </c>
      <c r="AH30468">
        <v>18</v>
      </c>
      <c r="AI30468">
        <v>18</v>
      </c>
      <c r="AJ30468">
        <v>18</v>
      </c>
      <c r="AK30468">
        <v>18</v>
      </c>
      <c r="AL30468">
        <v>18</v>
      </c>
      <c r="AM30468">
        <v>18</v>
      </c>
      <c r="AN30468">
        <v>18</v>
      </c>
      <c r="AO30468">
        <v>18</v>
      </c>
      <c r="AP30468">
        <v>18</v>
      </c>
      <c r="AQ30468">
        <v>18</v>
      </c>
    </row>
    <row r="30469" spans="1:43">
      <c r="A30469" t="s">
        <v>18881</v>
      </c>
      <c r="B30469" t="s">
        <v>18882</v>
      </c>
      <c r="C30469" t="s">
        <v>18879</v>
      </c>
      <c r="D30469" t="s">
        <v>18880</v>
      </c>
      <c r="E30469" t="s">
        <v>18845</v>
      </c>
      <c r="F30469" t="s">
        <v>18846</v>
      </c>
      <c r="G30469" t="s">
        <v>10734</v>
      </c>
      <c r="H30469" t="s">
        <v>10735</v>
      </c>
      <c r="I30469" s="2">
        <v>0</v>
      </c>
      <c r="J30469" s="2">
        <v>0</v>
      </c>
      <c r="K30469" s="2">
        <v>1</v>
      </c>
      <c r="L30469" t="s">
        <v>995</v>
      </c>
      <c r="M30469" t="s">
        <v>83</v>
      </c>
      <c r="N30469" t="s">
        <v>91</v>
      </c>
      <c r="O30469" t="s">
        <v>85</v>
      </c>
      <c r="P30469" t="s">
        <v>86</v>
      </c>
      <c r="Q30469">
        <v>14</v>
      </c>
      <c r="R30469">
        <v>14</v>
      </c>
      <c r="S30469">
        <v>14</v>
      </c>
      <c r="T30469">
        <v>14</v>
      </c>
      <c r="U30469">
        <v>14</v>
      </c>
      <c r="V30469">
        <v>15</v>
      </c>
      <c r="W30469">
        <v>15</v>
      </c>
      <c r="X30469">
        <v>15</v>
      </c>
      <c r="Y30469">
        <v>15</v>
      </c>
      <c r="Z30469">
        <v>15</v>
      </c>
      <c r="AA30469">
        <v>16</v>
      </c>
      <c r="AB30469">
        <v>16</v>
      </c>
      <c r="AC30469">
        <v>16</v>
      </c>
      <c r="AD30469">
        <v>16</v>
      </c>
      <c r="AE30469">
        <v>16</v>
      </c>
      <c r="AF30469">
        <v>16</v>
      </c>
      <c r="AG30469">
        <v>17</v>
      </c>
      <c r="AH30469">
        <v>17</v>
      </c>
      <c r="AI30469">
        <v>17</v>
      </c>
      <c r="AJ30469">
        <v>17</v>
      </c>
      <c r="AK30469">
        <v>17</v>
      </c>
      <c r="AL30469">
        <v>18</v>
      </c>
      <c r="AM30469">
        <v>18</v>
      </c>
      <c r="AN30469">
        <v>18</v>
      </c>
      <c r="AO30469">
        <v>18</v>
      </c>
      <c r="AP30469">
        <v>18</v>
      </c>
      <c r="AQ30469">
        <v>18</v>
      </c>
    </row>
    <row r="30470" spans="1:43">
      <c r="A30470" t="s">
        <v>18883</v>
      </c>
      <c r="B30470" t="s">
        <v>18884</v>
      </c>
      <c r="C30470" t="s">
        <v>18879</v>
      </c>
      <c r="D30470" t="s">
        <v>18880</v>
      </c>
      <c r="E30470" t="s">
        <v>18845</v>
      </c>
      <c r="F30470" t="s">
        <v>18846</v>
      </c>
      <c r="G30470" t="s">
        <v>10734</v>
      </c>
      <c r="H30470" t="s">
        <v>10735</v>
      </c>
      <c r="I30470" s="2">
        <v>0</v>
      </c>
      <c r="J30470" s="2">
        <v>0</v>
      </c>
      <c r="K30470" s="2">
        <v>1</v>
      </c>
      <c r="L30470" t="s">
        <v>995</v>
      </c>
      <c r="M30470" t="s">
        <v>83</v>
      </c>
      <c r="N30470" t="s">
        <v>84</v>
      </c>
      <c r="O30470" t="s">
        <v>85</v>
      </c>
      <c r="P30470" t="s">
        <v>86</v>
      </c>
      <c r="Q30470">
        <v>26</v>
      </c>
      <c r="R30470">
        <v>26</v>
      </c>
      <c r="S30470">
        <v>27</v>
      </c>
      <c r="T30470">
        <v>27</v>
      </c>
      <c r="U30470">
        <v>27</v>
      </c>
      <c r="V30470">
        <v>28</v>
      </c>
      <c r="W30470">
        <v>28</v>
      </c>
      <c r="X30470">
        <v>28</v>
      </c>
      <c r="Y30470">
        <v>29</v>
      </c>
      <c r="Z30470">
        <v>29</v>
      </c>
      <c r="AA30470">
        <v>29</v>
      </c>
      <c r="AB30470">
        <v>30</v>
      </c>
      <c r="AC30470">
        <v>30</v>
      </c>
      <c r="AD30470">
        <v>30</v>
      </c>
      <c r="AE30470">
        <v>31</v>
      </c>
      <c r="AF30470">
        <v>31</v>
      </c>
      <c r="AG30470">
        <v>31</v>
      </c>
      <c r="AH30470">
        <v>32</v>
      </c>
      <c r="AI30470">
        <v>32</v>
      </c>
      <c r="AJ30470">
        <v>32</v>
      </c>
      <c r="AK30470">
        <v>33</v>
      </c>
      <c r="AL30470">
        <v>33</v>
      </c>
      <c r="AM30470">
        <v>33</v>
      </c>
      <c r="AN30470">
        <v>33</v>
      </c>
      <c r="AO30470">
        <v>33</v>
      </c>
      <c r="AP30470">
        <v>33</v>
      </c>
      <c r="AQ30470">
        <v>33</v>
      </c>
    </row>
    <row r="30471" spans="1:43">
      <c r="A30471" t="s">
        <v>18883</v>
      </c>
      <c r="B30471" t="s">
        <v>18884</v>
      </c>
      <c r="C30471" t="s">
        <v>18879</v>
      </c>
      <c r="D30471" t="s">
        <v>18880</v>
      </c>
      <c r="E30471" t="s">
        <v>18845</v>
      </c>
      <c r="F30471" t="s">
        <v>18846</v>
      </c>
      <c r="G30471" t="s">
        <v>10734</v>
      </c>
      <c r="H30471" t="s">
        <v>10735</v>
      </c>
      <c r="I30471" s="2">
        <v>0</v>
      </c>
      <c r="J30471" s="2">
        <v>0</v>
      </c>
      <c r="K30471" s="2">
        <v>1</v>
      </c>
      <c r="L30471" t="s">
        <v>995</v>
      </c>
      <c r="M30471" t="s">
        <v>87</v>
      </c>
      <c r="N30471" t="s">
        <v>88</v>
      </c>
      <c r="O30471" t="s">
        <v>85</v>
      </c>
      <c r="P30471" t="s">
        <v>86</v>
      </c>
      <c r="Q30471">
        <v>26</v>
      </c>
      <c r="R30471">
        <v>26</v>
      </c>
      <c r="S30471">
        <v>26</v>
      </c>
      <c r="T30471">
        <v>26</v>
      </c>
      <c r="U30471">
        <v>26</v>
      </c>
      <c r="V30471">
        <v>26</v>
      </c>
      <c r="W30471">
        <v>26</v>
      </c>
      <c r="X30471">
        <v>26</v>
      </c>
      <c r="Y30471">
        <v>27</v>
      </c>
      <c r="Z30471">
        <v>27</v>
      </c>
      <c r="AA30471">
        <v>27</v>
      </c>
      <c r="AB30471">
        <v>27</v>
      </c>
      <c r="AC30471">
        <v>27</v>
      </c>
      <c r="AD30471">
        <v>27</v>
      </c>
      <c r="AE30471">
        <v>27</v>
      </c>
      <c r="AF30471">
        <v>27</v>
      </c>
      <c r="AG30471">
        <v>27</v>
      </c>
      <c r="AH30471">
        <v>28</v>
      </c>
      <c r="AI30471">
        <v>28</v>
      </c>
      <c r="AJ30471">
        <v>28</v>
      </c>
      <c r="AK30471">
        <v>28</v>
      </c>
      <c r="AL30471">
        <v>28</v>
      </c>
      <c r="AM30471">
        <v>28</v>
      </c>
      <c r="AN30471">
        <v>28</v>
      </c>
      <c r="AO30471">
        <v>29</v>
      </c>
      <c r="AP30471">
        <v>29</v>
      </c>
      <c r="AQ30471">
        <v>29</v>
      </c>
    </row>
    <row r="30472" spans="1:43">
      <c r="A30472" t="s">
        <v>18883</v>
      </c>
      <c r="B30472" t="s">
        <v>18884</v>
      </c>
      <c r="C30472" t="s">
        <v>18879</v>
      </c>
      <c r="D30472" t="s">
        <v>18880</v>
      </c>
      <c r="E30472" t="s">
        <v>18845</v>
      </c>
      <c r="F30472" t="s">
        <v>18846</v>
      </c>
      <c r="G30472" t="s">
        <v>10734</v>
      </c>
      <c r="H30472" t="s">
        <v>10735</v>
      </c>
      <c r="I30472" s="2">
        <v>0</v>
      </c>
      <c r="J30472" s="2">
        <v>0</v>
      </c>
      <c r="K30472" s="2">
        <v>1</v>
      </c>
      <c r="L30472" t="s">
        <v>995</v>
      </c>
      <c r="M30472" t="s">
        <v>89</v>
      </c>
      <c r="N30472" t="s">
        <v>90</v>
      </c>
      <c r="O30472" t="s">
        <v>85</v>
      </c>
      <c r="P30472" t="s">
        <v>86</v>
      </c>
      <c r="Q30472">
        <v>26</v>
      </c>
      <c r="R30472">
        <v>27</v>
      </c>
      <c r="S30472">
        <v>27</v>
      </c>
      <c r="T30472">
        <v>28</v>
      </c>
      <c r="U30472">
        <v>28</v>
      </c>
      <c r="V30472">
        <v>29</v>
      </c>
      <c r="W30472">
        <v>29</v>
      </c>
      <c r="X30472">
        <v>30</v>
      </c>
      <c r="Y30472">
        <v>30</v>
      </c>
      <c r="Z30472">
        <v>31</v>
      </c>
      <c r="AA30472">
        <v>31</v>
      </c>
      <c r="AB30472">
        <v>32</v>
      </c>
      <c r="AC30472">
        <v>32</v>
      </c>
      <c r="AD30472">
        <v>33</v>
      </c>
      <c r="AE30472">
        <v>33</v>
      </c>
      <c r="AF30472">
        <v>33</v>
      </c>
      <c r="AG30472">
        <v>33</v>
      </c>
      <c r="AH30472">
        <v>33</v>
      </c>
      <c r="AI30472">
        <v>33</v>
      </c>
      <c r="AJ30472">
        <v>33</v>
      </c>
      <c r="AK30472">
        <v>33</v>
      </c>
      <c r="AL30472">
        <v>33</v>
      </c>
      <c r="AM30472">
        <v>33</v>
      </c>
      <c r="AN30472">
        <v>33</v>
      </c>
      <c r="AO30472">
        <v>34</v>
      </c>
      <c r="AP30472">
        <v>34</v>
      </c>
      <c r="AQ30472">
        <v>34</v>
      </c>
    </row>
    <row r="30473" spans="1:43">
      <c r="A30473" t="s">
        <v>18883</v>
      </c>
      <c r="B30473" t="s">
        <v>18884</v>
      </c>
      <c r="C30473" t="s">
        <v>18879</v>
      </c>
      <c r="D30473" t="s">
        <v>18880</v>
      </c>
      <c r="E30473" t="s">
        <v>18845</v>
      </c>
      <c r="F30473" t="s">
        <v>18846</v>
      </c>
      <c r="G30473" t="s">
        <v>10734</v>
      </c>
      <c r="H30473" t="s">
        <v>10735</v>
      </c>
      <c r="I30473" s="2">
        <v>0</v>
      </c>
      <c r="J30473" s="2">
        <v>0</v>
      </c>
      <c r="K30473" s="2">
        <v>1</v>
      </c>
      <c r="L30473" t="s">
        <v>995</v>
      </c>
      <c r="M30473" t="s">
        <v>83</v>
      </c>
      <c r="N30473" t="s">
        <v>91</v>
      </c>
      <c r="O30473" t="s">
        <v>85</v>
      </c>
      <c r="P30473" t="s">
        <v>86</v>
      </c>
      <c r="Q30473">
        <v>26</v>
      </c>
      <c r="R30473">
        <v>26</v>
      </c>
      <c r="S30473">
        <v>27</v>
      </c>
      <c r="T30473">
        <v>27</v>
      </c>
      <c r="U30473">
        <v>27</v>
      </c>
      <c r="V30473">
        <v>28</v>
      </c>
      <c r="W30473">
        <v>28</v>
      </c>
      <c r="X30473">
        <v>28</v>
      </c>
      <c r="Y30473">
        <v>29</v>
      </c>
      <c r="Z30473">
        <v>29</v>
      </c>
      <c r="AA30473">
        <v>29</v>
      </c>
      <c r="AB30473">
        <v>30</v>
      </c>
      <c r="AC30473">
        <v>30</v>
      </c>
      <c r="AD30473">
        <v>30</v>
      </c>
      <c r="AE30473">
        <v>31</v>
      </c>
      <c r="AF30473">
        <v>31</v>
      </c>
      <c r="AG30473">
        <v>31</v>
      </c>
      <c r="AH30473">
        <v>32</v>
      </c>
      <c r="AI30473">
        <v>32</v>
      </c>
      <c r="AJ30473">
        <v>32</v>
      </c>
      <c r="AK30473">
        <v>33</v>
      </c>
      <c r="AL30473">
        <v>33</v>
      </c>
      <c r="AM30473">
        <v>33</v>
      </c>
      <c r="AN30473">
        <v>33</v>
      </c>
      <c r="AO30473">
        <v>33</v>
      </c>
      <c r="AP30473">
        <v>33</v>
      </c>
      <c r="AQ30473">
        <v>33</v>
      </c>
    </row>
    <row r="30474" spans="1:43">
      <c r="A30474" t="s">
        <v>18885</v>
      </c>
      <c r="B30474" t="s">
        <v>18886</v>
      </c>
      <c r="C30474" t="s">
        <v>18879</v>
      </c>
      <c r="D30474" t="s">
        <v>18880</v>
      </c>
      <c r="E30474" t="s">
        <v>18845</v>
      </c>
      <c r="F30474" t="s">
        <v>18846</v>
      </c>
      <c r="G30474" t="s">
        <v>10734</v>
      </c>
      <c r="H30474" t="s">
        <v>10735</v>
      </c>
      <c r="I30474" s="2">
        <v>0</v>
      </c>
      <c r="J30474" s="2">
        <v>0</v>
      </c>
      <c r="K30474" s="2">
        <v>1</v>
      </c>
      <c r="L30474" t="s">
        <v>995</v>
      </c>
      <c r="M30474" t="s">
        <v>83</v>
      </c>
      <c r="N30474" t="s">
        <v>84</v>
      </c>
      <c r="O30474" t="s">
        <v>85</v>
      </c>
      <c r="P30474" t="s">
        <v>86</v>
      </c>
      <c r="Q30474">
        <v>41</v>
      </c>
      <c r="R30474">
        <v>41</v>
      </c>
      <c r="S30474">
        <v>42</v>
      </c>
      <c r="T30474">
        <v>42</v>
      </c>
      <c r="U30474">
        <v>43</v>
      </c>
      <c r="V30474">
        <v>43</v>
      </c>
      <c r="W30474">
        <v>44</v>
      </c>
      <c r="X30474">
        <v>44</v>
      </c>
      <c r="Y30474">
        <v>45</v>
      </c>
      <c r="Z30474">
        <v>45</v>
      </c>
      <c r="AA30474">
        <v>46</v>
      </c>
      <c r="AB30474">
        <v>46</v>
      </c>
      <c r="AC30474">
        <v>47</v>
      </c>
      <c r="AD30474">
        <v>47</v>
      </c>
      <c r="AE30474">
        <v>48</v>
      </c>
      <c r="AF30474">
        <v>48</v>
      </c>
      <c r="AG30474">
        <v>49</v>
      </c>
      <c r="AH30474">
        <v>49</v>
      </c>
      <c r="AI30474">
        <v>50</v>
      </c>
      <c r="AJ30474">
        <v>51</v>
      </c>
      <c r="AK30474">
        <v>51</v>
      </c>
      <c r="AL30474">
        <v>51</v>
      </c>
      <c r="AM30474">
        <v>51</v>
      </c>
      <c r="AN30474">
        <v>52</v>
      </c>
      <c r="AO30474">
        <v>52</v>
      </c>
      <c r="AP30474">
        <v>52</v>
      </c>
      <c r="AQ30474">
        <v>52</v>
      </c>
    </row>
    <row r="30475" spans="1:43">
      <c r="A30475" t="s">
        <v>18885</v>
      </c>
      <c r="B30475" t="s">
        <v>18886</v>
      </c>
      <c r="C30475" t="s">
        <v>18879</v>
      </c>
      <c r="D30475" t="s">
        <v>18880</v>
      </c>
      <c r="E30475" t="s">
        <v>18845</v>
      </c>
      <c r="F30475" t="s">
        <v>18846</v>
      </c>
      <c r="G30475" t="s">
        <v>10734</v>
      </c>
      <c r="H30475" t="s">
        <v>10735</v>
      </c>
      <c r="I30475" s="2">
        <v>0</v>
      </c>
      <c r="J30475" s="2">
        <v>0</v>
      </c>
      <c r="K30475" s="2">
        <v>1</v>
      </c>
      <c r="L30475" t="s">
        <v>995</v>
      </c>
      <c r="M30475" t="s">
        <v>87</v>
      </c>
      <c r="N30475" t="s">
        <v>88</v>
      </c>
      <c r="O30475" t="s">
        <v>85</v>
      </c>
      <c r="P30475" t="s">
        <v>86</v>
      </c>
      <c r="Q30475">
        <v>41</v>
      </c>
      <c r="R30475">
        <v>41</v>
      </c>
      <c r="S30475">
        <v>42</v>
      </c>
      <c r="T30475">
        <v>42</v>
      </c>
      <c r="U30475">
        <v>42</v>
      </c>
      <c r="V30475">
        <v>42</v>
      </c>
      <c r="W30475">
        <v>42</v>
      </c>
      <c r="X30475">
        <v>42</v>
      </c>
      <c r="Y30475">
        <v>42</v>
      </c>
      <c r="Z30475">
        <v>42</v>
      </c>
      <c r="AA30475">
        <v>43</v>
      </c>
      <c r="AB30475">
        <v>43</v>
      </c>
      <c r="AC30475">
        <v>43</v>
      </c>
      <c r="AD30475">
        <v>43</v>
      </c>
      <c r="AE30475">
        <v>43</v>
      </c>
      <c r="AF30475">
        <v>44</v>
      </c>
      <c r="AG30475">
        <v>44</v>
      </c>
      <c r="AH30475">
        <v>44</v>
      </c>
      <c r="AI30475">
        <v>44</v>
      </c>
      <c r="AJ30475">
        <v>44</v>
      </c>
      <c r="AK30475">
        <v>45</v>
      </c>
      <c r="AL30475">
        <v>45</v>
      </c>
      <c r="AM30475">
        <v>45</v>
      </c>
      <c r="AN30475">
        <v>45</v>
      </c>
      <c r="AO30475">
        <v>45</v>
      </c>
      <c r="AP30475">
        <v>46</v>
      </c>
      <c r="AQ30475">
        <v>46</v>
      </c>
    </row>
    <row r="30476" spans="1:43">
      <c r="A30476" t="s">
        <v>18885</v>
      </c>
      <c r="B30476" t="s">
        <v>18886</v>
      </c>
      <c r="C30476" t="s">
        <v>18879</v>
      </c>
      <c r="D30476" t="s">
        <v>18880</v>
      </c>
      <c r="E30476" t="s">
        <v>18845</v>
      </c>
      <c r="F30476" t="s">
        <v>18846</v>
      </c>
      <c r="G30476" t="s">
        <v>10734</v>
      </c>
      <c r="H30476" t="s">
        <v>10735</v>
      </c>
      <c r="I30476" s="2">
        <v>0</v>
      </c>
      <c r="J30476" s="2">
        <v>0</v>
      </c>
      <c r="K30476" s="2">
        <v>1</v>
      </c>
      <c r="L30476" t="s">
        <v>995</v>
      </c>
      <c r="M30476" t="s">
        <v>89</v>
      </c>
      <c r="N30476" t="s">
        <v>90</v>
      </c>
      <c r="O30476" t="s">
        <v>85</v>
      </c>
      <c r="P30476" t="s">
        <v>86</v>
      </c>
      <c r="Q30476">
        <v>41</v>
      </c>
      <c r="R30476">
        <v>42</v>
      </c>
      <c r="S30476">
        <v>43</v>
      </c>
      <c r="T30476">
        <v>44</v>
      </c>
      <c r="U30476">
        <v>44</v>
      </c>
      <c r="V30476">
        <v>45</v>
      </c>
      <c r="W30476">
        <v>46</v>
      </c>
      <c r="X30476">
        <v>47</v>
      </c>
      <c r="Y30476">
        <v>47</v>
      </c>
      <c r="Z30476">
        <v>48</v>
      </c>
      <c r="AA30476">
        <v>49</v>
      </c>
      <c r="AB30476">
        <v>49</v>
      </c>
      <c r="AC30476">
        <v>50</v>
      </c>
      <c r="AD30476">
        <v>51</v>
      </c>
      <c r="AE30476">
        <v>51</v>
      </c>
      <c r="AF30476">
        <v>51</v>
      </c>
      <c r="AG30476">
        <v>51</v>
      </c>
      <c r="AH30476">
        <v>52</v>
      </c>
      <c r="AI30476">
        <v>52</v>
      </c>
      <c r="AJ30476">
        <v>52</v>
      </c>
      <c r="AK30476">
        <v>52</v>
      </c>
      <c r="AL30476">
        <v>52</v>
      </c>
      <c r="AM30476">
        <v>52</v>
      </c>
      <c r="AN30476">
        <v>52</v>
      </c>
      <c r="AO30476">
        <v>52</v>
      </c>
      <c r="AP30476">
        <v>52</v>
      </c>
      <c r="AQ30476">
        <v>52</v>
      </c>
    </row>
    <row r="30477" spans="1:43">
      <c r="A30477" t="s">
        <v>18885</v>
      </c>
      <c r="B30477" t="s">
        <v>18886</v>
      </c>
      <c r="C30477" t="s">
        <v>18879</v>
      </c>
      <c r="D30477" t="s">
        <v>18880</v>
      </c>
      <c r="E30477" t="s">
        <v>18845</v>
      </c>
      <c r="F30477" t="s">
        <v>18846</v>
      </c>
      <c r="G30477" t="s">
        <v>10734</v>
      </c>
      <c r="H30477" t="s">
        <v>10735</v>
      </c>
      <c r="I30477" s="2">
        <v>0</v>
      </c>
      <c r="J30477" s="2">
        <v>0</v>
      </c>
      <c r="K30477" s="2">
        <v>1</v>
      </c>
      <c r="L30477" t="s">
        <v>995</v>
      </c>
      <c r="M30477" t="s">
        <v>83</v>
      </c>
      <c r="N30477" t="s">
        <v>91</v>
      </c>
      <c r="O30477" t="s">
        <v>85</v>
      </c>
      <c r="P30477" t="s">
        <v>86</v>
      </c>
      <c r="Q30477">
        <v>41</v>
      </c>
      <c r="R30477">
        <v>41</v>
      </c>
      <c r="S30477">
        <v>42</v>
      </c>
      <c r="T30477">
        <v>42</v>
      </c>
      <c r="U30477">
        <v>43</v>
      </c>
      <c r="V30477">
        <v>43</v>
      </c>
      <c r="W30477">
        <v>44</v>
      </c>
      <c r="X30477">
        <v>44</v>
      </c>
      <c r="Y30477">
        <v>45</v>
      </c>
      <c r="Z30477">
        <v>45</v>
      </c>
      <c r="AA30477">
        <v>46</v>
      </c>
      <c r="AB30477">
        <v>46</v>
      </c>
      <c r="AC30477">
        <v>47</v>
      </c>
      <c r="AD30477">
        <v>47</v>
      </c>
      <c r="AE30477">
        <v>48</v>
      </c>
      <c r="AF30477">
        <v>48</v>
      </c>
      <c r="AG30477">
        <v>49</v>
      </c>
      <c r="AH30477">
        <v>49</v>
      </c>
      <c r="AI30477">
        <v>50</v>
      </c>
      <c r="AJ30477">
        <v>51</v>
      </c>
      <c r="AK30477">
        <v>51</v>
      </c>
      <c r="AL30477">
        <v>51</v>
      </c>
      <c r="AM30477">
        <v>51</v>
      </c>
      <c r="AN30477">
        <v>52</v>
      </c>
      <c r="AO30477">
        <v>52</v>
      </c>
      <c r="AP30477">
        <v>52</v>
      </c>
      <c r="AQ30477">
        <v>52</v>
      </c>
    </row>
    <row r="30478" spans="1:43">
      <c r="A30478" t="s">
        <v>18887</v>
      </c>
      <c r="B30478" t="s">
        <v>18888</v>
      </c>
      <c r="C30478" t="s">
        <v>18879</v>
      </c>
      <c r="D30478" t="s">
        <v>18880</v>
      </c>
      <c r="E30478" t="s">
        <v>18845</v>
      </c>
      <c r="F30478" t="s">
        <v>18846</v>
      </c>
      <c r="G30478" t="s">
        <v>10734</v>
      </c>
      <c r="H30478" t="s">
        <v>10735</v>
      </c>
      <c r="I30478" s="2">
        <v>0</v>
      </c>
      <c r="J30478" s="2">
        <v>0</v>
      </c>
      <c r="K30478" s="2">
        <v>1</v>
      </c>
      <c r="L30478" t="s">
        <v>995</v>
      </c>
      <c r="M30478" t="s">
        <v>83</v>
      </c>
      <c r="N30478" t="s">
        <v>84</v>
      </c>
      <c r="O30478" t="s">
        <v>85</v>
      </c>
      <c r="P30478" t="s">
        <v>86</v>
      </c>
      <c r="Q30478">
        <v>19</v>
      </c>
      <c r="R30478">
        <v>19</v>
      </c>
      <c r="S30478">
        <v>19</v>
      </c>
      <c r="T30478">
        <v>20</v>
      </c>
      <c r="U30478">
        <v>20</v>
      </c>
      <c r="V30478">
        <v>20</v>
      </c>
      <c r="W30478">
        <v>20</v>
      </c>
      <c r="X30478">
        <v>21</v>
      </c>
      <c r="Y30478">
        <v>21</v>
      </c>
      <c r="Z30478">
        <v>21</v>
      </c>
      <c r="AA30478">
        <v>21</v>
      </c>
      <c r="AB30478">
        <v>21</v>
      </c>
      <c r="AC30478">
        <v>22</v>
      </c>
      <c r="AD30478">
        <v>22</v>
      </c>
      <c r="AE30478">
        <v>22</v>
      </c>
      <c r="AF30478">
        <v>22</v>
      </c>
      <c r="AG30478">
        <v>23</v>
      </c>
      <c r="AH30478">
        <v>23</v>
      </c>
      <c r="AI30478">
        <v>23</v>
      </c>
      <c r="AJ30478">
        <v>23</v>
      </c>
      <c r="AK30478">
        <v>24</v>
      </c>
      <c r="AL30478">
        <v>24</v>
      </c>
      <c r="AM30478">
        <v>24</v>
      </c>
      <c r="AN30478">
        <v>24</v>
      </c>
      <c r="AO30478">
        <v>24</v>
      </c>
      <c r="AP30478">
        <v>24</v>
      </c>
      <c r="AQ30478">
        <v>24</v>
      </c>
    </row>
    <row r="30479" spans="1:43">
      <c r="A30479" t="s">
        <v>18887</v>
      </c>
      <c r="B30479" t="s">
        <v>18888</v>
      </c>
      <c r="C30479" t="s">
        <v>18879</v>
      </c>
      <c r="D30479" t="s">
        <v>18880</v>
      </c>
      <c r="E30479" t="s">
        <v>18845</v>
      </c>
      <c r="F30479" t="s">
        <v>18846</v>
      </c>
      <c r="G30479" t="s">
        <v>10734</v>
      </c>
      <c r="H30479" t="s">
        <v>10735</v>
      </c>
      <c r="I30479" s="2">
        <v>0</v>
      </c>
      <c r="J30479" s="2">
        <v>0</v>
      </c>
      <c r="K30479" s="2">
        <v>1</v>
      </c>
      <c r="L30479" t="s">
        <v>995</v>
      </c>
      <c r="M30479" t="s">
        <v>87</v>
      </c>
      <c r="N30479" t="s">
        <v>88</v>
      </c>
      <c r="O30479" t="s">
        <v>85</v>
      </c>
      <c r="P30479" t="s">
        <v>86</v>
      </c>
      <c r="Q30479">
        <v>19</v>
      </c>
      <c r="R30479">
        <v>19</v>
      </c>
      <c r="S30479">
        <v>19</v>
      </c>
      <c r="T30479">
        <v>19</v>
      </c>
      <c r="U30479">
        <v>19</v>
      </c>
      <c r="V30479">
        <v>19</v>
      </c>
      <c r="W30479">
        <v>19</v>
      </c>
      <c r="X30479">
        <v>19</v>
      </c>
      <c r="Y30479">
        <v>19</v>
      </c>
      <c r="Z30479">
        <v>19</v>
      </c>
      <c r="AA30479">
        <v>19</v>
      </c>
      <c r="AB30479">
        <v>19</v>
      </c>
      <c r="AC30479">
        <v>19</v>
      </c>
      <c r="AD30479">
        <v>20</v>
      </c>
      <c r="AE30479">
        <v>20</v>
      </c>
      <c r="AF30479">
        <v>20</v>
      </c>
      <c r="AG30479">
        <v>20</v>
      </c>
      <c r="AH30479">
        <v>20</v>
      </c>
      <c r="AI30479">
        <v>20</v>
      </c>
      <c r="AJ30479">
        <v>20</v>
      </c>
      <c r="AK30479">
        <v>20</v>
      </c>
      <c r="AL30479">
        <v>20</v>
      </c>
      <c r="AM30479">
        <v>20</v>
      </c>
      <c r="AN30479">
        <v>21</v>
      </c>
      <c r="AO30479">
        <v>21</v>
      </c>
      <c r="AP30479">
        <v>21</v>
      </c>
      <c r="AQ30479">
        <v>21</v>
      </c>
    </row>
    <row r="30480" spans="1:43">
      <c r="A30480" t="s">
        <v>18887</v>
      </c>
      <c r="B30480" t="s">
        <v>18888</v>
      </c>
      <c r="C30480" t="s">
        <v>18879</v>
      </c>
      <c r="D30480" t="s">
        <v>18880</v>
      </c>
      <c r="E30480" t="s">
        <v>18845</v>
      </c>
      <c r="F30480" t="s">
        <v>18846</v>
      </c>
      <c r="G30480" t="s">
        <v>10734</v>
      </c>
      <c r="H30480" t="s">
        <v>10735</v>
      </c>
      <c r="I30480" s="2">
        <v>0</v>
      </c>
      <c r="J30480" s="2">
        <v>0</v>
      </c>
      <c r="K30480" s="2">
        <v>1</v>
      </c>
      <c r="L30480" t="s">
        <v>995</v>
      </c>
      <c r="M30480" t="s">
        <v>89</v>
      </c>
      <c r="N30480" t="s">
        <v>90</v>
      </c>
      <c r="O30480" t="s">
        <v>85</v>
      </c>
      <c r="P30480" t="s">
        <v>86</v>
      </c>
      <c r="Q30480">
        <v>19</v>
      </c>
      <c r="R30480">
        <v>19</v>
      </c>
      <c r="S30480">
        <v>20</v>
      </c>
      <c r="T30480">
        <v>20</v>
      </c>
      <c r="U30480">
        <v>21</v>
      </c>
      <c r="V30480">
        <v>21</v>
      </c>
      <c r="W30480">
        <v>21</v>
      </c>
      <c r="X30480">
        <v>22</v>
      </c>
      <c r="Y30480">
        <v>22</v>
      </c>
      <c r="Z30480">
        <v>22</v>
      </c>
      <c r="AA30480">
        <v>23</v>
      </c>
      <c r="AB30480">
        <v>23</v>
      </c>
      <c r="AC30480">
        <v>23</v>
      </c>
      <c r="AD30480">
        <v>24</v>
      </c>
      <c r="AE30480">
        <v>24</v>
      </c>
      <c r="AF30480">
        <v>24</v>
      </c>
      <c r="AG30480">
        <v>24</v>
      </c>
      <c r="AH30480">
        <v>24</v>
      </c>
      <c r="AI30480">
        <v>24</v>
      </c>
      <c r="AJ30480">
        <v>24</v>
      </c>
      <c r="AK30480">
        <v>24</v>
      </c>
      <c r="AL30480">
        <v>24</v>
      </c>
      <c r="AM30480">
        <v>24</v>
      </c>
      <c r="AN30480">
        <v>24</v>
      </c>
      <c r="AO30480">
        <v>24</v>
      </c>
      <c r="AP30480">
        <v>24</v>
      </c>
      <c r="AQ30480">
        <v>24</v>
      </c>
    </row>
    <row r="30481" spans="1:43">
      <c r="A30481" t="s">
        <v>18887</v>
      </c>
      <c r="B30481" t="s">
        <v>18888</v>
      </c>
      <c r="C30481" t="s">
        <v>18879</v>
      </c>
      <c r="D30481" t="s">
        <v>18880</v>
      </c>
      <c r="E30481" t="s">
        <v>18845</v>
      </c>
      <c r="F30481" t="s">
        <v>18846</v>
      </c>
      <c r="G30481" t="s">
        <v>10734</v>
      </c>
      <c r="H30481" t="s">
        <v>10735</v>
      </c>
      <c r="I30481" s="2">
        <v>0</v>
      </c>
      <c r="J30481" s="2">
        <v>0</v>
      </c>
      <c r="K30481" s="2">
        <v>1</v>
      </c>
      <c r="L30481" t="s">
        <v>995</v>
      </c>
      <c r="M30481" t="s">
        <v>83</v>
      </c>
      <c r="N30481" t="s">
        <v>91</v>
      </c>
      <c r="O30481" t="s">
        <v>85</v>
      </c>
      <c r="P30481" t="s">
        <v>86</v>
      </c>
      <c r="Q30481">
        <v>19</v>
      </c>
      <c r="R30481">
        <v>19</v>
      </c>
      <c r="S30481">
        <v>19</v>
      </c>
      <c r="T30481">
        <v>20</v>
      </c>
      <c r="U30481">
        <v>20</v>
      </c>
      <c r="V30481">
        <v>20</v>
      </c>
      <c r="W30481">
        <v>20</v>
      </c>
      <c r="X30481">
        <v>21</v>
      </c>
      <c r="Y30481">
        <v>21</v>
      </c>
      <c r="Z30481">
        <v>21</v>
      </c>
      <c r="AA30481">
        <v>21</v>
      </c>
      <c r="AB30481">
        <v>21</v>
      </c>
      <c r="AC30481">
        <v>22</v>
      </c>
      <c r="AD30481">
        <v>22</v>
      </c>
      <c r="AE30481">
        <v>22</v>
      </c>
      <c r="AF30481">
        <v>22</v>
      </c>
      <c r="AG30481">
        <v>23</v>
      </c>
      <c r="AH30481">
        <v>23</v>
      </c>
      <c r="AI30481">
        <v>23</v>
      </c>
      <c r="AJ30481">
        <v>23</v>
      </c>
      <c r="AK30481">
        <v>24</v>
      </c>
      <c r="AL30481">
        <v>24</v>
      </c>
      <c r="AM30481">
        <v>24</v>
      </c>
      <c r="AN30481">
        <v>24</v>
      </c>
      <c r="AO30481">
        <v>24</v>
      </c>
      <c r="AP30481">
        <v>24</v>
      </c>
      <c r="AQ30481">
        <v>24</v>
      </c>
    </row>
    <row r="30482" spans="1:43">
      <c r="A30482" t="s">
        <v>18889</v>
      </c>
      <c r="B30482" t="s">
        <v>18890</v>
      </c>
      <c r="C30482" t="s">
        <v>18891</v>
      </c>
      <c r="D30482" t="s">
        <v>18892</v>
      </c>
      <c r="E30482" t="s">
        <v>18845</v>
      </c>
      <c r="F30482" t="s">
        <v>18846</v>
      </c>
      <c r="G30482" t="s">
        <v>10734</v>
      </c>
      <c r="H30482" t="s">
        <v>10735</v>
      </c>
      <c r="I30482" s="2">
        <v>0</v>
      </c>
      <c r="J30482" s="2">
        <v>0</v>
      </c>
      <c r="K30482" s="2">
        <v>1</v>
      </c>
      <c r="L30482" t="s">
        <v>995</v>
      </c>
      <c r="M30482" t="s">
        <v>83</v>
      </c>
      <c r="N30482" t="s">
        <v>84</v>
      </c>
      <c r="O30482" t="s">
        <v>85</v>
      </c>
      <c r="P30482" t="s">
        <v>86</v>
      </c>
      <c r="Q30482">
        <v>19</v>
      </c>
      <c r="R30482">
        <v>19</v>
      </c>
      <c r="S30482">
        <v>20</v>
      </c>
      <c r="T30482">
        <v>20</v>
      </c>
      <c r="U30482">
        <v>20</v>
      </c>
      <c r="V30482">
        <v>20</v>
      </c>
      <c r="W30482">
        <v>21</v>
      </c>
      <c r="X30482">
        <v>21</v>
      </c>
      <c r="Y30482">
        <v>21</v>
      </c>
      <c r="Z30482">
        <v>21</v>
      </c>
      <c r="AA30482">
        <v>22</v>
      </c>
      <c r="AB30482">
        <v>22</v>
      </c>
      <c r="AC30482">
        <v>22</v>
      </c>
      <c r="AD30482">
        <v>22</v>
      </c>
      <c r="AE30482">
        <v>23</v>
      </c>
      <c r="AF30482">
        <v>23</v>
      </c>
      <c r="AG30482">
        <v>23</v>
      </c>
      <c r="AH30482">
        <v>23</v>
      </c>
      <c r="AI30482">
        <v>24</v>
      </c>
      <c r="AJ30482">
        <v>24</v>
      </c>
      <c r="AK30482">
        <v>24</v>
      </c>
      <c r="AL30482">
        <v>24</v>
      </c>
      <c r="AM30482">
        <v>24</v>
      </c>
      <c r="AN30482">
        <v>24</v>
      </c>
      <c r="AO30482">
        <v>24</v>
      </c>
      <c r="AP30482">
        <v>24</v>
      </c>
      <c r="AQ30482">
        <v>24</v>
      </c>
    </row>
    <row r="30483" spans="1:43">
      <c r="A30483" t="s">
        <v>18889</v>
      </c>
      <c r="B30483" t="s">
        <v>18890</v>
      </c>
      <c r="C30483" t="s">
        <v>18891</v>
      </c>
      <c r="D30483" t="s">
        <v>18892</v>
      </c>
      <c r="E30483" t="s">
        <v>18845</v>
      </c>
      <c r="F30483" t="s">
        <v>18846</v>
      </c>
      <c r="G30483" t="s">
        <v>10734</v>
      </c>
      <c r="H30483" t="s">
        <v>10735</v>
      </c>
      <c r="I30483" s="2">
        <v>0</v>
      </c>
      <c r="J30483" s="2">
        <v>0</v>
      </c>
      <c r="K30483" s="2">
        <v>1</v>
      </c>
      <c r="L30483" t="s">
        <v>995</v>
      </c>
      <c r="M30483" t="s">
        <v>87</v>
      </c>
      <c r="N30483" t="s">
        <v>88</v>
      </c>
      <c r="O30483" t="s">
        <v>85</v>
      </c>
      <c r="P30483" t="s">
        <v>86</v>
      </c>
      <c r="Q30483">
        <v>19</v>
      </c>
      <c r="R30483">
        <v>19</v>
      </c>
      <c r="S30483">
        <v>19</v>
      </c>
      <c r="T30483">
        <v>19</v>
      </c>
      <c r="U30483">
        <v>19</v>
      </c>
      <c r="V30483">
        <v>19</v>
      </c>
      <c r="W30483">
        <v>19</v>
      </c>
      <c r="X30483">
        <v>19</v>
      </c>
      <c r="Y30483">
        <v>20</v>
      </c>
      <c r="Z30483">
        <v>20</v>
      </c>
      <c r="AA30483">
        <v>20</v>
      </c>
      <c r="AB30483">
        <v>20</v>
      </c>
      <c r="AC30483">
        <v>20</v>
      </c>
      <c r="AD30483">
        <v>20</v>
      </c>
      <c r="AE30483">
        <v>20</v>
      </c>
      <c r="AF30483">
        <v>20</v>
      </c>
      <c r="AG30483">
        <v>20</v>
      </c>
      <c r="AH30483">
        <v>20</v>
      </c>
      <c r="AI30483">
        <v>20</v>
      </c>
      <c r="AJ30483">
        <v>20</v>
      </c>
      <c r="AK30483">
        <v>21</v>
      </c>
      <c r="AL30483">
        <v>21</v>
      </c>
      <c r="AM30483">
        <v>21</v>
      </c>
      <c r="AN30483">
        <v>21</v>
      </c>
      <c r="AO30483">
        <v>21</v>
      </c>
      <c r="AP30483">
        <v>21</v>
      </c>
      <c r="AQ30483">
        <v>21</v>
      </c>
    </row>
    <row r="30484" spans="1:43">
      <c r="A30484" t="s">
        <v>18889</v>
      </c>
      <c r="B30484" t="s">
        <v>18890</v>
      </c>
      <c r="C30484" t="s">
        <v>18891</v>
      </c>
      <c r="D30484" t="s">
        <v>18892</v>
      </c>
      <c r="E30484" t="s">
        <v>18845</v>
      </c>
      <c r="F30484" t="s">
        <v>18846</v>
      </c>
      <c r="G30484" t="s">
        <v>10734</v>
      </c>
      <c r="H30484" t="s">
        <v>10735</v>
      </c>
      <c r="I30484" s="2">
        <v>0</v>
      </c>
      <c r="J30484" s="2">
        <v>0</v>
      </c>
      <c r="K30484" s="2">
        <v>1</v>
      </c>
      <c r="L30484" t="s">
        <v>995</v>
      </c>
      <c r="M30484" t="s">
        <v>89</v>
      </c>
      <c r="N30484" t="s">
        <v>90</v>
      </c>
      <c r="O30484" t="s">
        <v>85</v>
      </c>
      <c r="P30484" t="s">
        <v>86</v>
      </c>
      <c r="Q30484">
        <v>19</v>
      </c>
      <c r="R30484">
        <v>20</v>
      </c>
      <c r="S30484">
        <v>20</v>
      </c>
      <c r="T30484">
        <v>21</v>
      </c>
      <c r="U30484">
        <v>21</v>
      </c>
      <c r="V30484">
        <v>21</v>
      </c>
      <c r="W30484">
        <v>22</v>
      </c>
      <c r="X30484">
        <v>22</v>
      </c>
      <c r="Y30484">
        <v>22</v>
      </c>
      <c r="Z30484">
        <v>23</v>
      </c>
      <c r="AA30484">
        <v>23</v>
      </c>
      <c r="AB30484">
        <v>23</v>
      </c>
      <c r="AC30484">
        <v>24</v>
      </c>
      <c r="AD30484">
        <v>24</v>
      </c>
      <c r="AE30484">
        <v>24</v>
      </c>
      <c r="AF30484">
        <v>24</v>
      </c>
      <c r="AG30484">
        <v>24</v>
      </c>
      <c r="AH30484">
        <v>24</v>
      </c>
      <c r="AI30484">
        <v>24</v>
      </c>
      <c r="AJ30484">
        <v>24</v>
      </c>
      <c r="AK30484">
        <v>24</v>
      </c>
      <c r="AL30484">
        <v>24</v>
      </c>
      <c r="AM30484">
        <v>25</v>
      </c>
      <c r="AN30484">
        <v>25</v>
      </c>
      <c r="AO30484">
        <v>25</v>
      </c>
      <c r="AP30484">
        <v>25</v>
      </c>
      <c r="AQ30484">
        <v>25</v>
      </c>
    </row>
    <row r="30485" spans="1:43">
      <c r="A30485" t="s">
        <v>18889</v>
      </c>
      <c r="B30485" t="s">
        <v>18890</v>
      </c>
      <c r="C30485" t="s">
        <v>18891</v>
      </c>
      <c r="D30485" t="s">
        <v>18892</v>
      </c>
      <c r="E30485" t="s">
        <v>18845</v>
      </c>
      <c r="F30485" t="s">
        <v>18846</v>
      </c>
      <c r="G30485" t="s">
        <v>10734</v>
      </c>
      <c r="H30485" t="s">
        <v>10735</v>
      </c>
      <c r="I30485" s="2">
        <v>0</v>
      </c>
      <c r="J30485" s="2">
        <v>0</v>
      </c>
      <c r="K30485" s="2">
        <v>1</v>
      </c>
      <c r="L30485" t="s">
        <v>995</v>
      </c>
      <c r="M30485" t="s">
        <v>83</v>
      </c>
      <c r="N30485" t="s">
        <v>91</v>
      </c>
      <c r="O30485" t="s">
        <v>85</v>
      </c>
      <c r="P30485" t="s">
        <v>86</v>
      </c>
      <c r="Q30485">
        <v>19</v>
      </c>
      <c r="R30485">
        <v>19</v>
      </c>
      <c r="S30485">
        <v>20</v>
      </c>
      <c r="T30485">
        <v>20</v>
      </c>
      <c r="U30485">
        <v>20</v>
      </c>
      <c r="V30485">
        <v>20</v>
      </c>
      <c r="W30485">
        <v>21</v>
      </c>
      <c r="X30485">
        <v>21</v>
      </c>
      <c r="Y30485">
        <v>21</v>
      </c>
      <c r="Z30485">
        <v>21</v>
      </c>
      <c r="AA30485">
        <v>22</v>
      </c>
      <c r="AB30485">
        <v>22</v>
      </c>
      <c r="AC30485">
        <v>22</v>
      </c>
      <c r="AD30485">
        <v>22</v>
      </c>
      <c r="AE30485">
        <v>23</v>
      </c>
      <c r="AF30485">
        <v>23</v>
      </c>
      <c r="AG30485">
        <v>23</v>
      </c>
      <c r="AH30485">
        <v>23</v>
      </c>
      <c r="AI30485">
        <v>24</v>
      </c>
      <c r="AJ30485">
        <v>24</v>
      </c>
      <c r="AK30485">
        <v>24</v>
      </c>
      <c r="AL30485">
        <v>24</v>
      </c>
      <c r="AM30485">
        <v>24</v>
      </c>
      <c r="AN30485">
        <v>24</v>
      </c>
      <c r="AO30485">
        <v>24</v>
      </c>
      <c r="AP30485">
        <v>24</v>
      </c>
      <c r="AQ30485">
        <v>24</v>
      </c>
    </row>
    <row r="30486" spans="1:43">
      <c r="A30486" t="s">
        <v>18893</v>
      </c>
      <c r="B30486" t="s">
        <v>18894</v>
      </c>
      <c r="C30486" t="s">
        <v>18891</v>
      </c>
      <c r="D30486" t="s">
        <v>18892</v>
      </c>
      <c r="E30486" t="s">
        <v>18845</v>
      </c>
      <c r="F30486" t="s">
        <v>18846</v>
      </c>
      <c r="G30486" t="s">
        <v>10734</v>
      </c>
      <c r="H30486" t="s">
        <v>10735</v>
      </c>
      <c r="I30486" s="2">
        <v>0</v>
      </c>
      <c r="J30486" s="2">
        <v>0</v>
      </c>
      <c r="K30486" s="2">
        <v>1</v>
      </c>
      <c r="L30486" t="s">
        <v>995</v>
      </c>
      <c r="M30486" t="s">
        <v>83</v>
      </c>
      <c r="N30486" t="s">
        <v>84</v>
      </c>
      <c r="O30486" t="s">
        <v>85</v>
      </c>
      <c r="P30486" t="s">
        <v>86</v>
      </c>
      <c r="Q30486">
        <v>9</v>
      </c>
      <c r="R30486">
        <v>9</v>
      </c>
      <c r="S30486">
        <v>9</v>
      </c>
      <c r="T30486">
        <v>9</v>
      </c>
      <c r="U30486">
        <v>9</v>
      </c>
      <c r="V30486">
        <v>10</v>
      </c>
      <c r="W30486">
        <v>10</v>
      </c>
      <c r="X30486">
        <v>10</v>
      </c>
      <c r="Y30486">
        <v>10</v>
      </c>
      <c r="Z30486">
        <v>10</v>
      </c>
      <c r="AA30486">
        <v>10</v>
      </c>
      <c r="AB30486">
        <v>10</v>
      </c>
      <c r="AC30486">
        <v>10</v>
      </c>
      <c r="AD30486">
        <v>10</v>
      </c>
      <c r="AE30486">
        <v>11</v>
      </c>
      <c r="AF30486">
        <v>11</v>
      </c>
      <c r="AG30486">
        <v>11</v>
      </c>
      <c r="AH30486">
        <v>11</v>
      </c>
      <c r="AI30486">
        <v>11</v>
      </c>
      <c r="AJ30486">
        <v>11</v>
      </c>
      <c r="AK30486">
        <v>11</v>
      </c>
      <c r="AL30486">
        <v>11</v>
      </c>
      <c r="AM30486">
        <v>11</v>
      </c>
      <c r="AN30486">
        <v>11</v>
      </c>
      <c r="AO30486">
        <v>11</v>
      </c>
      <c r="AP30486">
        <v>11</v>
      </c>
      <c r="AQ30486">
        <v>11</v>
      </c>
    </row>
    <row r="30487" spans="1:43">
      <c r="A30487" t="s">
        <v>18893</v>
      </c>
      <c r="B30487" t="s">
        <v>18894</v>
      </c>
      <c r="C30487" t="s">
        <v>18891</v>
      </c>
      <c r="D30487" t="s">
        <v>18892</v>
      </c>
      <c r="E30487" t="s">
        <v>18845</v>
      </c>
      <c r="F30487" t="s">
        <v>18846</v>
      </c>
      <c r="G30487" t="s">
        <v>10734</v>
      </c>
      <c r="H30487" t="s">
        <v>10735</v>
      </c>
      <c r="I30487" s="2">
        <v>0</v>
      </c>
      <c r="J30487" s="2">
        <v>0</v>
      </c>
      <c r="K30487" s="2">
        <v>1</v>
      </c>
      <c r="L30487" t="s">
        <v>995</v>
      </c>
      <c r="M30487" t="s">
        <v>87</v>
      </c>
      <c r="N30487" t="s">
        <v>88</v>
      </c>
      <c r="O30487" t="s">
        <v>85</v>
      </c>
      <c r="P30487" t="s">
        <v>86</v>
      </c>
      <c r="Q30487">
        <v>9</v>
      </c>
      <c r="R30487">
        <v>9</v>
      </c>
      <c r="S30487">
        <v>9</v>
      </c>
      <c r="T30487">
        <v>9</v>
      </c>
      <c r="U30487">
        <v>9</v>
      </c>
      <c r="V30487">
        <v>9</v>
      </c>
      <c r="W30487">
        <v>9</v>
      </c>
      <c r="X30487">
        <v>9</v>
      </c>
      <c r="Y30487">
        <v>9</v>
      </c>
      <c r="Z30487">
        <v>9</v>
      </c>
      <c r="AA30487">
        <v>9</v>
      </c>
      <c r="AB30487">
        <v>9</v>
      </c>
      <c r="AC30487">
        <v>9</v>
      </c>
      <c r="AD30487">
        <v>9</v>
      </c>
      <c r="AE30487">
        <v>9</v>
      </c>
      <c r="AF30487">
        <v>9</v>
      </c>
      <c r="AG30487">
        <v>9</v>
      </c>
      <c r="AH30487">
        <v>9</v>
      </c>
      <c r="AI30487">
        <v>9</v>
      </c>
      <c r="AJ30487">
        <v>10</v>
      </c>
      <c r="AK30487">
        <v>10</v>
      </c>
      <c r="AL30487">
        <v>10</v>
      </c>
      <c r="AM30487">
        <v>10</v>
      </c>
      <c r="AN30487">
        <v>10</v>
      </c>
      <c r="AO30487">
        <v>10</v>
      </c>
      <c r="AP30487">
        <v>10</v>
      </c>
      <c r="AQ30487">
        <v>10</v>
      </c>
    </row>
    <row r="30488" spans="1:43">
      <c r="A30488" t="s">
        <v>18893</v>
      </c>
      <c r="B30488" t="s">
        <v>18894</v>
      </c>
      <c r="C30488" t="s">
        <v>18891</v>
      </c>
      <c r="D30488" t="s">
        <v>18892</v>
      </c>
      <c r="E30488" t="s">
        <v>18845</v>
      </c>
      <c r="F30488" t="s">
        <v>18846</v>
      </c>
      <c r="G30488" t="s">
        <v>10734</v>
      </c>
      <c r="H30488" t="s">
        <v>10735</v>
      </c>
      <c r="I30488" s="2">
        <v>0</v>
      </c>
      <c r="J30488" s="2">
        <v>0</v>
      </c>
      <c r="K30488" s="2">
        <v>1</v>
      </c>
      <c r="L30488" t="s">
        <v>995</v>
      </c>
      <c r="M30488" t="s">
        <v>89</v>
      </c>
      <c r="N30488" t="s">
        <v>90</v>
      </c>
      <c r="O30488" t="s">
        <v>85</v>
      </c>
      <c r="P30488" t="s">
        <v>86</v>
      </c>
      <c r="Q30488">
        <v>9</v>
      </c>
      <c r="R30488">
        <v>9</v>
      </c>
      <c r="S30488">
        <v>9</v>
      </c>
      <c r="T30488">
        <v>10</v>
      </c>
      <c r="U30488">
        <v>10</v>
      </c>
      <c r="V30488">
        <v>10</v>
      </c>
      <c r="W30488">
        <v>10</v>
      </c>
      <c r="X30488">
        <v>10</v>
      </c>
      <c r="Y30488">
        <v>10</v>
      </c>
      <c r="Z30488">
        <v>11</v>
      </c>
      <c r="AA30488">
        <v>11</v>
      </c>
      <c r="AB30488">
        <v>11</v>
      </c>
      <c r="AC30488">
        <v>11</v>
      </c>
      <c r="AD30488">
        <v>11</v>
      </c>
      <c r="AE30488">
        <v>11</v>
      </c>
      <c r="AF30488">
        <v>11</v>
      </c>
      <c r="AG30488">
        <v>11</v>
      </c>
      <c r="AH30488">
        <v>11</v>
      </c>
      <c r="AI30488">
        <v>11</v>
      </c>
      <c r="AJ30488">
        <v>11</v>
      </c>
      <c r="AK30488">
        <v>11</v>
      </c>
      <c r="AL30488">
        <v>11</v>
      </c>
      <c r="AM30488">
        <v>11</v>
      </c>
      <c r="AN30488">
        <v>11</v>
      </c>
      <c r="AO30488">
        <v>12</v>
      </c>
      <c r="AP30488">
        <v>12</v>
      </c>
      <c r="AQ30488">
        <v>12</v>
      </c>
    </row>
    <row r="30489" spans="1:43">
      <c r="A30489" t="s">
        <v>18893</v>
      </c>
      <c r="B30489" t="s">
        <v>18894</v>
      </c>
      <c r="C30489" t="s">
        <v>18891</v>
      </c>
      <c r="D30489" t="s">
        <v>18892</v>
      </c>
      <c r="E30489" t="s">
        <v>18845</v>
      </c>
      <c r="F30489" t="s">
        <v>18846</v>
      </c>
      <c r="G30489" t="s">
        <v>10734</v>
      </c>
      <c r="H30489" t="s">
        <v>10735</v>
      </c>
      <c r="I30489" s="2">
        <v>0</v>
      </c>
      <c r="J30489" s="2">
        <v>0</v>
      </c>
      <c r="K30489" s="2">
        <v>1</v>
      </c>
      <c r="L30489" t="s">
        <v>995</v>
      </c>
      <c r="M30489" t="s">
        <v>83</v>
      </c>
      <c r="N30489" t="s">
        <v>91</v>
      </c>
      <c r="O30489" t="s">
        <v>85</v>
      </c>
      <c r="P30489" t="s">
        <v>86</v>
      </c>
      <c r="Q30489">
        <v>9</v>
      </c>
      <c r="R30489">
        <v>9</v>
      </c>
      <c r="S30489">
        <v>9</v>
      </c>
      <c r="T30489">
        <v>9</v>
      </c>
      <c r="U30489">
        <v>9</v>
      </c>
      <c r="V30489">
        <v>10</v>
      </c>
      <c r="W30489">
        <v>10</v>
      </c>
      <c r="X30489">
        <v>10</v>
      </c>
      <c r="Y30489">
        <v>10</v>
      </c>
      <c r="Z30489">
        <v>10</v>
      </c>
      <c r="AA30489">
        <v>10</v>
      </c>
      <c r="AB30489">
        <v>10</v>
      </c>
      <c r="AC30489">
        <v>10</v>
      </c>
      <c r="AD30489">
        <v>10</v>
      </c>
      <c r="AE30489">
        <v>11</v>
      </c>
      <c r="AF30489">
        <v>11</v>
      </c>
      <c r="AG30489">
        <v>11</v>
      </c>
      <c r="AH30489">
        <v>11</v>
      </c>
      <c r="AI30489">
        <v>11</v>
      </c>
      <c r="AJ30489">
        <v>11</v>
      </c>
      <c r="AK30489">
        <v>11</v>
      </c>
      <c r="AL30489">
        <v>11</v>
      </c>
      <c r="AM30489">
        <v>11</v>
      </c>
      <c r="AN30489">
        <v>11</v>
      </c>
      <c r="AO30489">
        <v>11</v>
      </c>
      <c r="AP30489">
        <v>11</v>
      </c>
      <c r="AQ30489">
        <v>11</v>
      </c>
    </row>
    <row r="30490" spans="1:43">
      <c r="A30490" t="s">
        <v>18895</v>
      </c>
      <c r="B30490" t="s">
        <v>18896</v>
      </c>
      <c r="C30490" t="s">
        <v>18891</v>
      </c>
      <c r="D30490" t="s">
        <v>18892</v>
      </c>
      <c r="E30490" t="s">
        <v>18845</v>
      </c>
      <c r="F30490" t="s">
        <v>18846</v>
      </c>
      <c r="G30490" t="s">
        <v>10734</v>
      </c>
      <c r="H30490" t="s">
        <v>10735</v>
      </c>
      <c r="I30490" s="2">
        <v>0</v>
      </c>
      <c r="J30490" s="2">
        <v>0</v>
      </c>
      <c r="K30490" s="2">
        <v>1</v>
      </c>
      <c r="L30490" t="s">
        <v>995</v>
      </c>
      <c r="M30490" t="s">
        <v>83</v>
      </c>
      <c r="N30490" t="s">
        <v>84</v>
      </c>
      <c r="O30490" t="s">
        <v>85</v>
      </c>
      <c r="P30490" t="s">
        <v>86</v>
      </c>
      <c r="Q30490">
        <v>11</v>
      </c>
      <c r="R30490">
        <v>11</v>
      </c>
      <c r="S30490">
        <v>11</v>
      </c>
      <c r="T30490">
        <v>11</v>
      </c>
      <c r="U30490">
        <v>12</v>
      </c>
      <c r="V30490">
        <v>12</v>
      </c>
      <c r="W30490">
        <v>12</v>
      </c>
      <c r="X30490">
        <v>12</v>
      </c>
      <c r="Y30490">
        <v>12</v>
      </c>
      <c r="Z30490">
        <v>12</v>
      </c>
      <c r="AA30490">
        <v>12</v>
      </c>
      <c r="AB30490">
        <v>12</v>
      </c>
      <c r="AC30490">
        <v>13</v>
      </c>
      <c r="AD30490">
        <v>13</v>
      </c>
      <c r="AE30490">
        <v>13</v>
      </c>
      <c r="AF30490">
        <v>13</v>
      </c>
      <c r="AG30490">
        <v>13</v>
      </c>
      <c r="AH30490">
        <v>13</v>
      </c>
      <c r="AI30490">
        <v>13</v>
      </c>
      <c r="AJ30490">
        <v>14</v>
      </c>
      <c r="AK30490">
        <v>14</v>
      </c>
      <c r="AL30490">
        <v>14</v>
      </c>
      <c r="AM30490">
        <v>14</v>
      </c>
      <c r="AN30490">
        <v>14</v>
      </c>
      <c r="AO30490">
        <v>14</v>
      </c>
      <c r="AP30490">
        <v>14</v>
      </c>
      <c r="AQ30490">
        <v>14</v>
      </c>
    </row>
    <row r="30491" spans="1:43">
      <c r="A30491" t="s">
        <v>18895</v>
      </c>
      <c r="B30491" t="s">
        <v>18896</v>
      </c>
      <c r="C30491" t="s">
        <v>18891</v>
      </c>
      <c r="D30491" t="s">
        <v>18892</v>
      </c>
      <c r="E30491" t="s">
        <v>18845</v>
      </c>
      <c r="F30491" t="s">
        <v>18846</v>
      </c>
      <c r="G30491" t="s">
        <v>10734</v>
      </c>
      <c r="H30491" t="s">
        <v>10735</v>
      </c>
      <c r="I30491" s="2">
        <v>0</v>
      </c>
      <c r="J30491" s="2">
        <v>0</v>
      </c>
      <c r="K30491" s="2">
        <v>1</v>
      </c>
      <c r="L30491" t="s">
        <v>995</v>
      </c>
      <c r="M30491" t="s">
        <v>87</v>
      </c>
      <c r="N30491" t="s">
        <v>88</v>
      </c>
      <c r="O30491" t="s">
        <v>85</v>
      </c>
      <c r="P30491" t="s">
        <v>86</v>
      </c>
      <c r="Q30491">
        <v>11</v>
      </c>
      <c r="R30491">
        <v>11</v>
      </c>
      <c r="S30491">
        <v>11</v>
      </c>
      <c r="T30491">
        <v>11</v>
      </c>
      <c r="U30491">
        <v>11</v>
      </c>
      <c r="V30491">
        <v>11</v>
      </c>
      <c r="W30491">
        <v>11</v>
      </c>
      <c r="X30491">
        <v>11</v>
      </c>
      <c r="Y30491">
        <v>11</v>
      </c>
      <c r="Z30491">
        <v>11</v>
      </c>
      <c r="AA30491">
        <v>11</v>
      </c>
      <c r="AB30491">
        <v>11</v>
      </c>
      <c r="AC30491">
        <v>11</v>
      </c>
      <c r="AD30491">
        <v>11</v>
      </c>
      <c r="AE30491">
        <v>11</v>
      </c>
      <c r="AF30491">
        <v>11</v>
      </c>
      <c r="AG30491">
        <v>12</v>
      </c>
      <c r="AH30491">
        <v>12</v>
      </c>
      <c r="AI30491">
        <v>12</v>
      </c>
      <c r="AJ30491">
        <v>12</v>
      </c>
      <c r="AK30491">
        <v>12</v>
      </c>
      <c r="AL30491">
        <v>12</v>
      </c>
      <c r="AM30491">
        <v>12</v>
      </c>
      <c r="AN30491">
        <v>12</v>
      </c>
      <c r="AO30491">
        <v>12</v>
      </c>
      <c r="AP30491">
        <v>12</v>
      </c>
      <c r="AQ30491">
        <v>12</v>
      </c>
    </row>
    <row r="30492" spans="1:43">
      <c r="A30492" t="s">
        <v>18895</v>
      </c>
      <c r="B30492" t="s">
        <v>18896</v>
      </c>
      <c r="C30492" t="s">
        <v>18891</v>
      </c>
      <c r="D30492" t="s">
        <v>18892</v>
      </c>
      <c r="E30492" t="s">
        <v>18845</v>
      </c>
      <c r="F30492" t="s">
        <v>18846</v>
      </c>
      <c r="G30492" t="s">
        <v>10734</v>
      </c>
      <c r="H30492" t="s">
        <v>10735</v>
      </c>
      <c r="I30492" s="2">
        <v>0</v>
      </c>
      <c r="J30492" s="2">
        <v>0</v>
      </c>
      <c r="K30492" s="2">
        <v>1</v>
      </c>
      <c r="L30492" t="s">
        <v>995</v>
      </c>
      <c r="M30492" t="s">
        <v>89</v>
      </c>
      <c r="N30492" t="s">
        <v>90</v>
      </c>
      <c r="O30492" t="s">
        <v>85</v>
      </c>
      <c r="P30492" t="s">
        <v>86</v>
      </c>
      <c r="Q30492">
        <v>11</v>
      </c>
      <c r="R30492">
        <v>11</v>
      </c>
      <c r="S30492">
        <v>12</v>
      </c>
      <c r="T30492">
        <v>12</v>
      </c>
      <c r="U30492">
        <v>12</v>
      </c>
      <c r="V30492">
        <v>12</v>
      </c>
      <c r="W30492">
        <v>12</v>
      </c>
      <c r="X30492">
        <v>13</v>
      </c>
      <c r="Y30492">
        <v>13</v>
      </c>
      <c r="Z30492">
        <v>13</v>
      </c>
      <c r="AA30492">
        <v>13</v>
      </c>
      <c r="AB30492">
        <v>13</v>
      </c>
      <c r="AC30492">
        <v>14</v>
      </c>
      <c r="AD30492">
        <v>14</v>
      </c>
      <c r="AE30492">
        <v>14</v>
      </c>
      <c r="AF30492">
        <v>14</v>
      </c>
      <c r="AG30492">
        <v>14</v>
      </c>
      <c r="AH30492">
        <v>14</v>
      </c>
      <c r="AI30492">
        <v>14</v>
      </c>
      <c r="AJ30492">
        <v>14</v>
      </c>
      <c r="AK30492">
        <v>14</v>
      </c>
      <c r="AL30492">
        <v>14</v>
      </c>
      <c r="AM30492">
        <v>14</v>
      </c>
      <c r="AN30492">
        <v>14</v>
      </c>
      <c r="AO30492">
        <v>14</v>
      </c>
      <c r="AP30492">
        <v>14</v>
      </c>
      <c r="AQ30492">
        <v>14</v>
      </c>
    </row>
    <row r="30493" spans="1:43">
      <c r="A30493" t="s">
        <v>18895</v>
      </c>
      <c r="B30493" t="s">
        <v>18896</v>
      </c>
      <c r="C30493" t="s">
        <v>18891</v>
      </c>
      <c r="D30493" t="s">
        <v>18892</v>
      </c>
      <c r="E30493" t="s">
        <v>18845</v>
      </c>
      <c r="F30493" t="s">
        <v>18846</v>
      </c>
      <c r="G30493" t="s">
        <v>10734</v>
      </c>
      <c r="H30493" t="s">
        <v>10735</v>
      </c>
      <c r="I30493" s="2">
        <v>0</v>
      </c>
      <c r="J30493" s="2">
        <v>0</v>
      </c>
      <c r="K30493" s="2">
        <v>1</v>
      </c>
      <c r="L30493" t="s">
        <v>995</v>
      </c>
      <c r="M30493" t="s">
        <v>83</v>
      </c>
      <c r="N30493" t="s">
        <v>91</v>
      </c>
      <c r="O30493" t="s">
        <v>85</v>
      </c>
      <c r="P30493" t="s">
        <v>86</v>
      </c>
      <c r="Q30493">
        <v>11</v>
      </c>
      <c r="R30493">
        <v>11</v>
      </c>
      <c r="S30493">
        <v>11</v>
      </c>
      <c r="T30493">
        <v>11</v>
      </c>
      <c r="U30493">
        <v>12</v>
      </c>
      <c r="V30493">
        <v>12</v>
      </c>
      <c r="W30493">
        <v>12</v>
      </c>
      <c r="X30493">
        <v>12</v>
      </c>
      <c r="Y30493">
        <v>12</v>
      </c>
      <c r="Z30493">
        <v>12</v>
      </c>
      <c r="AA30493">
        <v>12</v>
      </c>
      <c r="AB30493">
        <v>12</v>
      </c>
      <c r="AC30493">
        <v>13</v>
      </c>
      <c r="AD30493">
        <v>13</v>
      </c>
      <c r="AE30493">
        <v>13</v>
      </c>
      <c r="AF30493">
        <v>13</v>
      </c>
      <c r="AG30493">
        <v>13</v>
      </c>
      <c r="AH30493">
        <v>13</v>
      </c>
      <c r="AI30493">
        <v>13</v>
      </c>
      <c r="AJ30493">
        <v>14</v>
      </c>
      <c r="AK30493">
        <v>14</v>
      </c>
      <c r="AL30493">
        <v>14</v>
      </c>
      <c r="AM30493">
        <v>14</v>
      </c>
      <c r="AN30493">
        <v>14</v>
      </c>
      <c r="AO30493">
        <v>14</v>
      </c>
      <c r="AP30493">
        <v>14</v>
      </c>
      <c r="AQ30493">
        <v>14</v>
      </c>
    </row>
    <row r="30494" spans="1:43">
      <c r="A30494" t="s">
        <v>18897</v>
      </c>
      <c r="B30494" t="s">
        <v>18898</v>
      </c>
      <c r="C30494" t="s">
        <v>18899</v>
      </c>
      <c r="D30494" t="s">
        <v>18900</v>
      </c>
      <c r="E30494" t="s">
        <v>18845</v>
      </c>
      <c r="F30494" t="s">
        <v>18846</v>
      </c>
      <c r="G30494" t="s">
        <v>10734</v>
      </c>
      <c r="H30494" t="s">
        <v>10735</v>
      </c>
      <c r="I30494" s="2">
        <v>0</v>
      </c>
      <c r="J30494" s="2">
        <v>0</v>
      </c>
      <c r="K30494" s="2">
        <v>1</v>
      </c>
      <c r="L30494" t="s">
        <v>995</v>
      </c>
      <c r="M30494" t="s">
        <v>83</v>
      </c>
      <c r="N30494" t="s">
        <v>84</v>
      </c>
      <c r="O30494" t="s">
        <v>85</v>
      </c>
      <c r="P30494" t="s">
        <v>86</v>
      </c>
      <c r="Q30494">
        <v>13</v>
      </c>
      <c r="R30494">
        <v>13</v>
      </c>
      <c r="S30494">
        <v>14</v>
      </c>
      <c r="T30494">
        <v>14</v>
      </c>
      <c r="U30494">
        <v>14</v>
      </c>
      <c r="V30494">
        <v>14</v>
      </c>
      <c r="W30494">
        <v>14</v>
      </c>
      <c r="X30494">
        <v>14</v>
      </c>
      <c r="Y30494">
        <v>15</v>
      </c>
      <c r="Z30494">
        <v>15</v>
      </c>
      <c r="AA30494">
        <v>15</v>
      </c>
      <c r="AB30494">
        <v>15</v>
      </c>
      <c r="AC30494">
        <v>15</v>
      </c>
      <c r="AD30494">
        <v>16</v>
      </c>
      <c r="AE30494">
        <v>16</v>
      </c>
      <c r="AF30494">
        <v>16</v>
      </c>
      <c r="AG30494">
        <v>16</v>
      </c>
      <c r="AH30494">
        <v>16</v>
      </c>
      <c r="AI30494">
        <v>17</v>
      </c>
      <c r="AJ30494">
        <v>17</v>
      </c>
      <c r="AK30494">
        <v>17</v>
      </c>
      <c r="AL30494">
        <v>17</v>
      </c>
      <c r="AM30494">
        <v>17</v>
      </c>
      <c r="AN30494">
        <v>17</v>
      </c>
      <c r="AO30494">
        <v>17</v>
      </c>
      <c r="AP30494">
        <v>17</v>
      </c>
      <c r="AQ30494">
        <v>17</v>
      </c>
    </row>
    <row r="30495" spans="1:43">
      <c r="A30495" t="s">
        <v>18897</v>
      </c>
      <c r="B30495" t="s">
        <v>18898</v>
      </c>
      <c r="C30495" t="s">
        <v>18899</v>
      </c>
      <c r="D30495" t="s">
        <v>18900</v>
      </c>
      <c r="E30495" t="s">
        <v>18845</v>
      </c>
      <c r="F30495" t="s">
        <v>18846</v>
      </c>
      <c r="G30495" t="s">
        <v>10734</v>
      </c>
      <c r="H30495" t="s">
        <v>10735</v>
      </c>
      <c r="I30495" s="2">
        <v>0</v>
      </c>
      <c r="J30495" s="2">
        <v>0</v>
      </c>
      <c r="K30495" s="2">
        <v>1</v>
      </c>
      <c r="L30495" t="s">
        <v>995</v>
      </c>
      <c r="M30495" t="s">
        <v>87</v>
      </c>
      <c r="N30495" t="s">
        <v>88</v>
      </c>
      <c r="O30495" t="s">
        <v>85</v>
      </c>
      <c r="P30495" t="s">
        <v>86</v>
      </c>
      <c r="Q30495">
        <v>13</v>
      </c>
      <c r="R30495">
        <v>13</v>
      </c>
      <c r="S30495">
        <v>13</v>
      </c>
      <c r="T30495">
        <v>13</v>
      </c>
      <c r="U30495">
        <v>13</v>
      </c>
      <c r="V30495">
        <v>13</v>
      </c>
      <c r="W30495">
        <v>13</v>
      </c>
      <c r="X30495">
        <v>13</v>
      </c>
      <c r="Y30495">
        <v>14</v>
      </c>
      <c r="Z30495">
        <v>14</v>
      </c>
      <c r="AA30495">
        <v>14</v>
      </c>
      <c r="AB30495">
        <v>14</v>
      </c>
      <c r="AC30495">
        <v>14</v>
      </c>
      <c r="AD30495">
        <v>14</v>
      </c>
      <c r="AE30495">
        <v>14</v>
      </c>
      <c r="AF30495">
        <v>14</v>
      </c>
      <c r="AG30495">
        <v>14</v>
      </c>
      <c r="AH30495">
        <v>14</v>
      </c>
      <c r="AI30495">
        <v>14</v>
      </c>
      <c r="AJ30495">
        <v>14</v>
      </c>
      <c r="AK30495">
        <v>15</v>
      </c>
      <c r="AL30495">
        <v>15</v>
      </c>
      <c r="AM30495">
        <v>15</v>
      </c>
      <c r="AN30495">
        <v>15</v>
      </c>
      <c r="AO30495">
        <v>15</v>
      </c>
      <c r="AP30495">
        <v>15</v>
      </c>
      <c r="AQ30495">
        <v>15</v>
      </c>
    </row>
    <row r="30496" spans="1:43">
      <c r="A30496" t="s">
        <v>18897</v>
      </c>
      <c r="B30496" t="s">
        <v>18898</v>
      </c>
      <c r="C30496" t="s">
        <v>18899</v>
      </c>
      <c r="D30496" t="s">
        <v>18900</v>
      </c>
      <c r="E30496" t="s">
        <v>18845</v>
      </c>
      <c r="F30496" t="s">
        <v>18846</v>
      </c>
      <c r="G30496" t="s">
        <v>10734</v>
      </c>
      <c r="H30496" t="s">
        <v>10735</v>
      </c>
      <c r="I30496" s="2">
        <v>0</v>
      </c>
      <c r="J30496" s="2">
        <v>0</v>
      </c>
      <c r="K30496" s="2">
        <v>1</v>
      </c>
      <c r="L30496" t="s">
        <v>995</v>
      </c>
      <c r="M30496" t="s">
        <v>89</v>
      </c>
      <c r="N30496" t="s">
        <v>90</v>
      </c>
      <c r="O30496" t="s">
        <v>85</v>
      </c>
      <c r="P30496" t="s">
        <v>86</v>
      </c>
      <c r="Q30496">
        <v>13</v>
      </c>
      <c r="R30496">
        <v>14</v>
      </c>
      <c r="S30496">
        <v>14</v>
      </c>
      <c r="T30496">
        <v>14</v>
      </c>
      <c r="U30496">
        <v>14</v>
      </c>
      <c r="V30496">
        <v>15</v>
      </c>
      <c r="W30496">
        <v>15</v>
      </c>
      <c r="X30496">
        <v>15</v>
      </c>
      <c r="Y30496">
        <v>16</v>
      </c>
      <c r="Z30496">
        <v>16</v>
      </c>
      <c r="AA30496">
        <v>16</v>
      </c>
      <c r="AB30496">
        <v>16</v>
      </c>
      <c r="AC30496">
        <v>16</v>
      </c>
      <c r="AD30496">
        <v>17</v>
      </c>
      <c r="AE30496">
        <v>17</v>
      </c>
      <c r="AF30496">
        <v>17</v>
      </c>
      <c r="AG30496">
        <v>17</v>
      </c>
      <c r="AH30496">
        <v>17</v>
      </c>
      <c r="AI30496">
        <v>17</v>
      </c>
      <c r="AJ30496">
        <v>17</v>
      </c>
      <c r="AK30496">
        <v>17</v>
      </c>
      <c r="AL30496">
        <v>17</v>
      </c>
      <c r="AM30496">
        <v>17</v>
      </c>
      <c r="AN30496">
        <v>17</v>
      </c>
      <c r="AO30496">
        <v>17</v>
      </c>
      <c r="AP30496">
        <v>18</v>
      </c>
      <c r="AQ30496">
        <v>18</v>
      </c>
    </row>
    <row r="30497" spans="1:43">
      <c r="A30497" t="s">
        <v>18897</v>
      </c>
      <c r="B30497" t="s">
        <v>18898</v>
      </c>
      <c r="C30497" t="s">
        <v>18899</v>
      </c>
      <c r="D30497" t="s">
        <v>18900</v>
      </c>
      <c r="E30497" t="s">
        <v>18845</v>
      </c>
      <c r="F30497" t="s">
        <v>18846</v>
      </c>
      <c r="G30497" t="s">
        <v>10734</v>
      </c>
      <c r="H30497" t="s">
        <v>10735</v>
      </c>
      <c r="I30497" s="2">
        <v>0</v>
      </c>
      <c r="J30497" s="2">
        <v>0</v>
      </c>
      <c r="K30497" s="2">
        <v>1</v>
      </c>
      <c r="L30497" t="s">
        <v>995</v>
      </c>
      <c r="M30497" t="s">
        <v>83</v>
      </c>
      <c r="N30497" t="s">
        <v>91</v>
      </c>
      <c r="O30497" t="s">
        <v>85</v>
      </c>
      <c r="P30497" t="s">
        <v>86</v>
      </c>
      <c r="Q30497">
        <v>13</v>
      </c>
      <c r="R30497">
        <v>13</v>
      </c>
      <c r="S30497">
        <v>14</v>
      </c>
      <c r="T30497">
        <v>14</v>
      </c>
      <c r="U30497">
        <v>14</v>
      </c>
      <c r="V30497">
        <v>14</v>
      </c>
      <c r="W30497">
        <v>14</v>
      </c>
      <c r="X30497">
        <v>14</v>
      </c>
      <c r="Y30497">
        <v>15</v>
      </c>
      <c r="Z30497">
        <v>15</v>
      </c>
      <c r="AA30497">
        <v>15</v>
      </c>
      <c r="AB30497">
        <v>15</v>
      </c>
      <c r="AC30497">
        <v>15</v>
      </c>
      <c r="AD30497">
        <v>16</v>
      </c>
      <c r="AE30497">
        <v>16</v>
      </c>
      <c r="AF30497">
        <v>16</v>
      </c>
      <c r="AG30497">
        <v>16</v>
      </c>
      <c r="AH30497">
        <v>16</v>
      </c>
      <c r="AI30497">
        <v>17</v>
      </c>
      <c r="AJ30497">
        <v>17</v>
      </c>
      <c r="AK30497">
        <v>17</v>
      </c>
      <c r="AL30497">
        <v>17</v>
      </c>
      <c r="AM30497">
        <v>17</v>
      </c>
      <c r="AN30497">
        <v>17</v>
      </c>
      <c r="AO30497">
        <v>17</v>
      </c>
      <c r="AP30497">
        <v>17</v>
      </c>
      <c r="AQ30497">
        <v>17</v>
      </c>
    </row>
    <row r="30498" spans="1:43">
      <c r="A30498" t="s">
        <v>18901</v>
      </c>
      <c r="B30498" t="s">
        <v>18902</v>
      </c>
      <c r="C30498" t="s">
        <v>18899</v>
      </c>
      <c r="D30498" t="s">
        <v>18900</v>
      </c>
      <c r="E30498" t="s">
        <v>18845</v>
      </c>
      <c r="F30498" t="s">
        <v>18846</v>
      </c>
      <c r="G30498" t="s">
        <v>10734</v>
      </c>
      <c r="H30498" t="s">
        <v>10735</v>
      </c>
      <c r="I30498" s="2">
        <v>0</v>
      </c>
      <c r="J30498" s="2">
        <v>0</v>
      </c>
      <c r="K30498" s="2">
        <v>1</v>
      </c>
      <c r="L30498" t="s">
        <v>995</v>
      </c>
      <c r="M30498" t="s">
        <v>83</v>
      </c>
      <c r="N30498" t="s">
        <v>84</v>
      </c>
      <c r="O30498" t="s">
        <v>85</v>
      </c>
      <c r="P30498" t="s">
        <v>86</v>
      </c>
      <c r="Q30498">
        <v>42</v>
      </c>
      <c r="R30498">
        <v>43</v>
      </c>
      <c r="S30498">
        <v>44</v>
      </c>
      <c r="T30498">
        <v>44</v>
      </c>
      <c r="U30498">
        <v>45</v>
      </c>
      <c r="V30498">
        <v>45</v>
      </c>
      <c r="W30498">
        <v>46</v>
      </c>
      <c r="X30498">
        <v>46</v>
      </c>
      <c r="Y30498">
        <v>47</v>
      </c>
      <c r="Z30498">
        <v>47</v>
      </c>
      <c r="AA30498">
        <v>48</v>
      </c>
      <c r="AB30498">
        <v>48</v>
      </c>
      <c r="AC30498">
        <v>49</v>
      </c>
      <c r="AD30498">
        <v>50</v>
      </c>
      <c r="AE30498">
        <v>50</v>
      </c>
      <c r="AF30498">
        <v>51</v>
      </c>
      <c r="AG30498">
        <v>51</v>
      </c>
      <c r="AH30498">
        <v>52</v>
      </c>
      <c r="AI30498">
        <v>52</v>
      </c>
      <c r="AJ30498">
        <v>53</v>
      </c>
      <c r="AK30498">
        <v>54</v>
      </c>
      <c r="AL30498">
        <v>54</v>
      </c>
      <c r="AM30498">
        <v>54</v>
      </c>
      <c r="AN30498">
        <v>54</v>
      </c>
      <c r="AO30498">
        <v>54</v>
      </c>
      <c r="AP30498">
        <v>54</v>
      </c>
      <c r="AQ30498">
        <v>54</v>
      </c>
    </row>
    <row r="30499" spans="1:43">
      <c r="A30499" t="s">
        <v>18901</v>
      </c>
      <c r="B30499" t="s">
        <v>18902</v>
      </c>
      <c r="C30499" t="s">
        <v>18899</v>
      </c>
      <c r="D30499" t="s">
        <v>18900</v>
      </c>
      <c r="E30499" t="s">
        <v>18845</v>
      </c>
      <c r="F30499" t="s">
        <v>18846</v>
      </c>
      <c r="G30499" t="s">
        <v>10734</v>
      </c>
      <c r="H30499" t="s">
        <v>10735</v>
      </c>
      <c r="I30499" s="2">
        <v>0</v>
      </c>
      <c r="J30499" s="2">
        <v>0</v>
      </c>
      <c r="K30499" s="2">
        <v>1</v>
      </c>
      <c r="L30499" t="s">
        <v>995</v>
      </c>
      <c r="M30499" t="s">
        <v>87</v>
      </c>
      <c r="N30499" t="s">
        <v>88</v>
      </c>
      <c r="O30499" t="s">
        <v>85</v>
      </c>
      <c r="P30499" t="s">
        <v>86</v>
      </c>
      <c r="Q30499">
        <v>42</v>
      </c>
      <c r="R30499">
        <v>42</v>
      </c>
      <c r="S30499">
        <v>42</v>
      </c>
      <c r="T30499">
        <v>43</v>
      </c>
      <c r="U30499">
        <v>43</v>
      </c>
      <c r="V30499">
        <v>43</v>
      </c>
      <c r="W30499">
        <v>43</v>
      </c>
      <c r="X30499">
        <v>43</v>
      </c>
      <c r="Y30499">
        <v>43</v>
      </c>
      <c r="Z30499">
        <v>43</v>
      </c>
      <c r="AA30499">
        <v>44</v>
      </c>
      <c r="AB30499">
        <v>44</v>
      </c>
      <c r="AC30499">
        <v>44</v>
      </c>
      <c r="AD30499">
        <v>44</v>
      </c>
      <c r="AE30499">
        <v>44</v>
      </c>
      <c r="AF30499">
        <v>45</v>
      </c>
      <c r="AG30499">
        <v>45</v>
      </c>
      <c r="AH30499">
        <v>45</v>
      </c>
      <c r="AI30499">
        <v>45</v>
      </c>
      <c r="AJ30499">
        <v>45</v>
      </c>
      <c r="AK30499">
        <v>46</v>
      </c>
      <c r="AL30499">
        <v>46</v>
      </c>
      <c r="AM30499">
        <v>46</v>
      </c>
      <c r="AN30499">
        <v>46</v>
      </c>
      <c r="AO30499">
        <v>47</v>
      </c>
      <c r="AP30499">
        <v>47</v>
      </c>
      <c r="AQ30499">
        <v>47</v>
      </c>
    </row>
    <row r="30500" spans="1:43">
      <c r="A30500" t="s">
        <v>18901</v>
      </c>
      <c r="B30500" t="s">
        <v>18902</v>
      </c>
      <c r="C30500" t="s">
        <v>18899</v>
      </c>
      <c r="D30500" t="s">
        <v>18900</v>
      </c>
      <c r="E30500" t="s">
        <v>18845</v>
      </c>
      <c r="F30500" t="s">
        <v>18846</v>
      </c>
      <c r="G30500" t="s">
        <v>10734</v>
      </c>
      <c r="H30500" t="s">
        <v>10735</v>
      </c>
      <c r="I30500" s="2">
        <v>0</v>
      </c>
      <c r="J30500" s="2">
        <v>0</v>
      </c>
      <c r="K30500" s="2">
        <v>1</v>
      </c>
      <c r="L30500" t="s">
        <v>995</v>
      </c>
      <c r="M30500" t="s">
        <v>89</v>
      </c>
      <c r="N30500" t="s">
        <v>90</v>
      </c>
      <c r="O30500" t="s">
        <v>85</v>
      </c>
      <c r="P30500" t="s">
        <v>86</v>
      </c>
      <c r="Q30500">
        <v>42</v>
      </c>
      <c r="R30500">
        <v>43</v>
      </c>
      <c r="S30500">
        <v>44</v>
      </c>
      <c r="T30500">
        <v>45</v>
      </c>
      <c r="U30500">
        <v>45</v>
      </c>
      <c r="V30500">
        <v>46</v>
      </c>
      <c r="W30500">
        <v>47</v>
      </c>
      <c r="X30500">
        <v>48</v>
      </c>
      <c r="Y30500">
        <v>49</v>
      </c>
      <c r="Z30500">
        <v>49</v>
      </c>
      <c r="AA30500">
        <v>50</v>
      </c>
      <c r="AB30500">
        <v>51</v>
      </c>
      <c r="AC30500">
        <v>51</v>
      </c>
      <c r="AD30500">
        <v>52</v>
      </c>
      <c r="AE30500">
        <v>53</v>
      </c>
      <c r="AF30500">
        <v>53</v>
      </c>
      <c r="AG30500">
        <v>53</v>
      </c>
      <c r="AH30500">
        <v>53</v>
      </c>
      <c r="AI30500">
        <v>53</v>
      </c>
      <c r="AJ30500">
        <v>53</v>
      </c>
      <c r="AK30500">
        <v>53</v>
      </c>
      <c r="AL30500">
        <v>53</v>
      </c>
      <c r="AM30500">
        <v>53</v>
      </c>
      <c r="AN30500">
        <v>54</v>
      </c>
      <c r="AO30500">
        <v>54</v>
      </c>
      <c r="AP30500">
        <v>54</v>
      </c>
      <c r="AQ30500">
        <v>54</v>
      </c>
    </row>
    <row r="30501" spans="1:43">
      <c r="A30501" t="s">
        <v>18901</v>
      </c>
      <c r="B30501" t="s">
        <v>18902</v>
      </c>
      <c r="C30501" t="s">
        <v>18899</v>
      </c>
      <c r="D30501" t="s">
        <v>18900</v>
      </c>
      <c r="E30501" t="s">
        <v>18845</v>
      </c>
      <c r="F30501" t="s">
        <v>18846</v>
      </c>
      <c r="G30501" t="s">
        <v>10734</v>
      </c>
      <c r="H30501" t="s">
        <v>10735</v>
      </c>
      <c r="I30501" s="2">
        <v>0</v>
      </c>
      <c r="J30501" s="2">
        <v>0</v>
      </c>
      <c r="K30501" s="2">
        <v>1</v>
      </c>
      <c r="L30501" t="s">
        <v>995</v>
      </c>
      <c r="M30501" t="s">
        <v>83</v>
      </c>
      <c r="N30501" t="s">
        <v>91</v>
      </c>
      <c r="O30501" t="s">
        <v>85</v>
      </c>
      <c r="P30501" t="s">
        <v>86</v>
      </c>
      <c r="Q30501">
        <v>42</v>
      </c>
      <c r="R30501">
        <v>43</v>
      </c>
      <c r="S30501">
        <v>44</v>
      </c>
      <c r="T30501">
        <v>44</v>
      </c>
      <c r="U30501">
        <v>45</v>
      </c>
      <c r="V30501">
        <v>45</v>
      </c>
      <c r="W30501">
        <v>46</v>
      </c>
      <c r="X30501">
        <v>46</v>
      </c>
      <c r="Y30501">
        <v>47</v>
      </c>
      <c r="Z30501">
        <v>47</v>
      </c>
      <c r="AA30501">
        <v>48</v>
      </c>
      <c r="AB30501">
        <v>48</v>
      </c>
      <c r="AC30501">
        <v>49</v>
      </c>
      <c r="AD30501">
        <v>50</v>
      </c>
      <c r="AE30501">
        <v>50</v>
      </c>
      <c r="AF30501">
        <v>51</v>
      </c>
      <c r="AG30501">
        <v>51</v>
      </c>
      <c r="AH30501">
        <v>52</v>
      </c>
      <c r="AI30501">
        <v>52</v>
      </c>
      <c r="AJ30501">
        <v>53</v>
      </c>
      <c r="AK30501">
        <v>54</v>
      </c>
      <c r="AL30501">
        <v>54</v>
      </c>
      <c r="AM30501">
        <v>54</v>
      </c>
      <c r="AN30501">
        <v>54</v>
      </c>
      <c r="AO30501">
        <v>54</v>
      </c>
      <c r="AP30501">
        <v>54</v>
      </c>
      <c r="AQ30501">
        <v>54</v>
      </c>
    </row>
    <row r="30502" spans="1:43">
      <c r="A30502" t="s">
        <v>18903</v>
      </c>
      <c r="B30502" t="s">
        <v>18904</v>
      </c>
      <c r="C30502" t="s">
        <v>18899</v>
      </c>
      <c r="D30502" t="s">
        <v>18900</v>
      </c>
      <c r="E30502" t="s">
        <v>18845</v>
      </c>
      <c r="F30502" t="s">
        <v>18846</v>
      </c>
      <c r="G30502" t="s">
        <v>10734</v>
      </c>
      <c r="H30502" t="s">
        <v>10735</v>
      </c>
      <c r="I30502" s="2">
        <v>0</v>
      </c>
      <c r="J30502" s="2">
        <v>0</v>
      </c>
      <c r="K30502" s="2">
        <v>1</v>
      </c>
      <c r="L30502" t="s">
        <v>995</v>
      </c>
      <c r="M30502" t="s">
        <v>83</v>
      </c>
      <c r="N30502" t="s">
        <v>84</v>
      </c>
      <c r="O30502" t="s">
        <v>85</v>
      </c>
      <c r="P30502" t="s">
        <v>86</v>
      </c>
      <c r="Q30502">
        <v>58</v>
      </c>
      <c r="R30502">
        <v>59</v>
      </c>
      <c r="S30502">
        <v>59</v>
      </c>
      <c r="T30502">
        <v>60</v>
      </c>
      <c r="U30502">
        <v>61</v>
      </c>
      <c r="V30502">
        <v>62</v>
      </c>
      <c r="W30502">
        <v>62</v>
      </c>
      <c r="X30502">
        <v>63</v>
      </c>
      <c r="Y30502">
        <v>64</v>
      </c>
      <c r="Z30502">
        <v>64</v>
      </c>
      <c r="AA30502">
        <v>65</v>
      </c>
      <c r="AB30502">
        <v>66</v>
      </c>
      <c r="AC30502">
        <v>67</v>
      </c>
      <c r="AD30502">
        <v>67</v>
      </c>
      <c r="AE30502">
        <v>68</v>
      </c>
      <c r="AF30502">
        <v>69</v>
      </c>
      <c r="AG30502">
        <v>70</v>
      </c>
      <c r="AH30502">
        <v>71</v>
      </c>
      <c r="AI30502">
        <v>71</v>
      </c>
      <c r="AJ30502">
        <v>72</v>
      </c>
      <c r="AK30502">
        <v>73</v>
      </c>
      <c r="AL30502">
        <v>73</v>
      </c>
      <c r="AM30502">
        <v>73</v>
      </c>
      <c r="AN30502">
        <v>74</v>
      </c>
      <c r="AO30502">
        <v>74</v>
      </c>
      <c r="AP30502">
        <v>74</v>
      </c>
      <c r="AQ30502">
        <v>74</v>
      </c>
    </row>
    <row r="30503" spans="1:43">
      <c r="A30503" t="s">
        <v>18903</v>
      </c>
      <c r="B30503" t="s">
        <v>18904</v>
      </c>
      <c r="C30503" t="s">
        <v>18899</v>
      </c>
      <c r="D30503" t="s">
        <v>18900</v>
      </c>
      <c r="E30503" t="s">
        <v>18845</v>
      </c>
      <c r="F30503" t="s">
        <v>18846</v>
      </c>
      <c r="G30503" t="s">
        <v>10734</v>
      </c>
      <c r="H30503" t="s">
        <v>10735</v>
      </c>
      <c r="I30503" s="2">
        <v>0</v>
      </c>
      <c r="J30503" s="2">
        <v>0</v>
      </c>
      <c r="K30503" s="2">
        <v>1</v>
      </c>
      <c r="L30503" t="s">
        <v>995</v>
      </c>
      <c r="M30503" t="s">
        <v>87</v>
      </c>
      <c r="N30503" t="s">
        <v>88</v>
      </c>
      <c r="O30503" t="s">
        <v>85</v>
      </c>
      <c r="P30503" t="s">
        <v>86</v>
      </c>
      <c r="Q30503">
        <v>58</v>
      </c>
      <c r="R30503">
        <v>58</v>
      </c>
      <c r="S30503">
        <v>59</v>
      </c>
      <c r="T30503">
        <v>59</v>
      </c>
      <c r="U30503">
        <v>59</v>
      </c>
      <c r="V30503">
        <v>59</v>
      </c>
      <c r="W30503">
        <v>60</v>
      </c>
      <c r="X30503">
        <v>60</v>
      </c>
      <c r="Y30503">
        <v>60</v>
      </c>
      <c r="Z30503">
        <v>60</v>
      </c>
      <c r="AA30503">
        <v>60</v>
      </c>
      <c r="AB30503">
        <v>61</v>
      </c>
      <c r="AC30503">
        <v>61</v>
      </c>
      <c r="AD30503">
        <v>61</v>
      </c>
      <c r="AE30503">
        <v>61</v>
      </c>
      <c r="AF30503">
        <v>62</v>
      </c>
      <c r="AG30503">
        <v>62</v>
      </c>
      <c r="AH30503">
        <v>62</v>
      </c>
      <c r="AI30503">
        <v>63</v>
      </c>
      <c r="AJ30503">
        <v>63</v>
      </c>
      <c r="AK30503">
        <v>63</v>
      </c>
      <c r="AL30503">
        <v>64</v>
      </c>
      <c r="AM30503">
        <v>64</v>
      </c>
      <c r="AN30503">
        <v>64</v>
      </c>
      <c r="AO30503">
        <v>65</v>
      </c>
      <c r="AP30503">
        <v>65</v>
      </c>
      <c r="AQ30503">
        <v>65</v>
      </c>
    </row>
    <row r="30504" spans="1:43">
      <c r="A30504" t="s">
        <v>18903</v>
      </c>
      <c r="B30504" t="s">
        <v>18904</v>
      </c>
      <c r="C30504" t="s">
        <v>18899</v>
      </c>
      <c r="D30504" t="s">
        <v>18900</v>
      </c>
      <c r="E30504" t="s">
        <v>18845</v>
      </c>
      <c r="F30504" t="s">
        <v>18846</v>
      </c>
      <c r="G30504" t="s">
        <v>10734</v>
      </c>
      <c r="H30504" t="s">
        <v>10735</v>
      </c>
      <c r="I30504" s="2">
        <v>0</v>
      </c>
      <c r="J30504" s="2">
        <v>0</v>
      </c>
      <c r="K30504" s="2">
        <v>1</v>
      </c>
      <c r="L30504" t="s">
        <v>995</v>
      </c>
      <c r="M30504" t="s">
        <v>89</v>
      </c>
      <c r="N30504" t="s">
        <v>90</v>
      </c>
      <c r="O30504" t="s">
        <v>85</v>
      </c>
      <c r="P30504" t="s">
        <v>86</v>
      </c>
      <c r="Q30504">
        <v>58</v>
      </c>
      <c r="R30504">
        <v>60</v>
      </c>
      <c r="S30504">
        <v>61</v>
      </c>
      <c r="T30504">
        <v>62</v>
      </c>
      <c r="U30504">
        <v>63</v>
      </c>
      <c r="V30504">
        <v>64</v>
      </c>
      <c r="W30504">
        <v>65</v>
      </c>
      <c r="X30504">
        <v>67</v>
      </c>
      <c r="Y30504">
        <v>68</v>
      </c>
      <c r="Z30504">
        <v>68</v>
      </c>
      <c r="AA30504">
        <v>69</v>
      </c>
      <c r="AB30504">
        <v>70</v>
      </c>
      <c r="AC30504">
        <v>71</v>
      </c>
      <c r="AD30504">
        <v>72</v>
      </c>
      <c r="AE30504">
        <v>73</v>
      </c>
      <c r="AF30504">
        <v>73</v>
      </c>
      <c r="AG30504">
        <v>73</v>
      </c>
      <c r="AH30504">
        <v>73</v>
      </c>
      <c r="AI30504">
        <v>74</v>
      </c>
      <c r="AJ30504">
        <v>74</v>
      </c>
      <c r="AK30504">
        <v>74</v>
      </c>
      <c r="AL30504">
        <v>74</v>
      </c>
      <c r="AM30504">
        <v>74</v>
      </c>
      <c r="AN30504">
        <v>74</v>
      </c>
      <c r="AO30504">
        <v>74</v>
      </c>
      <c r="AP30504">
        <v>75</v>
      </c>
      <c r="AQ30504">
        <v>75</v>
      </c>
    </row>
    <row r="30505" spans="1:43">
      <c r="A30505" t="s">
        <v>18903</v>
      </c>
      <c r="B30505" t="s">
        <v>18904</v>
      </c>
      <c r="C30505" t="s">
        <v>18899</v>
      </c>
      <c r="D30505" t="s">
        <v>18900</v>
      </c>
      <c r="E30505" t="s">
        <v>18845</v>
      </c>
      <c r="F30505" t="s">
        <v>18846</v>
      </c>
      <c r="G30505" t="s">
        <v>10734</v>
      </c>
      <c r="H30505" t="s">
        <v>10735</v>
      </c>
      <c r="I30505" s="2">
        <v>0</v>
      </c>
      <c r="J30505" s="2">
        <v>0</v>
      </c>
      <c r="K30505" s="2">
        <v>1</v>
      </c>
      <c r="L30505" t="s">
        <v>995</v>
      </c>
      <c r="M30505" t="s">
        <v>83</v>
      </c>
      <c r="N30505" t="s">
        <v>91</v>
      </c>
      <c r="O30505" t="s">
        <v>85</v>
      </c>
      <c r="P30505" t="s">
        <v>86</v>
      </c>
      <c r="Q30505">
        <v>58</v>
      </c>
      <c r="R30505">
        <v>59</v>
      </c>
      <c r="S30505">
        <v>59</v>
      </c>
      <c r="T30505">
        <v>60</v>
      </c>
      <c r="U30505">
        <v>61</v>
      </c>
      <c r="V30505">
        <v>62</v>
      </c>
      <c r="W30505">
        <v>62</v>
      </c>
      <c r="X30505">
        <v>63</v>
      </c>
      <c r="Y30505">
        <v>64</v>
      </c>
      <c r="Z30505">
        <v>64</v>
      </c>
      <c r="AA30505">
        <v>65</v>
      </c>
      <c r="AB30505">
        <v>66</v>
      </c>
      <c r="AC30505">
        <v>67</v>
      </c>
      <c r="AD30505">
        <v>67</v>
      </c>
      <c r="AE30505">
        <v>68</v>
      </c>
      <c r="AF30505">
        <v>69</v>
      </c>
      <c r="AG30505">
        <v>70</v>
      </c>
      <c r="AH30505">
        <v>71</v>
      </c>
      <c r="AI30505">
        <v>71</v>
      </c>
      <c r="AJ30505">
        <v>72</v>
      </c>
      <c r="AK30505">
        <v>73</v>
      </c>
      <c r="AL30505">
        <v>73</v>
      </c>
      <c r="AM30505">
        <v>73</v>
      </c>
      <c r="AN30505">
        <v>74</v>
      </c>
      <c r="AO30505">
        <v>74</v>
      </c>
      <c r="AP30505">
        <v>74</v>
      </c>
      <c r="AQ30505">
        <v>74</v>
      </c>
    </row>
    <row r="30506" spans="1:43">
      <c r="A30506" t="s">
        <v>18905</v>
      </c>
      <c r="B30506" t="s">
        <v>18906</v>
      </c>
      <c r="C30506" t="s">
        <v>18899</v>
      </c>
      <c r="D30506" t="s">
        <v>18900</v>
      </c>
      <c r="E30506" t="s">
        <v>18845</v>
      </c>
      <c r="F30506" t="s">
        <v>18846</v>
      </c>
      <c r="G30506" t="s">
        <v>10734</v>
      </c>
      <c r="H30506" t="s">
        <v>10735</v>
      </c>
      <c r="I30506" s="2">
        <v>0</v>
      </c>
      <c r="J30506" s="2">
        <v>0</v>
      </c>
      <c r="K30506" s="2">
        <v>1</v>
      </c>
      <c r="L30506" t="s">
        <v>995</v>
      </c>
      <c r="M30506" t="s">
        <v>83</v>
      </c>
      <c r="N30506" t="s">
        <v>84</v>
      </c>
      <c r="O30506" t="s">
        <v>85</v>
      </c>
      <c r="P30506" t="s">
        <v>86</v>
      </c>
      <c r="Q30506">
        <v>47</v>
      </c>
      <c r="R30506">
        <v>48</v>
      </c>
      <c r="S30506">
        <v>48</v>
      </c>
      <c r="T30506">
        <v>49</v>
      </c>
      <c r="U30506">
        <v>50</v>
      </c>
      <c r="V30506">
        <v>50</v>
      </c>
      <c r="W30506">
        <v>51</v>
      </c>
      <c r="X30506">
        <v>51</v>
      </c>
      <c r="Y30506">
        <v>52</v>
      </c>
      <c r="Z30506">
        <v>53</v>
      </c>
      <c r="AA30506">
        <v>53</v>
      </c>
      <c r="AB30506">
        <v>54</v>
      </c>
      <c r="AC30506">
        <v>54</v>
      </c>
      <c r="AD30506">
        <v>55</v>
      </c>
      <c r="AE30506">
        <v>56</v>
      </c>
      <c r="AF30506">
        <v>56</v>
      </c>
      <c r="AG30506">
        <v>57</v>
      </c>
      <c r="AH30506">
        <v>57</v>
      </c>
      <c r="AI30506">
        <v>58</v>
      </c>
      <c r="AJ30506">
        <v>59</v>
      </c>
      <c r="AK30506">
        <v>59</v>
      </c>
      <c r="AL30506">
        <v>60</v>
      </c>
      <c r="AM30506">
        <v>60</v>
      </c>
      <c r="AN30506">
        <v>60</v>
      </c>
      <c r="AO30506">
        <v>60</v>
      </c>
      <c r="AP30506">
        <v>60</v>
      </c>
      <c r="AQ30506">
        <v>60</v>
      </c>
    </row>
    <row r="30507" spans="1:43">
      <c r="A30507" t="s">
        <v>18905</v>
      </c>
      <c r="B30507" t="s">
        <v>18906</v>
      </c>
      <c r="C30507" t="s">
        <v>18899</v>
      </c>
      <c r="D30507" t="s">
        <v>18900</v>
      </c>
      <c r="E30507" t="s">
        <v>18845</v>
      </c>
      <c r="F30507" t="s">
        <v>18846</v>
      </c>
      <c r="G30507" t="s">
        <v>10734</v>
      </c>
      <c r="H30507" t="s">
        <v>10735</v>
      </c>
      <c r="I30507" s="2">
        <v>0</v>
      </c>
      <c r="J30507" s="2">
        <v>0</v>
      </c>
      <c r="K30507" s="2">
        <v>1</v>
      </c>
      <c r="L30507" t="s">
        <v>995</v>
      </c>
      <c r="M30507" t="s">
        <v>87</v>
      </c>
      <c r="N30507" t="s">
        <v>88</v>
      </c>
      <c r="O30507" t="s">
        <v>85</v>
      </c>
      <c r="P30507" t="s">
        <v>86</v>
      </c>
      <c r="Q30507">
        <v>47</v>
      </c>
      <c r="R30507">
        <v>47</v>
      </c>
      <c r="S30507">
        <v>47</v>
      </c>
      <c r="T30507">
        <v>47</v>
      </c>
      <c r="U30507">
        <v>47</v>
      </c>
      <c r="V30507">
        <v>48</v>
      </c>
      <c r="W30507">
        <v>48</v>
      </c>
      <c r="X30507">
        <v>48</v>
      </c>
      <c r="Y30507">
        <v>48</v>
      </c>
      <c r="Z30507">
        <v>48</v>
      </c>
      <c r="AA30507">
        <v>48</v>
      </c>
      <c r="AB30507">
        <v>49</v>
      </c>
      <c r="AC30507">
        <v>49</v>
      </c>
      <c r="AD30507">
        <v>49</v>
      </c>
      <c r="AE30507">
        <v>49</v>
      </c>
      <c r="AF30507">
        <v>49</v>
      </c>
      <c r="AG30507">
        <v>50</v>
      </c>
      <c r="AH30507">
        <v>50</v>
      </c>
      <c r="AI30507">
        <v>50</v>
      </c>
      <c r="AJ30507">
        <v>50</v>
      </c>
      <c r="AK30507">
        <v>51</v>
      </c>
      <c r="AL30507">
        <v>51</v>
      </c>
      <c r="AM30507">
        <v>51</v>
      </c>
      <c r="AN30507">
        <v>52</v>
      </c>
      <c r="AO30507">
        <v>52</v>
      </c>
      <c r="AP30507">
        <v>52</v>
      </c>
      <c r="AQ30507">
        <v>52</v>
      </c>
    </row>
    <row r="30508" spans="1:43">
      <c r="A30508" t="s">
        <v>18905</v>
      </c>
      <c r="B30508" t="s">
        <v>18906</v>
      </c>
      <c r="C30508" t="s">
        <v>18899</v>
      </c>
      <c r="D30508" t="s">
        <v>18900</v>
      </c>
      <c r="E30508" t="s">
        <v>18845</v>
      </c>
      <c r="F30508" t="s">
        <v>18846</v>
      </c>
      <c r="G30508" t="s">
        <v>10734</v>
      </c>
      <c r="H30508" t="s">
        <v>10735</v>
      </c>
      <c r="I30508" s="2">
        <v>0</v>
      </c>
      <c r="J30508" s="2">
        <v>0</v>
      </c>
      <c r="K30508" s="2">
        <v>1</v>
      </c>
      <c r="L30508" t="s">
        <v>995</v>
      </c>
      <c r="M30508" t="s">
        <v>89</v>
      </c>
      <c r="N30508" t="s">
        <v>90</v>
      </c>
      <c r="O30508" t="s">
        <v>85</v>
      </c>
      <c r="P30508" t="s">
        <v>86</v>
      </c>
      <c r="Q30508">
        <v>47</v>
      </c>
      <c r="R30508">
        <v>48</v>
      </c>
      <c r="S30508">
        <v>49</v>
      </c>
      <c r="T30508">
        <v>50</v>
      </c>
      <c r="U30508">
        <v>51</v>
      </c>
      <c r="V30508">
        <v>51</v>
      </c>
      <c r="W30508">
        <v>52</v>
      </c>
      <c r="X30508">
        <v>53</v>
      </c>
      <c r="Y30508">
        <v>54</v>
      </c>
      <c r="Z30508">
        <v>55</v>
      </c>
      <c r="AA30508">
        <v>56</v>
      </c>
      <c r="AB30508">
        <v>56</v>
      </c>
      <c r="AC30508">
        <v>57</v>
      </c>
      <c r="AD30508">
        <v>58</v>
      </c>
      <c r="AE30508">
        <v>59</v>
      </c>
      <c r="AF30508">
        <v>59</v>
      </c>
      <c r="AG30508">
        <v>59</v>
      </c>
      <c r="AH30508">
        <v>59</v>
      </c>
      <c r="AI30508">
        <v>59</v>
      </c>
      <c r="AJ30508">
        <v>59</v>
      </c>
      <c r="AK30508">
        <v>59</v>
      </c>
      <c r="AL30508">
        <v>59</v>
      </c>
      <c r="AM30508">
        <v>59</v>
      </c>
      <c r="AN30508">
        <v>60</v>
      </c>
      <c r="AO30508">
        <v>60</v>
      </c>
      <c r="AP30508">
        <v>60</v>
      </c>
      <c r="AQ30508">
        <v>60</v>
      </c>
    </row>
    <row r="30509" spans="1:43">
      <c r="A30509" t="s">
        <v>18905</v>
      </c>
      <c r="B30509" t="s">
        <v>18906</v>
      </c>
      <c r="C30509" t="s">
        <v>18899</v>
      </c>
      <c r="D30509" t="s">
        <v>18900</v>
      </c>
      <c r="E30509" t="s">
        <v>18845</v>
      </c>
      <c r="F30509" t="s">
        <v>18846</v>
      </c>
      <c r="G30509" t="s">
        <v>10734</v>
      </c>
      <c r="H30509" t="s">
        <v>10735</v>
      </c>
      <c r="I30509" s="2">
        <v>0</v>
      </c>
      <c r="J30509" s="2">
        <v>0</v>
      </c>
      <c r="K30509" s="2">
        <v>1</v>
      </c>
      <c r="L30509" t="s">
        <v>995</v>
      </c>
      <c r="M30509" t="s">
        <v>83</v>
      </c>
      <c r="N30509" t="s">
        <v>91</v>
      </c>
      <c r="O30509" t="s">
        <v>85</v>
      </c>
      <c r="P30509" t="s">
        <v>86</v>
      </c>
      <c r="Q30509">
        <v>47</v>
      </c>
      <c r="R30509">
        <v>48</v>
      </c>
      <c r="S30509">
        <v>48</v>
      </c>
      <c r="T30509">
        <v>49</v>
      </c>
      <c r="U30509">
        <v>50</v>
      </c>
      <c r="V30509">
        <v>50</v>
      </c>
      <c r="W30509">
        <v>51</v>
      </c>
      <c r="X30509">
        <v>51</v>
      </c>
      <c r="Y30509">
        <v>52</v>
      </c>
      <c r="Z30509">
        <v>53</v>
      </c>
      <c r="AA30509">
        <v>53</v>
      </c>
      <c r="AB30509">
        <v>54</v>
      </c>
      <c r="AC30509">
        <v>54</v>
      </c>
      <c r="AD30509">
        <v>55</v>
      </c>
      <c r="AE30509">
        <v>56</v>
      </c>
      <c r="AF30509">
        <v>56</v>
      </c>
      <c r="AG30509">
        <v>57</v>
      </c>
      <c r="AH30509">
        <v>57</v>
      </c>
      <c r="AI30509">
        <v>58</v>
      </c>
      <c r="AJ30509">
        <v>59</v>
      </c>
      <c r="AK30509">
        <v>59</v>
      </c>
      <c r="AL30509">
        <v>60</v>
      </c>
      <c r="AM30509">
        <v>60</v>
      </c>
      <c r="AN30509">
        <v>60</v>
      </c>
      <c r="AO30509">
        <v>60</v>
      </c>
      <c r="AP30509">
        <v>60</v>
      </c>
      <c r="AQ30509">
        <v>60</v>
      </c>
    </row>
    <row r="30510" spans="1:43">
      <c r="A30510" t="s">
        <v>18907</v>
      </c>
      <c r="B30510" t="s">
        <v>18908</v>
      </c>
      <c r="C30510" t="s">
        <v>18909</v>
      </c>
      <c r="D30510" t="s">
        <v>18910</v>
      </c>
      <c r="E30510" t="s">
        <v>18845</v>
      </c>
      <c r="F30510" t="s">
        <v>18846</v>
      </c>
      <c r="G30510" t="s">
        <v>10734</v>
      </c>
      <c r="H30510" t="s">
        <v>10735</v>
      </c>
      <c r="I30510" s="2">
        <v>0</v>
      </c>
      <c r="J30510" s="2">
        <v>0</v>
      </c>
      <c r="K30510" s="2">
        <v>1</v>
      </c>
      <c r="L30510" t="s">
        <v>995</v>
      </c>
      <c r="M30510" t="s">
        <v>83</v>
      </c>
      <c r="N30510" t="s">
        <v>84</v>
      </c>
      <c r="O30510" t="s">
        <v>85</v>
      </c>
      <c r="P30510" t="s">
        <v>86</v>
      </c>
      <c r="Q30510">
        <v>12</v>
      </c>
      <c r="R30510">
        <v>12</v>
      </c>
      <c r="S30510">
        <v>12</v>
      </c>
      <c r="T30510">
        <v>12</v>
      </c>
      <c r="U30510">
        <v>12</v>
      </c>
      <c r="V30510">
        <v>12</v>
      </c>
      <c r="W30510">
        <v>13</v>
      </c>
      <c r="X30510">
        <v>13</v>
      </c>
      <c r="Y30510">
        <v>13</v>
      </c>
      <c r="Z30510">
        <v>13</v>
      </c>
      <c r="AA30510">
        <v>13</v>
      </c>
      <c r="AB30510">
        <v>13</v>
      </c>
      <c r="AC30510">
        <v>14</v>
      </c>
      <c r="AD30510">
        <v>14</v>
      </c>
      <c r="AE30510">
        <v>14</v>
      </c>
      <c r="AF30510">
        <v>14</v>
      </c>
      <c r="AG30510">
        <v>14</v>
      </c>
      <c r="AH30510">
        <v>14</v>
      </c>
      <c r="AI30510">
        <v>15</v>
      </c>
      <c r="AJ30510">
        <v>15</v>
      </c>
      <c r="AK30510">
        <v>15</v>
      </c>
      <c r="AL30510">
        <v>15</v>
      </c>
      <c r="AM30510">
        <v>15</v>
      </c>
      <c r="AN30510">
        <v>15</v>
      </c>
      <c r="AO30510">
        <v>15</v>
      </c>
      <c r="AP30510">
        <v>15</v>
      </c>
      <c r="AQ30510">
        <v>15</v>
      </c>
    </row>
    <row r="30511" spans="1:43">
      <c r="A30511" t="s">
        <v>18907</v>
      </c>
      <c r="B30511" t="s">
        <v>18908</v>
      </c>
      <c r="C30511" t="s">
        <v>18909</v>
      </c>
      <c r="D30511" t="s">
        <v>18910</v>
      </c>
      <c r="E30511" t="s">
        <v>18845</v>
      </c>
      <c r="F30511" t="s">
        <v>18846</v>
      </c>
      <c r="G30511" t="s">
        <v>10734</v>
      </c>
      <c r="H30511" t="s">
        <v>10735</v>
      </c>
      <c r="I30511" s="2">
        <v>0</v>
      </c>
      <c r="J30511" s="2">
        <v>0</v>
      </c>
      <c r="K30511" s="2">
        <v>1</v>
      </c>
      <c r="L30511" t="s">
        <v>995</v>
      </c>
      <c r="M30511" t="s">
        <v>87</v>
      </c>
      <c r="N30511" t="s">
        <v>88</v>
      </c>
      <c r="O30511" t="s">
        <v>85</v>
      </c>
      <c r="P30511" t="s">
        <v>86</v>
      </c>
      <c r="Q30511">
        <v>12</v>
      </c>
      <c r="R30511">
        <v>12</v>
      </c>
      <c r="S30511">
        <v>13</v>
      </c>
      <c r="T30511">
        <v>13</v>
      </c>
      <c r="U30511">
        <v>13</v>
      </c>
      <c r="V30511">
        <v>13</v>
      </c>
      <c r="W30511">
        <v>13</v>
      </c>
      <c r="X30511">
        <v>13</v>
      </c>
      <c r="Y30511">
        <v>13</v>
      </c>
      <c r="Z30511">
        <v>13</v>
      </c>
      <c r="AA30511">
        <v>13</v>
      </c>
      <c r="AB30511">
        <v>13</v>
      </c>
      <c r="AC30511">
        <v>13</v>
      </c>
      <c r="AD30511">
        <v>13</v>
      </c>
      <c r="AE30511">
        <v>13</v>
      </c>
      <c r="AF30511">
        <v>13</v>
      </c>
      <c r="AG30511">
        <v>13</v>
      </c>
      <c r="AH30511">
        <v>14</v>
      </c>
      <c r="AI30511">
        <v>14</v>
      </c>
      <c r="AJ30511">
        <v>14</v>
      </c>
      <c r="AK30511">
        <v>14</v>
      </c>
      <c r="AL30511">
        <v>14</v>
      </c>
      <c r="AM30511">
        <v>14</v>
      </c>
      <c r="AN30511">
        <v>14</v>
      </c>
      <c r="AO30511">
        <v>14</v>
      </c>
      <c r="AP30511">
        <v>14</v>
      </c>
      <c r="AQ30511">
        <v>14</v>
      </c>
    </row>
    <row r="30512" spans="1:43">
      <c r="A30512" t="s">
        <v>18907</v>
      </c>
      <c r="B30512" t="s">
        <v>18908</v>
      </c>
      <c r="C30512" t="s">
        <v>18909</v>
      </c>
      <c r="D30512" t="s">
        <v>18910</v>
      </c>
      <c r="E30512" t="s">
        <v>18845</v>
      </c>
      <c r="F30512" t="s">
        <v>18846</v>
      </c>
      <c r="G30512" t="s">
        <v>10734</v>
      </c>
      <c r="H30512" t="s">
        <v>10735</v>
      </c>
      <c r="I30512" s="2">
        <v>0</v>
      </c>
      <c r="J30512" s="2">
        <v>0</v>
      </c>
      <c r="K30512" s="2">
        <v>1</v>
      </c>
      <c r="L30512" t="s">
        <v>995</v>
      </c>
      <c r="M30512" t="s">
        <v>89</v>
      </c>
      <c r="N30512" t="s">
        <v>90</v>
      </c>
      <c r="O30512" t="s">
        <v>85</v>
      </c>
      <c r="P30512" t="s">
        <v>86</v>
      </c>
      <c r="Q30512">
        <v>12</v>
      </c>
      <c r="R30512">
        <v>12</v>
      </c>
      <c r="S30512">
        <v>12</v>
      </c>
      <c r="T30512">
        <v>12</v>
      </c>
      <c r="U30512">
        <v>13</v>
      </c>
      <c r="V30512">
        <v>13</v>
      </c>
      <c r="W30512">
        <v>13</v>
      </c>
      <c r="X30512">
        <v>13</v>
      </c>
      <c r="Y30512">
        <v>14</v>
      </c>
      <c r="Z30512">
        <v>14</v>
      </c>
      <c r="AA30512">
        <v>14</v>
      </c>
      <c r="AB30512">
        <v>14</v>
      </c>
      <c r="AC30512">
        <v>14</v>
      </c>
      <c r="AD30512">
        <v>15</v>
      </c>
      <c r="AE30512">
        <v>15</v>
      </c>
      <c r="AF30512">
        <v>15</v>
      </c>
      <c r="AG30512">
        <v>15</v>
      </c>
      <c r="AH30512">
        <v>15</v>
      </c>
      <c r="AI30512">
        <v>15</v>
      </c>
      <c r="AJ30512">
        <v>15</v>
      </c>
      <c r="AK30512">
        <v>15</v>
      </c>
      <c r="AL30512">
        <v>15</v>
      </c>
      <c r="AM30512">
        <v>15</v>
      </c>
      <c r="AN30512">
        <v>15</v>
      </c>
      <c r="AO30512">
        <v>15</v>
      </c>
      <c r="AP30512">
        <v>15</v>
      </c>
      <c r="AQ30512">
        <v>15</v>
      </c>
    </row>
    <row r="30513" spans="1:43">
      <c r="A30513" t="s">
        <v>18907</v>
      </c>
      <c r="B30513" t="s">
        <v>18908</v>
      </c>
      <c r="C30513" t="s">
        <v>18909</v>
      </c>
      <c r="D30513" t="s">
        <v>18910</v>
      </c>
      <c r="E30513" t="s">
        <v>18845</v>
      </c>
      <c r="F30513" t="s">
        <v>18846</v>
      </c>
      <c r="G30513" t="s">
        <v>10734</v>
      </c>
      <c r="H30513" t="s">
        <v>10735</v>
      </c>
      <c r="I30513" s="2">
        <v>0</v>
      </c>
      <c r="J30513" s="2">
        <v>0</v>
      </c>
      <c r="K30513" s="2">
        <v>1</v>
      </c>
      <c r="L30513" t="s">
        <v>995</v>
      </c>
      <c r="M30513" t="s">
        <v>83</v>
      </c>
      <c r="N30513" t="s">
        <v>91</v>
      </c>
      <c r="O30513" t="s">
        <v>85</v>
      </c>
      <c r="P30513" t="s">
        <v>86</v>
      </c>
      <c r="Q30513">
        <v>12</v>
      </c>
      <c r="R30513">
        <v>12</v>
      </c>
      <c r="S30513">
        <v>12</v>
      </c>
      <c r="T30513">
        <v>12</v>
      </c>
      <c r="U30513">
        <v>12</v>
      </c>
      <c r="V30513">
        <v>12</v>
      </c>
      <c r="W30513">
        <v>13</v>
      </c>
      <c r="X30513">
        <v>13</v>
      </c>
      <c r="Y30513">
        <v>13</v>
      </c>
      <c r="Z30513">
        <v>13</v>
      </c>
      <c r="AA30513">
        <v>13</v>
      </c>
      <c r="AB30513">
        <v>13</v>
      </c>
      <c r="AC30513">
        <v>14</v>
      </c>
      <c r="AD30513">
        <v>14</v>
      </c>
      <c r="AE30513">
        <v>14</v>
      </c>
      <c r="AF30513">
        <v>14</v>
      </c>
      <c r="AG30513">
        <v>14</v>
      </c>
      <c r="AH30513">
        <v>14</v>
      </c>
      <c r="AI30513">
        <v>15</v>
      </c>
      <c r="AJ30513">
        <v>15</v>
      </c>
      <c r="AK30513">
        <v>15</v>
      </c>
      <c r="AL30513">
        <v>15</v>
      </c>
      <c r="AM30513">
        <v>15</v>
      </c>
      <c r="AN30513">
        <v>15</v>
      </c>
      <c r="AO30513">
        <v>15</v>
      </c>
      <c r="AP30513">
        <v>15</v>
      </c>
      <c r="AQ30513">
        <v>15</v>
      </c>
    </row>
    <row r="30514" spans="1:43">
      <c r="A30514" t="s">
        <v>18911</v>
      </c>
      <c r="B30514" t="s">
        <v>18912</v>
      </c>
      <c r="C30514" t="s">
        <v>18861</v>
      </c>
      <c r="D30514" t="s">
        <v>18862</v>
      </c>
      <c r="E30514" t="s">
        <v>18845</v>
      </c>
      <c r="F30514" t="s">
        <v>18846</v>
      </c>
      <c r="G30514" t="s">
        <v>10734</v>
      </c>
      <c r="H30514" t="s">
        <v>10735</v>
      </c>
      <c r="I30514" s="2">
        <v>0</v>
      </c>
      <c r="J30514" s="2">
        <v>0</v>
      </c>
      <c r="K30514" s="2">
        <v>1</v>
      </c>
      <c r="L30514" t="s">
        <v>995</v>
      </c>
      <c r="M30514" t="s">
        <v>83</v>
      </c>
      <c r="N30514" t="s">
        <v>84</v>
      </c>
      <c r="O30514" t="s">
        <v>85</v>
      </c>
      <c r="P30514" t="s">
        <v>86</v>
      </c>
      <c r="Q30514">
        <v>26</v>
      </c>
      <c r="R30514">
        <v>27</v>
      </c>
      <c r="S30514">
        <v>27</v>
      </c>
      <c r="T30514">
        <v>28</v>
      </c>
      <c r="U30514">
        <v>28</v>
      </c>
      <c r="V30514">
        <v>28</v>
      </c>
      <c r="W30514">
        <v>29</v>
      </c>
      <c r="X30514">
        <v>29</v>
      </c>
      <c r="Y30514">
        <v>30</v>
      </c>
      <c r="Z30514">
        <v>30</v>
      </c>
      <c r="AA30514">
        <v>30</v>
      </c>
      <c r="AB30514">
        <v>31</v>
      </c>
      <c r="AC30514">
        <v>31</v>
      </c>
      <c r="AD30514">
        <v>32</v>
      </c>
      <c r="AE30514">
        <v>32</v>
      </c>
      <c r="AF30514">
        <v>32</v>
      </c>
      <c r="AG30514">
        <v>33</v>
      </c>
      <c r="AH30514">
        <v>33</v>
      </c>
      <c r="AI30514">
        <v>34</v>
      </c>
      <c r="AJ30514">
        <v>34</v>
      </c>
      <c r="AK30514">
        <v>35</v>
      </c>
      <c r="AL30514">
        <v>35</v>
      </c>
      <c r="AM30514">
        <v>35</v>
      </c>
      <c r="AN30514">
        <v>35</v>
      </c>
      <c r="AO30514">
        <v>35</v>
      </c>
      <c r="AP30514">
        <v>36</v>
      </c>
      <c r="AQ30514">
        <v>36</v>
      </c>
    </row>
    <row r="30515" spans="1:43">
      <c r="A30515" t="s">
        <v>18911</v>
      </c>
      <c r="B30515" t="s">
        <v>18912</v>
      </c>
      <c r="C30515" t="s">
        <v>18861</v>
      </c>
      <c r="D30515" t="s">
        <v>18862</v>
      </c>
      <c r="E30515" t="s">
        <v>18845</v>
      </c>
      <c r="F30515" t="s">
        <v>18846</v>
      </c>
      <c r="G30515" t="s">
        <v>10734</v>
      </c>
      <c r="H30515" t="s">
        <v>10735</v>
      </c>
      <c r="I30515" s="2">
        <v>0</v>
      </c>
      <c r="J30515" s="2">
        <v>0</v>
      </c>
      <c r="K30515" s="2">
        <v>1</v>
      </c>
      <c r="L30515" t="s">
        <v>995</v>
      </c>
      <c r="M30515" t="s">
        <v>87</v>
      </c>
      <c r="N30515" t="s">
        <v>88</v>
      </c>
      <c r="O30515" t="s">
        <v>85</v>
      </c>
      <c r="P30515" t="s">
        <v>86</v>
      </c>
      <c r="Q30515">
        <v>26</v>
      </c>
      <c r="R30515">
        <v>26</v>
      </c>
      <c r="S30515">
        <v>26</v>
      </c>
      <c r="T30515">
        <v>27</v>
      </c>
      <c r="U30515">
        <v>27</v>
      </c>
      <c r="V30515">
        <v>27</v>
      </c>
      <c r="W30515">
        <v>27</v>
      </c>
      <c r="X30515">
        <v>27</v>
      </c>
      <c r="Y30515">
        <v>27</v>
      </c>
      <c r="Z30515">
        <v>27</v>
      </c>
      <c r="AA30515">
        <v>28</v>
      </c>
      <c r="AB30515">
        <v>28</v>
      </c>
      <c r="AC30515">
        <v>28</v>
      </c>
      <c r="AD30515">
        <v>28</v>
      </c>
      <c r="AE30515">
        <v>28</v>
      </c>
      <c r="AF30515">
        <v>29</v>
      </c>
      <c r="AG30515">
        <v>29</v>
      </c>
      <c r="AH30515">
        <v>29</v>
      </c>
      <c r="AI30515">
        <v>29</v>
      </c>
      <c r="AJ30515">
        <v>29</v>
      </c>
      <c r="AK30515">
        <v>30</v>
      </c>
      <c r="AL30515">
        <v>30</v>
      </c>
      <c r="AM30515">
        <v>30</v>
      </c>
      <c r="AN30515">
        <v>30</v>
      </c>
      <c r="AO30515">
        <v>31</v>
      </c>
      <c r="AP30515">
        <v>31</v>
      </c>
      <c r="AQ30515">
        <v>31</v>
      </c>
    </row>
    <row r="30516" spans="1:43">
      <c r="A30516" t="s">
        <v>18911</v>
      </c>
      <c r="B30516" t="s">
        <v>18912</v>
      </c>
      <c r="C30516" t="s">
        <v>18861</v>
      </c>
      <c r="D30516" t="s">
        <v>18862</v>
      </c>
      <c r="E30516" t="s">
        <v>18845</v>
      </c>
      <c r="F30516" t="s">
        <v>18846</v>
      </c>
      <c r="G30516" t="s">
        <v>10734</v>
      </c>
      <c r="H30516" t="s">
        <v>10735</v>
      </c>
      <c r="I30516" s="2">
        <v>0</v>
      </c>
      <c r="J30516" s="2">
        <v>0</v>
      </c>
      <c r="K30516" s="2">
        <v>1</v>
      </c>
      <c r="L30516" t="s">
        <v>995</v>
      </c>
      <c r="M30516" t="s">
        <v>89</v>
      </c>
      <c r="N30516" t="s">
        <v>90</v>
      </c>
      <c r="O30516" t="s">
        <v>85</v>
      </c>
      <c r="P30516" t="s">
        <v>86</v>
      </c>
      <c r="Q30516">
        <v>26</v>
      </c>
      <c r="R30516">
        <v>26</v>
      </c>
      <c r="S30516">
        <v>27</v>
      </c>
      <c r="T30516">
        <v>27</v>
      </c>
      <c r="U30516">
        <v>28</v>
      </c>
      <c r="V30516">
        <v>29</v>
      </c>
      <c r="W30516">
        <v>29</v>
      </c>
      <c r="X30516">
        <v>30</v>
      </c>
      <c r="Y30516">
        <v>30</v>
      </c>
      <c r="Z30516">
        <v>31</v>
      </c>
      <c r="AA30516">
        <v>31</v>
      </c>
      <c r="AB30516">
        <v>32</v>
      </c>
      <c r="AC30516">
        <v>32</v>
      </c>
      <c r="AD30516">
        <v>33</v>
      </c>
      <c r="AE30516">
        <v>33</v>
      </c>
      <c r="AF30516">
        <v>33</v>
      </c>
      <c r="AG30516">
        <v>34</v>
      </c>
      <c r="AH30516">
        <v>34</v>
      </c>
      <c r="AI30516">
        <v>34</v>
      </c>
      <c r="AJ30516">
        <v>34</v>
      </c>
      <c r="AK30516">
        <v>34</v>
      </c>
      <c r="AL30516">
        <v>34</v>
      </c>
      <c r="AM30516">
        <v>35</v>
      </c>
      <c r="AN30516">
        <v>35</v>
      </c>
      <c r="AO30516">
        <v>35</v>
      </c>
      <c r="AP30516">
        <v>35</v>
      </c>
      <c r="AQ30516">
        <v>35</v>
      </c>
    </row>
    <row r="30517" spans="1:43">
      <c r="A30517" t="s">
        <v>18911</v>
      </c>
      <c r="B30517" t="s">
        <v>18912</v>
      </c>
      <c r="C30517" t="s">
        <v>18861</v>
      </c>
      <c r="D30517" t="s">
        <v>18862</v>
      </c>
      <c r="E30517" t="s">
        <v>18845</v>
      </c>
      <c r="F30517" t="s">
        <v>18846</v>
      </c>
      <c r="G30517" t="s">
        <v>10734</v>
      </c>
      <c r="H30517" t="s">
        <v>10735</v>
      </c>
      <c r="I30517" s="2">
        <v>0</v>
      </c>
      <c r="J30517" s="2">
        <v>0</v>
      </c>
      <c r="K30517" s="2">
        <v>1</v>
      </c>
      <c r="L30517" t="s">
        <v>995</v>
      </c>
      <c r="M30517" t="s">
        <v>83</v>
      </c>
      <c r="N30517" t="s">
        <v>91</v>
      </c>
      <c r="O30517" t="s">
        <v>85</v>
      </c>
      <c r="P30517" t="s">
        <v>86</v>
      </c>
      <c r="Q30517">
        <v>26</v>
      </c>
      <c r="R30517">
        <v>27</v>
      </c>
      <c r="S30517">
        <v>27</v>
      </c>
      <c r="T30517">
        <v>28</v>
      </c>
      <c r="U30517">
        <v>28</v>
      </c>
      <c r="V30517">
        <v>28</v>
      </c>
      <c r="W30517">
        <v>29</v>
      </c>
      <c r="X30517">
        <v>29</v>
      </c>
      <c r="Y30517">
        <v>30</v>
      </c>
      <c r="Z30517">
        <v>30</v>
      </c>
      <c r="AA30517">
        <v>30</v>
      </c>
      <c r="AB30517">
        <v>31</v>
      </c>
      <c r="AC30517">
        <v>31</v>
      </c>
      <c r="AD30517">
        <v>32</v>
      </c>
      <c r="AE30517">
        <v>32</v>
      </c>
      <c r="AF30517">
        <v>32</v>
      </c>
      <c r="AG30517">
        <v>33</v>
      </c>
      <c r="AH30517">
        <v>33</v>
      </c>
      <c r="AI30517">
        <v>34</v>
      </c>
      <c r="AJ30517">
        <v>34</v>
      </c>
      <c r="AK30517">
        <v>35</v>
      </c>
      <c r="AL30517">
        <v>35</v>
      </c>
      <c r="AM30517">
        <v>35</v>
      </c>
      <c r="AN30517">
        <v>35</v>
      </c>
      <c r="AO30517">
        <v>35</v>
      </c>
      <c r="AP30517">
        <v>36</v>
      </c>
      <c r="AQ30517">
        <v>36</v>
      </c>
    </row>
    <row r="30518" spans="1:43">
      <c r="A30518" t="s">
        <v>18913</v>
      </c>
      <c r="B30518" t="s">
        <v>18914</v>
      </c>
      <c r="C30518" t="s">
        <v>18861</v>
      </c>
      <c r="D30518" t="s">
        <v>18862</v>
      </c>
      <c r="E30518" t="s">
        <v>18845</v>
      </c>
      <c r="F30518" t="s">
        <v>18846</v>
      </c>
      <c r="G30518" t="s">
        <v>10734</v>
      </c>
      <c r="H30518" t="s">
        <v>10735</v>
      </c>
      <c r="I30518" s="2">
        <v>0</v>
      </c>
      <c r="J30518" s="2">
        <v>0</v>
      </c>
      <c r="K30518" s="2">
        <v>1</v>
      </c>
      <c r="L30518" t="s">
        <v>995</v>
      </c>
      <c r="M30518" t="s">
        <v>83</v>
      </c>
      <c r="N30518" t="s">
        <v>84</v>
      </c>
      <c r="O30518" t="s">
        <v>85</v>
      </c>
      <c r="P30518" t="s">
        <v>86</v>
      </c>
      <c r="Q30518">
        <v>2</v>
      </c>
      <c r="R30518">
        <v>2</v>
      </c>
      <c r="S30518">
        <v>2</v>
      </c>
      <c r="T30518">
        <v>2</v>
      </c>
      <c r="U30518">
        <v>2</v>
      </c>
      <c r="V30518">
        <v>2</v>
      </c>
      <c r="W30518">
        <v>2</v>
      </c>
      <c r="X30518">
        <v>2</v>
      </c>
      <c r="Y30518">
        <v>2</v>
      </c>
      <c r="Z30518">
        <v>2</v>
      </c>
      <c r="AA30518">
        <v>2</v>
      </c>
      <c r="AB30518">
        <v>2</v>
      </c>
      <c r="AC30518">
        <v>2</v>
      </c>
      <c r="AD30518">
        <v>2</v>
      </c>
      <c r="AE30518">
        <v>2</v>
      </c>
      <c r="AF30518">
        <v>2</v>
      </c>
      <c r="AG30518">
        <v>2</v>
      </c>
      <c r="AH30518">
        <v>2</v>
      </c>
      <c r="AI30518">
        <v>2</v>
      </c>
      <c r="AJ30518">
        <v>2</v>
      </c>
      <c r="AK30518">
        <v>2</v>
      </c>
      <c r="AL30518">
        <v>2</v>
      </c>
      <c r="AM30518">
        <v>2</v>
      </c>
      <c r="AN30518">
        <v>2</v>
      </c>
      <c r="AO30518">
        <v>2</v>
      </c>
      <c r="AP30518">
        <v>2</v>
      </c>
      <c r="AQ30518">
        <v>2</v>
      </c>
    </row>
    <row r="30519" spans="1:43">
      <c r="A30519" t="s">
        <v>18913</v>
      </c>
      <c r="B30519" t="s">
        <v>18914</v>
      </c>
      <c r="C30519" t="s">
        <v>18861</v>
      </c>
      <c r="D30519" t="s">
        <v>18862</v>
      </c>
      <c r="E30519" t="s">
        <v>18845</v>
      </c>
      <c r="F30519" t="s">
        <v>18846</v>
      </c>
      <c r="G30519" t="s">
        <v>10734</v>
      </c>
      <c r="H30519" t="s">
        <v>10735</v>
      </c>
      <c r="I30519" s="2">
        <v>0</v>
      </c>
      <c r="J30519" s="2">
        <v>0</v>
      </c>
      <c r="K30519" s="2">
        <v>1</v>
      </c>
      <c r="L30519" t="s">
        <v>995</v>
      </c>
      <c r="M30519" t="s">
        <v>87</v>
      </c>
      <c r="N30519" t="s">
        <v>88</v>
      </c>
      <c r="O30519" t="s">
        <v>85</v>
      </c>
      <c r="P30519" t="s">
        <v>86</v>
      </c>
      <c r="Q30519">
        <v>2</v>
      </c>
      <c r="R30519">
        <v>2</v>
      </c>
      <c r="S30519">
        <v>2</v>
      </c>
      <c r="T30519">
        <v>2</v>
      </c>
      <c r="U30519">
        <v>2</v>
      </c>
      <c r="V30519">
        <v>2</v>
      </c>
      <c r="W30519">
        <v>2</v>
      </c>
      <c r="X30519">
        <v>2</v>
      </c>
      <c r="Y30519">
        <v>2</v>
      </c>
      <c r="Z30519">
        <v>2</v>
      </c>
      <c r="AA30519">
        <v>2</v>
      </c>
      <c r="AB30519">
        <v>2</v>
      </c>
      <c r="AC30519">
        <v>2</v>
      </c>
      <c r="AD30519">
        <v>2</v>
      </c>
      <c r="AE30519">
        <v>2</v>
      </c>
      <c r="AF30519">
        <v>2</v>
      </c>
      <c r="AG30519">
        <v>2</v>
      </c>
      <c r="AH30519">
        <v>2</v>
      </c>
      <c r="AI30519">
        <v>2</v>
      </c>
      <c r="AJ30519">
        <v>2</v>
      </c>
      <c r="AK30519">
        <v>2</v>
      </c>
      <c r="AL30519">
        <v>2</v>
      </c>
      <c r="AM30519">
        <v>2</v>
      </c>
      <c r="AN30519">
        <v>2</v>
      </c>
      <c r="AO30519">
        <v>2</v>
      </c>
      <c r="AP30519">
        <v>2</v>
      </c>
      <c r="AQ30519">
        <v>2</v>
      </c>
    </row>
    <row r="30520" spans="1:43">
      <c r="A30520" t="s">
        <v>18913</v>
      </c>
      <c r="B30520" t="s">
        <v>18914</v>
      </c>
      <c r="C30520" t="s">
        <v>18861</v>
      </c>
      <c r="D30520" t="s">
        <v>18862</v>
      </c>
      <c r="E30520" t="s">
        <v>18845</v>
      </c>
      <c r="F30520" t="s">
        <v>18846</v>
      </c>
      <c r="G30520" t="s">
        <v>10734</v>
      </c>
      <c r="H30520" t="s">
        <v>10735</v>
      </c>
      <c r="I30520" s="2">
        <v>0</v>
      </c>
      <c r="J30520" s="2">
        <v>0</v>
      </c>
      <c r="K30520" s="2">
        <v>1</v>
      </c>
      <c r="L30520" t="s">
        <v>995</v>
      </c>
      <c r="M30520" t="s">
        <v>89</v>
      </c>
      <c r="N30520" t="s">
        <v>90</v>
      </c>
      <c r="O30520" t="s">
        <v>85</v>
      </c>
      <c r="P30520" t="s">
        <v>86</v>
      </c>
      <c r="Q30520">
        <v>2</v>
      </c>
      <c r="R30520">
        <v>2</v>
      </c>
      <c r="S30520">
        <v>2</v>
      </c>
      <c r="T30520">
        <v>2</v>
      </c>
      <c r="U30520">
        <v>2</v>
      </c>
      <c r="V30520">
        <v>2</v>
      </c>
      <c r="W30520">
        <v>2</v>
      </c>
      <c r="X30520">
        <v>2</v>
      </c>
      <c r="Y30520">
        <v>2</v>
      </c>
      <c r="Z30520">
        <v>2</v>
      </c>
      <c r="AA30520">
        <v>2</v>
      </c>
      <c r="AB30520">
        <v>2</v>
      </c>
      <c r="AC30520">
        <v>2</v>
      </c>
      <c r="AD30520">
        <v>2</v>
      </c>
      <c r="AE30520">
        <v>2</v>
      </c>
      <c r="AF30520">
        <v>2</v>
      </c>
      <c r="AG30520">
        <v>2</v>
      </c>
      <c r="AH30520">
        <v>2</v>
      </c>
      <c r="AI30520">
        <v>2</v>
      </c>
      <c r="AJ30520">
        <v>2</v>
      </c>
      <c r="AK30520">
        <v>2</v>
      </c>
      <c r="AL30520">
        <v>2</v>
      </c>
      <c r="AM30520">
        <v>2</v>
      </c>
      <c r="AN30520">
        <v>2</v>
      </c>
      <c r="AO30520">
        <v>2</v>
      </c>
      <c r="AP30520">
        <v>2</v>
      </c>
      <c r="AQ30520">
        <v>2</v>
      </c>
    </row>
    <row r="30521" spans="1:43">
      <c r="A30521" t="s">
        <v>18913</v>
      </c>
      <c r="B30521" t="s">
        <v>18914</v>
      </c>
      <c r="C30521" t="s">
        <v>18861</v>
      </c>
      <c r="D30521" t="s">
        <v>18862</v>
      </c>
      <c r="E30521" t="s">
        <v>18845</v>
      </c>
      <c r="F30521" t="s">
        <v>18846</v>
      </c>
      <c r="G30521" t="s">
        <v>10734</v>
      </c>
      <c r="H30521" t="s">
        <v>10735</v>
      </c>
      <c r="I30521" s="2">
        <v>0</v>
      </c>
      <c r="J30521" s="2">
        <v>0</v>
      </c>
      <c r="K30521" s="2">
        <v>1</v>
      </c>
      <c r="L30521" t="s">
        <v>995</v>
      </c>
      <c r="M30521" t="s">
        <v>83</v>
      </c>
      <c r="N30521" t="s">
        <v>91</v>
      </c>
      <c r="O30521" t="s">
        <v>85</v>
      </c>
      <c r="P30521" t="s">
        <v>86</v>
      </c>
      <c r="Q30521">
        <v>2</v>
      </c>
      <c r="R30521">
        <v>2</v>
      </c>
      <c r="S30521">
        <v>2</v>
      </c>
      <c r="T30521">
        <v>2</v>
      </c>
      <c r="U30521">
        <v>2</v>
      </c>
      <c r="V30521">
        <v>2</v>
      </c>
      <c r="W30521">
        <v>2</v>
      </c>
      <c r="X30521">
        <v>2</v>
      </c>
      <c r="Y30521">
        <v>2</v>
      </c>
      <c r="Z30521">
        <v>2</v>
      </c>
      <c r="AA30521">
        <v>2</v>
      </c>
      <c r="AB30521">
        <v>2</v>
      </c>
      <c r="AC30521">
        <v>2</v>
      </c>
      <c r="AD30521">
        <v>2</v>
      </c>
      <c r="AE30521">
        <v>2</v>
      </c>
      <c r="AF30521">
        <v>2</v>
      </c>
      <c r="AG30521">
        <v>2</v>
      </c>
      <c r="AH30521">
        <v>2</v>
      </c>
      <c r="AI30521">
        <v>2</v>
      </c>
      <c r="AJ30521">
        <v>2</v>
      </c>
      <c r="AK30521">
        <v>2</v>
      </c>
      <c r="AL30521">
        <v>2</v>
      </c>
      <c r="AM30521">
        <v>2</v>
      </c>
      <c r="AN30521">
        <v>2</v>
      </c>
      <c r="AO30521">
        <v>2</v>
      </c>
      <c r="AP30521">
        <v>2</v>
      </c>
      <c r="AQ30521">
        <v>2</v>
      </c>
    </row>
    <row r="30522" spans="1:43">
      <c r="A30522" t="s">
        <v>18915</v>
      </c>
      <c r="B30522" t="s">
        <v>18916</v>
      </c>
      <c r="C30522" t="s">
        <v>18861</v>
      </c>
      <c r="D30522" t="s">
        <v>18862</v>
      </c>
      <c r="E30522" t="s">
        <v>18845</v>
      </c>
      <c r="F30522" t="s">
        <v>18846</v>
      </c>
      <c r="G30522" t="s">
        <v>10734</v>
      </c>
      <c r="H30522" t="s">
        <v>10735</v>
      </c>
      <c r="I30522" s="2">
        <v>0</v>
      </c>
      <c r="J30522" s="2">
        <v>0</v>
      </c>
      <c r="K30522" s="2">
        <v>1</v>
      </c>
      <c r="L30522" t="s">
        <v>995</v>
      </c>
      <c r="M30522" t="s">
        <v>83</v>
      </c>
      <c r="N30522" t="s">
        <v>84</v>
      </c>
      <c r="O30522" t="s">
        <v>85</v>
      </c>
      <c r="P30522" t="s">
        <v>86</v>
      </c>
      <c r="Q30522">
        <v>55</v>
      </c>
      <c r="R30522">
        <v>56</v>
      </c>
      <c r="S30522">
        <v>57</v>
      </c>
      <c r="T30522">
        <v>58</v>
      </c>
      <c r="U30522">
        <v>59</v>
      </c>
      <c r="V30522">
        <v>59</v>
      </c>
      <c r="W30522">
        <v>60</v>
      </c>
      <c r="X30522">
        <v>61</v>
      </c>
      <c r="Y30522">
        <v>62</v>
      </c>
      <c r="Z30522">
        <v>63</v>
      </c>
      <c r="AA30522">
        <v>63</v>
      </c>
      <c r="AB30522">
        <v>64</v>
      </c>
      <c r="AC30522">
        <v>65</v>
      </c>
      <c r="AD30522">
        <v>66</v>
      </c>
      <c r="AE30522">
        <v>66</v>
      </c>
      <c r="AF30522">
        <v>67</v>
      </c>
      <c r="AG30522">
        <v>68</v>
      </c>
      <c r="AH30522">
        <v>69</v>
      </c>
      <c r="AI30522">
        <v>70</v>
      </c>
      <c r="AJ30522">
        <v>71</v>
      </c>
      <c r="AK30522">
        <v>71</v>
      </c>
      <c r="AL30522">
        <v>72</v>
      </c>
      <c r="AM30522">
        <v>72</v>
      </c>
      <c r="AN30522">
        <v>72</v>
      </c>
      <c r="AO30522">
        <v>73</v>
      </c>
      <c r="AP30522">
        <v>73</v>
      </c>
      <c r="AQ30522">
        <v>73</v>
      </c>
    </row>
    <row r="30523" spans="1:43">
      <c r="A30523" t="s">
        <v>18915</v>
      </c>
      <c r="B30523" t="s">
        <v>18916</v>
      </c>
      <c r="C30523" t="s">
        <v>18861</v>
      </c>
      <c r="D30523" t="s">
        <v>18862</v>
      </c>
      <c r="E30523" t="s">
        <v>18845</v>
      </c>
      <c r="F30523" t="s">
        <v>18846</v>
      </c>
      <c r="G30523" t="s">
        <v>10734</v>
      </c>
      <c r="H30523" t="s">
        <v>10735</v>
      </c>
      <c r="I30523" s="2">
        <v>0</v>
      </c>
      <c r="J30523" s="2">
        <v>0</v>
      </c>
      <c r="K30523" s="2">
        <v>1</v>
      </c>
      <c r="L30523" t="s">
        <v>995</v>
      </c>
      <c r="M30523" t="s">
        <v>87</v>
      </c>
      <c r="N30523" t="s">
        <v>88</v>
      </c>
      <c r="O30523" t="s">
        <v>85</v>
      </c>
      <c r="P30523" t="s">
        <v>86</v>
      </c>
      <c r="Q30523">
        <v>55</v>
      </c>
      <c r="R30523">
        <v>55</v>
      </c>
      <c r="S30523">
        <v>56</v>
      </c>
      <c r="T30523">
        <v>56</v>
      </c>
      <c r="U30523">
        <v>56</v>
      </c>
      <c r="V30523">
        <v>56</v>
      </c>
      <c r="W30523">
        <v>57</v>
      </c>
      <c r="X30523">
        <v>57</v>
      </c>
      <c r="Y30523">
        <v>57</v>
      </c>
      <c r="Z30523">
        <v>57</v>
      </c>
      <c r="AA30523">
        <v>58</v>
      </c>
      <c r="AB30523">
        <v>58</v>
      </c>
      <c r="AC30523">
        <v>58</v>
      </c>
      <c r="AD30523">
        <v>59</v>
      </c>
      <c r="AE30523">
        <v>59</v>
      </c>
      <c r="AF30523">
        <v>59</v>
      </c>
      <c r="AG30523">
        <v>60</v>
      </c>
      <c r="AH30523">
        <v>60</v>
      </c>
      <c r="AI30523">
        <v>61</v>
      </c>
      <c r="AJ30523">
        <v>61</v>
      </c>
      <c r="AK30523">
        <v>61</v>
      </c>
      <c r="AL30523">
        <v>62</v>
      </c>
      <c r="AM30523">
        <v>62</v>
      </c>
      <c r="AN30523">
        <v>63</v>
      </c>
      <c r="AO30523">
        <v>63</v>
      </c>
      <c r="AP30523">
        <v>63</v>
      </c>
      <c r="AQ30523">
        <v>64</v>
      </c>
    </row>
    <row r="30524" spans="1:43">
      <c r="A30524" t="s">
        <v>18915</v>
      </c>
      <c r="B30524" t="s">
        <v>18916</v>
      </c>
      <c r="C30524" t="s">
        <v>18861</v>
      </c>
      <c r="D30524" t="s">
        <v>18862</v>
      </c>
      <c r="E30524" t="s">
        <v>18845</v>
      </c>
      <c r="F30524" t="s">
        <v>18846</v>
      </c>
      <c r="G30524" t="s">
        <v>10734</v>
      </c>
      <c r="H30524" t="s">
        <v>10735</v>
      </c>
      <c r="I30524" s="2">
        <v>0</v>
      </c>
      <c r="J30524" s="2">
        <v>0</v>
      </c>
      <c r="K30524" s="2">
        <v>1</v>
      </c>
      <c r="L30524" t="s">
        <v>995</v>
      </c>
      <c r="M30524" t="s">
        <v>89</v>
      </c>
      <c r="N30524" t="s">
        <v>90</v>
      </c>
      <c r="O30524" t="s">
        <v>85</v>
      </c>
      <c r="P30524" t="s">
        <v>86</v>
      </c>
      <c r="Q30524">
        <v>55</v>
      </c>
      <c r="R30524">
        <v>56</v>
      </c>
      <c r="S30524">
        <v>58</v>
      </c>
      <c r="T30524">
        <v>59</v>
      </c>
      <c r="U30524">
        <v>60</v>
      </c>
      <c r="V30524">
        <v>61</v>
      </c>
      <c r="W30524">
        <v>62</v>
      </c>
      <c r="X30524">
        <v>63</v>
      </c>
      <c r="Y30524">
        <v>64</v>
      </c>
      <c r="Z30524">
        <v>65</v>
      </c>
      <c r="AA30524">
        <v>66</v>
      </c>
      <c r="AB30524">
        <v>67</v>
      </c>
      <c r="AC30524">
        <v>68</v>
      </c>
      <c r="AD30524">
        <v>69</v>
      </c>
      <c r="AE30524">
        <v>70</v>
      </c>
      <c r="AF30524">
        <v>70</v>
      </c>
      <c r="AG30524">
        <v>70</v>
      </c>
      <c r="AH30524">
        <v>71</v>
      </c>
      <c r="AI30524">
        <v>71</v>
      </c>
      <c r="AJ30524">
        <v>71</v>
      </c>
      <c r="AK30524">
        <v>71</v>
      </c>
      <c r="AL30524">
        <v>72</v>
      </c>
      <c r="AM30524">
        <v>72</v>
      </c>
      <c r="AN30524">
        <v>72</v>
      </c>
      <c r="AO30524">
        <v>72</v>
      </c>
      <c r="AP30524">
        <v>73</v>
      </c>
      <c r="AQ30524">
        <v>73</v>
      </c>
    </row>
    <row r="30525" spans="1:43">
      <c r="A30525" t="s">
        <v>18915</v>
      </c>
      <c r="B30525" t="s">
        <v>18916</v>
      </c>
      <c r="C30525" t="s">
        <v>18861</v>
      </c>
      <c r="D30525" t="s">
        <v>18862</v>
      </c>
      <c r="E30525" t="s">
        <v>18845</v>
      </c>
      <c r="F30525" t="s">
        <v>18846</v>
      </c>
      <c r="G30525" t="s">
        <v>10734</v>
      </c>
      <c r="H30525" t="s">
        <v>10735</v>
      </c>
      <c r="I30525" s="2">
        <v>0</v>
      </c>
      <c r="J30525" s="2">
        <v>0</v>
      </c>
      <c r="K30525" s="2">
        <v>1</v>
      </c>
      <c r="L30525" t="s">
        <v>995</v>
      </c>
      <c r="M30525" t="s">
        <v>83</v>
      </c>
      <c r="N30525" t="s">
        <v>91</v>
      </c>
      <c r="O30525" t="s">
        <v>85</v>
      </c>
      <c r="P30525" t="s">
        <v>86</v>
      </c>
      <c r="Q30525">
        <v>55</v>
      </c>
      <c r="R30525">
        <v>56</v>
      </c>
      <c r="S30525">
        <v>57</v>
      </c>
      <c r="T30525">
        <v>58</v>
      </c>
      <c r="U30525">
        <v>59</v>
      </c>
      <c r="V30525">
        <v>59</v>
      </c>
      <c r="W30525">
        <v>60</v>
      </c>
      <c r="X30525">
        <v>61</v>
      </c>
      <c r="Y30525">
        <v>62</v>
      </c>
      <c r="Z30525">
        <v>63</v>
      </c>
      <c r="AA30525">
        <v>63</v>
      </c>
      <c r="AB30525">
        <v>64</v>
      </c>
      <c r="AC30525">
        <v>65</v>
      </c>
      <c r="AD30525">
        <v>66</v>
      </c>
      <c r="AE30525">
        <v>66</v>
      </c>
      <c r="AF30525">
        <v>67</v>
      </c>
      <c r="AG30525">
        <v>68</v>
      </c>
      <c r="AH30525">
        <v>69</v>
      </c>
      <c r="AI30525">
        <v>70</v>
      </c>
      <c r="AJ30525">
        <v>71</v>
      </c>
      <c r="AK30525">
        <v>71</v>
      </c>
      <c r="AL30525">
        <v>72</v>
      </c>
      <c r="AM30525">
        <v>72</v>
      </c>
      <c r="AN30525">
        <v>72</v>
      </c>
      <c r="AO30525">
        <v>73</v>
      </c>
      <c r="AP30525">
        <v>73</v>
      </c>
      <c r="AQ30525">
        <v>73</v>
      </c>
    </row>
    <row r="30526" spans="1:43">
      <c r="A30526" t="s">
        <v>18917</v>
      </c>
      <c r="B30526" t="s">
        <v>18918</v>
      </c>
      <c r="C30526" t="s">
        <v>18909</v>
      </c>
      <c r="D30526" t="s">
        <v>18910</v>
      </c>
      <c r="E30526" t="s">
        <v>18845</v>
      </c>
      <c r="F30526" t="s">
        <v>18846</v>
      </c>
      <c r="G30526" t="s">
        <v>10734</v>
      </c>
      <c r="H30526" t="s">
        <v>10735</v>
      </c>
      <c r="I30526" s="2">
        <v>0</v>
      </c>
      <c r="J30526" s="2">
        <v>0</v>
      </c>
      <c r="K30526" s="2">
        <v>1</v>
      </c>
      <c r="L30526" t="s">
        <v>995</v>
      </c>
      <c r="M30526" t="s">
        <v>83</v>
      </c>
      <c r="N30526" t="s">
        <v>84</v>
      </c>
      <c r="O30526" t="s">
        <v>85</v>
      </c>
      <c r="P30526" t="s">
        <v>86</v>
      </c>
      <c r="Q30526">
        <v>10</v>
      </c>
      <c r="R30526">
        <v>10</v>
      </c>
      <c r="S30526">
        <v>10</v>
      </c>
      <c r="T30526">
        <v>10</v>
      </c>
      <c r="U30526">
        <v>10</v>
      </c>
      <c r="V30526">
        <v>10</v>
      </c>
      <c r="W30526">
        <v>11</v>
      </c>
      <c r="X30526">
        <v>11</v>
      </c>
      <c r="Y30526">
        <v>11</v>
      </c>
      <c r="Z30526">
        <v>11</v>
      </c>
      <c r="AA30526">
        <v>11</v>
      </c>
      <c r="AB30526">
        <v>11</v>
      </c>
      <c r="AC30526">
        <v>11</v>
      </c>
      <c r="AD30526">
        <v>12</v>
      </c>
      <c r="AE30526">
        <v>12</v>
      </c>
      <c r="AF30526">
        <v>12</v>
      </c>
      <c r="AG30526">
        <v>12</v>
      </c>
      <c r="AH30526">
        <v>12</v>
      </c>
      <c r="AI30526">
        <v>12</v>
      </c>
      <c r="AJ30526">
        <v>12</v>
      </c>
      <c r="AK30526">
        <v>13</v>
      </c>
      <c r="AL30526">
        <v>13</v>
      </c>
      <c r="AM30526">
        <v>13</v>
      </c>
      <c r="AN30526">
        <v>13</v>
      </c>
      <c r="AO30526">
        <v>13</v>
      </c>
      <c r="AP30526">
        <v>13</v>
      </c>
      <c r="AQ30526">
        <v>13</v>
      </c>
    </row>
    <row r="30527" spans="1:43">
      <c r="A30527" t="s">
        <v>18917</v>
      </c>
      <c r="B30527" t="s">
        <v>18918</v>
      </c>
      <c r="C30527" t="s">
        <v>18909</v>
      </c>
      <c r="D30527" t="s">
        <v>18910</v>
      </c>
      <c r="E30527" t="s">
        <v>18845</v>
      </c>
      <c r="F30527" t="s">
        <v>18846</v>
      </c>
      <c r="G30527" t="s">
        <v>10734</v>
      </c>
      <c r="H30527" t="s">
        <v>10735</v>
      </c>
      <c r="I30527" s="2">
        <v>0</v>
      </c>
      <c r="J30527" s="2">
        <v>0</v>
      </c>
      <c r="K30527" s="2">
        <v>1</v>
      </c>
      <c r="L30527" t="s">
        <v>995</v>
      </c>
      <c r="M30527" t="s">
        <v>87</v>
      </c>
      <c r="N30527" t="s">
        <v>88</v>
      </c>
      <c r="O30527" t="s">
        <v>85</v>
      </c>
      <c r="P30527" t="s">
        <v>86</v>
      </c>
      <c r="Q30527">
        <v>10</v>
      </c>
      <c r="R30527">
        <v>10</v>
      </c>
      <c r="S30527">
        <v>10</v>
      </c>
      <c r="T30527">
        <v>10</v>
      </c>
      <c r="U30527">
        <v>10</v>
      </c>
      <c r="V30527">
        <v>10</v>
      </c>
      <c r="W30527">
        <v>10</v>
      </c>
      <c r="X30527">
        <v>10</v>
      </c>
      <c r="Y30527">
        <v>10</v>
      </c>
      <c r="Z30527">
        <v>10</v>
      </c>
      <c r="AA30527">
        <v>10</v>
      </c>
      <c r="AB30527">
        <v>10</v>
      </c>
      <c r="AC30527">
        <v>10</v>
      </c>
      <c r="AD30527">
        <v>10</v>
      </c>
      <c r="AE30527">
        <v>10</v>
      </c>
      <c r="AF30527">
        <v>10</v>
      </c>
      <c r="AG30527">
        <v>11</v>
      </c>
      <c r="AH30527">
        <v>11</v>
      </c>
      <c r="AI30527">
        <v>11</v>
      </c>
      <c r="AJ30527">
        <v>11</v>
      </c>
      <c r="AK30527">
        <v>11</v>
      </c>
      <c r="AL30527">
        <v>11</v>
      </c>
      <c r="AM30527">
        <v>11</v>
      </c>
      <c r="AN30527">
        <v>11</v>
      </c>
      <c r="AO30527">
        <v>11</v>
      </c>
      <c r="AP30527">
        <v>11</v>
      </c>
      <c r="AQ30527">
        <v>11</v>
      </c>
    </row>
    <row r="30528" spans="1:43">
      <c r="A30528" t="s">
        <v>18917</v>
      </c>
      <c r="B30528" t="s">
        <v>18918</v>
      </c>
      <c r="C30528" t="s">
        <v>18909</v>
      </c>
      <c r="D30528" t="s">
        <v>18910</v>
      </c>
      <c r="E30528" t="s">
        <v>18845</v>
      </c>
      <c r="F30528" t="s">
        <v>18846</v>
      </c>
      <c r="G30528" t="s">
        <v>10734</v>
      </c>
      <c r="H30528" t="s">
        <v>10735</v>
      </c>
      <c r="I30528" s="2">
        <v>0</v>
      </c>
      <c r="J30528" s="2">
        <v>0</v>
      </c>
      <c r="K30528" s="2">
        <v>1</v>
      </c>
      <c r="L30528" t="s">
        <v>995</v>
      </c>
      <c r="M30528" t="s">
        <v>89</v>
      </c>
      <c r="N30528" t="s">
        <v>90</v>
      </c>
      <c r="O30528" t="s">
        <v>85</v>
      </c>
      <c r="P30528" t="s">
        <v>86</v>
      </c>
      <c r="Q30528">
        <v>10</v>
      </c>
      <c r="R30528">
        <v>10</v>
      </c>
      <c r="S30528">
        <v>10</v>
      </c>
      <c r="T30528">
        <v>11</v>
      </c>
      <c r="U30528">
        <v>11</v>
      </c>
      <c r="V30528">
        <v>11</v>
      </c>
      <c r="W30528">
        <v>11</v>
      </c>
      <c r="X30528">
        <v>11</v>
      </c>
      <c r="Y30528">
        <v>12</v>
      </c>
      <c r="Z30528">
        <v>12</v>
      </c>
      <c r="AA30528">
        <v>12</v>
      </c>
      <c r="AB30528">
        <v>12</v>
      </c>
      <c r="AC30528">
        <v>12</v>
      </c>
      <c r="AD30528">
        <v>12</v>
      </c>
      <c r="AE30528">
        <v>13</v>
      </c>
      <c r="AF30528">
        <v>13</v>
      </c>
      <c r="AG30528">
        <v>13</v>
      </c>
      <c r="AH30528">
        <v>13</v>
      </c>
      <c r="AI30528">
        <v>13</v>
      </c>
      <c r="AJ30528">
        <v>13</v>
      </c>
      <c r="AK30528">
        <v>13</v>
      </c>
      <c r="AL30528">
        <v>13</v>
      </c>
      <c r="AM30528">
        <v>13</v>
      </c>
      <c r="AN30528">
        <v>13</v>
      </c>
      <c r="AO30528">
        <v>13</v>
      </c>
      <c r="AP30528">
        <v>13</v>
      </c>
      <c r="AQ30528">
        <v>13</v>
      </c>
    </row>
    <row r="30529" spans="1:43">
      <c r="A30529" t="s">
        <v>18917</v>
      </c>
      <c r="B30529" t="s">
        <v>18918</v>
      </c>
      <c r="C30529" t="s">
        <v>18909</v>
      </c>
      <c r="D30529" t="s">
        <v>18910</v>
      </c>
      <c r="E30529" t="s">
        <v>18845</v>
      </c>
      <c r="F30529" t="s">
        <v>18846</v>
      </c>
      <c r="G30529" t="s">
        <v>10734</v>
      </c>
      <c r="H30529" t="s">
        <v>10735</v>
      </c>
      <c r="I30529" s="2">
        <v>0</v>
      </c>
      <c r="J30529" s="2">
        <v>0</v>
      </c>
      <c r="K30529" s="2">
        <v>1</v>
      </c>
      <c r="L30529" t="s">
        <v>995</v>
      </c>
      <c r="M30529" t="s">
        <v>83</v>
      </c>
      <c r="N30529" t="s">
        <v>91</v>
      </c>
      <c r="O30529" t="s">
        <v>85</v>
      </c>
      <c r="P30529" t="s">
        <v>86</v>
      </c>
      <c r="Q30529">
        <v>10</v>
      </c>
      <c r="R30529">
        <v>10</v>
      </c>
      <c r="S30529">
        <v>10</v>
      </c>
      <c r="T30529">
        <v>10</v>
      </c>
      <c r="U30529">
        <v>10</v>
      </c>
      <c r="V30529">
        <v>10</v>
      </c>
      <c r="W30529">
        <v>11</v>
      </c>
      <c r="X30529">
        <v>11</v>
      </c>
      <c r="Y30529">
        <v>11</v>
      </c>
      <c r="Z30529">
        <v>11</v>
      </c>
      <c r="AA30529">
        <v>11</v>
      </c>
      <c r="AB30529">
        <v>11</v>
      </c>
      <c r="AC30529">
        <v>11</v>
      </c>
      <c r="AD30529">
        <v>12</v>
      </c>
      <c r="AE30529">
        <v>12</v>
      </c>
      <c r="AF30529">
        <v>12</v>
      </c>
      <c r="AG30529">
        <v>12</v>
      </c>
      <c r="AH30529">
        <v>12</v>
      </c>
      <c r="AI30529">
        <v>12</v>
      </c>
      <c r="AJ30529">
        <v>12</v>
      </c>
      <c r="AK30529">
        <v>13</v>
      </c>
      <c r="AL30529">
        <v>13</v>
      </c>
      <c r="AM30529">
        <v>13</v>
      </c>
      <c r="AN30529">
        <v>13</v>
      </c>
      <c r="AO30529">
        <v>13</v>
      </c>
      <c r="AP30529">
        <v>13</v>
      </c>
      <c r="AQ30529">
        <v>13</v>
      </c>
    </row>
    <row r="30530" spans="1:43">
      <c r="A30530" t="s">
        <v>18919</v>
      </c>
      <c r="B30530" t="s">
        <v>18920</v>
      </c>
      <c r="C30530" t="s">
        <v>18867</v>
      </c>
      <c r="D30530" t="s">
        <v>18868</v>
      </c>
      <c r="E30530" t="s">
        <v>18845</v>
      </c>
      <c r="F30530" t="s">
        <v>18846</v>
      </c>
      <c r="G30530" t="s">
        <v>10734</v>
      </c>
      <c r="H30530" t="s">
        <v>10735</v>
      </c>
      <c r="I30530" s="2">
        <v>0</v>
      </c>
      <c r="J30530" s="2">
        <v>0</v>
      </c>
      <c r="K30530" s="2">
        <v>1</v>
      </c>
      <c r="L30530" t="s">
        <v>995</v>
      </c>
      <c r="M30530" t="s">
        <v>83</v>
      </c>
      <c r="N30530" t="s">
        <v>84</v>
      </c>
      <c r="O30530" t="s">
        <v>85</v>
      </c>
      <c r="P30530" t="s">
        <v>86</v>
      </c>
      <c r="Q30530">
        <v>14</v>
      </c>
      <c r="R30530">
        <v>14</v>
      </c>
      <c r="S30530">
        <v>14</v>
      </c>
      <c r="T30530">
        <v>14</v>
      </c>
      <c r="U30530">
        <v>15</v>
      </c>
      <c r="V30530">
        <v>15</v>
      </c>
      <c r="W30530">
        <v>15</v>
      </c>
      <c r="X30530">
        <v>15</v>
      </c>
      <c r="Y30530">
        <v>15</v>
      </c>
      <c r="Z30530">
        <v>16</v>
      </c>
      <c r="AA30530">
        <v>16</v>
      </c>
      <c r="AB30530">
        <v>16</v>
      </c>
      <c r="AC30530">
        <v>16</v>
      </c>
      <c r="AD30530">
        <v>16</v>
      </c>
      <c r="AE30530">
        <v>17</v>
      </c>
      <c r="AF30530">
        <v>17</v>
      </c>
      <c r="AG30530">
        <v>17</v>
      </c>
      <c r="AH30530">
        <v>17</v>
      </c>
      <c r="AI30530">
        <v>18</v>
      </c>
      <c r="AJ30530">
        <v>18</v>
      </c>
      <c r="AK30530">
        <v>18</v>
      </c>
      <c r="AL30530">
        <v>18</v>
      </c>
      <c r="AM30530">
        <v>18</v>
      </c>
      <c r="AN30530">
        <v>18</v>
      </c>
      <c r="AO30530">
        <v>18</v>
      </c>
      <c r="AP30530">
        <v>18</v>
      </c>
      <c r="AQ30530">
        <v>18</v>
      </c>
    </row>
    <row r="30531" spans="1:43">
      <c r="A30531" t="s">
        <v>18919</v>
      </c>
      <c r="B30531" t="s">
        <v>18920</v>
      </c>
      <c r="C30531" t="s">
        <v>18867</v>
      </c>
      <c r="D30531" t="s">
        <v>18868</v>
      </c>
      <c r="E30531" t="s">
        <v>18845</v>
      </c>
      <c r="F30531" t="s">
        <v>18846</v>
      </c>
      <c r="G30531" t="s">
        <v>10734</v>
      </c>
      <c r="H30531" t="s">
        <v>10735</v>
      </c>
      <c r="I30531" s="2">
        <v>0</v>
      </c>
      <c r="J30531" s="2">
        <v>0</v>
      </c>
      <c r="K30531" s="2">
        <v>1</v>
      </c>
      <c r="L30531" t="s">
        <v>995</v>
      </c>
      <c r="M30531" t="s">
        <v>87</v>
      </c>
      <c r="N30531" t="s">
        <v>88</v>
      </c>
      <c r="O30531" t="s">
        <v>85</v>
      </c>
      <c r="P30531" t="s">
        <v>86</v>
      </c>
      <c r="Q30531">
        <v>14</v>
      </c>
      <c r="R30531">
        <v>14</v>
      </c>
      <c r="S30531">
        <v>14</v>
      </c>
      <c r="T30531">
        <v>14</v>
      </c>
      <c r="U30531">
        <v>14</v>
      </c>
      <c r="V30531">
        <v>14</v>
      </c>
      <c r="W30531">
        <v>14</v>
      </c>
      <c r="X30531">
        <v>14</v>
      </c>
      <c r="Y30531">
        <v>14</v>
      </c>
      <c r="Z30531">
        <v>14</v>
      </c>
      <c r="AA30531">
        <v>14</v>
      </c>
      <c r="AB30531">
        <v>15</v>
      </c>
      <c r="AC30531">
        <v>15</v>
      </c>
      <c r="AD30531">
        <v>15</v>
      </c>
      <c r="AE30531">
        <v>15</v>
      </c>
      <c r="AF30531">
        <v>15</v>
      </c>
      <c r="AG30531">
        <v>15</v>
      </c>
      <c r="AH30531">
        <v>15</v>
      </c>
      <c r="AI30531">
        <v>15</v>
      </c>
      <c r="AJ30531">
        <v>15</v>
      </c>
      <c r="AK30531">
        <v>15</v>
      </c>
      <c r="AL30531">
        <v>16</v>
      </c>
      <c r="AM30531">
        <v>16</v>
      </c>
      <c r="AN30531">
        <v>16</v>
      </c>
      <c r="AO30531">
        <v>16</v>
      </c>
      <c r="AP30531">
        <v>16</v>
      </c>
      <c r="AQ30531">
        <v>16</v>
      </c>
    </row>
    <row r="30532" spans="1:43">
      <c r="A30532" t="s">
        <v>18919</v>
      </c>
      <c r="B30532" t="s">
        <v>18920</v>
      </c>
      <c r="C30532" t="s">
        <v>18867</v>
      </c>
      <c r="D30532" t="s">
        <v>18868</v>
      </c>
      <c r="E30532" t="s">
        <v>18845</v>
      </c>
      <c r="F30532" t="s">
        <v>18846</v>
      </c>
      <c r="G30532" t="s">
        <v>10734</v>
      </c>
      <c r="H30532" t="s">
        <v>10735</v>
      </c>
      <c r="I30532" s="2">
        <v>0</v>
      </c>
      <c r="J30532" s="2">
        <v>0</v>
      </c>
      <c r="K30532" s="2">
        <v>1</v>
      </c>
      <c r="L30532" t="s">
        <v>995</v>
      </c>
      <c r="M30532" t="s">
        <v>89</v>
      </c>
      <c r="N30532" t="s">
        <v>90</v>
      </c>
      <c r="O30532" t="s">
        <v>85</v>
      </c>
      <c r="P30532" t="s">
        <v>86</v>
      </c>
      <c r="Q30532">
        <v>14</v>
      </c>
      <c r="R30532">
        <v>14</v>
      </c>
      <c r="S30532">
        <v>15</v>
      </c>
      <c r="T30532">
        <v>15</v>
      </c>
      <c r="U30532">
        <v>15</v>
      </c>
      <c r="V30532">
        <v>16</v>
      </c>
      <c r="W30532">
        <v>16</v>
      </c>
      <c r="X30532">
        <v>16</v>
      </c>
      <c r="Y30532">
        <v>16</v>
      </c>
      <c r="Z30532">
        <v>17</v>
      </c>
      <c r="AA30532">
        <v>17</v>
      </c>
      <c r="AB30532">
        <v>17</v>
      </c>
      <c r="AC30532">
        <v>17</v>
      </c>
      <c r="AD30532">
        <v>18</v>
      </c>
      <c r="AE30532">
        <v>18</v>
      </c>
      <c r="AF30532">
        <v>18</v>
      </c>
      <c r="AG30532">
        <v>18</v>
      </c>
      <c r="AH30532">
        <v>18</v>
      </c>
      <c r="AI30532">
        <v>18</v>
      </c>
      <c r="AJ30532">
        <v>18</v>
      </c>
      <c r="AK30532">
        <v>18</v>
      </c>
      <c r="AL30532">
        <v>18</v>
      </c>
      <c r="AM30532">
        <v>18</v>
      </c>
      <c r="AN30532">
        <v>18</v>
      </c>
      <c r="AO30532">
        <v>19</v>
      </c>
      <c r="AP30532">
        <v>19</v>
      </c>
      <c r="AQ30532">
        <v>19</v>
      </c>
    </row>
    <row r="30533" spans="1:43">
      <c r="A30533" t="s">
        <v>18919</v>
      </c>
      <c r="B30533" t="s">
        <v>18920</v>
      </c>
      <c r="C30533" t="s">
        <v>18867</v>
      </c>
      <c r="D30533" t="s">
        <v>18868</v>
      </c>
      <c r="E30533" t="s">
        <v>18845</v>
      </c>
      <c r="F30533" t="s">
        <v>18846</v>
      </c>
      <c r="G30533" t="s">
        <v>10734</v>
      </c>
      <c r="H30533" t="s">
        <v>10735</v>
      </c>
      <c r="I30533" s="2">
        <v>0</v>
      </c>
      <c r="J30533" s="2">
        <v>0</v>
      </c>
      <c r="K30533" s="2">
        <v>1</v>
      </c>
      <c r="L30533" t="s">
        <v>995</v>
      </c>
      <c r="M30533" t="s">
        <v>83</v>
      </c>
      <c r="N30533" t="s">
        <v>91</v>
      </c>
      <c r="O30533" t="s">
        <v>85</v>
      </c>
      <c r="P30533" t="s">
        <v>86</v>
      </c>
      <c r="Q30533">
        <v>14</v>
      </c>
      <c r="R30533">
        <v>14</v>
      </c>
      <c r="S30533">
        <v>14</v>
      </c>
      <c r="T30533">
        <v>14</v>
      </c>
      <c r="U30533">
        <v>15</v>
      </c>
      <c r="V30533">
        <v>15</v>
      </c>
      <c r="W30533">
        <v>15</v>
      </c>
      <c r="X30533">
        <v>15</v>
      </c>
      <c r="Y30533">
        <v>15</v>
      </c>
      <c r="Z30533">
        <v>16</v>
      </c>
      <c r="AA30533">
        <v>16</v>
      </c>
      <c r="AB30533">
        <v>16</v>
      </c>
      <c r="AC30533">
        <v>16</v>
      </c>
      <c r="AD30533">
        <v>16</v>
      </c>
      <c r="AE30533">
        <v>17</v>
      </c>
      <c r="AF30533">
        <v>17</v>
      </c>
      <c r="AG30533">
        <v>17</v>
      </c>
      <c r="AH30533">
        <v>17</v>
      </c>
      <c r="AI30533">
        <v>18</v>
      </c>
      <c r="AJ30533">
        <v>18</v>
      </c>
      <c r="AK30533">
        <v>18</v>
      </c>
      <c r="AL30533">
        <v>18</v>
      </c>
      <c r="AM30533">
        <v>18</v>
      </c>
      <c r="AN30533">
        <v>18</v>
      </c>
      <c r="AO30533">
        <v>18</v>
      </c>
      <c r="AP30533">
        <v>18</v>
      </c>
      <c r="AQ30533">
        <v>18</v>
      </c>
    </row>
    <row r="30534" spans="1:43">
      <c r="A30534" t="s">
        <v>18921</v>
      </c>
      <c r="B30534" t="s">
        <v>18922</v>
      </c>
      <c r="C30534" t="s">
        <v>18909</v>
      </c>
      <c r="D30534" t="s">
        <v>18910</v>
      </c>
      <c r="E30534" t="s">
        <v>18845</v>
      </c>
      <c r="F30534" t="s">
        <v>18846</v>
      </c>
      <c r="G30534" t="s">
        <v>10734</v>
      </c>
      <c r="H30534" t="s">
        <v>10735</v>
      </c>
      <c r="I30534" s="2">
        <v>0</v>
      </c>
      <c r="J30534" s="2">
        <v>0</v>
      </c>
      <c r="K30534" s="2">
        <v>1</v>
      </c>
      <c r="L30534" t="s">
        <v>995</v>
      </c>
      <c r="M30534" t="s">
        <v>83</v>
      </c>
      <c r="N30534" t="s">
        <v>84</v>
      </c>
      <c r="O30534" t="s">
        <v>85</v>
      </c>
      <c r="P30534" t="s">
        <v>86</v>
      </c>
      <c r="Q30534">
        <v>5</v>
      </c>
      <c r="R30534">
        <v>5</v>
      </c>
      <c r="S30534">
        <v>5</v>
      </c>
      <c r="T30534">
        <v>5</v>
      </c>
      <c r="U30534">
        <v>5</v>
      </c>
      <c r="V30534">
        <v>5</v>
      </c>
      <c r="W30534">
        <v>5</v>
      </c>
      <c r="X30534">
        <v>5</v>
      </c>
      <c r="Y30534">
        <v>5</v>
      </c>
      <c r="Z30534">
        <v>6</v>
      </c>
      <c r="AA30534">
        <v>6</v>
      </c>
      <c r="AB30534">
        <v>6</v>
      </c>
      <c r="AC30534">
        <v>6</v>
      </c>
      <c r="AD30534">
        <v>6</v>
      </c>
      <c r="AE30534">
        <v>6</v>
      </c>
      <c r="AF30534">
        <v>6</v>
      </c>
      <c r="AG30534">
        <v>6</v>
      </c>
      <c r="AH30534">
        <v>6</v>
      </c>
      <c r="AI30534">
        <v>6</v>
      </c>
      <c r="AJ30534">
        <v>6</v>
      </c>
      <c r="AK30534">
        <v>6</v>
      </c>
      <c r="AL30534">
        <v>6</v>
      </c>
      <c r="AM30534">
        <v>6</v>
      </c>
      <c r="AN30534">
        <v>6</v>
      </c>
      <c r="AO30534">
        <v>6</v>
      </c>
      <c r="AP30534">
        <v>6</v>
      </c>
      <c r="AQ30534">
        <v>6</v>
      </c>
    </row>
    <row r="30535" spans="1:43">
      <c r="A30535" t="s">
        <v>18921</v>
      </c>
      <c r="B30535" t="s">
        <v>18922</v>
      </c>
      <c r="C30535" t="s">
        <v>18909</v>
      </c>
      <c r="D30535" t="s">
        <v>18910</v>
      </c>
      <c r="E30535" t="s">
        <v>18845</v>
      </c>
      <c r="F30535" t="s">
        <v>18846</v>
      </c>
      <c r="G30535" t="s">
        <v>10734</v>
      </c>
      <c r="H30535" t="s">
        <v>10735</v>
      </c>
      <c r="I30535" s="2">
        <v>0</v>
      </c>
      <c r="J30535" s="2">
        <v>0</v>
      </c>
      <c r="K30535" s="2">
        <v>1</v>
      </c>
      <c r="L30535" t="s">
        <v>995</v>
      </c>
      <c r="M30535" t="s">
        <v>87</v>
      </c>
      <c r="N30535" t="s">
        <v>88</v>
      </c>
      <c r="O30535" t="s">
        <v>85</v>
      </c>
      <c r="P30535" t="s">
        <v>86</v>
      </c>
      <c r="Q30535">
        <v>5</v>
      </c>
      <c r="R30535">
        <v>5</v>
      </c>
      <c r="S30535">
        <v>5</v>
      </c>
      <c r="T30535">
        <v>5</v>
      </c>
      <c r="U30535">
        <v>5</v>
      </c>
      <c r="V30535">
        <v>5</v>
      </c>
      <c r="W30535">
        <v>5</v>
      </c>
      <c r="X30535">
        <v>5</v>
      </c>
      <c r="Y30535">
        <v>5</v>
      </c>
      <c r="Z30535">
        <v>5</v>
      </c>
      <c r="AA30535">
        <v>5</v>
      </c>
      <c r="AB30535">
        <v>5</v>
      </c>
      <c r="AC30535">
        <v>5</v>
      </c>
      <c r="AD30535">
        <v>5</v>
      </c>
      <c r="AE30535">
        <v>5</v>
      </c>
      <c r="AF30535">
        <v>5</v>
      </c>
      <c r="AG30535">
        <v>5</v>
      </c>
      <c r="AH30535">
        <v>5</v>
      </c>
      <c r="AI30535">
        <v>5</v>
      </c>
      <c r="AJ30535">
        <v>5</v>
      </c>
      <c r="AK30535">
        <v>5</v>
      </c>
      <c r="AL30535">
        <v>5</v>
      </c>
      <c r="AM30535">
        <v>5</v>
      </c>
      <c r="AN30535">
        <v>6</v>
      </c>
      <c r="AO30535">
        <v>6</v>
      </c>
      <c r="AP30535">
        <v>6</v>
      </c>
      <c r="AQ30535">
        <v>6</v>
      </c>
    </row>
    <row r="30536" spans="1:43">
      <c r="A30536" t="s">
        <v>18921</v>
      </c>
      <c r="B30536" t="s">
        <v>18922</v>
      </c>
      <c r="C30536" t="s">
        <v>18909</v>
      </c>
      <c r="D30536" t="s">
        <v>18910</v>
      </c>
      <c r="E30536" t="s">
        <v>18845</v>
      </c>
      <c r="F30536" t="s">
        <v>18846</v>
      </c>
      <c r="G30536" t="s">
        <v>10734</v>
      </c>
      <c r="H30536" t="s">
        <v>10735</v>
      </c>
      <c r="I30536" s="2">
        <v>0</v>
      </c>
      <c r="J30536" s="2">
        <v>0</v>
      </c>
      <c r="K30536" s="2">
        <v>1</v>
      </c>
      <c r="L30536" t="s">
        <v>995</v>
      </c>
      <c r="M30536" t="s">
        <v>89</v>
      </c>
      <c r="N30536" t="s">
        <v>90</v>
      </c>
      <c r="O30536" t="s">
        <v>85</v>
      </c>
      <c r="P30536" t="s">
        <v>86</v>
      </c>
      <c r="Q30536">
        <v>5</v>
      </c>
      <c r="R30536">
        <v>5</v>
      </c>
      <c r="S30536">
        <v>5</v>
      </c>
      <c r="T30536">
        <v>5</v>
      </c>
      <c r="U30536">
        <v>5</v>
      </c>
      <c r="V30536">
        <v>5</v>
      </c>
      <c r="W30536">
        <v>6</v>
      </c>
      <c r="X30536">
        <v>6</v>
      </c>
      <c r="Y30536">
        <v>6</v>
      </c>
      <c r="Z30536">
        <v>6</v>
      </c>
      <c r="AA30536">
        <v>6</v>
      </c>
      <c r="AB30536">
        <v>6</v>
      </c>
      <c r="AC30536">
        <v>6</v>
      </c>
      <c r="AD30536">
        <v>6</v>
      </c>
      <c r="AE30536">
        <v>6</v>
      </c>
      <c r="AF30536">
        <v>6</v>
      </c>
      <c r="AG30536">
        <v>6</v>
      </c>
      <c r="AH30536">
        <v>6</v>
      </c>
      <c r="AI30536">
        <v>6</v>
      </c>
      <c r="AJ30536">
        <v>6</v>
      </c>
      <c r="AK30536">
        <v>6</v>
      </c>
      <c r="AL30536">
        <v>6</v>
      </c>
      <c r="AM30536">
        <v>6</v>
      </c>
      <c r="AN30536">
        <v>6</v>
      </c>
      <c r="AO30536">
        <v>6</v>
      </c>
      <c r="AP30536">
        <v>7</v>
      </c>
      <c r="AQ30536">
        <v>7</v>
      </c>
    </row>
    <row r="30537" spans="1:43">
      <c r="A30537" t="s">
        <v>18921</v>
      </c>
      <c r="B30537" t="s">
        <v>18922</v>
      </c>
      <c r="C30537" t="s">
        <v>18909</v>
      </c>
      <c r="D30537" t="s">
        <v>18910</v>
      </c>
      <c r="E30537" t="s">
        <v>18845</v>
      </c>
      <c r="F30537" t="s">
        <v>18846</v>
      </c>
      <c r="G30537" t="s">
        <v>10734</v>
      </c>
      <c r="H30537" t="s">
        <v>10735</v>
      </c>
      <c r="I30537" s="2">
        <v>0</v>
      </c>
      <c r="J30537" s="2">
        <v>0</v>
      </c>
      <c r="K30537" s="2">
        <v>1</v>
      </c>
      <c r="L30537" t="s">
        <v>995</v>
      </c>
      <c r="M30537" t="s">
        <v>83</v>
      </c>
      <c r="N30537" t="s">
        <v>91</v>
      </c>
      <c r="O30537" t="s">
        <v>85</v>
      </c>
      <c r="P30537" t="s">
        <v>86</v>
      </c>
      <c r="Q30537">
        <v>5</v>
      </c>
      <c r="R30537">
        <v>5</v>
      </c>
      <c r="S30537">
        <v>5</v>
      </c>
      <c r="T30537">
        <v>5</v>
      </c>
      <c r="U30537">
        <v>5</v>
      </c>
      <c r="V30537">
        <v>5</v>
      </c>
      <c r="W30537">
        <v>5</v>
      </c>
      <c r="X30537">
        <v>5</v>
      </c>
      <c r="Y30537">
        <v>5</v>
      </c>
      <c r="Z30537">
        <v>6</v>
      </c>
      <c r="AA30537">
        <v>6</v>
      </c>
      <c r="AB30537">
        <v>6</v>
      </c>
      <c r="AC30537">
        <v>6</v>
      </c>
      <c r="AD30537">
        <v>6</v>
      </c>
      <c r="AE30537">
        <v>6</v>
      </c>
      <c r="AF30537">
        <v>6</v>
      </c>
      <c r="AG30537">
        <v>6</v>
      </c>
      <c r="AH30537">
        <v>6</v>
      </c>
      <c r="AI30537">
        <v>6</v>
      </c>
      <c r="AJ30537">
        <v>6</v>
      </c>
      <c r="AK30537">
        <v>6</v>
      </c>
      <c r="AL30537">
        <v>6</v>
      </c>
      <c r="AM30537">
        <v>6</v>
      </c>
      <c r="AN30537">
        <v>6</v>
      </c>
      <c r="AO30537">
        <v>6</v>
      </c>
      <c r="AP30537">
        <v>6</v>
      </c>
      <c r="AQ30537">
        <v>6</v>
      </c>
    </row>
    <row r="30538" spans="1:43">
      <c r="A30538" t="s">
        <v>18923</v>
      </c>
      <c r="B30538" t="s">
        <v>18924</v>
      </c>
      <c r="C30538" t="s">
        <v>18909</v>
      </c>
      <c r="D30538" t="s">
        <v>18910</v>
      </c>
      <c r="E30538" t="s">
        <v>18845</v>
      </c>
      <c r="F30538" t="s">
        <v>18846</v>
      </c>
      <c r="G30538" t="s">
        <v>10734</v>
      </c>
      <c r="H30538" t="s">
        <v>10735</v>
      </c>
      <c r="I30538" s="2">
        <v>0</v>
      </c>
      <c r="J30538" s="2">
        <v>0</v>
      </c>
      <c r="K30538" s="2">
        <v>1</v>
      </c>
      <c r="L30538" t="s">
        <v>995</v>
      </c>
      <c r="M30538" t="s">
        <v>83</v>
      </c>
      <c r="N30538" t="s">
        <v>84</v>
      </c>
      <c r="O30538" t="s">
        <v>85</v>
      </c>
      <c r="P30538" t="s">
        <v>86</v>
      </c>
      <c r="Q30538">
        <v>18</v>
      </c>
      <c r="R30538">
        <v>19</v>
      </c>
      <c r="S30538">
        <v>19</v>
      </c>
      <c r="T30538">
        <v>19</v>
      </c>
      <c r="U30538">
        <v>19</v>
      </c>
      <c r="V30538">
        <v>20</v>
      </c>
      <c r="W30538">
        <v>20</v>
      </c>
      <c r="X30538">
        <v>20</v>
      </c>
      <c r="Y30538">
        <v>20</v>
      </c>
      <c r="Z30538">
        <v>21</v>
      </c>
      <c r="AA30538">
        <v>21</v>
      </c>
      <c r="AB30538">
        <v>21</v>
      </c>
      <c r="AC30538">
        <v>22</v>
      </c>
      <c r="AD30538">
        <v>22</v>
      </c>
      <c r="AE30538">
        <v>22</v>
      </c>
      <c r="AF30538">
        <v>22</v>
      </c>
      <c r="AG30538">
        <v>23</v>
      </c>
      <c r="AH30538">
        <v>23</v>
      </c>
      <c r="AI30538">
        <v>23</v>
      </c>
      <c r="AJ30538">
        <v>23</v>
      </c>
      <c r="AK30538">
        <v>24</v>
      </c>
      <c r="AL30538">
        <v>24</v>
      </c>
      <c r="AM30538">
        <v>24</v>
      </c>
      <c r="AN30538">
        <v>24</v>
      </c>
      <c r="AO30538">
        <v>24</v>
      </c>
      <c r="AP30538">
        <v>24</v>
      </c>
      <c r="AQ30538">
        <v>24</v>
      </c>
    </row>
    <row r="30539" spans="1:43">
      <c r="A30539" t="s">
        <v>18923</v>
      </c>
      <c r="B30539" t="s">
        <v>18924</v>
      </c>
      <c r="C30539" t="s">
        <v>18909</v>
      </c>
      <c r="D30539" t="s">
        <v>18910</v>
      </c>
      <c r="E30539" t="s">
        <v>18845</v>
      </c>
      <c r="F30539" t="s">
        <v>18846</v>
      </c>
      <c r="G30539" t="s">
        <v>10734</v>
      </c>
      <c r="H30539" t="s">
        <v>10735</v>
      </c>
      <c r="I30539" s="2">
        <v>0</v>
      </c>
      <c r="J30539" s="2">
        <v>0</v>
      </c>
      <c r="K30539" s="2">
        <v>1</v>
      </c>
      <c r="L30539" t="s">
        <v>995</v>
      </c>
      <c r="M30539" t="s">
        <v>87</v>
      </c>
      <c r="N30539" t="s">
        <v>88</v>
      </c>
      <c r="O30539" t="s">
        <v>85</v>
      </c>
      <c r="P30539" t="s">
        <v>86</v>
      </c>
      <c r="Q30539">
        <v>18</v>
      </c>
      <c r="R30539">
        <v>18</v>
      </c>
      <c r="S30539">
        <v>18</v>
      </c>
      <c r="T30539">
        <v>18</v>
      </c>
      <c r="U30539">
        <v>19</v>
      </c>
      <c r="V30539">
        <v>19</v>
      </c>
      <c r="W30539">
        <v>19</v>
      </c>
      <c r="X30539">
        <v>19</v>
      </c>
      <c r="Y30539">
        <v>19</v>
      </c>
      <c r="Z30539">
        <v>19</v>
      </c>
      <c r="AA30539">
        <v>19</v>
      </c>
      <c r="AB30539">
        <v>19</v>
      </c>
      <c r="AC30539">
        <v>19</v>
      </c>
      <c r="AD30539">
        <v>19</v>
      </c>
      <c r="AE30539">
        <v>20</v>
      </c>
      <c r="AF30539">
        <v>20</v>
      </c>
      <c r="AG30539">
        <v>20</v>
      </c>
      <c r="AH30539">
        <v>20</v>
      </c>
      <c r="AI30539">
        <v>20</v>
      </c>
      <c r="AJ30539">
        <v>20</v>
      </c>
      <c r="AK30539">
        <v>20</v>
      </c>
      <c r="AL30539">
        <v>21</v>
      </c>
      <c r="AM30539">
        <v>21</v>
      </c>
      <c r="AN30539">
        <v>21</v>
      </c>
      <c r="AO30539">
        <v>21</v>
      </c>
      <c r="AP30539">
        <v>21</v>
      </c>
      <c r="AQ30539">
        <v>21</v>
      </c>
    </row>
    <row r="30540" spans="1:43">
      <c r="A30540" t="s">
        <v>18923</v>
      </c>
      <c r="B30540" t="s">
        <v>18924</v>
      </c>
      <c r="C30540" t="s">
        <v>18909</v>
      </c>
      <c r="D30540" t="s">
        <v>18910</v>
      </c>
      <c r="E30540" t="s">
        <v>18845</v>
      </c>
      <c r="F30540" t="s">
        <v>18846</v>
      </c>
      <c r="G30540" t="s">
        <v>10734</v>
      </c>
      <c r="H30540" t="s">
        <v>10735</v>
      </c>
      <c r="I30540" s="2">
        <v>0</v>
      </c>
      <c r="J30540" s="2">
        <v>0</v>
      </c>
      <c r="K30540" s="2">
        <v>1</v>
      </c>
      <c r="L30540" t="s">
        <v>995</v>
      </c>
      <c r="M30540" t="s">
        <v>89</v>
      </c>
      <c r="N30540" t="s">
        <v>90</v>
      </c>
      <c r="O30540" t="s">
        <v>85</v>
      </c>
      <c r="P30540" t="s">
        <v>86</v>
      </c>
      <c r="Q30540">
        <v>18</v>
      </c>
      <c r="R30540">
        <v>19</v>
      </c>
      <c r="S30540">
        <v>19</v>
      </c>
      <c r="T30540">
        <v>20</v>
      </c>
      <c r="U30540">
        <v>20</v>
      </c>
      <c r="V30540">
        <v>21</v>
      </c>
      <c r="W30540">
        <v>21</v>
      </c>
      <c r="X30540">
        <v>21</v>
      </c>
      <c r="Y30540">
        <v>22</v>
      </c>
      <c r="Z30540">
        <v>22</v>
      </c>
      <c r="AA30540">
        <v>22</v>
      </c>
      <c r="AB30540">
        <v>23</v>
      </c>
      <c r="AC30540">
        <v>23</v>
      </c>
      <c r="AD30540">
        <v>23</v>
      </c>
      <c r="AE30540">
        <v>24</v>
      </c>
      <c r="AF30540">
        <v>24</v>
      </c>
      <c r="AG30540">
        <v>24</v>
      </c>
      <c r="AH30540">
        <v>24</v>
      </c>
      <c r="AI30540">
        <v>24</v>
      </c>
      <c r="AJ30540">
        <v>24</v>
      </c>
      <c r="AK30540">
        <v>24</v>
      </c>
      <c r="AL30540">
        <v>24</v>
      </c>
      <c r="AM30540">
        <v>24</v>
      </c>
      <c r="AN30540">
        <v>24</v>
      </c>
      <c r="AO30540">
        <v>24</v>
      </c>
      <c r="AP30540">
        <v>25</v>
      </c>
      <c r="AQ30540">
        <v>25</v>
      </c>
    </row>
    <row r="30541" spans="1:43">
      <c r="A30541" t="s">
        <v>18923</v>
      </c>
      <c r="B30541" t="s">
        <v>18924</v>
      </c>
      <c r="C30541" t="s">
        <v>18909</v>
      </c>
      <c r="D30541" t="s">
        <v>18910</v>
      </c>
      <c r="E30541" t="s">
        <v>18845</v>
      </c>
      <c r="F30541" t="s">
        <v>18846</v>
      </c>
      <c r="G30541" t="s">
        <v>10734</v>
      </c>
      <c r="H30541" t="s">
        <v>10735</v>
      </c>
      <c r="I30541" s="2">
        <v>0</v>
      </c>
      <c r="J30541" s="2">
        <v>0</v>
      </c>
      <c r="K30541" s="2">
        <v>1</v>
      </c>
      <c r="L30541" t="s">
        <v>995</v>
      </c>
      <c r="M30541" t="s">
        <v>83</v>
      </c>
      <c r="N30541" t="s">
        <v>91</v>
      </c>
      <c r="O30541" t="s">
        <v>85</v>
      </c>
      <c r="P30541" t="s">
        <v>86</v>
      </c>
      <c r="Q30541">
        <v>18</v>
      </c>
      <c r="R30541">
        <v>19</v>
      </c>
      <c r="S30541">
        <v>19</v>
      </c>
      <c r="T30541">
        <v>19</v>
      </c>
      <c r="U30541">
        <v>19</v>
      </c>
      <c r="V30541">
        <v>20</v>
      </c>
      <c r="W30541">
        <v>20</v>
      </c>
      <c r="X30541">
        <v>20</v>
      </c>
      <c r="Y30541">
        <v>20</v>
      </c>
      <c r="Z30541">
        <v>21</v>
      </c>
      <c r="AA30541">
        <v>21</v>
      </c>
      <c r="AB30541">
        <v>21</v>
      </c>
      <c r="AC30541">
        <v>22</v>
      </c>
      <c r="AD30541">
        <v>22</v>
      </c>
      <c r="AE30541">
        <v>22</v>
      </c>
      <c r="AF30541">
        <v>22</v>
      </c>
      <c r="AG30541">
        <v>23</v>
      </c>
      <c r="AH30541">
        <v>23</v>
      </c>
      <c r="AI30541">
        <v>23</v>
      </c>
      <c r="AJ30541">
        <v>23</v>
      </c>
      <c r="AK30541">
        <v>24</v>
      </c>
      <c r="AL30541">
        <v>24</v>
      </c>
      <c r="AM30541">
        <v>24</v>
      </c>
      <c r="AN30541">
        <v>24</v>
      </c>
      <c r="AO30541">
        <v>24</v>
      </c>
      <c r="AP30541">
        <v>24</v>
      </c>
      <c r="AQ30541">
        <v>24</v>
      </c>
    </row>
    <row r="30542" spans="1:43">
      <c r="A30542" t="s">
        <v>18925</v>
      </c>
      <c r="B30542" t="s">
        <v>18926</v>
      </c>
      <c r="C30542" t="s">
        <v>18843</v>
      </c>
      <c r="D30542" t="s">
        <v>18844</v>
      </c>
      <c r="E30542" t="s">
        <v>18845</v>
      </c>
      <c r="F30542" t="s">
        <v>18846</v>
      </c>
      <c r="G30542" t="s">
        <v>10734</v>
      </c>
      <c r="H30542" t="s">
        <v>10735</v>
      </c>
      <c r="I30542" s="2">
        <v>0</v>
      </c>
      <c r="J30542" s="2">
        <v>0</v>
      </c>
      <c r="K30542" s="2">
        <v>1</v>
      </c>
      <c r="L30542" t="s">
        <v>995</v>
      </c>
      <c r="M30542" t="s">
        <v>83</v>
      </c>
      <c r="N30542" t="s">
        <v>84</v>
      </c>
      <c r="O30542" t="s">
        <v>85</v>
      </c>
      <c r="P30542" t="s">
        <v>86</v>
      </c>
      <c r="Q30542">
        <v>21</v>
      </c>
      <c r="R30542">
        <v>21</v>
      </c>
      <c r="S30542">
        <v>21</v>
      </c>
      <c r="T30542">
        <v>22</v>
      </c>
      <c r="U30542">
        <v>22</v>
      </c>
      <c r="V30542">
        <v>22</v>
      </c>
      <c r="W30542">
        <v>23</v>
      </c>
      <c r="X30542">
        <v>23</v>
      </c>
      <c r="Y30542">
        <v>23</v>
      </c>
      <c r="Z30542">
        <v>23</v>
      </c>
      <c r="AA30542">
        <v>24</v>
      </c>
      <c r="AB30542">
        <v>24</v>
      </c>
      <c r="AC30542">
        <v>24</v>
      </c>
      <c r="AD30542">
        <v>25</v>
      </c>
      <c r="AE30542">
        <v>25</v>
      </c>
      <c r="AF30542">
        <v>25</v>
      </c>
      <c r="AG30542">
        <v>26</v>
      </c>
      <c r="AH30542">
        <v>26</v>
      </c>
      <c r="AI30542">
        <v>26</v>
      </c>
      <c r="AJ30542">
        <v>27</v>
      </c>
      <c r="AK30542">
        <v>27</v>
      </c>
      <c r="AL30542">
        <v>27</v>
      </c>
      <c r="AM30542">
        <v>27</v>
      </c>
      <c r="AN30542">
        <v>28</v>
      </c>
      <c r="AO30542">
        <v>28</v>
      </c>
      <c r="AP30542">
        <v>28</v>
      </c>
      <c r="AQ30542">
        <v>28</v>
      </c>
    </row>
    <row r="30543" spans="1:43">
      <c r="A30543" t="s">
        <v>18925</v>
      </c>
      <c r="B30543" t="s">
        <v>18926</v>
      </c>
      <c r="C30543" t="s">
        <v>18843</v>
      </c>
      <c r="D30543" t="s">
        <v>18844</v>
      </c>
      <c r="E30543" t="s">
        <v>18845</v>
      </c>
      <c r="F30543" t="s">
        <v>18846</v>
      </c>
      <c r="G30543" t="s">
        <v>10734</v>
      </c>
      <c r="H30543" t="s">
        <v>10735</v>
      </c>
      <c r="I30543" s="2">
        <v>0</v>
      </c>
      <c r="J30543" s="2">
        <v>0</v>
      </c>
      <c r="K30543" s="2">
        <v>1</v>
      </c>
      <c r="L30543" t="s">
        <v>995</v>
      </c>
      <c r="M30543" t="s">
        <v>87</v>
      </c>
      <c r="N30543" t="s">
        <v>88</v>
      </c>
      <c r="O30543" t="s">
        <v>85</v>
      </c>
      <c r="P30543" t="s">
        <v>86</v>
      </c>
      <c r="Q30543">
        <v>21</v>
      </c>
      <c r="R30543">
        <v>22</v>
      </c>
      <c r="S30543">
        <v>22</v>
      </c>
      <c r="T30543">
        <v>22</v>
      </c>
      <c r="U30543">
        <v>22</v>
      </c>
      <c r="V30543">
        <v>22</v>
      </c>
      <c r="W30543">
        <v>22</v>
      </c>
      <c r="X30543">
        <v>22</v>
      </c>
      <c r="Y30543">
        <v>22</v>
      </c>
      <c r="Z30543">
        <v>23</v>
      </c>
      <c r="AA30543">
        <v>23</v>
      </c>
      <c r="AB30543">
        <v>23</v>
      </c>
      <c r="AC30543">
        <v>23</v>
      </c>
      <c r="AD30543">
        <v>23</v>
      </c>
      <c r="AE30543">
        <v>23</v>
      </c>
      <c r="AF30543">
        <v>23</v>
      </c>
      <c r="AG30543">
        <v>24</v>
      </c>
      <c r="AH30543">
        <v>24</v>
      </c>
      <c r="AI30543">
        <v>24</v>
      </c>
      <c r="AJ30543">
        <v>24</v>
      </c>
      <c r="AK30543">
        <v>24</v>
      </c>
      <c r="AL30543">
        <v>24</v>
      </c>
      <c r="AM30543">
        <v>25</v>
      </c>
      <c r="AN30543">
        <v>25</v>
      </c>
      <c r="AO30543">
        <v>25</v>
      </c>
      <c r="AP30543">
        <v>25</v>
      </c>
      <c r="AQ30543">
        <v>25</v>
      </c>
    </row>
    <row r="30544" spans="1:43">
      <c r="A30544" t="s">
        <v>18925</v>
      </c>
      <c r="B30544" t="s">
        <v>18926</v>
      </c>
      <c r="C30544" t="s">
        <v>18843</v>
      </c>
      <c r="D30544" t="s">
        <v>18844</v>
      </c>
      <c r="E30544" t="s">
        <v>18845</v>
      </c>
      <c r="F30544" t="s">
        <v>18846</v>
      </c>
      <c r="G30544" t="s">
        <v>10734</v>
      </c>
      <c r="H30544" t="s">
        <v>10735</v>
      </c>
      <c r="I30544" s="2">
        <v>0</v>
      </c>
      <c r="J30544" s="2">
        <v>0</v>
      </c>
      <c r="K30544" s="2">
        <v>1</v>
      </c>
      <c r="L30544" t="s">
        <v>995</v>
      </c>
      <c r="M30544" t="s">
        <v>89</v>
      </c>
      <c r="N30544" t="s">
        <v>90</v>
      </c>
      <c r="O30544" t="s">
        <v>85</v>
      </c>
      <c r="P30544" t="s">
        <v>86</v>
      </c>
      <c r="Q30544">
        <v>21</v>
      </c>
      <c r="R30544">
        <v>21</v>
      </c>
      <c r="S30544">
        <v>22</v>
      </c>
      <c r="T30544">
        <v>22</v>
      </c>
      <c r="U30544">
        <v>23</v>
      </c>
      <c r="V30544">
        <v>23</v>
      </c>
      <c r="W30544">
        <v>24</v>
      </c>
      <c r="X30544">
        <v>24</v>
      </c>
      <c r="Y30544">
        <v>25</v>
      </c>
      <c r="Z30544">
        <v>25</v>
      </c>
      <c r="AA30544">
        <v>25</v>
      </c>
      <c r="AB30544">
        <v>26</v>
      </c>
      <c r="AC30544">
        <v>26</v>
      </c>
      <c r="AD30544">
        <v>26</v>
      </c>
      <c r="AE30544">
        <v>27</v>
      </c>
      <c r="AF30544">
        <v>27</v>
      </c>
      <c r="AG30544">
        <v>27</v>
      </c>
      <c r="AH30544">
        <v>27</v>
      </c>
      <c r="AI30544">
        <v>27</v>
      </c>
      <c r="AJ30544">
        <v>27</v>
      </c>
      <c r="AK30544">
        <v>28</v>
      </c>
      <c r="AL30544">
        <v>28</v>
      </c>
      <c r="AM30544">
        <v>28</v>
      </c>
      <c r="AN30544">
        <v>28</v>
      </c>
      <c r="AO30544">
        <v>28</v>
      </c>
      <c r="AP30544">
        <v>28</v>
      </c>
      <c r="AQ30544">
        <v>28</v>
      </c>
    </row>
    <row r="30545" spans="1:43">
      <c r="A30545" t="s">
        <v>18925</v>
      </c>
      <c r="B30545" t="s">
        <v>18926</v>
      </c>
      <c r="C30545" t="s">
        <v>18843</v>
      </c>
      <c r="D30545" t="s">
        <v>18844</v>
      </c>
      <c r="E30545" t="s">
        <v>18845</v>
      </c>
      <c r="F30545" t="s">
        <v>18846</v>
      </c>
      <c r="G30545" t="s">
        <v>10734</v>
      </c>
      <c r="H30545" t="s">
        <v>10735</v>
      </c>
      <c r="I30545" s="2">
        <v>0</v>
      </c>
      <c r="J30545" s="2">
        <v>0</v>
      </c>
      <c r="K30545" s="2">
        <v>1</v>
      </c>
      <c r="L30545" t="s">
        <v>995</v>
      </c>
      <c r="M30545" t="s">
        <v>83</v>
      </c>
      <c r="N30545" t="s">
        <v>91</v>
      </c>
      <c r="O30545" t="s">
        <v>85</v>
      </c>
      <c r="P30545" t="s">
        <v>86</v>
      </c>
      <c r="Q30545">
        <v>21</v>
      </c>
      <c r="R30545">
        <v>21</v>
      </c>
      <c r="S30545">
        <v>21</v>
      </c>
      <c r="T30545">
        <v>22</v>
      </c>
      <c r="U30545">
        <v>22</v>
      </c>
      <c r="V30545">
        <v>22</v>
      </c>
      <c r="W30545">
        <v>23</v>
      </c>
      <c r="X30545">
        <v>23</v>
      </c>
      <c r="Y30545">
        <v>23</v>
      </c>
      <c r="Z30545">
        <v>23</v>
      </c>
      <c r="AA30545">
        <v>24</v>
      </c>
      <c r="AB30545">
        <v>24</v>
      </c>
      <c r="AC30545">
        <v>24</v>
      </c>
      <c r="AD30545">
        <v>25</v>
      </c>
      <c r="AE30545">
        <v>25</v>
      </c>
      <c r="AF30545">
        <v>25</v>
      </c>
      <c r="AG30545">
        <v>26</v>
      </c>
      <c r="AH30545">
        <v>26</v>
      </c>
      <c r="AI30545">
        <v>26</v>
      </c>
      <c r="AJ30545">
        <v>27</v>
      </c>
      <c r="AK30545">
        <v>27</v>
      </c>
      <c r="AL30545">
        <v>27</v>
      </c>
      <c r="AM30545">
        <v>27</v>
      </c>
      <c r="AN30545">
        <v>28</v>
      </c>
      <c r="AO30545">
        <v>28</v>
      </c>
      <c r="AP30545">
        <v>28</v>
      </c>
      <c r="AQ30545">
        <v>28</v>
      </c>
    </row>
    <row r="30546" spans="1:43">
      <c r="A30546" t="s">
        <v>18927</v>
      </c>
      <c r="B30546" t="s">
        <v>18928</v>
      </c>
      <c r="C30546" t="s">
        <v>18843</v>
      </c>
      <c r="D30546" t="s">
        <v>18844</v>
      </c>
      <c r="E30546" t="s">
        <v>18845</v>
      </c>
      <c r="F30546" t="s">
        <v>18846</v>
      </c>
      <c r="G30546" t="s">
        <v>10734</v>
      </c>
      <c r="H30546" t="s">
        <v>10735</v>
      </c>
      <c r="I30546" s="2">
        <v>0</v>
      </c>
      <c r="J30546" s="2">
        <v>0</v>
      </c>
      <c r="K30546" s="2">
        <v>1</v>
      </c>
      <c r="L30546" t="s">
        <v>995</v>
      </c>
      <c r="M30546" t="s">
        <v>83</v>
      </c>
      <c r="N30546" t="s">
        <v>84</v>
      </c>
      <c r="O30546" t="s">
        <v>85</v>
      </c>
      <c r="P30546" t="s">
        <v>86</v>
      </c>
      <c r="Q30546">
        <v>22</v>
      </c>
      <c r="R30546">
        <v>22</v>
      </c>
      <c r="S30546">
        <v>23</v>
      </c>
      <c r="T30546">
        <v>23</v>
      </c>
      <c r="U30546">
        <v>23</v>
      </c>
      <c r="V30546">
        <v>24</v>
      </c>
      <c r="W30546">
        <v>24</v>
      </c>
      <c r="X30546">
        <v>24</v>
      </c>
      <c r="Y30546">
        <v>25</v>
      </c>
      <c r="Z30546">
        <v>25</v>
      </c>
      <c r="AA30546">
        <v>25</v>
      </c>
      <c r="AB30546">
        <v>26</v>
      </c>
      <c r="AC30546">
        <v>26</v>
      </c>
      <c r="AD30546">
        <v>26</v>
      </c>
      <c r="AE30546">
        <v>27</v>
      </c>
      <c r="AF30546">
        <v>27</v>
      </c>
      <c r="AG30546">
        <v>27</v>
      </c>
      <c r="AH30546">
        <v>28</v>
      </c>
      <c r="AI30546">
        <v>28</v>
      </c>
      <c r="AJ30546">
        <v>28</v>
      </c>
      <c r="AK30546">
        <v>29</v>
      </c>
      <c r="AL30546">
        <v>29</v>
      </c>
      <c r="AM30546">
        <v>29</v>
      </c>
      <c r="AN30546">
        <v>29</v>
      </c>
      <c r="AO30546">
        <v>29</v>
      </c>
      <c r="AP30546">
        <v>30</v>
      </c>
      <c r="AQ30546">
        <v>30</v>
      </c>
    </row>
    <row r="30547" spans="1:43">
      <c r="A30547" t="s">
        <v>18927</v>
      </c>
      <c r="B30547" t="s">
        <v>18928</v>
      </c>
      <c r="C30547" t="s">
        <v>18843</v>
      </c>
      <c r="D30547" t="s">
        <v>18844</v>
      </c>
      <c r="E30547" t="s">
        <v>18845</v>
      </c>
      <c r="F30547" t="s">
        <v>18846</v>
      </c>
      <c r="G30547" t="s">
        <v>10734</v>
      </c>
      <c r="H30547" t="s">
        <v>10735</v>
      </c>
      <c r="I30547" s="2">
        <v>0</v>
      </c>
      <c r="J30547" s="2">
        <v>0</v>
      </c>
      <c r="K30547" s="2">
        <v>1</v>
      </c>
      <c r="L30547" t="s">
        <v>995</v>
      </c>
      <c r="M30547" t="s">
        <v>87</v>
      </c>
      <c r="N30547" t="s">
        <v>88</v>
      </c>
      <c r="O30547" t="s">
        <v>85</v>
      </c>
      <c r="P30547" t="s">
        <v>86</v>
      </c>
      <c r="Q30547">
        <v>22</v>
      </c>
      <c r="R30547">
        <v>22</v>
      </c>
      <c r="S30547">
        <v>22</v>
      </c>
      <c r="T30547">
        <v>22</v>
      </c>
      <c r="U30547">
        <v>22</v>
      </c>
      <c r="V30547">
        <v>22</v>
      </c>
      <c r="W30547">
        <v>23</v>
      </c>
      <c r="X30547">
        <v>23</v>
      </c>
      <c r="Y30547">
        <v>23</v>
      </c>
      <c r="Z30547">
        <v>23</v>
      </c>
      <c r="AA30547">
        <v>23</v>
      </c>
      <c r="AB30547">
        <v>23</v>
      </c>
      <c r="AC30547">
        <v>23</v>
      </c>
      <c r="AD30547">
        <v>23</v>
      </c>
      <c r="AE30547">
        <v>24</v>
      </c>
      <c r="AF30547">
        <v>24</v>
      </c>
      <c r="AG30547">
        <v>24</v>
      </c>
      <c r="AH30547">
        <v>24</v>
      </c>
      <c r="AI30547">
        <v>24</v>
      </c>
      <c r="AJ30547">
        <v>24</v>
      </c>
      <c r="AK30547">
        <v>25</v>
      </c>
      <c r="AL30547">
        <v>25</v>
      </c>
      <c r="AM30547">
        <v>25</v>
      </c>
      <c r="AN30547">
        <v>25</v>
      </c>
      <c r="AO30547">
        <v>25</v>
      </c>
      <c r="AP30547">
        <v>26</v>
      </c>
      <c r="AQ30547">
        <v>26</v>
      </c>
    </row>
    <row r="30548" spans="1:43">
      <c r="A30548" t="s">
        <v>18927</v>
      </c>
      <c r="B30548" t="s">
        <v>18928</v>
      </c>
      <c r="C30548" t="s">
        <v>18843</v>
      </c>
      <c r="D30548" t="s">
        <v>18844</v>
      </c>
      <c r="E30548" t="s">
        <v>18845</v>
      </c>
      <c r="F30548" t="s">
        <v>18846</v>
      </c>
      <c r="G30548" t="s">
        <v>10734</v>
      </c>
      <c r="H30548" t="s">
        <v>10735</v>
      </c>
      <c r="I30548" s="2">
        <v>0</v>
      </c>
      <c r="J30548" s="2">
        <v>0</v>
      </c>
      <c r="K30548" s="2">
        <v>1</v>
      </c>
      <c r="L30548" t="s">
        <v>995</v>
      </c>
      <c r="M30548" t="s">
        <v>89</v>
      </c>
      <c r="N30548" t="s">
        <v>90</v>
      </c>
      <c r="O30548" t="s">
        <v>85</v>
      </c>
      <c r="P30548" t="s">
        <v>86</v>
      </c>
      <c r="Q30548">
        <v>22</v>
      </c>
      <c r="R30548">
        <v>23</v>
      </c>
      <c r="S30548">
        <v>23</v>
      </c>
      <c r="T30548">
        <v>24</v>
      </c>
      <c r="U30548">
        <v>24</v>
      </c>
      <c r="V30548">
        <v>25</v>
      </c>
      <c r="W30548">
        <v>25</v>
      </c>
      <c r="X30548">
        <v>26</v>
      </c>
      <c r="Y30548">
        <v>26</v>
      </c>
      <c r="Z30548">
        <v>26</v>
      </c>
      <c r="AA30548">
        <v>27</v>
      </c>
      <c r="AB30548">
        <v>27</v>
      </c>
      <c r="AC30548">
        <v>28</v>
      </c>
      <c r="AD30548">
        <v>28</v>
      </c>
      <c r="AE30548">
        <v>28</v>
      </c>
      <c r="AF30548">
        <v>29</v>
      </c>
      <c r="AG30548">
        <v>29</v>
      </c>
      <c r="AH30548">
        <v>29</v>
      </c>
      <c r="AI30548">
        <v>29</v>
      </c>
      <c r="AJ30548">
        <v>29</v>
      </c>
      <c r="AK30548">
        <v>29</v>
      </c>
      <c r="AL30548">
        <v>29</v>
      </c>
      <c r="AM30548">
        <v>29</v>
      </c>
      <c r="AN30548">
        <v>30</v>
      </c>
      <c r="AO30548">
        <v>30</v>
      </c>
      <c r="AP30548">
        <v>30</v>
      </c>
      <c r="AQ30548">
        <v>30</v>
      </c>
    </row>
    <row r="30549" spans="1:43">
      <c r="A30549" t="s">
        <v>18927</v>
      </c>
      <c r="B30549" t="s">
        <v>18928</v>
      </c>
      <c r="C30549" t="s">
        <v>18843</v>
      </c>
      <c r="D30549" t="s">
        <v>18844</v>
      </c>
      <c r="E30549" t="s">
        <v>18845</v>
      </c>
      <c r="F30549" t="s">
        <v>18846</v>
      </c>
      <c r="G30549" t="s">
        <v>10734</v>
      </c>
      <c r="H30549" t="s">
        <v>10735</v>
      </c>
      <c r="I30549" s="2">
        <v>0</v>
      </c>
      <c r="J30549" s="2">
        <v>0</v>
      </c>
      <c r="K30549" s="2">
        <v>1</v>
      </c>
      <c r="L30549" t="s">
        <v>995</v>
      </c>
      <c r="M30549" t="s">
        <v>83</v>
      </c>
      <c r="N30549" t="s">
        <v>91</v>
      </c>
      <c r="O30549" t="s">
        <v>85</v>
      </c>
      <c r="P30549" t="s">
        <v>86</v>
      </c>
      <c r="Q30549">
        <v>22</v>
      </c>
      <c r="R30549">
        <v>22</v>
      </c>
      <c r="S30549">
        <v>23</v>
      </c>
      <c r="T30549">
        <v>23</v>
      </c>
      <c r="U30549">
        <v>23</v>
      </c>
      <c r="V30549">
        <v>24</v>
      </c>
      <c r="W30549">
        <v>24</v>
      </c>
      <c r="X30549">
        <v>24</v>
      </c>
      <c r="Y30549">
        <v>25</v>
      </c>
      <c r="Z30549">
        <v>25</v>
      </c>
      <c r="AA30549">
        <v>25</v>
      </c>
      <c r="AB30549">
        <v>26</v>
      </c>
      <c r="AC30549">
        <v>26</v>
      </c>
      <c r="AD30549">
        <v>26</v>
      </c>
      <c r="AE30549">
        <v>27</v>
      </c>
      <c r="AF30549">
        <v>27</v>
      </c>
      <c r="AG30549">
        <v>27</v>
      </c>
      <c r="AH30549">
        <v>28</v>
      </c>
      <c r="AI30549">
        <v>28</v>
      </c>
      <c r="AJ30549">
        <v>28</v>
      </c>
      <c r="AK30549">
        <v>29</v>
      </c>
      <c r="AL30549">
        <v>29</v>
      </c>
      <c r="AM30549">
        <v>29</v>
      </c>
      <c r="AN30549">
        <v>29</v>
      </c>
      <c r="AO30549">
        <v>29</v>
      </c>
      <c r="AP30549">
        <v>30</v>
      </c>
      <c r="AQ30549">
        <v>30</v>
      </c>
    </row>
    <row r="30550" spans="1:43">
      <c r="A30550" t="s">
        <v>18929</v>
      </c>
      <c r="B30550" t="s">
        <v>18930</v>
      </c>
      <c r="C30550" t="s">
        <v>18853</v>
      </c>
      <c r="D30550" t="s">
        <v>18854</v>
      </c>
      <c r="E30550" t="s">
        <v>18845</v>
      </c>
      <c r="F30550" t="s">
        <v>18846</v>
      </c>
      <c r="G30550" t="s">
        <v>10734</v>
      </c>
      <c r="H30550" t="s">
        <v>10735</v>
      </c>
      <c r="I30550" s="2">
        <v>0</v>
      </c>
      <c r="J30550" s="2">
        <v>0</v>
      </c>
      <c r="K30550" s="2">
        <v>1</v>
      </c>
      <c r="L30550" t="s">
        <v>995</v>
      </c>
      <c r="M30550" t="s">
        <v>83</v>
      </c>
      <c r="N30550" t="s">
        <v>84</v>
      </c>
      <c r="O30550" t="s">
        <v>85</v>
      </c>
      <c r="P30550" t="s">
        <v>86</v>
      </c>
      <c r="Q30550">
        <v>7</v>
      </c>
      <c r="R30550">
        <v>7</v>
      </c>
      <c r="S30550">
        <v>8</v>
      </c>
      <c r="T30550">
        <v>8</v>
      </c>
      <c r="U30550">
        <v>8</v>
      </c>
      <c r="V30550">
        <v>8</v>
      </c>
      <c r="W30550">
        <v>8</v>
      </c>
      <c r="X30550">
        <v>8</v>
      </c>
      <c r="Y30550">
        <v>8</v>
      </c>
      <c r="Z30550">
        <v>8</v>
      </c>
      <c r="AA30550">
        <v>8</v>
      </c>
      <c r="AB30550">
        <v>9</v>
      </c>
      <c r="AC30550">
        <v>9</v>
      </c>
      <c r="AD30550">
        <v>9</v>
      </c>
      <c r="AE30550">
        <v>9</v>
      </c>
      <c r="AF30550">
        <v>9</v>
      </c>
      <c r="AG30550">
        <v>9</v>
      </c>
      <c r="AH30550">
        <v>9</v>
      </c>
      <c r="AI30550">
        <v>9</v>
      </c>
      <c r="AJ30550">
        <v>9</v>
      </c>
      <c r="AK30550">
        <v>10</v>
      </c>
      <c r="AL30550">
        <v>10</v>
      </c>
      <c r="AM30550">
        <v>10</v>
      </c>
      <c r="AN30550">
        <v>10</v>
      </c>
      <c r="AO30550">
        <v>10</v>
      </c>
      <c r="AP30550">
        <v>10</v>
      </c>
      <c r="AQ30550">
        <v>10</v>
      </c>
    </row>
    <row r="30551" spans="1:43">
      <c r="A30551" t="s">
        <v>18929</v>
      </c>
      <c r="B30551" t="s">
        <v>18930</v>
      </c>
      <c r="C30551" t="s">
        <v>18853</v>
      </c>
      <c r="D30551" t="s">
        <v>18854</v>
      </c>
      <c r="E30551" t="s">
        <v>18845</v>
      </c>
      <c r="F30551" t="s">
        <v>18846</v>
      </c>
      <c r="G30551" t="s">
        <v>10734</v>
      </c>
      <c r="H30551" t="s">
        <v>10735</v>
      </c>
      <c r="I30551" s="2">
        <v>0</v>
      </c>
      <c r="J30551" s="2">
        <v>0</v>
      </c>
      <c r="K30551" s="2">
        <v>1</v>
      </c>
      <c r="L30551" t="s">
        <v>995</v>
      </c>
      <c r="M30551" t="s">
        <v>87</v>
      </c>
      <c r="N30551" t="s">
        <v>88</v>
      </c>
      <c r="O30551" t="s">
        <v>85</v>
      </c>
      <c r="P30551" t="s">
        <v>86</v>
      </c>
      <c r="Q30551">
        <v>7</v>
      </c>
      <c r="R30551">
        <v>7</v>
      </c>
      <c r="S30551">
        <v>7</v>
      </c>
      <c r="T30551">
        <v>7</v>
      </c>
      <c r="U30551">
        <v>7</v>
      </c>
      <c r="V30551">
        <v>7</v>
      </c>
      <c r="W30551">
        <v>8</v>
      </c>
      <c r="X30551">
        <v>8</v>
      </c>
      <c r="Y30551">
        <v>8</v>
      </c>
      <c r="Z30551">
        <v>8</v>
      </c>
      <c r="AA30551">
        <v>8</v>
      </c>
      <c r="AB30551">
        <v>8</v>
      </c>
      <c r="AC30551">
        <v>8</v>
      </c>
      <c r="AD30551">
        <v>8</v>
      </c>
      <c r="AE30551">
        <v>8</v>
      </c>
      <c r="AF30551">
        <v>8</v>
      </c>
      <c r="AG30551">
        <v>8</v>
      </c>
      <c r="AH30551">
        <v>8</v>
      </c>
      <c r="AI30551">
        <v>8</v>
      </c>
      <c r="AJ30551">
        <v>8</v>
      </c>
      <c r="AK30551">
        <v>8</v>
      </c>
      <c r="AL30551">
        <v>8</v>
      </c>
      <c r="AM30551">
        <v>8</v>
      </c>
      <c r="AN30551">
        <v>8</v>
      </c>
      <c r="AO30551">
        <v>8</v>
      </c>
      <c r="AP30551">
        <v>9</v>
      </c>
      <c r="AQ30551">
        <v>9</v>
      </c>
    </row>
    <row r="30552" spans="1:43">
      <c r="A30552" t="s">
        <v>18929</v>
      </c>
      <c r="B30552" t="s">
        <v>18930</v>
      </c>
      <c r="C30552" t="s">
        <v>18853</v>
      </c>
      <c r="D30552" t="s">
        <v>18854</v>
      </c>
      <c r="E30552" t="s">
        <v>18845</v>
      </c>
      <c r="F30552" t="s">
        <v>18846</v>
      </c>
      <c r="G30552" t="s">
        <v>10734</v>
      </c>
      <c r="H30552" t="s">
        <v>10735</v>
      </c>
      <c r="I30552" s="2">
        <v>0</v>
      </c>
      <c r="J30552" s="2">
        <v>0</v>
      </c>
      <c r="K30552" s="2">
        <v>1</v>
      </c>
      <c r="L30552" t="s">
        <v>995</v>
      </c>
      <c r="M30552" t="s">
        <v>89</v>
      </c>
      <c r="N30552" t="s">
        <v>90</v>
      </c>
      <c r="O30552" t="s">
        <v>85</v>
      </c>
      <c r="P30552" t="s">
        <v>86</v>
      </c>
      <c r="Q30552">
        <v>7</v>
      </c>
      <c r="R30552">
        <v>8</v>
      </c>
      <c r="S30552">
        <v>8</v>
      </c>
      <c r="T30552">
        <v>8</v>
      </c>
      <c r="U30552">
        <v>8</v>
      </c>
      <c r="V30552">
        <v>8</v>
      </c>
      <c r="W30552">
        <v>8</v>
      </c>
      <c r="X30552">
        <v>9</v>
      </c>
      <c r="Y30552">
        <v>9</v>
      </c>
      <c r="Z30552">
        <v>9</v>
      </c>
      <c r="AA30552">
        <v>9</v>
      </c>
      <c r="AB30552">
        <v>9</v>
      </c>
      <c r="AC30552">
        <v>9</v>
      </c>
      <c r="AD30552">
        <v>9</v>
      </c>
      <c r="AE30552">
        <v>10</v>
      </c>
      <c r="AF30552">
        <v>10</v>
      </c>
      <c r="AG30552">
        <v>10</v>
      </c>
      <c r="AH30552">
        <v>10</v>
      </c>
      <c r="AI30552">
        <v>10</v>
      </c>
      <c r="AJ30552">
        <v>10</v>
      </c>
      <c r="AK30552">
        <v>10</v>
      </c>
      <c r="AL30552">
        <v>10</v>
      </c>
      <c r="AM30552">
        <v>10</v>
      </c>
      <c r="AN30552">
        <v>10</v>
      </c>
      <c r="AO30552">
        <v>10</v>
      </c>
      <c r="AP30552">
        <v>10</v>
      </c>
      <c r="AQ30552">
        <v>10</v>
      </c>
    </row>
    <row r="30553" spans="1:43">
      <c r="A30553" t="s">
        <v>18929</v>
      </c>
      <c r="B30553" t="s">
        <v>18930</v>
      </c>
      <c r="C30553" t="s">
        <v>18853</v>
      </c>
      <c r="D30553" t="s">
        <v>18854</v>
      </c>
      <c r="E30553" t="s">
        <v>18845</v>
      </c>
      <c r="F30553" t="s">
        <v>18846</v>
      </c>
      <c r="G30553" t="s">
        <v>10734</v>
      </c>
      <c r="H30553" t="s">
        <v>10735</v>
      </c>
      <c r="I30553" s="2">
        <v>0</v>
      </c>
      <c r="J30553" s="2">
        <v>0</v>
      </c>
      <c r="K30553" s="2">
        <v>1</v>
      </c>
      <c r="L30553" t="s">
        <v>995</v>
      </c>
      <c r="M30553" t="s">
        <v>83</v>
      </c>
      <c r="N30553" t="s">
        <v>91</v>
      </c>
      <c r="O30553" t="s">
        <v>85</v>
      </c>
      <c r="P30553" t="s">
        <v>86</v>
      </c>
      <c r="Q30553">
        <v>7</v>
      </c>
      <c r="R30553">
        <v>7</v>
      </c>
      <c r="S30553">
        <v>8</v>
      </c>
      <c r="T30553">
        <v>8</v>
      </c>
      <c r="U30553">
        <v>8</v>
      </c>
      <c r="V30553">
        <v>8</v>
      </c>
      <c r="W30553">
        <v>8</v>
      </c>
      <c r="X30553">
        <v>8</v>
      </c>
      <c r="Y30553">
        <v>8</v>
      </c>
      <c r="Z30553">
        <v>8</v>
      </c>
      <c r="AA30553">
        <v>8</v>
      </c>
      <c r="AB30553">
        <v>9</v>
      </c>
      <c r="AC30553">
        <v>9</v>
      </c>
      <c r="AD30553">
        <v>9</v>
      </c>
      <c r="AE30553">
        <v>9</v>
      </c>
      <c r="AF30553">
        <v>9</v>
      </c>
      <c r="AG30553">
        <v>9</v>
      </c>
      <c r="AH30553">
        <v>9</v>
      </c>
      <c r="AI30553">
        <v>9</v>
      </c>
      <c r="AJ30553">
        <v>9</v>
      </c>
      <c r="AK30553">
        <v>10</v>
      </c>
      <c r="AL30553">
        <v>10</v>
      </c>
      <c r="AM30553">
        <v>10</v>
      </c>
      <c r="AN30553">
        <v>10</v>
      </c>
      <c r="AO30553">
        <v>10</v>
      </c>
      <c r="AP30553">
        <v>10</v>
      </c>
      <c r="AQ30553">
        <v>10</v>
      </c>
    </row>
    <row r="30554" spans="1:43">
      <c r="A30554" t="s">
        <v>18931</v>
      </c>
      <c r="B30554" t="s">
        <v>18932</v>
      </c>
      <c r="C30554" t="s">
        <v>18849</v>
      </c>
      <c r="D30554" t="s">
        <v>18850</v>
      </c>
      <c r="E30554" t="s">
        <v>18845</v>
      </c>
      <c r="F30554" t="s">
        <v>18846</v>
      </c>
      <c r="G30554" t="s">
        <v>10734</v>
      </c>
      <c r="H30554" t="s">
        <v>10735</v>
      </c>
      <c r="I30554" s="2">
        <v>0</v>
      </c>
      <c r="J30554" s="2">
        <v>0</v>
      </c>
      <c r="K30554" s="2">
        <v>1</v>
      </c>
      <c r="L30554" t="s">
        <v>995</v>
      </c>
      <c r="M30554" t="s">
        <v>83</v>
      </c>
      <c r="N30554" t="s">
        <v>84</v>
      </c>
      <c r="O30554" t="s">
        <v>85</v>
      </c>
      <c r="P30554" t="s">
        <v>86</v>
      </c>
      <c r="Q30554">
        <v>40</v>
      </c>
      <c r="R30554">
        <v>41</v>
      </c>
      <c r="S30554">
        <v>41</v>
      </c>
      <c r="T30554">
        <v>42</v>
      </c>
      <c r="U30554">
        <v>42</v>
      </c>
      <c r="V30554">
        <v>43</v>
      </c>
      <c r="W30554">
        <v>44</v>
      </c>
      <c r="X30554">
        <v>44</v>
      </c>
      <c r="Y30554">
        <v>45</v>
      </c>
      <c r="Z30554">
        <v>45</v>
      </c>
      <c r="AA30554">
        <v>46</v>
      </c>
      <c r="AB30554">
        <v>46</v>
      </c>
      <c r="AC30554">
        <v>47</v>
      </c>
      <c r="AD30554">
        <v>48</v>
      </c>
      <c r="AE30554">
        <v>48</v>
      </c>
      <c r="AF30554">
        <v>49</v>
      </c>
      <c r="AG30554">
        <v>49</v>
      </c>
      <c r="AH30554">
        <v>50</v>
      </c>
      <c r="AI30554">
        <v>51</v>
      </c>
      <c r="AJ30554">
        <v>51</v>
      </c>
      <c r="AK30554">
        <v>52</v>
      </c>
      <c r="AL30554">
        <v>52</v>
      </c>
      <c r="AM30554">
        <v>52</v>
      </c>
      <c r="AN30554">
        <v>53</v>
      </c>
      <c r="AO30554">
        <v>53</v>
      </c>
      <c r="AP30554">
        <v>53</v>
      </c>
      <c r="AQ30554">
        <v>53</v>
      </c>
    </row>
    <row r="30555" spans="1:43">
      <c r="A30555" t="s">
        <v>18931</v>
      </c>
      <c r="B30555" t="s">
        <v>18932</v>
      </c>
      <c r="C30555" t="s">
        <v>18849</v>
      </c>
      <c r="D30555" t="s">
        <v>18850</v>
      </c>
      <c r="E30555" t="s">
        <v>18845</v>
      </c>
      <c r="F30555" t="s">
        <v>18846</v>
      </c>
      <c r="G30555" t="s">
        <v>10734</v>
      </c>
      <c r="H30555" t="s">
        <v>10735</v>
      </c>
      <c r="I30555" s="2">
        <v>0</v>
      </c>
      <c r="J30555" s="2">
        <v>0</v>
      </c>
      <c r="K30555" s="2">
        <v>1</v>
      </c>
      <c r="L30555" t="s">
        <v>995</v>
      </c>
      <c r="M30555" t="s">
        <v>87</v>
      </c>
      <c r="N30555" t="s">
        <v>88</v>
      </c>
      <c r="O30555" t="s">
        <v>85</v>
      </c>
      <c r="P30555" t="s">
        <v>86</v>
      </c>
      <c r="Q30555">
        <v>40</v>
      </c>
      <c r="R30555">
        <v>40</v>
      </c>
      <c r="S30555">
        <v>40</v>
      </c>
      <c r="T30555">
        <v>40</v>
      </c>
      <c r="U30555">
        <v>41</v>
      </c>
      <c r="V30555">
        <v>41</v>
      </c>
      <c r="W30555">
        <v>41</v>
      </c>
      <c r="X30555">
        <v>41</v>
      </c>
      <c r="Y30555">
        <v>41</v>
      </c>
      <c r="Z30555">
        <v>42</v>
      </c>
      <c r="AA30555">
        <v>42</v>
      </c>
      <c r="AB30555">
        <v>42</v>
      </c>
      <c r="AC30555">
        <v>42</v>
      </c>
      <c r="AD30555">
        <v>42</v>
      </c>
      <c r="AE30555">
        <v>43</v>
      </c>
      <c r="AF30555">
        <v>43</v>
      </c>
      <c r="AG30555">
        <v>43</v>
      </c>
      <c r="AH30555">
        <v>44</v>
      </c>
      <c r="AI30555">
        <v>44</v>
      </c>
      <c r="AJ30555">
        <v>44</v>
      </c>
      <c r="AK30555">
        <v>44</v>
      </c>
      <c r="AL30555">
        <v>45</v>
      </c>
      <c r="AM30555">
        <v>45</v>
      </c>
      <c r="AN30555">
        <v>45</v>
      </c>
      <c r="AO30555">
        <v>46</v>
      </c>
      <c r="AP30555">
        <v>46</v>
      </c>
      <c r="AQ30555">
        <v>46</v>
      </c>
    </row>
    <row r="30556" spans="1:43">
      <c r="A30556" t="s">
        <v>18931</v>
      </c>
      <c r="B30556" t="s">
        <v>18932</v>
      </c>
      <c r="C30556" t="s">
        <v>18849</v>
      </c>
      <c r="D30556" t="s">
        <v>18850</v>
      </c>
      <c r="E30556" t="s">
        <v>18845</v>
      </c>
      <c r="F30556" t="s">
        <v>18846</v>
      </c>
      <c r="G30556" t="s">
        <v>10734</v>
      </c>
      <c r="H30556" t="s">
        <v>10735</v>
      </c>
      <c r="I30556" s="2">
        <v>0</v>
      </c>
      <c r="J30556" s="2">
        <v>0</v>
      </c>
      <c r="K30556" s="2">
        <v>1</v>
      </c>
      <c r="L30556" t="s">
        <v>995</v>
      </c>
      <c r="M30556" t="s">
        <v>89</v>
      </c>
      <c r="N30556" t="s">
        <v>90</v>
      </c>
      <c r="O30556" t="s">
        <v>85</v>
      </c>
      <c r="P30556" t="s">
        <v>86</v>
      </c>
      <c r="Q30556">
        <v>40</v>
      </c>
      <c r="R30556">
        <v>41</v>
      </c>
      <c r="S30556">
        <v>42</v>
      </c>
      <c r="T30556">
        <v>43</v>
      </c>
      <c r="U30556">
        <v>44</v>
      </c>
      <c r="V30556">
        <v>45</v>
      </c>
      <c r="W30556">
        <v>46</v>
      </c>
      <c r="X30556">
        <v>47</v>
      </c>
      <c r="Y30556">
        <v>47</v>
      </c>
      <c r="Z30556">
        <v>48</v>
      </c>
      <c r="AA30556">
        <v>49</v>
      </c>
      <c r="AB30556">
        <v>49</v>
      </c>
      <c r="AC30556">
        <v>50</v>
      </c>
      <c r="AD30556">
        <v>51</v>
      </c>
      <c r="AE30556">
        <v>51</v>
      </c>
      <c r="AF30556">
        <v>52</v>
      </c>
      <c r="AG30556">
        <v>52</v>
      </c>
      <c r="AH30556">
        <v>52</v>
      </c>
      <c r="AI30556">
        <v>52</v>
      </c>
      <c r="AJ30556">
        <v>52</v>
      </c>
      <c r="AK30556">
        <v>53</v>
      </c>
      <c r="AL30556">
        <v>53</v>
      </c>
      <c r="AM30556">
        <v>53</v>
      </c>
      <c r="AN30556">
        <v>53</v>
      </c>
      <c r="AO30556">
        <v>53</v>
      </c>
      <c r="AP30556">
        <v>54</v>
      </c>
      <c r="AQ30556">
        <v>54</v>
      </c>
    </row>
    <row r="30557" spans="1:43">
      <c r="A30557" t="s">
        <v>18931</v>
      </c>
      <c r="B30557" t="s">
        <v>18932</v>
      </c>
      <c r="C30557" t="s">
        <v>18849</v>
      </c>
      <c r="D30557" t="s">
        <v>18850</v>
      </c>
      <c r="E30557" t="s">
        <v>18845</v>
      </c>
      <c r="F30557" t="s">
        <v>18846</v>
      </c>
      <c r="G30557" t="s">
        <v>10734</v>
      </c>
      <c r="H30557" t="s">
        <v>10735</v>
      </c>
      <c r="I30557" s="2">
        <v>0</v>
      </c>
      <c r="J30557" s="2">
        <v>0</v>
      </c>
      <c r="K30557" s="2">
        <v>1</v>
      </c>
      <c r="L30557" t="s">
        <v>995</v>
      </c>
      <c r="M30557" t="s">
        <v>83</v>
      </c>
      <c r="N30557" t="s">
        <v>91</v>
      </c>
      <c r="O30557" t="s">
        <v>85</v>
      </c>
      <c r="P30557" t="s">
        <v>86</v>
      </c>
      <c r="Q30557">
        <v>40</v>
      </c>
      <c r="R30557">
        <v>41</v>
      </c>
      <c r="S30557">
        <v>41</v>
      </c>
      <c r="T30557">
        <v>42</v>
      </c>
      <c r="U30557">
        <v>42</v>
      </c>
      <c r="V30557">
        <v>43</v>
      </c>
      <c r="W30557">
        <v>44</v>
      </c>
      <c r="X30557">
        <v>44</v>
      </c>
      <c r="Y30557">
        <v>45</v>
      </c>
      <c r="Z30557">
        <v>45</v>
      </c>
      <c r="AA30557">
        <v>46</v>
      </c>
      <c r="AB30557">
        <v>46</v>
      </c>
      <c r="AC30557">
        <v>47</v>
      </c>
      <c r="AD30557">
        <v>48</v>
      </c>
      <c r="AE30557">
        <v>48</v>
      </c>
      <c r="AF30557">
        <v>49</v>
      </c>
      <c r="AG30557">
        <v>49</v>
      </c>
      <c r="AH30557">
        <v>50</v>
      </c>
      <c r="AI30557">
        <v>51</v>
      </c>
      <c r="AJ30557">
        <v>51</v>
      </c>
      <c r="AK30557">
        <v>52</v>
      </c>
      <c r="AL30557">
        <v>52</v>
      </c>
      <c r="AM30557">
        <v>52</v>
      </c>
      <c r="AN30557">
        <v>53</v>
      </c>
      <c r="AO30557">
        <v>53</v>
      </c>
      <c r="AP30557">
        <v>53</v>
      </c>
      <c r="AQ30557">
        <v>53</v>
      </c>
    </row>
    <row r="30558" spans="1:43">
      <c r="A30558" t="s">
        <v>18933</v>
      </c>
      <c r="B30558" t="s">
        <v>18934</v>
      </c>
      <c r="C30558" t="s">
        <v>18849</v>
      </c>
      <c r="D30558" t="s">
        <v>18850</v>
      </c>
      <c r="E30558" t="s">
        <v>18845</v>
      </c>
      <c r="F30558" t="s">
        <v>18846</v>
      </c>
      <c r="G30558" t="s">
        <v>10734</v>
      </c>
      <c r="H30558" t="s">
        <v>10735</v>
      </c>
      <c r="I30558" s="2">
        <v>0</v>
      </c>
      <c r="J30558" s="2">
        <v>0</v>
      </c>
      <c r="K30558" s="2">
        <v>1</v>
      </c>
      <c r="L30558" t="s">
        <v>995</v>
      </c>
      <c r="M30558" t="s">
        <v>83</v>
      </c>
      <c r="N30558" t="s">
        <v>84</v>
      </c>
      <c r="O30558" t="s">
        <v>85</v>
      </c>
      <c r="P30558" t="s">
        <v>86</v>
      </c>
      <c r="Q30558">
        <v>22</v>
      </c>
      <c r="R30558">
        <v>22</v>
      </c>
      <c r="S30558">
        <v>23</v>
      </c>
      <c r="T30558">
        <v>23</v>
      </c>
      <c r="U30558">
        <v>23</v>
      </c>
      <c r="V30558">
        <v>24</v>
      </c>
      <c r="W30558">
        <v>24</v>
      </c>
      <c r="X30558">
        <v>24</v>
      </c>
      <c r="Y30558">
        <v>25</v>
      </c>
      <c r="Z30558">
        <v>25</v>
      </c>
      <c r="AA30558">
        <v>25</v>
      </c>
      <c r="AB30558">
        <v>26</v>
      </c>
      <c r="AC30558">
        <v>26</v>
      </c>
      <c r="AD30558">
        <v>26</v>
      </c>
      <c r="AE30558">
        <v>27</v>
      </c>
      <c r="AF30558">
        <v>27</v>
      </c>
      <c r="AG30558">
        <v>27</v>
      </c>
      <c r="AH30558">
        <v>28</v>
      </c>
      <c r="AI30558">
        <v>28</v>
      </c>
      <c r="AJ30558">
        <v>28</v>
      </c>
      <c r="AK30558">
        <v>29</v>
      </c>
      <c r="AL30558">
        <v>29</v>
      </c>
      <c r="AM30558">
        <v>29</v>
      </c>
      <c r="AN30558">
        <v>29</v>
      </c>
      <c r="AO30558">
        <v>29</v>
      </c>
      <c r="AP30558">
        <v>29</v>
      </c>
      <c r="AQ30558">
        <v>29</v>
      </c>
    </row>
    <row r="30559" spans="1:43">
      <c r="A30559" t="s">
        <v>18933</v>
      </c>
      <c r="B30559" t="s">
        <v>18934</v>
      </c>
      <c r="C30559" t="s">
        <v>18849</v>
      </c>
      <c r="D30559" t="s">
        <v>18850</v>
      </c>
      <c r="E30559" t="s">
        <v>18845</v>
      </c>
      <c r="F30559" t="s">
        <v>18846</v>
      </c>
      <c r="G30559" t="s">
        <v>10734</v>
      </c>
      <c r="H30559" t="s">
        <v>10735</v>
      </c>
      <c r="I30559" s="2">
        <v>0</v>
      </c>
      <c r="J30559" s="2">
        <v>0</v>
      </c>
      <c r="K30559" s="2">
        <v>1</v>
      </c>
      <c r="L30559" t="s">
        <v>995</v>
      </c>
      <c r="M30559" t="s">
        <v>87</v>
      </c>
      <c r="N30559" t="s">
        <v>88</v>
      </c>
      <c r="O30559" t="s">
        <v>85</v>
      </c>
      <c r="P30559" t="s">
        <v>86</v>
      </c>
      <c r="Q30559">
        <v>22</v>
      </c>
      <c r="R30559">
        <v>22</v>
      </c>
      <c r="S30559">
        <v>22</v>
      </c>
      <c r="T30559">
        <v>22</v>
      </c>
      <c r="U30559">
        <v>22</v>
      </c>
      <c r="V30559">
        <v>22</v>
      </c>
      <c r="W30559">
        <v>23</v>
      </c>
      <c r="X30559">
        <v>23</v>
      </c>
      <c r="Y30559">
        <v>23</v>
      </c>
      <c r="Z30559">
        <v>23</v>
      </c>
      <c r="AA30559">
        <v>23</v>
      </c>
      <c r="AB30559">
        <v>23</v>
      </c>
      <c r="AC30559">
        <v>23</v>
      </c>
      <c r="AD30559">
        <v>23</v>
      </c>
      <c r="AE30559">
        <v>24</v>
      </c>
      <c r="AF30559">
        <v>24</v>
      </c>
      <c r="AG30559">
        <v>24</v>
      </c>
      <c r="AH30559">
        <v>24</v>
      </c>
      <c r="AI30559">
        <v>24</v>
      </c>
      <c r="AJ30559">
        <v>24</v>
      </c>
      <c r="AK30559">
        <v>24</v>
      </c>
      <c r="AL30559">
        <v>25</v>
      </c>
      <c r="AM30559">
        <v>25</v>
      </c>
      <c r="AN30559">
        <v>25</v>
      </c>
      <c r="AO30559">
        <v>25</v>
      </c>
      <c r="AP30559">
        <v>25</v>
      </c>
      <c r="AQ30559">
        <v>26</v>
      </c>
    </row>
    <row r="30560" spans="1:43">
      <c r="A30560" t="s">
        <v>18933</v>
      </c>
      <c r="B30560" t="s">
        <v>18934</v>
      </c>
      <c r="C30560" t="s">
        <v>18849</v>
      </c>
      <c r="D30560" t="s">
        <v>18850</v>
      </c>
      <c r="E30560" t="s">
        <v>18845</v>
      </c>
      <c r="F30560" t="s">
        <v>18846</v>
      </c>
      <c r="G30560" t="s">
        <v>10734</v>
      </c>
      <c r="H30560" t="s">
        <v>10735</v>
      </c>
      <c r="I30560" s="2">
        <v>0</v>
      </c>
      <c r="J30560" s="2">
        <v>0</v>
      </c>
      <c r="K30560" s="2">
        <v>1</v>
      </c>
      <c r="L30560" t="s">
        <v>995</v>
      </c>
      <c r="M30560" t="s">
        <v>89</v>
      </c>
      <c r="N30560" t="s">
        <v>90</v>
      </c>
      <c r="O30560" t="s">
        <v>85</v>
      </c>
      <c r="P30560" t="s">
        <v>86</v>
      </c>
      <c r="Q30560">
        <v>22</v>
      </c>
      <c r="R30560">
        <v>23</v>
      </c>
      <c r="S30560">
        <v>23</v>
      </c>
      <c r="T30560">
        <v>24</v>
      </c>
      <c r="U30560">
        <v>24</v>
      </c>
      <c r="V30560">
        <v>25</v>
      </c>
      <c r="W30560">
        <v>25</v>
      </c>
      <c r="X30560">
        <v>26</v>
      </c>
      <c r="Y30560">
        <v>26</v>
      </c>
      <c r="Z30560">
        <v>26</v>
      </c>
      <c r="AA30560">
        <v>27</v>
      </c>
      <c r="AB30560">
        <v>27</v>
      </c>
      <c r="AC30560">
        <v>28</v>
      </c>
      <c r="AD30560">
        <v>28</v>
      </c>
      <c r="AE30560">
        <v>28</v>
      </c>
      <c r="AF30560">
        <v>28</v>
      </c>
      <c r="AG30560">
        <v>29</v>
      </c>
      <c r="AH30560">
        <v>29</v>
      </c>
      <c r="AI30560">
        <v>29</v>
      </c>
      <c r="AJ30560">
        <v>29</v>
      </c>
      <c r="AK30560">
        <v>29</v>
      </c>
      <c r="AL30560">
        <v>29</v>
      </c>
      <c r="AM30560">
        <v>29</v>
      </c>
      <c r="AN30560">
        <v>29</v>
      </c>
      <c r="AO30560">
        <v>29</v>
      </c>
      <c r="AP30560">
        <v>30</v>
      </c>
      <c r="AQ30560">
        <v>30</v>
      </c>
    </row>
    <row r="30561" spans="1:43">
      <c r="A30561" t="s">
        <v>18933</v>
      </c>
      <c r="B30561" t="s">
        <v>18934</v>
      </c>
      <c r="C30561" t="s">
        <v>18849</v>
      </c>
      <c r="D30561" t="s">
        <v>18850</v>
      </c>
      <c r="E30561" t="s">
        <v>18845</v>
      </c>
      <c r="F30561" t="s">
        <v>18846</v>
      </c>
      <c r="G30561" t="s">
        <v>10734</v>
      </c>
      <c r="H30561" t="s">
        <v>10735</v>
      </c>
      <c r="I30561" s="2">
        <v>0</v>
      </c>
      <c r="J30561" s="2">
        <v>0</v>
      </c>
      <c r="K30561" s="2">
        <v>1</v>
      </c>
      <c r="L30561" t="s">
        <v>995</v>
      </c>
      <c r="M30561" t="s">
        <v>83</v>
      </c>
      <c r="N30561" t="s">
        <v>91</v>
      </c>
      <c r="O30561" t="s">
        <v>85</v>
      </c>
      <c r="P30561" t="s">
        <v>86</v>
      </c>
      <c r="Q30561">
        <v>22</v>
      </c>
      <c r="R30561">
        <v>22</v>
      </c>
      <c r="S30561">
        <v>23</v>
      </c>
      <c r="T30561">
        <v>23</v>
      </c>
      <c r="U30561">
        <v>23</v>
      </c>
      <c r="V30561">
        <v>24</v>
      </c>
      <c r="W30561">
        <v>24</v>
      </c>
      <c r="X30561">
        <v>24</v>
      </c>
      <c r="Y30561">
        <v>25</v>
      </c>
      <c r="Z30561">
        <v>25</v>
      </c>
      <c r="AA30561">
        <v>25</v>
      </c>
      <c r="AB30561">
        <v>26</v>
      </c>
      <c r="AC30561">
        <v>26</v>
      </c>
      <c r="AD30561">
        <v>26</v>
      </c>
      <c r="AE30561">
        <v>27</v>
      </c>
      <c r="AF30561">
        <v>27</v>
      </c>
      <c r="AG30561">
        <v>27</v>
      </c>
      <c r="AH30561">
        <v>28</v>
      </c>
      <c r="AI30561">
        <v>28</v>
      </c>
      <c r="AJ30561">
        <v>28</v>
      </c>
      <c r="AK30561">
        <v>29</v>
      </c>
      <c r="AL30561">
        <v>29</v>
      </c>
      <c r="AM30561">
        <v>29</v>
      </c>
      <c r="AN30561">
        <v>29</v>
      </c>
      <c r="AO30561">
        <v>29</v>
      </c>
      <c r="AP30561">
        <v>29</v>
      </c>
      <c r="AQ30561">
        <v>29</v>
      </c>
    </row>
    <row r="30562" spans="1:43">
      <c r="A30562" t="s">
        <v>18935</v>
      </c>
      <c r="B30562" t="s">
        <v>18936</v>
      </c>
      <c r="C30562" t="s">
        <v>18843</v>
      </c>
      <c r="D30562" t="s">
        <v>18844</v>
      </c>
      <c r="E30562" t="s">
        <v>18845</v>
      </c>
      <c r="F30562" t="s">
        <v>18846</v>
      </c>
      <c r="G30562" t="s">
        <v>10734</v>
      </c>
      <c r="H30562" t="s">
        <v>10735</v>
      </c>
      <c r="I30562" s="2">
        <v>0</v>
      </c>
      <c r="J30562" s="2">
        <v>0</v>
      </c>
      <c r="K30562" s="2">
        <v>1</v>
      </c>
      <c r="L30562" t="s">
        <v>995</v>
      </c>
      <c r="M30562" t="s">
        <v>83</v>
      </c>
      <c r="N30562" t="s">
        <v>84</v>
      </c>
      <c r="O30562" t="s">
        <v>85</v>
      </c>
      <c r="P30562" t="s">
        <v>86</v>
      </c>
      <c r="Q30562">
        <v>170</v>
      </c>
      <c r="R30562">
        <v>172</v>
      </c>
      <c r="S30562">
        <v>175</v>
      </c>
      <c r="T30562">
        <v>177</v>
      </c>
      <c r="U30562">
        <v>180</v>
      </c>
      <c r="V30562">
        <v>182</v>
      </c>
      <c r="W30562">
        <v>184</v>
      </c>
      <c r="X30562">
        <v>187</v>
      </c>
      <c r="Y30562">
        <v>189</v>
      </c>
      <c r="Z30562">
        <v>192</v>
      </c>
      <c r="AA30562">
        <v>194</v>
      </c>
      <c r="AB30562">
        <v>197</v>
      </c>
      <c r="AC30562">
        <v>199</v>
      </c>
      <c r="AD30562">
        <v>202</v>
      </c>
      <c r="AE30562">
        <v>204</v>
      </c>
      <c r="AF30562">
        <v>207</v>
      </c>
      <c r="AG30562">
        <v>209</v>
      </c>
      <c r="AH30562">
        <v>212</v>
      </c>
      <c r="AI30562">
        <v>215</v>
      </c>
      <c r="AJ30562">
        <v>217</v>
      </c>
      <c r="AK30562">
        <v>220</v>
      </c>
      <c r="AL30562">
        <v>221</v>
      </c>
      <c r="AM30562">
        <v>222</v>
      </c>
      <c r="AN30562">
        <v>223</v>
      </c>
      <c r="AO30562">
        <v>224</v>
      </c>
      <c r="AP30562">
        <v>225</v>
      </c>
      <c r="AQ30562">
        <v>226</v>
      </c>
    </row>
    <row r="30563" spans="1:43">
      <c r="A30563" t="s">
        <v>18935</v>
      </c>
      <c r="B30563" t="s">
        <v>18936</v>
      </c>
      <c r="C30563" t="s">
        <v>18843</v>
      </c>
      <c r="D30563" t="s">
        <v>18844</v>
      </c>
      <c r="E30563" t="s">
        <v>18845</v>
      </c>
      <c r="F30563" t="s">
        <v>18846</v>
      </c>
      <c r="G30563" t="s">
        <v>10734</v>
      </c>
      <c r="H30563" t="s">
        <v>10735</v>
      </c>
      <c r="I30563" s="2">
        <v>0</v>
      </c>
      <c r="J30563" s="2">
        <v>0</v>
      </c>
      <c r="K30563" s="2">
        <v>1</v>
      </c>
      <c r="L30563" t="s">
        <v>995</v>
      </c>
      <c r="M30563" t="s">
        <v>87</v>
      </c>
      <c r="N30563" t="s">
        <v>88</v>
      </c>
      <c r="O30563" t="s">
        <v>85</v>
      </c>
      <c r="P30563" t="s">
        <v>86</v>
      </c>
      <c r="Q30563">
        <v>170</v>
      </c>
      <c r="R30563">
        <v>171</v>
      </c>
      <c r="S30563">
        <v>172</v>
      </c>
      <c r="T30563">
        <v>173</v>
      </c>
      <c r="U30563">
        <v>174</v>
      </c>
      <c r="V30563">
        <v>174</v>
      </c>
      <c r="W30563">
        <v>175</v>
      </c>
      <c r="X30563">
        <v>176</v>
      </c>
      <c r="Y30563">
        <v>177</v>
      </c>
      <c r="Z30563">
        <v>178</v>
      </c>
      <c r="AA30563">
        <v>179</v>
      </c>
      <c r="AB30563">
        <v>180</v>
      </c>
      <c r="AC30563">
        <v>181</v>
      </c>
      <c r="AD30563">
        <v>182</v>
      </c>
      <c r="AE30563">
        <v>183</v>
      </c>
      <c r="AF30563">
        <v>184</v>
      </c>
      <c r="AG30563">
        <v>186</v>
      </c>
      <c r="AH30563">
        <v>187</v>
      </c>
      <c r="AI30563">
        <v>188</v>
      </c>
      <c r="AJ30563">
        <v>189</v>
      </c>
      <c r="AK30563">
        <v>191</v>
      </c>
      <c r="AL30563">
        <v>192</v>
      </c>
      <c r="AM30563">
        <v>193</v>
      </c>
      <c r="AN30563">
        <v>195</v>
      </c>
      <c r="AO30563">
        <v>196</v>
      </c>
      <c r="AP30563">
        <v>197</v>
      </c>
      <c r="AQ30563">
        <v>199</v>
      </c>
    </row>
    <row r="30564" spans="1:43">
      <c r="A30564" t="s">
        <v>18935</v>
      </c>
      <c r="B30564" t="s">
        <v>18936</v>
      </c>
      <c r="C30564" t="s">
        <v>18843</v>
      </c>
      <c r="D30564" t="s">
        <v>18844</v>
      </c>
      <c r="E30564" t="s">
        <v>18845</v>
      </c>
      <c r="F30564" t="s">
        <v>18846</v>
      </c>
      <c r="G30564" t="s">
        <v>10734</v>
      </c>
      <c r="H30564" t="s">
        <v>10735</v>
      </c>
      <c r="I30564" s="2">
        <v>0</v>
      </c>
      <c r="J30564" s="2">
        <v>0</v>
      </c>
      <c r="K30564" s="2">
        <v>1</v>
      </c>
      <c r="L30564" t="s">
        <v>995</v>
      </c>
      <c r="M30564" t="s">
        <v>89</v>
      </c>
      <c r="N30564" t="s">
        <v>90</v>
      </c>
      <c r="O30564" t="s">
        <v>85</v>
      </c>
      <c r="P30564" t="s">
        <v>86</v>
      </c>
      <c r="Q30564">
        <v>170</v>
      </c>
      <c r="R30564">
        <v>174</v>
      </c>
      <c r="S30564">
        <v>178</v>
      </c>
      <c r="T30564">
        <v>182</v>
      </c>
      <c r="U30564">
        <v>186</v>
      </c>
      <c r="V30564">
        <v>189</v>
      </c>
      <c r="W30564">
        <v>193</v>
      </c>
      <c r="X30564">
        <v>196</v>
      </c>
      <c r="Y30564">
        <v>199</v>
      </c>
      <c r="Z30564">
        <v>202</v>
      </c>
      <c r="AA30564">
        <v>206</v>
      </c>
      <c r="AB30564">
        <v>209</v>
      </c>
      <c r="AC30564">
        <v>212</v>
      </c>
      <c r="AD30564">
        <v>215</v>
      </c>
      <c r="AE30564">
        <v>217</v>
      </c>
      <c r="AF30564">
        <v>218</v>
      </c>
      <c r="AG30564">
        <v>219</v>
      </c>
      <c r="AH30564">
        <v>220</v>
      </c>
      <c r="AI30564">
        <v>221</v>
      </c>
      <c r="AJ30564">
        <v>221</v>
      </c>
      <c r="AK30564">
        <v>222</v>
      </c>
      <c r="AL30564">
        <v>223</v>
      </c>
      <c r="AM30564">
        <v>224</v>
      </c>
      <c r="AN30564">
        <v>225</v>
      </c>
      <c r="AO30564">
        <v>226</v>
      </c>
      <c r="AP30564">
        <v>227</v>
      </c>
      <c r="AQ30564">
        <v>228</v>
      </c>
    </row>
    <row r="30565" spans="1:43">
      <c r="A30565" t="s">
        <v>18935</v>
      </c>
      <c r="B30565" t="s">
        <v>18936</v>
      </c>
      <c r="C30565" t="s">
        <v>18843</v>
      </c>
      <c r="D30565" t="s">
        <v>18844</v>
      </c>
      <c r="E30565" t="s">
        <v>18845</v>
      </c>
      <c r="F30565" t="s">
        <v>18846</v>
      </c>
      <c r="G30565" t="s">
        <v>10734</v>
      </c>
      <c r="H30565" t="s">
        <v>10735</v>
      </c>
      <c r="I30565" s="2">
        <v>0</v>
      </c>
      <c r="J30565" s="2">
        <v>0</v>
      </c>
      <c r="K30565" s="2">
        <v>1</v>
      </c>
      <c r="L30565" t="s">
        <v>995</v>
      </c>
      <c r="M30565" t="s">
        <v>83</v>
      </c>
      <c r="N30565" t="s">
        <v>91</v>
      </c>
      <c r="O30565" t="s">
        <v>85</v>
      </c>
      <c r="P30565" t="s">
        <v>86</v>
      </c>
      <c r="Q30565">
        <v>170</v>
      </c>
      <c r="R30565">
        <v>172</v>
      </c>
      <c r="S30565">
        <v>175</v>
      </c>
      <c r="T30565">
        <v>177</v>
      </c>
      <c r="U30565">
        <v>180</v>
      </c>
      <c r="V30565">
        <v>182</v>
      </c>
      <c r="W30565">
        <v>184</v>
      </c>
      <c r="X30565">
        <v>187</v>
      </c>
      <c r="Y30565">
        <v>189</v>
      </c>
      <c r="Z30565">
        <v>192</v>
      </c>
      <c r="AA30565">
        <v>194</v>
      </c>
      <c r="AB30565">
        <v>197</v>
      </c>
      <c r="AC30565">
        <v>199</v>
      </c>
      <c r="AD30565">
        <v>202</v>
      </c>
      <c r="AE30565">
        <v>204</v>
      </c>
      <c r="AF30565">
        <v>207</v>
      </c>
      <c r="AG30565">
        <v>209</v>
      </c>
      <c r="AH30565">
        <v>212</v>
      </c>
      <c r="AI30565">
        <v>215</v>
      </c>
      <c r="AJ30565">
        <v>217</v>
      </c>
      <c r="AK30565">
        <v>220</v>
      </c>
      <c r="AL30565">
        <v>221</v>
      </c>
      <c r="AM30565">
        <v>222</v>
      </c>
      <c r="AN30565">
        <v>223</v>
      </c>
      <c r="AO30565">
        <v>224</v>
      </c>
      <c r="AP30565">
        <v>225</v>
      </c>
      <c r="AQ30565">
        <v>226</v>
      </c>
    </row>
    <row r="30566" spans="1:43">
      <c r="A30566" t="s">
        <v>18937</v>
      </c>
      <c r="B30566" t="s">
        <v>18938</v>
      </c>
      <c r="C30566" t="s">
        <v>18849</v>
      </c>
      <c r="D30566" t="s">
        <v>18850</v>
      </c>
      <c r="E30566" t="s">
        <v>18845</v>
      </c>
      <c r="F30566" t="s">
        <v>18846</v>
      </c>
      <c r="G30566" t="s">
        <v>10734</v>
      </c>
      <c r="H30566" t="s">
        <v>10735</v>
      </c>
      <c r="I30566" s="2">
        <v>0</v>
      </c>
      <c r="J30566" s="2">
        <v>0</v>
      </c>
      <c r="K30566" s="2">
        <v>1</v>
      </c>
      <c r="L30566" t="s">
        <v>995</v>
      </c>
      <c r="M30566" t="s">
        <v>83</v>
      </c>
      <c r="N30566" t="s">
        <v>84</v>
      </c>
      <c r="O30566" t="s">
        <v>85</v>
      </c>
      <c r="P30566" t="s">
        <v>86</v>
      </c>
      <c r="Q30566">
        <v>24</v>
      </c>
      <c r="R30566">
        <v>25</v>
      </c>
      <c r="S30566">
        <v>25</v>
      </c>
      <c r="T30566">
        <v>25</v>
      </c>
      <c r="U30566">
        <v>26</v>
      </c>
      <c r="V30566">
        <v>26</v>
      </c>
      <c r="W30566">
        <v>26</v>
      </c>
      <c r="X30566">
        <v>27</v>
      </c>
      <c r="Y30566">
        <v>27</v>
      </c>
      <c r="Z30566">
        <v>27</v>
      </c>
      <c r="AA30566">
        <v>28</v>
      </c>
      <c r="AB30566">
        <v>28</v>
      </c>
      <c r="AC30566">
        <v>28</v>
      </c>
      <c r="AD30566">
        <v>29</v>
      </c>
      <c r="AE30566">
        <v>29</v>
      </c>
      <c r="AF30566">
        <v>29</v>
      </c>
      <c r="AG30566">
        <v>30</v>
      </c>
      <c r="AH30566">
        <v>30</v>
      </c>
      <c r="AI30566">
        <v>31</v>
      </c>
      <c r="AJ30566">
        <v>31</v>
      </c>
      <c r="AK30566">
        <v>31</v>
      </c>
      <c r="AL30566">
        <v>31</v>
      </c>
      <c r="AM30566">
        <v>32</v>
      </c>
      <c r="AN30566">
        <v>32</v>
      </c>
      <c r="AO30566">
        <v>32</v>
      </c>
      <c r="AP30566">
        <v>32</v>
      </c>
      <c r="AQ30566">
        <v>32</v>
      </c>
    </row>
    <row r="30567" spans="1:43">
      <c r="A30567" t="s">
        <v>18937</v>
      </c>
      <c r="B30567" t="s">
        <v>18938</v>
      </c>
      <c r="C30567" t="s">
        <v>18849</v>
      </c>
      <c r="D30567" t="s">
        <v>18850</v>
      </c>
      <c r="E30567" t="s">
        <v>18845</v>
      </c>
      <c r="F30567" t="s">
        <v>18846</v>
      </c>
      <c r="G30567" t="s">
        <v>10734</v>
      </c>
      <c r="H30567" t="s">
        <v>10735</v>
      </c>
      <c r="I30567" s="2">
        <v>0</v>
      </c>
      <c r="J30567" s="2">
        <v>0</v>
      </c>
      <c r="K30567" s="2">
        <v>1</v>
      </c>
      <c r="L30567" t="s">
        <v>995</v>
      </c>
      <c r="M30567" t="s">
        <v>87</v>
      </c>
      <c r="N30567" t="s">
        <v>88</v>
      </c>
      <c r="O30567" t="s">
        <v>85</v>
      </c>
      <c r="P30567" t="s">
        <v>86</v>
      </c>
      <c r="Q30567">
        <v>24</v>
      </c>
      <c r="R30567">
        <v>24</v>
      </c>
      <c r="S30567">
        <v>24</v>
      </c>
      <c r="T30567">
        <v>24</v>
      </c>
      <c r="U30567">
        <v>24</v>
      </c>
      <c r="V30567">
        <v>25</v>
      </c>
      <c r="W30567">
        <v>25</v>
      </c>
      <c r="X30567">
        <v>25</v>
      </c>
      <c r="Y30567">
        <v>25</v>
      </c>
      <c r="Z30567">
        <v>25</v>
      </c>
      <c r="AA30567">
        <v>25</v>
      </c>
      <c r="AB30567">
        <v>25</v>
      </c>
      <c r="AC30567">
        <v>25</v>
      </c>
      <c r="AD30567">
        <v>26</v>
      </c>
      <c r="AE30567">
        <v>26</v>
      </c>
      <c r="AF30567">
        <v>26</v>
      </c>
      <c r="AG30567">
        <v>26</v>
      </c>
      <c r="AH30567">
        <v>26</v>
      </c>
      <c r="AI30567">
        <v>26</v>
      </c>
      <c r="AJ30567">
        <v>27</v>
      </c>
      <c r="AK30567">
        <v>27</v>
      </c>
      <c r="AL30567">
        <v>27</v>
      </c>
      <c r="AM30567">
        <v>27</v>
      </c>
      <c r="AN30567">
        <v>27</v>
      </c>
      <c r="AO30567">
        <v>28</v>
      </c>
      <c r="AP30567">
        <v>28</v>
      </c>
      <c r="AQ30567">
        <v>28</v>
      </c>
    </row>
    <row r="30568" spans="1:43">
      <c r="A30568" t="s">
        <v>18937</v>
      </c>
      <c r="B30568" t="s">
        <v>18938</v>
      </c>
      <c r="C30568" t="s">
        <v>18849</v>
      </c>
      <c r="D30568" t="s">
        <v>18850</v>
      </c>
      <c r="E30568" t="s">
        <v>18845</v>
      </c>
      <c r="F30568" t="s">
        <v>18846</v>
      </c>
      <c r="G30568" t="s">
        <v>10734</v>
      </c>
      <c r="H30568" t="s">
        <v>10735</v>
      </c>
      <c r="I30568" s="2">
        <v>0</v>
      </c>
      <c r="J30568" s="2">
        <v>0</v>
      </c>
      <c r="K30568" s="2">
        <v>1</v>
      </c>
      <c r="L30568" t="s">
        <v>995</v>
      </c>
      <c r="M30568" t="s">
        <v>89</v>
      </c>
      <c r="N30568" t="s">
        <v>90</v>
      </c>
      <c r="O30568" t="s">
        <v>85</v>
      </c>
      <c r="P30568" t="s">
        <v>86</v>
      </c>
      <c r="Q30568">
        <v>24</v>
      </c>
      <c r="R30568">
        <v>25</v>
      </c>
      <c r="S30568">
        <v>26</v>
      </c>
      <c r="T30568">
        <v>26</v>
      </c>
      <c r="U30568">
        <v>27</v>
      </c>
      <c r="V30568">
        <v>27</v>
      </c>
      <c r="W30568">
        <v>28</v>
      </c>
      <c r="X30568">
        <v>28</v>
      </c>
      <c r="Y30568">
        <v>29</v>
      </c>
      <c r="Z30568">
        <v>29</v>
      </c>
      <c r="AA30568">
        <v>29</v>
      </c>
      <c r="AB30568">
        <v>30</v>
      </c>
      <c r="AC30568">
        <v>30</v>
      </c>
      <c r="AD30568">
        <v>31</v>
      </c>
      <c r="AE30568">
        <v>31</v>
      </c>
      <c r="AF30568">
        <v>31</v>
      </c>
      <c r="AG30568">
        <v>31</v>
      </c>
      <c r="AH30568">
        <v>31</v>
      </c>
      <c r="AI30568">
        <v>31</v>
      </c>
      <c r="AJ30568">
        <v>32</v>
      </c>
      <c r="AK30568">
        <v>32</v>
      </c>
      <c r="AL30568">
        <v>32</v>
      </c>
      <c r="AM30568">
        <v>32</v>
      </c>
      <c r="AN30568">
        <v>32</v>
      </c>
      <c r="AO30568">
        <v>32</v>
      </c>
      <c r="AP30568">
        <v>32</v>
      </c>
      <c r="AQ30568">
        <v>32</v>
      </c>
    </row>
    <row r="30569" spans="1:43">
      <c r="A30569" t="s">
        <v>18937</v>
      </c>
      <c r="B30569" t="s">
        <v>18938</v>
      </c>
      <c r="C30569" t="s">
        <v>18849</v>
      </c>
      <c r="D30569" t="s">
        <v>18850</v>
      </c>
      <c r="E30569" t="s">
        <v>18845</v>
      </c>
      <c r="F30569" t="s">
        <v>18846</v>
      </c>
      <c r="G30569" t="s">
        <v>10734</v>
      </c>
      <c r="H30569" t="s">
        <v>10735</v>
      </c>
      <c r="I30569" s="2">
        <v>0</v>
      </c>
      <c r="J30569" s="2">
        <v>0</v>
      </c>
      <c r="K30569" s="2">
        <v>1</v>
      </c>
      <c r="L30569" t="s">
        <v>995</v>
      </c>
      <c r="M30569" t="s">
        <v>83</v>
      </c>
      <c r="N30569" t="s">
        <v>91</v>
      </c>
      <c r="O30569" t="s">
        <v>85</v>
      </c>
      <c r="P30569" t="s">
        <v>86</v>
      </c>
      <c r="Q30569">
        <v>24</v>
      </c>
      <c r="R30569">
        <v>25</v>
      </c>
      <c r="S30569">
        <v>25</v>
      </c>
      <c r="T30569">
        <v>25</v>
      </c>
      <c r="U30569">
        <v>26</v>
      </c>
      <c r="V30569">
        <v>26</v>
      </c>
      <c r="W30569">
        <v>26</v>
      </c>
      <c r="X30569">
        <v>27</v>
      </c>
      <c r="Y30569">
        <v>27</v>
      </c>
      <c r="Z30569">
        <v>27</v>
      </c>
      <c r="AA30569">
        <v>28</v>
      </c>
      <c r="AB30569">
        <v>28</v>
      </c>
      <c r="AC30569">
        <v>28</v>
      </c>
      <c r="AD30569">
        <v>29</v>
      </c>
      <c r="AE30569">
        <v>29</v>
      </c>
      <c r="AF30569">
        <v>29</v>
      </c>
      <c r="AG30569">
        <v>30</v>
      </c>
      <c r="AH30569">
        <v>30</v>
      </c>
      <c r="AI30569">
        <v>31</v>
      </c>
      <c r="AJ30569">
        <v>31</v>
      </c>
      <c r="AK30569">
        <v>31</v>
      </c>
      <c r="AL30569">
        <v>31</v>
      </c>
      <c r="AM30569">
        <v>32</v>
      </c>
      <c r="AN30569">
        <v>32</v>
      </c>
      <c r="AO30569">
        <v>32</v>
      </c>
      <c r="AP30569">
        <v>32</v>
      </c>
      <c r="AQ30569">
        <v>32</v>
      </c>
    </row>
    <row r="30570" spans="1:43">
      <c r="A30570" t="s">
        <v>18939</v>
      </c>
      <c r="B30570" t="s">
        <v>18940</v>
      </c>
      <c r="C30570" t="s">
        <v>18941</v>
      </c>
      <c r="D30570" t="s">
        <v>18942</v>
      </c>
      <c r="E30570" t="s">
        <v>18845</v>
      </c>
      <c r="F30570" t="s">
        <v>18846</v>
      </c>
      <c r="G30570" t="s">
        <v>10734</v>
      </c>
      <c r="H30570" t="s">
        <v>10735</v>
      </c>
      <c r="I30570" s="2">
        <v>0</v>
      </c>
      <c r="J30570" s="2">
        <v>0</v>
      </c>
      <c r="K30570" s="2">
        <v>1</v>
      </c>
      <c r="L30570" t="s">
        <v>995</v>
      </c>
      <c r="M30570" t="s">
        <v>83</v>
      </c>
      <c r="N30570" t="s">
        <v>84</v>
      </c>
      <c r="O30570" t="s">
        <v>85</v>
      </c>
      <c r="P30570" t="s">
        <v>86</v>
      </c>
      <c r="Q30570">
        <v>21</v>
      </c>
      <c r="R30570">
        <v>21</v>
      </c>
      <c r="S30570">
        <v>21</v>
      </c>
      <c r="T30570">
        <v>21</v>
      </c>
      <c r="U30570">
        <v>22</v>
      </c>
      <c r="V30570">
        <v>22</v>
      </c>
      <c r="W30570">
        <v>22</v>
      </c>
      <c r="X30570">
        <v>23</v>
      </c>
      <c r="Y30570">
        <v>23</v>
      </c>
      <c r="Z30570">
        <v>23</v>
      </c>
      <c r="AA30570">
        <v>23</v>
      </c>
      <c r="AB30570">
        <v>24</v>
      </c>
      <c r="AC30570">
        <v>24</v>
      </c>
      <c r="AD30570">
        <v>24</v>
      </c>
      <c r="AE30570">
        <v>24</v>
      </c>
      <c r="AF30570">
        <v>25</v>
      </c>
      <c r="AG30570">
        <v>25</v>
      </c>
      <c r="AH30570">
        <v>25</v>
      </c>
      <c r="AI30570">
        <v>26</v>
      </c>
      <c r="AJ30570">
        <v>26</v>
      </c>
      <c r="AK30570">
        <v>26</v>
      </c>
      <c r="AL30570">
        <v>26</v>
      </c>
      <c r="AM30570">
        <v>26</v>
      </c>
      <c r="AN30570">
        <v>26</v>
      </c>
      <c r="AO30570">
        <v>26</v>
      </c>
      <c r="AP30570">
        <v>26</v>
      </c>
      <c r="AQ30570">
        <v>27</v>
      </c>
    </row>
    <row r="30571" spans="1:43">
      <c r="A30571" t="s">
        <v>18939</v>
      </c>
      <c r="B30571" t="s">
        <v>18940</v>
      </c>
      <c r="C30571" t="s">
        <v>18941</v>
      </c>
      <c r="D30571" t="s">
        <v>18942</v>
      </c>
      <c r="E30571" t="s">
        <v>18845</v>
      </c>
      <c r="F30571" t="s">
        <v>18846</v>
      </c>
      <c r="G30571" t="s">
        <v>10734</v>
      </c>
      <c r="H30571" t="s">
        <v>10735</v>
      </c>
      <c r="I30571" s="2">
        <v>0</v>
      </c>
      <c r="J30571" s="2">
        <v>0</v>
      </c>
      <c r="K30571" s="2">
        <v>1</v>
      </c>
      <c r="L30571" t="s">
        <v>995</v>
      </c>
      <c r="M30571" t="s">
        <v>87</v>
      </c>
      <c r="N30571" t="s">
        <v>88</v>
      </c>
      <c r="O30571" t="s">
        <v>85</v>
      </c>
      <c r="P30571" t="s">
        <v>86</v>
      </c>
      <c r="Q30571">
        <v>21</v>
      </c>
      <c r="R30571">
        <v>22</v>
      </c>
      <c r="S30571">
        <v>22</v>
      </c>
      <c r="T30571">
        <v>22</v>
      </c>
      <c r="U30571">
        <v>22</v>
      </c>
      <c r="V30571">
        <v>22</v>
      </c>
      <c r="W30571">
        <v>22</v>
      </c>
      <c r="X30571">
        <v>22</v>
      </c>
      <c r="Y30571">
        <v>22</v>
      </c>
      <c r="Z30571">
        <v>22</v>
      </c>
      <c r="AA30571">
        <v>22</v>
      </c>
      <c r="AB30571">
        <v>22</v>
      </c>
      <c r="AC30571">
        <v>22</v>
      </c>
      <c r="AD30571">
        <v>23</v>
      </c>
      <c r="AE30571">
        <v>23</v>
      </c>
      <c r="AF30571">
        <v>23</v>
      </c>
      <c r="AG30571">
        <v>23</v>
      </c>
      <c r="AH30571">
        <v>23</v>
      </c>
      <c r="AI30571">
        <v>23</v>
      </c>
      <c r="AJ30571">
        <v>23</v>
      </c>
      <c r="AK30571">
        <v>23</v>
      </c>
      <c r="AL30571">
        <v>23</v>
      </c>
      <c r="AM30571">
        <v>24</v>
      </c>
      <c r="AN30571">
        <v>24</v>
      </c>
      <c r="AO30571">
        <v>24</v>
      </c>
      <c r="AP30571">
        <v>24</v>
      </c>
      <c r="AQ30571">
        <v>24</v>
      </c>
    </row>
    <row r="30572" spans="1:43">
      <c r="A30572" t="s">
        <v>18939</v>
      </c>
      <c r="B30572" t="s">
        <v>18940</v>
      </c>
      <c r="C30572" t="s">
        <v>18941</v>
      </c>
      <c r="D30572" t="s">
        <v>18942</v>
      </c>
      <c r="E30572" t="s">
        <v>18845</v>
      </c>
      <c r="F30572" t="s">
        <v>18846</v>
      </c>
      <c r="G30572" t="s">
        <v>10734</v>
      </c>
      <c r="H30572" t="s">
        <v>10735</v>
      </c>
      <c r="I30572" s="2">
        <v>0</v>
      </c>
      <c r="J30572" s="2">
        <v>0</v>
      </c>
      <c r="K30572" s="2">
        <v>1</v>
      </c>
      <c r="L30572" t="s">
        <v>995</v>
      </c>
      <c r="M30572" t="s">
        <v>89</v>
      </c>
      <c r="N30572" t="s">
        <v>90</v>
      </c>
      <c r="O30572" t="s">
        <v>85</v>
      </c>
      <c r="P30572" t="s">
        <v>86</v>
      </c>
      <c r="Q30572">
        <v>21</v>
      </c>
      <c r="R30572">
        <v>21</v>
      </c>
      <c r="S30572">
        <v>22</v>
      </c>
      <c r="T30572">
        <v>22</v>
      </c>
      <c r="U30572">
        <v>23</v>
      </c>
      <c r="V30572">
        <v>23</v>
      </c>
      <c r="W30572">
        <v>23</v>
      </c>
      <c r="X30572">
        <v>24</v>
      </c>
      <c r="Y30572">
        <v>24</v>
      </c>
      <c r="Z30572">
        <v>24</v>
      </c>
      <c r="AA30572">
        <v>25</v>
      </c>
      <c r="AB30572">
        <v>25</v>
      </c>
      <c r="AC30572">
        <v>26</v>
      </c>
      <c r="AD30572">
        <v>26</v>
      </c>
      <c r="AE30572">
        <v>26</v>
      </c>
      <c r="AF30572">
        <v>26</v>
      </c>
      <c r="AG30572">
        <v>26</v>
      </c>
      <c r="AH30572">
        <v>26</v>
      </c>
      <c r="AI30572">
        <v>26</v>
      </c>
      <c r="AJ30572">
        <v>26</v>
      </c>
      <c r="AK30572">
        <v>26</v>
      </c>
      <c r="AL30572">
        <v>26</v>
      </c>
      <c r="AM30572">
        <v>26</v>
      </c>
      <c r="AN30572">
        <v>27</v>
      </c>
      <c r="AO30572">
        <v>27</v>
      </c>
      <c r="AP30572">
        <v>27</v>
      </c>
      <c r="AQ30572">
        <v>27</v>
      </c>
    </row>
    <row r="30573" spans="1:43">
      <c r="A30573" t="s">
        <v>18939</v>
      </c>
      <c r="B30573" t="s">
        <v>18940</v>
      </c>
      <c r="C30573" t="s">
        <v>18941</v>
      </c>
      <c r="D30573" t="s">
        <v>18942</v>
      </c>
      <c r="E30573" t="s">
        <v>18845</v>
      </c>
      <c r="F30573" t="s">
        <v>18846</v>
      </c>
      <c r="G30573" t="s">
        <v>10734</v>
      </c>
      <c r="H30573" t="s">
        <v>10735</v>
      </c>
      <c r="I30573" s="2">
        <v>0</v>
      </c>
      <c r="J30573" s="2">
        <v>0</v>
      </c>
      <c r="K30573" s="2">
        <v>1</v>
      </c>
      <c r="L30573" t="s">
        <v>995</v>
      </c>
      <c r="M30573" t="s">
        <v>83</v>
      </c>
      <c r="N30573" t="s">
        <v>91</v>
      </c>
      <c r="O30573" t="s">
        <v>85</v>
      </c>
      <c r="P30573" t="s">
        <v>86</v>
      </c>
      <c r="Q30573">
        <v>21</v>
      </c>
      <c r="R30573">
        <v>21</v>
      </c>
      <c r="S30573">
        <v>21</v>
      </c>
      <c r="T30573">
        <v>21</v>
      </c>
      <c r="U30573">
        <v>22</v>
      </c>
      <c r="V30573">
        <v>22</v>
      </c>
      <c r="W30573">
        <v>22</v>
      </c>
      <c r="X30573">
        <v>23</v>
      </c>
      <c r="Y30573">
        <v>23</v>
      </c>
      <c r="Z30573">
        <v>23</v>
      </c>
      <c r="AA30573">
        <v>23</v>
      </c>
      <c r="AB30573">
        <v>24</v>
      </c>
      <c r="AC30573">
        <v>24</v>
      </c>
      <c r="AD30573">
        <v>24</v>
      </c>
      <c r="AE30573">
        <v>24</v>
      </c>
      <c r="AF30573">
        <v>25</v>
      </c>
      <c r="AG30573">
        <v>25</v>
      </c>
      <c r="AH30573">
        <v>25</v>
      </c>
      <c r="AI30573">
        <v>26</v>
      </c>
      <c r="AJ30573">
        <v>26</v>
      </c>
      <c r="AK30573">
        <v>26</v>
      </c>
      <c r="AL30573">
        <v>26</v>
      </c>
      <c r="AM30573">
        <v>26</v>
      </c>
      <c r="AN30573">
        <v>26</v>
      </c>
      <c r="AO30573">
        <v>26</v>
      </c>
      <c r="AP30573">
        <v>26</v>
      </c>
      <c r="AQ30573">
        <v>27</v>
      </c>
    </row>
    <row r="30574" spans="1:43">
      <c r="A30574" t="s">
        <v>18943</v>
      </c>
      <c r="B30574" t="s">
        <v>18944</v>
      </c>
      <c r="C30574" t="s">
        <v>18941</v>
      </c>
      <c r="D30574" t="s">
        <v>18942</v>
      </c>
      <c r="E30574" t="s">
        <v>18845</v>
      </c>
      <c r="F30574" t="s">
        <v>18846</v>
      </c>
      <c r="G30574" t="s">
        <v>10734</v>
      </c>
      <c r="H30574" t="s">
        <v>10735</v>
      </c>
      <c r="I30574" s="2">
        <v>0</v>
      </c>
      <c r="J30574" s="2">
        <v>0</v>
      </c>
      <c r="K30574" s="2">
        <v>1</v>
      </c>
      <c r="L30574" t="s">
        <v>995</v>
      </c>
      <c r="M30574" t="s">
        <v>83</v>
      </c>
      <c r="N30574" t="s">
        <v>84</v>
      </c>
      <c r="O30574" t="s">
        <v>85</v>
      </c>
      <c r="P30574" t="s">
        <v>86</v>
      </c>
      <c r="Q30574">
        <v>6</v>
      </c>
      <c r="R30574">
        <v>6</v>
      </c>
      <c r="S30574">
        <v>6</v>
      </c>
      <c r="T30574">
        <v>6</v>
      </c>
      <c r="U30574">
        <v>6</v>
      </c>
      <c r="V30574">
        <v>6</v>
      </c>
      <c r="W30574">
        <v>6</v>
      </c>
      <c r="X30574">
        <v>6</v>
      </c>
      <c r="Y30574">
        <v>6</v>
      </c>
      <c r="Z30574">
        <v>6</v>
      </c>
      <c r="AA30574">
        <v>6</v>
      </c>
      <c r="AB30574">
        <v>7</v>
      </c>
      <c r="AC30574">
        <v>7</v>
      </c>
      <c r="AD30574">
        <v>7</v>
      </c>
      <c r="AE30574">
        <v>7</v>
      </c>
      <c r="AF30574">
        <v>7</v>
      </c>
      <c r="AG30574">
        <v>7</v>
      </c>
      <c r="AH30574">
        <v>7</v>
      </c>
      <c r="AI30574">
        <v>7</v>
      </c>
      <c r="AJ30574">
        <v>7</v>
      </c>
      <c r="AK30574">
        <v>7</v>
      </c>
      <c r="AL30574">
        <v>7</v>
      </c>
      <c r="AM30574">
        <v>7</v>
      </c>
      <c r="AN30574">
        <v>7</v>
      </c>
      <c r="AO30574">
        <v>7</v>
      </c>
      <c r="AP30574">
        <v>7</v>
      </c>
      <c r="AQ30574">
        <v>7</v>
      </c>
    </row>
    <row r="30575" spans="1:43">
      <c r="A30575" t="s">
        <v>18943</v>
      </c>
      <c r="B30575" t="s">
        <v>18944</v>
      </c>
      <c r="C30575" t="s">
        <v>18941</v>
      </c>
      <c r="D30575" t="s">
        <v>18942</v>
      </c>
      <c r="E30575" t="s">
        <v>18845</v>
      </c>
      <c r="F30575" t="s">
        <v>18846</v>
      </c>
      <c r="G30575" t="s">
        <v>10734</v>
      </c>
      <c r="H30575" t="s">
        <v>10735</v>
      </c>
      <c r="I30575" s="2">
        <v>0</v>
      </c>
      <c r="J30575" s="2">
        <v>0</v>
      </c>
      <c r="K30575" s="2">
        <v>1</v>
      </c>
      <c r="L30575" t="s">
        <v>995</v>
      </c>
      <c r="M30575" t="s">
        <v>87</v>
      </c>
      <c r="N30575" t="s">
        <v>88</v>
      </c>
      <c r="O30575" t="s">
        <v>85</v>
      </c>
      <c r="P30575" t="s">
        <v>86</v>
      </c>
      <c r="Q30575">
        <v>6</v>
      </c>
      <c r="R30575">
        <v>6</v>
      </c>
      <c r="S30575">
        <v>6</v>
      </c>
      <c r="T30575">
        <v>6</v>
      </c>
      <c r="U30575">
        <v>6</v>
      </c>
      <c r="V30575">
        <v>6</v>
      </c>
      <c r="W30575">
        <v>6</v>
      </c>
      <c r="X30575">
        <v>6</v>
      </c>
      <c r="Y30575">
        <v>6</v>
      </c>
      <c r="Z30575">
        <v>6</v>
      </c>
      <c r="AA30575">
        <v>6</v>
      </c>
      <c r="AB30575">
        <v>6</v>
      </c>
      <c r="AC30575">
        <v>6</v>
      </c>
      <c r="AD30575">
        <v>6</v>
      </c>
      <c r="AE30575">
        <v>6</v>
      </c>
      <c r="AF30575">
        <v>6</v>
      </c>
      <c r="AG30575">
        <v>6</v>
      </c>
      <c r="AH30575">
        <v>6</v>
      </c>
      <c r="AI30575">
        <v>6</v>
      </c>
      <c r="AJ30575">
        <v>6</v>
      </c>
      <c r="AK30575">
        <v>6</v>
      </c>
      <c r="AL30575">
        <v>6</v>
      </c>
      <c r="AM30575">
        <v>6</v>
      </c>
      <c r="AN30575">
        <v>6</v>
      </c>
      <c r="AO30575">
        <v>6</v>
      </c>
      <c r="AP30575">
        <v>6</v>
      </c>
      <c r="AQ30575">
        <v>6</v>
      </c>
    </row>
    <row r="30576" spans="1:43">
      <c r="A30576" t="s">
        <v>18943</v>
      </c>
      <c r="B30576" t="s">
        <v>18944</v>
      </c>
      <c r="C30576" t="s">
        <v>18941</v>
      </c>
      <c r="D30576" t="s">
        <v>18942</v>
      </c>
      <c r="E30576" t="s">
        <v>18845</v>
      </c>
      <c r="F30576" t="s">
        <v>18846</v>
      </c>
      <c r="G30576" t="s">
        <v>10734</v>
      </c>
      <c r="H30576" t="s">
        <v>10735</v>
      </c>
      <c r="I30576" s="2">
        <v>0</v>
      </c>
      <c r="J30576" s="2">
        <v>0</v>
      </c>
      <c r="K30576" s="2">
        <v>1</v>
      </c>
      <c r="L30576" t="s">
        <v>995</v>
      </c>
      <c r="M30576" t="s">
        <v>89</v>
      </c>
      <c r="N30576" t="s">
        <v>90</v>
      </c>
      <c r="O30576" t="s">
        <v>85</v>
      </c>
      <c r="P30576" t="s">
        <v>86</v>
      </c>
      <c r="Q30576">
        <v>6</v>
      </c>
      <c r="R30576">
        <v>6</v>
      </c>
      <c r="S30576">
        <v>6</v>
      </c>
      <c r="T30576">
        <v>6</v>
      </c>
      <c r="U30576">
        <v>6</v>
      </c>
      <c r="V30576">
        <v>6</v>
      </c>
      <c r="W30576">
        <v>7</v>
      </c>
      <c r="X30576">
        <v>7</v>
      </c>
      <c r="Y30576">
        <v>7</v>
      </c>
      <c r="Z30576">
        <v>7</v>
      </c>
      <c r="AA30576">
        <v>7</v>
      </c>
      <c r="AB30576">
        <v>7</v>
      </c>
      <c r="AC30576">
        <v>7</v>
      </c>
      <c r="AD30576">
        <v>7</v>
      </c>
      <c r="AE30576">
        <v>7</v>
      </c>
      <c r="AF30576">
        <v>7</v>
      </c>
      <c r="AG30576">
        <v>7</v>
      </c>
      <c r="AH30576">
        <v>7</v>
      </c>
      <c r="AI30576">
        <v>7</v>
      </c>
      <c r="AJ30576">
        <v>7</v>
      </c>
      <c r="AK30576">
        <v>7</v>
      </c>
      <c r="AL30576">
        <v>7</v>
      </c>
      <c r="AM30576">
        <v>7</v>
      </c>
      <c r="AN30576">
        <v>7</v>
      </c>
      <c r="AO30576">
        <v>7</v>
      </c>
      <c r="AP30576">
        <v>7</v>
      </c>
      <c r="AQ30576">
        <v>7</v>
      </c>
    </row>
    <row r="30577" spans="1:43">
      <c r="A30577" t="s">
        <v>18943</v>
      </c>
      <c r="B30577" t="s">
        <v>18944</v>
      </c>
      <c r="C30577" t="s">
        <v>18941</v>
      </c>
      <c r="D30577" t="s">
        <v>18942</v>
      </c>
      <c r="E30577" t="s">
        <v>18845</v>
      </c>
      <c r="F30577" t="s">
        <v>18846</v>
      </c>
      <c r="G30577" t="s">
        <v>10734</v>
      </c>
      <c r="H30577" t="s">
        <v>10735</v>
      </c>
      <c r="I30577" s="2">
        <v>0</v>
      </c>
      <c r="J30577" s="2">
        <v>0</v>
      </c>
      <c r="K30577" s="2">
        <v>1</v>
      </c>
      <c r="L30577" t="s">
        <v>995</v>
      </c>
      <c r="M30577" t="s">
        <v>83</v>
      </c>
      <c r="N30577" t="s">
        <v>91</v>
      </c>
      <c r="O30577" t="s">
        <v>85</v>
      </c>
      <c r="P30577" t="s">
        <v>86</v>
      </c>
      <c r="Q30577">
        <v>6</v>
      </c>
      <c r="R30577">
        <v>6</v>
      </c>
      <c r="S30577">
        <v>6</v>
      </c>
      <c r="T30577">
        <v>6</v>
      </c>
      <c r="U30577">
        <v>6</v>
      </c>
      <c r="V30577">
        <v>6</v>
      </c>
      <c r="W30577">
        <v>6</v>
      </c>
      <c r="X30577">
        <v>6</v>
      </c>
      <c r="Y30577">
        <v>6</v>
      </c>
      <c r="Z30577">
        <v>6</v>
      </c>
      <c r="AA30577">
        <v>6</v>
      </c>
      <c r="AB30577">
        <v>7</v>
      </c>
      <c r="AC30577">
        <v>7</v>
      </c>
      <c r="AD30577">
        <v>7</v>
      </c>
      <c r="AE30577">
        <v>7</v>
      </c>
      <c r="AF30577">
        <v>7</v>
      </c>
      <c r="AG30577">
        <v>7</v>
      </c>
      <c r="AH30577">
        <v>7</v>
      </c>
      <c r="AI30577">
        <v>7</v>
      </c>
      <c r="AJ30577">
        <v>7</v>
      </c>
      <c r="AK30577">
        <v>7</v>
      </c>
      <c r="AL30577">
        <v>7</v>
      </c>
      <c r="AM30577">
        <v>7</v>
      </c>
      <c r="AN30577">
        <v>7</v>
      </c>
      <c r="AO30577">
        <v>7</v>
      </c>
      <c r="AP30577">
        <v>7</v>
      </c>
      <c r="AQ30577">
        <v>7</v>
      </c>
    </row>
    <row r="30578" spans="1:43">
      <c r="A30578" t="s">
        <v>18945</v>
      </c>
      <c r="B30578" t="s">
        <v>18946</v>
      </c>
      <c r="C30578" t="s">
        <v>18941</v>
      </c>
      <c r="D30578" t="s">
        <v>18942</v>
      </c>
      <c r="E30578" t="s">
        <v>18845</v>
      </c>
      <c r="F30578" t="s">
        <v>18846</v>
      </c>
      <c r="G30578" t="s">
        <v>10734</v>
      </c>
      <c r="H30578" t="s">
        <v>10735</v>
      </c>
      <c r="I30578" s="2">
        <v>0</v>
      </c>
      <c r="J30578" s="2">
        <v>0</v>
      </c>
      <c r="K30578" s="2">
        <v>1</v>
      </c>
      <c r="L30578" t="s">
        <v>995</v>
      </c>
      <c r="M30578" t="s">
        <v>83</v>
      </c>
      <c r="N30578" t="s">
        <v>84</v>
      </c>
      <c r="O30578" t="s">
        <v>85</v>
      </c>
      <c r="P30578" t="s">
        <v>86</v>
      </c>
      <c r="Q30578">
        <v>8</v>
      </c>
      <c r="R30578">
        <v>8</v>
      </c>
      <c r="S30578">
        <v>8</v>
      </c>
      <c r="T30578">
        <v>8</v>
      </c>
      <c r="U30578">
        <v>8</v>
      </c>
      <c r="V30578">
        <v>8</v>
      </c>
      <c r="W30578">
        <v>8</v>
      </c>
      <c r="X30578">
        <v>8</v>
      </c>
      <c r="Y30578">
        <v>8</v>
      </c>
      <c r="Z30578">
        <v>8</v>
      </c>
      <c r="AA30578">
        <v>8</v>
      </c>
      <c r="AB30578">
        <v>9</v>
      </c>
      <c r="AC30578">
        <v>9</v>
      </c>
      <c r="AD30578">
        <v>9</v>
      </c>
      <c r="AE30578">
        <v>9</v>
      </c>
      <c r="AF30578">
        <v>9</v>
      </c>
      <c r="AG30578">
        <v>9</v>
      </c>
      <c r="AH30578">
        <v>9</v>
      </c>
      <c r="AI30578">
        <v>9</v>
      </c>
      <c r="AJ30578">
        <v>9</v>
      </c>
      <c r="AK30578">
        <v>9</v>
      </c>
      <c r="AL30578">
        <v>10</v>
      </c>
      <c r="AM30578">
        <v>10</v>
      </c>
      <c r="AN30578">
        <v>10</v>
      </c>
      <c r="AO30578">
        <v>10</v>
      </c>
      <c r="AP30578">
        <v>10</v>
      </c>
      <c r="AQ30578">
        <v>10</v>
      </c>
    </row>
    <row r="30579" spans="1:43">
      <c r="A30579" t="s">
        <v>18945</v>
      </c>
      <c r="B30579" t="s">
        <v>18946</v>
      </c>
      <c r="C30579" t="s">
        <v>18941</v>
      </c>
      <c r="D30579" t="s">
        <v>18942</v>
      </c>
      <c r="E30579" t="s">
        <v>18845</v>
      </c>
      <c r="F30579" t="s">
        <v>18846</v>
      </c>
      <c r="G30579" t="s">
        <v>10734</v>
      </c>
      <c r="H30579" t="s">
        <v>10735</v>
      </c>
      <c r="I30579" s="2">
        <v>0</v>
      </c>
      <c r="J30579" s="2">
        <v>0</v>
      </c>
      <c r="K30579" s="2">
        <v>1</v>
      </c>
      <c r="L30579" t="s">
        <v>995</v>
      </c>
      <c r="M30579" t="s">
        <v>87</v>
      </c>
      <c r="N30579" t="s">
        <v>88</v>
      </c>
      <c r="O30579" t="s">
        <v>85</v>
      </c>
      <c r="P30579" t="s">
        <v>86</v>
      </c>
      <c r="Q30579">
        <v>8</v>
      </c>
      <c r="R30579">
        <v>8</v>
      </c>
      <c r="S30579">
        <v>9</v>
      </c>
      <c r="T30579">
        <v>9</v>
      </c>
      <c r="U30579">
        <v>9</v>
      </c>
      <c r="V30579">
        <v>9</v>
      </c>
      <c r="W30579">
        <v>9</v>
      </c>
      <c r="X30579">
        <v>9</v>
      </c>
      <c r="Y30579">
        <v>9</v>
      </c>
      <c r="Z30579">
        <v>9</v>
      </c>
      <c r="AA30579">
        <v>9</v>
      </c>
      <c r="AB30579">
        <v>9</v>
      </c>
      <c r="AC30579">
        <v>9</v>
      </c>
      <c r="AD30579">
        <v>9</v>
      </c>
      <c r="AE30579">
        <v>9</v>
      </c>
      <c r="AF30579">
        <v>9</v>
      </c>
      <c r="AG30579">
        <v>9</v>
      </c>
      <c r="AH30579">
        <v>9</v>
      </c>
      <c r="AI30579">
        <v>9</v>
      </c>
      <c r="AJ30579">
        <v>9</v>
      </c>
      <c r="AK30579">
        <v>9</v>
      </c>
      <c r="AL30579">
        <v>9</v>
      </c>
      <c r="AM30579">
        <v>9</v>
      </c>
      <c r="AN30579">
        <v>9</v>
      </c>
      <c r="AO30579">
        <v>9</v>
      </c>
      <c r="AP30579">
        <v>9</v>
      </c>
      <c r="AQ30579">
        <v>9</v>
      </c>
    </row>
    <row r="30580" spans="1:43">
      <c r="A30580" t="s">
        <v>18945</v>
      </c>
      <c r="B30580" t="s">
        <v>18946</v>
      </c>
      <c r="C30580" t="s">
        <v>18941</v>
      </c>
      <c r="D30580" t="s">
        <v>18942</v>
      </c>
      <c r="E30580" t="s">
        <v>18845</v>
      </c>
      <c r="F30580" t="s">
        <v>18846</v>
      </c>
      <c r="G30580" t="s">
        <v>10734</v>
      </c>
      <c r="H30580" t="s">
        <v>10735</v>
      </c>
      <c r="I30580" s="2">
        <v>0</v>
      </c>
      <c r="J30580" s="2">
        <v>0</v>
      </c>
      <c r="K30580" s="2">
        <v>1</v>
      </c>
      <c r="L30580" t="s">
        <v>995</v>
      </c>
      <c r="M30580" t="s">
        <v>89</v>
      </c>
      <c r="N30580" t="s">
        <v>90</v>
      </c>
      <c r="O30580" t="s">
        <v>85</v>
      </c>
      <c r="P30580" t="s">
        <v>86</v>
      </c>
      <c r="Q30580">
        <v>8</v>
      </c>
      <c r="R30580">
        <v>8</v>
      </c>
      <c r="S30580">
        <v>8</v>
      </c>
      <c r="T30580">
        <v>8</v>
      </c>
      <c r="U30580">
        <v>8</v>
      </c>
      <c r="V30580">
        <v>8</v>
      </c>
      <c r="W30580">
        <v>9</v>
      </c>
      <c r="X30580">
        <v>9</v>
      </c>
      <c r="Y30580">
        <v>9</v>
      </c>
      <c r="Z30580">
        <v>9</v>
      </c>
      <c r="AA30580">
        <v>9</v>
      </c>
      <c r="AB30580">
        <v>9</v>
      </c>
      <c r="AC30580">
        <v>9</v>
      </c>
      <c r="AD30580">
        <v>9</v>
      </c>
      <c r="AE30580">
        <v>9</v>
      </c>
      <c r="AF30580">
        <v>10</v>
      </c>
      <c r="AG30580">
        <v>10</v>
      </c>
      <c r="AH30580">
        <v>10</v>
      </c>
      <c r="AI30580">
        <v>10</v>
      </c>
      <c r="AJ30580">
        <v>10</v>
      </c>
      <c r="AK30580">
        <v>10</v>
      </c>
      <c r="AL30580">
        <v>10</v>
      </c>
      <c r="AM30580">
        <v>10</v>
      </c>
      <c r="AN30580">
        <v>10</v>
      </c>
      <c r="AO30580">
        <v>10</v>
      </c>
      <c r="AP30580">
        <v>10</v>
      </c>
      <c r="AQ30580">
        <v>10</v>
      </c>
    </row>
    <row r="30581" spans="1:43">
      <c r="A30581" t="s">
        <v>18945</v>
      </c>
      <c r="B30581" t="s">
        <v>18946</v>
      </c>
      <c r="C30581" t="s">
        <v>18941</v>
      </c>
      <c r="D30581" t="s">
        <v>18942</v>
      </c>
      <c r="E30581" t="s">
        <v>18845</v>
      </c>
      <c r="F30581" t="s">
        <v>18846</v>
      </c>
      <c r="G30581" t="s">
        <v>10734</v>
      </c>
      <c r="H30581" t="s">
        <v>10735</v>
      </c>
      <c r="I30581" s="2">
        <v>0</v>
      </c>
      <c r="J30581" s="2">
        <v>0</v>
      </c>
      <c r="K30581" s="2">
        <v>1</v>
      </c>
      <c r="L30581" t="s">
        <v>995</v>
      </c>
      <c r="M30581" t="s">
        <v>83</v>
      </c>
      <c r="N30581" t="s">
        <v>91</v>
      </c>
      <c r="O30581" t="s">
        <v>85</v>
      </c>
      <c r="P30581" t="s">
        <v>86</v>
      </c>
      <c r="Q30581">
        <v>8</v>
      </c>
      <c r="R30581">
        <v>8</v>
      </c>
      <c r="S30581">
        <v>8</v>
      </c>
      <c r="T30581">
        <v>8</v>
      </c>
      <c r="U30581">
        <v>8</v>
      </c>
      <c r="V30581">
        <v>8</v>
      </c>
      <c r="W30581">
        <v>8</v>
      </c>
      <c r="X30581">
        <v>8</v>
      </c>
      <c r="Y30581">
        <v>8</v>
      </c>
      <c r="Z30581">
        <v>8</v>
      </c>
      <c r="AA30581">
        <v>8</v>
      </c>
      <c r="AB30581">
        <v>9</v>
      </c>
      <c r="AC30581">
        <v>9</v>
      </c>
      <c r="AD30581">
        <v>9</v>
      </c>
      <c r="AE30581">
        <v>9</v>
      </c>
      <c r="AF30581">
        <v>9</v>
      </c>
      <c r="AG30581">
        <v>9</v>
      </c>
      <c r="AH30581">
        <v>9</v>
      </c>
      <c r="AI30581">
        <v>9</v>
      </c>
      <c r="AJ30581">
        <v>9</v>
      </c>
      <c r="AK30581">
        <v>9</v>
      </c>
      <c r="AL30581">
        <v>10</v>
      </c>
      <c r="AM30581">
        <v>10</v>
      </c>
      <c r="AN30581">
        <v>10</v>
      </c>
      <c r="AO30581">
        <v>10</v>
      </c>
      <c r="AP30581">
        <v>10</v>
      </c>
      <c r="AQ30581">
        <v>10</v>
      </c>
    </row>
    <row r="30582" spans="1:43">
      <c r="A30582" t="s">
        <v>18947</v>
      </c>
      <c r="B30582" t="s">
        <v>18948</v>
      </c>
      <c r="C30582" t="s">
        <v>18871</v>
      </c>
      <c r="D30582" t="s">
        <v>18872</v>
      </c>
      <c r="E30582" t="s">
        <v>18845</v>
      </c>
      <c r="F30582" t="s">
        <v>18846</v>
      </c>
      <c r="G30582" t="s">
        <v>10734</v>
      </c>
      <c r="H30582" t="s">
        <v>10735</v>
      </c>
      <c r="I30582" s="2">
        <v>0</v>
      </c>
      <c r="J30582" s="2">
        <v>0</v>
      </c>
      <c r="K30582" s="2">
        <v>1</v>
      </c>
      <c r="L30582" t="s">
        <v>995</v>
      </c>
      <c r="M30582" t="s">
        <v>83</v>
      </c>
      <c r="N30582" t="s">
        <v>84</v>
      </c>
      <c r="O30582" t="s">
        <v>85</v>
      </c>
      <c r="P30582" t="s">
        <v>86</v>
      </c>
      <c r="Q30582">
        <v>12</v>
      </c>
      <c r="R30582">
        <v>12</v>
      </c>
      <c r="S30582">
        <v>12</v>
      </c>
      <c r="T30582">
        <v>12</v>
      </c>
      <c r="U30582">
        <v>13</v>
      </c>
      <c r="V30582">
        <v>13</v>
      </c>
      <c r="W30582">
        <v>13</v>
      </c>
      <c r="X30582">
        <v>13</v>
      </c>
      <c r="Y30582">
        <v>13</v>
      </c>
      <c r="Z30582">
        <v>13</v>
      </c>
      <c r="AA30582">
        <v>14</v>
      </c>
      <c r="AB30582">
        <v>14</v>
      </c>
      <c r="AC30582">
        <v>14</v>
      </c>
      <c r="AD30582">
        <v>14</v>
      </c>
      <c r="AE30582">
        <v>14</v>
      </c>
      <c r="AF30582">
        <v>14</v>
      </c>
      <c r="AG30582">
        <v>15</v>
      </c>
      <c r="AH30582">
        <v>15</v>
      </c>
      <c r="AI30582">
        <v>15</v>
      </c>
      <c r="AJ30582">
        <v>15</v>
      </c>
      <c r="AK30582">
        <v>15</v>
      </c>
      <c r="AL30582">
        <v>15</v>
      </c>
      <c r="AM30582">
        <v>15</v>
      </c>
      <c r="AN30582">
        <v>15</v>
      </c>
      <c r="AO30582">
        <v>16</v>
      </c>
      <c r="AP30582">
        <v>16</v>
      </c>
      <c r="AQ30582">
        <v>16</v>
      </c>
    </row>
    <row r="30583" spans="1:43">
      <c r="A30583" t="s">
        <v>18947</v>
      </c>
      <c r="B30583" t="s">
        <v>18948</v>
      </c>
      <c r="C30583" t="s">
        <v>18871</v>
      </c>
      <c r="D30583" t="s">
        <v>18872</v>
      </c>
      <c r="E30583" t="s">
        <v>18845</v>
      </c>
      <c r="F30583" t="s">
        <v>18846</v>
      </c>
      <c r="G30583" t="s">
        <v>10734</v>
      </c>
      <c r="H30583" t="s">
        <v>10735</v>
      </c>
      <c r="I30583" s="2">
        <v>0</v>
      </c>
      <c r="J30583" s="2">
        <v>0</v>
      </c>
      <c r="K30583" s="2">
        <v>1</v>
      </c>
      <c r="L30583" t="s">
        <v>995</v>
      </c>
      <c r="M30583" t="s">
        <v>87</v>
      </c>
      <c r="N30583" t="s">
        <v>88</v>
      </c>
      <c r="O30583" t="s">
        <v>85</v>
      </c>
      <c r="P30583" t="s">
        <v>86</v>
      </c>
      <c r="Q30583">
        <v>12</v>
      </c>
      <c r="R30583">
        <v>12</v>
      </c>
      <c r="S30583">
        <v>12</v>
      </c>
      <c r="T30583">
        <v>12</v>
      </c>
      <c r="U30583">
        <v>12</v>
      </c>
      <c r="V30583">
        <v>12</v>
      </c>
      <c r="W30583">
        <v>12</v>
      </c>
      <c r="X30583">
        <v>12</v>
      </c>
      <c r="Y30583">
        <v>12</v>
      </c>
      <c r="Z30583">
        <v>12</v>
      </c>
      <c r="AA30583">
        <v>12</v>
      </c>
      <c r="AB30583">
        <v>12</v>
      </c>
      <c r="AC30583">
        <v>12</v>
      </c>
      <c r="AD30583">
        <v>13</v>
      </c>
      <c r="AE30583">
        <v>13</v>
      </c>
      <c r="AF30583">
        <v>13</v>
      </c>
      <c r="AG30583">
        <v>13</v>
      </c>
      <c r="AH30583">
        <v>13</v>
      </c>
      <c r="AI30583">
        <v>13</v>
      </c>
      <c r="AJ30583">
        <v>13</v>
      </c>
      <c r="AK30583">
        <v>13</v>
      </c>
      <c r="AL30583">
        <v>13</v>
      </c>
      <c r="AM30583">
        <v>13</v>
      </c>
      <c r="AN30583">
        <v>13</v>
      </c>
      <c r="AO30583">
        <v>13</v>
      </c>
      <c r="AP30583">
        <v>14</v>
      </c>
      <c r="AQ30583">
        <v>14</v>
      </c>
    </row>
    <row r="30584" spans="1:43">
      <c r="A30584" t="s">
        <v>18947</v>
      </c>
      <c r="B30584" t="s">
        <v>18948</v>
      </c>
      <c r="C30584" t="s">
        <v>18871</v>
      </c>
      <c r="D30584" t="s">
        <v>18872</v>
      </c>
      <c r="E30584" t="s">
        <v>18845</v>
      </c>
      <c r="F30584" t="s">
        <v>18846</v>
      </c>
      <c r="G30584" t="s">
        <v>10734</v>
      </c>
      <c r="H30584" t="s">
        <v>10735</v>
      </c>
      <c r="I30584" s="2">
        <v>0</v>
      </c>
      <c r="J30584" s="2">
        <v>0</v>
      </c>
      <c r="K30584" s="2">
        <v>1</v>
      </c>
      <c r="L30584" t="s">
        <v>995</v>
      </c>
      <c r="M30584" t="s">
        <v>89</v>
      </c>
      <c r="N30584" t="s">
        <v>90</v>
      </c>
      <c r="O30584" t="s">
        <v>85</v>
      </c>
      <c r="P30584" t="s">
        <v>86</v>
      </c>
      <c r="Q30584">
        <v>12</v>
      </c>
      <c r="R30584">
        <v>12</v>
      </c>
      <c r="S30584">
        <v>13</v>
      </c>
      <c r="T30584">
        <v>13</v>
      </c>
      <c r="U30584">
        <v>13</v>
      </c>
      <c r="V30584">
        <v>13</v>
      </c>
      <c r="W30584">
        <v>14</v>
      </c>
      <c r="X30584">
        <v>14</v>
      </c>
      <c r="Y30584">
        <v>14</v>
      </c>
      <c r="Z30584">
        <v>14</v>
      </c>
      <c r="AA30584">
        <v>14</v>
      </c>
      <c r="AB30584">
        <v>15</v>
      </c>
      <c r="AC30584">
        <v>15</v>
      </c>
      <c r="AD30584">
        <v>15</v>
      </c>
      <c r="AE30584">
        <v>15</v>
      </c>
      <c r="AF30584">
        <v>15</v>
      </c>
      <c r="AG30584">
        <v>15</v>
      </c>
      <c r="AH30584">
        <v>15</v>
      </c>
      <c r="AI30584">
        <v>15</v>
      </c>
      <c r="AJ30584">
        <v>15</v>
      </c>
      <c r="AK30584">
        <v>15</v>
      </c>
      <c r="AL30584">
        <v>16</v>
      </c>
      <c r="AM30584">
        <v>16</v>
      </c>
      <c r="AN30584">
        <v>16</v>
      </c>
      <c r="AO30584">
        <v>16</v>
      </c>
      <c r="AP30584">
        <v>16</v>
      </c>
      <c r="AQ30584">
        <v>16</v>
      </c>
    </row>
    <row r="30585" spans="1:43">
      <c r="A30585" t="s">
        <v>18947</v>
      </c>
      <c r="B30585" t="s">
        <v>18948</v>
      </c>
      <c r="C30585" t="s">
        <v>18871</v>
      </c>
      <c r="D30585" t="s">
        <v>18872</v>
      </c>
      <c r="E30585" t="s">
        <v>18845</v>
      </c>
      <c r="F30585" t="s">
        <v>18846</v>
      </c>
      <c r="G30585" t="s">
        <v>10734</v>
      </c>
      <c r="H30585" t="s">
        <v>10735</v>
      </c>
      <c r="I30585" s="2">
        <v>0</v>
      </c>
      <c r="J30585" s="2">
        <v>0</v>
      </c>
      <c r="K30585" s="2">
        <v>1</v>
      </c>
      <c r="L30585" t="s">
        <v>995</v>
      </c>
      <c r="M30585" t="s">
        <v>83</v>
      </c>
      <c r="N30585" t="s">
        <v>91</v>
      </c>
      <c r="O30585" t="s">
        <v>85</v>
      </c>
      <c r="P30585" t="s">
        <v>86</v>
      </c>
      <c r="Q30585">
        <v>12</v>
      </c>
      <c r="R30585">
        <v>12</v>
      </c>
      <c r="S30585">
        <v>12</v>
      </c>
      <c r="T30585">
        <v>12</v>
      </c>
      <c r="U30585">
        <v>13</v>
      </c>
      <c r="V30585">
        <v>13</v>
      </c>
      <c r="W30585">
        <v>13</v>
      </c>
      <c r="X30585">
        <v>13</v>
      </c>
      <c r="Y30585">
        <v>13</v>
      </c>
      <c r="Z30585">
        <v>13</v>
      </c>
      <c r="AA30585">
        <v>14</v>
      </c>
      <c r="AB30585">
        <v>14</v>
      </c>
      <c r="AC30585">
        <v>14</v>
      </c>
      <c r="AD30585">
        <v>14</v>
      </c>
      <c r="AE30585">
        <v>14</v>
      </c>
      <c r="AF30585">
        <v>14</v>
      </c>
      <c r="AG30585">
        <v>15</v>
      </c>
      <c r="AH30585">
        <v>15</v>
      </c>
      <c r="AI30585">
        <v>15</v>
      </c>
      <c r="AJ30585">
        <v>15</v>
      </c>
      <c r="AK30585">
        <v>15</v>
      </c>
      <c r="AL30585">
        <v>15</v>
      </c>
      <c r="AM30585">
        <v>15</v>
      </c>
      <c r="AN30585">
        <v>15</v>
      </c>
      <c r="AO30585">
        <v>16</v>
      </c>
      <c r="AP30585">
        <v>16</v>
      </c>
      <c r="AQ30585">
        <v>16</v>
      </c>
    </row>
    <row r="30586" spans="1:43">
      <c r="A30586" t="s">
        <v>18949</v>
      </c>
      <c r="B30586" t="s">
        <v>18950</v>
      </c>
      <c r="C30586" t="s">
        <v>18871</v>
      </c>
      <c r="D30586" t="s">
        <v>18872</v>
      </c>
      <c r="E30586" t="s">
        <v>18845</v>
      </c>
      <c r="F30586" t="s">
        <v>18846</v>
      </c>
      <c r="G30586" t="s">
        <v>10734</v>
      </c>
      <c r="H30586" t="s">
        <v>10735</v>
      </c>
      <c r="I30586" s="2">
        <v>0</v>
      </c>
      <c r="J30586" s="2">
        <v>0</v>
      </c>
      <c r="K30586" s="2">
        <v>1</v>
      </c>
      <c r="L30586" t="s">
        <v>995</v>
      </c>
      <c r="M30586" t="s">
        <v>83</v>
      </c>
      <c r="N30586" t="s">
        <v>84</v>
      </c>
      <c r="O30586" t="s">
        <v>85</v>
      </c>
      <c r="P30586" t="s">
        <v>86</v>
      </c>
      <c r="Q30586">
        <v>28</v>
      </c>
      <c r="R30586">
        <v>28</v>
      </c>
      <c r="S30586">
        <v>29</v>
      </c>
      <c r="T30586">
        <v>29</v>
      </c>
      <c r="U30586">
        <v>30</v>
      </c>
      <c r="V30586">
        <v>30</v>
      </c>
      <c r="W30586">
        <v>30</v>
      </c>
      <c r="X30586">
        <v>31</v>
      </c>
      <c r="Y30586">
        <v>31</v>
      </c>
      <c r="Z30586">
        <v>32</v>
      </c>
      <c r="AA30586">
        <v>32</v>
      </c>
      <c r="AB30586">
        <v>32</v>
      </c>
      <c r="AC30586">
        <v>33</v>
      </c>
      <c r="AD30586">
        <v>33</v>
      </c>
      <c r="AE30586">
        <v>33</v>
      </c>
      <c r="AF30586">
        <v>34</v>
      </c>
      <c r="AG30586">
        <v>34</v>
      </c>
      <c r="AH30586">
        <v>35</v>
      </c>
      <c r="AI30586">
        <v>35</v>
      </c>
      <c r="AJ30586">
        <v>36</v>
      </c>
      <c r="AK30586">
        <v>36</v>
      </c>
      <c r="AL30586">
        <v>36</v>
      </c>
      <c r="AM30586">
        <v>36</v>
      </c>
      <c r="AN30586">
        <v>36</v>
      </c>
      <c r="AO30586">
        <v>37</v>
      </c>
      <c r="AP30586">
        <v>37</v>
      </c>
      <c r="AQ30586">
        <v>37</v>
      </c>
    </row>
    <row r="30587" spans="1:43">
      <c r="A30587" t="s">
        <v>18949</v>
      </c>
      <c r="B30587" t="s">
        <v>18950</v>
      </c>
      <c r="C30587" t="s">
        <v>18871</v>
      </c>
      <c r="D30587" t="s">
        <v>18872</v>
      </c>
      <c r="E30587" t="s">
        <v>18845</v>
      </c>
      <c r="F30587" t="s">
        <v>18846</v>
      </c>
      <c r="G30587" t="s">
        <v>10734</v>
      </c>
      <c r="H30587" t="s">
        <v>10735</v>
      </c>
      <c r="I30587" s="2">
        <v>0</v>
      </c>
      <c r="J30587" s="2">
        <v>0</v>
      </c>
      <c r="K30587" s="2">
        <v>1</v>
      </c>
      <c r="L30587" t="s">
        <v>995</v>
      </c>
      <c r="M30587" t="s">
        <v>87</v>
      </c>
      <c r="N30587" t="s">
        <v>88</v>
      </c>
      <c r="O30587" t="s">
        <v>85</v>
      </c>
      <c r="P30587" t="s">
        <v>86</v>
      </c>
      <c r="Q30587">
        <v>28</v>
      </c>
      <c r="R30587">
        <v>28</v>
      </c>
      <c r="S30587">
        <v>28</v>
      </c>
      <c r="T30587">
        <v>28</v>
      </c>
      <c r="U30587">
        <v>28</v>
      </c>
      <c r="V30587">
        <v>28</v>
      </c>
      <c r="W30587">
        <v>28</v>
      </c>
      <c r="X30587">
        <v>29</v>
      </c>
      <c r="Y30587">
        <v>29</v>
      </c>
      <c r="Z30587">
        <v>29</v>
      </c>
      <c r="AA30587">
        <v>29</v>
      </c>
      <c r="AB30587">
        <v>29</v>
      </c>
      <c r="AC30587">
        <v>29</v>
      </c>
      <c r="AD30587">
        <v>30</v>
      </c>
      <c r="AE30587">
        <v>30</v>
      </c>
      <c r="AF30587">
        <v>30</v>
      </c>
      <c r="AG30587">
        <v>30</v>
      </c>
      <c r="AH30587">
        <v>30</v>
      </c>
      <c r="AI30587">
        <v>30</v>
      </c>
      <c r="AJ30587">
        <v>31</v>
      </c>
      <c r="AK30587">
        <v>31</v>
      </c>
      <c r="AL30587">
        <v>31</v>
      </c>
      <c r="AM30587">
        <v>31</v>
      </c>
      <c r="AN30587">
        <v>31</v>
      </c>
      <c r="AO30587">
        <v>32</v>
      </c>
      <c r="AP30587">
        <v>32</v>
      </c>
      <c r="AQ30587">
        <v>32</v>
      </c>
    </row>
    <row r="30588" spans="1:43">
      <c r="A30588" t="s">
        <v>18949</v>
      </c>
      <c r="B30588" t="s">
        <v>18950</v>
      </c>
      <c r="C30588" t="s">
        <v>18871</v>
      </c>
      <c r="D30588" t="s">
        <v>18872</v>
      </c>
      <c r="E30588" t="s">
        <v>18845</v>
      </c>
      <c r="F30588" t="s">
        <v>18846</v>
      </c>
      <c r="G30588" t="s">
        <v>10734</v>
      </c>
      <c r="H30588" t="s">
        <v>10735</v>
      </c>
      <c r="I30588" s="2">
        <v>0</v>
      </c>
      <c r="J30588" s="2">
        <v>0</v>
      </c>
      <c r="K30588" s="2">
        <v>1</v>
      </c>
      <c r="L30588" t="s">
        <v>995</v>
      </c>
      <c r="M30588" t="s">
        <v>89</v>
      </c>
      <c r="N30588" t="s">
        <v>90</v>
      </c>
      <c r="O30588" t="s">
        <v>85</v>
      </c>
      <c r="P30588" t="s">
        <v>86</v>
      </c>
      <c r="Q30588">
        <v>28</v>
      </c>
      <c r="R30588">
        <v>29</v>
      </c>
      <c r="S30588">
        <v>30</v>
      </c>
      <c r="T30588">
        <v>30</v>
      </c>
      <c r="U30588">
        <v>31</v>
      </c>
      <c r="V30588">
        <v>31</v>
      </c>
      <c r="W30588">
        <v>32</v>
      </c>
      <c r="X30588">
        <v>32</v>
      </c>
      <c r="Y30588">
        <v>33</v>
      </c>
      <c r="Z30588">
        <v>33</v>
      </c>
      <c r="AA30588">
        <v>34</v>
      </c>
      <c r="AB30588">
        <v>34</v>
      </c>
      <c r="AC30588">
        <v>35</v>
      </c>
      <c r="AD30588">
        <v>35</v>
      </c>
      <c r="AE30588">
        <v>36</v>
      </c>
      <c r="AF30588">
        <v>36</v>
      </c>
      <c r="AG30588">
        <v>36</v>
      </c>
      <c r="AH30588">
        <v>36</v>
      </c>
      <c r="AI30588">
        <v>36</v>
      </c>
      <c r="AJ30588">
        <v>36</v>
      </c>
      <c r="AK30588">
        <v>36</v>
      </c>
      <c r="AL30588">
        <v>37</v>
      </c>
      <c r="AM30588">
        <v>37</v>
      </c>
      <c r="AN30588">
        <v>37</v>
      </c>
      <c r="AO30588">
        <v>37</v>
      </c>
      <c r="AP30588">
        <v>37</v>
      </c>
      <c r="AQ30588">
        <v>37</v>
      </c>
    </row>
    <row r="30589" spans="1:43">
      <c r="A30589" t="s">
        <v>18949</v>
      </c>
      <c r="B30589" t="s">
        <v>18950</v>
      </c>
      <c r="C30589" t="s">
        <v>18871</v>
      </c>
      <c r="D30589" t="s">
        <v>18872</v>
      </c>
      <c r="E30589" t="s">
        <v>18845</v>
      </c>
      <c r="F30589" t="s">
        <v>18846</v>
      </c>
      <c r="G30589" t="s">
        <v>10734</v>
      </c>
      <c r="H30589" t="s">
        <v>10735</v>
      </c>
      <c r="I30589" s="2">
        <v>0</v>
      </c>
      <c r="J30589" s="2">
        <v>0</v>
      </c>
      <c r="K30589" s="2">
        <v>1</v>
      </c>
      <c r="L30589" t="s">
        <v>995</v>
      </c>
      <c r="M30589" t="s">
        <v>83</v>
      </c>
      <c r="N30589" t="s">
        <v>91</v>
      </c>
      <c r="O30589" t="s">
        <v>85</v>
      </c>
      <c r="P30589" t="s">
        <v>86</v>
      </c>
      <c r="Q30589">
        <v>28</v>
      </c>
      <c r="R30589">
        <v>28</v>
      </c>
      <c r="S30589">
        <v>29</v>
      </c>
      <c r="T30589">
        <v>29</v>
      </c>
      <c r="U30589">
        <v>30</v>
      </c>
      <c r="V30589">
        <v>30</v>
      </c>
      <c r="W30589">
        <v>30</v>
      </c>
      <c r="X30589">
        <v>31</v>
      </c>
      <c r="Y30589">
        <v>31</v>
      </c>
      <c r="Z30589">
        <v>32</v>
      </c>
      <c r="AA30589">
        <v>32</v>
      </c>
      <c r="AB30589">
        <v>32</v>
      </c>
      <c r="AC30589">
        <v>33</v>
      </c>
      <c r="AD30589">
        <v>33</v>
      </c>
      <c r="AE30589">
        <v>33</v>
      </c>
      <c r="AF30589">
        <v>34</v>
      </c>
      <c r="AG30589">
        <v>34</v>
      </c>
      <c r="AH30589">
        <v>35</v>
      </c>
      <c r="AI30589">
        <v>35</v>
      </c>
      <c r="AJ30589">
        <v>36</v>
      </c>
      <c r="AK30589">
        <v>36</v>
      </c>
      <c r="AL30589">
        <v>36</v>
      </c>
      <c r="AM30589">
        <v>36</v>
      </c>
      <c r="AN30589">
        <v>36</v>
      </c>
      <c r="AO30589">
        <v>37</v>
      </c>
      <c r="AP30589">
        <v>37</v>
      </c>
      <c r="AQ30589">
        <v>37</v>
      </c>
    </row>
    <row r="30590" spans="1:43">
      <c r="A30590" t="s">
        <v>18951</v>
      </c>
      <c r="B30590" t="s">
        <v>18952</v>
      </c>
      <c r="C30590" t="s">
        <v>18891</v>
      </c>
      <c r="D30590" t="s">
        <v>18892</v>
      </c>
      <c r="E30590" t="s">
        <v>18845</v>
      </c>
      <c r="F30590" t="s">
        <v>18846</v>
      </c>
      <c r="G30590" t="s">
        <v>10734</v>
      </c>
      <c r="H30590" t="s">
        <v>10735</v>
      </c>
      <c r="I30590" s="2">
        <v>0</v>
      </c>
      <c r="J30590" s="2">
        <v>0</v>
      </c>
      <c r="K30590" s="2">
        <v>1</v>
      </c>
      <c r="L30590" t="s">
        <v>995</v>
      </c>
      <c r="M30590" t="s">
        <v>83</v>
      </c>
      <c r="N30590" t="s">
        <v>84</v>
      </c>
      <c r="O30590" t="s">
        <v>85</v>
      </c>
      <c r="P30590" t="s">
        <v>86</v>
      </c>
      <c r="Q30590">
        <v>43</v>
      </c>
      <c r="R30590">
        <v>44</v>
      </c>
      <c r="S30590">
        <v>45</v>
      </c>
      <c r="T30590">
        <v>45</v>
      </c>
      <c r="U30590">
        <v>46</v>
      </c>
      <c r="V30590">
        <v>46</v>
      </c>
      <c r="W30590">
        <v>47</v>
      </c>
      <c r="X30590">
        <v>48</v>
      </c>
      <c r="Y30590">
        <v>48</v>
      </c>
      <c r="Z30590">
        <v>49</v>
      </c>
      <c r="AA30590">
        <v>49</v>
      </c>
      <c r="AB30590">
        <v>50</v>
      </c>
      <c r="AC30590">
        <v>50</v>
      </c>
      <c r="AD30590">
        <v>51</v>
      </c>
      <c r="AE30590">
        <v>52</v>
      </c>
      <c r="AF30590">
        <v>52</v>
      </c>
      <c r="AG30590">
        <v>53</v>
      </c>
      <c r="AH30590">
        <v>54</v>
      </c>
      <c r="AI30590">
        <v>54</v>
      </c>
      <c r="AJ30590">
        <v>55</v>
      </c>
      <c r="AK30590">
        <v>55</v>
      </c>
      <c r="AL30590">
        <v>56</v>
      </c>
      <c r="AM30590">
        <v>56</v>
      </c>
      <c r="AN30590">
        <v>56</v>
      </c>
      <c r="AO30590">
        <v>56</v>
      </c>
      <c r="AP30590">
        <v>56</v>
      </c>
      <c r="AQ30590">
        <v>57</v>
      </c>
    </row>
    <row r="30591" spans="1:43">
      <c r="A30591" t="s">
        <v>18951</v>
      </c>
      <c r="B30591" t="s">
        <v>18952</v>
      </c>
      <c r="C30591" t="s">
        <v>18891</v>
      </c>
      <c r="D30591" t="s">
        <v>18892</v>
      </c>
      <c r="E30591" t="s">
        <v>18845</v>
      </c>
      <c r="F30591" t="s">
        <v>18846</v>
      </c>
      <c r="G30591" t="s">
        <v>10734</v>
      </c>
      <c r="H30591" t="s">
        <v>10735</v>
      </c>
      <c r="I30591" s="2">
        <v>0</v>
      </c>
      <c r="J30591" s="2">
        <v>0</v>
      </c>
      <c r="K30591" s="2">
        <v>1</v>
      </c>
      <c r="L30591" t="s">
        <v>995</v>
      </c>
      <c r="M30591" t="s">
        <v>87</v>
      </c>
      <c r="N30591" t="s">
        <v>88</v>
      </c>
      <c r="O30591" t="s">
        <v>85</v>
      </c>
      <c r="P30591" t="s">
        <v>86</v>
      </c>
      <c r="Q30591">
        <v>43</v>
      </c>
      <c r="R30591">
        <v>43</v>
      </c>
      <c r="S30591">
        <v>43</v>
      </c>
      <c r="T30591">
        <v>44</v>
      </c>
      <c r="U30591">
        <v>44</v>
      </c>
      <c r="V30591">
        <v>44</v>
      </c>
      <c r="W30591">
        <v>44</v>
      </c>
      <c r="X30591">
        <v>44</v>
      </c>
      <c r="Y30591">
        <v>44</v>
      </c>
      <c r="Z30591">
        <v>45</v>
      </c>
      <c r="AA30591">
        <v>45</v>
      </c>
      <c r="AB30591">
        <v>45</v>
      </c>
      <c r="AC30591">
        <v>45</v>
      </c>
      <c r="AD30591">
        <v>46</v>
      </c>
      <c r="AE30591">
        <v>46</v>
      </c>
      <c r="AF30591">
        <v>46</v>
      </c>
      <c r="AG30591">
        <v>46</v>
      </c>
      <c r="AH30591">
        <v>47</v>
      </c>
      <c r="AI30591">
        <v>47</v>
      </c>
      <c r="AJ30591">
        <v>47</v>
      </c>
      <c r="AK30591">
        <v>47</v>
      </c>
      <c r="AL30591">
        <v>48</v>
      </c>
      <c r="AM30591">
        <v>48</v>
      </c>
      <c r="AN30591">
        <v>48</v>
      </c>
      <c r="AO30591">
        <v>49</v>
      </c>
      <c r="AP30591">
        <v>49</v>
      </c>
      <c r="AQ30591">
        <v>49</v>
      </c>
    </row>
    <row r="30592" spans="1:43">
      <c r="A30592" t="s">
        <v>18951</v>
      </c>
      <c r="B30592" t="s">
        <v>18952</v>
      </c>
      <c r="C30592" t="s">
        <v>18891</v>
      </c>
      <c r="D30592" t="s">
        <v>18892</v>
      </c>
      <c r="E30592" t="s">
        <v>18845</v>
      </c>
      <c r="F30592" t="s">
        <v>18846</v>
      </c>
      <c r="G30592" t="s">
        <v>10734</v>
      </c>
      <c r="H30592" t="s">
        <v>10735</v>
      </c>
      <c r="I30592" s="2">
        <v>0</v>
      </c>
      <c r="J30592" s="2">
        <v>0</v>
      </c>
      <c r="K30592" s="2">
        <v>1</v>
      </c>
      <c r="L30592" t="s">
        <v>995</v>
      </c>
      <c r="M30592" t="s">
        <v>89</v>
      </c>
      <c r="N30592" t="s">
        <v>90</v>
      </c>
      <c r="O30592" t="s">
        <v>85</v>
      </c>
      <c r="P30592" t="s">
        <v>86</v>
      </c>
      <c r="Q30592">
        <v>43</v>
      </c>
      <c r="R30592">
        <v>44</v>
      </c>
      <c r="S30592">
        <v>45</v>
      </c>
      <c r="T30592">
        <v>46</v>
      </c>
      <c r="U30592">
        <v>47</v>
      </c>
      <c r="V30592">
        <v>47</v>
      </c>
      <c r="W30592">
        <v>48</v>
      </c>
      <c r="X30592">
        <v>49</v>
      </c>
      <c r="Y30592">
        <v>50</v>
      </c>
      <c r="Z30592">
        <v>51</v>
      </c>
      <c r="AA30592">
        <v>51</v>
      </c>
      <c r="AB30592">
        <v>52</v>
      </c>
      <c r="AC30592">
        <v>53</v>
      </c>
      <c r="AD30592">
        <v>54</v>
      </c>
      <c r="AE30592">
        <v>54</v>
      </c>
      <c r="AF30592">
        <v>54</v>
      </c>
      <c r="AG30592">
        <v>55</v>
      </c>
      <c r="AH30592">
        <v>55</v>
      </c>
      <c r="AI30592">
        <v>55</v>
      </c>
      <c r="AJ30592">
        <v>55</v>
      </c>
      <c r="AK30592">
        <v>55</v>
      </c>
      <c r="AL30592">
        <v>55</v>
      </c>
      <c r="AM30592">
        <v>56</v>
      </c>
      <c r="AN30592">
        <v>56</v>
      </c>
      <c r="AO30592">
        <v>56</v>
      </c>
      <c r="AP30592">
        <v>56</v>
      </c>
      <c r="AQ30592">
        <v>56</v>
      </c>
    </row>
    <row r="30593" spans="1:43">
      <c r="A30593" t="s">
        <v>18951</v>
      </c>
      <c r="B30593" t="s">
        <v>18952</v>
      </c>
      <c r="C30593" t="s">
        <v>18891</v>
      </c>
      <c r="D30593" t="s">
        <v>18892</v>
      </c>
      <c r="E30593" t="s">
        <v>18845</v>
      </c>
      <c r="F30593" t="s">
        <v>18846</v>
      </c>
      <c r="G30593" t="s">
        <v>10734</v>
      </c>
      <c r="H30593" t="s">
        <v>10735</v>
      </c>
      <c r="I30593" s="2">
        <v>0</v>
      </c>
      <c r="J30593" s="2">
        <v>0</v>
      </c>
      <c r="K30593" s="2">
        <v>1</v>
      </c>
      <c r="L30593" t="s">
        <v>995</v>
      </c>
      <c r="M30593" t="s">
        <v>83</v>
      </c>
      <c r="N30593" t="s">
        <v>91</v>
      </c>
      <c r="O30593" t="s">
        <v>85</v>
      </c>
      <c r="P30593" t="s">
        <v>86</v>
      </c>
      <c r="Q30593">
        <v>43</v>
      </c>
      <c r="R30593">
        <v>44</v>
      </c>
      <c r="S30593">
        <v>45</v>
      </c>
      <c r="T30593">
        <v>45</v>
      </c>
      <c r="U30593">
        <v>46</v>
      </c>
      <c r="V30593">
        <v>46</v>
      </c>
      <c r="W30593">
        <v>47</v>
      </c>
      <c r="X30593">
        <v>48</v>
      </c>
      <c r="Y30593">
        <v>48</v>
      </c>
      <c r="Z30593">
        <v>49</v>
      </c>
      <c r="AA30593">
        <v>49</v>
      </c>
      <c r="AB30593">
        <v>50</v>
      </c>
      <c r="AC30593">
        <v>50</v>
      </c>
      <c r="AD30593">
        <v>51</v>
      </c>
      <c r="AE30593">
        <v>52</v>
      </c>
      <c r="AF30593">
        <v>52</v>
      </c>
      <c r="AG30593">
        <v>53</v>
      </c>
      <c r="AH30593">
        <v>54</v>
      </c>
      <c r="AI30593">
        <v>54</v>
      </c>
      <c r="AJ30593">
        <v>55</v>
      </c>
      <c r="AK30593">
        <v>55</v>
      </c>
      <c r="AL30593">
        <v>56</v>
      </c>
      <c r="AM30593">
        <v>56</v>
      </c>
      <c r="AN30593">
        <v>56</v>
      </c>
      <c r="AO30593">
        <v>56</v>
      </c>
      <c r="AP30593">
        <v>56</v>
      </c>
      <c r="AQ30593">
        <v>57</v>
      </c>
    </row>
    <row r="30594" spans="1:43">
      <c r="A30594" t="s">
        <v>18953</v>
      </c>
      <c r="B30594" t="s">
        <v>18954</v>
      </c>
      <c r="C30594" t="s">
        <v>18955</v>
      </c>
      <c r="D30594" t="s">
        <v>18956</v>
      </c>
      <c r="E30594" t="s">
        <v>18845</v>
      </c>
      <c r="F30594" t="s">
        <v>18846</v>
      </c>
      <c r="G30594" t="s">
        <v>10734</v>
      </c>
      <c r="H30594" t="s">
        <v>10735</v>
      </c>
      <c r="I30594" s="2">
        <v>0</v>
      </c>
      <c r="J30594" s="2">
        <v>0</v>
      </c>
      <c r="K30594" s="2">
        <v>1</v>
      </c>
      <c r="L30594" t="s">
        <v>995</v>
      </c>
      <c r="M30594" t="s">
        <v>83</v>
      </c>
      <c r="N30594" t="s">
        <v>84</v>
      </c>
      <c r="O30594" t="s">
        <v>85</v>
      </c>
      <c r="P30594" t="s">
        <v>86</v>
      </c>
      <c r="Q30594">
        <v>6</v>
      </c>
      <c r="R30594">
        <v>6</v>
      </c>
      <c r="S30594">
        <v>6</v>
      </c>
      <c r="T30594">
        <v>6</v>
      </c>
      <c r="U30594">
        <v>6</v>
      </c>
      <c r="V30594">
        <v>6</v>
      </c>
      <c r="W30594">
        <v>6</v>
      </c>
      <c r="X30594">
        <v>7</v>
      </c>
      <c r="Y30594">
        <v>7</v>
      </c>
      <c r="Z30594">
        <v>7</v>
      </c>
      <c r="AA30594">
        <v>7</v>
      </c>
      <c r="AB30594">
        <v>7</v>
      </c>
      <c r="AC30594">
        <v>7</v>
      </c>
      <c r="AD30594">
        <v>7</v>
      </c>
      <c r="AE30594">
        <v>7</v>
      </c>
      <c r="AF30594">
        <v>7</v>
      </c>
      <c r="AG30594">
        <v>7</v>
      </c>
      <c r="AH30594">
        <v>7</v>
      </c>
      <c r="AI30594">
        <v>7</v>
      </c>
      <c r="AJ30594">
        <v>7</v>
      </c>
      <c r="AK30594">
        <v>8</v>
      </c>
      <c r="AL30594">
        <v>8</v>
      </c>
      <c r="AM30594">
        <v>8</v>
      </c>
      <c r="AN30594">
        <v>8</v>
      </c>
      <c r="AO30594">
        <v>8</v>
      </c>
      <c r="AP30594">
        <v>8</v>
      </c>
      <c r="AQ30594">
        <v>8</v>
      </c>
    </row>
    <row r="30595" spans="1:43">
      <c r="A30595" t="s">
        <v>18953</v>
      </c>
      <c r="B30595" t="s">
        <v>18954</v>
      </c>
      <c r="C30595" t="s">
        <v>18955</v>
      </c>
      <c r="D30595" t="s">
        <v>18956</v>
      </c>
      <c r="E30595" t="s">
        <v>18845</v>
      </c>
      <c r="F30595" t="s">
        <v>18846</v>
      </c>
      <c r="G30595" t="s">
        <v>10734</v>
      </c>
      <c r="H30595" t="s">
        <v>10735</v>
      </c>
      <c r="I30595" s="2">
        <v>0</v>
      </c>
      <c r="J30595" s="2">
        <v>0</v>
      </c>
      <c r="K30595" s="2">
        <v>1</v>
      </c>
      <c r="L30595" t="s">
        <v>995</v>
      </c>
      <c r="M30595" t="s">
        <v>87</v>
      </c>
      <c r="N30595" t="s">
        <v>88</v>
      </c>
      <c r="O30595" t="s">
        <v>85</v>
      </c>
      <c r="P30595" t="s">
        <v>86</v>
      </c>
      <c r="Q30595">
        <v>6</v>
      </c>
      <c r="R30595">
        <v>6</v>
      </c>
      <c r="S30595">
        <v>6</v>
      </c>
      <c r="T30595">
        <v>6</v>
      </c>
      <c r="U30595">
        <v>6</v>
      </c>
      <c r="V30595">
        <v>6</v>
      </c>
      <c r="W30595">
        <v>6</v>
      </c>
      <c r="X30595">
        <v>6</v>
      </c>
      <c r="Y30595">
        <v>6</v>
      </c>
      <c r="Z30595">
        <v>6</v>
      </c>
      <c r="AA30595">
        <v>6</v>
      </c>
      <c r="AB30595">
        <v>6</v>
      </c>
      <c r="AC30595">
        <v>6</v>
      </c>
      <c r="AD30595">
        <v>6</v>
      </c>
      <c r="AE30595">
        <v>6</v>
      </c>
      <c r="AF30595">
        <v>6</v>
      </c>
      <c r="AG30595">
        <v>6</v>
      </c>
      <c r="AH30595">
        <v>6</v>
      </c>
      <c r="AI30595">
        <v>6</v>
      </c>
      <c r="AJ30595">
        <v>6</v>
      </c>
      <c r="AK30595">
        <v>6</v>
      </c>
      <c r="AL30595">
        <v>7</v>
      </c>
      <c r="AM30595">
        <v>7</v>
      </c>
      <c r="AN30595">
        <v>7</v>
      </c>
      <c r="AO30595">
        <v>7</v>
      </c>
      <c r="AP30595">
        <v>7</v>
      </c>
      <c r="AQ30595">
        <v>7</v>
      </c>
    </row>
    <row r="30596" spans="1:43">
      <c r="A30596" t="s">
        <v>18953</v>
      </c>
      <c r="B30596" t="s">
        <v>18954</v>
      </c>
      <c r="C30596" t="s">
        <v>18955</v>
      </c>
      <c r="D30596" t="s">
        <v>18956</v>
      </c>
      <c r="E30596" t="s">
        <v>18845</v>
      </c>
      <c r="F30596" t="s">
        <v>18846</v>
      </c>
      <c r="G30596" t="s">
        <v>10734</v>
      </c>
      <c r="H30596" t="s">
        <v>10735</v>
      </c>
      <c r="I30596" s="2">
        <v>0</v>
      </c>
      <c r="J30596" s="2">
        <v>0</v>
      </c>
      <c r="K30596" s="2">
        <v>1</v>
      </c>
      <c r="L30596" t="s">
        <v>995</v>
      </c>
      <c r="M30596" t="s">
        <v>89</v>
      </c>
      <c r="N30596" t="s">
        <v>90</v>
      </c>
      <c r="O30596" t="s">
        <v>85</v>
      </c>
      <c r="P30596" t="s">
        <v>86</v>
      </c>
      <c r="Q30596">
        <v>6</v>
      </c>
      <c r="R30596">
        <v>6</v>
      </c>
      <c r="S30596">
        <v>6</v>
      </c>
      <c r="T30596">
        <v>6</v>
      </c>
      <c r="U30596">
        <v>7</v>
      </c>
      <c r="V30596">
        <v>7</v>
      </c>
      <c r="W30596">
        <v>7</v>
      </c>
      <c r="X30596">
        <v>7</v>
      </c>
      <c r="Y30596">
        <v>7</v>
      </c>
      <c r="Z30596">
        <v>7</v>
      </c>
      <c r="AA30596">
        <v>7</v>
      </c>
      <c r="AB30596">
        <v>7</v>
      </c>
      <c r="AC30596">
        <v>7</v>
      </c>
      <c r="AD30596">
        <v>7</v>
      </c>
      <c r="AE30596">
        <v>8</v>
      </c>
      <c r="AF30596">
        <v>8</v>
      </c>
      <c r="AG30596">
        <v>8</v>
      </c>
      <c r="AH30596">
        <v>8</v>
      </c>
      <c r="AI30596">
        <v>8</v>
      </c>
      <c r="AJ30596">
        <v>8</v>
      </c>
      <c r="AK30596">
        <v>8</v>
      </c>
      <c r="AL30596">
        <v>8</v>
      </c>
      <c r="AM30596">
        <v>8</v>
      </c>
      <c r="AN30596">
        <v>8</v>
      </c>
      <c r="AO30596">
        <v>8</v>
      </c>
      <c r="AP30596">
        <v>8</v>
      </c>
      <c r="AQ30596">
        <v>8</v>
      </c>
    </row>
    <row r="30597" spans="1:43">
      <c r="A30597" t="s">
        <v>18953</v>
      </c>
      <c r="B30597" t="s">
        <v>18954</v>
      </c>
      <c r="C30597" t="s">
        <v>18955</v>
      </c>
      <c r="D30597" t="s">
        <v>18956</v>
      </c>
      <c r="E30597" t="s">
        <v>18845</v>
      </c>
      <c r="F30597" t="s">
        <v>18846</v>
      </c>
      <c r="G30597" t="s">
        <v>10734</v>
      </c>
      <c r="H30597" t="s">
        <v>10735</v>
      </c>
      <c r="I30597" s="2">
        <v>0</v>
      </c>
      <c r="J30597" s="2">
        <v>0</v>
      </c>
      <c r="K30597" s="2">
        <v>1</v>
      </c>
      <c r="L30597" t="s">
        <v>995</v>
      </c>
      <c r="M30597" t="s">
        <v>83</v>
      </c>
      <c r="N30597" t="s">
        <v>91</v>
      </c>
      <c r="O30597" t="s">
        <v>85</v>
      </c>
      <c r="P30597" t="s">
        <v>86</v>
      </c>
      <c r="Q30597">
        <v>6</v>
      </c>
      <c r="R30597">
        <v>6</v>
      </c>
      <c r="S30597">
        <v>6</v>
      </c>
      <c r="T30597">
        <v>6</v>
      </c>
      <c r="U30597">
        <v>6</v>
      </c>
      <c r="V30597">
        <v>6</v>
      </c>
      <c r="W30597">
        <v>6</v>
      </c>
      <c r="X30597">
        <v>7</v>
      </c>
      <c r="Y30597">
        <v>7</v>
      </c>
      <c r="Z30597">
        <v>7</v>
      </c>
      <c r="AA30597">
        <v>7</v>
      </c>
      <c r="AB30597">
        <v>7</v>
      </c>
      <c r="AC30597">
        <v>7</v>
      </c>
      <c r="AD30597">
        <v>7</v>
      </c>
      <c r="AE30597">
        <v>7</v>
      </c>
      <c r="AF30597">
        <v>7</v>
      </c>
      <c r="AG30597">
        <v>7</v>
      </c>
      <c r="AH30597">
        <v>7</v>
      </c>
      <c r="AI30597">
        <v>7</v>
      </c>
      <c r="AJ30597">
        <v>7</v>
      </c>
      <c r="AK30597">
        <v>8</v>
      </c>
      <c r="AL30597">
        <v>8</v>
      </c>
      <c r="AM30597">
        <v>8</v>
      </c>
      <c r="AN30597">
        <v>8</v>
      </c>
      <c r="AO30597">
        <v>8</v>
      </c>
      <c r="AP30597">
        <v>8</v>
      </c>
      <c r="AQ30597">
        <v>8</v>
      </c>
    </row>
    <row r="30598" spans="1:43">
      <c r="A30598" t="s">
        <v>18957</v>
      </c>
      <c r="B30598" t="s">
        <v>18958</v>
      </c>
      <c r="C30598" t="s">
        <v>18955</v>
      </c>
      <c r="D30598" t="s">
        <v>18956</v>
      </c>
      <c r="E30598" t="s">
        <v>18845</v>
      </c>
      <c r="F30598" t="s">
        <v>18846</v>
      </c>
      <c r="G30598" t="s">
        <v>10734</v>
      </c>
      <c r="H30598" t="s">
        <v>10735</v>
      </c>
      <c r="I30598" s="2">
        <v>0</v>
      </c>
      <c r="J30598" s="2">
        <v>0</v>
      </c>
      <c r="K30598" s="2">
        <v>1</v>
      </c>
      <c r="L30598" t="s">
        <v>995</v>
      </c>
      <c r="M30598" t="s">
        <v>83</v>
      </c>
      <c r="N30598" t="s">
        <v>84</v>
      </c>
      <c r="O30598" t="s">
        <v>85</v>
      </c>
      <c r="P30598" t="s">
        <v>86</v>
      </c>
      <c r="Q30598">
        <v>20</v>
      </c>
      <c r="R30598">
        <v>20</v>
      </c>
      <c r="S30598">
        <v>20</v>
      </c>
      <c r="T30598">
        <v>20</v>
      </c>
      <c r="U30598">
        <v>21</v>
      </c>
      <c r="V30598">
        <v>21</v>
      </c>
      <c r="W30598">
        <v>21</v>
      </c>
      <c r="X30598">
        <v>21</v>
      </c>
      <c r="Y30598">
        <v>22</v>
      </c>
      <c r="Z30598">
        <v>22</v>
      </c>
      <c r="AA30598">
        <v>22</v>
      </c>
      <c r="AB30598">
        <v>22</v>
      </c>
      <c r="AC30598">
        <v>23</v>
      </c>
      <c r="AD30598">
        <v>23</v>
      </c>
      <c r="AE30598">
        <v>23</v>
      </c>
      <c r="AF30598">
        <v>23</v>
      </c>
      <c r="AG30598">
        <v>24</v>
      </c>
      <c r="AH30598">
        <v>24</v>
      </c>
      <c r="AI30598">
        <v>24</v>
      </c>
      <c r="AJ30598">
        <v>24</v>
      </c>
      <c r="AK30598">
        <v>25</v>
      </c>
      <c r="AL30598">
        <v>25</v>
      </c>
      <c r="AM30598">
        <v>25</v>
      </c>
      <c r="AN30598">
        <v>25</v>
      </c>
      <c r="AO30598">
        <v>25</v>
      </c>
      <c r="AP30598">
        <v>25</v>
      </c>
      <c r="AQ30598">
        <v>25</v>
      </c>
    </row>
    <row r="30599" spans="1:43">
      <c r="A30599" t="s">
        <v>18957</v>
      </c>
      <c r="B30599" t="s">
        <v>18958</v>
      </c>
      <c r="C30599" t="s">
        <v>18955</v>
      </c>
      <c r="D30599" t="s">
        <v>18956</v>
      </c>
      <c r="E30599" t="s">
        <v>18845</v>
      </c>
      <c r="F30599" t="s">
        <v>18846</v>
      </c>
      <c r="G30599" t="s">
        <v>10734</v>
      </c>
      <c r="H30599" t="s">
        <v>10735</v>
      </c>
      <c r="I30599" s="2">
        <v>0</v>
      </c>
      <c r="J30599" s="2">
        <v>0</v>
      </c>
      <c r="K30599" s="2">
        <v>1</v>
      </c>
      <c r="L30599" t="s">
        <v>995</v>
      </c>
      <c r="M30599" t="s">
        <v>87</v>
      </c>
      <c r="N30599" t="s">
        <v>88</v>
      </c>
      <c r="O30599" t="s">
        <v>85</v>
      </c>
      <c r="P30599" t="s">
        <v>86</v>
      </c>
      <c r="Q30599">
        <v>20</v>
      </c>
      <c r="R30599">
        <v>20</v>
      </c>
      <c r="S30599">
        <v>21</v>
      </c>
      <c r="T30599">
        <v>21</v>
      </c>
      <c r="U30599">
        <v>21</v>
      </c>
      <c r="V30599">
        <v>21</v>
      </c>
      <c r="W30599">
        <v>21</v>
      </c>
      <c r="X30599">
        <v>21</v>
      </c>
      <c r="Y30599">
        <v>21</v>
      </c>
      <c r="Z30599">
        <v>21</v>
      </c>
      <c r="AA30599">
        <v>21</v>
      </c>
      <c r="AB30599">
        <v>21</v>
      </c>
      <c r="AC30599">
        <v>21</v>
      </c>
      <c r="AD30599">
        <v>21</v>
      </c>
      <c r="AE30599">
        <v>22</v>
      </c>
      <c r="AF30599">
        <v>22</v>
      </c>
      <c r="AG30599">
        <v>22</v>
      </c>
      <c r="AH30599">
        <v>22</v>
      </c>
      <c r="AI30599">
        <v>22</v>
      </c>
      <c r="AJ30599">
        <v>22</v>
      </c>
      <c r="AK30599">
        <v>22</v>
      </c>
      <c r="AL30599">
        <v>22</v>
      </c>
      <c r="AM30599">
        <v>22</v>
      </c>
      <c r="AN30599">
        <v>23</v>
      </c>
      <c r="AO30599">
        <v>23</v>
      </c>
      <c r="AP30599">
        <v>23</v>
      </c>
      <c r="AQ30599">
        <v>23</v>
      </c>
    </row>
    <row r="30600" spans="1:43">
      <c r="A30600" t="s">
        <v>18957</v>
      </c>
      <c r="B30600" t="s">
        <v>18958</v>
      </c>
      <c r="C30600" t="s">
        <v>18955</v>
      </c>
      <c r="D30600" t="s">
        <v>18956</v>
      </c>
      <c r="E30600" t="s">
        <v>18845</v>
      </c>
      <c r="F30600" t="s">
        <v>18846</v>
      </c>
      <c r="G30600" t="s">
        <v>10734</v>
      </c>
      <c r="H30600" t="s">
        <v>10735</v>
      </c>
      <c r="I30600" s="2">
        <v>0</v>
      </c>
      <c r="J30600" s="2">
        <v>0</v>
      </c>
      <c r="K30600" s="2">
        <v>1</v>
      </c>
      <c r="L30600" t="s">
        <v>995</v>
      </c>
      <c r="M30600" t="s">
        <v>89</v>
      </c>
      <c r="N30600" t="s">
        <v>90</v>
      </c>
      <c r="O30600" t="s">
        <v>85</v>
      </c>
      <c r="P30600" t="s">
        <v>86</v>
      </c>
      <c r="Q30600">
        <v>20</v>
      </c>
      <c r="R30600">
        <v>20</v>
      </c>
      <c r="S30600">
        <v>21</v>
      </c>
      <c r="T30600">
        <v>21</v>
      </c>
      <c r="U30600">
        <v>21</v>
      </c>
      <c r="V30600">
        <v>22</v>
      </c>
      <c r="W30600">
        <v>22</v>
      </c>
      <c r="X30600">
        <v>23</v>
      </c>
      <c r="Y30600">
        <v>23</v>
      </c>
      <c r="Z30600">
        <v>23</v>
      </c>
      <c r="AA30600">
        <v>24</v>
      </c>
      <c r="AB30600">
        <v>24</v>
      </c>
      <c r="AC30600">
        <v>24</v>
      </c>
      <c r="AD30600">
        <v>25</v>
      </c>
      <c r="AE30600">
        <v>25</v>
      </c>
      <c r="AF30600">
        <v>25</v>
      </c>
      <c r="AG30600">
        <v>25</v>
      </c>
      <c r="AH30600">
        <v>25</v>
      </c>
      <c r="AI30600">
        <v>25</v>
      </c>
      <c r="AJ30600">
        <v>25</v>
      </c>
      <c r="AK30600">
        <v>25</v>
      </c>
      <c r="AL30600">
        <v>25</v>
      </c>
      <c r="AM30600">
        <v>25</v>
      </c>
      <c r="AN30600">
        <v>25</v>
      </c>
      <c r="AO30600">
        <v>25</v>
      </c>
      <c r="AP30600">
        <v>25</v>
      </c>
      <c r="AQ30600">
        <v>25</v>
      </c>
    </row>
    <row r="30601" spans="1:43">
      <c r="A30601" t="s">
        <v>18957</v>
      </c>
      <c r="B30601" t="s">
        <v>18958</v>
      </c>
      <c r="C30601" t="s">
        <v>18955</v>
      </c>
      <c r="D30601" t="s">
        <v>18956</v>
      </c>
      <c r="E30601" t="s">
        <v>18845</v>
      </c>
      <c r="F30601" t="s">
        <v>18846</v>
      </c>
      <c r="G30601" t="s">
        <v>10734</v>
      </c>
      <c r="H30601" t="s">
        <v>10735</v>
      </c>
      <c r="I30601" s="2">
        <v>0</v>
      </c>
      <c r="J30601" s="2">
        <v>0</v>
      </c>
      <c r="K30601" s="2">
        <v>1</v>
      </c>
      <c r="L30601" t="s">
        <v>995</v>
      </c>
      <c r="M30601" t="s">
        <v>83</v>
      </c>
      <c r="N30601" t="s">
        <v>91</v>
      </c>
      <c r="O30601" t="s">
        <v>85</v>
      </c>
      <c r="P30601" t="s">
        <v>86</v>
      </c>
      <c r="Q30601">
        <v>20</v>
      </c>
      <c r="R30601">
        <v>20</v>
      </c>
      <c r="S30601">
        <v>20</v>
      </c>
      <c r="T30601">
        <v>20</v>
      </c>
      <c r="U30601">
        <v>21</v>
      </c>
      <c r="V30601">
        <v>21</v>
      </c>
      <c r="W30601">
        <v>21</v>
      </c>
      <c r="X30601">
        <v>21</v>
      </c>
      <c r="Y30601">
        <v>22</v>
      </c>
      <c r="Z30601">
        <v>22</v>
      </c>
      <c r="AA30601">
        <v>22</v>
      </c>
      <c r="AB30601">
        <v>22</v>
      </c>
      <c r="AC30601">
        <v>23</v>
      </c>
      <c r="AD30601">
        <v>23</v>
      </c>
      <c r="AE30601">
        <v>23</v>
      </c>
      <c r="AF30601">
        <v>23</v>
      </c>
      <c r="AG30601">
        <v>24</v>
      </c>
      <c r="AH30601">
        <v>24</v>
      </c>
      <c r="AI30601">
        <v>24</v>
      </c>
      <c r="AJ30601">
        <v>24</v>
      </c>
      <c r="AK30601">
        <v>25</v>
      </c>
      <c r="AL30601">
        <v>25</v>
      </c>
      <c r="AM30601">
        <v>25</v>
      </c>
      <c r="AN30601">
        <v>25</v>
      </c>
      <c r="AO30601">
        <v>25</v>
      </c>
      <c r="AP30601">
        <v>25</v>
      </c>
      <c r="AQ30601">
        <v>25</v>
      </c>
    </row>
    <row r="30602" spans="1:43">
      <c r="A30602" t="s">
        <v>18959</v>
      </c>
      <c r="B30602" t="s">
        <v>18960</v>
      </c>
      <c r="C30602" t="s">
        <v>18955</v>
      </c>
      <c r="D30602" t="s">
        <v>18956</v>
      </c>
      <c r="E30602" t="s">
        <v>18845</v>
      </c>
      <c r="F30602" t="s">
        <v>18846</v>
      </c>
      <c r="G30602" t="s">
        <v>10734</v>
      </c>
      <c r="H30602" t="s">
        <v>10735</v>
      </c>
      <c r="I30602" s="2">
        <v>0</v>
      </c>
      <c r="J30602" s="2">
        <v>0</v>
      </c>
      <c r="K30602" s="2">
        <v>1</v>
      </c>
      <c r="L30602" t="s">
        <v>995</v>
      </c>
      <c r="M30602" t="s">
        <v>83</v>
      </c>
      <c r="N30602" t="s">
        <v>84</v>
      </c>
      <c r="O30602" t="s">
        <v>85</v>
      </c>
      <c r="P30602" t="s">
        <v>86</v>
      </c>
      <c r="Q30602">
        <v>17</v>
      </c>
      <c r="R30602">
        <v>17</v>
      </c>
      <c r="S30602">
        <v>17</v>
      </c>
      <c r="T30602">
        <v>18</v>
      </c>
      <c r="U30602">
        <v>18</v>
      </c>
      <c r="V30602">
        <v>18</v>
      </c>
      <c r="W30602">
        <v>18</v>
      </c>
      <c r="X30602">
        <v>19</v>
      </c>
      <c r="Y30602">
        <v>19</v>
      </c>
      <c r="Z30602">
        <v>19</v>
      </c>
      <c r="AA30602">
        <v>19</v>
      </c>
      <c r="AB30602">
        <v>19</v>
      </c>
      <c r="AC30602">
        <v>20</v>
      </c>
      <c r="AD30602">
        <v>20</v>
      </c>
      <c r="AE30602">
        <v>20</v>
      </c>
      <c r="AF30602">
        <v>20</v>
      </c>
      <c r="AG30602">
        <v>21</v>
      </c>
      <c r="AH30602">
        <v>21</v>
      </c>
      <c r="AI30602">
        <v>21</v>
      </c>
      <c r="AJ30602">
        <v>21</v>
      </c>
      <c r="AK30602">
        <v>22</v>
      </c>
      <c r="AL30602">
        <v>22</v>
      </c>
      <c r="AM30602">
        <v>22</v>
      </c>
      <c r="AN30602">
        <v>22</v>
      </c>
      <c r="AO30602">
        <v>22</v>
      </c>
      <c r="AP30602">
        <v>22</v>
      </c>
      <c r="AQ30602">
        <v>22</v>
      </c>
    </row>
    <row r="30603" spans="1:43">
      <c r="A30603" t="s">
        <v>18959</v>
      </c>
      <c r="B30603" t="s">
        <v>18960</v>
      </c>
      <c r="C30603" t="s">
        <v>18955</v>
      </c>
      <c r="D30603" t="s">
        <v>18956</v>
      </c>
      <c r="E30603" t="s">
        <v>18845</v>
      </c>
      <c r="F30603" t="s">
        <v>18846</v>
      </c>
      <c r="G30603" t="s">
        <v>10734</v>
      </c>
      <c r="H30603" t="s">
        <v>10735</v>
      </c>
      <c r="I30603" s="2">
        <v>0</v>
      </c>
      <c r="J30603" s="2">
        <v>0</v>
      </c>
      <c r="K30603" s="2">
        <v>1</v>
      </c>
      <c r="L30603" t="s">
        <v>995</v>
      </c>
      <c r="M30603" t="s">
        <v>87</v>
      </c>
      <c r="N30603" t="s">
        <v>88</v>
      </c>
      <c r="O30603" t="s">
        <v>85</v>
      </c>
      <c r="P30603" t="s">
        <v>86</v>
      </c>
      <c r="Q30603">
        <v>17</v>
      </c>
      <c r="R30603">
        <v>17</v>
      </c>
      <c r="S30603">
        <v>17</v>
      </c>
      <c r="T30603">
        <v>17</v>
      </c>
      <c r="U30603">
        <v>17</v>
      </c>
      <c r="V30603">
        <v>17</v>
      </c>
      <c r="W30603">
        <v>17</v>
      </c>
      <c r="X30603">
        <v>17</v>
      </c>
      <c r="Y30603">
        <v>17</v>
      </c>
      <c r="Z30603">
        <v>17</v>
      </c>
      <c r="AA30603">
        <v>18</v>
      </c>
      <c r="AB30603">
        <v>18</v>
      </c>
      <c r="AC30603">
        <v>18</v>
      </c>
      <c r="AD30603">
        <v>18</v>
      </c>
      <c r="AE30603">
        <v>18</v>
      </c>
      <c r="AF30603">
        <v>18</v>
      </c>
      <c r="AG30603">
        <v>18</v>
      </c>
      <c r="AH30603">
        <v>18</v>
      </c>
      <c r="AI30603">
        <v>18</v>
      </c>
      <c r="AJ30603">
        <v>18</v>
      </c>
      <c r="AK30603">
        <v>18</v>
      </c>
      <c r="AL30603">
        <v>19</v>
      </c>
      <c r="AM30603">
        <v>19</v>
      </c>
      <c r="AN30603">
        <v>19</v>
      </c>
      <c r="AO30603">
        <v>19</v>
      </c>
      <c r="AP30603">
        <v>19</v>
      </c>
      <c r="AQ30603">
        <v>19</v>
      </c>
    </row>
    <row r="30604" spans="1:43">
      <c r="A30604" t="s">
        <v>18959</v>
      </c>
      <c r="B30604" t="s">
        <v>18960</v>
      </c>
      <c r="C30604" t="s">
        <v>18955</v>
      </c>
      <c r="D30604" t="s">
        <v>18956</v>
      </c>
      <c r="E30604" t="s">
        <v>18845</v>
      </c>
      <c r="F30604" t="s">
        <v>18846</v>
      </c>
      <c r="G30604" t="s">
        <v>10734</v>
      </c>
      <c r="H30604" t="s">
        <v>10735</v>
      </c>
      <c r="I30604" s="2">
        <v>0</v>
      </c>
      <c r="J30604" s="2">
        <v>0</v>
      </c>
      <c r="K30604" s="2">
        <v>1</v>
      </c>
      <c r="L30604" t="s">
        <v>995</v>
      </c>
      <c r="M30604" t="s">
        <v>89</v>
      </c>
      <c r="N30604" t="s">
        <v>90</v>
      </c>
      <c r="O30604" t="s">
        <v>85</v>
      </c>
      <c r="P30604" t="s">
        <v>86</v>
      </c>
      <c r="Q30604">
        <v>17</v>
      </c>
      <c r="R30604">
        <v>18</v>
      </c>
      <c r="S30604">
        <v>18</v>
      </c>
      <c r="T30604">
        <v>18</v>
      </c>
      <c r="U30604">
        <v>19</v>
      </c>
      <c r="V30604">
        <v>19</v>
      </c>
      <c r="W30604">
        <v>19</v>
      </c>
      <c r="X30604">
        <v>20</v>
      </c>
      <c r="Y30604">
        <v>20</v>
      </c>
      <c r="Z30604">
        <v>20</v>
      </c>
      <c r="AA30604">
        <v>20</v>
      </c>
      <c r="AB30604">
        <v>21</v>
      </c>
      <c r="AC30604">
        <v>21</v>
      </c>
      <c r="AD30604">
        <v>21</v>
      </c>
      <c r="AE30604">
        <v>22</v>
      </c>
      <c r="AF30604">
        <v>22</v>
      </c>
      <c r="AG30604">
        <v>22</v>
      </c>
      <c r="AH30604">
        <v>22</v>
      </c>
      <c r="AI30604">
        <v>22</v>
      </c>
      <c r="AJ30604">
        <v>22</v>
      </c>
      <c r="AK30604">
        <v>22</v>
      </c>
      <c r="AL30604">
        <v>22</v>
      </c>
      <c r="AM30604">
        <v>22</v>
      </c>
      <c r="AN30604">
        <v>22</v>
      </c>
      <c r="AO30604">
        <v>22</v>
      </c>
      <c r="AP30604">
        <v>22</v>
      </c>
      <c r="AQ30604">
        <v>22</v>
      </c>
    </row>
    <row r="30605" spans="1:43">
      <c r="A30605" t="s">
        <v>18959</v>
      </c>
      <c r="B30605" t="s">
        <v>18960</v>
      </c>
      <c r="C30605" t="s">
        <v>18955</v>
      </c>
      <c r="D30605" t="s">
        <v>18956</v>
      </c>
      <c r="E30605" t="s">
        <v>18845</v>
      </c>
      <c r="F30605" t="s">
        <v>18846</v>
      </c>
      <c r="G30605" t="s">
        <v>10734</v>
      </c>
      <c r="H30605" t="s">
        <v>10735</v>
      </c>
      <c r="I30605" s="2">
        <v>0</v>
      </c>
      <c r="J30605" s="2">
        <v>0</v>
      </c>
      <c r="K30605" s="2">
        <v>1</v>
      </c>
      <c r="L30605" t="s">
        <v>995</v>
      </c>
      <c r="M30605" t="s">
        <v>83</v>
      </c>
      <c r="N30605" t="s">
        <v>91</v>
      </c>
      <c r="O30605" t="s">
        <v>85</v>
      </c>
      <c r="P30605" t="s">
        <v>86</v>
      </c>
      <c r="Q30605">
        <v>17</v>
      </c>
      <c r="R30605">
        <v>17</v>
      </c>
      <c r="S30605">
        <v>17</v>
      </c>
      <c r="T30605">
        <v>18</v>
      </c>
      <c r="U30605">
        <v>18</v>
      </c>
      <c r="V30605">
        <v>18</v>
      </c>
      <c r="W30605">
        <v>18</v>
      </c>
      <c r="X30605">
        <v>19</v>
      </c>
      <c r="Y30605">
        <v>19</v>
      </c>
      <c r="Z30605">
        <v>19</v>
      </c>
      <c r="AA30605">
        <v>19</v>
      </c>
      <c r="AB30605">
        <v>19</v>
      </c>
      <c r="AC30605">
        <v>20</v>
      </c>
      <c r="AD30605">
        <v>20</v>
      </c>
      <c r="AE30605">
        <v>20</v>
      </c>
      <c r="AF30605">
        <v>20</v>
      </c>
      <c r="AG30605">
        <v>21</v>
      </c>
      <c r="AH30605">
        <v>21</v>
      </c>
      <c r="AI30605">
        <v>21</v>
      </c>
      <c r="AJ30605">
        <v>21</v>
      </c>
      <c r="AK30605">
        <v>22</v>
      </c>
      <c r="AL30605">
        <v>22</v>
      </c>
      <c r="AM30605">
        <v>22</v>
      </c>
      <c r="AN30605">
        <v>22</v>
      </c>
      <c r="AO30605">
        <v>22</v>
      </c>
      <c r="AP30605">
        <v>22</v>
      </c>
      <c r="AQ30605">
        <v>22</v>
      </c>
    </row>
    <row r="30606" spans="1:43">
      <c r="A30606" t="s">
        <v>18961</v>
      </c>
      <c r="B30606" t="s">
        <v>18962</v>
      </c>
      <c r="C30606" t="s">
        <v>18955</v>
      </c>
      <c r="D30606" t="s">
        <v>18956</v>
      </c>
      <c r="E30606" t="s">
        <v>18845</v>
      </c>
      <c r="F30606" t="s">
        <v>18846</v>
      </c>
      <c r="G30606" t="s">
        <v>10734</v>
      </c>
      <c r="H30606" t="s">
        <v>10735</v>
      </c>
      <c r="I30606" s="2">
        <v>0</v>
      </c>
      <c r="J30606" s="2">
        <v>0</v>
      </c>
      <c r="K30606" s="2">
        <v>1</v>
      </c>
      <c r="L30606" t="s">
        <v>995</v>
      </c>
      <c r="M30606" t="s">
        <v>83</v>
      </c>
      <c r="N30606" t="s">
        <v>84</v>
      </c>
      <c r="O30606" t="s">
        <v>85</v>
      </c>
      <c r="P30606" t="s">
        <v>86</v>
      </c>
      <c r="Q30606">
        <v>22</v>
      </c>
      <c r="R30606">
        <v>23</v>
      </c>
      <c r="S30606">
        <v>23</v>
      </c>
      <c r="T30606">
        <v>23</v>
      </c>
      <c r="U30606">
        <v>23</v>
      </c>
      <c r="V30606">
        <v>24</v>
      </c>
      <c r="W30606">
        <v>24</v>
      </c>
      <c r="X30606">
        <v>24</v>
      </c>
      <c r="Y30606">
        <v>25</v>
      </c>
      <c r="Z30606">
        <v>25</v>
      </c>
      <c r="AA30606">
        <v>25</v>
      </c>
      <c r="AB30606">
        <v>25</v>
      </c>
      <c r="AC30606">
        <v>26</v>
      </c>
      <c r="AD30606">
        <v>26</v>
      </c>
      <c r="AE30606">
        <v>26</v>
      </c>
      <c r="AF30606">
        <v>27</v>
      </c>
      <c r="AG30606">
        <v>27</v>
      </c>
      <c r="AH30606">
        <v>27</v>
      </c>
      <c r="AI30606">
        <v>28</v>
      </c>
      <c r="AJ30606">
        <v>28</v>
      </c>
      <c r="AK30606">
        <v>28</v>
      </c>
      <c r="AL30606">
        <v>28</v>
      </c>
      <c r="AM30606">
        <v>28</v>
      </c>
      <c r="AN30606">
        <v>28</v>
      </c>
      <c r="AO30606">
        <v>29</v>
      </c>
      <c r="AP30606">
        <v>29</v>
      </c>
      <c r="AQ30606">
        <v>29</v>
      </c>
    </row>
    <row r="30607" spans="1:43">
      <c r="A30607" t="s">
        <v>18961</v>
      </c>
      <c r="B30607" t="s">
        <v>18962</v>
      </c>
      <c r="C30607" t="s">
        <v>18955</v>
      </c>
      <c r="D30607" t="s">
        <v>18956</v>
      </c>
      <c r="E30607" t="s">
        <v>18845</v>
      </c>
      <c r="F30607" t="s">
        <v>18846</v>
      </c>
      <c r="G30607" t="s">
        <v>10734</v>
      </c>
      <c r="H30607" t="s">
        <v>10735</v>
      </c>
      <c r="I30607" s="2">
        <v>0</v>
      </c>
      <c r="J30607" s="2">
        <v>0</v>
      </c>
      <c r="K30607" s="2">
        <v>1</v>
      </c>
      <c r="L30607" t="s">
        <v>995</v>
      </c>
      <c r="M30607" t="s">
        <v>87</v>
      </c>
      <c r="N30607" t="s">
        <v>88</v>
      </c>
      <c r="O30607" t="s">
        <v>85</v>
      </c>
      <c r="P30607" t="s">
        <v>86</v>
      </c>
      <c r="Q30607">
        <v>22</v>
      </c>
      <c r="R30607">
        <v>22</v>
      </c>
      <c r="S30607">
        <v>22</v>
      </c>
      <c r="T30607">
        <v>22</v>
      </c>
      <c r="U30607">
        <v>22</v>
      </c>
      <c r="V30607">
        <v>22</v>
      </c>
      <c r="W30607">
        <v>23</v>
      </c>
      <c r="X30607">
        <v>23</v>
      </c>
      <c r="Y30607">
        <v>23</v>
      </c>
      <c r="Z30607">
        <v>23</v>
      </c>
      <c r="AA30607">
        <v>23</v>
      </c>
      <c r="AB30607">
        <v>23</v>
      </c>
      <c r="AC30607">
        <v>23</v>
      </c>
      <c r="AD30607">
        <v>23</v>
      </c>
      <c r="AE30607">
        <v>23</v>
      </c>
      <c r="AF30607">
        <v>23</v>
      </c>
      <c r="AG30607">
        <v>24</v>
      </c>
      <c r="AH30607">
        <v>24</v>
      </c>
      <c r="AI30607">
        <v>24</v>
      </c>
      <c r="AJ30607">
        <v>24</v>
      </c>
      <c r="AK30607">
        <v>24</v>
      </c>
      <c r="AL30607">
        <v>24</v>
      </c>
      <c r="AM30607">
        <v>24</v>
      </c>
      <c r="AN30607">
        <v>25</v>
      </c>
      <c r="AO30607">
        <v>25</v>
      </c>
      <c r="AP30607">
        <v>25</v>
      </c>
      <c r="AQ30607">
        <v>25</v>
      </c>
    </row>
    <row r="30608" spans="1:43">
      <c r="A30608" t="s">
        <v>18961</v>
      </c>
      <c r="B30608" t="s">
        <v>18962</v>
      </c>
      <c r="C30608" t="s">
        <v>18955</v>
      </c>
      <c r="D30608" t="s">
        <v>18956</v>
      </c>
      <c r="E30608" t="s">
        <v>18845</v>
      </c>
      <c r="F30608" t="s">
        <v>18846</v>
      </c>
      <c r="G30608" t="s">
        <v>10734</v>
      </c>
      <c r="H30608" t="s">
        <v>10735</v>
      </c>
      <c r="I30608" s="2">
        <v>0</v>
      </c>
      <c r="J30608" s="2">
        <v>0</v>
      </c>
      <c r="K30608" s="2">
        <v>1</v>
      </c>
      <c r="L30608" t="s">
        <v>995</v>
      </c>
      <c r="M30608" t="s">
        <v>89</v>
      </c>
      <c r="N30608" t="s">
        <v>90</v>
      </c>
      <c r="O30608" t="s">
        <v>85</v>
      </c>
      <c r="P30608" t="s">
        <v>86</v>
      </c>
      <c r="Q30608">
        <v>22</v>
      </c>
      <c r="R30608">
        <v>23</v>
      </c>
      <c r="S30608">
        <v>23</v>
      </c>
      <c r="T30608">
        <v>24</v>
      </c>
      <c r="U30608">
        <v>24</v>
      </c>
      <c r="V30608">
        <v>25</v>
      </c>
      <c r="W30608">
        <v>25</v>
      </c>
      <c r="X30608">
        <v>26</v>
      </c>
      <c r="Y30608">
        <v>26</v>
      </c>
      <c r="Z30608">
        <v>26</v>
      </c>
      <c r="AA30608">
        <v>27</v>
      </c>
      <c r="AB30608">
        <v>27</v>
      </c>
      <c r="AC30608">
        <v>28</v>
      </c>
      <c r="AD30608">
        <v>28</v>
      </c>
      <c r="AE30608">
        <v>28</v>
      </c>
      <c r="AF30608">
        <v>28</v>
      </c>
      <c r="AG30608">
        <v>28</v>
      </c>
      <c r="AH30608">
        <v>28</v>
      </c>
      <c r="AI30608">
        <v>28</v>
      </c>
      <c r="AJ30608">
        <v>28</v>
      </c>
      <c r="AK30608">
        <v>28</v>
      </c>
      <c r="AL30608">
        <v>29</v>
      </c>
      <c r="AM30608">
        <v>29</v>
      </c>
      <c r="AN30608">
        <v>29</v>
      </c>
      <c r="AO30608">
        <v>29</v>
      </c>
      <c r="AP30608">
        <v>29</v>
      </c>
      <c r="AQ30608">
        <v>29</v>
      </c>
    </row>
    <row r="30609" spans="1:43">
      <c r="A30609" t="s">
        <v>18961</v>
      </c>
      <c r="B30609" t="s">
        <v>18962</v>
      </c>
      <c r="C30609" t="s">
        <v>18955</v>
      </c>
      <c r="D30609" t="s">
        <v>18956</v>
      </c>
      <c r="E30609" t="s">
        <v>18845</v>
      </c>
      <c r="F30609" t="s">
        <v>18846</v>
      </c>
      <c r="G30609" t="s">
        <v>10734</v>
      </c>
      <c r="H30609" t="s">
        <v>10735</v>
      </c>
      <c r="I30609" s="2">
        <v>0</v>
      </c>
      <c r="J30609" s="2">
        <v>0</v>
      </c>
      <c r="K30609" s="2">
        <v>1</v>
      </c>
      <c r="L30609" t="s">
        <v>995</v>
      </c>
      <c r="M30609" t="s">
        <v>83</v>
      </c>
      <c r="N30609" t="s">
        <v>91</v>
      </c>
      <c r="O30609" t="s">
        <v>85</v>
      </c>
      <c r="P30609" t="s">
        <v>86</v>
      </c>
      <c r="Q30609">
        <v>22</v>
      </c>
      <c r="R30609">
        <v>23</v>
      </c>
      <c r="S30609">
        <v>23</v>
      </c>
      <c r="T30609">
        <v>23</v>
      </c>
      <c r="U30609">
        <v>23</v>
      </c>
      <c r="V30609">
        <v>24</v>
      </c>
      <c r="W30609">
        <v>24</v>
      </c>
      <c r="X30609">
        <v>24</v>
      </c>
      <c r="Y30609">
        <v>25</v>
      </c>
      <c r="Z30609">
        <v>25</v>
      </c>
      <c r="AA30609">
        <v>25</v>
      </c>
      <c r="AB30609">
        <v>25</v>
      </c>
      <c r="AC30609">
        <v>26</v>
      </c>
      <c r="AD30609">
        <v>26</v>
      </c>
      <c r="AE30609">
        <v>26</v>
      </c>
      <c r="AF30609">
        <v>27</v>
      </c>
      <c r="AG30609">
        <v>27</v>
      </c>
      <c r="AH30609">
        <v>27</v>
      </c>
      <c r="AI30609">
        <v>28</v>
      </c>
      <c r="AJ30609">
        <v>28</v>
      </c>
      <c r="AK30609">
        <v>28</v>
      </c>
      <c r="AL30609">
        <v>28</v>
      </c>
      <c r="AM30609">
        <v>28</v>
      </c>
      <c r="AN30609">
        <v>28</v>
      </c>
      <c r="AO30609">
        <v>29</v>
      </c>
      <c r="AP30609">
        <v>29</v>
      </c>
      <c r="AQ30609">
        <v>29</v>
      </c>
    </row>
    <row r="30610" spans="1:43">
      <c r="A30610" t="s">
        <v>18963</v>
      </c>
      <c r="B30610" t="s">
        <v>18964</v>
      </c>
      <c r="C30610" t="s">
        <v>18955</v>
      </c>
      <c r="D30610" t="s">
        <v>18956</v>
      </c>
      <c r="E30610" t="s">
        <v>18845</v>
      </c>
      <c r="F30610" t="s">
        <v>18846</v>
      </c>
      <c r="G30610" t="s">
        <v>10734</v>
      </c>
      <c r="H30610" t="s">
        <v>10735</v>
      </c>
      <c r="I30610" s="2">
        <v>0</v>
      </c>
      <c r="J30610" s="2">
        <v>0</v>
      </c>
      <c r="K30610" s="2">
        <v>1</v>
      </c>
      <c r="L30610" t="s">
        <v>995</v>
      </c>
      <c r="M30610" t="s">
        <v>83</v>
      </c>
      <c r="N30610" t="s">
        <v>84</v>
      </c>
      <c r="O30610" t="s">
        <v>85</v>
      </c>
      <c r="P30610" t="s">
        <v>86</v>
      </c>
      <c r="Q30610">
        <v>5</v>
      </c>
      <c r="R30610">
        <v>5</v>
      </c>
      <c r="S30610">
        <v>5</v>
      </c>
      <c r="T30610">
        <v>5</v>
      </c>
      <c r="U30610">
        <v>5</v>
      </c>
      <c r="V30610">
        <v>5</v>
      </c>
      <c r="W30610">
        <v>5</v>
      </c>
      <c r="X30610">
        <v>5</v>
      </c>
      <c r="Y30610">
        <v>5</v>
      </c>
      <c r="Z30610">
        <v>5</v>
      </c>
      <c r="AA30610">
        <v>5</v>
      </c>
      <c r="AB30610">
        <v>6</v>
      </c>
      <c r="AC30610">
        <v>6</v>
      </c>
      <c r="AD30610">
        <v>6</v>
      </c>
      <c r="AE30610">
        <v>6</v>
      </c>
      <c r="AF30610">
        <v>6</v>
      </c>
      <c r="AG30610">
        <v>6</v>
      </c>
      <c r="AH30610">
        <v>6</v>
      </c>
      <c r="AI30610">
        <v>6</v>
      </c>
      <c r="AJ30610">
        <v>6</v>
      </c>
      <c r="AK30610">
        <v>6</v>
      </c>
      <c r="AL30610">
        <v>6</v>
      </c>
      <c r="AM30610">
        <v>6</v>
      </c>
      <c r="AN30610">
        <v>6</v>
      </c>
      <c r="AO30610">
        <v>6</v>
      </c>
      <c r="AP30610">
        <v>6</v>
      </c>
      <c r="AQ30610">
        <v>6</v>
      </c>
    </row>
    <row r="30611" spans="1:43">
      <c r="A30611" t="s">
        <v>18963</v>
      </c>
      <c r="B30611" t="s">
        <v>18964</v>
      </c>
      <c r="C30611" t="s">
        <v>18955</v>
      </c>
      <c r="D30611" t="s">
        <v>18956</v>
      </c>
      <c r="E30611" t="s">
        <v>18845</v>
      </c>
      <c r="F30611" t="s">
        <v>18846</v>
      </c>
      <c r="G30611" t="s">
        <v>10734</v>
      </c>
      <c r="H30611" t="s">
        <v>10735</v>
      </c>
      <c r="I30611" s="2">
        <v>0</v>
      </c>
      <c r="J30611" s="2">
        <v>0</v>
      </c>
      <c r="K30611" s="2">
        <v>1</v>
      </c>
      <c r="L30611" t="s">
        <v>995</v>
      </c>
      <c r="M30611" t="s">
        <v>87</v>
      </c>
      <c r="N30611" t="s">
        <v>88</v>
      </c>
      <c r="O30611" t="s">
        <v>85</v>
      </c>
      <c r="P30611" t="s">
        <v>86</v>
      </c>
      <c r="Q30611">
        <v>5</v>
      </c>
      <c r="R30611">
        <v>5</v>
      </c>
      <c r="S30611">
        <v>5</v>
      </c>
      <c r="T30611">
        <v>5</v>
      </c>
      <c r="U30611">
        <v>5</v>
      </c>
      <c r="V30611">
        <v>5</v>
      </c>
      <c r="W30611">
        <v>5</v>
      </c>
      <c r="X30611">
        <v>5</v>
      </c>
      <c r="Y30611">
        <v>5</v>
      </c>
      <c r="Z30611">
        <v>5</v>
      </c>
      <c r="AA30611">
        <v>5</v>
      </c>
      <c r="AB30611">
        <v>5</v>
      </c>
      <c r="AC30611">
        <v>5</v>
      </c>
      <c r="AD30611">
        <v>5</v>
      </c>
      <c r="AE30611">
        <v>5</v>
      </c>
      <c r="AF30611">
        <v>5</v>
      </c>
      <c r="AG30611">
        <v>5</v>
      </c>
      <c r="AH30611">
        <v>5</v>
      </c>
      <c r="AI30611">
        <v>5</v>
      </c>
      <c r="AJ30611">
        <v>5</v>
      </c>
      <c r="AK30611">
        <v>5</v>
      </c>
      <c r="AL30611">
        <v>5</v>
      </c>
      <c r="AM30611">
        <v>5</v>
      </c>
      <c r="AN30611">
        <v>5</v>
      </c>
      <c r="AO30611">
        <v>5</v>
      </c>
      <c r="AP30611">
        <v>5</v>
      </c>
      <c r="AQ30611">
        <v>5</v>
      </c>
    </row>
    <row r="30612" spans="1:43">
      <c r="A30612" t="s">
        <v>18963</v>
      </c>
      <c r="B30612" t="s">
        <v>18964</v>
      </c>
      <c r="C30612" t="s">
        <v>18955</v>
      </c>
      <c r="D30612" t="s">
        <v>18956</v>
      </c>
      <c r="E30612" t="s">
        <v>18845</v>
      </c>
      <c r="F30612" t="s">
        <v>18846</v>
      </c>
      <c r="G30612" t="s">
        <v>10734</v>
      </c>
      <c r="H30612" t="s">
        <v>10735</v>
      </c>
      <c r="I30612" s="2">
        <v>0</v>
      </c>
      <c r="J30612" s="2">
        <v>0</v>
      </c>
      <c r="K30612" s="2">
        <v>1</v>
      </c>
      <c r="L30612" t="s">
        <v>995</v>
      </c>
      <c r="M30612" t="s">
        <v>89</v>
      </c>
      <c r="N30612" t="s">
        <v>90</v>
      </c>
      <c r="O30612" t="s">
        <v>85</v>
      </c>
      <c r="P30612" t="s">
        <v>86</v>
      </c>
      <c r="Q30612">
        <v>5</v>
      </c>
      <c r="R30612">
        <v>5</v>
      </c>
      <c r="S30612">
        <v>5</v>
      </c>
      <c r="T30612">
        <v>5</v>
      </c>
      <c r="U30612">
        <v>5</v>
      </c>
      <c r="V30612">
        <v>5</v>
      </c>
      <c r="W30612">
        <v>5</v>
      </c>
      <c r="X30612">
        <v>6</v>
      </c>
      <c r="Y30612">
        <v>6</v>
      </c>
      <c r="Z30612">
        <v>6</v>
      </c>
      <c r="AA30612">
        <v>6</v>
      </c>
      <c r="AB30612">
        <v>6</v>
      </c>
      <c r="AC30612">
        <v>6</v>
      </c>
      <c r="AD30612">
        <v>6</v>
      </c>
      <c r="AE30612">
        <v>6</v>
      </c>
      <c r="AF30612">
        <v>6</v>
      </c>
      <c r="AG30612">
        <v>6</v>
      </c>
      <c r="AH30612">
        <v>6</v>
      </c>
      <c r="AI30612">
        <v>6</v>
      </c>
      <c r="AJ30612">
        <v>6</v>
      </c>
      <c r="AK30612">
        <v>6</v>
      </c>
      <c r="AL30612">
        <v>6</v>
      </c>
      <c r="AM30612">
        <v>6</v>
      </c>
      <c r="AN30612">
        <v>6</v>
      </c>
      <c r="AO30612">
        <v>6</v>
      </c>
      <c r="AP30612">
        <v>6</v>
      </c>
      <c r="AQ30612">
        <v>6</v>
      </c>
    </row>
    <row r="30613" spans="1:43">
      <c r="A30613" t="s">
        <v>18963</v>
      </c>
      <c r="B30613" t="s">
        <v>18964</v>
      </c>
      <c r="C30613" t="s">
        <v>18955</v>
      </c>
      <c r="D30613" t="s">
        <v>18956</v>
      </c>
      <c r="E30613" t="s">
        <v>18845</v>
      </c>
      <c r="F30613" t="s">
        <v>18846</v>
      </c>
      <c r="G30613" t="s">
        <v>10734</v>
      </c>
      <c r="H30613" t="s">
        <v>10735</v>
      </c>
      <c r="I30613" s="2">
        <v>0</v>
      </c>
      <c r="J30613" s="2">
        <v>0</v>
      </c>
      <c r="K30613" s="2">
        <v>1</v>
      </c>
      <c r="L30613" t="s">
        <v>995</v>
      </c>
      <c r="M30613" t="s">
        <v>83</v>
      </c>
      <c r="N30613" t="s">
        <v>91</v>
      </c>
      <c r="O30613" t="s">
        <v>85</v>
      </c>
      <c r="P30613" t="s">
        <v>86</v>
      </c>
      <c r="Q30613">
        <v>5</v>
      </c>
      <c r="R30613">
        <v>5</v>
      </c>
      <c r="S30613">
        <v>5</v>
      </c>
      <c r="T30613">
        <v>5</v>
      </c>
      <c r="U30613">
        <v>5</v>
      </c>
      <c r="V30613">
        <v>5</v>
      </c>
      <c r="W30613">
        <v>5</v>
      </c>
      <c r="X30613">
        <v>5</v>
      </c>
      <c r="Y30613">
        <v>5</v>
      </c>
      <c r="Z30613">
        <v>5</v>
      </c>
      <c r="AA30613">
        <v>5</v>
      </c>
      <c r="AB30613">
        <v>6</v>
      </c>
      <c r="AC30613">
        <v>6</v>
      </c>
      <c r="AD30613">
        <v>6</v>
      </c>
      <c r="AE30613">
        <v>6</v>
      </c>
      <c r="AF30613">
        <v>6</v>
      </c>
      <c r="AG30613">
        <v>6</v>
      </c>
      <c r="AH30613">
        <v>6</v>
      </c>
      <c r="AI30613">
        <v>6</v>
      </c>
      <c r="AJ30613">
        <v>6</v>
      </c>
      <c r="AK30613">
        <v>6</v>
      </c>
      <c r="AL30613">
        <v>6</v>
      </c>
      <c r="AM30613">
        <v>6</v>
      </c>
      <c r="AN30613">
        <v>6</v>
      </c>
      <c r="AO30613">
        <v>6</v>
      </c>
      <c r="AP30613">
        <v>6</v>
      </c>
      <c r="AQ30613">
        <v>6</v>
      </c>
    </row>
    <row r="30614" spans="1:43">
      <c r="A30614" t="s">
        <v>18965</v>
      </c>
      <c r="B30614" t="s">
        <v>18966</v>
      </c>
      <c r="C30614" t="s">
        <v>18967</v>
      </c>
      <c r="D30614" t="s">
        <v>18968</v>
      </c>
      <c r="E30614" t="s">
        <v>18845</v>
      </c>
      <c r="F30614" t="s">
        <v>18846</v>
      </c>
      <c r="G30614" t="s">
        <v>10734</v>
      </c>
      <c r="H30614" t="s">
        <v>10735</v>
      </c>
      <c r="I30614" s="2">
        <v>0</v>
      </c>
      <c r="J30614" s="2">
        <v>0</v>
      </c>
      <c r="K30614" s="2">
        <v>1</v>
      </c>
      <c r="L30614" t="s">
        <v>995</v>
      </c>
      <c r="M30614" t="s">
        <v>83</v>
      </c>
      <c r="N30614" t="s">
        <v>84</v>
      </c>
      <c r="O30614" t="s">
        <v>85</v>
      </c>
      <c r="P30614" t="s">
        <v>86</v>
      </c>
      <c r="Q30614">
        <v>11</v>
      </c>
      <c r="R30614">
        <v>11</v>
      </c>
      <c r="S30614">
        <v>11</v>
      </c>
      <c r="T30614">
        <v>11</v>
      </c>
      <c r="U30614">
        <v>11</v>
      </c>
      <c r="V30614">
        <v>11</v>
      </c>
      <c r="W30614">
        <v>12</v>
      </c>
      <c r="X30614">
        <v>12</v>
      </c>
      <c r="Y30614">
        <v>12</v>
      </c>
      <c r="Z30614">
        <v>12</v>
      </c>
      <c r="AA30614">
        <v>12</v>
      </c>
      <c r="AB30614">
        <v>12</v>
      </c>
      <c r="AC30614">
        <v>12</v>
      </c>
      <c r="AD30614">
        <v>13</v>
      </c>
      <c r="AE30614">
        <v>13</v>
      </c>
      <c r="AF30614">
        <v>13</v>
      </c>
      <c r="AG30614">
        <v>13</v>
      </c>
      <c r="AH30614">
        <v>13</v>
      </c>
      <c r="AI30614">
        <v>13</v>
      </c>
      <c r="AJ30614">
        <v>13</v>
      </c>
      <c r="AK30614">
        <v>14</v>
      </c>
      <c r="AL30614">
        <v>14</v>
      </c>
      <c r="AM30614">
        <v>14</v>
      </c>
      <c r="AN30614">
        <v>14</v>
      </c>
      <c r="AO30614">
        <v>14</v>
      </c>
      <c r="AP30614">
        <v>14</v>
      </c>
      <c r="AQ30614">
        <v>14</v>
      </c>
    </row>
    <row r="30615" spans="1:43">
      <c r="A30615" t="s">
        <v>18965</v>
      </c>
      <c r="B30615" t="s">
        <v>18966</v>
      </c>
      <c r="C30615" t="s">
        <v>18967</v>
      </c>
      <c r="D30615" t="s">
        <v>18968</v>
      </c>
      <c r="E30615" t="s">
        <v>18845</v>
      </c>
      <c r="F30615" t="s">
        <v>18846</v>
      </c>
      <c r="G30615" t="s">
        <v>10734</v>
      </c>
      <c r="H30615" t="s">
        <v>10735</v>
      </c>
      <c r="I30615" s="2">
        <v>0</v>
      </c>
      <c r="J30615" s="2">
        <v>0</v>
      </c>
      <c r="K30615" s="2">
        <v>1</v>
      </c>
      <c r="L30615" t="s">
        <v>995</v>
      </c>
      <c r="M30615" t="s">
        <v>87</v>
      </c>
      <c r="N30615" t="s">
        <v>88</v>
      </c>
      <c r="O30615" t="s">
        <v>85</v>
      </c>
      <c r="P30615" t="s">
        <v>86</v>
      </c>
      <c r="Q30615">
        <v>11</v>
      </c>
      <c r="R30615">
        <v>11</v>
      </c>
      <c r="S30615">
        <v>11</v>
      </c>
      <c r="T30615">
        <v>11</v>
      </c>
      <c r="U30615">
        <v>11</v>
      </c>
      <c r="V30615">
        <v>11</v>
      </c>
      <c r="W30615">
        <v>11</v>
      </c>
      <c r="X30615">
        <v>11</v>
      </c>
      <c r="Y30615">
        <v>11</v>
      </c>
      <c r="Z30615">
        <v>11</v>
      </c>
      <c r="AA30615">
        <v>11</v>
      </c>
      <c r="AB30615">
        <v>11</v>
      </c>
      <c r="AC30615">
        <v>11</v>
      </c>
      <c r="AD30615">
        <v>11</v>
      </c>
      <c r="AE30615">
        <v>11</v>
      </c>
      <c r="AF30615">
        <v>11</v>
      </c>
      <c r="AG30615">
        <v>11</v>
      </c>
      <c r="AH30615">
        <v>11</v>
      </c>
      <c r="AI30615">
        <v>12</v>
      </c>
      <c r="AJ30615">
        <v>12</v>
      </c>
      <c r="AK30615">
        <v>12</v>
      </c>
      <c r="AL30615">
        <v>12</v>
      </c>
      <c r="AM30615">
        <v>12</v>
      </c>
      <c r="AN30615">
        <v>12</v>
      </c>
      <c r="AO30615">
        <v>12</v>
      </c>
      <c r="AP30615">
        <v>12</v>
      </c>
      <c r="AQ30615">
        <v>12</v>
      </c>
    </row>
    <row r="30616" spans="1:43">
      <c r="A30616" t="s">
        <v>18965</v>
      </c>
      <c r="B30616" t="s">
        <v>18966</v>
      </c>
      <c r="C30616" t="s">
        <v>18967</v>
      </c>
      <c r="D30616" t="s">
        <v>18968</v>
      </c>
      <c r="E30616" t="s">
        <v>18845</v>
      </c>
      <c r="F30616" t="s">
        <v>18846</v>
      </c>
      <c r="G30616" t="s">
        <v>10734</v>
      </c>
      <c r="H30616" t="s">
        <v>10735</v>
      </c>
      <c r="I30616" s="2">
        <v>0</v>
      </c>
      <c r="J30616" s="2">
        <v>0</v>
      </c>
      <c r="K30616" s="2">
        <v>1</v>
      </c>
      <c r="L30616" t="s">
        <v>995</v>
      </c>
      <c r="M30616" t="s">
        <v>89</v>
      </c>
      <c r="N30616" t="s">
        <v>90</v>
      </c>
      <c r="O30616" t="s">
        <v>85</v>
      </c>
      <c r="P30616" t="s">
        <v>86</v>
      </c>
      <c r="Q30616">
        <v>11</v>
      </c>
      <c r="R30616">
        <v>11</v>
      </c>
      <c r="S30616">
        <v>11</v>
      </c>
      <c r="T30616">
        <v>12</v>
      </c>
      <c r="U30616">
        <v>12</v>
      </c>
      <c r="V30616">
        <v>12</v>
      </c>
      <c r="W30616">
        <v>12</v>
      </c>
      <c r="X30616">
        <v>12</v>
      </c>
      <c r="Y30616">
        <v>13</v>
      </c>
      <c r="Z30616">
        <v>13</v>
      </c>
      <c r="AA30616">
        <v>13</v>
      </c>
      <c r="AB30616">
        <v>13</v>
      </c>
      <c r="AC30616">
        <v>13</v>
      </c>
      <c r="AD30616">
        <v>14</v>
      </c>
      <c r="AE30616">
        <v>14</v>
      </c>
      <c r="AF30616">
        <v>14</v>
      </c>
      <c r="AG30616">
        <v>14</v>
      </c>
      <c r="AH30616">
        <v>14</v>
      </c>
      <c r="AI30616">
        <v>14</v>
      </c>
      <c r="AJ30616">
        <v>14</v>
      </c>
      <c r="AK30616">
        <v>14</v>
      </c>
      <c r="AL30616">
        <v>14</v>
      </c>
      <c r="AM30616">
        <v>14</v>
      </c>
      <c r="AN30616">
        <v>14</v>
      </c>
      <c r="AO30616">
        <v>14</v>
      </c>
      <c r="AP30616">
        <v>14</v>
      </c>
      <c r="AQ30616">
        <v>14</v>
      </c>
    </row>
    <row r="30617" spans="1:43">
      <c r="A30617" t="s">
        <v>18965</v>
      </c>
      <c r="B30617" t="s">
        <v>18966</v>
      </c>
      <c r="C30617" t="s">
        <v>18967</v>
      </c>
      <c r="D30617" t="s">
        <v>18968</v>
      </c>
      <c r="E30617" t="s">
        <v>18845</v>
      </c>
      <c r="F30617" t="s">
        <v>18846</v>
      </c>
      <c r="G30617" t="s">
        <v>10734</v>
      </c>
      <c r="H30617" t="s">
        <v>10735</v>
      </c>
      <c r="I30617" s="2">
        <v>0</v>
      </c>
      <c r="J30617" s="2">
        <v>0</v>
      </c>
      <c r="K30617" s="2">
        <v>1</v>
      </c>
      <c r="L30617" t="s">
        <v>995</v>
      </c>
      <c r="M30617" t="s">
        <v>83</v>
      </c>
      <c r="N30617" t="s">
        <v>91</v>
      </c>
      <c r="O30617" t="s">
        <v>85</v>
      </c>
      <c r="P30617" t="s">
        <v>86</v>
      </c>
      <c r="Q30617">
        <v>11</v>
      </c>
      <c r="R30617">
        <v>11</v>
      </c>
      <c r="S30617">
        <v>11</v>
      </c>
      <c r="T30617">
        <v>11</v>
      </c>
      <c r="U30617">
        <v>11</v>
      </c>
      <c r="V30617">
        <v>11</v>
      </c>
      <c r="W30617">
        <v>12</v>
      </c>
      <c r="X30617">
        <v>12</v>
      </c>
      <c r="Y30617">
        <v>12</v>
      </c>
      <c r="Z30617">
        <v>12</v>
      </c>
      <c r="AA30617">
        <v>12</v>
      </c>
      <c r="AB30617">
        <v>12</v>
      </c>
      <c r="AC30617">
        <v>12</v>
      </c>
      <c r="AD30617">
        <v>13</v>
      </c>
      <c r="AE30617">
        <v>13</v>
      </c>
      <c r="AF30617">
        <v>13</v>
      </c>
      <c r="AG30617">
        <v>13</v>
      </c>
      <c r="AH30617">
        <v>13</v>
      </c>
      <c r="AI30617">
        <v>13</v>
      </c>
      <c r="AJ30617">
        <v>13</v>
      </c>
      <c r="AK30617">
        <v>14</v>
      </c>
      <c r="AL30617">
        <v>14</v>
      </c>
      <c r="AM30617">
        <v>14</v>
      </c>
      <c r="AN30617">
        <v>14</v>
      </c>
      <c r="AO30617">
        <v>14</v>
      </c>
      <c r="AP30617">
        <v>14</v>
      </c>
      <c r="AQ30617">
        <v>14</v>
      </c>
    </row>
    <row r="30618" spans="1:43">
      <c r="A30618" t="s">
        <v>18969</v>
      </c>
      <c r="B30618" t="s">
        <v>18970</v>
      </c>
      <c r="C30618" t="s">
        <v>18941</v>
      </c>
      <c r="D30618" t="s">
        <v>18942</v>
      </c>
      <c r="E30618" t="s">
        <v>18845</v>
      </c>
      <c r="F30618" t="s">
        <v>18846</v>
      </c>
      <c r="G30618" t="s">
        <v>10734</v>
      </c>
      <c r="H30618" t="s">
        <v>10735</v>
      </c>
      <c r="I30618" s="2">
        <v>0</v>
      </c>
      <c r="J30618" s="2">
        <v>0</v>
      </c>
      <c r="K30618" s="2">
        <v>1</v>
      </c>
      <c r="L30618" t="s">
        <v>995</v>
      </c>
      <c r="M30618" t="s">
        <v>83</v>
      </c>
      <c r="N30618" t="s">
        <v>84</v>
      </c>
      <c r="O30618" t="s">
        <v>85</v>
      </c>
      <c r="P30618" t="s">
        <v>86</v>
      </c>
      <c r="Q30618">
        <v>10</v>
      </c>
      <c r="R30618">
        <v>10</v>
      </c>
      <c r="S30618">
        <v>10</v>
      </c>
      <c r="T30618">
        <v>10</v>
      </c>
      <c r="U30618">
        <v>10</v>
      </c>
      <c r="V30618">
        <v>10</v>
      </c>
      <c r="W30618">
        <v>11</v>
      </c>
      <c r="X30618">
        <v>11</v>
      </c>
      <c r="Y30618">
        <v>11</v>
      </c>
      <c r="Z30618">
        <v>11</v>
      </c>
      <c r="AA30618">
        <v>11</v>
      </c>
      <c r="AB30618">
        <v>11</v>
      </c>
      <c r="AC30618">
        <v>11</v>
      </c>
      <c r="AD30618">
        <v>11</v>
      </c>
      <c r="AE30618">
        <v>12</v>
      </c>
      <c r="AF30618">
        <v>12</v>
      </c>
      <c r="AG30618">
        <v>12</v>
      </c>
      <c r="AH30618">
        <v>12</v>
      </c>
      <c r="AI30618">
        <v>12</v>
      </c>
      <c r="AJ30618">
        <v>12</v>
      </c>
      <c r="AK30618">
        <v>12</v>
      </c>
      <c r="AL30618">
        <v>12</v>
      </c>
      <c r="AM30618">
        <v>12</v>
      </c>
      <c r="AN30618">
        <v>12</v>
      </c>
      <c r="AO30618">
        <v>12</v>
      </c>
      <c r="AP30618">
        <v>12</v>
      </c>
      <c r="AQ30618">
        <v>12</v>
      </c>
    </row>
    <row r="30619" spans="1:43">
      <c r="A30619" t="s">
        <v>18969</v>
      </c>
      <c r="B30619" t="s">
        <v>18970</v>
      </c>
      <c r="C30619" t="s">
        <v>18941</v>
      </c>
      <c r="D30619" t="s">
        <v>18942</v>
      </c>
      <c r="E30619" t="s">
        <v>18845</v>
      </c>
      <c r="F30619" t="s">
        <v>18846</v>
      </c>
      <c r="G30619" t="s">
        <v>10734</v>
      </c>
      <c r="H30619" t="s">
        <v>10735</v>
      </c>
      <c r="I30619" s="2">
        <v>0</v>
      </c>
      <c r="J30619" s="2">
        <v>0</v>
      </c>
      <c r="K30619" s="2">
        <v>1</v>
      </c>
      <c r="L30619" t="s">
        <v>995</v>
      </c>
      <c r="M30619" t="s">
        <v>87</v>
      </c>
      <c r="N30619" t="s">
        <v>88</v>
      </c>
      <c r="O30619" t="s">
        <v>85</v>
      </c>
      <c r="P30619" t="s">
        <v>86</v>
      </c>
      <c r="Q30619">
        <v>10</v>
      </c>
      <c r="R30619">
        <v>10</v>
      </c>
      <c r="S30619">
        <v>10</v>
      </c>
      <c r="T30619">
        <v>10</v>
      </c>
      <c r="U30619">
        <v>10</v>
      </c>
      <c r="V30619">
        <v>10</v>
      </c>
      <c r="W30619">
        <v>10</v>
      </c>
      <c r="X30619">
        <v>10</v>
      </c>
      <c r="Y30619">
        <v>10</v>
      </c>
      <c r="Z30619">
        <v>10</v>
      </c>
      <c r="AA30619">
        <v>10</v>
      </c>
      <c r="AB30619">
        <v>10</v>
      </c>
      <c r="AC30619">
        <v>10</v>
      </c>
      <c r="AD30619">
        <v>10</v>
      </c>
      <c r="AE30619">
        <v>10</v>
      </c>
      <c r="AF30619">
        <v>10</v>
      </c>
      <c r="AG30619">
        <v>10</v>
      </c>
      <c r="AH30619">
        <v>10</v>
      </c>
      <c r="AI30619">
        <v>10</v>
      </c>
      <c r="AJ30619">
        <v>10</v>
      </c>
      <c r="AK30619">
        <v>11</v>
      </c>
      <c r="AL30619">
        <v>11</v>
      </c>
      <c r="AM30619">
        <v>11</v>
      </c>
      <c r="AN30619">
        <v>11</v>
      </c>
      <c r="AO30619">
        <v>11</v>
      </c>
      <c r="AP30619">
        <v>11</v>
      </c>
      <c r="AQ30619">
        <v>11</v>
      </c>
    </row>
    <row r="30620" spans="1:43">
      <c r="A30620" t="s">
        <v>18969</v>
      </c>
      <c r="B30620" t="s">
        <v>18970</v>
      </c>
      <c r="C30620" t="s">
        <v>18941</v>
      </c>
      <c r="D30620" t="s">
        <v>18942</v>
      </c>
      <c r="E30620" t="s">
        <v>18845</v>
      </c>
      <c r="F30620" t="s">
        <v>18846</v>
      </c>
      <c r="G30620" t="s">
        <v>10734</v>
      </c>
      <c r="H30620" t="s">
        <v>10735</v>
      </c>
      <c r="I30620" s="2">
        <v>0</v>
      </c>
      <c r="J30620" s="2">
        <v>0</v>
      </c>
      <c r="K30620" s="2">
        <v>1</v>
      </c>
      <c r="L30620" t="s">
        <v>995</v>
      </c>
      <c r="M30620" t="s">
        <v>89</v>
      </c>
      <c r="N30620" t="s">
        <v>90</v>
      </c>
      <c r="O30620" t="s">
        <v>85</v>
      </c>
      <c r="P30620" t="s">
        <v>86</v>
      </c>
      <c r="Q30620">
        <v>10</v>
      </c>
      <c r="R30620">
        <v>10</v>
      </c>
      <c r="S30620">
        <v>10</v>
      </c>
      <c r="T30620">
        <v>10</v>
      </c>
      <c r="U30620">
        <v>11</v>
      </c>
      <c r="V30620">
        <v>11</v>
      </c>
      <c r="W30620">
        <v>11</v>
      </c>
      <c r="X30620">
        <v>11</v>
      </c>
      <c r="Y30620">
        <v>11</v>
      </c>
      <c r="Z30620">
        <v>12</v>
      </c>
      <c r="AA30620">
        <v>12</v>
      </c>
      <c r="AB30620">
        <v>12</v>
      </c>
      <c r="AC30620">
        <v>12</v>
      </c>
      <c r="AD30620">
        <v>12</v>
      </c>
      <c r="AE30620">
        <v>12</v>
      </c>
      <c r="AF30620">
        <v>12</v>
      </c>
      <c r="AG30620">
        <v>12</v>
      </c>
      <c r="AH30620">
        <v>12</v>
      </c>
      <c r="AI30620">
        <v>12</v>
      </c>
      <c r="AJ30620">
        <v>12</v>
      </c>
      <c r="AK30620">
        <v>12</v>
      </c>
      <c r="AL30620">
        <v>12</v>
      </c>
      <c r="AM30620">
        <v>12</v>
      </c>
      <c r="AN30620">
        <v>13</v>
      </c>
      <c r="AO30620">
        <v>13</v>
      </c>
      <c r="AP30620">
        <v>13</v>
      </c>
      <c r="AQ30620">
        <v>13</v>
      </c>
    </row>
    <row r="30621" spans="1:43">
      <c r="A30621" t="s">
        <v>18969</v>
      </c>
      <c r="B30621" t="s">
        <v>18970</v>
      </c>
      <c r="C30621" t="s">
        <v>18941</v>
      </c>
      <c r="D30621" t="s">
        <v>18942</v>
      </c>
      <c r="E30621" t="s">
        <v>18845</v>
      </c>
      <c r="F30621" t="s">
        <v>18846</v>
      </c>
      <c r="G30621" t="s">
        <v>10734</v>
      </c>
      <c r="H30621" t="s">
        <v>10735</v>
      </c>
      <c r="I30621" s="2">
        <v>0</v>
      </c>
      <c r="J30621" s="2">
        <v>0</v>
      </c>
      <c r="K30621" s="2">
        <v>1</v>
      </c>
      <c r="L30621" t="s">
        <v>995</v>
      </c>
      <c r="M30621" t="s">
        <v>83</v>
      </c>
      <c r="N30621" t="s">
        <v>91</v>
      </c>
      <c r="O30621" t="s">
        <v>85</v>
      </c>
      <c r="P30621" t="s">
        <v>86</v>
      </c>
      <c r="Q30621">
        <v>10</v>
      </c>
      <c r="R30621">
        <v>10</v>
      </c>
      <c r="S30621">
        <v>10</v>
      </c>
      <c r="T30621">
        <v>10</v>
      </c>
      <c r="U30621">
        <v>10</v>
      </c>
      <c r="V30621">
        <v>10</v>
      </c>
      <c r="W30621">
        <v>11</v>
      </c>
      <c r="X30621">
        <v>11</v>
      </c>
      <c r="Y30621">
        <v>11</v>
      </c>
      <c r="Z30621">
        <v>11</v>
      </c>
      <c r="AA30621">
        <v>11</v>
      </c>
      <c r="AB30621">
        <v>11</v>
      </c>
      <c r="AC30621">
        <v>11</v>
      </c>
      <c r="AD30621">
        <v>11</v>
      </c>
      <c r="AE30621">
        <v>12</v>
      </c>
      <c r="AF30621">
        <v>12</v>
      </c>
      <c r="AG30621">
        <v>12</v>
      </c>
      <c r="AH30621">
        <v>12</v>
      </c>
      <c r="AI30621">
        <v>12</v>
      </c>
      <c r="AJ30621">
        <v>12</v>
      </c>
      <c r="AK30621">
        <v>12</v>
      </c>
      <c r="AL30621">
        <v>12</v>
      </c>
      <c r="AM30621">
        <v>12</v>
      </c>
      <c r="AN30621">
        <v>12</v>
      </c>
      <c r="AO30621">
        <v>12</v>
      </c>
      <c r="AP30621">
        <v>12</v>
      </c>
      <c r="AQ30621">
        <v>12</v>
      </c>
    </row>
    <row r="30622" spans="1:43">
      <c r="A30622" t="s">
        <v>18971</v>
      </c>
      <c r="B30622" t="s">
        <v>18972</v>
      </c>
      <c r="C30622" t="s">
        <v>18967</v>
      </c>
      <c r="D30622" t="s">
        <v>18968</v>
      </c>
      <c r="E30622" t="s">
        <v>18845</v>
      </c>
      <c r="F30622" t="s">
        <v>18846</v>
      </c>
      <c r="G30622" t="s">
        <v>10734</v>
      </c>
      <c r="H30622" t="s">
        <v>10735</v>
      </c>
      <c r="I30622" s="2">
        <v>0</v>
      </c>
      <c r="J30622" s="2">
        <v>0</v>
      </c>
      <c r="K30622" s="2">
        <v>1</v>
      </c>
      <c r="L30622" t="s">
        <v>995</v>
      </c>
      <c r="M30622" t="s">
        <v>83</v>
      </c>
      <c r="N30622" t="s">
        <v>84</v>
      </c>
      <c r="O30622" t="s">
        <v>85</v>
      </c>
      <c r="P30622" t="s">
        <v>86</v>
      </c>
      <c r="Q30622">
        <v>10</v>
      </c>
      <c r="R30622">
        <v>10</v>
      </c>
      <c r="S30622">
        <v>10</v>
      </c>
      <c r="T30622">
        <v>11</v>
      </c>
      <c r="U30622">
        <v>11</v>
      </c>
      <c r="V30622">
        <v>11</v>
      </c>
      <c r="W30622">
        <v>11</v>
      </c>
      <c r="X30622">
        <v>11</v>
      </c>
      <c r="Y30622">
        <v>11</v>
      </c>
      <c r="Z30622">
        <v>11</v>
      </c>
      <c r="AA30622">
        <v>12</v>
      </c>
      <c r="AB30622">
        <v>12</v>
      </c>
      <c r="AC30622">
        <v>12</v>
      </c>
      <c r="AD30622">
        <v>12</v>
      </c>
      <c r="AE30622">
        <v>12</v>
      </c>
      <c r="AF30622">
        <v>12</v>
      </c>
      <c r="AG30622">
        <v>12</v>
      </c>
      <c r="AH30622">
        <v>12</v>
      </c>
      <c r="AI30622">
        <v>13</v>
      </c>
      <c r="AJ30622">
        <v>13</v>
      </c>
      <c r="AK30622">
        <v>13</v>
      </c>
      <c r="AL30622">
        <v>13</v>
      </c>
      <c r="AM30622">
        <v>13</v>
      </c>
      <c r="AN30622">
        <v>13</v>
      </c>
      <c r="AO30622">
        <v>13</v>
      </c>
      <c r="AP30622">
        <v>13</v>
      </c>
      <c r="AQ30622">
        <v>13</v>
      </c>
    </row>
    <row r="30623" spans="1:43">
      <c r="A30623" t="s">
        <v>18971</v>
      </c>
      <c r="B30623" t="s">
        <v>18972</v>
      </c>
      <c r="C30623" t="s">
        <v>18967</v>
      </c>
      <c r="D30623" t="s">
        <v>18968</v>
      </c>
      <c r="E30623" t="s">
        <v>18845</v>
      </c>
      <c r="F30623" t="s">
        <v>18846</v>
      </c>
      <c r="G30623" t="s">
        <v>10734</v>
      </c>
      <c r="H30623" t="s">
        <v>10735</v>
      </c>
      <c r="I30623" s="2">
        <v>0</v>
      </c>
      <c r="J30623" s="2">
        <v>0</v>
      </c>
      <c r="K30623" s="2">
        <v>1</v>
      </c>
      <c r="L30623" t="s">
        <v>995</v>
      </c>
      <c r="M30623" t="s">
        <v>87</v>
      </c>
      <c r="N30623" t="s">
        <v>88</v>
      </c>
      <c r="O30623" t="s">
        <v>85</v>
      </c>
      <c r="P30623" t="s">
        <v>86</v>
      </c>
      <c r="Q30623">
        <v>10</v>
      </c>
      <c r="R30623">
        <v>10</v>
      </c>
      <c r="S30623">
        <v>10</v>
      </c>
      <c r="T30623">
        <v>10</v>
      </c>
      <c r="U30623">
        <v>10</v>
      </c>
      <c r="V30623">
        <v>10</v>
      </c>
      <c r="W30623">
        <v>10</v>
      </c>
      <c r="X30623">
        <v>10</v>
      </c>
      <c r="Y30623">
        <v>10</v>
      </c>
      <c r="Z30623">
        <v>10</v>
      </c>
      <c r="AA30623">
        <v>10</v>
      </c>
      <c r="AB30623">
        <v>11</v>
      </c>
      <c r="AC30623">
        <v>11</v>
      </c>
      <c r="AD30623">
        <v>11</v>
      </c>
      <c r="AE30623">
        <v>11</v>
      </c>
      <c r="AF30623">
        <v>11</v>
      </c>
      <c r="AG30623">
        <v>11</v>
      </c>
      <c r="AH30623">
        <v>11</v>
      </c>
      <c r="AI30623">
        <v>11</v>
      </c>
      <c r="AJ30623">
        <v>11</v>
      </c>
      <c r="AK30623">
        <v>11</v>
      </c>
      <c r="AL30623">
        <v>11</v>
      </c>
      <c r="AM30623">
        <v>11</v>
      </c>
      <c r="AN30623">
        <v>11</v>
      </c>
      <c r="AO30623">
        <v>11</v>
      </c>
      <c r="AP30623">
        <v>11</v>
      </c>
      <c r="AQ30623">
        <v>11</v>
      </c>
    </row>
    <row r="30624" spans="1:43">
      <c r="A30624" t="s">
        <v>18971</v>
      </c>
      <c r="B30624" t="s">
        <v>18972</v>
      </c>
      <c r="C30624" t="s">
        <v>18967</v>
      </c>
      <c r="D30624" t="s">
        <v>18968</v>
      </c>
      <c r="E30624" t="s">
        <v>18845</v>
      </c>
      <c r="F30624" t="s">
        <v>18846</v>
      </c>
      <c r="G30624" t="s">
        <v>10734</v>
      </c>
      <c r="H30624" t="s">
        <v>10735</v>
      </c>
      <c r="I30624" s="2">
        <v>0</v>
      </c>
      <c r="J30624" s="2">
        <v>0</v>
      </c>
      <c r="K30624" s="2">
        <v>1</v>
      </c>
      <c r="L30624" t="s">
        <v>995</v>
      </c>
      <c r="M30624" t="s">
        <v>89</v>
      </c>
      <c r="N30624" t="s">
        <v>90</v>
      </c>
      <c r="O30624" t="s">
        <v>85</v>
      </c>
      <c r="P30624" t="s">
        <v>86</v>
      </c>
      <c r="Q30624">
        <v>10</v>
      </c>
      <c r="R30624">
        <v>11</v>
      </c>
      <c r="S30624">
        <v>11</v>
      </c>
      <c r="T30624">
        <v>11</v>
      </c>
      <c r="U30624">
        <v>11</v>
      </c>
      <c r="V30624">
        <v>11</v>
      </c>
      <c r="W30624">
        <v>12</v>
      </c>
      <c r="X30624">
        <v>12</v>
      </c>
      <c r="Y30624">
        <v>12</v>
      </c>
      <c r="Z30624">
        <v>12</v>
      </c>
      <c r="AA30624">
        <v>12</v>
      </c>
      <c r="AB30624">
        <v>12</v>
      </c>
      <c r="AC30624">
        <v>13</v>
      </c>
      <c r="AD30624">
        <v>13</v>
      </c>
      <c r="AE30624">
        <v>13</v>
      </c>
      <c r="AF30624">
        <v>13</v>
      </c>
      <c r="AG30624">
        <v>13</v>
      </c>
      <c r="AH30624">
        <v>13</v>
      </c>
      <c r="AI30624">
        <v>13</v>
      </c>
      <c r="AJ30624">
        <v>13</v>
      </c>
      <c r="AK30624">
        <v>13</v>
      </c>
      <c r="AL30624">
        <v>13</v>
      </c>
      <c r="AM30624">
        <v>13</v>
      </c>
      <c r="AN30624">
        <v>13</v>
      </c>
      <c r="AO30624">
        <v>13</v>
      </c>
      <c r="AP30624">
        <v>13</v>
      </c>
      <c r="AQ30624">
        <v>13</v>
      </c>
    </row>
    <row r="30625" spans="1:43">
      <c r="A30625" t="s">
        <v>18971</v>
      </c>
      <c r="B30625" t="s">
        <v>18972</v>
      </c>
      <c r="C30625" t="s">
        <v>18967</v>
      </c>
      <c r="D30625" t="s">
        <v>18968</v>
      </c>
      <c r="E30625" t="s">
        <v>18845</v>
      </c>
      <c r="F30625" t="s">
        <v>18846</v>
      </c>
      <c r="G30625" t="s">
        <v>10734</v>
      </c>
      <c r="H30625" t="s">
        <v>10735</v>
      </c>
      <c r="I30625" s="2">
        <v>0</v>
      </c>
      <c r="J30625" s="2">
        <v>0</v>
      </c>
      <c r="K30625" s="2">
        <v>1</v>
      </c>
      <c r="L30625" t="s">
        <v>995</v>
      </c>
      <c r="M30625" t="s">
        <v>83</v>
      </c>
      <c r="N30625" t="s">
        <v>91</v>
      </c>
      <c r="O30625" t="s">
        <v>85</v>
      </c>
      <c r="P30625" t="s">
        <v>86</v>
      </c>
      <c r="Q30625">
        <v>10</v>
      </c>
      <c r="R30625">
        <v>10</v>
      </c>
      <c r="S30625">
        <v>10</v>
      </c>
      <c r="T30625">
        <v>11</v>
      </c>
      <c r="U30625">
        <v>11</v>
      </c>
      <c r="V30625">
        <v>11</v>
      </c>
      <c r="W30625">
        <v>11</v>
      </c>
      <c r="X30625">
        <v>11</v>
      </c>
      <c r="Y30625">
        <v>11</v>
      </c>
      <c r="Z30625">
        <v>11</v>
      </c>
      <c r="AA30625">
        <v>12</v>
      </c>
      <c r="AB30625">
        <v>12</v>
      </c>
      <c r="AC30625">
        <v>12</v>
      </c>
      <c r="AD30625">
        <v>12</v>
      </c>
      <c r="AE30625">
        <v>12</v>
      </c>
      <c r="AF30625">
        <v>12</v>
      </c>
      <c r="AG30625">
        <v>12</v>
      </c>
      <c r="AH30625">
        <v>12</v>
      </c>
      <c r="AI30625">
        <v>13</v>
      </c>
      <c r="AJ30625">
        <v>13</v>
      </c>
      <c r="AK30625">
        <v>13</v>
      </c>
      <c r="AL30625">
        <v>13</v>
      </c>
      <c r="AM30625">
        <v>13</v>
      </c>
      <c r="AN30625">
        <v>13</v>
      </c>
      <c r="AO30625">
        <v>13</v>
      </c>
      <c r="AP30625">
        <v>13</v>
      </c>
      <c r="AQ30625">
        <v>13</v>
      </c>
    </row>
    <row r="30626" spans="1:43">
      <c r="A30626" t="s">
        <v>18973</v>
      </c>
      <c r="B30626" t="s">
        <v>18974</v>
      </c>
      <c r="C30626" t="s">
        <v>18967</v>
      </c>
      <c r="D30626" t="s">
        <v>18968</v>
      </c>
      <c r="E30626" t="s">
        <v>18845</v>
      </c>
      <c r="F30626" t="s">
        <v>18846</v>
      </c>
      <c r="G30626" t="s">
        <v>10734</v>
      </c>
      <c r="H30626" t="s">
        <v>10735</v>
      </c>
      <c r="I30626" s="2">
        <v>0</v>
      </c>
      <c r="J30626" s="2">
        <v>0</v>
      </c>
      <c r="K30626" s="2">
        <v>1</v>
      </c>
      <c r="L30626" t="s">
        <v>995</v>
      </c>
      <c r="M30626" t="s">
        <v>83</v>
      </c>
      <c r="N30626" t="s">
        <v>84</v>
      </c>
      <c r="O30626" t="s">
        <v>85</v>
      </c>
      <c r="P30626" t="s">
        <v>86</v>
      </c>
      <c r="Q30626">
        <v>32</v>
      </c>
      <c r="R30626">
        <v>32</v>
      </c>
      <c r="S30626">
        <v>33</v>
      </c>
      <c r="T30626">
        <v>33</v>
      </c>
      <c r="U30626">
        <v>33</v>
      </c>
      <c r="V30626">
        <v>34</v>
      </c>
      <c r="W30626">
        <v>34</v>
      </c>
      <c r="X30626">
        <v>35</v>
      </c>
      <c r="Y30626">
        <v>35</v>
      </c>
      <c r="Z30626">
        <v>35</v>
      </c>
      <c r="AA30626">
        <v>36</v>
      </c>
      <c r="AB30626">
        <v>36</v>
      </c>
      <c r="AC30626">
        <v>37</v>
      </c>
      <c r="AD30626">
        <v>37</v>
      </c>
      <c r="AE30626">
        <v>37</v>
      </c>
      <c r="AF30626">
        <v>38</v>
      </c>
      <c r="AG30626">
        <v>38</v>
      </c>
      <c r="AH30626">
        <v>39</v>
      </c>
      <c r="AI30626">
        <v>39</v>
      </c>
      <c r="AJ30626">
        <v>40</v>
      </c>
      <c r="AK30626">
        <v>40</v>
      </c>
      <c r="AL30626">
        <v>40</v>
      </c>
      <c r="AM30626">
        <v>40</v>
      </c>
      <c r="AN30626">
        <v>40</v>
      </c>
      <c r="AO30626">
        <v>41</v>
      </c>
      <c r="AP30626">
        <v>41</v>
      </c>
      <c r="AQ30626">
        <v>41</v>
      </c>
    </row>
    <row r="30627" spans="1:43">
      <c r="A30627" t="s">
        <v>18973</v>
      </c>
      <c r="B30627" t="s">
        <v>18974</v>
      </c>
      <c r="C30627" t="s">
        <v>18967</v>
      </c>
      <c r="D30627" t="s">
        <v>18968</v>
      </c>
      <c r="E30627" t="s">
        <v>18845</v>
      </c>
      <c r="F30627" t="s">
        <v>18846</v>
      </c>
      <c r="G30627" t="s">
        <v>10734</v>
      </c>
      <c r="H30627" t="s">
        <v>10735</v>
      </c>
      <c r="I30627" s="2">
        <v>0</v>
      </c>
      <c r="J30627" s="2">
        <v>0</v>
      </c>
      <c r="K30627" s="2">
        <v>1</v>
      </c>
      <c r="L30627" t="s">
        <v>995</v>
      </c>
      <c r="M30627" t="s">
        <v>87</v>
      </c>
      <c r="N30627" t="s">
        <v>88</v>
      </c>
      <c r="O30627" t="s">
        <v>85</v>
      </c>
      <c r="P30627" t="s">
        <v>86</v>
      </c>
      <c r="Q30627">
        <v>32</v>
      </c>
      <c r="R30627">
        <v>32</v>
      </c>
      <c r="S30627">
        <v>33</v>
      </c>
      <c r="T30627">
        <v>33</v>
      </c>
      <c r="U30627">
        <v>33</v>
      </c>
      <c r="V30627">
        <v>33</v>
      </c>
      <c r="W30627">
        <v>33</v>
      </c>
      <c r="X30627">
        <v>33</v>
      </c>
      <c r="Y30627">
        <v>33</v>
      </c>
      <c r="Z30627">
        <v>33</v>
      </c>
      <c r="AA30627">
        <v>34</v>
      </c>
      <c r="AB30627">
        <v>34</v>
      </c>
      <c r="AC30627">
        <v>34</v>
      </c>
      <c r="AD30627">
        <v>34</v>
      </c>
      <c r="AE30627">
        <v>34</v>
      </c>
      <c r="AF30627">
        <v>34</v>
      </c>
      <c r="AG30627">
        <v>35</v>
      </c>
      <c r="AH30627">
        <v>35</v>
      </c>
      <c r="AI30627">
        <v>35</v>
      </c>
      <c r="AJ30627">
        <v>35</v>
      </c>
      <c r="AK30627">
        <v>35</v>
      </c>
      <c r="AL30627">
        <v>36</v>
      </c>
      <c r="AM30627">
        <v>36</v>
      </c>
      <c r="AN30627">
        <v>36</v>
      </c>
      <c r="AO30627">
        <v>36</v>
      </c>
      <c r="AP30627">
        <v>36</v>
      </c>
      <c r="AQ30627">
        <v>37</v>
      </c>
    </row>
    <row r="30628" spans="1:43">
      <c r="A30628" t="s">
        <v>18973</v>
      </c>
      <c r="B30628" t="s">
        <v>18974</v>
      </c>
      <c r="C30628" t="s">
        <v>18967</v>
      </c>
      <c r="D30628" t="s">
        <v>18968</v>
      </c>
      <c r="E30628" t="s">
        <v>18845</v>
      </c>
      <c r="F30628" t="s">
        <v>18846</v>
      </c>
      <c r="G30628" t="s">
        <v>10734</v>
      </c>
      <c r="H30628" t="s">
        <v>10735</v>
      </c>
      <c r="I30628" s="2">
        <v>0</v>
      </c>
      <c r="J30628" s="2">
        <v>0</v>
      </c>
      <c r="K30628" s="2">
        <v>1</v>
      </c>
      <c r="L30628" t="s">
        <v>995</v>
      </c>
      <c r="M30628" t="s">
        <v>89</v>
      </c>
      <c r="N30628" t="s">
        <v>90</v>
      </c>
      <c r="O30628" t="s">
        <v>85</v>
      </c>
      <c r="P30628" t="s">
        <v>86</v>
      </c>
      <c r="Q30628">
        <v>32</v>
      </c>
      <c r="R30628">
        <v>33</v>
      </c>
      <c r="S30628">
        <v>33</v>
      </c>
      <c r="T30628">
        <v>34</v>
      </c>
      <c r="U30628">
        <v>35</v>
      </c>
      <c r="V30628">
        <v>35</v>
      </c>
      <c r="W30628">
        <v>36</v>
      </c>
      <c r="X30628">
        <v>36</v>
      </c>
      <c r="Y30628">
        <v>37</v>
      </c>
      <c r="Z30628">
        <v>38</v>
      </c>
      <c r="AA30628">
        <v>38</v>
      </c>
      <c r="AB30628">
        <v>39</v>
      </c>
      <c r="AC30628">
        <v>39</v>
      </c>
      <c r="AD30628">
        <v>40</v>
      </c>
      <c r="AE30628">
        <v>40</v>
      </c>
      <c r="AF30628">
        <v>40</v>
      </c>
      <c r="AG30628">
        <v>40</v>
      </c>
      <c r="AH30628">
        <v>40</v>
      </c>
      <c r="AI30628">
        <v>40</v>
      </c>
      <c r="AJ30628">
        <v>40</v>
      </c>
      <c r="AK30628">
        <v>41</v>
      </c>
      <c r="AL30628">
        <v>41</v>
      </c>
      <c r="AM30628">
        <v>41</v>
      </c>
      <c r="AN30628">
        <v>41</v>
      </c>
      <c r="AO30628">
        <v>41</v>
      </c>
      <c r="AP30628">
        <v>41</v>
      </c>
      <c r="AQ30628">
        <v>41</v>
      </c>
    </row>
    <row r="30629" spans="1:43">
      <c r="A30629" t="s">
        <v>18973</v>
      </c>
      <c r="B30629" t="s">
        <v>18974</v>
      </c>
      <c r="C30629" t="s">
        <v>18967</v>
      </c>
      <c r="D30629" t="s">
        <v>18968</v>
      </c>
      <c r="E30629" t="s">
        <v>18845</v>
      </c>
      <c r="F30629" t="s">
        <v>18846</v>
      </c>
      <c r="G30629" t="s">
        <v>10734</v>
      </c>
      <c r="H30629" t="s">
        <v>10735</v>
      </c>
      <c r="I30629" s="2">
        <v>0</v>
      </c>
      <c r="J30629" s="2">
        <v>0</v>
      </c>
      <c r="K30629" s="2">
        <v>1</v>
      </c>
      <c r="L30629" t="s">
        <v>995</v>
      </c>
      <c r="M30629" t="s">
        <v>83</v>
      </c>
      <c r="N30629" t="s">
        <v>91</v>
      </c>
      <c r="O30629" t="s">
        <v>85</v>
      </c>
      <c r="P30629" t="s">
        <v>86</v>
      </c>
      <c r="Q30629">
        <v>32</v>
      </c>
      <c r="R30629">
        <v>32</v>
      </c>
      <c r="S30629">
        <v>33</v>
      </c>
      <c r="T30629">
        <v>33</v>
      </c>
      <c r="U30629">
        <v>33</v>
      </c>
      <c r="V30629">
        <v>34</v>
      </c>
      <c r="W30629">
        <v>34</v>
      </c>
      <c r="X30629">
        <v>35</v>
      </c>
      <c r="Y30629">
        <v>35</v>
      </c>
      <c r="Z30629">
        <v>35</v>
      </c>
      <c r="AA30629">
        <v>36</v>
      </c>
      <c r="AB30629">
        <v>36</v>
      </c>
      <c r="AC30629">
        <v>37</v>
      </c>
      <c r="AD30629">
        <v>37</v>
      </c>
      <c r="AE30629">
        <v>37</v>
      </c>
      <c r="AF30629">
        <v>38</v>
      </c>
      <c r="AG30629">
        <v>38</v>
      </c>
      <c r="AH30629">
        <v>39</v>
      </c>
      <c r="AI30629">
        <v>39</v>
      </c>
      <c r="AJ30629">
        <v>40</v>
      </c>
      <c r="AK30629">
        <v>40</v>
      </c>
      <c r="AL30629">
        <v>40</v>
      </c>
      <c r="AM30629">
        <v>40</v>
      </c>
      <c r="AN30629">
        <v>40</v>
      </c>
      <c r="AO30629">
        <v>41</v>
      </c>
      <c r="AP30629">
        <v>41</v>
      </c>
      <c r="AQ30629">
        <v>41</v>
      </c>
    </row>
    <row r="30630" spans="1:43">
      <c r="A30630" t="s">
        <v>18975</v>
      </c>
      <c r="B30630" t="s">
        <v>18976</v>
      </c>
      <c r="C30630" t="s">
        <v>18941</v>
      </c>
      <c r="D30630" t="s">
        <v>18942</v>
      </c>
      <c r="E30630" t="s">
        <v>18845</v>
      </c>
      <c r="F30630" t="s">
        <v>18846</v>
      </c>
      <c r="G30630" t="s">
        <v>10734</v>
      </c>
      <c r="H30630" t="s">
        <v>10735</v>
      </c>
      <c r="I30630" s="2">
        <v>0</v>
      </c>
      <c r="J30630" s="2">
        <v>0</v>
      </c>
      <c r="K30630" s="2">
        <v>1</v>
      </c>
      <c r="L30630" t="s">
        <v>995</v>
      </c>
      <c r="M30630" t="s">
        <v>83</v>
      </c>
      <c r="N30630" t="s">
        <v>84</v>
      </c>
      <c r="O30630" t="s">
        <v>85</v>
      </c>
      <c r="P30630" t="s">
        <v>86</v>
      </c>
      <c r="Q30630">
        <v>1</v>
      </c>
      <c r="R30630">
        <v>1</v>
      </c>
      <c r="S30630">
        <v>1</v>
      </c>
      <c r="T30630">
        <v>1</v>
      </c>
      <c r="U30630">
        <v>1</v>
      </c>
      <c r="V30630">
        <v>1</v>
      </c>
      <c r="W30630">
        <v>1</v>
      </c>
      <c r="X30630">
        <v>1</v>
      </c>
      <c r="Y30630">
        <v>2</v>
      </c>
      <c r="Z30630">
        <v>2</v>
      </c>
      <c r="AA30630">
        <v>2</v>
      </c>
      <c r="AB30630">
        <v>2</v>
      </c>
      <c r="AC30630">
        <v>2</v>
      </c>
      <c r="AD30630">
        <v>2</v>
      </c>
      <c r="AE30630">
        <v>2</v>
      </c>
      <c r="AF30630">
        <v>2</v>
      </c>
      <c r="AG30630">
        <v>2</v>
      </c>
      <c r="AH30630">
        <v>2</v>
      </c>
      <c r="AI30630">
        <v>2</v>
      </c>
      <c r="AJ30630">
        <v>2</v>
      </c>
      <c r="AK30630">
        <v>2</v>
      </c>
      <c r="AL30630">
        <v>2</v>
      </c>
      <c r="AM30630">
        <v>2</v>
      </c>
      <c r="AN30630">
        <v>2</v>
      </c>
      <c r="AO30630">
        <v>2</v>
      </c>
      <c r="AP30630">
        <v>2</v>
      </c>
      <c r="AQ30630">
        <v>2</v>
      </c>
    </row>
    <row r="30631" spans="1:43">
      <c r="A30631" t="s">
        <v>18975</v>
      </c>
      <c r="B30631" t="s">
        <v>18976</v>
      </c>
      <c r="C30631" t="s">
        <v>18941</v>
      </c>
      <c r="D30631" t="s">
        <v>18942</v>
      </c>
      <c r="E30631" t="s">
        <v>18845</v>
      </c>
      <c r="F30631" t="s">
        <v>18846</v>
      </c>
      <c r="G30631" t="s">
        <v>10734</v>
      </c>
      <c r="H30631" t="s">
        <v>10735</v>
      </c>
      <c r="I30631" s="2">
        <v>0</v>
      </c>
      <c r="J30631" s="2">
        <v>0</v>
      </c>
      <c r="K30631" s="2">
        <v>1</v>
      </c>
      <c r="L30631" t="s">
        <v>995</v>
      </c>
      <c r="M30631" t="s">
        <v>87</v>
      </c>
      <c r="N30631" t="s">
        <v>88</v>
      </c>
      <c r="O30631" t="s">
        <v>85</v>
      </c>
      <c r="P30631" t="s">
        <v>86</v>
      </c>
      <c r="Q30631">
        <v>1</v>
      </c>
      <c r="R30631">
        <v>1</v>
      </c>
      <c r="S30631">
        <v>1</v>
      </c>
      <c r="T30631">
        <v>1</v>
      </c>
      <c r="U30631">
        <v>1</v>
      </c>
      <c r="V30631">
        <v>1</v>
      </c>
      <c r="W30631">
        <v>1</v>
      </c>
      <c r="X30631">
        <v>1</v>
      </c>
      <c r="Y30631">
        <v>1</v>
      </c>
      <c r="Z30631">
        <v>1</v>
      </c>
      <c r="AA30631">
        <v>1</v>
      </c>
      <c r="AB30631">
        <v>1</v>
      </c>
      <c r="AC30631">
        <v>1</v>
      </c>
      <c r="AD30631">
        <v>1</v>
      </c>
      <c r="AE30631">
        <v>1</v>
      </c>
      <c r="AF30631">
        <v>1</v>
      </c>
      <c r="AG30631">
        <v>1</v>
      </c>
      <c r="AH30631">
        <v>1</v>
      </c>
      <c r="AI30631">
        <v>1</v>
      </c>
      <c r="AJ30631">
        <v>1</v>
      </c>
      <c r="AK30631">
        <v>1</v>
      </c>
      <c r="AL30631">
        <v>1</v>
      </c>
      <c r="AM30631">
        <v>1</v>
      </c>
      <c r="AN30631">
        <v>2</v>
      </c>
      <c r="AO30631">
        <v>2</v>
      </c>
      <c r="AP30631">
        <v>2</v>
      </c>
      <c r="AQ30631">
        <v>2</v>
      </c>
    </row>
    <row r="30632" spans="1:43">
      <c r="A30632" t="s">
        <v>18975</v>
      </c>
      <c r="B30632" t="s">
        <v>18976</v>
      </c>
      <c r="C30632" t="s">
        <v>18941</v>
      </c>
      <c r="D30632" t="s">
        <v>18942</v>
      </c>
      <c r="E30632" t="s">
        <v>18845</v>
      </c>
      <c r="F30632" t="s">
        <v>18846</v>
      </c>
      <c r="G30632" t="s">
        <v>10734</v>
      </c>
      <c r="H30632" t="s">
        <v>10735</v>
      </c>
      <c r="I30632" s="2">
        <v>0</v>
      </c>
      <c r="J30632" s="2">
        <v>0</v>
      </c>
      <c r="K30632" s="2">
        <v>1</v>
      </c>
      <c r="L30632" t="s">
        <v>995</v>
      </c>
      <c r="M30632" t="s">
        <v>89</v>
      </c>
      <c r="N30632" t="s">
        <v>90</v>
      </c>
      <c r="O30632" t="s">
        <v>85</v>
      </c>
      <c r="P30632" t="s">
        <v>86</v>
      </c>
      <c r="Q30632">
        <v>1</v>
      </c>
      <c r="R30632">
        <v>1</v>
      </c>
      <c r="S30632">
        <v>1</v>
      </c>
      <c r="T30632">
        <v>1</v>
      </c>
      <c r="U30632">
        <v>1</v>
      </c>
      <c r="V30632">
        <v>2</v>
      </c>
      <c r="W30632">
        <v>2</v>
      </c>
      <c r="X30632">
        <v>2</v>
      </c>
      <c r="Y30632">
        <v>2</v>
      </c>
      <c r="Z30632">
        <v>2</v>
      </c>
      <c r="AA30632">
        <v>2</v>
      </c>
      <c r="AB30632">
        <v>2</v>
      </c>
      <c r="AC30632">
        <v>2</v>
      </c>
      <c r="AD30632">
        <v>2</v>
      </c>
      <c r="AE30632">
        <v>2</v>
      </c>
      <c r="AF30632">
        <v>2</v>
      </c>
      <c r="AG30632">
        <v>2</v>
      </c>
      <c r="AH30632">
        <v>2</v>
      </c>
      <c r="AI30632">
        <v>2</v>
      </c>
      <c r="AJ30632">
        <v>2</v>
      </c>
      <c r="AK30632">
        <v>2</v>
      </c>
      <c r="AL30632">
        <v>2</v>
      </c>
      <c r="AM30632">
        <v>2</v>
      </c>
      <c r="AN30632">
        <v>2</v>
      </c>
      <c r="AO30632">
        <v>2</v>
      </c>
      <c r="AP30632">
        <v>2</v>
      </c>
      <c r="AQ30632">
        <v>2</v>
      </c>
    </row>
    <row r="30633" spans="1:43">
      <c r="A30633" t="s">
        <v>18975</v>
      </c>
      <c r="B30633" t="s">
        <v>18976</v>
      </c>
      <c r="C30633" t="s">
        <v>18941</v>
      </c>
      <c r="D30633" t="s">
        <v>18942</v>
      </c>
      <c r="E30633" t="s">
        <v>18845</v>
      </c>
      <c r="F30633" t="s">
        <v>18846</v>
      </c>
      <c r="G30633" t="s">
        <v>10734</v>
      </c>
      <c r="H30633" t="s">
        <v>10735</v>
      </c>
      <c r="I30633" s="2">
        <v>0</v>
      </c>
      <c r="J30633" s="2">
        <v>0</v>
      </c>
      <c r="K30633" s="2">
        <v>1</v>
      </c>
      <c r="L30633" t="s">
        <v>995</v>
      </c>
      <c r="M30633" t="s">
        <v>83</v>
      </c>
      <c r="N30633" t="s">
        <v>91</v>
      </c>
      <c r="O30633" t="s">
        <v>85</v>
      </c>
      <c r="P30633" t="s">
        <v>86</v>
      </c>
      <c r="Q30633">
        <v>1</v>
      </c>
      <c r="R30633">
        <v>1</v>
      </c>
      <c r="S30633">
        <v>1</v>
      </c>
      <c r="T30633">
        <v>1</v>
      </c>
      <c r="U30633">
        <v>1</v>
      </c>
      <c r="V30633">
        <v>1</v>
      </c>
      <c r="W30633">
        <v>1</v>
      </c>
      <c r="X30633">
        <v>1</v>
      </c>
      <c r="Y30633">
        <v>2</v>
      </c>
      <c r="Z30633">
        <v>2</v>
      </c>
      <c r="AA30633">
        <v>2</v>
      </c>
      <c r="AB30633">
        <v>2</v>
      </c>
      <c r="AC30633">
        <v>2</v>
      </c>
      <c r="AD30633">
        <v>2</v>
      </c>
      <c r="AE30633">
        <v>2</v>
      </c>
      <c r="AF30633">
        <v>2</v>
      </c>
      <c r="AG30633">
        <v>2</v>
      </c>
      <c r="AH30633">
        <v>2</v>
      </c>
      <c r="AI30633">
        <v>2</v>
      </c>
      <c r="AJ30633">
        <v>2</v>
      </c>
      <c r="AK30633">
        <v>2</v>
      </c>
      <c r="AL30633">
        <v>2</v>
      </c>
      <c r="AM30633">
        <v>2</v>
      </c>
      <c r="AN30633">
        <v>2</v>
      </c>
      <c r="AO30633">
        <v>2</v>
      </c>
      <c r="AP30633">
        <v>2</v>
      </c>
      <c r="AQ30633">
        <v>2</v>
      </c>
    </row>
    <row r="30634" spans="1:43">
      <c r="A30634" t="s">
        <v>18977</v>
      </c>
      <c r="B30634" t="s">
        <v>18978</v>
      </c>
      <c r="C30634" t="s">
        <v>18853</v>
      </c>
      <c r="D30634" t="s">
        <v>18854</v>
      </c>
      <c r="E30634" t="s">
        <v>18845</v>
      </c>
      <c r="F30634" t="s">
        <v>18846</v>
      </c>
      <c r="G30634" t="s">
        <v>10734</v>
      </c>
      <c r="H30634" t="s">
        <v>10735</v>
      </c>
      <c r="I30634" s="2">
        <v>0</v>
      </c>
      <c r="J30634" s="2">
        <v>0</v>
      </c>
      <c r="K30634" s="2">
        <v>1</v>
      </c>
      <c r="L30634" t="s">
        <v>995</v>
      </c>
      <c r="M30634" t="s">
        <v>83</v>
      </c>
      <c r="N30634" t="s">
        <v>84</v>
      </c>
      <c r="O30634" t="s">
        <v>85</v>
      </c>
      <c r="P30634" t="s">
        <v>86</v>
      </c>
      <c r="Q30634">
        <v>9</v>
      </c>
      <c r="R30634">
        <v>9</v>
      </c>
      <c r="S30634">
        <v>9</v>
      </c>
      <c r="T30634">
        <v>9</v>
      </c>
      <c r="U30634">
        <v>10</v>
      </c>
      <c r="V30634">
        <v>10</v>
      </c>
      <c r="W30634">
        <v>10</v>
      </c>
      <c r="X30634">
        <v>10</v>
      </c>
      <c r="Y30634">
        <v>10</v>
      </c>
      <c r="Z30634">
        <v>10</v>
      </c>
      <c r="AA30634">
        <v>10</v>
      </c>
      <c r="AB30634">
        <v>10</v>
      </c>
      <c r="AC30634">
        <v>10</v>
      </c>
      <c r="AD30634">
        <v>11</v>
      </c>
      <c r="AE30634">
        <v>11</v>
      </c>
      <c r="AF30634">
        <v>11</v>
      </c>
      <c r="AG30634">
        <v>11</v>
      </c>
      <c r="AH30634">
        <v>11</v>
      </c>
      <c r="AI30634">
        <v>11</v>
      </c>
      <c r="AJ30634">
        <v>11</v>
      </c>
      <c r="AK30634">
        <v>11</v>
      </c>
      <c r="AL30634">
        <v>12</v>
      </c>
      <c r="AM30634">
        <v>12</v>
      </c>
      <c r="AN30634">
        <v>12</v>
      </c>
      <c r="AO30634">
        <v>12</v>
      </c>
      <c r="AP30634">
        <v>12</v>
      </c>
      <c r="AQ30634">
        <v>12</v>
      </c>
    </row>
    <row r="30635" spans="1:43">
      <c r="A30635" t="s">
        <v>18977</v>
      </c>
      <c r="B30635" t="s">
        <v>18978</v>
      </c>
      <c r="C30635" t="s">
        <v>18853</v>
      </c>
      <c r="D30635" t="s">
        <v>18854</v>
      </c>
      <c r="E30635" t="s">
        <v>18845</v>
      </c>
      <c r="F30635" t="s">
        <v>18846</v>
      </c>
      <c r="G30635" t="s">
        <v>10734</v>
      </c>
      <c r="H30635" t="s">
        <v>10735</v>
      </c>
      <c r="I30635" s="2">
        <v>0</v>
      </c>
      <c r="J30635" s="2">
        <v>0</v>
      </c>
      <c r="K30635" s="2">
        <v>1</v>
      </c>
      <c r="L30635" t="s">
        <v>995</v>
      </c>
      <c r="M30635" t="s">
        <v>87</v>
      </c>
      <c r="N30635" t="s">
        <v>88</v>
      </c>
      <c r="O30635" t="s">
        <v>85</v>
      </c>
      <c r="P30635" t="s">
        <v>86</v>
      </c>
      <c r="Q30635">
        <v>9</v>
      </c>
      <c r="R30635">
        <v>9</v>
      </c>
      <c r="S30635">
        <v>9</v>
      </c>
      <c r="T30635">
        <v>9</v>
      </c>
      <c r="U30635">
        <v>9</v>
      </c>
      <c r="V30635">
        <v>9</v>
      </c>
      <c r="W30635">
        <v>9</v>
      </c>
      <c r="X30635">
        <v>9</v>
      </c>
      <c r="Y30635">
        <v>9</v>
      </c>
      <c r="Z30635">
        <v>9</v>
      </c>
      <c r="AA30635">
        <v>9</v>
      </c>
      <c r="AB30635">
        <v>9</v>
      </c>
      <c r="AC30635">
        <v>9</v>
      </c>
      <c r="AD30635">
        <v>9</v>
      </c>
      <c r="AE30635">
        <v>9</v>
      </c>
      <c r="AF30635">
        <v>10</v>
      </c>
      <c r="AG30635">
        <v>10</v>
      </c>
      <c r="AH30635">
        <v>10</v>
      </c>
      <c r="AI30635">
        <v>10</v>
      </c>
      <c r="AJ30635">
        <v>10</v>
      </c>
      <c r="AK30635">
        <v>10</v>
      </c>
      <c r="AL30635">
        <v>10</v>
      </c>
      <c r="AM30635">
        <v>10</v>
      </c>
      <c r="AN30635">
        <v>10</v>
      </c>
      <c r="AO30635">
        <v>10</v>
      </c>
      <c r="AP30635">
        <v>10</v>
      </c>
      <c r="AQ30635">
        <v>10</v>
      </c>
    </row>
    <row r="30636" spans="1:43">
      <c r="A30636" t="s">
        <v>18977</v>
      </c>
      <c r="B30636" t="s">
        <v>18978</v>
      </c>
      <c r="C30636" t="s">
        <v>18853</v>
      </c>
      <c r="D30636" t="s">
        <v>18854</v>
      </c>
      <c r="E30636" t="s">
        <v>18845</v>
      </c>
      <c r="F30636" t="s">
        <v>18846</v>
      </c>
      <c r="G30636" t="s">
        <v>10734</v>
      </c>
      <c r="H30636" t="s">
        <v>10735</v>
      </c>
      <c r="I30636" s="2">
        <v>0</v>
      </c>
      <c r="J30636" s="2">
        <v>0</v>
      </c>
      <c r="K30636" s="2">
        <v>1</v>
      </c>
      <c r="L30636" t="s">
        <v>995</v>
      </c>
      <c r="M30636" t="s">
        <v>89</v>
      </c>
      <c r="N30636" t="s">
        <v>90</v>
      </c>
      <c r="O30636" t="s">
        <v>85</v>
      </c>
      <c r="P30636" t="s">
        <v>86</v>
      </c>
      <c r="Q30636">
        <v>9</v>
      </c>
      <c r="R30636">
        <v>9</v>
      </c>
      <c r="S30636">
        <v>10</v>
      </c>
      <c r="T30636">
        <v>10</v>
      </c>
      <c r="U30636">
        <v>10</v>
      </c>
      <c r="V30636">
        <v>10</v>
      </c>
      <c r="W30636">
        <v>10</v>
      </c>
      <c r="X30636">
        <v>10</v>
      </c>
      <c r="Y30636">
        <v>11</v>
      </c>
      <c r="Z30636">
        <v>11</v>
      </c>
      <c r="AA30636">
        <v>11</v>
      </c>
      <c r="AB30636">
        <v>11</v>
      </c>
      <c r="AC30636">
        <v>11</v>
      </c>
      <c r="AD30636">
        <v>11</v>
      </c>
      <c r="AE30636">
        <v>11</v>
      </c>
      <c r="AF30636">
        <v>11</v>
      </c>
      <c r="AG30636">
        <v>11</v>
      </c>
      <c r="AH30636">
        <v>12</v>
      </c>
      <c r="AI30636">
        <v>12</v>
      </c>
      <c r="AJ30636">
        <v>12</v>
      </c>
      <c r="AK30636">
        <v>12</v>
      </c>
      <c r="AL30636">
        <v>12</v>
      </c>
      <c r="AM30636">
        <v>12</v>
      </c>
      <c r="AN30636">
        <v>12</v>
      </c>
      <c r="AO30636">
        <v>12</v>
      </c>
      <c r="AP30636">
        <v>12</v>
      </c>
      <c r="AQ30636">
        <v>12</v>
      </c>
    </row>
    <row r="30637" spans="1:43">
      <c r="A30637" t="s">
        <v>18977</v>
      </c>
      <c r="B30637" t="s">
        <v>18978</v>
      </c>
      <c r="C30637" t="s">
        <v>18853</v>
      </c>
      <c r="D30637" t="s">
        <v>18854</v>
      </c>
      <c r="E30637" t="s">
        <v>18845</v>
      </c>
      <c r="F30637" t="s">
        <v>18846</v>
      </c>
      <c r="G30637" t="s">
        <v>10734</v>
      </c>
      <c r="H30637" t="s">
        <v>10735</v>
      </c>
      <c r="I30637" s="2">
        <v>0</v>
      </c>
      <c r="J30637" s="2">
        <v>0</v>
      </c>
      <c r="K30637" s="2">
        <v>1</v>
      </c>
      <c r="L30637" t="s">
        <v>995</v>
      </c>
      <c r="M30637" t="s">
        <v>83</v>
      </c>
      <c r="N30637" t="s">
        <v>91</v>
      </c>
      <c r="O30637" t="s">
        <v>85</v>
      </c>
      <c r="P30637" t="s">
        <v>86</v>
      </c>
      <c r="Q30637">
        <v>9</v>
      </c>
      <c r="R30637">
        <v>9</v>
      </c>
      <c r="S30637">
        <v>9</v>
      </c>
      <c r="T30637">
        <v>9</v>
      </c>
      <c r="U30637">
        <v>10</v>
      </c>
      <c r="V30637">
        <v>10</v>
      </c>
      <c r="W30637">
        <v>10</v>
      </c>
      <c r="X30637">
        <v>10</v>
      </c>
      <c r="Y30637">
        <v>10</v>
      </c>
      <c r="Z30637">
        <v>10</v>
      </c>
      <c r="AA30637">
        <v>10</v>
      </c>
      <c r="AB30637">
        <v>10</v>
      </c>
      <c r="AC30637">
        <v>10</v>
      </c>
      <c r="AD30637">
        <v>11</v>
      </c>
      <c r="AE30637">
        <v>11</v>
      </c>
      <c r="AF30637">
        <v>11</v>
      </c>
      <c r="AG30637">
        <v>11</v>
      </c>
      <c r="AH30637">
        <v>11</v>
      </c>
      <c r="AI30637">
        <v>11</v>
      </c>
      <c r="AJ30637">
        <v>11</v>
      </c>
      <c r="AK30637">
        <v>11</v>
      </c>
      <c r="AL30637">
        <v>12</v>
      </c>
      <c r="AM30637">
        <v>12</v>
      </c>
      <c r="AN30637">
        <v>12</v>
      </c>
      <c r="AO30637">
        <v>12</v>
      </c>
      <c r="AP30637">
        <v>12</v>
      </c>
      <c r="AQ30637">
        <v>12</v>
      </c>
    </row>
    <row r="30638" spans="1:43">
      <c r="A30638" t="s">
        <v>18979</v>
      </c>
      <c r="B30638" t="s">
        <v>18980</v>
      </c>
      <c r="C30638" t="s">
        <v>18967</v>
      </c>
      <c r="D30638" t="s">
        <v>18968</v>
      </c>
      <c r="E30638" t="s">
        <v>18845</v>
      </c>
      <c r="F30638" t="s">
        <v>18846</v>
      </c>
      <c r="G30638" t="s">
        <v>10734</v>
      </c>
      <c r="H30638" t="s">
        <v>10735</v>
      </c>
      <c r="I30638" s="2">
        <v>0</v>
      </c>
      <c r="J30638" s="2">
        <v>0</v>
      </c>
      <c r="K30638" s="2">
        <v>1</v>
      </c>
      <c r="L30638" t="s">
        <v>995</v>
      </c>
      <c r="M30638" t="s">
        <v>83</v>
      </c>
      <c r="N30638" t="s">
        <v>84</v>
      </c>
      <c r="O30638" t="s">
        <v>85</v>
      </c>
      <c r="P30638" t="s">
        <v>86</v>
      </c>
      <c r="Q30638">
        <v>3</v>
      </c>
      <c r="R30638">
        <v>3</v>
      </c>
      <c r="S30638">
        <v>3</v>
      </c>
      <c r="T30638">
        <v>3</v>
      </c>
      <c r="U30638">
        <v>3</v>
      </c>
      <c r="V30638">
        <v>4</v>
      </c>
      <c r="W30638">
        <v>4</v>
      </c>
      <c r="X30638">
        <v>4</v>
      </c>
      <c r="Y30638">
        <v>4</v>
      </c>
      <c r="Z30638">
        <v>4</v>
      </c>
      <c r="AA30638">
        <v>4</v>
      </c>
      <c r="AB30638">
        <v>4</v>
      </c>
      <c r="AC30638">
        <v>4</v>
      </c>
      <c r="AD30638">
        <v>4</v>
      </c>
      <c r="AE30638">
        <v>4</v>
      </c>
      <c r="AF30638">
        <v>4</v>
      </c>
      <c r="AG30638">
        <v>4</v>
      </c>
      <c r="AH30638">
        <v>4</v>
      </c>
      <c r="AI30638">
        <v>4</v>
      </c>
      <c r="AJ30638">
        <v>4</v>
      </c>
      <c r="AK30638">
        <v>4</v>
      </c>
      <c r="AL30638">
        <v>4</v>
      </c>
      <c r="AM30638">
        <v>4</v>
      </c>
      <c r="AN30638">
        <v>4</v>
      </c>
      <c r="AO30638">
        <v>4</v>
      </c>
      <c r="AP30638">
        <v>4</v>
      </c>
      <c r="AQ30638">
        <v>4</v>
      </c>
    </row>
    <row r="30639" spans="1:43">
      <c r="A30639" t="s">
        <v>18979</v>
      </c>
      <c r="B30639" t="s">
        <v>18980</v>
      </c>
      <c r="C30639" t="s">
        <v>18967</v>
      </c>
      <c r="D30639" t="s">
        <v>18968</v>
      </c>
      <c r="E30639" t="s">
        <v>18845</v>
      </c>
      <c r="F30639" t="s">
        <v>18846</v>
      </c>
      <c r="G30639" t="s">
        <v>10734</v>
      </c>
      <c r="H30639" t="s">
        <v>10735</v>
      </c>
      <c r="I30639" s="2">
        <v>0</v>
      </c>
      <c r="J30639" s="2">
        <v>0</v>
      </c>
      <c r="K30639" s="2">
        <v>1</v>
      </c>
      <c r="L30639" t="s">
        <v>995</v>
      </c>
      <c r="M30639" t="s">
        <v>87</v>
      </c>
      <c r="N30639" t="s">
        <v>88</v>
      </c>
      <c r="O30639" t="s">
        <v>85</v>
      </c>
      <c r="P30639" t="s">
        <v>86</v>
      </c>
      <c r="Q30639">
        <v>3</v>
      </c>
      <c r="R30639">
        <v>3</v>
      </c>
      <c r="S30639">
        <v>3</v>
      </c>
      <c r="T30639">
        <v>3</v>
      </c>
      <c r="U30639">
        <v>3</v>
      </c>
      <c r="V30639">
        <v>3</v>
      </c>
      <c r="W30639">
        <v>3</v>
      </c>
      <c r="X30639">
        <v>3</v>
      </c>
      <c r="Y30639">
        <v>3</v>
      </c>
      <c r="Z30639">
        <v>3</v>
      </c>
      <c r="AA30639">
        <v>3</v>
      </c>
      <c r="AB30639">
        <v>3</v>
      </c>
      <c r="AC30639">
        <v>3</v>
      </c>
      <c r="AD30639">
        <v>3</v>
      </c>
      <c r="AE30639">
        <v>3</v>
      </c>
      <c r="AF30639">
        <v>3</v>
      </c>
      <c r="AG30639">
        <v>4</v>
      </c>
      <c r="AH30639">
        <v>4</v>
      </c>
      <c r="AI30639">
        <v>4</v>
      </c>
      <c r="AJ30639">
        <v>4</v>
      </c>
      <c r="AK30639">
        <v>4</v>
      </c>
      <c r="AL30639">
        <v>4</v>
      </c>
      <c r="AM30639">
        <v>4</v>
      </c>
      <c r="AN30639">
        <v>4</v>
      </c>
      <c r="AO30639">
        <v>4</v>
      </c>
      <c r="AP30639">
        <v>4</v>
      </c>
      <c r="AQ30639">
        <v>4</v>
      </c>
    </row>
    <row r="30640" spans="1:43">
      <c r="A30640" t="s">
        <v>18979</v>
      </c>
      <c r="B30640" t="s">
        <v>18980</v>
      </c>
      <c r="C30640" t="s">
        <v>18967</v>
      </c>
      <c r="D30640" t="s">
        <v>18968</v>
      </c>
      <c r="E30640" t="s">
        <v>18845</v>
      </c>
      <c r="F30640" t="s">
        <v>18846</v>
      </c>
      <c r="G30640" t="s">
        <v>10734</v>
      </c>
      <c r="H30640" t="s">
        <v>10735</v>
      </c>
      <c r="I30640" s="2">
        <v>0</v>
      </c>
      <c r="J30640" s="2">
        <v>0</v>
      </c>
      <c r="K30640" s="2">
        <v>1</v>
      </c>
      <c r="L30640" t="s">
        <v>995</v>
      </c>
      <c r="M30640" t="s">
        <v>89</v>
      </c>
      <c r="N30640" t="s">
        <v>90</v>
      </c>
      <c r="O30640" t="s">
        <v>85</v>
      </c>
      <c r="P30640" t="s">
        <v>86</v>
      </c>
      <c r="Q30640">
        <v>3</v>
      </c>
      <c r="R30640">
        <v>3</v>
      </c>
      <c r="S30640">
        <v>3</v>
      </c>
      <c r="T30640">
        <v>4</v>
      </c>
      <c r="U30640">
        <v>4</v>
      </c>
      <c r="V30640">
        <v>4</v>
      </c>
      <c r="W30640">
        <v>4</v>
      </c>
      <c r="X30640">
        <v>4</v>
      </c>
      <c r="Y30640">
        <v>4</v>
      </c>
      <c r="Z30640">
        <v>4</v>
      </c>
      <c r="AA30640">
        <v>4</v>
      </c>
      <c r="AB30640">
        <v>4</v>
      </c>
      <c r="AC30640">
        <v>4</v>
      </c>
      <c r="AD30640">
        <v>4</v>
      </c>
      <c r="AE30640">
        <v>4</v>
      </c>
      <c r="AF30640">
        <v>4</v>
      </c>
      <c r="AG30640">
        <v>4</v>
      </c>
      <c r="AH30640">
        <v>4</v>
      </c>
      <c r="AI30640">
        <v>4</v>
      </c>
      <c r="AJ30640">
        <v>4</v>
      </c>
      <c r="AK30640">
        <v>4</v>
      </c>
      <c r="AL30640">
        <v>4</v>
      </c>
      <c r="AM30640">
        <v>4</v>
      </c>
      <c r="AN30640">
        <v>4</v>
      </c>
      <c r="AO30640">
        <v>4</v>
      </c>
      <c r="AP30640">
        <v>4</v>
      </c>
      <c r="AQ30640">
        <v>4</v>
      </c>
    </row>
    <row r="30641" spans="1:43">
      <c r="A30641" t="s">
        <v>18979</v>
      </c>
      <c r="B30641" t="s">
        <v>18980</v>
      </c>
      <c r="C30641" t="s">
        <v>18967</v>
      </c>
      <c r="D30641" t="s">
        <v>18968</v>
      </c>
      <c r="E30641" t="s">
        <v>18845</v>
      </c>
      <c r="F30641" t="s">
        <v>18846</v>
      </c>
      <c r="G30641" t="s">
        <v>10734</v>
      </c>
      <c r="H30641" t="s">
        <v>10735</v>
      </c>
      <c r="I30641" s="2">
        <v>0</v>
      </c>
      <c r="J30641" s="2">
        <v>0</v>
      </c>
      <c r="K30641" s="2">
        <v>1</v>
      </c>
      <c r="L30641" t="s">
        <v>995</v>
      </c>
      <c r="M30641" t="s">
        <v>83</v>
      </c>
      <c r="N30641" t="s">
        <v>91</v>
      </c>
      <c r="O30641" t="s">
        <v>85</v>
      </c>
      <c r="P30641" t="s">
        <v>86</v>
      </c>
      <c r="Q30641">
        <v>3</v>
      </c>
      <c r="R30641">
        <v>3</v>
      </c>
      <c r="S30641">
        <v>3</v>
      </c>
      <c r="T30641">
        <v>3</v>
      </c>
      <c r="U30641">
        <v>3</v>
      </c>
      <c r="V30641">
        <v>4</v>
      </c>
      <c r="W30641">
        <v>4</v>
      </c>
      <c r="X30641">
        <v>4</v>
      </c>
      <c r="Y30641">
        <v>4</v>
      </c>
      <c r="Z30641">
        <v>4</v>
      </c>
      <c r="AA30641">
        <v>4</v>
      </c>
      <c r="AB30641">
        <v>4</v>
      </c>
      <c r="AC30641">
        <v>4</v>
      </c>
      <c r="AD30641">
        <v>4</v>
      </c>
      <c r="AE30641">
        <v>4</v>
      </c>
      <c r="AF30641">
        <v>4</v>
      </c>
      <c r="AG30641">
        <v>4</v>
      </c>
      <c r="AH30641">
        <v>4</v>
      </c>
      <c r="AI30641">
        <v>4</v>
      </c>
      <c r="AJ30641">
        <v>4</v>
      </c>
      <c r="AK30641">
        <v>4</v>
      </c>
      <c r="AL30641">
        <v>4</v>
      </c>
      <c r="AM30641">
        <v>4</v>
      </c>
      <c r="AN30641">
        <v>4</v>
      </c>
      <c r="AO30641">
        <v>4</v>
      </c>
      <c r="AP30641">
        <v>4</v>
      </c>
      <c r="AQ30641">
        <v>4</v>
      </c>
    </row>
    <row r="30642" spans="1:43">
      <c r="A30642" t="s">
        <v>18981</v>
      </c>
      <c r="B30642" t="s">
        <v>18982</v>
      </c>
      <c r="C30642" t="s">
        <v>18967</v>
      </c>
      <c r="D30642" t="s">
        <v>18968</v>
      </c>
      <c r="E30642" t="s">
        <v>18845</v>
      </c>
      <c r="F30642" t="s">
        <v>18846</v>
      </c>
      <c r="G30642" t="s">
        <v>10734</v>
      </c>
      <c r="H30642" t="s">
        <v>10735</v>
      </c>
      <c r="I30642" s="2">
        <v>0</v>
      </c>
      <c r="J30642" s="2">
        <v>0</v>
      </c>
      <c r="K30642" s="2">
        <v>1</v>
      </c>
      <c r="L30642" t="s">
        <v>995</v>
      </c>
      <c r="M30642" t="s">
        <v>83</v>
      </c>
      <c r="N30642" t="s">
        <v>84</v>
      </c>
      <c r="O30642" t="s">
        <v>85</v>
      </c>
      <c r="P30642" t="s">
        <v>86</v>
      </c>
      <c r="Q30642">
        <v>30</v>
      </c>
      <c r="R30642">
        <v>31</v>
      </c>
      <c r="S30642">
        <v>31</v>
      </c>
      <c r="T30642">
        <v>32</v>
      </c>
      <c r="U30642">
        <v>32</v>
      </c>
      <c r="V30642">
        <v>32</v>
      </c>
      <c r="W30642">
        <v>33</v>
      </c>
      <c r="X30642">
        <v>33</v>
      </c>
      <c r="Y30642">
        <v>33</v>
      </c>
      <c r="Z30642">
        <v>34</v>
      </c>
      <c r="AA30642">
        <v>34</v>
      </c>
      <c r="AB30642">
        <v>35</v>
      </c>
      <c r="AC30642">
        <v>35</v>
      </c>
      <c r="AD30642">
        <v>35</v>
      </c>
      <c r="AE30642">
        <v>36</v>
      </c>
      <c r="AF30642">
        <v>36</v>
      </c>
      <c r="AG30642">
        <v>37</v>
      </c>
      <c r="AH30642">
        <v>37</v>
      </c>
      <c r="AI30642">
        <v>38</v>
      </c>
      <c r="AJ30642">
        <v>38</v>
      </c>
      <c r="AK30642">
        <v>38</v>
      </c>
      <c r="AL30642">
        <v>39</v>
      </c>
      <c r="AM30642">
        <v>39</v>
      </c>
      <c r="AN30642">
        <v>39</v>
      </c>
      <c r="AO30642">
        <v>39</v>
      </c>
      <c r="AP30642">
        <v>39</v>
      </c>
      <c r="AQ30642">
        <v>39</v>
      </c>
    </row>
    <row r="30643" spans="1:43">
      <c r="A30643" t="s">
        <v>18981</v>
      </c>
      <c r="B30643" t="s">
        <v>18982</v>
      </c>
      <c r="C30643" t="s">
        <v>18967</v>
      </c>
      <c r="D30643" t="s">
        <v>18968</v>
      </c>
      <c r="E30643" t="s">
        <v>18845</v>
      </c>
      <c r="F30643" t="s">
        <v>18846</v>
      </c>
      <c r="G30643" t="s">
        <v>10734</v>
      </c>
      <c r="H30643" t="s">
        <v>10735</v>
      </c>
      <c r="I30643" s="2">
        <v>0</v>
      </c>
      <c r="J30643" s="2">
        <v>0</v>
      </c>
      <c r="K30643" s="2">
        <v>1</v>
      </c>
      <c r="L30643" t="s">
        <v>995</v>
      </c>
      <c r="M30643" t="s">
        <v>87</v>
      </c>
      <c r="N30643" t="s">
        <v>88</v>
      </c>
      <c r="O30643" t="s">
        <v>85</v>
      </c>
      <c r="P30643" t="s">
        <v>86</v>
      </c>
      <c r="Q30643">
        <v>30</v>
      </c>
      <c r="R30643">
        <v>30</v>
      </c>
      <c r="S30643">
        <v>30</v>
      </c>
      <c r="T30643">
        <v>30</v>
      </c>
      <c r="U30643">
        <v>30</v>
      </c>
      <c r="V30643">
        <v>31</v>
      </c>
      <c r="W30643">
        <v>31</v>
      </c>
      <c r="X30643">
        <v>31</v>
      </c>
      <c r="Y30643">
        <v>31</v>
      </c>
      <c r="Z30643">
        <v>31</v>
      </c>
      <c r="AA30643">
        <v>31</v>
      </c>
      <c r="AB30643">
        <v>31</v>
      </c>
      <c r="AC30643">
        <v>31</v>
      </c>
      <c r="AD30643">
        <v>32</v>
      </c>
      <c r="AE30643">
        <v>32</v>
      </c>
      <c r="AF30643">
        <v>32</v>
      </c>
      <c r="AG30643">
        <v>32</v>
      </c>
      <c r="AH30643">
        <v>32</v>
      </c>
      <c r="AI30643">
        <v>33</v>
      </c>
      <c r="AJ30643">
        <v>33</v>
      </c>
      <c r="AK30643">
        <v>33</v>
      </c>
      <c r="AL30643">
        <v>33</v>
      </c>
      <c r="AM30643">
        <v>33</v>
      </c>
      <c r="AN30643">
        <v>33</v>
      </c>
      <c r="AO30643">
        <v>34</v>
      </c>
      <c r="AP30643">
        <v>34</v>
      </c>
      <c r="AQ30643">
        <v>34</v>
      </c>
    </row>
    <row r="30644" spans="1:43">
      <c r="A30644" t="s">
        <v>18981</v>
      </c>
      <c r="B30644" t="s">
        <v>18982</v>
      </c>
      <c r="C30644" t="s">
        <v>18967</v>
      </c>
      <c r="D30644" t="s">
        <v>18968</v>
      </c>
      <c r="E30644" t="s">
        <v>18845</v>
      </c>
      <c r="F30644" t="s">
        <v>18846</v>
      </c>
      <c r="G30644" t="s">
        <v>10734</v>
      </c>
      <c r="H30644" t="s">
        <v>10735</v>
      </c>
      <c r="I30644" s="2">
        <v>0</v>
      </c>
      <c r="J30644" s="2">
        <v>0</v>
      </c>
      <c r="K30644" s="2">
        <v>1</v>
      </c>
      <c r="L30644" t="s">
        <v>995</v>
      </c>
      <c r="M30644" t="s">
        <v>89</v>
      </c>
      <c r="N30644" t="s">
        <v>90</v>
      </c>
      <c r="O30644" t="s">
        <v>85</v>
      </c>
      <c r="P30644" t="s">
        <v>86</v>
      </c>
      <c r="Q30644">
        <v>30</v>
      </c>
      <c r="R30644">
        <v>30</v>
      </c>
      <c r="S30644">
        <v>31</v>
      </c>
      <c r="T30644">
        <v>32</v>
      </c>
      <c r="U30644">
        <v>32</v>
      </c>
      <c r="V30644">
        <v>33</v>
      </c>
      <c r="W30644">
        <v>33</v>
      </c>
      <c r="X30644">
        <v>34</v>
      </c>
      <c r="Y30644">
        <v>34</v>
      </c>
      <c r="Z30644">
        <v>35</v>
      </c>
      <c r="AA30644">
        <v>35</v>
      </c>
      <c r="AB30644">
        <v>36</v>
      </c>
      <c r="AC30644">
        <v>37</v>
      </c>
      <c r="AD30644">
        <v>37</v>
      </c>
      <c r="AE30644">
        <v>37</v>
      </c>
      <c r="AF30644">
        <v>37</v>
      </c>
      <c r="AG30644">
        <v>38</v>
      </c>
      <c r="AH30644">
        <v>38</v>
      </c>
      <c r="AI30644">
        <v>38</v>
      </c>
      <c r="AJ30644">
        <v>38</v>
      </c>
      <c r="AK30644">
        <v>38</v>
      </c>
      <c r="AL30644">
        <v>38</v>
      </c>
      <c r="AM30644">
        <v>38</v>
      </c>
      <c r="AN30644">
        <v>38</v>
      </c>
      <c r="AO30644">
        <v>38</v>
      </c>
      <c r="AP30644">
        <v>38</v>
      </c>
      <c r="AQ30644">
        <v>38</v>
      </c>
    </row>
    <row r="30645" spans="1:43">
      <c r="A30645" t="s">
        <v>18981</v>
      </c>
      <c r="B30645" t="s">
        <v>18982</v>
      </c>
      <c r="C30645" t="s">
        <v>18967</v>
      </c>
      <c r="D30645" t="s">
        <v>18968</v>
      </c>
      <c r="E30645" t="s">
        <v>18845</v>
      </c>
      <c r="F30645" t="s">
        <v>18846</v>
      </c>
      <c r="G30645" t="s">
        <v>10734</v>
      </c>
      <c r="H30645" t="s">
        <v>10735</v>
      </c>
      <c r="I30645" s="2">
        <v>0</v>
      </c>
      <c r="J30645" s="2">
        <v>0</v>
      </c>
      <c r="K30645" s="2">
        <v>1</v>
      </c>
      <c r="L30645" t="s">
        <v>995</v>
      </c>
      <c r="M30645" t="s">
        <v>83</v>
      </c>
      <c r="N30645" t="s">
        <v>91</v>
      </c>
      <c r="O30645" t="s">
        <v>85</v>
      </c>
      <c r="P30645" t="s">
        <v>86</v>
      </c>
      <c r="Q30645">
        <v>30</v>
      </c>
      <c r="R30645">
        <v>31</v>
      </c>
      <c r="S30645">
        <v>31</v>
      </c>
      <c r="T30645">
        <v>32</v>
      </c>
      <c r="U30645">
        <v>32</v>
      </c>
      <c r="V30645">
        <v>32</v>
      </c>
      <c r="W30645">
        <v>33</v>
      </c>
      <c r="X30645">
        <v>33</v>
      </c>
      <c r="Y30645">
        <v>33</v>
      </c>
      <c r="Z30645">
        <v>34</v>
      </c>
      <c r="AA30645">
        <v>34</v>
      </c>
      <c r="AB30645">
        <v>35</v>
      </c>
      <c r="AC30645">
        <v>35</v>
      </c>
      <c r="AD30645">
        <v>35</v>
      </c>
      <c r="AE30645">
        <v>36</v>
      </c>
      <c r="AF30645">
        <v>36</v>
      </c>
      <c r="AG30645">
        <v>37</v>
      </c>
      <c r="AH30645">
        <v>37</v>
      </c>
      <c r="AI30645">
        <v>38</v>
      </c>
      <c r="AJ30645">
        <v>38</v>
      </c>
      <c r="AK30645">
        <v>38</v>
      </c>
      <c r="AL30645">
        <v>39</v>
      </c>
      <c r="AM30645">
        <v>39</v>
      </c>
      <c r="AN30645">
        <v>39</v>
      </c>
      <c r="AO30645">
        <v>39</v>
      </c>
      <c r="AP30645">
        <v>39</v>
      </c>
      <c r="AQ30645">
        <v>39</v>
      </c>
    </row>
    <row r="30646" spans="1:43">
      <c r="A30646" t="s">
        <v>18983</v>
      </c>
      <c r="B30646" t="s">
        <v>18984</v>
      </c>
      <c r="C30646" t="s">
        <v>18867</v>
      </c>
      <c r="D30646" t="s">
        <v>18868</v>
      </c>
      <c r="E30646" t="s">
        <v>18845</v>
      </c>
      <c r="F30646" t="s">
        <v>18846</v>
      </c>
      <c r="G30646" t="s">
        <v>10734</v>
      </c>
      <c r="H30646" t="s">
        <v>10735</v>
      </c>
      <c r="I30646" s="2">
        <v>0</v>
      </c>
      <c r="J30646" s="2">
        <v>0</v>
      </c>
      <c r="K30646" s="2">
        <v>1</v>
      </c>
      <c r="L30646" t="s">
        <v>995</v>
      </c>
      <c r="M30646" t="s">
        <v>83</v>
      </c>
      <c r="N30646" t="s">
        <v>84</v>
      </c>
      <c r="O30646" t="s">
        <v>85</v>
      </c>
      <c r="P30646" t="s">
        <v>86</v>
      </c>
      <c r="Q30646">
        <v>22</v>
      </c>
      <c r="R30646">
        <v>22</v>
      </c>
      <c r="S30646">
        <v>23</v>
      </c>
      <c r="T30646">
        <v>23</v>
      </c>
      <c r="U30646">
        <v>23</v>
      </c>
      <c r="V30646">
        <v>23</v>
      </c>
      <c r="W30646">
        <v>24</v>
      </c>
      <c r="X30646">
        <v>24</v>
      </c>
      <c r="Y30646">
        <v>24</v>
      </c>
      <c r="Z30646">
        <v>25</v>
      </c>
      <c r="AA30646">
        <v>25</v>
      </c>
      <c r="AB30646">
        <v>25</v>
      </c>
      <c r="AC30646">
        <v>25</v>
      </c>
      <c r="AD30646">
        <v>26</v>
      </c>
      <c r="AE30646">
        <v>26</v>
      </c>
      <c r="AF30646">
        <v>26</v>
      </c>
      <c r="AG30646">
        <v>27</v>
      </c>
      <c r="AH30646">
        <v>27</v>
      </c>
      <c r="AI30646">
        <v>27</v>
      </c>
      <c r="AJ30646">
        <v>28</v>
      </c>
      <c r="AK30646">
        <v>28</v>
      </c>
      <c r="AL30646">
        <v>28</v>
      </c>
      <c r="AM30646">
        <v>28</v>
      </c>
      <c r="AN30646">
        <v>28</v>
      </c>
      <c r="AO30646">
        <v>28</v>
      </c>
      <c r="AP30646">
        <v>28</v>
      </c>
      <c r="AQ30646">
        <v>28</v>
      </c>
    </row>
    <row r="30647" spans="1:43">
      <c r="A30647" t="s">
        <v>18983</v>
      </c>
      <c r="B30647" t="s">
        <v>18984</v>
      </c>
      <c r="C30647" t="s">
        <v>18867</v>
      </c>
      <c r="D30647" t="s">
        <v>18868</v>
      </c>
      <c r="E30647" t="s">
        <v>18845</v>
      </c>
      <c r="F30647" t="s">
        <v>18846</v>
      </c>
      <c r="G30647" t="s">
        <v>10734</v>
      </c>
      <c r="H30647" t="s">
        <v>10735</v>
      </c>
      <c r="I30647" s="2">
        <v>0</v>
      </c>
      <c r="J30647" s="2">
        <v>0</v>
      </c>
      <c r="K30647" s="2">
        <v>1</v>
      </c>
      <c r="L30647" t="s">
        <v>995</v>
      </c>
      <c r="M30647" t="s">
        <v>87</v>
      </c>
      <c r="N30647" t="s">
        <v>88</v>
      </c>
      <c r="O30647" t="s">
        <v>85</v>
      </c>
      <c r="P30647" t="s">
        <v>86</v>
      </c>
      <c r="Q30647">
        <v>22</v>
      </c>
      <c r="R30647">
        <v>22</v>
      </c>
      <c r="S30647">
        <v>22</v>
      </c>
      <c r="T30647">
        <v>22</v>
      </c>
      <c r="U30647">
        <v>22</v>
      </c>
      <c r="V30647">
        <v>22</v>
      </c>
      <c r="W30647">
        <v>22</v>
      </c>
      <c r="X30647">
        <v>22</v>
      </c>
      <c r="Y30647">
        <v>22</v>
      </c>
      <c r="Z30647">
        <v>23</v>
      </c>
      <c r="AA30647">
        <v>23</v>
      </c>
      <c r="AB30647">
        <v>23</v>
      </c>
      <c r="AC30647">
        <v>23</v>
      </c>
      <c r="AD30647">
        <v>23</v>
      </c>
      <c r="AE30647">
        <v>23</v>
      </c>
      <c r="AF30647">
        <v>23</v>
      </c>
      <c r="AG30647">
        <v>23</v>
      </c>
      <c r="AH30647">
        <v>23</v>
      </c>
      <c r="AI30647">
        <v>24</v>
      </c>
      <c r="AJ30647">
        <v>24</v>
      </c>
      <c r="AK30647">
        <v>24</v>
      </c>
      <c r="AL30647">
        <v>24</v>
      </c>
      <c r="AM30647">
        <v>24</v>
      </c>
      <c r="AN30647">
        <v>24</v>
      </c>
      <c r="AO30647">
        <v>24</v>
      </c>
      <c r="AP30647">
        <v>25</v>
      </c>
      <c r="AQ30647">
        <v>25</v>
      </c>
    </row>
    <row r="30648" spans="1:43">
      <c r="A30648" t="s">
        <v>18983</v>
      </c>
      <c r="B30648" t="s">
        <v>18984</v>
      </c>
      <c r="C30648" t="s">
        <v>18867</v>
      </c>
      <c r="D30648" t="s">
        <v>18868</v>
      </c>
      <c r="E30648" t="s">
        <v>18845</v>
      </c>
      <c r="F30648" t="s">
        <v>18846</v>
      </c>
      <c r="G30648" t="s">
        <v>10734</v>
      </c>
      <c r="H30648" t="s">
        <v>10735</v>
      </c>
      <c r="I30648" s="2">
        <v>0</v>
      </c>
      <c r="J30648" s="2">
        <v>0</v>
      </c>
      <c r="K30648" s="2">
        <v>1</v>
      </c>
      <c r="L30648" t="s">
        <v>995</v>
      </c>
      <c r="M30648" t="s">
        <v>89</v>
      </c>
      <c r="N30648" t="s">
        <v>90</v>
      </c>
      <c r="O30648" t="s">
        <v>85</v>
      </c>
      <c r="P30648" t="s">
        <v>86</v>
      </c>
      <c r="Q30648">
        <v>22</v>
      </c>
      <c r="R30648">
        <v>23</v>
      </c>
      <c r="S30648">
        <v>23</v>
      </c>
      <c r="T30648">
        <v>24</v>
      </c>
      <c r="U30648">
        <v>24</v>
      </c>
      <c r="V30648">
        <v>25</v>
      </c>
      <c r="W30648">
        <v>25</v>
      </c>
      <c r="X30648">
        <v>25</v>
      </c>
      <c r="Y30648">
        <v>26</v>
      </c>
      <c r="Z30648">
        <v>26</v>
      </c>
      <c r="AA30648">
        <v>26</v>
      </c>
      <c r="AB30648">
        <v>27</v>
      </c>
      <c r="AC30648">
        <v>27</v>
      </c>
      <c r="AD30648">
        <v>28</v>
      </c>
      <c r="AE30648">
        <v>28</v>
      </c>
      <c r="AF30648">
        <v>28</v>
      </c>
      <c r="AG30648">
        <v>28</v>
      </c>
      <c r="AH30648">
        <v>28</v>
      </c>
      <c r="AI30648">
        <v>28</v>
      </c>
      <c r="AJ30648">
        <v>28</v>
      </c>
      <c r="AK30648">
        <v>28</v>
      </c>
      <c r="AL30648">
        <v>28</v>
      </c>
      <c r="AM30648">
        <v>28</v>
      </c>
      <c r="AN30648">
        <v>28</v>
      </c>
      <c r="AO30648">
        <v>28</v>
      </c>
      <c r="AP30648">
        <v>29</v>
      </c>
      <c r="AQ30648">
        <v>29</v>
      </c>
    </row>
    <row r="30649" spans="1:43">
      <c r="A30649" t="s">
        <v>18983</v>
      </c>
      <c r="B30649" t="s">
        <v>18984</v>
      </c>
      <c r="C30649" t="s">
        <v>18867</v>
      </c>
      <c r="D30649" t="s">
        <v>18868</v>
      </c>
      <c r="E30649" t="s">
        <v>18845</v>
      </c>
      <c r="F30649" t="s">
        <v>18846</v>
      </c>
      <c r="G30649" t="s">
        <v>10734</v>
      </c>
      <c r="H30649" t="s">
        <v>10735</v>
      </c>
      <c r="I30649" s="2">
        <v>0</v>
      </c>
      <c r="J30649" s="2">
        <v>0</v>
      </c>
      <c r="K30649" s="2">
        <v>1</v>
      </c>
      <c r="L30649" t="s">
        <v>995</v>
      </c>
      <c r="M30649" t="s">
        <v>83</v>
      </c>
      <c r="N30649" t="s">
        <v>91</v>
      </c>
      <c r="O30649" t="s">
        <v>85</v>
      </c>
      <c r="P30649" t="s">
        <v>86</v>
      </c>
      <c r="Q30649">
        <v>22</v>
      </c>
      <c r="R30649">
        <v>22</v>
      </c>
      <c r="S30649">
        <v>23</v>
      </c>
      <c r="T30649">
        <v>23</v>
      </c>
      <c r="U30649">
        <v>23</v>
      </c>
      <c r="V30649">
        <v>23</v>
      </c>
      <c r="W30649">
        <v>24</v>
      </c>
      <c r="X30649">
        <v>24</v>
      </c>
      <c r="Y30649">
        <v>24</v>
      </c>
      <c r="Z30649">
        <v>25</v>
      </c>
      <c r="AA30649">
        <v>25</v>
      </c>
      <c r="AB30649">
        <v>25</v>
      </c>
      <c r="AC30649">
        <v>25</v>
      </c>
      <c r="AD30649">
        <v>26</v>
      </c>
      <c r="AE30649">
        <v>26</v>
      </c>
      <c r="AF30649">
        <v>26</v>
      </c>
      <c r="AG30649">
        <v>27</v>
      </c>
      <c r="AH30649">
        <v>27</v>
      </c>
      <c r="AI30649">
        <v>27</v>
      </c>
      <c r="AJ30649">
        <v>28</v>
      </c>
      <c r="AK30649">
        <v>28</v>
      </c>
      <c r="AL30649">
        <v>28</v>
      </c>
      <c r="AM30649">
        <v>28</v>
      </c>
      <c r="AN30649">
        <v>28</v>
      </c>
      <c r="AO30649">
        <v>28</v>
      </c>
      <c r="AP30649">
        <v>28</v>
      </c>
      <c r="AQ30649">
        <v>28</v>
      </c>
    </row>
    <row r="30650" spans="1:43">
      <c r="A30650" t="s">
        <v>18985</v>
      </c>
      <c r="B30650" t="s">
        <v>18986</v>
      </c>
      <c r="C30650" t="s">
        <v>18853</v>
      </c>
      <c r="D30650" t="s">
        <v>18854</v>
      </c>
      <c r="E30650" t="s">
        <v>18845</v>
      </c>
      <c r="F30650" t="s">
        <v>18846</v>
      </c>
      <c r="G30650" t="s">
        <v>10734</v>
      </c>
      <c r="H30650" t="s">
        <v>10735</v>
      </c>
      <c r="I30650" s="2">
        <v>0</v>
      </c>
      <c r="J30650" s="2">
        <v>0</v>
      </c>
      <c r="K30650" s="2">
        <v>1</v>
      </c>
      <c r="L30650" t="s">
        <v>995</v>
      </c>
      <c r="M30650" t="s">
        <v>83</v>
      </c>
      <c r="N30650" t="s">
        <v>84</v>
      </c>
      <c r="O30650" t="s">
        <v>85</v>
      </c>
      <c r="P30650" t="s">
        <v>86</v>
      </c>
      <c r="Q30650">
        <v>11</v>
      </c>
      <c r="R30650">
        <v>11</v>
      </c>
      <c r="S30650">
        <v>11</v>
      </c>
      <c r="T30650">
        <v>11</v>
      </c>
      <c r="U30650">
        <v>11</v>
      </c>
      <c r="V30650">
        <v>11</v>
      </c>
      <c r="W30650">
        <v>11</v>
      </c>
      <c r="X30650">
        <v>12</v>
      </c>
      <c r="Y30650">
        <v>12</v>
      </c>
      <c r="Z30650">
        <v>12</v>
      </c>
      <c r="AA30650">
        <v>12</v>
      </c>
      <c r="AB30650">
        <v>12</v>
      </c>
      <c r="AC30650">
        <v>12</v>
      </c>
      <c r="AD30650">
        <v>12</v>
      </c>
      <c r="AE30650">
        <v>12</v>
      </c>
      <c r="AF30650">
        <v>13</v>
      </c>
      <c r="AG30650">
        <v>13</v>
      </c>
      <c r="AH30650">
        <v>13</v>
      </c>
      <c r="AI30650">
        <v>13</v>
      </c>
      <c r="AJ30650">
        <v>13</v>
      </c>
      <c r="AK30650">
        <v>13</v>
      </c>
      <c r="AL30650">
        <v>13</v>
      </c>
      <c r="AM30650">
        <v>13</v>
      </c>
      <c r="AN30650">
        <v>13</v>
      </c>
      <c r="AO30650">
        <v>14</v>
      </c>
      <c r="AP30650">
        <v>14</v>
      </c>
      <c r="AQ30650">
        <v>14</v>
      </c>
    </row>
    <row r="30651" spans="1:43">
      <c r="A30651" t="s">
        <v>18985</v>
      </c>
      <c r="B30651" t="s">
        <v>18986</v>
      </c>
      <c r="C30651" t="s">
        <v>18853</v>
      </c>
      <c r="D30651" t="s">
        <v>18854</v>
      </c>
      <c r="E30651" t="s">
        <v>18845</v>
      </c>
      <c r="F30651" t="s">
        <v>18846</v>
      </c>
      <c r="G30651" t="s">
        <v>10734</v>
      </c>
      <c r="H30651" t="s">
        <v>10735</v>
      </c>
      <c r="I30651" s="2">
        <v>0</v>
      </c>
      <c r="J30651" s="2">
        <v>0</v>
      </c>
      <c r="K30651" s="2">
        <v>1</v>
      </c>
      <c r="L30651" t="s">
        <v>995</v>
      </c>
      <c r="M30651" t="s">
        <v>87</v>
      </c>
      <c r="N30651" t="s">
        <v>88</v>
      </c>
      <c r="O30651" t="s">
        <v>85</v>
      </c>
      <c r="P30651" t="s">
        <v>86</v>
      </c>
      <c r="Q30651">
        <v>11</v>
      </c>
      <c r="R30651">
        <v>11</v>
      </c>
      <c r="S30651">
        <v>12</v>
      </c>
      <c r="T30651">
        <v>12</v>
      </c>
      <c r="U30651">
        <v>12</v>
      </c>
      <c r="V30651">
        <v>12</v>
      </c>
      <c r="W30651">
        <v>12</v>
      </c>
      <c r="X30651">
        <v>12</v>
      </c>
      <c r="Y30651">
        <v>12</v>
      </c>
      <c r="Z30651">
        <v>12</v>
      </c>
      <c r="AA30651">
        <v>12</v>
      </c>
      <c r="AB30651">
        <v>12</v>
      </c>
      <c r="AC30651">
        <v>12</v>
      </c>
      <c r="AD30651">
        <v>12</v>
      </c>
      <c r="AE30651">
        <v>12</v>
      </c>
      <c r="AF30651">
        <v>12</v>
      </c>
      <c r="AG30651">
        <v>12</v>
      </c>
      <c r="AH30651">
        <v>12</v>
      </c>
      <c r="AI30651">
        <v>12</v>
      </c>
      <c r="AJ30651">
        <v>12</v>
      </c>
      <c r="AK30651">
        <v>12</v>
      </c>
      <c r="AL30651">
        <v>12</v>
      </c>
      <c r="AM30651">
        <v>13</v>
      </c>
      <c r="AN30651">
        <v>13</v>
      </c>
      <c r="AO30651">
        <v>13</v>
      </c>
      <c r="AP30651">
        <v>13</v>
      </c>
      <c r="AQ30651">
        <v>13</v>
      </c>
    </row>
    <row r="30652" spans="1:43">
      <c r="A30652" t="s">
        <v>18985</v>
      </c>
      <c r="B30652" t="s">
        <v>18986</v>
      </c>
      <c r="C30652" t="s">
        <v>18853</v>
      </c>
      <c r="D30652" t="s">
        <v>18854</v>
      </c>
      <c r="E30652" t="s">
        <v>18845</v>
      </c>
      <c r="F30652" t="s">
        <v>18846</v>
      </c>
      <c r="G30652" t="s">
        <v>10734</v>
      </c>
      <c r="H30652" t="s">
        <v>10735</v>
      </c>
      <c r="I30652" s="2">
        <v>0</v>
      </c>
      <c r="J30652" s="2">
        <v>0</v>
      </c>
      <c r="K30652" s="2">
        <v>1</v>
      </c>
      <c r="L30652" t="s">
        <v>995</v>
      </c>
      <c r="M30652" t="s">
        <v>89</v>
      </c>
      <c r="N30652" t="s">
        <v>90</v>
      </c>
      <c r="O30652" t="s">
        <v>85</v>
      </c>
      <c r="P30652" t="s">
        <v>86</v>
      </c>
      <c r="Q30652">
        <v>11</v>
      </c>
      <c r="R30652">
        <v>11</v>
      </c>
      <c r="S30652">
        <v>11</v>
      </c>
      <c r="T30652">
        <v>11</v>
      </c>
      <c r="U30652">
        <v>12</v>
      </c>
      <c r="V30652">
        <v>12</v>
      </c>
      <c r="W30652">
        <v>12</v>
      </c>
      <c r="X30652">
        <v>12</v>
      </c>
      <c r="Y30652">
        <v>12</v>
      </c>
      <c r="Z30652">
        <v>13</v>
      </c>
      <c r="AA30652">
        <v>13</v>
      </c>
      <c r="AB30652">
        <v>13</v>
      </c>
      <c r="AC30652">
        <v>13</v>
      </c>
      <c r="AD30652">
        <v>13</v>
      </c>
      <c r="AE30652">
        <v>13</v>
      </c>
      <c r="AF30652">
        <v>13</v>
      </c>
      <c r="AG30652">
        <v>13</v>
      </c>
      <c r="AH30652">
        <v>13</v>
      </c>
      <c r="AI30652">
        <v>13</v>
      </c>
      <c r="AJ30652">
        <v>13</v>
      </c>
      <c r="AK30652">
        <v>14</v>
      </c>
      <c r="AL30652">
        <v>14</v>
      </c>
      <c r="AM30652">
        <v>14</v>
      </c>
      <c r="AN30652">
        <v>14</v>
      </c>
      <c r="AO30652">
        <v>14</v>
      </c>
      <c r="AP30652">
        <v>14</v>
      </c>
      <c r="AQ30652">
        <v>14</v>
      </c>
    </row>
    <row r="30653" spans="1:43">
      <c r="A30653" t="s">
        <v>18985</v>
      </c>
      <c r="B30653" t="s">
        <v>18986</v>
      </c>
      <c r="C30653" t="s">
        <v>18853</v>
      </c>
      <c r="D30653" t="s">
        <v>18854</v>
      </c>
      <c r="E30653" t="s">
        <v>18845</v>
      </c>
      <c r="F30653" t="s">
        <v>18846</v>
      </c>
      <c r="G30653" t="s">
        <v>10734</v>
      </c>
      <c r="H30653" t="s">
        <v>10735</v>
      </c>
      <c r="I30653" s="2">
        <v>0</v>
      </c>
      <c r="J30653" s="2">
        <v>0</v>
      </c>
      <c r="K30653" s="2">
        <v>1</v>
      </c>
      <c r="L30653" t="s">
        <v>995</v>
      </c>
      <c r="M30653" t="s">
        <v>83</v>
      </c>
      <c r="N30653" t="s">
        <v>91</v>
      </c>
      <c r="O30653" t="s">
        <v>85</v>
      </c>
      <c r="P30653" t="s">
        <v>86</v>
      </c>
      <c r="Q30653">
        <v>11</v>
      </c>
      <c r="R30653">
        <v>11</v>
      </c>
      <c r="S30653">
        <v>11</v>
      </c>
      <c r="T30653">
        <v>11</v>
      </c>
      <c r="U30653">
        <v>11</v>
      </c>
      <c r="V30653">
        <v>11</v>
      </c>
      <c r="W30653">
        <v>11</v>
      </c>
      <c r="X30653">
        <v>12</v>
      </c>
      <c r="Y30653">
        <v>12</v>
      </c>
      <c r="Z30653">
        <v>12</v>
      </c>
      <c r="AA30653">
        <v>12</v>
      </c>
      <c r="AB30653">
        <v>12</v>
      </c>
      <c r="AC30653">
        <v>12</v>
      </c>
      <c r="AD30653">
        <v>12</v>
      </c>
      <c r="AE30653">
        <v>12</v>
      </c>
      <c r="AF30653">
        <v>13</v>
      </c>
      <c r="AG30653">
        <v>13</v>
      </c>
      <c r="AH30653">
        <v>13</v>
      </c>
      <c r="AI30653">
        <v>13</v>
      </c>
      <c r="AJ30653">
        <v>13</v>
      </c>
      <c r="AK30653">
        <v>13</v>
      </c>
      <c r="AL30653">
        <v>13</v>
      </c>
      <c r="AM30653">
        <v>13</v>
      </c>
      <c r="AN30653">
        <v>13</v>
      </c>
      <c r="AO30653">
        <v>14</v>
      </c>
      <c r="AP30653">
        <v>14</v>
      </c>
      <c r="AQ30653">
        <v>14</v>
      </c>
    </row>
    <row r="30654" spans="1:43">
      <c r="A30654" t="s">
        <v>18987</v>
      </c>
      <c r="B30654" t="s">
        <v>18988</v>
      </c>
      <c r="C30654" t="s">
        <v>18853</v>
      </c>
      <c r="D30654" t="s">
        <v>18854</v>
      </c>
      <c r="E30654" t="s">
        <v>18845</v>
      </c>
      <c r="F30654" t="s">
        <v>18846</v>
      </c>
      <c r="G30654" t="s">
        <v>10734</v>
      </c>
      <c r="H30654" t="s">
        <v>10735</v>
      </c>
      <c r="I30654" s="2">
        <v>0</v>
      </c>
      <c r="J30654" s="2">
        <v>0</v>
      </c>
      <c r="K30654" s="2">
        <v>1</v>
      </c>
      <c r="L30654" t="s">
        <v>995</v>
      </c>
      <c r="M30654" t="s">
        <v>83</v>
      </c>
      <c r="N30654" t="s">
        <v>84</v>
      </c>
      <c r="O30654" t="s">
        <v>85</v>
      </c>
      <c r="P30654" t="s">
        <v>86</v>
      </c>
      <c r="Q30654">
        <v>11</v>
      </c>
      <c r="R30654">
        <v>11</v>
      </c>
      <c r="S30654">
        <v>12</v>
      </c>
      <c r="T30654">
        <v>12</v>
      </c>
      <c r="U30654">
        <v>12</v>
      </c>
      <c r="V30654">
        <v>12</v>
      </c>
      <c r="W30654">
        <v>12</v>
      </c>
      <c r="X30654">
        <v>12</v>
      </c>
      <c r="Y30654">
        <v>12</v>
      </c>
      <c r="Z30654">
        <v>13</v>
      </c>
      <c r="AA30654">
        <v>13</v>
      </c>
      <c r="AB30654">
        <v>13</v>
      </c>
      <c r="AC30654">
        <v>13</v>
      </c>
      <c r="AD30654">
        <v>13</v>
      </c>
      <c r="AE30654">
        <v>13</v>
      </c>
      <c r="AF30654">
        <v>13</v>
      </c>
      <c r="AG30654">
        <v>14</v>
      </c>
      <c r="AH30654">
        <v>14</v>
      </c>
      <c r="AI30654">
        <v>14</v>
      </c>
      <c r="AJ30654">
        <v>14</v>
      </c>
      <c r="AK30654">
        <v>14</v>
      </c>
      <c r="AL30654">
        <v>14</v>
      </c>
      <c r="AM30654">
        <v>14</v>
      </c>
      <c r="AN30654">
        <v>14</v>
      </c>
      <c r="AO30654">
        <v>14</v>
      </c>
      <c r="AP30654">
        <v>14</v>
      </c>
      <c r="AQ30654">
        <v>14</v>
      </c>
    </row>
    <row r="30655" spans="1:43">
      <c r="A30655" t="s">
        <v>18987</v>
      </c>
      <c r="B30655" t="s">
        <v>18988</v>
      </c>
      <c r="C30655" t="s">
        <v>18853</v>
      </c>
      <c r="D30655" t="s">
        <v>18854</v>
      </c>
      <c r="E30655" t="s">
        <v>18845</v>
      </c>
      <c r="F30655" t="s">
        <v>18846</v>
      </c>
      <c r="G30655" t="s">
        <v>10734</v>
      </c>
      <c r="H30655" t="s">
        <v>10735</v>
      </c>
      <c r="I30655" s="2">
        <v>0</v>
      </c>
      <c r="J30655" s="2">
        <v>0</v>
      </c>
      <c r="K30655" s="2">
        <v>1</v>
      </c>
      <c r="L30655" t="s">
        <v>995</v>
      </c>
      <c r="M30655" t="s">
        <v>87</v>
      </c>
      <c r="N30655" t="s">
        <v>88</v>
      </c>
      <c r="O30655" t="s">
        <v>85</v>
      </c>
      <c r="P30655" t="s">
        <v>86</v>
      </c>
      <c r="Q30655">
        <v>11</v>
      </c>
      <c r="R30655">
        <v>11</v>
      </c>
      <c r="S30655">
        <v>11</v>
      </c>
      <c r="T30655">
        <v>11</v>
      </c>
      <c r="U30655">
        <v>11</v>
      </c>
      <c r="V30655">
        <v>11</v>
      </c>
      <c r="W30655">
        <v>11</v>
      </c>
      <c r="X30655">
        <v>11</v>
      </c>
      <c r="Y30655">
        <v>11</v>
      </c>
      <c r="Z30655">
        <v>12</v>
      </c>
      <c r="AA30655">
        <v>12</v>
      </c>
      <c r="AB30655">
        <v>12</v>
      </c>
      <c r="AC30655">
        <v>12</v>
      </c>
      <c r="AD30655">
        <v>12</v>
      </c>
      <c r="AE30655">
        <v>12</v>
      </c>
      <c r="AF30655">
        <v>12</v>
      </c>
      <c r="AG30655">
        <v>12</v>
      </c>
      <c r="AH30655">
        <v>12</v>
      </c>
      <c r="AI30655">
        <v>12</v>
      </c>
      <c r="AJ30655">
        <v>12</v>
      </c>
      <c r="AK30655">
        <v>12</v>
      </c>
      <c r="AL30655">
        <v>12</v>
      </c>
      <c r="AM30655">
        <v>12</v>
      </c>
      <c r="AN30655">
        <v>12</v>
      </c>
      <c r="AO30655">
        <v>12</v>
      </c>
      <c r="AP30655">
        <v>13</v>
      </c>
      <c r="AQ30655">
        <v>13</v>
      </c>
    </row>
    <row r="30656" spans="1:43">
      <c r="A30656" t="s">
        <v>18987</v>
      </c>
      <c r="B30656" t="s">
        <v>18988</v>
      </c>
      <c r="C30656" t="s">
        <v>18853</v>
      </c>
      <c r="D30656" t="s">
        <v>18854</v>
      </c>
      <c r="E30656" t="s">
        <v>18845</v>
      </c>
      <c r="F30656" t="s">
        <v>18846</v>
      </c>
      <c r="G30656" t="s">
        <v>10734</v>
      </c>
      <c r="H30656" t="s">
        <v>10735</v>
      </c>
      <c r="I30656" s="2">
        <v>0</v>
      </c>
      <c r="J30656" s="2">
        <v>0</v>
      </c>
      <c r="K30656" s="2">
        <v>1</v>
      </c>
      <c r="L30656" t="s">
        <v>995</v>
      </c>
      <c r="M30656" t="s">
        <v>89</v>
      </c>
      <c r="N30656" t="s">
        <v>90</v>
      </c>
      <c r="O30656" t="s">
        <v>85</v>
      </c>
      <c r="P30656" t="s">
        <v>86</v>
      </c>
      <c r="Q30656">
        <v>11</v>
      </c>
      <c r="R30656">
        <v>12</v>
      </c>
      <c r="S30656">
        <v>12</v>
      </c>
      <c r="T30656">
        <v>12</v>
      </c>
      <c r="U30656">
        <v>12</v>
      </c>
      <c r="V30656">
        <v>13</v>
      </c>
      <c r="W30656">
        <v>13</v>
      </c>
      <c r="X30656">
        <v>13</v>
      </c>
      <c r="Y30656">
        <v>13</v>
      </c>
      <c r="Z30656">
        <v>13</v>
      </c>
      <c r="AA30656">
        <v>14</v>
      </c>
      <c r="AB30656">
        <v>14</v>
      </c>
      <c r="AC30656">
        <v>14</v>
      </c>
      <c r="AD30656">
        <v>14</v>
      </c>
      <c r="AE30656">
        <v>14</v>
      </c>
      <c r="AF30656">
        <v>14</v>
      </c>
      <c r="AG30656">
        <v>14</v>
      </c>
      <c r="AH30656">
        <v>14</v>
      </c>
      <c r="AI30656">
        <v>14</v>
      </c>
      <c r="AJ30656">
        <v>14</v>
      </c>
      <c r="AK30656">
        <v>14</v>
      </c>
      <c r="AL30656">
        <v>14</v>
      </c>
      <c r="AM30656">
        <v>14</v>
      </c>
      <c r="AN30656">
        <v>14</v>
      </c>
      <c r="AO30656">
        <v>14</v>
      </c>
      <c r="AP30656">
        <v>15</v>
      </c>
      <c r="AQ30656">
        <v>15</v>
      </c>
    </row>
    <row r="30657" spans="1:43">
      <c r="A30657" t="s">
        <v>18987</v>
      </c>
      <c r="B30657" t="s">
        <v>18988</v>
      </c>
      <c r="C30657" t="s">
        <v>18853</v>
      </c>
      <c r="D30657" t="s">
        <v>18854</v>
      </c>
      <c r="E30657" t="s">
        <v>18845</v>
      </c>
      <c r="F30657" t="s">
        <v>18846</v>
      </c>
      <c r="G30657" t="s">
        <v>10734</v>
      </c>
      <c r="H30657" t="s">
        <v>10735</v>
      </c>
      <c r="I30657" s="2">
        <v>0</v>
      </c>
      <c r="J30657" s="2">
        <v>0</v>
      </c>
      <c r="K30657" s="2">
        <v>1</v>
      </c>
      <c r="L30657" t="s">
        <v>995</v>
      </c>
      <c r="M30657" t="s">
        <v>83</v>
      </c>
      <c r="N30657" t="s">
        <v>91</v>
      </c>
      <c r="O30657" t="s">
        <v>85</v>
      </c>
      <c r="P30657" t="s">
        <v>86</v>
      </c>
      <c r="Q30657">
        <v>11</v>
      </c>
      <c r="R30657">
        <v>11</v>
      </c>
      <c r="S30657">
        <v>12</v>
      </c>
      <c r="T30657">
        <v>12</v>
      </c>
      <c r="U30657">
        <v>12</v>
      </c>
      <c r="V30657">
        <v>12</v>
      </c>
      <c r="W30657">
        <v>12</v>
      </c>
      <c r="X30657">
        <v>12</v>
      </c>
      <c r="Y30657">
        <v>12</v>
      </c>
      <c r="Z30657">
        <v>13</v>
      </c>
      <c r="AA30657">
        <v>13</v>
      </c>
      <c r="AB30657">
        <v>13</v>
      </c>
      <c r="AC30657">
        <v>13</v>
      </c>
      <c r="AD30657">
        <v>13</v>
      </c>
      <c r="AE30657">
        <v>13</v>
      </c>
      <c r="AF30657">
        <v>13</v>
      </c>
      <c r="AG30657">
        <v>14</v>
      </c>
      <c r="AH30657">
        <v>14</v>
      </c>
      <c r="AI30657">
        <v>14</v>
      </c>
      <c r="AJ30657">
        <v>14</v>
      </c>
      <c r="AK30657">
        <v>14</v>
      </c>
      <c r="AL30657">
        <v>14</v>
      </c>
      <c r="AM30657">
        <v>14</v>
      </c>
      <c r="AN30657">
        <v>14</v>
      </c>
      <c r="AO30657">
        <v>14</v>
      </c>
      <c r="AP30657">
        <v>14</v>
      </c>
      <c r="AQ30657">
        <v>14</v>
      </c>
    </row>
    <row r="30658" spans="1:43">
      <c r="A30658" t="s">
        <v>18989</v>
      </c>
      <c r="B30658" t="s">
        <v>18990</v>
      </c>
      <c r="C30658" t="s">
        <v>18867</v>
      </c>
      <c r="D30658" t="s">
        <v>18868</v>
      </c>
      <c r="E30658" t="s">
        <v>18845</v>
      </c>
      <c r="F30658" t="s">
        <v>18846</v>
      </c>
      <c r="G30658" t="s">
        <v>10734</v>
      </c>
      <c r="H30658" t="s">
        <v>10735</v>
      </c>
      <c r="I30658" s="2">
        <v>0</v>
      </c>
      <c r="J30658" s="2">
        <v>0</v>
      </c>
      <c r="K30658" s="2">
        <v>1</v>
      </c>
      <c r="L30658" t="s">
        <v>995</v>
      </c>
      <c r="M30658" t="s">
        <v>83</v>
      </c>
      <c r="N30658" t="s">
        <v>84</v>
      </c>
      <c r="O30658" t="s">
        <v>85</v>
      </c>
      <c r="P30658" t="s">
        <v>86</v>
      </c>
      <c r="Q30658">
        <v>0</v>
      </c>
      <c r="R30658">
        <v>0</v>
      </c>
      <c r="S30658">
        <v>0</v>
      </c>
      <c r="T30658">
        <v>0</v>
      </c>
      <c r="U30658">
        <v>0</v>
      </c>
      <c r="V30658">
        <v>0</v>
      </c>
      <c r="W30658">
        <v>0</v>
      </c>
      <c r="X30658">
        <v>0</v>
      </c>
      <c r="Y30658">
        <v>0</v>
      </c>
      <c r="Z30658">
        <v>0</v>
      </c>
      <c r="AA30658">
        <v>0</v>
      </c>
      <c r="AB30658">
        <v>0</v>
      </c>
      <c r="AC30658">
        <v>0</v>
      </c>
      <c r="AD30658">
        <v>0</v>
      </c>
      <c r="AE30658">
        <v>0</v>
      </c>
      <c r="AF30658">
        <v>0</v>
      </c>
      <c r="AG30658">
        <v>0</v>
      </c>
      <c r="AH30658">
        <v>0</v>
      </c>
      <c r="AI30658">
        <v>0</v>
      </c>
      <c r="AJ30658">
        <v>0</v>
      </c>
      <c r="AK30658">
        <v>0</v>
      </c>
      <c r="AL30658">
        <v>0</v>
      </c>
      <c r="AM30658">
        <v>0</v>
      </c>
      <c r="AN30658">
        <v>0</v>
      </c>
      <c r="AO30658">
        <v>0</v>
      </c>
      <c r="AP30658">
        <v>0</v>
      </c>
      <c r="AQ30658">
        <v>0</v>
      </c>
    </row>
    <row r="30659" spans="1:43">
      <c r="A30659" t="s">
        <v>18989</v>
      </c>
      <c r="B30659" t="s">
        <v>18990</v>
      </c>
      <c r="C30659" t="s">
        <v>18867</v>
      </c>
      <c r="D30659" t="s">
        <v>18868</v>
      </c>
      <c r="E30659" t="s">
        <v>18845</v>
      </c>
      <c r="F30659" t="s">
        <v>18846</v>
      </c>
      <c r="G30659" t="s">
        <v>10734</v>
      </c>
      <c r="H30659" t="s">
        <v>10735</v>
      </c>
      <c r="I30659" s="2">
        <v>0</v>
      </c>
      <c r="J30659" s="2">
        <v>0</v>
      </c>
      <c r="K30659" s="2">
        <v>1</v>
      </c>
      <c r="L30659" t="s">
        <v>995</v>
      </c>
      <c r="M30659" t="s">
        <v>87</v>
      </c>
      <c r="N30659" t="s">
        <v>88</v>
      </c>
      <c r="O30659" t="s">
        <v>85</v>
      </c>
      <c r="P30659" t="s">
        <v>86</v>
      </c>
      <c r="Q30659">
        <v>0</v>
      </c>
      <c r="R30659">
        <v>0</v>
      </c>
      <c r="S30659">
        <v>0</v>
      </c>
      <c r="T30659">
        <v>0</v>
      </c>
      <c r="U30659">
        <v>0</v>
      </c>
      <c r="V30659">
        <v>0</v>
      </c>
      <c r="W30659">
        <v>0</v>
      </c>
      <c r="X30659">
        <v>0</v>
      </c>
      <c r="Y30659">
        <v>0</v>
      </c>
      <c r="Z30659">
        <v>0</v>
      </c>
      <c r="AA30659">
        <v>0</v>
      </c>
      <c r="AB30659">
        <v>0</v>
      </c>
      <c r="AC30659">
        <v>0</v>
      </c>
      <c r="AD30659">
        <v>0</v>
      </c>
      <c r="AE30659">
        <v>0</v>
      </c>
      <c r="AF30659">
        <v>0</v>
      </c>
      <c r="AG30659">
        <v>0</v>
      </c>
      <c r="AH30659">
        <v>0</v>
      </c>
      <c r="AI30659">
        <v>0</v>
      </c>
      <c r="AJ30659">
        <v>0</v>
      </c>
      <c r="AK30659">
        <v>0</v>
      </c>
      <c r="AL30659">
        <v>0</v>
      </c>
      <c r="AM30659">
        <v>0</v>
      </c>
      <c r="AN30659">
        <v>0</v>
      </c>
      <c r="AO30659">
        <v>0</v>
      </c>
      <c r="AP30659">
        <v>0</v>
      </c>
      <c r="AQ30659">
        <v>0</v>
      </c>
    </row>
    <row r="30660" spans="1:43">
      <c r="A30660" t="s">
        <v>18989</v>
      </c>
      <c r="B30660" t="s">
        <v>18990</v>
      </c>
      <c r="C30660" t="s">
        <v>18867</v>
      </c>
      <c r="D30660" t="s">
        <v>18868</v>
      </c>
      <c r="E30660" t="s">
        <v>18845</v>
      </c>
      <c r="F30660" t="s">
        <v>18846</v>
      </c>
      <c r="G30660" t="s">
        <v>10734</v>
      </c>
      <c r="H30660" t="s">
        <v>10735</v>
      </c>
      <c r="I30660" s="2">
        <v>0</v>
      </c>
      <c r="J30660" s="2">
        <v>0</v>
      </c>
      <c r="K30660" s="2">
        <v>1</v>
      </c>
      <c r="L30660" t="s">
        <v>995</v>
      </c>
      <c r="M30660" t="s">
        <v>89</v>
      </c>
      <c r="N30660" t="s">
        <v>90</v>
      </c>
      <c r="O30660" t="s">
        <v>85</v>
      </c>
      <c r="P30660" t="s">
        <v>86</v>
      </c>
      <c r="Q30660">
        <v>0</v>
      </c>
      <c r="R30660">
        <v>0</v>
      </c>
      <c r="S30660">
        <v>0</v>
      </c>
      <c r="T30660">
        <v>0</v>
      </c>
      <c r="U30660">
        <v>0</v>
      </c>
      <c r="V30660">
        <v>0</v>
      </c>
      <c r="W30660">
        <v>0</v>
      </c>
      <c r="X30660">
        <v>0</v>
      </c>
      <c r="Y30660">
        <v>0</v>
      </c>
      <c r="Z30660">
        <v>0</v>
      </c>
      <c r="AA30660">
        <v>0</v>
      </c>
      <c r="AB30660">
        <v>0</v>
      </c>
      <c r="AC30660">
        <v>0</v>
      </c>
      <c r="AD30660">
        <v>0</v>
      </c>
      <c r="AE30660">
        <v>0</v>
      </c>
      <c r="AF30660">
        <v>0</v>
      </c>
      <c r="AG30660">
        <v>0</v>
      </c>
      <c r="AH30660">
        <v>0</v>
      </c>
      <c r="AI30660">
        <v>0</v>
      </c>
      <c r="AJ30660">
        <v>0</v>
      </c>
      <c r="AK30660">
        <v>0</v>
      </c>
      <c r="AL30660">
        <v>0</v>
      </c>
      <c r="AM30660">
        <v>0</v>
      </c>
      <c r="AN30660">
        <v>0</v>
      </c>
      <c r="AO30660">
        <v>0</v>
      </c>
      <c r="AP30660">
        <v>0</v>
      </c>
      <c r="AQ30660">
        <v>0</v>
      </c>
    </row>
    <row r="30661" spans="1:43">
      <c r="A30661" t="s">
        <v>18989</v>
      </c>
      <c r="B30661" t="s">
        <v>18990</v>
      </c>
      <c r="C30661" t="s">
        <v>18867</v>
      </c>
      <c r="D30661" t="s">
        <v>18868</v>
      </c>
      <c r="E30661" t="s">
        <v>18845</v>
      </c>
      <c r="F30661" t="s">
        <v>18846</v>
      </c>
      <c r="G30661" t="s">
        <v>10734</v>
      </c>
      <c r="H30661" t="s">
        <v>10735</v>
      </c>
      <c r="I30661" s="2">
        <v>0</v>
      </c>
      <c r="J30661" s="2">
        <v>0</v>
      </c>
      <c r="K30661" s="2">
        <v>1</v>
      </c>
      <c r="L30661" t="s">
        <v>995</v>
      </c>
      <c r="M30661" t="s">
        <v>83</v>
      </c>
      <c r="N30661" t="s">
        <v>91</v>
      </c>
      <c r="O30661" t="s">
        <v>85</v>
      </c>
      <c r="P30661" t="s">
        <v>86</v>
      </c>
      <c r="Q30661">
        <v>0</v>
      </c>
      <c r="R30661">
        <v>0</v>
      </c>
      <c r="S30661">
        <v>0</v>
      </c>
      <c r="T30661">
        <v>0</v>
      </c>
      <c r="U30661">
        <v>0</v>
      </c>
      <c r="V30661">
        <v>0</v>
      </c>
      <c r="W30661">
        <v>0</v>
      </c>
      <c r="X30661">
        <v>0</v>
      </c>
      <c r="Y30661">
        <v>0</v>
      </c>
      <c r="Z30661">
        <v>0</v>
      </c>
      <c r="AA30661">
        <v>0</v>
      </c>
      <c r="AB30661">
        <v>0</v>
      </c>
      <c r="AC30661">
        <v>0</v>
      </c>
      <c r="AD30661">
        <v>0</v>
      </c>
      <c r="AE30661">
        <v>0</v>
      </c>
      <c r="AF30661">
        <v>0</v>
      </c>
      <c r="AG30661">
        <v>0</v>
      </c>
      <c r="AH30661">
        <v>0</v>
      </c>
      <c r="AI30661">
        <v>0</v>
      </c>
      <c r="AJ30661">
        <v>0</v>
      </c>
      <c r="AK30661">
        <v>0</v>
      </c>
      <c r="AL30661">
        <v>0</v>
      </c>
      <c r="AM30661">
        <v>0</v>
      </c>
      <c r="AN30661">
        <v>0</v>
      </c>
      <c r="AO30661">
        <v>0</v>
      </c>
      <c r="AP30661">
        <v>0</v>
      </c>
      <c r="AQ30661">
        <v>0</v>
      </c>
    </row>
    <row r="30662" spans="1:43">
      <c r="A30662" t="s">
        <v>18991</v>
      </c>
      <c r="B30662" t="s">
        <v>18992</v>
      </c>
      <c r="C30662" t="s">
        <v>18993</v>
      </c>
      <c r="D30662" t="s">
        <v>18994</v>
      </c>
      <c r="E30662" t="s">
        <v>18995</v>
      </c>
      <c r="F30662" t="s">
        <v>18996</v>
      </c>
      <c r="G30662" t="s">
        <v>10734</v>
      </c>
      <c r="H30662" t="s">
        <v>10735</v>
      </c>
      <c r="I30662" s="2">
        <v>0</v>
      </c>
      <c r="J30662" s="2">
        <v>0</v>
      </c>
      <c r="K30662" s="2">
        <v>1</v>
      </c>
      <c r="L30662" t="s">
        <v>995</v>
      </c>
      <c r="M30662" t="s">
        <v>83</v>
      </c>
      <c r="N30662" t="s">
        <v>84</v>
      </c>
      <c r="O30662" t="s">
        <v>85</v>
      </c>
      <c r="P30662" t="s">
        <v>86</v>
      </c>
      <c r="Q30662">
        <v>5</v>
      </c>
      <c r="R30662">
        <v>5</v>
      </c>
      <c r="S30662">
        <v>5</v>
      </c>
      <c r="T30662">
        <v>5</v>
      </c>
      <c r="U30662">
        <v>5</v>
      </c>
      <c r="V30662">
        <v>5</v>
      </c>
      <c r="W30662">
        <v>5</v>
      </c>
      <c r="X30662">
        <v>5</v>
      </c>
      <c r="Y30662">
        <v>6</v>
      </c>
      <c r="Z30662">
        <v>6</v>
      </c>
      <c r="AA30662">
        <v>6</v>
      </c>
      <c r="AB30662">
        <v>6</v>
      </c>
      <c r="AC30662">
        <v>6</v>
      </c>
      <c r="AD30662">
        <v>6</v>
      </c>
      <c r="AE30662">
        <v>6</v>
      </c>
      <c r="AF30662">
        <v>6</v>
      </c>
      <c r="AG30662">
        <v>6</v>
      </c>
      <c r="AH30662">
        <v>6</v>
      </c>
      <c r="AI30662">
        <v>6</v>
      </c>
      <c r="AJ30662">
        <v>6</v>
      </c>
      <c r="AK30662">
        <v>6</v>
      </c>
      <c r="AL30662">
        <v>6</v>
      </c>
      <c r="AM30662">
        <v>7</v>
      </c>
      <c r="AN30662">
        <v>7</v>
      </c>
      <c r="AO30662">
        <v>7</v>
      </c>
      <c r="AP30662">
        <v>7</v>
      </c>
      <c r="AQ30662">
        <v>7</v>
      </c>
    </row>
    <row r="30663" spans="1:43">
      <c r="A30663" t="s">
        <v>18991</v>
      </c>
      <c r="B30663" t="s">
        <v>18992</v>
      </c>
      <c r="C30663" t="s">
        <v>18993</v>
      </c>
      <c r="D30663" t="s">
        <v>18994</v>
      </c>
      <c r="E30663" t="s">
        <v>18995</v>
      </c>
      <c r="F30663" t="s">
        <v>18996</v>
      </c>
      <c r="G30663" t="s">
        <v>10734</v>
      </c>
      <c r="H30663" t="s">
        <v>10735</v>
      </c>
      <c r="I30663" s="2">
        <v>0</v>
      </c>
      <c r="J30663" s="2">
        <v>0</v>
      </c>
      <c r="K30663" s="2">
        <v>1</v>
      </c>
      <c r="L30663" t="s">
        <v>995</v>
      </c>
      <c r="M30663" t="s">
        <v>87</v>
      </c>
      <c r="N30663" t="s">
        <v>88</v>
      </c>
      <c r="O30663" t="s">
        <v>85</v>
      </c>
      <c r="P30663" t="s">
        <v>86</v>
      </c>
      <c r="Q30663">
        <v>5</v>
      </c>
      <c r="R30663">
        <v>5</v>
      </c>
      <c r="S30663">
        <v>5</v>
      </c>
      <c r="T30663">
        <v>5</v>
      </c>
      <c r="U30663">
        <v>5</v>
      </c>
      <c r="V30663">
        <v>5</v>
      </c>
      <c r="W30663">
        <v>5</v>
      </c>
      <c r="X30663">
        <v>5</v>
      </c>
      <c r="Y30663">
        <v>5</v>
      </c>
      <c r="Z30663">
        <v>5</v>
      </c>
      <c r="AA30663">
        <v>5</v>
      </c>
      <c r="AB30663">
        <v>5</v>
      </c>
      <c r="AC30663">
        <v>5</v>
      </c>
      <c r="AD30663">
        <v>5</v>
      </c>
      <c r="AE30663">
        <v>5</v>
      </c>
      <c r="AF30663">
        <v>5</v>
      </c>
      <c r="AG30663">
        <v>5</v>
      </c>
      <c r="AH30663">
        <v>5</v>
      </c>
      <c r="AI30663">
        <v>5</v>
      </c>
      <c r="AJ30663">
        <v>5</v>
      </c>
      <c r="AK30663">
        <v>6</v>
      </c>
      <c r="AL30663">
        <v>6</v>
      </c>
      <c r="AM30663">
        <v>6</v>
      </c>
      <c r="AN30663">
        <v>6</v>
      </c>
      <c r="AO30663">
        <v>6</v>
      </c>
      <c r="AP30663">
        <v>6</v>
      </c>
      <c r="AQ30663">
        <v>6</v>
      </c>
    </row>
    <row r="30664" spans="1:43">
      <c r="A30664" t="s">
        <v>18991</v>
      </c>
      <c r="B30664" t="s">
        <v>18992</v>
      </c>
      <c r="C30664" t="s">
        <v>18993</v>
      </c>
      <c r="D30664" t="s">
        <v>18994</v>
      </c>
      <c r="E30664" t="s">
        <v>18995</v>
      </c>
      <c r="F30664" t="s">
        <v>18996</v>
      </c>
      <c r="G30664" t="s">
        <v>10734</v>
      </c>
      <c r="H30664" t="s">
        <v>10735</v>
      </c>
      <c r="I30664" s="2">
        <v>0</v>
      </c>
      <c r="J30664" s="2">
        <v>0</v>
      </c>
      <c r="K30664" s="2">
        <v>1</v>
      </c>
      <c r="L30664" t="s">
        <v>995</v>
      </c>
      <c r="M30664" t="s">
        <v>89</v>
      </c>
      <c r="N30664" t="s">
        <v>90</v>
      </c>
      <c r="O30664" t="s">
        <v>85</v>
      </c>
      <c r="P30664" t="s">
        <v>86</v>
      </c>
      <c r="Q30664">
        <v>5</v>
      </c>
      <c r="R30664">
        <v>5</v>
      </c>
      <c r="S30664">
        <v>5</v>
      </c>
      <c r="T30664">
        <v>5</v>
      </c>
      <c r="U30664">
        <v>5</v>
      </c>
      <c r="V30664">
        <v>6</v>
      </c>
      <c r="W30664">
        <v>6</v>
      </c>
      <c r="X30664">
        <v>6</v>
      </c>
      <c r="Y30664">
        <v>6</v>
      </c>
      <c r="Z30664">
        <v>6</v>
      </c>
      <c r="AA30664">
        <v>6</v>
      </c>
      <c r="AB30664">
        <v>6</v>
      </c>
      <c r="AC30664">
        <v>6</v>
      </c>
      <c r="AD30664">
        <v>6</v>
      </c>
      <c r="AE30664">
        <v>6</v>
      </c>
      <c r="AF30664">
        <v>6</v>
      </c>
      <c r="AG30664">
        <v>6</v>
      </c>
      <c r="AH30664">
        <v>6</v>
      </c>
      <c r="AI30664">
        <v>6</v>
      </c>
      <c r="AJ30664">
        <v>6</v>
      </c>
      <c r="AK30664">
        <v>7</v>
      </c>
      <c r="AL30664">
        <v>7</v>
      </c>
      <c r="AM30664">
        <v>7</v>
      </c>
      <c r="AN30664">
        <v>7</v>
      </c>
      <c r="AO30664">
        <v>7</v>
      </c>
      <c r="AP30664">
        <v>7</v>
      </c>
      <c r="AQ30664">
        <v>7</v>
      </c>
    </row>
    <row r="30665" spans="1:43">
      <c r="A30665" t="s">
        <v>18991</v>
      </c>
      <c r="B30665" t="s">
        <v>18992</v>
      </c>
      <c r="C30665" t="s">
        <v>18993</v>
      </c>
      <c r="D30665" t="s">
        <v>18994</v>
      </c>
      <c r="E30665" t="s">
        <v>18995</v>
      </c>
      <c r="F30665" t="s">
        <v>18996</v>
      </c>
      <c r="G30665" t="s">
        <v>10734</v>
      </c>
      <c r="H30665" t="s">
        <v>10735</v>
      </c>
      <c r="I30665" s="2">
        <v>0</v>
      </c>
      <c r="J30665" s="2">
        <v>0</v>
      </c>
      <c r="K30665" s="2">
        <v>1</v>
      </c>
      <c r="L30665" t="s">
        <v>995</v>
      </c>
      <c r="M30665" t="s">
        <v>83</v>
      </c>
      <c r="N30665" t="s">
        <v>91</v>
      </c>
      <c r="O30665" t="s">
        <v>85</v>
      </c>
      <c r="P30665" t="s">
        <v>86</v>
      </c>
      <c r="Q30665">
        <v>5</v>
      </c>
      <c r="R30665">
        <v>5</v>
      </c>
      <c r="S30665">
        <v>5</v>
      </c>
      <c r="T30665">
        <v>5</v>
      </c>
      <c r="U30665">
        <v>5</v>
      </c>
      <c r="V30665">
        <v>5</v>
      </c>
      <c r="W30665">
        <v>5</v>
      </c>
      <c r="X30665">
        <v>5</v>
      </c>
      <c r="Y30665">
        <v>6</v>
      </c>
      <c r="Z30665">
        <v>6</v>
      </c>
      <c r="AA30665">
        <v>6</v>
      </c>
      <c r="AB30665">
        <v>6</v>
      </c>
      <c r="AC30665">
        <v>6</v>
      </c>
      <c r="AD30665">
        <v>6</v>
      </c>
      <c r="AE30665">
        <v>6</v>
      </c>
      <c r="AF30665">
        <v>6</v>
      </c>
      <c r="AG30665">
        <v>6</v>
      </c>
      <c r="AH30665">
        <v>6</v>
      </c>
      <c r="AI30665">
        <v>6</v>
      </c>
      <c r="AJ30665">
        <v>6</v>
      </c>
      <c r="AK30665">
        <v>6</v>
      </c>
      <c r="AL30665">
        <v>6</v>
      </c>
      <c r="AM30665">
        <v>7</v>
      </c>
      <c r="AN30665">
        <v>7</v>
      </c>
      <c r="AO30665">
        <v>7</v>
      </c>
      <c r="AP30665">
        <v>7</v>
      </c>
      <c r="AQ30665">
        <v>7</v>
      </c>
    </row>
    <row r="30666" spans="1:43">
      <c r="A30666" t="s">
        <v>18997</v>
      </c>
      <c r="B30666" t="s">
        <v>18998</v>
      </c>
      <c r="C30666" t="s">
        <v>18993</v>
      </c>
      <c r="D30666" t="s">
        <v>18994</v>
      </c>
      <c r="E30666" t="s">
        <v>18995</v>
      </c>
      <c r="F30666" t="s">
        <v>18996</v>
      </c>
      <c r="G30666" t="s">
        <v>10734</v>
      </c>
      <c r="H30666" t="s">
        <v>10735</v>
      </c>
      <c r="I30666" s="2">
        <v>0</v>
      </c>
      <c r="J30666" s="2">
        <v>0</v>
      </c>
      <c r="K30666" s="2">
        <v>1</v>
      </c>
      <c r="L30666" t="s">
        <v>995</v>
      </c>
      <c r="M30666" t="s">
        <v>83</v>
      </c>
      <c r="N30666" t="s">
        <v>84</v>
      </c>
      <c r="O30666" t="s">
        <v>85</v>
      </c>
      <c r="P30666" t="s">
        <v>86</v>
      </c>
      <c r="Q30666">
        <v>12</v>
      </c>
      <c r="R30666">
        <v>12</v>
      </c>
      <c r="S30666">
        <v>12</v>
      </c>
      <c r="T30666">
        <v>13</v>
      </c>
      <c r="U30666">
        <v>13</v>
      </c>
      <c r="V30666">
        <v>13</v>
      </c>
      <c r="W30666">
        <v>13</v>
      </c>
      <c r="X30666">
        <v>13</v>
      </c>
      <c r="Y30666">
        <v>14</v>
      </c>
      <c r="Z30666">
        <v>14</v>
      </c>
      <c r="AA30666">
        <v>14</v>
      </c>
      <c r="AB30666">
        <v>14</v>
      </c>
      <c r="AC30666">
        <v>14</v>
      </c>
      <c r="AD30666">
        <v>15</v>
      </c>
      <c r="AE30666">
        <v>15</v>
      </c>
      <c r="AF30666">
        <v>15</v>
      </c>
      <c r="AG30666">
        <v>15</v>
      </c>
      <c r="AH30666">
        <v>15</v>
      </c>
      <c r="AI30666">
        <v>16</v>
      </c>
      <c r="AJ30666">
        <v>16</v>
      </c>
      <c r="AK30666">
        <v>16</v>
      </c>
      <c r="AL30666">
        <v>16</v>
      </c>
      <c r="AM30666">
        <v>16</v>
      </c>
      <c r="AN30666">
        <v>16</v>
      </c>
      <c r="AO30666">
        <v>16</v>
      </c>
      <c r="AP30666">
        <v>16</v>
      </c>
      <c r="AQ30666">
        <v>16</v>
      </c>
    </row>
    <row r="30667" spans="1:43">
      <c r="A30667" t="s">
        <v>18997</v>
      </c>
      <c r="B30667" t="s">
        <v>18998</v>
      </c>
      <c r="C30667" t="s">
        <v>18993</v>
      </c>
      <c r="D30667" t="s">
        <v>18994</v>
      </c>
      <c r="E30667" t="s">
        <v>18995</v>
      </c>
      <c r="F30667" t="s">
        <v>18996</v>
      </c>
      <c r="G30667" t="s">
        <v>10734</v>
      </c>
      <c r="H30667" t="s">
        <v>10735</v>
      </c>
      <c r="I30667" s="2">
        <v>0</v>
      </c>
      <c r="J30667" s="2">
        <v>0</v>
      </c>
      <c r="K30667" s="2">
        <v>1</v>
      </c>
      <c r="L30667" t="s">
        <v>995</v>
      </c>
      <c r="M30667" t="s">
        <v>87</v>
      </c>
      <c r="N30667" t="s">
        <v>88</v>
      </c>
      <c r="O30667" t="s">
        <v>85</v>
      </c>
      <c r="P30667" t="s">
        <v>86</v>
      </c>
      <c r="Q30667">
        <v>12</v>
      </c>
      <c r="R30667">
        <v>12</v>
      </c>
      <c r="S30667">
        <v>12</v>
      </c>
      <c r="T30667">
        <v>12</v>
      </c>
      <c r="U30667">
        <v>12</v>
      </c>
      <c r="V30667">
        <v>12</v>
      </c>
      <c r="W30667">
        <v>12</v>
      </c>
      <c r="X30667">
        <v>12</v>
      </c>
      <c r="Y30667">
        <v>13</v>
      </c>
      <c r="Z30667">
        <v>13</v>
      </c>
      <c r="AA30667">
        <v>13</v>
      </c>
      <c r="AB30667">
        <v>13</v>
      </c>
      <c r="AC30667">
        <v>13</v>
      </c>
      <c r="AD30667">
        <v>13</v>
      </c>
      <c r="AE30667">
        <v>13</v>
      </c>
      <c r="AF30667">
        <v>13</v>
      </c>
      <c r="AG30667">
        <v>13</v>
      </c>
      <c r="AH30667">
        <v>13</v>
      </c>
      <c r="AI30667">
        <v>13</v>
      </c>
      <c r="AJ30667">
        <v>14</v>
      </c>
      <c r="AK30667">
        <v>14</v>
      </c>
      <c r="AL30667">
        <v>14</v>
      </c>
      <c r="AM30667">
        <v>14</v>
      </c>
      <c r="AN30667">
        <v>14</v>
      </c>
      <c r="AO30667">
        <v>14</v>
      </c>
      <c r="AP30667">
        <v>14</v>
      </c>
      <c r="AQ30667">
        <v>14</v>
      </c>
    </row>
    <row r="30668" spans="1:43">
      <c r="A30668" t="s">
        <v>18997</v>
      </c>
      <c r="B30668" t="s">
        <v>18998</v>
      </c>
      <c r="C30668" t="s">
        <v>18993</v>
      </c>
      <c r="D30668" t="s">
        <v>18994</v>
      </c>
      <c r="E30668" t="s">
        <v>18995</v>
      </c>
      <c r="F30668" t="s">
        <v>18996</v>
      </c>
      <c r="G30668" t="s">
        <v>10734</v>
      </c>
      <c r="H30668" t="s">
        <v>10735</v>
      </c>
      <c r="I30668" s="2">
        <v>0</v>
      </c>
      <c r="J30668" s="2">
        <v>0</v>
      </c>
      <c r="K30668" s="2">
        <v>1</v>
      </c>
      <c r="L30668" t="s">
        <v>995</v>
      </c>
      <c r="M30668" t="s">
        <v>89</v>
      </c>
      <c r="N30668" t="s">
        <v>90</v>
      </c>
      <c r="O30668" t="s">
        <v>85</v>
      </c>
      <c r="P30668" t="s">
        <v>86</v>
      </c>
      <c r="Q30668">
        <v>12</v>
      </c>
      <c r="R30668">
        <v>12</v>
      </c>
      <c r="S30668">
        <v>13</v>
      </c>
      <c r="T30668">
        <v>13</v>
      </c>
      <c r="U30668">
        <v>13</v>
      </c>
      <c r="V30668">
        <v>14</v>
      </c>
      <c r="W30668">
        <v>14</v>
      </c>
      <c r="X30668">
        <v>14</v>
      </c>
      <c r="Y30668">
        <v>14</v>
      </c>
      <c r="Z30668">
        <v>15</v>
      </c>
      <c r="AA30668">
        <v>15</v>
      </c>
      <c r="AB30668">
        <v>15</v>
      </c>
      <c r="AC30668">
        <v>15</v>
      </c>
      <c r="AD30668">
        <v>16</v>
      </c>
      <c r="AE30668">
        <v>16</v>
      </c>
      <c r="AF30668">
        <v>16</v>
      </c>
      <c r="AG30668">
        <v>16</v>
      </c>
      <c r="AH30668">
        <v>16</v>
      </c>
      <c r="AI30668">
        <v>16</v>
      </c>
      <c r="AJ30668">
        <v>16</v>
      </c>
      <c r="AK30668">
        <v>16</v>
      </c>
      <c r="AL30668">
        <v>16</v>
      </c>
      <c r="AM30668">
        <v>16</v>
      </c>
      <c r="AN30668">
        <v>16</v>
      </c>
      <c r="AO30668">
        <v>16</v>
      </c>
      <c r="AP30668">
        <v>16</v>
      </c>
      <c r="AQ30668">
        <v>16</v>
      </c>
    </row>
    <row r="30669" spans="1:43">
      <c r="A30669" t="s">
        <v>18997</v>
      </c>
      <c r="B30669" t="s">
        <v>18998</v>
      </c>
      <c r="C30669" t="s">
        <v>18993</v>
      </c>
      <c r="D30669" t="s">
        <v>18994</v>
      </c>
      <c r="E30669" t="s">
        <v>18995</v>
      </c>
      <c r="F30669" t="s">
        <v>18996</v>
      </c>
      <c r="G30669" t="s">
        <v>10734</v>
      </c>
      <c r="H30669" t="s">
        <v>10735</v>
      </c>
      <c r="I30669" s="2">
        <v>0</v>
      </c>
      <c r="J30669" s="2">
        <v>0</v>
      </c>
      <c r="K30669" s="2">
        <v>1</v>
      </c>
      <c r="L30669" t="s">
        <v>995</v>
      </c>
      <c r="M30669" t="s">
        <v>83</v>
      </c>
      <c r="N30669" t="s">
        <v>91</v>
      </c>
      <c r="O30669" t="s">
        <v>85</v>
      </c>
      <c r="P30669" t="s">
        <v>86</v>
      </c>
      <c r="Q30669">
        <v>12</v>
      </c>
      <c r="R30669">
        <v>12</v>
      </c>
      <c r="S30669">
        <v>12</v>
      </c>
      <c r="T30669">
        <v>13</v>
      </c>
      <c r="U30669">
        <v>13</v>
      </c>
      <c r="V30669">
        <v>13</v>
      </c>
      <c r="W30669">
        <v>13</v>
      </c>
      <c r="X30669">
        <v>13</v>
      </c>
      <c r="Y30669">
        <v>14</v>
      </c>
      <c r="Z30669">
        <v>14</v>
      </c>
      <c r="AA30669">
        <v>14</v>
      </c>
      <c r="AB30669">
        <v>14</v>
      </c>
      <c r="AC30669">
        <v>14</v>
      </c>
      <c r="AD30669">
        <v>15</v>
      </c>
      <c r="AE30669">
        <v>15</v>
      </c>
      <c r="AF30669">
        <v>15</v>
      </c>
      <c r="AG30669">
        <v>15</v>
      </c>
      <c r="AH30669">
        <v>15</v>
      </c>
      <c r="AI30669">
        <v>16</v>
      </c>
      <c r="AJ30669">
        <v>16</v>
      </c>
      <c r="AK30669">
        <v>16</v>
      </c>
      <c r="AL30669">
        <v>16</v>
      </c>
      <c r="AM30669">
        <v>16</v>
      </c>
      <c r="AN30669">
        <v>16</v>
      </c>
      <c r="AO30669">
        <v>16</v>
      </c>
      <c r="AP30669">
        <v>16</v>
      </c>
      <c r="AQ30669">
        <v>16</v>
      </c>
    </row>
    <row r="30670" spans="1:43">
      <c r="A30670" t="s">
        <v>18999</v>
      </c>
      <c r="B30670" t="s">
        <v>19000</v>
      </c>
      <c r="C30670" t="s">
        <v>18993</v>
      </c>
      <c r="D30670" t="s">
        <v>18994</v>
      </c>
      <c r="E30670" t="s">
        <v>18995</v>
      </c>
      <c r="F30670" t="s">
        <v>18996</v>
      </c>
      <c r="G30670" t="s">
        <v>10734</v>
      </c>
      <c r="H30670" t="s">
        <v>10735</v>
      </c>
      <c r="I30670" s="2">
        <v>0</v>
      </c>
      <c r="J30670" s="2">
        <v>0</v>
      </c>
      <c r="K30670" s="2">
        <v>1</v>
      </c>
      <c r="L30670" t="s">
        <v>995</v>
      </c>
      <c r="M30670" t="s">
        <v>83</v>
      </c>
      <c r="N30670" t="s">
        <v>84</v>
      </c>
      <c r="O30670" t="s">
        <v>85</v>
      </c>
      <c r="P30670" t="s">
        <v>86</v>
      </c>
      <c r="Q30670">
        <v>1</v>
      </c>
      <c r="R30670">
        <v>1</v>
      </c>
      <c r="S30670">
        <v>2</v>
      </c>
      <c r="T30670">
        <v>2</v>
      </c>
      <c r="U30670">
        <v>2</v>
      </c>
      <c r="V30670">
        <v>2</v>
      </c>
      <c r="W30670">
        <v>2</v>
      </c>
      <c r="X30670">
        <v>2</v>
      </c>
      <c r="Y30670">
        <v>2</v>
      </c>
      <c r="Z30670">
        <v>2</v>
      </c>
      <c r="AA30670">
        <v>2</v>
      </c>
      <c r="AB30670">
        <v>2</v>
      </c>
      <c r="AC30670">
        <v>2</v>
      </c>
      <c r="AD30670">
        <v>2</v>
      </c>
      <c r="AE30670">
        <v>2</v>
      </c>
      <c r="AF30670">
        <v>2</v>
      </c>
      <c r="AG30670">
        <v>2</v>
      </c>
      <c r="AH30670">
        <v>2</v>
      </c>
      <c r="AI30670">
        <v>2</v>
      </c>
      <c r="AJ30670">
        <v>2</v>
      </c>
      <c r="AK30670">
        <v>2</v>
      </c>
      <c r="AL30670">
        <v>2</v>
      </c>
      <c r="AM30670">
        <v>2</v>
      </c>
      <c r="AN30670">
        <v>2</v>
      </c>
      <c r="AO30670">
        <v>2</v>
      </c>
      <c r="AP30670">
        <v>2</v>
      </c>
      <c r="AQ30670">
        <v>2</v>
      </c>
    </row>
    <row r="30671" spans="1:43">
      <c r="A30671" t="s">
        <v>18999</v>
      </c>
      <c r="B30671" t="s">
        <v>19000</v>
      </c>
      <c r="C30671" t="s">
        <v>18993</v>
      </c>
      <c r="D30671" t="s">
        <v>18994</v>
      </c>
      <c r="E30671" t="s">
        <v>18995</v>
      </c>
      <c r="F30671" t="s">
        <v>18996</v>
      </c>
      <c r="G30671" t="s">
        <v>10734</v>
      </c>
      <c r="H30671" t="s">
        <v>10735</v>
      </c>
      <c r="I30671" s="2">
        <v>0</v>
      </c>
      <c r="J30671" s="2">
        <v>0</v>
      </c>
      <c r="K30671" s="2">
        <v>1</v>
      </c>
      <c r="L30671" t="s">
        <v>995</v>
      </c>
      <c r="M30671" t="s">
        <v>87</v>
      </c>
      <c r="N30671" t="s">
        <v>88</v>
      </c>
      <c r="O30671" t="s">
        <v>85</v>
      </c>
      <c r="P30671" t="s">
        <v>86</v>
      </c>
      <c r="Q30671">
        <v>1</v>
      </c>
      <c r="R30671">
        <v>1</v>
      </c>
      <c r="S30671">
        <v>1</v>
      </c>
      <c r="T30671">
        <v>1</v>
      </c>
      <c r="U30671">
        <v>1</v>
      </c>
      <c r="V30671">
        <v>1</v>
      </c>
      <c r="W30671">
        <v>1</v>
      </c>
      <c r="X30671">
        <v>2</v>
      </c>
      <c r="Y30671">
        <v>2</v>
      </c>
      <c r="Z30671">
        <v>2</v>
      </c>
      <c r="AA30671">
        <v>2</v>
      </c>
      <c r="AB30671">
        <v>2</v>
      </c>
      <c r="AC30671">
        <v>2</v>
      </c>
      <c r="AD30671">
        <v>2</v>
      </c>
      <c r="AE30671">
        <v>2</v>
      </c>
      <c r="AF30671">
        <v>2</v>
      </c>
      <c r="AG30671">
        <v>2</v>
      </c>
      <c r="AH30671">
        <v>2</v>
      </c>
      <c r="AI30671">
        <v>2</v>
      </c>
      <c r="AJ30671">
        <v>2</v>
      </c>
      <c r="AK30671">
        <v>2</v>
      </c>
      <c r="AL30671">
        <v>2</v>
      </c>
      <c r="AM30671">
        <v>2</v>
      </c>
      <c r="AN30671">
        <v>2</v>
      </c>
      <c r="AO30671">
        <v>2</v>
      </c>
      <c r="AP30671">
        <v>2</v>
      </c>
      <c r="AQ30671">
        <v>2</v>
      </c>
    </row>
    <row r="30672" spans="1:43">
      <c r="A30672" t="s">
        <v>18999</v>
      </c>
      <c r="B30672" t="s">
        <v>19000</v>
      </c>
      <c r="C30672" t="s">
        <v>18993</v>
      </c>
      <c r="D30672" t="s">
        <v>18994</v>
      </c>
      <c r="E30672" t="s">
        <v>18995</v>
      </c>
      <c r="F30672" t="s">
        <v>18996</v>
      </c>
      <c r="G30672" t="s">
        <v>10734</v>
      </c>
      <c r="H30672" t="s">
        <v>10735</v>
      </c>
      <c r="I30672" s="2">
        <v>0</v>
      </c>
      <c r="J30672" s="2">
        <v>0</v>
      </c>
      <c r="K30672" s="2">
        <v>1</v>
      </c>
      <c r="L30672" t="s">
        <v>995</v>
      </c>
      <c r="M30672" t="s">
        <v>89</v>
      </c>
      <c r="N30672" t="s">
        <v>90</v>
      </c>
      <c r="O30672" t="s">
        <v>85</v>
      </c>
      <c r="P30672" t="s">
        <v>86</v>
      </c>
      <c r="Q30672">
        <v>1</v>
      </c>
      <c r="R30672">
        <v>2</v>
      </c>
      <c r="S30672">
        <v>2</v>
      </c>
      <c r="T30672">
        <v>2</v>
      </c>
      <c r="U30672">
        <v>2</v>
      </c>
      <c r="V30672">
        <v>2</v>
      </c>
      <c r="W30672">
        <v>2</v>
      </c>
      <c r="X30672">
        <v>2</v>
      </c>
      <c r="Y30672">
        <v>2</v>
      </c>
      <c r="Z30672">
        <v>2</v>
      </c>
      <c r="AA30672">
        <v>2</v>
      </c>
      <c r="AB30672">
        <v>2</v>
      </c>
      <c r="AC30672">
        <v>2</v>
      </c>
      <c r="AD30672">
        <v>2</v>
      </c>
      <c r="AE30672">
        <v>2</v>
      </c>
      <c r="AF30672">
        <v>2</v>
      </c>
      <c r="AG30672">
        <v>2</v>
      </c>
      <c r="AH30672">
        <v>2</v>
      </c>
      <c r="AI30672">
        <v>2</v>
      </c>
      <c r="AJ30672">
        <v>2</v>
      </c>
      <c r="AK30672">
        <v>2</v>
      </c>
      <c r="AL30672">
        <v>2</v>
      </c>
      <c r="AM30672">
        <v>2</v>
      </c>
      <c r="AN30672">
        <v>2</v>
      </c>
      <c r="AO30672">
        <v>2</v>
      </c>
      <c r="AP30672">
        <v>2</v>
      </c>
      <c r="AQ30672">
        <v>2</v>
      </c>
    </row>
    <row r="30673" spans="1:43">
      <c r="A30673" t="s">
        <v>18999</v>
      </c>
      <c r="B30673" t="s">
        <v>19000</v>
      </c>
      <c r="C30673" t="s">
        <v>18993</v>
      </c>
      <c r="D30673" t="s">
        <v>18994</v>
      </c>
      <c r="E30673" t="s">
        <v>18995</v>
      </c>
      <c r="F30673" t="s">
        <v>18996</v>
      </c>
      <c r="G30673" t="s">
        <v>10734</v>
      </c>
      <c r="H30673" t="s">
        <v>10735</v>
      </c>
      <c r="I30673" s="2">
        <v>0</v>
      </c>
      <c r="J30673" s="2">
        <v>0</v>
      </c>
      <c r="K30673" s="2">
        <v>1</v>
      </c>
      <c r="L30673" t="s">
        <v>995</v>
      </c>
      <c r="M30673" t="s">
        <v>83</v>
      </c>
      <c r="N30673" t="s">
        <v>91</v>
      </c>
      <c r="O30673" t="s">
        <v>85</v>
      </c>
      <c r="P30673" t="s">
        <v>86</v>
      </c>
      <c r="Q30673">
        <v>1</v>
      </c>
      <c r="R30673">
        <v>1</v>
      </c>
      <c r="S30673">
        <v>2</v>
      </c>
      <c r="T30673">
        <v>2</v>
      </c>
      <c r="U30673">
        <v>2</v>
      </c>
      <c r="V30673">
        <v>2</v>
      </c>
      <c r="W30673">
        <v>2</v>
      </c>
      <c r="X30673">
        <v>2</v>
      </c>
      <c r="Y30673">
        <v>2</v>
      </c>
      <c r="Z30673">
        <v>2</v>
      </c>
      <c r="AA30673">
        <v>2</v>
      </c>
      <c r="AB30673">
        <v>2</v>
      </c>
      <c r="AC30673">
        <v>2</v>
      </c>
      <c r="AD30673">
        <v>2</v>
      </c>
      <c r="AE30673">
        <v>2</v>
      </c>
      <c r="AF30673">
        <v>2</v>
      </c>
      <c r="AG30673">
        <v>2</v>
      </c>
      <c r="AH30673">
        <v>2</v>
      </c>
      <c r="AI30673">
        <v>2</v>
      </c>
      <c r="AJ30673">
        <v>2</v>
      </c>
      <c r="AK30673">
        <v>2</v>
      </c>
      <c r="AL30673">
        <v>2</v>
      </c>
      <c r="AM30673">
        <v>2</v>
      </c>
      <c r="AN30673">
        <v>2</v>
      </c>
      <c r="AO30673">
        <v>2</v>
      </c>
      <c r="AP30673">
        <v>2</v>
      </c>
      <c r="AQ30673">
        <v>2</v>
      </c>
    </row>
    <row r="30674" spans="1:43">
      <c r="A30674" t="s">
        <v>19001</v>
      </c>
      <c r="B30674" t="s">
        <v>19002</v>
      </c>
      <c r="C30674" t="s">
        <v>18993</v>
      </c>
      <c r="D30674" t="s">
        <v>18994</v>
      </c>
      <c r="E30674" t="s">
        <v>18995</v>
      </c>
      <c r="F30674" t="s">
        <v>18996</v>
      </c>
      <c r="G30674" t="s">
        <v>10734</v>
      </c>
      <c r="H30674" t="s">
        <v>10735</v>
      </c>
      <c r="I30674" s="2">
        <v>0</v>
      </c>
      <c r="J30674" s="2">
        <v>0</v>
      </c>
      <c r="K30674" s="2">
        <v>1</v>
      </c>
      <c r="L30674" t="s">
        <v>995</v>
      </c>
      <c r="M30674" t="s">
        <v>83</v>
      </c>
      <c r="N30674" t="s">
        <v>84</v>
      </c>
      <c r="O30674" t="s">
        <v>85</v>
      </c>
      <c r="P30674" t="s">
        <v>86</v>
      </c>
      <c r="Q30674">
        <v>26</v>
      </c>
      <c r="R30674">
        <v>26</v>
      </c>
      <c r="S30674">
        <v>27</v>
      </c>
      <c r="T30674">
        <v>27</v>
      </c>
      <c r="U30674">
        <v>28</v>
      </c>
      <c r="V30674">
        <v>28</v>
      </c>
      <c r="W30674">
        <v>29</v>
      </c>
      <c r="X30674">
        <v>29</v>
      </c>
      <c r="Y30674">
        <v>29</v>
      </c>
      <c r="Z30674">
        <v>30</v>
      </c>
      <c r="AA30674">
        <v>30</v>
      </c>
      <c r="AB30674">
        <v>31</v>
      </c>
      <c r="AC30674">
        <v>31</v>
      </c>
      <c r="AD30674">
        <v>31</v>
      </c>
      <c r="AE30674">
        <v>32</v>
      </c>
      <c r="AF30674">
        <v>32</v>
      </c>
      <c r="AG30674">
        <v>33</v>
      </c>
      <c r="AH30674">
        <v>33</v>
      </c>
      <c r="AI30674">
        <v>34</v>
      </c>
      <c r="AJ30674">
        <v>34</v>
      </c>
      <c r="AK30674">
        <v>34</v>
      </c>
      <c r="AL30674">
        <v>35</v>
      </c>
      <c r="AM30674">
        <v>35</v>
      </c>
      <c r="AN30674">
        <v>35</v>
      </c>
      <c r="AO30674">
        <v>35</v>
      </c>
      <c r="AP30674">
        <v>35</v>
      </c>
      <c r="AQ30674">
        <v>35</v>
      </c>
    </row>
    <row r="30675" spans="1:43">
      <c r="A30675" t="s">
        <v>19001</v>
      </c>
      <c r="B30675" t="s">
        <v>19002</v>
      </c>
      <c r="C30675" t="s">
        <v>18993</v>
      </c>
      <c r="D30675" t="s">
        <v>18994</v>
      </c>
      <c r="E30675" t="s">
        <v>18995</v>
      </c>
      <c r="F30675" t="s">
        <v>18996</v>
      </c>
      <c r="G30675" t="s">
        <v>10734</v>
      </c>
      <c r="H30675" t="s">
        <v>10735</v>
      </c>
      <c r="I30675" s="2">
        <v>0</v>
      </c>
      <c r="J30675" s="2">
        <v>0</v>
      </c>
      <c r="K30675" s="2">
        <v>1</v>
      </c>
      <c r="L30675" t="s">
        <v>995</v>
      </c>
      <c r="M30675" t="s">
        <v>87</v>
      </c>
      <c r="N30675" t="s">
        <v>88</v>
      </c>
      <c r="O30675" t="s">
        <v>85</v>
      </c>
      <c r="P30675" t="s">
        <v>86</v>
      </c>
      <c r="Q30675">
        <v>26</v>
      </c>
      <c r="R30675">
        <v>26</v>
      </c>
      <c r="S30675">
        <v>26</v>
      </c>
      <c r="T30675">
        <v>26</v>
      </c>
      <c r="U30675">
        <v>26</v>
      </c>
      <c r="V30675">
        <v>27</v>
      </c>
      <c r="W30675">
        <v>27</v>
      </c>
      <c r="X30675">
        <v>27</v>
      </c>
      <c r="Y30675">
        <v>27</v>
      </c>
      <c r="Z30675">
        <v>27</v>
      </c>
      <c r="AA30675">
        <v>28</v>
      </c>
      <c r="AB30675">
        <v>28</v>
      </c>
      <c r="AC30675">
        <v>28</v>
      </c>
      <c r="AD30675">
        <v>28</v>
      </c>
      <c r="AE30675">
        <v>28</v>
      </c>
      <c r="AF30675">
        <v>28</v>
      </c>
      <c r="AG30675">
        <v>29</v>
      </c>
      <c r="AH30675">
        <v>29</v>
      </c>
      <c r="AI30675">
        <v>29</v>
      </c>
      <c r="AJ30675">
        <v>29</v>
      </c>
      <c r="AK30675">
        <v>29</v>
      </c>
      <c r="AL30675">
        <v>30</v>
      </c>
      <c r="AM30675">
        <v>30</v>
      </c>
      <c r="AN30675">
        <v>30</v>
      </c>
      <c r="AO30675">
        <v>30</v>
      </c>
      <c r="AP30675">
        <v>31</v>
      </c>
      <c r="AQ30675">
        <v>31</v>
      </c>
    </row>
    <row r="30676" spans="1:43">
      <c r="A30676" t="s">
        <v>19001</v>
      </c>
      <c r="B30676" t="s">
        <v>19002</v>
      </c>
      <c r="C30676" t="s">
        <v>18993</v>
      </c>
      <c r="D30676" t="s">
        <v>18994</v>
      </c>
      <c r="E30676" t="s">
        <v>18995</v>
      </c>
      <c r="F30676" t="s">
        <v>18996</v>
      </c>
      <c r="G30676" t="s">
        <v>10734</v>
      </c>
      <c r="H30676" t="s">
        <v>10735</v>
      </c>
      <c r="I30676" s="2">
        <v>0</v>
      </c>
      <c r="J30676" s="2">
        <v>0</v>
      </c>
      <c r="K30676" s="2">
        <v>1</v>
      </c>
      <c r="L30676" t="s">
        <v>995</v>
      </c>
      <c r="M30676" t="s">
        <v>89</v>
      </c>
      <c r="N30676" t="s">
        <v>90</v>
      </c>
      <c r="O30676" t="s">
        <v>85</v>
      </c>
      <c r="P30676" t="s">
        <v>86</v>
      </c>
      <c r="Q30676">
        <v>26</v>
      </c>
      <c r="R30676">
        <v>27</v>
      </c>
      <c r="S30676">
        <v>28</v>
      </c>
      <c r="T30676">
        <v>28</v>
      </c>
      <c r="U30676">
        <v>29</v>
      </c>
      <c r="V30676">
        <v>29</v>
      </c>
      <c r="W30676">
        <v>30</v>
      </c>
      <c r="X30676">
        <v>31</v>
      </c>
      <c r="Y30676">
        <v>31</v>
      </c>
      <c r="Z30676">
        <v>32</v>
      </c>
      <c r="AA30676">
        <v>32</v>
      </c>
      <c r="AB30676">
        <v>33</v>
      </c>
      <c r="AC30676">
        <v>33</v>
      </c>
      <c r="AD30676">
        <v>34</v>
      </c>
      <c r="AE30676">
        <v>34</v>
      </c>
      <c r="AF30676">
        <v>34</v>
      </c>
      <c r="AG30676">
        <v>34</v>
      </c>
      <c r="AH30676">
        <v>34</v>
      </c>
      <c r="AI30676">
        <v>35</v>
      </c>
      <c r="AJ30676">
        <v>35</v>
      </c>
      <c r="AK30676">
        <v>35</v>
      </c>
      <c r="AL30676">
        <v>35</v>
      </c>
      <c r="AM30676">
        <v>35</v>
      </c>
      <c r="AN30676">
        <v>35</v>
      </c>
      <c r="AO30676">
        <v>35</v>
      </c>
      <c r="AP30676">
        <v>35</v>
      </c>
      <c r="AQ30676">
        <v>36</v>
      </c>
    </row>
    <row r="30677" spans="1:43">
      <c r="A30677" t="s">
        <v>19001</v>
      </c>
      <c r="B30677" t="s">
        <v>19002</v>
      </c>
      <c r="C30677" t="s">
        <v>18993</v>
      </c>
      <c r="D30677" t="s">
        <v>18994</v>
      </c>
      <c r="E30677" t="s">
        <v>18995</v>
      </c>
      <c r="F30677" t="s">
        <v>18996</v>
      </c>
      <c r="G30677" t="s">
        <v>10734</v>
      </c>
      <c r="H30677" t="s">
        <v>10735</v>
      </c>
      <c r="I30677" s="2">
        <v>0</v>
      </c>
      <c r="J30677" s="2">
        <v>0</v>
      </c>
      <c r="K30677" s="2">
        <v>1</v>
      </c>
      <c r="L30677" t="s">
        <v>995</v>
      </c>
      <c r="M30677" t="s">
        <v>83</v>
      </c>
      <c r="N30677" t="s">
        <v>91</v>
      </c>
      <c r="O30677" t="s">
        <v>85</v>
      </c>
      <c r="P30677" t="s">
        <v>86</v>
      </c>
      <c r="Q30677">
        <v>26</v>
      </c>
      <c r="R30677">
        <v>26</v>
      </c>
      <c r="S30677">
        <v>27</v>
      </c>
      <c r="T30677">
        <v>27</v>
      </c>
      <c r="U30677">
        <v>28</v>
      </c>
      <c r="V30677">
        <v>28</v>
      </c>
      <c r="W30677">
        <v>29</v>
      </c>
      <c r="X30677">
        <v>29</v>
      </c>
      <c r="Y30677">
        <v>29</v>
      </c>
      <c r="Z30677">
        <v>30</v>
      </c>
      <c r="AA30677">
        <v>30</v>
      </c>
      <c r="AB30677">
        <v>31</v>
      </c>
      <c r="AC30677">
        <v>31</v>
      </c>
      <c r="AD30677">
        <v>31</v>
      </c>
      <c r="AE30677">
        <v>32</v>
      </c>
      <c r="AF30677">
        <v>32</v>
      </c>
      <c r="AG30677">
        <v>33</v>
      </c>
      <c r="AH30677">
        <v>33</v>
      </c>
      <c r="AI30677">
        <v>34</v>
      </c>
      <c r="AJ30677">
        <v>34</v>
      </c>
      <c r="AK30677">
        <v>34</v>
      </c>
      <c r="AL30677">
        <v>35</v>
      </c>
      <c r="AM30677">
        <v>35</v>
      </c>
      <c r="AN30677">
        <v>35</v>
      </c>
      <c r="AO30677">
        <v>35</v>
      </c>
      <c r="AP30677">
        <v>35</v>
      </c>
      <c r="AQ30677">
        <v>35</v>
      </c>
    </row>
    <row r="30678" spans="1:43">
      <c r="A30678" t="s">
        <v>19003</v>
      </c>
      <c r="B30678" t="s">
        <v>19004</v>
      </c>
      <c r="C30678" t="s">
        <v>18993</v>
      </c>
      <c r="D30678" t="s">
        <v>18994</v>
      </c>
      <c r="E30678" t="s">
        <v>18995</v>
      </c>
      <c r="F30678" t="s">
        <v>18996</v>
      </c>
      <c r="G30678" t="s">
        <v>10734</v>
      </c>
      <c r="H30678" t="s">
        <v>10735</v>
      </c>
      <c r="I30678" s="2">
        <v>0</v>
      </c>
      <c r="J30678" s="2">
        <v>0</v>
      </c>
      <c r="K30678" s="2">
        <v>1</v>
      </c>
      <c r="L30678" t="s">
        <v>995</v>
      </c>
      <c r="M30678" t="s">
        <v>83</v>
      </c>
      <c r="N30678" t="s">
        <v>84</v>
      </c>
      <c r="O30678" t="s">
        <v>85</v>
      </c>
      <c r="P30678" t="s">
        <v>86</v>
      </c>
      <c r="Q30678">
        <v>29</v>
      </c>
      <c r="R30678">
        <v>29</v>
      </c>
      <c r="S30678">
        <v>30</v>
      </c>
      <c r="T30678">
        <v>30</v>
      </c>
      <c r="U30678">
        <v>30</v>
      </c>
      <c r="V30678">
        <v>31</v>
      </c>
      <c r="W30678">
        <v>31</v>
      </c>
      <c r="X30678">
        <v>32</v>
      </c>
      <c r="Y30678">
        <v>32</v>
      </c>
      <c r="Z30678">
        <v>33</v>
      </c>
      <c r="AA30678">
        <v>33</v>
      </c>
      <c r="AB30678">
        <v>34</v>
      </c>
      <c r="AC30678">
        <v>34</v>
      </c>
      <c r="AD30678">
        <v>35</v>
      </c>
      <c r="AE30678">
        <v>35</v>
      </c>
      <c r="AF30678">
        <v>36</v>
      </c>
      <c r="AG30678">
        <v>36</v>
      </c>
      <c r="AH30678">
        <v>36</v>
      </c>
      <c r="AI30678">
        <v>37</v>
      </c>
      <c r="AJ30678">
        <v>37</v>
      </c>
      <c r="AK30678">
        <v>38</v>
      </c>
      <c r="AL30678">
        <v>38</v>
      </c>
      <c r="AM30678">
        <v>38</v>
      </c>
      <c r="AN30678">
        <v>38</v>
      </c>
      <c r="AO30678">
        <v>39</v>
      </c>
      <c r="AP30678">
        <v>39</v>
      </c>
      <c r="AQ30678">
        <v>39</v>
      </c>
    </row>
    <row r="30679" spans="1:43">
      <c r="A30679" t="s">
        <v>19003</v>
      </c>
      <c r="B30679" t="s">
        <v>19004</v>
      </c>
      <c r="C30679" t="s">
        <v>18993</v>
      </c>
      <c r="D30679" t="s">
        <v>18994</v>
      </c>
      <c r="E30679" t="s">
        <v>18995</v>
      </c>
      <c r="F30679" t="s">
        <v>18996</v>
      </c>
      <c r="G30679" t="s">
        <v>10734</v>
      </c>
      <c r="H30679" t="s">
        <v>10735</v>
      </c>
      <c r="I30679" s="2">
        <v>0</v>
      </c>
      <c r="J30679" s="2">
        <v>0</v>
      </c>
      <c r="K30679" s="2">
        <v>1</v>
      </c>
      <c r="L30679" t="s">
        <v>995</v>
      </c>
      <c r="M30679" t="s">
        <v>87</v>
      </c>
      <c r="N30679" t="s">
        <v>88</v>
      </c>
      <c r="O30679" t="s">
        <v>85</v>
      </c>
      <c r="P30679" t="s">
        <v>86</v>
      </c>
      <c r="Q30679">
        <v>29</v>
      </c>
      <c r="R30679">
        <v>30</v>
      </c>
      <c r="S30679">
        <v>30</v>
      </c>
      <c r="T30679">
        <v>30</v>
      </c>
      <c r="U30679">
        <v>30</v>
      </c>
      <c r="V30679">
        <v>30</v>
      </c>
      <c r="W30679">
        <v>30</v>
      </c>
      <c r="X30679">
        <v>31</v>
      </c>
      <c r="Y30679">
        <v>31</v>
      </c>
      <c r="Z30679">
        <v>31</v>
      </c>
      <c r="AA30679">
        <v>31</v>
      </c>
      <c r="AB30679">
        <v>31</v>
      </c>
      <c r="AC30679">
        <v>32</v>
      </c>
      <c r="AD30679">
        <v>32</v>
      </c>
      <c r="AE30679">
        <v>32</v>
      </c>
      <c r="AF30679">
        <v>32</v>
      </c>
      <c r="AG30679">
        <v>32</v>
      </c>
      <c r="AH30679">
        <v>33</v>
      </c>
      <c r="AI30679">
        <v>33</v>
      </c>
      <c r="AJ30679">
        <v>33</v>
      </c>
      <c r="AK30679">
        <v>33</v>
      </c>
      <c r="AL30679">
        <v>34</v>
      </c>
      <c r="AM30679">
        <v>34</v>
      </c>
      <c r="AN30679">
        <v>34</v>
      </c>
      <c r="AO30679">
        <v>34</v>
      </c>
      <c r="AP30679">
        <v>35</v>
      </c>
      <c r="AQ30679">
        <v>35</v>
      </c>
    </row>
    <row r="30680" spans="1:43">
      <c r="A30680" t="s">
        <v>19003</v>
      </c>
      <c r="B30680" t="s">
        <v>19004</v>
      </c>
      <c r="C30680" t="s">
        <v>18993</v>
      </c>
      <c r="D30680" t="s">
        <v>18994</v>
      </c>
      <c r="E30680" t="s">
        <v>18995</v>
      </c>
      <c r="F30680" t="s">
        <v>18996</v>
      </c>
      <c r="G30680" t="s">
        <v>10734</v>
      </c>
      <c r="H30680" t="s">
        <v>10735</v>
      </c>
      <c r="I30680" s="2">
        <v>0</v>
      </c>
      <c r="J30680" s="2">
        <v>0</v>
      </c>
      <c r="K30680" s="2">
        <v>1</v>
      </c>
      <c r="L30680" t="s">
        <v>995</v>
      </c>
      <c r="M30680" t="s">
        <v>89</v>
      </c>
      <c r="N30680" t="s">
        <v>90</v>
      </c>
      <c r="O30680" t="s">
        <v>85</v>
      </c>
      <c r="P30680" t="s">
        <v>86</v>
      </c>
      <c r="Q30680">
        <v>29</v>
      </c>
      <c r="R30680">
        <v>30</v>
      </c>
      <c r="S30680">
        <v>30</v>
      </c>
      <c r="T30680">
        <v>31</v>
      </c>
      <c r="U30680">
        <v>32</v>
      </c>
      <c r="V30680">
        <v>32</v>
      </c>
      <c r="W30680">
        <v>33</v>
      </c>
      <c r="X30680">
        <v>34</v>
      </c>
      <c r="Y30680">
        <v>34</v>
      </c>
      <c r="Z30680">
        <v>35</v>
      </c>
      <c r="AA30680">
        <v>35</v>
      </c>
      <c r="AB30680">
        <v>36</v>
      </c>
      <c r="AC30680">
        <v>37</v>
      </c>
      <c r="AD30680">
        <v>37</v>
      </c>
      <c r="AE30680">
        <v>38</v>
      </c>
      <c r="AF30680">
        <v>38</v>
      </c>
      <c r="AG30680">
        <v>38</v>
      </c>
      <c r="AH30680">
        <v>38</v>
      </c>
      <c r="AI30680">
        <v>38</v>
      </c>
      <c r="AJ30680">
        <v>38</v>
      </c>
      <c r="AK30680">
        <v>38</v>
      </c>
      <c r="AL30680">
        <v>38</v>
      </c>
      <c r="AM30680">
        <v>39</v>
      </c>
      <c r="AN30680">
        <v>39</v>
      </c>
      <c r="AO30680">
        <v>39</v>
      </c>
      <c r="AP30680">
        <v>39</v>
      </c>
      <c r="AQ30680">
        <v>39</v>
      </c>
    </row>
    <row r="30681" spans="1:43">
      <c r="A30681" t="s">
        <v>19003</v>
      </c>
      <c r="B30681" t="s">
        <v>19004</v>
      </c>
      <c r="C30681" t="s">
        <v>18993</v>
      </c>
      <c r="D30681" t="s">
        <v>18994</v>
      </c>
      <c r="E30681" t="s">
        <v>18995</v>
      </c>
      <c r="F30681" t="s">
        <v>18996</v>
      </c>
      <c r="G30681" t="s">
        <v>10734</v>
      </c>
      <c r="H30681" t="s">
        <v>10735</v>
      </c>
      <c r="I30681" s="2">
        <v>0</v>
      </c>
      <c r="J30681" s="2">
        <v>0</v>
      </c>
      <c r="K30681" s="2">
        <v>1</v>
      </c>
      <c r="L30681" t="s">
        <v>995</v>
      </c>
      <c r="M30681" t="s">
        <v>83</v>
      </c>
      <c r="N30681" t="s">
        <v>91</v>
      </c>
      <c r="O30681" t="s">
        <v>85</v>
      </c>
      <c r="P30681" t="s">
        <v>86</v>
      </c>
      <c r="Q30681">
        <v>29</v>
      </c>
      <c r="R30681">
        <v>29</v>
      </c>
      <c r="S30681">
        <v>30</v>
      </c>
      <c r="T30681">
        <v>30</v>
      </c>
      <c r="U30681">
        <v>30</v>
      </c>
      <c r="V30681">
        <v>31</v>
      </c>
      <c r="W30681">
        <v>31</v>
      </c>
      <c r="X30681">
        <v>32</v>
      </c>
      <c r="Y30681">
        <v>32</v>
      </c>
      <c r="Z30681">
        <v>33</v>
      </c>
      <c r="AA30681">
        <v>33</v>
      </c>
      <c r="AB30681">
        <v>34</v>
      </c>
      <c r="AC30681">
        <v>34</v>
      </c>
      <c r="AD30681">
        <v>35</v>
      </c>
      <c r="AE30681">
        <v>35</v>
      </c>
      <c r="AF30681">
        <v>36</v>
      </c>
      <c r="AG30681">
        <v>36</v>
      </c>
      <c r="AH30681">
        <v>36</v>
      </c>
      <c r="AI30681">
        <v>37</v>
      </c>
      <c r="AJ30681">
        <v>37</v>
      </c>
      <c r="AK30681">
        <v>38</v>
      </c>
      <c r="AL30681">
        <v>38</v>
      </c>
      <c r="AM30681">
        <v>38</v>
      </c>
      <c r="AN30681">
        <v>38</v>
      </c>
      <c r="AO30681">
        <v>39</v>
      </c>
      <c r="AP30681">
        <v>39</v>
      </c>
      <c r="AQ30681">
        <v>39</v>
      </c>
    </row>
    <row r="30682" spans="1:43">
      <c r="A30682" t="s">
        <v>19005</v>
      </c>
      <c r="B30682" t="s">
        <v>19006</v>
      </c>
      <c r="C30682" t="s">
        <v>19007</v>
      </c>
      <c r="D30682" t="s">
        <v>19008</v>
      </c>
      <c r="E30682" t="s">
        <v>18995</v>
      </c>
      <c r="F30682" t="s">
        <v>18996</v>
      </c>
      <c r="G30682" t="s">
        <v>10734</v>
      </c>
      <c r="H30682" t="s">
        <v>10735</v>
      </c>
      <c r="I30682" s="2">
        <v>0</v>
      </c>
      <c r="J30682" s="2">
        <v>0</v>
      </c>
      <c r="K30682" s="2">
        <v>1</v>
      </c>
      <c r="L30682" t="s">
        <v>995</v>
      </c>
      <c r="M30682" t="s">
        <v>83</v>
      </c>
      <c r="N30682" t="s">
        <v>84</v>
      </c>
      <c r="O30682" t="s">
        <v>85</v>
      </c>
      <c r="P30682" t="s">
        <v>86</v>
      </c>
      <c r="Q30682">
        <v>31</v>
      </c>
      <c r="R30682">
        <v>32</v>
      </c>
      <c r="S30682">
        <v>32</v>
      </c>
      <c r="T30682">
        <v>33</v>
      </c>
      <c r="U30682">
        <v>33</v>
      </c>
      <c r="V30682">
        <v>34</v>
      </c>
      <c r="W30682">
        <v>34</v>
      </c>
      <c r="X30682">
        <v>35</v>
      </c>
      <c r="Y30682">
        <v>35</v>
      </c>
      <c r="Z30682">
        <v>36</v>
      </c>
      <c r="AA30682">
        <v>36</v>
      </c>
      <c r="AB30682">
        <v>37</v>
      </c>
      <c r="AC30682">
        <v>37</v>
      </c>
      <c r="AD30682">
        <v>38</v>
      </c>
      <c r="AE30682">
        <v>38</v>
      </c>
      <c r="AF30682">
        <v>39</v>
      </c>
      <c r="AG30682">
        <v>39</v>
      </c>
      <c r="AH30682">
        <v>40</v>
      </c>
      <c r="AI30682">
        <v>40</v>
      </c>
      <c r="AJ30682">
        <v>41</v>
      </c>
      <c r="AK30682">
        <v>41</v>
      </c>
      <c r="AL30682">
        <v>42</v>
      </c>
      <c r="AM30682">
        <v>42</v>
      </c>
      <c r="AN30682">
        <v>42</v>
      </c>
      <c r="AO30682">
        <v>42</v>
      </c>
      <c r="AP30682">
        <v>42</v>
      </c>
      <c r="AQ30682">
        <v>42</v>
      </c>
    </row>
    <row r="30683" spans="1:43">
      <c r="A30683" t="s">
        <v>19005</v>
      </c>
      <c r="B30683" t="s">
        <v>19006</v>
      </c>
      <c r="C30683" t="s">
        <v>19007</v>
      </c>
      <c r="D30683" t="s">
        <v>19008</v>
      </c>
      <c r="E30683" t="s">
        <v>18995</v>
      </c>
      <c r="F30683" t="s">
        <v>18996</v>
      </c>
      <c r="G30683" t="s">
        <v>10734</v>
      </c>
      <c r="H30683" t="s">
        <v>10735</v>
      </c>
      <c r="I30683" s="2">
        <v>0</v>
      </c>
      <c r="J30683" s="2">
        <v>0</v>
      </c>
      <c r="K30683" s="2">
        <v>1</v>
      </c>
      <c r="L30683" t="s">
        <v>995</v>
      </c>
      <c r="M30683" t="s">
        <v>87</v>
      </c>
      <c r="N30683" t="s">
        <v>88</v>
      </c>
      <c r="O30683" t="s">
        <v>85</v>
      </c>
      <c r="P30683" t="s">
        <v>86</v>
      </c>
      <c r="Q30683">
        <v>31</v>
      </c>
      <c r="R30683">
        <v>31</v>
      </c>
      <c r="S30683">
        <v>31</v>
      </c>
      <c r="T30683">
        <v>32</v>
      </c>
      <c r="U30683">
        <v>32</v>
      </c>
      <c r="V30683">
        <v>32</v>
      </c>
      <c r="W30683">
        <v>32</v>
      </c>
      <c r="X30683">
        <v>32</v>
      </c>
      <c r="Y30683">
        <v>33</v>
      </c>
      <c r="Z30683">
        <v>33</v>
      </c>
      <c r="AA30683">
        <v>33</v>
      </c>
      <c r="AB30683">
        <v>33</v>
      </c>
      <c r="AC30683">
        <v>33</v>
      </c>
      <c r="AD30683">
        <v>34</v>
      </c>
      <c r="AE30683">
        <v>34</v>
      </c>
      <c r="AF30683">
        <v>34</v>
      </c>
      <c r="AG30683">
        <v>34</v>
      </c>
      <c r="AH30683">
        <v>35</v>
      </c>
      <c r="AI30683">
        <v>35</v>
      </c>
      <c r="AJ30683">
        <v>35</v>
      </c>
      <c r="AK30683">
        <v>35</v>
      </c>
      <c r="AL30683">
        <v>36</v>
      </c>
      <c r="AM30683">
        <v>36</v>
      </c>
      <c r="AN30683">
        <v>36</v>
      </c>
      <c r="AO30683">
        <v>36</v>
      </c>
      <c r="AP30683">
        <v>37</v>
      </c>
      <c r="AQ30683">
        <v>37</v>
      </c>
    </row>
    <row r="30684" spans="1:43">
      <c r="A30684" t="s">
        <v>19005</v>
      </c>
      <c r="B30684" t="s">
        <v>19006</v>
      </c>
      <c r="C30684" t="s">
        <v>19007</v>
      </c>
      <c r="D30684" t="s">
        <v>19008</v>
      </c>
      <c r="E30684" t="s">
        <v>18995</v>
      </c>
      <c r="F30684" t="s">
        <v>18996</v>
      </c>
      <c r="G30684" t="s">
        <v>10734</v>
      </c>
      <c r="H30684" t="s">
        <v>10735</v>
      </c>
      <c r="I30684" s="2">
        <v>0</v>
      </c>
      <c r="J30684" s="2">
        <v>0</v>
      </c>
      <c r="K30684" s="2">
        <v>1</v>
      </c>
      <c r="L30684" t="s">
        <v>995</v>
      </c>
      <c r="M30684" t="s">
        <v>89</v>
      </c>
      <c r="N30684" t="s">
        <v>90</v>
      </c>
      <c r="O30684" t="s">
        <v>85</v>
      </c>
      <c r="P30684" t="s">
        <v>86</v>
      </c>
      <c r="Q30684">
        <v>31</v>
      </c>
      <c r="R30684">
        <v>31</v>
      </c>
      <c r="S30684">
        <v>32</v>
      </c>
      <c r="T30684">
        <v>33</v>
      </c>
      <c r="U30684">
        <v>34</v>
      </c>
      <c r="V30684">
        <v>34</v>
      </c>
      <c r="W30684">
        <v>35</v>
      </c>
      <c r="X30684">
        <v>36</v>
      </c>
      <c r="Y30684">
        <v>36</v>
      </c>
      <c r="Z30684">
        <v>37</v>
      </c>
      <c r="AA30684">
        <v>38</v>
      </c>
      <c r="AB30684">
        <v>38</v>
      </c>
      <c r="AC30684">
        <v>39</v>
      </c>
      <c r="AD30684">
        <v>40</v>
      </c>
      <c r="AE30684">
        <v>40</v>
      </c>
      <c r="AF30684">
        <v>40</v>
      </c>
      <c r="AG30684">
        <v>40</v>
      </c>
      <c r="AH30684">
        <v>40</v>
      </c>
      <c r="AI30684">
        <v>40</v>
      </c>
      <c r="AJ30684">
        <v>41</v>
      </c>
      <c r="AK30684">
        <v>41</v>
      </c>
      <c r="AL30684">
        <v>41</v>
      </c>
      <c r="AM30684">
        <v>41</v>
      </c>
      <c r="AN30684">
        <v>41</v>
      </c>
      <c r="AO30684">
        <v>41</v>
      </c>
      <c r="AP30684">
        <v>41</v>
      </c>
      <c r="AQ30684">
        <v>42</v>
      </c>
    </row>
    <row r="30685" spans="1:43">
      <c r="A30685" t="s">
        <v>19005</v>
      </c>
      <c r="B30685" t="s">
        <v>19006</v>
      </c>
      <c r="C30685" t="s">
        <v>19007</v>
      </c>
      <c r="D30685" t="s">
        <v>19008</v>
      </c>
      <c r="E30685" t="s">
        <v>18995</v>
      </c>
      <c r="F30685" t="s">
        <v>18996</v>
      </c>
      <c r="G30685" t="s">
        <v>10734</v>
      </c>
      <c r="H30685" t="s">
        <v>10735</v>
      </c>
      <c r="I30685" s="2">
        <v>0</v>
      </c>
      <c r="J30685" s="2">
        <v>0</v>
      </c>
      <c r="K30685" s="2">
        <v>1</v>
      </c>
      <c r="L30685" t="s">
        <v>995</v>
      </c>
      <c r="M30685" t="s">
        <v>83</v>
      </c>
      <c r="N30685" t="s">
        <v>91</v>
      </c>
      <c r="O30685" t="s">
        <v>85</v>
      </c>
      <c r="P30685" t="s">
        <v>86</v>
      </c>
      <c r="Q30685">
        <v>31</v>
      </c>
      <c r="R30685">
        <v>32</v>
      </c>
      <c r="S30685">
        <v>32</v>
      </c>
      <c r="T30685">
        <v>33</v>
      </c>
      <c r="U30685">
        <v>33</v>
      </c>
      <c r="V30685">
        <v>34</v>
      </c>
      <c r="W30685">
        <v>34</v>
      </c>
      <c r="X30685">
        <v>35</v>
      </c>
      <c r="Y30685">
        <v>35</v>
      </c>
      <c r="Z30685">
        <v>36</v>
      </c>
      <c r="AA30685">
        <v>36</v>
      </c>
      <c r="AB30685">
        <v>37</v>
      </c>
      <c r="AC30685">
        <v>37</v>
      </c>
      <c r="AD30685">
        <v>38</v>
      </c>
      <c r="AE30685">
        <v>38</v>
      </c>
      <c r="AF30685">
        <v>39</v>
      </c>
      <c r="AG30685">
        <v>39</v>
      </c>
      <c r="AH30685">
        <v>40</v>
      </c>
      <c r="AI30685">
        <v>40</v>
      </c>
      <c r="AJ30685">
        <v>41</v>
      </c>
      <c r="AK30685">
        <v>41</v>
      </c>
      <c r="AL30685">
        <v>42</v>
      </c>
      <c r="AM30685">
        <v>42</v>
      </c>
      <c r="AN30685">
        <v>42</v>
      </c>
      <c r="AO30685">
        <v>42</v>
      </c>
      <c r="AP30685">
        <v>42</v>
      </c>
      <c r="AQ30685">
        <v>42</v>
      </c>
    </row>
    <row r="30686" spans="1:43">
      <c r="A30686" t="s">
        <v>19009</v>
      </c>
      <c r="B30686" t="s">
        <v>19010</v>
      </c>
      <c r="C30686" t="s">
        <v>19011</v>
      </c>
      <c r="D30686" t="s">
        <v>19012</v>
      </c>
      <c r="E30686" t="s">
        <v>18995</v>
      </c>
      <c r="F30686" t="s">
        <v>18996</v>
      </c>
      <c r="G30686" t="s">
        <v>10734</v>
      </c>
      <c r="H30686" t="s">
        <v>10735</v>
      </c>
      <c r="I30686" s="2">
        <v>0</v>
      </c>
      <c r="J30686" s="2">
        <v>0</v>
      </c>
      <c r="K30686" s="2">
        <v>1</v>
      </c>
      <c r="L30686" t="s">
        <v>995</v>
      </c>
      <c r="M30686" t="s">
        <v>83</v>
      </c>
      <c r="N30686" t="s">
        <v>84</v>
      </c>
      <c r="O30686" t="s">
        <v>85</v>
      </c>
      <c r="P30686" t="s">
        <v>86</v>
      </c>
      <c r="Q30686">
        <v>25</v>
      </c>
      <c r="R30686">
        <v>25</v>
      </c>
      <c r="S30686">
        <v>26</v>
      </c>
      <c r="T30686">
        <v>26</v>
      </c>
      <c r="U30686">
        <v>27</v>
      </c>
      <c r="V30686">
        <v>27</v>
      </c>
      <c r="W30686">
        <v>27</v>
      </c>
      <c r="X30686">
        <v>28</v>
      </c>
      <c r="Y30686">
        <v>28</v>
      </c>
      <c r="Z30686">
        <v>29</v>
      </c>
      <c r="AA30686">
        <v>29</v>
      </c>
      <c r="AB30686">
        <v>30</v>
      </c>
      <c r="AC30686">
        <v>30</v>
      </c>
      <c r="AD30686">
        <v>30</v>
      </c>
      <c r="AE30686">
        <v>31</v>
      </c>
      <c r="AF30686">
        <v>31</v>
      </c>
      <c r="AG30686">
        <v>32</v>
      </c>
      <c r="AH30686">
        <v>32</v>
      </c>
      <c r="AI30686">
        <v>32</v>
      </c>
      <c r="AJ30686">
        <v>33</v>
      </c>
      <c r="AK30686">
        <v>33</v>
      </c>
      <c r="AL30686">
        <v>33</v>
      </c>
      <c r="AM30686">
        <v>33</v>
      </c>
      <c r="AN30686">
        <v>34</v>
      </c>
      <c r="AO30686">
        <v>34</v>
      </c>
      <c r="AP30686">
        <v>34</v>
      </c>
      <c r="AQ30686">
        <v>34</v>
      </c>
    </row>
    <row r="30687" spans="1:43">
      <c r="A30687" t="s">
        <v>19009</v>
      </c>
      <c r="B30687" t="s">
        <v>19010</v>
      </c>
      <c r="C30687" t="s">
        <v>19011</v>
      </c>
      <c r="D30687" t="s">
        <v>19012</v>
      </c>
      <c r="E30687" t="s">
        <v>18995</v>
      </c>
      <c r="F30687" t="s">
        <v>18996</v>
      </c>
      <c r="G30687" t="s">
        <v>10734</v>
      </c>
      <c r="H30687" t="s">
        <v>10735</v>
      </c>
      <c r="I30687" s="2">
        <v>0</v>
      </c>
      <c r="J30687" s="2">
        <v>0</v>
      </c>
      <c r="K30687" s="2">
        <v>1</v>
      </c>
      <c r="L30687" t="s">
        <v>995</v>
      </c>
      <c r="M30687" t="s">
        <v>87</v>
      </c>
      <c r="N30687" t="s">
        <v>88</v>
      </c>
      <c r="O30687" t="s">
        <v>85</v>
      </c>
      <c r="P30687" t="s">
        <v>86</v>
      </c>
      <c r="Q30687">
        <v>25</v>
      </c>
      <c r="R30687">
        <v>25</v>
      </c>
      <c r="S30687">
        <v>25</v>
      </c>
      <c r="T30687">
        <v>25</v>
      </c>
      <c r="U30687">
        <v>25</v>
      </c>
      <c r="V30687">
        <v>26</v>
      </c>
      <c r="W30687">
        <v>26</v>
      </c>
      <c r="X30687">
        <v>26</v>
      </c>
      <c r="Y30687">
        <v>26</v>
      </c>
      <c r="Z30687">
        <v>26</v>
      </c>
      <c r="AA30687">
        <v>27</v>
      </c>
      <c r="AB30687">
        <v>27</v>
      </c>
      <c r="AC30687">
        <v>27</v>
      </c>
      <c r="AD30687">
        <v>27</v>
      </c>
      <c r="AE30687">
        <v>27</v>
      </c>
      <c r="AF30687">
        <v>27</v>
      </c>
      <c r="AG30687">
        <v>28</v>
      </c>
      <c r="AH30687">
        <v>28</v>
      </c>
      <c r="AI30687">
        <v>28</v>
      </c>
      <c r="AJ30687">
        <v>28</v>
      </c>
      <c r="AK30687">
        <v>28</v>
      </c>
      <c r="AL30687">
        <v>29</v>
      </c>
      <c r="AM30687">
        <v>29</v>
      </c>
      <c r="AN30687">
        <v>29</v>
      </c>
      <c r="AO30687">
        <v>29</v>
      </c>
      <c r="AP30687">
        <v>29</v>
      </c>
      <c r="AQ30687">
        <v>30</v>
      </c>
    </row>
    <row r="30688" spans="1:43">
      <c r="A30688" t="s">
        <v>19009</v>
      </c>
      <c r="B30688" t="s">
        <v>19010</v>
      </c>
      <c r="C30688" t="s">
        <v>19011</v>
      </c>
      <c r="D30688" t="s">
        <v>19012</v>
      </c>
      <c r="E30688" t="s">
        <v>18995</v>
      </c>
      <c r="F30688" t="s">
        <v>18996</v>
      </c>
      <c r="G30688" t="s">
        <v>10734</v>
      </c>
      <c r="H30688" t="s">
        <v>10735</v>
      </c>
      <c r="I30688" s="2">
        <v>0</v>
      </c>
      <c r="J30688" s="2">
        <v>0</v>
      </c>
      <c r="K30688" s="2">
        <v>1</v>
      </c>
      <c r="L30688" t="s">
        <v>995</v>
      </c>
      <c r="M30688" t="s">
        <v>89</v>
      </c>
      <c r="N30688" t="s">
        <v>90</v>
      </c>
      <c r="O30688" t="s">
        <v>85</v>
      </c>
      <c r="P30688" t="s">
        <v>86</v>
      </c>
      <c r="Q30688">
        <v>25</v>
      </c>
      <c r="R30688">
        <v>26</v>
      </c>
      <c r="S30688">
        <v>27</v>
      </c>
      <c r="T30688">
        <v>27</v>
      </c>
      <c r="U30688">
        <v>28</v>
      </c>
      <c r="V30688">
        <v>28</v>
      </c>
      <c r="W30688">
        <v>29</v>
      </c>
      <c r="X30688">
        <v>29</v>
      </c>
      <c r="Y30688">
        <v>30</v>
      </c>
      <c r="Z30688">
        <v>30</v>
      </c>
      <c r="AA30688">
        <v>31</v>
      </c>
      <c r="AB30688">
        <v>31</v>
      </c>
      <c r="AC30688">
        <v>32</v>
      </c>
      <c r="AD30688">
        <v>33</v>
      </c>
      <c r="AE30688">
        <v>33</v>
      </c>
      <c r="AF30688">
        <v>33</v>
      </c>
      <c r="AG30688">
        <v>33</v>
      </c>
      <c r="AH30688">
        <v>33</v>
      </c>
      <c r="AI30688">
        <v>33</v>
      </c>
      <c r="AJ30688">
        <v>33</v>
      </c>
      <c r="AK30688">
        <v>34</v>
      </c>
      <c r="AL30688">
        <v>34</v>
      </c>
      <c r="AM30688">
        <v>34</v>
      </c>
      <c r="AN30688">
        <v>34</v>
      </c>
      <c r="AO30688">
        <v>34</v>
      </c>
      <c r="AP30688">
        <v>34</v>
      </c>
      <c r="AQ30688">
        <v>34</v>
      </c>
    </row>
    <row r="30689" spans="1:43">
      <c r="A30689" t="s">
        <v>19009</v>
      </c>
      <c r="B30689" t="s">
        <v>19010</v>
      </c>
      <c r="C30689" t="s">
        <v>19011</v>
      </c>
      <c r="D30689" t="s">
        <v>19012</v>
      </c>
      <c r="E30689" t="s">
        <v>18995</v>
      </c>
      <c r="F30689" t="s">
        <v>18996</v>
      </c>
      <c r="G30689" t="s">
        <v>10734</v>
      </c>
      <c r="H30689" t="s">
        <v>10735</v>
      </c>
      <c r="I30689" s="2">
        <v>0</v>
      </c>
      <c r="J30689" s="2">
        <v>0</v>
      </c>
      <c r="K30689" s="2">
        <v>1</v>
      </c>
      <c r="L30689" t="s">
        <v>995</v>
      </c>
      <c r="M30689" t="s">
        <v>83</v>
      </c>
      <c r="N30689" t="s">
        <v>91</v>
      </c>
      <c r="O30689" t="s">
        <v>85</v>
      </c>
      <c r="P30689" t="s">
        <v>86</v>
      </c>
      <c r="Q30689">
        <v>25</v>
      </c>
      <c r="R30689">
        <v>25</v>
      </c>
      <c r="S30689">
        <v>26</v>
      </c>
      <c r="T30689">
        <v>26</v>
      </c>
      <c r="U30689">
        <v>27</v>
      </c>
      <c r="V30689">
        <v>27</v>
      </c>
      <c r="W30689">
        <v>27</v>
      </c>
      <c r="X30689">
        <v>28</v>
      </c>
      <c r="Y30689">
        <v>28</v>
      </c>
      <c r="Z30689">
        <v>29</v>
      </c>
      <c r="AA30689">
        <v>29</v>
      </c>
      <c r="AB30689">
        <v>30</v>
      </c>
      <c r="AC30689">
        <v>30</v>
      </c>
      <c r="AD30689">
        <v>30</v>
      </c>
      <c r="AE30689">
        <v>31</v>
      </c>
      <c r="AF30689">
        <v>31</v>
      </c>
      <c r="AG30689">
        <v>32</v>
      </c>
      <c r="AH30689">
        <v>32</v>
      </c>
      <c r="AI30689">
        <v>32</v>
      </c>
      <c r="AJ30689">
        <v>33</v>
      </c>
      <c r="AK30689">
        <v>33</v>
      </c>
      <c r="AL30689">
        <v>33</v>
      </c>
      <c r="AM30689">
        <v>33</v>
      </c>
      <c r="AN30689">
        <v>34</v>
      </c>
      <c r="AO30689">
        <v>34</v>
      </c>
      <c r="AP30689">
        <v>34</v>
      </c>
      <c r="AQ30689">
        <v>34</v>
      </c>
    </row>
    <row r="30690" spans="1:43">
      <c r="A30690" t="s">
        <v>19013</v>
      </c>
      <c r="B30690" t="s">
        <v>19014</v>
      </c>
      <c r="C30690" t="s">
        <v>19011</v>
      </c>
      <c r="D30690" t="s">
        <v>19012</v>
      </c>
      <c r="E30690" t="s">
        <v>18995</v>
      </c>
      <c r="F30690" t="s">
        <v>18996</v>
      </c>
      <c r="G30690" t="s">
        <v>10734</v>
      </c>
      <c r="H30690" t="s">
        <v>10735</v>
      </c>
      <c r="I30690" s="2">
        <v>0</v>
      </c>
      <c r="J30690" s="2">
        <v>0</v>
      </c>
      <c r="K30690" s="2">
        <v>1</v>
      </c>
      <c r="L30690" t="s">
        <v>995</v>
      </c>
      <c r="M30690" t="s">
        <v>83</v>
      </c>
      <c r="N30690" t="s">
        <v>84</v>
      </c>
      <c r="O30690" t="s">
        <v>85</v>
      </c>
      <c r="P30690" t="s">
        <v>86</v>
      </c>
      <c r="Q30690">
        <v>4</v>
      </c>
      <c r="R30690">
        <v>4</v>
      </c>
      <c r="S30690">
        <v>4</v>
      </c>
      <c r="T30690">
        <v>4</v>
      </c>
      <c r="U30690">
        <v>4</v>
      </c>
      <c r="V30690">
        <v>4</v>
      </c>
      <c r="W30690">
        <v>4</v>
      </c>
      <c r="X30690">
        <v>4</v>
      </c>
      <c r="Y30690">
        <v>5</v>
      </c>
      <c r="Z30690">
        <v>5</v>
      </c>
      <c r="AA30690">
        <v>5</v>
      </c>
      <c r="AB30690">
        <v>5</v>
      </c>
      <c r="AC30690">
        <v>5</v>
      </c>
      <c r="AD30690">
        <v>5</v>
      </c>
      <c r="AE30690">
        <v>5</v>
      </c>
      <c r="AF30690">
        <v>5</v>
      </c>
      <c r="AG30690">
        <v>5</v>
      </c>
      <c r="AH30690">
        <v>5</v>
      </c>
      <c r="AI30690">
        <v>5</v>
      </c>
      <c r="AJ30690">
        <v>5</v>
      </c>
      <c r="AK30690">
        <v>5</v>
      </c>
      <c r="AL30690">
        <v>5</v>
      </c>
      <c r="AM30690">
        <v>5</v>
      </c>
      <c r="AN30690">
        <v>5</v>
      </c>
      <c r="AO30690">
        <v>5</v>
      </c>
      <c r="AP30690">
        <v>5</v>
      </c>
      <c r="AQ30690">
        <v>5</v>
      </c>
    </row>
    <row r="30691" spans="1:43">
      <c r="A30691" t="s">
        <v>19013</v>
      </c>
      <c r="B30691" t="s">
        <v>19014</v>
      </c>
      <c r="C30691" t="s">
        <v>19011</v>
      </c>
      <c r="D30691" t="s">
        <v>19012</v>
      </c>
      <c r="E30691" t="s">
        <v>18995</v>
      </c>
      <c r="F30691" t="s">
        <v>18996</v>
      </c>
      <c r="G30691" t="s">
        <v>10734</v>
      </c>
      <c r="H30691" t="s">
        <v>10735</v>
      </c>
      <c r="I30691" s="2">
        <v>0</v>
      </c>
      <c r="J30691" s="2">
        <v>0</v>
      </c>
      <c r="K30691" s="2">
        <v>1</v>
      </c>
      <c r="L30691" t="s">
        <v>995</v>
      </c>
      <c r="M30691" t="s">
        <v>87</v>
      </c>
      <c r="N30691" t="s">
        <v>88</v>
      </c>
      <c r="O30691" t="s">
        <v>85</v>
      </c>
      <c r="P30691" t="s">
        <v>86</v>
      </c>
      <c r="Q30691">
        <v>4</v>
      </c>
      <c r="R30691">
        <v>4</v>
      </c>
      <c r="S30691">
        <v>4</v>
      </c>
      <c r="T30691">
        <v>4</v>
      </c>
      <c r="U30691">
        <v>4</v>
      </c>
      <c r="V30691">
        <v>4</v>
      </c>
      <c r="W30691">
        <v>4</v>
      </c>
      <c r="X30691">
        <v>4</v>
      </c>
      <c r="Y30691">
        <v>4</v>
      </c>
      <c r="Z30691">
        <v>4</v>
      </c>
      <c r="AA30691">
        <v>4</v>
      </c>
      <c r="AB30691">
        <v>4</v>
      </c>
      <c r="AC30691">
        <v>4</v>
      </c>
      <c r="AD30691">
        <v>4</v>
      </c>
      <c r="AE30691">
        <v>4</v>
      </c>
      <c r="AF30691">
        <v>4</v>
      </c>
      <c r="AG30691">
        <v>4</v>
      </c>
      <c r="AH30691">
        <v>4</v>
      </c>
      <c r="AI30691">
        <v>5</v>
      </c>
      <c r="AJ30691">
        <v>5</v>
      </c>
      <c r="AK30691">
        <v>5</v>
      </c>
      <c r="AL30691">
        <v>5</v>
      </c>
      <c r="AM30691">
        <v>5</v>
      </c>
      <c r="AN30691">
        <v>5</v>
      </c>
      <c r="AO30691">
        <v>5</v>
      </c>
      <c r="AP30691">
        <v>5</v>
      </c>
      <c r="AQ30691">
        <v>5</v>
      </c>
    </row>
    <row r="30692" spans="1:43">
      <c r="A30692" t="s">
        <v>19013</v>
      </c>
      <c r="B30692" t="s">
        <v>19014</v>
      </c>
      <c r="C30692" t="s">
        <v>19011</v>
      </c>
      <c r="D30692" t="s">
        <v>19012</v>
      </c>
      <c r="E30692" t="s">
        <v>18995</v>
      </c>
      <c r="F30692" t="s">
        <v>18996</v>
      </c>
      <c r="G30692" t="s">
        <v>10734</v>
      </c>
      <c r="H30692" t="s">
        <v>10735</v>
      </c>
      <c r="I30692" s="2">
        <v>0</v>
      </c>
      <c r="J30692" s="2">
        <v>0</v>
      </c>
      <c r="K30692" s="2">
        <v>1</v>
      </c>
      <c r="L30692" t="s">
        <v>995</v>
      </c>
      <c r="M30692" t="s">
        <v>89</v>
      </c>
      <c r="N30692" t="s">
        <v>90</v>
      </c>
      <c r="O30692" t="s">
        <v>85</v>
      </c>
      <c r="P30692" t="s">
        <v>86</v>
      </c>
      <c r="Q30692">
        <v>4</v>
      </c>
      <c r="R30692">
        <v>4</v>
      </c>
      <c r="S30692">
        <v>4</v>
      </c>
      <c r="T30692">
        <v>4</v>
      </c>
      <c r="U30692">
        <v>4</v>
      </c>
      <c r="V30692">
        <v>5</v>
      </c>
      <c r="W30692">
        <v>5</v>
      </c>
      <c r="X30692">
        <v>5</v>
      </c>
      <c r="Y30692">
        <v>5</v>
      </c>
      <c r="Z30692">
        <v>5</v>
      </c>
      <c r="AA30692">
        <v>5</v>
      </c>
      <c r="AB30692">
        <v>5</v>
      </c>
      <c r="AC30692">
        <v>5</v>
      </c>
      <c r="AD30692">
        <v>5</v>
      </c>
      <c r="AE30692">
        <v>5</v>
      </c>
      <c r="AF30692">
        <v>5</v>
      </c>
      <c r="AG30692">
        <v>5</v>
      </c>
      <c r="AH30692">
        <v>5</v>
      </c>
      <c r="AI30692">
        <v>5</v>
      </c>
      <c r="AJ30692">
        <v>5</v>
      </c>
      <c r="AK30692">
        <v>5</v>
      </c>
      <c r="AL30692">
        <v>5</v>
      </c>
      <c r="AM30692">
        <v>5</v>
      </c>
      <c r="AN30692">
        <v>5</v>
      </c>
      <c r="AO30692">
        <v>5</v>
      </c>
      <c r="AP30692">
        <v>5</v>
      </c>
      <c r="AQ30692">
        <v>6</v>
      </c>
    </row>
    <row r="30693" spans="1:43">
      <c r="A30693" t="s">
        <v>19013</v>
      </c>
      <c r="B30693" t="s">
        <v>19014</v>
      </c>
      <c r="C30693" t="s">
        <v>19011</v>
      </c>
      <c r="D30693" t="s">
        <v>19012</v>
      </c>
      <c r="E30693" t="s">
        <v>18995</v>
      </c>
      <c r="F30693" t="s">
        <v>18996</v>
      </c>
      <c r="G30693" t="s">
        <v>10734</v>
      </c>
      <c r="H30693" t="s">
        <v>10735</v>
      </c>
      <c r="I30693" s="2">
        <v>0</v>
      </c>
      <c r="J30693" s="2">
        <v>0</v>
      </c>
      <c r="K30693" s="2">
        <v>1</v>
      </c>
      <c r="L30693" t="s">
        <v>995</v>
      </c>
      <c r="M30693" t="s">
        <v>83</v>
      </c>
      <c r="N30693" t="s">
        <v>91</v>
      </c>
      <c r="O30693" t="s">
        <v>85</v>
      </c>
      <c r="P30693" t="s">
        <v>86</v>
      </c>
      <c r="Q30693">
        <v>4</v>
      </c>
      <c r="R30693">
        <v>4</v>
      </c>
      <c r="S30693">
        <v>4</v>
      </c>
      <c r="T30693">
        <v>4</v>
      </c>
      <c r="U30693">
        <v>4</v>
      </c>
      <c r="V30693">
        <v>4</v>
      </c>
      <c r="W30693">
        <v>4</v>
      </c>
      <c r="X30693">
        <v>4</v>
      </c>
      <c r="Y30693">
        <v>5</v>
      </c>
      <c r="Z30693">
        <v>5</v>
      </c>
      <c r="AA30693">
        <v>5</v>
      </c>
      <c r="AB30693">
        <v>5</v>
      </c>
      <c r="AC30693">
        <v>5</v>
      </c>
      <c r="AD30693">
        <v>5</v>
      </c>
      <c r="AE30693">
        <v>5</v>
      </c>
      <c r="AF30693">
        <v>5</v>
      </c>
      <c r="AG30693">
        <v>5</v>
      </c>
      <c r="AH30693">
        <v>5</v>
      </c>
      <c r="AI30693">
        <v>5</v>
      </c>
      <c r="AJ30693">
        <v>5</v>
      </c>
      <c r="AK30693">
        <v>5</v>
      </c>
      <c r="AL30693">
        <v>5</v>
      </c>
      <c r="AM30693">
        <v>5</v>
      </c>
      <c r="AN30693">
        <v>5</v>
      </c>
      <c r="AO30693">
        <v>5</v>
      </c>
      <c r="AP30693">
        <v>5</v>
      </c>
      <c r="AQ30693">
        <v>5</v>
      </c>
    </row>
    <row r="30694" spans="1:43">
      <c r="A30694" t="s">
        <v>19015</v>
      </c>
      <c r="B30694" t="s">
        <v>19016</v>
      </c>
      <c r="C30694" t="s">
        <v>19011</v>
      </c>
      <c r="D30694" t="s">
        <v>19012</v>
      </c>
      <c r="E30694" t="s">
        <v>18995</v>
      </c>
      <c r="F30694" t="s">
        <v>18996</v>
      </c>
      <c r="G30694" t="s">
        <v>10734</v>
      </c>
      <c r="H30694" t="s">
        <v>10735</v>
      </c>
      <c r="I30694" s="2">
        <v>0</v>
      </c>
      <c r="J30694" s="2">
        <v>0</v>
      </c>
      <c r="K30694" s="2">
        <v>1</v>
      </c>
      <c r="L30694" t="s">
        <v>995</v>
      </c>
      <c r="M30694" t="s">
        <v>83</v>
      </c>
      <c r="N30694" t="s">
        <v>84</v>
      </c>
      <c r="O30694" t="s">
        <v>85</v>
      </c>
      <c r="P30694" t="s">
        <v>86</v>
      </c>
      <c r="Q30694">
        <v>40</v>
      </c>
      <c r="R30694">
        <v>40</v>
      </c>
      <c r="S30694">
        <v>41</v>
      </c>
      <c r="T30694">
        <v>41</v>
      </c>
      <c r="U30694">
        <v>42</v>
      </c>
      <c r="V30694">
        <v>43</v>
      </c>
      <c r="W30694">
        <v>43</v>
      </c>
      <c r="X30694">
        <v>44</v>
      </c>
      <c r="Y30694">
        <v>45</v>
      </c>
      <c r="Z30694">
        <v>45</v>
      </c>
      <c r="AA30694">
        <v>46</v>
      </c>
      <c r="AB30694">
        <v>47</v>
      </c>
      <c r="AC30694">
        <v>47</v>
      </c>
      <c r="AD30694">
        <v>48</v>
      </c>
      <c r="AE30694">
        <v>48</v>
      </c>
      <c r="AF30694">
        <v>49</v>
      </c>
      <c r="AG30694">
        <v>50</v>
      </c>
      <c r="AH30694">
        <v>50</v>
      </c>
      <c r="AI30694">
        <v>51</v>
      </c>
      <c r="AJ30694">
        <v>52</v>
      </c>
      <c r="AK30694">
        <v>52</v>
      </c>
      <c r="AL30694">
        <v>53</v>
      </c>
      <c r="AM30694">
        <v>53</v>
      </c>
      <c r="AN30694">
        <v>53</v>
      </c>
      <c r="AO30694">
        <v>53</v>
      </c>
      <c r="AP30694">
        <v>53</v>
      </c>
      <c r="AQ30694">
        <v>53</v>
      </c>
    </row>
    <row r="30695" spans="1:43">
      <c r="A30695" t="s">
        <v>19015</v>
      </c>
      <c r="B30695" t="s">
        <v>19016</v>
      </c>
      <c r="C30695" t="s">
        <v>19011</v>
      </c>
      <c r="D30695" t="s">
        <v>19012</v>
      </c>
      <c r="E30695" t="s">
        <v>18995</v>
      </c>
      <c r="F30695" t="s">
        <v>18996</v>
      </c>
      <c r="G30695" t="s">
        <v>10734</v>
      </c>
      <c r="H30695" t="s">
        <v>10735</v>
      </c>
      <c r="I30695" s="2">
        <v>0</v>
      </c>
      <c r="J30695" s="2">
        <v>0</v>
      </c>
      <c r="K30695" s="2">
        <v>1</v>
      </c>
      <c r="L30695" t="s">
        <v>995</v>
      </c>
      <c r="M30695" t="s">
        <v>87</v>
      </c>
      <c r="N30695" t="s">
        <v>88</v>
      </c>
      <c r="O30695" t="s">
        <v>85</v>
      </c>
      <c r="P30695" t="s">
        <v>86</v>
      </c>
      <c r="Q30695">
        <v>40</v>
      </c>
      <c r="R30695">
        <v>40</v>
      </c>
      <c r="S30695">
        <v>41</v>
      </c>
      <c r="T30695">
        <v>41</v>
      </c>
      <c r="U30695">
        <v>41</v>
      </c>
      <c r="V30695">
        <v>41</v>
      </c>
      <c r="W30695">
        <v>42</v>
      </c>
      <c r="X30695">
        <v>42</v>
      </c>
      <c r="Y30695">
        <v>42</v>
      </c>
      <c r="Z30695">
        <v>43</v>
      </c>
      <c r="AA30695">
        <v>43</v>
      </c>
      <c r="AB30695">
        <v>43</v>
      </c>
      <c r="AC30695">
        <v>43</v>
      </c>
      <c r="AD30695">
        <v>44</v>
      </c>
      <c r="AE30695">
        <v>44</v>
      </c>
      <c r="AF30695">
        <v>44</v>
      </c>
      <c r="AG30695">
        <v>44</v>
      </c>
      <c r="AH30695">
        <v>45</v>
      </c>
      <c r="AI30695">
        <v>45</v>
      </c>
      <c r="AJ30695">
        <v>45</v>
      </c>
      <c r="AK30695">
        <v>46</v>
      </c>
      <c r="AL30695">
        <v>46</v>
      </c>
      <c r="AM30695">
        <v>46</v>
      </c>
      <c r="AN30695">
        <v>47</v>
      </c>
      <c r="AO30695">
        <v>47</v>
      </c>
      <c r="AP30695">
        <v>47</v>
      </c>
      <c r="AQ30695">
        <v>48</v>
      </c>
    </row>
    <row r="30696" spans="1:43">
      <c r="A30696" t="s">
        <v>19015</v>
      </c>
      <c r="B30696" t="s">
        <v>19016</v>
      </c>
      <c r="C30696" t="s">
        <v>19011</v>
      </c>
      <c r="D30696" t="s">
        <v>19012</v>
      </c>
      <c r="E30696" t="s">
        <v>18995</v>
      </c>
      <c r="F30696" t="s">
        <v>18996</v>
      </c>
      <c r="G30696" t="s">
        <v>10734</v>
      </c>
      <c r="H30696" t="s">
        <v>10735</v>
      </c>
      <c r="I30696" s="2">
        <v>0</v>
      </c>
      <c r="J30696" s="2">
        <v>0</v>
      </c>
      <c r="K30696" s="2">
        <v>1</v>
      </c>
      <c r="L30696" t="s">
        <v>995</v>
      </c>
      <c r="M30696" t="s">
        <v>89</v>
      </c>
      <c r="N30696" t="s">
        <v>90</v>
      </c>
      <c r="O30696" t="s">
        <v>85</v>
      </c>
      <c r="P30696" t="s">
        <v>86</v>
      </c>
      <c r="Q30696">
        <v>40</v>
      </c>
      <c r="R30696">
        <v>41</v>
      </c>
      <c r="S30696">
        <v>42</v>
      </c>
      <c r="T30696">
        <v>43</v>
      </c>
      <c r="U30696">
        <v>44</v>
      </c>
      <c r="V30696">
        <v>45</v>
      </c>
      <c r="W30696">
        <v>46</v>
      </c>
      <c r="X30696">
        <v>46</v>
      </c>
      <c r="Y30696">
        <v>47</v>
      </c>
      <c r="Z30696">
        <v>48</v>
      </c>
      <c r="AA30696">
        <v>49</v>
      </c>
      <c r="AB30696">
        <v>50</v>
      </c>
      <c r="AC30696">
        <v>51</v>
      </c>
      <c r="AD30696">
        <v>51</v>
      </c>
      <c r="AE30696">
        <v>52</v>
      </c>
      <c r="AF30696">
        <v>52</v>
      </c>
      <c r="AG30696">
        <v>52</v>
      </c>
      <c r="AH30696">
        <v>52</v>
      </c>
      <c r="AI30696">
        <v>52</v>
      </c>
      <c r="AJ30696">
        <v>53</v>
      </c>
      <c r="AK30696">
        <v>53</v>
      </c>
      <c r="AL30696">
        <v>53</v>
      </c>
      <c r="AM30696">
        <v>53</v>
      </c>
      <c r="AN30696">
        <v>53</v>
      </c>
      <c r="AO30696">
        <v>53</v>
      </c>
      <c r="AP30696">
        <v>54</v>
      </c>
      <c r="AQ30696">
        <v>54</v>
      </c>
    </row>
    <row r="30697" spans="1:43">
      <c r="A30697" t="s">
        <v>19015</v>
      </c>
      <c r="B30697" t="s">
        <v>19016</v>
      </c>
      <c r="C30697" t="s">
        <v>19011</v>
      </c>
      <c r="D30697" t="s">
        <v>19012</v>
      </c>
      <c r="E30697" t="s">
        <v>18995</v>
      </c>
      <c r="F30697" t="s">
        <v>18996</v>
      </c>
      <c r="G30697" t="s">
        <v>10734</v>
      </c>
      <c r="H30697" t="s">
        <v>10735</v>
      </c>
      <c r="I30697" s="2">
        <v>0</v>
      </c>
      <c r="J30697" s="2">
        <v>0</v>
      </c>
      <c r="K30697" s="2">
        <v>1</v>
      </c>
      <c r="L30697" t="s">
        <v>995</v>
      </c>
      <c r="M30697" t="s">
        <v>83</v>
      </c>
      <c r="N30697" t="s">
        <v>91</v>
      </c>
      <c r="O30697" t="s">
        <v>85</v>
      </c>
      <c r="P30697" t="s">
        <v>86</v>
      </c>
      <c r="Q30697">
        <v>40</v>
      </c>
      <c r="R30697">
        <v>40</v>
      </c>
      <c r="S30697">
        <v>41</v>
      </c>
      <c r="T30697">
        <v>41</v>
      </c>
      <c r="U30697">
        <v>42</v>
      </c>
      <c r="V30697">
        <v>43</v>
      </c>
      <c r="W30697">
        <v>43</v>
      </c>
      <c r="X30697">
        <v>44</v>
      </c>
      <c r="Y30697">
        <v>45</v>
      </c>
      <c r="Z30697">
        <v>45</v>
      </c>
      <c r="AA30697">
        <v>46</v>
      </c>
      <c r="AB30697">
        <v>47</v>
      </c>
      <c r="AC30697">
        <v>47</v>
      </c>
      <c r="AD30697">
        <v>48</v>
      </c>
      <c r="AE30697">
        <v>48</v>
      </c>
      <c r="AF30697">
        <v>49</v>
      </c>
      <c r="AG30697">
        <v>50</v>
      </c>
      <c r="AH30697">
        <v>50</v>
      </c>
      <c r="AI30697">
        <v>51</v>
      </c>
      <c r="AJ30697">
        <v>52</v>
      </c>
      <c r="AK30697">
        <v>52</v>
      </c>
      <c r="AL30697">
        <v>53</v>
      </c>
      <c r="AM30697">
        <v>53</v>
      </c>
      <c r="AN30697">
        <v>53</v>
      </c>
      <c r="AO30697">
        <v>53</v>
      </c>
      <c r="AP30697">
        <v>53</v>
      </c>
      <c r="AQ30697">
        <v>53</v>
      </c>
    </row>
    <row r="30698" spans="1:43">
      <c r="A30698" t="s">
        <v>19017</v>
      </c>
      <c r="B30698" t="s">
        <v>19018</v>
      </c>
      <c r="C30698" t="s">
        <v>19011</v>
      </c>
      <c r="D30698" t="s">
        <v>19012</v>
      </c>
      <c r="E30698" t="s">
        <v>18995</v>
      </c>
      <c r="F30698" t="s">
        <v>18996</v>
      </c>
      <c r="G30698" t="s">
        <v>10734</v>
      </c>
      <c r="H30698" t="s">
        <v>10735</v>
      </c>
      <c r="I30698" s="2">
        <v>0</v>
      </c>
      <c r="J30698" s="2">
        <v>0</v>
      </c>
      <c r="K30698" s="2">
        <v>1</v>
      </c>
      <c r="L30698" t="s">
        <v>995</v>
      </c>
      <c r="M30698" t="s">
        <v>83</v>
      </c>
      <c r="N30698" t="s">
        <v>84</v>
      </c>
      <c r="O30698" t="s">
        <v>85</v>
      </c>
      <c r="P30698" t="s">
        <v>86</v>
      </c>
      <c r="Q30698">
        <v>28</v>
      </c>
      <c r="R30698">
        <v>28</v>
      </c>
      <c r="S30698">
        <v>29</v>
      </c>
      <c r="T30698">
        <v>29</v>
      </c>
      <c r="U30698">
        <v>30</v>
      </c>
      <c r="V30698">
        <v>30</v>
      </c>
      <c r="W30698">
        <v>31</v>
      </c>
      <c r="X30698">
        <v>31</v>
      </c>
      <c r="Y30698">
        <v>31</v>
      </c>
      <c r="Z30698">
        <v>32</v>
      </c>
      <c r="AA30698">
        <v>32</v>
      </c>
      <c r="AB30698">
        <v>33</v>
      </c>
      <c r="AC30698">
        <v>33</v>
      </c>
      <c r="AD30698">
        <v>34</v>
      </c>
      <c r="AE30698">
        <v>34</v>
      </c>
      <c r="AF30698">
        <v>35</v>
      </c>
      <c r="AG30698">
        <v>35</v>
      </c>
      <c r="AH30698">
        <v>35</v>
      </c>
      <c r="AI30698">
        <v>36</v>
      </c>
      <c r="AJ30698">
        <v>36</v>
      </c>
      <c r="AK30698">
        <v>37</v>
      </c>
      <c r="AL30698">
        <v>37</v>
      </c>
      <c r="AM30698">
        <v>37</v>
      </c>
      <c r="AN30698">
        <v>37</v>
      </c>
      <c r="AO30698">
        <v>37</v>
      </c>
      <c r="AP30698">
        <v>38</v>
      </c>
      <c r="AQ30698">
        <v>38</v>
      </c>
    </row>
    <row r="30699" spans="1:43">
      <c r="A30699" t="s">
        <v>19017</v>
      </c>
      <c r="B30699" t="s">
        <v>19018</v>
      </c>
      <c r="C30699" t="s">
        <v>19011</v>
      </c>
      <c r="D30699" t="s">
        <v>19012</v>
      </c>
      <c r="E30699" t="s">
        <v>18995</v>
      </c>
      <c r="F30699" t="s">
        <v>18996</v>
      </c>
      <c r="G30699" t="s">
        <v>10734</v>
      </c>
      <c r="H30699" t="s">
        <v>10735</v>
      </c>
      <c r="I30699" s="2">
        <v>0</v>
      </c>
      <c r="J30699" s="2">
        <v>0</v>
      </c>
      <c r="K30699" s="2">
        <v>1</v>
      </c>
      <c r="L30699" t="s">
        <v>995</v>
      </c>
      <c r="M30699" t="s">
        <v>87</v>
      </c>
      <c r="N30699" t="s">
        <v>88</v>
      </c>
      <c r="O30699" t="s">
        <v>85</v>
      </c>
      <c r="P30699" t="s">
        <v>86</v>
      </c>
      <c r="Q30699">
        <v>28</v>
      </c>
      <c r="R30699">
        <v>28</v>
      </c>
      <c r="S30699">
        <v>28</v>
      </c>
      <c r="T30699">
        <v>28</v>
      </c>
      <c r="U30699">
        <v>28</v>
      </c>
      <c r="V30699">
        <v>29</v>
      </c>
      <c r="W30699">
        <v>29</v>
      </c>
      <c r="X30699">
        <v>29</v>
      </c>
      <c r="Y30699">
        <v>29</v>
      </c>
      <c r="Z30699">
        <v>29</v>
      </c>
      <c r="AA30699">
        <v>29</v>
      </c>
      <c r="AB30699">
        <v>30</v>
      </c>
      <c r="AC30699">
        <v>30</v>
      </c>
      <c r="AD30699">
        <v>30</v>
      </c>
      <c r="AE30699">
        <v>30</v>
      </c>
      <c r="AF30699">
        <v>30</v>
      </c>
      <c r="AG30699">
        <v>31</v>
      </c>
      <c r="AH30699">
        <v>31</v>
      </c>
      <c r="AI30699">
        <v>31</v>
      </c>
      <c r="AJ30699">
        <v>31</v>
      </c>
      <c r="AK30699">
        <v>32</v>
      </c>
      <c r="AL30699">
        <v>32</v>
      </c>
      <c r="AM30699">
        <v>32</v>
      </c>
      <c r="AN30699">
        <v>32</v>
      </c>
      <c r="AO30699">
        <v>32</v>
      </c>
      <c r="AP30699">
        <v>33</v>
      </c>
      <c r="AQ30699">
        <v>33</v>
      </c>
    </row>
    <row r="30700" spans="1:43">
      <c r="A30700" t="s">
        <v>19017</v>
      </c>
      <c r="B30700" t="s">
        <v>19018</v>
      </c>
      <c r="C30700" t="s">
        <v>19011</v>
      </c>
      <c r="D30700" t="s">
        <v>19012</v>
      </c>
      <c r="E30700" t="s">
        <v>18995</v>
      </c>
      <c r="F30700" t="s">
        <v>18996</v>
      </c>
      <c r="G30700" t="s">
        <v>10734</v>
      </c>
      <c r="H30700" t="s">
        <v>10735</v>
      </c>
      <c r="I30700" s="2">
        <v>0</v>
      </c>
      <c r="J30700" s="2">
        <v>0</v>
      </c>
      <c r="K30700" s="2">
        <v>1</v>
      </c>
      <c r="L30700" t="s">
        <v>995</v>
      </c>
      <c r="M30700" t="s">
        <v>89</v>
      </c>
      <c r="N30700" t="s">
        <v>90</v>
      </c>
      <c r="O30700" t="s">
        <v>85</v>
      </c>
      <c r="P30700" t="s">
        <v>86</v>
      </c>
      <c r="Q30700">
        <v>28</v>
      </c>
      <c r="R30700">
        <v>29</v>
      </c>
      <c r="S30700">
        <v>29</v>
      </c>
      <c r="T30700">
        <v>30</v>
      </c>
      <c r="U30700">
        <v>31</v>
      </c>
      <c r="V30700">
        <v>31</v>
      </c>
      <c r="W30700">
        <v>32</v>
      </c>
      <c r="X30700">
        <v>33</v>
      </c>
      <c r="Y30700">
        <v>33</v>
      </c>
      <c r="Z30700">
        <v>34</v>
      </c>
      <c r="AA30700">
        <v>34</v>
      </c>
      <c r="AB30700">
        <v>35</v>
      </c>
      <c r="AC30700">
        <v>36</v>
      </c>
      <c r="AD30700">
        <v>36</v>
      </c>
      <c r="AE30700">
        <v>37</v>
      </c>
      <c r="AF30700">
        <v>37</v>
      </c>
      <c r="AG30700">
        <v>37</v>
      </c>
      <c r="AH30700">
        <v>37</v>
      </c>
      <c r="AI30700">
        <v>37</v>
      </c>
      <c r="AJ30700">
        <v>37</v>
      </c>
      <c r="AK30700">
        <v>37</v>
      </c>
      <c r="AL30700">
        <v>37</v>
      </c>
      <c r="AM30700">
        <v>37</v>
      </c>
      <c r="AN30700">
        <v>38</v>
      </c>
      <c r="AO30700">
        <v>38</v>
      </c>
      <c r="AP30700">
        <v>38</v>
      </c>
      <c r="AQ30700">
        <v>38</v>
      </c>
    </row>
    <row r="30701" spans="1:43">
      <c r="A30701" t="s">
        <v>19017</v>
      </c>
      <c r="B30701" t="s">
        <v>19018</v>
      </c>
      <c r="C30701" t="s">
        <v>19011</v>
      </c>
      <c r="D30701" t="s">
        <v>19012</v>
      </c>
      <c r="E30701" t="s">
        <v>18995</v>
      </c>
      <c r="F30701" t="s">
        <v>18996</v>
      </c>
      <c r="G30701" t="s">
        <v>10734</v>
      </c>
      <c r="H30701" t="s">
        <v>10735</v>
      </c>
      <c r="I30701" s="2">
        <v>0</v>
      </c>
      <c r="J30701" s="2">
        <v>0</v>
      </c>
      <c r="K30701" s="2">
        <v>1</v>
      </c>
      <c r="L30701" t="s">
        <v>995</v>
      </c>
      <c r="M30701" t="s">
        <v>83</v>
      </c>
      <c r="N30701" t="s">
        <v>91</v>
      </c>
      <c r="O30701" t="s">
        <v>85</v>
      </c>
      <c r="P30701" t="s">
        <v>86</v>
      </c>
      <c r="Q30701">
        <v>28</v>
      </c>
      <c r="R30701">
        <v>28</v>
      </c>
      <c r="S30701">
        <v>29</v>
      </c>
      <c r="T30701">
        <v>29</v>
      </c>
      <c r="U30701">
        <v>30</v>
      </c>
      <c r="V30701">
        <v>30</v>
      </c>
      <c r="W30701">
        <v>31</v>
      </c>
      <c r="X30701">
        <v>31</v>
      </c>
      <c r="Y30701">
        <v>31</v>
      </c>
      <c r="Z30701">
        <v>32</v>
      </c>
      <c r="AA30701">
        <v>32</v>
      </c>
      <c r="AB30701">
        <v>33</v>
      </c>
      <c r="AC30701">
        <v>33</v>
      </c>
      <c r="AD30701">
        <v>34</v>
      </c>
      <c r="AE30701">
        <v>34</v>
      </c>
      <c r="AF30701">
        <v>35</v>
      </c>
      <c r="AG30701">
        <v>35</v>
      </c>
      <c r="AH30701">
        <v>35</v>
      </c>
      <c r="AI30701">
        <v>36</v>
      </c>
      <c r="AJ30701">
        <v>36</v>
      </c>
      <c r="AK30701">
        <v>37</v>
      </c>
      <c r="AL30701">
        <v>37</v>
      </c>
      <c r="AM30701">
        <v>37</v>
      </c>
      <c r="AN30701">
        <v>37</v>
      </c>
      <c r="AO30701">
        <v>37</v>
      </c>
      <c r="AP30701">
        <v>38</v>
      </c>
      <c r="AQ30701">
        <v>38</v>
      </c>
    </row>
    <row r="30702" spans="1:43">
      <c r="A30702" t="s">
        <v>19019</v>
      </c>
      <c r="B30702" t="s">
        <v>19020</v>
      </c>
      <c r="C30702" t="s">
        <v>19021</v>
      </c>
      <c r="D30702" t="s">
        <v>19022</v>
      </c>
      <c r="E30702" t="s">
        <v>18995</v>
      </c>
      <c r="F30702" t="s">
        <v>18996</v>
      </c>
      <c r="G30702" t="s">
        <v>10734</v>
      </c>
      <c r="H30702" t="s">
        <v>10735</v>
      </c>
      <c r="I30702" s="2">
        <v>0</v>
      </c>
      <c r="J30702" s="2">
        <v>0</v>
      </c>
      <c r="K30702" s="2">
        <v>1</v>
      </c>
      <c r="L30702" t="s">
        <v>995</v>
      </c>
      <c r="M30702" t="s">
        <v>83</v>
      </c>
      <c r="N30702" t="s">
        <v>84</v>
      </c>
      <c r="O30702" t="s">
        <v>85</v>
      </c>
      <c r="P30702" t="s">
        <v>86</v>
      </c>
      <c r="Q30702">
        <v>5</v>
      </c>
      <c r="R30702">
        <v>5</v>
      </c>
      <c r="S30702">
        <v>5</v>
      </c>
      <c r="T30702">
        <v>5</v>
      </c>
      <c r="U30702">
        <v>5</v>
      </c>
      <c r="V30702">
        <v>6</v>
      </c>
      <c r="W30702">
        <v>6</v>
      </c>
      <c r="X30702">
        <v>6</v>
      </c>
      <c r="Y30702">
        <v>6</v>
      </c>
      <c r="Z30702">
        <v>6</v>
      </c>
      <c r="AA30702">
        <v>6</v>
      </c>
      <c r="AB30702">
        <v>6</v>
      </c>
      <c r="AC30702">
        <v>6</v>
      </c>
      <c r="AD30702">
        <v>6</v>
      </c>
      <c r="AE30702">
        <v>6</v>
      </c>
      <c r="AF30702">
        <v>6</v>
      </c>
      <c r="AG30702">
        <v>6</v>
      </c>
      <c r="AH30702">
        <v>7</v>
      </c>
      <c r="AI30702">
        <v>7</v>
      </c>
      <c r="AJ30702">
        <v>7</v>
      </c>
      <c r="AK30702">
        <v>7</v>
      </c>
      <c r="AL30702">
        <v>7</v>
      </c>
      <c r="AM30702">
        <v>7</v>
      </c>
      <c r="AN30702">
        <v>7</v>
      </c>
      <c r="AO30702">
        <v>7</v>
      </c>
      <c r="AP30702">
        <v>7</v>
      </c>
      <c r="AQ30702">
        <v>7</v>
      </c>
    </row>
    <row r="30703" spans="1:43">
      <c r="A30703" t="s">
        <v>19019</v>
      </c>
      <c r="B30703" t="s">
        <v>19020</v>
      </c>
      <c r="C30703" t="s">
        <v>19021</v>
      </c>
      <c r="D30703" t="s">
        <v>19022</v>
      </c>
      <c r="E30703" t="s">
        <v>18995</v>
      </c>
      <c r="F30703" t="s">
        <v>18996</v>
      </c>
      <c r="G30703" t="s">
        <v>10734</v>
      </c>
      <c r="H30703" t="s">
        <v>10735</v>
      </c>
      <c r="I30703" s="2">
        <v>0</v>
      </c>
      <c r="J30703" s="2">
        <v>0</v>
      </c>
      <c r="K30703" s="2">
        <v>1</v>
      </c>
      <c r="L30703" t="s">
        <v>995</v>
      </c>
      <c r="M30703" t="s">
        <v>87</v>
      </c>
      <c r="N30703" t="s">
        <v>88</v>
      </c>
      <c r="O30703" t="s">
        <v>85</v>
      </c>
      <c r="P30703" t="s">
        <v>86</v>
      </c>
      <c r="Q30703">
        <v>5</v>
      </c>
      <c r="R30703">
        <v>5</v>
      </c>
      <c r="S30703">
        <v>5</v>
      </c>
      <c r="T30703">
        <v>5</v>
      </c>
      <c r="U30703">
        <v>5</v>
      </c>
      <c r="V30703">
        <v>5</v>
      </c>
      <c r="W30703">
        <v>5</v>
      </c>
      <c r="X30703">
        <v>5</v>
      </c>
      <c r="Y30703">
        <v>5</v>
      </c>
      <c r="Z30703">
        <v>5</v>
      </c>
      <c r="AA30703">
        <v>5</v>
      </c>
      <c r="AB30703">
        <v>5</v>
      </c>
      <c r="AC30703">
        <v>6</v>
      </c>
      <c r="AD30703">
        <v>6</v>
      </c>
      <c r="AE30703">
        <v>6</v>
      </c>
      <c r="AF30703">
        <v>6</v>
      </c>
      <c r="AG30703">
        <v>6</v>
      </c>
      <c r="AH30703">
        <v>6</v>
      </c>
      <c r="AI30703">
        <v>6</v>
      </c>
      <c r="AJ30703">
        <v>6</v>
      </c>
      <c r="AK30703">
        <v>6</v>
      </c>
      <c r="AL30703">
        <v>6</v>
      </c>
      <c r="AM30703">
        <v>6</v>
      </c>
      <c r="AN30703">
        <v>6</v>
      </c>
      <c r="AO30703">
        <v>6</v>
      </c>
      <c r="AP30703">
        <v>6</v>
      </c>
      <c r="AQ30703">
        <v>6</v>
      </c>
    </row>
    <row r="30704" spans="1:43">
      <c r="A30704" t="s">
        <v>19019</v>
      </c>
      <c r="B30704" t="s">
        <v>19020</v>
      </c>
      <c r="C30704" t="s">
        <v>19021</v>
      </c>
      <c r="D30704" t="s">
        <v>19022</v>
      </c>
      <c r="E30704" t="s">
        <v>18995</v>
      </c>
      <c r="F30704" t="s">
        <v>18996</v>
      </c>
      <c r="G30704" t="s">
        <v>10734</v>
      </c>
      <c r="H30704" t="s">
        <v>10735</v>
      </c>
      <c r="I30704" s="2">
        <v>0</v>
      </c>
      <c r="J30704" s="2">
        <v>0</v>
      </c>
      <c r="K30704" s="2">
        <v>1</v>
      </c>
      <c r="L30704" t="s">
        <v>995</v>
      </c>
      <c r="M30704" t="s">
        <v>89</v>
      </c>
      <c r="N30704" t="s">
        <v>90</v>
      </c>
      <c r="O30704" t="s">
        <v>85</v>
      </c>
      <c r="P30704" t="s">
        <v>86</v>
      </c>
      <c r="Q30704">
        <v>5</v>
      </c>
      <c r="R30704">
        <v>5</v>
      </c>
      <c r="S30704">
        <v>5</v>
      </c>
      <c r="T30704">
        <v>6</v>
      </c>
      <c r="U30704">
        <v>6</v>
      </c>
      <c r="V30704">
        <v>6</v>
      </c>
      <c r="W30704">
        <v>6</v>
      </c>
      <c r="X30704">
        <v>6</v>
      </c>
      <c r="Y30704">
        <v>6</v>
      </c>
      <c r="Z30704">
        <v>6</v>
      </c>
      <c r="AA30704">
        <v>6</v>
      </c>
      <c r="AB30704">
        <v>6</v>
      </c>
      <c r="AC30704">
        <v>7</v>
      </c>
      <c r="AD30704">
        <v>7</v>
      </c>
      <c r="AE30704">
        <v>7</v>
      </c>
      <c r="AF30704">
        <v>7</v>
      </c>
      <c r="AG30704">
        <v>7</v>
      </c>
      <c r="AH30704">
        <v>7</v>
      </c>
      <c r="AI30704">
        <v>7</v>
      </c>
      <c r="AJ30704">
        <v>7</v>
      </c>
      <c r="AK30704">
        <v>7</v>
      </c>
      <c r="AL30704">
        <v>7</v>
      </c>
      <c r="AM30704">
        <v>7</v>
      </c>
      <c r="AN30704">
        <v>7</v>
      </c>
      <c r="AO30704">
        <v>7</v>
      </c>
      <c r="AP30704">
        <v>7</v>
      </c>
      <c r="AQ30704">
        <v>7</v>
      </c>
    </row>
    <row r="30705" spans="1:43">
      <c r="A30705" t="s">
        <v>19019</v>
      </c>
      <c r="B30705" t="s">
        <v>19020</v>
      </c>
      <c r="C30705" t="s">
        <v>19021</v>
      </c>
      <c r="D30705" t="s">
        <v>19022</v>
      </c>
      <c r="E30705" t="s">
        <v>18995</v>
      </c>
      <c r="F30705" t="s">
        <v>18996</v>
      </c>
      <c r="G30705" t="s">
        <v>10734</v>
      </c>
      <c r="H30705" t="s">
        <v>10735</v>
      </c>
      <c r="I30705" s="2">
        <v>0</v>
      </c>
      <c r="J30705" s="2">
        <v>0</v>
      </c>
      <c r="K30705" s="2">
        <v>1</v>
      </c>
      <c r="L30705" t="s">
        <v>995</v>
      </c>
      <c r="M30705" t="s">
        <v>83</v>
      </c>
      <c r="N30705" t="s">
        <v>91</v>
      </c>
      <c r="O30705" t="s">
        <v>85</v>
      </c>
      <c r="P30705" t="s">
        <v>86</v>
      </c>
      <c r="Q30705">
        <v>5</v>
      </c>
      <c r="R30705">
        <v>5</v>
      </c>
      <c r="S30705">
        <v>5</v>
      </c>
      <c r="T30705">
        <v>5</v>
      </c>
      <c r="U30705">
        <v>5</v>
      </c>
      <c r="V30705">
        <v>6</v>
      </c>
      <c r="W30705">
        <v>6</v>
      </c>
      <c r="X30705">
        <v>6</v>
      </c>
      <c r="Y30705">
        <v>6</v>
      </c>
      <c r="Z30705">
        <v>6</v>
      </c>
      <c r="AA30705">
        <v>6</v>
      </c>
      <c r="AB30705">
        <v>6</v>
      </c>
      <c r="AC30705">
        <v>6</v>
      </c>
      <c r="AD30705">
        <v>6</v>
      </c>
      <c r="AE30705">
        <v>6</v>
      </c>
      <c r="AF30705">
        <v>6</v>
      </c>
      <c r="AG30705">
        <v>6</v>
      </c>
      <c r="AH30705">
        <v>7</v>
      </c>
      <c r="AI30705">
        <v>7</v>
      </c>
      <c r="AJ30705">
        <v>7</v>
      </c>
      <c r="AK30705">
        <v>7</v>
      </c>
      <c r="AL30705">
        <v>7</v>
      </c>
      <c r="AM30705">
        <v>7</v>
      </c>
      <c r="AN30705">
        <v>7</v>
      </c>
      <c r="AO30705">
        <v>7</v>
      </c>
      <c r="AP30705">
        <v>7</v>
      </c>
      <c r="AQ30705">
        <v>7</v>
      </c>
    </row>
    <row r="30706" spans="1:43">
      <c r="A30706" t="s">
        <v>19023</v>
      </c>
      <c r="B30706" t="s">
        <v>19024</v>
      </c>
      <c r="C30706" t="s">
        <v>19025</v>
      </c>
      <c r="D30706" t="s">
        <v>19026</v>
      </c>
      <c r="E30706" t="s">
        <v>18995</v>
      </c>
      <c r="F30706" t="s">
        <v>18996</v>
      </c>
      <c r="G30706" t="s">
        <v>10734</v>
      </c>
      <c r="H30706" t="s">
        <v>10735</v>
      </c>
      <c r="I30706" s="2">
        <v>0</v>
      </c>
      <c r="J30706" s="2">
        <v>0</v>
      </c>
      <c r="K30706" s="2">
        <v>1</v>
      </c>
      <c r="L30706" t="s">
        <v>995</v>
      </c>
      <c r="M30706" t="s">
        <v>83</v>
      </c>
      <c r="N30706" t="s">
        <v>84</v>
      </c>
      <c r="O30706" t="s">
        <v>85</v>
      </c>
      <c r="P30706" t="s">
        <v>86</v>
      </c>
      <c r="Q30706">
        <v>27</v>
      </c>
      <c r="R30706">
        <v>28</v>
      </c>
      <c r="S30706">
        <v>28</v>
      </c>
      <c r="T30706">
        <v>28</v>
      </c>
      <c r="U30706">
        <v>29</v>
      </c>
      <c r="V30706">
        <v>29</v>
      </c>
      <c r="W30706">
        <v>30</v>
      </c>
      <c r="X30706">
        <v>30</v>
      </c>
      <c r="Y30706">
        <v>31</v>
      </c>
      <c r="Z30706">
        <v>31</v>
      </c>
      <c r="AA30706">
        <v>31</v>
      </c>
      <c r="AB30706">
        <v>32</v>
      </c>
      <c r="AC30706">
        <v>32</v>
      </c>
      <c r="AD30706">
        <v>33</v>
      </c>
      <c r="AE30706">
        <v>33</v>
      </c>
      <c r="AF30706">
        <v>34</v>
      </c>
      <c r="AG30706">
        <v>34</v>
      </c>
      <c r="AH30706">
        <v>34</v>
      </c>
      <c r="AI30706">
        <v>35</v>
      </c>
      <c r="AJ30706">
        <v>35</v>
      </c>
      <c r="AK30706">
        <v>36</v>
      </c>
      <c r="AL30706">
        <v>36</v>
      </c>
      <c r="AM30706">
        <v>36</v>
      </c>
      <c r="AN30706">
        <v>36</v>
      </c>
      <c r="AO30706">
        <v>36</v>
      </c>
      <c r="AP30706">
        <v>37</v>
      </c>
      <c r="AQ30706">
        <v>37</v>
      </c>
    </row>
    <row r="30707" spans="1:43">
      <c r="A30707" t="s">
        <v>19023</v>
      </c>
      <c r="B30707" t="s">
        <v>19024</v>
      </c>
      <c r="C30707" t="s">
        <v>19025</v>
      </c>
      <c r="D30707" t="s">
        <v>19026</v>
      </c>
      <c r="E30707" t="s">
        <v>18995</v>
      </c>
      <c r="F30707" t="s">
        <v>18996</v>
      </c>
      <c r="G30707" t="s">
        <v>10734</v>
      </c>
      <c r="H30707" t="s">
        <v>10735</v>
      </c>
      <c r="I30707" s="2">
        <v>0</v>
      </c>
      <c r="J30707" s="2">
        <v>0</v>
      </c>
      <c r="K30707" s="2">
        <v>1</v>
      </c>
      <c r="L30707" t="s">
        <v>995</v>
      </c>
      <c r="M30707" t="s">
        <v>87</v>
      </c>
      <c r="N30707" t="s">
        <v>88</v>
      </c>
      <c r="O30707" t="s">
        <v>85</v>
      </c>
      <c r="P30707" t="s">
        <v>86</v>
      </c>
      <c r="Q30707">
        <v>27</v>
      </c>
      <c r="R30707">
        <v>27</v>
      </c>
      <c r="S30707">
        <v>27</v>
      </c>
      <c r="T30707">
        <v>27</v>
      </c>
      <c r="U30707">
        <v>28</v>
      </c>
      <c r="V30707">
        <v>28</v>
      </c>
      <c r="W30707">
        <v>28</v>
      </c>
      <c r="X30707">
        <v>28</v>
      </c>
      <c r="Y30707">
        <v>28</v>
      </c>
      <c r="Z30707">
        <v>28</v>
      </c>
      <c r="AA30707">
        <v>29</v>
      </c>
      <c r="AB30707">
        <v>29</v>
      </c>
      <c r="AC30707">
        <v>29</v>
      </c>
      <c r="AD30707">
        <v>29</v>
      </c>
      <c r="AE30707">
        <v>29</v>
      </c>
      <c r="AF30707">
        <v>30</v>
      </c>
      <c r="AG30707">
        <v>30</v>
      </c>
      <c r="AH30707">
        <v>30</v>
      </c>
      <c r="AI30707">
        <v>30</v>
      </c>
      <c r="AJ30707">
        <v>30</v>
      </c>
      <c r="AK30707">
        <v>31</v>
      </c>
      <c r="AL30707">
        <v>31</v>
      </c>
      <c r="AM30707">
        <v>31</v>
      </c>
      <c r="AN30707">
        <v>31</v>
      </c>
      <c r="AO30707">
        <v>31</v>
      </c>
      <c r="AP30707">
        <v>32</v>
      </c>
      <c r="AQ30707">
        <v>32</v>
      </c>
    </row>
    <row r="30708" spans="1:43">
      <c r="A30708" t="s">
        <v>19023</v>
      </c>
      <c r="B30708" t="s">
        <v>19024</v>
      </c>
      <c r="C30708" t="s">
        <v>19025</v>
      </c>
      <c r="D30708" t="s">
        <v>19026</v>
      </c>
      <c r="E30708" t="s">
        <v>18995</v>
      </c>
      <c r="F30708" t="s">
        <v>18996</v>
      </c>
      <c r="G30708" t="s">
        <v>10734</v>
      </c>
      <c r="H30708" t="s">
        <v>10735</v>
      </c>
      <c r="I30708" s="2">
        <v>0</v>
      </c>
      <c r="J30708" s="2">
        <v>0</v>
      </c>
      <c r="K30708" s="2">
        <v>1</v>
      </c>
      <c r="L30708" t="s">
        <v>995</v>
      </c>
      <c r="M30708" t="s">
        <v>89</v>
      </c>
      <c r="N30708" t="s">
        <v>90</v>
      </c>
      <c r="O30708" t="s">
        <v>85</v>
      </c>
      <c r="P30708" t="s">
        <v>86</v>
      </c>
      <c r="Q30708">
        <v>27</v>
      </c>
      <c r="R30708">
        <v>28</v>
      </c>
      <c r="S30708">
        <v>29</v>
      </c>
      <c r="T30708">
        <v>29</v>
      </c>
      <c r="U30708">
        <v>30</v>
      </c>
      <c r="V30708">
        <v>31</v>
      </c>
      <c r="W30708">
        <v>31</v>
      </c>
      <c r="X30708">
        <v>32</v>
      </c>
      <c r="Y30708">
        <v>32</v>
      </c>
      <c r="Z30708">
        <v>33</v>
      </c>
      <c r="AA30708">
        <v>34</v>
      </c>
      <c r="AB30708">
        <v>34</v>
      </c>
      <c r="AC30708">
        <v>35</v>
      </c>
      <c r="AD30708">
        <v>35</v>
      </c>
      <c r="AE30708">
        <v>36</v>
      </c>
      <c r="AF30708">
        <v>36</v>
      </c>
      <c r="AG30708">
        <v>36</v>
      </c>
      <c r="AH30708">
        <v>36</v>
      </c>
      <c r="AI30708">
        <v>36</v>
      </c>
      <c r="AJ30708">
        <v>36</v>
      </c>
      <c r="AK30708">
        <v>36</v>
      </c>
      <c r="AL30708">
        <v>36</v>
      </c>
      <c r="AM30708">
        <v>36</v>
      </c>
      <c r="AN30708">
        <v>37</v>
      </c>
      <c r="AO30708">
        <v>37</v>
      </c>
      <c r="AP30708">
        <v>37</v>
      </c>
      <c r="AQ30708">
        <v>37</v>
      </c>
    </row>
    <row r="30709" spans="1:43">
      <c r="A30709" t="s">
        <v>19023</v>
      </c>
      <c r="B30709" t="s">
        <v>19024</v>
      </c>
      <c r="C30709" t="s">
        <v>19025</v>
      </c>
      <c r="D30709" t="s">
        <v>19026</v>
      </c>
      <c r="E30709" t="s">
        <v>18995</v>
      </c>
      <c r="F30709" t="s">
        <v>18996</v>
      </c>
      <c r="G30709" t="s">
        <v>10734</v>
      </c>
      <c r="H30709" t="s">
        <v>10735</v>
      </c>
      <c r="I30709" s="2">
        <v>0</v>
      </c>
      <c r="J30709" s="2">
        <v>0</v>
      </c>
      <c r="K30709" s="2">
        <v>1</v>
      </c>
      <c r="L30709" t="s">
        <v>995</v>
      </c>
      <c r="M30709" t="s">
        <v>83</v>
      </c>
      <c r="N30709" t="s">
        <v>91</v>
      </c>
      <c r="O30709" t="s">
        <v>85</v>
      </c>
      <c r="P30709" t="s">
        <v>86</v>
      </c>
      <c r="Q30709">
        <v>27</v>
      </c>
      <c r="R30709">
        <v>28</v>
      </c>
      <c r="S30709">
        <v>28</v>
      </c>
      <c r="T30709">
        <v>28</v>
      </c>
      <c r="U30709">
        <v>29</v>
      </c>
      <c r="V30709">
        <v>29</v>
      </c>
      <c r="W30709">
        <v>30</v>
      </c>
      <c r="X30709">
        <v>30</v>
      </c>
      <c r="Y30709">
        <v>31</v>
      </c>
      <c r="Z30709">
        <v>31</v>
      </c>
      <c r="AA30709">
        <v>31</v>
      </c>
      <c r="AB30709">
        <v>32</v>
      </c>
      <c r="AC30709">
        <v>32</v>
      </c>
      <c r="AD30709">
        <v>33</v>
      </c>
      <c r="AE30709">
        <v>33</v>
      </c>
      <c r="AF30709">
        <v>34</v>
      </c>
      <c r="AG30709">
        <v>34</v>
      </c>
      <c r="AH30709">
        <v>34</v>
      </c>
      <c r="AI30709">
        <v>35</v>
      </c>
      <c r="AJ30709">
        <v>35</v>
      </c>
      <c r="AK30709">
        <v>36</v>
      </c>
      <c r="AL30709">
        <v>36</v>
      </c>
      <c r="AM30709">
        <v>36</v>
      </c>
      <c r="AN30709">
        <v>36</v>
      </c>
      <c r="AO30709">
        <v>36</v>
      </c>
      <c r="AP30709">
        <v>37</v>
      </c>
      <c r="AQ30709">
        <v>37</v>
      </c>
    </row>
    <row r="30710" spans="1:43">
      <c r="A30710" t="s">
        <v>19027</v>
      </c>
      <c r="B30710" t="s">
        <v>19028</v>
      </c>
      <c r="C30710" t="s">
        <v>19029</v>
      </c>
      <c r="D30710" t="s">
        <v>19030</v>
      </c>
      <c r="E30710" t="s">
        <v>18995</v>
      </c>
      <c r="F30710" t="s">
        <v>18996</v>
      </c>
      <c r="G30710" t="s">
        <v>10734</v>
      </c>
      <c r="H30710" t="s">
        <v>10735</v>
      </c>
      <c r="I30710" s="2">
        <v>0</v>
      </c>
      <c r="J30710" s="2">
        <v>0</v>
      </c>
      <c r="K30710" s="2">
        <v>1</v>
      </c>
      <c r="L30710" t="s">
        <v>995</v>
      </c>
      <c r="M30710" t="s">
        <v>83</v>
      </c>
      <c r="N30710" t="s">
        <v>84</v>
      </c>
      <c r="O30710" t="s">
        <v>85</v>
      </c>
      <c r="P30710" t="s">
        <v>86</v>
      </c>
      <c r="Q30710">
        <v>48</v>
      </c>
      <c r="R30710">
        <v>49</v>
      </c>
      <c r="S30710">
        <v>50</v>
      </c>
      <c r="T30710">
        <v>51</v>
      </c>
      <c r="U30710">
        <v>51</v>
      </c>
      <c r="V30710">
        <v>52</v>
      </c>
      <c r="W30710">
        <v>53</v>
      </c>
      <c r="X30710">
        <v>54</v>
      </c>
      <c r="Y30710">
        <v>54</v>
      </c>
      <c r="Z30710">
        <v>55</v>
      </c>
      <c r="AA30710">
        <v>56</v>
      </c>
      <c r="AB30710">
        <v>57</v>
      </c>
      <c r="AC30710">
        <v>58</v>
      </c>
      <c r="AD30710">
        <v>58</v>
      </c>
      <c r="AE30710">
        <v>59</v>
      </c>
      <c r="AF30710">
        <v>60</v>
      </c>
      <c r="AG30710">
        <v>61</v>
      </c>
      <c r="AH30710">
        <v>61</v>
      </c>
      <c r="AI30710">
        <v>62</v>
      </c>
      <c r="AJ30710">
        <v>63</v>
      </c>
      <c r="AK30710">
        <v>64</v>
      </c>
      <c r="AL30710">
        <v>64</v>
      </c>
      <c r="AM30710">
        <v>64</v>
      </c>
      <c r="AN30710">
        <v>65</v>
      </c>
      <c r="AO30710">
        <v>65</v>
      </c>
      <c r="AP30710">
        <v>65</v>
      </c>
      <c r="AQ30710">
        <v>65</v>
      </c>
    </row>
    <row r="30711" spans="1:43">
      <c r="A30711" t="s">
        <v>19027</v>
      </c>
      <c r="B30711" t="s">
        <v>19028</v>
      </c>
      <c r="C30711" t="s">
        <v>19029</v>
      </c>
      <c r="D30711" t="s">
        <v>19030</v>
      </c>
      <c r="E30711" t="s">
        <v>18995</v>
      </c>
      <c r="F30711" t="s">
        <v>18996</v>
      </c>
      <c r="G30711" t="s">
        <v>10734</v>
      </c>
      <c r="H30711" t="s">
        <v>10735</v>
      </c>
      <c r="I30711" s="2">
        <v>0</v>
      </c>
      <c r="J30711" s="2">
        <v>0</v>
      </c>
      <c r="K30711" s="2">
        <v>1</v>
      </c>
      <c r="L30711" t="s">
        <v>995</v>
      </c>
      <c r="M30711" t="s">
        <v>87</v>
      </c>
      <c r="N30711" t="s">
        <v>88</v>
      </c>
      <c r="O30711" t="s">
        <v>85</v>
      </c>
      <c r="P30711" t="s">
        <v>86</v>
      </c>
      <c r="Q30711">
        <v>48</v>
      </c>
      <c r="R30711">
        <v>48</v>
      </c>
      <c r="S30711">
        <v>49</v>
      </c>
      <c r="T30711">
        <v>49</v>
      </c>
      <c r="U30711">
        <v>49</v>
      </c>
      <c r="V30711">
        <v>49</v>
      </c>
      <c r="W30711">
        <v>50</v>
      </c>
      <c r="X30711">
        <v>50</v>
      </c>
      <c r="Y30711">
        <v>50</v>
      </c>
      <c r="Z30711">
        <v>51</v>
      </c>
      <c r="AA30711">
        <v>51</v>
      </c>
      <c r="AB30711">
        <v>51</v>
      </c>
      <c r="AC30711">
        <v>52</v>
      </c>
      <c r="AD30711">
        <v>52</v>
      </c>
      <c r="AE30711">
        <v>52</v>
      </c>
      <c r="AF30711">
        <v>53</v>
      </c>
      <c r="AG30711">
        <v>53</v>
      </c>
      <c r="AH30711">
        <v>53</v>
      </c>
      <c r="AI30711">
        <v>54</v>
      </c>
      <c r="AJ30711">
        <v>54</v>
      </c>
      <c r="AK30711">
        <v>54</v>
      </c>
      <c r="AL30711">
        <v>55</v>
      </c>
      <c r="AM30711">
        <v>55</v>
      </c>
      <c r="AN30711">
        <v>56</v>
      </c>
      <c r="AO30711">
        <v>56</v>
      </c>
      <c r="AP30711">
        <v>56</v>
      </c>
      <c r="AQ30711">
        <v>57</v>
      </c>
    </row>
    <row r="30712" spans="1:43">
      <c r="A30712" t="s">
        <v>19027</v>
      </c>
      <c r="B30712" t="s">
        <v>19028</v>
      </c>
      <c r="C30712" t="s">
        <v>19029</v>
      </c>
      <c r="D30712" t="s">
        <v>19030</v>
      </c>
      <c r="E30712" t="s">
        <v>18995</v>
      </c>
      <c r="F30712" t="s">
        <v>18996</v>
      </c>
      <c r="G30712" t="s">
        <v>10734</v>
      </c>
      <c r="H30712" t="s">
        <v>10735</v>
      </c>
      <c r="I30712" s="2">
        <v>0</v>
      </c>
      <c r="J30712" s="2">
        <v>0</v>
      </c>
      <c r="K30712" s="2">
        <v>1</v>
      </c>
      <c r="L30712" t="s">
        <v>995</v>
      </c>
      <c r="M30712" t="s">
        <v>89</v>
      </c>
      <c r="N30712" t="s">
        <v>90</v>
      </c>
      <c r="O30712" t="s">
        <v>85</v>
      </c>
      <c r="P30712" t="s">
        <v>86</v>
      </c>
      <c r="Q30712">
        <v>48</v>
      </c>
      <c r="R30712">
        <v>49</v>
      </c>
      <c r="S30712">
        <v>50</v>
      </c>
      <c r="T30712">
        <v>51</v>
      </c>
      <c r="U30712">
        <v>52</v>
      </c>
      <c r="V30712">
        <v>54</v>
      </c>
      <c r="W30712">
        <v>55</v>
      </c>
      <c r="X30712">
        <v>56</v>
      </c>
      <c r="Y30712">
        <v>57</v>
      </c>
      <c r="Z30712">
        <v>58</v>
      </c>
      <c r="AA30712">
        <v>59</v>
      </c>
      <c r="AB30712">
        <v>60</v>
      </c>
      <c r="AC30712">
        <v>61</v>
      </c>
      <c r="AD30712">
        <v>62</v>
      </c>
      <c r="AE30712">
        <v>62</v>
      </c>
      <c r="AF30712">
        <v>63</v>
      </c>
      <c r="AG30712">
        <v>63</v>
      </c>
      <c r="AH30712">
        <v>63</v>
      </c>
      <c r="AI30712">
        <v>63</v>
      </c>
      <c r="AJ30712">
        <v>63</v>
      </c>
      <c r="AK30712">
        <v>64</v>
      </c>
      <c r="AL30712">
        <v>64</v>
      </c>
      <c r="AM30712">
        <v>64</v>
      </c>
      <c r="AN30712">
        <v>64</v>
      </c>
      <c r="AO30712">
        <v>65</v>
      </c>
      <c r="AP30712">
        <v>65</v>
      </c>
      <c r="AQ30712">
        <v>65</v>
      </c>
    </row>
    <row r="30713" spans="1:43">
      <c r="A30713" t="s">
        <v>19027</v>
      </c>
      <c r="B30713" t="s">
        <v>19028</v>
      </c>
      <c r="C30713" t="s">
        <v>19029</v>
      </c>
      <c r="D30713" t="s">
        <v>19030</v>
      </c>
      <c r="E30713" t="s">
        <v>18995</v>
      </c>
      <c r="F30713" t="s">
        <v>18996</v>
      </c>
      <c r="G30713" t="s">
        <v>10734</v>
      </c>
      <c r="H30713" t="s">
        <v>10735</v>
      </c>
      <c r="I30713" s="2">
        <v>0</v>
      </c>
      <c r="J30713" s="2">
        <v>0</v>
      </c>
      <c r="K30713" s="2">
        <v>1</v>
      </c>
      <c r="L30713" t="s">
        <v>995</v>
      </c>
      <c r="M30713" t="s">
        <v>83</v>
      </c>
      <c r="N30713" t="s">
        <v>91</v>
      </c>
      <c r="O30713" t="s">
        <v>85</v>
      </c>
      <c r="P30713" t="s">
        <v>86</v>
      </c>
      <c r="Q30713">
        <v>48</v>
      </c>
      <c r="R30713">
        <v>49</v>
      </c>
      <c r="S30713">
        <v>50</v>
      </c>
      <c r="T30713">
        <v>51</v>
      </c>
      <c r="U30713">
        <v>51</v>
      </c>
      <c r="V30713">
        <v>52</v>
      </c>
      <c r="W30713">
        <v>53</v>
      </c>
      <c r="X30713">
        <v>54</v>
      </c>
      <c r="Y30713">
        <v>54</v>
      </c>
      <c r="Z30713">
        <v>55</v>
      </c>
      <c r="AA30713">
        <v>56</v>
      </c>
      <c r="AB30713">
        <v>57</v>
      </c>
      <c r="AC30713">
        <v>58</v>
      </c>
      <c r="AD30713">
        <v>58</v>
      </c>
      <c r="AE30713">
        <v>59</v>
      </c>
      <c r="AF30713">
        <v>60</v>
      </c>
      <c r="AG30713">
        <v>61</v>
      </c>
      <c r="AH30713">
        <v>61</v>
      </c>
      <c r="AI30713">
        <v>62</v>
      </c>
      <c r="AJ30713">
        <v>63</v>
      </c>
      <c r="AK30713">
        <v>64</v>
      </c>
      <c r="AL30713">
        <v>64</v>
      </c>
      <c r="AM30713">
        <v>64</v>
      </c>
      <c r="AN30713">
        <v>65</v>
      </c>
      <c r="AO30713">
        <v>65</v>
      </c>
      <c r="AP30713">
        <v>65</v>
      </c>
      <c r="AQ30713">
        <v>65</v>
      </c>
    </row>
    <row r="30714" spans="1:43">
      <c r="A30714" t="s">
        <v>19031</v>
      </c>
      <c r="B30714" t="s">
        <v>19032</v>
      </c>
      <c r="C30714" t="s">
        <v>19033</v>
      </c>
      <c r="D30714" t="s">
        <v>19034</v>
      </c>
      <c r="E30714" t="s">
        <v>18995</v>
      </c>
      <c r="F30714" t="s">
        <v>18996</v>
      </c>
      <c r="G30714" t="s">
        <v>10734</v>
      </c>
      <c r="H30714" t="s">
        <v>10735</v>
      </c>
      <c r="I30714" s="2">
        <v>0</v>
      </c>
      <c r="J30714" s="2">
        <v>0</v>
      </c>
      <c r="K30714" s="2">
        <v>1</v>
      </c>
      <c r="L30714" t="s">
        <v>995</v>
      </c>
      <c r="M30714" t="s">
        <v>83</v>
      </c>
      <c r="N30714" t="s">
        <v>84</v>
      </c>
      <c r="O30714" t="s">
        <v>85</v>
      </c>
      <c r="P30714" t="s">
        <v>86</v>
      </c>
      <c r="Q30714">
        <v>45</v>
      </c>
      <c r="R30714">
        <v>46</v>
      </c>
      <c r="S30714">
        <v>46</v>
      </c>
      <c r="T30714">
        <v>47</v>
      </c>
      <c r="U30714">
        <v>48</v>
      </c>
      <c r="V30714">
        <v>49</v>
      </c>
      <c r="W30714">
        <v>49</v>
      </c>
      <c r="X30714">
        <v>50</v>
      </c>
      <c r="Y30714">
        <v>51</v>
      </c>
      <c r="Z30714">
        <v>51</v>
      </c>
      <c r="AA30714">
        <v>52</v>
      </c>
      <c r="AB30714">
        <v>53</v>
      </c>
      <c r="AC30714">
        <v>54</v>
      </c>
      <c r="AD30714">
        <v>54</v>
      </c>
      <c r="AE30714">
        <v>55</v>
      </c>
      <c r="AF30714">
        <v>56</v>
      </c>
      <c r="AG30714">
        <v>56</v>
      </c>
      <c r="AH30714">
        <v>57</v>
      </c>
      <c r="AI30714">
        <v>58</v>
      </c>
      <c r="AJ30714">
        <v>59</v>
      </c>
      <c r="AK30714">
        <v>59</v>
      </c>
      <c r="AL30714">
        <v>60</v>
      </c>
      <c r="AM30714">
        <v>60</v>
      </c>
      <c r="AN30714">
        <v>60</v>
      </c>
      <c r="AO30714">
        <v>60</v>
      </c>
      <c r="AP30714">
        <v>61</v>
      </c>
      <c r="AQ30714">
        <v>61</v>
      </c>
    </row>
    <row r="30715" spans="1:43">
      <c r="A30715" t="s">
        <v>19031</v>
      </c>
      <c r="B30715" t="s">
        <v>19032</v>
      </c>
      <c r="C30715" t="s">
        <v>19033</v>
      </c>
      <c r="D30715" t="s">
        <v>19034</v>
      </c>
      <c r="E30715" t="s">
        <v>18995</v>
      </c>
      <c r="F30715" t="s">
        <v>18996</v>
      </c>
      <c r="G30715" t="s">
        <v>10734</v>
      </c>
      <c r="H30715" t="s">
        <v>10735</v>
      </c>
      <c r="I30715" s="2">
        <v>0</v>
      </c>
      <c r="J30715" s="2">
        <v>0</v>
      </c>
      <c r="K30715" s="2">
        <v>1</v>
      </c>
      <c r="L30715" t="s">
        <v>995</v>
      </c>
      <c r="M30715" t="s">
        <v>87</v>
      </c>
      <c r="N30715" t="s">
        <v>88</v>
      </c>
      <c r="O30715" t="s">
        <v>85</v>
      </c>
      <c r="P30715" t="s">
        <v>86</v>
      </c>
      <c r="Q30715">
        <v>45</v>
      </c>
      <c r="R30715">
        <v>45</v>
      </c>
      <c r="S30715">
        <v>45</v>
      </c>
      <c r="T30715">
        <v>45</v>
      </c>
      <c r="U30715">
        <v>46</v>
      </c>
      <c r="V30715">
        <v>46</v>
      </c>
      <c r="W30715">
        <v>46</v>
      </c>
      <c r="X30715">
        <v>47</v>
      </c>
      <c r="Y30715">
        <v>47</v>
      </c>
      <c r="Z30715">
        <v>47</v>
      </c>
      <c r="AA30715">
        <v>47</v>
      </c>
      <c r="AB30715">
        <v>48</v>
      </c>
      <c r="AC30715">
        <v>48</v>
      </c>
      <c r="AD30715">
        <v>48</v>
      </c>
      <c r="AE30715">
        <v>49</v>
      </c>
      <c r="AF30715">
        <v>49</v>
      </c>
      <c r="AG30715">
        <v>49</v>
      </c>
      <c r="AH30715">
        <v>50</v>
      </c>
      <c r="AI30715">
        <v>50</v>
      </c>
      <c r="AJ30715">
        <v>50</v>
      </c>
      <c r="AK30715">
        <v>51</v>
      </c>
      <c r="AL30715">
        <v>51</v>
      </c>
      <c r="AM30715">
        <v>51</v>
      </c>
      <c r="AN30715">
        <v>52</v>
      </c>
      <c r="AO30715">
        <v>52</v>
      </c>
      <c r="AP30715">
        <v>52</v>
      </c>
      <c r="AQ30715">
        <v>53</v>
      </c>
    </row>
    <row r="30716" spans="1:43">
      <c r="A30716" t="s">
        <v>19031</v>
      </c>
      <c r="B30716" t="s">
        <v>19032</v>
      </c>
      <c r="C30716" t="s">
        <v>19033</v>
      </c>
      <c r="D30716" t="s">
        <v>19034</v>
      </c>
      <c r="E30716" t="s">
        <v>18995</v>
      </c>
      <c r="F30716" t="s">
        <v>18996</v>
      </c>
      <c r="G30716" t="s">
        <v>10734</v>
      </c>
      <c r="H30716" t="s">
        <v>10735</v>
      </c>
      <c r="I30716" s="2">
        <v>0</v>
      </c>
      <c r="J30716" s="2">
        <v>0</v>
      </c>
      <c r="K30716" s="2">
        <v>1</v>
      </c>
      <c r="L30716" t="s">
        <v>995</v>
      </c>
      <c r="M30716" t="s">
        <v>89</v>
      </c>
      <c r="N30716" t="s">
        <v>90</v>
      </c>
      <c r="O30716" t="s">
        <v>85</v>
      </c>
      <c r="P30716" t="s">
        <v>86</v>
      </c>
      <c r="Q30716">
        <v>45</v>
      </c>
      <c r="R30716">
        <v>47</v>
      </c>
      <c r="S30716">
        <v>48</v>
      </c>
      <c r="T30716">
        <v>49</v>
      </c>
      <c r="U30716">
        <v>50</v>
      </c>
      <c r="V30716">
        <v>51</v>
      </c>
      <c r="W30716">
        <v>52</v>
      </c>
      <c r="X30716">
        <v>53</v>
      </c>
      <c r="Y30716">
        <v>54</v>
      </c>
      <c r="Z30716">
        <v>55</v>
      </c>
      <c r="AA30716">
        <v>56</v>
      </c>
      <c r="AB30716">
        <v>56</v>
      </c>
      <c r="AC30716">
        <v>57</v>
      </c>
      <c r="AD30716">
        <v>58</v>
      </c>
      <c r="AE30716">
        <v>59</v>
      </c>
      <c r="AF30716">
        <v>59</v>
      </c>
      <c r="AG30716">
        <v>59</v>
      </c>
      <c r="AH30716">
        <v>59</v>
      </c>
      <c r="AI30716">
        <v>60</v>
      </c>
      <c r="AJ30716">
        <v>60</v>
      </c>
      <c r="AK30716">
        <v>60</v>
      </c>
      <c r="AL30716">
        <v>60</v>
      </c>
      <c r="AM30716">
        <v>60</v>
      </c>
      <c r="AN30716">
        <v>61</v>
      </c>
      <c r="AO30716">
        <v>61</v>
      </c>
      <c r="AP30716">
        <v>61</v>
      </c>
      <c r="AQ30716">
        <v>61</v>
      </c>
    </row>
    <row r="30717" spans="1:43">
      <c r="A30717" t="s">
        <v>19031</v>
      </c>
      <c r="B30717" t="s">
        <v>19032</v>
      </c>
      <c r="C30717" t="s">
        <v>19033</v>
      </c>
      <c r="D30717" t="s">
        <v>19034</v>
      </c>
      <c r="E30717" t="s">
        <v>18995</v>
      </c>
      <c r="F30717" t="s">
        <v>18996</v>
      </c>
      <c r="G30717" t="s">
        <v>10734</v>
      </c>
      <c r="H30717" t="s">
        <v>10735</v>
      </c>
      <c r="I30717" s="2">
        <v>0</v>
      </c>
      <c r="J30717" s="2">
        <v>0</v>
      </c>
      <c r="K30717" s="2">
        <v>1</v>
      </c>
      <c r="L30717" t="s">
        <v>995</v>
      </c>
      <c r="M30717" t="s">
        <v>83</v>
      </c>
      <c r="N30717" t="s">
        <v>91</v>
      </c>
      <c r="O30717" t="s">
        <v>85</v>
      </c>
      <c r="P30717" t="s">
        <v>86</v>
      </c>
      <c r="Q30717">
        <v>45</v>
      </c>
      <c r="R30717">
        <v>46</v>
      </c>
      <c r="S30717">
        <v>46</v>
      </c>
      <c r="T30717">
        <v>47</v>
      </c>
      <c r="U30717">
        <v>48</v>
      </c>
      <c r="V30717">
        <v>49</v>
      </c>
      <c r="W30717">
        <v>49</v>
      </c>
      <c r="X30717">
        <v>50</v>
      </c>
      <c r="Y30717">
        <v>51</v>
      </c>
      <c r="Z30717">
        <v>51</v>
      </c>
      <c r="AA30717">
        <v>52</v>
      </c>
      <c r="AB30717">
        <v>53</v>
      </c>
      <c r="AC30717">
        <v>54</v>
      </c>
      <c r="AD30717">
        <v>54</v>
      </c>
      <c r="AE30717">
        <v>55</v>
      </c>
      <c r="AF30717">
        <v>56</v>
      </c>
      <c r="AG30717">
        <v>56</v>
      </c>
      <c r="AH30717">
        <v>57</v>
      </c>
      <c r="AI30717">
        <v>58</v>
      </c>
      <c r="AJ30717">
        <v>59</v>
      </c>
      <c r="AK30717">
        <v>59</v>
      </c>
      <c r="AL30717">
        <v>60</v>
      </c>
      <c r="AM30717">
        <v>60</v>
      </c>
      <c r="AN30717">
        <v>60</v>
      </c>
      <c r="AO30717">
        <v>60</v>
      </c>
      <c r="AP30717">
        <v>61</v>
      </c>
      <c r="AQ30717">
        <v>61</v>
      </c>
    </row>
    <row r="30718" spans="1:43">
      <c r="A30718" t="s">
        <v>19035</v>
      </c>
      <c r="B30718" t="s">
        <v>19036</v>
      </c>
      <c r="C30718" t="s">
        <v>19033</v>
      </c>
      <c r="D30718" t="s">
        <v>19034</v>
      </c>
      <c r="E30718" t="s">
        <v>18995</v>
      </c>
      <c r="F30718" t="s">
        <v>18996</v>
      </c>
      <c r="G30718" t="s">
        <v>10734</v>
      </c>
      <c r="H30718" t="s">
        <v>10735</v>
      </c>
      <c r="I30718" s="2">
        <v>0</v>
      </c>
      <c r="J30718" s="2">
        <v>0</v>
      </c>
      <c r="K30718" s="2">
        <v>1</v>
      </c>
      <c r="L30718" t="s">
        <v>995</v>
      </c>
      <c r="M30718" t="s">
        <v>83</v>
      </c>
      <c r="N30718" t="s">
        <v>84</v>
      </c>
      <c r="O30718" t="s">
        <v>85</v>
      </c>
      <c r="P30718" t="s">
        <v>86</v>
      </c>
      <c r="Q30718">
        <v>75</v>
      </c>
      <c r="R30718">
        <v>76</v>
      </c>
      <c r="S30718">
        <v>77</v>
      </c>
      <c r="T30718">
        <v>79</v>
      </c>
      <c r="U30718">
        <v>80</v>
      </c>
      <c r="V30718">
        <v>81</v>
      </c>
      <c r="W30718">
        <v>82</v>
      </c>
      <c r="X30718">
        <v>83</v>
      </c>
      <c r="Y30718">
        <v>85</v>
      </c>
      <c r="Z30718">
        <v>86</v>
      </c>
      <c r="AA30718">
        <v>87</v>
      </c>
      <c r="AB30718">
        <v>88</v>
      </c>
      <c r="AC30718">
        <v>90</v>
      </c>
      <c r="AD30718">
        <v>91</v>
      </c>
      <c r="AE30718">
        <v>92</v>
      </c>
      <c r="AF30718">
        <v>93</v>
      </c>
      <c r="AG30718">
        <v>94</v>
      </c>
      <c r="AH30718">
        <v>96</v>
      </c>
      <c r="AI30718">
        <v>97</v>
      </c>
      <c r="AJ30718">
        <v>98</v>
      </c>
      <c r="AK30718">
        <v>99</v>
      </c>
      <c r="AL30718">
        <v>100</v>
      </c>
      <c r="AM30718">
        <v>101</v>
      </c>
      <c r="AN30718">
        <v>101</v>
      </c>
      <c r="AO30718">
        <v>101</v>
      </c>
      <c r="AP30718">
        <v>102</v>
      </c>
      <c r="AQ30718">
        <v>102</v>
      </c>
    </row>
    <row r="30719" spans="1:43">
      <c r="A30719" t="s">
        <v>19035</v>
      </c>
      <c r="B30719" t="s">
        <v>19036</v>
      </c>
      <c r="C30719" t="s">
        <v>19033</v>
      </c>
      <c r="D30719" t="s">
        <v>19034</v>
      </c>
      <c r="E30719" t="s">
        <v>18995</v>
      </c>
      <c r="F30719" t="s">
        <v>18996</v>
      </c>
      <c r="G30719" t="s">
        <v>10734</v>
      </c>
      <c r="H30719" t="s">
        <v>10735</v>
      </c>
      <c r="I30719" s="2">
        <v>0</v>
      </c>
      <c r="J30719" s="2">
        <v>0</v>
      </c>
      <c r="K30719" s="2">
        <v>1</v>
      </c>
      <c r="L30719" t="s">
        <v>995</v>
      </c>
      <c r="M30719" t="s">
        <v>87</v>
      </c>
      <c r="N30719" t="s">
        <v>88</v>
      </c>
      <c r="O30719" t="s">
        <v>85</v>
      </c>
      <c r="P30719" t="s">
        <v>86</v>
      </c>
      <c r="Q30719">
        <v>75</v>
      </c>
      <c r="R30719">
        <v>76</v>
      </c>
      <c r="S30719">
        <v>76</v>
      </c>
      <c r="T30719">
        <v>77</v>
      </c>
      <c r="U30719">
        <v>77</v>
      </c>
      <c r="V30719">
        <v>78</v>
      </c>
      <c r="W30719">
        <v>78</v>
      </c>
      <c r="X30719">
        <v>79</v>
      </c>
      <c r="Y30719">
        <v>79</v>
      </c>
      <c r="Z30719">
        <v>80</v>
      </c>
      <c r="AA30719">
        <v>80</v>
      </c>
      <c r="AB30719">
        <v>81</v>
      </c>
      <c r="AC30719">
        <v>81</v>
      </c>
      <c r="AD30719">
        <v>82</v>
      </c>
      <c r="AE30719">
        <v>82</v>
      </c>
      <c r="AF30719">
        <v>83</v>
      </c>
      <c r="AG30719">
        <v>84</v>
      </c>
      <c r="AH30719">
        <v>84</v>
      </c>
      <c r="AI30719">
        <v>85</v>
      </c>
      <c r="AJ30719">
        <v>85</v>
      </c>
      <c r="AK30719">
        <v>86</v>
      </c>
      <c r="AL30719">
        <v>86</v>
      </c>
      <c r="AM30719">
        <v>87</v>
      </c>
      <c r="AN30719">
        <v>88</v>
      </c>
      <c r="AO30719">
        <v>88</v>
      </c>
      <c r="AP30719">
        <v>89</v>
      </c>
      <c r="AQ30719">
        <v>90</v>
      </c>
    </row>
    <row r="30720" spans="1:43">
      <c r="A30720" t="s">
        <v>19035</v>
      </c>
      <c r="B30720" t="s">
        <v>19036</v>
      </c>
      <c r="C30720" t="s">
        <v>19033</v>
      </c>
      <c r="D30720" t="s">
        <v>19034</v>
      </c>
      <c r="E30720" t="s">
        <v>18995</v>
      </c>
      <c r="F30720" t="s">
        <v>18996</v>
      </c>
      <c r="G30720" t="s">
        <v>10734</v>
      </c>
      <c r="H30720" t="s">
        <v>10735</v>
      </c>
      <c r="I30720" s="2">
        <v>0</v>
      </c>
      <c r="J30720" s="2">
        <v>0</v>
      </c>
      <c r="K30720" s="2">
        <v>1</v>
      </c>
      <c r="L30720" t="s">
        <v>995</v>
      </c>
      <c r="M30720" t="s">
        <v>89</v>
      </c>
      <c r="N30720" t="s">
        <v>90</v>
      </c>
      <c r="O30720" t="s">
        <v>85</v>
      </c>
      <c r="P30720" t="s">
        <v>86</v>
      </c>
      <c r="Q30720">
        <v>75</v>
      </c>
      <c r="R30720">
        <v>77</v>
      </c>
      <c r="S30720">
        <v>78</v>
      </c>
      <c r="T30720">
        <v>80</v>
      </c>
      <c r="U30720">
        <v>82</v>
      </c>
      <c r="V30720">
        <v>84</v>
      </c>
      <c r="W30720">
        <v>85</v>
      </c>
      <c r="X30720">
        <v>87</v>
      </c>
      <c r="Y30720">
        <v>89</v>
      </c>
      <c r="Z30720">
        <v>90</v>
      </c>
      <c r="AA30720">
        <v>92</v>
      </c>
      <c r="AB30720">
        <v>93</v>
      </c>
      <c r="AC30720">
        <v>95</v>
      </c>
      <c r="AD30720">
        <v>97</v>
      </c>
      <c r="AE30720">
        <v>98</v>
      </c>
      <c r="AF30720">
        <v>98</v>
      </c>
      <c r="AG30720">
        <v>98</v>
      </c>
      <c r="AH30720">
        <v>99</v>
      </c>
      <c r="AI30720">
        <v>99</v>
      </c>
      <c r="AJ30720">
        <v>100</v>
      </c>
      <c r="AK30720">
        <v>100</v>
      </c>
      <c r="AL30720">
        <v>100</v>
      </c>
      <c r="AM30720">
        <v>101</v>
      </c>
      <c r="AN30720">
        <v>101</v>
      </c>
      <c r="AO30720">
        <v>102</v>
      </c>
      <c r="AP30720">
        <v>102</v>
      </c>
      <c r="AQ30720">
        <v>102</v>
      </c>
    </row>
    <row r="30721" spans="1:43">
      <c r="A30721" t="s">
        <v>19035</v>
      </c>
      <c r="B30721" t="s">
        <v>19036</v>
      </c>
      <c r="C30721" t="s">
        <v>19033</v>
      </c>
      <c r="D30721" t="s">
        <v>19034</v>
      </c>
      <c r="E30721" t="s">
        <v>18995</v>
      </c>
      <c r="F30721" t="s">
        <v>18996</v>
      </c>
      <c r="G30721" t="s">
        <v>10734</v>
      </c>
      <c r="H30721" t="s">
        <v>10735</v>
      </c>
      <c r="I30721" s="2">
        <v>0</v>
      </c>
      <c r="J30721" s="2">
        <v>0</v>
      </c>
      <c r="K30721" s="2">
        <v>1</v>
      </c>
      <c r="L30721" t="s">
        <v>995</v>
      </c>
      <c r="M30721" t="s">
        <v>83</v>
      </c>
      <c r="N30721" t="s">
        <v>91</v>
      </c>
      <c r="O30721" t="s">
        <v>85</v>
      </c>
      <c r="P30721" t="s">
        <v>86</v>
      </c>
      <c r="Q30721">
        <v>75</v>
      </c>
      <c r="R30721">
        <v>76</v>
      </c>
      <c r="S30721">
        <v>77</v>
      </c>
      <c r="T30721">
        <v>79</v>
      </c>
      <c r="U30721">
        <v>80</v>
      </c>
      <c r="V30721">
        <v>81</v>
      </c>
      <c r="W30721">
        <v>82</v>
      </c>
      <c r="X30721">
        <v>83</v>
      </c>
      <c r="Y30721">
        <v>85</v>
      </c>
      <c r="Z30721">
        <v>86</v>
      </c>
      <c r="AA30721">
        <v>87</v>
      </c>
      <c r="AB30721">
        <v>88</v>
      </c>
      <c r="AC30721">
        <v>90</v>
      </c>
      <c r="AD30721">
        <v>91</v>
      </c>
      <c r="AE30721">
        <v>92</v>
      </c>
      <c r="AF30721">
        <v>93</v>
      </c>
      <c r="AG30721">
        <v>94</v>
      </c>
      <c r="AH30721">
        <v>96</v>
      </c>
      <c r="AI30721">
        <v>97</v>
      </c>
      <c r="AJ30721">
        <v>98</v>
      </c>
      <c r="AK30721">
        <v>99</v>
      </c>
      <c r="AL30721">
        <v>100</v>
      </c>
      <c r="AM30721">
        <v>101</v>
      </c>
      <c r="AN30721">
        <v>101</v>
      </c>
      <c r="AO30721">
        <v>101</v>
      </c>
      <c r="AP30721">
        <v>102</v>
      </c>
      <c r="AQ30721">
        <v>102</v>
      </c>
    </row>
    <row r="30722" spans="1:43">
      <c r="A30722" t="s">
        <v>19037</v>
      </c>
      <c r="B30722" t="s">
        <v>19038</v>
      </c>
      <c r="C30722" t="s">
        <v>19021</v>
      </c>
      <c r="D30722" t="s">
        <v>19022</v>
      </c>
      <c r="E30722" t="s">
        <v>18995</v>
      </c>
      <c r="F30722" t="s">
        <v>18996</v>
      </c>
      <c r="G30722" t="s">
        <v>10734</v>
      </c>
      <c r="H30722" t="s">
        <v>10735</v>
      </c>
      <c r="I30722" s="2">
        <v>0</v>
      </c>
      <c r="J30722" s="2">
        <v>0</v>
      </c>
      <c r="K30722" s="2">
        <v>1</v>
      </c>
      <c r="L30722" t="s">
        <v>995</v>
      </c>
      <c r="M30722" t="s">
        <v>83</v>
      </c>
      <c r="N30722" t="s">
        <v>84</v>
      </c>
      <c r="O30722" t="s">
        <v>85</v>
      </c>
      <c r="P30722" t="s">
        <v>86</v>
      </c>
      <c r="Q30722">
        <v>19</v>
      </c>
      <c r="R30722">
        <v>19</v>
      </c>
      <c r="S30722">
        <v>20</v>
      </c>
      <c r="T30722">
        <v>20</v>
      </c>
      <c r="U30722">
        <v>20</v>
      </c>
      <c r="V30722">
        <v>20</v>
      </c>
      <c r="W30722">
        <v>21</v>
      </c>
      <c r="X30722">
        <v>21</v>
      </c>
      <c r="Y30722">
        <v>21</v>
      </c>
      <c r="Z30722">
        <v>22</v>
      </c>
      <c r="AA30722">
        <v>22</v>
      </c>
      <c r="AB30722">
        <v>22</v>
      </c>
      <c r="AC30722">
        <v>23</v>
      </c>
      <c r="AD30722">
        <v>23</v>
      </c>
      <c r="AE30722">
        <v>23</v>
      </c>
      <c r="AF30722">
        <v>23</v>
      </c>
      <c r="AG30722">
        <v>24</v>
      </c>
      <c r="AH30722">
        <v>24</v>
      </c>
      <c r="AI30722">
        <v>24</v>
      </c>
      <c r="AJ30722">
        <v>25</v>
      </c>
      <c r="AK30722">
        <v>25</v>
      </c>
      <c r="AL30722">
        <v>25</v>
      </c>
      <c r="AM30722">
        <v>25</v>
      </c>
      <c r="AN30722">
        <v>25</v>
      </c>
      <c r="AO30722">
        <v>25</v>
      </c>
      <c r="AP30722">
        <v>25</v>
      </c>
      <c r="AQ30722">
        <v>26</v>
      </c>
    </row>
    <row r="30723" spans="1:43">
      <c r="A30723" t="s">
        <v>19037</v>
      </c>
      <c r="B30723" t="s">
        <v>19038</v>
      </c>
      <c r="C30723" t="s">
        <v>19021</v>
      </c>
      <c r="D30723" t="s">
        <v>19022</v>
      </c>
      <c r="E30723" t="s">
        <v>18995</v>
      </c>
      <c r="F30723" t="s">
        <v>18996</v>
      </c>
      <c r="G30723" t="s">
        <v>10734</v>
      </c>
      <c r="H30723" t="s">
        <v>10735</v>
      </c>
      <c r="I30723" s="2">
        <v>0</v>
      </c>
      <c r="J30723" s="2">
        <v>0</v>
      </c>
      <c r="K30723" s="2">
        <v>1</v>
      </c>
      <c r="L30723" t="s">
        <v>995</v>
      </c>
      <c r="M30723" t="s">
        <v>87</v>
      </c>
      <c r="N30723" t="s">
        <v>88</v>
      </c>
      <c r="O30723" t="s">
        <v>85</v>
      </c>
      <c r="P30723" t="s">
        <v>86</v>
      </c>
      <c r="Q30723">
        <v>19</v>
      </c>
      <c r="R30723">
        <v>19</v>
      </c>
      <c r="S30723">
        <v>19</v>
      </c>
      <c r="T30723">
        <v>19</v>
      </c>
      <c r="U30723">
        <v>19</v>
      </c>
      <c r="V30723">
        <v>19</v>
      </c>
      <c r="W30723">
        <v>19</v>
      </c>
      <c r="X30723">
        <v>20</v>
      </c>
      <c r="Y30723">
        <v>20</v>
      </c>
      <c r="Z30723">
        <v>20</v>
      </c>
      <c r="AA30723">
        <v>20</v>
      </c>
      <c r="AB30723">
        <v>20</v>
      </c>
      <c r="AC30723">
        <v>20</v>
      </c>
      <c r="AD30723">
        <v>20</v>
      </c>
      <c r="AE30723">
        <v>21</v>
      </c>
      <c r="AF30723">
        <v>21</v>
      </c>
      <c r="AG30723">
        <v>21</v>
      </c>
      <c r="AH30723">
        <v>21</v>
      </c>
      <c r="AI30723">
        <v>21</v>
      </c>
      <c r="AJ30723">
        <v>21</v>
      </c>
      <c r="AK30723">
        <v>21</v>
      </c>
      <c r="AL30723">
        <v>22</v>
      </c>
      <c r="AM30723">
        <v>22</v>
      </c>
      <c r="AN30723">
        <v>22</v>
      </c>
      <c r="AO30723">
        <v>22</v>
      </c>
      <c r="AP30723">
        <v>22</v>
      </c>
      <c r="AQ30723">
        <v>22</v>
      </c>
    </row>
    <row r="30724" spans="1:43">
      <c r="A30724" t="s">
        <v>19037</v>
      </c>
      <c r="B30724" t="s">
        <v>19038</v>
      </c>
      <c r="C30724" t="s">
        <v>19021</v>
      </c>
      <c r="D30724" t="s">
        <v>19022</v>
      </c>
      <c r="E30724" t="s">
        <v>18995</v>
      </c>
      <c r="F30724" t="s">
        <v>18996</v>
      </c>
      <c r="G30724" t="s">
        <v>10734</v>
      </c>
      <c r="H30724" t="s">
        <v>10735</v>
      </c>
      <c r="I30724" s="2">
        <v>0</v>
      </c>
      <c r="J30724" s="2">
        <v>0</v>
      </c>
      <c r="K30724" s="2">
        <v>1</v>
      </c>
      <c r="L30724" t="s">
        <v>995</v>
      </c>
      <c r="M30724" t="s">
        <v>89</v>
      </c>
      <c r="N30724" t="s">
        <v>90</v>
      </c>
      <c r="O30724" t="s">
        <v>85</v>
      </c>
      <c r="P30724" t="s">
        <v>86</v>
      </c>
      <c r="Q30724">
        <v>19</v>
      </c>
      <c r="R30724">
        <v>20</v>
      </c>
      <c r="S30724">
        <v>20</v>
      </c>
      <c r="T30724">
        <v>20</v>
      </c>
      <c r="U30724">
        <v>21</v>
      </c>
      <c r="V30724">
        <v>21</v>
      </c>
      <c r="W30724">
        <v>22</v>
      </c>
      <c r="X30724">
        <v>22</v>
      </c>
      <c r="Y30724">
        <v>23</v>
      </c>
      <c r="Z30724">
        <v>23</v>
      </c>
      <c r="AA30724">
        <v>23</v>
      </c>
      <c r="AB30724">
        <v>24</v>
      </c>
      <c r="AC30724">
        <v>24</v>
      </c>
      <c r="AD30724">
        <v>25</v>
      </c>
      <c r="AE30724">
        <v>25</v>
      </c>
      <c r="AF30724">
        <v>25</v>
      </c>
      <c r="AG30724">
        <v>25</v>
      </c>
      <c r="AH30724">
        <v>25</v>
      </c>
      <c r="AI30724">
        <v>25</v>
      </c>
      <c r="AJ30724">
        <v>25</v>
      </c>
      <c r="AK30724">
        <v>25</v>
      </c>
      <c r="AL30724">
        <v>25</v>
      </c>
      <c r="AM30724">
        <v>25</v>
      </c>
      <c r="AN30724">
        <v>25</v>
      </c>
      <c r="AO30724">
        <v>26</v>
      </c>
      <c r="AP30724">
        <v>26</v>
      </c>
      <c r="AQ30724">
        <v>26</v>
      </c>
    </row>
    <row r="30725" spans="1:43">
      <c r="A30725" t="s">
        <v>19037</v>
      </c>
      <c r="B30725" t="s">
        <v>19038</v>
      </c>
      <c r="C30725" t="s">
        <v>19021</v>
      </c>
      <c r="D30725" t="s">
        <v>19022</v>
      </c>
      <c r="E30725" t="s">
        <v>18995</v>
      </c>
      <c r="F30725" t="s">
        <v>18996</v>
      </c>
      <c r="G30725" t="s">
        <v>10734</v>
      </c>
      <c r="H30725" t="s">
        <v>10735</v>
      </c>
      <c r="I30725" s="2">
        <v>0</v>
      </c>
      <c r="J30725" s="2">
        <v>0</v>
      </c>
      <c r="K30725" s="2">
        <v>1</v>
      </c>
      <c r="L30725" t="s">
        <v>995</v>
      </c>
      <c r="M30725" t="s">
        <v>83</v>
      </c>
      <c r="N30725" t="s">
        <v>91</v>
      </c>
      <c r="O30725" t="s">
        <v>85</v>
      </c>
      <c r="P30725" t="s">
        <v>86</v>
      </c>
      <c r="Q30725">
        <v>19</v>
      </c>
      <c r="R30725">
        <v>19</v>
      </c>
      <c r="S30725">
        <v>20</v>
      </c>
      <c r="T30725">
        <v>20</v>
      </c>
      <c r="U30725">
        <v>20</v>
      </c>
      <c r="V30725">
        <v>20</v>
      </c>
      <c r="W30725">
        <v>21</v>
      </c>
      <c r="X30725">
        <v>21</v>
      </c>
      <c r="Y30725">
        <v>21</v>
      </c>
      <c r="Z30725">
        <v>22</v>
      </c>
      <c r="AA30725">
        <v>22</v>
      </c>
      <c r="AB30725">
        <v>22</v>
      </c>
      <c r="AC30725">
        <v>23</v>
      </c>
      <c r="AD30725">
        <v>23</v>
      </c>
      <c r="AE30725">
        <v>23</v>
      </c>
      <c r="AF30725">
        <v>23</v>
      </c>
      <c r="AG30725">
        <v>24</v>
      </c>
      <c r="AH30725">
        <v>24</v>
      </c>
      <c r="AI30725">
        <v>24</v>
      </c>
      <c r="AJ30725">
        <v>25</v>
      </c>
      <c r="AK30725">
        <v>25</v>
      </c>
      <c r="AL30725">
        <v>25</v>
      </c>
      <c r="AM30725">
        <v>25</v>
      </c>
      <c r="AN30725">
        <v>25</v>
      </c>
      <c r="AO30725">
        <v>25</v>
      </c>
      <c r="AP30725">
        <v>25</v>
      </c>
      <c r="AQ30725">
        <v>26</v>
      </c>
    </row>
    <row r="30726" spans="1:43">
      <c r="A30726" t="s">
        <v>19039</v>
      </c>
      <c r="B30726" t="s">
        <v>19040</v>
      </c>
      <c r="C30726" t="s">
        <v>19021</v>
      </c>
      <c r="D30726" t="s">
        <v>19022</v>
      </c>
      <c r="E30726" t="s">
        <v>18995</v>
      </c>
      <c r="F30726" t="s">
        <v>18996</v>
      </c>
      <c r="G30726" t="s">
        <v>10734</v>
      </c>
      <c r="H30726" t="s">
        <v>10735</v>
      </c>
      <c r="I30726" s="2">
        <v>0</v>
      </c>
      <c r="J30726" s="2">
        <v>0</v>
      </c>
      <c r="K30726" s="2">
        <v>1</v>
      </c>
      <c r="L30726" t="s">
        <v>995</v>
      </c>
      <c r="M30726" t="s">
        <v>83</v>
      </c>
      <c r="N30726" t="s">
        <v>84</v>
      </c>
      <c r="O30726" t="s">
        <v>85</v>
      </c>
      <c r="P30726" t="s">
        <v>86</v>
      </c>
      <c r="Q30726">
        <v>14</v>
      </c>
      <c r="R30726">
        <v>14</v>
      </c>
      <c r="S30726">
        <v>14</v>
      </c>
      <c r="T30726">
        <v>15</v>
      </c>
      <c r="U30726">
        <v>15</v>
      </c>
      <c r="V30726">
        <v>15</v>
      </c>
      <c r="W30726">
        <v>15</v>
      </c>
      <c r="X30726">
        <v>16</v>
      </c>
      <c r="Y30726">
        <v>16</v>
      </c>
      <c r="Z30726">
        <v>16</v>
      </c>
      <c r="AA30726">
        <v>16</v>
      </c>
      <c r="AB30726">
        <v>17</v>
      </c>
      <c r="AC30726">
        <v>17</v>
      </c>
      <c r="AD30726">
        <v>17</v>
      </c>
      <c r="AE30726">
        <v>17</v>
      </c>
      <c r="AF30726">
        <v>17</v>
      </c>
      <c r="AG30726">
        <v>18</v>
      </c>
      <c r="AH30726">
        <v>18</v>
      </c>
      <c r="AI30726">
        <v>18</v>
      </c>
      <c r="AJ30726">
        <v>18</v>
      </c>
      <c r="AK30726">
        <v>19</v>
      </c>
      <c r="AL30726">
        <v>19</v>
      </c>
      <c r="AM30726">
        <v>19</v>
      </c>
      <c r="AN30726">
        <v>19</v>
      </c>
      <c r="AO30726">
        <v>19</v>
      </c>
      <c r="AP30726">
        <v>19</v>
      </c>
      <c r="AQ30726">
        <v>19</v>
      </c>
    </row>
    <row r="30727" spans="1:43">
      <c r="A30727" t="s">
        <v>19039</v>
      </c>
      <c r="B30727" t="s">
        <v>19040</v>
      </c>
      <c r="C30727" t="s">
        <v>19021</v>
      </c>
      <c r="D30727" t="s">
        <v>19022</v>
      </c>
      <c r="E30727" t="s">
        <v>18995</v>
      </c>
      <c r="F30727" t="s">
        <v>18996</v>
      </c>
      <c r="G30727" t="s">
        <v>10734</v>
      </c>
      <c r="H30727" t="s">
        <v>10735</v>
      </c>
      <c r="I30727" s="2">
        <v>0</v>
      </c>
      <c r="J30727" s="2">
        <v>0</v>
      </c>
      <c r="K30727" s="2">
        <v>1</v>
      </c>
      <c r="L30727" t="s">
        <v>995</v>
      </c>
      <c r="M30727" t="s">
        <v>87</v>
      </c>
      <c r="N30727" t="s">
        <v>88</v>
      </c>
      <c r="O30727" t="s">
        <v>85</v>
      </c>
      <c r="P30727" t="s">
        <v>86</v>
      </c>
      <c r="Q30727">
        <v>14</v>
      </c>
      <c r="R30727">
        <v>14</v>
      </c>
      <c r="S30727">
        <v>14</v>
      </c>
      <c r="T30727">
        <v>14</v>
      </c>
      <c r="U30727">
        <v>14</v>
      </c>
      <c r="V30727">
        <v>14</v>
      </c>
      <c r="W30727">
        <v>14</v>
      </c>
      <c r="X30727">
        <v>15</v>
      </c>
      <c r="Y30727">
        <v>15</v>
      </c>
      <c r="Z30727">
        <v>15</v>
      </c>
      <c r="AA30727">
        <v>15</v>
      </c>
      <c r="AB30727">
        <v>15</v>
      </c>
      <c r="AC30727">
        <v>15</v>
      </c>
      <c r="AD30727">
        <v>15</v>
      </c>
      <c r="AE30727">
        <v>15</v>
      </c>
      <c r="AF30727">
        <v>15</v>
      </c>
      <c r="AG30727">
        <v>15</v>
      </c>
      <c r="AH30727">
        <v>16</v>
      </c>
      <c r="AI30727">
        <v>16</v>
      </c>
      <c r="AJ30727">
        <v>16</v>
      </c>
      <c r="AK30727">
        <v>16</v>
      </c>
      <c r="AL30727">
        <v>16</v>
      </c>
      <c r="AM30727">
        <v>16</v>
      </c>
      <c r="AN30727">
        <v>16</v>
      </c>
      <c r="AO30727">
        <v>16</v>
      </c>
      <c r="AP30727">
        <v>16</v>
      </c>
      <c r="AQ30727">
        <v>17</v>
      </c>
    </row>
    <row r="30728" spans="1:43">
      <c r="A30728" t="s">
        <v>19039</v>
      </c>
      <c r="B30728" t="s">
        <v>19040</v>
      </c>
      <c r="C30728" t="s">
        <v>19021</v>
      </c>
      <c r="D30728" t="s">
        <v>19022</v>
      </c>
      <c r="E30728" t="s">
        <v>18995</v>
      </c>
      <c r="F30728" t="s">
        <v>18996</v>
      </c>
      <c r="G30728" t="s">
        <v>10734</v>
      </c>
      <c r="H30728" t="s">
        <v>10735</v>
      </c>
      <c r="I30728" s="2">
        <v>0</v>
      </c>
      <c r="J30728" s="2">
        <v>0</v>
      </c>
      <c r="K30728" s="2">
        <v>1</v>
      </c>
      <c r="L30728" t="s">
        <v>995</v>
      </c>
      <c r="M30728" t="s">
        <v>89</v>
      </c>
      <c r="N30728" t="s">
        <v>90</v>
      </c>
      <c r="O30728" t="s">
        <v>85</v>
      </c>
      <c r="P30728" t="s">
        <v>86</v>
      </c>
      <c r="Q30728">
        <v>14</v>
      </c>
      <c r="R30728">
        <v>15</v>
      </c>
      <c r="S30728">
        <v>15</v>
      </c>
      <c r="T30728">
        <v>15</v>
      </c>
      <c r="U30728">
        <v>16</v>
      </c>
      <c r="V30728">
        <v>16</v>
      </c>
      <c r="W30728">
        <v>16</v>
      </c>
      <c r="X30728">
        <v>16</v>
      </c>
      <c r="Y30728">
        <v>17</v>
      </c>
      <c r="Z30728">
        <v>17</v>
      </c>
      <c r="AA30728">
        <v>17</v>
      </c>
      <c r="AB30728">
        <v>18</v>
      </c>
      <c r="AC30728">
        <v>18</v>
      </c>
      <c r="AD30728">
        <v>18</v>
      </c>
      <c r="AE30728">
        <v>18</v>
      </c>
      <c r="AF30728">
        <v>18</v>
      </c>
      <c r="AG30728">
        <v>19</v>
      </c>
      <c r="AH30728">
        <v>19</v>
      </c>
      <c r="AI30728">
        <v>19</v>
      </c>
      <c r="AJ30728">
        <v>19</v>
      </c>
      <c r="AK30728">
        <v>19</v>
      </c>
      <c r="AL30728">
        <v>19</v>
      </c>
      <c r="AM30728">
        <v>19</v>
      </c>
      <c r="AN30728">
        <v>19</v>
      </c>
      <c r="AO30728">
        <v>19</v>
      </c>
      <c r="AP30728">
        <v>19</v>
      </c>
      <c r="AQ30728">
        <v>19</v>
      </c>
    </row>
    <row r="30729" spans="1:43">
      <c r="A30729" t="s">
        <v>19039</v>
      </c>
      <c r="B30729" t="s">
        <v>19040</v>
      </c>
      <c r="C30729" t="s">
        <v>19021</v>
      </c>
      <c r="D30729" t="s">
        <v>19022</v>
      </c>
      <c r="E30729" t="s">
        <v>18995</v>
      </c>
      <c r="F30729" t="s">
        <v>18996</v>
      </c>
      <c r="G30729" t="s">
        <v>10734</v>
      </c>
      <c r="H30729" t="s">
        <v>10735</v>
      </c>
      <c r="I30729" s="2">
        <v>0</v>
      </c>
      <c r="J30729" s="2">
        <v>0</v>
      </c>
      <c r="K30729" s="2">
        <v>1</v>
      </c>
      <c r="L30729" t="s">
        <v>995</v>
      </c>
      <c r="M30729" t="s">
        <v>83</v>
      </c>
      <c r="N30729" t="s">
        <v>91</v>
      </c>
      <c r="O30729" t="s">
        <v>85</v>
      </c>
      <c r="P30729" t="s">
        <v>86</v>
      </c>
      <c r="Q30729">
        <v>14</v>
      </c>
      <c r="R30729">
        <v>14</v>
      </c>
      <c r="S30729">
        <v>14</v>
      </c>
      <c r="T30729">
        <v>15</v>
      </c>
      <c r="U30729">
        <v>15</v>
      </c>
      <c r="V30729">
        <v>15</v>
      </c>
      <c r="W30729">
        <v>15</v>
      </c>
      <c r="X30729">
        <v>16</v>
      </c>
      <c r="Y30729">
        <v>16</v>
      </c>
      <c r="Z30729">
        <v>16</v>
      </c>
      <c r="AA30729">
        <v>16</v>
      </c>
      <c r="AB30729">
        <v>17</v>
      </c>
      <c r="AC30729">
        <v>17</v>
      </c>
      <c r="AD30729">
        <v>17</v>
      </c>
      <c r="AE30729">
        <v>17</v>
      </c>
      <c r="AF30729">
        <v>17</v>
      </c>
      <c r="AG30729">
        <v>18</v>
      </c>
      <c r="AH30729">
        <v>18</v>
      </c>
      <c r="AI30729">
        <v>18</v>
      </c>
      <c r="AJ30729">
        <v>18</v>
      </c>
      <c r="AK30729">
        <v>19</v>
      </c>
      <c r="AL30729">
        <v>19</v>
      </c>
      <c r="AM30729">
        <v>19</v>
      </c>
      <c r="AN30729">
        <v>19</v>
      </c>
      <c r="AO30729">
        <v>19</v>
      </c>
      <c r="AP30729">
        <v>19</v>
      </c>
      <c r="AQ30729">
        <v>19</v>
      </c>
    </row>
    <row r="30730" spans="1:43">
      <c r="A30730" t="s">
        <v>19041</v>
      </c>
      <c r="B30730" t="s">
        <v>19042</v>
      </c>
      <c r="C30730" t="s">
        <v>19043</v>
      </c>
      <c r="D30730" t="s">
        <v>19044</v>
      </c>
      <c r="E30730" t="s">
        <v>18995</v>
      </c>
      <c r="F30730" t="s">
        <v>18996</v>
      </c>
      <c r="G30730" t="s">
        <v>10734</v>
      </c>
      <c r="H30730" t="s">
        <v>10735</v>
      </c>
      <c r="I30730" s="2">
        <v>0</v>
      </c>
      <c r="J30730" s="2">
        <v>0</v>
      </c>
      <c r="K30730" s="2">
        <v>1</v>
      </c>
      <c r="L30730" t="s">
        <v>995</v>
      </c>
      <c r="M30730" t="s">
        <v>83</v>
      </c>
      <c r="N30730" t="s">
        <v>84</v>
      </c>
      <c r="O30730" t="s">
        <v>85</v>
      </c>
      <c r="P30730" t="s">
        <v>86</v>
      </c>
      <c r="Q30730">
        <v>74</v>
      </c>
      <c r="R30730">
        <v>76</v>
      </c>
      <c r="S30730">
        <v>77</v>
      </c>
      <c r="T30730">
        <v>78</v>
      </c>
      <c r="U30730">
        <v>80</v>
      </c>
      <c r="V30730">
        <v>81</v>
      </c>
      <c r="W30730">
        <v>82</v>
      </c>
      <c r="X30730">
        <v>83</v>
      </c>
      <c r="Y30730">
        <v>85</v>
      </c>
      <c r="Z30730">
        <v>86</v>
      </c>
      <c r="AA30730">
        <v>87</v>
      </c>
      <c r="AB30730">
        <v>88</v>
      </c>
      <c r="AC30730">
        <v>90</v>
      </c>
      <c r="AD30730">
        <v>91</v>
      </c>
      <c r="AE30730">
        <v>92</v>
      </c>
      <c r="AF30730">
        <v>93</v>
      </c>
      <c r="AG30730">
        <v>95</v>
      </c>
      <c r="AH30730">
        <v>96</v>
      </c>
      <c r="AI30730">
        <v>97</v>
      </c>
      <c r="AJ30730">
        <v>98</v>
      </c>
      <c r="AK30730">
        <v>100</v>
      </c>
      <c r="AL30730">
        <v>100</v>
      </c>
      <c r="AM30730">
        <v>101</v>
      </c>
      <c r="AN30730">
        <v>101</v>
      </c>
      <c r="AO30730">
        <v>102</v>
      </c>
      <c r="AP30730">
        <v>102</v>
      </c>
      <c r="AQ30730">
        <v>103</v>
      </c>
    </row>
    <row r="30731" spans="1:43">
      <c r="A30731" t="s">
        <v>19041</v>
      </c>
      <c r="B30731" t="s">
        <v>19042</v>
      </c>
      <c r="C30731" t="s">
        <v>19043</v>
      </c>
      <c r="D30731" t="s">
        <v>19044</v>
      </c>
      <c r="E30731" t="s">
        <v>18995</v>
      </c>
      <c r="F30731" t="s">
        <v>18996</v>
      </c>
      <c r="G30731" t="s">
        <v>10734</v>
      </c>
      <c r="H30731" t="s">
        <v>10735</v>
      </c>
      <c r="I30731" s="2">
        <v>0</v>
      </c>
      <c r="J30731" s="2">
        <v>0</v>
      </c>
      <c r="K30731" s="2">
        <v>1</v>
      </c>
      <c r="L30731" t="s">
        <v>995</v>
      </c>
      <c r="M30731" t="s">
        <v>87</v>
      </c>
      <c r="N30731" t="s">
        <v>88</v>
      </c>
      <c r="O30731" t="s">
        <v>85</v>
      </c>
      <c r="P30731" t="s">
        <v>86</v>
      </c>
      <c r="Q30731">
        <v>74</v>
      </c>
      <c r="R30731">
        <v>74</v>
      </c>
      <c r="S30731">
        <v>75</v>
      </c>
      <c r="T30731">
        <v>75</v>
      </c>
      <c r="U30731">
        <v>76</v>
      </c>
      <c r="V30731">
        <v>77</v>
      </c>
      <c r="W30731">
        <v>77</v>
      </c>
      <c r="X30731">
        <v>78</v>
      </c>
      <c r="Y30731">
        <v>78</v>
      </c>
      <c r="Z30731">
        <v>79</v>
      </c>
      <c r="AA30731">
        <v>79</v>
      </c>
      <c r="AB30731">
        <v>80</v>
      </c>
      <c r="AC30731">
        <v>81</v>
      </c>
      <c r="AD30731">
        <v>81</v>
      </c>
      <c r="AE30731">
        <v>82</v>
      </c>
      <c r="AF30731">
        <v>82</v>
      </c>
      <c r="AG30731">
        <v>83</v>
      </c>
      <c r="AH30731">
        <v>84</v>
      </c>
      <c r="AI30731">
        <v>84</v>
      </c>
      <c r="AJ30731">
        <v>85</v>
      </c>
      <c r="AK30731">
        <v>86</v>
      </c>
      <c r="AL30731">
        <v>86</v>
      </c>
      <c r="AM30731">
        <v>87</v>
      </c>
      <c r="AN30731">
        <v>88</v>
      </c>
      <c r="AO30731">
        <v>88</v>
      </c>
      <c r="AP30731">
        <v>89</v>
      </c>
      <c r="AQ30731">
        <v>90</v>
      </c>
    </row>
    <row r="30732" spans="1:43">
      <c r="A30732" t="s">
        <v>19041</v>
      </c>
      <c r="B30732" t="s">
        <v>19042</v>
      </c>
      <c r="C30732" t="s">
        <v>19043</v>
      </c>
      <c r="D30732" t="s">
        <v>19044</v>
      </c>
      <c r="E30732" t="s">
        <v>18995</v>
      </c>
      <c r="F30732" t="s">
        <v>18996</v>
      </c>
      <c r="G30732" t="s">
        <v>10734</v>
      </c>
      <c r="H30732" t="s">
        <v>10735</v>
      </c>
      <c r="I30732" s="2">
        <v>0</v>
      </c>
      <c r="J30732" s="2">
        <v>0</v>
      </c>
      <c r="K30732" s="2">
        <v>1</v>
      </c>
      <c r="L30732" t="s">
        <v>995</v>
      </c>
      <c r="M30732" t="s">
        <v>89</v>
      </c>
      <c r="N30732" t="s">
        <v>90</v>
      </c>
      <c r="O30732" t="s">
        <v>85</v>
      </c>
      <c r="P30732" t="s">
        <v>86</v>
      </c>
      <c r="Q30732">
        <v>74</v>
      </c>
      <c r="R30732">
        <v>76</v>
      </c>
      <c r="S30732">
        <v>78</v>
      </c>
      <c r="T30732">
        <v>80</v>
      </c>
      <c r="U30732">
        <v>82</v>
      </c>
      <c r="V30732">
        <v>83</v>
      </c>
      <c r="W30732">
        <v>85</v>
      </c>
      <c r="X30732">
        <v>87</v>
      </c>
      <c r="Y30732">
        <v>88</v>
      </c>
      <c r="Z30732">
        <v>90</v>
      </c>
      <c r="AA30732">
        <v>92</v>
      </c>
      <c r="AB30732">
        <v>93</v>
      </c>
      <c r="AC30732">
        <v>95</v>
      </c>
      <c r="AD30732">
        <v>96</v>
      </c>
      <c r="AE30732">
        <v>97</v>
      </c>
      <c r="AF30732">
        <v>98</v>
      </c>
      <c r="AG30732">
        <v>98</v>
      </c>
      <c r="AH30732">
        <v>98</v>
      </c>
      <c r="AI30732">
        <v>99</v>
      </c>
      <c r="AJ30732">
        <v>99</v>
      </c>
      <c r="AK30732">
        <v>100</v>
      </c>
      <c r="AL30732">
        <v>100</v>
      </c>
      <c r="AM30732">
        <v>101</v>
      </c>
      <c r="AN30732">
        <v>101</v>
      </c>
      <c r="AO30732">
        <v>101</v>
      </c>
      <c r="AP30732">
        <v>102</v>
      </c>
      <c r="AQ30732">
        <v>102</v>
      </c>
    </row>
    <row r="30733" spans="1:43">
      <c r="A30733" t="s">
        <v>19041</v>
      </c>
      <c r="B30733" t="s">
        <v>19042</v>
      </c>
      <c r="C30733" t="s">
        <v>19043</v>
      </c>
      <c r="D30733" t="s">
        <v>19044</v>
      </c>
      <c r="E30733" t="s">
        <v>18995</v>
      </c>
      <c r="F30733" t="s">
        <v>18996</v>
      </c>
      <c r="G30733" t="s">
        <v>10734</v>
      </c>
      <c r="H30733" t="s">
        <v>10735</v>
      </c>
      <c r="I30733" s="2">
        <v>0</v>
      </c>
      <c r="J30733" s="2">
        <v>0</v>
      </c>
      <c r="K30733" s="2">
        <v>1</v>
      </c>
      <c r="L30733" t="s">
        <v>995</v>
      </c>
      <c r="M30733" t="s">
        <v>83</v>
      </c>
      <c r="N30733" t="s">
        <v>91</v>
      </c>
      <c r="O30733" t="s">
        <v>85</v>
      </c>
      <c r="P30733" t="s">
        <v>86</v>
      </c>
      <c r="Q30733">
        <v>74</v>
      </c>
      <c r="R30733">
        <v>76</v>
      </c>
      <c r="S30733">
        <v>77</v>
      </c>
      <c r="T30733">
        <v>78</v>
      </c>
      <c r="U30733">
        <v>80</v>
      </c>
      <c r="V30733">
        <v>81</v>
      </c>
      <c r="W30733">
        <v>82</v>
      </c>
      <c r="X30733">
        <v>83</v>
      </c>
      <c r="Y30733">
        <v>85</v>
      </c>
      <c r="Z30733">
        <v>86</v>
      </c>
      <c r="AA30733">
        <v>87</v>
      </c>
      <c r="AB30733">
        <v>88</v>
      </c>
      <c r="AC30733">
        <v>90</v>
      </c>
      <c r="AD30733">
        <v>91</v>
      </c>
      <c r="AE30733">
        <v>92</v>
      </c>
      <c r="AF30733">
        <v>93</v>
      </c>
      <c r="AG30733">
        <v>95</v>
      </c>
      <c r="AH30733">
        <v>96</v>
      </c>
      <c r="AI30733">
        <v>97</v>
      </c>
      <c r="AJ30733">
        <v>98</v>
      </c>
      <c r="AK30733">
        <v>100</v>
      </c>
      <c r="AL30733">
        <v>100</v>
      </c>
      <c r="AM30733">
        <v>101</v>
      </c>
      <c r="AN30733">
        <v>101</v>
      </c>
      <c r="AO30733">
        <v>102</v>
      </c>
      <c r="AP30733">
        <v>102</v>
      </c>
      <c r="AQ30733">
        <v>103</v>
      </c>
    </row>
    <row r="30734" spans="1:43">
      <c r="A30734" t="s">
        <v>19045</v>
      </c>
      <c r="B30734" t="s">
        <v>19046</v>
      </c>
      <c r="C30734" t="s">
        <v>19043</v>
      </c>
      <c r="D30734" t="s">
        <v>19044</v>
      </c>
      <c r="E30734" t="s">
        <v>18995</v>
      </c>
      <c r="F30734" t="s">
        <v>18996</v>
      </c>
      <c r="G30734" t="s">
        <v>10734</v>
      </c>
      <c r="H30734" t="s">
        <v>10735</v>
      </c>
      <c r="I30734" s="2">
        <v>0</v>
      </c>
      <c r="J30734" s="2">
        <v>0</v>
      </c>
      <c r="K30734" s="2">
        <v>1</v>
      </c>
      <c r="L30734" t="s">
        <v>995</v>
      </c>
      <c r="M30734" t="s">
        <v>83</v>
      </c>
      <c r="N30734" t="s">
        <v>84</v>
      </c>
      <c r="O30734" t="s">
        <v>85</v>
      </c>
      <c r="P30734" t="s">
        <v>86</v>
      </c>
      <c r="Q30734">
        <v>56</v>
      </c>
      <c r="R30734">
        <v>57</v>
      </c>
      <c r="S30734">
        <v>58</v>
      </c>
      <c r="T30734">
        <v>59</v>
      </c>
      <c r="U30734">
        <v>59</v>
      </c>
      <c r="V30734">
        <v>60</v>
      </c>
      <c r="W30734">
        <v>61</v>
      </c>
      <c r="X30734">
        <v>62</v>
      </c>
      <c r="Y30734">
        <v>63</v>
      </c>
      <c r="Z30734">
        <v>64</v>
      </c>
      <c r="AA30734">
        <v>65</v>
      </c>
      <c r="AB30734">
        <v>66</v>
      </c>
      <c r="AC30734">
        <v>67</v>
      </c>
      <c r="AD30734">
        <v>68</v>
      </c>
      <c r="AE30734">
        <v>68</v>
      </c>
      <c r="AF30734">
        <v>69</v>
      </c>
      <c r="AG30734">
        <v>70</v>
      </c>
      <c r="AH30734">
        <v>71</v>
      </c>
      <c r="AI30734">
        <v>72</v>
      </c>
      <c r="AJ30734">
        <v>73</v>
      </c>
      <c r="AK30734">
        <v>74</v>
      </c>
      <c r="AL30734">
        <v>74</v>
      </c>
      <c r="AM30734">
        <v>75</v>
      </c>
      <c r="AN30734">
        <v>75</v>
      </c>
      <c r="AO30734">
        <v>75</v>
      </c>
      <c r="AP30734">
        <v>76</v>
      </c>
      <c r="AQ30734">
        <v>76</v>
      </c>
    </row>
    <row r="30735" spans="1:43">
      <c r="A30735" t="s">
        <v>19045</v>
      </c>
      <c r="B30735" t="s">
        <v>19046</v>
      </c>
      <c r="C30735" t="s">
        <v>19043</v>
      </c>
      <c r="D30735" t="s">
        <v>19044</v>
      </c>
      <c r="E30735" t="s">
        <v>18995</v>
      </c>
      <c r="F30735" t="s">
        <v>18996</v>
      </c>
      <c r="G30735" t="s">
        <v>10734</v>
      </c>
      <c r="H30735" t="s">
        <v>10735</v>
      </c>
      <c r="I30735" s="2">
        <v>0</v>
      </c>
      <c r="J30735" s="2">
        <v>0</v>
      </c>
      <c r="K30735" s="2">
        <v>1</v>
      </c>
      <c r="L30735" t="s">
        <v>995</v>
      </c>
      <c r="M30735" t="s">
        <v>87</v>
      </c>
      <c r="N30735" t="s">
        <v>88</v>
      </c>
      <c r="O30735" t="s">
        <v>85</v>
      </c>
      <c r="P30735" t="s">
        <v>86</v>
      </c>
      <c r="Q30735">
        <v>56</v>
      </c>
      <c r="R30735">
        <v>57</v>
      </c>
      <c r="S30735">
        <v>57</v>
      </c>
      <c r="T30735">
        <v>57</v>
      </c>
      <c r="U30735">
        <v>58</v>
      </c>
      <c r="V30735">
        <v>58</v>
      </c>
      <c r="W30735">
        <v>59</v>
      </c>
      <c r="X30735">
        <v>59</v>
      </c>
      <c r="Y30735">
        <v>59</v>
      </c>
      <c r="Z30735">
        <v>60</v>
      </c>
      <c r="AA30735">
        <v>60</v>
      </c>
      <c r="AB30735">
        <v>60</v>
      </c>
      <c r="AC30735">
        <v>61</v>
      </c>
      <c r="AD30735">
        <v>61</v>
      </c>
      <c r="AE30735">
        <v>62</v>
      </c>
      <c r="AF30735">
        <v>62</v>
      </c>
      <c r="AG30735">
        <v>63</v>
      </c>
      <c r="AH30735">
        <v>63</v>
      </c>
      <c r="AI30735">
        <v>63</v>
      </c>
      <c r="AJ30735">
        <v>64</v>
      </c>
      <c r="AK30735">
        <v>64</v>
      </c>
      <c r="AL30735">
        <v>65</v>
      </c>
      <c r="AM30735">
        <v>65</v>
      </c>
      <c r="AN30735">
        <v>66</v>
      </c>
      <c r="AO30735">
        <v>66</v>
      </c>
      <c r="AP30735">
        <v>67</v>
      </c>
      <c r="AQ30735">
        <v>67</v>
      </c>
    </row>
    <row r="30736" spans="1:43">
      <c r="A30736" t="s">
        <v>19045</v>
      </c>
      <c r="B30736" t="s">
        <v>19046</v>
      </c>
      <c r="C30736" t="s">
        <v>19043</v>
      </c>
      <c r="D30736" t="s">
        <v>19044</v>
      </c>
      <c r="E30736" t="s">
        <v>18995</v>
      </c>
      <c r="F30736" t="s">
        <v>18996</v>
      </c>
      <c r="G30736" t="s">
        <v>10734</v>
      </c>
      <c r="H30736" t="s">
        <v>10735</v>
      </c>
      <c r="I30736" s="2">
        <v>0</v>
      </c>
      <c r="J30736" s="2">
        <v>0</v>
      </c>
      <c r="K30736" s="2">
        <v>1</v>
      </c>
      <c r="L30736" t="s">
        <v>995</v>
      </c>
      <c r="M30736" t="s">
        <v>89</v>
      </c>
      <c r="N30736" t="s">
        <v>90</v>
      </c>
      <c r="O30736" t="s">
        <v>85</v>
      </c>
      <c r="P30736" t="s">
        <v>86</v>
      </c>
      <c r="Q30736">
        <v>56</v>
      </c>
      <c r="R30736">
        <v>58</v>
      </c>
      <c r="S30736">
        <v>59</v>
      </c>
      <c r="T30736">
        <v>60</v>
      </c>
      <c r="U30736">
        <v>62</v>
      </c>
      <c r="V30736">
        <v>63</v>
      </c>
      <c r="W30736">
        <v>64</v>
      </c>
      <c r="X30736">
        <v>66</v>
      </c>
      <c r="Y30736">
        <v>67</v>
      </c>
      <c r="Z30736">
        <v>68</v>
      </c>
      <c r="AA30736">
        <v>69</v>
      </c>
      <c r="AB30736">
        <v>70</v>
      </c>
      <c r="AC30736">
        <v>71</v>
      </c>
      <c r="AD30736">
        <v>72</v>
      </c>
      <c r="AE30736">
        <v>73</v>
      </c>
      <c r="AF30736">
        <v>73</v>
      </c>
      <c r="AG30736">
        <v>74</v>
      </c>
      <c r="AH30736">
        <v>74</v>
      </c>
      <c r="AI30736">
        <v>74</v>
      </c>
      <c r="AJ30736">
        <v>74</v>
      </c>
      <c r="AK30736">
        <v>75</v>
      </c>
      <c r="AL30736">
        <v>75</v>
      </c>
      <c r="AM30736">
        <v>75</v>
      </c>
      <c r="AN30736">
        <v>76</v>
      </c>
      <c r="AO30736">
        <v>76</v>
      </c>
      <c r="AP30736">
        <v>76</v>
      </c>
      <c r="AQ30736">
        <v>76</v>
      </c>
    </row>
    <row r="30737" spans="1:43">
      <c r="A30737" t="s">
        <v>19045</v>
      </c>
      <c r="B30737" t="s">
        <v>19046</v>
      </c>
      <c r="C30737" t="s">
        <v>19043</v>
      </c>
      <c r="D30737" t="s">
        <v>19044</v>
      </c>
      <c r="E30737" t="s">
        <v>18995</v>
      </c>
      <c r="F30737" t="s">
        <v>18996</v>
      </c>
      <c r="G30737" t="s">
        <v>10734</v>
      </c>
      <c r="H30737" t="s">
        <v>10735</v>
      </c>
      <c r="I30737" s="2">
        <v>0</v>
      </c>
      <c r="J30737" s="2">
        <v>0</v>
      </c>
      <c r="K30737" s="2">
        <v>1</v>
      </c>
      <c r="L30737" t="s">
        <v>995</v>
      </c>
      <c r="M30737" t="s">
        <v>83</v>
      </c>
      <c r="N30737" t="s">
        <v>91</v>
      </c>
      <c r="O30737" t="s">
        <v>85</v>
      </c>
      <c r="P30737" t="s">
        <v>86</v>
      </c>
      <c r="Q30737">
        <v>56</v>
      </c>
      <c r="R30737">
        <v>57</v>
      </c>
      <c r="S30737">
        <v>58</v>
      </c>
      <c r="T30737">
        <v>59</v>
      </c>
      <c r="U30737">
        <v>59</v>
      </c>
      <c r="V30737">
        <v>60</v>
      </c>
      <c r="W30737">
        <v>61</v>
      </c>
      <c r="X30737">
        <v>62</v>
      </c>
      <c r="Y30737">
        <v>63</v>
      </c>
      <c r="Z30737">
        <v>64</v>
      </c>
      <c r="AA30737">
        <v>65</v>
      </c>
      <c r="AB30737">
        <v>66</v>
      </c>
      <c r="AC30737">
        <v>67</v>
      </c>
      <c r="AD30737">
        <v>68</v>
      </c>
      <c r="AE30737">
        <v>68</v>
      </c>
      <c r="AF30737">
        <v>69</v>
      </c>
      <c r="AG30737">
        <v>70</v>
      </c>
      <c r="AH30737">
        <v>71</v>
      </c>
      <c r="AI30737">
        <v>72</v>
      </c>
      <c r="AJ30737">
        <v>73</v>
      </c>
      <c r="AK30737">
        <v>74</v>
      </c>
      <c r="AL30737">
        <v>74</v>
      </c>
      <c r="AM30737">
        <v>75</v>
      </c>
      <c r="AN30737">
        <v>75</v>
      </c>
      <c r="AO30737">
        <v>75</v>
      </c>
      <c r="AP30737">
        <v>76</v>
      </c>
      <c r="AQ30737">
        <v>76</v>
      </c>
    </row>
    <row r="30738" spans="1:43">
      <c r="A30738" t="s">
        <v>19047</v>
      </c>
      <c r="B30738" t="s">
        <v>19048</v>
      </c>
      <c r="C30738" t="s">
        <v>18993</v>
      </c>
      <c r="D30738" t="s">
        <v>18994</v>
      </c>
      <c r="E30738" t="s">
        <v>18995</v>
      </c>
      <c r="F30738" t="s">
        <v>18996</v>
      </c>
      <c r="G30738" t="s">
        <v>10734</v>
      </c>
      <c r="H30738" t="s">
        <v>10735</v>
      </c>
      <c r="I30738" s="2">
        <v>0</v>
      </c>
      <c r="J30738" s="2">
        <v>0</v>
      </c>
      <c r="K30738" s="2">
        <v>1</v>
      </c>
      <c r="L30738" t="s">
        <v>995</v>
      </c>
      <c r="M30738" t="s">
        <v>83</v>
      </c>
      <c r="N30738" t="s">
        <v>84</v>
      </c>
      <c r="O30738" t="s">
        <v>85</v>
      </c>
      <c r="P30738" t="s">
        <v>86</v>
      </c>
      <c r="Q30738">
        <v>25</v>
      </c>
      <c r="R30738">
        <v>25</v>
      </c>
      <c r="S30738">
        <v>26</v>
      </c>
      <c r="T30738">
        <v>26</v>
      </c>
      <c r="U30738">
        <v>26</v>
      </c>
      <c r="V30738">
        <v>27</v>
      </c>
      <c r="W30738">
        <v>27</v>
      </c>
      <c r="X30738">
        <v>28</v>
      </c>
      <c r="Y30738">
        <v>28</v>
      </c>
      <c r="Z30738">
        <v>28</v>
      </c>
      <c r="AA30738">
        <v>29</v>
      </c>
      <c r="AB30738">
        <v>29</v>
      </c>
      <c r="AC30738">
        <v>30</v>
      </c>
      <c r="AD30738">
        <v>30</v>
      </c>
      <c r="AE30738">
        <v>30</v>
      </c>
      <c r="AF30738">
        <v>31</v>
      </c>
      <c r="AG30738">
        <v>31</v>
      </c>
      <c r="AH30738">
        <v>32</v>
      </c>
      <c r="AI30738">
        <v>32</v>
      </c>
      <c r="AJ30738">
        <v>32</v>
      </c>
      <c r="AK30738">
        <v>33</v>
      </c>
      <c r="AL30738">
        <v>33</v>
      </c>
      <c r="AM30738">
        <v>33</v>
      </c>
      <c r="AN30738">
        <v>33</v>
      </c>
      <c r="AO30738">
        <v>33</v>
      </c>
      <c r="AP30738">
        <v>34</v>
      </c>
      <c r="AQ30738">
        <v>34</v>
      </c>
    </row>
    <row r="30739" spans="1:43">
      <c r="A30739" t="s">
        <v>19047</v>
      </c>
      <c r="B30739" t="s">
        <v>19048</v>
      </c>
      <c r="C30739" t="s">
        <v>18993</v>
      </c>
      <c r="D30739" t="s">
        <v>18994</v>
      </c>
      <c r="E30739" t="s">
        <v>18995</v>
      </c>
      <c r="F30739" t="s">
        <v>18996</v>
      </c>
      <c r="G30739" t="s">
        <v>10734</v>
      </c>
      <c r="H30739" t="s">
        <v>10735</v>
      </c>
      <c r="I30739" s="2">
        <v>0</v>
      </c>
      <c r="J30739" s="2">
        <v>0</v>
      </c>
      <c r="K30739" s="2">
        <v>1</v>
      </c>
      <c r="L30739" t="s">
        <v>995</v>
      </c>
      <c r="M30739" t="s">
        <v>87</v>
      </c>
      <c r="N30739" t="s">
        <v>88</v>
      </c>
      <c r="O30739" t="s">
        <v>85</v>
      </c>
      <c r="P30739" t="s">
        <v>86</v>
      </c>
      <c r="Q30739">
        <v>25</v>
      </c>
      <c r="R30739">
        <v>25</v>
      </c>
      <c r="S30739">
        <v>25</v>
      </c>
      <c r="T30739">
        <v>25</v>
      </c>
      <c r="U30739">
        <v>25</v>
      </c>
      <c r="V30739">
        <v>25</v>
      </c>
      <c r="W30739">
        <v>26</v>
      </c>
      <c r="X30739">
        <v>26</v>
      </c>
      <c r="Y30739">
        <v>26</v>
      </c>
      <c r="Z30739">
        <v>26</v>
      </c>
      <c r="AA30739">
        <v>26</v>
      </c>
      <c r="AB30739">
        <v>26</v>
      </c>
      <c r="AC30739">
        <v>27</v>
      </c>
      <c r="AD30739">
        <v>27</v>
      </c>
      <c r="AE30739">
        <v>27</v>
      </c>
      <c r="AF30739">
        <v>27</v>
      </c>
      <c r="AG30739">
        <v>27</v>
      </c>
      <c r="AH30739">
        <v>27</v>
      </c>
      <c r="AI30739">
        <v>28</v>
      </c>
      <c r="AJ30739">
        <v>28</v>
      </c>
      <c r="AK30739">
        <v>28</v>
      </c>
      <c r="AL30739">
        <v>28</v>
      </c>
      <c r="AM30739">
        <v>28</v>
      </c>
      <c r="AN30739">
        <v>29</v>
      </c>
      <c r="AO30739">
        <v>29</v>
      </c>
      <c r="AP30739">
        <v>29</v>
      </c>
      <c r="AQ30739">
        <v>29</v>
      </c>
    </row>
    <row r="30740" spans="1:43">
      <c r="A30740" t="s">
        <v>19047</v>
      </c>
      <c r="B30740" t="s">
        <v>19048</v>
      </c>
      <c r="C30740" t="s">
        <v>18993</v>
      </c>
      <c r="D30740" t="s">
        <v>18994</v>
      </c>
      <c r="E30740" t="s">
        <v>18995</v>
      </c>
      <c r="F30740" t="s">
        <v>18996</v>
      </c>
      <c r="G30740" t="s">
        <v>10734</v>
      </c>
      <c r="H30740" t="s">
        <v>10735</v>
      </c>
      <c r="I30740" s="2">
        <v>0</v>
      </c>
      <c r="J30740" s="2">
        <v>0</v>
      </c>
      <c r="K30740" s="2">
        <v>1</v>
      </c>
      <c r="L30740" t="s">
        <v>995</v>
      </c>
      <c r="M30740" t="s">
        <v>89</v>
      </c>
      <c r="N30740" t="s">
        <v>90</v>
      </c>
      <c r="O30740" t="s">
        <v>85</v>
      </c>
      <c r="P30740" t="s">
        <v>86</v>
      </c>
      <c r="Q30740">
        <v>25</v>
      </c>
      <c r="R30740">
        <v>26</v>
      </c>
      <c r="S30740">
        <v>26</v>
      </c>
      <c r="T30740">
        <v>27</v>
      </c>
      <c r="U30740">
        <v>27</v>
      </c>
      <c r="V30740">
        <v>28</v>
      </c>
      <c r="W30740">
        <v>29</v>
      </c>
      <c r="X30740">
        <v>29</v>
      </c>
      <c r="Y30740">
        <v>30</v>
      </c>
      <c r="Z30740">
        <v>30</v>
      </c>
      <c r="AA30740">
        <v>31</v>
      </c>
      <c r="AB30740">
        <v>31</v>
      </c>
      <c r="AC30740">
        <v>32</v>
      </c>
      <c r="AD30740">
        <v>32</v>
      </c>
      <c r="AE30740">
        <v>33</v>
      </c>
      <c r="AF30740">
        <v>33</v>
      </c>
      <c r="AG30740">
        <v>33</v>
      </c>
      <c r="AH30740">
        <v>33</v>
      </c>
      <c r="AI30740">
        <v>33</v>
      </c>
      <c r="AJ30740">
        <v>33</v>
      </c>
      <c r="AK30740">
        <v>33</v>
      </c>
      <c r="AL30740">
        <v>33</v>
      </c>
      <c r="AM30740">
        <v>33</v>
      </c>
      <c r="AN30740">
        <v>33</v>
      </c>
      <c r="AO30740">
        <v>34</v>
      </c>
      <c r="AP30740">
        <v>34</v>
      </c>
      <c r="AQ30740">
        <v>34</v>
      </c>
    </row>
    <row r="30741" spans="1:43">
      <c r="A30741" t="s">
        <v>19047</v>
      </c>
      <c r="B30741" t="s">
        <v>19048</v>
      </c>
      <c r="C30741" t="s">
        <v>18993</v>
      </c>
      <c r="D30741" t="s">
        <v>18994</v>
      </c>
      <c r="E30741" t="s">
        <v>18995</v>
      </c>
      <c r="F30741" t="s">
        <v>18996</v>
      </c>
      <c r="G30741" t="s">
        <v>10734</v>
      </c>
      <c r="H30741" t="s">
        <v>10735</v>
      </c>
      <c r="I30741" s="2">
        <v>0</v>
      </c>
      <c r="J30741" s="2">
        <v>0</v>
      </c>
      <c r="K30741" s="2">
        <v>1</v>
      </c>
      <c r="L30741" t="s">
        <v>995</v>
      </c>
      <c r="M30741" t="s">
        <v>83</v>
      </c>
      <c r="N30741" t="s">
        <v>91</v>
      </c>
      <c r="O30741" t="s">
        <v>85</v>
      </c>
      <c r="P30741" t="s">
        <v>86</v>
      </c>
      <c r="Q30741">
        <v>25</v>
      </c>
      <c r="R30741">
        <v>25</v>
      </c>
      <c r="S30741">
        <v>26</v>
      </c>
      <c r="T30741">
        <v>26</v>
      </c>
      <c r="U30741">
        <v>26</v>
      </c>
      <c r="V30741">
        <v>27</v>
      </c>
      <c r="W30741">
        <v>27</v>
      </c>
      <c r="X30741">
        <v>28</v>
      </c>
      <c r="Y30741">
        <v>28</v>
      </c>
      <c r="Z30741">
        <v>28</v>
      </c>
      <c r="AA30741">
        <v>29</v>
      </c>
      <c r="AB30741">
        <v>29</v>
      </c>
      <c r="AC30741">
        <v>30</v>
      </c>
      <c r="AD30741">
        <v>30</v>
      </c>
      <c r="AE30741">
        <v>30</v>
      </c>
      <c r="AF30741">
        <v>31</v>
      </c>
      <c r="AG30741">
        <v>31</v>
      </c>
      <c r="AH30741">
        <v>32</v>
      </c>
      <c r="AI30741">
        <v>32</v>
      </c>
      <c r="AJ30741">
        <v>32</v>
      </c>
      <c r="AK30741">
        <v>33</v>
      </c>
      <c r="AL30741">
        <v>33</v>
      </c>
      <c r="AM30741">
        <v>33</v>
      </c>
      <c r="AN30741">
        <v>33</v>
      </c>
      <c r="AO30741">
        <v>33</v>
      </c>
      <c r="AP30741">
        <v>34</v>
      </c>
      <c r="AQ30741">
        <v>34</v>
      </c>
    </row>
    <row r="30742" spans="1:43">
      <c r="A30742" t="s">
        <v>19049</v>
      </c>
      <c r="B30742" t="s">
        <v>19050</v>
      </c>
      <c r="C30742" t="s">
        <v>19051</v>
      </c>
      <c r="D30742" t="s">
        <v>19052</v>
      </c>
      <c r="E30742" t="s">
        <v>18995</v>
      </c>
      <c r="F30742" t="s">
        <v>18996</v>
      </c>
      <c r="G30742" t="s">
        <v>10734</v>
      </c>
      <c r="H30742" t="s">
        <v>10735</v>
      </c>
      <c r="I30742" s="2">
        <v>0</v>
      </c>
      <c r="J30742" s="2">
        <v>0</v>
      </c>
      <c r="K30742" s="2">
        <v>1</v>
      </c>
      <c r="L30742" t="s">
        <v>995</v>
      </c>
      <c r="M30742" t="s">
        <v>83</v>
      </c>
      <c r="N30742" t="s">
        <v>84</v>
      </c>
      <c r="O30742" t="s">
        <v>85</v>
      </c>
      <c r="P30742" t="s">
        <v>86</v>
      </c>
      <c r="Q30742">
        <v>28</v>
      </c>
      <c r="R30742">
        <v>28</v>
      </c>
      <c r="S30742">
        <v>29</v>
      </c>
      <c r="T30742">
        <v>29</v>
      </c>
      <c r="U30742">
        <v>30</v>
      </c>
      <c r="V30742">
        <v>30</v>
      </c>
      <c r="W30742">
        <v>31</v>
      </c>
      <c r="X30742">
        <v>31</v>
      </c>
      <c r="Y30742">
        <v>32</v>
      </c>
      <c r="Z30742">
        <v>32</v>
      </c>
      <c r="AA30742">
        <v>33</v>
      </c>
      <c r="AB30742">
        <v>33</v>
      </c>
      <c r="AC30742">
        <v>33</v>
      </c>
      <c r="AD30742">
        <v>34</v>
      </c>
      <c r="AE30742">
        <v>34</v>
      </c>
      <c r="AF30742">
        <v>35</v>
      </c>
      <c r="AG30742">
        <v>35</v>
      </c>
      <c r="AH30742">
        <v>36</v>
      </c>
      <c r="AI30742">
        <v>36</v>
      </c>
      <c r="AJ30742">
        <v>37</v>
      </c>
      <c r="AK30742">
        <v>37</v>
      </c>
      <c r="AL30742">
        <v>37</v>
      </c>
      <c r="AM30742">
        <v>37</v>
      </c>
      <c r="AN30742">
        <v>37</v>
      </c>
      <c r="AO30742">
        <v>38</v>
      </c>
      <c r="AP30742">
        <v>38</v>
      </c>
      <c r="AQ30742">
        <v>38</v>
      </c>
    </row>
    <row r="30743" spans="1:43">
      <c r="A30743" t="s">
        <v>19049</v>
      </c>
      <c r="B30743" t="s">
        <v>19050</v>
      </c>
      <c r="C30743" t="s">
        <v>19051</v>
      </c>
      <c r="D30743" t="s">
        <v>19052</v>
      </c>
      <c r="E30743" t="s">
        <v>18995</v>
      </c>
      <c r="F30743" t="s">
        <v>18996</v>
      </c>
      <c r="G30743" t="s">
        <v>10734</v>
      </c>
      <c r="H30743" t="s">
        <v>10735</v>
      </c>
      <c r="I30743" s="2">
        <v>0</v>
      </c>
      <c r="J30743" s="2">
        <v>0</v>
      </c>
      <c r="K30743" s="2">
        <v>1</v>
      </c>
      <c r="L30743" t="s">
        <v>995</v>
      </c>
      <c r="M30743" t="s">
        <v>87</v>
      </c>
      <c r="N30743" t="s">
        <v>88</v>
      </c>
      <c r="O30743" t="s">
        <v>85</v>
      </c>
      <c r="P30743" t="s">
        <v>86</v>
      </c>
      <c r="Q30743">
        <v>28</v>
      </c>
      <c r="R30743">
        <v>28</v>
      </c>
      <c r="S30743">
        <v>28</v>
      </c>
      <c r="T30743">
        <v>28</v>
      </c>
      <c r="U30743">
        <v>29</v>
      </c>
      <c r="V30743">
        <v>29</v>
      </c>
      <c r="W30743">
        <v>29</v>
      </c>
      <c r="X30743">
        <v>29</v>
      </c>
      <c r="Y30743">
        <v>29</v>
      </c>
      <c r="Z30743">
        <v>29</v>
      </c>
      <c r="AA30743">
        <v>30</v>
      </c>
      <c r="AB30743">
        <v>30</v>
      </c>
      <c r="AC30743">
        <v>30</v>
      </c>
      <c r="AD30743">
        <v>30</v>
      </c>
      <c r="AE30743">
        <v>30</v>
      </c>
      <c r="AF30743">
        <v>31</v>
      </c>
      <c r="AG30743">
        <v>31</v>
      </c>
      <c r="AH30743">
        <v>31</v>
      </c>
      <c r="AI30743">
        <v>31</v>
      </c>
      <c r="AJ30743">
        <v>31</v>
      </c>
      <c r="AK30743">
        <v>32</v>
      </c>
      <c r="AL30743">
        <v>32</v>
      </c>
      <c r="AM30743">
        <v>32</v>
      </c>
      <c r="AN30743">
        <v>32</v>
      </c>
      <c r="AO30743">
        <v>32</v>
      </c>
      <c r="AP30743">
        <v>33</v>
      </c>
      <c r="AQ30743">
        <v>33</v>
      </c>
    </row>
    <row r="30744" spans="1:43">
      <c r="A30744" t="s">
        <v>19049</v>
      </c>
      <c r="B30744" t="s">
        <v>19050</v>
      </c>
      <c r="C30744" t="s">
        <v>19051</v>
      </c>
      <c r="D30744" t="s">
        <v>19052</v>
      </c>
      <c r="E30744" t="s">
        <v>18995</v>
      </c>
      <c r="F30744" t="s">
        <v>18996</v>
      </c>
      <c r="G30744" t="s">
        <v>10734</v>
      </c>
      <c r="H30744" t="s">
        <v>10735</v>
      </c>
      <c r="I30744" s="2">
        <v>0</v>
      </c>
      <c r="J30744" s="2">
        <v>0</v>
      </c>
      <c r="K30744" s="2">
        <v>1</v>
      </c>
      <c r="L30744" t="s">
        <v>995</v>
      </c>
      <c r="M30744" t="s">
        <v>89</v>
      </c>
      <c r="N30744" t="s">
        <v>90</v>
      </c>
      <c r="O30744" t="s">
        <v>85</v>
      </c>
      <c r="P30744" t="s">
        <v>86</v>
      </c>
      <c r="Q30744">
        <v>28</v>
      </c>
      <c r="R30744">
        <v>29</v>
      </c>
      <c r="S30744">
        <v>30</v>
      </c>
      <c r="T30744">
        <v>30</v>
      </c>
      <c r="U30744">
        <v>31</v>
      </c>
      <c r="V30744">
        <v>32</v>
      </c>
      <c r="W30744">
        <v>32</v>
      </c>
      <c r="X30744">
        <v>33</v>
      </c>
      <c r="Y30744">
        <v>33</v>
      </c>
      <c r="Z30744">
        <v>34</v>
      </c>
      <c r="AA30744">
        <v>35</v>
      </c>
      <c r="AB30744">
        <v>35</v>
      </c>
      <c r="AC30744">
        <v>36</v>
      </c>
      <c r="AD30744">
        <v>36</v>
      </c>
      <c r="AE30744">
        <v>37</v>
      </c>
      <c r="AF30744">
        <v>37</v>
      </c>
      <c r="AG30744">
        <v>37</v>
      </c>
      <c r="AH30744">
        <v>37</v>
      </c>
      <c r="AI30744">
        <v>37</v>
      </c>
      <c r="AJ30744">
        <v>37</v>
      </c>
      <c r="AK30744">
        <v>37</v>
      </c>
      <c r="AL30744">
        <v>38</v>
      </c>
      <c r="AM30744">
        <v>38</v>
      </c>
      <c r="AN30744">
        <v>38</v>
      </c>
      <c r="AO30744">
        <v>38</v>
      </c>
      <c r="AP30744">
        <v>38</v>
      </c>
      <c r="AQ30744">
        <v>38</v>
      </c>
    </row>
    <row r="30745" spans="1:43">
      <c r="A30745" t="s">
        <v>19049</v>
      </c>
      <c r="B30745" t="s">
        <v>19050</v>
      </c>
      <c r="C30745" t="s">
        <v>19051</v>
      </c>
      <c r="D30745" t="s">
        <v>19052</v>
      </c>
      <c r="E30745" t="s">
        <v>18995</v>
      </c>
      <c r="F30745" t="s">
        <v>18996</v>
      </c>
      <c r="G30745" t="s">
        <v>10734</v>
      </c>
      <c r="H30745" t="s">
        <v>10735</v>
      </c>
      <c r="I30745" s="2">
        <v>0</v>
      </c>
      <c r="J30745" s="2">
        <v>0</v>
      </c>
      <c r="K30745" s="2">
        <v>1</v>
      </c>
      <c r="L30745" t="s">
        <v>995</v>
      </c>
      <c r="M30745" t="s">
        <v>83</v>
      </c>
      <c r="N30745" t="s">
        <v>91</v>
      </c>
      <c r="O30745" t="s">
        <v>85</v>
      </c>
      <c r="P30745" t="s">
        <v>86</v>
      </c>
      <c r="Q30745">
        <v>28</v>
      </c>
      <c r="R30745">
        <v>28</v>
      </c>
      <c r="S30745">
        <v>29</v>
      </c>
      <c r="T30745">
        <v>29</v>
      </c>
      <c r="U30745">
        <v>30</v>
      </c>
      <c r="V30745">
        <v>30</v>
      </c>
      <c r="W30745">
        <v>31</v>
      </c>
      <c r="X30745">
        <v>31</v>
      </c>
      <c r="Y30745">
        <v>32</v>
      </c>
      <c r="Z30745">
        <v>32</v>
      </c>
      <c r="AA30745">
        <v>33</v>
      </c>
      <c r="AB30745">
        <v>33</v>
      </c>
      <c r="AC30745">
        <v>33</v>
      </c>
      <c r="AD30745">
        <v>34</v>
      </c>
      <c r="AE30745">
        <v>34</v>
      </c>
      <c r="AF30745">
        <v>35</v>
      </c>
      <c r="AG30745">
        <v>35</v>
      </c>
      <c r="AH30745">
        <v>36</v>
      </c>
      <c r="AI30745">
        <v>36</v>
      </c>
      <c r="AJ30745">
        <v>37</v>
      </c>
      <c r="AK30745">
        <v>37</v>
      </c>
      <c r="AL30745">
        <v>37</v>
      </c>
      <c r="AM30745">
        <v>37</v>
      </c>
      <c r="AN30745">
        <v>37</v>
      </c>
      <c r="AO30745">
        <v>38</v>
      </c>
      <c r="AP30745">
        <v>38</v>
      </c>
      <c r="AQ30745">
        <v>38</v>
      </c>
    </row>
    <row r="30746" spans="1:43">
      <c r="A30746" t="s">
        <v>19053</v>
      </c>
      <c r="B30746" t="s">
        <v>19054</v>
      </c>
      <c r="C30746" t="s">
        <v>19051</v>
      </c>
      <c r="D30746" t="s">
        <v>19052</v>
      </c>
      <c r="E30746" t="s">
        <v>18995</v>
      </c>
      <c r="F30746" t="s">
        <v>18996</v>
      </c>
      <c r="G30746" t="s">
        <v>10734</v>
      </c>
      <c r="H30746" t="s">
        <v>10735</v>
      </c>
      <c r="I30746" s="2">
        <v>0</v>
      </c>
      <c r="J30746" s="2">
        <v>0</v>
      </c>
      <c r="K30746" s="2">
        <v>1</v>
      </c>
      <c r="L30746" t="s">
        <v>995</v>
      </c>
      <c r="M30746" t="s">
        <v>83</v>
      </c>
      <c r="N30746" t="s">
        <v>84</v>
      </c>
      <c r="O30746" t="s">
        <v>85</v>
      </c>
      <c r="P30746" t="s">
        <v>86</v>
      </c>
      <c r="Q30746">
        <v>15</v>
      </c>
      <c r="R30746">
        <v>15</v>
      </c>
      <c r="S30746">
        <v>16</v>
      </c>
      <c r="T30746">
        <v>16</v>
      </c>
      <c r="U30746">
        <v>16</v>
      </c>
      <c r="V30746">
        <v>16</v>
      </c>
      <c r="W30746">
        <v>17</v>
      </c>
      <c r="X30746">
        <v>17</v>
      </c>
      <c r="Y30746">
        <v>17</v>
      </c>
      <c r="Z30746">
        <v>17</v>
      </c>
      <c r="AA30746">
        <v>18</v>
      </c>
      <c r="AB30746">
        <v>18</v>
      </c>
      <c r="AC30746">
        <v>18</v>
      </c>
      <c r="AD30746">
        <v>18</v>
      </c>
      <c r="AE30746">
        <v>19</v>
      </c>
      <c r="AF30746">
        <v>19</v>
      </c>
      <c r="AG30746">
        <v>19</v>
      </c>
      <c r="AH30746">
        <v>19</v>
      </c>
      <c r="AI30746">
        <v>20</v>
      </c>
      <c r="AJ30746">
        <v>20</v>
      </c>
      <c r="AK30746">
        <v>20</v>
      </c>
      <c r="AL30746">
        <v>20</v>
      </c>
      <c r="AM30746">
        <v>20</v>
      </c>
      <c r="AN30746">
        <v>20</v>
      </c>
      <c r="AO30746">
        <v>20</v>
      </c>
      <c r="AP30746">
        <v>20</v>
      </c>
      <c r="AQ30746">
        <v>20</v>
      </c>
    </row>
    <row r="30747" spans="1:43">
      <c r="A30747" t="s">
        <v>19053</v>
      </c>
      <c r="B30747" t="s">
        <v>19054</v>
      </c>
      <c r="C30747" t="s">
        <v>19051</v>
      </c>
      <c r="D30747" t="s">
        <v>19052</v>
      </c>
      <c r="E30747" t="s">
        <v>18995</v>
      </c>
      <c r="F30747" t="s">
        <v>18996</v>
      </c>
      <c r="G30747" t="s">
        <v>10734</v>
      </c>
      <c r="H30747" t="s">
        <v>10735</v>
      </c>
      <c r="I30747" s="2">
        <v>0</v>
      </c>
      <c r="J30747" s="2">
        <v>0</v>
      </c>
      <c r="K30747" s="2">
        <v>1</v>
      </c>
      <c r="L30747" t="s">
        <v>995</v>
      </c>
      <c r="M30747" t="s">
        <v>87</v>
      </c>
      <c r="N30747" t="s">
        <v>88</v>
      </c>
      <c r="O30747" t="s">
        <v>85</v>
      </c>
      <c r="P30747" t="s">
        <v>86</v>
      </c>
      <c r="Q30747">
        <v>15</v>
      </c>
      <c r="R30747">
        <v>15</v>
      </c>
      <c r="S30747">
        <v>15</v>
      </c>
      <c r="T30747">
        <v>15</v>
      </c>
      <c r="U30747">
        <v>15</v>
      </c>
      <c r="V30747">
        <v>16</v>
      </c>
      <c r="W30747">
        <v>16</v>
      </c>
      <c r="X30747">
        <v>16</v>
      </c>
      <c r="Y30747">
        <v>16</v>
      </c>
      <c r="Z30747">
        <v>16</v>
      </c>
      <c r="AA30747">
        <v>16</v>
      </c>
      <c r="AB30747">
        <v>16</v>
      </c>
      <c r="AC30747">
        <v>16</v>
      </c>
      <c r="AD30747">
        <v>16</v>
      </c>
      <c r="AE30747">
        <v>16</v>
      </c>
      <c r="AF30747">
        <v>17</v>
      </c>
      <c r="AG30747">
        <v>17</v>
      </c>
      <c r="AH30747">
        <v>17</v>
      </c>
      <c r="AI30747">
        <v>17</v>
      </c>
      <c r="AJ30747">
        <v>17</v>
      </c>
      <c r="AK30747">
        <v>17</v>
      </c>
      <c r="AL30747">
        <v>17</v>
      </c>
      <c r="AM30747">
        <v>17</v>
      </c>
      <c r="AN30747">
        <v>17</v>
      </c>
      <c r="AO30747">
        <v>18</v>
      </c>
      <c r="AP30747">
        <v>18</v>
      </c>
      <c r="AQ30747">
        <v>18</v>
      </c>
    </row>
    <row r="30748" spans="1:43">
      <c r="A30748" t="s">
        <v>19053</v>
      </c>
      <c r="B30748" t="s">
        <v>19054</v>
      </c>
      <c r="C30748" t="s">
        <v>19051</v>
      </c>
      <c r="D30748" t="s">
        <v>19052</v>
      </c>
      <c r="E30748" t="s">
        <v>18995</v>
      </c>
      <c r="F30748" t="s">
        <v>18996</v>
      </c>
      <c r="G30748" t="s">
        <v>10734</v>
      </c>
      <c r="H30748" t="s">
        <v>10735</v>
      </c>
      <c r="I30748" s="2">
        <v>0</v>
      </c>
      <c r="J30748" s="2">
        <v>0</v>
      </c>
      <c r="K30748" s="2">
        <v>1</v>
      </c>
      <c r="L30748" t="s">
        <v>995</v>
      </c>
      <c r="M30748" t="s">
        <v>89</v>
      </c>
      <c r="N30748" t="s">
        <v>90</v>
      </c>
      <c r="O30748" t="s">
        <v>85</v>
      </c>
      <c r="P30748" t="s">
        <v>86</v>
      </c>
      <c r="Q30748">
        <v>15</v>
      </c>
      <c r="R30748">
        <v>16</v>
      </c>
      <c r="S30748">
        <v>16</v>
      </c>
      <c r="T30748">
        <v>17</v>
      </c>
      <c r="U30748">
        <v>17</v>
      </c>
      <c r="V30748">
        <v>17</v>
      </c>
      <c r="W30748">
        <v>18</v>
      </c>
      <c r="X30748">
        <v>18</v>
      </c>
      <c r="Y30748">
        <v>18</v>
      </c>
      <c r="Z30748">
        <v>18</v>
      </c>
      <c r="AA30748">
        <v>19</v>
      </c>
      <c r="AB30748">
        <v>19</v>
      </c>
      <c r="AC30748">
        <v>19</v>
      </c>
      <c r="AD30748">
        <v>20</v>
      </c>
      <c r="AE30748">
        <v>20</v>
      </c>
      <c r="AF30748">
        <v>20</v>
      </c>
      <c r="AG30748">
        <v>20</v>
      </c>
      <c r="AH30748">
        <v>20</v>
      </c>
      <c r="AI30748">
        <v>20</v>
      </c>
      <c r="AJ30748">
        <v>20</v>
      </c>
      <c r="AK30748">
        <v>20</v>
      </c>
      <c r="AL30748">
        <v>20</v>
      </c>
      <c r="AM30748">
        <v>20</v>
      </c>
      <c r="AN30748">
        <v>20</v>
      </c>
      <c r="AO30748">
        <v>21</v>
      </c>
      <c r="AP30748">
        <v>21</v>
      </c>
      <c r="AQ30748">
        <v>21</v>
      </c>
    </row>
    <row r="30749" spans="1:43">
      <c r="A30749" t="s">
        <v>19053</v>
      </c>
      <c r="B30749" t="s">
        <v>19054</v>
      </c>
      <c r="C30749" t="s">
        <v>19051</v>
      </c>
      <c r="D30749" t="s">
        <v>19052</v>
      </c>
      <c r="E30749" t="s">
        <v>18995</v>
      </c>
      <c r="F30749" t="s">
        <v>18996</v>
      </c>
      <c r="G30749" t="s">
        <v>10734</v>
      </c>
      <c r="H30749" t="s">
        <v>10735</v>
      </c>
      <c r="I30749" s="2">
        <v>0</v>
      </c>
      <c r="J30749" s="2">
        <v>0</v>
      </c>
      <c r="K30749" s="2">
        <v>1</v>
      </c>
      <c r="L30749" t="s">
        <v>995</v>
      </c>
      <c r="M30749" t="s">
        <v>83</v>
      </c>
      <c r="N30749" t="s">
        <v>91</v>
      </c>
      <c r="O30749" t="s">
        <v>85</v>
      </c>
      <c r="P30749" t="s">
        <v>86</v>
      </c>
      <c r="Q30749">
        <v>15</v>
      </c>
      <c r="R30749">
        <v>15</v>
      </c>
      <c r="S30749">
        <v>16</v>
      </c>
      <c r="T30749">
        <v>16</v>
      </c>
      <c r="U30749">
        <v>16</v>
      </c>
      <c r="V30749">
        <v>16</v>
      </c>
      <c r="W30749">
        <v>17</v>
      </c>
      <c r="X30749">
        <v>17</v>
      </c>
      <c r="Y30749">
        <v>17</v>
      </c>
      <c r="Z30749">
        <v>17</v>
      </c>
      <c r="AA30749">
        <v>18</v>
      </c>
      <c r="AB30749">
        <v>18</v>
      </c>
      <c r="AC30749">
        <v>18</v>
      </c>
      <c r="AD30749">
        <v>18</v>
      </c>
      <c r="AE30749">
        <v>19</v>
      </c>
      <c r="AF30749">
        <v>19</v>
      </c>
      <c r="AG30749">
        <v>19</v>
      </c>
      <c r="AH30749">
        <v>19</v>
      </c>
      <c r="AI30749">
        <v>20</v>
      </c>
      <c r="AJ30749">
        <v>20</v>
      </c>
      <c r="AK30749">
        <v>20</v>
      </c>
      <c r="AL30749">
        <v>20</v>
      </c>
      <c r="AM30749">
        <v>20</v>
      </c>
      <c r="AN30749">
        <v>20</v>
      </c>
      <c r="AO30749">
        <v>20</v>
      </c>
      <c r="AP30749">
        <v>20</v>
      </c>
      <c r="AQ30749">
        <v>20</v>
      </c>
    </row>
    <row r="30750" spans="1:43">
      <c r="A30750" t="s">
        <v>19055</v>
      </c>
      <c r="B30750" t="s">
        <v>19056</v>
      </c>
      <c r="C30750" t="s">
        <v>19051</v>
      </c>
      <c r="D30750" t="s">
        <v>19052</v>
      </c>
      <c r="E30750" t="s">
        <v>18995</v>
      </c>
      <c r="F30750" t="s">
        <v>18996</v>
      </c>
      <c r="G30750" t="s">
        <v>10734</v>
      </c>
      <c r="H30750" t="s">
        <v>10735</v>
      </c>
      <c r="I30750" s="2">
        <v>0</v>
      </c>
      <c r="J30750" s="2">
        <v>0</v>
      </c>
      <c r="K30750" s="2">
        <v>1</v>
      </c>
      <c r="L30750" t="s">
        <v>995</v>
      </c>
      <c r="M30750" t="s">
        <v>83</v>
      </c>
      <c r="N30750" t="s">
        <v>84</v>
      </c>
      <c r="O30750" t="s">
        <v>85</v>
      </c>
      <c r="P30750" t="s">
        <v>86</v>
      </c>
      <c r="Q30750">
        <v>12</v>
      </c>
      <c r="R30750">
        <v>12</v>
      </c>
      <c r="S30750">
        <v>12</v>
      </c>
      <c r="T30750">
        <v>12</v>
      </c>
      <c r="U30750">
        <v>12</v>
      </c>
      <c r="V30750">
        <v>13</v>
      </c>
      <c r="W30750">
        <v>13</v>
      </c>
      <c r="X30750">
        <v>13</v>
      </c>
      <c r="Y30750">
        <v>13</v>
      </c>
      <c r="Z30750">
        <v>13</v>
      </c>
      <c r="AA30750">
        <v>14</v>
      </c>
      <c r="AB30750">
        <v>14</v>
      </c>
      <c r="AC30750">
        <v>14</v>
      </c>
      <c r="AD30750">
        <v>14</v>
      </c>
      <c r="AE30750">
        <v>14</v>
      </c>
      <c r="AF30750">
        <v>14</v>
      </c>
      <c r="AG30750">
        <v>15</v>
      </c>
      <c r="AH30750">
        <v>15</v>
      </c>
      <c r="AI30750">
        <v>15</v>
      </c>
      <c r="AJ30750">
        <v>15</v>
      </c>
      <c r="AK30750">
        <v>15</v>
      </c>
      <c r="AL30750">
        <v>16</v>
      </c>
      <c r="AM30750">
        <v>16</v>
      </c>
      <c r="AN30750">
        <v>16</v>
      </c>
      <c r="AO30750">
        <v>16</v>
      </c>
      <c r="AP30750">
        <v>16</v>
      </c>
      <c r="AQ30750">
        <v>16</v>
      </c>
    </row>
    <row r="30751" spans="1:43">
      <c r="A30751" t="s">
        <v>19055</v>
      </c>
      <c r="B30751" t="s">
        <v>19056</v>
      </c>
      <c r="C30751" t="s">
        <v>19051</v>
      </c>
      <c r="D30751" t="s">
        <v>19052</v>
      </c>
      <c r="E30751" t="s">
        <v>18995</v>
      </c>
      <c r="F30751" t="s">
        <v>18996</v>
      </c>
      <c r="G30751" t="s">
        <v>10734</v>
      </c>
      <c r="H30751" t="s">
        <v>10735</v>
      </c>
      <c r="I30751" s="2">
        <v>0</v>
      </c>
      <c r="J30751" s="2">
        <v>0</v>
      </c>
      <c r="K30751" s="2">
        <v>1</v>
      </c>
      <c r="L30751" t="s">
        <v>995</v>
      </c>
      <c r="M30751" t="s">
        <v>87</v>
      </c>
      <c r="N30751" t="s">
        <v>88</v>
      </c>
      <c r="O30751" t="s">
        <v>85</v>
      </c>
      <c r="P30751" t="s">
        <v>86</v>
      </c>
      <c r="Q30751">
        <v>12</v>
      </c>
      <c r="R30751">
        <v>12</v>
      </c>
      <c r="S30751">
        <v>12</v>
      </c>
      <c r="T30751">
        <v>12</v>
      </c>
      <c r="U30751">
        <v>12</v>
      </c>
      <c r="V30751">
        <v>12</v>
      </c>
      <c r="W30751">
        <v>12</v>
      </c>
      <c r="X30751">
        <v>12</v>
      </c>
      <c r="Y30751">
        <v>12</v>
      </c>
      <c r="Z30751">
        <v>12</v>
      </c>
      <c r="AA30751">
        <v>12</v>
      </c>
      <c r="AB30751">
        <v>12</v>
      </c>
      <c r="AC30751">
        <v>13</v>
      </c>
      <c r="AD30751">
        <v>13</v>
      </c>
      <c r="AE30751">
        <v>13</v>
      </c>
      <c r="AF30751">
        <v>13</v>
      </c>
      <c r="AG30751">
        <v>13</v>
      </c>
      <c r="AH30751">
        <v>13</v>
      </c>
      <c r="AI30751">
        <v>13</v>
      </c>
      <c r="AJ30751">
        <v>13</v>
      </c>
      <c r="AK30751">
        <v>13</v>
      </c>
      <c r="AL30751">
        <v>13</v>
      </c>
      <c r="AM30751">
        <v>13</v>
      </c>
      <c r="AN30751">
        <v>13</v>
      </c>
      <c r="AO30751">
        <v>14</v>
      </c>
      <c r="AP30751">
        <v>14</v>
      </c>
      <c r="AQ30751">
        <v>14</v>
      </c>
    </row>
    <row r="30752" spans="1:43">
      <c r="A30752" t="s">
        <v>19055</v>
      </c>
      <c r="B30752" t="s">
        <v>19056</v>
      </c>
      <c r="C30752" t="s">
        <v>19051</v>
      </c>
      <c r="D30752" t="s">
        <v>19052</v>
      </c>
      <c r="E30752" t="s">
        <v>18995</v>
      </c>
      <c r="F30752" t="s">
        <v>18996</v>
      </c>
      <c r="G30752" t="s">
        <v>10734</v>
      </c>
      <c r="H30752" t="s">
        <v>10735</v>
      </c>
      <c r="I30752" s="2">
        <v>0</v>
      </c>
      <c r="J30752" s="2">
        <v>0</v>
      </c>
      <c r="K30752" s="2">
        <v>1</v>
      </c>
      <c r="L30752" t="s">
        <v>995</v>
      </c>
      <c r="M30752" t="s">
        <v>89</v>
      </c>
      <c r="N30752" t="s">
        <v>90</v>
      </c>
      <c r="O30752" t="s">
        <v>85</v>
      </c>
      <c r="P30752" t="s">
        <v>86</v>
      </c>
      <c r="Q30752">
        <v>12</v>
      </c>
      <c r="R30752">
        <v>12</v>
      </c>
      <c r="S30752">
        <v>12</v>
      </c>
      <c r="T30752">
        <v>13</v>
      </c>
      <c r="U30752">
        <v>13</v>
      </c>
      <c r="V30752">
        <v>13</v>
      </c>
      <c r="W30752">
        <v>13</v>
      </c>
      <c r="X30752">
        <v>14</v>
      </c>
      <c r="Y30752">
        <v>14</v>
      </c>
      <c r="Z30752">
        <v>14</v>
      </c>
      <c r="AA30752">
        <v>14</v>
      </c>
      <c r="AB30752">
        <v>15</v>
      </c>
      <c r="AC30752">
        <v>15</v>
      </c>
      <c r="AD30752">
        <v>15</v>
      </c>
      <c r="AE30752">
        <v>15</v>
      </c>
      <c r="AF30752">
        <v>15</v>
      </c>
      <c r="AG30752">
        <v>15</v>
      </c>
      <c r="AH30752">
        <v>15</v>
      </c>
      <c r="AI30752">
        <v>16</v>
      </c>
      <c r="AJ30752">
        <v>16</v>
      </c>
      <c r="AK30752">
        <v>16</v>
      </c>
      <c r="AL30752">
        <v>16</v>
      </c>
      <c r="AM30752">
        <v>16</v>
      </c>
      <c r="AN30752">
        <v>16</v>
      </c>
      <c r="AO30752">
        <v>16</v>
      </c>
      <c r="AP30752">
        <v>16</v>
      </c>
      <c r="AQ30752">
        <v>16</v>
      </c>
    </row>
    <row r="30753" spans="1:43">
      <c r="A30753" t="s">
        <v>19055</v>
      </c>
      <c r="B30753" t="s">
        <v>19056</v>
      </c>
      <c r="C30753" t="s">
        <v>19051</v>
      </c>
      <c r="D30753" t="s">
        <v>19052</v>
      </c>
      <c r="E30753" t="s">
        <v>18995</v>
      </c>
      <c r="F30753" t="s">
        <v>18996</v>
      </c>
      <c r="G30753" t="s">
        <v>10734</v>
      </c>
      <c r="H30753" t="s">
        <v>10735</v>
      </c>
      <c r="I30753" s="2">
        <v>0</v>
      </c>
      <c r="J30753" s="2">
        <v>0</v>
      </c>
      <c r="K30753" s="2">
        <v>1</v>
      </c>
      <c r="L30753" t="s">
        <v>995</v>
      </c>
      <c r="M30753" t="s">
        <v>83</v>
      </c>
      <c r="N30753" t="s">
        <v>91</v>
      </c>
      <c r="O30753" t="s">
        <v>85</v>
      </c>
      <c r="P30753" t="s">
        <v>86</v>
      </c>
      <c r="Q30753">
        <v>12</v>
      </c>
      <c r="R30753">
        <v>12</v>
      </c>
      <c r="S30753">
        <v>12</v>
      </c>
      <c r="T30753">
        <v>12</v>
      </c>
      <c r="U30753">
        <v>12</v>
      </c>
      <c r="V30753">
        <v>13</v>
      </c>
      <c r="W30753">
        <v>13</v>
      </c>
      <c r="X30753">
        <v>13</v>
      </c>
      <c r="Y30753">
        <v>13</v>
      </c>
      <c r="Z30753">
        <v>13</v>
      </c>
      <c r="AA30753">
        <v>14</v>
      </c>
      <c r="AB30753">
        <v>14</v>
      </c>
      <c r="AC30753">
        <v>14</v>
      </c>
      <c r="AD30753">
        <v>14</v>
      </c>
      <c r="AE30753">
        <v>14</v>
      </c>
      <c r="AF30753">
        <v>14</v>
      </c>
      <c r="AG30753">
        <v>15</v>
      </c>
      <c r="AH30753">
        <v>15</v>
      </c>
      <c r="AI30753">
        <v>15</v>
      </c>
      <c r="AJ30753">
        <v>15</v>
      </c>
      <c r="AK30753">
        <v>15</v>
      </c>
      <c r="AL30753">
        <v>16</v>
      </c>
      <c r="AM30753">
        <v>16</v>
      </c>
      <c r="AN30753">
        <v>16</v>
      </c>
      <c r="AO30753">
        <v>16</v>
      </c>
      <c r="AP30753">
        <v>16</v>
      </c>
      <c r="AQ30753">
        <v>16</v>
      </c>
    </row>
    <row r="30754" spans="1:43">
      <c r="A30754" t="s">
        <v>19057</v>
      </c>
      <c r="B30754" t="s">
        <v>19058</v>
      </c>
      <c r="C30754" t="s">
        <v>19059</v>
      </c>
      <c r="D30754" t="s">
        <v>19060</v>
      </c>
      <c r="E30754" t="s">
        <v>18995</v>
      </c>
      <c r="F30754" t="s">
        <v>18996</v>
      </c>
      <c r="G30754" t="s">
        <v>10734</v>
      </c>
      <c r="H30754" t="s">
        <v>10735</v>
      </c>
      <c r="I30754" s="2">
        <v>0</v>
      </c>
      <c r="J30754" s="2">
        <v>0</v>
      </c>
      <c r="K30754" s="2">
        <v>1</v>
      </c>
      <c r="L30754" t="s">
        <v>995</v>
      </c>
      <c r="M30754" t="s">
        <v>83</v>
      </c>
      <c r="N30754" t="s">
        <v>84</v>
      </c>
      <c r="O30754" t="s">
        <v>85</v>
      </c>
      <c r="P30754" t="s">
        <v>86</v>
      </c>
      <c r="Q30754">
        <v>38</v>
      </c>
      <c r="R30754">
        <v>39</v>
      </c>
      <c r="S30754">
        <v>39</v>
      </c>
      <c r="T30754">
        <v>40</v>
      </c>
      <c r="U30754">
        <v>41</v>
      </c>
      <c r="V30754">
        <v>41</v>
      </c>
      <c r="W30754">
        <v>42</v>
      </c>
      <c r="X30754">
        <v>42</v>
      </c>
      <c r="Y30754">
        <v>43</v>
      </c>
      <c r="Z30754">
        <v>44</v>
      </c>
      <c r="AA30754">
        <v>44</v>
      </c>
      <c r="AB30754">
        <v>45</v>
      </c>
      <c r="AC30754">
        <v>45</v>
      </c>
      <c r="AD30754">
        <v>46</v>
      </c>
      <c r="AE30754">
        <v>47</v>
      </c>
      <c r="AF30754">
        <v>47</v>
      </c>
      <c r="AG30754">
        <v>48</v>
      </c>
      <c r="AH30754">
        <v>48</v>
      </c>
      <c r="AI30754">
        <v>49</v>
      </c>
      <c r="AJ30754">
        <v>50</v>
      </c>
      <c r="AK30754">
        <v>50</v>
      </c>
      <c r="AL30754">
        <v>51</v>
      </c>
      <c r="AM30754">
        <v>51</v>
      </c>
      <c r="AN30754">
        <v>51</v>
      </c>
      <c r="AO30754">
        <v>51</v>
      </c>
      <c r="AP30754">
        <v>51</v>
      </c>
      <c r="AQ30754">
        <v>51</v>
      </c>
    </row>
    <row r="30755" spans="1:43">
      <c r="A30755" t="s">
        <v>19057</v>
      </c>
      <c r="B30755" t="s">
        <v>19058</v>
      </c>
      <c r="C30755" t="s">
        <v>19059</v>
      </c>
      <c r="D30755" t="s">
        <v>19060</v>
      </c>
      <c r="E30755" t="s">
        <v>18995</v>
      </c>
      <c r="F30755" t="s">
        <v>18996</v>
      </c>
      <c r="G30755" t="s">
        <v>10734</v>
      </c>
      <c r="H30755" t="s">
        <v>10735</v>
      </c>
      <c r="I30755" s="2">
        <v>0</v>
      </c>
      <c r="J30755" s="2">
        <v>0</v>
      </c>
      <c r="K30755" s="2">
        <v>1</v>
      </c>
      <c r="L30755" t="s">
        <v>995</v>
      </c>
      <c r="M30755" t="s">
        <v>87</v>
      </c>
      <c r="N30755" t="s">
        <v>88</v>
      </c>
      <c r="O30755" t="s">
        <v>85</v>
      </c>
      <c r="P30755" t="s">
        <v>86</v>
      </c>
      <c r="Q30755">
        <v>38</v>
      </c>
      <c r="R30755">
        <v>38</v>
      </c>
      <c r="S30755">
        <v>38</v>
      </c>
      <c r="T30755">
        <v>39</v>
      </c>
      <c r="U30755">
        <v>39</v>
      </c>
      <c r="V30755">
        <v>39</v>
      </c>
      <c r="W30755">
        <v>39</v>
      </c>
      <c r="X30755">
        <v>39</v>
      </c>
      <c r="Y30755">
        <v>40</v>
      </c>
      <c r="Z30755">
        <v>40</v>
      </c>
      <c r="AA30755">
        <v>40</v>
      </c>
      <c r="AB30755">
        <v>40</v>
      </c>
      <c r="AC30755">
        <v>41</v>
      </c>
      <c r="AD30755">
        <v>41</v>
      </c>
      <c r="AE30755">
        <v>41</v>
      </c>
      <c r="AF30755">
        <v>41</v>
      </c>
      <c r="AG30755">
        <v>42</v>
      </c>
      <c r="AH30755">
        <v>42</v>
      </c>
      <c r="AI30755">
        <v>42</v>
      </c>
      <c r="AJ30755">
        <v>43</v>
      </c>
      <c r="AK30755">
        <v>43</v>
      </c>
      <c r="AL30755">
        <v>43</v>
      </c>
      <c r="AM30755">
        <v>43</v>
      </c>
      <c r="AN30755">
        <v>44</v>
      </c>
      <c r="AO30755">
        <v>44</v>
      </c>
      <c r="AP30755">
        <v>44</v>
      </c>
      <c r="AQ30755">
        <v>45</v>
      </c>
    </row>
    <row r="30756" spans="1:43">
      <c r="A30756" t="s">
        <v>19057</v>
      </c>
      <c r="B30756" t="s">
        <v>19058</v>
      </c>
      <c r="C30756" t="s">
        <v>19059</v>
      </c>
      <c r="D30756" t="s">
        <v>19060</v>
      </c>
      <c r="E30756" t="s">
        <v>18995</v>
      </c>
      <c r="F30756" t="s">
        <v>18996</v>
      </c>
      <c r="G30756" t="s">
        <v>10734</v>
      </c>
      <c r="H30756" t="s">
        <v>10735</v>
      </c>
      <c r="I30756" s="2">
        <v>0</v>
      </c>
      <c r="J30756" s="2">
        <v>0</v>
      </c>
      <c r="K30756" s="2">
        <v>1</v>
      </c>
      <c r="L30756" t="s">
        <v>995</v>
      </c>
      <c r="M30756" t="s">
        <v>89</v>
      </c>
      <c r="N30756" t="s">
        <v>90</v>
      </c>
      <c r="O30756" t="s">
        <v>85</v>
      </c>
      <c r="P30756" t="s">
        <v>86</v>
      </c>
      <c r="Q30756">
        <v>38</v>
      </c>
      <c r="R30756">
        <v>39</v>
      </c>
      <c r="S30756">
        <v>40</v>
      </c>
      <c r="T30756">
        <v>41</v>
      </c>
      <c r="U30756">
        <v>42</v>
      </c>
      <c r="V30756">
        <v>43</v>
      </c>
      <c r="W30756">
        <v>44</v>
      </c>
      <c r="X30756">
        <v>45</v>
      </c>
      <c r="Y30756">
        <v>46</v>
      </c>
      <c r="Z30756">
        <v>46</v>
      </c>
      <c r="AA30756">
        <v>47</v>
      </c>
      <c r="AB30756">
        <v>48</v>
      </c>
      <c r="AC30756">
        <v>49</v>
      </c>
      <c r="AD30756">
        <v>49</v>
      </c>
      <c r="AE30756">
        <v>50</v>
      </c>
      <c r="AF30756">
        <v>50</v>
      </c>
      <c r="AG30756">
        <v>50</v>
      </c>
      <c r="AH30756">
        <v>50</v>
      </c>
      <c r="AI30756">
        <v>50</v>
      </c>
      <c r="AJ30756">
        <v>51</v>
      </c>
      <c r="AK30756">
        <v>51</v>
      </c>
      <c r="AL30756">
        <v>51</v>
      </c>
      <c r="AM30756">
        <v>51</v>
      </c>
      <c r="AN30756">
        <v>51</v>
      </c>
      <c r="AO30756">
        <v>51</v>
      </c>
      <c r="AP30756">
        <v>52</v>
      </c>
      <c r="AQ30756">
        <v>52</v>
      </c>
    </row>
    <row r="30757" spans="1:43">
      <c r="A30757" t="s">
        <v>19057</v>
      </c>
      <c r="B30757" t="s">
        <v>19058</v>
      </c>
      <c r="C30757" t="s">
        <v>19059</v>
      </c>
      <c r="D30757" t="s">
        <v>19060</v>
      </c>
      <c r="E30757" t="s">
        <v>18995</v>
      </c>
      <c r="F30757" t="s">
        <v>18996</v>
      </c>
      <c r="G30757" t="s">
        <v>10734</v>
      </c>
      <c r="H30757" t="s">
        <v>10735</v>
      </c>
      <c r="I30757" s="2">
        <v>0</v>
      </c>
      <c r="J30757" s="2">
        <v>0</v>
      </c>
      <c r="K30757" s="2">
        <v>1</v>
      </c>
      <c r="L30757" t="s">
        <v>995</v>
      </c>
      <c r="M30757" t="s">
        <v>83</v>
      </c>
      <c r="N30757" t="s">
        <v>91</v>
      </c>
      <c r="O30757" t="s">
        <v>85</v>
      </c>
      <c r="P30757" t="s">
        <v>86</v>
      </c>
      <c r="Q30757">
        <v>38</v>
      </c>
      <c r="R30757">
        <v>39</v>
      </c>
      <c r="S30757">
        <v>39</v>
      </c>
      <c r="T30757">
        <v>40</v>
      </c>
      <c r="U30757">
        <v>41</v>
      </c>
      <c r="V30757">
        <v>41</v>
      </c>
      <c r="W30757">
        <v>42</v>
      </c>
      <c r="X30757">
        <v>42</v>
      </c>
      <c r="Y30757">
        <v>43</v>
      </c>
      <c r="Z30757">
        <v>44</v>
      </c>
      <c r="AA30757">
        <v>44</v>
      </c>
      <c r="AB30757">
        <v>45</v>
      </c>
      <c r="AC30757">
        <v>45</v>
      </c>
      <c r="AD30757">
        <v>46</v>
      </c>
      <c r="AE30757">
        <v>47</v>
      </c>
      <c r="AF30757">
        <v>47</v>
      </c>
      <c r="AG30757">
        <v>48</v>
      </c>
      <c r="AH30757">
        <v>48</v>
      </c>
      <c r="AI30757">
        <v>49</v>
      </c>
      <c r="AJ30757">
        <v>50</v>
      </c>
      <c r="AK30757">
        <v>50</v>
      </c>
      <c r="AL30757">
        <v>51</v>
      </c>
      <c r="AM30757">
        <v>51</v>
      </c>
      <c r="AN30757">
        <v>51</v>
      </c>
      <c r="AO30757">
        <v>51</v>
      </c>
      <c r="AP30757">
        <v>51</v>
      </c>
      <c r="AQ30757">
        <v>51</v>
      </c>
    </row>
    <row r="30758" spans="1:43">
      <c r="A30758" t="s">
        <v>19061</v>
      </c>
      <c r="B30758" t="s">
        <v>19062</v>
      </c>
      <c r="C30758" t="s">
        <v>19007</v>
      </c>
      <c r="D30758" t="s">
        <v>19008</v>
      </c>
      <c r="E30758" t="s">
        <v>18995</v>
      </c>
      <c r="F30758" t="s">
        <v>18996</v>
      </c>
      <c r="G30758" t="s">
        <v>10734</v>
      </c>
      <c r="H30758" t="s">
        <v>10735</v>
      </c>
      <c r="I30758" s="2">
        <v>0</v>
      </c>
      <c r="J30758" s="2">
        <v>0</v>
      </c>
      <c r="K30758" s="2">
        <v>1</v>
      </c>
      <c r="L30758" t="s">
        <v>995</v>
      </c>
      <c r="M30758" t="s">
        <v>83</v>
      </c>
      <c r="N30758" t="s">
        <v>84</v>
      </c>
      <c r="O30758" t="s">
        <v>85</v>
      </c>
      <c r="P30758" t="s">
        <v>86</v>
      </c>
      <c r="Q30758">
        <v>32</v>
      </c>
      <c r="R30758">
        <v>33</v>
      </c>
      <c r="S30758">
        <v>33</v>
      </c>
      <c r="T30758">
        <v>34</v>
      </c>
      <c r="U30758">
        <v>34</v>
      </c>
      <c r="V30758">
        <v>35</v>
      </c>
      <c r="W30758">
        <v>35</v>
      </c>
      <c r="X30758">
        <v>35</v>
      </c>
      <c r="Y30758">
        <v>36</v>
      </c>
      <c r="Z30758">
        <v>36</v>
      </c>
      <c r="AA30758">
        <v>37</v>
      </c>
      <c r="AB30758">
        <v>37</v>
      </c>
      <c r="AC30758">
        <v>38</v>
      </c>
      <c r="AD30758">
        <v>38</v>
      </c>
      <c r="AE30758">
        <v>38</v>
      </c>
      <c r="AF30758">
        <v>39</v>
      </c>
      <c r="AG30758">
        <v>39</v>
      </c>
      <c r="AH30758">
        <v>40</v>
      </c>
      <c r="AI30758">
        <v>40</v>
      </c>
      <c r="AJ30758">
        <v>40</v>
      </c>
      <c r="AK30758">
        <v>41</v>
      </c>
      <c r="AL30758">
        <v>41</v>
      </c>
      <c r="AM30758">
        <v>41</v>
      </c>
      <c r="AN30758">
        <v>41</v>
      </c>
      <c r="AO30758">
        <v>41</v>
      </c>
      <c r="AP30758">
        <v>41</v>
      </c>
      <c r="AQ30758">
        <v>41</v>
      </c>
    </row>
    <row r="30759" spans="1:43">
      <c r="A30759" t="s">
        <v>19061</v>
      </c>
      <c r="B30759" t="s">
        <v>19062</v>
      </c>
      <c r="C30759" t="s">
        <v>19007</v>
      </c>
      <c r="D30759" t="s">
        <v>19008</v>
      </c>
      <c r="E30759" t="s">
        <v>18995</v>
      </c>
      <c r="F30759" t="s">
        <v>18996</v>
      </c>
      <c r="G30759" t="s">
        <v>10734</v>
      </c>
      <c r="H30759" t="s">
        <v>10735</v>
      </c>
      <c r="I30759" s="2">
        <v>0</v>
      </c>
      <c r="J30759" s="2">
        <v>0</v>
      </c>
      <c r="K30759" s="2">
        <v>1</v>
      </c>
      <c r="L30759" t="s">
        <v>995</v>
      </c>
      <c r="M30759" t="s">
        <v>87</v>
      </c>
      <c r="N30759" t="s">
        <v>88</v>
      </c>
      <c r="O30759" t="s">
        <v>85</v>
      </c>
      <c r="P30759" t="s">
        <v>86</v>
      </c>
      <c r="Q30759">
        <v>32</v>
      </c>
      <c r="R30759">
        <v>32</v>
      </c>
      <c r="S30759">
        <v>32</v>
      </c>
      <c r="T30759">
        <v>33</v>
      </c>
      <c r="U30759">
        <v>33</v>
      </c>
      <c r="V30759">
        <v>33</v>
      </c>
      <c r="W30759">
        <v>33</v>
      </c>
      <c r="X30759">
        <v>33</v>
      </c>
      <c r="Y30759">
        <v>33</v>
      </c>
      <c r="Z30759">
        <v>33</v>
      </c>
      <c r="AA30759">
        <v>33</v>
      </c>
      <c r="AB30759">
        <v>34</v>
      </c>
      <c r="AC30759">
        <v>34</v>
      </c>
      <c r="AD30759">
        <v>34</v>
      </c>
      <c r="AE30759">
        <v>34</v>
      </c>
      <c r="AF30759">
        <v>34</v>
      </c>
      <c r="AG30759">
        <v>34</v>
      </c>
      <c r="AH30759">
        <v>34</v>
      </c>
      <c r="AI30759">
        <v>35</v>
      </c>
      <c r="AJ30759">
        <v>35</v>
      </c>
      <c r="AK30759">
        <v>35</v>
      </c>
      <c r="AL30759">
        <v>35</v>
      </c>
      <c r="AM30759">
        <v>35</v>
      </c>
      <c r="AN30759">
        <v>35</v>
      </c>
      <c r="AO30759">
        <v>35</v>
      </c>
      <c r="AP30759">
        <v>35</v>
      </c>
      <c r="AQ30759">
        <v>36</v>
      </c>
    </row>
    <row r="30760" spans="1:43">
      <c r="A30760" t="s">
        <v>19061</v>
      </c>
      <c r="B30760" t="s">
        <v>19062</v>
      </c>
      <c r="C30760" t="s">
        <v>19007</v>
      </c>
      <c r="D30760" t="s">
        <v>19008</v>
      </c>
      <c r="E30760" t="s">
        <v>18995</v>
      </c>
      <c r="F30760" t="s">
        <v>18996</v>
      </c>
      <c r="G30760" t="s">
        <v>10734</v>
      </c>
      <c r="H30760" t="s">
        <v>10735</v>
      </c>
      <c r="I30760" s="2">
        <v>0</v>
      </c>
      <c r="J30760" s="2">
        <v>0</v>
      </c>
      <c r="K30760" s="2">
        <v>1</v>
      </c>
      <c r="L30760" t="s">
        <v>995</v>
      </c>
      <c r="M30760" t="s">
        <v>89</v>
      </c>
      <c r="N30760" t="s">
        <v>90</v>
      </c>
      <c r="O30760" t="s">
        <v>85</v>
      </c>
      <c r="P30760" t="s">
        <v>86</v>
      </c>
      <c r="Q30760">
        <v>32</v>
      </c>
      <c r="R30760">
        <v>32</v>
      </c>
      <c r="S30760">
        <v>33</v>
      </c>
      <c r="T30760">
        <v>34</v>
      </c>
      <c r="U30760">
        <v>35</v>
      </c>
      <c r="V30760">
        <v>35</v>
      </c>
      <c r="W30760">
        <v>36</v>
      </c>
      <c r="X30760">
        <v>36</v>
      </c>
      <c r="Y30760">
        <v>37</v>
      </c>
      <c r="Z30760">
        <v>38</v>
      </c>
      <c r="AA30760">
        <v>38</v>
      </c>
      <c r="AB30760">
        <v>39</v>
      </c>
      <c r="AC30760">
        <v>39</v>
      </c>
      <c r="AD30760">
        <v>40</v>
      </c>
      <c r="AE30760">
        <v>40</v>
      </c>
      <c r="AF30760">
        <v>40</v>
      </c>
      <c r="AG30760">
        <v>40</v>
      </c>
      <c r="AH30760">
        <v>40</v>
      </c>
      <c r="AI30760">
        <v>40</v>
      </c>
      <c r="AJ30760">
        <v>40</v>
      </c>
      <c r="AK30760">
        <v>40</v>
      </c>
      <c r="AL30760">
        <v>40</v>
      </c>
      <c r="AM30760">
        <v>40</v>
      </c>
      <c r="AN30760">
        <v>40</v>
      </c>
      <c r="AO30760">
        <v>40</v>
      </c>
      <c r="AP30760">
        <v>40</v>
      </c>
      <c r="AQ30760">
        <v>40</v>
      </c>
    </row>
    <row r="30761" spans="1:43">
      <c r="A30761" t="s">
        <v>19061</v>
      </c>
      <c r="B30761" t="s">
        <v>19062</v>
      </c>
      <c r="C30761" t="s">
        <v>19007</v>
      </c>
      <c r="D30761" t="s">
        <v>19008</v>
      </c>
      <c r="E30761" t="s">
        <v>18995</v>
      </c>
      <c r="F30761" t="s">
        <v>18996</v>
      </c>
      <c r="G30761" t="s">
        <v>10734</v>
      </c>
      <c r="H30761" t="s">
        <v>10735</v>
      </c>
      <c r="I30761" s="2">
        <v>0</v>
      </c>
      <c r="J30761" s="2">
        <v>0</v>
      </c>
      <c r="K30761" s="2">
        <v>1</v>
      </c>
      <c r="L30761" t="s">
        <v>995</v>
      </c>
      <c r="M30761" t="s">
        <v>83</v>
      </c>
      <c r="N30761" t="s">
        <v>91</v>
      </c>
      <c r="O30761" t="s">
        <v>85</v>
      </c>
      <c r="P30761" t="s">
        <v>86</v>
      </c>
      <c r="Q30761">
        <v>32</v>
      </c>
      <c r="R30761">
        <v>33</v>
      </c>
      <c r="S30761">
        <v>33</v>
      </c>
      <c r="T30761">
        <v>34</v>
      </c>
      <c r="U30761">
        <v>34</v>
      </c>
      <c r="V30761">
        <v>35</v>
      </c>
      <c r="W30761">
        <v>35</v>
      </c>
      <c r="X30761">
        <v>35</v>
      </c>
      <c r="Y30761">
        <v>36</v>
      </c>
      <c r="Z30761">
        <v>36</v>
      </c>
      <c r="AA30761">
        <v>37</v>
      </c>
      <c r="AB30761">
        <v>37</v>
      </c>
      <c r="AC30761">
        <v>38</v>
      </c>
      <c r="AD30761">
        <v>38</v>
      </c>
      <c r="AE30761">
        <v>38</v>
      </c>
      <c r="AF30761">
        <v>39</v>
      </c>
      <c r="AG30761">
        <v>39</v>
      </c>
      <c r="AH30761">
        <v>40</v>
      </c>
      <c r="AI30761">
        <v>40</v>
      </c>
      <c r="AJ30761">
        <v>40</v>
      </c>
      <c r="AK30761">
        <v>41</v>
      </c>
      <c r="AL30761">
        <v>41</v>
      </c>
      <c r="AM30761">
        <v>41</v>
      </c>
      <c r="AN30761">
        <v>41</v>
      </c>
      <c r="AO30761">
        <v>41</v>
      </c>
      <c r="AP30761">
        <v>41</v>
      </c>
      <c r="AQ30761">
        <v>41</v>
      </c>
    </row>
    <row r="30762" spans="1:43">
      <c r="A30762" t="s">
        <v>19063</v>
      </c>
      <c r="B30762" t="s">
        <v>19064</v>
      </c>
      <c r="C30762" t="s">
        <v>19033</v>
      </c>
      <c r="D30762" t="s">
        <v>19034</v>
      </c>
      <c r="E30762" t="s">
        <v>18995</v>
      </c>
      <c r="F30762" t="s">
        <v>18996</v>
      </c>
      <c r="G30762" t="s">
        <v>10734</v>
      </c>
      <c r="H30762" t="s">
        <v>10735</v>
      </c>
      <c r="I30762" s="2">
        <v>0</v>
      </c>
      <c r="J30762" s="2">
        <v>0</v>
      </c>
      <c r="K30762" s="2">
        <v>1</v>
      </c>
      <c r="L30762" t="s">
        <v>995</v>
      </c>
      <c r="M30762" t="s">
        <v>83</v>
      </c>
      <c r="N30762" t="s">
        <v>84</v>
      </c>
      <c r="O30762" t="s">
        <v>85</v>
      </c>
      <c r="P30762" t="s">
        <v>86</v>
      </c>
      <c r="Q30762">
        <v>60</v>
      </c>
      <c r="R30762">
        <v>61</v>
      </c>
      <c r="S30762">
        <v>62</v>
      </c>
      <c r="T30762">
        <v>63</v>
      </c>
      <c r="U30762">
        <v>64</v>
      </c>
      <c r="V30762">
        <v>65</v>
      </c>
      <c r="W30762">
        <v>65</v>
      </c>
      <c r="X30762">
        <v>66</v>
      </c>
      <c r="Y30762">
        <v>67</v>
      </c>
      <c r="Z30762">
        <v>68</v>
      </c>
      <c r="AA30762">
        <v>69</v>
      </c>
      <c r="AB30762">
        <v>70</v>
      </c>
      <c r="AC30762">
        <v>71</v>
      </c>
      <c r="AD30762">
        <v>72</v>
      </c>
      <c r="AE30762">
        <v>73</v>
      </c>
      <c r="AF30762">
        <v>74</v>
      </c>
      <c r="AG30762">
        <v>75</v>
      </c>
      <c r="AH30762">
        <v>76</v>
      </c>
      <c r="AI30762">
        <v>77</v>
      </c>
      <c r="AJ30762">
        <v>78</v>
      </c>
      <c r="AK30762">
        <v>79</v>
      </c>
      <c r="AL30762">
        <v>79</v>
      </c>
      <c r="AM30762">
        <v>79</v>
      </c>
      <c r="AN30762">
        <v>80</v>
      </c>
      <c r="AO30762">
        <v>80</v>
      </c>
      <c r="AP30762">
        <v>80</v>
      </c>
      <c r="AQ30762">
        <v>81</v>
      </c>
    </row>
    <row r="30763" spans="1:43">
      <c r="A30763" t="s">
        <v>19063</v>
      </c>
      <c r="B30763" t="s">
        <v>19064</v>
      </c>
      <c r="C30763" t="s">
        <v>19033</v>
      </c>
      <c r="D30763" t="s">
        <v>19034</v>
      </c>
      <c r="E30763" t="s">
        <v>18995</v>
      </c>
      <c r="F30763" t="s">
        <v>18996</v>
      </c>
      <c r="G30763" t="s">
        <v>10734</v>
      </c>
      <c r="H30763" t="s">
        <v>10735</v>
      </c>
      <c r="I30763" s="2">
        <v>0</v>
      </c>
      <c r="J30763" s="2">
        <v>0</v>
      </c>
      <c r="K30763" s="2">
        <v>1</v>
      </c>
      <c r="L30763" t="s">
        <v>995</v>
      </c>
      <c r="M30763" t="s">
        <v>87</v>
      </c>
      <c r="N30763" t="s">
        <v>88</v>
      </c>
      <c r="O30763" t="s">
        <v>85</v>
      </c>
      <c r="P30763" t="s">
        <v>86</v>
      </c>
      <c r="Q30763">
        <v>60</v>
      </c>
      <c r="R30763">
        <v>61</v>
      </c>
      <c r="S30763">
        <v>61</v>
      </c>
      <c r="T30763">
        <v>61</v>
      </c>
      <c r="U30763">
        <v>62</v>
      </c>
      <c r="V30763">
        <v>62</v>
      </c>
      <c r="W30763">
        <v>63</v>
      </c>
      <c r="X30763">
        <v>63</v>
      </c>
      <c r="Y30763">
        <v>63</v>
      </c>
      <c r="Z30763">
        <v>64</v>
      </c>
      <c r="AA30763">
        <v>64</v>
      </c>
      <c r="AB30763">
        <v>64</v>
      </c>
      <c r="AC30763">
        <v>65</v>
      </c>
      <c r="AD30763">
        <v>65</v>
      </c>
      <c r="AE30763">
        <v>66</v>
      </c>
      <c r="AF30763">
        <v>66</v>
      </c>
      <c r="AG30763">
        <v>66</v>
      </c>
      <c r="AH30763">
        <v>67</v>
      </c>
      <c r="AI30763">
        <v>67</v>
      </c>
      <c r="AJ30763">
        <v>68</v>
      </c>
      <c r="AK30763">
        <v>68</v>
      </c>
      <c r="AL30763">
        <v>68</v>
      </c>
      <c r="AM30763">
        <v>69</v>
      </c>
      <c r="AN30763">
        <v>69</v>
      </c>
      <c r="AO30763">
        <v>70</v>
      </c>
      <c r="AP30763">
        <v>70</v>
      </c>
      <c r="AQ30763">
        <v>71</v>
      </c>
    </row>
    <row r="30764" spans="1:43">
      <c r="A30764" t="s">
        <v>19063</v>
      </c>
      <c r="B30764" t="s">
        <v>19064</v>
      </c>
      <c r="C30764" t="s">
        <v>19033</v>
      </c>
      <c r="D30764" t="s">
        <v>19034</v>
      </c>
      <c r="E30764" t="s">
        <v>18995</v>
      </c>
      <c r="F30764" t="s">
        <v>18996</v>
      </c>
      <c r="G30764" t="s">
        <v>10734</v>
      </c>
      <c r="H30764" t="s">
        <v>10735</v>
      </c>
      <c r="I30764" s="2">
        <v>0</v>
      </c>
      <c r="J30764" s="2">
        <v>0</v>
      </c>
      <c r="K30764" s="2">
        <v>1</v>
      </c>
      <c r="L30764" t="s">
        <v>995</v>
      </c>
      <c r="M30764" t="s">
        <v>89</v>
      </c>
      <c r="N30764" t="s">
        <v>90</v>
      </c>
      <c r="O30764" t="s">
        <v>85</v>
      </c>
      <c r="P30764" t="s">
        <v>86</v>
      </c>
      <c r="Q30764">
        <v>60</v>
      </c>
      <c r="R30764">
        <v>62</v>
      </c>
      <c r="S30764">
        <v>63</v>
      </c>
      <c r="T30764">
        <v>65</v>
      </c>
      <c r="U30764">
        <v>66</v>
      </c>
      <c r="V30764">
        <v>68</v>
      </c>
      <c r="W30764">
        <v>69</v>
      </c>
      <c r="X30764">
        <v>70</v>
      </c>
      <c r="Y30764">
        <v>71</v>
      </c>
      <c r="Z30764">
        <v>73</v>
      </c>
      <c r="AA30764">
        <v>74</v>
      </c>
      <c r="AB30764">
        <v>75</v>
      </c>
      <c r="AC30764">
        <v>76</v>
      </c>
      <c r="AD30764">
        <v>78</v>
      </c>
      <c r="AE30764">
        <v>78</v>
      </c>
      <c r="AF30764">
        <v>79</v>
      </c>
      <c r="AG30764">
        <v>79</v>
      </c>
      <c r="AH30764">
        <v>79</v>
      </c>
      <c r="AI30764">
        <v>79</v>
      </c>
      <c r="AJ30764">
        <v>79</v>
      </c>
      <c r="AK30764">
        <v>80</v>
      </c>
      <c r="AL30764">
        <v>80</v>
      </c>
      <c r="AM30764">
        <v>80</v>
      </c>
      <c r="AN30764">
        <v>80</v>
      </c>
      <c r="AO30764">
        <v>81</v>
      </c>
      <c r="AP30764">
        <v>81</v>
      </c>
      <c r="AQ30764">
        <v>81</v>
      </c>
    </row>
    <row r="30765" spans="1:43">
      <c r="A30765" t="s">
        <v>19063</v>
      </c>
      <c r="B30765" t="s">
        <v>19064</v>
      </c>
      <c r="C30765" t="s">
        <v>19033</v>
      </c>
      <c r="D30765" t="s">
        <v>19034</v>
      </c>
      <c r="E30765" t="s">
        <v>18995</v>
      </c>
      <c r="F30765" t="s">
        <v>18996</v>
      </c>
      <c r="G30765" t="s">
        <v>10734</v>
      </c>
      <c r="H30765" t="s">
        <v>10735</v>
      </c>
      <c r="I30765" s="2">
        <v>0</v>
      </c>
      <c r="J30765" s="2">
        <v>0</v>
      </c>
      <c r="K30765" s="2">
        <v>1</v>
      </c>
      <c r="L30765" t="s">
        <v>995</v>
      </c>
      <c r="M30765" t="s">
        <v>83</v>
      </c>
      <c r="N30765" t="s">
        <v>91</v>
      </c>
      <c r="O30765" t="s">
        <v>85</v>
      </c>
      <c r="P30765" t="s">
        <v>86</v>
      </c>
      <c r="Q30765">
        <v>60</v>
      </c>
      <c r="R30765">
        <v>61</v>
      </c>
      <c r="S30765">
        <v>62</v>
      </c>
      <c r="T30765">
        <v>63</v>
      </c>
      <c r="U30765">
        <v>64</v>
      </c>
      <c r="V30765">
        <v>65</v>
      </c>
      <c r="W30765">
        <v>65</v>
      </c>
      <c r="X30765">
        <v>66</v>
      </c>
      <c r="Y30765">
        <v>67</v>
      </c>
      <c r="Z30765">
        <v>68</v>
      </c>
      <c r="AA30765">
        <v>69</v>
      </c>
      <c r="AB30765">
        <v>70</v>
      </c>
      <c r="AC30765">
        <v>71</v>
      </c>
      <c r="AD30765">
        <v>72</v>
      </c>
      <c r="AE30765">
        <v>73</v>
      </c>
      <c r="AF30765">
        <v>74</v>
      </c>
      <c r="AG30765">
        <v>75</v>
      </c>
      <c r="AH30765">
        <v>76</v>
      </c>
      <c r="AI30765">
        <v>77</v>
      </c>
      <c r="AJ30765">
        <v>78</v>
      </c>
      <c r="AK30765">
        <v>79</v>
      </c>
      <c r="AL30765">
        <v>79</v>
      </c>
      <c r="AM30765">
        <v>79</v>
      </c>
      <c r="AN30765">
        <v>80</v>
      </c>
      <c r="AO30765">
        <v>80</v>
      </c>
      <c r="AP30765">
        <v>80</v>
      </c>
      <c r="AQ30765">
        <v>81</v>
      </c>
    </row>
    <row r="30766" spans="1:43">
      <c r="A30766" t="s">
        <v>19065</v>
      </c>
      <c r="B30766" t="s">
        <v>19066</v>
      </c>
      <c r="C30766" t="s">
        <v>19021</v>
      </c>
      <c r="D30766" t="s">
        <v>19022</v>
      </c>
      <c r="E30766" t="s">
        <v>18995</v>
      </c>
      <c r="F30766" t="s">
        <v>18996</v>
      </c>
      <c r="G30766" t="s">
        <v>10734</v>
      </c>
      <c r="H30766" t="s">
        <v>10735</v>
      </c>
      <c r="I30766" s="2">
        <v>0</v>
      </c>
      <c r="J30766" s="2">
        <v>0</v>
      </c>
      <c r="K30766" s="2">
        <v>1</v>
      </c>
      <c r="L30766" t="s">
        <v>995</v>
      </c>
      <c r="M30766" t="s">
        <v>83</v>
      </c>
      <c r="N30766" t="s">
        <v>84</v>
      </c>
      <c r="O30766" t="s">
        <v>85</v>
      </c>
      <c r="P30766" t="s">
        <v>86</v>
      </c>
      <c r="Q30766">
        <v>6</v>
      </c>
      <c r="R30766">
        <v>6</v>
      </c>
      <c r="S30766">
        <v>7</v>
      </c>
      <c r="T30766">
        <v>7</v>
      </c>
      <c r="U30766">
        <v>7</v>
      </c>
      <c r="V30766">
        <v>7</v>
      </c>
      <c r="W30766">
        <v>7</v>
      </c>
      <c r="X30766">
        <v>7</v>
      </c>
      <c r="Y30766">
        <v>7</v>
      </c>
      <c r="Z30766">
        <v>7</v>
      </c>
      <c r="AA30766">
        <v>7</v>
      </c>
      <c r="AB30766">
        <v>8</v>
      </c>
      <c r="AC30766">
        <v>8</v>
      </c>
      <c r="AD30766">
        <v>8</v>
      </c>
      <c r="AE30766">
        <v>8</v>
      </c>
      <c r="AF30766">
        <v>8</v>
      </c>
      <c r="AG30766">
        <v>8</v>
      </c>
      <c r="AH30766">
        <v>8</v>
      </c>
      <c r="AI30766">
        <v>8</v>
      </c>
      <c r="AJ30766">
        <v>8</v>
      </c>
      <c r="AK30766">
        <v>8</v>
      </c>
      <c r="AL30766">
        <v>8</v>
      </c>
      <c r="AM30766">
        <v>9</v>
      </c>
      <c r="AN30766">
        <v>9</v>
      </c>
      <c r="AO30766">
        <v>9</v>
      </c>
      <c r="AP30766">
        <v>9</v>
      </c>
      <c r="AQ30766">
        <v>9</v>
      </c>
    </row>
    <row r="30767" spans="1:43">
      <c r="A30767" t="s">
        <v>19065</v>
      </c>
      <c r="B30767" t="s">
        <v>19066</v>
      </c>
      <c r="C30767" t="s">
        <v>19021</v>
      </c>
      <c r="D30767" t="s">
        <v>19022</v>
      </c>
      <c r="E30767" t="s">
        <v>18995</v>
      </c>
      <c r="F30767" t="s">
        <v>18996</v>
      </c>
      <c r="G30767" t="s">
        <v>10734</v>
      </c>
      <c r="H30767" t="s">
        <v>10735</v>
      </c>
      <c r="I30767" s="2">
        <v>0</v>
      </c>
      <c r="J30767" s="2">
        <v>0</v>
      </c>
      <c r="K30767" s="2">
        <v>1</v>
      </c>
      <c r="L30767" t="s">
        <v>995</v>
      </c>
      <c r="M30767" t="s">
        <v>87</v>
      </c>
      <c r="N30767" t="s">
        <v>88</v>
      </c>
      <c r="O30767" t="s">
        <v>85</v>
      </c>
      <c r="P30767" t="s">
        <v>86</v>
      </c>
      <c r="Q30767">
        <v>6</v>
      </c>
      <c r="R30767">
        <v>6</v>
      </c>
      <c r="S30767">
        <v>6</v>
      </c>
      <c r="T30767">
        <v>6</v>
      </c>
      <c r="U30767">
        <v>6</v>
      </c>
      <c r="V30767">
        <v>7</v>
      </c>
      <c r="W30767">
        <v>7</v>
      </c>
      <c r="X30767">
        <v>7</v>
      </c>
      <c r="Y30767">
        <v>7</v>
      </c>
      <c r="Z30767">
        <v>7</v>
      </c>
      <c r="AA30767">
        <v>7</v>
      </c>
      <c r="AB30767">
        <v>7</v>
      </c>
      <c r="AC30767">
        <v>7</v>
      </c>
      <c r="AD30767">
        <v>7</v>
      </c>
      <c r="AE30767">
        <v>7</v>
      </c>
      <c r="AF30767">
        <v>7</v>
      </c>
      <c r="AG30767">
        <v>7</v>
      </c>
      <c r="AH30767">
        <v>7</v>
      </c>
      <c r="AI30767">
        <v>7</v>
      </c>
      <c r="AJ30767">
        <v>7</v>
      </c>
      <c r="AK30767">
        <v>7</v>
      </c>
      <c r="AL30767">
        <v>7</v>
      </c>
      <c r="AM30767">
        <v>7</v>
      </c>
      <c r="AN30767">
        <v>7</v>
      </c>
      <c r="AO30767">
        <v>7</v>
      </c>
      <c r="AP30767">
        <v>7</v>
      </c>
      <c r="AQ30767">
        <v>8</v>
      </c>
    </row>
    <row r="30768" spans="1:43">
      <c r="A30768" t="s">
        <v>19065</v>
      </c>
      <c r="B30768" t="s">
        <v>19066</v>
      </c>
      <c r="C30768" t="s">
        <v>19021</v>
      </c>
      <c r="D30768" t="s">
        <v>19022</v>
      </c>
      <c r="E30768" t="s">
        <v>18995</v>
      </c>
      <c r="F30768" t="s">
        <v>18996</v>
      </c>
      <c r="G30768" t="s">
        <v>10734</v>
      </c>
      <c r="H30768" t="s">
        <v>10735</v>
      </c>
      <c r="I30768" s="2">
        <v>0</v>
      </c>
      <c r="J30768" s="2">
        <v>0</v>
      </c>
      <c r="K30768" s="2">
        <v>1</v>
      </c>
      <c r="L30768" t="s">
        <v>995</v>
      </c>
      <c r="M30768" t="s">
        <v>89</v>
      </c>
      <c r="N30768" t="s">
        <v>90</v>
      </c>
      <c r="O30768" t="s">
        <v>85</v>
      </c>
      <c r="P30768" t="s">
        <v>86</v>
      </c>
      <c r="Q30768">
        <v>6</v>
      </c>
      <c r="R30768">
        <v>7</v>
      </c>
      <c r="S30768">
        <v>7</v>
      </c>
      <c r="T30768">
        <v>7</v>
      </c>
      <c r="U30768">
        <v>7</v>
      </c>
      <c r="V30768">
        <v>7</v>
      </c>
      <c r="W30768">
        <v>7</v>
      </c>
      <c r="X30768">
        <v>7</v>
      </c>
      <c r="Y30768">
        <v>8</v>
      </c>
      <c r="Z30768">
        <v>8</v>
      </c>
      <c r="AA30768">
        <v>8</v>
      </c>
      <c r="AB30768">
        <v>8</v>
      </c>
      <c r="AC30768">
        <v>8</v>
      </c>
      <c r="AD30768">
        <v>8</v>
      </c>
      <c r="AE30768">
        <v>8</v>
      </c>
      <c r="AF30768">
        <v>8</v>
      </c>
      <c r="AG30768">
        <v>8</v>
      </c>
      <c r="AH30768">
        <v>8</v>
      </c>
      <c r="AI30768">
        <v>8</v>
      </c>
      <c r="AJ30768">
        <v>8</v>
      </c>
      <c r="AK30768">
        <v>9</v>
      </c>
      <c r="AL30768">
        <v>9</v>
      </c>
      <c r="AM30768">
        <v>9</v>
      </c>
      <c r="AN30768">
        <v>9</v>
      </c>
      <c r="AO30768">
        <v>9</v>
      </c>
      <c r="AP30768">
        <v>9</v>
      </c>
      <c r="AQ30768">
        <v>9</v>
      </c>
    </row>
    <row r="30769" spans="1:43">
      <c r="A30769" t="s">
        <v>19065</v>
      </c>
      <c r="B30769" t="s">
        <v>19066</v>
      </c>
      <c r="C30769" t="s">
        <v>19021</v>
      </c>
      <c r="D30769" t="s">
        <v>19022</v>
      </c>
      <c r="E30769" t="s">
        <v>18995</v>
      </c>
      <c r="F30769" t="s">
        <v>18996</v>
      </c>
      <c r="G30769" t="s">
        <v>10734</v>
      </c>
      <c r="H30769" t="s">
        <v>10735</v>
      </c>
      <c r="I30769" s="2">
        <v>0</v>
      </c>
      <c r="J30769" s="2">
        <v>0</v>
      </c>
      <c r="K30769" s="2">
        <v>1</v>
      </c>
      <c r="L30769" t="s">
        <v>995</v>
      </c>
      <c r="M30769" t="s">
        <v>83</v>
      </c>
      <c r="N30769" t="s">
        <v>91</v>
      </c>
      <c r="O30769" t="s">
        <v>85</v>
      </c>
      <c r="P30769" t="s">
        <v>86</v>
      </c>
      <c r="Q30769">
        <v>6</v>
      </c>
      <c r="R30769">
        <v>6</v>
      </c>
      <c r="S30769">
        <v>7</v>
      </c>
      <c r="T30769">
        <v>7</v>
      </c>
      <c r="U30769">
        <v>7</v>
      </c>
      <c r="V30769">
        <v>7</v>
      </c>
      <c r="W30769">
        <v>7</v>
      </c>
      <c r="X30769">
        <v>7</v>
      </c>
      <c r="Y30769">
        <v>7</v>
      </c>
      <c r="Z30769">
        <v>7</v>
      </c>
      <c r="AA30769">
        <v>7</v>
      </c>
      <c r="AB30769">
        <v>8</v>
      </c>
      <c r="AC30769">
        <v>8</v>
      </c>
      <c r="AD30769">
        <v>8</v>
      </c>
      <c r="AE30769">
        <v>8</v>
      </c>
      <c r="AF30769">
        <v>8</v>
      </c>
      <c r="AG30769">
        <v>8</v>
      </c>
      <c r="AH30769">
        <v>8</v>
      </c>
      <c r="AI30769">
        <v>8</v>
      </c>
      <c r="AJ30769">
        <v>8</v>
      </c>
      <c r="AK30769">
        <v>8</v>
      </c>
      <c r="AL30769">
        <v>8</v>
      </c>
      <c r="AM30769">
        <v>9</v>
      </c>
      <c r="AN30769">
        <v>9</v>
      </c>
      <c r="AO30769">
        <v>9</v>
      </c>
      <c r="AP30769">
        <v>9</v>
      </c>
      <c r="AQ30769">
        <v>9</v>
      </c>
    </row>
    <row r="30770" spans="1:43">
      <c r="A30770" t="s">
        <v>19067</v>
      </c>
      <c r="B30770" t="s">
        <v>19068</v>
      </c>
      <c r="C30770" t="s">
        <v>19011</v>
      </c>
      <c r="D30770" t="s">
        <v>19012</v>
      </c>
      <c r="E30770" t="s">
        <v>18995</v>
      </c>
      <c r="F30770" t="s">
        <v>18996</v>
      </c>
      <c r="G30770" t="s">
        <v>10734</v>
      </c>
      <c r="H30770" t="s">
        <v>10735</v>
      </c>
      <c r="I30770" s="2">
        <v>0</v>
      </c>
      <c r="J30770" s="2">
        <v>0</v>
      </c>
      <c r="K30770" s="2">
        <v>1</v>
      </c>
      <c r="L30770" t="s">
        <v>995</v>
      </c>
      <c r="M30770" t="s">
        <v>83</v>
      </c>
      <c r="N30770" t="s">
        <v>84</v>
      </c>
      <c r="O30770" t="s">
        <v>85</v>
      </c>
      <c r="P30770" t="s">
        <v>86</v>
      </c>
      <c r="Q30770">
        <v>15</v>
      </c>
      <c r="R30770">
        <v>15</v>
      </c>
      <c r="S30770">
        <v>15</v>
      </c>
      <c r="T30770">
        <v>16</v>
      </c>
      <c r="U30770">
        <v>16</v>
      </c>
      <c r="V30770">
        <v>16</v>
      </c>
      <c r="W30770">
        <v>16</v>
      </c>
      <c r="X30770">
        <v>16</v>
      </c>
      <c r="Y30770">
        <v>17</v>
      </c>
      <c r="Z30770">
        <v>17</v>
      </c>
      <c r="AA30770">
        <v>17</v>
      </c>
      <c r="AB30770">
        <v>17</v>
      </c>
      <c r="AC30770">
        <v>18</v>
      </c>
      <c r="AD30770">
        <v>18</v>
      </c>
      <c r="AE30770">
        <v>18</v>
      </c>
      <c r="AF30770">
        <v>18</v>
      </c>
      <c r="AG30770">
        <v>19</v>
      </c>
      <c r="AH30770">
        <v>19</v>
      </c>
      <c r="AI30770">
        <v>19</v>
      </c>
      <c r="AJ30770">
        <v>19</v>
      </c>
      <c r="AK30770">
        <v>20</v>
      </c>
      <c r="AL30770">
        <v>20</v>
      </c>
      <c r="AM30770">
        <v>20</v>
      </c>
      <c r="AN30770">
        <v>20</v>
      </c>
      <c r="AO30770">
        <v>20</v>
      </c>
      <c r="AP30770">
        <v>20</v>
      </c>
      <c r="AQ30770">
        <v>20</v>
      </c>
    </row>
    <row r="30771" spans="1:43">
      <c r="A30771" t="s">
        <v>19067</v>
      </c>
      <c r="B30771" t="s">
        <v>19068</v>
      </c>
      <c r="C30771" t="s">
        <v>19011</v>
      </c>
      <c r="D30771" t="s">
        <v>19012</v>
      </c>
      <c r="E30771" t="s">
        <v>18995</v>
      </c>
      <c r="F30771" t="s">
        <v>18996</v>
      </c>
      <c r="G30771" t="s">
        <v>10734</v>
      </c>
      <c r="H30771" t="s">
        <v>10735</v>
      </c>
      <c r="I30771" s="2">
        <v>0</v>
      </c>
      <c r="J30771" s="2">
        <v>0</v>
      </c>
      <c r="K30771" s="2">
        <v>1</v>
      </c>
      <c r="L30771" t="s">
        <v>995</v>
      </c>
      <c r="M30771" t="s">
        <v>87</v>
      </c>
      <c r="N30771" t="s">
        <v>88</v>
      </c>
      <c r="O30771" t="s">
        <v>85</v>
      </c>
      <c r="P30771" t="s">
        <v>86</v>
      </c>
      <c r="Q30771">
        <v>15</v>
      </c>
      <c r="R30771">
        <v>15</v>
      </c>
      <c r="S30771">
        <v>15</v>
      </c>
      <c r="T30771">
        <v>15</v>
      </c>
      <c r="U30771">
        <v>15</v>
      </c>
      <c r="V30771">
        <v>15</v>
      </c>
      <c r="W30771">
        <v>15</v>
      </c>
      <c r="X30771">
        <v>15</v>
      </c>
      <c r="Y30771">
        <v>15</v>
      </c>
      <c r="Z30771">
        <v>16</v>
      </c>
      <c r="AA30771">
        <v>16</v>
      </c>
      <c r="AB30771">
        <v>16</v>
      </c>
      <c r="AC30771">
        <v>16</v>
      </c>
      <c r="AD30771">
        <v>16</v>
      </c>
      <c r="AE30771">
        <v>16</v>
      </c>
      <c r="AF30771">
        <v>16</v>
      </c>
      <c r="AG30771">
        <v>16</v>
      </c>
      <c r="AH30771">
        <v>16</v>
      </c>
      <c r="AI30771">
        <v>17</v>
      </c>
      <c r="AJ30771">
        <v>17</v>
      </c>
      <c r="AK30771">
        <v>17</v>
      </c>
      <c r="AL30771">
        <v>17</v>
      </c>
      <c r="AM30771">
        <v>17</v>
      </c>
      <c r="AN30771">
        <v>17</v>
      </c>
      <c r="AO30771">
        <v>17</v>
      </c>
      <c r="AP30771">
        <v>17</v>
      </c>
      <c r="AQ30771">
        <v>18</v>
      </c>
    </row>
    <row r="30772" spans="1:43">
      <c r="A30772" t="s">
        <v>19067</v>
      </c>
      <c r="B30772" t="s">
        <v>19068</v>
      </c>
      <c r="C30772" t="s">
        <v>19011</v>
      </c>
      <c r="D30772" t="s">
        <v>19012</v>
      </c>
      <c r="E30772" t="s">
        <v>18995</v>
      </c>
      <c r="F30772" t="s">
        <v>18996</v>
      </c>
      <c r="G30772" t="s">
        <v>10734</v>
      </c>
      <c r="H30772" t="s">
        <v>10735</v>
      </c>
      <c r="I30772" s="2">
        <v>0</v>
      </c>
      <c r="J30772" s="2">
        <v>0</v>
      </c>
      <c r="K30772" s="2">
        <v>1</v>
      </c>
      <c r="L30772" t="s">
        <v>995</v>
      </c>
      <c r="M30772" t="s">
        <v>89</v>
      </c>
      <c r="N30772" t="s">
        <v>90</v>
      </c>
      <c r="O30772" t="s">
        <v>85</v>
      </c>
      <c r="P30772" t="s">
        <v>86</v>
      </c>
      <c r="Q30772">
        <v>15</v>
      </c>
      <c r="R30772">
        <v>15</v>
      </c>
      <c r="S30772">
        <v>16</v>
      </c>
      <c r="T30772">
        <v>16</v>
      </c>
      <c r="U30772">
        <v>16</v>
      </c>
      <c r="V30772">
        <v>17</v>
      </c>
      <c r="W30772">
        <v>17</v>
      </c>
      <c r="X30772">
        <v>17</v>
      </c>
      <c r="Y30772">
        <v>18</v>
      </c>
      <c r="Z30772">
        <v>18</v>
      </c>
      <c r="AA30772">
        <v>18</v>
      </c>
      <c r="AB30772">
        <v>19</v>
      </c>
      <c r="AC30772">
        <v>19</v>
      </c>
      <c r="AD30772">
        <v>19</v>
      </c>
      <c r="AE30772">
        <v>19</v>
      </c>
      <c r="AF30772">
        <v>19</v>
      </c>
      <c r="AG30772">
        <v>20</v>
      </c>
      <c r="AH30772">
        <v>20</v>
      </c>
      <c r="AI30772">
        <v>20</v>
      </c>
      <c r="AJ30772">
        <v>20</v>
      </c>
      <c r="AK30772">
        <v>20</v>
      </c>
      <c r="AL30772">
        <v>20</v>
      </c>
      <c r="AM30772">
        <v>20</v>
      </c>
      <c r="AN30772">
        <v>20</v>
      </c>
      <c r="AO30772">
        <v>20</v>
      </c>
      <c r="AP30772">
        <v>20</v>
      </c>
      <c r="AQ30772">
        <v>20</v>
      </c>
    </row>
    <row r="30773" spans="1:43">
      <c r="A30773" t="s">
        <v>19067</v>
      </c>
      <c r="B30773" t="s">
        <v>19068</v>
      </c>
      <c r="C30773" t="s">
        <v>19011</v>
      </c>
      <c r="D30773" t="s">
        <v>19012</v>
      </c>
      <c r="E30773" t="s">
        <v>18995</v>
      </c>
      <c r="F30773" t="s">
        <v>18996</v>
      </c>
      <c r="G30773" t="s">
        <v>10734</v>
      </c>
      <c r="H30773" t="s">
        <v>10735</v>
      </c>
      <c r="I30773" s="2">
        <v>0</v>
      </c>
      <c r="J30773" s="2">
        <v>0</v>
      </c>
      <c r="K30773" s="2">
        <v>1</v>
      </c>
      <c r="L30773" t="s">
        <v>995</v>
      </c>
      <c r="M30773" t="s">
        <v>83</v>
      </c>
      <c r="N30773" t="s">
        <v>91</v>
      </c>
      <c r="O30773" t="s">
        <v>85</v>
      </c>
      <c r="P30773" t="s">
        <v>86</v>
      </c>
      <c r="Q30773">
        <v>15</v>
      </c>
      <c r="R30773">
        <v>15</v>
      </c>
      <c r="S30773">
        <v>15</v>
      </c>
      <c r="T30773">
        <v>16</v>
      </c>
      <c r="U30773">
        <v>16</v>
      </c>
      <c r="V30773">
        <v>16</v>
      </c>
      <c r="W30773">
        <v>16</v>
      </c>
      <c r="X30773">
        <v>16</v>
      </c>
      <c r="Y30773">
        <v>17</v>
      </c>
      <c r="Z30773">
        <v>17</v>
      </c>
      <c r="AA30773">
        <v>17</v>
      </c>
      <c r="AB30773">
        <v>17</v>
      </c>
      <c r="AC30773">
        <v>18</v>
      </c>
      <c r="AD30773">
        <v>18</v>
      </c>
      <c r="AE30773">
        <v>18</v>
      </c>
      <c r="AF30773">
        <v>18</v>
      </c>
      <c r="AG30773">
        <v>19</v>
      </c>
      <c r="AH30773">
        <v>19</v>
      </c>
      <c r="AI30773">
        <v>19</v>
      </c>
      <c r="AJ30773">
        <v>19</v>
      </c>
      <c r="AK30773">
        <v>20</v>
      </c>
      <c r="AL30773">
        <v>20</v>
      </c>
      <c r="AM30773">
        <v>20</v>
      </c>
      <c r="AN30773">
        <v>20</v>
      </c>
      <c r="AO30773">
        <v>20</v>
      </c>
      <c r="AP30773">
        <v>20</v>
      </c>
      <c r="AQ30773">
        <v>20</v>
      </c>
    </row>
    <row r="30774" spans="1:43">
      <c r="A30774" t="s">
        <v>19069</v>
      </c>
      <c r="B30774" t="s">
        <v>19070</v>
      </c>
      <c r="C30774" t="s">
        <v>19029</v>
      </c>
      <c r="D30774" t="s">
        <v>19030</v>
      </c>
      <c r="E30774" t="s">
        <v>18995</v>
      </c>
      <c r="F30774" t="s">
        <v>18996</v>
      </c>
      <c r="G30774" t="s">
        <v>10734</v>
      </c>
      <c r="H30774" t="s">
        <v>10735</v>
      </c>
      <c r="I30774" s="2">
        <v>0</v>
      </c>
      <c r="J30774" s="2">
        <v>0</v>
      </c>
      <c r="K30774" s="2">
        <v>1</v>
      </c>
      <c r="L30774" t="s">
        <v>995</v>
      </c>
      <c r="M30774" t="s">
        <v>83</v>
      </c>
      <c r="N30774" t="s">
        <v>84</v>
      </c>
      <c r="O30774" t="s">
        <v>85</v>
      </c>
      <c r="P30774" t="s">
        <v>86</v>
      </c>
      <c r="Q30774">
        <v>13</v>
      </c>
      <c r="R30774">
        <v>13</v>
      </c>
      <c r="S30774">
        <v>14</v>
      </c>
      <c r="T30774">
        <v>14</v>
      </c>
      <c r="U30774">
        <v>14</v>
      </c>
      <c r="V30774">
        <v>14</v>
      </c>
      <c r="W30774">
        <v>15</v>
      </c>
      <c r="X30774">
        <v>15</v>
      </c>
      <c r="Y30774">
        <v>15</v>
      </c>
      <c r="Z30774">
        <v>15</v>
      </c>
      <c r="AA30774">
        <v>15</v>
      </c>
      <c r="AB30774">
        <v>16</v>
      </c>
      <c r="AC30774">
        <v>16</v>
      </c>
      <c r="AD30774">
        <v>16</v>
      </c>
      <c r="AE30774">
        <v>16</v>
      </c>
      <c r="AF30774">
        <v>16</v>
      </c>
      <c r="AG30774">
        <v>17</v>
      </c>
      <c r="AH30774">
        <v>17</v>
      </c>
      <c r="AI30774">
        <v>17</v>
      </c>
      <c r="AJ30774">
        <v>17</v>
      </c>
      <c r="AK30774">
        <v>18</v>
      </c>
      <c r="AL30774">
        <v>18</v>
      </c>
      <c r="AM30774">
        <v>18</v>
      </c>
      <c r="AN30774">
        <v>18</v>
      </c>
      <c r="AO30774">
        <v>18</v>
      </c>
      <c r="AP30774">
        <v>18</v>
      </c>
      <c r="AQ30774">
        <v>18</v>
      </c>
    </row>
    <row r="30775" spans="1:43">
      <c r="A30775" t="s">
        <v>19069</v>
      </c>
      <c r="B30775" t="s">
        <v>19070</v>
      </c>
      <c r="C30775" t="s">
        <v>19029</v>
      </c>
      <c r="D30775" t="s">
        <v>19030</v>
      </c>
      <c r="E30775" t="s">
        <v>18995</v>
      </c>
      <c r="F30775" t="s">
        <v>18996</v>
      </c>
      <c r="G30775" t="s">
        <v>10734</v>
      </c>
      <c r="H30775" t="s">
        <v>10735</v>
      </c>
      <c r="I30775" s="2">
        <v>0</v>
      </c>
      <c r="J30775" s="2">
        <v>0</v>
      </c>
      <c r="K30775" s="2">
        <v>1</v>
      </c>
      <c r="L30775" t="s">
        <v>995</v>
      </c>
      <c r="M30775" t="s">
        <v>87</v>
      </c>
      <c r="N30775" t="s">
        <v>88</v>
      </c>
      <c r="O30775" t="s">
        <v>85</v>
      </c>
      <c r="P30775" t="s">
        <v>86</v>
      </c>
      <c r="Q30775">
        <v>13</v>
      </c>
      <c r="R30775">
        <v>13</v>
      </c>
      <c r="S30775">
        <v>13</v>
      </c>
      <c r="T30775">
        <v>13</v>
      </c>
      <c r="U30775">
        <v>13</v>
      </c>
      <c r="V30775">
        <v>14</v>
      </c>
      <c r="W30775">
        <v>14</v>
      </c>
      <c r="X30775">
        <v>14</v>
      </c>
      <c r="Y30775">
        <v>14</v>
      </c>
      <c r="Z30775">
        <v>14</v>
      </c>
      <c r="AA30775">
        <v>14</v>
      </c>
      <c r="AB30775">
        <v>14</v>
      </c>
      <c r="AC30775">
        <v>14</v>
      </c>
      <c r="AD30775">
        <v>14</v>
      </c>
      <c r="AE30775">
        <v>14</v>
      </c>
      <c r="AF30775">
        <v>15</v>
      </c>
      <c r="AG30775">
        <v>15</v>
      </c>
      <c r="AH30775">
        <v>15</v>
      </c>
      <c r="AI30775">
        <v>15</v>
      </c>
      <c r="AJ30775">
        <v>15</v>
      </c>
      <c r="AK30775">
        <v>15</v>
      </c>
      <c r="AL30775">
        <v>15</v>
      </c>
      <c r="AM30775">
        <v>15</v>
      </c>
      <c r="AN30775">
        <v>15</v>
      </c>
      <c r="AO30775">
        <v>15</v>
      </c>
      <c r="AP30775">
        <v>16</v>
      </c>
      <c r="AQ30775">
        <v>16</v>
      </c>
    </row>
    <row r="30776" spans="1:43">
      <c r="A30776" t="s">
        <v>19069</v>
      </c>
      <c r="B30776" t="s">
        <v>19070</v>
      </c>
      <c r="C30776" t="s">
        <v>19029</v>
      </c>
      <c r="D30776" t="s">
        <v>19030</v>
      </c>
      <c r="E30776" t="s">
        <v>18995</v>
      </c>
      <c r="F30776" t="s">
        <v>18996</v>
      </c>
      <c r="G30776" t="s">
        <v>10734</v>
      </c>
      <c r="H30776" t="s">
        <v>10735</v>
      </c>
      <c r="I30776" s="2">
        <v>0</v>
      </c>
      <c r="J30776" s="2">
        <v>0</v>
      </c>
      <c r="K30776" s="2">
        <v>1</v>
      </c>
      <c r="L30776" t="s">
        <v>995</v>
      </c>
      <c r="M30776" t="s">
        <v>89</v>
      </c>
      <c r="N30776" t="s">
        <v>90</v>
      </c>
      <c r="O30776" t="s">
        <v>85</v>
      </c>
      <c r="P30776" t="s">
        <v>86</v>
      </c>
      <c r="Q30776">
        <v>13</v>
      </c>
      <c r="R30776">
        <v>14</v>
      </c>
      <c r="S30776">
        <v>14</v>
      </c>
      <c r="T30776">
        <v>14</v>
      </c>
      <c r="U30776">
        <v>15</v>
      </c>
      <c r="V30776">
        <v>15</v>
      </c>
      <c r="W30776">
        <v>15</v>
      </c>
      <c r="X30776">
        <v>16</v>
      </c>
      <c r="Y30776">
        <v>16</v>
      </c>
      <c r="Z30776">
        <v>16</v>
      </c>
      <c r="AA30776">
        <v>16</v>
      </c>
      <c r="AB30776">
        <v>17</v>
      </c>
      <c r="AC30776">
        <v>17</v>
      </c>
      <c r="AD30776">
        <v>17</v>
      </c>
      <c r="AE30776">
        <v>17</v>
      </c>
      <c r="AF30776">
        <v>17</v>
      </c>
      <c r="AG30776">
        <v>18</v>
      </c>
      <c r="AH30776">
        <v>18</v>
      </c>
      <c r="AI30776">
        <v>18</v>
      </c>
      <c r="AJ30776">
        <v>18</v>
      </c>
      <c r="AK30776">
        <v>18</v>
      </c>
      <c r="AL30776">
        <v>18</v>
      </c>
      <c r="AM30776">
        <v>18</v>
      </c>
      <c r="AN30776">
        <v>18</v>
      </c>
      <c r="AO30776">
        <v>18</v>
      </c>
      <c r="AP30776">
        <v>18</v>
      </c>
      <c r="AQ30776">
        <v>18</v>
      </c>
    </row>
    <row r="30777" spans="1:43">
      <c r="A30777" t="s">
        <v>19069</v>
      </c>
      <c r="B30777" t="s">
        <v>19070</v>
      </c>
      <c r="C30777" t="s">
        <v>19029</v>
      </c>
      <c r="D30777" t="s">
        <v>19030</v>
      </c>
      <c r="E30777" t="s">
        <v>18995</v>
      </c>
      <c r="F30777" t="s">
        <v>18996</v>
      </c>
      <c r="G30777" t="s">
        <v>10734</v>
      </c>
      <c r="H30777" t="s">
        <v>10735</v>
      </c>
      <c r="I30777" s="2">
        <v>0</v>
      </c>
      <c r="J30777" s="2">
        <v>0</v>
      </c>
      <c r="K30777" s="2">
        <v>1</v>
      </c>
      <c r="L30777" t="s">
        <v>995</v>
      </c>
      <c r="M30777" t="s">
        <v>83</v>
      </c>
      <c r="N30777" t="s">
        <v>91</v>
      </c>
      <c r="O30777" t="s">
        <v>85</v>
      </c>
      <c r="P30777" t="s">
        <v>86</v>
      </c>
      <c r="Q30777">
        <v>13</v>
      </c>
      <c r="R30777">
        <v>13</v>
      </c>
      <c r="S30777">
        <v>14</v>
      </c>
      <c r="T30777">
        <v>14</v>
      </c>
      <c r="U30777">
        <v>14</v>
      </c>
      <c r="V30777">
        <v>14</v>
      </c>
      <c r="W30777">
        <v>15</v>
      </c>
      <c r="X30777">
        <v>15</v>
      </c>
      <c r="Y30777">
        <v>15</v>
      </c>
      <c r="Z30777">
        <v>15</v>
      </c>
      <c r="AA30777">
        <v>15</v>
      </c>
      <c r="AB30777">
        <v>16</v>
      </c>
      <c r="AC30777">
        <v>16</v>
      </c>
      <c r="AD30777">
        <v>16</v>
      </c>
      <c r="AE30777">
        <v>16</v>
      </c>
      <c r="AF30777">
        <v>16</v>
      </c>
      <c r="AG30777">
        <v>17</v>
      </c>
      <c r="AH30777">
        <v>17</v>
      </c>
      <c r="AI30777">
        <v>17</v>
      </c>
      <c r="AJ30777">
        <v>17</v>
      </c>
      <c r="AK30777">
        <v>18</v>
      </c>
      <c r="AL30777">
        <v>18</v>
      </c>
      <c r="AM30777">
        <v>18</v>
      </c>
      <c r="AN30777">
        <v>18</v>
      </c>
      <c r="AO30777">
        <v>18</v>
      </c>
      <c r="AP30777">
        <v>18</v>
      </c>
      <c r="AQ30777">
        <v>18</v>
      </c>
    </row>
    <row r="30778" spans="1:43">
      <c r="A30778" t="s">
        <v>19071</v>
      </c>
      <c r="B30778" t="s">
        <v>19072</v>
      </c>
      <c r="C30778" t="s">
        <v>19021</v>
      </c>
      <c r="D30778" t="s">
        <v>19022</v>
      </c>
      <c r="E30778" t="s">
        <v>18995</v>
      </c>
      <c r="F30778" t="s">
        <v>18996</v>
      </c>
      <c r="G30778" t="s">
        <v>10734</v>
      </c>
      <c r="H30778" t="s">
        <v>10735</v>
      </c>
      <c r="I30778" s="2">
        <v>0</v>
      </c>
      <c r="J30778" s="2">
        <v>0</v>
      </c>
      <c r="K30778" s="2">
        <v>1</v>
      </c>
      <c r="L30778" t="s">
        <v>995</v>
      </c>
      <c r="M30778" t="s">
        <v>83</v>
      </c>
      <c r="N30778" t="s">
        <v>84</v>
      </c>
      <c r="O30778" t="s">
        <v>85</v>
      </c>
      <c r="P30778" t="s">
        <v>86</v>
      </c>
      <c r="Q30778">
        <v>10</v>
      </c>
      <c r="R30778">
        <v>10</v>
      </c>
      <c r="S30778">
        <v>10</v>
      </c>
      <c r="T30778">
        <v>11</v>
      </c>
      <c r="U30778">
        <v>11</v>
      </c>
      <c r="V30778">
        <v>11</v>
      </c>
      <c r="W30778">
        <v>11</v>
      </c>
      <c r="X30778">
        <v>11</v>
      </c>
      <c r="Y30778">
        <v>11</v>
      </c>
      <c r="Z30778">
        <v>12</v>
      </c>
      <c r="AA30778">
        <v>12</v>
      </c>
      <c r="AB30778">
        <v>12</v>
      </c>
      <c r="AC30778">
        <v>12</v>
      </c>
      <c r="AD30778">
        <v>12</v>
      </c>
      <c r="AE30778">
        <v>12</v>
      </c>
      <c r="AF30778">
        <v>13</v>
      </c>
      <c r="AG30778">
        <v>13</v>
      </c>
      <c r="AH30778">
        <v>13</v>
      </c>
      <c r="AI30778">
        <v>13</v>
      </c>
      <c r="AJ30778">
        <v>13</v>
      </c>
      <c r="AK30778">
        <v>13</v>
      </c>
      <c r="AL30778">
        <v>13</v>
      </c>
      <c r="AM30778">
        <v>13</v>
      </c>
      <c r="AN30778">
        <v>14</v>
      </c>
      <c r="AO30778">
        <v>14</v>
      </c>
      <c r="AP30778">
        <v>14</v>
      </c>
      <c r="AQ30778">
        <v>14</v>
      </c>
    </row>
    <row r="30779" spans="1:43">
      <c r="A30779" t="s">
        <v>19071</v>
      </c>
      <c r="B30779" t="s">
        <v>19072</v>
      </c>
      <c r="C30779" t="s">
        <v>19021</v>
      </c>
      <c r="D30779" t="s">
        <v>19022</v>
      </c>
      <c r="E30779" t="s">
        <v>18995</v>
      </c>
      <c r="F30779" t="s">
        <v>18996</v>
      </c>
      <c r="G30779" t="s">
        <v>10734</v>
      </c>
      <c r="H30779" t="s">
        <v>10735</v>
      </c>
      <c r="I30779" s="2">
        <v>0</v>
      </c>
      <c r="J30779" s="2">
        <v>0</v>
      </c>
      <c r="K30779" s="2">
        <v>1</v>
      </c>
      <c r="L30779" t="s">
        <v>995</v>
      </c>
      <c r="M30779" t="s">
        <v>87</v>
      </c>
      <c r="N30779" t="s">
        <v>88</v>
      </c>
      <c r="O30779" t="s">
        <v>85</v>
      </c>
      <c r="P30779" t="s">
        <v>86</v>
      </c>
      <c r="Q30779">
        <v>10</v>
      </c>
      <c r="R30779">
        <v>10</v>
      </c>
      <c r="S30779">
        <v>10</v>
      </c>
      <c r="T30779">
        <v>10</v>
      </c>
      <c r="U30779">
        <v>10</v>
      </c>
      <c r="V30779">
        <v>10</v>
      </c>
      <c r="W30779">
        <v>10</v>
      </c>
      <c r="X30779">
        <v>10</v>
      </c>
      <c r="Y30779">
        <v>11</v>
      </c>
      <c r="Z30779">
        <v>11</v>
      </c>
      <c r="AA30779">
        <v>11</v>
      </c>
      <c r="AB30779">
        <v>11</v>
      </c>
      <c r="AC30779">
        <v>11</v>
      </c>
      <c r="AD30779">
        <v>11</v>
      </c>
      <c r="AE30779">
        <v>11</v>
      </c>
      <c r="AF30779">
        <v>11</v>
      </c>
      <c r="AG30779">
        <v>11</v>
      </c>
      <c r="AH30779">
        <v>11</v>
      </c>
      <c r="AI30779">
        <v>11</v>
      </c>
      <c r="AJ30779">
        <v>11</v>
      </c>
      <c r="AK30779">
        <v>11</v>
      </c>
      <c r="AL30779">
        <v>12</v>
      </c>
      <c r="AM30779">
        <v>12</v>
      </c>
      <c r="AN30779">
        <v>12</v>
      </c>
      <c r="AO30779">
        <v>12</v>
      </c>
      <c r="AP30779">
        <v>12</v>
      </c>
      <c r="AQ30779">
        <v>12</v>
      </c>
    </row>
    <row r="30780" spans="1:43">
      <c r="A30780" t="s">
        <v>19071</v>
      </c>
      <c r="B30780" t="s">
        <v>19072</v>
      </c>
      <c r="C30780" t="s">
        <v>19021</v>
      </c>
      <c r="D30780" t="s">
        <v>19022</v>
      </c>
      <c r="E30780" t="s">
        <v>18995</v>
      </c>
      <c r="F30780" t="s">
        <v>18996</v>
      </c>
      <c r="G30780" t="s">
        <v>10734</v>
      </c>
      <c r="H30780" t="s">
        <v>10735</v>
      </c>
      <c r="I30780" s="2">
        <v>0</v>
      </c>
      <c r="J30780" s="2">
        <v>0</v>
      </c>
      <c r="K30780" s="2">
        <v>1</v>
      </c>
      <c r="L30780" t="s">
        <v>995</v>
      </c>
      <c r="M30780" t="s">
        <v>89</v>
      </c>
      <c r="N30780" t="s">
        <v>90</v>
      </c>
      <c r="O30780" t="s">
        <v>85</v>
      </c>
      <c r="P30780" t="s">
        <v>86</v>
      </c>
      <c r="Q30780">
        <v>10</v>
      </c>
      <c r="R30780">
        <v>10</v>
      </c>
      <c r="S30780">
        <v>11</v>
      </c>
      <c r="T30780">
        <v>11</v>
      </c>
      <c r="U30780">
        <v>11</v>
      </c>
      <c r="V30780">
        <v>11</v>
      </c>
      <c r="W30780">
        <v>12</v>
      </c>
      <c r="X30780">
        <v>12</v>
      </c>
      <c r="Y30780">
        <v>12</v>
      </c>
      <c r="Z30780">
        <v>12</v>
      </c>
      <c r="AA30780">
        <v>12</v>
      </c>
      <c r="AB30780">
        <v>13</v>
      </c>
      <c r="AC30780">
        <v>13</v>
      </c>
      <c r="AD30780">
        <v>13</v>
      </c>
      <c r="AE30780">
        <v>13</v>
      </c>
      <c r="AF30780">
        <v>13</v>
      </c>
      <c r="AG30780">
        <v>13</v>
      </c>
      <c r="AH30780">
        <v>13</v>
      </c>
      <c r="AI30780">
        <v>13</v>
      </c>
      <c r="AJ30780">
        <v>13</v>
      </c>
      <c r="AK30780">
        <v>13</v>
      </c>
      <c r="AL30780">
        <v>14</v>
      </c>
      <c r="AM30780">
        <v>14</v>
      </c>
      <c r="AN30780">
        <v>14</v>
      </c>
      <c r="AO30780">
        <v>14</v>
      </c>
      <c r="AP30780">
        <v>14</v>
      </c>
      <c r="AQ30780">
        <v>14</v>
      </c>
    </row>
    <row r="30781" spans="1:43">
      <c r="A30781" t="s">
        <v>19071</v>
      </c>
      <c r="B30781" t="s">
        <v>19072</v>
      </c>
      <c r="C30781" t="s">
        <v>19021</v>
      </c>
      <c r="D30781" t="s">
        <v>19022</v>
      </c>
      <c r="E30781" t="s">
        <v>18995</v>
      </c>
      <c r="F30781" t="s">
        <v>18996</v>
      </c>
      <c r="G30781" t="s">
        <v>10734</v>
      </c>
      <c r="H30781" t="s">
        <v>10735</v>
      </c>
      <c r="I30781" s="2">
        <v>0</v>
      </c>
      <c r="J30781" s="2">
        <v>0</v>
      </c>
      <c r="K30781" s="2">
        <v>1</v>
      </c>
      <c r="L30781" t="s">
        <v>995</v>
      </c>
      <c r="M30781" t="s">
        <v>83</v>
      </c>
      <c r="N30781" t="s">
        <v>91</v>
      </c>
      <c r="O30781" t="s">
        <v>85</v>
      </c>
      <c r="P30781" t="s">
        <v>86</v>
      </c>
      <c r="Q30781">
        <v>10</v>
      </c>
      <c r="R30781">
        <v>10</v>
      </c>
      <c r="S30781">
        <v>10</v>
      </c>
      <c r="T30781">
        <v>11</v>
      </c>
      <c r="U30781">
        <v>11</v>
      </c>
      <c r="V30781">
        <v>11</v>
      </c>
      <c r="W30781">
        <v>11</v>
      </c>
      <c r="X30781">
        <v>11</v>
      </c>
      <c r="Y30781">
        <v>11</v>
      </c>
      <c r="Z30781">
        <v>12</v>
      </c>
      <c r="AA30781">
        <v>12</v>
      </c>
      <c r="AB30781">
        <v>12</v>
      </c>
      <c r="AC30781">
        <v>12</v>
      </c>
      <c r="AD30781">
        <v>12</v>
      </c>
      <c r="AE30781">
        <v>12</v>
      </c>
      <c r="AF30781">
        <v>13</v>
      </c>
      <c r="AG30781">
        <v>13</v>
      </c>
      <c r="AH30781">
        <v>13</v>
      </c>
      <c r="AI30781">
        <v>13</v>
      </c>
      <c r="AJ30781">
        <v>13</v>
      </c>
      <c r="AK30781">
        <v>13</v>
      </c>
      <c r="AL30781">
        <v>13</v>
      </c>
      <c r="AM30781">
        <v>13</v>
      </c>
      <c r="AN30781">
        <v>14</v>
      </c>
      <c r="AO30781">
        <v>14</v>
      </c>
      <c r="AP30781">
        <v>14</v>
      </c>
      <c r="AQ30781">
        <v>14</v>
      </c>
    </row>
    <row r="30782" spans="1:43">
      <c r="A30782" t="s">
        <v>19073</v>
      </c>
      <c r="B30782" t="s">
        <v>19074</v>
      </c>
      <c r="C30782" t="s">
        <v>19075</v>
      </c>
      <c r="D30782" t="s">
        <v>19076</v>
      </c>
      <c r="E30782" t="s">
        <v>18995</v>
      </c>
      <c r="F30782" t="s">
        <v>18996</v>
      </c>
      <c r="G30782" t="s">
        <v>10734</v>
      </c>
      <c r="H30782" t="s">
        <v>10735</v>
      </c>
      <c r="I30782" s="2">
        <v>0</v>
      </c>
      <c r="J30782" s="2">
        <v>0</v>
      </c>
      <c r="K30782" s="2">
        <v>1</v>
      </c>
      <c r="L30782" t="s">
        <v>995</v>
      </c>
      <c r="M30782" t="s">
        <v>83</v>
      </c>
      <c r="N30782" t="s">
        <v>84</v>
      </c>
      <c r="O30782" t="s">
        <v>85</v>
      </c>
      <c r="P30782" t="s">
        <v>86</v>
      </c>
      <c r="Q30782">
        <v>112</v>
      </c>
      <c r="R30782">
        <v>114</v>
      </c>
      <c r="S30782">
        <v>115</v>
      </c>
      <c r="T30782">
        <v>117</v>
      </c>
      <c r="U30782">
        <v>119</v>
      </c>
      <c r="V30782">
        <v>121</v>
      </c>
      <c r="W30782">
        <v>123</v>
      </c>
      <c r="X30782">
        <v>125</v>
      </c>
      <c r="Y30782">
        <v>127</v>
      </c>
      <c r="Z30782">
        <v>129</v>
      </c>
      <c r="AA30782">
        <v>131</v>
      </c>
      <c r="AB30782">
        <v>133</v>
      </c>
      <c r="AC30782">
        <v>135</v>
      </c>
      <c r="AD30782">
        <v>137</v>
      </c>
      <c r="AE30782">
        <v>139</v>
      </c>
      <c r="AF30782">
        <v>140</v>
      </c>
      <c r="AG30782">
        <v>142</v>
      </c>
      <c r="AH30782">
        <v>144</v>
      </c>
      <c r="AI30782">
        <v>146</v>
      </c>
      <c r="AJ30782">
        <v>148</v>
      </c>
      <c r="AK30782">
        <v>150</v>
      </c>
      <c r="AL30782">
        <v>152</v>
      </c>
      <c r="AM30782">
        <v>153</v>
      </c>
      <c r="AN30782">
        <v>154</v>
      </c>
      <c r="AO30782">
        <v>154</v>
      </c>
      <c r="AP30782">
        <v>155</v>
      </c>
      <c r="AQ30782">
        <v>156</v>
      </c>
    </row>
    <row r="30783" spans="1:43">
      <c r="A30783" t="s">
        <v>19073</v>
      </c>
      <c r="B30783" t="s">
        <v>19074</v>
      </c>
      <c r="C30783" t="s">
        <v>19075</v>
      </c>
      <c r="D30783" t="s">
        <v>19076</v>
      </c>
      <c r="E30783" t="s">
        <v>18995</v>
      </c>
      <c r="F30783" t="s">
        <v>18996</v>
      </c>
      <c r="G30783" t="s">
        <v>10734</v>
      </c>
      <c r="H30783" t="s">
        <v>10735</v>
      </c>
      <c r="I30783" s="2">
        <v>0</v>
      </c>
      <c r="J30783" s="2">
        <v>0</v>
      </c>
      <c r="K30783" s="2">
        <v>1</v>
      </c>
      <c r="L30783" t="s">
        <v>995</v>
      </c>
      <c r="M30783" t="s">
        <v>87</v>
      </c>
      <c r="N30783" t="s">
        <v>88</v>
      </c>
      <c r="O30783" t="s">
        <v>85</v>
      </c>
      <c r="P30783" t="s">
        <v>86</v>
      </c>
      <c r="Q30783">
        <v>112</v>
      </c>
      <c r="R30783">
        <v>112</v>
      </c>
      <c r="S30783">
        <v>113</v>
      </c>
      <c r="T30783">
        <v>114</v>
      </c>
      <c r="U30783">
        <v>115</v>
      </c>
      <c r="V30783">
        <v>116</v>
      </c>
      <c r="W30783">
        <v>117</v>
      </c>
      <c r="X30783">
        <v>118</v>
      </c>
      <c r="Y30783">
        <v>118</v>
      </c>
      <c r="Z30783">
        <v>119</v>
      </c>
      <c r="AA30783">
        <v>120</v>
      </c>
      <c r="AB30783">
        <v>121</v>
      </c>
      <c r="AC30783">
        <v>122</v>
      </c>
      <c r="AD30783">
        <v>123</v>
      </c>
      <c r="AE30783">
        <v>124</v>
      </c>
      <c r="AF30783">
        <v>125</v>
      </c>
      <c r="AG30783">
        <v>126</v>
      </c>
      <c r="AH30783">
        <v>126</v>
      </c>
      <c r="AI30783">
        <v>127</v>
      </c>
      <c r="AJ30783">
        <v>128</v>
      </c>
      <c r="AK30783">
        <v>129</v>
      </c>
      <c r="AL30783">
        <v>130</v>
      </c>
      <c r="AM30783">
        <v>131</v>
      </c>
      <c r="AN30783">
        <v>132</v>
      </c>
      <c r="AO30783">
        <v>133</v>
      </c>
      <c r="AP30783">
        <v>135</v>
      </c>
      <c r="AQ30783">
        <v>136</v>
      </c>
    </row>
    <row r="30784" spans="1:43">
      <c r="A30784" t="s">
        <v>19073</v>
      </c>
      <c r="B30784" t="s">
        <v>19074</v>
      </c>
      <c r="C30784" t="s">
        <v>19075</v>
      </c>
      <c r="D30784" t="s">
        <v>19076</v>
      </c>
      <c r="E30784" t="s">
        <v>18995</v>
      </c>
      <c r="F30784" t="s">
        <v>18996</v>
      </c>
      <c r="G30784" t="s">
        <v>10734</v>
      </c>
      <c r="H30784" t="s">
        <v>10735</v>
      </c>
      <c r="I30784" s="2">
        <v>0</v>
      </c>
      <c r="J30784" s="2">
        <v>0</v>
      </c>
      <c r="K30784" s="2">
        <v>1</v>
      </c>
      <c r="L30784" t="s">
        <v>995</v>
      </c>
      <c r="M30784" t="s">
        <v>89</v>
      </c>
      <c r="N30784" t="s">
        <v>90</v>
      </c>
      <c r="O30784" t="s">
        <v>85</v>
      </c>
      <c r="P30784" t="s">
        <v>86</v>
      </c>
      <c r="Q30784">
        <v>112</v>
      </c>
      <c r="R30784">
        <v>115</v>
      </c>
      <c r="S30784">
        <v>117</v>
      </c>
      <c r="T30784">
        <v>120</v>
      </c>
      <c r="U30784">
        <v>123</v>
      </c>
      <c r="V30784">
        <v>126</v>
      </c>
      <c r="W30784">
        <v>128</v>
      </c>
      <c r="X30784">
        <v>131</v>
      </c>
      <c r="Y30784">
        <v>134</v>
      </c>
      <c r="Z30784">
        <v>136</v>
      </c>
      <c r="AA30784">
        <v>138</v>
      </c>
      <c r="AB30784">
        <v>141</v>
      </c>
      <c r="AC30784">
        <v>143</v>
      </c>
      <c r="AD30784">
        <v>146</v>
      </c>
      <c r="AE30784">
        <v>148</v>
      </c>
      <c r="AF30784">
        <v>148</v>
      </c>
      <c r="AG30784">
        <v>149</v>
      </c>
      <c r="AH30784">
        <v>150</v>
      </c>
      <c r="AI30784">
        <v>151</v>
      </c>
      <c r="AJ30784">
        <v>152</v>
      </c>
      <c r="AK30784">
        <v>153</v>
      </c>
      <c r="AL30784">
        <v>153</v>
      </c>
      <c r="AM30784">
        <v>154</v>
      </c>
      <c r="AN30784">
        <v>155</v>
      </c>
      <c r="AO30784">
        <v>156</v>
      </c>
      <c r="AP30784">
        <v>157</v>
      </c>
      <c r="AQ30784">
        <v>158</v>
      </c>
    </row>
    <row r="30785" spans="1:43">
      <c r="A30785" t="s">
        <v>19073</v>
      </c>
      <c r="B30785" t="s">
        <v>19074</v>
      </c>
      <c r="C30785" t="s">
        <v>19075</v>
      </c>
      <c r="D30785" t="s">
        <v>19076</v>
      </c>
      <c r="E30785" t="s">
        <v>18995</v>
      </c>
      <c r="F30785" t="s">
        <v>18996</v>
      </c>
      <c r="G30785" t="s">
        <v>10734</v>
      </c>
      <c r="H30785" t="s">
        <v>10735</v>
      </c>
      <c r="I30785" s="2">
        <v>0</v>
      </c>
      <c r="J30785" s="2">
        <v>0</v>
      </c>
      <c r="K30785" s="2">
        <v>1</v>
      </c>
      <c r="L30785" t="s">
        <v>995</v>
      </c>
      <c r="M30785" t="s">
        <v>83</v>
      </c>
      <c r="N30785" t="s">
        <v>91</v>
      </c>
      <c r="O30785" t="s">
        <v>85</v>
      </c>
      <c r="P30785" t="s">
        <v>86</v>
      </c>
      <c r="Q30785">
        <v>112</v>
      </c>
      <c r="R30785">
        <v>114</v>
      </c>
      <c r="S30785">
        <v>115</v>
      </c>
      <c r="T30785">
        <v>117</v>
      </c>
      <c r="U30785">
        <v>119</v>
      </c>
      <c r="V30785">
        <v>121</v>
      </c>
      <c r="W30785">
        <v>123</v>
      </c>
      <c r="X30785">
        <v>125</v>
      </c>
      <c r="Y30785">
        <v>127</v>
      </c>
      <c r="Z30785">
        <v>129</v>
      </c>
      <c r="AA30785">
        <v>131</v>
      </c>
      <c r="AB30785">
        <v>133</v>
      </c>
      <c r="AC30785">
        <v>135</v>
      </c>
      <c r="AD30785">
        <v>137</v>
      </c>
      <c r="AE30785">
        <v>139</v>
      </c>
      <c r="AF30785">
        <v>140</v>
      </c>
      <c r="AG30785">
        <v>142</v>
      </c>
      <c r="AH30785">
        <v>144</v>
      </c>
      <c r="AI30785">
        <v>146</v>
      </c>
      <c r="AJ30785">
        <v>148</v>
      </c>
      <c r="AK30785">
        <v>150</v>
      </c>
      <c r="AL30785">
        <v>152</v>
      </c>
      <c r="AM30785">
        <v>153</v>
      </c>
      <c r="AN30785">
        <v>154</v>
      </c>
      <c r="AO30785">
        <v>154</v>
      </c>
      <c r="AP30785">
        <v>155</v>
      </c>
      <c r="AQ30785">
        <v>156</v>
      </c>
    </row>
    <row r="30786" spans="1:43">
      <c r="A30786" t="s">
        <v>19077</v>
      </c>
      <c r="B30786" t="s">
        <v>19078</v>
      </c>
      <c r="C30786" t="s">
        <v>19079</v>
      </c>
      <c r="D30786" t="s">
        <v>19080</v>
      </c>
      <c r="E30786" t="s">
        <v>18995</v>
      </c>
      <c r="F30786" t="s">
        <v>18996</v>
      </c>
      <c r="G30786" t="s">
        <v>10734</v>
      </c>
      <c r="H30786" t="s">
        <v>10735</v>
      </c>
      <c r="I30786" s="2">
        <v>0</v>
      </c>
      <c r="J30786" s="2">
        <v>0</v>
      </c>
      <c r="K30786" s="2">
        <v>1</v>
      </c>
      <c r="L30786" t="s">
        <v>995</v>
      </c>
      <c r="M30786" t="s">
        <v>83</v>
      </c>
      <c r="N30786" t="s">
        <v>84</v>
      </c>
      <c r="O30786" t="s">
        <v>85</v>
      </c>
      <c r="P30786" t="s">
        <v>86</v>
      </c>
      <c r="Q30786">
        <v>40</v>
      </c>
      <c r="R30786">
        <v>41</v>
      </c>
      <c r="S30786">
        <v>41</v>
      </c>
      <c r="T30786">
        <v>42</v>
      </c>
      <c r="U30786">
        <v>43</v>
      </c>
      <c r="V30786">
        <v>43</v>
      </c>
      <c r="W30786">
        <v>44</v>
      </c>
      <c r="X30786">
        <v>45</v>
      </c>
      <c r="Y30786">
        <v>45</v>
      </c>
      <c r="Z30786">
        <v>46</v>
      </c>
      <c r="AA30786">
        <v>46</v>
      </c>
      <c r="AB30786">
        <v>47</v>
      </c>
      <c r="AC30786">
        <v>48</v>
      </c>
      <c r="AD30786">
        <v>48</v>
      </c>
      <c r="AE30786">
        <v>49</v>
      </c>
      <c r="AF30786">
        <v>50</v>
      </c>
      <c r="AG30786">
        <v>50</v>
      </c>
      <c r="AH30786">
        <v>51</v>
      </c>
      <c r="AI30786">
        <v>52</v>
      </c>
      <c r="AJ30786">
        <v>52</v>
      </c>
      <c r="AK30786">
        <v>53</v>
      </c>
      <c r="AL30786">
        <v>53</v>
      </c>
      <c r="AM30786">
        <v>53</v>
      </c>
      <c r="AN30786">
        <v>54</v>
      </c>
      <c r="AO30786">
        <v>54</v>
      </c>
      <c r="AP30786">
        <v>54</v>
      </c>
      <c r="AQ30786">
        <v>54</v>
      </c>
    </row>
    <row r="30787" spans="1:43">
      <c r="A30787" t="s">
        <v>19077</v>
      </c>
      <c r="B30787" t="s">
        <v>19078</v>
      </c>
      <c r="C30787" t="s">
        <v>19079</v>
      </c>
      <c r="D30787" t="s">
        <v>19080</v>
      </c>
      <c r="E30787" t="s">
        <v>18995</v>
      </c>
      <c r="F30787" t="s">
        <v>18996</v>
      </c>
      <c r="G30787" t="s">
        <v>10734</v>
      </c>
      <c r="H30787" t="s">
        <v>10735</v>
      </c>
      <c r="I30787" s="2">
        <v>0</v>
      </c>
      <c r="J30787" s="2">
        <v>0</v>
      </c>
      <c r="K30787" s="2">
        <v>1</v>
      </c>
      <c r="L30787" t="s">
        <v>995</v>
      </c>
      <c r="M30787" t="s">
        <v>87</v>
      </c>
      <c r="N30787" t="s">
        <v>88</v>
      </c>
      <c r="O30787" t="s">
        <v>85</v>
      </c>
      <c r="P30787" t="s">
        <v>86</v>
      </c>
      <c r="Q30787">
        <v>40</v>
      </c>
      <c r="R30787">
        <v>40</v>
      </c>
      <c r="S30787">
        <v>40</v>
      </c>
      <c r="T30787">
        <v>40</v>
      </c>
      <c r="U30787">
        <v>41</v>
      </c>
      <c r="V30787">
        <v>41</v>
      </c>
      <c r="W30787">
        <v>41</v>
      </c>
      <c r="X30787">
        <v>41</v>
      </c>
      <c r="Y30787">
        <v>42</v>
      </c>
      <c r="Z30787">
        <v>42</v>
      </c>
      <c r="AA30787">
        <v>42</v>
      </c>
      <c r="AB30787">
        <v>43</v>
      </c>
      <c r="AC30787">
        <v>43</v>
      </c>
      <c r="AD30787">
        <v>43</v>
      </c>
      <c r="AE30787">
        <v>43</v>
      </c>
      <c r="AF30787">
        <v>44</v>
      </c>
      <c r="AG30787">
        <v>44</v>
      </c>
      <c r="AH30787">
        <v>44</v>
      </c>
      <c r="AI30787">
        <v>45</v>
      </c>
      <c r="AJ30787">
        <v>45</v>
      </c>
      <c r="AK30787">
        <v>45</v>
      </c>
      <c r="AL30787">
        <v>46</v>
      </c>
      <c r="AM30787">
        <v>46</v>
      </c>
      <c r="AN30787">
        <v>46</v>
      </c>
      <c r="AO30787">
        <v>47</v>
      </c>
      <c r="AP30787">
        <v>47</v>
      </c>
      <c r="AQ30787">
        <v>47</v>
      </c>
    </row>
    <row r="30788" spans="1:43">
      <c r="A30788" t="s">
        <v>19077</v>
      </c>
      <c r="B30788" t="s">
        <v>19078</v>
      </c>
      <c r="C30788" t="s">
        <v>19079</v>
      </c>
      <c r="D30788" t="s">
        <v>19080</v>
      </c>
      <c r="E30788" t="s">
        <v>18995</v>
      </c>
      <c r="F30788" t="s">
        <v>18996</v>
      </c>
      <c r="G30788" t="s">
        <v>10734</v>
      </c>
      <c r="H30788" t="s">
        <v>10735</v>
      </c>
      <c r="I30788" s="2">
        <v>0</v>
      </c>
      <c r="J30788" s="2">
        <v>0</v>
      </c>
      <c r="K30788" s="2">
        <v>1</v>
      </c>
      <c r="L30788" t="s">
        <v>995</v>
      </c>
      <c r="M30788" t="s">
        <v>89</v>
      </c>
      <c r="N30788" t="s">
        <v>90</v>
      </c>
      <c r="O30788" t="s">
        <v>85</v>
      </c>
      <c r="P30788" t="s">
        <v>86</v>
      </c>
      <c r="Q30788">
        <v>40</v>
      </c>
      <c r="R30788">
        <v>41</v>
      </c>
      <c r="S30788">
        <v>42</v>
      </c>
      <c r="T30788">
        <v>43</v>
      </c>
      <c r="U30788">
        <v>44</v>
      </c>
      <c r="V30788">
        <v>45</v>
      </c>
      <c r="W30788">
        <v>46</v>
      </c>
      <c r="X30788">
        <v>47</v>
      </c>
      <c r="Y30788">
        <v>48</v>
      </c>
      <c r="Z30788">
        <v>49</v>
      </c>
      <c r="AA30788">
        <v>49</v>
      </c>
      <c r="AB30788">
        <v>50</v>
      </c>
      <c r="AC30788">
        <v>51</v>
      </c>
      <c r="AD30788">
        <v>52</v>
      </c>
      <c r="AE30788">
        <v>53</v>
      </c>
      <c r="AF30788">
        <v>53</v>
      </c>
      <c r="AG30788">
        <v>53</v>
      </c>
      <c r="AH30788">
        <v>53</v>
      </c>
      <c r="AI30788">
        <v>53</v>
      </c>
      <c r="AJ30788">
        <v>53</v>
      </c>
      <c r="AK30788">
        <v>54</v>
      </c>
      <c r="AL30788">
        <v>54</v>
      </c>
      <c r="AM30788">
        <v>54</v>
      </c>
      <c r="AN30788">
        <v>54</v>
      </c>
      <c r="AO30788">
        <v>54</v>
      </c>
      <c r="AP30788">
        <v>54</v>
      </c>
      <c r="AQ30788">
        <v>55</v>
      </c>
    </row>
    <row r="30789" spans="1:43">
      <c r="A30789" t="s">
        <v>19077</v>
      </c>
      <c r="B30789" t="s">
        <v>19078</v>
      </c>
      <c r="C30789" t="s">
        <v>19079</v>
      </c>
      <c r="D30789" t="s">
        <v>19080</v>
      </c>
      <c r="E30789" t="s">
        <v>18995</v>
      </c>
      <c r="F30789" t="s">
        <v>18996</v>
      </c>
      <c r="G30789" t="s">
        <v>10734</v>
      </c>
      <c r="H30789" t="s">
        <v>10735</v>
      </c>
      <c r="I30789" s="2">
        <v>0</v>
      </c>
      <c r="J30789" s="2">
        <v>0</v>
      </c>
      <c r="K30789" s="2">
        <v>1</v>
      </c>
      <c r="L30789" t="s">
        <v>995</v>
      </c>
      <c r="M30789" t="s">
        <v>83</v>
      </c>
      <c r="N30789" t="s">
        <v>91</v>
      </c>
      <c r="O30789" t="s">
        <v>85</v>
      </c>
      <c r="P30789" t="s">
        <v>86</v>
      </c>
      <c r="Q30789">
        <v>40</v>
      </c>
      <c r="R30789">
        <v>41</v>
      </c>
      <c r="S30789">
        <v>41</v>
      </c>
      <c r="T30789">
        <v>42</v>
      </c>
      <c r="U30789">
        <v>43</v>
      </c>
      <c r="V30789">
        <v>43</v>
      </c>
      <c r="W30789">
        <v>44</v>
      </c>
      <c r="X30789">
        <v>45</v>
      </c>
      <c r="Y30789">
        <v>45</v>
      </c>
      <c r="Z30789">
        <v>46</v>
      </c>
      <c r="AA30789">
        <v>46</v>
      </c>
      <c r="AB30789">
        <v>47</v>
      </c>
      <c r="AC30789">
        <v>48</v>
      </c>
      <c r="AD30789">
        <v>48</v>
      </c>
      <c r="AE30789">
        <v>49</v>
      </c>
      <c r="AF30789">
        <v>50</v>
      </c>
      <c r="AG30789">
        <v>50</v>
      </c>
      <c r="AH30789">
        <v>51</v>
      </c>
      <c r="AI30789">
        <v>52</v>
      </c>
      <c r="AJ30789">
        <v>52</v>
      </c>
      <c r="AK30789">
        <v>53</v>
      </c>
      <c r="AL30789">
        <v>53</v>
      </c>
      <c r="AM30789">
        <v>53</v>
      </c>
      <c r="AN30789">
        <v>54</v>
      </c>
      <c r="AO30789">
        <v>54</v>
      </c>
      <c r="AP30789">
        <v>54</v>
      </c>
      <c r="AQ30789">
        <v>54</v>
      </c>
    </row>
    <row r="30790" spans="1:43">
      <c r="A30790" t="s">
        <v>19081</v>
      </c>
      <c r="B30790" t="s">
        <v>19082</v>
      </c>
      <c r="C30790" t="s">
        <v>19079</v>
      </c>
      <c r="D30790" t="s">
        <v>19080</v>
      </c>
      <c r="E30790" t="s">
        <v>18995</v>
      </c>
      <c r="F30790" t="s">
        <v>18996</v>
      </c>
      <c r="G30790" t="s">
        <v>10734</v>
      </c>
      <c r="H30790" t="s">
        <v>10735</v>
      </c>
      <c r="I30790" s="2">
        <v>0</v>
      </c>
      <c r="J30790" s="2">
        <v>0</v>
      </c>
      <c r="K30790" s="2">
        <v>1</v>
      </c>
      <c r="L30790" t="s">
        <v>995</v>
      </c>
      <c r="M30790" t="s">
        <v>83</v>
      </c>
      <c r="N30790" t="s">
        <v>84</v>
      </c>
      <c r="O30790" t="s">
        <v>85</v>
      </c>
      <c r="P30790" t="s">
        <v>86</v>
      </c>
      <c r="Q30790">
        <v>8</v>
      </c>
      <c r="R30790">
        <v>8</v>
      </c>
      <c r="S30790">
        <v>8</v>
      </c>
      <c r="T30790">
        <v>9</v>
      </c>
      <c r="U30790">
        <v>9</v>
      </c>
      <c r="V30790">
        <v>9</v>
      </c>
      <c r="W30790">
        <v>9</v>
      </c>
      <c r="X30790">
        <v>9</v>
      </c>
      <c r="Y30790">
        <v>9</v>
      </c>
      <c r="Z30790">
        <v>9</v>
      </c>
      <c r="AA30790">
        <v>9</v>
      </c>
      <c r="AB30790">
        <v>10</v>
      </c>
      <c r="AC30790">
        <v>10</v>
      </c>
      <c r="AD30790">
        <v>10</v>
      </c>
      <c r="AE30790">
        <v>10</v>
      </c>
      <c r="AF30790">
        <v>10</v>
      </c>
      <c r="AG30790">
        <v>10</v>
      </c>
      <c r="AH30790">
        <v>10</v>
      </c>
      <c r="AI30790">
        <v>10</v>
      </c>
      <c r="AJ30790">
        <v>11</v>
      </c>
      <c r="AK30790">
        <v>11</v>
      </c>
      <c r="AL30790">
        <v>11</v>
      </c>
      <c r="AM30790">
        <v>11</v>
      </c>
      <c r="AN30790">
        <v>11</v>
      </c>
      <c r="AO30790">
        <v>11</v>
      </c>
      <c r="AP30790">
        <v>11</v>
      </c>
      <c r="AQ30790">
        <v>11</v>
      </c>
    </row>
    <row r="30791" spans="1:43">
      <c r="A30791" t="s">
        <v>19081</v>
      </c>
      <c r="B30791" t="s">
        <v>19082</v>
      </c>
      <c r="C30791" t="s">
        <v>19079</v>
      </c>
      <c r="D30791" t="s">
        <v>19080</v>
      </c>
      <c r="E30791" t="s">
        <v>18995</v>
      </c>
      <c r="F30791" t="s">
        <v>18996</v>
      </c>
      <c r="G30791" t="s">
        <v>10734</v>
      </c>
      <c r="H30791" t="s">
        <v>10735</v>
      </c>
      <c r="I30791" s="2">
        <v>0</v>
      </c>
      <c r="J30791" s="2">
        <v>0</v>
      </c>
      <c r="K30791" s="2">
        <v>1</v>
      </c>
      <c r="L30791" t="s">
        <v>995</v>
      </c>
      <c r="M30791" t="s">
        <v>87</v>
      </c>
      <c r="N30791" t="s">
        <v>88</v>
      </c>
      <c r="O30791" t="s">
        <v>85</v>
      </c>
      <c r="P30791" t="s">
        <v>86</v>
      </c>
      <c r="Q30791">
        <v>8</v>
      </c>
      <c r="R30791">
        <v>8</v>
      </c>
      <c r="S30791">
        <v>8</v>
      </c>
      <c r="T30791">
        <v>8</v>
      </c>
      <c r="U30791">
        <v>8</v>
      </c>
      <c r="V30791">
        <v>8</v>
      </c>
      <c r="W30791">
        <v>8</v>
      </c>
      <c r="X30791">
        <v>8</v>
      </c>
      <c r="Y30791">
        <v>8</v>
      </c>
      <c r="Z30791">
        <v>9</v>
      </c>
      <c r="AA30791">
        <v>9</v>
      </c>
      <c r="AB30791">
        <v>9</v>
      </c>
      <c r="AC30791">
        <v>9</v>
      </c>
      <c r="AD30791">
        <v>9</v>
      </c>
      <c r="AE30791">
        <v>9</v>
      </c>
      <c r="AF30791">
        <v>9</v>
      </c>
      <c r="AG30791">
        <v>9</v>
      </c>
      <c r="AH30791">
        <v>9</v>
      </c>
      <c r="AI30791">
        <v>9</v>
      </c>
      <c r="AJ30791">
        <v>9</v>
      </c>
      <c r="AK30791">
        <v>9</v>
      </c>
      <c r="AL30791">
        <v>9</v>
      </c>
      <c r="AM30791">
        <v>9</v>
      </c>
      <c r="AN30791">
        <v>9</v>
      </c>
      <c r="AO30791">
        <v>9</v>
      </c>
      <c r="AP30791">
        <v>9</v>
      </c>
      <c r="AQ30791">
        <v>10</v>
      </c>
    </row>
    <row r="30792" spans="1:43">
      <c r="A30792" t="s">
        <v>19081</v>
      </c>
      <c r="B30792" t="s">
        <v>19082</v>
      </c>
      <c r="C30792" t="s">
        <v>19079</v>
      </c>
      <c r="D30792" t="s">
        <v>19080</v>
      </c>
      <c r="E30792" t="s">
        <v>18995</v>
      </c>
      <c r="F30792" t="s">
        <v>18996</v>
      </c>
      <c r="G30792" t="s">
        <v>10734</v>
      </c>
      <c r="H30792" t="s">
        <v>10735</v>
      </c>
      <c r="I30792" s="2">
        <v>0</v>
      </c>
      <c r="J30792" s="2">
        <v>0</v>
      </c>
      <c r="K30792" s="2">
        <v>1</v>
      </c>
      <c r="L30792" t="s">
        <v>995</v>
      </c>
      <c r="M30792" t="s">
        <v>89</v>
      </c>
      <c r="N30792" t="s">
        <v>90</v>
      </c>
      <c r="O30792" t="s">
        <v>85</v>
      </c>
      <c r="P30792" t="s">
        <v>86</v>
      </c>
      <c r="Q30792">
        <v>8</v>
      </c>
      <c r="R30792">
        <v>8</v>
      </c>
      <c r="S30792">
        <v>9</v>
      </c>
      <c r="T30792">
        <v>9</v>
      </c>
      <c r="U30792">
        <v>9</v>
      </c>
      <c r="V30792">
        <v>9</v>
      </c>
      <c r="W30792">
        <v>9</v>
      </c>
      <c r="X30792">
        <v>10</v>
      </c>
      <c r="Y30792">
        <v>10</v>
      </c>
      <c r="Z30792">
        <v>10</v>
      </c>
      <c r="AA30792">
        <v>10</v>
      </c>
      <c r="AB30792">
        <v>10</v>
      </c>
      <c r="AC30792">
        <v>10</v>
      </c>
      <c r="AD30792">
        <v>11</v>
      </c>
      <c r="AE30792">
        <v>11</v>
      </c>
      <c r="AF30792">
        <v>11</v>
      </c>
      <c r="AG30792">
        <v>11</v>
      </c>
      <c r="AH30792">
        <v>11</v>
      </c>
      <c r="AI30792">
        <v>11</v>
      </c>
      <c r="AJ30792">
        <v>11</v>
      </c>
      <c r="AK30792">
        <v>11</v>
      </c>
      <c r="AL30792">
        <v>11</v>
      </c>
      <c r="AM30792">
        <v>11</v>
      </c>
      <c r="AN30792">
        <v>11</v>
      </c>
      <c r="AO30792">
        <v>11</v>
      </c>
      <c r="AP30792">
        <v>11</v>
      </c>
      <c r="AQ30792">
        <v>11</v>
      </c>
    </row>
    <row r="30793" spans="1:43">
      <c r="A30793" t="s">
        <v>19081</v>
      </c>
      <c r="B30793" t="s">
        <v>19082</v>
      </c>
      <c r="C30793" t="s">
        <v>19079</v>
      </c>
      <c r="D30793" t="s">
        <v>19080</v>
      </c>
      <c r="E30793" t="s">
        <v>18995</v>
      </c>
      <c r="F30793" t="s">
        <v>18996</v>
      </c>
      <c r="G30793" t="s">
        <v>10734</v>
      </c>
      <c r="H30793" t="s">
        <v>10735</v>
      </c>
      <c r="I30793" s="2">
        <v>0</v>
      </c>
      <c r="J30793" s="2">
        <v>0</v>
      </c>
      <c r="K30793" s="2">
        <v>1</v>
      </c>
      <c r="L30793" t="s">
        <v>995</v>
      </c>
      <c r="M30793" t="s">
        <v>83</v>
      </c>
      <c r="N30793" t="s">
        <v>91</v>
      </c>
      <c r="O30793" t="s">
        <v>85</v>
      </c>
      <c r="P30793" t="s">
        <v>86</v>
      </c>
      <c r="Q30793">
        <v>8</v>
      </c>
      <c r="R30793">
        <v>8</v>
      </c>
      <c r="S30793">
        <v>8</v>
      </c>
      <c r="T30793">
        <v>9</v>
      </c>
      <c r="U30793">
        <v>9</v>
      </c>
      <c r="V30793">
        <v>9</v>
      </c>
      <c r="W30793">
        <v>9</v>
      </c>
      <c r="X30793">
        <v>9</v>
      </c>
      <c r="Y30793">
        <v>9</v>
      </c>
      <c r="Z30793">
        <v>9</v>
      </c>
      <c r="AA30793">
        <v>9</v>
      </c>
      <c r="AB30793">
        <v>10</v>
      </c>
      <c r="AC30793">
        <v>10</v>
      </c>
      <c r="AD30793">
        <v>10</v>
      </c>
      <c r="AE30793">
        <v>10</v>
      </c>
      <c r="AF30793">
        <v>10</v>
      </c>
      <c r="AG30793">
        <v>10</v>
      </c>
      <c r="AH30793">
        <v>10</v>
      </c>
      <c r="AI30793">
        <v>10</v>
      </c>
      <c r="AJ30793">
        <v>11</v>
      </c>
      <c r="AK30793">
        <v>11</v>
      </c>
      <c r="AL30793">
        <v>11</v>
      </c>
      <c r="AM30793">
        <v>11</v>
      </c>
      <c r="AN30793">
        <v>11</v>
      </c>
      <c r="AO30793">
        <v>11</v>
      </c>
      <c r="AP30793">
        <v>11</v>
      </c>
      <c r="AQ30793">
        <v>11</v>
      </c>
    </row>
    <row r="30794" spans="1:43">
      <c r="A30794" t="s">
        <v>19083</v>
      </c>
      <c r="B30794" t="s">
        <v>19084</v>
      </c>
      <c r="C30794" t="s">
        <v>19079</v>
      </c>
      <c r="D30794" t="s">
        <v>19080</v>
      </c>
      <c r="E30794" t="s">
        <v>18995</v>
      </c>
      <c r="F30794" t="s">
        <v>18996</v>
      </c>
      <c r="G30794" t="s">
        <v>10734</v>
      </c>
      <c r="H30794" t="s">
        <v>10735</v>
      </c>
      <c r="I30794" s="2">
        <v>0</v>
      </c>
      <c r="J30794" s="2">
        <v>0</v>
      </c>
      <c r="K30794" s="2">
        <v>1</v>
      </c>
      <c r="L30794" t="s">
        <v>995</v>
      </c>
      <c r="M30794" t="s">
        <v>83</v>
      </c>
      <c r="N30794" t="s">
        <v>84</v>
      </c>
      <c r="O30794" t="s">
        <v>85</v>
      </c>
      <c r="P30794" t="s">
        <v>86</v>
      </c>
      <c r="Q30794">
        <v>18</v>
      </c>
      <c r="R30794">
        <v>18</v>
      </c>
      <c r="S30794">
        <v>19</v>
      </c>
      <c r="T30794">
        <v>19</v>
      </c>
      <c r="U30794">
        <v>19</v>
      </c>
      <c r="V30794">
        <v>20</v>
      </c>
      <c r="W30794">
        <v>20</v>
      </c>
      <c r="X30794">
        <v>20</v>
      </c>
      <c r="Y30794">
        <v>21</v>
      </c>
      <c r="Z30794">
        <v>21</v>
      </c>
      <c r="AA30794">
        <v>21</v>
      </c>
      <c r="AB30794">
        <v>21</v>
      </c>
      <c r="AC30794">
        <v>22</v>
      </c>
      <c r="AD30794">
        <v>22</v>
      </c>
      <c r="AE30794">
        <v>22</v>
      </c>
      <c r="AF30794">
        <v>23</v>
      </c>
      <c r="AG30794">
        <v>23</v>
      </c>
      <c r="AH30794">
        <v>23</v>
      </c>
      <c r="AI30794">
        <v>23</v>
      </c>
      <c r="AJ30794">
        <v>24</v>
      </c>
      <c r="AK30794">
        <v>24</v>
      </c>
      <c r="AL30794">
        <v>24</v>
      </c>
      <c r="AM30794">
        <v>24</v>
      </c>
      <c r="AN30794">
        <v>24</v>
      </c>
      <c r="AO30794">
        <v>24</v>
      </c>
      <c r="AP30794">
        <v>25</v>
      </c>
      <c r="AQ30794">
        <v>25</v>
      </c>
    </row>
    <row r="30795" spans="1:43">
      <c r="A30795" t="s">
        <v>19083</v>
      </c>
      <c r="B30795" t="s">
        <v>19084</v>
      </c>
      <c r="C30795" t="s">
        <v>19079</v>
      </c>
      <c r="D30795" t="s">
        <v>19080</v>
      </c>
      <c r="E30795" t="s">
        <v>18995</v>
      </c>
      <c r="F30795" t="s">
        <v>18996</v>
      </c>
      <c r="G30795" t="s">
        <v>10734</v>
      </c>
      <c r="H30795" t="s">
        <v>10735</v>
      </c>
      <c r="I30795" s="2">
        <v>0</v>
      </c>
      <c r="J30795" s="2">
        <v>0</v>
      </c>
      <c r="K30795" s="2">
        <v>1</v>
      </c>
      <c r="L30795" t="s">
        <v>995</v>
      </c>
      <c r="M30795" t="s">
        <v>87</v>
      </c>
      <c r="N30795" t="s">
        <v>88</v>
      </c>
      <c r="O30795" t="s">
        <v>85</v>
      </c>
      <c r="P30795" t="s">
        <v>86</v>
      </c>
      <c r="Q30795">
        <v>18</v>
      </c>
      <c r="R30795">
        <v>18</v>
      </c>
      <c r="S30795">
        <v>18</v>
      </c>
      <c r="T30795">
        <v>18</v>
      </c>
      <c r="U30795">
        <v>18</v>
      </c>
      <c r="V30795">
        <v>19</v>
      </c>
      <c r="W30795">
        <v>19</v>
      </c>
      <c r="X30795">
        <v>19</v>
      </c>
      <c r="Y30795">
        <v>19</v>
      </c>
      <c r="Z30795">
        <v>19</v>
      </c>
      <c r="AA30795">
        <v>19</v>
      </c>
      <c r="AB30795">
        <v>19</v>
      </c>
      <c r="AC30795">
        <v>19</v>
      </c>
      <c r="AD30795">
        <v>20</v>
      </c>
      <c r="AE30795">
        <v>20</v>
      </c>
      <c r="AF30795">
        <v>20</v>
      </c>
      <c r="AG30795">
        <v>20</v>
      </c>
      <c r="AH30795">
        <v>20</v>
      </c>
      <c r="AI30795">
        <v>20</v>
      </c>
      <c r="AJ30795">
        <v>20</v>
      </c>
      <c r="AK30795">
        <v>21</v>
      </c>
      <c r="AL30795">
        <v>21</v>
      </c>
      <c r="AM30795">
        <v>21</v>
      </c>
      <c r="AN30795">
        <v>21</v>
      </c>
      <c r="AO30795">
        <v>21</v>
      </c>
      <c r="AP30795">
        <v>21</v>
      </c>
      <c r="AQ30795">
        <v>21</v>
      </c>
    </row>
    <row r="30796" spans="1:43">
      <c r="A30796" t="s">
        <v>19083</v>
      </c>
      <c r="B30796" t="s">
        <v>19084</v>
      </c>
      <c r="C30796" t="s">
        <v>19079</v>
      </c>
      <c r="D30796" t="s">
        <v>19080</v>
      </c>
      <c r="E30796" t="s">
        <v>18995</v>
      </c>
      <c r="F30796" t="s">
        <v>18996</v>
      </c>
      <c r="G30796" t="s">
        <v>10734</v>
      </c>
      <c r="H30796" t="s">
        <v>10735</v>
      </c>
      <c r="I30796" s="2">
        <v>0</v>
      </c>
      <c r="J30796" s="2">
        <v>0</v>
      </c>
      <c r="K30796" s="2">
        <v>1</v>
      </c>
      <c r="L30796" t="s">
        <v>995</v>
      </c>
      <c r="M30796" t="s">
        <v>89</v>
      </c>
      <c r="N30796" t="s">
        <v>90</v>
      </c>
      <c r="O30796" t="s">
        <v>85</v>
      </c>
      <c r="P30796" t="s">
        <v>86</v>
      </c>
      <c r="Q30796">
        <v>18</v>
      </c>
      <c r="R30796">
        <v>19</v>
      </c>
      <c r="S30796">
        <v>19</v>
      </c>
      <c r="T30796">
        <v>20</v>
      </c>
      <c r="U30796">
        <v>20</v>
      </c>
      <c r="V30796">
        <v>21</v>
      </c>
      <c r="W30796">
        <v>21</v>
      </c>
      <c r="X30796">
        <v>21</v>
      </c>
      <c r="Y30796">
        <v>22</v>
      </c>
      <c r="Z30796">
        <v>22</v>
      </c>
      <c r="AA30796">
        <v>22</v>
      </c>
      <c r="AB30796">
        <v>23</v>
      </c>
      <c r="AC30796">
        <v>23</v>
      </c>
      <c r="AD30796">
        <v>24</v>
      </c>
      <c r="AE30796">
        <v>24</v>
      </c>
      <c r="AF30796">
        <v>24</v>
      </c>
      <c r="AG30796">
        <v>24</v>
      </c>
      <c r="AH30796">
        <v>24</v>
      </c>
      <c r="AI30796">
        <v>24</v>
      </c>
      <c r="AJ30796">
        <v>24</v>
      </c>
      <c r="AK30796">
        <v>24</v>
      </c>
      <c r="AL30796">
        <v>24</v>
      </c>
      <c r="AM30796">
        <v>24</v>
      </c>
      <c r="AN30796">
        <v>25</v>
      </c>
      <c r="AO30796">
        <v>25</v>
      </c>
      <c r="AP30796">
        <v>25</v>
      </c>
      <c r="AQ30796">
        <v>25</v>
      </c>
    </row>
    <row r="30797" spans="1:43">
      <c r="A30797" t="s">
        <v>19083</v>
      </c>
      <c r="B30797" t="s">
        <v>19084</v>
      </c>
      <c r="C30797" t="s">
        <v>19079</v>
      </c>
      <c r="D30797" t="s">
        <v>19080</v>
      </c>
      <c r="E30797" t="s">
        <v>18995</v>
      </c>
      <c r="F30797" t="s">
        <v>18996</v>
      </c>
      <c r="G30797" t="s">
        <v>10734</v>
      </c>
      <c r="H30797" t="s">
        <v>10735</v>
      </c>
      <c r="I30797" s="2">
        <v>0</v>
      </c>
      <c r="J30797" s="2">
        <v>0</v>
      </c>
      <c r="K30797" s="2">
        <v>1</v>
      </c>
      <c r="L30797" t="s">
        <v>995</v>
      </c>
      <c r="M30797" t="s">
        <v>83</v>
      </c>
      <c r="N30797" t="s">
        <v>91</v>
      </c>
      <c r="O30797" t="s">
        <v>85</v>
      </c>
      <c r="P30797" t="s">
        <v>86</v>
      </c>
      <c r="Q30797">
        <v>18</v>
      </c>
      <c r="R30797">
        <v>18</v>
      </c>
      <c r="S30797">
        <v>19</v>
      </c>
      <c r="T30797">
        <v>19</v>
      </c>
      <c r="U30797">
        <v>19</v>
      </c>
      <c r="V30797">
        <v>20</v>
      </c>
      <c r="W30797">
        <v>20</v>
      </c>
      <c r="X30797">
        <v>20</v>
      </c>
      <c r="Y30797">
        <v>21</v>
      </c>
      <c r="Z30797">
        <v>21</v>
      </c>
      <c r="AA30797">
        <v>21</v>
      </c>
      <c r="AB30797">
        <v>21</v>
      </c>
      <c r="AC30797">
        <v>22</v>
      </c>
      <c r="AD30797">
        <v>22</v>
      </c>
      <c r="AE30797">
        <v>22</v>
      </c>
      <c r="AF30797">
        <v>23</v>
      </c>
      <c r="AG30797">
        <v>23</v>
      </c>
      <c r="AH30797">
        <v>23</v>
      </c>
      <c r="AI30797">
        <v>23</v>
      </c>
      <c r="AJ30797">
        <v>24</v>
      </c>
      <c r="AK30797">
        <v>24</v>
      </c>
      <c r="AL30797">
        <v>24</v>
      </c>
      <c r="AM30797">
        <v>24</v>
      </c>
      <c r="AN30797">
        <v>24</v>
      </c>
      <c r="AO30797">
        <v>24</v>
      </c>
      <c r="AP30797">
        <v>25</v>
      </c>
      <c r="AQ30797">
        <v>25</v>
      </c>
    </row>
    <row r="30798" spans="1:43">
      <c r="A30798" t="s">
        <v>19085</v>
      </c>
      <c r="B30798" t="s">
        <v>19086</v>
      </c>
      <c r="C30798" t="s">
        <v>19043</v>
      </c>
      <c r="D30798" t="s">
        <v>19044</v>
      </c>
      <c r="E30798" t="s">
        <v>18995</v>
      </c>
      <c r="F30798" t="s">
        <v>18996</v>
      </c>
      <c r="G30798" t="s">
        <v>10734</v>
      </c>
      <c r="H30798" t="s">
        <v>10735</v>
      </c>
      <c r="I30798" s="2">
        <v>0</v>
      </c>
      <c r="J30798" s="2">
        <v>0</v>
      </c>
      <c r="K30798" s="2">
        <v>1</v>
      </c>
      <c r="L30798" t="s">
        <v>995</v>
      </c>
      <c r="M30798" t="s">
        <v>83</v>
      </c>
      <c r="N30798" t="s">
        <v>84</v>
      </c>
      <c r="O30798" t="s">
        <v>85</v>
      </c>
      <c r="P30798" t="s">
        <v>86</v>
      </c>
      <c r="Q30798">
        <v>14</v>
      </c>
      <c r="R30798">
        <v>14</v>
      </c>
      <c r="S30798">
        <v>14</v>
      </c>
      <c r="T30798">
        <v>15</v>
      </c>
      <c r="U30798">
        <v>15</v>
      </c>
      <c r="V30798">
        <v>15</v>
      </c>
      <c r="W30798">
        <v>15</v>
      </c>
      <c r="X30798">
        <v>15</v>
      </c>
      <c r="Y30798">
        <v>16</v>
      </c>
      <c r="Z30798">
        <v>16</v>
      </c>
      <c r="AA30798">
        <v>16</v>
      </c>
      <c r="AB30798">
        <v>16</v>
      </c>
      <c r="AC30798">
        <v>17</v>
      </c>
      <c r="AD30798">
        <v>17</v>
      </c>
      <c r="AE30798">
        <v>17</v>
      </c>
      <c r="AF30798">
        <v>17</v>
      </c>
      <c r="AG30798">
        <v>18</v>
      </c>
      <c r="AH30798">
        <v>18</v>
      </c>
      <c r="AI30798">
        <v>18</v>
      </c>
      <c r="AJ30798">
        <v>18</v>
      </c>
      <c r="AK30798">
        <v>18</v>
      </c>
      <c r="AL30798">
        <v>19</v>
      </c>
      <c r="AM30798">
        <v>19</v>
      </c>
      <c r="AN30798">
        <v>19</v>
      </c>
      <c r="AO30798">
        <v>19</v>
      </c>
      <c r="AP30798">
        <v>19</v>
      </c>
      <c r="AQ30798">
        <v>19</v>
      </c>
    </row>
    <row r="30799" spans="1:43">
      <c r="A30799" t="s">
        <v>19085</v>
      </c>
      <c r="B30799" t="s">
        <v>19086</v>
      </c>
      <c r="C30799" t="s">
        <v>19043</v>
      </c>
      <c r="D30799" t="s">
        <v>19044</v>
      </c>
      <c r="E30799" t="s">
        <v>18995</v>
      </c>
      <c r="F30799" t="s">
        <v>18996</v>
      </c>
      <c r="G30799" t="s">
        <v>10734</v>
      </c>
      <c r="H30799" t="s">
        <v>10735</v>
      </c>
      <c r="I30799" s="2">
        <v>0</v>
      </c>
      <c r="J30799" s="2">
        <v>0</v>
      </c>
      <c r="K30799" s="2">
        <v>1</v>
      </c>
      <c r="L30799" t="s">
        <v>995</v>
      </c>
      <c r="M30799" t="s">
        <v>87</v>
      </c>
      <c r="N30799" t="s">
        <v>88</v>
      </c>
      <c r="O30799" t="s">
        <v>85</v>
      </c>
      <c r="P30799" t="s">
        <v>86</v>
      </c>
      <c r="Q30799">
        <v>14</v>
      </c>
      <c r="R30799">
        <v>14</v>
      </c>
      <c r="S30799">
        <v>14</v>
      </c>
      <c r="T30799">
        <v>14</v>
      </c>
      <c r="U30799">
        <v>14</v>
      </c>
      <c r="V30799">
        <v>14</v>
      </c>
      <c r="W30799">
        <v>14</v>
      </c>
      <c r="X30799">
        <v>14</v>
      </c>
      <c r="Y30799">
        <v>15</v>
      </c>
      <c r="Z30799">
        <v>15</v>
      </c>
      <c r="AA30799">
        <v>15</v>
      </c>
      <c r="AB30799">
        <v>15</v>
      </c>
      <c r="AC30799">
        <v>15</v>
      </c>
      <c r="AD30799">
        <v>15</v>
      </c>
      <c r="AE30799">
        <v>15</v>
      </c>
      <c r="AF30799">
        <v>15</v>
      </c>
      <c r="AG30799">
        <v>15</v>
      </c>
      <c r="AH30799">
        <v>16</v>
      </c>
      <c r="AI30799">
        <v>16</v>
      </c>
      <c r="AJ30799">
        <v>16</v>
      </c>
      <c r="AK30799">
        <v>16</v>
      </c>
      <c r="AL30799">
        <v>16</v>
      </c>
      <c r="AM30799">
        <v>16</v>
      </c>
      <c r="AN30799">
        <v>16</v>
      </c>
      <c r="AO30799">
        <v>16</v>
      </c>
      <c r="AP30799">
        <v>17</v>
      </c>
      <c r="AQ30799">
        <v>17</v>
      </c>
    </row>
    <row r="30800" spans="1:43">
      <c r="A30800" t="s">
        <v>19085</v>
      </c>
      <c r="B30800" t="s">
        <v>19086</v>
      </c>
      <c r="C30800" t="s">
        <v>19043</v>
      </c>
      <c r="D30800" t="s">
        <v>19044</v>
      </c>
      <c r="E30800" t="s">
        <v>18995</v>
      </c>
      <c r="F30800" t="s">
        <v>18996</v>
      </c>
      <c r="G30800" t="s">
        <v>10734</v>
      </c>
      <c r="H30800" t="s">
        <v>10735</v>
      </c>
      <c r="I30800" s="2">
        <v>0</v>
      </c>
      <c r="J30800" s="2">
        <v>0</v>
      </c>
      <c r="K30800" s="2">
        <v>1</v>
      </c>
      <c r="L30800" t="s">
        <v>995</v>
      </c>
      <c r="M30800" t="s">
        <v>89</v>
      </c>
      <c r="N30800" t="s">
        <v>90</v>
      </c>
      <c r="O30800" t="s">
        <v>85</v>
      </c>
      <c r="P30800" t="s">
        <v>86</v>
      </c>
      <c r="Q30800">
        <v>14</v>
      </c>
      <c r="R30800">
        <v>14</v>
      </c>
      <c r="S30800">
        <v>15</v>
      </c>
      <c r="T30800">
        <v>15</v>
      </c>
      <c r="U30800">
        <v>15</v>
      </c>
      <c r="V30800">
        <v>16</v>
      </c>
      <c r="W30800">
        <v>16</v>
      </c>
      <c r="X30800">
        <v>16</v>
      </c>
      <c r="Y30800">
        <v>17</v>
      </c>
      <c r="Z30800">
        <v>17</v>
      </c>
      <c r="AA30800">
        <v>17</v>
      </c>
      <c r="AB30800">
        <v>17</v>
      </c>
      <c r="AC30800">
        <v>18</v>
      </c>
      <c r="AD30800">
        <v>18</v>
      </c>
      <c r="AE30800">
        <v>18</v>
      </c>
      <c r="AF30800">
        <v>18</v>
      </c>
      <c r="AG30800">
        <v>18</v>
      </c>
      <c r="AH30800">
        <v>18</v>
      </c>
      <c r="AI30800">
        <v>19</v>
      </c>
      <c r="AJ30800">
        <v>19</v>
      </c>
      <c r="AK30800">
        <v>19</v>
      </c>
      <c r="AL30800">
        <v>19</v>
      </c>
      <c r="AM30800">
        <v>19</v>
      </c>
      <c r="AN30800">
        <v>19</v>
      </c>
      <c r="AO30800">
        <v>19</v>
      </c>
      <c r="AP30800">
        <v>19</v>
      </c>
      <c r="AQ30800">
        <v>19</v>
      </c>
    </row>
    <row r="30801" spans="1:43">
      <c r="A30801" t="s">
        <v>19085</v>
      </c>
      <c r="B30801" t="s">
        <v>19086</v>
      </c>
      <c r="C30801" t="s">
        <v>19043</v>
      </c>
      <c r="D30801" t="s">
        <v>19044</v>
      </c>
      <c r="E30801" t="s">
        <v>18995</v>
      </c>
      <c r="F30801" t="s">
        <v>18996</v>
      </c>
      <c r="G30801" t="s">
        <v>10734</v>
      </c>
      <c r="H30801" t="s">
        <v>10735</v>
      </c>
      <c r="I30801" s="2">
        <v>0</v>
      </c>
      <c r="J30801" s="2">
        <v>0</v>
      </c>
      <c r="K30801" s="2">
        <v>1</v>
      </c>
      <c r="L30801" t="s">
        <v>995</v>
      </c>
      <c r="M30801" t="s">
        <v>83</v>
      </c>
      <c r="N30801" t="s">
        <v>91</v>
      </c>
      <c r="O30801" t="s">
        <v>85</v>
      </c>
      <c r="P30801" t="s">
        <v>86</v>
      </c>
      <c r="Q30801">
        <v>14</v>
      </c>
      <c r="R30801">
        <v>14</v>
      </c>
      <c r="S30801">
        <v>14</v>
      </c>
      <c r="T30801">
        <v>15</v>
      </c>
      <c r="U30801">
        <v>15</v>
      </c>
      <c r="V30801">
        <v>15</v>
      </c>
      <c r="W30801">
        <v>15</v>
      </c>
      <c r="X30801">
        <v>15</v>
      </c>
      <c r="Y30801">
        <v>16</v>
      </c>
      <c r="Z30801">
        <v>16</v>
      </c>
      <c r="AA30801">
        <v>16</v>
      </c>
      <c r="AB30801">
        <v>16</v>
      </c>
      <c r="AC30801">
        <v>17</v>
      </c>
      <c r="AD30801">
        <v>17</v>
      </c>
      <c r="AE30801">
        <v>17</v>
      </c>
      <c r="AF30801">
        <v>17</v>
      </c>
      <c r="AG30801">
        <v>18</v>
      </c>
      <c r="AH30801">
        <v>18</v>
      </c>
      <c r="AI30801">
        <v>18</v>
      </c>
      <c r="AJ30801">
        <v>18</v>
      </c>
      <c r="AK30801">
        <v>18</v>
      </c>
      <c r="AL30801">
        <v>19</v>
      </c>
      <c r="AM30801">
        <v>19</v>
      </c>
      <c r="AN30801">
        <v>19</v>
      </c>
      <c r="AO30801">
        <v>19</v>
      </c>
      <c r="AP30801">
        <v>19</v>
      </c>
      <c r="AQ30801">
        <v>19</v>
      </c>
    </row>
    <row r="30802" spans="1:43">
      <c r="A30802" t="s">
        <v>19087</v>
      </c>
      <c r="B30802" t="s">
        <v>19088</v>
      </c>
      <c r="C30802" t="s">
        <v>19089</v>
      </c>
      <c r="D30802" t="s">
        <v>19090</v>
      </c>
      <c r="E30802" t="s">
        <v>18995</v>
      </c>
      <c r="F30802" t="s">
        <v>18996</v>
      </c>
      <c r="G30802" t="s">
        <v>10734</v>
      </c>
      <c r="H30802" t="s">
        <v>10735</v>
      </c>
      <c r="I30802" s="2">
        <v>0</v>
      </c>
      <c r="J30802" s="2">
        <v>0</v>
      </c>
      <c r="K30802" s="2">
        <v>1</v>
      </c>
      <c r="L30802" t="s">
        <v>995</v>
      </c>
      <c r="M30802" t="s">
        <v>83</v>
      </c>
      <c r="N30802" t="s">
        <v>84</v>
      </c>
      <c r="O30802" t="s">
        <v>85</v>
      </c>
      <c r="P30802" t="s">
        <v>86</v>
      </c>
      <c r="Q30802">
        <v>12</v>
      </c>
      <c r="R30802">
        <v>12</v>
      </c>
      <c r="S30802">
        <v>13</v>
      </c>
      <c r="T30802">
        <v>13</v>
      </c>
      <c r="U30802">
        <v>13</v>
      </c>
      <c r="V30802">
        <v>13</v>
      </c>
      <c r="W30802">
        <v>13</v>
      </c>
      <c r="X30802">
        <v>14</v>
      </c>
      <c r="Y30802">
        <v>14</v>
      </c>
      <c r="Z30802">
        <v>14</v>
      </c>
      <c r="AA30802">
        <v>14</v>
      </c>
      <c r="AB30802">
        <v>15</v>
      </c>
      <c r="AC30802">
        <v>15</v>
      </c>
      <c r="AD30802">
        <v>15</v>
      </c>
      <c r="AE30802">
        <v>15</v>
      </c>
      <c r="AF30802">
        <v>15</v>
      </c>
      <c r="AG30802">
        <v>16</v>
      </c>
      <c r="AH30802">
        <v>16</v>
      </c>
      <c r="AI30802">
        <v>16</v>
      </c>
      <c r="AJ30802">
        <v>16</v>
      </c>
      <c r="AK30802">
        <v>16</v>
      </c>
      <c r="AL30802">
        <v>16</v>
      </c>
      <c r="AM30802">
        <v>17</v>
      </c>
      <c r="AN30802">
        <v>17</v>
      </c>
      <c r="AO30802">
        <v>17</v>
      </c>
      <c r="AP30802">
        <v>17</v>
      </c>
      <c r="AQ30802">
        <v>17</v>
      </c>
    </row>
    <row r="30803" spans="1:43">
      <c r="A30803" t="s">
        <v>19087</v>
      </c>
      <c r="B30803" t="s">
        <v>19088</v>
      </c>
      <c r="C30803" t="s">
        <v>19089</v>
      </c>
      <c r="D30803" t="s">
        <v>19090</v>
      </c>
      <c r="E30803" t="s">
        <v>18995</v>
      </c>
      <c r="F30803" t="s">
        <v>18996</v>
      </c>
      <c r="G30803" t="s">
        <v>10734</v>
      </c>
      <c r="H30803" t="s">
        <v>10735</v>
      </c>
      <c r="I30803" s="2">
        <v>0</v>
      </c>
      <c r="J30803" s="2">
        <v>0</v>
      </c>
      <c r="K30803" s="2">
        <v>1</v>
      </c>
      <c r="L30803" t="s">
        <v>995</v>
      </c>
      <c r="M30803" t="s">
        <v>87</v>
      </c>
      <c r="N30803" t="s">
        <v>88</v>
      </c>
      <c r="O30803" t="s">
        <v>85</v>
      </c>
      <c r="P30803" t="s">
        <v>86</v>
      </c>
      <c r="Q30803">
        <v>12</v>
      </c>
      <c r="R30803">
        <v>12</v>
      </c>
      <c r="S30803">
        <v>12</v>
      </c>
      <c r="T30803">
        <v>12</v>
      </c>
      <c r="U30803">
        <v>12</v>
      </c>
      <c r="V30803">
        <v>13</v>
      </c>
      <c r="W30803">
        <v>13</v>
      </c>
      <c r="X30803">
        <v>13</v>
      </c>
      <c r="Y30803">
        <v>13</v>
      </c>
      <c r="Z30803">
        <v>13</v>
      </c>
      <c r="AA30803">
        <v>13</v>
      </c>
      <c r="AB30803">
        <v>13</v>
      </c>
      <c r="AC30803">
        <v>13</v>
      </c>
      <c r="AD30803">
        <v>13</v>
      </c>
      <c r="AE30803">
        <v>13</v>
      </c>
      <c r="AF30803">
        <v>14</v>
      </c>
      <c r="AG30803">
        <v>14</v>
      </c>
      <c r="AH30803">
        <v>14</v>
      </c>
      <c r="AI30803">
        <v>14</v>
      </c>
      <c r="AJ30803">
        <v>14</v>
      </c>
      <c r="AK30803">
        <v>14</v>
      </c>
      <c r="AL30803">
        <v>14</v>
      </c>
      <c r="AM30803">
        <v>14</v>
      </c>
      <c r="AN30803">
        <v>14</v>
      </c>
      <c r="AO30803">
        <v>15</v>
      </c>
      <c r="AP30803">
        <v>15</v>
      </c>
      <c r="AQ30803">
        <v>15</v>
      </c>
    </row>
    <row r="30804" spans="1:43">
      <c r="A30804" t="s">
        <v>19087</v>
      </c>
      <c r="B30804" t="s">
        <v>19088</v>
      </c>
      <c r="C30804" t="s">
        <v>19089</v>
      </c>
      <c r="D30804" t="s">
        <v>19090</v>
      </c>
      <c r="E30804" t="s">
        <v>18995</v>
      </c>
      <c r="F30804" t="s">
        <v>18996</v>
      </c>
      <c r="G30804" t="s">
        <v>10734</v>
      </c>
      <c r="H30804" t="s">
        <v>10735</v>
      </c>
      <c r="I30804" s="2">
        <v>0</v>
      </c>
      <c r="J30804" s="2">
        <v>0</v>
      </c>
      <c r="K30804" s="2">
        <v>1</v>
      </c>
      <c r="L30804" t="s">
        <v>995</v>
      </c>
      <c r="M30804" t="s">
        <v>89</v>
      </c>
      <c r="N30804" t="s">
        <v>90</v>
      </c>
      <c r="O30804" t="s">
        <v>85</v>
      </c>
      <c r="P30804" t="s">
        <v>86</v>
      </c>
      <c r="Q30804">
        <v>12</v>
      </c>
      <c r="R30804">
        <v>13</v>
      </c>
      <c r="S30804">
        <v>13</v>
      </c>
      <c r="T30804">
        <v>13</v>
      </c>
      <c r="U30804">
        <v>14</v>
      </c>
      <c r="V30804">
        <v>14</v>
      </c>
      <c r="W30804">
        <v>14</v>
      </c>
      <c r="X30804">
        <v>14</v>
      </c>
      <c r="Y30804">
        <v>15</v>
      </c>
      <c r="Z30804">
        <v>15</v>
      </c>
      <c r="AA30804">
        <v>15</v>
      </c>
      <c r="AB30804">
        <v>15</v>
      </c>
      <c r="AC30804">
        <v>16</v>
      </c>
      <c r="AD30804">
        <v>16</v>
      </c>
      <c r="AE30804">
        <v>16</v>
      </c>
      <c r="AF30804">
        <v>16</v>
      </c>
      <c r="AG30804">
        <v>16</v>
      </c>
      <c r="AH30804">
        <v>16</v>
      </c>
      <c r="AI30804">
        <v>16</v>
      </c>
      <c r="AJ30804">
        <v>16</v>
      </c>
      <c r="AK30804">
        <v>17</v>
      </c>
      <c r="AL30804">
        <v>17</v>
      </c>
      <c r="AM30804">
        <v>17</v>
      </c>
      <c r="AN30804">
        <v>17</v>
      </c>
      <c r="AO30804">
        <v>17</v>
      </c>
      <c r="AP30804">
        <v>17</v>
      </c>
      <c r="AQ30804">
        <v>17</v>
      </c>
    </row>
    <row r="30805" spans="1:43">
      <c r="A30805" t="s">
        <v>19087</v>
      </c>
      <c r="B30805" t="s">
        <v>19088</v>
      </c>
      <c r="C30805" t="s">
        <v>19089</v>
      </c>
      <c r="D30805" t="s">
        <v>19090</v>
      </c>
      <c r="E30805" t="s">
        <v>18995</v>
      </c>
      <c r="F30805" t="s">
        <v>18996</v>
      </c>
      <c r="G30805" t="s">
        <v>10734</v>
      </c>
      <c r="H30805" t="s">
        <v>10735</v>
      </c>
      <c r="I30805" s="2">
        <v>0</v>
      </c>
      <c r="J30805" s="2">
        <v>0</v>
      </c>
      <c r="K30805" s="2">
        <v>1</v>
      </c>
      <c r="L30805" t="s">
        <v>995</v>
      </c>
      <c r="M30805" t="s">
        <v>83</v>
      </c>
      <c r="N30805" t="s">
        <v>91</v>
      </c>
      <c r="O30805" t="s">
        <v>85</v>
      </c>
      <c r="P30805" t="s">
        <v>86</v>
      </c>
      <c r="Q30805">
        <v>12</v>
      </c>
      <c r="R30805">
        <v>12</v>
      </c>
      <c r="S30805">
        <v>13</v>
      </c>
      <c r="T30805">
        <v>13</v>
      </c>
      <c r="U30805">
        <v>13</v>
      </c>
      <c r="V30805">
        <v>13</v>
      </c>
      <c r="W30805">
        <v>13</v>
      </c>
      <c r="X30805">
        <v>14</v>
      </c>
      <c r="Y30805">
        <v>14</v>
      </c>
      <c r="Z30805">
        <v>14</v>
      </c>
      <c r="AA30805">
        <v>14</v>
      </c>
      <c r="AB30805">
        <v>15</v>
      </c>
      <c r="AC30805">
        <v>15</v>
      </c>
      <c r="AD30805">
        <v>15</v>
      </c>
      <c r="AE30805">
        <v>15</v>
      </c>
      <c r="AF30805">
        <v>15</v>
      </c>
      <c r="AG30805">
        <v>16</v>
      </c>
      <c r="AH30805">
        <v>16</v>
      </c>
      <c r="AI30805">
        <v>16</v>
      </c>
      <c r="AJ30805">
        <v>16</v>
      </c>
      <c r="AK30805">
        <v>16</v>
      </c>
      <c r="AL30805">
        <v>16</v>
      </c>
      <c r="AM30805">
        <v>17</v>
      </c>
      <c r="AN30805">
        <v>17</v>
      </c>
      <c r="AO30805">
        <v>17</v>
      </c>
      <c r="AP30805">
        <v>17</v>
      </c>
      <c r="AQ30805">
        <v>17</v>
      </c>
    </row>
    <row r="30806" spans="1:43">
      <c r="A30806" t="s">
        <v>19091</v>
      </c>
      <c r="B30806" t="s">
        <v>19092</v>
      </c>
      <c r="C30806" t="s">
        <v>19089</v>
      </c>
      <c r="D30806" t="s">
        <v>19090</v>
      </c>
      <c r="E30806" t="s">
        <v>18995</v>
      </c>
      <c r="F30806" t="s">
        <v>18996</v>
      </c>
      <c r="G30806" t="s">
        <v>10734</v>
      </c>
      <c r="H30806" t="s">
        <v>10735</v>
      </c>
      <c r="I30806" s="2">
        <v>0</v>
      </c>
      <c r="J30806" s="2">
        <v>0</v>
      </c>
      <c r="K30806" s="2">
        <v>1</v>
      </c>
      <c r="L30806" t="s">
        <v>995</v>
      </c>
      <c r="M30806" t="s">
        <v>83</v>
      </c>
      <c r="N30806" t="s">
        <v>84</v>
      </c>
      <c r="O30806" t="s">
        <v>85</v>
      </c>
      <c r="P30806" t="s">
        <v>86</v>
      </c>
      <c r="Q30806">
        <v>22</v>
      </c>
      <c r="R30806">
        <v>23</v>
      </c>
      <c r="S30806">
        <v>23</v>
      </c>
      <c r="T30806">
        <v>24</v>
      </c>
      <c r="U30806">
        <v>24</v>
      </c>
      <c r="V30806">
        <v>24</v>
      </c>
      <c r="W30806">
        <v>25</v>
      </c>
      <c r="X30806">
        <v>25</v>
      </c>
      <c r="Y30806">
        <v>25</v>
      </c>
      <c r="Z30806">
        <v>26</v>
      </c>
      <c r="AA30806">
        <v>26</v>
      </c>
      <c r="AB30806">
        <v>26</v>
      </c>
      <c r="AC30806">
        <v>27</v>
      </c>
      <c r="AD30806">
        <v>27</v>
      </c>
      <c r="AE30806">
        <v>28</v>
      </c>
      <c r="AF30806">
        <v>28</v>
      </c>
      <c r="AG30806">
        <v>28</v>
      </c>
      <c r="AH30806">
        <v>29</v>
      </c>
      <c r="AI30806">
        <v>29</v>
      </c>
      <c r="AJ30806">
        <v>29</v>
      </c>
      <c r="AK30806">
        <v>30</v>
      </c>
      <c r="AL30806">
        <v>30</v>
      </c>
      <c r="AM30806">
        <v>30</v>
      </c>
      <c r="AN30806">
        <v>30</v>
      </c>
      <c r="AO30806">
        <v>30</v>
      </c>
      <c r="AP30806">
        <v>30</v>
      </c>
      <c r="AQ30806">
        <v>31</v>
      </c>
    </row>
    <row r="30807" spans="1:43">
      <c r="A30807" t="s">
        <v>19091</v>
      </c>
      <c r="B30807" t="s">
        <v>19092</v>
      </c>
      <c r="C30807" t="s">
        <v>19089</v>
      </c>
      <c r="D30807" t="s">
        <v>19090</v>
      </c>
      <c r="E30807" t="s">
        <v>18995</v>
      </c>
      <c r="F30807" t="s">
        <v>18996</v>
      </c>
      <c r="G30807" t="s">
        <v>10734</v>
      </c>
      <c r="H30807" t="s">
        <v>10735</v>
      </c>
      <c r="I30807" s="2">
        <v>0</v>
      </c>
      <c r="J30807" s="2">
        <v>0</v>
      </c>
      <c r="K30807" s="2">
        <v>1</v>
      </c>
      <c r="L30807" t="s">
        <v>995</v>
      </c>
      <c r="M30807" t="s">
        <v>87</v>
      </c>
      <c r="N30807" t="s">
        <v>88</v>
      </c>
      <c r="O30807" t="s">
        <v>85</v>
      </c>
      <c r="P30807" t="s">
        <v>86</v>
      </c>
      <c r="Q30807">
        <v>22</v>
      </c>
      <c r="R30807">
        <v>22</v>
      </c>
      <c r="S30807">
        <v>23</v>
      </c>
      <c r="T30807">
        <v>23</v>
      </c>
      <c r="U30807">
        <v>23</v>
      </c>
      <c r="V30807">
        <v>23</v>
      </c>
      <c r="W30807">
        <v>23</v>
      </c>
      <c r="X30807">
        <v>23</v>
      </c>
      <c r="Y30807">
        <v>23</v>
      </c>
      <c r="Z30807">
        <v>24</v>
      </c>
      <c r="AA30807">
        <v>24</v>
      </c>
      <c r="AB30807">
        <v>24</v>
      </c>
      <c r="AC30807">
        <v>24</v>
      </c>
      <c r="AD30807">
        <v>24</v>
      </c>
      <c r="AE30807">
        <v>24</v>
      </c>
      <c r="AF30807">
        <v>25</v>
      </c>
      <c r="AG30807">
        <v>25</v>
      </c>
      <c r="AH30807">
        <v>25</v>
      </c>
      <c r="AI30807">
        <v>25</v>
      </c>
      <c r="AJ30807">
        <v>25</v>
      </c>
      <c r="AK30807">
        <v>26</v>
      </c>
      <c r="AL30807">
        <v>26</v>
      </c>
      <c r="AM30807">
        <v>26</v>
      </c>
      <c r="AN30807">
        <v>26</v>
      </c>
      <c r="AO30807">
        <v>26</v>
      </c>
      <c r="AP30807">
        <v>26</v>
      </c>
      <c r="AQ30807">
        <v>27</v>
      </c>
    </row>
    <row r="30808" spans="1:43">
      <c r="A30808" t="s">
        <v>19091</v>
      </c>
      <c r="B30808" t="s">
        <v>19092</v>
      </c>
      <c r="C30808" t="s">
        <v>19089</v>
      </c>
      <c r="D30808" t="s">
        <v>19090</v>
      </c>
      <c r="E30808" t="s">
        <v>18995</v>
      </c>
      <c r="F30808" t="s">
        <v>18996</v>
      </c>
      <c r="G30808" t="s">
        <v>10734</v>
      </c>
      <c r="H30808" t="s">
        <v>10735</v>
      </c>
      <c r="I30808" s="2">
        <v>0</v>
      </c>
      <c r="J30808" s="2">
        <v>0</v>
      </c>
      <c r="K30808" s="2">
        <v>1</v>
      </c>
      <c r="L30808" t="s">
        <v>995</v>
      </c>
      <c r="M30808" t="s">
        <v>89</v>
      </c>
      <c r="N30808" t="s">
        <v>90</v>
      </c>
      <c r="O30808" t="s">
        <v>85</v>
      </c>
      <c r="P30808" t="s">
        <v>86</v>
      </c>
      <c r="Q30808">
        <v>22</v>
      </c>
      <c r="R30808">
        <v>22</v>
      </c>
      <c r="S30808">
        <v>23</v>
      </c>
      <c r="T30808">
        <v>23</v>
      </c>
      <c r="U30808">
        <v>24</v>
      </c>
      <c r="V30808">
        <v>24</v>
      </c>
      <c r="W30808">
        <v>25</v>
      </c>
      <c r="X30808">
        <v>25</v>
      </c>
      <c r="Y30808">
        <v>26</v>
      </c>
      <c r="Z30808">
        <v>26</v>
      </c>
      <c r="AA30808">
        <v>27</v>
      </c>
      <c r="AB30808">
        <v>27</v>
      </c>
      <c r="AC30808">
        <v>28</v>
      </c>
      <c r="AD30808">
        <v>28</v>
      </c>
      <c r="AE30808">
        <v>28</v>
      </c>
      <c r="AF30808">
        <v>29</v>
      </c>
      <c r="AG30808">
        <v>29</v>
      </c>
      <c r="AH30808">
        <v>29</v>
      </c>
      <c r="AI30808">
        <v>29</v>
      </c>
      <c r="AJ30808">
        <v>29</v>
      </c>
      <c r="AK30808">
        <v>29</v>
      </c>
      <c r="AL30808">
        <v>29</v>
      </c>
      <c r="AM30808">
        <v>29</v>
      </c>
      <c r="AN30808">
        <v>29</v>
      </c>
      <c r="AO30808">
        <v>30</v>
      </c>
      <c r="AP30808">
        <v>30</v>
      </c>
      <c r="AQ30808">
        <v>30</v>
      </c>
    </row>
    <row r="30809" spans="1:43">
      <c r="A30809" t="s">
        <v>19091</v>
      </c>
      <c r="B30809" t="s">
        <v>19092</v>
      </c>
      <c r="C30809" t="s">
        <v>19089</v>
      </c>
      <c r="D30809" t="s">
        <v>19090</v>
      </c>
      <c r="E30809" t="s">
        <v>18995</v>
      </c>
      <c r="F30809" t="s">
        <v>18996</v>
      </c>
      <c r="G30809" t="s">
        <v>10734</v>
      </c>
      <c r="H30809" t="s">
        <v>10735</v>
      </c>
      <c r="I30809" s="2">
        <v>0</v>
      </c>
      <c r="J30809" s="2">
        <v>0</v>
      </c>
      <c r="K30809" s="2">
        <v>1</v>
      </c>
      <c r="L30809" t="s">
        <v>995</v>
      </c>
      <c r="M30809" t="s">
        <v>83</v>
      </c>
      <c r="N30809" t="s">
        <v>91</v>
      </c>
      <c r="O30809" t="s">
        <v>85</v>
      </c>
      <c r="P30809" t="s">
        <v>86</v>
      </c>
      <c r="Q30809">
        <v>22</v>
      </c>
      <c r="R30809">
        <v>23</v>
      </c>
      <c r="S30809">
        <v>23</v>
      </c>
      <c r="T30809">
        <v>24</v>
      </c>
      <c r="U30809">
        <v>24</v>
      </c>
      <c r="V30809">
        <v>24</v>
      </c>
      <c r="W30809">
        <v>25</v>
      </c>
      <c r="X30809">
        <v>25</v>
      </c>
      <c r="Y30809">
        <v>25</v>
      </c>
      <c r="Z30809">
        <v>26</v>
      </c>
      <c r="AA30809">
        <v>26</v>
      </c>
      <c r="AB30809">
        <v>26</v>
      </c>
      <c r="AC30809">
        <v>27</v>
      </c>
      <c r="AD30809">
        <v>27</v>
      </c>
      <c r="AE30809">
        <v>28</v>
      </c>
      <c r="AF30809">
        <v>28</v>
      </c>
      <c r="AG30809">
        <v>28</v>
      </c>
      <c r="AH30809">
        <v>29</v>
      </c>
      <c r="AI30809">
        <v>29</v>
      </c>
      <c r="AJ30809">
        <v>29</v>
      </c>
      <c r="AK30809">
        <v>30</v>
      </c>
      <c r="AL30809">
        <v>30</v>
      </c>
      <c r="AM30809">
        <v>30</v>
      </c>
      <c r="AN30809">
        <v>30</v>
      </c>
      <c r="AO30809">
        <v>30</v>
      </c>
      <c r="AP30809">
        <v>30</v>
      </c>
      <c r="AQ30809">
        <v>31</v>
      </c>
    </row>
    <row r="30810" spans="1:43">
      <c r="A30810" t="s">
        <v>19093</v>
      </c>
      <c r="B30810" t="s">
        <v>19094</v>
      </c>
      <c r="C30810" t="s">
        <v>19095</v>
      </c>
      <c r="D30810" t="s">
        <v>19096</v>
      </c>
      <c r="E30810" t="s">
        <v>18995</v>
      </c>
      <c r="F30810" t="s">
        <v>18996</v>
      </c>
      <c r="G30810" t="s">
        <v>10734</v>
      </c>
      <c r="H30810" t="s">
        <v>10735</v>
      </c>
      <c r="I30810" s="2">
        <v>0</v>
      </c>
      <c r="J30810" s="2">
        <v>0</v>
      </c>
      <c r="K30810" s="2">
        <v>1</v>
      </c>
      <c r="L30810" t="s">
        <v>995</v>
      </c>
      <c r="M30810" t="s">
        <v>83</v>
      </c>
      <c r="N30810" t="s">
        <v>84</v>
      </c>
      <c r="O30810" t="s">
        <v>85</v>
      </c>
      <c r="P30810" t="s">
        <v>86</v>
      </c>
      <c r="Q30810">
        <v>9</v>
      </c>
      <c r="R30810">
        <v>9</v>
      </c>
      <c r="S30810">
        <v>9</v>
      </c>
      <c r="T30810">
        <v>9</v>
      </c>
      <c r="U30810">
        <v>9</v>
      </c>
      <c r="V30810">
        <v>9</v>
      </c>
      <c r="W30810">
        <v>9</v>
      </c>
      <c r="X30810">
        <v>10</v>
      </c>
      <c r="Y30810">
        <v>10</v>
      </c>
      <c r="Z30810">
        <v>10</v>
      </c>
      <c r="AA30810">
        <v>10</v>
      </c>
      <c r="AB30810">
        <v>10</v>
      </c>
      <c r="AC30810">
        <v>10</v>
      </c>
      <c r="AD30810">
        <v>10</v>
      </c>
      <c r="AE30810">
        <v>11</v>
      </c>
      <c r="AF30810">
        <v>11</v>
      </c>
      <c r="AG30810">
        <v>11</v>
      </c>
      <c r="AH30810">
        <v>11</v>
      </c>
      <c r="AI30810">
        <v>11</v>
      </c>
      <c r="AJ30810">
        <v>11</v>
      </c>
      <c r="AK30810">
        <v>11</v>
      </c>
      <c r="AL30810">
        <v>11</v>
      </c>
      <c r="AM30810">
        <v>12</v>
      </c>
      <c r="AN30810">
        <v>12</v>
      </c>
      <c r="AO30810">
        <v>12</v>
      </c>
      <c r="AP30810">
        <v>12</v>
      </c>
      <c r="AQ30810">
        <v>12</v>
      </c>
    </row>
    <row r="30811" spans="1:43">
      <c r="A30811" t="s">
        <v>19093</v>
      </c>
      <c r="B30811" t="s">
        <v>19094</v>
      </c>
      <c r="C30811" t="s">
        <v>19095</v>
      </c>
      <c r="D30811" t="s">
        <v>19096</v>
      </c>
      <c r="E30811" t="s">
        <v>18995</v>
      </c>
      <c r="F30811" t="s">
        <v>18996</v>
      </c>
      <c r="G30811" t="s">
        <v>10734</v>
      </c>
      <c r="H30811" t="s">
        <v>10735</v>
      </c>
      <c r="I30811" s="2">
        <v>0</v>
      </c>
      <c r="J30811" s="2">
        <v>0</v>
      </c>
      <c r="K30811" s="2">
        <v>1</v>
      </c>
      <c r="L30811" t="s">
        <v>995</v>
      </c>
      <c r="M30811" t="s">
        <v>87</v>
      </c>
      <c r="N30811" t="s">
        <v>88</v>
      </c>
      <c r="O30811" t="s">
        <v>85</v>
      </c>
      <c r="P30811" t="s">
        <v>86</v>
      </c>
      <c r="Q30811">
        <v>9</v>
      </c>
      <c r="R30811">
        <v>9</v>
      </c>
      <c r="S30811">
        <v>10</v>
      </c>
      <c r="T30811">
        <v>10</v>
      </c>
      <c r="U30811">
        <v>10</v>
      </c>
      <c r="V30811">
        <v>10</v>
      </c>
      <c r="W30811">
        <v>10</v>
      </c>
      <c r="X30811">
        <v>10</v>
      </c>
      <c r="Y30811">
        <v>10</v>
      </c>
      <c r="Z30811">
        <v>10</v>
      </c>
      <c r="AA30811">
        <v>10</v>
      </c>
      <c r="AB30811">
        <v>10</v>
      </c>
      <c r="AC30811">
        <v>10</v>
      </c>
      <c r="AD30811">
        <v>10</v>
      </c>
      <c r="AE30811">
        <v>10</v>
      </c>
      <c r="AF30811">
        <v>10</v>
      </c>
      <c r="AG30811">
        <v>11</v>
      </c>
      <c r="AH30811">
        <v>11</v>
      </c>
      <c r="AI30811">
        <v>11</v>
      </c>
      <c r="AJ30811">
        <v>11</v>
      </c>
      <c r="AK30811">
        <v>11</v>
      </c>
      <c r="AL30811">
        <v>11</v>
      </c>
      <c r="AM30811">
        <v>11</v>
      </c>
      <c r="AN30811">
        <v>11</v>
      </c>
      <c r="AO30811">
        <v>11</v>
      </c>
      <c r="AP30811">
        <v>11</v>
      </c>
      <c r="AQ30811">
        <v>11</v>
      </c>
    </row>
    <row r="30812" spans="1:43">
      <c r="A30812" t="s">
        <v>19093</v>
      </c>
      <c r="B30812" t="s">
        <v>19094</v>
      </c>
      <c r="C30812" t="s">
        <v>19095</v>
      </c>
      <c r="D30812" t="s">
        <v>19096</v>
      </c>
      <c r="E30812" t="s">
        <v>18995</v>
      </c>
      <c r="F30812" t="s">
        <v>18996</v>
      </c>
      <c r="G30812" t="s">
        <v>10734</v>
      </c>
      <c r="H30812" t="s">
        <v>10735</v>
      </c>
      <c r="I30812" s="2">
        <v>0</v>
      </c>
      <c r="J30812" s="2">
        <v>0</v>
      </c>
      <c r="K30812" s="2">
        <v>1</v>
      </c>
      <c r="L30812" t="s">
        <v>995</v>
      </c>
      <c r="M30812" t="s">
        <v>89</v>
      </c>
      <c r="N30812" t="s">
        <v>90</v>
      </c>
      <c r="O30812" t="s">
        <v>85</v>
      </c>
      <c r="P30812" t="s">
        <v>86</v>
      </c>
      <c r="Q30812">
        <v>9</v>
      </c>
      <c r="R30812">
        <v>9</v>
      </c>
      <c r="S30812">
        <v>9</v>
      </c>
      <c r="T30812">
        <v>9</v>
      </c>
      <c r="U30812">
        <v>9</v>
      </c>
      <c r="V30812">
        <v>10</v>
      </c>
      <c r="W30812">
        <v>10</v>
      </c>
      <c r="X30812">
        <v>10</v>
      </c>
      <c r="Y30812">
        <v>10</v>
      </c>
      <c r="Z30812">
        <v>10</v>
      </c>
      <c r="AA30812">
        <v>11</v>
      </c>
      <c r="AB30812">
        <v>11</v>
      </c>
      <c r="AC30812">
        <v>11</v>
      </c>
      <c r="AD30812">
        <v>11</v>
      </c>
      <c r="AE30812">
        <v>11</v>
      </c>
      <c r="AF30812">
        <v>11</v>
      </c>
      <c r="AG30812">
        <v>11</v>
      </c>
      <c r="AH30812">
        <v>11</v>
      </c>
      <c r="AI30812">
        <v>11</v>
      </c>
      <c r="AJ30812">
        <v>11</v>
      </c>
      <c r="AK30812">
        <v>12</v>
      </c>
      <c r="AL30812">
        <v>12</v>
      </c>
      <c r="AM30812">
        <v>12</v>
      </c>
      <c r="AN30812">
        <v>12</v>
      </c>
      <c r="AO30812">
        <v>12</v>
      </c>
      <c r="AP30812">
        <v>12</v>
      </c>
      <c r="AQ30812">
        <v>12</v>
      </c>
    </row>
    <row r="30813" spans="1:43">
      <c r="A30813" t="s">
        <v>19093</v>
      </c>
      <c r="B30813" t="s">
        <v>19094</v>
      </c>
      <c r="C30813" t="s">
        <v>19095</v>
      </c>
      <c r="D30813" t="s">
        <v>19096</v>
      </c>
      <c r="E30813" t="s">
        <v>18995</v>
      </c>
      <c r="F30813" t="s">
        <v>18996</v>
      </c>
      <c r="G30813" t="s">
        <v>10734</v>
      </c>
      <c r="H30813" t="s">
        <v>10735</v>
      </c>
      <c r="I30813" s="2">
        <v>0</v>
      </c>
      <c r="J30813" s="2">
        <v>0</v>
      </c>
      <c r="K30813" s="2">
        <v>1</v>
      </c>
      <c r="L30813" t="s">
        <v>995</v>
      </c>
      <c r="M30813" t="s">
        <v>83</v>
      </c>
      <c r="N30813" t="s">
        <v>91</v>
      </c>
      <c r="O30813" t="s">
        <v>85</v>
      </c>
      <c r="P30813" t="s">
        <v>86</v>
      </c>
      <c r="Q30813">
        <v>9</v>
      </c>
      <c r="R30813">
        <v>9</v>
      </c>
      <c r="S30813">
        <v>9</v>
      </c>
      <c r="T30813">
        <v>9</v>
      </c>
      <c r="U30813">
        <v>9</v>
      </c>
      <c r="V30813">
        <v>9</v>
      </c>
      <c r="W30813">
        <v>9</v>
      </c>
      <c r="X30813">
        <v>10</v>
      </c>
      <c r="Y30813">
        <v>10</v>
      </c>
      <c r="Z30813">
        <v>10</v>
      </c>
      <c r="AA30813">
        <v>10</v>
      </c>
      <c r="AB30813">
        <v>10</v>
      </c>
      <c r="AC30813">
        <v>10</v>
      </c>
      <c r="AD30813">
        <v>10</v>
      </c>
      <c r="AE30813">
        <v>11</v>
      </c>
      <c r="AF30813">
        <v>11</v>
      </c>
      <c r="AG30813">
        <v>11</v>
      </c>
      <c r="AH30813">
        <v>11</v>
      </c>
      <c r="AI30813">
        <v>11</v>
      </c>
      <c r="AJ30813">
        <v>11</v>
      </c>
      <c r="AK30813">
        <v>11</v>
      </c>
      <c r="AL30813">
        <v>11</v>
      </c>
      <c r="AM30813">
        <v>12</v>
      </c>
      <c r="AN30813">
        <v>12</v>
      </c>
      <c r="AO30813">
        <v>12</v>
      </c>
      <c r="AP30813">
        <v>12</v>
      </c>
      <c r="AQ30813">
        <v>12</v>
      </c>
    </row>
    <row r="30814" spans="1:43">
      <c r="A30814" t="s">
        <v>19097</v>
      </c>
      <c r="B30814" t="s">
        <v>19098</v>
      </c>
      <c r="C30814" t="s">
        <v>19099</v>
      </c>
      <c r="D30814" t="s">
        <v>19100</v>
      </c>
      <c r="E30814" t="s">
        <v>18995</v>
      </c>
      <c r="F30814" t="s">
        <v>18996</v>
      </c>
      <c r="G30814" t="s">
        <v>10734</v>
      </c>
      <c r="H30814" t="s">
        <v>10735</v>
      </c>
      <c r="I30814" s="2">
        <v>0</v>
      </c>
      <c r="J30814" s="2">
        <v>0</v>
      </c>
      <c r="K30814" s="2">
        <v>1</v>
      </c>
      <c r="L30814" t="s">
        <v>995</v>
      </c>
      <c r="M30814" t="s">
        <v>83</v>
      </c>
      <c r="N30814" t="s">
        <v>84</v>
      </c>
      <c r="O30814" t="s">
        <v>85</v>
      </c>
      <c r="P30814" t="s">
        <v>86</v>
      </c>
      <c r="Q30814">
        <v>22</v>
      </c>
      <c r="R30814">
        <v>23</v>
      </c>
      <c r="S30814">
        <v>23</v>
      </c>
      <c r="T30814">
        <v>23</v>
      </c>
      <c r="U30814">
        <v>24</v>
      </c>
      <c r="V30814">
        <v>24</v>
      </c>
      <c r="W30814">
        <v>25</v>
      </c>
      <c r="X30814">
        <v>25</v>
      </c>
      <c r="Y30814">
        <v>25</v>
      </c>
      <c r="Z30814">
        <v>26</v>
      </c>
      <c r="AA30814">
        <v>26</v>
      </c>
      <c r="AB30814">
        <v>26</v>
      </c>
      <c r="AC30814">
        <v>27</v>
      </c>
      <c r="AD30814">
        <v>27</v>
      </c>
      <c r="AE30814">
        <v>28</v>
      </c>
      <c r="AF30814">
        <v>28</v>
      </c>
      <c r="AG30814">
        <v>28</v>
      </c>
      <c r="AH30814">
        <v>29</v>
      </c>
      <c r="AI30814">
        <v>29</v>
      </c>
      <c r="AJ30814">
        <v>29</v>
      </c>
      <c r="AK30814">
        <v>30</v>
      </c>
      <c r="AL30814">
        <v>30</v>
      </c>
      <c r="AM30814">
        <v>30</v>
      </c>
      <c r="AN30814">
        <v>30</v>
      </c>
      <c r="AO30814">
        <v>30</v>
      </c>
      <c r="AP30814">
        <v>31</v>
      </c>
      <c r="AQ30814">
        <v>31</v>
      </c>
    </row>
    <row r="30815" spans="1:43">
      <c r="A30815" t="s">
        <v>19097</v>
      </c>
      <c r="B30815" t="s">
        <v>19098</v>
      </c>
      <c r="C30815" t="s">
        <v>19099</v>
      </c>
      <c r="D30815" t="s">
        <v>19100</v>
      </c>
      <c r="E30815" t="s">
        <v>18995</v>
      </c>
      <c r="F30815" t="s">
        <v>18996</v>
      </c>
      <c r="G30815" t="s">
        <v>10734</v>
      </c>
      <c r="H30815" t="s">
        <v>10735</v>
      </c>
      <c r="I30815" s="2">
        <v>0</v>
      </c>
      <c r="J30815" s="2">
        <v>0</v>
      </c>
      <c r="K30815" s="2">
        <v>1</v>
      </c>
      <c r="L30815" t="s">
        <v>995</v>
      </c>
      <c r="M30815" t="s">
        <v>87</v>
      </c>
      <c r="N30815" t="s">
        <v>88</v>
      </c>
      <c r="O30815" t="s">
        <v>85</v>
      </c>
      <c r="P30815" t="s">
        <v>86</v>
      </c>
      <c r="Q30815">
        <v>22</v>
      </c>
      <c r="R30815">
        <v>22</v>
      </c>
      <c r="S30815">
        <v>22</v>
      </c>
      <c r="T30815">
        <v>23</v>
      </c>
      <c r="U30815">
        <v>23</v>
      </c>
      <c r="V30815">
        <v>23</v>
      </c>
      <c r="W30815">
        <v>23</v>
      </c>
      <c r="X30815">
        <v>23</v>
      </c>
      <c r="Y30815">
        <v>23</v>
      </c>
      <c r="Z30815">
        <v>24</v>
      </c>
      <c r="AA30815">
        <v>24</v>
      </c>
      <c r="AB30815">
        <v>24</v>
      </c>
      <c r="AC30815">
        <v>24</v>
      </c>
      <c r="AD30815">
        <v>24</v>
      </c>
      <c r="AE30815">
        <v>24</v>
      </c>
      <c r="AF30815">
        <v>25</v>
      </c>
      <c r="AG30815">
        <v>25</v>
      </c>
      <c r="AH30815">
        <v>25</v>
      </c>
      <c r="AI30815">
        <v>25</v>
      </c>
      <c r="AJ30815">
        <v>25</v>
      </c>
      <c r="AK30815">
        <v>25</v>
      </c>
      <c r="AL30815">
        <v>26</v>
      </c>
      <c r="AM30815">
        <v>26</v>
      </c>
      <c r="AN30815">
        <v>26</v>
      </c>
      <c r="AO30815">
        <v>26</v>
      </c>
      <c r="AP30815">
        <v>26</v>
      </c>
      <c r="AQ30815">
        <v>27</v>
      </c>
    </row>
    <row r="30816" spans="1:43">
      <c r="A30816" t="s">
        <v>19097</v>
      </c>
      <c r="B30816" t="s">
        <v>19098</v>
      </c>
      <c r="C30816" t="s">
        <v>19099</v>
      </c>
      <c r="D30816" t="s">
        <v>19100</v>
      </c>
      <c r="E30816" t="s">
        <v>18995</v>
      </c>
      <c r="F30816" t="s">
        <v>18996</v>
      </c>
      <c r="G30816" t="s">
        <v>10734</v>
      </c>
      <c r="H30816" t="s">
        <v>10735</v>
      </c>
      <c r="I30816" s="2">
        <v>0</v>
      </c>
      <c r="J30816" s="2">
        <v>0</v>
      </c>
      <c r="K30816" s="2">
        <v>1</v>
      </c>
      <c r="L30816" t="s">
        <v>995</v>
      </c>
      <c r="M30816" t="s">
        <v>89</v>
      </c>
      <c r="N30816" t="s">
        <v>90</v>
      </c>
      <c r="O30816" t="s">
        <v>85</v>
      </c>
      <c r="P30816" t="s">
        <v>86</v>
      </c>
      <c r="Q30816">
        <v>22</v>
      </c>
      <c r="R30816">
        <v>22</v>
      </c>
      <c r="S30816">
        <v>23</v>
      </c>
      <c r="T30816">
        <v>23</v>
      </c>
      <c r="U30816">
        <v>24</v>
      </c>
      <c r="V30816">
        <v>24</v>
      </c>
      <c r="W30816">
        <v>25</v>
      </c>
      <c r="X30816">
        <v>25</v>
      </c>
      <c r="Y30816">
        <v>26</v>
      </c>
      <c r="Z30816">
        <v>26</v>
      </c>
      <c r="AA30816">
        <v>27</v>
      </c>
      <c r="AB30816">
        <v>27</v>
      </c>
      <c r="AC30816">
        <v>28</v>
      </c>
      <c r="AD30816">
        <v>28</v>
      </c>
      <c r="AE30816">
        <v>29</v>
      </c>
      <c r="AF30816">
        <v>29</v>
      </c>
      <c r="AG30816">
        <v>29</v>
      </c>
      <c r="AH30816">
        <v>29</v>
      </c>
      <c r="AI30816">
        <v>29</v>
      </c>
      <c r="AJ30816">
        <v>29</v>
      </c>
      <c r="AK30816">
        <v>29</v>
      </c>
      <c r="AL30816">
        <v>29</v>
      </c>
      <c r="AM30816">
        <v>30</v>
      </c>
      <c r="AN30816">
        <v>30</v>
      </c>
      <c r="AO30816">
        <v>30</v>
      </c>
      <c r="AP30816">
        <v>30</v>
      </c>
      <c r="AQ30816">
        <v>30</v>
      </c>
    </row>
    <row r="30817" spans="1:43">
      <c r="A30817" t="s">
        <v>19097</v>
      </c>
      <c r="B30817" t="s">
        <v>19098</v>
      </c>
      <c r="C30817" t="s">
        <v>19099</v>
      </c>
      <c r="D30817" t="s">
        <v>19100</v>
      </c>
      <c r="E30817" t="s">
        <v>18995</v>
      </c>
      <c r="F30817" t="s">
        <v>18996</v>
      </c>
      <c r="G30817" t="s">
        <v>10734</v>
      </c>
      <c r="H30817" t="s">
        <v>10735</v>
      </c>
      <c r="I30817" s="2">
        <v>0</v>
      </c>
      <c r="J30817" s="2">
        <v>0</v>
      </c>
      <c r="K30817" s="2">
        <v>1</v>
      </c>
      <c r="L30817" t="s">
        <v>995</v>
      </c>
      <c r="M30817" t="s">
        <v>83</v>
      </c>
      <c r="N30817" t="s">
        <v>91</v>
      </c>
      <c r="O30817" t="s">
        <v>85</v>
      </c>
      <c r="P30817" t="s">
        <v>86</v>
      </c>
      <c r="Q30817">
        <v>22</v>
      </c>
      <c r="R30817">
        <v>23</v>
      </c>
      <c r="S30817">
        <v>23</v>
      </c>
      <c r="T30817">
        <v>23</v>
      </c>
      <c r="U30817">
        <v>24</v>
      </c>
      <c r="V30817">
        <v>24</v>
      </c>
      <c r="W30817">
        <v>25</v>
      </c>
      <c r="X30817">
        <v>25</v>
      </c>
      <c r="Y30817">
        <v>25</v>
      </c>
      <c r="Z30817">
        <v>26</v>
      </c>
      <c r="AA30817">
        <v>26</v>
      </c>
      <c r="AB30817">
        <v>26</v>
      </c>
      <c r="AC30817">
        <v>27</v>
      </c>
      <c r="AD30817">
        <v>27</v>
      </c>
      <c r="AE30817">
        <v>28</v>
      </c>
      <c r="AF30817">
        <v>28</v>
      </c>
      <c r="AG30817">
        <v>28</v>
      </c>
      <c r="AH30817">
        <v>29</v>
      </c>
      <c r="AI30817">
        <v>29</v>
      </c>
      <c r="AJ30817">
        <v>29</v>
      </c>
      <c r="AK30817">
        <v>30</v>
      </c>
      <c r="AL30817">
        <v>30</v>
      </c>
      <c r="AM30817">
        <v>30</v>
      </c>
      <c r="AN30817">
        <v>30</v>
      </c>
      <c r="AO30817">
        <v>30</v>
      </c>
      <c r="AP30817">
        <v>31</v>
      </c>
      <c r="AQ30817">
        <v>31</v>
      </c>
    </row>
    <row r="30818" spans="1:43">
      <c r="A30818" t="s">
        <v>19101</v>
      </c>
      <c r="B30818" t="s">
        <v>19102</v>
      </c>
      <c r="C30818" t="s">
        <v>19099</v>
      </c>
      <c r="D30818" t="s">
        <v>19100</v>
      </c>
      <c r="E30818" t="s">
        <v>18995</v>
      </c>
      <c r="F30818" t="s">
        <v>18996</v>
      </c>
      <c r="G30818" t="s">
        <v>10734</v>
      </c>
      <c r="H30818" t="s">
        <v>10735</v>
      </c>
      <c r="I30818" s="2">
        <v>0</v>
      </c>
      <c r="J30818" s="2">
        <v>0</v>
      </c>
      <c r="K30818" s="2">
        <v>1</v>
      </c>
      <c r="L30818" t="s">
        <v>995</v>
      </c>
      <c r="M30818" t="s">
        <v>83</v>
      </c>
      <c r="N30818" t="s">
        <v>84</v>
      </c>
      <c r="O30818" t="s">
        <v>85</v>
      </c>
      <c r="P30818" t="s">
        <v>86</v>
      </c>
      <c r="Q30818">
        <v>63</v>
      </c>
      <c r="R30818">
        <v>64</v>
      </c>
      <c r="S30818">
        <v>65</v>
      </c>
      <c r="T30818">
        <v>66</v>
      </c>
      <c r="U30818">
        <v>67</v>
      </c>
      <c r="V30818">
        <v>68</v>
      </c>
      <c r="W30818">
        <v>69</v>
      </c>
      <c r="X30818">
        <v>70</v>
      </c>
      <c r="Y30818">
        <v>71</v>
      </c>
      <c r="Z30818">
        <v>72</v>
      </c>
      <c r="AA30818">
        <v>73</v>
      </c>
      <c r="AB30818">
        <v>74</v>
      </c>
      <c r="AC30818">
        <v>75</v>
      </c>
      <c r="AD30818">
        <v>76</v>
      </c>
      <c r="AE30818">
        <v>77</v>
      </c>
      <c r="AF30818">
        <v>78</v>
      </c>
      <c r="AG30818">
        <v>79</v>
      </c>
      <c r="AH30818">
        <v>80</v>
      </c>
      <c r="AI30818">
        <v>81</v>
      </c>
      <c r="AJ30818">
        <v>82</v>
      </c>
      <c r="AK30818">
        <v>83</v>
      </c>
      <c r="AL30818">
        <v>84</v>
      </c>
      <c r="AM30818">
        <v>84</v>
      </c>
      <c r="AN30818">
        <v>85</v>
      </c>
      <c r="AO30818">
        <v>85</v>
      </c>
      <c r="AP30818">
        <v>86</v>
      </c>
      <c r="AQ30818">
        <v>86</v>
      </c>
    </row>
    <row r="30819" spans="1:43">
      <c r="A30819" t="s">
        <v>19101</v>
      </c>
      <c r="B30819" t="s">
        <v>19102</v>
      </c>
      <c r="C30819" t="s">
        <v>19099</v>
      </c>
      <c r="D30819" t="s">
        <v>19100</v>
      </c>
      <c r="E30819" t="s">
        <v>18995</v>
      </c>
      <c r="F30819" t="s">
        <v>18996</v>
      </c>
      <c r="G30819" t="s">
        <v>10734</v>
      </c>
      <c r="H30819" t="s">
        <v>10735</v>
      </c>
      <c r="I30819" s="2">
        <v>0</v>
      </c>
      <c r="J30819" s="2">
        <v>0</v>
      </c>
      <c r="K30819" s="2">
        <v>1</v>
      </c>
      <c r="L30819" t="s">
        <v>995</v>
      </c>
      <c r="M30819" t="s">
        <v>87</v>
      </c>
      <c r="N30819" t="s">
        <v>88</v>
      </c>
      <c r="O30819" t="s">
        <v>85</v>
      </c>
      <c r="P30819" t="s">
        <v>86</v>
      </c>
      <c r="Q30819">
        <v>63</v>
      </c>
      <c r="R30819">
        <v>64</v>
      </c>
      <c r="S30819">
        <v>64</v>
      </c>
      <c r="T30819">
        <v>64</v>
      </c>
      <c r="U30819">
        <v>65</v>
      </c>
      <c r="V30819">
        <v>65</v>
      </c>
      <c r="W30819">
        <v>66</v>
      </c>
      <c r="X30819">
        <v>66</v>
      </c>
      <c r="Y30819">
        <v>67</v>
      </c>
      <c r="Z30819">
        <v>67</v>
      </c>
      <c r="AA30819">
        <v>67</v>
      </c>
      <c r="AB30819">
        <v>68</v>
      </c>
      <c r="AC30819">
        <v>68</v>
      </c>
      <c r="AD30819">
        <v>69</v>
      </c>
      <c r="AE30819">
        <v>69</v>
      </c>
      <c r="AF30819">
        <v>70</v>
      </c>
      <c r="AG30819">
        <v>70</v>
      </c>
      <c r="AH30819">
        <v>71</v>
      </c>
      <c r="AI30819">
        <v>71</v>
      </c>
      <c r="AJ30819">
        <v>72</v>
      </c>
      <c r="AK30819">
        <v>72</v>
      </c>
      <c r="AL30819">
        <v>73</v>
      </c>
      <c r="AM30819">
        <v>73</v>
      </c>
      <c r="AN30819">
        <v>74</v>
      </c>
      <c r="AO30819">
        <v>74</v>
      </c>
      <c r="AP30819">
        <v>75</v>
      </c>
      <c r="AQ30819">
        <v>75</v>
      </c>
    </row>
    <row r="30820" spans="1:43">
      <c r="A30820" t="s">
        <v>19101</v>
      </c>
      <c r="B30820" t="s">
        <v>19102</v>
      </c>
      <c r="C30820" t="s">
        <v>19099</v>
      </c>
      <c r="D30820" t="s">
        <v>19100</v>
      </c>
      <c r="E30820" t="s">
        <v>18995</v>
      </c>
      <c r="F30820" t="s">
        <v>18996</v>
      </c>
      <c r="G30820" t="s">
        <v>10734</v>
      </c>
      <c r="H30820" t="s">
        <v>10735</v>
      </c>
      <c r="I30820" s="2">
        <v>0</v>
      </c>
      <c r="J30820" s="2">
        <v>0</v>
      </c>
      <c r="K30820" s="2">
        <v>1</v>
      </c>
      <c r="L30820" t="s">
        <v>995</v>
      </c>
      <c r="M30820" t="s">
        <v>89</v>
      </c>
      <c r="N30820" t="s">
        <v>90</v>
      </c>
      <c r="O30820" t="s">
        <v>85</v>
      </c>
      <c r="P30820" t="s">
        <v>86</v>
      </c>
      <c r="Q30820">
        <v>63</v>
      </c>
      <c r="R30820">
        <v>65</v>
      </c>
      <c r="S30820">
        <v>66</v>
      </c>
      <c r="T30820">
        <v>68</v>
      </c>
      <c r="U30820">
        <v>69</v>
      </c>
      <c r="V30820">
        <v>71</v>
      </c>
      <c r="W30820">
        <v>72</v>
      </c>
      <c r="X30820">
        <v>74</v>
      </c>
      <c r="Y30820">
        <v>75</v>
      </c>
      <c r="Z30820">
        <v>76</v>
      </c>
      <c r="AA30820">
        <v>78</v>
      </c>
      <c r="AB30820">
        <v>79</v>
      </c>
      <c r="AC30820">
        <v>80</v>
      </c>
      <c r="AD30820">
        <v>82</v>
      </c>
      <c r="AE30820">
        <v>83</v>
      </c>
      <c r="AF30820">
        <v>83</v>
      </c>
      <c r="AG30820">
        <v>83</v>
      </c>
      <c r="AH30820">
        <v>84</v>
      </c>
      <c r="AI30820">
        <v>84</v>
      </c>
      <c r="AJ30820">
        <v>84</v>
      </c>
      <c r="AK30820">
        <v>85</v>
      </c>
      <c r="AL30820">
        <v>85</v>
      </c>
      <c r="AM30820">
        <v>86</v>
      </c>
      <c r="AN30820">
        <v>86</v>
      </c>
      <c r="AO30820">
        <v>86</v>
      </c>
      <c r="AP30820">
        <v>87</v>
      </c>
      <c r="AQ30820">
        <v>87</v>
      </c>
    </row>
    <row r="30821" spans="1:43">
      <c r="A30821" t="s">
        <v>19101</v>
      </c>
      <c r="B30821" t="s">
        <v>19102</v>
      </c>
      <c r="C30821" t="s">
        <v>19099</v>
      </c>
      <c r="D30821" t="s">
        <v>19100</v>
      </c>
      <c r="E30821" t="s">
        <v>18995</v>
      </c>
      <c r="F30821" t="s">
        <v>18996</v>
      </c>
      <c r="G30821" t="s">
        <v>10734</v>
      </c>
      <c r="H30821" t="s">
        <v>10735</v>
      </c>
      <c r="I30821" s="2">
        <v>0</v>
      </c>
      <c r="J30821" s="2">
        <v>0</v>
      </c>
      <c r="K30821" s="2">
        <v>1</v>
      </c>
      <c r="L30821" t="s">
        <v>995</v>
      </c>
      <c r="M30821" t="s">
        <v>83</v>
      </c>
      <c r="N30821" t="s">
        <v>91</v>
      </c>
      <c r="O30821" t="s">
        <v>85</v>
      </c>
      <c r="P30821" t="s">
        <v>86</v>
      </c>
      <c r="Q30821">
        <v>63</v>
      </c>
      <c r="R30821">
        <v>64</v>
      </c>
      <c r="S30821">
        <v>65</v>
      </c>
      <c r="T30821">
        <v>66</v>
      </c>
      <c r="U30821">
        <v>67</v>
      </c>
      <c r="V30821">
        <v>68</v>
      </c>
      <c r="W30821">
        <v>69</v>
      </c>
      <c r="X30821">
        <v>70</v>
      </c>
      <c r="Y30821">
        <v>71</v>
      </c>
      <c r="Z30821">
        <v>72</v>
      </c>
      <c r="AA30821">
        <v>73</v>
      </c>
      <c r="AB30821">
        <v>74</v>
      </c>
      <c r="AC30821">
        <v>75</v>
      </c>
      <c r="AD30821">
        <v>76</v>
      </c>
      <c r="AE30821">
        <v>77</v>
      </c>
      <c r="AF30821">
        <v>78</v>
      </c>
      <c r="AG30821">
        <v>79</v>
      </c>
      <c r="AH30821">
        <v>80</v>
      </c>
      <c r="AI30821">
        <v>81</v>
      </c>
      <c r="AJ30821">
        <v>82</v>
      </c>
      <c r="AK30821">
        <v>83</v>
      </c>
      <c r="AL30821">
        <v>84</v>
      </c>
      <c r="AM30821">
        <v>84</v>
      </c>
      <c r="AN30821">
        <v>85</v>
      </c>
      <c r="AO30821">
        <v>85</v>
      </c>
      <c r="AP30821">
        <v>86</v>
      </c>
      <c r="AQ30821">
        <v>86</v>
      </c>
    </row>
    <row r="30822" spans="1:43">
      <c r="A30822" t="s">
        <v>19103</v>
      </c>
      <c r="B30822" t="s">
        <v>19104</v>
      </c>
      <c r="C30822" t="s">
        <v>19105</v>
      </c>
      <c r="D30822" t="s">
        <v>19106</v>
      </c>
      <c r="E30822" t="s">
        <v>18995</v>
      </c>
      <c r="F30822" t="s">
        <v>18996</v>
      </c>
      <c r="G30822" t="s">
        <v>10734</v>
      </c>
      <c r="H30822" t="s">
        <v>10735</v>
      </c>
      <c r="I30822" s="2">
        <v>0</v>
      </c>
      <c r="J30822" s="2">
        <v>0</v>
      </c>
      <c r="K30822" s="2">
        <v>1</v>
      </c>
      <c r="L30822" t="s">
        <v>995</v>
      </c>
      <c r="M30822" t="s">
        <v>83</v>
      </c>
      <c r="N30822" t="s">
        <v>84</v>
      </c>
      <c r="O30822" t="s">
        <v>85</v>
      </c>
      <c r="P30822" t="s">
        <v>86</v>
      </c>
      <c r="Q30822">
        <v>33</v>
      </c>
      <c r="R30822">
        <v>34</v>
      </c>
      <c r="S30822">
        <v>34</v>
      </c>
      <c r="T30822">
        <v>35</v>
      </c>
      <c r="U30822">
        <v>35</v>
      </c>
      <c r="V30822">
        <v>36</v>
      </c>
      <c r="W30822">
        <v>37</v>
      </c>
      <c r="X30822">
        <v>37</v>
      </c>
      <c r="Y30822">
        <v>38</v>
      </c>
      <c r="Z30822">
        <v>38</v>
      </c>
      <c r="AA30822">
        <v>39</v>
      </c>
      <c r="AB30822">
        <v>39</v>
      </c>
      <c r="AC30822">
        <v>40</v>
      </c>
      <c r="AD30822">
        <v>40</v>
      </c>
      <c r="AE30822">
        <v>41</v>
      </c>
      <c r="AF30822">
        <v>41</v>
      </c>
      <c r="AG30822">
        <v>42</v>
      </c>
      <c r="AH30822">
        <v>43</v>
      </c>
      <c r="AI30822">
        <v>43</v>
      </c>
      <c r="AJ30822">
        <v>44</v>
      </c>
      <c r="AK30822">
        <v>44</v>
      </c>
      <c r="AL30822">
        <v>45</v>
      </c>
      <c r="AM30822">
        <v>45</v>
      </c>
      <c r="AN30822">
        <v>45</v>
      </c>
      <c r="AO30822">
        <v>45</v>
      </c>
      <c r="AP30822">
        <v>45</v>
      </c>
      <c r="AQ30822">
        <v>46</v>
      </c>
    </row>
    <row r="30823" spans="1:43">
      <c r="A30823" t="s">
        <v>19103</v>
      </c>
      <c r="B30823" t="s">
        <v>19104</v>
      </c>
      <c r="C30823" t="s">
        <v>19105</v>
      </c>
      <c r="D30823" t="s">
        <v>19106</v>
      </c>
      <c r="E30823" t="s">
        <v>18995</v>
      </c>
      <c r="F30823" t="s">
        <v>18996</v>
      </c>
      <c r="G30823" t="s">
        <v>10734</v>
      </c>
      <c r="H30823" t="s">
        <v>10735</v>
      </c>
      <c r="I30823" s="2">
        <v>0</v>
      </c>
      <c r="J30823" s="2">
        <v>0</v>
      </c>
      <c r="K30823" s="2">
        <v>1</v>
      </c>
      <c r="L30823" t="s">
        <v>995</v>
      </c>
      <c r="M30823" t="s">
        <v>87</v>
      </c>
      <c r="N30823" t="s">
        <v>88</v>
      </c>
      <c r="O30823" t="s">
        <v>85</v>
      </c>
      <c r="P30823" t="s">
        <v>86</v>
      </c>
      <c r="Q30823">
        <v>33</v>
      </c>
      <c r="R30823">
        <v>33</v>
      </c>
      <c r="S30823">
        <v>33</v>
      </c>
      <c r="T30823">
        <v>34</v>
      </c>
      <c r="U30823">
        <v>34</v>
      </c>
      <c r="V30823">
        <v>34</v>
      </c>
      <c r="W30823">
        <v>34</v>
      </c>
      <c r="X30823">
        <v>35</v>
      </c>
      <c r="Y30823">
        <v>35</v>
      </c>
      <c r="Z30823">
        <v>35</v>
      </c>
      <c r="AA30823">
        <v>35</v>
      </c>
      <c r="AB30823">
        <v>36</v>
      </c>
      <c r="AC30823">
        <v>36</v>
      </c>
      <c r="AD30823">
        <v>36</v>
      </c>
      <c r="AE30823">
        <v>36</v>
      </c>
      <c r="AF30823">
        <v>37</v>
      </c>
      <c r="AG30823">
        <v>37</v>
      </c>
      <c r="AH30823">
        <v>37</v>
      </c>
      <c r="AI30823">
        <v>37</v>
      </c>
      <c r="AJ30823">
        <v>38</v>
      </c>
      <c r="AK30823">
        <v>38</v>
      </c>
      <c r="AL30823">
        <v>38</v>
      </c>
      <c r="AM30823">
        <v>38</v>
      </c>
      <c r="AN30823">
        <v>39</v>
      </c>
      <c r="AO30823">
        <v>39</v>
      </c>
      <c r="AP30823">
        <v>39</v>
      </c>
      <c r="AQ30823">
        <v>40</v>
      </c>
    </row>
    <row r="30824" spans="1:43">
      <c r="A30824" t="s">
        <v>19103</v>
      </c>
      <c r="B30824" t="s">
        <v>19104</v>
      </c>
      <c r="C30824" t="s">
        <v>19105</v>
      </c>
      <c r="D30824" t="s">
        <v>19106</v>
      </c>
      <c r="E30824" t="s">
        <v>18995</v>
      </c>
      <c r="F30824" t="s">
        <v>18996</v>
      </c>
      <c r="G30824" t="s">
        <v>10734</v>
      </c>
      <c r="H30824" t="s">
        <v>10735</v>
      </c>
      <c r="I30824" s="2">
        <v>0</v>
      </c>
      <c r="J30824" s="2">
        <v>0</v>
      </c>
      <c r="K30824" s="2">
        <v>1</v>
      </c>
      <c r="L30824" t="s">
        <v>995</v>
      </c>
      <c r="M30824" t="s">
        <v>89</v>
      </c>
      <c r="N30824" t="s">
        <v>90</v>
      </c>
      <c r="O30824" t="s">
        <v>85</v>
      </c>
      <c r="P30824" t="s">
        <v>86</v>
      </c>
      <c r="Q30824">
        <v>33</v>
      </c>
      <c r="R30824">
        <v>33</v>
      </c>
      <c r="S30824">
        <v>34</v>
      </c>
      <c r="T30824">
        <v>35</v>
      </c>
      <c r="U30824">
        <v>36</v>
      </c>
      <c r="V30824">
        <v>37</v>
      </c>
      <c r="W30824">
        <v>37</v>
      </c>
      <c r="X30824">
        <v>38</v>
      </c>
      <c r="Y30824">
        <v>39</v>
      </c>
      <c r="Z30824">
        <v>40</v>
      </c>
      <c r="AA30824">
        <v>40</v>
      </c>
      <c r="AB30824">
        <v>41</v>
      </c>
      <c r="AC30824">
        <v>42</v>
      </c>
      <c r="AD30824">
        <v>42</v>
      </c>
      <c r="AE30824">
        <v>43</v>
      </c>
      <c r="AF30824">
        <v>43</v>
      </c>
      <c r="AG30824">
        <v>43</v>
      </c>
      <c r="AH30824">
        <v>43</v>
      </c>
      <c r="AI30824">
        <v>44</v>
      </c>
      <c r="AJ30824">
        <v>44</v>
      </c>
      <c r="AK30824">
        <v>44</v>
      </c>
      <c r="AL30824">
        <v>44</v>
      </c>
      <c r="AM30824">
        <v>44</v>
      </c>
      <c r="AN30824">
        <v>45</v>
      </c>
      <c r="AO30824">
        <v>45</v>
      </c>
      <c r="AP30824">
        <v>45</v>
      </c>
      <c r="AQ30824">
        <v>45</v>
      </c>
    </row>
    <row r="30825" spans="1:43">
      <c r="A30825" t="s">
        <v>19103</v>
      </c>
      <c r="B30825" t="s">
        <v>19104</v>
      </c>
      <c r="C30825" t="s">
        <v>19105</v>
      </c>
      <c r="D30825" t="s">
        <v>19106</v>
      </c>
      <c r="E30825" t="s">
        <v>18995</v>
      </c>
      <c r="F30825" t="s">
        <v>18996</v>
      </c>
      <c r="G30825" t="s">
        <v>10734</v>
      </c>
      <c r="H30825" t="s">
        <v>10735</v>
      </c>
      <c r="I30825" s="2">
        <v>0</v>
      </c>
      <c r="J30825" s="2">
        <v>0</v>
      </c>
      <c r="K30825" s="2">
        <v>1</v>
      </c>
      <c r="L30825" t="s">
        <v>995</v>
      </c>
      <c r="M30825" t="s">
        <v>83</v>
      </c>
      <c r="N30825" t="s">
        <v>91</v>
      </c>
      <c r="O30825" t="s">
        <v>85</v>
      </c>
      <c r="P30825" t="s">
        <v>86</v>
      </c>
      <c r="Q30825">
        <v>33</v>
      </c>
      <c r="R30825">
        <v>34</v>
      </c>
      <c r="S30825">
        <v>34</v>
      </c>
      <c r="T30825">
        <v>35</v>
      </c>
      <c r="U30825">
        <v>35</v>
      </c>
      <c r="V30825">
        <v>36</v>
      </c>
      <c r="W30825">
        <v>37</v>
      </c>
      <c r="X30825">
        <v>37</v>
      </c>
      <c r="Y30825">
        <v>38</v>
      </c>
      <c r="Z30825">
        <v>38</v>
      </c>
      <c r="AA30825">
        <v>39</v>
      </c>
      <c r="AB30825">
        <v>39</v>
      </c>
      <c r="AC30825">
        <v>40</v>
      </c>
      <c r="AD30825">
        <v>40</v>
      </c>
      <c r="AE30825">
        <v>41</v>
      </c>
      <c r="AF30825">
        <v>41</v>
      </c>
      <c r="AG30825">
        <v>42</v>
      </c>
      <c r="AH30825">
        <v>43</v>
      </c>
      <c r="AI30825">
        <v>43</v>
      </c>
      <c r="AJ30825">
        <v>44</v>
      </c>
      <c r="AK30825">
        <v>44</v>
      </c>
      <c r="AL30825">
        <v>45</v>
      </c>
      <c r="AM30825">
        <v>45</v>
      </c>
      <c r="AN30825">
        <v>45</v>
      </c>
      <c r="AO30825">
        <v>45</v>
      </c>
      <c r="AP30825">
        <v>45</v>
      </c>
      <c r="AQ30825">
        <v>46</v>
      </c>
    </row>
    <row r="30826" spans="1:43">
      <c r="A30826" t="s">
        <v>19107</v>
      </c>
      <c r="B30826" t="s">
        <v>19108</v>
      </c>
      <c r="C30826" t="s">
        <v>19105</v>
      </c>
      <c r="D30826" t="s">
        <v>19106</v>
      </c>
      <c r="E30826" t="s">
        <v>18995</v>
      </c>
      <c r="F30826" t="s">
        <v>18996</v>
      </c>
      <c r="G30826" t="s">
        <v>10734</v>
      </c>
      <c r="H30826" t="s">
        <v>10735</v>
      </c>
      <c r="I30826" s="2">
        <v>0</v>
      </c>
      <c r="J30826" s="2">
        <v>0</v>
      </c>
      <c r="K30826" s="2">
        <v>1</v>
      </c>
      <c r="L30826" t="s">
        <v>995</v>
      </c>
      <c r="M30826" t="s">
        <v>83</v>
      </c>
      <c r="N30826" t="s">
        <v>84</v>
      </c>
      <c r="O30826" t="s">
        <v>85</v>
      </c>
      <c r="P30826" t="s">
        <v>86</v>
      </c>
      <c r="Q30826">
        <v>54</v>
      </c>
      <c r="R30826">
        <v>55</v>
      </c>
      <c r="S30826">
        <v>55</v>
      </c>
      <c r="T30826">
        <v>56</v>
      </c>
      <c r="U30826">
        <v>57</v>
      </c>
      <c r="V30826">
        <v>58</v>
      </c>
      <c r="W30826">
        <v>59</v>
      </c>
      <c r="X30826">
        <v>60</v>
      </c>
      <c r="Y30826">
        <v>61</v>
      </c>
      <c r="Z30826">
        <v>62</v>
      </c>
      <c r="AA30826">
        <v>63</v>
      </c>
      <c r="AB30826">
        <v>63</v>
      </c>
      <c r="AC30826">
        <v>64</v>
      </c>
      <c r="AD30826">
        <v>65</v>
      </c>
      <c r="AE30826">
        <v>66</v>
      </c>
      <c r="AF30826">
        <v>67</v>
      </c>
      <c r="AG30826">
        <v>68</v>
      </c>
      <c r="AH30826">
        <v>69</v>
      </c>
      <c r="AI30826">
        <v>70</v>
      </c>
      <c r="AJ30826">
        <v>71</v>
      </c>
      <c r="AK30826">
        <v>72</v>
      </c>
      <c r="AL30826">
        <v>72</v>
      </c>
      <c r="AM30826">
        <v>72</v>
      </c>
      <c r="AN30826">
        <v>73</v>
      </c>
      <c r="AO30826">
        <v>73</v>
      </c>
      <c r="AP30826">
        <v>73</v>
      </c>
      <c r="AQ30826">
        <v>74</v>
      </c>
    </row>
    <row r="30827" spans="1:43">
      <c r="A30827" t="s">
        <v>19107</v>
      </c>
      <c r="B30827" t="s">
        <v>19108</v>
      </c>
      <c r="C30827" t="s">
        <v>19105</v>
      </c>
      <c r="D30827" t="s">
        <v>19106</v>
      </c>
      <c r="E30827" t="s">
        <v>18995</v>
      </c>
      <c r="F30827" t="s">
        <v>18996</v>
      </c>
      <c r="G30827" t="s">
        <v>10734</v>
      </c>
      <c r="H30827" t="s">
        <v>10735</v>
      </c>
      <c r="I30827" s="2">
        <v>0</v>
      </c>
      <c r="J30827" s="2">
        <v>0</v>
      </c>
      <c r="K30827" s="2">
        <v>1</v>
      </c>
      <c r="L30827" t="s">
        <v>995</v>
      </c>
      <c r="M30827" t="s">
        <v>87</v>
      </c>
      <c r="N30827" t="s">
        <v>88</v>
      </c>
      <c r="O30827" t="s">
        <v>85</v>
      </c>
      <c r="P30827" t="s">
        <v>86</v>
      </c>
      <c r="Q30827">
        <v>54</v>
      </c>
      <c r="R30827">
        <v>55</v>
      </c>
      <c r="S30827">
        <v>55</v>
      </c>
      <c r="T30827">
        <v>55</v>
      </c>
      <c r="U30827">
        <v>56</v>
      </c>
      <c r="V30827">
        <v>56</v>
      </c>
      <c r="W30827">
        <v>56</v>
      </c>
      <c r="X30827">
        <v>57</v>
      </c>
      <c r="Y30827">
        <v>57</v>
      </c>
      <c r="Z30827">
        <v>58</v>
      </c>
      <c r="AA30827">
        <v>58</v>
      </c>
      <c r="AB30827">
        <v>58</v>
      </c>
      <c r="AC30827">
        <v>59</v>
      </c>
      <c r="AD30827">
        <v>59</v>
      </c>
      <c r="AE30827">
        <v>60</v>
      </c>
      <c r="AF30827">
        <v>60</v>
      </c>
      <c r="AG30827">
        <v>60</v>
      </c>
      <c r="AH30827">
        <v>61</v>
      </c>
      <c r="AI30827">
        <v>61</v>
      </c>
      <c r="AJ30827">
        <v>62</v>
      </c>
      <c r="AK30827">
        <v>62</v>
      </c>
      <c r="AL30827">
        <v>63</v>
      </c>
      <c r="AM30827">
        <v>63</v>
      </c>
      <c r="AN30827">
        <v>63</v>
      </c>
      <c r="AO30827">
        <v>64</v>
      </c>
      <c r="AP30827">
        <v>64</v>
      </c>
      <c r="AQ30827">
        <v>65</v>
      </c>
    </row>
    <row r="30828" spans="1:43">
      <c r="A30828" t="s">
        <v>19107</v>
      </c>
      <c r="B30828" t="s">
        <v>19108</v>
      </c>
      <c r="C30828" t="s">
        <v>19105</v>
      </c>
      <c r="D30828" t="s">
        <v>19106</v>
      </c>
      <c r="E30828" t="s">
        <v>18995</v>
      </c>
      <c r="F30828" t="s">
        <v>18996</v>
      </c>
      <c r="G30828" t="s">
        <v>10734</v>
      </c>
      <c r="H30828" t="s">
        <v>10735</v>
      </c>
      <c r="I30828" s="2">
        <v>0</v>
      </c>
      <c r="J30828" s="2">
        <v>0</v>
      </c>
      <c r="K30828" s="2">
        <v>1</v>
      </c>
      <c r="L30828" t="s">
        <v>995</v>
      </c>
      <c r="M30828" t="s">
        <v>89</v>
      </c>
      <c r="N30828" t="s">
        <v>90</v>
      </c>
      <c r="O30828" t="s">
        <v>85</v>
      </c>
      <c r="P30828" t="s">
        <v>86</v>
      </c>
      <c r="Q30828">
        <v>54</v>
      </c>
      <c r="R30828">
        <v>56</v>
      </c>
      <c r="S30828">
        <v>57</v>
      </c>
      <c r="T30828">
        <v>58</v>
      </c>
      <c r="U30828">
        <v>60</v>
      </c>
      <c r="V30828">
        <v>61</v>
      </c>
      <c r="W30828">
        <v>62</v>
      </c>
      <c r="X30828">
        <v>63</v>
      </c>
      <c r="Y30828">
        <v>64</v>
      </c>
      <c r="Z30828">
        <v>66</v>
      </c>
      <c r="AA30828">
        <v>67</v>
      </c>
      <c r="AB30828">
        <v>68</v>
      </c>
      <c r="AC30828">
        <v>69</v>
      </c>
      <c r="AD30828">
        <v>70</v>
      </c>
      <c r="AE30828">
        <v>71</v>
      </c>
      <c r="AF30828">
        <v>71</v>
      </c>
      <c r="AG30828">
        <v>71</v>
      </c>
      <c r="AH30828">
        <v>72</v>
      </c>
      <c r="AI30828">
        <v>72</v>
      </c>
      <c r="AJ30828">
        <v>72</v>
      </c>
      <c r="AK30828">
        <v>73</v>
      </c>
      <c r="AL30828">
        <v>73</v>
      </c>
      <c r="AM30828">
        <v>73</v>
      </c>
      <c r="AN30828">
        <v>74</v>
      </c>
      <c r="AO30828">
        <v>74</v>
      </c>
      <c r="AP30828">
        <v>74</v>
      </c>
      <c r="AQ30828">
        <v>75</v>
      </c>
    </row>
    <row r="30829" spans="1:43">
      <c r="A30829" t="s">
        <v>19107</v>
      </c>
      <c r="B30829" t="s">
        <v>19108</v>
      </c>
      <c r="C30829" t="s">
        <v>19105</v>
      </c>
      <c r="D30829" t="s">
        <v>19106</v>
      </c>
      <c r="E30829" t="s">
        <v>18995</v>
      </c>
      <c r="F30829" t="s">
        <v>18996</v>
      </c>
      <c r="G30829" t="s">
        <v>10734</v>
      </c>
      <c r="H30829" t="s">
        <v>10735</v>
      </c>
      <c r="I30829" s="2">
        <v>0</v>
      </c>
      <c r="J30829" s="2">
        <v>0</v>
      </c>
      <c r="K30829" s="2">
        <v>1</v>
      </c>
      <c r="L30829" t="s">
        <v>995</v>
      </c>
      <c r="M30829" t="s">
        <v>83</v>
      </c>
      <c r="N30829" t="s">
        <v>91</v>
      </c>
      <c r="O30829" t="s">
        <v>85</v>
      </c>
      <c r="P30829" t="s">
        <v>86</v>
      </c>
      <c r="Q30829">
        <v>54</v>
      </c>
      <c r="R30829">
        <v>55</v>
      </c>
      <c r="S30829">
        <v>55</v>
      </c>
      <c r="T30829">
        <v>56</v>
      </c>
      <c r="U30829">
        <v>57</v>
      </c>
      <c r="V30829">
        <v>58</v>
      </c>
      <c r="W30829">
        <v>59</v>
      </c>
      <c r="X30829">
        <v>60</v>
      </c>
      <c r="Y30829">
        <v>61</v>
      </c>
      <c r="Z30829">
        <v>62</v>
      </c>
      <c r="AA30829">
        <v>63</v>
      </c>
      <c r="AB30829">
        <v>63</v>
      </c>
      <c r="AC30829">
        <v>64</v>
      </c>
      <c r="AD30829">
        <v>65</v>
      </c>
      <c r="AE30829">
        <v>66</v>
      </c>
      <c r="AF30829">
        <v>67</v>
      </c>
      <c r="AG30829">
        <v>68</v>
      </c>
      <c r="AH30829">
        <v>69</v>
      </c>
      <c r="AI30829">
        <v>70</v>
      </c>
      <c r="AJ30829">
        <v>71</v>
      </c>
      <c r="AK30829">
        <v>72</v>
      </c>
      <c r="AL30829">
        <v>72</v>
      </c>
      <c r="AM30829">
        <v>72</v>
      </c>
      <c r="AN30829">
        <v>73</v>
      </c>
      <c r="AO30829">
        <v>73</v>
      </c>
      <c r="AP30829">
        <v>73</v>
      </c>
      <c r="AQ30829">
        <v>74</v>
      </c>
    </row>
    <row r="30830" spans="1:43">
      <c r="A30830" t="s">
        <v>19109</v>
      </c>
      <c r="B30830" t="s">
        <v>19110</v>
      </c>
      <c r="C30830" t="s">
        <v>19105</v>
      </c>
      <c r="D30830" t="s">
        <v>19106</v>
      </c>
      <c r="E30830" t="s">
        <v>18995</v>
      </c>
      <c r="F30830" t="s">
        <v>18996</v>
      </c>
      <c r="G30830" t="s">
        <v>10734</v>
      </c>
      <c r="H30830" t="s">
        <v>10735</v>
      </c>
      <c r="I30830" s="2">
        <v>0</v>
      </c>
      <c r="J30830" s="2">
        <v>0</v>
      </c>
      <c r="K30830" s="2">
        <v>1</v>
      </c>
      <c r="L30830" t="s">
        <v>995</v>
      </c>
      <c r="M30830" t="s">
        <v>83</v>
      </c>
      <c r="N30830" t="s">
        <v>84</v>
      </c>
      <c r="O30830" t="s">
        <v>85</v>
      </c>
      <c r="P30830" t="s">
        <v>86</v>
      </c>
      <c r="Q30830">
        <v>61</v>
      </c>
      <c r="R30830">
        <v>62</v>
      </c>
      <c r="S30830">
        <v>63</v>
      </c>
      <c r="T30830">
        <v>64</v>
      </c>
      <c r="U30830">
        <v>65</v>
      </c>
      <c r="V30830">
        <v>66</v>
      </c>
      <c r="W30830">
        <v>67</v>
      </c>
      <c r="X30830">
        <v>68</v>
      </c>
      <c r="Y30830">
        <v>69</v>
      </c>
      <c r="Z30830">
        <v>70</v>
      </c>
      <c r="AA30830">
        <v>71</v>
      </c>
      <c r="AB30830">
        <v>72</v>
      </c>
      <c r="AC30830">
        <v>73</v>
      </c>
      <c r="AD30830">
        <v>74</v>
      </c>
      <c r="AE30830">
        <v>75</v>
      </c>
      <c r="AF30830">
        <v>76</v>
      </c>
      <c r="AG30830">
        <v>77</v>
      </c>
      <c r="AH30830">
        <v>78</v>
      </c>
      <c r="AI30830">
        <v>79</v>
      </c>
      <c r="AJ30830">
        <v>80</v>
      </c>
      <c r="AK30830">
        <v>81</v>
      </c>
      <c r="AL30830">
        <v>82</v>
      </c>
      <c r="AM30830">
        <v>82</v>
      </c>
      <c r="AN30830">
        <v>82</v>
      </c>
      <c r="AO30830">
        <v>83</v>
      </c>
      <c r="AP30830">
        <v>83</v>
      </c>
      <c r="AQ30830">
        <v>83</v>
      </c>
    </row>
    <row r="30831" spans="1:43">
      <c r="A30831" t="s">
        <v>19109</v>
      </c>
      <c r="B30831" t="s">
        <v>19110</v>
      </c>
      <c r="C30831" t="s">
        <v>19105</v>
      </c>
      <c r="D30831" t="s">
        <v>19106</v>
      </c>
      <c r="E30831" t="s">
        <v>18995</v>
      </c>
      <c r="F30831" t="s">
        <v>18996</v>
      </c>
      <c r="G30831" t="s">
        <v>10734</v>
      </c>
      <c r="H30831" t="s">
        <v>10735</v>
      </c>
      <c r="I30831" s="2">
        <v>0</v>
      </c>
      <c r="J30831" s="2">
        <v>0</v>
      </c>
      <c r="K30831" s="2">
        <v>1</v>
      </c>
      <c r="L30831" t="s">
        <v>995</v>
      </c>
      <c r="M30831" t="s">
        <v>87</v>
      </c>
      <c r="N30831" t="s">
        <v>88</v>
      </c>
      <c r="O30831" t="s">
        <v>85</v>
      </c>
      <c r="P30831" t="s">
        <v>86</v>
      </c>
      <c r="Q30831">
        <v>61</v>
      </c>
      <c r="R30831">
        <v>61</v>
      </c>
      <c r="S30831">
        <v>61</v>
      </c>
      <c r="T30831">
        <v>62</v>
      </c>
      <c r="U30831">
        <v>62</v>
      </c>
      <c r="V30831">
        <v>63</v>
      </c>
      <c r="W30831">
        <v>63</v>
      </c>
      <c r="X30831">
        <v>63</v>
      </c>
      <c r="Y30831">
        <v>64</v>
      </c>
      <c r="Z30831">
        <v>64</v>
      </c>
      <c r="AA30831">
        <v>65</v>
      </c>
      <c r="AB30831">
        <v>65</v>
      </c>
      <c r="AC30831">
        <v>65</v>
      </c>
      <c r="AD30831">
        <v>66</v>
      </c>
      <c r="AE30831">
        <v>66</v>
      </c>
      <c r="AF30831">
        <v>67</v>
      </c>
      <c r="AG30831">
        <v>67</v>
      </c>
      <c r="AH30831">
        <v>68</v>
      </c>
      <c r="AI30831">
        <v>68</v>
      </c>
      <c r="AJ30831">
        <v>69</v>
      </c>
      <c r="AK30831">
        <v>69</v>
      </c>
      <c r="AL30831">
        <v>70</v>
      </c>
      <c r="AM30831">
        <v>70</v>
      </c>
      <c r="AN30831">
        <v>71</v>
      </c>
      <c r="AO30831">
        <v>71</v>
      </c>
      <c r="AP30831">
        <v>72</v>
      </c>
      <c r="AQ30831">
        <v>72</v>
      </c>
    </row>
    <row r="30832" spans="1:43">
      <c r="A30832" t="s">
        <v>19109</v>
      </c>
      <c r="B30832" t="s">
        <v>19110</v>
      </c>
      <c r="C30832" t="s">
        <v>19105</v>
      </c>
      <c r="D30832" t="s">
        <v>19106</v>
      </c>
      <c r="E30832" t="s">
        <v>18995</v>
      </c>
      <c r="F30832" t="s">
        <v>18996</v>
      </c>
      <c r="G30832" t="s">
        <v>10734</v>
      </c>
      <c r="H30832" t="s">
        <v>10735</v>
      </c>
      <c r="I30832" s="2">
        <v>0</v>
      </c>
      <c r="J30832" s="2">
        <v>0</v>
      </c>
      <c r="K30832" s="2">
        <v>1</v>
      </c>
      <c r="L30832" t="s">
        <v>995</v>
      </c>
      <c r="M30832" t="s">
        <v>89</v>
      </c>
      <c r="N30832" t="s">
        <v>90</v>
      </c>
      <c r="O30832" t="s">
        <v>85</v>
      </c>
      <c r="P30832" t="s">
        <v>86</v>
      </c>
      <c r="Q30832">
        <v>61</v>
      </c>
      <c r="R30832">
        <v>62</v>
      </c>
      <c r="S30832">
        <v>64</v>
      </c>
      <c r="T30832">
        <v>65</v>
      </c>
      <c r="U30832">
        <v>67</v>
      </c>
      <c r="V30832">
        <v>68</v>
      </c>
      <c r="W30832">
        <v>69</v>
      </c>
      <c r="X30832">
        <v>71</v>
      </c>
      <c r="Y30832">
        <v>72</v>
      </c>
      <c r="Z30832">
        <v>73</v>
      </c>
      <c r="AA30832">
        <v>75</v>
      </c>
      <c r="AB30832">
        <v>76</v>
      </c>
      <c r="AC30832">
        <v>77</v>
      </c>
      <c r="AD30832">
        <v>78</v>
      </c>
      <c r="AE30832">
        <v>79</v>
      </c>
      <c r="AF30832">
        <v>80</v>
      </c>
      <c r="AG30832">
        <v>80</v>
      </c>
      <c r="AH30832">
        <v>80</v>
      </c>
      <c r="AI30832">
        <v>81</v>
      </c>
      <c r="AJ30832">
        <v>81</v>
      </c>
      <c r="AK30832">
        <v>81</v>
      </c>
      <c r="AL30832">
        <v>81</v>
      </c>
      <c r="AM30832">
        <v>82</v>
      </c>
      <c r="AN30832">
        <v>82</v>
      </c>
      <c r="AO30832">
        <v>82</v>
      </c>
      <c r="AP30832">
        <v>83</v>
      </c>
      <c r="AQ30832">
        <v>83</v>
      </c>
    </row>
    <row r="30833" spans="1:43">
      <c r="A30833" t="s">
        <v>19109</v>
      </c>
      <c r="B30833" t="s">
        <v>19110</v>
      </c>
      <c r="C30833" t="s">
        <v>19105</v>
      </c>
      <c r="D30833" t="s">
        <v>19106</v>
      </c>
      <c r="E30833" t="s">
        <v>18995</v>
      </c>
      <c r="F30833" t="s">
        <v>18996</v>
      </c>
      <c r="G30833" t="s">
        <v>10734</v>
      </c>
      <c r="H30833" t="s">
        <v>10735</v>
      </c>
      <c r="I30833" s="2">
        <v>0</v>
      </c>
      <c r="J30833" s="2">
        <v>0</v>
      </c>
      <c r="K30833" s="2">
        <v>1</v>
      </c>
      <c r="L30833" t="s">
        <v>995</v>
      </c>
      <c r="M30833" t="s">
        <v>83</v>
      </c>
      <c r="N30833" t="s">
        <v>91</v>
      </c>
      <c r="O30833" t="s">
        <v>85</v>
      </c>
      <c r="P30833" t="s">
        <v>86</v>
      </c>
      <c r="Q30833">
        <v>61</v>
      </c>
      <c r="R30833">
        <v>62</v>
      </c>
      <c r="S30833">
        <v>63</v>
      </c>
      <c r="T30833">
        <v>64</v>
      </c>
      <c r="U30833">
        <v>65</v>
      </c>
      <c r="V30833">
        <v>66</v>
      </c>
      <c r="W30833">
        <v>67</v>
      </c>
      <c r="X30833">
        <v>68</v>
      </c>
      <c r="Y30833">
        <v>69</v>
      </c>
      <c r="Z30833">
        <v>70</v>
      </c>
      <c r="AA30833">
        <v>71</v>
      </c>
      <c r="AB30833">
        <v>72</v>
      </c>
      <c r="AC30833">
        <v>73</v>
      </c>
      <c r="AD30833">
        <v>74</v>
      </c>
      <c r="AE30833">
        <v>75</v>
      </c>
      <c r="AF30833">
        <v>76</v>
      </c>
      <c r="AG30833">
        <v>77</v>
      </c>
      <c r="AH30833">
        <v>78</v>
      </c>
      <c r="AI30833">
        <v>79</v>
      </c>
      <c r="AJ30833">
        <v>80</v>
      </c>
      <c r="AK30833">
        <v>81</v>
      </c>
      <c r="AL30833">
        <v>82</v>
      </c>
      <c r="AM30833">
        <v>82</v>
      </c>
      <c r="AN30833">
        <v>82</v>
      </c>
      <c r="AO30833">
        <v>83</v>
      </c>
      <c r="AP30833">
        <v>83</v>
      </c>
      <c r="AQ30833">
        <v>83</v>
      </c>
    </row>
    <row r="30834" spans="1:43">
      <c r="A30834" t="s">
        <v>19111</v>
      </c>
      <c r="B30834" t="s">
        <v>19112</v>
      </c>
      <c r="C30834" t="s">
        <v>19089</v>
      </c>
      <c r="D30834" t="s">
        <v>19090</v>
      </c>
      <c r="E30834" t="s">
        <v>18995</v>
      </c>
      <c r="F30834" t="s">
        <v>18996</v>
      </c>
      <c r="G30834" t="s">
        <v>10734</v>
      </c>
      <c r="H30834" t="s">
        <v>10735</v>
      </c>
      <c r="I30834" s="2">
        <v>0</v>
      </c>
      <c r="J30834" s="2">
        <v>0</v>
      </c>
      <c r="K30834" s="2">
        <v>1</v>
      </c>
      <c r="L30834" t="s">
        <v>995</v>
      </c>
      <c r="M30834" t="s">
        <v>83</v>
      </c>
      <c r="N30834" t="s">
        <v>84</v>
      </c>
      <c r="O30834" t="s">
        <v>85</v>
      </c>
      <c r="P30834" t="s">
        <v>86</v>
      </c>
      <c r="Q30834">
        <v>31</v>
      </c>
      <c r="R30834">
        <v>31</v>
      </c>
      <c r="S30834">
        <v>32</v>
      </c>
      <c r="T30834">
        <v>32</v>
      </c>
      <c r="U30834">
        <v>33</v>
      </c>
      <c r="V30834">
        <v>34</v>
      </c>
      <c r="W30834">
        <v>34</v>
      </c>
      <c r="X30834">
        <v>35</v>
      </c>
      <c r="Y30834">
        <v>35</v>
      </c>
      <c r="Z30834">
        <v>36</v>
      </c>
      <c r="AA30834">
        <v>36</v>
      </c>
      <c r="AB30834">
        <v>37</v>
      </c>
      <c r="AC30834">
        <v>37</v>
      </c>
      <c r="AD30834">
        <v>38</v>
      </c>
      <c r="AE30834">
        <v>38</v>
      </c>
      <c r="AF30834">
        <v>39</v>
      </c>
      <c r="AG30834">
        <v>39</v>
      </c>
      <c r="AH30834">
        <v>40</v>
      </c>
      <c r="AI30834">
        <v>40</v>
      </c>
      <c r="AJ30834">
        <v>41</v>
      </c>
      <c r="AK30834">
        <v>41</v>
      </c>
      <c r="AL30834">
        <v>42</v>
      </c>
      <c r="AM30834">
        <v>42</v>
      </c>
      <c r="AN30834">
        <v>42</v>
      </c>
      <c r="AO30834">
        <v>42</v>
      </c>
      <c r="AP30834">
        <v>42</v>
      </c>
      <c r="AQ30834">
        <v>43</v>
      </c>
    </row>
    <row r="30835" spans="1:43">
      <c r="A30835" t="s">
        <v>19111</v>
      </c>
      <c r="B30835" t="s">
        <v>19112</v>
      </c>
      <c r="C30835" t="s">
        <v>19089</v>
      </c>
      <c r="D30835" t="s">
        <v>19090</v>
      </c>
      <c r="E30835" t="s">
        <v>18995</v>
      </c>
      <c r="F30835" t="s">
        <v>18996</v>
      </c>
      <c r="G30835" t="s">
        <v>10734</v>
      </c>
      <c r="H30835" t="s">
        <v>10735</v>
      </c>
      <c r="I30835" s="2">
        <v>0</v>
      </c>
      <c r="J30835" s="2">
        <v>0</v>
      </c>
      <c r="K30835" s="2">
        <v>1</v>
      </c>
      <c r="L30835" t="s">
        <v>995</v>
      </c>
      <c r="M30835" t="s">
        <v>87</v>
      </c>
      <c r="N30835" t="s">
        <v>88</v>
      </c>
      <c r="O30835" t="s">
        <v>85</v>
      </c>
      <c r="P30835" t="s">
        <v>86</v>
      </c>
      <c r="Q30835">
        <v>31</v>
      </c>
      <c r="R30835">
        <v>31</v>
      </c>
      <c r="S30835">
        <v>31</v>
      </c>
      <c r="T30835">
        <v>31</v>
      </c>
      <c r="U30835">
        <v>32</v>
      </c>
      <c r="V30835">
        <v>32</v>
      </c>
      <c r="W30835">
        <v>32</v>
      </c>
      <c r="X30835">
        <v>32</v>
      </c>
      <c r="Y30835">
        <v>32</v>
      </c>
      <c r="Z30835">
        <v>33</v>
      </c>
      <c r="AA30835">
        <v>33</v>
      </c>
      <c r="AB30835">
        <v>33</v>
      </c>
      <c r="AC30835">
        <v>33</v>
      </c>
      <c r="AD30835">
        <v>34</v>
      </c>
      <c r="AE30835">
        <v>34</v>
      </c>
      <c r="AF30835">
        <v>34</v>
      </c>
      <c r="AG30835">
        <v>34</v>
      </c>
      <c r="AH30835">
        <v>35</v>
      </c>
      <c r="AI30835">
        <v>35</v>
      </c>
      <c r="AJ30835">
        <v>35</v>
      </c>
      <c r="AK30835">
        <v>36</v>
      </c>
      <c r="AL30835">
        <v>36</v>
      </c>
      <c r="AM30835">
        <v>36</v>
      </c>
      <c r="AN30835">
        <v>36</v>
      </c>
      <c r="AO30835">
        <v>37</v>
      </c>
      <c r="AP30835">
        <v>37</v>
      </c>
      <c r="AQ30835">
        <v>37</v>
      </c>
    </row>
    <row r="30836" spans="1:43">
      <c r="A30836" t="s">
        <v>19111</v>
      </c>
      <c r="B30836" t="s">
        <v>19112</v>
      </c>
      <c r="C30836" t="s">
        <v>19089</v>
      </c>
      <c r="D30836" t="s">
        <v>19090</v>
      </c>
      <c r="E30836" t="s">
        <v>18995</v>
      </c>
      <c r="F30836" t="s">
        <v>18996</v>
      </c>
      <c r="G30836" t="s">
        <v>10734</v>
      </c>
      <c r="H30836" t="s">
        <v>10735</v>
      </c>
      <c r="I30836" s="2">
        <v>0</v>
      </c>
      <c r="J30836" s="2">
        <v>0</v>
      </c>
      <c r="K30836" s="2">
        <v>1</v>
      </c>
      <c r="L30836" t="s">
        <v>995</v>
      </c>
      <c r="M30836" t="s">
        <v>89</v>
      </c>
      <c r="N30836" t="s">
        <v>90</v>
      </c>
      <c r="O30836" t="s">
        <v>85</v>
      </c>
      <c r="P30836" t="s">
        <v>86</v>
      </c>
      <c r="Q30836">
        <v>31</v>
      </c>
      <c r="R30836">
        <v>32</v>
      </c>
      <c r="S30836">
        <v>33</v>
      </c>
      <c r="T30836">
        <v>34</v>
      </c>
      <c r="U30836">
        <v>34</v>
      </c>
      <c r="V30836">
        <v>35</v>
      </c>
      <c r="W30836">
        <v>36</v>
      </c>
      <c r="X30836">
        <v>37</v>
      </c>
      <c r="Y30836">
        <v>37</v>
      </c>
      <c r="Z30836">
        <v>38</v>
      </c>
      <c r="AA30836">
        <v>38</v>
      </c>
      <c r="AB30836">
        <v>39</v>
      </c>
      <c r="AC30836">
        <v>40</v>
      </c>
      <c r="AD30836">
        <v>40</v>
      </c>
      <c r="AE30836">
        <v>41</v>
      </c>
      <c r="AF30836">
        <v>41</v>
      </c>
      <c r="AG30836">
        <v>41</v>
      </c>
      <c r="AH30836">
        <v>41</v>
      </c>
      <c r="AI30836">
        <v>41</v>
      </c>
      <c r="AJ30836">
        <v>42</v>
      </c>
      <c r="AK30836">
        <v>42</v>
      </c>
      <c r="AL30836">
        <v>42</v>
      </c>
      <c r="AM30836">
        <v>42</v>
      </c>
      <c r="AN30836">
        <v>42</v>
      </c>
      <c r="AO30836">
        <v>43</v>
      </c>
      <c r="AP30836">
        <v>43</v>
      </c>
      <c r="AQ30836">
        <v>43</v>
      </c>
    </row>
    <row r="30837" spans="1:43">
      <c r="A30837" t="s">
        <v>19111</v>
      </c>
      <c r="B30837" t="s">
        <v>19112</v>
      </c>
      <c r="C30837" t="s">
        <v>19089</v>
      </c>
      <c r="D30837" t="s">
        <v>19090</v>
      </c>
      <c r="E30837" t="s">
        <v>18995</v>
      </c>
      <c r="F30837" t="s">
        <v>18996</v>
      </c>
      <c r="G30837" t="s">
        <v>10734</v>
      </c>
      <c r="H30837" t="s">
        <v>10735</v>
      </c>
      <c r="I30837" s="2">
        <v>0</v>
      </c>
      <c r="J30837" s="2">
        <v>0</v>
      </c>
      <c r="K30837" s="2">
        <v>1</v>
      </c>
      <c r="L30837" t="s">
        <v>995</v>
      </c>
      <c r="M30837" t="s">
        <v>83</v>
      </c>
      <c r="N30837" t="s">
        <v>91</v>
      </c>
      <c r="O30837" t="s">
        <v>85</v>
      </c>
      <c r="P30837" t="s">
        <v>86</v>
      </c>
      <c r="Q30837">
        <v>31</v>
      </c>
      <c r="R30837">
        <v>31</v>
      </c>
      <c r="S30837">
        <v>32</v>
      </c>
      <c r="T30837">
        <v>32</v>
      </c>
      <c r="U30837">
        <v>33</v>
      </c>
      <c r="V30837">
        <v>34</v>
      </c>
      <c r="W30837">
        <v>34</v>
      </c>
      <c r="X30837">
        <v>35</v>
      </c>
      <c r="Y30837">
        <v>35</v>
      </c>
      <c r="Z30837">
        <v>36</v>
      </c>
      <c r="AA30837">
        <v>36</v>
      </c>
      <c r="AB30837">
        <v>37</v>
      </c>
      <c r="AC30837">
        <v>37</v>
      </c>
      <c r="AD30837">
        <v>38</v>
      </c>
      <c r="AE30837">
        <v>38</v>
      </c>
      <c r="AF30837">
        <v>39</v>
      </c>
      <c r="AG30837">
        <v>39</v>
      </c>
      <c r="AH30837">
        <v>40</v>
      </c>
      <c r="AI30837">
        <v>40</v>
      </c>
      <c r="AJ30837">
        <v>41</v>
      </c>
      <c r="AK30837">
        <v>41</v>
      </c>
      <c r="AL30837">
        <v>42</v>
      </c>
      <c r="AM30837">
        <v>42</v>
      </c>
      <c r="AN30837">
        <v>42</v>
      </c>
      <c r="AO30837">
        <v>42</v>
      </c>
      <c r="AP30837">
        <v>42</v>
      </c>
      <c r="AQ30837">
        <v>43</v>
      </c>
    </row>
    <row r="30838" spans="1:43">
      <c r="A30838" t="s">
        <v>19113</v>
      </c>
      <c r="B30838" t="s">
        <v>19114</v>
      </c>
      <c r="C30838" t="s">
        <v>19089</v>
      </c>
      <c r="D30838" t="s">
        <v>19090</v>
      </c>
      <c r="E30838" t="s">
        <v>18995</v>
      </c>
      <c r="F30838" t="s">
        <v>18996</v>
      </c>
      <c r="G30838" t="s">
        <v>10734</v>
      </c>
      <c r="H30838" t="s">
        <v>10735</v>
      </c>
      <c r="I30838" s="2">
        <v>0</v>
      </c>
      <c r="J30838" s="2">
        <v>0</v>
      </c>
      <c r="K30838" s="2">
        <v>1</v>
      </c>
      <c r="L30838" t="s">
        <v>995</v>
      </c>
      <c r="M30838" t="s">
        <v>83</v>
      </c>
      <c r="N30838" t="s">
        <v>84</v>
      </c>
      <c r="O30838" t="s">
        <v>85</v>
      </c>
      <c r="P30838" t="s">
        <v>86</v>
      </c>
      <c r="Q30838">
        <v>12</v>
      </c>
      <c r="R30838">
        <v>13</v>
      </c>
      <c r="S30838">
        <v>13</v>
      </c>
      <c r="T30838">
        <v>13</v>
      </c>
      <c r="U30838">
        <v>13</v>
      </c>
      <c r="V30838">
        <v>14</v>
      </c>
      <c r="W30838">
        <v>14</v>
      </c>
      <c r="X30838">
        <v>14</v>
      </c>
      <c r="Y30838">
        <v>14</v>
      </c>
      <c r="Z30838">
        <v>14</v>
      </c>
      <c r="AA30838">
        <v>15</v>
      </c>
      <c r="AB30838">
        <v>15</v>
      </c>
      <c r="AC30838">
        <v>15</v>
      </c>
      <c r="AD30838">
        <v>15</v>
      </c>
      <c r="AE30838">
        <v>15</v>
      </c>
      <c r="AF30838">
        <v>16</v>
      </c>
      <c r="AG30838">
        <v>16</v>
      </c>
      <c r="AH30838">
        <v>16</v>
      </c>
      <c r="AI30838">
        <v>16</v>
      </c>
      <c r="AJ30838">
        <v>16</v>
      </c>
      <c r="AK30838">
        <v>17</v>
      </c>
      <c r="AL30838">
        <v>17</v>
      </c>
      <c r="AM30838">
        <v>17</v>
      </c>
      <c r="AN30838">
        <v>17</v>
      </c>
      <c r="AO30838">
        <v>17</v>
      </c>
      <c r="AP30838">
        <v>17</v>
      </c>
      <c r="AQ30838">
        <v>17</v>
      </c>
    </row>
    <row r="30839" spans="1:43">
      <c r="A30839" t="s">
        <v>19113</v>
      </c>
      <c r="B30839" t="s">
        <v>19114</v>
      </c>
      <c r="C30839" t="s">
        <v>19089</v>
      </c>
      <c r="D30839" t="s">
        <v>19090</v>
      </c>
      <c r="E30839" t="s">
        <v>18995</v>
      </c>
      <c r="F30839" t="s">
        <v>18996</v>
      </c>
      <c r="G30839" t="s">
        <v>10734</v>
      </c>
      <c r="H30839" t="s">
        <v>10735</v>
      </c>
      <c r="I30839" s="2">
        <v>0</v>
      </c>
      <c r="J30839" s="2">
        <v>0</v>
      </c>
      <c r="K30839" s="2">
        <v>1</v>
      </c>
      <c r="L30839" t="s">
        <v>995</v>
      </c>
      <c r="M30839" t="s">
        <v>87</v>
      </c>
      <c r="N30839" t="s">
        <v>88</v>
      </c>
      <c r="O30839" t="s">
        <v>85</v>
      </c>
      <c r="P30839" t="s">
        <v>86</v>
      </c>
      <c r="Q30839">
        <v>12</v>
      </c>
      <c r="R30839">
        <v>12</v>
      </c>
      <c r="S30839">
        <v>13</v>
      </c>
      <c r="T30839">
        <v>13</v>
      </c>
      <c r="U30839">
        <v>13</v>
      </c>
      <c r="V30839">
        <v>13</v>
      </c>
      <c r="W30839">
        <v>13</v>
      </c>
      <c r="X30839">
        <v>13</v>
      </c>
      <c r="Y30839">
        <v>13</v>
      </c>
      <c r="Z30839">
        <v>13</v>
      </c>
      <c r="AA30839">
        <v>13</v>
      </c>
      <c r="AB30839">
        <v>13</v>
      </c>
      <c r="AC30839">
        <v>13</v>
      </c>
      <c r="AD30839">
        <v>13</v>
      </c>
      <c r="AE30839">
        <v>14</v>
      </c>
      <c r="AF30839">
        <v>14</v>
      </c>
      <c r="AG30839">
        <v>14</v>
      </c>
      <c r="AH30839">
        <v>14</v>
      </c>
      <c r="AI30839">
        <v>14</v>
      </c>
      <c r="AJ30839">
        <v>14</v>
      </c>
      <c r="AK30839">
        <v>14</v>
      </c>
      <c r="AL30839">
        <v>14</v>
      </c>
      <c r="AM30839">
        <v>14</v>
      </c>
      <c r="AN30839">
        <v>14</v>
      </c>
      <c r="AO30839">
        <v>15</v>
      </c>
      <c r="AP30839">
        <v>15</v>
      </c>
      <c r="AQ30839">
        <v>15</v>
      </c>
    </row>
    <row r="30840" spans="1:43">
      <c r="A30840" t="s">
        <v>19113</v>
      </c>
      <c r="B30840" t="s">
        <v>19114</v>
      </c>
      <c r="C30840" t="s">
        <v>19089</v>
      </c>
      <c r="D30840" t="s">
        <v>19090</v>
      </c>
      <c r="E30840" t="s">
        <v>18995</v>
      </c>
      <c r="F30840" t="s">
        <v>18996</v>
      </c>
      <c r="G30840" t="s">
        <v>10734</v>
      </c>
      <c r="H30840" t="s">
        <v>10735</v>
      </c>
      <c r="I30840" s="2">
        <v>0</v>
      </c>
      <c r="J30840" s="2">
        <v>0</v>
      </c>
      <c r="K30840" s="2">
        <v>1</v>
      </c>
      <c r="L30840" t="s">
        <v>995</v>
      </c>
      <c r="M30840" t="s">
        <v>89</v>
      </c>
      <c r="N30840" t="s">
        <v>90</v>
      </c>
      <c r="O30840" t="s">
        <v>85</v>
      </c>
      <c r="P30840" t="s">
        <v>86</v>
      </c>
      <c r="Q30840">
        <v>12</v>
      </c>
      <c r="R30840">
        <v>12</v>
      </c>
      <c r="S30840">
        <v>12</v>
      </c>
      <c r="T30840">
        <v>13</v>
      </c>
      <c r="U30840">
        <v>13</v>
      </c>
      <c r="V30840">
        <v>13</v>
      </c>
      <c r="W30840">
        <v>13</v>
      </c>
      <c r="X30840">
        <v>14</v>
      </c>
      <c r="Y30840">
        <v>14</v>
      </c>
      <c r="Z30840">
        <v>14</v>
      </c>
      <c r="AA30840">
        <v>14</v>
      </c>
      <c r="AB30840">
        <v>15</v>
      </c>
      <c r="AC30840">
        <v>15</v>
      </c>
      <c r="AD30840">
        <v>15</v>
      </c>
      <c r="AE30840">
        <v>15</v>
      </c>
      <c r="AF30840">
        <v>15</v>
      </c>
      <c r="AG30840">
        <v>16</v>
      </c>
      <c r="AH30840">
        <v>16</v>
      </c>
      <c r="AI30840">
        <v>16</v>
      </c>
      <c r="AJ30840">
        <v>16</v>
      </c>
      <c r="AK30840">
        <v>16</v>
      </c>
      <c r="AL30840">
        <v>16</v>
      </c>
      <c r="AM30840">
        <v>16</v>
      </c>
      <c r="AN30840">
        <v>16</v>
      </c>
      <c r="AO30840">
        <v>16</v>
      </c>
      <c r="AP30840">
        <v>16</v>
      </c>
      <c r="AQ30840">
        <v>16</v>
      </c>
    </row>
    <row r="30841" spans="1:43">
      <c r="A30841" t="s">
        <v>19113</v>
      </c>
      <c r="B30841" t="s">
        <v>19114</v>
      </c>
      <c r="C30841" t="s">
        <v>19089</v>
      </c>
      <c r="D30841" t="s">
        <v>19090</v>
      </c>
      <c r="E30841" t="s">
        <v>18995</v>
      </c>
      <c r="F30841" t="s">
        <v>18996</v>
      </c>
      <c r="G30841" t="s">
        <v>10734</v>
      </c>
      <c r="H30841" t="s">
        <v>10735</v>
      </c>
      <c r="I30841" s="2">
        <v>0</v>
      </c>
      <c r="J30841" s="2">
        <v>0</v>
      </c>
      <c r="K30841" s="2">
        <v>1</v>
      </c>
      <c r="L30841" t="s">
        <v>995</v>
      </c>
      <c r="M30841" t="s">
        <v>83</v>
      </c>
      <c r="N30841" t="s">
        <v>91</v>
      </c>
      <c r="O30841" t="s">
        <v>85</v>
      </c>
      <c r="P30841" t="s">
        <v>86</v>
      </c>
      <c r="Q30841">
        <v>12</v>
      </c>
      <c r="R30841">
        <v>13</v>
      </c>
      <c r="S30841">
        <v>13</v>
      </c>
      <c r="T30841">
        <v>13</v>
      </c>
      <c r="U30841">
        <v>13</v>
      </c>
      <c r="V30841">
        <v>14</v>
      </c>
      <c r="W30841">
        <v>14</v>
      </c>
      <c r="X30841">
        <v>14</v>
      </c>
      <c r="Y30841">
        <v>14</v>
      </c>
      <c r="Z30841">
        <v>14</v>
      </c>
      <c r="AA30841">
        <v>15</v>
      </c>
      <c r="AB30841">
        <v>15</v>
      </c>
      <c r="AC30841">
        <v>15</v>
      </c>
      <c r="AD30841">
        <v>15</v>
      </c>
      <c r="AE30841">
        <v>15</v>
      </c>
      <c r="AF30841">
        <v>16</v>
      </c>
      <c r="AG30841">
        <v>16</v>
      </c>
      <c r="AH30841">
        <v>16</v>
      </c>
      <c r="AI30841">
        <v>16</v>
      </c>
      <c r="AJ30841">
        <v>16</v>
      </c>
      <c r="AK30841">
        <v>17</v>
      </c>
      <c r="AL30841">
        <v>17</v>
      </c>
      <c r="AM30841">
        <v>17</v>
      </c>
      <c r="AN30841">
        <v>17</v>
      </c>
      <c r="AO30841">
        <v>17</v>
      </c>
      <c r="AP30841">
        <v>17</v>
      </c>
      <c r="AQ30841">
        <v>17</v>
      </c>
    </row>
    <row r="30842" spans="1:43">
      <c r="A30842" t="s">
        <v>19115</v>
      </c>
      <c r="B30842" t="s">
        <v>19116</v>
      </c>
      <c r="C30842" t="s">
        <v>19117</v>
      </c>
      <c r="D30842" t="s">
        <v>19118</v>
      </c>
      <c r="E30842" t="s">
        <v>18995</v>
      </c>
      <c r="F30842" t="s">
        <v>18996</v>
      </c>
      <c r="G30842" t="s">
        <v>10734</v>
      </c>
      <c r="H30842" t="s">
        <v>10735</v>
      </c>
      <c r="I30842" s="2">
        <v>0</v>
      </c>
      <c r="J30842" s="2">
        <v>0</v>
      </c>
      <c r="K30842" s="2">
        <v>1</v>
      </c>
      <c r="L30842" t="s">
        <v>995</v>
      </c>
      <c r="M30842" t="s">
        <v>83</v>
      </c>
      <c r="N30842" t="s">
        <v>84</v>
      </c>
      <c r="O30842" t="s">
        <v>85</v>
      </c>
      <c r="P30842" t="s">
        <v>86</v>
      </c>
      <c r="Q30842">
        <v>22</v>
      </c>
      <c r="R30842">
        <v>23</v>
      </c>
      <c r="S30842">
        <v>23</v>
      </c>
      <c r="T30842">
        <v>24</v>
      </c>
      <c r="U30842">
        <v>24</v>
      </c>
      <c r="V30842">
        <v>24</v>
      </c>
      <c r="W30842">
        <v>25</v>
      </c>
      <c r="X30842">
        <v>25</v>
      </c>
      <c r="Y30842">
        <v>25</v>
      </c>
      <c r="Z30842">
        <v>26</v>
      </c>
      <c r="AA30842">
        <v>26</v>
      </c>
      <c r="AB30842">
        <v>26</v>
      </c>
      <c r="AC30842">
        <v>27</v>
      </c>
      <c r="AD30842">
        <v>27</v>
      </c>
      <c r="AE30842">
        <v>28</v>
      </c>
      <c r="AF30842">
        <v>28</v>
      </c>
      <c r="AG30842">
        <v>28</v>
      </c>
      <c r="AH30842">
        <v>29</v>
      </c>
      <c r="AI30842">
        <v>29</v>
      </c>
      <c r="AJ30842">
        <v>29</v>
      </c>
      <c r="AK30842">
        <v>30</v>
      </c>
      <c r="AL30842">
        <v>30</v>
      </c>
      <c r="AM30842">
        <v>30</v>
      </c>
      <c r="AN30842">
        <v>30</v>
      </c>
      <c r="AO30842">
        <v>30</v>
      </c>
      <c r="AP30842">
        <v>30</v>
      </c>
      <c r="AQ30842">
        <v>31</v>
      </c>
    </row>
    <row r="30843" spans="1:43">
      <c r="A30843" t="s">
        <v>19115</v>
      </c>
      <c r="B30843" t="s">
        <v>19116</v>
      </c>
      <c r="C30843" t="s">
        <v>19117</v>
      </c>
      <c r="D30843" t="s">
        <v>19118</v>
      </c>
      <c r="E30843" t="s">
        <v>18995</v>
      </c>
      <c r="F30843" t="s">
        <v>18996</v>
      </c>
      <c r="G30843" t="s">
        <v>10734</v>
      </c>
      <c r="H30843" t="s">
        <v>10735</v>
      </c>
      <c r="I30843" s="2">
        <v>0</v>
      </c>
      <c r="J30843" s="2">
        <v>0</v>
      </c>
      <c r="K30843" s="2">
        <v>1</v>
      </c>
      <c r="L30843" t="s">
        <v>995</v>
      </c>
      <c r="M30843" t="s">
        <v>87</v>
      </c>
      <c r="N30843" t="s">
        <v>88</v>
      </c>
      <c r="O30843" t="s">
        <v>85</v>
      </c>
      <c r="P30843" t="s">
        <v>86</v>
      </c>
      <c r="Q30843">
        <v>22</v>
      </c>
      <c r="R30843">
        <v>22</v>
      </c>
      <c r="S30843">
        <v>23</v>
      </c>
      <c r="T30843">
        <v>23</v>
      </c>
      <c r="U30843">
        <v>23</v>
      </c>
      <c r="V30843">
        <v>23</v>
      </c>
      <c r="W30843">
        <v>23</v>
      </c>
      <c r="X30843">
        <v>23</v>
      </c>
      <c r="Y30843">
        <v>23</v>
      </c>
      <c r="Z30843">
        <v>24</v>
      </c>
      <c r="AA30843">
        <v>24</v>
      </c>
      <c r="AB30843">
        <v>24</v>
      </c>
      <c r="AC30843">
        <v>24</v>
      </c>
      <c r="AD30843">
        <v>24</v>
      </c>
      <c r="AE30843">
        <v>24</v>
      </c>
      <c r="AF30843">
        <v>25</v>
      </c>
      <c r="AG30843">
        <v>25</v>
      </c>
      <c r="AH30843">
        <v>25</v>
      </c>
      <c r="AI30843">
        <v>25</v>
      </c>
      <c r="AJ30843">
        <v>25</v>
      </c>
      <c r="AK30843">
        <v>25</v>
      </c>
      <c r="AL30843">
        <v>26</v>
      </c>
      <c r="AM30843">
        <v>26</v>
      </c>
      <c r="AN30843">
        <v>26</v>
      </c>
      <c r="AO30843">
        <v>26</v>
      </c>
      <c r="AP30843">
        <v>26</v>
      </c>
      <c r="AQ30843">
        <v>26</v>
      </c>
    </row>
    <row r="30844" spans="1:43">
      <c r="A30844" t="s">
        <v>19115</v>
      </c>
      <c r="B30844" t="s">
        <v>19116</v>
      </c>
      <c r="C30844" t="s">
        <v>19117</v>
      </c>
      <c r="D30844" t="s">
        <v>19118</v>
      </c>
      <c r="E30844" t="s">
        <v>18995</v>
      </c>
      <c r="F30844" t="s">
        <v>18996</v>
      </c>
      <c r="G30844" t="s">
        <v>10734</v>
      </c>
      <c r="H30844" t="s">
        <v>10735</v>
      </c>
      <c r="I30844" s="2">
        <v>0</v>
      </c>
      <c r="J30844" s="2">
        <v>0</v>
      </c>
      <c r="K30844" s="2">
        <v>1</v>
      </c>
      <c r="L30844" t="s">
        <v>995</v>
      </c>
      <c r="M30844" t="s">
        <v>89</v>
      </c>
      <c r="N30844" t="s">
        <v>90</v>
      </c>
      <c r="O30844" t="s">
        <v>85</v>
      </c>
      <c r="P30844" t="s">
        <v>86</v>
      </c>
      <c r="Q30844">
        <v>22</v>
      </c>
      <c r="R30844">
        <v>22</v>
      </c>
      <c r="S30844">
        <v>23</v>
      </c>
      <c r="T30844">
        <v>23</v>
      </c>
      <c r="U30844">
        <v>24</v>
      </c>
      <c r="V30844">
        <v>24</v>
      </c>
      <c r="W30844">
        <v>25</v>
      </c>
      <c r="X30844">
        <v>25</v>
      </c>
      <c r="Y30844">
        <v>26</v>
      </c>
      <c r="Z30844">
        <v>26</v>
      </c>
      <c r="AA30844">
        <v>27</v>
      </c>
      <c r="AB30844">
        <v>27</v>
      </c>
      <c r="AC30844">
        <v>28</v>
      </c>
      <c r="AD30844">
        <v>28</v>
      </c>
      <c r="AE30844">
        <v>28</v>
      </c>
      <c r="AF30844">
        <v>29</v>
      </c>
      <c r="AG30844">
        <v>29</v>
      </c>
      <c r="AH30844">
        <v>29</v>
      </c>
      <c r="AI30844">
        <v>29</v>
      </c>
      <c r="AJ30844">
        <v>29</v>
      </c>
      <c r="AK30844">
        <v>29</v>
      </c>
      <c r="AL30844">
        <v>29</v>
      </c>
      <c r="AM30844">
        <v>29</v>
      </c>
      <c r="AN30844">
        <v>29</v>
      </c>
      <c r="AO30844">
        <v>30</v>
      </c>
      <c r="AP30844">
        <v>30</v>
      </c>
      <c r="AQ30844">
        <v>30</v>
      </c>
    </row>
    <row r="30845" spans="1:43">
      <c r="A30845" t="s">
        <v>19115</v>
      </c>
      <c r="B30845" t="s">
        <v>19116</v>
      </c>
      <c r="C30845" t="s">
        <v>19117</v>
      </c>
      <c r="D30845" t="s">
        <v>19118</v>
      </c>
      <c r="E30845" t="s">
        <v>18995</v>
      </c>
      <c r="F30845" t="s">
        <v>18996</v>
      </c>
      <c r="G30845" t="s">
        <v>10734</v>
      </c>
      <c r="H30845" t="s">
        <v>10735</v>
      </c>
      <c r="I30845" s="2">
        <v>0</v>
      </c>
      <c r="J30845" s="2">
        <v>0</v>
      </c>
      <c r="K30845" s="2">
        <v>1</v>
      </c>
      <c r="L30845" t="s">
        <v>995</v>
      </c>
      <c r="M30845" t="s">
        <v>83</v>
      </c>
      <c r="N30845" t="s">
        <v>91</v>
      </c>
      <c r="O30845" t="s">
        <v>85</v>
      </c>
      <c r="P30845" t="s">
        <v>86</v>
      </c>
      <c r="Q30845">
        <v>22</v>
      </c>
      <c r="R30845">
        <v>23</v>
      </c>
      <c r="S30845">
        <v>23</v>
      </c>
      <c r="T30845">
        <v>24</v>
      </c>
      <c r="U30845">
        <v>24</v>
      </c>
      <c r="V30845">
        <v>24</v>
      </c>
      <c r="W30845">
        <v>25</v>
      </c>
      <c r="X30845">
        <v>25</v>
      </c>
      <c r="Y30845">
        <v>25</v>
      </c>
      <c r="Z30845">
        <v>26</v>
      </c>
      <c r="AA30845">
        <v>26</v>
      </c>
      <c r="AB30845">
        <v>26</v>
      </c>
      <c r="AC30845">
        <v>27</v>
      </c>
      <c r="AD30845">
        <v>27</v>
      </c>
      <c r="AE30845">
        <v>28</v>
      </c>
      <c r="AF30845">
        <v>28</v>
      </c>
      <c r="AG30845">
        <v>28</v>
      </c>
      <c r="AH30845">
        <v>29</v>
      </c>
      <c r="AI30845">
        <v>29</v>
      </c>
      <c r="AJ30845">
        <v>29</v>
      </c>
      <c r="AK30845">
        <v>30</v>
      </c>
      <c r="AL30845">
        <v>30</v>
      </c>
      <c r="AM30845">
        <v>30</v>
      </c>
      <c r="AN30845">
        <v>30</v>
      </c>
      <c r="AO30845">
        <v>30</v>
      </c>
      <c r="AP30845">
        <v>30</v>
      </c>
      <c r="AQ30845">
        <v>31</v>
      </c>
    </row>
    <row r="30846" spans="1:43">
      <c r="A30846" t="s">
        <v>19119</v>
      </c>
      <c r="B30846" t="s">
        <v>19120</v>
      </c>
      <c r="C30846" t="s">
        <v>19095</v>
      </c>
      <c r="D30846" t="s">
        <v>19096</v>
      </c>
      <c r="E30846" t="s">
        <v>18995</v>
      </c>
      <c r="F30846" t="s">
        <v>18996</v>
      </c>
      <c r="G30846" t="s">
        <v>10734</v>
      </c>
      <c r="H30846" t="s">
        <v>10735</v>
      </c>
      <c r="I30846" s="2">
        <v>0</v>
      </c>
      <c r="J30846" s="2">
        <v>0</v>
      </c>
      <c r="K30846" s="2">
        <v>1</v>
      </c>
      <c r="L30846" t="s">
        <v>995</v>
      </c>
      <c r="M30846" t="s">
        <v>83</v>
      </c>
      <c r="N30846" t="s">
        <v>84</v>
      </c>
      <c r="O30846" t="s">
        <v>85</v>
      </c>
      <c r="P30846" t="s">
        <v>86</v>
      </c>
      <c r="Q30846">
        <v>53</v>
      </c>
      <c r="R30846">
        <v>53</v>
      </c>
      <c r="S30846">
        <v>54</v>
      </c>
      <c r="T30846">
        <v>55</v>
      </c>
      <c r="U30846">
        <v>56</v>
      </c>
      <c r="V30846">
        <v>57</v>
      </c>
      <c r="W30846">
        <v>58</v>
      </c>
      <c r="X30846">
        <v>59</v>
      </c>
      <c r="Y30846">
        <v>59</v>
      </c>
      <c r="Z30846">
        <v>60</v>
      </c>
      <c r="AA30846">
        <v>61</v>
      </c>
      <c r="AB30846">
        <v>62</v>
      </c>
      <c r="AC30846">
        <v>63</v>
      </c>
      <c r="AD30846">
        <v>64</v>
      </c>
      <c r="AE30846">
        <v>65</v>
      </c>
      <c r="AF30846">
        <v>66</v>
      </c>
      <c r="AG30846">
        <v>66</v>
      </c>
      <c r="AH30846">
        <v>67</v>
      </c>
      <c r="AI30846">
        <v>68</v>
      </c>
      <c r="AJ30846">
        <v>69</v>
      </c>
      <c r="AK30846">
        <v>70</v>
      </c>
      <c r="AL30846">
        <v>70</v>
      </c>
      <c r="AM30846">
        <v>71</v>
      </c>
      <c r="AN30846">
        <v>71</v>
      </c>
      <c r="AO30846">
        <v>71</v>
      </c>
      <c r="AP30846">
        <v>72</v>
      </c>
      <c r="AQ30846">
        <v>72</v>
      </c>
    </row>
    <row r="30847" spans="1:43">
      <c r="A30847" t="s">
        <v>19119</v>
      </c>
      <c r="B30847" t="s">
        <v>19120</v>
      </c>
      <c r="C30847" t="s">
        <v>19095</v>
      </c>
      <c r="D30847" t="s">
        <v>19096</v>
      </c>
      <c r="E30847" t="s">
        <v>18995</v>
      </c>
      <c r="F30847" t="s">
        <v>18996</v>
      </c>
      <c r="G30847" t="s">
        <v>10734</v>
      </c>
      <c r="H30847" t="s">
        <v>10735</v>
      </c>
      <c r="I30847" s="2">
        <v>0</v>
      </c>
      <c r="J30847" s="2">
        <v>0</v>
      </c>
      <c r="K30847" s="2">
        <v>1</v>
      </c>
      <c r="L30847" t="s">
        <v>995</v>
      </c>
      <c r="M30847" t="s">
        <v>87</v>
      </c>
      <c r="N30847" t="s">
        <v>88</v>
      </c>
      <c r="O30847" t="s">
        <v>85</v>
      </c>
      <c r="P30847" t="s">
        <v>86</v>
      </c>
      <c r="Q30847">
        <v>53</v>
      </c>
      <c r="R30847">
        <v>53</v>
      </c>
      <c r="S30847">
        <v>54</v>
      </c>
      <c r="T30847">
        <v>54</v>
      </c>
      <c r="U30847">
        <v>55</v>
      </c>
      <c r="V30847">
        <v>55</v>
      </c>
      <c r="W30847">
        <v>55</v>
      </c>
      <c r="X30847">
        <v>56</v>
      </c>
      <c r="Y30847">
        <v>56</v>
      </c>
      <c r="Z30847">
        <v>56</v>
      </c>
      <c r="AA30847">
        <v>57</v>
      </c>
      <c r="AB30847">
        <v>57</v>
      </c>
      <c r="AC30847">
        <v>58</v>
      </c>
      <c r="AD30847">
        <v>58</v>
      </c>
      <c r="AE30847">
        <v>58</v>
      </c>
      <c r="AF30847">
        <v>59</v>
      </c>
      <c r="AG30847">
        <v>59</v>
      </c>
      <c r="AH30847">
        <v>60</v>
      </c>
      <c r="AI30847">
        <v>60</v>
      </c>
      <c r="AJ30847">
        <v>60</v>
      </c>
      <c r="AK30847">
        <v>61</v>
      </c>
      <c r="AL30847">
        <v>61</v>
      </c>
      <c r="AM30847">
        <v>62</v>
      </c>
      <c r="AN30847">
        <v>62</v>
      </c>
      <c r="AO30847">
        <v>63</v>
      </c>
      <c r="AP30847">
        <v>63</v>
      </c>
      <c r="AQ30847">
        <v>63</v>
      </c>
    </row>
    <row r="30848" spans="1:43">
      <c r="A30848" t="s">
        <v>19119</v>
      </c>
      <c r="B30848" t="s">
        <v>19120</v>
      </c>
      <c r="C30848" t="s">
        <v>19095</v>
      </c>
      <c r="D30848" t="s">
        <v>19096</v>
      </c>
      <c r="E30848" t="s">
        <v>18995</v>
      </c>
      <c r="F30848" t="s">
        <v>18996</v>
      </c>
      <c r="G30848" t="s">
        <v>10734</v>
      </c>
      <c r="H30848" t="s">
        <v>10735</v>
      </c>
      <c r="I30848" s="2">
        <v>0</v>
      </c>
      <c r="J30848" s="2">
        <v>0</v>
      </c>
      <c r="K30848" s="2">
        <v>1</v>
      </c>
      <c r="L30848" t="s">
        <v>995</v>
      </c>
      <c r="M30848" t="s">
        <v>89</v>
      </c>
      <c r="N30848" t="s">
        <v>90</v>
      </c>
      <c r="O30848" t="s">
        <v>85</v>
      </c>
      <c r="P30848" t="s">
        <v>86</v>
      </c>
      <c r="Q30848">
        <v>53</v>
      </c>
      <c r="R30848">
        <v>54</v>
      </c>
      <c r="S30848">
        <v>56</v>
      </c>
      <c r="T30848">
        <v>57</v>
      </c>
      <c r="U30848">
        <v>58</v>
      </c>
      <c r="V30848">
        <v>59</v>
      </c>
      <c r="W30848">
        <v>61</v>
      </c>
      <c r="X30848">
        <v>62</v>
      </c>
      <c r="Y30848">
        <v>63</v>
      </c>
      <c r="Z30848">
        <v>64</v>
      </c>
      <c r="AA30848">
        <v>65</v>
      </c>
      <c r="AB30848">
        <v>66</v>
      </c>
      <c r="AC30848">
        <v>67</v>
      </c>
      <c r="AD30848">
        <v>69</v>
      </c>
      <c r="AE30848">
        <v>69</v>
      </c>
      <c r="AF30848">
        <v>70</v>
      </c>
      <c r="AG30848">
        <v>70</v>
      </c>
      <c r="AH30848">
        <v>70</v>
      </c>
      <c r="AI30848">
        <v>70</v>
      </c>
      <c r="AJ30848">
        <v>71</v>
      </c>
      <c r="AK30848">
        <v>71</v>
      </c>
      <c r="AL30848">
        <v>71</v>
      </c>
      <c r="AM30848">
        <v>72</v>
      </c>
      <c r="AN30848">
        <v>72</v>
      </c>
      <c r="AO30848">
        <v>72</v>
      </c>
      <c r="AP30848">
        <v>72</v>
      </c>
      <c r="AQ30848">
        <v>73</v>
      </c>
    </row>
    <row r="30849" spans="1:43">
      <c r="A30849" t="s">
        <v>19119</v>
      </c>
      <c r="B30849" t="s">
        <v>19120</v>
      </c>
      <c r="C30849" t="s">
        <v>19095</v>
      </c>
      <c r="D30849" t="s">
        <v>19096</v>
      </c>
      <c r="E30849" t="s">
        <v>18995</v>
      </c>
      <c r="F30849" t="s">
        <v>18996</v>
      </c>
      <c r="G30849" t="s">
        <v>10734</v>
      </c>
      <c r="H30849" t="s">
        <v>10735</v>
      </c>
      <c r="I30849" s="2">
        <v>0</v>
      </c>
      <c r="J30849" s="2">
        <v>0</v>
      </c>
      <c r="K30849" s="2">
        <v>1</v>
      </c>
      <c r="L30849" t="s">
        <v>995</v>
      </c>
      <c r="M30849" t="s">
        <v>83</v>
      </c>
      <c r="N30849" t="s">
        <v>91</v>
      </c>
      <c r="O30849" t="s">
        <v>85</v>
      </c>
      <c r="P30849" t="s">
        <v>86</v>
      </c>
      <c r="Q30849">
        <v>53</v>
      </c>
      <c r="R30849">
        <v>53</v>
      </c>
      <c r="S30849">
        <v>54</v>
      </c>
      <c r="T30849">
        <v>55</v>
      </c>
      <c r="U30849">
        <v>56</v>
      </c>
      <c r="V30849">
        <v>57</v>
      </c>
      <c r="W30849">
        <v>58</v>
      </c>
      <c r="X30849">
        <v>59</v>
      </c>
      <c r="Y30849">
        <v>59</v>
      </c>
      <c r="Z30849">
        <v>60</v>
      </c>
      <c r="AA30849">
        <v>61</v>
      </c>
      <c r="AB30849">
        <v>62</v>
      </c>
      <c r="AC30849">
        <v>63</v>
      </c>
      <c r="AD30849">
        <v>64</v>
      </c>
      <c r="AE30849">
        <v>65</v>
      </c>
      <c r="AF30849">
        <v>66</v>
      </c>
      <c r="AG30849">
        <v>66</v>
      </c>
      <c r="AH30849">
        <v>67</v>
      </c>
      <c r="AI30849">
        <v>68</v>
      </c>
      <c r="AJ30849">
        <v>69</v>
      </c>
      <c r="AK30849">
        <v>70</v>
      </c>
      <c r="AL30849">
        <v>70</v>
      </c>
      <c r="AM30849">
        <v>71</v>
      </c>
      <c r="AN30849">
        <v>71</v>
      </c>
      <c r="AO30849">
        <v>71</v>
      </c>
      <c r="AP30849">
        <v>72</v>
      </c>
      <c r="AQ30849">
        <v>72</v>
      </c>
    </row>
    <row r="30850" spans="1:43">
      <c r="A30850" t="s">
        <v>19121</v>
      </c>
      <c r="B30850" t="s">
        <v>19122</v>
      </c>
      <c r="C30850" t="s">
        <v>19043</v>
      </c>
      <c r="D30850" t="s">
        <v>19044</v>
      </c>
      <c r="E30850" t="s">
        <v>18995</v>
      </c>
      <c r="F30850" t="s">
        <v>18996</v>
      </c>
      <c r="G30850" t="s">
        <v>10734</v>
      </c>
      <c r="H30850" t="s">
        <v>10735</v>
      </c>
      <c r="I30850" s="2">
        <v>0</v>
      </c>
      <c r="J30850" s="2">
        <v>0</v>
      </c>
      <c r="K30850" s="2">
        <v>1</v>
      </c>
      <c r="L30850" t="s">
        <v>995</v>
      </c>
      <c r="M30850" t="s">
        <v>83</v>
      </c>
      <c r="N30850" t="s">
        <v>84</v>
      </c>
      <c r="O30850" t="s">
        <v>85</v>
      </c>
      <c r="P30850" t="s">
        <v>86</v>
      </c>
      <c r="Q30850">
        <v>48</v>
      </c>
      <c r="R30850">
        <v>48</v>
      </c>
      <c r="S30850">
        <v>49</v>
      </c>
      <c r="T30850">
        <v>50</v>
      </c>
      <c r="U30850">
        <v>51</v>
      </c>
      <c r="V30850">
        <v>52</v>
      </c>
      <c r="W30850">
        <v>52</v>
      </c>
      <c r="X30850">
        <v>53</v>
      </c>
      <c r="Y30850">
        <v>54</v>
      </c>
      <c r="Z30850">
        <v>55</v>
      </c>
      <c r="AA30850">
        <v>56</v>
      </c>
      <c r="AB30850">
        <v>56</v>
      </c>
      <c r="AC30850">
        <v>57</v>
      </c>
      <c r="AD30850">
        <v>58</v>
      </c>
      <c r="AE30850">
        <v>59</v>
      </c>
      <c r="AF30850">
        <v>59</v>
      </c>
      <c r="AG30850">
        <v>60</v>
      </c>
      <c r="AH30850">
        <v>61</v>
      </c>
      <c r="AI30850">
        <v>62</v>
      </c>
      <c r="AJ30850">
        <v>63</v>
      </c>
      <c r="AK30850">
        <v>63</v>
      </c>
      <c r="AL30850">
        <v>64</v>
      </c>
      <c r="AM30850">
        <v>64</v>
      </c>
      <c r="AN30850">
        <v>64</v>
      </c>
      <c r="AO30850">
        <v>65</v>
      </c>
      <c r="AP30850">
        <v>65</v>
      </c>
      <c r="AQ30850">
        <v>65</v>
      </c>
    </row>
    <row r="30851" spans="1:43">
      <c r="A30851" t="s">
        <v>19121</v>
      </c>
      <c r="B30851" t="s">
        <v>19122</v>
      </c>
      <c r="C30851" t="s">
        <v>19043</v>
      </c>
      <c r="D30851" t="s">
        <v>19044</v>
      </c>
      <c r="E30851" t="s">
        <v>18995</v>
      </c>
      <c r="F30851" t="s">
        <v>18996</v>
      </c>
      <c r="G30851" t="s">
        <v>10734</v>
      </c>
      <c r="H30851" t="s">
        <v>10735</v>
      </c>
      <c r="I30851" s="2">
        <v>0</v>
      </c>
      <c r="J30851" s="2">
        <v>0</v>
      </c>
      <c r="K30851" s="2">
        <v>1</v>
      </c>
      <c r="L30851" t="s">
        <v>995</v>
      </c>
      <c r="M30851" t="s">
        <v>87</v>
      </c>
      <c r="N30851" t="s">
        <v>88</v>
      </c>
      <c r="O30851" t="s">
        <v>85</v>
      </c>
      <c r="P30851" t="s">
        <v>86</v>
      </c>
      <c r="Q30851">
        <v>48</v>
      </c>
      <c r="R30851">
        <v>48</v>
      </c>
      <c r="S30851">
        <v>49</v>
      </c>
      <c r="T30851">
        <v>49</v>
      </c>
      <c r="U30851">
        <v>49</v>
      </c>
      <c r="V30851">
        <v>50</v>
      </c>
      <c r="W30851">
        <v>50</v>
      </c>
      <c r="X30851">
        <v>51</v>
      </c>
      <c r="Y30851">
        <v>51</v>
      </c>
      <c r="Z30851">
        <v>51</v>
      </c>
      <c r="AA30851">
        <v>52</v>
      </c>
      <c r="AB30851">
        <v>52</v>
      </c>
      <c r="AC30851">
        <v>52</v>
      </c>
      <c r="AD30851">
        <v>53</v>
      </c>
      <c r="AE30851">
        <v>53</v>
      </c>
      <c r="AF30851">
        <v>53</v>
      </c>
      <c r="AG30851">
        <v>54</v>
      </c>
      <c r="AH30851">
        <v>54</v>
      </c>
      <c r="AI30851">
        <v>54</v>
      </c>
      <c r="AJ30851">
        <v>55</v>
      </c>
      <c r="AK30851">
        <v>55</v>
      </c>
      <c r="AL30851">
        <v>56</v>
      </c>
      <c r="AM30851">
        <v>56</v>
      </c>
      <c r="AN30851">
        <v>56</v>
      </c>
      <c r="AO30851">
        <v>57</v>
      </c>
      <c r="AP30851">
        <v>57</v>
      </c>
      <c r="AQ30851">
        <v>58</v>
      </c>
    </row>
    <row r="30852" spans="1:43">
      <c r="A30852" t="s">
        <v>19121</v>
      </c>
      <c r="B30852" t="s">
        <v>19122</v>
      </c>
      <c r="C30852" t="s">
        <v>19043</v>
      </c>
      <c r="D30852" t="s">
        <v>19044</v>
      </c>
      <c r="E30852" t="s">
        <v>18995</v>
      </c>
      <c r="F30852" t="s">
        <v>18996</v>
      </c>
      <c r="G30852" t="s">
        <v>10734</v>
      </c>
      <c r="H30852" t="s">
        <v>10735</v>
      </c>
      <c r="I30852" s="2">
        <v>0</v>
      </c>
      <c r="J30852" s="2">
        <v>0</v>
      </c>
      <c r="K30852" s="2">
        <v>1</v>
      </c>
      <c r="L30852" t="s">
        <v>995</v>
      </c>
      <c r="M30852" t="s">
        <v>89</v>
      </c>
      <c r="N30852" t="s">
        <v>90</v>
      </c>
      <c r="O30852" t="s">
        <v>85</v>
      </c>
      <c r="P30852" t="s">
        <v>86</v>
      </c>
      <c r="Q30852">
        <v>48</v>
      </c>
      <c r="R30852">
        <v>49</v>
      </c>
      <c r="S30852">
        <v>50</v>
      </c>
      <c r="T30852">
        <v>52</v>
      </c>
      <c r="U30852">
        <v>53</v>
      </c>
      <c r="V30852">
        <v>54</v>
      </c>
      <c r="W30852">
        <v>55</v>
      </c>
      <c r="X30852">
        <v>56</v>
      </c>
      <c r="Y30852">
        <v>57</v>
      </c>
      <c r="Z30852">
        <v>58</v>
      </c>
      <c r="AA30852">
        <v>59</v>
      </c>
      <c r="AB30852">
        <v>60</v>
      </c>
      <c r="AC30852">
        <v>61</v>
      </c>
      <c r="AD30852">
        <v>62</v>
      </c>
      <c r="AE30852">
        <v>63</v>
      </c>
      <c r="AF30852">
        <v>63</v>
      </c>
      <c r="AG30852">
        <v>63</v>
      </c>
      <c r="AH30852">
        <v>64</v>
      </c>
      <c r="AI30852">
        <v>64</v>
      </c>
      <c r="AJ30852">
        <v>64</v>
      </c>
      <c r="AK30852">
        <v>64</v>
      </c>
      <c r="AL30852">
        <v>65</v>
      </c>
      <c r="AM30852">
        <v>65</v>
      </c>
      <c r="AN30852">
        <v>65</v>
      </c>
      <c r="AO30852">
        <v>66</v>
      </c>
      <c r="AP30852">
        <v>66</v>
      </c>
      <c r="AQ30852">
        <v>66</v>
      </c>
    </row>
    <row r="30853" spans="1:43">
      <c r="A30853" t="s">
        <v>19121</v>
      </c>
      <c r="B30853" t="s">
        <v>19122</v>
      </c>
      <c r="C30853" t="s">
        <v>19043</v>
      </c>
      <c r="D30853" t="s">
        <v>19044</v>
      </c>
      <c r="E30853" t="s">
        <v>18995</v>
      </c>
      <c r="F30853" t="s">
        <v>18996</v>
      </c>
      <c r="G30853" t="s">
        <v>10734</v>
      </c>
      <c r="H30853" t="s">
        <v>10735</v>
      </c>
      <c r="I30853" s="2">
        <v>0</v>
      </c>
      <c r="J30853" s="2">
        <v>0</v>
      </c>
      <c r="K30853" s="2">
        <v>1</v>
      </c>
      <c r="L30853" t="s">
        <v>995</v>
      </c>
      <c r="M30853" t="s">
        <v>83</v>
      </c>
      <c r="N30853" t="s">
        <v>91</v>
      </c>
      <c r="O30853" t="s">
        <v>85</v>
      </c>
      <c r="P30853" t="s">
        <v>86</v>
      </c>
      <c r="Q30853">
        <v>48</v>
      </c>
      <c r="R30853">
        <v>48</v>
      </c>
      <c r="S30853">
        <v>49</v>
      </c>
      <c r="T30853">
        <v>50</v>
      </c>
      <c r="U30853">
        <v>51</v>
      </c>
      <c r="V30853">
        <v>52</v>
      </c>
      <c r="W30853">
        <v>52</v>
      </c>
      <c r="X30853">
        <v>53</v>
      </c>
      <c r="Y30853">
        <v>54</v>
      </c>
      <c r="Z30853">
        <v>55</v>
      </c>
      <c r="AA30853">
        <v>56</v>
      </c>
      <c r="AB30853">
        <v>56</v>
      </c>
      <c r="AC30853">
        <v>57</v>
      </c>
      <c r="AD30853">
        <v>58</v>
      </c>
      <c r="AE30853">
        <v>59</v>
      </c>
      <c r="AF30853">
        <v>59</v>
      </c>
      <c r="AG30853">
        <v>60</v>
      </c>
      <c r="AH30853">
        <v>61</v>
      </c>
      <c r="AI30853">
        <v>62</v>
      </c>
      <c r="AJ30853">
        <v>63</v>
      </c>
      <c r="AK30853">
        <v>63</v>
      </c>
      <c r="AL30853">
        <v>64</v>
      </c>
      <c r="AM30853">
        <v>64</v>
      </c>
      <c r="AN30853">
        <v>64</v>
      </c>
      <c r="AO30853">
        <v>65</v>
      </c>
      <c r="AP30853">
        <v>65</v>
      </c>
      <c r="AQ30853">
        <v>65</v>
      </c>
    </row>
    <row r="30854" spans="1:43">
      <c r="A30854" t="s">
        <v>19123</v>
      </c>
      <c r="B30854" t="s">
        <v>19124</v>
      </c>
      <c r="C30854" t="s">
        <v>19095</v>
      </c>
      <c r="D30854" t="s">
        <v>19096</v>
      </c>
      <c r="E30854" t="s">
        <v>18995</v>
      </c>
      <c r="F30854" t="s">
        <v>18996</v>
      </c>
      <c r="G30854" t="s">
        <v>10734</v>
      </c>
      <c r="H30854" t="s">
        <v>10735</v>
      </c>
      <c r="I30854" s="2">
        <v>0</v>
      </c>
      <c r="J30854" s="2">
        <v>0</v>
      </c>
      <c r="K30854" s="2">
        <v>1</v>
      </c>
      <c r="L30854" t="s">
        <v>995</v>
      </c>
      <c r="M30854" t="s">
        <v>83</v>
      </c>
      <c r="N30854" t="s">
        <v>84</v>
      </c>
      <c r="O30854" t="s">
        <v>85</v>
      </c>
      <c r="P30854" t="s">
        <v>86</v>
      </c>
      <c r="Q30854">
        <v>10</v>
      </c>
      <c r="R30854">
        <v>11</v>
      </c>
      <c r="S30854">
        <v>11</v>
      </c>
      <c r="T30854">
        <v>11</v>
      </c>
      <c r="U30854">
        <v>11</v>
      </c>
      <c r="V30854">
        <v>11</v>
      </c>
      <c r="W30854">
        <v>11</v>
      </c>
      <c r="X30854">
        <v>12</v>
      </c>
      <c r="Y30854">
        <v>12</v>
      </c>
      <c r="Z30854">
        <v>12</v>
      </c>
      <c r="AA30854">
        <v>12</v>
      </c>
      <c r="AB30854">
        <v>12</v>
      </c>
      <c r="AC30854">
        <v>12</v>
      </c>
      <c r="AD30854">
        <v>13</v>
      </c>
      <c r="AE30854">
        <v>13</v>
      </c>
      <c r="AF30854">
        <v>13</v>
      </c>
      <c r="AG30854">
        <v>13</v>
      </c>
      <c r="AH30854">
        <v>13</v>
      </c>
      <c r="AI30854">
        <v>13</v>
      </c>
      <c r="AJ30854">
        <v>14</v>
      </c>
      <c r="AK30854">
        <v>14</v>
      </c>
      <c r="AL30854">
        <v>14</v>
      </c>
      <c r="AM30854">
        <v>14</v>
      </c>
      <c r="AN30854">
        <v>14</v>
      </c>
      <c r="AO30854">
        <v>14</v>
      </c>
      <c r="AP30854">
        <v>14</v>
      </c>
      <c r="AQ30854">
        <v>14</v>
      </c>
    </row>
    <row r="30855" spans="1:43">
      <c r="A30855" t="s">
        <v>19123</v>
      </c>
      <c r="B30855" t="s">
        <v>19124</v>
      </c>
      <c r="C30855" t="s">
        <v>19095</v>
      </c>
      <c r="D30855" t="s">
        <v>19096</v>
      </c>
      <c r="E30855" t="s">
        <v>18995</v>
      </c>
      <c r="F30855" t="s">
        <v>18996</v>
      </c>
      <c r="G30855" t="s">
        <v>10734</v>
      </c>
      <c r="H30855" t="s">
        <v>10735</v>
      </c>
      <c r="I30855" s="2">
        <v>0</v>
      </c>
      <c r="J30855" s="2">
        <v>0</v>
      </c>
      <c r="K30855" s="2">
        <v>1</v>
      </c>
      <c r="L30855" t="s">
        <v>995</v>
      </c>
      <c r="M30855" t="s">
        <v>87</v>
      </c>
      <c r="N30855" t="s">
        <v>88</v>
      </c>
      <c r="O30855" t="s">
        <v>85</v>
      </c>
      <c r="P30855" t="s">
        <v>86</v>
      </c>
      <c r="Q30855">
        <v>10</v>
      </c>
      <c r="R30855">
        <v>10</v>
      </c>
      <c r="S30855">
        <v>10</v>
      </c>
      <c r="T30855">
        <v>11</v>
      </c>
      <c r="U30855">
        <v>11</v>
      </c>
      <c r="V30855">
        <v>11</v>
      </c>
      <c r="W30855">
        <v>11</v>
      </c>
      <c r="X30855">
        <v>11</v>
      </c>
      <c r="Y30855">
        <v>11</v>
      </c>
      <c r="Z30855">
        <v>11</v>
      </c>
      <c r="AA30855">
        <v>11</v>
      </c>
      <c r="AB30855">
        <v>11</v>
      </c>
      <c r="AC30855">
        <v>11</v>
      </c>
      <c r="AD30855">
        <v>11</v>
      </c>
      <c r="AE30855">
        <v>11</v>
      </c>
      <c r="AF30855">
        <v>11</v>
      </c>
      <c r="AG30855">
        <v>11</v>
      </c>
      <c r="AH30855">
        <v>12</v>
      </c>
      <c r="AI30855">
        <v>12</v>
      </c>
      <c r="AJ30855">
        <v>12</v>
      </c>
      <c r="AK30855">
        <v>12</v>
      </c>
      <c r="AL30855">
        <v>12</v>
      </c>
      <c r="AM30855">
        <v>12</v>
      </c>
      <c r="AN30855">
        <v>12</v>
      </c>
      <c r="AO30855">
        <v>12</v>
      </c>
      <c r="AP30855">
        <v>12</v>
      </c>
      <c r="AQ30855">
        <v>12</v>
      </c>
    </row>
    <row r="30856" spans="1:43">
      <c r="A30856" t="s">
        <v>19123</v>
      </c>
      <c r="B30856" t="s">
        <v>19124</v>
      </c>
      <c r="C30856" t="s">
        <v>19095</v>
      </c>
      <c r="D30856" t="s">
        <v>19096</v>
      </c>
      <c r="E30856" t="s">
        <v>18995</v>
      </c>
      <c r="F30856" t="s">
        <v>18996</v>
      </c>
      <c r="G30856" t="s">
        <v>10734</v>
      </c>
      <c r="H30856" t="s">
        <v>10735</v>
      </c>
      <c r="I30856" s="2">
        <v>0</v>
      </c>
      <c r="J30856" s="2">
        <v>0</v>
      </c>
      <c r="K30856" s="2">
        <v>1</v>
      </c>
      <c r="L30856" t="s">
        <v>995</v>
      </c>
      <c r="M30856" t="s">
        <v>89</v>
      </c>
      <c r="N30856" t="s">
        <v>90</v>
      </c>
      <c r="O30856" t="s">
        <v>85</v>
      </c>
      <c r="P30856" t="s">
        <v>86</v>
      </c>
      <c r="Q30856">
        <v>10</v>
      </c>
      <c r="R30856">
        <v>11</v>
      </c>
      <c r="S30856">
        <v>11</v>
      </c>
      <c r="T30856">
        <v>11</v>
      </c>
      <c r="U30856">
        <v>12</v>
      </c>
      <c r="V30856">
        <v>12</v>
      </c>
      <c r="W30856">
        <v>12</v>
      </c>
      <c r="X30856">
        <v>12</v>
      </c>
      <c r="Y30856">
        <v>12</v>
      </c>
      <c r="Z30856">
        <v>13</v>
      </c>
      <c r="AA30856">
        <v>13</v>
      </c>
      <c r="AB30856">
        <v>13</v>
      </c>
      <c r="AC30856">
        <v>13</v>
      </c>
      <c r="AD30856">
        <v>14</v>
      </c>
      <c r="AE30856">
        <v>14</v>
      </c>
      <c r="AF30856">
        <v>14</v>
      </c>
      <c r="AG30856">
        <v>14</v>
      </c>
      <c r="AH30856">
        <v>14</v>
      </c>
      <c r="AI30856">
        <v>14</v>
      </c>
      <c r="AJ30856">
        <v>14</v>
      </c>
      <c r="AK30856">
        <v>14</v>
      </c>
      <c r="AL30856">
        <v>14</v>
      </c>
      <c r="AM30856">
        <v>14</v>
      </c>
      <c r="AN30856">
        <v>14</v>
      </c>
      <c r="AO30856">
        <v>14</v>
      </c>
      <c r="AP30856">
        <v>14</v>
      </c>
      <c r="AQ30856">
        <v>14</v>
      </c>
    </row>
    <row r="30857" spans="1:43">
      <c r="A30857" t="s">
        <v>19123</v>
      </c>
      <c r="B30857" t="s">
        <v>19124</v>
      </c>
      <c r="C30857" t="s">
        <v>19095</v>
      </c>
      <c r="D30857" t="s">
        <v>19096</v>
      </c>
      <c r="E30857" t="s">
        <v>18995</v>
      </c>
      <c r="F30857" t="s">
        <v>18996</v>
      </c>
      <c r="G30857" t="s">
        <v>10734</v>
      </c>
      <c r="H30857" t="s">
        <v>10735</v>
      </c>
      <c r="I30857" s="2">
        <v>0</v>
      </c>
      <c r="J30857" s="2">
        <v>0</v>
      </c>
      <c r="K30857" s="2">
        <v>1</v>
      </c>
      <c r="L30857" t="s">
        <v>995</v>
      </c>
      <c r="M30857" t="s">
        <v>83</v>
      </c>
      <c r="N30857" t="s">
        <v>91</v>
      </c>
      <c r="O30857" t="s">
        <v>85</v>
      </c>
      <c r="P30857" t="s">
        <v>86</v>
      </c>
      <c r="Q30857">
        <v>10</v>
      </c>
      <c r="R30857">
        <v>11</v>
      </c>
      <c r="S30857">
        <v>11</v>
      </c>
      <c r="T30857">
        <v>11</v>
      </c>
      <c r="U30857">
        <v>11</v>
      </c>
      <c r="V30857">
        <v>11</v>
      </c>
      <c r="W30857">
        <v>11</v>
      </c>
      <c r="X30857">
        <v>12</v>
      </c>
      <c r="Y30857">
        <v>12</v>
      </c>
      <c r="Z30857">
        <v>12</v>
      </c>
      <c r="AA30857">
        <v>12</v>
      </c>
      <c r="AB30857">
        <v>12</v>
      </c>
      <c r="AC30857">
        <v>12</v>
      </c>
      <c r="AD30857">
        <v>13</v>
      </c>
      <c r="AE30857">
        <v>13</v>
      </c>
      <c r="AF30857">
        <v>13</v>
      </c>
      <c r="AG30857">
        <v>13</v>
      </c>
      <c r="AH30857">
        <v>13</v>
      </c>
      <c r="AI30857">
        <v>13</v>
      </c>
      <c r="AJ30857">
        <v>14</v>
      </c>
      <c r="AK30857">
        <v>14</v>
      </c>
      <c r="AL30857">
        <v>14</v>
      </c>
      <c r="AM30857">
        <v>14</v>
      </c>
      <c r="AN30857">
        <v>14</v>
      </c>
      <c r="AO30857">
        <v>14</v>
      </c>
      <c r="AP30857">
        <v>14</v>
      </c>
      <c r="AQ30857">
        <v>14</v>
      </c>
    </row>
    <row r="30858" spans="1:43">
      <c r="A30858" t="s">
        <v>19125</v>
      </c>
      <c r="B30858" t="s">
        <v>19126</v>
      </c>
      <c r="C30858" t="s">
        <v>19029</v>
      </c>
      <c r="D30858" t="s">
        <v>19030</v>
      </c>
      <c r="E30858" t="s">
        <v>18995</v>
      </c>
      <c r="F30858" t="s">
        <v>18996</v>
      </c>
      <c r="G30858" t="s">
        <v>10734</v>
      </c>
      <c r="H30858" t="s">
        <v>10735</v>
      </c>
      <c r="I30858" s="2">
        <v>0</v>
      </c>
      <c r="J30858" s="2">
        <v>0</v>
      </c>
      <c r="K30858" s="2">
        <v>1</v>
      </c>
      <c r="L30858" t="s">
        <v>995</v>
      </c>
      <c r="M30858" t="s">
        <v>83</v>
      </c>
      <c r="N30858" t="s">
        <v>84</v>
      </c>
      <c r="O30858" t="s">
        <v>85</v>
      </c>
      <c r="P30858" t="s">
        <v>86</v>
      </c>
      <c r="Q30858">
        <v>35</v>
      </c>
      <c r="R30858">
        <v>36</v>
      </c>
      <c r="S30858">
        <v>36</v>
      </c>
      <c r="T30858">
        <v>37</v>
      </c>
      <c r="U30858">
        <v>38</v>
      </c>
      <c r="V30858">
        <v>38</v>
      </c>
      <c r="W30858">
        <v>39</v>
      </c>
      <c r="X30858">
        <v>39</v>
      </c>
      <c r="Y30858">
        <v>40</v>
      </c>
      <c r="Z30858">
        <v>40</v>
      </c>
      <c r="AA30858">
        <v>41</v>
      </c>
      <c r="AB30858">
        <v>42</v>
      </c>
      <c r="AC30858">
        <v>42</v>
      </c>
      <c r="AD30858">
        <v>43</v>
      </c>
      <c r="AE30858">
        <v>43</v>
      </c>
      <c r="AF30858">
        <v>44</v>
      </c>
      <c r="AG30858">
        <v>44</v>
      </c>
      <c r="AH30858">
        <v>45</v>
      </c>
      <c r="AI30858">
        <v>46</v>
      </c>
      <c r="AJ30858">
        <v>46</v>
      </c>
      <c r="AK30858">
        <v>47</v>
      </c>
      <c r="AL30858">
        <v>47</v>
      </c>
      <c r="AM30858">
        <v>47</v>
      </c>
      <c r="AN30858">
        <v>47</v>
      </c>
      <c r="AO30858">
        <v>48</v>
      </c>
      <c r="AP30858">
        <v>48</v>
      </c>
      <c r="AQ30858">
        <v>48</v>
      </c>
    </row>
    <row r="30859" spans="1:43">
      <c r="A30859" t="s">
        <v>19125</v>
      </c>
      <c r="B30859" t="s">
        <v>19126</v>
      </c>
      <c r="C30859" t="s">
        <v>19029</v>
      </c>
      <c r="D30859" t="s">
        <v>19030</v>
      </c>
      <c r="E30859" t="s">
        <v>18995</v>
      </c>
      <c r="F30859" t="s">
        <v>18996</v>
      </c>
      <c r="G30859" t="s">
        <v>10734</v>
      </c>
      <c r="H30859" t="s">
        <v>10735</v>
      </c>
      <c r="I30859" s="2">
        <v>0</v>
      </c>
      <c r="J30859" s="2">
        <v>0</v>
      </c>
      <c r="K30859" s="2">
        <v>1</v>
      </c>
      <c r="L30859" t="s">
        <v>995</v>
      </c>
      <c r="M30859" t="s">
        <v>87</v>
      </c>
      <c r="N30859" t="s">
        <v>88</v>
      </c>
      <c r="O30859" t="s">
        <v>85</v>
      </c>
      <c r="P30859" t="s">
        <v>86</v>
      </c>
      <c r="Q30859">
        <v>35</v>
      </c>
      <c r="R30859">
        <v>35</v>
      </c>
      <c r="S30859">
        <v>35</v>
      </c>
      <c r="T30859">
        <v>36</v>
      </c>
      <c r="U30859">
        <v>36</v>
      </c>
      <c r="V30859">
        <v>36</v>
      </c>
      <c r="W30859">
        <v>36</v>
      </c>
      <c r="X30859">
        <v>37</v>
      </c>
      <c r="Y30859">
        <v>37</v>
      </c>
      <c r="Z30859">
        <v>37</v>
      </c>
      <c r="AA30859">
        <v>37</v>
      </c>
      <c r="AB30859">
        <v>38</v>
      </c>
      <c r="AC30859">
        <v>38</v>
      </c>
      <c r="AD30859">
        <v>38</v>
      </c>
      <c r="AE30859">
        <v>38</v>
      </c>
      <c r="AF30859">
        <v>39</v>
      </c>
      <c r="AG30859">
        <v>39</v>
      </c>
      <c r="AH30859">
        <v>39</v>
      </c>
      <c r="AI30859">
        <v>39</v>
      </c>
      <c r="AJ30859">
        <v>40</v>
      </c>
      <c r="AK30859">
        <v>40</v>
      </c>
      <c r="AL30859">
        <v>40</v>
      </c>
      <c r="AM30859">
        <v>40</v>
      </c>
      <c r="AN30859">
        <v>41</v>
      </c>
      <c r="AO30859">
        <v>41</v>
      </c>
      <c r="AP30859">
        <v>41</v>
      </c>
      <c r="AQ30859">
        <v>42</v>
      </c>
    </row>
    <row r="30860" spans="1:43">
      <c r="A30860" t="s">
        <v>19125</v>
      </c>
      <c r="B30860" t="s">
        <v>19126</v>
      </c>
      <c r="C30860" t="s">
        <v>19029</v>
      </c>
      <c r="D30860" t="s">
        <v>19030</v>
      </c>
      <c r="E30860" t="s">
        <v>18995</v>
      </c>
      <c r="F30860" t="s">
        <v>18996</v>
      </c>
      <c r="G30860" t="s">
        <v>10734</v>
      </c>
      <c r="H30860" t="s">
        <v>10735</v>
      </c>
      <c r="I30860" s="2">
        <v>0</v>
      </c>
      <c r="J30860" s="2">
        <v>0</v>
      </c>
      <c r="K30860" s="2">
        <v>1</v>
      </c>
      <c r="L30860" t="s">
        <v>995</v>
      </c>
      <c r="M30860" t="s">
        <v>89</v>
      </c>
      <c r="N30860" t="s">
        <v>90</v>
      </c>
      <c r="O30860" t="s">
        <v>85</v>
      </c>
      <c r="P30860" t="s">
        <v>86</v>
      </c>
      <c r="Q30860">
        <v>35</v>
      </c>
      <c r="R30860">
        <v>35</v>
      </c>
      <c r="S30860">
        <v>36</v>
      </c>
      <c r="T30860">
        <v>37</v>
      </c>
      <c r="U30860">
        <v>38</v>
      </c>
      <c r="V30860">
        <v>39</v>
      </c>
      <c r="W30860">
        <v>40</v>
      </c>
      <c r="X30860">
        <v>40</v>
      </c>
      <c r="Y30860">
        <v>41</v>
      </c>
      <c r="Z30860">
        <v>42</v>
      </c>
      <c r="AA30860">
        <v>43</v>
      </c>
      <c r="AB30860">
        <v>43</v>
      </c>
      <c r="AC30860">
        <v>44</v>
      </c>
      <c r="AD30860">
        <v>45</v>
      </c>
      <c r="AE30860">
        <v>45</v>
      </c>
      <c r="AF30860">
        <v>45</v>
      </c>
      <c r="AG30860">
        <v>46</v>
      </c>
      <c r="AH30860">
        <v>46</v>
      </c>
      <c r="AI30860">
        <v>46</v>
      </c>
      <c r="AJ30860">
        <v>46</v>
      </c>
      <c r="AK30860">
        <v>46</v>
      </c>
      <c r="AL30860">
        <v>46</v>
      </c>
      <c r="AM30860">
        <v>47</v>
      </c>
      <c r="AN30860">
        <v>47</v>
      </c>
      <c r="AO30860">
        <v>47</v>
      </c>
      <c r="AP30860">
        <v>47</v>
      </c>
      <c r="AQ30860">
        <v>47</v>
      </c>
    </row>
    <row r="30861" spans="1:43">
      <c r="A30861" t="s">
        <v>19125</v>
      </c>
      <c r="B30861" t="s">
        <v>19126</v>
      </c>
      <c r="C30861" t="s">
        <v>19029</v>
      </c>
      <c r="D30861" t="s">
        <v>19030</v>
      </c>
      <c r="E30861" t="s">
        <v>18995</v>
      </c>
      <c r="F30861" t="s">
        <v>18996</v>
      </c>
      <c r="G30861" t="s">
        <v>10734</v>
      </c>
      <c r="H30861" t="s">
        <v>10735</v>
      </c>
      <c r="I30861" s="2">
        <v>0</v>
      </c>
      <c r="J30861" s="2">
        <v>0</v>
      </c>
      <c r="K30861" s="2">
        <v>1</v>
      </c>
      <c r="L30861" t="s">
        <v>995</v>
      </c>
      <c r="M30861" t="s">
        <v>83</v>
      </c>
      <c r="N30861" t="s">
        <v>91</v>
      </c>
      <c r="O30861" t="s">
        <v>85</v>
      </c>
      <c r="P30861" t="s">
        <v>86</v>
      </c>
      <c r="Q30861">
        <v>35</v>
      </c>
      <c r="R30861">
        <v>36</v>
      </c>
      <c r="S30861">
        <v>36</v>
      </c>
      <c r="T30861">
        <v>37</v>
      </c>
      <c r="U30861">
        <v>38</v>
      </c>
      <c r="V30861">
        <v>38</v>
      </c>
      <c r="W30861">
        <v>39</v>
      </c>
      <c r="X30861">
        <v>39</v>
      </c>
      <c r="Y30861">
        <v>40</v>
      </c>
      <c r="Z30861">
        <v>40</v>
      </c>
      <c r="AA30861">
        <v>41</v>
      </c>
      <c r="AB30861">
        <v>42</v>
      </c>
      <c r="AC30861">
        <v>42</v>
      </c>
      <c r="AD30861">
        <v>43</v>
      </c>
      <c r="AE30861">
        <v>43</v>
      </c>
      <c r="AF30861">
        <v>44</v>
      </c>
      <c r="AG30861">
        <v>44</v>
      </c>
      <c r="AH30861">
        <v>45</v>
      </c>
      <c r="AI30861">
        <v>46</v>
      </c>
      <c r="AJ30861">
        <v>46</v>
      </c>
      <c r="AK30861">
        <v>47</v>
      </c>
      <c r="AL30861">
        <v>47</v>
      </c>
      <c r="AM30861">
        <v>47</v>
      </c>
      <c r="AN30861">
        <v>47</v>
      </c>
      <c r="AO30861">
        <v>48</v>
      </c>
      <c r="AP30861">
        <v>48</v>
      </c>
      <c r="AQ30861">
        <v>48</v>
      </c>
    </row>
    <row r="30862" spans="1:43">
      <c r="A30862" t="s">
        <v>19127</v>
      </c>
      <c r="B30862" t="s">
        <v>19128</v>
      </c>
      <c r="C30862" t="s">
        <v>19051</v>
      </c>
      <c r="D30862" t="s">
        <v>19052</v>
      </c>
      <c r="E30862" t="s">
        <v>18995</v>
      </c>
      <c r="F30862" t="s">
        <v>18996</v>
      </c>
      <c r="G30862" t="s">
        <v>10734</v>
      </c>
      <c r="H30862" t="s">
        <v>10735</v>
      </c>
      <c r="I30862" s="2">
        <v>0</v>
      </c>
      <c r="J30862" s="2">
        <v>0</v>
      </c>
      <c r="K30862" s="2">
        <v>1</v>
      </c>
      <c r="L30862" t="s">
        <v>995</v>
      </c>
      <c r="M30862" t="s">
        <v>83</v>
      </c>
      <c r="N30862" t="s">
        <v>84</v>
      </c>
      <c r="O30862" t="s">
        <v>85</v>
      </c>
      <c r="P30862" t="s">
        <v>86</v>
      </c>
      <c r="Q30862">
        <v>32</v>
      </c>
      <c r="R30862">
        <v>33</v>
      </c>
      <c r="S30862">
        <v>33</v>
      </c>
      <c r="T30862">
        <v>34</v>
      </c>
      <c r="U30862">
        <v>34</v>
      </c>
      <c r="V30862">
        <v>35</v>
      </c>
      <c r="W30862">
        <v>35</v>
      </c>
      <c r="X30862">
        <v>36</v>
      </c>
      <c r="Y30862">
        <v>36</v>
      </c>
      <c r="Z30862">
        <v>37</v>
      </c>
      <c r="AA30862">
        <v>37</v>
      </c>
      <c r="AB30862">
        <v>38</v>
      </c>
      <c r="AC30862">
        <v>38</v>
      </c>
      <c r="AD30862">
        <v>39</v>
      </c>
      <c r="AE30862">
        <v>39</v>
      </c>
      <c r="AF30862">
        <v>40</v>
      </c>
      <c r="AG30862">
        <v>40</v>
      </c>
      <c r="AH30862">
        <v>41</v>
      </c>
      <c r="AI30862">
        <v>42</v>
      </c>
      <c r="AJ30862">
        <v>42</v>
      </c>
      <c r="AK30862">
        <v>43</v>
      </c>
      <c r="AL30862">
        <v>43</v>
      </c>
      <c r="AM30862">
        <v>43</v>
      </c>
      <c r="AN30862">
        <v>43</v>
      </c>
      <c r="AO30862">
        <v>43</v>
      </c>
      <c r="AP30862">
        <v>43</v>
      </c>
      <c r="AQ30862">
        <v>44</v>
      </c>
    </row>
    <row r="30863" spans="1:43">
      <c r="A30863" t="s">
        <v>19127</v>
      </c>
      <c r="B30863" t="s">
        <v>19128</v>
      </c>
      <c r="C30863" t="s">
        <v>19051</v>
      </c>
      <c r="D30863" t="s">
        <v>19052</v>
      </c>
      <c r="E30863" t="s">
        <v>18995</v>
      </c>
      <c r="F30863" t="s">
        <v>18996</v>
      </c>
      <c r="G30863" t="s">
        <v>10734</v>
      </c>
      <c r="H30863" t="s">
        <v>10735</v>
      </c>
      <c r="I30863" s="2">
        <v>0</v>
      </c>
      <c r="J30863" s="2">
        <v>0</v>
      </c>
      <c r="K30863" s="2">
        <v>1</v>
      </c>
      <c r="L30863" t="s">
        <v>995</v>
      </c>
      <c r="M30863" t="s">
        <v>87</v>
      </c>
      <c r="N30863" t="s">
        <v>88</v>
      </c>
      <c r="O30863" t="s">
        <v>85</v>
      </c>
      <c r="P30863" t="s">
        <v>86</v>
      </c>
      <c r="Q30863">
        <v>32</v>
      </c>
      <c r="R30863">
        <v>32</v>
      </c>
      <c r="S30863">
        <v>32</v>
      </c>
      <c r="T30863">
        <v>33</v>
      </c>
      <c r="U30863">
        <v>33</v>
      </c>
      <c r="V30863">
        <v>33</v>
      </c>
      <c r="W30863">
        <v>33</v>
      </c>
      <c r="X30863">
        <v>33</v>
      </c>
      <c r="Y30863">
        <v>34</v>
      </c>
      <c r="Z30863">
        <v>34</v>
      </c>
      <c r="AA30863">
        <v>34</v>
      </c>
      <c r="AB30863">
        <v>34</v>
      </c>
      <c r="AC30863">
        <v>34</v>
      </c>
      <c r="AD30863">
        <v>35</v>
      </c>
      <c r="AE30863">
        <v>35</v>
      </c>
      <c r="AF30863">
        <v>35</v>
      </c>
      <c r="AG30863">
        <v>35</v>
      </c>
      <c r="AH30863">
        <v>36</v>
      </c>
      <c r="AI30863">
        <v>36</v>
      </c>
      <c r="AJ30863">
        <v>36</v>
      </c>
      <c r="AK30863">
        <v>36</v>
      </c>
      <c r="AL30863">
        <v>37</v>
      </c>
      <c r="AM30863">
        <v>37</v>
      </c>
      <c r="AN30863">
        <v>37</v>
      </c>
      <c r="AO30863">
        <v>37</v>
      </c>
      <c r="AP30863">
        <v>38</v>
      </c>
      <c r="AQ30863">
        <v>38</v>
      </c>
    </row>
    <row r="30864" spans="1:43">
      <c r="A30864" t="s">
        <v>19127</v>
      </c>
      <c r="B30864" t="s">
        <v>19128</v>
      </c>
      <c r="C30864" t="s">
        <v>19051</v>
      </c>
      <c r="D30864" t="s">
        <v>19052</v>
      </c>
      <c r="E30864" t="s">
        <v>18995</v>
      </c>
      <c r="F30864" t="s">
        <v>18996</v>
      </c>
      <c r="G30864" t="s">
        <v>10734</v>
      </c>
      <c r="H30864" t="s">
        <v>10735</v>
      </c>
      <c r="I30864" s="2">
        <v>0</v>
      </c>
      <c r="J30864" s="2">
        <v>0</v>
      </c>
      <c r="K30864" s="2">
        <v>1</v>
      </c>
      <c r="L30864" t="s">
        <v>995</v>
      </c>
      <c r="M30864" t="s">
        <v>89</v>
      </c>
      <c r="N30864" t="s">
        <v>90</v>
      </c>
      <c r="O30864" t="s">
        <v>85</v>
      </c>
      <c r="P30864" t="s">
        <v>86</v>
      </c>
      <c r="Q30864">
        <v>32</v>
      </c>
      <c r="R30864">
        <v>32</v>
      </c>
      <c r="S30864">
        <v>33</v>
      </c>
      <c r="T30864">
        <v>34</v>
      </c>
      <c r="U30864">
        <v>35</v>
      </c>
      <c r="V30864">
        <v>35</v>
      </c>
      <c r="W30864">
        <v>36</v>
      </c>
      <c r="X30864">
        <v>37</v>
      </c>
      <c r="Y30864">
        <v>38</v>
      </c>
      <c r="Z30864">
        <v>38</v>
      </c>
      <c r="AA30864">
        <v>39</v>
      </c>
      <c r="AB30864">
        <v>40</v>
      </c>
      <c r="AC30864">
        <v>40</v>
      </c>
      <c r="AD30864">
        <v>41</v>
      </c>
      <c r="AE30864">
        <v>41</v>
      </c>
      <c r="AF30864">
        <v>41</v>
      </c>
      <c r="AG30864">
        <v>42</v>
      </c>
      <c r="AH30864">
        <v>42</v>
      </c>
      <c r="AI30864">
        <v>42</v>
      </c>
      <c r="AJ30864">
        <v>42</v>
      </c>
      <c r="AK30864">
        <v>42</v>
      </c>
      <c r="AL30864">
        <v>42</v>
      </c>
      <c r="AM30864">
        <v>42</v>
      </c>
      <c r="AN30864">
        <v>43</v>
      </c>
      <c r="AO30864">
        <v>43</v>
      </c>
      <c r="AP30864">
        <v>43</v>
      </c>
      <c r="AQ30864">
        <v>43</v>
      </c>
    </row>
    <row r="30865" spans="1:43">
      <c r="A30865" t="s">
        <v>19127</v>
      </c>
      <c r="B30865" t="s">
        <v>19128</v>
      </c>
      <c r="C30865" t="s">
        <v>19051</v>
      </c>
      <c r="D30865" t="s">
        <v>19052</v>
      </c>
      <c r="E30865" t="s">
        <v>18995</v>
      </c>
      <c r="F30865" t="s">
        <v>18996</v>
      </c>
      <c r="G30865" t="s">
        <v>10734</v>
      </c>
      <c r="H30865" t="s">
        <v>10735</v>
      </c>
      <c r="I30865" s="2">
        <v>0</v>
      </c>
      <c r="J30865" s="2">
        <v>0</v>
      </c>
      <c r="K30865" s="2">
        <v>1</v>
      </c>
      <c r="L30865" t="s">
        <v>995</v>
      </c>
      <c r="M30865" t="s">
        <v>83</v>
      </c>
      <c r="N30865" t="s">
        <v>91</v>
      </c>
      <c r="O30865" t="s">
        <v>85</v>
      </c>
      <c r="P30865" t="s">
        <v>86</v>
      </c>
      <c r="Q30865">
        <v>32</v>
      </c>
      <c r="R30865">
        <v>33</v>
      </c>
      <c r="S30865">
        <v>33</v>
      </c>
      <c r="T30865">
        <v>34</v>
      </c>
      <c r="U30865">
        <v>34</v>
      </c>
      <c r="V30865">
        <v>35</v>
      </c>
      <c r="W30865">
        <v>35</v>
      </c>
      <c r="X30865">
        <v>36</v>
      </c>
      <c r="Y30865">
        <v>36</v>
      </c>
      <c r="Z30865">
        <v>37</v>
      </c>
      <c r="AA30865">
        <v>37</v>
      </c>
      <c r="AB30865">
        <v>38</v>
      </c>
      <c r="AC30865">
        <v>38</v>
      </c>
      <c r="AD30865">
        <v>39</v>
      </c>
      <c r="AE30865">
        <v>39</v>
      </c>
      <c r="AF30865">
        <v>40</v>
      </c>
      <c r="AG30865">
        <v>40</v>
      </c>
      <c r="AH30865">
        <v>41</v>
      </c>
      <c r="AI30865">
        <v>42</v>
      </c>
      <c r="AJ30865">
        <v>42</v>
      </c>
      <c r="AK30865">
        <v>43</v>
      </c>
      <c r="AL30865">
        <v>43</v>
      </c>
      <c r="AM30865">
        <v>43</v>
      </c>
      <c r="AN30865">
        <v>43</v>
      </c>
      <c r="AO30865">
        <v>43</v>
      </c>
      <c r="AP30865">
        <v>43</v>
      </c>
      <c r="AQ30865">
        <v>44</v>
      </c>
    </row>
    <row r="30866" spans="1:43">
      <c r="A30866" t="s">
        <v>19129</v>
      </c>
      <c r="B30866" t="s">
        <v>19130</v>
      </c>
      <c r="C30866" t="s">
        <v>19007</v>
      </c>
      <c r="D30866" t="s">
        <v>19008</v>
      </c>
      <c r="E30866" t="s">
        <v>18995</v>
      </c>
      <c r="F30866" t="s">
        <v>18996</v>
      </c>
      <c r="G30866" t="s">
        <v>10734</v>
      </c>
      <c r="H30866" t="s">
        <v>10735</v>
      </c>
      <c r="I30866" s="2">
        <v>0</v>
      </c>
      <c r="J30866" s="2">
        <v>0</v>
      </c>
      <c r="K30866" s="2">
        <v>1</v>
      </c>
      <c r="L30866" t="s">
        <v>995</v>
      </c>
      <c r="M30866" t="s">
        <v>83</v>
      </c>
      <c r="N30866" t="s">
        <v>84</v>
      </c>
      <c r="O30866" t="s">
        <v>85</v>
      </c>
      <c r="P30866" t="s">
        <v>86</v>
      </c>
      <c r="Q30866">
        <v>62</v>
      </c>
      <c r="R30866">
        <v>63</v>
      </c>
      <c r="S30866">
        <v>64</v>
      </c>
      <c r="T30866">
        <v>65</v>
      </c>
      <c r="U30866">
        <v>66</v>
      </c>
      <c r="V30866">
        <v>67</v>
      </c>
      <c r="W30866">
        <v>68</v>
      </c>
      <c r="X30866">
        <v>69</v>
      </c>
      <c r="Y30866">
        <v>70</v>
      </c>
      <c r="Z30866">
        <v>71</v>
      </c>
      <c r="AA30866">
        <v>73</v>
      </c>
      <c r="AB30866">
        <v>74</v>
      </c>
      <c r="AC30866">
        <v>74</v>
      </c>
      <c r="AD30866">
        <v>75</v>
      </c>
      <c r="AE30866">
        <v>76</v>
      </c>
      <c r="AF30866">
        <v>77</v>
      </c>
      <c r="AG30866">
        <v>78</v>
      </c>
      <c r="AH30866">
        <v>79</v>
      </c>
      <c r="AI30866">
        <v>80</v>
      </c>
      <c r="AJ30866">
        <v>81</v>
      </c>
      <c r="AK30866">
        <v>82</v>
      </c>
      <c r="AL30866">
        <v>83</v>
      </c>
      <c r="AM30866">
        <v>83</v>
      </c>
      <c r="AN30866">
        <v>84</v>
      </c>
      <c r="AO30866">
        <v>84</v>
      </c>
      <c r="AP30866">
        <v>84</v>
      </c>
      <c r="AQ30866">
        <v>85</v>
      </c>
    </row>
    <row r="30867" spans="1:43">
      <c r="A30867" t="s">
        <v>19129</v>
      </c>
      <c r="B30867" t="s">
        <v>19130</v>
      </c>
      <c r="C30867" t="s">
        <v>19007</v>
      </c>
      <c r="D30867" t="s">
        <v>19008</v>
      </c>
      <c r="E30867" t="s">
        <v>18995</v>
      </c>
      <c r="F30867" t="s">
        <v>18996</v>
      </c>
      <c r="G30867" t="s">
        <v>10734</v>
      </c>
      <c r="H30867" t="s">
        <v>10735</v>
      </c>
      <c r="I30867" s="2">
        <v>0</v>
      </c>
      <c r="J30867" s="2">
        <v>0</v>
      </c>
      <c r="K30867" s="2">
        <v>1</v>
      </c>
      <c r="L30867" t="s">
        <v>995</v>
      </c>
      <c r="M30867" t="s">
        <v>87</v>
      </c>
      <c r="N30867" t="s">
        <v>88</v>
      </c>
      <c r="O30867" t="s">
        <v>85</v>
      </c>
      <c r="P30867" t="s">
        <v>86</v>
      </c>
      <c r="Q30867">
        <v>62</v>
      </c>
      <c r="R30867">
        <v>62</v>
      </c>
      <c r="S30867">
        <v>63</v>
      </c>
      <c r="T30867">
        <v>63</v>
      </c>
      <c r="U30867">
        <v>63</v>
      </c>
      <c r="V30867">
        <v>64</v>
      </c>
      <c r="W30867">
        <v>64</v>
      </c>
      <c r="X30867">
        <v>65</v>
      </c>
      <c r="Y30867">
        <v>65</v>
      </c>
      <c r="Z30867">
        <v>66</v>
      </c>
      <c r="AA30867">
        <v>66</v>
      </c>
      <c r="AB30867">
        <v>66</v>
      </c>
      <c r="AC30867">
        <v>67</v>
      </c>
      <c r="AD30867">
        <v>67</v>
      </c>
      <c r="AE30867">
        <v>68</v>
      </c>
      <c r="AF30867">
        <v>68</v>
      </c>
      <c r="AG30867">
        <v>69</v>
      </c>
      <c r="AH30867">
        <v>69</v>
      </c>
      <c r="AI30867">
        <v>70</v>
      </c>
      <c r="AJ30867">
        <v>70</v>
      </c>
      <c r="AK30867">
        <v>71</v>
      </c>
      <c r="AL30867">
        <v>71</v>
      </c>
      <c r="AM30867">
        <v>72</v>
      </c>
      <c r="AN30867">
        <v>72</v>
      </c>
      <c r="AO30867">
        <v>73</v>
      </c>
      <c r="AP30867">
        <v>73</v>
      </c>
      <c r="AQ30867">
        <v>74</v>
      </c>
    </row>
    <row r="30868" spans="1:43">
      <c r="A30868" t="s">
        <v>19129</v>
      </c>
      <c r="B30868" t="s">
        <v>19130</v>
      </c>
      <c r="C30868" t="s">
        <v>19007</v>
      </c>
      <c r="D30868" t="s">
        <v>19008</v>
      </c>
      <c r="E30868" t="s">
        <v>18995</v>
      </c>
      <c r="F30868" t="s">
        <v>18996</v>
      </c>
      <c r="G30868" t="s">
        <v>10734</v>
      </c>
      <c r="H30868" t="s">
        <v>10735</v>
      </c>
      <c r="I30868" s="2">
        <v>0</v>
      </c>
      <c r="J30868" s="2">
        <v>0</v>
      </c>
      <c r="K30868" s="2">
        <v>1</v>
      </c>
      <c r="L30868" t="s">
        <v>995</v>
      </c>
      <c r="M30868" t="s">
        <v>89</v>
      </c>
      <c r="N30868" t="s">
        <v>90</v>
      </c>
      <c r="O30868" t="s">
        <v>85</v>
      </c>
      <c r="P30868" t="s">
        <v>86</v>
      </c>
      <c r="Q30868">
        <v>62</v>
      </c>
      <c r="R30868">
        <v>63</v>
      </c>
      <c r="S30868">
        <v>65</v>
      </c>
      <c r="T30868">
        <v>67</v>
      </c>
      <c r="U30868">
        <v>68</v>
      </c>
      <c r="V30868">
        <v>69</v>
      </c>
      <c r="W30868">
        <v>71</v>
      </c>
      <c r="X30868">
        <v>72</v>
      </c>
      <c r="Y30868">
        <v>74</v>
      </c>
      <c r="Z30868">
        <v>75</v>
      </c>
      <c r="AA30868">
        <v>76</v>
      </c>
      <c r="AB30868">
        <v>77</v>
      </c>
      <c r="AC30868">
        <v>79</v>
      </c>
      <c r="AD30868">
        <v>80</v>
      </c>
      <c r="AE30868">
        <v>81</v>
      </c>
      <c r="AF30868">
        <v>81</v>
      </c>
      <c r="AG30868">
        <v>81</v>
      </c>
      <c r="AH30868">
        <v>82</v>
      </c>
      <c r="AI30868">
        <v>82</v>
      </c>
      <c r="AJ30868">
        <v>82</v>
      </c>
      <c r="AK30868">
        <v>82</v>
      </c>
      <c r="AL30868">
        <v>83</v>
      </c>
      <c r="AM30868">
        <v>83</v>
      </c>
      <c r="AN30868">
        <v>83</v>
      </c>
      <c r="AO30868">
        <v>83</v>
      </c>
      <c r="AP30868">
        <v>84</v>
      </c>
      <c r="AQ30868">
        <v>84</v>
      </c>
    </row>
    <row r="30869" spans="1:43">
      <c r="A30869" t="s">
        <v>19129</v>
      </c>
      <c r="B30869" t="s">
        <v>19130</v>
      </c>
      <c r="C30869" t="s">
        <v>19007</v>
      </c>
      <c r="D30869" t="s">
        <v>19008</v>
      </c>
      <c r="E30869" t="s">
        <v>18995</v>
      </c>
      <c r="F30869" t="s">
        <v>18996</v>
      </c>
      <c r="G30869" t="s">
        <v>10734</v>
      </c>
      <c r="H30869" t="s">
        <v>10735</v>
      </c>
      <c r="I30869" s="2">
        <v>0</v>
      </c>
      <c r="J30869" s="2">
        <v>0</v>
      </c>
      <c r="K30869" s="2">
        <v>1</v>
      </c>
      <c r="L30869" t="s">
        <v>995</v>
      </c>
      <c r="M30869" t="s">
        <v>83</v>
      </c>
      <c r="N30869" t="s">
        <v>91</v>
      </c>
      <c r="O30869" t="s">
        <v>85</v>
      </c>
      <c r="P30869" t="s">
        <v>86</v>
      </c>
      <c r="Q30869">
        <v>62</v>
      </c>
      <c r="R30869">
        <v>63</v>
      </c>
      <c r="S30869">
        <v>64</v>
      </c>
      <c r="T30869">
        <v>65</v>
      </c>
      <c r="U30869">
        <v>66</v>
      </c>
      <c r="V30869">
        <v>67</v>
      </c>
      <c r="W30869">
        <v>68</v>
      </c>
      <c r="X30869">
        <v>69</v>
      </c>
      <c r="Y30869">
        <v>70</v>
      </c>
      <c r="Z30869">
        <v>71</v>
      </c>
      <c r="AA30869">
        <v>73</v>
      </c>
      <c r="AB30869">
        <v>74</v>
      </c>
      <c r="AC30869">
        <v>74</v>
      </c>
      <c r="AD30869">
        <v>75</v>
      </c>
      <c r="AE30869">
        <v>76</v>
      </c>
      <c r="AF30869">
        <v>77</v>
      </c>
      <c r="AG30869">
        <v>78</v>
      </c>
      <c r="AH30869">
        <v>79</v>
      </c>
      <c r="AI30869">
        <v>80</v>
      </c>
      <c r="AJ30869">
        <v>81</v>
      </c>
      <c r="AK30869">
        <v>82</v>
      </c>
      <c r="AL30869">
        <v>83</v>
      </c>
      <c r="AM30869">
        <v>83</v>
      </c>
      <c r="AN30869">
        <v>84</v>
      </c>
      <c r="AO30869">
        <v>84</v>
      </c>
      <c r="AP30869">
        <v>84</v>
      </c>
      <c r="AQ30869">
        <v>85</v>
      </c>
    </row>
    <row r="30870" spans="1:43">
      <c r="A30870" t="s">
        <v>19131</v>
      </c>
      <c r="B30870" t="s">
        <v>19132</v>
      </c>
      <c r="C30870" t="s">
        <v>19007</v>
      </c>
      <c r="D30870" t="s">
        <v>19008</v>
      </c>
      <c r="E30870" t="s">
        <v>18995</v>
      </c>
      <c r="F30870" t="s">
        <v>18996</v>
      </c>
      <c r="G30870" t="s">
        <v>10734</v>
      </c>
      <c r="H30870" t="s">
        <v>10735</v>
      </c>
      <c r="I30870" s="2">
        <v>0</v>
      </c>
      <c r="J30870" s="2">
        <v>0</v>
      </c>
      <c r="K30870" s="2">
        <v>1</v>
      </c>
      <c r="L30870" t="s">
        <v>995</v>
      </c>
      <c r="M30870" t="s">
        <v>83</v>
      </c>
      <c r="N30870" t="s">
        <v>84</v>
      </c>
      <c r="O30870" t="s">
        <v>85</v>
      </c>
      <c r="P30870" t="s">
        <v>86</v>
      </c>
      <c r="Q30870">
        <v>23</v>
      </c>
      <c r="R30870">
        <v>23</v>
      </c>
      <c r="S30870">
        <v>24</v>
      </c>
      <c r="T30870">
        <v>24</v>
      </c>
      <c r="U30870">
        <v>25</v>
      </c>
      <c r="V30870">
        <v>25</v>
      </c>
      <c r="W30870">
        <v>25</v>
      </c>
      <c r="X30870">
        <v>26</v>
      </c>
      <c r="Y30870">
        <v>26</v>
      </c>
      <c r="Z30870">
        <v>26</v>
      </c>
      <c r="AA30870">
        <v>27</v>
      </c>
      <c r="AB30870">
        <v>27</v>
      </c>
      <c r="AC30870">
        <v>28</v>
      </c>
      <c r="AD30870">
        <v>28</v>
      </c>
      <c r="AE30870">
        <v>28</v>
      </c>
      <c r="AF30870">
        <v>29</v>
      </c>
      <c r="AG30870">
        <v>29</v>
      </c>
      <c r="AH30870">
        <v>29</v>
      </c>
      <c r="AI30870">
        <v>30</v>
      </c>
      <c r="AJ30870">
        <v>30</v>
      </c>
      <c r="AK30870">
        <v>31</v>
      </c>
      <c r="AL30870">
        <v>31</v>
      </c>
      <c r="AM30870">
        <v>31</v>
      </c>
      <c r="AN30870">
        <v>31</v>
      </c>
      <c r="AO30870">
        <v>31</v>
      </c>
      <c r="AP30870">
        <v>31</v>
      </c>
      <c r="AQ30870">
        <v>31</v>
      </c>
    </row>
    <row r="30871" spans="1:43">
      <c r="A30871" t="s">
        <v>19131</v>
      </c>
      <c r="B30871" t="s">
        <v>19132</v>
      </c>
      <c r="C30871" t="s">
        <v>19007</v>
      </c>
      <c r="D30871" t="s">
        <v>19008</v>
      </c>
      <c r="E30871" t="s">
        <v>18995</v>
      </c>
      <c r="F30871" t="s">
        <v>18996</v>
      </c>
      <c r="G30871" t="s">
        <v>10734</v>
      </c>
      <c r="H30871" t="s">
        <v>10735</v>
      </c>
      <c r="I30871" s="2">
        <v>0</v>
      </c>
      <c r="J30871" s="2">
        <v>0</v>
      </c>
      <c r="K30871" s="2">
        <v>1</v>
      </c>
      <c r="L30871" t="s">
        <v>995</v>
      </c>
      <c r="M30871" t="s">
        <v>87</v>
      </c>
      <c r="N30871" t="s">
        <v>88</v>
      </c>
      <c r="O30871" t="s">
        <v>85</v>
      </c>
      <c r="P30871" t="s">
        <v>86</v>
      </c>
      <c r="Q30871">
        <v>23</v>
      </c>
      <c r="R30871">
        <v>23</v>
      </c>
      <c r="S30871">
        <v>23</v>
      </c>
      <c r="T30871">
        <v>23</v>
      </c>
      <c r="U30871">
        <v>23</v>
      </c>
      <c r="V30871">
        <v>24</v>
      </c>
      <c r="W30871">
        <v>24</v>
      </c>
      <c r="X30871">
        <v>24</v>
      </c>
      <c r="Y30871">
        <v>24</v>
      </c>
      <c r="Z30871">
        <v>24</v>
      </c>
      <c r="AA30871">
        <v>24</v>
      </c>
      <c r="AB30871">
        <v>25</v>
      </c>
      <c r="AC30871">
        <v>25</v>
      </c>
      <c r="AD30871">
        <v>25</v>
      </c>
      <c r="AE30871">
        <v>25</v>
      </c>
      <c r="AF30871">
        <v>25</v>
      </c>
      <c r="AG30871">
        <v>25</v>
      </c>
      <c r="AH30871">
        <v>26</v>
      </c>
      <c r="AI30871">
        <v>26</v>
      </c>
      <c r="AJ30871">
        <v>26</v>
      </c>
      <c r="AK30871">
        <v>26</v>
      </c>
      <c r="AL30871">
        <v>26</v>
      </c>
      <c r="AM30871">
        <v>27</v>
      </c>
      <c r="AN30871">
        <v>27</v>
      </c>
      <c r="AO30871">
        <v>27</v>
      </c>
      <c r="AP30871">
        <v>27</v>
      </c>
      <c r="AQ30871">
        <v>27</v>
      </c>
    </row>
    <row r="30872" spans="1:43">
      <c r="A30872" t="s">
        <v>19131</v>
      </c>
      <c r="B30872" t="s">
        <v>19132</v>
      </c>
      <c r="C30872" t="s">
        <v>19007</v>
      </c>
      <c r="D30872" t="s">
        <v>19008</v>
      </c>
      <c r="E30872" t="s">
        <v>18995</v>
      </c>
      <c r="F30872" t="s">
        <v>18996</v>
      </c>
      <c r="G30872" t="s">
        <v>10734</v>
      </c>
      <c r="H30872" t="s">
        <v>10735</v>
      </c>
      <c r="I30872" s="2">
        <v>0</v>
      </c>
      <c r="J30872" s="2">
        <v>0</v>
      </c>
      <c r="K30872" s="2">
        <v>1</v>
      </c>
      <c r="L30872" t="s">
        <v>995</v>
      </c>
      <c r="M30872" t="s">
        <v>89</v>
      </c>
      <c r="N30872" t="s">
        <v>90</v>
      </c>
      <c r="O30872" t="s">
        <v>85</v>
      </c>
      <c r="P30872" t="s">
        <v>86</v>
      </c>
      <c r="Q30872">
        <v>23</v>
      </c>
      <c r="R30872">
        <v>24</v>
      </c>
      <c r="S30872">
        <v>24</v>
      </c>
      <c r="T30872">
        <v>25</v>
      </c>
      <c r="U30872">
        <v>26</v>
      </c>
      <c r="V30872">
        <v>26</v>
      </c>
      <c r="W30872">
        <v>27</v>
      </c>
      <c r="X30872">
        <v>27</v>
      </c>
      <c r="Y30872">
        <v>28</v>
      </c>
      <c r="Z30872">
        <v>28</v>
      </c>
      <c r="AA30872">
        <v>28</v>
      </c>
      <c r="AB30872">
        <v>29</v>
      </c>
      <c r="AC30872">
        <v>29</v>
      </c>
      <c r="AD30872">
        <v>30</v>
      </c>
      <c r="AE30872">
        <v>30</v>
      </c>
      <c r="AF30872">
        <v>30</v>
      </c>
      <c r="AG30872">
        <v>30</v>
      </c>
      <c r="AH30872">
        <v>31</v>
      </c>
      <c r="AI30872">
        <v>31</v>
      </c>
      <c r="AJ30872">
        <v>31</v>
      </c>
      <c r="AK30872">
        <v>31</v>
      </c>
      <c r="AL30872">
        <v>31</v>
      </c>
      <c r="AM30872">
        <v>31</v>
      </c>
      <c r="AN30872">
        <v>31</v>
      </c>
      <c r="AO30872">
        <v>31</v>
      </c>
      <c r="AP30872">
        <v>31</v>
      </c>
      <c r="AQ30872">
        <v>31</v>
      </c>
    </row>
    <row r="30873" spans="1:43">
      <c r="A30873" t="s">
        <v>19131</v>
      </c>
      <c r="B30873" t="s">
        <v>19132</v>
      </c>
      <c r="C30873" t="s">
        <v>19007</v>
      </c>
      <c r="D30873" t="s">
        <v>19008</v>
      </c>
      <c r="E30873" t="s">
        <v>18995</v>
      </c>
      <c r="F30873" t="s">
        <v>18996</v>
      </c>
      <c r="G30873" t="s">
        <v>10734</v>
      </c>
      <c r="H30873" t="s">
        <v>10735</v>
      </c>
      <c r="I30873" s="2">
        <v>0</v>
      </c>
      <c r="J30873" s="2">
        <v>0</v>
      </c>
      <c r="K30873" s="2">
        <v>1</v>
      </c>
      <c r="L30873" t="s">
        <v>995</v>
      </c>
      <c r="M30873" t="s">
        <v>83</v>
      </c>
      <c r="N30873" t="s">
        <v>91</v>
      </c>
      <c r="O30873" t="s">
        <v>85</v>
      </c>
      <c r="P30873" t="s">
        <v>86</v>
      </c>
      <c r="Q30873">
        <v>23</v>
      </c>
      <c r="R30873">
        <v>23</v>
      </c>
      <c r="S30873">
        <v>24</v>
      </c>
      <c r="T30873">
        <v>24</v>
      </c>
      <c r="U30873">
        <v>25</v>
      </c>
      <c r="V30873">
        <v>25</v>
      </c>
      <c r="W30873">
        <v>25</v>
      </c>
      <c r="X30873">
        <v>26</v>
      </c>
      <c r="Y30873">
        <v>26</v>
      </c>
      <c r="Z30873">
        <v>26</v>
      </c>
      <c r="AA30873">
        <v>27</v>
      </c>
      <c r="AB30873">
        <v>27</v>
      </c>
      <c r="AC30873">
        <v>28</v>
      </c>
      <c r="AD30873">
        <v>28</v>
      </c>
      <c r="AE30873">
        <v>28</v>
      </c>
      <c r="AF30873">
        <v>29</v>
      </c>
      <c r="AG30873">
        <v>29</v>
      </c>
      <c r="AH30873">
        <v>29</v>
      </c>
      <c r="AI30873">
        <v>30</v>
      </c>
      <c r="AJ30873">
        <v>30</v>
      </c>
      <c r="AK30873">
        <v>31</v>
      </c>
      <c r="AL30873">
        <v>31</v>
      </c>
      <c r="AM30873">
        <v>31</v>
      </c>
      <c r="AN30873">
        <v>31</v>
      </c>
      <c r="AO30873">
        <v>31</v>
      </c>
      <c r="AP30873">
        <v>31</v>
      </c>
      <c r="AQ30873">
        <v>31</v>
      </c>
    </row>
    <row r="30874" spans="1:43">
      <c r="A30874" t="s">
        <v>19133</v>
      </c>
      <c r="B30874" t="s">
        <v>19134</v>
      </c>
      <c r="C30874" t="s">
        <v>19059</v>
      </c>
      <c r="D30874" t="s">
        <v>19060</v>
      </c>
      <c r="E30874" t="s">
        <v>18995</v>
      </c>
      <c r="F30874" t="s">
        <v>18996</v>
      </c>
      <c r="G30874" t="s">
        <v>10734</v>
      </c>
      <c r="H30874" t="s">
        <v>10735</v>
      </c>
      <c r="I30874" s="2">
        <v>0</v>
      </c>
      <c r="J30874" s="2">
        <v>0</v>
      </c>
      <c r="K30874" s="2">
        <v>1</v>
      </c>
      <c r="L30874" t="s">
        <v>995</v>
      </c>
      <c r="M30874" t="s">
        <v>83</v>
      </c>
      <c r="N30874" t="s">
        <v>84</v>
      </c>
      <c r="O30874" t="s">
        <v>85</v>
      </c>
      <c r="P30874" t="s">
        <v>86</v>
      </c>
      <c r="Q30874">
        <v>89</v>
      </c>
      <c r="R30874">
        <v>90</v>
      </c>
      <c r="S30874">
        <v>92</v>
      </c>
      <c r="T30874">
        <v>93</v>
      </c>
      <c r="U30874">
        <v>95</v>
      </c>
      <c r="V30874">
        <v>96</v>
      </c>
      <c r="W30874">
        <v>97</v>
      </c>
      <c r="X30874">
        <v>99</v>
      </c>
      <c r="Y30874">
        <v>100</v>
      </c>
      <c r="Z30874">
        <v>102</v>
      </c>
      <c r="AA30874">
        <v>103</v>
      </c>
      <c r="AB30874">
        <v>104</v>
      </c>
      <c r="AC30874">
        <v>106</v>
      </c>
      <c r="AD30874">
        <v>107</v>
      </c>
      <c r="AE30874">
        <v>109</v>
      </c>
      <c r="AF30874">
        <v>110</v>
      </c>
      <c r="AG30874">
        <v>112</v>
      </c>
      <c r="AH30874">
        <v>113</v>
      </c>
      <c r="AI30874">
        <v>114</v>
      </c>
      <c r="AJ30874">
        <v>116</v>
      </c>
      <c r="AK30874">
        <v>117</v>
      </c>
      <c r="AL30874">
        <v>118</v>
      </c>
      <c r="AM30874">
        <v>118</v>
      </c>
      <c r="AN30874">
        <v>119</v>
      </c>
      <c r="AO30874">
        <v>119</v>
      </c>
      <c r="AP30874">
        <v>120</v>
      </c>
      <c r="AQ30874">
        <v>120</v>
      </c>
    </row>
    <row r="30875" spans="1:43">
      <c r="A30875" t="s">
        <v>19133</v>
      </c>
      <c r="B30875" t="s">
        <v>19134</v>
      </c>
      <c r="C30875" t="s">
        <v>19059</v>
      </c>
      <c r="D30875" t="s">
        <v>19060</v>
      </c>
      <c r="E30875" t="s">
        <v>18995</v>
      </c>
      <c r="F30875" t="s">
        <v>18996</v>
      </c>
      <c r="G30875" t="s">
        <v>10734</v>
      </c>
      <c r="H30875" t="s">
        <v>10735</v>
      </c>
      <c r="I30875" s="2">
        <v>0</v>
      </c>
      <c r="J30875" s="2">
        <v>0</v>
      </c>
      <c r="K30875" s="2">
        <v>1</v>
      </c>
      <c r="L30875" t="s">
        <v>995</v>
      </c>
      <c r="M30875" t="s">
        <v>87</v>
      </c>
      <c r="N30875" t="s">
        <v>88</v>
      </c>
      <c r="O30875" t="s">
        <v>85</v>
      </c>
      <c r="P30875" t="s">
        <v>86</v>
      </c>
      <c r="Q30875">
        <v>89</v>
      </c>
      <c r="R30875">
        <v>90</v>
      </c>
      <c r="S30875">
        <v>90</v>
      </c>
      <c r="T30875">
        <v>91</v>
      </c>
      <c r="U30875">
        <v>91</v>
      </c>
      <c r="V30875">
        <v>92</v>
      </c>
      <c r="W30875">
        <v>93</v>
      </c>
      <c r="X30875">
        <v>93</v>
      </c>
      <c r="Y30875">
        <v>94</v>
      </c>
      <c r="Z30875">
        <v>94</v>
      </c>
      <c r="AA30875">
        <v>95</v>
      </c>
      <c r="AB30875">
        <v>95</v>
      </c>
      <c r="AC30875">
        <v>96</v>
      </c>
      <c r="AD30875">
        <v>97</v>
      </c>
      <c r="AE30875">
        <v>97</v>
      </c>
      <c r="AF30875">
        <v>98</v>
      </c>
      <c r="AG30875">
        <v>98</v>
      </c>
      <c r="AH30875">
        <v>99</v>
      </c>
      <c r="AI30875">
        <v>100</v>
      </c>
      <c r="AJ30875">
        <v>100</v>
      </c>
      <c r="AK30875">
        <v>101</v>
      </c>
      <c r="AL30875">
        <v>102</v>
      </c>
      <c r="AM30875">
        <v>102</v>
      </c>
      <c r="AN30875">
        <v>103</v>
      </c>
      <c r="AO30875">
        <v>104</v>
      </c>
      <c r="AP30875">
        <v>104</v>
      </c>
      <c r="AQ30875">
        <v>105</v>
      </c>
    </row>
    <row r="30876" spans="1:43">
      <c r="A30876" t="s">
        <v>19133</v>
      </c>
      <c r="B30876" t="s">
        <v>19134</v>
      </c>
      <c r="C30876" t="s">
        <v>19059</v>
      </c>
      <c r="D30876" t="s">
        <v>19060</v>
      </c>
      <c r="E30876" t="s">
        <v>18995</v>
      </c>
      <c r="F30876" t="s">
        <v>18996</v>
      </c>
      <c r="G30876" t="s">
        <v>10734</v>
      </c>
      <c r="H30876" t="s">
        <v>10735</v>
      </c>
      <c r="I30876" s="2">
        <v>0</v>
      </c>
      <c r="J30876" s="2">
        <v>0</v>
      </c>
      <c r="K30876" s="2">
        <v>1</v>
      </c>
      <c r="L30876" t="s">
        <v>995</v>
      </c>
      <c r="M30876" t="s">
        <v>89</v>
      </c>
      <c r="N30876" t="s">
        <v>90</v>
      </c>
      <c r="O30876" t="s">
        <v>85</v>
      </c>
      <c r="P30876" t="s">
        <v>86</v>
      </c>
      <c r="Q30876">
        <v>89</v>
      </c>
      <c r="R30876">
        <v>91</v>
      </c>
      <c r="S30876">
        <v>93</v>
      </c>
      <c r="T30876">
        <v>95</v>
      </c>
      <c r="U30876">
        <v>97</v>
      </c>
      <c r="V30876">
        <v>99</v>
      </c>
      <c r="W30876">
        <v>101</v>
      </c>
      <c r="X30876">
        <v>103</v>
      </c>
      <c r="Y30876">
        <v>105</v>
      </c>
      <c r="Z30876">
        <v>107</v>
      </c>
      <c r="AA30876">
        <v>109</v>
      </c>
      <c r="AB30876">
        <v>111</v>
      </c>
      <c r="AC30876">
        <v>113</v>
      </c>
      <c r="AD30876">
        <v>114</v>
      </c>
      <c r="AE30876">
        <v>116</v>
      </c>
      <c r="AF30876">
        <v>116</v>
      </c>
      <c r="AG30876">
        <v>116</v>
      </c>
      <c r="AH30876">
        <v>117</v>
      </c>
      <c r="AI30876">
        <v>117</v>
      </c>
      <c r="AJ30876">
        <v>117</v>
      </c>
      <c r="AK30876">
        <v>118</v>
      </c>
      <c r="AL30876">
        <v>118</v>
      </c>
      <c r="AM30876">
        <v>119</v>
      </c>
      <c r="AN30876">
        <v>119</v>
      </c>
      <c r="AO30876">
        <v>119</v>
      </c>
      <c r="AP30876">
        <v>120</v>
      </c>
      <c r="AQ30876">
        <v>120</v>
      </c>
    </row>
    <row r="30877" spans="1:43">
      <c r="A30877" t="s">
        <v>19133</v>
      </c>
      <c r="B30877" t="s">
        <v>19134</v>
      </c>
      <c r="C30877" t="s">
        <v>19059</v>
      </c>
      <c r="D30877" t="s">
        <v>19060</v>
      </c>
      <c r="E30877" t="s">
        <v>18995</v>
      </c>
      <c r="F30877" t="s">
        <v>18996</v>
      </c>
      <c r="G30877" t="s">
        <v>10734</v>
      </c>
      <c r="H30877" t="s">
        <v>10735</v>
      </c>
      <c r="I30877" s="2">
        <v>0</v>
      </c>
      <c r="J30877" s="2">
        <v>0</v>
      </c>
      <c r="K30877" s="2">
        <v>1</v>
      </c>
      <c r="L30877" t="s">
        <v>995</v>
      </c>
      <c r="M30877" t="s">
        <v>83</v>
      </c>
      <c r="N30877" t="s">
        <v>91</v>
      </c>
      <c r="O30877" t="s">
        <v>85</v>
      </c>
      <c r="P30877" t="s">
        <v>86</v>
      </c>
      <c r="Q30877">
        <v>89</v>
      </c>
      <c r="R30877">
        <v>90</v>
      </c>
      <c r="S30877">
        <v>92</v>
      </c>
      <c r="T30877">
        <v>93</v>
      </c>
      <c r="U30877">
        <v>95</v>
      </c>
      <c r="V30877">
        <v>96</v>
      </c>
      <c r="W30877">
        <v>97</v>
      </c>
      <c r="X30877">
        <v>99</v>
      </c>
      <c r="Y30877">
        <v>100</v>
      </c>
      <c r="Z30877">
        <v>102</v>
      </c>
      <c r="AA30877">
        <v>103</v>
      </c>
      <c r="AB30877">
        <v>104</v>
      </c>
      <c r="AC30877">
        <v>106</v>
      </c>
      <c r="AD30877">
        <v>107</v>
      </c>
      <c r="AE30877">
        <v>109</v>
      </c>
      <c r="AF30877">
        <v>110</v>
      </c>
      <c r="AG30877">
        <v>112</v>
      </c>
      <c r="AH30877">
        <v>113</v>
      </c>
      <c r="AI30877">
        <v>114</v>
      </c>
      <c r="AJ30877">
        <v>116</v>
      </c>
      <c r="AK30877">
        <v>117</v>
      </c>
      <c r="AL30877">
        <v>118</v>
      </c>
      <c r="AM30877">
        <v>118</v>
      </c>
      <c r="AN30877">
        <v>119</v>
      </c>
      <c r="AO30877">
        <v>119</v>
      </c>
      <c r="AP30877">
        <v>120</v>
      </c>
      <c r="AQ30877">
        <v>120</v>
      </c>
    </row>
    <row r="30878" spans="1:43">
      <c r="A30878" t="s">
        <v>19135</v>
      </c>
      <c r="B30878" t="s">
        <v>19136</v>
      </c>
      <c r="C30878" t="s">
        <v>19059</v>
      </c>
      <c r="D30878" t="s">
        <v>19060</v>
      </c>
      <c r="E30878" t="s">
        <v>18995</v>
      </c>
      <c r="F30878" t="s">
        <v>18996</v>
      </c>
      <c r="G30878" t="s">
        <v>10734</v>
      </c>
      <c r="H30878" t="s">
        <v>10735</v>
      </c>
      <c r="I30878" s="2">
        <v>0</v>
      </c>
      <c r="J30878" s="2">
        <v>0</v>
      </c>
      <c r="K30878" s="2">
        <v>1</v>
      </c>
      <c r="L30878" t="s">
        <v>995</v>
      </c>
      <c r="M30878" t="s">
        <v>83</v>
      </c>
      <c r="N30878" t="s">
        <v>84</v>
      </c>
      <c r="O30878" t="s">
        <v>85</v>
      </c>
      <c r="P30878" t="s">
        <v>86</v>
      </c>
      <c r="Q30878">
        <v>54</v>
      </c>
      <c r="R30878">
        <v>55</v>
      </c>
      <c r="S30878">
        <v>56</v>
      </c>
      <c r="T30878">
        <v>57</v>
      </c>
      <c r="U30878">
        <v>58</v>
      </c>
      <c r="V30878">
        <v>59</v>
      </c>
      <c r="W30878">
        <v>59</v>
      </c>
      <c r="X30878">
        <v>60</v>
      </c>
      <c r="Y30878">
        <v>61</v>
      </c>
      <c r="Z30878">
        <v>62</v>
      </c>
      <c r="AA30878">
        <v>63</v>
      </c>
      <c r="AB30878">
        <v>64</v>
      </c>
      <c r="AC30878">
        <v>64</v>
      </c>
      <c r="AD30878">
        <v>65</v>
      </c>
      <c r="AE30878">
        <v>66</v>
      </c>
      <c r="AF30878">
        <v>67</v>
      </c>
      <c r="AG30878">
        <v>68</v>
      </c>
      <c r="AH30878">
        <v>69</v>
      </c>
      <c r="AI30878">
        <v>70</v>
      </c>
      <c r="AJ30878">
        <v>71</v>
      </c>
      <c r="AK30878">
        <v>71</v>
      </c>
      <c r="AL30878">
        <v>72</v>
      </c>
      <c r="AM30878">
        <v>72</v>
      </c>
      <c r="AN30878">
        <v>72</v>
      </c>
      <c r="AO30878">
        <v>73</v>
      </c>
      <c r="AP30878">
        <v>73</v>
      </c>
      <c r="AQ30878">
        <v>73</v>
      </c>
    </row>
    <row r="30879" spans="1:43">
      <c r="A30879" t="s">
        <v>19135</v>
      </c>
      <c r="B30879" t="s">
        <v>19136</v>
      </c>
      <c r="C30879" t="s">
        <v>19059</v>
      </c>
      <c r="D30879" t="s">
        <v>19060</v>
      </c>
      <c r="E30879" t="s">
        <v>18995</v>
      </c>
      <c r="F30879" t="s">
        <v>18996</v>
      </c>
      <c r="G30879" t="s">
        <v>10734</v>
      </c>
      <c r="H30879" t="s">
        <v>10735</v>
      </c>
      <c r="I30879" s="2">
        <v>0</v>
      </c>
      <c r="J30879" s="2">
        <v>0</v>
      </c>
      <c r="K30879" s="2">
        <v>1</v>
      </c>
      <c r="L30879" t="s">
        <v>995</v>
      </c>
      <c r="M30879" t="s">
        <v>87</v>
      </c>
      <c r="N30879" t="s">
        <v>88</v>
      </c>
      <c r="O30879" t="s">
        <v>85</v>
      </c>
      <c r="P30879" t="s">
        <v>86</v>
      </c>
      <c r="Q30879">
        <v>54</v>
      </c>
      <c r="R30879">
        <v>54</v>
      </c>
      <c r="S30879">
        <v>54</v>
      </c>
      <c r="T30879">
        <v>55</v>
      </c>
      <c r="U30879">
        <v>55</v>
      </c>
      <c r="V30879">
        <v>55</v>
      </c>
      <c r="W30879">
        <v>56</v>
      </c>
      <c r="X30879">
        <v>56</v>
      </c>
      <c r="Y30879">
        <v>56</v>
      </c>
      <c r="Z30879">
        <v>57</v>
      </c>
      <c r="AA30879">
        <v>57</v>
      </c>
      <c r="AB30879">
        <v>57</v>
      </c>
      <c r="AC30879">
        <v>58</v>
      </c>
      <c r="AD30879">
        <v>58</v>
      </c>
      <c r="AE30879">
        <v>59</v>
      </c>
      <c r="AF30879">
        <v>59</v>
      </c>
      <c r="AG30879">
        <v>59</v>
      </c>
      <c r="AH30879">
        <v>60</v>
      </c>
      <c r="AI30879">
        <v>60</v>
      </c>
      <c r="AJ30879">
        <v>60</v>
      </c>
      <c r="AK30879">
        <v>61</v>
      </c>
      <c r="AL30879">
        <v>61</v>
      </c>
      <c r="AM30879">
        <v>62</v>
      </c>
      <c r="AN30879">
        <v>62</v>
      </c>
      <c r="AO30879">
        <v>62</v>
      </c>
      <c r="AP30879">
        <v>63</v>
      </c>
      <c r="AQ30879">
        <v>63</v>
      </c>
    </row>
    <row r="30880" spans="1:43">
      <c r="A30880" t="s">
        <v>19135</v>
      </c>
      <c r="B30880" t="s">
        <v>19136</v>
      </c>
      <c r="C30880" t="s">
        <v>19059</v>
      </c>
      <c r="D30880" t="s">
        <v>19060</v>
      </c>
      <c r="E30880" t="s">
        <v>18995</v>
      </c>
      <c r="F30880" t="s">
        <v>18996</v>
      </c>
      <c r="G30880" t="s">
        <v>10734</v>
      </c>
      <c r="H30880" t="s">
        <v>10735</v>
      </c>
      <c r="I30880" s="2">
        <v>0</v>
      </c>
      <c r="J30880" s="2">
        <v>0</v>
      </c>
      <c r="K30880" s="2">
        <v>1</v>
      </c>
      <c r="L30880" t="s">
        <v>995</v>
      </c>
      <c r="M30880" t="s">
        <v>89</v>
      </c>
      <c r="N30880" t="s">
        <v>90</v>
      </c>
      <c r="O30880" t="s">
        <v>85</v>
      </c>
      <c r="P30880" t="s">
        <v>86</v>
      </c>
      <c r="Q30880">
        <v>54</v>
      </c>
      <c r="R30880">
        <v>55</v>
      </c>
      <c r="S30880">
        <v>56</v>
      </c>
      <c r="T30880">
        <v>58</v>
      </c>
      <c r="U30880">
        <v>59</v>
      </c>
      <c r="V30880">
        <v>60</v>
      </c>
      <c r="W30880">
        <v>61</v>
      </c>
      <c r="X30880">
        <v>63</v>
      </c>
      <c r="Y30880">
        <v>64</v>
      </c>
      <c r="Z30880">
        <v>65</v>
      </c>
      <c r="AA30880">
        <v>66</v>
      </c>
      <c r="AB30880">
        <v>67</v>
      </c>
      <c r="AC30880">
        <v>68</v>
      </c>
      <c r="AD30880">
        <v>69</v>
      </c>
      <c r="AE30880">
        <v>70</v>
      </c>
      <c r="AF30880">
        <v>70</v>
      </c>
      <c r="AG30880">
        <v>70</v>
      </c>
      <c r="AH30880">
        <v>71</v>
      </c>
      <c r="AI30880">
        <v>71</v>
      </c>
      <c r="AJ30880">
        <v>71</v>
      </c>
      <c r="AK30880">
        <v>71</v>
      </c>
      <c r="AL30880">
        <v>72</v>
      </c>
      <c r="AM30880">
        <v>72</v>
      </c>
      <c r="AN30880">
        <v>72</v>
      </c>
      <c r="AO30880">
        <v>72</v>
      </c>
      <c r="AP30880">
        <v>72</v>
      </c>
      <c r="AQ30880">
        <v>73</v>
      </c>
    </row>
    <row r="30881" spans="1:43">
      <c r="A30881" t="s">
        <v>19135</v>
      </c>
      <c r="B30881" t="s">
        <v>19136</v>
      </c>
      <c r="C30881" t="s">
        <v>19059</v>
      </c>
      <c r="D30881" t="s">
        <v>19060</v>
      </c>
      <c r="E30881" t="s">
        <v>18995</v>
      </c>
      <c r="F30881" t="s">
        <v>18996</v>
      </c>
      <c r="G30881" t="s">
        <v>10734</v>
      </c>
      <c r="H30881" t="s">
        <v>10735</v>
      </c>
      <c r="I30881" s="2">
        <v>0</v>
      </c>
      <c r="J30881" s="2">
        <v>0</v>
      </c>
      <c r="K30881" s="2">
        <v>1</v>
      </c>
      <c r="L30881" t="s">
        <v>995</v>
      </c>
      <c r="M30881" t="s">
        <v>83</v>
      </c>
      <c r="N30881" t="s">
        <v>91</v>
      </c>
      <c r="O30881" t="s">
        <v>85</v>
      </c>
      <c r="P30881" t="s">
        <v>86</v>
      </c>
      <c r="Q30881">
        <v>54</v>
      </c>
      <c r="R30881">
        <v>55</v>
      </c>
      <c r="S30881">
        <v>56</v>
      </c>
      <c r="T30881">
        <v>57</v>
      </c>
      <c r="U30881">
        <v>58</v>
      </c>
      <c r="V30881">
        <v>59</v>
      </c>
      <c r="W30881">
        <v>59</v>
      </c>
      <c r="X30881">
        <v>60</v>
      </c>
      <c r="Y30881">
        <v>61</v>
      </c>
      <c r="Z30881">
        <v>62</v>
      </c>
      <c r="AA30881">
        <v>63</v>
      </c>
      <c r="AB30881">
        <v>64</v>
      </c>
      <c r="AC30881">
        <v>64</v>
      </c>
      <c r="AD30881">
        <v>65</v>
      </c>
      <c r="AE30881">
        <v>66</v>
      </c>
      <c r="AF30881">
        <v>67</v>
      </c>
      <c r="AG30881">
        <v>68</v>
      </c>
      <c r="AH30881">
        <v>69</v>
      </c>
      <c r="AI30881">
        <v>70</v>
      </c>
      <c r="AJ30881">
        <v>71</v>
      </c>
      <c r="AK30881">
        <v>71</v>
      </c>
      <c r="AL30881">
        <v>72</v>
      </c>
      <c r="AM30881">
        <v>72</v>
      </c>
      <c r="AN30881">
        <v>72</v>
      </c>
      <c r="AO30881">
        <v>73</v>
      </c>
      <c r="AP30881">
        <v>73</v>
      </c>
      <c r="AQ30881">
        <v>73</v>
      </c>
    </row>
    <row r="30882" spans="1:43">
      <c r="A30882" t="s">
        <v>19137</v>
      </c>
      <c r="B30882" t="s">
        <v>19138</v>
      </c>
      <c r="C30882" t="s">
        <v>19059</v>
      </c>
      <c r="D30882" t="s">
        <v>19060</v>
      </c>
      <c r="E30882" t="s">
        <v>18995</v>
      </c>
      <c r="F30882" t="s">
        <v>18996</v>
      </c>
      <c r="G30882" t="s">
        <v>10734</v>
      </c>
      <c r="H30882" t="s">
        <v>10735</v>
      </c>
      <c r="I30882" s="2">
        <v>0</v>
      </c>
      <c r="J30882" s="2">
        <v>0</v>
      </c>
      <c r="K30882" s="2">
        <v>1</v>
      </c>
      <c r="L30882" t="s">
        <v>995</v>
      </c>
      <c r="M30882" t="s">
        <v>83</v>
      </c>
      <c r="N30882" t="s">
        <v>84</v>
      </c>
      <c r="O30882" t="s">
        <v>85</v>
      </c>
      <c r="P30882" t="s">
        <v>86</v>
      </c>
      <c r="Q30882">
        <v>14</v>
      </c>
      <c r="R30882">
        <v>14</v>
      </c>
      <c r="S30882">
        <v>14</v>
      </c>
      <c r="T30882">
        <v>15</v>
      </c>
      <c r="U30882">
        <v>15</v>
      </c>
      <c r="V30882">
        <v>15</v>
      </c>
      <c r="W30882">
        <v>15</v>
      </c>
      <c r="X30882">
        <v>15</v>
      </c>
      <c r="Y30882">
        <v>16</v>
      </c>
      <c r="Z30882">
        <v>16</v>
      </c>
      <c r="AA30882">
        <v>16</v>
      </c>
      <c r="AB30882">
        <v>16</v>
      </c>
      <c r="AC30882">
        <v>16</v>
      </c>
      <c r="AD30882">
        <v>17</v>
      </c>
      <c r="AE30882">
        <v>17</v>
      </c>
      <c r="AF30882">
        <v>17</v>
      </c>
      <c r="AG30882">
        <v>17</v>
      </c>
      <c r="AH30882">
        <v>17</v>
      </c>
      <c r="AI30882">
        <v>18</v>
      </c>
      <c r="AJ30882">
        <v>18</v>
      </c>
      <c r="AK30882">
        <v>18</v>
      </c>
      <c r="AL30882">
        <v>18</v>
      </c>
      <c r="AM30882">
        <v>18</v>
      </c>
      <c r="AN30882">
        <v>18</v>
      </c>
      <c r="AO30882">
        <v>18</v>
      </c>
      <c r="AP30882">
        <v>18</v>
      </c>
      <c r="AQ30882">
        <v>18</v>
      </c>
    </row>
    <row r="30883" spans="1:43">
      <c r="A30883" t="s">
        <v>19137</v>
      </c>
      <c r="B30883" t="s">
        <v>19138</v>
      </c>
      <c r="C30883" t="s">
        <v>19059</v>
      </c>
      <c r="D30883" t="s">
        <v>19060</v>
      </c>
      <c r="E30883" t="s">
        <v>18995</v>
      </c>
      <c r="F30883" t="s">
        <v>18996</v>
      </c>
      <c r="G30883" t="s">
        <v>10734</v>
      </c>
      <c r="H30883" t="s">
        <v>10735</v>
      </c>
      <c r="I30883" s="2">
        <v>0</v>
      </c>
      <c r="J30883" s="2">
        <v>0</v>
      </c>
      <c r="K30883" s="2">
        <v>1</v>
      </c>
      <c r="L30883" t="s">
        <v>995</v>
      </c>
      <c r="M30883" t="s">
        <v>87</v>
      </c>
      <c r="N30883" t="s">
        <v>88</v>
      </c>
      <c r="O30883" t="s">
        <v>85</v>
      </c>
      <c r="P30883" t="s">
        <v>86</v>
      </c>
      <c r="Q30883">
        <v>14</v>
      </c>
      <c r="R30883">
        <v>14</v>
      </c>
      <c r="S30883">
        <v>14</v>
      </c>
      <c r="T30883">
        <v>14</v>
      </c>
      <c r="U30883">
        <v>14</v>
      </c>
      <c r="V30883">
        <v>14</v>
      </c>
      <c r="W30883">
        <v>14</v>
      </c>
      <c r="X30883">
        <v>14</v>
      </c>
      <c r="Y30883">
        <v>14</v>
      </c>
      <c r="Z30883">
        <v>15</v>
      </c>
      <c r="AA30883">
        <v>15</v>
      </c>
      <c r="AB30883">
        <v>15</v>
      </c>
      <c r="AC30883">
        <v>15</v>
      </c>
      <c r="AD30883">
        <v>15</v>
      </c>
      <c r="AE30883">
        <v>15</v>
      </c>
      <c r="AF30883">
        <v>15</v>
      </c>
      <c r="AG30883">
        <v>15</v>
      </c>
      <c r="AH30883">
        <v>15</v>
      </c>
      <c r="AI30883">
        <v>15</v>
      </c>
      <c r="AJ30883">
        <v>15</v>
      </c>
      <c r="AK30883">
        <v>15</v>
      </c>
      <c r="AL30883">
        <v>15</v>
      </c>
      <c r="AM30883">
        <v>16</v>
      </c>
      <c r="AN30883">
        <v>16</v>
      </c>
      <c r="AO30883">
        <v>16</v>
      </c>
      <c r="AP30883">
        <v>16</v>
      </c>
      <c r="AQ30883">
        <v>16</v>
      </c>
    </row>
    <row r="30884" spans="1:43">
      <c r="A30884" t="s">
        <v>19137</v>
      </c>
      <c r="B30884" t="s">
        <v>19138</v>
      </c>
      <c r="C30884" t="s">
        <v>19059</v>
      </c>
      <c r="D30884" t="s">
        <v>19060</v>
      </c>
      <c r="E30884" t="s">
        <v>18995</v>
      </c>
      <c r="F30884" t="s">
        <v>18996</v>
      </c>
      <c r="G30884" t="s">
        <v>10734</v>
      </c>
      <c r="H30884" t="s">
        <v>10735</v>
      </c>
      <c r="I30884" s="2">
        <v>0</v>
      </c>
      <c r="J30884" s="2">
        <v>0</v>
      </c>
      <c r="K30884" s="2">
        <v>1</v>
      </c>
      <c r="L30884" t="s">
        <v>995</v>
      </c>
      <c r="M30884" t="s">
        <v>89</v>
      </c>
      <c r="N30884" t="s">
        <v>90</v>
      </c>
      <c r="O30884" t="s">
        <v>85</v>
      </c>
      <c r="P30884" t="s">
        <v>86</v>
      </c>
      <c r="Q30884">
        <v>14</v>
      </c>
      <c r="R30884">
        <v>14</v>
      </c>
      <c r="S30884">
        <v>15</v>
      </c>
      <c r="T30884">
        <v>15</v>
      </c>
      <c r="U30884">
        <v>15</v>
      </c>
      <c r="V30884">
        <v>16</v>
      </c>
      <c r="W30884">
        <v>16</v>
      </c>
      <c r="X30884">
        <v>16</v>
      </c>
      <c r="Y30884">
        <v>17</v>
      </c>
      <c r="Z30884">
        <v>17</v>
      </c>
      <c r="AA30884">
        <v>17</v>
      </c>
      <c r="AB30884">
        <v>17</v>
      </c>
      <c r="AC30884">
        <v>18</v>
      </c>
      <c r="AD30884">
        <v>18</v>
      </c>
      <c r="AE30884">
        <v>18</v>
      </c>
      <c r="AF30884">
        <v>18</v>
      </c>
      <c r="AG30884">
        <v>18</v>
      </c>
      <c r="AH30884">
        <v>18</v>
      </c>
      <c r="AI30884">
        <v>18</v>
      </c>
      <c r="AJ30884">
        <v>18</v>
      </c>
      <c r="AK30884">
        <v>18</v>
      </c>
      <c r="AL30884">
        <v>18</v>
      </c>
      <c r="AM30884">
        <v>18</v>
      </c>
      <c r="AN30884">
        <v>18</v>
      </c>
      <c r="AO30884">
        <v>18</v>
      </c>
      <c r="AP30884">
        <v>18</v>
      </c>
      <c r="AQ30884">
        <v>18</v>
      </c>
    </row>
    <row r="30885" spans="1:43">
      <c r="A30885" t="s">
        <v>19137</v>
      </c>
      <c r="B30885" t="s">
        <v>19138</v>
      </c>
      <c r="C30885" t="s">
        <v>19059</v>
      </c>
      <c r="D30885" t="s">
        <v>19060</v>
      </c>
      <c r="E30885" t="s">
        <v>18995</v>
      </c>
      <c r="F30885" t="s">
        <v>18996</v>
      </c>
      <c r="G30885" t="s">
        <v>10734</v>
      </c>
      <c r="H30885" t="s">
        <v>10735</v>
      </c>
      <c r="I30885" s="2">
        <v>0</v>
      </c>
      <c r="J30885" s="2">
        <v>0</v>
      </c>
      <c r="K30885" s="2">
        <v>1</v>
      </c>
      <c r="L30885" t="s">
        <v>995</v>
      </c>
      <c r="M30885" t="s">
        <v>83</v>
      </c>
      <c r="N30885" t="s">
        <v>91</v>
      </c>
      <c r="O30885" t="s">
        <v>85</v>
      </c>
      <c r="P30885" t="s">
        <v>86</v>
      </c>
      <c r="Q30885">
        <v>14</v>
      </c>
      <c r="R30885">
        <v>14</v>
      </c>
      <c r="S30885">
        <v>14</v>
      </c>
      <c r="T30885">
        <v>15</v>
      </c>
      <c r="U30885">
        <v>15</v>
      </c>
      <c r="V30885">
        <v>15</v>
      </c>
      <c r="W30885">
        <v>15</v>
      </c>
      <c r="X30885">
        <v>15</v>
      </c>
      <c r="Y30885">
        <v>16</v>
      </c>
      <c r="Z30885">
        <v>16</v>
      </c>
      <c r="AA30885">
        <v>16</v>
      </c>
      <c r="AB30885">
        <v>16</v>
      </c>
      <c r="AC30885">
        <v>16</v>
      </c>
      <c r="AD30885">
        <v>17</v>
      </c>
      <c r="AE30885">
        <v>17</v>
      </c>
      <c r="AF30885">
        <v>17</v>
      </c>
      <c r="AG30885">
        <v>17</v>
      </c>
      <c r="AH30885">
        <v>17</v>
      </c>
      <c r="AI30885">
        <v>18</v>
      </c>
      <c r="AJ30885">
        <v>18</v>
      </c>
      <c r="AK30885">
        <v>18</v>
      </c>
      <c r="AL30885">
        <v>18</v>
      </c>
      <c r="AM30885">
        <v>18</v>
      </c>
      <c r="AN30885">
        <v>18</v>
      </c>
      <c r="AO30885">
        <v>18</v>
      </c>
      <c r="AP30885">
        <v>18</v>
      </c>
      <c r="AQ30885">
        <v>18</v>
      </c>
    </row>
    <row r="30886" spans="1:43">
      <c r="A30886" t="s">
        <v>19139</v>
      </c>
      <c r="B30886" t="s">
        <v>19140</v>
      </c>
      <c r="C30886" t="s">
        <v>19075</v>
      </c>
      <c r="D30886" t="s">
        <v>19076</v>
      </c>
      <c r="E30886" t="s">
        <v>18995</v>
      </c>
      <c r="F30886" t="s">
        <v>18996</v>
      </c>
      <c r="G30886" t="s">
        <v>10734</v>
      </c>
      <c r="H30886" t="s">
        <v>10735</v>
      </c>
      <c r="I30886" s="2">
        <v>0</v>
      </c>
      <c r="J30886" s="2">
        <v>0</v>
      </c>
      <c r="K30886" s="2">
        <v>1</v>
      </c>
      <c r="L30886" t="s">
        <v>995</v>
      </c>
      <c r="M30886" t="s">
        <v>83</v>
      </c>
      <c r="N30886" t="s">
        <v>84</v>
      </c>
      <c r="O30886" t="s">
        <v>85</v>
      </c>
      <c r="P30886" t="s">
        <v>86</v>
      </c>
      <c r="Q30886">
        <v>20</v>
      </c>
      <c r="R30886">
        <v>20</v>
      </c>
      <c r="S30886">
        <v>21</v>
      </c>
      <c r="T30886">
        <v>21</v>
      </c>
      <c r="U30886">
        <v>21</v>
      </c>
      <c r="V30886">
        <v>22</v>
      </c>
      <c r="W30886">
        <v>22</v>
      </c>
      <c r="X30886">
        <v>22</v>
      </c>
      <c r="Y30886">
        <v>23</v>
      </c>
      <c r="Z30886">
        <v>23</v>
      </c>
      <c r="AA30886">
        <v>23</v>
      </c>
      <c r="AB30886">
        <v>23</v>
      </c>
      <c r="AC30886">
        <v>24</v>
      </c>
      <c r="AD30886">
        <v>24</v>
      </c>
      <c r="AE30886">
        <v>24</v>
      </c>
      <c r="AF30886">
        <v>25</v>
      </c>
      <c r="AG30886">
        <v>25</v>
      </c>
      <c r="AH30886">
        <v>25</v>
      </c>
      <c r="AI30886">
        <v>26</v>
      </c>
      <c r="AJ30886">
        <v>26</v>
      </c>
      <c r="AK30886">
        <v>26</v>
      </c>
      <c r="AL30886">
        <v>27</v>
      </c>
      <c r="AM30886">
        <v>27</v>
      </c>
      <c r="AN30886">
        <v>27</v>
      </c>
      <c r="AO30886">
        <v>27</v>
      </c>
      <c r="AP30886">
        <v>27</v>
      </c>
      <c r="AQ30886">
        <v>27</v>
      </c>
    </row>
    <row r="30887" spans="1:43">
      <c r="A30887" t="s">
        <v>19139</v>
      </c>
      <c r="B30887" t="s">
        <v>19140</v>
      </c>
      <c r="C30887" t="s">
        <v>19075</v>
      </c>
      <c r="D30887" t="s">
        <v>19076</v>
      </c>
      <c r="E30887" t="s">
        <v>18995</v>
      </c>
      <c r="F30887" t="s">
        <v>18996</v>
      </c>
      <c r="G30887" t="s">
        <v>10734</v>
      </c>
      <c r="H30887" t="s">
        <v>10735</v>
      </c>
      <c r="I30887" s="2">
        <v>0</v>
      </c>
      <c r="J30887" s="2">
        <v>0</v>
      </c>
      <c r="K30887" s="2">
        <v>1</v>
      </c>
      <c r="L30887" t="s">
        <v>995</v>
      </c>
      <c r="M30887" t="s">
        <v>87</v>
      </c>
      <c r="N30887" t="s">
        <v>88</v>
      </c>
      <c r="O30887" t="s">
        <v>85</v>
      </c>
      <c r="P30887" t="s">
        <v>86</v>
      </c>
      <c r="Q30887">
        <v>20</v>
      </c>
      <c r="R30887">
        <v>20</v>
      </c>
      <c r="S30887">
        <v>20</v>
      </c>
      <c r="T30887">
        <v>20</v>
      </c>
      <c r="U30887">
        <v>20</v>
      </c>
      <c r="V30887">
        <v>20</v>
      </c>
      <c r="W30887">
        <v>21</v>
      </c>
      <c r="X30887">
        <v>21</v>
      </c>
      <c r="Y30887">
        <v>21</v>
      </c>
      <c r="Z30887">
        <v>21</v>
      </c>
      <c r="AA30887">
        <v>21</v>
      </c>
      <c r="AB30887">
        <v>21</v>
      </c>
      <c r="AC30887">
        <v>21</v>
      </c>
      <c r="AD30887">
        <v>22</v>
      </c>
      <c r="AE30887">
        <v>22</v>
      </c>
      <c r="AF30887">
        <v>22</v>
      </c>
      <c r="AG30887">
        <v>22</v>
      </c>
      <c r="AH30887">
        <v>22</v>
      </c>
      <c r="AI30887">
        <v>22</v>
      </c>
      <c r="AJ30887">
        <v>22</v>
      </c>
      <c r="AK30887">
        <v>23</v>
      </c>
      <c r="AL30887">
        <v>23</v>
      </c>
      <c r="AM30887">
        <v>23</v>
      </c>
      <c r="AN30887">
        <v>23</v>
      </c>
      <c r="AO30887">
        <v>23</v>
      </c>
      <c r="AP30887">
        <v>23</v>
      </c>
      <c r="AQ30887">
        <v>24</v>
      </c>
    </row>
    <row r="30888" spans="1:43">
      <c r="A30888" t="s">
        <v>19139</v>
      </c>
      <c r="B30888" t="s">
        <v>19140</v>
      </c>
      <c r="C30888" t="s">
        <v>19075</v>
      </c>
      <c r="D30888" t="s">
        <v>19076</v>
      </c>
      <c r="E30888" t="s">
        <v>18995</v>
      </c>
      <c r="F30888" t="s">
        <v>18996</v>
      </c>
      <c r="G30888" t="s">
        <v>10734</v>
      </c>
      <c r="H30888" t="s">
        <v>10735</v>
      </c>
      <c r="I30888" s="2">
        <v>0</v>
      </c>
      <c r="J30888" s="2">
        <v>0</v>
      </c>
      <c r="K30888" s="2">
        <v>1</v>
      </c>
      <c r="L30888" t="s">
        <v>995</v>
      </c>
      <c r="M30888" t="s">
        <v>89</v>
      </c>
      <c r="N30888" t="s">
        <v>90</v>
      </c>
      <c r="O30888" t="s">
        <v>85</v>
      </c>
      <c r="P30888" t="s">
        <v>86</v>
      </c>
      <c r="Q30888">
        <v>20</v>
      </c>
      <c r="R30888">
        <v>21</v>
      </c>
      <c r="S30888">
        <v>21</v>
      </c>
      <c r="T30888">
        <v>22</v>
      </c>
      <c r="U30888">
        <v>22</v>
      </c>
      <c r="V30888">
        <v>23</v>
      </c>
      <c r="W30888">
        <v>23</v>
      </c>
      <c r="X30888">
        <v>23</v>
      </c>
      <c r="Y30888">
        <v>24</v>
      </c>
      <c r="Z30888">
        <v>24</v>
      </c>
      <c r="AA30888">
        <v>25</v>
      </c>
      <c r="AB30888">
        <v>25</v>
      </c>
      <c r="AC30888">
        <v>25</v>
      </c>
      <c r="AD30888">
        <v>26</v>
      </c>
      <c r="AE30888">
        <v>26</v>
      </c>
      <c r="AF30888">
        <v>26</v>
      </c>
      <c r="AG30888">
        <v>26</v>
      </c>
      <c r="AH30888">
        <v>26</v>
      </c>
      <c r="AI30888">
        <v>27</v>
      </c>
      <c r="AJ30888">
        <v>27</v>
      </c>
      <c r="AK30888">
        <v>27</v>
      </c>
      <c r="AL30888">
        <v>27</v>
      </c>
      <c r="AM30888">
        <v>27</v>
      </c>
      <c r="AN30888">
        <v>27</v>
      </c>
      <c r="AO30888">
        <v>27</v>
      </c>
      <c r="AP30888">
        <v>27</v>
      </c>
      <c r="AQ30888">
        <v>27</v>
      </c>
    </row>
    <row r="30889" spans="1:43">
      <c r="A30889" t="s">
        <v>19139</v>
      </c>
      <c r="B30889" t="s">
        <v>19140</v>
      </c>
      <c r="C30889" t="s">
        <v>19075</v>
      </c>
      <c r="D30889" t="s">
        <v>19076</v>
      </c>
      <c r="E30889" t="s">
        <v>18995</v>
      </c>
      <c r="F30889" t="s">
        <v>18996</v>
      </c>
      <c r="G30889" t="s">
        <v>10734</v>
      </c>
      <c r="H30889" t="s">
        <v>10735</v>
      </c>
      <c r="I30889" s="2">
        <v>0</v>
      </c>
      <c r="J30889" s="2">
        <v>0</v>
      </c>
      <c r="K30889" s="2">
        <v>1</v>
      </c>
      <c r="L30889" t="s">
        <v>995</v>
      </c>
      <c r="M30889" t="s">
        <v>83</v>
      </c>
      <c r="N30889" t="s">
        <v>91</v>
      </c>
      <c r="O30889" t="s">
        <v>85</v>
      </c>
      <c r="P30889" t="s">
        <v>86</v>
      </c>
      <c r="Q30889">
        <v>20</v>
      </c>
      <c r="R30889">
        <v>20</v>
      </c>
      <c r="S30889">
        <v>21</v>
      </c>
      <c r="T30889">
        <v>21</v>
      </c>
      <c r="U30889">
        <v>21</v>
      </c>
      <c r="V30889">
        <v>22</v>
      </c>
      <c r="W30889">
        <v>22</v>
      </c>
      <c r="X30889">
        <v>22</v>
      </c>
      <c r="Y30889">
        <v>23</v>
      </c>
      <c r="Z30889">
        <v>23</v>
      </c>
      <c r="AA30889">
        <v>23</v>
      </c>
      <c r="AB30889">
        <v>23</v>
      </c>
      <c r="AC30889">
        <v>24</v>
      </c>
      <c r="AD30889">
        <v>24</v>
      </c>
      <c r="AE30889">
        <v>24</v>
      </c>
      <c r="AF30889">
        <v>25</v>
      </c>
      <c r="AG30889">
        <v>25</v>
      </c>
      <c r="AH30889">
        <v>25</v>
      </c>
      <c r="AI30889">
        <v>26</v>
      </c>
      <c r="AJ30889">
        <v>26</v>
      </c>
      <c r="AK30889">
        <v>26</v>
      </c>
      <c r="AL30889">
        <v>27</v>
      </c>
      <c r="AM30889">
        <v>27</v>
      </c>
      <c r="AN30889">
        <v>27</v>
      </c>
      <c r="AO30889">
        <v>27</v>
      </c>
      <c r="AP30889">
        <v>27</v>
      </c>
      <c r="AQ30889">
        <v>27</v>
      </c>
    </row>
    <row r="30890" spans="1:43">
      <c r="A30890" t="s">
        <v>19141</v>
      </c>
      <c r="B30890" t="s">
        <v>19142</v>
      </c>
      <c r="C30890" t="s">
        <v>19075</v>
      </c>
      <c r="D30890" t="s">
        <v>19076</v>
      </c>
      <c r="E30890" t="s">
        <v>18995</v>
      </c>
      <c r="F30890" t="s">
        <v>18996</v>
      </c>
      <c r="G30890" t="s">
        <v>10734</v>
      </c>
      <c r="H30890" t="s">
        <v>10735</v>
      </c>
      <c r="I30890" s="2">
        <v>0</v>
      </c>
      <c r="J30890" s="2">
        <v>0</v>
      </c>
      <c r="K30890" s="2">
        <v>1</v>
      </c>
      <c r="L30890" t="s">
        <v>995</v>
      </c>
      <c r="M30890" t="s">
        <v>83</v>
      </c>
      <c r="N30890" t="s">
        <v>84</v>
      </c>
      <c r="O30890" t="s">
        <v>85</v>
      </c>
      <c r="P30890" t="s">
        <v>86</v>
      </c>
      <c r="Q30890">
        <v>31</v>
      </c>
      <c r="R30890">
        <v>32</v>
      </c>
      <c r="S30890">
        <v>32</v>
      </c>
      <c r="T30890">
        <v>33</v>
      </c>
      <c r="U30890">
        <v>33</v>
      </c>
      <c r="V30890">
        <v>34</v>
      </c>
      <c r="W30890">
        <v>34</v>
      </c>
      <c r="X30890">
        <v>35</v>
      </c>
      <c r="Y30890">
        <v>35</v>
      </c>
      <c r="Z30890">
        <v>36</v>
      </c>
      <c r="AA30890">
        <v>36</v>
      </c>
      <c r="AB30890">
        <v>37</v>
      </c>
      <c r="AC30890">
        <v>37</v>
      </c>
      <c r="AD30890">
        <v>38</v>
      </c>
      <c r="AE30890">
        <v>38</v>
      </c>
      <c r="AF30890">
        <v>39</v>
      </c>
      <c r="AG30890">
        <v>39</v>
      </c>
      <c r="AH30890">
        <v>40</v>
      </c>
      <c r="AI30890">
        <v>40</v>
      </c>
      <c r="AJ30890">
        <v>41</v>
      </c>
      <c r="AK30890">
        <v>41</v>
      </c>
      <c r="AL30890">
        <v>42</v>
      </c>
      <c r="AM30890">
        <v>42</v>
      </c>
      <c r="AN30890">
        <v>42</v>
      </c>
      <c r="AO30890">
        <v>42</v>
      </c>
      <c r="AP30890">
        <v>42</v>
      </c>
      <c r="AQ30890">
        <v>43</v>
      </c>
    </row>
    <row r="30891" spans="1:43">
      <c r="A30891" t="s">
        <v>19141</v>
      </c>
      <c r="B30891" t="s">
        <v>19142</v>
      </c>
      <c r="C30891" t="s">
        <v>19075</v>
      </c>
      <c r="D30891" t="s">
        <v>19076</v>
      </c>
      <c r="E30891" t="s">
        <v>18995</v>
      </c>
      <c r="F30891" t="s">
        <v>18996</v>
      </c>
      <c r="G30891" t="s">
        <v>10734</v>
      </c>
      <c r="H30891" t="s">
        <v>10735</v>
      </c>
      <c r="I30891" s="2">
        <v>0</v>
      </c>
      <c r="J30891" s="2">
        <v>0</v>
      </c>
      <c r="K30891" s="2">
        <v>1</v>
      </c>
      <c r="L30891" t="s">
        <v>995</v>
      </c>
      <c r="M30891" t="s">
        <v>87</v>
      </c>
      <c r="N30891" t="s">
        <v>88</v>
      </c>
      <c r="O30891" t="s">
        <v>85</v>
      </c>
      <c r="P30891" t="s">
        <v>86</v>
      </c>
      <c r="Q30891">
        <v>31</v>
      </c>
      <c r="R30891">
        <v>31</v>
      </c>
      <c r="S30891">
        <v>31</v>
      </c>
      <c r="T30891">
        <v>32</v>
      </c>
      <c r="U30891">
        <v>32</v>
      </c>
      <c r="V30891">
        <v>32</v>
      </c>
      <c r="W30891">
        <v>32</v>
      </c>
      <c r="X30891">
        <v>32</v>
      </c>
      <c r="Y30891">
        <v>33</v>
      </c>
      <c r="Z30891">
        <v>33</v>
      </c>
      <c r="AA30891">
        <v>33</v>
      </c>
      <c r="AB30891">
        <v>33</v>
      </c>
      <c r="AC30891">
        <v>34</v>
      </c>
      <c r="AD30891">
        <v>34</v>
      </c>
      <c r="AE30891">
        <v>34</v>
      </c>
      <c r="AF30891">
        <v>34</v>
      </c>
      <c r="AG30891">
        <v>34</v>
      </c>
      <c r="AH30891">
        <v>35</v>
      </c>
      <c r="AI30891">
        <v>35</v>
      </c>
      <c r="AJ30891">
        <v>35</v>
      </c>
      <c r="AK30891">
        <v>35</v>
      </c>
      <c r="AL30891">
        <v>36</v>
      </c>
      <c r="AM30891">
        <v>36</v>
      </c>
      <c r="AN30891">
        <v>36</v>
      </c>
      <c r="AO30891">
        <v>36</v>
      </c>
      <c r="AP30891">
        <v>37</v>
      </c>
      <c r="AQ30891">
        <v>37</v>
      </c>
    </row>
    <row r="30892" spans="1:43">
      <c r="A30892" t="s">
        <v>19141</v>
      </c>
      <c r="B30892" t="s">
        <v>19142</v>
      </c>
      <c r="C30892" t="s">
        <v>19075</v>
      </c>
      <c r="D30892" t="s">
        <v>19076</v>
      </c>
      <c r="E30892" t="s">
        <v>18995</v>
      </c>
      <c r="F30892" t="s">
        <v>18996</v>
      </c>
      <c r="G30892" t="s">
        <v>10734</v>
      </c>
      <c r="H30892" t="s">
        <v>10735</v>
      </c>
      <c r="I30892" s="2">
        <v>0</v>
      </c>
      <c r="J30892" s="2">
        <v>0</v>
      </c>
      <c r="K30892" s="2">
        <v>1</v>
      </c>
      <c r="L30892" t="s">
        <v>995</v>
      </c>
      <c r="M30892" t="s">
        <v>89</v>
      </c>
      <c r="N30892" t="s">
        <v>90</v>
      </c>
      <c r="O30892" t="s">
        <v>85</v>
      </c>
      <c r="P30892" t="s">
        <v>86</v>
      </c>
      <c r="Q30892">
        <v>31</v>
      </c>
      <c r="R30892">
        <v>32</v>
      </c>
      <c r="S30892">
        <v>33</v>
      </c>
      <c r="T30892">
        <v>34</v>
      </c>
      <c r="U30892">
        <v>35</v>
      </c>
      <c r="V30892">
        <v>35</v>
      </c>
      <c r="W30892">
        <v>36</v>
      </c>
      <c r="X30892">
        <v>37</v>
      </c>
      <c r="Y30892">
        <v>37</v>
      </c>
      <c r="Z30892">
        <v>38</v>
      </c>
      <c r="AA30892">
        <v>39</v>
      </c>
      <c r="AB30892">
        <v>39</v>
      </c>
      <c r="AC30892">
        <v>40</v>
      </c>
      <c r="AD30892">
        <v>41</v>
      </c>
      <c r="AE30892">
        <v>41</v>
      </c>
      <c r="AF30892">
        <v>41</v>
      </c>
      <c r="AG30892">
        <v>41</v>
      </c>
      <c r="AH30892">
        <v>42</v>
      </c>
      <c r="AI30892">
        <v>42</v>
      </c>
      <c r="AJ30892">
        <v>42</v>
      </c>
      <c r="AK30892">
        <v>42</v>
      </c>
      <c r="AL30892">
        <v>42</v>
      </c>
      <c r="AM30892">
        <v>42</v>
      </c>
      <c r="AN30892">
        <v>43</v>
      </c>
      <c r="AO30892">
        <v>43</v>
      </c>
      <c r="AP30892">
        <v>43</v>
      </c>
      <c r="AQ30892">
        <v>43</v>
      </c>
    </row>
    <row r="30893" spans="1:43">
      <c r="A30893" t="s">
        <v>19141</v>
      </c>
      <c r="B30893" t="s">
        <v>19142</v>
      </c>
      <c r="C30893" t="s">
        <v>19075</v>
      </c>
      <c r="D30893" t="s">
        <v>19076</v>
      </c>
      <c r="E30893" t="s">
        <v>18995</v>
      </c>
      <c r="F30893" t="s">
        <v>18996</v>
      </c>
      <c r="G30893" t="s">
        <v>10734</v>
      </c>
      <c r="H30893" t="s">
        <v>10735</v>
      </c>
      <c r="I30893" s="2">
        <v>0</v>
      </c>
      <c r="J30893" s="2">
        <v>0</v>
      </c>
      <c r="K30893" s="2">
        <v>1</v>
      </c>
      <c r="L30893" t="s">
        <v>995</v>
      </c>
      <c r="M30893" t="s">
        <v>83</v>
      </c>
      <c r="N30893" t="s">
        <v>91</v>
      </c>
      <c r="O30893" t="s">
        <v>85</v>
      </c>
      <c r="P30893" t="s">
        <v>86</v>
      </c>
      <c r="Q30893">
        <v>31</v>
      </c>
      <c r="R30893">
        <v>32</v>
      </c>
      <c r="S30893">
        <v>32</v>
      </c>
      <c r="T30893">
        <v>33</v>
      </c>
      <c r="U30893">
        <v>33</v>
      </c>
      <c r="V30893">
        <v>34</v>
      </c>
      <c r="W30893">
        <v>34</v>
      </c>
      <c r="X30893">
        <v>35</v>
      </c>
      <c r="Y30893">
        <v>35</v>
      </c>
      <c r="Z30893">
        <v>36</v>
      </c>
      <c r="AA30893">
        <v>36</v>
      </c>
      <c r="AB30893">
        <v>37</v>
      </c>
      <c r="AC30893">
        <v>37</v>
      </c>
      <c r="AD30893">
        <v>38</v>
      </c>
      <c r="AE30893">
        <v>38</v>
      </c>
      <c r="AF30893">
        <v>39</v>
      </c>
      <c r="AG30893">
        <v>39</v>
      </c>
      <c r="AH30893">
        <v>40</v>
      </c>
      <c r="AI30893">
        <v>40</v>
      </c>
      <c r="AJ30893">
        <v>41</v>
      </c>
      <c r="AK30893">
        <v>41</v>
      </c>
      <c r="AL30893">
        <v>42</v>
      </c>
      <c r="AM30893">
        <v>42</v>
      </c>
      <c r="AN30893">
        <v>42</v>
      </c>
      <c r="AO30893">
        <v>42</v>
      </c>
      <c r="AP30893">
        <v>42</v>
      </c>
      <c r="AQ30893">
        <v>43</v>
      </c>
    </row>
    <row r="30894" spans="1:43">
      <c r="A30894" t="s">
        <v>19143</v>
      </c>
      <c r="B30894" t="s">
        <v>19144</v>
      </c>
      <c r="C30894" t="s">
        <v>19075</v>
      </c>
      <c r="D30894" t="s">
        <v>19076</v>
      </c>
      <c r="E30894" t="s">
        <v>18995</v>
      </c>
      <c r="F30894" t="s">
        <v>18996</v>
      </c>
      <c r="G30894" t="s">
        <v>10734</v>
      </c>
      <c r="H30894" t="s">
        <v>10735</v>
      </c>
      <c r="I30894" s="2">
        <v>0</v>
      </c>
      <c r="J30894" s="2">
        <v>0</v>
      </c>
      <c r="K30894" s="2">
        <v>1</v>
      </c>
      <c r="L30894" t="s">
        <v>995</v>
      </c>
      <c r="M30894" t="s">
        <v>83</v>
      </c>
      <c r="N30894" t="s">
        <v>84</v>
      </c>
      <c r="O30894" t="s">
        <v>85</v>
      </c>
      <c r="P30894" t="s">
        <v>86</v>
      </c>
      <c r="Q30894">
        <v>11</v>
      </c>
      <c r="R30894">
        <v>12</v>
      </c>
      <c r="S30894">
        <v>12</v>
      </c>
      <c r="T30894">
        <v>12</v>
      </c>
      <c r="U30894">
        <v>12</v>
      </c>
      <c r="V30894">
        <v>12</v>
      </c>
      <c r="W30894">
        <v>13</v>
      </c>
      <c r="X30894">
        <v>13</v>
      </c>
      <c r="Y30894">
        <v>13</v>
      </c>
      <c r="Z30894">
        <v>13</v>
      </c>
      <c r="AA30894">
        <v>13</v>
      </c>
      <c r="AB30894">
        <v>13</v>
      </c>
      <c r="AC30894">
        <v>14</v>
      </c>
      <c r="AD30894">
        <v>14</v>
      </c>
      <c r="AE30894">
        <v>14</v>
      </c>
      <c r="AF30894">
        <v>14</v>
      </c>
      <c r="AG30894">
        <v>14</v>
      </c>
      <c r="AH30894">
        <v>15</v>
      </c>
      <c r="AI30894">
        <v>15</v>
      </c>
      <c r="AJ30894">
        <v>15</v>
      </c>
      <c r="AK30894">
        <v>15</v>
      </c>
      <c r="AL30894">
        <v>15</v>
      </c>
      <c r="AM30894">
        <v>15</v>
      </c>
      <c r="AN30894">
        <v>15</v>
      </c>
      <c r="AO30894">
        <v>15</v>
      </c>
      <c r="AP30894">
        <v>15</v>
      </c>
      <c r="AQ30894">
        <v>16</v>
      </c>
    </row>
    <row r="30895" spans="1:43">
      <c r="A30895" t="s">
        <v>19143</v>
      </c>
      <c r="B30895" t="s">
        <v>19144</v>
      </c>
      <c r="C30895" t="s">
        <v>19075</v>
      </c>
      <c r="D30895" t="s">
        <v>19076</v>
      </c>
      <c r="E30895" t="s">
        <v>18995</v>
      </c>
      <c r="F30895" t="s">
        <v>18996</v>
      </c>
      <c r="G30895" t="s">
        <v>10734</v>
      </c>
      <c r="H30895" t="s">
        <v>10735</v>
      </c>
      <c r="I30895" s="2">
        <v>0</v>
      </c>
      <c r="J30895" s="2">
        <v>0</v>
      </c>
      <c r="K30895" s="2">
        <v>1</v>
      </c>
      <c r="L30895" t="s">
        <v>995</v>
      </c>
      <c r="M30895" t="s">
        <v>87</v>
      </c>
      <c r="N30895" t="s">
        <v>88</v>
      </c>
      <c r="O30895" t="s">
        <v>85</v>
      </c>
      <c r="P30895" t="s">
        <v>86</v>
      </c>
      <c r="Q30895">
        <v>11</v>
      </c>
      <c r="R30895">
        <v>11</v>
      </c>
      <c r="S30895">
        <v>11</v>
      </c>
      <c r="T30895">
        <v>12</v>
      </c>
      <c r="U30895">
        <v>12</v>
      </c>
      <c r="V30895">
        <v>12</v>
      </c>
      <c r="W30895">
        <v>12</v>
      </c>
      <c r="X30895">
        <v>12</v>
      </c>
      <c r="Y30895">
        <v>12</v>
      </c>
      <c r="Z30895">
        <v>12</v>
      </c>
      <c r="AA30895">
        <v>12</v>
      </c>
      <c r="AB30895">
        <v>12</v>
      </c>
      <c r="AC30895">
        <v>12</v>
      </c>
      <c r="AD30895">
        <v>12</v>
      </c>
      <c r="AE30895">
        <v>12</v>
      </c>
      <c r="AF30895">
        <v>13</v>
      </c>
      <c r="AG30895">
        <v>13</v>
      </c>
      <c r="AH30895">
        <v>13</v>
      </c>
      <c r="AI30895">
        <v>13</v>
      </c>
      <c r="AJ30895">
        <v>13</v>
      </c>
      <c r="AK30895">
        <v>13</v>
      </c>
      <c r="AL30895">
        <v>13</v>
      </c>
      <c r="AM30895">
        <v>13</v>
      </c>
      <c r="AN30895">
        <v>13</v>
      </c>
      <c r="AO30895">
        <v>13</v>
      </c>
      <c r="AP30895">
        <v>13</v>
      </c>
      <c r="AQ30895">
        <v>14</v>
      </c>
    </row>
    <row r="30896" spans="1:43">
      <c r="A30896" t="s">
        <v>19143</v>
      </c>
      <c r="B30896" t="s">
        <v>19144</v>
      </c>
      <c r="C30896" t="s">
        <v>19075</v>
      </c>
      <c r="D30896" t="s">
        <v>19076</v>
      </c>
      <c r="E30896" t="s">
        <v>18995</v>
      </c>
      <c r="F30896" t="s">
        <v>18996</v>
      </c>
      <c r="G30896" t="s">
        <v>10734</v>
      </c>
      <c r="H30896" t="s">
        <v>10735</v>
      </c>
      <c r="I30896" s="2">
        <v>0</v>
      </c>
      <c r="J30896" s="2">
        <v>0</v>
      </c>
      <c r="K30896" s="2">
        <v>1</v>
      </c>
      <c r="L30896" t="s">
        <v>995</v>
      </c>
      <c r="M30896" t="s">
        <v>89</v>
      </c>
      <c r="N30896" t="s">
        <v>90</v>
      </c>
      <c r="O30896" t="s">
        <v>85</v>
      </c>
      <c r="P30896" t="s">
        <v>86</v>
      </c>
      <c r="Q30896">
        <v>11</v>
      </c>
      <c r="R30896">
        <v>11</v>
      </c>
      <c r="S30896">
        <v>11</v>
      </c>
      <c r="T30896">
        <v>11</v>
      </c>
      <c r="U30896">
        <v>12</v>
      </c>
      <c r="V30896">
        <v>12</v>
      </c>
      <c r="W30896">
        <v>12</v>
      </c>
      <c r="X30896">
        <v>12</v>
      </c>
      <c r="Y30896">
        <v>13</v>
      </c>
      <c r="Z30896">
        <v>13</v>
      </c>
      <c r="AA30896">
        <v>13</v>
      </c>
      <c r="AB30896">
        <v>13</v>
      </c>
      <c r="AC30896">
        <v>14</v>
      </c>
      <c r="AD30896">
        <v>14</v>
      </c>
      <c r="AE30896">
        <v>14</v>
      </c>
      <c r="AF30896">
        <v>14</v>
      </c>
      <c r="AG30896">
        <v>14</v>
      </c>
      <c r="AH30896">
        <v>14</v>
      </c>
      <c r="AI30896">
        <v>14</v>
      </c>
      <c r="AJ30896">
        <v>14</v>
      </c>
      <c r="AK30896">
        <v>14</v>
      </c>
      <c r="AL30896">
        <v>14</v>
      </c>
      <c r="AM30896">
        <v>14</v>
      </c>
      <c r="AN30896">
        <v>15</v>
      </c>
      <c r="AO30896">
        <v>15</v>
      </c>
      <c r="AP30896">
        <v>15</v>
      </c>
      <c r="AQ30896">
        <v>15</v>
      </c>
    </row>
    <row r="30897" spans="1:43">
      <c r="A30897" t="s">
        <v>19143</v>
      </c>
      <c r="B30897" t="s">
        <v>19144</v>
      </c>
      <c r="C30897" t="s">
        <v>19075</v>
      </c>
      <c r="D30897" t="s">
        <v>19076</v>
      </c>
      <c r="E30897" t="s">
        <v>18995</v>
      </c>
      <c r="F30897" t="s">
        <v>18996</v>
      </c>
      <c r="G30897" t="s">
        <v>10734</v>
      </c>
      <c r="H30897" t="s">
        <v>10735</v>
      </c>
      <c r="I30897" s="2">
        <v>0</v>
      </c>
      <c r="J30897" s="2">
        <v>0</v>
      </c>
      <c r="K30897" s="2">
        <v>1</v>
      </c>
      <c r="L30897" t="s">
        <v>995</v>
      </c>
      <c r="M30897" t="s">
        <v>83</v>
      </c>
      <c r="N30897" t="s">
        <v>91</v>
      </c>
      <c r="O30897" t="s">
        <v>85</v>
      </c>
      <c r="P30897" t="s">
        <v>86</v>
      </c>
      <c r="Q30897">
        <v>11</v>
      </c>
      <c r="R30897">
        <v>12</v>
      </c>
      <c r="S30897">
        <v>12</v>
      </c>
      <c r="T30897">
        <v>12</v>
      </c>
      <c r="U30897">
        <v>12</v>
      </c>
      <c r="V30897">
        <v>12</v>
      </c>
      <c r="W30897">
        <v>13</v>
      </c>
      <c r="X30897">
        <v>13</v>
      </c>
      <c r="Y30897">
        <v>13</v>
      </c>
      <c r="Z30897">
        <v>13</v>
      </c>
      <c r="AA30897">
        <v>13</v>
      </c>
      <c r="AB30897">
        <v>13</v>
      </c>
      <c r="AC30897">
        <v>14</v>
      </c>
      <c r="AD30897">
        <v>14</v>
      </c>
      <c r="AE30897">
        <v>14</v>
      </c>
      <c r="AF30897">
        <v>14</v>
      </c>
      <c r="AG30897">
        <v>14</v>
      </c>
      <c r="AH30897">
        <v>15</v>
      </c>
      <c r="AI30897">
        <v>15</v>
      </c>
      <c r="AJ30897">
        <v>15</v>
      </c>
      <c r="AK30897">
        <v>15</v>
      </c>
      <c r="AL30897">
        <v>15</v>
      </c>
      <c r="AM30897">
        <v>15</v>
      </c>
      <c r="AN30897">
        <v>15</v>
      </c>
      <c r="AO30897">
        <v>15</v>
      </c>
      <c r="AP30897">
        <v>15</v>
      </c>
      <c r="AQ30897">
        <v>16</v>
      </c>
    </row>
    <row r="30898" spans="1:43">
      <c r="A30898" t="s">
        <v>19145</v>
      </c>
      <c r="B30898" t="s">
        <v>19146</v>
      </c>
      <c r="C30898" t="s">
        <v>19079</v>
      </c>
      <c r="D30898" t="s">
        <v>19080</v>
      </c>
      <c r="E30898" t="s">
        <v>18995</v>
      </c>
      <c r="F30898" t="s">
        <v>18996</v>
      </c>
      <c r="G30898" t="s">
        <v>10734</v>
      </c>
      <c r="H30898" t="s">
        <v>10735</v>
      </c>
      <c r="I30898" s="2">
        <v>0</v>
      </c>
      <c r="J30898" s="2">
        <v>0</v>
      </c>
      <c r="K30898" s="2">
        <v>1</v>
      </c>
      <c r="L30898" t="s">
        <v>995</v>
      </c>
      <c r="M30898" t="s">
        <v>83</v>
      </c>
      <c r="N30898" t="s">
        <v>84</v>
      </c>
      <c r="O30898" t="s">
        <v>85</v>
      </c>
      <c r="P30898" t="s">
        <v>86</v>
      </c>
      <c r="Q30898">
        <v>10</v>
      </c>
      <c r="R30898">
        <v>10</v>
      </c>
      <c r="S30898">
        <v>10</v>
      </c>
      <c r="T30898">
        <v>10</v>
      </c>
      <c r="U30898">
        <v>10</v>
      </c>
      <c r="V30898">
        <v>10</v>
      </c>
      <c r="W30898">
        <v>11</v>
      </c>
      <c r="X30898">
        <v>11</v>
      </c>
      <c r="Y30898">
        <v>11</v>
      </c>
      <c r="Z30898">
        <v>11</v>
      </c>
      <c r="AA30898">
        <v>11</v>
      </c>
      <c r="AB30898">
        <v>11</v>
      </c>
      <c r="AC30898">
        <v>11</v>
      </c>
      <c r="AD30898">
        <v>12</v>
      </c>
      <c r="AE30898">
        <v>12</v>
      </c>
      <c r="AF30898">
        <v>12</v>
      </c>
      <c r="AG30898">
        <v>12</v>
      </c>
      <c r="AH30898">
        <v>12</v>
      </c>
      <c r="AI30898">
        <v>12</v>
      </c>
      <c r="AJ30898">
        <v>13</v>
      </c>
      <c r="AK30898">
        <v>13</v>
      </c>
      <c r="AL30898">
        <v>13</v>
      </c>
      <c r="AM30898">
        <v>13</v>
      </c>
      <c r="AN30898">
        <v>13</v>
      </c>
      <c r="AO30898">
        <v>13</v>
      </c>
      <c r="AP30898">
        <v>13</v>
      </c>
      <c r="AQ30898">
        <v>13</v>
      </c>
    </row>
    <row r="30899" spans="1:43">
      <c r="A30899" t="s">
        <v>19145</v>
      </c>
      <c r="B30899" t="s">
        <v>19146</v>
      </c>
      <c r="C30899" t="s">
        <v>19079</v>
      </c>
      <c r="D30899" t="s">
        <v>19080</v>
      </c>
      <c r="E30899" t="s">
        <v>18995</v>
      </c>
      <c r="F30899" t="s">
        <v>18996</v>
      </c>
      <c r="G30899" t="s">
        <v>10734</v>
      </c>
      <c r="H30899" t="s">
        <v>10735</v>
      </c>
      <c r="I30899" s="2">
        <v>0</v>
      </c>
      <c r="J30899" s="2">
        <v>0</v>
      </c>
      <c r="K30899" s="2">
        <v>1</v>
      </c>
      <c r="L30899" t="s">
        <v>995</v>
      </c>
      <c r="M30899" t="s">
        <v>87</v>
      </c>
      <c r="N30899" t="s">
        <v>88</v>
      </c>
      <c r="O30899" t="s">
        <v>85</v>
      </c>
      <c r="P30899" t="s">
        <v>86</v>
      </c>
      <c r="Q30899">
        <v>10</v>
      </c>
      <c r="R30899">
        <v>10</v>
      </c>
      <c r="S30899">
        <v>10</v>
      </c>
      <c r="T30899">
        <v>10</v>
      </c>
      <c r="U30899">
        <v>10</v>
      </c>
      <c r="V30899">
        <v>10</v>
      </c>
      <c r="W30899">
        <v>10</v>
      </c>
      <c r="X30899">
        <v>10</v>
      </c>
      <c r="Y30899">
        <v>10</v>
      </c>
      <c r="Z30899">
        <v>10</v>
      </c>
      <c r="AA30899">
        <v>10</v>
      </c>
      <c r="AB30899">
        <v>10</v>
      </c>
      <c r="AC30899">
        <v>10</v>
      </c>
      <c r="AD30899">
        <v>10</v>
      </c>
      <c r="AE30899">
        <v>10</v>
      </c>
      <c r="AF30899">
        <v>11</v>
      </c>
      <c r="AG30899">
        <v>11</v>
      </c>
      <c r="AH30899">
        <v>11</v>
      </c>
      <c r="AI30899">
        <v>11</v>
      </c>
      <c r="AJ30899">
        <v>11</v>
      </c>
      <c r="AK30899">
        <v>11</v>
      </c>
      <c r="AL30899">
        <v>11</v>
      </c>
      <c r="AM30899">
        <v>11</v>
      </c>
      <c r="AN30899">
        <v>11</v>
      </c>
      <c r="AO30899">
        <v>11</v>
      </c>
      <c r="AP30899">
        <v>11</v>
      </c>
      <c r="AQ30899">
        <v>11</v>
      </c>
    </row>
    <row r="30900" spans="1:43">
      <c r="A30900" t="s">
        <v>19145</v>
      </c>
      <c r="B30900" t="s">
        <v>19146</v>
      </c>
      <c r="C30900" t="s">
        <v>19079</v>
      </c>
      <c r="D30900" t="s">
        <v>19080</v>
      </c>
      <c r="E30900" t="s">
        <v>18995</v>
      </c>
      <c r="F30900" t="s">
        <v>18996</v>
      </c>
      <c r="G30900" t="s">
        <v>10734</v>
      </c>
      <c r="H30900" t="s">
        <v>10735</v>
      </c>
      <c r="I30900" s="2">
        <v>0</v>
      </c>
      <c r="J30900" s="2">
        <v>0</v>
      </c>
      <c r="K30900" s="2">
        <v>1</v>
      </c>
      <c r="L30900" t="s">
        <v>995</v>
      </c>
      <c r="M30900" t="s">
        <v>89</v>
      </c>
      <c r="N30900" t="s">
        <v>90</v>
      </c>
      <c r="O30900" t="s">
        <v>85</v>
      </c>
      <c r="P30900" t="s">
        <v>86</v>
      </c>
      <c r="Q30900">
        <v>10</v>
      </c>
      <c r="R30900">
        <v>10</v>
      </c>
      <c r="S30900">
        <v>10</v>
      </c>
      <c r="T30900">
        <v>10</v>
      </c>
      <c r="U30900">
        <v>11</v>
      </c>
      <c r="V30900">
        <v>11</v>
      </c>
      <c r="W30900">
        <v>11</v>
      </c>
      <c r="X30900">
        <v>11</v>
      </c>
      <c r="Y30900">
        <v>12</v>
      </c>
      <c r="Z30900">
        <v>12</v>
      </c>
      <c r="AA30900">
        <v>12</v>
      </c>
      <c r="AB30900">
        <v>12</v>
      </c>
      <c r="AC30900">
        <v>12</v>
      </c>
      <c r="AD30900">
        <v>13</v>
      </c>
      <c r="AE30900">
        <v>13</v>
      </c>
      <c r="AF30900">
        <v>13</v>
      </c>
      <c r="AG30900">
        <v>13</v>
      </c>
      <c r="AH30900">
        <v>13</v>
      </c>
      <c r="AI30900">
        <v>13</v>
      </c>
      <c r="AJ30900">
        <v>13</v>
      </c>
      <c r="AK30900">
        <v>13</v>
      </c>
      <c r="AL30900">
        <v>13</v>
      </c>
      <c r="AM30900">
        <v>13</v>
      </c>
      <c r="AN30900">
        <v>13</v>
      </c>
      <c r="AO30900">
        <v>13</v>
      </c>
      <c r="AP30900">
        <v>13</v>
      </c>
      <c r="AQ30900">
        <v>13</v>
      </c>
    </row>
    <row r="30901" spans="1:43">
      <c r="A30901" t="s">
        <v>19145</v>
      </c>
      <c r="B30901" t="s">
        <v>19146</v>
      </c>
      <c r="C30901" t="s">
        <v>19079</v>
      </c>
      <c r="D30901" t="s">
        <v>19080</v>
      </c>
      <c r="E30901" t="s">
        <v>18995</v>
      </c>
      <c r="F30901" t="s">
        <v>18996</v>
      </c>
      <c r="G30901" t="s">
        <v>10734</v>
      </c>
      <c r="H30901" t="s">
        <v>10735</v>
      </c>
      <c r="I30901" s="2">
        <v>0</v>
      </c>
      <c r="J30901" s="2">
        <v>0</v>
      </c>
      <c r="K30901" s="2">
        <v>1</v>
      </c>
      <c r="L30901" t="s">
        <v>995</v>
      </c>
      <c r="M30901" t="s">
        <v>83</v>
      </c>
      <c r="N30901" t="s">
        <v>91</v>
      </c>
      <c r="O30901" t="s">
        <v>85</v>
      </c>
      <c r="P30901" t="s">
        <v>86</v>
      </c>
      <c r="Q30901">
        <v>10</v>
      </c>
      <c r="R30901">
        <v>10</v>
      </c>
      <c r="S30901">
        <v>10</v>
      </c>
      <c r="T30901">
        <v>10</v>
      </c>
      <c r="U30901">
        <v>10</v>
      </c>
      <c r="V30901">
        <v>10</v>
      </c>
      <c r="W30901">
        <v>11</v>
      </c>
      <c r="X30901">
        <v>11</v>
      </c>
      <c r="Y30901">
        <v>11</v>
      </c>
      <c r="Z30901">
        <v>11</v>
      </c>
      <c r="AA30901">
        <v>11</v>
      </c>
      <c r="AB30901">
        <v>11</v>
      </c>
      <c r="AC30901">
        <v>11</v>
      </c>
      <c r="AD30901">
        <v>12</v>
      </c>
      <c r="AE30901">
        <v>12</v>
      </c>
      <c r="AF30901">
        <v>12</v>
      </c>
      <c r="AG30901">
        <v>12</v>
      </c>
      <c r="AH30901">
        <v>12</v>
      </c>
      <c r="AI30901">
        <v>12</v>
      </c>
      <c r="AJ30901">
        <v>13</v>
      </c>
      <c r="AK30901">
        <v>13</v>
      </c>
      <c r="AL30901">
        <v>13</v>
      </c>
      <c r="AM30901">
        <v>13</v>
      </c>
      <c r="AN30901">
        <v>13</v>
      </c>
      <c r="AO30901">
        <v>13</v>
      </c>
      <c r="AP30901">
        <v>13</v>
      </c>
      <c r="AQ30901">
        <v>13</v>
      </c>
    </row>
    <row r="30902" spans="1:43">
      <c r="A30902" t="s">
        <v>19147</v>
      </c>
      <c r="B30902" t="s">
        <v>19148</v>
      </c>
      <c r="C30902" t="s">
        <v>19079</v>
      </c>
      <c r="D30902" t="s">
        <v>19080</v>
      </c>
      <c r="E30902" t="s">
        <v>18995</v>
      </c>
      <c r="F30902" t="s">
        <v>18996</v>
      </c>
      <c r="G30902" t="s">
        <v>10734</v>
      </c>
      <c r="H30902" t="s">
        <v>10735</v>
      </c>
      <c r="I30902" s="2">
        <v>0</v>
      </c>
      <c r="J30902" s="2">
        <v>0</v>
      </c>
      <c r="K30902" s="2">
        <v>1</v>
      </c>
      <c r="L30902" t="s">
        <v>995</v>
      </c>
      <c r="M30902" t="s">
        <v>83</v>
      </c>
      <c r="N30902" t="s">
        <v>84</v>
      </c>
      <c r="O30902" t="s">
        <v>85</v>
      </c>
      <c r="P30902" t="s">
        <v>86</v>
      </c>
      <c r="Q30902">
        <v>16</v>
      </c>
      <c r="R30902">
        <v>16</v>
      </c>
      <c r="S30902">
        <v>16</v>
      </c>
      <c r="T30902">
        <v>17</v>
      </c>
      <c r="U30902">
        <v>17</v>
      </c>
      <c r="V30902">
        <v>17</v>
      </c>
      <c r="W30902">
        <v>17</v>
      </c>
      <c r="X30902">
        <v>18</v>
      </c>
      <c r="Y30902">
        <v>18</v>
      </c>
      <c r="Z30902">
        <v>18</v>
      </c>
      <c r="AA30902">
        <v>18</v>
      </c>
      <c r="AB30902">
        <v>19</v>
      </c>
      <c r="AC30902">
        <v>19</v>
      </c>
      <c r="AD30902">
        <v>19</v>
      </c>
      <c r="AE30902">
        <v>19</v>
      </c>
      <c r="AF30902">
        <v>20</v>
      </c>
      <c r="AG30902">
        <v>20</v>
      </c>
      <c r="AH30902">
        <v>20</v>
      </c>
      <c r="AI30902">
        <v>20</v>
      </c>
      <c r="AJ30902">
        <v>21</v>
      </c>
      <c r="AK30902">
        <v>21</v>
      </c>
      <c r="AL30902">
        <v>21</v>
      </c>
      <c r="AM30902">
        <v>21</v>
      </c>
      <c r="AN30902">
        <v>21</v>
      </c>
      <c r="AO30902">
        <v>21</v>
      </c>
      <c r="AP30902">
        <v>21</v>
      </c>
      <c r="AQ30902">
        <v>22</v>
      </c>
    </row>
    <row r="30903" spans="1:43">
      <c r="A30903" t="s">
        <v>19147</v>
      </c>
      <c r="B30903" t="s">
        <v>19148</v>
      </c>
      <c r="C30903" t="s">
        <v>19079</v>
      </c>
      <c r="D30903" t="s">
        <v>19080</v>
      </c>
      <c r="E30903" t="s">
        <v>18995</v>
      </c>
      <c r="F30903" t="s">
        <v>18996</v>
      </c>
      <c r="G30903" t="s">
        <v>10734</v>
      </c>
      <c r="H30903" t="s">
        <v>10735</v>
      </c>
      <c r="I30903" s="2">
        <v>0</v>
      </c>
      <c r="J30903" s="2">
        <v>0</v>
      </c>
      <c r="K30903" s="2">
        <v>1</v>
      </c>
      <c r="L30903" t="s">
        <v>995</v>
      </c>
      <c r="M30903" t="s">
        <v>87</v>
      </c>
      <c r="N30903" t="s">
        <v>88</v>
      </c>
      <c r="O30903" t="s">
        <v>85</v>
      </c>
      <c r="P30903" t="s">
        <v>86</v>
      </c>
      <c r="Q30903">
        <v>16</v>
      </c>
      <c r="R30903">
        <v>16</v>
      </c>
      <c r="S30903">
        <v>16</v>
      </c>
      <c r="T30903">
        <v>16</v>
      </c>
      <c r="U30903">
        <v>16</v>
      </c>
      <c r="V30903">
        <v>16</v>
      </c>
      <c r="W30903">
        <v>16</v>
      </c>
      <c r="X30903">
        <v>16</v>
      </c>
      <c r="Y30903">
        <v>17</v>
      </c>
      <c r="Z30903">
        <v>17</v>
      </c>
      <c r="AA30903">
        <v>17</v>
      </c>
      <c r="AB30903">
        <v>17</v>
      </c>
      <c r="AC30903">
        <v>17</v>
      </c>
      <c r="AD30903">
        <v>17</v>
      </c>
      <c r="AE30903">
        <v>17</v>
      </c>
      <c r="AF30903">
        <v>17</v>
      </c>
      <c r="AG30903">
        <v>17</v>
      </c>
      <c r="AH30903">
        <v>18</v>
      </c>
      <c r="AI30903">
        <v>18</v>
      </c>
      <c r="AJ30903">
        <v>18</v>
      </c>
      <c r="AK30903">
        <v>18</v>
      </c>
      <c r="AL30903">
        <v>18</v>
      </c>
      <c r="AM30903">
        <v>18</v>
      </c>
      <c r="AN30903">
        <v>18</v>
      </c>
      <c r="AO30903">
        <v>18</v>
      </c>
      <c r="AP30903">
        <v>19</v>
      </c>
      <c r="AQ30903">
        <v>19</v>
      </c>
    </row>
    <row r="30904" spans="1:43">
      <c r="A30904" t="s">
        <v>19147</v>
      </c>
      <c r="B30904" t="s">
        <v>19148</v>
      </c>
      <c r="C30904" t="s">
        <v>19079</v>
      </c>
      <c r="D30904" t="s">
        <v>19080</v>
      </c>
      <c r="E30904" t="s">
        <v>18995</v>
      </c>
      <c r="F30904" t="s">
        <v>18996</v>
      </c>
      <c r="G30904" t="s">
        <v>10734</v>
      </c>
      <c r="H30904" t="s">
        <v>10735</v>
      </c>
      <c r="I30904" s="2">
        <v>0</v>
      </c>
      <c r="J30904" s="2">
        <v>0</v>
      </c>
      <c r="K30904" s="2">
        <v>1</v>
      </c>
      <c r="L30904" t="s">
        <v>995</v>
      </c>
      <c r="M30904" t="s">
        <v>89</v>
      </c>
      <c r="N30904" t="s">
        <v>90</v>
      </c>
      <c r="O30904" t="s">
        <v>85</v>
      </c>
      <c r="P30904" t="s">
        <v>86</v>
      </c>
      <c r="Q30904">
        <v>16</v>
      </c>
      <c r="R30904">
        <v>16</v>
      </c>
      <c r="S30904">
        <v>17</v>
      </c>
      <c r="T30904">
        <v>17</v>
      </c>
      <c r="U30904">
        <v>17</v>
      </c>
      <c r="V30904">
        <v>18</v>
      </c>
      <c r="W30904">
        <v>18</v>
      </c>
      <c r="X30904">
        <v>19</v>
      </c>
      <c r="Y30904">
        <v>19</v>
      </c>
      <c r="Z30904">
        <v>19</v>
      </c>
      <c r="AA30904">
        <v>20</v>
      </c>
      <c r="AB30904">
        <v>20</v>
      </c>
      <c r="AC30904">
        <v>20</v>
      </c>
      <c r="AD30904">
        <v>21</v>
      </c>
      <c r="AE30904">
        <v>21</v>
      </c>
      <c r="AF30904">
        <v>21</v>
      </c>
      <c r="AG30904">
        <v>21</v>
      </c>
      <c r="AH30904">
        <v>21</v>
      </c>
      <c r="AI30904">
        <v>21</v>
      </c>
      <c r="AJ30904">
        <v>21</v>
      </c>
      <c r="AK30904">
        <v>21</v>
      </c>
      <c r="AL30904">
        <v>21</v>
      </c>
      <c r="AM30904">
        <v>21</v>
      </c>
      <c r="AN30904">
        <v>21</v>
      </c>
      <c r="AO30904">
        <v>22</v>
      </c>
      <c r="AP30904">
        <v>22</v>
      </c>
      <c r="AQ30904">
        <v>22</v>
      </c>
    </row>
    <row r="30905" spans="1:43">
      <c r="A30905" t="s">
        <v>19147</v>
      </c>
      <c r="B30905" t="s">
        <v>19148</v>
      </c>
      <c r="C30905" t="s">
        <v>19079</v>
      </c>
      <c r="D30905" t="s">
        <v>19080</v>
      </c>
      <c r="E30905" t="s">
        <v>18995</v>
      </c>
      <c r="F30905" t="s">
        <v>18996</v>
      </c>
      <c r="G30905" t="s">
        <v>10734</v>
      </c>
      <c r="H30905" t="s">
        <v>10735</v>
      </c>
      <c r="I30905" s="2">
        <v>0</v>
      </c>
      <c r="J30905" s="2">
        <v>0</v>
      </c>
      <c r="K30905" s="2">
        <v>1</v>
      </c>
      <c r="L30905" t="s">
        <v>995</v>
      </c>
      <c r="M30905" t="s">
        <v>83</v>
      </c>
      <c r="N30905" t="s">
        <v>91</v>
      </c>
      <c r="O30905" t="s">
        <v>85</v>
      </c>
      <c r="P30905" t="s">
        <v>86</v>
      </c>
      <c r="Q30905">
        <v>16</v>
      </c>
      <c r="R30905">
        <v>16</v>
      </c>
      <c r="S30905">
        <v>16</v>
      </c>
      <c r="T30905">
        <v>17</v>
      </c>
      <c r="U30905">
        <v>17</v>
      </c>
      <c r="V30905">
        <v>17</v>
      </c>
      <c r="W30905">
        <v>17</v>
      </c>
      <c r="X30905">
        <v>18</v>
      </c>
      <c r="Y30905">
        <v>18</v>
      </c>
      <c r="Z30905">
        <v>18</v>
      </c>
      <c r="AA30905">
        <v>18</v>
      </c>
      <c r="AB30905">
        <v>19</v>
      </c>
      <c r="AC30905">
        <v>19</v>
      </c>
      <c r="AD30905">
        <v>19</v>
      </c>
      <c r="AE30905">
        <v>19</v>
      </c>
      <c r="AF30905">
        <v>20</v>
      </c>
      <c r="AG30905">
        <v>20</v>
      </c>
      <c r="AH30905">
        <v>20</v>
      </c>
      <c r="AI30905">
        <v>20</v>
      </c>
      <c r="AJ30905">
        <v>21</v>
      </c>
      <c r="AK30905">
        <v>21</v>
      </c>
      <c r="AL30905">
        <v>21</v>
      </c>
      <c r="AM30905">
        <v>21</v>
      </c>
      <c r="AN30905">
        <v>21</v>
      </c>
      <c r="AO30905">
        <v>21</v>
      </c>
      <c r="AP30905">
        <v>21</v>
      </c>
      <c r="AQ30905">
        <v>22</v>
      </c>
    </row>
    <row r="30906" spans="1:43">
      <c r="A30906" t="s">
        <v>19149</v>
      </c>
      <c r="B30906" t="s">
        <v>19150</v>
      </c>
      <c r="C30906" t="s">
        <v>19099</v>
      </c>
      <c r="D30906" t="s">
        <v>19100</v>
      </c>
      <c r="E30906" t="s">
        <v>18995</v>
      </c>
      <c r="F30906" t="s">
        <v>18996</v>
      </c>
      <c r="G30906" t="s">
        <v>10734</v>
      </c>
      <c r="H30906" t="s">
        <v>10735</v>
      </c>
      <c r="I30906" s="2">
        <v>0</v>
      </c>
      <c r="J30906" s="2">
        <v>0</v>
      </c>
      <c r="K30906" s="2">
        <v>1</v>
      </c>
      <c r="L30906" t="s">
        <v>995</v>
      </c>
      <c r="M30906" t="s">
        <v>83</v>
      </c>
      <c r="N30906" t="s">
        <v>84</v>
      </c>
      <c r="O30906" t="s">
        <v>85</v>
      </c>
      <c r="P30906" t="s">
        <v>86</v>
      </c>
      <c r="Q30906">
        <v>96</v>
      </c>
      <c r="R30906">
        <v>97</v>
      </c>
      <c r="S30906">
        <v>99</v>
      </c>
      <c r="T30906">
        <v>100</v>
      </c>
      <c r="U30906">
        <v>102</v>
      </c>
      <c r="V30906">
        <v>103</v>
      </c>
      <c r="W30906">
        <v>105</v>
      </c>
      <c r="X30906">
        <v>106</v>
      </c>
      <c r="Y30906">
        <v>108</v>
      </c>
      <c r="Z30906">
        <v>109</v>
      </c>
      <c r="AA30906">
        <v>111</v>
      </c>
      <c r="AB30906">
        <v>112</v>
      </c>
      <c r="AC30906">
        <v>114</v>
      </c>
      <c r="AD30906">
        <v>115</v>
      </c>
      <c r="AE30906">
        <v>117</v>
      </c>
      <c r="AF30906">
        <v>118</v>
      </c>
      <c r="AG30906">
        <v>120</v>
      </c>
      <c r="AH30906">
        <v>122</v>
      </c>
      <c r="AI30906">
        <v>123</v>
      </c>
      <c r="AJ30906">
        <v>125</v>
      </c>
      <c r="AK30906">
        <v>126</v>
      </c>
      <c r="AL30906">
        <v>127</v>
      </c>
      <c r="AM30906">
        <v>128</v>
      </c>
      <c r="AN30906">
        <v>128</v>
      </c>
      <c r="AO30906">
        <v>128</v>
      </c>
      <c r="AP30906">
        <v>129</v>
      </c>
      <c r="AQ30906">
        <v>129</v>
      </c>
    </row>
    <row r="30907" spans="1:43">
      <c r="A30907" t="s">
        <v>19149</v>
      </c>
      <c r="B30907" t="s">
        <v>19150</v>
      </c>
      <c r="C30907" t="s">
        <v>19099</v>
      </c>
      <c r="D30907" t="s">
        <v>19100</v>
      </c>
      <c r="E30907" t="s">
        <v>18995</v>
      </c>
      <c r="F30907" t="s">
        <v>18996</v>
      </c>
      <c r="G30907" t="s">
        <v>10734</v>
      </c>
      <c r="H30907" t="s">
        <v>10735</v>
      </c>
      <c r="I30907" s="2">
        <v>0</v>
      </c>
      <c r="J30907" s="2">
        <v>0</v>
      </c>
      <c r="K30907" s="2">
        <v>1</v>
      </c>
      <c r="L30907" t="s">
        <v>995</v>
      </c>
      <c r="M30907" t="s">
        <v>87</v>
      </c>
      <c r="N30907" t="s">
        <v>88</v>
      </c>
      <c r="O30907" t="s">
        <v>85</v>
      </c>
      <c r="P30907" t="s">
        <v>86</v>
      </c>
      <c r="Q30907">
        <v>96</v>
      </c>
      <c r="R30907">
        <v>96</v>
      </c>
      <c r="S30907">
        <v>97</v>
      </c>
      <c r="T30907">
        <v>98</v>
      </c>
      <c r="U30907">
        <v>98</v>
      </c>
      <c r="V30907">
        <v>99</v>
      </c>
      <c r="W30907">
        <v>99</v>
      </c>
      <c r="X30907">
        <v>100</v>
      </c>
      <c r="Y30907">
        <v>101</v>
      </c>
      <c r="Z30907">
        <v>101</v>
      </c>
      <c r="AA30907">
        <v>102</v>
      </c>
      <c r="AB30907">
        <v>103</v>
      </c>
      <c r="AC30907">
        <v>103</v>
      </c>
      <c r="AD30907">
        <v>104</v>
      </c>
      <c r="AE30907">
        <v>104</v>
      </c>
      <c r="AF30907">
        <v>105</v>
      </c>
      <c r="AG30907">
        <v>106</v>
      </c>
      <c r="AH30907">
        <v>106</v>
      </c>
      <c r="AI30907">
        <v>107</v>
      </c>
      <c r="AJ30907">
        <v>108</v>
      </c>
      <c r="AK30907">
        <v>109</v>
      </c>
      <c r="AL30907">
        <v>109</v>
      </c>
      <c r="AM30907">
        <v>110</v>
      </c>
      <c r="AN30907">
        <v>111</v>
      </c>
      <c r="AO30907">
        <v>111</v>
      </c>
      <c r="AP30907">
        <v>112</v>
      </c>
      <c r="AQ30907">
        <v>113</v>
      </c>
    </row>
    <row r="30908" spans="1:43">
      <c r="A30908" t="s">
        <v>19149</v>
      </c>
      <c r="B30908" t="s">
        <v>19150</v>
      </c>
      <c r="C30908" t="s">
        <v>19099</v>
      </c>
      <c r="D30908" t="s">
        <v>19100</v>
      </c>
      <c r="E30908" t="s">
        <v>18995</v>
      </c>
      <c r="F30908" t="s">
        <v>18996</v>
      </c>
      <c r="G30908" t="s">
        <v>10734</v>
      </c>
      <c r="H30908" t="s">
        <v>10735</v>
      </c>
      <c r="I30908" s="2">
        <v>0</v>
      </c>
      <c r="J30908" s="2">
        <v>0</v>
      </c>
      <c r="K30908" s="2">
        <v>1</v>
      </c>
      <c r="L30908" t="s">
        <v>995</v>
      </c>
      <c r="M30908" t="s">
        <v>89</v>
      </c>
      <c r="N30908" t="s">
        <v>90</v>
      </c>
      <c r="O30908" t="s">
        <v>85</v>
      </c>
      <c r="P30908" t="s">
        <v>86</v>
      </c>
      <c r="Q30908">
        <v>96</v>
      </c>
      <c r="R30908">
        <v>98</v>
      </c>
      <c r="S30908">
        <v>100</v>
      </c>
      <c r="T30908">
        <v>103</v>
      </c>
      <c r="U30908">
        <v>105</v>
      </c>
      <c r="V30908">
        <v>107</v>
      </c>
      <c r="W30908">
        <v>109</v>
      </c>
      <c r="X30908">
        <v>111</v>
      </c>
      <c r="Y30908">
        <v>113</v>
      </c>
      <c r="Z30908">
        <v>115</v>
      </c>
      <c r="AA30908">
        <v>117</v>
      </c>
      <c r="AB30908">
        <v>119</v>
      </c>
      <c r="AC30908">
        <v>121</v>
      </c>
      <c r="AD30908">
        <v>123</v>
      </c>
      <c r="AE30908">
        <v>124</v>
      </c>
      <c r="AF30908">
        <v>125</v>
      </c>
      <c r="AG30908">
        <v>125</v>
      </c>
      <c r="AH30908">
        <v>126</v>
      </c>
      <c r="AI30908">
        <v>126</v>
      </c>
      <c r="AJ30908">
        <v>127</v>
      </c>
      <c r="AK30908">
        <v>127</v>
      </c>
      <c r="AL30908">
        <v>127</v>
      </c>
      <c r="AM30908">
        <v>128</v>
      </c>
      <c r="AN30908">
        <v>128</v>
      </c>
      <c r="AO30908">
        <v>129</v>
      </c>
      <c r="AP30908">
        <v>129</v>
      </c>
      <c r="AQ30908">
        <v>130</v>
      </c>
    </row>
    <row r="30909" spans="1:43">
      <c r="A30909" t="s">
        <v>19149</v>
      </c>
      <c r="B30909" t="s">
        <v>19150</v>
      </c>
      <c r="C30909" t="s">
        <v>19099</v>
      </c>
      <c r="D30909" t="s">
        <v>19100</v>
      </c>
      <c r="E30909" t="s">
        <v>18995</v>
      </c>
      <c r="F30909" t="s">
        <v>18996</v>
      </c>
      <c r="G30909" t="s">
        <v>10734</v>
      </c>
      <c r="H30909" t="s">
        <v>10735</v>
      </c>
      <c r="I30909" s="2">
        <v>0</v>
      </c>
      <c r="J30909" s="2">
        <v>0</v>
      </c>
      <c r="K30909" s="2">
        <v>1</v>
      </c>
      <c r="L30909" t="s">
        <v>995</v>
      </c>
      <c r="M30909" t="s">
        <v>83</v>
      </c>
      <c r="N30909" t="s">
        <v>91</v>
      </c>
      <c r="O30909" t="s">
        <v>85</v>
      </c>
      <c r="P30909" t="s">
        <v>86</v>
      </c>
      <c r="Q30909">
        <v>96</v>
      </c>
      <c r="R30909">
        <v>97</v>
      </c>
      <c r="S30909">
        <v>99</v>
      </c>
      <c r="T30909">
        <v>100</v>
      </c>
      <c r="U30909">
        <v>102</v>
      </c>
      <c r="V30909">
        <v>103</v>
      </c>
      <c r="W30909">
        <v>105</v>
      </c>
      <c r="X30909">
        <v>106</v>
      </c>
      <c r="Y30909">
        <v>108</v>
      </c>
      <c r="Z30909">
        <v>109</v>
      </c>
      <c r="AA30909">
        <v>111</v>
      </c>
      <c r="AB30909">
        <v>112</v>
      </c>
      <c r="AC30909">
        <v>114</v>
      </c>
      <c r="AD30909">
        <v>115</v>
      </c>
      <c r="AE30909">
        <v>117</v>
      </c>
      <c r="AF30909">
        <v>118</v>
      </c>
      <c r="AG30909">
        <v>120</v>
      </c>
      <c r="AH30909">
        <v>122</v>
      </c>
      <c r="AI30909">
        <v>123</v>
      </c>
      <c r="AJ30909">
        <v>125</v>
      </c>
      <c r="AK30909">
        <v>126</v>
      </c>
      <c r="AL30909">
        <v>127</v>
      </c>
      <c r="AM30909">
        <v>128</v>
      </c>
      <c r="AN30909">
        <v>128</v>
      </c>
      <c r="AO30909">
        <v>128</v>
      </c>
      <c r="AP30909">
        <v>129</v>
      </c>
      <c r="AQ30909">
        <v>129</v>
      </c>
    </row>
    <row r="30910" spans="1:43">
      <c r="A30910" t="s">
        <v>19151</v>
      </c>
      <c r="B30910" t="s">
        <v>19152</v>
      </c>
      <c r="C30910" t="s">
        <v>19153</v>
      </c>
      <c r="D30910" t="s">
        <v>19154</v>
      </c>
      <c r="E30910" t="s">
        <v>18995</v>
      </c>
      <c r="F30910" t="s">
        <v>18996</v>
      </c>
      <c r="G30910" t="s">
        <v>10734</v>
      </c>
      <c r="H30910" t="s">
        <v>10735</v>
      </c>
      <c r="I30910" s="2">
        <v>0</v>
      </c>
      <c r="J30910" s="2">
        <v>0</v>
      </c>
      <c r="K30910" s="2">
        <v>1</v>
      </c>
      <c r="L30910" t="s">
        <v>995</v>
      </c>
      <c r="M30910" t="s">
        <v>83</v>
      </c>
      <c r="N30910" t="s">
        <v>84</v>
      </c>
      <c r="O30910" t="s">
        <v>85</v>
      </c>
      <c r="P30910" t="s">
        <v>86</v>
      </c>
      <c r="Q30910">
        <v>14</v>
      </c>
      <c r="R30910">
        <v>15</v>
      </c>
      <c r="S30910">
        <v>15</v>
      </c>
      <c r="T30910">
        <v>15</v>
      </c>
      <c r="U30910">
        <v>15</v>
      </c>
      <c r="V30910">
        <v>16</v>
      </c>
      <c r="W30910">
        <v>16</v>
      </c>
      <c r="X30910">
        <v>16</v>
      </c>
      <c r="Y30910">
        <v>16</v>
      </c>
      <c r="Z30910">
        <v>17</v>
      </c>
      <c r="AA30910">
        <v>17</v>
      </c>
      <c r="AB30910">
        <v>17</v>
      </c>
      <c r="AC30910">
        <v>17</v>
      </c>
      <c r="AD30910">
        <v>17</v>
      </c>
      <c r="AE30910">
        <v>18</v>
      </c>
      <c r="AF30910">
        <v>18</v>
      </c>
      <c r="AG30910">
        <v>18</v>
      </c>
      <c r="AH30910">
        <v>18</v>
      </c>
      <c r="AI30910">
        <v>19</v>
      </c>
      <c r="AJ30910">
        <v>19</v>
      </c>
      <c r="AK30910">
        <v>19</v>
      </c>
      <c r="AL30910">
        <v>19</v>
      </c>
      <c r="AM30910">
        <v>19</v>
      </c>
      <c r="AN30910">
        <v>19</v>
      </c>
      <c r="AO30910">
        <v>20</v>
      </c>
      <c r="AP30910">
        <v>20</v>
      </c>
      <c r="AQ30910">
        <v>20</v>
      </c>
    </row>
    <row r="30911" spans="1:43">
      <c r="A30911" t="s">
        <v>19151</v>
      </c>
      <c r="B30911" t="s">
        <v>19152</v>
      </c>
      <c r="C30911" t="s">
        <v>19153</v>
      </c>
      <c r="D30911" t="s">
        <v>19154</v>
      </c>
      <c r="E30911" t="s">
        <v>18995</v>
      </c>
      <c r="F30911" t="s">
        <v>18996</v>
      </c>
      <c r="G30911" t="s">
        <v>10734</v>
      </c>
      <c r="H30911" t="s">
        <v>10735</v>
      </c>
      <c r="I30911" s="2">
        <v>0</v>
      </c>
      <c r="J30911" s="2">
        <v>0</v>
      </c>
      <c r="K30911" s="2">
        <v>1</v>
      </c>
      <c r="L30911" t="s">
        <v>995</v>
      </c>
      <c r="M30911" t="s">
        <v>87</v>
      </c>
      <c r="N30911" t="s">
        <v>88</v>
      </c>
      <c r="O30911" t="s">
        <v>85</v>
      </c>
      <c r="P30911" t="s">
        <v>86</v>
      </c>
      <c r="Q30911">
        <v>14</v>
      </c>
      <c r="R30911">
        <v>14</v>
      </c>
      <c r="S30911">
        <v>14</v>
      </c>
      <c r="T30911">
        <v>15</v>
      </c>
      <c r="U30911">
        <v>15</v>
      </c>
      <c r="V30911">
        <v>15</v>
      </c>
      <c r="W30911">
        <v>15</v>
      </c>
      <c r="X30911">
        <v>15</v>
      </c>
      <c r="Y30911">
        <v>15</v>
      </c>
      <c r="Z30911">
        <v>15</v>
      </c>
      <c r="AA30911">
        <v>15</v>
      </c>
      <c r="AB30911">
        <v>15</v>
      </c>
      <c r="AC30911">
        <v>15</v>
      </c>
      <c r="AD30911">
        <v>16</v>
      </c>
      <c r="AE30911">
        <v>16</v>
      </c>
      <c r="AF30911">
        <v>16</v>
      </c>
      <c r="AG30911">
        <v>16</v>
      </c>
      <c r="AH30911">
        <v>16</v>
      </c>
      <c r="AI30911">
        <v>16</v>
      </c>
      <c r="AJ30911">
        <v>16</v>
      </c>
      <c r="AK30911">
        <v>16</v>
      </c>
      <c r="AL30911">
        <v>16</v>
      </c>
      <c r="AM30911">
        <v>17</v>
      </c>
      <c r="AN30911">
        <v>17</v>
      </c>
      <c r="AO30911">
        <v>17</v>
      </c>
      <c r="AP30911">
        <v>17</v>
      </c>
      <c r="AQ30911">
        <v>17</v>
      </c>
    </row>
    <row r="30912" spans="1:43">
      <c r="A30912" t="s">
        <v>19151</v>
      </c>
      <c r="B30912" t="s">
        <v>19152</v>
      </c>
      <c r="C30912" t="s">
        <v>19153</v>
      </c>
      <c r="D30912" t="s">
        <v>19154</v>
      </c>
      <c r="E30912" t="s">
        <v>18995</v>
      </c>
      <c r="F30912" t="s">
        <v>18996</v>
      </c>
      <c r="G30912" t="s">
        <v>10734</v>
      </c>
      <c r="H30912" t="s">
        <v>10735</v>
      </c>
      <c r="I30912" s="2">
        <v>0</v>
      </c>
      <c r="J30912" s="2">
        <v>0</v>
      </c>
      <c r="K30912" s="2">
        <v>1</v>
      </c>
      <c r="L30912" t="s">
        <v>995</v>
      </c>
      <c r="M30912" t="s">
        <v>89</v>
      </c>
      <c r="N30912" t="s">
        <v>90</v>
      </c>
      <c r="O30912" t="s">
        <v>85</v>
      </c>
      <c r="P30912" t="s">
        <v>86</v>
      </c>
      <c r="Q30912">
        <v>14</v>
      </c>
      <c r="R30912">
        <v>15</v>
      </c>
      <c r="S30912">
        <v>15</v>
      </c>
      <c r="T30912">
        <v>16</v>
      </c>
      <c r="U30912">
        <v>16</v>
      </c>
      <c r="V30912">
        <v>16</v>
      </c>
      <c r="W30912">
        <v>17</v>
      </c>
      <c r="X30912">
        <v>17</v>
      </c>
      <c r="Y30912">
        <v>17</v>
      </c>
      <c r="Z30912">
        <v>18</v>
      </c>
      <c r="AA30912">
        <v>18</v>
      </c>
      <c r="AB30912">
        <v>18</v>
      </c>
      <c r="AC30912">
        <v>18</v>
      </c>
      <c r="AD30912">
        <v>19</v>
      </c>
      <c r="AE30912">
        <v>19</v>
      </c>
      <c r="AF30912">
        <v>19</v>
      </c>
      <c r="AG30912">
        <v>19</v>
      </c>
      <c r="AH30912">
        <v>19</v>
      </c>
      <c r="AI30912">
        <v>19</v>
      </c>
      <c r="AJ30912">
        <v>19</v>
      </c>
      <c r="AK30912">
        <v>19</v>
      </c>
      <c r="AL30912">
        <v>19</v>
      </c>
      <c r="AM30912">
        <v>20</v>
      </c>
      <c r="AN30912">
        <v>20</v>
      </c>
      <c r="AO30912">
        <v>20</v>
      </c>
      <c r="AP30912">
        <v>20</v>
      </c>
      <c r="AQ30912">
        <v>20</v>
      </c>
    </row>
    <row r="30913" spans="1:43">
      <c r="A30913" t="s">
        <v>19151</v>
      </c>
      <c r="B30913" t="s">
        <v>19152</v>
      </c>
      <c r="C30913" t="s">
        <v>19153</v>
      </c>
      <c r="D30913" t="s">
        <v>19154</v>
      </c>
      <c r="E30913" t="s">
        <v>18995</v>
      </c>
      <c r="F30913" t="s">
        <v>18996</v>
      </c>
      <c r="G30913" t="s">
        <v>10734</v>
      </c>
      <c r="H30913" t="s">
        <v>10735</v>
      </c>
      <c r="I30913" s="2">
        <v>0</v>
      </c>
      <c r="J30913" s="2">
        <v>0</v>
      </c>
      <c r="K30913" s="2">
        <v>1</v>
      </c>
      <c r="L30913" t="s">
        <v>995</v>
      </c>
      <c r="M30913" t="s">
        <v>83</v>
      </c>
      <c r="N30913" t="s">
        <v>91</v>
      </c>
      <c r="O30913" t="s">
        <v>85</v>
      </c>
      <c r="P30913" t="s">
        <v>86</v>
      </c>
      <c r="Q30913">
        <v>14</v>
      </c>
      <c r="R30913">
        <v>15</v>
      </c>
      <c r="S30913">
        <v>15</v>
      </c>
      <c r="T30913">
        <v>15</v>
      </c>
      <c r="U30913">
        <v>15</v>
      </c>
      <c r="V30913">
        <v>16</v>
      </c>
      <c r="W30913">
        <v>16</v>
      </c>
      <c r="X30913">
        <v>16</v>
      </c>
      <c r="Y30913">
        <v>16</v>
      </c>
      <c r="Z30913">
        <v>17</v>
      </c>
      <c r="AA30913">
        <v>17</v>
      </c>
      <c r="AB30913">
        <v>17</v>
      </c>
      <c r="AC30913">
        <v>17</v>
      </c>
      <c r="AD30913">
        <v>17</v>
      </c>
      <c r="AE30913">
        <v>18</v>
      </c>
      <c r="AF30913">
        <v>18</v>
      </c>
      <c r="AG30913">
        <v>18</v>
      </c>
      <c r="AH30913">
        <v>18</v>
      </c>
      <c r="AI30913">
        <v>19</v>
      </c>
      <c r="AJ30913">
        <v>19</v>
      </c>
      <c r="AK30913">
        <v>19</v>
      </c>
      <c r="AL30913">
        <v>19</v>
      </c>
      <c r="AM30913">
        <v>19</v>
      </c>
      <c r="AN30913">
        <v>19</v>
      </c>
      <c r="AO30913">
        <v>20</v>
      </c>
      <c r="AP30913">
        <v>20</v>
      </c>
      <c r="AQ30913">
        <v>20</v>
      </c>
    </row>
    <row r="30914" spans="1:43">
      <c r="A30914" t="s">
        <v>19155</v>
      </c>
      <c r="B30914" t="s">
        <v>19156</v>
      </c>
      <c r="C30914" t="s">
        <v>19153</v>
      </c>
      <c r="D30914" t="s">
        <v>19154</v>
      </c>
      <c r="E30914" t="s">
        <v>18995</v>
      </c>
      <c r="F30914" t="s">
        <v>18996</v>
      </c>
      <c r="G30914" t="s">
        <v>10734</v>
      </c>
      <c r="H30914" t="s">
        <v>10735</v>
      </c>
      <c r="I30914" s="2">
        <v>0</v>
      </c>
      <c r="J30914" s="2">
        <v>0</v>
      </c>
      <c r="K30914" s="2">
        <v>1</v>
      </c>
      <c r="L30914" t="s">
        <v>995</v>
      </c>
      <c r="M30914" t="s">
        <v>83</v>
      </c>
      <c r="N30914" t="s">
        <v>84</v>
      </c>
      <c r="O30914" t="s">
        <v>85</v>
      </c>
      <c r="P30914" t="s">
        <v>86</v>
      </c>
      <c r="Q30914">
        <v>10</v>
      </c>
      <c r="R30914">
        <v>10</v>
      </c>
      <c r="S30914">
        <v>10</v>
      </c>
      <c r="T30914">
        <v>11</v>
      </c>
      <c r="U30914">
        <v>11</v>
      </c>
      <c r="V30914">
        <v>11</v>
      </c>
      <c r="W30914">
        <v>11</v>
      </c>
      <c r="X30914">
        <v>11</v>
      </c>
      <c r="Y30914">
        <v>11</v>
      </c>
      <c r="Z30914">
        <v>12</v>
      </c>
      <c r="AA30914">
        <v>12</v>
      </c>
      <c r="AB30914">
        <v>12</v>
      </c>
      <c r="AC30914">
        <v>12</v>
      </c>
      <c r="AD30914">
        <v>12</v>
      </c>
      <c r="AE30914">
        <v>12</v>
      </c>
      <c r="AF30914">
        <v>12</v>
      </c>
      <c r="AG30914">
        <v>13</v>
      </c>
      <c r="AH30914">
        <v>13</v>
      </c>
      <c r="AI30914">
        <v>13</v>
      </c>
      <c r="AJ30914">
        <v>13</v>
      </c>
      <c r="AK30914">
        <v>13</v>
      </c>
      <c r="AL30914">
        <v>13</v>
      </c>
      <c r="AM30914">
        <v>13</v>
      </c>
      <c r="AN30914">
        <v>14</v>
      </c>
      <c r="AO30914">
        <v>14</v>
      </c>
      <c r="AP30914">
        <v>14</v>
      </c>
      <c r="AQ30914">
        <v>14</v>
      </c>
    </row>
    <row r="30915" spans="1:43">
      <c r="A30915" t="s">
        <v>19155</v>
      </c>
      <c r="B30915" t="s">
        <v>19156</v>
      </c>
      <c r="C30915" t="s">
        <v>19153</v>
      </c>
      <c r="D30915" t="s">
        <v>19154</v>
      </c>
      <c r="E30915" t="s">
        <v>18995</v>
      </c>
      <c r="F30915" t="s">
        <v>18996</v>
      </c>
      <c r="G30915" t="s">
        <v>10734</v>
      </c>
      <c r="H30915" t="s">
        <v>10735</v>
      </c>
      <c r="I30915" s="2">
        <v>0</v>
      </c>
      <c r="J30915" s="2">
        <v>0</v>
      </c>
      <c r="K30915" s="2">
        <v>1</v>
      </c>
      <c r="L30915" t="s">
        <v>995</v>
      </c>
      <c r="M30915" t="s">
        <v>87</v>
      </c>
      <c r="N30915" t="s">
        <v>88</v>
      </c>
      <c r="O30915" t="s">
        <v>85</v>
      </c>
      <c r="P30915" t="s">
        <v>86</v>
      </c>
      <c r="Q30915">
        <v>10</v>
      </c>
      <c r="R30915">
        <v>10</v>
      </c>
      <c r="S30915">
        <v>10</v>
      </c>
      <c r="T30915">
        <v>10</v>
      </c>
      <c r="U30915">
        <v>10</v>
      </c>
      <c r="V30915">
        <v>10</v>
      </c>
      <c r="W30915">
        <v>10</v>
      </c>
      <c r="X30915">
        <v>10</v>
      </c>
      <c r="Y30915">
        <v>10</v>
      </c>
      <c r="Z30915">
        <v>11</v>
      </c>
      <c r="AA30915">
        <v>11</v>
      </c>
      <c r="AB30915">
        <v>11</v>
      </c>
      <c r="AC30915">
        <v>11</v>
      </c>
      <c r="AD30915">
        <v>11</v>
      </c>
      <c r="AE30915">
        <v>11</v>
      </c>
      <c r="AF30915">
        <v>11</v>
      </c>
      <c r="AG30915">
        <v>11</v>
      </c>
      <c r="AH30915">
        <v>11</v>
      </c>
      <c r="AI30915">
        <v>11</v>
      </c>
      <c r="AJ30915">
        <v>11</v>
      </c>
      <c r="AK30915">
        <v>11</v>
      </c>
      <c r="AL30915">
        <v>11</v>
      </c>
      <c r="AM30915">
        <v>12</v>
      </c>
      <c r="AN30915">
        <v>12</v>
      </c>
      <c r="AO30915">
        <v>12</v>
      </c>
      <c r="AP30915">
        <v>12</v>
      </c>
      <c r="AQ30915">
        <v>12</v>
      </c>
    </row>
    <row r="30916" spans="1:43">
      <c r="A30916" t="s">
        <v>19155</v>
      </c>
      <c r="B30916" t="s">
        <v>19156</v>
      </c>
      <c r="C30916" t="s">
        <v>19153</v>
      </c>
      <c r="D30916" t="s">
        <v>19154</v>
      </c>
      <c r="E30916" t="s">
        <v>18995</v>
      </c>
      <c r="F30916" t="s">
        <v>18996</v>
      </c>
      <c r="G30916" t="s">
        <v>10734</v>
      </c>
      <c r="H30916" t="s">
        <v>10735</v>
      </c>
      <c r="I30916" s="2">
        <v>0</v>
      </c>
      <c r="J30916" s="2">
        <v>0</v>
      </c>
      <c r="K30916" s="2">
        <v>1</v>
      </c>
      <c r="L30916" t="s">
        <v>995</v>
      </c>
      <c r="M30916" t="s">
        <v>89</v>
      </c>
      <c r="N30916" t="s">
        <v>90</v>
      </c>
      <c r="O30916" t="s">
        <v>85</v>
      </c>
      <c r="P30916" t="s">
        <v>86</v>
      </c>
      <c r="Q30916">
        <v>10</v>
      </c>
      <c r="R30916">
        <v>10</v>
      </c>
      <c r="S30916">
        <v>11</v>
      </c>
      <c r="T30916">
        <v>11</v>
      </c>
      <c r="U30916">
        <v>11</v>
      </c>
      <c r="V30916">
        <v>11</v>
      </c>
      <c r="W30916">
        <v>12</v>
      </c>
      <c r="X30916">
        <v>12</v>
      </c>
      <c r="Y30916">
        <v>12</v>
      </c>
      <c r="Z30916">
        <v>12</v>
      </c>
      <c r="AA30916">
        <v>12</v>
      </c>
      <c r="AB30916">
        <v>13</v>
      </c>
      <c r="AC30916">
        <v>13</v>
      </c>
      <c r="AD30916">
        <v>13</v>
      </c>
      <c r="AE30916">
        <v>13</v>
      </c>
      <c r="AF30916">
        <v>13</v>
      </c>
      <c r="AG30916">
        <v>13</v>
      </c>
      <c r="AH30916">
        <v>13</v>
      </c>
      <c r="AI30916">
        <v>13</v>
      </c>
      <c r="AJ30916">
        <v>13</v>
      </c>
      <c r="AK30916">
        <v>14</v>
      </c>
      <c r="AL30916">
        <v>14</v>
      </c>
      <c r="AM30916">
        <v>14</v>
      </c>
      <c r="AN30916">
        <v>14</v>
      </c>
      <c r="AO30916">
        <v>14</v>
      </c>
      <c r="AP30916">
        <v>14</v>
      </c>
      <c r="AQ30916">
        <v>14</v>
      </c>
    </row>
    <row r="30917" spans="1:43">
      <c r="A30917" t="s">
        <v>19155</v>
      </c>
      <c r="B30917" t="s">
        <v>19156</v>
      </c>
      <c r="C30917" t="s">
        <v>19153</v>
      </c>
      <c r="D30917" t="s">
        <v>19154</v>
      </c>
      <c r="E30917" t="s">
        <v>18995</v>
      </c>
      <c r="F30917" t="s">
        <v>18996</v>
      </c>
      <c r="G30917" t="s">
        <v>10734</v>
      </c>
      <c r="H30917" t="s">
        <v>10735</v>
      </c>
      <c r="I30917" s="2">
        <v>0</v>
      </c>
      <c r="J30917" s="2">
        <v>0</v>
      </c>
      <c r="K30917" s="2">
        <v>1</v>
      </c>
      <c r="L30917" t="s">
        <v>995</v>
      </c>
      <c r="M30917" t="s">
        <v>83</v>
      </c>
      <c r="N30917" t="s">
        <v>91</v>
      </c>
      <c r="O30917" t="s">
        <v>85</v>
      </c>
      <c r="P30917" t="s">
        <v>86</v>
      </c>
      <c r="Q30917">
        <v>10</v>
      </c>
      <c r="R30917">
        <v>10</v>
      </c>
      <c r="S30917">
        <v>10</v>
      </c>
      <c r="T30917">
        <v>11</v>
      </c>
      <c r="U30917">
        <v>11</v>
      </c>
      <c r="V30917">
        <v>11</v>
      </c>
      <c r="W30917">
        <v>11</v>
      </c>
      <c r="X30917">
        <v>11</v>
      </c>
      <c r="Y30917">
        <v>11</v>
      </c>
      <c r="Z30917">
        <v>12</v>
      </c>
      <c r="AA30917">
        <v>12</v>
      </c>
      <c r="AB30917">
        <v>12</v>
      </c>
      <c r="AC30917">
        <v>12</v>
      </c>
      <c r="AD30917">
        <v>12</v>
      </c>
      <c r="AE30917">
        <v>12</v>
      </c>
      <c r="AF30917">
        <v>12</v>
      </c>
      <c r="AG30917">
        <v>13</v>
      </c>
      <c r="AH30917">
        <v>13</v>
      </c>
      <c r="AI30917">
        <v>13</v>
      </c>
      <c r="AJ30917">
        <v>13</v>
      </c>
      <c r="AK30917">
        <v>13</v>
      </c>
      <c r="AL30917">
        <v>13</v>
      </c>
      <c r="AM30917">
        <v>13</v>
      </c>
      <c r="AN30917">
        <v>14</v>
      </c>
      <c r="AO30917">
        <v>14</v>
      </c>
      <c r="AP30917">
        <v>14</v>
      </c>
      <c r="AQ30917">
        <v>14</v>
      </c>
    </row>
    <row r="30918" spans="1:43">
      <c r="A30918" t="s">
        <v>19157</v>
      </c>
      <c r="B30918" t="s">
        <v>19158</v>
      </c>
      <c r="C30918" t="s">
        <v>19117</v>
      </c>
      <c r="D30918" t="s">
        <v>19118</v>
      </c>
      <c r="E30918" t="s">
        <v>18995</v>
      </c>
      <c r="F30918" t="s">
        <v>18996</v>
      </c>
      <c r="G30918" t="s">
        <v>10734</v>
      </c>
      <c r="H30918" t="s">
        <v>10735</v>
      </c>
      <c r="I30918" s="2">
        <v>0</v>
      </c>
      <c r="J30918" s="2">
        <v>0</v>
      </c>
      <c r="K30918" s="2">
        <v>1</v>
      </c>
      <c r="L30918" t="s">
        <v>995</v>
      </c>
      <c r="M30918" t="s">
        <v>83</v>
      </c>
      <c r="N30918" t="s">
        <v>84</v>
      </c>
      <c r="O30918" t="s">
        <v>85</v>
      </c>
      <c r="P30918" t="s">
        <v>86</v>
      </c>
      <c r="Q30918">
        <v>19</v>
      </c>
      <c r="R30918">
        <v>20</v>
      </c>
      <c r="S30918">
        <v>20</v>
      </c>
      <c r="T30918">
        <v>20</v>
      </c>
      <c r="U30918">
        <v>21</v>
      </c>
      <c r="V30918">
        <v>21</v>
      </c>
      <c r="W30918">
        <v>21</v>
      </c>
      <c r="X30918">
        <v>22</v>
      </c>
      <c r="Y30918">
        <v>22</v>
      </c>
      <c r="Z30918">
        <v>22</v>
      </c>
      <c r="AA30918">
        <v>22</v>
      </c>
      <c r="AB30918">
        <v>23</v>
      </c>
      <c r="AC30918">
        <v>23</v>
      </c>
      <c r="AD30918">
        <v>23</v>
      </c>
      <c r="AE30918">
        <v>24</v>
      </c>
      <c r="AF30918">
        <v>24</v>
      </c>
      <c r="AG30918">
        <v>24</v>
      </c>
      <c r="AH30918">
        <v>25</v>
      </c>
      <c r="AI30918">
        <v>25</v>
      </c>
      <c r="AJ30918">
        <v>25</v>
      </c>
      <c r="AK30918">
        <v>26</v>
      </c>
      <c r="AL30918">
        <v>26</v>
      </c>
      <c r="AM30918">
        <v>26</v>
      </c>
      <c r="AN30918">
        <v>26</v>
      </c>
      <c r="AO30918">
        <v>26</v>
      </c>
      <c r="AP30918">
        <v>26</v>
      </c>
      <c r="AQ30918">
        <v>26</v>
      </c>
    </row>
    <row r="30919" spans="1:43">
      <c r="A30919" t="s">
        <v>19157</v>
      </c>
      <c r="B30919" t="s">
        <v>19158</v>
      </c>
      <c r="C30919" t="s">
        <v>19117</v>
      </c>
      <c r="D30919" t="s">
        <v>19118</v>
      </c>
      <c r="E30919" t="s">
        <v>18995</v>
      </c>
      <c r="F30919" t="s">
        <v>18996</v>
      </c>
      <c r="G30919" t="s">
        <v>10734</v>
      </c>
      <c r="H30919" t="s">
        <v>10735</v>
      </c>
      <c r="I30919" s="2">
        <v>0</v>
      </c>
      <c r="J30919" s="2">
        <v>0</v>
      </c>
      <c r="K30919" s="2">
        <v>1</v>
      </c>
      <c r="L30919" t="s">
        <v>995</v>
      </c>
      <c r="M30919" t="s">
        <v>87</v>
      </c>
      <c r="N30919" t="s">
        <v>88</v>
      </c>
      <c r="O30919" t="s">
        <v>85</v>
      </c>
      <c r="P30919" t="s">
        <v>86</v>
      </c>
      <c r="Q30919">
        <v>19</v>
      </c>
      <c r="R30919">
        <v>19</v>
      </c>
      <c r="S30919">
        <v>19</v>
      </c>
      <c r="T30919">
        <v>20</v>
      </c>
      <c r="U30919">
        <v>20</v>
      </c>
      <c r="V30919">
        <v>20</v>
      </c>
      <c r="W30919">
        <v>20</v>
      </c>
      <c r="X30919">
        <v>20</v>
      </c>
      <c r="Y30919">
        <v>20</v>
      </c>
      <c r="Z30919">
        <v>20</v>
      </c>
      <c r="AA30919">
        <v>20</v>
      </c>
      <c r="AB30919">
        <v>21</v>
      </c>
      <c r="AC30919">
        <v>21</v>
      </c>
      <c r="AD30919">
        <v>21</v>
      </c>
      <c r="AE30919">
        <v>21</v>
      </c>
      <c r="AF30919">
        <v>21</v>
      </c>
      <c r="AG30919">
        <v>21</v>
      </c>
      <c r="AH30919">
        <v>21</v>
      </c>
      <c r="AI30919">
        <v>22</v>
      </c>
      <c r="AJ30919">
        <v>22</v>
      </c>
      <c r="AK30919">
        <v>22</v>
      </c>
      <c r="AL30919">
        <v>22</v>
      </c>
      <c r="AM30919">
        <v>22</v>
      </c>
      <c r="AN30919">
        <v>22</v>
      </c>
      <c r="AO30919">
        <v>22</v>
      </c>
      <c r="AP30919">
        <v>23</v>
      </c>
      <c r="AQ30919">
        <v>23</v>
      </c>
    </row>
    <row r="30920" spans="1:43">
      <c r="A30920" t="s">
        <v>19157</v>
      </c>
      <c r="B30920" t="s">
        <v>19158</v>
      </c>
      <c r="C30920" t="s">
        <v>19117</v>
      </c>
      <c r="D30920" t="s">
        <v>19118</v>
      </c>
      <c r="E30920" t="s">
        <v>18995</v>
      </c>
      <c r="F30920" t="s">
        <v>18996</v>
      </c>
      <c r="G30920" t="s">
        <v>10734</v>
      </c>
      <c r="H30920" t="s">
        <v>10735</v>
      </c>
      <c r="I30920" s="2">
        <v>0</v>
      </c>
      <c r="J30920" s="2">
        <v>0</v>
      </c>
      <c r="K30920" s="2">
        <v>1</v>
      </c>
      <c r="L30920" t="s">
        <v>995</v>
      </c>
      <c r="M30920" t="s">
        <v>89</v>
      </c>
      <c r="N30920" t="s">
        <v>90</v>
      </c>
      <c r="O30920" t="s">
        <v>85</v>
      </c>
      <c r="P30920" t="s">
        <v>86</v>
      </c>
      <c r="Q30920">
        <v>19</v>
      </c>
      <c r="R30920">
        <v>19</v>
      </c>
      <c r="S30920">
        <v>19</v>
      </c>
      <c r="T30920">
        <v>20</v>
      </c>
      <c r="U30920">
        <v>20</v>
      </c>
      <c r="V30920">
        <v>21</v>
      </c>
      <c r="W30920">
        <v>21</v>
      </c>
      <c r="X30920">
        <v>22</v>
      </c>
      <c r="Y30920">
        <v>22</v>
      </c>
      <c r="Z30920">
        <v>23</v>
      </c>
      <c r="AA30920">
        <v>23</v>
      </c>
      <c r="AB30920">
        <v>23</v>
      </c>
      <c r="AC30920">
        <v>24</v>
      </c>
      <c r="AD30920">
        <v>24</v>
      </c>
      <c r="AE30920">
        <v>24</v>
      </c>
      <c r="AF30920">
        <v>24</v>
      </c>
      <c r="AG30920">
        <v>25</v>
      </c>
      <c r="AH30920">
        <v>25</v>
      </c>
      <c r="AI30920">
        <v>25</v>
      </c>
      <c r="AJ30920">
        <v>25</v>
      </c>
      <c r="AK30920">
        <v>25</v>
      </c>
      <c r="AL30920">
        <v>25</v>
      </c>
      <c r="AM30920">
        <v>25</v>
      </c>
      <c r="AN30920">
        <v>25</v>
      </c>
      <c r="AO30920">
        <v>25</v>
      </c>
      <c r="AP30920">
        <v>25</v>
      </c>
      <c r="AQ30920">
        <v>25</v>
      </c>
    </row>
    <row r="30921" spans="1:43">
      <c r="A30921" t="s">
        <v>19157</v>
      </c>
      <c r="B30921" t="s">
        <v>19158</v>
      </c>
      <c r="C30921" t="s">
        <v>19117</v>
      </c>
      <c r="D30921" t="s">
        <v>19118</v>
      </c>
      <c r="E30921" t="s">
        <v>18995</v>
      </c>
      <c r="F30921" t="s">
        <v>18996</v>
      </c>
      <c r="G30921" t="s">
        <v>10734</v>
      </c>
      <c r="H30921" t="s">
        <v>10735</v>
      </c>
      <c r="I30921" s="2">
        <v>0</v>
      </c>
      <c r="J30921" s="2">
        <v>0</v>
      </c>
      <c r="K30921" s="2">
        <v>1</v>
      </c>
      <c r="L30921" t="s">
        <v>995</v>
      </c>
      <c r="M30921" t="s">
        <v>83</v>
      </c>
      <c r="N30921" t="s">
        <v>91</v>
      </c>
      <c r="O30921" t="s">
        <v>85</v>
      </c>
      <c r="P30921" t="s">
        <v>86</v>
      </c>
      <c r="Q30921">
        <v>19</v>
      </c>
      <c r="R30921">
        <v>20</v>
      </c>
      <c r="S30921">
        <v>20</v>
      </c>
      <c r="T30921">
        <v>20</v>
      </c>
      <c r="U30921">
        <v>21</v>
      </c>
      <c r="V30921">
        <v>21</v>
      </c>
      <c r="W30921">
        <v>21</v>
      </c>
      <c r="X30921">
        <v>22</v>
      </c>
      <c r="Y30921">
        <v>22</v>
      </c>
      <c r="Z30921">
        <v>22</v>
      </c>
      <c r="AA30921">
        <v>22</v>
      </c>
      <c r="AB30921">
        <v>23</v>
      </c>
      <c r="AC30921">
        <v>23</v>
      </c>
      <c r="AD30921">
        <v>23</v>
      </c>
      <c r="AE30921">
        <v>24</v>
      </c>
      <c r="AF30921">
        <v>24</v>
      </c>
      <c r="AG30921">
        <v>24</v>
      </c>
      <c r="AH30921">
        <v>25</v>
      </c>
      <c r="AI30921">
        <v>25</v>
      </c>
      <c r="AJ30921">
        <v>25</v>
      </c>
      <c r="AK30921">
        <v>26</v>
      </c>
      <c r="AL30921">
        <v>26</v>
      </c>
      <c r="AM30921">
        <v>26</v>
      </c>
      <c r="AN30921">
        <v>26</v>
      </c>
      <c r="AO30921">
        <v>26</v>
      </c>
      <c r="AP30921">
        <v>26</v>
      </c>
      <c r="AQ30921">
        <v>26</v>
      </c>
    </row>
    <row r="30922" spans="1:43">
      <c r="A30922" t="s">
        <v>19159</v>
      </c>
      <c r="B30922" t="s">
        <v>19160</v>
      </c>
      <c r="C30922" t="s">
        <v>19117</v>
      </c>
      <c r="D30922" t="s">
        <v>19118</v>
      </c>
      <c r="E30922" t="s">
        <v>18995</v>
      </c>
      <c r="F30922" t="s">
        <v>18996</v>
      </c>
      <c r="G30922" t="s">
        <v>10734</v>
      </c>
      <c r="H30922" t="s">
        <v>10735</v>
      </c>
      <c r="I30922" s="2">
        <v>0</v>
      </c>
      <c r="J30922" s="2">
        <v>0</v>
      </c>
      <c r="K30922" s="2">
        <v>1</v>
      </c>
      <c r="L30922" t="s">
        <v>995</v>
      </c>
      <c r="M30922" t="s">
        <v>83</v>
      </c>
      <c r="N30922" t="s">
        <v>84</v>
      </c>
      <c r="O30922" t="s">
        <v>85</v>
      </c>
      <c r="P30922" t="s">
        <v>86</v>
      </c>
      <c r="Q30922">
        <v>11</v>
      </c>
      <c r="R30922">
        <v>11</v>
      </c>
      <c r="S30922">
        <v>11</v>
      </c>
      <c r="T30922">
        <v>11</v>
      </c>
      <c r="U30922">
        <v>12</v>
      </c>
      <c r="V30922">
        <v>12</v>
      </c>
      <c r="W30922">
        <v>12</v>
      </c>
      <c r="X30922">
        <v>12</v>
      </c>
      <c r="Y30922">
        <v>12</v>
      </c>
      <c r="Z30922">
        <v>12</v>
      </c>
      <c r="AA30922">
        <v>13</v>
      </c>
      <c r="AB30922">
        <v>13</v>
      </c>
      <c r="AC30922">
        <v>13</v>
      </c>
      <c r="AD30922">
        <v>13</v>
      </c>
      <c r="AE30922">
        <v>13</v>
      </c>
      <c r="AF30922">
        <v>14</v>
      </c>
      <c r="AG30922">
        <v>14</v>
      </c>
      <c r="AH30922">
        <v>14</v>
      </c>
      <c r="AI30922">
        <v>14</v>
      </c>
      <c r="AJ30922">
        <v>14</v>
      </c>
      <c r="AK30922">
        <v>14</v>
      </c>
      <c r="AL30922">
        <v>15</v>
      </c>
      <c r="AM30922">
        <v>15</v>
      </c>
      <c r="AN30922">
        <v>15</v>
      </c>
      <c r="AO30922">
        <v>15</v>
      </c>
      <c r="AP30922">
        <v>15</v>
      </c>
      <c r="AQ30922">
        <v>15</v>
      </c>
    </row>
    <row r="30923" spans="1:43">
      <c r="A30923" t="s">
        <v>19159</v>
      </c>
      <c r="B30923" t="s">
        <v>19160</v>
      </c>
      <c r="C30923" t="s">
        <v>19117</v>
      </c>
      <c r="D30923" t="s">
        <v>19118</v>
      </c>
      <c r="E30923" t="s">
        <v>18995</v>
      </c>
      <c r="F30923" t="s">
        <v>18996</v>
      </c>
      <c r="G30923" t="s">
        <v>10734</v>
      </c>
      <c r="H30923" t="s">
        <v>10735</v>
      </c>
      <c r="I30923" s="2">
        <v>0</v>
      </c>
      <c r="J30923" s="2">
        <v>0</v>
      </c>
      <c r="K30923" s="2">
        <v>1</v>
      </c>
      <c r="L30923" t="s">
        <v>995</v>
      </c>
      <c r="M30923" t="s">
        <v>87</v>
      </c>
      <c r="N30923" t="s">
        <v>88</v>
      </c>
      <c r="O30923" t="s">
        <v>85</v>
      </c>
      <c r="P30923" t="s">
        <v>86</v>
      </c>
      <c r="Q30923">
        <v>11</v>
      </c>
      <c r="R30923">
        <v>11</v>
      </c>
      <c r="S30923">
        <v>11</v>
      </c>
      <c r="T30923">
        <v>11</v>
      </c>
      <c r="U30923">
        <v>11</v>
      </c>
      <c r="V30923">
        <v>11</v>
      </c>
      <c r="W30923">
        <v>11</v>
      </c>
      <c r="X30923">
        <v>11</v>
      </c>
      <c r="Y30923">
        <v>11</v>
      </c>
      <c r="Z30923">
        <v>11</v>
      </c>
      <c r="AA30923">
        <v>12</v>
      </c>
      <c r="AB30923">
        <v>12</v>
      </c>
      <c r="AC30923">
        <v>12</v>
      </c>
      <c r="AD30923">
        <v>12</v>
      </c>
      <c r="AE30923">
        <v>12</v>
      </c>
      <c r="AF30923">
        <v>12</v>
      </c>
      <c r="AG30923">
        <v>12</v>
      </c>
      <c r="AH30923">
        <v>12</v>
      </c>
      <c r="AI30923">
        <v>12</v>
      </c>
      <c r="AJ30923">
        <v>12</v>
      </c>
      <c r="AK30923">
        <v>12</v>
      </c>
      <c r="AL30923">
        <v>12</v>
      </c>
      <c r="AM30923">
        <v>13</v>
      </c>
      <c r="AN30923">
        <v>13</v>
      </c>
      <c r="AO30923">
        <v>13</v>
      </c>
      <c r="AP30923">
        <v>13</v>
      </c>
      <c r="AQ30923">
        <v>13</v>
      </c>
    </row>
    <row r="30924" spans="1:43">
      <c r="A30924" t="s">
        <v>19159</v>
      </c>
      <c r="B30924" t="s">
        <v>19160</v>
      </c>
      <c r="C30924" t="s">
        <v>19117</v>
      </c>
      <c r="D30924" t="s">
        <v>19118</v>
      </c>
      <c r="E30924" t="s">
        <v>18995</v>
      </c>
      <c r="F30924" t="s">
        <v>18996</v>
      </c>
      <c r="G30924" t="s">
        <v>10734</v>
      </c>
      <c r="H30924" t="s">
        <v>10735</v>
      </c>
      <c r="I30924" s="2">
        <v>0</v>
      </c>
      <c r="J30924" s="2">
        <v>0</v>
      </c>
      <c r="K30924" s="2">
        <v>1</v>
      </c>
      <c r="L30924" t="s">
        <v>995</v>
      </c>
      <c r="M30924" t="s">
        <v>89</v>
      </c>
      <c r="N30924" t="s">
        <v>90</v>
      </c>
      <c r="O30924" t="s">
        <v>85</v>
      </c>
      <c r="P30924" t="s">
        <v>86</v>
      </c>
      <c r="Q30924">
        <v>11</v>
      </c>
      <c r="R30924">
        <v>11</v>
      </c>
      <c r="S30924">
        <v>12</v>
      </c>
      <c r="T30924">
        <v>12</v>
      </c>
      <c r="U30924">
        <v>12</v>
      </c>
      <c r="V30924">
        <v>12</v>
      </c>
      <c r="W30924">
        <v>13</v>
      </c>
      <c r="X30924">
        <v>13</v>
      </c>
      <c r="Y30924">
        <v>13</v>
      </c>
      <c r="Z30924">
        <v>13</v>
      </c>
      <c r="AA30924">
        <v>13</v>
      </c>
      <c r="AB30924">
        <v>14</v>
      </c>
      <c r="AC30924">
        <v>14</v>
      </c>
      <c r="AD30924">
        <v>14</v>
      </c>
      <c r="AE30924">
        <v>14</v>
      </c>
      <c r="AF30924">
        <v>14</v>
      </c>
      <c r="AG30924">
        <v>14</v>
      </c>
      <c r="AH30924">
        <v>14</v>
      </c>
      <c r="AI30924">
        <v>14</v>
      </c>
      <c r="AJ30924">
        <v>15</v>
      </c>
      <c r="AK30924">
        <v>15</v>
      </c>
      <c r="AL30924">
        <v>15</v>
      </c>
      <c r="AM30924">
        <v>15</v>
      </c>
      <c r="AN30924">
        <v>15</v>
      </c>
      <c r="AO30924">
        <v>15</v>
      </c>
      <c r="AP30924">
        <v>15</v>
      </c>
      <c r="AQ30924">
        <v>15</v>
      </c>
    </row>
    <row r="30925" spans="1:43">
      <c r="A30925" t="s">
        <v>19159</v>
      </c>
      <c r="B30925" t="s">
        <v>19160</v>
      </c>
      <c r="C30925" t="s">
        <v>19117</v>
      </c>
      <c r="D30925" t="s">
        <v>19118</v>
      </c>
      <c r="E30925" t="s">
        <v>18995</v>
      </c>
      <c r="F30925" t="s">
        <v>18996</v>
      </c>
      <c r="G30925" t="s">
        <v>10734</v>
      </c>
      <c r="H30925" t="s">
        <v>10735</v>
      </c>
      <c r="I30925" s="2">
        <v>0</v>
      </c>
      <c r="J30925" s="2">
        <v>0</v>
      </c>
      <c r="K30925" s="2">
        <v>1</v>
      </c>
      <c r="L30925" t="s">
        <v>995</v>
      </c>
      <c r="M30925" t="s">
        <v>83</v>
      </c>
      <c r="N30925" t="s">
        <v>91</v>
      </c>
      <c r="O30925" t="s">
        <v>85</v>
      </c>
      <c r="P30925" t="s">
        <v>86</v>
      </c>
      <c r="Q30925">
        <v>11</v>
      </c>
      <c r="R30925">
        <v>11</v>
      </c>
      <c r="S30925">
        <v>11</v>
      </c>
      <c r="T30925">
        <v>11</v>
      </c>
      <c r="U30925">
        <v>12</v>
      </c>
      <c r="V30925">
        <v>12</v>
      </c>
      <c r="W30925">
        <v>12</v>
      </c>
      <c r="X30925">
        <v>12</v>
      </c>
      <c r="Y30925">
        <v>12</v>
      </c>
      <c r="Z30925">
        <v>12</v>
      </c>
      <c r="AA30925">
        <v>13</v>
      </c>
      <c r="AB30925">
        <v>13</v>
      </c>
      <c r="AC30925">
        <v>13</v>
      </c>
      <c r="AD30925">
        <v>13</v>
      </c>
      <c r="AE30925">
        <v>13</v>
      </c>
      <c r="AF30925">
        <v>14</v>
      </c>
      <c r="AG30925">
        <v>14</v>
      </c>
      <c r="AH30925">
        <v>14</v>
      </c>
      <c r="AI30925">
        <v>14</v>
      </c>
      <c r="AJ30925">
        <v>14</v>
      </c>
      <c r="AK30925">
        <v>14</v>
      </c>
      <c r="AL30925">
        <v>15</v>
      </c>
      <c r="AM30925">
        <v>15</v>
      </c>
      <c r="AN30925">
        <v>15</v>
      </c>
      <c r="AO30925">
        <v>15</v>
      </c>
      <c r="AP30925">
        <v>15</v>
      </c>
      <c r="AQ30925">
        <v>15</v>
      </c>
    </row>
    <row r="30926" spans="1:43">
      <c r="A30926" t="s">
        <v>19161</v>
      </c>
      <c r="B30926" t="s">
        <v>19162</v>
      </c>
      <c r="C30926" t="s">
        <v>19025</v>
      </c>
      <c r="D30926" t="s">
        <v>19026</v>
      </c>
      <c r="E30926" t="s">
        <v>18995</v>
      </c>
      <c r="F30926" t="s">
        <v>18996</v>
      </c>
      <c r="G30926" t="s">
        <v>10734</v>
      </c>
      <c r="H30926" t="s">
        <v>10735</v>
      </c>
      <c r="I30926" s="2">
        <v>0</v>
      </c>
      <c r="J30926" s="2">
        <v>0</v>
      </c>
      <c r="K30926" s="2">
        <v>1</v>
      </c>
      <c r="L30926" t="s">
        <v>995</v>
      </c>
      <c r="M30926" t="s">
        <v>83</v>
      </c>
      <c r="N30926" t="s">
        <v>84</v>
      </c>
      <c r="O30926" t="s">
        <v>85</v>
      </c>
      <c r="P30926" t="s">
        <v>86</v>
      </c>
      <c r="Q30926">
        <v>5</v>
      </c>
      <c r="R30926">
        <v>5</v>
      </c>
      <c r="S30926">
        <v>6</v>
      </c>
      <c r="T30926">
        <v>6</v>
      </c>
      <c r="U30926">
        <v>6</v>
      </c>
      <c r="V30926">
        <v>6</v>
      </c>
      <c r="W30926">
        <v>6</v>
      </c>
      <c r="X30926">
        <v>6</v>
      </c>
      <c r="Y30926">
        <v>6</v>
      </c>
      <c r="Z30926">
        <v>6</v>
      </c>
      <c r="AA30926">
        <v>6</v>
      </c>
      <c r="AB30926">
        <v>6</v>
      </c>
      <c r="AC30926">
        <v>6</v>
      </c>
      <c r="AD30926">
        <v>6</v>
      </c>
      <c r="AE30926">
        <v>7</v>
      </c>
      <c r="AF30926">
        <v>7</v>
      </c>
      <c r="AG30926">
        <v>7</v>
      </c>
      <c r="AH30926">
        <v>7</v>
      </c>
      <c r="AI30926">
        <v>7</v>
      </c>
      <c r="AJ30926">
        <v>7</v>
      </c>
      <c r="AK30926">
        <v>7</v>
      </c>
      <c r="AL30926">
        <v>7</v>
      </c>
      <c r="AM30926">
        <v>7</v>
      </c>
      <c r="AN30926">
        <v>7</v>
      </c>
      <c r="AO30926">
        <v>7</v>
      </c>
      <c r="AP30926">
        <v>7</v>
      </c>
      <c r="AQ30926">
        <v>7</v>
      </c>
    </row>
    <row r="30927" spans="1:43">
      <c r="A30927" t="s">
        <v>19161</v>
      </c>
      <c r="B30927" t="s">
        <v>19162</v>
      </c>
      <c r="C30927" t="s">
        <v>19025</v>
      </c>
      <c r="D30927" t="s">
        <v>19026</v>
      </c>
      <c r="E30927" t="s">
        <v>18995</v>
      </c>
      <c r="F30927" t="s">
        <v>18996</v>
      </c>
      <c r="G30927" t="s">
        <v>10734</v>
      </c>
      <c r="H30927" t="s">
        <v>10735</v>
      </c>
      <c r="I30927" s="2">
        <v>0</v>
      </c>
      <c r="J30927" s="2">
        <v>0</v>
      </c>
      <c r="K30927" s="2">
        <v>1</v>
      </c>
      <c r="L30927" t="s">
        <v>995</v>
      </c>
      <c r="M30927" t="s">
        <v>87</v>
      </c>
      <c r="N30927" t="s">
        <v>88</v>
      </c>
      <c r="O30927" t="s">
        <v>85</v>
      </c>
      <c r="P30927" t="s">
        <v>86</v>
      </c>
      <c r="Q30927">
        <v>5</v>
      </c>
      <c r="R30927">
        <v>5</v>
      </c>
      <c r="S30927">
        <v>5</v>
      </c>
      <c r="T30927">
        <v>5</v>
      </c>
      <c r="U30927">
        <v>5</v>
      </c>
      <c r="V30927">
        <v>5</v>
      </c>
      <c r="W30927">
        <v>6</v>
      </c>
      <c r="X30927">
        <v>6</v>
      </c>
      <c r="Y30927">
        <v>6</v>
      </c>
      <c r="Z30927">
        <v>6</v>
      </c>
      <c r="AA30927">
        <v>6</v>
      </c>
      <c r="AB30927">
        <v>6</v>
      </c>
      <c r="AC30927">
        <v>6</v>
      </c>
      <c r="AD30927">
        <v>6</v>
      </c>
      <c r="AE30927">
        <v>6</v>
      </c>
      <c r="AF30927">
        <v>6</v>
      </c>
      <c r="AG30927">
        <v>6</v>
      </c>
      <c r="AH30927">
        <v>6</v>
      </c>
      <c r="AI30927">
        <v>6</v>
      </c>
      <c r="AJ30927">
        <v>6</v>
      </c>
      <c r="AK30927">
        <v>6</v>
      </c>
      <c r="AL30927">
        <v>6</v>
      </c>
      <c r="AM30927">
        <v>6</v>
      </c>
      <c r="AN30927">
        <v>6</v>
      </c>
      <c r="AO30927">
        <v>6</v>
      </c>
      <c r="AP30927">
        <v>6</v>
      </c>
      <c r="AQ30927">
        <v>6</v>
      </c>
    </row>
    <row r="30928" spans="1:43">
      <c r="A30928" t="s">
        <v>19161</v>
      </c>
      <c r="B30928" t="s">
        <v>19162</v>
      </c>
      <c r="C30928" t="s">
        <v>19025</v>
      </c>
      <c r="D30928" t="s">
        <v>19026</v>
      </c>
      <c r="E30928" t="s">
        <v>18995</v>
      </c>
      <c r="F30928" t="s">
        <v>18996</v>
      </c>
      <c r="G30928" t="s">
        <v>10734</v>
      </c>
      <c r="H30928" t="s">
        <v>10735</v>
      </c>
      <c r="I30928" s="2">
        <v>0</v>
      </c>
      <c r="J30928" s="2">
        <v>0</v>
      </c>
      <c r="K30928" s="2">
        <v>1</v>
      </c>
      <c r="L30928" t="s">
        <v>995</v>
      </c>
      <c r="M30928" t="s">
        <v>89</v>
      </c>
      <c r="N30928" t="s">
        <v>90</v>
      </c>
      <c r="O30928" t="s">
        <v>85</v>
      </c>
      <c r="P30928" t="s">
        <v>86</v>
      </c>
      <c r="Q30928">
        <v>5</v>
      </c>
      <c r="R30928">
        <v>6</v>
      </c>
      <c r="S30928">
        <v>6</v>
      </c>
      <c r="T30928">
        <v>6</v>
      </c>
      <c r="U30928">
        <v>6</v>
      </c>
      <c r="V30928">
        <v>6</v>
      </c>
      <c r="W30928">
        <v>6</v>
      </c>
      <c r="X30928">
        <v>6</v>
      </c>
      <c r="Y30928">
        <v>6</v>
      </c>
      <c r="Z30928">
        <v>7</v>
      </c>
      <c r="AA30928">
        <v>7</v>
      </c>
      <c r="AB30928">
        <v>7</v>
      </c>
      <c r="AC30928">
        <v>7</v>
      </c>
      <c r="AD30928">
        <v>7</v>
      </c>
      <c r="AE30928">
        <v>7</v>
      </c>
      <c r="AF30928">
        <v>7</v>
      </c>
      <c r="AG30928">
        <v>7</v>
      </c>
      <c r="AH30928">
        <v>7</v>
      </c>
      <c r="AI30928">
        <v>7</v>
      </c>
      <c r="AJ30928">
        <v>7</v>
      </c>
      <c r="AK30928">
        <v>7</v>
      </c>
      <c r="AL30928">
        <v>7</v>
      </c>
      <c r="AM30928">
        <v>7</v>
      </c>
      <c r="AN30928">
        <v>7</v>
      </c>
      <c r="AO30928">
        <v>7</v>
      </c>
      <c r="AP30928">
        <v>7</v>
      </c>
      <c r="AQ30928">
        <v>7</v>
      </c>
    </row>
    <row r="30929" spans="1:43">
      <c r="A30929" t="s">
        <v>19161</v>
      </c>
      <c r="B30929" t="s">
        <v>19162</v>
      </c>
      <c r="C30929" t="s">
        <v>19025</v>
      </c>
      <c r="D30929" t="s">
        <v>19026</v>
      </c>
      <c r="E30929" t="s">
        <v>18995</v>
      </c>
      <c r="F30929" t="s">
        <v>18996</v>
      </c>
      <c r="G30929" t="s">
        <v>10734</v>
      </c>
      <c r="H30929" t="s">
        <v>10735</v>
      </c>
      <c r="I30929" s="2">
        <v>0</v>
      </c>
      <c r="J30929" s="2">
        <v>0</v>
      </c>
      <c r="K30929" s="2">
        <v>1</v>
      </c>
      <c r="L30929" t="s">
        <v>995</v>
      </c>
      <c r="M30929" t="s">
        <v>83</v>
      </c>
      <c r="N30929" t="s">
        <v>91</v>
      </c>
      <c r="O30929" t="s">
        <v>85</v>
      </c>
      <c r="P30929" t="s">
        <v>86</v>
      </c>
      <c r="Q30929">
        <v>5</v>
      </c>
      <c r="R30929">
        <v>5</v>
      </c>
      <c r="S30929">
        <v>6</v>
      </c>
      <c r="T30929">
        <v>6</v>
      </c>
      <c r="U30929">
        <v>6</v>
      </c>
      <c r="V30929">
        <v>6</v>
      </c>
      <c r="W30929">
        <v>6</v>
      </c>
      <c r="X30929">
        <v>6</v>
      </c>
      <c r="Y30929">
        <v>6</v>
      </c>
      <c r="Z30929">
        <v>6</v>
      </c>
      <c r="AA30929">
        <v>6</v>
      </c>
      <c r="AB30929">
        <v>6</v>
      </c>
      <c r="AC30929">
        <v>6</v>
      </c>
      <c r="AD30929">
        <v>6</v>
      </c>
      <c r="AE30929">
        <v>7</v>
      </c>
      <c r="AF30929">
        <v>7</v>
      </c>
      <c r="AG30929">
        <v>7</v>
      </c>
      <c r="AH30929">
        <v>7</v>
      </c>
      <c r="AI30929">
        <v>7</v>
      </c>
      <c r="AJ30929">
        <v>7</v>
      </c>
      <c r="AK30929">
        <v>7</v>
      </c>
      <c r="AL30929">
        <v>7</v>
      </c>
      <c r="AM30929">
        <v>7</v>
      </c>
      <c r="AN30929">
        <v>7</v>
      </c>
      <c r="AO30929">
        <v>7</v>
      </c>
      <c r="AP30929">
        <v>7</v>
      </c>
      <c r="AQ30929">
        <v>7</v>
      </c>
    </row>
    <row r="30930" spans="1:43">
      <c r="A30930" t="s">
        <v>19163</v>
      </c>
      <c r="B30930" t="s">
        <v>19164</v>
      </c>
      <c r="C30930" t="s">
        <v>19117</v>
      </c>
      <c r="D30930" t="s">
        <v>19118</v>
      </c>
      <c r="E30930" t="s">
        <v>18995</v>
      </c>
      <c r="F30930" t="s">
        <v>18996</v>
      </c>
      <c r="G30930" t="s">
        <v>10734</v>
      </c>
      <c r="H30930" t="s">
        <v>10735</v>
      </c>
      <c r="I30930" s="2">
        <v>0</v>
      </c>
      <c r="J30930" s="2">
        <v>0</v>
      </c>
      <c r="K30930" s="2">
        <v>1</v>
      </c>
      <c r="L30930" t="s">
        <v>995</v>
      </c>
      <c r="M30930" t="s">
        <v>83</v>
      </c>
      <c r="N30930" t="s">
        <v>84</v>
      </c>
      <c r="O30930" t="s">
        <v>85</v>
      </c>
      <c r="P30930" t="s">
        <v>86</v>
      </c>
      <c r="Q30930">
        <v>11</v>
      </c>
      <c r="R30930">
        <v>11</v>
      </c>
      <c r="S30930">
        <v>11</v>
      </c>
      <c r="T30930">
        <v>11</v>
      </c>
      <c r="U30930">
        <v>11</v>
      </c>
      <c r="V30930">
        <v>11</v>
      </c>
      <c r="W30930">
        <v>12</v>
      </c>
      <c r="X30930">
        <v>12</v>
      </c>
      <c r="Y30930">
        <v>12</v>
      </c>
      <c r="Z30930">
        <v>12</v>
      </c>
      <c r="AA30930">
        <v>12</v>
      </c>
      <c r="AB30930">
        <v>13</v>
      </c>
      <c r="AC30930">
        <v>13</v>
      </c>
      <c r="AD30930">
        <v>13</v>
      </c>
      <c r="AE30930">
        <v>13</v>
      </c>
      <c r="AF30930">
        <v>13</v>
      </c>
      <c r="AG30930">
        <v>13</v>
      </c>
      <c r="AH30930">
        <v>14</v>
      </c>
      <c r="AI30930">
        <v>14</v>
      </c>
      <c r="AJ30930">
        <v>14</v>
      </c>
      <c r="AK30930">
        <v>14</v>
      </c>
      <c r="AL30930">
        <v>14</v>
      </c>
      <c r="AM30930">
        <v>14</v>
      </c>
      <c r="AN30930">
        <v>14</v>
      </c>
      <c r="AO30930">
        <v>14</v>
      </c>
      <c r="AP30930">
        <v>14</v>
      </c>
      <c r="AQ30930">
        <v>14</v>
      </c>
    </row>
    <row r="30931" spans="1:43">
      <c r="A30931" t="s">
        <v>19163</v>
      </c>
      <c r="B30931" t="s">
        <v>19164</v>
      </c>
      <c r="C30931" t="s">
        <v>19117</v>
      </c>
      <c r="D30931" t="s">
        <v>19118</v>
      </c>
      <c r="E30931" t="s">
        <v>18995</v>
      </c>
      <c r="F30931" t="s">
        <v>18996</v>
      </c>
      <c r="G30931" t="s">
        <v>10734</v>
      </c>
      <c r="H30931" t="s">
        <v>10735</v>
      </c>
      <c r="I30931" s="2">
        <v>0</v>
      </c>
      <c r="J30931" s="2">
        <v>0</v>
      </c>
      <c r="K30931" s="2">
        <v>1</v>
      </c>
      <c r="L30931" t="s">
        <v>995</v>
      </c>
      <c r="M30931" t="s">
        <v>87</v>
      </c>
      <c r="N30931" t="s">
        <v>88</v>
      </c>
      <c r="O30931" t="s">
        <v>85</v>
      </c>
      <c r="P30931" t="s">
        <v>86</v>
      </c>
      <c r="Q30931">
        <v>11</v>
      </c>
      <c r="R30931">
        <v>11</v>
      </c>
      <c r="S30931">
        <v>11</v>
      </c>
      <c r="T30931">
        <v>11</v>
      </c>
      <c r="U30931">
        <v>11</v>
      </c>
      <c r="V30931">
        <v>11</v>
      </c>
      <c r="W30931">
        <v>11</v>
      </c>
      <c r="X30931">
        <v>11</v>
      </c>
      <c r="Y30931">
        <v>11</v>
      </c>
      <c r="Z30931">
        <v>11</v>
      </c>
      <c r="AA30931">
        <v>11</v>
      </c>
      <c r="AB30931">
        <v>11</v>
      </c>
      <c r="AC30931">
        <v>11</v>
      </c>
      <c r="AD30931">
        <v>11</v>
      </c>
      <c r="AE30931">
        <v>12</v>
      </c>
      <c r="AF30931">
        <v>12</v>
      </c>
      <c r="AG30931">
        <v>12</v>
      </c>
      <c r="AH30931">
        <v>12</v>
      </c>
      <c r="AI30931">
        <v>12</v>
      </c>
      <c r="AJ30931">
        <v>12</v>
      </c>
      <c r="AK30931">
        <v>12</v>
      </c>
      <c r="AL30931">
        <v>12</v>
      </c>
      <c r="AM30931">
        <v>12</v>
      </c>
      <c r="AN30931">
        <v>12</v>
      </c>
      <c r="AO30931">
        <v>12</v>
      </c>
      <c r="AP30931">
        <v>12</v>
      </c>
      <c r="AQ30931">
        <v>13</v>
      </c>
    </row>
    <row r="30932" spans="1:43">
      <c r="A30932" t="s">
        <v>19163</v>
      </c>
      <c r="B30932" t="s">
        <v>19164</v>
      </c>
      <c r="C30932" t="s">
        <v>19117</v>
      </c>
      <c r="D30932" t="s">
        <v>19118</v>
      </c>
      <c r="E30932" t="s">
        <v>18995</v>
      </c>
      <c r="F30932" t="s">
        <v>18996</v>
      </c>
      <c r="G30932" t="s">
        <v>10734</v>
      </c>
      <c r="H30932" t="s">
        <v>10735</v>
      </c>
      <c r="I30932" s="2">
        <v>0</v>
      </c>
      <c r="J30932" s="2">
        <v>0</v>
      </c>
      <c r="K30932" s="2">
        <v>1</v>
      </c>
      <c r="L30932" t="s">
        <v>995</v>
      </c>
      <c r="M30932" t="s">
        <v>89</v>
      </c>
      <c r="N30932" t="s">
        <v>90</v>
      </c>
      <c r="O30932" t="s">
        <v>85</v>
      </c>
      <c r="P30932" t="s">
        <v>86</v>
      </c>
      <c r="Q30932">
        <v>11</v>
      </c>
      <c r="R30932">
        <v>11</v>
      </c>
      <c r="S30932">
        <v>11</v>
      </c>
      <c r="T30932">
        <v>11</v>
      </c>
      <c r="U30932">
        <v>12</v>
      </c>
      <c r="V30932">
        <v>12</v>
      </c>
      <c r="W30932">
        <v>12</v>
      </c>
      <c r="X30932">
        <v>12</v>
      </c>
      <c r="Y30932">
        <v>13</v>
      </c>
      <c r="Z30932">
        <v>13</v>
      </c>
      <c r="AA30932">
        <v>13</v>
      </c>
      <c r="AB30932">
        <v>13</v>
      </c>
      <c r="AC30932">
        <v>14</v>
      </c>
      <c r="AD30932">
        <v>14</v>
      </c>
      <c r="AE30932">
        <v>14</v>
      </c>
      <c r="AF30932">
        <v>14</v>
      </c>
      <c r="AG30932">
        <v>14</v>
      </c>
      <c r="AH30932">
        <v>14</v>
      </c>
      <c r="AI30932">
        <v>14</v>
      </c>
      <c r="AJ30932">
        <v>14</v>
      </c>
      <c r="AK30932">
        <v>14</v>
      </c>
      <c r="AL30932">
        <v>14</v>
      </c>
      <c r="AM30932">
        <v>14</v>
      </c>
      <c r="AN30932">
        <v>14</v>
      </c>
      <c r="AO30932">
        <v>14</v>
      </c>
      <c r="AP30932">
        <v>15</v>
      </c>
      <c r="AQ30932">
        <v>15</v>
      </c>
    </row>
    <row r="30933" spans="1:43">
      <c r="A30933" t="s">
        <v>19163</v>
      </c>
      <c r="B30933" t="s">
        <v>19164</v>
      </c>
      <c r="C30933" t="s">
        <v>19117</v>
      </c>
      <c r="D30933" t="s">
        <v>19118</v>
      </c>
      <c r="E30933" t="s">
        <v>18995</v>
      </c>
      <c r="F30933" t="s">
        <v>18996</v>
      </c>
      <c r="G30933" t="s">
        <v>10734</v>
      </c>
      <c r="H30933" t="s">
        <v>10735</v>
      </c>
      <c r="I30933" s="2">
        <v>0</v>
      </c>
      <c r="J30933" s="2">
        <v>0</v>
      </c>
      <c r="K30933" s="2">
        <v>1</v>
      </c>
      <c r="L30933" t="s">
        <v>995</v>
      </c>
      <c r="M30933" t="s">
        <v>83</v>
      </c>
      <c r="N30933" t="s">
        <v>91</v>
      </c>
      <c r="O30933" t="s">
        <v>85</v>
      </c>
      <c r="P30933" t="s">
        <v>86</v>
      </c>
      <c r="Q30933">
        <v>11</v>
      </c>
      <c r="R30933">
        <v>11</v>
      </c>
      <c r="S30933">
        <v>11</v>
      </c>
      <c r="T30933">
        <v>11</v>
      </c>
      <c r="U30933">
        <v>11</v>
      </c>
      <c r="V30933">
        <v>11</v>
      </c>
      <c r="W30933">
        <v>12</v>
      </c>
      <c r="X30933">
        <v>12</v>
      </c>
      <c r="Y30933">
        <v>12</v>
      </c>
      <c r="Z30933">
        <v>12</v>
      </c>
      <c r="AA30933">
        <v>12</v>
      </c>
      <c r="AB30933">
        <v>13</v>
      </c>
      <c r="AC30933">
        <v>13</v>
      </c>
      <c r="AD30933">
        <v>13</v>
      </c>
      <c r="AE30933">
        <v>13</v>
      </c>
      <c r="AF30933">
        <v>13</v>
      </c>
      <c r="AG30933">
        <v>13</v>
      </c>
      <c r="AH30933">
        <v>14</v>
      </c>
      <c r="AI30933">
        <v>14</v>
      </c>
      <c r="AJ30933">
        <v>14</v>
      </c>
      <c r="AK30933">
        <v>14</v>
      </c>
      <c r="AL30933">
        <v>14</v>
      </c>
      <c r="AM30933">
        <v>14</v>
      </c>
      <c r="AN30933">
        <v>14</v>
      </c>
      <c r="AO30933">
        <v>14</v>
      </c>
      <c r="AP30933">
        <v>14</v>
      </c>
      <c r="AQ30933">
        <v>14</v>
      </c>
    </row>
    <row r="30934" spans="1:43">
      <c r="A30934" t="s">
        <v>19165</v>
      </c>
      <c r="B30934" t="s">
        <v>19166</v>
      </c>
      <c r="C30934" t="s">
        <v>19117</v>
      </c>
      <c r="D30934" t="s">
        <v>19118</v>
      </c>
      <c r="E30934" t="s">
        <v>18995</v>
      </c>
      <c r="F30934" t="s">
        <v>18996</v>
      </c>
      <c r="G30934" t="s">
        <v>10734</v>
      </c>
      <c r="H30934" t="s">
        <v>10735</v>
      </c>
      <c r="I30934" s="2">
        <v>0</v>
      </c>
      <c r="J30934" s="2">
        <v>0</v>
      </c>
      <c r="K30934" s="2">
        <v>1</v>
      </c>
      <c r="L30934" t="s">
        <v>995</v>
      </c>
      <c r="M30934" t="s">
        <v>83</v>
      </c>
      <c r="N30934" t="s">
        <v>84</v>
      </c>
      <c r="O30934" t="s">
        <v>85</v>
      </c>
      <c r="P30934" t="s">
        <v>86</v>
      </c>
      <c r="Q30934">
        <v>8</v>
      </c>
      <c r="R30934">
        <v>8</v>
      </c>
      <c r="S30934">
        <v>8</v>
      </c>
      <c r="T30934">
        <v>8</v>
      </c>
      <c r="U30934">
        <v>8</v>
      </c>
      <c r="V30934">
        <v>8</v>
      </c>
      <c r="W30934">
        <v>8</v>
      </c>
      <c r="X30934">
        <v>8</v>
      </c>
      <c r="Y30934">
        <v>9</v>
      </c>
      <c r="Z30934">
        <v>9</v>
      </c>
      <c r="AA30934">
        <v>9</v>
      </c>
      <c r="AB30934">
        <v>9</v>
      </c>
      <c r="AC30934">
        <v>9</v>
      </c>
      <c r="AD30934">
        <v>9</v>
      </c>
      <c r="AE30934">
        <v>9</v>
      </c>
      <c r="AF30934">
        <v>9</v>
      </c>
      <c r="AG30934">
        <v>10</v>
      </c>
      <c r="AH30934">
        <v>10</v>
      </c>
      <c r="AI30934">
        <v>10</v>
      </c>
      <c r="AJ30934">
        <v>10</v>
      </c>
      <c r="AK30934">
        <v>10</v>
      </c>
      <c r="AL30934">
        <v>10</v>
      </c>
      <c r="AM30934">
        <v>10</v>
      </c>
      <c r="AN30934">
        <v>10</v>
      </c>
      <c r="AO30934">
        <v>10</v>
      </c>
      <c r="AP30934">
        <v>10</v>
      </c>
      <c r="AQ30934">
        <v>10</v>
      </c>
    </row>
    <row r="30935" spans="1:43">
      <c r="A30935" t="s">
        <v>19165</v>
      </c>
      <c r="B30935" t="s">
        <v>19166</v>
      </c>
      <c r="C30935" t="s">
        <v>19117</v>
      </c>
      <c r="D30935" t="s">
        <v>19118</v>
      </c>
      <c r="E30935" t="s">
        <v>18995</v>
      </c>
      <c r="F30935" t="s">
        <v>18996</v>
      </c>
      <c r="G30935" t="s">
        <v>10734</v>
      </c>
      <c r="H30935" t="s">
        <v>10735</v>
      </c>
      <c r="I30935" s="2">
        <v>0</v>
      </c>
      <c r="J30935" s="2">
        <v>0</v>
      </c>
      <c r="K30935" s="2">
        <v>1</v>
      </c>
      <c r="L30935" t="s">
        <v>995</v>
      </c>
      <c r="M30935" t="s">
        <v>87</v>
      </c>
      <c r="N30935" t="s">
        <v>88</v>
      </c>
      <c r="O30935" t="s">
        <v>85</v>
      </c>
      <c r="P30935" t="s">
        <v>86</v>
      </c>
      <c r="Q30935">
        <v>8</v>
      </c>
      <c r="R30935">
        <v>8</v>
      </c>
      <c r="S30935">
        <v>8</v>
      </c>
      <c r="T30935">
        <v>8</v>
      </c>
      <c r="U30935">
        <v>8</v>
      </c>
      <c r="V30935">
        <v>8</v>
      </c>
      <c r="W30935">
        <v>8</v>
      </c>
      <c r="X30935">
        <v>8</v>
      </c>
      <c r="Y30935">
        <v>8</v>
      </c>
      <c r="Z30935">
        <v>8</v>
      </c>
      <c r="AA30935">
        <v>8</v>
      </c>
      <c r="AB30935">
        <v>8</v>
      </c>
      <c r="AC30935">
        <v>8</v>
      </c>
      <c r="AD30935">
        <v>8</v>
      </c>
      <c r="AE30935">
        <v>8</v>
      </c>
      <c r="AF30935">
        <v>8</v>
      </c>
      <c r="AG30935">
        <v>8</v>
      </c>
      <c r="AH30935">
        <v>8</v>
      </c>
      <c r="AI30935">
        <v>8</v>
      </c>
      <c r="AJ30935">
        <v>9</v>
      </c>
      <c r="AK30935">
        <v>9</v>
      </c>
      <c r="AL30935">
        <v>9</v>
      </c>
      <c r="AM30935">
        <v>9</v>
      </c>
      <c r="AN30935">
        <v>9</v>
      </c>
      <c r="AO30935">
        <v>9</v>
      </c>
      <c r="AP30935">
        <v>9</v>
      </c>
      <c r="AQ30935">
        <v>9</v>
      </c>
    </row>
    <row r="30936" spans="1:43">
      <c r="A30936" t="s">
        <v>19165</v>
      </c>
      <c r="B30936" t="s">
        <v>19166</v>
      </c>
      <c r="C30936" t="s">
        <v>19117</v>
      </c>
      <c r="D30936" t="s">
        <v>19118</v>
      </c>
      <c r="E30936" t="s">
        <v>18995</v>
      </c>
      <c r="F30936" t="s">
        <v>18996</v>
      </c>
      <c r="G30936" t="s">
        <v>10734</v>
      </c>
      <c r="H30936" t="s">
        <v>10735</v>
      </c>
      <c r="I30936" s="2">
        <v>0</v>
      </c>
      <c r="J30936" s="2">
        <v>0</v>
      </c>
      <c r="K30936" s="2">
        <v>1</v>
      </c>
      <c r="L30936" t="s">
        <v>995</v>
      </c>
      <c r="M30936" t="s">
        <v>89</v>
      </c>
      <c r="N30936" t="s">
        <v>90</v>
      </c>
      <c r="O30936" t="s">
        <v>85</v>
      </c>
      <c r="P30936" t="s">
        <v>86</v>
      </c>
      <c r="Q30936">
        <v>8</v>
      </c>
      <c r="R30936">
        <v>8</v>
      </c>
      <c r="S30936">
        <v>8</v>
      </c>
      <c r="T30936">
        <v>8</v>
      </c>
      <c r="U30936">
        <v>8</v>
      </c>
      <c r="V30936">
        <v>9</v>
      </c>
      <c r="W30936">
        <v>9</v>
      </c>
      <c r="X30936">
        <v>9</v>
      </c>
      <c r="Y30936">
        <v>9</v>
      </c>
      <c r="Z30936">
        <v>9</v>
      </c>
      <c r="AA30936">
        <v>9</v>
      </c>
      <c r="AB30936">
        <v>10</v>
      </c>
      <c r="AC30936">
        <v>10</v>
      </c>
      <c r="AD30936">
        <v>10</v>
      </c>
      <c r="AE30936">
        <v>10</v>
      </c>
      <c r="AF30936">
        <v>10</v>
      </c>
      <c r="AG30936">
        <v>10</v>
      </c>
      <c r="AH30936">
        <v>10</v>
      </c>
      <c r="AI30936">
        <v>10</v>
      </c>
      <c r="AJ30936">
        <v>10</v>
      </c>
      <c r="AK30936">
        <v>10</v>
      </c>
      <c r="AL30936">
        <v>10</v>
      </c>
      <c r="AM30936">
        <v>10</v>
      </c>
      <c r="AN30936">
        <v>10</v>
      </c>
      <c r="AO30936">
        <v>10</v>
      </c>
      <c r="AP30936">
        <v>10</v>
      </c>
      <c r="AQ30936">
        <v>10</v>
      </c>
    </row>
    <row r="30937" spans="1:43">
      <c r="A30937" t="s">
        <v>19165</v>
      </c>
      <c r="B30937" t="s">
        <v>19166</v>
      </c>
      <c r="C30937" t="s">
        <v>19117</v>
      </c>
      <c r="D30937" t="s">
        <v>19118</v>
      </c>
      <c r="E30937" t="s">
        <v>18995</v>
      </c>
      <c r="F30937" t="s">
        <v>18996</v>
      </c>
      <c r="G30937" t="s">
        <v>10734</v>
      </c>
      <c r="H30937" t="s">
        <v>10735</v>
      </c>
      <c r="I30937" s="2">
        <v>0</v>
      </c>
      <c r="J30937" s="2">
        <v>0</v>
      </c>
      <c r="K30937" s="2">
        <v>1</v>
      </c>
      <c r="L30937" t="s">
        <v>995</v>
      </c>
      <c r="M30937" t="s">
        <v>83</v>
      </c>
      <c r="N30937" t="s">
        <v>91</v>
      </c>
      <c r="O30937" t="s">
        <v>85</v>
      </c>
      <c r="P30937" t="s">
        <v>86</v>
      </c>
      <c r="Q30937">
        <v>8</v>
      </c>
      <c r="R30937">
        <v>8</v>
      </c>
      <c r="S30937">
        <v>8</v>
      </c>
      <c r="T30937">
        <v>8</v>
      </c>
      <c r="U30937">
        <v>8</v>
      </c>
      <c r="V30937">
        <v>8</v>
      </c>
      <c r="W30937">
        <v>8</v>
      </c>
      <c r="X30937">
        <v>8</v>
      </c>
      <c r="Y30937">
        <v>9</v>
      </c>
      <c r="Z30937">
        <v>9</v>
      </c>
      <c r="AA30937">
        <v>9</v>
      </c>
      <c r="AB30937">
        <v>9</v>
      </c>
      <c r="AC30937">
        <v>9</v>
      </c>
      <c r="AD30937">
        <v>9</v>
      </c>
      <c r="AE30937">
        <v>9</v>
      </c>
      <c r="AF30937">
        <v>9</v>
      </c>
      <c r="AG30937">
        <v>10</v>
      </c>
      <c r="AH30937">
        <v>10</v>
      </c>
      <c r="AI30937">
        <v>10</v>
      </c>
      <c r="AJ30937">
        <v>10</v>
      </c>
      <c r="AK30937">
        <v>10</v>
      </c>
      <c r="AL30937">
        <v>10</v>
      </c>
      <c r="AM30937">
        <v>10</v>
      </c>
      <c r="AN30937">
        <v>10</v>
      </c>
      <c r="AO30937">
        <v>10</v>
      </c>
      <c r="AP30937">
        <v>10</v>
      </c>
      <c r="AQ30937">
        <v>10</v>
      </c>
    </row>
    <row r="30938" spans="1:43">
      <c r="A30938" t="s">
        <v>19167</v>
      </c>
      <c r="B30938" t="s">
        <v>19168</v>
      </c>
      <c r="C30938" t="s">
        <v>19153</v>
      </c>
      <c r="D30938" t="s">
        <v>19154</v>
      </c>
      <c r="E30938" t="s">
        <v>18995</v>
      </c>
      <c r="F30938" t="s">
        <v>18996</v>
      </c>
      <c r="G30938" t="s">
        <v>10734</v>
      </c>
      <c r="H30938" t="s">
        <v>10735</v>
      </c>
      <c r="I30938" s="2">
        <v>0</v>
      </c>
      <c r="J30938" s="2">
        <v>0</v>
      </c>
      <c r="K30938" s="2">
        <v>1</v>
      </c>
      <c r="L30938" t="s">
        <v>995</v>
      </c>
      <c r="M30938" t="s">
        <v>83</v>
      </c>
      <c r="N30938" t="s">
        <v>84</v>
      </c>
      <c r="O30938" t="s">
        <v>85</v>
      </c>
      <c r="P30938" t="s">
        <v>86</v>
      </c>
      <c r="Q30938">
        <v>22</v>
      </c>
      <c r="R30938">
        <v>23</v>
      </c>
      <c r="S30938">
        <v>23</v>
      </c>
      <c r="T30938">
        <v>23</v>
      </c>
      <c r="U30938">
        <v>24</v>
      </c>
      <c r="V30938">
        <v>24</v>
      </c>
      <c r="W30938">
        <v>25</v>
      </c>
      <c r="X30938">
        <v>25</v>
      </c>
      <c r="Y30938">
        <v>25</v>
      </c>
      <c r="Z30938">
        <v>26</v>
      </c>
      <c r="AA30938">
        <v>26</v>
      </c>
      <c r="AB30938">
        <v>26</v>
      </c>
      <c r="AC30938">
        <v>27</v>
      </c>
      <c r="AD30938">
        <v>27</v>
      </c>
      <c r="AE30938">
        <v>27</v>
      </c>
      <c r="AF30938">
        <v>28</v>
      </c>
      <c r="AG30938">
        <v>28</v>
      </c>
      <c r="AH30938">
        <v>29</v>
      </c>
      <c r="AI30938">
        <v>29</v>
      </c>
      <c r="AJ30938">
        <v>29</v>
      </c>
      <c r="AK30938">
        <v>30</v>
      </c>
      <c r="AL30938">
        <v>30</v>
      </c>
      <c r="AM30938">
        <v>30</v>
      </c>
      <c r="AN30938">
        <v>30</v>
      </c>
      <c r="AO30938">
        <v>30</v>
      </c>
      <c r="AP30938">
        <v>30</v>
      </c>
      <c r="AQ30938">
        <v>30</v>
      </c>
    </row>
    <row r="30939" spans="1:43">
      <c r="A30939" t="s">
        <v>19167</v>
      </c>
      <c r="B30939" t="s">
        <v>19168</v>
      </c>
      <c r="C30939" t="s">
        <v>19153</v>
      </c>
      <c r="D30939" t="s">
        <v>19154</v>
      </c>
      <c r="E30939" t="s">
        <v>18995</v>
      </c>
      <c r="F30939" t="s">
        <v>18996</v>
      </c>
      <c r="G30939" t="s">
        <v>10734</v>
      </c>
      <c r="H30939" t="s">
        <v>10735</v>
      </c>
      <c r="I30939" s="2">
        <v>0</v>
      </c>
      <c r="J30939" s="2">
        <v>0</v>
      </c>
      <c r="K30939" s="2">
        <v>1</v>
      </c>
      <c r="L30939" t="s">
        <v>995</v>
      </c>
      <c r="M30939" t="s">
        <v>87</v>
      </c>
      <c r="N30939" t="s">
        <v>88</v>
      </c>
      <c r="O30939" t="s">
        <v>85</v>
      </c>
      <c r="P30939" t="s">
        <v>86</v>
      </c>
      <c r="Q30939">
        <v>22</v>
      </c>
      <c r="R30939">
        <v>22</v>
      </c>
      <c r="S30939">
        <v>22</v>
      </c>
      <c r="T30939">
        <v>23</v>
      </c>
      <c r="U30939">
        <v>23</v>
      </c>
      <c r="V30939">
        <v>23</v>
      </c>
      <c r="W30939">
        <v>23</v>
      </c>
      <c r="X30939">
        <v>23</v>
      </c>
      <c r="Y30939">
        <v>23</v>
      </c>
      <c r="Z30939">
        <v>24</v>
      </c>
      <c r="AA30939">
        <v>24</v>
      </c>
      <c r="AB30939">
        <v>24</v>
      </c>
      <c r="AC30939">
        <v>24</v>
      </c>
      <c r="AD30939">
        <v>24</v>
      </c>
      <c r="AE30939">
        <v>24</v>
      </c>
      <c r="AF30939">
        <v>25</v>
      </c>
      <c r="AG30939">
        <v>25</v>
      </c>
      <c r="AH30939">
        <v>25</v>
      </c>
      <c r="AI30939">
        <v>25</v>
      </c>
      <c r="AJ30939">
        <v>25</v>
      </c>
      <c r="AK30939">
        <v>25</v>
      </c>
      <c r="AL30939">
        <v>26</v>
      </c>
      <c r="AM30939">
        <v>26</v>
      </c>
      <c r="AN30939">
        <v>26</v>
      </c>
      <c r="AO30939">
        <v>26</v>
      </c>
      <c r="AP30939">
        <v>26</v>
      </c>
      <c r="AQ30939">
        <v>27</v>
      </c>
    </row>
    <row r="30940" spans="1:43">
      <c r="A30940" t="s">
        <v>19167</v>
      </c>
      <c r="B30940" t="s">
        <v>19168</v>
      </c>
      <c r="C30940" t="s">
        <v>19153</v>
      </c>
      <c r="D30940" t="s">
        <v>19154</v>
      </c>
      <c r="E30940" t="s">
        <v>18995</v>
      </c>
      <c r="F30940" t="s">
        <v>18996</v>
      </c>
      <c r="G30940" t="s">
        <v>10734</v>
      </c>
      <c r="H30940" t="s">
        <v>10735</v>
      </c>
      <c r="I30940" s="2">
        <v>0</v>
      </c>
      <c r="J30940" s="2">
        <v>0</v>
      </c>
      <c r="K30940" s="2">
        <v>1</v>
      </c>
      <c r="L30940" t="s">
        <v>995</v>
      </c>
      <c r="M30940" t="s">
        <v>89</v>
      </c>
      <c r="N30940" t="s">
        <v>90</v>
      </c>
      <c r="O30940" t="s">
        <v>85</v>
      </c>
      <c r="P30940" t="s">
        <v>86</v>
      </c>
      <c r="Q30940">
        <v>22</v>
      </c>
      <c r="R30940">
        <v>22</v>
      </c>
      <c r="S30940">
        <v>23</v>
      </c>
      <c r="T30940">
        <v>23</v>
      </c>
      <c r="U30940">
        <v>24</v>
      </c>
      <c r="V30940">
        <v>24</v>
      </c>
      <c r="W30940">
        <v>25</v>
      </c>
      <c r="X30940">
        <v>25</v>
      </c>
      <c r="Y30940">
        <v>26</v>
      </c>
      <c r="Z30940">
        <v>26</v>
      </c>
      <c r="AA30940">
        <v>27</v>
      </c>
      <c r="AB30940">
        <v>27</v>
      </c>
      <c r="AC30940">
        <v>28</v>
      </c>
      <c r="AD30940">
        <v>28</v>
      </c>
      <c r="AE30940">
        <v>28</v>
      </c>
      <c r="AF30940">
        <v>28</v>
      </c>
      <c r="AG30940">
        <v>29</v>
      </c>
      <c r="AH30940">
        <v>29</v>
      </c>
      <c r="AI30940">
        <v>29</v>
      </c>
      <c r="AJ30940">
        <v>29</v>
      </c>
      <c r="AK30940">
        <v>29</v>
      </c>
      <c r="AL30940">
        <v>29</v>
      </c>
      <c r="AM30940">
        <v>29</v>
      </c>
      <c r="AN30940">
        <v>29</v>
      </c>
      <c r="AO30940">
        <v>29</v>
      </c>
      <c r="AP30940">
        <v>30</v>
      </c>
      <c r="AQ30940">
        <v>30</v>
      </c>
    </row>
    <row r="30941" spans="1:43">
      <c r="A30941" t="s">
        <v>19167</v>
      </c>
      <c r="B30941" t="s">
        <v>19168</v>
      </c>
      <c r="C30941" t="s">
        <v>19153</v>
      </c>
      <c r="D30941" t="s">
        <v>19154</v>
      </c>
      <c r="E30941" t="s">
        <v>18995</v>
      </c>
      <c r="F30941" t="s">
        <v>18996</v>
      </c>
      <c r="G30941" t="s">
        <v>10734</v>
      </c>
      <c r="H30941" t="s">
        <v>10735</v>
      </c>
      <c r="I30941" s="2">
        <v>0</v>
      </c>
      <c r="J30941" s="2">
        <v>0</v>
      </c>
      <c r="K30941" s="2">
        <v>1</v>
      </c>
      <c r="L30941" t="s">
        <v>995</v>
      </c>
      <c r="M30941" t="s">
        <v>83</v>
      </c>
      <c r="N30941" t="s">
        <v>91</v>
      </c>
      <c r="O30941" t="s">
        <v>85</v>
      </c>
      <c r="P30941" t="s">
        <v>86</v>
      </c>
      <c r="Q30941">
        <v>22</v>
      </c>
      <c r="R30941">
        <v>23</v>
      </c>
      <c r="S30941">
        <v>23</v>
      </c>
      <c r="T30941">
        <v>23</v>
      </c>
      <c r="U30941">
        <v>24</v>
      </c>
      <c r="V30941">
        <v>24</v>
      </c>
      <c r="W30941">
        <v>25</v>
      </c>
      <c r="X30941">
        <v>25</v>
      </c>
      <c r="Y30941">
        <v>25</v>
      </c>
      <c r="Z30941">
        <v>26</v>
      </c>
      <c r="AA30941">
        <v>26</v>
      </c>
      <c r="AB30941">
        <v>26</v>
      </c>
      <c r="AC30941">
        <v>27</v>
      </c>
      <c r="AD30941">
        <v>27</v>
      </c>
      <c r="AE30941">
        <v>27</v>
      </c>
      <c r="AF30941">
        <v>28</v>
      </c>
      <c r="AG30941">
        <v>28</v>
      </c>
      <c r="AH30941">
        <v>29</v>
      </c>
      <c r="AI30941">
        <v>29</v>
      </c>
      <c r="AJ30941">
        <v>29</v>
      </c>
      <c r="AK30941">
        <v>30</v>
      </c>
      <c r="AL30941">
        <v>30</v>
      </c>
      <c r="AM30941">
        <v>30</v>
      </c>
      <c r="AN30941">
        <v>30</v>
      </c>
      <c r="AO30941">
        <v>30</v>
      </c>
      <c r="AP30941">
        <v>30</v>
      </c>
      <c r="AQ30941">
        <v>30</v>
      </c>
    </row>
    <row r="30942" spans="1:43">
      <c r="A30942" t="s">
        <v>19169</v>
      </c>
      <c r="B30942" t="s">
        <v>19170</v>
      </c>
      <c r="C30942" t="s">
        <v>19153</v>
      </c>
      <c r="D30942" t="s">
        <v>19154</v>
      </c>
      <c r="E30942" t="s">
        <v>18995</v>
      </c>
      <c r="F30942" t="s">
        <v>18996</v>
      </c>
      <c r="G30942" t="s">
        <v>10734</v>
      </c>
      <c r="H30942" t="s">
        <v>10735</v>
      </c>
      <c r="I30942" s="2">
        <v>0</v>
      </c>
      <c r="J30942" s="2">
        <v>0</v>
      </c>
      <c r="K30942" s="2">
        <v>1</v>
      </c>
      <c r="L30942" t="s">
        <v>995</v>
      </c>
      <c r="M30942" t="s">
        <v>83</v>
      </c>
      <c r="N30942" t="s">
        <v>84</v>
      </c>
      <c r="O30942" t="s">
        <v>85</v>
      </c>
      <c r="P30942" t="s">
        <v>86</v>
      </c>
      <c r="Q30942">
        <v>21</v>
      </c>
      <c r="R30942">
        <v>21</v>
      </c>
      <c r="S30942">
        <v>22</v>
      </c>
      <c r="T30942">
        <v>22</v>
      </c>
      <c r="U30942">
        <v>23</v>
      </c>
      <c r="V30942">
        <v>23</v>
      </c>
      <c r="W30942">
        <v>23</v>
      </c>
      <c r="X30942">
        <v>24</v>
      </c>
      <c r="Y30942">
        <v>24</v>
      </c>
      <c r="Z30942">
        <v>24</v>
      </c>
      <c r="AA30942">
        <v>25</v>
      </c>
      <c r="AB30942">
        <v>25</v>
      </c>
      <c r="AC30942">
        <v>25</v>
      </c>
      <c r="AD30942">
        <v>26</v>
      </c>
      <c r="AE30942">
        <v>26</v>
      </c>
      <c r="AF30942">
        <v>26</v>
      </c>
      <c r="AG30942">
        <v>27</v>
      </c>
      <c r="AH30942">
        <v>27</v>
      </c>
      <c r="AI30942">
        <v>27</v>
      </c>
      <c r="AJ30942">
        <v>28</v>
      </c>
      <c r="AK30942">
        <v>28</v>
      </c>
      <c r="AL30942">
        <v>28</v>
      </c>
      <c r="AM30942">
        <v>28</v>
      </c>
      <c r="AN30942">
        <v>28</v>
      </c>
      <c r="AO30942">
        <v>29</v>
      </c>
      <c r="AP30942">
        <v>29</v>
      </c>
      <c r="AQ30942">
        <v>29</v>
      </c>
    </row>
    <row r="30943" spans="1:43">
      <c r="A30943" t="s">
        <v>19169</v>
      </c>
      <c r="B30943" t="s">
        <v>19170</v>
      </c>
      <c r="C30943" t="s">
        <v>19153</v>
      </c>
      <c r="D30943" t="s">
        <v>19154</v>
      </c>
      <c r="E30943" t="s">
        <v>18995</v>
      </c>
      <c r="F30943" t="s">
        <v>18996</v>
      </c>
      <c r="G30943" t="s">
        <v>10734</v>
      </c>
      <c r="H30943" t="s">
        <v>10735</v>
      </c>
      <c r="I30943" s="2">
        <v>0</v>
      </c>
      <c r="J30943" s="2">
        <v>0</v>
      </c>
      <c r="K30943" s="2">
        <v>1</v>
      </c>
      <c r="L30943" t="s">
        <v>995</v>
      </c>
      <c r="M30943" t="s">
        <v>87</v>
      </c>
      <c r="N30943" t="s">
        <v>88</v>
      </c>
      <c r="O30943" t="s">
        <v>85</v>
      </c>
      <c r="P30943" t="s">
        <v>86</v>
      </c>
      <c r="Q30943">
        <v>21</v>
      </c>
      <c r="R30943">
        <v>21</v>
      </c>
      <c r="S30943">
        <v>21</v>
      </c>
      <c r="T30943">
        <v>21</v>
      </c>
      <c r="U30943">
        <v>22</v>
      </c>
      <c r="V30943">
        <v>22</v>
      </c>
      <c r="W30943">
        <v>22</v>
      </c>
      <c r="X30943">
        <v>22</v>
      </c>
      <c r="Y30943">
        <v>22</v>
      </c>
      <c r="Z30943">
        <v>22</v>
      </c>
      <c r="AA30943">
        <v>22</v>
      </c>
      <c r="AB30943">
        <v>23</v>
      </c>
      <c r="AC30943">
        <v>23</v>
      </c>
      <c r="AD30943">
        <v>23</v>
      </c>
      <c r="AE30943">
        <v>23</v>
      </c>
      <c r="AF30943">
        <v>23</v>
      </c>
      <c r="AG30943">
        <v>23</v>
      </c>
      <c r="AH30943">
        <v>23</v>
      </c>
      <c r="AI30943">
        <v>24</v>
      </c>
      <c r="AJ30943">
        <v>24</v>
      </c>
      <c r="AK30943">
        <v>24</v>
      </c>
      <c r="AL30943">
        <v>24</v>
      </c>
      <c r="AM30943">
        <v>24</v>
      </c>
      <c r="AN30943">
        <v>24</v>
      </c>
      <c r="AO30943">
        <v>25</v>
      </c>
      <c r="AP30943">
        <v>25</v>
      </c>
      <c r="AQ30943">
        <v>25</v>
      </c>
    </row>
    <row r="30944" spans="1:43">
      <c r="A30944" t="s">
        <v>19169</v>
      </c>
      <c r="B30944" t="s">
        <v>19170</v>
      </c>
      <c r="C30944" t="s">
        <v>19153</v>
      </c>
      <c r="D30944" t="s">
        <v>19154</v>
      </c>
      <c r="E30944" t="s">
        <v>18995</v>
      </c>
      <c r="F30944" t="s">
        <v>18996</v>
      </c>
      <c r="G30944" t="s">
        <v>10734</v>
      </c>
      <c r="H30944" t="s">
        <v>10735</v>
      </c>
      <c r="I30944" s="2">
        <v>0</v>
      </c>
      <c r="J30944" s="2">
        <v>0</v>
      </c>
      <c r="K30944" s="2">
        <v>1</v>
      </c>
      <c r="L30944" t="s">
        <v>995</v>
      </c>
      <c r="M30944" t="s">
        <v>89</v>
      </c>
      <c r="N30944" t="s">
        <v>90</v>
      </c>
      <c r="O30944" t="s">
        <v>85</v>
      </c>
      <c r="P30944" t="s">
        <v>86</v>
      </c>
      <c r="Q30944">
        <v>21</v>
      </c>
      <c r="R30944">
        <v>22</v>
      </c>
      <c r="S30944">
        <v>22</v>
      </c>
      <c r="T30944">
        <v>23</v>
      </c>
      <c r="U30944">
        <v>23</v>
      </c>
      <c r="V30944">
        <v>24</v>
      </c>
      <c r="W30944">
        <v>24</v>
      </c>
      <c r="X30944">
        <v>25</v>
      </c>
      <c r="Y30944">
        <v>25</v>
      </c>
      <c r="Z30944">
        <v>26</v>
      </c>
      <c r="AA30944">
        <v>26</v>
      </c>
      <c r="AB30944">
        <v>27</v>
      </c>
      <c r="AC30944">
        <v>27</v>
      </c>
      <c r="AD30944">
        <v>28</v>
      </c>
      <c r="AE30944">
        <v>28</v>
      </c>
      <c r="AF30944">
        <v>28</v>
      </c>
      <c r="AG30944">
        <v>28</v>
      </c>
      <c r="AH30944">
        <v>28</v>
      </c>
      <c r="AI30944">
        <v>28</v>
      </c>
      <c r="AJ30944">
        <v>28</v>
      </c>
      <c r="AK30944">
        <v>28</v>
      </c>
      <c r="AL30944">
        <v>29</v>
      </c>
      <c r="AM30944">
        <v>29</v>
      </c>
      <c r="AN30944">
        <v>29</v>
      </c>
      <c r="AO30944">
        <v>29</v>
      </c>
      <c r="AP30944">
        <v>29</v>
      </c>
      <c r="AQ30944">
        <v>29</v>
      </c>
    </row>
    <row r="30945" spans="1:43">
      <c r="A30945" t="s">
        <v>19169</v>
      </c>
      <c r="B30945" t="s">
        <v>19170</v>
      </c>
      <c r="C30945" t="s">
        <v>19153</v>
      </c>
      <c r="D30945" t="s">
        <v>19154</v>
      </c>
      <c r="E30945" t="s">
        <v>18995</v>
      </c>
      <c r="F30945" t="s">
        <v>18996</v>
      </c>
      <c r="G30945" t="s">
        <v>10734</v>
      </c>
      <c r="H30945" t="s">
        <v>10735</v>
      </c>
      <c r="I30945" s="2">
        <v>0</v>
      </c>
      <c r="J30945" s="2">
        <v>0</v>
      </c>
      <c r="K30945" s="2">
        <v>1</v>
      </c>
      <c r="L30945" t="s">
        <v>995</v>
      </c>
      <c r="M30945" t="s">
        <v>83</v>
      </c>
      <c r="N30945" t="s">
        <v>91</v>
      </c>
      <c r="O30945" t="s">
        <v>85</v>
      </c>
      <c r="P30945" t="s">
        <v>86</v>
      </c>
      <c r="Q30945">
        <v>21</v>
      </c>
      <c r="R30945">
        <v>21</v>
      </c>
      <c r="S30945">
        <v>22</v>
      </c>
      <c r="T30945">
        <v>22</v>
      </c>
      <c r="U30945">
        <v>23</v>
      </c>
      <c r="V30945">
        <v>23</v>
      </c>
      <c r="W30945">
        <v>23</v>
      </c>
      <c r="X30945">
        <v>24</v>
      </c>
      <c r="Y30945">
        <v>24</v>
      </c>
      <c r="Z30945">
        <v>24</v>
      </c>
      <c r="AA30945">
        <v>25</v>
      </c>
      <c r="AB30945">
        <v>25</v>
      </c>
      <c r="AC30945">
        <v>25</v>
      </c>
      <c r="AD30945">
        <v>26</v>
      </c>
      <c r="AE30945">
        <v>26</v>
      </c>
      <c r="AF30945">
        <v>26</v>
      </c>
      <c r="AG30945">
        <v>27</v>
      </c>
      <c r="AH30945">
        <v>27</v>
      </c>
      <c r="AI30945">
        <v>27</v>
      </c>
      <c r="AJ30945">
        <v>28</v>
      </c>
      <c r="AK30945">
        <v>28</v>
      </c>
      <c r="AL30945">
        <v>28</v>
      </c>
      <c r="AM30945">
        <v>28</v>
      </c>
      <c r="AN30945">
        <v>28</v>
      </c>
      <c r="AO30945">
        <v>29</v>
      </c>
      <c r="AP30945">
        <v>29</v>
      </c>
      <c r="AQ30945">
        <v>29</v>
      </c>
    </row>
    <row r="30946" spans="1:43">
      <c r="A30946" t="s">
        <v>19171</v>
      </c>
      <c r="B30946" t="s">
        <v>19172</v>
      </c>
      <c r="C30946" t="s">
        <v>19153</v>
      </c>
      <c r="D30946" t="s">
        <v>19154</v>
      </c>
      <c r="E30946" t="s">
        <v>18995</v>
      </c>
      <c r="F30946" t="s">
        <v>18996</v>
      </c>
      <c r="G30946" t="s">
        <v>10734</v>
      </c>
      <c r="H30946" t="s">
        <v>10735</v>
      </c>
      <c r="I30946" s="2">
        <v>0</v>
      </c>
      <c r="J30946" s="2">
        <v>0</v>
      </c>
      <c r="K30946" s="2">
        <v>1</v>
      </c>
      <c r="L30946" t="s">
        <v>995</v>
      </c>
      <c r="M30946" t="s">
        <v>83</v>
      </c>
      <c r="N30946" t="s">
        <v>84</v>
      </c>
      <c r="O30946" t="s">
        <v>85</v>
      </c>
      <c r="P30946" t="s">
        <v>86</v>
      </c>
      <c r="Q30946">
        <v>19</v>
      </c>
      <c r="R30946">
        <v>20</v>
      </c>
      <c r="S30946">
        <v>20</v>
      </c>
      <c r="T30946">
        <v>20</v>
      </c>
      <c r="U30946">
        <v>21</v>
      </c>
      <c r="V30946">
        <v>21</v>
      </c>
      <c r="W30946">
        <v>21</v>
      </c>
      <c r="X30946">
        <v>22</v>
      </c>
      <c r="Y30946">
        <v>22</v>
      </c>
      <c r="Z30946">
        <v>22</v>
      </c>
      <c r="AA30946">
        <v>22</v>
      </c>
      <c r="AB30946">
        <v>23</v>
      </c>
      <c r="AC30946">
        <v>23</v>
      </c>
      <c r="AD30946">
        <v>23</v>
      </c>
      <c r="AE30946">
        <v>24</v>
      </c>
      <c r="AF30946">
        <v>24</v>
      </c>
      <c r="AG30946">
        <v>24</v>
      </c>
      <c r="AH30946">
        <v>25</v>
      </c>
      <c r="AI30946">
        <v>25</v>
      </c>
      <c r="AJ30946">
        <v>25</v>
      </c>
      <c r="AK30946">
        <v>26</v>
      </c>
      <c r="AL30946">
        <v>26</v>
      </c>
      <c r="AM30946">
        <v>26</v>
      </c>
      <c r="AN30946">
        <v>26</v>
      </c>
      <c r="AO30946">
        <v>26</v>
      </c>
      <c r="AP30946">
        <v>26</v>
      </c>
      <c r="AQ30946">
        <v>26</v>
      </c>
    </row>
    <row r="30947" spans="1:43">
      <c r="A30947" t="s">
        <v>19171</v>
      </c>
      <c r="B30947" t="s">
        <v>19172</v>
      </c>
      <c r="C30947" t="s">
        <v>19153</v>
      </c>
      <c r="D30947" t="s">
        <v>19154</v>
      </c>
      <c r="E30947" t="s">
        <v>18995</v>
      </c>
      <c r="F30947" t="s">
        <v>18996</v>
      </c>
      <c r="G30947" t="s">
        <v>10734</v>
      </c>
      <c r="H30947" t="s">
        <v>10735</v>
      </c>
      <c r="I30947" s="2">
        <v>0</v>
      </c>
      <c r="J30947" s="2">
        <v>0</v>
      </c>
      <c r="K30947" s="2">
        <v>1</v>
      </c>
      <c r="L30947" t="s">
        <v>995</v>
      </c>
      <c r="M30947" t="s">
        <v>87</v>
      </c>
      <c r="N30947" t="s">
        <v>88</v>
      </c>
      <c r="O30947" t="s">
        <v>85</v>
      </c>
      <c r="P30947" t="s">
        <v>86</v>
      </c>
      <c r="Q30947">
        <v>19</v>
      </c>
      <c r="R30947">
        <v>19</v>
      </c>
      <c r="S30947">
        <v>19</v>
      </c>
      <c r="T30947">
        <v>20</v>
      </c>
      <c r="U30947">
        <v>20</v>
      </c>
      <c r="V30947">
        <v>20</v>
      </c>
      <c r="W30947">
        <v>20</v>
      </c>
      <c r="X30947">
        <v>20</v>
      </c>
      <c r="Y30947">
        <v>20</v>
      </c>
      <c r="Z30947">
        <v>20</v>
      </c>
      <c r="AA30947">
        <v>20</v>
      </c>
      <c r="AB30947">
        <v>21</v>
      </c>
      <c r="AC30947">
        <v>21</v>
      </c>
      <c r="AD30947">
        <v>21</v>
      </c>
      <c r="AE30947">
        <v>21</v>
      </c>
      <c r="AF30947">
        <v>21</v>
      </c>
      <c r="AG30947">
        <v>21</v>
      </c>
      <c r="AH30947">
        <v>21</v>
      </c>
      <c r="AI30947">
        <v>22</v>
      </c>
      <c r="AJ30947">
        <v>22</v>
      </c>
      <c r="AK30947">
        <v>22</v>
      </c>
      <c r="AL30947">
        <v>22</v>
      </c>
      <c r="AM30947">
        <v>22</v>
      </c>
      <c r="AN30947">
        <v>22</v>
      </c>
      <c r="AO30947">
        <v>23</v>
      </c>
      <c r="AP30947">
        <v>23</v>
      </c>
      <c r="AQ30947">
        <v>23</v>
      </c>
    </row>
    <row r="30948" spans="1:43">
      <c r="A30948" t="s">
        <v>19171</v>
      </c>
      <c r="B30948" t="s">
        <v>19172</v>
      </c>
      <c r="C30948" t="s">
        <v>19153</v>
      </c>
      <c r="D30948" t="s">
        <v>19154</v>
      </c>
      <c r="E30948" t="s">
        <v>18995</v>
      </c>
      <c r="F30948" t="s">
        <v>18996</v>
      </c>
      <c r="G30948" t="s">
        <v>10734</v>
      </c>
      <c r="H30948" t="s">
        <v>10735</v>
      </c>
      <c r="I30948" s="2">
        <v>0</v>
      </c>
      <c r="J30948" s="2">
        <v>0</v>
      </c>
      <c r="K30948" s="2">
        <v>1</v>
      </c>
      <c r="L30948" t="s">
        <v>995</v>
      </c>
      <c r="M30948" t="s">
        <v>89</v>
      </c>
      <c r="N30948" t="s">
        <v>90</v>
      </c>
      <c r="O30948" t="s">
        <v>85</v>
      </c>
      <c r="P30948" t="s">
        <v>86</v>
      </c>
      <c r="Q30948">
        <v>19</v>
      </c>
      <c r="R30948">
        <v>20</v>
      </c>
      <c r="S30948">
        <v>20</v>
      </c>
      <c r="T30948">
        <v>21</v>
      </c>
      <c r="U30948">
        <v>21</v>
      </c>
      <c r="V30948">
        <v>22</v>
      </c>
      <c r="W30948">
        <v>22</v>
      </c>
      <c r="X30948">
        <v>23</v>
      </c>
      <c r="Y30948">
        <v>23</v>
      </c>
      <c r="Z30948">
        <v>23</v>
      </c>
      <c r="AA30948">
        <v>24</v>
      </c>
      <c r="AB30948">
        <v>24</v>
      </c>
      <c r="AC30948">
        <v>25</v>
      </c>
      <c r="AD30948">
        <v>25</v>
      </c>
      <c r="AE30948">
        <v>25</v>
      </c>
      <c r="AF30948">
        <v>25</v>
      </c>
      <c r="AG30948">
        <v>26</v>
      </c>
      <c r="AH30948">
        <v>26</v>
      </c>
      <c r="AI30948">
        <v>26</v>
      </c>
      <c r="AJ30948">
        <v>26</v>
      </c>
      <c r="AK30948">
        <v>26</v>
      </c>
      <c r="AL30948">
        <v>26</v>
      </c>
      <c r="AM30948">
        <v>26</v>
      </c>
      <c r="AN30948">
        <v>26</v>
      </c>
      <c r="AO30948">
        <v>26</v>
      </c>
      <c r="AP30948">
        <v>26</v>
      </c>
      <c r="AQ30948">
        <v>26</v>
      </c>
    </row>
    <row r="30949" spans="1:43">
      <c r="A30949" t="s">
        <v>19171</v>
      </c>
      <c r="B30949" t="s">
        <v>19172</v>
      </c>
      <c r="C30949" t="s">
        <v>19153</v>
      </c>
      <c r="D30949" t="s">
        <v>19154</v>
      </c>
      <c r="E30949" t="s">
        <v>18995</v>
      </c>
      <c r="F30949" t="s">
        <v>18996</v>
      </c>
      <c r="G30949" t="s">
        <v>10734</v>
      </c>
      <c r="H30949" t="s">
        <v>10735</v>
      </c>
      <c r="I30949" s="2">
        <v>0</v>
      </c>
      <c r="J30949" s="2">
        <v>0</v>
      </c>
      <c r="K30949" s="2">
        <v>1</v>
      </c>
      <c r="L30949" t="s">
        <v>995</v>
      </c>
      <c r="M30949" t="s">
        <v>83</v>
      </c>
      <c r="N30949" t="s">
        <v>91</v>
      </c>
      <c r="O30949" t="s">
        <v>85</v>
      </c>
      <c r="P30949" t="s">
        <v>86</v>
      </c>
      <c r="Q30949">
        <v>19</v>
      </c>
      <c r="R30949">
        <v>20</v>
      </c>
      <c r="S30949">
        <v>20</v>
      </c>
      <c r="T30949">
        <v>20</v>
      </c>
      <c r="U30949">
        <v>21</v>
      </c>
      <c r="V30949">
        <v>21</v>
      </c>
      <c r="W30949">
        <v>21</v>
      </c>
      <c r="X30949">
        <v>22</v>
      </c>
      <c r="Y30949">
        <v>22</v>
      </c>
      <c r="Z30949">
        <v>22</v>
      </c>
      <c r="AA30949">
        <v>22</v>
      </c>
      <c r="AB30949">
        <v>23</v>
      </c>
      <c r="AC30949">
        <v>23</v>
      </c>
      <c r="AD30949">
        <v>23</v>
      </c>
      <c r="AE30949">
        <v>24</v>
      </c>
      <c r="AF30949">
        <v>24</v>
      </c>
      <c r="AG30949">
        <v>24</v>
      </c>
      <c r="AH30949">
        <v>25</v>
      </c>
      <c r="AI30949">
        <v>25</v>
      </c>
      <c r="AJ30949">
        <v>25</v>
      </c>
      <c r="AK30949">
        <v>26</v>
      </c>
      <c r="AL30949">
        <v>26</v>
      </c>
      <c r="AM30949">
        <v>26</v>
      </c>
      <c r="AN30949">
        <v>26</v>
      </c>
      <c r="AO30949">
        <v>26</v>
      </c>
      <c r="AP30949">
        <v>26</v>
      </c>
      <c r="AQ30949">
        <v>26</v>
      </c>
    </row>
    <row r="30950" spans="1:43">
      <c r="A30950" t="s">
        <v>19173</v>
      </c>
      <c r="B30950" t="s">
        <v>19174</v>
      </c>
      <c r="C30950" t="s">
        <v>19153</v>
      </c>
      <c r="D30950" t="s">
        <v>19154</v>
      </c>
      <c r="E30950" t="s">
        <v>18995</v>
      </c>
      <c r="F30950" t="s">
        <v>18996</v>
      </c>
      <c r="G30950" t="s">
        <v>10734</v>
      </c>
      <c r="H30950" t="s">
        <v>10735</v>
      </c>
      <c r="I30950" s="2">
        <v>0</v>
      </c>
      <c r="J30950" s="2">
        <v>0</v>
      </c>
      <c r="K30950" s="2">
        <v>1</v>
      </c>
      <c r="L30950" t="s">
        <v>995</v>
      </c>
      <c r="M30950" t="s">
        <v>83</v>
      </c>
      <c r="N30950" t="s">
        <v>84</v>
      </c>
      <c r="O30950" t="s">
        <v>85</v>
      </c>
      <c r="P30950" t="s">
        <v>86</v>
      </c>
      <c r="Q30950">
        <v>11</v>
      </c>
      <c r="R30950">
        <v>11</v>
      </c>
      <c r="S30950">
        <v>12</v>
      </c>
      <c r="T30950">
        <v>12</v>
      </c>
      <c r="U30950">
        <v>12</v>
      </c>
      <c r="V30950">
        <v>12</v>
      </c>
      <c r="W30950">
        <v>12</v>
      </c>
      <c r="X30950">
        <v>12</v>
      </c>
      <c r="Y30950">
        <v>13</v>
      </c>
      <c r="Z30950">
        <v>13</v>
      </c>
      <c r="AA30950">
        <v>13</v>
      </c>
      <c r="AB30950">
        <v>13</v>
      </c>
      <c r="AC30950">
        <v>13</v>
      </c>
      <c r="AD30950">
        <v>14</v>
      </c>
      <c r="AE30950">
        <v>14</v>
      </c>
      <c r="AF30950">
        <v>14</v>
      </c>
      <c r="AG30950">
        <v>14</v>
      </c>
      <c r="AH30950">
        <v>14</v>
      </c>
      <c r="AI30950">
        <v>14</v>
      </c>
      <c r="AJ30950">
        <v>15</v>
      </c>
      <c r="AK30950">
        <v>15</v>
      </c>
      <c r="AL30950">
        <v>15</v>
      </c>
      <c r="AM30950">
        <v>15</v>
      </c>
      <c r="AN30950">
        <v>15</v>
      </c>
      <c r="AO30950">
        <v>15</v>
      </c>
      <c r="AP30950">
        <v>15</v>
      </c>
      <c r="AQ30950">
        <v>15</v>
      </c>
    </row>
    <row r="30951" spans="1:43">
      <c r="A30951" t="s">
        <v>19173</v>
      </c>
      <c r="B30951" t="s">
        <v>19174</v>
      </c>
      <c r="C30951" t="s">
        <v>19153</v>
      </c>
      <c r="D30951" t="s">
        <v>19154</v>
      </c>
      <c r="E30951" t="s">
        <v>18995</v>
      </c>
      <c r="F30951" t="s">
        <v>18996</v>
      </c>
      <c r="G30951" t="s">
        <v>10734</v>
      </c>
      <c r="H30951" t="s">
        <v>10735</v>
      </c>
      <c r="I30951" s="2">
        <v>0</v>
      </c>
      <c r="J30951" s="2">
        <v>0</v>
      </c>
      <c r="K30951" s="2">
        <v>1</v>
      </c>
      <c r="L30951" t="s">
        <v>995</v>
      </c>
      <c r="M30951" t="s">
        <v>87</v>
      </c>
      <c r="N30951" t="s">
        <v>88</v>
      </c>
      <c r="O30951" t="s">
        <v>85</v>
      </c>
      <c r="P30951" t="s">
        <v>86</v>
      </c>
      <c r="Q30951">
        <v>11</v>
      </c>
      <c r="R30951">
        <v>11</v>
      </c>
      <c r="S30951">
        <v>11</v>
      </c>
      <c r="T30951">
        <v>11</v>
      </c>
      <c r="U30951">
        <v>11</v>
      </c>
      <c r="V30951">
        <v>11</v>
      </c>
      <c r="W30951">
        <v>12</v>
      </c>
      <c r="X30951">
        <v>12</v>
      </c>
      <c r="Y30951">
        <v>12</v>
      </c>
      <c r="Z30951">
        <v>12</v>
      </c>
      <c r="AA30951">
        <v>12</v>
      </c>
      <c r="AB30951">
        <v>12</v>
      </c>
      <c r="AC30951">
        <v>12</v>
      </c>
      <c r="AD30951">
        <v>12</v>
      </c>
      <c r="AE30951">
        <v>12</v>
      </c>
      <c r="AF30951">
        <v>12</v>
      </c>
      <c r="AG30951">
        <v>12</v>
      </c>
      <c r="AH30951">
        <v>12</v>
      </c>
      <c r="AI30951">
        <v>13</v>
      </c>
      <c r="AJ30951">
        <v>13</v>
      </c>
      <c r="AK30951">
        <v>13</v>
      </c>
      <c r="AL30951">
        <v>13</v>
      </c>
      <c r="AM30951">
        <v>13</v>
      </c>
      <c r="AN30951">
        <v>13</v>
      </c>
      <c r="AO30951">
        <v>13</v>
      </c>
      <c r="AP30951">
        <v>13</v>
      </c>
      <c r="AQ30951">
        <v>13</v>
      </c>
    </row>
    <row r="30952" spans="1:43">
      <c r="A30952" t="s">
        <v>19173</v>
      </c>
      <c r="B30952" t="s">
        <v>19174</v>
      </c>
      <c r="C30952" t="s">
        <v>19153</v>
      </c>
      <c r="D30952" t="s">
        <v>19154</v>
      </c>
      <c r="E30952" t="s">
        <v>18995</v>
      </c>
      <c r="F30952" t="s">
        <v>18996</v>
      </c>
      <c r="G30952" t="s">
        <v>10734</v>
      </c>
      <c r="H30952" t="s">
        <v>10735</v>
      </c>
      <c r="I30952" s="2">
        <v>0</v>
      </c>
      <c r="J30952" s="2">
        <v>0</v>
      </c>
      <c r="K30952" s="2">
        <v>1</v>
      </c>
      <c r="L30952" t="s">
        <v>995</v>
      </c>
      <c r="M30952" t="s">
        <v>89</v>
      </c>
      <c r="N30952" t="s">
        <v>90</v>
      </c>
      <c r="O30952" t="s">
        <v>85</v>
      </c>
      <c r="P30952" t="s">
        <v>86</v>
      </c>
      <c r="Q30952">
        <v>11</v>
      </c>
      <c r="R30952">
        <v>12</v>
      </c>
      <c r="S30952">
        <v>12</v>
      </c>
      <c r="T30952">
        <v>12</v>
      </c>
      <c r="U30952">
        <v>12</v>
      </c>
      <c r="V30952">
        <v>13</v>
      </c>
      <c r="W30952">
        <v>13</v>
      </c>
      <c r="X30952">
        <v>13</v>
      </c>
      <c r="Y30952">
        <v>13</v>
      </c>
      <c r="Z30952">
        <v>14</v>
      </c>
      <c r="AA30952">
        <v>14</v>
      </c>
      <c r="AB30952">
        <v>14</v>
      </c>
      <c r="AC30952">
        <v>14</v>
      </c>
      <c r="AD30952">
        <v>15</v>
      </c>
      <c r="AE30952">
        <v>15</v>
      </c>
      <c r="AF30952">
        <v>15</v>
      </c>
      <c r="AG30952">
        <v>15</v>
      </c>
      <c r="AH30952">
        <v>15</v>
      </c>
      <c r="AI30952">
        <v>15</v>
      </c>
      <c r="AJ30952">
        <v>15</v>
      </c>
      <c r="AK30952">
        <v>15</v>
      </c>
      <c r="AL30952">
        <v>15</v>
      </c>
      <c r="AM30952">
        <v>15</v>
      </c>
      <c r="AN30952">
        <v>15</v>
      </c>
      <c r="AO30952">
        <v>15</v>
      </c>
      <c r="AP30952">
        <v>15</v>
      </c>
      <c r="AQ30952">
        <v>15</v>
      </c>
    </row>
    <row r="30953" spans="1:43">
      <c r="A30953" t="s">
        <v>19173</v>
      </c>
      <c r="B30953" t="s">
        <v>19174</v>
      </c>
      <c r="C30953" t="s">
        <v>19153</v>
      </c>
      <c r="D30953" t="s">
        <v>19154</v>
      </c>
      <c r="E30953" t="s">
        <v>18995</v>
      </c>
      <c r="F30953" t="s">
        <v>18996</v>
      </c>
      <c r="G30953" t="s">
        <v>10734</v>
      </c>
      <c r="H30953" t="s">
        <v>10735</v>
      </c>
      <c r="I30953" s="2">
        <v>0</v>
      </c>
      <c r="J30953" s="2">
        <v>0</v>
      </c>
      <c r="K30953" s="2">
        <v>1</v>
      </c>
      <c r="L30953" t="s">
        <v>995</v>
      </c>
      <c r="M30953" t="s">
        <v>83</v>
      </c>
      <c r="N30953" t="s">
        <v>91</v>
      </c>
      <c r="O30953" t="s">
        <v>85</v>
      </c>
      <c r="P30953" t="s">
        <v>86</v>
      </c>
      <c r="Q30953">
        <v>11</v>
      </c>
      <c r="R30953">
        <v>11</v>
      </c>
      <c r="S30953">
        <v>12</v>
      </c>
      <c r="T30953">
        <v>12</v>
      </c>
      <c r="U30953">
        <v>12</v>
      </c>
      <c r="V30953">
        <v>12</v>
      </c>
      <c r="W30953">
        <v>12</v>
      </c>
      <c r="X30953">
        <v>12</v>
      </c>
      <c r="Y30953">
        <v>13</v>
      </c>
      <c r="Z30953">
        <v>13</v>
      </c>
      <c r="AA30953">
        <v>13</v>
      </c>
      <c r="AB30953">
        <v>13</v>
      </c>
      <c r="AC30953">
        <v>13</v>
      </c>
      <c r="AD30953">
        <v>14</v>
      </c>
      <c r="AE30953">
        <v>14</v>
      </c>
      <c r="AF30953">
        <v>14</v>
      </c>
      <c r="AG30953">
        <v>14</v>
      </c>
      <c r="AH30953">
        <v>14</v>
      </c>
      <c r="AI30953">
        <v>14</v>
      </c>
      <c r="AJ30953">
        <v>15</v>
      </c>
      <c r="AK30953">
        <v>15</v>
      </c>
      <c r="AL30953">
        <v>15</v>
      </c>
      <c r="AM30953">
        <v>15</v>
      </c>
      <c r="AN30953">
        <v>15</v>
      </c>
      <c r="AO30953">
        <v>15</v>
      </c>
      <c r="AP30953">
        <v>15</v>
      </c>
      <c r="AQ30953">
        <v>15</v>
      </c>
    </row>
    <row r="30954" spans="1:43">
      <c r="A30954" t="s">
        <v>19175</v>
      </c>
      <c r="B30954" t="s">
        <v>19176</v>
      </c>
      <c r="C30954" t="s">
        <v>19095</v>
      </c>
      <c r="D30954" t="s">
        <v>19096</v>
      </c>
      <c r="E30954" t="s">
        <v>18995</v>
      </c>
      <c r="F30954" t="s">
        <v>18996</v>
      </c>
      <c r="G30954" t="s">
        <v>10734</v>
      </c>
      <c r="H30954" t="s">
        <v>10735</v>
      </c>
      <c r="I30954" s="2">
        <v>0</v>
      </c>
      <c r="J30954" s="2">
        <v>0</v>
      </c>
      <c r="K30954" s="2">
        <v>1</v>
      </c>
      <c r="L30954" t="s">
        <v>995</v>
      </c>
      <c r="M30954" t="s">
        <v>83</v>
      </c>
      <c r="N30954" t="s">
        <v>84</v>
      </c>
      <c r="O30954" t="s">
        <v>85</v>
      </c>
      <c r="P30954" t="s">
        <v>86</v>
      </c>
      <c r="Q30954">
        <v>22</v>
      </c>
      <c r="R30954">
        <v>22</v>
      </c>
      <c r="S30954">
        <v>22</v>
      </c>
      <c r="T30954">
        <v>23</v>
      </c>
      <c r="U30954">
        <v>23</v>
      </c>
      <c r="V30954">
        <v>24</v>
      </c>
      <c r="W30954">
        <v>24</v>
      </c>
      <c r="X30954">
        <v>24</v>
      </c>
      <c r="Y30954">
        <v>25</v>
      </c>
      <c r="Z30954">
        <v>25</v>
      </c>
      <c r="AA30954">
        <v>25</v>
      </c>
      <c r="AB30954">
        <v>26</v>
      </c>
      <c r="AC30954">
        <v>26</v>
      </c>
      <c r="AD30954">
        <v>26</v>
      </c>
      <c r="AE30954">
        <v>27</v>
      </c>
      <c r="AF30954">
        <v>27</v>
      </c>
      <c r="AG30954">
        <v>27</v>
      </c>
      <c r="AH30954">
        <v>28</v>
      </c>
      <c r="AI30954">
        <v>28</v>
      </c>
      <c r="AJ30954">
        <v>29</v>
      </c>
      <c r="AK30954">
        <v>29</v>
      </c>
      <c r="AL30954">
        <v>29</v>
      </c>
      <c r="AM30954">
        <v>29</v>
      </c>
      <c r="AN30954">
        <v>29</v>
      </c>
      <c r="AO30954">
        <v>30</v>
      </c>
      <c r="AP30954">
        <v>30</v>
      </c>
      <c r="AQ30954">
        <v>30</v>
      </c>
    </row>
    <row r="30955" spans="1:43">
      <c r="A30955" t="s">
        <v>19175</v>
      </c>
      <c r="B30955" t="s">
        <v>19176</v>
      </c>
      <c r="C30955" t="s">
        <v>19095</v>
      </c>
      <c r="D30955" t="s">
        <v>19096</v>
      </c>
      <c r="E30955" t="s">
        <v>18995</v>
      </c>
      <c r="F30955" t="s">
        <v>18996</v>
      </c>
      <c r="G30955" t="s">
        <v>10734</v>
      </c>
      <c r="H30955" t="s">
        <v>10735</v>
      </c>
      <c r="I30955" s="2">
        <v>0</v>
      </c>
      <c r="J30955" s="2">
        <v>0</v>
      </c>
      <c r="K30955" s="2">
        <v>1</v>
      </c>
      <c r="L30955" t="s">
        <v>995</v>
      </c>
      <c r="M30955" t="s">
        <v>87</v>
      </c>
      <c r="N30955" t="s">
        <v>88</v>
      </c>
      <c r="O30955" t="s">
        <v>85</v>
      </c>
      <c r="P30955" t="s">
        <v>86</v>
      </c>
      <c r="Q30955">
        <v>22</v>
      </c>
      <c r="R30955">
        <v>22</v>
      </c>
      <c r="S30955">
        <v>22</v>
      </c>
      <c r="T30955">
        <v>22</v>
      </c>
      <c r="U30955">
        <v>22</v>
      </c>
      <c r="V30955">
        <v>22</v>
      </c>
      <c r="W30955">
        <v>22</v>
      </c>
      <c r="X30955">
        <v>23</v>
      </c>
      <c r="Y30955">
        <v>23</v>
      </c>
      <c r="Z30955">
        <v>23</v>
      </c>
      <c r="AA30955">
        <v>23</v>
      </c>
      <c r="AB30955">
        <v>23</v>
      </c>
      <c r="AC30955">
        <v>23</v>
      </c>
      <c r="AD30955">
        <v>24</v>
      </c>
      <c r="AE30955">
        <v>24</v>
      </c>
      <c r="AF30955">
        <v>24</v>
      </c>
      <c r="AG30955">
        <v>24</v>
      </c>
      <c r="AH30955">
        <v>24</v>
      </c>
      <c r="AI30955">
        <v>24</v>
      </c>
      <c r="AJ30955">
        <v>25</v>
      </c>
      <c r="AK30955">
        <v>25</v>
      </c>
      <c r="AL30955">
        <v>25</v>
      </c>
      <c r="AM30955">
        <v>25</v>
      </c>
      <c r="AN30955">
        <v>25</v>
      </c>
      <c r="AO30955">
        <v>26</v>
      </c>
      <c r="AP30955">
        <v>26</v>
      </c>
      <c r="AQ30955">
        <v>26</v>
      </c>
    </row>
    <row r="30956" spans="1:43">
      <c r="A30956" t="s">
        <v>19175</v>
      </c>
      <c r="B30956" t="s">
        <v>19176</v>
      </c>
      <c r="C30956" t="s">
        <v>19095</v>
      </c>
      <c r="D30956" t="s">
        <v>19096</v>
      </c>
      <c r="E30956" t="s">
        <v>18995</v>
      </c>
      <c r="F30956" t="s">
        <v>18996</v>
      </c>
      <c r="G30956" t="s">
        <v>10734</v>
      </c>
      <c r="H30956" t="s">
        <v>10735</v>
      </c>
      <c r="I30956" s="2">
        <v>0</v>
      </c>
      <c r="J30956" s="2">
        <v>0</v>
      </c>
      <c r="K30956" s="2">
        <v>1</v>
      </c>
      <c r="L30956" t="s">
        <v>995</v>
      </c>
      <c r="M30956" t="s">
        <v>89</v>
      </c>
      <c r="N30956" t="s">
        <v>90</v>
      </c>
      <c r="O30956" t="s">
        <v>85</v>
      </c>
      <c r="P30956" t="s">
        <v>86</v>
      </c>
      <c r="Q30956">
        <v>22</v>
      </c>
      <c r="R30956">
        <v>22</v>
      </c>
      <c r="S30956">
        <v>23</v>
      </c>
      <c r="T30956">
        <v>24</v>
      </c>
      <c r="U30956">
        <v>24</v>
      </c>
      <c r="V30956">
        <v>25</v>
      </c>
      <c r="W30956">
        <v>25</v>
      </c>
      <c r="X30956">
        <v>26</v>
      </c>
      <c r="Y30956">
        <v>26</v>
      </c>
      <c r="Z30956">
        <v>27</v>
      </c>
      <c r="AA30956">
        <v>27</v>
      </c>
      <c r="AB30956">
        <v>27</v>
      </c>
      <c r="AC30956">
        <v>28</v>
      </c>
      <c r="AD30956">
        <v>28</v>
      </c>
      <c r="AE30956">
        <v>29</v>
      </c>
      <c r="AF30956">
        <v>29</v>
      </c>
      <c r="AG30956">
        <v>29</v>
      </c>
      <c r="AH30956">
        <v>29</v>
      </c>
      <c r="AI30956">
        <v>29</v>
      </c>
      <c r="AJ30956">
        <v>29</v>
      </c>
      <c r="AK30956">
        <v>29</v>
      </c>
      <c r="AL30956">
        <v>30</v>
      </c>
      <c r="AM30956">
        <v>30</v>
      </c>
      <c r="AN30956">
        <v>30</v>
      </c>
      <c r="AO30956">
        <v>30</v>
      </c>
      <c r="AP30956">
        <v>30</v>
      </c>
      <c r="AQ30956">
        <v>30</v>
      </c>
    </row>
    <row r="30957" spans="1:43">
      <c r="A30957" t="s">
        <v>19175</v>
      </c>
      <c r="B30957" t="s">
        <v>19176</v>
      </c>
      <c r="C30957" t="s">
        <v>19095</v>
      </c>
      <c r="D30957" t="s">
        <v>19096</v>
      </c>
      <c r="E30957" t="s">
        <v>18995</v>
      </c>
      <c r="F30957" t="s">
        <v>18996</v>
      </c>
      <c r="G30957" t="s">
        <v>10734</v>
      </c>
      <c r="H30957" t="s">
        <v>10735</v>
      </c>
      <c r="I30957" s="2">
        <v>0</v>
      </c>
      <c r="J30957" s="2">
        <v>0</v>
      </c>
      <c r="K30957" s="2">
        <v>1</v>
      </c>
      <c r="L30957" t="s">
        <v>995</v>
      </c>
      <c r="M30957" t="s">
        <v>83</v>
      </c>
      <c r="N30957" t="s">
        <v>91</v>
      </c>
      <c r="O30957" t="s">
        <v>85</v>
      </c>
      <c r="P30957" t="s">
        <v>86</v>
      </c>
      <c r="Q30957">
        <v>22</v>
      </c>
      <c r="R30957">
        <v>22</v>
      </c>
      <c r="S30957">
        <v>22</v>
      </c>
      <c r="T30957">
        <v>23</v>
      </c>
      <c r="U30957">
        <v>23</v>
      </c>
      <c r="V30957">
        <v>24</v>
      </c>
      <c r="W30957">
        <v>24</v>
      </c>
      <c r="X30957">
        <v>24</v>
      </c>
      <c r="Y30957">
        <v>25</v>
      </c>
      <c r="Z30957">
        <v>25</v>
      </c>
      <c r="AA30957">
        <v>25</v>
      </c>
      <c r="AB30957">
        <v>26</v>
      </c>
      <c r="AC30957">
        <v>26</v>
      </c>
      <c r="AD30957">
        <v>26</v>
      </c>
      <c r="AE30957">
        <v>27</v>
      </c>
      <c r="AF30957">
        <v>27</v>
      </c>
      <c r="AG30957">
        <v>27</v>
      </c>
      <c r="AH30957">
        <v>28</v>
      </c>
      <c r="AI30957">
        <v>28</v>
      </c>
      <c r="AJ30957">
        <v>29</v>
      </c>
      <c r="AK30957">
        <v>29</v>
      </c>
      <c r="AL30957">
        <v>29</v>
      </c>
      <c r="AM30957">
        <v>29</v>
      </c>
      <c r="AN30957">
        <v>29</v>
      </c>
      <c r="AO30957">
        <v>30</v>
      </c>
      <c r="AP30957">
        <v>30</v>
      </c>
      <c r="AQ30957">
        <v>30</v>
      </c>
    </row>
    <row r="30958" spans="1:43">
      <c r="A30958" t="s">
        <v>19177</v>
      </c>
      <c r="B30958" t="s">
        <v>19178</v>
      </c>
      <c r="C30958" t="s">
        <v>19025</v>
      </c>
      <c r="D30958" t="s">
        <v>19026</v>
      </c>
      <c r="E30958" t="s">
        <v>18995</v>
      </c>
      <c r="F30958" t="s">
        <v>18996</v>
      </c>
      <c r="G30958" t="s">
        <v>10734</v>
      </c>
      <c r="H30958" t="s">
        <v>10735</v>
      </c>
      <c r="I30958" s="2">
        <v>0</v>
      </c>
      <c r="J30958" s="2">
        <v>0</v>
      </c>
      <c r="K30958" s="2">
        <v>1</v>
      </c>
      <c r="L30958" t="s">
        <v>995</v>
      </c>
      <c r="M30958" t="s">
        <v>83</v>
      </c>
      <c r="N30958" t="s">
        <v>84</v>
      </c>
      <c r="O30958" t="s">
        <v>85</v>
      </c>
      <c r="P30958" t="s">
        <v>86</v>
      </c>
      <c r="Q30958">
        <v>7</v>
      </c>
      <c r="R30958">
        <v>7</v>
      </c>
      <c r="S30958">
        <v>7</v>
      </c>
      <c r="T30958">
        <v>7</v>
      </c>
      <c r="U30958">
        <v>7</v>
      </c>
      <c r="V30958">
        <v>7</v>
      </c>
      <c r="W30958">
        <v>8</v>
      </c>
      <c r="X30958">
        <v>8</v>
      </c>
      <c r="Y30958">
        <v>8</v>
      </c>
      <c r="Z30958">
        <v>8</v>
      </c>
      <c r="AA30958">
        <v>8</v>
      </c>
      <c r="AB30958">
        <v>8</v>
      </c>
      <c r="AC30958">
        <v>8</v>
      </c>
      <c r="AD30958">
        <v>8</v>
      </c>
      <c r="AE30958">
        <v>8</v>
      </c>
      <c r="AF30958">
        <v>9</v>
      </c>
      <c r="AG30958">
        <v>9</v>
      </c>
      <c r="AH30958">
        <v>9</v>
      </c>
      <c r="AI30958">
        <v>9</v>
      </c>
      <c r="AJ30958">
        <v>9</v>
      </c>
      <c r="AK30958">
        <v>9</v>
      </c>
      <c r="AL30958">
        <v>9</v>
      </c>
      <c r="AM30958">
        <v>9</v>
      </c>
      <c r="AN30958">
        <v>9</v>
      </c>
      <c r="AO30958">
        <v>9</v>
      </c>
      <c r="AP30958">
        <v>9</v>
      </c>
      <c r="AQ30958">
        <v>9</v>
      </c>
    </row>
    <row r="30959" spans="1:43">
      <c r="A30959" t="s">
        <v>19177</v>
      </c>
      <c r="B30959" t="s">
        <v>19178</v>
      </c>
      <c r="C30959" t="s">
        <v>19025</v>
      </c>
      <c r="D30959" t="s">
        <v>19026</v>
      </c>
      <c r="E30959" t="s">
        <v>18995</v>
      </c>
      <c r="F30959" t="s">
        <v>18996</v>
      </c>
      <c r="G30959" t="s">
        <v>10734</v>
      </c>
      <c r="H30959" t="s">
        <v>10735</v>
      </c>
      <c r="I30959" s="2">
        <v>0</v>
      </c>
      <c r="J30959" s="2">
        <v>0</v>
      </c>
      <c r="K30959" s="2">
        <v>1</v>
      </c>
      <c r="L30959" t="s">
        <v>995</v>
      </c>
      <c r="M30959" t="s">
        <v>87</v>
      </c>
      <c r="N30959" t="s">
        <v>88</v>
      </c>
      <c r="O30959" t="s">
        <v>85</v>
      </c>
      <c r="P30959" t="s">
        <v>86</v>
      </c>
      <c r="Q30959">
        <v>7</v>
      </c>
      <c r="R30959">
        <v>7</v>
      </c>
      <c r="S30959">
        <v>7</v>
      </c>
      <c r="T30959">
        <v>7</v>
      </c>
      <c r="U30959">
        <v>7</v>
      </c>
      <c r="V30959">
        <v>7</v>
      </c>
      <c r="W30959">
        <v>7</v>
      </c>
      <c r="X30959">
        <v>7</v>
      </c>
      <c r="Y30959">
        <v>7</v>
      </c>
      <c r="Z30959">
        <v>7</v>
      </c>
      <c r="AA30959">
        <v>7</v>
      </c>
      <c r="AB30959">
        <v>7</v>
      </c>
      <c r="AC30959">
        <v>7</v>
      </c>
      <c r="AD30959">
        <v>7</v>
      </c>
      <c r="AE30959">
        <v>7</v>
      </c>
      <c r="AF30959">
        <v>8</v>
      </c>
      <c r="AG30959">
        <v>8</v>
      </c>
      <c r="AH30959">
        <v>8</v>
      </c>
      <c r="AI30959">
        <v>8</v>
      </c>
      <c r="AJ30959">
        <v>8</v>
      </c>
      <c r="AK30959">
        <v>8</v>
      </c>
      <c r="AL30959">
        <v>8</v>
      </c>
      <c r="AM30959">
        <v>8</v>
      </c>
      <c r="AN30959">
        <v>8</v>
      </c>
      <c r="AO30959">
        <v>8</v>
      </c>
      <c r="AP30959">
        <v>8</v>
      </c>
      <c r="AQ30959">
        <v>8</v>
      </c>
    </row>
    <row r="30960" spans="1:43">
      <c r="A30960" t="s">
        <v>19177</v>
      </c>
      <c r="B30960" t="s">
        <v>19178</v>
      </c>
      <c r="C30960" t="s">
        <v>19025</v>
      </c>
      <c r="D30960" t="s">
        <v>19026</v>
      </c>
      <c r="E30960" t="s">
        <v>18995</v>
      </c>
      <c r="F30960" t="s">
        <v>18996</v>
      </c>
      <c r="G30960" t="s">
        <v>10734</v>
      </c>
      <c r="H30960" t="s">
        <v>10735</v>
      </c>
      <c r="I30960" s="2">
        <v>0</v>
      </c>
      <c r="J30960" s="2">
        <v>0</v>
      </c>
      <c r="K30960" s="2">
        <v>1</v>
      </c>
      <c r="L30960" t="s">
        <v>995</v>
      </c>
      <c r="M30960" t="s">
        <v>89</v>
      </c>
      <c r="N30960" t="s">
        <v>90</v>
      </c>
      <c r="O30960" t="s">
        <v>85</v>
      </c>
      <c r="P30960" t="s">
        <v>86</v>
      </c>
      <c r="Q30960">
        <v>7</v>
      </c>
      <c r="R30960">
        <v>7</v>
      </c>
      <c r="S30960">
        <v>7</v>
      </c>
      <c r="T30960">
        <v>7</v>
      </c>
      <c r="U30960">
        <v>8</v>
      </c>
      <c r="V30960">
        <v>8</v>
      </c>
      <c r="W30960">
        <v>8</v>
      </c>
      <c r="X30960">
        <v>8</v>
      </c>
      <c r="Y30960">
        <v>8</v>
      </c>
      <c r="Z30960">
        <v>8</v>
      </c>
      <c r="AA30960">
        <v>8</v>
      </c>
      <c r="AB30960">
        <v>9</v>
      </c>
      <c r="AC30960">
        <v>9</v>
      </c>
      <c r="AD30960">
        <v>9</v>
      </c>
      <c r="AE30960">
        <v>9</v>
      </c>
      <c r="AF30960">
        <v>9</v>
      </c>
      <c r="AG30960">
        <v>9</v>
      </c>
      <c r="AH30960">
        <v>9</v>
      </c>
      <c r="AI30960">
        <v>9</v>
      </c>
      <c r="AJ30960">
        <v>9</v>
      </c>
      <c r="AK30960">
        <v>9</v>
      </c>
      <c r="AL30960">
        <v>9</v>
      </c>
      <c r="AM30960">
        <v>9</v>
      </c>
      <c r="AN30960">
        <v>9</v>
      </c>
      <c r="AO30960">
        <v>9</v>
      </c>
      <c r="AP30960">
        <v>9</v>
      </c>
      <c r="AQ30960">
        <v>9</v>
      </c>
    </row>
    <row r="30961" spans="1:43">
      <c r="A30961" t="s">
        <v>19177</v>
      </c>
      <c r="B30961" t="s">
        <v>19178</v>
      </c>
      <c r="C30961" t="s">
        <v>19025</v>
      </c>
      <c r="D30961" t="s">
        <v>19026</v>
      </c>
      <c r="E30961" t="s">
        <v>18995</v>
      </c>
      <c r="F30961" t="s">
        <v>18996</v>
      </c>
      <c r="G30961" t="s">
        <v>10734</v>
      </c>
      <c r="H30961" t="s">
        <v>10735</v>
      </c>
      <c r="I30961" s="2">
        <v>0</v>
      </c>
      <c r="J30961" s="2">
        <v>0</v>
      </c>
      <c r="K30961" s="2">
        <v>1</v>
      </c>
      <c r="L30961" t="s">
        <v>995</v>
      </c>
      <c r="M30961" t="s">
        <v>83</v>
      </c>
      <c r="N30961" t="s">
        <v>91</v>
      </c>
      <c r="O30961" t="s">
        <v>85</v>
      </c>
      <c r="P30961" t="s">
        <v>86</v>
      </c>
      <c r="Q30961">
        <v>7</v>
      </c>
      <c r="R30961">
        <v>7</v>
      </c>
      <c r="S30961">
        <v>7</v>
      </c>
      <c r="T30961">
        <v>7</v>
      </c>
      <c r="U30961">
        <v>7</v>
      </c>
      <c r="V30961">
        <v>7</v>
      </c>
      <c r="W30961">
        <v>8</v>
      </c>
      <c r="X30961">
        <v>8</v>
      </c>
      <c r="Y30961">
        <v>8</v>
      </c>
      <c r="Z30961">
        <v>8</v>
      </c>
      <c r="AA30961">
        <v>8</v>
      </c>
      <c r="AB30961">
        <v>8</v>
      </c>
      <c r="AC30961">
        <v>8</v>
      </c>
      <c r="AD30961">
        <v>8</v>
      </c>
      <c r="AE30961">
        <v>8</v>
      </c>
      <c r="AF30961">
        <v>9</v>
      </c>
      <c r="AG30961">
        <v>9</v>
      </c>
      <c r="AH30961">
        <v>9</v>
      </c>
      <c r="AI30961">
        <v>9</v>
      </c>
      <c r="AJ30961">
        <v>9</v>
      </c>
      <c r="AK30961">
        <v>9</v>
      </c>
      <c r="AL30961">
        <v>9</v>
      </c>
      <c r="AM30961">
        <v>9</v>
      </c>
      <c r="AN30961">
        <v>9</v>
      </c>
      <c r="AO30961">
        <v>9</v>
      </c>
      <c r="AP30961">
        <v>9</v>
      </c>
      <c r="AQ30961">
        <v>9</v>
      </c>
    </row>
    <row r="30962" spans="1:43">
      <c r="A30962" t="s">
        <v>19179</v>
      </c>
      <c r="B30962" t="s">
        <v>19180</v>
      </c>
      <c r="C30962" t="s">
        <v>19095</v>
      </c>
      <c r="D30962" t="s">
        <v>19096</v>
      </c>
      <c r="E30962" t="s">
        <v>18995</v>
      </c>
      <c r="F30962" t="s">
        <v>18996</v>
      </c>
      <c r="G30962" t="s">
        <v>10734</v>
      </c>
      <c r="H30962" t="s">
        <v>10735</v>
      </c>
      <c r="I30962" s="2">
        <v>0</v>
      </c>
      <c r="J30962" s="2">
        <v>0</v>
      </c>
      <c r="K30962" s="2">
        <v>1</v>
      </c>
      <c r="L30962" t="s">
        <v>995</v>
      </c>
      <c r="M30962" t="s">
        <v>83</v>
      </c>
      <c r="N30962" t="s">
        <v>84</v>
      </c>
      <c r="O30962" t="s">
        <v>85</v>
      </c>
      <c r="P30962" t="s">
        <v>86</v>
      </c>
      <c r="Q30962">
        <v>23</v>
      </c>
      <c r="R30962">
        <v>23</v>
      </c>
      <c r="S30962">
        <v>24</v>
      </c>
      <c r="T30962">
        <v>24</v>
      </c>
      <c r="U30962">
        <v>25</v>
      </c>
      <c r="V30962">
        <v>25</v>
      </c>
      <c r="W30962">
        <v>25</v>
      </c>
      <c r="X30962">
        <v>26</v>
      </c>
      <c r="Y30962">
        <v>26</v>
      </c>
      <c r="Z30962">
        <v>27</v>
      </c>
      <c r="AA30962">
        <v>27</v>
      </c>
      <c r="AB30962">
        <v>27</v>
      </c>
      <c r="AC30962">
        <v>28</v>
      </c>
      <c r="AD30962">
        <v>28</v>
      </c>
      <c r="AE30962">
        <v>28</v>
      </c>
      <c r="AF30962">
        <v>29</v>
      </c>
      <c r="AG30962">
        <v>29</v>
      </c>
      <c r="AH30962">
        <v>30</v>
      </c>
      <c r="AI30962">
        <v>30</v>
      </c>
      <c r="AJ30962">
        <v>30</v>
      </c>
      <c r="AK30962">
        <v>31</v>
      </c>
      <c r="AL30962">
        <v>31</v>
      </c>
      <c r="AM30962">
        <v>31</v>
      </c>
      <c r="AN30962">
        <v>31</v>
      </c>
      <c r="AO30962">
        <v>31</v>
      </c>
      <c r="AP30962">
        <v>32</v>
      </c>
      <c r="AQ30962">
        <v>32</v>
      </c>
    </row>
    <row r="30963" spans="1:43">
      <c r="A30963" t="s">
        <v>19179</v>
      </c>
      <c r="B30963" t="s">
        <v>19180</v>
      </c>
      <c r="C30963" t="s">
        <v>19095</v>
      </c>
      <c r="D30963" t="s">
        <v>19096</v>
      </c>
      <c r="E30963" t="s">
        <v>18995</v>
      </c>
      <c r="F30963" t="s">
        <v>18996</v>
      </c>
      <c r="G30963" t="s">
        <v>10734</v>
      </c>
      <c r="H30963" t="s">
        <v>10735</v>
      </c>
      <c r="I30963" s="2">
        <v>0</v>
      </c>
      <c r="J30963" s="2">
        <v>0</v>
      </c>
      <c r="K30963" s="2">
        <v>1</v>
      </c>
      <c r="L30963" t="s">
        <v>995</v>
      </c>
      <c r="M30963" t="s">
        <v>87</v>
      </c>
      <c r="N30963" t="s">
        <v>88</v>
      </c>
      <c r="O30963" t="s">
        <v>85</v>
      </c>
      <c r="P30963" t="s">
        <v>86</v>
      </c>
      <c r="Q30963">
        <v>23</v>
      </c>
      <c r="R30963">
        <v>23</v>
      </c>
      <c r="S30963">
        <v>23</v>
      </c>
      <c r="T30963">
        <v>23</v>
      </c>
      <c r="U30963">
        <v>24</v>
      </c>
      <c r="V30963">
        <v>24</v>
      </c>
      <c r="W30963">
        <v>24</v>
      </c>
      <c r="X30963">
        <v>24</v>
      </c>
      <c r="Y30963">
        <v>24</v>
      </c>
      <c r="Z30963">
        <v>24</v>
      </c>
      <c r="AA30963">
        <v>25</v>
      </c>
      <c r="AB30963">
        <v>25</v>
      </c>
      <c r="AC30963">
        <v>25</v>
      </c>
      <c r="AD30963">
        <v>25</v>
      </c>
      <c r="AE30963">
        <v>25</v>
      </c>
      <c r="AF30963">
        <v>25</v>
      </c>
      <c r="AG30963">
        <v>26</v>
      </c>
      <c r="AH30963">
        <v>26</v>
      </c>
      <c r="AI30963">
        <v>26</v>
      </c>
      <c r="AJ30963">
        <v>26</v>
      </c>
      <c r="AK30963">
        <v>26</v>
      </c>
      <c r="AL30963">
        <v>27</v>
      </c>
      <c r="AM30963">
        <v>27</v>
      </c>
      <c r="AN30963">
        <v>27</v>
      </c>
      <c r="AO30963">
        <v>27</v>
      </c>
      <c r="AP30963">
        <v>27</v>
      </c>
      <c r="AQ30963">
        <v>28</v>
      </c>
    </row>
    <row r="30964" spans="1:43">
      <c r="A30964" t="s">
        <v>19179</v>
      </c>
      <c r="B30964" t="s">
        <v>19180</v>
      </c>
      <c r="C30964" t="s">
        <v>19095</v>
      </c>
      <c r="D30964" t="s">
        <v>19096</v>
      </c>
      <c r="E30964" t="s">
        <v>18995</v>
      </c>
      <c r="F30964" t="s">
        <v>18996</v>
      </c>
      <c r="G30964" t="s">
        <v>10734</v>
      </c>
      <c r="H30964" t="s">
        <v>10735</v>
      </c>
      <c r="I30964" s="2">
        <v>0</v>
      </c>
      <c r="J30964" s="2">
        <v>0</v>
      </c>
      <c r="K30964" s="2">
        <v>1</v>
      </c>
      <c r="L30964" t="s">
        <v>995</v>
      </c>
      <c r="M30964" t="s">
        <v>89</v>
      </c>
      <c r="N30964" t="s">
        <v>90</v>
      </c>
      <c r="O30964" t="s">
        <v>85</v>
      </c>
      <c r="P30964" t="s">
        <v>86</v>
      </c>
      <c r="Q30964">
        <v>23</v>
      </c>
      <c r="R30964">
        <v>24</v>
      </c>
      <c r="S30964">
        <v>24</v>
      </c>
      <c r="T30964">
        <v>25</v>
      </c>
      <c r="U30964">
        <v>26</v>
      </c>
      <c r="V30964">
        <v>26</v>
      </c>
      <c r="W30964">
        <v>27</v>
      </c>
      <c r="X30964">
        <v>27</v>
      </c>
      <c r="Y30964">
        <v>28</v>
      </c>
      <c r="Z30964">
        <v>28</v>
      </c>
      <c r="AA30964">
        <v>29</v>
      </c>
      <c r="AB30964">
        <v>29</v>
      </c>
      <c r="AC30964">
        <v>30</v>
      </c>
      <c r="AD30964">
        <v>30</v>
      </c>
      <c r="AE30964">
        <v>31</v>
      </c>
      <c r="AF30964">
        <v>31</v>
      </c>
      <c r="AG30964">
        <v>31</v>
      </c>
      <c r="AH30964">
        <v>31</v>
      </c>
      <c r="AI30964">
        <v>31</v>
      </c>
      <c r="AJ30964">
        <v>31</v>
      </c>
      <c r="AK30964">
        <v>31</v>
      </c>
      <c r="AL30964">
        <v>31</v>
      </c>
      <c r="AM30964">
        <v>32</v>
      </c>
      <c r="AN30964">
        <v>32</v>
      </c>
      <c r="AO30964">
        <v>32</v>
      </c>
      <c r="AP30964">
        <v>32</v>
      </c>
      <c r="AQ30964">
        <v>32</v>
      </c>
    </row>
    <row r="30965" spans="1:43">
      <c r="A30965" t="s">
        <v>19179</v>
      </c>
      <c r="B30965" t="s">
        <v>19180</v>
      </c>
      <c r="C30965" t="s">
        <v>19095</v>
      </c>
      <c r="D30965" t="s">
        <v>19096</v>
      </c>
      <c r="E30965" t="s">
        <v>18995</v>
      </c>
      <c r="F30965" t="s">
        <v>18996</v>
      </c>
      <c r="G30965" t="s">
        <v>10734</v>
      </c>
      <c r="H30965" t="s">
        <v>10735</v>
      </c>
      <c r="I30965" s="2">
        <v>0</v>
      </c>
      <c r="J30965" s="2">
        <v>0</v>
      </c>
      <c r="K30965" s="2">
        <v>1</v>
      </c>
      <c r="L30965" t="s">
        <v>995</v>
      </c>
      <c r="M30965" t="s">
        <v>83</v>
      </c>
      <c r="N30965" t="s">
        <v>91</v>
      </c>
      <c r="O30965" t="s">
        <v>85</v>
      </c>
      <c r="P30965" t="s">
        <v>86</v>
      </c>
      <c r="Q30965">
        <v>23</v>
      </c>
      <c r="R30965">
        <v>23</v>
      </c>
      <c r="S30965">
        <v>24</v>
      </c>
      <c r="T30965">
        <v>24</v>
      </c>
      <c r="U30965">
        <v>25</v>
      </c>
      <c r="V30965">
        <v>25</v>
      </c>
      <c r="W30965">
        <v>25</v>
      </c>
      <c r="X30965">
        <v>26</v>
      </c>
      <c r="Y30965">
        <v>26</v>
      </c>
      <c r="Z30965">
        <v>27</v>
      </c>
      <c r="AA30965">
        <v>27</v>
      </c>
      <c r="AB30965">
        <v>27</v>
      </c>
      <c r="AC30965">
        <v>28</v>
      </c>
      <c r="AD30965">
        <v>28</v>
      </c>
      <c r="AE30965">
        <v>28</v>
      </c>
      <c r="AF30965">
        <v>29</v>
      </c>
      <c r="AG30965">
        <v>29</v>
      </c>
      <c r="AH30965">
        <v>30</v>
      </c>
      <c r="AI30965">
        <v>30</v>
      </c>
      <c r="AJ30965">
        <v>30</v>
      </c>
      <c r="AK30965">
        <v>31</v>
      </c>
      <c r="AL30965">
        <v>31</v>
      </c>
      <c r="AM30965">
        <v>31</v>
      </c>
      <c r="AN30965">
        <v>31</v>
      </c>
      <c r="AO30965">
        <v>31</v>
      </c>
      <c r="AP30965">
        <v>32</v>
      </c>
      <c r="AQ30965">
        <v>32</v>
      </c>
    </row>
    <row r="30966" spans="1:43">
      <c r="A30966" t="s">
        <v>19181</v>
      </c>
      <c r="B30966" t="s">
        <v>19182</v>
      </c>
      <c r="C30966" t="s">
        <v>19025</v>
      </c>
      <c r="D30966" t="s">
        <v>19026</v>
      </c>
      <c r="E30966" t="s">
        <v>18995</v>
      </c>
      <c r="F30966" t="s">
        <v>18996</v>
      </c>
      <c r="G30966" t="s">
        <v>10734</v>
      </c>
      <c r="H30966" t="s">
        <v>10735</v>
      </c>
      <c r="I30966" s="2">
        <v>0</v>
      </c>
      <c r="J30966" s="2">
        <v>0</v>
      </c>
      <c r="K30966" s="2">
        <v>1</v>
      </c>
      <c r="L30966" t="s">
        <v>995</v>
      </c>
      <c r="M30966" t="s">
        <v>83</v>
      </c>
      <c r="N30966" t="s">
        <v>84</v>
      </c>
      <c r="O30966" t="s">
        <v>85</v>
      </c>
      <c r="P30966" t="s">
        <v>86</v>
      </c>
      <c r="Q30966">
        <v>26</v>
      </c>
      <c r="R30966">
        <v>26</v>
      </c>
      <c r="S30966">
        <v>26</v>
      </c>
      <c r="T30966">
        <v>27</v>
      </c>
      <c r="U30966">
        <v>27</v>
      </c>
      <c r="V30966">
        <v>28</v>
      </c>
      <c r="W30966">
        <v>28</v>
      </c>
      <c r="X30966">
        <v>28</v>
      </c>
      <c r="Y30966">
        <v>29</v>
      </c>
      <c r="Z30966">
        <v>29</v>
      </c>
      <c r="AA30966">
        <v>30</v>
      </c>
      <c r="AB30966">
        <v>30</v>
      </c>
      <c r="AC30966">
        <v>31</v>
      </c>
      <c r="AD30966">
        <v>31</v>
      </c>
      <c r="AE30966">
        <v>31</v>
      </c>
      <c r="AF30966">
        <v>32</v>
      </c>
      <c r="AG30966">
        <v>32</v>
      </c>
      <c r="AH30966">
        <v>33</v>
      </c>
      <c r="AI30966">
        <v>33</v>
      </c>
      <c r="AJ30966">
        <v>34</v>
      </c>
      <c r="AK30966">
        <v>34</v>
      </c>
      <c r="AL30966">
        <v>34</v>
      </c>
      <c r="AM30966">
        <v>34</v>
      </c>
      <c r="AN30966">
        <v>35</v>
      </c>
      <c r="AO30966">
        <v>35</v>
      </c>
      <c r="AP30966">
        <v>35</v>
      </c>
      <c r="AQ30966">
        <v>35</v>
      </c>
    </row>
    <row r="30967" spans="1:43">
      <c r="A30967" t="s">
        <v>19181</v>
      </c>
      <c r="B30967" t="s">
        <v>19182</v>
      </c>
      <c r="C30967" t="s">
        <v>19025</v>
      </c>
      <c r="D30967" t="s">
        <v>19026</v>
      </c>
      <c r="E30967" t="s">
        <v>18995</v>
      </c>
      <c r="F30967" t="s">
        <v>18996</v>
      </c>
      <c r="G30967" t="s">
        <v>10734</v>
      </c>
      <c r="H30967" t="s">
        <v>10735</v>
      </c>
      <c r="I30967" s="2">
        <v>0</v>
      </c>
      <c r="J30967" s="2">
        <v>0</v>
      </c>
      <c r="K30967" s="2">
        <v>1</v>
      </c>
      <c r="L30967" t="s">
        <v>995</v>
      </c>
      <c r="M30967" t="s">
        <v>87</v>
      </c>
      <c r="N30967" t="s">
        <v>88</v>
      </c>
      <c r="O30967" t="s">
        <v>85</v>
      </c>
      <c r="P30967" t="s">
        <v>86</v>
      </c>
      <c r="Q30967">
        <v>26</v>
      </c>
      <c r="R30967">
        <v>26</v>
      </c>
      <c r="S30967">
        <v>27</v>
      </c>
      <c r="T30967">
        <v>27</v>
      </c>
      <c r="U30967">
        <v>27</v>
      </c>
      <c r="V30967">
        <v>27</v>
      </c>
      <c r="W30967">
        <v>27</v>
      </c>
      <c r="X30967">
        <v>28</v>
      </c>
      <c r="Y30967">
        <v>28</v>
      </c>
      <c r="Z30967">
        <v>28</v>
      </c>
      <c r="AA30967">
        <v>28</v>
      </c>
      <c r="AB30967">
        <v>28</v>
      </c>
      <c r="AC30967">
        <v>28</v>
      </c>
      <c r="AD30967">
        <v>29</v>
      </c>
      <c r="AE30967">
        <v>29</v>
      </c>
      <c r="AF30967">
        <v>29</v>
      </c>
      <c r="AG30967">
        <v>29</v>
      </c>
      <c r="AH30967">
        <v>29</v>
      </c>
      <c r="AI30967">
        <v>30</v>
      </c>
      <c r="AJ30967">
        <v>30</v>
      </c>
      <c r="AK30967">
        <v>30</v>
      </c>
      <c r="AL30967">
        <v>30</v>
      </c>
      <c r="AM30967">
        <v>31</v>
      </c>
      <c r="AN30967">
        <v>31</v>
      </c>
      <c r="AO30967">
        <v>31</v>
      </c>
      <c r="AP30967">
        <v>31</v>
      </c>
      <c r="AQ30967">
        <v>31</v>
      </c>
    </row>
    <row r="30968" spans="1:43">
      <c r="A30968" t="s">
        <v>19181</v>
      </c>
      <c r="B30968" t="s">
        <v>19182</v>
      </c>
      <c r="C30968" t="s">
        <v>19025</v>
      </c>
      <c r="D30968" t="s">
        <v>19026</v>
      </c>
      <c r="E30968" t="s">
        <v>18995</v>
      </c>
      <c r="F30968" t="s">
        <v>18996</v>
      </c>
      <c r="G30968" t="s">
        <v>10734</v>
      </c>
      <c r="H30968" t="s">
        <v>10735</v>
      </c>
      <c r="I30968" s="2">
        <v>0</v>
      </c>
      <c r="J30968" s="2">
        <v>0</v>
      </c>
      <c r="K30968" s="2">
        <v>1</v>
      </c>
      <c r="L30968" t="s">
        <v>995</v>
      </c>
      <c r="M30968" t="s">
        <v>89</v>
      </c>
      <c r="N30968" t="s">
        <v>90</v>
      </c>
      <c r="O30968" t="s">
        <v>85</v>
      </c>
      <c r="P30968" t="s">
        <v>86</v>
      </c>
      <c r="Q30968">
        <v>26</v>
      </c>
      <c r="R30968">
        <v>26</v>
      </c>
      <c r="S30968">
        <v>27</v>
      </c>
      <c r="T30968">
        <v>28</v>
      </c>
      <c r="U30968">
        <v>28</v>
      </c>
      <c r="V30968">
        <v>29</v>
      </c>
      <c r="W30968">
        <v>29</v>
      </c>
      <c r="X30968">
        <v>30</v>
      </c>
      <c r="Y30968">
        <v>31</v>
      </c>
      <c r="Z30968">
        <v>31</v>
      </c>
      <c r="AA30968">
        <v>32</v>
      </c>
      <c r="AB30968">
        <v>32</v>
      </c>
      <c r="AC30968">
        <v>33</v>
      </c>
      <c r="AD30968">
        <v>33</v>
      </c>
      <c r="AE30968">
        <v>34</v>
      </c>
      <c r="AF30968">
        <v>34</v>
      </c>
      <c r="AG30968">
        <v>34</v>
      </c>
      <c r="AH30968">
        <v>34</v>
      </c>
      <c r="AI30968">
        <v>34</v>
      </c>
      <c r="AJ30968">
        <v>34</v>
      </c>
      <c r="AK30968">
        <v>34</v>
      </c>
      <c r="AL30968">
        <v>35</v>
      </c>
      <c r="AM30968">
        <v>35</v>
      </c>
      <c r="AN30968">
        <v>35</v>
      </c>
      <c r="AO30968">
        <v>35</v>
      </c>
      <c r="AP30968">
        <v>35</v>
      </c>
      <c r="AQ30968">
        <v>35</v>
      </c>
    </row>
    <row r="30969" spans="1:43">
      <c r="A30969" t="s">
        <v>19181</v>
      </c>
      <c r="B30969" t="s">
        <v>19182</v>
      </c>
      <c r="C30969" t="s">
        <v>19025</v>
      </c>
      <c r="D30969" t="s">
        <v>19026</v>
      </c>
      <c r="E30969" t="s">
        <v>18995</v>
      </c>
      <c r="F30969" t="s">
        <v>18996</v>
      </c>
      <c r="G30969" t="s">
        <v>10734</v>
      </c>
      <c r="H30969" t="s">
        <v>10735</v>
      </c>
      <c r="I30969" s="2">
        <v>0</v>
      </c>
      <c r="J30969" s="2">
        <v>0</v>
      </c>
      <c r="K30969" s="2">
        <v>1</v>
      </c>
      <c r="L30969" t="s">
        <v>995</v>
      </c>
      <c r="M30969" t="s">
        <v>83</v>
      </c>
      <c r="N30969" t="s">
        <v>91</v>
      </c>
      <c r="O30969" t="s">
        <v>85</v>
      </c>
      <c r="P30969" t="s">
        <v>86</v>
      </c>
      <c r="Q30969">
        <v>26</v>
      </c>
      <c r="R30969">
        <v>26</v>
      </c>
      <c r="S30969">
        <v>26</v>
      </c>
      <c r="T30969">
        <v>27</v>
      </c>
      <c r="U30969">
        <v>27</v>
      </c>
      <c r="V30969">
        <v>28</v>
      </c>
      <c r="W30969">
        <v>28</v>
      </c>
      <c r="X30969">
        <v>28</v>
      </c>
      <c r="Y30969">
        <v>29</v>
      </c>
      <c r="Z30969">
        <v>29</v>
      </c>
      <c r="AA30969">
        <v>30</v>
      </c>
      <c r="AB30969">
        <v>30</v>
      </c>
      <c r="AC30969">
        <v>31</v>
      </c>
      <c r="AD30969">
        <v>31</v>
      </c>
      <c r="AE30969">
        <v>31</v>
      </c>
      <c r="AF30969">
        <v>32</v>
      </c>
      <c r="AG30969">
        <v>32</v>
      </c>
      <c r="AH30969">
        <v>33</v>
      </c>
      <c r="AI30969">
        <v>33</v>
      </c>
      <c r="AJ30969">
        <v>34</v>
      </c>
      <c r="AK30969">
        <v>34</v>
      </c>
      <c r="AL30969">
        <v>34</v>
      </c>
      <c r="AM30969">
        <v>34</v>
      </c>
      <c r="AN30969">
        <v>35</v>
      </c>
      <c r="AO30969">
        <v>35</v>
      </c>
      <c r="AP30969">
        <v>35</v>
      </c>
      <c r="AQ30969">
        <v>35</v>
      </c>
    </row>
    <row r="30970" spans="1:43">
      <c r="A30970" t="s">
        <v>19183</v>
      </c>
      <c r="B30970" t="s">
        <v>19184</v>
      </c>
      <c r="C30970" t="s">
        <v>19025</v>
      </c>
      <c r="D30970" t="s">
        <v>19026</v>
      </c>
      <c r="E30970" t="s">
        <v>18995</v>
      </c>
      <c r="F30970" t="s">
        <v>18996</v>
      </c>
      <c r="G30970" t="s">
        <v>10734</v>
      </c>
      <c r="H30970" t="s">
        <v>10735</v>
      </c>
      <c r="I30970" s="2">
        <v>0</v>
      </c>
      <c r="J30970" s="2">
        <v>0</v>
      </c>
      <c r="K30970" s="2">
        <v>1</v>
      </c>
      <c r="L30970" t="s">
        <v>995</v>
      </c>
      <c r="M30970" t="s">
        <v>83</v>
      </c>
      <c r="N30970" t="s">
        <v>84</v>
      </c>
      <c r="O30970" t="s">
        <v>85</v>
      </c>
      <c r="P30970" t="s">
        <v>86</v>
      </c>
      <c r="Q30970">
        <v>34</v>
      </c>
      <c r="R30970">
        <v>34</v>
      </c>
      <c r="S30970">
        <v>35</v>
      </c>
      <c r="T30970">
        <v>36</v>
      </c>
      <c r="U30970">
        <v>36</v>
      </c>
      <c r="V30970">
        <v>37</v>
      </c>
      <c r="W30970">
        <v>37</v>
      </c>
      <c r="X30970">
        <v>38</v>
      </c>
      <c r="Y30970">
        <v>38</v>
      </c>
      <c r="Z30970">
        <v>39</v>
      </c>
      <c r="AA30970">
        <v>40</v>
      </c>
      <c r="AB30970">
        <v>40</v>
      </c>
      <c r="AC30970">
        <v>41</v>
      </c>
      <c r="AD30970">
        <v>41</v>
      </c>
      <c r="AE30970">
        <v>42</v>
      </c>
      <c r="AF30970">
        <v>42</v>
      </c>
      <c r="AG30970">
        <v>43</v>
      </c>
      <c r="AH30970">
        <v>43</v>
      </c>
      <c r="AI30970">
        <v>44</v>
      </c>
      <c r="AJ30970">
        <v>45</v>
      </c>
      <c r="AK30970">
        <v>45</v>
      </c>
      <c r="AL30970">
        <v>46</v>
      </c>
      <c r="AM30970">
        <v>46</v>
      </c>
      <c r="AN30970">
        <v>46</v>
      </c>
      <c r="AO30970">
        <v>46</v>
      </c>
      <c r="AP30970">
        <v>46</v>
      </c>
      <c r="AQ30970">
        <v>47</v>
      </c>
    </row>
    <row r="30971" spans="1:43">
      <c r="A30971" t="s">
        <v>19183</v>
      </c>
      <c r="B30971" t="s">
        <v>19184</v>
      </c>
      <c r="C30971" t="s">
        <v>19025</v>
      </c>
      <c r="D30971" t="s">
        <v>19026</v>
      </c>
      <c r="E30971" t="s">
        <v>18995</v>
      </c>
      <c r="F30971" t="s">
        <v>18996</v>
      </c>
      <c r="G30971" t="s">
        <v>10734</v>
      </c>
      <c r="H30971" t="s">
        <v>10735</v>
      </c>
      <c r="I30971" s="2">
        <v>0</v>
      </c>
      <c r="J30971" s="2">
        <v>0</v>
      </c>
      <c r="K30971" s="2">
        <v>1</v>
      </c>
      <c r="L30971" t="s">
        <v>995</v>
      </c>
      <c r="M30971" t="s">
        <v>87</v>
      </c>
      <c r="N30971" t="s">
        <v>88</v>
      </c>
      <c r="O30971" t="s">
        <v>85</v>
      </c>
      <c r="P30971" t="s">
        <v>86</v>
      </c>
      <c r="Q30971">
        <v>34</v>
      </c>
      <c r="R30971">
        <v>34</v>
      </c>
      <c r="S30971">
        <v>34</v>
      </c>
      <c r="T30971">
        <v>34</v>
      </c>
      <c r="U30971">
        <v>35</v>
      </c>
      <c r="V30971">
        <v>35</v>
      </c>
      <c r="W30971">
        <v>35</v>
      </c>
      <c r="X30971">
        <v>35</v>
      </c>
      <c r="Y30971">
        <v>35</v>
      </c>
      <c r="Z30971">
        <v>36</v>
      </c>
      <c r="AA30971">
        <v>36</v>
      </c>
      <c r="AB30971">
        <v>36</v>
      </c>
      <c r="AC30971">
        <v>36</v>
      </c>
      <c r="AD30971">
        <v>37</v>
      </c>
      <c r="AE30971">
        <v>37</v>
      </c>
      <c r="AF30971">
        <v>37</v>
      </c>
      <c r="AG30971">
        <v>38</v>
      </c>
      <c r="AH30971">
        <v>38</v>
      </c>
      <c r="AI30971">
        <v>38</v>
      </c>
      <c r="AJ30971">
        <v>38</v>
      </c>
      <c r="AK30971">
        <v>39</v>
      </c>
      <c r="AL30971">
        <v>39</v>
      </c>
      <c r="AM30971">
        <v>39</v>
      </c>
      <c r="AN30971">
        <v>39</v>
      </c>
      <c r="AO30971">
        <v>40</v>
      </c>
      <c r="AP30971">
        <v>40</v>
      </c>
      <c r="AQ30971">
        <v>40</v>
      </c>
    </row>
    <row r="30972" spans="1:43">
      <c r="A30972" t="s">
        <v>19183</v>
      </c>
      <c r="B30972" t="s">
        <v>19184</v>
      </c>
      <c r="C30972" t="s">
        <v>19025</v>
      </c>
      <c r="D30972" t="s">
        <v>19026</v>
      </c>
      <c r="E30972" t="s">
        <v>18995</v>
      </c>
      <c r="F30972" t="s">
        <v>18996</v>
      </c>
      <c r="G30972" t="s">
        <v>10734</v>
      </c>
      <c r="H30972" t="s">
        <v>10735</v>
      </c>
      <c r="I30972" s="2">
        <v>0</v>
      </c>
      <c r="J30972" s="2">
        <v>0</v>
      </c>
      <c r="K30972" s="2">
        <v>1</v>
      </c>
      <c r="L30972" t="s">
        <v>995</v>
      </c>
      <c r="M30972" t="s">
        <v>89</v>
      </c>
      <c r="N30972" t="s">
        <v>90</v>
      </c>
      <c r="O30972" t="s">
        <v>85</v>
      </c>
      <c r="P30972" t="s">
        <v>86</v>
      </c>
      <c r="Q30972">
        <v>34</v>
      </c>
      <c r="R30972">
        <v>35</v>
      </c>
      <c r="S30972">
        <v>36</v>
      </c>
      <c r="T30972">
        <v>37</v>
      </c>
      <c r="U30972">
        <v>38</v>
      </c>
      <c r="V30972">
        <v>38</v>
      </c>
      <c r="W30972">
        <v>39</v>
      </c>
      <c r="X30972">
        <v>40</v>
      </c>
      <c r="Y30972">
        <v>41</v>
      </c>
      <c r="Z30972">
        <v>41</v>
      </c>
      <c r="AA30972">
        <v>42</v>
      </c>
      <c r="AB30972">
        <v>43</v>
      </c>
      <c r="AC30972">
        <v>44</v>
      </c>
      <c r="AD30972">
        <v>44</v>
      </c>
      <c r="AE30972">
        <v>45</v>
      </c>
      <c r="AF30972">
        <v>45</v>
      </c>
      <c r="AG30972">
        <v>45</v>
      </c>
      <c r="AH30972">
        <v>45</v>
      </c>
      <c r="AI30972">
        <v>45</v>
      </c>
      <c r="AJ30972">
        <v>46</v>
      </c>
      <c r="AK30972">
        <v>46</v>
      </c>
      <c r="AL30972">
        <v>46</v>
      </c>
      <c r="AM30972">
        <v>46</v>
      </c>
      <c r="AN30972">
        <v>46</v>
      </c>
      <c r="AO30972">
        <v>47</v>
      </c>
      <c r="AP30972">
        <v>47</v>
      </c>
      <c r="AQ30972">
        <v>47</v>
      </c>
    </row>
    <row r="30973" spans="1:43">
      <c r="A30973" t="s">
        <v>19183</v>
      </c>
      <c r="B30973" t="s">
        <v>19184</v>
      </c>
      <c r="C30973" t="s">
        <v>19025</v>
      </c>
      <c r="D30973" t="s">
        <v>19026</v>
      </c>
      <c r="E30973" t="s">
        <v>18995</v>
      </c>
      <c r="F30973" t="s">
        <v>18996</v>
      </c>
      <c r="G30973" t="s">
        <v>10734</v>
      </c>
      <c r="H30973" t="s">
        <v>10735</v>
      </c>
      <c r="I30973" s="2">
        <v>0</v>
      </c>
      <c r="J30973" s="2">
        <v>0</v>
      </c>
      <c r="K30973" s="2">
        <v>1</v>
      </c>
      <c r="L30973" t="s">
        <v>995</v>
      </c>
      <c r="M30973" t="s">
        <v>83</v>
      </c>
      <c r="N30973" t="s">
        <v>91</v>
      </c>
      <c r="O30973" t="s">
        <v>85</v>
      </c>
      <c r="P30973" t="s">
        <v>86</v>
      </c>
      <c r="Q30973">
        <v>34</v>
      </c>
      <c r="R30973">
        <v>34</v>
      </c>
      <c r="S30973">
        <v>35</v>
      </c>
      <c r="T30973">
        <v>36</v>
      </c>
      <c r="U30973">
        <v>36</v>
      </c>
      <c r="V30973">
        <v>37</v>
      </c>
      <c r="W30973">
        <v>37</v>
      </c>
      <c r="X30973">
        <v>38</v>
      </c>
      <c r="Y30973">
        <v>38</v>
      </c>
      <c r="Z30973">
        <v>39</v>
      </c>
      <c r="AA30973">
        <v>40</v>
      </c>
      <c r="AB30973">
        <v>40</v>
      </c>
      <c r="AC30973">
        <v>41</v>
      </c>
      <c r="AD30973">
        <v>41</v>
      </c>
      <c r="AE30973">
        <v>42</v>
      </c>
      <c r="AF30973">
        <v>42</v>
      </c>
      <c r="AG30973">
        <v>43</v>
      </c>
      <c r="AH30973">
        <v>43</v>
      </c>
      <c r="AI30973">
        <v>44</v>
      </c>
      <c r="AJ30973">
        <v>45</v>
      </c>
      <c r="AK30973">
        <v>45</v>
      </c>
      <c r="AL30973">
        <v>46</v>
      </c>
      <c r="AM30973">
        <v>46</v>
      </c>
      <c r="AN30973">
        <v>46</v>
      </c>
      <c r="AO30973">
        <v>46</v>
      </c>
      <c r="AP30973">
        <v>46</v>
      </c>
      <c r="AQ30973">
        <v>47</v>
      </c>
    </row>
    <row r="30974" spans="1:43">
      <c r="A30974" t="s">
        <v>19185</v>
      </c>
      <c r="B30974" t="s">
        <v>19186</v>
      </c>
      <c r="C30974" t="s">
        <v>19187</v>
      </c>
      <c r="D30974" t="s">
        <v>19188</v>
      </c>
      <c r="E30974" t="s">
        <v>18995</v>
      </c>
      <c r="F30974" t="s">
        <v>18996</v>
      </c>
      <c r="G30974" t="s">
        <v>10734</v>
      </c>
      <c r="H30974" t="s">
        <v>10735</v>
      </c>
      <c r="I30974" s="2">
        <v>0</v>
      </c>
      <c r="J30974" s="2">
        <v>0</v>
      </c>
      <c r="K30974" s="2">
        <v>1</v>
      </c>
      <c r="L30974" t="s">
        <v>995</v>
      </c>
      <c r="M30974" t="s">
        <v>83</v>
      </c>
      <c r="N30974" t="s">
        <v>84</v>
      </c>
      <c r="O30974" t="s">
        <v>85</v>
      </c>
      <c r="P30974" t="s">
        <v>86</v>
      </c>
      <c r="Q30974">
        <v>47</v>
      </c>
      <c r="R30974">
        <v>48</v>
      </c>
      <c r="S30974">
        <v>48</v>
      </c>
      <c r="T30974">
        <v>49</v>
      </c>
      <c r="U30974">
        <v>50</v>
      </c>
      <c r="V30974">
        <v>51</v>
      </c>
      <c r="W30974">
        <v>52</v>
      </c>
      <c r="X30974">
        <v>52</v>
      </c>
      <c r="Y30974">
        <v>53</v>
      </c>
      <c r="Z30974">
        <v>54</v>
      </c>
      <c r="AA30974">
        <v>55</v>
      </c>
      <c r="AB30974">
        <v>56</v>
      </c>
      <c r="AC30974">
        <v>56</v>
      </c>
      <c r="AD30974">
        <v>57</v>
      </c>
      <c r="AE30974">
        <v>58</v>
      </c>
      <c r="AF30974">
        <v>59</v>
      </c>
      <c r="AG30974">
        <v>60</v>
      </c>
      <c r="AH30974">
        <v>60</v>
      </c>
      <c r="AI30974">
        <v>61</v>
      </c>
      <c r="AJ30974">
        <v>62</v>
      </c>
      <c r="AK30974">
        <v>63</v>
      </c>
      <c r="AL30974">
        <v>63</v>
      </c>
      <c r="AM30974">
        <v>63</v>
      </c>
      <c r="AN30974">
        <v>64</v>
      </c>
      <c r="AO30974">
        <v>64</v>
      </c>
      <c r="AP30974">
        <v>64</v>
      </c>
      <c r="AQ30974">
        <v>65</v>
      </c>
    </row>
    <row r="30975" spans="1:43">
      <c r="A30975" t="s">
        <v>19185</v>
      </c>
      <c r="B30975" t="s">
        <v>19186</v>
      </c>
      <c r="C30975" t="s">
        <v>19187</v>
      </c>
      <c r="D30975" t="s">
        <v>19188</v>
      </c>
      <c r="E30975" t="s">
        <v>18995</v>
      </c>
      <c r="F30975" t="s">
        <v>18996</v>
      </c>
      <c r="G30975" t="s">
        <v>10734</v>
      </c>
      <c r="H30975" t="s">
        <v>10735</v>
      </c>
      <c r="I30975" s="2">
        <v>0</v>
      </c>
      <c r="J30975" s="2">
        <v>0</v>
      </c>
      <c r="K30975" s="2">
        <v>1</v>
      </c>
      <c r="L30975" t="s">
        <v>995</v>
      </c>
      <c r="M30975" t="s">
        <v>87</v>
      </c>
      <c r="N30975" t="s">
        <v>88</v>
      </c>
      <c r="O30975" t="s">
        <v>85</v>
      </c>
      <c r="P30975" t="s">
        <v>86</v>
      </c>
      <c r="Q30975">
        <v>47</v>
      </c>
      <c r="R30975">
        <v>48</v>
      </c>
      <c r="S30975">
        <v>48</v>
      </c>
      <c r="T30975">
        <v>49</v>
      </c>
      <c r="U30975">
        <v>49</v>
      </c>
      <c r="V30975">
        <v>49</v>
      </c>
      <c r="W30975">
        <v>50</v>
      </c>
      <c r="X30975">
        <v>50</v>
      </c>
      <c r="Y30975">
        <v>50</v>
      </c>
      <c r="Z30975">
        <v>51</v>
      </c>
      <c r="AA30975">
        <v>51</v>
      </c>
      <c r="AB30975">
        <v>51</v>
      </c>
      <c r="AC30975">
        <v>52</v>
      </c>
      <c r="AD30975">
        <v>52</v>
      </c>
      <c r="AE30975">
        <v>53</v>
      </c>
      <c r="AF30975">
        <v>53</v>
      </c>
      <c r="AG30975">
        <v>53</v>
      </c>
      <c r="AH30975">
        <v>54</v>
      </c>
      <c r="AI30975">
        <v>54</v>
      </c>
      <c r="AJ30975">
        <v>55</v>
      </c>
      <c r="AK30975">
        <v>55</v>
      </c>
      <c r="AL30975">
        <v>55</v>
      </c>
      <c r="AM30975">
        <v>56</v>
      </c>
      <c r="AN30975">
        <v>56</v>
      </c>
      <c r="AO30975">
        <v>57</v>
      </c>
      <c r="AP30975">
        <v>57</v>
      </c>
      <c r="AQ30975">
        <v>58</v>
      </c>
    </row>
    <row r="30976" spans="1:43">
      <c r="A30976" t="s">
        <v>19185</v>
      </c>
      <c r="B30976" t="s">
        <v>19186</v>
      </c>
      <c r="C30976" t="s">
        <v>19187</v>
      </c>
      <c r="D30976" t="s">
        <v>19188</v>
      </c>
      <c r="E30976" t="s">
        <v>18995</v>
      </c>
      <c r="F30976" t="s">
        <v>18996</v>
      </c>
      <c r="G30976" t="s">
        <v>10734</v>
      </c>
      <c r="H30976" t="s">
        <v>10735</v>
      </c>
      <c r="I30976" s="2">
        <v>0</v>
      </c>
      <c r="J30976" s="2">
        <v>0</v>
      </c>
      <c r="K30976" s="2">
        <v>1</v>
      </c>
      <c r="L30976" t="s">
        <v>995</v>
      </c>
      <c r="M30976" t="s">
        <v>89</v>
      </c>
      <c r="N30976" t="s">
        <v>90</v>
      </c>
      <c r="O30976" t="s">
        <v>85</v>
      </c>
      <c r="P30976" t="s">
        <v>86</v>
      </c>
      <c r="Q30976">
        <v>47</v>
      </c>
      <c r="R30976">
        <v>49</v>
      </c>
      <c r="S30976">
        <v>50</v>
      </c>
      <c r="T30976">
        <v>51</v>
      </c>
      <c r="U30976">
        <v>52</v>
      </c>
      <c r="V30976">
        <v>53</v>
      </c>
      <c r="W30976">
        <v>54</v>
      </c>
      <c r="X30976">
        <v>55</v>
      </c>
      <c r="Y30976">
        <v>56</v>
      </c>
      <c r="Z30976">
        <v>57</v>
      </c>
      <c r="AA30976">
        <v>58</v>
      </c>
      <c r="AB30976">
        <v>59</v>
      </c>
      <c r="AC30976">
        <v>60</v>
      </c>
      <c r="AD30976">
        <v>61</v>
      </c>
      <c r="AE30976">
        <v>62</v>
      </c>
      <c r="AF30976">
        <v>62</v>
      </c>
      <c r="AG30976">
        <v>62</v>
      </c>
      <c r="AH30976">
        <v>63</v>
      </c>
      <c r="AI30976">
        <v>63</v>
      </c>
      <c r="AJ30976">
        <v>63</v>
      </c>
      <c r="AK30976">
        <v>64</v>
      </c>
      <c r="AL30976">
        <v>64</v>
      </c>
      <c r="AM30976">
        <v>64</v>
      </c>
      <c r="AN30976">
        <v>64</v>
      </c>
      <c r="AO30976">
        <v>65</v>
      </c>
      <c r="AP30976">
        <v>65</v>
      </c>
      <c r="AQ30976">
        <v>65</v>
      </c>
    </row>
    <row r="30977" spans="1:43">
      <c r="A30977" t="s">
        <v>19185</v>
      </c>
      <c r="B30977" t="s">
        <v>19186</v>
      </c>
      <c r="C30977" t="s">
        <v>19187</v>
      </c>
      <c r="D30977" t="s">
        <v>19188</v>
      </c>
      <c r="E30977" t="s">
        <v>18995</v>
      </c>
      <c r="F30977" t="s">
        <v>18996</v>
      </c>
      <c r="G30977" t="s">
        <v>10734</v>
      </c>
      <c r="H30977" t="s">
        <v>10735</v>
      </c>
      <c r="I30977" s="2">
        <v>0</v>
      </c>
      <c r="J30977" s="2">
        <v>0</v>
      </c>
      <c r="K30977" s="2">
        <v>1</v>
      </c>
      <c r="L30977" t="s">
        <v>995</v>
      </c>
      <c r="M30977" t="s">
        <v>83</v>
      </c>
      <c r="N30977" t="s">
        <v>91</v>
      </c>
      <c r="O30977" t="s">
        <v>85</v>
      </c>
      <c r="P30977" t="s">
        <v>86</v>
      </c>
      <c r="Q30977">
        <v>47</v>
      </c>
      <c r="R30977">
        <v>48</v>
      </c>
      <c r="S30977">
        <v>48</v>
      </c>
      <c r="T30977">
        <v>49</v>
      </c>
      <c r="U30977">
        <v>50</v>
      </c>
      <c r="V30977">
        <v>51</v>
      </c>
      <c r="W30977">
        <v>52</v>
      </c>
      <c r="X30977">
        <v>52</v>
      </c>
      <c r="Y30977">
        <v>53</v>
      </c>
      <c r="Z30977">
        <v>54</v>
      </c>
      <c r="AA30977">
        <v>55</v>
      </c>
      <c r="AB30977">
        <v>56</v>
      </c>
      <c r="AC30977">
        <v>56</v>
      </c>
      <c r="AD30977">
        <v>57</v>
      </c>
      <c r="AE30977">
        <v>58</v>
      </c>
      <c r="AF30977">
        <v>59</v>
      </c>
      <c r="AG30977">
        <v>60</v>
      </c>
      <c r="AH30977">
        <v>60</v>
      </c>
      <c r="AI30977">
        <v>61</v>
      </c>
      <c r="AJ30977">
        <v>62</v>
      </c>
      <c r="AK30977">
        <v>63</v>
      </c>
      <c r="AL30977">
        <v>63</v>
      </c>
      <c r="AM30977">
        <v>63</v>
      </c>
      <c r="AN30977">
        <v>64</v>
      </c>
      <c r="AO30977">
        <v>64</v>
      </c>
      <c r="AP30977">
        <v>64</v>
      </c>
      <c r="AQ30977">
        <v>65</v>
      </c>
    </row>
    <row r="30978" spans="1:43">
      <c r="A30978" t="s">
        <v>19189</v>
      </c>
      <c r="B30978" t="s">
        <v>19190</v>
      </c>
      <c r="C30978" t="s">
        <v>19187</v>
      </c>
      <c r="D30978" t="s">
        <v>19188</v>
      </c>
      <c r="E30978" t="s">
        <v>18995</v>
      </c>
      <c r="F30978" t="s">
        <v>18996</v>
      </c>
      <c r="G30978" t="s">
        <v>10734</v>
      </c>
      <c r="H30978" t="s">
        <v>10735</v>
      </c>
      <c r="I30978" s="2">
        <v>0</v>
      </c>
      <c r="J30978" s="2">
        <v>0</v>
      </c>
      <c r="K30978" s="2">
        <v>1</v>
      </c>
      <c r="L30978" t="s">
        <v>995</v>
      </c>
      <c r="M30978" t="s">
        <v>83</v>
      </c>
      <c r="N30978" t="s">
        <v>84</v>
      </c>
      <c r="O30978" t="s">
        <v>85</v>
      </c>
      <c r="P30978" t="s">
        <v>86</v>
      </c>
      <c r="Q30978">
        <v>29</v>
      </c>
      <c r="R30978">
        <v>30</v>
      </c>
      <c r="S30978">
        <v>30</v>
      </c>
      <c r="T30978">
        <v>31</v>
      </c>
      <c r="U30978">
        <v>31</v>
      </c>
      <c r="V30978">
        <v>32</v>
      </c>
      <c r="W30978">
        <v>32</v>
      </c>
      <c r="X30978">
        <v>33</v>
      </c>
      <c r="Y30978">
        <v>34</v>
      </c>
      <c r="Z30978">
        <v>34</v>
      </c>
      <c r="AA30978">
        <v>35</v>
      </c>
      <c r="AB30978">
        <v>35</v>
      </c>
      <c r="AC30978">
        <v>36</v>
      </c>
      <c r="AD30978">
        <v>36</v>
      </c>
      <c r="AE30978">
        <v>36</v>
      </c>
      <c r="AF30978">
        <v>37</v>
      </c>
      <c r="AG30978">
        <v>37</v>
      </c>
      <c r="AH30978">
        <v>38</v>
      </c>
      <c r="AI30978">
        <v>38</v>
      </c>
      <c r="AJ30978">
        <v>39</v>
      </c>
      <c r="AK30978">
        <v>39</v>
      </c>
      <c r="AL30978">
        <v>40</v>
      </c>
      <c r="AM30978">
        <v>40</v>
      </c>
      <c r="AN30978">
        <v>40</v>
      </c>
      <c r="AO30978">
        <v>40</v>
      </c>
      <c r="AP30978">
        <v>40</v>
      </c>
      <c r="AQ30978">
        <v>41</v>
      </c>
    </row>
    <row r="30979" spans="1:43">
      <c r="A30979" t="s">
        <v>19189</v>
      </c>
      <c r="B30979" t="s">
        <v>19190</v>
      </c>
      <c r="C30979" t="s">
        <v>19187</v>
      </c>
      <c r="D30979" t="s">
        <v>19188</v>
      </c>
      <c r="E30979" t="s">
        <v>18995</v>
      </c>
      <c r="F30979" t="s">
        <v>18996</v>
      </c>
      <c r="G30979" t="s">
        <v>10734</v>
      </c>
      <c r="H30979" t="s">
        <v>10735</v>
      </c>
      <c r="I30979" s="2">
        <v>0</v>
      </c>
      <c r="J30979" s="2">
        <v>0</v>
      </c>
      <c r="K30979" s="2">
        <v>1</v>
      </c>
      <c r="L30979" t="s">
        <v>995</v>
      </c>
      <c r="M30979" t="s">
        <v>87</v>
      </c>
      <c r="N30979" t="s">
        <v>88</v>
      </c>
      <c r="O30979" t="s">
        <v>85</v>
      </c>
      <c r="P30979" t="s">
        <v>86</v>
      </c>
      <c r="Q30979">
        <v>29</v>
      </c>
      <c r="R30979">
        <v>29</v>
      </c>
      <c r="S30979">
        <v>30</v>
      </c>
      <c r="T30979">
        <v>30</v>
      </c>
      <c r="U30979">
        <v>30</v>
      </c>
      <c r="V30979">
        <v>30</v>
      </c>
      <c r="W30979">
        <v>31</v>
      </c>
      <c r="X30979">
        <v>31</v>
      </c>
      <c r="Y30979">
        <v>31</v>
      </c>
      <c r="Z30979">
        <v>31</v>
      </c>
      <c r="AA30979">
        <v>31</v>
      </c>
      <c r="AB30979">
        <v>32</v>
      </c>
      <c r="AC30979">
        <v>32</v>
      </c>
      <c r="AD30979">
        <v>32</v>
      </c>
      <c r="AE30979">
        <v>32</v>
      </c>
      <c r="AF30979">
        <v>33</v>
      </c>
      <c r="AG30979">
        <v>33</v>
      </c>
      <c r="AH30979">
        <v>33</v>
      </c>
      <c r="AI30979">
        <v>33</v>
      </c>
      <c r="AJ30979">
        <v>34</v>
      </c>
      <c r="AK30979">
        <v>34</v>
      </c>
      <c r="AL30979">
        <v>34</v>
      </c>
      <c r="AM30979">
        <v>34</v>
      </c>
      <c r="AN30979">
        <v>35</v>
      </c>
      <c r="AO30979">
        <v>35</v>
      </c>
      <c r="AP30979">
        <v>35</v>
      </c>
      <c r="AQ30979">
        <v>36</v>
      </c>
    </row>
    <row r="30980" spans="1:43">
      <c r="A30980" t="s">
        <v>19189</v>
      </c>
      <c r="B30980" t="s">
        <v>19190</v>
      </c>
      <c r="C30980" t="s">
        <v>19187</v>
      </c>
      <c r="D30980" t="s">
        <v>19188</v>
      </c>
      <c r="E30980" t="s">
        <v>18995</v>
      </c>
      <c r="F30980" t="s">
        <v>18996</v>
      </c>
      <c r="G30980" t="s">
        <v>10734</v>
      </c>
      <c r="H30980" t="s">
        <v>10735</v>
      </c>
      <c r="I30980" s="2">
        <v>0</v>
      </c>
      <c r="J30980" s="2">
        <v>0</v>
      </c>
      <c r="K30980" s="2">
        <v>1</v>
      </c>
      <c r="L30980" t="s">
        <v>995</v>
      </c>
      <c r="M30980" t="s">
        <v>89</v>
      </c>
      <c r="N30980" t="s">
        <v>90</v>
      </c>
      <c r="O30980" t="s">
        <v>85</v>
      </c>
      <c r="P30980" t="s">
        <v>86</v>
      </c>
      <c r="Q30980">
        <v>29</v>
      </c>
      <c r="R30980">
        <v>29</v>
      </c>
      <c r="S30980">
        <v>30</v>
      </c>
      <c r="T30980">
        <v>31</v>
      </c>
      <c r="U30980">
        <v>32</v>
      </c>
      <c r="V30980">
        <v>32</v>
      </c>
      <c r="W30980">
        <v>33</v>
      </c>
      <c r="X30980">
        <v>34</v>
      </c>
      <c r="Y30980">
        <v>34</v>
      </c>
      <c r="Z30980">
        <v>35</v>
      </c>
      <c r="AA30980">
        <v>36</v>
      </c>
      <c r="AB30980">
        <v>36</v>
      </c>
      <c r="AC30980">
        <v>37</v>
      </c>
      <c r="AD30980">
        <v>37</v>
      </c>
      <c r="AE30980">
        <v>38</v>
      </c>
      <c r="AF30980">
        <v>38</v>
      </c>
      <c r="AG30980">
        <v>38</v>
      </c>
      <c r="AH30980">
        <v>38</v>
      </c>
      <c r="AI30980">
        <v>39</v>
      </c>
      <c r="AJ30980">
        <v>39</v>
      </c>
      <c r="AK30980">
        <v>39</v>
      </c>
      <c r="AL30980">
        <v>39</v>
      </c>
      <c r="AM30980">
        <v>39</v>
      </c>
      <c r="AN30980">
        <v>39</v>
      </c>
      <c r="AO30980">
        <v>40</v>
      </c>
      <c r="AP30980">
        <v>40</v>
      </c>
      <c r="AQ30980">
        <v>40</v>
      </c>
    </row>
    <row r="30981" spans="1:43">
      <c r="A30981" t="s">
        <v>19189</v>
      </c>
      <c r="B30981" t="s">
        <v>19190</v>
      </c>
      <c r="C30981" t="s">
        <v>19187</v>
      </c>
      <c r="D30981" t="s">
        <v>19188</v>
      </c>
      <c r="E30981" t="s">
        <v>18995</v>
      </c>
      <c r="F30981" t="s">
        <v>18996</v>
      </c>
      <c r="G30981" t="s">
        <v>10734</v>
      </c>
      <c r="H30981" t="s">
        <v>10735</v>
      </c>
      <c r="I30981" s="2">
        <v>0</v>
      </c>
      <c r="J30981" s="2">
        <v>0</v>
      </c>
      <c r="K30981" s="2">
        <v>1</v>
      </c>
      <c r="L30981" t="s">
        <v>995</v>
      </c>
      <c r="M30981" t="s">
        <v>83</v>
      </c>
      <c r="N30981" t="s">
        <v>91</v>
      </c>
      <c r="O30981" t="s">
        <v>85</v>
      </c>
      <c r="P30981" t="s">
        <v>86</v>
      </c>
      <c r="Q30981">
        <v>29</v>
      </c>
      <c r="R30981">
        <v>30</v>
      </c>
      <c r="S30981">
        <v>30</v>
      </c>
      <c r="T30981">
        <v>31</v>
      </c>
      <c r="U30981">
        <v>31</v>
      </c>
      <c r="V30981">
        <v>32</v>
      </c>
      <c r="W30981">
        <v>32</v>
      </c>
      <c r="X30981">
        <v>33</v>
      </c>
      <c r="Y30981">
        <v>34</v>
      </c>
      <c r="Z30981">
        <v>34</v>
      </c>
      <c r="AA30981">
        <v>35</v>
      </c>
      <c r="AB30981">
        <v>35</v>
      </c>
      <c r="AC30981">
        <v>36</v>
      </c>
      <c r="AD30981">
        <v>36</v>
      </c>
      <c r="AE30981">
        <v>36</v>
      </c>
      <c r="AF30981">
        <v>37</v>
      </c>
      <c r="AG30981">
        <v>37</v>
      </c>
      <c r="AH30981">
        <v>38</v>
      </c>
      <c r="AI30981">
        <v>38</v>
      </c>
      <c r="AJ30981">
        <v>39</v>
      </c>
      <c r="AK30981">
        <v>39</v>
      </c>
      <c r="AL30981">
        <v>40</v>
      </c>
      <c r="AM30981">
        <v>40</v>
      </c>
      <c r="AN30981">
        <v>40</v>
      </c>
      <c r="AO30981">
        <v>40</v>
      </c>
      <c r="AP30981">
        <v>40</v>
      </c>
      <c r="AQ30981">
        <v>41</v>
      </c>
    </row>
    <row r="30982" spans="1:43">
      <c r="A30982" t="s">
        <v>19191</v>
      </c>
      <c r="B30982" t="s">
        <v>19192</v>
      </c>
      <c r="C30982" t="s">
        <v>19187</v>
      </c>
      <c r="D30982" t="s">
        <v>19188</v>
      </c>
      <c r="E30982" t="s">
        <v>18995</v>
      </c>
      <c r="F30982" t="s">
        <v>18996</v>
      </c>
      <c r="G30982" t="s">
        <v>10734</v>
      </c>
      <c r="H30982" t="s">
        <v>10735</v>
      </c>
      <c r="I30982" s="2">
        <v>0</v>
      </c>
      <c r="J30982" s="2">
        <v>0</v>
      </c>
      <c r="K30982" s="2">
        <v>1</v>
      </c>
      <c r="L30982" t="s">
        <v>995</v>
      </c>
      <c r="M30982" t="s">
        <v>83</v>
      </c>
      <c r="N30982" t="s">
        <v>84</v>
      </c>
      <c r="O30982" t="s">
        <v>85</v>
      </c>
      <c r="P30982" t="s">
        <v>86</v>
      </c>
      <c r="Q30982">
        <v>8</v>
      </c>
      <c r="R30982">
        <v>8</v>
      </c>
      <c r="S30982">
        <v>8</v>
      </c>
      <c r="T30982">
        <v>8</v>
      </c>
      <c r="U30982">
        <v>8</v>
      </c>
      <c r="V30982">
        <v>8</v>
      </c>
      <c r="W30982">
        <v>8</v>
      </c>
      <c r="X30982">
        <v>9</v>
      </c>
      <c r="Y30982">
        <v>9</v>
      </c>
      <c r="Z30982">
        <v>9</v>
      </c>
      <c r="AA30982">
        <v>9</v>
      </c>
      <c r="AB30982">
        <v>9</v>
      </c>
      <c r="AC30982">
        <v>9</v>
      </c>
      <c r="AD30982">
        <v>9</v>
      </c>
      <c r="AE30982">
        <v>9</v>
      </c>
      <c r="AF30982">
        <v>10</v>
      </c>
      <c r="AG30982">
        <v>10</v>
      </c>
      <c r="AH30982">
        <v>10</v>
      </c>
      <c r="AI30982">
        <v>10</v>
      </c>
      <c r="AJ30982">
        <v>10</v>
      </c>
      <c r="AK30982">
        <v>10</v>
      </c>
      <c r="AL30982">
        <v>10</v>
      </c>
      <c r="AM30982">
        <v>10</v>
      </c>
      <c r="AN30982">
        <v>10</v>
      </c>
      <c r="AO30982">
        <v>10</v>
      </c>
      <c r="AP30982">
        <v>10</v>
      </c>
      <c r="AQ30982">
        <v>11</v>
      </c>
    </row>
    <row r="30983" spans="1:43">
      <c r="A30983" t="s">
        <v>19191</v>
      </c>
      <c r="B30983" t="s">
        <v>19192</v>
      </c>
      <c r="C30983" t="s">
        <v>19187</v>
      </c>
      <c r="D30983" t="s">
        <v>19188</v>
      </c>
      <c r="E30983" t="s">
        <v>18995</v>
      </c>
      <c r="F30983" t="s">
        <v>18996</v>
      </c>
      <c r="G30983" t="s">
        <v>10734</v>
      </c>
      <c r="H30983" t="s">
        <v>10735</v>
      </c>
      <c r="I30983" s="2">
        <v>0</v>
      </c>
      <c r="J30983" s="2">
        <v>0</v>
      </c>
      <c r="K30983" s="2">
        <v>1</v>
      </c>
      <c r="L30983" t="s">
        <v>995</v>
      </c>
      <c r="M30983" t="s">
        <v>87</v>
      </c>
      <c r="N30983" t="s">
        <v>88</v>
      </c>
      <c r="O30983" t="s">
        <v>85</v>
      </c>
      <c r="P30983" t="s">
        <v>86</v>
      </c>
      <c r="Q30983">
        <v>8</v>
      </c>
      <c r="R30983">
        <v>8</v>
      </c>
      <c r="S30983">
        <v>8</v>
      </c>
      <c r="T30983">
        <v>8</v>
      </c>
      <c r="U30983">
        <v>8</v>
      </c>
      <c r="V30983">
        <v>8</v>
      </c>
      <c r="W30983">
        <v>8</v>
      </c>
      <c r="X30983">
        <v>8</v>
      </c>
      <c r="Y30983">
        <v>8</v>
      </c>
      <c r="Z30983">
        <v>8</v>
      </c>
      <c r="AA30983">
        <v>8</v>
      </c>
      <c r="AB30983">
        <v>8</v>
      </c>
      <c r="AC30983">
        <v>8</v>
      </c>
      <c r="AD30983">
        <v>8</v>
      </c>
      <c r="AE30983">
        <v>8</v>
      </c>
      <c r="AF30983">
        <v>8</v>
      </c>
      <c r="AG30983">
        <v>9</v>
      </c>
      <c r="AH30983">
        <v>9</v>
      </c>
      <c r="AI30983">
        <v>9</v>
      </c>
      <c r="AJ30983">
        <v>9</v>
      </c>
      <c r="AK30983">
        <v>9</v>
      </c>
      <c r="AL30983">
        <v>9</v>
      </c>
      <c r="AM30983">
        <v>9</v>
      </c>
      <c r="AN30983">
        <v>9</v>
      </c>
      <c r="AO30983">
        <v>9</v>
      </c>
      <c r="AP30983">
        <v>9</v>
      </c>
      <c r="AQ30983">
        <v>9</v>
      </c>
    </row>
    <row r="30984" spans="1:43">
      <c r="A30984" t="s">
        <v>19191</v>
      </c>
      <c r="B30984" t="s">
        <v>19192</v>
      </c>
      <c r="C30984" t="s">
        <v>19187</v>
      </c>
      <c r="D30984" t="s">
        <v>19188</v>
      </c>
      <c r="E30984" t="s">
        <v>18995</v>
      </c>
      <c r="F30984" t="s">
        <v>18996</v>
      </c>
      <c r="G30984" t="s">
        <v>10734</v>
      </c>
      <c r="H30984" t="s">
        <v>10735</v>
      </c>
      <c r="I30984" s="2">
        <v>0</v>
      </c>
      <c r="J30984" s="2">
        <v>0</v>
      </c>
      <c r="K30984" s="2">
        <v>1</v>
      </c>
      <c r="L30984" t="s">
        <v>995</v>
      </c>
      <c r="M30984" t="s">
        <v>89</v>
      </c>
      <c r="N30984" t="s">
        <v>90</v>
      </c>
      <c r="O30984" t="s">
        <v>85</v>
      </c>
      <c r="P30984" t="s">
        <v>86</v>
      </c>
      <c r="Q30984">
        <v>8</v>
      </c>
      <c r="R30984">
        <v>8</v>
      </c>
      <c r="S30984">
        <v>8</v>
      </c>
      <c r="T30984">
        <v>8</v>
      </c>
      <c r="U30984">
        <v>8</v>
      </c>
      <c r="V30984">
        <v>9</v>
      </c>
      <c r="W30984">
        <v>9</v>
      </c>
      <c r="X30984">
        <v>9</v>
      </c>
      <c r="Y30984">
        <v>9</v>
      </c>
      <c r="Z30984">
        <v>9</v>
      </c>
      <c r="AA30984">
        <v>9</v>
      </c>
      <c r="AB30984">
        <v>10</v>
      </c>
      <c r="AC30984">
        <v>10</v>
      </c>
      <c r="AD30984">
        <v>10</v>
      </c>
      <c r="AE30984">
        <v>10</v>
      </c>
      <c r="AF30984">
        <v>10</v>
      </c>
      <c r="AG30984">
        <v>10</v>
      </c>
      <c r="AH30984">
        <v>10</v>
      </c>
      <c r="AI30984">
        <v>10</v>
      </c>
      <c r="AJ30984">
        <v>10</v>
      </c>
      <c r="AK30984">
        <v>10</v>
      </c>
      <c r="AL30984">
        <v>10</v>
      </c>
      <c r="AM30984">
        <v>10</v>
      </c>
      <c r="AN30984">
        <v>10</v>
      </c>
      <c r="AO30984">
        <v>11</v>
      </c>
      <c r="AP30984">
        <v>11</v>
      </c>
      <c r="AQ30984">
        <v>11</v>
      </c>
    </row>
    <row r="30985" spans="1:43">
      <c r="A30985" t="s">
        <v>19191</v>
      </c>
      <c r="B30985" t="s">
        <v>19192</v>
      </c>
      <c r="C30985" t="s">
        <v>19187</v>
      </c>
      <c r="D30985" t="s">
        <v>19188</v>
      </c>
      <c r="E30985" t="s">
        <v>18995</v>
      </c>
      <c r="F30985" t="s">
        <v>18996</v>
      </c>
      <c r="G30985" t="s">
        <v>10734</v>
      </c>
      <c r="H30985" t="s">
        <v>10735</v>
      </c>
      <c r="I30985" s="2">
        <v>0</v>
      </c>
      <c r="J30985" s="2">
        <v>0</v>
      </c>
      <c r="K30985" s="2">
        <v>1</v>
      </c>
      <c r="L30985" t="s">
        <v>995</v>
      </c>
      <c r="M30985" t="s">
        <v>83</v>
      </c>
      <c r="N30985" t="s">
        <v>91</v>
      </c>
      <c r="O30985" t="s">
        <v>85</v>
      </c>
      <c r="P30985" t="s">
        <v>86</v>
      </c>
      <c r="Q30985">
        <v>8</v>
      </c>
      <c r="R30985">
        <v>8</v>
      </c>
      <c r="S30985">
        <v>8</v>
      </c>
      <c r="T30985">
        <v>8</v>
      </c>
      <c r="U30985">
        <v>8</v>
      </c>
      <c r="V30985">
        <v>8</v>
      </c>
      <c r="W30985">
        <v>8</v>
      </c>
      <c r="X30985">
        <v>9</v>
      </c>
      <c r="Y30985">
        <v>9</v>
      </c>
      <c r="Z30985">
        <v>9</v>
      </c>
      <c r="AA30985">
        <v>9</v>
      </c>
      <c r="AB30985">
        <v>9</v>
      </c>
      <c r="AC30985">
        <v>9</v>
      </c>
      <c r="AD30985">
        <v>9</v>
      </c>
      <c r="AE30985">
        <v>9</v>
      </c>
      <c r="AF30985">
        <v>10</v>
      </c>
      <c r="AG30985">
        <v>10</v>
      </c>
      <c r="AH30985">
        <v>10</v>
      </c>
      <c r="AI30985">
        <v>10</v>
      </c>
      <c r="AJ30985">
        <v>10</v>
      </c>
      <c r="AK30985">
        <v>10</v>
      </c>
      <c r="AL30985">
        <v>10</v>
      </c>
      <c r="AM30985">
        <v>10</v>
      </c>
      <c r="AN30985">
        <v>10</v>
      </c>
      <c r="AO30985">
        <v>10</v>
      </c>
      <c r="AP30985">
        <v>10</v>
      </c>
      <c r="AQ30985">
        <v>11</v>
      </c>
    </row>
    <row r="30986" spans="1:43">
      <c r="A30986" t="s">
        <v>19193</v>
      </c>
      <c r="B30986" t="s">
        <v>19194</v>
      </c>
      <c r="C30986" t="s">
        <v>19187</v>
      </c>
      <c r="D30986" t="s">
        <v>19188</v>
      </c>
      <c r="E30986" t="s">
        <v>18995</v>
      </c>
      <c r="F30986" t="s">
        <v>18996</v>
      </c>
      <c r="G30986" t="s">
        <v>10734</v>
      </c>
      <c r="H30986" t="s">
        <v>10735</v>
      </c>
      <c r="I30986" s="2">
        <v>0</v>
      </c>
      <c r="J30986" s="2">
        <v>0</v>
      </c>
      <c r="K30986" s="2">
        <v>1</v>
      </c>
      <c r="L30986" t="s">
        <v>995</v>
      </c>
      <c r="M30986" t="s">
        <v>83</v>
      </c>
      <c r="N30986" t="s">
        <v>84</v>
      </c>
      <c r="O30986" t="s">
        <v>85</v>
      </c>
      <c r="P30986" t="s">
        <v>86</v>
      </c>
      <c r="Q30986">
        <v>38</v>
      </c>
      <c r="R30986">
        <v>39</v>
      </c>
      <c r="S30986">
        <v>39</v>
      </c>
      <c r="T30986">
        <v>40</v>
      </c>
      <c r="U30986">
        <v>41</v>
      </c>
      <c r="V30986">
        <v>41</v>
      </c>
      <c r="W30986">
        <v>42</v>
      </c>
      <c r="X30986">
        <v>43</v>
      </c>
      <c r="Y30986">
        <v>43</v>
      </c>
      <c r="Z30986">
        <v>44</v>
      </c>
      <c r="AA30986">
        <v>45</v>
      </c>
      <c r="AB30986">
        <v>45</v>
      </c>
      <c r="AC30986">
        <v>46</v>
      </c>
      <c r="AD30986">
        <v>46</v>
      </c>
      <c r="AE30986">
        <v>47</v>
      </c>
      <c r="AF30986">
        <v>48</v>
      </c>
      <c r="AG30986">
        <v>48</v>
      </c>
      <c r="AH30986">
        <v>49</v>
      </c>
      <c r="AI30986">
        <v>50</v>
      </c>
      <c r="AJ30986">
        <v>50</v>
      </c>
      <c r="AK30986">
        <v>51</v>
      </c>
      <c r="AL30986">
        <v>51</v>
      </c>
      <c r="AM30986">
        <v>52</v>
      </c>
      <c r="AN30986">
        <v>52</v>
      </c>
      <c r="AO30986">
        <v>52</v>
      </c>
      <c r="AP30986">
        <v>52</v>
      </c>
      <c r="AQ30986">
        <v>53</v>
      </c>
    </row>
    <row r="30987" spans="1:43">
      <c r="A30987" t="s">
        <v>19193</v>
      </c>
      <c r="B30987" t="s">
        <v>19194</v>
      </c>
      <c r="C30987" t="s">
        <v>19187</v>
      </c>
      <c r="D30987" t="s">
        <v>19188</v>
      </c>
      <c r="E30987" t="s">
        <v>18995</v>
      </c>
      <c r="F30987" t="s">
        <v>18996</v>
      </c>
      <c r="G30987" t="s">
        <v>10734</v>
      </c>
      <c r="H30987" t="s">
        <v>10735</v>
      </c>
      <c r="I30987" s="2">
        <v>0</v>
      </c>
      <c r="J30987" s="2">
        <v>0</v>
      </c>
      <c r="K30987" s="2">
        <v>1</v>
      </c>
      <c r="L30987" t="s">
        <v>995</v>
      </c>
      <c r="M30987" t="s">
        <v>87</v>
      </c>
      <c r="N30987" t="s">
        <v>88</v>
      </c>
      <c r="O30987" t="s">
        <v>85</v>
      </c>
      <c r="P30987" t="s">
        <v>86</v>
      </c>
      <c r="Q30987">
        <v>38</v>
      </c>
      <c r="R30987">
        <v>38</v>
      </c>
      <c r="S30987">
        <v>38</v>
      </c>
      <c r="T30987">
        <v>39</v>
      </c>
      <c r="U30987">
        <v>39</v>
      </c>
      <c r="V30987">
        <v>39</v>
      </c>
      <c r="W30987">
        <v>39</v>
      </c>
      <c r="X30987">
        <v>40</v>
      </c>
      <c r="Y30987">
        <v>40</v>
      </c>
      <c r="Z30987">
        <v>40</v>
      </c>
      <c r="AA30987">
        <v>41</v>
      </c>
      <c r="AB30987">
        <v>41</v>
      </c>
      <c r="AC30987">
        <v>41</v>
      </c>
      <c r="AD30987">
        <v>42</v>
      </c>
      <c r="AE30987">
        <v>42</v>
      </c>
      <c r="AF30987">
        <v>42</v>
      </c>
      <c r="AG30987">
        <v>42</v>
      </c>
      <c r="AH30987">
        <v>43</v>
      </c>
      <c r="AI30987">
        <v>43</v>
      </c>
      <c r="AJ30987">
        <v>43</v>
      </c>
      <c r="AK30987">
        <v>44</v>
      </c>
      <c r="AL30987">
        <v>44</v>
      </c>
      <c r="AM30987">
        <v>44</v>
      </c>
      <c r="AN30987">
        <v>45</v>
      </c>
      <c r="AO30987">
        <v>45</v>
      </c>
      <c r="AP30987">
        <v>46</v>
      </c>
      <c r="AQ30987">
        <v>46</v>
      </c>
    </row>
    <row r="30988" spans="1:43">
      <c r="A30988" t="s">
        <v>19193</v>
      </c>
      <c r="B30988" t="s">
        <v>19194</v>
      </c>
      <c r="C30988" t="s">
        <v>19187</v>
      </c>
      <c r="D30988" t="s">
        <v>19188</v>
      </c>
      <c r="E30988" t="s">
        <v>18995</v>
      </c>
      <c r="F30988" t="s">
        <v>18996</v>
      </c>
      <c r="G30988" t="s">
        <v>10734</v>
      </c>
      <c r="H30988" t="s">
        <v>10735</v>
      </c>
      <c r="I30988" s="2">
        <v>0</v>
      </c>
      <c r="J30988" s="2">
        <v>0</v>
      </c>
      <c r="K30988" s="2">
        <v>1</v>
      </c>
      <c r="L30988" t="s">
        <v>995</v>
      </c>
      <c r="M30988" t="s">
        <v>89</v>
      </c>
      <c r="N30988" t="s">
        <v>90</v>
      </c>
      <c r="O30988" t="s">
        <v>85</v>
      </c>
      <c r="P30988" t="s">
        <v>86</v>
      </c>
      <c r="Q30988">
        <v>38</v>
      </c>
      <c r="R30988">
        <v>39</v>
      </c>
      <c r="S30988">
        <v>40</v>
      </c>
      <c r="T30988">
        <v>41</v>
      </c>
      <c r="U30988">
        <v>42</v>
      </c>
      <c r="V30988">
        <v>43</v>
      </c>
      <c r="W30988">
        <v>44</v>
      </c>
      <c r="X30988">
        <v>45</v>
      </c>
      <c r="Y30988">
        <v>46</v>
      </c>
      <c r="Z30988">
        <v>47</v>
      </c>
      <c r="AA30988">
        <v>47</v>
      </c>
      <c r="AB30988">
        <v>48</v>
      </c>
      <c r="AC30988">
        <v>49</v>
      </c>
      <c r="AD30988">
        <v>50</v>
      </c>
      <c r="AE30988">
        <v>50</v>
      </c>
      <c r="AF30988">
        <v>50</v>
      </c>
      <c r="AG30988">
        <v>51</v>
      </c>
      <c r="AH30988">
        <v>51</v>
      </c>
      <c r="AI30988">
        <v>51</v>
      </c>
      <c r="AJ30988">
        <v>51</v>
      </c>
      <c r="AK30988">
        <v>52</v>
      </c>
      <c r="AL30988">
        <v>52</v>
      </c>
      <c r="AM30988">
        <v>52</v>
      </c>
      <c r="AN30988">
        <v>52</v>
      </c>
      <c r="AO30988">
        <v>53</v>
      </c>
      <c r="AP30988">
        <v>53</v>
      </c>
      <c r="AQ30988">
        <v>53</v>
      </c>
    </row>
    <row r="30989" spans="1:43">
      <c r="A30989" t="s">
        <v>19193</v>
      </c>
      <c r="B30989" t="s">
        <v>19194</v>
      </c>
      <c r="C30989" t="s">
        <v>19187</v>
      </c>
      <c r="D30989" t="s">
        <v>19188</v>
      </c>
      <c r="E30989" t="s">
        <v>18995</v>
      </c>
      <c r="F30989" t="s">
        <v>18996</v>
      </c>
      <c r="G30989" t="s">
        <v>10734</v>
      </c>
      <c r="H30989" t="s">
        <v>10735</v>
      </c>
      <c r="I30989" s="2">
        <v>0</v>
      </c>
      <c r="J30989" s="2">
        <v>0</v>
      </c>
      <c r="K30989" s="2">
        <v>1</v>
      </c>
      <c r="L30989" t="s">
        <v>995</v>
      </c>
      <c r="M30989" t="s">
        <v>83</v>
      </c>
      <c r="N30989" t="s">
        <v>91</v>
      </c>
      <c r="O30989" t="s">
        <v>85</v>
      </c>
      <c r="P30989" t="s">
        <v>86</v>
      </c>
      <c r="Q30989">
        <v>38</v>
      </c>
      <c r="R30989">
        <v>39</v>
      </c>
      <c r="S30989">
        <v>39</v>
      </c>
      <c r="T30989">
        <v>40</v>
      </c>
      <c r="U30989">
        <v>41</v>
      </c>
      <c r="V30989">
        <v>41</v>
      </c>
      <c r="W30989">
        <v>42</v>
      </c>
      <c r="X30989">
        <v>43</v>
      </c>
      <c r="Y30989">
        <v>43</v>
      </c>
      <c r="Z30989">
        <v>44</v>
      </c>
      <c r="AA30989">
        <v>45</v>
      </c>
      <c r="AB30989">
        <v>45</v>
      </c>
      <c r="AC30989">
        <v>46</v>
      </c>
      <c r="AD30989">
        <v>46</v>
      </c>
      <c r="AE30989">
        <v>47</v>
      </c>
      <c r="AF30989">
        <v>48</v>
      </c>
      <c r="AG30989">
        <v>48</v>
      </c>
      <c r="AH30989">
        <v>49</v>
      </c>
      <c r="AI30989">
        <v>50</v>
      </c>
      <c r="AJ30989">
        <v>50</v>
      </c>
      <c r="AK30989">
        <v>51</v>
      </c>
      <c r="AL30989">
        <v>51</v>
      </c>
      <c r="AM30989">
        <v>52</v>
      </c>
      <c r="AN30989">
        <v>52</v>
      </c>
      <c r="AO30989">
        <v>52</v>
      </c>
      <c r="AP30989">
        <v>52</v>
      </c>
      <c r="AQ30989">
        <v>53</v>
      </c>
    </row>
    <row r="30990" spans="1:43">
      <c r="A30990" t="s">
        <v>19195</v>
      </c>
      <c r="B30990" t="s">
        <v>19196</v>
      </c>
      <c r="C30990" t="s">
        <v>19029</v>
      </c>
      <c r="D30990" t="s">
        <v>19030</v>
      </c>
      <c r="E30990" t="s">
        <v>18995</v>
      </c>
      <c r="F30990" t="s">
        <v>18996</v>
      </c>
      <c r="G30990" t="s">
        <v>10734</v>
      </c>
      <c r="H30990" t="s">
        <v>10735</v>
      </c>
      <c r="I30990" s="2">
        <v>0</v>
      </c>
      <c r="J30990" s="2">
        <v>0</v>
      </c>
      <c r="K30990" s="2">
        <v>1</v>
      </c>
      <c r="L30990" t="s">
        <v>995</v>
      </c>
      <c r="M30990" t="s">
        <v>83</v>
      </c>
      <c r="N30990" t="s">
        <v>84</v>
      </c>
      <c r="O30990" t="s">
        <v>85</v>
      </c>
      <c r="P30990" t="s">
        <v>86</v>
      </c>
      <c r="Q30990">
        <v>41</v>
      </c>
      <c r="R30990">
        <v>41</v>
      </c>
      <c r="S30990">
        <v>42</v>
      </c>
      <c r="T30990">
        <v>42</v>
      </c>
      <c r="U30990">
        <v>43</v>
      </c>
      <c r="V30990">
        <v>44</v>
      </c>
      <c r="W30990">
        <v>44</v>
      </c>
      <c r="X30990">
        <v>45</v>
      </c>
      <c r="Y30990">
        <v>46</v>
      </c>
      <c r="Z30990">
        <v>46</v>
      </c>
      <c r="AA30990">
        <v>47</v>
      </c>
      <c r="AB30990">
        <v>48</v>
      </c>
      <c r="AC30990">
        <v>48</v>
      </c>
      <c r="AD30990">
        <v>49</v>
      </c>
      <c r="AE30990">
        <v>50</v>
      </c>
      <c r="AF30990">
        <v>50</v>
      </c>
      <c r="AG30990">
        <v>51</v>
      </c>
      <c r="AH30990">
        <v>51</v>
      </c>
      <c r="AI30990">
        <v>52</v>
      </c>
      <c r="AJ30990">
        <v>53</v>
      </c>
      <c r="AK30990">
        <v>53</v>
      </c>
      <c r="AL30990">
        <v>54</v>
      </c>
      <c r="AM30990">
        <v>54</v>
      </c>
      <c r="AN30990">
        <v>54</v>
      </c>
      <c r="AO30990">
        <v>54</v>
      </c>
      <c r="AP30990">
        <v>55</v>
      </c>
      <c r="AQ30990">
        <v>55</v>
      </c>
    </row>
    <row r="30991" spans="1:43">
      <c r="A30991" t="s">
        <v>19195</v>
      </c>
      <c r="B30991" t="s">
        <v>19196</v>
      </c>
      <c r="C30991" t="s">
        <v>19029</v>
      </c>
      <c r="D30991" t="s">
        <v>19030</v>
      </c>
      <c r="E30991" t="s">
        <v>18995</v>
      </c>
      <c r="F30991" t="s">
        <v>18996</v>
      </c>
      <c r="G30991" t="s">
        <v>10734</v>
      </c>
      <c r="H30991" t="s">
        <v>10735</v>
      </c>
      <c r="I30991" s="2">
        <v>0</v>
      </c>
      <c r="J30991" s="2">
        <v>0</v>
      </c>
      <c r="K30991" s="2">
        <v>1</v>
      </c>
      <c r="L30991" t="s">
        <v>995</v>
      </c>
      <c r="M30991" t="s">
        <v>87</v>
      </c>
      <c r="N30991" t="s">
        <v>88</v>
      </c>
      <c r="O30991" t="s">
        <v>85</v>
      </c>
      <c r="P30991" t="s">
        <v>86</v>
      </c>
      <c r="Q30991">
        <v>41</v>
      </c>
      <c r="R30991">
        <v>41</v>
      </c>
      <c r="S30991">
        <v>42</v>
      </c>
      <c r="T30991">
        <v>42</v>
      </c>
      <c r="U30991">
        <v>42</v>
      </c>
      <c r="V30991">
        <v>42</v>
      </c>
      <c r="W30991">
        <v>43</v>
      </c>
      <c r="X30991">
        <v>43</v>
      </c>
      <c r="Y30991">
        <v>43</v>
      </c>
      <c r="Z30991">
        <v>43</v>
      </c>
      <c r="AA30991">
        <v>44</v>
      </c>
      <c r="AB30991">
        <v>44</v>
      </c>
      <c r="AC30991">
        <v>44</v>
      </c>
      <c r="AD30991">
        <v>45</v>
      </c>
      <c r="AE30991">
        <v>45</v>
      </c>
      <c r="AF30991">
        <v>45</v>
      </c>
      <c r="AG30991">
        <v>45</v>
      </c>
      <c r="AH30991">
        <v>46</v>
      </c>
      <c r="AI30991">
        <v>46</v>
      </c>
      <c r="AJ30991">
        <v>46</v>
      </c>
      <c r="AK30991">
        <v>47</v>
      </c>
      <c r="AL30991">
        <v>47</v>
      </c>
      <c r="AM30991">
        <v>47</v>
      </c>
      <c r="AN30991">
        <v>47</v>
      </c>
      <c r="AO30991">
        <v>48</v>
      </c>
      <c r="AP30991">
        <v>48</v>
      </c>
      <c r="AQ30991">
        <v>48</v>
      </c>
    </row>
    <row r="30992" spans="1:43">
      <c r="A30992" t="s">
        <v>19195</v>
      </c>
      <c r="B30992" t="s">
        <v>19196</v>
      </c>
      <c r="C30992" t="s">
        <v>19029</v>
      </c>
      <c r="D30992" t="s">
        <v>19030</v>
      </c>
      <c r="E30992" t="s">
        <v>18995</v>
      </c>
      <c r="F30992" t="s">
        <v>18996</v>
      </c>
      <c r="G30992" t="s">
        <v>10734</v>
      </c>
      <c r="H30992" t="s">
        <v>10735</v>
      </c>
      <c r="I30992" s="2">
        <v>0</v>
      </c>
      <c r="J30992" s="2">
        <v>0</v>
      </c>
      <c r="K30992" s="2">
        <v>1</v>
      </c>
      <c r="L30992" t="s">
        <v>995</v>
      </c>
      <c r="M30992" t="s">
        <v>89</v>
      </c>
      <c r="N30992" t="s">
        <v>90</v>
      </c>
      <c r="O30992" t="s">
        <v>85</v>
      </c>
      <c r="P30992" t="s">
        <v>86</v>
      </c>
      <c r="Q30992">
        <v>41</v>
      </c>
      <c r="R30992">
        <v>42</v>
      </c>
      <c r="S30992">
        <v>43</v>
      </c>
      <c r="T30992">
        <v>44</v>
      </c>
      <c r="U30992">
        <v>45</v>
      </c>
      <c r="V30992">
        <v>46</v>
      </c>
      <c r="W30992">
        <v>47</v>
      </c>
      <c r="X30992">
        <v>48</v>
      </c>
      <c r="Y30992">
        <v>48</v>
      </c>
      <c r="Z30992">
        <v>49</v>
      </c>
      <c r="AA30992">
        <v>50</v>
      </c>
      <c r="AB30992">
        <v>51</v>
      </c>
      <c r="AC30992">
        <v>52</v>
      </c>
      <c r="AD30992">
        <v>53</v>
      </c>
      <c r="AE30992">
        <v>53</v>
      </c>
      <c r="AF30992">
        <v>53</v>
      </c>
      <c r="AG30992">
        <v>53</v>
      </c>
      <c r="AH30992">
        <v>54</v>
      </c>
      <c r="AI30992">
        <v>54</v>
      </c>
      <c r="AJ30992">
        <v>54</v>
      </c>
      <c r="AK30992">
        <v>54</v>
      </c>
      <c r="AL30992">
        <v>54</v>
      </c>
      <c r="AM30992">
        <v>55</v>
      </c>
      <c r="AN30992">
        <v>55</v>
      </c>
      <c r="AO30992">
        <v>55</v>
      </c>
      <c r="AP30992">
        <v>55</v>
      </c>
      <c r="AQ30992">
        <v>55</v>
      </c>
    </row>
    <row r="30993" spans="1:43">
      <c r="A30993" t="s">
        <v>19195</v>
      </c>
      <c r="B30993" t="s">
        <v>19196</v>
      </c>
      <c r="C30993" t="s">
        <v>19029</v>
      </c>
      <c r="D30993" t="s">
        <v>19030</v>
      </c>
      <c r="E30993" t="s">
        <v>18995</v>
      </c>
      <c r="F30993" t="s">
        <v>18996</v>
      </c>
      <c r="G30993" t="s">
        <v>10734</v>
      </c>
      <c r="H30993" t="s">
        <v>10735</v>
      </c>
      <c r="I30993" s="2">
        <v>0</v>
      </c>
      <c r="J30993" s="2">
        <v>0</v>
      </c>
      <c r="K30993" s="2">
        <v>1</v>
      </c>
      <c r="L30993" t="s">
        <v>995</v>
      </c>
      <c r="M30993" t="s">
        <v>83</v>
      </c>
      <c r="N30993" t="s">
        <v>91</v>
      </c>
      <c r="O30993" t="s">
        <v>85</v>
      </c>
      <c r="P30993" t="s">
        <v>86</v>
      </c>
      <c r="Q30993">
        <v>41</v>
      </c>
      <c r="R30993">
        <v>41</v>
      </c>
      <c r="S30993">
        <v>42</v>
      </c>
      <c r="T30993">
        <v>42</v>
      </c>
      <c r="U30993">
        <v>43</v>
      </c>
      <c r="V30993">
        <v>44</v>
      </c>
      <c r="W30993">
        <v>44</v>
      </c>
      <c r="X30993">
        <v>45</v>
      </c>
      <c r="Y30993">
        <v>46</v>
      </c>
      <c r="Z30993">
        <v>46</v>
      </c>
      <c r="AA30993">
        <v>47</v>
      </c>
      <c r="AB30993">
        <v>48</v>
      </c>
      <c r="AC30993">
        <v>48</v>
      </c>
      <c r="AD30993">
        <v>49</v>
      </c>
      <c r="AE30993">
        <v>50</v>
      </c>
      <c r="AF30993">
        <v>50</v>
      </c>
      <c r="AG30993">
        <v>51</v>
      </c>
      <c r="AH30993">
        <v>51</v>
      </c>
      <c r="AI30993">
        <v>52</v>
      </c>
      <c r="AJ30993">
        <v>53</v>
      </c>
      <c r="AK30993">
        <v>53</v>
      </c>
      <c r="AL30993">
        <v>54</v>
      </c>
      <c r="AM30993">
        <v>54</v>
      </c>
      <c r="AN30993">
        <v>54</v>
      </c>
      <c r="AO30993">
        <v>54</v>
      </c>
      <c r="AP30993">
        <v>55</v>
      </c>
      <c r="AQ30993">
        <v>55</v>
      </c>
    </row>
    <row r="30994" spans="1:43">
      <c r="A30994" t="s">
        <v>19197</v>
      </c>
      <c r="B30994" t="s">
        <v>19198</v>
      </c>
      <c r="C30994" t="s">
        <v>19105</v>
      </c>
      <c r="D30994" t="s">
        <v>19106</v>
      </c>
      <c r="E30994" t="s">
        <v>18995</v>
      </c>
      <c r="F30994" t="s">
        <v>18996</v>
      </c>
      <c r="G30994" t="s">
        <v>10734</v>
      </c>
      <c r="H30994" t="s">
        <v>10735</v>
      </c>
      <c r="I30994" s="2">
        <v>0</v>
      </c>
      <c r="J30994" s="2">
        <v>0</v>
      </c>
      <c r="K30994" s="2">
        <v>1</v>
      </c>
      <c r="L30994" t="s">
        <v>995</v>
      </c>
      <c r="M30994" t="s">
        <v>83</v>
      </c>
      <c r="N30994" t="s">
        <v>84</v>
      </c>
      <c r="O30994" t="s">
        <v>85</v>
      </c>
      <c r="P30994" t="s">
        <v>86</v>
      </c>
      <c r="Q30994">
        <v>41</v>
      </c>
      <c r="R30994">
        <v>42</v>
      </c>
      <c r="S30994">
        <v>42</v>
      </c>
      <c r="T30994">
        <v>43</v>
      </c>
      <c r="U30994">
        <v>44</v>
      </c>
      <c r="V30994">
        <v>44</v>
      </c>
      <c r="W30994">
        <v>45</v>
      </c>
      <c r="X30994">
        <v>46</v>
      </c>
      <c r="Y30994">
        <v>46</v>
      </c>
      <c r="Z30994">
        <v>47</v>
      </c>
      <c r="AA30994">
        <v>48</v>
      </c>
      <c r="AB30994">
        <v>48</v>
      </c>
      <c r="AC30994">
        <v>49</v>
      </c>
      <c r="AD30994">
        <v>49</v>
      </c>
      <c r="AE30994">
        <v>50</v>
      </c>
      <c r="AF30994">
        <v>51</v>
      </c>
      <c r="AG30994">
        <v>51</v>
      </c>
      <c r="AH30994">
        <v>52</v>
      </c>
      <c r="AI30994">
        <v>53</v>
      </c>
      <c r="AJ30994">
        <v>53</v>
      </c>
      <c r="AK30994">
        <v>54</v>
      </c>
      <c r="AL30994">
        <v>54</v>
      </c>
      <c r="AM30994">
        <v>55</v>
      </c>
      <c r="AN30994">
        <v>55</v>
      </c>
      <c r="AO30994">
        <v>55</v>
      </c>
      <c r="AP30994">
        <v>55</v>
      </c>
      <c r="AQ30994">
        <v>55</v>
      </c>
    </row>
    <row r="30995" spans="1:43">
      <c r="A30995" t="s">
        <v>19197</v>
      </c>
      <c r="B30995" t="s">
        <v>19198</v>
      </c>
      <c r="C30995" t="s">
        <v>19105</v>
      </c>
      <c r="D30995" t="s">
        <v>19106</v>
      </c>
      <c r="E30995" t="s">
        <v>18995</v>
      </c>
      <c r="F30995" t="s">
        <v>18996</v>
      </c>
      <c r="G30995" t="s">
        <v>10734</v>
      </c>
      <c r="H30995" t="s">
        <v>10735</v>
      </c>
      <c r="I30995" s="2">
        <v>0</v>
      </c>
      <c r="J30995" s="2">
        <v>0</v>
      </c>
      <c r="K30995" s="2">
        <v>1</v>
      </c>
      <c r="L30995" t="s">
        <v>995</v>
      </c>
      <c r="M30995" t="s">
        <v>87</v>
      </c>
      <c r="N30995" t="s">
        <v>88</v>
      </c>
      <c r="O30995" t="s">
        <v>85</v>
      </c>
      <c r="P30995" t="s">
        <v>86</v>
      </c>
      <c r="Q30995">
        <v>41</v>
      </c>
      <c r="R30995">
        <v>41</v>
      </c>
      <c r="S30995">
        <v>41</v>
      </c>
      <c r="T30995">
        <v>41</v>
      </c>
      <c r="U30995">
        <v>42</v>
      </c>
      <c r="V30995">
        <v>42</v>
      </c>
      <c r="W30995">
        <v>42</v>
      </c>
      <c r="X30995">
        <v>42</v>
      </c>
      <c r="Y30995">
        <v>43</v>
      </c>
      <c r="Z30995">
        <v>43</v>
      </c>
      <c r="AA30995">
        <v>43</v>
      </c>
      <c r="AB30995">
        <v>44</v>
      </c>
      <c r="AC30995">
        <v>44</v>
      </c>
      <c r="AD30995">
        <v>44</v>
      </c>
      <c r="AE30995">
        <v>44</v>
      </c>
      <c r="AF30995">
        <v>45</v>
      </c>
      <c r="AG30995">
        <v>45</v>
      </c>
      <c r="AH30995">
        <v>45</v>
      </c>
      <c r="AI30995">
        <v>46</v>
      </c>
      <c r="AJ30995">
        <v>46</v>
      </c>
      <c r="AK30995">
        <v>46</v>
      </c>
      <c r="AL30995">
        <v>46</v>
      </c>
      <c r="AM30995">
        <v>47</v>
      </c>
      <c r="AN30995">
        <v>47</v>
      </c>
      <c r="AO30995">
        <v>47</v>
      </c>
      <c r="AP30995">
        <v>48</v>
      </c>
      <c r="AQ30995">
        <v>48</v>
      </c>
    </row>
    <row r="30996" spans="1:43">
      <c r="A30996" t="s">
        <v>19197</v>
      </c>
      <c r="B30996" t="s">
        <v>19198</v>
      </c>
      <c r="C30996" t="s">
        <v>19105</v>
      </c>
      <c r="D30996" t="s">
        <v>19106</v>
      </c>
      <c r="E30996" t="s">
        <v>18995</v>
      </c>
      <c r="F30996" t="s">
        <v>18996</v>
      </c>
      <c r="G30996" t="s">
        <v>10734</v>
      </c>
      <c r="H30996" t="s">
        <v>10735</v>
      </c>
      <c r="I30996" s="2">
        <v>0</v>
      </c>
      <c r="J30996" s="2">
        <v>0</v>
      </c>
      <c r="K30996" s="2">
        <v>1</v>
      </c>
      <c r="L30996" t="s">
        <v>995</v>
      </c>
      <c r="M30996" t="s">
        <v>89</v>
      </c>
      <c r="N30996" t="s">
        <v>90</v>
      </c>
      <c r="O30996" t="s">
        <v>85</v>
      </c>
      <c r="P30996" t="s">
        <v>86</v>
      </c>
      <c r="Q30996">
        <v>41</v>
      </c>
      <c r="R30996">
        <v>42</v>
      </c>
      <c r="S30996">
        <v>43</v>
      </c>
      <c r="T30996">
        <v>44</v>
      </c>
      <c r="U30996">
        <v>45</v>
      </c>
      <c r="V30996">
        <v>46</v>
      </c>
      <c r="W30996">
        <v>47</v>
      </c>
      <c r="X30996">
        <v>48</v>
      </c>
      <c r="Y30996">
        <v>49</v>
      </c>
      <c r="Z30996">
        <v>50</v>
      </c>
      <c r="AA30996">
        <v>51</v>
      </c>
      <c r="AB30996">
        <v>51</v>
      </c>
      <c r="AC30996">
        <v>52</v>
      </c>
      <c r="AD30996">
        <v>53</v>
      </c>
      <c r="AE30996">
        <v>54</v>
      </c>
      <c r="AF30996">
        <v>54</v>
      </c>
      <c r="AG30996">
        <v>54</v>
      </c>
      <c r="AH30996">
        <v>54</v>
      </c>
      <c r="AI30996">
        <v>54</v>
      </c>
      <c r="AJ30996">
        <v>55</v>
      </c>
      <c r="AK30996">
        <v>55</v>
      </c>
      <c r="AL30996">
        <v>55</v>
      </c>
      <c r="AM30996">
        <v>55</v>
      </c>
      <c r="AN30996">
        <v>55</v>
      </c>
      <c r="AO30996">
        <v>56</v>
      </c>
      <c r="AP30996">
        <v>56</v>
      </c>
      <c r="AQ30996">
        <v>56</v>
      </c>
    </row>
    <row r="30997" spans="1:43">
      <c r="A30997" t="s">
        <v>19197</v>
      </c>
      <c r="B30997" t="s">
        <v>19198</v>
      </c>
      <c r="C30997" t="s">
        <v>19105</v>
      </c>
      <c r="D30997" t="s">
        <v>19106</v>
      </c>
      <c r="E30997" t="s">
        <v>18995</v>
      </c>
      <c r="F30997" t="s">
        <v>18996</v>
      </c>
      <c r="G30997" t="s">
        <v>10734</v>
      </c>
      <c r="H30997" t="s">
        <v>10735</v>
      </c>
      <c r="I30997" s="2">
        <v>0</v>
      </c>
      <c r="J30997" s="2">
        <v>0</v>
      </c>
      <c r="K30997" s="2">
        <v>1</v>
      </c>
      <c r="L30997" t="s">
        <v>995</v>
      </c>
      <c r="M30997" t="s">
        <v>83</v>
      </c>
      <c r="N30997" t="s">
        <v>91</v>
      </c>
      <c r="O30997" t="s">
        <v>85</v>
      </c>
      <c r="P30997" t="s">
        <v>86</v>
      </c>
      <c r="Q30997">
        <v>41</v>
      </c>
      <c r="R30997">
        <v>42</v>
      </c>
      <c r="S30997">
        <v>42</v>
      </c>
      <c r="T30997">
        <v>43</v>
      </c>
      <c r="U30997">
        <v>44</v>
      </c>
      <c r="V30997">
        <v>44</v>
      </c>
      <c r="W30997">
        <v>45</v>
      </c>
      <c r="X30997">
        <v>46</v>
      </c>
      <c r="Y30997">
        <v>46</v>
      </c>
      <c r="Z30997">
        <v>47</v>
      </c>
      <c r="AA30997">
        <v>48</v>
      </c>
      <c r="AB30997">
        <v>48</v>
      </c>
      <c r="AC30997">
        <v>49</v>
      </c>
      <c r="AD30997">
        <v>49</v>
      </c>
      <c r="AE30997">
        <v>50</v>
      </c>
      <c r="AF30997">
        <v>51</v>
      </c>
      <c r="AG30997">
        <v>51</v>
      </c>
      <c r="AH30997">
        <v>52</v>
      </c>
      <c r="AI30997">
        <v>53</v>
      </c>
      <c r="AJ30997">
        <v>53</v>
      </c>
      <c r="AK30997">
        <v>54</v>
      </c>
      <c r="AL30997">
        <v>54</v>
      </c>
      <c r="AM30997">
        <v>55</v>
      </c>
      <c r="AN30997">
        <v>55</v>
      </c>
      <c r="AO30997">
        <v>55</v>
      </c>
      <c r="AP30997">
        <v>55</v>
      </c>
      <c r="AQ30997">
        <v>55</v>
      </c>
    </row>
    <row r="30998" spans="1:43">
      <c r="A30998" t="s">
        <v>19199</v>
      </c>
      <c r="B30998" t="s">
        <v>19200</v>
      </c>
      <c r="C30998" t="s">
        <v>19201</v>
      </c>
      <c r="D30998" t="s">
        <v>19202</v>
      </c>
      <c r="E30998" t="s">
        <v>19203</v>
      </c>
      <c r="F30998" t="s">
        <v>19204</v>
      </c>
      <c r="G30998" t="s">
        <v>10734</v>
      </c>
      <c r="H30998" t="s">
        <v>10735</v>
      </c>
      <c r="I30998" s="2">
        <v>0</v>
      </c>
      <c r="J30998" s="2">
        <v>0</v>
      </c>
      <c r="K30998" s="2">
        <v>1</v>
      </c>
      <c r="L30998" t="s">
        <v>995</v>
      </c>
      <c r="M30998" t="s">
        <v>83</v>
      </c>
      <c r="N30998" t="s">
        <v>84</v>
      </c>
      <c r="O30998" t="s">
        <v>85</v>
      </c>
      <c r="P30998" t="s">
        <v>86</v>
      </c>
      <c r="Q30998">
        <v>47</v>
      </c>
      <c r="R30998">
        <v>48</v>
      </c>
      <c r="S30998">
        <v>48</v>
      </c>
      <c r="T30998">
        <v>49</v>
      </c>
      <c r="U30998">
        <v>50</v>
      </c>
      <c r="V30998">
        <v>50</v>
      </c>
      <c r="W30998">
        <v>51</v>
      </c>
      <c r="X30998">
        <v>51</v>
      </c>
      <c r="Y30998">
        <v>52</v>
      </c>
      <c r="Z30998">
        <v>52</v>
      </c>
      <c r="AA30998">
        <v>53</v>
      </c>
      <c r="AB30998">
        <v>53</v>
      </c>
      <c r="AC30998">
        <v>54</v>
      </c>
      <c r="AD30998">
        <v>54</v>
      </c>
      <c r="AE30998">
        <v>55</v>
      </c>
      <c r="AF30998">
        <v>55</v>
      </c>
      <c r="AG30998">
        <v>56</v>
      </c>
      <c r="AH30998">
        <v>56</v>
      </c>
      <c r="AI30998">
        <v>57</v>
      </c>
      <c r="AJ30998">
        <v>57</v>
      </c>
      <c r="AK30998">
        <v>58</v>
      </c>
      <c r="AL30998">
        <v>58</v>
      </c>
      <c r="AM30998">
        <v>57</v>
      </c>
      <c r="AN30998">
        <v>57</v>
      </c>
      <c r="AO30998">
        <v>57</v>
      </c>
      <c r="AP30998">
        <v>57</v>
      </c>
      <c r="AQ30998">
        <v>57</v>
      </c>
    </row>
    <row r="30999" spans="1:43">
      <c r="A30999" t="s">
        <v>19199</v>
      </c>
      <c r="B30999" t="s">
        <v>19200</v>
      </c>
      <c r="C30999" t="s">
        <v>19201</v>
      </c>
      <c r="D30999" t="s">
        <v>19202</v>
      </c>
      <c r="E30999" t="s">
        <v>19203</v>
      </c>
      <c r="F30999" t="s">
        <v>19204</v>
      </c>
      <c r="G30999" t="s">
        <v>10734</v>
      </c>
      <c r="H30999" t="s">
        <v>10735</v>
      </c>
      <c r="I30999" s="2">
        <v>0</v>
      </c>
      <c r="J30999" s="2">
        <v>0</v>
      </c>
      <c r="K30999" s="2">
        <v>1</v>
      </c>
      <c r="L30999" t="s">
        <v>995</v>
      </c>
      <c r="M30999" t="s">
        <v>87</v>
      </c>
      <c r="N30999" t="s">
        <v>88</v>
      </c>
      <c r="O30999" t="s">
        <v>85</v>
      </c>
      <c r="P30999" t="s">
        <v>86</v>
      </c>
      <c r="Q30999">
        <v>47</v>
      </c>
      <c r="R30999">
        <v>47</v>
      </c>
      <c r="S30999">
        <v>47</v>
      </c>
      <c r="T30999">
        <v>47</v>
      </c>
      <c r="U30999">
        <v>47</v>
      </c>
      <c r="V30999">
        <v>48</v>
      </c>
      <c r="W30999">
        <v>48</v>
      </c>
      <c r="X30999">
        <v>48</v>
      </c>
      <c r="Y30999">
        <v>48</v>
      </c>
      <c r="Z30999">
        <v>48</v>
      </c>
      <c r="AA30999">
        <v>48</v>
      </c>
      <c r="AB30999">
        <v>48</v>
      </c>
      <c r="AC30999">
        <v>48</v>
      </c>
      <c r="AD30999">
        <v>49</v>
      </c>
      <c r="AE30999">
        <v>49</v>
      </c>
      <c r="AF30999">
        <v>49</v>
      </c>
      <c r="AG30999">
        <v>49</v>
      </c>
      <c r="AH30999">
        <v>49</v>
      </c>
      <c r="AI30999">
        <v>49</v>
      </c>
      <c r="AJ30999">
        <v>49</v>
      </c>
      <c r="AK30999">
        <v>49</v>
      </c>
      <c r="AL30999">
        <v>49</v>
      </c>
      <c r="AM30999">
        <v>49</v>
      </c>
      <c r="AN30999">
        <v>49</v>
      </c>
      <c r="AO30999">
        <v>49</v>
      </c>
      <c r="AP30999">
        <v>50</v>
      </c>
      <c r="AQ30999">
        <v>50</v>
      </c>
    </row>
    <row r="31000" spans="1:43">
      <c r="A31000" t="s">
        <v>19199</v>
      </c>
      <c r="B31000" t="s">
        <v>19200</v>
      </c>
      <c r="C31000" t="s">
        <v>19201</v>
      </c>
      <c r="D31000" t="s">
        <v>19202</v>
      </c>
      <c r="E31000" t="s">
        <v>19203</v>
      </c>
      <c r="F31000" t="s">
        <v>19204</v>
      </c>
      <c r="G31000" t="s">
        <v>10734</v>
      </c>
      <c r="H31000" t="s">
        <v>10735</v>
      </c>
      <c r="I31000" s="2">
        <v>0</v>
      </c>
      <c r="J31000" s="2">
        <v>0</v>
      </c>
      <c r="K31000" s="2">
        <v>1</v>
      </c>
      <c r="L31000" t="s">
        <v>995</v>
      </c>
      <c r="M31000" t="s">
        <v>89</v>
      </c>
      <c r="N31000" t="s">
        <v>90</v>
      </c>
      <c r="O31000" t="s">
        <v>85</v>
      </c>
      <c r="P31000" t="s">
        <v>86</v>
      </c>
      <c r="Q31000">
        <v>47</v>
      </c>
      <c r="R31000">
        <v>48</v>
      </c>
      <c r="S31000">
        <v>49</v>
      </c>
      <c r="T31000">
        <v>50</v>
      </c>
      <c r="U31000">
        <v>51</v>
      </c>
      <c r="V31000">
        <v>51</v>
      </c>
      <c r="W31000">
        <v>52</v>
      </c>
      <c r="X31000">
        <v>53</v>
      </c>
      <c r="Y31000">
        <v>54</v>
      </c>
      <c r="Z31000">
        <v>55</v>
      </c>
      <c r="AA31000">
        <v>55</v>
      </c>
      <c r="AB31000">
        <v>56</v>
      </c>
      <c r="AC31000">
        <v>57</v>
      </c>
      <c r="AD31000">
        <v>57</v>
      </c>
      <c r="AE31000">
        <v>58</v>
      </c>
      <c r="AF31000">
        <v>58</v>
      </c>
      <c r="AG31000">
        <v>58</v>
      </c>
      <c r="AH31000">
        <v>58</v>
      </c>
      <c r="AI31000">
        <v>57</v>
      </c>
      <c r="AJ31000">
        <v>57</v>
      </c>
      <c r="AK31000">
        <v>57</v>
      </c>
      <c r="AL31000">
        <v>57</v>
      </c>
      <c r="AM31000">
        <v>57</v>
      </c>
      <c r="AN31000">
        <v>57</v>
      </c>
      <c r="AO31000">
        <v>57</v>
      </c>
      <c r="AP31000">
        <v>57</v>
      </c>
      <c r="AQ31000">
        <v>57</v>
      </c>
    </row>
    <row r="31001" spans="1:43">
      <c r="A31001" t="s">
        <v>19199</v>
      </c>
      <c r="B31001" t="s">
        <v>19200</v>
      </c>
      <c r="C31001" t="s">
        <v>19201</v>
      </c>
      <c r="D31001" t="s">
        <v>19202</v>
      </c>
      <c r="E31001" t="s">
        <v>19203</v>
      </c>
      <c r="F31001" t="s">
        <v>19204</v>
      </c>
      <c r="G31001" t="s">
        <v>10734</v>
      </c>
      <c r="H31001" t="s">
        <v>10735</v>
      </c>
      <c r="I31001" s="2">
        <v>0</v>
      </c>
      <c r="J31001" s="2">
        <v>0</v>
      </c>
      <c r="K31001" s="2">
        <v>1</v>
      </c>
      <c r="L31001" t="s">
        <v>995</v>
      </c>
      <c r="M31001" t="s">
        <v>83</v>
      </c>
      <c r="N31001" t="s">
        <v>91</v>
      </c>
      <c r="O31001" t="s">
        <v>85</v>
      </c>
      <c r="P31001" t="s">
        <v>86</v>
      </c>
      <c r="Q31001">
        <v>47</v>
      </c>
      <c r="R31001">
        <v>48</v>
      </c>
      <c r="S31001">
        <v>48</v>
      </c>
      <c r="T31001">
        <v>49</v>
      </c>
      <c r="U31001">
        <v>50</v>
      </c>
      <c r="V31001">
        <v>50</v>
      </c>
      <c r="W31001">
        <v>51</v>
      </c>
      <c r="X31001">
        <v>51</v>
      </c>
      <c r="Y31001">
        <v>52</v>
      </c>
      <c r="Z31001">
        <v>52</v>
      </c>
      <c r="AA31001">
        <v>53</v>
      </c>
      <c r="AB31001">
        <v>53</v>
      </c>
      <c r="AC31001">
        <v>54</v>
      </c>
      <c r="AD31001">
        <v>54</v>
      </c>
      <c r="AE31001">
        <v>55</v>
      </c>
      <c r="AF31001">
        <v>55</v>
      </c>
      <c r="AG31001">
        <v>56</v>
      </c>
      <c r="AH31001">
        <v>56</v>
      </c>
      <c r="AI31001">
        <v>57</v>
      </c>
      <c r="AJ31001">
        <v>57</v>
      </c>
      <c r="AK31001">
        <v>58</v>
      </c>
      <c r="AL31001">
        <v>58</v>
      </c>
      <c r="AM31001">
        <v>57</v>
      </c>
      <c r="AN31001">
        <v>57</v>
      </c>
      <c r="AO31001">
        <v>57</v>
      </c>
      <c r="AP31001">
        <v>57</v>
      </c>
      <c r="AQ31001">
        <v>57</v>
      </c>
    </row>
    <row r="31002" spans="1:43">
      <c r="A31002" t="s">
        <v>19205</v>
      </c>
      <c r="B31002" t="s">
        <v>19206</v>
      </c>
      <c r="C31002" t="s">
        <v>19201</v>
      </c>
      <c r="D31002" t="s">
        <v>19202</v>
      </c>
      <c r="E31002" t="s">
        <v>19203</v>
      </c>
      <c r="F31002" t="s">
        <v>19204</v>
      </c>
      <c r="G31002" t="s">
        <v>10734</v>
      </c>
      <c r="H31002" t="s">
        <v>10735</v>
      </c>
      <c r="I31002" s="2">
        <v>0</v>
      </c>
      <c r="J31002" s="2">
        <v>0</v>
      </c>
      <c r="K31002" s="2">
        <v>1</v>
      </c>
      <c r="L31002" t="s">
        <v>995</v>
      </c>
      <c r="M31002" t="s">
        <v>83</v>
      </c>
      <c r="N31002" t="s">
        <v>84</v>
      </c>
      <c r="O31002" t="s">
        <v>85</v>
      </c>
      <c r="P31002" t="s">
        <v>86</v>
      </c>
      <c r="Q31002">
        <v>10</v>
      </c>
      <c r="R31002">
        <v>10</v>
      </c>
      <c r="S31002">
        <v>10</v>
      </c>
      <c r="T31002">
        <v>11</v>
      </c>
      <c r="U31002">
        <v>11</v>
      </c>
      <c r="V31002">
        <v>11</v>
      </c>
      <c r="W31002">
        <v>11</v>
      </c>
      <c r="X31002">
        <v>11</v>
      </c>
      <c r="Y31002">
        <v>11</v>
      </c>
      <c r="Z31002">
        <v>11</v>
      </c>
      <c r="AA31002">
        <v>11</v>
      </c>
      <c r="AB31002">
        <v>12</v>
      </c>
      <c r="AC31002">
        <v>12</v>
      </c>
      <c r="AD31002">
        <v>12</v>
      </c>
      <c r="AE31002">
        <v>12</v>
      </c>
      <c r="AF31002">
        <v>12</v>
      </c>
      <c r="AG31002">
        <v>12</v>
      </c>
      <c r="AH31002">
        <v>12</v>
      </c>
      <c r="AI31002">
        <v>12</v>
      </c>
      <c r="AJ31002">
        <v>12</v>
      </c>
      <c r="AK31002">
        <v>12</v>
      </c>
      <c r="AL31002">
        <v>13</v>
      </c>
      <c r="AM31002">
        <v>13</v>
      </c>
      <c r="AN31002">
        <v>12</v>
      </c>
      <c r="AO31002">
        <v>12</v>
      </c>
      <c r="AP31002">
        <v>12</v>
      </c>
      <c r="AQ31002">
        <v>12</v>
      </c>
    </row>
    <row r="31003" spans="1:43">
      <c r="A31003" t="s">
        <v>19205</v>
      </c>
      <c r="B31003" t="s">
        <v>19206</v>
      </c>
      <c r="C31003" t="s">
        <v>19201</v>
      </c>
      <c r="D31003" t="s">
        <v>19202</v>
      </c>
      <c r="E31003" t="s">
        <v>19203</v>
      </c>
      <c r="F31003" t="s">
        <v>19204</v>
      </c>
      <c r="G31003" t="s">
        <v>10734</v>
      </c>
      <c r="H31003" t="s">
        <v>10735</v>
      </c>
      <c r="I31003" s="2">
        <v>0</v>
      </c>
      <c r="J31003" s="2">
        <v>0</v>
      </c>
      <c r="K31003" s="2">
        <v>1</v>
      </c>
      <c r="L31003" t="s">
        <v>995</v>
      </c>
      <c r="M31003" t="s">
        <v>87</v>
      </c>
      <c r="N31003" t="s">
        <v>88</v>
      </c>
      <c r="O31003" t="s">
        <v>85</v>
      </c>
      <c r="P31003" t="s">
        <v>86</v>
      </c>
      <c r="Q31003">
        <v>10</v>
      </c>
      <c r="R31003">
        <v>10</v>
      </c>
      <c r="S31003">
        <v>10</v>
      </c>
      <c r="T31003">
        <v>10</v>
      </c>
      <c r="U31003">
        <v>10</v>
      </c>
      <c r="V31003">
        <v>10</v>
      </c>
      <c r="W31003">
        <v>10</v>
      </c>
      <c r="X31003">
        <v>10</v>
      </c>
      <c r="Y31003">
        <v>10</v>
      </c>
      <c r="Z31003">
        <v>10</v>
      </c>
      <c r="AA31003">
        <v>10</v>
      </c>
      <c r="AB31003">
        <v>10</v>
      </c>
      <c r="AC31003">
        <v>10</v>
      </c>
      <c r="AD31003">
        <v>10</v>
      </c>
      <c r="AE31003">
        <v>10</v>
      </c>
      <c r="AF31003">
        <v>11</v>
      </c>
      <c r="AG31003">
        <v>11</v>
      </c>
      <c r="AH31003">
        <v>11</v>
      </c>
      <c r="AI31003">
        <v>11</v>
      </c>
      <c r="AJ31003">
        <v>11</v>
      </c>
      <c r="AK31003">
        <v>11</v>
      </c>
      <c r="AL31003">
        <v>11</v>
      </c>
      <c r="AM31003">
        <v>11</v>
      </c>
      <c r="AN31003">
        <v>11</v>
      </c>
      <c r="AO31003">
        <v>11</v>
      </c>
      <c r="AP31003">
        <v>11</v>
      </c>
      <c r="AQ31003">
        <v>11</v>
      </c>
    </row>
    <row r="31004" spans="1:43">
      <c r="A31004" t="s">
        <v>19205</v>
      </c>
      <c r="B31004" t="s">
        <v>19206</v>
      </c>
      <c r="C31004" t="s">
        <v>19201</v>
      </c>
      <c r="D31004" t="s">
        <v>19202</v>
      </c>
      <c r="E31004" t="s">
        <v>19203</v>
      </c>
      <c r="F31004" t="s">
        <v>19204</v>
      </c>
      <c r="G31004" t="s">
        <v>10734</v>
      </c>
      <c r="H31004" t="s">
        <v>10735</v>
      </c>
      <c r="I31004" s="2">
        <v>0</v>
      </c>
      <c r="J31004" s="2">
        <v>0</v>
      </c>
      <c r="K31004" s="2">
        <v>1</v>
      </c>
      <c r="L31004" t="s">
        <v>995</v>
      </c>
      <c r="M31004" t="s">
        <v>89</v>
      </c>
      <c r="N31004" t="s">
        <v>90</v>
      </c>
      <c r="O31004" t="s">
        <v>85</v>
      </c>
      <c r="P31004" t="s">
        <v>86</v>
      </c>
      <c r="Q31004">
        <v>10</v>
      </c>
      <c r="R31004">
        <v>10</v>
      </c>
      <c r="S31004">
        <v>11</v>
      </c>
      <c r="T31004">
        <v>11</v>
      </c>
      <c r="U31004">
        <v>11</v>
      </c>
      <c r="V31004">
        <v>11</v>
      </c>
      <c r="W31004">
        <v>11</v>
      </c>
      <c r="X31004">
        <v>12</v>
      </c>
      <c r="Y31004">
        <v>12</v>
      </c>
      <c r="Z31004">
        <v>12</v>
      </c>
      <c r="AA31004">
        <v>12</v>
      </c>
      <c r="AB31004">
        <v>12</v>
      </c>
      <c r="AC31004">
        <v>12</v>
      </c>
      <c r="AD31004">
        <v>13</v>
      </c>
      <c r="AE31004">
        <v>13</v>
      </c>
      <c r="AF31004">
        <v>13</v>
      </c>
      <c r="AG31004">
        <v>13</v>
      </c>
      <c r="AH31004">
        <v>13</v>
      </c>
      <c r="AI31004">
        <v>13</v>
      </c>
      <c r="AJ31004">
        <v>13</v>
      </c>
      <c r="AK31004">
        <v>13</v>
      </c>
      <c r="AL31004">
        <v>13</v>
      </c>
      <c r="AM31004">
        <v>13</v>
      </c>
      <c r="AN31004">
        <v>13</v>
      </c>
      <c r="AO31004">
        <v>13</v>
      </c>
      <c r="AP31004">
        <v>13</v>
      </c>
      <c r="AQ31004">
        <v>13</v>
      </c>
    </row>
    <row r="31005" spans="1:43">
      <c r="A31005" t="s">
        <v>19205</v>
      </c>
      <c r="B31005" t="s">
        <v>19206</v>
      </c>
      <c r="C31005" t="s">
        <v>19201</v>
      </c>
      <c r="D31005" t="s">
        <v>19202</v>
      </c>
      <c r="E31005" t="s">
        <v>19203</v>
      </c>
      <c r="F31005" t="s">
        <v>19204</v>
      </c>
      <c r="G31005" t="s">
        <v>10734</v>
      </c>
      <c r="H31005" t="s">
        <v>10735</v>
      </c>
      <c r="I31005" s="2">
        <v>0</v>
      </c>
      <c r="J31005" s="2">
        <v>0</v>
      </c>
      <c r="K31005" s="2">
        <v>1</v>
      </c>
      <c r="L31005" t="s">
        <v>995</v>
      </c>
      <c r="M31005" t="s">
        <v>83</v>
      </c>
      <c r="N31005" t="s">
        <v>91</v>
      </c>
      <c r="O31005" t="s">
        <v>85</v>
      </c>
      <c r="P31005" t="s">
        <v>86</v>
      </c>
      <c r="Q31005">
        <v>10</v>
      </c>
      <c r="R31005">
        <v>10</v>
      </c>
      <c r="S31005">
        <v>10</v>
      </c>
      <c r="T31005">
        <v>11</v>
      </c>
      <c r="U31005">
        <v>11</v>
      </c>
      <c r="V31005">
        <v>11</v>
      </c>
      <c r="W31005">
        <v>11</v>
      </c>
      <c r="X31005">
        <v>11</v>
      </c>
      <c r="Y31005">
        <v>11</v>
      </c>
      <c r="Z31005">
        <v>11</v>
      </c>
      <c r="AA31005">
        <v>11</v>
      </c>
      <c r="AB31005">
        <v>12</v>
      </c>
      <c r="AC31005">
        <v>12</v>
      </c>
      <c r="AD31005">
        <v>12</v>
      </c>
      <c r="AE31005">
        <v>12</v>
      </c>
      <c r="AF31005">
        <v>12</v>
      </c>
      <c r="AG31005">
        <v>12</v>
      </c>
      <c r="AH31005">
        <v>12</v>
      </c>
      <c r="AI31005">
        <v>12</v>
      </c>
      <c r="AJ31005">
        <v>12</v>
      </c>
      <c r="AK31005">
        <v>12</v>
      </c>
      <c r="AL31005">
        <v>13</v>
      </c>
      <c r="AM31005">
        <v>13</v>
      </c>
      <c r="AN31005">
        <v>12</v>
      </c>
      <c r="AO31005">
        <v>12</v>
      </c>
      <c r="AP31005">
        <v>12</v>
      </c>
      <c r="AQ31005">
        <v>12</v>
      </c>
    </row>
    <row r="31006" spans="1:43">
      <c r="A31006" t="s">
        <v>19207</v>
      </c>
      <c r="B31006" t="s">
        <v>19208</v>
      </c>
      <c r="C31006" t="s">
        <v>19201</v>
      </c>
      <c r="D31006" t="s">
        <v>19202</v>
      </c>
      <c r="E31006" t="s">
        <v>19203</v>
      </c>
      <c r="F31006" t="s">
        <v>19204</v>
      </c>
      <c r="G31006" t="s">
        <v>10734</v>
      </c>
      <c r="H31006" t="s">
        <v>10735</v>
      </c>
      <c r="I31006" s="2">
        <v>0</v>
      </c>
      <c r="J31006" s="2">
        <v>0</v>
      </c>
      <c r="K31006" s="2">
        <v>1</v>
      </c>
      <c r="L31006" t="s">
        <v>995</v>
      </c>
      <c r="M31006" t="s">
        <v>83</v>
      </c>
      <c r="N31006" t="s">
        <v>84</v>
      </c>
      <c r="O31006" t="s">
        <v>85</v>
      </c>
      <c r="P31006" t="s">
        <v>86</v>
      </c>
      <c r="Q31006">
        <v>4</v>
      </c>
      <c r="R31006">
        <v>4</v>
      </c>
      <c r="S31006">
        <v>4</v>
      </c>
      <c r="T31006">
        <v>4</v>
      </c>
      <c r="U31006">
        <v>4</v>
      </c>
      <c r="V31006">
        <v>5</v>
      </c>
      <c r="W31006">
        <v>5</v>
      </c>
      <c r="X31006">
        <v>5</v>
      </c>
      <c r="Y31006">
        <v>5</v>
      </c>
      <c r="Z31006">
        <v>5</v>
      </c>
      <c r="AA31006">
        <v>5</v>
      </c>
      <c r="AB31006">
        <v>5</v>
      </c>
      <c r="AC31006">
        <v>5</v>
      </c>
      <c r="AD31006">
        <v>5</v>
      </c>
      <c r="AE31006">
        <v>5</v>
      </c>
      <c r="AF31006">
        <v>5</v>
      </c>
      <c r="AG31006">
        <v>5</v>
      </c>
      <c r="AH31006">
        <v>5</v>
      </c>
      <c r="AI31006">
        <v>5</v>
      </c>
      <c r="AJ31006">
        <v>5</v>
      </c>
      <c r="AK31006">
        <v>5</v>
      </c>
      <c r="AL31006">
        <v>5</v>
      </c>
      <c r="AM31006">
        <v>5</v>
      </c>
      <c r="AN31006">
        <v>5</v>
      </c>
      <c r="AO31006">
        <v>5</v>
      </c>
      <c r="AP31006">
        <v>5</v>
      </c>
      <c r="AQ31006">
        <v>5</v>
      </c>
    </row>
    <row r="31007" spans="1:43">
      <c r="A31007" t="s">
        <v>19207</v>
      </c>
      <c r="B31007" t="s">
        <v>19208</v>
      </c>
      <c r="C31007" t="s">
        <v>19201</v>
      </c>
      <c r="D31007" t="s">
        <v>19202</v>
      </c>
      <c r="E31007" t="s">
        <v>19203</v>
      </c>
      <c r="F31007" t="s">
        <v>19204</v>
      </c>
      <c r="G31007" t="s">
        <v>10734</v>
      </c>
      <c r="H31007" t="s">
        <v>10735</v>
      </c>
      <c r="I31007" s="2">
        <v>0</v>
      </c>
      <c r="J31007" s="2">
        <v>0</v>
      </c>
      <c r="K31007" s="2">
        <v>1</v>
      </c>
      <c r="L31007" t="s">
        <v>995</v>
      </c>
      <c r="M31007" t="s">
        <v>87</v>
      </c>
      <c r="N31007" t="s">
        <v>88</v>
      </c>
      <c r="O31007" t="s">
        <v>85</v>
      </c>
      <c r="P31007" t="s">
        <v>86</v>
      </c>
      <c r="Q31007">
        <v>4</v>
      </c>
      <c r="R31007">
        <v>4</v>
      </c>
      <c r="S31007">
        <v>4</v>
      </c>
      <c r="T31007">
        <v>4</v>
      </c>
      <c r="U31007">
        <v>4</v>
      </c>
      <c r="V31007">
        <v>4</v>
      </c>
      <c r="W31007">
        <v>4</v>
      </c>
      <c r="X31007">
        <v>4</v>
      </c>
      <c r="Y31007">
        <v>4</v>
      </c>
      <c r="Z31007">
        <v>4</v>
      </c>
      <c r="AA31007">
        <v>4</v>
      </c>
      <c r="AB31007">
        <v>4</v>
      </c>
      <c r="AC31007">
        <v>4</v>
      </c>
      <c r="AD31007">
        <v>4</v>
      </c>
      <c r="AE31007">
        <v>4</v>
      </c>
      <c r="AF31007">
        <v>4</v>
      </c>
      <c r="AG31007">
        <v>4</v>
      </c>
      <c r="AH31007">
        <v>4</v>
      </c>
      <c r="AI31007">
        <v>4</v>
      </c>
      <c r="AJ31007">
        <v>4</v>
      </c>
      <c r="AK31007">
        <v>4</v>
      </c>
      <c r="AL31007">
        <v>4</v>
      </c>
      <c r="AM31007">
        <v>4</v>
      </c>
      <c r="AN31007">
        <v>4</v>
      </c>
      <c r="AO31007">
        <v>4</v>
      </c>
      <c r="AP31007">
        <v>4</v>
      </c>
      <c r="AQ31007">
        <v>4</v>
      </c>
    </row>
    <row r="31008" spans="1:43">
      <c r="A31008" t="s">
        <v>19207</v>
      </c>
      <c r="B31008" t="s">
        <v>19208</v>
      </c>
      <c r="C31008" t="s">
        <v>19201</v>
      </c>
      <c r="D31008" t="s">
        <v>19202</v>
      </c>
      <c r="E31008" t="s">
        <v>19203</v>
      </c>
      <c r="F31008" t="s">
        <v>19204</v>
      </c>
      <c r="G31008" t="s">
        <v>10734</v>
      </c>
      <c r="H31008" t="s">
        <v>10735</v>
      </c>
      <c r="I31008" s="2">
        <v>0</v>
      </c>
      <c r="J31008" s="2">
        <v>0</v>
      </c>
      <c r="K31008" s="2">
        <v>1</v>
      </c>
      <c r="L31008" t="s">
        <v>995</v>
      </c>
      <c r="M31008" t="s">
        <v>89</v>
      </c>
      <c r="N31008" t="s">
        <v>90</v>
      </c>
      <c r="O31008" t="s">
        <v>85</v>
      </c>
      <c r="P31008" t="s">
        <v>86</v>
      </c>
      <c r="Q31008">
        <v>4</v>
      </c>
      <c r="R31008">
        <v>4</v>
      </c>
      <c r="S31008">
        <v>4</v>
      </c>
      <c r="T31008">
        <v>5</v>
      </c>
      <c r="U31008">
        <v>5</v>
      </c>
      <c r="V31008">
        <v>5</v>
      </c>
      <c r="W31008">
        <v>5</v>
      </c>
      <c r="X31008">
        <v>5</v>
      </c>
      <c r="Y31008">
        <v>5</v>
      </c>
      <c r="Z31008">
        <v>5</v>
      </c>
      <c r="AA31008">
        <v>5</v>
      </c>
      <c r="AB31008">
        <v>5</v>
      </c>
      <c r="AC31008">
        <v>5</v>
      </c>
      <c r="AD31008">
        <v>5</v>
      </c>
      <c r="AE31008">
        <v>5</v>
      </c>
      <c r="AF31008">
        <v>5</v>
      </c>
      <c r="AG31008">
        <v>5</v>
      </c>
      <c r="AH31008">
        <v>5</v>
      </c>
      <c r="AI31008">
        <v>5</v>
      </c>
      <c r="AJ31008">
        <v>5</v>
      </c>
      <c r="AK31008">
        <v>5</v>
      </c>
      <c r="AL31008">
        <v>5</v>
      </c>
      <c r="AM31008">
        <v>5</v>
      </c>
      <c r="AN31008">
        <v>5</v>
      </c>
      <c r="AO31008">
        <v>5</v>
      </c>
      <c r="AP31008">
        <v>5</v>
      </c>
      <c r="AQ31008">
        <v>5</v>
      </c>
    </row>
    <row r="31009" spans="1:43">
      <c r="A31009" t="s">
        <v>19207</v>
      </c>
      <c r="B31009" t="s">
        <v>19208</v>
      </c>
      <c r="C31009" t="s">
        <v>19201</v>
      </c>
      <c r="D31009" t="s">
        <v>19202</v>
      </c>
      <c r="E31009" t="s">
        <v>19203</v>
      </c>
      <c r="F31009" t="s">
        <v>19204</v>
      </c>
      <c r="G31009" t="s">
        <v>10734</v>
      </c>
      <c r="H31009" t="s">
        <v>10735</v>
      </c>
      <c r="I31009" s="2">
        <v>0</v>
      </c>
      <c r="J31009" s="2">
        <v>0</v>
      </c>
      <c r="K31009" s="2">
        <v>1</v>
      </c>
      <c r="L31009" t="s">
        <v>995</v>
      </c>
      <c r="M31009" t="s">
        <v>83</v>
      </c>
      <c r="N31009" t="s">
        <v>91</v>
      </c>
      <c r="O31009" t="s">
        <v>85</v>
      </c>
      <c r="P31009" t="s">
        <v>86</v>
      </c>
      <c r="Q31009">
        <v>4</v>
      </c>
      <c r="R31009">
        <v>4</v>
      </c>
      <c r="S31009">
        <v>4</v>
      </c>
      <c r="T31009">
        <v>4</v>
      </c>
      <c r="U31009">
        <v>4</v>
      </c>
      <c r="V31009">
        <v>5</v>
      </c>
      <c r="W31009">
        <v>5</v>
      </c>
      <c r="X31009">
        <v>5</v>
      </c>
      <c r="Y31009">
        <v>5</v>
      </c>
      <c r="Z31009">
        <v>5</v>
      </c>
      <c r="AA31009">
        <v>5</v>
      </c>
      <c r="AB31009">
        <v>5</v>
      </c>
      <c r="AC31009">
        <v>5</v>
      </c>
      <c r="AD31009">
        <v>5</v>
      </c>
      <c r="AE31009">
        <v>5</v>
      </c>
      <c r="AF31009">
        <v>5</v>
      </c>
      <c r="AG31009">
        <v>5</v>
      </c>
      <c r="AH31009">
        <v>5</v>
      </c>
      <c r="AI31009">
        <v>5</v>
      </c>
      <c r="AJ31009">
        <v>5</v>
      </c>
      <c r="AK31009">
        <v>5</v>
      </c>
      <c r="AL31009">
        <v>5</v>
      </c>
      <c r="AM31009">
        <v>5</v>
      </c>
      <c r="AN31009">
        <v>5</v>
      </c>
      <c r="AO31009">
        <v>5</v>
      </c>
      <c r="AP31009">
        <v>5</v>
      </c>
      <c r="AQ31009">
        <v>5</v>
      </c>
    </row>
    <row r="31010" spans="1:43">
      <c r="A31010" t="s">
        <v>19209</v>
      </c>
      <c r="B31010" t="s">
        <v>19210</v>
      </c>
      <c r="C31010" t="s">
        <v>19211</v>
      </c>
      <c r="D31010" t="s">
        <v>19212</v>
      </c>
      <c r="E31010" t="s">
        <v>19203</v>
      </c>
      <c r="F31010" t="s">
        <v>19204</v>
      </c>
      <c r="G31010" t="s">
        <v>10734</v>
      </c>
      <c r="H31010" t="s">
        <v>10735</v>
      </c>
      <c r="I31010" s="2">
        <v>0</v>
      </c>
      <c r="J31010" s="2">
        <v>0</v>
      </c>
      <c r="K31010" s="2">
        <v>1</v>
      </c>
      <c r="L31010" t="s">
        <v>995</v>
      </c>
      <c r="M31010" t="s">
        <v>83</v>
      </c>
      <c r="N31010" t="s">
        <v>84</v>
      </c>
      <c r="O31010" t="s">
        <v>85</v>
      </c>
      <c r="P31010" t="s">
        <v>86</v>
      </c>
      <c r="Q31010">
        <v>31</v>
      </c>
      <c r="R31010">
        <v>32</v>
      </c>
      <c r="S31010">
        <v>32</v>
      </c>
      <c r="T31010">
        <v>32</v>
      </c>
      <c r="U31010">
        <v>33</v>
      </c>
      <c r="V31010">
        <v>33</v>
      </c>
      <c r="W31010">
        <v>34</v>
      </c>
      <c r="X31010">
        <v>34</v>
      </c>
      <c r="Y31010">
        <v>34</v>
      </c>
      <c r="Z31010">
        <v>35</v>
      </c>
      <c r="AA31010">
        <v>35</v>
      </c>
      <c r="AB31010">
        <v>35</v>
      </c>
      <c r="AC31010">
        <v>36</v>
      </c>
      <c r="AD31010">
        <v>36</v>
      </c>
      <c r="AE31010">
        <v>36</v>
      </c>
      <c r="AF31010">
        <v>36</v>
      </c>
      <c r="AG31010">
        <v>37</v>
      </c>
      <c r="AH31010">
        <v>37</v>
      </c>
      <c r="AI31010">
        <v>37</v>
      </c>
      <c r="AJ31010">
        <v>38</v>
      </c>
      <c r="AK31010">
        <v>38</v>
      </c>
      <c r="AL31010">
        <v>38</v>
      </c>
      <c r="AM31010">
        <v>38</v>
      </c>
      <c r="AN31010">
        <v>38</v>
      </c>
      <c r="AO31010">
        <v>38</v>
      </c>
      <c r="AP31010">
        <v>38</v>
      </c>
      <c r="AQ31010">
        <v>38</v>
      </c>
    </row>
    <row r="31011" spans="1:43">
      <c r="A31011" t="s">
        <v>19209</v>
      </c>
      <c r="B31011" t="s">
        <v>19210</v>
      </c>
      <c r="C31011" t="s">
        <v>19211</v>
      </c>
      <c r="D31011" t="s">
        <v>19212</v>
      </c>
      <c r="E31011" t="s">
        <v>19203</v>
      </c>
      <c r="F31011" t="s">
        <v>19204</v>
      </c>
      <c r="G31011" t="s">
        <v>10734</v>
      </c>
      <c r="H31011" t="s">
        <v>10735</v>
      </c>
      <c r="I31011" s="2">
        <v>0</v>
      </c>
      <c r="J31011" s="2">
        <v>0</v>
      </c>
      <c r="K31011" s="2">
        <v>1</v>
      </c>
      <c r="L31011" t="s">
        <v>995</v>
      </c>
      <c r="M31011" t="s">
        <v>87</v>
      </c>
      <c r="N31011" t="s">
        <v>88</v>
      </c>
      <c r="O31011" t="s">
        <v>85</v>
      </c>
      <c r="P31011" t="s">
        <v>86</v>
      </c>
      <c r="Q31011">
        <v>31</v>
      </c>
      <c r="R31011">
        <v>31</v>
      </c>
      <c r="S31011">
        <v>31</v>
      </c>
      <c r="T31011">
        <v>31</v>
      </c>
      <c r="U31011">
        <v>31</v>
      </c>
      <c r="V31011">
        <v>31</v>
      </c>
      <c r="W31011">
        <v>32</v>
      </c>
      <c r="X31011">
        <v>32</v>
      </c>
      <c r="Y31011">
        <v>32</v>
      </c>
      <c r="Z31011">
        <v>32</v>
      </c>
      <c r="AA31011">
        <v>32</v>
      </c>
      <c r="AB31011">
        <v>32</v>
      </c>
      <c r="AC31011">
        <v>32</v>
      </c>
      <c r="AD31011">
        <v>32</v>
      </c>
      <c r="AE31011">
        <v>32</v>
      </c>
      <c r="AF31011">
        <v>32</v>
      </c>
      <c r="AG31011">
        <v>32</v>
      </c>
      <c r="AH31011">
        <v>32</v>
      </c>
      <c r="AI31011">
        <v>32</v>
      </c>
      <c r="AJ31011">
        <v>32</v>
      </c>
      <c r="AK31011">
        <v>32</v>
      </c>
      <c r="AL31011">
        <v>32</v>
      </c>
      <c r="AM31011">
        <v>32</v>
      </c>
      <c r="AN31011">
        <v>32</v>
      </c>
      <c r="AO31011">
        <v>33</v>
      </c>
      <c r="AP31011">
        <v>33</v>
      </c>
      <c r="AQ31011">
        <v>33</v>
      </c>
    </row>
    <row r="31012" spans="1:43">
      <c r="A31012" t="s">
        <v>19209</v>
      </c>
      <c r="B31012" t="s">
        <v>19210</v>
      </c>
      <c r="C31012" t="s">
        <v>19211</v>
      </c>
      <c r="D31012" t="s">
        <v>19212</v>
      </c>
      <c r="E31012" t="s">
        <v>19203</v>
      </c>
      <c r="F31012" t="s">
        <v>19204</v>
      </c>
      <c r="G31012" t="s">
        <v>10734</v>
      </c>
      <c r="H31012" t="s">
        <v>10735</v>
      </c>
      <c r="I31012" s="2">
        <v>0</v>
      </c>
      <c r="J31012" s="2">
        <v>0</v>
      </c>
      <c r="K31012" s="2">
        <v>1</v>
      </c>
      <c r="L31012" t="s">
        <v>995</v>
      </c>
      <c r="M31012" t="s">
        <v>89</v>
      </c>
      <c r="N31012" t="s">
        <v>90</v>
      </c>
      <c r="O31012" t="s">
        <v>85</v>
      </c>
      <c r="P31012" t="s">
        <v>86</v>
      </c>
      <c r="Q31012">
        <v>31</v>
      </c>
      <c r="R31012">
        <v>31</v>
      </c>
      <c r="S31012">
        <v>32</v>
      </c>
      <c r="T31012">
        <v>32</v>
      </c>
      <c r="U31012">
        <v>33</v>
      </c>
      <c r="V31012">
        <v>34</v>
      </c>
      <c r="W31012">
        <v>34</v>
      </c>
      <c r="X31012">
        <v>35</v>
      </c>
      <c r="Y31012">
        <v>35</v>
      </c>
      <c r="Z31012">
        <v>36</v>
      </c>
      <c r="AA31012">
        <v>36</v>
      </c>
      <c r="AB31012">
        <v>37</v>
      </c>
      <c r="AC31012">
        <v>37</v>
      </c>
      <c r="AD31012">
        <v>38</v>
      </c>
      <c r="AE31012">
        <v>38</v>
      </c>
      <c r="AF31012">
        <v>38</v>
      </c>
      <c r="AG31012">
        <v>38</v>
      </c>
      <c r="AH31012">
        <v>38</v>
      </c>
      <c r="AI31012">
        <v>37</v>
      </c>
      <c r="AJ31012">
        <v>37</v>
      </c>
      <c r="AK31012">
        <v>37</v>
      </c>
      <c r="AL31012">
        <v>37</v>
      </c>
      <c r="AM31012">
        <v>37</v>
      </c>
      <c r="AN31012">
        <v>37</v>
      </c>
      <c r="AO31012">
        <v>37</v>
      </c>
      <c r="AP31012">
        <v>37</v>
      </c>
      <c r="AQ31012">
        <v>37</v>
      </c>
    </row>
    <row r="31013" spans="1:43">
      <c r="A31013" t="s">
        <v>19209</v>
      </c>
      <c r="B31013" t="s">
        <v>19210</v>
      </c>
      <c r="C31013" t="s">
        <v>19211</v>
      </c>
      <c r="D31013" t="s">
        <v>19212</v>
      </c>
      <c r="E31013" t="s">
        <v>19203</v>
      </c>
      <c r="F31013" t="s">
        <v>19204</v>
      </c>
      <c r="G31013" t="s">
        <v>10734</v>
      </c>
      <c r="H31013" t="s">
        <v>10735</v>
      </c>
      <c r="I31013" s="2">
        <v>0</v>
      </c>
      <c r="J31013" s="2">
        <v>0</v>
      </c>
      <c r="K31013" s="2">
        <v>1</v>
      </c>
      <c r="L31013" t="s">
        <v>995</v>
      </c>
      <c r="M31013" t="s">
        <v>83</v>
      </c>
      <c r="N31013" t="s">
        <v>91</v>
      </c>
      <c r="O31013" t="s">
        <v>85</v>
      </c>
      <c r="P31013" t="s">
        <v>86</v>
      </c>
      <c r="Q31013">
        <v>31</v>
      </c>
      <c r="R31013">
        <v>32</v>
      </c>
      <c r="S31013">
        <v>32</v>
      </c>
      <c r="T31013">
        <v>32</v>
      </c>
      <c r="U31013">
        <v>33</v>
      </c>
      <c r="V31013">
        <v>33</v>
      </c>
      <c r="W31013">
        <v>34</v>
      </c>
      <c r="X31013">
        <v>34</v>
      </c>
      <c r="Y31013">
        <v>34</v>
      </c>
      <c r="Z31013">
        <v>35</v>
      </c>
      <c r="AA31013">
        <v>35</v>
      </c>
      <c r="AB31013">
        <v>35</v>
      </c>
      <c r="AC31013">
        <v>36</v>
      </c>
      <c r="AD31013">
        <v>36</v>
      </c>
      <c r="AE31013">
        <v>36</v>
      </c>
      <c r="AF31013">
        <v>36</v>
      </c>
      <c r="AG31013">
        <v>37</v>
      </c>
      <c r="AH31013">
        <v>37</v>
      </c>
      <c r="AI31013">
        <v>37</v>
      </c>
      <c r="AJ31013">
        <v>38</v>
      </c>
      <c r="AK31013">
        <v>38</v>
      </c>
      <c r="AL31013">
        <v>38</v>
      </c>
      <c r="AM31013">
        <v>38</v>
      </c>
      <c r="AN31013">
        <v>38</v>
      </c>
      <c r="AO31013">
        <v>38</v>
      </c>
      <c r="AP31013">
        <v>38</v>
      </c>
      <c r="AQ31013">
        <v>38</v>
      </c>
    </row>
    <row r="31014" spans="1:43">
      <c r="A31014" t="s">
        <v>19213</v>
      </c>
      <c r="B31014" t="s">
        <v>19214</v>
      </c>
      <c r="C31014" t="s">
        <v>19215</v>
      </c>
      <c r="D31014" t="s">
        <v>19216</v>
      </c>
      <c r="E31014" t="s">
        <v>19203</v>
      </c>
      <c r="F31014" t="s">
        <v>19204</v>
      </c>
      <c r="G31014" t="s">
        <v>10734</v>
      </c>
      <c r="H31014" t="s">
        <v>10735</v>
      </c>
      <c r="I31014" s="2">
        <v>0</v>
      </c>
      <c r="J31014" s="2">
        <v>0</v>
      </c>
      <c r="K31014" s="2">
        <v>1</v>
      </c>
      <c r="L31014" t="s">
        <v>995</v>
      </c>
      <c r="M31014" t="s">
        <v>83</v>
      </c>
      <c r="N31014" t="s">
        <v>84</v>
      </c>
      <c r="O31014" t="s">
        <v>85</v>
      </c>
      <c r="P31014" t="s">
        <v>86</v>
      </c>
      <c r="Q31014">
        <v>33</v>
      </c>
      <c r="R31014">
        <v>33</v>
      </c>
      <c r="S31014">
        <v>33</v>
      </c>
      <c r="T31014">
        <v>34</v>
      </c>
      <c r="U31014">
        <v>34</v>
      </c>
      <c r="V31014">
        <v>35</v>
      </c>
      <c r="W31014">
        <v>35</v>
      </c>
      <c r="X31014">
        <v>35</v>
      </c>
      <c r="Y31014">
        <v>36</v>
      </c>
      <c r="Z31014">
        <v>36</v>
      </c>
      <c r="AA31014">
        <v>36</v>
      </c>
      <c r="AB31014">
        <v>37</v>
      </c>
      <c r="AC31014">
        <v>37</v>
      </c>
      <c r="AD31014">
        <v>37</v>
      </c>
      <c r="AE31014">
        <v>38</v>
      </c>
      <c r="AF31014">
        <v>38</v>
      </c>
      <c r="AG31014">
        <v>38</v>
      </c>
      <c r="AH31014">
        <v>38</v>
      </c>
      <c r="AI31014">
        <v>39</v>
      </c>
      <c r="AJ31014">
        <v>39</v>
      </c>
      <c r="AK31014">
        <v>39</v>
      </c>
      <c r="AL31014">
        <v>39</v>
      </c>
      <c r="AM31014">
        <v>39</v>
      </c>
      <c r="AN31014">
        <v>39</v>
      </c>
      <c r="AO31014">
        <v>39</v>
      </c>
      <c r="AP31014">
        <v>39</v>
      </c>
      <c r="AQ31014">
        <v>39</v>
      </c>
    </row>
    <row r="31015" spans="1:43">
      <c r="A31015" t="s">
        <v>19213</v>
      </c>
      <c r="B31015" t="s">
        <v>19214</v>
      </c>
      <c r="C31015" t="s">
        <v>19215</v>
      </c>
      <c r="D31015" t="s">
        <v>19216</v>
      </c>
      <c r="E31015" t="s">
        <v>19203</v>
      </c>
      <c r="F31015" t="s">
        <v>19204</v>
      </c>
      <c r="G31015" t="s">
        <v>10734</v>
      </c>
      <c r="H31015" t="s">
        <v>10735</v>
      </c>
      <c r="I31015" s="2">
        <v>0</v>
      </c>
      <c r="J31015" s="2">
        <v>0</v>
      </c>
      <c r="K31015" s="2">
        <v>1</v>
      </c>
      <c r="L31015" t="s">
        <v>995</v>
      </c>
      <c r="M31015" t="s">
        <v>87</v>
      </c>
      <c r="N31015" t="s">
        <v>88</v>
      </c>
      <c r="O31015" t="s">
        <v>85</v>
      </c>
      <c r="P31015" t="s">
        <v>86</v>
      </c>
      <c r="Q31015">
        <v>33</v>
      </c>
      <c r="R31015">
        <v>33</v>
      </c>
      <c r="S31015">
        <v>34</v>
      </c>
      <c r="T31015">
        <v>34</v>
      </c>
      <c r="U31015">
        <v>34</v>
      </c>
      <c r="V31015">
        <v>34</v>
      </c>
      <c r="W31015">
        <v>34</v>
      </c>
      <c r="X31015">
        <v>34</v>
      </c>
      <c r="Y31015">
        <v>34</v>
      </c>
      <c r="Z31015">
        <v>34</v>
      </c>
      <c r="AA31015">
        <v>34</v>
      </c>
      <c r="AB31015">
        <v>34</v>
      </c>
      <c r="AC31015">
        <v>34</v>
      </c>
      <c r="AD31015">
        <v>34</v>
      </c>
      <c r="AE31015">
        <v>34</v>
      </c>
      <c r="AF31015">
        <v>34</v>
      </c>
      <c r="AG31015">
        <v>34</v>
      </c>
      <c r="AH31015">
        <v>34</v>
      </c>
      <c r="AI31015">
        <v>34</v>
      </c>
      <c r="AJ31015">
        <v>34</v>
      </c>
      <c r="AK31015">
        <v>34</v>
      </c>
      <c r="AL31015">
        <v>34</v>
      </c>
      <c r="AM31015">
        <v>34</v>
      </c>
      <c r="AN31015">
        <v>34</v>
      </c>
      <c r="AO31015">
        <v>34</v>
      </c>
      <c r="AP31015">
        <v>34</v>
      </c>
      <c r="AQ31015">
        <v>35</v>
      </c>
    </row>
    <row r="31016" spans="1:43">
      <c r="A31016" t="s">
        <v>19213</v>
      </c>
      <c r="B31016" t="s">
        <v>19214</v>
      </c>
      <c r="C31016" t="s">
        <v>19215</v>
      </c>
      <c r="D31016" t="s">
        <v>19216</v>
      </c>
      <c r="E31016" t="s">
        <v>19203</v>
      </c>
      <c r="F31016" t="s">
        <v>19204</v>
      </c>
      <c r="G31016" t="s">
        <v>10734</v>
      </c>
      <c r="H31016" t="s">
        <v>10735</v>
      </c>
      <c r="I31016" s="2">
        <v>0</v>
      </c>
      <c r="J31016" s="2">
        <v>0</v>
      </c>
      <c r="K31016" s="2">
        <v>1</v>
      </c>
      <c r="L31016" t="s">
        <v>995</v>
      </c>
      <c r="M31016" t="s">
        <v>89</v>
      </c>
      <c r="N31016" t="s">
        <v>90</v>
      </c>
      <c r="O31016" t="s">
        <v>85</v>
      </c>
      <c r="P31016" t="s">
        <v>86</v>
      </c>
      <c r="Q31016">
        <v>33</v>
      </c>
      <c r="R31016">
        <v>34</v>
      </c>
      <c r="S31016">
        <v>34</v>
      </c>
      <c r="T31016">
        <v>35</v>
      </c>
      <c r="U31016">
        <v>36</v>
      </c>
      <c r="V31016">
        <v>36</v>
      </c>
      <c r="W31016">
        <v>37</v>
      </c>
      <c r="X31016">
        <v>37</v>
      </c>
      <c r="Y31016">
        <v>38</v>
      </c>
      <c r="Z31016">
        <v>38</v>
      </c>
      <c r="AA31016">
        <v>39</v>
      </c>
      <c r="AB31016">
        <v>39</v>
      </c>
      <c r="AC31016">
        <v>40</v>
      </c>
      <c r="AD31016">
        <v>40</v>
      </c>
      <c r="AE31016">
        <v>40</v>
      </c>
      <c r="AF31016">
        <v>40</v>
      </c>
      <c r="AG31016">
        <v>40</v>
      </c>
      <c r="AH31016">
        <v>40</v>
      </c>
      <c r="AI31016">
        <v>40</v>
      </c>
      <c r="AJ31016">
        <v>40</v>
      </c>
      <c r="AK31016">
        <v>40</v>
      </c>
      <c r="AL31016">
        <v>40</v>
      </c>
      <c r="AM31016">
        <v>39</v>
      </c>
      <c r="AN31016">
        <v>39</v>
      </c>
      <c r="AO31016">
        <v>39</v>
      </c>
      <c r="AP31016">
        <v>39</v>
      </c>
      <c r="AQ31016">
        <v>39</v>
      </c>
    </row>
    <row r="31017" spans="1:43">
      <c r="A31017" t="s">
        <v>19213</v>
      </c>
      <c r="B31017" t="s">
        <v>19214</v>
      </c>
      <c r="C31017" t="s">
        <v>19215</v>
      </c>
      <c r="D31017" t="s">
        <v>19216</v>
      </c>
      <c r="E31017" t="s">
        <v>19203</v>
      </c>
      <c r="F31017" t="s">
        <v>19204</v>
      </c>
      <c r="G31017" t="s">
        <v>10734</v>
      </c>
      <c r="H31017" t="s">
        <v>10735</v>
      </c>
      <c r="I31017" s="2">
        <v>0</v>
      </c>
      <c r="J31017" s="2">
        <v>0</v>
      </c>
      <c r="K31017" s="2">
        <v>1</v>
      </c>
      <c r="L31017" t="s">
        <v>995</v>
      </c>
      <c r="M31017" t="s">
        <v>83</v>
      </c>
      <c r="N31017" t="s">
        <v>91</v>
      </c>
      <c r="O31017" t="s">
        <v>85</v>
      </c>
      <c r="P31017" t="s">
        <v>86</v>
      </c>
      <c r="Q31017">
        <v>33</v>
      </c>
      <c r="R31017">
        <v>33</v>
      </c>
      <c r="S31017">
        <v>33</v>
      </c>
      <c r="T31017">
        <v>34</v>
      </c>
      <c r="U31017">
        <v>34</v>
      </c>
      <c r="V31017">
        <v>35</v>
      </c>
      <c r="W31017">
        <v>35</v>
      </c>
      <c r="X31017">
        <v>35</v>
      </c>
      <c r="Y31017">
        <v>36</v>
      </c>
      <c r="Z31017">
        <v>36</v>
      </c>
      <c r="AA31017">
        <v>36</v>
      </c>
      <c r="AB31017">
        <v>37</v>
      </c>
      <c r="AC31017">
        <v>37</v>
      </c>
      <c r="AD31017">
        <v>37</v>
      </c>
      <c r="AE31017">
        <v>38</v>
      </c>
      <c r="AF31017">
        <v>38</v>
      </c>
      <c r="AG31017">
        <v>38</v>
      </c>
      <c r="AH31017">
        <v>38</v>
      </c>
      <c r="AI31017">
        <v>39</v>
      </c>
      <c r="AJ31017">
        <v>39</v>
      </c>
      <c r="AK31017">
        <v>39</v>
      </c>
      <c r="AL31017">
        <v>39</v>
      </c>
      <c r="AM31017">
        <v>39</v>
      </c>
      <c r="AN31017">
        <v>39</v>
      </c>
      <c r="AO31017">
        <v>39</v>
      </c>
      <c r="AP31017">
        <v>39</v>
      </c>
      <c r="AQ31017">
        <v>39</v>
      </c>
    </row>
    <row r="31018" spans="1:43">
      <c r="A31018" t="s">
        <v>19217</v>
      </c>
      <c r="B31018" t="s">
        <v>19218</v>
      </c>
      <c r="C31018" t="s">
        <v>19211</v>
      </c>
      <c r="D31018" t="s">
        <v>19212</v>
      </c>
      <c r="E31018" t="s">
        <v>19203</v>
      </c>
      <c r="F31018" t="s">
        <v>19204</v>
      </c>
      <c r="G31018" t="s">
        <v>10734</v>
      </c>
      <c r="H31018" t="s">
        <v>10735</v>
      </c>
      <c r="I31018" s="2">
        <v>0</v>
      </c>
      <c r="J31018" s="2">
        <v>0</v>
      </c>
      <c r="K31018" s="2">
        <v>1</v>
      </c>
      <c r="L31018" t="s">
        <v>995</v>
      </c>
      <c r="M31018" t="s">
        <v>83</v>
      </c>
      <c r="N31018" t="s">
        <v>84</v>
      </c>
      <c r="O31018" t="s">
        <v>85</v>
      </c>
      <c r="P31018" t="s">
        <v>86</v>
      </c>
      <c r="Q31018">
        <v>13</v>
      </c>
      <c r="R31018">
        <v>13</v>
      </c>
      <c r="S31018">
        <v>13</v>
      </c>
      <c r="T31018">
        <v>13</v>
      </c>
      <c r="U31018">
        <v>13</v>
      </c>
      <c r="V31018">
        <v>13</v>
      </c>
      <c r="W31018">
        <v>13</v>
      </c>
      <c r="X31018">
        <v>14</v>
      </c>
      <c r="Y31018">
        <v>14</v>
      </c>
      <c r="Z31018">
        <v>14</v>
      </c>
      <c r="AA31018">
        <v>14</v>
      </c>
      <c r="AB31018">
        <v>14</v>
      </c>
      <c r="AC31018">
        <v>14</v>
      </c>
      <c r="AD31018">
        <v>14</v>
      </c>
      <c r="AE31018">
        <v>15</v>
      </c>
      <c r="AF31018">
        <v>15</v>
      </c>
      <c r="AG31018">
        <v>15</v>
      </c>
      <c r="AH31018">
        <v>15</v>
      </c>
      <c r="AI31018">
        <v>15</v>
      </c>
      <c r="AJ31018">
        <v>15</v>
      </c>
      <c r="AK31018">
        <v>15</v>
      </c>
      <c r="AL31018">
        <v>15</v>
      </c>
      <c r="AM31018">
        <v>15</v>
      </c>
      <c r="AN31018">
        <v>15</v>
      </c>
      <c r="AO31018">
        <v>15</v>
      </c>
      <c r="AP31018">
        <v>15</v>
      </c>
      <c r="AQ31018">
        <v>15</v>
      </c>
    </row>
    <row r="31019" spans="1:43">
      <c r="A31019" t="s">
        <v>19217</v>
      </c>
      <c r="B31019" t="s">
        <v>19218</v>
      </c>
      <c r="C31019" t="s">
        <v>19211</v>
      </c>
      <c r="D31019" t="s">
        <v>19212</v>
      </c>
      <c r="E31019" t="s">
        <v>19203</v>
      </c>
      <c r="F31019" t="s">
        <v>19204</v>
      </c>
      <c r="G31019" t="s">
        <v>10734</v>
      </c>
      <c r="H31019" t="s">
        <v>10735</v>
      </c>
      <c r="I31019" s="2">
        <v>0</v>
      </c>
      <c r="J31019" s="2">
        <v>0</v>
      </c>
      <c r="K31019" s="2">
        <v>1</v>
      </c>
      <c r="L31019" t="s">
        <v>995</v>
      </c>
      <c r="M31019" t="s">
        <v>87</v>
      </c>
      <c r="N31019" t="s">
        <v>88</v>
      </c>
      <c r="O31019" t="s">
        <v>85</v>
      </c>
      <c r="P31019" t="s">
        <v>86</v>
      </c>
      <c r="Q31019">
        <v>13</v>
      </c>
      <c r="R31019">
        <v>13</v>
      </c>
      <c r="S31019">
        <v>14</v>
      </c>
      <c r="T31019">
        <v>14</v>
      </c>
      <c r="U31019">
        <v>14</v>
      </c>
      <c r="V31019">
        <v>14</v>
      </c>
      <c r="W31019">
        <v>14</v>
      </c>
      <c r="X31019">
        <v>14</v>
      </c>
      <c r="Y31019">
        <v>14</v>
      </c>
      <c r="Z31019">
        <v>14</v>
      </c>
      <c r="AA31019">
        <v>14</v>
      </c>
      <c r="AB31019">
        <v>14</v>
      </c>
      <c r="AC31019">
        <v>14</v>
      </c>
      <c r="AD31019">
        <v>14</v>
      </c>
      <c r="AE31019">
        <v>14</v>
      </c>
      <c r="AF31019">
        <v>14</v>
      </c>
      <c r="AG31019">
        <v>14</v>
      </c>
      <c r="AH31019">
        <v>14</v>
      </c>
      <c r="AI31019">
        <v>14</v>
      </c>
      <c r="AJ31019">
        <v>14</v>
      </c>
      <c r="AK31019">
        <v>14</v>
      </c>
      <c r="AL31019">
        <v>14</v>
      </c>
      <c r="AM31019">
        <v>14</v>
      </c>
      <c r="AN31019">
        <v>14</v>
      </c>
      <c r="AO31019">
        <v>14</v>
      </c>
      <c r="AP31019">
        <v>14</v>
      </c>
      <c r="AQ31019">
        <v>14</v>
      </c>
    </row>
    <row r="31020" spans="1:43">
      <c r="A31020" t="s">
        <v>19217</v>
      </c>
      <c r="B31020" t="s">
        <v>19218</v>
      </c>
      <c r="C31020" t="s">
        <v>19211</v>
      </c>
      <c r="D31020" t="s">
        <v>19212</v>
      </c>
      <c r="E31020" t="s">
        <v>19203</v>
      </c>
      <c r="F31020" t="s">
        <v>19204</v>
      </c>
      <c r="G31020" t="s">
        <v>10734</v>
      </c>
      <c r="H31020" t="s">
        <v>10735</v>
      </c>
      <c r="I31020" s="2">
        <v>0</v>
      </c>
      <c r="J31020" s="2">
        <v>0</v>
      </c>
      <c r="K31020" s="2">
        <v>1</v>
      </c>
      <c r="L31020" t="s">
        <v>995</v>
      </c>
      <c r="M31020" t="s">
        <v>89</v>
      </c>
      <c r="N31020" t="s">
        <v>90</v>
      </c>
      <c r="O31020" t="s">
        <v>85</v>
      </c>
      <c r="P31020" t="s">
        <v>86</v>
      </c>
      <c r="Q31020">
        <v>13</v>
      </c>
      <c r="R31020">
        <v>13</v>
      </c>
      <c r="S31020">
        <v>13</v>
      </c>
      <c r="T31020">
        <v>13</v>
      </c>
      <c r="U31020">
        <v>14</v>
      </c>
      <c r="V31020">
        <v>14</v>
      </c>
      <c r="W31020">
        <v>14</v>
      </c>
      <c r="X31020">
        <v>14</v>
      </c>
      <c r="Y31020">
        <v>15</v>
      </c>
      <c r="Z31020">
        <v>15</v>
      </c>
      <c r="AA31020">
        <v>15</v>
      </c>
      <c r="AB31020">
        <v>15</v>
      </c>
      <c r="AC31020">
        <v>15</v>
      </c>
      <c r="AD31020">
        <v>15</v>
      </c>
      <c r="AE31020">
        <v>16</v>
      </c>
      <c r="AF31020">
        <v>16</v>
      </c>
      <c r="AG31020">
        <v>16</v>
      </c>
      <c r="AH31020">
        <v>15</v>
      </c>
      <c r="AI31020">
        <v>15</v>
      </c>
      <c r="AJ31020">
        <v>15</v>
      </c>
      <c r="AK31020">
        <v>15</v>
      </c>
      <c r="AL31020">
        <v>15</v>
      </c>
      <c r="AM31020">
        <v>15</v>
      </c>
      <c r="AN31020">
        <v>15</v>
      </c>
      <c r="AO31020">
        <v>15</v>
      </c>
      <c r="AP31020">
        <v>15</v>
      </c>
      <c r="AQ31020">
        <v>15</v>
      </c>
    </row>
    <row r="31021" spans="1:43">
      <c r="A31021" t="s">
        <v>19217</v>
      </c>
      <c r="B31021" t="s">
        <v>19218</v>
      </c>
      <c r="C31021" t="s">
        <v>19211</v>
      </c>
      <c r="D31021" t="s">
        <v>19212</v>
      </c>
      <c r="E31021" t="s">
        <v>19203</v>
      </c>
      <c r="F31021" t="s">
        <v>19204</v>
      </c>
      <c r="G31021" t="s">
        <v>10734</v>
      </c>
      <c r="H31021" t="s">
        <v>10735</v>
      </c>
      <c r="I31021" s="2">
        <v>0</v>
      </c>
      <c r="J31021" s="2">
        <v>0</v>
      </c>
      <c r="K31021" s="2">
        <v>1</v>
      </c>
      <c r="L31021" t="s">
        <v>995</v>
      </c>
      <c r="M31021" t="s">
        <v>83</v>
      </c>
      <c r="N31021" t="s">
        <v>91</v>
      </c>
      <c r="O31021" t="s">
        <v>85</v>
      </c>
      <c r="P31021" t="s">
        <v>86</v>
      </c>
      <c r="Q31021">
        <v>13</v>
      </c>
      <c r="R31021">
        <v>13</v>
      </c>
      <c r="S31021">
        <v>13</v>
      </c>
      <c r="T31021">
        <v>13</v>
      </c>
      <c r="U31021">
        <v>13</v>
      </c>
      <c r="V31021">
        <v>13</v>
      </c>
      <c r="W31021">
        <v>13</v>
      </c>
      <c r="X31021">
        <v>14</v>
      </c>
      <c r="Y31021">
        <v>14</v>
      </c>
      <c r="Z31021">
        <v>14</v>
      </c>
      <c r="AA31021">
        <v>14</v>
      </c>
      <c r="AB31021">
        <v>14</v>
      </c>
      <c r="AC31021">
        <v>14</v>
      </c>
      <c r="AD31021">
        <v>14</v>
      </c>
      <c r="AE31021">
        <v>15</v>
      </c>
      <c r="AF31021">
        <v>15</v>
      </c>
      <c r="AG31021">
        <v>15</v>
      </c>
      <c r="AH31021">
        <v>15</v>
      </c>
      <c r="AI31021">
        <v>15</v>
      </c>
      <c r="AJ31021">
        <v>15</v>
      </c>
      <c r="AK31021">
        <v>15</v>
      </c>
      <c r="AL31021">
        <v>15</v>
      </c>
      <c r="AM31021">
        <v>15</v>
      </c>
      <c r="AN31021">
        <v>15</v>
      </c>
      <c r="AO31021">
        <v>15</v>
      </c>
      <c r="AP31021">
        <v>15</v>
      </c>
      <c r="AQ31021">
        <v>15</v>
      </c>
    </row>
    <row r="31022" spans="1:43">
      <c r="A31022" t="s">
        <v>19219</v>
      </c>
      <c r="B31022" t="s">
        <v>19220</v>
      </c>
      <c r="C31022" t="s">
        <v>19215</v>
      </c>
      <c r="D31022" t="s">
        <v>19216</v>
      </c>
      <c r="E31022" t="s">
        <v>19203</v>
      </c>
      <c r="F31022" t="s">
        <v>19204</v>
      </c>
      <c r="G31022" t="s">
        <v>10734</v>
      </c>
      <c r="H31022" t="s">
        <v>10735</v>
      </c>
      <c r="I31022" s="2">
        <v>0</v>
      </c>
      <c r="J31022" s="2">
        <v>0</v>
      </c>
      <c r="K31022" s="2">
        <v>1</v>
      </c>
      <c r="L31022" t="s">
        <v>995</v>
      </c>
      <c r="M31022" t="s">
        <v>83</v>
      </c>
      <c r="N31022" t="s">
        <v>84</v>
      </c>
      <c r="O31022" t="s">
        <v>85</v>
      </c>
      <c r="P31022" t="s">
        <v>86</v>
      </c>
      <c r="Q31022">
        <v>47</v>
      </c>
      <c r="R31022">
        <v>47</v>
      </c>
      <c r="S31022">
        <v>48</v>
      </c>
      <c r="T31022">
        <v>48</v>
      </c>
      <c r="U31022">
        <v>49</v>
      </c>
      <c r="V31022">
        <v>49</v>
      </c>
      <c r="W31022">
        <v>50</v>
      </c>
      <c r="X31022">
        <v>50</v>
      </c>
      <c r="Y31022">
        <v>51</v>
      </c>
      <c r="Z31022">
        <v>51</v>
      </c>
      <c r="AA31022">
        <v>52</v>
      </c>
      <c r="AB31022">
        <v>52</v>
      </c>
      <c r="AC31022">
        <v>53</v>
      </c>
      <c r="AD31022">
        <v>53</v>
      </c>
      <c r="AE31022">
        <v>53</v>
      </c>
      <c r="AF31022">
        <v>54</v>
      </c>
      <c r="AG31022">
        <v>54</v>
      </c>
      <c r="AH31022">
        <v>55</v>
      </c>
      <c r="AI31022">
        <v>55</v>
      </c>
      <c r="AJ31022">
        <v>56</v>
      </c>
      <c r="AK31022">
        <v>56</v>
      </c>
      <c r="AL31022">
        <v>56</v>
      </c>
      <c r="AM31022">
        <v>56</v>
      </c>
      <c r="AN31022">
        <v>56</v>
      </c>
      <c r="AO31022">
        <v>55</v>
      </c>
      <c r="AP31022">
        <v>55</v>
      </c>
      <c r="AQ31022">
        <v>55</v>
      </c>
    </row>
    <row r="31023" spans="1:43">
      <c r="A31023" t="s">
        <v>19219</v>
      </c>
      <c r="B31023" t="s">
        <v>19220</v>
      </c>
      <c r="C31023" t="s">
        <v>19215</v>
      </c>
      <c r="D31023" t="s">
        <v>19216</v>
      </c>
      <c r="E31023" t="s">
        <v>19203</v>
      </c>
      <c r="F31023" t="s">
        <v>19204</v>
      </c>
      <c r="G31023" t="s">
        <v>10734</v>
      </c>
      <c r="H31023" t="s">
        <v>10735</v>
      </c>
      <c r="I31023" s="2">
        <v>0</v>
      </c>
      <c r="J31023" s="2">
        <v>0</v>
      </c>
      <c r="K31023" s="2">
        <v>1</v>
      </c>
      <c r="L31023" t="s">
        <v>995</v>
      </c>
      <c r="M31023" t="s">
        <v>87</v>
      </c>
      <c r="N31023" t="s">
        <v>88</v>
      </c>
      <c r="O31023" t="s">
        <v>85</v>
      </c>
      <c r="P31023" t="s">
        <v>86</v>
      </c>
      <c r="Q31023">
        <v>47</v>
      </c>
      <c r="R31023">
        <v>47</v>
      </c>
      <c r="S31023">
        <v>47</v>
      </c>
      <c r="T31023">
        <v>47</v>
      </c>
      <c r="U31023">
        <v>48</v>
      </c>
      <c r="V31023">
        <v>48</v>
      </c>
      <c r="W31023">
        <v>48</v>
      </c>
      <c r="X31023">
        <v>48</v>
      </c>
      <c r="Y31023">
        <v>48</v>
      </c>
      <c r="Z31023">
        <v>48</v>
      </c>
      <c r="AA31023">
        <v>48</v>
      </c>
      <c r="AB31023">
        <v>48</v>
      </c>
      <c r="AC31023">
        <v>48</v>
      </c>
      <c r="AD31023">
        <v>48</v>
      </c>
      <c r="AE31023">
        <v>48</v>
      </c>
      <c r="AF31023">
        <v>48</v>
      </c>
      <c r="AG31023">
        <v>48</v>
      </c>
      <c r="AH31023">
        <v>48</v>
      </c>
      <c r="AI31023">
        <v>49</v>
      </c>
      <c r="AJ31023">
        <v>49</v>
      </c>
      <c r="AK31023">
        <v>49</v>
      </c>
      <c r="AL31023">
        <v>49</v>
      </c>
      <c r="AM31023">
        <v>49</v>
      </c>
      <c r="AN31023">
        <v>49</v>
      </c>
      <c r="AO31023">
        <v>49</v>
      </c>
      <c r="AP31023">
        <v>49</v>
      </c>
      <c r="AQ31023">
        <v>49</v>
      </c>
    </row>
    <row r="31024" spans="1:43">
      <c r="A31024" t="s">
        <v>19219</v>
      </c>
      <c r="B31024" t="s">
        <v>19220</v>
      </c>
      <c r="C31024" t="s">
        <v>19215</v>
      </c>
      <c r="D31024" t="s">
        <v>19216</v>
      </c>
      <c r="E31024" t="s">
        <v>19203</v>
      </c>
      <c r="F31024" t="s">
        <v>19204</v>
      </c>
      <c r="G31024" t="s">
        <v>10734</v>
      </c>
      <c r="H31024" t="s">
        <v>10735</v>
      </c>
      <c r="I31024" s="2">
        <v>0</v>
      </c>
      <c r="J31024" s="2">
        <v>0</v>
      </c>
      <c r="K31024" s="2">
        <v>1</v>
      </c>
      <c r="L31024" t="s">
        <v>995</v>
      </c>
      <c r="M31024" t="s">
        <v>89</v>
      </c>
      <c r="N31024" t="s">
        <v>90</v>
      </c>
      <c r="O31024" t="s">
        <v>85</v>
      </c>
      <c r="P31024" t="s">
        <v>86</v>
      </c>
      <c r="Q31024">
        <v>47</v>
      </c>
      <c r="R31024">
        <v>48</v>
      </c>
      <c r="S31024">
        <v>49</v>
      </c>
      <c r="T31024">
        <v>50</v>
      </c>
      <c r="U31024">
        <v>51</v>
      </c>
      <c r="V31024">
        <v>52</v>
      </c>
      <c r="W31024">
        <v>52</v>
      </c>
      <c r="X31024">
        <v>53</v>
      </c>
      <c r="Y31024">
        <v>54</v>
      </c>
      <c r="Z31024">
        <v>54</v>
      </c>
      <c r="AA31024">
        <v>55</v>
      </c>
      <c r="AB31024">
        <v>56</v>
      </c>
      <c r="AC31024">
        <v>56</v>
      </c>
      <c r="AD31024">
        <v>57</v>
      </c>
      <c r="AE31024">
        <v>57</v>
      </c>
      <c r="AF31024">
        <v>57</v>
      </c>
      <c r="AG31024">
        <v>57</v>
      </c>
      <c r="AH31024">
        <v>57</v>
      </c>
      <c r="AI31024">
        <v>57</v>
      </c>
      <c r="AJ31024">
        <v>57</v>
      </c>
      <c r="AK31024">
        <v>57</v>
      </c>
      <c r="AL31024">
        <v>56</v>
      </c>
      <c r="AM31024">
        <v>56</v>
      </c>
      <c r="AN31024">
        <v>56</v>
      </c>
      <c r="AO31024">
        <v>56</v>
      </c>
      <c r="AP31024">
        <v>56</v>
      </c>
      <c r="AQ31024">
        <v>56</v>
      </c>
    </row>
    <row r="31025" spans="1:43">
      <c r="A31025" t="s">
        <v>19219</v>
      </c>
      <c r="B31025" t="s">
        <v>19220</v>
      </c>
      <c r="C31025" t="s">
        <v>19215</v>
      </c>
      <c r="D31025" t="s">
        <v>19216</v>
      </c>
      <c r="E31025" t="s">
        <v>19203</v>
      </c>
      <c r="F31025" t="s">
        <v>19204</v>
      </c>
      <c r="G31025" t="s">
        <v>10734</v>
      </c>
      <c r="H31025" t="s">
        <v>10735</v>
      </c>
      <c r="I31025" s="2">
        <v>0</v>
      </c>
      <c r="J31025" s="2">
        <v>0</v>
      </c>
      <c r="K31025" s="2">
        <v>1</v>
      </c>
      <c r="L31025" t="s">
        <v>995</v>
      </c>
      <c r="M31025" t="s">
        <v>83</v>
      </c>
      <c r="N31025" t="s">
        <v>91</v>
      </c>
      <c r="O31025" t="s">
        <v>85</v>
      </c>
      <c r="P31025" t="s">
        <v>86</v>
      </c>
      <c r="Q31025">
        <v>47</v>
      </c>
      <c r="R31025">
        <v>47</v>
      </c>
      <c r="S31025">
        <v>48</v>
      </c>
      <c r="T31025">
        <v>48</v>
      </c>
      <c r="U31025">
        <v>49</v>
      </c>
      <c r="V31025">
        <v>49</v>
      </c>
      <c r="W31025">
        <v>50</v>
      </c>
      <c r="X31025">
        <v>50</v>
      </c>
      <c r="Y31025">
        <v>51</v>
      </c>
      <c r="Z31025">
        <v>51</v>
      </c>
      <c r="AA31025">
        <v>52</v>
      </c>
      <c r="AB31025">
        <v>52</v>
      </c>
      <c r="AC31025">
        <v>53</v>
      </c>
      <c r="AD31025">
        <v>53</v>
      </c>
      <c r="AE31025">
        <v>53</v>
      </c>
      <c r="AF31025">
        <v>54</v>
      </c>
      <c r="AG31025">
        <v>54</v>
      </c>
      <c r="AH31025">
        <v>55</v>
      </c>
      <c r="AI31025">
        <v>55</v>
      </c>
      <c r="AJ31025">
        <v>56</v>
      </c>
      <c r="AK31025">
        <v>56</v>
      </c>
      <c r="AL31025">
        <v>56</v>
      </c>
      <c r="AM31025">
        <v>56</v>
      </c>
      <c r="AN31025">
        <v>56</v>
      </c>
      <c r="AO31025">
        <v>55</v>
      </c>
      <c r="AP31025">
        <v>55</v>
      </c>
      <c r="AQ31025">
        <v>55</v>
      </c>
    </row>
    <row r="31026" spans="1:43">
      <c r="A31026" t="s">
        <v>19221</v>
      </c>
      <c r="B31026" t="s">
        <v>19222</v>
      </c>
      <c r="C31026" t="s">
        <v>19223</v>
      </c>
      <c r="D31026" t="s">
        <v>19224</v>
      </c>
      <c r="E31026" t="s">
        <v>19203</v>
      </c>
      <c r="F31026" t="s">
        <v>19204</v>
      </c>
      <c r="G31026" t="s">
        <v>10734</v>
      </c>
      <c r="H31026" t="s">
        <v>10735</v>
      </c>
      <c r="I31026" s="2">
        <v>0</v>
      </c>
      <c r="J31026" s="2">
        <v>0</v>
      </c>
      <c r="K31026" s="2">
        <v>1</v>
      </c>
      <c r="L31026" t="s">
        <v>995</v>
      </c>
      <c r="M31026" t="s">
        <v>83</v>
      </c>
      <c r="N31026" t="s">
        <v>84</v>
      </c>
      <c r="O31026" t="s">
        <v>85</v>
      </c>
      <c r="P31026" t="s">
        <v>86</v>
      </c>
      <c r="Q31026">
        <v>49</v>
      </c>
      <c r="R31026">
        <v>50</v>
      </c>
      <c r="S31026">
        <v>51</v>
      </c>
      <c r="T31026">
        <v>51</v>
      </c>
      <c r="U31026">
        <v>52</v>
      </c>
      <c r="V31026">
        <v>52</v>
      </c>
      <c r="W31026">
        <v>53</v>
      </c>
      <c r="X31026">
        <v>53</v>
      </c>
      <c r="Y31026">
        <v>54</v>
      </c>
      <c r="Z31026">
        <v>54</v>
      </c>
      <c r="AA31026">
        <v>55</v>
      </c>
      <c r="AB31026">
        <v>55</v>
      </c>
      <c r="AC31026">
        <v>56</v>
      </c>
      <c r="AD31026">
        <v>56</v>
      </c>
      <c r="AE31026">
        <v>57</v>
      </c>
      <c r="AF31026">
        <v>57</v>
      </c>
      <c r="AG31026">
        <v>58</v>
      </c>
      <c r="AH31026">
        <v>58</v>
      </c>
      <c r="AI31026">
        <v>58</v>
      </c>
      <c r="AJ31026">
        <v>59</v>
      </c>
      <c r="AK31026">
        <v>59</v>
      </c>
      <c r="AL31026">
        <v>59</v>
      </c>
      <c r="AM31026">
        <v>59</v>
      </c>
      <c r="AN31026">
        <v>59</v>
      </c>
      <c r="AO31026">
        <v>59</v>
      </c>
      <c r="AP31026">
        <v>59</v>
      </c>
      <c r="AQ31026">
        <v>58</v>
      </c>
    </row>
    <row r="31027" spans="1:43">
      <c r="A31027" t="s">
        <v>19221</v>
      </c>
      <c r="B31027" t="s">
        <v>19222</v>
      </c>
      <c r="C31027" t="s">
        <v>19223</v>
      </c>
      <c r="D31027" t="s">
        <v>19224</v>
      </c>
      <c r="E31027" t="s">
        <v>19203</v>
      </c>
      <c r="F31027" t="s">
        <v>19204</v>
      </c>
      <c r="G31027" t="s">
        <v>10734</v>
      </c>
      <c r="H31027" t="s">
        <v>10735</v>
      </c>
      <c r="I31027" s="2">
        <v>0</v>
      </c>
      <c r="J31027" s="2">
        <v>0</v>
      </c>
      <c r="K31027" s="2">
        <v>1</v>
      </c>
      <c r="L31027" t="s">
        <v>995</v>
      </c>
      <c r="M31027" t="s">
        <v>87</v>
      </c>
      <c r="N31027" t="s">
        <v>88</v>
      </c>
      <c r="O31027" t="s">
        <v>85</v>
      </c>
      <c r="P31027" t="s">
        <v>86</v>
      </c>
      <c r="Q31027">
        <v>49</v>
      </c>
      <c r="R31027">
        <v>49</v>
      </c>
      <c r="S31027">
        <v>49</v>
      </c>
      <c r="T31027">
        <v>49</v>
      </c>
      <c r="U31027">
        <v>49</v>
      </c>
      <c r="V31027">
        <v>49</v>
      </c>
      <c r="W31027">
        <v>50</v>
      </c>
      <c r="X31027">
        <v>50</v>
      </c>
      <c r="Y31027">
        <v>50</v>
      </c>
      <c r="Z31027">
        <v>50</v>
      </c>
      <c r="AA31027">
        <v>50</v>
      </c>
      <c r="AB31027">
        <v>50</v>
      </c>
      <c r="AC31027">
        <v>50</v>
      </c>
      <c r="AD31027">
        <v>50</v>
      </c>
      <c r="AE31027">
        <v>50</v>
      </c>
      <c r="AF31027">
        <v>50</v>
      </c>
      <c r="AG31027">
        <v>50</v>
      </c>
      <c r="AH31027">
        <v>50</v>
      </c>
      <c r="AI31027">
        <v>50</v>
      </c>
      <c r="AJ31027">
        <v>50</v>
      </c>
      <c r="AK31027">
        <v>50</v>
      </c>
      <c r="AL31027">
        <v>50</v>
      </c>
      <c r="AM31027">
        <v>50</v>
      </c>
      <c r="AN31027">
        <v>51</v>
      </c>
      <c r="AO31027">
        <v>51</v>
      </c>
      <c r="AP31027">
        <v>51</v>
      </c>
      <c r="AQ31027">
        <v>51</v>
      </c>
    </row>
    <row r="31028" spans="1:43">
      <c r="A31028" t="s">
        <v>19221</v>
      </c>
      <c r="B31028" t="s">
        <v>19222</v>
      </c>
      <c r="C31028" t="s">
        <v>19223</v>
      </c>
      <c r="D31028" t="s">
        <v>19224</v>
      </c>
      <c r="E31028" t="s">
        <v>19203</v>
      </c>
      <c r="F31028" t="s">
        <v>19204</v>
      </c>
      <c r="G31028" t="s">
        <v>10734</v>
      </c>
      <c r="H31028" t="s">
        <v>10735</v>
      </c>
      <c r="I31028" s="2">
        <v>0</v>
      </c>
      <c r="J31028" s="2">
        <v>0</v>
      </c>
      <c r="K31028" s="2">
        <v>1</v>
      </c>
      <c r="L31028" t="s">
        <v>995</v>
      </c>
      <c r="M31028" t="s">
        <v>89</v>
      </c>
      <c r="N31028" t="s">
        <v>90</v>
      </c>
      <c r="O31028" t="s">
        <v>85</v>
      </c>
      <c r="P31028" t="s">
        <v>86</v>
      </c>
      <c r="Q31028">
        <v>49</v>
      </c>
      <c r="R31028">
        <v>50</v>
      </c>
      <c r="S31028">
        <v>51</v>
      </c>
      <c r="T31028">
        <v>52</v>
      </c>
      <c r="U31028">
        <v>53</v>
      </c>
      <c r="V31028">
        <v>54</v>
      </c>
      <c r="W31028">
        <v>54</v>
      </c>
      <c r="X31028">
        <v>55</v>
      </c>
      <c r="Y31028">
        <v>56</v>
      </c>
      <c r="Z31028">
        <v>57</v>
      </c>
      <c r="AA31028">
        <v>57</v>
      </c>
      <c r="AB31028">
        <v>58</v>
      </c>
      <c r="AC31028">
        <v>59</v>
      </c>
      <c r="AD31028">
        <v>60</v>
      </c>
      <c r="AE31028">
        <v>60</v>
      </c>
      <c r="AF31028">
        <v>60</v>
      </c>
      <c r="AG31028">
        <v>60</v>
      </c>
      <c r="AH31028">
        <v>59</v>
      </c>
      <c r="AI31028">
        <v>59</v>
      </c>
      <c r="AJ31028">
        <v>59</v>
      </c>
      <c r="AK31028">
        <v>59</v>
      </c>
      <c r="AL31028">
        <v>59</v>
      </c>
      <c r="AM31028">
        <v>59</v>
      </c>
      <c r="AN31028">
        <v>58</v>
      </c>
      <c r="AO31028">
        <v>58</v>
      </c>
      <c r="AP31028">
        <v>58</v>
      </c>
      <c r="AQ31028">
        <v>58</v>
      </c>
    </row>
    <row r="31029" spans="1:43">
      <c r="A31029" t="s">
        <v>19221</v>
      </c>
      <c r="B31029" t="s">
        <v>19222</v>
      </c>
      <c r="C31029" t="s">
        <v>19223</v>
      </c>
      <c r="D31029" t="s">
        <v>19224</v>
      </c>
      <c r="E31029" t="s">
        <v>19203</v>
      </c>
      <c r="F31029" t="s">
        <v>19204</v>
      </c>
      <c r="G31029" t="s">
        <v>10734</v>
      </c>
      <c r="H31029" t="s">
        <v>10735</v>
      </c>
      <c r="I31029" s="2">
        <v>0</v>
      </c>
      <c r="J31029" s="2">
        <v>0</v>
      </c>
      <c r="K31029" s="2">
        <v>1</v>
      </c>
      <c r="L31029" t="s">
        <v>995</v>
      </c>
      <c r="M31029" t="s">
        <v>83</v>
      </c>
      <c r="N31029" t="s">
        <v>91</v>
      </c>
      <c r="O31029" t="s">
        <v>85</v>
      </c>
      <c r="P31029" t="s">
        <v>86</v>
      </c>
      <c r="Q31029">
        <v>49</v>
      </c>
      <c r="R31029">
        <v>50</v>
      </c>
      <c r="S31029">
        <v>51</v>
      </c>
      <c r="T31029">
        <v>51</v>
      </c>
      <c r="U31029">
        <v>52</v>
      </c>
      <c r="V31029">
        <v>52</v>
      </c>
      <c r="W31029">
        <v>53</v>
      </c>
      <c r="X31029">
        <v>53</v>
      </c>
      <c r="Y31029">
        <v>54</v>
      </c>
      <c r="Z31029">
        <v>54</v>
      </c>
      <c r="AA31029">
        <v>55</v>
      </c>
      <c r="AB31029">
        <v>55</v>
      </c>
      <c r="AC31029">
        <v>56</v>
      </c>
      <c r="AD31029">
        <v>56</v>
      </c>
      <c r="AE31029">
        <v>57</v>
      </c>
      <c r="AF31029">
        <v>57</v>
      </c>
      <c r="AG31029">
        <v>58</v>
      </c>
      <c r="AH31029">
        <v>58</v>
      </c>
      <c r="AI31029">
        <v>58</v>
      </c>
      <c r="AJ31029">
        <v>59</v>
      </c>
      <c r="AK31029">
        <v>59</v>
      </c>
      <c r="AL31029">
        <v>59</v>
      </c>
      <c r="AM31029">
        <v>59</v>
      </c>
      <c r="AN31029">
        <v>59</v>
      </c>
      <c r="AO31029">
        <v>59</v>
      </c>
      <c r="AP31029">
        <v>59</v>
      </c>
      <c r="AQ31029">
        <v>58</v>
      </c>
    </row>
    <row r="31030" spans="1:43">
      <c r="A31030" t="s">
        <v>19225</v>
      </c>
      <c r="B31030" t="s">
        <v>19226</v>
      </c>
      <c r="C31030" t="s">
        <v>19227</v>
      </c>
      <c r="D31030" t="s">
        <v>19228</v>
      </c>
      <c r="E31030" t="s">
        <v>19203</v>
      </c>
      <c r="F31030" t="s">
        <v>19204</v>
      </c>
      <c r="G31030" t="s">
        <v>10734</v>
      </c>
      <c r="H31030" t="s">
        <v>10735</v>
      </c>
      <c r="I31030" s="2">
        <v>0</v>
      </c>
      <c r="J31030" s="2">
        <v>0</v>
      </c>
      <c r="K31030" s="2">
        <v>1</v>
      </c>
      <c r="L31030" t="s">
        <v>995</v>
      </c>
      <c r="M31030" t="s">
        <v>83</v>
      </c>
      <c r="N31030" t="s">
        <v>84</v>
      </c>
      <c r="O31030" t="s">
        <v>85</v>
      </c>
      <c r="P31030" t="s">
        <v>86</v>
      </c>
      <c r="Q31030">
        <v>42</v>
      </c>
      <c r="R31030">
        <v>43</v>
      </c>
      <c r="S31030">
        <v>43</v>
      </c>
      <c r="T31030">
        <v>44</v>
      </c>
      <c r="U31030">
        <v>44</v>
      </c>
      <c r="V31030">
        <v>45</v>
      </c>
      <c r="W31030">
        <v>45</v>
      </c>
      <c r="X31030">
        <v>46</v>
      </c>
      <c r="Y31030">
        <v>46</v>
      </c>
      <c r="Z31030">
        <v>47</v>
      </c>
      <c r="AA31030">
        <v>47</v>
      </c>
      <c r="AB31030">
        <v>48</v>
      </c>
      <c r="AC31030">
        <v>48</v>
      </c>
      <c r="AD31030">
        <v>49</v>
      </c>
      <c r="AE31030">
        <v>49</v>
      </c>
      <c r="AF31030">
        <v>49</v>
      </c>
      <c r="AG31030">
        <v>50</v>
      </c>
      <c r="AH31030">
        <v>50</v>
      </c>
      <c r="AI31030">
        <v>51</v>
      </c>
      <c r="AJ31030">
        <v>51</v>
      </c>
      <c r="AK31030">
        <v>52</v>
      </c>
      <c r="AL31030">
        <v>52</v>
      </c>
      <c r="AM31030">
        <v>52</v>
      </c>
      <c r="AN31030">
        <v>52</v>
      </c>
      <c r="AO31030">
        <v>52</v>
      </c>
      <c r="AP31030">
        <v>52</v>
      </c>
      <c r="AQ31030">
        <v>52</v>
      </c>
    </row>
    <row r="31031" spans="1:43">
      <c r="A31031" t="s">
        <v>19225</v>
      </c>
      <c r="B31031" t="s">
        <v>19226</v>
      </c>
      <c r="C31031" t="s">
        <v>19227</v>
      </c>
      <c r="D31031" t="s">
        <v>19228</v>
      </c>
      <c r="E31031" t="s">
        <v>19203</v>
      </c>
      <c r="F31031" t="s">
        <v>19204</v>
      </c>
      <c r="G31031" t="s">
        <v>10734</v>
      </c>
      <c r="H31031" t="s">
        <v>10735</v>
      </c>
      <c r="I31031" s="2">
        <v>0</v>
      </c>
      <c r="J31031" s="2">
        <v>0</v>
      </c>
      <c r="K31031" s="2">
        <v>1</v>
      </c>
      <c r="L31031" t="s">
        <v>995</v>
      </c>
      <c r="M31031" t="s">
        <v>87</v>
      </c>
      <c r="N31031" t="s">
        <v>88</v>
      </c>
      <c r="O31031" t="s">
        <v>85</v>
      </c>
      <c r="P31031" t="s">
        <v>86</v>
      </c>
      <c r="Q31031">
        <v>42</v>
      </c>
      <c r="R31031">
        <v>42</v>
      </c>
      <c r="S31031">
        <v>42</v>
      </c>
      <c r="T31031">
        <v>42</v>
      </c>
      <c r="U31031">
        <v>42</v>
      </c>
      <c r="V31031">
        <v>42</v>
      </c>
      <c r="W31031">
        <v>42</v>
      </c>
      <c r="X31031">
        <v>43</v>
      </c>
      <c r="Y31031">
        <v>43</v>
      </c>
      <c r="Z31031">
        <v>43</v>
      </c>
      <c r="AA31031">
        <v>43</v>
      </c>
      <c r="AB31031">
        <v>43</v>
      </c>
      <c r="AC31031">
        <v>43</v>
      </c>
      <c r="AD31031">
        <v>43</v>
      </c>
      <c r="AE31031">
        <v>43</v>
      </c>
      <c r="AF31031">
        <v>44</v>
      </c>
      <c r="AG31031">
        <v>44</v>
      </c>
      <c r="AH31031">
        <v>44</v>
      </c>
      <c r="AI31031">
        <v>44</v>
      </c>
      <c r="AJ31031">
        <v>44</v>
      </c>
      <c r="AK31031">
        <v>44</v>
      </c>
      <c r="AL31031">
        <v>44</v>
      </c>
      <c r="AM31031">
        <v>44</v>
      </c>
      <c r="AN31031">
        <v>44</v>
      </c>
      <c r="AO31031">
        <v>44</v>
      </c>
      <c r="AP31031">
        <v>44</v>
      </c>
      <c r="AQ31031">
        <v>45</v>
      </c>
    </row>
    <row r="31032" spans="1:43">
      <c r="A31032" t="s">
        <v>19225</v>
      </c>
      <c r="B31032" t="s">
        <v>19226</v>
      </c>
      <c r="C31032" t="s">
        <v>19227</v>
      </c>
      <c r="D31032" t="s">
        <v>19228</v>
      </c>
      <c r="E31032" t="s">
        <v>19203</v>
      </c>
      <c r="F31032" t="s">
        <v>19204</v>
      </c>
      <c r="G31032" t="s">
        <v>10734</v>
      </c>
      <c r="H31032" t="s">
        <v>10735</v>
      </c>
      <c r="I31032" s="2">
        <v>0</v>
      </c>
      <c r="J31032" s="2">
        <v>0</v>
      </c>
      <c r="K31032" s="2">
        <v>1</v>
      </c>
      <c r="L31032" t="s">
        <v>995</v>
      </c>
      <c r="M31032" t="s">
        <v>89</v>
      </c>
      <c r="N31032" t="s">
        <v>90</v>
      </c>
      <c r="O31032" t="s">
        <v>85</v>
      </c>
      <c r="P31032" t="s">
        <v>86</v>
      </c>
      <c r="Q31032">
        <v>42</v>
      </c>
      <c r="R31032">
        <v>43</v>
      </c>
      <c r="S31032">
        <v>44</v>
      </c>
      <c r="T31032">
        <v>45</v>
      </c>
      <c r="U31032">
        <v>46</v>
      </c>
      <c r="V31032">
        <v>47</v>
      </c>
      <c r="W31032">
        <v>48</v>
      </c>
      <c r="X31032">
        <v>48</v>
      </c>
      <c r="Y31032">
        <v>49</v>
      </c>
      <c r="Z31032">
        <v>50</v>
      </c>
      <c r="AA31032">
        <v>50</v>
      </c>
      <c r="AB31032">
        <v>51</v>
      </c>
      <c r="AC31032">
        <v>52</v>
      </c>
      <c r="AD31032">
        <v>52</v>
      </c>
      <c r="AE31032">
        <v>53</v>
      </c>
      <c r="AF31032">
        <v>53</v>
      </c>
      <c r="AG31032">
        <v>53</v>
      </c>
      <c r="AH31032">
        <v>53</v>
      </c>
      <c r="AI31032">
        <v>52</v>
      </c>
      <c r="AJ31032">
        <v>52</v>
      </c>
      <c r="AK31032">
        <v>52</v>
      </c>
      <c r="AL31032">
        <v>52</v>
      </c>
      <c r="AM31032">
        <v>52</v>
      </c>
      <c r="AN31032">
        <v>52</v>
      </c>
      <c r="AO31032">
        <v>52</v>
      </c>
      <c r="AP31032">
        <v>52</v>
      </c>
      <c r="AQ31032">
        <v>52</v>
      </c>
    </row>
    <row r="31033" spans="1:43">
      <c r="A31033" t="s">
        <v>19225</v>
      </c>
      <c r="B31033" t="s">
        <v>19226</v>
      </c>
      <c r="C31033" t="s">
        <v>19227</v>
      </c>
      <c r="D31033" t="s">
        <v>19228</v>
      </c>
      <c r="E31033" t="s">
        <v>19203</v>
      </c>
      <c r="F31033" t="s">
        <v>19204</v>
      </c>
      <c r="G31033" t="s">
        <v>10734</v>
      </c>
      <c r="H31033" t="s">
        <v>10735</v>
      </c>
      <c r="I31033" s="2">
        <v>0</v>
      </c>
      <c r="J31033" s="2">
        <v>0</v>
      </c>
      <c r="K31033" s="2">
        <v>1</v>
      </c>
      <c r="L31033" t="s">
        <v>995</v>
      </c>
      <c r="M31033" t="s">
        <v>83</v>
      </c>
      <c r="N31033" t="s">
        <v>91</v>
      </c>
      <c r="O31033" t="s">
        <v>85</v>
      </c>
      <c r="P31033" t="s">
        <v>86</v>
      </c>
      <c r="Q31033">
        <v>42</v>
      </c>
      <c r="R31033">
        <v>43</v>
      </c>
      <c r="S31033">
        <v>43</v>
      </c>
      <c r="T31033">
        <v>44</v>
      </c>
      <c r="U31033">
        <v>44</v>
      </c>
      <c r="V31033">
        <v>45</v>
      </c>
      <c r="W31033">
        <v>45</v>
      </c>
      <c r="X31033">
        <v>46</v>
      </c>
      <c r="Y31033">
        <v>46</v>
      </c>
      <c r="Z31033">
        <v>47</v>
      </c>
      <c r="AA31033">
        <v>47</v>
      </c>
      <c r="AB31033">
        <v>48</v>
      </c>
      <c r="AC31033">
        <v>48</v>
      </c>
      <c r="AD31033">
        <v>49</v>
      </c>
      <c r="AE31033">
        <v>49</v>
      </c>
      <c r="AF31033">
        <v>49</v>
      </c>
      <c r="AG31033">
        <v>50</v>
      </c>
      <c r="AH31033">
        <v>50</v>
      </c>
      <c r="AI31033">
        <v>51</v>
      </c>
      <c r="AJ31033">
        <v>51</v>
      </c>
      <c r="AK31033">
        <v>52</v>
      </c>
      <c r="AL31033">
        <v>52</v>
      </c>
      <c r="AM31033">
        <v>52</v>
      </c>
      <c r="AN31033">
        <v>52</v>
      </c>
      <c r="AO31033">
        <v>52</v>
      </c>
      <c r="AP31033">
        <v>52</v>
      </c>
      <c r="AQ31033">
        <v>52</v>
      </c>
    </row>
    <row r="31034" spans="1:43">
      <c r="A31034" t="s">
        <v>19229</v>
      </c>
      <c r="B31034" t="s">
        <v>19230</v>
      </c>
      <c r="C31034" t="s">
        <v>19231</v>
      </c>
      <c r="D31034" t="s">
        <v>19232</v>
      </c>
      <c r="E31034" t="s">
        <v>19203</v>
      </c>
      <c r="F31034" t="s">
        <v>19204</v>
      </c>
      <c r="G31034" t="s">
        <v>10734</v>
      </c>
      <c r="H31034" t="s">
        <v>10735</v>
      </c>
      <c r="I31034" s="2">
        <v>0</v>
      </c>
      <c r="J31034" s="2">
        <v>0</v>
      </c>
      <c r="K31034" s="2">
        <v>1</v>
      </c>
      <c r="L31034" t="s">
        <v>995</v>
      </c>
      <c r="M31034" t="s">
        <v>83</v>
      </c>
      <c r="N31034" t="s">
        <v>84</v>
      </c>
      <c r="O31034" t="s">
        <v>85</v>
      </c>
      <c r="P31034" t="s">
        <v>86</v>
      </c>
      <c r="Q31034">
        <v>59</v>
      </c>
      <c r="R31034">
        <v>60</v>
      </c>
      <c r="S31034">
        <v>60</v>
      </c>
      <c r="T31034">
        <v>61</v>
      </c>
      <c r="U31034">
        <v>62</v>
      </c>
      <c r="V31034">
        <v>62</v>
      </c>
      <c r="W31034">
        <v>63</v>
      </c>
      <c r="X31034">
        <v>64</v>
      </c>
      <c r="Y31034">
        <v>64</v>
      </c>
      <c r="Z31034">
        <v>65</v>
      </c>
      <c r="AA31034">
        <v>66</v>
      </c>
      <c r="AB31034">
        <v>66</v>
      </c>
      <c r="AC31034">
        <v>67</v>
      </c>
      <c r="AD31034">
        <v>67</v>
      </c>
      <c r="AE31034">
        <v>68</v>
      </c>
      <c r="AF31034">
        <v>69</v>
      </c>
      <c r="AG31034">
        <v>69</v>
      </c>
      <c r="AH31034">
        <v>70</v>
      </c>
      <c r="AI31034">
        <v>70</v>
      </c>
      <c r="AJ31034">
        <v>71</v>
      </c>
      <c r="AK31034">
        <v>71</v>
      </c>
      <c r="AL31034">
        <v>71</v>
      </c>
      <c r="AM31034">
        <v>71</v>
      </c>
      <c r="AN31034">
        <v>71</v>
      </c>
      <c r="AO31034">
        <v>71</v>
      </c>
      <c r="AP31034">
        <v>71</v>
      </c>
      <c r="AQ31034">
        <v>71</v>
      </c>
    </row>
    <row r="31035" spans="1:43">
      <c r="A31035" t="s">
        <v>19229</v>
      </c>
      <c r="B31035" t="s">
        <v>19230</v>
      </c>
      <c r="C31035" t="s">
        <v>19231</v>
      </c>
      <c r="D31035" t="s">
        <v>19232</v>
      </c>
      <c r="E31035" t="s">
        <v>19203</v>
      </c>
      <c r="F31035" t="s">
        <v>19204</v>
      </c>
      <c r="G31035" t="s">
        <v>10734</v>
      </c>
      <c r="H31035" t="s">
        <v>10735</v>
      </c>
      <c r="I31035" s="2">
        <v>0</v>
      </c>
      <c r="J31035" s="2">
        <v>0</v>
      </c>
      <c r="K31035" s="2">
        <v>1</v>
      </c>
      <c r="L31035" t="s">
        <v>995</v>
      </c>
      <c r="M31035" t="s">
        <v>87</v>
      </c>
      <c r="N31035" t="s">
        <v>88</v>
      </c>
      <c r="O31035" t="s">
        <v>85</v>
      </c>
      <c r="P31035" t="s">
        <v>86</v>
      </c>
      <c r="Q31035">
        <v>59</v>
      </c>
      <c r="R31035">
        <v>59</v>
      </c>
      <c r="S31035">
        <v>60</v>
      </c>
      <c r="T31035">
        <v>60</v>
      </c>
      <c r="U31035">
        <v>60</v>
      </c>
      <c r="V31035">
        <v>60</v>
      </c>
      <c r="W31035">
        <v>60</v>
      </c>
      <c r="X31035">
        <v>60</v>
      </c>
      <c r="Y31035">
        <v>60</v>
      </c>
      <c r="Z31035">
        <v>61</v>
      </c>
      <c r="AA31035">
        <v>61</v>
      </c>
      <c r="AB31035">
        <v>61</v>
      </c>
      <c r="AC31035">
        <v>61</v>
      </c>
      <c r="AD31035">
        <v>61</v>
      </c>
      <c r="AE31035">
        <v>61</v>
      </c>
      <c r="AF31035">
        <v>61</v>
      </c>
      <c r="AG31035">
        <v>61</v>
      </c>
      <c r="AH31035">
        <v>62</v>
      </c>
      <c r="AI31035">
        <v>62</v>
      </c>
      <c r="AJ31035">
        <v>62</v>
      </c>
      <c r="AK31035">
        <v>62</v>
      </c>
      <c r="AL31035">
        <v>62</v>
      </c>
      <c r="AM31035">
        <v>62</v>
      </c>
      <c r="AN31035">
        <v>62</v>
      </c>
      <c r="AO31035">
        <v>62</v>
      </c>
      <c r="AP31035">
        <v>62</v>
      </c>
      <c r="AQ31035">
        <v>62</v>
      </c>
    </row>
    <row r="31036" spans="1:43">
      <c r="A31036" t="s">
        <v>19229</v>
      </c>
      <c r="B31036" t="s">
        <v>19230</v>
      </c>
      <c r="C31036" t="s">
        <v>19231</v>
      </c>
      <c r="D31036" t="s">
        <v>19232</v>
      </c>
      <c r="E31036" t="s">
        <v>19203</v>
      </c>
      <c r="F31036" t="s">
        <v>19204</v>
      </c>
      <c r="G31036" t="s">
        <v>10734</v>
      </c>
      <c r="H31036" t="s">
        <v>10735</v>
      </c>
      <c r="I31036" s="2">
        <v>0</v>
      </c>
      <c r="J31036" s="2">
        <v>0</v>
      </c>
      <c r="K31036" s="2">
        <v>1</v>
      </c>
      <c r="L31036" t="s">
        <v>995</v>
      </c>
      <c r="M31036" t="s">
        <v>89</v>
      </c>
      <c r="N31036" t="s">
        <v>90</v>
      </c>
      <c r="O31036" t="s">
        <v>85</v>
      </c>
      <c r="P31036" t="s">
        <v>86</v>
      </c>
      <c r="Q31036">
        <v>59</v>
      </c>
      <c r="R31036">
        <v>61</v>
      </c>
      <c r="S31036">
        <v>62</v>
      </c>
      <c r="T31036">
        <v>63</v>
      </c>
      <c r="U31036">
        <v>64</v>
      </c>
      <c r="V31036">
        <v>65</v>
      </c>
      <c r="W31036">
        <v>66</v>
      </c>
      <c r="X31036">
        <v>67</v>
      </c>
      <c r="Y31036">
        <v>68</v>
      </c>
      <c r="Z31036">
        <v>69</v>
      </c>
      <c r="AA31036">
        <v>70</v>
      </c>
      <c r="AB31036">
        <v>71</v>
      </c>
      <c r="AC31036">
        <v>72</v>
      </c>
      <c r="AD31036">
        <v>72</v>
      </c>
      <c r="AE31036">
        <v>73</v>
      </c>
      <c r="AF31036">
        <v>73</v>
      </c>
      <c r="AG31036">
        <v>73</v>
      </c>
      <c r="AH31036">
        <v>72</v>
      </c>
      <c r="AI31036">
        <v>72</v>
      </c>
      <c r="AJ31036">
        <v>72</v>
      </c>
      <c r="AK31036">
        <v>72</v>
      </c>
      <c r="AL31036">
        <v>72</v>
      </c>
      <c r="AM31036">
        <v>72</v>
      </c>
      <c r="AN31036">
        <v>72</v>
      </c>
      <c r="AO31036">
        <v>71</v>
      </c>
      <c r="AP31036">
        <v>71</v>
      </c>
      <c r="AQ31036">
        <v>71</v>
      </c>
    </row>
    <row r="31037" spans="1:43">
      <c r="A31037" t="s">
        <v>19229</v>
      </c>
      <c r="B31037" t="s">
        <v>19230</v>
      </c>
      <c r="C31037" t="s">
        <v>19231</v>
      </c>
      <c r="D31037" t="s">
        <v>19232</v>
      </c>
      <c r="E31037" t="s">
        <v>19203</v>
      </c>
      <c r="F31037" t="s">
        <v>19204</v>
      </c>
      <c r="G31037" t="s">
        <v>10734</v>
      </c>
      <c r="H31037" t="s">
        <v>10735</v>
      </c>
      <c r="I31037" s="2">
        <v>0</v>
      </c>
      <c r="J31037" s="2">
        <v>0</v>
      </c>
      <c r="K31037" s="2">
        <v>1</v>
      </c>
      <c r="L31037" t="s">
        <v>995</v>
      </c>
      <c r="M31037" t="s">
        <v>83</v>
      </c>
      <c r="N31037" t="s">
        <v>91</v>
      </c>
      <c r="O31037" t="s">
        <v>85</v>
      </c>
      <c r="P31037" t="s">
        <v>86</v>
      </c>
      <c r="Q31037">
        <v>59</v>
      </c>
      <c r="R31037">
        <v>60</v>
      </c>
      <c r="S31037">
        <v>60</v>
      </c>
      <c r="T31037">
        <v>61</v>
      </c>
      <c r="U31037">
        <v>62</v>
      </c>
      <c r="V31037">
        <v>62</v>
      </c>
      <c r="W31037">
        <v>63</v>
      </c>
      <c r="X31037">
        <v>64</v>
      </c>
      <c r="Y31037">
        <v>64</v>
      </c>
      <c r="Z31037">
        <v>65</v>
      </c>
      <c r="AA31037">
        <v>66</v>
      </c>
      <c r="AB31037">
        <v>66</v>
      </c>
      <c r="AC31037">
        <v>67</v>
      </c>
      <c r="AD31037">
        <v>67</v>
      </c>
      <c r="AE31037">
        <v>68</v>
      </c>
      <c r="AF31037">
        <v>69</v>
      </c>
      <c r="AG31037">
        <v>69</v>
      </c>
      <c r="AH31037">
        <v>70</v>
      </c>
      <c r="AI31037">
        <v>70</v>
      </c>
      <c r="AJ31037">
        <v>71</v>
      </c>
      <c r="AK31037">
        <v>71</v>
      </c>
      <c r="AL31037">
        <v>71</v>
      </c>
      <c r="AM31037">
        <v>71</v>
      </c>
      <c r="AN31037">
        <v>71</v>
      </c>
      <c r="AO31037">
        <v>71</v>
      </c>
      <c r="AP31037">
        <v>71</v>
      </c>
      <c r="AQ31037">
        <v>71</v>
      </c>
    </row>
    <row r="31038" spans="1:43">
      <c r="A31038" t="s">
        <v>19233</v>
      </c>
      <c r="B31038" t="s">
        <v>19234</v>
      </c>
      <c r="C31038" t="s">
        <v>19211</v>
      </c>
      <c r="D31038" t="s">
        <v>19212</v>
      </c>
      <c r="E31038" t="s">
        <v>19203</v>
      </c>
      <c r="F31038" t="s">
        <v>19204</v>
      </c>
      <c r="G31038" t="s">
        <v>10734</v>
      </c>
      <c r="H31038" t="s">
        <v>10735</v>
      </c>
      <c r="I31038" s="2">
        <v>0</v>
      </c>
      <c r="J31038" s="2">
        <v>0</v>
      </c>
      <c r="K31038" s="2">
        <v>1</v>
      </c>
      <c r="L31038" t="s">
        <v>995</v>
      </c>
      <c r="M31038" t="s">
        <v>83</v>
      </c>
      <c r="N31038" t="s">
        <v>84</v>
      </c>
      <c r="O31038" t="s">
        <v>85</v>
      </c>
      <c r="P31038" t="s">
        <v>86</v>
      </c>
      <c r="Q31038">
        <v>19</v>
      </c>
      <c r="R31038">
        <v>19</v>
      </c>
      <c r="S31038">
        <v>20</v>
      </c>
      <c r="T31038">
        <v>20</v>
      </c>
      <c r="U31038">
        <v>20</v>
      </c>
      <c r="V31038">
        <v>20</v>
      </c>
      <c r="W31038">
        <v>21</v>
      </c>
      <c r="X31038">
        <v>21</v>
      </c>
      <c r="Y31038">
        <v>21</v>
      </c>
      <c r="Z31038">
        <v>21</v>
      </c>
      <c r="AA31038">
        <v>21</v>
      </c>
      <c r="AB31038">
        <v>22</v>
      </c>
      <c r="AC31038">
        <v>22</v>
      </c>
      <c r="AD31038">
        <v>22</v>
      </c>
      <c r="AE31038">
        <v>22</v>
      </c>
      <c r="AF31038">
        <v>22</v>
      </c>
      <c r="AG31038">
        <v>23</v>
      </c>
      <c r="AH31038">
        <v>23</v>
      </c>
      <c r="AI31038">
        <v>23</v>
      </c>
      <c r="AJ31038">
        <v>23</v>
      </c>
      <c r="AK31038">
        <v>23</v>
      </c>
      <c r="AL31038">
        <v>23</v>
      </c>
      <c r="AM31038">
        <v>23</v>
      </c>
      <c r="AN31038">
        <v>23</v>
      </c>
      <c r="AO31038">
        <v>23</v>
      </c>
      <c r="AP31038">
        <v>23</v>
      </c>
      <c r="AQ31038">
        <v>23</v>
      </c>
    </row>
    <row r="31039" spans="1:43">
      <c r="A31039" t="s">
        <v>19233</v>
      </c>
      <c r="B31039" t="s">
        <v>19234</v>
      </c>
      <c r="C31039" t="s">
        <v>19211</v>
      </c>
      <c r="D31039" t="s">
        <v>19212</v>
      </c>
      <c r="E31039" t="s">
        <v>19203</v>
      </c>
      <c r="F31039" t="s">
        <v>19204</v>
      </c>
      <c r="G31039" t="s">
        <v>10734</v>
      </c>
      <c r="H31039" t="s">
        <v>10735</v>
      </c>
      <c r="I31039" s="2">
        <v>0</v>
      </c>
      <c r="J31039" s="2">
        <v>0</v>
      </c>
      <c r="K31039" s="2">
        <v>1</v>
      </c>
      <c r="L31039" t="s">
        <v>995</v>
      </c>
      <c r="M31039" t="s">
        <v>87</v>
      </c>
      <c r="N31039" t="s">
        <v>88</v>
      </c>
      <c r="O31039" t="s">
        <v>85</v>
      </c>
      <c r="P31039" t="s">
        <v>86</v>
      </c>
      <c r="Q31039">
        <v>19</v>
      </c>
      <c r="R31039">
        <v>19</v>
      </c>
      <c r="S31039">
        <v>19</v>
      </c>
      <c r="T31039">
        <v>19</v>
      </c>
      <c r="U31039">
        <v>19</v>
      </c>
      <c r="V31039">
        <v>19</v>
      </c>
      <c r="W31039">
        <v>19</v>
      </c>
      <c r="X31039">
        <v>19</v>
      </c>
      <c r="Y31039">
        <v>19</v>
      </c>
      <c r="Z31039">
        <v>19</v>
      </c>
      <c r="AA31039">
        <v>19</v>
      </c>
      <c r="AB31039">
        <v>20</v>
      </c>
      <c r="AC31039">
        <v>20</v>
      </c>
      <c r="AD31039">
        <v>20</v>
      </c>
      <c r="AE31039">
        <v>20</v>
      </c>
      <c r="AF31039">
        <v>20</v>
      </c>
      <c r="AG31039">
        <v>20</v>
      </c>
      <c r="AH31039">
        <v>20</v>
      </c>
      <c r="AI31039">
        <v>20</v>
      </c>
      <c r="AJ31039">
        <v>20</v>
      </c>
      <c r="AK31039">
        <v>20</v>
      </c>
      <c r="AL31039">
        <v>20</v>
      </c>
      <c r="AM31039">
        <v>20</v>
      </c>
      <c r="AN31039">
        <v>20</v>
      </c>
      <c r="AO31039">
        <v>20</v>
      </c>
      <c r="AP31039">
        <v>20</v>
      </c>
      <c r="AQ31039">
        <v>20</v>
      </c>
    </row>
    <row r="31040" spans="1:43">
      <c r="A31040" t="s">
        <v>19233</v>
      </c>
      <c r="B31040" t="s">
        <v>19234</v>
      </c>
      <c r="C31040" t="s">
        <v>19211</v>
      </c>
      <c r="D31040" t="s">
        <v>19212</v>
      </c>
      <c r="E31040" t="s">
        <v>19203</v>
      </c>
      <c r="F31040" t="s">
        <v>19204</v>
      </c>
      <c r="G31040" t="s">
        <v>10734</v>
      </c>
      <c r="H31040" t="s">
        <v>10735</v>
      </c>
      <c r="I31040" s="2">
        <v>0</v>
      </c>
      <c r="J31040" s="2">
        <v>0</v>
      </c>
      <c r="K31040" s="2">
        <v>1</v>
      </c>
      <c r="L31040" t="s">
        <v>995</v>
      </c>
      <c r="M31040" t="s">
        <v>89</v>
      </c>
      <c r="N31040" t="s">
        <v>90</v>
      </c>
      <c r="O31040" t="s">
        <v>85</v>
      </c>
      <c r="P31040" t="s">
        <v>86</v>
      </c>
      <c r="Q31040">
        <v>19</v>
      </c>
      <c r="R31040">
        <v>20</v>
      </c>
      <c r="S31040">
        <v>20</v>
      </c>
      <c r="T31040">
        <v>21</v>
      </c>
      <c r="U31040">
        <v>21</v>
      </c>
      <c r="V31040">
        <v>21</v>
      </c>
      <c r="W31040">
        <v>22</v>
      </c>
      <c r="X31040">
        <v>22</v>
      </c>
      <c r="Y31040">
        <v>22</v>
      </c>
      <c r="Z31040">
        <v>23</v>
      </c>
      <c r="AA31040">
        <v>23</v>
      </c>
      <c r="AB31040">
        <v>23</v>
      </c>
      <c r="AC31040">
        <v>23</v>
      </c>
      <c r="AD31040">
        <v>24</v>
      </c>
      <c r="AE31040">
        <v>24</v>
      </c>
      <c r="AF31040">
        <v>24</v>
      </c>
      <c r="AG31040">
        <v>24</v>
      </c>
      <c r="AH31040">
        <v>24</v>
      </c>
      <c r="AI31040">
        <v>24</v>
      </c>
      <c r="AJ31040">
        <v>24</v>
      </c>
      <c r="AK31040">
        <v>24</v>
      </c>
      <c r="AL31040">
        <v>23</v>
      </c>
      <c r="AM31040">
        <v>23</v>
      </c>
      <c r="AN31040">
        <v>23</v>
      </c>
      <c r="AO31040">
        <v>23</v>
      </c>
      <c r="AP31040">
        <v>23</v>
      </c>
      <c r="AQ31040">
        <v>23</v>
      </c>
    </row>
    <row r="31041" spans="1:43">
      <c r="A31041" t="s">
        <v>19233</v>
      </c>
      <c r="B31041" t="s">
        <v>19234</v>
      </c>
      <c r="C31041" t="s">
        <v>19211</v>
      </c>
      <c r="D31041" t="s">
        <v>19212</v>
      </c>
      <c r="E31041" t="s">
        <v>19203</v>
      </c>
      <c r="F31041" t="s">
        <v>19204</v>
      </c>
      <c r="G31041" t="s">
        <v>10734</v>
      </c>
      <c r="H31041" t="s">
        <v>10735</v>
      </c>
      <c r="I31041" s="2">
        <v>0</v>
      </c>
      <c r="J31041" s="2">
        <v>0</v>
      </c>
      <c r="K31041" s="2">
        <v>1</v>
      </c>
      <c r="L31041" t="s">
        <v>995</v>
      </c>
      <c r="M31041" t="s">
        <v>83</v>
      </c>
      <c r="N31041" t="s">
        <v>91</v>
      </c>
      <c r="O31041" t="s">
        <v>85</v>
      </c>
      <c r="P31041" t="s">
        <v>86</v>
      </c>
      <c r="Q31041">
        <v>19</v>
      </c>
      <c r="R31041">
        <v>19</v>
      </c>
      <c r="S31041">
        <v>20</v>
      </c>
      <c r="T31041">
        <v>20</v>
      </c>
      <c r="U31041">
        <v>20</v>
      </c>
      <c r="V31041">
        <v>20</v>
      </c>
      <c r="W31041">
        <v>21</v>
      </c>
      <c r="X31041">
        <v>21</v>
      </c>
      <c r="Y31041">
        <v>21</v>
      </c>
      <c r="Z31041">
        <v>21</v>
      </c>
      <c r="AA31041">
        <v>21</v>
      </c>
      <c r="AB31041">
        <v>22</v>
      </c>
      <c r="AC31041">
        <v>22</v>
      </c>
      <c r="AD31041">
        <v>22</v>
      </c>
      <c r="AE31041">
        <v>22</v>
      </c>
      <c r="AF31041">
        <v>22</v>
      </c>
      <c r="AG31041">
        <v>23</v>
      </c>
      <c r="AH31041">
        <v>23</v>
      </c>
      <c r="AI31041">
        <v>23</v>
      </c>
      <c r="AJ31041">
        <v>23</v>
      </c>
      <c r="AK31041">
        <v>23</v>
      </c>
      <c r="AL31041">
        <v>23</v>
      </c>
      <c r="AM31041">
        <v>23</v>
      </c>
      <c r="AN31041">
        <v>23</v>
      </c>
      <c r="AO31041">
        <v>23</v>
      </c>
      <c r="AP31041">
        <v>23</v>
      </c>
      <c r="AQ31041">
        <v>23</v>
      </c>
    </row>
    <row r="31042" spans="1:43">
      <c r="A31042" t="s">
        <v>19235</v>
      </c>
      <c r="B31042" t="s">
        <v>19236</v>
      </c>
      <c r="C31042" t="s">
        <v>19237</v>
      </c>
      <c r="D31042" t="s">
        <v>19238</v>
      </c>
      <c r="E31042" t="s">
        <v>19203</v>
      </c>
      <c r="F31042" t="s">
        <v>19204</v>
      </c>
      <c r="G31042" t="s">
        <v>10734</v>
      </c>
      <c r="H31042" t="s">
        <v>10735</v>
      </c>
      <c r="I31042" s="2">
        <v>0</v>
      </c>
      <c r="J31042" s="2">
        <v>0</v>
      </c>
      <c r="K31042" s="2">
        <v>1</v>
      </c>
      <c r="L31042" t="s">
        <v>995</v>
      </c>
      <c r="M31042" t="s">
        <v>83</v>
      </c>
      <c r="N31042" t="s">
        <v>84</v>
      </c>
      <c r="O31042" t="s">
        <v>85</v>
      </c>
      <c r="P31042" t="s">
        <v>86</v>
      </c>
      <c r="Q31042">
        <v>56</v>
      </c>
      <c r="R31042">
        <v>56</v>
      </c>
      <c r="S31042">
        <v>57</v>
      </c>
      <c r="T31042">
        <v>58</v>
      </c>
      <c r="U31042">
        <v>58</v>
      </c>
      <c r="V31042">
        <v>59</v>
      </c>
      <c r="W31042">
        <v>60</v>
      </c>
      <c r="X31042">
        <v>60</v>
      </c>
      <c r="Y31042">
        <v>61</v>
      </c>
      <c r="Z31042">
        <v>62</v>
      </c>
      <c r="AA31042">
        <v>62</v>
      </c>
      <c r="AB31042">
        <v>63</v>
      </c>
      <c r="AC31042">
        <v>64</v>
      </c>
      <c r="AD31042">
        <v>64</v>
      </c>
      <c r="AE31042">
        <v>65</v>
      </c>
      <c r="AF31042">
        <v>65</v>
      </c>
      <c r="AG31042">
        <v>66</v>
      </c>
      <c r="AH31042">
        <v>66</v>
      </c>
      <c r="AI31042">
        <v>67</v>
      </c>
      <c r="AJ31042">
        <v>68</v>
      </c>
      <c r="AK31042">
        <v>68</v>
      </c>
      <c r="AL31042">
        <v>68</v>
      </c>
      <c r="AM31042">
        <v>68</v>
      </c>
      <c r="AN31042">
        <v>68</v>
      </c>
      <c r="AO31042">
        <v>68</v>
      </c>
      <c r="AP31042">
        <v>68</v>
      </c>
      <c r="AQ31042">
        <v>68</v>
      </c>
    </row>
    <row r="31043" spans="1:43">
      <c r="A31043" t="s">
        <v>19235</v>
      </c>
      <c r="B31043" t="s">
        <v>19236</v>
      </c>
      <c r="C31043" t="s">
        <v>19237</v>
      </c>
      <c r="D31043" t="s">
        <v>19238</v>
      </c>
      <c r="E31043" t="s">
        <v>19203</v>
      </c>
      <c r="F31043" t="s">
        <v>19204</v>
      </c>
      <c r="G31043" t="s">
        <v>10734</v>
      </c>
      <c r="H31043" t="s">
        <v>10735</v>
      </c>
      <c r="I31043" s="2">
        <v>0</v>
      </c>
      <c r="J31043" s="2">
        <v>0</v>
      </c>
      <c r="K31043" s="2">
        <v>1</v>
      </c>
      <c r="L31043" t="s">
        <v>995</v>
      </c>
      <c r="M31043" t="s">
        <v>87</v>
      </c>
      <c r="N31043" t="s">
        <v>88</v>
      </c>
      <c r="O31043" t="s">
        <v>85</v>
      </c>
      <c r="P31043" t="s">
        <v>86</v>
      </c>
      <c r="Q31043">
        <v>56</v>
      </c>
      <c r="R31043">
        <v>56</v>
      </c>
      <c r="S31043">
        <v>56</v>
      </c>
      <c r="T31043">
        <v>57</v>
      </c>
      <c r="U31043">
        <v>57</v>
      </c>
      <c r="V31043">
        <v>57</v>
      </c>
      <c r="W31043">
        <v>57</v>
      </c>
      <c r="X31043">
        <v>57</v>
      </c>
      <c r="Y31043">
        <v>57</v>
      </c>
      <c r="Z31043">
        <v>58</v>
      </c>
      <c r="AA31043">
        <v>58</v>
      </c>
      <c r="AB31043">
        <v>58</v>
      </c>
      <c r="AC31043">
        <v>58</v>
      </c>
      <c r="AD31043">
        <v>58</v>
      </c>
      <c r="AE31043">
        <v>58</v>
      </c>
      <c r="AF31043">
        <v>58</v>
      </c>
      <c r="AG31043">
        <v>59</v>
      </c>
      <c r="AH31043">
        <v>59</v>
      </c>
      <c r="AI31043">
        <v>59</v>
      </c>
      <c r="AJ31043">
        <v>59</v>
      </c>
      <c r="AK31043">
        <v>59</v>
      </c>
      <c r="AL31043">
        <v>59</v>
      </c>
      <c r="AM31043">
        <v>59</v>
      </c>
      <c r="AN31043">
        <v>59</v>
      </c>
      <c r="AO31043">
        <v>60</v>
      </c>
      <c r="AP31043">
        <v>60</v>
      </c>
      <c r="AQ31043">
        <v>60</v>
      </c>
    </row>
    <row r="31044" spans="1:43">
      <c r="A31044" t="s">
        <v>19235</v>
      </c>
      <c r="B31044" t="s">
        <v>19236</v>
      </c>
      <c r="C31044" t="s">
        <v>19237</v>
      </c>
      <c r="D31044" t="s">
        <v>19238</v>
      </c>
      <c r="E31044" t="s">
        <v>19203</v>
      </c>
      <c r="F31044" t="s">
        <v>19204</v>
      </c>
      <c r="G31044" t="s">
        <v>10734</v>
      </c>
      <c r="H31044" t="s">
        <v>10735</v>
      </c>
      <c r="I31044" s="2">
        <v>0</v>
      </c>
      <c r="J31044" s="2">
        <v>0</v>
      </c>
      <c r="K31044" s="2">
        <v>1</v>
      </c>
      <c r="L31044" t="s">
        <v>995</v>
      </c>
      <c r="M31044" t="s">
        <v>89</v>
      </c>
      <c r="N31044" t="s">
        <v>90</v>
      </c>
      <c r="O31044" t="s">
        <v>85</v>
      </c>
      <c r="P31044" t="s">
        <v>86</v>
      </c>
      <c r="Q31044">
        <v>56</v>
      </c>
      <c r="R31044">
        <v>57</v>
      </c>
      <c r="S31044">
        <v>58</v>
      </c>
      <c r="T31044">
        <v>60</v>
      </c>
      <c r="U31044">
        <v>61</v>
      </c>
      <c r="V31044">
        <v>62</v>
      </c>
      <c r="W31044">
        <v>63</v>
      </c>
      <c r="X31044">
        <v>64</v>
      </c>
      <c r="Y31044">
        <v>65</v>
      </c>
      <c r="Z31044">
        <v>66</v>
      </c>
      <c r="AA31044">
        <v>66</v>
      </c>
      <c r="AB31044">
        <v>67</v>
      </c>
      <c r="AC31044">
        <v>68</v>
      </c>
      <c r="AD31044">
        <v>69</v>
      </c>
      <c r="AE31044">
        <v>69</v>
      </c>
      <c r="AF31044">
        <v>69</v>
      </c>
      <c r="AG31044">
        <v>69</v>
      </c>
      <c r="AH31044">
        <v>69</v>
      </c>
      <c r="AI31044">
        <v>69</v>
      </c>
      <c r="AJ31044">
        <v>69</v>
      </c>
      <c r="AK31044">
        <v>69</v>
      </c>
      <c r="AL31044">
        <v>69</v>
      </c>
      <c r="AM31044">
        <v>69</v>
      </c>
      <c r="AN31044">
        <v>69</v>
      </c>
      <c r="AO31044">
        <v>69</v>
      </c>
      <c r="AP31044">
        <v>69</v>
      </c>
      <c r="AQ31044">
        <v>69</v>
      </c>
    </row>
    <row r="31045" spans="1:43">
      <c r="A31045" t="s">
        <v>19235</v>
      </c>
      <c r="B31045" t="s">
        <v>19236</v>
      </c>
      <c r="C31045" t="s">
        <v>19237</v>
      </c>
      <c r="D31045" t="s">
        <v>19238</v>
      </c>
      <c r="E31045" t="s">
        <v>19203</v>
      </c>
      <c r="F31045" t="s">
        <v>19204</v>
      </c>
      <c r="G31045" t="s">
        <v>10734</v>
      </c>
      <c r="H31045" t="s">
        <v>10735</v>
      </c>
      <c r="I31045" s="2">
        <v>0</v>
      </c>
      <c r="J31045" s="2">
        <v>0</v>
      </c>
      <c r="K31045" s="2">
        <v>1</v>
      </c>
      <c r="L31045" t="s">
        <v>995</v>
      </c>
      <c r="M31045" t="s">
        <v>83</v>
      </c>
      <c r="N31045" t="s">
        <v>91</v>
      </c>
      <c r="O31045" t="s">
        <v>85</v>
      </c>
      <c r="P31045" t="s">
        <v>86</v>
      </c>
      <c r="Q31045">
        <v>56</v>
      </c>
      <c r="R31045">
        <v>56</v>
      </c>
      <c r="S31045">
        <v>57</v>
      </c>
      <c r="T31045">
        <v>58</v>
      </c>
      <c r="U31045">
        <v>58</v>
      </c>
      <c r="V31045">
        <v>59</v>
      </c>
      <c r="W31045">
        <v>60</v>
      </c>
      <c r="X31045">
        <v>60</v>
      </c>
      <c r="Y31045">
        <v>61</v>
      </c>
      <c r="Z31045">
        <v>62</v>
      </c>
      <c r="AA31045">
        <v>62</v>
      </c>
      <c r="AB31045">
        <v>63</v>
      </c>
      <c r="AC31045">
        <v>64</v>
      </c>
      <c r="AD31045">
        <v>64</v>
      </c>
      <c r="AE31045">
        <v>65</v>
      </c>
      <c r="AF31045">
        <v>65</v>
      </c>
      <c r="AG31045">
        <v>66</v>
      </c>
      <c r="AH31045">
        <v>66</v>
      </c>
      <c r="AI31045">
        <v>67</v>
      </c>
      <c r="AJ31045">
        <v>68</v>
      </c>
      <c r="AK31045">
        <v>68</v>
      </c>
      <c r="AL31045">
        <v>68</v>
      </c>
      <c r="AM31045">
        <v>68</v>
      </c>
      <c r="AN31045">
        <v>68</v>
      </c>
      <c r="AO31045">
        <v>68</v>
      </c>
      <c r="AP31045">
        <v>68</v>
      </c>
      <c r="AQ31045">
        <v>68</v>
      </c>
    </row>
    <row r="31046" spans="1:43">
      <c r="A31046" t="s">
        <v>19239</v>
      </c>
      <c r="B31046" t="s">
        <v>19240</v>
      </c>
      <c r="C31046" t="s">
        <v>19237</v>
      </c>
      <c r="D31046" t="s">
        <v>19238</v>
      </c>
      <c r="E31046" t="s">
        <v>19203</v>
      </c>
      <c r="F31046" t="s">
        <v>19204</v>
      </c>
      <c r="G31046" t="s">
        <v>10734</v>
      </c>
      <c r="H31046" t="s">
        <v>10735</v>
      </c>
      <c r="I31046" s="2">
        <v>0</v>
      </c>
      <c r="J31046" s="2">
        <v>0</v>
      </c>
      <c r="K31046" s="2">
        <v>1</v>
      </c>
      <c r="L31046" t="s">
        <v>995</v>
      </c>
      <c r="M31046" t="s">
        <v>83</v>
      </c>
      <c r="N31046" t="s">
        <v>84</v>
      </c>
      <c r="O31046" t="s">
        <v>85</v>
      </c>
      <c r="P31046" t="s">
        <v>86</v>
      </c>
      <c r="Q31046">
        <v>27</v>
      </c>
      <c r="R31046">
        <v>28</v>
      </c>
      <c r="S31046">
        <v>28</v>
      </c>
      <c r="T31046">
        <v>28</v>
      </c>
      <c r="U31046">
        <v>29</v>
      </c>
      <c r="V31046">
        <v>29</v>
      </c>
      <c r="W31046">
        <v>29</v>
      </c>
      <c r="X31046">
        <v>29</v>
      </c>
      <c r="Y31046">
        <v>30</v>
      </c>
      <c r="Z31046">
        <v>30</v>
      </c>
      <c r="AA31046">
        <v>30</v>
      </c>
      <c r="AB31046">
        <v>31</v>
      </c>
      <c r="AC31046">
        <v>31</v>
      </c>
      <c r="AD31046">
        <v>31</v>
      </c>
      <c r="AE31046">
        <v>31</v>
      </c>
      <c r="AF31046">
        <v>32</v>
      </c>
      <c r="AG31046">
        <v>32</v>
      </c>
      <c r="AH31046">
        <v>32</v>
      </c>
      <c r="AI31046">
        <v>32</v>
      </c>
      <c r="AJ31046">
        <v>32</v>
      </c>
      <c r="AK31046">
        <v>33</v>
      </c>
      <c r="AL31046">
        <v>33</v>
      </c>
      <c r="AM31046">
        <v>33</v>
      </c>
      <c r="AN31046">
        <v>33</v>
      </c>
      <c r="AO31046">
        <v>32</v>
      </c>
      <c r="AP31046">
        <v>32</v>
      </c>
      <c r="AQ31046">
        <v>32</v>
      </c>
    </row>
    <row r="31047" spans="1:43">
      <c r="A31047" t="s">
        <v>19239</v>
      </c>
      <c r="B31047" t="s">
        <v>19240</v>
      </c>
      <c r="C31047" t="s">
        <v>19237</v>
      </c>
      <c r="D31047" t="s">
        <v>19238</v>
      </c>
      <c r="E31047" t="s">
        <v>19203</v>
      </c>
      <c r="F31047" t="s">
        <v>19204</v>
      </c>
      <c r="G31047" t="s">
        <v>10734</v>
      </c>
      <c r="H31047" t="s">
        <v>10735</v>
      </c>
      <c r="I31047" s="2">
        <v>0</v>
      </c>
      <c r="J31047" s="2">
        <v>0</v>
      </c>
      <c r="K31047" s="2">
        <v>1</v>
      </c>
      <c r="L31047" t="s">
        <v>995</v>
      </c>
      <c r="M31047" t="s">
        <v>87</v>
      </c>
      <c r="N31047" t="s">
        <v>88</v>
      </c>
      <c r="O31047" t="s">
        <v>85</v>
      </c>
      <c r="P31047" t="s">
        <v>86</v>
      </c>
      <c r="Q31047">
        <v>27</v>
      </c>
      <c r="R31047">
        <v>27</v>
      </c>
      <c r="S31047">
        <v>27</v>
      </c>
      <c r="T31047">
        <v>27</v>
      </c>
      <c r="U31047">
        <v>27</v>
      </c>
      <c r="V31047">
        <v>27</v>
      </c>
      <c r="W31047">
        <v>27</v>
      </c>
      <c r="X31047">
        <v>27</v>
      </c>
      <c r="Y31047">
        <v>27</v>
      </c>
      <c r="Z31047">
        <v>28</v>
      </c>
      <c r="AA31047">
        <v>28</v>
      </c>
      <c r="AB31047">
        <v>28</v>
      </c>
      <c r="AC31047">
        <v>28</v>
      </c>
      <c r="AD31047">
        <v>28</v>
      </c>
      <c r="AE31047">
        <v>28</v>
      </c>
      <c r="AF31047">
        <v>28</v>
      </c>
      <c r="AG31047">
        <v>28</v>
      </c>
      <c r="AH31047">
        <v>28</v>
      </c>
      <c r="AI31047">
        <v>28</v>
      </c>
      <c r="AJ31047">
        <v>28</v>
      </c>
      <c r="AK31047">
        <v>28</v>
      </c>
      <c r="AL31047">
        <v>28</v>
      </c>
      <c r="AM31047">
        <v>28</v>
      </c>
      <c r="AN31047">
        <v>28</v>
      </c>
      <c r="AO31047">
        <v>28</v>
      </c>
      <c r="AP31047">
        <v>28</v>
      </c>
      <c r="AQ31047">
        <v>28</v>
      </c>
    </row>
    <row r="31048" spans="1:43">
      <c r="A31048" t="s">
        <v>19239</v>
      </c>
      <c r="B31048" t="s">
        <v>19240</v>
      </c>
      <c r="C31048" t="s">
        <v>19237</v>
      </c>
      <c r="D31048" t="s">
        <v>19238</v>
      </c>
      <c r="E31048" t="s">
        <v>19203</v>
      </c>
      <c r="F31048" t="s">
        <v>19204</v>
      </c>
      <c r="G31048" t="s">
        <v>10734</v>
      </c>
      <c r="H31048" t="s">
        <v>10735</v>
      </c>
      <c r="I31048" s="2">
        <v>0</v>
      </c>
      <c r="J31048" s="2">
        <v>0</v>
      </c>
      <c r="K31048" s="2">
        <v>1</v>
      </c>
      <c r="L31048" t="s">
        <v>995</v>
      </c>
      <c r="M31048" t="s">
        <v>89</v>
      </c>
      <c r="N31048" t="s">
        <v>90</v>
      </c>
      <c r="O31048" t="s">
        <v>85</v>
      </c>
      <c r="P31048" t="s">
        <v>86</v>
      </c>
      <c r="Q31048">
        <v>27</v>
      </c>
      <c r="R31048">
        <v>27</v>
      </c>
      <c r="S31048">
        <v>28</v>
      </c>
      <c r="T31048">
        <v>28</v>
      </c>
      <c r="U31048">
        <v>29</v>
      </c>
      <c r="V31048">
        <v>29</v>
      </c>
      <c r="W31048">
        <v>30</v>
      </c>
      <c r="X31048">
        <v>30</v>
      </c>
      <c r="Y31048">
        <v>31</v>
      </c>
      <c r="Z31048">
        <v>31</v>
      </c>
      <c r="AA31048">
        <v>31</v>
      </c>
      <c r="AB31048">
        <v>32</v>
      </c>
      <c r="AC31048">
        <v>32</v>
      </c>
      <c r="AD31048">
        <v>32</v>
      </c>
      <c r="AE31048">
        <v>33</v>
      </c>
      <c r="AF31048">
        <v>33</v>
      </c>
      <c r="AG31048">
        <v>32</v>
      </c>
      <c r="AH31048">
        <v>32</v>
      </c>
      <c r="AI31048">
        <v>32</v>
      </c>
      <c r="AJ31048">
        <v>32</v>
      </c>
      <c r="AK31048">
        <v>32</v>
      </c>
      <c r="AL31048">
        <v>32</v>
      </c>
      <c r="AM31048">
        <v>32</v>
      </c>
      <c r="AN31048">
        <v>32</v>
      </c>
      <c r="AO31048">
        <v>32</v>
      </c>
      <c r="AP31048">
        <v>32</v>
      </c>
      <c r="AQ31048">
        <v>31</v>
      </c>
    </row>
    <row r="31049" spans="1:43">
      <c r="A31049" t="s">
        <v>19239</v>
      </c>
      <c r="B31049" t="s">
        <v>19240</v>
      </c>
      <c r="C31049" t="s">
        <v>19237</v>
      </c>
      <c r="D31049" t="s">
        <v>19238</v>
      </c>
      <c r="E31049" t="s">
        <v>19203</v>
      </c>
      <c r="F31049" t="s">
        <v>19204</v>
      </c>
      <c r="G31049" t="s">
        <v>10734</v>
      </c>
      <c r="H31049" t="s">
        <v>10735</v>
      </c>
      <c r="I31049" s="2">
        <v>0</v>
      </c>
      <c r="J31049" s="2">
        <v>0</v>
      </c>
      <c r="K31049" s="2">
        <v>1</v>
      </c>
      <c r="L31049" t="s">
        <v>995</v>
      </c>
      <c r="M31049" t="s">
        <v>83</v>
      </c>
      <c r="N31049" t="s">
        <v>91</v>
      </c>
      <c r="O31049" t="s">
        <v>85</v>
      </c>
      <c r="P31049" t="s">
        <v>86</v>
      </c>
      <c r="Q31049">
        <v>27</v>
      </c>
      <c r="R31049">
        <v>28</v>
      </c>
      <c r="S31049">
        <v>28</v>
      </c>
      <c r="T31049">
        <v>28</v>
      </c>
      <c r="U31049">
        <v>29</v>
      </c>
      <c r="V31049">
        <v>29</v>
      </c>
      <c r="W31049">
        <v>29</v>
      </c>
      <c r="X31049">
        <v>29</v>
      </c>
      <c r="Y31049">
        <v>30</v>
      </c>
      <c r="Z31049">
        <v>30</v>
      </c>
      <c r="AA31049">
        <v>30</v>
      </c>
      <c r="AB31049">
        <v>31</v>
      </c>
      <c r="AC31049">
        <v>31</v>
      </c>
      <c r="AD31049">
        <v>31</v>
      </c>
      <c r="AE31049">
        <v>31</v>
      </c>
      <c r="AF31049">
        <v>32</v>
      </c>
      <c r="AG31049">
        <v>32</v>
      </c>
      <c r="AH31049">
        <v>32</v>
      </c>
      <c r="AI31049">
        <v>32</v>
      </c>
      <c r="AJ31049">
        <v>32</v>
      </c>
      <c r="AK31049">
        <v>33</v>
      </c>
      <c r="AL31049">
        <v>33</v>
      </c>
      <c r="AM31049">
        <v>33</v>
      </c>
      <c r="AN31049">
        <v>33</v>
      </c>
      <c r="AO31049">
        <v>32</v>
      </c>
      <c r="AP31049">
        <v>32</v>
      </c>
      <c r="AQ31049">
        <v>32</v>
      </c>
    </row>
    <row r="31050" spans="1:43">
      <c r="A31050" t="s">
        <v>19241</v>
      </c>
      <c r="B31050" t="s">
        <v>19242</v>
      </c>
      <c r="C31050" t="s">
        <v>19237</v>
      </c>
      <c r="D31050" t="s">
        <v>19238</v>
      </c>
      <c r="E31050" t="s">
        <v>19203</v>
      </c>
      <c r="F31050" t="s">
        <v>19204</v>
      </c>
      <c r="G31050" t="s">
        <v>10734</v>
      </c>
      <c r="H31050" t="s">
        <v>10735</v>
      </c>
      <c r="I31050" s="2">
        <v>0</v>
      </c>
      <c r="J31050" s="2">
        <v>0</v>
      </c>
      <c r="K31050" s="2">
        <v>1</v>
      </c>
      <c r="L31050" t="s">
        <v>995</v>
      </c>
      <c r="M31050" t="s">
        <v>83</v>
      </c>
      <c r="N31050" t="s">
        <v>84</v>
      </c>
      <c r="O31050" t="s">
        <v>85</v>
      </c>
      <c r="P31050" t="s">
        <v>86</v>
      </c>
      <c r="Q31050">
        <v>14</v>
      </c>
      <c r="R31050">
        <v>15</v>
      </c>
      <c r="S31050">
        <v>15</v>
      </c>
      <c r="T31050">
        <v>15</v>
      </c>
      <c r="U31050">
        <v>15</v>
      </c>
      <c r="V31050">
        <v>15</v>
      </c>
      <c r="W31050">
        <v>15</v>
      </c>
      <c r="X31050">
        <v>16</v>
      </c>
      <c r="Y31050">
        <v>16</v>
      </c>
      <c r="Z31050">
        <v>16</v>
      </c>
      <c r="AA31050">
        <v>16</v>
      </c>
      <c r="AB31050">
        <v>16</v>
      </c>
      <c r="AC31050">
        <v>16</v>
      </c>
      <c r="AD31050">
        <v>16</v>
      </c>
      <c r="AE31050">
        <v>16</v>
      </c>
      <c r="AF31050">
        <v>17</v>
      </c>
      <c r="AG31050">
        <v>17</v>
      </c>
      <c r="AH31050">
        <v>17</v>
      </c>
      <c r="AI31050">
        <v>17</v>
      </c>
      <c r="AJ31050">
        <v>17</v>
      </c>
      <c r="AK31050">
        <v>17</v>
      </c>
      <c r="AL31050">
        <v>17</v>
      </c>
      <c r="AM31050">
        <v>17</v>
      </c>
      <c r="AN31050">
        <v>17</v>
      </c>
      <c r="AO31050">
        <v>17</v>
      </c>
      <c r="AP31050">
        <v>17</v>
      </c>
      <c r="AQ31050">
        <v>17</v>
      </c>
    </row>
    <row r="31051" spans="1:43">
      <c r="A31051" t="s">
        <v>19241</v>
      </c>
      <c r="B31051" t="s">
        <v>19242</v>
      </c>
      <c r="C31051" t="s">
        <v>19237</v>
      </c>
      <c r="D31051" t="s">
        <v>19238</v>
      </c>
      <c r="E31051" t="s">
        <v>19203</v>
      </c>
      <c r="F31051" t="s">
        <v>19204</v>
      </c>
      <c r="G31051" t="s">
        <v>10734</v>
      </c>
      <c r="H31051" t="s">
        <v>10735</v>
      </c>
      <c r="I31051" s="2">
        <v>0</v>
      </c>
      <c r="J31051" s="2">
        <v>0</v>
      </c>
      <c r="K31051" s="2">
        <v>1</v>
      </c>
      <c r="L31051" t="s">
        <v>995</v>
      </c>
      <c r="M31051" t="s">
        <v>87</v>
      </c>
      <c r="N31051" t="s">
        <v>88</v>
      </c>
      <c r="O31051" t="s">
        <v>85</v>
      </c>
      <c r="P31051" t="s">
        <v>86</v>
      </c>
      <c r="Q31051">
        <v>14</v>
      </c>
      <c r="R31051">
        <v>14</v>
      </c>
      <c r="S31051">
        <v>14</v>
      </c>
      <c r="T31051">
        <v>14</v>
      </c>
      <c r="U31051">
        <v>14</v>
      </c>
      <c r="V31051">
        <v>14</v>
      </c>
      <c r="W31051">
        <v>14</v>
      </c>
      <c r="X31051">
        <v>14</v>
      </c>
      <c r="Y31051">
        <v>14</v>
      </c>
      <c r="Z31051">
        <v>14</v>
      </c>
      <c r="AA31051">
        <v>15</v>
      </c>
      <c r="AB31051">
        <v>15</v>
      </c>
      <c r="AC31051">
        <v>15</v>
      </c>
      <c r="AD31051">
        <v>15</v>
      </c>
      <c r="AE31051">
        <v>15</v>
      </c>
      <c r="AF31051">
        <v>15</v>
      </c>
      <c r="AG31051">
        <v>15</v>
      </c>
      <c r="AH31051">
        <v>15</v>
      </c>
      <c r="AI31051">
        <v>15</v>
      </c>
      <c r="AJ31051">
        <v>15</v>
      </c>
      <c r="AK31051">
        <v>15</v>
      </c>
      <c r="AL31051">
        <v>15</v>
      </c>
      <c r="AM31051">
        <v>15</v>
      </c>
      <c r="AN31051">
        <v>15</v>
      </c>
      <c r="AO31051">
        <v>15</v>
      </c>
      <c r="AP31051">
        <v>15</v>
      </c>
      <c r="AQ31051">
        <v>15</v>
      </c>
    </row>
    <row r="31052" spans="1:43">
      <c r="A31052" t="s">
        <v>19241</v>
      </c>
      <c r="B31052" t="s">
        <v>19242</v>
      </c>
      <c r="C31052" t="s">
        <v>19237</v>
      </c>
      <c r="D31052" t="s">
        <v>19238</v>
      </c>
      <c r="E31052" t="s">
        <v>19203</v>
      </c>
      <c r="F31052" t="s">
        <v>19204</v>
      </c>
      <c r="G31052" t="s">
        <v>10734</v>
      </c>
      <c r="H31052" t="s">
        <v>10735</v>
      </c>
      <c r="I31052" s="2">
        <v>0</v>
      </c>
      <c r="J31052" s="2">
        <v>0</v>
      </c>
      <c r="K31052" s="2">
        <v>1</v>
      </c>
      <c r="L31052" t="s">
        <v>995</v>
      </c>
      <c r="M31052" t="s">
        <v>89</v>
      </c>
      <c r="N31052" t="s">
        <v>90</v>
      </c>
      <c r="O31052" t="s">
        <v>85</v>
      </c>
      <c r="P31052" t="s">
        <v>86</v>
      </c>
      <c r="Q31052">
        <v>14</v>
      </c>
      <c r="R31052">
        <v>14</v>
      </c>
      <c r="S31052">
        <v>14</v>
      </c>
      <c r="T31052">
        <v>14</v>
      </c>
      <c r="U31052">
        <v>15</v>
      </c>
      <c r="V31052">
        <v>15</v>
      </c>
      <c r="W31052">
        <v>15</v>
      </c>
      <c r="X31052">
        <v>15</v>
      </c>
      <c r="Y31052">
        <v>16</v>
      </c>
      <c r="Z31052">
        <v>16</v>
      </c>
      <c r="AA31052">
        <v>16</v>
      </c>
      <c r="AB31052">
        <v>16</v>
      </c>
      <c r="AC31052">
        <v>16</v>
      </c>
      <c r="AD31052">
        <v>17</v>
      </c>
      <c r="AE31052">
        <v>17</v>
      </c>
      <c r="AF31052">
        <v>17</v>
      </c>
      <c r="AG31052">
        <v>17</v>
      </c>
      <c r="AH31052">
        <v>17</v>
      </c>
      <c r="AI31052">
        <v>17</v>
      </c>
      <c r="AJ31052">
        <v>16</v>
      </c>
      <c r="AK31052">
        <v>16</v>
      </c>
      <c r="AL31052">
        <v>16</v>
      </c>
      <c r="AM31052">
        <v>16</v>
      </c>
      <c r="AN31052">
        <v>16</v>
      </c>
      <c r="AO31052">
        <v>16</v>
      </c>
      <c r="AP31052">
        <v>16</v>
      </c>
      <c r="AQ31052">
        <v>16</v>
      </c>
    </row>
    <row r="31053" spans="1:43">
      <c r="A31053" t="s">
        <v>19241</v>
      </c>
      <c r="B31053" t="s">
        <v>19242</v>
      </c>
      <c r="C31053" t="s">
        <v>19237</v>
      </c>
      <c r="D31053" t="s">
        <v>19238</v>
      </c>
      <c r="E31053" t="s">
        <v>19203</v>
      </c>
      <c r="F31053" t="s">
        <v>19204</v>
      </c>
      <c r="G31053" t="s">
        <v>10734</v>
      </c>
      <c r="H31053" t="s">
        <v>10735</v>
      </c>
      <c r="I31053" s="2">
        <v>0</v>
      </c>
      <c r="J31053" s="2">
        <v>0</v>
      </c>
      <c r="K31053" s="2">
        <v>1</v>
      </c>
      <c r="L31053" t="s">
        <v>995</v>
      </c>
      <c r="M31053" t="s">
        <v>83</v>
      </c>
      <c r="N31053" t="s">
        <v>91</v>
      </c>
      <c r="O31053" t="s">
        <v>85</v>
      </c>
      <c r="P31053" t="s">
        <v>86</v>
      </c>
      <c r="Q31053">
        <v>14</v>
      </c>
      <c r="R31053">
        <v>15</v>
      </c>
      <c r="S31053">
        <v>15</v>
      </c>
      <c r="T31053">
        <v>15</v>
      </c>
      <c r="U31053">
        <v>15</v>
      </c>
      <c r="V31053">
        <v>15</v>
      </c>
      <c r="W31053">
        <v>15</v>
      </c>
      <c r="X31053">
        <v>16</v>
      </c>
      <c r="Y31053">
        <v>16</v>
      </c>
      <c r="Z31053">
        <v>16</v>
      </c>
      <c r="AA31053">
        <v>16</v>
      </c>
      <c r="AB31053">
        <v>16</v>
      </c>
      <c r="AC31053">
        <v>16</v>
      </c>
      <c r="AD31053">
        <v>16</v>
      </c>
      <c r="AE31053">
        <v>16</v>
      </c>
      <c r="AF31053">
        <v>17</v>
      </c>
      <c r="AG31053">
        <v>17</v>
      </c>
      <c r="AH31053">
        <v>17</v>
      </c>
      <c r="AI31053">
        <v>17</v>
      </c>
      <c r="AJ31053">
        <v>17</v>
      </c>
      <c r="AK31053">
        <v>17</v>
      </c>
      <c r="AL31053">
        <v>17</v>
      </c>
      <c r="AM31053">
        <v>17</v>
      </c>
      <c r="AN31053">
        <v>17</v>
      </c>
      <c r="AO31053">
        <v>17</v>
      </c>
      <c r="AP31053">
        <v>17</v>
      </c>
      <c r="AQ31053">
        <v>17</v>
      </c>
    </row>
    <row r="31054" spans="1:43">
      <c r="A31054" t="s">
        <v>19243</v>
      </c>
      <c r="B31054" t="s">
        <v>19244</v>
      </c>
      <c r="C31054" t="s">
        <v>19237</v>
      </c>
      <c r="D31054" t="s">
        <v>19238</v>
      </c>
      <c r="E31054" t="s">
        <v>19203</v>
      </c>
      <c r="F31054" t="s">
        <v>19204</v>
      </c>
      <c r="G31054" t="s">
        <v>10734</v>
      </c>
      <c r="H31054" t="s">
        <v>10735</v>
      </c>
      <c r="I31054" s="2">
        <v>0</v>
      </c>
      <c r="J31054" s="2">
        <v>0</v>
      </c>
      <c r="K31054" s="2">
        <v>1</v>
      </c>
      <c r="L31054" t="s">
        <v>995</v>
      </c>
      <c r="M31054" t="s">
        <v>83</v>
      </c>
      <c r="N31054" t="s">
        <v>84</v>
      </c>
      <c r="O31054" t="s">
        <v>85</v>
      </c>
      <c r="P31054" t="s">
        <v>86</v>
      </c>
      <c r="Q31054">
        <v>7</v>
      </c>
      <c r="R31054">
        <v>7</v>
      </c>
      <c r="S31054">
        <v>7</v>
      </c>
      <c r="T31054">
        <v>7</v>
      </c>
      <c r="U31054">
        <v>7</v>
      </c>
      <c r="V31054">
        <v>7</v>
      </c>
      <c r="W31054">
        <v>8</v>
      </c>
      <c r="X31054">
        <v>8</v>
      </c>
      <c r="Y31054">
        <v>8</v>
      </c>
      <c r="Z31054">
        <v>8</v>
      </c>
      <c r="AA31054">
        <v>8</v>
      </c>
      <c r="AB31054">
        <v>8</v>
      </c>
      <c r="AC31054">
        <v>8</v>
      </c>
      <c r="AD31054">
        <v>8</v>
      </c>
      <c r="AE31054">
        <v>8</v>
      </c>
      <c r="AF31054">
        <v>8</v>
      </c>
      <c r="AG31054">
        <v>8</v>
      </c>
      <c r="AH31054">
        <v>8</v>
      </c>
      <c r="AI31054">
        <v>9</v>
      </c>
      <c r="AJ31054">
        <v>9</v>
      </c>
      <c r="AK31054">
        <v>9</v>
      </c>
      <c r="AL31054">
        <v>9</v>
      </c>
      <c r="AM31054">
        <v>9</v>
      </c>
      <c r="AN31054">
        <v>9</v>
      </c>
      <c r="AO31054">
        <v>9</v>
      </c>
      <c r="AP31054">
        <v>9</v>
      </c>
      <c r="AQ31054">
        <v>9</v>
      </c>
    </row>
    <row r="31055" spans="1:43">
      <c r="A31055" t="s">
        <v>19243</v>
      </c>
      <c r="B31055" t="s">
        <v>19244</v>
      </c>
      <c r="C31055" t="s">
        <v>19237</v>
      </c>
      <c r="D31055" t="s">
        <v>19238</v>
      </c>
      <c r="E31055" t="s">
        <v>19203</v>
      </c>
      <c r="F31055" t="s">
        <v>19204</v>
      </c>
      <c r="G31055" t="s">
        <v>10734</v>
      </c>
      <c r="H31055" t="s">
        <v>10735</v>
      </c>
      <c r="I31055" s="2">
        <v>0</v>
      </c>
      <c r="J31055" s="2">
        <v>0</v>
      </c>
      <c r="K31055" s="2">
        <v>1</v>
      </c>
      <c r="L31055" t="s">
        <v>995</v>
      </c>
      <c r="M31055" t="s">
        <v>87</v>
      </c>
      <c r="N31055" t="s">
        <v>88</v>
      </c>
      <c r="O31055" t="s">
        <v>85</v>
      </c>
      <c r="P31055" t="s">
        <v>86</v>
      </c>
      <c r="Q31055">
        <v>7</v>
      </c>
      <c r="R31055">
        <v>7</v>
      </c>
      <c r="S31055">
        <v>7</v>
      </c>
      <c r="T31055">
        <v>7</v>
      </c>
      <c r="U31055">
        <v>7</v>
      </c>
      <c r="V31055">
        <v>7</v>
      </c>
      <c r="W31055">
        <v>7</v>
      </c>
      <c r="X31055">
        <v>7</v>
      </c>
      <c r="Y31055">
        <v>7</v>
      </c>
      <c r="Z31055">
        <v>7</v>
      </c>
      <c r="AA31055">
        <v>7</v>
      </c>
      <c r="AB31055">
        <v>7</v>
      </c>
      <c r="AC31055">
        <v>7</v>
      </c>
      <c r="AD31055">
        <v>7</v>
      </c>
      <c r="AE31055">
        <v>7</v>
      </c>
      <c r="AF31055">
        <v>7</v>
      </c>
      <c r="AG31055">
        <v>7</v>
      </c>
      <c r="AH31055">
        <v>7</v>
      </c>
      <c r="AI31055">
        <v>7</v>
      </c>
      <c r="AJ31055">
        <v>7</v>
      </c>
      <c r="AK31055">
        <v>7</v>
      </c>
      <c r="AL31055">
        <v>7</v>
      </c>
      <c r="AM31055">
        <v>7</v>
      </c>
      <c r="AN31055">
        <v>7</v>
      </c>
      <c r="AO31055">
        <v>8</v>
      </c>
      <c r="AP31055">
        <v>8</v>
      </c>
      <c r="AQ31055">
        <v>8</v>
      </c>
    </row>
    <row r="31056" spans="1:43">
      <c r="A31056" t="s">
        <v>19243</v>
      </c>
      <c r="B31056" t="s">
        <v>19244</v>
      </c>
      <c r="C31056" t="s">
        <v>19237</v>
      </c>
      <c r="D31056" t="s">
        <v>19238</v>
      </c>
      <c r="E31056" t="s">
        <v>19203</v>
      </c>
      <c r="F31056" t="s">
        <v>19204</v>
      </c>
      <c r="G31056" t="s">
        <v>10734</v>
      </c>
      <c r="H31056" t="s">
        <v>10735</v>
      </c>
      <c r="I31056" s="2">
        <v>0</v>
      </c>
      <c r="J31056" s="2">
        <v>0</v>
      </c>
      <c r="K31056" s="2">
        <v>1</v>
      </c>
      <c r="L31056" t="s">
        <v>995</v>
      </c>
      <c r="M31056" t="s">
        <v>89</v>
      </c>
      <c r="N31056" t="s">
        <v>90</v>
      </c>
      <c r="O31056" t="s">
        <v>85</v>
      </c>
      <c r="P31056" t="s">
        <v>86</v>
      </c>
      <c r="Q31056">
        <v>7</v>
      </c>
      <c r="R31056">
        <v>7</v>
      </c>
      <c r="S31056">
        <v>7</v>
      </c>
      <c r="T31056">
        <v>8</v>
      </c>
      <c r="U31056">
        <v>8</v>
      </c>
      <c r="V31056">
        <v>8</v>
      </c>
      <c r="W31056">
        <v>8</v>
      </c>
      <c r="X31056">
        <v>8</v>
      </c>
      <c r="Y31056">
        <v>8</v>
      </c>
      <c r="Z31056">
        <v>8</v>
      </c>
      <c r="AA31056">
        <v>8</v>
      </c>
      <c r="AB31056">
        <v>9</v>
      </c>
      <c r="AC31056">
        <v>9</v>
      </c>
      <c r="AD31056">
        <v>9</v>
      </c>
      <c r="AE31056">
        <v>9</v>
      </c>
      <c r="AF31056">
        <v>9</v>
      </c>
      <c r="AG31056">
        <v>9</v>
      </c>
      <c r="AH31056">
        <v>9</v>
      </c>
      <c r="AI31056">
        <v>9</v>
      </c>
      <c r="AJ31056">
        <v>9</v>
      </c>
      <c r="AK31056">
        <v>9</v>
      </c>
      <c r="AL31056">
        <v>9</v>
      </c>
      <c r="AM31056">
        <v>9</v>
      </c>
      <c r="AN31056">
        <v>9</v>
      </c>
      <c r="AO31056">
        <v>9</v>
      </c>
      <c r="AP31056">
        <v>9</v>
      </c>
      <c r="AQ31056">
        <v>9</v>
      </c>
    </row>
    <row r="31057" spans="1:43">
      <c r="A31057" t="s">
        <v>19243</v>
      </c>
      <c r="B31057" t="s">
        <v>19244</v>
      </c>
      <c r="C31057" t="s">
        <v>19237</v>
      </c>
      <c r="D31057" t="s">
        <v>19238</v>
      </c>
      <c r="E31057" t="s">
        <v>19203</v>
      </c>
      <c r="F31057" t="s">
        <v>19204</v>
      </c>
      <c r="G31057" t="s">
        <v>10734</v>
      </c>
      <c r="H31057" t="s">
        <v>10735</v>
      </c>
      <c r="I31057" s="2">
        <v>0</v>
      </c>
      <c r="J31057" s="2">
        <v>0</v>
      </c>
      <c r="K31057" s="2">
        <v>1</v>
      </c>
      <c r="L31057" t="s">
        <v>995</v>
      </c>
      <c r="M31057" t="s">
        <v>83</v>
      </c>
      <c r="N31057" t="s">
        <v>91</v>
      </c>
      <c r="O31057" t="s">
        <v>85</v>
      </c>
      <c r="P31057" t="s">
        <v>86</v>
      </c>
      <c r="Q31057">
        <v>7</v>
      </c>
      <c r="R31057">
        <v>7</v>
      </c>
      <c r="S31057">
        <v>7</v>
      </c>
      <c r="T31057">
        <v>7</v>
      </c>
      <c r="U31057">
        <v>7</v>
      </c>
      <c r="V31057">
        <v>7</v>
      </c>
      <c r="W31057">
        <v>8</v>
      </c>
      <c r="X31057">
        <v>8</v>
      </c>
      <c r="Y31057">
        <v>8</v>
      </c>
      <c r="Z31057">
        <v>8</v>
      </c>
      <c r="AA31057">
        <v>8</v>
      </c>
      <c r="AB31057">
        <v>8</v>
      </c>
      <c r="AC31057">
        <v>8</v>
      </c>
      <c r="AD31057">
        <v>8</v>
      </c>
      <c r="AE31057">
        <v>8</v>
      </c>
      <c r="AF31057">
        <v>8</v>
      </c>
      <c r="AG31057">
        <v>8</v>
      </c>
      <c r="AH31057">
        <v>8</v>
      </c>
      <c r="AI31057">
        <v>9</v>
      </c>
      <c r="AJ31057">
        <v>9</v>
      </c>
      <c r="AK31057">
        <v>9</v>
      </c>
      <c r="AL31057">
        <v>9</v>
      </c>
      <c r="AM31057">
        <v>9</v>
      </c>
      <c r="AN31057">
        <v>9</v>
      </c>
      <c r="AO31057">
        <v>9</v>
      </c>
      <c r="AP31057">
        <v>9</v>
      </c>
      <c r="AQ31057">
        <v>9</v>
      </c>
    </row>
    <row r="31058" spans="1:43">
      <c r="A31058" t="s">
        <v>19245</v>
      </c>
      <c r="B31058" t="s">
        <v>19246</v>
      </c>
      <c r="C31058" t="s">
        <v>19237</v>
      </c>
      <c r="D31058" t="s">
        <v>19238</v>
      </c>
      <c r="E31058" t="s">
        <v>19203</v>
      </c>
      <c r="F31058" t="s">
        <v>19204</v>
      </c>
      <c r="G31058" t="s">
        <v>10734</v>
      </c>
      <c r="H31058" t="s">
        <v>10735</v>
      </c>
      <c r="I31058" s="2">
        <v>0</v>
      </c>
      <c r="J31058" s="2">
        <v>0</v>
      </c>
      <c r="K31058" s="2">
        <v>1</v>
      </c>
      <c r="L31058" t="s">
        <v>995</v>
      </c>
      <c r="M31058" t="s">
        <v>83</v>
      </c>
      <c r="N31058" t="s">
        <v>84</v>
      </c>
      <c r="O31058" t="s">
        <v>85</v>
      </c>
      <c r="P31058" t="s">
        <v>86</v>
      </c>
      <c r="Q31058">
        <v>71</v>
      </c>
      <c r="R31058">
        <v>71</v>
      </c>
      <c r="S31058">
        <v>72</v>
      </c>
      <c r="T31058">
        <v>73</v>
      </c>
      <c r="U31058">
        <v>74</v>
      </c>
      <c r="V31058">
        <v>75</v>
      </c>
      <c r="W31058">
        <v>76</v>
      </c>
      <c r="X31058">
        <v>77</v>
      </c>
      <c r="Y31058">
        <v>78</v>
      </c>
      <c r="Z31058">
        <v>79</v>
      </c>
      <c r="AA31058">
        <v>80</v>
      </c>
      <c r="AB31058">
        <v>80</v>
      </c>
      <c r="AC31058">
        <v>81</v>
      </c>
      <c r="AD31058">
        <v>82</v>
      </c>
      <c r="AE31058">
        <v>83</v>
      </c>
      <c r="AF31058">
        <v>84</v>
      </c>
      <c r="AG31058">
        <v>84</v>
      </c>
      <c r="AH31058">
        <v>85</v>
      </c>
      <c r="AI31058">
        <v>86</v>
      </c>
      <c r="AJ31058">
        <v>86</v>
      </c>
      <c r="AK31058">
        <v>87</v>
      </c>
      <c r="AL31058">
        <v>87</v>
      </c>
      <c r="AM31058">
        <v>87</v>
      </c>
      <c r="AN31058">
        <v>87</v>
      </c>
      <c r="AO31058">
        <v>87</v>
      </c>
      <c r="AP31058">
        <v>87</v>
      </c>
      <c r="AQ31058">
        <v>87</v>
      </c>
    </row>
    <row r="31059" spans="1:43">
      <c r="A31059" t="s">
        <v>19245</v>
      </c>
      <c r="B31059" t="s">
        <v>19246</v>
      </c>
      <c r="C31059" t="s">
        <v>19237</v>
      </c>
      <c r="D31059" t="s">
        <v>19238</v>
      </c>
      <c r="E31059" t="s">
        <v>19203</v>
      </c>
      <c r="F31059" t="s">
        <v>19204</v>
      </c>
      <c r="G31059" t="s">
        <v>10734</v>
      </c>
      <c r="H31059" t="s">
        <v>10735</v>
      </c>
      <c r="I31059" s="2">
        <v>0</v>
      </c>
      <c r="J31059" s="2">
        <v>0</v>
      </c>
      <c r="K31059" s="2">
        <v>1</v>
      </c>
      <c r="L31059" t="s">
        <v>995</v>
      </c>
      <c r="M31059" t="s">
        <v>87</v>
      </c>
      <c r="N31059" t="s">
        <v>88</v>
      </c>
      <c r="O31059" t="s">
        <v>85</v>
      </c>
      <c r="P31059" t="s">
        <v>86</v>
      </c>
      <c r="Q31059">
        <v>71</v>
      </c>
      <c r="R31059">
        <v>71</v>
      </c>
      <c r="S31059">
        <v>71</v>
      </c>
      <c r="T31059">
        <v>72</v>
      </c>
      <c r="U31059">
        <v>72</v>
      </c>
      <c r="V31059">
        <v>72</v>
      </c>
      <c r="W31059">
        <v>72</v>
      </c>
      <c r="X31059">
        <v>73</v>
      </c>
      <c r="Y31059">
        <v>73</v>
      </c>
      <c r="Z31059">
        <v>73</v>
      </c>
      <c r="AA31059">
        <v>73</v>
      </c>
      <c r="AB31059">
        <v>74</v>
      </c>
      <c r="AC31059">
        <v>74</v>
      </c>
      <c r="AD31059">
        <v>74</v>
      </c>
      <c r="AE31059">
        <v>74</v>
      </c>
      <c r="AF31059">
        <v>75</v>
      </c>
      <c r="AG31059">
        <v>75</v>
      </c>
      <c r="AH31059">
        <v>75</v>
      </c>
      <c r="AI31059">
        <v>75</v>
      </c>
      <c r="AJ31059">
        <v>75</v>
      </c>
      <c r="AK31059">
        <v>76</v>
      </c>
      <c r="AL31059">
        <v>76</v>
      </c>
      <c r="AM31059">
        <v>76</v>
      </c>
      <c r="AN31059">
        <v>76</v>
      </c>
      <c r="AO31059">
        <v>76</v>
      </c>
      <c r="AP31059">
        <v>76</v>
      </c>
      <c r="AQ31059">
        <v>77</v>
      </c>
    </row>
    <row r="31060" spans="1:43">
      <c r="A31060" t="s">
        <v>19245</v>
      </c>
      <c r="B31060" t="s">
        <v>19246</v>
      </c>
      <c r="C31060" t="s">
        <v>19237</v>
      </c>
      <c r="D31060" t="s">
        <v>19238</v>
      </c>
      <c r="E31060" t="s">
        <v>19203</v>
      </c>
      <c r="F31060" t="s">
        <v>19204</v>
      </c>
      <c r="G31060" t="s">
        <v>10734</v>
      </c>
      <c r="H31060" t="s">
        <v>10735</v>
      </c>
      <c r="I31060" s="2">
        <v>0</v>
      </c>
      <c r="J31060" s="2">
        <v>0</v>
      </c>
      <c r="K31060" s="2">
        <v>1</v>
      </c>
      <c r="L31060" t="s">
        <v>995</v>
      </c>
      <c r="M31060" t="s">
        <v>89</v>
      </c>
      <c r="N31060" t="s">
        <v>90</v>
      </c>
      <c r="O31060" t="s">
        <v>85</v>
      </c>
      <c r="P31060" t="s">
        <v>86</v>
      </c>
      <c r="Q31060">
        <v>71</v>
      </c>
      <c r="R31060">
        <v>73</v>
      </c>
      <c r="S31060">
        <v>74</v>
      </c>
      <c r="T31060">
        <v>76</v>
      </c>
      <c r="U31060">
        <v>77</v>
      </c>
      <c r="V31060">
        <v>79</v>
      </c>
      <c r="W31060">
        <v>80</v>
      </c>
      <c r="X31060">
        <v>81</v>
      </c>
      <c r="Y31060">
        <v>82</v>
      </c>
      <c r="Z31060">
        <v>84</v>
      </c>
      <c r="AA31060">
        <v>85</v>
      </c>
      <c r="AB31060">
        <v>86</v>
      </c>
      <c r="AC31060">
        <v>87</v>
      </c>
      <c r="AD31060">
        <v>88</v>
      </c>
      <c r="AE31060">
        <v>89</v>
      </c>
      <c r="AF31060">
        <v>89</v>
      </c>
      <c r="AG31060">
        <v>89</v>
      </c>
      <c r="AH31060">
        <v>89</v>
      </c>
      <c r="AI31060">
        <v>89</v>
      </c>
      <c r="AJ31060">
        <v>89</v>
      </c>
      <c r="AK31060">
        <v>89</v>
      </c>
      <c r="AL31060">
        <v>89</v>
      </c>
      <c r="AM31060">
        <v>89</v>
      </c>
      <c r="AN31060">
        <v>88</v>
      </c>
      <c r="AO31060">
        <v>88</v>
      </c>
      <c r="AP31060">
        <v>88</v>
      </c>
      <c r="AQ31060">
        <v>88</v>
      </c>
    </row>
    <row r="31061" spans="1:43">
      <c r="A31061" t="s">
        <v>19245</v>
      </c>
      <c r="B31061" t="s">
        <v>19246</v>
      </c>
      <c r="C31061" t="s">
        <v>19237</v>
      </c>
      <c r="D31061" t="s">
        <v>19238</v>
      </c>
      <c r="E31061" t="s">
        <v>19203</v>
      </c>
      <c r="F31061" t="s">
        <v>19204</v>
      </c>
      <c r="G31061" t="s">
        <v>10734</v>
      </c>
      <c r="H31061" t="s">
        <v>10735</v>
      </c>
      <c r="I31061" s="2">
        <v>0</v>
      </c>
      <c r="J31061" s="2">
        <v>0</v>
      </c>
      <c r="K31061" s="2">
        <v>1</v>
      </c>
      <c r="L31061" t="s">
        <v>995</v>
      </c>
      <c r="M31061" t="s">
        <v>83</v>
      </c>
      <c r="N31061" t="s">
        <v>91</v>
      </c>
      <c r="O31061" t="s">
        <v>85</v>
      </c>
      <c r="P31061" t="s">
        <v>86</v>
      </c>
      <c r="Q31061">
        <v>71</v>
      </c>
      <c r="R31061">
        <v>71</v>
      </c>
      <c r="S31061">
        <v>72</v>
      </c>
      <c r="T31061">
        <v>73</v>
      </c>
      <c r="U31061">
        <v>74</v>
      </c>
      <c r="V31061">
        <v>75</v>
      </c>
      <c r="W31061">
        <v>76</v>
      </c>
      <c r="X31061">
        <v>77</v>
      </c>
      <c r="Y31061">
        <v>78</v>
      </c>
      <c r="Z31061">
        <v>79</v>
      </c>
      <c r="AA31061">
        <v>80</v>
      </c>
      <c r="AB31061">
        <v>80</v>
      </c>
      <c r="AC31061">
        <v>81</v>
      </c>
      <c r="AD31061">
        <v>82</v>
      </c>
      <c r="AE31061">
        <v>83</v>
      </c>
      <c r="AF31061">
        <v>84</v>
      </c>
      <c r="AG31061">
        <v>84</v>
      </c>
      <c r="AH31061">
        <v>85</v>
      </c>
      <c r="AI31061">
        <v>86</v>
      </c>
      <c r="AJ31061">
        <v>86</v>
      </c>
      <c r="AK31061">
        <v>87</v>
      </c>
      <c r="AL31061">
        <v>87</v>
      </c>
      <c r="AM31061">
        <v>87</v>
      </c>
      <c r="AN31061">
        <v>87</v>
      </c>
      <c r="AO31061">
        <v>87</v>
      </c>
      <c r="AP31061">
        <v>87</v>
      </c>
      <c r="AQ31061">
        <v>87</v>
      </c>
    </row>
    <row r="31062" spans="1:43">
      <c r="A31062" t="s">
        <v>19247</v>
      </c>
      <c r="B31062" t="s">
        <v>19248</v>
      </c>
      <c r="C31062" t="s">
        <v>19237</v>
      </c>
      <c r="D31062" t="s">
        <v>19238</v>
      </c>
      <c r="E31062" t="s">
        <v>19203</v>
      </c>
      <c r="F31062" t="s">
        <v>19204</v>
      </c>
      <c r="G31062" t="s">
        <v>10734</v>
      </c>
      <c r="H31062" t="s">
        <v>10735</v>
      </c>
      <c r="I31062" s="2">
        <v>0</v>
      </c>
      <c r="J31062" s="2">
        <v>0</v>
      </c>
      <c r="K31062" s="2">
        <v>1</v>
      </c>
      <c r="L31062" t="s">
        <v>995</v>
      </c>
      <c r="M31062" t="s">
        <v>83</v>
      </c>
      <c r="N31062" t="s">
        <v>84</v>
      </c>
      <c r="O31062" t="s">
        <v>85</v>
      </c>
      <c r="P31062" t="s">
        <v>86</v>
      </c>
      <c r="Q31062">
        <v>43</v>
      </c>
      <c r="R31062">
        <v>43</v>
      </c>
      <c r="S31062">
        <v>44</v>
      </c>
      <c r="T31062">
        <v>44</v>
      </c>
      <c r="U31062">
        <v>45</v>
      </c>
      <c r="V31062">
        <v>45</v>
      </c>
      <c r="W31062">
        <v>46</v>
      </c>
      <c r="X31062">
        <v>46</v>
      </c>
      <c r="Y31062">
        <v>47</v>
      </c>
      <c r="Z31062">
        <v>48</v>
      </c>
      <c r="AA31062">
        <v>48</v>
      </c>
      <c r="AB31062">
        <v>49</v>
      </c>
      <c r="AC31062">
        <v>49</v>
      </c>
      <c r="AD31062">
        <v>50</v>
      </c>
      <c r="AE31062">
        <v>50</v>
      </c>
      <c r="AF31062">
        <v>50</v>
      </c>
      <c r="AG31062">
        <v>51</v>
      </c>
      <c r="AH31062">
        <v>51</v>
      </c>
      <c r="AI31062">
        <v>52</v>
      </c>
      <c r="AJ31062">
        <v>52</v>
      </c>
      <c r="AK31062">
        <v>53</v>
      </c>
      <c r="AL31062">
        <v>53</v>
      </c>
      <c r="AM31062">
        <v>53</v>
      </c>
      <c r="AN31062">
        <v>53</v>
      </c>
      <c r="AO31062">
        <v>53</v>
      </c>
      <c r="AP31062">
        <v>53</v>
      </c>
      <c r="AQ31062">
        <v>53</v>
      </c>
    </row>
    <row r="31063" spans="1:43">
      <c r="A31063" t="s">
        <v>19247</v>
      </c>
      <c r="B31063" t="s">
        <v>19248</v>
      </c>
      <c r="C31063" t="s">
        <v>19237</v>
      </c>
      <c r="D31063" t="s">
        <v>19238</v>
      </c>
      <c r="E31063" t="s">
        <v>19203</v>
      </c>
      <c r="F31063" t="s">
        <v>19204</v>
      </c>
      <c r="G31063" t="s">
        <v>10734</v>
      </c>
      <c r="H31063" t="s">
        <v>10735</v>
      </c>
      <c r="I31063" s="2">
        <v>0</v>
      </c>
      <c r="J31063" s="2">
        <v>0</v>
      </c>
      <c r="K31063" s="2">
        <v>1</v>
      </c>
      <c r="L31063" t="s">
        <v>995</v>
      </c>
      <c r="M31063" t="s">
        <v>87</v>
      </c>
      <c r="N31063" t="s">
        <v>88</v>
      </c>
      <c r="O31063" t="s">
        <v>85</v>
      </c>
      <c r="P31063" t="s">
        <v>86</v>
      </c>
      <c r="Q31063">
        <v>43</v>
      </c>
      <c r="R31063">
        <v>43</v>
      </c>
      <c r="S31063">
        <v>44</v>
      </c>
      <c r="T31063">
        <v>44</v>
      </c>
      <c r="U31063">
        <v>44</v>
      </c>
      <c r="V31063">
        <v>44</v>
      </c>
      <c r="W31063">
        <v>44</v>
      </c>
      <c r="X31063">
        <v>44</v>
      </c>
      <c r="Y31063">
        <v>44</v>
      </c>
      <c r="Z31063">
        <v>45</v>
      </c>
      <c r="AA31063">
        <v>45</v>
      </c>
      <c r="AB31063">
        <v>45</v>
      </c>
      <c r="AC31063">
        <v>45</v>
      </c>
      <c r="AD31063">
        <v>45</v>
      </c>
      <c r="AE31063">
        <v>45</v>
      </c>
      <c r="AF31063">
        <v>45</v>
      </c>
      <c r="AG31063">
        <v>46</v>
      </c>
      <c r="AH31063">
        <v>46</v>
      </c>
      <c r="AI31063">
        <v>46</v>
      </c>
      <c r="AJ31063">
        <v>46</v>
      </c>
      <c r="AK31063">
        <v>46</v>
      </c>
      <c r="AL31063">
        <v>46</v>
      </c>
      <c r="AM31063">
        <v>46</v>
      </c>
      <c r="AN31063">
        <v>46</v>
      </c>
      <c r="AO31063">
        <v>46</v>
      </c>
      <c r="AP31063">
        <v>47</v>
      </c>
      <c r="AQ31063">
        <v>47</v>
      </c>
    </row>
    <row r="31064" spans="1:43">
      <c r="A31064" t="s">
        <v>19247</v>
      </c>
      <c r="B31064" t="s">
        <v>19248</v>
      </c>
      <c r="C31064" t="s">
        <v>19237</v>
      </c>
      <c r="D31064" t="s">
        <v>19238</v>
      </c>
      <c r="E31064" t="s">
        <v>19203</v>
      </c>
      <c r="F31064" t="s">
        <v>19204</v>
      </c>
      <c r="G31064" t="s">
        <v>10734</v>
      </c>
      <c r="H31064" t="s">
        <v>10735</v>
      </c>
      <c r="I31064" s="2">
        <v>0</v>
      </c>
      <c r="J31064" s="2">
        <v>0</v>
      </c>
      <c r="K31064" s="2">
        <v>1</v>
      </c>
      <c r="L31064" t="s">
        <v>995</v>
      </c>
      <c r="M31064" t="s">
        <v>89</v>
      </c>
      <c r="N31064" t="s">
        <v>90</v>
      </c>
      <c r="O31064" t="s">
        <v>85</v>
      </c>
      <c r="P31064" t="s">
        <v>86</v>
      </c>
      <c r="Q31064">
        <v>43</v>
      </c>
      <c r="R31064">
        <v>44</v>
      </c>
      <c r="S31064">
        <v>45</v>
      </c>
      <c r="T31064">
        <v>46</v>
      </c>
      <c r="U31064">
        <v>47</v>
      </c>
      <c r="V31064">
        <v>47</v>
      </c>
      <c r="W31064">
        <v>48</v>
      </c>
      <c r="X31064">
        <v>49</v>
      </c>
      <c r="Y31064">
        <v>50</v>
      </c>
      <c r="Z31064">
        <v>50</v>
      </c>
      <c r="AA31064">
        <v>51</v>
      </c>
      <c r="AB31064">
        <v>52</v>
      </c>
      <c r="AC31064">
        <v>52</v>
      </c>
      <c r="AD31064">
        <v>53</v>
      </c>
      <c r="AE31064">
        <v>54</v>
      </c>
      <c r="AF31064">
        <v>54</v>
      </c>
      <c r="AG31064">
        <v>54</v>
      </c>
      <c r="AH31064">
        <v>54</v>
      </c>
      <c r="AI31064">
        <v>54</v>
      </c>
      <c r="AJ31064">
        <v>53</v>
      </c>
      <c r="AK31064">
        <v>53</v>
      </c>
      <c r="AL31064">
        <v>53</v>
      </c>
      <c r="AM31064">
        <v>53</v>
      </c>
      <c r="AN31064">
        <v>53</v>
      </c>
      <c r="AO31064">
        <v>53</v>
      </c>
      <c r="AP31064">
        <v>53</v>
      </c>
      <c r="AQ31064">
        <v>53</v>
      </c>
    </row>
    <row r="31065" spans="1:43">
      <c r="A31065" t="s">
        <v>19247</v>
      </c>
      <c r="B31065" t="s">
        <v>19248</v>
      </c>
      <c r="C31065" t="s">
        <v>19237</v>
      </c>
      <c r="D31065" t="s">
        <v>19238</v>
      </c>
      <c r="E31065" t="s">
        <v>19203</v>
      </c>
      <c r="F31065" t="s">
        <v>19204</v>
      </c>
      <c r="G31065" t="s">
        <v>10734</v>
      </c>
      <c r="H31065" t="s">
        <v>10735</v>
      </c>
      <c r="I31065" s="2">
        <v>0</v>
      </c>
      <c r="J31065" s="2">
        <v>0</v>
      </c>
      <c r="K31065" s="2">
        <v>1</v>
      </c>
      <c r="L31065" t="s">
        <v>995</v>
      </c>
      <c r="M31065" t="s">
        <v>83</v>
      </c>
      <c r="N31065" t="s">
        <v>91</v>
      </c>
      <c r="O31065" t="s">
        <v>85</v>
      </c>
      <c r="P31065" t="s">
        <v>86</v>
      </c>
      <c r="Q31065">
        <v>43</v>
      </c>
      <c r="R31065">
        <v>43</v>
      </c>
      <c r="S31065">
        <v>44</v>
      </c>
      <c r="T31065">
        <v>44</v>
      </c>
      <c r="U31065">
        <v>45</v>
      </c>
      <c r="V31065">
        <v>45</v>
      </c>
      <c r="W31065">
        <v>46</v>
      </c>
      <c r="X31065">
        <v>46</v>
      </c>
      <c r="Y31065">
        <v>47</v>
      </c>
      <c r="Z31065">
        <v>48</v>
      </c>
      <c r="AA31065">
        <v>48</v>
      </c>
      <c r="AB31065">
        <v>49</v>
      </c>
      <c r="AC31065">
        <v>49</v>
      </c>
      <c r="AD31065">
        <v>50</v>
      </c>
      <c r="AE31065">
        <v>50</v>
      </c>
      <c r="AF31065">
        <v>50</v>
      </c>
      <c r="AG31065">
        <v>51</v>
      </c>
      <c r="AH31065">
        <v>51</v>
      </c>
      <c r="AI31065">
        <v>52</v>
      </c>
      <c r="AJ31065">
        <v>52</v>
      </c>
      <c r="AK31065">
        <v>53</v>
      </c>
      <c r="AL31065">
        <v>53</v>
      </c>
      <c r="AM31065">
        <v>53</v>
      </c>
      <c r="AN31065">
        <v>53</v>
      </c>
      <c r="AO31065">
        <v>53</v>
      </c>
      <c r="AP31065">
        <v>53</v>
      </c>
      <c r="AQ31065">
        <v>53</v>
      </c>
    </row>
    <row r="31066" spans="1:43">
      <c r="A31066" t="s">
        <v>19249</v>
      </c>
      <c r="B31066" t="s">
        <v>19250</v>
      </c>
      <c r="C31066" t="s">
        <v>19251</v>
      </c>
      <c r="D31066" t="s">
        <v>19252</v>
      </c>
      <c r="E31066" t="s">
        <v>19203</v>
      </c>
      <c r="F31066" t="s">
        <v>19204</v>
      </c>
      <c r="G31066" t="s">
        <v>10734</v>
      </c>
      <c r="H31066" t="s">
        <v>10735</v>
      </c>
      <c r="I31066" s="2">
        <v>0</v>
      </c>
      <c r="J31066" s="2">
        <v>0</v>
      </c>
      <c r="K31066" s="2">
        <v>1</v>
      </c>
      <c r="L31066" t="s">
        <v>995</v>
      </c>
      <c r="M31066" t="s">
        <v>83</v>
      </c>
      <c r="N31066" t="s">
        <v>84</v>
      </c>
      <c r="O31066" t="s">
        <v>85</v>
      </c>
      <c r="P31066" t="s">
        <v>86</v>
      </c>
      <c r="Q31066">
        <v>47</v>
      </c>
      <c r="R31066">
        <v>48</v>
      </c>
      <c r="S31066">
        <v>48</v>
      </c>
      <c r="T31066">
        <v>49</v>
      </c>
      <c r="U31066">
        <v>49</v>
      </c>
      <c r="V31066">
        <v>50</v>
      </c>
      <c r="W31066">
        <v>51</v>
      </c>
      <c r="X31066">
        <v>51</v>
      </c>
      <c r="Y31066">
        <v>52</v>
      </c>
      <c r="Z31066">
        <v>52</v>
      </c>
      <c r="AA31066">
        <v>53</v>
      </c>
      <c r="AB31066">
        <v>53</v>
      </c>
      <c r="AC31066">
        <v>54</v>
      </c>
      <c r="AD31066">
        <v>54</v>
      </c>
      <c r="AE31066">
        <v>54</v>
      </c>
      <c r="AF31066">
        <v>55</v>
      </c>
      <c r="AG31066">
        <v>55</v>
      </c>
      <c r="AH31066">
        <v>56</v>
      </c>
      <c r="AI31066">
        <v>56</v>
      </c>
      <c r="AJ31066">
        <v>57</v>
      </c>
      <c r="AK31066">
        <v>57</v>
      </c>
      <c r="AL31066">
        <v>57</v>
      </c>
      <c r="AM31066">
        <v>57</v>
      </c>
      <c r="AN31066">
        <v>57</v>
      </c>
      <c r="AO31066">
        <v>56</v>
      </c>
      <c r="AP31066">
        <v>56</v>
      </c>
      <c r="AQ31066">
        <v>56</v>
      </c>
    </row>
    <row r="31067" spans="1:43">
      <c r="A31067" t="s">
        <v>19249</v>
      </c>
      <c r="B31067" t="s">
        <v>19250</v>
      </c>
      <c r="C31067" t="s">
        <v>19251</v>
      </c>
      <c r="D31067" t="s">
        <v>19252</v>
      </c>
      <c r="E31067" t="s">
        <v>19203</v>
      </c>
      <c r="F31067" t="s">
        <v>19204</v>
      </c>
      <c r="G31067" t="s">
        <v>10734</v>
      </c>
      <c r="H31067" t="s">
        <v>10735</v>
      </c>
      <c r="I31067" s="2">
        <v>0</v>
      </c>
      <c r="J31067" s="2">
        <v>0</v>
      </c>
      <c r="K31067" s="2">
        <v>1</v>
      </c>
      <c r="L31067" t="s">
        <v>995</v>
      </c>
      <c r="M31067" t="s">
        <v>87</v>
      </c>
      <c r="N31067" t="s">
        <v>88</v>
      </c>
      <c r="O31067" t="s">
        <v>85</v>
      </c>
      <c r="P31067" t="s">
        <v>86</v>
      </c>
      <c r="Q31067">
        <v>47</v>
      </c>
      <c r="R31067">
        <v>47</v>
      </c>
      <c r="S31067">
        <v>47</v>
      </c>
      <c r="T31067">
        <v>47</v>
      </c>
      <c r="U31067">
        <v>47</v>
      </c>
      <c r="V31067">
        <v>47</v>
      </c>
      <c r="W31067">
        <v>48</v>
      </c>
      <c r="X31067">
        <v>48</v>
      </c>
      <c r="Y31067">
        <v>48</v>
      </c>
      <c r="Z31067">
        <v>48</v>
      </c>
      <c r="AA31067">
        <v>48</v>
      </c>
      <c r="AB31067">
        <v>48</v>
      </c>
      <c r="AC31067">
        <v>48</v>
      </c>
      <c r="AD31067">
        <v>48</v>
      </c>
      <c r="AE31067">
        <v>48</v>
      </c>
      <c r="AF31067">
        <v>48</v>
      </c>
      <c r="AG31067">
        <v>48</v>
      </c>
      <c r="AH31067">
        <v>48</v>
      </c>
      <c r="AI31067">
        <v>48</v>
      </c>
      <c r="AJ31067">
        <v>48</v>
      </c>
      <c r="AK31067">
        <v>49</v>
      </c>
      <c r="AL31067">
        <v>49</v>
      </c>
      <c r="AM31067">
        <v>49</v>
      </c>
      <c r="AN31067">
        <v>49</v>
      </c>
      <c r="AO31067">
        <v>49</v>
      </c>
      <c r="AP31067">
        <v>49</v>
      </c>
      <c r="AQ31067">
        <v>49</v>
      </c>
    </row>
    <row r="31068" spans="1:43">
      <c r="A31068" t="s">
        <v>19249</v>
      </c>
      <c r="B31068" t="s">
        <v>19250</v>
      </c>
      <c r="C31068" t="s">
        <v>19251</v>
      </c>
      <c r="D31068" t="s">
        <v>19252</v>
      </c>
      <c r="E31068" t="s">
        <v>19203</v>
      </c>
      <c r="F31068" t="s">
        <v>19204</v>
      </c>
      <c r="G31068" t="s">
        <v>10734</v>
      </c>
      <c r="H31068" t="s">
        <v>10735</v>
      </c>
      <c r="I31068" s="2">
        <v>0</v>
      </c>
      <c r="J31068" s="2">
        <v>0</v>
      </c>
      <c r="K31068" s="2">
        <v>1</v>
      </c>
      <c r="L31068" t="s">
        <v>995</v>
      </c>
      <c r="M31068" t="s">
        <v>89</v>
      </c>
      <c r="N31068" t="s">
        <v>90</v>
      </c>
      <c r="O31068" t="s">
        <v>85</v>
      </c>
      <c r="P31068" t="s">
        <v>86</v>
      </c>
      <c r="Q31068">
        <v>47</v>
      </c>
      <c r="R31068">
        <v>48</v>
      </c>
      <c r="S31068">
        <v>49</v>
      </c>
      <c r="T31068">
        <v>50</v>
      </c>
      <c r="U31068">
        <v>50</v>
      </c>
      <c r="V31068">
        <v>51</v>
      </c>
      <c r="W31068">
        <v>52</v>
      </c>
      <c r="X31068">
        <v>53</v>
      </c>
      <c r="Y31068">
        <v>54</v>
      </c>
      <c r="Z31068">
        <v>54</v>
      </c>
      <c r="AA31068">
        <v>55</v>
      </c>
      <c r="AB31068">
        <v>56</v>
      </c>
      <c r="AC31068">
        <v>56</v>
      </c>
      <c r="AD31068">
        <v>57</v>
      </c>
      <c r="AE31068">
        <v>57</v>
      </c>
      <c r="AF31068">
        <v>57</v>
      </c>
      <c r="AG31068">
        <v>57</v>
      </c>
      <c r="AH31068">
        <v>57</v>
      </c>
      <c r="AI31068">
        <v>57</v>
      </c>
      <c r="AJ31068">
        <v>57</v>
      </c>
      <c r="AK31068">
        <v>57</v>
      </c>
      <c r="AL31068">
        <v>56</v>
      </c>
      <c r="AM31068">
        <v>56</v>
      </c>
      <c r="AN31068">
        <v>56</v>
      </c>
      <c r="AO31068">
        <v>56</v>
      </c>
      <c r="AP31068">
        <v>56</v>
      </c>
      <c r="AQ31068">
        <v>56</v>
      </c>
    </row>
    <row r="31069" spans="1:43">
      <c r="A31069" t="s">
        <v>19249</v>
      </c>
      <c r="B31069" t="s">
        <v>19250</v>
      </c>
      <c r="C31069" t="s">
        <v>19251</v>
      </c>
      <c r="D31069" t="s">
        <v>19252</v>
      </c>
      <c r="E31069" t="s">
        <v>19203</v>
      </c>
      <c r="F31069" t="s">
        <v>19204</v>
      </c>
      <c r="G31069" t="s">
        <v>10734</v>
      </c>
      <c r="H31069" t="s">
        <v>10735</v>
      </c>
      <c r="I31069" s="2">
        <v>0</v>
      </c>
      <c r="J31069" s="2">
        <v>0</v>
      </c>
      <c r="K31069" s="2">
        <v>1</v>
      </c>
      <c r="L31069" t="s">
        <v>995</v>
      </c>
      <c r="M31069" t="s">
        <v>83</v>
      </c>
      <c r="N31069" t="s">
        <v>91</v>
      </c>
      <c r="O31069" t="s">
        <v>85</v>
      </c>
      <c r="P31069" t="s">
        <v>86</v>
      </c>
      <c r="Q31069">
        <v>47</v>
      </c>
      <c r="R31069">
        <v>48</v>
      </c>
      <c r="S31069">
        <v>48</v>
      </c>
      <c r="T31069">
        <v>49</v>
      </c>
      <c r="U31069">
        <v>49</v>
      </c>
      <c r="V31069">
        <v>50</v>
      </c>
      <c r="W31069">
        <v>51</v>
      </c>
      <c r="X31069">
        <v>51</v>
      </c>
      <c r="Y31069">
        <v>52</v>
      </c>
      <c r="Z31069">
        <v>52</v>
      </c>
      <c r="AA31069">
        <v>53</v>
      </c>
      <c r="AB31069">
        <v>53</v>
      </c>
      <c r="AC31069">
        <v>54</v>
      </c>
      <c r="AD31069">
        <v>54</v>
      </c>
      <c r="AE31069">
        <v>54</v>
      </c>
      <c r="AF31069">
        <v>55</v>
      </c>
      <c r="AG31069">
        <v>55</v>
      </c>
      <c r="AH31069">
        <v>56</v>
      </c>
      <c r="AI31069">
        <v>56</v>
      </c>
      <c r="AJ31069">
        <v>57</v>
      </c>
      <c r="AK31069">
        <v>57</v>
      </c>
      <c r="AL31069">
        <v>57</v>
      </c>
      <c r="AM31069">
        <v>57</v>
      </c>
      <c r="AN31069">
        <v>57</v>
      </c>
      <c r="AO31069">
        <v>56</v>
      </c>
      <c r="AP31069">
        <v>56</v>
      </c>
      <c r="AQ31069">
        <v>56</v>
      </c>
    </row>
    <row r="31070" spans="1:43">
      <c r="A31070" t="s">
        <v>19253</v>
      </c>
      <c r="B31070" t="s">
        <v>19254</v>
      </c>
      <c r="C31070" t="s">
        <v>19251</v>
      </c>
      <c r="D31070" t="s">
        <v>19252</v>
      </c>
      <c r="E31070" t="s">
        <v>19203</v>
      </c>
      <c r="F31070" t="s">
        <v>19204</v>
      </c>
      <c r="G31070" t="s">
        <v>10734</v>
      </c>
      <c r="H31070" t="s">
        <v>10735</v>
      </c>
      <c r="I31070" s="2">
        <v>0</v>
      </c>
      <c r="J31070" s="2">
        <v>0</v>
      </c>
      <c r="K31070" s="2">
        <v>1</v>
      </c>
      <c r="L31070" t="s">
        <v>995</v>
      </c>
      <c r="M31070" t="s">
        <v>83</v>
      </c>
      <c r="N31070" t="s">
        <v>84</v>
      </c>
      <c r="O31070" t="s">
        <v>85</v>
      </c>
      <c r="P31070" t="s">
        <v>86</v>
      </c>
      <c r="Q31070">
        <v>29</v>
      </c>
      <c r="R31070">
        <v>29</v>
      </c>
      <c r="S31070">
        <v>30</v>
      </c>
      <c r="T31070">
        <v>30</v>
      </c>
      <c r="U31070">
        <v>31</v>
      </c>
      <c r="V31070">
        <v>31</v>
      </c>
      <c r="W31070">
        <v>31</v>
      </c>
      <c r="X31070">
        <v>32</v>
      </c>
      <c r="Y31070">
        <v>32</v>
      </c>
      <c r="Z31070">
        <v>32</v>
      </c>
      <c r="AA31070">
        <v>33</v>
      </c>
      <c r="AB31070">
        <v>33</v>
      </c>
      <c r="AC31070">
        <v>33</v>
      </c>
      <c r="AD31070">
        <v>34</v>
      </c>
      <c r="AE31070">
        <v>34</v>
      </c>
      <c r="AF31070">
        <v>34</v>
      </c>
      <c r="AG31070">
        <v>34</v>
      </c>
      <c r="AH31070">
        <v>35</v>
      </c>
      <c r="AI31070">
        <v>35</v>
      </c>
      <c r="AJ31070">
        <v>35</v>
      </c>
      <c r="AK31070">
        <v>35</v>
      </c>
      <c r="AL31070">
        <v>36</v>
      </c>
      <c r="AM31070">
        <v>35</v>
      </c>
      <c r="AN31070">
        <v>35</v>
      </c>
      <c r="AO31070">
        <v>35</v>
      </c>
      <c r="AP31070">
        <v>35</v>
      </c>
      <c r="AQ31070">
        <v>35</v>
      </c>
    </row>
    <row r="31071" spans="1:43">
      <c r="A31071" t="s">
        <v>19253</v>
      </c>
      <c r="B31071" t="s">
        <v>19254</v>
      </c>
      <c r="C31071" t="s">
        <v>19251</v>
      </c>
      <c r="D31071" t="s">
        <v>19252</v>
      </c>
      <c r="E31071" t="s">
        <v>19203</v>
      </c>
      <c r="F31071" t="s">
        <v>19204</v>
      </c>
      <c r="G31071" t="s">
        <v>10734</v>
      </c>
      <c r="H31071" t="s">
        <v>10735</v>
      </c>
      <c r="I31071" s="2">
        <v>0</v>
      </c>
      <c r="J31071" s="2">
        <v>0</v>
      </c>
      <c r="K31071" s="2">
        <v>1</v>
      </c>
      <c r="L31071" t="s">
        <v>995</v>
      </c>
      <c r="M31071" t="s">
        <v>87</v>
      </c>
      <c r="N31071" t="s">
        <v>88</v>
      </c>
      <c r="O31071" t="s">
        <v>85</v>
      </c>
      <c r="P31071" t="s">
        <v>86</v>
      </c>
      <c r="Q31071">
        <v>29</v>
      </c>
      <c r="R31071">
        <v>29</v>
      </c>
      <c r="S31071">
        <v>29</v>
      </c>
      <c r="T31071">
        <v>29</v>
      </c>
      <c r="U31071">
        <v>29</v>
      </c>
      <c r="V31071">
        <v>29</v>
      </c>
      <c r="W31071">
        <v>29</v>
      </c>
      <c r="X31071">
        <v>29</v>
      </c>
      <c r="Y31071">
        <v>30</v>
      </c>
      <c r="Z31071">
        <v>30</v>
      </c>
      <c r="AA31071">
        <v>30</v>
      </c>
      <c r="AB31071">
        <v>30</v>
      </c>
      <c r="AC31071">
        <v>30</v>
      </c>
      <c r="AD31071">
        <v>30</v>
      </c>
      <c r="AE31071">
        <v>30</v>
      </c>
      <c r="AF31071">
        <v>30</v>
      </c>
      <c r="AG31071">
        <v>30</v>
      </c>
      <c r="AH31071">
        <v>30</v>
      </c>
      <c r="AI31071">
        <v>30</v>
      </c>
      <c r="AJ31071">
        <v>30</v>
      </c>
      <c r="AK31071">
        <v>30</v>
      </c>
      <c r="AL31071">
        <v>30</v>
      </c>
      <c r="AM31071">
        <v>30</v>
      </c>
      <c r="AN31071">
        <v>30</v>
      </c>
      <c r="AO31071">
        <v>31</v>
      </c>
      <c r="AP31071">
        <v>31</v>
      </c>
      <c r="AQ31071">
        <v>31</v>
      </c>
    </row>
    <row r="31072" spans="1:43">
      <c r="A31072" t="s">
        <v>19253</v>
      </c>
      <c r="B31072" t="s">
        <v>19254</v>
      </c>
      <c r="C31072" t="s">
        <v>19251</v>
      </c>
      <c r="D31072" t="s">
        <v>19252</v>
      </c>
      <c r="E31072" t="s">
        <v>19203</v>
      </c>
      <c r="F31072" t="s">
        <v>19204</v>
      </c>
      <c r="G31072" t="s">
        <v>10734</v>
      </c>
      <c r="H31072" t="s">
        <v>10735</v>
      </c>
      <c r="I31072" s="2">
        <v>0</v>
      </c>
      <c r="J31072" s="2">
        <v>0</v>
      </c>
      <c r="K31072" s="2">
        <v>1</v>
      </c>
      <c r="L31072" t="s">
        <v>995</v>
      </c>
      <c r="M31072" t="s">
        <v>89</v>
      </c>
      <c r="N31072" t="s">
        <v>90</v>
      </c>
      <c r="O31072" t="s">
        <v>85</v>
      </c>
      <c r="P31072" t="s">
        <v>86</v>
      </c>
      <c r="Q31072">
        <v>29</v>
      </c>
      <c r="R31072">
        <v>30</v>
      </c>
      <c r="S31072">
        <v>31</v>
      </c>
      <c r="T31072">
        <v>31</v>
      </c>
      <c r="U31072">
        <v>32</v>
      </c>
      <c r="V31072">
        <v>32</v>
      </c>
      <c r="W31072">
        <v>33</v>
      </c>
      <c r="X31072">
        <v>33</v>
      </c>
      <c r="Y31072">
        <v>34</v>
      </c>
      <c r="Z31072">
        <v>34</v>
      </c>
      <c r="AA31072">
        <v>35</v>
      </c>
      <c r="AB31072">
        <v>35</v>
      </c>
      <c r="AC31072">
        <v>36</v>
      </c>
      <c r="AD31072">
        <v>36</v>
      </c>
      <c r="AE31072">
        <v>36</v>
      </c>
      <c r="AF31072">
        <v>36</v>
      </c>
      <c r="AG31072">
        <v>36</v>
      </c>
      <c r="AH31072">
        <v>36</v>
      </c>
      <c r="AI31072">
        <v>36</v>
      </c>
      <c r="AJ31072">
        <v>36</v>
      </c>
      <c r="AK31072">
        <v>36</v>
      </c>
      <c r="AL31072">
        <v>36</v>
      </c>
      <c r="AM31072">
        <v>36</v>
      </c>
      <c r="AN31072">
        <v>36</v>
      </c>
      <c r="AO31072">
        <v>36</v>
      </c>
      <c r="AP31072">
        <v>36</v>
      </c>
      <c r="AQ31072">
        <v>36</v>
      </c>
    </row>
    <row r="31073" spans="1:43">
      <c r="A31073" t="s">
        <v>19253</v>
      </c>
      <c r="B31073" t="s">
        <v>19254</v>
      </c>
      <c r="C31073" t="s">
        <v>19251</v>
      </c>
      <c r="D31073" t="s">
        <v>19252</v>
      </c>
      <c r="E31073" t="s">
        <v>19203</v>
      </c>
      <c r="F31073" t="s">
        <v>19204</v>
      </c>
      <c r="G31073" t="s">
        <v>10734</v>
      </c>
      <c r="H31073" t="s">
        <v>10735</v>
      </c>
      <c r="I31073" s="2">
        <v>0</v>
      </c>
      <c r="J31073" s="2">
        <v>0</v>
      </c>
      <c r="K31073" s="2">
        <v>1</v>
      </c>
      <c r="L31073" t="s">
        <v>995</v>
      </c>
      <c r="M31073" t="s">
        <v>83</v>
      </c>
      <c r="N31073" t="s">
        <v>91</v>
      </c>
      <c r="O31073" t="s">
        <v>85</v>
      </c>
      <c r="P31073" t="s">
        <v>86</v>
      </c>
      <c r="Q31073">
        <v>29</v>
      </c>
      <c r="R31073">
        <v>29</v>
      </c>
      <c r="S31073">
        <v>30</v>
      </c>
      <c r="T31073">
        <v>30</v>
      </c>
      <c r="U31073">
        <v>31</v>
      </c>
      <c r="V31073">
        <v>31</v>
      </c>
      <c r="W31073">
        <v>31</v>
      </c>
      <c r="X31073">
        <v>32</v>
      </c>
      <c r="Y31073">
        <v>32</v>
      </c>
      <c r="Z31073">
        <v>32</v>
      </c>
      <c r="AA31073">
        <v>33</v>
      </c>
      <c r="AB31073">
        <v>33</v>
      </c>
      <c r="AC31073">
        <v>33</v>
      </c>
      <c r="AD31073">
        <v>34</v>
      </c>
      <c r="AE31073">
        <v>34</v>
      </c>
      <c r="AF31073">
        <v>34</v>
      </c>
      <c r="AG31073">
        <v>34</v>
      </c>
      <c r="AH31073">
        <v>35</v>
      </c>
      <c r="AI31073">
        <v>35</v>
      </c>
      <c r="AJ31073">
        <v>35</v>
      </c>
      <c r="AK31073">
        <v>35</v>
      </c>
      <c r="AL31073">
        <v>36</v>
      </c>
      <c r="AM31073">
        <v>35</v>
      </c>
      <c r="AN31073">
        <v>35</v>
      </c>
      <c r="AO31073">
        <v>35</v>
      </c>
      <c r="AP31073">
        <v>35</v>
      </c>
      <c r="AQ31073">
        <v>35</v>
      </c>
    </row>
    <row r="31074" spans="1:43">
      <c r="A31074" t="s">
        <v>19255</v>
      </c>
      <c r="B31074" t="s">
        <v>19256</v>
      </c>
      <c r="C31074" t="s">
        <v>19251</v>
      </c>
      <c r="D31074" t="s">
        <v>19252</v>
      </c>
      <c r="E31074" t="s">
        <v>19203</v>
      </c>
      <c r="F31074" t="s">
        <v>19204</v>
      </c>
      <c r="G31074" t="s">
        <v>10734</v>
      </c>
      <c r="H31074" t="s">
        <v>10735</v>
      </c>
      <c r="I31074" s="2">
        <v>0</v>
      </c>
      <c r="J31074" s="2">
        <v>0</v>
      </c>
      <c r="K31074" s="2">
        <v>1</v>
      </c>
      <c r="L31074" t="s">
        <v>995</v>
      </c>
      <c r="M31074" t="s">
        <v>83</v>
      </c>
      <c r="N31074" t="s">
        <v>84</v>
      </c>
      <c r="O31074" t="s">
        <v>85</v>
      </c>
      <c r="P31074" t="s">
        <v>86</v>
      </c>
      <c r="Q31074">
        <v>41</v>
      </c>
      <c r="R31074">
        <v>42</v>
      </c>
      <c r="S31074">
        <v>42</v>
      </c>
      <c r="T31074">
        <v>43</v>
      </c>
      <c r="U31074">
        <v>43</v>
      </c>
      <c r="V31074">
        <v>44</v>
      </c>
      <c r="W31074">
        <v>44</v>
      </c>
      <c r="X31074">
        <v>45</v>
      </c>
      <c r="Y31074">
        <v>45</v>
      </c>
      <c r="Z31074">
        <v>46</v>
      </c>
      <c r="AA31074">
        <v>46</v>
      </c>
      <c r="AB31074">
        <v>47</v>
      </c>
      <c r="AC31074">
        <v>47</v>
      </c>
      <c r="AD31074">
        <v>47</v>
      </c>
      <c r="AE31074">
        <v>48</v>
      </c>
      <c r="AF31074">
        <v>48</v>
      </c>
      <c r="AG31074">
        <v>49</v>
      </c>
      <c r="AH31074">
        <v>49</v>
      </c>
      <c r="AI31074">
        <v>49</v>
      </c>
      <c r="AJ31074">
        <v>50</v>
      </c>
      <c r="AK31074">
        <v>50</v>
      </c>
      <c r="AL31074">
        <v>50</v>
      </c>
      <c r="AM31074">
        <v>50</v>
      </c>
      <c r="AN31074">
        <v>50</v>
      </c>
      <c r="AO31074">
        <v>50</v>
      </c>
      <c r="AP31074">
        <v>50</v>
      </c>
      <c r="AQ31074">
        <v>49</v>
      </c>
    </row>
    <row r="31075" spans="1:43">
      <c r="A31075" t="s">
        <v>19255</v>
      </c>
      <c r="B31075" t="s">
        <v>19256</v>
      </c>
      <c r="C31075" t="s">
        <v>19251</v>
      </c>
      <c r="D31075" t="s">
        <v>19252</v>
      </c>
      <c r="E31075" t="s">
        <v>19203</v>
      </c>
      <c r="F31075" t="s">
        <v>19204</v>
      </c>
      <c r="G31075" t="s">
        <v>10734</v>
      </c>
      <c r="H31075" t="s">
        <v>10735</v>
      </c>
      <c r="I31075" s="2">
        <v>0</v>
      </c>
      <c r="J31075" s="2">
        <v>0</v>
      </c>
      <c r="K31075" s="2">
        <v>1</v>
      </c>
      <c r="L31075" t="s">
        <v>995</v>
      </c>
      <c r="M31075" t="s">
        <v>87</v>
      </c>
      <c r="N31075" t="s">
        <v>88</v>
      </c>
      <c r="O31075" t="s">
        <v>85</v>
      </c>
      <c r="P31075" t="s">
        <v>86</v>
      </c>
      <c r="Q31075">
        <v>41</v>
      </c>
      <c r="R31075">
        <v>41</v>
      </c>
      <c r="S31075">
        <v>41</v>
      </c>
      <c r="T31075">
        <v>41</v>
      </c>
      <c r="U31075">
        <v>41</v>
      </c>
      <c r="V31075">
        <v>42</v>
      </c>
      <c r="W31075">
        <v>42</v>
      </c>
      <c r="X31075">
        <v>42</v>
      </c>
      <c r="Y31075">
        <v>42</v>
      </c>
      <c r="Z31075">
        <v>42</v>
      </c>
      <c r="AA31075">
        <v>42</v>
      </c>
      <c r="AB31075">
        <v>42</v>
      </c>
      <c r="AC31075">
        <v>42</v>
      </c>
      <c r="AD31075">
        <v>42</v>
      </c>
      <c r="AE31075">
        <v>42</v>
      </c>
      <c r="AF31075">
        <v>42</v>
      </c>
      <c r="AG31075">
        <v>42</v>
      </c>
      <c r="AH31075">
        <v>42</v>
      </c>
      <c r="AI31075">
        <v>43</v>
      </c>
      <c r="AJ31075">
        <v>43</v>
      </c>
      <c r="AK31075">
        <v>43</v>
      </c>
      <c r="AL31075">
        <v>43</v>
      </c>
      <c r="AM31075">
        <v>43</v>
      </c>
      <c r="AN31075">
        <v>43</v>
      </c>
      <c r="AO31075">
        <v>43</v>
      </c>
      <c r="AP31075">
        <v>43</v>
      </c>
      <c r="AQ31075">
        <v>43</v>
      </c>
    </row>
    <row r="31076" spans="1:43">
      <c r="A31076" t="s">
        <v>19255</v>
      </c>
      <c r="B31076" t="s">
        <v>19256</v>
      </c>
      <c r="C31076" t="s">
        <v>19251</v>
      </c>
      <c r="D31076" t="s">
        <v>19252</v>
      </c>
      <c r="E31076" t="s">
        <v>19203</v>
      </c>
      <c r="F31076" t="s">
        <v>19204</v>
      </c>
      <c r="G31076" t="s">
        <v>10734</v>
      </c>
      <c r="H31076" t="s">
        <v>10735</v>
      </c>
      <c r="I31076" s="2">
        <v>0</v>
      </c>
      <c r="J31076" s="2">
        <v>0</v>
      </c>
      <c r="K31076" s="2">
        <v>1</v>
      </c>
      <c r="L31076" t="s">
        <v>995</v>
      </c>
      <c r="M31076" t="s">
        <v>89</v>
      </c>
      <c r="N31076" t="s">
        <v>90</v>
      </c>
      <c r="O31076" t="s">
        <v>85</v>
      </c>
      <c r="P31076" t="s">
        <v>86</v>
      </c>
      <c r="Q31076">
        <v>41</v>
      </c>
      <c r="R31076">
        <v>42</v>
      </c>
      <c r="S31076">
        <v>42</v>
      </c>
      <c r="T31076">
        <v>43</v>
      </c>
      <c r="U31076">
        <v>44</v>
      </c>
      <c r="V31076">
        <v>45</v>
      </c>
      <c r="W31076">
        <v>46</v>
      </c>
      <c r="X31076">
        <v>46</v>
      </c>
      <c r="Y31076">
        <v>47</v>
      </c>
      <c r="Z31076">
        <v>48</v>
      </c>
      <c r="AA31076">
        <v>48</v>
      </c>
      <c r="AB31076">
        <v>49</v>
      </c>
      <c r="AC31076">
        <v>49</v>
      </c>
      <c r="AD31076">
        <v>50</v>
      </c>
      <c r="AE31076">
        <v>50</v>
      </c>
      <c r="AF31076">
        <v>50</v>
      </c>
      <c r="AG31076">
        <v>50</v>
      </c>
      <c r="AH31076">
        <v>50</v>
      </c>
      <c r="AI31076">
        <v>50</v>
      </c>
      <c r="AJ31076">
        <v>50</v>
      </c>
      <c r="AK31076">
        <v>50</v>
      </c>
      <c r="AL31076">
        <v>49</v>
      </c>
      <c r="AM31076">
        <v>49</v>
      </c>
      <c r="AN31076">
        <v>49</v>
      </c>
      <c r="AO31076">
        <v>49</v>
      </c>
      <c r="AP31076">
        <v>49</v>
      </c>
      <c r="AQ31076">
        <v>49</v>
      </c>
    </row>
    <row r="31077" spans="1:43">
      <c r="A31077" t="s">
        <v>19255</v>
      </c>
      <c r="B31077" t="s">
        <v>19256</v>
      </c>
      <c r="C31077" t="s">
        <v>19251</v>
      </c>
      <c r="D31077" t="s">
        <v>19252</v>
      </c>
      <c r="E31077" t="s">
        <v>19203</v>
      </c>
      <c r="F31077" t="s">
        <v>19204</v>
      </c>
      <c r="G31077" t="s">
        <v>10734</v>
      </c>
      <c r="H31077" t="s">
        <v>10735</v>
      </c>
      <c r="I31077" s="2">
        <v>0</v>
      </c>
      <c r="J31077" s="2">
        <v>0</v>
      </c>
      <c r="K31077" s="2">
        <v>1</v>
      </c>
      <c r="L31077" t="s">
        <v>995</v>
      </c>
      <c r="M31077" t="s">
        <v>83</v>
      </c>
      <c r="N31077" t="s">
        <v>91</v>
      </c>
      <c r="O31077" t="s">
        <v>85</v>
      </c>
      <c r="P31077" t="s">
        <v>86</v>
      </c>
      <c r="Q31077">
        <v>41</v>
      </c>
      <c r="R31077">
        <v>42</v>
      </c>
      <c r="S31077">
        <v>42</v>
      </c>
      <c r="T31077">
        <v>43</v>
      </c>
      <c r="U31077">
        <v>43</v>
      </c>
      <c r="V31077">
        <v>44</v>
      </c>
      <c r="W31077">
        <v>44</v>
      </c>
      <c r="X31077">
        <v>45</v>
      </c>
      <c r="Y31077">
        <v>45</v>
      </c>
      <c r="Z31077">
        <v>46</v>
      </c>
      <c r="AA31077">
        <v>46</v>
      </c>
      <c r="AB31077">
        <v>47</v>
      </c>
      <c r="AC31077">
        <v>47</v>
      </c>
      <c r="AD31077">
        <v>47</v>
      </c>
      <c r="AE31077">
        <v>48</v>
      </c>
      <c r="AF31077">
        <v>48</v>
      </c>
      <c r="AG31077">
        <v>49</v>
      </c>
      <c r="AH31077">
        <v>49</v>
      </c>
      <c r="AI31077">
        <v>49</v>
      </c>
      <c r="AJ31077">
        <v>50</v>
      </c>
      <c r="AK31077">
        <v>50</v>
      </c>
      <c r="AL31077">
        <v>50</v>
      </c>
      <c r="AM31077">
        <v>50</v>
      </c>
      <c r="AN31077">
        <v>50</v>
      </c>
      <c r="AO31077">
        <v>50</v>
      </c>
      <c r="AP31077">
        <v>50</v>
      </c>
      <c r="AQ31077">
        <v>49</v>
      </c>
    </row>
    <row r="31078" spans="1:43">
      <c r="A31078" t="s">
        <v>19257</v>
      </c>
      <c r="B31078" t="s">
        <v>19258</v>
      </c>
      <c r="C31078" t="s">
        <v>19251</v>
      </c>
      <c r="D31078" t="s">
        <v>19252</v>
      </c>
      <c r="E31078" t="s">
        <v>19203</v>
      </c>
      <c r="F31078" t="s">
        <v>19204</v>
      </c>
      <c r="G31078" t="s">
        <v>10734</v>
      </c>
      <c r="H31078" t="s">
        <v>10735</v>
      </c>
      <c r="I31078" s="2">
        <v>0</v>
      </c>
      <c r="J31078" s="2">
        <v>0</v>
      </c>
      <c r="K31078" s="2">
        <v>1</v>
      </c>
      <c r="L31078" t="s">
        <v>995</v>
      </c>
      <c r="M31078" t="s">
        <v>83</v>
      </c>
      <c r="N31078" t="s">
        <v>84</v>
      </c>
      <c r="O31078" t="s">
        <v>85</v>
      </c>
      <c r="P31078" t="s">
        <v>86</v>
      </c>
      <c r="Q31078">
        <v>41</v>
      </c>
      <c r="R31078">
        <v>42</v>
      </c>
      <c r="S31078">
        <v>42</v>
      </c>
      <c r="T31078">
        <v>43</v>
      </c>
      <c r="U31078">
        <v>43</v>
      </c>
      <c r="V31078">
        <v>44</v>
      </c>
      <c r="W31078">
        <v>44</v>
      </c>
      <c r="X31078">
        <v>45</v>
      </c>
      <c r="Y31078">
        <v>45</v>
      </c>
      <c r="Z31078">
        <v>46</v>
      </c>
      <c r="AA31078">
        <v>46</v>
      </c>
      <c r="AB31078">
        <v>47</v>
      </c>
      <c r="AC31078">
        <v>47</v>
      </c>
      <c r="AD31078">
        <v>48</v>
      </c>
      <c r="AE31078">
        <v>48</v>
      </c>
      <c r="AF31078">
        <v>49</v>
      </c>
      <c r="AG31078">
        <v>49</v>
      </c>
      <c r="AH31078">
        <v>49</v>
      </c>
      <c r="AI31078">
        <v>50</v>
      </c>
      <c r="AJ31078">
        <v>50</v>
      </c>
      <c r="AK31078">
        <v>50</v>
      </c>
      <c r="AL31078">
        <v>51</v>
      </c>
      <c r="AM31078">
        <v>50</v>
      </c>
      <c r="AN31078">
        <v>50</v>
      </c>
      <c r="AO31078">
        <v>50</v>
      </c>
      <c r="AP31078">
        <v>50</v>
      </c>
      <c r="AQ31078">
        <v>50</v>
      </c>
    </row>
    <row r="31079" spans="1:43">
      <c r="A31079" t="s">
        <v>19257</v>
      </c>
      <c r="B31079" t="s">
        <v>19258</v>
      </c>
      <c r="C31079" t="s">
        <v>19251</v>
      </c>
      <c r="D31079" t="s">
        <v>19252</v>
      </c>
      <c r="E31079" t="s">
        <v>19203</v>
      </c>
      <c r="F31079" t="s">
        <v>19204</v>
      </c>
      <c r="G31079" t="s">
        <v>10734</v>
      </c>
      <c r="H31079" t="s">
        <v>10735</v>
      </c>
      <c r="I31079" s="2">
        <v>0</v>
      </c>
      <c r="J31079" s="2">
        <v>0</v>
      </c>
      <c r="K31079" s="2">
        <v>1</v>
      </c>
      <c r="L31079" t="s">
        <v>995</v>
      </c>
      <c r="M31079" t="s">
        <v>87</v>
      </c>
      <c r="N31079" t="s">
        <v>88</v>
      </c>
      <c r="O31079" t="s">
        <v>85</v>
      </c>
      <c r="P31079" t="s">
        <v>86</v>
      </c>
      <c r="Q31079">
        <v>41</v>
      </c>
      <c r="R31079">
        <v>41</v>
      </c>
      <c r="S31079">
        <v>41</v>
      </c>
      <c r="T31079">
        <v>41</v>
      </c>
      <c r="U31079">
        <v>42</v>
      </c>
      <c r="V31079">
        <v>42</v>
      </c>
      <c r="W31079">
        <v>42</v>
      </c>
      <c r="X31079">
        <v>42</v>
      </c>
      <c r="Y31079">
        <v>42</v>
      </c>
      <c r="Z31079">
        <v>42</v>
      </c>
      <c r="AA31079">
        <v>42</v>
      </c>
      <c r="AB31079">
        <v>42</v>
      </c>
      <c r="AC31079">
        <v>42</v>
      </c>
      <c r="AD31079">
        <v>43</v>
      </c>
      <c r="AE31079">
        <v>43</v>
      </c>
      <c r="AF31079">
        <v>43</v>
      </c>
      <c r="AG31079">
        <v>43</v>
      </c>
      <c r="AH31079">
        <v>43</v>
      </c>
      <c r="AI31079">
        <v>43</v>
      </c>
      <c r="AJ31079">
        <v>43</v>
      </c>
      <c r="AK31079">
        <v>43</v>
      </c>
      <c r="AL31079">
        <v>43</v>
      </c>
      <c r="AM31079">
        <v>43</v>
      </c>
      <c r="AN31079">
        <v>43</v>
      </c>
      <c r="AO31079">
        <v>43</v>
      </c>
      <c r="AP31079">
        <v>43</v>
      </c>
      <c r="AQ31079">
        <v>44</v>
      </c>
    </row>
    <row r="31080" spans="1:43">
      <c r="A31080" t="s">
        <v>19257</v>
      </c>
      <c r="B31080" t="s">
        <v>19258</v>
      </c>
      <c r="C31080" t="s">
        <v>19251</v>
      </c>
      <c r="D31080" t="s">
        <v>19252</v>
      </c>
      <c r="E31080" t="s">
        <v>19203</v>
      </c>
      <c r="F31080" t="s">
        <v>19204</v>
      </c>
      <c r="G31080" t="s">
        <v>10734</v>
      </c>
      <c r="H31080" t="s">
        <v>10735</v>
      </c>
      <c r="I31080" s="2">
        <v>0</v>
      </c>
      <c r="J31080" s="2">
        <v>0</v>
      </c>
      <c r="K31080" s="2">
        <v>1</v>
      </c>
      <c r="L31080" t="s">
        <v>995</v>
      </c>
      <c r="M31080" t="s">
        <v>89</v>
      </c>
      <c r="N31080" t="s">
        <v>90</v>
      </c>
      <c r="O31080" t="s">
        <v>85</v>
      </c>
      <c r="P31080" t="s">
        <v>86</v>
      </c>
      <c r="Q31080">
        <v>41</v>
      </c>
      <c r="R31080">
        <v>42</v>
      </c>
      <c r="S31080">
        <v>43</v>
      </c>
      <c r="T31080">
        <v>43</v>
      </c>
      <c r="U31080">
        <v>44</v>
      </c>
      <c r="V31080">
        <v>45</v>
      </c>
      <c r="W31080">
        <v>46</v>
      </c>
      <c r="X31080">
        <v>46</v>
      </c>
      <c r="Y31080">
        <v>47</v>
      </c>
      <c r="Z31080">
        <v>48</v>
      </c>
      <c r="AA31080">
        <v>48</v>
      </c>
      <c r="AB31080">
        <v>49</v>
      </c>
      <c r="AC31080">
        <v>50</v>
      </c>
      <c r="AD31080">
        <v>50</v>
      </c>
      <c r="AE31080">
        <v>51</v>
      </c>
      <c r="AF31080">
        <v>51</v>
      </c>
      <c r="AG31080">
        <v>50</v>
      </c>
      <c r="AH31080">
        <v>50</v>
      </c>
      <c r="AI31080">
        <v>50</v>
      </c>
      <c r="AJ31080">
        <v>50</v>
      </c>
      <c r="AK31080">
        <v>50</v>
      </c>
      <c r="AL31080">
        <v>50</v>
      </c>
      <c r="AM31080">
        <v>50</v>
      </c>
      <c r="AN31080">
        <v>50</v>
      </c>
      <c r="AO31080">
        <v>50</v>
      </c>
      <c r="AP31080">
        <v>50</v>
      </c>
      <c r="AQ31080">
        <v>50</v>
      </c>
    </row>
    <row r="31081" spans="1:43">
      <c r="A31081" t="s">
        <v>19257</v>
      </c>
      <c r="B31081" t="s">
        <v>19258</v>
      </c>
      <c r="C31081" t="s">
        <v>19251</v>
      </c>
      <c r="D31081" t="s">
        <v>19252</v>
      </c>
      <c r="E31081" t="s">
        <v>19203</v>
      </c>
      <c r="F31081" t="s">
        <v>19204</v>
      </c>
      <c r="G31081" t="s">
        <v>10734</v>
      </c>
      <c r="H31081" t="s">
        <v>10735</v>
      </c>
      <c r="I31081" s="2">
        <v>0</v>
      </c>
      <c r="J31081" s="2">
        <v>0</v>
      </c>
      <c r="K31081" s="2">
        <v>1</v>
      </c>
      <c r="L31081" t="s">
        <v>995</v>
      </c>
      <c r="M31081" t="s">
        <v>83</v>
      </c>
      <c r="N31081" t="s">
        <v>91</v>
      </c>
      <c r="O31081" t="s">
        <v>85</v>
      </c>
      <c r="P31081" t="s">
        <v>86</v>
      </c>
      <c r="Q31081">
        <v>41</v>
      </c>
      <c r="R31081">
        <v>42</v>
      </c>
      <c r="S31081">
        <v>42</v>
      </c>
      <c r="T31081">
        <v>43</v>
      </c>
      <c r="U31081">
        <v>43</v>
      </c>
      <c r="V31081">
        <v>44</v>
      </c>
      <c r="W31081">
        <v>44</v>
      </c>
      <c r="X31081">
        <v>45</v>
      </c>
      <c r="Y31081">
        <v>45</v>
      </c>
      <c r="Z31081">
        <v>46</v>
      </c>
      <c r="AA31081">
        <v>46</v>
      </c>
      <c r="AB31081">
        <v>47</v>
      </c>
      <c r="AC31081">
        <v>47</v>
      </c>
      <c r="AD31081">
        <v>48</v>
      </c>
      <c r="AE31081">
        <v>48</v>
      </c>
      <c r="AF31081">
        <v>49</v>
      </c>
      <c r="AG31081">
        <v>49</v>
      </c>
      <c r="AH31081">
        <v>49</v>
      </c>
      <c r="AI31081">
        <v>50</v>
      </c>
      <c r="AJ31081">
        <v>50</v>
      </c>
      <c r="AK31081">
        <v>50</v>
      </c>
      <c r="AL31081">
        <v>51</v>
      </c>
      <c r="AM31081">
        <v>50</v>
      </c>
      <c r="AN31081">
        <v>50</v>
      </c>
      <c r="AO31081">
        <v>50</v>
      </c>
      <c r="AP31081">
        <v>50</v>
      </c>
      <c r="AQ31081">
        <v>50</v>
      </c>
    </row>
    <row r="31082" spans="1:43">
      <c r="A31082" t="s">
        <v>19259</v>
      </c>
      <c r="B31082" t="s">
        <v>19260</v>
      </c>
      <c r="C31082" t="s">
        <v>19261</v>
      </c>
      <c r="D31082" t="s">
        <v>19262</v>
      </c>
      <c r="E31082" t="s">
        <v>19203</v>
      </c>
      <c r="F31082" t="s">
        <v>19204</v>
      </c>
      <c r="G31082" t="s">
        <v>10734</v>
      </c>
      <c r="H31082" t="s">
        <v>10735</v>
      </c>
      <c r="I31082" s="2">
        <v>0</v>
      </c>
      <c r="J31082" s="2">
        <v>0</v>
      </c>
      <c r="K31082" s="2">
        <v>1</v>
      </c>
      <c r="L31082" t="s">
        <v>995</v>
      </c>
      <c r="M31082" t="s">
        <v>83</v>
      </c>
      <c r="N31082" t="s">
        <v>84</v>
      </c>
      <c r="O31082" t="s">
        <v>85</v>
      </c>
      <c r="P31082" t="s">
        <v>86</v>
      </c>
      <c r="Q31082">
        <v>47</v>
      </c>
      <c r="R31082">
        <v>48</v>
      </c>
      <c r="S31082">
        <v>49</v>
      </c>
      <c r="T31082">
        <v>49</v>
      </c>
      <c r="U31082">
        <v>50</v>
      </c>
      <c r="V31082">
        <v>50</v>
      </c>
      <c r="W31082">
        <v>51</v>
      </c>
      <c r="X31082">
        <v>51</v>
      </c>
      <c r="Y31082">
        <v>52</v>
      </c>
      <c r="Z31082">
        <v>52</v>
      </c>
      <c r="AA31082">
        <v>53</v>
      </c>
      <c r="AB31082">
        <v>54</v>
      </c>
      <c r="AC31082">
        <v>54</v>
      </c>
      <c r="AD31082">
        <v>54</v>
      </c>
      <c r="AE31082">
        <v>55</v>
      </c>
      <c r="AF31082">
        <v>55</v>
      </c>
      <c r="AG31082">
        <v>56</v>
      </c>
      <c r="AH31082">
        <v>56</v>
      </c>
      <c r="AI31082">
        <v>57</v>
      </c>
      <c r="AJ31082">
        <v>57</v>
      </c>
      <c r="AK31082">
        <v>58</v>
      </c>
      <c r="AL31082">
        <v>58</v>
      </c>
      <c r="AM31082">
        <v>58</v>
      </c>
      <c r="AN31082">
        <v>58</v>
      </c>
      <c r="AO31082">
        <v>58</v>
      </c>
      <c r="AP31082">
        <v>58</v>
      </c>
      <c r="AQ31082">
        <v>57</v>
      </c>
    </row>
    <row r="31083" spans="1:43">
      <c r="A31083" t="s">
        <v>19259</v>
      </c>
      <c r="B31083" t="s">
        <v>19260</v>
      </c>
      <c r="C31083" t="s">
        <v>19261</v>
      </c>
      <c r="D31083" t="s">
        <v>19262</v>
      </c>
      <c r="E31083" t="s">
        <v>19203</v>
      </c>
      <c r="F31083" t="s">
        <v>19204</v>
      </c>
      <c r="G31083" t="s">
        <v>10734</v>
      </c>
      <c r="H31083" t="s">
        <v>10735</v>
      </c>
      <c r="I31083" s="2">
        <v>0</v>
      </c>
      <c r="J31083" s="2">
        <v>0</v>
      </c>
      <c r="K31083" s="2">
        <v>1</v>
      </c>
      <c r="L31083" t="s">
        <v>995</v>
      </c>
      <c r="M31083" t="s">
        <v>87</v>
      </c>
      <c r="N31083" t="s">
        <v>88</v>
      </c>
      <c r="O31083" t="s">
        <v>85</v>
      </c>
      <c r="P31083" t="s">
        <v>86</v>
      </c>
      <c r="Q31083">
        <v>47</v>
      </c>
      <c r="R31083">
        <v>47</v>
      </c>
      <c r="S31083">
        <v>47</v>
      </c>
      <c r="T31083">
        <v>47</v>
      </c>
      <c r="U31083">
        <v>47</v>
      </c>
      <c r="V31083">
        <v>48</v>
      </c>
      <c r="W31083">
        <v>48</v>
      </c>
      <c r="X31083">
        <v>48</v>
      </c>
      <c r="Y31083">
        <v>48</v>
      </c>
      <c r="Z31083">
        <v>48</v>
      </c>
      <c r="AA31083">
        <v>48</v>
      </c>
      <c r="AB31083">
        <v>48</v>
      </c>
      <c r="AC31083">
        <v>48</v>
      </c>
      <c r="AD31083">
        <v>49</v>
      </c>
      <c r="AE31083">
        <v>49</v>
      </c>
      <c r="AF31083">
        <v>49</v>
      </c>
      <c r="AG31083">
        <v>49</v>
      </c>
      <c r="AH31083">
        <v>49</v>
      </c>
      <c r="AI31083">
        <v>49</v>
      </c>
      <c r="AJ31083">
        <v>49</v>
      </c>
      <c r="AK31083">
        <v>49</v>
      </c>
      <c r="AL31083">
        <v>49</v>
      </c>
      <c r="AM31083">
        <v>49</v>
      </c>
      <c r="AN31083">
        <v>49</v>
      </c>
      <c r="AO31083">
        <v>50</v>
      </c>
      <c r="AP31083">
        <v>50</v>
      </c>
      <c r="AQ31083">
        <v>50</v>
      </c>
    </row>
    <row r="31084" spans="1:43">
      <c r="A31084" t="s">
        <v>19259</v>
      </c>
      <c r="B31084" t="s">
        <v>19260</v>
      </c>
      <c r="C31084" t="s">
        <v>19261</v>
      </c>
      <c r="D31084" t="s">
        <v>19262</v>
      </c>
      <c r="E31084" t="s">
        <v>19203</v>
      </c>
      <c r="F31084" t="s">
        <v>19204</v>
      </c>
      <c r="G31084" t="s">
        <v>10734</v>
      </c>
      <c r="H31084" t="s">
        <v>10735</v>
      </c>
      <c r="I31084" s="2">
        <v>0</v>
      </c>
      <c r="J31084" s="2">
        <v>0</v>
      </c>
      <c r="K31084" s="2">
        <v>1</v>
      </c>
      <c r="L31084" t="s">
        <v>995</v>
      </c>
      <c r="M31084" t="s">
        <v>89</v>
      </c>
      <c r="N31084" t="s">
        <v>90</v>
      </c>
      <c r="O31084" t="s">
        <v>85</v>
      </c>
      <c r="P31084" t="s">
        <v>86</v>
      </c>
      <c r="Q31084">
        <v>47</v>
      </c>
      <c r="R31084">
        <v>48</v>
      </c>
      <c r="S31084">
        <v>49</v>
      </c>
      <c r="T31084">
        <v>50</v>
      </c>
      <c r="U31084">
        <v>51</v>
      </c>
      <c r="V31084">
        <v>52</v>
      </c>
      <c r="W31084">
        <v>52</v>
      </c>
      <c r="X31084">
        <v>53</v>
      </c>
      <c r="Y31084">
        <v>54</v>
      </c>
      <c r="Z31084">
        <v>55</v>
      </c>
      <c r="AA31084">
        <v>55</v>
      </c>
      <c r="AB31084">
        <v>56</v>
      </c>
      <c r="AC31084">
        <v>57</v>
      </c>
      <c r="AD31084">
        <v>58</v>
      </c>
      <c r="AE31084">
        <v>58</v>
      </c>
      <c r="AF31084">
        <v>58</v>
      </c>
      <c r="AG31084">
        <v>58</v>
      </c>
      <c r="AH31084">
        <v>58</v>
      </c>
      <c r="AI31084">
        <v>58</v>
      </c>
      <c r="AJ31084">
        <v>58</v>
      </c>
      <c r="AK31084">
        <v>58</v>
      </c>
      <c r="AL31084">
        <v>57</v>
      </c>
      <c r="AM31084">
        <v>57</v>
      </c>
      <c r="AN31084">
        <v>57</v>
      </c>
      <c r="AO31084">
        <v>57</v>
      </c>
      <c r="AP31084">
        <v>57</v>
      </c>
      <c r="AQ31084">
        <v>57</v>
      </c>
    </row>
    <row r="31085" spans="1:43">
      <c r="A31085" t="s">
        <v>19259</v>
      </c>
      <c r="B31085" t="s">
        <v>19260</v>
      </c>
      <c r="C31085" t="s">
        <v>19261</v>
      </c>
      <c r="D31085" t="s">
        <v>19262</v>
      </c>
      <c r="E31085" t="s">
        <v>19203</v>
      </c>
      <c r="F31085" t="s">
        <v>19204</v>
      </c>
      <c r="G31085" t="s">
        <v>10734</v>
      </c>
      <c r="H31085" t="s">
        <v>10735</v>
      </c>
      <c r="I31085" s="2">
        <v>0</v>
      </c>
      <c r="J31085" s="2">
        <v>0</v>
      </c>
      <c r="K31085" s="2">
        <v>1</v>
      </c>
      <c r="L31085" t="s">
        <v>995</v>
      </c>
      <c r="M31085" t="s">
        <v>83</v>
      </c>
      <c r="N31085" t="s">
        <v>91</v>
      </c>
      <c r="O31085" t="s">
        <v>85</v>
      </c>
      <c r="P31085" t="s">
        <v>86</v>
      </c>
      <c r="Q31085">
        <v>47</v>
      </c>
      <c r="R31085">
        <v>48</v>
      </c>
      <c r="S31085">
        <v>49</v>
      </c>
      <c r="T31085">
        <v>49</v>
      </c>
      <c r="U31085">
        <v>50</v>
      </c>
      <c r="V31085">
        <v>50</v>
      </c>
      <c r="W31085">
        <v>51</v>
      </c>
      <c r="X31085">
        <v>51</v>
      </c>
      <c r="Y31085">
        <v>52</v>
      </c>
      <c r="Z31085">
        <v>52</v>
      </c>
      <c r="AA31085">
        <v>53</v>
      </c>
      <c r="AB31085">
        <v>54</v>
      </c>
      <c r="AC31085">
        <v>54</v>
      </c>
      <c r="AD31085">
        <v>54</v>
      </c>
      <c r="AE31085">
        <v>55</v>
      </c>
      <c r="AF31085">
        <v>55</v>
      </c>
      <c r="AG31085">
        <v>56</v>
      </c>
      <c r="AH31085">
        <v>56</v>
      </c>
      <c r="AI31085">
        <v>57</v>
      </c>
      <c r="AJ31085">
        <v>57</v>
      </c>
      <c r="AK31085">
        <v>58</v>
      </c>
      <c r="AL31085">
        <v>58</v>
      </c>
      <c r="AM31085">
        <v>58</v>
      </c>
      <c r="AN31085">
        <v>58</v>
      </c>
      <c r="AO31085">
        <v>58</v>
      </c>
      <c r="AP31085">
        <v>58</v>
      </c>
      <c r="AQ31085">
        <v>57</v>
      </c>
    </row>
    <row r="31086" spans="1:43">
      <c r="A31086" t="s">
        <v>19263</v>
      </c>
      <c r="B31086" t="s">
        <v>19264</v>
      </c>
      <c r="C31086" t="s">
        <v>19261</v>
      </c>
      <c r="D31086" t="s">
        <v>19262</v>
      </c>
      <c r="E31086" t="s">
        <v>19203</v>
      </c>
      <c r="F31086" t="s">
        <v>19204</v>
      </c>
      <c r="G31086" t="s">
        <v>10734</v>
      </c>
      <c r="H31086" t="s">
        <v>10735</v>
      </c>
      <c r="I31086" s="2">
        <v>0</v>
      </c>
      <c r="J31086" s="2">
        <v>0</v>
      </c>
      <c r="K31086" s="2">
        <v>1</v>
      </c>
      <c r="L31086" t="s">
        <v>995</v>
      </c>
      <c r="M31086" t="s">
        <v>83</v>
      </c>
      <c r="N31086" t="s">
        <v>84</v>
      </c>
      <c r="O31086" t="s">
        <v>85</v>
      </c>
      <c r="P31086" t="s">
        <v>86</v>
      </c>
      <c r="Q31086">
        <v>51</v>
      </c>
      <c r="R31086">
        <v>52</v>
      </c>
      <c r="S31086">
        <v>53</v>
      </c>
      <c r="T31086">
        <v>53</v>
      </c>
      <c r="U31086">
        <v>54</v>
      </c>
      <c r="V31086">
        <v>54</v>
      </c>
      <c r="W31086">
        <v>55</v>
      </c>
      <c r="X31086">
        <v>56</v>
      </c>
      <c r="Y31086">
        <v>56</v>
      </c>
      <c r="Z31086">
        <v>57</v>
      </c>
      <c r="AA31086">
        <v>57</v>
      </c>
      <c r="AB31086">
        <v>58</v>
      </c>
      <c r="AC31086">
        <v>58</v>
      </c>
      <c r="AD31086">
        <v>59</v>
      </c>
      <c r="AE31086">
        <v>60</v>
      </c>
      <c r="AF31086">
        <v>60</v>
      </c>
      <c r="AG31086">
        <v>61</v>
      </c>
      <c r="AH31086">
        <v>61</v>
      </c>
      <c r="AI31086">
        <v>62</v>
      </c>
      <c r="AJ31086">
        <v>62</v>
      </c>
      <c r="AK31086">
        <v>63</v>
      </c>
      <c r="AL31086">
        <v>63</v>
      </c>
      <c r="AM31086">
        <v>63</v>
      </c>
      <c r="AN31086">
        <v>62</v>
      </c>
      <c r="AO31086">
        <v>62</v>
      </c>
      <c r="AP31086">
        <v>62</v>
      </c>
      <c r="AQ31086">
        <v>62</v>
      </c>
    </row>
    <row r="31087" spans="1:43">
      <c r="A31087" t="s">
        <v>19263</v>
      </c>
      <c r="B31087" t="s">
        <v>19264</v>
      </c>
      <c r="C31087" t="s">
        <v>19261</v>
      </c>
      <c r="D31087" t="s">
        <v>19262</v>
      </c>
      <c r="E31087" t="s">
        <v>19203</v>
      </c>
      <c r="F31087" t="s">
        <v>19204</v>
      </c>
      <c r="G31087" t="s">
        <v>10734</v>
      </c>
      <c r="H31087" t="s">
        <v>10735</v>
      </c>
      <c r="I31087" s="2">
        <v>0</v>
      </c>
      <c r="J31087" s="2">
        <v>0</v>
      </c>
      <c r="K31087" s="2">
        <v>1</v>
      </c>
      <c r="L31087" t="s">
        <v>995</v>
      </c>
      <c r="M31087" t="s">
        <v>87</v>
      </c>
      <c r="N31087" t="s">
        <v>88</v>
      </c>
      <c r="O31087" t="s">
        <v>85</v>
      </c>
      <c r="P31087" t="s">
        <v>86</v>
      </c>
      <c r="Q31087">
        <v>51</v>
      </c>
      <c r="R31087">
        <v>51</v>
      </c>
      <c r="S31087">
        <v>51</v>
      </c>
      <c r="T31087">
        <v>51</v>
      </c>
      <c r="U31087">
        <v>51</v>
      </c>
      <c r="V31087">
        <v>52</v>
      </c>
      <c r="W31087">
        <v>52</v>
      </c>
      <c r="X31087">
        <v>52</v>
      </c>
      <c r="Y31087">
        <v>52</v>
      </c>
      <c r="Z31087">
        <v>52</v>
      </c>
      <c r="AA31087">
        <v>52</v>
      </c>
      <c r="AB31087">
        <v>52</v>
      </c>
      <c r="AC31087">
        <v>52</v>
      </c>
      <c r="AD31087">
        <v>53</v>
      </c>
      <c r="AE31087">
        <v>53</v>
      </c>
      <c r="AF31087">
        <v>53</v>
      </c>
      <c r="AG31087">
        <v>53</v>
      </c>
      <c r="AH31087">
        <v>53</v>
      </c>
      <c r="AI31087">
        <v>53</v>
      </c>
      <c r="AJ31087">
        <v>53</v>
      </c>
      <c r="AK31087">
        <v>53</v>
      </c>
      <c r="AL31087">
        <v>53</v>
      </c>
      <c r="AM31087">
        <v>53</v>
      </c>
      <c r="AN31087">
        <v>54</v>
      </c>
      <c r="AO31087">
        <v>54</v>
      </c>
      <c r="AP31087">
        <v>54</v>
      </c>
      <c r="AQ31087">
        <v>54</v>
      </c>
    </row>
    <row r="31088" spans="1:43">
      <c r="A31088" t="s">
        <v>19263</v>
      </c>
      <c r="B31088" t="s">
        <v>19264</v>
      </c>
      <c r="C31088" t="s">
        <v>19261</v>
      </c>
      <c r="D31088" t="s">
        <v>19262</v>
      </c>
      <c r="E31088" t="s">
        <v>19203</v>
      </c>
      <c r="F31088" t="s">
        <v>19204</v>
      </c>
      <c r="G31088" t="s">
        <v>10734</v>
      </c>
      <c r="H31088" t="s">
        <v>10735</v>
      </c>
      <c r="I31088" s="2">
        <v>0</v>
      </c>
      <c r="J31088" s="2">
        <v>0</v>
      </c>
      <c r="K31088" s="2">
        <v>1</v>
      </c>
      <c r="L31088" t="s">
        <v>995</v>
      </c>
      <c r="M31088" t="s">
        <v>89</v>
      </c>
      <c r="N31088" t="s">
        <v>90</v>
      </c>
      <c r="O31088" t="s">
        <v>85</v>
      </c>
      <c r="P31088" t="s">
        <v>86</v>
      </c>
      <c r="Q31088">
        <v>51</v>
      </c>
      <c r="R31088">
        <v>52</v>
      </c>
      <c r="S31088">
        <v>53</v>
      </c>
      <c r="T31088">
        <v>54</v>
      </c>
      <c r="U31088">
        <v>55</v>
      </c>
      <c r="V31088">
        <v>56</v>
      </c>
      <c r="W31088">
        <v>57</v>
      </c>
      <c r="X31088">
        <v>58</v>
      </c>
      <c r="Y31088">
        <v>59</v>
      </c>
      <c r="Z31088">
        <v>59</v>
      </c>
      <c r="AA31088">
        <v>60</v>
      </c>
      <c r="AB31088">
        <v>61</v>
      </c>
      <c r="AC31088">
        <v>62</v>
      </c>
      <c r="AD31088">
        <v>62</v>
      </c>
      <c r="AE31088">
        <v>63</v>
      </c>
      <c r="AF31088">
        <v>63</v>
      </c>
      <c r="AG31088">
        <v>63</v>
      </c>
      <c r="AH31088">
        <v>63</v>
      </c>
      <c r="AI31088">
        <v>63</v>
      </c>
      <c r="AJ31088">
        <v>63</v>
      </c>
      <c r="AK31088">
        <v>62</v>
      </c>
      <c r="AL31088">
        <v>62</v>
      </c>
      <c r="AM31088">
        <v>62</v>
      </c>
      <c r="AN31088">
        <v>62</v>
      </c>
      <c r="AO31088">
        <v>62</v>
      </c>
      <c r="AP31088">
        <v>62</v>
      </c>
      <c r="AQ31088">
        <v>62</v>
      </c>
    </row>
    <row r="31089" spans="1:43">
      <c r="A31089" t="s">
        <v>19263</v>
      </c>
      <c r="B31089" t="s">
        <v>19264</v>
      </c>
      <c r="C31089" t="s">
        <v>19261</v>
      </c>
      <c r="D31089" t="s">
        <v>19262</v>
      </c>
      <c r="E31089" t="s">
        <v>19203</v>
      </c>
      <c r="F31089" t="s">
        <v>19204</v>
      </c>
      <c r="G31089" t="s">
        <v>10734</v>
      </c>
      <c r="H31089" t="s">
        <v>10735</v>
      </c>
      <c r="I31089" s="2">
        <v>0</v>
      </c>
      <c r="J31089" s="2">
        <v>0</v>
      </c>
      <c r="K31089" s="2">
        <v>1</v>
      </c>
      <c r="L31089" t="s">
        <v>995</v>
      </c>
      <c r="M31089" t="s">
        <v>83</v>
      </c>
      <c r="N31089" t="s">
        <v>91</v>
      </c>
      <c r="O31089" t="s">
        <v>85</v>
      </c>
      <c r="P31089" t="s">
        <v>86</v>
      </c>
      <c r="Q31089">
        <v>51</v>
      </c>
      <c r="R31089">
        <v>52</v>
      </c>
      <c r="S31089">
        <v>53</v>
      </c>
      <c r="T31089">
        <v>53</v>
      </c>
      <c r="U31089">
        <v>54</v>
      </c>
      <c r="V31089">
        <v>54</v>
      </c>
      <c r="W31089">
        <v>55</v>
      </c>
      <c r="X31089">
        <v>56</v>
      </c>
      <c r="Y31089">
        <v>56</v>
      </c>
      <c r="Z31089">
        <v>57</v>
      </c>
      <c r="AA31089">
        <v>57</v>
      </c>
      <c r="AB31089">
        <v>58</v>
      </c>
      <c r="AC31089">
        <v>58</v>
      </c>
      <c r="AD31089">
        <v>59</v>
      </c>
      <c r="AE31089">
        <v>60</v>
      </c>
      <c r="AF31089">
        <v>60</v>
      </c>
      <c r="AG31089">
        <v>61</v>
      </c>
      <c r="AH31089">
        <v>61</v>
      </c>
      <c r="AI31089">
        <v>62</v>
      </c>
      <c r="AJ31089">
        <v>62</v>
      </c>
      <c r="AK31089">
        <v>63</v>
      </c>
      <c r="AL31089">
        <v>63</v>
      </c>
      <c r="AM31089">
        <v>63</v>
      </c>
      <c r="AN31089">
        <v>62</v>
      </c>
      <c r="AO31089">
        <v>62</v>
      </c>
      <c r="AP31089">
        <v>62</v>
      </c>
      <c r="AQ31089">
        <v>62</v>
      </c>
    </row>
    <row r="31090" spans="1:43">
      <c r="A31090" t="s">
        <v>19265</v>
      </c>
      <c r="B31090" t="s">
        <v>19266</v>
      </c>
      <c r="C31090" t="s">
        <v>19261</v>
      </c>
      <c r="D31090" t="s">
        <v>19262</v>
      </c>
      <c r="E31090" t="s">
        <v>19203</v>
      </c>
      <c r="F31090" t="s">
        <v>19204</v>
      </c>
      <c r="G31090" t="s">
        <v>10734</v>
      </c>
      <c r="H31090" t="s">
        <v>10735</v>
      </c>
      <c r="I31090" s="2">
        <v>0</v>
      </c>
      <c r="J31090" s="2">
        <v>0</v>
      </c>
      <c r="K31090" s="2">
        <v>1</v>
      </c>
      <c r="L31090" t="s">
        <v>995</v>
      </c>
      <c r="M31090" t="s">
        <v>83</v>
      </c>
      <c r="N31090" t="s">
        <v>84</v>
      </c>
      <c r="O31090" t="s">
        <v>85</v>
      </c>
      <c r="P31090" t="s">
        <v>86</v>
      </c>
      <c r="Q31090">
        <v>37</v>
      </c>
      <c r="R31090">
        <v>38</v>
      </c>
      <c r="S31090">
        <v>38</v>
      </c>
      <c r="T31090">
        <v>38</v>
      </c>
      <c r="U31090">
        <v>39</v>
      </c>
      <c r="V31090">
        <v>39</v>
      </c>
      <c r="W31090">
        <v>40</v>
      </c>
      <c r="X31090">
        <v>40</v>
      </c>
      <c r="Y31090">
        <v>40</v>
      </c>
      <c r="Z31090">
        <v>41</v>
      </c>
      <c r="AA31090">
        <v>41</v>
      </c>
      <c r="AB31090">
        <v>42</v>
      </c>
      <c r="AC31090">
        <v>42</v>
      </c>
      <c r="AD31090">
        <v>42</v>
      </c>
      <c r="AE31090">
        <v>43</v>
      </c>
      <c r="AF31090">
        <v>43</v>
      </c>
      <c r="AG31090">
        <v>43</v>
      </c>
      <c r="AH31090">
        <v>44</v>
      </c>
      <c r="AI31090">
        <v>44</v>
      </c>
      <c r="AJ31090">
        <v>44</v>
      </c>
      <c r="AK31090">
        <v>45</v>
      </c>
      <c r="AL31090">
        <v>45</v>
      </c>
      <c r="AM31090">
        <v>45</v>
      </c>
      <c r="AN31090">
        <v>44</v>
      </c>
      <c r="AO31090">
        <v>44</v>
      </c>
      <c r="AP31090">
        <v>44</v>
      </c>
      <c r="AQ31090">
        <v>44</v>
      </c>
    </row>
    <row r="31091" spans="1:43">
      <c r="A31091" t="s">
        <v>19265</v>
      </c>
      <c r="B31091" t="s">
        <v>19266</v>
      </c>
      <c r="C31091" t="s">
        <v>19261</v>
      </c>
      <c r="D31091" t="s">
        <v>19262</v>
      </c>
      <c r="E31091" t="s">
        <v>19203</v>
      </c>
      <c r="F31091" t="s">
        <v>19204</v>
      </c>
      <c r="G31091" t="s">
        <v>10734</v>
      </c>
      <c r="H31091" t="s">
        <v>10735</v>
      </c>
      <c r="I31091" s="2">
        <v>0</v>
      </c>
      <c r="J31091" s="2">
        <v>0</v>
      </c>
      <c r="K31091" s="2">
        <v>1</v>
      </c>
      <c r="L31091" t="s">
        <v>995</v>
      </c>
      <c r="M31091" t="s">
        <v>87</v>
      </c>
      <c r="N31091" t="s">
        <v>88</v>
      </c>
      <c r="O31091" t="s">
        <v>85</v>
      </c>
      <c r="P31091" t="s">
        <v>86</v>
      </c>
      <c r="Q31091">
        <v>37</v>
      </c>
      <c r="R31091">
        <v>37</v>
      </c>
      <c r="S31091">
        <v>37</v>
      </c>
      <c r="T31091">
        <v>37</v>
      </c>
      <c r="U31091">
        <v>37</v>
      </c>
      <c r="V31091">
        <v>37</v>
      </c>
      <c r="W31091">
        <v>37</v>
      </c>
      <c r="X31091">
        <v>37</v>
      </c>
      <c r="Y31091">
        <v>37</v>
      </c>
      <c r="Z31091">
        <v>37</v>
      </c>
      <c r="AA31091">
        <v>38</v>
      </c>
      <c r="AB31091">
        <v>38</v>
      </c>
      <c r="AC31091">
        <v>38</v>
      </c>
      <c r="AD31091">
        <v>38</v>
      </c>
      <c r="AE31091">
        <v>38</v>
      </c>
      <c r="AF31091">
        <v>38</v>
      </c>
      <c r="AG31091">
        <v>38</v>
      </c>
      <c r="AH31091">
        <v>38</v>
      </c>
      <c r="AI31091">
        <v>38</v>
      </c>
      <c r="AJ31091">
        <v>38</v>
      </c>
      <c r="AK31091">
        <v>38</v>
      </c>
      <c r="AL31091">
        <v>38</v>
      </c>
      <c r="AM31091">
        <v>38</v>
      </c>
      <c r="AN31091">
        <v>38</v>
      </c>
      <c r="AO31091">
        <v>38</v>
      </c>
      <c r="AP31091">
        <v>38</v>
      </c>
      <c r="AQ31091">
        <v>38</v>
      </c>
    </row>
    <row r="31092" spans="1:43">
      <c r="A31092" t="s">
        <v>19265</v>
      </c>
      <c r="B31092" t="s">
        <v>19266</v>
      </c>
      <c r="C31092" t="s">
        <v>19261</v>
      </c>
      <c r="D31092" t="s">
        <v>19262</v>
      </c>
      <c r="E31092" t="s">
        <v>19203</v>
      </c>
      <c r="F31092" t="s">
        <v>19204</v>
      </c>
      <c r="G31092" t="s">
        <v>10734</v>
      </c>
      <c r="H31092" t="s">
        <v>10735</v>
      </c>
      <c r="I31092" s="2">
        <v>0</v>
      </c>
      <c r="J31092" s="2">
        <v>0</v>
      </c>
      <c r="K31092" s="2">
        <v>1</v>
      </c>
      <c r="L31092" t="s">
        <v>995</v>
      </c>
      <c r="M31092" t="s">
        <v>89</v>
      </c>
      <c r="N31092" t="s">
        <v>90</v>
      </c>
      <c r="O31092" t="s">
        <v>85</v>
      </c>
      <c r="P31092" t="s">
        <v>86</v>
      </c>
      <c r="Q31092">
        <v>37</v>
      </c>
      <c r="R31092">
        <v>38</v>
      </c>
      <c r="S31092">
        <v>39</v>
      </c>
      <c r="T31092">
        <v>40</v>
      </c>
      <c r="U31092">
        <v>40</v>
      </c>
      <c r="V31092">
        <v>41</v>
      </c>
      <c r="W31092">
        <v>42</v>
      </c>
      <c r="X31092">
        <v>42</v>
      </c>
      <c r="Y31092">
        <v>43</v>
      </c>
      <c r="Z31092">
        <v>43</v>
      </c>
      <c r="AA31092">
        <v>44</v>
      </c>
      <c r="AB31092">
        <v>44</v>
      </c>
      <c r="AC31092">
        <v>45</v>
      </c>
      <c r="AD31092">
        <v>45</v>
      </c>
      <c r="AE31092">
        <v>46</v>
      </c>
      <c r="AF31092">
        <v>46</v>
      </c>
      <c r="AG31092">
        <v>46</v>
      </c>
      <c r="AH31092">
        <v>45</v>
      </c>
      <c r="AI31092">
        <v>45</v>
      </c>
      <c r="AJ31092">
        <v>45</v>
      </c>
      <c r="AK31092">
        <v>45</v>
      </c>
      <c r="AL31092">
        <v>45</v>
      </c>
      <c r="AM31092">
        <v>45</v>
      </c>
      <c r="AN31092">
        <v>45</v>
      </c>
      <c r="AO31092">
        <v>45</v>
      </c>
      <c r="AP31092">
        <v>45</v>
      </c>
      <c r="AQ31092">
        <v>45</v>
      </c>
    </row>
    <row r="31093" spans="1:43">
      <c r="A31093" t="s">
        <v>19265</v>
      </c>
      <c r="B31093" t="s">
        <v>19266</v>
      </c>
      <c r="C31093" t="s">
        <v>19261</v>
      </c>
      <c r="D31093" t="s">
        <v>19262</v>
      </c>
      <c r="E31093" t="s">
        <v>19203</v>
      </c>
      <c r="F31093" t="s">
        <v>19204</v>
      </c>
      <c r="G31093" t="s">
        <v>10734</v>
      </c>
      <c r="H31093" t="s">
        <v>10735</v>
      </c>
      <c r="I31093" s="2">
        <v>0</v>
      </c>
      <c r="J31093" s="2">
        <v>0</v>
      </c>
      <c r="K31093" s="2">
        <v>1</v>
      </c>
      <c r="L31093" t="s">
        <v>995</v>
      </c>
      <c r="M31093" t="s">
        <v>83</v>
      </c>
      <c r="N31093" t="s">
        <v>91</v>
      </c>
      <c r="O31093" t="s">
        <v>85</v>
      </c>
      <c r="P31093" t="s">
        <v>86</v>
      </c>
      <c r="Q31093">
        <v>37</v>
      </c>
      <c r="R31093">
        <v>38</v>
      </c>
      <c r="S31093">
        <v>38</v>
      </c>
      <c r="T31093">
        <v>38</v>
      </c>
      <c r="U31093">
        <v>39</v>
      </c>
      <c r="V31093">
        <v>39</v>
      </c>
      <c r="W31093">
        <v>40</v>
      </c>
      <c r="X31093">
        <v>40</v>
      </c>
      <c r="Y31093">
        <v>40</v>
      </c>
      <c r="Z31093">
        <v>41</v>
      </c>
      <c r="AA31093">
        <v>41</v>
      </c>
      <c r="AB31093">
        <v>42</v>
      </c>
      <c r="AC31093">
        <v>42</v>
      </c>
      <c r="AD31093">
        <v>42</v>
      </c>
      <c r="AE31093">
        <v>43</v>
      </c>
      <c r="AF31093">
        <v>43</v>
      </c>
      <c r="AG31093">
        <v>43</v>
      </c>
      <c r="AH31093">
        <v>44</v>
      </c>
      <c r="AI31093">
        <v>44</v>
      </c>
      <c r="AJ31093">
        <v>44</v>
      </c>
      <c r="AK31093">
        <v>45</v>
      </c>
      <c r="AL31093">
        <v>45</v>
      </c>
      <c r="AM31093">
        <v>45</v>
      </c>
      <c r="AN31093">
        <v>44</v>
      </c>
      <c r="AO31093">
        <v>44</v>
      </c>
      <c r="AP31093">
        <v>44</v>
      </c>
      <c r="AQ31093">
        <v>44</v>
      </c>
    </row>
    <row r="31094" spans="1:43">
      <c r="A31094" t="s">
        <v>19267</v>
      </c>
      <c r="B31094" t="s">
        <v>19268</v>
      </c>
      <c r="C31094" t="s">
        <v>19261</v>
      </c>
      <c r="D31094" t="s">
        <v>19262</v>
      </c>
      <c r="E31094" t="s">
        <v>19203</v>
      </c>
      <c r="F31094" t="s">
        <v>19204</v>
      </c>
      <c r="G31094" t="s">
        <v>10734</v>
      </c>
      <c r="H31094" t="s">
        <v>10735</v>
      </c>
      <c r="I31094" s="2">
        <v>0</v>
      </c>
      <c r="J31094" s="2">
        <v>0</v>
      </c>
      <c r="K31094" s="2">
        <v>1</v>
      </c>
      <c r="L31094" t="s">
        <v>995</v>
      </c>
      <c r="M31094" t="s">
        <v>83</v>
      </c>
      <c r="N31094" t="s">
        <v>84</v>
      </c>
      <c r="O31094" t="s">
        <v>85</v>
      </c>
      <c r="P31094" t="s">
        <v>86</v>
      </c>
      <c r="Q31094">
        <v>8</v>
      </c>
      <c r="R31094">
        <v>9</v>
      </c>
      <c r="S31094">
        <v>9</v>
      </c>
      <c r="T31094">
        <v>9</v>
      </c>
      <c r="U31094">
        <v>9</v>
      </c>
      <c r="V31094">
        <v>9</v>
      </c>
      <c r="W31094">
        <v>9</v>
      </c>
      <c r="X31094">
        <v>9</v>
      </c>
      <c r="Y31094">
        <v>9</v>
      </c>
      <c r="Z31094">
        <v>9</v>
      </c>
      <c r="AA31094">
        <v>9</v>
      </c>
      <c r="AB31094">
        <v>10</v>
      </c>
      <c r="AC31094">
        <v>10</v>
      </c>
      <c r="AD31094">
        <v>10</v>
      </c>
      <c r="AE31094">
        <v>10</v>
      </c>
      <c r="AF31094">
        <v>10</v>
      </c>
      <c r="AG31094">
        <v>10</v>
      </c>
      <c r="AH31094">
        <v>10</v>
      </c>
      <c r="AI31094">
        <v>10</v>
      </c>
      <c r="AJ31094">
        <v>10</v>
      </c>
      <c r="AK31094">
        <v>10</v>
      </c>
      <c r="AL31094">
        <v>10</v>
      </c>
      <c r="AM31094">
        <v>10</v>
      </c>
      <c r="AN31094">
        <v>10</v>
      </c>
      <c r="AO31094">
        <v>10</v>
      </c>
      <c r="AP31094">
        <v>10</v>
      </c>
      <c r="AQ31094">
        <v>10</v>
      </c>
    </row>
    <row r="31095" spans="1:43">
      <c r="A31095" t="s">
        <v>19267</v>
      </c>
      <c r="B31095" t="s">
        <v>19268</v>
      </c>
      <c r="C31095" t="s">
        <v>19261</v>
      </c>
      <c r="D31095" t="s">
        <v>19262</v>
      </c>
      <c r="E31095" t="s">
        <v>19203</v>
      </c>
      <c r="F31095" t="s">
        <v>19204</v>
      </c>
      <c r="G31095" t="s">
        <v>10734</v>
      </c>
      <c r="H31095" t="s">
        <v>10735</v>
      </c>
      <c r="I31095" s="2">
        <v>0</v>
      </c>
      <c r="J31095" s="2">
        <v>0</v>
      </c>
      <c r="K31095" s="2">
        <v>1</v>
      </c>
      <c r="L31095" t="s">
        <v>995</v>
      </c>
      <c r="M31095" t="s">
        <v>87</v>
      </c>
      <c r="N31095" t="s">
        <v>88</v>
      </c>
      <c r="O31095" t="s">
        <v>85</v>
      </c>
      <c r="P31095" t="s">
        <v>86</v>
      </c>
      <c r="Q31095">
        <v>8</v>
      </c>
      <c r="R31095">
        <v>8</v>
      </c>
      <c r="S31095">
        <v>8</v>
      </c>
      <c r="T31095">
        <v>8</v>
      </c>
      <c r="U31095">
        <v>8</v>
      </c>
      <c r="V31095">
        <v>8</v>
      </c>
      <c r="W31095">
        <v>8</v>
      </c>
      <c r="X31095">
        <v>9</v>
      </c>
      <c r="Y31095">
        <v>9</v>
      </c>
      <c r="Z31095">
        <v>9</v>
      </c>
      <c r="AA31095">
        <v>9</v>
      </c>
      <c r="AB31095">
        <v>9</v>
      </c>
      <c r="AC31095">
        <v>9</v>
      </c>
      <c r="AD31095">
        <v>9</v>
      </c>
      <c r="AE31095">
        <v>9</v>
      </c>
      <c r="AF31095">
        <v>9</v>
      </c>
      <c r="AG31095">
        <v>9</v>
      </c>
      <c r="AH31095">
        <v>9</v>
      </c>
      <c r="AI31095">
        <v>9</v>
      </c>
      <c r="AJ31095">
        <v>9</v>
      </c>
      <c r="AK31095">
        <v>9</v>
      </c>
      <c r="AL31095">
        <v>9</v>
      </c>
      <c r="AM31095">
        <v>9</v>
      </c>
      <c r="AN31095">
        <v>9</v>
      </c>
      <c r="AO31095">
        <v>9</v>
      </c>
      <c r="AP31095">
        <v>9</v>
      </c>
      <c r="AQ31095">
        <v>9</v>
      </c>
    </row>
    <row r="31096" spans="1:43">
      <c r="A31096" t="s">
        <v>19267</v>
      </c>
      <c r="B31096" t="s">
        <v>19268</v>
      </c>
      <c r="C31096" t="s">
        <v>19261</v>
      </c>
      <c r="D31096" t="s">
        <v>19262</v>
      </c>
      <c r="E31096" t="s">
        <v>19203</v>
      </c>
      <c r="F31096" t="s">
        <v>19204</v>
      </c>
      <c r="G31096" t="s">
        <v>10734</v>
      </c>
      <c r="H31096" t="s">
        <v>10735</v>
      </c>
      <c r="I31096" s="2">
        <v>0</v>
      </c>
      <c r="J31096" s="2">
        <v>0</v>
      </c>
      <c r="K31096" s="2">
        <v>1</v>
      </c>
      <c r="L31096" t="s">
        <v>995</v>
      </c>
      <c r="M31096" t="s">
        <v>89</v>
      </c>
      <c r="N31096" t="s">
        <v>90</v>
      </c>
      <c r="O31096" t="s">
        <v>85</v>
      </c>
      <c r="P31096" t="s">
        <v>86</v>
      </c>
      <c r="Q31096">
        <v>8</v>
      </c>
      <c r="R31096">
        <v>8</v>
      </c>
      <c r="S31096">
        <v>8</v>
      </c>
      <c r="T31096">
        <v>8</v>
      </c>
      <c r="U31096">
        <v>8</v>
      </c>
      <c r="V31096">
        <v>8</v>
      </c>
      <c r="W31096">
        <v>9</v>
      </c>
      <c r="X31096">
        <v>9</v>
      </c>
      <c r="Y31096">
        <v>9</v>
      </c>
      <c r="Z31096">
        <v>9</v>
      </c>
      <c r="AA31096">
        <v>9</v>
      </c>
      <c r="AB31096">
        <v>9</v>
      </c>
      <c r="AC31096">
        <v>9</v>
      </c>
      <c r="AD31096">
        <v>9</v>
      </c>
      <c r="AE31096">
        <v>9</v>
      </c>
      <c r="AF31096">
        <v>9</v>
      </c>
      <c r="AG31096">
        <v>9</v>
      </c>
      <c r="AH31096">
        <v>9</v>
      </c>
      <c r="AI31096">
        <v>9</v>
      </c>
      <c r="AJ31096">
        <v>9</v>
      </c>
      <c r="AK31096">
        <v>9</v>
      </c>
      <c r="AL31096">
        <v>9</v>
      </c>
      <c r="AM31096">
        <v>9</v>
      </c>
      <c r="AN31096">
        <v>9</v>
      </c>
      <c r="AO31096">
        <v>9</v>
      </c>
      <c r="AP31096">
        <v>9</v>
      </c>
      <c r="AQ31096">
        <v>9</v>
      </c>
    </row>
    <row r="31097" spans="1:43">
      <c r="A31097" t="s">
        <v>19267</v>
      </c>
      <c r="B31097" t="s">
        <v>19268</v>
      </c>
      <c r="C31097" t="s">
        <v>19261</v>
      </c>
      <c r="D31097" t="s">
        <v>19262</v>
      </c>
      <c r="E31097" t="s">
        <v>19203</v>
      </c>
      <c r="F31097" t="s">
        <v>19204</v>
      </c>
      <c r="G31097" t="s">
        <v>10734</v>
      </c>
      <c r="H31097" t="s">
        <v>10735</v>
      </c>
      <c r="I31097" s="2">
        <v>0</v>
      </c>
      <c r="J31097" s="2">
        <v>0</v>
      </c>
      <c r="K31097" s="2">
        <v>1</v>
      </c>
      <c r="L31097" t="s">
        <v>995</v>
      </c>
      <c r="M31097" t="s">
        <v>83</v>
      </c>
      <c r="N31097" t="s">
        <v>91</v>
      </c>
      <c r="O31097" t="s">
        <v>85</v>
      </c>
      <c r="P31097" t="s">
        <v>86</v>
      </c>
      <c r="Q31097">
        <v>8</v>
      </c>
      <c r="R31097">
        <v>9</v>
      </c>
      <c r="S31097">
        <v>9</v>
      </c>
      <c r="T31097">
        <v>9</v>
      </c>
      <c r="U31097">
        <v>9</v>
      </c>
      <c r="V31097">
        <v>9</v>
      </c>
      <c r="W31097">
        <v>9</v>
      </c>
      <c r="X31097">
        <v>9</v>
      </c>
      <c r="Y31097">
        <v>9</v>
      </c>
      <c r="Z31097">
        <v>9</v>
      </c>
      <c r="AA31097">
        <v>9</v>
      </c>
      <c r="AB31097">
        <v>10</v>
      </c>
      <c r="AC31097">
        <v>10</v>
      </c>
      <c r="AD31097">
        <v>10</v>
      </c>
      <c r="AE31097">
        <v>10</v>
      </c>
      <c r="AF31097">
        <v>10</v>
      </c>
      <c r="AG31097">
        <v>10</v>
      </c>
      <c r="AH31097">
        <v>10</v>
      </c>
      <c r="AI31097">
        <v>10</v>
      </c>
      <c r="AJ31097">
        <v>10</v>
      </c>
      <c r="AK31097">
        <v>10</v>
      </c>
      <c r="AL31097">
        <v>10</v>
      </c>
      <c r="AM31097">
        <v>10</v>
      </c>
      <c r="AN31097">
        <v>10</v>
      </c>
      <c r="AO31097">
        <v>10</v>
      </c>
      <c r="AP31097">
        <v>10</v>
      </c>
      <c r="AQ31097">
        <v>10</v>
      </c>
    </row>
    <row r="31098" spans="1:43">
      <c r="A31098" t="s">
        <v>19269</v>
      </c>
      <c r="B31098" t="s">
        <v>19270</v>
      </c>
      <c r="C31098" t="s">
        <v>19231</v>
      </c>
      <c r="D31098" t="s">
        <v>19232</v>
      </c>
      <c r="E31098" t="s">
        <v>19203</v>
      </c>
      <c r="F31098" t="s">
        <v>19204</v>
      </c>
      <c r="G31098" t="s">
        <v>10734</v>
      </c>
      <c r="H31098" t="s">
        <v>10735</v>
      </c>
      <c r="I31098" s="2">
        <v>0</v>
      </c>
      <c r="J31098" s="2">
        <v>0</v>
      </c>
      <c r="K31098" s="2">
        <v>1</v>
      </c>
      <c r="L31098" t="s">
        <v>995</v>
      </c>
      <c r="M31098" t="s">
        <v>83</v>
      </c>
      <c r="N31098" t="s">
        <v>84</v>
      </c>
      <c r="O31098" t="s">
        <v>85</v>
      </c>
      <c r="P31098" t="s">
        <v>86</v>
      </c>
      <c r="Q31098">
        <v>15</v>
      </c>
      <c r="R31098">
        <v>15</v>
      </c>
      <c r="S31098">
        <v>16</v>
      </c>
      <c r="T31098">
        <v>16</v>
      </c>
      <c r="U31098">
        <v>16</v>
      </c>
      <c r="V31098">
        <v>16</v>
      </c>
      <c r="W31098">
        <v>16</v>
      </c>
      <c r="X31098">
        <v>16</v>
      </c>
      <c r="Y31098">
        <v>17</v>
      </c>
      <c r="Z31098">
        <v>17</v>
      </c>
      <c r="AA31098">
        <v>17</v>
      </c>
      <c r="AB31098">
        <v>17</v>
      </c>
      <c r="AC31098">
        <v>17</v>
      </c>
      <c r="AD31098">
        <v>17</v>
      </c>
      <c r="AE31098">
        <v>18</v>
      </c>
      <c r="AF31098">
        <v>18</v>
      </c>
      <c r="AG31098">
        <v>18</v>
      </c>
      <c r="AH31098">
        <v>18</v>
      </c>
      <c r="AI31098">
        <v>18</v>
      </c>
      <c r="AJ31098">
        <v>18</v>
      </c>
      <c r="AK31098">
        <v>19</v>
      </c>
      <c r="AL31098">
        <v>19</v>
      </c>
      <c r="AM31098">
        <v>19</v>
      </c>
      <c r="AN31098">
        <v>19</v>
      </c>
      <c r="AO31098">
        <v>19</v>
      </c>
      <c r="AP31098">
        <v>19</v>
      </c>
      <c r="AQ31098">
        <v>19</v>
      </c>
    </row>
    <row r="31099" spans="1:43">
      <c r="A31099" t="s">
        <v>19269</v>
      </c>
      <c r="B31099" t="s">
        <v>19270</v>
      </c>
      <c r="C31099" t="s">
        <v>19231</v>
      </c>
      <c r="D31099" t="s">
        <v>19232</v>
      </c>
      <c r="E31099" t="s">
        <v>19203</v>
      </c>
      <c r="F31099" t="s">
        <v>19204</v>
      </c>
      <c r="G31099" t="s">
        <v>10734</v>
      </c>
      <c r="H31099" t="s">
        <v>10735</v>
      </c>
      <c r="I31099" s="2">
        <v>0</v>
      </c>
      <c r="J31099" s="2">
        <v>0</v>
      </c>
      <c r="K31099" s="2">
        <v>1</v>
      </c>
      <c r="L31099" t="s">
        <v>995</v>
      </c>
      <c r="M31099" t="s">
        <v>87</v>
      </c>
      <c r="N31099" t="s">
        <v>88</v>
      </c>
      <c r="O31099" t="s">
        <v>85</v>
      </c>
      <c r="P31099" t="s">
        <v>86</v>
      </c>
      <c r="Q31099">
        <v>15</v>
      </c>
      <c r="R31099">
        <v>15</v>
      </c>
      <c r="S31099">
        <v>15</v>
      </c>
      <c r="T31099">
        <v>15</v>
      </c>
      <c r="U31099">
        <v>15</v>
      </c>
      <c r="V31099">
        <v>15</v>
      </c>
      <c r="W31099">
        <v>15</v>
      </c>
      <c r="X31099">
        <v>15</v>
      </c>
      <c r="Y31099">
        <v>15</v>
      </c>
      <c r="Z31099">
        <v>15</v>
      </c>
      <c r="AA31099">
        <v>15</v>
      </c>
      <c r="AB31099">
        <v>15</v>
      </c>
      <c r="AC31099">
        <v>16</v>
      </c>
      <c r="AD31099">
        <v>16</v>
      </c>
      <c r="AE31099">
        <v>16</v>
      </c>
      <c r="AF31099">
        <v>16</v>
      </c>
      <c r="AG31099">
        <v>16</v>
      </c>
      <c r="AH31099">
        <v>16</v>
      </c>
      <c r="AI31099">
        <v>16</v>
      </c>
      <c r="AJ31099">
        <v>16</v>
      </c>
      <c r="AK31099">
        <v>16</v>
      </c>
      <c r="AL31099">
        <v>16</v>
      </c>
      <c r="AM31099">
        <v>16</v>
      </c>
      <c r="AN31099">
        <v>16</v>
      </c>
      <c r="AO31099">
        <v>16</v>
      </c>
      <c r="AP31099">
        <v>16</v>
      </c>
      <c r="AQ31099">
        <v>16</v>
      </c>
    </row>
    <row r="31100" spans="1:43">
      <c r="A31100" t="s">
        <v>19269</v>
      </c>
      <c r="B31100" t="s">
        <v>19270</v>
      </c>
      <c r="C31100" t="s">
        <v>19231</v>
      </c>
      <c r="D31100" t="s">
        <v>19232</v>
      </c>
      <c r="E31100" t="s">
        <v>19203</v>
      </c>
      <c r="F31100" t="s">
        <v>19204</v>
      </c>
      <c r="G31100" t="s">
        <v>10734</v>
      </c>
      <c r="H31100" t="s">
        <v>10735</v>
      </c>
      <c r="I31100" s="2">
        <v>0</v>
      </c>
      <c r="J31100" s="2">
        <v>0</v>
      </c>
      <c r="K31100" s="2">
        <v>1</v>
      </c>
      <c r="L31100" t="s">
        <v>995</v>
      </c>
      <c r="M31100" t="s">
        <v>89</v>
      </c>
      <c r="N31100" t="s">
        <v>90</v>
      </c>
      <c r="O31100" t="s">
        <v>85</v>
      </c>
      <c r="P31100" t="s">
        <v>86</v>
      </c>
      <c r="Q31100">
        <v>15</v>
      </c>
      <c r="R31100">
        <v>16</v>
      </c>
      <c r="S31100">
        <v>16</v>
      </c>
      <c r="T31100">
        <v>16</v>
      </c>
      <c r="U31100">
        <v>17</v>
      </c>
      <c r="V31100">
        <v>17</v>
      </c>
      <c r="W31100">
        <v>17</v>
      </c>
      <c r="X31100">
        <v>17</v>
      </c>
      <c r="Y31100">
        <v>18</v>
      </c>
      <c r="Z31100">
        <v>18</v>
      </c>
      <c r="AA31100">
        <v>18</v>
      </c>
      <c r="AB31100">
        <v>18</v>
      </c>
      <c r="AC31100">
        <v>19</v>
      </c>
      <c r="AD31100">
        <v>19</v>
      </c>
      <c r="AE31100">
        <v>19</v>
      </c>
      <c r="AF31100">
        <v>19</v>
      </c>
      <c r="AG31100">
        <v>19</v>
      </c>
      <c r="AH31100">
        <v>19</v>
      </c>
      <c r="AI31100">
        <v>19</v>
      </c>
      <c r="AJ31100">
        <v>19</v>
      </c>
      <c r="AK31100">
        <v>19</v>
      </c>
      <c r="AL31100">
        <v>19</v>
      </c>
      <c r="AM31100">
        <v>19</v>
      </c>
      <c r="AN31100">
        <v>19</v>
      </c>
      <c r="AO31100">
        <v>19</v>
      </c>
      <c r="AP31100">
        <v>19</v>
      </c>
      <c r="AQ31100">
        <v>19</v>
      </c>
    </row>
    <row r="31101" spans="1:43">
      <c r="A31101" t="s">
        <v>19269</v>
      </c>
      <c r="B31101" t="s">
        <v>19270</v>
      </c>
      <c r="C31101" t="s">
        <v>19231</v>
      </c>
      <c r="D31101" t="s">
        <v>19232</v>
      </c>
      <c r="E31101" t="s">
        <v>19203</v>
      </c>
      <c r="F31101" t="s">
        <v>19204</v>
      </c>
      <c r="G31101" t="s">
        <v>10734</v>
      </c>
      <c r="H31101" t="s">
        <v>10735</v>
      </c>
      <c r="I31101" s="2">
        <v>0</v>
      </c>
      <c r="J31101" s="2">
        <v>0</v>
      </c>
      <c r="K31101" s="2">
        <v>1</v>
      </c>
      <c r="L31101" t="s">
        <v>995</v>
      </c>
      <c r="M31101" t="s">
        <v>83</v>
      </c>
      <c r="N31101" t="s">
        <v>91</v>
      </c>
      <c r="O31101" t="s">
        <v>85</v>
      </c>
      <c r="P31101" t="s">
        <v>86</v>
      </c>
      <c r="Q31101">
        <v>15</v>
      </c>
      <c r="R31101">
        <v>15</v>
      </c>
      <c r="S31101">
        <v>16</v>
      </c>
      <c r="T31101">
        <v>16</v>
      </c>
      <c r="U31101">
        <v>16</v>
      </c>
      <c r="V31101">
        <v>16</v>
      </c>
      <c r="W31101">
        <v>16</v>
      </c>
      <c r="X31101">
        <v>16</v>
      </c>
      <c r="Y31101">
        <v>17</v>
      </c>
      <c r="Z31101">
        <v>17</v>
      </c>
      <c r="AA31101">
        <v>17</v>
      </c>
      <c r="AB31101">
        <v>17</v>
      </c>
      <c r="AC31101">
        <v>17</v>
      </c>
      <c r="AD31101">
        <v>17</v>
      </c>
      <c r="AE31101">
        <v>18</v>
      </c>
      <c r="AF31101">
        <v>18</v>
      </c>
      <c r="AG31101">
        <v>18</v>
      </c>
      <c r="AH31101">
        <v>18</v>
      </c>
      <c r="AI31101">
        <v>18</v>
      </c>
      <c r="AJ31101">
        <v>18</v>
      </c>
      <c r="AK31101">
        <v>19</v>
      </c>
      <c r="AL31101">
        <v>19</v>
      </c>
      <c r="AM31101">
        <v>19</v>
      </c>
      <c r="AN31101">
        <v>19</v>
      </c>
      <c r="AO31101">
        <v>19</v>
      </c>
      <c r="AP31101">
        <v>19</v>
      </c>
      <c r="AQ31101">
        <v>19</v>
      </c>
    </row>
    <row r="31102" spans="1:43">
      <c r="A31102" t="s">
        <v>19271</v>
      </c>
      <c r="B31102" t="s">
        <v>19272</v>
      </c>
      <c r="C31102" t="s">
        <v>19231</v>
      </c>
      <c r="D31102" t="s">
        <v>19232</v>
      </c>
      <c r="E31102" t="s">
        <v>19203</v>
      </c>
      <c r="F31102" t="s">
        <v>19204</v>
      </c>
      <c r="G31102" t="s">
        <v>10734</v>
      </c>
      <c r="H31102" t="s">
        <v>10735</v>
      </c>
      <c r="I31102" s="2">
        <v>0</v>
      </c>
      <c r="J31102" s="2">
        <v>0</v>
      </c>
      <c r="K31102" s="2">
        <v>1</v>
      </c>
      <c r="L31102" t="s">
        <v>995</v>
      </c>
      <c r="M31102" t="s">
        <v>83</v>
      </c>
      <c r="N31102" t="s">
        <v>84</v>
      </c>
      <c r="O31102" t="s">
        <v>85</v>
      </c>
      <c r="P31102" t="s">
        <v>86</v>
      </c>
      <c r="Q31102">
        <v>43</v>
      </c>
      <c r="R31102">
        <v>44</v>
      </c>
      <c r="S31102">
        <v>45</v>
      </c>
      <c r="T31102">
        <v>45</v>
      </c>
      <c r="U31102">
        <v>46</v>
      </c>
      <c r="V31102">
        <v>46</v>
      </c>
      <c r="W31102">
        <v>47</v>
      </c>
      <c r="X31102">
        <v>47</v>
      </c>
      <c r="Y31102">
        <v>48</v>
      </c>
      <c r="Z31102">
        <v>48</v>
      </c>
      <c r="AA31102">
        <v>49</v>
      </c>
      <c r="AB31102">
        <v>49</v>
      </c>
      <c r="AC31102">
        <v>50</v>
      </c>
      <c r="AD31102">
        <v>50</v>
      </c>
      <c r="AE31102">
        <v>51</v>
      </c>
      <c r="AF31102">
        <v>51</v>
      </c>
      <c r="AG31102">
        <v>51</v>
      </c>
      <c r="AH31102">
        <v>52</v>
      </c>
      <c r="AI31102">
        <v>52</v>
      </c>
      <c r="AJ31102">
        <v>53</v>
      </c>
      <c r="AK31102">
        <v>53</v>
      </c>
      <c r="AL31102">
        <v>53</v>
      </c>
      <c r="AM31102">
        <v>53</v>
      </c>
      <c r="AN31102">
        <v>53</v>
      </c>
      <c r="AO31102">
        <v>53</v>
      </c>
      <c r="AP31102">
        <v>53</v>
      </c>
      <c r="AQ31102">
        <v>53</v>
      </c>
    </row>
    <row r="31103" spans="1:43">
      <c r="A31103" t="s">
        <v>19271</v>
      </c>
      <c r="B31103" t="s">
        <v>19272</v>
      </c>
      <c r="C31103" t="s">
        <v>19231</v>
      </c>
      <c r="D31103" t="s">
        <v>19232</v>
      </c>
      <c r="E31103" t="s">
        <v>19203</v>
      </c>
      <c r="F31103" t="s">
        <v>19204</v>
      </c>
      <c r="G31103" t="s">
        <v>10734</v>
      </c>
      <c r="H31103" t="s">
        <v>10735</v>
      </c>
      <c r="I31103" s="2">
        <v>0</v>
      </c>
      <c r="J31103" s="2">
        <v>0</v>
      </c>
      <c r="K31103" s="2">
        <v>1</v>
      </c>
      <c r="L31103" t="s">
        <v>995</v>
      </c>
      <c r="M31103" t="s">
        <v>87</v>
      </c>
      <c r="N31103" t="s">
        <v>88</v>
      </c>
      <c r="O31103" t="s">
        <v>85</v>
      </c>
      <c r="P31103" t="s">
        <v>86</v>
      </c>
      <c r="Q31103">
        <v>43</v>
      </c>
      <c r="R31103">
        <v>43</v>
      </c>
      <c r="S31103">
        <v>43</v>
      </c>
      <c r="T31103">
        <v>43</v>
      </c>
      <c r="U31103">
        <v>44</v>
      </c>
      <c r="V31103">
        <v>44</v>
      </c>
      <c r="W31103">
        <v>44</v>
      </c>
      <c r="X31103">
        <v>44</v>
      </c>
      <c r="Y31103">
        <v>44</v>
      </c>
      <c r="Z31103">
        <v>44</v>
      </c>
      <c r="AA31103">
        <v>44</v>
      </c>
      <c r="AB31103">
        <v>44</v>
      </c>
      <c r="AC31103">
        <v>45</v>
      </c>
      <c r="AD31103">
        <v>45</v>
      </c>
      <c r="AE31103">
        <v>45</v>
      </c>
      <c r="AF31103">
        <v>45</v>
      </c>
      <c r="AG31103">
        <v>45</v>
      </c>
      <c r="AH31103">
        <v>45</v>
      </c>
      <c r="AI31103">
        <v>45</v>
      </c>
      <c r="AJ31103">
        <v>45</v>
      </c>
      <c r="AK31103">
        <v>45</v>
      </c>
      <c r="AL31103">
        <v>45</v>
      </c>
      <c r="AM31103">
        <v>45</v>
      </c>
      <c r="AN31103">
        <v>45</v>
      </c>
      <c r="AO31103">
        <v>46</v>
      </c>
      <c r="AP31103">
        <v>46</v>
      </c>
      <c r="AQ31103">
        <v>46</v>
      </c>
    </row>
    <row r="31104" spans="1:43">
      <c r="A31104" t="s">
        <v>19271</v>
      </c>
      <c r="B31104" t="s">
        <v>19272</v>
      </c>
      <c r="C31104" t="s">
        <v>19231</v>
      </c>
      <c r="D31104" t="s">
        <v>19232</v>
      </c>
      <c r="E31104" t="s">
        <v>19203</v>
      </c>
      <c r="F31104" t="s">
        <v>19204</v>
      </c>
      <c r="G31104" t="s">
        <v>10734</v>
      </c>
      <c r="H31104" t="s">
        <v>10735</v>
      </c>
      <c r="I31104" s="2">
        <v>0</v>
      </c>
      <c r="J31104" s="2">
        <v>0</v>
      </c>
      <c r="K31104" s="2">
        <v>1</v>
      </c>
      <c r="L31104" t="s">
        <v>995</v>
      </c>
      <c r="M31104" t="s">
        <v>89</v>
      </c>
      <c r="N31104" t="s">
        <v>90</v>
      </c>
      <c r="O31104" t="s">
        <v>85</v>
      </c>
      <c r="P31104" t="s">
        <v>86</v>
      </c>
      <c r="Q31104">
        <v>43</v>
      </c>
      <c r="R31104">
        <v>44</v>
      </c>
      <c r="S31104">
        <v>45</v>
      </c>
      <c r="T31104">
        <v>46</v>
      </c>
      <c r="U31104">
        <v>46</v>
      </c>
      <c r="V31104">
        <v>47</v>
      </c>
      <c r="W31104">
        <v>48</v>
      </c>
      <c r="X31104">
        <v>49</v>
      </c>
      <c r="Y31104">
        <v>50</v>
      </c>
      <c r="Z31104">
        <v>50</v>
      </c>
      <c r="AA31104">
        <v>51</v>
      </c>
      <c r="AB31104">
        <v>52</v>
      </c>
      <c r="AC31104">
        <v>52</v>
      </c>
      <c r="AD31104">
        <v>53</v>
      </c>
      <c r="AE31104">
        <v>53</v>
      </c>
      <c r="AF31104">
        <v>53</v>
      </c>
      <c r="AG31104">
        <v>53</v>
      </c>
      <c r="AH31104">
        <v>53</v>
      </c>
      <c r="AI31104">
        <v>53</v>
      </c>
      <c r="AJ31104">
        <v>53</v>
      </c>
      <c r="AK31104">
        <v>53</v>
      </c>
      <c r="AL31104">
        <v>53</v>
      </c>
      <c r="AM31104">
        <v>53</v>
      </c>
      <c r="AN31104">
        <v>53</v>
      </c>
      <c r="AO31104">
        <v>53</v>
      </c>
      <c r="AP31104">
        <v>53</v>
      </c>
      <c r="AQ31104">
        <v>53</v>
      </c>
    </row>
    <row r="31105" spans="1:43">
      <c r="A31105" t="s">
        <v>19271</v>
      </c>
      <c r="B31105" t="s">
        <v>19272</v>
      </c>
      <c r="C31105" t="s">
        <v>19231</v>
      </c>
      <c r="D31105" t="s">
        <v>19232</v>
      </c>
      <c r="E31105" t="s">
        <v>19203</v>
      </c>
      <c r="F31105" t="s">
        <v>19204</v>
      </c>
      <c r="G31105" t="s">
        <v>10734</v>
      </c>
      <c r="H31105" t="s">
        <v>10735</v>
      </c>
      <c r="I31105" s="2">
        <v>0</v>
      </c>
      <c r="J31105" s="2">
        <v>0</v>
      </c>
      <c r="K31105" s="2">
        <v>1</v>
      </c>
      <c r="L31105" t="s">
        <v>995</v>
      </c>
      <c r="M31105" t="s">
        <v>83</v>
      </c>
      <c r="N31105" t="s">
        <v>91</v>
      </c>
      <c r="O31105" t="s">
        <v>85</v>
      </c>
      <c r="P31105" t="s">
        <v>86</v>
      </c>
      <c r="Q31105">
        <v>43</v>
      </c>
      <c r="R31105">
        <v>44</v>
      </c>
      <c r="S31105">
        <v>45</v>
      </c>
      <c r="T31105">
        <v>45</v>
      </c>
      <c r="U31105">
        <v>46</v>
      </c>
      <c r="V31105">
        <v>46</v>
      </c>
      <c r="W31105">
        <v>47</v>
      </c>
      <c r="X31105">
        <v>47</v>
      </c>
      <c r="Y31105">
        <v>48</v>
      </c>
      <c r="Z31105">
        <v>48</v>
      </c>
      <c r="AA31105">
        <v>49</v>
      </c>
      <c r="AB31105">
        <v>49</v>
      </c>
      <c r="AC31105">
        <v>50</v>
      </c>
      <c r="AD31105">
        <v>50</v>
      </c>
      <c r="AE31105">
        <v>51</v>
      </c>
      <c r="AF31105">
        <v>51</v>
      </c>
      <c r="AG31105">
        <v>51</v>
      </c>
      <c r="AH31105">
        <v>52</v>
      </c>
      <c r="AI31105">
        <v>52</v>
      </c>
      <c r="AJ31105">
        <v>53</v>
      </c>
      <c r="AK31105">
        <v>53</v>
      </c>
      <c r="AL31105">
        <v>53</v>
      </c>
      <c r="AM31105">
        <v>53</v>
      </c>
      <c r="AN31105">
        <v>53</v>
      </c>
      <c r="AO31105">
        <v>53</v>
      </c>
      <c r="AP31105">
        <v>53</v>
      </c>
      <c r="AQ31105">
        <v>53</v>
      </c>
    </row>
    <row r="31106" spans="1:43">
      <c r="A31106" t="s">
        <v>19273</v>
      </c>
      <c r="B31106" t="s">
        <v>19274</v>
      </c>
      <c r="C31106" t="s">
        <v>19275</v>
      </c>
      <c r="D31106" t="s">
        <v>19276</v>
      </c>
      <c r="E31106" t="s">
        <v>19203</v>
      </c>
      <c r="F31106" t="s">
        <v>19204</v>
      </c>
      <c r="G31106" t="s">
        <v>10734</v>
      </c>
      <c r="H31106" t="s">
        <v>10735</v>
      </c>
      <c r="I31106" s="2">
        <v>0</v>
      </c>
      <c r="J31106" s="2">
        <v>0</v>
      </c>
      <c r="K31106" s="2">
        <v>1</v>
      </c>
      <c r="L31106" t="s">
        <v>995</v>
      </c>
      <c r="M31106" t="s">
        <v>83</v>
      </c>
      <c r="N31106" t="s">
        <v>84</v>
      </c>
      <c r="O31106" t="s">
        <v>85</v>
      </c>
      <c r="P31106" t="s">
        <v>86</v>
      </c>
      <c r="Q31106">
        <v>19</v>
      </c>
      <c r="R31106">
        <v>19</v>
      </c>
      <c r="S31106">
        <v>19</v>
      </c>
      <c r="T31106">
        <v>19</v>
      </c>
      <c r="U31106">
        <v>20</v>
      </c>
      <c r="V31106">
        <v>20</v>
      </c>
      <c r="W31106">
        <v>20</v>
      </c>
      <c r="X31106">
        <v>20</v>
      </c>
      <c r="Y31106">
        <v>21</v>
      </c>
      <c r="Z31106">
        <v>21</v>
      </c>
      <c r="AA31106">
        <v>21</v>
      </c>
      <c r="AB31106">
        <v>21</v>
      </c>
      <c r="AC31106">
        <v>21</v>
      </c>
      <c r="AD31106">
        <v>22</v>
      </c>
      <c r="AE31106">
        <v>22</v>
      </c>
      <c r="AF31106">
        <v>22</v>
      </c>
      <c r="AG31106">
        <v>22</v>
      </c>
      <c r="AH31106">
        <v>22</v>
      </c>
      <c r="AI31106">
        <v>22</v>
      </c>
      <c r="AJ31106">
        <v>23</v>
      </c>
      <c r="AK31106">
        <v>23</v>
      </c>
      <c r="AL31106">
        <v>23</v>
      </c>
      <c r="AM31106">
        <v>23</v>
      </c>
      <c r="AN31106">
        <v>23</v>
      </c>
      <c r="AO31106">
        <v>23</v>
      </c>
      <c r="AP31106">
        <v>23</v>
      </c>
      <c r="AQ31106">
        <v>23</v>
      </c>
    </row>
    <row r="31107" spans="1:43">
      <c r="A31107" t="s">
        <v>19273</v>
      </c>
      <c r="B31107" t="s">
        <v>19274</v>
      </c>
      <c r="C31107" t="s">
        <v>19275</v>
      </c>
      <c r="D31107" t="s">
        <v>19276</v>
      </c>
      <c r="E31107" t="s">
        <v>19203</v>
      </c>
      <c r="F31107" t="s">
        <v>19204</v>
      </c>
      <c r="G31107" t="s">
        <v>10734</v>
      </c>
      <c r="H31107" t="s">
        <v>10735</v>
      </c>
      <c r="I31107" s="2">
        <v>0</v>
      </c>
      <c r="J31107" s="2">
        <v>0</v>
      </c>
      <c r="K31107" s="2">
        <v>1</v>
      </c>
      <c r="L31107" t="s">
        <v>995</v>
      </c>
      <c r="M31107" t="s">
        <v>87</v>
      </c>
      <c r="N31107" t="s">
        <v>88</v>
      </c>
      <c r="O31107" t="s">
        <v>85</v>
      </c>
      <c r="P31107" t="s">
        <v>86</v>
      </c>
      <c r="Q31107">
        <v>19</v>
      </c>
      <c r="R31107">
        <v>19</v>
      </c>
      <c r="S31107">
        <v>19</v>
      </c>
      <c r="T31107">
        <v>19</v>
      </c>
      <c r="U31107">
        <v>19</v>
      </c>
      <c r="V31107">
        <v>19</v>
      </c>
      <c r="W31107">
        <v>19</v>
      </c>
      <c r="X31107">
        <v>19</v>
      </c>
      <c r="Y31107">
        <v>19</v>
      </c>
      <c r="Z31107">
        <v>19</v>
      </c>
      <c r="AA31107">
        <v>19</v>
      </c>
      <c r="AB31107">
        <v>19</v>
      </c>
      <c r="AC31107">
        <v>19</v>
      </c>
      <c r="AD31107">
        <v>19</v>
      </c>
      <c r="AE31107">
        <v>19</v>
      </c>
      <c r="AF31107">
        <v>19</v>
      </c>
      <c r="AG31107">
        <v>19</v>
      </c>
      <c r="AH31107">
        <v>19</v>
      </c>
      <c r="AI31107">
        <v>19</v>
      </c>
      <c r="AJ31107">
        <v>20</v>
      </c>
      <c r="AK31107">
        <v>20</v>
      </c>
      <c r="AL31107">
        <v>20</v>
      </c>
      <c r="AM31107">
        <v>20</v>
      </c>
      <c r="AN31107">
        <v>20</v>
      </c>
      <c r="AO31107">
        <v>20</v>
      </c>
      <c r="AP31107">
        <v>20</v>
      </c>
      <c r="AQ31107">
        <v>20</v>
      </c>
    </row>
    <row r="31108" spans="1:43">
      <c r="A31108" t="s">
        <v>19273</v>
      </c>
      <c r="B31108" t="s">
        <v>19274</v>
      </c>
      <c r="C31108" t="s">
        <v>19275</v>
      </c>
      <c r="D31108" t="s">
        <v>19276</v>
      </c>
      <c r="E31108" t="s">
        <v>19203</v>
      </c>
      <c r="F31108" t="s">
        <v>19204</v>
      </c>
      <c r="G31108" t="s">
        <v>10734</v>
      </c>
      <c r="H31108" t="s">
        <v>10735</v>
      </c>
      <c r="I31108" s="2">
        <v>0</v>
      </c>
      <c r="J31108" s="2">
        <v>0</v>
      </c>
      <c r="K31108" s="2">
        <v>1</v>
      </c>
      <c r="L31108" t="s">
        <v>995</v>
      </c>
      <c r="M31108" t="s">
        <v>89</v>
      </c>
      <c r="N31108" t="s">
        <v>90</v>
      </c>
      <c r="O31108" t="s">
        <v>85</v>
      </c>
      <c r="P31108" t="s">
        <v>86</v>
      </c>
      <c r="Q31108">
        <v>19</v>
      </c>
      <c r="R31108">
        <v>19</v>
      </c>
      <c r="S31108">
        <v>20</v>
      </c>
      <c r="T31108">
        <v>20</v>
      </c>
      <c r="U31108">
        <v>20</v>
      </c>
      <c r="V31108">
        <v>21</v>
      </c>
      <c r="W31108">
        <v>21</v>
      </c>
      <c r="X31108">
        <v>21</v>
      </c>
      <c r="Y31108">
        <v>22</v>
      </c>
      <c r="Z31108">
        <v>22</v>
      </c>
      <c r="AA31108">
        <v>22</v>
      </c>
      <c r="AB31108">
        <v>23</v>
      </c>
      <c r="AC31108">
        <v>23</v>
      </c>
      <c r="AD31108">
        <v>23</v>
      </c>
      <c r="AE31108">
        <v>23</v>
      </c>
      <c r="AF31108">
        <v>23</v>
      </c>
      <c r="AG31108">
        <v>23</v>
      </c>
      <c r="AH31108">
        <v>23</v>
      </c>
      <c r="AI31108">
        <v>23</v>
      </c>
      <c r="AJ31108">
        <v>23</v>
      </c>
      <c r="AK31108">
        <v>23</v>
      </c>
      <c r="AL31108">
        <v>23</v>
      </c>
      <c r="AM31108">
        <v>23</v>
      </c>
      <c r="AN31108">
        <v>23</v>
      </c>
      <c r="AO31108">
        <v>23</v>
      </c>
      <c r="AP31108">
        <v>23</v>
      </c>
      <c r="AQ31108">
        <v>23</v>
      </c>
    </row>
    <row r="31109" spans="1:43">
      <c r="A31109" t="s">
        <v>19273</v>
      </c>
      <c r="B31109" t="s">
        <v>19274</v>
      </c>
      <c r="C31109" t="s">
        <v>19275</v>
      </c>
      <c r="D31109" t="s">
        <v>19276</v>
      </c>
      <c r="E31109" t="s">
        <v>19203</v>
      </c>
      <c r="F31109" t="s">
        <v>19204</v>
      </c>
      <c r="G31109" t="s">
        <v>10734</v>
      </c>
      <c r="H31109" t="s">
        <v>10735</v>
      </c>
      <c r="I31109" s="2">
        <v>0</v>
      </c>
      <c r="J31109" s="2">
        <v>0</v>
      </c>
      <c r="K31109" s="2">
        <v>1</v>
      </c>
      <c r="L31109" t="s">
        <v>995</v>
      </c>
      <c r="M31109" t="s">
        <v>83</v>
      </c>
      <c r="N31109" t="s">
        <v>91</v>
      </c>
      <c r="O31109" t="s">
        <v>85</v>
      </c>
      <c r="P31109" t="s">
        <v>86</v>
      </c>
      <c r="Q31109">
        <v>19</v>
      </c>
      <c r="R31109">
        <v>19</v>
      </c>
      <c r="S31109">
        <v>19</v>
      </c>
      <c r="T31109">
        <v>19</v>
      </c>
      <c r="U31109">
        <v>20</v>
      </c>
      <c r="V31109">
        <v>20</v>
      </c>
      <c r="W31109">
        <v>20</v>
      </c>
      <c r="X31109">
        <v>20</v>
      </c>
      <c r="Y31109">
        <v>21</v>
      </c>
      <c r="Z31109">
        <v>21</v>
      </c>
      <c r="AA31109">
        <v>21</v>
      </c>
      <c r="AB31109">
        <v>21</v>
      </c>
      <c r="AC31109">
        <v>21</v>
      </c>
      <c r="AD31109">
        <v>22</v>
      </c>
      <c r="AE31109">
        <v>22</v>
      </c>
      <c r="AF31109">
        <v>22</v>
      </c>
      <c r="AG31109">
        <v>22</v>
      </c>
      <c r="AH31109">
        <v>22</v>
      </c>
      <c r="AI31109">
        <v>22</v>
      </c>
      <c r="AJ31109">
        <v>23</v>
      </c>
      <c r="AK31109">
        <v>23</v>
      </c>
      <c r="AL31109">
        <v>23</v>
      </c>
      <c r="AM31109">
        <v>23</v>
      </c>
      <c r="AN31109">
        <v>23</v>
      </c>
      <c r="AO31109">
        <v>23</v>
      </c>
      <c r="AP31109">
        <v>23</v>
      </c>
      <c r="AQ31109">
        <v>23</v>
      </c>
    </row>
    <row r="31110" spans="1:43">
      <c r="A31110" t="s">
        <v>19277</v>
      </c>
      <c r="B31110" t="s">
        <v>19278</v>
      </c>
      <c r="C31110" t="s">
        <v>19275</v>
      </c>
      <c r="D31110" t="s">
        <v>19276</v>
      </c>
      <c r="E31110" t="s">
        <v>19203</v>
      </c>
      <c r="F31110" t="s">
        <v>19204</v>
      </c>
      <c r="G31110" t="s">
        <v>10734</v>
      </c>
      <c r="H31110" t="s">
        <v>10735</v>
      </c>
      <c r="I31110" s="2">
        <v>0</v>
      </c>
      <c r="J31110" s="2">
        <v>0</v>
      </c>
      <c r="K31110" s="2">
        <v>1</v>
      </c>
      <c r="L31110" t="s">
        <v>995</v>
      </c>
      <c r="M31110" t="s">
        <v>83</v>
      </c>
      <c r="N31110" t="s">
        <v>84</v>
      </c>
      <c r="O31110" t="s">
        <v>85</v>
      </c>
      <c r="P31110" t="s">
        <v>86</v>
      </c>
      <c r="Q31110">
        <v>32</v>
      </c>
      <c r="R31110">
        <v>32</v>
      </c>
      <c r="S31110">
        <v>32</v>
      </c>
      <c r="T31110">
        <v>33</v>
      </c>
      <c r="U31110">
        <v>33</v>
      </c>
      <c r="V31110">
        <v>33</v>
      </c>
      <c r="W31110">
        <v>34</v>
      </c>
      <c r="X31110">
        <v>34</v>
      </c>
      <c r="Y31110">
        <v>35</v>
      </c>
      <c r="Z31110">
        <v>35</v>
      </c>
      <c r="AA31110">
        <v>35</v>
      </c>
      <c r="AB31110">
        <v>36</v>
      </c>
      <c r="AC31110">
        <v>36</v>
      </c>
      <c r="AD31110">
        <v>36</v>
      </c>
      <c r="AE31110">
        <v>37</v>
      </c>
      <c r="AF31110">
        <v>37</v>
      </c>
      <c r="AG31110">
        <v>37</v>
      </c>
      <c r="AH31110">
        <v>38</v>
      </c>
      <c r="AI31110">
        <v>38</v>
      </c>
      <c r="AJ31110">
        <v>38</v>
      </c>
      <c r="AK31110">
        <v>39</v>
      </c>
      <c r="AL31110">
        <v>39</v>
      </c>
      <c r="AM31110">
        <v>39</v>
      </c>
      <c r="AN31110">
        <v>39</v>
      </c>
      <c r="AO31110">
        <v>39</v>
      </c>
      <c r="AP31110">
        <v>38</v>
      </c>
      <c r="AQ31110">
        <v>38</v>
      </c>
    </row>
    <row r="31111" spans="1:43">
      <c r="A31111" t="s">
        <v>19277</v>
      </c>
      <c r="B31111" t="s">
        <v>19278</v>
      </c>
      <c r="C31111" t="s">
        <v>19275</v>
      </c>
      <c r="D31111" t="s">
        <v>19276</v>
      </c>
      <c r="E31111" t="s">
        <v>19203</v>
      </c>
      <c r="F31111" t="s">
        <v>19204</v>
      </c>
      <c r="G31111" t="s">
        <v>10734</v>
      </c>
      <c r="H31111" t="s">
        <v>10735</v>
      </c>
      <c r="I31111" s="2">
        <v>0</v>
      </c>
      <c r="J31111" s="2">
        <v>0</v>
      </c>
      <c r="K31111" s="2">
        <v>1</v>
      </c>
      <c r="L31111" t="s">
        <v>995</v>
      </c>
      <c r="M31111" t="s">
        <v>87</v>
      </c>
      <c r="N31111" t="s">
        <v>88</v>
      </c>
      <c r="O31111" t="s">
        <v>85</v>
      </c>
      <c r="P31111" t="s">
        <v>86</v>
      </c>
      <c r="Q31111">
        <v>32</v>
      </c>
      <c r="R31111">
        <v>32</v>
      </c>
      <c r="S31111">
        <v>32</v>
      </c>
      <c r="T31111">
        <v>33</v>
      </c>
      <c r="U31111">
        <v>33</v>
      </c>
      <c r="V31111">
        <v>33</v>
      </c>
      <c r="W31111">
        <v>33</v>
      </c>
      <c r="X31111">
        <v>33</v>
      </c>
      <c r="Y31111">
        <v>33</v>
      </c>
      <c r="Z31111">
        <v>33</v>
      </c>
      <c r="AA31111">
        <v>33</v>
      </c>
      <c r="AB31111">
        <v>33</v>
      </c>
      <c r="AC31111">
        <v>33</v>
      </c>
      <c r="AD31111">
        <v>33</v>
      </c>
      <c r="AE31111">
        <v>33</v>
      </c>
      <c r="AF31111">
        <v>34</v>
      </c>
      <c r="AG31111">
        <v>34</v>
      </c>
      <c r="AH31111">
        <v>34</v>
      </c>
      <c r="AI31111">
        <v>34</v>
      </c>
      <c r="AJ31111">
        <v>34</v>
      </c>
      <c r="AK31111">
        <v>34</v>
      </c>
      <c r="AL31111">
        <v>34</v>
      </c>
      <c r="AM31111">
        <v>34</v>
      </c>
      <c r="AN31111">
        <v>34</v>
      </c>
      <c r="AO31111">
        <v>34</v>
      </c>
      <c r="AP31111">
        <v>34</v>
      </c>
      <c r="AQ31111">
        <v>34</v>
      </c>
    </row>
    <row r="31112" spans="1:43">
      <c r="A31112" t="s">
        <v>19277</v>
      </c>
      <c r="B31112" t="s">
        <v>19278</v>
      </c>
      <c r="C31112" t="s">
        <v>19275</v>
      </c>
      <c r="D31112" t="s">
        <v>19276</v>
      </c>
      <c r="E31112" t="s">
        <v>19203</v>
      </c>
      <c r="F31112" t="s">
        <v>19204</v>
      </c>
      <c r="G31112" t="s">
        <v>10734</v>
      </c>
      <c r="H31112" t="s">
        <v>10735</v>
      </c>
      <c r="I31112" s="2">
        <v>0</v>
      </c>
      <c r="J31112" s="2">
        <v>0</v>
      </c>
      <c r="K31112" s="2">
        <v>1</v>
      </c>
      <c r="L31112" t="s">
        <v>995</v>
      </c>
      <c r="M31112" t="s">
        <v>89</v>
      </c>
      <c r="N31112" t="s">
        <v>90</v>
      </c>
      <c r="O31112" t="s">
        <v>85</v>
      </c>
      <c r="P31112" t="s">
        <v>86</v>
      </c>
      <c r="Q31112">
        <v>32</v>
      </c>
      <c r="R31112">
        <v>33</v>
      </c>
      <c r="S31112">
        <v>33</v>
      </c>
      <c r="T31112">
        <v>34</v>
      </c>
      <c r="U31112">
        <v>34</v>
      </c>
      <c r="V31112">
        <v>35</v>
      </c>
      <c r="W31112">
        <v>36</v>
      </c>
      <c r="X31112">
        <v>36</v>
      </c>
      <c r="Y31112">
        <v>37</v>
      </c>
      <c r="Z31112">
        <v>37</v>
      </c>
      <c r="AA31112">
        <v>38</v>
      </c>
      <c r="AB31112">
        <v>38</v>
      </c>
      <c r="AC31112">
        <v>39</v>
      </c>
      <c r="AD31112">
        <v>39</v>
      </c>
      <c r="AE31112">
        <v>39</v>
      </c>
      <c r="AF31112">
        <v>39</v>
      </c>
      <c r="AG31112">
        <v>39</v>
      </c>
      <c r="AH31112">
        <v>39</v>
      </c>
      <c r="AI31112">
        <v>39</v>
      </c>
      <c r="AJ31112">
        <v>39</v>
      </c>
      <c r="AK31112">
        <v>39</v>
      </c>
      <c r="AL31112">
        <v>39</v>
      </c>
      <c r="AM31112">
        <v>39</v>
      </c>
      <c r="AN31112">
        <v>39</v>
      </c>
      <c r="AO31112">
        <v>39</v>
      </c>
      <c r="AP31112">
        <v>39</v>
      </c>
      <c r="AQ31112">
        <v>39</v>
      </c>
    </row>
    <row r="31113" spans="1:43">
      <c r="A31113" t="s">
        <v>19277</v>
      </c>
      <c r="B31113" t="s">
        <v>19278</v>
      </c>
      <c r="C31113" t="s">
        <v>19275</v>
      </c>
      <c r="D31113" t="s">
        <v>19276</v>
      </c>
      <c r="E31113" t="s">
        <v>19203</v>
      </c>
      <c r="F31113" t="s">
        <v>19204</v>
      </c>
      <c r="G31113" t="s">
        <v>10734</v>
      </c>
      <c r="H31113" t="s">
        <v>10735</v>
      </c>
      <c r="I31113" s="2">
        <v>0</v>
      </c>
      <c r="J31113" s="2">
        <v>0</v>
      </c>
      <c r="K31113" s="2">
        <v>1</v>
      </c>
      <c r="L31113" t="s">
        <v>995</v>
      </c>
      <c r="M31113" t="s">
        <v>83</v>
      </c>
      <c r="N31113" t="s">
        <v>91</v>
      </c>
      <c r="O31113" t="s">
        <v>85</v>
      </c>
      <c r="P31113" t="s">
        <v>86</v>
      </c>
      <c r="Q31113">
        <v>32</v>
      </c>
      <c r="R31113">
        <v>32</v>
      </c>
      <c r="S31113">
        <v>32</v>
      </c>
      <c r="T31113">
        <v>33</v>
      </c>
      <c r="U31113">
        <v>33</v>
      </c>
      <c r="V31113">
        <v>33</v>
      </c>
      <c r="W31113">
        <v>34</v>
      </c>
      <c r="X31113">
        <v>34</v>
      </c>
      <c r="Y31113">
        <v>35</v>
      </c>
      <c r="Z31113">
        <v>35</v>
      </c>
      <c r="AA31113">
        <v>35</v>
      </c>
      <c r="AB31113">
        <v>36</v>
      </c>
      <c r="AC31113">
        <v>36</v>
      </c>
      <c r="AD31113">
        <v>36</v>
      </c>
      <c r="AE31113">
        <v>37</v>
      </c>
      <c r="AF31113">
        <v>37</v>
      </c>
      <c r="AG31113">
        <v>37</v>
      </c>
      <c r="AH31113">
        <v>38</v>
      </c>
      <c r="AI31113">
        <v>38</v>
      </c>
      <c r="AJ31113">
        <v>38</v>
      </c>
      <c r="AK31113">
        <v>39</v>
      </c>
      <c r="AL31113">
        <v>39</v>
      </c>
      <c r="AM31113">
        <v>39</v>
      </c>
      <c r="AN31113">
        <v>39</v>
      </c>
      <c r="AO31113">
        <v>39</v>
      </c>
      <c r="AP31113">
        <v>38</v>
      </c>
      <c r="AQ31113">
        <v>38</v>
      </c>
    </row>
    <row r="31114" spans="1:43">
      <c r="A31114" t="s">
        <v>19279</v>
      </c>
      <c r="B31114" t="s">
        <v>19280</v>
      </c>
      <c r="C31114" t="s">
        <v>19275</v>
      </c>
      <c r="D31114" t="s">
        <v>19276</v>
      </c>
      <c r="E31114" t="s">
        <v>19203</v>
      </c>
      <c r="F31114" t="s">
        <v>19204</v>
      </c>
      <c r="G31114" t="s">
        <v>10734</v>
      </c>
      <c r="H31114" t="s">
        <v>10735</v>
      </c>
      <c r="I31114" s="2">
        <v>0</v>
      </c>
      <c r="J31114" s="2">
        <v>0</v>
      </c>
      <c r="K31114" s="2">
        <v>1</v>
      </c>
      <c r="L31114" t="s">
        <v>995</v>
      </c>
      <c r="M31114" t="s">
        <v>83</v>
      </c>
      <c r="N31114" t="s">
        <v>84</v>
      </c>
      <c r="O31114" t="s">
        <v>85</v>
      </c>
      <c r="P31114" t="s">
        <v>86</v>
      </c>
      <c r="Q31114">
        <v>17</v>
      </c>
      <c r="R31114">
        <v>18</v>
      </c>
      <c r="S31114">
        <v>18</v>
      </c>
      <c r="T31114">
        <v>18</v>
      </c>
      <c r="U31114">
        <v>18</v>
      </c>
      <c r="V31114">
        <v>18</v>
      </c>
      <c r="W31114">
        <v>19</v>
      </c>
      <c r="X31114">
        <v>19</v>
      </c>
      <c r="Y31114">
        <v>19</v>
      </c>
      <c r="Z31114">
        <v>19</v>
      </c>
      <c r="AA31114">
        <v>19</v>
      </c>
      <c r="AB31114">
        <v>20</v>
      </c>
      <c r="AC31114">
        <v>20</v>
      </c>
      <c r="AD31114">
        <v>20</v>
      </c>
      <c r="AE31114">
        <v>20</v>
      </c>
      <c r="AF31114">
        <v>20</v>
      </c>
      <c r="AG31114">
        <v>21</v>
      </c>
      <c r="AH31114">
        <v>21</v>
      </c>
      <c r="AI31114">
        <v>21</v>
      </c>
      <c r="AJ31114">
        <v>21</v>
      </c>
      <c r="AK31114">
        <v>21</v>
      </c>
      <c r="AL31114">
        <v>21</v>
      </c>
      <c r="AM31114">
        <v>21</v>
      </c>
      <c r="AN31114">
        <v>21</v>
      </c>
      <c r="AO31114">
        <v>21</v>
      </c>
      <c r="AP31114">
        <v>21</v>
      </c>
      <c r="AQ31114">
        <v>21</v>
      </c>
    </row>
    <row r="31115" spans="1:43">
      <c r="A31115" t="s">
        <v>19279</v>
      </c>
      <c r="B31115" t="s">
        <v>19280</v>
      </c>
      <c r="C31115" t="s">
        <v>19275</v>
      </c>
      <c r="D31115" t="s">
        <v>19276</v>
      </c>
      <c r="E31115" t="s">
        <v>19203</v>
      </c>
      <c r="F31115" t="s">
        <v>19204</v>
      </c>
      <c r="G31115" t="s">
        <v>10734</v>
      </c>
      <c r="H31115" t="s">
        <v>10735</v>
      </c>
      <c r="I31115" s="2">
        <v>0</v>
      </c>
      <c r="J31115" s="2">
        <v>0</v>
      </c>
      <c r="K31115" s="2">
        <v>1</v>
      </c>
      <c r="L31115" t="s">
        <v>995</v>
      </c>
      <c r="M31115" t="s">
        <v>87</v>
      </c>
      <c r="N31115" t="s">
        <v>88</v>
      </c>
      <c r="O31115" t="s">
        <v>85</v>
      </c>
      <c r="P31115" t="s">
        <v>86</v>
      </c>
      <c r="Q31115">
        <v>17</v>
      </c>
      <c r="R31115">
        <v>17</v>
      </c>
      <c r="S31115">
        <v>17</v>
      </c>
      <c r="T31115">
        <v>17</v>
      </c>
      <c r="U31115">
        <v>17</v>
      </c>
      <c r="V31115">
        <v>17</v>
      </c>
      <c r="W31115">
        <v>18</v>
      </c>
      <c r="X31115">
        <v>18</v>
      </c>
      <c r="Y31115">
        <v>18</v>
      </c>
      <c r="Z31115">
        <v>18</v>
      </c>
      <c r="AA31115">
        <v>18</v>
      </c>
      <c r="AB31115">
        <v>18</v>
      </c>
      <c r="AC31115">
        <v>18</v>
      </c>
      <c r="AD31115">
        <v>18</v>
      </c>
      <c r="AE31115">
        <v>18</v>
      </c>
      <c r="AF31115">
        <v>18</v>
      </c>
      <c r="AG31115">
        <v>18</v>
      </c>
      <c r="AH31115">
        <v>18</v>
      </c>
      <c r="AI31115">
        <v>18</v>
      </c>
      <c r="AJ31115">
        <v>18</v>
      </c>
      <c r="AK31115">
        <v>18</v>
      </c>
      <c r="AL31115">
        <v>18</v>
      </c>
      <c r="AM31115">
        <v>18</v>
      </c>
      <c r="AN31115">
        <v>18</v>
      </c>
      <c r="AO31115">
        <v>18</v>
      </c>
      <c r="AP31115">
        <v>18</v>
      </c>
      <c r="AQ31115">
        <v>18</v>
      </c>
    </row>
    <row r="31116" spans="1:43">
      <c r="A31116" t="s">
        <v>19279</v>
      </c>
      <c r="B31116" t="s">
        <v>19280</v>
      </c>
      <c r="C31116" t="s">
        <v>19275</v>
      </c>
      <c r="D31116" t="s">
        <v>19276</v>
      </c>
      <c r="E31116" t="s">
        <v>19203</v>
      </c>
      <c r="F31116" t="s">
        <v>19204</v>
      </c>
      <c r="G31116" t="s">
        <v>10734</v>
      </c>
      <c r="H31116" t="s">
        <v>10735</v>
      </c>
      <c r="I31116" s="2">
        <v>0</v>
      </c>
      <c r="J31116" s="2">
        <v>0</v>
      </c>
      <c r="K31116" s="2">
        <v>1</v>
      </c>
      <c r="L31116" t="s">
        <v>995</v>
      </c>
      <c r="M31116" t="s">
        <v>89</v>
      </c>
      <c r="N31116" t="s">
        <v>90</v>
      </c>
      <c r="O31116" t="s">
        <v>85</v>
      </c>
      <c r="P31116" t="s">
        <v>86</v>
      </c>
      <c r="Q31116">
        <v>17</v>
      </c>
      <c r="R31116">
        <v>18</v>
      </c>
      <c r="S31116">
        <v>18</v>
      </c>
      <c r="T31116">
        <v>19</v>
      </c>
      <c r="U31116">
        <v>19</v>
      </c>
      <c r="V31116">
        <v>19</v>
      </c>
      <c r="W31116">
        <v>20</v>
      </c>
      <c r="X31116">
        <v>20</v>
      </c>
      <c r="Y31116">
        <v>20</v>
      </c>
      <c r="Z31116">
        <v>20</v>
      </c>
      <c r="AA31116">
        <v>21</v>
      </c>
      <c r="AB31116">
        <v>21</v>
      </c>
      <c r="AC31116">
        <v>21</v>
      </c>
      <c r="AD31116">
        <v>21</v>
      </c>
      <c r="AE31116">
        <v>22</v>
      </c>
      <c r="AF31116">
        <v>22</v>
      </c>
      <c r="AG31116">
        <v>22</v>
      </c>
      <c r="AH31116">
        <v>22</v>
      </c>
      <c r="AI31116">
        <v>21</v>
      </c>
      <c r="AJ31116">
        <v>21</v>
      </c>
      <c r="AK31116">
        <v>21</v>
      </c>
      <c r="AL31116">
        <v>21</v>
      </c>
      <c r="AM31116">
        <v>21</v>
      </c>
      <c r="AN31116">
        <v>21</v>
      </c>
      <c r="AO31116">
        <v>21</v>
      </c>
      <c r="AP31116">
        <v>21</v>
      </c>
      <c r="AQ31116">
        <v>21</v>
      </c>
    </row>
    <row r="31117" spans="1:43">
      <c r="A31117" t="s">
        <v>19279</v>
      </c>
      <c r="B31117" t="s">
        <v>19280</v>
      </c>
      <c r="C31117" t="s">
        <v>19275</v>
      </c>
      <c r="D31117" t="s">
        <v>19276</v>
      </c>
      <c r="E31117" t="s">
        <v>19203</v>
      </c>
      <c r="F31117" t="s">
        <v>19204</v>
      </c>
      <c r="G31117" t="s">
        <v>10734</v>
      </c>
      <c r="H31117" t="s">
        <v>10735</v>
      </c>
      <c r="I31117" s="2">
        <v>0</v>
      </c>
      <c r="J31117" s="2">
        <v>0</v>
      </c>
      <c r="K31117" s="2">
        <v>1</v>
      </c>
      <c r="L31117" t="s">
        <v>995</v>
      </c>
      <c r="M31117" t="s">
        <v>83</v>
      </c>
      <c r="N31117" t="s">
        <v>91</v>
      </c>
      <c r="O31117" t="s">
        <v>85</v>
      </c>
      <c r="P31117" t="s">
        <v>86</v>
      </c>
      <c r="Q31117">
        <v>17</v>
      </c>
      <c r="R31117">
        <v>18</v>
      </c>
      <c r="S31117">
        <v>18</v>
      </c>
      <c r="T31117">
        <v>18</v>
      </c>
      <c r="U31117">
        <v>18</v>
      </c>
      <c r="V31117">
        <v>18</v>
      </c>
      <c r="W31117">
        <v>19</v>
      </c>
      <c r="X31117">
        <v>19</v>
      </c>
      <c r="Y31117">
        <v>19</v>
      </c>
      <c r="Z31117">
        <v>19</v>
      </c>
      <c r="AA31117">
        <v>19</v>
      </c>
      <c r="AB31117">
        <v>20</v>
      </c>
      <c r="AC31117">
        <v>20</v>
      </c>
      <c r="AD31117">
        <v>20</v>
      </c>
      <c r="AE31117">
        <v>20</v>
      </c>
      <c r="AF31117">
        <v>20</v>
      </c>
      <c r="AG31117">
        <v>21</v>
      </c>
      <c r="AH31117">
        <v>21</v>
      </c>
      <c r="AI31117">
        <v>21</v>
      </c>
      <c r="AJ31117">
        <v>21</v>
      </c>
      <c r="AK31117">
        <v>21</v>
      </c>
      <c r="AL31117">
        <v>21</v>
      </c>
      <c r="AM31117">
        <v>21</v>
      </c>
      <c r="AN31117">
        <v>21</v>
      </c>
      <c r="AO31117">
        <v>21</v>
      </c>
      <c r="AP31117">
        <v>21</v>
      </c>
      <c r="AQ31117">
        <v>21</v>
      </c>
    </row>
    <row r="31118" spans="1:43">
      <c r="A31118" t="s">
        <v>19281</v>
      </c>
      <c r="B31118" t="s">
        <v>19282</v>
      </c>
      <c r="C31118" t="s">
        <v>19275</v>
      </c>
      <c r="D31118" t="s">
        <v>19276</v>
      </c>
      <c r="E31118" t="s">
        <v>19203</v>
      </c>
      <c r="F31118" t="s">
        <v>19204</v>
      </c>
      <c r="G31118" t="s">
        <v>10734</v>
      </c>
      <c r="H31118" t="s">
        <v>10735</v>
      </c>
      <c r="I31118" s="2">
        <v>0</v>
      </c>
      <c r="J31118" s="2">
        <v>0</v>
      </c>
      <c r="K31118" s="2">
        <v>1</v>
      </c>
      <c r="L31118" t="s">
        <v>995</v>
      </c>
      <c r="M31118" t="s">
        <v>83</v>
      </c>
      <c r="N31118" t="s">
        <v>84</v>
      </c>
      <c r="O31118" t="s">
        <v>85</v>
      </c>
      <c r="P31118" t="s">
        <v>86</v>
      </c>
      <c r="Q31118">
        <v>12</v>
      </c>
      <c r="R31118">
        <v>12</v>
      </c>
      <c r="S31118">
        <v>12</v>
      </c>
      <c r="T31118">
        <v>12</v>
      </c>
      <c r="U31118">
        <v>12</v>
      </c>
      <c r="V31118">
        <v>12</v>
      </c>
      <c r="W31118">
        <v>12</v>
      </c>
      <c r="X31118">
        <v>13</v>
      </c>
      <c r="Y31118">
        <v>13</v>
      </c>
      <c r="Z31118">
        <v>13</v>
      </c>
      <c r="AA31118">
        <v>13</v>
      </c>
      <c r="AB31118">
        <v>13</v>
      </c>
      <c r="AC31118">
        <v>13</v>
      </c>
      <c r="AD31118">
        <v>13</v>
      </c>
      <c r="AE31118">
        <v>14</v>
      </c>
      <c r="AF31118">
        <v>14</v>
      </c>
      <c r="AG31118">
        <v>14</v>
      </c>
      <c r="AH31118">
        <v>14</v>
      </c>
      <c r="AI31118">
        <v>14</v>
      </c>
      <c r="AJ31118">
        <v>14</v>
      </c>
      <c r="AK31118">
        <v>14</v>
      </c>
      <c r="AL31118">
        <v>14</v>
      </c>
      <c r="AM31118">
        <v>14</v>
      </c>
      <c r="AN31118">
        <v>14</v>
      </c>
      <c r="AO31118">
        <v>14</v>
      </c>
      <c r="AP31118">
        <v>14</v>
      </c>
      <c r="AQ31118">
        <v>14</v>
      </c>
    </row>
    <row r="31119" spans="1:43">
      <c r="A31119" t="s">
        <v>19281</v>
      </c>
      <c r="B31119" t="s">
        <v>19282</v>
      </c>
      <c r="C31119" t="s">
        <v>19275</v>
      </c>
      <c r="D31119" t="s">
        <v>19276</v>
      </c>
      <c r="E31119" t="s">
        <v>19203</v>
      </c>
      <c r="F31119" t="s">
        <v>19204</v>
      </c>
      <c r="G31119" t="s">
        <v>10734</v>
      </c>
      <c r="H31119" t="s">
        <v>10735</v>
      </c>
      <c r="I31119" s="2">
        <v>0</v>
      </c>
      <c r="J31119" s="2">
        <v>0</v>
      </c>
      <c r="K31119" s="2">
        <v>1</v>
      </c>
      <c r="L31119" t="s">
        <v>995</v>
      </c>
      <c r="M31119" t="s">
        <v>87</v>
      </c>
      <c r="N31119" t="s">
        <v>88</v>
      </c>
      <c r="O31119" t="s">
        <v>85</v>
      </c>
      <c r="P31119" t="s">
        <v>86</v>
      </c>
      <c r="Q31119">
        <v>12</v>
      </c>
      <c r="R31119">
        <v>13</v>
      </c>
      <c r="S31119">
        <v>13</v>
      </c>
      <c r="T31119">
        <v>13</v>
      </c>
      <c r="U31119">
        <v>13</v>
      </c>
      <c r="V31119">
        <v>13</v>
      </c>
      <c r="W31119">
        <v>13</v>
      </c>
      <c r="X31119">
        <v>13</v>
      </c>
      <c r="Y31119">
        <v>13</v>
      </c>
      <c r="Z31119">
        <v>13</v>
      </c>
      <c r="AA31119">
        <v>13</v>
      </c>
      <c r="AB31119">
        <v>13</v>
      </c>
      <c r="AC31119">
        <v>13</v>
      </c>
      <c r="AD31119">
        <v>13</v>
      </c>
      <c r="AE31119">
        <v>13</v>
      </c>
      <c r="AF31119">
        <v>13</v>
      </c>
      <c r="AG31119">
        <v>13</v>
      </c>
      <c r="AH31119">
        <v>13</v>
      </c>
      <c r="AI31119">
        <v>13</v>
      </c>
      <c r="AJ31119">
        <v>13</v>
      </c>
      <c r="AK31119">
        <v>13</v>
      </c>
      <c r="AL31119">
        <v>13</v>
      </c>
      <c r="AM31119">
        <v>13</v>
      </c>
      <c r="AN31119">
        <v>13</v>
      </c>
      <c r="AO31119">
        <v>13</v>
      </c>
      <c r="AP31119">
        <v>13</v>
      </c>
      <c r="AQ31119">
        <v>13</v>
      </c>
    </row>
    <row r="31120" spans="1:43">
      <c r="A31120" t="s">
        <v>19281</v>
      </c>
      <c r="B31120" t="s">
        <v>19282</v>
      </c>
      <c r="C31120" t="s">
        <v>19275</v>
      </c>
      <c r="D31120" t="s">
        <v>19276</v>
      </c>
      <c r="E31120" t="s">
        <v>19203</v>
      </c>
      <c r="F31120" t="s">
        <v>19204</v>
      </c>
      <c r="G31120" t="s">
        <v>10734</v>
      </c>
      <c r="H31120" t="s">
        <v>10735</v>
      </c>
      <c r="I31120" s="2">
        <v>0</v>
      </c>
      <c r="J31120" s="2">
        <v>0</v>
      </c>
      <c r="K31120" s="2">
        <v>1</v>
      </c>
      <c r="L31120" t="s">
        <v>995</v>
      </c>
      <c r="M31120" t="s">
        <v>89</v>
      </c>
      <c r="N31120" t="s">
        <v>90</v>
      </c>
      <c r="O31120" t="s">
        <v>85</v>
      </c>
      <c r="P31120" t="s">
        <v>86</v>
      </c>
      <c r="Q31120">
        <v>12</v>
      </c>
      <c r="R31120">
        <v>12</v>
      </c>
      <c r="S31120">
        <v>12</v>
      </c>
      <c r="T31120">
        <v>12</v>
      </c>
      <c r="U31120">
        <v>13</v>
      </c>
      <c r="V31120">
        <v>13</v>
      </c>
      <c r="W31120">
        <v>13</v>
      </c>
      <c r="X31120">
        <v>13</v>
      </c>
      <c r="Y31120">
        <v>13</v>
      </c>
      <c r="Z31120">
        <v>14</v>
      </c>
      <c r="AA31120">
        <v>14</v>
      </c>
      <c r="AB31120">
        <v>14</v>
      </c>
      <c r="AC31120">
        <v>14</v>
      </c>
      <c r="AD31120">
        <v>14</v>
      </c>
      <c r="AE31120">
        <v>14</v>
      </c>
      <c r="AF31120">
        <v>14</v>
      </c>
      <c r="AG31120">
        <v>14</v>
      </c>
      <c r="AH31120">
        <v>14</v>
      </c>
      <c r="AI31120">
        <v>14</v>
      </c>
      <c r="AJ31120">
        <v>14</v>
      </c>
      <c r="AK31120">
        <v>14</v>
      </c>
      <c r="AL31120">
        <v>14</v>
      </c>
      <c r="AM31120">
        <v>14</v>
      </c>
      <c r="AN31120">
        <v>14</v>
      </c>
      <c r="AO31120">
        <v>14</v>
      </c>
      <c r="AP31120">
        <v>14</v>
      </c>
      <c r="AQ31120">
        <v>14</v>
      </c>
    </row>
    <row r="31121" spans="1:43">
      <c r="A31121" t="s">
        <v>19281</v>
      </c>
      <c r="B31121" t="s">
        <v>19282</v>
      </c>
      <c r="C31121" t="s">
        <v>19275</v>
      </c>
      <c r="D31121" t="s">
        <v>19276</v>
      </c>
      <c r="E31121" t="s">
        <v>19203</v>
      </c>
      <c r="F31121" t="s">
        <v>19204</v>
      </c>
      <c r="G31121" t="s">
        <v>10734</v>
      </c>
      <c r="H31121" t="s">
        <v>10735</v>
      </c>
      <c r="I31121" s="2">
        <v>0</v>
      </c>
      <c r="J31121" s="2">
        <v>0</v>
      </c>
      <c r="K31121" s="2">
        <v>1</v>
      </c>
      <c r="L31121" t="s">
        <v>995</v>
      </c>
      <c r="M31121" t="s">
        <v>83</v>
      </c>
      <c r="N31121" t="s">
        <v>91</v>
      </c>
      <c r="O31121" t="s">
        <v>85</v>
      </c>
      <c r="P31121" t="s">
        <v>86</v>
      </c>
      <c r="Q31121">
        <v>12</v>
      </c>
      <c r="R31121">
        <v>12</v>
      </c>
      <c r="S31121">
        <v>12</v>
      </c>
      <c r="T31121">
        <v>12</v>
      </c>
      <c r="U31121">
        <v>12</v>
      </c>
      <c r="V31121">
        <v>12</v>
      </c>
      <c r="W31121">
        <v>12</v>
      </c>
      <c r="X31121">
        <v>13</v>
      </c>
      <c r="Y31121">
        <v>13</v>
      </c>
      <c r="Z31121">
        <v>13</v>
      </c>
      <c r="AA31121">
        <v>13</v>
      </c>
      <c r="AB31121">
        <v>13</v>
      </c>
      <c r="AC31121">
        <v>13</v>
      </c>
      <c r="AD31121">
        <v>13</v>
      </c>
      <c r="AE31121">
        <v>14</v>
      </c>
      <c r="AF31121">
        <v>14</v>
      </c>
      <c r="AG31121">
        <v>14</v>
      </c>
      <c r="AH31121">
        <v>14</v>
      </c>
      <c r="AI31121">
        <v>14</v>
      </c>
      <c r="AJ31121">
        <v>14</v>
      </c>
      <c r="AK31121">
        <v>14</v>
      </c>
      <c r="AL31121">
        <v>14</v>
      </c>
      <c r="AM31121">
        <v>14</v>
      </c>
      <c r="AN31121">
        <v>14</v>
      </c>
      <c r="AO31121">
        <v>14</v>
      </c>
      <c r="AP31121">
        <v>14</v>
      </c>
      <c r="AQ31121">
        <v>14</v>
      </c>
    </row>
    <row r="31122" spans="1:43">
      <c r="A31122" t="s">
        <v>19283</v>
      </c>
      <c r="B31122" t="s">
        <v>19284</v>
      </c>
      <c r="C31122" t="s">
        <v>19285</v>
      </c>
      <c r="D31122" t="s">
        <v>19286</v>
      </c>
      <c r="E31122" t="s">
        <v>19203</v>
      </c>
      <c r="F31122" t="s">
        <v>19204</v>
      </c>
      <c r="G31122" t="s">
        <v>10734</v>
      </c>
      <c r="H31122" t="s">
        <v>10735</v>
      </c>
      <c r="I31122" s="2">
        <v>0</v>
      </c>
      <c r="J31122" s="2">
        <v>0</v>
      </c>
      <c r="K31122" s="2">
        <v>1</v>
      </c>
      <c r="L31122" t="s">
        <v>995</v>
      </c>
      <c r="M31122" t="s">
        <v>83</v>
      </c>
      <c r="N31122" t="s">
        <v>84</v>
      </c>
      <c r="O31122" t="s">
        <v>85</v>
      </c>
      <c r="P31122" t="s">
        <v>86</v>
      </c>
      <c r="Q31122">
        <v>8</v>
      </c>
      <c r="R31122">
        <v>8</v>
      </c>
      <c r="S31122">
        <v>8</v>
      </c>
      <c r="T31122">
        <v>8</v>
      </c>
      <c r="U31122">
        <v>9</v>
      </c>
      <c r="V31122">
        <v>9</v>
      </c>
      <c r="W31122">
        <v>9</v>
      </c>
      <c r="X31122">
        <v>9</v>
      </c>
      <c r="Y31122">
        <v>9</v>
      </c>
      <c r="Z31122">
        <v>9</v>
      </c>
      <c r="AA31122">
        <v>9</v>
      </c>
      <c r="AB31122">
        <v>9</v>
      </c>
      <c r="AC31122">
        <v>9</v>
      </c>
      <c r="AD31122">
        <v>9</v>
      </c>
      <c r="AE31122">
        <v>10</v>
      </c>
      <c r="AF31122">
        <v>10</v>
      </c>
      <c r="AG31122">
        <v>10</v>
      </c>
      <c r="AH31122">
        <v>10</v>
      </c>
      <c r="AI31122">
        <v>10</v>
      </c>
      <c r="AJ31122">
        <v>10</v>
      </c>
      <c r="AK31122">
        <v>10</v>
      </c>
      <c r="AL31122">
        <v>10</v>
      </c>
      <c r="AM31122">
        <v>10</v>
      </c>
      <c r="AN31122">
        <v>10</v>
      </c>
      <c r="AO31122">
        <v>10</v>
      </c>
      <c r="AP31122">
        <v>10</v>
      </c>
      <c r="AQ31122">
        <v>10</v>
      </c>
    </row>
    <row r="31123" spans="1:43">
      <c r="A31123" t="s">
        <v>19283</v>
      </c>
      <c r="B31123" t="s">
        <v>19284</v>
      </c>
      <c r="C31123" t="s">
        <v>19285</v>
      </c>
      <c r="D31123" t="s">
        <v>19286</v>
      </c>
      <c r="E31123" t="s">
        <v>19203</v>
      </c>
      <c r="F31123" t="s">
        <v>19204</v>
      </c>
      <c r="G31123" t="s">
        <v>10734</v>
      </c>
      <c r="H31123" t="s">
        <v>10735</v>
      </c>
      <c r="I31123" s="2">
        <v>0</v>
      </c>
      <c r="J31123" s="2">
        <v>0</v>
      </c>
      <c r="K31123" s="2">
        <v>1</v>
      </c>
      <c r="L31123" t="s">
        <v>995</v>
      </c>
      <c r="M31123" t="s">
        <v>87</v>
      </c>
      <c r="N31123" t="s">
        <v>88</v>
      </c>
      <c r="O31123" t="s">
        <v>85</v>
      </c>
      <c r="P31123" t="s">
        <v>86</v>
      </c>
      <c r="Q31123">
        <v>8</v>
      </c>
      <c r="R31123">
        <v>8</v>
      </c>
      <c r="S31123">
        <v>8</v>
      </c>
      <c r="T31123">
        <v>8</v>
      </c>
      <c r="U31123">
        <v>8</v>
      </c>
      <c r="V31123">
        <v>8</v>
      </c>
      <c r="W31123">
        <v>8</v>
      </c>
      <c r="X31123">
        <v>8</v>
      </c>
      <c r="Y31123">
        <v>8</v>
      </c>
      <c r="Z31123">
        <v>8</v>
      </c>
      <c r="AA31123">
        <v>8</v>
      </c>
      <c r="AB31123">
        <v>8</v>
      </c>
      <c r="AC31123">
        <v>8</v>
      </c>
      <c r="AD31123">
        <v>8</v>
      </c>
      <c r="AE31123">
        <v>8</v>
      </c>
      <c r="AF31123">
        <v>8</v>
      </c>
      <c r="AG31123">
        <v>9</v>
      </c>
      <c r="AH31123">
        <v>9</v>
      </c>
      <c r="AI31123">
        <v>9</v>
      </c>
      <c r="AJ31123">
        <v>9</v>
      </c>
      <c r="AK31123">
        <v>9</v>
      </c>
      <c r="AL31123">
        <v>9</v>
      </c>
      <c r="AM31123">
        <v>9</v>
      </c>
      <c r="AN31123">
        <v>9</v>
      </c>
      <c r="AO31123">
        <v>9</v>
      </c>
      <c r="AP31123">
        <v>9</v>
      </c>
      <c r="AQ31123">
        <v>9</v>
      </c>
    </row>
    <row r="31124" spans="1:43">
      <c r="A31124" t="s">
        <v>19283</v>
      </c>
      <c r="B31124" t="s">
        <v>19284</v>
      </c>
      <c r="C31124" t="s">
        <v>19285</v>
      </c>
      <c r="D31124" t="s">
        <v>19286</v>
      </c>
      <c r="E31124" t="s">
        <v>19203</v>
      </c>
      <c r="F31124" t="s">
        <v>19204</v>
      </c>
      <c r="G31124" t="s">
        <v>10734</v>
      </c>
      <c r="H31124" t="s">
        <v>10735</v>
      </c>
      <c r="I31124" s="2">
        <v>0</v>
      </c>
      <c r="J31124" s="2">
        <v>0</v>
      </c>
      <c r="K31124" s="2">
        <v>1</v>
      </c>
      <c r="L31124" t="s">
        <v>995</v>
      </c>
      <c r="M31124" t="s">
        <v>89</v>
      </c>
      <c r="N31124" t="s">
        <v>90</v>
      </c>
      <c r="O31124" t="s">
        <v>85</v>
      </c>
      <c r="P31124" t="s">
        <v>86</v>
      </c>
      <c r="Q31124">
        <v>8</v>
      </c>
      <c r="R31124">
        <v>8</v>
      </c>
      <c r="S31124">
        <v>9</v>
      </c>
      <c r="T31124">
        <v>9</v>
      </c>
      <c r="U31124">
        <v>9</v>
      </c>
      <c r="V31124">
        <v>9</v>
      </c>
      <c r="W31124">
        <v>9</v>
      </c>
      <c r="X31124">
        <v>9</v>
      </c>
      <c r="Y31124">
        <v>10</v>
      </c>
      <c r="Z31124">
        <v>10</v>
      </c>
      <c r="AA31124">
        <v>10</v>
      </c>
      <c r="AB31124">
        <v>10</v>
      </c>
      <c r="AC31124">
        <v>10</v>
      </c>
      <c r="AD31124">
        <v>10</v>
      </c>
      <c r="AE31124">
        <v>10</v>
      </c>
      <c r="AF31124">
        <v>10</v>
      </c>
      <c r="AG31124">
        <v>10</v>
      </c>
      <c r="AH31124">
        <v>10</v>
      </c>
      <c r="AI31124">
        <v>10</v>
      </c>
      <c r="AJ31124">
        <v>10</v>
      </c>
      <c r="AK31124">
        <v>10</v>
      </c>
      <c r="AL31124">
        <v>10</v>
      </c>
      <c r="AM31124">
        <v>10</v>
      </c>
      <c r="AN31124">
        <v>10</v>
      </c>
      <c r="AO31124">
        <v>10</v>
      </c>
      <c r="AP31124">
        <v>10</v>
      </c>
      <c r="AQ31124">
        <v>10</v>
      </c>
    </row>
    <row r="31125" spans="1:43">
      <c r="A31125" t="s">
        <v>19283</v>
      </c>
      <c r="B31125" t="s">
        <v>19284</v>
      </c>
      <c r="C31125" t="s">
        <v>19285</v>
      </c>
      <c r="D31125" t="s">
        <v>19286</v>
      </c>
      <c r="E31125" t="s">
        <v>19203</v>
      </c>
      <c r="F31125" t="s">
        <v>19204</v>
      </c>
      <c r="G31125" t="s">
        <v>10734</v>
      </c>
      <c r="H31125" t="s">
        <v>10735</v>
      </c>
      <c r="I31125" s="2">
        <v>0</v>
      </c>
      <c r="J31125" s="2">
        <v>0</v>
      </c>
      <c r="K31125" s="2">
        <v>1</v>
      </c>
      <c r="L31125" t="s">
        <v>995</v>
      </c>
      <c r="M31125" t="s">
        <v>83</v>
      </c>
      <c r="N31125" t="s">
        <v>91</v>
      </c>
      <c r="O31125" t="s">
        <v>85</v>
      </c>
      <c r="P31125" t="s">
        <v>86</v>
      </c>
      <c r="Q31125">
        <v>8</v>
      </c>
      <c r="R31125">
        <v>8</v>
      </c>
      <c r="S31125">
        <v>8</v>
      </c>
      <c r="T31125">
        <v>8</v>
      </c>
      <c r="U31125">
        <v>9</v>
      </c>
      <c r="V31125">
        <v>9</v>
      </c>
      <c r="W31125">
        <v>9</v>
      </c>
      <c r="X31125">
        <v>9</v>
      </c>
      <c r="Y31125">
        <v>9</v>
      </c>
      <c r="Z31125">
        <v>9</v>
      </c>
      <c r="AA31125">
        <v>9</v>
      </c>
      <c r="AB31125">
        <v>9</v>
      </c>
      <c r="AC31125">
        <v>9</v>
      </c>
      <c r="AD31125">
        <v>9</v>
      </c>
      <c r="AE31125">
        <v>10</v>
      </c>
      <c r="AF31125">
        <v>10</v>
      </c>
      <c r="AG31125">
        <v>10</v>
      </c>
      <c r="AH31125">
        <v>10</v>
      </c>
      <c r="AI31125">
        <v>10</v>
      </c>
      <c r="AJ31125">
        <v>10</v>
      </c>
      <c r="AK31125">
        <v>10</v>
      </c>
      <c r="AL31125">
        <v>10</v>
      </c>
      <c r="AM31125">
        <v>10</v>
      </c>
      <c r="AN31125">
        <v>10</v>
      </c>
      <c r="AO31125">
        <v>10</v>
      </c>
      <c r="AP31125">
        <v>10</v>
      </c>
      <c r="AQ31125">
        <v>10</v>
      </c>
    </row>
    <row r="31126" spans="1:43">
      <c r="A31126" t="s">
        <v>19287</v>
      </c>
      <c r="B31126" t="s">
        <v>19288</v>
      </c>
      <c r="C31126" t="s">
        <v>19285</v>
      </c>
      <c r="D31126" t="s">
        <v>19286</v>
      </c>
      <c r="E31126" t="s">
        <v>19203</v>
      </c>
      <c r="F31126" t="s">
        <v>19204</v>
      </c>
      <c r="G31126" t="s">
        <v>10734</v>
      </c>
      <c r="H31126" t="s">
        <v>10735</v>
      </c>
      <c r="I31126" s="2">
        <v>0</v>
      </c>
      <c r="J31126" s="2">
        <v>0</v>
      </c>
      <c r="K31126" s="2">
        <v>1</v>
      </c>
      <c r="L31126" t="s">
        <v>995</v>
      </c>
      <c r="M31126" t="s">
        <v>83</v>
      </c>
      <c r="N31126" t="s">
        <v>84</v>
      </c>
      <c r="O31126" t="s">
        <v>85</v>
      </c>
      <c r="P31126" t="s">
        <v>86</v>
      </c>
      <c r="Q31126">
        <v>36</v>
      </c>
      <c r="R31126">
        <v>37</v>
      </c>
      <c r="S31126">
        <v>37</v>
      </c>
      <c r="T31126">
        <v>38</v>
      </c>
      <c r="U31126">
        <v>38</v>
      </c>
      <c r="V31126">
        <v>39</v>
      </c>
      <c r="W31126">
        <v>39</v>
      </c>
      <c r="X31126">
        <v>40</v>
      </c>
      <c r="Y31126">
        <v>40</v>
      </c>
      <c r="Z31126">
        <v>41</v>
      </c>
      <c r="AA31126">
        <v>41</v>
      </c>
      <c r="AB31126">
        <v>41</v>
      </c>
      <c r="AC31126">
        <v>42</v>
      </c>
      <c r="AD31126">
        <v>42</v>
      </c>
      <c r="AE31126">
        <v>43</v>
      </c>
      <c r="AF31126">
        <v>43</v>
      </c>
      <c r="AG31126">
        <v>43</v>
      </c>
      <c r="AH31126">
        <v>44</v>
      </c>
      <c r="AI31126">
        <v>44</v>
      </c>
      <c r="AJ31126">
        <v>44</v>
      </c>
      <c r="AK31126">
        <v>45</v>
      </c>
      <c r="AL31126">
        <v>45</v>
      </c>
      <c r="AM31126">
        <v>45</v>
      </c>
      <c r="AN31126">
        <v>45</v>
      </c>
      <c r="AO31126">
        <v>45</v>
      </c>
      <c r="AP31126">
        <v>45</v>
      </c>
      <c r="AQ31126">
        <v>45</v>
      </c>
    </row>
    <row r="31127" spans="1:43">
      <c r="A31127" t="s">
        <v>19287</v>
      </c>
      <c r="B31127" t="s">
        <v>19288</v>
      </c>
      <c r="C31127" t="s">
        <v>19285</v>
      </c>
      <c r="D31127" t="s">
        <v>19286</v>
      </c>
      <c r="E31127" t="s">
        <v>19203</v>
      </c>
      <c r="F31127" t="s">
        <v>19204</v>
      </c>
      <c r="G31127" t="s">
        <v>10734</v>
      </c>
      <c r="H31127" t="s">
        <v>10735</v>
      </c>
      <c r="I31127" s="2">
        <v>0</v>
      </c>
      <c r="J31127" s="2">
        <v>0</v>
      </c>
      <c r="K31127" s="2">
        <v>1</v>
      </c>
      <c r="L31127" t="s">
        <v>995</v>
      </c>
      <c r="M31127" t="s">
        <v>87</v>
      </c>
      <c r="N31127" t="s">
        <v>88</v>
      </c>
      <c r="O31127" t="s">
        <v>85</v>
      </c>
      <c r="P31127" t="s">
        <v>86</v>
      </c>
      <c r="Q31127">
        <v>36</v>
      </c>
      <c r="R31127">
        <v>36</v>
      </c>
      <c r="S31127">
        <v>36</v>
      </c>
      <c r="T31127">
        <v>37</v>
      </c>
      <c r="U31127">
        <v>37</v>
      </c>
      <c r="V31127">
        <v>37</v>
      </c>
      <c r="W31127">
        <v>37</v>
      </c>
      <c r="X31127">
        <v>37</v>
      </c>
      <c r="Y31127">
        <v>37</v>
      </c>
      <c r="Z31127">
        <v>37</v>
      </c>
      <c r="AA31127">
        <v>37</v>
      </c>
      <c r="AB31127">
        <v>37</v>
      </c>
      <c r="AC31127">
        <v>38</v>
      </c>
      <c r="AD31127">
        <v>38</v>
      </c>
      <c r="AE31127">
        <v>38</v>
      </c>
      <c r="AF31127">
        <v>38</v>
      </c>
      <c r="AG31127">
        <v>38</v>
      </c>
      <c r="AH31127">
        <v>38</v>
      </c>
      <c r="AI31127">
        <v>38</v>
      </c>
      <c r="AJ31127">
        <v>38</v>
      </c>
      <c r="AK31127">
        <v>38</v>
      </c>
      <c r="AL31127">
        <v>38</v>
      </c>
      <c r="AM31127">
        <v>39</v>
      </c>
      <c r="AN31127">
        <v>39</v>
      </c>
      <c r="AO31127">
        <v>39</v>
      </c>
      <c r="AP31127">
        <v>39</v>
      </c>
      <c r="AQ31127">
        <v>39</v>
      </c>
    </row>
    <row r="31128" spans="1:43">
      <c r="A31128" t="s">
        <v>19287</v>
      </c>
      <c r="B31128" t="s">
        <v>19288</v>
      </c>
      <c r="C31128" t="s">
        <v>19285</v>
      </c>
      <c r="D31128" t="s">
        <v>19286</v>
      </c>
      <c r="E31128" t="s">
        <v>19203</v>
      </c>
      <c r="F31128" t="s">
        <v>19204</v>
      </c>
      <c r="G31128" t="s">
        <v>10734</v>
      </c>
      <c r="H31128" t="s">
        <v>10735</v>
      </c>
      <c r="I31128" s="2">
        <v>0</v>
      </c>
      <c r="J31128" s="2">
        <v>0</v>
      </c>
      <c r="K31128" s="2">
        <v>1</v>
      </c>
      <c r="L31128" t="s">
        <v>995</v>
      </c>
      <c r="M31128" t="s">
        <v>89</v>
      </c>
      <c r="N31128" t="s">
        <v>90</v>
      </c>
      <c r="O31128" t="s">
        <v>85</v>
      </c>
      <c r="P31128" t="s">
        <v>86</v>
      </c>
      <c r="Q31128">
        <v>36</v>
      </c>
      <c r="R31128">
        <v>37</v>
      </c>
      <c r="S31128">
        <v>37</v>
      </c>
      <c r="T31128">
        <v>38</v>
      </c>
      <c r="U31128">
        <v>39</v>
      </c>
      <c r="V31128">
        <v>40</v>
      </c>
      <c r="W31128">
        <v>40</v>
      </c>
      <c r="X31128">
        <v>41</v>
      </c>
      <c r="Y31128">
        <v>41</v>
      </c>
      <c r="Z31128">
        <v>42</v>
      </c>
      <c r="AA31128">
        <v>43</v>
      </c>
      <c r="AB31128">
        <v>43</v>
      </c>
      <c r="AC31128">
        <v>44</v>
      </c>
      <c r="AD31128">
        <v>44</v>
      </c>
      <c r="AE31128">
        <v>44</v>
      </c>
      <c r="AF31128">
        <v>44</v>
      </c>
      <c r="AG31128">
        <v>44</v>
      </c>
      <c r="AH31128">
        <v>44</v>
      </c>
      <c r="AI31128">
        <v>44</v>
      </c>
      <c r="AJ31128">
        <v>44</v>
      </c>
      <c r="AK31128">
        <v>44</v>
      </c>
      <c r="AL31128">
        <v>44</v>
      </c>
      <c r="AM31128">
        <v>44</v>
      </c>
      <c r="AN31128">
        <v>44</v>
      </c>
      <c r="AO31128">
        <v>44</v>
      </c>
      <c r="AP31128">
        <v>44</v>
      </c>
      <c r="AQ31128">
        <v>44</v>
      </c>
    </row>
    <row r="31129" spans="1:43">
      <c r="A31129" t="s">
        <v>19287</v>
      </c>
      <c r="B31129" t="s">
        <v>19288</v>
      </c>
      <c r="C31129" t="s">
        <v>19285</v>
      </c>
      <c r="D31129" t="s">
        <v>19286</v>
      </c>
      <c r="E31129" t="s">
        <v>19203</v>
      </c>
      <c r="F31129" t="s">
        <v>19204</v>
      </c>
      <c r="G31129" t="s">
        <v>10734</v>
      </c>
      <c r="H31129" t="s">
        <v>10735</v>
      </c>
      <c r="I31129" s="2">
        <v>0</v>
      </c>
      <c r="J31129" s="2">
        <v>0</v>
      </c>
      <c r="K31129" s="2">
        <v>1</v>
      </c>
      <c r="L31129" t="s">
        <v>995</v>
      </c>
      <c r="M31129" t="s">
        <v>83</v>
      </c>
      <c r="N31129" t="s">
        <v>91</v>
      </c>
      <c r="O31129" t="s">
        <v>85</v>
      </c>
      <c r="P31129" t="s">
        <v>86</v>
      </c>
      <c r="Q31129">
        <v>36</v>
      </c>
      <c r="R31129">
        <v>37</v>
      </c>
      <c r="S31129">
        <v>37</v>
      </c>
      <c r="T31129">
        <v>38</v>
      </c>
      <c r="U31129">
        <v>38</v>
      </c>
      <c r="V31129">
        <v>39</v>
      </c>
      <c r="W31129">
        <v>39</v>
      </c>
      <c r="X31129">
        <v>40</v>
      </c>
      <c r="Y31129">
        <v>40</v>
      </c>
      <c r="Z31129">
        <v>41</v>
      </c>
      <c r="AA31129">
        <v>41</v>
      </c>
      <c r="AB31129">
        <v>41</v>
      </c>
      <c r="AC31129">
        <v>42</v>
      </c>
      <c r="AD31129">
        <v>42</v>
      </c>
      <c r="AE31129">
        <v>43</v>
      </c>
      <c r="AF31129">
        <v>43</v>
      </c>
      <c r="AG31129">
        <v>43</v>
      </c>
      <c r="AH31129">
        <v>44</v>
      </c>
      <c r="AI31129">
        <v>44</v>
      </c>
      <c r="AJ31129">
        <v>44</v>
      </c>
      <c r="AK31129">
        <v>45</v>
      </c>
      <c r="AL31129">
        <v>45</v>
      </c>
      <c r="AM31129">
        <v>45</v>
      </c>
      <c r="AN31129">
        <v>45</v>
      </c>
      <c r="AO31129">
        <v>45</v>
      </c>
      <c r="AP31129">
        <v>45</v>
      </c>
      <c r="AQ31129">
        <v>45</v>
      </c>
    </row>
    <row r="31130" spans="1:43">
      <c r="A31130" t="s">
        <v>19289</v>
      </c>
      <c r="B31130" t="s">
        <v>19290</v>
      </c>
      <c r="C31130" t="s">
        <v>19285</v>
      </c>
      <c r="D31130" t="s">
        <v>19286</v>
      </c>
      <c r="E31130" t="s">
        <v>19203</v>
      </c>
      <c r="F31130" t="s">
        <v>19204</v>
      </c>
      <c r="G31130" t="s">
        <v>10734</v>
      </c>
      <c r="H31130" t="s">
        <v>10735</v>
      </c>
      <c r="I31130" s="2">
        <v>0</v>
      </c>
      <c r="J31130" s="2">
        <v>0</v>
      </c>
      <c r="K31130" s="2">
        <v>1</v>
      </c>
      <c r="L31130" t="s">
        <v>995</v>
      </c>
      <c r="M31130" t="s">
        <v>83</v>
      </c>
      <c r="N31130" t="s">
        <v>84</v>
      </c>
      <c r="O31130" t="s">
        <v>85</v>
      </c>
      <c r="P31130" t="s">
        <v>86</v>
      </c>
      <c r="Q31130">
        <v>12</v>
      </c>
      <c r="R31130">
        <v>12</v>
      </c>
      <c r="S31130">
        <v>12</v>
      </c>
      <c r="T31130">
        <v>12</v>
      </c>
      <c r="U31130">
        <v>12</v>
      </c>
      <c r="V31130">
        <v>12</v>
      </c>
      <c r="W31130">
        <v>12</v>
      </c>
      <c r="X31130">
        <v>13</v>
      </c>
      <c r="Y31130">
        <v>13</v>
      </c>
      <c r="Z31130">
        <v>13</v>
      </c>
      <c r="AA31130">
        <v>13</v>
      </c>
      <c r="AB31130">
        <v>13</v>
      </c>
      <c r="AC31130">
        <v>13</v>
      </c>
      <c r="AD31130">
        <v>13</v>
      </c>
      <c r="AE31130">
        <v>14</v>
      </c>
      <c r="AF31130">
        <v>14</v>
      </c>
      <c r="AG31130">
        <v>14</v>
      </c>
      <c r="AH31130">
        <v>14</v>
      </c>
      <c r="AI31130">
        <v>14</v>
      </c>
      <c r="AJ31130">
        <v>14</v>
      </c>
      <c r="AK31130">
        <v>14</v>
      </c>
      <c r="AL31130">
        <v>14</v>
      </c>
      <c r="AM31130">
        <v>14</v>
      </c>
      <c r="AN31130">
        <v>14</v>
      </c>
      <c r="AO31130">
        <v>14</v>
      </c>
      <c r="AP31130">
        <v>14</v>
      </c>
      <c r="AQ31130">
        <v>14</v>
      </c>
    </row>
    <row r="31131" spans="1:43">
      <c r="A31131" t="s">
        <v>19289</v>
      </c>
      <c r="B31131" t="s">
        <v>19290</v>
      </c>
      <c r="C31131" t="s">
        <v>19285</v>
      </c>
      <c r="D31131" t="s">
        <v>19286</v>
      </c>
      <c r="E31131" t="s">
        <v>19203</v>
      </c>
      <c r="F31131" t="s">
        <v>19204</v>
      </c>
      <c r="G31131" t="s">
        <v>10734</v>
      </c>
      <c r="H31131" t="s">
        <v>10735</v>
      </c>
      <c r="I31131" s="2">
        <v>0</v>
      </c>
      <c r="J31131" s="2">
        <v>0</v>
      </c>
      <c r="K31131" s="2">
        <v>1</v>
      </c>
      <c r="L31131" t="s">
        <v>995</v>
      </c>
      <c r="M31131" t="s">
        <v>87</v>
      </c>
      <c r="N31131" t="s">
        <v>88</v>
      </c>
      <c r="O31131" t="s">
        <v>85</v>
      </c>
      <c r="P31131" t="s">
        <v>86</v>
      </c>
      <c r="Q31131">
        <v>12</v>
      </c>
      <c r="R31131">
        <v>12</v>
      </c>
      <c r="S31131">
        <v>13</v>
      </c>
      <c r="T31131">
        <v>13</v>
      </c>
      <c r="U31131">
        <v>13</v>
      </c>
      <c r="V31131">
        <v>13</v>
      </c>
      <c r="W31131">
        <v>13</v>
      </c>
      <c r="X31131">
        <v>13</v>
      </c>
      <c r="Y31131">
        <v>13</v>
      </c>
      <c r="Z31131">
        <v>13</v>
      </c>
      <c r="AA31131">
        <v>13</v>
      </c>
      <c r="AB31131">
        <v>13</v>
      </c>
      <c r="AC31131">
        <v>13</v>
      </c>
      <c r="AD31131">
        <v>13</v>
      </c>
      <c r="AE31131">
        <v>13</v>
      </c>
      <c r="AF31131">
        <v>13</v>
      </c>
      <c r="AG31131">
        <v>13</v>
      </c>
      <c r="AH31131">
        <v>13</v>
      </c>
      <c r="AI31131">
        <v>13</v>
      </c>
      <c r="AJ31131">
        <v>13</v>
      </c>
      <c r="AK31131">
        <v>13</v>
      </c>
      <c r="AL31131">
        <v>13</v>
      </c>
      <c r="AM31131">
        <v>13</v>
      </c>
      <c r="AN31131">
        <v>13</v>
      </c>
      <c r="AO31131">
        <v>13</v>
      </c>
      <c r="AP31131">
        <v>13</v>
      </c>
      <c r="AQ31131">
        <v>13</v>
      </c>
    </row>
    <row r="31132" spans="1:43">
      <c r="A31132" t="s">
        <v>19289</v>
      </c>
      <c r="B31132" t="s">
        <v>19290</v>
      </c>
      <c r="C31132" t="s">
        <v>19285</v>
      </c>
      <c r="D31132" t="s">
        <v>19286</v>
      </c>
      <c r="E31132" t="s">
        <v>19203</v>
      </c>
      <c r="F31132" t="s">
        <v>19204</v>
      </c>
      <c r="G31132" t="s">
        <v>10734</v>
      </c>
      <c r="H31132" t="s">
        <v>10735</v>
      </c>
      <c r="I31132" s="2">
        <v>0</v>
      </c>
      <c r="J31132" s="2">
        <v>0</v>
      </c>
      <c r="K31132" s="2">
        <v>1</v>
      </c>
      <c r="L31132" t="s">
        <v>995</v>
      </c>
      <c r="M31132" t="s">
        <v>89</v>
      </c>
      <c r="N31132" t="s">
        <v>90</v>
      </c>
      <c r="O31132" t="s">
        <v>85</v>
      </c>
      <c r="P31132" t="s">
        <v>86</v>
      </c>
      <c r="Q31132">
        <v>12</v>
      </c>
      <c r="R31132">
        <v>12</v>
      </c>
      <c r="S31132">
        <v>12</v>
      </c>
      <c r="T31132">
        <v>12</v>
      </c>
      <c r="U31132">
        <v>13</v>
      </c>
      <c r="V31132">
        <v>13</v>
      </c>
      <c r="W31132">
        <v>13</v>
      </c>
      <c r="X31132">
        <v>13</v>
      </c>
      <c r="Y31132">
        <v>13</v>
      </c>
      <c r="Z31132">
        <v>14</v>
      </c>
      <c r="AA31132">
        <v>14</v>
      </c>
      <c r="AB31132">
        <v>14</v>
      </c>
      <c r="AC31132">
        <v>14</v>
      </c>
      <c r="AD31132">
        <v>14</v>
      </c>
      <c r="AE31132">
        <v>14</v>
      </c>
      <c r="AF31132">
        <v>14</v>
      </c>
      <c r="AG31132">
        <v>14</v>
      </c>
      <c r="AH31132">
        <v>14</v>
      </c>
      <c r="AI31132">
        <v>14</v>
      </c>
      <c r="AJ31132">
        <v>14</v>
      </c>
      <c r="AK31132">
        <v>14</v>
      </c>
      <c r="AL31132">
        <v>14</v>
      </c>
      <c r="AM31132">
        <v>14</v>
      </c>
      <c r="AN31132">
        <v>14</v>
      </c>
      <c r="AO31132">
        <v>14</v>
      </c>
      <c r="AP31132">
        <v>14</v>
      </c>
      <c r="AQ31132">
        <v>14</v>
      </c>
    </row>
    <row r="31133" spans="1:43">
      <c r="A31133" t="s">
        <v>19289</v>
      </c>
      <c r="B31133" t="s">
        <v>19290</v>
      </c>
      <c r="C31133" t="s">
        <v>19285</v>
      </c>
      <c r="D31133" t="s">
        <v>19286</v>
      </c>
      <c r="E31133" t="s">
        <v>19203</v>
      </c>
      <c r="F31133" t="s">
        <v>19204</v>
      </c>
      <c r="G31133" t="s">
        <v>10734</v>
      </c>
      <c r="H31133" t="s">
        <v>10735</v>
      </c>
      <c r="I31133" s="2">
        <v>0</v>
      </c>
      <c r="J31133" s="2">
        <v>0</v>
      </c>
      <c r="K31133" s="2">
        <v>1</v>
      </c>
      <c r="L31133" t="s">
        <v>995</v>
      </c>
      <c r="M31133" t="s">
        <v>83</v>
      </c>
      <c r="N31133" t="s">
        <v>91</v>
      </c>
      <c r="O31133" t="s">
        <v>85</v>
      </c>
      <c r="P31133" t="s">
        <v>86</v>
      </c>
      <c r="Q31133">
        <v>12</v>
      </c>
      <c r="R31133">
        <v>12</v>
      </c>
      <c r="S31133">
        <v>12</v>
      </c>
      <c r="T31133">
        <v>12</v>
      </c>
      <c r="U31133">
        <v>12</v>
      </c>
      <c r="V31133">
        <v>12</v>
      </c>
      <c r="W31133">
        <v>12</v>
      </c>
      <c r="X31133">
        <v>13</v>
      </c>
      <c r="Y31133">
        <v>13</v>
      </c>
      <c r="Z31133">
        <v>13</v>
      </c>
      <c r="AA31133">
        <v>13</v>
      </c>
      <c r="AB31133">
        <v>13</v>
      </c>
      <c r="AC31133">
        <v>13</v>
      </c>
      <c r="AD31133">
        <v>13</v>
      </c>
      <c r="AE31133">
        <v>14</v>
      </c>
      <c r="AF31133">
        <v>14</v>
      </c>
      <c r="AG31133">
        <v>14</v>
      </c>
      <c r="AH31133">
        <v>14</v>
      </c>
      <c r="AI31133">
        <v>14</v>
      </c>
      <c r="AJ31133">
        <v>14</v>
      </c>
      <c r="AK31133">
        <v>14</v>
      </c>
      <c r="AL31133">
        <v>14</v>
      </c>
      <c r="AM31133">
        <v>14</v>
      </c>
      <c r="AN31133">
        <v>14</v>
      </c>
      <c r="AO31133">
        <v>14</v>
      </c>
      <c r="AP31133">
        <v>14</v>
      </c>
      <c r="AQ31133">
        <v>14</v>
      </c>
    </row>
    <row r="31134" spans="1:43">
      <c r="A31134" t="s">
        <v>19291</v>
      </c>
      <c r="B31134" t="s">
        <v>19292</v>
      </c>
      <c r="C31134" t="s">
        <v>19293</v>
      </c>
      <c r="D31134" t="s">
        <v>19294</v>
      </c>
      <c r="E31134" t="s">
        <v>19203</v>
      </c>
      <c r="F31134" t="s">
        <v>19204</v>
      </c>
      <c r="G31134" t="s">
        <v>10734</v>
      </c>
      <c r="H31134" t="s">
        <v>10735</v>
      </c>
      <c r="I31134" s="2">
        <v>0</v>
      </c>
      <c r="J31134" s="2">
        <v>0</v>
      </c>
      <c r="K31134" s="2">
        <v>1</v>
      </c>
      <c r="L31134" t="s">
        <v>995</v>
      </c>
      <c r="M31134" t="s">
        <v>83</v>
      </c>
      <c r="N31134" t="s">
        <v>84</v>
      </c>
      <c r="O31134" t="s">
        <v>85</v>
      </c>
      <c r="P31134" t="s">
        <v>86</v>
      </c>
      <c r="Q31134">
        <v>14</v>
      </c>
      <c r="R31134">
        <v>14</v>
      </c>
      <c r="S31134">
        <v>14</v>
      </c>
      <c r="T31134">
        <v>14</v>
      </c>
      <c r="U31134">
        <v>14</v>
      </c>
      <c r="V31134">
        <v>14</v>
      </c>
      <c r="W31134">
        <v>15</v>
      </c>
      <c r="X31134">
        <v>15</v>
      </c>
      <c r="Y31134">
        <v>15</v>
      </c>
      <c r="Z31134">
        <v>15</v>
      </c>
      <c r="AA31134">
        <v>15</v>
      </c>
      <c r="AB31134">
        <v>15</v>
      </c>
      <c r="AC31134">
        <v>15</v>
      </c>
      <c r="AD31134">
        <v>16</v>
      </c>
      <c r="AE31134">
        <v>16</v>
      </c>
      <c r="AF31134">
        <v>16</v>
      </c>
      <c r="AG31134">
        <v>16</v>
      </c>
      <c r="AH31134">
        <v>16</v>
      </c>
      <c r="AI31134">
        <v>16</v>
      </c>
      <c r="AJ31134">
        <v>16</v>
      </c>
      <c r="AK31134">
        <v>17</v>
      </c>
      <c r="AL31134">
        <v>17</v>
      </c>
      <c r="AM31134">
        <v>17</v>
      </c>
      <c r="AN31134">
        <v>16</v>
      </c>
      <c r="AO31134">
        <v>16</v>
      </c>
      <c r="AP31134">
        <v>16</v>
      </c>
      <c r="AQ31134">
        <v>16</v>
      </c>
    </row>
    <row r="31135" spans="1:43">
      <c r="A31135" t="s">
        <v>19291</v>
      </c>
      <c r="B31135" t="s">
        <v>19292</v>
      </c>
      <c r="C31135" t="s">
        <v>19293</v>
      </c>
      <c r="D31135" t="s">
        <v>19294</v>
      </c>
      <c r="E31135" t="s">
        <v>19203</v>
      </c>
      <c r="F31135" t="s">
        <v>19204</v>
      </c>
      <c r="G31135" t="s">
        <v>10734</v>
      </c>
      <c r="H31135" t="s">
        <v>10735</v>
      </c>
      <c r="I31135" s="2">
        <v>0</v>
      </c>
      <c r="J31135" s="2">
        <v>0</v>
      </c>
      <c r="K31135" s="2">
        <v>1</v>
      </c>
      <c r="L31135" t="s">
        <v>995</v>
      </c>
      <c r="M31135" t="s">
        <v>87</v>
      </c>
      <c r="N31135" t="s">
        <v>88</v>
      </c>
      <c r="O31135" t="s">
        <v>85</v>
      </c>
      <c r="P31135" t="s">
        <v>86</v>
      </c>
      <c r="Q31135">
        <v>14</v>
      </c>
      <c r="R31135">
        <v>14</v>
      </c>
      <c r="S31135">
        <v>14</v>
      </c>
      <c r="T31135">
        <v>15</v>
      </c>
      <c r="U31135">
        <v>15</v>
      </c>
      <c r="V31135">
        <v>15</v>
      </c>
      <c r="W31135">
        <v>15</v>
      </c>
      <c r="X31135">
        <v>15</v>
      </c>
      <c r="Y31135">
        <v>15</v>
      </c>
      <c r="Z31135">
        <v>15</v>
      </c>
      <c r="AA31135">
        <v>15</v>
      </c>
      <c r="AB31135">
        <v>15</v>
      </c>
      <c r="AC31135">
        <v>15</v>
      </c>
      <c r="AD31135">
        <v>15</v>
      </c>
      <c r="AE31135">
        <v>15</v>
      </c>
      <c r="AF31135">
        <v>15</v>
      </c>
      <c r="AG31135">
        <v>15</v>
      </c>
      <c r="AH31135">
        <v>15</v>
      </c>
      <c r="AI31135">
        <v>15</v>
      </c>
      <c r="AJ31135">
        <v>15</v>
      </c>
      <c r="AK31135">
        <v>15</v>
      </c>
      <c r="AL31135">
        <v>15</v>
      </c>
      <c r="AM31135">
        <v>15</v>
      </c>
      <c r="AN31135">
        <v>15</v>
      </c>
      <c r="AO31135">
        <v>15</v>
      </c>
      <c r="AP31135">
        <v>15</v>
      </c>
      <c r="AQ31135">
        <v>15</v>
      </c>
    </row>
    <row r="31136" spans="1:43">
      <c r="A31136" t="s">
        <v>19291</v>
      </c>
      <c r="B31136" t="s">
        <v>19292</v>
      </c>
      <c r="C31136" t="s">
        <v>19293</v>
      </c>
      <c r="D31136" t="s">
        <v>19294</v>
      </c>
      <c r="E31136" t="s">
        <v>19203</v>
      </c>
      <c r="F31136" t="s">
        <v>19204</v>
      </c>
      <c r="G31136" t="s">
        <v>10734</v>
      </c>
      <c r="H31136" t="s">
        <v>10735</v>
      </c>
      <c r="I31136" s="2">
        <v>0</v>
      </c>
      <c r="J31136" s="2">
        <v>0</v>
      </c>
      <c r="K31136" s="2">
        <v>1</v>
      </c>
      <c r="L31136" t="s">
        <v>995</v>
      </c>
      <c r="M31136" t="s">
        <v>89</v>
      </c>
      <c r="N31136" t="s">
        <v>90</v>
      </c>
      <c r="O31136" t="s">
        <v>85</v>
      </c>
      <c r="P31136" t="s">
        <v>86</v>
      </c>
      <c r="Q31136">
        <v>14</v>
      </c>
      <c r="R31136">
        <v>14</v>
      </c>
      <c r="S31136">
        <v>14</v>
      </c>
      <c r="T31136">
        <v>15</v>
      </c>
      <c r="U31136">
        <v>15</v>
      </c>
      <c r="V31136">
        <v>15</v>
      </c>
      <c r="W31136">
        <v>15</v>
      </c>
      <c r="X31136">
        <v>16</v>
      </c>
      <c r="Y31136">
        <v>16</v>
      </c>
      <c r="Z31136">
        <v>16</v>
      </c>
      <c r="AA31136">
        <v>16</v>
      </c>
      <c r="AB31136">
        <v>16</v>
      </c>
      <c r="AC31136">
        <v>17</v>
      </c>
      <c r="AD31136">
        <v>17</v>
      </c>
      <c r="AE31136">
        <v>17</v>
      </c>
      <c r="AF31136">
        <v>17</v>
      </c>
      <c r="AG31136">
        <v>17</v>
      </c>
      <c r="AH31136">
        <v>17</v>
      </c>
      <c r="AI31136">
        <v>17</v>
      </c>
      <c r="AJ31136">
        <v>17</v>
      </c>
      <c r="AK31136">
        <v>17</v>
      </c>
      <c r="AL31136">
        <v>17</v>
      </c>
      <c r="AM31136">
        <v>17</v>
      </c>
      <c r="AN31136">
        <v>17</v>
      </c>
      <c r="AO31136">
        <v>17</v>
      </c>
      <c r="AP31136">
        <v>17</v>
      </c>
      <c r="AQ31136">
        <v>17</v>
      </c>
    </row>
    <row r="31137" spans="1:43">
      <c r="A31137" t="s">
        <v>19291</v>
      </c>
      <c r="B31137" t="s">
        <v>19292</v>
      </c>
      <c r="C31137" t="s">
        <v>19293</v>
      </c>
      <c r="D31137" t="s">
        <v>19294</v>
      </c>
      <c r="E31137" t="s">
        <v>19203</v>
      </c>
      <c r="F31137" t="s">
        <v>19204</v>
      </c>
      <c r="G31137" t="s">
        <v>10734</v>
      </c>
      <c r="H31137" t="s">
        <v>10735</v>
      </c>
      <c r="I31137" s="2">
        <v>0</v>
      </c>
      <c r="J31137" s="2">
        <v>0</v>
      </c>
      <c r="K31137" s="2">
        <v>1</v>
      </c>
      <c r="L31137" t="s">
        <v>995</v>
      </c>
      <c r="M31137" t="s">
        <v>83</v>
      </c>
      <c r="N31137" t="s">
        <v>91</v>
      </c>
      <c r="O31137" t="s">
        <v>85</v>
      </c>
      <c r="P31137" t="s">
        <v>86</v>
      </c>
      <c r="Q31137">
        <v>14</v>
      </c>
      <c r="R31137">
        <v>14</v>
      </c>
      <c r="S31137">
        <v>14</v>
      </c>
      <c r="T31137">
        <v>14</v>
      </c>
      <c r="U31137">
        <v>14</v>
      </c>
      <c r="V31137">
        <v>14</v>
      </c>
      <c r="W31137">
        <v>15</v>
      </c>
      <c r="X31137">
        <v>15</v>
      </c>
      <c r="Y31137">
        <v>15</v>
      </c>
      <c r="Z31137">
        <v>15</v>
      </c>
      <c r="AA31137">
        <v>15</v>
      </c>
      <c r="AB31137">
        <v>15</v>
      </c>
      <c r="AC31137">
        <v>15</v>
      </c>
      <c r="AD31137">
        <v>16</v>
      </c>
      <c r="AE31137">
        <v>16</v>
      </c>
      <c r="AF31137">
        <v>16</v>
      </c>
      <c r="AG31137">
        <v>16</v>
      </c>
      <c r="AH31137">
        <v>16</v>
      </c>
      <c r="AI31137">
        <v>16</v>
      </c>
      <c r="AJ31137">
        <v>16</v>
      </c>
      <c r="AK31137">
        <v>17</v>
      </c>
      <c r="AL31137">
        <v>17</v>
      </c>
      <c r="AM31137">
        <v>17</v>
      </c>
      <c r="AN31137">
        <v>16</v>
      </c>
      <c r="AO31137">
        <v>16</v>
      </c>
      <c r="AP31137">
        <v>16</v>
      </c>
      <c r="AQ31137">
        <v>16</v>
      </c>
    </row>
    <row r="31138" spans="1:43">
      <c r="A31138" t="s">
        <v>19295</v>
      </c>
      <c r="B31138" t="s">
        <v>19296</v>
      </c>
      <c r="C31138" t="s">
        <v>19293</v>
      </c>
      <c r="D31138" t="s">
        <v>19294</v>
      </c>
      <c r="E31138" t="s">
        <v>19203</v>
      </c>
      <c r="F31138" t="s">
        <v>19204</v>
      </c>
      <c r="G31138" t="s">
        <v>10734</v>
      </c>
      <c r="H31138" t="s">
        <v>10735</v>
      </c>
      <c r="I31138" s="2">
        <v>0</v>
      </c>
      <c r="J31138" s="2">
        <v>0</v>
      </c>
      <c r="K31138" s="2">
        <v>1</v>
      </c>
      <c r="L31138" t="s">
        <v>995</v>
      </c>
      <c r="M31138" t="s">
        <v>83</v>
      </c>
      <c r="N31138" t="s">
        <v>84</v>
      </c>
      <c r="O31138" t="s">
        <v>85</v>
      </c>
      <c r="P31138" t="s">
        <v>86</v>
      </c>
      <c r="Q31138">
        <v>5</v>
      </c>
      <c r="R31138">
        <v>5</v>
      </c>
      <c r="S31138">
        <v>5</v>
      </c>
      <c r="T31138">
        <v>5</v>
      </c>
      <c r="U31138">
        <v>5</v>
      </c>
      <c r="V31138">
        <v>5</v>
      </c>
      <c r="W31138">
        <v>5</v>
      </c>
      <c r="X31138">
        <v>6</v>
      </c>
      <c r="Y31138">
        <v>6</v>
      </c>
      <c r="Z31138">
        <v>6</v>
      </c>
      <c r="AA31138">
        <v>6</v>
      </c>
      <c r="AB31138">
        <v>6</v>
      </c>
      <c r="AC31138">
        <v>6</v>
      </c>
      <c r="AD31138">
        <v>6</v>
      </c>
      <c r="AE31138">
        <v>6</v>
      </c>
      <c r="AF31138">
        <v>6</v>
      </c>
      <c r="AG31138">
        <v>6</v>
      </c>
      <c r="AH31138">
        <v>6</v>
      </c>
      <c r="AI31138">
        <v>6</v>
      </c>
      <c r="AJ31138">
        <v>6</v>
      </c>
      <c r="AK31138">
        <v>6</v>
      </c>
      <c r="AL31138">
        <v>6</v>
      </c>
      <c r="AM31138">
        <v>6</v>
      </c>
      <c r="AN31138">
        <v>6</v>
      </c>
      <c r="AO31138">
        <v>6</v>
      </c>
      <c r="AP31138">
        <v>6</v>
      </c>
      <c r="AQ31138">
        <v>6</v>
      </c>
    </row>
    <row r="31139" spans="1:43">
      <c r="A31139" t="s">
        <v>19295</v>
      </c>
      <c r="B31139" t="s">
        <v>19296</v>
      </c>
      <c r="C31139" t="s">
        <v>19293</v>
      </c>
      <c r="D31139" t="s">
        <v>19294</v>
      </c>
      <c r="E31139" t="s">
        <v>19203</v>
      </c>
      <c r="F31139" t="s">
        <v>19204</v>
      </c>
      <c r="G31139" t="s">
        <v>10734</v>
      </c>
      <c r="H31139" t="s">
        <v>10735</v>
      </c>
      <c r="I31139" s="2">
        <v>0</v>
      </c>
      <c r="J31139" s="2">
        <v>0</v>
      </c>
      <c r="K31139" s="2">
        <v>1</v>
      </c>
      <c r="L31139" t="s">
        <v>995</v>
      </c>
      <c r="M31139" t="s">
        <v>87</v>
      </c>
      <c r="N31139" t="s">
        <v>88</v>
      </c>
      <c r="O31139" t="s">
        <v>85</v>
      </c>
      <c r="P31139" t="s">
        <v>86</v>
      </c>
      <c r="Q31139">
        <v>5</v>
      </c>
      <c r="R31139">
        <v>5</v>
      </c>
      <c r="S31139">
        <v>5</v>
      </c>
      <c r="T31139">
        <v>5</v>
      </c>
      <c r="U31139">
        <v>5</v>
      </c>
      <c r="V31139">
        <v>5</v>
      </c>
      <c r="W31139">
        <v>5</v>
      </c>
      <c r="X31139">
        <v>5</v>
      </c>
      <c r="Y31139">
        <v>5</v>
      </c>
      <c r="Z31139">
        <v>5</v>
      </c>
      <c r="AA31139">
        <v>5</v>
      </c>
      <c r="AB31139">
        <v>5</v>
      </c>
      <c r="AC31139">
        <v>5</v>
      </c>
      <c r="AD31139">
        <v>5</v>
      </c>
      <c r="AE31139">
        <v>5</v>
      </c>
      <c r="AF31139">
        <v>5</v>
      </c>
      <c r="AG31139">
        <v>5</v>
      </c>
      <c r="AH31139">
        <v>5</v>
      </c>
      <c r="AI31139">
        <v>5</v>
      </c>
      <c r="AJ31139">
        <v>5</v>
      </c>
      <c r="AK31139">
        <v>5</v>
      </c>
      <c r="AL31139">
        <v>5</v>
      </c>
      <c r="AM31139">
        <v>5</v>
      </c>
      <c r="AN31139">
        <v>5</v>
      </c>
      <c r="AO31139">
        <v>5</v>
      </c>
      <c r="AP31139">
        <v>5</v>
      </c>
      <c r="AQ31139">
        <v>5</v>
      </c>
    </row>
    <row r="31140" spans="1:43">
      <c r="A31140" t="s">
        <v>19295</v>
      </c>
      <c r="B31140" t="s">
        <v>19296</v>
      </c>
      <c r="C31140" t="s">
        <v>19293</v>
      </c>
      <c r="D31140" t="s">
        <v>19294</v>
      </c>
      <c r="E31140" t="s">
        <v>19203</v>
      </c>
      <c r="F31140" t="s">
        <v>19204</v>
      </c>
      <c r="G31140" t="s">
        <v>10734</v>
      </c>
      <c r="H31140" t="s">
        <v>10735</v>
      </c>
      <c r="I31140" s="2">
        <v>0</v>
      </c>
      <c r="J31140" s="2">
        <v>0</v>
      </c>
      <c r="K31140" s="2">
        <v>1</v>
      </c>
      <c r="L31140" t="s">
        <v>995</v>
      </c>
      <c r="M31140" t="s">
        <v>89</v>
      </c>
      <c r="N31140" t="s">
        <v>90</v>
      </c>
      <c r="O31140" t="s">
        <v>85</v>
      </c>
      <c r="P31140" t="s">
        <v>86</v>
      </c>
      <c r="Q31140">
        <v>5</v>
      </c>
      <c r="R31140">
        <v>5</v>
      </c>
      <c r="S31140">
        <v>5</v>
      </c>
      <c r="T31140">
        <v>5</v>
      </c>
      <c r="U31140">
        <v>6</v>
      </c>
      <c r="V31140">
        <v>6</v>
      </c>
      <c r="W31140">
        <v>6</v>
      </c>
      <c r="X31140">
        <v>6</v>
      </c>
      <c r="Y31140">
        <v>6</v>
      </c>
      <c r="Z31140">
        <v>6</v>
      </c>
      <c r="AA31140">
        <v>6</v>
      </c>
      <c r="AB31140">
        <v>6</v>
      </c>
      <c r="AC31140">
        <v>6</v>
      </c>
      <c r="AD31140">
        <v>6</v>
      </c>
      <c r="AE31140">
        <v>6</v>
      </c>
      <c r="AF31140">
        <v>6</v>
      </c>
      <c r="AG31140">
        <v>6</v>
      </c>
      <c r="AH31140">
        <v>6</v>
      </c>
      <c r="AI31140">
        <v>6</v>
      </c>
      <c r="AJ31140">
        <v>6</v>
      </c>
      <c r="AK31140">
        <v>6</v>
      </c>
      <c r="AL31140">
        <v>6</v>
      </c>
      <c r="AM31140">
        <v>6</v>
      </c>
      <c r="AN31140">
        <v>6</v>
      </c>
      <c r="AO31140">
        <v>6</v>
      </c>
      <c r="AP31140">
        <v>6</v>
      </c>
      <c r="AQ31140">
        <v>6</v>
      </c>
    </row>
    <row r="31141" spans="1:43">
      <c r="A31141" t="s">
        <v>19295</v>
      </c>
      <c r="B31141" t="s">
        <v>19296</v>
      </c>
      <c r="C31141" t="s">
        <v>19293</v>
      </c>
      <c r="D31141" t="s">
        <v>19294</v>
      </c>
      <c r="E31141" t="s">
        <v>19203</v>
      </c>
      <c r="F31141" t="s">
        <v>19204</v>
      </c>
      <c r="G31141" t="s">
        <v>10734</v>
      </c>
      <c r="H31141" t="s">
        <v>10735</v>
      </c>
      <c r="I31141" s="2">
        <v>0</v>
      </c>
      <c r="J31141" s="2">
        <v>0</v>
      </c>
      <c r="K31141" s="2">
        <v>1</v>
      </c>
      <c r="L31141" t="s">
        <v>995</v>
      </c>
      <c r="M31141" t="s">
        <v>83</v>
      </c>
      <c r="N31141" t="s">
        <v>91</v>
      </c>
      <c r="O31141" t="s">
        <v>85</v>
      </c>
      <c r="P31141" t="s">
        <v>86</v>
      </c>
      <c r="Q31141">
        <v>5</v>
      </c>
      <c r="R31141">
        <v>5</v>
      </c>
      <c r="S31141">
        <v>5</v>
      </c>
      <c r="T31141">
        <v>5</v>
      </c>
      <c r="U31141">
        <v>5</v>
      </c>
      <c r="V31141">
        <v>5</v>
      </c>
      <c r="W31141">
        <v>5</v>
      </c>
      <c r="X31141">
        <v>6</v>
      </c>
      <c r="Y31141">
        <v>6</v>
      </c>
      <c r="Z31141">
        <v>6</v>
      </c>
      <c r="AA31141">
        <v>6</v>
      </c>
      <c r="AB31141">
        <v>6</v>
      </c>
      <c r="AC31141">
        <v>6</v>
      </c>
      <c r="AD31141">
        <v>6</v>
      </c>
      <c r="AE31141">
        <v>6</v>
      </c>
      <c r="AF31141">
        <v>6</v>
      </c>
      <c r="AG31141">
        <v>6</v>
      </c>
      <c r="AH31141">
        <v>6</v>
      </c>
      <c r="AI31141">
        <v>6</v>
      </c>
      <c r="AJ31141">
        <v>6</v>
      </c>
      <c r="AK31141">
        <v>6</v>
      </c>
      <c r="AL31141">
        <v>6</v>
      </c>
      <c r="AM31141">
        <v>6</v>
      </c>
      <c r="AN31141">
        <v>6</v>
      </c>
      <c r="AO31141">
        <v>6</v>
      </c>
      <c r="AP31141">
        <v>6</v>
      </c>
      <c r="AQ31141">
        <v>6</v>
      </c>
    </row>
    <row r="31142" spans="1:43">
      <c r="A31142" t="s">
        <v>19297</v>
      </c>
      <c r="B31142" t="s">
        <v>19298</v>
      </c>
      <c r="C31142" t="s">
        <v>19293</v>
      </c>
      <c r="D31142" t="s">
        <v>19294</v>
      </c>
      <c r="E31142" t="s">
        <v>19203</v>
      </c>
      <c r="F31142" t="s">
        <v>19204</v>
      </c>
      <c r="G31142" t="s">
        <v>10734</v>
      </c>
      <c r="H31142" t="s">
        <v>10735</v>
      </c>
      <c r="I31142" s="2">
        <v>0</v>
      </c>
      <c r="J31142" s="2">
        <v>0</v>
      </c>
      <c r="K31142" s="2">
        <v>1</v>
      </c>
      <c r="L31142" t="s">
        <v>995</v>
      </c>
      <c r="M31142" t="s">
        <v>83</v>
      </c>
      <c r="N31142" t="s">
        <v>84</v>
      </c>
      <c r="O31142" t="s">
        <v>85</v>
      </c>
      <c r="P31142" t="s">
        <v>86</v>
      </c>
      <c r="Q31142">
        <v>80</v>
      </c>
      <c r="R31142">
        <v>81</v>
      </c>
      <c r="S31142">
        <v>82</v>
      </c>
      <c r="T31142">
        <v>83</v>
      </c>
      <c r="U31142">
        <v>84</v>
      </c>
      <c r="V31142">
        <v>85</v>
      </c>
      <c r="W31142">
        <v>86</v>
      </c>
      <c r="X31142">
        <v>87</v>
      </c>
      <c r="Y31142">
        <v>87</v>
      </c>
      <c r="Z31142">
        <v>88</v>
      </c>
      <c r="AA31142">
        <v>89</v>
      </c>
      <c r="AB31142">
        <v>90</v>
      </c>
      <c r="AC31142">
        <v>91</v>
      </c>
      <c r="AD31142">
        <v>92</v>
      </c>
      <c r="AE31142">
        <v>93</v>
      </c>
      <c r="AF31142">
        <v>93</v>
      </c>
      <c r="AG31142">
        <v>94</v>
      </c>
      <c r="AH31142">
        <v>95</v>
      </c>
      <c r="AI31142">
        <v>96</v>
      </c>
      <c r="AJ31142">
        <v>96</v>
      </c>
      <c r="AK31142">
        <v>97</v>
      </c>
      <c r="AL31142">
        <v>97</v>
      </c>
      <c r="AM31142">
        <v>97</v>
      </c>
      <c r="AN31142">
        <v>97</v>
      </c>
      <c r="AO31142">
        <v>97</v>
      </c>
      <c r="AP31142">
        <v>97</v>
      </c>
      <c r="AQ31142">
        <v>97</v>
      </c>
    </row>
    <row r="31143" spans="1:43">
      <c r="A31143" t="s">
        <v>19297</v>
      </c>
      <c r="B31143" t="s">
        <v>19298</v>
      </c>
      <c r="C31143" t="s">
        <v>19293</v>
      </c>
      <c r="D31143" t="s">
        <v>19294</v>
      </c>
      <c r="E31143" t="s">
        <v>19203</v>
      </c>
      <c r="F31143" t="s">
        <v>19204</v>
      </c>
      <c r="G31143" t="s">
        <v>10734</v>
      </c>
      <c r="H31143" t="s">
        <v>10735</v>
      </c>
      <c r="I31143" s="2">
        <v>0</v>
      </c>
      <c r="J31143" s="2">
        <v>0</v>
      </c>
      <c r="K31143" s="2">
        <v>1</v>
      </c>
      <c r="L31143" t="s">
        <v>995</v>
      </c>
      <c r="M31143" t="s">
        <v>87</v>
      </c>
      <c r="N31143" t="s">
        <v>88</v>
      </c>
      <c r="O31143" t="s">
        <v>85</v>
      </c>
      <c r="P31143" t="s">
        <v>86</v>
      </c>
      <c r="Q31143">
        <v>80</v>
      </c>
      <c r="R31143">
        <v>80</v>
      </c>
      <c r="S31143">
        <v>81</v>
      </c>
      <c r="T31143">
        <v>81</v>
      </c>
      <c r="U31143">
        <v>81</v>
      </c>
      <c r="V31143">
        <v>81</v>
      </c>
      <c r="W31143">
        <v>81</v>
      </c>
      <c r="X31143">
        <v>82</v>
      </c>
      <c r="Y31143">
        <v>82</v>
      </c>
      <c r="Z31143">
        <v>82</v>
      </c>
      <c r="AA31143">
        <v>82</v>
      </c>
      <c r="AB31143">
        <v>82</v>
      </c>
      <c r="AC31143">
        <v>83</v>
      </c>
      <c r="AD31143">
        <v>83</v>
      </c>
      <c r="AE31143">
        <v>83</v>
      </c>
      <c r="AF31143">
        <v>83</v>
      </c>
      <c r="AG31143">
        <v>83</v>
      </c>
      <c r="AH31143">
        <v>83</v>
      </c>
      <c r="AI31143">
        <v>84</v>
      </c>
      <c r="AJ31143">
        <v>84</v>
      </c>
      <c r="AK31143">
        <v>84</v>
      </c>
      <c r="AL31143">
        <v>84</v>
      </c>
      <c r="AM31143">
        <v>84</v>
      </c>
      <c r="AN31143">
        <v>84</v>
      </c>
      <c r="AO31143">
        <v>84</v>
      </c>
      <c r="AP31143">
        <v>84</v>
      </c>
      <c r="AQ31143">
        <v>85</v>
      </c>
    </row>
    <row r="31144" spans="1:43">
      <c r="A31144" t="s">
        <v>19297</v>
      </c>
      <c r="B31144" t="s">
        <v>19298</v>
      </c>
      <c r="C31144" t="s">
        <v>19293</v>
      </c>
      <c r="D31144" t="s">
        <v>19294</v>
      </c>
      <c r="E31144" t="s">
        <v>19203</v>
      </c>
      <c r="F31144" t="s">
        <v>19204</v>
      </c>
      <c r="G31144" t="s">
        <v>10734</v>
      </c>
      <c r="H31144" t="s">
        <v>10735</v>
      </c>
      <c r="I31144" s="2">
        <v>0</v>
      </c>
      <c r="J31144" s="2">
        <v>0</v>
      </c>
      <c r="K31144" s="2">
        <v>1</v>
      </c>
      <c r="L31144" t="s">
        <v>995</v>
      </c>
      <c r="M31144" t="s">
        <v>89</v>
      </c>
      <c r="N31144" t="s">
        <v>90</v>
      </c>
      <c r="O31144" t="s">
        <v>85</v>
      </c>
      <c r="P31144" t="s">
        <v>86</v>
      </c>
      <c r="Q31144">
        <v>80</v>
      </c>
      <c r="R31144">
        <v>81</v>
      </c>
      <c r="S31144">
        <v>83</v>
      </c>
      <c r="T31144">
        <v>84</v>
      </c>
      <c r="U31144">
        <v>86</v>
      </c>
      <c r="V31144">
        <v>88</v>
      </c>
      <c r="W31144">
        <v>89</v>
      </c>
      <c r="X31144">
        <v>90</v>
      </c>
      <c r="Y31144">
        <v>92</v>
      </c>
      <c r="Z31144">
        <v>93</v>
      </c>
      <c r="AA31144">
        <v>94</v>
      </c>
      <c r="AB31144">
        <v>95</v>
      </c>
      <c r="AC31144">
        <v>97</v>
      </c>
      <c r="AD31144">
        <v>98</v>
      </c>
      <c r="AE31144">
        <v>98</v>
      </c>
      <c r="AF31144">
        <v>98</v>
      </c>
      <c r="AG31144">
        <v>98</v>
      </c>
      <c r="AH31144">
        <v>98</v>
      </c>
      <c r="AI31144">
        <v>98</v>
      </c>
      <c r="AJ31144">
        <v>98</v>
      </c>
      <c r="AK31144">
        <v>98</v>
      </c>
      <c r="AL31144">
        <v>97</v>
      </c>
      <c r="AM31144">
        <v>97</v>
      </c>
      <c r="AN31144">
        <v>97</v>
      </c>
      <c r="AO31144">
        <v>97</v>
      </c>
      <c r="AP31144">
        <v>97</v>
      </c>
      <c r="AQ31144">
        <v>97</v>
      </c>
    </row>
    <row r="31145" spans="1:43">
      <c r="A31145" t="s">
        <v>19297</v>
      </c>
      <c r="B31145" t="s">
        <v>19298</v>
      </c>
      <c r="C31145" t="s">
        <v>19293</v>
      </c>
      <c r="D31145" t="s">
        <v>19294</v>
      </c>
      <c r="E31145" t="s">
        <v>19203</v>
      </c>
      <c r="F31145" t="s">
        <v>19204</v>
      </c>
      <c r="G31145" t="s">
        <v>10734</v>
      </c>
      <c r="H31145" t="s">
        <v>10735</v>
      </c>
      <c r="I31145" s="2">
        <v>0</v>
      </c>
      <c r="J31145" s="2">
        <v>0</v>
      </c>
      <c r="K31145" s="2">
        <v>1</v>
      </c>
      <c r="L31145" t="s">
        <v>995</v>
      </c>
      <c r="M31145" t="s">
        <v>83</v>
      </c>
      <c r="N31145" t="s">
        <v>91</v>
      </c>
      <c r="O31145" t="s">
        <v>85</v>
      </c>
      <c r="P31145" t="s">
        <v>86</v>
      </c>
      <c r="Q31145">
        <v>80</v>
      </c>
      <c r="R31145">
        <v>81</v>
      </c>
      <c r="S31145">
        <v>82</v>
      </c>
      <c r="T31145">
        <v>83</v>
      </c>
      <c r="U31145">
        <v>84</v>
      </c>
      <c r="V31145">
        <v>85</v>
      </c>
      <c r="W31145">
        <v>86</v>
      </c>
      <c r="X31145">
        <v>87</v>
      </c>
      <c r="Y31145">
        <v>87</v>
      </c>
      <c r="Z31145">
        <v>88</v>
      </c>
      <c r="AA31145">
        <v>89</v>
      </c>
      <c r="AB31145">
        <v>90</v>
      </c>
      <c r="AC31145">
        <v>91</v>
      </c>
      <c r="AD31145">
        <v>92</v>
      </c>
      <c r="AE31145">
        <v>93</v>
      </c>
      <c r="AF31145">
        <v>93</v>
      </c>
      <c r="AG31145">
        <v>94</v>
      </c>
      <c r="AH31145">
        <v>95</v>
      </c>
      <c r="AI31145">
        <v>96</v>
      </c>
      <c r="AJ31145">
        <v>96</v>
      </c>
      <c r="AK31145">
        <v>97</v>
      </c>
      <c r="AL31145">
        <v>97</v>
      </c>
      <c r="AM31145">
        <v>97</v>
      </c>
      <c r="AN31145">
        <v>97</v>
      </c>
      <c r="AO31145">
        <v>97</v>
      </c>
      <c r="AP31145">
        <v>97</v>
      </c>
      <c r="AQ31145">
        <v>97</v>
      </c>
    </row>
    <row r="31146" spans="1:43">
      <c r="A31146" t="s">
        <v>19299</v>
      </c>
      <c r="B31146" t="s">
        <v>19300</v>
      </c>
      <c r="C31146" t="s">
        <v>19223</v>
      </c>
      <c r="D31146" t="s">
        <v>19224</v>
      </c>
      <c r="E31146" t="s">
        <v>19203</v>
      </c>
      <c r="F31146" t="s">
        <v>19204</v>
      </c>
      <c r="G31146" t="s">
        <v>10734</v>
      </c>
      <c r="H31146" t="s">
        <v>10735</v>
      </c>
      <c r="I31146" s="2">
        <v>0</v>
      </c>
      <c r="J31146" s="2">
        <v>0</v>
      </c>
      <c r="K31146" s="2">
        <v>1</v>
      </c>
      <c r="L31146" t="s">
        <v>995</v>
      </c>
      <c r="M31146" t="s">
        <v>83</v>
      </c>
      <c r="N31146" t="s">
        <v>84</v>
      </c>
      <c r="O31146" t="s">
        <v>85</v>
      </c>
      <c r="P31146" t="s">
        <v>86</v>
      </c>
      <c r="Q31146">
        <v>41</v>
      </c>
      <c r="R31146">
        <v>42</v>
      </c>
      <c r="S31146">
        <v>42</v>
      </c>
      <c r="T31146">
        <v>43</v>
      </c>
      <c r="U31146">
        <v>43</v>
      </c>
      <c r="V31146">
        <v>44</v>
      </c>
      <c r="W31146">
        <v>44</v>
      </c>
      <c r="X31146">
        <v>44</v>
      </c>
      <c r="Y31146">
        <v>45</v>
      </c>
      <c r="Z31146">
        <v>45</v>
      </c>
      <c r="AA31146">
        <v>46</v>
      </c>
      <c r="AB31146">
        <v>46</v>
      </c>
      <c r="AC31146">
        <v>47</v>
      </c>
      <c r="AD31146">
        <v>47</v>
      </c>
      <c r="AE31146">
        <v>48</v>
      </c>
      <c r="AF31146">
        <v>48</v>
      </c>
      <c r="AG31146">
        <v>48</v>
      </c>
      <c r="AH31146">
        <v>49</v>
      </c>
      <c r="AI31146">
        <v>49</v>
      </c>
      <c r="AJ31146">
        <v>49</v>
      </c>
      <c r="AK31146">
        <v>50</v>
      </c>
      <c r="AL31146">
        <v>50</v>
      </c>
      <c r="AM31146">
        <v>50</v>
      </c>
      <c r="AN31146">
        <v>50</v>
      </c>
      <c r="AO31146">
        <v>50</v>
      </c>
      <c r="AP31146">
        <v>49</v>
      </c>
      <c r="AQ31146">
        <v>49</v>
      </c>
    </row>
    <row r="31147" spans="1:43">
      <c r="A31147" t="s">
        <v>19299</v>
      </c>
      <c r="B31147" t="s">
        <v>19300</v>
      </c>
      <c r="C31147" t="s">
        <v>19223</v>
      </c>
      <c r="D31147" t="s">
        <v>19224</v>
      </c>
      <c r="E31147" t="s">
        <v>19203</v>
      </c>
      <c r="F31147" t="s">
        <v>19204</v>
      </c>
      <c r="G31147" t="s">
        <v>10734</v>
      </c>
      <c r="H31147" t="s">
        <v>10735</v>
      </c>
      <c r="I31147" s="2">
        <v>0</v>
      </c>
      <c r="J31147" s="2">
        <v>0</v>
      </c>
      <c r="K31147" s="2">
        <v>1</v>
      </c>
      <c r="L31147" t="s">
        <v>995</v>
      </c>
      <c r="M31147" t="s">
        <v>87</v>
      </c>
      <c r="N31147" t="s">
        <v>88</v>
      </c>
      <c r="O31147" t="s">
        <v>85</v>
      </c>
      <c r="P31147" t="s">
        <v>86</v>
      </c>
      <c r="Q31147">
        <v>41</v>
      </c>
      <c r="R31147">
        <v>41</v>
      </c>
      <c r="S31147">
        <v>41</v>
      </c>
      <c r="T31147">
        <v>41</v>
      </c>
      <c r="U31147">
        <v>41</v>
      </c>
      <c r="V31147">
        <v>41</v>
      </c>
      <c r="W31147">
        <v>41</v>
      </c>
      <c r="X31147">
        <v>41</v>
      </c>
      <c r="Y31147">
        <v>42</v>
      </c>
      <c r="Z31147">
        <v>42</v>
      </c>
      <c r="AA31147">
        <v>42</v>
      </c>
      <c r="AB31147">
        <v>42</v>
      </c>
      <c r="AC31147">
        <v>42</v>
      </c>
      <c r="AD31147">
        <v>42</v>
      </c>
      <c r="AE31147">
        <v>42</v>
      </c>
      <c r="AF31147">
        <v>42</v>
      </c>
      <c r="AG31147">
        <v>42</v>
      </c>
      <c r="AH31147">
        <v>42</v>
      </c>
      <c r="AI31147">
        <v>42</v>
      </c>
      <c r="AJ31147">
        <v>42</v>
      </c>
      <c r="AK31147">
        <v>42</v>
      </c>
      <c r="AL31147">
        <v>42</v>
      </c>
      <c r="AM31147">
        <v>42</v>
      </c>
      <c r="AN31147">
        <v>43</v>
      </c>
      <c r="AO31147">
        <v>43</v>
      </c>
      <c r="AP31147">
        <v>43</v>
      </c>
      <c r="AQ31147">
        <v>43</v>
      </c>
    </row>
    <row r="31148" spans="1:43">
      <c r="A31148" t="s">
        <v>19299</v>
      </c>
      <c r="B31148" t="s">
        <v>19300</v>
      </c>
      <c r="C31148" t="s">
        <v>19223</v>
      </c>
      <c r="D31148" t="s">
        <v>19224</v>
      </c>
      <c r="E31148" t="s">
        <v>19203</v>
      </c>
      <c r="F31148" t="s">
        <v>19204</v>
      </c>
      <c r="G31148" t="s">
        <v>10734</v>
      </c>
      <c r="H31148" t="s">
        <v>10735</v>
      </c>
      <c r="I31148" s="2">
        <v>0</v>
      </c>
      <c r="J31148" s="2">
        <v>0</v>
      </c>
      <c r="K31148" s="2">
        <v>1</v>
      </c>
      <c r="L31148" t="s">
        <v>995</v>
      </c>
      <c r="M31148" t="s">
        <v>89</v>
      </c>
      <c r="N31148" t="s">
        <v>90</v>
      </c>
      <c r="O31148" t="s">
        <v>85</v>
      </c>
      <c r="P31148" t="s">
        <v>86</v>
      </c>
      <c r="Q31148">
        <v>41</v>
      </c>
      <c r="R31148">
        <v>42</v>
      </c>
      <c r="S31148">
        <v>43</v>
      </c>
      <c r="T31148">
        <v>44</v>
      </c>
      <c r="U31148">
        <v>45</v>
      </c>
      <c r="V31148">
        <v>46</v>
      </c>
      <c r="W31148">
        <v>46</v>
      </c>
      <c r="X31148">
        <v>47</v>
      </c>
      <c r="Y31148">
        <v>48</v>
      </c>
      <c r="Z31148">
        <v>48</v>
      </c>
      <c r="AA31148">
        <v>49</v>
      </c>
      <c r="AB31148">
        <v>49</v>
      </c>
      <c r="AC31148">
        <v>50</v>
      </c>
      <c r="AD31148">
        <v>51</v>
      </c>
      <c r="AE31148">
        <v>51</v>
      </c>
      <c r="AF31148">
        <v>51</v>
      </c>
      <c r="AG31148">
        <v>51</v>
      </c>
      <c r="AH31148">
        <v>51</v>
      </c>
      <c r="AI31148">
        <v>51</v>
      </c>
      <c r="AJ31148">
        <v>51</v>
      </c>
      <c r="AK31148">
        <v>50</v>
      </c>
      <c r="AL31148">
        <v>50</v>
      </c>
      <c r="AM31148">
        <v>50</v>
      </c>
      <c r="AN31148">
        <v>50</v>
      </c>
      <c r="AO31148">
        <v>50</v>
      </c>
      <c r="AP31148">
        <v>50</v>
      </c>
      <c r="AQ31148">
        <v>50</v>
      </c>
    </row>
    <row r="31149" spans="1:43">
      <c r="A31149" t="s">
        <v>19299</v>
      </c>
      <c r="B31149" t="s">
        <v>19300</v>
      </c>
      <c r="C31149" t="s">
        <v>19223</v>
      </c>
      <c r="D31149" t="s">
        <v>19224</v>
      </c>
      <c r="E31149" t="s">
        <v>19203</v>
      </c>
      <c r="F31149" t="s">
        <v>19204</v>
      </c>
      <c r="G31149" t="s">
        <v>10734</v>
      </c>
      <c r="H31149" t="s">
        <v>10735</v>
      </c>
      <c r="I31149" s="2">
        <v>0</v>
      </c>
      <c r="J31149" s="2">
        <v>0</v>
      </c>
      <c r="K31149" s="2">
        <v>1</v>
      </c>
      <c r="L31149" t="s">
        <v>995</v>
      </c>
      <c r="M31149" t="s">
        <v>83</v>
      </c>
      <c r="N31149" t="s">
        <v>91</v>
      </c>
      <c r="O31149" t="s">
        <v>85</v>
      </c>
      <c r="P31149" t="s">
        <v>86</v>
      </c>
      <c r="Q31149">
        <v>41</v>
      </c>
      <c r="R31149">
        <v>42</v>
      </c>
      <c r="S31149">
        <v>42</v>
      </c>
      <c r="T31149">
        <v>43</v>
      </c>
      <c r="U31149">
        <v>43</v>
      </c>
      <c r="V31149">
        <v>44</v>
      </c>
      <c r="W31149">
        <v>44</v>
      </c>
      <c r="X31149">
        <v>44</v>
      </c>
      <c r="Y31149">
        <v>45</v>
      </c>
      <c r="Z31149">
        <v>45</v>
      </c>
      <c r="AA31149">
        <v>46</v>
      </c>
      <c r="AB31149">
        <v>46</v>
      </c>
      <c r="AC31149">
        <v>47</v>
      </c>
      <c r="AD31149">
        <v>47</v>
      </c>
      <c r="AE31149">
        <v>48</v>
      </c>
      <c r="AF31149">
        <v>48</v>
      </c>
      <c r="AG31149">
        <v>48</v>
      </c>
      <c r="AH31149">
        <v>49</v>
      </c>
      <c r="AI31149">
        <v>49</v>
      </c>
      <c r="AJ31149">
        <v>49</v>
      </c>
      <c r="AK31149">
        <v>50</v>
      </c>
      <c r="AL31149">
        <v>50</v>
      </c>
      <c r="AM31149">
        <v>50</v>
      </c>
      <c r="AN31149">
        <v>50</v>
      </c>
      <c r="AO31149">
        <v>50</v>
      </c>
      <c r="AP31149">
        <v>49</v>
      </c>
      <c r="AQ31149">
        <v>49</v>
      </c>
    </row>
    <row r="31150" spans="1:43">
      <c r="A31150" t="s">
        <v>19301</v>
      </c>
      <c r="B31150" t="s">
        <v>19302</v>
      </c>
      <c r="C31150" t="s">
        <v>19231</v>
      </c>
      <c r="D31150" t="s">
        <v>19232</v>
      </c>
      <c r="E31150" t="s">
        <v>19203</v>
      </c>
      <c r="F31150" t="s">
        <v>19204</v>
      </c>
      <c r="G31150" t="s">
        <v>10734</v>
      </c>
      <c r="H31150" t="s">
        <v>10735</v>
      </c>
      <c r="I31150" s="2">
        <v>0</v>
      </c>
      <c r="J31150" s="2">
        <v>0</v>
      </c>
      <c r="K31150" s="2">
        <v>1</v>
      </c>
      <c r="L31150" t="s">
        <v>995</v>
      </c>
      <c r="M31150" t="s">
        <v>83</v>
      </c>
      <c r="N31150" t="s">
        <v>84</v>
      </c>
      <c r="O31150" t="s">
        <v>85</v>
      </c>
      <c r="P31150" t="s">
        <v>86</v>
      </c>
      <c r="Q31150">
        <v>48</v>
      </c>
      <c r="R31150">
        <v>49</v>
      </c>
      <c r="S31150">
        <v>49</v>
      </c>
      <c r="T31150">
        <v>50</v>
      </c>
      <c r="U31150">
        <v>51</v>
      </c>
      <c r="V31150">
        <v>51</v>
      </c>
      <c r="W31150">
        <v>52</v>
      </c>
      <c r="X31150">
        <v>52</v>
      </c>
      <c r="Y31150">
        <v>53</v>
      </c>
      <c r="Z31150">
        <v>54</v>
      </c>
      <c r="AA31150">
        <v>54</v>
      </c>
      <c r="AB31150">
        <v>55</v>
      </c>
      <c r="AC31150">
        <v>55</v>
      </c>
      <c r="AD31150">
        <v>56</v>
      </c>
      <c r="AE31150">
        <v>56</v>
      </c>
      <c r="AF31150">
        <v>57</v>
      </c>
      <c r="AG31150">
        <v>57</v>
      </c>
      <c r="AH31150">
        <v>58</v>
      </c>
      <c r="AI31150">
        <v>58</v>
      </c>
      <c r="AJ31150">
        <v>59</v>
      </c>
      <c r="AK31150">
        <v>59</v>
      </c>
      <c r="AL31150">
        <v>59</v>
      </c>
      <c r="AM31150">
        <v>59</v>
      </c>
      <c r="AN31150">
        <v>59</v>
      </c>
      <c r="AO31150">
        <v>59</v>
      </c>
      <c r="AP31150">
        <v>59</v>
      </c>
      <c r="AQ31150">
        <v>59</v>
      </c>
    </row>
    <row r="31151" spans="1:43">
      <c r="A31151" t="s">
        <v>19301</v>
      </c>
      <c r="B31151" t="s">
        <v>19302</v>
      </c>
      <c r="C31151" t="s">
        <v>19231</v>
      </c>
      <c r="D31151" t="s">
        <v>19232</v>
      </c>
      <c r="E31151" t="s">
        <v>19203</v>
      </c>
      <c r="F31151" t="s">
        <v>19204</v>
      </c>
      <c r="G31151" t="s">
        <v>10734</v>
      </c>
      <c r="H31151" t="s">
        <v>10735</v>
      </c>
      <c r="I31151" s="2">
        <v>0</v>
      </c>
      <c r="J31151" s="2">
        <v>0</v>
      </c>
      <c r="K31151" s="2">
        <v>1</v>
      </c>
      <c r="L31151" t="s">
        <v>995</v>
      </c>
      <c r="M31151" t="s">
        <v>87</v>
      </c>
      <c r="N31151" t="s">
        <v>88</v>
      </c>
      <c r="O31151" t="s">
        <v>85</v>
      </c>
      <c r="P31151" t="s">
        <v>86</v>
      </c>
      <c r="Q31151">
        <v>48</v>
      </c>
      <c r="R31151">
        <v>48</v>
      </c>
      <c r="S31151">
        <v>48</v>
      </c>
      <c r="T31151">
        <v>48</v>
      </c>
      <c r="U31151">
        <v>48</v>
      </c>
      <c r="V31151">
        <v>49</v>
      </c>
      <c r="W31151">
        <v>49</v>
      </c>
      <c r="X31151">
        <v>49</v>
      </c>
      <c r="Y31151">
        <v>49</v>
      </c>
      <c r="Z31151">
        <v>49</v>
      </c>
      <c r="AA31151">
        <v>49</v>
      </c>
      <c r="AB31151">
        <v>49</v>
      </c>
      <c r="AC31151">
        <v>50</v>
      </c>
      <c r="AD31151">
        <v>50</v>
      </c>
      <c r="AE31151">
        <v>50</v>
      </c>
      <c r="AF31151">
        <v>50</v>
      </c>
      <c r="AG31151">
        <v>50</v>
      </c>
      <c r="AH31151">
        <v>50</v>
      </c>
      <c r="AI31151">
        <v>50</v>
      </c>
      <c r="AJ31151">
        <v>50</v>
      </c>
      <c r="AK31151">
        <v>50</v>
      </c>
      <c r="AL31151">
        <v>51</v>
      </c>
      <c r="AM31151">
        <v>51</v>
      </c>
      <c r="AN31151">
        <v>51</v>
      </c>
      <c r="AO31151">
        <v>51</v>
      </c>
      <c r="AP31151">
        <v>51</v>
      </c>
      <c r="AQ31151">
        <v>51</v>
      </c>
    </row>
    <row r="31152" spans="1:43">
      <c r="A31152" t="s">
        <v>19301</v>
      </c>
      <c r="B31152" t="s">
        <v>19302</v>
      </c>
      <c r="C31152" t="s">
        <v>19231</v>
      </c>
      <c r="D31152" t="s">
        <v>19232</v>
      </c>
      <c r="E31152" t="s">
        <v>19203</v>
      </c>
      <c r="F31152" t="s">
        <v>19204</v>
      </c>
      <c r="G31152" t="s">
        <v>10734</v>
      </c>
      <c r="H31152" t="s">
        <v>10735</v>
      </c>
      <c r="I31152" s="2">
        <v>0</v>
      </c>
      <c r="J31152" s="2">
        <v>0</v>
      </c>
      <c r="K31152" s="2">
        <v>1</v>
      </c>
      <c r="L31152" t="s">
        <v>995</v>
      </c>
      <c r="M31152" t="s">
        <v>89</v>
      </c>
      <c r="N31152" t="s">
        <v>90</v>
      </c>
      <c r="O31152" t="s">
        <v>85</v>
      </c>
      <c r="P31152" t="s">
        <v>86</v>
      </c>
      <c r="Q31152">
        <v>48</v>
      </c>
      <c r="R31152">
        <v>49</v>
      </c>
      <c r="S31152">
        <v>50</v>
      </c>
      <c r="T31152">
        <v>51</v>
      </c>
      <c r="U31152">
        <v>52</v>
      </c>
      <c r="V31152">
        <v>53</v>
      </c>
      <c r="W31152">
        <v>53</v>
      </c>
      <c r="X31152">
        <v>54</v>
      </c>
      <c r="Y31152">
        <v>55</v>
      </c>
      <c r="Z31152">
        <v>56</v>
      </c>
      <c r="AA31152">
        <v>57</v>
      </c>
      <c r="AB31152">
        <v>57</v>
      </c>
      <c r="AC31152">
        <v>58</v>
      </c>
      <c r="AD31152">
        <v>59</v>
      </c>
      <c r="AE31152">
        <v>59</v>
      </c>
      <c r="AF31152">
        <v>59</v>
      </c>
      <c r="AG31152">
        <v>59</v>
      </c>
      <c r="AH31152">
        <v>59</v>
      </c>
      <c r="AI31152">
        <v>59</v>
      </c>
      <c r="AJ31152">
        <v>59</v>
      </c>
      <c r="AK31152">
        <v>59</v>
      </c>
      <c r="AL31152">
        <v>59</v>
      </c>
      <c r="AM31152">
        <v>59</v>
      </c>
      <c r="AN31152">
        <v>59</v>
      </c>
      <c r="AO31152">
        <v>59</v>
      </c>
      <c r="AP31152">
        <v>59</v>
      </c>
      <c r="AQ31152">
        <v>59</v>
      </c>
    </row>
    <row r="31153" spans="1:43">
      <c r="A31153" t="s">
        <v>19301</v>
      </c>
      <c r="B31153" t="s">
        <v>19302</v>
      </c>
      <c r="C31153" t="s">
        <v>19231</v>
      </c>
      <c r="D31153" t="s">
        <v>19232</v>
      </c>
      <c r="E31153" t="s">
        <v>19203</v>
      </c>
      <c r="F31153" t="s">
        <v>19204</v>
      </c>
      <c r="G31153" t="s">
        <v>10734</v>
      </c>
      <c r="H31153" t="s">
        <v>10735</v>
      </c>
      <c r="I31153" s="2">
        <v>0</v>
      </c>
      <c r="J31153" s="2">
        <v>0</v>
      </c>
      <c r="K31153" s="2">
        <v>1</v>
      </c>
      <c r="L31153" t="s">
        <v>995</v>
      </c>
      <c r="M31153" t="s">
        <v>83</v>
      </c>
      <c r="N31153" t="s">
        <v>91</v>
      </c>
      <c r="O31153" t="s">
        <v>85</v>
      </c>
      <c r="P31153" t="s">
        <v>86</v>
      </c>
      <c r="Q31153">
        <v>48</v>
      </c>
      <c r="R31153">
        <v>49</v>
      </c>
      <c r="S31153">
        <v>49</v>
      </c>
      <c r="T31153">
        <v>50</v>
      </c>
      <c r="U31153">
        <v>51</v>
      </c>
      <c r="V31153">
        <v>51</v>
      </c>
      <c r="W31153">
        <v>52</v>
      </c>
      <c r="X31153">
        <v>52</v>
      </c>
      <c r="Y31153">
        <v>53</v>
      </c>
      <c r="Z31153">
        <v>54</v>
      </c>
      <c r="AA31153">
        <v>54</v>
      </c>
      <c r="AB31153">
        <v>55</v>
      </c>
      <c r="AC31153">
        <v>55</v>
      </c>
      <c r="AD31153">
        <v>56</v>
      </c>
      <c r="AE31153">
        <v>56</v>
      </c>
      <c r="AF31153">
        <v>57</v>
      </c>
      <c r="AG31153">
        <v>57</v>
      </c>
      <c r="AH31153">
        <v>58</v>
      </c>
      <c r="AI31153">
        <v>58</v>
      </c>
      <c r="AJ31153">
        <v>59</v>
      </c>
      <c r="AK31153">
        <v>59</v>
      </c>
      <c r="AL31153">
        <v>59</v>
      </c>
      <c r="AM31153">
        <v>59</v>
      </c>
      <c r="AN31153">
        <v>59</v>
      </c>
      <c r="AO31153">
        <v>59</v>
      </c>
      <c r="AP31153">
        <v>59</v>
      </c>
      <c r="AQ31153">
        <v>59</v>
      </c>
    </row>
    <row r="31154" spans="1:43">
      <c r="A31154" t="s">
        <v>19303</v>
      </c>
      <c r="B31154" t="s">
        <v>19304</v>
      </c>
      <c r="C31154" t="s">
        <v>19293</v>
      </c>
      <c r="D31154" t="s">
        <v>19294</v>
      </c>
      <c r="E31154" t="s">
        <v>19203</v>
      </c>
      <c r="F31154" t="s">
        <v>19204</v>
      </c>
      <c r="G31154" t="s">
        <v>10734</v>
      </c>
      <c r="H31154" t="s">
        <v>10735</v>
      </c>
      <c r="I31154" s="2">
        <v>0</v>
      </c>
      <c r="J31154" s="2">
        <v>0</v>
      </c>
      <c r="K31154" s="2">
        <v>1</v>
      </c>
      <c r="L31154" t="s">
        <v>995</v>
      </c>
      <c r="M31154" t="s">
        <v>83</v>
      </c>
      <c r="N31154" t="s">
        <v>84</v>
      </c>
      <c r="O31154" t="s">
        <v>85</v>
      </c>
      <c r="P31154" t="s">
        <v>86</v>
      </c>
      <c r="Q31154">
        <v>30</v>
      </c>
      <c r="R31154">
        <v>30</v>
      </c>
      <c r="S31154">
        <v>30</v>
      </c>
      <c r="T31154">
        <v>31</v>
      </c>
      <c r="U31154">
        <v>31</v>
      </c>
      <c r="V31154">
        <v>32</v>
      </c>
      <c r="W31154">
        <v>32</v>
      </c>
      <c r="X31154">
        <v>32</v>
      </c>
      <c r="Y31154">
        <v>33</v>
      </c>
      <c r="Z31154">
        <v>33</v>
      </c>
      <c r="AA31154">
        <v>33</v>
      </c>
      <c r="AB31154">
        <v>34</v>
      </c>
      <c r="AC31154">
        <v>34</v>
      </c>
      <c r="AD31154">
        <v>34</v>
      </c>
      <c r="AE31154">
        <v>35</v>
      </c>
      <c r="AF31154">
        <v>35</v>
      </c>
      <c r="AG31154">
        <v>35</v>
      </c>
      <c r="AH31154">
        <v>36</v>
      </c>
      <c r="AI31154">
        <v>36</v>
      </c>
      <c r="AJ31154">
        <v>36</v>
      </c>
      <c r="AK31154">
        <v>37</v>
      </c>
      <c r="AL31154">
        <v>37</v>
      </c>
      <c r="AM31154">
        <v>37</v>
      </c>
      <c r="AN31154">
        <v>37</v>
      </c>
      <c r="AO31154">
        <v>37</v>
      </c>
      <c r="AP31154">
        <v>37</v>
      </c>
      <c r="AQ31154">
        <v>37</v>
      </c>
    </row>
    <row r="31155" spans="1:43">
      <c r="A31155" t="s">
        <v>19303</v>
      </c>
      <c r="B31155" t="s">
        <v>19304</v>
      </c>
      <c r="C31155" t="s">
        <v>19293</v>
      </c>
      <c r="D31155" t="s">
        <v>19294</v>
      </c>
      <c r="E31155" t="s">
        <v>19203</v>
      </c>
      <c r="F31155" t="s">
        <v>19204</v>
      </c>
      <c r="G31155" t="s">
        <v>10734</v>
      </c>
      <c r="H31155" t="s">
        <v>10735</v>
      </c>
      <c r="I31155" s="2">
        <v>0</v>
      </c>
      <c r="J31155" s="2">
        <v>0</v>
      </c>
      <c r="K31155" s="2">
        <v>1</v>
      </c>
      <c r="L31155" t="s">
        <v>995</v>
      </c>
      <c r="M31155" t="s">
        <v>87</v>
      </c>
      <c r="N31155" t="s">
        <v>88</v>
      </c>
      <c r="O31155" t="s">
        <v>85</v>
      </c>
      <c r="P31155" t="s">
        <v>86</v>
      </c>
      <c r="Q31155">
        <v>30</v>
      </c>
      <c r="R31155">
        <v>31</v>
      </c>
      <c r="S31155">
        <v>31</v>
      </c>
      <c r="T31155">
        <v>31</v>
      </c>
      <c r="U31155">
        <v>31</v>
      </c>
      <c r="V31155">
        <v>31</v>
      </c>
      <c r="W31155">
        <v>31</v>
      </c>
      <c r="X31155">
        <v>31</v>
      </c>
      <c r="Y31155">
        <v>31</v>
      </c>
      <c r="Z31155">
        <v>31</v>
      </c>
      <c r="AA31155">
        <v>31</v>
      </c>
      <c r="AB31155">
        <v>31</v>
      </c>
      <c r="AC31155">
        <v>32</v>
      </c>
      <c r="AD31155">
        <v>32</v>
      </c>
      <c r="AE31155">
        <v>32</v>
      </c>
      <c r="AF31155">
        <v>32</v>
      </c>
      <c r="AG31155">
        <v>32</v>
      </c>
      <c r="AH31155">
        <v>32</v>
      </c>
      <c r="AI31155">
        <v>32</v>
      </c>
      <c r="AJ31155">
        <v>32</v>
      </c>
      <c r="AK31155">
        <v>32</v>
      </c>
      <c r="AL31155">
        <v>32</v>
      </c>
      <c r="AM31155">
        <v>32</v>
      </c>
      <c r="AN31155">
        <v>32</v>
      </c>
      <c r="AO31155">
        <v>32</v>
      </c>
      <c r="AP31155">
        <v>33</v>
      </c>
      <c r="AQ31155">
        <v>33</v>
      </c>
    </row>
    <row r="31156" spans="1:43">
      <c r="A31156" t="s">
        <v>19303</v>
      </c>
      <c r="B31156" t="s">
        <v>19304</v>
      </c>
      <c r="C31156" t="s">
        <v>19293</v>
      </c>
      <c r="D31156" t="s">
        <v>19294</v>
      </c>
      <c r="E31156" t="s">
        <v>19203</v>
      </c>
      <c r="F31156" t="s">
        <v>19204</v>
      </c>
      <c r="G31156" t="s">
        <v>10734</v>
      </c>
      <c r="H31156" t="s">
        <v>10735</v>
      </c>
      <c r="I31156" s="2">
        <v>0</v>
      </c>
      <c r="J31156" s="2">
        <v>0</v>
      </c>
      <c r="K31156" s="2">
        <v>1</v>
      </c>
      <c r="L31156" t="s">
        <v>995</v>
      </c>
      <c r="M31156" t="s">
        <v>89</v>
      </c>
      <c r="N31156" t="s">
        <v>90</v>
      </c>
      <c r="O31156" t="s">
        <v>85</v>
      </c>
      <c r="P31156" t="s">
        <v>86</v>
      </c>
      <c r="Q31156">
        <v>30</v>
      </c>
      <c r="R31156">
        <v>31</v>
      </c>
      <c r="S31156">
        <v>31</v>
      </c>
      <c r="T31156">
        <v>32</v>
      </c>
      <c r="U31156">
        <v>32</v>
      </c>
      <c r="V31156">
        <v>33</v>
      </c>
      <c r="W31156">
        <v>34</v>
      </c>
      <c r="X31156">
        <v>34</v>
      </c>
      <c r="Y31156">
        <v>35</v>
      </c>
      <c r="Z31156">
        <v>35</v>
      </c>
      <c r="AA31156">
        <v>36</v>
      </c>
      <c r="AB31156">
        <v>36</v>
      </c>
      <c r="AC31156">
        <v>36</v>
      </c>
      <c r="AD31156">
        <v>37</v>
      </c>
      <c r="AE31156">
        <v>37</v>
      </c>
      <c r="AF31156">
        <v>37</v>
      </c>
      <c r="AG31156">
        <v>37</v>
      </c>
      <c r="AH31156">
        <v>37</v>
      </c>
      <c r="AI31156">
        <v>37</v>
      </c>
      <c r="AJ31156">
        <v>37</v>
      </c>
      <c r="AK31156">
        <v>37</v>
      </c>
      <c r="AL31156">
        <v>37</v>
      </c>
      <c r="AM31156">
        <v>37</v>
      </c>
      <c r="AN31156">
        <v>37</v>
      </c>
      <c r="AO31156">
        <v>37</v>
      </c>
      <c r="AP31156">
        <v>37</v>
      </c>
      <c r="AQ31156">
        <v>37</v>
      </c>
    </row>
    <row r="31157" spans="1:43">
      <c r="A31157" t="s">
        <v>19303</v>
      </c>
      <c r="B31157" t="s">
        <v>19304</v>
      </c>
      <c r="C31157" t="s">
        <v>19293</v>
      </c>
      <c r="D31157" t="s">
        <v>19294</v>
      </c>
      <c r="E31157" t="s">
        <v>19203</v>
      </c>
      <c r="F31157" t="s">
        <v>19204</v>
      </c>
      <c r="G31157" t="s">
        <v>10734</v>
      </c>
      <c r="H31157" t="s">
        <v>10735</v>
      </c>
      <c r="I31157" s="2">
        <v>0</v>
      </c>
      <c r="J31157" s="2">
        <v>0</v>
      </c>
      <c r="K31157" s="2">
        <v>1</v>
      </c>
      <c r="L31157" t="s">
        <v>995</v>
      </c>
      <c r="M31157" t="s">
        <v>83</v>
      </c>
      <c r="N31157" t="s">
        <v>91</v>
      </c>
      <c r="O31157" t="s">
        <v>85</v>
      </c>
      <c r="P31157" t="s">
        <v>86</v>
      </c>
      <c r="Q31157">
        <v>30</v>
      </c>
      <c r="R31157">
        <v>30</v>
      </c>
      <c r="S31157">
        <v>30</v>
      </c>
      <c r="T31157">
        <v>31</v>
      </c>
      <c r="U31157">
        <v>31</v>
      </c>
      <c r="V31157">
        <v>32</v>
      </c>
      <c r="W31157">
        <v>32</v>
      </c>
      <c r="X31157">
        <v>32</v>
      </c>
      <c r="Y31157">
        <v>33</v>
      </c>
      <c r="Z31157">
        <v>33</v>
      </c>
      <c r="AA31157">
        <v>33</v>
      </c>
      <c r="AB31157">
        <v>34</v>
      </c>
      <c r="AC31157">
        <v>34</v>
      </c>
      <c r="AD31157">
        <v>34</v>
      </c>
      <c r="AE31157">
        <v>35</v>
      </c>
      <c r="AF31157">
        <v>35</v>
      </c>
      <c r="AG31157">
        <v>35</v>
      </c>
      <c r="AH31157">
        <v>36</v>
      </c>
      <c r="AI31157">
        <v>36</v>
      </c>
      <c r="AJ31157">
        <v>36</v>
      </c>
      <c r="AK31157">
        <v>37</v>
      </c>
      <c r="AL31157">
        <v>37</v>
      </c>
      <c r="AM31157">
        <v>37</v>
      </c>
      <c r="AN31157">
        <v>37</v>
      </c>
      <c r="AO31157">
        <v>37</v>
      </c>
      <c r="AP31157">
        <v>37</v>
      </c>
      <c r="AQ31157">
        <v>37</v>
      </c>
    </row>
    <row r="31158" spans="1:43">
      <c r="A31158" t="s">
        <v>19305</v>
      </c>
      <c r="B31158" t="s">
        <v>19306</v>
      </c>
      <c r="C31158" t="s">
        <v>19293</v>
      </c>
      <c r="D31158" t="s">
        <v>19294</v>
      </c>
      <c r="E31158" t="s">
        <v>19203</v>
      </c>
      <c r="F31158" t="s">
        <v>19204</v>
      </c>
      <c r="G31158" t="s">
        <v>10734</v>
      </c>
      <c r="H31158" t="s">
        <v>10735</v>
      </c>
      <c r="I31158" s="2">
        <v>0</v>
      </c>
      <c r="J31158" s="2">
        <v>0</v>
      </c>
      <c r="K31158" s="2">
        <v>1</v>
      </c>
      <c r="L31158" t="s">
        <v>995</v>
      </c>
      <c r="M31158" t="s">
        <v>83</v>
      </c>
      <c r="N31158" t="s">
        <v>84</v>
      </c>
      <c r="O31158" t="s">
        <v>85</v>
      </c>
      <c r="P31158" t="s">
        <v>86</v>
      </c>
      <c r="Q31158">
        <v>29</v>
      </c>
      <c r="R31158">
        <v>29</v>
      </c>
      <c r="S31158">
        <v>30</v>
      </c>
      <c r="T31158">
        <v>30</v>
      </c>
      <c r="U31158">
        <v>30</v>
      </c>
      <c r="V31158">
        <v>31</v>
      </c>
      <c r="W31158">
        <v>31</v>
      </c>
      <c r="X31158">
        <v>31</v>
      </c>
      <c r="Y31158">
        <v>32</v>
      </c>
      <c r="Z31158">
        <v>32</v>
      </c>
      <c r="AA31158">
        <v>32</v>
      </c>
      <c r="AB31158">
        <v>33</v>
      </c>
      <c r="AC31158">
        <v>33</v>
      </c>
      <c r="AD31158">
        <v>33</v>
      </c>
      <c r="AE31158">
        <v>34</v>
      </c>
      <c r="AF31158">
        <v>34</v>
      </c>
      <c r="AG31158">
        <v>34</v>
      </c>
      <c r="AH31158">
        <v>35</v>
      </c>
      <c r="AI31158">
        <v>35</v>
      </c>
      <c r="AJ31158">
        <v>35</v>
      </c>
      <c r="AK31158">
        <v>36</v>
      </c>
      <c r="AL31158">
        <v>36</v>
      </c>
      <c r="AM31158">
        <v>36</v>
      </c>
      <c r="AN31158">
        <v>36</v>
      </c>
      <c r="AO31158">
        <v>36</v>
      </c>
      <c r="AP31158">
        <v>36</v>
      </c>
      <c r="AQ31158">
        <v>36</v>
      </c>
    </row>
    <row r="31159" spans="1:43">
      <c r="A31159" t="s">
        <v>19305</v>
      </c>
      <c r="B31159" t="s">
        <v>19306</v>
      </c>
      <c r="C31159" t="s">
        <v>19293</v>
      </c>
      <c r="D31159" t="s">
        <v>19294</v>
      </c>
      <c r="E31159" t="s">
        <v>19203</v>
      </c>
      <c r="F31159" t="s">
        <v>19204</v>
      </c>
      <c r="G31159" t="s">
        <v>10734</v>
      </c>
      <c r="H31159" t="s">
        <v>10735</v>
      </c>
      <c r="I31159" s="2">
        <v>0</v>
      </c>
      <c r="J31159" s="2">
        <v>0</v>
      </c>
      <c r="K31159" s="2">
        <v>1</v>
      </c>
      <c r="L31159" t="s">
        <v>995</v>
      </c>
      <c r="M31159" t="s">
        <v>87</v>
      </c>
      <c r="N31159" t="s">
        <v>88</v>
      </c>
      <c r="O31159" t="s">
        <v>85</v>
      </c>
      <c r="P31159" t="s">
        <v>86</v>
      </c>
      <c r="Q31159">
        <v>29</v>
      </c>
      <c r="R31159">
        <v>29</v>
      </c>
      <c r="S31159">
        <v>29</v>
      </c>
      <c r="T31159">
        <v>29</v>
      </c>
      <c r="U31159">
        <v>29</v>
      </c>
      <c r="V31159">
        <v>29</v>
      </c>
      <c r="W31159">
        <v>29</v>
      </c>
      <c r="X31159">
        <v>29</v>
      </c>
      <c r="Y31159">
        <v>29</v>
      </c>
      <c r="Z31159">
        <v>29</v>
      </c>
      <c r="AA31159">
        <v>30</v>
      </c>
      <c r="AB31159">
        <v>30</v>
      </c>
      <c r="AC31159">
        <v>30</v>
      </c>
      <c r="AD31159">
        <v>30</v>
      </c>
      <c r="AE31159">
        <v>30</v>
      </c>
      <c r="AF31159">
        <v>30</v>
      </c>
      <c r="AG31159">
        <v>30</v>
      </c>
      <c r="AH31159">
        <v>30</v>
      </c>
      <c r="AI31159">
        <v>30</v>
      </c>
      <c r="AJ31159">
        <v>30</v>
      </c>
      <c r="AK31159">
        <v>30</v>
      </c>
      <c r="AL31159">
        <v>30</v>
      </c>
      <c r="AM31159">
        <v>30</v>
      </c>
      <c r="AN31159">
        <v>31</v>
      </c>
      <c r="AO31159">
        <v>31</v>
      </c>
      <c r="AP31159">
        <v>31</v>
      </c>
      <c r="AQ31159">
        <v>31</v>
      </c>
    </row>
    <row r="31160" spans="1:43">
      <c r="A31160" t="s">
        <v>19305</v>
      </c>
      <c r="B31160" t="s">
        <v>19306</v>
      </c>
      <c r="C31160" t="s">
        <v>19293</v>
      </c>
      <c r="D31160" t="s">
        <v>19294</v>
      </c>
      <c r="E31160" t="s">
        <v>19203</v>
      </c>
      <c r="F31160" t="s">
        <v>19204</v>
      </c>
      <c r="G31160" t="s">
        <v>10734</v>
      </c>
      <c r="H31160" t="s">
        <v>10735</v>
      </c>
      <c r="I31160" s="2">
        <v>0</v>
      </c>
      <c r="J31160" s="2">
        <v>0</v>
      </c>
      <c r="K31160" s="2">
        <v>1</v>
      </c>
      <c r="L31160" t="s">
        <v>995</v>
      </c>
      <c r="M31160" t="s">
        <v>89</v>
      </c>
      <c r="N31160" t="s">
        <v>90</v>
      </c>
      <c r="O31160" t="s">
        <v>85</v>
      </c>
      <c r="P31160" t="s">
        <v>86</v>
      </c>
      <c r="Q31160">
        <v>29</v>
      </c>
      <c r="R31160">
        <v>30</v>
      </c>
      <c r="S31160">
        <v>30</v>
      </c>
      <c r="T31160">
        <v>31</v>
      </c>
      <c r="U31160">
        <v>32</v>
      </c>
      <c r="V31160">
        <v>32</v>
      </c>
      <c r="W31160">
        <v>33</v>
      </c>
      <c r="X31160">
        <v>33</v>
      </c>
      <c r="Y31160">
        <v>34</v>
      </c>
      <c r="Z31160">
        <v>34</v>
      </c>
      <c r="AA31160">
        <v>35</v>
      </c>
      <c r="AB31160">
        <v>35</v>
      </c>
      <c r="AC31160">
        <v>36</v>
      </c>
      <c r="AD31160">
        <v>36</v>
      </c>
      <c r="AE31160">
        <v>36</v>
      </c>
      <c r="AF31160">
        <v>36</v>
      </c>
      <c r="AG31160">
        <v>36</v>
      </c>
      <c r="AH31160">
        <v>36</v>
      </c>
      <c r="AI31160">
        <v>36</v>
      </c>
      <c r="AJ31160">
        <v>36</v>
      </c>
      <c r="AK31160">
        <v>36</v>
      </c>
      <c r="AL31160">
        <v>36</v>
      </c>
      <c r="AM31160">
        <v>36</v>
      </c>
      <c r="AN31160">
        <v>36</v>
      </c>
      <c r="AO31160">
        <v>36</v>
      </c>
      <c r="AP31160">
        <v>36</v>
      </c>
      <c r="AQ31160">
        <v>36</v>
      </c>
    </row>
    <row r="31161" spans="1:43">
      <c r="A31161" t="s">
        <v>19305</v>
      </c>
      <c r="B31161" t="s">
        <v>19306</v>
      </c>
      <c r="C31161" t="s">
        <v>19293</v>
      </c>
      <c r="D31161" t="s">
        <v>19294</v>
      </c>
      <c r="E31161" t="s">
        <v>19203</v>
      </c>
      <c r="F31161" t="s">
        <v>19204</v>
      </c>
      <c r="G31161" t="s">
        <v>10734</v>
      </c>
      <c r="H31161" t="s">
        <v>10735</v>
      </c>
      <c r="I31161" s="2">
        <v>0</v>
      </c>
      <c r="J31161" s="2">
        <v>0</v>
      </c>
      <c r="K31161" s="2">
        <v>1</v>
      </c>
      <c r="L31161" t="s">
        <v>995</v>
      </c>
      <c r="M31161" t="s">
        <v>83</v>
      </c>
      <c r="N31161" t="s">
        <v>91</v>
      </c>
      <c r="O31161" t="s">
        <v>85</v>
      </c>
      <c r="P31161" t="s">
        <v>86</v>
      </c>
      <c r="Q31161">
        <v>29</v>
      </c>
      <c r="R31161">
        <v>29</v>
      </c>
      <c r="S31161">
        <v>30</v>
      </c>
      <c r="T31161">
        <v>30</v>
      </c>
      <c r="U31161">
        <v>30</v>
      </c>
      <c r="V31161">
        <v>31</v>
      </c>
      <c r="W31161">
        <v>31</v>
      </c>
      <c r="X31161">
        <v>31</v>
      </c>
      <c r="Y31161">
        <v>32</v>
      </c>
      <c r="Z31161">
        <v>32</v>
      </c>
      <c r="AA31161">
        <v>32</v>
      </c>
      <c r="AB31161">
        <v>33</v>
      </c>
      <c r="AC31161">
        <v>33</v>
      </c>
      <c r="AD31161">
        <v>33</v>
      </c>
      <c r="AE31161">
        <v>34</v>
      </c>
      <c r="AF31161">
        <v>34</v>
      </c>
      <c r="AG31161">
        <v>34</v>
      </c>
      <c r="AH31161">
        <v>35</v>
      </c>
      <c r="AI31161">
        <v>35</v>
      </c>
      <c r="AJ31161">
        <v>35</v>
      </c>
      <c r="AK31161">
        <v>36</v>
      </c>
      <c r="AL31161">
        <v>36</v>
      </c>
      <c r="AM31161">
        <v>36</v>
      </c>
      <c r="AN31161">
        <v>36</v>
      </c>
      <c r="AO31161">
        <v>36</v>
      </c>
      <c r="AP31161">
        <v>36</v>
      </c>
      <c r="AQ31161">
        <v>36</v>
      </c>
    </row>
    <row r="31162" spans="1:43">
      <c r="A31162" t="s">
        <v>19307</v>
      </c>
      <c r="B31162" t="s">
        <v>19308</v>
      </c>
      <c r="C31162" t="s">
        <v>19223</v>
      </c>
      <c r="D31162" t="s">
        <v>19224</v>
      </c>
      <c r="E31162" t="s">
        <v>19203</v>
      </c>
      <c r="F31162" t="s">
        <v>19204</v>
      </c>
      <c r="G31162" t="s">
        <v>10734</v>
      </c>
      <c r="H31162" t="s">
        <v>10735</v>
      </c>
      <c r="I31162" s="2">
        <v>0</v>
      </c>
      <c r="J31162" s="2">
        <v>0</v>
      </c>
      <c r="K31162" s="2">
        <v>1</v>
      </c>
      <c r="L31162" t="s">
        <v>995</v>
      </c>
      <c r="M31162" t="s">
        <v>83</v>
      </c>
      <c r="N31162" t="s">
        <v>84</v>
      </c>
      <c r="O31162" t="s">
        <v>85</v>
      </c>
      <c r="P31162" t="s">
        <v>86</v>
      </c>
      <c r="Q31162">
        <v>43</v>
      </c>
      <c r="R31162">
        <v>44</v>
      </c>
      <c r="S31162">
        <v>44</v>
      </c>
      <c r="T31162">
        <v>45</v>
      </c>
      <c r="U31162">
        <v>45</v>
      </c>
      <c r="V31162">
        <v>46</v>
      </c>
      <c r="W31162">
        <v>46</v>
      </c>
      <c r="X31162">
        <v>47</v>
      </c>
      <c r="Y31162">
        <v>47</v>
      </c>
      <c r="Z31162">
        <v>47</v>
      </c>
      <c r="AA31162">
        <v>48</v>
      </c>
      <c r="AB31162">
        <v>48</v>
      </c>
      <c r="AC31162">
        <v>49</v>
      </c>
      <c r="AD31162">
        <v>49</v>
      </c>
      <c r="AE31162">
        <v>50</v>
      </c>
      <c r="AF31162">
        <v>50</v>
      </c>
      <c r="AG31162">
        <v>50</v>
      </c>
      <c r="AH31162">
        <v>51</v>
      </c>
      <c r="AI31162">
        <v>51</v>
      </c>
      <c r="AJ31162">
        <v>52</v>
      </c>
      <c r="AK31162">
        <v>52</v>
      </c>
      <c r="AL31162">
        <v>52</v>
      </c>
      <c r="AM31162">
        <v>52</v>
      </c>
      <c r="AN31162">
        <v>52</v>
      </c>
      <c r="AO31162">
        <v>51</v>
      </c>
      <c r="AP31162">
        <v>51</v>
      </c>
      <c r="AQ31162">
        <v>51</v>
      </c>
    </row>
    <row r="31163" spans="1:43">
      <c r="A31163" t="s">
        <v>19307</v>
      </c>
      <c r="B31163" t="s">
        <v>19308</v>
      </c>
      <c r="C31163" t="s">
        <v>19223</v>
      </c>
      <c r="D31163" t="s">
        <v>19224</v>
      </c>
      <c r="E31163" t="s">
        <v>19203</v>
      </c>
      <c r="F31163" t="s">
        <v>19204</v>
      </c>
      <c r="G31163" t="s">
        <v>10734</v>
      </c>
      <c r="H31163" t="s">
        <v>10735</v>
      </c>
      <c r="I31163" s="2">
        <v>0</v>
      </c>
      <c r="J31163" s="2">
        <v>0</v>
      </c>
      <c r="K31163" s="2">
        <v>1</v>
      </c>
      <c r="L31163" t="s">
        <v>995</v>
      </c>
      <c r="M31163" t="s">
        <v>87</v>
      </c>
      <c r="N31163" t="s">
        <v>88</v>
      </c>
      <c r="O31163" t="s">
        <v>85</v>
      </c>
      <c r="P31163" t="s">
        <v>86</v>
      </c>
      <c r="Q31163">
        <v>43</v>
      </c>
      <c r="R31163">
        <v>43</v>
      </c>
      <c r="S31163">
        <v>43</v>
      </c>
      <c r="T31163">
        <v>43</v>
      </c>
      <c r="U31163">
        <v>43</v>
      </c>
      <c r="V31163">
        <v>43</v>
      </c>
      <c r="W31163">
        <v>43</v>
      </c>
      <c r="X31163">
        <v>43</v>
      </c>
      <c r="Y31163">
        <v>43</v>
      </c>
      <c r="Z31163">
        <v>44</v>
      </c>
      <c r="AA31163">
        <v>44</v>
      </c>
      <c r="AB31163">
        <v>44</v>
      </c>
      <c r="AC31163">
        <v>44</v>
      </c>
      <c r="AD31163">
        <v>44</v>
      </c>
      <c r="AE31163">
        <v>44</v>
      </c>
      <c r="AF31163">
        <v>44</v>
      </c>
      <c r="AG31163">
        <v>44</v>
      </c>
      <c r="AH31163">
        <v>44</v>
      </c>
      <c r="AI31163">
        <v>44</v>
      </c>
      <c r="AJ31163">
        <v>44</v>
      </c>
      <c r="AK31163">
        <v>44</v>
      </c>
      <c r="AL31163">
        <v>44</v>
      </c>
      <c r="AM31163">
        <v>44</v>
      </c>
      <c r="AN31163">
        <v>44</v>
      </c>
      <c r="AO31163">
        <v>44</v>
      </c>
      <c r="AP31163">
        <v>44</v>
      </c>
      <c r="AQ31163">
        <v>44</v>
      </c>
    </row>
    <row r="31164" spans="1:43">
      <c r="A31164" t="s">
        <v>19307</v>
      </c>
      <c r="B31164" t="s">
        <v>19308</v>
      </c>
      <c r="C31164" t="s">
        <v>19223</v>
      </c>
      <c r="D31164" t="s">
        <v>19224</v>
      </c>
      <c r="E31164" t="s">
        <v>19203</v>
      </c>
      <c r="F31164" t="s">
        <v>19204</v>
      </c>
      <c r="G31164" t="s">
        <v>10734</v>
      </c>
      <c r="H31164" t="s">
        <v>10735</v>
      </c>
      <c r="I31164" s="2">
        <v>0</v>
      </c>
      <c r="J31164" s="2">
        <v>0</v>
      </c>
      <c r="K31164" s="2">
        <v>1</v>
      </c>
      <c r="L31164" t="s">
        <v>995</v>
      </c>
      <c r="M31164" t="s">
        <v>89</v>
      </c>
      <c r="N31164" t="s">
        <v>90</v>
      </c>
      <c r="O31164" t="s">
        <v>85</v>
      </c>
      <c r="P31164" t="s">
        <v>86</v>
      </c>
      <c r="Q31164">
        <v>43</v>
      </c>
      <c r="R31164">
        <v>43</v>
      </c>
      <c r="S31164">
        <v>44</v>
      </c>
      <c r="T31164">
        <v>45</v>
      </c>
      <c r="U31164">
        <v>46</v>
      </c>
      <c r="V31164">
        <v>47</v>
      </c>
      <c r="W31164">
        <v>47</v>
      </c>
      <c r="X31164">
        <v>48</v>
      </c>
      <c r="Y31164">
        <v>49</v>
      </c>
      <c r="Z31164">
        <v>49</v>
      </c>
      <c r="AA31164">
        <v>50</v>
      </c>
      <c r="AB31164">
        <v>51</v>
      </c>
      <c r="AC31164">
        <v>51</v>
      </c>
      <c r="AD31164">
        <v>52</v>
      </c>
      <c r="AE31164">
        <v>52</v>
      </c>
      <c r="AF31164">
        <v>52</v>
      </c>
      <c r="AG31164">
        <v>52</v>
      </c>
      <c r="AH31164">
        <v>52</v>
      </c>
      <c r="AI31164">
        <v>52</v>
      </c>
      <c r="AJ31164">
        <v>52</v>
      </c>
      <c r="AK31164">
        <v>51</v>
      </c>
      <c r="AL31164">
        <v>51</v>
      </c>
      <c r="AM31164">
        <v>51</v>
      </c>
      <c r="AN31164">
        <v>51</v>
      </c>
      <c r="AO31164">
        <v>51</v>
      </c>
      <c r="AP31164">
        <v>51</v>
      </c>
      <c r="AQ31164">
        <v>51</v>
      </c>
    </row>
    <row r="31165" spans="1:43">
      <c r="A31165" t="s">
        <v>19307</v>
      </c>
      <c r="B31165" t="s">
        <v>19308</v>
      </c>
      <c r="C31165" t="s">
        <v>19223</v>
      </c>
      <c r="D31165" t="s">
        <v>19224</v>
      </c>
      <c r="E31165" t="s">
        <v>19203</v>
      </c>
      <c r="F31165" t="s">
        <v>19204</v>
      </c>
      <c r="G31165" t="s">
        <v>10734</v>
      </c>
      <c r="H31165" t="s">
        <v>10735</v>
      </c>
      <c r="I31165" s="2">
        <v>0</v>
      </c>
      <c r="J31165" s="2">
        <v>0</v>
      </c>
      <c r="K31165" s="2">
        <v>1</v>
      </c>
      <c r="L31165" t="s">
        <v>995</v>
      </c>
      <c r="M31165" t="s">
        <v>83</v>
      </c>
      <c r="N31165" t="s">
        <v>91</v>
      </c>
      <c r="O31165" t="s">
        <v>85</v>
      </c>
      <c r="P31165" t="s">
        <v>86</v>
      </c>
      <c r="Q31165">
        <v>43</v>
      </c>
      <c r="R31165">
        <v>44</v>
      </c>
      <c r="S31165">
        <v>44</v>
      </c>
      <c r="T31165">
        <v>45</v>
      </c>
      <c r="U31165">
        <v>45</v>
      </c>
      <c r="V31165">
        <v>46</v>
      </c>
      <c r="W31165">
        <v>46</v>
      </c>
      <c r="X31165">
        <v>47</v>
      </c>
      <c r="Y31165">
        <v>47</v>
      </c>
      <c r="Z31165">
        <v>47</v>
      </c>
      <c r="AA31165">
        <v>48</v>
      </c>
      <c r="AB31165">
        <v>48</v>
      </c>
      <c r="AC31165">
        <v>49</v>
      </c>
      <c r="AD31165">
        <v>49</v>
      </c>
      <c r="AE31165">
        <v>50</v>
      </c>
      <c r="AF31165">
        <v>50</v>
      </c>
      <c r="AG31165">
        <v>50</v>
      </c>
      <c r="AH31165">
        <v>51</v>
      </c>
      <c r="AI31165">
        <v>51</v>
      </c>
      <c r="AJ31165">
        <v>52</v>
      </c>
      <c r="AK31165">
        <v>52</v>
      </c>
      <c r="AL31165">
        <v>52</v>
      </c>
      <c r="AM31165">
        <v>52</v>
      </c>
      <c r="AN31165">
        <v>52</v>
      </c>
      <c r="AO31165">
        <v>51</v>
      </c>
      <c r="AP31165">
        <v>51</v>
      </c>
      <c r="AQ31165">
        <v>51</v>
      </c>
    </row>
    <row r="31166" spans="1:43">
      <c r="A31166" t="s">
        <v>19309</v>
      </c>
      <c r="B31166" t="s">
        <v>19310</v>
      </c>
      <c r="C31166" t="s">
        <v>19223</v>
      </c>
      <c r="D31166" t="s">
        <v>19224</v>
      </c>
      <c r="E31166" t="s">
        <v>19203</v>
      </c>
      <c r="F31166" t="s">
        <v>19204</v>
      </c>
      <c r="G31166" t="s">
        <v>10734</v>
      </c>
      <c r="H31166" t="s">
        <v>10735</v>
      </c>
      <c r="I31166" s="2">
        <v>0</v>
      </c>
      <c r="J31166" s="2">
        <v>0</v>
      </c>
      <c r="K31166" s="2">
        <v>1</v>
      </c>
      <c r="L31166" t="s">
        <v>995</v>
      </c>
      <c r="M31166" t="s">
        <v>83</v>
      </c>
      <c r="N31166" t="s">
        <v>84</v>
      </c>
      <c r="O31166" t="s">
        <v>85</v>
      </c>
      <c r="P31166" t="s">
        <v>86</v>
      </c>
      <c r="Q31166">
        <v>23</v>
      </c>
      <c r="R31166">
        <v>23</v>
      </c>
      <c r="S31166">
        <v>23</v>
      </c>
      <c r="T31166">
        <v>24</v>
      </c>
      <c r="U31166">
        <v>24</v>
      </c>
      <c r="V31166">
        <v>24</v>
      </c>
      <c r="W31166">
        <v>25</v>
      </c>
      <c r="X31166">
        <v>25</v>
      </c>
      <c r="Y31166">
        <v>25</v>
      </c>
      <c r="Z31166">
        <v>25</v>
      </c>
      <c r="AA31166">
        <v>26</v>
      </c>
      <c r="AB31166">
        <v>26</v>
      </c>
      <c r="AC31166">
        <v>26</v>
      </c>
      <c r="AD31166">
        <v>26</v>
      </c>
      <c r="AE31166">
        <v>27</v>
      </c>
      <c r="AF31166">
        <v>27</v>
      </c>
      <c r="AG31166">
        <v>27</v>
      </c>
      <c r="AH31166">
        <v>27</v>
      </c>
      <c r="AI31166">
        <v>27</v>
      </c>
      <c r="AJ31166">
        <v>28</v>
      </c>
      <c r="AK31166">
        <v>28</v>
      </c>
      <c r="AL31166">
        <v>28</v>
      </c>
      <c r="AM31166">
        <v>28</v>
      </c>
      <c r="AN31166">
        <v>28</v>
      </c>
      <c r="AO31166">
        <v>28</v>
      </c>
      <c r="AP31166">
        <v>28</v>
      </c>
      <c r="AQ31166">
        <v>28</v>
      </c>
    </row>
    <row r="31167" spans="1:43">
      <c r="A31167" t="s">
        <v>19309</v>
      </c>
      <c r="B31167" t="s">
        <v>19310</v>
      </c>
      <c r="C31167" t="s">
        <v>19223</v>
      </c>
      <c r="D31167" t="s">
        <v>19224</v>
      </c>
      <c r="E31167" t="s">
        <v>19203</v>
      </c>
      <c r="F31167" t="s">
        <v>19204</v>
      </c>
      <c r="G31167" t="s">
        <v>10734</v>
      </c>
      <c r="H31167" t="s">
        <v>10735</v>
      </c>
      <c r="I31167" s="2">
        <v>0</v>
      </c>
      <c r="J31167" s="2">
        <v>0</v>
      </c>
      <c r="K31167" s="2">
        <v>1</v>
      </c>
      <c r="L31167" t="s">
        <v>995</v>
      </c>
      <c r="M31167" t="s">
        <v>87</v>
      </c>
      <c r="N31167" t="s">
        <v>88</v>
      </c>
      <c r="O31167" t="s">
        <v>85</v>
      </c>
      <c r="P31167" t="s">
        <v>86</v>
      </c>
      <c r="Q31167">
        <v>23</v>
      </c>
      <c r="R31167">
        <v>23</v>
      </c>
      <c r="S31167">
        <v>23</v>
      </c>
      <c r="T31167">
        <v>23</v>
      </c>
      <c r="U31167">
        <v>23</v>
      </c>
      <c r="V31167">
        <v>23</v>
      </c>
      <c r="W31167">
        <v>23</v>
      </c>
      <c r="X31167">
        <v>23</v>
      </c>
      <c r="Y31167">
        <v>23</v>
      </c>
      <c r="Z31167">
        <v>23</v>
      </c>
      <c r="AA31167">
        <v>23</v>
      </c>
      <c r="AB31167">
        <v>23</v>
      </c>
      <c r="AC31167">
        <v>23</v>
      </c>
      <c r="AD31167">
        <v>23</v>
      </c>
      <c r="AE31167">
        <v>24</v>
      </c>
      <c r="AF31167">
        <v>24</v>
      </c>
      <c r="AG31167">
        <v>24</v>
      </c>
      <c r="AH31167">
        <v>24</v>
      </c>
      <c r="AI31167">
        <v>24</v>
      </c>
      <c r="AJ31167">
        <v>24</v>
      </c>
      <c r="AK31167">
        <v>24</v>
      </c>
      <c r="AL31167">
        <v>24</v>
      </c>
      <c r="AM31167">
        <v>24</v>
      </c>
      <c r="AN31167">
        <v>24</v>
      </c>
      <c r="AO31167">
        <v>24</v>
      </c>
      <c r="AP31167">
        <v>24</v>
      </c>
      <c r="AQ31167">
        <v>24</v>
      </c>
    </row>
    <row r="31168" spans="1:43">
      <c r="A31168" t="s">
        <v>19309</v>
      </c>
      <c r="B31168" t="s">
        <v>19310</v>
      </c>
      <c r="C31168" t="s">
        <v>19223</v>
      </c>
      <c r="D31168" t="s">
        <v>19224</v>
      </c>
      <c r="E31168" t="s">
        <v>19203</v>
      </c>
      <c r="F31168" t="s">
        <v>19204</v>
      </c>
      <c r="G31168" t="s">
        <v>10734</v>
      </c>
      <c r="H31168" t="s">
        <v>10735</v>
      </c>
      <c r="I31168" s="2">
        <v>0</v>
      </c>
      <c r="J31168" s="2">
        <v>0</v>
      </c>
      <c r="K31168" s="2">
        <v>1</v>
      </c>
      <c r="L31168" t="s">
        <v>995</v>
      </c>
      <c r="M31168" t="s">
        <v>89</v>
      </c>
      <c r="N31168" t="s">
        <v>90</v>
      </c>
      <c r="O31168" t="s">
        <v>85</v>
      </c>
      <c r="P31168" t="s">
        <v>86</v>
      </c>
      <c r="Q31168">
        <v>23</v>
      </c>
      <c r="R31168">
        <v>24</v>
      </c>
      <c r="S31168">
        <v>24</v>
      </c>
      <c r="T31168">
        <v>25</v>
      </c>
      <c r="U31168">
        <v>25</v>
      </c>
      <c r="V31168">
        <v>25</v>
      </c>
      <c r="W31168">
        <v>26</v>
      </c>
      <c r="X31168">
        <v>26</v>
      </c>
      <c r="Y31168">
        <v>27</v>
      </c>
      <c r="Z31168">
        <v>27</v>
      </c>
      <c r="AA31168">
        <v>27</v>
      </c>
      <c r="AB31168">
        <v>28</v>
      </c>
      <c r="AC31168">
        <v>28</v>
      </c>
      <c r="AD31168">
        <v>28</v>
      </c>
      <c r="AE31168">
        <v>28</v>
      </c>
      <c r="AF31168">
        <v>28</v>
      </c>
      <c r="AG31168">
        <v>28</v>
      </c>
      <c r="AH31168">
        <v>28</v>
      </c>
      <c r="AI31168">
        <v>28</v>
      </c>
      <c r="AJ31168">
        <v>28</v>
      </c>
      <c r="AK31168">
        <v>28</v>
      </c>
      <c r="AL31168">
        <v>28</v>
      </c>
      <c r="AM31168">
        <v>28</v>
      </c>
      <c r="AN31168">
        <v>28</v>
      </c>
      <c r="AO31168">
        <v>28</v>
      </c>
      <c r="AP31168">
        <v>28</v>
      </c>
      <c r="AQ31168">
        <v>28</v>
      </c>
    </row>
    <row r="31169" spans="1:43">
      <c r="A31169" t="s">
        <v>19309</v>
      </c>
      <c r="B31169" t="s">
        <v>19310</v>
      </c>
      <c r="C31169" t="s">
        <v>19223</v>
      </c>
      <c r="D31169" t="s">
        <v>19224</v>
      </c>
      <c r="E31169" t="s">
        <v>19203</v>
      </c>
      <c r="F31169" t="s">
        <v>19204</v>
      </c>
      <c r="G31169" t="s">
        <v>10734</v>
      </c>
      <c r="H31169" t="s">
        <v>10735</v>
      </c>
      <c r="I31169" s="2">
        <v>0</v>
      </c>
      <c r="J31169" s="2">
        <v>0</v>
      </c>
      <c r="K31169" s="2">
        <v>1</v>
      </c>
      <c r="L31169" t="s">
        <v>995</v>
      </c>
      <c r="M31169" t="s">
        <v>83</v>
      </c>
      <c r="N31169" t="s">
        <v>91</v>
      </c>
      <c r="O31169" t="s">
        <v>85</v>
      </c>
      <c r="P31169" t="s">
        <v>86</v>
      </c>
      <c r="Q31169">
        <v>23</v>
      </c>
      <c r="R31169">
        <v>23</v>
      </c>
      <c r="S31169">
        <v>23</v>
      </c>
      <c r="T31169">
        <v>24</v>
      </c>
      <c r="U31169">
        <v>24</v>
      </c>
      <c r="V31169">
        <v>24</v>
      </c>
      <c r="W31169">
        <v>25</v>
      </c>
      <c r="X31169">
        <v>25</v>
      </c>
      <c r="Y31169">
        <v>25</v>
      </c>
      <c r="Z31169">
        <v>25</v>
      </c>
      <c r="AA31169">
        <v>26</v>
      </c>
      <c r="AB31169">
        <v>26</v>
      </c>
      <c r="AC31169">
        <v>26</v>
      </c>
      <c r="AD31169">
        <v>26</v>
      </c>
      <c r="AE31169">
        <v>27</v>
      </c>
      <c r="AF31169">
        <v>27</v>
      </c>
      <c r="AG31169">
        <v>27</v>
      </c>
      <c r="AH31169">
        <v>27</v>
      </c>
      <c r="AI31169">
        <v>27</v>
      </c>
      <c r="AJ31169">
        <v>28</v>
      </c>
      <c r="AK31169">
        <v>28</v>
      </c>
      <c r="AL31169">
        <v>28</v>
      </c>
      <c r="AM31169">
        <v>28</v>
      </c>
      <c r="AN31169">
        <v>28</v>
      </c>
      <c r="AO31169">
        <v>28</v>
      </c>
      <c r="AP31169">
        <v>28</v>
      </c>
      <c r="AQ31169">
        <v>28</v>
      </c>
    </row>
    <row r="31170" spans="1:43">
      <c r="A31170" t="s">
        <v>19311</v>
      </c>
      <c r="B31170" t="s">
        <v>19312</v>
      </c>
      <c r="C31170" t="s">
        <v>19313</v>
      </c>
      <c r="D31170" t="s">
        <v>19314</v>
      </c>
      <c r="E31170" t="s">
        <v>19203</v>
      </c>
      <c r="F31170" t="s">
        <v>19204</v>
      </c>
      <c r="G31170" t="s">
        <v>10734</v>
      </c>
      <c r="H31170" t="s">
        <v>10735</v>
      </c>
      <c r="I31170" s="2">
        <v>0</v>
      </c>
      <c r="J31170" s="2">
        <v>0</v>
      </c>
      <c r="K31170" s="2">
        <v>1</v>
      </c>
      <c r="L31170" t="s">
        <v>995</v>
      </c>
      <c r="M31170" t="s">
        <v>83</v>
      </c>
      <c r="N31170" t="s">
        <v>84</v>
      </c>
      <c r="O31170" t="s">
        <v>85</v>
      </c>
      <c r="P31170" t="s">
        <v>86</v>
      </c>
      <c r="Q31170">
        <v>17</v>
      </c>
      <c r="R31170">
        <v>18</v>
      </c>
      <c r="S31170">
        <v>18</v>
      </c>
      <c r="T31170">
        <v>18</v>
      </c>
      <c r="U31170">
        <v>18</v>
      </c>
      <c r="V31170">
        <v>18</v>
      </c>
      <c r="W31170">
        <v>19</v>
      </c>
      <c r="X31170">
        <v>19</v>
      </c>
      <c r="Y31170">
        <v>19</v>
      </c>
      <c r="Z31170">
        <v>19</v>
      </c>
      <c r="AA31170">
        <v>19</v>
      </c>
      <c r="AB31170">
        <v>20</v>
      </c>
      <c r="AC31170">
        <v>20</v>
      </c>
      <c r="AD31170">
        <v>20</v>
      </c>
      <c r="AE31170">
        <v>20</v>
      </c>
      <c r="AF31170">
        <v>20</v>
      </c>
      <c r="AG31170">
        <v>20</v>
      </c>
      <c r="AH31170">
        <v>21</v>
      </c>
      <c r="AI31170">
        <v>21</v>
      </c>
      <c r="AJ31170">
        <v>21</v>
      </c>
      <c r="AK31170">
        <v>21</v>
      </c>
      <c r="AL31170">
        <v>21</v>
      </c>
      <c r="AM31170">
        <v>21</v>
      </c>
      <c r="AN31170">
        <v>21</v>
      </c>
      <c r="AO31170">
        <v>21</v>
      </c>
      <c r="AP31170">
        <v>21</v>
      </c>
      <c r="AQ31170">
        <v>21</v>
      </c>
    </row>
    <row r="31171" spans="1:43">
      <c r="A31171" t="s">
        <v>19311</v>
      </c>
      <c r="B31171" t="s">
        <v>19312</v>
      </c>
      <c r="C31171" t="s">
        <v>19313</v>
      </c>
      <c r="D31171" t="s">
        <v>19314</v>
      </c>
      <c r="E31171" t="s">
        <v>19203</v>
      </c>
      <c r="F31171" t="s">
        <v>19204</v>
      </c>
      <c r="G31171" t="s">
        <v>10734</v>
      </c>
      <c r="H31171" t="s">
        <v>10735</v>
      </c>
      <c r="I31171" s="2">
        <v>0</v>
      </c>
      <c r="J31171" s="2">
        <v>0</v>
      </c>
      <c r="K31171" s="2">
        <v>1</v>
      </c>
      <c r="L31171" t="s">
        <v>995</v>
      </c>
      <c r="M31171" t="s">
        <v>87</v>
      </c>
      <c r="N31171" t="s">
        <v>88</v>
      </c>
      <c r="O31171" t="s">
        <v>85</v>
      </c>
      <c r="P31171" t="s">
        <v>86</v>
      </c>
      <c r="Q31171">
        <v>17</v>
      </c>
      <c r="R31171">
        <v>17</v>
      </c>
      <c r="S31171">
        <v>17</v>
      </c>
      <c r="T31171">
        <v>17</v>
      </c>
      <c r="U31171">
        <v>17</v>
      </c>
      <c r="V31171">
        <v>18</v>
      </c>
      <c r="W31171">
        <v>18</v>
      </c>
      <c r="X31171">
        <v>18</v>
      </c>
      <c r="Y31171">
        <v>18</v>
      </c>
      <c r="Z31171">
        <v>18</v>
      </c>
      <c r="AA31171">
        <v>18</v>
      </c>
      <c r="AB31171">
        <v>18</v>
      </c>
      <c r="AC31171">
        <v>18</v>
      </c>
      <c r="AD31171">
        <v>18</v>
      </c>
      <c r="AE31171">
        <v>18</v>
      </c>
      <c r="AF31171">
        <v>18</v>
      </c>
      <c r="AG31171">
        <v>18</v>
      </c>
      <c r="AH31171">
        <v>18</v>
      </c>
      <c r="AI31171">
        <v>18</v>
      </c>
      <c r="AJ31171">
        <v>18</v>
      </c>
      <c r="AK31171">
        <v>18</v>
      </c>
      <c r="AL31171">
        <v>18</v>
      </c>
      <c r="AM31171">
        <v>18</v>
      </c>
      <c r="AN31171">
        <v>18</v>
      </c>
      <c r="AO31171">
        <v>18</v>
      </c>
      <c r="AP31171">
        <v>18</v>
      </c>
      <c r="AQ31171">
        <v>18</v>
      </c>
    </row>
    <row r="31172" spans="1:43">
      <c r="A31172" t="s">
        <v>19311</v>
      </c>
      <c r="B31172" t="s">
        <v>19312</v>
      </c>
      <c r="C31172" t="s">
        <v>19313</v>
      </c>
      <c r="D31172" t="s">
        <v>19314</v>
      </c>
      <c r="E31172" t="s">
        <v>19203</v>
      </c>
      <c r="F31172" t="s">
        <v>19204</v>
      </c>
      <c r="G31172" t="s">
        <v>10734</v>
      </c>
      <c r="H31172" t="s">
        <v>10735</v>
      </c>
      <c r="I31172" s="2">
        <v>0</v>
      </c>
      <c r="J31172" s="2">
        <v>0</v>
      </c>
      <c r="K31172" s="2">
        <v>1</v>
      </c>
      <c r="L31172" t="s">
        <v>995</v>
      </c>
      <c r="M31172" t="s">
        <v>89</v>
      </c>
      <c r="N31172" t="s">
        <v>90</v>
      </c>
      <c r="O31172" t="s">
        <v>85</v>
      </c>
      <c r="P31172" t="s">
        <v>86</v>
      </c>
      <c r="Q31172">
        <v>17</v>
      </c>
      <c r="R31172">
        <v>17</v>
      </c>
      <c r="S31172">
        <v>17</v>
      </c>
      <c r="T31172">
        <v>18</v>
      </c>
      <c r="U31172">
        <v>18</v>
      </c>
      <c r="V31172">
        <v>18</v>
      </c>
      <c r="W31172">
        <v>19</v>
      </c>
      <c r="X31172">
        <v>19</v>
      </c>
      <c r="Y31172">
        <v>19</v>
      </c>
      <c r="Z31172">
        <v>19</v>
      </c>
      <c r="AA31172">
        <v>20</v>
      </c>
      <c r="AB31172">
        <v>20</v>
      </c>
      <c r="AC31172">
        <v>20</v>
      </c>
      <c r="AD31172">
        <v>21</v>
      </c>
      <c r="AE31172">
        <v>21</v>
      </c>
      <c r="AF31172">
        <v>21</v>
      </c>
      <c r="AG31172">
        <v>21</v>
      </c>
      <c r="AH31172">
        <v>21</v>
      </c>
      <c r="AI31172">
        <v>20</v>
      </c>
      <c r="AJ31172">
        <v>20</v>
      </c>
      <c r="AK31172">
        <v>20</v>
      </c>
      <c r="AL31172">
        <v>20</v>
      </c>
      <c r="AM31172">
        <v>20</v>
      </c>
      <c r="AN31172">
        <v>20</v>
      </c>
      <c r="AO31172">
        <v>20</v>
      </c>
      <c r="AP31172">
        <v>20</v>
      </c>
      <c r="AQ31172">
        <v>20</v>
      </c>
    </row>
    <row r="31173" spans="1:43">
      <c r="A31173" t="s">
        <v>19311</v>
      </c>
      <c r="B31173" t="s">
        <v>19312</v>
      </c>
      <c r="C31173" t="s">
        <v>19313</v>
      </c>
      <c r="D31173" t="s">
        <v>19314</v>
      </c>
      <c r="E31173" t="s">
        <v>19203</v>
      </c>
      <c r="F31173" t="s">
        <v>19204</v>
      </c>
      <c r="G31173" t="s">
        <v>10734</v>
      </c>
      <c r="H31173" t="s">
        <v>10735</v>
      </c>
      <c r="I31173" s="2">
        <v>0</v>
      </c>
      <c r="J31173" s="2">
        <v>0</v>
      </c>
      <c r="K31173" s="2">
        <v>1</v>
      </c>
      <c r="L31173" t="s">
        <v>995</v>
      </c>
      <c r="M31173" t="s">
        <v>83</v>
      </c>
      <c r="N31173" t="s">
        <v>91</v>
      </c>
      <c r="O31173" t="s">
        <v>85</v>
      </c>
      <c r="P31173" t="s">
        <v>86</v>
      </c>
      <c r="Q31173">
        <v>17</v>
      </c>
      <c r="R31173">
        <v>18</v>
      </c>
      <c r="S31173">
        <v>18</v>
      </c>
      <c r="T31173">
        <v>18</v>
      </c>
      <c r="U31173">
        <v>18</v>
      </c>
      <c r="V31173">
        <v>18</v>
      </c>
      <c r="W31173">
        <v>19</v>
      </c>
      <c r="X31173">
        <v>19</v>
      </c>
      <c r="Y31173">
        <v>19</v>
      </c>
      <c r="Z31173">
        <v>19</v>
      </c>
      <c r="AA31173">
        <v>19</v>
      </c>
      <c r="AB31173">
        <v>20</v>
      </c>
      <c r="AC31173">
        <v>20</v>
      </c>
      <c r="AD31173">
        <v>20</v>
      </c>
      <c r="AE31173">
        <v>20</v>
      </c>
      <c r="AF31173">
        <v>20</v>
      </c>
      <c r="AG31173">
        <v>20</v>
      </c>
      <c r="AH31173">
        <v>21</v>
      </c>
      <c r="AI31173">
        <v>21</v>
      </c>
      <c r="AJ31173">
        <v>21</v>
      </c>
      <c r="AK31173">
        <v>21</v>
      </c>
      <c r="AL31173">
        <v>21</v>
      </c>
      <c r="AM31173">
        <v>21</v>
      </c>
      <c r="AN31173">
        <v>21</v>
      </c>
      <c r="AO31173">
        <v>21</v>
      </c>
      <c r="AP31173">
        <v>21</v>
      </c>
      <c r="AQ31173">
        <v>21</v>
      </c>
    </row>
    <row r="31174" spans="1:43">
      <c r="A31174" t="s">
        <v>19315</v>
      </c>
      <c r="B31174" t="s">
        <v>19316</v>
      </c>
      <c r="C31174" t="s">
        <v>19317</v>
      </c>
      <c r="D31174" t="s">
        <v>19318</v>
      </c>
      <c r="E31174" t="s">
        <v>19203</v>
      </c>
      <c r="F31174" t="s">
        <v>19204</v>
      </c>
      <c r="G31174" t="s">
        <v>10734</v>
      </c>
      <c r="H31174" t="s">
        <v>10735</v>
      </c>
      <c r="I31174" s="2">
        <v>0</v>
      </c>
      <c r="J31174" s="2">
        <v>0</v>
      </c>
      <c r="K31174" s="2">
        <v>1</v>
      </c>
      <c r="L31174" t="s">
        <v>995</v>
      </c>
      <c r="M31174" t="s">
        <v>83</v>
      </c>
      <c r="N31174" t="s">
        <v>84</v>
      </c>
      <c r="O31174" t="s">
        <v>85</v>
      </c>
      <c r="P31174" t="s">
        <v>86</v>
      </c>
      <c r="Q31174">
        <v>59</v>
      </c>
      <c r="R31174">
        <v>59</v>
      </c>
      <c r="S31174">
        <v>60</v>
      </c>
      <c r="T31174">
        <v>61</v>
      </c>
      <c r="U31174">
        <v>61</v>
      </c>
      <c r="V31174">
        <v>62</v>
      </c>
      <c r="W31174">
        <v>63</v>
      </c>
      <c r="X31174">
        <v>63</v>
      </c>
      <c r="Y31174">
        <v>64</v>
      </c>
      <c r="Z31174">
        <v>65</v>
      </c>
      <c r="AA31174">
        <v>65</v>
      </c>
      <c r="AB31174">
        <v>66</v>
      </c>
      <c r="AC31174">
        <v>67</v>
      </c>
      <c r="AD31174">
        <v>67</v>
      </c>
      <c r="AE31174">
        <v>68</v>
      </c>
      <c r="AF31174">
        <v>68</v>
      </c>
      <c r="AG31174">
        <v>69</v>
      </c>
      <c r="AH31174">
        <v>69</v>
      </c>
      <c r="AI31174">
        <v>70</v>
      </c>
      <c r="AJ31174">
        <v>70</v>
      </c>
      <c r="AK31174">
        <v>71</v>
      </c>
      <c r="AL31174">
        <v>71</v>
      </c>
      <c r="AM31174">
        <v>71</v>
      </c>
      <c r="AN31174">
        <v>71</v>
      </c>
      <c r="AO31174">
        <v>71</v>
      </c>
      <c r="AP31174">
        <v>70</v>
      </c>
      <c r="AQ31174">
        <v>70</v>
      </c>
    </row>
    <row r="31175" spans="1:43">
      <c r="A31175" t="s">
        <v>19315</v>
      </c>
      <c r="B31175" t="s">
        <v>19316</v>
      </c>
      <c r="C31175" t="s">
        <v>19317</v>
      </c>
      <c r="D31175" t="s">
        <v>19318</v>
      </c>
      <c r="E31175" t="s">
        <v>19203</v>
      </c>
      <c r="F31175" t="s">
        <v>19204</v>
      </c>
      <c r="G31175" t="s">
        <v>10734</v>
      </c>
      <c r="H31175" t="s">
        <v>10735</v>
      </c>
      <c r="I31175" s="2">
        <v>0</v>
      </c>
      <c r="J31175" s="2">
        <v>0</v>
      </c>
      <c r="K31175" s="2">
        <v>1</v>
      </c>
      <c r="L31175" t="s">
        <v>995</v>
      </c>
      <c r="M31175" t="s">
        <v>87</v>
      </c>
      <c r="N31175" t="s">
        <v>88</v>
      </c>
      <c r="O31175" t="s">
        <v>85</v>
      </c>
      <c r="P31175" t="s">
        <v>86</v>
      </c>
      <c r="Q31175">
        <v>59</v>
      </c>
      <c r="R31175">
        <v>59</v>
      </c>
      <c r="S31175">
        <v>59</v>
      </c>
      <c r="T31175">
        <v>60</v>
      </c>
      <c r="U31175">
        <v>60</v>
      </c>
      <c r="V31175">
        <v>60</v>
      </c>
      <c r="W31175">
        <v>60</v>
      </c>
      <c r="X31175">
        <v>60</v>
      </c>
      <c r="Y31175">
        <v>60</v>
      </c>
      <c r="Z31175">
        <v>60</v>
      </c>
      <c r="AA31175">
        <v>60</v>
      </c>
      <c r="AB31175">
        <v>61</v>
      </c>
      <c r="AC31175">
        <v>61</v>
      </c>
      <c r="AD31175">
        <v>61</v>
      </c>
      <c r="AE31175">
        <v>61</v>
      </c>
      <c r="AF31175">
        <v>61</v>
      </c>
      <c r="AG31175">
        <v>61</v>
      </c>
      <c r="AH31175">
        <v>61</v>
      </c>
      <c r="AI31175">
        <v>61</v>
      </c>
      <c r="AJ31175">
        <v>61</v>
      </c>
      <c r="AK31175">
        <v>61</v>
      </c>
      <c r="AL31175">
        <v>61</v>
      </c>
      <c r="AM31175">
        <v>61</v>
      </c>
      <c r="AN31175">
        <v>62</v>
      </c>
      <c r="AO31175">
        <v>62</v>
      </c>
      <c r="AP31175">
        <v>62</v>
      </c>
      <c r="AQ31175">
        <v>62</v>
      </c>
    </row>
    <row r="31176" spans="1:43">
      <c r="A31176" t="s">
        <v>19315</v>
      </c>
      <c r="B31176" t="s">
        <v>19316</v>
      </c>
      <c r="C31176" t="s">
        <v>19317</v>
      </c>
      <c r="D31176" t="s">
        <v>19318</v>
      </c>
      <c r="E31176" t="s">
        <v>19203</v>
      </c>
      <c r="F31176" t="s">
        <v>19204</v>
      </c>
      <c r="G31176" t="s">
        <v>10734</v>
      </c>
      <c r="H31176" t="s">
        <v>10735</v>
      </c>
      <c r="I31176" s="2">
        <v>0</v>
      </c>
      <c r="J31176" s="2">
        <v>0</v>
      </c>
      <c r="K31176" s="2">
        <v>1</v>
      </c>
      <c r="L31176" t="s">
        <v>995</v>
      </c>
      <c r="M31176" t="s">
        <v>89</v>
      </c>
      <c r="N31176" t="s">
        <v>90</v>
      </c>
      <c r="O31176" t="s">
        <v>85</v>
      </c>
      <c r="P31176" t="s">
        <v>86</v>
      </c>
      <c r="Q31176">
        <v>59</v>
      </c>
      <c r="R31176">
        <v>60</v>
      </c>
      <c r="S31176">
        <v>62</v>
      </c>
      <c r="T31176">
        <v>63</v>
      </c>
      <c r="U31176">
        <v>64</v>
      </c>
      <c r="V31176">
        <v>65</v>
      </c>
      <c r="W31176">
        <v>66</v>
      </c>
      <c r="X31176">
        <v>67</v>
      </c>
      <c r="Y31176">
        <v>68</v>
      </c>
      <c r="Z31176">
        <v>69</v>
      </c>
      <c r="AA31176">
        <v>70</v>
      </c>
      <c r="AB31176">
        <v>70</v>
      </c>
      <c r="AC31176">
        <v>71</v>
      </c>
      <c r="AD31176">
        <v>72</v>
      </c>
      <c r="AE31176">
        <v>73</v>
      </c>
      <c r="AF31176">
        <v>73</v>
      </c>
      <c r="AG31176">
        <v>72</v>
      </c>
      <c r="AH31176">
        <v>72</v>
      </c>
      <c r="AI31176">
        <v>72</v>
      </c>
      <c r="AJ31176">
        <v>72</v>
      </c>
      <c r="AK31176">
        <v>72</v>
      </c>
      <c r="AL31176">
        <v>72</v>
      </c>
      <c r="AM31176">
        <v>72</v>
      </c>
      <c r="AN31176">
        <v>71</v>
      </c>
      <c r="AO31176">
        <v>71</v>
      </c>
      <c r="AP31176">
        <v>71</v>
      </c>
      <c r="AQ31176">
        <v>71</v>
      </c>
    </row>
    <row r="31177" spans="1:43">
      <c r="A31177" t="s">
        <v>19315</v>
      </c>
      <c r="B31177" t="s">
        <v>19316</v>
      </c>
      <c r="C31177" t="s">
        <v>19317</v>
      </c>
      <c r="D31177" t="s">
        <v>19318</v>
      </c>
      <c r="E31177" t="s">
        <v>19203</v>
      </c>
      <c r="F31177" t="s">
        <v>19204</v>
      </c>
      <c r="G31177" t="s">
        <v>10734</v>
      </c>
      <c r="H31177" t="s">
        <v>10735</v>
      </c>
      <c r="I31177" s="2">
        <v>0</v>
      </c>
      <c r="J31177" s="2">
        <v>0</v>
      </c>
      <c r="K31177" s="2">
        <v>1</v>
      </c>
      <c r="L31177" t="s">
        <v>995</v>
      </c>
      <c r="M31177" t="s">
        <v>83</v>
      </c>
      <c r="N31177" t="s">
        <v>91</v>
      </c>
      <c r="O31177" t="s">
        <v>85</v>
      </c>
      <c r="P31177" t="s">
        <v>86</v>
      </c>
      <c r="Q31177">
        <v>59</v>
      </c>
      <c r="R31177">
        <v>59</v>
      </c>
      <c r="S31177">
        <v>60</v>
      </c>
      <c r="T31177">
        <v>61</v>
      </c>
      <c r="U31177">
        <v>61</v>
      </c>
      <c r="V31177">
        <v>62</v>
      </c>
      <c r="W31177">
        <v>63</v>
      </c>
      <c r="X31177">
        <v>63</v>
      </c>
      <c r="Y31177">
        <v>64</v>
      </c>
      <c r="Z31177">
        <v>65</v>
      </c>
      <c r="AA31177">
        <v>65</v>
      </c>
      <c r="AB31177">
        <v>66</v>
      </c>
      <c r="AC31177">
        <v>67</v>
      </c>
      <c r="AD31177">
        <v>67</v>
      </c>
      <c r="AE31177">
        <v>68</v>
      </c>
      <c r="AF31177">
        <v>68</v>
      </c>
      <c r="AG31177">
        <v>69</v>
      </c>
      <c r="AH31177">
        <v>69</v>
      </c>
      <c r="AI31177">
        <v>70</v>
      </c>
      <c r="AJ31177">
        <v>70</v>
      </c>
      <c r="AK31177">
        <v>71</v>
      </c>
      <c r="AL31177">
        <v>71</v>
      </c>
      <c r="AM31177">
        <v>71</v>
      </c>
      <c r="AN31177">
        <v>71</v>
      </c>
      <c r="AO31177">
        <v>71</v>
      </c>
      <c r="AP31177">
        <v>70</v>
      </c>
      <c r="AQ31177">
        <v>70</v>
      </c>
    </row>
    <row r="31178" spans="1:43">
      <c r="A31178" t="s">
        <v>19319</v>
      </c>
      <c r="B31178" t="s">
        <v>19320</v>
      </c>
      <c r="C31178" t="s">
        <v>19317</v>
      </c>
      <c r="D31178" t="s">
        <v>19318</v>
      </c>
      <c r="E31178" t="s">
        <v>19203</v>
      </c>
      <c r="F31178" t="s">
        <v>19204</v>
      </c>
      <c r="G31178" t="s">
        <v>10734</v>
      </c>
      <c r="H31178" t="s">
        <v>10735</v>
      </c>
      <c r="I31178" s="2">
        <v>0</v>
      </c>
      <c r="J31178" s="2">
        <v>0</v>
      </c>
      <c r="K31178" s="2">
        <v>1</v>
      </c>
      <c r="L31178" t="s">
        <v>995</v>
      </c>
      <c r="M31178" t="s">
        <v>83</v>
      </c>
      <c r="N31178" t="s">
        <v>84</v>
      </c>
      <c r="O31178" t="s">
        <v>85</v>
      </c>
      <c r="P31178" t="s">
        <v>86</v>
      </c>
      <c r="Q31178">
        <v>52</v>
      </c>
      <c r="R31178">
        <v>53</v>
      </c>
      <c r="S31178">
        <v>54</v>
      </c>
      <c r="T31178">
        <v>54</v>
      </c>
      <c r="U31178">
        <v>55</v>
      </c>
      <c r="V31178">
        <v>56</v>
      </c>
      <c r="W31178">
        <v>56</v>
      </c>
      <c r="X31178">
        <v>57</v>
      </c>
      <c r="Y31178">
        <v>57</v>
      </c>
      <c r="Z31178">
        <v>58</v>
      </c>
      <c r="AA31178">
        <v>59</v>
      </c>
      <c r="AB31178">
        <v>59</v>
      </c>
      <c r="AC31178">
        <v>60</v>
      </c>
      <c r="AD31178">
        <v>60</v>
      </c>
      <c r="AE31178">
        <v>61</v>
      </c>
      <c r="AF31178">
        <v>61</v>
      </c>
      <c r="AG31178">
        <v>62</v>
      </c>
      <c r="AH31178">
        <v>62</v>
      </c>
      <c r="AI31178">
        <v>63</v>
      </c>
      <c r="AJ31178">
        <v>63</v>
      </c>
      <c r="AK31178">
        <v>64</v>
      </c>
      <c r="AL31178">
        <v>64</v>
      </c>
      <c r="AM31178">
        <v>64</v>
      </c>
      <c r="AN31178">
        <v>63</v>
      </c>
      <c r="AO31178">
        <v>63</v>
      </c>
      <c r="AP31178">
        <v>63</v>
      </c>
      <c r="AQ31178">
        <v>63</v>
      </c>
    </row>
    <row r="31179" spans="1:43">
      <c r="A31179" t="s">
        <v>19319</v>
      </c>
      <c r="B31179" t="s">
        <v>19320</v>
      </c>
      <c r="C31179" t="s">
        <v>19317</v>
      </c>
      <c r="D31179" t="s">
        <v>19318</v>
      </c>
      <c r="E31179" t="s">
        <v>19203</v>
      </c>
      <c r="F31179" t="s">
        <v>19204</v>
      </c>
      <c r="G31179" t="s">
        <v>10734</v>
      </c>
      <c r="H31179" t="s">
        <v>10735</v>
      </c>
      <c r="I31179" s="2">
        <v>0</v>
      </c>
      <c r="J31179" s="2">
        <v>0</v>
      </c>
      <c r="K31179" s="2">
        <v>1</v>
      </c>
      <c r="L31179" t="s">
        <v>995</v>
      </c>
      <c r="M31179" t="s">
        <v>87</v>
      </c>
      <c r="N31179" t="s">
        <v>88</v>
      </c>
      <c r="O31179" t="s">
        <v>85</v>
      </c>
      <c r="P31179" t="s">
        <v>86</v>
      </c>
      <c r="Q31179">
        <v>52</v>
      </c>
      <c r="R31179">
        <v>52</v>
      </c>
      <c r="S31179">
        <v>52</v>
      </c>
      <c r="T31179">
        <v>52</v>
      </c>
      <c r="U31179">
        <v>53</v>
      </c>
      <c r="V31179">
        <v>53</v>
      </c>
      <c r="W31179">
        <v>53</v>
      </c>
      <c r="X31179">
        <v>53</v>
      </c>
      <c r="Y31179">
        <v>53</v>
      </c>
      <c r="Z31179">
        <v>53</v>
      </c>
      <c r="AA31179">
        <v>53</v>
      </c>
      <c r="AB31179">
        <v>53</v>
      </c>
      <c r="AC31179">
        <v>54</v>
      </c>
      <c r="AD31179">
        <v>54</v>
      </c>
      <c r="AE31179">
        <v>54</v>
      </c>
      <c r="AF31179">
        <v>54</v>
      </c>
      <c r="AG31179">
        <v>54</v>
      </c>
      <c r="AH31179">
        <v>54</v>
      </c>
      <c r="AI31179">
        <v>54</v>
      </c>
      <c r="AJ31179">
        <v>54</v>
      </c>
      <c r="AK31179">
        <v>54</v>
      </c>
      <c r="AL31179">
        <v>54</v>
      </c>
      <c r="AM31179">
        <v>54</v>
      </c>
      <c r="AN31179">
        <v>54</v>
      </c>
      <c r="AO31179">
        <v>55</v>
      </c>
      <c r="AP31179">
        <v>55</v>
      </c>
      <c r="AQ31179">
        <v>55</v>
      </c>
    </row>
    <row r="31180" spans="1:43">
      <c r="A31180" t="s">
        <v>19319</v>
      </c>
      <c r="B31180" t="s">
        <v>19320</v>
      </c>
      <c r="C31180" t="s">
        <v>19317</v>
      </c>
      <c r="D31180" t="s">
        <v>19318</v>
      </c>
      <c r="E31180" t="s">
        <v>19203</v>
      </c>
      <c r="F31180" t="s">
        <v>19204</v>
      </c>
      <c r="G31180" t="s">
        <v>10734</v>
      </c>
      <c r="H31180" t="s">
        <v>10735</v>
      </c>
      <c r="I31180" s="2">
        <v>0</v>
      </c>
      <c r="J31180" s="2">
        <v>0</v>
      </c>
      <c r="K31180" s="2">
        <v>1</v>
      </c>
      <c r="L31180" t="s">
        <v>995</v>
      </c>
      <c r="M31180" t="s">
        <v>89</v>
      </c>
      <c r="N31180" t="s">
        <v>90</v>
      </c>
      <c r="O31180" t="s">
        <v>85</v>
      </c>
      <c r="P31180" t="s">
        <v>86</v>
      </c>
      <c r="Q31180">
        <v>52</v>
      </c>
      <c r="R31180">
        <v>53</v>
      </c>
      <c r="S31180">
        <v>54</v>
      </c>
      <c r="T31180">
        <v>55</v>
      </c>
      <c r="U31180">
        <v>56</v>
      </c>
      <c r="V31180">
        <v>57</v>
      </c>
      <c r="W31180">
        <v>58</v>
      </c>
      <c r="X31180">
        <v>59</v>
      </c>
      <c r="Y31180">
        <v>60</v>
      </c>
      <c r="Z31180">
        <v>61</v>
      </c>
      <c r="AA31180">
        <v>61</v>
      </c>
      <c r="AB31180">
        <v>62</v>
      </c>
      <c r="AC31180">
        <v>63</v>
      </c>
      <c r="AD31180">
        <v>64</v>
      </c>
      <c r="AE31180">
        <v>64</v>
      </c>
      <c r="AF31180">
        <v>64</v>
      </c>
      <c r="AG31180">
        <v>64</v>
      </c>
      <c r="AH31180">
        <v>64</v>
      </c>
      <c r="AI31180">
        <v>64</v>
      </c>
      <c r="AJ31180">
        <v>64</v>
      </c>
      <c r="AK31180">
        <v>63</v>
      </c>
      <c r="AL31180">
        <v>63</v>
      </c>
      <c r="AM31180">
        <v>63</v>
      </c>
      <c r="AN31180">
        <v>63</v>
      </c>
      <c r="AO31180">
        <v>63</v>
      </c>
      <c r="AP31180">
        <v>63</v>
      </c>
      <c r="AQ31180">
        <v>63</v>
      </c>
    </row>
    <row r="31181" spans="1:43">
      <c r="A31181" t="s">
        <v>19319</v>
      </c>
      <c r="B31181" t="s">
        <v>19320</v>
      </c>
      <c r="C31181" t="s">
        <v>19317</v>
      </c>
      <c r="D31181" t="s">
        <v>19318</v>
      </c>
      <c r="E31181" t="s">
        <v>19203</v>
      </c>
      <c r="F31181" t="s">
        <v>19204</v>
      </c>
      <c r="G31181" t="s">
        <v>10734</v>
      </c>
      <c r="H31181" t="s">
        <v>10735</v>
      </c>
      <c r="I31181" s="2">
        <v>0</v>
      </c>
      <c r="J31181" s="2">
        <v>0</v>
      </c>
      <c r="K31181" s="2">
        <v>1</v>
      </c>
      <c r="L31181" t="s">
        <v>995</v>
      </c>
      <c r="M31181" t="s">
        <v>83</v>
      </c>
      <c r="N31181" t="s">
        <v>91</v>
      </c>
      <c r="O31181" t="s">
        <v>85</v>
      </c>
      <c r="P31181" t="s">
        <v>86</v>
      </c>
      <c r="Q31181">
        <v>52</v>
      </c>
      <c r="R31181">
        <v>53</v>
      </c>
      <c r="S31181">
        <v>54</v>
      </c>
      <c r="T31181">
        <v>54</v>
      </c>
      <c r="U31181">
        <v>55</v>
      </c>
      <c r="V31181">
        <v>56</v>
      </c>
      <c r="W31181">
        <v>56</v>
      </c>
      <c r="X31181">
        <v>57</v>
      </c>
      <c r="Y31181">
        <v>57</v>
      </c>
      <c r="Z31181">
        <v>58</v>
      </c>
      <c r="AA31181">
        <v>59</v>
      </c>
      <c r="AB31181">
        <v>59</v>
      </c>
      <c r="AC31181">
        <v>60</v>
      </c>
      <c r="AD31181">
        <v>60</v>
      </c>
      <c r="AE31181">
        <v>61</v>
      </c>
      <c r="AF31181">
        <v>61</v>
      </c>
      <c r="AG31181">
        <v>62</v>
      </c>
      <c r="AH31181">
        <v>62</v>
      </c>
      <c r="AI31181">
        <v>63</v>
      </c>
      <c r="AJ31181">
        <v>63</v>
      </c>
      <c r="AK31181">
        <v>64</v>
      </c>
      <c r="AL31181">
        <v>64</v>
      </c>
      <c r="AM31181">
        <v>64</v>
      </c>
      <c r="AN31181">
        <v>63</v>
      </c>
      <c r="AO31181">
        <v>63</v>
      </c>
      <c r="AP31181">
        <v>63</v>
      </c>
      <c r="AQ31181">
        <v>63</v>
      </c>
    </row>
    <row r="31182" spans="1:43">
      <c r="A31182" t="s">
        <v>19321</v>
      </c>
      <c r="B31182" t="s">
        <v>19322</v>
      </c>
      <c r="C31182" t="s">
        <v>19313</v>
      </c>
      <c r="D31182" t="s">
        <v>19314</v>
      </c>
      <c r="E31182" t="s">
        <v>19203</v>
      </c>
      <c r="F31182" t="s">
        <v>19204</v>
      </c>
      <c r="G31182" t="s">
        <v>10734</v>
      </c>
      <c r="H31182" t="s">
        <v>10735</v>
      </c>
      <c r="I31182" s="2">
        <v>0</v>
      </c>
      <c r="J31182" s="2">
        <v>0</v>
      </c>
      <c r="K31182" s="2">
        <v>1</v>
      </c>
      <c r="L31182" t="s">
        <v>995</v>
      </c>
      <c r="M31182" t="s">
        <v>83</v>
      </c>
      <c r="N31182" t="s">
        <v>84</v>
      </c>
      <c r="O31182" t="s">
        <v>85</v>
      </c>
      <c r="P31182" t="s">
        <v>86</v>
      </c>
      <c r="Q31182">
        <v>17</v>
      </c>
      <c r="R31182">
        <v>17</v>
      </c>
      <c r="S31182">
        <v>18</v>
      </c>
      <c r="T31182">
        <v>18</v>
      </c>
      <c r="U31182">
        <v>18</v>
      </c>
      <c r="V31182">
        <v>18</v>
      </c>
      <c r="W31182">
        <v>18</v>
      </c>
      <c r="X31182">
        <v>19</v>
      </c>
      <c r="Y31182">
        <v>19</v>
      </c>
      <c r="Z31182">
        <v>19</v>
      </c>
      <c r="AA31182">
        <v>19</v>
      </c>
      <c r="AB31182">
        <v>19</v>
      </c>
      <c r="AC31182">
        <v>20</v>
      </c>
      <c r="AD31182">
        <v>20</v>
      </c>
      <c r="AE31182">
        <v>20</v>
      </c>
      <c r="AF31182">
        <v>20</v>
      </c>
      <c r="AG31182">
        <v>20</v>
      </c>
      <c r="AH31182">
        <v>20</v>
      </c>
      <c r="AI31182">
        <v>21</v>
      </c>
      <c r="AJ31182">
        <v>21</v>
      </c>
      <c r="AK31182">
        <v>21</v>
      </c>
      <c r="AL31182">
        <v>21</v>
      </c>
      <c r="AM31182">
        <v>21</v>
      </c>
      <c r="AN31182">
        <v>21</v>
      </c>
      <c r="AO31182">
        <v>21</v>
      </c>
      <c r="AP31182">
        <v>21</v>
      </c>
      <c r="AQ31182">
        <v>21</v>
      </c>
    </row>
    <row r="31183" spans="1:43">
      <c r="A31183" t="s">
        <v>19321</v>
      </c>
      <c r="B31183" t="s">
        <v>19322</v>
      </c>
      <c r="C31183" t="s">
        <v>19313</v>
      </c>
      <c r="D31183" t="s">
        <v>19314</v>
      </c>
      <c r="E31183" t="s">
        <v>19203</v>
      </c>
      <c r="F31183" t="s">
        <v>19204</v>
      </c>
      <c r="G31183" t="s">
        <v>10734</v>
      </c>
      <c r="H31183" t="s">
        <v>10735</v>
      </c>
      <c r="I31183" s="2">
        <v>0</v>
      </c>
      <c r="J31183" s="2">
        <v>0</v>
      </c>
      <c r="K31183" s="2">
        <v>1</v>
      </c>
      <c r="L31183" t="s">
        <v>995</v>
      </c>
      <c r="M31183" t="s">
        <v>87</v>
      </c>
      <c r="N31183" t="s">
        <v>88</v>
      </c>
      <c r="O31183" t="s">
        <v>85</v>
      </c>
      <c r="P31183" t="s">
        <v>86</v>
      </c>
      <c r="Q31183">
        <v>17</v>
      </c>
      <c r="R31183">
        <v>17</v>
      </c>
      <c r="S31183">
        <v>17</v>
      </c>
      <c r="T31183">
        <v>17</v>
      </c>
      <c r="U31183">
        <v>17</v>
      </c>
      <c r="V31183">
        <v>17</v>
      </c>
      <c r="W31183">
        <v>17</v>
      </c>
      <c r="X31183">
        <v>17</v>
      </c>
      <c r="Y31183">
        <v>17</v>
      </c>
      <c r="Z31183">
        <v>17</v>
      </c>
      <c r="AA31183">
        <v>17</v>
      </c>
      <c r="AB31183">
        <v>17</v>
      </c>
      <c r="AC31183">
        <v>18</v>
      </c>
      <c r="AD31183">
        <v>18</v>
      </c>
      <c r="AE31183">
        <v>18</v>
      </c>
      <c r="AF31183">
        <v>18</v>
      </c>
      <c r="AG31183">
        <v>18</v>
      </c>
      <c r="AH31183">
        <v>18</v>
      </c>
      <c r="AI31183">
        <v>18</v>
      </c>
      <c r="AJ31183">
        <v>18</v>
      </c>
      <c r="AK31183">
        <v>18</v>
      </c>
      <c r="AL31183">
        <v>18</v>
      </c>
      <c r="AM31183">
        <v>18</v>
      </c>
      <c r="AN31183">
        <v>18</v>
      </c>
      <c r="AO31183">
        <v>18</v>
      </c>
      <c r="AP31183">
        <v>18</v>
      </c>
      <c r="AQ31183">
        <v>18</v>
      </c>
    </row>
    <row r="31184" spans="1:43">
      <c r="A31184" t="s">
        <v>19321</v>
      </c>
      <c r="B31184" t="s">
        <v>19322</v>
      </c>
      <c r="C31184" t="s">
        <v>19313</v>
      </c>
      <c r="D31184" t="s">
        <v>19314</v>
      </c>
      <c r="E31184" t="s">
        <v>19203</v>
      </c>
      <c r="F31184" t="s">
        <v>19204</v>
      </c>
      <c r="G31184" t="s">
        <v>10734</v>
      </c>
      <c r="H31184" t="s">
        <v>10735</v>
      </c>
      <c r="I31184" s="2">
        <v>0</v>
      </c>
      <c r="J31184" s="2">
        <v>0</v>
      </c>
      <c r="K31184" s="2">
        <v>1</v>
      </c>
      <c r="L31184" t="s">
        <v>995</v>
      </c>
      <c r="M31184" t="s">
        <v>89</v>
      </c>
      <c r="N31184" t="s">
        <v>90</v>
      </c>
      <c r="O31184" t="s">
        <v>85</v>
      </c>
      <c r="P31184" t="s">
        <v>86</v>
      </c>
      <c r="Q31184">
        <v>17</v>
      </c>
      <c r="R31184">
        <v>18</v>
      </c>
      <c r="S31184">
        <v>18</v>
      </c>
      <c r="T31184">
        <v>18</v>
      </c>
      <c r="U31184">
        <v>19</v>
      </c>
      <c r="V31184">
        <v>19</v>
      </c>
      <c r="W31184">
        <v>19</v>
      </c>
      <c r="X31184">
        <v>20</v>
      </c>
      <c r="Y31184">
        <v>20</v>
      </c>
      <c r="Z31184">
        <v>20</v>
      </c>
      <c r="AA31184">
        <v>20</v>
      </c>
      <c r="AB31184">
        <v>21</v>
      </c>
      <c r="AC31184">
        <v>21</v>
      </c>
      <c r="AD31184">
        <v>21</v>
      </c>
      <c r="AE31184">
        <v>21</v>
      </c>
      <c r="AF31184">
        <v>21</v>
      </c>
      <c r="AG31184">
        <v>21</v>
      </c>
      <c r="AH31184">
        <v>21</v>
      </c>
      <c r="AI31184">
        <v>21</v>
      </c>
      <c r="AJ31184">
        <v>21</v>
      </c>
      <c r="AK31184">
        <v>21</v>
      </c>
      <c r="AL31184">
        <v>21</v>
      </c>
      <c r="AM31184">
        <v>21</v>
      </c>
      <c r="AN31184">
        <v>21</v>
      </c>
      <c r="AO31184">
        <v>21</v>
      </c>
      <c r="AP31184">
        <v>21</v>
      </c>
      <c r="AQ31184">
        <v>21</v>
      </c>
    </row>
    <row r="31185" spans="1:43">
      <c r="A31185" t="s">
        <v>19321</v>
      </c>
      <c r="B31185" t="s">
        <v>19322</v>
      </c>
      <c r="C31185" t="s">
        <v>19313</v>
      </c>
      <c r="D31185" t="s">
        <v>19314</v>
      </c>
      <c r="E31185" t="s">
        <v>19203</v>
      </c>
      <c r="F31185" t="s">
        <v>19204</v>
      </c>
      <c r="G31185" t="s">
        <v>10734</v>
      </c>
      <c r="H31185" t="s">
        <v>10735</v>
      </c>
      <c r="I31185" s="2">
        <v>0</v>
      </c>
      <c r="J31185" s="2">
        <v>0</v>
      </c>
      <c r="K31185" s="2">
        <v>1</v>
      </c>
      <c r="L31185" t="s">
        <v>995</v>
      </c>
      <c r="M31185" t="s">
        <v>83</v>
      </c>
      <c r="N31185" t="s">
        <v>91</v>
      </c>
      <c r="O31185" t="s">
        <v>85</v>
      </c>
      <c r="P31185" t="s">
        <v>86</v>
      </c>
      <c r="Q31185">
        <v>17</v>
      </c>
      <c r="R31185">
        <v>17</v>
      </c>
      <c r="S31185">
        <v>18</v>
      </c>
      <c r="T31185">
        <v>18</v>
      </c>
      <c r="U31185">
        <v>18</v>
      </c>
      <c r="V31185">
        <v>18</v>
      </c>
      <c r="W31185">
        <v>18</v>
      </c>
      <c r="X31185">
        <v>19</v>
      </c>
      <c r="Y31185">
        <v>19</v>
      </c>
      <c r="Z31185">
        <v>19</v>
      </c>
      <c r="AA31185">
        <v>19</v>
      </c>
      <c r="AB31185">
        <v>19</v>
      </c>
      <c r="AC31185">
        <v>20</v>
      </c>
      <c r="AD31185">
        <v>20</v>
      </c>
      <c r="AE31185">
        <v>20</v>
      </c>
      <c r="AF31185">
        <v>20</v>
      </c>
      <c r="AG31185">
        <v>20</v>
      </c>
      <c r="AH31185">
        <v>20</v>
      </c>
      <c r="AI31185">
        <v>21</v>
      </c>
      <c r="AJ31185">
        <v>21</v>
      </c>
      <c r="AK31185">
        <v>21</v>
      </c>
      <c r="AL31185">
        <v>21</v>
      </c>
      <c r="AM31185">
        <v>21</v>
      </c>
      <c r="AN31185">
        <v>21</v>
      </c>
      <c r="AO31185">
        <v>21</v>
      </c>
      <c r="AP31185">
        <v>21</v>
      </c>
      <c r="AQ31185">
        <v>21</v>
      </c>
    </row>
    <row r="31186" spans="1:43">
      <c r="A31186" t="s">
        <v>19323</v>
      </c>
      <c r="B31186" t="s">
        <v>19324</v>
      </c>
      <c r="C31186" t="s">
        <v>19313</v>
      </c>
      <c r="D31186" t="s">
        <v>19314</v>
      </c>
      <c r="E31186" t="s">
        <v>19203</v>
      </c>
      <c r="F31186" t="s">
        <v>19204</v>
      </c>
      <c r="G31186" t="s">
        <v>10734</v>
      </c>
      <c r="H31186" t="s">
        <v>10735</v>
      </c>
      <c r="I31186" s="2">
        <v>0</v>
      </c>
      <c r="J31186" s="2">
        <v>0</v>
      </c>
      <c r="K31186" s="2">
        <v>1</v>
      </c>
      <c r="L31186" t="s">
        <v>995</v>
      </c>
      <c r="M31186" t="s">
        <v>83</v>
      </c>
      <c r="N31186" t="s">
        <v>84</v>
      </c>
      <c r="O31186" t="s">
        <v>85</v>
      </c>
      <c r="P31186" t="s">
        <v>86</v>
      </c>
      <c r="Q31186">
        <v>39</v>
      </c>
      <c r="R31186">
        <v>40</v>
      </c>
      <c r="S31186">
        <v>40</v>
      </c>
      <c r="T31186">
        <v>41</v>
      </c>
      <c r="U31186">
        <v>41</v>
      </c>
      <c r="V31186">
        <v>42</v>
      </c>
      <c r="W31186">
        <v>42</v>
      </c>
      <c r="X31186">
        <v>43</v>
      </c>
      <c r="Y31186">
        <v>43</v>
      </c>
      <c r="Z31186">
        <v>44</v>
      </c>
      <c r="AA31186">
        <v>44</v>
      </c>
      <c r="AB31186">
        <v>44</v>
      </c>
      <c r="AC31186">
        <v>45</v>
      </c>
      <c r="AD31186">
        <v>45</v>
      </c>
      <c r="AE31186">
        <v>46</v>
      </c>
      <c r="AF31186">
        <v>46</v>
      </c>
      <c r="AG31186">
        <v>46</v>
      </c>
      <c r="AH31186">
        <v>47</v>
      </c>
      <c r="AI31186">
        <v>47</v>
      </c>
      <c r="AJ31186">
        <v>48</v>
      </c>
      <c r="AK31186">
        <v>48</v>
      </c>
      <c r="AL31186">
        <v>48</v>
      </c>
      <c r="AM31186">
        <v>48</v>
      </c>
      <c r="AN31186">
        <v>48</v>
      </c>
      <c r="AO31186">
        <v>48</v>
      </c>
      <c r="AP31186">
        <v>48</v>
      </c>
      <c r="AQ31186">
        <v>48</v>
      </c>
    </row>
    <row r="31187" spans="1:43">
      <c r="A31187" t="s">
        <v>19323</v>
      </c>
      <c r="B31187" t="s">
        <v>19324</v>
      </c>
      <c r="C31187" t="s">
        <v>19313</v>
      </c>
      <c r="D31187" t="s">
        <v>19314</v>
      </c>
      <c r="E31187" t="s">
        <v>19203</v>
      </c>
      <c r="F31187" t="s">
        <v>19204</v>
      </c>
      <c r="G31187" t="s">
        <v>10734</v>
      </c>
      <c r="H31187" t="s">
        <v>10735</v>
      </c>
      <c r="I31187" s="2">
        <v>0</v>
      </c>
      <c r="J31187" s="2">
        <v>0</v>
      </c>
      <c r="K31187" s="2">
        <v>1</v>
      </c>
      <c r="L31187" t="s">
        <v>995</v>
      </c>
      <c r="M31187" t="s">
        <v>87</v>
      </c>
      <c r="N31187" t="s">
        <v>88</v>
      </c>
      <c r="O31187" t="s">
        <v>85</v>
      </c>
      <c r="P31187" t="s">
        <v>86</v>
      </c>
      <c r="Q31187">
        <v>39</v>
      </c>
      <c r="R31187">
        <v>39</v>
      </c>
      <c r="S31187">
        <v>39</v>
      </c>
      <c r="T31187">
        <v>39</v>
      </c>
      <c r="U31187">
        <v>39</v>
      </c>
      <c r="V31187">
        <v>40</v>
      </c>
      <c r="W31187">
        <v>40</v>
      </c>
      <c r="X31187">
        <v>40</v>
      </c>
      <c r="Y31187">
        <v>40</v>
      </c>
      <c r="Z31187">
        <v>40</v>
      </c>
      <c r="AA31187">
        <v>40</v>
      </c>
      <c r="AB31187">
        <v>40</v>
      </c>
      <c r="AC31187">
        <v>40</v>
      </c>
      <c r="AD31187">
        <v>40</v>
      </c>
      <c r="AE31187">
        <v>40</v>
      </c>
      <c r="AF31187">
        <v>41</v>
      </c>
      <c r="AG31187">
        <v>41</v>
      </c>
      <c r="AH31187">
        <v>41</v>
      </c>
      <c r="AI31187">
        <v>41</v>
      </c>
      <c r="AJ31187">
        <v>41</v>
      </c>
      <c r="AK31187">
        <v>41</v>
      </c>
      <c r="AL31187">
        <v>41</v>
      </c>
      <c r="AM31187">
        <v>41</v>
      </c>
      <c r="AN31187">
        <v>41</v>
      </c>
      <c r="AO31187">
        <v>41</v>
      </c>
      <c r="AP31187">
        <v>41</v>
      </c>
      <c r="AQ31187">
        <v>41</v>
      </c>
    </row>
    <row r="31188" spans="1:43">
      <c r="A31188" t="s">
        <v>19323</v>
      </c>
      <c r="B31188" t="s">
        <v>19324</v>
      </c>
      <c r="C31188" t="s">
        <v>19313</v>
      </c>
      <c r="D31188" t="s">
        <v>19314</v>
      </c>
      <c r="E31188" t="s">
        <v>19203</v>
      </c>
      <c r="F31188" t="s">
        <v>19204</v>
      </c>
      <c r="G31188" t="s">
        <v>10734</v>
      </c>
      <c r="H31188" t="s">
        <v>10735</v>
      </c>
      <c r="I31188" s="2">
        <v>0</v>
      </c>
      <c r="J31188" s="2">
        <v>0</v>
      </c>
      <c r="K31188" s="2">
        <v>1</v>
      </c>
      <c r="L31188" t="s">
        <v>995</v>
      </c>
      <c r="M31188" t="s">
        <v>89</v>
      </c>
      <c r="N31188" t="s">
        <v>90</v>
      </c>
      <c r="O31188" t="s">
        <v>85</v>
      </c>
      <c r="P31188" t="s">
        <v>86</v>
      </c>
      <c r="Q31188">
        <v>39</v>
      </c>
      <c r="R31188">
        <v>39</v>
      </c>
      <c r="S31188">
        <v>40</v>
      </c>
      <c r="T31188">
        <v>41</v>
      </c>
      <c r="U31188">
        <v>42</v>
      </c>
      <c r="V31188">
        <v>43</v>
      </c>
      <c r="W31188">
        <v>43</v>
      </c>
      <c r="X31188">
        <v>44</v>
      </c>
      <c r="Y31188">
        <v>45</v>
      </c>
      <c r="Z31188">
        <v>45</v>
      </c>
      <c r="AA31188">
        <v>46</v>
      </c>
      <c r="AB31188">
        <v>46</v>
      </c>
      <c r="AC31188">
        <v>47</v>
      </c>
      <c r="AD31188">
        <v>48</v>
      </c>
      <c r="AE31188">
        <v>48</v>
      </c>
      <c r="AF31188">
        <v>48</v>
      </c>
      <c r="AG31188">
        <v>48</v>
      </c>
      <c r="AH31188">
        <v>48</v>
      </c>
      <c r="AI31188">
        <v>48</v>
      </c>
      <c r="AJ31188">
        <v>48</v>
      </c>
      <c r="AK31188">
        <v>48</v>
      </c>
      <c r="AL31188">
        <v>47</v>
      </c>
      <c r="AM31188">
        <v>47</v>
      </c>
      <c r="AN31188">
        <v>47</v>
      </c>
      <c r="AO31188">
        <v>47</v>
      </c>
      <c r="AP31188">
        <v>47</v>
      </c>
      <c r="AQ31188">
        <v>47</v>
      </c>
    </row>
    <row r="31189" spans="1:43">
      <c r="A31189" t="s">
        <v>19323</v>
      </c>
      <c r="B31189" t="s">
        <v>19324</v>
      </c>
      <c r="C31189" t="s">
        <v>19313</v>
      </c>
      <c r="D31189" t="s">
        <v>19314</v>
      </c>
      <c r="E31189" t="s">
        <v>19203</v>
      </c>
      <c r="F31189" t="s">
        <v>19204</v>
      </c>
      <c r="G31189" t="s">
        <v>10734</v>
      </c>
      <c r="H31189" t="s">
        <v>10735</v>
      </c>
      <c r="I31189" s="2">
        <v>0</v>
      </c>
      <c r="J31189" s="2">
        <v>0</v>
      </c>
      <c r="K31189" s="2">
        <v>1</v>
      </c>
      <c r="L31189" t="s">
        <v>995</v>
      </c>
      <c r="M31189" t="s">
        <v>83</v>
      </c>
      <c r="N31189" t="s">
        <v>91</v>
      </c>
      <c r="O31189" t="s">
        <v>85</v>
      </c>
      <c r="P31189" t="s">
        <v>86</v>
      </c>
      <c r="Q31189">
        <v>39</v>
      </c>
      <c r="R31189">
        <v>40</v>
      </c>
      <c r="S31189">
        <v>40</v>
      </c>
      <c r="T31189">
        <v>41</v>
      </c>
      <c r="U31189">
        <v>41</v>
      </c>
      <c r="V31189">
        <v>42</v>
      </c>
      <c r="W31189">
        <v>42</v>
      </c>
      <c r="X31189">
        <v>43</v>
      </c>
      <c r="Y31189">
        <v>43</v>
      </c>
      <c r="Z31189">
        <v>44</v>
      </c>
      <c r="AA31189">
        <v>44</v>
      </c>
      <c r="AB31189">
        <v>44</v>
      </c>
      <c r="AC31189">
        <v>45</v>
      </c>
      <c r="AD31189">
        <v>45</v>
      </c>
      <c r="AE31189">
        <v>46</v>
      </c>
      <c r="AF31189">
        <v>46</v>
      </c>
      <c r="AG31189">
        <v>46</v>
      </c>
      <c r="AH31189">
        <v>47</v>
      </c>
      <c r="AI31189">
        <v>47</v>
      </c>
      <c r="AJ31189">
        <v>48</v>
      </c>
      <c r="AK31189">
        <v>48</v>
      </c>
      <c r="AL31189">
        <v>48</v>
      </c>
      <c r="AM31189">
        <v>48</v>
      </c>
      <c r="AN31189">
        <v>48</v>
      </c>
      <c r="AO31189">
        <v>48</v>
      </c>
      <c r="AP31189">
        <v>48</v>
      </c>
      <c r="AQ31189">
        <v>48</v>
      </c>
    </row>
    <row r="31190" spans="1:43">
      <c r="A31190" t="s">
        <v>19325</v>
      </c>
      <c r="B31190" t="s">
        <v>19326</v>
      </c>
      <c r="C31190" t="s">
        <v>19317</v>
      </c>
      <c r="D31190" t="s">
        <v>19318</v>
      </c>
      <c r="E31190" t="s">
        <v>19203</v>
      </c>
      <c r="F31190" t="s">
        <v>19204</v>
      </c>
      <c r="G31190" t="s">
        <v>10734</v>
      </c>
      <c r="H31190" t="s">
        <v>10735</v>
      </c>
      <c r="I31190" s="2">
        <v>0</v>
      </c>
      <c r="J31190" s="2">
        <v>0</v>
      </c>
      <c r="K31190" s="2">
        <v>1</v>
      </c>
      <c r="L31190" t="s">
        <v>995</v>
      </c>
      <c r="M31190" t="s">
        <v>83</v>
      </c>
      <c r="N31190" t="s">
        <v>84</v>
      </c>
      <c r="O31190" t="s">
        <v>85</v>
      </c>
      <c r="P31190" t="s">
        <v>86</v>
      </c>
      <c r="Q31190">
        <v>26</v>
      </c>
      <c r="R31190">
        <v>27</v>
      </c>
      <c r="S31190">
        <v>27</v>
      </c>
      <c r="T31190">
        <v>27</v>
      </c>
      <c r="U31190">
        <v>28</v>
      </c>
      <c r="V31190">
        <v>28</v>
      </c>
      <c r="W31190">
        <v>28</v>
      </c>
      <c r="X31190">
        <v>29</v>
      </c>
      <c r="Y31190">
        <v>29</v>
      </c>
      <c r="Z31190">
        <v>29</v>
      </c>
      <c r="AA31190">
        <v>30</v>
      </c>
      <c r="AB31190">
        <v>30</v>
      </c>
      <c r="AC31190">
        <v>30</v>
      </c>
      <c r="AD31190">
        <v>31</v>
      </c>
      <c r="AE31190">
        <v>31</v>
      </c>
      <c r="AF31190">
        <v>31</v>
      </c>
      <c r="AG31190">
        <v>32</v>
      </c>
      <c r="AH31190">
        <v>32</v>
      </c>
      <c r="AI31190">
        <v>32</v>
      </c>
      <c r="AJ31190">
        <v>33</v>
      </c>
      <c r="AK31190">
        <v>33</v>
      </c>
      <c r="AL31190">
        <v>33</v>
      </c>
      <c r="AM31190">
        <v>33</v>
      </c>
      <c r="AN31190">
        <v>33</v>
      </c>
      <c r="AO31190">
        <v>33</v>
      </c>
      <c r="AP31190">
        <v>33</v>
      </c>
      <c r="AQ31190">
        <v>33</v>
      </c>
    </row>
    <row r="31191" spans="1:43">
      <c r="A31191" t="s">
        <v>19325</v>
      </c>
      <c r="B31191" t="s">
        <v>19326</v>
      </c>
      <c r="C31191" t="s">
        <v>19317</v>
      </c>
      <c r="D31191" t="s">
        <v>19318</v>
      </c>
      <c r="E31191" t="s">
        <v>19203</v>
      </c>
      <c r="F31191" t="s">
        <v>19204</v>
      </c>
      <c r="G31191" t="s">
        <v>10734</v>
      </c>
      <c r="H31191" t="s">
        <v>10735</v>
      </c>
      <c r="I31191" s="2">
        <v>0</v>
      </c>
      <c r="J31191" s="2">
        <v>0</v>
      </c>
      <c r="K31191" s="2">
        <v>1</v>
      </c>
      <c r="L31191" t="s">
        <v>995</v>
      </c>
      <c r="M31191" t="s">
        <v>87</v>
      </c>
      <c r="N31191" t="s">
        <v>88</v>
      </c>
      <c r="O31191" t="s">
        <v>85</v>
      </c>
      <c r="P31191" t="s">
        <v>86</v>
      </c>
      <c r="Q31191">
        <v>26</v>
      </c>
      <c r="R31191">
        <v>26</v>
      </c>
      <c r="S31191">
        <v>26</v>
      </c>
      <c r="T31191">
        <v>26</v>
      </c>
      <c r="U31191">
        <v>26</v>
      </c>
      <c r="V31191">
        <v>27</v>
      </c>
      <c r="W31191">
        <v>27</v>
      </c>
      <c r="X31191">
        <v>27</v>
      </c>
      <c r="Y31191">
        <v>27</v>
      </c>
      <c r="Z31191">
        <v>27</v>
      </c>
      <c r="AA31191">
        <v>27</v>
      </c>
      <c r="AB31191">
        <v>27</v>
      </c>
      <c r="AC31191">
        <v>27</v>
      </c>
      <c r="AD31191">
        <v>27</v>
      </c>
      <c r="AE31191">
        <v>27</v>
      </c>
      <c r="AF31191">
        <v>28</v>
      </c>
      <c r="AG31191">
        <v>28</v>
      </c>
      <c r="AH31191">
        <v>28</v>
      </c>
      <c r="AI31191">
        <v>28</v>
      </c>
      <c r="AJ31191">
        <v>28</v>
      </c>
      <c r="AK31191">
        <v>28</v>
      </c>
      <c r="AL31191">
        <v>28</v>
      </c>
      <c r="AM31191">
        <v>28</v>
      </c>
      <c r="AN31191">
        <v>28</v>
      </c>
      <c r="AO31191">
        <v>28</v>
      </c>
      <c r="AP31191">
        <v>28</v>
      </c>
      <c r="AQ31191">
        <v>29</v>
      </c>
    </row>
    <row r="31192" spans="1:43">
      <c r="A31192" t="s">
        <v>19325</v>
      </c>
      <c r="B31192" t="s">
        <v>19326</v>
      </c>
      <c r="C31192" t="s">
        <v>19317</v>
      </c>
      <c r="D31192" t="s">
        <v>19318</v>
      </c>
      <c r="E31192" t="s">
        <v>19203</v>
      </c>
      <c r="F31192" t="s">
        <v>19204</v>
      </c>
      <c r="G31192" t="s">
        <v>10734</v>
      </c>
      <c r="H31192" t="s">
        <v>10735</v>
      </c>
      <c r="I31192" s="2">
        <v>0</v>
      </c>
      <c r="J31192" s="2">
        <v>0</v>
      </c>
      <c r="K31192" s="2">
        <v>1</v>
      </c>
      <c r="L31192" t="s">
        <v>995</v>
      </c>
      <c r="M31192" t="s">
        <v>89</v>
      </c>
      <c r="N31192" t="s">
        <v>90</v>
      </c>
      <c r="O31192" t="s">
        <v>85</v>
      </c>
      <c r="P31192" t="s">
        <v>86</v>
      </c>
      <c r="Q31192">
        <v>26</v>
      </c>
      <c r="R31192">
        <v>27</v>
      </c>
      <c r="S31192">
        <v>28</v>
      </c>
      <c r="T31192">
        <v>28</v>
      </c>
      <c r="U31192">
        <v>29</v>
      </c>
      <c r="V31192">
        <v>29</v>
      </c>
      <c r="W31192">
        <v>30</v>
      </c>
      <c r="X31192">
        <v>30</v>
      </c>
      <c r="Y31192">
        <v>31</v>
      </c>
      <c r="Z31192">
        <v>31</v>
      </c>
      <c r="AA31192">
        <v>32</v>
      </c>
      <c r="AB31192">
        <v>32</v>
      </c>
      <c r="AC31192">
        <v>33</v>
      </c>
      <c r="AD31192">
        <v>33</v>
      </c>
      <c r="AE31192">
        <v>33</v>
      </c>
      <c r="AF31192">
        <v>33</v>
      </c>
      <c r="AG31192">
        <v>33</v>
      </c>
      <c r="AH31192">
        <v>33</v>
      </c>
      <c r="AI31192">
        <v>33</v>
      </c>
      <c r="AJ31192">
        <v>33</v>
      </c>
      <c r="AK31192">
        <v>33</v>
      </c>
      <c r="AL31192">
        <v>33</v>
      </c>
      <c r="AM31192">
        <v>33</v>
      </c>
      <c r="AN31192">
        <v>33</v>
      </c>
      <c r="AO31192">
        <v>33</v>
      </c>
      <c r="AP31192">
        <v>34</v>
      </c>
      <c r="AQ31192">
        <v>34</v>
      </c>
    </row>
    <row r="31193" spans="1:43">
      <c r="A31193" t="s">
        <v>19325</v>
      </c>
      <c r="B31193" t="s">
        <v>19326</v>
      </c>
      <c r="C31193" t="s">
        <v>19317</v>
      </c>
      <c r="D31193" t="s">
        <v>19318</v>
      </c>
      <c r="E31193" t="s">
        <v>19203</v>
      </c>
      <c r="F31193" t="s">
        <v>19204</v>
      </c>
      <c r="G31193" t="s">
        <v>10734</v>
      </c>
      <c r="H31193" t="s">
        <v>10735</v>
      </c>
      <c r="I31193" s="2">
        <v>0</v>
      </c>
      <c r="J31193" s="2">
        <v>0</v>
      </c>
      <c r="K31193" s="2">
        <v>1</v>
      </c>
      <c r="L31193" t="s">
        <v>995</v>
      </c>
      <c r="M31193" t="s">
        <v>83</v>
      </c>
      <c r="N31193" t="s">
        <v>91</v>
      </c>
      <c r="O31193" t="s">
        <v>85</v>
      </c>
      <c r="P31193" t="s">
        <v>86</v>
      </c>
      <c r="Q31193">
        <v>26</v>
      </c>
      <c r="R31193">
        <v>27</v>
      </c>
      <c r="S31193">
        <v>27</v>
      </c>
      <c r="T31193">
        <v>27</v>
      </c>
      <c r="U31193">
        <v>28</v>
      </c>
      <c r="V31193">
        <v>28</v>
      </c>
      <c r="W31193">
        <v>28</v>
      </c>
      <c r="X31193">
        <v>29</v>
      </c>
      <c r="Y31193">
        <v>29</v>
      </c>
      <c r="Z31193">
        <v>29</v>
      </c>
      <c r="AA31193">
        <v>30</v>
      </c>
      <c r="AB31193">
        <v>30</v>
      </c>
      <c r="AC31193">
        <v>30</v>
      </c>
      <c r="AD31193">
        <v>31</v>
      </c>
      <c r="AE31193">
        <v>31</v>
      </c>
      <c r="AF31193">
        <v>31</v>
      </c>
      <c r="AG31193">
        <v>32</v>
      </c>
      <c r="AH31193">
        <v>32</v>
      </c>
      <c r="AI31193">
        <v>32</v>
      </c>
      <c r="AJ31193">
        <v>33</v>
      </c>
      <c r="AK31193">
        <v>33</v>
      </c>
      <c r="AL31193">
        <v>33</v>
      </c>
      <c r="AM31193">
        <v>33</v>
      </c>
      <c r="AN31193">
        <v>33</v>
      </c>
      <c r="AO31193">
        <v>33</v>
      </c>
      <c r="AP31193">
        <v>33</v>
      </c>
      <c r="AQ31193">
        <v>33</v>
      </c>
    </row>
    <row r="31194" spans="1:43">
      <c r="A31194" t="s">
        <v>19327</v>
      </c>
      <c r="B31194" t="s">
        <v>19328</v>
      </c>
      <c r="C31194" t="s">
        <v>19211</v>
      </c>
      <c r="D31194" t="s">
        <v>19212</v>
      </c>
      <c r="E31194" t="s">
        <v>19203</v>
      </c>
      <c r="F31194" t="s">
        <v>19204</v>
      </c>
      <c r="G31194" t="s">
        <v>10734</v>
      </c>
      <c r="H31194" t="s">
        <v>10735</v>
      </c>
      <c r="I31194" s="2">
        <v>0</v>
      </c>
      <c r="J31194" s="2">
        <v>0</v>
      </c>
      <c r="K31194" s="2">
        <v>1</v>
      </c>
      <c r="L31194" t="s">
        <v>995</v>
      </c>
      <c r="M31194" t="s">
        <v>83</v>
      </c>
      <c r="N31194" t="s">
        <v>84</v>
      </c>
      <c r="O31194" t="s">
        <v>85</v>
      </c>
      <c r="P31194" t="s">
        <v>86</v>
      </c>
      <c r="Q31194">
        <v>15</v>
      </c>
      <c r="R31194">
        <v>15</v>
      </c>
      <c r="S31194">
        <v>15</v>
      </c>
      <c r="T31194">
        <v>16</v>
      </c>
      <c r="U31194">
        <v>16</v>
      </c>
      <c r="V31194">
        <v>16</v>
      </c>
      <c r="W31194">
        <v>16</v>
      </c>
      <c r="X31194">
        <v>16</v>
      </c>
      <c r="Y31194">
        <v>17</v>
      </c>
      <c r="Z31194">
        <v>17</v>
      </c>
      <c r="AA31194">
        <v>17</v>
      </c>
      <c r="AB31194">
        <v>17</v>
      </c>
      <c r="AC31194">
        <v>17</v>
      </c>
      <c r="AD31194">
        <v>17</v>
      </c>
      <c r="AE31194">
        <v>18</v>
      </c>
      <c r="AF31194">
        <v>18</v>
      </c>
      <c r="AG31194">
        <v>18</v>
      </c>
      <c r="AH31194">
        <v>18</v>
      </c>
      <c r="AI31194">
        <v>18</v>
      </c>
      <c r="AJ31194">
        <v>18</v>
      </c>
      <c r="AK31194">
        <v>18</v>
      </c>
      <c r="AL31194">
        <v>18</v>
      </c>
      <c r="AM31194">
        <v>18</v>
      </c>
      <c r="AN31194">
        <v>18</v>
      </c>
      <c r="AO31194">
        <v>18</v>
      </c>
      <c r="AP31194">
        <v>18</v>
      </c>
      <c r="AQ31194">
        <v>18</v>
      </c>
    </row>
    <row r="31195" spans="1:43">
      <c r="A31195" t="s">
        <v>19327</v>
      </c>
      <c r="B31195" t="s">
        <v>19328</v>
      </c>
      <c r="C31195" t="s">
        <v>19211</v>
      </c>
      <c r="D31195" t="s">
        <v>19212</v>
      </c>
      <c r="E31195" t="s">
        <v>19203</v>
      </c>
      <c r="F31195" t="s">
        <v>19204</v>
      </c>
      <c r="G31195" t="s">
        <v>10734</v>
      </c>
      <c r="H31195" t="s">
        <v>10735</v>
      </c>
      <c r="I31195" s="2">
        <v>0</v>
      </c>
      <c r="J31195" s="2">
        <v>0</v>
      </c>
      <c r="K31195" s="2">
        <v>1</v>
      </c>
      <c r="L31195" t="s">
        <v>995</v>
      </c>
      <c r="M31195" t="s">
        <v>87</v>
      </c>
      <c r="N31195" t="s">
        <v>88</v>
      </c>
      <c r="O31195" t="s">
        <v>85</v>
      </c>
      <c r="P31195" t="s">
        <v>86</v>
      </c>
      <c r="Q31195">
        <v>15</v>
      </c>
      <c r="R31195">
        <v>15</v>
      </c>
      <c r="S31195">
        <v>15</v>
      </c>
      <c r="T31195">
        <v>15</v>
      </c>
      <c r="U31195">
        <v>15</v>
      </c>
      <c r="V31195">
        <v>15</v>
      </c>
      <c r="W31195">
        <v>15</v>
      </c>
      <c r="X31195">
        <v>15</v>
      </c>
      <c r="Y31195">
        <v>15</v>
      </c>
      <c r="Z31195">
        <v>15</v>
      </c>
      <c r="AA31195">
        <v>15</v>
      </c>
      <c r="AB31195">
        <v>15</v>
      </c>
      <c r="AC31195">
        <v>15</v>
      </c>
      <c r="AD31195">
        <v>15</v>
      </c>
      <c r="AE31195">
        <v>16</v>
      </c>
      <c r="AF31195">
        <v>16</v>
      </c>
      <c r="AG31195">
        <v>16</v>
      </c>
      <c r="AH31195">
        <v>16</v>
      </c>
      <c r="AI31195">
        <v>16</v>
      </c>
      <c r="AJ31195">
        <v>16</v>
      </c>
      <c r="AK31195">
        <v>16</v>
      </c>
      <c r="AL31195">
        <v>16</v>
      </c>
      <c r="AM31195">
        <v>16</v>
      </c>
      <c r="AN31195">
        <v>16</v>
      </c>
      <c r="AO31195">
        <v>16</v>
      </c>
      <c r="AP31195">
        <v>16</v>
      </c>
      <c r="AQ31195">
        <v>16</v>
      </c>
    </row>
    <row r="31196" spans="1:43">
      <c r="A31196" t="s">
        <v>19327</v>
      </c>
      <c r="B31196" t="s">
        <v>19328</v>
      </c>
      <c r="C31196" t="s">
        <v>19211</v>
      </c>
      <c r="D31196" t="s">
        <v>19212</v>
      </c>
      <c r="E31196" t="s">
        <v>19203</v>
      </c>
      <c r="F31196" t="s">
        <v>19204</v>
      </c>
      <c r="G31196" t="s">
        <v>10734</v>
      </c>
      <c r="H31196" t="s">
        <v>10735</v>
      </c>
      <c r="I31196" s="2">
        <v>0</v>
      </c>
      <c r="J31196" s="2">
        <v>0</v>
      </c>
      <c r="K31196" s="2">
        <v>1</v>
      </c>
      <c r="L31196" t="s">
        <v>995</v>
      </c>
      <c r="M31196" t="s">
        <v>89</v>
      </c>
      <c r="N31196" t="s">
        <v>90</v>
      </c>
      <c r="O31196" t="s">
        <v>85</v>
      </c>
      <c r="P31196" t="s">
        <v>86</v>
      </c>
      <c r="Q31196">
        <v>15</v>
      </c>
      <c r="R31196">
        <v>16</v>
      </c>
      <c r="S31196">
        <v>16</v>
      </c>
      <c r="T31196">
        <v>16</v>
      </c>
      <c r="U31196">
        <v>16</v>
      </c>
      <c r="V31196">
        <v>17</v>
      </c>
      <c r="W31196">
        <v>17</v>
      </c>
      <c r="X31196">
        <v>17</v>
      </c>
      <c r="Y31196">
        <v>18</v>
      </c>
      <c r="Z31196">
        <v>18</v>
      </c>
      <c r="AA31196">
        <v>18</v>
      </c>
      <c r="AB31196">
        <v>18</v>
      </c>
      <c r="AC31196">
        <v>18</v>
      </c>
      <c r="AD31196">
        <v>19</v>
      </c>
      <c r="AE31196">
        <v>19</v>
      </c>
      <c r="AF31196">
        <v>19</v>
      </c>
      <c r="AG31196">
        <v>19</v>
      </c>
      <c r="AH31196">
        <v>19</v>
      </c>
      <c r="AI31196">
        <v>19</v>
      </c>
      <c r="AJ31196">
        <v>19</v>
      </c>
      <c r="AK31196">
        <v>19</v>
      </c>
      <c r="AL31196">
        <v>19</v>
      </c>
      <c r="AM31196">
        <v>19</v>
      </c>
      <c r="AN31196">
        <v>19</v>
      </c>
      <c r="AO31196">
        <v>19</v>
      </c>
      <c r="AP31196">
        <v>19</v>
      </c>
      <c r="AQ31196">
        <v>18</v>
      </c>
    </row>
    <row r="31197" spans="1:43">
      <c r="A31197" t="s">
        <v>19327</v>
      </c>
      <c r="B31197" t="s">
        <v>19328</v>
      </c>
      <c r="C31197" t="s">
        <v>19211</v>
      </c>
      <c r="D31197" t="s">
        <v>19212</v>
      </c>
      <c r="E31197" t="s">
        <v>19203</v>
      </c>
      <c r="F31197" t="s">
        <v>19204</v>
      </c>
      <c r="G31197" t="s">
        <v>10734</v>
      </c>
      <c r="H31197" t="s">
        <v>10735</v>
      </c>
      <c r="I31197" s="2">
        <v>0</v>
      </c>
      <c r="J31197" s="2">
        <v>0</v>
      </c>
      <c r="K31197" s="2">
        <v>1</v>
      </c>
      <c r="L31197" t="s">
        <v>995</v>
      </c>
      <c r="M31197" t="s">
        <v>83</v>
      </c>
      <c r="N31197" t="s">
        <v>91</v>
      </c>
      <c r="O31197" t="s">
        <v>85</v>
      </c>
      <c r="P31197" t="s">
        <v>86</v>
      </c>
      <c r="Q31197">
        <v>15</v>
      </c>
      <c r="R31197">
        <v>15</v>
      </c>
      <c r="S31197">
        <v>15</v>
      </c>
      <c r="T31197">
        <v>16</v>
      </c>
      <c r="U31197">
        <v>16</v>
      </c>
      <c r="V31197">
        <v>16</v>
      </c>
      <c r="W31197">
        <v>16</v>
      </c>
      <c r="X31197">
        <v>16</v>
      </c>
      <c r="Y31197">
        <v>17</v>
      </c>
      <c r="Z31197">
        <v>17</v>
      </c>
      <c r="AA31197">
        <v>17</v>
      </c>
      <c r="AB31197">
        <v>17</v>
      </c>
      <c r="AC31197">
        <v>17</v>
      </c>
      <c r="AD31197">
        <v>17</v>
      </c>
      <c r="AE31197">
        <v>18</v>
      </c>
      <c r="AF31197">
        <v>18</v>
      </c>
      <c r="AG31197">
        <v>18</v>
      </c>
      <c r="AH31197">
        <v>18</v>
      </c>
      <c r="AI31197">
        <v>18</v>
      </c>
      <c r="AJ31197">
        <v>18</v>
      </c>
      <c r="AK31197">
        <v>18</v>
      </c>
      <c r="AL31197">
        <v>18</v>
      </c>
      <c r="AM31197">
        <v>18</v>
      </c>
      <c r="AN31197">
        <v>18</v>
      </c>
      <c r="AO31197">
        <v>18</v>
      </c>
      <c r="AP31197">
        <v>18</v>
      </c>
      <c r="AQ31197">
        <v>18</v>
      </c>
    </row>
    <row r="31198" spans="1:43">
      <c r="A31198" t="s">
        <v>19329</v>
      </c>
      <c r="B31198" t="s">
        <v>19330</v>
      </c>
      <c r="C31198" t="s">
        <v>19211</v>
      </c>
      <c r="D31198" t="s">
        <v>19212</v>
      </c>
      <c r="E31198" t="s">
        <v>19203</v>
      </c>
      <c r="F31198" t="s">
        <v>19204</v>
      </c>
      <c r="G31198" t="s">
        <v>10734</v>
      </c>
      <c r="H31198" t="s">
        <v>10735</v>
      </c>
      <c r="I31198" s="2">
        <v>0</v>
      </c>
      <c r="J31198" s="2">
        <v>0</v>
      </c>
      <c r="K31198" s="2">
        <v>1</v>
      </c>
      <c r="L31198" t="s">
        <v>995</v>
      </c>
      <c r="M31198" t="s">
        <v>83</v>
      </c>
      <c r="N31198" t="s">
        <v>84</v>
      </c>
      <c r="O31198" t="s">
        <v>85</v>
      </c>
      <c r="P31198" t="s">
        <v>86</v>
      </c>
      <c r="Q31198">
        <v>26</v>
      </c>
      <c r="R31198">
        <v>26</v>
      </c>
      <c r="S31198">
        <v>26</v>
      </c>
      <c r="T31198">
        <v>27</v>
      </c>
      <c r="U31198">
        <v>27</v>
      </c>
      <c r="V31198">
        <v>27</v>
      </c>
      <c r="W31198">
        <v>28</v>
      </c>
      <c r="X31198">
        <v>28</v>
      </c>
      <c r="Y31198">
        <v>28</v>
      </c>
      <c r="Z31198">
        <v>29</v>
      </c>
      <c r="AA31198">
        <v>29</v>
      </c>
      <c r="AB31198">
        <v>29</v>
      </c>
      <c r="AC31198">
        <v>29</v>
      </c>
      <c r="AD31198">
        <v>30</v>
      </c>
      <c r="AE31198">
        <v>30</v>
      </c>
      <c r="AF31198">
        <v>30</v>
      </c>
      <c r="AG31198">
        <v>31</v>
      </c>
      <c r="AH31198">
        <v>31</v>
      </c>
      <c r="AI31198">
        <v>31</v>
      </c>
      <c r="AJ31198">
        <v>31</v>
      </c>
      <c r="AK31198">
        <v>32</v>
      </c>
      <c r="AL31198">
        <v>32</v>
      </c>
      <c r="AM31198">
        <v>32</v>
      </c>
      <c r="AN31198">
        <v>32</v>
      </c>
      <c r="AO31198">
        <v>32</v>
      </c>
      <c r="AP31198">
        <v>32</v>
      </c>
      <c r="AQ31198">
        <v>32</v>
      </c>
    </row>
    <row r="31199" spans="1:43">
      <c r="A31199" t="s">
        <v>19329</v>
      </c>
      <c r="B31199" t="s">
        <v>19330</v>
      </c>
      <c r="C31199" t="s">
        <v>19211</v>
      </c>
      <c r="D31199" t="s">
        <v>19212</v>
      </c>
      <c r="E31199" t="s">
        <v>19203</v>
      </c>
      <c r="F31199" t="s">
        <v>19204</v>
      </c>
      <c r="G31199" t="s">
        <v>10734</v>
      </c>
      <c r="H31199" t="s">
        <v>10735</v>
      </c>
      <c r="I31199" s="2">
        <v>0</v>
      </c>
      <c r="J31199" s="2">
        <v>0</v>
      </c>
      <c r="K31199" s="2">
        <v>1</v>
      </c>
      <c r="L31199" t="s">
        <v>995</v>
      </c>
      <c r="M31199" t="s">
        <v>87</v>
      </c>
      <c r="N31199" t="s">
        <v>88</v>
      </c>
      <c r="O31199" t="s">
        <v>85</v>
      </c>
      <c r="P31199" t="s">
        <v>86</v>
      </c>
      <c r="Q31199">
        <v>26</v>
      </c>
      <c r="R31199">
        <v>26</v>
      </c>
      <c r="S31199">
        <v>27</v>
      </c>
      <c r="T31199">
        <v>27</v>
      </c>
      <c r="U31199">
        <v>27</v>
      </c>
      <c r="V31199">
        <v>27</v>
      </c>
      <c r="W31199">
        <v>27</v>
      </c>
      <c r="X31199">
        <v>27</v>
      </c>
      <c r="Y31199">
        <v>27</v>
      </c>
      <c r="Z31199">
        <v>27</v>
      </c>
      <c r="AA31199">
        <v>27</v>
      </c>
      <c r="AB31199">
        <v>27</v>
      </c>
      <c r="AC31199">
        <v>27</v>
      </c>
      <c r="AD31199">
        <v>27</v>
      </c>
      <c r="AE31199">
        <v>28</v>
      </c>
      <c r="AF31199">
        <v>28</v>
      </c>
      <c r="AG31199">
        <v>28</v>
      </c>
      <c r="AH31199">
        <v>28</v>
      </c>
      <c r="AI31199">
        <v>28</v>
      </c>
      <c r="AJ31199">
        <v>28</v>
      </c>
      <c r="AK31199">
        <v>28</v>
      </c>
      <c r="AL31199">
        <v>28</v>
      </c>
      <c r="AM31199">
        <v>28</v>
      </c>
      <c r="AN31199">
        <v>28</v>
      </c>
      <c r="AO31199">
        <v>28</v>
      </c>
      <c r="AP31199">
        <v>28</v>
      </c>
      <c r="AQ31199">
        <v>28</v>
      </c>
    </row>
    <row r="31200" spans="1:43">
      <c r="A31200" t="s">
        <v>19329</v>
      </c>
      <c r="B31200" t="s">
        <v>19330</v>
      </c>
      <c r="C31200" t="s">
        <v>19211</v>
      </c>
      <c r="D31200" t="s">
        <v>19212</v>
      </c>
      <c r="E31200" t="s">
        <v>19203</v>
      </c>
      <c r="F31200" t="s">
        <v>19204</v>
      </c>
      <c r="G31200" t="s">
        <v>10734</v>
      </c>
      <c r="H31200" t="s">
        <v>10735</v>
      </c>
      <c r="I31200" s="2">
        <v>0</v>
      </c>
      <c r="J31200" s="2">
        <v>0</v>
      </c>
      <c r="K31200" s="2">
        <v>1</v>
      </c>
      <c r="L31200" t="s">
        <v>995</v>
      </c>
      <c r="M31200" t="s">
        <v>89</v>
      </c>
      <c r="N31200" t="s">
        <v>90</v>
      </c>
      <c r="O31200" t="s">
        <v>85</v>
      </c>
      <c r="P31200" t="s">
        <v>86</v>
      </c>
      <c r="Q31200">
        <v>26</v>
      </c>
      <c r="R31200">
        <v>26</v>
      </c>
      <c r="S31200">
        <v>27</v>
      </c>
      <c r="T31200">
        <v>27</v>
      </c>
      <c r="U31200">
        <v>28</v>
      </c>
      <c r="V31200">
        <v>28</v>
      </c>
      <c r="W31200">
        <v>29</v>
      </c>
      <c r="X31200">
        <v>29</v>
      </c>
      <c r="Y31200">
        <v>30</v>
      </c>
      <c r="Z31200">
        <v>30</v>
      </c>
      <c r="AA31200">
        <v>31</v>
      </c>
      <c r="AB31200">
        <v>31</v>
      </c>
      <c r="AC31200">
        <v>32</v>
      </c>
      <c r="AD31200">
        <v>32</v>
      </c>
      <c r="AE31200">
        <v>32</v>
      </c>
      <c r="AF31200">
        <v>32</v>
      </c>
      <c r="AG31200">
        <v>32</v>
      </c>
      <c r="AH31200">
        <v>32</v>
      </c>
      <c r="AI31200">
        <v>32</v>
      </c>
      <c r="AJ31200">
        <v>32</v>
      </c>
      <c r="AK31200">
        <v>32</v>
      </c>
      <c r="AL31200">
        <v>32</v>
      </c>
      <c r="AM31200">
        <v>32</v>
      </c>
      <c r="AN31200">
        <v>32</v>
      </c>
      <c r="AO31200">
        <v>32</v>
      </c>
      <c r="AP31200">
        <v>32</v>
      </c>
      <c r="AQ31200">
        <v>32</v>
      </c>
    </row>
    <row r="31201" spans="1:43">
      <c r="A31201" t="s">
        <v>19329</v>
      </c>
      <c r="B31201" t="s">
        <v>19330</v>
      </c>
      <c r="C31201" t="s">
        <v>19211</v>
      </c>
      <c r="D31201" t="s">
        <v>19212</v>
      </c>
      <c r="E31201" t="s">
        <v>19203</v>
      </c>
      <c r="F31201" t="s">
        <v>19204</v>
      </c>
      <c r="G31201" t="s">
        <v>10734</v>
      </c>
      <c r="H31201" t="s">
        <v>10735</v>
      </c>
      <c r="I31201" s="2">
        <v>0</v>
      </c>
      <c r="J31201" s="2">
        <v>0</v>
      </c>
      <c r="K31201" s="2">
        <v>1</v>
      </c>
      <c r="L31201" t="s">
        <v>995</v>
      </c>
      <c r="M31201" t="s">
        <v>83</v>
      </c>
      <c r="N31201" t="s">
        <v>91</v>
      </c>
      <c r="O31201" t="s">
        <v>85</v>
      </c>
      <c r="P31201" t="s">
        <v>86</v>
      </c>
      <c r="Q31201">
        <v>26</v>
      </c>
      <c r="R31201">
        <v>26</v>
      </c>
      <c r="S31201">
        <v>26</v>
      </c>
      <c r="T31201">
        <v>27</v>
      </c>
      <c r="U31201">
        <v>27</v>
      </c>
      <c r="V31201">
        <v>27</v>
      </c>
      <c r="W31201">
        <v>28</v>
      </c>
      <c r="X31201">
        <v>28</v>
      </c>
      <c r="Y31201">
        <v>28</v>
      </c>
      <c r="Z31201">
        <v>29</v>
      </c>
      <c r="AA31201">
        <v>29</v>
      </c>
      <c r="AB31201">
        <v>29</v>
      </c>
      <c r="AC31201">
        <v>29</v>
      </c>
      <c r="AD31201">
        <v>30</v>
      </c>
      <c r="AE31201">
        <v>30</v>
      </c>
      <c r="AF31201">
        <v>30</v>
      </c>
      <c r="AG31201">
        <v>31</v>
      </c>
      <c r="AH31201">
        <v>31</v>
      </c>
      <c r="AI31201">
        <v>31</v>
      </c>
      <c r="AJ31201">
        <v>31</v>
      </c>
      <c r="AK31201">
        <v>32</v>
      </c>
      <c r="AL31201">
        <v>32</v>
      </c>
      <c r="AM31201">
        <v>32</v>
      </c>
      <c r="AN31201">
        <v>32</v>
      </c>
      <c r="AO31201">
        <v>32</v>
      </c>
      <c r="AP31201">
        <v>32</v>
      </c>
      <c r="AQ31201">
        <v>32</v>
      </c>
    </row>
    <row r="31202" spans="1:43">
      <c r="A31202" t="s">
        <v>19331</v>
      </c>
      <c r="B31202" t="s">
        <v>19332</v>
      </c>
      <c r="C31202" t="s">
        <v>19313</v>
      </c>
      <c r="D31202" t="s">
        <v>19314</v>
      </c>
      <c r="E31202" t="s">
        <v>19203</v>
      </c>
      <c r="F31202" t="s">
        <v>19204</v>
      </c>
      <c r="G31202" t="s">
        <v>10734</v>
      </c>
      <c r="H31202" t="s">
        <v>10735</v>
      </c>
      <c r="I31202" s="2">
        <v>0</v>
      </c>
      <c r="J31202" s="2">
        <v>0</v>
      </c>
      <c r="K31202" s="2">
        <v>1</v>
      </c>
      <c r="L31202" t="s">
        <v>995</v>
      </c>
      <c r="M31202" t="s">
        <v>83</v>
      </c>
      <c r="N31202" t="s">
        <v>84</v>
      </c>
      <c r="O31202" t="s">
        <v>85</v>
      </c>
      <c r="P31202" t="s">
        <v>86</v>
      </c>
      <c r="Q31202">
        <v>20</v>
      </c>
      <c r="R31202">
        <v>20</v>
      </c>
      <c r="S31202">
        <v>20</v>
      </c>
      <c r="T31202">
        <v>20</v>
      </c>
      <c r="U31202">
        <v>21</v>
      </c>
      <c r="V31202">
        <v>21</v>
      </c>
      <c r="W31202">
        <v>21</v>
      </c>
      <c r="X31202">
        <v>21</v>
      </c>
      <c r="Y31202">
        <v>22</v>
      </c>
      <c r="Z31202">
        <v>22</v>
      </c>
      <c r="AA31202">
        <v>22</v>
      </c>
      <c r="AB31202">
        <v>22</v>
      </c>
      <c r="AC31202">
        <v>23</v>
      </c>
      <c r="AD31202">
        <v>23</v>
      </c>
      <c r="AE31202">
        <v>23</v>
      </c>
      <c r="AF31202">
        <v>23</v>
      </c>
      <c r="AG31202">
        <v>23</v>
      </c>
      <c r="AH31202">
        <v>24</v>
      </c>
      <c r="AI31202">
        <v>24</v>
      </c>
      <c r="AJ31202">
        <v>24</v>
      </c>
      <c r="AK31202">
        <v>24</v>
      </c>
      <c r="AL31202">
        <v>24</v>
      </c>
      <c r="AM31202">
        <v>24</v>
      </c>
      <c r="AN31202">
        <v>24</v>
      </c>
      <c r="AO31202">
        <v>24</v>
      </c>
      <c r="AP31202">
        <v>24</v>
      </c>
      <c r="AQ31202">
        <v>24</v>
      </c>
    </row>
    <row r="31203" spans="1:43">
      <c r="A31203" t="s">
        <v>19331</v>
      </c>
      <c r="B31203" t="s">
        <v>19332</v>
      </c>
      <c r="C31203" t="s">
        <v>19313</v>
      </c>
      <c r="D31203" t="s">
        <v>19314</v>
      </c>
      <c r="E31203" t="s">
        <v>19203</v>
      </c>
      <c r="F31203" t="s">
        <v>19204</v>
      </c>
      <c r="G31203" t="s">
        <v>10734</v>
      </c>
      <c r="H31203" t="s">
        <v>10735</v>
      </c>
      <c r="I31203" s="2">
        <v>0</v>
      </c>
      <c r="J31203" s="2">
        <v>0</v>
      </c>
      <c r="K31203" s="2">
        <v>1</v>
      </c>
      <c r="L31203" t="s">
        <v>995</v>
      </c>
      <c r="M31203" t="s">
        <v>87</v>
      </c>
      <c r="N31203" t="s">
        <v>88</v>
      </c>
      <c r="O31203" t="s">
        <v>85</v>
      </c>
      <c r="P31203" t="s">
        <v>86</v>
      </c>
      <c r="Q31203">
        <v>20</v>
      </c>
      <c r="R31203">
        <v>20</v>
      </c>
      <c r="S31203">
        <v>20</v>
      </c>
      <c r="T31203">
        <v>20</v>
      </c>
      <c r="U31203">
        <v>20</v>
      </c>
      <c r="V31203">
        <v>20</v>
      </c>
      <c r="W31203">
        <v>20</v>
      </c>
      <c r="X31203">
        <v>20</v>
      </c>
      <c r="Y31203">
        <v>20</v>
      </c>
      <c r="Z31203">
        <v>20</v>
      </c>
      <c r="AA31203">
        <v>20</v>
      </c>
      <c r="AB31203">
        <v>20</v>
      </c>
      <c r="AC31203">
        <v>20</v>
      </c>
      <c r="AD31203">
        <v>20</v>
      </c>
      <c r="AE31203">
        <v>20</v>
      </c>
      <c r="AF31203">
        <v>20</v>
      </c>
      <c r="AG31203">
        <v>21</v>
      </c>
      <c r="AH31203">
        <v>21</v>
      </c>
      <c r="AI31203">
        <v>21</v>
      </c>
      <c r="AJ31203">
        <v>21</v>
      </c>
      <c r="AK31203">
        <v>21</v>
      </c>
      <c r="AL31203">
        <v>21</v>
      </c>
      <c r="AM31203">
        <v>21</v>
      </c>
      <c r="AN31203">
        <v>21</v>
      </c>
      <c r="AO31203">
        <v>21</v>
      </c>
      <c r="AP31203">
        <v>21</v>
      </c>
      <c r="AQ31203">
        <v>21</v>
      </c>
    </row>
    <row r="31204" spans="1:43">
      <c r="A31204" t="s">
        <v>19331</v>
      </c>
      <c r="B31204" t="s">
        <v>19332</v>
      </c>
      <c r="C31204" t="s">
        <v>19313</v>
      </c>
      <c r="D31204" t="s">
        <v>19314</v>
      </c>
      <c r="E31204" t="s">
        <v>19203</v>
      </c>
      <c r="F31204" t="s">
        <v>19204</v>
      </c>
      <c r="G31204" t="s">
        <v>10734</v>
      </c>
      <c r="H31204" t="s">
        <v>10735</v>
      </c>
      <c r="I31204" s="2">
        <v>0</v>
      </c>
      <c r="J31204" s="2">
        <v>0</v>
      </c>
      <c r="K31204" s="2">
        <v>1</v>
      </c>
      <c r="L31204" t="s">
        <v>995</v>
      </c>
      <c r="M31204" t="s">
        <v>89</v>
      </c>
      <c r="N31204" t="s">
        <v>90</v>
      </c>
      <c r="O31204" t="s">
        <v>85</v>
      </c>
      <c r="P31204" t="s">
        <v>86</v>
      </c>
      <c r="Q31204">
        <v>20</v>
      </c>
      <c r="R31204">
        <v>20</v>
      </c>
      <c r="S31204">
        <v>21</v>
      </c>
      <c r="T31204">
        <v>21</v>
      </c>
      <c r="U31204">
        <v>22</v>
      </c>
      <c r="V31204">
        <v>22</v>
      </c>
      <c r="W31204">
        <v>22</v>
      </c>
      <c r="X31204">
        <v>23</v>
      </c>
      <c r="Y31204">
        <v>23</v>
      </c>
      <c r="Z31204">
        <v>23</v>
      </c>
      <c r="AA31204">
        <v>24</v>
      </c>
      <c r="AB31204">
        <v>24</v>
      </c>
      <c r="AC31204">
        <v>24</v>
      </c>
      <c r="AD31204">
        <v>25</v>
      </c>
      <c r="AE31204">
        <v>25</v>
      </c>
      <c r="AF31204">
        <v>25</v>
      </c>
      <c r="AG31204">
        <v>25</v>
      </c>
      <c r="AH31204">
        <v>25</v>
      </c>
      <c r="AI31204">
        <v>25</v>
      </c>
      <c r="AJ31204">
        <v>25</v>
      </c>
      <c r="AK31204">
        <v>25</v>
      </c>
      <c r="AL31204">
        <v>25</v>
      </c>
      <c r="AM31204">
        <v>25</v>
      </c>
      <c r="AN31204">
        <v>25</v>
      </c>
      <c r="AO31204">
        <v>25</v>
      </c>
      <c r="AP31204">
        <v>25</v>
      </c>
      <c r="AQ31204">
        <v>25</v>
      </c>
    </row>
    <row r="31205" spans="1:43">
      <c r="A31205" t="s">
        <v>19331</v>
      </c>
      <c r="B31205" t="s">
        <v>19332</v>
      </c>
      <c r="C31205" t="s">
        <v>19313</v>
      </c>
      <c r="D31205" t="s">
        <v>19314</v>
      </c>
      <c r="E31205" t="s">
        <v>19203</v>
      </c>
      <c r="F31205" t="s">
        <v>19204</v>
      </c>
      <c r="G31205" t="s">
        <v>10734</v>
      </c>
      <c r="H31205" t="s">
        <v>10735</v>
      </c>
      <c r="I31205" s="2">
        <v>0</v>
      </c>
      <c r="J31205" s="2">
        <v>0</v>
      </c>
      <c r="K31205" s="2">
        <v>1</v>
      </c>
      <c r="L31205" t="s">
        <v>995</v>
      </c>
      <c r="M31205" t="s">
        <v>83</v>
      </c>
      <c r="N31205" t="s">
        <v>91</v>
      </c>
      <c r="O31205" t="s">
        <v>85</v>
      </c>
      <c r="P31205" t="s">
        <v>86</v>
      </c>
      <c r="Q31205">
        <v>20</v>
      </c>
      <c r="R31205">
        <v>20</v>
      </c>
      <c r="S31205">
        <v>20</v>
      </c>
      <c r="T31205">
        <v>20</v>
      </c>
      <c r="U31205">
        <v>21</v>
      </c>
      <c r="V31205">
        <v>21</v>
      </c>
      <c r="W31205">
        <v>21</v>
      </c>
      <c r="X31205">
        <v>21</v>
      </c>
      <c r="Y31205">
        <v>22</v>
      </c>
      <c r="Z31205">
        <v>22</v>
      </c>
      <c r="AA31205">
        <v>22</v>
      </c>
      <c r="AB31205">
        <v>22</v>
      </c>
      <c r="AC31205">
        <v>23</v>
      </c>
      <c r="AD31205">
        <v>23</v>
      </c>
      <c r="AE31205">
        <v>23</v>
      </c>
      <c r="AF31205">
        <v>23</v>
      </c>
      <c r="AG31205">
        <v>23</v>
      </c>
      <c r="AH31205">
        <v>24</v>
      </c>
      <c r="AI31205">
        <v>24</v>
      </c>
      <c r="AJ31205">
        <v>24</v>
      </c>
      <c r="AK31205">
        <v>24</v>
      </c>
      <c r="AL31205">
        <v>24</v>
      </c>
      <c r="AM31205">
        <v>24</v>
      </c>
      <c r="AN31205">
        <v>24</v>
      </c>
      <c r="AO31205">
        <v>24</v>
      </c>
      <c r="AP31205">
        <v>24</v>
      </c>
      <c r="AQ31205">
        <v>24</v>
      </c>
    </row>
    <row r="31206" spans="1:43">
      <c r="A31206" t="s">
        <v>19333</v>
      </c>
      <c r="B31206" t="s">
        <v>19334</v>
      </c>
      <c r="C31206" t="s">
        <v>19313</v>
      </c>
      <c r="D31206" t="s">
        <v>19314</v>
      </c>
      <c r="E31206" t="s">
        <v>19203</v>
      </c>
      <c r="F31206" t="s">
        <v>19204</v>
      </c>
      <c r="G31206" t="s">
        <v>10734</v>
      </c>
      <c r="H31206" t="s">
        <v>10735</v>
      </c>
      <c r="I31206" s="2">
        <v>0</v>
      </c>
      <c r="J31206" s="2">
        <v>0</v>
      </c>
      <c r="K31206" s="2">
        <v>1</v>
      </c>
      <c r="L31206" t="s">
        <v>995</v>
      </c>
      <c r="M31206" t="s">
        <v>83</v>
      </c>
      <c r="N31206" t="s">
        <v>84</v>
      </c>
      <c r="O31206" t="s">
        <v>85</v>
      </c>
      <c r="P31206" t="s">
        <v>86</v>
      </c>
      <c r="Q31206">
        <v>27</v>
      </c>
      <c r="R31206">
        <v>27</v>
      </c>
      <c r="S31206">
        <v>28</v>
      </c>
      <c r="T31206">
        <v>28</v>
      </c>
      <c r="U31206">
        <v>29</v>
      </c>
      <c r="V31206">
        <v>29</v>
      </c>
      <c r="W31206">
        <v>29</v>
      </c>
      <c r="X31206">
        <v>30</v>
      </c>
      <c r="Y31206">
        <v>30</v>
      </c>
      <c r="Z31206">
        <v>30</v>
      </c>
      <c r="AA31206">
        <v>30</v>
      </c>
      <c r="AB31206">
        <v>31</v>
      </c>
      <c r="AC31206">
        <v>31</v>
      </c>
      <c r="AD31206">
        <v>31</v>
      </c>
      <c r="AE31206">
        <v>32</v>
      </c>
      <c r="AF31206">
        <v>32</v>
      </c>
      <c r="AG31206">
        <v>32</v>
      </c>
      <c r="AH31206">
        <v>33</v>
      </c>
      <c r="AI31206">
        <v>33</v>
      </c>
      <c r="AJ31206">
        <v>33</v>
      </c>
      <c r="AK31206">
        <v>33</v>
      </c>
      <c r="AL31206">
        <v>33</v>
      </c>
      <c r="AM31206">
        <v>33</v>
      </c>
      <c r="AN31206">
        <v>33</v>
      </c>
      <c r="AO31206">
        <v>33</v>
      </c>
      <c r="AP31206">
        <v>33</v>
      </c>
      <c r="AQ31206">
        <v>33</v>
      </c>
    </row>
    <row r="31207" spans="1:43">
      <c r="A31207" t="s">
        <v>19333</v>
      </c>
      <c r="B31207" t="s">
        <v>19334</v>
      </c>
      <c r="C31207" t="s">
        <v>19313</v>
      </c>
      <c r="D31207" t="s">
        <v>19314</v>
      </c>
      <c r="E31207" t="s">
        <v>19203</v>
      </c>
      <c r="F31207" t="s">
        <v>19204</v>
      </c>
      <c r="G31207" t="s">
        <v>10734</v>
      </c>
      <c r="H31207" t="s">
        <v>10735</v>
      </c>
      <c r="I31207" s="2">
        <v>0</v>
      </c>
      <c r="J31207" s="2">
        <v>0</v>
      </c>
      <c r="K31207" s="2">
        <v>1</v>
      </c>
      <c r="L31207" t="s">
        <v>995</v>
      </c>
      <c r="M31207" t="s">
        <v>87</v>
      </c>
      <c r="N31207" t="s">
        <v>88</v>
      </c>
      <c r="O31207" t="s">
        <v>85</v>
      </c>
      <c r="P31207" t="s">
        <v>86</v>
      </c>
      <c r="Q31207">
        <v>27</v>
      </c>
      <c r="R31207">
        <v>27</v>
      </c>
      <c r="S31207">
        <v>27</v>
      </c>
      <c r="T31207">
        <v>27</v>
      </c>
      <c r="U31207">
        <v>27</v>
      </c>
      <c r="V31207">
        <v>27</v>
      </c>
      <c r="W31207">
        <v>27</v>
      </c>
      <c r="X31207">
        <v>28</v>
      </c>
      <c r="Y31207">
        <v>28</v>
      </c>
      <c r="Z31207">
        <v>28</v>
      </c>
      <c r="AA31207">
        <v>28</v>
      </c>
      <c r="AB31207">
        <v>28</v>
      </c>
      <c r="AC31207">
        <v>28</v>
      </c>
      <c r="AD31207">
        <v>28</v>
      </c>
      <c r="AE31207">
        <v>28</v>
      </c>
      <c r="AF31207">
        <v>28</v>
      </c>
      <c r="AG31207">
        <v>28</v>
      </c>
      <c r="AH31207">
        <v>28</v>
      </c>
      <c r="AI31207">
        <v>28</v>
      </c>
      <c r="AJ31207">
        <v>28</v>
      </c>
      <c r="AK31207">
        <v>28</v>
      </c>
      <c r="AL31207">
        <v>29</v>
      </c>
      <c r="AM31207">
        <v>29</v>
      </c>
      <c r="AN31207">
        <v>29</v>
      </c>
      <c r="AO31207">
        <v>29</v>
      </c>
      <c r="AP31207">
        <v>29</v>
      </c>
      <c r="AQ31207">
        <v>29</v>
      </c>
    </row>
    <row r="31208" spans="1:43">
      <c r="A31208" t="s">
        <v>19333</v>
      </c>
      <c r="B31208" t="s">
        <v>19334</v>
      </c>
      <c r="C31208" t="s">
        <v>19313</v>
      </c>
      <c r="D31208" t="s">
        <v>19314</v>
      </c>
      <c r="E31208" t="s">
        <v>19203</v>
      </c>
      <c r="F31208" t="s">
        <v>19204</v>
      </c>
      <c r="G31208" t="s">
        <v>10734</v>
      </c>
      <c r="H31208" t="s">
        <v>10735</v>
      </c>
      <c r="I31208" s="2">
        <v>0</v>
      </c>
      <c r="J31208" s="2">
        <v>0</v>
      </c>
      <c r="K31208" s="2">
        <v>1</v>
      </c>
      <c r="L31208" t="s">
        <v>995</v>
      </c>
      <c r="M31208" t="s">
        <v>89</v>
      </c>
      <c r="N31208" t="s">
        <v>90</v>
      </c>
      <c r="O31208" t="s">
        <v>85</v>
      </c>
      <c r="P31208" t="s">
        <v>86</v>
      </c>
      <c r="Q31208">
        <v>27</v>
      </c>
      <c r="R31208">
        <v>28</v>
      </c>
      <c r="S31208">
        <v>29</v>
      </c>
      <c r="T31208">
        <v>29</v>
      </c>
      <c r="U31208">
        <v>30</v>
      </c>
      <c r="V31208">
        <v>30</v>
      </c>
      <c r="W31208">
        <v>31</v>
      </c>
      <c r="X31208">
        <v>31</v>
      </c>
      <c r="Y31208">
        <v>32</v>
      </c>
      <c r="Z31208">
        <v>32</v>
      </c>
      <c r="AA31208">
        <v>32</v>
      </c>
      <c r="AB31208">
        <v>33</v>
      </c>
      <c r="AC31208">
        <v>33</v>
      </c>
      <c r="AD31208">
        <v>34</v>
      </c>
      <c r="AE31208">
        <v>34</v>
      </c>
      <c r="AF31208">
        <v>34</v>
      </c>
      <c r="AG31208">
        <v>34</v>
      </c>
      <c r="AH31208">
        <v>34</v>
      </c>
      <c r="AI31208">
        <v>34</v>
      </c>
      <c r="AJ31208">
        <v>34</v>
      </c>
      <c r="AK31208">
        <v>34</v>
      </c>
      <c r="AL31208">
        <v>34</v>
      </c>
      <c r="AM31208">
        <v>34</v>
      </c>
      <c r="AN31208">
        <v>34</v>
      </c>
      <c r="AO31208">
        <v>34</v>
      </c>
      <c r="AP31208">
        <v>34</v>
      </c>
      <c r="AQ31208">
        <v>34</v>
      </c>
    </row>
    <row r="31209" spans="1:43">
      <c r="A31209" t="s">
        <v>19333</v>
      </c>
      <c r="B31209" t="s">
        <v>19334</v>
      </c>
      <c r="C31209" t="s">
        <v>19313</v>
      </c>
      <c r="D31209" t="s">
        <v>19314</v>
      </c>
      <c r="E31209" t="s">
        <v>19203</v>
      </c>
      <c r="F31209" t="s">
        <v>19204</v>
      </c>
      <c r="G31209" t="s">
        <v>10734</v>
      </c>
      <c r="H31209" t="s">
        <v>10735</v>
      </c>
      <c r="I31209" s="2">
        <v>0</v>
      </c>
      <c r="J31209" s="2">
        <v>0</v>
      </c>
      <c r="K31209" s="2">
        <v>1</v>
      </c>
      <c r="L31209" t="s">
        <v>995</v>
      </c>
      <c r="M31209" t="s">
        <v>83</v>
      </c>
      <c r="N31209" t="s">
        <v>91</v>
      </c>
      <c r="O31209" t="s">
        <v>85</v>
      </c>
      <c r="P31209" t="s">
        <v>86</v>
      </c>
      <c r="Q31209">
        <v>27</v>
      </c>
      <c r="R31209">
        <v>27</v>
      </c>
      <c r="S31209">
        <v>28</v>
      </c>
      <c r="T31209">
        <v>28</v>
      </c>
      <c r="U31209">
        <v>29</v>
      </c>
      <c r="V31209">
        <v>29</v>
      </c>
      <c r="W31209">
        <v>29</v>
      </c>
      <c r="X31209">
        <v>30</v>
      </c>
      <c r="Y31209">
        <v>30</v>
      </c>
      <c r="Z31209">
        <v>30</v>
      </c>
      <c r="AA31209">
        <v>30</v>
      </c>
      <c r="AB31209">
        <v>31</v>
      </c>
      <c r="AC31209">
        <v>31</v>
      </c>
      <c r="AD31209">
        <v>31</v>
      </c>
      <c r="AE31209">
        <v>32</v>
      </c>
      <c r="AF31209">
        <v>32</v>
      </c>
      <c r="AG31209">
        <v>32</v>
      </c>
      <c r="AH31209">
        <v>33</v>
      </c>
      <c r="AI31209">
        <v>33</v>
      </c>
      <c r="AJ31209">
        <v>33</v>
      </c>
      <c r="AK31209">
        <v>33</v>
      </c>
      <c r="AL31209">
        <v>33</v>
      </c>
      <c r="AM31209">
        <v>33</v>
      </c>
      <c r="AN31209">
        <v>33</v>
      </c>
      <c r="AO31209">
        <v>33</v>
      </c>
      <c r="AP31209">
        <v>33</v>
      </c>
      <c r="AQ31209">
        <v>33</v>
      </c>
    </row>
    <row r="31210" spans="1:43">
      <c r="A31210" t="s">
        <v>19335</v>
      </c>
      <c r="B31210" t="s">
        <v>19336</v>
      </c>
      <c r="C31210" t="s">
        <v>19211</v>
      </c>
      <c r="D31210" t="s">
        <v>19212</v>
      </c>
      <c r="E31210" t="s">
        <v>19203</v>
      </c>
      <c r="F31210" t="s">
        <v>19204</v>
      </c>
      <c r="G31210" t="s">
        <v>10734</v>
      </c>
      <c r="H31210" t="s">
        <v>10735</v>
      </c>
      <c r="I31210" s="2">
        <v>0</v>
      </c>
      <c r="J31210" s="2">
        <v>0</v>
      </c>
      <c r="K31210" s="2">
        <v>1</v>
      </c>
      <c r="L31210" t="s">
        <v>995</v>
      </c>
      <c r="M31210" t="s">
        <v>83</v>
      </c>
      <c r="N31210" t="s">
        <v>84</v>
      </c>
      <c r="O31210" t="s">
        <v>85</v>
      </c>
      <c r="P31210" t="s">
        <v>86</v>
      </c>
      <c r="Q31210">
        <v>16</v>
      </c>
      <c r="R31210">
        <v>16</v>
      </c>
      <c r="S31210">
        <v>16</v>
      </c>
      <c r="T31210">
        <v>17</v>
      </c>
      <c r="U31210">
        <v>17</v>
      </c>
      <c r="V31210">
        <v>17</v>
      </c>
      <c r="W31210">
        <v>17</v>
      </c>
      <c r="X31210">
        <v>17</v>
      </c>
      <c r="Y31210">
        <v>17</v>
      </c>
      <c r="Z31210">
        <v>18</v>
      </c>
      <c r="AA31210">
        <v>18</v>
      </c>
      <c r="AB31210">
        <v>18</v>
      </c>
      <c r="AC31210">
        <v>18</v>
      </c>
      <c r="AD31210">
        <v>18</v>
      </c>
      <c r="AE31210">
        <v>19</v>
      </c>
      <c r="AF31210">
        <v>19</v>
      </c>
      <c r="AG31210">
        <v>19</v>
      </c>
      <c r="AH31210">
        <v>19</v>
      </c>
      <c r="AI31210">
        <v>19</v>
      </c>
      <c r="AJ31210">
        <v>19</v>
      </c>
      <c r="AK31210">
        <v>19</v>
      </c>
      <c r="AL31210">
        <v>19</v>
      </c>
      <c r="AM31210">
        <v>19</v>
      </c>
      <c r="AN31210">
        <v>19</v>
      </c>
      <c r="AO31210">
        <v>19</v>
      </c>
      <c r="AP31210">
        <v>19</v>
      </c>
      <c r="AQ31210">
        <v>19</v>
      </c>
    </row>
    <row r="31211" spans="1:43">
      <c r="A31211" t="s">
        <v>19335</v>
      </c>
      <c r="B31211" t="s">
        <v>19336</v>
      </c>
      <c r="C31211" t="s">
        <v>19211</v>
      </c>
      <c r="D31211" t="s">
        <v>19212</v>
      </c>
      <c r="E31211" t="s">
        <v>19203</v>
      </c>
      <c r="F31211" t="s">
        <v>19204</v>
      </c>
      <c r="G31211" t="s">
        <v>10734</v>
      </c>
      <c r="H31211" t="s">
        <v>10735</v>
      </c>
      <c r="I31211" s="2">
        <v>0</v>
      </c>
      <c r="J31211" s="2">
        <v>0</v>
      </c>
      <c r="K31211" s="2">
        <v>1</v>
      </c>
      <c r="L31211" t="s">
        <v>995</v>
      </c>
      <c r="M31211" t="s">
        <v>87</v>
      </c>
      <c r="N31211" t="s">
        <v>88</v>
      </c>
      <c r="O31211" t="s">
        <v>85</v>
      </c>
      <c r="P31211" t="s">
        <v>86</v>
      </c>
      <c r="Q31211">
        <v>16</v>
      </c>
      <c r="R31211">
        <v>16</v>
      </c>
      <c r="S31211">
        <v>16</v>
      </c>
      <c r="T31211">
        <v>16</v>
      </c>
      <c r="U31211">
        <v>16</v>
      </c>
      <c r="V31211">
        <v>16</v>
      </c>
      <c r="W31211">
        <v>16</v>
      </c>
      <c r="X31211">
        <v>16</v>
      </c>
      <c r="Y31211">
        <v>16</v>
      </c>
      <c r="Z31211">
        <v>16</v>
      </c>
      <c r="AA31211">
        <v>16</v>
      </c>
      <c r="AB31211">
        <v>16</v>
      </c>
      <c r="AC31211">
        <v>16</v>
      </c>
      <c r="AD31211">
        <v>16</v>
      </c>
      <c r="AE31211">
        <v>16</v>
      </c>
      <c r="AF31211">
        <v>16</v>
      </c>
      <c r="AG31211">
        <v>16</v>
      </c>
      <c r="AH31211">
        <v>17</v>
      </c>
      <c r="AI31211">
        <v>17</v>
      </c>
      <c r="AJ31211">
        <v>17</v>
      </c>
      <c r="AK31211">
        <v>17</v>
      </c>
      <c r="AL31211">
        <v>17</v>
      </c>
      <c r="AM31211">
        <v>17</v>
      </c>
      <c r="AN31211">
        <v>17</v>
      </c>
      <c r="AO31211">
        <v>17</v>
      </c>
      <c r="AP31211">
        <v>17</v>
      </c>
      <c r="AQ31211">
        <v>17</v>
      </c>
    </row>
    <row r="31212" spans="1:43">
      <c r="A31212" t="s">
        <v>19335</v>
      </c>
      <c r="B31212" t="s">
        <v>19336</v>
      </c>
      <c r="C31212" t="s">
        <v>19211</v>
      </c>
      <c r="D31212" t="s">
        <v>19212</v>
      </c>
      <c r="E31212" t="s">
        <v>19203</v>
      </c>
      <c r="F31212" t="s">
        <v>19204</v>
      </c>
      <c r="G31212" t="s">
        <v>10734</v>
      </c>
      <c r="H31212" t="s">
        <v>10735</v>
      </c>
      <c r="I31212" s="2">
        <v>0</v>
      </c>
      <c r="J31212" s="2">
        <v>0</v>
      </c>
      <c r="K31212" s="2">
        <v>1</v>
      </c>
      <c r="L31212" t="s">
        <v>995</v>
      </c>
      <c r="M31212" t="s">
        <v>89</v>
      </c>
      <c r="N31212" t="s">
        <v>90</v>
      </c>
      <c r="O31212" t="s">
        <v>85</v>
      </c>
      <c r="P31212" t="s">
        <v>86</v>
      </c>
      <c r="Q31212">
        <v>16</v>
      </c>
      <c r="R31212">
        <v>16</v>
      </c>
      <c r="S31212">
        <v>17</v>
      </c>
      <c r="T31212">
        <v>17</v>
      </c>
      <c r="U31212">
        <v>17</v>
      </c>
      <c r="V31212">
        <v>18</v>
      </c>
      <c r="W31212">
        <v>18</v>
      </c>
      <c r="X31212">
        <v>18</v>
      </c>
      <c r="Y31212">
        <v>19</v>
      </c>
      <c r="Z31212">
        <v>19</v>
      </c>
      <c r="AA31212">
        <v>19</v>
      </c>
      <c r="AB31212">
        <v>19</v>
      </c>
      <c r="AC31212">
        <v>19</v>
      </c>
      <c r="AD31212">
        <v>20</v>
      </c>
      <c r="AE31212">
        <v>20</v>
      </c>
      <c r="AF31212">
        <v>20</v>
      </c>
      <c r="AG31212">
        <v>20</v>
      </c>
      <c r="AH31212">
        <v>20</v>
      </c>
      <c r="AI31212">
        <v>20</v>
      </c>
      <c r="AJ31212">
        <v>20</v>
      </c>
      <c r="AK31212">
        <v>20</v>
      </c>
      <c r="AL31212">
        <v>20</v>
      </c>
      <c r="AM31212">
        <v>20</v>
      </c>
      <c r="AN31212">
        <v>20</v>
      </c>
      <c r="AO31212">
        <v>20</v>
      </c>
      <c r="AP31212">
        <v>20</v>
      </c>
      <c r="AQ31212">
        <v>19</v>
      </c>
    </row>
    <row r="31213" spans="1:43">
      <c r="A31213" t="s">
        <v>19335</v>
      </c>
      <c r="B31213" t="s">
        <v>19336</v>
      </c>
      <c r="C31213" t="s">
        <v>19211</v>
      </c>
      <c r="D31213" t="s">
        <v>19212</v>
      </c>
      <c r="E31213" t="s">
        <v>19203</v>
      </c>
      <c r="F31213" t="s">
        <v>19204</v>
      </c>
      <c r="G31213" t="s">
        <v>10734</v>
      </c>
      <c r="H31213" t="s">
        <v>10735</v>
      </c>
      <c r="I31213" s="2">
        <v>0</v>
      </c>
      <c r="J31213" s="2">
        <v>0</v>
      </c>
      <c r="K31213" s="2">
        <v>1</v>
      </c>
      <c r="L31213" t="s">
        <v>995</v>
      </c>
      <c r="M31213" t="s">
        <v>83</v>
      </c>
      <c r="N31213" t="s">
        <v>91</v>
      </c>
      <c r="O31213" t="s">
        <v>85</v>
      </c>
      <c r="P31213" t="s">
        <v>86</v>
      </c>
      <c r="Q31213">
        <v>16</v>
      </c>
      <c r="R31213">
        <v>16</v>
      </c>
      <c r="S31213">
        <v>16</v>
      </c>
      <c r="T31213">
        <v>17</v>
      </c>
      <c r="U31213">
        <v>17</v>
      </c>
      <c r="V31213">
        <v>17</v>
      </c>
      <c r="W31213">
        <v>17</v>
      </c>
      <c r="X31213">
        <v>17</v>
      </c>
      <c r="Y31213">
        <v>17</v>
      </c>
      <c r="Z31213">
        <v>18</v>
      </c>
      <c r="AA31213">
        <v>18</v>
      </c>
      <c r="AB31213">
        <v>18</v>
      </c>
      <c r="AC31213">
        <v>18</v>
      </c>
      <c r="AD31213">
        <v>18</v>
      </c>
      <c r="AE31213">
        <v>19</v>
      </c>
      <c r="AF31213">
        <v>19</v>
      </c>
      <c r="AG31213">
        <v>19</v>
      </c>
      <c r="AH31213">
        <v>19</v>
      </c>
      <c r="AI31213">
        <v>19</v>
      </c>
      <c r="AJ31213">
        <v>19</v>
      </c>
      <c r="AK31213">
        <v>19</v>
      </c>
      <c r="AL31213">
        <v>19</v>
      </c>
      <c r="AM31213">
        <v>19</v>
      </c>
      <c r="AN31213">
        <v>19</v>
      </c>
      <c r="AO31213">
        <v>19</v>
      </c>
      <c r="AP31213">
        <v>19</v>
      </c>
      <c r="AQ31213">
        <v>19</v>
      </c>
    </row>
    <row r="31214" spans="1:43">
      <c r="A31214" t="s">
        <v>19337</v>
      </c>
      <c r="B31214" t="s">
        <v>19338</v>
      </c>
      <c r="C31214" t="s">
        <v>19313</v>
      </c>
      <c r="D31214" t="s">
        <v>19314</v>
      </c>
      <c r="E31214" t="s">
        <v>19203</v>
      </c>
      <c r="F31214" t="s">
        <v>19204</v>
      </c>
      <c r="G31214" t="s">
        <v>10734</v>
      </c>
      <c r="H31214" t="s">
        <v>10735</v>
      </c>
      <c r="I31214" s="2">
        <v>0</v>
      </c>
      <c r="J31214" s="2">
        <v>0</v>
      </c>
      <c r="K31214" s="2">
        <v>1</v>
      </c>
      <c r="L31214" t="s">
        <v>995</v>
      </c>
      <c r="M31214" t="s">
        <v>83</v>
      </c>
      <c r="N31214" t="s">
        <v>84</v>
      </c>
      <c r="O31214" t="s">
        <v>85</v>
      </c>
      <c r="P31214" t="s">
        <v>86</v>
      </c>
      <c r="Q31214">
        <v>56</v>
      </c>
      <c r="R31214">
        <v>57</v>
      </c>
      <c r="S31214">
        <v>58</v>
      </c>
      <c r="T31214">
        <v>58</v>
      </c>
      <c r="U31214">
        <v>59</v>
      </c>
      <c r="V31214">
        <v>60</v>
      </c>
      <c r="W31214">
        <v>60</v>
      </c>
      <c r="X31214">
        <v>61</v>
      </c>
      <c r="Y31214">
        <v>62</v>
      </c>
      <c r="Z31214">
        <v>62</v>
      </c>
      <c r="AA31214">
        <v>63</v>
      </c>
      <c r="AB31214">
        <v>64</v>
      </c>
      <c r="AC31214">
        <v>64</v>
      </c>
      <c r="AD31214">
        <v>65</v>
      </c>
      <c r="AE31214">
        <v>65</v>
      </c>
      <c r="AF31214">
        <v>66</v>
      </c>
      <c r="AG31214">
        <v>67</v>
      </c>
      <c r="AH31214">
        <v>67</v>
      </c>
      <c r="AI31214">
        <v>68</v>
      </c>
      <c r="AJ31214">
        <v>68</v>
      </c>
      <c r="AK31214">
        <v>69</v>
      </c>
      <c r="AL31214">
        <v>69</v>
      </c>
      <c r="AM31214">
        <v>69</v>
      </c>
      <c r="AN31214">
        <v>69</v>
      </c>
      <c r="AO31214">
        <v>68</v>
      </c>
      <c r="AP31214">
        <v>68</v>
      </c>
      <c r="AQ31214">
        <v>68</v>
      </c>
    </row>
    <row r="31215" spans="1:43">
      <c r="A31215" t="s">
        <v>19337</v>
      </c>
      <c r="B31215" t="s">
        <v>19338</v>
      </c>
      <c r="C31215" t="s">
        <v>19313</v>
      </c>
      <c r="D31215" t="s">
        <v>19314</v>
      </c>
      <c r="E31215" t="s">
        <v>19203</v>
      </c>
      <c r="F31215" t="s">
        <v>19204</v>
      </c>
      <c r="G31215" t="s">
        <v>10734</v>
      </c>
      <c r="H31215" t="s">
        <v>10735</v>
      </c>
      <c r="I31215" s="2">
        <v>0</v>
      </c>
      <c r="J31215" s="2">
        <v>0</v>
      </c>
      <c r="K31215" s="2">
        <v>1</v>
      </c>
      <c r="L31215" t="s">
        <v>995</v>
      </c>
      <c r="M31215" t="s">
        <v>87</v>
      </c>
      <c r="N31215" t="s">
        <v>88</v>
      </c>
      <c r="O31215" t="s">
        <v>85</v>
      </c>
      <c r="P31215" t="s">
        <v>86</v>
      </c>
      <c r="Q31215">
        <v>56</v>
      </c>
      <c r="R31215">
        <v>56</v>
      </c>
      <c r="S31215">
        <v>56</v>
      </c>
      <c r="T31215">
        <v>56</v>
      </c>
      <c r="U31215">
        <v>56</v>
      </c>
      <c r="V31215">
        <v>57</v>
      </c>
      <c r="W31215">
        <v>57</v>
      </c>
      <c r="X31215">
        <v>57</v>
      </c>
      <c r="Y31215">
        <v>57</v>
      </c>
      <c r="Z31215">
        <v>57</v>
      </c>
      <c r="AA31215">
        <v>57</v>
      </c>
      <c r="AB31215">
        <v>58</v>
      </c>
      <c r="AC31215">
        <v>58</v>
      </c>
      <c r="AD31215">
        <v>58</v>
      </c>
      <c r="AE31215">
        <v>58</v>
      </c>
      <c r="AF31215">
        <v>58</v>
      </c>
      <c r="AG31215">
        <v>58</v>
      </c>
      <c r="AH31215">
        <v>58</v>
      </c>
      <c r="AI31215">
        <v>58</v>
      </c>
      <c r="AJ31215">
        <v>59</v>
      </c>
      <c r="AK31215">
        <v>59</v>
      </c>
      <c r="AL31215">
        <v>59</v>
      </c>
      <c r="AM31215">
        <v>59</v>
      </c>
      <c r="AN31215">
        <v>59</v>
      </c>
      <c r="AO31215">
        <v>59</v>
      </c>
      <c r="AP31215">
        <v>59</v>
      </c>
      <c r="AQ31215">
        <v>59</v>
      </c>
    </row>
    <row r="31216" spans="1:43">
      <c r="A31216" t="s">
        <v>19337</v>
      </c>
      <c r="B31216" t="s">
        <v>19338</v>
      </c>
      <c r="C31216" t="s">
        <v>19313</v>
      </c>
      <c r="D31216" t="s">
        <v>19314</v>
      </c>
      <c r="E31216" t="s">
        <v>19203</v>
      </c>
      <c r="F31216" t="s">
        <v>19204</v>
      </c>
      <c r="G31216" t="s">
        <v>10734</v>
      </c>
      <c r="H31216" t="s">
        <v>10735</v>
      </c>
      <c r="I31216" s="2">
        <v>0</v>
      </c>
      <c r="J31216" s="2">
        <v>0</v>
      </c>
      <c r="K31216" s="2">
        <v>1</v>
      </c>
      <c r="L31216" t="s">
        <v>995</v>
      </c>
      <c r="M31216" t="s">
        <v>89</v>
      </c>
      <c r="N31216" t="s">
        <v>90</v>
      </c>
      <c r="O31216" t="s">
        <v>85</v>
      </c>
      <c r="P31216" t="s">
        <v>86</v>
      </c>
      <c r="Q31216">
        <v>56</v>
      </c>
      <c r="R31216">
        <v>57</v>
      </c>
      <c r="S31216">
        <v>58</v>
      </c>
      <c r="T31216">
        <v>59</v>
      </c>
      <c r="U31216">
        <v>60</v>
      </c>
      <c r="V31216">
        <v>62</v>
      </c>
      <c r="W31216">
        <v>63</v>
      </c>
      <c r="X31216">
        <v>64</v>
      </c>
      <c r="Y31216">
        <v>64</v>
      </c>
      <c r="Z31216">
        <v>65</v>
      </c>
      <c r="AA31216">
        <v>66</v>
      </c>
      <c r="AB31216">
        <v>67</v>
      </c>
      <c r="AC31216">
        <v>68</v>
      </c>
      <c r="AD31216">
        <v>69</v>
      </c>
      <c r="AE31216">
        <v>69</v>
      </c>
      <c r="AF31216">
        <v>69</v>
      </c>
      <c r="AG31216">
        <v>69</v>
      </c>
      <c r="AH31216">
        <v>69</v>
      </c>
      <c r="AI31216">
        <v>69</v>
      </c>
      <c r="AJ31216">
        <v>69</v>
      </c>
      <c r="AK31216">
        <v>69</v>
      </c>
      <c r="AL31216">
        <v>68</v>
      </c>
      <c r="AM31216">
        <v>68</v>
      </c>
      <c r="AN31216">
        <v>68</v>
      </c>
      <c r="AO31216">
        <v>68</v>
      </c>
      <c r="AP31216">
        <v>68</v>
      </c>
      <c r="AQ31216">
        <v>68</v>
      </c>
    </row>
    <row r="31217" spans="1:43">
      <c r="A31217" t="s">
        <v>19337</v>
      </c>
      <c r="B31217" t="s">
        <v>19338</v>
      </c>
      <c r="C31217" t="s">
        <v>19313</v>
      </c>
      <c r="D31217" t="s">
        <v>19314</v>
      </c>
      <c r="E31217" t="s">
        <v>19203</v>
      </c>
      <c r="F31217" t="s">
        <v>19204</v>
      </c>
      <c r="G31217" t="s">
        <v>10734</v>
      </c>
      <c r="H31217" t="s">
        <v>10735</v>
      </c>
      <c r="I31217" s="2">
        <v>0</v>
      </c>
      <c r="J31217" s="2">
        <v>0</v>
      </c>
      <c r="K31217" s="2">
        <v>1</v>
      </c>
      <c r="L31217" t="s">
        <v>995</v>
      </c>
      <c r="M31217" t="s">
        <v>83</v>
      </c>
      <c r="N31217" t="s">
        <v>91</v>
      </c>
      <c r="O31217" t="s">
        <v>85</v>
      </c>
      <c r="P31217" t="s">
        <v>86</v>
      </c>
      <c r="Q31217">
        <v>56</v>
      </c>
      <c r="R31217">
        <v>57</v>
      </c>
      <c r="S31217">
        <v>58</v>
      </c>
      <c r="T31217">
        <v>58</v>
      </c>
      <c r="U31217">
        <v>59</v>
      </c>
      <c r="V31217">
        <v>60</v>
      </c>
      <c r="W31217">
        <v>60</v>
      </c>
      <c r="X31217">
        <v>61</v>
      </c>
      <c r="Y31217">
        <v>62</v>
      </c>
      <c r="Z31217">
        <v>62</v>
      </c>
      <c r="AA31217">
        <v>63</v>
      </c>
      <c r="AB31217">
        <v>64</v>
      </c>
      <c r="AC31217">
        <v>64</v>
      </c>
      <c r="AD31217">
        <v>65</v>
      </c>
      <c r="AE31217">
        <v>65</v>
      </c>
      <c r="AF31217">
        <v>66</v>
      </c>
      <c r="AG31217">
        <v>67</v>
      </c>
      <c r="AH31217">
        <v>67</v>
      </c>
      <c r="AI31217">
        <v>68</v>
      </c>
      <c r="AJ31217">
        <v>68</v>
      </c>
      <c r="AK31217">
        <v>69</v>
      </c>
      <c r="AL31217">
        <v>69</v>
      </c>
      <c r="AM31217">
        <v>69</v>
      </c>
      <c r="AN31217">
        <v>69</v>
      </c>
      <c r="AO31217">
        <v>68</v>
      </c>
      <c r="AP31217">
        <v>68</v>
      </c>
      <c r="AQ31217">
        <v>68</v>
      </c>
    </row>
    <row r="31218" spans="1:43">
      <c r="A31218" t="s">
        <v>19339</v>
      </c>
      <c r="B31218" t="s">
        <v>19340</v>
      </c>
      <c r="C31218" t="s">
        <v>19317</v>
      </c>
      <c r="D31218" t="s">
        <v>19318</v>
      </c>
      <c r="E31218" t="s">
        <v>19203</v>
      </c>
      <c r="F31218" t="s">
        <v>19204</v>
      </c>
      <c r="G31218" t="s">
        <v>10734</v>
      </c>
      <c r="H31218" t="s">
        <v>10735</v>
      </c>
      <c r="I31218" s="2">
        <v>0</v>
      </c>
      <c r="J31218" s="2">
        <v>0</v>
      </c>
      <c r="K31218" s="2">
        <v>1</v>
      </c>
      <c r="L31218" t="s">
        <v>995</v>
      </c>
      <c r="M31218" t="s">
        <v>83</v>
      </c>
      <c r="N31218" t="s">
        <v>84</v>
      </c>
      <c r="O31218" t="s">
        <v>85</v>
      </c>
      <c r="P31218" t="s">
        <v>86</v>
      </c>
      <c r="Q31218">
        <v>152</v>
      </c>
      <c r="R31218">
        <v>154</v>
      </c>
      <c r="S31218">
        <v>156</v>
      </c>
      <c r="T31218">
        <v>158</v>
      </c>
      <c r="U31218">
        <v>160</v>
      </c>
      <c r="V31218">
        <v>162</v>
      </c>
      <c r="W31218">
        <v>164</v>
      </c>
      <c r="X31218">
        <v>166</v>
      </c>
      <c r="Y31218">
        <v>168</v>
      </c>
      <c r="Z31218">
        <v>170</v>
      </c>
      <c r="AA31218">
        <v>172</v>
      </c>
      <c r="AB31218">
        <v>174</v>
      </c>
      <c r="AC31218">
        <v>176</v>
      </c>
      <c r="AD31218">
        <v>178</v>
      </c>
      <c r="AE31218">
        <v>179</v>
      </c>
      <c r="AF31218">
        <v>181</v>
      </c>
      <c r="AG31218">
        <v>183</v>
      </c>
      <c r="AH31218">
        <v>185</v>
      </c>
      <c r="AI31218">
        <v>186</v>
      </c>
      <c r="AJ31218">
        <v>188</v>
      </c>
      <c r="AK31218">
        <v>190</v>
      </c>
      <c r="AL31218">
        <v>190</v>
      </c>
      <c r="AM31218">
        <v>190</v>
      </c>
      <c r="AN31218">
        <v>191</v>
      </c>
      <c r="AO31218">
        <v>191</v>
      </c>
      <c r="AP31218">
        <v>191</v>
      </c>
      <c r="AQ31218">
        <v>191</v>
      </c>
    </row>
    <row r="31219" spans="1:43">
      <c r="A31219" t="s">
        <v>19339</v>
      </c>
      <c r="B31219" t="s">
        <v>19340</v>
      </c>
      <c r="C31219" t="s">
        <v>19317</v>
      </c>
      <c r="D31219" t="s">
        <v>19318</v>
      </c>
      <c r="E31219" t="s">
        <v>19203</v>
      </c>
      <c r="F31219" t="s">
        <v>19204</v>
      </c>
      <c r="G31219" t="s">
        <v>10734</v>
      </c>
      <c r="H31219" t="s">
        <v>10735</v>
      </c>
      <c r="I31219" s="2">
        <v>0</v>
      </c>
      <c r="J31219" s="2">
        <v>0</v>
      </c>
      <c r="K31219" s="2">
        <v>1</v>
      </c>
      <c r="L31219" t="s">
        <v>995</v>
      </c>
      <c r="M31219" t="s">
        <v>87</v>
      </c>
      <c r="N31219" t="s">
        <v>88</v>
      </c>
      <c r="O31219" t="s">
        <v>85</v>
      </c>
      <c r="P31219" t="s">
        <v>86</v>
      </c>
      <c r="Q31219">
        <v>152</v>
      </c>
      <c r="R31219">
        <v>152</v>
      </c>
      <c r="S31219">
        <v>153</v>
      </c>
      <c r="T31219">
        <v>153</v>
      </c>
      <c r="U31219">
        <v>154</v>
      </c>
      <c r="V31219">
        <v>155</v>
      </c>
      <c r="W31219">
        <v>155</v>
      </c>
      <c r="X31219">
        <v>156</v>
      </c>
      <c r="Y31219">
        <v>157</v>
      </c>
      <c r="Z31219">
        <v>157</v>
      </c>
      <c r="AA31219">
        <v>158</v>
      </c>
      <c r="AB31219">
        <v>158</v>
      </c>
      <c r="AC31219">
        <v>159</v>
      </c>
      <c r="AD31219">
        <v>159</v>
      </c>
      <c r="AE31219">
        <v>160</v>
      </c>
      <c r="AF31219">
        <v>160</v>
      </c>
      <c r="AG31219">
        <v>161</v>
      </c>
      <c r="AH31219">
        <v>161</v>
      </c>
      <c r="AI31219">
        <v>162</v>
      </c>
      <c r="AJ31219">
        <v>163</v>
      </c>
      <c r="AK31219">
        <v>163</v>
      </c>
      <c r="AL31219">
        <v>163</v>
      </c>
      <c r="AM31219">
        <v>164</v>
      </c>
      <c r="AN31219">
        <v>164</v>
      </c>
      <c r="AO31219">
        <v>165</v>
      </c>
      <c r="AP31219">
        <v>165</v>
      </c>
      <c r="AQ31219">
        <v>166</v>
      </c>
    </row>
    <row r="31220" spans="1:43">
      <c r="A31220" t="s">
        <v>19339</v>
      </c>
      <c r="B31220" t="s">
        <v>19340</v>
      </c>
      <c r="C31220" t="s">
        <v>19317</v>
      </c>
      <c r="D31220" t="s">
        <v>19318</v>
      </c>
      <c r="E31220" t="s">
        <v>19203</v>
      </c>
      <c r="F31220" t="s">
        <v>19204</v>
      </c>
      <c r="G31220" t="s">
        <v>10734</v>
      </c>
      <c r="H31220" t="s">
        <v>10735</v>
      </c>
      <c r="I31220" s="2">
        <v>0</v>
      </c>
      <c r="J31220" s="2">
        <v>0</v>
      </c>
      <c r="K31220" s="2">
        <v>1</v>
      </c>
      <c r="L31220" t="s">
        <v>995</v>
      </c>
      <c r="M31220" t="s">
        <v>89</v>
      </c>
      <c r="N31220" t="s">
        <v>90</v>
      </c>
      <c r="O31220" t="s">
        <v>85</v>
      </c>
      <c r="P31220" t="s">
        <v>86</v>
      </c>
      <c r="Q31220">
        <v>152</v>
      </c>
      <c r="R31220">
        <v>156</v>
      </c>
      <c r="S31220">
        <v>159</v>
      </c>
      <c r="T31220">
        <v>162</v>
      </c>
      <c r="U31220">
        <v>166</v>
      </c>
      <c r="V31220">
        <v>169</v>
      </c>
      <c r="W31220">
        <v>172</v>
      </c>
      <c r="X31220">
        <v>175</v>
      </c>
      <c r="Y31220">
        <v>177</v>
      </c>
      <c r="Z31220">
        <v>180</v>
      </c>
      <c r="AA31220">
        <v>182</v>
      </c>
      <c r="AB31220">
        <v>185</v>
      </c>
      <c r="AC31220">
        <v>187</v>
      </c>
      <c r="AD31220">
        <v>190</v>
      </c>
      <c r="AE31220">
        <v>191</v>
      </c>
      <c r="AF31220">
        <v>191</v>
      </c>
      <c r="AG31220">
        <v>192</v>
      </c>
      <c r="AH31220">
        <v>192</v>
      </c>
      <c r="AI31220">
        <v>192</v>
      </c>
      <c r="AJ31220">
        <v>192</v>
      </c>
      <c r="AK31220">
        <v>192</v>
      </c>
      <c r="AL31220">
        <v>192</v>
      </c>
      <c r="AM31220">
        <v>192</v>
      </c>
      <c r="AN31220">
        <v>192</v>
      </c>
      <c r="AO31220">
        <v>192</v>
      </c>
      <c r="AP31220">
        <v>192</v>
      </c>
      <c r="AQ31220">
        <v>192</v>
      </c>
    </row>
    <row r="31221" spans="1:43">
      <c r="A31221" t="s">
        <v>19339</v>
      </c>
      <c r="B31221" t="s">
        <v>19340</v>
      </c>
      <c r="C31221" t="s">
        <v>19317</v>
      </c>
      <c r="D31221" t="s">
        <v>19318</v>
      </c>
      <c r="E31221" t="s">
        <v>19203</v>
      </c>
      <c r="F31221" t="s">
        <v>19204</v>
      </c>
      <c r="G31221" t="s">
        <v>10734</v>
      </c>
      <c r="H31221" t="s">
        <v>10735</v>
      </c>
      <c r="I31221" s="2">
        <v>0</v>
      </c>
      <c r="J31221" s="2">
        <v>0</v>
      </c>
      <c r="K31221" s="2">
        <v>1</v>
      </c>
      <c r="L31221" t="s">
        <v>995</v>
      </c>
      <c r="M31221" t="s">
        <v>83</v>
      </c>
      <c r="N31221" t="s">
        <v>91</v>
      </c>
      <c r="O31221" t="s">
        <v>85</v>
      </c>
      <c r="P31221" t="s">
        <v>86</v>
      </c>
      <c r="Q31221">
        <v>152</v>
      </c>
      <c r="R31221">
        <v>154</v>
      </c>
      <c r="S31221">
        <v>156</v>
      </c>
      <c r="T31221">
        <v>158</v>
      </c>
      <c r="U31221">
        <v>160</v>
      </c>
      <c r="V31221">
        <v>162</v>
      </c>
      <c r="W31221">
        <v>164</v>
      </c>
      <c r="X31221">
        <v>166</v>
      </c>
      <c r="Y31221">
        <v>168</v>
      </c>
      <c r="Z31221">
        <v>170</v>
      </c>
      <c r="AA31221">
        <v>172</v>
      </c>
      <c r="AB31221">
        <v>174</v>
      </c>
      <c r="AC31221">
        <v>176</v>
      </c>
      <c r="AD31221">
        <v>178</v>
      </c>
      <c r="AE31221">
        <v>179</v>
      </c>
      <c r="AF31221">
        <v>181</v>
      </c>
      <c r="AG31221">
        <v>183</v>
      </c>
      <c r="AH31221">
        <v>185</v>
      </c>
      <c r="AI31221">
        <v>186</v>
      </c>
      <c r="AJ31221">
        <v>188</v>
      </c>
      <c r="AK31221">
        <v>190</v>
      </c>
      <c r="AL31221">
        <v>190</v>
      </c>
      <c r="AM31221">
        <v>190</v>
      </c>
      <c r="AN31221">
        <v>191</v>
      </c>
      <c r="AO31221">
        <v>191</v>
      </c>
      <c r="AP31221">
        <v>191</v>
      </c>
      <c r="AQ31221">
        <v>191</v>
      </c>
    </row>
    <row r="31222" spans="1:43">
      <c r="A31222" t="s">
        <v>19341</v>
      </c>
      <c r="B31222" t="s">
        <v>19342</v>
      </c>
      <c r="C31222" t="s">
        <v>19317</v>
      </c>
      <c r="D31222" t="s">
        <v>19318</v>
      </c>
      <c r="E31222" t="s">
        <v>19203</v>
      </c>
      <c r="F31222" t="s">
        <v>19204</v>
      </c>
      <c r="G31222" t="s">
        <v>10734</v>
      </c>
      <c r="H31222" t="s">
        <v>10735</v>
      </c>
      <c r="I31222" s="2">
        <v>0</v>
      </c>
      <c r="J31222" s="2">
        <v>0</v>
      </c>
      <c r="K31222" s="2">
        <v>1</v>
      </c>
      <c r="L31222" t="s">
        <v>995</v>
      </c>
      <c r="M31222" t="s">
        <v>83</v>
      </c>
      <c r="N31222" t="s">
        <v>84</v>
      </c>
      <c r="O31222" t="s">
        <v>85</v>
      </c>
      <c r="P31222" t="s">
        <v>86</v>
      </c>
      <c r="Q31222">
        <v>45</v>
      </c>
      <c r="R31222">
        <v>46</v>
      </c>
      <c r="S31222">
        <v>46</v>
      </c>
      <c r="T31222">
        <v>47</v>
      </c>
      <c r="U31222">
        <v>47</v>
      </c>
      <c r="V31222">
        <v>48</v>
      </c>
      <c r="W31222">
        <v>48</v>
      </c>
      <c r="X31222">
        <v>49</v>
      </c>
      <c r="Y31222">
        <v>50</v>
      </c>
      <c r="Z31222">
        <v>50</v>
      </c>
      <c r="AA31222">
        <v>51</v>
      </c>
      <c r="AB31222">
        <v>51</v>
      </c>
      <c r="AC31222">
        <v>52</v>
      </c>
      <c r="AD31222">
        <v>52</v>
      </c>
      <c r="AE31222">
        <v>52</v>
      </c>
      <c r="AF31222">
        <v>53</v>
      </c>
      <c r="AG31222">
        <v>53</v>
      </c>
      <c r="AH31222">
        <v>54</v>
      </c>
      <c r="AI31222">
        <v>54</v>
      </c>
      <c r="AJ31222">
        <v>55</v>
      </c>
      <c r="AK31222">
        <v>55</v>
      </c>
      <c r="AL31222">
        <v>55</v>
      </c>
      <c r="AM31222">
        <v>55</v>
      </c>
      <c r="AN31222">
        <v>55</v>
      </c>
      <c r="AO31222">
        <v>55</v>
      </c>
      <c r="AP31222">
        <v>55</v>
      </c>
      <c r="AQ31222">
        <v>55</v>
      </c>
    </row>
    <row r="31223" spans="1:43">
      <c r="A31223" t="s">
        <v>19341</v>
      </c>
      <c r="B31223" t="s">
        <v>19342</v>
      </c>
      <c r="C31223" t="s">
        <v>19317</v>
      </c>
      <c r="D31223" t="s">
        <v>19318</v>
      </c>
      <c r="E31223" t="s">
        <v>19203</v>
      </c>
      <c r="F31223" t="s">
        <v>19204</v>
      </c>
      <c r="G31223" t="s">
        <v>10734</v>
      </c>
      <c r="H31223" t="s">
        <v>10735</v>
      </c>
      <c r="I31223" s="2">
        <v>0</v>
      </c>
      <c r="J31223" s="2">
        <v>0</v>
      </c>
      <c r="K31223" s="2">
        <v>1</v>
      </c>
      <c r="L31223" t="s">
        <v>995</v>
      </c>
      <c r="M31223" t="s">
        <v>87</v>
      </c>
      <c r="N31223" t="s">
        <v>88</v>
      </c>
      <c r="O31223" t="s">
        <v>85</v>
      </c>
      <c r="P31223" t="s">
        <v>86</v>
      </c>
      <c r="Q31223">
        <v>45</v>
      </c>
      <c r="R31223">
        <v>45</v>
      </c>
      <c r="S31223">
        <v>45</v>
      </c>
      <c r="T31223">
        <v>45</v>
      </c>
      <c r="U31223">
        <v>45</v>
      </c>
      <c r="V31223">
        <v>45</v>
      </c>
      <c r="W31223">
        <v>46</v>
      </c>
      <c r="X31223">
        <v>46</v>
      </c>
      <c r="Y31223">
        <v>46</v>
      </c>
      <c r="Z31223">
        <v>46</v>
      </c>
      <c r="AA31223">
        <v>46</v>
      </c>
      <c r="AB31223">
        <v>46</v>
      </c>
      <c r="AC31223">
        <v>46</v>
      </c>
      <c r="AD31223">
        <v>46</v>
      </c>
      <c r="AE31223">
        <v>46</v>
      </c>
      <c r="AF31223">
        <v>47</v>
      </c>
      <c r="AG31223">
        <v>47</v>
      </c>
      <c r="AH31223">
        <v>47</v>
      </c>
      <c r="AI31223">
        <v>47</v>
      </c>
      <c r="AJ31223">
        <v>47</v>
      </c>
      <c r="AK31223">
        <v>47</v>
      </c>
      <c r="AL31223">
        <v>47</v>
      </c>
      <c r="AM31223">
        <v>47</v>
      </c>
      <c r="AN31223">
        <v>47</v>
      </c>
      <c r="AO31223">
        <v>47</v>
      </c>
      <c r="AP31223">
        <v>47</v>
      </c>
      <c r="AQ31223">
        <v>48</v>
      </c>
    </row>
    <row r="31224" spans="1:43">
      <c r="A31224" t="s">
        <v>19341</v>
      </c>
      <c r="B31224" t="s">
        <v>19342</v>
      </c>
      <c r="C31224" t="s">
        <v>19317</v>
      </c>
      <c r="D31224" t="s">
        <v>19318</v>
      </c>
      <c r="E31224" t="s">
        <v>19203</v>
      </c>
      <c r="F31224" t="s">
        <v>19204</v>
      </c>
      <c r="G31224" t="s">
        <v>10734</v>
      </c>
      <c r="H31224" t="s">
        <v>10735</v>
      </c>
      <c r="I31224" s="2">
        <v>0</v>
      </c>
      <c r="J31224" s="2">
        <v>0</v>
      </c>
      <c r="K31224" s="2">
        <v>1</v>
      </c>
      <c r="L31224" t="s">
        <v>995</v>
      </c>
      <c r="M31224" t="s">
        <v>89</v>
      </c>
      <c r="N31224" t="s">
        <v>90</v>
      </c>
      <c r="O31224" t="s">
        <v>85</v>
      </c>
      <c r="P31224" t="s">
        <v>86</v>
      </c>
      <c r="Q31224">
        <v>45</v>
      </c>
      <c r="R31224">
        <v>46</v>
      </c>
      <c r="S31224">
        <v>46</v>
      </c>
      <c r="T31224">
        <v>47</v>
      </c>
      <c r="U31224">
        <v>48</v>
      </c>
      <c r="V31224">
        <v>49</v>
      </c>
      <c r="W31224">
        <v>50</v>
      </c>
      <c r="X31224">
        <v>51</v>
      </c>
      <c r="Y31224">
        <v>51</v>
      </c>
      <c r="Z31224">
        <v>52</v>
      </c>
      <c r="AA31224">
        <v>53</v>
      </c>
      <c r="AB31224">
        <v>53</v>
      </c>
      <c r="AC31224">
        <v>54</v>
      </c>
      <c r="AD31224">
        <v>55</v>
      </c>
      <c r="AE31224">
        <v>55</v>
      </c>
      <c r="AF31224">
        <v>55</v>
      </c>
      <c r="AG31224">
        <v>55</v>
      </c>
      <c r="AH31224">
        <v>55</v>
      </c>
      <c r="AI31224">
        <v>55</v>
      </c>
      <c r="AJ31224">
        <v>55</v>
      </c>
      <c r="AK31224">
        <v>55</v>
      </c>
      <c r="AL31224">
        <v>55</v>
      </c>
      <c r="AM31224">
        <v>55</v>
      </c>
      <c r="AN31224">
        <v>54</v>
      </c>
      <c r="AO31224">
        <v>54</v>
      </c>
      <c r="AP31224">
        <v>54</v>
      </c>
      <c r="AQ31224">
        <v>54</v>
      </c>
    </row>
    <row r="31225" spans="1:43">
      <c r="A31225" t="s">
        <v>19341</v>
      </c>
      <c r="B31225" t="s">
        <v>19342</v>
      </c>
      <c r="C31225" t="s">
        <v>19317</v>
      </c>
      <c r="D31225" t="s">
        <v>19318</v>
      </c>
      <c r="E31225" t="s">
        <v>19203</v>
      </c>
      <c r="F31225" t="s">
        <v>19204</v>
      </c>
      <c r="G31225" t="s">
        <v>10734</v>
      </c>
      <c r="H31225" t="s">
        <v>10735</v>
      </c>
      <c r="I31225" s="2">
        <v>0</v>
      </c>
      <c r="J31225" s="2">
        <v>0</v>
      </c>
      <c r="K31225" s="2">
        <v>1</v>
      </c>
      <c r="L31225" t="s">
        <v>995</v>
      </c>
      <c r="M31225" t="s">
        <v>83</v>
      </c>
      <c r="N31225" t="s">
        <v>91</v>
      </c>
      <c r="O31225" t="s">
        <v>85</v>
      </c>
      <c r="P31225" t="s">
        <v>86</v>
      </c>
      <c r="Q31225">
        <v>45</v>
      </c>
      <c r="R31225">
        <v>46</v>
      </c>
      <c r="S31225">
        <v>46</v>
      </c>
      <c r="T31225">
        <v>47</v>
      </c>
      <c r="U31225">
        <v>47</v>
      </c>
      <c r="V31225">
        <v>48</v>
      </c>
      <c r="W31225">
        <v>48</v>
      </c>
      <c r="X31225">
        <v>49</v>
      </c>
      <c r="Y31225">
        <v>50</v>
      </c>
      <c r="Z31225">
        <v>50</v>
      </c>
      <c r="AA31225">
        <v>51</v>
      </c>
      <c r="AB31225">
        <v>51</v>
      </c>
      <c r="AC31225">
        <v>52</v>
      </c>
      <c r="AD31225">
        <v>52</v>
      </c>
      <c r="AE31225">
        <v>52</v>
      </c>
      <c r="AF31225">
        <v>53</v>
      </c>
      <c r="AG31225">
        <v>53</v>
      </c>
      <c r="AH31225">
        <v>54</v>
      </c>
      <c r="AI31225">
        <v>54</v>
      </c>
      <c r="AJ31225">
        <v>55</v>
      </c>
      <c r="AK31225">
        <v>55</v>
      </c>
      <c r="AL31225">
        <v>55</v>
      </c>
      <c r="AM31225">
        <v>55</v>
      </c>
      <c r="AN31225">
        <v>55</v>
      </c>
      <c r="AO31225">
        <v>55</v>
      </c>
      <c r="AP31225">
        <v>55</v>
      </c>
      <c r="AQ31225">
        <v>55</v>
      </c>
    </row>
    <row r="31226" spans="1:43">
      <c r="A31226" t="s">
        <v>19343</v>
      </c>
      <c r="B31226" t="s">
        <v>19344</v>
      </c>
      <c r="C31226" t="s">
        <v>19317</v>
      </c>
      <c r="D31226" t="s">
        <v>19318</v>
      </c>
      <c r="E31226" t="s">
        <v>19203</v>
      </c>
      <c r="F31226" t="s">
        <v>19204</v>
      </c>
      <c r="G31226" t="s">
        <v>10734</v>
      </c>
      <c r="H31226" t="s">
        <v>10735</v>
      </c>
      <c r="I31226" s="2">
        <v>0</v>
      </c>
      <c r="J31226" s="2">
        <v>0</v>
      </c>
      <c r="K31226" s="2">
        <v>1</v>
      </c>
      <c r="L31226" t="s">
        <v>995</v>
      </c>
      <c r="M31226" t="s">
        <v>83</v>
      </c>
      <c r="N31226" t="s">
        <v>84</v>
      </c>
      <c r="O31226" t="s">
        <v>85</v>
      </c>
      <c r="P31226" t="s">
        <v>86</v>
      </c>
      <c r="Q31226">
        <v>179</v>
      </c>
      <c r="R31226">
        <v>181</v>
      </c>
      <c r="S31226">
        <v>184</v>
      </c>
      <c r="T31226">
        <v>186</v>
      </c>
      <c r="U31226">
        <v>188</v>
      </c>
      <c r="V31226">
        <v>191</v>
      </c>
      <c r="W31226">
        <v>193</v>
      </c>
      <c r="X31226">
        <v>196</v>
      </c>
      <c r="Y31226">
        <v>198</v>
      </c>
      <c r="Z31226">
        <v>200</v>
      </c>
      <c r="AA31226">
        <v>203</v>
      </c>
      <c r="AB31226">
        <v>205</v>
      </c>
      <c r="AC31226">
        <v>207</v>
      </c>
      <c r="AD31226">
        <v>209</v>
      </c>
      <c r="AE31226">
        <v>211</v>
      </c>
      <c r="AF31226">
        <v>213</v>
      </c>
      <c r="AG31226">
        <v>215</v>
      </c>
      <c r="AH31226">
        <v>217</v>
      </c>
      <c r="AI31226">
        <v>219</v>
      </c>
      <c r="AJ31226">
        <v>221</v>
      </c>
      <c r="AK31226">
        <v>223</v>
      </c>
      <c r="AL31226">
        <v>224</v>
      </c>
      <c r="AM31226">
        <v>224</v>
      </c>
      <c r="AN31226">
        <v>224</v>
      </c>
      <c r="AO31226">
        <v>225</v>
      </c>
      <c r="AP31226">
        <v>225</v>
      </c>
      <c r="AQ31226">
        <v>225</v>
      </c>
    </row>
    <row r="31227" spans="1:43">
      <c r="A31227" t="s">
        <v>19343</v>
      </c>
      <c r="B31227" t="s">
        <v>19344</v>
      </c>
      <c r="C31227" t="s">
        <v>19317</v>
      </c>
      <c r="D31227" t="s">
        <v>19318</v>
      </c>
      <c r="E31227" t="s">
        <v>19203</v>
      </c>
      <c r="F31227" t="s">
        <v>19204</v>
      </c>
      <c r="G31227" t="s">
        <v>10734</v>
      </c>
      <c r="H31227" t="s">
        <v>10735</v>
      </c>
      <c r="I31227" s="2">
        <v>0</v>
      </c>
      <c r="J31227" s="2">
        <v>0</v>
      </c>
      <c r="K31227" s="2">
        <v>1</v>
      </c>
      <c r="L31227" t="s">
        <v>995</v>
      </c>
      <c r="M31227" t="s">
        <v>87</v>
      </c>
      <c r="N31227" t="s">
        <v>88</v>
      </c>
      <c r="O31227" t="s">
        <v>85</v>
      </c>
      <c r="P31227" t="s">
        <v>86</v>
      </c>
      <c r="Q31227">
        <v>179</v>
      </c>
      <c r="R31227">
        <v>180</v>
      </c>
      <c r="S31227">
        <v>181</v>
      </c>
      <c r="T31227">
        <v>181</v>
      </c>
      <c r="U31227">
        <v>182</v>
      </c>
      <c r="V31227">
        <v>183</v>
      </c>
      <c r="W31227">
        <v>184</v>
      </c>
      <c r="X31227">
        <v>184</v>
      </c>
      <c r="Y31227">
        <v>185</v>
      </c>
      <c r="Z31227">
        <v>186</v>
      </c>
      <c r="AA31227">
        <v>186</v>
      </c>
      <c r="AB31227">
        <v>187</v>
      </c>
      <c r="AC31227">
        <v>188</v>
      </c>
      <c r="AD31227">
        <v>188</v>
      </c>
      <c r="AE31227">
        <v>189</v>
      </c>
      <c r="AF31227">
        <v>190</v>
      </c>
      <c r="AG31227">
        <v>190</v>
      </c>
      <c r="AH31227">
        <v>191</v>
      </c>
      <c r="AI31227">
        <v>192</v>
      </c>
      <c r="AJ31227">
        <v>192</v>
      </c>
      <c r="AK31227">
        <v>193</v>
      </c>
      <c r="AL31227">
        <v>193</v>
      </c>
      <c r="AM31227">
        <v>194</v>
      </c>
      <c r="AN31227">
        <v>195</v>
      </c>
      <c r="AO31227">
        <v>195</v>
      </c>
      <c r="AP31227">
        <v>196</v>
      </c>
      <c r="AQ31227">
        <v>196</v>
      </c>
    </row>
    <row r="31228" spans="1:43">
      <c r="A31228" t="s">
        <v>19343</v>
      </c>
      <c r="B31228" t="s">
        <v>19344</v>
      </c>
      <c r="C31228" t="s">
        <v>19317</v>
      </c>
      <c r="D31228" t="s">
        <v>19318</v>
      </c>
      <c r="E31228" t="s">
        <v>19203</v>
      </c>
      <c r="F31228" t="s">
        <v>19204</v>
      </c>
      <c r="G31228" t="s">
        <v>10734</v>
      </c>
      <c r="H31228" t="s">
        <v>10735</v>
      </c>
      <c r="I31228" s="2">
        <v>0</v>
      </c>
      <c r="J31228" s="2">
        <v>0</v>
      </c>
      <c r="K31228" s="2">
        <v>1</v>
      </c>
      <c r="L31228" t="s">
        <v>995</v>
      </c>
      <c r="M31228" t="s">
        <v>89</v>
      </c>
      <c r="N31228" t="s">
        <v>90</v>
      </c>
      <c r="O31228" t="s">
        <v>85</v>
      </c>
      <c r="P31228" t="s">
        <v>86</v>
      </c>
      <c r="Q31228">
        <v>179</v>
      </c>
      <c r="R31228">
        <v>183</v>
      </c>
      <c r="S31228">
        <v>187</v>
      </c>
      <c r="T31228">
        <v>191</v>
      </c>
      <c r="U31228">
        <v>195</v>
      </c>
      <c r="V31228">
        <v>199</v>
      </c>
      <c r="W31228">
        <v>202</v>
      </c>
      <c r="X31228">
        <v>205</v>
      </c>
      <c r="Y31228">
        <v>209</v>
      </c>
      <c r="Z31228">
        <v>212</v>
      </c>
      <c r="AA31228">
        <v>215</v>
      </c>
      <c r="AB31228">
        <v>217</v>
      </c>
      <c r="AC31228">
        <v>221</v>
      </c>
      <c r="AD31228">
        <v>223</v>
      </c>
      <c r="AE31228">
        <v>225</v>
      </c>
      <c r="AF31228">
        <v>226</v>
      </c>
      <c r="AG31228">
        <v>226</v>
      </c>
      <c r="AH31228">
        <v>226</v>
      </c>
      <c r="AI31228">
        <v>226</v>
      </c>
      <c r="AJ31228">
        <v>226</v>
      </c>
      <c r="AK31228">
        <v>226</v>
      </c>
      <c r="AL31228">
        <v>227</v>
      </c>
      <c r="AM31228">
        <v>227</v>
      </c>
      <c r="AN31228">
        <v>227</v>
      </c>
      <c r="AO31228">
        <v>227</v>
      </c>
      <c r="AP31228">
        <v>227</v>
      </c>
      <c r="AQ31228">
        <v>227</v>
      </c>
    </row>
    <row r="31229" spans="1:43">
      <c r="A31229" t="s">
        <v>19343</v>
      </c>
      <c r="B31229" t="s">
        <v>19344</v>
      </c>
      <c r="C31229" t="s">
        <v>19317</v>
      </c>
      <c r="D31229" t="s">
        <v>19318</v>
      </c>
      <c r="E31229" t="s">
        <v>19203</v>
      </c>
      <c r="F31229" t="s">
        <v>19204</v>
      </c>
      <c r="G31229" t="s">
        <v>10734</v>
      </c>
      <c r="H31229" t="s">
        <v>10735</v>
      </c>
      <c r="I31229" s="2">
        <v>0</v>
      </c>
      <c r="J31229" s="2">
        <v>0</v>
      </c>
      <c r="K31229" s="2">
        <v>1</v>
      </c>
      <c r="L31229" t="s">
        <v>995</v>
      </c>
      <c r="M31229" t="s">
        <v>83</v>
      </c>
      <c r="N31229" t="s">
        <v>91</v>
      </c>
      <c r="O31229" t="s">
        <v>85</v>
      </c>
      <c r="P31229" t="s">
        <v>86</v>
      </c>
      <c r="Q31229">
        <v>179</v>
      </c>
      <c r="R31229">
        <v>181</v>
      </c>
      <c r="S31229">
        <v>184</v>
      </c>
      <c r="T31229">
        <v>186</v>
      </c>
      <c r="U31229">
        <v>188</v>
      </c>
      <c r="V31229">
        <v>191</v>
      </c>
      <c r="W31229">
        <v>193</v>
      </c>
      <c r="X31229">
        <v>196</v>
      </c>
      <c r="Y31229">
        <v>198</v>
      </c>
      <c r="Z31229">
        <v>200</v>
      </c>
      <c r="AA31229">
        <v>203</v>
      </c>
      <c r="AB31229">
        <v>205</v>
      </c>
      <c r="AC31229">
        <v>207</v>
      </c>
      <c r="AD31229">
        <v>209</v>
      </c>
      <c r="AE31229">
        <v>211</v>
      </c>
      <c r="AF31229">
        <v>213</v>
      </c>
      <c r="AG31229">
        <v>215</v>
      </c>
      <c r="AH31229">
        <v>217</v>
      </c>
      <c r="AI31229">
        <v>219</v>
      </c>
      <c r="AJ31229">
        <v>221</v>
      </c>
      <c r="AK31229">
        <v>223</v>
      </c>
      <c r="AL31229">
        <v>224</v>
      </c>
      <c r="AM31229">
        <v>224</v>
      </c>
      <c r="AN31229">
        <v>224</v>
      </c>
      <c r="AO31229">
        <v>225</v>
      </c>
      <c r="AP31229">
        <v>225</v>
      </c>
      <c r="AQ31229">
        <v>225</v>
      </c>
    </row>
    <row r="31230" spans="1:43">
      <c r="A31230" t="s">
        <v>19345</v>
      </c>
      <c r="B31230" t="s">
        <v>19346</v>
      </c>
      <c r="C31230" t="s">
        <v>19285</v>
      </c>
      <c r="D31230" t="s">
        <v>19286</v>
      </c>
      <c r="E31230" t="s">
        <v>19203</v>
      </c>
      <c r="F31230" t="s">
        <v>19204</v>
      </c>
      <c r="G31230" t="s">
        <v>10734</v>
      </c>
      <c r="H31230" t="s">
        <v>10735</v>
      </c>
      <c r="I31230" s="2">
        <v>0</v>
      </c>
      <c r="J31230" s="2">
        <v>0</v>
      </c>
      <c r="K31230" s="2">
        <v>1</v>
      </c>
      <c r="L31230" t="s">
        <v>995</v>
      </c>
      <c r="M31230" t="s">
        <v>83</v>
      </c>
      <c r="N31230" t="s">
        <v>84</v>
      </c>
      <c r="O31230" t="s">
        <v>85</v>
      </c>
      <c r="P31230" t="s">
        <v>86</v>
      </c>
      <c r="Q31230">
        <v>48</v>
      </c>
      <c r="R31230">
        <v>48</v>
      </c>
      <c r="S31230">
        <v>49</v>
      </c>
      <c r="T31230">
        <v>49</v>
      </c>
      <c r="U31230">
        <v>50</v>
      </c>
      <c r="V31230">
        <v>51</v>
      </c>
      <c r="W31230">
        <v>51</v>
      </c>
      <c r="X31230">
        <v>52</v>
      </c>
      <c r="Y31230">
        <v>52</v>
      </c>
      <c r="Z31230">
        <v>53</v>
      </c>
      <c r="AA31230">
        <v>54</v>
      </c>
      <c r="AB31230">
        <v>54</v>
      </c>
      <c r="AC31230">
        <v>55</v>
      </c>
      <c r="AD31230">
        <v>55</v>
      </c>
      <c r="AE31230">
        <v>56</v>
      </c>
      <c r="AF31230">
        <v>56</v>
      </c>
      <c r="AG31230">
        <v>57</v>
      </c>
      <c r="AH31230">
        <v>57</v>
      </c>
      <c r="AI31230">
        <v>57</v>
      </c>
      <c r="AJ31230">
        <v>58</v>
      </c>
      <c r="AK31230">
        <v>58</v>
      </c>
      <c r="AL31230">
        <v>59</v>
      </c>
      <c r="AM31230">
        <v>58</v>
      </c>
      <c r="AN31230">
        <v>58</v>
      </c>
      <c r="AO31230">
        <v>58</v>
      </c>
      <c r="AP31230">
        <v>58</v>
      </c>
      <c r="AQ31230">
        <v>58</v>
      </c>
    </row>
    <row r="31231" spans="1:43">
      <c r="A31231" t="s">
        <v>19345</v>
      </c>
      <c r="B31231" t="s">
        <v>19346</v>
      </c>
      <c r="C31231" t="s">
        <v>19285</v>
      </c>
      <c r="D31231" t="s">
        <v>19286</v>
      </c>
      <c r="E31231" t="s">
        <v>19203</v>
      </c>
      <c r="F31231" t="s">
        <v>19204</v>
      </c>
      <c r="G31231" t="s">
        <v>10734</v>
      </c>
      <c r="H31231" t="s">
        <v>10735</v>
      </c>
      <c r="I31231" s="2">
        <v>0</v>
      </c>
      <c r="J31231" s="2">
        <v>0</v>
      </c>
      <c r="K31231" s="2">
        <v>1</v>
      </c>
      <c r="L31231" t="s">
        <v>995</v>
      </c>
      <c r="M31231" t="s">
        <v>87</v>
      </c>
      <c r="N31231" t="s">
        <v>88</v>
      </c>
      <c r="O31231" t="s">
        <v>85</v>
      </c>
      <c r="P31231" t="s">
        <v>86</v>
      </c>
      <c r="Q31231">
        <v>48</v>
      </c>
      <c r="R31231">
        <v>48</v>
      </c>
      <c r="S31231">
        <v>48</v>
      </c>
      <c r="T31231">
        <v>49</v>
      </c>
      <c r="U31231">
        <v>49</v>
      </c>
      <c r="V31231">
        <v>49</v>
      </c>
      <c r="W31231">
        <v>49</v>
      </c>
      <c r="X31231">
        <v>49</v>
      </c>
      <c r="Y31231">
        <v>49</v>
      </c>
      <c r="Z31231">
        <v>50</v>
      </c>
      <c r="AA31231">
        <v>50</v>
      </c>
      <c r="AB31231">
        <v>50</v>
      </c>
      <c r="AC31231">
        <v>50</v>
      </c>
      <c r="AD31231">
        <v>50</v>
      </c>
      <c r="AE31231">
        <v>50</v>
      </c>
      <c r="AF31231">
        <v>50</v>
      </c>
      <c r="AG31231">
        <v>51</v>
      </c>
      <c r="AH31231">
        <v>51</v>
      </c>
      <c r="AI31231">
        <v>51</v>
      </c>
      <c r="AJ31231">
        <v>51</v>
      </c>
      <c r="AK31231">
        <v>51</v>
      </c>
      <c r="AL31231">
        <v>51</v>
      </c>
      <c r="AM31231">
        <v>51</v>
      </c>
      <c r="AN31231">
        <v>51</v>
      </c>
      <c r="AO31231">
        <v>51</v>
      </c>
      <c r="AP31231">
        <v>52</v>
      </c>
      <c r="AQ31231">
        <v>52</v>
      </c>
    </row>
    <row r="31232" spans="1:43">
      <c r="A31232" t="s">
        <v>19345</v>
      </c>
      <c r="B31232" t="s">
        <v>19346</v>
      </c>
      <c r="C31232" t="s">
        <v>19285</v>
      </c>
      <c r="D31232" t="s">
        <v>19286</v>
      </c>
      <c r="E31232" t="s">
        <v>19203</v>
      </c>
      <c r="F31232" t="s">
        <v>19204</v>
      </c>
      <c r="G31232" t="s">
        <v>10734</v>
      </c>
      <c r="H31232" t="s">
        <v>10735</v>
      </c>
      <c r="I31232" s="2">
        <v>0</v>
      </c>
      <c r="J31232" s="2">
        <v>0</v>
      </c>
      <c r="K31232" s="2">
        <v>1</v>
      </c>
      <c r="L31232" t="s">
        <v>995</v>
      </c>
      <c r="M31232" t="s">
        <v>89</v>
      </c>
      <c r="N31232" t="s">
        <v>90</v>
      </c>
      <c r="O31232" t="s">
        <v>85</v>
      </c>
      <c r="P31232" t="s">
        <v>86</v>
      </c>
      <c r="Q31232">
        <v>48</v>
      </c>
      <c r="R31232">
        <v>49</v>
      </c>
      <c r="S31232">
        <v>50</v>
      </c>
      <c r="T31232">
        <v>51</v>
      </c>
      <c r="U31232">
        <v>52</v>
      </c>
      <c r="V31232">
        <v>53</v>
      </c>
      <c r="W31232">
        <v>54</v>
      </c>
      <c r="X31232">
        <v>55</v>
      </c>
      <c r="Y31232">
        <v>55</v>
      </c>
      <c r="Z31232">
        <v>56</v>
      </c>
      <c r="AA31232">
        <v>57</v>
      </c>
      <c r="AB31232">
        <v>58</v>
      </c>
      <c r="AC31232">
        <v>58</v>
      </c>
      <c r="AD31232">
        <v>59</v>
      </c>
      <c r="AE31232">
        <v>59</v>
      </c>
      <c r="AF31232">
        <v>59</v>
      </c>
      <c r="AG31232">
        <v>59</v>
      </c>
      <c r="AH31232">
        <v>59</v>
      </c>
      <c r="AI31232">
        <v>59</v>
      </c>
      <c r="AJ31232">
        <v>59</v>
      </c>
      <c r="AK31232">
        <v>59</v>
      </c>
      <c r="AL31232">
        <v>59</v>
      </c>
      <c r="AM31232">
        <v>59</v>
      </c>
      <c r="AN31232">
        <v>59</v>
      </c>
      <c r="AO31232">
        <v>59</v>
      </c>
      <c r="AP31232">
        <v>59</v>
      </c>
      <c r="AQ31232">
        <v>59</v>
      </c>
    </row>
    <row r="31233" spans="1:43">
      <c r="A31233" t="s">
        <v>19345</v>
      </c>
      <c r="B31233" t="s">
        <v>19346</v>
      </c>
      <c r="C31233" t="s">
        <v>19285</v>
      </c>
      <c r="D31233" t="s">
        <v>19286</v>
      </c>
      <c r="E31233" t="s">
        <v>19203</v>
      </c>
      <c r="F31233" t="s">
        <v>19204</v>
      </c>
      <c r="G31233" t="s">
        <v>10734</v>
      </c>
      <c r="H31233" t="s">
        <v>10735</v>
      </c>
      <c r="I31233" s="2">
        <v>0</v>
      </c>
      <c r="J31233" s="2">
        <v>0</v>
      </c>
      <c r="K31233" s="2">
        <v>1</v>
      </c>
      <c r="L31233" t="s">
        <v>995</v>
      </c>
      <c r="M31233" t="s">
        <v>83</v>
      </c>
      <c r="N31233" t="s">
        <v>91</v>
      </c>
      <c r="O31233" t="s">
        <v>85</v>
      </c>
      <c r="P31233" t="s">
        <v>86</v>
      </c>
      <c r="Q31233">
        <v>48</v>
      </c>
      <c r="R31233">
        <v>48</v>
      </c>
      <c r="S31233">
        <v>49</v>
      </c>
      <c r="T31233">
        <v>49</v>
      </c>
      <c r="U31233">
        <v>50</v>
      </c>
      <c r="V31233">
        <v>51</v>
      </c>
      <c r="W31233">
        <v>51</v>
      </c>
      <c r="X31233">
        <v>52</v>
      </c>
      <c r="Y31233">
        <v>52</v>
      </c>
      <c r="Z31233">
        <v>53</v>
      </c>
      <c r="AA31233">
        <v>54</v>
      </c>
      <c r="AB31233">
        <v>54</v>
      </c>
      <c r="AC31233">
        <v>55</v>
      </c>
      <c r="AD31233">
        <v>55</v>
      </c>
      <c r="AE31233">
        <v>56</v>
      </c>
      <c r="AF31233">
        <v>56</v>
      </c>
      <c r="AG31233">
        <v>57</v>
      </c>
      <c r="AH31233">
        <v>57</v>
      </c>
      <c r="AI31233">
        <v>57</v>
      </c>
      <c r="AJ31233">
        <v>58</v>
      </c>
      <c r="AK31233">
        <v>58</v>
      </c>
      <c r="AL31233">
        <v>59</v>
      </c>
      <c r="AM31233">
        <v>58</v>
      </c>
      <c r="AN31233">
        <v>58</v>
      </c>
      <c r="AO31233">
        <v>58</v>
      </c>
      <c r="AP31233">
        <v>58</v>
      </c>
      <c r="AQ31233">
        <v>58</v>
      </c>
    </row>
    <row r="31234" spans="1:43">
      <c r="A31234" t="s">
        <v>19347</v>
      </c>
      <c r="B31234" t="s">
        <v>19348</v>
      </c>
      <c r="C31234" t="s">
        <v>19227</v>
      </c>
      <c r="D31234" t="s">
        <v>19228</v>
      </c>
      <c r="E31234" t="s">
        <v>19203</v>
      </c>
      <c r="F31234" t="s">
        <v>19204</v>
      </c>
      <c r="G31234" t="s">
        <v>10734</v>
      </c>
      <c r="H31234" t="s">
        <v>10735</v>
      </c>
      <c r="I31234" s="2">
        <v>0</v>
      </c>
      <c r="J31234" s="2">
        <v>0</v>
      </c>
      <c r="K31234" s="2">
        <v>1</v>
      </c>
      <c r="L31234" t="s">
        <v>995</v>
      </c>
      <c r="M31234" t="s">
        <v>83</v>
      </c>
      <c r="N31234" t="s">
        <v>84</v>
      </c>
      <c r="O31234" t="s">
        <v>85</v>
      </c>
      <c r="P31234" t="s">
        <v>86</v>
      </c>
      <c r="Q31234">
        <v>23</v>
      </c>
      <c r="R31234">
        <v>23</v>
      </c>
      <c r="S31234">
        <v>24</v>
      </c>
      <c r="T31234">
        <v>24</v>
      </c>
      <c r="U31234">
        <v>24</v>
      </c>
      <c r="V31234">
        <v>25</v>
      </c>
      <c r="W31234">
        <v>25</v>
      </c>
      <c r="X31234">
        <v>25</v>
      </c>
      <c r="Y31234">
        <v>25</v>
      </c>
      <c r="Z31234">
        <v>26</v>
      </c>
      <c r="AA31234">
        <v>26</v>
      </c>
      <c r="AB31234">
        <v>26</v>
      </c>
      <c r="AC31234">
        <v>26</v>
      </c>
      <c r="AD31234">
        <v>27</v>
      </c>
      <c r="AE31234">
        <v>27</v>
      </c>
      <c r="AF31234">
        <v>27</v>
      </c>
      <c r="AG31234">
        <v>27</v>
      </c>
      <c r="AH31234">
        <v>28</v>
      </c>
      <c r="AI31234">
        <v>28</v>
      </c>
      <c r="AJ31234">
        <v>28</v>
      </c>
      <c r="AK31234">
        <v>28</v>
      </c>
      <c r="AL31234">
        <v>28</v>
      </c>
      <c r="AM31234">
        <v>28</v>
      </c>
      <c r="AN31234">
        <v>28</v>
      </c>
      <c r="AO31234">
        <v>28</v>
      </c>
      <c r="AP31234">
        <v>28</v>
      </c>
      <c r="AQ31234">
        <v>28</v>
      </c>
    </row>
    <row r="31235" spans="1:43">
      <c r="A31235" t="s">
        <v>19347</v>
      </c>
      <c r="B31235" t="s">
        <v>19348</v>
      </c>
      <c r="C31235" t="s">
        <v>19227</v>
      </c>
      <c r="D31235" t="s">
        <v>19228</v>
      </c>
      <c r="E31235" t="s">
        <v>19203</v>
      </c>
      <c r="F31235" t="s">
        <v>19204</v>
      </c>
      <c r="G31235" t="s">
        <v>10734</v>
      </c>
      <c r="H31235" t="s">
        <v>10735</v>
      </c>
      <c r="I31235" s="2">
        <v>0</v>
      </c>
      <c r="J31235" s="2">
        <v>0</v>
      </c>
      <c r="K31235" s="2">
        <v>1</v>
      </c>
      <c r="L31235" t="s">
        <v>995</v>
      </c>
      <c r="M31235" t="s">
        <v>87</v>
      </c>
      <c r="N31235" t="s">
        <v>88</v>
      </c>
      <c r="O31235" t="s">
        <v>85</v>
      </c>
      <c r="P31235" t="s">
        <v>86</v>
      </c>
      <c r="Q31235">
        <v>23</v>
      </c>
      <c r="R31235">
        <v>23</v>
      </c>
      <c r="S31235">
        <v>23</v>
      </c>
      <c r="T31235">
        <v>23</v>
      </c>
      <c r="U31235">
        <v>23</v>
      </c>
      <c r="V31235">
        <v>23</v>
      </c>
      <c r="W31235">
        <v>23</v>
      </c>
      <c r="X31235">
        <v>23</v>
      </c>
      <c r="Y31235">
        <v>23</v>
      </c>
      <c r="Z31235">
        <v>24</v>
      </c>
      <c r="AA31235">
        <v>24</v>
      </c>
      <c r="AB31235">
        <v>24</v>
      </c>
      <c r="AC31235">
        <v>24</v>
      </c>
      <c r="AD31235">
        <v>24</v>
      </c>
      <c r="AE31235">
        <v>24</v>
      </c>
      <c r="AF31235">
        <v>24</v>
      </c>
      <c r="AG31235">
        <v>24</v>
      </c>
      <c r="AH31235">
        <v>24</v>
      </c>
      <c r="AI31235">
        <v>24</v>
      </c>
      <c r="AJ31235">
        <v>24</v>
      </c>
      <c r="AK31235">
        <v>24</v>
      </c>
      <c r="AL31235">
        <v>24</v>
      </c>
      <c r="AM31235">
        <v>24</v>
      </c>
      <c r="AN31235">
        <v>24</v>
      </c>
      <c r="AO31235">
        <v>24</v>
      </c>
      <c r="AP31235">
        <v>24</v>
      </c>
      <c r="AQ31235">
        <v>25</v>
      </c>
    </row>
    <row r="31236" spans="1:43">
      <c r="A31236" t="s">
        <v>19347</v>
      </c>
      <c r="B31236" t="s">
        <v>19348</v>
      </c>
      <c r="C31236" t="s">
        <v>19227</v>
      </c>
      <c r="D31236" t="s">
        <v>19228</v>
      </c>
      <c r="E31236" t="s">
        <v>19203</v>
      </c>
      <c r="F31236" t="s">
        <v>19204</v>
      </c>
      <c r="G31236" t="s">
        <v>10734</v>
      </c>
      <c r="H31236" t="s">
        <v>10735</v>
      </c>
      <c r="I31236" s="2">
        <v>0</v>
      </c>
      <c r="J31236" s="2">
        <v>0</v>
      </c>
      <c r="K31236" s="2">
        <v>1</v>
      </c>
      <c r="L31236" t="s">
        <v>995</v>
      </c>
      <c r="M31236" t="s">
        <v>89</v>
      </c>
      <c r="N31236" t="s">
        <v>90</v>
      </c>
      <c r="O31236" t="s">
        <v>85</v>
      </c>
      <c r="P31236" t="s">
        <v>86</v>
      </c>
      <c r="Q31236">
        <v>23</v>
      </c>
      <c r="R31236">
        <v>24</v>
      </c>
      <c r="S31236">
        <v>24</v>
      </c>
      <c r="T31236">
        <v>25</v>
      </c>
      <c r="U31236">
        <v>25</v>
      </c>
      <c r="V31236">
        <v>26</v>
      </c>
      <c r="W31236">
        <v>26</v>
      </c>
      <c r="X31236">
        <v>26</v>
      </c>
      <c r="Y31236">
        <v>27</v>
      </c>
      <c r="Z31236">
        <v>27</v>
      </c>
      <c r="AA31236">
        <v>28</v>
      </c>
      <c r="AB31236">
        <v>28</v>
      </c>
      <c r="AC31236">
        <v>28</v>
      </c>
      <c r="AD31236">
        <v>29</v>
      </c>
      <c r="AE31236">
        <v>29</v>
      </c>
      <c r="AF31236">
        <v>29</v>
      </c>
      <c r="AG31236">
        <v>29</v>
      </c>
      <c r="AH31236">
        <v>29</v>
      </c>
      <c r="AI31236">
        <v>29</v>
      </c>
      <c r="AJ31236">
        <v>29</v>
      </c>
      <c r="AK31236">
        <v>29</v>
      </c>
      <c r="AL31236">
        <v>29</v>
      </c>
      <c r="AM31236">
        <v>29</v>
      </c>
      <c r="AN31236">
        <v>29</v>
      </c>
      <c r="AO31236">
        <v>29</v>
      </c>
      <c r="AP31236">
        <v>29</v>
      </c>
      <c r="AQ31236">
        <v>29</v>
      </c>
    </row>
    <row r="31237" spans="1:43">
      <c r="A31237" t="s">
        <v>19347</v>
      </c>
      <c r="B31237" t="s">
        <v>19348</v>
      </c>
      <c r="C31237" t="s">
        <v>19227</v>
      </c>
      <c r="D31237" t="s">
        <v>19228</v>
      </c>
      <c r="E31237" t="s">
        <v>19203</v>
      </c>
      <c r="F31237" t="s">
        <v>19204</v>
      </c>
      <c r="G31237" t="s">
        <v>10734</v>
      </c>
      <c r="H31237" t="s">
        <v>10735</v>
      </c>
      <c r="I31237" s="2">
        <v>0</v>
      </c>
      <c r="J31237" s="2">
        <v>0</v>
      </c>
      <c r="K31237" s="2">
        <v>1</v>
      </c>
      <c r="L31237" t="s">
        <v>995</v>
      </c>
      <c r="M31237" t="s">
        <v>83</v>
      </c>
      <c r="N31237" t="s">
        <v>91</v>
      </c>
      <c r="O31237" t="s">
        <v>85</v>
      </c>
      <c r="P31237" t="s">
        <v>86</v>
      </c>
      <c r="Q31237">
        <v>23</v>
      </c>
      <c r="R31237">
        <v>23</v>
      </c>
      <c r="S31237">
        <v>24</v>
      </c>
      <c r="T31237">
        <v>24</v>
      </c>
      <c r="U31237">
        <v>24</v>
      </c>
      <c r="V31237">
        <v>25</v>
      </c>
      <c r="W31237">
        <v>25</v>
      </c>
      <c r="X31237">
        <v>25</v>
      </c>
      <c r="Y31237">
        <v>25</v>
      </c>
      <c r="Z31237">
        <v>26</v>
      </c>
      <c r="AA31237">
        <v>26</v>
      </c>
      <c r="AB31237">
        <v>26</v>
      </c>
      <c r="AC31237">
        <v>26</v>
      </c>
      <c r="AD31237">
        <v>27</v>
      </c>
      <c r="AE31237">
        <v>27</v>
      </c>
      <c r="AF31237">
        <v>27</v>
      </c>
      <c r="AG31237">
        <v>27</v>
      </c>
      <c r="AH31237">
        <v>28</v>
      </c>
      <c r="AI31237">
        <v>28</v>
      </c>
      <c r="AJ31237">
        <v>28</v>
      </c>
      <c r="AK31237">
        <v>28</v>
      </c>
      <c r="AL31237">
        <v>28</v>
      </c>
      <c r="AM31237">
        <v>28</v>
      </c>
      <c r="AN31237">
        <v>28</v>
      </c>
      <c r="AO31237">
        <v>28</v>
      </c>
      <c r="AP31237">
        <v>28</v>
      </c>
      <c r="AQ31237">
        <v>28</v>
      </c>
    </row>
    <row r="31238" spans="1:43">
      <c r="A31238" t="s">
        <v>19349</v>
      </c>
      <c r="B31238" t="s">
        <v>19350</v>
      </c>
      <c r="C31238" t="s">
        <v>19227</v>
      </c>
      <c r="D31238" t="s">
        <v>19228</v>
      </c>
      <c r="E31238" t="s">
        <v>19203</v>
      </c>
      <c r="F31238" t="s">
        <v>19204</v>
      </c>
      <c r="G31238" t="s">
        <v>10734</v>
      </c>
      <c r="H31238" t="s">
        <v>10735</v>
      </c>
      <c r="I31238" s="2">
        <v>0</v>
      </c>
      <c r="J31238" s="2">
        <v>0</v>
      </c>
      <c r="K31238" s="2">
        <v>1</v>
      </c>
      <c r="L31238" t="s">
        <v>995</v>
      </c>
      <c r="M31238" t="s">
        <v>83</v>
      </c>
      <c r="N31238" t="s">
        <v>84</v>
      </c>
      <c r="O31238" t="s">
        <v>85</v>
      </c>
      <c r="P31238" t="s">
        <v>86</v>
      </c>
      <c r="Q31238">
        <v>3</v>
      </c>
      <c r="R31238">
        <v>3</v>
      </c>
      <c r="S31238">
        <v>3</v>
      </c>
      <c r="T31238">
        <v>3</v>
      </c>
      <c r="U31238">
        <v>3</v>
      </c>
      <c r="V31238">
        <v>3</v>
      </c>
      <c r="W31238">
        <v>3</v>
      </c>
      <c r="X31238">
        <v>3</v>
      </c>
      <c r="Y31238">
        <v>3</v>
      </c>
      <c r="Z31238">
        <v>4</v>
      </c>
      <c r="AA31238">
        <v>4</v>
      </c>
      <c r="AB31238">
        <v>4</v>
      </c>
      <c r="AC31238">
        <v>4</v>
      </c>
      <c r="AD31238">
        <v>4</v>
      </c>
      <c r="AE31238">
        <v>4</v>
      </c>
      <c r="AF31238">
        <v>4</v>
      </c>
      <c r="AG31238">
        <v>4</v>
      </c>
      <c r="AH31238">
        <v>4</v>
      </c>
      <c r="AI31238">
        <v>4</v>
      </c>
      <c r="AJ31238">
        <v>4</v>
      </c>
      <c r="AK31238">
        <v>4</v>
      </c>
      <c r="AL31238">
        <v>4</v>
      </c>
      <c r="AM31238">
        <v>4</v>
      </c>
      <c r="AN31238">
        <v>4</v>
      </c>
      <c r="AO31238">
        <v>4</v>
      </c>
      <c r="AP31238">
        <v>4</v>
      </c>
      <c r="AQ31238">
        <v>4</v>
      </c>
    </row>
    <row r="31239" spans="1:43">
      <c r="A31239" t="s">
        <v>19349</v>
      </c>
      <c r="B31239" t="s">
        <v>19350</v>
      </c>
      <c r="C31239" t="s">
        <v>19227</v>
      </c>
      <c r="D31239" t="s">
        <v>19228</v>
      </c>
      <c r="E31239" t="s">
        <v>19203</v>
      </c>
      <c r="F31239" t="s">
        <v>19204</v>
      </c>
      <c r="G31239" t="s">
        <v>10734</v>
      </c>
      <c r="H31239" t="s">
        <v>10735</v>
      </c>
      <c r="I31239" s="2">
        <v>0</v>
      </c>
      <c r="J31239" s="2">
        <v>0</v>
      </c>
      <c r="K31239" s="2">
        <v>1</v>
      </c>
      <c r="L31239" t="s">
        <v>995</v>
      </c>
      <c r="M31239" t="s">
        <v>87</v>
      </c>
      <c r="N31239" t="s">
        <v>88</v>
      </c>
      <c r="O31239" t="s">
        <v>85</v>
      </c>
      <c r="P31239" t="s">
        <v>86</v>
      </c>
      <c r="Q31239">
        <v>3</v>
      </c>
      <c r="R31239">
        <v>3</v>
      </c>
      <c r="S31239">
        <v>3</v>
      </c>
      <c r="T31239">
        <v>3</v>
      </c>
      <c r="U31239">
        <v>3</v>
      </c>
      <c r="V31239">
        <v>3</v>
      </c>
      <c r="W31239">
        <v>3</v>
      </c>
      <c r="X31239">
        <v>3</v>
      </c>
      <c r="Y31239">
        <v>3</v>
      </c>
      <c r="Z31239">
        <v>3</v>
      </c>
      <c r="AA31239">
        <v>3</v>
      </c>
      <c r="AB31239">
        <v>3</v>
      </c>
      <c r="AC31239">
        <v>3</v>
      </c>
      <c r="AD31239">
        <v>3</v>
      </c>
      <c r="AE31239">
        <v>3</v>
      </c>
      <c r="AF31239">
        <v>3</v>
      </c>
      <c r="AG31239">
        <v>3</v>
      </c>
      <c r="AH31239">
        <v>3</v>
      </c>
      <c r="AI31239">
        <v>3</v>
      </c>
      <c r="AJ31239">
        <v>3</v>
      </c>
      <c r="AK31239">
        <v>3</v>
      </c>
      <c r="AL31239">
        <v>3</v>
      </c>
      <c r="AM31239">
        <v>3</v>
      </c>
      <c r="AN31239">
        <v>3</v>
      </c>
      <c r="AO31239">
        <v>3</v>
      </c>
      <c r="AP31239">
        <v>3</v>
      </c>
      <c r="AQ31239">
        <v>3</v>
      </c>
    </row>
    <row r="31240" spans="1:43">
      <c r="A31240" t="s">
        <v>19349</v>
      </c>
      <c r="B31240" t="s">
        <v>19350</v>
      </c>
      <c r="C31240" t="s">
        <v>19227</v>
      </c>
      <c r="D31240" t="s">
        <v>19228</v>
      </c>
      <c r="E31240" t="s">
        <v>19203</v>
      </c>
      <c r="F31240" t="s">
        <v>19204</v>
      </c>
      <c r="G31240" t="s">
        <v>10734</v>
      </c>
      <c r="H31240" t="s">
        <v>10735</v>
      </c>
      <c r="I31240" s="2">
        <v>0</v>
      </c>
      <c r="J31240" s="2">
        <v>0</v>
      </c>
      <c r="K31240" s="2">
        <v>1</v>
      </c>
      <c r="L31240" t="s">
        <v>995</v>
      </c>
      <c r="M31240" t="s">
        <v>89</v>
      </c>
      <c r="N31240" t="s">
        <v>90</v>
      </c>
      <c r="O31240" t="s">
        <v>85</v>
      </c>
      <c r="P31240" t="s">
        <v>86</v>
      </c>
      <c r="Q31240">
        <v>3</v>
      </c>
      <c r="R31240">
        <v>3</v>
      </c>
      <c r="S31240">
        <v>3</v>
      </c>
      <c r="T31240">
        <v>3</v>
      </c>
      <c r="U31240">
        <v>3</v>
      </c>
      <c r="V31240">
        <v>4</v>
      </c>
      <c r="W31240">
        <v>4</v>
      </c>
      <c r="X31240">
        <v>4</v>
      </c>
      <c r="Y31240">
        <v>4</v>
      </c>
      <c r="Z31240">
        <v>4</v>
      </c>
      <c r="AA31240">
        <v>4</v>
      </c>
      <c r="AB31240">
        <v>4</v>
      </c>
      <c r="AC31240">
        <v>4</v>
      </c>
      <c r="AD31240">
        <v>4</v>
      </c>
      <c r="AE31240">
        <v>4</v>
      </c>
      <c r="AF31240">
        <v>4</v>
      </c>
      <c r="AG31240">
        <v>4</v>
      </c>
      <c r="AH31240">
        <v>4</v>
      </c>
      <c r="AI31240">
        <v>4</v>
      </c>
      <c r="AJ31240">
        <v>4</v>
      </c>
      <c r="AK31240">
        <v>4</v>
      </c>
      <c r="AL31240">
        <v>4</v>
      </c>
      <c r="AM31240">
        <v>4</v>
      </c>
      <c r="AN31240">
        <v>4</v>
      </c>
      <c r="AO31240">
        <v>4</v>
      </c>
      <c r="AP31240">
        <v>4</v>
      </c>
      <c r="AQ31240">
        <v>4</v>
      </c>
    </row>
    <row r="31241" spans="1:43">
      <c r="A31241" t="s">
        <v>19349</v>
      </c>
      <c r="B31241" t="s">
        <v>19350</v>
      </c>
      <c r="C31241" t="s">
        <v>19227</v>
      </c>
      <c r="D31241" t="s">
        <v>19228</v>
      </c>
      <c r="E31241" t="s">
        <v>19203</v>
      </c>
      <c r="F31241" t="s">
        <v>19204</v>
      </c>
      <c r="G31241" t="s">
        <v>10734</v>
      </c>
      <c r="H31241" t="s">
        <v>10735</v>
      </c>
      <c r="I31241" s="2">
        <v>0</v>
      </c>
      <c r="J31241" s="2">
        <v>0</v>
      </c>
      <c r="K31241" s="2">
        <v>1</v>
      </c>
      <c r="L31241" t="s">
        <v>995</v>
      </c>
      <c r="M31241" t="s">
        <v>83</v>
      </c>
      <c r="N31241" t="s">
        <v>91</v>
      </c>
      <c r="O31241" t="s">
        <v>85</v>
      </c>
      <c r="P31241" t="s">
        <v>86</v>
      </c>
      <c r="Q31241">
        <v>3</v>
      </c>
      <c r="R31241">
        <v>3</v>
      </c>
      <c r="S31241">
        <v>3</v>
      </c>
      <c r="T31241">
        <v>3</v>
      </c>
      <c r="U31241">
        <v>3</v>
      </c>
      <c r="V31241">
        <v>3</v>
      </c>
      <c r="W31241">
        <v>3</v>
      </c>
      <c r="X31241">
        <v>3</v>
      </c>
      <c r="Y31241">
        <v>3</v>
      </c>
      <c r="Z31241">
        <v>4</v>
      </c>
      <c r="AA31241">
        <v>4</v>
      </c>
      <c r="AB31241">
        <v>4</v>
      </c>
      <c r="AC31241">
        <v>4</v>
      </c>
      <c r="AD31241">
        <v>4</v>
      </c>
      <c r="AE31241">
        <v>4</v>
      </c>
      <c r="AF31241">
        <v>4</v>
      </c>
      <c r="AG31241">
        <v>4</v>
      </c>
      <c r="AH31241">
        <v>4</v>
      </c>
      <c r="AI31241">
        <v>4</v>
      </c>
      <c r="AJ31241">
        <v>4</v>
      </c>
      <c r="AK31241">
        <v>4</v>
      </c>
      <c r="AL31241">
        <v>4</v>
      </c>
      <c r="AM31241">
        <v>4</v>
      </c>
      <c r="AN31241">
        <v>4</v>
      </c>
      <c r="AO31241">
        <v>4</v>
      </c>
      <c r="AP31241">
        <v>4</v>
      </c>
      <c r="AQ31241">
        <v>4</v>
      </c>
    </row>
    <row r="31242" spans="1:43">
      <c r="A31242" t="s">
        <v>19351</v>
      </c>
      <c r="B31242" t="s">
        <v>19352</v>
      </c>
      <c r="C31242" t="s">
        <v>19227</v>
      </c>
      <c r="D31242" t="s">
        <v>19228</v>
      </c>
      <c r="E31242" t="s">
        <v>19203</v>
      </c>
      <c r="F31242" t="s">
        <v>19204</v>
      </c>
      <c r="G31242" t="s">
        <v>10734</v>
      </c>
      <c r="H31242" t="s">
        <v>10735</v>
      </c>
      <c r="I31242" s="2">
        <v>0</v>
      </c>
      <c r="J31242" s="2">
        <v>0</v>
      </c>
      <c r="K31242" s="2">
        <v>1</v>
      </c>
      <c r="L31242" t="s">
        <v>995</v>
      </c>
      <c r="M31242" t="s">
        <v>83</v>
      </c>
      <c r="N31242" t="s">
        <v>84</v>
      </c>
      <c r="O31242" t="s">
        <v>85</v>
      </c>
      <c r="P31242" t="s">
        <v>86</v>
      </c>
      <c r="Q31242">
        <v>45</v>
      </c>
      <c r="R31242">
        <v>45</v>
      </c>
      <c r="S31242">
        <v>46</v>
      </c>
      <c r="T31242">
        <v>46</v>
      </c>
      <c r="U31242">
        <v>47</v>
      </c>
      <c r="V31242">
        <v>47</v>
      </c>
      <c r="W31242">
        <v>48</v>
      </c>
      <c r="X31242">
        <v>48</v>
      </c>
      <c r="Y31242">
        <v>49</v>
      </c>
      <c r="Z31242">
        <v>50</v>
      </c>
      <c r="AA31242">
        <v>50</v>
      </c>
      <c r="AB31242">
        <v>51</v>
      </c>
      <c r="AC31242">
        <v>51</v>
      </c>
      <c r="AD31242">
        <v>52</v>
      </c>
      <c r="AE31242">
        <v>52</v>
      </c>
      <c r="AF31242">
        <v>53</v>
      </c>
      <c r="AG31242">
        <v>53</v>
      </c>
      <c r="AH31242">
        <v>53</v>
      </c>
      <c r="AI31242">
        <v>54</v>
      </c>
      <c r="AJ31242">
        <v>54</v>
      </c>
      <c r="AK31242">
        <v>55</v>
      </c>
      <c r="AL31242">
        <v>55</v>
      </c>
      <c r="AM31242">
        <v>55</v>
      </c>
      <c r="AN31242">
        <v>55</v>
      </c>
      <c r="AO31242">
        <v>55</v>
      </c>
      <c r="AP31242">
        <v>55</v>
      </c>
      <c r="AQ31242">
        <v>55</v>
      </c>
    </row>
    <row r="31243" spans="1:43">
      <c r="A31243" t="s">
        <v>19351</v>
      </c>
      <c r="B31243" t="s">
        <v>19352</v>
      </c>
      <c r="C31243" t="s">
        <v>19227</v>
      </c>
      <c r="D31243" t="s">
        <v>19228</v>
      </c>
      <c r="E31243" t="s">
        <v>19203</v>
      </c>
      <c r="F31243" t="s">
        <v>19204</v>
      </c>
      <c r="G31243" t="s">
        <v>10734</v>
      </c>
      <c r="H31243" t="s">
        <v>10735</v>
      </c>
      <c r="I31243" s="2">
        <v>0</v>
      </c>
      <c r="J31243" s="2">
        <v>0</v>
      </c>
      <c r="K31243" s="2">
        <v>1</v>
      </c>
      <c r="L31243" t="s">
        <v>995</v>
      </c>
      <c r="M31243" t="s">
        <v>87</v>
      </c>
      <c r="N31243" t="s">
        <v>88</v>
      </c>
      <c r="O31243" t="s">
        <v>85</v>
      </c>
      <c r="P31243" t="s">
        <v>86</v>
      </c>
      <c r="Q31243">
        <v>45</v>
      </c>
      <c r="R31243">
        <v>45</v>
      </c>
      <c r="S31243">
        <v>45</v>
      </c>
      <c r="T31243">
        <v>46</v>
      </c>
      <c r="U31243">
        <v>46</v>
      </c>
      <c r="V31243">
        <v>46</v>
      </c>
      <c r="W31243">
        <v>46</v>
      </c>
      <c r="X31243">
        <v>46</v>
      </c>
      <c r="Y31243">
        <v>46</v>
      </c>
      <c r="Z31243">
        <v>46</v>
      </c>
      <c r="AA31243">
        <v>47</v>
      </c>
      <c r="AB31243">
        <v>47</v>
      </c>
      <c r="AC31243">
        <v>47</v>
      </c>
      <c r="AD31243">
        <v>47</v>
      </c>
      <c r="AE31243">
        <v>47</v>
      </c>
      <c r="AF31243">
        <v>47</v>
      </c>
      <c r="AG31243">
        <v>47</v>
      </c>
      <c r="AH31243">
        <v>47</v>
      </c>
      <c r="AI31243">
        <v>48</v>
      </c>
      <c r="AJ31243">
        <v>48</v>
      </c>
      <c r="AK31243">
        <v>48</v>
      </c>
      <c r="AL31243">
        <v>48</v>
      </c>
      <c r="AM31243">
        <v>48</v>
      </c>
      <c r="AN31243">
        <v>48</v>
      </c>
      <c r="AO31243">
        <v>48</v>
      </c>
      <c r="AP31243">
        <v>48</v>
      </c>
      <c r="AQ31243">
        <v>48</v>
      </c>
    </row>
    <row r="31244" spans="1:43">
      <c r="A31244" t="s">
        <v>19351</v>
      </c>
      <c r="B31244" t="s">
        <v>19352</v>
      </c>
      <c r="C31244" t="s">
        <v>19227</v>
      </c>
      <c r="D31244" t="s">
        <v>19228</v>
      </c>
      <c r="E31244" t="s">
        <v>19203</v>
      </c>
      <c r="F31244" t="s">
        <v>19204</v>
      </c>
      <c r="G31244" t="s">
        <v>10734</v>
      </c>
      <c r="H31244" t="s">
        <v>10735</v>
      </c>
      <c r="I31244" s="2">
        <v>0</v>
      </c>
      <c r="J31244" s="2">
        <v>0</v>
      </c>
      <c r="K31244" s="2">
        <v>1</v>
      </c>
      <c r="L31244" t="s">
        <v>995</v>
      </c>
      <c r="M31244" t="s">
        <v>89</v>
      </c>
      <c r="N31244" t="s">
        <v>90</v>
      </c>
      <c r="O31244" t="s">
        <v>85</v>
      </c>
      <c r="P31244" t="s">
        <v>86</v>
      </c>
      <c r="Q31244">
        <v>45</v>
      </c>
      <c r="R31244">
        <v>46</v>
      </c>
      <c r="S31244">
        <v>47</v>
      </c>
      <c r="T31244">
        <v>48</v>
      </c>
      <c r="U31244">
        <v>49</v>
      </c>
      <c r="V31244">
        <v>50</v>
      </c>
      <c r="W31244">
        <v>50</v>
      </c>
      <c r="X31244">
        <v>51</v>
      </c>
      <c r="Y31244">
        <v>52</v>
      </c>
      <c r="Z31244">
        <v>53</v>
      </c>
      <c r="AA31244">
        <v>53</v>
      </c>
      <c r="AB31244">
        <v>54</v>
      </c>
      <c r="AC31244">
        <v>55</v>
      </c>
      <c r="AD31244">
        <v>55</v>
      </c>
      <c r="AE31244">
        <v>56</v>
      </c>
      <c r="AF31244">
        <v>56</v>
      </c>
      <c r="AG31244">
        <v>56</v>
      </c>
      <c r="AH31244">
        <v>56</v>
      </c>
      <c r="AI31244">
        <v>56</v>
      </c>
      <c r="AJ31244">
        <v>56</v>
      </c>
      <c r="AK31244">
        <v>56</v>
      </c>
      <c r="AL31244">
        <v>56</v>
      </c>
      <c r="AM31244">
        <v>56</v>
      </c>
      <c r="AN31244">
        <v>56</v>
      </c>
      <c r="AO31244">
        <v>56</v>
      </c>
      <c r="AP31244">
        <v>56</v>
      </c>
      <c r="AQ31244">
        <v>55</v>
      </c>
    </row>
    <row r="31245" spans="1:43">
      <c r="A31245" t="s">
        <v>19351</v>
      </c>
      <c r="B31245" t="s">
        <v>19352</v>
      </c>
      <c r="C31245" t="s">
        <v>19227</v>
      </c>
      <c r="D31245" t="s">
        <v>19228</v>
      </c>
      <c r="E31245" t="s">
        <v>19203</v>
      </c>
      <c r="F31245" t="s">
        <v>19204</v>
      </c>
      <c r="G31245" t="s">
        <v>10734</v>
      </c>
      <c r="H31245" t="s">
        <v>10735</v>
      </c>
      <c r="I31245" s="2">
        <v>0</v>
      </c>
      <c r="J31245" s="2">
        <v>0</v>
      </c>
      <c r="K31245" s="2">
        <v>1</v>
      </c>
      <c r="L31245" t="s">
        <v>995</v>
      </c>
      <c r="M31245" t="s">
        <v>83</v>
      </c>
      <c r="N31245" t="s">
        <v>91</v>
      </c>
      <c r="O31245" t="s">
        <v>85</v>
      </c>
      <c r="P31245" t="s">
        <v>86</v>
      </c>
      <c r="Q31245">
        <v>45</v>
      </c>
      <c r="R31245">
        <v>45</v>
      </c>
      <c r="S31245">
        <v>46</v>
      </c>
      <c r="T31245">
        <v>46</v>
      </c>
      <c r="U31245">
        <v>47</v>
      </c>
      <c r="V31245">
        <v>47</v>
      </c>
      <c r="W31245">
        <v>48</v>
      </c>
      <c r="X31245">
        <v>48</v>
      </c>
      <c r="Y31245">
        <v>49</v>
      </c>
      <c r="Z31245">
        <v>50</v>
      </c>
      <c r="AA31245">
        <v>50</v>
      </c>
      <c r="AB31245">
        <v>51</v>
      </c>
      <c r="AC31245">
        <v>51</v>
      </c>
      <c r="AD31245">
        <v>52</v>
      </c>
      <c r="AE31245">
        <v>52</v>
      </c>
      <c r="AF31245">
        <v>53</v>
      </c>
      <c r="AG31245">
        <v>53</v>
      </c>
      <c r="AH31245">
        <v>53</v>
      </c>
      <c r="AI31245">
        <v>54</v>
      </c>
      <c r="AJ31245">
        <v>54</v>
      </c>
      <c r="AK31245">
        <v>55</v>
      </c>
      <c r="AL31245">
        <v>55</v>
      </c>
      <c r="AM31245">
        <v>55</v>
      </c>
      <c r="AN31245">
        <v>55</v>
      </c>
      <c r="AO31245">
        <v>55</v>
      </c>
      <c r="AP31245">
        <v>55</v>
      </c>
      <c r="AQ31245">
        <v>55</v>
      </c>
    </row>
    <row r="31246" spans="1:43">
      <c r="A31246" t="s">
        <v>19353</v>
      </c>
      <c r="B31246" t="s">
        <v>19354</v>
      </c>
      <c r="C31246" t="s">
        <v>19355</v>
      </c>
      <c r="D31246" t="s">
        <v>19356</v>
      </c>
      <c r="E31246" t="s">
        <v>19203</v>
      </c>
      <c r="F31246" t="s">
        <v>19204</v>
      </c>
      <c r="G31246" t="s">
        <v>10734</v>
      </c>
      <c r="H31246" t="s">
        <v>10735</v>
      </c>
      <c r="I31246" s="2">
        <v>0</v>
      </c>
      <c r="J31246" s="2">
        <v>0</v>
      </c>
      <c r="K31246" s="2">
        <v>1</v>
      </c>
      <c r="L31246" t="s">
        <v>995</v>
      </c>
      <c r="M31246" t="s">
        <v>83</v>
      </c>
      <c r="N31246" t="s">
        <v>84</v>
      </c>
      <c r="O31246" t="s">
        <v>85</v>
      </c>
      <c r="P31246" t="s">
        <v>86</v>
      </c>
      <c r="Q31246">
        <v>17</v>
      </c>
      <c r="R31246">
        <v>17</v>
      </c>
      <c r="S31246">
        <v>18</v>
      </c>
      <c r="T31246">
        <v>18</v>
      </c>
      <c r="U31246">
        <v>18</v>
      </c>
      <c r="V31246">
        <v>18</v>
      </c>
      <c r="W31246">
        <v>19</v>
      </c>
      <c r="X31246">
        <v>19</v>
      </c>
      <c r="Y31246">
        <v>19</v>
      </c>
      <c r="Z31246">
        <v>19</v>
      </c>
      <c r="AA31246">
        <v>19</v>
      </c>
      <c r="AB31246">
        <v>20</v>
      </c>
      <c r="AC31246">
        <v>20</v>
      </c>
      <c r="AD31246">
        <v>20</v>
      </c>
      <c r="AE31246">
        <v>20</v>
      </c>
      <c r="AF31246">
        <v>20</v>
      </c>
      <c r="AG31246">
        <v>21</v>
      </c>
      <c r="AH31246">
        <v>21</v>
      </c>
      <c r="AI31246">
        <v>21</v>
      </c>
      <c r="AJ31246">
        <v>21</v>
      </c>
      <c r="AK31246">
        <v>21</v>
      </c>
      <c r="AL31246">
        <v>21</v>
      </c>
      <c r="AM31246">
        <v>21</v>
      </c>
      <c r="AN31246">
        <v>21</v>
      </c>
      <c r="AO31246">
        <v>21</v>
      </c>
      <c r="AP31246">
        <v>21</v>
      </c>
      <c r="AQ31246">
        <v>21</v>
      </c>
    </row>
    <row r="31247" spans="1:43">
      <c r="A31247" t="s">
        <v>19353</v>
      </c>
      <c r="B31247" t="s">
        <v>19354</v>
      </c>
      <c r="C31247" t="s">
        <v>19355</v>
      </c>
      <c r="D31247" t="s">
        <v>19356</v>
      </c>
      <c r="E31247" t="s">
        <v>19203</v>
      </c>
      <c r="F31247" t="s">
        <v>19204</v>
      </c>
      <c r="G31247" t="s">
        <v>10734</v>
      </c>
      <c r="H31247" t="s">
        <v>10735</v>
      </c>
      <c r="I31247" s="2">
        <v>0</v>
      </c>
      <c r="J31247" s="2">
        <v>0</v>
      </c>
      <c r="K31247" s="2">
        <v>1</v>
      </c>
      <c r="L31247" t="s">
        <v>995</v>
      </c>
      <c r="M31247" t="s">
        <v>87</v>
      </c>
      <c r="N31247" t="s">
        <v>88</v>
      </c>
      <c r="O31247" t="s">
        <v>85</v>
      </c>
      <c r="P31247" t="s">
        <v>86</v>
      </c>
      <c r="Q31247">
        <v>17</v>
      </c>
      <c r="R31247">
        <v>17</v>
      </c>
      <c r="S31247">
        <v>17</v>
      </c>
      <c r="T31247">
        <v>17</v>
      </c>
      <c r="U31247">
        <v>17</v>
      </c>
      <c r="V31247">
        <v>17</v>
      </c>
      <c r="W31247">
        <v>17</v>
      </c>
      <c r="X31247">
        <v>18</v>
      </c>
      <c r="Y31247">
        <v>18</v>
      </c>
      <c r="Z31247">
        <v>18</v>
      </c>
      <c r="AA31247">
        <v>18</v>
      </c>
      <c r="AB31247">
        <v>18</v>
      </c>
      <c r="AC31247">
        <v>18</v>
      </c>
      <c r="AD31247">
        <v>18</v>
      </c>
      <c r="AE31247">
        <v>18</v>
      </c>
      <c r="AF31247">
        <v>18</v>
      </c>
      <c r="AG31247">
        <v>18</v>
      </c>
      <c r="AH31247">
        <v>18</v>
      </c>
      <c r="AI31247">
        <v>18</v>
      </c>
      <c r="AJ31247">
        <v>18</v>
      </c>
      <c r="AK31247">
        <v>18</v>
      </c>
      <c r="AL31247">
        <v>18</v>
      </c>
      <c r="AM31247">
        <v>18</v>
      </c>
      <c r="AN31247">
        <v>18</v>
      </c>
      <c r="AO31247">
        <v>18</v>
      </c>
      <c r="AP31247">
        <v>18</v>
      </c>
      <c r="AQ31247">
        <v>18</v>
      </c>
    </row>
    <row r="31248" spans="1:43">
      <c r="A31248" t="s">
        <v>19353</v>
      </c>
      <c r="B31248" t="s">
        <v>19354</v>
      </c>
      <c r="C31248" t="s">
        <v>19355</v>
      </c>
      <c r="D31248" t="s">
        <v>19356</v>
      </c>
      <c r="E31248" t="s">
        <v>19203</v>
      </c>
      <c r="F31248" t="s">
        <v>19204</v>
      </c>
      <c r="G31248" t="s">
        <v>10734</v>
      </c>
      <c r="H31248" t="s">
        <v>10735</v>
      </c>
      <c r="I31248" s="2">
        <v>0</v>
      </c>
      <c r="J31248" s="2">
        <v>0</v>
      </c>
      <c r="K31248" s="2">
        <v>1</v>
      </c>
      <c r="L31248" t="s">
        <v>995</v>
      </c>
      <c r="M31248" t="s">
        <v>89</v>
      </c>
      <c r="N31248" t="s">
        <v>90</v>
      </c>
      <c r="O31248" t="s">
        <v>85</v>
      </c>
      <c r="P31248" t="s">
        <v>86</v>
      </c>
      <c r="Q31248">
        <v>17</v>
      </c>
      <c r="R31248">
        <v>18</v>
      </c>
      <c r="S31248">
        <v>18</v>
      </c>
      <c r="T31248">
        <v>19</v>
      </c>
      <c r="U31248">
        <v>19</v>
      </c>
      <c r="V31248">
        <v>19</v>
      </c>
      <c r="W31248">
        <v>20</v>
      </c>
      <c r="X31248">
        <v>20</v>
      </c>
      <c r="Y31248">
        <v>20</v>
      </c>
      <c r="Z31248">
        <v>20</v>
      </c>
      <c r="AA31248">
        <v>21</v>
      </c>
      <c r="AB31248">
        <v>21</v>
      </c>
      <c r="AC31248">
        <v>21</v>
      </c>
      <c r="AD31248">
        <v>21</v>
      </c>
      <c r="AE31248">
        <v>22</v>
      </c>
      <c r="AF31248">
        <v>22</v>
      </c>
      <c r="AG31248">
        <v>22</v>
      </c>
      <c r="AH31248">
        <v>21</v>
      </c>
      <c r="AI31248">
        <v>21</v>
      </c>
      <c r="AJ31248">
        <v>21</v>
      </c>
      <c r="AK31248">
        <v>21</v>
      </c>
      <c r="AL31248">
        <v>21</v>
      </c>
      <c r="AM31248">
        <v>21</v>
      </c>
      <c r="AN31248">
        <v>21</v>
      </c>
      <c r="AO31248">
        <v>21</v>
      </c>
      <c r="AP31248">
        <v>21</v>
      </c>
      <c r="AQ31248">
        <v>21</v>
      </c>
    </row>
    <row r="31249" spans="1:43">
      <c r="A31249" t="s">
        <v>19353</v>
      </c>
      <c r="B31249" t="s">
        <v>19354</v>
      </c>
      <c r="C31249" t="s">
        <v>19355</v>
      </c>
      <c r="D31249" t="s">
        <v>19356</v>
      </c>
      <c r="E31249" t="s">
        <v>19203</v>
      </c>
      <c r="F31249" t="s">
        <v>19204</v>
      </c>
      <c r="G31249" t="s">
        <v>10734</v>
      </c>
      <c r="H31249" t="s">
        <v>10735</v>
      </c>
      <c r="I31249" s="2">
        <v>0</v>
      </c>
      <c r="J31249" s="2">
        <v>0</v>
      </c>
      <c r="K31249" s="2">
        <v>1</v>
      </c>
      <c r="L31249" t="s">
        <v>995</v>
      </c>
      <c r="M31249" t="s">
        <v>83</v>
      </c>
      <c r="N31249" t="s">
        <v>91</v>
      </c>
      <c r="O31249" t="s">
        <v>85</v>
      </c>
      <c r="P31249" t="s">
        <v>86</v>
      </c>
      <c r="Q31249">
        <v>17</v>
      </c>
      <c r="R31249">
        <v>17</v>
      </c>
      <c r="S31249">
        <v>18</v>
      </c>
      <c r="T31249">
        <v>18</v>
      </c>
      <c r="U31249">
        <v>18</v>
      </c>
      <c r="V31249">
        <v>18</v>
      </c>
      <c r="W31249">
        <v>19</v>
      </c>
      <c r="X31249">
        <v>19</v>
      </c>
      <c r="Y31249">
        <v>19</v>
      </c>
      <c r="Z31249">
        <v>19</v>
      </c>
      <c r="AA31249">
        <v>19</v>
      </c>
      <c r="AB31249">
        <v>20</v>
      </c>
      <c r="AC31249">
        <v>20</v>
      </c>
      <c r="AD31249">
        <v>20</v>
      </c>
      <c r="AE31249">
        <v>20</v>
      </c>
      <c r="AF31249">
        <v>20</v>
      </c>
      <c r="AG31249">
        <v>21</v>
      </c>
      <c r="AH31249">
        <v>21</v>
      </c>
      <c r="AI31249">
        <v>21</v>
      </c>
      <c r="AJ31249">
        <v>21</v>
      </c>
      <c r="AK31249">
        <v>21</v>
      </c>
      <c r="AL31249">
        <v>21</v>
      </c>
      <c r="AM31249">
        <v>21</v>
      </c>
      <c r="AN31249">
        <v>21</v>
      </c>
      <c r="AO31249">
        <v>21</v>
      </c>
      <c r="AP31249">
        <v>21</v>
      </c>
      <c r="AQ31249">
        <v>21</v>
      </c>
    </row>
    <row r="31250" spans="1:43">
      <c r="A31250" t="s">
        <v>19357</v>
      </c>
      <c r="B31250" t="s">
        <v>19358</v>
      </c>
      <c r="C31250" t="s">
        <v>19355</v>
      </c>
      <c r="D31250" t="s">
        <v>19356</v>
      </c>
      <c r="E31250" t="s">
        <v>19203</v>
      </c>
      <c r="F31250" t="s">
        <v>19204</v>
      </c>
      <c r="G31250" t="s">
        <v>10734</v>
      </c>
      <c r="H31250" t="s">
        <v>10735</v>
      </c>
      <c r="I31250" s="2">
        <v>0</v>
      </c>
      <c r="J31250" s="2">
        <v>0</v>
      </c>
      <c r="K31250" s="2">
        <v>1</v>
      </c>
      <c r="L31250" t="s">
        <v>995</v>
      </c>
      <c r="M31250" t="s">
        <v>83</v>
      </c>
      <c r="N31250" t="s">
        <v>84</v>
      </c>
      <c r="O31250" t="s">
        <v>85</v>
      </c>
      <c r="P31250" t="s">
        <v>86</v>
      </c>
      <c r="Q31250">
        <v>41</v>
      </c>
      <c r="R31250">
        <v>41</v>
      </c>
      <c r="S31250">
        <v>42</v>
      </c>
      <c r="T31250">
        <v>42</v>
      </c>
      <c r="U31250">
        <v>43</v>
      </c>
      <c r="V31250">
        <v>43</v>
      </c>
      <c r="W31250">
        <v>44</v>
      </c>
      <c r="X31250">
        <v>44</v>
      </c>
      <c r="Y31250">
        <v>45</v>
      </c>
      <c r="Z31250">
        <v>45</v>
      </c>
      <c r="AA31250">
        <v>46</v>
      </c>
      <c r="AB31250">
        <v>46</v>
      </c>
      <c r="AC31250">
        <v>47</v>
      </c>
      <c r="AD31250">
        <v>47</v>
      </c>
      <c r="AE31250">
        <v>47</v>
      </c>
      <c r="AF31250">
        <v>48</v>
      </c>
      <c r="AG31250">
        <v>48</v>
      </c>
      <c r="AH31250">
        <v>49</v>
      </c>
      <c r="AI31250">
        <v>49</v>
      </c>
      <c r="AJ31250">
        <v>49</v>
      </c>
      <c r="AK31250">
        <v>50</v>
      </c>
      <c r="AL31250">
        <v>50</v>
      </c>
      <c r="AM31250">
        <v>50</v>
      </c>
      <c r="AN31250">
        <v>50</v>
      </c>
      <c r="AO31250">
        <v>50</v>
      </c>
      <c r="AP31250">
        <v>50</v>
      </c>
      <c r="AQ31250">
        <v>50</v>
      </c>
    </row>
    <row r="31251" spans="1:43">
      <c r="A31251" t="s">
        <v>19357</v>
      </c>
      <c r="B31251" t="s">
        <v>19358</v>
      </c>
      <c r="C31251" t="s">
        <v>19355</v>
      </c>
      <c r="D31251" t="s">
        <v>19356</v>
      </c>
      <c r="E31251" t="s">
        <v>19203</v>
      </c>
      <c r="F31251" t="s">
        <v>19204</v>
      </c>
      <c r="G31251" t="s">
        <v>10734</v>
      </c>
      <c r="H31251" t="s">
        <v>10735</v>
      </c>
      <c r="I31251" s="2">
        <v>0</v>
      </c>
      <c r="J31251" s="2">
        <v>0</v>
      </c>
      <c r="K31251" s="2">
        <v>1</v>
      </c>
      <c r="L31251" t="s">
        <v>995</v>
      </c>
      <c r="M31251" t="s">
        <v>87</v>
      </c>
      <c r="N31251" t="s">
        <v>88</v>
      </c>
      <c r="O31251" t="s">
        <v>85</v>
      </c>
      <c r="P31251" t="s">
        <v>86</v>
      </c>
      <c r="Q31251">
        <v>41</v>
      </c>
      <c r="R31251">
        <v>41</v>
      </c>
      <c r="S31251">
        <v>42</v>
      </c>
      <c r="T31251">
        <v>42</v>
      </c>
      <c r="U31251">
        <v>42</v>
      </c>
      <c r="V31251">
        <v>42</v>
      </c>
      <c r="W31251">
        <v>42</v>
      </c>
      <c r="X31251">
        <v>42</v>
      </c>
      <c r="Y31251">
        <v>42</v>
      </c>
      <c r="Z31251">
        <v>43</v>
      </c>
      <c r="AA31251">
        <v>43</v>
      </c>
      <c r="AB31251">
        <v>43</v>
      </c>
      <c r="AC31251">
        <v>43</v>
      </c>
      <c r="AD31251">
        <v>43</v>
      </c>
      <c r="AE31251">
        <v>43</v>
      </c>
      <c r="AF31251">
        <v>43</v>
      </c>
      <c r="AG31251">
        <v>43</v>
      </c>
      <c r="AH31251">
        <v>43</v>
      </c>
      <c r="AI31251">
        <v>44</v>
      </c>
      <c r="AJ31251">
        <v>44</v>
      </c>
      <c r="AK31251">
        <v>44</v>
      </c>
      <c r="AL31251">
        <v>44</v>
      </c>
      <c r="AM31251">
        <v>44</v>
      </c>
      <c r="AN31251">
        <v>44</v>
      </c>
      <c r="AO31251">
        <v>44</v>
      </c>
      <c r="AP31251">
        <v>44</v>
      </c>
      <c r="AQ31251">
        <v>44</v>
      </c>
    </row>
    <row r="31252" spans="1:43">
      <c r="A31252" t="s">
        <v>19357</v>
      </c>
      <c r="B31252" t="s">
        <v>19358</v>
      </c>
      <c r="C31252" t="s">
        <v>19355</v>
      </c>
      <c r="D31252" t="s">
        <v>19356</v>
      </c>
      <c r="E31252" t="s">
        <v>19203</v>
      </c>
      <c r="F31252" t="s">
        <v>19204</v>
      </c>
      <c r="G31252" t="s">
        <v>10734</v>
      </c>
      <c r="H31252" t="s">
        <v>10735</v>
      </c>
      <c r="I31252" s="2">
        <v>0</v>
      </c>
      <c r="J31252" s="2">
        <v>0</v>
      </c>
      <c r="K31252" s="2">
        <v>1</v>
      </c>
      <c r="L31252" t="s">
        <v>995</v>
      </c>
      <c r="M31252" t="s">
        <v>89</v>
      </c>
      <c r="N31252" t="s">
        <v>90</v>
      </c>
      <c r="O31252" t="s">
        <v>85</v>
      </c>
      <c r="P31252" t="s">
        <v>86</v>
      </c>
      <c r="Q31252">
        <v>41</v>
      </c>
      <c r="R31252">
        <v>42</v>
      </c>
      <c r="S31252">
        <v>43</v>
      </c>
      <c r="T31252">
        <v>44</v>
      </c>
      <c r="U31252">
        <v>44</v>
      </c>
      <c r="V31252">
        <v>45</v>
      </c>
      <c r="W31252">
        <v>46</v>
      </c>
      <c r="X31252">
        <v>47</v>
      </c>
      <c r="Y31252">
        <v>47</v>
      </c>
      <c r="Z31252">
        <v>48</v>
      </c>
      <c r="AA31252">
        <v>49</v>
      </c>
      <c r="AB31252">
        <v>49</v>
      </c>
      <c r="AC31252">
        <v>50</v>
      </c>
      <c r="AD31252">
        <v>50</v>
      </c>
      <c r="AE31252">
        <v>51</v>
      </c>
      <c r="AF31252">
        <v>51</v>
      </c>
      <c r="AG31252">
        <v>51</v>
      </c>
      <c r="AH31252">
        <v>51</v>
      </c>
      <c r="AI31252">
        <v>51</v>
      </c>
      <c r="AJ31252">
        <v>51</v>
      </c>
      <c r="AK31252">
        <v>50</v>
      </c>
      <c r="AL31252">
        <v>50</v>
      </c>
      <c r="AM31252">
        <v>50</v>
      </c>
      <c r="AN31252">
        <v>50</v>
      </c>
      <c r="AO31252">
        <v>50</v>
      </c>
      <c r="AP31252">
        <v>50</v>
      </c>
      <c r="AQ31252">
        <v>50</v>
      </c>
    </row>
    <row r="31253" spans="1:43">
      <c r="A31253" t="s">
        <v>19357</v>
      </c>
      <c r="B31253" t="s">
        <v>19358</v>
      </c>
      <c r="C31253" t="s">
        <v>19355</v>
      </c>
      <c r="D31253" t="s">
        <v>19356</v>
      </c>
      <c r="E31253" t="s">
        <v>19203</v>
      </c>
      <c r="F31253" t="s">
        <v>19204</v>
      </c>
      <c r="G31253" t="s">
        <v>10734</v>
      </c>
      <c r="H31253" t="s">
        <v>10735</v>
      </c>
      <c r="I31253" s="2">
        <v>0</v>
      </c>
      <c r="J31253" s="2">
        <v>0</v>
      </c>
      <c r="K31253" s="2">
        <v>1</v>
      </c>
      <c r="L31253" t="s">
        <v>995</v>
      </c>
      <c r="M31253" t="s">
        <v>83</v>
      </c>
      <c r="N31253" t="s">
        <v>91</v>
      </c>
      <c r="O31253" t="s">
        <v>85</v>
      </c>
      <c r="P31253" t="s">
        <v>86</v>
      </c>
      <c r="Q31253">
        <v>41</v>
      </c>
      <c r="R31253">
        <v>41</v>
      </c>
      <c r="S31253">
        <v>42</v>
      </c>
      <c r="T31253">
        <v>42</v>
      </c>
      <c r="U31253">
        <v>43</v>
      </c>
      <c r="V31253">
        <v>43</v>
      </c>
      <c r="W31253">
        <v>44</v>
      </c>
      <c r="X31253">
        <v>44</v>
      </c>
      <c r="Y31253">
        <v>45</v>
      </c>
      <c r="Z31253">
        <v>45</v>
      </c>
      <c r="AA31253">
        <v>46</v>
      </c>
      <c r="AB31253">
        <v>46</v>
      </c>
      <c r="AC31253">
        <v>47</v>
      </c>
      <c r="AD31253">
        <v>47</v>
      </c>
      <c r="AE31253">
        <v>47</v>
      </c>
      <c r="AF31253">
        <v>48</v>
      </c>
      <c r="AG31253">
        <v>48</v>
      </c>
      <c r="AH31253">
        <v>49</v>
      </c>
      <c r="AI31253">
        <v>49</v>
      </c>
      <c r="AJ31253">
        <v>49</v>
      </c>
      <c r="AK31253">
        <v>50</v>
      </c>
      <c r="AL31253">
        <v>50</v>
      </c>
      <c r="AM31253">
        <v>50</v>
      </c>
      <c r="AN31253">
        <v>50</v>
      </c>
      <c r="AO31253">
        <v>50</v>
      </c>
      <c r="AP31253">
        <v>50</v>
      </c>
      <c r="AQ31253">
        <v>50</v>
      </c>
    </row>
    <row r="31254" spans="1:43">
      <c r="A31254" t="s">
        <v>19359</v>
      </c>
      <c r="B31254" t="s">
        <v>19360</v>
      </c>
      <c r="C31254" t="s">
        <v>19355</v>
      </c>
      <c r="D31254" t="s">
        <v>19356</v>
      </c>
      <c r="E31254" t="s">
        <v>19203</v>
      </c>
      <c r="F31254" t="s">
        <v>19204</v>
      </c>
      <c r="G31254" t="s">
        <v>10734</v>
      </c>
      <c r="H31254" t="s">
        <v>10735</v>
      </c>
      <c r="I31254" s="2">
        <v>0</v>
      </c>
      <c r="J31254" s="2">
        <v>0</v>
      </c>
      <c r="K31254" s="2">
        <v>1</v>
      </c>
      <c r="L31254" t="s">
        <v>995</v>
      </c>
      <c r="M31254" t="s">
        <v>83</v>
      </c>
      <c r="N31254" t="s">
        <v>84</v>
      </c>
      <c r="O31254" t="s">
        <v>85</v>
      </c>
      <c r="P31254" t="s">
        <v>86</v>
      </c>
      <c r="Q31254">
        <v>6</v>
      </c>
      <c r="R31254">
        <v>6</v>
      </c>
      <c r="S31254">
        <v>6</v>
      </c>
      <c r="T31254">
        <v>6</v>
      </c>
      <c r="U31254">
        <v>6</v>
      </c>
      <c r="V31254">
        <v>6</v>
      </c>
      <c r="W31254">
        <v>6</v>
      </c>
      <c r="X31254">
        <v>6</v>
      </c>
      <c r="Y31254">
        <v>6</v>
      </c>
      <c r="Z31254">
        <v>6</v>
      </c>
      <c r="AA31254">
        <v>6</v>
      </c>
      <c r="AB31254">
        <v>6</v>
      </c>
      <c r="AC31254">
        <v>6</v>
      </c>
      <c r="AD31254">
        <v>7</v>
      </c>
      <c r="AE31254">
        <v>7</v>
      </c>
      <c r="AF31254">
        <v>7</v>
      </c>
      <c r="AG31254">
        <v>7</v>
      </c>
      <c r="AH31254">
        <v>7</v>
      </c>
      <c r="AI31254">
        <v>7</v>
      </c>
      <c r="AJ31254">
        <v>7</v>
      </c>
      <c r="AK31254">
        <v>7</v>
      </c>
      <c r="AL31254">
        <v>7</v>
      </c>
      <c r="AM31254">
        <v>7</v>
      </c>
      <c r="AN31254">
        <v>7</v>
      </c>
      <c r="AO31254">
        <v>7</v>
      </c>
      <c r="AP31254">
        <v>7</v>
      </c>
      <c r="AQ31254">
        <v>7</v>
      </c>
    </row>
    <row r="31255" spans="1:43">
      <c r="A31255" t="s">
        <v>19359</v>
      </c>
      <c r="B31255" t="s">
        <v>19360</v>
      </c>
      <c r="C31255" t="s">
        <v>19355</v>
      </c>
      <c r="D31255" t="s">
        <v>19356</v>
      </c>
      <c r="E31255" t="s">
        <v>19203</v>
      </c>
      <c r="F31255" t="s">
        <v>19204</v>
      </c>
      <c r="G31255" t="s">
        <v>10734</v>
      </c>
      <c r="H31255" t="s">
        <v>10735</v>
      </c>
      <c r="I31255" s="2">
        <v>0</v>
      </c>
      <c r="J31255" s="2">
        <v>0</v>
      </c>
      <c r="K31255" s="2">
        <v>1</v>
      </c>
      <c r="L31255" t="s">
        <v>995</v>
      </c>
      <c r="M31255" t="s">
        <v>87</v>
      </c>
      <c r="N31255" t="s">
        <v>88</v>
      </c>
      <c r="O31255" t="s">
        <v>85</v>
      </c>
      <c r="P31255" t="s">
        <v>86</v>
      </c>
      <c r="Q31255">
        <v>6</v>
      </c>
      <c r="R31255">
        <v>6</v>
      </c>
      <c r="S31255">
        <v>6</v>
      </c>
      <c r="T31255">
        <v>6</v>
      </c>
      <c r="U31255">
        <v>6</v>
      </c>
      <c r="V31255">
        <v>6</v>
      </c>
      <c r="W31255">
        <v>6</v>
      </c>
      <c r="X31255">
        <v>6</v>
      </c>
      <c r="Y31255">
        <v>6</v>
      </c>
      <c r="Z31255">
        <v>6</v>
      </c>
      <c r="AA31255">
        <v>6</v>
      </c>
      <c r="AB31255">
        <v>6</v>
      </c>
      <c r="AC31255">
        <v>6</v>
      </c>
      <c r="AD31255">
        <v>6</v>
      </c>
      <c r="AE31255">
        <v>6</v>
      </c>
      <c r="AF31255">
        <v>6</v>
      </c>
      <c r="AG31255">
        <v>6</v>
      </c>
      <c r="AH31255">
        <v>6</v>
      </c>
      <c r="AI31255">
        <v>6</v>
      </c>
      <c r="AJ31255">
        <v>6</v>
      </c>
      <c r="AK31255">
        <v>6</v>
      </c>
      <c r="AL31255">
        <v>6</v>
      </c>
      <c r="AM31255">
        <v>6</v>
      </c>
      <c r="AN31255">
        <v>6</v>
      </c>
      <c r="AO31255">
        <v>6</v>
      </c>
      <c r="AP31255">
        <v>6</v>
      </c>
      <c r="AQ31255">
        <v>6</v>
      </c>
    </row>
    <row r="31256" spans="1:43">
      <c r="A31256" t="s">
        <v>19359</v>
      </c>
      <c r="B31256" t="s">
        <v>19360</v>
      </c>
      <c r="C31256" t="s">
        <v>19355</v>
      </c>
      <c r="D31256" t="s">
        <v>19356</v>
      </c>
      <c r="E31256" t="s">
        <v>19203</v>
      </c>
      <c r="F31256" t="s">
        <v>19204</v>
      </c>
      <c r="G31256" t="s">
        <v>10734</v>
      </c>
      <c r="H31256" t="s">
        <v>10735</v>
      </c>
      <c r="I31256" s="2">
        <v>0</v>
      </c>
      <c r="J31256" s="2">
        <v>0</v>
      </c>
      <c r="K31256" s="2">
        <v>1</v>
      </c>
      <c r="L31256" t="s">
        <v>995</v>
      </c>
      <c r="M31256" t="s">
        <v>89</v>
      </c>
      <c r="N31256" t="s">
        <v>90</v>
      </c>
      <c r="O31256" t="s">
        <v>85</v>
      </c>
      <c r="P31256" t="s">
        <v>86</v>
      </c>
      <c r="Q31256">
        <v>6</v>
      </c>
      <c r="R31256">
        <v>6</v>
      </c>
      <c r="S31256">
        <v>6</v>
      </c>
      <c r="T31256">
        <v>6</v>
      </c>
      <c r="U31256">
        <v>6</v>
      </c>
      <c r="V31256">
        <v>6</v>
      </c>
      <c r="W31256">
        <v>6</v>
      </c>
      <c r="X31256">
        <v>6</v>
      </c>
      <c r="Y31256">
        <v>7</v>
      </c>
      <c r="Z31256">
        <v>7</v>
      </c>
      <c r="AA31256">
        <v>7</v>
      </c>
      <c r="AB31256">
        <v>7</v>
      </c>
      <c r="AC31256">
        <v>7</v>
      </c>
      <c r="AD31256">
        <v>7</v>
      </c>
      <c r="AE31256">
        <v>7</v>
      </c>
      <c r="AF31256">
        <v>7</v>
      </c>
      <c r="AG31256">
        <v>7</v>
      </c>
      <c r="AH31256">
        <v>7</v>
      </c>
      <c r="AI31256">
        <v>7</v>
      </c>
      <c r="AJ31256">
        <v>7</v>
      </c>
      <c r="AK31256">
        <v>7</v>
      </c>
      <c r="AL31256">
        <v>7</v>
      </c>
      <c r="AM31256">
        <v>7</v>
      </c>
      <c r="AN31256">
        <v>7</v>
      </c>
      <c r="AO31256">
        <v>7</v>
      </c>
      <c r="AP31256">
        <v>7</v>
      </c>
      <c r="AQ31256">
        <v>7</v>
      </c>
    </row>
    <row r="31257" spans="1:43">
      <c r="A31257" t="s">
        <v>19359</v>
      </c>
      <c r="B31257" t="s">
        <v>19360</v>
      </c>
      <c r="C31257" t="s">
        <v>19355</v>
      </c>
      <c r="D31257" t="s">
        <v>19356</v>
      </c>
      <c r="E31257" t="s">
        <v>19203</v>
      </c>
      <c r="F31257" t="s">
        <v>19204</v>
      </c>
      <c r="G31257" t="s">
        <v>10734</v>
      </c>
      <c r="H31257" t="s">
        <v>10735</v>
      </c>
      <c r="I31257" s="2">
        <v>0</v>
      </c>
      <c r="J31257" s="2">
        <v>0</v>
      </c>
      <c r="K31257" s="2">
        <v>1</v>
      </c>
      <c r="L31257" t="s">
        <v>995</v>
      </c>
      <c r="M31257" t="s">
        <v>83</v>
      </c>
      <c r="N31257" t="s">
        <v>91</v>
      </c>
      <c r="O31257" t="s">
        <v>85</v>
      </c>
      <c r="P31257" t="s">
        <v>86</v>
      </c>
      <c r="Q31257">
        <v>6</v>
      </c>
      <c r="R31257">
        <v>6</v>
      </c>
      <c r="S31257">
        <v>6</v>
      </c>
      <c r="T31257">
        <v>6</v>
      </c>
      <c r="U31257">
        <v>6</v>
      </c>
      <c r="V31257">
        <v>6</v>
      </c>
      <c r="W31257">
        <v>6</v>
      </c>
      <c r="X31257">
        <v>6</v>
      </c>
      <c r="Y31257">
        <v>6</v>
      </c>
      <c r="Z31257">
        <v>6</v>
      </c>
      <c r="AA31257">
        <v>6</v>
      </c>
      <c r="AB31257">
        <v>6</v>
      </c>
      <c r="AC31257">
        <v>6</v>
      </c>
      <c r="AD31257">
        <v>7</v>
      </c>
      <c r="AE31257">
        <v>7</v>
      </c>
      <c r="AF31257">
        <v>7</v>
      </c>
      <c r="AG31257">
        <v>7</v>
      </c>
      <c r="AH31257">
        <v>7</v>
      </c>
      <c r="AI31257">
        <v>7</v>
      </c>
      <c r="AJ31257">
        <v>7</v>
      </c>
      <c r="AK31257">
        <v>7</v>
      </c>
      <c r="AL31257">
        <v>7</v>
      </c>
      <c r="AM31257">
        <v>7</v>
      </c>
      <c r="AN31257">
        <v>7</v>
      </c>
      <c r="AO31257">
        <v>7</v>
      </c>
      <c r="AP31257">
        <v>7</v>
      </c>
      <c r="AQ31257">
        <v>7</v>
      </c>
    </row>
    <row r="31258" spans="1:43">
      <c r="A31258" t="s">
        <v>19361</v>
      </c>
      <c r="B31258" t="s">
        <v>19362</v>
      </c>
      <c r="C31258" t="s">
        <v>19285</v>
      </c>
      <c r="D31258" t="s">
        <v>19286</v>
      </c>
      <c r="E31258" t="s">
        <v>19203</v>
      </c>
      <c r="F31258" t="s">
        <v>19204</v>
      </c>
      <c r="G31258" t="s">
        <v>10734</v>
      </c>
      <c r="H31258" t="s">
        <v>10735</v>
      </c>
      <c r="I31258" s="2">
        <v>0</v>
      </c>
      <c r="J31258" s="2">
        <v>0</v>
      </c>
      <c r="K31258" s="2">
        <v>1</v>
      </c>
      <c r="L31258" t="s">
        <v>995</v>
      </c>
      <c r="M31258" t="s">
        <v>83</v>
      </c>
      <c r="N31258" t="s">
        <v>84</v>
      </c>
      <c r="O31258" t="s">
        <v>85</v>
      </c>
      <c r="P31258" t="s">
        <v>86</v>
      </c>
      <c r="Q31258">
        <v>7</v>
      </c>
      <c r="R31258">
        <v>7</v>
      </c>
      <c r="S31258">
        <v>8</v>
      </c>
      <c r="T31258">
        <v>8</v>
      </c>
      <c r="U31258">
        <v>8</v>
      </c>
      <c r="V31258">
        <v>8</v>
      </c>
      <c r="W31258">
        <v>8</v>
      </c>
      <c r="X31258">
        <v>8</v>
      </c>
      <c r="Y31258">
        <v>8</v>
      </c>
      <c r="Z31258">
        <v>8</v>
      </c>
      <c r="AA31258">
        <v>8</v>
      </c>
      <c r="AB31258">
        <v>8</v>
      </c>
      <c r="AC31258">
        <v>8</v>
      </c>
      <c r="AD31258">
        <v>8</v>
      </c>
      <c r="AE31258">
        <v>9</v>
      </c>
      <c r="AF31258">
        <v>9</v>
      </c>
      <c r="AG31258">
        <v>9</v>
      </c>
      <c r="AH31258">
        <v>9</v>
      </c>
      <c r="AI31258">
        <v>9</v>
      </c>
      <c r="AJ31258">
        <v>9</v>
      </c>
      <c r="AK31258">
        <v>9</v>
      </c>
      <c r="AL31258">
        <v>9</v>
      </c>
      <c r="AM31258">
        <v>9</v>
      </c>
      <c r="AN31258">
        <v>9</v>
      </c>
      <c r="AO31258">
        <v>9</v>
      </c>
      <c r="AP31258">
        <v>9</v>
      </c>
      <c r="AQ31258">
        <v>9</v>
      </c>
    </row>
    <row r="31259" spans="1:43">
      <c r="A31259" t="s">
        <v>19361</v>
      </c>
      <c r="B31259" t="s">
        <v>19362</v>
      </c>
      <c r="C31259" t="s">
        <v>19285</v>
      </c>
      <c r="D31259" t="s">
        <v>19286</v>
      </c>
      <c r="E31259" t="s">
        <v>19203</v>
      </c>
      <c r="F31259" t="s">
        <v>19204</v>
      </c>
      <c r="G31259" t="s">
        <v>10734</v>
      </c>
      <c r="H31259" t="s">
        <v>10735</v>
      </c>
      <c r="I31259" s="2">
        <v>0</v>
      </c>
      <c r="J31259" s="2">
        <v>0</v>
      </c>
      <c r="K31259" s="2">
        <v>1</v>
      </c>
      <c r="L31259" t="s">
        <v>995</v>
      </c>
      <c r="M31259" t="s">
        <v>87</v>
      </c>
      <c r="N31259" t="s">
        <v>88</v>
      </c>
      <c r="O31259" t="s">
        <v>85</v>
      </c>
      <c r="P31259" t="s">
        <v>86</v>
      </c>
      <c r="Q31259">
        <v>7</v>
      </c>
      <c r="R31259">
        <v>7</v>
      </c>
      <c r="S31259">
        <v>7</v>
      </c>
      <c r="T31259">
        <v>7</v>
      </c>
      <c r="U31259">
        <v>7</v>
      </c>
      <c r="V31259">
        <v>7</v>
      </c>
      <c r="W31259">
        <v>7</v>
      </c>
      <c r="X31259">
        <v>7</v>
      </c>
      <c r="Y31259">
        <v>7</v>
      </c>
      <c r="Z31259">
        <v>7</v>
      </c>
      <c r="AA31259">
        <v>8</v>
      </c>
      <c r="AB31259">
        <v>8</v>
      </c>
      <c r="AC31259">
        <v>8</v>
      </c>
      <c r="AD31259">
        <v>8</v>
      </c>
      <c r="AE31259">
        <v>8</v>
      </c>
      <c r="AF31259">
        <v>8</v>
      </c>
      <c r="AG31259">
        <v>8</v>
      </c>
      <c r="AH31259">
        <v>8</v>
      </c>
      <c r="AI31259">
        <v>8</v>
      </c>
      <c r="AJ31259">
        <v>8</v>
      </c>
      <c r="AK31259">
        <v>8</v>
      </c>
      <c r="AL31259">
        <v>8</v>
      </c>
      <c r="AM31259">
        <v>8</v>
      </c>
      <c r="AN31259">
        <v>8</v>
      </c>
      <c r="AO31259">
        <v>8</v>
      </c>
      <c r="AP31259">
        <v>8</v>
      </c>
      <c r="AQ31259">
        <v>8</v>
      </c>
    </row>
    <row r="31260" spans="1:43">
      <c r="A31260" t="s">
        <v>19361</v>
      </c>
      <c r="B31260" t="s">
        <v>19362</v>
      </c>
      <c r="C31260" t="s">
        <v>19285</v>
      </c>
      <c r="D31260" t="s">
        <v>19286</v>
      </c>
      <c r="E31260" t="s">
        <v>19203</v>
      </c>
      <c r="F31260" t="s">
        <v>19204</v>
      </c>
      <c r="G31260" t="s">
        <v>10734</v>
      </c>
      <c r="H31260" t="s">
        <v>10735</v>
      </c>
      <c r="I31260" s="2">
        <v>0</v>
      </c>
      <c r="J31260" s="2">
        <v>0</v>
      </c>
      <c r="K31260" s="2">
        <v>1</v>
      </c>
      <c r="L31260" t="s">
        <v>995</v>
      </c>
      <c r="M31260" t="s">
        <v>89</v>
      </c>
      <c r="N31260" t="s">
        <v>90</v>
      </c>
      <c r="O31260" t="s">
        <v>85</v>
      </c>
      <c r="P31260" t="s">
        <v>86</v>
      </c>
      <c r="Q31260">
        <v>7</v>
      </c>
      <c r="R31260">
        <v>8</v>
      </c>
      <c r="S31260">
        <v>8</v>
      </c>
      <c r="T31260">
        <v>8</v>
      </c>
      <c r="U31260">
        <v>8</v>
      </c>
      <c r="V31260">
        <v>8</v>
      </c>
      <c r="W31260">
        <v>8</v>
      </c>
      <c r="X31260">
        <v>8</v>
      </c>
      <c r="Y31260">
        <v>9</v>
      </c>
      <c r="Z31260">
        <v>9</v>
      </c>
      <c r="AA31260">
        <v>9</v>
      </c>
      <c r="AB31260">
        <v>9</v>
      </c>
      <c r="AC31260">
        <v>9</v>
      </c>
      <c r="AD31260">
        <v>9</v>
      </c>
      <c r="AE31260">
        <v>9</v>
      </c>
      <c r="AF31260">
        <v>9</v>
      </c>
      <c r="AG31260">
        <v>9</v>
      </c>
      <c r="AH31260">
        <v>9</v>
      </c>
      <c r="AI31260">
        <v>9</v>
      </c>
      <c r="AJ31260">
        <v>9</v>
      </c>
      <c r="AK31260">
        <v>9</v>
      </c>
      <c r="AL31260">
        <v>9</v>
      </c>
      <c r="AM31260">
        <v>9</v>
      </c>
      <c r="AN31260">
        <v>9</v>
      </c>
      <c r="AO31260">
        <v>9</v>
      </c>
      <c r="AP31260">
        <v>9</v>
      </c>
      <c r="AQ31260">
        <v>9</v>
      </c>
    </row>
    <row r="31261" spans="1:43">
      <c r="A31261" t="s">
        <v>19361</v>
      </c>
      <c r="B31261" t="s">
        <v>19362</v>
      </c>
      <c r="C31261" t="s">
        <v>19285</v>
      </c>
      <c r="D31261" t="s">
        <v>19286</v>
      </c>
      <c r="E31261" t="s">
        <v>19203</v>
      </c>
      <c r="F31261" t="s">
        <v>19204</v>
      </c>
      <c r="G31261" t="s">
        <v>10734</v>
      </c>
      <c r="H31261" t="s">
        <v>10735</v>
      </c>
      <c r="I31261" s="2">
        <v>0</v>
      </c>
      <c r="J31261" s="2">
        <v>0</v>
      </c>
      <c r="K31261" s="2">
        <v>1</v>
      </c>
      <c r="L31261" t="s">
        <v>995</v>
      </c>
      <c r="M31261" t="s">
        <v>83</v>
      </c>
      <c r="N31261" t="s">
        <v>91</v>
      </c>
      <c r="O31261" t="s">
        <v>85</v>
      </c>
      <c r="P31261" t="s">
        <v>86</v>
      </c>
      <c r="Q31261">
        <v>7</v>
      </c>
      <c r="R31261">
        <v>7</v>
      </c>
      <c r="S31261">
        <v>8</v>
      </c>
      <c r="T31261">
        <v>8</v>
      </c>
      <c r="U31261">
        <v>8</v>
      </c>
      <c r="V31261">
        <v>8</v>
      </c>
      <c r="W31261">
        <v>8</v>
      </c>
      <c r="X31261">
        <v>8</v>
      </c>
      <c r="Y31261">
        <v>8</v>
      </c>
      <c r="Z31261">
        <v>8</v>
      </c>
      <c r="AA31261">
        <v>8</v>
      </c>
      <c r="AB31261">
        <v>8</v>
      </c>
      <c r="AC31261">
        <v>8</v>
      </c>
      <c r="AD31261">
        <v>8</v>
      </c>
      <c r="AE31261">
        <v>9</v>
      </c>
      <c r="AF31261">
        <v>9</v>
      </c>
      <c r="AG31261">
        <v>9</v>
      </c>
      <c r="AH31261">
        <v>9</v>
      </c>
      <c r="AI31261">
        <v>9</v>
      </c>
      <c r="AJ31261">
        <v>9</v>
      </c>
      <c r="AK31261">
        <v>9</v>
      </c>
      <c r="AL31261">
        <v>9</v>
      </c>
      <c r="AM31261">
        <v>9</v>
      </c>
      <c r="AN31261">
        <v>9</v>
      </c>
      <c r="AO31261">
        <v>9</v>
      </c>
      <c r="AP31261">
        <v>9</v>
      </c>
      <c r="AQ31261">
        <v>9</v>
      </c>
    </row>
    <row r="31262" spans="1:43">
      <c r="A31262" t="s">
        <v>19363</v>
      </c>
      <c r="B31262" t="s">
        <v>19364</v>
      </c>
      <c r="C31262" t="s">
        <v>19355</v>
      </c>
      <c r="D31262" t="s">
        <v>19356</v>
      </c>
      <c r="E31262" t="s">
        <v>19203</v>
      </c>
      <c r="F31262" t="s">
        <v>19204</v>
      </c>
      <c r="G31262" t="s">
        <v>10734</v>
      </c>
      <c r="H31262" t="s">
        <v>10735</v>
      </c>
      <c r="I31262" s="2">
        <v>0</v>
      </c>
      <c r="J31262" s="2">
        <v>0</v>
      </c>
      <c r="K31262" s="2">
        <v>1</v>
      </c>
      <c r="L31262" t="s">
        <v>995</v>
      </c>
      <c r="M31262" t="s">
        <v>83</v>
      </c>
      <c r="N31262" t="s">
        <v>84</v>
      </c>
      <c r="O31262" t="s">
        <v>85</v>
      </c>
      <c r="P31262" t="s">
        <v>86</v>
      </c>
      <c r="Q31262">
        <v>33</v>
      </c>
      <c r="R31262">
        <v>33</v>
      </c>
      <c r="S31262">
        <v>34</v>
      </c>
      <c r="T31262">
        <v>34</v>
      </c>
      <c r="U31262">
        <v>35</v>
      </c>
      <c r="V31262">
        <v>35</v>
      </c>
      <c r="W31262">
        <v>35</v>
      </c>
      <c r="X31262">
        <v>36</v>
      </c>
      <c r="Y31262">
        <v>36</v>
      </c>
      <c r="Z31262">
        <v>37</v>
      </c>
      <c r="AA31262">
        <v>37</v>
      </c>
      <c r="AB31262">
        <v>37</v>
      </c>
      <c r="AC31262">
        <v>38</v>
      </c>
      <c r="AD31262">
        <v>38</v>
      </c>
      <c r="AE31262">
        <v>38</v>
      </c>
      <c r="AF31262">
        <v>39</v>
      </c>
      <c r="AG31262">
        <v>39</v>
      </c>
      <c r="AH31262">
        <v>39</v>
      </c>
      <c r="AI31262">
        <v>40</v>
      </c>
      <c r="AJ31262">
        <v>40</v>
      </c>
      <c r="AK31262">
        <v>40</v>
      </c>
      <c r="AL31262">
        <v>40</v>
      </c>
      <c r="AM31262">
        <v>40</v>
      </c>
      <c r="AN31262">
        <v>40</v>
      </c>
      <c r="AO31262">
        <v>40</v>
      </c>
      <c r="AP31262">
        <v>40</v>
      </c>
      <c r="AQ31262">
        <v>40</v>
      </c>
    </row>
    <row r="31263" spans="1:43">
      <c r="A31263" t="s">
        <v>19363</v>
      </c>
      <c r="B31263" t="s">
        <v>19364</v>
      </c>
      <c r="C31263" t="s">
        <v>19355</v>
      </c>
      <c r="D31263" t="s">
        <v>19356</v>
      </c>
      <c r="E31263" t="s">
        <v>19203</v>
      </c>
      <c r="F31263" t="s">
        <v>19204</v>
      </c>
      <c r="G31263" t="s">
        <v>10734</v>
      </c>
      <c r="H31263" t="s">
        <v>10735</v>
      </c>
      <c r="I31263" s="2">
        <v>0</v>
      </c>
      <c r="J31263" s="2">
        <v>0</v>
      </c>
      <c r="K31263" s="2">
        <v>1</v>
      </c>
      <c r="L31263" t="s">
        <v>995</v>
      </c>
      <c r="M31263" t="s">
        <v>87</v>
      </c>
      <c r="N31263" t="s">
        <v>88</v>
      </c>
      <c r="O31263" t="s">
        <v>85</v>
      </c>
      <c r="P31263" t="s">
        <v>86</v>
      </c>
      <c r="Q31263">
        <v>33</v>
      </c>
      <c r="R31263">
        <v>33</v>
      </c>
      <c r="S31263">
        <v>33</v>
      </c>
      <c r="T31263">
        <v>33</v>
      </c>
      <c r="U31263">
        <v>33</v>
      </c>
      <c r="V31263">
        <v>33</v>
      </c>
      <c r="W31263">
        <v>33</v>
      </c>
      <c r="X31263">
        <v>33</v>
      </c>
      <c r="Y31263">
        <v>33</v>
      </c>
      <c r="Z31263">
        <v>34</v>
      </c>
      <c r="AA31263">
        <v>34</v>
      </c>
      <c r="AB31263">
        <v>34</v>
      </c>
      <c r="AC31263">
        <v>34</v>
      </c>
      <c r="AD31263">
        <v>34</v>
      </c>
      <c r="AE31263">
        <v>34</v>
      </c>
      <c r="AF31263">
        <v>34</v>
      </c>
      <c r="AG31263">
        <v>34</v>
      </c>
      <c r="AH31263">
        <v>34</v>
      </c>
      <c r="AI31263">
        <v>34</v>
      </c>
      <c r="AJ31263">
        <v>34</v>
      </c>
      <c r="AK31263">
        <v>35</v>
      </c>
      <c r="AL31263">
        <v>35</v>
      </c>
      <c r="AM31263">
        <v>35</v>
      </c>
      <c r="AN31263">
        <v>35</v>
      </c>
      <c r="AO31263">
        <v>35</v>
      </c>
      <c r="AP31263">
        <v>35</v>
      </c>
      <c r="AQ31263">
        <v>35</v>
      </c>
    </row>
    <row r="31264" spans="1:43">
      <c r="A31264" t="s">
        <v>19363</v>
      </c>
      <c r="B31264" t="s">
        <v>19364</v>
      </c>
      <c r="C31264" t="s">
        <v>19355</v>
      </c>
      <c r="D31264" t="s">
        <v>19356</v>
      </c>
      <c r="E31264" t="s">
        <v>19203</v>
      </c>
      <c r="F31264" t="s">
        <v>19204</v>
      </c>
      <c r="G31264" t="s">
        <v>10734</v>
      </c>
      <c r="H31264" t="s">
        <v>10735</v>
      </c>
      <c r="I31264" s="2">
        <v>0</v>
      </c>
      <c r="J31264" s="2">
        <v>0</v>
      </c>
      <c r="K31264" s="2">
        <v>1</v>
      </c>
      <c r="L31264" t="s">
        <v>995</v>
      </c>
      <c r="M31264" t="s">
        <v>89</v>
      </c>
      <c r="N31264" t="s">
        <v>90</v>
      </c>
      <c r="O31264" t="s">
        <v>85</v>
      </c>
      <c r="P31264" t="s">
        <v>86</v>
      </c>
      <c r="Q31264">
        <v>33</v>
      </c>
      <c r="R31264">
        <v>34</v>
      </c>
      <c r="S31264">
        <v>35</v>
      </c>
      <c r="T31264">
        <v>35</v>
      </c>
      <c r="U31264">
        <v>36</v>
      </c>
      <c r="V31264">
        <v>37</v>
      </c>
      <c r="W31264">
        <v>37</v>
      </c>
      <c r="X31264">
        <v>38</v>
      </c>
      <c r="Y31264">
        <v>38</v>
      </c>
      <c r="Z31264">
        <v>39</v>
      </c>
      <c r="AA31264">
        <v>39</v>
      </c>
      <c r="AB31264">
        <v>40</v>
      </c>
      <c r="AC31264">
        <v>40</v>
      </c>
      <c r="AD31264">
        <v>41</v>
      </c>
      <c r="AE31264">
        <v>41</v>
      </c>
      <c r="AF31264">
        <v>41</v>
      </c>
      <c r="AG31264">
        <v>41</v>
      </c>
      <c r="AH31264">
        <v>41</v>
      </c>
      <c r="AI31264">
        <v>41</v>
      </c>
      <c r="AJ31264">
        <v>41</v>
      </c>
      <c r="AK31264">
        <v>41</v>
      </c>
      <c r="AL31264">
        <v>41</v>
      </c>
      <c r="AM31264">
        <v>41</v>
      </c>
      <c r="AN31264">
        <v>41</v>
      </c>
      <c r="AO31264">
        <v>41</v>
      </c>
      <c r="AP31264">
        <v>41</v>
      </c>
      <c r="AQ31264">
        <v>41</v>
      </c>
    </row>
    <row r="31265" spans="1:43">
      <c r="A31265" t="s">
        <v>19363</v>
      </c>
      <c r="B31265" t="s">
        <v>19364</v>
      </c>
      <c r="C31265" t="s">
        <v>19355</v>
      </c>
      <c r="D31265" t="s">
        <v>19356</v>
      </c>
      <c r="E31265" t="s">
        <v>19203</v>
      </c>
      <c r="F31265" t="s">
        <v>19204</v>
      </c>
      <c r="G31265" t="s">
        <v>10734</v>
      </c>
      <c r="H31265" t="s">
        <v>10735</v>
      </c>
      <c r="I31265" s="2">
        <v>0</v>
      </c>
      <c r="J31265" s="2">
        <v>0</v>
      </c>
      <c r="K31265" s="2">
        <v>1</v>
      </c>
      <c r="L31265" t="s">
        <v>995</v>
      </c>
      <c r="M31265" t="s">
        <v>83</v>
      </c>
      <c r="N31265" t="s">
        <v>91</v>
      </c>
      <c r="O31265" t="s">
        <v>85</v>
      </c>
      <c r="P31265" t="s">
        <v>86</v>
      </c>
      <c r="Q31265">
        <v>33</v>
      </c>
      <c r="R31265">
        <v>33</v>
      </c>
      <c r="S31265">
        <v>34</v>
      </c>
      <c r="T31265">
        <v>34</v>
      </c>
      <c r="U31265">
        <v>35</v>
      </c>
      <c r="V31265">
        <v>35</v>
      </c>
      <c r="W31265">
        <v>35</v>
      </c>
      <c r="X31265">
        <v>36</v>
      </c>
      <c r="Y31265">
        <v>36</v>
      </c>
      <c r="Z31265">
        <v>37</v>
      </c>
      <c r="AA31265">
        <v>37</v>
      </c>
      <c r="AB31265">
        <v>37</v>
      </c>
      <c r="AC31265">
        <v>38</v>
      </c>
      <c r="AD31265">
        <v>38</v>
      </c>
      <c r="AE31265">
        <v>38</v>
      </c>
      <c r="AF31265">
        <v>39</v>
      </c>
      <c r="AG31265">
        <v>39</v>
      </c>
      <c r="AH31265">
        <v>39</v>
      </c>
      <c r="AI31265">
        <v>40</v>
      </c>
      <c r="AJ31265">
        <v>40</v>
      </c>
      <c r="AK31265">
        <v>40</v>
      </c>
      <c r="AL31265">
        <v>40</v>
      </c>
      <c r="AM31265">
        <v>40</v>
      </c>
      <c r="AN31265">
        <v>40</v>
      </c>
      <c r="AO31265">
        <v>40</v>
      </c>
      <c r="AP31265">
        <v>40</v>
      </c>
      <c r="AQ31265">
        <v>40</v>
      </c>
    </row>
    <row r="31266" spans="1:43">
      <c r="A31266" t="s">
        <v>19365</v>
      </c>
      <c r="B31266" t="s">
        <v>19366</v>
      </c>
      <c r="C31266" t="s">
        <v>19355</v>
      </c>
      <c r="D31266" t="s">
        <v>19356</v>
      </c>
      <c r="E31266" t="s">
        <v>19203</v>
      </c>
      <c r="F31266" t="s">
        <v>19204</v>
      </c>
      <c r="G31266" t="s">
        <v>10734</v>
      </c>
      <c r="H31266" t="s">
        <v>10735</v>
      </c>
      <c r="I31266" s="2">
        <v>0</v>
      </c>
      <c r="J31266" s="2">
        <v>0</v>
      </c>
      <c r="K31266" s="2">
        <v>1</v>
      </c>
      <c r="L31266" t="s">
        <v>995</v>
      </c>
      <c r="M31266" t="s">
        <v>83</v>
      </c>
      <c r="N31266" t="s">
        <v>84</v>
      </c>
      <c r="O31266" t="s">
        <v>85</v>
      </c>
      <c r="P31266" t="s">
        <v>86</v>
      </c>
      <c r="Q31266">
        <v>23</v>
      </c>
      <c r="R31266">
        <v>23</v>
      </c>
      <c r="S31266">
        <v>23</v>
      </c>
      <c r="T31266">
        <v>24</v>
      </c>
      <c r="U31266">
        <v>24</v>
      </c>
      <c r="V31266">
        <v>24</v>
      </c>
      <c r="W31266">
        <v>24</v>
      </c>
      <c r="X31266">
        <v>25</v>
      </c>
      <c r="Y31266">
        <v>25</v>
      </c>
      <c r="Z31266">
        <v>25</v>
      </c>
      <c r="AA31266">
        <v>26</v>
      </c>
      <c r="AB31266">
        <v>26</v>
      </c>
      <c r="AC31266">
        <v>26</v>
      </c>
      <c r="AD31266">
        <v>26</v>
      </c>
      <c r="AE31266">
        <v>27</v>
      </c>
      <c r="AF31266">
        <v>27</v>
      </c>
      <c r="AG31266">
        <v>27</v>
      </c>
      <c r="AH31266">
        <v>27</v>
      </c>
      <c r="AI31266">
        <v>27</v>
      </c>
      <c r="AJ31266">
        <v>28</v>
      </c>
      <c r="AK31266">
        <v>28</v>
      </c>
      <c r="AL31266">
        <v>28</v>
      </c>
      <c r="AM31266">
        <v>28</v>
      </c>
      <c r="AN31266">
        <v>28</v>
      </c>
      <c r="AO31266">
        <v>28</v>
      </c>
      <c r="AP31266">
        <v>28</v>
      </c>
      <c r="AQ31266">
        <v>28</v>
      </c>
    </row>
    <row r="31267" spans="1:43">
      <c r="A31267" t="s">
        <v>19365</v>
      </c>
      <c r="B31267" t="s">
        <v>19366</v>
      </c>
      <c r="C31267" t="s">
        <v>19355</v>
      </c>
      <c r="D31267" t="s">
        <v>19356</v>
      </c>
      <c r="E31267" t="s">
        <v>19203</v>
      </c>
      <c r="F31267" t="s">
        <v>19204</v>
      </c>
      <c r="G31267" t="s">
        <v>10734</v>
      </c>
      <c r="H31267" t="s">
        <v>10735</v>
      </c>
      <c r="I31267" s="2">
        <v>0</v>
      </c>
      <c r="J31267" s="2">
        <v>0</v>
      </c>
      <c r="K31267" s="2">
        <v>1</v>
      </c>
      <c r="L31267" t="s">
        <v>995</v>
      </c>
      <c r="M31267" t="s">
        <v>87</v>
      </c>
      <c r="N31267" t="s">
        <v>88</v>
      </c>
      <c r="O31267" t="s">
        <v>85</v>
      </c>
      <c r="P31267" t="s">
        <v>86</v>
      </c>
      <c r="Q31267">
        <v>23</v>
      </c>
      <c r="R31267">
        <v>23</v>
      </c>
      <c r="S31267">
        <v>23</v>
      </c>
      <c r="T31267">
        <v>23</v>
      </c>
      <c r="U31267">
        <v>23</v>
      </c>
      <c r="V31267">
        <v>23</v>
      </c>
      <c r="W31267">
        <v>23</v>
      </c>
      <c r="X31267">
        <v>23</v>
      </c>
      <c r="Y31267">
        <v>23</v>
      </c>
      <c r="Z31267">
        <v>23</v>
      </c>
      <c r="AA31267">
        <v>23</v>
      </c>
      <c r="AB31267">
        <v>23</v>
      </c>
      <c r="AC31267">
        <v>23</v>
      </c>
      <c r="AD31267">
        <v>23</v>
      </c>
      <c r="AE31267">
        <v>24</v>
      </c>
      <c r="AF31267">
        <v>24</v>
      </c>
      <c r="AG31267">
        <v>24</v>
      </c>
      <c r="AH31267">
        <v>24</v>
      </c>
      <c r="AI31267">
        <v>24</v>
      </c>
      <c r="AJ31267">
        <v>24</v>
      </c>
      <c r="AK31267">
        <v>24</v>
      </c>
      <c r="AL31267">
        <v>24</v>
      </c>
      <c r="AM31267">
        <v>24</v>
      </c>
      <c r="AN31267">
        <v>24</v>
      </c>
      <c r="AO31267">
        <v>24</v>
      </c>
      <c r="AP31267">
        <v>24</v>
      </c>
      <c r="AQ31267">
        <v>24</v>
      </c>
    </row>
    <row r="31268" spans="1:43">
      <c r="A31268" t="s">
        <v>19365</v>
      </c>
      <c r="B31268" t="s">
        <v>19366</v>
      </c>
      <c r="C31268" t="s">
        <v>19355</v>
      </c>
      <c r="D31268" t="s">
        <v>19356</v>
      </c>
      <c r="E31268" t="s">
        <v>19203</v>
      </c>
      <c r="F31268" t="s">
        <v>19204</v>
      </c>
      <c r="G31268" t="s">
        <v>10734</v>
      </c>
      <c r="H31268" t="s">
        <v>10735</v>
      </c>
      <c r="I31268" s="2">
        <v>0</v>
      </c>
      <c r="J31268" s="2">
        <v>0</v>
      </c>
      <c r="K31268" s="2">
        <v>1</v>
      </c>
      <c r="L31268" t="s">
        <v>995</v>
      </c>
      <c r="M31268" t="s">
        <v>89</v>
      </c>
      <c r="N31268" t="s">
        <v>90</v>
      </c>
      <c r="O31268" t="s">
        <v>85</v>
      </c>
      <c r="P31268" t="s">
        <v>86</v>
      </c>
      <c r="Q31268">
        <v>23</v>
      </c>
      <c r="R31268">
        <v>23</v>
      </c>
      <c r="S31268">
        <v>24</v>
      </c>
      <c r="T31268">
        <v>24</v>
      </c>
      <c r="U31268">
        <v>25</v>
      </c>
      <c r="V31268">
        <v>25</v>
      </c>
      <c r="W31268">
        <v>26</v>
      </c>
      <c r="X31268">
        <v>26</v>
      </c>
      <c r="Y31268">
        <v>26</v>
      </c>
      <c r="Z31268">
        <v>27</v>
      </c>
      <c r="AA31268">
        <v>27</v>
      </c>
      <c r="AB31268">
        <v>27</v>
      </c>
      <c r="AC31268">
        <v>28</v>
      </c>
      <c r="AD31268">
        <v>28</v>
      </c>
      <c r="AE31268">
        <v>28</v>
      </c>
      <c r="AF31268">
        <v>28</v>
      </c>
      <c r="AG31268">
        <v>28</v>
      </c>
      <c r="AH31268">
        <v>28</v>
      </c>
      <c r="AI31268">
        <v>28</v>
      </c>
      <c r="AJ31268">
        <v>28</v>
      </c>
      <c r="AK31268">
        <v>28</v>
      </c>
      <c r="AL31268">
        <v>28</v>
      </c>
      <c r="AM31268">
        <v>28</v>
      </c>
      <c r="AN31268">
        <v>28</v>
      </c>
      <c r="AO31268">
        <v>28</v>
      </c>
      <c r="AP31268">
        <v>28</v>
      </c>
      <c r="AQ31268">
        <v>28</v>
      </c>
    </row>
    <row r="31269" spans="1:43">
      <c r="A31269" t="s">
        <v>19365</v>
      </c>
      <c r="B31269" t="s">
        <v>19366</v>
      </c>
      <c r="C31269" t="s">
        <v>19355</v>
      </c>
      <c r="D31269" t="s">
        <v>19356</v>
      </c>
      <c r="E31269" t="s">
        <v>19203</v>
      </c>
      <c r="F31269" t="s">
        <v>19204</v>
      </c>
      <c r="G31269" t="s">
        <v>10734</v>
      </c>
      <c r="H31269" t="s">
        <v>10735</v>
      </c>
      <c r="I31269" s="2">
        <v>0</v>
      </c>
      <c r="J31269" s="2">
        <v>0</v>
      </c>
      <c r="K31269" s="2">
        <v>1</v>
      </c>
      <c r="L31269" t="s">
        <v>995</v>
      </c>
      <c r="M31269" t="s">
        <v>83</v>
      </c>
      <c r="N31269" t="s">
        <v>91</v>
      </c>
      <c r="O31269" t="s">
        <v>85</v>
      </c>
      <c r="P31269" t="s">
        <v>86</v>
      </c>
      <c r="Q31269">
        <v>23</v>
      </c>
      <c r="R31269">
        <v>23</v>
      </c>
      <c r="S31269">
        <v>23</v>
      </c>
      <c r="T31269">
        <v>24</v>
      </c>
      <c r="U31269">
        <v>24</v>
      </c>
      <c r="V31269">
        <v>24</v>
      </c>
      <c r="W31269">
        <v>24</v>
      </c>
      <c r="X31269">
        <v>25</v>
      </c>
      <c r="Y31269">
        <v>25</v>
      </c>
      <c r="Z31269">
        <v>25</v>
      </c>
      <c r="AA31269">
        <v>26</v>
      </c>
      <c r="AB31269">
        <v>26</v>
      </c>
      <c r="AC31269">
        <v>26</v>
      </c>
      <c r="AD31269">
        <v>26</v>
      </c>
      <c r="AE31269">
        <v>27</v>
      </c>
      <c r="AF31269">
        <v>27</v>
      </c>
      <c r="AG31269">
        <v>27</v>
      </c>
      <c r="AH31269">
        <v>27</v>
      </c>
      <c r="AI31269">
        <v>27</v>
      </c>
      <c r="AJ31269">
        <v>28</v>
      </c>
      <c r="AK31269">
        <v>28</v>
      </c>
      <c r="AL31269">
        <v>28</v>
      </c>
      <c r="AM31269">
        <v>28</v>
      </c>
      <c r="AN31269">
        <v>28</v>
      </c>
      <c r="AO31269">
        <v>28</v>
      </c>
      <c r="AP31269">
        <v>28</v>
      </c>
      <c r="AQ31269">
        <v>28</v>
      </c>
    </row>
    <row r="31270" spans="1:43">
      <c r="A31270" t="s">
        <v>19367</v>
      </c>
      <c r="B31270" t="s">
        <v>19368</v>
      </c>
      <c r="C31270" t="s">
        <v>19355</v>
      </c>
      <c r="D31270" t="s">
        <v>19356</v>
      </c>
      <c r="E31270" t="s">
        <v>19203</v>
      </c>
      <c r="F31270" t="s">
        <v>19204</v>
      </c>
      <c r="G31270" t="s">
        <v>10734</v>
      </c>
      <c r="H31270" t="s">
        <v>10735</v>
      </c>
      <c r="I31270" s="2">
        <v>0</v>
      </c>
      <c r="J31270" s="2">
        <v>0</v>
      </c>
      <c r="K31270" s="2">
        <v>1</v>
      </c>
      <c r="L31270" t="s">
        <v>995</v>
      </c>
      <c r="M31270" t="s">
        <v>83</v>
      </c>
      <c r="N31270" t="s">
        <v>84</v>
      </c>
      <c r="O31270" t="s">
        <v>85</v>
      </c>
      <c r="P31270" t="s">
        <v>86</v>
      </c>
      <c r="Q31270">
        <v>20</v>
      </c>
      <c r="R31270">
        <v>20</v>
      </c>
      <c r="S31270">
        <v>20</v>
      </c>
      <c r="T31270">
        <v>21</v>
      </c>
      <c r="U31270">
        <v>21</v>
      </c>
      <c r="V31270">
        <v>21</v>
      </c>
      <c r="W31270">
        <v>21</v>
      </c>
      <c r="X31270">
        <v>22</v>
      </c>
      <c r="Y31270">
        <v>22</v>
      </c>
      <c r="Z31270">
        <v>22</v>
      </c>
      <c r="AA31270">
        <v>22</v>
      </c>
      <c r="AB31270">
        <v>23</v>
      </c>
      <c r="AC31270">
        <v>23</v>
      </c>
      <c r="AD31270">
        <v>23</v>
      </c>
      <c r="AE31270">
        <v>23</v>
      </c>
      <c r="AF31270">
        <v>23</v>
      </c>
      <c r="AG31270">
        <v>24</v>
      </c>
      <c r="AH31270">
        <v>24</v>
      </c>
      <c r="AI31270">
        <v>24</v>
      </c>
      <c r="AJ31270">
        <v>24</v>
      </c>
      <c r="AK31270">
        <v>24</v>
      </c>
      <c r="AL31270">
        <v>24</v>
      </c>
      <c r="AM31270">
        <v>24</v>
      </c>
      <c r="AN31270">
        <v>24</v>
      </c>
      <c r="AO31270">
        <v>24</v>
      </c>
      <c r="AP31270">
        <v>24</v>
      </c>
      <c r="AQ31270">
        <v>24</v>
      </c>
    </row>
    <row r="31271" spans="1:43">
      <c r="A31271" t="s">
        <v>19367</v>
      </c>
      <c r="B31271" t="s">
        <v>19368</v>
      </c>
      <c r="C31271" t="s">
        <v>19355</v>
      </c>
      <c r="D31271" t="s">
        <v>19356</v>
      </c>
      <c r="E31271" t="s">
        <v>19203</v>
      </c>
      <c r="F31271" t="s">
        <v>19204</v>
      </c>
      <c r="G31271" t="s">
        <v>10734</v>
      </c>
      <c r="H31271" t="s">
        <v>10735</v>
      </c>
      <c r="I31271" s="2">
        <v>0</v>
      </c>
      <c r="J31271" s="2">
        <v>0</v>
      </c>
      <c r="K31271" s="2">
        <v>1</v>
      </c>
      <c r="L31271" t="s">
        <v>995</v>
      </c>
      <c r="M31271" t="s">
        <v>87</v>
      </c>
      <c r="N31271" t="s">
        <v>88</v>
      </c>
      <c r="O31271" t="s">
        <v>85</v>
      </c>
      <c r="P31271" t="s">
        <v>86</v>
      </c>
      <c r="Q31271">
        <v>20</v>
      </c>
      <c r="R31271">
        <v>20</v>
      </c>
      <c r="S31271">
        <v>20</v>
      </c>
      <c r="T31271">
        <v>20</v>
      </c>
      <c r="U31271">
        <v>20</v>
      </c>
      <c r="V31271">
        <v>20</v>
      </c>
      <c r="W31271">
        <v>20</v>
      </c>
      <c r="X31271">
        <v>20</v>
      </c>
      <c r="Y31271">
        <v>20</v>
      </c>
      <c r="Z31271">
        <v>20</v>
      </c>
      <c r="AA31271">
        <v>20</v>
      </c>
      <c r="AB31271">
        <v>20</v>
      </c>
      <c r="AC31271">
        <v>21</v>
      </c>
      <c r="AD31271">
        <v>21</v>
      </c>
      <c r="AE31271">
        <v>21</v>
      </c>
      <c r="AF31271">
        <v>21</v>
      </c>
      <c r="AG31271">
        <v>21</v>
      </c>
      <c r="AH31271">
        <v>21</v>
      </c>
      <c r="AI31271">
        <v>21</v>
      </c>
      <c r="AJ31271">
        <v>21</v>
      </c>
      <c r="AK31271">
        <v>21</v>
      </c>
      <c r="AL31271">
        <v>21</v>
      </c>
      <c r="AM31271">
        <v>21</v>
      </c>
      <c r="AN31271">
        <v>21</v>
      </c>
      <c r="AO31271">
        <v>21</v>
      </c>
      <c r="AP31271">
        <v>21</v>
      </c>
      <c r="AQ31271">
        <v>21</v>
      </c>
    </row>
    <row r="31272" spans="1:43">
      <c r="A31272" t="s">
        <v>19367</v>
      </c>
      <c r="B31272" t="s">
        <v>19368</v>
      </c>
      <c r="C31272" t="s">
        <v>19355</v>
      </c>
      <c r="D31272" t="s">
        <v>19356</v>
      </c>
      <c r="E31272" t="s">
        <v>19203</v>
      </c>
      <c r="F31272" t="s">
        <v>19204</v>
      </c>
      <c r="G31272" t="s">
        <v>10734</v>
      </c>
      <c r="H31272" t="s">
        <v>10735</v>
      </c>
      <c r="I31272" s="2">
        <v>0</v>
      </c>
      <c r="J31272" s="2">
        <v>0</v>
      </c>
      <c r="K31272" s="2">
        <v>1</v>
      </c>
      <c r="L31272" t="s">
        <v>995</v>
      </c>
      <c r="M31272" t="s">
        <v>89</v>
      </c>
      <c r="N31272" t="s">
        <v>90</v>
      </c>
      <c r="O31272" t="s">
        <v>85</v>
      </c>
      <c r="P31272" t="s">
        <v>86</v>
      </c>
      <c r="Q31272">
        <v>20</v>
      </c>
      <c r="R31272">
        <v>21</v>
      </c>
      <c r="S31272">
        <v>21</v>
      </c>
      <c r="T31272">
        <v>21</v>
      </c>
      <c r="U31272">
        <v>22</v>
      </c>
      <c r="V31272">
        <v>22</v>
      </c>
      <c r="W31272">
        <v>23</v>
      </c>
      <c r="X31272">
        <v>23</v>
      </c>
      <c r="Y31272">
        <v>23</v>
      </c>
      <c r="Z31272">
        <v>24</v>
      </c>
      <c r="AA31272">
        <v>24</v>
      </c>
      <c r="AB31272">
        <v>24</v>
      </c>
      <c r="AC31272">
        <v>24</v>
      </c>
      <c r="AD31272">
        <v>25</v>
      </c>
      <c r="AE31272">
        <v>25</v>
      </c>
      <c r="AF31272">
        <v>25</v>
      </c>
      <c r="AG31272">
        <v>25</v>
      </c>
      <c r="AH31272">
        <v>25</v>
      </c>
      <c r="AI31272">
        <v>25</v>
      </c>
      <c r="AJ31272">
        <v>25</v>
      </c>
      <c r="AK31272">
        <v>25</v>
      </c>
      <c r="AL31272">
        <v>25</v>
      </c>
      <c r="AM31272">
        <v>25</v>
      </c>
      <c r="AN31272">
        <v>25</v>
      </c>
      <c r="AO31272">
        <v>25</v>
      </c>
      <c r="AP31272">
        <v>25</v>
      </c>
      <c r="AQ31272">
        <v>25</v>
      </c>
    </row>
    <row r="31273" spans="1:43">
      <c r="A31273" t="s">
        <v>19367</v>
      </c>
      <c r="B31273" t="s">
        <v>19368</v>
      </c>
      <c r="C31273" t="s">
        <v>19355</v>
      </c>
      <c r="D31273" t="s">
        <v>19356</v>
      </c>
      <c r="E31273" t="s">
        <v>19203</v>
      </c>
      <c r="F31273" t="s">
        <v>19204</v>
      </c>
      <c r="G31273" t="s">
        <v>10734</v>
      </c>
      <c r="H31273" t="s">
        <v>10735</v>
      </c>
      <c r="I31273" s="2">
        <v>0</v>
      </c>
      <c r="J31273" s="2">
        <v>0</v>
      </c>
      <c r="K31273" s="2">
        <v>1</v>
      </c>
      <c r="L31273" t="s">
        <v>995</v>
      </c>
      <c r="M31273" t="s">
        <v>83</v>
      </c>
      <c r="N31273" t="s">
        <v>91</v>
      </c>
      <c r="O31273" t="s">
        <v>85</v>
      </c>
      <c r="P31273" t="s">
        <v>86</v>
      </c>
      <c r="Q31273">
        <v>20</v>
      </c>
      <c r="R31273">
        <v>20</v>
      </c>
      <c r="S31273">
        <v>20</v>
      </c>
      <c r="T31273">
        <v>21</v>
      </c>
      <c r="U31273">
        <v>21</v>
      </c>
      <c r="V31273">
        <v>21</v>
      </c>
      <c r="W31273">
        <v>21</v>
      </c>
      <c r="X31273">
        <v>22</v>
      </c>
      <c r="Y31273">
        <v>22</v>
      </c>
      <c r="Z31273">
        <v>22</v>
      </c>
      <c r="AA31273">
        <v>22</v>
      </c>
      <c r="AB31273">
        <v>23</v>
      </c>
      <c r="AC31273">
        <v>23</v>
      </c>
      <c r="AD31273">
        <v>23</v>
      </c>
      <c r="AE31273">
        <v>23</v>
      </c>
      <c r="AF31273">
        <v>23</v>
      </c>
      <c r="AG31273">
        <v>24</v>
      </c>
      <c r="AH31273">
        <v>24</v>
      </c>
      <c r="AI31273">
        <v>24</v>
      </c>
      <c r="AJ31273">
        <v>24</v>
      </c>
      <c r="AK31273">
        <v>24</v>
      </c>
      <c r="AL31273">
        <v>24</v>
      </c>
      <c r="AM31273">
        <v>24</v>
      </c>
      <c r="AN31273">
        <v>24</v>
      </c>
      <c r="AO31273">
        <v>24</v>
      </c>
      <c r="AP31273">
        <v>24</v>
      </c>
      <c r="AQ31273">
        <v>24</v>
      </c>
    </row>
    <row r="31274" spans="1:43">
      <c r="A31274" t="s">
        <v>19369</v>
      </c>
      <c r="B31274" t="s">
        <v>19370</v>
      </c>
      <c r="C31274" t="s">
        <v>19215</v>
      </c>
      <c r="D31274" t="s">
        <v>19216</v>
      </c>
      <c r="E31274" t="s">
        <v>19203</v>
      </c>
      <c r="F31274" t="s">
        <v>19204</v>
      </c>
      <c r="G31274" t="s">
        <v>10734</v>
      </c>
      <c r="H31274" t="s">
        <v>10735</v>
      </c>
      <c r="I31274" s="2">
        <v>0</v>
      </c>
      <c r="J31274" s="2">
        <v>0</v>
      </c>
      <c r="K31274" s="2">
        <v>1</v>
      </c>
      <c r="L31274" t="s">
        <v>995</v>
      </c>
      <c r="M31274" t="s">
        <v>83</v>
      </c>
      <c r="N31274" t="s">
        <v>84</v>
      </c>
      <c r="O31274" t="s">
        <v>85</v>
      </c>
      <c r="P31274" t="s">
        <v>86</v>
      </c>
      <c r="Q31274">
        <v>66</v>
      </c>
      <c r="R31274">
        <v>67</v>
      </c>
      <c r="S31274">
        <v>68</v>
      </c>
      <c r="T31274">
        <v>69</v>
      </c>
      <c r="U31274">
        <v>70</v>
      </c>
      <c r="V31274">
        <v>70</v>
      </c>
      <c r="W31274">
        <v>71</v>
      </c>
      <c r="X31274">
        <v>72</v>
      </c>
      <c r="Y31274">
        <v>73</v>
      </c>
      <c r="Z31274">
        <v>73</v>
      </c>
      <c r="AA31274">
        <v>74</v>
      </c>
      <c r="AB31274">
        <v>75</v>
      </c>
      <c r="AC31274">
        <v>75</v>
      </c>
      <c r="AD31274">
        <v>76</v>
      </c>
      <c r="AE31274">
        <v>77</v>
      </c>
      <c r="AF31274">
        <v>77</v>
      </c>
      <c r="AG31274">
        <v>78</v>
      </c>
      <c r="AH31274">
        <v>79</v>
      </c>
      <c r="AI31274">
        <v>79</v>
      </c>
      <c r="AJ31274">
        <v>80</v>
      </c>
      <c r="AK31274">
        <v>81</v>
      </c>
      <c r="AL31274">
        <v>81</v>
      </c>
      <c r="AM31274">
        <v>80</v>
      </c>
      <c r="AN31274">
        <v>80</v>
      </c>
      <c r="AO31274">
        <v>80</v>
      </c>
      <c r="AP31274">
        <v>80</v>
      </c>
      <c r="AQ31274">
        <v>80</v>
      </c>
    </row>
    <row r="31275" spans="1:43">
      <c r="A31275" t="s">
        <v>19369</v>
      </c>
      <c r="B31275" t="s">
        <v>19370</v>
      </c>
      <c r="C31275" t="s">
        <v>19215</v>
      </c>
      <c r="D31275" t="s">
        <v>19216</v>
      </c>
      <c r="E31275" t="s">
        <v>19203</v>
      </c>
      <c r="F31275" t="s">
        <v>19204</v>
      </c>
      <c r="G31275" t="s">
        <v>10734</v>
      </c>
      <c r="H31275" t="s">
        <v>10735</v>
      </c>
      <c r="I31275" s="2">
        <v>0</v>
      </c>
      <c r="J31275" s="2">
        <v>0</v>
      </c>
      <c r="K31275" s="2">
        <v>1</v>
      </c>
      <c r="L31275" t="s">
        <v>995</v>
      </c>
      <c r="M31275" t="s">
        <v>87</v>
      </c>
      <c r="N31275" t="s">
        <v>88</v>
      </c>
      <c r="O31275" t="s">
        <v>85</v>
      </c>
      <c r="P31275" t="s">
        <v>86</v>
      </c>
      <c r="Q31275">
        <v>66</v>
      </c>
      <c r="R31275">
        <v>66</v>
      </c>
      <c r="S31275">
        <v>66</v>
      </c>
      <c r="T31275">
        <v>66</v>
      </c>
      <c r="U31275">
        <v>66</v>
      </c>
      <c r="V31275">
        <v>67</v>
      </c>
      <c r="W31275">
        <v>67</v>
      </c>
      <c r="X31275">
        <v>67</v>
      </c>
      <c r="Y31275">
        <v>67</v>
      </c>
      <c r="Z31275">
        <v>67</v>
      </c>
      <c r="AA31275">
        <v>67</v>
      </c>
      <c r="AB31275">
        <v>68</v>
      </c>
      <c r="AC31275">
        <v>68</v>
      </c>
      <c r="AD31275">
        <v>68</v>
      </c>
      <c r="AE31275">
        <v>68</v>
      </c>
      <c r="AF31275">
        <v>68</v>
      </c>
      <c r="AG31275">
        <v>68</v>
      </c>
      <c r="AH31275">
        <v>68</v>
      </c>
      <c r="AI31275">
        <v>68</v>
      </c>
      <c r="AJ31275">
        <v>68</v>
      </c>
      <c r="AK31275">
        <v>69</v>
      </c>
      <c r="AL31275">
        <v>69</v>
      </c>
      <c r="AM31275">
        <v>69</v>
      </c>
      <c r="AN31275">
        <v>69</v>
      </c>
      <c r="AO31275">
        <v>69</v>
      </c>
      <c r="AP31275">
        <v>69</v>
      </c>
      <c r="AQ31275">
        <v>69</v>
      </c>
    </row>
    <row r="31276" spans="1:43">
      <c r="A31276" t="s">
        <v>19369</v>
      </c>
      <c r="B31276" t="s">
        <v>19370</v>
      </c>
      <c r="C31276" t="s">
        <v>19215</v>
      </c>
      <c r="D31276" t="s">
        <v>19216</v>
      </c>
      <c r="E31276" t="s">
        <v>19203</v>
      </c>
      <c r="F31276" t="s">
        <v>19204</v>
      </c>
      <c r="G31276" t="s">
        <v>10734</v>
      </c>
      <c r="H31276" t="s">
        <v>10735</v>
      </c>
      <c r="I31276" s="2">
        <v>0</v>
      </c>
      <c r="J31276" s="2">
        <v>0</v>
      </c>
      <c r="K31276" s="2">
        <v>1</v>
      </c>
      <c r="L31276" t="s">
        <v>995</v>
      </c>
      <c r="M31276" t="s">
        <v>89</v>
      </c>
      <c r="N31276" t="s">
        <v>90</v>
      </c>
      <c r="O31276" t="s">
        <v>85</v>
      </c>
      <c r="P31276" t="s">
        <v>86</v>
      </c>
      <c r="Q31276">
        <v>66</v>
      </c>
      <c r="R31276">
        <v>67</v>
      </c>
      <c r="S31276">
        <v>69</v>
      </c>
      <c r="T31276">
        <v>70</v>
      </c>
      <c r="U31276">
        <v>71</v>
      </c>
      <c r="V31276">
        <v>73</v>
      </c>
      <c r="W31276">
        <v>74</v>
      </c>
      <c r="X31276">
        <v>75</v>
      </c>
      <c r="Y31276">
        <v>76</v>
      </c>
      <c r="Z31276">
        <v>77</v>
      </c>
      <c r="AA31276">
        <v>78</v>
      </c>
      <c r="AB31276">
        <v>79</v>
      </c>
      <c r="AC31276">
        <v>80</v>
      </c>
      <c r="AD31276">
        <v>81</v>
      </c>
      <c r="AE31276">
        <v>81</v>
      </c>
      <c r="AF31276">
        <v>81</v>
      </c>
      <c r="AG31276">
        <v>81</v>
      </c>
      <c r="AH31276">
        <v>81</v>
      </c>
      <c r="AI31276">
        <v>81</v>
      </c>
      <c r="AJ31276">
        <v>81</v>
      </c>
      <c r="AK31276">
        <v>81</v>
      </c>
      <c r="AL31276">
        <v>80</v>
      </c>
      <c r="AM31276">
        <v>80</v>
      </c>
      <c r="AN31276">
        <v>80</v>
      </c>
      <c r="AO31276">
        <v>80</v>
      </c>
      <c r="AP31276">
        <v>80</v>
      </c>
      <c r="AQ31276">
        <v>79</v>
      </c>
    </row>
    <row r="31277" spans="1:43">
      <c r="A31277" t="s">
        <v>19369</v>
      </c>
      <c r="B31277" t="s">
        <v>19370</v>
      </c>
      <c r="C31277" t="s">
        <v>19215</v>
      </c>
      <c r="D31277" t="s">
        <v>19216</v>
      </c>
      <c r="E31277" t="s">
        <v>19203</v>
      </c>
      <c r="F31277" t="s">
        <v>19204</v>
      </c>
      <c r="G31277" t="s">
        <v>10734</v>
      </c>
      <c r="H31277" t="s">
        <v>10735</v>
      </c>
      <c r="I31277" s="2">
        <v>0</v>
      </c>
      <c r="J31277" s="2">
        <v>0</v>
      </c>
      <c r="K31277" s="2">
        <v>1</v>
      </c>
      <c r="L31277" t="s">
        <v>995</v>
      </c>
      <c r="M31277" t="s">
        <v>83</v>
      </c>
      <c r="N31277" t="s">
        <v>91</v>
      </c>
      <c r="O31277" t="s">
        <v>85</v>
      </c>
      <c r="P31277" t="s">
        <v>86</v>
      </c>
      <c r="Q31277">
        <v>66</v>
      </c>
      <c r="R31277">
        <v>67</v>
      </c>
      <c r="S31277">
        <v>68</v>
      </c>
      <c r="T31277">
        <v>69</v>
      </c>
      <c r="U31277">
        <v>70</v>
      </c>
      <c r="V31277">
        <v>70</v>
      </c>
      <c r="W31277">
        <v>71</v>
      </c>
      <c r="X31277">
        <v>72</v>
      </c>
      <c r="Y31277">
        <v>73</v>
      </c>
      <c r="Z31277">
        <v>73</v>
      </c>
      <c r="AA31277">
        <v>74</v>
      </c>
      <c r="AB31277">
        <v>75</v>
      </c>
      <c r="AC31277">
        <v>75</v>
      </c>
      <c r="AD31277">
        <v>76</v>
      </c>
      <c r="AE31277">
        <v>77</v>
      </c>
      <c r="AF31277">
        <v>77</v>
      </c>
      <c r="AG31277">
        <v>78</v>
      </c>
      <c r="AH31277">
        <v>79</v>
      </c>
      <c r="AI31277">
        <v>79</v>
      </c>
      <c r="AJ31277">
        <v>80</v>
      </c>
      <c r="AK31277">
        <v>81</v>
      </c>
      <c r="AL31277">
        <v>81</v>
      </c>
      <c r="AM31277">
        <v>80</v>
      </c>
      <c r="AN31277">
        <v>80</v>
      </c>
      <c r="AO31277">
        <v>80</v>
      </c>
      <c r="AP31277">
        <v>80</v>
      </c>
      <c r="AQ31277">
        <v>80</v>
      </c>
    </row>
    <row r="31278" spans="1:43">
      <c r="A31278" t="s">
        <v>19371</v>
      </c>
      <c r="B31278" t="s">
        <v>19372</v>
      </c>
      <c r="C31278" t="s">
        <v>19215</v>
      </c>
      <c r="D31278" t="s">
        <v>19216</v>
      </c>
      <c r="E31278" t="s">
        <v>19203</v>
      </c>
      <c r="F31278" t="s">
        <v>19204</v>
      </c>
      <c r="G31278" t="s">
        <v>10734</v>
      </c>
      <c r="H31278" t="s">
        <v>10735</v>
      </c>
      <c r="I31278" s="2">
        <v>0</v>
      </c>
      <c r="J31278" s="2">
        <v>0</v>
      </c>
      <c r="K31278" s="2">
        <v>1</v>
      </c>
      <c r="L31278" t="s">
        <v>995</v>
      </c>
      <c r="M31278" t="s">
        <v>83</v>
      </c>
      <c r="N31278" t="s">
        <v>84</v>
      </c>
      <c r="O31278" t="s">
        <v>85</v>
      </c>
      <c r="P31278" t="s">
        <v>86</v>
      </c>
      <c r="Q31278">
        <v>27</v>
      </c>
      <c r="R31278">
        <v>27</v>
      </c>
      <c r="S31278">
        <v>28</v>
      </c>
      <c r="T31278">
        <v>28</v>
      </c>
      <c r="U31278">
        <v>28</v>
      </c>
      <c r="V31278">
        <v>29</v>
      </c>
      <c r="W31278">
        <v>29</v>
      </c>
      <c r="X31278">
        <v>29</v>
      </c>
      <c r="Y31278">
        <v>29</v>
      </c>
      <c r="Z31278">
        <v>30</v>
      </c>
      <c r="AA31278">
        <v>30</v>
      </c>
      <c r="AB31278">
        <v>30</v>
      </c>
      <c r="AC31278">
        <v>31</v>
      </c>
      <c r="AD31278">
        <v>31</v>
      </c>
      <c r="AE31278">
        <v>31</v>
      </c>
      <c r="AF31278">
        <v>31</v>
      </c>
      <c r="AG31278">
        <v>32</v>
      </c>
      <c r="AH31278">
        <v>32</v>
      </c>
      <c r="AI31278">
        <v>32</v>
      </c>
      <c r="AJ31278">
        <v>32</v>
      </c>
      <c r="AK31278">
        <v>32</v>
      </c>
      <c r="AL31278">
        <v>33</v>
      </c>
      <c r="AM31278">
        <v>32</v>
      </c>
      <c r="AN31278">
        <v>32</v>
      </c>
      <c r="AO31278">
        <v>32</v>
      </c>
      <c r="AP31278">
        <v>32</v>
      </c>
      <c r="AQ31278">
        <v>32</v>
      </c>
    </row>
    <row r="31279" spans="1:43">
      <c r="A31279" t="s">
        <v>19371</v>
      </c>
      <c r="B31279" t="s">
        <v>19372</v>
      </c>
      <c r="C31279" t="s">
        <v>19215</v>
      </c>
      <c r="D31279" t="s">
        <v>19216</v>
      </c>
      <c r="E31279" t="s">
        <v>19203</v>
      </c>
      <c r="F31279" t="s">
        <v>19204</v>
      </c>
      <c r="G31279" t="s">
        <v>10734</v>
      </c>
      <c r="H31279" t="s">
        <v>10735</v>
      </c>
      <c r="I31279" s="2">
        <v>0</v>
      </c>
      <c r="J31279" s="2">
        <v>0</v>
      </c>
      <c r="K31279" s="2">
        <v>1</v>
      </c>
      <c r="L31279" t="s">
        <v>995</v>
      </c>
      <c r="M31279" t="s">
        <v>87</v>
      </c>
      <c r="N31279" t="s">
        <v>88</v>
      </c>
      <c r="O31279" t="s">
        <v>85</v>
      </c>
      <c r="P31279" t="s">
        <v>86</v>
      </c>
      <c r="Q31279">
        <v>27</v>
      </c>
      <c r="R31279">
        <v>27</v>
      </c>
      <c r="S31279">
        <v>27</v>
      </c>
      <c r="T31279">
        <v>27</v>
      </c>
      <c r="U31279">
        <v>27</v>
      </c>
      <c r="V31279">
        <v>27</v>
      </c>
      <c r="W31279">
        <v>27</v>
      </c>
      <c r="X31279">
        <v>27</v>
      </c>
      <c r="Y31279">
        <v>27</v>
      </c>
      <c r="Z31279">
        <v>27</v>
      </c>
      <c r="AA31279">
        <v>27</v>
      </c>
      <c r="AB31279">
        <v>27</v>
      </c>
      <c r="AC31279">
        <v>27</v>
      </c>
      <c r="AD31279">
        <v>27</v>
      </c>
      <c r="AE31279">
        <v>27</v>
      </c>
      <c r="AF31279">
        <v>27</v>
      </c>
      <c r="AG31279">
        <v>28</v>
      </c>
      <c r="AH31279">
        <v>28</v>
      </c>
      <c r="AI31279">
        <v>28</v>
      </c>
      <c r="AJ31279">
        <v>28</v>
      </c>
      <c r="AK31279">
        <v>28</v>
      </c>
      <c r="AL31279">
        <v>28</v>
      </c>
      <c r="AM31279">
        <v>28</v>
      </c>
      <c r="AN31279">
        <v>28</v>
      </c>
      <c r="AO31279">
        <v>28</v>
      </c>
      <c r="AP31279">
        <v>28</v>
      </c>
      <c r="AQ31279">
        <v>28</v>
      </c>
    </row>
    <row r="31280" spans="1:43">
      <c r="A31280" t="s">
        <v>19371</v>
      </c>
      <c r="B31280" t="s">
        <v>19372</v>
      </c>
      <c r="C31280" t="s">
        <v>19215</v>
      </c>
      <c r="D31280" t="s">
        <v>19216</v>
      </c>
      <c r="E31280" t="s">
        <v>19203</v>
      </c>
      <c r="F31280" t="s">
        <v>19204</v>
      </c>
      <c r="G31280" t="s">
        <v>10734</v>
      </c>
      <c r="H31280" t="s">
        <v>10735</v>
      </c>
      <c r="I31280" s="2">
        <v>0</v>
      </c>
      <c r="J31280" s="2">
        <v>0</v>
      </c>
      <c r="K31280" s="2">
        <v>1</v>
      </c>
      <c r="L31280" t="s">
        <v>995</v>
      </c>
      <c r="M31280" t="s">
        <v>89</v>
      </c>
      <c r="N31280" t="s">
        <v>90</v>
      </c>
      <c r="O31280" t="s">
        <v>85</v>
      </c>
      <c r="P31280" t="s">
        <v>86</v>
      </c>
      <c r="Q31280">
        <v>27</v>
      </c>
      <c r="R31280">
        <v>28</v>
      </c>
      <c r="S31280">
        <v>28</v>
      </c>
      <c r="T31280">
        <v>29</v>
      </c>
      <c r="U31280">
        <v>29</v>
      </c>
      <c r="V31280">
        <v>30</v>
      </c>
      <c r="W31280">
        <v>30</v>
      </c>
      <c r="X31280">
        <v>31</v>
      </c>
      <c r="Y31280">
        <v>31</v>
      </c>
      <c r="Z31280">
        <v>32</v>
      </c>
      <c r="AA31280">
        <v>32</v>
      </c>
      <c r="AB31280">
        <v>32</v>
      </c>
      <c r="AC31280">
        <v>33</v>
      </c>
      <c r="AD31280">
        <v>33</v>
      </c>
      <c r="AE31280">
        <v>33</v>
      </c>
      <c r="AF31280">
        <v>33</v>
      </c>
      <c r="AG31280">
        <v>33</v>
      </c>
      <c r="AH31280">
        <v>33</v>
      </c>
      <c r="AI31280">
        <v>33</v>
      </c>
      <c r="AJ31280">
        <v>33</v>
      </c>
      <c r="AK31280">
        <v>33</v>
      </c>
      <c r="AL31280">
        <v>33</v>
      </c>
      <c r="AM31280">
        <v>33</v>
      </c>
      <c r="AN31280">
        <v>33</v>
      </c>
      <c r="AO31280">
        <v>33</v>
      </c>
      <c r="AP31280">
        <v>32</v>
      </c>
      <c r="AQ31280">
        <v>32</v>
      </c>
    </row>
    <row r="31281" spans="1:43">
      <c r="A31281" t="s">
        <v>19371</v>
      </c>
      <c r="B31281" t="s">
        <v>19372</v>
      </c>
      <c r="C31281" t="s">
        <v>19215</v>
      </c>
      <c r="D31281" t="s">
        <v>19216</v>
      </c>
      <c r="E31281" t="s">
        <v>19203</v>
      </c>
      <c r="F31281" t="s">
        <v>19204</v>
      </c>
      <c r="G31281" t="s">
        <v>10734</v>
      </c>
      <c r="H31281" t="s">
        <v>10735</v>
      </c>
      <c r="I31281" s="2">
        <v>0</v>
      </c>
      <c r="J31281" s="2">
        <v>0</v>
      </c>
      <c r="K31281" s="2">
        <v>1</v>
      </c>
      <c r="L31281" t="s">
        <v>995</v>
      </c>
      <c r="M31281" t="s">
        <v>83</v>
      </c>
      <c r="N31281" t="s">
        <v>91</v>
      </c>
      <c r="O31281" t="s">
        <v>85</v>
      </c>
      <c r="P31281" t="s">
        <v>86</v>
      </c>
      <c r="Q31281">
        <v>27</v>
      </c>
      <c r="R31281">
        <v>27</v>
      </c>
      <c r="S31281">
        <v>28</v>
      </c>
      <c r="T31281">
        <v>28</v>
      </c>
      <c r="U31281">
        <v>28</v>
      </c>
      <c r="V31281">
        <v>29</v>
      </c>
      <c r="W31281">
        <v>29</v>
      </c>
      <c r="X31281">
        <v>29</v>
      </c>
      <c r="Y31281">
        <v>29</v>
      </c>
      <c r="Z31281">
        <v>30</v>
      </c>
      <c r="AA31281">
        <v>30</v>
      </c>
      <c r="AB31281">
        <v>30</v>
      </c>
      <c r="AC31281">
        <v>31</v>
      </c>
      <c r="AD31281">
        <v>31</v>
      </c>
      <c r="AE31281">
        <v>31</v>
      </c>
      <c r="AF31281">
        <v>31</v>
      </c>
      <c r="AG31281">
        <v>32</v>
      </c>
      <c r="AH31281">
        <v>32</v>
      </c>
      <c r="AI31281">
        <v>32</v>
      </c>
      <c r="AJ31281">
        <v>32</v>
      </c>
      <c r="AK31281">
        <v>32</v>
      </c>
      <c r="AL31281">
        <v>33</v>
      </c>
      <c r="AM31281">
        <v>32</v>
      </c>
      <c r="AN31281">
        <v>32</v>
      </c>
      <c r="AO31281">
        <v>32</v>
      </c>
      <c r="AP31281">
        <v>32</v>
      </c>
      <c r="AQ31281">
        <v>32</v>
      </c>
    </row>
    <row r="31282" spans="1:43">
      <c r="A31282" t="s">
        <v>19373</v>
      </c>
      <c r="B31282" t="s">
        <v>19374</v>
      </c>
      <c r="C31282" t="s">
        <v>19215</v>
      </c>
      <c r="D31282" t="s">
        <v>19216</v>
      </c>
      <c r="E31282" t="s">
        <v>19203</v>
      </c>
      <c r="F31282" t="s">
        <v>19204</v>
      </c>
      <c r="G31282" t="s">
        <v>10734</v>
      </c>
      <c r="H31282" t="s">
        <v>10735</v>
      </c>
      <c r="I31282" s="2">
        <v>0</v>
      </c>
      <c r="J31282" s="2">
        <v>0</v>
      </c>
      <c r="K31282" s="2">
        <v>1</v>
      </c>
      <c r="L31282" t="s">
        <v>995</v>
      </c>
      <c r="M31282" t="s">
        <v>83</v>
      </c>
      <c r="N31282" t="s">
        <v>84</v>
      </c>
      <c r="O31282" t="s">
        <v>85</v>
      </c>
      <c r="P31282" t="s">
        <v>86</v>
      </c>
      <c r="Q31282">
        <v>72</v>
      </c>
      <c r="R31282">
        <v>73</v>
      </c>
      <c r="S31282">
        <v>74</v>
      </c>
      <c r="T31282">
        <v>74</v>
      </c>
      <c r="U31282">
        <v>75</v>
      </c>
      <c r="V31282">
        <v>76</v>
      </c>
      <c r="W31282">
        <v>77</v>
      </c>
      <c r="X31282">
        <v>78</v>
      </c>
      <c r="Y31282">
        <v>79</v>
      </c>
      <c r="Z31282">
        <v>79</v>
      </c>
      <c r="AA31282">
        <v>80</v>
      </c>
      <c r="AB31282">
        <v>81</v>
      </c>
      <c r="AC31282">
        <v>82</v>
      </c>
      <c r="AD31282">
        <v>82</v>
      </c>
      <c r="AE31282">
        <v>83</v>
      </c>
      <c r="AF31282">
        <v>84</v>
      </c>
      <c r="AG31282">
        <v>84</v>
      </c>
      <c r="AH31282">
        <v>85</v>
      </c>
      <c r="AI31282">
        <v>86</v>
      </c>
      <c r="AJ31282">
        <v>86</v>
      </c>
      <c r="AK31282">
        <v>87</v>
      </c>
      <c r="AL31282">
        <v>87</v>
      </c>
      <c r="AM31282">
        <v>87</v>
      </c>
      <c r="AN31282">
        <v>87</v>
      </c>
      <c r="AO31282">
        <v>87</v>
      </c>
      <c r="AP31282">
        <v>86</v>
      </c>
      <c r="AQ31282">
        <v>86</v>
      </c>
    </row>
    <row r="31283" spans="1:43">
      <c r="A31283" t="s">
        <v>19373</v>
      </c>
      <c r="B31283" t="s">
        <v>19374</v>
      </c>
      <c r="C31283" t="s">
        <v>19215</v>
      </c>
      <c r="D31283" t="s">
        <v>19216</v>
      </c>
      <c r="E31283" t="s">
        <v>19203</v>
      </c>
      <c r="F31283" t="s">
        <v>19204</v>
      </c>
      <c r="G31283" t="s">
        <v>10734</v>
      </c>
      <c r="H31283" t="s">
        <v>10735</v>
      </c>
      <c r="I31283" s="2">
        <v>0</v>
      </c>
      <c r="J31283" s="2">
        <v>0</v>
      </c>
      <c r="K31283" s="2">
        <v>1</v>
      </c>
      <c r="L31283" t="s">
        <v>995</v>
      </c>
      <c r="M31283" t="s">
        <v>87</v>
      </c>
      <c r="N31283" t="s">
        <v>88</v>
      </c>
      <c r="O31283" t="s">
        <v>85</v>
      </c>
      <c r="P31283" t="s">
        <v>86</v>
      </c>
      <c r="Q31283">
        <v>72</v>
      </c>
      <c r="R31283">
        <v>72</v>
      </c>
      <c r="S31283">
        <v>73</v>
      </c>
      <c r="T31283">
        <v>73</v>
      </c>
      <c r="U31283">
        <v>73</v>
      </c>
      <c r="V31283">
        <v>73</v>
      </c>
      <c r="W31283">
        <v>73</v>
      </c>
      <c r="X31283">
        <v>74</v>
      </c>
      <c r="Y31283">
        <v>74</v>
      </c>
      <c r="Z31283">
        <v>74</v>
      </c>
      <c r="AA31283">
        <v>74</v>
      </c>
      <c r="AB31283">
        <v>74</v>
      </c>
      <c r="AC31283">
        <v>74</v>
      </c>
      <c r="AD31283">
        <v>74</v>
      </c>
      <c r="AE31283">
        <v>75</v>
      </c>
      <c r="AF31283">
        <v>75</v>
      </c>
      <c r="AG31283">
        <v>75</v>
      </c>
      <c r="AH31283">
        <v>75</v>
      </c>
      <c r="AI31283">
        <v>75</v>
      </c>
      <c r="AJ31283">
        <v>75</v>
      </c>
      <c r="AK31283">
        <v>75</v>
      </c>
      <c r="AL31283">
        <v>75</v>
      </c>
      <c r="AM31283">
        <v>75</v>
      </c>
      <c r="AN31283">
        <v>75</v>
      </c>
      <c r="AO31283">
        <v>76</v>
      </c>
      <c r="AP31283">
        <v>76</v>
      </c>
      <c r="AQ31283">
        <v>76</v>
      </c>
    </row>
    <row r="31284" spans="1:43">
      <c r="A31284" t="s">
        <v>19373</v>
      </c>
      <c r="B31284" t="s">
        <v>19374</v>
      </c>
      <c r="C31284" t="s">
        <v>19215</v>
      </c>
      <c r="D31284" t="s">
        <v>19216</v>
      </c>
      <c r="E31284" t="s">
        <v>19203</v>
      </c>
      <c r="F31284" t="s">
        <v>19204</v>
      </c>
      <c r="G31284" t="s">
        <v>10734</v>
      </c>
      <c r="H31284" t="s">
        <v>10735</v>
      </c>
      <c r="I31284" s="2">
        <v>0</v>
      </c>
      <c r="J31284" s="2">
        <v>0</v>
      </c>
      <c r="K31284" s="2">
        <v>1</v>
      </c>
      <c r="L31284" t="s">
        <v>995</v>
      </c>
      <c r="M31284" t="s">
        <v>89</v>
      </c>
      <c r="N31284" t="s">
        <v>90</v>
      </c>
      <c r="O31284" t="s">
        <v>85</v>
      </c>
      <c r="P31284" t="s">
        <v>86</v>
      </c>
      <c r="Q31284">
        <v>72</v>
      </c>
      <c r="R31284">
        <v>73</v>
      </c>
      <c r="S31284">
        <v>75</v>
      </c>
      <c r="T31284">
        <v>76</v>
      </c>
      <c r="U31284">
        <v>77</v>
      </c>
      <c r="V31284">
        <v>79</v>
      </c>
      <c r="W31284">
        <v>80</v>
      </c>
      <c r="X31284">
        <v>81</v>
      </c>
      <c r="Y31284">
        <v>82</v>
      </c>
      <c r="Z31284">
        <v>83</v>
      </c>
      <c r="AA31284">
        <v>84</v>
      </c>
      <c r="AB31284">
        <v>85</v>
      </c>
      <c r="AC31284">
        <v>87</v>
      </c>
      <c r="AD31284">
        <v>88</v>
      </c>
      <c r="AE31284">
        <v>88</v>
      </c>
      <c r="AF31284">
        <v>88</v>
      </c>
      <c r="AG31284">
        <v>88</v>
      </c>
      <c r="AH31284">
        <v>88</v>
      </c>
      <c r="AI31284">
        <v>88</v>
      </c>
      <c r="AJ31284">
        <v>87</v>
      </c>
      <c r="AK31284">
        <v>87</v>
      </c>
      <c r="AL31284">
        <v>87</v>
      </c>
      <c r="AM31284">
        <v>87</v>
      </c>
      <c r="AN31284">
        <v>87</v>
      </c>
      <c r="AO31284">
        <v>86</v>
      </c>
      <c r="AP31284">
        <v>86</v>
      </c>
      <c r="AQ31284">
        <v>86</v>
      </c>
    </row>
    <row r="31285" spans="1:43">
      <c r="A31285" t="s">
        <v>19373</v>
      </c>
      <c r="B31285" t="s">
        <v>19374</v>
      </c>
      <c r="C31285" t="s">
        <v>19215</v>
      </c>
      <c r="D31285" t="s">
        <v>19216</v>
      </c>
      <c r="E31285" t="s">
        <v>19203</v>
      </c>
      <c r="F31285" t="s">
        <v>19204</v>
      </c>
      <c r="G31285" t="s">
        <v>10734</v>
      </c>
      <c r="H31285" t="s">
        <v>10735</v>
      </c>
      <c r="I31285" s="2">
        <v>0</v>
      </c>
      <c r="J31285" s="2">
        <v>0</v>
      </c>
      <c r="K31285" s="2">
        <v>1</v>
      </c>
      <c r="L31285" t="s">
        <v>995</v>
      </c>
      <c r="M31285" t="s">
        <v>83</v>
      </c>
      <c r="N31285" t="s">
        <v>91</v>
      </c>
      <c r="O31285" t="s">
        <v>85</v>
      </c>
      <c r="P31285" t="s">
        <v>86</v>
      </c>
      <c r="Q31285">
        <v>72</v>
      </c>
      <c r="R31285">
        <v>73</v>
      </c>
      <c r="S31285">
        <v>74</v>
      </c>
      <c r="T31285">
        <v>74</v>
      </c>
      <c r="U31285">
        <v>75</v>
      </c>
      <c r="V31285">
        <v>76</v>
      </c>
      <c r="W31285">
        <v>77</v>
      </c>
      <c r="X31285">
        <v>78</v>
      </c>
      <c r="Y31285">
        <v>79</v>
      </c>
      <c r="Z31285">
        <v>79</v>
      </c>
      <c r="AA31285">
        <v>80</v>
      </c>
      <c r="AB31285">
        <v>81</v>
      </c>
      <c r="AC31285">
        <v>82</v>
      </c>
      <c r="AD31285">
        <v>82</v>
      </c>
      <c r="AE31285">
        <v>83</v>
      </c>
      <c r="AF31285">
        <v>84</v>
      </c>
      <c r="AG31285">
        <v>84</v>
      </c>
      <c r="AH31285">
        <v>85</v>
      </c>
      <c r="AI31285">
        <v>86</v>
      </c>
      <c r="AJ31285">
        <v>86</v>
      </c>
      <c r="AK31285">
        <v>87</v>
      </c>
      <c r="AL31285">
        <v>87</v>
      </c>
      <c r="AM31285">
        <v>87</v>
      </c>
      <c r="AN31285">
        <v>87</v>
      </c>
      <c r="AO31285">
        <v>87</v>
      </c>
      <c r="AP31285">
        <v>86</v>
      </c>
      <c r="AQ31285">
        <v>86</v>
      </c>
    </row>
    <row r="31286" spans="1:43">
      <c r="A31286" t="s">
        <v>19375</v>
      </c>
      <c r="B31286" t="s">
        <v>19376</v>
      </c>
      <c r="C31286" t="s">
        <v>19377</v>
      </c>
      <c r="D31286" t="s">
        <v>19378</v>
      </c>
      <c r="E31286" t="s">
        <v>19379</v>
      </c>
      <c r="F31286" t="s">
        <v>19380</v>
      </c>
      <c r="G31286" t="s">
        <v>10734</v>
      </c>
      <c r="H31286" t="s">
        <v>10735</v>
      </c>
      <c r="I31286" s="2">
        <v>0</v>
      </c>
      <c r="J31286" s="2">
        <v>0</v>
      </c>
      <c r="K31286" s="2">
        <v>1</v>
      </c>
      <c r="L31286" t="s">
        <v>995</v>
      </c>
      <c r="M31286" t="s">
        <v>83</v>
      </c>
      <c r="N31286" t="s">
        <v>84</v>
      </c>
      <c r="O31286" t="s">
        <v>85</v>
      </c>
      <c r="P31286" t="s">
        <v>86</v>
      </c>
      <c r="Q31286">
        <v>58</v>
      </c>
      <c r="R31286">
        <v>59</v>
      </c>
      <c r="S31286">
        <v>60</v>
      </c>
      <c r="T31286">
        <v>62</v>
      </c>
      <c r="U31286">
        <v>63</v>
      </c>
      <c r="V31286">
        <v>64</v>
      </c>
      <c r="W31286">
        <v>65</v>
      </c>
      <c r="X31286">
        <v>67</v>
      </c>
      <c r="Y31286">
        <v>68</v>
      </c>
      <c r="Z31286">
        <v>69</v>
      </c>
      <c r="AA31286">
        <v>71</v>
      </c>
      <c r="AB31286">
        <v>72</v>
      </c>
      <c r="AC31286">
        <v>73</v>
      </c>
      <c r="AD31286">
        <v>74</v>
      </c>
      <c r="AE31286">
        <v>76</v>
      </c>
      <c r="AF31286">
        <v>77</v>
      </c>
      <c r="AG31286">
        <v>78</v>
      </c>
      <c r="AH31286">
        <v>79</v>
      </c>
      <c r="AI31286">
        <v>81</v>
      </c>
      <c r="AJ31286">
        <v>82</v>
      </c>
      <c r="AK31286">
        <v>83</v>
      </c>
      <c r="AL31286">
        <v>84</v>
      </c>
      <c r="AM31286">
        <v>84</v>
      </c>
      <c r="AN31286">
        <v>85</v>
      </c>
      <c r="AO31286">
        <v>85</v>
      </c>
      <c r="AP31286">
        <v>86</v>
      </c>
      <c r="AQ31286">
        <v>86</v>
      </c>
    </row>
    <row r="31287" spans="1:43">
      <c r="A31287" t="s">
        <v>19375</v>
      </c>
      <c r="B31287" t="s">
        <v>19376</v>
      </c>
      <c r="C31287" t="s">
        <v>19377</v>
      </c>
      <c r="D31287" t="s">
        <v>19378</v>
      </c>
      <c r="E31287" t="s">
        <v>19379</v>
      </c>
      <c r="F31287" t="s">
        <v>19380</v>
      </c>
      <c r="G31287" t="s">
        <v>10734</v>
      </c>
      <c r="H31287" t="s">
        <v>10735</v>
      </c>
      <c r="I31287" s="2">
        <v>0</v>
      </c>
      <c r="J31287" s="2">
        <v>0</v>
      </c>
      <c r="K31287" s="2">
        <v>1</v>
      </c>
      <c r="L31287" t="s">
        <v>995</v>
      </c>
      <c r="M31287" t="s">
        <v>87</v>
      </c>
      <c r="N31287" t="s">
        <v>88</v>
      </c>
      <c r="O31287" t="s">
        <v>85</v>
      </c>
      <c r="P31287" t="s">
        <v>86</v>
      </c>
      <c r="Q31287">
        <v>58</v>
      </c>
      <c r="R31287">
        <v>59</v>
      </c>
      <c r="S31287">
        <v>60</v>
      </c>
      <c r="T31287">
        <v>60</v>
      </c>
      <c r="U31287">
        <v>61</v>
      </c>
      <c r="V31287">
        <v>62</v>
      </c>
      <c r="W31287">
        <v>63</v>
      </c>
      <c r="X31287">
        <v>63</v>
      </c>
      <c r="Y31287">
        <v>64</v>
      </c>
      <c r="Z31287">
        <v>65</v>
      </c>
      <c r="AA31287">
        <v>65</v>
      </c>
      <c r="AB31287">
        <v>66</v>
      </c>
      <c r="AC31287">
        <v>67</v>
      </c>
      <c r="AD31287">
        <v>67</v>
      </c>
      <c r="AE31287">
        <v>68</v>
      </c>
      <c r="AF31287">
        <v>69</v>
      </c>
      <c r="AG31287">
        <v>69</v>
      </c>
      <c r="AH31287">
        <v>70</v>
      </c>
      <c r="AI31287">
        <v>71</v>
      </c>
      <c r="AJ31287">
        <v>71</v>
      </c>
      <c r="AK31287">
        <v>72</v>
      </c>
      <c r="AL31287">
        <v>73</v>
      </c>
      <c r="AM31287">
        <v>73</v>
      </c>
      <c r="AN31287">
        <v>74</v>
      </c>
      <c r="AO31287">
        <v>75</v>
      </c>
      <c r="AP31287">
        <v>75</v>
      </c>
      <c r="AQ31287">
        <v>76</v>
      </c>
    </row>
    <row r="31288" spans="1:43">
      <c r="A31288" t="s">
        <v>19375</v>
      </c>
      <c r="B31288" t="s">
        <v>19376</v>
      </c>
      <c r="C31288" t="s">
        <v>19377</v>
      </c>
      <c r="D31288" t="s">
        <v>19378</v>
      </c>
      <c r="E31288" t="s">
        <v>19379</v>
      </c>
      <c r="F31288" t="s">
        <v>19380</v>
      </c>
      <c r="G31288" t="s">
        <v>10734</v>
      </c>
      <c r="H31288" t="s">
        <v>10735</v>
      </c>
      <c r="I31288" s="2">
        <v>0</v>
      </c>
      <c r="J31288" s="2">
        <v>0</v>
      </c>
      <c r="K31288" s="2">
        <v>1</v>
      </c>
      <c r="L31288" t="s">
        <v>995</v>
      </c>
      <c r="M31288" t="s">
        <v>89</v>
      </c>
      <c r="N31288" t="s">
        <v>90</v>
      </c>
      <c r="O31288" t="s">
        <v>85</v>
      </c>
      <c r="P31288" t="s">
        <v>86</v>
      </c>
      <c r="Q31288">
        <v>58</v>
      </c>
      <c r="R31288">
        <v>60</v>
      </c>
      <c r="S31288">
        <v>62</v>
      </c>
      <c r="T31288">
        <v>64</v>
      </c>
      <c r="U31288">
        <v>65</v>
      </c>
      <c r="V31288">
        <v>67</v>
      </c>
      <c r="W31288">
        <v>69</v>
      </c>
      <c r="X31288">
        <v>70</v>
      </c>
      <c r="Y31288">
        <v>72</v>
      </c>
      <c r="Z31288">
        <v>74</v>
      </c>
      <c r="AA31288">
        <v>75</v>
      </c>
      <c r="AB31288">
        <v>77</v>
      </c>
      <c r="AC31288">
        <v>78</v>
      </c>
      <c r="AD31288">
        <v>80</v>
      </c>
      <c r="AE31288">
        <v>81</v>
      </c>
      <c r="AF31288">
        <v>82</v>
      </c>
      <c r="AG31288">
        <v>82</v>
      </c>
      <c r="AH31288">
        <v>83</v>
      </c>
      <c r="AI31288">
        <v>83</v>
      </c>
      <c r="AJ31288">
        <v>84</v>
      </c>
      <c r="AK31288">
        <v>84</v>
      </c>
      <c r="AL31288">
        <v>85</v>
      </c>
      <c r="AM31288">
        <v>85</v>
      </c>
      <c r="AN31288">
        <v>86</v>
      </c>
      <c r="AO31288">
        <v>86</v>
      </c>
      <c r="AP31288">
        <v>87</v>
      </c>
      <c r="AQ31288">
        <v>87</v>
      </c>
    </row>
    <row r="31289" spans="1:43">
      <c r="A31289" t="s">
        <v>19375</v>
      </c>
      <c r="B31289" t="s">
        <v>19376</v>
      </c>
      <c r="C31289" t="s">
        <v>19377</v>
      </c>
      <c r="D31289" t="s">
        <v>19378</v>
      </c>
      <c r="E31289" t="s">
        <v>19379</v>
      </c>
      <c r="F31289" t="s">
        <v>19380</v>
      </c>
      <c r="G31289" t="s">
        <v>10734</v>
      </c>
      <c r="H31289" t="s">
        <v>10735</v>
      </c>
      <c r="I31289" s="2">
        <v>0</v>
      </c>
      <c r="J31289" s="2">
        <v>0</v>
      </c>
      <c r="K31289" s="2">
        <v>1</v>
      </c>
      <c r="L31289" t="s">
        <v>995</v>
      </c>
      <c r="M31289" t="s">
        <v>83</v>
      </c>
      <c r="N31289" t="s">
        <v>91</v>
      </c>
      <c r="O31289" t="s">
        <v>85</v>
      </c>
      <c r="P31289" t="s">
        <v>86</v>
      </c>
      <c r="Q31289">
        <v>58</v>
      </c>
      <c r="R31289">
        <v>59</v>
      </c>
      <c r="S31289">
        <v>60</v>
      </c>
      <c r="T31289">
        <v>62</v>
      </c>
      <c r="U31289">
        <v>63</v>
      </c>
      <c r="V31289">
        <v>64</v>
      </c>
      <c r="W31289">
        <v>65</v>
      </c>
      <c r="X31289">
        <v>67</v>
      </c>
      <c r="Y31289">
        <v>68</v>
      </c>
      <c r="Z31289">
        <v>69</v>
      </c>
      <c r="AA31289">
        <v>71</v>
      </c>
      <c r="AB31289">
        <v>72</v>
      </c>
      <c r="AC31289">
        <v>73</v>
      </c>
      <c r="AD31289">
        <v>74</v>
      </c>
      <c r="AE31289">
        <v>76</v>
      </c>
      <c r="AF31289">
        <v>77</v>
      </c>
      <c r="AG31289">
        <v>78</v>
      </c>
      <c r="AH31289">
        <v>79</v>
      </c>
      <c r="AI31289">
        <v>81</v>
      </c>
      <c r="AJ31289">
        <v>82</v>
      </c>
      <c r="AK31289">
        <v>83</v>
      </c>
      <c r="AL31289">
        <v>84</v>
      </c>
      <c r="AM31289">
        <v>84</v>
      </c>
      <c r="AN31289">
        <v>85</v>
      </c>
      <c r="AO31289">
        <v>85</v>
      </c>
      <c r="AP31289">
        <v>86</v>
      </c>
      <c r="AQ31289">
        <v>86</v>
      </c>
    </row>
    <row r="31290" spans="1:43">
      <c r="A31290" t="s">
        <v>19381</v>
      </c>
      <c r="B31290" t="s">
        <v>19382</v>
      </c>
      <c r="C31290" t="s">
        <v>19377</v>
      </c>
      <c r="D31290" t="s">
        <v>19378</v>
      </c>
      <c r="E31290" t="s">
        <v>19379</v>
      </c>
      <c r="F31290" t="s">
        <v>19380</v>
      </c>
      <c r="G31290" t="s">
        <v>10734</v>
      </c>
      <c r="H31290" t="s">
        <v>10735</v>
      </c>
      <c r="I31290" s="2">
        <v>0</v>
      </c>
      <c r="J31290" s="2">
        <v>0</v>
      </c>
      <c r="K31290" s="2">
        <v>0.96</v>
      </c>
      <c r="L31290" t="s">
        <v>995</v>
      </c>
      <c r="M31290" t="s">
        <v>83</v>
      </c>
      <c r="N31290" t="s">
        <v>84</v>
      </c>
      <c r="O31290" t="s">
        <v>85</v>
      </c>
      <c r="P31290" t="s">
        <v>86</v>
      </c>
      <c r="Q31290">
        <v>15</v>
      </c>
      <c r="R31290">
        <v>16</v>
      </c>
      <c r="S31290">
        <v>16</v>
      </c>
      <c r="T31290">
        <v>16</v>
      </c>
      <c r="U31290">
        <v>17</v>
      </c>
      <c r="V31290">
        <v>17</v>
      </c>
      <c r="W31290">
        <v>17</v>
      </c>
      <c r="X31290">
        <v>18</v>
      </c>
      <c r="Y31290">
        <v>18</v>
      </c>
      <c r="Z31290">
        <v>18</v>
      </c>
      <c r="AA31290">
        <v>19</v>
      </c>
      <c r="AB31290">
        <v>19</v>
      </c>
      <c r="AC31290">
        <v>19</v>
      </c>
      <c r="AD31290">
        <v>20</v>
      </c>
      <c r="AE31290">
        <v>20</v>
      </c>
      <c r="AF31290">
        <v>20</v>
      </c>
      <c r="AG31290">
        <v>21</v>
      </c>
      <c r="AH31290">
        <v>21</v>
      </c>
      <c r="AI31290">
        <v>21</v>
      </c>
      <c r="AJ31290">
        <v>22</v>
      </c>
      <c r="AK31290">
        <v>22</v>
      </c>
      <c r="AL31290">
        <v>22</v>
      </c>
      <c r="AM31290">
        <v>22</v>
      </c>
      <c r="AN31290">
        <v>22</v>
      </c>
      <c r="AO31290">
        <v>22</v>
      </c>
      <c r="AP31290">
        <v>23</v>
      </c>
      <c r="AQ31290">
        <v>23</v>
      </c>
    </row>
    <row r="31291" spans="1:43">
      <c r="A31291" t="s">
        <v>19381</v>
      </c>
      <c r="B31291" t="s">
        <v>19382</v>
      </c>
      <c r="C31291" t="s">
        <v>19377</v>
      </c>
      <c r="D31291" t="s">
        <v>19378</v>
      </c>
      <c r="E31291" t="s">
        <v>19379</v>
      </c>
      <c r="F31291" t="s">
        <v>19380</v>
      </c>
      <c r="G31291" t="s">
        <v>10734</v>
      </c>
      <c r="H31291" t="s">
        <v>10735</v>
      </c>
      <c r="I31291" s="2">
        <v>0</v>
      </c>
      <c r="J31291" s="2">
        <v>0</v>
      </c>
      <c r="K31291" s="2">
        <v>0.96</v>
      </c>
      <c r="L31291" t="s">
        <v>995</v>
      </c>
      <c r="M31291" t="s">
        <v>87</v>
      </c>
      <c r="N31291" t="s">
        <v>88</v>
      </c>
      <c r="O31291" t="s">
        <v>85</v>
      </c>
      <c r="P31291" t="s">
        <v>86</v>
      </c>
      <c r="Q31291">
        <v>15</v>
      </c>
      <c r="R31291">
        <v>15</v>
      </c>
      <c r="S31291">
        <v>15</v>
      </c>
      <c r="T31291">
        <v>16</v>
      </c>
      <c r="U31291">
        <v>16</v>
      </c>
      <c r="V31291">
        <v>16</v>
      </c>
      <c r="W31291">
        <v>16</v>
      </c>
      <c r="X31291">
        <v>16</v>
      </c>
      <c r="Y31291">
        <v>17</v>
      </c>
      <c r="Z31291">
        <v>17</v>
      </c>
      <c r="AA31291">
        <v>17</v>
      </c>
      <c r="AB31291">
        <v>17</v>
      </c>
      <c r="AC31291">
        <v>17</v>
      </c>
      <c r="AD31291">
        <v>17</v>
      </c>
      <c r="AE31291">
        <v>18</v>
      </c>
      <c r="AF31291">
        <v>18</v>
      </c>
      <c r="AG31291">
        <v>18</v>
      </c>
      <c r="AH31291">
        <v>18</v>
      </c>
      <c r="AI31291">
        <v>18</v>
      </c>
      <c r="AJ31291">
        <v>19</v>
      </c>
      <c r="AK31291">
        <v>19</v>
      </c>
      <c r="AL31291">
        <v>19</v>
      </c>
      <c r="AM31291">
        <v>19</v>
      </c>
      <c r="AN31291">
        <v>19</v>
      </c>
      <c r="AO31291">
        <v>19</v>
      </c>
      <c r="AP31291">
        <v>20</v>
      </c>
      <c r="AQ31291">
        <v>20</v>
      </c>
    </row>
    <row r="31292" spans="1:43">
      <c r="A31292" t="s">
        <v>19381</v>
      </c>
      <c r="B31292" t="s">
        <v>19382</v>
      </c>
      <c r="C31292" t="s">
        <v>19377</v>
      </c>
      <c r="D31292" t="s">
        <v>19378</v>
      </c>
      <c r="E31292" t="s">
        <v>19379</v>
      </c>
      <c r="F31292" t="s">
        <v>19380</v>
      </c>
      <c r="G31292" t="s">
        <v>10734</v>
      </c>
      <c r="H31292" t="s">
        <v>10735</v>
      </c>
      <c r="I31292" s="2">
        <v>0</v>
      </c>
      <c r="J31292" s="2">
        <v>0</v>
      </c>
      <c r="K31292" s="2">
        <v>0.96</v>
      </c>
      <c r="L31292" t="s">
        <v>995</v>
      </c>
      <c r="M31292" t="s">
        <v>89</v>
      </c>
      <c r="N31292" t="s">
        <v>90</v>
      </c>
      <c r="O31292" t="s">
        <v>85</v>
      </c>
      <c r="P31292" t="s">
        <v>86</v>
      </c>
      <c r="Q31292">
        <v>15</v>
      </c>
      <c r="R31292">
        <v>16</v>
      </c>
      <c r="S31292">
        <v>16</v>
      </c>
      <c r="T31292">
        <v>17</v>
      </c>
      <c r="U31292">
        <v>17</v>
      </c>
      <c r="V31292">
        <v>18</v>
      </c>
      <c r="W31292">
        <v>18</v>
      </c>
      <c r="X31292">
        <v>19</v>
      </c>
      <c r="Y31292">
        <v>19</v>
      </c>
      <c r="Z31292">
        <v>19</v>
      </c>
      <c r="AA31292">
        <v>20</v>
      </c>
      <c r="AB31292">
        <v>20</v>
      </c>
      <c r="AC31292">
        <v>21</v>
      </c>
      <c r="AD31292">
        <v>21</v>
      </c>
      <c r="AE31292">
        <v>21</v>
      </c>
      <c r="AF31292">
        <v>21</v>
      </c>
      <c r="AG31292">
        <v>22</v>
      </c>
      <c r="AH31292">
        <v>22</v>
      </c>
      <c r="AI31292">
        <v>22</v>
      </c>
      <c r="AJ31292">
        <v>22</v>
      </c>
      <c r="AK31292">
        <v>22</v>
      </c>
      <c r="AL31292">
        <v>22</v>
      </c>
      <c r="AM31292">
        <v>22</v>
      </c>
      <c r="AN31292">
        <v>23</v>
      </c>
      <c r="AO31292">
        <v>23</v>
      </c>
      <c r="AP31292">
        <v>23</v>
      </c>
      <c r="AQ31292">
        <v>23</v>
      </c>
    </row>
    <row r="31293" spans="1:43">
      <c r="A31293" t="s">
        <v>19381</v>
      </c>
      <c r="B31293" t="s">
        <v>19382</v>
      </c>
      <c r="C31293" t="s">
        <v>19377</v>
      </c>
      <c r="D31293" t="s">
        <v>19378</v>
      </c>
      <c r="E31293" t="s">
        <v>19379</v>
      </c>
      <c r="F31293" t="s">
        <v>19380</v>
      </c>
      <c r="G31293" t="s">
        <v>10734</v>
      </c>
      <c r="H31293" t="s">
        <v>10735</v>
      </c>
      <c r="I31293" s="2">
        <v>0</v>
      </c>
      <c r="J31293" s="2">
        <v>0</v>
      </c>
      <c r="K31293" s="2">
        <v>0.96</v>
      </c>
      <c r="L31293" t="s">
        <v>995</v>
      </c>
      <c r="M31293" t="s">
        <v>83</v>
      </c>
      <c r="N31293" t="s">
        <v>91</v>
      </c>
      <c r="O31293" t="s">
        <v>85</v>
      </c>
      <c r="P31293" t="s">
        <v>86</v>
      </c>
      <c r="Q31293">
        <v>15</v>
      </c>
      <c r="R31293">
        <v>16</v>
      </c>
      <c r="S31293">
        <v>16</v>
      </c>
      <c r="T31293">
        <v>16</v>
      </c>
      <c r="U31293">
        <v>17</v>
      </c>
      <c r="V31293">
        <v>17</v>
      </c>
      <c r="W31293">
        <v>17</v>
      </c>
      <c r="X31293">
        <v>18</v>
      </c>
      <c r="Y31293">
        <v>18</v>
      </c>
      <c r="Z31293">
        <v>18</v>
      </c>
      <c r="AA31293">
        <v>19</v>
      </c>
      <c r="AB31293">
        <v>19</v>
      </c>
      <c r="AC31293">
        <v>19</v>
      </c>
      <c r="AD31293">
        <v>20</v>
      </c>
      <c r="AE31293">
        <v>20</v>
      </c>
      <c r="AF31293">
        <v>20</v>
      </c>
      <c r="AG31293">
        <v>21</v>
      </c>
      <c r="AH31293">
        <v>21</v>
      </c>
      <c r="AI31293">
        <v>21</v>
      </c>
      <c r="AJ31293">
        <v>22</v>
      </c>
      <c r="AK31293">
        <v>22</v>
      </c>
      <c r="AL31293">
        <v>22</v>
      </c>
      <c r="AM31293">
        <v>22</v>
      </c>
      <c r="AN31293">
        <v>22</v>
      </c>
      <c r="AO31293">
        <v>22</v>
      </c>
      <c r="AP31293">
        <v>23</v>
      </c>
      <c r="AQ31293">
        <v>23</v>
      </c>
    </row>
    <row r="31294" spans="1:43">
      <c r="A31294" t="s">
        <v>19383</v>
      </c>
      <c r="B31294" t="s">
        <v>19384</v>
      </c>
      <c r="C31294" t="s">
        <v>19377</v>
      </c>
      <c r="D31294" t="s">
        <v>19378</v>
      </c>
      <c r="E31294" t="s">
        <v>19379</v>
      </c>
      <c r="F31294" t="s">
        <v>19380</v>
      </c>
      <c r="G31294" t="s">
        <v>10734</v>
      </c>
      <c r="H31294" t="s">
        <v>10735</v>
      </c>
      <c r="I31294" s="2">
        <v>0</v>
      </c>
      <c r="J31294" s="2">
        <v>0</v>
      </c>
      <c r="K31294" s="2">
        <v>1</v>
      </c>
      <c r="L31294" t="s">
        <v>995</v>
      </c>
      <c r="M31294" t="s">
        <v>83</v>
      </c>
      <c r="N31294" t="s">
        <v>84</v>
      </c>
      <c r="O31294" t="s">
        <v>85</v>
      </c>
      <c r="P31294" t="s">
        <v>86</v>
      </c>
      <c r="Q31294">
        <v>12</v>
      </c>
      <c r="R31294">
        <v>12</v>
      </c>
      <c r="S31294">
        <v>13</v>
      </c>
      <c r="T31294">
        <v>13</v>
      </c>
      <c r="U31294">
        <v>13</v>
      </c>
      <c r="V31294">
        <v>14</v>
      </c>
      <c r="W31294">
        <v>14</v>
      </c>
      <c r="X31294">
        <v>14</v>
      </c>
      <c r="Y31294">
        <v>14</v>
      </c>
      <c r="Z31294">
        <v>15</v>
      </c>
      <c r="AA31294">
        <v>15</v>
      </c>
      <c r="AB31294">
        <v>15</v>
      </c>
      <c r="AC31294">
        <v>15</v>
      </c>
      <c r="AD31294">
        <v>16</v>
      </c>
      <c r="AE31294">
        <v>16</v>
      </c>
      <c r="AF31294">
        <v>16</v>
      </c>
      <c r="AG31294">
        <v>16</v>
      </c>
      <c r="AH31294">
        <v>17</v>
      </c>
      <c r="AI31294">
        <v>17</v>
      </c>
      <c r="AJ31294">
        <v>17</v>
      </c>
      <c r="AK31294">
        <v>18</v>
      </c>
      <c r="AL31294">
        <v>18</v>
      </c>
      <c r="AM31294">
        <v>18</v>
      </c>
      <c r="AN31294">
        <v>18</v>
      </c>
      <c r="AO31294">
        <v>18</v>
      </c>
      <c r="AP31294">
        <v>18</v>
      </c>
      <c r="AQ31294">
        <v>18</v>
      </c>
    </row>
    <row r="31295" spans="1:43">
      <c r="A31295" t="s">
        <v>19383</v>
      </c>
      <c r="B31295" t="s">
        <v>19384</v>
      </c>
      <c r="C31295" t="s">
        <v>19377</v>
      </c>
      <c r="D31295" t="s">
        <v>19378</v>
      </c>
      <c r="E31295" t="s">
        <v>19379</v>
      </c>
      <c r="F31295" t="s">
        <v>19380</v>
      </c>
      <c r="G31295" t="s">
        <v>10734</v>
      </c>
      <c r="H31295" t="s">
        <v>10735</v>
      </c>
      <c r="I31295" s="2">
        <v>0</v>
      </c>
      <c r="J31295" s="2">
        <v>0</v>
      </c>
      <c r="K31295" s="2">
        <v>1</v>
      </c>
      <c r="L31295" t="s">
        <v>995</v>
      </c>
      <c r="M31295" t="s">
        <v>87</v>
      </c>
      <c r="N31295" t="s">
        <v>88</v>
      </c>
      <c r="O31295" t="s">
        <v>85</v>
      </c>
      <c r="P31295" t="s">
        <v>86</v>
      </c>
      <c r="Q31295">
        <v>12</v>
      </c>
      <c r="R31295">
        <v>12</v>
      </c>
      <c r="S31295">
        <v>12</v>
      </c>
      <c r="T31295">
        <v>13</v>
      </c>
      <c r="U31295">
        <v>13</v>
      </c>
      <c r="V31295">
        <v>13</v>
      </c>
      <c r="W31295">
        <v>13</v>
      </c>
      <c r="X31295">
        <v>13</v>
      </c>
      <c r="Y31295">
        <v>13</v>
      </c>
      <c r="Z31295">
        <v>13</v>
      </c>
      <c r="AA31295">
        <v>14</v>
      </c>
      <c r="AB31295">
        <v>14</v>
      </c>
      <c r="AC31295">
        <v>14</v>
      </c>
      <c r="AD31295">
        <v>14</v>
      </c>
      <c r="AE31295">
        <v>14</v>
      </c>
      <c r="AF31295">
        <v>14</v>
      </c>
      <c r="AG31295">
        <v>14</v>
      </c>
      <c r="AH31295">
        <v>15</v>
      </c>
      <c r="AI31295">
        <v>15</v>
      </c>
      <c r="AJ31295">
        <v>15</v>
      </c>
      <c r="AK31295">
        <v>15</v>
      </c>
      <c r="AL31295">
        <v>15</v>
      </c>
      <c r="AM31295">
        <v>15</v>
      </c>
      <c r="AN31295">
        <v>15</v>
      </c>
      <c r="AO31295">
        <v>16</v>
      </c>
      <c r="AP31295">
        <v>16</v>
      </c>
      <c r="AQ31295">
        <v>16</v>
      </c>
    </row>
    <row r="31296" spans="1:43">
      <c r="A31296" t="s">
        <v>19383</v>
      </c>
      <c r="B31296" t="s">
        <v>19384</v>
      </c>
      <c r="C31296" t="s">
        <v>19377</v>
      </c>
      <c r="D31296" t="s">
        <v>19378</v>
      </c>
      <c r="E31296" t="s">
        <v>19379</v>
      </c>
      <c r="F31296" t="s">
        <v>19380</v>
      </c>
      <c r="G31296" t="s">
        <v>10734</v>
      </c>
      <c r="H31296" t="s">
        <v>10735</v>
      </c>
      <c r="I31296" s="2">
        <v>0</v>
      </c>
      <c r="J31296" s="2">
        <v>0</v>
      </c>
      <c r="K31296" s="2">
        <v>1</v>
      </c>
      <c r="L31296" t="s">
        <v>995</v>
      </c>
      <c r="M31296" t="s">
        <v>89</v>
      </c>
      <c r="N31296" t="s">
        <v>90</v>
      </c>
      <c r="O31296" t="s">
        <v>85</v>
      </c>
      <c r="P31296" t="s">
        <v>86</v>
      </c>
      <c r="Q31296">
        <v>12</v>
      </c>
      <c r="R31296">
        <v>13</v>
      </c>
      <c r="S31296">
        <v>13</v>
      </c>
      <c r="T31296">
        <v>13</v>
      </c>
      <c r="U31296">
        <v>14</v>
      </c>
      <c r="V31296">
        <v>14</v>
      </c>
      <c r="W31296">
        <v>15</v>
      </c>
      <c r="X31296">
        <v>15</v>
      </c>
      <c r="Y31296">
        <v>15</v>
      </c>
      <c r="Z31296">
        <v>16</v>
      </c>
      <c r="AA31296">
        <v>16</v>
      </c>
      <c r="AB31296">
        <v>16</v>
      </c>
      <c r="AC31296">
        <v>16</v>
      </c>
      <c r="AD31296">
        <v>17</v>
      </c>
      <c r="AE31296">
        <v>17</v>
      </c>
      <c r="AF31296">
        <v>17</v>
      </c>
      <c r="AG31296">
        <v>17</v>
      </c>
      <c r="AH31296">
        <v>17</v>
      </c>
      <c r="AI31296">
        <v>18</v>
      </c>
      <c r="AJ31296">
        <v>18</v>
      </c>
      <c r="AK31296">
        <v>18</v>
      </c>
      <c r="AL31296">
        <v>18</v>
      </c>
      <c r="AM31296">
        <v>18</v>
      </c>
      <c r="AN31296">
        <v>18</v>
      </c>
      <c r="AO31296">
        <v>18</v>
      </c>
      <c r="AP31296">
        <v>18</v>
      </c>
      <c r="AQ31296">
        <v>18</v>
      </c>
    </row>
    <row r="31297" spans="1:43">
      <c r="A31297" t="s">
        <v>19383</v>
      </c>
      <c r="B31297" t="s">
        <v>19384</v>
      </c>
      <c r="C31297" t="s">
        <v>19377</v>
      </c>
      <c r="D31297" t="s">
        <v>19378</v>
      </c>
      <c r="E31297" t="s">
        <v>19379</v>
      </c>
      <c r="F31297" t="s">
        <v>19380</v>
      </c>
      <c r="G31297" t="s">
        <v>10734</v>
      </c>
      <c r="H31297" t="s">
        <v>10735</v>
      </c>
      <c r="I31297" s="2">
        <v>0</v>
      </c>
      <c r="J31297" s="2">
        <v>0</v>
      </c>
      <c r="K31297" s="2">
        <v>1</v>
      </c>
      <c r="L31297" t="s">
        <v>995</v>
      </c>
      <c r="M31297" t="s">
        <v>83</v>
      </c>
      <c r="N31297" t="s">
        <v>91</v>
      </c>
      <c r="O31297" t="s">
        <v>85</v>
      </c>
      <c r="P31297" t="s">
        <v>86</v>
      </c>
      <c r="Q31297">
        <v>12</v>
      </c>
      <c r="R31297">
        <v>12</v>
      </c>
      <c r="S31297">
        <v>13</v>
      </c>
      <c r="T31297">
        <v>13</v>
      </c>
      <c r="U31297">
        <v>13</v>
      </c>
      <c r="V31297">
        <v>14</v>
      </c>
      <c r="W31297">
        <v>14</v>
      </c>
      <c r="X31297">
        <v>14</v>
      </c>
      <c r="Y31297">
        <v>14</v>
      </c>
      <c r="Z31297">
        <v>15</v>
      </c>
      <c r="AA31297">
        <v>15</v>
      </c>
      <c r="AB31297">
        <v>15</v>
      </c>
      <c r="AC31297">
        <v>15</v>
      </c>
      <c r="AD31297">
        <v>16</v>
      </c>
      <c r="AE31297">
        <v>16</v>
      </c>
      <c r="AF31297">
        <v>16</v>
      </c>
      <c r="AG31297">
        <v>16</v>
      </c>
      <c r="AH31297">
        <v>17</v>
      </c>
      <c r="AI31297">
        <v>17</v>
      </c>
      <c r="AJ31297">
        <v>17</v>
      </c>
      <c r="AK31297">
        <v>18</v>
      </c>
      <c r="AL31297">
        <v>18</v>
      </c>
      <c r="AM31297">
        <v>18</v>
      </c>
      <c r="AN31297">
        <v>18</v>
      </c>
      <c r="AO31297">
        <v>18</v>
      </c>
      <c r="AP31297">
        <v>18</v>
      </c>
      <c r="AQ31297">
        <v>18</v>
      </c>
    </row>
    <row r="31298" spans="1:43">
      <c r="A31298" t="s">
        <v>19385</v>
      </c>
      <c r="B31298" t="s">
        <v>19386</v>
      </c>
      <c r="C31298" t="s">
        <v>19387</v>
      </c>
      <c r="D31298" t="s">
        <v>19388</v>
      </c>
      <c r="E31298" t="s">
        <v>19379</v>
      </c>
      <c r="F31298" t="s">
        <v>19380</v>
      </c>
      <c r="G31298" t="s">
        <v>10734</v>
      </c>
      <c r="H31298" t="s">
        <v>10735</v>
      </c>
      <c r="I31298" s="2">
        <v>0</v>
      </c>
      <c r="J31298" s="2">
        <v>0</v>
      </c>
      <c r="K31298" s="2">
        <v>0.98</v>
      </c>
      <c r="L31298" t="s">
        <v>995</v>
      </c>
      <c r="M31298" t="s">
        <v>83</v>
      </c>
      <c r="N31298" t="s">
        <v>84</v>
      </c>
      <c r="O31298" t="s">
        <v>85</v>
      </c>
      <c r="P31298" t="s">
        <v>86</v>
      </c>
      <c r="Q31298">
        <v>18</v>
      </c>
      <c r="R31298">
        <v>19</v>
      </c>
      <c r="S31298">
        <v>19</v>
      </c>
      <c r="T31298">
        <v>19</v>
      </c>
      <c r="U31298">
        <v>20</v>
      </c>
      <c r="V31298">
        <v>20</v>
      </c>
      <c r="W31298">
        <v>21</v>
      </c>
      <c r="X31298">
        <v>21</v>
      </c>
      <c r="Y31298">
        <v>21</v>
      </c>
      <c r="Z31298">
        <v>22</v>
      </c>
      <c r="AA31298">
        <v>22</v>
      </c>
      <c r="AB31298">
        <v>23</v>
      </c>
      <c r="AC31298">
        <v>23</v>
      </c>
      <c r="AD31298">
        <v>23</v>
      </c>
      <c r="AE31298">
        <v>24</v>
      </c>
      <c r="AF31298">
        <v>24</v>
      </c>
      <c r="AG31298">
        <v>25</v>
      </c>
      <c r="AH31298">
        <v>25</v>
      </c>
      <c r="AI31298">
        <v>25</v>
      </c>
      <c r="AJ31298">
        <v>26</v>
      </c>
      <c r="AK31298">
        <v>26</v>
      </c>
      <c r="AL31298">
        <v>26</v>
      </c>
      <c r="AM31298">
        <v>27</v>
      </c>
      <c r="AN31298">
        <v>27</v>
      </c>
      <c r="AO31298">
        <v>27</v>
      </c>
      <c r="AP31298">
        <v>27</v>
      </c>
      <c r="AQ31298">
        <v>27</v>
      </c>
    </row>
    <row r="31299" spans="1:43">
      <c r="A31299" t="s">
        <v>19385</v>
      </c>
      <c r="B31299" t="s">
        <v>19386</v>
      </c>
      <c r="C31299" t="s">
        <v>19387</v>
      </c>
      <c r="D31299" t="s">
        <v>19388</v>
      </c>
      <c r="E31299" t="s">
        <v>19379</v>
      </c>
      <c r="F31299" t="s">
        <v>19380</v>
      </c>
      <c r="G31299" t="s">
        <v>10734</v>
      </c>
      <c r="H31299" t="s">
        <v>10735</v>
      </c>
      <c r="I31299" s="2">
        <v>0</v>
      </c>
      <c r="J31299" s="2">
        <v>0</v>
      </c>
      <c r="K31299" s="2">
        <v>0.98</v>
      </c>
      <c r="L31299" t="s">
        <v>995</v>
      </c>
      <c r="M31299" t="s">
        <v>87</v>
      </c>
      <c r="N31299" t="s">
        <v>88</v>
      </c>
      <c r="O31299" t="s">
        <v>85</v>
      </c>
      <c r="P31299" t="s">
        <v>86</v>
      </c>
      <c r="Q31299">
        <v>18</v>
      </c>
      <c r="R31299">
        <v>18</v>
      </c>
      <c r="S31299">
        <v>18</v>
      </c>
      <c r="T31299">
        <v>19</v>
      </c>
      <c r="U31299">
        <v>19</v>
      </c>
      <c r="V31299">
        <v>19</v>
      </c>
      <c r="W31299">
        <v>19</v>
      </c>
      <c r="X31299">
        <v>20</v>
      </c>
      <c r="Y31299">
        <v>20</v>
      </c>
      <c r="Z31299">
        <v>20</v>
      </c>
      <c r="AA31299">
        <v>20</v>
      </c>
      <c r="AB31299">
        <v>20</v>
      </c>
      <c r="AC31299">
        <v>21</v>
      </c>
      <c r="AD31299">
        <v>21</v>
      </c>
      <c r="AE31299">
        <v>21</v>
      </c>
      <c r="AF31299">
        <v>21</v>
      </c>
      <c r="AG31299">
        <v>22</v>
      </c>
      <c r="AH31299">
        <v>22</v>
      </c>
      <c r="AI31299">
        <v>22</v>
      </c>
      <c r="AJ31299">
        <v>22</v>
      </c>
      <c r="AK31299">
        <v>22</v>
      </c>
      <c r="AL31299">
        <v>23</v>
      </c>
      <c r="AM31299">
        <v>23</v>
      </c>
      <c r="AN31299">
        <v>23</v>
      </c>
      <c r="AO31299">
        <v>23</v>
      </c>
      <c r="AP31299">
        <v>23</v>
      </c>
      <c r="AQ31299">
        <v>24</v>
      </c>
    </row>
    <row r="31300" spans="1:43">
      <c r="A31300" t="s">
        <v>19385</v>
      </c>
      <c r="B31300" t="s">
        <v>19386</v>
      </c>
      <c r="C31300" t="s">
        <v>19387</v>
      </c>
      <c r="D31300" t="s">
        <v>19388</v>
      </c>
      <c r="E31300" t="s">
        <v>19379</v>
      </c>
      <c r="F31300" t="s">
        <v>19380</v>
      </c>
      <c r="G31300" t="s">
        <v>10734</v>
      </c>
      <c r="H31300" t="s">
        <v>10735</v>
      </c>
      <c r="I31300" s="2">
        <v>0</v>
      </c>
      <c r="J31300" s="2">
        <v>0</v>
      </c>
      <c r="K31300" s="2">
        <v>0.98</v>
      </c>
      <c r="L31300" t="s">
        <v>995</v>
      </c>
      <c r="M31300" t="s">
        <v>89</v>
      </c>
      <c r="N31300" t="s">
        <v>90</v>
      </c>
      <c r="O31300" t="s">
        <v>85</v>
      </c>
      <c r="P31300" t="s">
        <v>86</v>
      </c>
      <c r="Q31300">
        <v>18</v>
      </c>
      <c r="R31300">
        <v>19</v>
      </c>
      <c r="S31300">
        <v>19</v>
      </c>
      <c r="T31300">
        <v>20</v>
      </c>
      <c r="U31300">
        <v>21</v>
      </c>
      <c r="V31300">
        <v>21</v>
      </c>
      <c r="W31300">
        <v>22</v>
      </c>
      <c r="X31300">
        <v>22</v>
      </c>
      <c r="Y31300">
        <v>23</v>
      </c>
      <c r="Z31300">
        <v>23</v>
      </c>
      <c r="AA31300">
        <v>24</v>
      </c>
      <c r="AB31300">
        <v>24</v>
      </c>
      <c r="AC31300">
        <v>25</v>
      </c>
      <c r="AD31300">
        <v>25</v>
      </c>
      <c r="AE31300">
        <v>25</v>
      </c>
      <c r="AF31300">
        <v>26</v>
      </c>
      <c r="AG31300">
        <v>26</v>
      </c>
      <c r="AH31300">
        <v>26</v>
      </c>
      <c r="AI31300">
        <v>26</v>
      </c>
      <c r="AJ31300">
        <v>26</v>
      </c>
      <c r="AK31300">
        <v>27</v>
      </c>
      <c r="AL31300">
        <v>27</v>
      </c>
      <c r="AM31300">
        <v>27</v>
      </c>
      <c r="AN31300">
        <v>27</v>
      </c>
      <c r="AO31300">
        <v>27</v>
      </c>
      <c r="AP31300">
        <v>27</v>
      </c>
      <c r="AQ31300">
        <v>27</v>
      </c>
    </row>
    <row r="31301" spans="1:43">
      <c r="A31301" t="s">
        <v>19385</v>
      </c>
      <c r="B31301" t="s">
        <v>19386</v>
      </c>
      <c r="C31301" t="s">
        <v>19387</v>
      </c>
      <c r="D31301" t="s">
        <v>19388</v>
      </c>
      <c r="E31301" t="s">
        <v>19379</v>
      </c>
      <c r="F31301" t="s">
        <v>19380</v>
      </c>
      <c r="G31301" t="s">
        <v>10734</v>
      </c>
      <c r="H31301" t="s">
        <v>10735</v>
      </c>
      <c r="I31301" s="2">
        <v>0</v>
      </c>
      <c r="J31301" s="2">
        <v>0</v>
      </c>
      <c r="K31301" s="2">
        <v>0.98</v>
      </c>
      <c r="L31301" t="s">
        <v>995</v>
      </c>
      <c r="M31301" t="s">
        <v>83</v>
      </c>
      <c r="N31301" t="s">
        <v>91</v>
      </c>
      <c r="O31301" t="s">
        <v>85</v>
      </c>
      <c r="P31301" t="s">
        <v>86</v>
      </c>
      <c r="Q31301">
        <v>18</v>
      </c>
      <c r="R31301">
        <v>19</v>
      </c>
      <c r="S31301">
        <v>19</v>
      </c>
      <c r="T31301">
        <v>19</v>
      </c>
      <c r="U31301">
        <v>20</v>
      </c>
      <c r="V31301">
        <v>20</v>
      </c>
      <c r="W31301">
        <v>21</v>
      </c>
      <c r="X31301">
        <v>21</v>
      </c>
      <c r="Y31301">
        <v>21</v>
      </c>
      <c r="Z31301">
        <v>22</v>
      </c>
      <c r="AA31301">
        <v>22</v>
      </c>
      <c r="AB31301">
        <v>23</v>
      </c>
      <c r="AC31301">
        <v>23</v>
      </c>
      <c r="AD31301">
        <v>23</v>
      </c>
      <c r="AE31301">
        <v>24</v>
      </c>
      <c r="AF31301">
        <v>24</v>
      </c>
      <c r="AG31301">
        <v>25</v>
      </c>
      <c r="AH31301">
        <v>25</v>
      </c>
      <c r="AI31301">
        <v>25</v>
      </c>
      <c r="AJ31301">
        <v>26</v>
      </c>
      <c r="AK31301">
        <v>26</v>
      </c>
      <c r="AL31301">
        <v>26</v>
      </c>
      <c r="AM31301">
        <v>27</v>
      </c>
      <c r="AN31301">
        <v>27</v>
      </c>
      <c r="AO31301">
        <v>27</v>
      </c>
      <c r="AP31301">
        <v>27</v>
      </c>
      <c r="AQ31301">
        <v>27</v>
      </c>
    </row>
    <row r="31302" spans="1:43">
      <c r="A31302" t="s">
        <v>19389</v>
      </c>
      <c r="B31302" t="s">
        <v>19390</v>
      </c>
      <c r="C31302" t="s">
        <v>19391</v>
      </c>
      <c r="D31302" t="s">
        <v>19392</v>
      </c>
      <c r="E31302" t="s">
        <v>19379</v>
      </c>
      <c r="F31302" t="s">
        <v>19380</v>
      </c>
      <c r="G31302" t="s">
        <v>10734</v>
      </c>
      <c r="H31302" t="s">
        <v>10735</v>
      </c>
      <c r="I31302" s="2">
        <v>0</v>
      </c>
      <c r="J31302" s="2">
        <v>0</v>
      </c>
      <c r="K31302" s="2">
        <v>1</v>
      </c>
      <c r="L31302" t="s">
        <v>995</v>
      </c>
      <c r="M31302" t="s">
        <v>83</v>
      </c>
      <c r="N31302" t="s">
        <v>84</v>
      </c>
      <c r="O31302" t="s">
        <v>85</v>
      </c>
      <c r="P31302" t="s">
        <v>86</v>
      </c>
      <c r="Q31302">
        <v>45</v>
      </c>
      <c r="R31302">
        <v>46</v>
      </c>
      <c r="S31302">
        <v>47</v>
      </c>
      <c r="T31302">
        <v>48</v>
      </c>
      <c r="U31302">
        <v>49</v>
      </c>
      <c r="V31302">
        <v>50</v>
      </c>
      <c r="W31302">
        <v>51</v>
      </c>
      <c r="X31302">
        <v>52</v>
      </c>
      <c r="Y31302">
        <v>53</v>
      </c>
      <c r="Z31302">
        <v>54</v>
      </c>
      <c r="AA31302">
        <v>55</v>
      </c>
      <c r="AB31302">
        <v>56</v>
      </c>
      <c r="AC31302">
        <v>57</v>
      </c>
      <c r="AD31302">
        <v>58</v>
      </c>
      <c r="AE31302">
        <v>59</v>
      </c>
      <c r="AF31302">
        <v>60</v>
      </c>
      <c r="AG31302">
        <v>61</v>
      </c>
      <c r="AH31302">
        <v>62</v>
      </c>
      <c r="AI31302">
        <v>63</v>
      </c>
      <c r="AJ31302">
        <v>64</v>
      </c>
      <c r="AK31302">
        <v>65</v>
      </c>
      <c r="AL31302">
        <v>65</v>
      </c>
      <c r="AM31302">
        <v>66</v>
      </c>
      <c r="AN31302">
        <v>66</v>
      </c>
      <c r="AO31302">
        <v>66</v>
      </c>
      <c r="AP31302">
        <v>67</v>
      </c>
      <c r="AQ31302">
        <v>67</v>
      </c>
    </row>
    <row r="31303" spans="1:43">
      <c r="A31303" t="s">
        <v>19389</v>
      </c>
      <c r="B31303" t="s">
        <v>19390</v>
      </c>
      <c r="C31303" t="s">
        <v>19391</v>
      </c>
      <c r="D31303" t="s">
        <v>19392</v>
      </c>
      <c r="E31303" t="s">
        <v>19379</v>
      </c>
      <c r="F31303" t="s">
        <v>19380</v>
      </c>
      <c r="G31303" t="s">
        <v>10734</v>
      </c>
      <c r="H31303" t="s">
        <v>10735</v>
      </c>
      <c r="I31303" s="2">
        <v>0</v>
      </c>
      <c r="J31303" s="2">
        <v>0</v>
      </c>
      <c r="K31303" s="2">
        <v>1</v>
      </c>
      <c r="L31303" t="s">
        <v>995</v>
      </c>
      <c r="M31303" t="s">
        <v>87</v>
      </c>
      <c r="N31303" t="s">
        <v>88</v>
      </c>
      <c r="O31303" t="s">
        <v>85</v>
      </c>
      <c r="P31303" t="s">
        <v>86</v>
      </c>
      <c r="Q31303">
        <v>45</v>
      </c>
      <c r="R31303">
        <v>46</v>
      </c>
      <c r="S31303">
        <v>46</v>
      </c>
      <c r="T31303">
        <v>47</v>
      </c>
      <c r="U31303">
        <v>47</v>
      </c>
      <c r="V31303">
        <v>48</v>
      </c>
      <c r="W31303">
        <v>49</v>
      </c>
      <c r="X31303">
        <v>49</v>
      </c>
      <c r="Y31303">
        <v>50</v>
      </c>
      <c r="Z31303">
        <v>50</v>
      </c>
      <c r="AA31303">
        <v>51</v>
      </c>
      <c r="AB31303">
        <v>51</v>
      </c>
      <c r="AC31303">
        <v>52</v>
      </c>
      <c r="AD31303">
        <v>52</v>
      </c>
      <c r="AE31303">
        <v>53</v>
      </c>
      <c r="AF31303">
        <v>54</v>
      </c>
      <c r="AG31303">
        <v>54</v>
      </c>
      <c r="AH31303">
        <v>55</v>
      </c>
      <c r="AI31303">
        <v>55</v>
      </c>
      <c r="AJ31303">
        <v>56</v>
      </c>
      <c r="AK31303">
        <v>56</v>
      </c>
      <c r="AL31303">
        <v>57</v>
      </c>
      <c r="AM31303">
        <v>57</v>
      </c>
      <c r="AN31303">
        <v>58</v>
      </c>
      <c r="AO31303">
        <v>58</v>
      </c>
      <c r="AP31303">
        <v>59</v>
      </c>
      <c r="AQ31303">
        <v>59</v>
      </c>
    </row>
    <row r="31304" spans="1:43">
      <c r="A31304" t="s">
        <v>19389</v>
      </c>
      <c r="B31304" t="s">
        <v>19390</v>
      </c>
      <c r="C31304" t="s">
        <v>19391</v>
      </c>
      <c r="D31304" t="s">
        <v>19392</v>
      </c>
      <c r="E31304" t="s">
        <v>19379</v>
      </c>
      <c r="F31304" t="s">
        <v>19380</v>
      </c>
      <c r="G31304" t="s">
        <v>10734</v>
      </c>
      <c r="H31304" t="s">
        <v>10735</v>
      </c>
      <c r="I31304" s="2">
        <v>0</v>
      </c>
      <c r="J31304" s="2">
        <v>0</v>
      </c>
      <c r="K31304" s="2">
        <v>1</v>
      </c>
      <c r="L31304" t="s">
        <v>995</v>
      </c>
      <c r="M31304" t="s">
        <v>89</v>
      </c>
      <c r="N31304" t="s">
        <v>90</v>
      </c>
      <c r="O31304" t="s">
        <v>85</v>
      </c>
      <c r="P31304" t="s">
        <v>86</v>
      </c>
      <c r="Q31304">
        <v>45</v>
      </c>
      <c r="R31304">
        <v>46</v>
      </c>
      <c r="S31304">
        <v>48</v>
      </c>
      <c r="T31304">
        <v>49</v>
      </c>
      <c r="U31304">
        <v>50</v>
      </c>
      <c r="V31304">
        <v>52</v>
      </c>
      <c r="W31304">
        <v>53</v>
      </c>
      <c r="X31304">
        <v>54</v>
      </c>
      <c r="Y31304">
        <v>56</v>
      </c>
      <c r="Z31304">
        <v>57</v>
      </c>
      <c r="AA31304">
        <v>58</v>
      </c>
      <c r="AB31304">
        <v>59</v>
      </c>
      <c r="AC31304">
        <v>61</v>
      </c>
      <c r="AD31304">
        <v>62</v>
      </c>
      <c r="AE31304">
        <v>63</v>
      </c>
      <c r="AF31304">
        <v>63</v>
      </c>
      <c r="AG31304">
        <v>64</v>
      </c>
      <c r="AH31304">
        <v>64</v>
      </c>
      <c r="AI31304">
        <v>65</v>
      </c>
      <c r="AJ31304">
        <v>65</v>
      </c>
      <c r="AK31304">
        <v>65</v>
      </c>
      <c r="AL31304">
        <v>66</v>
      </c>
      <c r="AM31304">
        <v>66</v>
      </c>
      <c r="AN31304">
        <v>67</v>
      </c>
      <c r="AO31304">
        <v>67</v>
      </c>
      <c r="AP31304">
        <v>67</v>
      </c>
      <c r="AQ31304">
        <v>68</v>
      </c>
    </row>
    <row r="31305" spans="1:43">
      <c r="A31305" t="s">
        <v>19389</v>
      </c>
      <c r="B31305" t="s">
        <v>19390</v>
      </c>
      <c r="C31305" t="s">
        <v>19391</v>
      </c>
      <c r="D31305" t="s">
        <v>19392</v>
      </c>
      <c r="E31305" t="s">
        <v>19379</v>
      </c>
      <c r="F31305" t="s">
        <v>19380</v>
      </c>
      <c r="G31305" t="s">
        <v>10734</v>
      </c>
      <c r="H31305" t="s">
        <v>10735</v>
      </c>
      <c r="I31305" s="2">
        <v>0</v>
      </c>
      <c r="J31305" s="2">
        <v>0</v>
      </c>
      <c r="K31305" s="2">
        <v>1</v>
      </c>
      <c r="L31305" t="s">
        <v>995</v>
      </c>
      <c r="M31305" t="s">
        <v>83</v>
      </c>
      <c r="N31305" t="s">
        <v>91</v>
      </c>
      <c r="O31305" t="s">
        <v>85</v>
      </c>
      <c r="P31305" t="s">
        <v>86</v>
      </c>
      <c r="Q31305">
        <v>45</v>
      </c>
      <c r="R31305">
        <v>46</v>
      </c>
      <c r="S31305">
        <v>47</v>
      </c>
      <c r="T31305">
        <v>48</v>
      </c>
      <c r="U31305">
        <v>49</v>
      </c>
      <c r="V31305">
        <v>50</v>
      </c>
      <c r="W31305">
        <v>51</v>
      </c>
      <c r="X31305">
        <v>52</v>
      </c>
      <c r="Y31305">
        <v>53</v>
      </c>
      <c r="Z31305">
        <v>54</v>
      </c>
      <c r="AA31305">
        <v>55</v>
      </c>
      <c r="AB31305">
        <v>56</v>
      </c>
      <c r="AC31305">
        <v>57</v>
      </c>
      <c r="AD31305">
        <v>58</v>
      </c>
      <c r="AE31305">
        <v>59</v>
      </c>
      <c r="AF31305">
        <v>60</v>
      </c>
      <c r="AG31305">
        <v>61</v>
      </c>
      <c r="AH31305">
        <v>62</v>
      </c>
      <c r="AI31305">
        <v>63</v>
      </c>
      <c r="AJ31305">
        <v>64</v>
      </c>
      <c r="AK31305">
        <v>65</v>
      </c>
      <c r="AL31305">
        <v>65</v>
      </c>
      <c r="AM31305">
        <v>66</v>
      </c>
      <c r="AN31305">
        <v>66</v>
      </c>
      <c r="AO31305">
        <v>66</v>
      </c>
      <c r="AP31305">
        <v>67</v>
      </c>
      <c r="AQ31305">
        <v>67</v>
      </c>
    </row>
    <row r="31306" spans="1:43">
      <c r="A31306" t="s">
        <v>19393</v>
      </c>
      <c r="B31306" t="s">
        <v>19394</v>
      </c>
      <c r="C31306" t="s">
        <v>19395</v>
      </c>
      <c r="D31306" t="s">
        <v>19396</v>
      </c>
      <c r="E31306" t="s">
        <v>19379</v>
      </c>
      <c r="F31306" t="s">
        <v>19380</v>
      </c>
      <c r="G31306" t="s">
        <v>10734</v>
      </c>
      <c r="H31306" t="s">
        <v>10735</v>
      </c>
      <c r="I31306" s="2">
        <v>0</v>
      </c>
      <c r="J31306" s="2">
        <v>0</v>
      </c>
      <c r="K31306" s="2">
        <v>1</v>
      </c>
      <c r="L31306" t="s">
        <v>995</v>
      </c>
      <c r="M31306" t="s">
        <v>83</v>
      </c>
      <c r="N31306" t="s">
        <v>84</v>
      </c>
      <c r="O31306" t="s">
        <v>85</v>
      </c>
      <c r="P31306" t="s">
        <v>86</v>
      </c>
      <c r="Q31306">
        <v>46</v>
      </c>
      <c r="R31306">
        <v>47</v>
      </c>
      <c r="S31306">
        <v>48</v>
      </c>
      <c r="T31306">
        <v>49</v>
      </c>
      <c r="U31306">
        <v>50</v>
      </c>
      <c r="V31306">
        <v>52</v>
      </c>
      <c r="W31306">
        <v>53</v>
      </c>
      <c r="X31306">
        <v>54</v>
      </c>
      <c r="Y31306">
        <v>55</v>
      </c>
      <c r="Z31306">
        <v>56</v>
      </c>
      <c r="AA31306">
        <v>57</v>
      </c>
      <c r="AB31306">
        <v>58</v>
      </c>
      <c r="AC31306">
        <v>59</v>
      </c>
      <c r="AD31306">
        <v>60</v>
      </c>
      <c r="AE31306">
        <v>61</v>
      </c>
      <c r="AF31306">
        <v>62</v>
      </c>
      <c r="AG31306">
        <v>64</v>
      </c>
      <c r="AH31306">
        <v>65</v>
      </c>
      <c r="AI31306">
        <v>66</v>
      </c>
      <c r="AJ31306">
        <v>67</v>
      </c>
      <c r="AK31306">
        <v>68</v>
      </c>
      <c r="AL31306">
        <v>69</v>
      </c>
      <c r="AM31306">
        <v>69</v>
      </c>
      <c r="AN31306">
        <v>70</v>
      </c>
      <c r="AO31306">
        <v>70</v>
      </c>
      <c r="AP31306">
        <v>70</v>
      </c>
      <c r="AQ31306">
        <v>71</v>
      </c>
    </row>
    <row r="31307" spans="1:43">
      <c r="A31307" t="s">
        <v>19393</v>
      </c>
      <c r="B31307" t="s">
        <v>19394</v>
      </c>
      <c r="C31307" t="s">
        <v>19395</v>
      </c>
      <c r="D31307" t="s">
        <v>19396</v>
      </c>
      <c r="E31307" t="s">
        <v>19379</v>
      </c>
      <c r="F31307" t="s">
        <v>19380</v>
      </c>
      <c r="G31307" t="s">
        <v>10734</v>
      </c>
      <c r="H31307" t="s">
        <v>10735</v>
      </c>
      <c r="I31307" s="2">
        <v>0</v>
      </c>
      <c r="J31307" s="2">
        <v>0</v>
      </c>
      <c r="K31307" s="2">
        <v>1</v>
      </c>
      <c r="L31307" t="s">
        <v>995</v>
      </c>
      <c r="M31307" t="s">
        <v>87</v>
      </c>
      <c r="N31307" t="s">
        <v>88</v>
      </c>
      <c r="O31307" t="s">
        <v>85</v>
      </c>
      <c r="P31307" t="s">
        <v>86</v>
      </c>
      <c r="Q31307">
        <v>46</v>
      </c>
      <c r="R31307">
        <v>46</v>
      </c>
      <c r="S31307">
        <v>47</v>
      </c>
      <c r="T31307">
        <v>48</v>
      </c>
      <c r="U31307">
        <v>48</v>
      </c>
      <c r="V31307">
        <v>49</v>
      </c>
      <c r="W31307">
        <v>49</v>
      </c>
      <c r="X31307">
        <v>50</v>
      </c>
      <c r="Y31307">
        <v>51</v>
      </c>
      <c r="Z31307">
        <v>51</v>
      </c>
      <c r="AA31307">
        <v>52</v>
      </c>
      <c r="AB31307">
        <v>52</v>
      </c>
      <c r="AC31307">
        <v>53</v>
      </c>
      <c r="AD31307">
        <v>54</v>
      </c>
      <c r="AE31307">
        <v>54</v>
      </c>
      <c r="AF31307">
        <v>55</v>
      </c>
      <c r="AG31307">
        <v>55</v>
      </c>
      <c r="AH31307">
        <v>56</v>
      </c>
      <c r="AI31307">
        <v>57</v>
      </c>
      <c r="AJ31307">
        <v>57</v>
      </c>
      <c r="AK31307">
        <v>58</v>
      </c>
      <c r="AL31307">
        <v>58</v>
      </c>
      <c r="AM31307">
        <v>59</v>
      </c>
      <c r="AN31307">
        <v>59</v>
      </c>
      <c r="AO31307">
        <v>60</v>
      </c>
      <c r="AP31307">
        <v>61</v>
      </c>
      <c r="AQ31307">
        <v>61</v>
      </c>
    </row>
    <row r="31308" spans="1:43">
      <c r="A31308" t="s">
        <v>19393</v>
      </c>
      <c r="B31308" t="s">
        <v>19394</v>
      </c>
      <c r="C31308" t="s">
        <v>19395</v>
      </c>
      <c r="D31308" t="s">
        <v>19396</v>
      </c>
      <c r="E31308" t="s">
        <v>19379</v>
      </c>
      <c r="F31308" t="s">
        <v>19380</v>
      </c>
      <c r="G31308" t="s">
        <v>10734</v>
      </c>
      <c r="H31308" t="s">
        <v>10735</v>
      </c>
      <c r="I31308" s="2">
        <v>0</v>
      </c>
      <c r="J31308" s="2">
        <v>0</v>
      </c>
      <c r="K31308" s="2">
        <v>1</v>
      </c>
      <c r="L31308" t="s">
        <v>995</v>
      </c>
      <c r="M31308" t="s">
        <v>89</v>
      </c>
      <c r="N31308" t="s">
        <v>90</v>
      </c>
      <c r="O31308" t="s">
        <v>85</v>
      </c>
      <c r="P31308" t="s">
        <v>86</v>
      </c>
      <c r="Q31308">
        <v>46</v>
      </c>
      <c r="R31308">
        <v>47</v>
      </c>
      <c r="S31308">
        <v>49</v>
      </c>
      <c r="T31308">
        <v>50</v>
      </c>
      <c r="U31308">
        <v>51</v>
      </c>
      <c r="V31308">
        <v>53</v>
      </c>
      <c r="W31308">
        <v>54</v>
      </c>
      <c r="X31308">
        <v>56</v>
      </c>
      <c r="Y31308">
        <v>57</v>
      </c>
      <c r="Z31308">
        <v>58</v>
      </c>
      <c r="AA31308">
        <v>60</v>
      </c>
      <c r="AB31308">
        <v>61</v>
      </c>
      <c r="AC31308">
        <v>63</v>
      </c>
      <c r="AD31308">
        <v>64</v>
      </c>
      <c r="AE31308">
        <v>65</v>
      </c>
      <c r="AF31308">
        <v>65</v>
      </c>
      <c r="AG31308">
        <v>66</v>
      </c>
      <c r="AH31308">
        <v>66</v>
      </c>
      <c r="AI31308">
        <v>67</v>
      </c>
      <c r="AJ31308">
        <v>67</v>
      </c>
      <c r="AK31308">
        <v>68</v>
      </c>
      <c r="AL31308">
        <v>68</v>
      </c>
      <c r="AM31308">
        <v>69</v>
      </c>
      <c r="AN31308">
        <v>69</v>
      </c>
      <c r="AO31308">
        <v>70</v>
      </c>
      <c r="AP31308">
        <v>70</v>
      </c>
      <c r="AQ31308">
        <v>70</v>
      </c>
    </row>
    <row r="31309" spans="1:43">
      <c r="A31309" t="s">
        <v>19393</v>
      </c>
      <c r="B31309" t="s">
        <v>19394</v>
      </c>
      <c r="C31309" t="s">
        <v>19395</v>
      </c>
      <c r="D31309" t="s">
        <v>19396</v>
      </c>
      <c r="E31309" t="s">
        <v>19379</v>
      </c>
      <c r="F31309" t="s">
        <v>19380</v>
      </c>
      <c r="G31309" t="s">
        <v>10734</v>
      </c>
      <c r="H31309" t="s">
        <v>10735</v>
      </c>
      <c r="I31309" s="2">
        <v>0</v>
      </c>
      <c r="J31309" s="2">
        <v>0</v>
      </c>
      <c r="K31309" s="2">
        <v>1</v>
      </c>
      <c r="L31309" t="s">
        <v>995</v>
      </c>
      <c r="M31309" t="s">
        <v>83</v>
      </c>
      <c r="N31309" t="s">
        <v>91</v>
      </c>
      <c r="O31309" t="s">
        <v>85</v>
      </c>
      <c r="P31309" t="s">
        <v>86</v>
      </c>
      <c r="Q31309">
        <v>46</v>
      </c>
      <c r="R31309">
        <v>47</v>
      </c>
      <c r="S31309">
        <v>48</v>
      </c>
      <c r="T31309">
        <v>49</v>
      </c>
      <c r="U31309">
        <v>50</v>
      </c>
      <c r="V31309">
        <v>52</v>
      </c>
      <c r="W31309">
        <v>53</v>
      </c>
      <c r="X31309">
        <v>54</v>
      </c>
      <c r="Y31309">
        <v>55</v>
      </c>
      <c r="Z31309">
        <v>56</v>
      </c>
      <c r="AA31309">
        <v>57</v>
      </c>
      <c r="AB31309">
        <v>58</v>
      </c>
      <c r="AC31309">
        <v>59</v>
      </c>
      <c r="AD31309">
        <v>60</v>
      </c>
      <c r="AE31309">
        <v>61</v>
      </c>
      <c r="AF31309">
        <v>62</v>
      </c>
      <c r="AG31309">
        <v>64</v>
      </c>
      <c r="AH31309">
        <v>65</v>
      </c>
      <c r="AI31309">
        <v>66</v>
      </c>
      <c r="AJ31309">
        <v>67</v>
      </c>
      <c r="AK31309">
        <v>68</v>
      </c>
      <c r="AL31309">
        <v>69</v>
      </c>
      <c r="AM31309">
        <v>69</v>
      </c>
      <c r="AN31309">
        <v>70</v>
      </c>
      <c r="AO31309">
        <v>70</v>
      </c>
      <c r="AP31309">
        <v>70</v>
      </c>
      <c r="AQ31309">
        <v>71</v>
      </c>
    </row>
    <row r="31310" spans="1:43">
      <c r="A31310" t="s">
        <v>19397</v>
      </c>
      <c r="B31310" t="s">
        <v>19398</v>
      </c>
      <c r="C31310" t="s">
        <v>19399</v>
      </c>
      <c r="D31310" t="s">
        <v>19400</v>
      </c>
      <c r="E31310" t="s">
        <v>19379</v>
      </c>
      <c r="F31310" t="s">
        <v>19380</v>
      </c>
      <c r="G31310" t="s">
        <v>10734</v>
      </c>
      <c r="H31310" t="s">
        <v>10735</v>
      </c>
      <c r="I31310" s="2">
        <v>0</v>
      </c>
      <c r="J31310" s="2">
        <v>0</v>
      </c>
      <c r="K31310" s="2">
        <v>1</v>
      </c>
      <c r="L31310" t="s">
        <v>995</v>
      </c>
      <c r="M31310" t="s">
        <v>83</v>
      </c>
      <c r="N31310" t="s">
        <v>84</v>
      </c>
      <c r="O31310" t="s">
        <v>85</v>
      </c>
      <c r="P31310" t="s">
        <v>86</v>
      </c>
      <c r="Q31310">
        <v>24</v>
      </c>
      <c r="R31310">
        <v>24</v>
      </c>
      <c r="S31310">
        <v>25</v>
      </c>
      <c r="T31310">
        <v>26</v>
      </c>
      <c r="U31310">
        <v>26</v>
      </c>
      <c r="V31310">
        <v>27</v>
      </c>
      <c r="W31310">
        <v>27</v>
      </c>
      <c r="X31310">
        <v>28</v>
      </c>
      <c r="Y31310">
        <v>28</v>
      </c>
      <c r="Z31310">
        <v>29</v>
      </c>
      <c r="AA31310">
        <v>29</v>
      </c>
      <c r="AB31310">
        <v>30</v>
      </c>
      <c r="AC31310">
        <v>31</v>
      </c>
      <c r="AD31310">
        <v>31</v>
      </c>
      <c r="AE31310">
        <v>32</v>
      </c>
      <c r="AF31310">
        <v>32</v>
      </c>
      <c r="AG31310">
        <v>33</v>
      </c>
      <c r="AH31310">
        <v>33</v>
      </c>
      <c r="AI31310">
        <v>34</v>
      </c>
      <c r="AJ31310">
        <v>35</v>
      </c>
      <c r="AK31310">
        <v>35</v>
      </c>
      <c r="AL31310">
        <v>35</v>
      </c>
      <c r="AM31310">
        <v>36</v>
      </c>
      <c r="AN31310">
        <v>36</v>
      </c>
      <c r="AO31310">
        <v>36</v>
      </c>
      <c r="AP31310">
        <v>36</v>
      </c>
      <c r="AQ31310">
        <v>37</v>
      </c>
    </row>
    <row r="31311" spans="1:43">
      <c r="A31311" t="s">
        <v>19397</v>
      </c>
      <c r="B31311" t="s">
        <v>19398</v>
      </c>
      <c r="C31311" t="s">
        <v>19399</v>
      </c>
      <c r="D31311" t="s">
        <v>19400</v>
      </c>
      <c r="E31311" t="s">
        <v>19379</v>
      </c>
      <c r="F31311" t="s">
        <v>19380</v>
      </c>
      <c r="G31311" t="s">
        <v>10734</v>
      </c>
      <c r="H31311" t="s">
        <v>10735</v>
      </c>
      <c r="I31311" s="2">
        <v>0</v>
      </c>
      <c r="J31311" s="2">
        <v>0</v>
      </c>
      <c r="K31311" s="2">
        <v>1</v>
      </c>
      <c r="L31311" t="s">
        <v>995</v>
      </c>
      <c r="M31311" t="s">
        <v>87</v>
      </c>
      <c r="N31311" t="s">
        <v>88</v>
      </c>
      <c r="O31311" t="s">
        <v>85</v>
      </c>
      <c r="P31311" t="s">
        <v>86</v>
      </c>
      <c r="Q31311">
        <v>24</v>
      </c>
      <c r="R31311">
        <v>24</v>
      </c>
      <c r="S31311">
        <v>24</v>
      </c>
      <c r="T31311">
        <v>25</v>
      </c>
      <c r="U31311">
        <v>25</v>
      </c>
      <c r="V31311">
        <v>25</v>
      </c>
      <c r="W31311">
        <v>26</v>
      </c>
      <c r="X31311">
        <v>26</v>
      </c>
      <c r="Y31311">
        <v>26</v>
      </c>
      <c r="Z31311">
        <v>26</v>
      </c>
      <c r="AA31311">
        <v>27</v>
      </c>
      <c r="AB31311">
        <v>27</v>
      </c>
      <c r="AC31311">
        <v>27</v>
      </c>
      <c r="AD31311">
        <v>28</v>
      </c>
      <c r="AE31311">
        <v>28</v>
      </c>
      <c r="AF31311">
        <v>28</v>
      </c>
      <c r="AG31311">
        <v>29</v>
      </c>
      <c r="AH31311">
        <v>29</v>
      </c>
      <c r="AI31311">
        <v>29</v>
      </c>
      <c r="AJ31311">
        <v>30</v>
      </c>
      <c r="AK31311">
        <v>30</v>
      </c>
      <c r="AL31311">
        <v>30</v>
      </c>
      <c r="AM31311">
        <v>30</v>
      </c>
      <c r="AN31311">
        <v>31</v>
      </c>
      <c r="AO31311">
        <v>31</v>
      </c>
      <c r="AP31311">
        <v>31</v>
      </c>
      <c r="AQ31311">
        <v>32</v>
      </c>
    </row>
    <row r="31312" spans="1:43">
      <c r="A31312" t="s">
        <v>19397</v>
      </c>
      <c r="B31312" t="s">
        <v>19398</v>
      </c>
      <c r="C31312" t="s">
        <v>19399</v>
      </c>
      <c r="D31312" t="s">
        <v>19400</v>
      </c>
      <c r="E31312" t="s">
        <v>19379</v>
      </c>
      <c r="F31312" t="s">
        <v>19380</v>
      </c>
      <c r="G31312" t="s">
        <v>10734</v>
      </c>
      <c r="H31312" t="s">
        <v>10735</v>
      </c>
      <c r="I31312" s="2">
        <v>0</v>
      </c>
      <c r="J31312" s="2">
        <v>0</v>
      </c>
      <c r="K31312" s="2">
        <v>1</v>
      </c>
      <c r="L31312" t="s">
        <v>995</v>
      </c>
      <c r="M31312" t="s">
        <v>89</v>
      </c>
      <c r="N31312" t="s">
        <v>90</v>
      </c>
      <c r="O31312" t="s">
        <v>85</v>
      </c>
      <c r="P31312" t="s">
        <v>86</v>
      </c>
      <c r="Q31312">
        <v>24</v>
      </c>
      <c r="R31312">
        <v>25</v>
      </c>
      <c r="S31312">
        <v>26</v>
      </c>
      <c r="T31312">
        <v>26</v>
      </c>
      <c r="U31312">
        <v>27</v>
      </c>
      <c r="V31312">
        <v>28</v>
      </c>
      <c r="W31312">
        <v>29</v>
      </c>
      <c r="X31312">
        <v>29</v>
      </c>
      <c r="Y31312">
        <v>30</v>
      </c>
      <c r="Z31312">
        <v>31</v>
      </c>
      <c r="AA31312">
        <v>31</v>
      </c>
      <c r="AB31312">
        <v>32</v>
      </c>
      <c r="AC31312">
        <v>33</v>
      </c>
      <c r="AD31312">
        <v>34</v>
      </c>
      <c r="AE31312">
        <v>34</v>
      </c>
      <c r="AF31312">
        <v>34</v>
      </c>
      <c r="AG31312">
        <v>35</v>
      </c>
      <c r="AH31312">
        <v>35</v>
      </c>
      <c r="AI31312">
        <v>35</v>
      </c>
      <c r="AJ31312">
        <v>35</v>
      </c>
      <c r="AK31312">
        <v>36</v>
      </c>
      <c r="AL31312">
        <v>36</v>
      </c>
      <c r="AM31312">
        <v>36</v>
      </c>
      <c r="AN31312">
        <v>36</v>
      </c>
      <c r="AO31312">
        <v>36</v>
      </c>
      <c r="AP31312">
        <v>37</v>
      </c>
      <c r="AQ31312">
        <v>37</v>
      </c>
    </row>
    <row r="31313" spans="1:43">
      <c r="A31313" t="s">
        <v>19397</v>
      </c>
      <c r="B31313" t="s">
        <v>19398</v>
      </c>
      <c r="C31313" t="s">
        <v>19399</v>
      </c>
      <c r="D31313" t="s">
        <v>19400</v>
      </c>
      <c r="E31313" t="s">
        <v>19379</v>
      </c>
      <c r="F31313" t="s">
        <v>19380</v>
      </c>
      <c r="G31313" t="s">
        <v>10734</v>
      </c>
      <c r="H31313" t="s">
        <v>10735</v>
      </c>
      <c r="I31313" s="2">
        <v>0</v>
      </c>
      <c r="J31313" s="2">
        <v>0</v>
      </c>
      <c r="K31313" s="2">
        <v>1</v>
      </c>
      <c r="L31313" t="s">
        <v>995</v>
      </c>
      <c r="M31313" t="s">
        <v>83</v>
      </c>
      <c r="N31313" t="s">
        <v>91</v>
      </c>
      <c r="O31313" t="s">
        <v>85</v>
      </c>
      <c r="P31313" t="s">
        <v>86</v>
      </c>
      <c r="Q31313">
        <v>24</v>
      </c>
      <c r="R31313">
        <v>24</v>
      </c>
      <c r="S31313">
        <v>25</v>
      </c>
      <c r="T31313">
        <v>26</v>
      </c>
      <c r="U31313">
        <v>26</v>
      </c>
      <c r="V31313">
        <v>27</v>
      </c>
      <c r="W31313">
        <v>27</v>
      </c>
      <c r="X31313">
        <v>28</v>
      </c>
      <c r="Y31313">
        <v>28</v>
      </c>
      <c r="Z31313">
        <v>29</v>
      </c>
      <c r="AA31313">
        <v>29</v>
      </c>
      <c r="AB31313">
        <v>30</v>
      </c>
      <c r="AC31313">
        <v>31</v>
      </c>
      <c r="AD31313">
        <v>31</v>
      </c>
      <c r="AE31313">
        <v>32</v>
      </c>
      <c r="AF31313">
        <v>32</v>
      </c>
      <c r="AG31313">
        <v>33</v>
      </c>
      <c r="AH31313">
        <v>33</v>
      </c>
      <c r="AI31313">
        <v>34</v>
      </c>
      <c r="AJ31313">
        <v>35</v>
      </c>
      <c r="AK31313">
        <v>35</v>
      </c>
      <c r="AL31313">
        <v>35</v>
      </c>
      <c r="AM31313">
        <v>36</v>
      </c>
      <c r="AN31313">
        <v>36</v>
      </c>
      <c r="AO31313">
        <v>36</v>
      </c>
      <c r="AP31313">
        <v>36</v>
      </c>
      <c r="AQ31313">
        <v>37</v>
      </c>
    </row>
    <row r="31314" spans="1:43">
      <c r="A31314" t="s">
        <v>19401</v>
      </c>
      <c r="B31314" t="s">
        <v>19402</v>
      </c>
      <c r="C31314" t="s">
        <v>19395</v>
      </c>
      <c r="D31314" t="s">
        <v>19396</v>
      </c>
      <c r="E31314" t="s">
        <v>19379</v>
      </c>
      <c r="F31314" t="s">
        <v>19380</v>
      </c>
      <c r="G31314" t="s">
        <v>10734</v>
      </c>
      <c r="H31314" t="s">
        <v>10735</v>
      </c>
      <c r="I31314" s="2">
        <v>0</v>
      </c>
      <c r="J31314" s="2">
        <v>0</v>
      </c>
      <c r="K31314" s="2">
        <v>1</v>
      </c>
      <c r="L31314" t="s">
        <v>995</v>
      </c>
      <c r="M31314" t="s">
        <v>83</v>
      </c>
      <c r="N31314" t="s">
        <v>84</v>
      </c>
      <c r="O31314" t="s">
        <v>85</v>
      </c>
      <c r="P31314" t="s">
        <v>86</v>
      </c>
      <c r="Q31314">
        <v>9</v>
      </c>
      <c r="R31314">
        <v>9</v>
      </c>
      <c r="S31314">
        <v>9</v>
      </c>
      <c r="T31314">
        <v>9</v>
      </c>
      <c r="U31314">
        <v>9</v>
      </c>
      <c r="V31314">
        <v>10</v>
      </c>
      <c r="W31314">
        <v>10</v>
      </c>
      <c r="X31314">
        <v>10</v>
      </c>
      <c r="Y31314">
        <v>10</v>
      </c>
      <c r="Z31314">
        <v>10</v>
      </c>
      <c r="AA31314">
        <v>11</v>
      </c>
      <c r="AB31314">
        <v>11</v>
      </c>
      <c r="AC31314">
        <v>11</v>
      </c>
      <c r="AD31314">
        <v>11</v>
      </c>
      <c r="AE31314">
        <v>11</v>
      </c>
      <c r="AF31314">
        <v>12</v>
      </c>
      <c r="AG31314">
        <v>12</v>
      </c>
      <c r="AH31314">
        <v>12</v>
      </c>
      <c r="AI31314">
        <v>12</v>
      </c>
      <c r="AJ31314">
        <v>12</v>
      </c>
      <c r="AK31314">
        <v>13</v>
      </c>
      <c r="AL31314">
        <v>13</v>
      </c>
      <c r="AM31314">
        <v>13</v>
      </c>
      <c r="AN31314">
        <v>13</v>
      </c>
      <c r="AO31314">
        <v>13</v>
      </c>
      <c r="AP31314">
        <v>13</v>
      </c>
      <c r="AQ31314">
        <v>13</v>
      </c>
    </row>
    <row r="31315" spans="1:43">
      <c r="A31315" t="s">
        <v>19401</v>
      </c>
      <c r="B31315" t="s">
        <v>19402</v>
      </c>
      <c r="C31315" t="s">
        <v>19395</v>
      </c>
      <c r="D31315" t="s">
        <v>19396</v>
      </c>
      <c r="E31315" t="s">
        <v>19379</v>
      </c>
      <c r="F31315" t="s">
        <v>19380</v>
      </c>
      <c r="G31315" t="s">
        <v>10734</v>
      </c>
      <c r="H31315" t="s">
        <v>10735</v>
      </c>
      <c r="I31315" s="2">
        <v>0</v>
      </c>
      <c r="J31315" s="2">
        <v>0</v>
      </c>
      <c r="K31315" s="2">
        <v>1</v>
      </c>
      <c r="L31315" t="s">
        <v>995</v>
      </c>
      <c r="M31315" t="s">
        <v>87</v>
      </c>
      <c r="N31315" t="s">
        <v>88</v>
      </c>
      <c r="O31315" t="s">
        <v>85</v>
      </c>
      <c r="P31315" t="s">
        <v>86</v>
      </c>
      <c r="Q31315">
        <v>9</v>
      </c>
      <c r="R31315">
        <v>10</v>
      </c>
      <c r="S31315">
        <v>10</v>
      </c>
      <c r="T31315">
        <v>10</v>
      </c>
      <c r="U31315">
        <v>10</v>
      </c>
      <c r="V31315">
        <v>10</v>
      </c>
      <c r="W31315">
        <v>10</v>
      </c>
      <c r="X31315">
        <v>10</v>
      </c>
      <c r="Y31315">
        <v>10</v>
      </c>
      <c r="Z31315">
        <v>10</v>
      </c>
      <c r="AA31315">
        <v>11</v>
      </c>
      <c r="AB31315">
        <v>11</v>
      </c>
      <c r="AC31315">
        <v>11</v>
      </c>
      <c r="AD31315">
        <v>11</v>
      </c>
      <c r="AE31315">
        <v>11</v>
      </c>
      <c r="AF31315">
        <v>11</v>
      </c>
      <c r="AG31315">
        <v>11</v>
      </c>
      <c r="AH31315">
        <v>11</v>
      </c>
      <c r="AI31315">
        <v>11</v>
      </c>
      <c r="AJ31315">
        <v>12</v>
      </c>
      <c r="AK31315">
        <v>12</v>
      </c>
      <c r="AL31315">
        <v>12</v>
      </c>
      <c r="AM31315">
        <v>12</v>
      </c>
      <c r="AN31315">
        <v>12</v>
      </c>
      <c r="AO31315">
        <v>12</v>
      </c>
      <c r="AP31315">
        <v>12</v>
      </c>
      <c r="AQ31315">
        <v>12</v>
      </c>
    </row>
    <row r="31316" spans="1:43">
      <c r="A31316" t="s">
        <v>19401</v>
      </c>
      <c r="B31316" t="s">
        <v>19402</v>
      </c>
      <c r="C31316" t="s">
        <v>19395</v>
      </c>
      <c r="D31316" t="s">
        <v>19396</v>
      </c>
      <c r="E31316" t="s">
        <v>19379</v>
      </c>
      <c r="F31316" t="s">
        <v>19380</v>
      </c>
      <c r="G31316" t="s">
        <v>10734</v>
      </c>
      <c r="H31316" t="s">
        <v>10735</v>
      </c>
      <c r="I31316" s="2">
        <v>0</v>
      </c>
      <c r="J31316" s="2">
        <v>0</v>
      </c>
      <c r="K31316" s="2">
        <v>1</v>
      </c>
      <c r="L31316" t="s">
        <v>995</v>
      </c>
      <c r="M31316" t="s">
        <v>89</v>
      </c>
      <c r="N31316" t="s">
        <v>90</v>
      </c>
      <c r="O31316" t="s">
        <v>85</v>
      </c>
      <c r="P31316" t="s">
        <v>86</v>
      </c>
      <c r="Q31316">
        <v>9</v>
      </c>
      <c r="R31316">
        <v>9</v>
      </c>
      <c r="S31316">
        <v>9</v>
      </c>
      <c r="T31316">
        <v>9</v>
      </c>
      <c r="U31316">
        <v>10</v>
      </c>
      <c r="V31316">
        <v>10</v>
      </c>
      <c r="W31316">
        <v>10</v>
      </c>
      <c r="X31316">
        <v>10</v>
      </c>
      <c r="Y31316">
        <v>11</v>
      </c>
      <c r="Z31316">
        <v>11</v>
      </c>
      <c r="AA31316">
        <v>11</v>
      </c>
      <c r="AB31316">
        <v>11</v>
      </c>
      <c r="AC31316">
        <v>12</v>
      </c>
      <c r="AD31316">
        <v>12</v>
      </c>
      <c r="AE31316">
        <v>12</v>
      </c>
      <c r="AF31316">
        <v>12</v>
      </c>
      <c r="AG31316">
        <v>12</v>
      </c>
      <c r="AH31316">
        <v>12</v>
      </c>
      <c r="AI31316">
        <v>13</v>
      </c>
      <c r="AJ31316">
        <v>13</v>
      </c>
      <c r="AK31316">
        <v>13</v>
      </c>
      <c r="AL31316">
        <v>13</v>
      </c>
      <c r="AM31316">
        <v>13</v>
      </c>
      <c r="AN31316">
        <v>13</v>
      </c>
      <c r="AO31316">
        <v>13</v>
      </c>
      <c r="AP31316">
        <v>13</v>
      </c>
      <c r="AQ31316">
        <v>13</v>
      </c>
    </row>
    <row r="31317" spans="1:43">
      <c r="A31317" t="s">
        <v>19401</v>
      </c>
      <c r="B31317" t="s">
        <v>19402</v>
      </c>
      <c r="C31317" t="s">
        <v>19395</v>
      </c>
      <c r="D31317" t="s">
        <v>19396</v>
      </c>
      <c r="E31317" t="s">
        <v>19379</v>
      </c>
      <c r="F31317" t="s">
        <v>19380</v>
      </c>
      <c r="G31317" t="s">
        <v>10734</v>
      </c>
      <c r="H31317" t="s">
        <v>10735</v>
      </c>
      <c r="I31317" s="2">
        <v>0</v>
      </c>
      <c r="J31317" s="2">
        <v>0</v>
      </c>
      <c r="K31317" s="2">
        <v>1</v>
      </c>
      <c r="L31317" t="s">
        <v>995</v>
      </c>
      <c r="M31317" t="s">
        <v>83</v>
      </c>
      <c r="N31317" t="s">
        <v>91</v>
      </c>
      <c r="O31317" t="s">
        <v>85</v>
      </c>
      <c r="P31317" t="s">
        <v>86</v>
      </c>
      <c r="Q31317">
        <v>9</v>
      </c>
      <c r="R31317">
        <v>9</v>
      </c>
      <c r="S31317">
        <v>9</v>
      </c>
      <c r="T31317">
        <v>9</v>
      </c>
      <c r="U31317">
        <v>9</v>
      </c>
      <c r="V31317">
        <v>10</v>
      </c>
      <c r="W31317">
        <v>10</v>
      </c>
      <c r="X31317">
        <v>10</v>
      </c>
      <c r="Y31317">
        <v>10</v>
      </c>
      <c r="Z31317">
        <v>10</v>
      </c>
      <c r="AA31317">
        <v>11</v>
      </c>
      <c r="AB31317">
        <v>11</v>
      </c>
      <c r="AC31317">
        <v>11</v>
      </c>
      <c r="AD31317">
        <v>11</v>
      </c>
      <c r="AE31317">
        <v>11</v>
      </c>
      <c r="AF31317">
        <v>12</v>
      </c>
      <c r="AG31317">
        <v>12</v>
      </c>
      <c r="AH31317">
        <v>12</v>
      </c>
      <c r="AI31317">
        <v>12</v>
      </c>
      <c r="AJ31317">
        <v>12</v>
      </c>
      <c r="AK31317">
        <v>13</v>
      </c>
      <c r="AL31317">
        <v>13</v>
      </c>
      <c r="AM31317">
        <v>13</v>
      </c>
      <c r="AN31317">
        <v>13</v>
      </c>
      <c r="AO31317">
        <v>13</v>
      </c>
      <c r="AP31317">
        <v>13</v>
      </c>
      <c r="AQ31317">
        <v>13</v>
      </c>
    </row>
    <row r="31318" spans="1:43">
      <c r="A31318" t="s">
        <v>19403</v>
      </c>
      <c r="B31318" t="s">
        <v>19404</v>
      </c>
      <c r="C31318" t="s">
        <v>19395</v>
      </c>
      <c r="D31318" t="s">
        <v>19396</v>
      </c>
      <c r="E31318" t="s">
        <v>19379</v>
      </c>
      <c r="F31318" t="s">
        <v>19380</v>
      </c>
      <c r="G31318" t="s">
        <v>10734</v>
      </c>
      <c r="H31318" t="s">
        <v>10735</v>
      </c>
      <c r="I31318" s="2">
        <v>0</v>
      </c>
      <c r="J31318" s="2">
        <v>0</v>
      </c>
      <c r="K31318" s="2">
        <v>1</v>
      </c>
      <c r="L31318" t="s">
        <v>995</v>
      </c>
      <c r="M31318" t="s">
        <v>83</v>
      </c>
      <c r="N31318" t="s">
        <v>84</v>
      </c>
      <c r="O31318" t="s">
        <v>85</v>
      </c>
      <c r="P31318" t="s">
        <v>86</v>
      </c>
      <c r="Q31318">
        <v>11</v>
      </c>
      <c r="R31318">
        <v>11</v>
      </c>
      <c r="S31318">
        <v>11</v>
      </c>
      <c r="T31318">
        <v>11</v>
      </c>
      <c r="U31318">
        <v>12</v>
      </c>
      <c r="V31318">
        <v>12</v>
      </c>
      <c r="W31318">
        <v>12</v>
      </c>
      <c r="X31318">
        <v>12</v>
      </c>
      <c r="Y31318">
        <v>13</v>
      </c>
      <c r="Z31318">
        <v>13</v>
      </c>
      <c r="AA31318">
        <v>13</v>
      </c>
      <c r="AB31318">
        <v>13</v>
      </c>
      <c r="AC31318">
        <v>14</v>
      </c>
      <c r="AD31318">
        <v>14</v>
      </c>
      <c r="AE31318">
        <v>14</v>
      </c>
      <c r="AF31318">
        <v>14</v>
      </c>
      <c r="AG31318">
        <v>15</v>
      </c>
      <c r="AH31318">
        <v>15</v>
      </c>
      <c r="AI31318">
        <v>15</v>
      </c>
      <c r="AJ31318">
        <v>15</v>
      </c>
      <c r="AK31318">
        <v>16</v>
      </c>
      <c r="AL31318">
        <v>16</v>
      </c>
      <c r="AM31318">
        <v>16</v>
      </c>
      <c r="AN31318">
        <v>16</v>
      </c>
      <c r="AO31318">
        <v>16</v>
      </c>
      <c r="AP31318">
        <v>16</v>
      </c>
      <c r="AQ31318">
        <v>16</v>
      </c>
    </row>
    <row r="31319" spans="1:43">
      <c r="A31319" t="s">
        <v>19403</v>
      </c>
      <c r="B31319" t="s">
        <v>19404</v>
      </c>
      <c r="C31319" t="s">
        <v>19395</v>
      </c>
      <c r="D31319" t="s">
        <v>19396</v>
      </c>
      <c r="E31319" t="s">
        <v>19379</v>
      </c>
      <c r="F31319" t="s">
        <v>19380</v>
      </c>
      <c r="G31319" t="s">
        <v>10734</v>
      </c>
      <c r="H31319" t="s">
        <v>10735</v>
      </c>
      <c r="I31319" s="2">
        <v>0</v>
      </c>
      <c r="J31319" s="2">
        <v>0</v>
      </c>
      <c r="K31319" s="2">
        <v>1</v>
      </c>
      <c r="L31319" t="s">
        <v>995</v>
      </c>
      <c r="M31319" t="s">
        <v>87</v>
      </c>
      <c r="N31319" t="s">
        <v>88</v>
      </c>
      <c r="O31319" t="s">
        <v>85</v>
      </c>
      <c r="P31319" t="s">
        <v>86</v>
      </c>
      <c r="Q31319">
        <v>11</v>
      </c>
      <c r="R31319">
        <v>12</v>
      </c>
      <c r="S31319">
        <v>12</v>
      </c>
      <c r="T31319">
        <v>12</v>
      </c>
      <c r="U31319">
        <v>12</v>
      </c>
      <c r="V31319">
        <v>12</v>
      </c>
      <c r="W31319">
        <v>12</v>
      </c>
      <c r="X31319">
        <v>12</v>
      </c>
      <c r="Y31319">
        <v>13</v>
      </c>
      <c r="Z31319">
        <v>13</v>
      </c>
      <c r="AA31319">
        <v>13</v>
      </c>
      <c r="AB31319">
        <v>13</v>
      </c>
      <c r="AC31319">
        <v>13</v>
      </c>
      <c r="AD31319">
        <v>13</v>
      </c>
      <c r="AE31319">
        <v>13</v>
      </c>
      <c r="AF31319">
        <v>14</v>
      </c>
      <c r="AG31319">
        <v>14</v>
      </c>
      <c r="AH31319">
        <v>14</v>
      </c>
      <c r="AI31319">
        <v>14</v>
      </c>
      <c r="AJ31319">
        <v>14</v>
      </c>
      <c r="AK31319">
        <v>14</v>
      </c>
      <c r="AL31319">
        <v>14</v>
      </c>
      <c r="AM31319">
        <v>14</v>
      </c>
      <c r="AN31319">
        <v>15</v>
      </c>
      <c r="AO31319">
        <v>15</v>
      </c>
      <c r="AP31319">
        <v>15</v>
      </c>
      <c r="AQ31319">
        <v>15</v>
      </c>
    </row>
    <row r="31320" spans="1:43">
      <c r="A31320" t="s">
        <v>19403</v>
      </c>
      <c r="B31320" t="s">
        <v>19404</v>
      </c>
      <c r="C31320" t="s">
        <v>19395</v>
      </c>
      <c r="D31320" t="s">
        <v>19396</v>
      </c>
      <c r="E31320" t="s">
        <v>19379</v>
      </c>
      <c r="F31320" t="s">
        <v>19380</v>
      </c>
      <c r="G31320" t="s">
        <v>10734</v>
      </c>
      <c r="H31320" t="s">
        <v>10735</v>
      </c>
      <c r="I31320" s="2">
        <v>0</v>
      </c>
      <c r="J31320" s="2">
        <v>0</v>
      </c>
      <c r="K31320" s="2">
        <v>1</v>
      </c>
      <c r="L31320" t="s">
        <v>995</v>
      </c>
      <c r="M31320" t="s">
        <v>89</v>
      </c>
      <c r="N31320" t="s">
        <v>90</v>
      </c>
      <c r="O31320" t="s">
        <v>85</v>
      </c>
      <c r="P31320" t="s">
        <v>86</v>
      </c>
      <c r="Q31320">
        <v>11</v>
      </c>
      <c r="R31320">
        <v>11</v>
      </c>
      <c r="S31320">
        <v>11</v>
      </c>
      <c r="T31320">
        <v>12</v>
      </c>
      <c r="U31320">
        <v>12</v>
      </c>
      <c r="V31320">
        <v>12</v>
      </c>
      <c r="W31320">
        <v>13</v>
      </c>
      <c r="X31320">
        <v>13</v>
      </c>
      <c r="Y31320">
        <v>13</v>
      </c>
      <c r="Z31320">
        <v>14</v>
      </c>
      <c r="AA31320">
        <v>14</v>
      </c>
      <c r="AB31320">
        <v>14</v>
      </c>
      <c r="AC31320">
        <v>15</v>
      </c>
      <c r="AD31320">
        <v>15</v>
      </c>
      <c r="AE31320">
        <v>15</v>
      </c>
      <c r="AF31320">
        <v>15</v>
      </c>
      <c r="AG31320">
        <v>15</v>
      </c>
      <c r="AH31320">
        <v>15</v>
      </c>
      <c r="AI31320">
        <v>15</v>
      </c>
      <c r="AJ31320">
        <v>16</v>
      </c>
      <c r="AK31320">
        <v>16</v>
      </c>
      <c r="AL31320">
        <v>16</v>
      </c>
      <c r="AM31320">
        <v>16</v>
      </c>
      <c r="AN31320">
        <v>16</v>
      </c>
      <c r="AO31320">
        <v>16</v>
      </c>
      <c r="AP31320">
        <v>16</v>
      </c>
      <c r="AQ31320">
        <v>16</v>
      </c>
    </row>
    <row r="31321" spans="1:43">
      <c r="A31321" t="s">
        <v>19403</v>
      </c>
      <c r="B31321" t="s">
        <v>19404</v>
      </c>
      <c r="C31321" t="s">
        <v>19395</v>
      </c>
      <c r="D31321" t="s">
        <v>19396</v>
      </c>
      <c r="E31321" t="s">
        <v>19379</v>
      </c>
      <c r="F31321" t="s">
        <v>19380</v>
      </c>
      <c r="G31321" t="s">
        <v>10734</v>
      </c>
      <c r="H31321" t="s">
        <v>10735</v>
      </c>
      <c r="I31321" s="2">
        <v>0</v>
      </c>
      <c r="J31321" s="2">
        <v>0</v>
      </c>
      <c r="K31321" s="2">
        <v>1</v>
      </c>
      <c r="L31321" t="s">
        <v>995</v>
      </c>
      <c r="M31321" t="s">
        <v>83</v>
      </c>
      <c r="N31321" t="s">
        <v>91</v>
      </c>
      <c r="O31321" t="s">
        <v>85</v>
      </c>
      <c r="P31321" t="s">
        <v>86</v>
      </c>
      <c r="Q31321">
        <v>11</v>
      </c>
      <c r="R31321">
        <v>11</v>
      </c>
      <c r="S31321">
        <v>11</v>
      </c>
      <c r="T31321">
        <v>11</v>
      </c>
      <c r="U31321">
        <v>12</v>
      </c>
      <c r="V31321">
        <v>12</v>
      </c>
      <c r="W31321">
        <v>12</v>
      </c>
      <c r="X31321">
        <v>12</v>
      </c>
      <c r="Y31321">
        <v>13</v>
      </c>
      <c r="Z31321">
        <v>13</v>
      </c>
      <c r="AA31321">
        <v>13</v>
      </c>
      <c r="AB31321">
        <v>13</v>
      </c>
      <c r="AC31321">
        <v>14</v>
      </c>
      <c r="AD31321">
        <v>14</v>
      </c>
      <c r="AE31321">
        <v>14</v>
      </c>
      <c r="AF31321">
        <v>14</v>
      </c>
      <c r="AG31321">
        <v>15</v>
      </c>
      <c r="AH31321">
        <v>15</v>
      </c>
      <c r="AI31321">
        <v>15</v>
      </c>
      <c r="AJ31321">
        <v>15</v>
      </c>
      <c r="AK31321">
        <v>16</v>
      </c>
      <c r="AL31321">
        <v>16</v>
      </c>
      <c r="AM31321">
        <v>16</v>
      </c>
      <c r="AN31321">
        <v>16</v>
      </c>
      <c r="AO31321">
        <v>16</v>
      </c>
      <c r="AP31321">
        <v>16</v>
      </c>
      <c r="AQ31321">
        <v>16</v>
      </c>
    </row>
    <row r="31322" spans="1:43">
      <c r="A31322" t="s">
        <v>19405</v>
      </c>
      <c r="B31322" t="s">
        <v>19406</v>
      </c>
      <c r="C31322" t="s">
        <v>19395</v>
      </c>
      <c r="D31322" t="s">
        <v>19396</v>
      </c>
      <c r="E31322" t="s">
        <v>19379</v>
      </c>
      <c r="F31322" t="s">
        <v>19380</v>
      </c>
      <c r="G31322" t="s">
        <v>10734</v>
      </c>
      <c r="H31322" t="s">
        <v>10735</v>
      </c>
      <c r="I31322" s="2">
        <v>0</v>
      </c>
      <c r="J31322" s="2">
        <v>0</v>
      </c>
      <c r="K31322" s="2">
        <v>1</v>
      </c>
      <c r="L31322" t="s">
        <v>995</v>
      </c>
      <c r="M31322" t="s">
        <v>83</v>
      </c>
      <c r="N31322" t="s">
        <v>84</v>
      </c>
      <c r="O31322" t="s">
        <v>85</v>
      </c>
      <c r="P31322" t="s">
        <v>86</v>
      </c>
      <c r="Q31322">
        <v>8</v>
      </c>
      <c r="R31322">
        <v>8</v>
      </c>
      <c r="S31322">
        <v>8</v>
      </c>
      <c r="T31322">
        <v>8</v>
      </c>
      <c r="U31322">
        <v>8</v>
      </c>
      <c r="V31322">
        <v>9</v>
      </c>
      <c r="W31322">
        <v>9</v>
      </c>
      <c r="X31322">
        <v>9</v>
      </c>
      <c r="Y31322">
        <v>9</v>
      </c>
      <c r="Z31322">
        <v>9</v>
      </c>
      <c r="AA31322">
        <v>9</v>
      </c>
      <c r="AB31322">
        <v>10</v>
      </c>
      <c r="AC31322">
        <v>10</v>
      </c>
      <c r="AD31322">
        <v>10</v>
      </c>
      <c r="AE31322">
        <v>10</v>
      </c>
      <c r="AF31322">
        <v>10</v>
      </c>
      <c r="AG31322">
        <v>11</v>
      </c>
      <c r="AH31322">
        <v>11</v>
      </c>
      <c r="AI31322">
        <v>11</v>
      </c>
      <c r="AJ31322">
        <v>11</v>
      </c>
      <c r="AK31322">
        <v>11</v>
      </c>
      <c r="AL31322">
        <v>11</v>
      </c>
      <c r="AM31322">
        <v>11</v>
      </c>
      <c r="AN31322">
        <v>12</v>
      </c>
      <c r="AO31322">
        <v>12</v>
      </c>
      <c r="AP31322">
        <v>12</v>
      </c>
      <c r="AQ31322">
        <v>12</v>
      </c>
    </row>
    <row r="31323" spans="1:43">
      <c r="A31323" t="s">
        <v>19405</v>
      </c>
      <c r="B31323" t="s">
        <v>19406</v>
      </c>
      <c r="C31323" t="s">
        <v>19395</v>
      </c>
      <c r="D31323" t="s">
        <v>19396</v>
      </c>
      <c r="E31323" t="s">
        <v>19379</v>
      </c>
      <c r="F31323" t="s">
        <v>19380</v>
      </c>
      <c r="G31323" t="s">
        <v>10734</v>
      </c>
      <c r="H31323" t="s">
        <v>10735</v>
      </c>
      <c r="I31323" s="2">
        <v>0</v>
      </c>
      <c r="J31323" s="2">
        <v>0</v>
      </c>
      <c r="K31323" s="2">
        <v>1</v>
      </c>
      <c r="L31323" t="s">
        <v>995</v>
      </c>
      <c r="M31323" t="s">
        <v>87</v>
      </c>
      <c r="N31323" t="s">
        <v>88</v>
      </c>
      <c r="O31323" t="s">
        <v>85</v>
      </c>
      <c r="P31323" t="s">
        <v>86</v>
      </c>
      <c r="Q31323">
        <v>8</v>
      </c>
      <c r="R31323">
        <v>8</v>
      </c>
      <c r="S31323">
        <v>8</v>
      </c>
      <c r="T31323">
        <v>8</v>
      </c>
      <c r="U31323">
        <v>8</v>
      </c>
      <c r="V31323">
        <v>8</v>
      </c>
      <c r="W31323">
        <v>8</v>
      </c>
      <c r="X31323">
        <v>8</v>
      </c>
      <c r="Y31323">
        <v>8</v>
      </c>
      <c r="Z31323">
        <v>9</v>
      </c>
      <c r="AA31323">
        <v>9</v>
      </c>
      <c r="AB31323">
        <v>9</v>
      </c>
      <c r="AC31323">
        <v>9</v>
      </c>
      <c r="AD31323">
        <v>9</v>
      </c>
      <c r="AE31323">
        <v>9</v>
      </c>
      <c r="AF31323">
        <v>9</v>
      </c>
      <c r="AG31323">
        <v>9</v>
      </c>
      <c r="AH31323">
        <v>9</v>
      </c>
      <c r="AI31323">
        <v>9</v>
      </c>
      <c r="AJ31323">
        <v>9</v>
      </c>
      <c r="AK31323">
        <v>10</v>
      </c>
      <c r="AL31323">
        <v>10</v>
      </c>
      <c r="AM31323">
        <v>10</v>
      </c>
      <c r="AN31323">
        <v>10</v>
      </c>
      <c r="AO31323">
        <v>10</v>
      </c>
      <c r="AP31323">
        <v>10</v>
      </c>
      <c r="AQ31323">
        <v>10</v>
      </c>
    </row>
    <row r="31324" spans="1:43">
      <c r="A31324" t="s">
        <v>19405</v>
      </c>
      <c r="B31324" t="s">
        <v>19406</v>
      </c>
      <c r="C31324" t="s">
        <v>19395</v>
      </c>
      <c r="D31324" t="s">
        <v>19396</v>
      </c>
      <c r="E31324" t="s">
        <v>19379</v>
      </c>
      <c r="F31324" t="s">
        <v>19380</v>
      </c>
      <c r="G31324" t="s">
        <v>10734</v>
      </c>
      <c r="H31324" t="s">
        <v>10735</v>
      </c>
      <c r="I31324" s="2">
        <v>0</v>
      </c>
      <c r="J31324" s="2">
        <v>0</v>
      </c>
      <c r="K31324" s="2">
        <v>1</v>
      </c>
      <c r="L31324" t="s">
        <v>995</v>
      </c>
      <c r="M31324" t="s">
        <v>89</v>
      </c>
      <c r="N31324" t="s">
        <v>90</v>
      </c>
      <c r="O31324" t="s">
        <v>85</v>
      </c>
      <c r="P31324" t="s">
        <v>86</v>
      </c>
      <c r="Q31324">
        <v>8</v>
      </c>
      <c r="R31324">
        <v>8</v>
      </c>
      <c r="S31324">
        <v>8</v>
      </c>
      <c r="T31324">
        <v>8</v>
      </c>
      <c r="U31324">
        <v>9</v>
      </c>
      <c r="V31324">
        <v>9</v>
      </c>
      <c r="W31324">
        <v>9</v>
      </c>
      <c r="X31324">
        <v>9</v>
      </c>
      <c r="Y31324">
        <v>10</v>
      </c>
      <c r="Z31324">
        <v>10</v>
      </c>
      <c r="AA31324">
        <v>10</v>
      </c>
      <c r="AB31324">
        <v>10</v>
      </c>
      <c r="AC31324">
        <v>11</v>
      </c>
      <c r="AD31324">
        <v>11</v>
      </c>
      <c r="AE31324">
        <v>11</v>
      </c>
      <c r="AF31324">
        <v>11</v>
      </c>
      <c r="AG31324">
        <v>11</v>
      </c>
      <c r="AH31324">
        <v>11</v>
      </c>
      <c r="AI31324">
        <v>11</v>
      </c>
      <c r="AJ31324">
        <v>11</v>
      </c>
      <c r="AK31324">
        <v>11</v>
      </c>
      <c r="AL31324">
        <v>12</v>
      </c>
      <c r="AM31324">
        <v>12</v>
      </c>
      <c r="AN31324">
        <v>12</v>
      </c>
      <c r="AO31324">
        <v>12</v>
      </c>
      <c r="AP31324">
        <v>12</v>
      </c>
      <c r="AQ31324">
        <v>12</v>
      </c>
    </row>
    <row r="31325" spans="1:43">
      <c r="A31325" t="s">
        <v>19405</v>
      </c>
      <c r="B31325" t="s">
        <v>19406</v>
      </c>
      <c r="C31325" t="s">
        <v>19395</v>
      </c>
      <c r="D31325" t="s">
        <v>19396</v>
      </c>
      <c r="E31325" t="s">
        <v>19379</v>
      </c>
      <c r="F31325" t="s">
        <v>19380</v>
      </c>
      <c r="G31325" t="s">
        <v>10734</v>
      </c>
      <c r="H31325" t="s">
        <v>10735</v>
      </c>
      <c r="I31325" s="2">
        <v>0</v>
      </c>
      <c r="J31325" s="2">
        <v>0</v>
      </c>
      <c r="K31325" s="2">
        <v>1</v>
      </c>
      <c r="L31325" t="s">
        <v>995</v>
      </c>
      <c r="M31325" t="s">
        <v>83</v>
      </c>
      <c r="N31325" t="s">
        <v>91</v>
      </c>
      <c r="O31325" t="s">
        <v>85</v>
      </c>
      <c r="P31325" t="s">
        <v>86</v>
      </c>
      <c r="Q31325">
        <v>8</v>
      </c>
      <c r="R31325">
        <v>8</v>
      </c>
      <c r="S31325">
        <v>8</v>
      </c>
      <c r="T31325">
        <v>8</v>
      </c>
      <c r="U31325">
        <v>8</v>
      </c>
      <c r="V31325">
        <v>9</v>
      </c>
      <c r="W31325">
        <v>9</v>
      </c>
      <c r="X31325">
        <v>9</v>
      </c>
      <c r="Y31325">
        <v>9</v>
      </c>
      <c r="Z31325">
        <v>9</v>
      </c>
      <c r="AA31325">
        <v>9</v>
      </c>
      <c r="AB31325">
        <v>10</v>
      </c>
      <c r="AC31325">
        <v>10</v>
      </c>
      <c r="AD31325">
        <v>10</v>
      </c>
      <c r="AE31325">
        <v>10</v>
      </c>
      <c r="AF31325">
        <v>10</v>
      </c>
      <c r="AG31325">
        <v>11</v>
      </c>
      <c r="AH31325">
        <v>11</v>
      </c>
      <c r="AI31325">
        <v>11</v>
      </c>
      <c r="AJ31325">
        <v>11</v>
      </c>
      <c r="AK31325">
        <v>11</v>
      </c>
      <c r="AL31325">
        <v>11</v>
      </c>
      <c r="AM31325">
        <v>11</v>
      </c>
      <c r="AN31325">
        <v>12</v>
      </c>
      <c r="AO31325">
        <v>12</v>
      </c>
      <c r="AP31325">
        <v>12</v>
      </c>
      <c r="AQ31325">
        <v>12</v>
      </c>
    </row>
    <row r="31326" spans="1:43">
      <c r="A31326" t="s">
        <v>19407</v>
      </c>
      <c r="B31326" t="s">
        <v>19408</v>
      </c>
      <c r="C31326" t="s">
        <v>19409</v>
      </c>
      <c r="D31326" t="s">
        <v>19410</v>
      </c>
      <c r="E31326" t="s">
        <v>19379</v>
      </c>
      <c r="F31326" t="s">
        <v>19380</v>
      </c>
      <c r="G31326" t="s">
        <v>10734</v>
      </c>
      <c r="H31326" t="s">
        <v>10735</v>
      </c>
      <c r="I31326" s="2">
        <v>0</v>
      </c>
      <c r="J31326" s="2">
        <v>0</v>
      </c>
      <c r="K31326" s="2">
        <v>1</v>
      </c>
      <c r="L31326" t="s">
        <v>995</v>
      </c>
      <c r="M31326" t="s">
        <v>83</v>
      </c>
      <c r="N31326" t="s">
        <v>84</v>
      </c>
      <c r="O31326" t="s">
        <v>85</v>
      </c>
      <c r="P31326" t="s">
        <v>86</v>
      </c>
      <c r="Q31326">
        <v>16</v>
      </c>
      <c r="R31326">
        <v>16</v>
      </c>
      <c r="S31326">
        <v>17</v>
      </c>
      <c r="T31326">
        <v>17</v>
      </c>
      <c r="U31326">
        <v>17</v>
      </c>
      <c r="V31326">
        <v>18</v>
      </c>
      <c r="W31326">
        <v>18</v>
      </c>
      <c r="X31326">
        <v>19</v>
      </c>
      <c r="Y31326">
        <v>19</v>
      </c>
      <c r="Z31326">
        <v>19</v>
      </c>
      <c r="AA31326">
        <v>20</v>
      </c>
      <c r="AB31326">
        <v>20</v>
      </c>
      <c r="AC31326">
        <v>20</v>
      </c>
      <c r="AD31326">
        <v>21</v>
      </c>
      <c r="AE31326">
        <v>21</v>
      </c>
      <c r="AF31326">
        <v>22</v>
      </c>
      <c r="AG31326">
        <v>22</v>
      </c>
      <c r="AH31326">
        <v>22</v>
      </c>
      <c r="AI31326">
        <v>23</v>
      </c>
      <c r="AJ31326">
        <v>23</v>
      </c>
      <c r="AK31326">
        <v>23</v>
      </c>
      <c r="AL31326">
        <v>24</v>
      </c>
      <c r="AM31326">
        <v>24</v>
      </c>
      <c r="AN31326">
        <v>24</v>
      </c>
      <c r="AO31326">
        <v>24</v>
      </c>
      <c r="AP31326">
        <v>24</v>
      </c>
      <c r="AQ31326">
        <v>24</v>
      </c>
    </row>
    <row r="31327" spans="1:43">
      <c r="A31327" t="s">
        <v>19407</v>
      </c>
      <c r="B31327" t="s">
        <v>19408</v>
      </c>
      <c r="C31327" t="s">
        <v>19409</v>
      </c>
      <c r="D31327" t="s">
        <v>19410</v>
      </c>
      <c r="E31327" t="s">
        <v>19379</v>
      </c>
      <c r="F31327" t="s">
        <v>19380</v>
      </c>
      <c r="G31327" t="s">
        <v>10734</v>
      </c>
      <c r="H31327" t="s">
        <v>10735</v>
      </c>
      <c r="I31327" s="2">
        <v>0</v>
      </c>
      <c r="J31327" s="2">
        <v>0</v>
      </c>
      <c r="K31327" s="2">
        <v>1</v>
      </c>
      <c r="L31327" t="s">
        <v>995</v>
      </c>
      <c r="M31327" t="s">
        <v>87</v>
      </c>
      <c r="N31327" t="s">
        <v>88</v>
      </c>
      <c r="O31327" t="s">
        <v>85</v>
      </c>
      <c r="P31327" t="s">
        <v>86</v>
      </c>
      <c r="Q31327">
        <v>16</v>
      </c>
      <c r="R31327">
        <v>16</v>
      </c>
      <c r="S31327">
        <v>16</v>
      </c>
      <c r="T31327">
        <v>17</v>
      </c>
      <c r="U31327">
        <v>17</v>
      </c>
      <c r="V31327">
        <v>17</v>
      </c>
      <c r="W31327">
        <v>17</v>
      </c>
      <c r="X31327">
        <v>17</v>
      </c>
      <c r="Y31327">
        <v>18</v>
      </c>
      <c r="Z31327">
        <v>18</v>
      </c>
      <c r="AA31327">
        <v>18</v>
      </c>
      <c r="AB31327">
        <v>18</v>
      </c>
      <c r="AC31327">
        <v>18</v>
      </c>
      <c r="AD31327">
        <v>19</v>
      </c>
      <c r="AE31327">
        <v>19</v>
      </c>
      <c r="AF31327">
        <v>19</v>
      </c>
      <c r="AG31327">
        <v>19</v>
      </c>
      <c r="AH31327">
        <v>19</v>
      </c>
      <c r="AI31327">
        <v>20</v>
      </c>
      <c r="AJ31327">
        <v>20</v>
      </c>
      <c r="AK31327">
        <v>20</v>
      </c>
      <c r="AL31327">
        <v>20</v>
      </c>
      <c r="AM31327">
        <v>20</v>
      </c>
      <c r="AN31327">
        <v>20</v>
      </c>
      <c r="AO31327">
        <v>21</v>
      </c>
      <c r="AP31327">
        <v>21</v>
      </c>
      <c r="AQ31327">
        <v>21</v>
      </c>
    </row>
    <row r="31328" spans="1:43">
      <c r="A31328" t="s">
        <v>19407</v>
      </c>
      <c r="B31328" t="s">
        <v>19408</v>
      </c>
      <c r="C31328" t="s">
        <v>19409</v>
      </c>
      <c r="D31328" t="s">
        <v>19410</v>
      </c>
      <c r="E31328" t="s">
        <v>19379</v>
      </c>
      <c r="F31328" t="s">
        <v>19380</v>
      </c>
      <c r="G31328" t="s">
        <v>10734</v>
      </c>
      <c r="H31328" t="s">
        <v>10735</v>
      </c>
      <c r="I31328" s="2">
        <v>0</v>
      </c>
      <c r="J31328" s="2">
        <v>0</v>
      </c>
      <c r="K31328" s="2">
        <v>1</v>
      </c>
      <c r="L31328" t="s">
        <v>995</v>
      </c>
      <c r="M31328" t="s">
        <v>89</v>
      </c>
      <c r="N31328" t="s">
        <v>90</v>
      </c>
      <c r="O31328" t="s">
        <v>85</v>
      </c>
      <c r="P31328" t="s">
        <v>86</v>
      </c>
      <c r="Q31328">
        <v>16</v>
      </c>
      <c r="R31328">
        <v>17</v>
      </c>
      <c r="S31328">
        <v>17</v>
      </c>
      <c r="T31328">
        <v>18</v>
      </c>
      <c r="U31328">
        <v>18</v>
      </c>
      <c r="V31328">
        <v>19</v>
      </c>
      <c r="W31328">
        <v>19</v>
      </c>
      <c r="X31328">
        <v>20</v>
      </c>
      <c r="Y31328">
        <v>20</v>
      </c>
      <c r="Z31328">
        <v>21</v>
      </c>
      <c r="AA31328">
        <v>21</v>
      </c>
      <c r="AB31328">
        <v>21</v>
      </c>
      <c r="AC31328">
        <v>22</v>
      </c>
      <c r="AD31328">
        <v>22</v>
      </c>
      <c r="AE31328">
        <v>23</v>
      </c>
      <c r="AF31328">
        <v>23</v>
      </c>
      <c r="AG31328">
        <v>23</v>
      </c>
      <c r="AH31328">
        <v>23</v>
      </c>
      <c r="AI31328">
        <v>23</v>
      </c>
      <c r="AJ31328">
        <v>24</v>
      </c>
      <c r="AK31328">
        <v>24</v>
      </c>
      <c r="AL31328">
        <v>24</v>
      </c>
      <c r="AM31328">
        <v>24</v>
      </c>
      <c r="AN31328">
        <v>24</v>
      </c>
      <c r="AO31328">
        <v>24</v>
      </c>
      <c r="AP31328">
        <v>24</v>
      </c>
      <c r="AQ31328">
        <v>25</v>
      </c>
    </row>
    <row r="31329" spans="1:43">
      <c r="A31329" t="s">
        <v>19407</v>
      </c>
      <c r="B31329" t="s">
        <v>19408</v>
      </c>
      <c r="C31329" t="s">
        <v>19409</v>
      </c>
      <c r="D31329" t="s">
        <v>19410</v>
      </c>
      <c r="E31329" t="s">
        <v>19379</v>
      </c>
      <c r="F31329" t="s">
        <v>19380</v>
      </c>
      <c r="G31329" t="s">
        <v>10734</v>
      </c>
      <c r="H31329" t="s">
        <v>10735</v>
      </c>
      <c r="I31329" s="2">
        <v>0</v>
      </c>
      <c r="J31329" s="2">
        <v>0</v>
      </c>
      <c r="K31329" s="2">
        <v>1</v>
      </c>
      <c r="L31329" t="s">
        <v>995</v>
      </c>
      <c r="M31329" t="s">
        <v>83</v>
      </c>
      <c r="N31329" t="s">
        <v>91</v>
      </c>
      <c r="O31329" t="s">
        <v>85</v>
      </c>
      <c r="P31329" t="s">
        <v>86</v>
      </c>
      <c r="Q31329">
        <v>16</v>
      </c>
      <c r="R31329">
        <v>16</v>
      </c>
      <c r="S31329">
        <v>17</v>
      </c>
      <c r="T31329">
        <v>17</v>
      </c>
      <c r="U31329">
        <v>17</v>
      </c>
      <c r="V31329">
        <v>18</v>
      </c>
      <c r="W31329">
        <v>18</v>
      </c>
      <c r="X31329">
        <v>19</v>
      </c>
      <c r="Y31329">
        <v>19</v>
      </c>
      <c r="Z31329">
        <v>19</v>
      </c>
      <c r="AA31329">
        <v>20</v>
      </c>
      <c r="AB31329">
        <v>20</v>
      </c>
      <c r="AC31329">
        <v>20</v>
      </c>
      <c r="AD31329">
        <v>21</v>
      </c>
      <c r="AE31329">
        <v>21</v>
      </c>
      <c r="AF31329">
        <v>22</v>
      </c>
      <c r="AG31329">
        <v>22</v>
      </c>
      <c r="AH31329">
        <v>22</v>
      </c>
      <c r="AI31329">
        <v>23</v>
      </c>
      <c r="AJ31329">
        <v>23</v>
      </c>
      <c r="AK31329">
        <v>23</v>
      </c>
      <c r="AL31329">
        <v>24</v>
      </c>
      <c r="AM31329">
        <v>24</v>
      </c>
      <c r="AN31329">
        <v>24</v>
      </c>
      <c r="AO31329">
        <v>24</v>
      </c>
      <c r="AP31329">
        <v>24</v>
      </c>
      <c r="AQ31329">
        <v>24</v>
      </c>
    </row>
    <row r="31330" spans="1:43">
      <c r="A31330" t="s">
        <v>19411</v>
      </c>
      <c r="B31330" t="s">
        <v>19412</v>
      </c>
      <c r="C31330" t="s">
        <v>19409</v>
      </c>
      <c r="D31330" t="s">
        <v>19410</v>
      </c>
      <c r="E31330" t="s">
        <v>19379</v>
      </c>
      <c r="F31330" t="s">
        <v>19380</v>
      </c>
      <c r="G31330" t="s">
        <v>10734</v>
      </c>
      <c r="H31330" t="s">
        <v>10735</v>
      </c>
      <c r="I31330" s="2">
        <v>0</v>
      </c>
      <c r="J31330" s="2">
        <v>0</v>
      </c>
      <c r="K31330" s="2">
        <v>1</v>
      </c>
      <c r="L31330" t="s">
        <v>995</v>
      </c>
      <c r="M31330" t="s">
        <v>83</v>
      </c>
      <c r="N31330" t="s">
        <v>84</v>
      </c>
      <c r="O31330" t="s">
        <v>85</v>
      </c>
      <c r="P31330" t="s">
        <v>86</v>
      </c>
      <c r="Q31330">
        <v>27</v>
      </c>
      <c r="R31330">
        <v>27</v>
      </c>
      <c r="S31330">
        <v>28</v>
      </c>
      <c r="T31330">
        <v>29</v>
      </c>
      <c r="U31330">
        <v>29</v>
      </c>
      <c r="V31330">
        <v>30</v>
      </c>
      <c r="W31330">
        <v>30</v>
      </c>
      <c r="X31330">
        <v>31</v>
      </c>
      <c r="Y31330">
        <v>32</v>
      </c>
      <c r="Z31330">
        <v>32</v>
      </c>
      <c r="AA31330">
        <v>33</v>
      </c>
      <c r="AB31330">
        <v>34</v>
      </c>
      <c r="AC31330">
        <v>34</v>
      </c>
      <c r="AD31330">
        <v>35</v>
      </c>
      <c r="AE31330">
        <v>35</v>
      </c>
      <c r="AF31330">
        <v>36</v>
      </c>
      <c r="AG31330">
        <v>37</v>
      </c>
      <c r="AH31330">
        <v>37</v>
      </c>
      <c r="AI31330">
        <v>38</v>
      </c>
      <c r="AJ31330">
        <v>38</v>
      </c>
      <c r="AK31330">
        <v>39</v>
      </c>
      <c r="AL31330">
        <v>39</v>
      </c>
      <c r="AM31330">
        <v>40</v>
      </c>
      <c r="AN31330">
        <v>40</v>
      </c>
      <c r="AO31330">
        <v>40</v>
      </c>
      <c r="AP31330">
        <v>40</v>
      </c>
      <c r="AQ31330">
        <v>41</v>
      </c>
    </row>
    <row r="31331" spans="1:43">
      <c r="A31331" t="s">
        <v>19411</v>
      </c>
      <c r="B31331" t="s">
        <v>19412</v>
      </c>
      <c r="C31331" t="s">
        <v>19409</v>
      </c>
      <c r="D31331" t="s">
        <v>19410</v>
      </c>
      <c r="E31331" t="s">
        <v>19379</v>
      </c>
      <c r="F31331" t="s">
        <v>19380</v>
      </c>
      <c r="G31331" t="s">
        <v>10734</v>
      </c>
      <c r="H31331" t="s">
        <v>10735</v>
      </c>
      <c r="I31331" s="2">
        <v>0</v>
      </c>
      <c r="J31331" s="2">
        <v>0</v>
      </c>
      <c r="K31331" s="2">
        <v>1</v>
      </c>
      <c r="L31331" t="s">
        <v>995</v>
      </c>
      <c r="M31331" t="s">
        <v>87</v>
      </c>
      <c r="N31331" t="s">
        <v>88</v>
      </c>
      <c r="O31331" t="s">
        <v>85</v>
      </c>
      <c r="P31331" t="s">
        <v>86</v>
      </c>
      <c r="Q31331">
        <v>27</v>
      </c>
      <c r="R31331">
        <v>28</v>
      </c>
      <c r="S31331">
        <v>28</v>
      </c>
      <c r="T31331">
        <v>29</v>
      </c>
      <c r="U31331">
        <v>29</v>
      </c>
      <c r="V31331">
        <v>29</v>
      </c>
      <c r="W31331">
        <v>30</v>
      </c>
      <c r="X31331">
        <v>30</v>
      </c>
      <c r="Y31331">
        <v>30</v>
      </c>
      <c r="Z31331">
        <v>31</v>
      </c>
      <c r="AA31331">
        <v>31</v>
      </c>
      <c r="AB31331">
        <v>31</v>
      </c>
      <c r="AC31331">
        <v>32</v>
      </c>
      <c r="AD31331">
        <v>32</v>
      </c>
      <c r="AE31331">
        <v>32</v>
      </c>
      <c r="AF31331">
        <v>33</v>
      </c>
      <c r="AG31331">
        <v>33</v>
      </c>
      <c r="AH31331">
        <v>33</v>
      </c>
      <c r="AI31331">
        <v>34</v>
      </c>
      <c r="AJ31331">
        <v>34</v>
      </c>
      <c r="AK31331">
        <v>34</v>
      </c>
      <c r="AL31331">
        <v>35</v>
      </c>
      <c r="AM31331">
        <v>35</v>
      </c>
      <c r="AN31331">
        <v>35</v>
      </c>
      <c r="AO31331">
        <v>36</v>
      </c>
      <c r="AP31331">
        <v>36</v>
      </c>
      <c r="AQ31331">
        <v>36</v>
      </c>
    </row>
    <row r="31332" spans="1:43">
      <c r="A31332" t="s">
        <v>19411</v>
      </c>
      <c r="B31332" t="s">
        <v>19412</v>
      </c>
      <c r="C31332" t="s">
        <v>19409</v>
      </c>
      <c r="D31332" t="s">
        <v>19410</v>
      </c>
      <c r="E31332" t="s">
        <v>19379</v>
      </c>
      <c r="F31332" t="s">
        <v>19380</v>
      </c>
      <c r="G31332" t="s">
        <v>10734</v>
      </c>
      <c r="H31332" t="s">
        <v>10735</v>
      </c>
      <c r="I31332" s="2">
        <v>0</v>
      </c>
      <c r="J31332" s="2">
        <v>0</v>
      </c>
      <c r="K31332" s="2">
        <v>1</v>
      </c>
      <c r="L31332" t="s">
        <v>995</v>
      </c>
      <c r="M31332" t="s">
        <v>89</v>
      </c>
      <c r="N31332" t="s">
        <v>90</v>
      </c>
      <c r="O31332" t="s">
        <v>85</v>
      </c>
      <c r="P31332" t="s">
        <v>86</v>
      </c>
      <c r="Q31332">
        <v>27</v>
      </c>
      <c r="R31332">
        <v>28</v>
      </c>
      <c r="S31332">
        <v>29</v>
      </c>
      <c r="T31332">
        <v>29</v>
      </c>
      <c r="U31332">
        <v>30</v>
      </c>
      <c r="V31332">
        <v>31</v>
      </c>
      <c r="W31332">
        <v>32</v>
      </c>
      <c r="X31332">
        <v>33</v>
      </c>
      <c r="Y31332">
        <v>34</v>
      </c>
      <c r="Z31332">
        <v>34</v>
      </c>
      <c r="AA31332">
        <v>35</v>
      </c>
      <c r="AB31332">
        <v>36</v>
      </c>
      <c r="AC31332">
        <v>37</v>
      </c>
      <c r="AD31332">
        <v>37</v>
      </c>
      <c r="AE31332">
        <v>38</v>
      </c>
      <c r="AF31332">
        <v>38</v>
      </c>
      <c r="AG31332">
        <v>39</v>
      </c>
      <c r="AH31332">
        <v>39</v>
      </c>
      <c r="AI31332">
        <v>39</v>
      </c>
      <c r="AJ31332">
        <v>39</v>
      </c>
      <c r="AK31332">
        <v>40</v>
      </c>
      <c r="AL31332">
        <v>40</v>
      </c>
      <c r="AM31332">
        <v>40</v>
      </c>
      <c r="AN31332">
        <v>40</v>
      </c>
      <c r="AO31332">
        <v>41</v>
      </c>
      <c r="AP31332">
        <v>41</v>
      </c>
      <c r="AQ31332">
        <v>41</v>
      </c>
    </row>
    <row r="31333" spans="1:43">
      <c r="A31333" t="s">
        <v>19411</v>
      </c>
      <c r="B31333" t="s">
        <v>19412</v>
      </c>
      <c r="C31333" t="s">
        <v>19409</v>
      </c>
      <c r="D31333" t="s">
        <v>19410</v>
      </c>
      <c r="E31333" t="s">
        <v>19379</v>
      </c>
      <c r="F31333" t="s">
        <v>19380</v>
      </c>
      <c r="G31333" t="s">
        <v>10734</v>
      </c>
      <c r="H31333" t="s">
        <v>10735</v>
      </c>
      <c r="I31333" s="2">
        <v>0</v>
      </c>
      <c r="J31333" s="2">
        <v>0</v>
      </c>
      <c r="K31333" s="2">
        <v>1</v>
      </c>
      <c r="L31333" t="s">
        <v>995</v>
      </c>
      <c r="M31333" t="s">
        <v>83</v>
      </c>
      <c r="N31333" t="s">
        <v>91</v>
      </c>
      <c r="O31333" t="s">
        <v>85</v>
      </c>
      <c r="P31333" t="s">
        <v>86</v>
      </c>
      <c r="Q31333">
        <v>27</v>
      </c>
      <c r="R31333">
        <v>27</v>
      </c>
      <c r="S31333">
        <v>28</v>
      </c>
      <c r="T31333">
        <v>29</v>
      </c>
      <c r="U31333">
        <v>29</v>
      </c>
      <c r="V31333">
        <v>30</v>
      </c>
      <c r="W31333">
        <v>30</v>
      </c>
      <c r="X31333">
        <v>31</v>
      </c>
      <c r="Y31333">
        <v>32</v>
      </c>
      <c r="Z31333">
        <v>32</v>
      </c>
      <c r="AA31333">
        <v>33</v>
      </c>
      <c r="AB31333">
        <v>34</v>
      </c>
      <c r="AC31333">
        <v>34</v>
      </c>
      <c r="AD31333">
        <v>35</v>
      </c>
      <c r="AE31333">
        <v>35</v>
      </c>
      <c r="AF31333">
        <v>36</v>
      </c>
      <c r="AG31333">
        <v>37</v>
      </c>
      <c r="AH31333">
        <v>37</v>
      </c>
      <c r="AI31333">
        <v>38</v>
      </c>
      <c r="AJ31333">
        <v>38</v>
      </c>
      <c r="AK31333">
        <v>39</v>
      </c>
      <c r="AL31333">
        <v>39</v>
      </c>
      <c r="AM31333">
        <v>40</v>
      </c>
      <c r="AN31333">
        <v>40</v>
      </c>
      <c r="AO31333">
        <v>40</v>
      </c>
      <c r="AP31333">
        <v>40</v>
      </c>
      <c r="AQ31333">
        <v>41</v>
      </c>
    </row>
    <row r="31334" spans="1:43">
      <c r="A31334" t="s">
        <v>19413</v>
      </c>
      <c r="B31334" t="s">
        <v>19414</v>
      </c>
      <c r="C31334" t="s">
        <v>19409</v>
      </c>
      <c r="D31334" t="s">
        <v>19410</v>
      </c>
      <c r="E31334" t="s">
        <v>19379</v>
      </c>
      <c r="F31334" t="s">
        <v>19380</v>
      </c>
      <c r="G31334" t="s">
        <v>10734</v>
      </c>
      <c r="H31334" t="s">
        <v>10735</v>
      </c>
      <c r="I31334" s="2">
        <v>0</v>
      </c>
      <c r="J31334" s="2">
        <v>0</v>
      </c>
      <c r="K31334" s="2">
        <v>1</v>
      </c>
      <c r="L31334" t="s">
        <v>995</v>
      </c>
      <c r="M31334" t="s">
        <v>83</v>
      </c>
      <c r="N31334" t="s">
        <v>84</v>
      </c>
      <c r="O31334" t="s">
        <v>85</v>
      </c>
      <c r="P31334" t="s">
        <v>86</v>
      </c>
      <c r="Q31334">
        <v>6</v>
      </c>
      <c r="R31334">
        <v>6</v>
      </c>
      <c r="S31334">
        <v>6</v>
      </c>
      <c r="T31334">
        <v>7</v>
      </c>
      <c r="U31334">
        <v>7</v>
      </c>
      <c r="V31334">
        <v>7</v>
      </c>
      <c r="W31334">
        <v>7</v>
      </c>
      <c r="X31334">
        <v>7</v>
      </c>
      <c r="Y31334">
        <v>7</v>
      </c>
      <c r="Z31334">
        <v>7</v>
      </c>
      <c r="AA31334">
        <v>8</v>
      </c>
      <c r="AB31334">
        <v>8</v>
      </c>
      <c r="AC31334">
        <v>8</v>
      </c>
      <c r="AD31334">
        <v>8</v>
      </c>
      <c r="AE31334">
        <v>8</v>
      </c>
      <c r="AF31334">
        <v>8</v>
      </c>
      <c r="AG31334">
        <v>8</v>
      </c>
      <c r="AH31334">
        <v>9</v>
      </c>
      <c r="AI31334">
        <v>9</v>
      </c>
      <c r="AJ31334">
        <v>9</v>
      </c>
      <c r="AK31334">
        <v>9</v>
      </c>
      <c r="AL31334">
        <v>9</v>
      </c>
      <c r="AM31334">
        <v>9</v>
      </c>
      <c r="AN31334">
        <v>9</v>
      </c>
      <c r="AO31334">
        <v>9</v>
      </c>
      <c r="AP31334">
        <v>9</v>
      </c>
      <c r="AQ31334">
        <v>9</v>
      </c>
    </row>
    <row r="31335" spans="1:43">
      <c r="A31335" t="s">
        <v>19413</v>
      </c>
      <c r="B31335" t="s">
        <v>19414</v>
      </c>
      <c r="C31335" t="s">
        <v>19409</v>
      </c>
      <c r="D31335" t="s">
        <v>19410</v>
      </c>
      <c r="E31335" t="s">
        <v>19379</v>
      </c>
      <c r="F31335" t="s">
        <v>19380</v>
      </c>
      <c r="G31335" t="s">
        <v>10734</v>
      </c>
      <c r="H31335" t="s">
        <v>10735</v>
      </c>
      <c r="I31335" s="2">
        <v>0</v>
      </c>
      <c r="J31335" s="2">
        <v>0</v>
      </c>
      <c r="K31335" s="2">
        <v>1</v>
      </c>
      <c r="L31335" t="s">
        <v>995</v>
      </c>
      <c r="M31335" t="s">
        <v>87</v>
      </c>
      <c r="N31335" t="s">
        <v>88</v>
      </c>
      <c r="O31335" t="s">
        <v>85</v>
      </c>
      <c r="P31335" t="s">
        <v>86</v>
      </c>
      <c r="Q31335">
        <v>6</v>
      </c>
      <c r="R31335">
        <v>6</v>
      </c>
      <c r="S31335">
        <v>6</v>
      </c>
      <c r="T31335">
        <v>6</v>
      </c>
      <c r="U31335">
        <v>6</v>
      </c>
      <c r="V31335">
        <v>6</v>
      </c>
      <c r="W31335">
        <v>7</v>
      </c>
      <c r="X31335">
        <v>7</v>
      </c>
      <c r="Y31335">
        <v>7</v>
      </c>
      <c r="Z31335">
        <v>7</v>
      </c>
      <c r="AA31335">
        <v>7</v>
      </c>
      <c r="AB31335">
        <v>7</v>
      </c>
      <c r="AC31335">
        <v>7</v>
      </c>
      <c r="AD31335">
        <v>7</v>
      </c>
      <c r="AE31335">
        <v>7</v>
      </c>
      <c r="AF31335">
        <v>7</v>
      </c>
      <c r="AG31335">
        <v>7</v>
      </c>
      <c r="AH31335">
        <v>7</v>
      </c>
      <c r="AI31335">
        <v>7</v>
      </c>
      <c r="AJ31335">
        <v>8</v>
      </c>
      <c r="AK31335">
        <v>8</v>
      </c>
      <c r="AL31335">
        <v>8</v>
      </c>
      <c r="AM31335">
        <v>8</v>
      </c>
      <c r="AN31335">
        <v>8</v>
      </c>
      <c r="AO31335">
        <v>8</v>
      </c>
      <c r="AP31335">
        <v>8</v>
      </c>
      <c r="AQ31335">
        <v>8</v>
      </c>
    </row>
    <row r="31336" spans="1:43">
      <c r="A31336" t="s">
        <v>19413</v>
      </c>
      <c r="B31336" t="s">
        <v>19414</v>
      </c>
      <c r="C31336" t="s">
        <v>19409</v>
      </c>
      <c r="D31336" t="s">
        <v>19410</v>
      </c>
      <c r="E31336" t="s">
        <v>19379</v>
      </c>
      <c r="F31336" t="s">
        <v>19380</v>
      </c>
      <c r="G31336" t="s">
        <v>10734</v>
      </c>
      <c r="H31336" t="s">
        <v>10735</v>
      </c>
      <c r="I31336" s="2">
        <v>0</v>
      </c>
      <c r="J31336" s="2">
        <v>0</v>
      </c>
      <c r="K31336" s="2">
        <v>1</v>
      </c>
      <c r="L31336" t="s">
        <v>995</v>
      </c>
      <c r="M31336" t="s">
        <v>89</v>
      </c>
      <c r="N31336" t="s">
        <v>90</v>
      </c>
      <c r="O31336" t="s">
        <v>85</v>
      </c>
      <c r="P31336" t="s">
        <v>86</v>
      </c>
      <c r="Q31336">
        <v>6</v>
      </c>
      <c r="R31336">
        <v>6</v>
      </c>
      <c r="S31336">
        <v>7</v>
      </c>
      <c r="T31336">
        <v>7</v>
      </c>
      <c r="U31336">
        <v>7</v>
      </c>
      <c r="V31336">
        <v>7</v>
      </c>
      <c r="W31336">
        <v>7</v>
      </c>
      <c r="X31336">
        <v>8</v>
      </c>
      <c r="Y31336">
        <v>8</v>
      </c>
      <c r="Z31336">
        <v>8</v>
      </c>
      <c r="AA31336">
        <v>8</v>
      </c>
      <c r="AB31336">
        <v>8</v>
      </c>
      <c r="AC31336">
        <v>8</v>
      </c>
      <c r="AD31336">
        <v>9</v>
      </c>
      <c r="AE31336">
        <v>9</v>
      </c>
      <c r="AF31336">
        <v>9</v>
      </c>
      <c r="AG31336">
        <v>9</v>
      </c>
      <c r="AH31336">
        <v>9</v>
      </c>
      <c r="AI31336">
        <v>9</v>
      </c>
      <c r="AJ31336">
        <v>9</v>
      </c>
      <c r="AK31336">
        <v>9</v>
      </c>
      <c r="AL31336">
        <v>9</v>
      </c>
      <c r="AM31336">
        <v>9</v>
      </c>
      <c r="AN31336">
        <v>9</v>
      </c>
      <c r="AO31336">
        <v>9</v>
      </c>
      <c r="AP31336">
        <v>9</v>
      </c>
      <c r="AQ31336">
        <v>9</v>
      </c>
    </row>
    <row r="31337" spans="1:43">
      <c r="A31337" t="s">
        <v>19413</v>
      </c>
      <c r="B31337" t="s">
        <v>19414</v>
      </c>
      <c r="C31337" t="s">
        <v>19409</v>
      </c>
      <c r="D31337" t="s">
        <v>19410</v>
      </c>
      <c r="E31337" t="s">
        <v>19379</v>
      </c>
      <c r="F31337" t="s">
        <v>19380</v>
      </c>
      <c r="G31337" t="s">
        <v>10734</v>
      </c>
      <c r="H31337" t="s">
        <v>10735</v>
      </c>
      <c r="I31337" s="2">
        <v>0</v>
      </c>
      <c r="J31337" s="2">
        <v>0</v>
      </c>
      <c r="K31337" s="2">
        <v>1</v>
      </c>
      <c r="L31337" t="s">
        <v>995</v>
      </c>
      <c r="M31337" t="s">
        <v>83</v>
      </c>
      <c r="N31337" t="s">
        <v>91</v>
      </c>
      <c r="O31337" t="s">
        <v>85</v>
      </c>
      <c r="P31337" t="s">
        <v>86</v>
      </c>
      <c r="Q31337">
        <v>6</v>
      </c>
      <c r="R31337">
        <v>6</v>
      </c>
      <c r="S31337">
        <v>6</v>
      </c>
      <c r="T31337">
        <v>7</v>
      </c>
      <c r="U31337">
        <v>7</v>
      </c>
      <c r="V31337">
        <v>7</v>
      </c>
      <c r="W31337">
        <v>7</v>
      </c>
      <c r="X31337">
        <v>7</v>
      </c>
      <c r="Y31337">
        <v>7</v>
      </c>
      <c r="Z31337">
        <v>7</v>
      </c>
      <c r="AA31337">
        <v>8</v>
      </c>
      <c r="AB31337">
        <v>8</v>
      </c>
      <c r="AC31337">
        <v>8</v>
      </c>
      <c r="AD31337">
        <v>8</v>
      </c>
      <c r="AE31337">
        <v>8</v>
      </c>
      <c r="AF31337">
        <v>8</v>
      </c>
      <c r="AG31337">
        <v>8</v>
      </c>
      <c r="AH31337">
        <v>9</v>
      </c>
      <c r="AI31337">
        <v>9</v>
      </c>
      <c r="AJ31337">
        <v>9</v>
      </c>
      <c r="AK31337">
        <v>9</v>
      </c>
      <c r="AL31337">
        <v>9</v>
      </c>
      <c r="AM31337">
        <v>9</v>
      </c>
      <c r="AN31337">
        <v>9</v>
      </c>
      <c r="AO31337">
        <v>9</v>
      </c>
      <c r="AP31337">
        <v>9</v>
      </c>
      <c r="AQ31337">
        <v>9</v>
      </c>
    </row>
    <row r="31338" spans="1:43">
      <c r="A31338" t="s">
        <v>19415</v>
      </c>
      <c r="B31338" t="s">
        <v>19416</v>
      </c>
      <c r="C31338" t="s">
        <v>19417</v>
      </c>
      <c r="D31338" t="s">
        <v>19418</v>
      </c>
      <c r="E31338" t="s">
        <v>19379</v>
      </c>
      <c r="F31338" t="s">
        <v>19380</v>
      </c>
      <c r="G31338" t="s">
        <v>10734</v>
      </c>
      <c r="H31338" t="s">
        <v>10735</v>
      </c>
      <c r="I31338" s="2">
        <v>0</v>
      </c>
      <c r="J31338" s="2">
        <v>0</v>
      </c>
      <c r="K31338" s="2">
        <v>1</v>
      </c>
      <c r="L31338" t="s">
        <v>995</v>
      </c>
      <c r="M31338" t="s">
        <v>83</v>
      </c>
      <c r="N31338" t="s">
        <v>84</v>
      </c>
      <c r="O31338" t="s">
        <v>85</v>
      </c>
      <c r="P31338" t="s">
        <v>86</v>
      </c>
      <c r="Q31338">
        <v>5</v>
      </c>
      <c r="R31338">
        <v>5</v>
      </c>
      <c r="S31338">
        <v>5</v>
      </c>
      <c r="T31338">
        <v>5</v>
      </c>
      <c r="U31338">
        <v>5</v>
      </c>
      <c r="V31338">
        <v>5</v>
      </c>
      <c r="W31338">
        <v>5</v>
      </c>
      <c r="X31338">
        <v>5</v>
      </c>
      <c r="Y31338">
        <v>6</v>
      </c>
      <c r="Z31338">
        <v>6</v>
      </c>
      <c r="AA31338">
        <v>6</v>
      </c>
      <c r="AB31338">
        <v>6</v>
      </c>
      <c r="AC31338">
        <v>6</v>
      </c>
      <c r="AD31338">
        <v>6</v>
      </c>
      <c r="AE31338">
        <v>6</v>
      </c>
      <c r="AF31338">
        <v>6</v>
      </c>
      <c r="AG31338">
        <v>6</v>
      </c>
      <c r="AH31338">
        <v>7</v>
      </c>
      <c r="AI31338">
        <v>7</v>
      </c>
      <c r="AJ31338">
        <v>7</v>
      </c>
      <c r="AK31338">
        <v>7</v>
      </c>
      <c r="AL31338">
        <v>7</v>
      </c>
      <c r="AM31338">
        <v>7</v>
      </c>
      <c r="AN31338">
        <v>7</v>
      </c>
      <c r="AO31338">
        <v>7</v>
      </c>
      <c r="AP31338">
        <v>7</v>
      </c>
      <c r="AQ31338">
        <v>7</v>
      </c>
    </row>
    <row r="31339" spans="1:43">
      <c r="A31339" t="s">
        <v>19415</v>
      </c>
      <c r="B31339" t="s">
        <v>19416</v>
      </c>
      <c r="C31339" t="s">
        <v>19417</v>
      </c>
      <c r="D31339" t="s">
        <v>19418</v>
      </c>
      <c r="E31339" t="s">
        <v>19379</v>
      </c>
      <c r="F31339" t="s">
        <v>19380</v>
      </c>
      <c r="G31339" t="s">
        <v>10734</v>
      </c>
      <c r="H31339" t="s">
        <v>10735</v>
      </c>
      <c r="I31339" s="2">
        <v>0</v>
      </c>
      <c r="J31339" s="2">
        <v>0</v>
      </c>
      <c r="K31339" s="2">
        <v>1</v>
      </c>
      <c r="L31339" t="s">
        <v>995</v>
      </c>
      <c r="M31339" t="s">
        <v>87</v>
      </c>
      <c r="N31339" t="s">
        <v>88</v>
      </c>
      <c r="O31339" t="s">
        <v>85</v>
      </c>
      <c r="P31339" t="s">
        <v>86</v>
      </c>
      <c r="Q31339">
        <v>5</v>
      </c>
      <c r="R31339">
        <v>5</v>
      </c>
      <c r="S31339">
        <v>5</v>
      </c>
      <c r="T31339">
        <v>5</v>
      </c>
      <c r="U31339">
        <v>5</v>
      </c>
      <c r="V31339">
        <v>5</v>
      </c>
      <c r="W31339">
        <v>5</v>
      </c>
      <c r="X31339">
        <v>5</v>
      </c>
      <c r="Y31339">
        <v>5</v>
      </c>
      <c r="Z31339">
        <v>5</v>
      </c>
      <c r="AA31339">
        <v>5</v>
      </c>
      <c r="AB31339">
        <v>5</v>
      </c>
      <c r="AC31339">
        <v>5</v>
      </c>
      <c r="AD31339">
        <v>5</v>
      </c>
      <c r="AE31339">
        <v>5</v>
      </c>
      <c r="AF31339">
        <v>6</v>
      </c>
      <c r="AG31339">
        <v>6</v>
      </c>
      <c r="AH31339">
        <v>6</v>
      </c>
      <c r="AI31339">
        <v>6</v>
      </c>
      <c r="AJ31339">
        <v>6</v>
      </c>
      <c r="AK31339">
        <v>6</v>
      </c>
      <c r="AL31339">
        <v>6</v>
      </c>
      <c r="AM31339">
        <v>6</v>
      </c>
      <c r="AN31339">
        <v>6</v>
      </c>
      <c r="AO31339">
        <v>6</v>
      </c>
      <c r="AP31339">
        <v>6</v>
      </c>
      <c r="AQ31339">
        <v>6</v>
      </c>
    </row>
    <row r="31340" spans="1:43">
      <c r="A31340" t="s">
        <v>19415</v>
      </c>
      <c r="B31340" t="s">
        <v>19416</v>
      </c>
      <c r="C31340" t="s">
        <v>19417</v>
      </c>
      <c r="D31340" t="s">
        <v>19418</v>
      </c>
      <c r="E31340" t="s">
        <v>19379</v>
      </c>
      <c r="F31340" t="s">
        <v>19380</v>
      </c>
      <c r="G31340" t="s">
        <v>10734</v>
      </c>
      <c r="H31340" t="s">
        <v>10735</v>
      </c>
      <c r="I31340" s="2">
        <v>0</v>
      </c>
      <c r="J31340" s="2">
        <v>0</v>
      </c>
      <c r="K31340" s="2">
        <v>1</v>
      </c>
      <c r="L31340" t="s">
        <v>995</v>
      </c>
      <c r="M31340" t="s">
        <v>89</v>
      </c>
      <c r="N31340" t="s">
        <v>90</v>
      </c>
      <c r="O31340" t="s">
        <v>85</v>
      </c>
      <c r="P31340" t="s">
        <v>86</v>
      </c>
      <c r="Q31340">
        <v>5</v>
      </c>
      <c r="R31340">
        <v>5</v>
      </c>
      <c r="S31340">
        <v>5</v>
      </c>
      <c r="T31340">
        <v>5</v>
      </c>
      <c r="U31340">
        <v>5</v>
      </c>
      <c r="V31340">
        <v>5</v>
      </c>
      <c r="W31340">
        <v>6</v>
      </c>
      <c r="X31340">
        <v>6</v>
      </c>
      <c r="Y31340">
        <v>6</v>
      </c>
      <c r="Z31340">
        <v>6</v>
      </c>
      <c r="AA31340">
        <v>6</v>
      </c>
      <c r="AB31340">
        <v>6</v>
      </c>
      <c r="AC31340">
        <v>6</v>
      </c>
      <c r="AD31340">
        <v>7</v>
      </c>
      <c r="AE31340">
        <v>7</v>
      </c>
      <c r="AF31340">
        <v>7</v>
      </c>
      <c r="AG31340">
        <v>7</v>
      </c>
      <c r="AH31340">
        <v>7</v>
      </c>
      <c r="AI31340">
        <v>7</v>
      </c>
      <c r="AJ31340">
        <v>7</v>
      </c>
      <c r="AK31340">
        <v>7</v>
      </c>
      <c r="AL31340">
        <v>7</v>
      </c>
      <c r="AM31340">
        <v>7</v>
      </c>
      <c r="AN31340">
        <v>7</v>
      </c>
      <c r="AO31340">
        <v>7</v>
      </c>
      <c r="AP31340">
        <v>7</v>
      </c>
      <c r="AQ31340">
        <v>7</v>
      </c>
    </row>
    <row r="31341" spans="1:43">
      <c r="A31341" t="s">
        <v>19415</v>
      </c>
      <c r="B31341" t="s">
        <v>19416</v>
      </c>
      <c r="C31341" t="s">
        <v>19417</v>
      </c>
      <c r="D31341" t="s">
        <v>19418</v>
      </c>
      <c r="E31341" t="s">
        <v>19379</v>
      </c>
      <c r="F31341" t="s">
        <v>19380</v>
      </c>
      <c r="G31341" t="s">
        <v>10734</v>
      </c>
      <c r="H31341" t="s">
        <v>10735</v>
      </c>
      <c r="I31341" s="2">
        <v>0</v>
      </c>
      <c r="J31341" s="2">
        <v>0</v>
      </c>
      <c r="K31341" s="2">
        <v>1</v>
      </c>
      <c r="L31341" t="s">
        <v>995</v>
      </c>
      <c r="M31341" t="s">
        <v>83</v>
      </c>
      <c r="N31341" t="s">
        <v>91</v>
      </c>
      <c r="O31341" t="s">
        <v>85</v>
      </c>
      <c r="P31341" t="s">
        <v>86</v>
      </c>
      <c r="Q31341">
        <v>5</v>
      </c>
      <c r="R31341">
        <v>5</v>
      </c>
      <c r="S31341">
        <v>5</v>
      </c>
      <c r="T31341">
        <v>5</v>
      </c>
      <c r="U31341">
        <v>5</v>
      </c>
      <c r="V31341">
        <v>5</v>
      </c>
      <c r="W31341">
        <v>5</v>
      </c>
      <c r="X31341">
        <v>5</v>
      </c>
      <c r="Y31341">
        <v>6</v>
      </c>
      <c r="Z31341">
        <v>6</v>
      </c>
      <c r="AA31341">
        <v>6</v>
      </c>
      <c r="AB31341">
        <v>6</v>
      </c>
      <c r="AC31341">
        <v>6</v>
      </c>
      <c r="AD31341">
        <v>6</v>
      </c>
      <c r="AE31341">
        <v>6</v>
      </c>
      <c r="AF31341">
        <v>6</v>
      </c>
      <c r="AG31341">
        <v>6</v>
      </c>
      <c r="AH31341">
        <v>7</v>
      </c>
      <c r="AI31341">
        <v>7</v>
      </c>
      <c r="AJ31341">
        <v>7</v>
      </c>
      <c r="AK31341">
        <v>7</v>
      </c>
      <c r="AL31341">
        <v>7</v>
      </c>
      <c r="AM31341">
        <v>7</v>
      </c>
      <c r="AN31341">
        <v>7</v>
      </c>
      <c r="AO31341">
        <v>7</v>
      </c>
      <c r="AP31341">
        <v>7</v>
      </c>
      <c r="AQ31341">
        <v>7</v>
      </c>
    </row>
    <row r="31342" spans="1:43">
      <c r="A31342" t="s">
        <v>19419</v>
      </c>
      <c r="B31342" t="s">
        <v>19420</v>
      </c>
      <c r="C31342" t="s">
        <v>19417</v>
      </c>
      <c r="D31342" t="s">
        <v>19418</v>
      </c>
      <c r="E31342" t="s">
        <v>19379</v>
      </c>
      <c r="F31342" t="s">
        <v>19380</v>
      </c>
      <c r="G31342" t="s">
        <v>10734</v>
      </c>
      <c r="H31342" t="s">
        <v>10735</v>
      </c>
      <c r="I31342" s="2">
        <v>0</v>
      </c>
      <c r="J31342" s="2">
        <v>0</v>
      </c>
      <c r="K31342" s="2">
        <v>1</v>
      </c>
      <c r="L31342" t="s">
        <v>995</v>
      </c>
      <c r="M31342" t="s">
        <v>83</v>
      </c>
      <c r="N31342" t="s">
        <v>84</v>
      </c>
      <c r="O31342" t="s">
        <v>85</v>
      </c>
      <c r="P31342" t="s">
        <v>86</v>
      </c>
      <c r="Q31342">
        <v>17</v>
      </c>
      <c r="R31342">
        <v>17</v>
      </c>
      <c r="S31342">
        <v>18</v>
      </c>
      <c r="T31342">
        <v>18</v>
      </c>
      <c r="U31342">
        <v>18</v>
      </c>
      <c r="V31342">
        <v>19</v>
      </c>
      <c r="W31342">
        <v>19</v>
      </c>
      <c r="X31342">
        <v>20</v>
      </c>
      <c r="Y31342">
        <v>20</v>
      </c>
      <c r="Z31342">
        <v>20</v>
      </c>
      <c r="AA31342">
        <v>21</v>
      </c>
      <c r="AB31342">
        <v>21</v>
      </c>
      <c r="AC31342">
        <v>22</v>
      </c>
      <c r="AD31342">
        <v>22</v>
      </c>
      <c r="AE31342">
        <v>22</v>
      </c>
      <c r="AF31342">
        <v>23</v>
      </c>
      <c r="AG31342">
        <v>23</v>
      </c>
      <c r="AH31342">
        <v>23</v>
      </c>
      <c r="AI31342">
        <v>24</v>
      </c>
      <c r="AJ31342">
        <v>24</v>
      </c>
      <c r="AK31342">
        <v>25</v>
      </c>
      <c r="AL31342">
        <v>25</v>
      </c>
      <c r="AM31342">
        <v>25</v>
      </c>
      <c r="AN31342">
        <v>25</v>
      </c>
      <c r="AO31342">
        <v>25</v>
      </c>
      <c r="AP31342">
        <v>25</v>
      </c>
      <c r="AQ31342">
        <v>26</v>
      </c>
    </row>
    <row r="31343" spans="1:43">
      <c r="A31343" t="s">
        <v>19419</v>
      </c>
      <c r="B31343" t="s">
        <v>19420</v>
      </c>
      <c r="C31343" t="s">
        <v>19417</v>
      </c>
      <c r="D31343" t="s">
        <v>19418</v>
      </c>
      <c r="E31343" t="s">
        <v>19379</v>
      </c>
      <c r="F31343" t="s">
        <v>19380</v>
      </c>
      <c r="G31343" t="s">
        <v>10734</v>
      </c>
      <c r="H31343" t="s">
        <v>10735</v>
      </c>
      <c r="I31343" s="2">
        <v>0</v>
      </c>
      <c r="J31343" s="2">
        <v>0</v>
      </c>
      <c r="K31343" s="2">
        <v>1</v>
      </c>
      <c r="L31343" t="s">
        <v>995</v>
      </c>
      <c r="M31343" t="s">
        <v>87</v>
      </c>
      <c r="N31343" t="s">
        <v>88</v>
      </c>
      <c r="O31343" t="s">
        <v>85</v>
      </c>
      <c r="P31343" t="s">
        <v>86</v>
      </c>
      <c r="Q31343">
        <v>17</v>
      </c>
      <c r="R31343">
        <v>17</v>
      </c>
      <c r="S31343">
        <v>17</v>
      </c>
      <c r="T31343">
        <v>17</v>
      </c>
      <c r="U31343">
        <v>18</v>
      </c>
      <c r="V31343">
        <v>18</v>
      </c>
      <c r="W31343">
        <v>18</v>
      </c>
      <c r="X31343">
        <v>18</v>
      </c>
      <c r="Y31343">
        <v>18</v>
      </c>
      <c r="Z31343">
        <v>19</v>
      </c>
      <c r="AA31343">
        <v>19</v>
      </c>
      <c r="AB31343">
        <v>19</v>
      </c>
      <c r="AC31343">
        <v>19</v>
      </c>
      <c r="AD31343">
        <v>20</v>
      </c>
      <c r="AE31343">
        <v>20</v>
      </c>
      <c r="AF31343">
        <v>20</v>
      </c>
      <c r="AG31343">
        <v>20</v>
      </c>
      <c r="AH31343">
        <v>20</v>
      </c>
      <c r="AI31343">
        <v>21</v>
      </c>
      <c r="AJ31343">
        <v>21</v>
      </c>
      <c r="AK31343">
        <v>21</v>
      </c>
      <c r="AL31343">
        <v>21</v>
      </c>
      <c r="AM31343">
        <v>21</v>
      </c>
      <c r="AN31343">
        <v>22</v>
      </c>
      <c r="AO31343">
        <v>22</v>
      </c>
      <c r="AP31343">
        <v>22</v>
      </c>
      <c r="AQ31343">
        <v>22</v>
      </c>
    </row>
    <row r="31344" spans="1:43">
      <c r="A31344" t="s">
        <v>19419</v>
      </c>
      <c r="B31344" t="s">
        <v>19420</v>
      </c>
      <c r="C31344" t="s">
        <v>19417</v>
      </c>
      <c r="D31344" t="s">
        <v>19418</v>
      </c>
      <c r="E31344" t="s">
        <v>19379</v>
      </c>
      <c r="F31344" t="s">
        <v>19380</v>
      </c>
      <c r="G31344" t="s">
        <v>10734</v>
      </c>
      <c r="H31344" t="s">
        <v>10735</v>
      </c>
      <c r="I31344" s="2">
        <v>0</v>
      </c>
      <c r="J31344" s="2">
        <v>0</v>
      </c>
      <c r="K31344" s="2">
        <v>1</v>
      </c>
      <c r="L31344" t="s">
        <v>995</v>
      </c>
      <c r="M31344" t="s">
        <v>89</v>
      </c>
      <c r="N31344" t="s">
        <v>90</v>
      </c>
      <c r="O31344" t="s">
        <v>85</v>
      </c>
      <c r="P31344" t="s">
        <v>86</v>
      </c>
      <c r="Q31344">
        <v>17</v>
      </c>
      <c r="R31344">
        <v>18</v>
      </c>
      <c r="S31344">
        <v>18</v>
      </c>
      <c r="T31344">
        <v>19</v>
      </c>
      <c r="U31344">
        <v>19</v>
      </c>
      <c r="V31344">
        <v>20</v>
      </c>
      <c r="W31344">
        <v>20</v>
      </c>
      <c r="X31344">
        <v>21</v>
      </c>
      <c r="Y31344">
        <v>21</v>
      </c>
      <c r="Z31344">
        <v>22</v>
      </c>
      <c r="AA31344">
        <v>22</v>
      </c>
      <c r="AB31344">
        <v>23</v>
      </c>
      <c r="AC31344">
        <v>23</v>
      </c>
      <c r="AD31344">
        <v>24</v>
      </c>
      <c r="AE31344">
        <v>24</v>
      </c>
      <c r="AF31344">
        <v>24</v>
      </c>
      <c r="AG31344">
        <v>24</v>
      </c>
      <c r="AH31344">
        <v>24</v>
      </c>
      <c r="AI31344">
        <v>25</v>
      </c>
      <c r="AJ31344">
        <v>25</v>
      </c>
      <c r="AK31344">
        <v>25</v>
      </c>
      <c r="AL31344">
        <v>25</v>
      </c>
      <c r="AM31344">
        <v>25</v>
      </c>
      <c r="AN31344">
        <v>25</v>
      </c>
      <c r="AO31344">
        <v>26</v>
      </c>
      <c r="AP31344">
        <v>26</v>
      </c>
      <c r="AQ31344">
        <v>26</v>
      </c>
    </row>
    <row r="31345" spans="1:43">
      <c r="A31345" t="s">
        <v>19419</v>
      </c>
      <c r="B31345" t="s">
        <v>19420</v>
      </c>
      <c r="C31345" t="s">
        <v>19417</v>
      </c>
      <c r="D31345" t="s">
        <v>19418</v>
      </c>
      <c r="E31345" t="s">
        <v>19379</v>
      </c>
      <c r="F31345" t="s">
        <v>19380</v>
      </c>
      <c r="G31345" t="s">
        <v>10734</v>
      </c>
      <c r="H31345" t="s">
        <v>10735</v>
      </c>
      <c r="I31345" s="2">
        <v>0</v>
      </c>
      <c r="J31345" s="2">
        <v>0</v>
      </c>
      <c r="K31345" s="2">
        <v>1</v>
      </c>
      <c r="L31345" t="s">
        <v>995</v>
      </c>
      <c r="M31345" t="s">
        <v>83</v>
      </c>
      <c r="N31345" t="s">
        <v>91</v>
      </c>
      <c r="O31345" t="s">
        <v>85</v>
      </c>
      <c r="P31345" t="s">
        <v>86</v>
      </c>
      <c r="Q31345">
        <v>17</v>
      </c>
      <c r="R31345">
        <v>17</v>
      </c>
      <c r="S31345">
        <v>18</v>
      </c>
      <c r="T31345">
        <v>18</v>
      </c>
      <c r="U31345">
        <v>18</v>
      </c>
      <c r="V31345">
        <v>19</v>
      </c>
      <c r="W31345">
        <v>19</v>
      </c>
      <c r="X31345">
        <v>20</v>
      </c>
      <c r="Y31345">
        <v>20</v>
      </c>
      <c r="Z31345">
        <v>20</v>
      </c>
      <c r="AA31345">
        <v>21</v>
      </c>
      <c r="AB31345">
        <v>21</v>
      </c>
      <c r="AC31345">
        <v>22</v>
      </c>
      <c r="AD31345">
        <v>22</v>
      </c>
      <c r="AE31345">
        <v>22</v>
      </c>
      <c r="AF31345">
        <v>23</v>
      </c>
      <c r="AG31345">
        <v>23</v>
      </c>
      <c r="AH31345">
        <v>23</v>
      </c>
      <c r="AI31345">
        <v>24</v>
      </c>
      <c r="AJ31345">
        <v>24</v>
      </c>
      <c r="AK31345">
        <v>25</v>
      </c>
      <c r="AL31345">
        <v>25</v>
      </c>
      <c r="AM31345">
        <v>25</v>
      </c>
      <c r="AN31345">
        <v>25</v>
      </c>
      <c r="AO31345">
        <v>25</v>
      </c>
      <c r="AP31345">
        <v>25</v>
      </c>
      <c r="AQ31345">
        <v>26</v>
      </c>
    </row>
    <row r="31346" spans="1:43">
      <c r="A31346" t="s">
        <v>19421</v>
      </c>
      <c r="B31346" t="s">
        <v>19422</v>
      </c>
      <c r="C31346" t="s">
        <v>19417</v>
      </c>
      <c r="D31346" t="s">
        <v>19418</v>
      </c>
      <c r="E31346" t="s">
        <v>19379</v>
      </c>
      <c r="F31346" t="s">
        <v>19380</v>
      </c>
      <c r="G31346" t="s">
        <v>10734</v>
      </c>
      <c r="H31346" t="s">
        <v>10735</v>
      </c>
      <c r="I31346" s="2">
        <v>0</v>
      </c>
      <c r="J31346" s="2">
        <v>0</v>
      </c>
      <c r="K31346" s="2">
        <v>1</v>
      </c>
      <c r="L31346" t="s">
        <v>995</v>
      </c>
      <c r="M31346" t="s">
        <v>83</v>
      </c>
      <c r="N31346" t="s">
        <v>84</v>
      </c>
      <c r="O31346" t="s">
        <v>85</v>
      </c>
      <c r="P31346" t="s">
        <v>86</v>
      </c>
      <c r="Q31346">
        <v>2</v>
      </c>
      <c r="R31346">
        <v>2</v>
      </c>
      <c r="S31346">
        <v>2</v>
      </c>
      <c r="T31346">
        <v>2</v>
      </c>
      <c r="U31346">
        <v>2</v>
      </c>
      <c r="V31346">
        <v>2</v>
      </c>
      <c r="W31346">
        <v>2</v>
      </c>
      <c r="X31346">
        <v>2</v>
      </c>
      <c r="Y31346">
        <v>2</v>
      </c>
      <c r="Z31346">
        <v>2</v>
      </c>
      <c r="AA31346">
        <v>2</v>
      </c>
      <c r="AB31346">
        <v>2</v>
      </c>
      <c r="AC31346">
        <v>2</v>
      </c>
      <c r="AD31346">
        <v>2</v>
      </c>
      <c r="AE31346">
        <v>2</v>
      </c>
      <c r="AF31346">
        <v>2</v>
      </c>
      <c r="AG31346">
        <v>2</v>
      </c>
      <c r="AH31346">
        <v>2</v>
      </c>
      <c r="AI31346">
        <v>2</v>
      </c>
      <c r="AJ31346">
        <v>2</v>
      </c>
      <c r="AK31346">
        <v>2</v>
      </c>
      <c r="AL31346">
        <v>2</v>
      </c>
      <c r="AM31346">
        <v>2</v>
      </c>
      <c r="AN31346">
        <v>2</v>
      </c>
      <c r="AO31346">
        <v>2</v>
      </c>
      <c r="AP31346">
        <v>2</v>
      </c>
      <c r="AQ31346">
        <v>2</v>
      </c>
    </row>
    <row r="31347" spans="1:43">
      <c r="A31347" t="s">
        <v>19421</v>
      </c>
      <c r="B31347" t="s">
        <v>19422</v>
      </c>
      <c r="C31347" t="s">
        <v>19417</v>
      </c>
      <c r="D31347" t="s">
        <v>19418</v>
      </c>
      <c r="E31347" t="s">
        <v>19379</v>
      </c>
      <c r="F31347" t="s">
        <v>19380</v>
      </c>
      <c r="G31347" t="s">
        <v>10734</v>
      </c>
      <c r="H31347" t="s">
        <v>10735</v>
      </c>
      <c r="I31347" s="2">
        <v>0</v>
      </c>
      <c r="J31347" s="2">
        <v>0</v>
      </c>
      <c r="K31347" s="2">
        <v>1</v>
      </c>
      <c r="L31347" t="s">
        <v>995</v>
      </c>
      <c r="M31347" t="s">
        <v>87</v>
      </c>
      <c r="N31347" t="s">
        <v>88</v>
      </c>
      <c r="O31347" t="s">
        <v>85</v>
      </c>
      <c r="P31347" t="s">
        <v>86</v>
      </c>
      <c r="Q31347">
        <v>2</v>
      </c>
      <c r="R31347">
        <v>2</v>
      </c>
      <c r="S31347">
        <v>2</v>
      </c>
      <c r="T31347">
        <v>2</v>
      </c>
      <c r="U31347">
        <v>2</v>
      </c>
      <c r="V31347">
        <v>2</v>
      </c>
      <c r="W31347">
        <v>2</v>
      </c>
      <c r="X31347">
        <v>2</v>
      </c>
      <c r="Y31347">
        <v>2</v>
      </c>
      <c r="Z31347">
        <v>2</v>
      </c>
      <c r="AA31347">
        <v>2</v>
      </c>
      <c r="AB31347">
        <v>2</v>
      </c>
      <c r="AC31347">
        <v>2</v>
      </c>
      <c r="AD31347">
        <v>2</v>
      </c>
      <c r="AE31347">
        <v>2</v>
      </c>
      <c r="AF31347">
        <v>2</v>
      </c>
      <c r="AG31347">
        <v>2</v>
      </c>
      <c r="AH31347">
        <v>2</v>
      </c>
      <c r="AI31347">
        <v>2</v>
      </c>
      <c r="AJ31347">
        <v>2</v>
      </c>
      <c r="AK31347">
        <v>2</v>
      </c>
      <c r="AL31347">
        <v>2</v>
      </c>
      <c r="AM31347">
        <v>2</v>
      </c>
      <c r="AN31347">
        <v>2</v>
      </c>
      <c r="AO31347">
        <v>2</v>
      </c>
      <c r="AP31347">
        <v>2</v>
      </c>
      <c r="AQ31347">
        <v>2</v>
      </c>
    </row>
    <row r="31348" spans="1:43">
      <c r="A31348" t="s">
        <v>19421</v>
      </c>
      <c r="B31348" t="s">
        <v>19422</v>
      </c>
      <c r="C31348" t="s">
        <v>19417</v>
      </c>
      <c r="D31348" t="s">
        <v>19418</v>
      </c>
      <c r="E31348" t="s">
        <v>19379</v>
      </c>
      <c r="F31348" t="s">
        <v>19380</v>
      </c>
      <c r="G31348" t="s">
        <v>10734</v>
      </c>
      <c r="H31348" t="s">
        <v>10735</v>
      </c>
      <c r="I31348" s="2">
        <v>0</v>
      </c>
      <c r="J31348" s="2">
        <v>0</v>
      </c>
      <c r="K31348" s="2">
        <v>1</v>
      </c>
      <c r="L31348" t="s">
        <v>995</v>
      </c>
      <c r="M31348" t="s">
        <v>89</v>
      </c>
      <c r="N31348" t="s">
        <v>90</v>
      </c>
      <c r="O31348" t="s">
        <v>85</v>
      </c>
      <c r="P31348" t="s">
        <v>86</v>
      </c>
      <c r="Q31348">
        <v>2</v>
      </c>
      <c r="R31348">
        <v>2</v>
      </c>
      <c r="S31348">
        <v>2</v>
      </c>
      <c r="T31348">
        <v>2</v>
      </c>
      <c r="U31348">
        <v>2</v>
      </c>
      <c r="V31348">
        <v>2</v>
      </c>
      <c r="W31348">
        <v>2</v>
      </c>
      <c r="X31348">
        <v>2</v>
      </c>
      <c r="Y31348">
        <v>2</v>
      </c>
      <c r="Z31348">
        <v>2</v>
      </c>
      <c r="AA31348">
        <v>2</v>
      </c>
      <c r="AB31348">
        <v>2</v>
      </c>
      <c r="AC31348">
        <v>2</v>
      </c>
      <c r="AD31348">
        <v>2</v>
      </c>
      <c r="AE31348">
        <v>2</v>
      </c>
      <c r="AF31348">
        <v>2</v>
      </c>
      <c r="AG31348">
        <v>2</v>
      </c>
      <c r="AH31348">
        <v>2</v>
      </c>
      <c r="AI31348">
        <v>2</v>
      </c>
      <c r="AJ31348">
        <v>2</v>
      </c>
      <c r="AK31348">
        <v>2</v>
      </c>
      <c r="AL31348">
        <v>2</v>
      </c>
      <c r="AM31348">
        <v>2</v>
      </c>
      <c r="AN31348">
        <v>2</v>
      </c>
      <c r="AO31348">
        <v>2</v>
      </c>
      <c r="AP31348">
        <v>2</v>
      </c>
      <c r="AQ31348">
        <v>2</v>
      </c>
    </row>
    <row r="31349" spans="1:43">
      <c r="A31349" t="s">
        <v>19421</v>
      </c>
      <c r="B31349" t="s">
        <v>19422</v>
      </c>
      <c r="C31349" t="s">
        <v>19417</v>
      </c>
      <c r="D31349" t="s">
        <v>19418</v>
      </c>
      <c r="E31349" t="s">
        <v>19379</v>
      </c>
      <c r="F31349" t="s">
        <v>19380</v>
      </c>
      <c r="G31349" t="s">
        <v>10734</v>
      </c>
      <c r="H31349" t="s">
        <v>10735</v>
      </c>
      <c r="I31349" s="2">
        <v>0</v>
      </c>
      <c r="J31349" s="2">
        <v>0</v>
      </c>
      <c r="K31349" s="2">
        <v>1</v>
      </c>
      <c r="L31349" t="s">
        <v>995</v>
      </c>
      <c r="M31349" t="s">
        <v>83</v>
      </c>
      <c r="N31349" t="s">
        <v>91</v>
      </c>
      <c r="O31349" t="s">
        <v>85</v>
      </c>
      <c r="P31349" t="s">
        <v>86</v>
      </c>
      <c r="Q31349">
        <v>2</v>
      </c>
      <c r="R31349">
        <v>2</v>
      </c>
      <c r="S31349">
        <v>2</v>
      </c>
      <c r="T31349">
        <v>2</v>
      </c>
      <c r="U31349">
        <v>2</v>
      </c>
      <c r="V31349">
        <v>2</v>
      </c>
      <c r="W31349">
        <v>2</v>
      </c>
      <c r="X31349">
        <v>2</v>
      </c>
      <c r="Y31349">
        <v>2</v>
      </c>
      <c r="Z31349">
        <v>2</v>
      </c>
      <c r="AA31349">
        <v>2</v>
      </c>
      <c r="AB31349">
        <v>2</v>
      </c>
      <c r="AC31349">
        <v>2</v>
      </c>
      <c r="AD31349">
        <v>2</v>
      </c>
      <c r="AE31349">
        <v>2</v>
      </c>
      <c r="AF31349">
        <v>2</v>
      </c>
      <c r="AG31349">
        <v>2</v>
      </c>
      <c r="AH31349">
        <v>2</v>
      </c>
      <c r="AI31349">
        <v>2</v>
      </c>
      <c r="AJ31349">
        <v>2</v>
      </c>
      <c r="AK31349">
        <v>2</v>
      </c>
      <c r="AL31349">
        <v>2</v>
      </c>
      <c r="AM31349">
        <v>2</v>
      </c>
      <c r="AN31349">
        <v>2</v>
      </c>
      <c r="AO31349">
        <v>2</v>
      </c>
      <c r="AP31349">
        <v>2</v>
      </c>
      <c r="AQ31349">
        <v>2</v>
      </c>
    </row>
    <row r="31350" spans="1:43">
      <c r="A31350" t="s">
        <v>19423</v>
      </c>
      <c r="B31350" t="s">
        <v>19424</v>
      </c>
      <c r="C31350" t="s">
        <v>19417</v>
      </c>
      <c r="D31350" t="s">
        <v>19418</v>
      </c>
      <c r="E31350" t="s">
        <v>19379</v>
      </c>
      <c r="F31350" t="s">
        <v>19380</v>
      </c>
      <c r="G31350" t="s">
        <v>10734</v>
      </c>
      <c r="H31350" t="s">
        <v>10735</v>
      </c>
      <c r="I31350" s="2">
        <v>0</v>
      </c>
      <c r="J31350" s="2">
        <v>0</v>
      </c>
      <c r="K31350" s="2">
        <v>1</v>
      </c>
      <c r="L31350" t="s">
        <v>995</v>
      </c>
      <c r="M31350" t="s">
        <v>83</v>
      </c>
      <c r="N31350" t="s">
        <v>84</v>
      </c>
      <c r="O31350" t="s">
        <v>85</v>
      </c>
      <c r="P31350" t="s">
        <v>86</v>
      </c>
      <c r="Q31350">
        <v>30</v>
      </c>
      <c r="R31350">
        <v>31</v>
      </c>
      <c r="S31350">
        <v>31</v>
      </c>
      <c r="T31350">
        <v>32</v>
      </c>
      <c r="U31350">
        <v>32</v>
      </c>
      <c r="V31350">
        <v>32</v>
      </c>
      <c r="W31350">
        <v>33</v>
      </c>
      <c r="X31350">
        <v>33</v>
      </c>
      <c r="Y31350">
        <v>34</v>
      </c>
      <c r="Z31350">
        <v>34</v>
      </c>
      <c r="AA31350">
        <v>35</v>
      </c>
      <c r="AB31350">
        <v>35</v>
      </c>
      <c r="AC31350">
        <v>35</v>
      </c>
      <c r="AD31350">
        <v>36</v>
      </c>
      <c r="AE31350">
        <v>36</v>
      </c>
      <c r="AF31350">
        <v>36</v>
      </c>
      <c r="AG31350">
        <v>37</v>
      </c>
      <c r="AH31350">
        <v>37</v>
      </c>
      <c r="AI31350">
        <v>37</v>
      </c>
      <c r="AJ31350">
        <v>38</v>
      </c>
      <c r="AK31350">
        <v>38</v>
      </c>
      <c r="AL31350">
        <v>38</v>
      </c>
      <c r="AM31350">
        <v>38</v>
      </c>
      <c r="AN31350">
        <v>38</v>
      </c>
      <c r="AO31350">
        <v>38</v>
      </c>
      <c r="AP31350">
        <v>38</v>
      </c>
      <c r="AQ31350">
        <v>38</v>
      </c>
    </row>
    <row r="31351" spans="1:43">
      <c r="A31351" t="s">
        <v>19423</v>
      </c>
      <c r="B31351" t="s">
        <v>19424</v>
      </c>
      <c r="C31351" t="s">
        <v>19417</v>
      </c>
      <c r="D31351" t="s">
        <v>19418</v>
      </c>
      <c r="E31351" t="s">
        <v>19379</v>
      </c>
      <c r="F31351" t="s">
        <v>19380</v>
      </c>
      <c r="G31351" t="s">
        <v>10734</v>
      </c>
      <c r="H31351" t="s">
        <v>10735</v>
      </c>
      <c r="I31351" s="2">
        <v>0</v>
      </c>
      <c r="J31351" s="2">
        <v>0</v>
      </c>
      <c r="K31351" s="2">
        <v>1</v>
      </c>
      <c r="L31351" t="s">
        <v>995</v>
      </c>
      <c r="M31351" t="s">
        <v>87</v>
      </c>
      <c r="N31351" t="s">
        <v>88</v>
      </c>
      <c r="O31351" t="s">
        <v>85</v>
      </c>
      <c r="P31351" t="s">
        <v>86</v>
      </c>
      <c r="Q31351">
        <v>30</v>
      </c>
      <c r="R31351">
        <v>30</v>
      </c>
      <c r="S31351">
        <v>30</v>
      </c>
      <c r="T31351">
        <v>30</v>
      </c>
      <c r="U31351">
        <v>31</v>
      </c>
      <c r="V31351">
        <v>31</v>
      </c>
      <c r="W31351">
        <v>31</v>
      </c>
      <c r="X31351">
        <v>31</v>
      </c>
      <c r="Y31351">
        <v>31</v>
      </c>
      <c r="Z31351">
        <v>31</v>
      </c>
      <c r="AA31351">
        <v>31</v>
      </c>
      <c r="AB31351">
        <v>32</v>
      </c>
      <c r="AC31351">
        <v>32</v>
      </c>
      <c r="AD31351">
        <v>32</v>
      </c>
      <c r="AE31351">
        <v>32</v>
      </c>
      <c r="AF31351">
        <v>32</v>
      </c>
      <c r="AG31351">
        <v>32</v>
      </c>
      <c r="AH31351">
        <v>32</v>
      </c>
      <c r="AI31351">
        <v>32</v>
      </c>
      <c r="AJ31351">
        <v>33</v>
      </c>
      <c r="AK31351">
        <v>33</v>
      </c>
      <c r="AL31351">
        <v>33</v>
      </c>
      <c r="AM31351">
        <v>33</v>
      </c>
      <c r="AN31351">
        <v>33</v>
      </c>
      <c r="AO31351">
        <v>33</v>
      </c>
      <c r="AP31351">
        <v>33</v>
      </c>
      <c r="AQ31351">
        <v>33</v>
      </c>
    </row>
    <row r="31352" spans="1:43">
      <c r="A31352" t="s">
        <v>19423</v>
      </c>
      <c r="B31352" t="s">
        <v>19424</v>
      </c>
      <c r="C31352" t="s">
        <v>19417</v>
      </c>
      <c r="D31352" t="s">
        <v>19418</v>
      </c>
      <c r="E31352" t="s">
        <v>19379</v>
      </c>
      <c r="F31352" t="s">
        <v>19380</v>
      </c>
      <c r="G31352" t="s">
        <v>10734</v>
      </c>
      <c r="H31352" t="s">
        <v>10735</v>
      </c>
      <c r="I31352" s="2">
        <v>0</v>
      </c>
      <c r="J31352" s="2">
        <v>0</v>
      </c>
      <c r="K31352" s="2">
        <v>1</v>
      </c>
      <c r="L31352" t="s">
        <v>995</v>
      </c>
      <c r="M31352" t="s">
        <v>89</v>
      </c>
      <c r="N31352" t="s">
        <v>90</v>
      </c>
      <c r="O31352" t="s">
        <v>85</v>
      </c>
      <c r="P31352" t="s">
        <v>86</v>
      </c>
      <c r="Q31352">
        <v>30</v>
      </c>
      <c r="R31352">
        <v>30</v>
      </c>
      <c r="S31352">
        <v>31</v>
      </c>
      <c r="T31352">
        <v>32</v>
      </c>
      <c r="U31352">
        <v>32</v>
      </c>
      <c r="V31352">
        <v>33</v>
      </c>
      <c r="W31352">
        <v>34</v>
      </c>
      <c r="X31352">
        <v>34</v>
      </c>
      <c r="Y31352">
        <v>35</v>
      </c>
      <c r="Z31352">
        <v>35</v>
      </c>
      <c r="AA31352">
        <v>36</v>
      </c>
      <c r="AB31352">
        <v>36</v>
      </c>
      <c r="AC31352">
        <v>37</v>
      </c>
      <c r="AD31352">
        <v>37</v>
      </c>
      <c r="AE31352">
        <v>37</v>
      </c>
      <c r="AF31352">
        <v>38</v>
      </c>
      <c r="AG31352">
        <v>38</v>
      </c>
      <c r="AH31352">
        <v>38</v>
      </c>
      <c r="AI31352">
        <v>38</v>
      </c>
      <c r="AJ31352">
        <v>38</v>
      </c>
      <c r="AK31352">
        <v>38</v>
      </c>
      <c r="AL31352">
        <v>38</v>
      </c>
      <c r="AM31352">
        <v>38</v>
      </c>
      <c r="AN31352">
        <v>38</v>
      </c>
      <c r="AO31352">
        <v>38</v>
      </c>
      <c r="AP31352">
        <v>38</v>
      </c>
      <c r="AQ31352">
        <v>38</v>
      </c>
    </row>
    <row r="31353" spans="1:43">
      <c r="A31353" t="s">
        <v>19423</v>
      </c>
      <c r="B31353" t="s">
        <v>19424</v>
      </c>
      <c r="C31353" t="s">
        <v>19417</v>
      </c>
      <c r="D31353" t="s">
        <v>19418</v>
      </c>
      <c r="E31353" t="s">
        <v>19379</v>
      </c>
      <c r="F31353" t="s">
        <v>19380</v>
      </c>
      <c r="G31353" t="s">
        <v>10734</v>
      </c>
      <c r="H31353" t="s">
        <v>10735</v>
      </c>
      <c r="I31353" s="2">
        <v>0</v>
      </c>
      <c r="J31353" s="2">
        <v>0</v>
      </c>
      <c r="K31353" s="2">
        <v>1</v>
      </c>
      <c r="L31353" t="s">
        <v>995</v>
      </c>
      <c r="M31353" t="s">
        <v>83</v>
      </c>
      <c r="N31353" t="s">
        <v>91</v>
      </c>
      <c r="O31353" t="s">
        <v>85</v>
      </c>
      <c r="P31353" t="s">
        <v>86</v>
      </c>
      <c r="Q31353">
        <v>30</v>
      </c>
      <c r="R31353">
        <v>31</v>
      </c>
      <c r="S31353">
        <v>31</v>
      </c>
      <c r="T31353">
        <v>32</v>
      </c>
      <c r="U31353">
        <v>32</v>
      </c>
      <c r="V31353">
        <v>32</v>
      </c>
      <c r="W31353">
        <v>33</v>
      </c>
      <c r="X31353">
        <v>33</v>
      </c>
      <c r="Y31353">
        <v>34</v>
      </c>
      <c r="Z31353">
        <v>34</v>
      </c>
      <c r="AA31353">
        <v>35</v>
      </c>
      <c r="AB31353">
        <v>35</v>
      </c>
      <c r="AC31353">
        <v>35</v>
      </c>
      <c r="AD31353">
        <v>36</v>
      </c>
      <c r="AE31353">
        <v>36</v>
      </c>
      <c r="AF31353">
        <v>36</v>
      </c>
      <c r="AG31353">
        <v>37</v>
      </c>
      <c r="AH31353">
        <v>37</v>
      </c>
      <c r="AI31353">
        <v>37</v>
      </c>
      <c r="AJ31353">
        <v>38</v>
      </c>
      <c r="AK31353">
        <v>38</v>
      </c>
      <c r="AL31353">
        <v>38</v>
      </c>
      <c r="AM31353">
        <v>38</v>
      </c>
      <c r="AN31353">
        <v>38</v>
      </c>
      <c r="AO31353">
        <v>38</v>
      </c>
      <c r="AP31353">
        <v>38</v>
      </c>
      <c r="AQ31353">
        <v>38</v>
      </c>
    </row>
    <row r="31354" spans="1:43">
      <c r="A31354" t="s">
        <v>19425</v>
      </c>
      <c r="B31354" t="s">
        <v>19426</v>
      </c>
      <c r="C31354" t="s">
        <v>19409</v>
      </c>
      <c r="D31354" t="s">
        <v>19410</v>
      </c>
      <c r="E31354" t="s">
        <v>19379</v>
      </c>
      <c r="F31354" t="s">
        <v>19380</v>
      </c>
      <c r="G31354" t="s">
        <v>10734</v>
      </c>
      <c r="H31354" t="s">
        <v>10735</v>
      </c>
      <c r="I31354" s="2">
        <v>0</v>
      </c>
      <c r="J31354" s="2">
        <v>0</v>
      </c>
      <c r="K31354" s="2">
        <v>0.78</v>
      </c>
      <c r="L31354" t="s">
        <v>995</v>
      </c>
      <c r="M31354" t="s">
        <v>83</v>
      </c>
      <c r="N31354" t="s">
        <v>84</v>
      </c>
      <c r="O31354" t="s">
        <v>85</v>
      </c>
      <c r="P31354" t="s">
        <v>86</v>
      </c>
      <c r="Q31354">
        <v>31</v>
      </c>
      <c r="R31354">
        <v>32</v>
      </c>
      <c r="S31354">
        <v>32</v>
      </c>
      <c r="T31354">
        <v>33</v>
      </c>
      <c r="U31354">
        <v>34</v>
      </c>
      <c r="V31354">
        <v>34</v>
      </c>
      <c r="W31354">
        <v>35</v>
      </c>
      <c r="X31354">
        <v>36</v>
      </c>
      <c r="Y31354">
        <v>37</v>
      </c>
      <c r="Z31354">
        <v>37</v>
      </c>
      <c r="AA31354">
        <v>38</v>
      </c>
      <c r="AB31354">
        <v>39</v>
      </c>
      <c r="AC31354">
        <v>40</v>
      </c>
      <c r="AD31354">
        <v>40</v>
      </c>
      <c r="AE31354">
        <v>41</v>
      </c>
      <c r="AF31354">
        <v>42</v>
      </c>
      <c r="AG31354">
        <v>42</v>
      </c>
      <c r="AH31354">
        <v>43</v>
      </c>
      <c r="AI31354">
        <v>44</v>
      </c>
      <c r="AJ31354">
        <v>45</v>
      </c>
      <c r="AK31354">
        <v>45</v>
      </c>
      <c r="AL31354">
        <v>46</v>
      </c>
      <c r="AM31354">
        <v>46</v>
      </c>
      <c r="AN31354">
        <v>46</v>
      </c>
      <c r="AO31354">
        <v>47</v>
      </c>
      <c r="AP31354">
        <v>47</v>
      </c>
      <c r="AQ31354">
        <v>47</v>
      </c>
    </row>
    <row r="31355" spans="1:43">
      <c r="A31355" t="s">
        <v>19425</v>
      </c>
      <c r="B31355" t="s">
        <v>19426</v>
      </c>
      <c r="C31355" t="s">
        <v>19409</v>
      </c>
      <c r="D31355" t="s">
        <v>19410</v>
      </c>
      <c r="E31355" t="s">
        <v>19379</v>
      </c>
      <c r="F31355" t="s">
        <v>19380</v>
      </c>
      <c r="G31355" t="s">
        <v>10734</v>
      </c>
      <c r="H31355" t="s">
        <v>10735</v>
      </c>
      <c r="I31355" s="2">
        <v>0</v>
      </c>
      <c r="J31355" s="2">
        <v>0</v>
      </c>
      <c r="K31355" s="2">
        <v>0.78</v>
      </c>
      <c r="L31355" t="s">
        <v>995</v>
      </c>
      <c r="M31355" t="s">
        <v>87</v>
      </c>
      <c r="N31355" t="s">
        <v>88</v>
      </c>
      <c r="O31355" t="s">
        <v>85</v>
      </c>
      <c r="P31355" t="s">
        <v>86</v>
      </c>
      <c r="Q31355">
        <v>31</v>
      </c>
      <c r="R31355">
        <v>31</v>
      </c>
      <c r="S31355">
        <v>31</v>
      </c>
      <c r="T31355">
        <v>32</v>
      </c>
      <c r="U31355">
        <v>32</v>
      </c>
      <c r="V31355">
        <v>33</v>
      </c>
      <c r="W31355">
        <v>33</v>
      </c>
      <c r="X31355">
        <v>34</v>
      </c>
      <c r="Y31355">
        <v>34</v>
      </c>
      <c r="Z31355">
        <v>34</v>
      </c>
      <c r="AA31355">
        <v>35</v>
      </c>
      <c r="AB31355">
        <v>35</v>
      </c>
      <c r="AC31355">
        <v>36</v>
      </c>
      <c r="AD31355">
        <v>36</v>
      </c>
      <c r="AE31355">
        <v>36</v>
      </c>
      <c r="AF31355">
        <v>37</v>
      </c>
      <c r="AG31355">
        <v>37</v>
      </c>
      <c r="AH31355">
        <v>37</v>
      </c>
      <c r="AI31355">
        <v>38</v>
      </c>
      <c r="AJ31355">
        <v>38</v>
      </c>
      <c r="AK31355">
        <v>39</v>
      </c>
      <c r="AL31355">
        <v>39</v>
      </c>
      <c r="AM31355">
        <v>39</v>
      </c>
      <c r="AN31355">
        <v>40</v>
      </c>
      <c r="AO31355">
        <v>40</v>
      </c>
      <c r="AP31355">
        <v>40</v>
      </c>
      <c r="AQ31355">
        <v>41</v>
      </c>
    </row>
    <row r="31356" spans="1:43">
      <c r="A31356" t="s">
        <v>19425</v>
      </c>
      <c r="B31356" t="s">
        <v>19426</v>
      </c>
      <c r="C31356" t="s">
        <v>19409</v>
      </c>
      <c r="D31356" t="s">
        <v>19410</v>
      </c>
      <c r="E31356" t="s">
        <v>19379</v>
      </c>
      <c r="F31356" t="s">
        <v>19380</v>
      </c>
      <c r="G31356" t="s">
        <v>10734</v>
      </c>
      <c r="H31356" t="s">
        <v>10735</v>
      </c>
      <c r="I31356" s="2">
        <v>0</v>
      </c>
      <c r="J31356" s="2">
        <v>0</v>
      </c>
      <c r="K31356" s="2">
        <v>0.78</v>
      </c>
      <c r="L31356" t="s">
        <v>995</v>
      </c>
      <c r="M31356" t="s">
        <v>89</v>
      </c>
      <c r="N31356" t="s">
        <v>90</v>
      </c>
      <c r="O31356" t="s">
        <v>85</v>
      </c>
      <c r="P31356" t="s">
        <v>86</v>
      </c>
      <c r="Q31356">
        <v>31</v>
      </c>
      <c r="R31356">
        <v>32</v>
      </c>
      <c r="S31356">
        <v>33</v>
      </c>
      <c r="T31356">
        <v>34</v>
      </c>
      <c r="U31356">
        <v>35</v>
      </c>
      <c r="V31356">
        <v>36</v>
      </c>
      <c r="W31356">
        <v>37</v>
      </c>
      <c r="X31356">
        <v>38</v>
      </c>
      <c r="Y31356">
        <v>39</v>
      </c>
      <c r="Z31356">
        <v>40</v>
      </c>
      <c r="AA31356">
        <v>41</v>
      </c>
      <c r="AB31356">
        <v>42</v>
      </c>
      <c r="AC31356">
        <v>42</v>
      </c>
      <c r="AD31356">
        <v>43</v>
      </c>
      <c r="AE31356">
        <v>44</v>
      </c>
      <c r="AF31356">
        <v>44</v>
      </c>
      <c r="AG31356">
        <v>45</v>
      </c>
      <c r="AH31356">
        <v>45</v>
      </c>
      <c r="AI31356">
        <v>45</v>
      </c>
      <c r="AJ31356">
        <v>46</v>
      </c>
      <c r="AK31356">
        <v>46</v>
      </c>
      <c r="AL31356">
        <v>46</v>
      </c>
      <c r="AM31356">
        <v>47</v>
      </c>
      <c r="AN31356">
        <v>47</v>
      </c>
      <c r="AO31356">
        <v>47</v>
      </c>
      <c r="AP31356">
        <v>47</v>
      </c>
      <c r="AQ31356">
        <v>48</v>
      </c>
    </row>
    <row r="31357" spans="1:43">
      <c r="A31357" t="s">
        <v>19425</v>
      </c>
      <c r="B31357" t="s">
        <v>19426</v>
      </c>
      <c r="C31357" t="s">
        <v>19409</v>
      </c>
      <c r="D31357" t="s">
        <v>19410</v>
      </c>
      <c r="E31357" t="s">
        <v>19379</v>
      </c>
      <c r="F31357" t="s">
        <v>19380</v>
      </c>
      <c r="G31357" t="s">
        <v>10734</v>
      </c>
      <c r="H31357" t="s">
        <v>10735</v>
      </c>
      <c r="I31357" s="2">
        <v>0</v>
      </c>
      <c r="J31357" s="2">
        <v>0</v>
      </c>
      <c r="K31357" s="2">
        <v>0.78</v>
      </c>
      <c r="L31357" t="s">
        <v>995</v>
      </c>
      <c r="M31357" t="s">
        <v>83</v>
      </c>
      <c r="N31357" t="s">
        <v>91</v>
      </c>
      <c r="O31357" t="s">
        <v>85</v>
      </c>
      <c r="P31357" t="s">
        <v>86</v>
      </c>
      <c r="Q31357">
        <v>31</v>
      </c>
      <c r="R31357">
        <v>32</v>
      </c>
      <c r="S31357">
        <v>32</v>
      </c>
      <c r="T31357">
        <v>33</v>
      </c>
      <c r="U31357">
        <v>34</v>
      </c>
      <c r="V31357">
        <v>34</v>
      </c>
      <c r="W31357">
        <v>35</v>
      </c>
      <c r="X31357">
        <v>36</v>
      </c>
      <c r="Y31357">
        <v>37</v>
      </c>
      <c r="Z31357">
        <v>37</v>
      </c>
      <c r="AA31357">
        <v>38</v>
      </c>
      <c r="AB31357">
        <v>39</v>
      </c>
      <c r="AC31357">
        <v>40</v>
      </c>
      <c r="AD31357">
        <v>40</v>
      </c>
      <c r="AE31357">
        <v>41</v>
      </c>
      <c r="AF31357">
        <v>42</v>
      </c>
      <c r="AG31357">
        <v>42</v>
      </c>
      <c r="AH31357">
        <v>43</v>
      </c>
      <c r="AI31357">
        <v>44</v>
      </c>
      <c r="AJ31357">
        <v>45</v>
      </c>
      <c r="AK31357">
        <v>45</v>
      </c>
      <c r="AL31357">
        <v>46</v>
      </c>
      <c r="AM31357">
        <v>46</v>
      </c>
      <c r="AN31357">
        <v>46</v>
      </c>
      <c r="AO31357">
        <v>47</v>
      </c>
      <c r="AP31357">
        <v>47</v>
      </c>
      <c r="AQ31357">
        <v>47</v>
      </c>
    </row>
    <row r="31358" spans="1:43">
      <c r="A31358" t="s">
        <v>19427</v>
      </c>
      <c r="B31358" t="s">
        <v>19428</v>
      </c>
      <c r="C31358" t="s">
        <v>19429</v>
      </c>
      <c r="D31358" t="s">
        <v>19430</v>
      </c>
      <c r="E31358" t="s">
        <v>19379</v>
      </c>
      <c r="F31358" t="s">
        <v>19380</v>
      </c>
      <c r="G31358" t="s">
        <v>10734</v>
      </c>
      <c r="H31358" t="s">
        <v>10735</v>
      </c>
      <c r="I31358" s="2">
        <v>0</v>
      </c>
      <c r="J31358" s="2">
        <v>0</v>
      </c>
      <c r="K31358" s="2">
        <v>1</v>
      </c>
      <c r="L31358" t="s">
        <v>995</v>
      </c>
      <c r="M31358" t="s">
        <v>83</v>
      </c>
      <c r="N31358" t="s">
        <v>84</v>
      </c>
      <c r="O31358" t="s">
        <v>85</v>
      </c>
      <c r="P31358" t="s">
        <v>86</v>
      </c>
      <c r="Q31358">
        <v>108</v>
      </c>
      <c r="R31358">
        <v>110</v>
      </c>
      <c r="S31358">
        <v>113</v>
      </c>
      <c r="T31358">
        <v>115</v>
      </c>
      <c r="U31358">
        <v>118</v>
      </c>
      <c r="V31358">
        <v>120</v>
      </c>
      <c r="W31358">
        <v>123</v>
      </c>
      <c r="X31358">
        <v>126</v>
      </c>
      <c r="Y31358">
        <v>128</v>
      </c>
      <c r="Z31358">
        <v>131</v>
      </c>
      <c r="AA31358">
        <v>134</v>
      </c>
      <c r="AB31358">
        <v>136</v>
      </c>
      <c r="AC31358">
        <v>139</v>
      </c>
      <c r="AD31358">
        <v>142</v>
      </c>
      <c r="AE31358">
        <v>144</v>
      </c>
      <c r="AF31358">
        <v>147</v>
      </c>
      <c r="AG31358">
        <v>149</v>
      </c>
      <c r="AH31358">
        <v>152</v>
      </c>
      <c r="AI31358">
        <v>155</v>
      </c>
      <c r="AJ31358">
        <v>157</v>
      </c>
      <c r="AK31358">
        <v>160</v>
      </c>
      <c r="AL31358">
        <v>162</v>
      </c>
      <c r="AM31358">
        <v>163</v>
      </c>
      <c r="AN31358">
        <v>165</v>
      </c>
      <c r="AO31358">
        <v>166</v>
      </c>
      <c r="AP31358">
        <v>167</v>
      </c>
      <c r="AQ31358">
        <v>168</v>
      </c>
    </row>
    <row r="31359" spans="1:43">
      <c r="A31359" t="s">
        <v>19427</v>
      </c>
      <c r="B31359" t="s">
        <v>19428</v>
      </c>
      <c r="C31359" t="s">
        <v>19429</v>
      </c>
      <c r="D31359" t="s">
        <v>19430</v>
      </c>
      <c r="E31359" t="s">
        <v>19379</v>
      </c>
      <c r="F31359" t="s">
        <v>19380</v>
      </c>
      <c r="G31359" t="s">
        <v>10734</v>
      </c>
      <c r="H31359" t="s">
        <v>10735</v>
      </c>
      <c r="I31359" s="2">
        <v>0</v>
      </c>
      <c r="J31359" s="2">
        <v>0</v>
      </c>
      <c r="K31359" s="2">
        <v>1</v>
      </c>
      <c r="L31359" t="s">
        <v>995</v>
      </c>
      <c r="M31359" t="s">
        <v>87</v>
      </c>
      <c r="N31359" t="s">
        <v>88</v>
      </c>
      <c r="O31359" t="s">
        <v>85</v>
      </c>
      <c r="P31359" t="s">
        <v>86</v>
      </c>
      <c r="Q31359">
        <v>108</v>
      </c>
      <c r="R31359">
        <v>109</v>
      </c>
      <c r="S31359">
        <v>111</v>
      </c>
      <c r="T31359">
        <v>112</v>
      </c>
      <c r="U31359">
        <v>114</v>
      </c>
      <c r="V31359">
        <v>115</v>
      </c>
      <c r="W31359">
        <v>117</v>
      </c>
      <c r="X31359">
        <v>118</v>
      </c>
      <c r="Y31359">
        <v>120</v>
      </c>
      <c r="Z31359">
        <v>121</v>
      </c>
      <c r="AA31359">
        <v>123</v>
      </c>
      <c r="AB31359">
        <v>124</v>
      </c>
      <c r="AC31359">
        <v>126</v>
      </c>
      <c r="AD31359">
        <v>127</v>
      </c>
      <c r="AE31359">
        <v>129</v>
      </c>
      <c r="AF31359">
        <v>130</v>
      </c>
      <c r="AG31359">
        <v>131</v>
      </c>
      <c r="AH31359">
        <v>133</v>
      </c>
      <c r="AI31359">
        <v>134</v>
      </c>
      <c r="AJ31359">
        <v>136</v>
      </c>
      <c r="AK31359">
        <v>137</v>
      </c>
      <c r="AL31359">
        <v>139</v>
      </c>
      <c r="AM31359">
        <v>140</v>
      </c>
      <c r="AN31359">
        <v>141</v>
      </c>
      <c r="AO31359">
        <v>143</v>
      </c>
      <c r="AP31359">
        <v>144</v>
      </c>
      <c r="AQ31359">
        <v>146</v>
      </c>
    </row>
    <row r="31360" spans="1:43">
      <c r="A31360" t="s">
        <v>19427</v>
      </c>
      <c r="B31360" t="s">
        <v>19428</v>
      </c>
      <c r="C31360" t="s">
        <v>19429</v>
      </c>
      <c r="D31360" t="s">
        <v>19430</v>
      </c>
      <c r="E31360" t="s">
        <v>19379</v>
      </c>
      <c r="F31360" t="s">
        <v>19380</v>
      </c>
      <c r="G31360" t="s">
        <v>10734</v>
      </c>
      <c r="H31360" t="s">
        <v>10735</v>
      </c>
      <c r="I31360" s="2">
        <v>0</v>
      </c>
      <c r="J31360" s="2">
        <v>0</v>
      </c>
      <c r="K31360" s="2">
        <v>1</v>
      </c>
      <c r="L31360" t="s">
        <v>995</v>
      </c>
      <c r="M31360" t="s">
        <v>89</v>
      </c>
      <c r="N31360" t="s">
        <v>90</v>
      </c>
      <c r="O31360" t="s">
        <v>85</v>
      </c>
      <c r="P31360" t="s">
        <v>86</v>
      </c>
      <c r="Q31360">
        <v>108</v>
      </c>
      <c r="R31360">
        <v>111</v>
      </c>
      <c r="S31360">
        <v>115</v>
      </c>
      <c r="T31360">
        <v>118</v>
      </c>
      <c r="U31360">
        <v>122</v>
      </c>
      <c r="V31360">
        <v>125</v>
      </c>
      <c r="W31360">
        <v>128</v>
      </c>
      <c r="X31360">
        <v>132</v>
      </c>
      <c r="Y31360">
        <v>135</v>
      </c>
      <c r="Z31360">
        <v>138</v>
      </c>
      <c r="AA31360">
        <v>141</v>
      </c>
      <c r="AB31360">
        <v>145</v>
      </c>
      <c r="AC31360">
        <v>148</v>
      </c>
      <c r="AD31360">
        <v>151</v>
      </c>
      <c r="AE31360">
        <v>154</v>
      </c>
      <c r="AF31360">
        <v>155</v>
      </c>
      <c r="AG31360">
        <v>157</v>
      </c>
      <c r="AH31360">
        <v>158</v>
      </c>
      <c r="AI31360">
        <v>160</v>
      </c>
      <c r="AJ31360">
        <v>161</v>
      </c>
      <c r="AK31360">
        <v>162</v>
      </c>
      <c r="AL31360">
        <v>164</v>
      </c>
      <c r="AM31360">
        <v>165</v>
      </c>
      <c r="AN31360">
        <v>166</v>
      </c>
      <c r="AO31360">
        <v>168</v>
      </c>
      <c r="AP31360">
        <v>169</v>
      </c>
      <c r="AQ31360">
        <v>170</v>
      </c>
    </row>
    <row r="31361" spans="1:43">
      <c r="A31361" t="s">
        <v>19427</v>
      </c>
      <c r="B31361" t="s">
        <v>19428</v>
      </c>
      <c r="C31361" t="s">
        <v>19429</v>
      </c>
      <c r="D31361" t="s">
        <v>19430</v>
      </c>
      <c r="E31361" t="s">
        <v>19379</v>
      </c>
      <c r="F31361" t="s">
        <v>19380</v>
      </c>
      <c r="G31361" t="s">
        <v>10734</v>
      </c>
      <c r="H31361" t="s">
        <v>10735</v>
      </c>
      <c r="I31361" s="2">
        <v>0</v>
      </c>
      <c r="J31361" s="2">
        <v>0</v>
      </c>
      <c r="K31361" s="2">
        <v>1</v>
      </c>
      <c r="L31361" t="s">
        <v>995</v>
      </c>
      <c r="M31361" t="s">
        <v>83</v>
      </c>
      <c r="N31361" t="s">
        <v>91</v>
      </c>
      <c r="O31361" t="s">
        <v>85</v>
      </c>
      <c r="P31361" t="s">
        <v>86</v>
      </c>
      <c r="Q31361">
        <v>108</v>
      </c>
      <c r="R31361">
        <v>110</v>
      </c>
      <c r="S31361">
        <v>113</v>
      </c>
      <c r="T31361">
        <v>115</v>
      </c>
      <c r="U31361">
        <v>118</v>
      </c>
      <c r="V31361">
        <v>120</v>
      </c>
      <c r="W31361">
        <v>123</v>
      </c>
      <c r="X31361">
        <v>126</v>
      </c>
      <c r="Y31361">
        <v>128</v>
      </c>
      <c r="Z31361">
        <v>131</v>
      </c>
      <c r="AA31361">
        <v>134</v>
      </c>
      <c r="AB31361">
        <v>136</v>
      </c>
      <c r="AC31361">
        <v>139</v>
      </c>
      <c r="AD31361">
        <v>142</v>
      </c>
      <c r="AE31361">
        <v>144</v>
      </c>
      <c r="AF31361">
        <v>147</v>
      </c>
      <c r="AG31361">
        <v>149</v>
      </c>
      <c r="AH31361">
        <v>152</v>
      </c>
      <c r="AI31361">
        <v>155</v>
      </c>
      <c r="AJ31361">
        <v>157</v>
      </c>
      <c r="AK31361">
        <v>160</v>
      </c>
      <c r="AL31361">
        <v>162</v>
      </c>
      <c r="AM31361">
        <v>163</v>
      </c>
      <c r="AN31361">
        <v>165</v>
      </c>
      <c r="AO31361">
        <v>166</v>
      </c>
      <c r="AP31361">
        <v>167</v>
      </c>
      <c r="AQ31361">
        <v>168</v>
      </c>
    </row>
    <row r="31362" spans="1:43">
      <c r="A31362" t="s">
        <v>19431</v>
      </c>
      <c r="B31362" t="s">
        <v>19432</v>
      </c>
      <c r="C31362" t="s">
        <v>19417</v>
      </c>
      <c r="D31362" t="s">
        <v>19418</v>
      </c>
      <c r="E31362" t="s">
        <v>19379</v>
      </c>
      <c r="F31362" t="s">
        <v>19380</v>
      </c>
      <c r="G31362" t="s">
        <v>10734</v>
      </c>
      <c r="H31362" t="s">
        <v>10735</v>
      </c>
      <c r="I31362" s="2">
        <v>0</v>
      </c>
      <c r="J31362" s="2">
        <v>0</v>
      </c>
      <c r="K31362" s="2">
        <v>1</v>
      </c>
      <c r="L31362" t="s">
        <v>995</v>
      </c>
      <c r="M31362" t="s">
        <v>83</v>
      </c>
      <c r="N31362" t="s">
        <v>84</v>
      </c>
      <c r="O31362" t="s">
        <v>85</v>
      </c>
      <c r="P31362" t="s">
        <v>86</v>
      </c>
      <c r="Q31362">
        <v>46</v>
      </c>
      <c r="R31362">
        <v>47</v>
      </c>
      <c r="S31362">
        <v>48</v>
      </c>
      <c r="T31362">
        <v>49</v>
      </c>
      <c r="U31362">
        <v>50</v>
      </c>
      <c r="V31362">
        <v>51</v>
      </c>
      <c r="W31362">
        <v>52</v>
      </c>
      <c r="X31362">
        <v>53</v>
      </c>
      <c r="Y31362">
        <v>54</v>
      </c>
      <c r="Z31362">
        <v>55</v>
      </c>
      <c r="AA31362">
        <v>56</v>
      </c>
      <c r="AB31362">
        <v>58</v>
      </c>
      <c r="AC31362">
        <v>59</v>
      </c>
      <c r="AD31362">
        <v>60</v>
      </c>
      <c r="AE31362">
        <v>61</v>
      </c>
      <c r="AF31362">
        <v>62</v>
      </c>
      <c r="AG31362">
        <v>63</v>
      </c>
      <c r="AH31362">
        <v>64</v>
      </c>
      <c r="AI31362">
        <v>65</v>
      </c>
      <c r="AJ31362">
        <v>66</v>
      </c>
      <c r="AK31362">
        <v>67</v>
      </c>
      <c r="AL31362">
        <v>68</v>
      </c>
      <c r="AM31362">
        <v>69</v>
      </c>
      <c r="AN31362">
        <v>69</v>
      </c>
      <c r="AO31362">
        <v>70</v>
      </c>
      <c r="AP31362">
        <v>70</v>
      </c>
      <c r="AQ31362">
        <v>71</v>
      </c>
    </row>
    <row r="31363" spans="1:43">
      <c r="A31363" t="s">
        <v>19431</v>
      </c>
      <c r="B31363" t="s">
        <v>19432</v>
      </c>
      <c r="C31363" t="s">
        <v>19417</v>
      </c>
      <c r="D31363" t="s">
        <v>19418</v>
      </c>
      <c r="E31363" t="s">
        <v>19379</v>
      </c>
      <c r="F31363" t="s">
        <v>19380</v>
      </c>
      <c r="G31363" t="s">
        <v>10734</v>
      </c>
      <c r="H31363" t="s">
        <v>10735</v>
      </c>
      <c r="I31363" s="2">
        <v>0</v>
      </c>
      <c r="J31363" s="2">
        <v>0</v>
      </c>
      <c r="K31363" s="2">
        <v>1</v>
      </c>
      <c r="L31363" t="s">
        <v>995</v>
      </c>
      <c r="M31363" t="s">
        <v>87</v>
      </c>
      <c r="N31363" t="s">
        <v>88</v>
      </c>
      <c r="O31363" t="s">
        <v>85</v>
      </c>
      <c r="P31363" t="s">
        <v>86</v>
      </c>
      <c r="Q31363">
        <v>46</v>
      </c>
      <c r="R31363">
        <v>47</v>
      </c>
      <c r="S31363">
        <v>47</v>
      </c>
      <c r="T31363">
        <v>48</v>
      </c>
      <c r="U31363">
        <v>49</v>
      </c>
      <c r="V31363">
        <v>49</v>
      </c>
      <c r="W31363">
        <v>50</v>
      </c>
      <c r="X31363">
        <v>51</v>
      </c>
      <c r="Y31363">
        <v>51</v>
      </c>
      <c r="Z31363">
        <v>52</v>
      </c>
      <c r="AA31363">
        <v>52</v>
      </c>
      <c r="AB31363">
        <v>53</v>
      </c>
      <c r="AC31363">
        <v>54</v>
      </c>
      <c r="AD31363">
        <v>54</v>
      </c>
      <c r="AE31363">
        <v>55</v>
      </c>
      <c r="AF31363">
        <v>55</v>
      </c>
      <c r="AG31363">
        <v>56</v>
      </c>
      <c r="AH31363">
        <v>57</v>
      </c>
      <c r="AI31363">
        <v>57</v>
      </c>
      <c r="AJ31363">
        <v>58</v>
      </c>
      <c r="AK31363">
        <v>58</v>
      </c>
      <c r="AL31363">
        <v>59</v>
      </c>
      <c r="AM31363">
        <v>59</v>
      </c>
      <c r="AN31363">
        <v>60</v>
      </c>
      <c r="AO31363">
        <v>61</v>
      </c>
      <c r="AP31363">
        <v>61</v>
      </c>
      <c r="AQ31363">
        <v>62</v>
      </c>
    </row>
    <row r="31364" spans="1:43">
      <c r="A31364" t="s">
        <v>19431</v>
      </c>
      <c r="B31364" t="s">
        <v>19432</v>
      </c>
      <c r="C31364" t="s">
        <v>19417</v>
      </c>
      <c r="D31364" t="s">
        <v>19418</v>
      </c>
      <c r="E31364" t="s">
        <v>19379</v>
      </c>
      <c r="F31364" t="s">
        <v>19380</v>
      </c>
      <c r="G31364" t="s">
        <v>10734</v>
      </c>
      <c r="H31364" t="s">
        <v>10735</v>
      </c>
      <c r="I31364" s="2">
        <v>0</v>
      </c>
      <c r="J31364" s="2">
        <v>0</v>
      </c>
      <c r="K31364" s="2">
        <v>1</v>
      </c>
      <c r="L31364" t="s">
        <v>995</v>
      </c>
      <c r="M31364" t="s">
        <v>89</v>
      </c>
      <c r="N31364" t="s">
        <v>90</v>
      </c>
      <c r="O31364" t="s">
        <v>85</v>
      </c>
      <c r="P31364" t="s">
        <v>86</v>
      </c>
      <c r="Q31364">
        <v>46</v>
      </c>
      <c r="R31364">
        <v>48</v>
      </c>
      <c r="S31364">
        <v>49</v>
      </c>
      <c r="T31364">
        <v>50</v>
      </c>
      <c r="U31364">
        <v>52</v>
      </c>
      <c r="V31364">
        <v>53</v>
      </c>
      <c r="W31364">
        <v>55</v>
      </c>
      <c r="X31364">
        <v>56</v>
      </c>
      <c r="Y31364">
        <v>57</v>
      </c>
      <c r="Z31364">
        <v>59</v>
      </c>
      <c r="AA31364">
        <v>60</v>
      </c>
      <c r="AB31364">
        <v>61</v>
      </c>
      <c r="AC31364">
        <v>63</v>
      </c>
      <c r="AD31364">
        <v>64</v>
      </c>
      <c r="AE31364">
        <v>65</v>
      </c>
      <c r="AF31364">
        <v>66</v>
      </c>
      <c r="AG31364">
        <v>66</v>
      </c>
      <c r="AH31364">
        <v>67</v>
      </c>
      <c r="AI31364">
        <v>67</v>
      </c>
      <c r="AJ31364">
        <v>68</v>
      </c>
      <c r="AK31364">
        <v>69</v>
      </c>
      <c r="AL31364">
        <v>69</v>
      </c>
      <c r="AM31364">
        <v>70</v>
      </c>
      <c r="AN31364">
        <v>70</v>
      </c>
      <c r="AO31364">
        <v>71</v>
      </c>
      <c r="AP31364">
        <v>71</v>
      </c>
      <c r="AQ31364">
        <v>72</v>
      </c>
    </row>
    <row r="31365" spans="1:43">
      <c r="A31365" t="s">
        <v>19431</v>
      </c>
      <c r="B31365" t="s">
        <v>19432</v>
      </c>
      <c r="C31365" t="s">
        <v>19417</v>
      </c>
      <c r="D31365" t="s">
        <v>19418</v>
      </c>
      <c r="E31365" t="s">
        <v>19379</v>
      </c>
      <c r="F31365" t="s">
        <v>19380</v>
      </c>
      <c r="G31365" t="s">
        <v>10734</v>
      </c>
      <c r="H31365" t="s">
        <v>10735</v>
      </c>
      <c r="I31365" s="2">
        <v>0</v>
      </c>
      <c r="J31365" s="2">
        <v>0</v>
      </c>
      <c r="K31365" s="2">
        <v>1</v>
      </c>
      <c r="L31365" t="s">
        <v>995</v>
      </c>
      <c r="M31365" t="s">
        <v>83</v>
      </c>
      <c r="N31365" t="s">
        <v>91</v>
      </c>
      <c r="O31365" t="s">
        <v>85</v>
      </c>
      <c r="P31365" t="s">
        <v>86</v>
      </c>
      <c r="Q31365">
        <v>46</v>
      </c>
      <c r="R31365">
        <v>47</v>
      </c>
      <c r="S31365">
        <v>48</v>
      </c>
      <c r="T31365">
        <v>49</v>
      </c>
      <c r="U31365">
        <v>50</v>
      </c>
      <c r="V31365">
        <v>51</v>
      </c>
      <c r="W31365">
        <v>52</v>
      </c>
      <c r="X31365">
        <v>53</v>
      </c>
      <c r="Y31365">
        <v>54</v>
      </c>
      <c r="Z31365">
        <v>55</v>
      </c>
      <c r="AA31365">
        <v>56</v>
      </c>
      <c r="AB31365">
        <v>58</v>
      </c>
      <c r="AC31365">
        <v>59</v>
      </c>
      <c r="AD31365">
        <v>60</v>
      </c>
      <c r="AE31365">
        <v>61</v>
      </c>
      <c r="AF31365">
        <v>62</v>
      </c>
      <c r="AG31365">
        <v>63</v>
      </c>
      <c r="AH31365">
        <v>64</v>
      </c>
      <c r="AI31365">
        <v>65</v>
      </c>
      <c r="AJ31365">
        <v>66</v>
      </c>
      <c r="AK31365">
        <v>67</v>
      </c>
      <c r="AL31365">
        <v>68</v>
      </c>
      <c r="AM31365">
        <v>69</v>
      </c>
      <c r="AN31365">
        <v>69</v>
      </c>
      <c r="AO31365">
        <v>70</v>
      </c>
      <c r="AP31365">
        <v>70</v>
      </c>
      <c r="AQ31365">
        <v>71</v>
      </c>
    </row>
    <row r="31366" spans="1:43">
      <c r="A31366" t="s">
        <v>19433</v>
      </c>
      <c r="B31366" t="s">
        <v>19434</v>
      </c>
      <c r="C31366" t="s">
        <v>19429</v>
      </c>
      <c r="D31366" t="s">
        <v>19430</v>
      </c>
      <c r="E31366" t="s">
        <v>19379</v>
      </c>
      <c r="F31366" t="s">
        <v>19380</v>
      </c>
      <c r="G31366" t="s">
        <v>10734</v>
      </c>
      <c r="H31366" t="s">
        <v>10735</v>
      </c>
      <c r="I31366" s="2">
        <v>0</v>
      </c>
      <c r="J31366" s="2">
        <v>0</v>
      </c>
      <c r="K31366" s="2">
        <v>1</v>
      </c>
      <c r="L31366" t="s">
        <v>995</v>
      </c>
      <c r="M31366" t="s">
        <v>83</v>
      </c>
      <c r="N31366" t="s">
        <v>84</v>
      </c>
      <c r="O31366" t="s">
        <v>85</v>
      </c>
      <c r="P31366" t="s">
        <v>86</v>
      </c>
      <c r="Q31366">
        <v>88</v>
      </c>
      <c r="R31366">
        <v>90</v>
      </c>
      <c r="S31366">
        <v>92</v>
      </c>
      <c r="T31366">
        <v>94</v>
      </c>
      <c r="U31366">
        <v>96</v>
      </c>
      <c r="V31366">
        <v>99</v>
      </c>
      <c r="W31366">
        <v>101</v>
      </c>
      <c r="X31366">
        <v>103</v>
      </c>
      <c r="Y31366">
        <v>105</v>
      </c>
      <c r="Z31366">
        <v>107</v>
      </c>
      <c r="AA31366">
        <v>109</v>
      </c>
      <c r="AB31366">
        <v>112</v>
      </c>
      <c r="AC31366">
        <v>114</v>
      </c>
      <c r="AD31366">
        <v>116</v>
      </c>
      <c r="AE31366">
        <v>118</v>
      </c>
      <c r="AF31366">
        <v>120</v>
      </c>
      <c r="AG31366">
        <v>122</v>
      </c>
      <c r="AH31366">
        <v>124</v>
      </c>
      <c r="AI31366">
        <v>127</v>
      </c>
      <c r="AJ31366">
        <v>129</v>
      </c>
      <c r="AK31366">
        <v>131</v>
      </c>
      <c r="AL31366">
        <v>132</v>
      </c>
      <c r="AM31366">
        <v>134</v>
      </c>
      <c r="AN31366">
        <v>135</v>
      </c>
      <c r="AO31366">
        <v>136</v>
      </c>
      <c r="AP31366">
        <v>137</v>
      </c>
      <c r="AQ31366">
        <v>138</v>
      </c>
    </row>
    <row r="31367" spans="1:43">
      <c r="A31367" t="s">
        <v>19433</v>
      </c>
      <c r="B31367" t="s">
        <v>19434</v>
      </c>
      <c r="C31367" t="s">
        <v>19429</v>
      </c>
      <c r="D31367" t="s">
        <v>19430</v>
      </c>
      <c r="E31367" t="s">
        <v>19379</v>
      </c>
      <c r="F31367" t="s">
        <v>19380</v>
      </c>
      <c r="G31367" t="s">
        <v>10734</v>
      </c>
      <c r="H31367" t="s">
        <v>10735</v>
      </c>
      <c r="I31367" s="2">
        <v>0</v>
      </c>
      <c r="J31367" s="2">
        <v>0</v>
      </c>
      <c r="K31367" s="2">
        <v>1</v>
      </c>
      <c r="L31367" t="s">
        <v>995</v>
      </c>
      <c r="M31367" t="s">
        <v>87</v>
      </c>
      <c r="N31367" t="s">
        <v>88</v>
      </c>
      <c r="O31367" t="s">
        <v>85</v>
      </c>
      <c r="P31367" t="s">
        <v>86</v>
      </c>
      <c r="Q31367">
        <v>88</v>
      </c>
      <c r="R31367">
        <v>90</v>
      </c>
      <c r="S31367">
        <v>91</v>
      </c>
      <c r="T31367">
        <v>92</v>
      </c>
      <c r="U31367">
        <v>93</v>
      </c>
      <c r="V31367">
        <v>94</v>
      </c>
      <c r="W31367">
        <v>96</v>
      </c>
      <c r="X31367">
        <v>97</v>
      </c>
      <c r="Y31367">
        <v>98</v>
      </c>
      <c r="Z31367">
        <v>99</v>
      </c>
      <c r="AA31367">
        <v>101</v>
      </c>
      <c r="AB31367">
        <v>102</v>
      </c>
      <c r="AC31367">
        <v>103</v>
      </c>
      <c r="AD31367">
        <v>104</v>
      </c>
      <c r="AE31367">
        <v>105</v>
      </c>
      <c r="AF31367">
        <v>107</v>
      </c>
      <c r="AG31367">
        <v>108</v>
      </c>
      <c r="AH31367">
        <v>109</v>
      </c>
      <c r="AI31367">
        <v>110</v>
      </c>
      <c r="AJ31367">
        <v>111</v>
      </c>
      <c r="AK31367">
        <v>112</v>
      </c>
      <c r="AL31367">
        <v>114</v>
      </c>
      <c r="AM31367">
        <v>115</v>
      </c>
      <c r="AN31367">
        <v>116</v>
      </c>
      <c r="AO31367">
        <v>117</v>
      </c>
      <c r="AP31367">
        <v>118</v>
      </c>
      <c r="AQ31367">
        <v>119</v>
      </c>
    </row>
    <row r="31368" spans="1:43">
      <c r="A31368" t="s">
        <v>19433</v>
      </c>
      <c r="B31368" t="s">
        <v>19434</v>
      </c>
      <c r="C31368" t="s">
        <v>19429</v>
      </c>
      <c r="D31368" t="s">
        <v>19430</v>
      </c>
      <c r="E31368" t="s">
        <v>19379</v>
      </c>
      <c r="F31368" t="s">
        <v>19380</v>
      </c>
      <c r="G31368" t="s">
        <v>10734</v>
      </c>
      <c r="H31368" t="s">
        <v>10735</v>
      </c>
      <c r="I31368" s="2">
        <v>0</v>
      </c>
      <c r="J31368" s="2">
        <v>0</v>
      </c>
      <c r="K31368" s="2">
        <v>1</v>
      </c>
      <c r="L31368" t="s">
        <v>995</v>
      </c>
      <c r="M31368" t="s">
        <v>89</v>
      </c>
      <c r="N31368" t="s">
        <v>90</v>
      </c>
      <c r="O31368" t="s">
        <v>85</v>
      </c>
      <c r="P31368" t="s">
        <v>86</v>
      </c>
      <c r="Q31368">
        <v>88</v>
      </c>
      <c r="R31368">
        <v>91</v>
      </c>
      <c r="S31368">
        <v>94</v>
      </c>
      <c r="T31368">
        <v>96</v>
      </c>
      <c r="U31368">
        <v>99</v>
      </c>
      <c r="V31368">
        <v>102</v>
      </c>
      <c r="W31368">
        <v>105</v>
      </c>
      <c r="X31368">
        <v>108</v>
      </c>
      <c r="Y31368">
        <v>110</v>
      </c>
      <c r="Z31368">
        <v>113</v>
      </c>
      <c r="AA31368">
        <v>116</v>
      </c>
      <c r="AB31368">
        <v>118</v>
      </c>
      <c r="AC31368">
        <v>121</v>
      </c>
      <c r="AD31368">
        <v>124</v>
      </c>
      <c r="AE31368">
        <v>126</v>
      </c>
      <c r="AF31368">
        <v>127</v>
      </c>
      <c r="AG31368">
        <v>128</v>
      </c>
      <c r="AH31368">
        <v>129</v>
      </c>
      <c r="AI31368">
        <v>130</v>
      </c>
      <c r="AJ31368">
        <v>132</v>
      </c>
      <c r="AK31368">
        <v>133</v>
      </c>
      <c r="AL31368">
        <v>134</v>
      </c>
      <c r="AM31368">
        <v>135</v>
      </c>
      <c r="AN31368">
        <v>136</v>
      </c>
      <c r="AO31368">
        <v>137</v>
      </c>
      <c r="AP31368">
        <v>138</v>
      </c>
      <c r="AQ31368">
        <v>139</v>
      </c>
    </row>
    <row r="31369" spans="1:43">
      <c r="A31369" t="s">
        <v>19433</v>
      </c>
      <c r="B31369" t="s">
        <v>19434</v>
      </c>
      <c r="C31369" t="s">
        <v>19429</v>
      </c>
      <c r="D31369" t="s">
        <v>19430</v>
      </c>
      <c r="E31369" t="s">
        <v>19379</v>
      </c>
      <c r="F31369" t="s">
        <v>19380</v>
      </c>
      <c r="G31369" t="s">
        <v>10734</v>
      </c>
      <c r="H31369" t="s">
        <v>10735</v>
      </c>
      <c r="I31369" s="2">
        <v>0</v>
      </c>
      <c r="J31369" s="2">
        <v>0</v>
      </c>
      <c r="K31369" s="2">
        <v>1</v>
      </c>
      <c r="L31369" t="s">
        <v>995</v>
      </c>
      <c r="M31369" t="s">
        <v>83</v>
      </c>
      <c r="N31369" t="s">
        <v>91</v>
      </c>
      <c r="O31369" t="s">
        <v>85</v>
      </c>
      <c r="P31369" t="s">
        <v>86</v>
      </c>
      <c r="Q31369">
        <v>88</v>
      </c>
      <c r="R31369">
        <v>90</v>
      </c>
      <c r="S31369">
        <v>92</v>
      </c>
      <c r="T31369">
        <v>94</v>
      </c>
      <c r="U31369">
        <v>96</v>
      </c>
      <c r="V31369">
        <v>99</v>
      </c>
      <c r="W31369">
        <v>101</v>
      </c>
      <c r="X31369">
        <v>103</v>
      </c>
      <c r="Y31369">
        <v>105</v>
      </c>
      <c r="Z31369">
        <v>107</v>
      </c>
      <c r="AA31369">
        <v>109</v>
      </c>
      <c r="AB31369">
        <v>112</v>
      </c>
      <c r="AC31369">
        <v>114</v>
      </c>
      <c r="AD31369">
        <v>116</v>
      </c>
      <c r="AE31369">
        <v>118</v>
      </c>
      <c r="AF31369">
        <v>120</v>
      </c>
      <c r="AG31369">
        <v>122</v>
      </c>
      <c r="AH31369">
        <v>124</v>
      </c>
      <c r="AI31369">
        <v>127</v>
      </c>
      <c r="AJ31369">
        <v>129</v>
      </c>
      <c r="AK31369">
        <v>131</v>
      </c>
      <c r="AL31369">
        <v>132</v>
      </c>
      <c r="AM31369">
        <v>134</v>
      </c>
      <c r="AN31369">
        <v>135</v>
      </c>
      <c r="AO31369">
        <v>136</v>
      </c>
      <c r="AP31369">
        <v>137</v>
      </c>
      <c r="AQ31369">
        <v>138</v>
      </c>
    </row>
    <row r="31370" spans="1:43">
      <c r="A31370" t="s">
        <v>19435</v>
      </c>
      <c r="B31370" t="s">
        <v>19436</v>
      </c>
      <c r="C31370" t="s">
        <v>19437</v>
      </c>
      <c r="D31370" t="s">
        <v>19438</v>
      </c>
      <c r="E31370" t="s">
        <v>19379</v>
      </c>
      <c r="F31370" t="s">
        <v>19380</v>
      </c>
      <c r="G31370" t="s">
        <v>10734</v>
      </c>
      <c r="H31370" t="s">
        <v>10735</v>
      </c>
      <c r="I31370" s="2">
        <v>0</v>
      </c>
      <c r="J31370" s="2">
        <v>0</v>
      </c>
      <c r="K31370" s="2">
        <v>1</v>
      </c>
      <c r="L31370" t="s">
        <v>995</v>
      </c>
      <c r="M31370" t="s">
        <v>83</v>
      </c>
      <c r="N31370" t="s">
        <v>84</v>
      </c>
      <c r="O31370" t="s">
        <v>85</v>
      </c>
      <c r="P31370" t="s">
        <v>86</v>
      </c>
      <c r="Q31370">
        <v>76</v>
      </c>
      <c r="R31370">
        <v>78</v>
      </c>
      <c r="S31370">
        <v>80</v>
      </c>
      <c r="T31370">
        <v>82</v>
      </c>
      <c r="U31370">
        <v>83</v>
      </c>
      <c r="V31370">
        <v>85</v>
      </c>
      <c r="W31370">
        <v>87</v>
      </c>
      <c r="X31370">
        <v>88</v>
      </c>
      <c r="Y31370">
        <v>90</v>
      </c>
      <c r="Z31370">
        <v>92</v>
      </c>
      <c r="AA31370">
        <v>94</v>
      </c>
      <c r="AB31370">
        <v>95</v>
      </c>
      <c r="AC31370">
        <v>97</v>
      </c>
      <c r="AD31370">
        <v>99</v>
      </c>
      <c r="AE31370">
        <v>100</v>
      </c>
      <c r="AF31370">
        <v>102</v>
      </c>
      <c r="AG31370">
        <v>103</v>
      </c>
      <c r="AH31370">
        <v>105</v>
      </c>
      <c r="AI31370">
        <v>107</v>
      </c>
      <c r="AJ31370">
        <v>108</v>
      </c>
      <c r="AK31370">
        <v>110</v>
      </c>
      <c r="AL31370">
        <v>111</v>
      </c>
      <c r="AM31370">
        <v>112</v>
      </c>
      <c r="AN31370">
        <v>112</v>
      </c>
      <c r="AO31370">
        <v>113</v>
      </c>
      <c r="AP31370">
        <v>113</v>
      </c>
      <c r="AQ31370">
        <v>114</v>
      </c>
    </row>
    <row r="31371" spans="1:43">
      <c r="A31371" t="s">
        <v>19435</v>
      </c>
      <c r="B31371" t="s">
        <v>19436</v>
      </c>
      <c r="C31371" t="s">
        <v>19437</v>
      </c>
      <c r="D31371" t="s">
        <v>19438</v>
      </c>
      <c r="E31371" t="s">
        <v>19379</v>
      </c>
      <c r="F31371" t="s">
        <v>19380</v>
      </c>
      <c r="G31371" t="s">
        <v>10734</v>
      </c>
      <c r="H31371" t="s">
        <v>10735</v>
      </c>
      <c r="I31371" s="2">
        <v>0</v>
      </c>
      <c r="J31371" s="2">
        <v>0</v>
      </c>
      <c r="K31371" s="2">
        <v>1</v>
      </c>
      <c r="L31371" t="s">
        <v>995</v>
      </c>
      <c r="M31371" t="s">
        <v>87</v>
      </c>
      <c r="N31371" t="s">
        <v>88</v>
      </c>
      <c r="O31371" t="s">
        <v>85</v>
      </c>
      <c r="P31371" t="s">
        <v>86</v>
      </c>
      <c r="Q31371">
        <v>76</v>
      </c>
      <c r="R31371">
        <v>77</v>
      </c>
      <c r="S31371">
        <v>78</v>
      </c>
      <c r="T31371">
        <v>79</v>
      </c>
      <c r="U31371">
        <v>80</v>
      </c>
      <c r="V31371">
        <v>81</v>
      </c>
      <c r="W31371">
        <v>82</v>
      </c>
      <c r="X31371">
        <v>82</v>
      </c>
      <c r="Y31371">
        <v>83</v>
      </c>
      <c r="Z31371">
        <v>84</v>
      </c>
      <c r="AA31371">
        <v>85</v>
      </c>
      <c r="AB31371">
        <v>86</v>
      </c>
      <c r="AC31371">
        <v>87</v>
      </c>
      <c r="AD31371">
        <v>88</v>
      </c>
      <c r="AE31371">
        <v>89</v>
      </c>
      <c r="AF31371">
        <v>90</v>
      </c>
      <c r="AG31371">
        <v>91</v>
      </c>
      <c r="AH31371">
        <v>92</v>
      </c>
      <c r="AI31371">
        <v>92</v>
      </c>
      <c r="AJ31371">
        <v>93</v>
      </c>
      <c r="AK31371">
        <v>94</v>
      </c>
      <c r="AL31371">
        <v>95</v>
      </c>
      <c r="AM31371">
        <v>96</v>
      </c>
      <c r="AN31371">
        <v>97</v>
      </c>
      <c r="AO31371">
        <v>98</v>
      </c>
      <c r="AP31371">
        <v>98</v>
      </c>
      <c r="AQ31371">
        <v>99</v>
      </c>
    </row>
    <row r="31372" spans="1:43">
      <c r="A31372" t="s">
        <v>19435</v>
      </c>
      <c r="B31372" t="s">
        <v>19436</v>
      </c>
      <c r="C31372" t="s">
        <v>19437</v>
      </c>
      <c r="D31372" t="s">
        <v>19438</v>
      </c>
      <c r="E31372" t="s">
        <v>19379</v>
      </c>
      <c r="F31372" t="s">
        <v>19380</v>
      </c>
      <c r="G31372" t="s">
        <v>10734</v>
      </c>
      <c r="H31372" t="s">
        <v>10735</v>
      </c>
      <c r="I31372" s="2">
        <v>0</v>
      </c>
      <c r="J31372" s="2">
        <v>0</v>
      </c>
      <c r="K31372" s="2">
        <v>1</v>
      </c>
      <c r="L31372" t="s">
        <v>995</v>
      </c>
      <c r="M31372" t="s">
        <v>89</v>
      </c>
      <c r="N31372" t="s">
        <v>90</v>
      </c>
      <c r="O31372" t="s">
        <v>85</v>
      </c>
      <c r="P31372" t="s">
        <v>86</v>
      </c>
      <c r="Q31372">
        <v>76</v>
      </c>
      <c r="R31372">
        <v>79</v>
      </c>
      <c r="S31372">
        <v>81</v>
      </c>
      <c r="T31372">
        <v>83</v>
      </c>
      <c r="U31372">
        <v>86</v>
      </c>
      <c r="V31372">
        <v>88</v>
      </c>
      <c r="W31372">
        <v>90</v>
      </c>
      <c r="X31372">
        <v>92</v>
      </c>
      <c r="Y31372">
        <v>94</v>
      </c>
      <c r="Z31372">
        <v>96</v>
      </c>
      <c r="AA31372">
        <v>98</v>
      </c>
      <c r="AB31372">
        <v>100</v>
      </c>
      <c r="AC31372">
        <v>103</v>
      </c>
      <c r="AD31372">
        <v>105</v>
      </c>
      <c r="AE31372">
        <v>106</v>
      </c>
      <c r="AF31372">
        <v>107</v>
      </c>
      <c r="AG31372">
        <v>108</v>
      </c>
      <c r="AH31372">
        <v>108</v>
      </c>
      <c r="AI31372">
        <v>109</v>
      </c>
      <c r="AJ31372">
        <v>110</v>
      </c>
      <c r="AK31372">
        <v>110</v>
      </c>
      <c r="AL31372">
        <v>111</v>
      </c>
      <c r="AM31372">
        <v>112</v>
      </c>
      <c r="AN31372">
        <v>112</v>
      </c>
      <c r="AO31372">
        <v>113</v>
      </c>
      <c r="AP31372">
        <v>113</v>
      </c>
      <c r="AQ31372">
        <v>114</v>
      </c>
    </row>
    <row r="31373" spans="1:43">
      <c r="A31373" t="s">
        <v>19435</v>
      </c>
      <c r="B31373" t="s">
        <v>19436</v>
      </c>
      <c r="C31373" t="s">
        <v>19437</v>
      </c>
      <c r="D31373" t="s">
        <v>19438</v>
      </c>
      <c r="E31373" t="s">
        <v>19379</v>
      </c>
      <c r="F31373" t="s">
        <v>19380</v>
      </c>
      <c r="G31373" t="s">
        <v>10734</v>
      </c>
      <c r="H31373" t="s">
        <v>10735</v>
      </c>
      <c r="I31373" s="2">
        <v>0</v>
      </c>
      <c r="J31373" s="2">
        <v>0</v>
      </c>
      <c r="K31373" s="2">
        <v>1</v>
      </c>
      <c r="L31373" t="s">
        <v>995</v>
      </c>
      <c r="M31373" t="s">
        <v>83</v>
      </c>
      <c r="N31373" t="s">
        <v>91</v>
      </c>
      <c r="O31373" t="s">
        <v>85</v>
      </c>
      <c r="P31373" t="s">
        <v>86</v>
      </c>
      <c r="Q31373">
        <v>76</v>
      </c>
      <c r="R31373">
        <v>78</v>
      </c>
      <c r="S31373">
        <v>80</v>
      </c>
      <c r="T31373">
        <v>82</v>
      </c>
      <c r="U31373">
        <v>83</v>
      </c>
      <c r="V31373">
        <v>85</v>
      </c>
      <c r="W31373">
        <v>87</v>
      </c>
      <c r="X31373">
        <v>88</v>
      </c>
      <c r="Y31373">
        <v>90</v>
      </c>
      <c r="Z31373">
        <v>92</v>
      </c>
      <c r="AA31373">
        <v>94</v>
      </c>
      <c r="AB31373">
        <v>95</v>
      </c>
      <c r="AC31373">
        <v>97</v>
      </c>
      <c r="AD31373">
        <v>99</v>
      </c>
      <c r="AE31373">
        <v>100</v>
      </c>
      <c r="AF31373">
        <v>102</v>
      </c>
      <c r="AG31373">
        <v>103</v>
      </c>
      <c r="AH31373">
        <v>105</v>
      </c>
      <c r="AI31373">
        <v>107</v>
      </c>
      <c r="AJ31373">
        <v>108</v>
      </c>
      <c r="AK31373">
        <v>110</v>
      </c>
      <c r="AL31373">
        <v>111</v>
      </c>
      <c r="AM31373">
        <v>112</v>
      </c>
      <c r="AN31373">
        <v>112</v>
      </c>
      <c r="AO31373">
        <v>113</v>
      </c>
      <c r="AP31373">
        <v>113</v>
      </c>
      <c r="AQ31373">
        <v>114</v>
      </c>
    </row>
    <row r="31374" spans="1:43">
      <c r="A31374" t="s">
        <v>19439</v>
      </c>
      <c r="B31374" t="s">
        <v>19440</v>
      </c>
      <c r="C31374" t="s">
        <v>19437</v>
      </c>
      <c r="D31374" t="s">
        <v>19438</v>
      </c>
      <c r="E31374" t="s">
        <v>19379</v>
      </c>
      <c r="F31374" t="s">
        <v>19380</v>
      </c>
      <c r="G31374" t="s">
        <v>10734</v>
      </c>
      <c r="H31374" t="s">
        <v>10735</v>
      </c>
      <c r="I31374" s="2">
        <v>0</v>
      </c>
      <c r="J31374" s="2">
        <v>0</v>
      </c>
      <c r="K31374" s="2">
        <v>1</v>
      </c>
      <c r="L31374" t="s">
        <v>995</v>
      </c>
      <c r="M31374" t="s">
        <v>83</v>
      </c>
      <c r="N31374" t="s">
        <v>84</v>
      </c>
      <c r="O31374" t="s">
        <v>85</v>
      </c>
      <c r="P31374" t="s">
        <v>86</v>
      </c>
      <c r="Q31374">
        <v>69</v>
      </c>
      <c r="R31374">
        <v>70</v>
      </c>
      <c r="S31374">
        <v>72</v>
      </c>
      <c r="T31374">
        <v>73</v>
      </c>
      <c r="U31374">
        <v>75</v>
      </c>
      <c r="V31374">
        <v>76</v>
      </c>
      <c r="W31374">
        <v>78</v>
      </c>
      <c r="X31374">
        <v>79</v>
      </c>
      <c r="Y31374">
        <v>81</v>
      </c>
      <c r="Z31374">
        <v>83</v>
      </c>
      <c r="AA31374">
        <v>84</v>
      </c>
      <c r="AB31374">
        <v>86</v>
      </c>
      <c r="AC31374">
        <v>87</v>
      </c>
      <c r="AD31374">
        <v>89</v>
      </c>
      <c r="AE31374">
        <v>90</v>
      </c>
      <c r="AF31374">
        <v>91</v>
      </c>
      <c r="AG31374">
        <v>93</v>
      </c>
      <c r="AH31374">
        <v>94</v>
      </c>
      <c r="AI31374">
        <v>96</v>
      </c>
      <c r="AJ31374">
        <v>97</v>
      </c>
      <c r="AK31374">
        <v>99</v>
      </c>
      <c r="AL31374">
        <v>100</v>
      </c>
      <c r="AM31374">
        <v>100</v>
      </c>
      <c r="AN31374">
        <v>101</v>
      </c>
      <c r="AO31374">
        <v>101</v>
      </c>
      <c r="AP31374">
        <v>102</v>
      </c>
      <c r="AQ31374">
        <v>102</v>
      </c>
    </row>
    <row r="31375" spans="1:43">
      <c r="A31375" t="s">
        <v>19439</v>
      </c>
      <c r="B31375" t="s">
        <v>19440</v>
      </c>
      <c r="C31375" t="s">
        <v>19437</v>
      </c>
      <c r="D31375" t="s">
        <v>19438</v>
      </c>
      <c r="E31375" t="s">
        <v>19379</v>
      </c>
      <c r="F31375" t="s">
        <v>19380</v>
      </c>
      <c r="G31375" t="s">
        <v>10734</v>
      </c>
      <c r="H31375" t="s">
        <v>10735</v>
      </c>
      <c r="I31375" s="2">
        <v>0</v>
      </c>
      <c r="J31375" s="2">
        <v>0</v>
      </c>
      <c r="K31375" s="2">
        <v>1</v>
      </c>
      <c r="L31375" t="s">
        <v>995</v>
      </c>
      <c r="M31375" t="s">
        <v>87</v>
      </c>
      <c r="N31375" t="s">
        <v>88</v>
      </c>
      <c r="O31375" t="s">
        <v>85</v>
      </c>
      <c r="P31375" t="s">
        <v>86</v>
      </c>
      <c r="Q31375">
        <v>69</v>
      </c>
      <c r="R31375">
        <v>70</v>
      </c>
      <c r="S31375">
        <v>71</v>
      </c>
      <c r="T31375">
        <v>72</v>
      </c>
      <c r="U31375">
        <v>72</v>
      </c>
      <c r="V31375">
        <v>73</v>
      </c>
      <c r="W31375">
        <v>74</v>
      </c>
      <c r="X31375">
        <v>75</v>
      </c>
      <c r="Y31375">
        <v>76</v>
      </c>
      <c r="Z31375">
        <v>77</v>
      </c>
      <c r="AA31375">
        <v>78</v>
      </c>
      <c r="AB31375">
        <v>78</v>
      </c>
      <c r="AC31375">
        <v>79</v>
      </c>
      <c r="AD31375">
        <v>80</v>
      </c>
      <c r="AE31375">
        <v>81</v>
      </c>
      <c r="AF31375">
        <v>82</v>
      </c>
      <c r="AG31375">
        <v>83</v>
      </c>
      <c r="AH31375">
        <v>83</v>
      </c>
      <c r="AI31375">
        <v>84</v>
      </c>
      <c r="AJ31375">
        <v>85</v>
      </c>
      <c r="AK31375">
        <v>86</v>
      </c>
      <c r="AL31375">
        <v>86</v>
      </c>
      <c r="AM31375">
        <v>87</v>
      </c>
      <c r="AN31375">
        <v>88</v>
      </c>
      <c r="AO31375">
        <v>89</v>
      </c>
      <c r="AP31375">
        <v>89</v>
      </c>
      <c r="AQ31375">
        <v>90</v>
      </c>
    </row>
    <row r="31376" spans="1:43">
      <c r="A31376" t="s">
        <v>19439</v>
      </c>
      <c r="B31376" t="s">
        <v>19440</v>
      </c>
      <c r="C31376" t="s">
        <v>19437</v>
      </c>
      <c r="D31376" t="s">
        <v>19438</v>
      </c>
      <c r="E31376" t="s">
        <v>19379</v>
      </c>
      <c r="F31376" t="s">
        <v>19380</v>
      </c>
      <c r="G31376" t="s">
        <v>10734</v>
      </c>
      <c r="H31376" t="s">
        <v>10735</v>
      </c>
      <c r="I31376" s="2">
        <v>0</v>
      </c>
      <c r="J31376" s="2">
        <v>0</v>
      </c>
      <c r="K31376" s="2">
        <v>1</v>
      </c>
      <c r="L31376" t="s">
        <v>995</v>
      </c>
      <c r="M31376" t="s">
        <v>89</v>
      </c>
      <c r="N31376" t="s">
        <v>90</v>
      </c>
      <c r="O31376" t="s">
        <v>85</v>
      </c>
      <c r="P31376" t="s">
        <v>86</v>
      </c>
      <c r="Q31376">
        <v>69</v>
      </c>
      <c r="R31376">
        <v>71</v>
      </c>
      <c r="S31376">
        <v>74</v>
      </c>
      <c r="T31376">
        <v>76</v>
      </c>
      <c r="U31376">
        <v>78</v>
      </c>
      <c r="V31376">
        <v>80</v>
      </c>
      <c r="W31376">
        <v>82</v>
      </c>
      <c r="X31376">
        <v>84</v>
      </c>
      <c r="Y31376">
        <v>86</v>
      </c>
      <c r="Z31376">
        <v>88</v>
      </c>
      <c r="AA31376">
        <v>89</v>
      </c>
      <c r="AB31376">
        <v>91</v>
      </c>
      <c r="AC31376">
        <v>93</v>
      </c>
      <c r="AD31376">
        <v>95</v>
      </c>
      <c r="AE31376">
        <v>96</v>
      </c>
      <c r="AF31376">
        <v>97</v>
      </c>
      <c r="AG31376">
        <v>98</v>
      </c>
      <c r="AH31376">
        <v>98</v>
      </c>
      <c r="AI31376">
        <v>99</v>
      </c>
      <c r="AJ31376">
        <v>99</v>
      </c>
      <c r="AK31376">
        <v>100</v>
      </c>
      <c r="AL31376">
        <v>101</v>
      </c>
      <c r="AM31376">
        <v>101</v>
      </c>
      <c r="AN31376">
        <v>102</v>
      </c>
      <c r="AO31376">
        <v>102</v>
      </c>
      <c r="AP31376">
        <v>103</v>
      </c>
      <c r="AQ31376">
        <v>103</v>
      </c>
    </row>
    <row r="31377" spans="1:43">
      <c r="A31377" t="s">
        <v>19439</v>
      </c>
      <c r="B31377" t="s">
        <v>19440</v>
      </c>
      <c r="C31377" t="s">
        <v>19437</v>
      </c>
      <c r="D31377" t="s">
        <v>19438</v>
      </c>
      <c r="E31377" t="s">
        <v>19379</v>
      </c>
      <c r="F31377" t="s">
        <v>19380</v>
      </c>
      <c r="G31377" t="s">
        <v>10734</v>
      </c>
      <c r="H31377" t="s">
        <v>10735</v>
      </c>
      <c r="I31377" s="2">
        <v>0</v>
      </c>
      <c r="J31377" s="2">
        <v>0</v>
      </c>
      <c r="K31377" s="2">
        <v>1</v>
      </c>
      <c r="L31377" t="s">
        <v>995</v>
      </c>
      <c r="M31377" t="s">
        <v>83</v>
      </c>
      <c r="N31377" t="s">
        <v>91</v>
      </c>
      <c r="O31377" t="s">
        <v>85</v>
      </c>
      <c r="P31377" t="s">
        <v>86</v>
      </c>
      <c r="Q31377">
        <v>69</v>
      </c>
      <c r="R31377">
        <v>70</v>
      </c>
      <c r="S31377">
        <v>72</v>
      </c>
      <c r="T31377">
        <v>73</v>
      </c>
      <c r="U31377">
        <v>75</v>
      </c>
      <c r="V31377">
        <v>76</v>
      </c>
      <c r="W31377">
        <v>78</v>
      </c>
      <c r="X31377">
        <v>79</v>
      </c>
      <c r="Y31377">
        <v>81</v>
      </c>
      <c r="Z31377">
        <v>83</v>
      </c>
      <c r="AA31377">
        <v>84</v>
      </c>
      <c r="AB31377">
        <v>86</v>
      </c>
      <c r="AC31377">
        <v>87</v>
      </c>
      <c r="AD31377">
        <v>89</v>
      </c>
      <c r="AE31377">
        <v>90</v>
      </c>
      <c r="AF31377">
        <v>91</v>
      </c>
      <c r="AG31377">
        <v>93</v>
      </c>
      <c r="AH31377">
        <v>94</v>
      </c>
      <c r="AI31377">
        <v>96</v>
      </c>
      <c r="AJ31377">
        <v>97</v>
      </c>
      <c r="AK31377">
        <v>99</v>
      </c>
      <c r="AL31377">
        <v>100</v>
      </c>
      <c r="AM31377">
        <v>100</v>
      </c>
      <c r="AN31377">
        <v>101</v>
      </c>
      <c r="AO31377">
        <v>101</v>
      </c>
      <c r="AP31377">
        <v>102</v>
      </c>
      <c r="AQ31377">
        <v>102</v>
      </c>
    </row>
    <row r="31378" spans="1:43">
      <c r="A31378" t="s">
        <v>19441</v>
      </c>
      <c r="B31378" t="s">
        <v>19442</v>
      </c>
      <c r="C31378" t="s">
        <v>19437</v>
      </c>
      <c r="D31378" t="s">
        <v>19438</v>
      </c>
      <c r="E31378" t="s">
        <v>19379</v>
      </c>
      <c r="F31378" t="s">
        <v>19380</v>
      </c>
      <c r="G31378" t="s">
        <v>10734</v>
      </c>
      <c r="H31378" t="s">
        <v>10735</v>
      </c>
      <c r="I31378" s="2">
        <v>0</v>
      </c>
      <c r="J31378" s="2">
        <v>0</v>
      </c>
      <c r="K31378" s="2">
        <v>1</v>
      </c>
      <c r="L31378" t="s">
        <v>995</v>
      </c>
      <c r="M31378" t="s">
        <v>83</v>
      </c>
      <c r="N31378" t="s">
        <v>84</v>
      </c>
      <c r="O31378" t="s">
        <v>85</v>
      </c>
      <c r="P31378" t="s">
        <v>86</v>
      </c>
      <c r="Q31378">
        <v>73</v>
      </c>
      <c r="R31378">
        <v>74</v>
      </c>
      <c r="S31378">
        <v>75</v>
      </c>
      <c r="T31378">
        <v>76</v>
      </c>
      <c r="U31378">
        <v>77</v>
      </c>
      <c r="V31378">
        <v>78</v>
      </c>
      <c r="W31378">
        <v>79</v>
      </c>
      <c r="X31378">
        <v>80</v>
      </c>
      <c r="Y31378">
        <v>81</v>
      </c>
      <c r="Z31378">
        <v>82</v>
      </c>
      <c r="AA31378">
        <v>83</v>
      </c>
      <c r="AB31378">
        <v>84</v>
      </c>
      <c r="AC31378">
        <v>85</v>
      </c>
      <c r="AD31378">
        <v>86</v>
      </c>
      <c r="AE31378">
        <v>87</v>
      </c>
      <c r="AF31378">
        <v>88</v>
      </c>
      <c r="AG31378">
        <v>89</v>
      </c>
      <c r="AH31378">
        <v>89</v>
      </c>
      <c r="AI31378">
        <v>90</v>
      </c>
      <c r="AJ31378">
        <v>91</v>
      </c>
      <c r="AK31378">
        <v>92</v>
      </c>
      <c r="AL31378">
        <v>92</v>
      </c>
      <c r="AM31378">
        <v>92</v>
      </c>
      <c r="AN31378">
        <v>92</v>
      </c>
      <c r="AO31378">
        <v>92</v>
      </c>
      <c r="AP31378">
        <v>92</v>
      </c>
      <c r="AQ31378">
        <v>93</v>
      </c>
    </row>
    <row r="31379" spans="1:43">
      <c r="A31379" t="s">
        <v>19441</v>
      </c>
      <c r="B31379" t="s">
        <v>19442</v>
      </c>
      <c r="C31379" t="s">
        <v>19437</v>
      </c>
      <c r="D31379" t="s">
        <v>19438</v>
      </c>
      <c r="E31379" t="s">
        <v>19379</v>
      </c>
      <c r="F31379" t="s">
        <v>19380</v>
      </c>
      <c r="G31379" t="s">
        <v>10734</v>
      </c>
      <c r="H31379" t="s">
        <v>10735</v>
      </c>
      <c r="I31379" s="2">
        <v>0</v>
      </c>
      <c r="J31379" s="2">
        <v>0</v>
      </c>
      <c r="K31379" s="2">
        <v>1</v>
      </c>
      <c r="L31379" t="s">
        <v>995</v>
      </c>
      <c r="M31379" t="s">
        <v>87</v>
      </c>
      <c r="N31379" t="s">
        <v>88</v>
      </c>
      <c r="O31379" t="s">
        <v>85</v>
      </c>
      <c r="P31379" t="s">
        <v>86</v>
      </c>
      <c r="Q31379">
        <v>73</v>
      </c>
      <c r="R31379">
        <v>73</v>
      </c>
      <c r="S31379">
        <v>73</v>
      </c>
      <c r="T31379">
        <v>74</v>
      </c>
      <c r="U31379">
        <v>74</v>
      </c>
      <c r="V31379">
        <v>74</v>
      </c>
      <c r="W31379">
        <v>75</v>
      </c>
      <c r="X31379">
        <v>75</v>
      </c>
      <c r="Y31379">
        <v>75</v>
      </c>
      <c r="Z31379">
        <v>76</v>
      </c>
      <c r="AA31379">
        <v>76</v>
      </c>
      <c r="AB31379">
        <v>76</v>
      </c>
      <c r="AC31379">
        <v>77</v>
      </c>
      <c r="AD31379">
        <v>77</v>
      </c>
      <c r="AE31379">
        <v>77</v>
      </c>
      <c r="AF31379">
        <v>77</v>
      </c>
      <c r="AG31379">
        <v>78</v>
      </c>
      <c r="AH31379">
        <v>78</v>
      </c>
      <c r="AI31379">
        <v>78</v>
      </c>
      <c r="AJ31379">
        <v>79</v>
      </c>
      <c r="AK31379">
        <v>79</v>
      </c>
      <c r="AL31379">
        <v>79</v>
      </c>
      <c r="AM31379">
        <v>79</v>
      </c>
      <c r="AN31379">
        <v>80</v>
      </c>
      <c r="AO31379">
        <v>80</v>
      </c>
      <c r="AP31379">
        <v>80</v>
      </c>
      <c r="AQ31379">
        <v>81</v>
      </c>
    </row>
    <row r="31380" spans="1:43">
      <c r="A31380" t="s">
        <v>19441</v>
      </c>
      <c r="B31380" t="s">
        <v>19442</v>
      </c>
      <c r="C31380" t="s">
        <v>19437</v>
      </c>
      <c r="D31380" t="s">
        <v>19438</v>
      </c>
      <c r="E31380" t="s">
        <v>19379</v>
      </c>
      <c r="F31380" t="s">
        <v>19380</v>
      </c>
      <c r="G31380" t="s">
        <v>10734</v>
      </c>
      <c r="H31380" t="s">
        <v>10735</v>
      </c>
      <c r="I31380" s="2">
        <v>0</v>
      </c>
      <c r="J31380" s="2">
        <v>0</v>
      </c>
      <c r="K31380" s="2">
        <v>1</v>
      </c>
      <c r="L31380" t="s">
        <v>995</v>
      </c>
      <c r="M31380" t="s">
        <v>89</v>
      </c>
      <c r="N31380" t="s">
        <v>90</v>
      </c>
      <c r="O31380" t="s">
        <v>85</v>
      </c>
      <c r="P31380" t="s">
        <v>86</v>
      </c>
      <c r="Q31380">
        <v>73</v>
      </c>
      <c r="R31380">
        <v>75</v>
      </c>
      <c r="S31380">
        <v>76</v>
      </c>
      <c r="T31380">
        <v>78</v>
      </c>
      <c r="U31380">
        <v>80</v>
      </c>
      <c r="V31380">
        <v>81</v>
      </c>
      <c r="W31380">
        <v>83</v>
      </c>
      <c r="X31380">
        <v>84</v>
      </c>
      <c r="Y31380">
        <v>85</v>
      </c>
      <c r="Z31380">
        <v>86</v>
      </c>
      <c r="AA31380">
        <v>87</v>
      </c>
      <c r="AB31380">
        <v>89</v>
      </c>
      <c r="AC31380">
        <v>90</v>
      </c>
      <c r="AD31380">
        <v>91</v>
      </c>
      <c r="AE31380">
        <v>92</v>
      </c>
      <c r="AF31380">
        <v>92</v>
      </c>
      <c r="AG31380">
        <v>92</v>
      </c>
      <c r="AH31380">
        <v>92</v>
      </c>
      <c r="AI31380">
        <v>92</v>
      </c>
      <c r="AJ31380">
        <v>92</v>
      </c>
      <c r="AK31380">
        <v>92</v>
      </c>
      <c r="AL31380">
        <v>92</v>
      </c>
      <c r="AM31380">
        <v>92</v>
      </c>
      <c r="AN31380">
        <v>92</v>
      </c>
      <c r="AO31380">
        <v>92</v>
      </c>
      <c r="AP31380">
        <v>92</v>
      </c>
      <c r="AQ31380">
        <v>92</v>
      </c>
    </row>
    <row r="31381" spans="1:43">
      <c r="A31381" t="s">
        <v>19441</v>
      </c>
      <c r="B31381" t="s">
        <v>19442</v>
      </c>
      <c r="C31381" t="s">
        <v>19437</v>
      </c>
      <c r="D31381" t="s">
        <v>19438</v>
      </c>
      <c r="E31381" t="s">
        <v>19379</v>
      </c>
      <c r="F31381" t="s">
        <v>19380</v>
      </c>
      <c r="G31381" t="s">
        <v>10734</v>
      </c>
      <c r="H31381" t="s">
        <v>10735</v>
      </c>
      <c r="I31381" s="2">
        <v>0</v>
      </c>
      <c r="J31381" s="2">
        <v>0</v>
      </c>
      <c r="K31381" s="2">
        <v>1</v>
      </c>
      <c r="L31381" t="s">
        <v>995</v>
      </c>
      <c r="M31381" t="s">
        <v>83</v>
      </c>
      <c r="N31381" t="s">
        <v>91</v>
      </c>
      <c r="O31381" t="s">
        <v>85</v>
      </c>
      <c r="P31381" t="s">
        <v>86</v>
      </c>
      <c r="Q31381">
        <v>73</v>
      </c>
      <c r="R31381">
        <v>74</v>
      </c>
      <c r="S31381">
        <v>75</v>
      </c>
      <c r="T31381">
        <v>76</v>
      </c>
      <c r="U31381">
        <v>77</v>
      </c>
      <c r="V31381">
        <v>78</v>
      </c>
      <c r="W31381">
        <v>79</v>
      </c>
      <c r="X31381">
        <v>80</v>
      </c>
      <c r="Y31381">
        <v>81</v>
      </c>
      <c r="Z31381">
        <v>82</v>
      </c>
      <c r="AA31381">
        <v>83</v>
      </c>
      <c r="AB31381">
        <v>84</v>
      </c>
      <c r="AC31381">
        <v>85</v>
      </c>
      <c r="AD31381">
        <v>86</v>
      </c>
      <c r="AE31381">
        <v>87</v>
      </c>
      <c r="AF31381">
        <v>88</v>
      </c>
      <c r="AG31381">
        <v>89</v>
      </c>
      <c r="AH31381">
        <v>89</v>
      </c>
      <c r="AI31381">
        <v>90</v>
      </c>
      <c r="AJ31381">
        <v>91</v>
      </c>
      <c r="AK31381">
        <v>92</v>
      </c>
      <c r="AL31381">
        <v>92</v>
      </c>
      <c r="AM31381">
        <v>92</v>
      </c>
      <c r="AN31381">
        <v>92</v>
      </c>
      <c r="AO31381">
        <v>92</v>
      </c>
      <c r="AP31381">
        <v>92</v>
      </c>
      <c r="AQ31381">
        <v>93</v>
      </c>
    </row>
    <row r="31382" spans="1:43">
      <c r="A31382" t="s">
        <v>19443</v>
      </c>
      <c r="B31382" t="s">
        <v>19444</v>
      </c>
      <c r="C31382" t="s">
        <v>19445</v>
      </c>
      <c r="D31382" t="s">
        <v>19446</v>
      </c>
      <c r="E31382" t="s">
        <v>19379</v>
      </c>
      <c r="F31382" t="s">
        <v>19380</v>
      </c>
      <c r="G31382" t="s">
        <v>10734</v>
      </c>
      <c r="H31382" t="s">
        <v>10735</v>
      </c>
      <c r="I31382" s="2">
        <v>0</v>
      </c>
      <c r="J31382" s="2">
        <v>0</v>
      </c>
      <c r="K31382" s="2">
        <v>1</v>
      </c>
      <c r="L31382" t="s">
        <v>995</v>
      </c>
      <c r="M31382" t="s">
        <v>83</v>
      </c>
      <c r="N31382" t="s">
        <v>84</v>
      </c>
      <c r="O31382" t="s">
        <v>85</v>
      </c>
      <c r="P31382" t="s">
        <v>86</v>
      </c>
      <c r="Q31382">
        <v>40</v>
      </c>
      <c r="R31382">
        <v>40</v>
      </c>
      <c r="S31382">
        <v>41</v>
      </c>
      <c r="T31382">
        <v>42</v>
      </c>
      <c r="U31382">
        <v>43</v>
      </c>
      <c r="V31382">
        <v>44</v>
      </c>
      <c r="W31382">
        <v>45</v>
      </c>
      <c r="X31382">
        <v>46</v>
      </c>
      <c r="Y31382">
        <v>47</v>
      </c>
      <c r="Z31382">
        <v>48</v>
      </c>
      <c r="AA31382">
        <v>48</v>
      </c>
      <c r="AB31382">
        <v>49</v>
      </c>
      <c r="AC31382">
        <v>50</v>
      </c>
      <c r="AD31382">
        <v>51</v>
      </c>
      <c r="AE31382">
        <v>52</v>
      </c>
      <c r="AF31382">
        <v>53</v>
      </c>
      <c r="AG31382">
        <v>54</v>
      </c>
      <c r="AH31382">
        <v>54</v>
      </c>
      <c r="AI31382">
        <v>55</v>
      </c>
      <c r="AJ31382">
        <v>56</v>
      </c>
      <c r="AK31382">
        <v>57</v>
      </c>
      <c r="AL31382">
        <v>57</v>
      </c>
      <c r="AM31382">
        <v>58</v>
      </c>
      <c r="AN31382">
        <v>58</v>
      </c>
      <c r="AO31382">
        <v>58</v>
      </c>
      <c r="AP31382">
        <v>59</v>
      </c>
      <c r="AQ31382">
        <v>59</v>
      </c>
    </row>
    <row r="31383" spans="1:43">
      <c r="A31383" t="s">
        <v>19443</v>
      </c>
      <c r="B31383" t="s">
        <v>19444</v>
      </c>
      <c r="C31383" t="s">
        <v>19445</v>
      </c>
      <c r="D31383" t="s">
        <v>19446</v>
      </c>
      <c r="E31383" t="s">
        <v>19379</v>
      </c>
      <c r="F31383" t="s">
        <v>19380</v>
      </c>
      <c r="G31383" t="s">
        <v>10734</v>
      </c>
      <c r="H31383" t="s">
        <v>10735</v>
      </c>
      <c r="I31383" s="2">
        <v>0</v>
      </c>
      <c r="J31383" s="2">
        <v>0</v>
      </c>
      <c r="K31383" s="2">
        <v>1</v>
      </c>
      <c r="L31383" t="s">
        <v>995</v>
      </c>
      <c r="M31383" t="s">
        <v>87</v>
      </c>
      <c r="N31383" t="s">
        <v>88</v>
      </c>
      <c r="O31383" t="s">
        <v>85</v>
      </c>
      <c r="P31383" t="s">
        <v>86</v>
      </c>
      <c r="Q31383">
        <v>40</v>
      </c>
      <c r="R31383">
        <v>41</v>
      </c>
      <c r="S31383">
        <v>41</v>
      </c>
      <c r="T31383">
        <v>42</v>
      </c>
      <c r="U31383">
        <v>42</v>
      </c>
      <c r="V31383">
        <v>43</v>
      </c>
      <c r="W31383">
        <v>43</v>
      </c>
      <c r="X31383">
        <v>44</v>
      </c>
      <c r="Y31383">
        <v>44</v>
      </c>
      <c r="Z31383">
        <v>45</v>
      </c>
      <c r="AA31383">
        <v>45</v>
      </c>
      <c r="AB31383">
        <v>46</v>
      </c>
      <c r="AC31383">
        <v>46</v>
      </c>
      <c r="AD31383">
        <v>47</v>
      </c>
      <c r="AE31383">
        <v>47</v>
      </c>
      <c r="AF31383">
        <v>48</v>
      </c>
      <c r="AG31383">
        <v>48</v>
      </c>
      <c r="AH31383">
        <v>48</v>
      </c>
      <c r="AI31383">
        <v>49</v>
      </c>
      <c r="AJ31383">
        <v>49</v>
      </c>
      <c r="AK31383">
        <v>50</v>
      </c>
      <c r="AL31383">
        <v>50</v>
      </c>
      <c r="AM31383">
        <v>51</v>
      </c>
      <c r="AN31383">
        <v>51</v>
      </c>
      <c r="AO31383">
        <v>52</v>
      </c>
      <c r="AP31383">
        <v>52</v>
      </c>
      <c r="AQ31383">
        <v>52</v>
      </c>
    </row>
    <row r="31384" spans="1:43">
      <c r="A31384" t="s">
        <v>19443</v>
      </c>
      <c r="B31384" t="s">
        <v>19444</v>
      </c>
      <c r="C31384" t="s">
        <v>19445</v>
      </c>
      <c r="D31384" t="s">
        <v>19446</v>
      </c>
      <c r="E31384" t="s">
        <v>19379</v>
      </c>
      <c r="F31384" t="s">
        <v>19380</v>
      </c>
      <c r="G31384" t="s">
        <v>10734</v>
      </c>
      <c r="H31384" t="s">
        <v>10735</v>
      </c>
      <c r="I31384" s="2">
        <v>0</v>
      </c>
      <c r="J31384" s="2">
        <v>0</v>
      </c>
      <c r="K31384" s="2">
        <v>1</v>
      </c>
      <c r="L31384" t="s">
        <v>995</v>
      </c>
      <c r="M31384" t="s">
        <v>89</v>
      </c>
      <c r="N31384" t="s">
        <v>90</v>
      </c>
      <c r="O31384" t="s">
        <v>85</v>
      </c>
      <c r="P31384" t="s">
        <v>86</v>
      </c>
      <c r="Q31384">
        <v>40</v>
      </c>
      <c r="R31384">
        <v>41</v>
      </c>
      <c r="S31384">
        <v>42</v>
      </c>
      <c r="T31384">
        <v>44</v>
      </c>
      <c r="U31384">
        <v>45</v>
      </c>
      <c r="V31384">
        <v>46</v>
      </c>
      <c r="W31384">
        <v>47</v>
      </c>
      <c r="X31384">
        <v>48</v>
      </c>
      <c r="Y31384">
        <v>49</v>
      </c>
      <c r="Z31384">
        <v>50</v>
      </c>
      <c r="AA31384">
        <v>51</v>
      </c>
      <c r="AB31384">
        <v>53</v>
      </c>
      <c r="AC31384">
        <v>54</v>
      </c>
      <c r="AD31384">
        <v>55</v>
      </c>
      <c r="AE31384">
        <v>55</v>
      </c>
      <c r="AF31384">
        <v>56</v>
      </c>
      <c r="AG31384">
        <v>56</v>
      </c>
      <c r="AH31384">
        <v>57</v>
      </c>
      <c r="AI31384">
        <v>57</v>
      </c>
      <c r="AJ31384">
        <v>57</v>
      </c>
      <c r="AK31384">
        <v>58</v>
      </c>
      <c r="AL31384">
        <v>58</v>
      </c>
      <c r="AM31384">
        <v>58</v>
      </c>
      <c r="AN31384">
        <v>59</v>
      </c>
      <c r="AO31384">
        <v>59</v>
      </c>
      <c r="AP31384">
        <v>59</v>
      </c>
      <c r="AQ31384">
        <v>60</v>
      </c>
    </row>
    <row r="31385" spans="1:43">
      <c r="A31385" t="s">
        <v>19443</v>
      </c>
      <c r="B31385" t="s">
        <v>19444</v>
      </c>
      <c r="C31385" t="s">
        <v>19445</v>
      </c>
      <c r="D31385" t="s">
        <v>19446</v>
      </c>
      <c r="E31385" t="s">
        <v>19379</v>
      </c>
      <c r="F31385" t="s">
        <v>19380</v>
      </c>
      <c r="G31385" t="s">
        <v>10734</v>
      </c>
      <c r="H31385" t="s">
        <v>10735</v>
      </c>
      <c r="I31385" s="2">
        <v>0</v>
      </c>
      <c r="J31385" s="2">
        <v>0</v>
      </c>
      <c r="K31385" s="2">
        <v>1</v>
      </c>
      <c r="L31385" t="s">
        <v>995</v>
      </c>
      <c r="M31385" t="s">
        <v>83</v>
      </c>
      <c r="N31385" t="s">
        <v>91</v>
      </c>
      <c r="O31385" t="s">
        <v>85</v>
      </c>
      <c r="P31385" t="s">
        <v>86</v>
      </c>
      <c r="Q31385">
        <v>40</v>
      </c>
      <c r="R31385">
        <v>40</v>
      </c>
      <c r="S31385">
        <v>41</v>
      </c>
      <c r="T31385">
        <v>42</v>
      </c>
      <c r="U31385">
        <v>43</v>
      </c>
      <c r="V31385">
        <v>44</v>
      </c>
      <c r="W31385">
        <v>45</v>
      </c>
      <c r="X31385">
        <v>46</v>
      </c>
      <c r="Y31385">
        <v>47</v>
      </c>
      <c r="Z31385">
        <v>48</v>
      </c>
      <c r="AA31385">
        <v>48</v>
      </c>
      <c r="AB31385">
        <v>49</v>
      </c>
      <c r="AC31385">
        <v>50</v>
      </c>
      <c r="AD31385">
        <v>51</v>
      </c>
      <c r="AE31385">
        <v>52</v>
      </c>
      <c r="AF31385">
        <v>53</v>
      </c>
      <c r="AG31385">
        <v>54</v>
      </c>
      <c r="AH31385">
        <v>54</v>
      </c>
      <c r="AI31385">
        <v>55</v>
      </c>
      <c r="AJ31385">
        <v>56</v>
      </c>
      <c r="AK31385">
        <v>57</v>
      </c>
      <c r="AL31385">
        <v>57</v>
      </c>
      <c r="AM31385">
        <v>58</v>
      </c>
      <c r="AN31385">
        <v>58</v>
      </c>
      <c r="AO31385">
        <v>58</v>
      </c>
      <c r="AP31385">
        <v>59</v>
      </c>
      <c r="AQ31385">
        <v>59</v>
      </c>
    </row>
    <row r="31386" spans="1:43">
      <c r="A31386" t="s">
        <v>19447</v>
      </c>
      <c r="B31386" t="s">
        <v>19448</v>
      </c>
      <c r="C31386" t="s">
        <v>19445</v>
      </c>
      <c r="D31386" t="s">
        <v>19446</v>
      </c>
      <c r="E31386" t="s">
        <v>19379</v>
      </c>
      <c r="F31386" t="s">
        <v>19380</v>
      </c>
      <c r="G31386" t="s">
        <v>10734</v>
      </c>
      <c r="H31386" t="s">
        <v>10735</v>
      </c>
      <c r="I31386" s="2">
        <v>0</v>
      </c>
      <c r="J31386" s="2">
        <v>0</v>
      </c>
      <c r="K31386" s="2">
        <v>1</v>
      </c>
      <c r="L31386" t="s">
        <v>995</v>
      </c>
      <c r="M31386" t="s">
        <v>83</v>
      </c>
      <c r="N31386" t="s">
        <v>84</v>
      </c>
      <c r="O31386" t="s">
        <v>85</v>
      </c>
      <c r="P31386" t="s">
        <v>86</v>
      </c>
      <c r="Q31386">
        <v>30</v>
      </c>
      <c r="R31386">
        <v>31</v>
      </c>
      <c r="S31386">
        <v>32</v>
      </c>
      <c r="T31386">
        <v>32</v>
      </c>
      <c r="U31386">
        <v>33</v>
      </c>
      <c r="V31386">
        <v>34</v>
      </c>
      <c r="W31386">
        <v>34</v>
      </c>
      <c r="X31386">
        <v>35</v>
      </c>
      <c r="Y31386">
        <v>36</v>
      </c>
      <c r="Z31386">
        <v>37</v>
      </c>
      <c r="AA31386">
        <v>37</v>
      </c>
      <c r="AB31386">
        <v>38</v>
      </c>
      <c r="AC31386">
        <v>39</v>
      </c>
      <c r="AD31386">
        <v>39</v>
      </c>
      <c r="AE31386">
        <v>40</v>
      </c>
      <c r="AF31386">
        <v>41</v>
      </c>
      <c r="AG31386">
        <v>41</v>
      </c>
      <c r="AH31386">
        <v>42</v>
      </c>
      <c r="AI31386">
        <v>43</v>
      </c>
      <c r="AJ31386">
        <v>44</v>
      </c>
      <c r="AK31386">
        <v>44</v>
      </c>
      <c r="AL31386">
        <v>45</v>
      </c>
      <c r="AM31386">
        <v>45</v>
      </c>
      <c r="AN31386">
        <v>45</v>
      </c>
      <c r="AO31386">
        <v>46</v>
      </c>
      <c r="AP31386">
        <v>46</v>
      </c>
      <c r="AQ31386">
        <v>46</v>
      </c>
    </row>
    <row r="31387" spans="1:43">
      <c r="A31387" t="s">
        <v>19447</v>
      </c>
      <c r="B31387" t="s">
        <v>19448</v>
      </c>
      <c r="C31387" t="s">
        <v>19445</v>
      </c>
      <c r="D31387" t="s">
        <v>19446</v>
      </c>
      <c r="E31387" t="s">
        <v>19379</v>
      </c>
      <c r="F31387" t="s">
        <v>19380</v>
      </c>
      <c r="G31387" t="s">
        <v>10734</v>
      </c>
      <c r="H31387" t="s">
        <v>10735</v>
      </c>
      <c r="I31387" s="2">
        <v>0</v>
      </c>
      <c r="J31387" s="2">
        <v>0</v>
      </c>
      <c r="K31387" s="2">
        <v>1</v>
      </c>
      <c r="L31387" t="s">
        <v>995</v>
      </c>
      <c r="M31387" t="s">
        <v>87</v>
      </c>
      <c r="N31387" t="s">
        <v>88</v>
      </c>
      <c r="O31387" t="s">
        <v>85</v>
      </c>
      <c r="P31387" t="s">
        <v>86</v>
      </c>
      <c r="Q31387">
        <v>30</v>
      </c>
      <c r="R31387">
        <v>30</v>
      </c>
      <c r="S31387">
        <v>31</v>
      </c>
      <c r="T31387">
        <v>31</v>
      </c>
      <c r="U31387">
        <v>31</v>
      </c>
      <c r="V31387">
        <v>32</v>
      </c>
      <c r="W31387">
        <v>32</v>
      </c>
      <c r="X31387">
        <v>33</v>
      </c>
      <c r="Y31387">
        <v>33</v>
      </c>
      <c r="Z31387">
        <v>33</v>
      </c>
      <c r="AA31387">
        <v>34</v>
      </c>
      <c r="AB31387">
        <v>34</v>
      </c>
      <c r="AC31387">
        <v>35</v>
      </c>
      <c r="AD31387">
        <v>35</v>
      </c>
      <c r="AE31387">
        <v>35</v>
      </c>
      <c r="AF31387">
        <v>36</v>
      </c>
      <c r="AG31387">
        <v>36</v>
      </c>
      <c r="AH31387">
        <v>37</v>
      </c>
      <c r="AI31387">
        <v>37</v>
      </c>
      <c r="AJ31387">
        <v>37</v>
      </c>
      <c r="AK31387">
        <v>38</v>
      </c>
      <c r="AL31387">
        <v>38</v>
      </c>
      <c r="AM31387">
        <v>38</v>
      </c>
      <c r="AN31387">
        <v>39</v>
      </c>
      <c r="AO31387">
        <v>39</v>
      </c>
      <c r="AP31387">
        <v>40</v>
      </c>
      <c r="AQ31387">
        <v>40</v>
      </c>
    </row>
    <row r="31388" spans="1:43">
      <c r="A31388" t="s">
        <v>19447</v>
      </c>
      <c r="B31388" t="s">
        <v>19448</v>
      </c>
      <c r="C31388" t="s">
        <v>19445</v>
      </c>
      <c r="D31388" t="s">
        <v>19446</v>
      </c>
      <c r="E31388" t="s">
        <v>19379</v>
      </c>
      <c r="F31388" t="s">
        <v>19380</v>
      </c>
      <c r="G31388" t="s">
        <v>10734</v>
      </c>
      <c r="H31388" t="s">
        <v>10735</v>
      </c>
      <c r="I31388" s="2">
        <v>0</v>
      </c>
      <c r="J31388" s="2">
        <v>0</v>
      </c>
      <c r="K31388" s="2">
        <v>1</v>
      </c>
      <c r="L31388" t="s">
        <v>995</v>
      </c>
      <c r="M31388" t="s">
        <v>89</v>
      </c>
      <c r="N31388" t="s">
        <v>90</v>
      </c>
      <c r="O31388" t="s">
        <v>85</v>
      </c>
      <c r="P31388" t="s">
        <v>86</v>
      </c>
      <c r="Q31388">
        <v>30</v>
      </c>
      <c r="R31388">
        <v>31</v>
      </c>
      <c r="S31388">
        <v>32</v>
      </c>
      <c r="T31388">
        <v>33</v>
      </c>
      <c r="U31388">
        <v>34</v>
      </c>
      <c r="V31388">
        <v>35</v>
      </c>
      <c r="W31388">
        <v>36</v>
      </c>
      <c r="X31388">
        <v>37</v>
      </c>
      <c r="Y31388">
        <v>38</v>
      </c>
      <c r="Z31388">
        <v>39</v>
      </c>
      <c r="AA31388">
        <v>40</v>
      </c>
      <c r="AB31388">
        <v>41</v>
      </c>
      <c r="AC31388">
        <v>41</v>
      </c>
      <c r="AD31388">
        <v>42</v>
      </c>
      <c r="AE31388">
        <v>43</v>
      </c>
      <c r="AF31388">
        <v>43</v>
      </c>
      <c r="AG31388">
        <v>44</v>
      </c>
      <c r="AH31388">
        <v>44</v>
      </c>
      <c r="AI31388">
        <v>44</v>
      </c>
      <c r="AJ31388">
        <v>45</v>
      </c>
      <c r="AK31388">
        <v>45</v>
      </c>
      <c r="AL31388">
        <v>45</v>
      </c>
      <c r="AM31388">
        <v>46</v>
      </c>
      <c r="AN31388">
        <v>46</v>
      </c>
      <c r="AO31388">
        <v>46</v>
      </c>
      <c r="AP31388">
        <v>46</v>
      </c>
      <c r="AQ31388">
        <v>47</v>
      </c>
    </row>
    <row r="31389" spans="1:43">
      <c r="A31389" t="s">
        <v>19447</v>
      </c>
      <c r="B31389" t="s">
        <v>19448</v>
      </c>
      <c r="C31389" t="s">
        <v>19445</v>
      </c>
      <c r="D31389" t="s">
        <v>19446</v>
      </c>
      <c r="E31389" t="s">
        <v>19379</v>
      </c>
      <c r="F31389" t="s">
        <v>19380</v>
      </c>
      <c r="G31389" t="s">
        <v>10734</v>
      </c>
      <c r="H31389" t="s">
        <v>10735</v>
      </c>
      <c r="I31389" s="2">
        <v>0</v>
      </c>
      <c r="J31389" s="2">
        <v>0</v>
      </c>
      <c r="K31389" s="2">
        <v>1</v>
      </c>
      <c r="L31389" t="s">
        <v>995</v>
      </c>
      <c r="M31389" t="s">
        <v>83</v>
      </c>
      <c r="N31389" t="s">
        <v>91</v>
      </c>
      <c r="O31389" t="s">
        <v>85</v>
      </c>
      <c r="P31389" t="s">
        <v>86</v>
      </c>
      <c r="Q31389">
        <v>30</v>
      </c>
      <c r="R31389">
        <v>31</v>
      </c>
      <c r="S31389">
        <v>32</v>
      </c>
      <c r="T31389">
        <v>32</v>
      </c>
      <c r="U31389">
        <v>33</v>
      </c>
      <c r="V31389">
        <v>34</v>
      </c>
      <c r="W31389">
        <v>34</v>
      </c>
      <c r="X31389">
        <v>35</v>
      </c>
      <c r="Y31389">
        <v>36</v>
      </c>
      <c r="Z31389">
        <v>37</v>
      </c>
      <c r="AA31389">
        <v>37</v>
      </c>
      <c r="AB31389">
        <v>38</v>
      </c>
      <c r="AC31389">
        <v>39</v>
      </c>
      <c r="AD31389">
        <v>39</v>
      </c>
      <c r="AE31389">
        <v>40</v>
      </c>
      <c r="AF31389">
        <v>41</v>
      </c>
      <c r="AG31389">
        <v>41</v>
      </c>
      <c r="AH31389">
        <v>42</v>
      </c>
      <c r="AI31389">
        <v>43</v>
      </c>
      <c r="AJ31389">
        <v>44</v>
      </c>
      <c r="AK31389">
        <v>44</v>
      </c>
      <c r="AL31389">
        <v>45</v>
      </c>
      <c r="AM31389">
        <v>45</v>
      </c>
      <c r="AN31389">
        <v>45</v>
      </c>
      <c r="AO31389">
        <v>46</v>
      </c>
      <c r="AP31389">
        <v>46</v>
      </c>
      <c r="AQ31389">
        <v>46</v>
      </c>
    </row>
    <row r="31390" spans="1:43">
      <c r="A31390" t="s">
        <v>19449</v>
      </c>
      <c r="B31390" t="s">
        <v>19450</v>
      </c>
      <c r="C31390" t="s">
        <v>19445</v>
      </c>
      <c r="D31390" t="s">
        <v>19446</v>
      </c>
      <c r="E31390" t="s">
        <v>19379</v>
      </c>
      <c r="F31390" t="s">
        <v>19380</v>
      </c>
      <c r="G31390" t="s">
        <v>10734</v>
      </c>
      <c r="H31390" t="s">
        <v>10735</v>
      </c>
      <c r="I31390" s="2">
        <v>0</v>
      </c>
      <c r="J31390" s="2">
        <v>0</v>
      </c>
      <c r="K31390" s="2">
        <v>1</v>
      </c>
      <c r="L31390" t="s">
        <v>995</v>
      </c>
      <c r="M31390" t="s">
        <v>83</v>
      </c>
      <c r="N31390" t="s">
        <v>84</v>
      </c>
      <c r="O31390" t="s">
        <v>85</v>
      </c>
      <c r="P31390" t="s">
        <v>86</v>
      </c>
      <c r="Q31390">
        <v>32</v>
      </c>
      <c r="R31390">
        <v>33</v>
      </c>
      <c r="S31390">
        <v>34</v>
      </c>
      <c r="T31390">
        <v>35</v>
      </c>
      <c r="U31390">
        <v>35</v>
      </c>
      <c r="V31390">
        <v>36</v>
      </c>
      <c r="W31390">
        <v>37</v>
      </c>
      <c r="X31390">
        <v>38</v>
      </c>
      <c r="Y31390">
        <v>39</v>
      </c>
      <c r="Z31390">
        <v>39</v>
      </c>
      <c r="AA31390">
        <v>40</v>
      </c>
      <c r="AB31390">
        <v>41</v>
      </c>
      <c r="AC31390">
        <v>42</v>
      </c>
      <c r="AD31390">
        <v>42</v>
      </c>
      <c r="AE31390">
        <v>43</v>
      </c>
      <c r="AF31390">
        <v>44</v>
      </c>
      <c r="AG31390">
        <v>45</v>
      </c>
      <c r="AH31390">
        <v>45</v>
      </c>
      <c r="AI31390">
        <v>46</v>
      </c>
      <c r="AJ31390">
        <v>47</v>
      </c>
      <c r="AK31390">
        <v>48</v>
      </c>
      <c r="AL31390">
        <v>48</v>
      </c>
      <c r="AM31390">
        <v>48</v>
      </c>
      <c r="AN31390">
        <v>49</v>
      </c>
      <c r="AO31390">
        <v>49</v>
      </c>
      <c r="AP31390">
        <v>49</v>
      </c>
      <c r="AQ31390">
        <v>50</v>
      </c>
    </row>
    <row r="31391" spans="1:43">
      <c r="A31391" t="s">
        <v>19449</v>
      </c>
      <c r="B31391" t="s">
        <v>19450</v>
      </c>
      <c r="C31391" t="s">
        <v>19445</v>
      </c>
      <c r="D31391" t="s">
        <v>19446</v>
      </c>
      <c r="E31391" t="s">
        <v>19379</v>
      </c>
      <c r="F31391" t="s">
        <v>19380</v>
      </c>
      <c r="G31391" t="s">
        <v>10734</v>
      </c>
      <c r="H31391" t="s">
        <v>10735</v>
      </c>
      <c r="I31391" s="2">
        <v>0</v>
      </c>
      <c r="J31391" s="2">
        <v>0</v>
      </c>
      <c r="K31391" s="2">
        <v>1</v>
      </c>
      <c r="L31391" t="s">
        <v>995</v>
      </c>
      <c r="M31391" t="s">
        <v>87</v>
      </c>
      <c r="N31391" t="s">
        <v>88</v>
      </c>
      <c r="O31391" t="s">
        <v>85</v>
      </c>
      <c r="P31391" t="s">
        <v>86</v>
      </c>
      <c r="Q31391">
        <v>32</v>
      </c>
      <c r="R31391">
        <v>33</v>
      </c>
      <c r="S31391">
        <v>33</v>
      </c>
      <c r="T31391">
        <v>33</v>
      </c>
      <c r="U31391">
        <v>34</v>
      </c>
      <c r="V31391">
        <v>34</v>
      </c>
      <c r="W31391">
        <v>35</v>
      </c>
      <c r="X31391">
        <v>35</v>
      </c>
      <c r="Y31391">
        <v>36</v>
      </c>
      <c r="Z31391">
        <v>36</v>
      </c>
      <c r="AA31391">
        <v>36</v>
      </c>
      <c r="AB31391">
        <v>37</v>
      </c>
      <c r="AC31391">
        <v>37</v>
      </c>
      <c r="AD31391">
        <v>38</v>
      </c>
      <c r="AE31391">
        <v>38</v>
      </c>
      <c r="AF31391">
        <v>39</v>
      </c>
      <c r="AG31391">
        <v>39</v>
      </c>
      <c r="AH31391">
        <v>39</v>
      </c>
      <c r="AI31391">
        <v>40</v>
      </c>
      <c r="AJ31391">
        <v>40</v>
      </c>
      <c r="AK31391">
        <v>41</v>
      </c>
      <c r="AL31391">
        <v>41</v>
      </c>
      <c r="AM31391">
        <v>41</v>
      </c>
      <c r="AN31391">
        <v>42</v>
      </c>
      <c r="AO31391">
        <v>42</v>
      </c>
      <c r="AP31391">
        <v>43</v>
      </c>
      <c r="AQ31391">
        <v>43</v>
      </c>
    </row>
    <row r="31392" spans="1:43">
      <c r="A31392" t="s">
        <v>19449</v>
      </c>
      <c r="B31392" t="s">
        <v>19450</v>
      </c>
      <c r="C31392" t="s">
        <v>19445</v>
      </c>
      <c r="D31392" t="s">
        <v>19446</v>
      </c>
      <c r="E31392" t="s">
        <v>19379</v>
      </c>
      <c r="F31392" t="s">
        <v>19380</v>
      </c>
      <c r="G31392" t="s">
        <v>10734</v>
      </c>
      <c r="H31392" t="s">
        <v>10735</v>
      </c>
      <c r="I31392" s="2">
        <v>0</v>
      </c>
      <c r="J31392" s="2">
        <v>0</v>
      </c>
      <c r="K31392" s="2">
        <v>1</v>
      </c>
      <c r="L31392" t="s">
        <v>995</v>
      </c>
      <c r="M31392" t="s">
        <v>89</v>
      </c>
      <c r="N31392" t="s">
        <v>90</v>
      </c>
      <c r="O31392" t="s">
        <v>85</v>
      </c>
      <c r="P31392" t="s">
        <v>86</v>
      </c>
      <c r="Q31392">
        <v>32</v>
      </c>
      <c r="R31392">
        <v>33</v>
      </c>
      <c r="S31392">
        <v>34</v>
      </c>
      <c r="T31392">
        <v>35</v>
      </c>
      <c r="U31392">
        <v>36</v>
      </c>
      <c r="V31392">
        <v>37</v>
      </c>
      <c r="W31392">
        <v>38</v>
      </c>
      <c r="X31392">
        <v>39</v>
      </c>
      <c r="Y31392">
        <v>40</v>
      </c>
      <c r="Z31392">
        <v>41</v>
      </c>
      <c r="AA31392">
        <v>42</v>
      </c>
      <c r="AB31392">
        <v>43</v>
      </c>
      <c r="AC31392">
        <v>44</v>
      </c>
      <c r="AD31392">
        <v>45</v>
      </c>
      <c r="AE31392">
        <v>45</v>
      </c>
      <c r="AF31392">
        <v>46</v>
      </c>
      <c r="AG31392">
        <v>46</v>
      </c>
      <c r="AH31392">
        <v>46</v>
      </c>
      <c r="AI31392">
        <v>47</v>
      </c>
      <c r="AJ31392">
        <v>47</v>
      </c>
      <c r="AK31392">
        <v>47</v>
      </c>
      <c r="AL31392">
        <v>48</v>
      </c>
      <c r="AM31392">
        <v>48</v>
      </c>
      <c r="AN31392">
        <v>48</v>
      </c>
      <c r="AO31392">
        <v>49</v>
      </c>
      <c r="AP31392">
        <v>49</v>
      </c>
      <c r="AQ31392">
        <v>49</v>
      </c>
    </row>
    <row r="31393" spans="1:43">
      <c r="A31393" t="s">
        <v>19449</v>
      </c>
      <c r="B31393" t="s">
        <v>19450</v>
      </c>
      <c r="C31393" t="s">
        <v>19445</v>
      </c>
      <c r="D31393" t="s">
        <v>19446</v>
      </c>
      <c r="E31393" t="s">
        <v>19379</v>
      </c>
      <c r="F31393" t="s">
        <v>19380</v>
      </c>
      <c r="G31393" t="s">
        <v>10734</v>
      </c>
      <c r="H31393" t="s">
        <v>10735</v>
      </c>
      <c r="I31393" s="2">
        <v>0</v>
      </c>
      <c r="J31393" s="2">
        <v>0</v>
      </c>
      <c r="K31393" s="2">
        <v>1</v>
      </c>
      <c r="L31393" t="s">
        <v>995</v>
      </c>
      <c r="M31393" t="s">
        <v>83</v>
      </c>
      <c r="N31393" t="s">
        <v>91</v>
      </c>
      <c r="O31393" t="s">
        <v>85</v>
      </c>
      <c r="P31393" t="s">
        <v>86</v>
      </c>
      <c r="Q31393">
        <v>32</v>
      </c>
      <c r="R31393">
        <v>33</v>
      </c>
      <c r="S31393">
        <v>34</v>
      </c>
      <c r="T31393">
        <v>35</v>
      </c>
      <c r="U31393">
        <v>35</v>
      </c>
      <c r="V31393">
        <v>36</v>
      </c>
      <c r="W31393">
        <v>37</v>
      </c>
      <c r="X31393">
        <v>38</v>
      </c>
      <c r="Y31393">
        <v>39</v>
      </c>
      <c r="Z31393">
        <v>39</v>
      </c>
      <c r="AA31393">
        <v>40</v>
      </c>
      <c r="AB31393">
        <v>41</v>
      </c>
      <c r="AC31393">
        <v>42</v>
      </c>
      <c r="AD31393">
        <v>42</v>
      </c>
      <c r="AE31393">
        <v>43</v>
      </c>
      <c r="AF31393">
        <v>44</v>
      </c>
      <c r="AG31393">
        <v>45</v>
      </c>
      <c r="AH31393">
        <v>45</v>
      </c>
      <c r="AI31393">
        <v>46</v>
      </c>
      <c r="AJ31393">
        <v>47</v>
      </c>
      <c r="AK31393">
        <v>48</v>
      </c>
      <c r="AL31393">
        <v>48</v>
      </c>
      <c r="AM31393">
        <v>48</v>
      </c>
      <c r="AN31393">
        <v>49</v>
      </c>
      <c r="AO31393">
        <v>49</v>
      </c>
      <c r="AP31393">
        <v>49</v>
      </c>
      <c r="AQ31393">
        <v>50</v>
      </c>
    </row>
    <row r="31394" spans="1:43">
      <c r="A31394" t="s">
        <v>19451</v>
      </c>
      <c r="B31394" t="s">
        <v>19452</v>
      </c>
      <c r="C31394" t="s">
        <v>19445</v>
      </c>
      <c r="D31394" t="s">
        <v>19446</v>
      </c>
      <c r="E31394" t="s">
        <v>19379</v>
      </c>
      <c r="F31394" t="s">
        <v>19380</v>
      </c>
      <c r="G31394" t="s">
        <v>10734</v>
      </c>
      <c r="H31394" t="s">
        <v>10735</v>
      </c>
      <c r="I31394" s="2">
        <v>0</v>
      </c>
      <c r="J31394" s="2">
        <v>0</v>
      </c>
      <c r="K31394" s="2">
        <v>1</v>
      </c>
      <c r="L31394" t="s">
        <v>995</v>
      </c>
      <c r="M31394" t="s">
        <v>83</v>
      </c>
      <c r="N31394" t="s">
        <v>84</v>
      </c>
      <c r="O31394" t="s">
        <v>85</v>
      </c>
      <c r="P31394" t="s">
        <v>86</v>
      </c>
      <c r="Q31394">
        <v>45</v>
      </c>
      <c r="R31394">
        <v>46</v>
      </c>
      <c r="S31394">
        <v>48</v>
      </c>
      <c r="T31394">
        <v>49</v>
      </c>
      <c r="U31394">
        <v>50</v>
      </c>
      <c r="V31394">
        <v>51</v>
      </c>
      <c r="W31394">
        <v>52</v>
      </c>
      <c r="X31394">
        <v>53</v>
      </c>
      <c r="Y31394">
        <v>54</v>
      </c>
      <c r="Z31394">
        <v>55</v>
      </c>
      <c r="AA31394">
        <v>56</v>
      </c>
      <c r="AB31394">
        <v>57</v>
      </c>
      <c r="AC31394">
        <v>58</v>
      </c>
      <c r="AD31394">
        <v>59</v>
      </c>
      <c r="AE31394">
        <v>60</v>
      </c>
      <c r="AF31394">
        <v>61</v>
      </c>
      <c r="AG31394">
        <v>63</v>
      </c>
      <c r="AH31394">
        <v>64</v>
      </c>
      <c r="AI31394">
        <v>65</v>
      </c>
      <c r="AJ31394">
        <v>66</v>
      </c>
      <c r="AK31394">
        <v>67</v>
      </c>
      <c r="AL31394">
        <v>68</v>
      </c>
      <c r="AM31394">
        <v>68</v>
      </c>
      <c r="AN31394">
        <v>68</v>
      </c>
      <c r="AO31394">
        <v>69</v>
      </c>
      <c r="AP31394">
        <v>69</v>
      </c>
      <c r="AQ31394">
        <v>70</v>
      </c>
    </row>
    <row r="31395" spans="1:43">
      <c r="A31395" t="s">
        <v>19451</v>
      </c>
      <c r="B31395" t="s">
        <v>19452</v>
      </c>
      <c r="C31395" t="s">
        <v>19445</v>
      </c>
      <c r="D31395" t="s">
        <v>19446</v>
      </c>
      <c r="E31395" t="s">
        <v>19379</v>
      </c>
      <c r="F31395" t="s">
        <v>19380</v>
      </c>
      <c r="G31395" t="s">
        <v>10734</v>
      </c>
      <c r="H31395" t="s">
        <v>10735</v>
      </c>
      <c r="I31395" s="2">
        <v>0</v>
      </c>
      <c r="J31395" s="2">
        <v>0</v>
      </c>
      <c r="K31395" s="2">
        <v>1</v>
      </c>
      <c r="L31395" t="s">
        <v>995</v>
      </c>
      <c r="M31395" t="s">
        <v>87</v>
      </c>
      <c r="N31395" t="s">
        <v>88</v>
      </c>
      <c r="O31395" t="s">
        <v>85</v>
      </c>
      <c r="P31395" t="s">
        <v>86</v>
      </c>
      <c r="Q31395">
        <v>45</v>
      </c>
      <c r="R31395">
        <v>46</v>
      </c>
      <c r="S31395">
        <v>46</v>
      </c>
      <c r="T31395">
        <v>47</v>
      </c>
      <c r="U31395">
        <v>47</v>
      </c>
      <c r="V31395">
        <v>48</v>
      </c>
      <c r="W31395">
        <v>49</v>
      </c>
      <c r="X31395">
        <v>49</v>
      </c>
      <c r="Y31395">
        <v>50</v>
      </c>
      <c r="Z31395">
        <v>50</v>
      </c>
      <c r="AA31395">
        <v>51</v>
      </c>
      <c r="AB31395">
        <v>52</v>
      </c>
      <c r="AC31395">
        <v>52</v>
      </c>
      <c r="AD31395">
        <v>53</v>
      </c>
      <c r="AE31395">
        <v>53</v>
      </c>
      <c r="AF31395">
        <v>54</v>
      </c>
      <c r="AG31395">
        <v>55</v>
      </c>
      <c r="AH31395">
        <v>55</v>
      </c>
      <c r="AI31395">
        <v>56</v>
      </c>
      <c r="AJ31395">
        <v>56</v>
      </c>
      <c r="AK31395">
        <v>57</v>
      </c>
      <c r="AL31395">
        <v>57</v>
      </c>
      <c r="AM31395">
        <v>58</v>
      </c>
      <c r="AN31395">
        <v>59</v>
      </c>
      <c r="AO31395">
        <v>59</v>
      </c>
      <c r="AP31395">
        <v>60</v>
      </c>
      <c r="AQ31395">
        <v>60</v>
      </c>
    </row>
    <row r="31396" spans="1:43">
      <c r="A31396" t="s">
        <v>19451</v>
      </c>
      <c r="B31396" t="s">
        <v>19452</v>
      </c>
      <c r="C31396" t="s">
        <v>19445</v>
      </c>
      <c r="D31396" t="s">
        <v>19446</v>
      </c>
      <c r="E31396" t="s">
        <v>19379</v>
      </c>
      <c r="F31396" t="s">
        <v>19380</v>
      </c>
      <c r="G31396" t="s">
        <v>10734</v>
      </c>
      <c r="H31396" t="s">
        <v>10735</v>
      </c>
      <c r="I31396" s="2">
        <v>0</v>
      </c>
      <c r="J31396" s="2">
        <v>0</v>
      </c>
      <c r="K31396" s="2">
        <v>1</v>
      </c>
      <c r="L31396" t="s">
        <v>995</v>
      </c>
      <c r="M31396" t="s">
        <v>89</v>
      </c>
      <c r="N31396" t="s">
        <v>90</v>
      </c>
      <c r="O31396" t="s">
        <v>85</v>
      </c>
      <c r="P31396" t="s">
        <v>86</v>
      </c>
      <c r="Q31396">
        <v>45</v>
      </c>
      <c r="R31396">
        <v>46</v>
      </c>
      <c r="S31396">
        <v>48</v>
      </c>
      <c r="T31396">
        <v>49</v>
      </c>
      <c r="U31396">
        <v>51</v>
      </c>
      <c r="V31396">
        <v>52</v>
      </c>
      <c r="W31396">
        <v>53</v>
      </c>
      <c r="X31396">
        <v>55</v>
      </c>
      <c r="Y31396">
        <v>56</v>
      </c>
      <c r="Z31396">
        <v>58</v>
      </c>
      <c r="AA31396">
        <v>59</v>
      </c>
      <c r="AB31396">
        <v>60</v>
      </c>
      <c r="AC31396">
        <v>62</v>
      </c>
      <c r="AD31396">
        <v>63</v>
      </c>
      <c r="AE31396">
        <v>64</v>
      </c>
      <c r="AF31396">
        <v>64</v>
      </c>
      <c r="AG31396">
        <v>65</v>
      </c>
      <c r="AH31396">
        <v>65</v>
      </c>
      <c r="AI31396">
        <v>66</v>
      </c>
      <c r="AJ31396">
        <v>66</v>
      </c>
      <c r="AK31396">
        <v>67</v>
      </c>
      <c r="AL31396">
        <v>67</v>
      </c>
      <c r="AM31396">
        <v>68</v>
      </c>
      <c r="AN31396">
        <v>68</v>
      </c>
      <c r="AO31396">
        <v>69</v>
      </c>
      <c r="AP31396">
        <v>69</v>
      </c>
      <c r="AQ31396">
        <v>69</v>
      </c>
    </row>
    <row r="31397" spans="1:43">
      <c r="A31397" t="s">
        <v>19451</v>
      </c>
      <c r="B31397" t="s">
        <v>19452</v>
      </c>
      <c r="C31397" t="s">
        <v>19445</v>
      </c>
      <c r="D31397" t="s">
        <v>19446</v>
      </c>
      <c r="E31397" t="s">
        <v>19379</v>
      </c>
      <c r="F31397" t="s">
        <v>19380</v>
      </c>
      <c r="G31397" t="s">
        <v>10734</v>
      </c>
      <c r="H31397" t="s">
        <v>10735</v>
      </c>
      <c r="I31397" s="2">
        <v>0</v>
      </c>
      <c r="J31397" s="2">
        <v>0</v>
      </c>
      <c r="K31397" s="2">
        <v>1</v>
      </c>
      <c r="L31397" t="s">
        <v>995</v>
      </c>
      <c r="M31397" t="s">
        <v>83</v>
      </c>
      <c r="N31397" t="s">
        <v>91</v>
      </c>
      <c r="O31397" t="s">
        <v>85</v>
      </c>
      <c r="P31397" t="s">
        <v>86</v>
      </c>
      <c r="Q31397">
        <v>45</v>
      </c>
      <c r="R31397">
        <v>46</v>
      </c>
      <c r="S31397">
        <v>48</v>
      </c>
      <c r="T31397">
        <v>49</v>
      </c>
      <c r="U31397">
        <v>50</v>
      </c>
      <c r="V31397">
        <v>51</v>
      </c>
      <c r="W31397">
        <v>52</v>
      </c>
      <c r="X31397">
        <v>53</v>
      </c>
      <c r="Y31397">
        <v>54</v>
      </c>
      <c r="Z31397">
        <v>55</v>
      </c>
      <c r="AA31397">
        <v>56</v>
      </c>
      <c r="AB31397">
        <v>57</v>
      </c>
      <c r="AC31397">
        <v>58</v>
      </c>
      <c r="AD31397">
        <v>59</v>
      </c>
      <c r="AE31397">
        <v>60</v>
      </c>
      <c r="AF31397">
        <v>61</v>
      </c>
      <c r="AG31397">
        <v>63</v>
      </c>
      <c r="AH31397">
        <v>64</v>
      </c>
      <c r="AI31397">
        <v>65</v>
      </c>
      <c r="AJ31397">
        <v>66</v>
      </c>
      <c r="AK31397">
        <v>67</v>
      </c>
      <c r="AL31397">
        <v>68</v>
      </c>
      <c r="AM31397">
        <v>68</v>
      </c>
      <c r="AN31397">
        <v>68</v>
      </c>
      <c r="AO31397">
        <v>69</v>
      </c>
      <c r="AP31397">
        <v>69</v>
      </c>
      <c r="AQ31397">
        <v>70</v>
      </c>
    </row>
    <row r="31398" spans="1:43">
      <c r="A31398" t="s">
        <v>19453</v>
      </c>
      <c r="B31398" t="s">
        <v>19454</v>
      </c>
      <c r="C31398" t="s">
        <v>19445</v>
      </c>
      <c r="D31398" t="s">
        <v>19446</v>
      </c>
      <c r="E31398" t="s">
        <v>19379</v>
      </c>
      <c r="F31398" t="s">
        <v>19380</v>
      </c>
      <c r="G31398" t="s">
        <v>10734</v>
      </c>
      <c r="H31398" t="s">
        <v>10735</v>
      </c>
      <c r="I31398" s="2">
        <v>0</v>
      </c>
      <c r="J31398" s="2">
        <v>0</v>
      </c>
      <c r="K31398" s="2">
        <v>1</v>
      </c>
      <c r="L31398" t="s">
        <v>995</v>
      </c>
      <c r="M31398" t="s">
        <v>83</v>
      </c>
      <c r="N31398" t="s">
        <v>84</v>
      </c>
      <c r="O31398" t="s">
        <v>85</v>
      </c>
      <c r="P31398" t="s">
        <v>86</v>
      </c>
      <c r="Q31398">
        <v>16</v>
      </c>
      <c r="R31398">
        <v>16</v>
      </c>
      <c r="S31398">
        <v>17</v>
      </c>
      <c r="T31398">
        <v>17</v>
      </c>
      <c r="U31398">
        <v>17</v>
      </c>
      <c r="V31398">
        <v>18</v>
      </c>
      <c r="W31398">
        <v>18</v>
      </c>
      <c r="X31398">
        <v>19</v>
      </c>
      <c r="Y31398">
        <v>19</v>
      </c>
      <c r="Z31398">
        <v>19</v>
      </c>
      <c r="AA31398">
        <v>20</v>
      </c>
      <c r="AB31398">
        <v>20</v>
      </c>
      <c r="AC31398">
        <v>20</v>
      </c>
      <c r="AD31398">
        <v>21</v>
      </c>
      <c r="AE31398">
        <v>21</v>
      </c>
      <c r="AF31398">
        <v>21</v>
      </c>
      <c r="AG31398">
        <v>22</v>
      </c>
      <c r="AH31398">
        <v>22</v>
      </c>
      <c r="AI31398">
        <v>22</v>
      </c>
      <c r="AJ31398">
        <v>23</v>
      </c>
      <c r="AK31398">
        <v>23</v>
      </c>
      <c r="AL31398">
        <v>23</v>
      </c>
      <c r="AM31398">
        <v>23</v>
      </c>
      <c r="AN31398">
        <v>24</v>
      </c>
      <c r="AO31398">
        <v>24</v>
      </c>
      <c r="AP31398">
        <v>24</v>
      </c>
      <c r="AQ31398">
        <v>24</v>
      </c>
    </row>
    <row r="31399" spans="1:43">
      <c r="A31399" t="s">
        <v>19453</v>
      </c>
      <c r="B31399" t="s">
        <v>19454</v>
      </c>
      <c r="C31399" t="s">
        <v>19445</v>
      </c>
      <c r="D31399" t="s">
        <v>19446</v>
      </c>
      <c r="E31399" t="s">
        <v>19379</v>
      </c>
      <c r="F31399" t="s">
        <v>19380</v>
      </c>
      <c r="G31399" t="s">
        <v>10734</v>
      </c>
      <c r="H31399" t="s">
        <v>10735</v>
      </c>
      <c r="I31399" s="2">
        <v>0</v>
      </c>
      <c r="J31399" s="2">
        <v>0</v>
      </c>
      <c r="K31399" s="2">
        <v>1</v>
      </c>
      <c r="L31399" t="s">
        <v>995</v>
      </c>
      <c r="M31399" t="s">
        <v>87</v>
      </c>
      <c r="N31399" t="s">
        <v>88</v>
      </c>
      <c r="O31399" t="s">
        <v>85</v>
      </c>
      <c r="P31399" t="s">
        <v>86</v>
      </c>
      <c r="Q31399">
        <v>16</v>
      </c>
      <c r="R31399">
        <v>16</v>
      </c>
      <c r="S31399">
        <v>16</v>
      </c>
      <c r="T31399">
        <v>16</v>
      </c>
      <c r="U31399">
        <v>17</v>
      </c>
      <c r="V31399">
        <v>17</v>
      </c>
      <c r="W31399">
        <v>17</v>
      </c>
      <c r="X31399">
        <v>17</v>
      </c>
      <c r="Y31399">
        <v>17</v>
      </c>
      <c r="Z31399">
        <v>18</v>
      </c>
      <c r="AA31399">
        <v>18</v>
      </c>
      <c r="AB31399">
        <v>18</v>
      </c>
      <c r="AC31399">
        <v>18</v>
      </c>
      <c r="AD31399">
        <v>18</v>
      </c>
      <c r="AE31399">
        <v>19</v>
      </c>
      <c r="AF31399">
        <v>19</v>
      </c>
      <c r="AG31399">
        <v>19</v>
      </c>
      <c r="AH31399">
        <v>19</v>
      </c>
      <c r="AI31399">
        <v>19</v>
      </c>
      <c r="AJ31399">
        <v>20</v>
      </c>
      <c r="AK31399">
        <v>20</v>
      </c>
      <c r="AL31399">
        <v>20</v>
      </c>
      <c r="AM31399">
        <v>20</v>
      </c>
      <c r="AN31399">
        <v>20</v>
      </c>
      <c r="AO31399">
        <v>20</v>
      </c>
      <c r="AP31399">
        <v>21</v>
      </c>
      <c r="AQ31399">
        <v>21</v>
      </c>
    </row>
    <row r="31400" spans="1:43">
      <c r="A31400" t="s">
        <v>19453</v>
      </c>
      <c r="B31400" t="s">
        <v>19454</v>
      </c>
      <c r="C31400" t="s">
        <v>19445</v>
      </c>
      <c r="D31400" t="s">
        <v>19446</v>
      </c>
      <c r="E31400" t="s">
        <v>19379</v>
      </c>
      <c r="F31400" t="s">
        <v>19380</v>
      </c>
      <c r="G31400" t="s">
        <v>10734</v>
      </c>
      <c r="H31400" t="s">
        <v>10735</v>
      </c>
      <c r="I31400" s="2">
        <v>0</v>
      </c>
      <c r="J31400" s="2">
        <v>0</v>
      </c>
      <c r="K31400" s="2">
        <v>1</v>
      </c>
      <c r="L31400" t="s">
        <v>995</v>
      </c>
      <c r="M31400" t="s">
        <v>89</v>
      </c>
      <c r="N31400" t="s">
        <v>90</v>
      </c>
      <c r="O31400" t="s">
        <v>85</v>
      </c>
      <c r="P31400" t="s">
        <v>86</v>
      </c>
      <c r="Q31400">
        <v>16</v>
      </c>
      <c r="R31400">
        <v>17</v>
      </c>
      <c r="S31400">
        <v>17</v>
      </c>
      <c r="T31400">
        <v>18</v>
      </c>
      <c r="U31400">
        <v>18</v>
      </c>
      <c r="V31400">
        <v>19</v>
      </c>
      <c r="W31400">
        <v>19</v>
      </c>
      <c r="X31400">
        <v>20</v>
      </c>
      <c r="Y31400">
        <v>20</v>
      </c>
      <c r="Z31400">
        <v>20</v>
      </c>
      <c r="AA31400">
        <v>21</v>
      </c>
      <c r="AB31400">
        <v>21</v>
      </c>
      <c r="AC31400">
        <v>22</v>
      </c>
      <c r="AD31400">
        <v>22</v>
      </c>
      <c r="AE31400">
        <v>23</v>
      </c>
      <c r="AF31400">
        <v>23</v>
      </c>
      <c r="AG31400">
        <v>23</v>
      </c>
      <c r="AH31400">
        <v>23</v>
      </c>
      <c r="AI31400">
        <v>23</v>
      </c>
      <c r="AJ31400">
        <v>23</v>
      </c>
      <c r="AK31400">
        <v>23</v>
      </c>
      <c r="AL31400">
        <v>24</v>
      </c>
      <c r="AM31400">
        <v>24</v>
      </c>
      <c r="AN31400">
        <v>24</v>
      </c>
      <c r="AO31400">
        <v>24</v>
      </c>
      <c r="AP31400">
        <v>24</v>
      </c>
      <c r="AQ31400">
        <v>24</v>
      </c>
    </row>
    <row r="31401" spans="1:43">
      <c r="A31401" t="s">
        <v>19453</v>
      </c>
      <c r="B31401" t="s">
        <v>19454</v>
      </c>
      <c r="C31401" t="s">
        <v>19445</v>
      </c>
      <c r="D31401" t="s">
        <v>19446</v>
      </c>
      <c r="E31401" t="s">
        <v>19379</v>
      </c>
      <c r="F31401" t="s">
        <v>19380</v>
      </c>
      <c r="G31401" t="s">
        <v>10734</v>
      </c>
      <c r="H31401" t="s">
        <v>10735</v>
      </c>
      <c r="I31401" s="2">
        <v>0</v>
      </c>
      <c r="J31401" s="2">
        <v>0</v>
      </c>
      <c r="K31401" s="2">
        <v>1</v>
      </c>
      <c r="L31401" t="s">
        <v>995</v>
      </c>
      <c r="M31401" t="s">
        <v>83</v>
      </c>
      <c r="N31401" t="s">
        <v>91</v>
      </c>
      <c r="O31401" t="s">
        <v>85</v>
      </c>
      <c r="P31401" t="s">
        <v>86</v>
      </c>
      <c r="Q31401">
        <v>16</v>
      </c>
      <c r="R31401">
        <v>16</v>
      </c>
      <c r="S31401">
        <v>17</v>
      </c>
      <c r="T31401">
        <v>17</v>
      </c>
      <c r="U31401">
        <v>17</v>
      </c>
      <c r="V31401">
        <v>18</v>
      </c>
      <c r="W31401">
        <v>18</v>
      </c>
      <c r="X31401">
        <v>19</v>
      </c>
      <c r="Y31401">
        <v>19</v>
      </c>
      <c r="Z31401">
        <v>19</v>
      </c>
      <c r="AA31401">
        <v>20</v>
      </c>
      <c r="AB31401">
        <v>20</v>
      </c>
      <c r="AC31401">
        <v>20</v>
      </c>
      <c r="AD31401">
        <v>21</v>
      </c>
      <c r="AE31401">
        <v>21</v>
      </c>
      <c r="AF31401">
        <v>21</v>
      </c>
      <c r="AG31401">
        <v>22</v>
      </c>
      <c r="AH31401">
        <v>22</v>
      </c>
      <c r="AI31401">
        <v>22</v>
      </c>
      <c r="AJ31401">
        <v>23</v>
      </c>
      <c r="AK31401">
        <v>23</v>
      </c>
      <c r="AL31401">
        <v>23</v>
      </c>
      <c r="AM31401">
        <v>23</v>
      </c>
      <c r="AN31401">
        <v>24</v>
      </c>
      <c r="AO31401">
        <v>24</v>
      </c>
      <c r="AP31401">
        <v>24</v>
      </c>
      <c r="AQ31401">
        <v>24</v>
      </c>
    </row>
    <row r="31402" spans="1:43">
      <c r="A31402" t="s">
        <v>19455</v>
      </c>
      <c r="B31402" t="s">
        <v>19456</v>
      </c>
      <c r="C31402" t="s">
        <v>19445</v>
      </c>
      <c r="D31402" t="s">
        <v>19446</v>
      </c>
      <c r="E31402" t="s">
        <v>19379</v>
      </c>
      <c r="F31402" t="s">
        <v>19380</v>
      </c>
      <c r="G31402" t="s">
        <v>10734</v>
      </c>
      <c r="H31402" t="s">
        <v>10735</v>
      </c>
      <c r="I31402" s="2">
        <v>0</v>
      </c>
      <c r="J31402" s="2">
        <v>0</v>
      </c>
      <c r="K31402" s="2">
        <v>1</v>
      </c>
      <c r="L31402" t="s">
        <v>995</v>
      </c>
      <c r="M31402" t="s">
        <v>83</v>
      </c>
      <c r="N31402" t="s">
        <v>84</v>
      </c>
      <c r="O31402" t="s">
        <v>85</v>
      </c>
      <c r="P31402" t="s">
        <v>86</v>
      </c>
      <c r="Q31402">
        <v>19</v>
      </c>
      <c r="R31402">
        <v>19</v>
      </c>
      <c r="S31402">
        <v>20</v>
      </c>
      <c r="T31402">
        <v>20</v>
      </c>
      <c r="U31402">
        <v>21</v>
      </c>
      <c r="V31402">
        <v>21</v>
      </c>
      <c r="W31402">
        <v>22</v>
      </c>
      <c r="X31402">
        <v>22</v>
      </c>
      <c r="Y31402">
        <v>22</v>
      </c>
      <c r="Z31402">
        <v>23</v>
      </c>
      <c r="AA31402">
        <v>23</v>
      </c>
      <c r="AB31402">
        <v>24</v>
      </c>
      <c r="AC31402">
        <v>24</v>
      </c>
      <c r="AD31402">
        <v>24</v>
      </c>
      <c r="AE31402">
        <v>25</v>
      </c>
      <c r="AF31402">
        <v>25</v>
      </c>
      <c r="AG31402">
        <v>26</v>
      </c>
      <c r="AH31402">
        <v>26</v>
      </c>
      <c r="AI31402">
        <v>27</v>
      </c>
      <c r="AJ31402">
        <v>27</v>
      </c>
      <c r="AK31402">
        <v>27</v>
      </c>
      <c r="AL31402">
        <v>28</v>
      </c>
      <c r="AM31402">
        <v>28</v>
      </c>
      <c r="AN31402">
        <v>28</v>
      </c>
      <c r="AO31402">
        <v>28</v>
      </c>
      <c r="AP31402">
        <v>28</v>
      </c>
      <c r="AQ31402">
        <v>28</v>
      </c>
    </row>
    <row r="31403" spans="1:43">
      <c r="A31403" t="s">
        <v>19455</v>
      </c>
      <c r="B31403" t="s">
        <v>19456</v>
      </c>
      <c r="C31403" t="s">
        <v>19445</v>
      </c>
      <c r="D31403" t="s">
        <v>19446</v>
      </c>
      <c r="E31403" t="s">
        <v>19379</v>
      </c>
      <c r="F31403" t="s">
        <v>19380</v>
      </c>
      <c r="G31403" t="s">
        <v>10734</v>
      </c>
      <c r="H31403" t="s">
        <v>10735</v>
      </c>
      <c r="I31403" s="2">
        <v>0</v>
      </c>
      <c r="J31403" s="2">
        <v>0</v>
      </c>
      <c r="K31403" s="2">
        <v>1</v>
      </c>
      <c r="L31403" t="s">
        <v>995</v>
      </c>
      <c r="M31403" t="s">
        <v>87</v>
      </c>
      <c r="N31403" t="s">
        <v>88</v>
      </c>
      <c r="O31403" t="s">
        <v>85</v>
      </c>
      <c r="P31403" t="s">
        <v>86</v>
      </c>
      <c r="Q31403">
        <v>19</v>
      </c>
      <c r="R31403">
        <v>19</v>
      </c>
      <c r="S31403">
        <v>19</v>
      </c>
      <c r="T31403">
        <v>19</v>
      </c>
      <c r="U31403">
        <v>20</v>
      </c>
      <c r="V31403">
        <v>20</v>
      </c>
      <c r="W31403">
        <v>20</v>
      </c>
      <c r="X31403">
        <v>20</v>
      </c>
      <c r="Y31403">
        <v>21</v>
      </c>
      <c r="Z31403">
        <v>21</v>
      </c>
      <c r="AA31403">
        <v>21</v>
      </c>
      <c r="AB31403">
        <v>21</v>
      </c>
      <c r="AC31403">
        <v>22</v>
      </c>
      <c r="AD31403">
        <v>22</v>
      </c>
      <c r="AE31403">
        <v>22</v>
      </c>
      <c r="AF31403">
        <v>22</v>
      </c>
      <c r="AG31403">
        <v>23</v>
      </c>
      <c r="AH31403">
        <v>23</v>
      </c>
      <c r="AI31403">
        <v>23</v>
      </c>
      <c r="AJ31403">
        <v>23</v>
      </c>
      <c r="AK31403">
        <v>23</v>
      </c>
      <c r="AL31403">
        <v>24</v>
      </c>
      <c r="AM31403">
        <v>24</v>
      </c>
      <c r="AN31403">
        <v>24</v>
      </c>
      <c r="AO31403">
        <v>24</v>
      </c>
      <c r="AP31403">
        <v>24</v>
      </c>
      <c r="AQ31403">
        <v>25</v>
      </c>
    </row>
    <row r="31404" spans="1:43">
      <c r="A31404" t="s">
        <v>19455</v>
      </c>
      <c r="B31404" t="s">
        <v>19456</v>
      </c>
      <c r="C31404" t="s">
        <v>19445</v>
      </c>
      <c r="D31404" t="s">
        <v>19446</v>
      </c>
      <c r="E31404" t="s">
        <v>19379</v>
      </c>
      <c r="F31404" t="s">
        <v>19380</v>
      </c>
      <c r="G31404" t="s">
        <v>10734</v>
      </c>
      <c r="H31404" t="s">
        <v>10735</v>
      </c>
      <c r="I31404" s="2">
        <v>0</v>
      </c>
      <c r="J31404" s="2">
        <v>0</v>
      </c>
      <c r="K31404" s="2">
        <v>1</v>
      </c>
      <c r="L31404" t="s">
        <v>995</v>
      </c>
      <c r="M31404" t="s">
        <v>89</v>
      </c>
      <c r="N31404" t="s">
        <v>90</v>
      </c>
      <c r="O31404" t="s">
        <v>85</v>
      </c>
      <c r="P31404" t="s">
        <v>86</v>
      </c>
      <c r="Q31404">
        <v>19</v>
      </c>
      <c r="R31404">
        <v>20</v>
      </c>
      <c r="S31404">
        <v>20</v>
      </c>
      <c r="T31404">
        <v>21</v>
      </c>
      <c r="U31404">
        <v>21</v>
      </c>
      <c r="V31404">
        <v>22</v>
      </c>
      <c r="W31404">
        <v>23</v>
      </c>
      <c r="X31404">
        <v>23</v>
      </c>
      <c r="Y31404">
        <v>24</v>
      </c>
      <c r="Z31404">
        <v>24</v>
      </c>
      <c r="AA31404">
        <v>25</v>
      </c>
      <c r="AB31404">
        <v>25</v>
      </c>
      <c r="AC31404">
        <v>26</v>
      </c>
      <c r="AD31404">
        <v>26</v>
      </c>
      <c r="AE31404">
        <v>27</v>
      </c>
      <c r="AF31404">
        <v>27</v>
      </c>
      <c r="AG31404">
        <v>27</v>
      </c>
      <c r="AH31404">
        <v>27</v>
      </c>
      <c r="AI31404">
        <v>27</v>
      </c>
      <c r="AJ31404">
        <v>28</v>
      </c>
      <c r="AK31404">
        <v>28</v>
      </c>
      <c r="AL31404">
        <v>28</v>
      </c>
      <c r="AM31404">
        <v>28</v>
      </c>
      <c r="AN31404">
        <v>28</v>
      </c>
      <c r="AO31404">
        <v>28</v>
      </c>
      <c r="AP31404">
        <v>29</v>
      </c>
      <c r="AQ31404">
        <v>29</v>
      </c>
    </row>
    <row r="31405" spans="1:43">
      <c r="A31405" t="s">
        <v>19455</v>
      </c>
      <c r="B31405" t="s">
        <v>19456</v>
      </c>
      <c r="C31405" t="s">
        <v>19445</v>
      </c>
      <c r="D31405" t="s">
        <v>19446</v>
      </c>
      <c r="E31405" t="s">
        <v>19379</v>
      </c>
      <c r="F31405" t="s">
        <v>19380</v>
      </c>
      <c r="G31405" t="s">
        <v>10734</v>
      </c>
      <c r="H31405" t="s">
        <v>10735</v>
      </c>
      <c r="I31405" s="2">
        <v>0</v>
      </c>
      <c r="J31405" s="2">
        <v>0</v>
      </c>
      <c r="K31405" s="2">
        <v>1</v>
      </c>
      <c r="L31405" t="s">
        <v>995</v>
      </c>
      <c r="M31405" t="s">
        <v>83</v>
      </c>
      <c r="N31405" t="s">
        <v>91</v>
      </c>
      <c r="O31405" t="s">
        <v>85</v>
      </c>
      <c r="P31405" t="s">
        <v>86</v>
      </c>
      <c r="Q31405">
        <v>19</v>
      </c>
      <c r="R31405">
        <v>19</v>
      </c>
      <c r="S31405">
        <v>20</v>
      </c>
      <c r="T31405">
        <v>20</v>
      </c>
      <c r="U31405">
        <v>21</v>
      </c>
      <c r="V31405">
        <v>21</v>
      </c>
      <c r="W31405">
        <v>22</v>
      </c>
      <c r="X31405">
        <v>22</v>
      </c>
      <c r="Y31405">
        <v>22</v>
      </c>
      <c r="Z31405">
        <v>23</v>
      </c>
      <c r="AA31405">
        <v>23</v>
      </c>
      <c r="AB31405">
        <v>24</v>
      </c>
      <c r="AC31405">
        <v>24</v>
      </c>
      <c r="AD31405">
        <v>24</v>
      </c>
      <c r="AE31405">
        <v>25</v>
      </c>
      <c r="AF31405">
        <v>25</v>
      </c>
      <c r="AG31405">
        <v>26</v>
      </c>
      <c r="AH31405">
        <v>26</v>
      </c>
      <c r="AI31405">
        <v>27</v>
      </c>
      <c r="AJ31405">
        <v>27</v>
      </c>
      <c r="AK31405">
        <v>27</v>
      </c>
      <c r="AL31405">
        <v>28</v>
      </c>
      <c r="AM31405">
        <v>28</v>
      </c>
      <c r="AN31405">
        <v>28</v>
      </c>
      <c r="AO31405">
        <v>28</v>
      </c>
      <c r="AP31405">
        <v>28</v>
      </c>
      <c r="AQ31405">
        <v>28</v>
      </c>
    </row>
    <row r="31406" spans="1:43">
      <c r="A31406" t="s">
        <v>19457</v>
      </c>
      <c r="B31406" t="s">
        <v>19458</v>
      </c>
      <c r="C31406" t="s">
        <v>19437</v>
      </c>
      <c r="D31406" t="s">
        <v>19438</v>
      </c>
      <c r="E31406" t="s">
        <v>19379</v>
      </c>
      <c r="F31406" t="s">
        <v>19380</v>
      </c>
      <c r="G31406" t="s">
        <v>10734</v>
      </c>
      <c r="H31406" t="s">
        <v>10735</v>
      </c>
      <c r="I31406" s="2">
        <v>0</v>
      </c>
      <c r="J31406" s="2">
        <v>0</v>
      </c>
      <c r="K31406" s="2">
        <v>1</v>
      </c>
      <c r="L31406" t="s">
        <v>995</v>
      </c>
      <c r="M31406" t="s">
        <v>83</v>
      </c>
      <c r="N31406" t="s">
        <v>84</v>
      </c>
      <c r="O31406" t="s">
        <v>85</v>
      </c>
      <c r="P31406" t="s">
        <v>86</v>
      </c>
      <c r="Q31406">
        <v>31</v>
      </c>
      <c r="R31406">
        <v>31</v>
      </c>
      <c r="S31406">
        <v>32</v>
      </c>
      <c r="T31406">
        <v>33</v>
      </c>
      <c r="U31406">
        <v>33</v>
      </c>
      <c r="V31406">
        <v>34</v>
      </c>
      <c r="W31406">
        <v>35</v>
      </c>
      <c r="X31406">
        <v>36</v>
      </c>
      <c r="Y31406">
        <v>36</v>
      </c>
      <c r="Z31406">
        <v>37</v>
      </c>
      <c r="AA31406">
        <v>38</v>
      </c>
      <c r="AB31406">
        <v>38</v>
      </c>
      <c r="AC31406">
        <v>39</v>
      </c>
      <c r="AD31406">
        <v>40</v>
      </c>
      <c r="AE31406">
        <v>40</v>
      </c>
      <c r="AF31406">
        <v>41</v>
      </c>
      <c r="AG31406">
        <v>42</v>
      </c>
      <c r="AH31406">
        <v>42</v>
      </c>
      <c r="AI31406">
        <v>43</v>
      </c>
      <c r="AJ31406">
        <v>44</v>
      </c>
      <c r="AK31406">
        <v>44</v>
      </c>
      <c r="AL31406">
        <v>45</v>
      </c>
      <c r="AM31406">
        <v>45</v>
      </c>
      <c r="AN31406">
        <v>45</v>
      </c>
      <c r="AO31406">
        <v>46</v>
      </c>
      <c r="AP31406">
        <v>46</v>
      </c>
      <c r="AQ31406">
        <v>46</v>
      </c>
    </row>
    <row r="31407" spans="1:43">
      <c r="A31407" t="s">
        <v>19457</v>
      </c>
      <c r="B31407" t="s">
        <v>19458</v>
      </c>
      <c r="C31407" t="s">
        <v>19437</v>
      </c>
      <c r="D31407" t="s">
        <v>19438</v>
      </c>
      <c r="E31407" t="s">
        <v>19379</v>
      </c>
      <c r="F31407" t="s">
        <v>19380</v>
      </c>
      <c r="G31407" t="s">
        <v>10734</v>
      </c>
      <c r="H31407" t="s">
        <v>10735</v>
      </c>
      <c r="I31407" s="2">
        <v>0</v>
      </c>
      <c r="J31407" s="2">
        <v>0</v>
      </c>
      <c r="K31407" s="2">
        <v>1</v>
      </c>
      <c r="L31407" t="s">
        <v>995</v>
      </c>
      <c r="M31407" t="s">
        <v>87</v>
      </c>
      <c r="N31407" t="s">
        <v>88</v>
      </c>
      <c r="O31407" t="s">
        <v>85</v>
      </c>
      <c r="P31407" t="s">
        <v>86</v>
      </c>
      <c r="Q31407">
        <v>31</v>
      </c>
      <c r="R31407">
        <v>32</v>
      </c>
      <c r="S31407">
        <v>32</v>
      </c>
      <c r="T31407">
        <v>33</v>
      </c>
      <c r="U31407">
        <v>33</v>
      </c>
      <c r="V31407">
        <v>33</v>
      </c>
      <c r="W31407">
        <v>34</v>
      </c>
      <c r="X31407">
        <v>34</v>
      </c>
      <c r="Y31407">
        <v>35</v>
      </c>
      <c r="Z31407">
        <v>35</v>
      </c>
      <c r="AA31407">
        <v>35</v>
      </c>
      <c r="AB31407">
        <v>36</v>
      </c>
      <c r="AC31407">
        <v>36</v>
      </c>
      <c r="AD31407">
        <v>36</v>
      </c>
      <c r="AE31407">
        <v>37</v>
      </c>
      <c r="AF31407">
        <v>37</v>
      </c>
      <c r="AG31407">
        <v>38</v>
      </c>
      <c r="AH31407">
        <v>38</v>
      </c>
      <c r="AI31407">
        <v>38</v>
      </c>
      <c r="AJ31407">
        <v>39</v>
      </c>
      <c r="AK31407">
        <v>39</v>
      </c>
      <c r="AL31407">
        <v>39</v>
      </c>
      <c r="AM31407">
        <v>40</v>
      </c>
      <c r="AN31407">
        <v>40</v>
      </c>
      <c r="AO31407">
        <v>40</v>
      </c>
      <c r="AP31407">
        <v>41</v>
      </c>
      <c r="AQ31407">
        <v>41</v>
      </c>
    </row>
    <row r="31408" spans="1:43">
      <c r="A31408" t="s">
        <v>19457</v>
      </c>
      <c r="B31408" t="s">
        <v>19458</v>
      </c>
      <c r="C31408" t="s">
        <v>19437</v>
      </c>
      <c r="D31408" t="s">
        <v>19438</v>
      </c>
      <c r="E31408" t="s">
        <v>19379</v>
      </c>
      <c r="F31408" t="s">
        <v>19380</v>
      </c>
      <c r="G31408" t="s">
        <v>10734</v>
      </c>
      <c r="H31408" t="s">
        <v>10735</v>
      </c>
      <c r="I31408" s="2">
        <v>0</v>
      </c>
      <c r="J31408" s="2">
        <v>0</v>
      </c>
      <c r="K31408" s="2">
        <v>1</v>
      </c>
      <c r="L31408" t="s">
        <v>995</v>
      </c>
      <c r="M31408" t="s">
        <v>89</v>
      </c>
      <c r="N31408" t="s">
        <v>90</v>
      </c>
      <c r="O31408" t="s">
        <v>85</v>
      </c>
      <c r="P31408" t="s">
        <v>86</v>
      </c>
      <c r="Q31408">
        <v>31</v>
      </c>
      <c r="R31408">
        <v>32</v>
      </c>
      <c r="S31408">
        <v>33</v>
      </c>
      <c r="T31408">
        <v>34</v>
      </c>
      <c r="U31408">
        <v>35</v>
      </c>
      <c r="V31408">
        <v>36</v>
      </c>
      <c r="W31408">
        <v>37</v>
      </c>
      <c r="X31408">
        <v>38</v>
      </c>
      <c r="Y31408">
        <v>38</v>
      </c>
      <c r="Z31408">
        <v>39</v>
      </c>
      <c r="AA31408">
        <v>40</v>
      </c>
      <c r="AB31408">
        <v>41</v>
      </c>
      <c r="AC31408">
        <v>42</v>
      </c>
      <c r="AD31408">
        <v>43</v>
      </c>
      <c r="AE31408">
        <v>43</v>
      </c>
      <c r="AF31408">
        <v>43</v>
      </c>
      <c r="AG31408">
        <v>44</v>
      </c>
      <c r="AH31408">
        <v>44</v>
      </c>
      <c r="AI31408">
        <v>44</v>
      </c>
      <c r="AJ31408">
        <v>45</v>
      </c>
      <c r="AK31408">
        <v>45</v>
      </c>
      <c r="AL31408">
        <v>45</v>
      </c>
      <c r="AM31408">
        <v>46</v>
      </c>
      <c r="AN31408">
        <v>46</v>
      </c>
      <c r="AO31408">
        <v>46</v>
      </c>
      <c r="AP31408">
        <v>46</v>
      </c>
      <c r="AQ31408">
        <v>47</v>
      </c>
    </row>
    <row r="31409" spans="1:43">
      <c r="A31409" t="s">
        <v>19457</v>
      </c>
      <c r="B31409" t="s">
        <v>19458</v>
      </c>
      <c r="C31409" t="s">
        <v>19437</v>
      </c>
      <c r="D31409" t="s">
        <v>19438</v>
      </c>
      <c r="E31409" t="s">
        <v>19379</v>
      </c>
      <c r="F31409" t="s">
        <v>19380</v>
      </c>
      <c r="G31409" t="s">
        <v>10734</v>
      </c>
      <c r="H31409" t="s">
        <v>10735</v>
      </c>
      <c r="I31409" s="2">
        <v>0</v>
      </c>
      <c r="J31409" s="2">
        <v>0</v>
      </c>
      <c r="K31409" s="2">
        <v>1</v>
      </c>
      <c r="L31409" t="s">
        <v>995</v>
      </c>
      <c r="M31409" t="s">
        <v>83</v>
      </c>
      <c r="N31409" t="s">
        <v>91</v>
      </c>
      <c r="O31409" t="s">
        <v>85</v>
      </c>
      <c r="P31409" t="s">
        <v>86</v>
      </c>
      <c r="Q31409">
        <v>31</v>
      </c>
      <c r="R31409">
        <v>31</v>
      </c>
      <c r="S31409">
        <v>32</v>
      </c>
      <c r="T31409">
        <v>33</v>
      </c>
      <c r="U31409">
        <v>33</v>
      </c>
      <c r="V31409">
        <v>34</v>
      </c>
      <c r="W31409">
        <v>35</v>
      </c>
      <c r="X31409">
        <v>36</v>
      </c>
      <c r="Y31409">
        <v>36</v>
      </c>
      <c r="Z31409">
        <v>37</v>
      </c>
      <c r="AA31409">
        <v>38</v>
      </c>
      <c r="AB31409">
        <v>38</v>
      </c>
      <c r="AC31409">
        <v>39</v>
      </c>
      <c r="AD31409">
        <v>40</v>
      </c>
      <c r="AE31409">
        <v>40</v>
      </c>
      <c r="AF31409">
        <v>41</v>
      </c>
      <c r="AG31409">
        <v>42</v>
      </c>
      <c r="AH31409">
        <v>42</v>
      </c>
      <c r="AI31409">
        <v>43</v>
      </c>
      <c r="AJ31409">
        <v>44</v>
      </c>
      <c r="AK31409">
        <v>44</v>
      </c>
      <c r="AL31409">
        <v>45</v>
      </c>
      <c r="AM31409">
        <v>45</v>
      </c>
      <c r="AN31409">
        <v>45</v>
      </c>
      <c r="AO31409">
        <v>46</v>
      </c>
      <c r="AP31409">
        <v>46</v>
      </c>
      <c r="AQ31409">
        <v>46</v>
      </c>
    </row>
    <row r="31410" spans="1:43">
      <c r="A31410" t="s">
        <v>19459</v>
      </c>
      <c r="B31410" t="s">
        <v>19460</v>
      </c>
      <c r="C31410" t="s">
        <v>19409</v>
      </c>
      <c r="D31410" t="s">
        <v>19410</v>
      </c>
      <c r="E31410" t="s">
        <v>19379</v>
      </c>
      <c r="F31410" t="s">
        <v>19380</v>
      </c>
      <c r="G31410" t="s">
        <v>10734</v>
      </c>
      <c r="H31410" t="s">
        <v>10735</v>
      </c>
      <c r="I31410" s="2">
        <v>0</v>
      </c>
      <c r="J31410" s="2">
        <v>0</v>
      </c>
      <c r="K31410" s="2">
        <v>1</v>
      </c>
      <c r="L31410" t="s">
        <v>995</v>
      </c>
      <c r="M31410" t="s">
        <v>83</v>
      </c>
      <c r="N31410" t="s">
        <v>84</v>
      </c>
      <c r="O31410" t="s">
        <v>85</v>
      </c>
      <c r="P31410" t="s">
        <v>86</v>
      </c>
      <c r="Q31410">
        <v>26</v>
      </c>
      <c r="R31410">
        <v>26</v>
      </c>
      <c r="S31410">
        <v>27</v>
      </c>
      <c r="T31410">
        <v>27</v>
      </c>
      <c r="U31410">
        <v>28</v>
      </c>
      <c r="V31410">
        <v>28</v>
      </c>
      <c r="W31410">
        <v>29</v>
      </c>
      <c r="X31410">
        <v>30</v>
      </c>
      <c r="Y31410">
        <v>30</v>
      </c>
      <c r="Z31410">
        <v>31</v>
      </c>
      <c r="AA31410">
        <v>31</v>
      </c>
      <c r="AB31410">
        <v>32</v>
      </c>
      <c r="AC31410">
        <v>32</v>
      </c>
      <c r="AD31410">
        <v>33</v>
      </c>
      <c r="AE31410">
        <v>34</v>
      </c>
      <c r="AF31410">
        <v>34</v>
      </c>
      <c r="AG31410">
        <v>35</v>
      </c>
      <c r="AH31410">
        <v>35</v>
      </c>
      <c r="AI31410">
        <v>36</v>
      </c>
      <c r="AJ31410">
        <v>36</v>
      </c>
      <c r="AK31410">
        <v>37</v>
      </c>
      <c r="AL31410">
        <v>37</v>
      </c>
      <c r="AM31410">
        <v>37</v>
      </c>
      <c r="AN31410">
        <v>38</v>
      </c>
      <c r="AO31410">
        <v>38</v>
      </c>
      <c r="AP31410">
        <v>38</v>
      </c>
      <c r="AQ31410">
        <v>38</v>
      </c>
    </row>
    <row r="31411" spans="1:43">
      <c r="A31411" t="s">
        <v>19459</v>
      </c>
      <c r="B31411" t="s">
        <v>19460</v>
      </c>
      <c r="C31411" t="s">
        <v>19409</v>
      </c>
      <c r="D31411" t="s">
        <v>19410</v>
      </c>
      <c r="E31411" t="s">
        <v>19379</v>
      </c>
      <c r="F31411" t="s">
        <v>19380</v>
      </c>
      <c r="G31411" t="s">
        <v>10734</v>
      </c>
      <c r="H31411" t="s">
        <v>10735</v>
      </c>
      <c r="I31411" s="2">
        <v>0</v>
      </c>
      <c r="J31411" s="2">
        <v>0</v>
      </c>
      <c r="K31411" s="2">
        <v>1</v>
      </c>
      <c r="L31411" t="s">
        <v>995</v>
      </c>
      <c r="M31411" t="s">
        <v>87</v>
      </c>
      <c r="N31411" t="s">
        <v>88</v>
      </c>
      <c r="O31411" t="s">
        <v>85</v>
      </c>
      <c r="P31411" t="s">
        <v>86</v>
      </c>
      <c r="Q31411">
        <v>26</v>
      </c>
      <c r="R31411">
        <v>27</v>
      </c>
      <c r="S31411">
        <v>27</v>
      </c>
      <c r="T31411">
        <v>27</v>
      </c>
      <c r="U31411">
        <v>28</v>
      </c>
      <c r="V31411">
        <v>28</v>
      </c>
      <c r="W31411">
        <v>28</v>
      </c>
      <c r="X31411">
        <v>29</v>
      </c>
      <c r="Y31411">
        <v>29</v>
      </c>
      <c r="Z31411">
        <v>29</v>
      </c>
      <c r="AA31411">
        <v>30</v>
      </c>
      <c r="AB31411">
        <v>30</v>
      </c>
      <c r="AC31411">
        <v>30</v>
      </c>
      <c r="AD31411">
        <v>30</v>
      </c>
      <c r="AE31411">
        <v>31</v>
      </c>
      <c r="AF31411">
        <v>31</v>
      </c>
      <c r="AG31411">
        <v>31</v>
      </c>
      <c r="AH31411">
        <v>32</v>
      </c>
      <c r="AI31411">
        <v>32</v>
      </c>
      <c r="AJ31411">
        <v>32</v>
      </c>
      <c r="AK31411">
        <v>33</v>
      </c>
      <c r="AL31411">
        <v>33</v>
      </c>
      <c r="AM31411">
        <v>33</v>
      </c>
      <c r="AN31411">
        <v>33</v>
      </c>
      <c r="AO31411">
        <v>34</v>
      </c>
      <c r="AP31411">
        <v>34</v>
      </c>
      <c r="AQ31411">
        <v>34</v>
      </c>
    </row>
    <row r="31412" spans="1:43">
      <c r="A31412" t="s">
        <v>19459</v>
      </c>
      <c r="B31412" t="s">
        <v>19460</v>
      </c>
      <c r="C31412" t="s">
        <v>19409</v>
      </c>
      <c r="D31412" t="s">
        <v>19410</v>
      </c>
      <c r="E31412" t="s">
        <v>19379</v>
      </c>
      <c r="F31412" t="s">
        <v>19380</v>
      </c>
      <c r="G31412" t="s">
        <v>10734</v>
      </c>
      <c r="H31412" t="s">
        <v>10735</v>
      </c>
      <c r="I31412" s="2">
        <v>0</v>
      </c>
      <c r="J31412" s="2">
        <v>0</v>
      </c>
      <c r="K31412" s="2">
        <v>1</v>
      </c>
      <c r="L31412" t="s">
        <v>995</v>
      </c>
      <c r="M31412" t="s">
        <v>89</v>
      </c>
      <c r="N31412" t="s">
        <v>90</v>
      </c>
      <c r="O31412" t="s">
        <v>85</v>
      </c>
      <c r="P31412" t="s">
        <v>86</v>
      </c>
      <c r="Q31412">
        <v>26</v>
      </c>
      <c r="R31412">
        <v>27</v>
      </c>
      <c r="S31412">
        <v>27</v>
      </c>
      <c r="T31412">
        <v>28</v>
      </c>
      <c r="U31412">
        <v>29</v>
      </c>
      <c r="V31412">
        <v>30</v>
      </c>
      <c r="W31412">
        <v>30</v>
      </c>
      <c r="X31412">
        <v>31</v>
      </c>
      <c r="Y31412">
        <v>32</v>
      </c>
      <c r="Z31412">
        <v>33</v>
      </c>
      <c r="AA31412">
        <v>33</v>
      </c>
      <c r="AB31412">
        <v>34</v>
      </c>
      <c r="AC31412">
        <v>35</v>
      </c>
      <c r="AD31412">
        <v>35</v>
      </c>
      <c r="AE31412">
        <v>36</v>
      </c>
      <c r="AF31412">
        <v>36</v>
      </c>
      <c r="AG31412">
        <v>36</v>
      </c>
      <c r="AH31412">
        <v>37</v>
      </c>
      <c r="AI31412">
        <v>37</v>
      </c>
      <c r="AJ31412">
        <v>37</v>
      </c>
      <c r="AK31412">
        <v>37</v>
      </c>
      <c r="AL31412">
        <v>38</v>
      </c>
      <c r="AM31412">
        <v>38</v>
      </c>
      <c r="AN31412">
        <v>38</v>
      </c>
      <c r="AO31412">
        <v>38</v>
      </c>
      <c r="AP31412">
        <v>38</v>
      </c>
      <c r="AQ31412">
        <v>39</v>
      </c>
    </row>
    <row r="31413" spans="1:43">
      <c r="A31413" t="s">
        <v>19459</v>
      </c>
      <c r="B31413" t="s">
        <v>19460</v>
      </c>
      <c r="C31413" t="s">
        <v>19409</v>
      </c>
      <c r="D31413" t="s">
        <v>19410</v>
      </c>
      <c r="E31413" t="s">
        <v>19379</v>
      </c>
      <c r="F31413" t="s">
        <v>19380</v>
      </c>
      <c r="G31413" t="s">
        <v>10734</v>
      </c>
      <c r="H31413" t="s">
        <v>10735</v>
      </c>
      <c r="I31413" s="2">
        <v>0</v>
      </c>
      <c r="J31413" s="2">
        <v>0</v>
      </c>
      <c r="K31413" s="2">
        <v>1</v>
      </c>
      <c r="L31413" t="s">
        <v>995</v>
      </c>
      <c r="M31413" t="s">
        <v>83</v>
      </c>
      <c r="N31413" t="s">
        <v>91</v>
      </c>
      <c r="O31413" t="s">
        <v>85</v>
      </c>
      <c r="P31413" t="s">
        <v>86</v>
      </c>
      <c r="Q31413">
        <v>26</v>
      </c>
      <c r="R31413">
        <v>26</v>
      </c>
      <c r="S31413">
        <v>27</v>
      </c>
      <c r="T31413">
        <v>27</v>
      </c>
      <c r="U31413">
        <v>28</v>
      </c>
      <c r="V31413">
        <v>28</v>
      </c>
      <c r="W31413">
        <v>29</v>
      </c>
      <c r="X31413">
        <v>30</v>
      </c>
      <c r="Y31413">
        <v>30</v>
      </c>
      <c r="Z31413">
        <v>31</v>
      </c>
      <c r="AA31413">
        <v>31</v>
      </c>
      <c r="AB31413">
        <v>32</v>
      </c>
      <c r="AC31413">
        <v>32</v>
      </c>
      <c r="AD31413">
        <v>33</v>
      </c>
      <c r="AE31413">
        <v>34</v>
      </c>
      <c r="AF31413">
        <v>34</v>
      </c>
      <c r="AG31413">
        <v>35</v>
      </c>
      <c r="AH31413">
        <v>35</v>
      </c>
      <c r="AI31413">
        <v>36</v>
      </c>
      <c r="AJ31413">
        <v>36</v>
      </c>
      <c r="AK31413">
        <v>37</v>
      </c>
      <c r="AL31413">
        <v>37</v>
      </c>
      <c r="AM31413">
        <v>37</v>
      </c>
      <c r="AN31413">
        <v>38</v>
      </c>
      <c r="AO31413">
        <v>38</v>
      </c>
      <c r="AP31413">
        <v>38</v>
      </c>
      <c r="AQ31413">
        <v>38</v>
      </c>
    </row>
    <row r="31414" spans="1:43">
      <c r="A31414" t="s">
        <v>19461</v>
      </c>
      <c r="B31414" t="s">
        <v>19462</v>
      </c>
      <c r="C31414" t="s">
        <v>19445</v>
      </c>
      <c r="D31414" t="s">
        <v>19446</v>
      </c>
      <c r="E31414" t="s">
        <v>19379</v>
      </c>
      <c r="F31414" t="s">
        <v>19380</v>
      </c>
      <c r="G31414" t="s">
        <v>10734</v>
      </c>
      <c r="H31414" t="s">
        <v>10735</v>
      </c>
      <c r="I31414" s="2">
        <v>0</v>
      </c>
      <c r="J31414" s="2">
        <v>0</v>
      </c>
      <c r="K31414" s="2">
        <v>1</v>
      </c>
      <c r="L31414" t="s">
        <v>995</v>
      </c>
      <c r="M31414" t="s">
        <v>83</v>
      </c>
      <c r="N31414" t="s">
        <v>84</v>
      </c>
      <c r="O31414" t="s">
        <v>85</v>
      </c>
      <c r="P31414" t="s">
        <v>86</v>
      </c>
      <c r="Q31414">
        <v>49</v>
      </c>
      <c r="R31414">
        <v>50</v>
      </c>
      <c r="S31414">
        <v>51</v>
      </c>
      <c r="T31414">
        <v>52</v>
      </c>
      <c r="U31414">
        <v>53</v>
      </c>
      <c r="V31414">
        <v>54</v>
      </c>
      <c r="W31414">
        <v>55</v>
      </c>
      <c r="X31414">
        <v>57</v>
      </c>
      <c r="Y31414">
        <v>58</v>
      </c>
      <c r="Z31414">
        <v>59</v>
      </c>
      <c r="AA31414">
        <v>60</v>
      </c>
      <c r="AB31414">
        <v>61</v>
      </c>
      <c r="AC31414">
        <v>62</v>
      </c>
      <c r="AD31414">
        <v>64</v>
      </c>
      <c r="AE31414">
        <v>65</v>
      </c>
      <c r="AF31414">
        <v>66</v>
      </c>
      <c r="AG31414">
        <v>67</v>
      </c>
      <c r="AH31414">
        <v>68</v>
      </c>
      <c r="AI31414">
        <v>69</v>
      </c>
      <c r="AJ31414">
        <v>70</v>
      </c>
      <c r="AK31414">
        <v>72</v>
      </c>
      <c r="AL31414">
        <v>72</v>
      </c>
      <c r="AM31414">
        <v>73</v>
      </c>
      <c r="AN31414">
        <v>73</v>
      </c>
      <c r="AO31414">
        <v>74</v>
      </c>
      <c r="AP31414">
        <v>74</v>
      </c>
      <c r="AQ31414">
        <v>75</v>
      </c>
    </row>
    <row r="31415" spans="1:43">
      <c r="A31415" t="s">
        <v>19461</v>
      </c>
      <c r="B31415" t="s">
        <v>19462</v>
      </c>
      <c r="C31415" t="s">
        <v>19445</v>
      </c>
      <c r="D31415" t="s">
        <v>19446</v>
      </c>
      <c r="E31415" t="s">
        <v>19379</v>
      </c>
      <c r="F31415" t="s">
        <v>19380</v>
      </c>
      <c r="G31415" t="s">
        <v>10734</v>
      </c>
      <c r="H31415" t="s">
        <v>10735</v>
      </c>
      <c r="I31415" s="2">
        <v>0</v>
      </c>
      <c r="J31415" s="2">
        <v>0</v>
      </c>
      <c r="K31415" s="2">
        <v>1</v>
      </c>
      <c r="L31415" t="s">
        <v>995</v>
      </c>
      <c r="M31415" t="s">
        <v>87</v>
      </c>
      <c r="N31415" t="s">
        <v>88</v>
      </c>
      <c r="O31415" t="s">
        <v>85</v>
      </c>
      <c r="P31415" t="s">
        <v>86</v>
      </c>
      <c r="Q31415">
        <v>49</v>
      </c>
      <c r="R31415">
        <v>50</v>
      </c>
      <c r="S31415">
        <v>50</v>
      </c>
      <c r="T31415">
        <v>51</v>
      </c>
      <c r="U31415">
        <v>52</v>
      </c>
      <c r="V31415">
        <v>52</v>
      </c>
      <c r="W31415">
        <v>53</v>
      </c>
      <c r="X31415">
        <v>54</v>
      </c>
      <c r="Y31415">
        <v>54</v>
      </c>
      <c r="Z31415">
        <v>55</v>
      </c>
      <c r="AA31415">
        <v>56</v>
      </c>
      <c r="AB31415">
        <v>56</v>
      </c>
      <c r="AC31415">
        <v>57</v>
      </c>
      <c r="AD31415">
        <v>58</v>
      </c>
      <c r="AE31415">
        <v>58</v>
      </c>
      <c r="AF31415">
        <v>59</v>
      </c>
      <c r="AG31415">
        <v>59</v>
      </c>
      <c r="AH31415">
        <v>60</v>
      </c>
      <c r="AI31415">
        <v>61</v>
      </c>
      <c r="AJ31415">
        <v>61</v>
      </c>
      <c r="AK31415">
        <v>62</v>
      </c>
      <c r="AL31415">
        <v>62</v>
      </c>
      <c r="AM31415">
        <v>63</v>
      </c>
      <c r="AN31415">
        <v>64</v>
      </c>
      <c r="AO31415">
        <v>64</v>
      </c>
      <c r="AP31415">
        <v>65</v>
      </c>
      <c r="AQ31415">
        <v>65</v>
      </c>
    </row>
    <row r="31416" spans="1:43">
      <c r="A31416" t="s">
        <v>19461</v>
      </c>
      <c r="B31416" t="s">
        <v>19462</v>
      </c>
      <c r="C31416" t="s">
        <v>19445</v>
      </c>
      <c r="D31416" t="s">
        <v>19446</v>
      </c>
      <c r="E31416" t="s">
        <v>19379</v>
      </c>
      <c r="F31416" t="s">
        <v>19380</v>
      </c>
      <c r="G31416" t="s">
        <v>10734</v>
      </c>
      <c r="H31416" t="s">
        <v>10735</v>
      </c>
      <c r="I31416" s="2">
        <v>0</v>
      </c>
      <c r="J31416" s="2">
        <v>0</v>
      </c>
      <c r="K31416" s="2">
        <v>1</v>
      </c>
      <c r="L31416" t="s">
        <v>995</v>
      </c>
      <c r="M31416" t="s">
        <v>89</v>
      </c>
      <c r="N31416" t="s">
        <v>90</v>
      </c>
      <c r="O31416" t="s">
        <v>85</v>
      </c>
      <c r="P31416" t="s">
        <v>86</v>
      </c>
      <c r="Q31416">
        <v>49</v>
      </c>
      <c r="R31416">
        <v>51</v>
      </c>
      <c r="S31416">
        <v>52</v>
      </c>
      <c r="T31416">
        <v>54</v>
      </c>
      <c r="U31416">
        <v>55</v>
      </c>
      <c r="V31416">
        <v>57</v>
      </c>
      <c r="W31416">
        <v>58</v>
      </c>
      <c r="X31416">
        <v>60</v>
      </c>
      <c r="Y31416">
        <v>61</v>
      </c>
      <c r="Z31416">
        <v>63</v>
      </c>
      <c r="AA31416">
        <v>64</v>
      </c>
      <c r="AB31416">
        <v>65</v>
      </c>
      <c r="AC31416">
        <v>67</v>
      </c>
      <c r="AD31416">
        <v>68</v>
      </c>
      <c r="AE31416">
        <v>70</v>
      </c>
      <c r="AF31416">
        <v>70</v>
      </c>
      <c r="AG31416">
        <v>71</v>
      </c>
      <c r="AH31416">
        <v>71</v>
      </c>
      <c r="AI31416">
        <v>72</v>
      </c>
      <c r="AJ31416">
        <v>72</v>
      </c>
      <c r="AK31416">
        <v>73</v>
      </c>
      <c r="AL31416">
        <v>73</v>
      </c>
      <c r="AM31416">
        <v>73</v>
      </c>
      <c r="AN31416">
        <v>74</v>
      </c>
      <c r="AO31416">
        <v>74</v>
      </c>
      <c r="AP31416">
        <v>75</v>
      </c>
      <c r="AQ31416">
        <v>75</v>
      </c>
    </row>
    <row r="31417" spans="1:43">
      <c r="A31417" t="s">
        <v>19461</v>
      </c>
      <c r="B31417" t="s">
        <v>19462</v>
      </c>
      <c r="C31417" t="s">
        <v>19445</v>
      </c>
      <c r="D31417" t="s">
        <v>19446</v>
      </c>
      <c r="E31417" t="s">
        <v>19379</v>
      </c>
      <c r="F31417" t="s">
        <v>19380</v>
      </c>
      <c r="G31417" t="s">
        <v>10734</v>
      </c>
      <c r="H31417" t="s">
        <v>10735</v>
      </c>
      <c r="I31417" s="2">
        <v>0</v>
      </c>
      <c r="J31417" s="2">
        <v>0</v>
      </c>
      <c r="K31417" s="2">
        <v>1</v>
      </c>
      <c r="L31417" t="s">
        <v>995</v>
      </c>
      <c r="M31417" t="s">
        <v>83</v>
      </c>
      <c r="N31417" t="s">
        <v>91</v>
      </c>
      <c r="O31417" t="s">
        <v>85</v>
      </c>
      <c r="P31417" t="s">
        <v>86</v>
      </c>
      <c r="Q31417">
        <v>49</v>
      </c>
      <c r="R31417">
        <v>50</v>
      </c>
      <c r="S31417">
        <v>51</v>
      </c>
      <c r="T31417">
        <v>52</v>
      </c>
      <c r="U31417">
        <v>53</v>
      </c>
      <c r="V31417">
        <v>54</v>
      </c>
      <c r="W31417">
        <v>55</v>
      </c>
      <c r="X31417">
        <v>57</v>
      </c>
      <c r="Y31417">
        <v>58</v>
      </c>
      <c r="Z31417">
        <v>59</v>
      </c>
      <c r="AA31417">
        <v>60</v>
      </c>
      <c r="AB31417">
        <v>61</v>
      </c>
      <c r="AC31417">
        <v>62</v>
      </c>
      <c r="AD31417">
        <v>64</v>
      </c>
      <c r="AE31417">
        <v>65</v>
      </c>
      <c r="AF31417">
        <v>66</v>
      </c>
      <c r="AG31417">
        <v>67</v>
      </c>
      <c r="AH31417">
        <v>68</v>
      </c>
      <c r="AI31417">
        <v>69</v>
      </c>
      <c r="AJ31417">
        <v>70</v>
      </c>
      <c r="AK31417">
        <v>72</v>
      </c>
      <c r="AL31417">
        <v>72</v>
      </c>
      <c r="AM31417">
        <v>73</v>
      </c>
      <c r="AN31417">
        <v>73</v>
      </c>
      <c r="AO31417">
        <v>74</v>
      </c>
      <c r="AP31417">
        <v>74</v>
      </c>
      <c r="AQ31417">
        <v>75</v>
      </c>
    </row>
    <row r="31418" spans="1:43">
      <c r="A31418" t="s">
        <v>19463</v>
      </c>
      <c r="B31418" t="s">
        <v>19464</v>
      </c>
      <c r="C31418" t="s">
        <v>19395</v>
      </c>
      <c r="D31418" t="s">
        <v>19396</v>
      </c>
      <c r="E31418" t="s">
        <v>19379</v>
      </c>
      <c r="F31418" t="s">
        <v>19380</v>
      </c>
      <c r="G31418" t="s">
        <v>10734</v>
      </c>
      <c r="H31418" t="s">
        <v>10735</v>
      </c>
      <c r="I31418" s="2">
        <v>0</v>
      </c>
      <c r="J31418" s="2">
        <v>0</v>
      </c>
      <c r="K31418" s="2">
        <v>1</v>
      </c>
      <c r="L31418" t="s">
        <v>995</v>
      </c>
      <c r="M31418" t="s">
        <v>83</v>
      </c>
      <c r="N31418" t="s">
        <v>84</v>
      </c>
      <c r="O31418" t="s">
        <v>85</v>
      </c>
      <c r="P31418" t="s">
        <v>86</v>
      </c>
      <c r="Q31418">
        <v>20</v>
      </c>
      <c r="R31418">
        <v>21</v>
      </c>
      <c r="S31418">
        <v>21</v>
      </c>
      <c r="T31418">
        <v>22</v>
      </c>
      <c r="U31418">
        <v>22</v>
      </c>
      <c r="V31418">
        <v>23</v>
      </c>
      <c r="W31418">
        <v>23</v>
      </c>
      <c r="X31418">
        <v>24</v>
      </c>
      <c r="Y31418">
        <v>24</v>
      </c>
      <c r="Z31418">
        <v>25</v>
      </c>
      <c r="AA31418">
        <v>25</v>
      </c>
      <c r="AB31418">
        <v>26</v>
      </c>
      <c r="AC31418">
        <v>26</v>
      </c>
      <c r="AD31418">
        <v>27</v>
      </c>
      <c r="AE31418">
        <v>27</v>
      </c>
      <c r="AF31418">
        <v>28</v>
      </c>
      <c r="AG31418">
        <v>28</v>
      </c>
      <c r="AH31418">
        <v>28</v>
      </c>
      <c r="AI31418">
        <v>29</v>
      </c>
      <c r="AJ31418">
        <v>29</v>
      </c>
      <c r="AK31418">
        <v>30</v>
      </c>
      <c r="AL31418">
        <v>30</v>
      </c>
      <c r="AM31418">
        <v>30</v>
      </c>
      <c r="AN31418">
        <v>31</v>
      </c>
      <c r="AO31418">
        <v>31</v>
      </c>
      <c r="AP31418">
        <v>31</v>
      </c>
      <c r="AQ31418">
        <v>31</v>
      </c>
    </row>
    <row r="31419" spans="1:43">
      <c r="A31419" t="s">
        <v>19463</v>
      </c>
      <c r="B31419" t="s">
        <v>19464</v>
      </c>
      <c r="C31419" t="s">
        <v>19395</v>
      </c>
      <c r="D31419" t="s">
        <v>19396</v>
      </c>
      <c r="E31419" t="s">
        <v>19379</v>
      </c>
      <c r="F31419" t="s">
        <v>19380</v>
      </c>
      <c r="G31419" t="s">
        <v>10734</v>
      </c>
      <c r="H31419" t="s">
        <v>10735</v>
      </c>
      <c r="I31419" s="2">
        <v>0</v>
      </c>
      <c r="J31419" s="2">
        <v>0</v>
      </c>
      <c r="K31419" s="2">
        <v>1</v>
      </c>
      <c r="L31419" t="s">
        <v>995</v>
      </c>
      <c r="M31419" t="s">
        <v>87</v>
      </c>
      <c r="N31419" t="s">
        <v>88</v>
      </c>
      <c r="O31419" t="s">
        <v>85</v>
      </c>
      <c r="P31419" t="s">
        <v>86</v>
      </c>
      <c r="Q31419">
        <v>20</v>
      </c>
      <c r="R31419">
        <v>20</v>
      </c>
      <c r="S31419">
        <v>21</v>
      </c>
      <c r="T31419">
        <v>21</v>
      </c>
      <c r="U31419">
        <v>21</v>
      </c>
      <c r="V31419">
        <v>21</v>
      </c>
      <c r="W31419">
        <v>22</v>
      </c>
      <c r="X31419">
        <v>22</v>
      </c>
      <c r="Y31419">
        <v>22</v>
      </c>
      <c r="Z31419">
        <v>23</v>
      </c>
      <c r="AA31419">
        <v>23</v>
      </c>
      <c r="AB31419">
        <v>23</v>
      </c>
      <c r="AC31419">
        <v>23</v>
      </c>
      <c r="AD31419">
        <v>24</v>
      </c>
      <c r="AE31419">
        <v>24</v>
      </c>
      <c r="AF31419">
        <v>24</v>
      </c>
      <c r="AG31419">
        <v>24</v>
      </c>
      <c r="AH31419">
        <v>25</v>
      </c>
      <c r="AI31419">
        <v>25</v>
      </c>
      <c r="AJ31419">
        <v>25</v>
      </c>
      <c r="AK31419">
        <v>25</v>
      </c>
      <c r="AL31419">
        <v>26</v>
      </c>
      <c r="AM31419">
        <v>26</v>
      </c>
      <c r="AN31419">
        <v>26</v>
      </c>
      <c r="AO31419">
        <v>26</v>
      </c>
      <c r="AP31419">
        <v>27</v>
      </c>
      <c r="AQ31419">
        <v>27</v>
      </c>
    </row>
    <row r="31420" spans="1:43">
      <c r="A31420" t="s">
        <v>19463</v>
      </c>
      <c r="B31420" t="s">
        <v>19464</v>
      </c>
      <c r="C31420" t="s">
        <v>19395</v>
      </c>
      <c r="D31420" t="s">
        <v>19396</v>
      </c>
      <c r="E31420" t="s">
        <v>19379</v>
      </c>
      <c r="F31420" t="s">
        <v>19380</v>
      </c>
      <c r="G31420" t="s">
        <v>10734</v>
      </c>
      <c r="H31420" t="s">
        <v>10735</v>
      </c>
      <c r="I31420" s="2">
        <v>0</v>
      </c>
      <c r="J31420" s="2">
        <v>0</v>
      </c>
      <c r="K31420" s="2">
        <v>1</v>
      </c>
      <c r="L31420" t="s">
        <v>995</v>
      </c>
      <c r="M31420" t="s">
        <v>89</v>
      </c>
      <c r="N31420" t="s">
        <v>90</v>
      </c>
      <c r="O31420" t="s">
        <v>85</v>
      </c>
      <c r="P31420" t="s">
        <v>86</v>
      </c>
      <c r="Q31420">
        <v>20</v>
      </c>
      <c r="R31420">
        <v>21</v>
      </c>
      <c r="S31420">
        <v>22</v>
      </c>
      <c r="T31420">
        <v>22</v>
      </c>
      <c r="U31420">
        <v>23</v>
      </c>
      <c r="V31420">
        <v>24</v>
      </c>
      <c r="W31420">
        <v>24</v>
      </c>
      <c r="X31420">
        <v>25</v>
      </c>
      <c r="Y31420">
        <v>26</v>
      </c>
      <c r="Z31420">
        <v>26</v>
      </c>
      <c r="AA31420">
        <v>27</v>
      </c>
      <c r="AB31420">
        <v>27</v>
      </c>
      <c r="AC31420">
        <v>28</v>
      </c>
      <c r="AD31420">
        <v>29</v>
      </c>
      <c r="AE31420">
        <v>29</v>
      </c>
      <c r="AF31420">
        <v>29</v>
      </c>
      <c r="AG31420">
        <v>29</v>
      </c>
      <c r="AH31420">
        <v>30</v>
      </c>
      <c r="AI31420">
        <v>30</v>
      </c>
      <c r="AJ31420">
        <v>30</v>
      </c>
      <c r="AK31420">
        <v>30</v>
      </c>
      <c r="AL31420">
        <v>30</v>
      </c>
      <c r="AM31420">
        <v>31</v>
      </c>
      <c r="AN31420">
        <v>31</v>
      </c>
      <c r="AO31420">
        <v>31</v>
      </c>
      <c r="AP31420">
        <v>31</v>
      </c>
      <c r="AQ31420">
        <v>31</v>
      </c>
    </row>
    <row r="31421" spans="1:43">
      <c r="A31421" t="s">
        <v>19463</v>
      </c>
      <c r="B31421" t="s">
        <v>19464</v>
      </c>
      <c r="C31421" t="s">
        <v>19395</v>
      </c>
      <c r="D31421" t="s">
        <v>19396</v>
      </c>
      <c r="E31421" t="s">
        <v>19379</v>
      </c>
      <c r="F31421" t="s">
        <v>19380</v>
      </c>
      <c r="G31421" t="s">
        <v>10734</v>
      </c>
      <c r="H31421" t="s">
        <v>10735</v>
      </c>
      <c r="I31421" s="2">
        <v>0</v>
      </c>
      <c r="J31421" s="2">
        <v>0</v>
      </c>
      <c r="K31421" s="2">
        <v>1</v>
      </c>
      <c r="L31421" t="s">
        <v>995</v>
      </c>
      <c r="M31421" t="s">
        <v>83</v>
      </c>
      <c r="N31421" t="s">
        <v>91</v>
      </c>
      <c r="O31421" t="s">
        <v>85</v>
      </c>
      <c r="P31421" t="s">
        <v>86</v>
      </c>
      <c r="Q31421">
        <v>20</v>
      </c>
      <c r="R31421">
        <v>21</v>
      </c>
      <c r="S31421">
        <v>21</v>
      </c>
      <c r="T31421">
        <v>22</v>
      </c>
      <c r="U31421">
        <v>22</v>
      </c>
      <c r="V31421">
        <v>23</v>
      </c>
      <c r="W31421">
        <v>23</v>
      </c>
      <c r="X31421">
        <v>24</v>
      </c>
      <c r="Y31421">
        <v>24</v>
      </c>
      <c r="Z31421">
        <v>25</v>
      </c>
      <c r="AA31421">
        <v>25</v>
      </c>
      <c r="AB31421">
        <v>26</v>
      </c>
      <c r="AC31421">
        <v>26</v>
      </c>
      <c r="AD31421">
        <v>27</v>
      </c>
      <c r="AE31421">
        <v>27</v>
      </c>
      <c r="AF31421">
        <v>28</v>
      </c>
      <c r="AG31421">
        <v>28</v>
      </c>
      <c r="AH31421">
        <v>28</v>
      </c>
      <c r="AI31421">
        <v>29</v>
      </c>
      <c r="AJ31421">
        <v>29</v>
      </c>
      <c r="AK31421">
        <v>30</v>
      </c>
      <c r="AL31421">
        <v>30</v>
      </c>
      <c r="AM31421">
        <v>30</v>
      </c>
      <c r="AN31421">
        <v>31</v>
      </c>
      <c r="AO31421">
        <v>31</v>
      </c>
      <c r="AP31421">
        <v>31</v>
      </c>
      <c r="AQ31421">
        <v>31</v>
      </c>
    </row>
    <row r="31422" spans="1:43">
      <c r="A31422" t="s">
        <v>19465</v>
      </c>
      <c r="B31422" t="s">
        <v>19466</v>
      </c>
      <c r="C31422" t="s">
        <v>19445</v>
      </c>
      <c r="D31422" t="s">
        <v>19446</v>
      </c>
      <c r="E31422" t="s">
        <v>19379</v>
      </c>
      <c r="F31422" t="s">
        <v>19380</v>
      </c>
      <c r="G31422" t="s">
        <v>10734</v>
      </c>
      <c r="H31422" t="s">
        <v>10735</v>
      </c>
      <c r="I31422" s="2">
        <v>0</v>
      </c>
      <c r="J31422" s="2">
        <v>0</v>
      </c>
      <c r="K31422" s="2">
        <v>1</v>
      </c>
      <c r="L31422" t="s">
        <v>995</v>
      </c>
      <c r="M31422" t="s">
        <v>83</v>
      </c>
      <c r="N31422" t="s">
        <v>84</v>
      </c>
      <c r="O31422" t="s">
        <v>85</v>
      </c>
      <c r="P31422" t="s">
        <v>86</v>
      </c>
      <c r="Q31422">
        <v>60</v>
      </c>
      <c r="R31422">
        <v>61</v>
      </c>
      <c r="S31422">
        <v>62</v>
      </c>
      <c r="T31422">
        <v>64</v>
      </c>
      <c r="U31422">
        <v>65</v>
      </c>
      <c r="V31422">
        <v>67</v>
      </c>
      <c r="W31422">
        <v>68</v>
      </c>
      <c r="X31422">
        <v>69</v>
      </c>
      <c r="Y31422">
        <v>71</v>
      </c>
      <c r="Z31422">
        <v>72</v>
      </c>
      <c r="AA31422">
        <v>74</v>
      </c>
      <c r="AB31422">
        <v>75</v>
      </c>
      <c r="AC31422">
        <v>76</v>
      </c>
      <c r="AD31422">
        <v>78</v>
      </c>
      <c r="AE31422">
        <v>79</v>
      </c>
      <c r="AF31422">
        <v>81</v>
      </c>
      <c r="AG31422">
        <v>82</v>
      </c>
      <c r="AH31422">
        <v>84</v>
      </c>
      <c r="AI31422">
        <v>85</v>
      </c>
      <c r="AJ31422">
        <v>86</v>
      </c>
      <c r="AK31422">
        <v>88</v>
      </c>
      <c r="AL31422">
        <v>89</v>
      </c>
      <c r="AM31422">
        <v>89</v>
      </c>
      <c r="AN31422">
        <v>90</v>
      </c>
      <c r="AO31422">
        <v>90</v>
      </c>
      <c r="AP31422">
        <v>91</v>
      </c>
      <c r="AQ31422">
        <v>91</v>
      </c>
    </row>
    <row r="31423" spans="1:43">
      <c r="A31423" t="s">
        <v>19465</v>
      </c>
      <c r="B31423" t="s">
        <v>19466</v>
      </c>
      <c r="C31423" t="s">
        <v>19445</v>
      </c>
      <c r="D31423" t="s">
        <v>19446</v>
      </c>
      <c r="E31423" t="s">
        <v>19379</v>
      </c>
      <c r="F31423" t="s">
        <v>19380</v>
      </c>
      <c r="G31423" t="s">
        <v>10734</v>
      </c>
      <c r="H31423" t="s">
        <v>10735</v>
      </c>
      <c r="I31423" s="2">
        <v>0</v>
      </c>
      <c r="J31423" s="2">
        <v>0</v>
      </c>
      <c r="K31423" s="2">
        <v>1</v>
      </c>
      <c r="L31423" t="s">
        <v>995</v>
      </c>
      <c r="M31423" t="s">
        <v>87</v>
      </c>
      <c r="N31423" t="s">
        <v>88</v>
      </c>
      <c r="O31423" t="s">
        <v>85</v>
      </c>
      <c r="P31423" t="s">
        <v>86</v>
      </c>
      <c r="Q31423">
        <v>60</v>
      </c>
      <c r="R31423">
        <v>61</v>
      </c>
      <c r="S31423">
        <v>62</v>
      </c>
      <c r="T31423">
        <v>62</v>
      </c>
      <c r="U31423">
        <v>63</v>
      </c>
      <c r="V31423">
        <v>64</v>
      </c>
      <c r="W31423">
        <v>65</v>
      </c>
      <c r="X31423">
        <v>66</v>
      </c>
      <c r="Y31423">
        <v>66</v>
      </c>
      <c r="Z31423">
        <v>67</v>
      </c>
      <c r="AA31423">
        <v>68</v>
      </c>
      <c r="AB31423">
        <v>69</v>
      </c>
      <c r="AC31423">
        <v>70</v>
      </c>
      <c r="AD31423">
        <v>70</v>
      </c>
      <c r="AE31423">
        <v>71</v>
      </c>
      <c r="AF31423">
        <v>72</v>
      </c>
      <c r="AG31423">
        <v>73</v>
      </c>
      <c r="AH31423">
        <v>73</v>
      </c>
      <c r="AI31423">
        <v>74</v>
      </c>
      <c r="AJ31423">
        <v>75</v>
      </c>
      <c r="AK31423">
        <v>76</v>
      </c>
      <c r="AL31423">
        <v>76</v>
      </c>
      <c r="AM31423">
        <v>77</v>
      </c>
      <c r="AN31423">
        <v>78</v>
      </c>
      <c r="AO31423">
        <v>78</v>
      </c>
      <c r="AP31423">
        <v>79</v>
      </c>
      <c r="AQ31423">
        <v>80</v>
      </c>
    </row>
    <row r="31424" spans="1:43">
      <c r="A31424" t="s">
        <v>19465</v>
      </c>
      <c r="B31424" t="s">
        <v>19466</v>
      </c>
      <c r="C31424" t="s">
        <v>19445</v>
      </c>
      <c r="D31424" t="s">
        <v>19446</v>
      </c>
      <c r="E31424" t="s">
        <v>19379</v>
      </c>
      <c r="F31424" t="s">
        <v>19380</v>
      </c>
      <c r="G31424" t="s">
        <v>10734</v>
      </c>
      <c r="H31424" t="s">
        <v>10735</v>
      </c>
      <c r="I31424" s="2">
        <v>0</v>
      </c>
      <c r="J31424" s="2">
        <v>0</v>
      </c>
      <c r="K31424" s="2">
        <v>1</v>
      </c>
      <c r="L31424" t="s">
        <v>995</v>
      </c>
      <c r="M31424" t="s">
        <v>89</v>
      </c>
      <c r="N31424" t="s">
        <v>90</v>
      </c>
      <c r="O31424" t="s">
        <v>85</v>
      </c>
      <c r="P31424" t="s">
        <v>86</v>
      </c>
      <c r="Q31424">
        <v>60</v>
      </c>
      <c r="R31424">
        <v>62</v>
      </c>
      <c r="S31424">
        <v>64</v>
      </c>
      <c r="T31424">
        <v>66</v>
      </c>
      <c r="U31424">
        <v>68</v>
      </c>
      <c r="V31424">
        <v>70</v>
      </c>
      <c r="W31424">
        <v>71</v>
      </c>
      <c r="X31424">
        <v>73</v>
      </c>
      <c r="Y31424">
        <v>75</v>
      </c>
      <c r="Z31424">
        <v>77</v>
      </c>
      <c r="AA31424">
        <v>79</v>
      </c>
      <c r="AB31424">
        <v>80</v>
      </c>
      <c r="AC31424">
        <v>82</v>
      </c>
      <c r="AD31424">
        <v>84</v>
      </c>
      <c r="AE31424">
        <v>85</v>
      </c>
      <c r="AF31424">
        <v>86</v>
      </c>
      <c r="AG31424">
        <v>86</v>
      </c>
      <c r="AH31424">
        <v>87</v>
      </c>
      <c r="AI31424">
        <v>88</v>
      </c>
      <c r="AJ31424">
        <v>88</v>
      </c>
      <c r="AK31424">
        <v>89</v>
      </c>
      <c r="AL31424">
        <v>89</v>
      </c>
      <c r="AM31424">
        <v>90</v>
      </c>
      <c r="AN31424">
        <v>90</v>
      </c>
      <c r="AO31424">
        <v>91</v>
      </c>
      <c r="AP31424">
        <v>92</v>
      </c>
      <c r="AQ31424">
        <v>92</v>
      </c>
    </row>
    <row r="31425" spans="1:43">
      <c r="A31425" t="s">
        <v>19465</v>
      </c>
      <c r="B31425" t="s">
        <v>19466</v>
      </c>
      <c r="C31425" t="s">
        <v>19445</v>
      </c>
      <c r="D31425" t="s">
        <v>19446</v>
      </c>
      <c r="E31425" t="s">
        <v>19379</v>
      </c>
      <c r="F31425" t="s">
        <v>19380</v>
      </c>
      <c r="G31425" t="s">
        <v>10734</v>
      </c>
      <c r="H31425" t="s">
        <v>10735</v>
      </c>
      <c r="I31425" s="2">
        <v>0</v>
      </c>
      <c r="J31425" s="2">
        <v>0</v>
      </c>
      <c r="K31425" s="2">
        <v>1</v>
      </c>
      <c r="L31425" t="s">
        <v>995</v>
      </c>
      <c r="M31425" t="s">
        <v>83</v>
      </c>
      <c r="N31425" t="s">
        <v>91</v>
      </c>
      <c r="O31425" t="s">
        <v>85</v>
      </c>
      <c r="P31425" t="s">
        <v>86</v>
      </c>
      <c r="Q31425">
        <v>60</v>
      </c>
      <c r="R31425">
        <v>61</v>
      </c>
      <c r="S31425">
        <v>62</v>
      </c>
      <c r="T31425">
        <v>64</v>
      </c>
      <c r="U31425">
        <v>65</v>
      </c>
      <c r="V31425">
        <v>67</v>
      </c>
      <c r="W31425">
        <v>68</v>
      </c>
      <c r="X31425">
        <v>69</v>
      </c>
      <c r="Y31425">
        <v>71</v>
      </c>
      <c r="Z31425">
        <v>72</v>
      </c>
      <c r="AA31425">
        <v>74</v>
      </c>
      <c r="AB31425">
        <v>75</v>
      </c>
      <c r="AC31425">
        <v>76</v>
      </c>
      <c r="AD31425">
        <v>78</v>
      </c>
      <c r="AE31425">
        <v>79</v>
      </c>
      <c r="AF31425">
        <v>81</v>
      </c>
      <c r="AG31425">
        <v>82</v>
      </c>
      <c r="AH31425">
        <v>84</v>
      </c>
      <c r="AI31425">
        <v>85</v>
      </c>
      <c r="AJ31425">
        <v>86</v>
      </c>
      <c r="AK31425">
        <v>88</v>
      </c>
      <c r="AL31425">
        <v>89</v>
      </c>
      <c r="AM31425">
        <v>89</v>
      </c>
      <c r="AN31425">
        <v>90</v>
      </c>
      <c r="AO31425">
        <v>90</v>
      </c>
      <c r="AP31425">
        <v>91</v>
      </c>
      <c r="AQ31425">
        <v>91</v>
      </c>
    </row>
    <row r="31426" spans="1:43">
      <c r="A31426" t="s">
        <v>19467</v>
      </c>
      <c r="B31426" t="s">
        <v>19468</v>
      </c>
      <c r="C31426" t="s">
        <v>19469</v>
      </c>
      <c r="D31426" t="s">
        <v>19470</v>
      </c>
      <c r="E31426" t="s">
        <v>19379</v>
      </c>
      <c r="F31426" t="s">
        <v>19380</v>
      </c>
      <c r="G31426" t="s">
        <v>10734</v>
      </c>
      <c r="H31426" t="s">
        <v>10735</v>
      </c>
      <c r="I31426" s="2">
        <v>0</v>
      </c>
      <c r="J31426" s="2">
        <v>0</v>
      </c>
      <c r="K31426" s="2">
        <v>1</v>
      </c>
      <c r="L31426" t="s">
        <v>995</v>
      </c>
      <c r="M31426" t="s">
        <v>83</v>
      </c>
      <c r="N31426" t="s">
        <v>84</v>
      </c>
      <c r="O31426" t="s">
        <v>85</v>
      </c>
      <c r="P31426" t="s">
        <v>86</v>
      </c>
      <c r="Q31426">
        <v>23</v>
      </c>
      <c r="R31426">
        <v>24</v>
      </c>
      <c r="S31426">
        <v>24</v>
      </c>
      <c r="T31426">
        <v>25</v>
      </c>
      <c r="U31426">
        <v>25</v>
      </c>
      <c r="V31426">
        <v>26</v>
      </c>
      <c r="W31426">
        <v>26</v>
      </c>
      <c r="X31426">
        <v>27</v>
      </c>
      <c r="Y31426">
        <v>27</v>
      </c>
      <c r="Z31426">
        <v>28</v>
      </c>
      <c r="AA31426">
        <v>28</v>
      </c>
      <c r="AB31426">
        <v>29</v>
      </c>
      <c r="AC31426">
        <v>29</v>
      </c>
      <c r="AD31426">
        <v>30</v>
      </c>
      <c r="AE31426">
        <v>30</v>
      </c>
      <c r="AF31426">
        <v>31</v>
      </c>
      <c r="AG31426">
        <v>31</v>
      </c>
      <c r="AH31426">
        <v>32</v>
      </c>
      <c r="AI31426">
        <v>32</v>
      </c>
      <c r="AJ31426">
        <v>33</v>
      </c>
      <c r="AK31426">
        <v>33</v>
      </c>
      <c r="AL31426">
        <v>34</v>
      </c>
      <c r="AM31426">
        <v>34</v>
      </c>
      <c r="AN31426">
        <v>34</v>
      </c>
      <c r="AO31426">
        <v>34</v>
      </c>
      <c r="AP31426">
        <v>34</v>
      </c>
      <c r="AQ31426">
        <v>35</v>
      </c>
    </row>
    <row r="31427" spans="1:43">
      <c r="A31427" t="s">
        <v>19467</v>
      </c>
      <c r="B31427" t="s">
        <v>19468</v>
      </c>
      <c r="C31427" t="s">
        <v>19469</v>
      </c>
      <c r="D31427" t="s">
        <v>19470</v>
      </c>
      <c r="E31427" t="s">
        <v>19379</v>
      </c>
      <c r="F31427" t="s">
        <v>19380</v>
      </c>
      <c r="G31427" t="s">
        <v>10734</v>
      </c>
      <c r="H31427" t="s">
        <v>10735</v>
      </c>
      <c r="I31427" s="2">
        <v>0</v>
      </c>
      <c r="J31427" s="2">
        <v>0</v>
      </c>
      <c r="K31427" s="2">
        <v>1</v>
      </c>
      <c r="L31427" t="s">
        <v>995</v>
      </c>
      <c r="M31427" t="s">
        <v>87</v>
      </c>
      <c r="N31427" t="s">
        <v>88</v>
      </c>
      <c r="O31427" t="s">
        <v>85</v>
      </c>
      <c r="P31427" t="s">
        <v>86</v>
      </c>
      <c r="Q31427">
        <v>23</v>
      </c>
      <c r="R31427">
        <v>23</v>
      </c>
      <c r="S31427">
        <v>23</v>
      </c>
      <c r="T31427">
        <v>24</v>
      </c>
      <c r="U31427">
        <v>24</v>
      </c>
      <c r="V31427">
        <v>24</v>
      </c>
      <c r="W31427">
        <v>25</v>
      </c>
      <c r="X31427">
        <v>25</v>
      </c>
      <c r="Y31427">
        <v>25</v>
      </c>
      <c r="Z31427">
        <v>25</v>
      </c>
      <c r="AA31427">
        <v>26</v>
      </c>
      <c r="AB31427">
        <v>26</v>
      </c>
      <c r="AC31427">
        <v>26</v>
      </c>
      <c r="AD31427">
        <v>27</v>
      </c>
      <c r="AE31427">
        <v>27</v>
      </c>
      <c r="AF31427">
        <v>27</v>
      </c>
      <c r="AG31427">
        <v>27</v>
      </c>
      <c r="AH31427">
        <v>28</v>
      </c>
      <c r="AI31427">
        <v>28</v>
      </c>
      <c r="AJ31427">
        <v>28</v>
      </c>
      <c r="AK31427">
        <v>28</v>
      </c>
      <c r="AL31427">
        <v>29</v>
      </c>
      <c r="AM31427">
        <v>29</v>
      </c>
      <c r="AN31427">
        <v>29</v>
      </c>
      <c r="AO31427">
        <v>30</v>
      </c>
      <c r="AP31427">
        <v>30</v>
      </c>
      <c r="AQ31427">
        <v>30</v>
      </c>
    </row>
    <row r="31428" spans="1:43">
      <c r="A31428" t="s">
        <v>19467</v>
      </c>
      <c r="B31428" t="s">
        <v>19468</v>
      </c>
      <c r="C31428" t="s">
        <v>19469</v>
      </c>
      <c r="D31428" t="s">
        <v>19470</v>
      </c>
      <c r="E31428" t="s">
        <v>19379</v>
      </c>
      <c r="F31428" t="s">
        <v>19380</v>
      </c>
      <c r="G31428" t="s">
        <v>10734</v>
      </c>
      <c r="H31428" t="s">
        <v>10735</v>
      </c>
      <c r="I31428" s="2">
        <v>0</v>
      </c>
      <c r="J31428" s="2">
        <v>0</v>
      </c>
      <c r="K31428" s="2">
        <v>1</v>
      </c>
      <c r="L31428" t="s">
        <v>995</v>
      </c>
      <c r="M31428" t="s">
        <v>89</v>
      </c>
      <c r="N31428" t="s">
        <v>90</v>
      </c>
      <c r="O31428" t="s">
        <v>85</v>
      </c>
      <c r="P31428" t="s">
        <v>86</v>
      </c>
      <c r="Q31428">
        <v>23</v>
      </c>
      <c r="R31428">
        <v>24</v>
      </c>
      <c r="S31428">
        <v>25</v>
      </c>
      <c r="T31428">
        <v>25</v>
      </c>
      <c r="U31428">
        <v>26</v>
      </c>
      <c r="V31428">
        <v>27</v>
      </c>
      <c r="W31428">
        <v>28</v>
      </c>
      <c r="X31428">
        <v>28</v>
      </c>
      <c r="Y31428">
        <v>29</v>
      </c>
      <c r="Z31428">
        <v>29</v>
      </c>
      <c r="AA31428">
        <v>30</v>
      </c>
      <c r="AB31428">
        <v>31</v>
      </c>
      <c r="AC31428">
        <v>31</v>
      </c>
      <c r="AD31428">
        <v>32</v>
      </c>
      <c r="AE31428">
        <v>32</v>
      </c>
      <c r="AF31428">
        <v>33</v>
      </c>
      <c r="AG31428">
        <v>33</v>
      </c>
      <c r="AH31428">
        <v>33</v>
      </c>
      <c r="AI31428">
        <v>33</v>
      </c>
      <c r="AJ31428">
        <v>34</v>
      </c>
      <c r="AK31428">
        <v>34</v>
      </c>
      <c r="AL31428">
        <v>34</v>
      </c>
      <c r="AM31428">
        <v>34</v>
      </c>
      <c r="AN31428">
        <v>34</v>
      </c>
      <c r="AO31428">
        <v>35</v>
      </c>
      <c r="AP31428">
        <v>35</v>
      </c>
      <c r="AQ31428">
        <v>35</v>
      </c>
    </row>
    <row r="31429" spans="1:43">
      <c r="A31429" t="s">
        <v>19467</v>
      </c>
      <c r="B31429" t="s">
        <v>19468</v>
      </c>
      <c r="C31429" t="s">
        <v>19469</v>
      </c>
      <c r="D31429" t="s">
        <v>19470</v>
      </c>
      <c r="E31429" t="s">
        <v>19379</v>
      </c>
      <c r="F31429" t="s">
        <v>19380</v>
      </c>
      <c r="G31429" t="s">
        <v>10734</v>
      </c>
      <c r="H31429" t="s">
        <v>10735</v>
      </c>
      <c r="I31429" s="2">
        <v>0</v>
      </c>
      <c r="J31429" s="2">
        <v>0</v>
      </c>
      <c r="K31429" s="2">
        <v>1</v>
      </c>
      <c r="L31429" t="s">
        <v>995</v>
      </c>
      <c r="M31429" t="s">
        <v>83</v>
      </c>
      <c r="N31429" t="s">
        <v>91</v>
      </c>
      <c r="O31429" t="s">
        <v>85</v>
      </c>
      <c r="P31429" t="s">
        <v>86</v>
      </c>
      <c r="Q31429">
        <v>23</v>
      </c>
      <c r="R31429">
        <v>24</v>
      </c>
      <c r="S31429">
        <v>24</v>
      </c>
      <c r="T31429">
        <v>25</v>
      </c>
      <c r="U31429">
        <v>25</v>
      </c>
      <c r="V31429">
        <v>26</v>
      </c>
      <c r="W31429">
        <v>26</v>
      </c>
      <c r="X31429">
        <v>27</v>
      </c>
      <c r="Y31429">
        <v>27</v>
      </c>
      <c r="Z31429">
        <v>28</v>
      </c>
      <c r="AA31429">
        <v>28</v>
      </c>
      <c r="AB31429">
        <v>29</v>
      </c>
      <c r="AC31429">
        <v>29</v>
      </c>
      <c r="AD31429">
        <v>30</v>
      </c>
      <c r="AE31429">
        <v>30</v>
      </c>
      <c r="AF31429">
        <v>31</v>
      </c>
      <c r="AG31429">
        <v>31</v>
      </c>
      <c r="AH31429">
        <v>32</v>
      </c>
      <c r="AI31429">
        <v>32</v>
      </c>
      <c r="AJ31429">
        <v>33</v>
      </c>
      <c r="AK31429">
        <v>33</v>
      </c>
      <c r="AL31429">
        <v>34</v>
      </c>
      <c r="AM31429">
        <v>34</v>
      </c>
      <c r="AN31429">
        <v>34</v>
      </c>
      <c r="AO31429">
        <v>34</v>
      </c>
      <c r="AP31429">
        <v>34</v>
      </c>
      <c r="AQ31429">
        <v>35</v>
      </c>
    </row>
    <row r="31430" spans="1:43">
      <c r="A31430" t="s">
        <v>19471</v>
      </c>
      <c r="B31430" t="s">
        <v>19472</v>
      </c>
      <c r="C31430" t="s">
        <v>19473</v>
      </c>
      <c r="D31430" t="s">
        <v>19474</v>
      </c>
      <c r="E31430" t="s">
        <v>19379</v>
      </c>
      <c r="F31430" t="s">
        <v>19380</v>
      </c>
      <c r="G31430" t="s">
        <v>10734</v>
      </c>
      <c r="H31430" t="s">
        <v>10735</v>
      </c>
      <c r="I31430" s="2">
        <v>0</v>
      </c>
      <c r="J31430" s="2">
        <v>0</v>
      </c>
      <c r="K31430" s="2">
        <v>1</v>
      </c>
      <c r="L31430" t="s">
        <v>995</v>
      </c>
      <c r="M31430" t="s">
        <v>83</v>
      </c>
      <c r="N31430" t="s">
        <v>84</v>
      </c>
      <c r="O31430" t="s">
        <v>85</v>
      </c>
      <c r="P31430" t="s">
        <v>86</v>
      </c>
      <c r="Q31430">
        <v>18</v>
      </c>
      <c r="R31430">
        <v>18</v>
      </c>
      <c r="S31430">
        <v>19</v>
      </c>
      <c r="T31430">
        <v>19</v>
      </c>
      <c r="U31430">
        <v>20</v>
      </c>
      <c r="V31430">
        <v>20</v>
      </c>
      <c r="W31430">
        <v>20</v>
      </c>
      <c r="X31430">
        <v>21</v>
      </c>
      <c r="Y31430">
        <v>21</v>
      </c>
      <c r="Z31430">
        <v>22</v>
      </c>
      <c r="AA31430">
        <v>22</v>
      </c>
      <c r="AB31430">
        <v>23</v>
      </c>
      <c r="AC31430">
        <v>23</v>
      </c>
      <c r="AD31430">
        <v>23</v>
      </c>
      <c r="AE31430">
        <v>24</v>
      </c>
      <c r="AF31430">
        <v>24</v>
      </c>
      <c r="AG31430">
        <v>25</v>
      </c>
      <c r="AH31430">
        <v>25</v>
      </c>
      <c r="AI31430">
        <v>25</v>
      </c>
      <c r="AJ31430">
        <v>26</v>
      </c>
      <c r="AK31430">
        <v>26</v>
      </c>
      <c r="AL31430">
        <v>26</v>
      </c>
      <c r="AM31430">
        <v>27</v>
      </c>
      <c r="AN31430">
        <v>27</v>
      </c>
      <c r="AO31430">
        <v>27</v>
      </c>
      <c r="AP31430">
        <v>27</v>
      </c>
      <c r="AQ31430">
        <v>27</v>
      </c>
    </row>
    <row r="31431" spans="1:43">
      <c r="A31431" t="s">
        <v>19471</v>
      </c>
      <c r="B31431" t="s">
        <v>19472</v>
      </c>
      <c r="C31431" t="s">
        <v>19473</v>
      </c>
      <c r="D31431" t="s">
        <v>19474</v>
      </c>
      <c r="E31431" t="s">
        <v>19379</v>
      </c>
      <c r="F31431" t="s">
        <v>19380</v>
      </c>
      <c r="G31431" t="s">
        <v>10734</v>
      </c>
      <c r="H31431" t="s">
        <v>10735</v>
      </c>
      <c r="I31431" s="2">
        <v>0</v>
      </c>
      <c r="J31431" s="2">
        <v>0</v>
      </c>
      <c r="K31431" s="2">
        <v>1</v>
      </c>
      <c r="L31431" t="s">
        <v>995</v>
      </c>
      <c r="M31431" t="s">
        <v>87</v>
      </c>
      <c r="N31431" t="s">
        <v>88</v>
      </c>
      <c r="O31431" t="s">
        <v>85</v>
      </c>
      <c r="P31431" t="s">
        <v>86</v>
      </c>
      <c r="Q31431">
        <v>18</v>
      </c>
      <c r="R31431">
        <v>18</v>
      </c>
      <c r="S31431">
        <v>18</v>
      </c>
      <c r="T31431">
        <v>19</v>
      </c>
      <c r="U31431">
        <v>19</v>
      </c>
      <c r="V31431">
        <v>19</v>
      </c>
      <c r="W31431">
        <v>19</v>
      </c>
      <c r="X31431">
        <v>19</v>
      </c>
      <c r="Y31431">
        <v>20</v>
      </c>
      <c r="Z31431">
        <v>20</v>
      </c>
      <c r="AA31431">
        <v>20</v>
      </c>
      <c r="AB31431">
        <v>20</v>
      </c>
      <c r="AC31431">
        <v>21</v>
      </c>
      <c r="AD31431">
        <v>21</v>
      </c>
      <c r="AE31431">
        <v>21</v>
      </c>
      <c r="AF31431">
        <v>21</v>
      </c>
      <c r="AG31431">
        <v>21</v>
      </c>
      <c r="AH31431">
        <v>22</v>
      </c>
      <c r="AI31431">
        <v>22</v>
      </c>
      <c r="AJ31431">
        <v>22</v>
      </c>
      <c r="AK31431">
        <v>22</v>
      </c>
      <c r="AL31431">
        <v>23</v>
      </c>
      <c r="AM31431">
        <v>23</v>
      </c>
      <c r="AN31431">
        <v>23</v>
      </c>
      <c r="AO31431">
        <v>23</v>
      </c>
      <c r="AP31431">
        <v>23</v>
      </c>
      <c r="AQ31431">
        <v>24</v>
      </c>
    </row>
    <row r="31432" spans="1:43">
      <c r="A31432" t="s">
        <v>19471</v>
      </c>
      <c r="B31432" t="s">
        <v>19472</v>
      </c>
      <c r="C31432" t="s">
        <v>19473</v>
      </c>
      <c r="D31432" t="s">
        <v>19474</v>
      </c>
      <c r="E31432" t="s">
        <v>19379</v>
      </c>
      <c r="F31432" t="s">
        <v>19380</v>
      </c>
      <c r="G31432" t="s">
        <v>10734</v>
      </c>
      <c r="H31432" t="s">
        <v>10735</v>
      </c>
      <c r="I31432" s="2">
        <v>0</v>
      </c>
      <c r="J31432" s="2">
        <v>0</v>
      </c>
      <c r="K31432" s="2">
        <v>1</v>
      </c>
      <c r="L31432" t="s">
        <v>995</v>
      </c>
      <c r="M31432" t="s">
        <v>89</v>
      </c>
      <c r="N31432" t="s">
        <v>90</v>
      </c>
      <c r="O31432" t="s">
        <v>85</v>
      </c>
      <c r="P31432" t="s">
        <v>86</v>
      </c>
      <c r="Q31432">
        <v>18</v>
      </c>
      <c r="R31432">
        <v>19</v>
      </c>
      <c r="S31432">
        <v>19</v>
      </c>
      <c r="T31432">
        <v>20</v>
      </c>
      <c r="U31432">
        <v>20</v>
      </c>
      <c r="V31432">
        <v>21</v>
      </c>
      <c r="W31432">
        <v>22</v>
      </c>
      <c r="X31432">
        <v>22</v>
      </c>
      <c r="Y31432">
        <v>23</v>
      </c>
      <c r="Z31432">
        <v>23</v>
      </c>
      <c r="AA31432">
        <v>24</v>
      </c>
      <c r="AB31432">
        <v>24</v>
      </c>
      <c r="AC31432">
        <v>25</v>
      </c>
      <c r="AD31432">
        <v>25</v>
      </c>
      <c r="AE31432">
        <v>25</v>
      </c>
      <c r="AF31432">
        <v>26</v>
      </c>
      <c r="AG31432">
        <v>26</v>
      </c>
      <c r="AH31432">
        <v>26</v>
      </c>
      <c r="AI31432">
        <v>26</v>
      </c>
      <c r="AJ31432">
        <v>26</v>
      </c>
      <c r="AK31432">
        <v>27</v>
      </c>
      <c r="AL31432">
        <v>27</v>
      </c>
      <c r="AM31432">
        <v>27</v>
      </c>
      <c r="AN31432">
        <v>27</v>
      </c>
      <c r="AO31432">
        <v>27</v>
      </c>
      <c r="AP31432">
        <v>27</v>
      </c>
      <c r="AQ31432">
        <v>27</v>
      </c>
    </row>
    <row r="31433" spans="1:43">
      <c r="A31433" t="s">
        <v>19471</v>
      </c>
      <c r="B31433" t="s">
        <v>19472</v>
      </c>
      <c r="C31433" t="s">
        <v>19473</v>
      </c>
      <c r="D31433" t="s">
        <v>19474</v>
      </c>
      <c r="E31433" t="s">
        <v>19379</v>
      </c>
      <c r="F31433" t="s">
        <v>19380</v>
      </c>
      <c r="G31433" t="s">
        <v>10734</v>
      </c>
      <c r="H31433" t="s">
        <v>10735</v>
      </c>
      <c r="I31433" s="2">
        <v>0</v>
      </c>
      <c r="J31433" s="2">
        <v>0</v>
      </c>
      <c r="K31433" s="2">
        <v>1</v>
      </c>
      <c r="L31433" t="s">
        <v>995</v>
      </c>
      <c r="M31433" t="s">
        <v>83</v>
      </c>
      <c r="N31433" t="s">
        <v>91</v>
      </c>
      <c r="O31433" t="s">
        <v>85</v>
      </c>
      <c r="P31433" t="s">
        <v>86</v>
      </c>
      <c r="Q31433">
        <v>18</v>
      </c>
      <c r="R31433">
        <v>18</v>
      </c>
      <c r="S31433">
        <v>19</v>
      </c>
      <c r="T31433">
        <v>19</v>
      </c>
      <c r="U31433">
        <v>20</v>
      </c>
      <c r="V31433">
        <v>20</v>
      </c>
      <c r="W31433">
        <v>20</v>
      </c>
      <c r="X31433">
        <v>21</v>
      </c>
      <c r="Y31433">
        <v>21</v>
      </c>
      <c r="Z31433">
        <v>22</v>
      </c>
      <c r="AA31433">
        <v>22</v>
      </c>
      <c r="AB31433">
        <v>23</v>
      </c>
      <c r="AC31433">
        <v>23</v>
      </c>
      <c r="AD31433">
        <v>23</v>
      </c>
      <c r="AE31433">
        <v>24</v>
      </c>
      <c r="AF31433">
        <v>24</v>
      </c>
      <c r="AG31433">
        <v>25</v>
      </c>
      <c r="AH31433">
        <v>25</v>
      </c>
      <c r="AI31433">
        <v>25</v>
      </c>
      <c r="AJ31433">
        <v>26</v>
      </c>
      <c r="AK31433">
        <v>26</v>
      </c>
      <c r="AL31433">
        <v>26</v>
      </c>
      <c r="AM31433">
        <v>27</v>
      </c>
      <c r="AN31433">
        <v>27</v>
      </c>
      <c r="AO31433">
        <v>27</v>
      </c>
      <c r="AP31433">
        <v>27</v>
      </c>
      <c r="AQ31433">
        <v>27</v>
      </c>
    </row>
    <row r="31434" spans="1:43">
      <c r="A31434" t="s">
        <v>19475</v>
      </c>
      <c r="B31434" t="s">
        <v>19476</v>
      </c>
      <c r="C31434" t="s">
        <v>19469</v>
      </c>
      <c r="D31434" t="s">
        <v>19470</v>
      </c>
      <c r="E31434" t="s">
        <v>19379</v>
      </c>
      <c r="F31434" t="s">
        <v>19380</v>
      </c>
      <c r="G31434" t="s">
        <v>10734</v>
      </c>
      <c r="H31434" t="s">
        <v>10735</v>
      </c>
      <c r="I31434" s="2">
        <v>0</v>
      </c>
      <c r="J31434" s="2">
        <v>0</v>
      </c>
      <c r="K31434" s="2">
        <v>1</v>
      </c>
      <c r="L31434" t="s">
        <v>995</v>
      </c>
      <c r="M31434" t="s">
        <v>83</v>
      </c>
      <c r="N31434" t="s">
        <v>84</v>
      </c>
      <c r="O31434" t="s">
        <v>85</v>
      </c>
      <c r="P31434" t="s">
        <v>86</v>
      </c>
      <c r="Q31434">
        <v>44</v>
      </c>
      <c r="R31434">
        <v>45</v>
      </c>
      <c r="S31434">
        <v>46</v>
      </c>
      <c r="T31434">
        <v>47</v>
      </c>
      <c r="U31434">
        <v>48</v>
      </c>
      <c r="V31434">
        <v>49</v>
      </c>
      <c r="W31434">
        <v>50</v>
      </c>
      <c r="X31434">
        <v>51</v>
      </c>
      <c r="Y31434">
        <v>52</v>
      </c>
      <c r="Z31434">
        <v>53</v>
      </c>
      <c r="AA31434">
        <v>54</v>
      </c>
      <c r="AB31434">
        <v>55</v>
      </c>
      <c r="AC31434">
        <v>56</v>
      </c>
      <c r="AD31434">
        <v>57</v>
      </c>
      <c r="AE31434">
        <v>58</v>
      </c>
      <c r="AF31434">
        <v>59</v>
      </c>
      <c r="AG31434">
        <v>60</v>
      </c>
      <c r="AH31434">
        <v>61</v>
      </c>
      <c r="AI31434">
        <v>62</v>
      </c>
      <c r="AJ31434">
        <v>63</v>
      </c>
      <c r="AK31434">
        <v>64</v>
      </c>
      <c r="AL31434">
        <v>65</v>
      </c>
      <c r="AM31434">
        <v>65</v>
      </c>
      <c r="AN31434">
        <v>65</v>
      </c>
      <c r="AO31434">
        <v>66</v>
      </c>
      <c r="AP31434">
        <v>66</v>
      </c>
      <c r="AQ31434">
        <v>67</v>
      </c>
    </row>
    <row r="31435" spans="1:43">
      <c r="A31435" t="s">
        <v>19475</v>
      </c>
      <c r="B31435" t="s">
        <v>19476</v>
      </c>
      <c r="C31435" t="s">
        <v>19469</v>
      </c>
      <c r="D31435" t="s">
        <v>19470</v>
      </c>
      <c r="E31435" t="s">
        <v>19379</v>
      </c>
      <c r="F31435" t="s">
        <v>19380</v>
      </c>
      <c r="G31435" t="s">
        <v>10734</v>
      </c>
      <c r="H31435" t="s">
        <v>10735</v>
      </c>
      <c r="I31435" s="2">
        <v>0</v>
      </c>
      <c r="J31435" s="2">
        <v>0</v>
      </c>
      <c r="K31435" s="2">
        <v>1</v>
      </c>
      <c r="L31435" t="s">
        <v>995</v>
      </c>
      <c r="M31435" t="s">
        <v>87</v>
      </c>
      <c r="N31435" t="s">
        <v>88</v>
      </c>
      <c r="O31435" t="s">
        <v>85</v>
      </c>
      <c r="P31435" t="s">
        <v>86</v>
      </c>
      <c r="Q31435">
        <v>44</v>
      </c>
      <c r="R31435">
        <v>44</v>
      </c>
      <c r="S31435">
        <v>45</v>
      </c>
      <c r="T31435">
        <v>45</v>
      </c>
      <c r="U31435">
        <v>46</v>
      </c>
      <c r="V31435">
        <v>47</v>
      </c>
      <c r="W31435">
        <v>47</v>
      </c>
      <c r="X31435">
        <v>48</v>
      </c>
      <c r="Y31435">
        <v>48</v>
      </c>
      <c r="Z31435">
        <v>49</v>
      </c>
      <c r="AA31435">
        <v>49</v>
      </c>
      <c r="AB31435">
        <v>50</v>
      </c>
      <c r="AC31435">
        <v>50</v>
      </c>
      <c r="AD31435">
        <v>51</v>
      </c>
      <c r="AE31435">
        <v>52</v>
      </c>
      <c r="AF31435">
        <v>52</v>
      </c>
      <c r="AG31435">
        <v>53</v>
      </c>
      <c r="AH31435">
        <v>53</v>
      </c>
      <c r="AI31435">
        <v>54</v>
      </c>
      <c r="AJ31435">
        <v>54</v>
      </c>
      <c r="AK31435">
        <v>55</v>
      </c>
      <c r="AL31435">
        <v>55</v>
      </c>
      <c r="AM31435">
        <v>56</v>
      </c>
      <c r="AN31435">
        <v>56</v>
      </c>
      <c r="AO31435">
        <v>57</v>
      </c>
      <c r="AP31435">
        <v>57</v>
      </c>
      <c r="AQ31435">
        <v>58</v>
      </c>
    </row>
    <row r="31436" spans="1:43">
      <c r="A31436" t="s">
        <v>19475</v>
      </c>
      <c r="B31436" t="s">
        <v>19476</v>
      </c>
      <c r="C31436" t="s">
        <v>19469</v>
      </c>
      <c r="D31436" t="s">
        <v>19470</v>
      </c>
      <c r="E31436" t="s">
        <v>19379</v>
      </c>
      <c r="F31436" t="s">
        <v>19380</v>
      </c>
      <c r="G31436" t="s">
        <v>10734</v>
      </c>
      <c r="H31436" t="s">
        <v>10735</v>
      </c>
      <c r="I31436" s="2">
        <v>0</v>
      </c>
      <c r="J31436" s="2">
        <v>0</v>
      </c>
      <c r="K31436" s="2">
        <v>1</v>
      </c>
      <c r="L31436" t="s">
        <v>995</v>
      </c>
      <c r="M31436" t="s">
        <v>89</v>
      </c>
      <c r="N31436" t="s">
        <v>90</v>
      </c>
      <c r="O31436" t="s">
        <v>85</v>
      </c>
      <c r="P31436" t="s">
        <v>86</v>
      </c>
      <c r="Q31436">
        <v>44</v>
      </c>
      <c r="R31436">
        <v>46</v>
      </c>
      <c r="S31436">
        <v>47</v>
      </c>
      <c r="T31436">
        <v>49</v>
      </c>
      <c r="U31436">
        <v>50</v>
      </c>
      <c r="V31436">
        <v>51</v>
      </c>
      <c r="W31436">
        <v>53</v>
      </c>
      <c r="X31436">
        <v>54</v>
      </c>
      <c r="Y31436">
        <v>55</v>
      </c>
      <c r="Z31436">
        <v>56</v>
      </c>
      <c r="AA31436">
        <v>58</v>
      </c>
      <c r="AB31436">
        <v>59</v>
      </c>
      <c r="AC31436">
        <v>60</v>
      </c>
      <c r="AD31436">
        <v>61</v>
      </c>
      <c r="AE31436">
        <v>62</v>
      </c>
      <c r="AF31436">
        <v>63</v>
      </c>
      <c r="AG31436">
        <v>63</v>
      </c>
      <c r="AH31436">
        <v>64</v>
      </c>
      <c r="AI31436">
        <v>64</v>
      </c>
      <c r="AJ31436">
        <v>65</v>
      </c>
      <c r="AK31436">
        <v>65</v>
      </c>
      <c r="AL31436">
        <v>65</v>
      </c>
      <c r="AM31436">
        <v>66</v>
      </c>
      <c r="AN31436">
        <v>66</v>
      </c>
      <c r="AO31436">
        <v>67</v>
      </c>
      <c r="AP31436">
        <v>67</v>
      </c>
      <c r="AQ31436">
        <v>67</v>
      </c>
    </row>
    <row r="31437" spans="1:43">
      <c r="A31437" t="s">
        <v>19475</v>
      </c>
      <c r="B31437" t="s">
        <v>19476</v>
      </c>
      <c r="C31437" t="s">
        <v>19469</v>
      </c>
      <c r="D31437" t="s">
        <v>19470</v>
      </c>
      <c r="E31437" t="s">
        <v>19379</v>
      </c>
      <c r="F31437" t="s">
        <v>19380</v>
      </c>
      <c r="G31437" t="s">
        <v>10734</v>
      </c>
      <c r="H31437" t="s">
        <v>10735</v>
      </c>
      <c r="I31437" s="2">
        <v>0</v>
      </c>
      <c r="J31437" s="2">
        <v>0</v>
      </c>
      <c r="K31437" s="2">
        <v>1</v>
      </c>
      <c r="L31437" t="s">
        <v>995</v>
      </c>
      <c r="M31437" t="s">
        <v>83</v>
      </c>
      <c r="N31437" t="s">
        <v>91</v>
      </c>
      <c r="O31437" t="s">
        <v>85</v>
      </c>
      <c r="P31437" t="s">
        <v>86</v>
      </c>
      <c r="Q31437">
        <v>44</v>
      </c>
      <c r="R31437">
        <v>45</v>
      </c>
      <c r="S31437">
        <v>46</v>
      </c>
      <c r="T31437">
        <v>47</v>
      </c>
      <c r="U31437">
        <v>48</v>
      </c>
      <c r="V31437">
        <v>49</v>
      </c>
      <c r="W31437">
        <v>50</v>
      </c>
      <c r="X31437">
        <v>51</v>
      </c>
      <c r="Y31437">
        <v>52</v>
      </c>
      <c r="Z31437">
        <v>53</v>
      </c>
      <c r="AA31437">
        <v>54</v>
      </c>
      <c r="AB31437">
        <v>55</v>
      </c>
      <c r="AC31437">
        <v>56</v>
      </c>
      <c r="AD31437">
        <v>57</v>
      </c>
      <c r="AE31437">
        <v>58</v>
      </c>
      <c r="AF31437">
        <v>59</v>
      </c>
      <c r="AG31437">
        <v>60</v>
      </c>
      <c r="AH31437">
        <v>61</v>
      </c>
      <c r="AI31437">
        <v>62</v>
      </c>
      <c r="AJ31437">
        <v>63</v>
      </c>
      <c r="AK31437">
        <v>64</v>
      </c>
      <c r="AL31437">
        <v>65</v>
      </c>
      <c r="AM31437">
        <v>65</v>
      </c>
      <c r="AN31437">
        <v>65</v>
      </c>
      <c r="AO31437">
        <v>66</v>
      </c>
      <c r="AP31437">
        <v>66</v>
      </c>
      <c r="AQ31437">
        <v>67</v>
      </c>
    </row>
    <row r="31438" spans="1:43">
      <c r="A31438" t="s">
        <v>19477</v>
      </c>
      <c r="B31438" t="s">
        <v>19478</v>
      </c>
      <c r="C31438" t="s">
        <v>19469</v>
      </c>
      <c r="D31438" t="s">
        <v>19470</v>
      </c>
      <c r="E31438" t="s">
        <v>19379</v>
      </c>
      <c r="F31438" t="s">
        <v>19380</v>
      </c>
      <c r="G31438" t="s">
        <v>10734</v>
      </c>
      <c r="H31438" t="s">
        <v>10735</v>
      </c>
      <c r="I31438" s="2">
        <v>0</v>
      </c>
      <c r="J31438" s="2">
        <v>0</v>
      </c>
      <c r="K31438" s="2">
        <v>1</v>
      </c>
      <c r="L31438" t="s">
        <v>995</v>
      </c>
      <c r="M31438" t="s">
        <v>83</v>
      </c>
      <c r="N31438" t="s">
        <v>84</v>
      </c>
      <c r="O31438" t="s">
        <v>85</v>
      </c>
      <c r="P31438" t="s">
        <v>86</v>
      </c>
      <c r="Q31438">
        <v>148</v>
      </c>
      <c r="R31438">
        <v>151</v>
      </c>
      <c r="S31438">
        <v>155</v>
      </c>
      <c r="T31438">
        <v>158</v>
      </c>
      <c r="U31438">
        <v>161</v>
      </c>
      <c r="V31438">
        <v>165</v>
      </c>
      <c r="W31438">
        <v>168</v>
      </c>
      <c r="X31438">
        <v>172</v>
      </c>
      <c r="Y31438">
        <v>175</v>
      </c>
      <c r="Z31438">
        <v>179</v>
      </c>
      <c r="AA31438">
        <v>182</v>
      </c>
      <c r="AB31438">
        <v>185</v>
      </c>
      <c r="AC31438">
        <v>189</v>
      </c>
      <c r="AD31438">
        <v>192</v>
      </c>
      <c r="AE31438">
        <v>195</v>
      </c>
      <c r="AF31438">
        <v>198</v>
      </c>
      <c r="AG31438">
        <v>202</v>
      </c>
      <c r="AH31438">
        <v>205</v>
      </c>
      <c r="AI31438">
        <v>208</v>
      </c>
      <c r="AJ31438">
        <v>211</v>
      </c>
      <c r="AK31438">
        <v>215</v>
      </c>
      <c r="AL31438">
        <v>217</v>
      </c>
      <c r="AM31438">
        <v>218</v>
      </c>
      <c r="AN31438">
        <v>220</v>
      </c>
      <c r="AO31438">
        <v>221</v>
      </c>
      <c r="AP31438">
        <v>223</v>
      </c>
      <c r="AQ31438">
        <v>224</v>
      </c>
    </row>
    <row r="31439" spans="1:43">
      <c r="A31439" t="s">
        <v>19477</v>
      </c>
      <c r="B31439" t="s">
        <v>19478</v>
      </c>
      <c r="C31439" t="s">
        <v>19469</v>
      </c>
      <c r="D31439" t="s">
        <v>19470</v>
      </c>
      <c r="E31439" t="s">
        <v>19379</v>
      </c>
      <c r="F31439" t="s">
        <v>19380</v>
      </c>
      <c r="G31439" t="s">
        <v>10734</v>
      </c>
      <c r="H31439" t="s">
        <v>10735</v>
      </c>
      <c r="I31439" s="2">
        <v>0</v>
      </c>
      <c r="J31439" s="2">
        <v>0</v>
      </c>
      <c r="K31439" s="2">
        <v>1</v>
      </c>
      <c r="L31439" t="s">
        <v>995</v>
      </c>
      <c r="M31439" t="s">
        <v>87</v>
      </c>
      <c r="N31439" t="s">
        <v>88</v>
      </c>
      <c r="O31439" t="s">
        <v>85</v>
      </c>
      <c r="P31439" t="s">
        <v>86</v>
      </c>
      <c r="Q31439">
        <v>148</v>
      </c>
      <c r="R31439">
        <v>150</v>
      </c>
      <c r="S31439">
        <v>151</v>
      </c>
      <c r="T31439">
        <v>153</v>
      </c>
      <c r="U31439">
        <v>155</v>
      </c>
      <c r="V31439">
        <v>157</v>
      </c>
      <c r="W31439">
        <v>159</v>
      </c>
      <c r="X31439">
        <v>161</v>
      </c>
      <c r="Y31439">
        <v>163</v>
      </c>
      <c r="Z31439">
        <v>165</v>
      </c>
      <c r="AA31439">
        <v>167</v>
      </c>
      <c r="AB31439">
        <v>169</v>
      </c>
      <c r="AC31439">
        <v>170</v>
      </c>
      <c r="AD31439">
        <v>172</v>
      </c>
      <c r="AE31439">
        <v>174</v>
      </c>
      <c r="AF31439">
        <v>176</v>
      </c>
      <c r="AG31439">
        <v>178</v>
      </c>
      <c r="AH31439">
        <v>180</v>
      </c>
      <c r="AI31439">
        <v>181</v>
      </c>
      <c r="AJ31439">
        <v>183</v>
      </c>
      <c r="AK31439">
        <v>185</v>
      </c>
      <c r="AL31439">
        <v>187</v>
      </c>
      <c r="AM31439">
        <v>188</v>
      </c>
      <c r="AN31439">
        <v>190</v>
      </c>
      <c r="AO31439">
        <v>192</v>
      </c>
      <c r="AP31439">
        <v>193</v>
      </c>
      <c r="AQ31439">
        <v>195</v>
      </c>
    </row>
    <row r="31440" spans="1:43">
      <c r="A31440" t="s">
        <v>19477</v>
      </c>
      <c r="B31440" t="s">
        <v>19478</v>
      </c>
      <c r="C31440" t="s">
        <v>19469</v>
      </c>
      <c r="D31440" t="s">
        <v>19470</v>
      </c>
      <c r="E31440" t="s">
        <v>19379</v>
      </c>
      <c r="F31440" t="s">
        <v>19380</v>
      </c>
      <c r="G31440" t="s">
        <v>10734</v>
      </c>
      <c r="H31440" t="s">
        <v>10735</v>
      </c>
      <c r="I31440" s="2">
        <v>0</v>
      </c>
      <c r="J31440" s="2">
        <v>0</v>
      </c>
      <c r="K31440" s="2">
        <v>1</v>
      </c>
      <c r="L31440" t="s">
        <v>995</v>
      </c>
      <c r="M31440" t="s">
        <v>89</v>
      </c>
      <c r="N31440" t="s">
        <v>90</v>
      </c>
      <c r="O31440" t="s">
        <v>85</v>
      </c>
      <c r="P31440" t="s">
        <v>86</v>
      </c>
      <c r="Q31440">
        <v>148</v>
      </c>
      <c r="R31440">
        <v>153</v>
      </c>
      <c r="S31440">
        <v>158</v>
      </c>
      <c r="T31440">
        <v>162</v>
      </c>
      <c r="U31440">
        <v>167</v>
      </c>
      <c r="V31440">
        <v>171</v>
      </c>
      <c r="W31440">
        <v>176</v>
      </c>
      <c r="X31440">
        <v>180</v>
      </c>
      <c r="Y31440">
        <v>184</v>
      </c>
      <c r="Z31440">
        <v>188</v>
      </c>
      <c r="AA31440">
        <v>192</v>
      </c>
      <c r="AB31440">
        <v>196</v>
      </c>
      <c r="AC31440">
        <v>201</v>
      </c>
      <c r="AD31440">
        <v>205</v>
      </c>
      <c r="AE31440">
        <v>208</v>
      </c>
      <c r="AF31440">
        <v>209</v>
      </c>
      <c r="AG31440">
        <v>211</v>
      </c>
      <c r="AH31440">
        <v>213</v>
      </c>
      <c r="AI31440">
        <v>214</v>
      </c>
      <c r="AJ31440">
        <v>216</v>
      </c>
      <c r="AK31440">
        <v>217</v>
      </c>
      <c r="AL31440">
        <v>219</v>
      </c>
      <c r="AM31440">
        <v>220</v>
      </c>
      <c r="AN31440">
        <v>222</v>
      </c>
      <c r="AO31440">
        <v>223</v>
      </c>
      <c r="AP31440">
        <v>224</v>
      </c>
      <c r="AQ31440">
        <v>226</v>
      </c>
    </row>
    <row r="31441" spans="1:43">
      <c r="A31441" t="s">
        <v>19477</v>
      </c>
      <c r="B31441" t="s">
        <v>19478</v>
      </c>
      <c r="C31441" t="s">
        <v>19469</v>
      </c>
      <c r="D31441" t="s">
        <v>19470</v>
      </c>
      <c r="E31441" t="s">
        <v>19379</v>
      </c>
      <c r="F31441" t="s">
        <v>19380</v>
      </c>
      <c r="G31441" t="s">
        <v>10734</v>
      </c>
      <c r="H31441" t="s">
        <v>10735</v>
      </c>
      <c r="I31441" s="2">
        <v>0</v>
      </c>
      <c r="J31441" s="2">
        <v>0</v>
      </c>
      <c r="K31441" s="2">
        <v>1</v>
      </c>
      <c r="L31441" t="s">
        <v>995</v>
      </c>
      <c r="M31441" t="s">
        <v>83</v>
      </c>
      <c r="N31441" t="s">
        <v>91</v>
      </c>
      <c r="O31441" t="s">
        <v>85</v>
      </c>
      <c r="P31441" t="s">
        <v>86</v>
      </c>
      <c r="Q31441">
        <v>148</v>
      </c>
      <c r="R31441">
        <v>151</v>
      </c>
      <c r="S31441">
        <v>155</v>
      </c>
      <c r="T31441">
        <v>158</v>
      </c>
      <c r="U31441">
        <v>161</v>
      </c>
      <c r="V31441">
        <v>165</v>
      </c>
      <c r="W31441">
        <v>168</v>
      </c>
      <c r="X31441">
        <v>172</v>
      </c>
      <c r="Y31441">
        <v>175</v>
      </c>
      <c r="Z31441">
        <v>179</v>
      </c>
      <c r="AA31441">
        <v>182</v>
      </c>
      <c r="AB31441">
        <v>185</v>
      </c>
      <c r="AC31441">
        <v>189</v>
      </c>
      <c r="AD31441">
        <v>192</v>
      </c>
      <c r="AE31441">
        <v>195</v>
      </c>
      <c r="AF31441">
        <v>198</v>
      </c>
      <c r="AG31441">
        <v>202</v>
      </c>
      <c r="AH31441">
        <v>205</v>
      </c>
      <c r="AI31441">
        <v>208</v>
      </c>
      <c r="AJ31441">
        <v>211</v>
      </c>
      <c r="AK31441">
        <v>215</v>
      </c>
      <c r="AL31441">
        <v>217</v>
      </c>
      <c r="AM31441">
        <v>218</v>
      </c>
      <c r="AN31441">
        <v>220</v>
      </c>
      <c r="AO31441">
        <v>221</v>
      </c>
      <c r="AP31441">
        <v>223</v>
      </c>
      <c r="AQ31441">
        <v>224</v>
      </c>
    </row>
    <row r="31442" spans="1:43">
      <c r="A31442" t="s">
        <v>19479</v>
      </c>
      <c r="B31442" t="s">
        <v>19480</v>
      </c>
      <c r="C31442" t="s">
        <v>19473</v>
      </c>
      <c r="D31442" t="s">
        <v>19474</v>
      </c>
      <c r="E31442" t="s">
        <v>19379</v>
      </c>
      <c r="F31442" t="s">
        <v>19380</v>
      </c>
      <c r="G31442" t="s">
        <v>10734</v>
      </c>
      <c r="H31442" t="s">
        <v>10735</v>
      </c>
      <c r="I31442" s="2">
        <v>0</v>
      </c>
      <c r="J31442" s="2">
        <v>0</v>
      </c>
      <c r="K31442" s="2">
        <v>1</v>
      </c>
      <c r="L31442" t="s">
        <v>995</v>
      </c>
      <c r="M31442" t="s">
        <v>83</v>
      </c>
      <c r="N31442" t="s">
        <v>84</v>
      </c>
      <c r="O31442" t="s">
        <v>85</v>
      </c>
      <c r="P31442" t="s">
        <v>86</v>
      </c>
      <c r="Q31442">
        <v>18</v>
      </c>
      <c r="R31442">
        <v>18</v>
      </c>
      <c r="S31442">
        <v>19</v>
      </c>
      <c r="T31442">
        <v>19</v>
      </c>
      <c r="U31442">
        <v>19</v>
      </c>
      <c r="V31442">
        <v>20</v>
      </c>
      <c r="W31442">
        <v>20</v>
      </c>
      <c r="X31442">
        <v>21</v>
      </c>
      <c r="Y31442">
        <v>21</v>
      </c>
      <c r="Z31442">
        <v>21</v>
      </c>
      <c r="AA31442">
        <v>22</v>
      </c>
      <c r="AB31442">
        <v>22</v>
      </c>
      <c r="AC31442">
        <v>23</v>
      </c>
      <c r="AD31442">
        <v>23</v>
      </c>
      <c r="AE31442">
        <v>23</v>
      </c>
      <c r="AF31442">
        <v>24</v>
      </c>
      <c r="AG31442">
        <v>24</v>
      </c>
      <c r="AH31442">
        <v>25</v>
      </c>
      <c r="AI31442">
        <v>25</v>
      </c>
      <c r="AJ31442">
        <v>25</v>
      </c>
      <c r="AK31442">
        <v>26</v>
      </c>
      <c r="AL31442">
        <v>26</v>
      </c>
      <c r="AM31442">
        <v>26</v>
      </c>
      <c r="AN31442">
        <v>26</v>
      </c>
      <c r="AO31442">
        <v>27</v>
      </c>
      <c r="AP31442">
        <v>27</v>
      </c>
      <c r="AQ31442">
        <v>27</v>
      </c>
    </row>
    <row r="31443" spans="1:43">
      <c r="A31443" t="s">
        <v>19479</v>
      </c>
      <c r="B31443" t="s">
        <v>19480</v>
      </c>
      <c r="C31443" t="s">
        <v>19473</v>
      </c>
      <c r="D31443" t="s">
        <v>19474</v>
      </c>
      <c r="E31443" t="s">
        <v>19379</v>
      </c>
      <c r="F31443" t="s">
        <v>19380</v>
      </c>
      <c r="G31443" t="s">
        <v>10734</v>
      </c>
      <c r="H31443" t="s">
        <v>10735</v>
      </c>
      <c r="I31443" s="2">
        <v>0</v>
      </c>
      <c r="J31443" s="2">
        <v>0</v>
      </c>
      <c r="K31443" s="2">
        <v>1</v>
      </c>
      <c r="L31443" t="s">
        <v>995</v>
      </c>
      <c r="M31443" t="s">
        <v>87</v>
      </c>
      <c r="N31443" t="s">
        <v>88</v>
      </c>
      <c r="O31443" t="s">
        <v>85</v>
      </c>
      <c r="P31443" t="s">
        <v>86</v>
      </c>
      <c r="Q31443">
        <v>18</v>
      </c>
      <c r="R31443">
        <v>18</v>
      </c>
      <c r="S31443">
        <v>18</v>
      </c>
      <c r="T31443">
        <v>18</v>
      </c>
      <c r="U31443">
        <v>19</v>
      </c>
      <c r="V31443">
        <v>19</v>
      </c>
      <c r="W31443">
        <v>19</v>
      </c>
      <c r="X31443">
        <v>19</v>
      </c>
      <c r="Y31443">
        <v>19</v>
      </c>
      <c r="Z31443">
        <v>20</v>
      </c>
      <c r="AA31443">
        <v>20</v>
      </c>
      <c r="AB31443">
        <v>20</v>
      </c>
      <c r="AC31443">
        <v>20</v>
      </c>
      <c r="AD31443">
        <v>21</v>
      </c>
      <c r="AE31443">
        <v>21</v>
      </c>
      <c r="AF31443">
        <v>21</v>
      </c>
      <c r="AG31443">
        <v>21</v>
      </c>
      <c r="AH31443">
        <v>21</v>
      </c>
      <c r="AI31443">
        <v>22</v>
      </c>
      <c r="AJ31443">
        <v>22</v>
      </c>
      <c r="AK31443">
        <v>22</v>
      </c>
      <c r="AL31443">
        <v>22</v>
      </c>
      <c r="AM31443">
        <v>23</v>
      </c>
      <c r="AN31443">
        <v>23</v>
      </c>
      <c r="AO31443">
        <v>23</v>
      </c>
      <c r="AP31443">
        <v>23</v>
      </c>
      <c r="AQ31443">
        <v>23</v>
      </c>
    </row>
    <row r="31444" spans="1:43">
      <c r="A31444" t="s">
        <v>19479</v>
      </c>
      <c r="B31444" t="s">
        <v>19480</v>
      </c>
      <c r="C31444" t="s">
        <v>19473</v>
      </c>
      <c r="D31444" t="s">
        <v>19474</v>
      </c>
      <c r="E31444" t="s">
        <v>19379</v>
      </c>
      <c r="F31444" t="s">
        <v>19380</v>
      </c>
      <c r="G31444" t="s">
        <v>10734</v>
      </c>
      <c r="H31444" t="s">
        <v>10735</v>
      </c>
      <c r="I31444" s="2">
        <v>0</v>
      </c>
      <c r="J31444" s="2">
        <v>0</v>
      </c>
      <c r="K31444" s="2">
        <v>1</v>
      </c>
      <c r="L31444" t="s">
        <v>995</v>
      </c>
      <c r="M31444" t="s">
        <v>89</v>
      </c>
      <c r="N31444" t="s">
        <v>90</v>
      </c>
      <c r="O31444" t="s">
        <v>85</v>
      </c>
      <c r="P31444" t="s">
        <v>86</v>
      </c>
      <c r="Q31444">
        <v>18</v>
      </c>
      <c r="R31444">
        <v>19</v>
      </c>
      <c r="S31444">
        <v>19</v>
      </c>
      <c r="T31444">
        <v>20</v>
      </c>
      <c r="U31444">
        <v>20</v>
      </c>
      <c r="V31444">
        <v>21</v>
      </c>
      <c r="W31444">
        <v>21</v>
      </c>
      <c r="X31444">
        <v>22</v>
      </c>
      <c r="Y31444">
        <v>22</v>
      </c>
      <c r="Z31444">
        <v>23</v>
      </c>
      <c r="AA31444">
        <v>23</v>
      </c>
      <c r="AB31444">
        <v>24</v>
      </c>
      <c r="AC31444">
        <v>24</v>
      </c>
      <c r="AD31444">
        <v>25</v>
      </c>
      <c r="AE31444">
        <v>25</v>
      </c>
      <c r="AF31444">
        <v>25</v>
      </c>
      <c r="AG31444">
        <v>26</v>
      </c>
      <c r="AH31444">
        <v>26</v>
      </c>
      <c r="AI31444">
        <v>26</v>
      </c>
      <c r="AJ31444">
        <v>26</v>
      </c>
      <c r="AK31444">
        <v>26</v>
      </c>
      <c r="AL31444">
        <v>26</v>
      </c>
      <c r="AM31444">
        <v>27</v>
      </c>
      <c r="AN31444">
        <v>27</v>
      </c>
      <c r="AO31444">
        <v>27</v>
      </c>
      <c r="AP31444">
        <v>27</v>
      </c>
      <c r="AQ31444">
        <v>27</v>
      </c>
    </row>
    <row r="31445" spans="1:43">
      <c r="A31445" t="s">
        <v>19479</v>
      </c>
      <c r="B31445" t="s">
        <v>19480</v>
      </c>
      <c r="C31445" t="s">
        <v>19473</v>
      </c>
      <c r="D31445" t="s">
        <v>19474</v>
      </c>
      <c r="E31445" t="s">
        <v>19379</v>
      </c>
      <c r="F31445" t="s">
        <v>19380</v>
      </c>
      <c r="G31445" t="s">
        <v>10734</v>
      </c>
      <c r="H31445" t="s">
        <v>10735</v>
      </c>
      <c r="I31445" s="2">
        <v>0</v>
      </c>
      <c r="J31445" s="2">
        <v>0</v>
      </c>
      <c r="K31445" s="2">
        <v>1</v>
      </c>
      <c r="L31445" t="s">
        <v>995</v>
      </c>
      <c r="M31445" t="s">
        <v>83</v>
      </c>
      <c r="N31445" t="s">
        <v>91</v>
      </c>
      <c r="O31445" t="s">
        <v>85</v>
      </c>
      <c r="P31445" t="s">
        <v>86</v>
      </c>
      <c r="Q31445">
        <v>18</v>
      </c>
      <c r="R31445">
        <v>18</v>
      </c>
      <c r="S31445">
        <v>19</v>
      </c>
      <c r="T31445">
        <v>19</v>
      </c>
      <c r="U31445">
        <v>19</v>
      </c>
      <c r="V31445">
        <v>20</v>
      </c>
      <c r="W31445">
        <v>20</v>
      </c>
      <c r="X31445">
        <v>21</v>
      </c>
      <c r="Y31445">
        <v>21</v>
      </c>
      <c r="Z31445">
        <v>21</v>
      </c>
      <c r="AA31445">
        <v>22</v>
      </c>
      <c r="AB31445">
        <v>22</v>
      </c>
      <c r="AC31445">
        <v>23</v>
      </c>
      <c r="AD31445">
        <v>23</v>
      </c>
      <c r="AE31445">
        <v>23</v>
      </c>
      <c r="AF31445">
        <v>24</v>
      </c>
      <c r="AG31445">
        <v>24</v>
      </c>
      <c r="AH31445">
        <v>25</v>
      </c>
      <c r="AI31445">
        <v>25</v>
      </c>
      <c r="AJ31445">
        <v>25</v>
      </c>
      <c r="AK31445">
        <v>26</v>
      </c>
      <c r="AL31445">
        <v>26</v>
      </c>
      <c r="AM31445">
        <v>26</v>
      </c>
      <c r="AN31445">
        <v>26</v>
      </c>
      <c r="AO31445">
        <v>27</v>
      </c>
      <c r="AP31445">
        <v>27</v>
      </c>
      <c r="AQ31445">
        <v>27</v>
      </c>
    </row>
    <row r="31446" spans="1:43">
      <c r="A31446" t="s">
        <v>19481</v>
      </c>
      <c r="B31446" t="s">
        <v>19482</v>
      </c>
      <c r="C31446" t="s">
        <v>19473</v>
      </c>
      <c r="D31446" t="s">
        <v>19474</v>
      </c>
      <c r="E31446" t="s">
        <v>19379</v>
      </c>
      <c r="F31446" t="s">
        <v>19380</v>
      </c>
      <c r="G31446" t="s">
        <v>10734</v>
      </c>
      <c r="H31446" t="s">
        <v>10735</v>
      </c>
      <c r="I31446" s="2">
        <v>0</v>
      </c>
      <c r="J31446" s="2">
        <v>0</v>
      </c>
      <c r="K31446" s="2">
        <v>0.82</v>
      </c>
      <c r="L31446" t="s">
        <v>995</v>
      </c>
      <c r="M31446" t="s">
        <v>83</v>
      </c>
      <c r="N31446" t="s">
        <v>84</v>
      </c>
      <c r="O31446" t="s">
        <v>85</v>
      </c>
      <c r="P31446" t="s">
        <v>86</v>
      </c>
      <c r="Q31446">
        <v>29</v>
      </c>
      <c r="R31446">
        <v>29</v>
      </c>
      <c r="S31446">
        <v>30</v>
      </c>
      <c r="T31446">
        <v>31</v>
      </c>
      <c r="U31446">
        <v>31</v>
      </c>
      <c r="V31446">
        <v>32</v>
      </c>
      <c r="W31446">
        <v>33</v>
      </c>
      <c r="X31446">
        <v>33</v>
      </c>
      <c r="Y31446">
        <v>34</v>
      </c>
      <c r="Z31446">
        <v>35</v>
      </c>
      <c r="AA31446">
        <v>35</v>
      </c>
      <c r="AB31446">
        <v>36</v>
      </c>
      <c r="AC31446">
        <v>37</v>
      </c>
      <c r="AD31446">
        <v>37</v>
      </c>
      <c r="AE31446">
        <v>38</v>
      </c>
      <c r="AF31446">
        <v>39</v>
      </c>
      <c r="AG31446">
        <v>39</v>
      </c>
      <c r="AH31446">
        <v>40</v>
      </c>
      <c r="AI31446">
        <v>41</v>
      </c>
      <c r="AJ31446">
        <v>41</v>
      </c>
      <c r="AK31446">
        <v>42</v>
      </c>
      <c r="AL31446">
        <v>42</v>
      </c>
      <c r="AM31446">
        <v>43</v>
      </c>
      <c r="AN31446">
        <v>43</v>
      </c>
      <c r="AO31446">
        <v>43</v>
      </c>
      <c r="AP31446">
        <v>43</v>
      </c>
      <c r="AQ31446">
        <v>44</v>
      </c>
    </row>
    <row r="31447" spans="1:43">
      <c r="A31447" t="s">
        <v>19481</v>
      </c>
      <c r="B31447" t="s">
        <v>19482</v>
      </c>
      <c r="C31447" t="s">
        <v>19473</v>
      </c>
      <c r="D31447" t="s">
        <v>19474</v>
      </c>
      <c r="E31447" t="s">
        <v>19379</v>
      </c>
      <c r="F31447" t="s">
        <v>19380</v>
      </c>
      <c r="G31447" t="s">
        <v>10734</v>
      </c>
      <c r="H31447" t="s">
        <v>10735</v>
      </c>
      <c r="I31447" s="2">
        <v>0</v>
      </c>
      <c r="J31447" s="2">
        <v>0</v>
      </c>
      <c r="K31447" s="2">
        <v>0.82</v>
      </c>
      <c r="L31447" t="s">
        <v>995</v>
      </c>
      <c r="M31447" t="s">
        <v>87</v>
      </c>
      <c r="N31447" t="s">
        <v>88</v>
      </c>
      <c r="O31447" t="s">
        <v>85</v>
      </c>
      <c r="P31447" t="s">
        <v>86</v>
      </c>
      <c r="Q31447">
        <v>29</v>
      </c>
      <c r="R31447">
        <v>29</v>
      </c>
      <c r="S31447">
        <v>29</v>
      </c>
      <c r="T31447">
        <v>30</v>
      </c>
      <c r="U31447">
        <v>30</v>
      </c>
      <c r="V31447">
        <v>30</v>
      </c>
      <c r="W31447">
        <v>31</v>
      </c>
      <c r="X31447">
        <v>31</v>
      </c>
      <c r="Y31447">
        <v>32</v>
      </c>
      <c r="Z31447">
        <v>32</v>
      </c>
      <c r="AA31447">
        <v>32</v>
      </c>
      <c r="AB31447">
        <v>33</v>
      </c>
      <c r="AC31447">
        <v>33</v>
      </c>
      <c r="AD31447">
        <v>33</v>
      </c>
      <c r="AE31447">
        <v>34</v>
      </c>
      <c r="AF31447">
        <v>34</v>
      </c>
      <c r="AG31447">
        <v>34</v>
      </c>
      <c r="AH31447">
        <v>35</v>
      </c>
      <c r="AI31447">
        <v>35</v>
      </c>
      <c r="AJ31447">
        <v>36</v>
      </c>
      <c r="AK31447">
        <v>36</v>
      </c>
      <c r="AL31447">
        <v>36</v>
      </c>
      <c r="AM31447">
        <v>37</v>
      </c>
      <c r="AN31447">
        <v>37</v>
      </c>
      <c r="AO31447">
        <v>37</v>
      </c>
      <c r="AP31447">
        <v>38</v>
      </c>
      <c r="AQ31447">
        <v>38</v>
      </c>
    </row>
    <row r="31448" spans="1:43">
      <c r="A31448" t="s">
        <v>19481</v>
      </c>
      <c r="B31448" t="s">
        <v>19482</v>
      </c>
      <c r="C31448" t="s">
        <v>19473</v>
      </c>
      <c r="D31448" t="s">
        <v>19474</v>
      </c>
      <c r="E31448" t="s">
        <v>19379</v>
      </c>
      <c r="F31448" t="s">
        <v>19380</v>
      </c>
      <c r="G31448" t="s">
        <v>10734</v>
      </c>
      <c r="H31448" t="s">
        <v>10735</v>
      </c>
      <c r="I31448" s="2">
        <v>0</v>
      </c>
      <c r="J31448" s="2">
        <v>0</v>
      </c>
      <c r="K31448" s="2">
        <v>0.82</v>
      </c>
      <c r="L31448" t="s">
        <v>995</v>
      </c>
      <c r="M31448" t="s">
        <v>89</v>
      </c>
      <c r="N31448" t="s">
        <v>90</v>
      </c>
      <c r="O31448" t="s">
        <v>85</v>
      </c>
      <c r="P31448" t="s">
        <v>86</v>
      </c>
      <c r="Q31448">
        <v>29</v>
      </c>
      <c r="R31448">
        <v>30</v>
      </c>
      <c r="S31448">
        <v>31</v>
      </c>
      <c r="T31448">
        <v>32</v>
      </c>
      <c r="U31448">
        <v>33</v>
      </c>
      <c r="V31448">
        <v>34</v>
      </c>
      <c r="W31448">
        <v>34</v>
      </c>
      <c r="X31448">
        <v>35</v>
      </c>
      <c r="Y31448">
        <v>36</v>
      </c>
      <c r="Z31448">
        <v>37</v>
      </c>
      <c r="AA31448">
        <v>38</v>
      </c>
      <c r="AB31448">
        <v>38</v>
      </c>
      <c r="AC31448">
        <v>39</v>
      </c>
      <c r="AD31448">
        <v>40</v>
      </c>
      <c r="AE31448">
        <v>41</v>
      </c>
      <c r="AF31448">
        <v>41</v>
      </c>
      <c r="AG31448">
        <v>41</v>
      </c>
      <c r="AH31448">
        <v>42</v>
      </c>
      <c r="AI31448">
        <v>42</v>
      </c>
      <c r="AJ31448">
        <v>42</v>
      </c>
      <c r="AK31448">
        <v>43</v>
      </c>
      <c r="AL31448">
        <v>43</v>
      </c>
      <c r="AM31448">
        <v>43</v>
      </c>
      <c r="AN31448">
        <v>44</v>
      </c>
      <c r="AO31448">
        <v>44</v>
      </c>
      <c r="AP31448">
        <v>44</v>
      </c>
      <c r="AQ31448">
        <v>44</v>
      </c>
    </row>
    <row r="31449" spans="1:43">
      <c r="A31449" t="s">
        <v>19481</v>
      </c>
      <c r="B31449" t="s">
        <v>19482</v>
      </c>
      <c r="C31449" t="s">
        <v>19473</v>
      </c>
      <c r="D31449" t="s">
        <v>19474</v>
      </c>
      <c r="E31449" t="s">
        <v>19379</v>
      </c>
      <c r="F31449" t="s">
        <v>19380</v>
      </c>
      <c r="G31449" t="s">
        <v>10734</v>
      </c>
      <c r="H31449" t="s">
        <v>10735</v>
      </c>
      <c r="I31449" s="2">
        <v>0</v>
      </c>
      <c r="J31449" s="2">
        <v>0</v>
      </c>
      <c r="K31449" s="2">
        <v>0.82</v>
      </c>
      <c r="L31449" t="s">
        <v>995</v>
      </c>
      <c r="M31449" t="s">
        <v>83</v>
      </c>
      <c r="N31449" t="s">
        <v>91</v>
      </c>
      <c r="O31449" t="s">
        <v>85</v>
      </c>
      <c r="P31449" t="s">
        <v>86</v>
      </c>
      <c r="Q31449">
        <v>29</v>
      </c>
      <c r="R31449">
        <v>29</v>
      </c>
      <c r="S31449">
        <v>30</v>
      </c>
      <c r="T31449">
        <v>31</v>
      </c>
      <c r="U31449">
        <v>31</v>
      </c>
      <c r="V31449">
        <v>32</v>
      </c>
      <c r="W31449">
        <v>33</v>
      </c>
      <c r="X31449">
        <v>33</v>
      </c>
      <c r="Y31449">
        <v>34</v>
      </c>
      <c r="Z31449">
        <v>35</v>
      </c>
      <c r="AA31449">
        <v>35</v>
      </c>
      <c r="AB31449">
        <v>36</v>
      </c>
      <c r="AC31449">
        <v>37</v>
      </c>
      <c r="AD31449">
        <v>37</v>
      </c>
      <c r="AE31449">
        <v>38</v>
      </c>
      <c r="AF31449">
        <v>39</v>
      </c>
      <c r="AG31449">
        <v>39</v>
      </c>
      <c r="AH31449">
        <v>40</v>
      </c>
      <c r="AI31449">
        <v>41</v>
      </c>
      <c r="AJ31449">
        <v>41</v>
      </c>
      <c r="AK31449">
        <v>42</v>
      </c>
      <c r="AL31449">
        <v>42</v>
      </c>
      <c r="AM31449">
        <v>43</v>
      </c>
      <c r="AN31449">
        <v>43</v>
      </c>
      <c r="AO31449">
        <v>43</v>
      </c>
      <c r="AP31449">
        <v>43</v>
      </c>
      <c r="AQ31449">
        <v>44</v>
      </c>
    </row>
    <row r="31450" spans="1:43">
      <c r="A31450" t="s">
        <v>19483</v>
      </c>
      <c r="B31450" t="s">
        <v>19484</v>
      </c>
      <c r="C31450" t="s">
        <v>19395</v>
      </c>
      <c r="D31450" t="s">
        <v>19396</v>
      </c>
      <c r="E31450" t="s">
        <v>19379</v>
      </c>
      <c r="F31450" t="s">
        <v>19380</v>
      </c>
      <c r="G31450" t="s">
        <v>10734</v>
      </c>
      <c r="H31450" t="s">
        <v>10735</v>
      </c>
      <c r="I31450" s="2">
        <v>0</v>
      </c>
      <c r="J31450" s="2">
        <v>0</v>
      </c>
      <c r="K31450" s="2">
        <v>1</v>
      </c>
      <c r="L31450" t="s">
        <v>995</v>
      </c>
      <c r="M31450" t="s">
        <v>83</v>
      </c>
      <c r="N31450" t="s">
        <v>84</v>
      </c>
      <c r="O31450" t="s">
        <v>85</v>
      </c>
      <c r="P31450" t="s">
        <v>86</v>
      </c>
      <c r="Q31450">
        <v>18</v>
      </c>
      <c r="R31450">
        <v>19</v>
      </c>
      <c r="S31450">
        <v>19</v>
      </c>
      <c r="T31450">
        <v>20</v>
      </c>
      <c r="U31450">
        <v>20</v>
      </c>
      <c r="V31450">
        <v>20</v>
      </c>
      <c r="W31450">
        <v>21</v>
      </c>
      <c r="X31450">
        <v>21</v>
      </c>
      <c r="Y31450">
        <v>22</v>
      </c>
      <c r="Z31450">
        <v>22</v>
      </c>
      <c r="AA31450">
        <v>23</v>
      </c>
      <c r="AB31450">
        <v>23</v>
      </c>
      <c r="AC31450">
        <v>23</v>
      </c>
      <c r="AD31450">
        <v>24</v>
      </c>
      <c r="AE31450">
        <v>24</v>
      </c>
      <c r="AF31450">
        <v>25</v>
      </c>
      <c r="AG31450">
        <v>25</v>
      </c>
      <c r="AH31450">
        <v>25</v>
      </c>
      <c r="AI31450">
        <v>26</v>
      </c>
      <c r="AJ31450">
        <v>26</v>
      </c>
      <c r="AK31450">
        <v>27</v>
      </c>
      <c r="AL31450">
        <v>27</v>
      </c>
      <c r="AM31450">
        <v>27</v>
      </c>
      <c r="AN31450">
        <v>27</v>
      </c>
      <c r="AO31450">
        <v>28</v>
      </c>
      <c r="AP31450">
        <v>28</v>
      </c>
      <c r="AQ31450">
        <v>28</v>
      </c>
    </row>
    <row r="31451" spans="1:43">
      <c r="A31451" t="s">
        <v>19483</v>
      </c>
      <c r="B31451" t="s">
        <v>19484</v>
      </c>
      <c r="C31451" t="s">
        <v>19395</v>
      </c>
      <c r="D31451" t="s">
        <v>19396</v>
      </c>
      <c r="E31451" t="s">
        <v>19379</v>
      </c>
      <c r="F31451" t="s">
        <v>19380</v>
      </c>
      <c r="G31451" t="s">
        <v>10734</v>
      </c>
      <c r="H31451" t="s">
        <v>10735</v>
      </c>
      <c r="I31451" s="2">
        <v>0</v>
      </c>
      <c r="J31451" s="2">
        <v>0</v>
      </c>
      <c r="K31451" s="2">
        <v>1</v>
      </c>
      <c r="L31451" t="s">
        <v>995</v>
      </c>
      <c r="M31451" t="s">
        <v>87</v>
      </c>
      <c r="N31451" t="s">
        <v>88</v>
      </c>
      <c r="O31451" t="s">
        <v>85</v>
      </c>
      <c r="P31451" t="s">
        <v>86</v>
      </c>
      <c r="Q31451">
        <v>18</v>
      </c>
      <c r="R31451">
        <v>18</v>
      </c>
      <c r="S31451">
        <v>19</v>
      </c>
      <c r="T31451">
        <v>19</v>
      </c>
      <c r="U31451">
        <v>19</v>
      </c>
      <c r="V31451">
        <v>19</v>
      </c>
      <c r="W31451">
        <v>20</v>
      </c>
      <c r="X31451">
        <v>20</v>
      </c>
      <c r="Y31451">
        <v>20</v>
      </c>
      <c r="Z31451">
        <v>20</v>
      </c>
      <c r="AA31451">
        <v>21</v>
      </c>
      <c r="AB31451">
        <v>21</v>
      </c>
      <c r="AC31451">
        <v>21</v>
      </c>
      <c r="AD31451">
        <v>21</v>
      </c>
      <c r="AE31451">
        <v>21</v>
      </c>
      <c r="AF31451">
        <v>22</v>
      </c>
      <c r="AG31451">
        <v>22</v>
      </c>
      <c r="AH31451">
        <v>22</v>
      </c>
      <c r="AI31451">
        <v>22</v>
      </c>
      <c r="AJ31451">
        <v>23</v>
      </c>
      <c r="AK31451">
        <v>23</v>
      </c>
      <c r="AL31451">
        <v>23</v>
      </c>
      <c r="AM31451">
        <v>23</v>
      </c>
      <c r="AN31451">
        <v>23</v>
      </c>
      <c r="AO31451">
        <v>24</v>
      </c>
      <c r="AP31451">
        <v>24</v>
      </c>
      <c r="AQ31451">
        <v>24</v>
      </c>
    </row>
    <row r="31452" spans="1:43">
      <c r="A31452" t="s">
        <v>19483</v>
      </c>
      <c r="B31452" t="s">
        <v>19484</v>
      </c>
      <c r="C31452" t="s">
        <v>19395</v>
      </c>
      <c r="D31452" t="s">
        <v>19396</v>
      </c>
      <c r="E31452" t="s">
        <v>19379</v>
      </c>
      <c r="F31452" t="s">
        <v>19380</v>
      </c>
      <c r="G31452" t="s">
        <v>10734</v>
      </c>
      <c r="H31452" t="s">
        <v>10735</v>
      </c>
      <c r="I31452" s="2">
        <v>0</v>
      </c>
      <c r="J31452" s="2">
        <v>0</v>
      </c>
      <c r="K31452" s="2">
        <v>1</v>
      </c>
      <c r="L31452" t="s">
        <v>995</v>
      </c>
      <c r="M31452" t="s">
        <v>89</v>
      </c>
      <c r="N31452" t="s">
        <v>90</v>
      </c>
      <c r="O31452" t="s">
        <v>85</v>
      </c>
      <c r="P31452" t="s">
        <v>86</v>
      </c>
      <c r="Q31452">
        <v>18</v>
      </c>
      <c r="R31452">
        <v>19</v>
      </c>
      <c r="S31452">
        <v>20</v>
      </c>
      <c r="T31452">
        <v>20</v>
      </c>
      <c r="U31452">
        <v>21</v>
      </c>
      <c r="V31452">
        <v>21</v>
      </c>
      <c r="W31452">
        <v>22</v>
      </c>
      <c r="X31452">
        <v>22</v>
      </c>
      <c r="Y31452">
        <v>23</v>
      </c>
      <c r="Z31452">
        <v>23</v>
      </c>
      <c r="AA31452">
        <v>24</v>
      </c>
      <c r="AB31452">
        <v>24</v>
      </c>
      <c r="AC31452">
        <v>25</v>
      </c>
      <c r="AD31452">
        <v>26</v>
      </c>
      <c r="AE31452">
        <v>26</v>
      </c>
      <c r="AF31452">
        <v>26</v>
      </c>
      <c r="AG31452">
        <v>26</v>
      </c>
      <c r="AH31452">
        <v>27</v>
      </c>
      <c r="AI31452">
        <v>27</v>
      </c>
      <c r="AJ31452">
        <v>27</v>
      </c>
      <c r="AK31452">
        <v>27</v>
      </c>
      <c r="AL31452">
        <v>27</v>
      </c>
      <c r="AM31452">
        <v>27</v>
      </c>
      <c r="AN31452">
        <v>28</v>
      </c>
      <c r="AO31452">
        <v>28</v>
      </c>
      <c r="AP31452">
        <v>28</v>
      </c>
      <c r="AQ31452">
        <v>28</v>
      </c>
    </row>
    <row r="31453" spans="1:43">
      <c r="A31453" t="s">
        <v>19483</v>
      </c>
      <c r="B31453" t="s">
        <v>19484</v>
      </c>
      <c r="C31453" t="s">
        <v>19395</v>
      </c>
      <c r="D31453" t="s">
        <v>19396</v>
      </c>
      <c r="E31453" t="s">
        <v>19379</v>
      </c>
      <c r="F31453" t="s">
        <v>19380</v>
      </c>
      <c r="G31453" t="s">
        <v>10734</v>
      </c>
      <c r="H31453" t="s">
        <v>10735</v>
      </c>
      <c r="I31453" s="2">
        <v>0</v>
      </c>
      <c r="J31453" s="2">
        <v>0</v>
      </c>
      <c r="K31453" s="2">
        <v>1</v>
      </c>
      <c r="L31453" t="s">
        <v>995</v>
      </c>
      <c r="M31453" t="s">
        <v>83</v>
      </c>
      <c r="N31453" t="s">
        <v>91</v>
      </c>
      <c r="O31453" t="s">
        <v>85</v>
      </c>
      <c r="P31453" t="s">
        <v>86</v>
      </c>
      <c r="Q31453">
        <v>18</v>
      </c>
      <c r="R31453">
        <v>19</v>
      </c>
      <c r="S31453">
        <v>19</v>
      </c>
      <c r="T31453">
        <v>20</v>
      </c>
      <c r="U31453">
        <v>20</v>
      </c>
      <c r="V31453">
        <v>20</v>
      </c>
      <c r="W31453">
        <v>21</v>
      </c>
      <c r="X31453">
        <v>21</v>
      </c>
      <c r="Y31453">
        <v>22</v>
      </c>
      <c r="Z31453">
        <v>22</v>
      </c>
      <c r="AA31453">
        <v>23</v>
      </c>
      <c r="AB31453">
        <v>23</v>
      </c>
      <c r="AC31453">
        <v>23</v>
      </c>
      <c r="AD31453">
        <v>24</v>
      </c>
      <c r="AE31453">
        <v>24</v>
      </c>
      <c r="AF31453">
        <v>25</v>
      </c>
      <c r="AG31453">
        <v>25</v>
      </c>
      <c r="AH31453">
        <v>25</v>
      </c>
      <c r="AI31453">
        <v>26</v>
      </c>
      <c r="AJ31453">
        <v>26</v>
      </c>
      <c r="AK31453">
        <v>27</v>
      </c>
      <c r="AL31453">
        <v>27</v>
      </c>
      <c r="AM31453">
        <v>27</v>
      </c>
      <c r="AN31453">
        <v>27</v>
      </c>
      <c r="AO31453">
        <v>28</v>
      </c>
      <c r="AP31453">
        <v>28</v>
      </c>
      <c r="AQ31453">
        <v>28</v>
      </c>
    </row>
    <row r="31454" spans="1:43">
      <c r="A31454" t="s">
        <v>19485</v>
      </c>
      <c r="B31454" t="s">
        <v>19486</v>
      </c>
      <c r="C31454" t="s">
        <v>19469</v>
      </c>
      <c r="D31454" t="s">
        <v>19470</v>
      </c>
      <c r="E31454" t="s">
        <v>19379</v>
      </c>
      <c r="F31454" t="s">
        <v>19380</v>
      </c>
      <c r="G31454" t="s">
        <v>10734</v>
      </c>
      <c r="H31454" t="s">
        <v>10735</v>
      </c>
      <c r="I31454" s="2">
        <v>0</v>
      </c>
      <c r="J31454" s="2">
        <v>0</v>
      </c>
      <c r="K31454" s="2">
        <v>1</v>
      </c>
      <c r="L31454" t="s">
        <v>995</v>
      </c>
      <c r="M31454" t="s">
        <v>83</v>
      </c>
      <c r="N31454" t="s">
        <v>84</v>
      </c>
      <c r="O31454" t="s">
        <v>85</v>
      </c>
      <c r="P31454" t="s">
        <v>86</v>
      </c>
      <c r="Q31454">
        <v>32</v>
      </c>
      <c r="R31454">
        <v>33</v>
      </c>
      <c r="S31454">
        <v>33</v>
      </c>
      <c r="T31454">
        <v>34</v>
      </c>
      <c r="U31454">
        <v>35</v>
      </c>
      <c r="V31454">
        <v>35</v>
      </c>
      <c r="W31454">
        <v>36</v>
      </c>
      <c r="X31454">
        <v>37</v>
      </c>
      <c r="Y31454">
        <v>38</v>
      </c>
      <c r="Z31454">
        <v>38</v>
      </c>
      <c r="AA31454">
        <v>39</v>
      </c>
      <c r="AB31454">
        <v>40</v>
      </c>
      <c r="AC31454">
        <v>40</v>
      </c>
      <c r="AD31454">
        <v>41</v>
      </c>
      <c r="AE31454">
        <v>42</v>
      </c>
      <c r="AF31454">
        <v>43</v>
      </c>
      <c r="AG31454">
        <v>43</v>
      </c>
      <c r="AH31454">
        <v>44</v>
      </c>
      <c r="AI31454">
        <v>45</v>
      </c>
      <c r="AJ31454">
        <v>45</v>
      </c>
      <c r="AK31454">
        <v>46</v>
      </c>
      <c r="AL31454">
        <v>46</v>
      </c>
      <c r="AM31454">
        <v>47</v>
      </c>
      <c r="AN31454">
        <v>47</v>
      </c>
      <c r="AO31454">
        <v>47</v>
      </c>
      <c r="AP31454">
        <v>48</v>
      </c>
      <c r="AQ31454">
        <v>48</v>
      </c>
    </row>
    <row r="31455" spans="1:43">
      <c r="A31455" t="s">
        <v>19485</v>
      </c>
      <c r="B31455" t="s">
        <v>19486</v>
      </c>
      <c r="C31455" t="s">
        <v>19469</v>
      </c>
      <c r="D31455" t="s">
        <v>19470</v>
      </c>
      <c r="E31455" t="s">
        <v>19379</v>
      </c>
      <c r="F31455" t="s">
        <v>19380</v>
      </c>
      <c r="G31455" t="s">
        <v>10734</v>
      </c>
      <c r="H31455" t="s">
        <v>10735</v>
      </c>
      <c r="I31455" s="2">
        <v>0</v>
      </c>
      <c r="J31455" s="2">
        <v>0</v>
      </c>
      <c r="K31455" s="2">
        <v>1</v>
      </c>
      <c r="L31455" t="s">
        <v>995</v>
      </c>
      <c r="M31455" t="s">
        <v>87</v>
      </c>
      <c r="N31455" t="s">
        <v>88</v>
      </c>
      <c r="O31455" t="s">
        <v>85</v>
      </c>
      <c r="P31455" t="s">
        <v>86</v>
      </c>
      <c r="Q31455">
        <v>32</v>
      </c>
      <c r="R31455">
        <v>32</v>
      </c>
      <c r="S31455">
        <v>32</v>
      </c>
      <c r="T31455">
        <v>33</v>
      </c>
      <c r="U31455">
        <v>33</v>
      </c>
      <c r="V31455">
        <v>34</v>
      </c>
      <c r="W31455">
        <v>34</v>
      </c>
      <c r="X31455">
        <v>34</v>
      </c>
      <c r="Y31455">
        <v>35</v>
      </c>
      <c r="Z31455">
        <v>35</v>
      </c>
      <c r="AA31455">
        <v>36</v>
      </c>
      <c r="AB31455">
        <v>36</v>
      </c>
      <c r="AC31455">
        <v>36</v>
      </c>
      <c r="AD31455">
        <v>37</v>
      </c>
      <c r="AE31455">
        <v>37</v>
      </c>
      <c r="AF31455">
        <v>38</v>
      </c>
      <c r="AG31455">
        <v>38</v>
      </c>
      <c r="AH31455">
        <v>38</v>
      </c>
      <c r="AI31455">
        <v>39</v>
      </c>
      <c r="AJ31455">
        <v>39</v>
      </c>
      <c r="AK31455">
        <v>39</v>
      </c>
      <c r="AL31455">
        <v>40</v>
      </c>
      <c r="AM31455">
        <v>40</v>
      </c>
      <c r="AN31455">
        <v>40</v>
      </c>
      <c r="AO31455">
        <v>41</v>
      </c>
      <c r="AP31455">
        <v>41</v>
      </c>
      <c r="AQ31455">
        <v>41</v>
      </c>
    </row>
    <row r="31456" spans="1:43">
      <c r="A31456" t="s">
        <v>19485</v>
      </c>
      <c r="B31456" t="s">
        <v>19486</v>
      </c>
      <c r="C31456" t="s">
        <v>19469</v>
      </c>
      <c r="D31456" t="s">
        <v>19470</v>
      </c>
      <c r="E31456" t="s">
        <v>19379</v>
      </c>
      <c r="F31456" t="s">
        <v>19380</v>
      </c>
      <c r="G31456" t="s">
        <v>10734</v>
      </c>
      <c r="H31456" t="s">
        <v>10735</v>
      </c>
      <c r="I31456" s="2">
        <v>0</v>
      </c>
      <c r="J31456" s="2">
        <v>0</v>
      </c>
      <c r="K31456" s="2">
        <v>1</v>
      </c>
      <c r="L31456" t="s">
        <v>995</v>
      </c>
      <c r="M31456" t="s">
        <v>89</v>
      </c>
      <c r="N31456" t="s">
        <v>90</v>
      </c>
      <c r="O31456" t="s">
        <v>85</v>
      </c>
      <c r="P31456" t="s">
        <v>86</v>
      </c>
      <c r="Q31456">
        <v>32</v>
      </c>
      <c r="R31456">
        <v>33</v>
      </c>
      <c r="S31456">
        <v>34</v>
      </c>
      <c r="T31456">
        <v>35</v>
      </c>
      <c r="U31456">
        <v>36</v>
      </c>
      <c r="V31456">
        <v>37</v>
      </c>
      <c r="W31456">
        <v>38</v>
      </c>
      <c r="X31456">
        <v>39</v>
      </c>
      <c r="Y31456">
        <v>40</v>
      </c>
      <c r="Z31456">
        <v>41</v>
      </c>
      <c r="AA31456">
        <v>42</v>
      </c>
      <c r="AB31456">
        <v>42</v>
      </c>
      <c r="AC31456">
        <v>43</v>
      </c>
      <c r="AD31456">
        <v>44</v>
      </c>
      <c r="AE31456">
        <v>45</v>
      </c>
      <c r="AF31456">
        <v>45</v>
      </c>
      <c r="AG31456">
        <v>45</v>
      </c>
      <c r="AH31456">
        <v>46</v>
      </c>
      <c r="AI31456">
        <v>46</v>
      </c>
      <c r="AJ31456">
        <v>46</v>
      </c>
      <c r="AK31456">
        <v>47</v>
      </c>
      <c r="AL31456">
        <v>47</v>
      </c>
      <c r="AM31456">
        <v>47</v>
      </c>
      <c r="AN31456">
        <v>47</v>
      </c>
      <c r="AO31456">
        <v>48</v>
      </c>
      <c r="AP31456">
        <v>48</v>
      </c>
      <c r="AQ31456">
        <v>48</v>
      </c>
    </row>
    <row r="31457" spans="1:43">
      <c r="A31457" t="s">
        <v>19485</v>
      </c>
      <c r="B31457" t="s">
        <v>19486</v>
      </c>
      <c r="C31457" t="s">
        <v>19469</v>
      </c>
      <c r="D31457" t="s">
        <v>19470</v>
      </c>
      <c r="E31457" t="s">
        <v>19379</v>
      </c>
      <c r="F31457" t="s">
        <v>19380</v>
      </c>
      <c r="G31457" t="s">
        <v>10734</v>
      </c>
      <c r="H31457" t="s">
        <v>10735</v>
      </c>
      <c r="I31457" s="2">
        <v>0</v>
      </c>
      <c r="J31457" s="2">
        <v>0</v>
      </c>
      <c r="K31457" s="2">
        <v>1</v>
      </c>
      <c r="L31457" t="s">
        <v>995</v>
      </c>
      <c r="M31457" t="s">
        <v>83</v>
      </c>
      <c r="N31457" t="s">
        <v>91</v>
      </c>
      <c r="O31457" t="s">
        <v>85</v>
      </c>
      <c r="P31457" t="s">
        <v>86</v>
      </c>
      <c r="Q31457">
        <v>32</v>
      </c>
      <c r="R31457">
        <v>33</v>
      </c>
      <c r="S31457">
        <v>33</v>
      </c>
      <c r="T31457">
        <v>34</v>
      </c>
      <c r="U31457">
        <v>35</v>
      </c>
      <c r="V31457">
        <v>35</v>
      </c>
      <c r="W31457">
        <v>36</v>
      </c>
      <c r="X31457">
        <v>37</v>
      </c>
      <c r="Y31457">
        <v>38</v>
      </c>
      <c r="Z31457">
        <v>38</v>
      </c>
      <c r="AA31457">
        <v>39</v>
      </c>
      <c r="AB31457">
        <v>40</v>
      </c>
      <c r="AC31457">
        <v>40</v>
      </c>
      <c r="AD31457">
        <v>41</v>
      </c>
      <c r="AE31457">
        <v>42</v>
      </c>
      <c r="AF31457">
        <v>43</v>
      </c>
      <c r="AG31457">
        <v>43</v>
      </c>
      <c r="AH31457">
        <v>44</v>
      </c>
      <c r="AI31457">
        <v>45</v>
      </c>
      <c r="AJ31457">
        <v>45</v>
      </c>
      <c r="AK31457">
        <v>46</v>
      </c>
      <c r="AL31457">
        <v>46</v>
      </c>
      <c r="AM31457">
        <v>47</v>
      </c>
      <c r="AN31457">
        <v>47</v>
      </c>
      <c r="AO31457">
        <v>47</v>
      </c>
      <c r="AP31457">
        <v>48</v>
      </c>
      <c r="AQ31457">
        <v>48</v>
      </c>
    </row>
    <row r="31458" spans="1:43">
      <c r="A31458" t="s">
        <v>19487</v>
      </c>
      <c r="B31458" t="s">
        <v>19488</v>
      </c>
      <c r="C31458" t="s">
        <v>19387</v>
      </c>
      <c r="D31458" t="s">
        <v>19388</v>
      </c>
      <c r="E31458" t="s">
        <v>19379</v>
      </c>
      <c r="F31458" t="s">
        <v>19380</v>
      </c>
      <c r="G31458" t="s">
        <v>10734</v>
      </c>
      <c r="H31458" t="s">
        <v>10735</v>
      </c>
      <c r="I31458" s="2">
        <v>0</v>
      </c>
      <c r="J31458" s="2">
        <v>0</v>
      </c>
      <c r="K31458" s="2">
        <v>0.87</v>
      </c>
      <c r="L31458" t="s">
        <v>995</v>
      </c>
      <c r="M31458" t="s">
        <v>83</v>
      </c>
      <c r="N31458" t="s">
        <v>84</v>
      </c>
      <c r="O31458" t="s">
        <v>85</v>
      </c>
      <c r="P31458" t="s">
        <v>86</v>
      </c>
      <c r="Q31458">
        <v>20</v>
      </c>
      <c r="R31458">
        <v>21</v>
      </c>
      <c r="S31458">
        <v>21</v>
      </c>
      <c r="T31458">
        <v>21</v>
      </c>
      <c r="U31458">
        <v>22</v>
      </c>
      <c r="V31458">
        <v>22</v>
      </c>
      <c r="W31458">
        <v>23</v>
      </c>
      <c r="X31458">
        <v>23</v>
      </c>
      <c r="Y31458">
        <v>24</v>
      </c>
      <c r="Z31458">
        <v>24</v>
      </c>
      <c r="AA31458">
        <v>25</v>
      </c>
      <c r="AB31458">
        <v>25</v>
      </c>
      <c r="AC31458">
        <v>26</v>
      </c>
      <c r="AD31458">
        <v>26</v>
      </c>
      <c r="AE31458">
        <v>27</v>
      </c>
      <c r="AF31458">
        <v>27</v>
      </c>
      <c r="AG31458">
        <v>27</v>
      </c>
      <c r="AH31458">
        <v>28</v>
      </c>
      <c r="AI31458">
        <v>28</v>
      </c>
      <c r="AJ31458">
        <v>29</v>
      </c>
      <c r="AK31458">
        <v>29</v>
      </c>
      <c r="AL31458">
        <v>29</v>
      </c>
      <c r="AM31458">
        <v>30</v>
      </c>
      <c r="AN31458">
        <v>30</v>
      </c>
      <c r="AO31458">
        <v>30</v>
      </c>
      <c r="AP31458">
        <v>30</v>
      </c>
      <c r="AQ31458">
        <v>30</v>
      </c>
    </row>
    <row r="31459" spans="1:43">
      <c r="A31459" t="s">
        <v>19487</v>
      </c>
      <c r="B31459" t="s">
        <v>19488</v>
      </c>
      <c r="C31459" t="s">
        <v>19387</v>
      </c>
      <c r="D31459" t="s">
        <v>19388</v>
      </c>
      <c r="E31459" t="s">
        <v>19379</v>
      </c>
      <c r="F31459" t="s">
        <v>19380</v>
      </c>
      <c r="G31459" t="s">
        <v>10734</v>
      </c>
      <c r="H31459" t="s">
        <v>10735</v>
      </c>
      <c r="I31459" s="2">
        <v>0</v>
      </c>
      <c r="J31459" s="2">
        <v>0</v>
      </c>
      <c r="K31459" s="2">
        <v>0.87</v>
      </c>
      <c r="L31459" t="s">
        <v>995</v>
      </c>
      <c r="M31459" t="s">
        <v>87</v>
      </c>
      <c r="N31459" t="s">
        <v>88</v>
      </c>
      <c r="O31459" t="s">
        <v>85</v>
      </c>
      <c r="P31459" t="s">
        <v>86</v>
      </c>
      <c r="Q31459">
        <v>20</v>
      </c>
      <c r="R31459">
        <v>20</v>
      </c>
      <c r="S31459">
        <v>20</v>
      </c>
      <c r="T31459">
        <v>21</v>
      </c>
      <c r="U31459">
        <v>21</v>
      </c>
      <c r="V31459">
        <v>21</v>
      </c>
      <c r="W31459">
        <v>21</v>
      </c>
      <c r="X31459">
        <v>22</v>
      </c>
      <c r="Y31459">
        <v>22</v>
      </c>
      <c r="Z31459">
        <v>22</v>
      </c>
      <c r="AA31459">
        <v>22</v>
      </c>
      <c r="AB31459">
        <v>23</v>
      </c>
      <c r="AC31459">
        <v>23</v>
      </c>
      <c r="AD31459">
        <v>23</v>
      </c>
      <c r="AE31459">
        <v>23</v>
      </c>
      <c r="AF31459">
        <v>24</v>
      </c>
      <c r="AG31459">
        <v>24</v>
      </c>
      <c r="AH31459">
        <v>24</v>
      </c>
      <c r="AI31459">
        <v>24</v>
      </c>
      <c r="AJ31459">
        <v>25</v>
      </c>
      <c r="AK31459">
        <v>25</v>
      </c>
      <c r="AL31459">
        <v>25</v>
      </c>
      <c r="AM31459">
        <v>25</v>
      </c>
      <c r="AN31459">
        <v>26</v>
      </c>
      <c r="AO31459">
        <v>26</v>
      </c>
      <c r="AP31459">
        <v>26</v>
      </c>
      <c r="AQ31459">
        <v>26</v>
      </c>
    </row>
    <row r="31460" spans="1:43">
      <c r="A31460" t="s">
        <v>19487</v>
      </c>
      <c r="B31460" t="s">
        <v>19488</v>
      </c>
      <c r="C31460" t="s">
        <v>19387</v>
      </c>
      <c r="D31460" t="s">
        <v>19388</v>
      </c>
      <c r="E31460" t="s">
        <v>19379</v>
      </c>
      <c r="F31460" t="s">
        <v>19380</v>
      </c>
      <c r="G31460" t="s">
        <v>10734</v>
      </c>
      <c r="H31460" t="s">
        <v>10735</v>
      </c>
      <c r="I31460" s="2">
        <v>0</v>
      </c>
      <c r="J31460" s="2">
        <v>0</v>
      </c>
      <c r="K31460" s="2">
        <v>0.87</v>
      </c>
      <c r="L31460" t="s">
        <v>995</v>
      </c>
      <c r="M31460" t="s">
        <v>89</v>
      </c>
      <c r="N31460" t="s">
        <v>90</v>
      </c>
      <c r="O31460" t="s">
        <v>85</v>
      </c>
      <c r="P31460" t="s">
        <v>86</v>
      </c>
      <c r="Q31460">
        <v>20</v>
      </c>
      <c r="R31460">
        <v>21</v>
      </c>
      <c r="S31460">
        <v>22</v>
      </c>
      <c r="T31460">
        <v>22</v>
      </c>
      <c r="U31460">
        <v>23</v>
      </c>
      <c r="V31460">
        <v>23</v>
      </c>
      <c r="W31460">
        <v>24</v>
      </c>
      <c r="X31460">
        <v>25</v>
      </c>
      <c r="Y31460">
        <v>25</v>
      </c>
      <c r="Z31460">
        <v>26</v>
      </c>
      <c r="AA31460">
        <v>26</v>
      </c>
      <c r="AB31460">
        <v>27</v>
      </c>
      <c r="AC31460">
        <v>27</v>
      </c>
      <c r="AD31460">
        <v>28</v>
      </c>
      <c r="AE31460">
        <v>28</v>
      </c>
      <c r="AF31460">
        <v>29</v>
      </c>
      <c r="AG31460">
        <v>29</v>
      </c>
      <c r="AH31460">
        <v>29</v>
      </c>
      <c r="AI31460">
        <v>29</v>
      </c>
      <c r="AJ31460">
        <v>29</v>
      </c>
      <c r="AK31460">
        <v>30</v>
      </c>
      <c r="AL31460">
        <v>30</v>
      </c>
      <c r="AM31460">
        <v>30</v>
      </c>
      <c r="AN31460">
        <v>30</v>
      </c>
      <c r="AO31460">
        <v>30</v>
      </c>
      <c r="AP31460">
        <v>30</v>
      </c>
      <c r="AQ31460">
        <v>30</v>
      </c>
    </row>
    <row r="31461" spans="1:43">
      <c r="A31461" t="s">
        <v>19487</v>
      </c>
      <c r="B31461" t="s">
        <v>19488</v>
      </c>
      <c r="C31461" t="s">
        <v>19387</v>
      </c>
      <c r="D31461" t="s">
        <v>19388</v>
      </c>
      <c r="E31461" t="s">
        <v>19379</v>
      </c>
      <c r="F31461" t="s">
        <v>19380</v>
      </c>
      <c r="G31461" t="s">
        <v>10734</v>
      </c>
      <c r="H31461" t="s">
        <v>10735</v>
      </c>
      <c r="I31461" s="2">
        <v>0</v>
      </c>
      <c r="J31461" s="2">
        <v>0</v>
      </c>
      <c r="K31461" s="2">
        <v>0.87</v>
      </c>
      <c r="L31461" t="s">
        <v>995</v>
      </c>
      <c r="M31461" t="s">
        <v>83</v>
      </c>
      <c r="N31461" t="s">
        <v>91</v>
      </c>
      <c r="O31461" t="s">
        <v>85</v>
      </c>
      <c r="P31461" t="s">
        <v>86</v>
      </c>
      <c r="Q31461">
        <v>20</v>
      </c>
      <c r="R31461">
        <v>21</v>
      </c>
      <c r="S31461">
        <v>21</v>
      </c>
      <c r="T31461">
        <v>21</v>
      </c>
      <c r="U31461">
        <v>22</v>
      </c>
      <c r="V31461">
        <v>22</v>
      </c>
      <c r="W31461">
        <v>23</v>
      </c>
      <c r="X31461">
        <v>23</v>
      </c>
      <c r="Y31461">
        <v>24</v>
      </c>
      <c r="Z31461">
        <v>24</v>
      </c>
      <c r="AA31461">
        <v>25</v>
      </c>
      <c r="AB31461">
        <v>25</v>
      </c>
      <c r="AC31461">
        <v>26</v>
      </c>
      <c r="AD31461">
        <v>26</v>
      </c>
      <c r="AE31461">
        <v>27</v>
      </c>
      <c r="AF31461">
        <v>27</v>
      </c>
      <c r="AG31461">
        <v>27</v>
      </c>
      <c r="AH31461">
        <v>28</v>
      </c>
      <c r="AI31461">
        <v>28</v>
      </c>
      <c r="AJ31461">
        <v>29</v>
      </c>
      <c r="AK31461">
        <v>29</v>
      </c>
      <c r="AL31461">
        <v>29</v>
      </c>
      <c r="AM31461">
        <v>30</v>
      </c>
      <c r="AN31461">
        <v>30</v>
      </c>
      <c r="AO31461">
        <v>30</v>
      </c>
      <c r="AP31461">
        <v>30</v>
      </c>
      <c r="AQ31461">
        <v>30</v>
      </c>
    </row>
    <row r="31462" spans="1:43">
      <c r="A31462" t="s">
        <v>19489</v>
      </c>
      <c r="B31462" t="s">
        <v>19490</v>
      </c>
      <c r="C31462" t="s">
        <v>19469</v>
      </c>
      <c r="D31462" t="s">
        <v>19470</v>
      </c>
      <c r="E31462" t="s">
        <v>19379</v>
      </c>
      <c r="F31462" t="s">
        <v>19380</v>
      </c>
      <c r="G31462" t="s">
        <v>10734</v>
      </c>
      <c r="H31462" t="s">
        <v>10735</v>
      </c>
      <c r="I31462" s="2">
        <v>0</v>
      </c>
      <c r="J31462" s="2">
        <v>0</v>
      </c>
      <c r="K31462" s="2">
        <v>1</v>
      </c>
      <c r="L31462" t="s">
        <v>995</v>
      </c>
      <c r="M31462" t="s">
        <v>83</v>
      </c>
      <c r="N31462" t="s">
        <v>84</v>
      </c>
      <c r="O31462" t="s">
        <v>85</v>
      </c>
      <c r="P31462" t="s">
        <v>86</v>
      </c>
      <c r="Q31462">
        <v>8</v>
      </c>
      <c r="R31462">
        <v>8</v>
      </c>
      <c r="S31462">
        <v>8</v>
      </c>
      <c r="T31462">
        <v>8</v>
      </c>
      <c r="U31462">
        <v>8</v>
      </c>
      <c r="V31462">
        <v>9</v>
      </c>
      <c r="W31462">
        <v>9</v>
      </c>
      <c r="X31462">
        <v>9</v>
      </c>
      <c r="Y31462">
        <v>9</v>
      </c>
      <c r="Z31462">
        <v>9</v>
      </c>
      <c r="AA31462">
        <v>10</v>
      </c>
      <c r="AB31462">
        <v>10</v>
      </c>
      <c r="AC31462">
        <v>10</v>
      </c>
      <c r="AD31462">
        <v>10</v>
      </c>
      <c r="AE31462">
        <v>10</v>
      </c>
      <c r="AF31462">
        <v>10</v>
      </c>
      <c r="AG31462">
        <v>11</v>
      </c>
      <c r="AH31462">
        <v>11</v>
      </c>
      <c r="AI31462">
        <v>11</v>
      </c>
      <c r="AJ31462">
        <v>11</v>
      </c>
      <c r="AK31462">
        <v>11</v>
      </c>
      <c r="AL31462">
        <v>11</v>
      </c>
      <c r="AM31462">
        <v>11</v>
      </c>
      <c r="AN31462">
        <v>11</v>
      </c>
      <c r="AO31462">
        <v>12</v>
      </c>
      <c r="AP31462">
        <v>12</v>
      </c>
      <c r="AQ31462">
        <v>12</v>
      </c>
    </row>
    <row r="31463" spans="1:43">
      <c r="A31463" t="s">
        <v>19489</v>
      </c>
      <c r="B31463" t="s">
        <v>19490</v>
      </c>
      <c r="C31463" t="s">
        <v>19469</v>
      </c>
      <c r="D31463" t="s">
        <v>19470</v>
      </c>
      <c r="E31463" t="s">
        <v>19379</v>
      </c>
      <c r="F31463" t="s">
        <v>19380</v>
      </c>
      <c r="G31463" t="s">
        <v>10734</v>
      </c>
      <c r="H31463" t="s">
        <v>10735</v>
      </c>
      <c r="I31463" s="2">
        <v>0</v>
      </c>
      <c r="J31463" s="2">
        <v>0</v>
      </c>
      <c r="K31463" s="2">
        <v>1</v>
      </c>
      <c r="L31463" t="s">
        <v>995</v>
      </c>
      <c r="M31463" t="s">
        <v>87</v>
      </c>
      <c r="N31463" t="s">
        <v>88</v>
      </c>
      <c r="O31463" t="s">
        <v>85</v>
      </c>
      <c r="P31463" t="s">
        <v>86</v>
      </c>
      <c r="Q31463">
        <v>8</v>
      </c>
      <c r="R31463">
        <v>8</v>
      </c>
      <c r="S31463">
        <v>8</v>
      </c>
      <c r="T31463">
        <v>8</v>
      </c>
      <c r="U31463">
        <v>8</v>
      </c>
      <c r="V31463">
        <v>8</v>
      </c>
      <c r="W31463">
        <v>8</v>
      </c>
      <c r="X31463">
        <v>8</v>
      </c>
      <c r="Y31463">
        <v>8</v>
      </c>
      <c r="Z31463">
        <v>9</v>
      </c>
      <c r="AA31463">
        <v>9</v>
      </c>
      <c r="AB31463">
        <v>9</v>
      </c>
      <c r="AC31463">
        <v>9</v>
      </c>
      <c r="AD31463">
        <v>9</v>
      </c>
      <c r="AE31463">
        <v>9</v>
      </c>
      <c r="AF31463">
        <v>9</v>
      </c>
      <c r="AG31463">
        <v>9</v>
      </c>
      <c r="AH31463">
        <v>9</v>
      </c>
      <c r="AI31463">
        <v>9</v>
      </c>
      <c r="AJ31463">
        <v>9</v>
      </c>
      <c r="AK31463">
        <v>10</v>
      </c>
      <c r="AL31463">
        <v>10</v>
      </c>
      <c r="AM31463">
        <v>10</v>
      </c>
      <c r="AN31463">
        <v>10</v>
      </c>
      <c r="AO31463">
        <v>10</v>
      </c>
      <c r="AP31463">
        <v>10</v>
      </c>
      <c r="AQ31463">
        <v>10</v>
      </c>
    </row>
    <row r="31464" spans="1:43">
      <c r="A31464" t="s">
        <v>19489</v>
      </c>
      <c r="B31464" t="s">
        <v>19490</v>
      </c>
      <c r="C31464" t="s">
        <v>19469</v>
      </c>
      <c r="D31464" t="s">
        <v>19470</v>
      </c>
      <c r="E31464" t="s">
        <v>19379</v>
      </c>
      <c r="F31464" t="s">
        <v>19380</v>
      </c>
      <c r="G31464" t="s">
        <v>10734</v>
      </c>
      <c r="H31464" t="s">
        <v>10735</v>
      </c>
      <c r="I31464" s="2">
        <v>0</v>
      </c>
      <c r="J31464" s="2">
        <v>0</v>
      </c>
      <c r="K31464" s="2">
        <v>1</v>
      </c>
      <c r="L31464" t="s">
        <v>995</v>
      </c>
      <c r="M31464" t="s">
        <v>89</v>
      </c>
      <c r="N31464" t="s">
        <v>90</v>
      </c>
      <c r="O31464" t="s">
        <v>85</v>
      </c>
      <c r="P31464" t="s">
        <v>86</v>
      </c>
      <c r="Q31464">
        <v>8</v>
      </c>
      <c r="R31464">
        <v>8</v>
      </c>
      <c r="S31464">
        <v>8</v>
      </c>
      <c r="T31464">
        <v>9</v>
      </c>
      <c r="U31464">
        <v>9</v>
      </c>
      <c r="V31464">
        <v>9</v>
      </c>
      <c r="W31464">
        <v>9</v>
      </c>
      <c r="X31464">
        <v>9</v>
      </c>
      <c r="Y31464">
        <v>10</v>
      </c>
      <c r="Z31464">
        <v>10</v>
      </c>
      <c r="AA31464">
        <v>10</v>
      </c>
      <c r="AB31464">
        <v>10</v>
      </c>
      <c r="AC31464">
        <v>11</v>
      </c>
      <c r="AD31464">
        <v>11</v>
      </c>
      <c r="AE31464">
        <v>11</v>
      </c>
      <c r="AF31464">
        <v>11</v>
      </c>
      <c r="AG31464">
        <v>11</v>
      </c>
      <c r="AH31464">
        <v>11</v>
      </c>
      <c r="AI31464">
        <v>11</v>
      </c>
      <c r="AJ31464">
        <v>11</v>
      </c>
      <c r="AK31464">
        <v>11</v>
      </c>
      <c r="AL31464">
        <v>11</v>
      </c>
      <c r="AM31464">
        <v>12</v>
      </c>
      <c r="AN31464">
        <v>12</v>
      </c>
      <c r="AO31464">
        <v>12</v>
      </c>
      <c r="AP31464">
        <v>12</v>
      </c>
      <c r="AQ31464">
        <v>12</v>
      </c>
    </row>
    <row r="31465" spans="1:43">
      <c r="A31465" t="s">
        <v>19489</v>
      </c>
      <c r="B31465" t="s">
        <v>19490</v>
      </c>
      <c r="C31465" t="s">
        <v>19469</v>
      </c>
      <c r="D31465" t="s">
        <v>19470</v>
      </c>
      <c r="E31465" t="s">
        <v>19379</v>
      </c>
      <c r="F31465" t="s">
        <v>19380</v>
      </c>
      <c r="G31465" t="s">
        <v>10734</v>
      </c>
      <c r="H31465" t="s">
        <v>10735</v>
      </c>
      <c r="I31465" s="2">
        <v>0</v>
      </c>
      <c r="J31465" s="2">
        <v>0</v>
      </c>
      <c r="K31465" s="2">
        <v>1</v>
      </c>
      <c r="L31465" t="s">
        <v>995</v>
      </c>
      <c r="M31465" t="s">
        <v>83</v>
      </c>
      <c r="N31465" t="s">
        <v>91</v>
      </c>
      <c r="O31465" t="s">
        <v>85</v>
      </c>
      <c r="P31465" t="s">
        <v>86</v>
      </c>
      <c r="Q31465">
        <v>8</v>
      </c>
      <c r="R31465">
        <v>8</v>
      </c>
      <c r="S31465">
        <v>8</v>
      </c>
      <c r="T31465">
        <v>8</v>
      </c>
      <c r="U31465">
        <v>8</v>
      </c>
      <c r="V31465">
        <v>9</v>
      </c>
      <c r="W31465">
        <v>9</v>
      </c>
      <c r="X31465">
        <v>9</v>
      </c>
      <c r="Y31465">
        <v>9</v>
      </c>
      <c r="Z31465">
        <v>9</v>
      </c>
      <c r="AA31465">
        <v>10</v>
      </c>
      <c r="AB31465">
        <v>10</v>
      </c>
      <c r="AC31465">
        <v>10</v>
      </c>
      <c r="AD31465">
        <v>10</v>
      </c>
      <c r="AE31465">
        <v>10</v>
      </c>
      <c r="AF31465">
        <v>10</v>
      </c>
      <c r="AG31465">
        <v>11</v>
      </c>
      <c r="AH31465">
        <v>11</v>
      </c>
      <c r="AI31465">
        <v>11</v>
      </c>
      <c r="AJ31465">
        <v>11</v>
      </c>
      <c r="AK31465">
        <v>11</v>
      </c>
      <c r="AL31465">
        <v>11</v>
      </c>
      <c r="AM31465">
        <v>11</v>
      </c>
      <c r="AN31465">
        <v>11</v>
      </c>
      <c r="AO31465">
        <v>12</v>
      </c>
      <c r="AP31465">
        <v>12</v>
      </c>
      <c r="AQ31465">
        <v>12</v>
      </c>
    </row>
    <row r="31466" spans="1:43">
      <c r="A31466" t="s">
        <v>19491</v>
      </c>
      <c r="B31466" t="s">
        <v>19492</v>
      </c>
      <c r="C31466" t="s">
        <v>19493</v>
      </c>
      <c r="D31466" t="s">
        <v>19494</v>
      </c>
      <c r="E31466" t="s">
        <v>19379</v>
      </c>
      <c r="F31466" t="s">
        <v>19380</v>
      </c>
      <c r="G31466" t="s">
        <v>10734</v>
      </c>
      <c r="H31466" t="s">
        <v>10735</v>
      </c>
      <c r="I31466" s="2">
        <v>0</v>
      </c>
      <c r="J31466" s="2">
        <v>0</v>
      </c>
      <c r="K31466" s="2">
        <v>1</v>
      </c>
      <c r="L31466" t="s">
        <v>995</v>
      </c>
      <c r="M31466" t="s">
        <v>83</v>
      </c>
      <c r="N31466" t="s">
        <v>84</v>
      </c>
      <c r="O31466" t="s">
        <v>85</v>
      </c>
      <c r="P31466" t="s">
        <v>86</v>
      </c>
      <c r="Q31466">
        <v>13</v>
      </c>
      <c r="R31466">
        <v>14</v>
      </c>
      <c r="S31466">
        <v>14</v>
      </c>
      <c r="T31466">
        <v>14</v>
      </c>
      <c r="U31466">
        <v>15</v>
      </c>
      <c r="V31466">
        <v>15</v>
      </c>
      <c r="W31466">
        <v>15</v>
      </c>
      <c r="X31466">
        <v>15</v>
      </c>
      <c r="Y31466">
        <v>16</v>
      </c>
      <c r="Z31466">
        <v>16</v>
      </c>
      <c r="AA31466">
        <v>16</v>
      </c>
      <c r="AB31466">
        <v>17</v>
      </c>
      <c r="AC31466">
        <v>17</v>
      </c>
      <c r="AD31466">
        <v>17</v>
      </c>
      <c r="AE31466">
        <v>17</v>
      </c>
      <c r="AF31466">
        <v>18</v>
      </c>
      <c r="AG31466">
        <v>18</v>
      </c>
      <c r="AH31466">
        <v>18</v>
      </c>
      <c r="AI31466">
        <v>19</v>
      </c>
      <c r="AJ31466">
        <v>19</v>
      </c>
      <c r="AK31466">
        <v>19</v>
      </c>
      <c r="AL31466">
        <v>19</v>
      </c>
      <c r="AM31466">
        <v>19</v>
      </c>
      <c r="AN31466">
        <v>20</v>
      </c>
      <c r="AO31466">
        <v>20</v>
      </c>
      <c r="AP31466">
        <v>20</v>
      </c>
      <c r="AQ31466">
        <v>20</v>
      </c>
    </row>
    <row r="31467" spans="1:43">
      <c r="A31467" t="s">
        <v>19491</v>
      </c>
      <c r="B31467" t="s">
        <v>19492</v>
      </c>
      <c r="C31467" t="s">
        <v>19493</v>
      </c>
      <c r="D31467" t="s">
        <v>19494</v>
      </c>
      <c r="E31467" t="s">
        <v>19379</v>
      </c>
      <c r="F31467" t="s">
        <v>19380</v>
      </c>
      <c r="G31467" t="s">
        <v>10734</v>
      </c>
      <c r="H31467" t="s">
        <v>10735</v>
      </c>
      <c r="I31467" s="2">
        <v>0</v>
      </c>
      <c r="J31467" s="2">
        <v>0</v>
      </c>
      <c r="K31467" s="2">
        <v>1</v>
      </c>
      <c r="L31467" t="s">
        <v>995</v>
      </c>
      <c r="M31467" t="s">
        <v>87</v>
      </c>
      <c r="N31467" t="s">
        <v>88</v>
      </c>
      <c r="O31467" t="s">
        <v>85</v>
      </c>
      <c r="P31467" t="s">
        <v>86</v>
      </c>
      <c r="Q31467">
        <v>13</v>
      </c>
      <c r="R31467">
        <v>13</v>
      </c>
      <c r="S31467">
        <v>14</v>
      </c>
      <c r="T31467">
        <v>14</v>
      </c>
      <c r="U31467">
        <v>14</v>
      </c>
      <c r="V31467">
        <v>14</v>
      </c>
      <c r="W31467">
        <v>14</v>
      </c>
      <c r="X31467">
        <v>14</v>
      </c>
      <c r="Y31467">
        <v>15</v>
      </c>
      <c r="Z31467">
        <v>15</v>
      </c>
      <c r="AA31467">
        <v>15</v>
      </c>
      <c r="AB31467">
        <v>15</v>
      </c>
      <c r="AC31467">
        <v>15</v>
      </c>
      <c r="AD31467">
        <v>15</v>
      </c>
      <c r="AE31467">
        <v>16</v>
      </c>
      <c r="AF31467">
        <v>16</v>
      </c>
      <c r="AG31467">
        <v>16</v>
      </c>
      <c r="AH31467">
        <v>16</v>
      </c>
      <c r="AI31467">
        <v>16</v>
      </c>
      <c r="AJ31467">
        <v>16</v>
      </c>
      <c r="AK31467">
        <v>16</v>
      </c>
      <c r="AL31467">
        <v>17</v>
      </c>
      <c r="AM31467">
        <v>17</v>
      </c>
      <c r="AN31467">
        <v>17</v>
      </c>
      <c r="AO31467">
        <v>17</v>
      </c>
      <c r="AP31467">
        <v>17</v>
      </c>
      <c r="AQ31467">
        <v>17</v>
      </c>
    </row>
    <row r="31468" spans="1:43">
      <c r="A31468" t="s">
        <v>19491</v>
      </c>
      <c r="B31468" t="s">
        <v>19492</v>
      </c>
      <c r="C31468" t="s">
        <v>19493</v>
      </c>
      <c r="D31468" t="s">
        <v>19494</v>
      </c>
      <c r="E31468" t="s">
        <v>19379</v>
      </c>
      <c r="F31468" t="s">
        <v>19380</v>
      </c>
      <c r="G31468" t="s">
        <v>10734</v>
      </c>
      <c r="H31468" t="s">
        <v>10735</v>
      </c>
      <c r="I31468" s="2">
        <v>0</v>
      </c>
      <c r="J31468" s="2">
        <v>0</v>
      </c>
      <c r="K31468" s="2">
        <v>1</v>
      </c>
      <c r="L31468" t="s">
        <v>995</v>
      </c>
      <c r="M31468" t="s">
        <v>89</v>
      </c>
      <c r="N31468" t="s">
        <v>90</v>
      </c>
      <c r="O31468" t="s">
        <v>85</v>
      </c>
      <c r="P31468" t="s">
        <v>86</v>
      </c>
      <c r="Q31468">
        <v>13</v>
      </c>
      <c r="R31468">
        <v>14</v>
      </c>
      <c r="S31468">
        <v>14</v>
      </c>
      <c r="T31468">
        <v>15</v>
      </c>
      <c r="U31468">
        <v>15</v>
      </c>
      <c r="V31468">
        <v>16</v>
      </c>
      <c r="W31468">
        <v>16</v>
      </c>
      <c r="X31468">
        <v>16</v>
      </c>
      <c r="Y31468">
        <v>17</v>
      </c>
      <c r="Z31468">
        <v>17</v>
      </c>
      <c r="AA31468">
        <v>17</v>
      </c>
      <c r="AB31468">
        <v>18</v>
      </c>
      <c r="AC31468">
        <v>18</v>
      </c>
      <c r="AD31468">
        <v>18</v>
      </c>
      <c r="AE31468">
        <v>19</v>
      </c>
      <c r="AF31468">
        <v>19</v>
      </c>
      <c r="AG31468">
        <v>19</v>
      </c>
      <c r="AH31468">
        <v>19</v>
      </c>
      <c r="AI31468">
        <v>19</v>
      </c>
      <c r="AJ31468">
        <v>19</v>
      </c>
      <c r="AK31468">
        <v>19</v>
      </c>
      <c r="AL31468">
        <v>20</v>
      </c>
      <c r="AM31468">
        <v>20</v>
      </c>
      <c r="AN31468">
        <v>20</v>
      </c>
      <c r="AO31468">
        <v>20</v>
      </c>
      <c r="AP31468">
        <v>20</v>
      </c>
      <c r="AQ31468">
        <v>20</v>
      </c>
    </row>
    <row r="31469" spans="1:43">
      <c r="A31469" t="s">
        <v>19491</v>
      </c>
      <c r="B31469" t="s">
        <v>19492</v>
      </c>
      <c r="C31469" t="s">
        <v>19493</v>
      </c>
      <c r="D31469" t="s">
        <v>19494</v>
      </c>
      <c r="E31469" t="s">
        <v>19379</v>
      </c>
      <c r="F31469" t="s">
        <v>19380</v>
      </c>
      <c r="G31469" t="s">
        <v>10734</v>
      </c>
      <c r="H31469" t="s">
        <v>10735</v>
      </c>
      <c r="I31469" s="2">
        <v>0</v>
      </c>
      <c r="J31469" s="2">
        <v>0</v>
      </c>
      <c r="K31469" s="2">
        <v>1</v>
      </c>
      <c r="L31469" t="s">
        <v>995</v>
      </c>
      <c r="M31469" t="s">
        <v>83</v>
      </c>
      <c r="N31469" t="s">
        <v>91</v>
      </c>
      <c r="O31469" t="s">
        <v>85</v>
      </c>
      <c r="P31469" t="s">
        <v>86</v>
      </c>
      <c r="Q31469">
        <v>13</v>
      </c>
      <c r="R31469">
        <v>14</v>
      </c>
      <c r="S31469">
        <v>14</v>
      </c>
      <c r="T31469">
        <v>14</v>
      </c>
      <c r="U31469">
        <v>15</v>
      </c>
      <c r="V31469">
        <v>15</v>
      </c>
      <c r="W31469">
        <v>15</v>
      </c>
      <c r="X31469">
        <v>15</v>
      </c>
      <c r="Y31469">
        <v>16</v>
      </c>
      <c r="Z31469">
        <v>16</v>
      </c>
      <c r="AA31469">
        <v>16</v>
      </c>
      <c r="AB31469">
        <v>17</v>
      </c>
      <c r="AC31469">
        <v>17</v>
      </c>
      <c r="AD31469">
        <v>17</v>
      </c>
      <c r="AE31469">
        <v>17</v>
      </c>
      <c r="AF31469">
        <v>18</v>
      </c>
      <c r="AG31469">
        <v>18</v>
      </c>
      <c r="AH31469">
        <v>18</v>
      </c>
      <c r="AI31469">
        <v>19</v>
      </c>
      <c r="AJ31469">
        <v>19</v>
      </c>
      <c r="AK31469">
        <v>19</v>
      </c>
      <c r="AL31469">
        <v>19</v>
      </c>
      <c r="AM31469">
        <v>19</v>
      </c>
      <c r="AN31469">
        <v>20</v>
      </c>
      <c r="AO31469">
        <v>20</v>
      </c>
      <c r="AP31469">
        <v>20</v>
      </c>
      <c r="AQ31469">
        <v>20</v>
      </c>
    </row>
    <row r="31470" spans="1:43">
      <c r="A31470" t="s">
        <v>19495</v>
      </c>
      <c r="B31470" t="s">
        <v>19496</v>
      </c>
      <c r="C31470" t="s">
        <v>19493</v>
      </c>
      <c r="D31470" t="s">
        <v>19494</v>
      </c>
      <c r="E31470" t="s">
        <v>19379</v>
      </c>
      <c r="F31470" t="s">
        <v>19380</v>
      </c>
      <c r="G31470" t="s">
        <v>10734</v>
      </c>
      <c r="H31470" t="s">
        <v>10735</v>
      </c>
      <c r="I31470" s="2">
        <v>0</v>
      </c>
      <c r="J31470" s="2">
        <v>0</v>
      </c>
      <c r="K31470" s="2">
        <v>1</v>
      </c>
      <c r="L31470" t="s">
        <v>995</v>
      </c>
      <c r="M31470" t="s">
        <v>83</v>
      </c>
      <c r="N31470" t="s">
        <v>84</v>
      </c>
      <c r="O31470" t="s">
        <v>85</v>
      </c>
      <c r="P31470" t="s">
        <v>86</v>
      </c>
      <c r="Q31470">
        <v>14</v>
      </c>
      <c r="R31470">
        <v>15</v>
      </c>
      <c r="S31470">
        <v>15</v>
      </c>
      <c r="T31470">
        <v>15</v>
      </c>
      <c r="U31470">
        <v>16</v>
      </c>
      <c r="V31470">
        <v>16</v>
      </c>
      <c r="W31470">
        <v>16</v>
      </c>
      <c r="X31470">
        <v>17</v>
      </c>
      <c r="Y31470">
        <v>17</v>
      </c>
      <c r="Z31470">
        <v>17</v>
      </c>
      <c r="AA31470">
        <v>18</v>
      </c>
      <c r="AB31470">
        <v>18</v>
      </c>
      <c r="AC31470">
        <v>18</v>
      </c>
      <c r="AD31470">
        <v>18</v>
      </c>
      <c r="AE31470">
        <v>19</v>
      </c>
      <c r="AF31470">
        <v>19</v>
      </c>
      <c r="AG31470">
        <v>19</v>
      </c>
      <c r="AH31470">
        <v>20</v>
      </c>
      <c r="AI31470">
        <v>20</v>
      </c>
      <c r="AJ31470">
        <v>20</v>
      </c>
      <c r="AK31470">
        <v>21</v>
      </c>
      <c r="AL31470">
        <v>21</v>
      </c>
      <c r="AM31470">
        <v>21</v>
      </c>
      <c r="AN31470">
        <v>21</v>
      </c>
      <c r="AO31470">
        <v>21</v>
      </c>
      <c r="AP31470">
        <v>21</v>
      </c>
      <c r="AQ31470">
        <v>21</v>
      </c>
    </row>
    <row r="31471" spans="1:43">
      <c r="A31471" t="s">
        <v>19495</v>
      </c>
      <c r="B31471" t="s">
        <v>19496</v>
      </c>
      <c r="C31471" t="s">
        <v>19493</v>
      </c>
      <c r="D31471" t="s">
        <v>19494</v>
      </c>
      <c r="E31471" t="s">
        <v>19379</v>
      </c>
      <c r="F31471" t="s">
        <v>19380</v>
      </c>
      <c r="G31471" t="s">
        <v>10734</v>
      </c>
      <c r="H31471" t="s">
        <v>10735</v>
      </c>
      <c r="I31471" s="2">
        <v>0</v>
      </c>
      <c r="J31471" s="2">
        <v>0</v>
      </c>
      <c r="K31471" s="2">
        <v>1</v>
      </c>
      <c r="L31471" t="s">
        <v>995</v>
      </c>
      <c r="M31471" t="s">
        <v>87</v>
      </c>
      <c r="N31471" t="s">
        <v>88</v>
      </c>
      <c r="O31471" t="s">
        <v>85</v>
      </c>
      <c r="P31471" t="s">
        <v>86</v>
      </c>
      <c r="Q31471">
        <v>14</v>
      </c>
      <c r="R31471">
        <v>14</v>
      </c>
      <c r="S31471">
        <v>15</v>
      </c>
      <c r="T31471">
        <v>15</v>
      </c>
      <c r="U31471">
        <v>15</v>
      </c>
      <c r="V31471">
        <v>15</v>
      </c>
      <c r="W31471">
        <v>15</v>
      </c>
      <c r="X31471">
        <v>15</v>
      </c>
      <c r="Y31471">
        <v>16</v>
      </c>
      <c r="Z31471">
        <v>16</v>
      </c>
      <c r="AA31471">
        <v>16</v>
      </c>
      <c r="AB31471">
        <v>16</v>
      </c>
      <c r="AC31471">
        <v>16</v>
      </c>
      <c r="AD31471">
        <v>16</v>
      </c>
      <c r="AE31471">
        <v>17</v>
      </c>
      <c r="AF31471">
        <v>17</v>
      </c>
      <c r="AG31471">
        <v>17</v>
      </c>
      <c r="AH31471">
        <v>17</v>
      </c>
      <c r="AI31471">
        <v>17</v>
      </c>
      <c r="AJ31471">
        <v>17</v>
      </c>
      <c r="AK31471">
        <v>18</v>
      </c>
      <c r="AL31471">
        <v>18</v>
      </c>
      <c r="AM31471">
        <v>18</v>
      </c>
      <c r="AN31471">
        <v>18</v>
      </c>
      <c r="AO31471">
        <v>18</v>
      </c>
      <c r="AP31471">
        <v>18</v>
      </c>
      <c r="AQ31471">
        <v>19</v>
      </c>
    </row>
    <row r="31472" spans="1:43">
      <c r="A31472" t="s">
        <v>19495</v>
      </c>
      <c r="B31472" t="s">
        <v>19496</v>
      </c>
      <c r="C31472" t="s">
        <v>19493</v>
      </c>
      <c r="D31472" t="s">
        <v>19494</v>
      </c>
      <c r="E31472" t="s">
        <v>19379</v>
      </c>
      <c r="F31472" t="s">
        <v>19380</v>
      </c>
      <c r="G31472" t="s">
        <v>10734</v>
      </c>
      <c r="H31472" t="s">
        <v>10735</v>
      </c>
      <c r="I31472" s="2">
        <v>0</v>
      </c>
      <c r="J31472" s="2">
        <v>0</v>
      </c>
      <c r="K31472" s="2">
        <v>1</v>
      </c>
      <c r="L31472" t="s">
        <v>995</v>
      </c>
      <c r="M31472" t="s">
        <v>89</v>
      </c>
      <c r="N31472" t="s">
        <v>90</v>
      </c>
      <c r="O31472" t="s">
        <v>85</v>
      </c>
      <c r="P31472" t="s">
        <v>86</v>
      </c>
      <c r="Q31472">
        <v>14</v>
      </c>
      <c r="R31472">
        <v>14</v>
      </c>
      <c r="S31472">
        <v>14</v>
      </c>
      <c r="T31472">
        <v>15</v>
      </c>
      <c r="U31472">
        <v>15</v>
      </c>
      <c r="V31472">
        <v>16</v>
      </c>
      <c r="W31472">
        <v>16</v>
      </c>
      <c r="X31472">
        <v>17</v>
      </c>
      <c r="Y31472">
        <v>17</v>
      </c>
      <c r="Z31472">
        <v>17</v>
      </c>
      <c r="AA31472">
        <v>18</v>
      </c>
      <c r="AB31472">
        <v>18</v>
      </c>
      <c r="AC31472">
        <v>18</v>
      </c>
      <c r="AD31472">
        <v>19</v>
      </c>
      <c r="AE31472">
        <v>19</v>
      </c>
      <c r="AF31472">
        <v>19</v>
      </c>
      <c r="AG31472">
        <v>19</v>
      </c>
      <c r="AH31472">
        <v>19</v>
      </c>
      <c r="AI31472">
        <v>20</v>
      </c>
      <c r="AJ31472">
        <v>20</v>
      </c>
      <c r="AK31472">
        <v>20</v>
      </c>
      <c r="AL31472">
        <v>20</v>
      </c>
      <c r="AM31472">
        <v>20</v>
      </c>
      <c r="AN31472">
        <v>20</v>
      </c>
      <c r="AO31472">
        <v>20</v>
      </c>
      <c r="AP31472">
        <v>20</v>
      </c>
      <c r="AQ31472">
        <v>21</v>
      </c>
    </row>
    <row r="31473" spans="1:43">
      <c r="A31473" t="s">
        <v>19495</v>
      </c>
      <c r="B31473" t="s">
        <v>19496</v>
      </c>
      <c r="C31473" t="s">
        <v>19493</v>
      </c>
      <c r="D31473" t="s">
        <v>19494</v>
      </c>
      <c r="E31473" t="s">
        <v>19379</v>
      </c>
      <c r="F31473" t="s">
        <v>19380</v>
      </c>
      <c r="G31473" t="s">
        <v>10734</v>
      </c>
      <c r="H31473" t="s">
        <v>10735</v>
      </c>
      <c r="I31473" s="2">
        <v>0</v>
      </c>
      <c r="J31473" s="2">
        <v>0</v>
      </c>
      <c r="K31473" s="2">
        <v>1</v>
      </c>
      <c r="L31473" t="s">
        <v>995</v>
      </c>
      <c r="M31473" t="s">
        <v>83</v>
      </c>
      <c r="N31473" t="s">
        <v>91</v>
      </c>
      <c r="O31473" t="s">
        <v>85</v>
      </c>
      <c r="P31473" t="s">
        <v>86</v>
      </c>
      <c r="Q31473">
        <v>14</v>
      </c>
      <c r="R31473">
        <v>15</v>
      </c>
      <c r="S31473">
        <v>15</v>
      </c>
      <c r="T31473">
        <v>15</v>
      </c>
      <c r="U31473">
        <v>16</v>
      </c>
      <c r="V31473">
        <v>16</v>
      </c>
      <c r="W31473">
        <v>16</v>
      </c>
      <c r="X31473">
        <v>17</v>
      </c>
      <c r="Y31473">
        <v>17</v>
      </c>
      <c r="Z31473">
        <v>17</v>
      </c>
      <c r="AA31473">
        <v>18</v>
      </c>
      <c r="AB31473">
        <v>18</v>
      </c>
      <c r="AC31473">
        <v>18</v>
      </c>
      <c r="AD31473">
        <v>18</v>
      </c>
      <c r="AE31473">
        <v>19</v>
      </c>
      <c r="AF31473">
        <v>19</v>
      </c>
      <c r="AG31473">
        <v>19</v>
      </c>
      <c r="AH31473">
        <v>20</v>
      </c>
      <c r="AI31473">
        <v>20</v>
      </c>
      <c r="AJ31473">
        <v>20</v>
      </c>
      <c r="AK31473">
        <v>21</v>
      </c>
      <c r="AL31473">
        <v>21</v>
      </c>
      <c r="AM31473">
        <v>21</v>
      </c>
      <c r="AN31473">
        <v>21</v>
      </c>
      <c r="AO31473">
        <v>21</v>
      </c>
      <c r="AP31473">
        <v>21</v>
      </c>
      <c r="AQ31473">
        <v>21</v>
      </c>
    </row>
    <row r="31474" spans="1:43">
      <c r="A31474" t="s">
        <v>19497</v>
      </c>
      <c r="B31474" t="s">
        <v>19498</v>
      </c>
      <c r="C31474" t="s">
        <v>19493</v>
      </c>
      <c r="D31474" t="s">
        <v>19494</v>
      </c>
      <c r="E31474" t="s">
        <v>19379</v>
      </c>
      <c r="F31474" t="s">
        <v>19380</v>
      </c>
      <c r="G31474" t="s">
        <v>10734</v>
      </c>
      <c r="H31474" t="s">
        <v>10735</v>
      </c>
      <c r="I31474" s="2">
        <v>0</v>
      </c>
      <c r="J31474" s="2">
        <v>0</v>
      </c>
      <c r="K31474" s="2">
        <v>1</v>
      </c>
      <c r="L31474" t="s">
        <v>995</v>
      </c>
      <c r="M31474" t="s">
        <v>83</v>
      </c>
      <c r="N31474" t="s">
        <v>84</v>
      </c>
      <c r="O31474" t="s">
        <v>85</v>
      </c>
      <c r="P31474" t="s">
        <v>86</v>
      </c>
      <c r="Q31474">
        <v>13</v>
      </c>
      <c r="R31474">
        <v>14</v>
      </c>
      <c r="S31474">
        <v>14</v>
      </c>
      <c r="T31474">
        <v>14</v>
      </c>
      <c r="U31474">
        <v>15</v>
      </c>
      <c r="V31474">
        <v>15</v>
      </c>
      <c r="W31474">
        <v>15</v>
      </c>
      <c r="X31474">
        <v>15</v>
      </c>
      <c r="Y31474">
        <v>16</v>
      </c>
      <c r="Z31474">
        <v>16</v>
      </c>
      <c r="AA31474">
        <v>16</v>
      </c>
      <c r="AB31474">
        <v>17</v>
      </c>
      <c r="AC31474">
        <v>17</v>
      </c>
      <c r="AD31474">
        <v>17</v>
      </c>
      <c r="AE31474">
        <v>17</v>
      </c>
      <c r="AF31474">
        <v>18</v>
      </c>
      <c r="AG31474">
        <v>18</v>
      </c>
      <c r="AH31474">
        <v>18</v>
      </c>
      <c r="AI31474">
        <v>19</v>
      </c>
      <c r="AJ31474">
        <v>19</v>
      </c>
      <c r="AK31474">
        <v>19</v>
      </c>
      <c r="AL31474">
        <v>19</v>
      </c>
      <c r="AM31474">
        <v>19</v>
      </c>
      <c r="AN31474">
        <v>19</v>
      </c>
      <c r="AO31474">
        <v>20</v>
      </c>
      <c r="AP31474">
        <v>20</v>
      </c>
      <c r="AQ31474">
        <v>20</v>
      </c>
    </row>
    <row r="31475" spans="1:43">
      <c r="A31475" t="s">
        <v>19497</v>
      </c>
      <c r="B31475" t="s">
        <v>19498</v>
      </c>
      <c r="C31475" t="s">
        <v>19493</v>
      </c>
      <c r="D31475" t="s">
        <v>19494</v>
      </c>
      <c r="E31475" t="s">
        <v>19379</v>
      </c>
      <c r="F31475" t="s">
        <v>19380</v>
      </c>
      <c r="G31475" t="s">
        <v>10734</v>
      </c>
      <c r="H31475" t="s">
        <v>10735</v>
      </c>
      <c r="I31475" s="2">
        <v>0</v>
      </c>
      <c r="J31475" s="2">
        <v>0</v>
      </c>
      <c r="K31475" s="2">
        <v>1</v>
      </c>
      <c r="L31475" t="s">
        <v>995</v>
      </c>
      <c r="M31475" t="s">
        <v>87</v>
      </c>
      <c r="N31475" t="s">
        <v>88</v>
      </c>
      <c r="O31475" t="s">
        <v>85</v>
      </c>
      <c r="P31475" t="s">
        <v>86</v>
      </c>
      <c r="Q31475">
        <v>13</v>
      </c>
      <c r="R31475">
        <v>13</v>
      </c>
      <c r="S31475">
        <v>14</v>
      </c>
      <c r="T31475">
        <v>14</v>
      </c>
      <c r="U31475">
        <v>14</v>
      </c>
      <c r="V31475">
        <v>14</v>
      </c>
      <c r="W31475">
        <v>14</v>
      </c>
      <c r="X31475">
        <v>14</v>
      </c>
      <c r="Y31475">
        <v>15</v>
      </c>
      <c r="Z31475">
        <v>15</v>
      </c>
      <c r="AA31475">
        <v>15</v>
      </c>
      <c r="AB31475">
        <v>15</v>
      </c>
      <c r="AC31475">
        <v>15</v>
      </c>
      <c r="AD31475">
        <v>15</v>
      </c>
      <c r="AE31475">
        <v>15</v>
      </c>
      <c r="AF31475">
        <v>16</v>
      </c>
      <c r="AG31475">
        <v>16</v>
      </c>
      <c r="AH31475">
        <v>16</v>
      </c>
      <c r="AI31475">
        <v>16</v>
      </c>
      <c r="AJ31475">
        <v>16</v>
      </c>
      <c r="AK31475">
        <v>16</v>
      </c>
      <c r="AL31475">
        <v>16</v>
      </c>
      <c r="AM31475">
        <v>17</v>
      </c>
      <c r="AN31475">
        <v>17</v>
      </c>
      <c r="AO31475">
        <v>17</v>
      </c>
      <c r="AP31475">
        <v>17</v>
      </c>
      <c r="AQ31475">
        <v>17</v>
      </c>
    </row>
    <row r="31476" spans="1:43">
      <c r="A31476" t="s">
        <v>19497</v>
      </c>
      <c r="B31476" t="s">
        <v>19498</v>
      </c>
      <c r="C31476" t="s">
        <v>19493</v>
      </c>
      <c r="D31476" t="s">
        <v>19494</v>
      </c>
      <c r="E31476" t="s">
        <v>19379</v>
      </c>
      <c r="F31476" t="s">
        <v>19380</v>
      </c>
      <c r="G31476" t="s">
        <v>10734</v>
      </c>
      <c r="H31476" t="s">
        <v>10735</v>
      </c>
      <c r="I31476" s="2">
        <v>0</v>
      </c>
      <c r="J31476" s="2">
        <v>0</v>
      </c>
      <c r="K31476" s="2">
        <v>1</v>
      </c>
      <c r="L31476" t="s">
        <v>995</v>
      </c>
      <c r="M31476" t="s">
        <v>89</v>
      </c>
      <c r="N31476" t="s">
        <v>90</v>
      </c>
      <c r="O31476" t="s">
        <v>85</v>
      </c>
      <c r="P31476" t="s">
        <v>86</v>
      </c>
      <c r="Q31476">
        <v>13</v>
      </c>
      <c r="R31476">
        <v>14</v>
      </c>
      <c r="S31476">
        <v>14</v>
      </c>
      <c r="T31476">
        <v>15</v>
      </c>
      <c r="U31476">
        <v>15</v>
      </c>
      <c r="V31476">
        <v>15</v>
      </c>
      <c r="W31476">
        <v>16</v>
      </c>
      <c r="X31476">
        <v>16</v>
      </c>
      <c r="Y31476">
        <v>17</v>
      </c>
      <c r="Z31476">
        <v>17</v>
      </c>
      <c r="AA31476">
        <v>17</v>
      </c>
      <c r="AB31476">
        <v>18</v>
      </c>
      <c r="AC31476">
        <v>18</v>
      </c>
      <c r="AD31476">
        <v>18</v>
      </c>
      <c r="AE31476">
        <v>19</v>
      </c>
      <c r="AF31476">
        <v>19</v>
      </c>
      <c r="AG31476">
        <v>19</v>
      </c>
      <c r="AH31476">
        <v>19</v>
      </c>
      <c r="AI31476">
        <v>19</v>
      </c>
      <c r="AJ31476">
        <v>19</v>
      </c>
      <c r="AK31476">
        <v>19</v>
      </c>
      <c r="AL31476">
        <v>19</v>
      </c>
      <c r="AM31476">
        <v>20</v>
      </c>
      <c r="AN31476">
        <v>20</v>
      </c>
      <c r="AO31476">
        <v>20</v>
      </c>
      <c r="AP31476">
        <v>20</v>
      </c>
      <c r="AQ31476">
        <v>20</v>
      </c>
    </row>
    <row r="31477" spans="1:43">
      <c r="A31477" t="s">
        <v>19497</v>
      </c>
      <c r="B31477" t="s">
        <v>19498</v>
      </c>
      <c r="C31477" t="s">
        <v>19493</v>
      </c>
      <c r="D31477" t="s">
        <v>19494</v>
      </c>
      <c r="E31477" t="s">
        <v>19379</v>
      </c>
      <c r="F31477" t="s">
        <v>19380</v>
      </c>
      <c r="G31477" t="s">
        <v>10734</v>
      </c>
      <c r="H31477" t="s">
        <v>10735</v>
      </c>
      <c r="I31477" s="2">
        <v>0</v>
      </c>
      <c r="J31477" s="2">
        <v>0</v>
      </c>
      <c r="K31477" s="2">
        <v>1</v>
      </c>
      <c r="L31477" t="s">
        <v>995</v>
      </c>
      <c r="M31477" t="s">
        <v>83</v>
      </c>
      <c r="N31477" t="s">
        <v>91</v>
      </c>
      <c r="O31477" t="s">
        <v>85</v>
      </c>
      <c r="P31477" t="s">
        <v>86</v>
      </c>
      <c r="Q31477">
        <v>13</v>
      </c>
      <c r="R31477">
        <v>14</v>
      </c>
      <c r="S31477">
        <v>14</v>
      </c>
      <c r="T31477">
        <v>14</v>
      </c>
      <c r="U31477">
        <v>15</v>
      </c>
      <c r="V31477">
        <v>15</v>
      </c>
      <c r="W31477">
        <v>15</v>
      </c>
      <c r="X31477">
        <v>15</v>
      </c>
      <c r="Y31477">
        <v>16</v>
      </c>
      <c r="Z31477">
        <v>16</v>
      </c>
      <c r="AA31477">
        <v>16</v>
      </c>
      <c r="AB31477">
        <v>17</v>
      </c>
      <c r="AC31477">
        <v>17</v>
      </c>
      <c r="AD31477">
        <v>17</v>
      </c>
      <c r="AE31477">
        <v>17</v>
      </c>
      <c r="AF31477">
        <v>18</v>
      </c>
      <c r="AG31477">
        <v>18</v>
      </c>
      <c r="AH31477">
        <v>18</v>
      </c>
      <c r="AI31477">
        <v>19</v>
      </c>
      <c r="AJ31477">
        <v>19</v>
      </c>
      <c r="AK31477">
        <v>19</v>
      </c>
      <c r="AL31477">
        <v>19</v>
      </c>
      <c r="AM31477">
        <v>19</v>
      </c>
      <c r="AN31477">
        <v>19</v>
      </c>
      <c r="AO31477">
        <v>20</v>
      </c>
      <c r="AP31477">
        <v>20</v>
      </c>
      <c r="AQ31477">
        <v>20</v>
      </c>
    </row>
    <row r="31478" spans="1:43">
      <c r="A31478" t="s">
        <v>19499</v>
      </c>
      <c r="B31478" t="s">
        <v>19500</v>
      </c>
      <c r="C31478" t="s">
        <v>19493</v>
      </c>
      <c r="D31478" t="s">
        <v>19494</v>
      </c>
      <c r="E31478" t="s">
        <v>19379</v>
      </c>
      <c r="F31478" t="s">
        <v>19380</v>
      </c>
      <c r="G31478" t="s">
        <v>10734</v>
      </c>
      <c r="H31478" t="s">
        <v>10735</v>
      </c>
      <c r="I31478" s="2">
        <v>0</v>
      </c>
      <c r="J31478" s="2">
        <v>0</v>
      </c>
      <c r="K31478" s="2">
        <v>1</v>
      </c>
      <c r="L31478" t="s">
        <v>995</v>
      </c>
      <c r="M31478" t="s">
        <v>83</v>
      </c>
      <c r="N31478" t="s">
        <v>84</v>
      </c>
      <c r="O31478" t="s">
        <v>85</v>
      </c>
      <c r="P31478" t="s">
        <v>86</v>
      </c>
      <c r="Q31478">
        <v>48</v>
      </c>
      <c r="R31478">
        <v>49</v>
      </c>
      <c r="S31478">
        <v>50</v>
      </c>
      <c r="T31478">
        <v>51</v>
      </c>
      <c r="U31478">
        <v>52</v>
      </c>
      <c r="V31478">
        <v>53</v>
      </c>
      <c r="W31478">
        <v>55</v>
      </c>
      <c r="X31478">
        <v>56</v>
      </c>
      <c r="Y31478">
        <v>57</v>
      </c>
      <c r="Z31478">
        <v>58</v>
      </c>
      <c r="AA31478">
        <v>59</v>
      </c>
      <c r="AB31478">
        <v>60</v>
      </c>
      <c r="AC31478">
        <v>61</v>
      </c>
      <c r="AD31478">
        <v>62</v>
      </c>
      <c r="AE31478">
        <v>63</v>
      </c>
      <c r="AF31478">
        <v>64</v>
      </c>
      <c r="AG31478">
        <v>65</v>
      </c>
      <c r="AH31478">
        <v>66</v>
      </c>
      <c r="AI31478">
        <v>67</v>
      </c>
      <c r="AJ31478">
        <v>68</v>
      </c>
      <c r="AK31478">
        <v>69</v>
      </c>
      <c r="AL31478">
        <v>69</v>
      </c>
      <c r="AM31478">
        <v>70</v>
      </c>
      <c r="AN31478">
        <v>70</v>
      </c>
      <c r="AO31478">
        <v>71</v>
      </c>
      <c r="AP31478">
        <v>71</v>
      </c>
      <c r="AQ31478">
        <v>71</v>
      </c>
    </row>
    <row r="31479" spans="1:43">
      <c r="A31479" t="s">
        <v>19499</v>
      </c>
      <c r="B31479" t="s">
        <v>19500</v>
      </c>
      <c r="C31479" t="s">
        <v>19493</v>
      </c>
      <c r="D31479" t="s">
        <v>19494</v>
      </c>
      <c r="E31479" t="s">
        <v>19379</v>
      </c>
      <c r="F31479" t="s">
        <v>19380</v>
      </c>
      <c r="G31479" t="s">
        <v>10734</v>
      </c>
      <c r="H31479" t="s">
        <v>10735</v>
      </c>
      <c r="I31479" s="2">
        <v>0</v>
      </c>
      <c r="J31479" s="2">
        <v>0</v>
      </c>
      <c r="K31479" s="2">
        <v>1</v>
      </c>
      <c r="L31479" t="s">
        <v>995</v>
      </c>
      <c r="M31479" t="s">
        <v>87</v>
      </c>
      <c r="N31479" t="s">
        <v>88</v>
      </c>
      <c r="O31479" t="s">
        <v>85</v>
      </c>
      <c r="P31479" t="s">
        <v>86</v>
      </c>
      <c r="Q31479">
        <v>48</v>
      </c>
      <c r="R31479">
        <v>48</v>
      </c>
      <c r="S31479">
        <v>49</v>
      </c>
      <c r="T31479">
        <v>49</v>
      </c>
      <c r="U31479">
        <v>50</v>
      </c>
      <c r="V31479">
        <v>51</v>
      </c>
      <c r="W31479">
        <v>51</v>
      </c>
      <c r="X31479">
        <v>52</v>
      </c>
      <c r="Y31479">
        <v>52</v>
      </c>
      <c r="Z31479">
        <v>53</v>
      </c>
      <c r="AA31479">
        <v>54</v>
      </c>
      <c r="AB31479">
        <v>54</v>
      </c>
      <c r="AC31479">
        <v>55</v>
      </c>
      <c r="AD31479">
        <v>55</v>
      </c>
      <c r="AE31479">
        <v>56</v>
      </c>
      <c r="AF31479">
        <v>56</v>
      </c>
      <c r="AG31479">
        <v>57</v>
      </c>
      <c r="AH31479">
        <v>57</v>
      </c>
      <c r="AI31479">
        <v>58</v>
      </c>
      <c r="AJ31479">
        <v>58</v>
      </c>
      <c r="AK31479">
        <v>59</v>
      </c>
      <c r="AL31479">
        <v>59</v>
      </c>
      <c r="AM31479">
        <v>60</v>
      </c>
      <c r="AN31479">
        <v>60</v>
      </c>
      <c r="AO31479">
        <v>61</v>
      </c>
      <c r="AP31479">
        <v>62</v>
      </c>
      <c r="AQ31479">
        <v>62</v>
      </c>
    </row>
    <row r="31480" spans="1:43">
      <c r="A31480" t="s">
        <v>19499</v>
      </c>
      <c r="B31480" t="s">
        <v>19500</v>
      </c>
      <c r="C31480" t="s">
        <v>19493</v>
      </c>
      <c r="D31480" t="s">
        <v>19494</v>
      </c>
      <c r="E31480" t="s">
        <v>19379</v>
      </c>
      <c r="F31480" t="s">
        <v>19380</v>
      </c>
      <c r="G31480" t="s">
        <v>10734</v>
      </c>
      <c r="H31480" t="s">
        <v>10735</v>
      </c>
      <c r="I31480" s="2">
        <v>0</v>
      </c>
      <c r="J31480" s="2">
        <v>0</v>
      </c>
      <c r="K31480" s="2">
        <v>1</v>
      </c>
      <c r="L31480" t="s">
        <v>995</v>
      </c>
      <c r="M31480" t="s">
        <v>89</v>
      </c>
      <c r="N31480" t="s">
        <v>90</v>
      </c>
      <c r="O31480" t="s">
        <v>85</v>
      </c>
      <c r="P31480" t="s">
        <v>86</v>
      </c>
      <c r="Q31480">
        <v>48</v>
      </c>
      <c r="R31480">
        <v>49</v>
      </c>
      <c r="S31480">
        <v>51</v>
      </c>
      <c r="T31480">
        <v>52</v>
      </c>
      <c r="U31480">
        <v>53</v>
      </c>
      <c r="V31480">
        <v>55</v>
      </c>
      <c r="W31480">
        <v>56</v>
      </c>
      <c r="X31480">
        <v>58</v>
      </c>
      <c r="Y31480">
        <v>59</v>
      </c>
      <c r="Z31480">
        <v>60</v>
      </c>
      <c r="AA31480">
        <v>61</v>
      </c>
      <c r="AB31480">
        <v>63</v>
      </c>
      <c r="AC31480">
        <v>64</v>
      </c>
      <c r="AD31480">
        <v>65</v>
      </c>
      <c r="AE31480">
        <v>66</v>
      </c>
      <c r="AF31480">
        <v>67</v>
      </c>
      <c r="AG31480">
        <v>67</v>
      </c>
      <c r="AH31480">
        <v>67</v>
      </c>
      <c r="AI31480">
        <v>68</v>
      </c>
      <c r="AJ31480">
        <v>68</v>
      </c>
      <c r="AK31480">
        <v>69</v>
      </c>
      <c r="AL31480">
        <v>69</v>
      </c>
      <c r="AM31480">
        <v>70</v>
      </c>
      <c r="AN31480">
        <v>70</v>
      </c>
      <c r="AO31480">
        <v>70</v>
      </c>
      <c r="AP31480">
        <v>71</v>
      </c>
      <c r="AQ31480">
        <v>71</v>
      </c>
    </row>
    <row r="31481" spans="1:43">
      <c r="A31481" t="s">
        <v>19499</v>
      </c>
      <c r="B31481" t="s">
        <v>19500</v>
      </c>
      <c r="C31481" t="s">
        <v>19493</v>
      </c>
      <c r="D31481" t="s">
        <v>19494</v>
      </c>
      <c r="E31481" t="s">
        <v>19379</v>
      </c>
      <c r="F31481" t="s">
        <v>19380</v>
      </c>
      <c r="G31481" t="s">
        <v>10734</v>
      </c>
      <c r="H31481" t="s">
        <v>10735</v>
      </c>
      <c r="I31481" s="2">
        <v>0</v>
      </c>
      <c r="J31481" s="2">
        <v>0</v>
      </c>
      <c r="K31481" s="2">
        <v>1</v>
      </c>
      <c r="L31481" t="s">
        <v>995</v>
      </c>
      <c r="M31481" t="s">
        <v>83</v>
      </c>
      <c r="N31481" t="s">
        <v>91</v>
      </c>
      <c r="O31481" t="s">
        <v>85</v>
      </c>
      <c r="P31481" t="s">
        <v>86</v>
      </c>
      <c r="Q31481">
        <v>48</v>
      </c>
      <c r="R31481">
        <v>49</v>
      </c>
      <c r="S31481">
        <v>50</v>
      </c>
      <c r="T31481">
        <v>51</v>
      </c>
      <c r="U31481">
        <v>52</v>
      </c>
      <c r="V31481">
        <v>53</v>
      </c>
      <c r="W31481">
        <v>55</v>
      </c>
      <c r="X31481">
        <v>56</v>
      </c>
      <c r="Y31481">
        <v>57</v>
      </c>
      <c r="Z31481">
        <v>58</v>
      </c>
      <c r="AA31481">
        <v>59</v>
      </c>
      <c r="AB31481">
        <v>60</v>
      </c>
      <c r="AC31481">
        <v>61</v>
      </c>
      <c r="AD31481">
        <v>62</v>
      </c>
      <c r="AE31481">
        <v>63</v>
      </c>
      <c r="AF31481">
        <v>64</v>
      </c>
      <c r="AG31481">
        <v>65</v>
      </c>
      <c r="AH31481">
        <v>66</v>
      </c>
      <c r="AI31481">
        <v>67</v>
      </c>
      <c r="AJ31481">
        <v>68</v>
      </c>
      <c r="AK31481">
        <v>69</v>
      </c>
      <c r="AL31481">
        <v>69</v>
      </c>
      <c r="AM31481">
        <v>70</v>
      </c>
      <c r="AN31481">
        <v>70</v>
      </c>
      <c r="AO31481">
        <v>71</v>
      </c>
      <c r="AP31481">
        <v>71</v>
      </c>
      <c r="AQ31481">
        <v>71</v>
      </c>
    </row>
    <row r="31482" spans="1:43">
      <c r="A31482" t="s">
        <v>19501</v>
      </c>
      <c r="B31482" t="s">
        <v>19502</v>
      </c>
      <c r="C31482" t="s">
        <v>19387</v>
      </c>
      <c r="D31482" t="s">
        <v>19388</v>
      </c>
      <c r="E31482" t="s">
        <v>19379</v>
      </c>
      <c r="F31482" t="s">
        <v>19380</v>
      </c>
      <c r="G31482" t="s">
        <v>10734</v>
      </c>
      <c r="H31482" t="s">
        <v>10735</v>
      </c>
      <c r="I31482" s="2">
        <v>0</v>
      </c>
      <c r="J31482" s="2">
        <v>0</v>
      </c>
      <c r="K31482" s="2">
        <v>1</v>
      </c>
      <c r="L31482" t="s">
        <v>995</v>
      </c>
      <c r="M31482" t="s">
        <v>83</v>
      </c>
      <c r="N31482" t="s">
        <v>84</v>
      </c>
      <c r="O31482" t="s">
        <v>85</v>
      </c>
      <c r="P31482" t="s">
        <v>86</v>
      </c>
      <c r="Q31482">
        <v>61</v>
      </c>
      <c r="R31482">
        <v>62</v>
      </c>
      <c r="S31482">
        <v>64</v>
      </c>
      <c r="T31482">
        <v>65</v>
      </c>
      <c r="U31482">
        <v>66</v>
      </c>
      <c r="V31482">
        <v>68</v>
      </c>
      <c r="W31482">
        <v>69</v>
      </c>
      <c r="X31482">
        <v>70</v>
      </c>
      <c r="Y31482">
        <v>72</v>
      </c>
      <c r="Z31482">
        <v>73</v>
      </c>
      <c r="AA31482">
        <v>75</v>
      </c>
      <c r="AB31482">
        <v>76</v>
      </c>
      <c r="AC31482">
        <v>77</v>
      </c>
      <c r="AD31482">
        <v>79</v>
      </c>
      <c r="AE31482">
        <v>80</v>
      </c>
      <c r="AF31482">
        <v>82</v>
      </c>
      <c r="AG31482">
        <v>83</v>
      </c>
      <c r="AH31482">
        <v>84</v>
      </c>
      <c r="AI31482">
        <v>86</v>
      </c>
      <c r="AJ31482">
        <v>87</v>
      </c>
      <c r="AK31482">
        <v>88</v>
      </c>
      <c r="AL31482">
        <v>89</v>
      </c>
      <c r="AM31482">
        <v>90</v>
      </c>
      <c r="AN31482">
        <v>90</v>
      </c>
      <c r="AO31482">
        <v>91</v>
      </c>
      <c r="AP31482">
        <v>91</v>
      </c>
      <c r="AQ31482">
        <v>91</v>
      </c>
    </row>
    <row r="31483" spans="1:43">
      <c r="A31483" t="s">
        <v>19501</v>
      </c>
      <c r="B31483" t="s">
        <v>19502</v>
      </c>
      <c r="C31483" t="s">
        <v>19387</v>
      </c>
      <c r="D31483" t="s">
        <v>19388</v>
      </c>
      <c r="E31483" t="s">
        <v>19379</v>
      </c>
      <c r="F31483" t="s">
        <v>19380</v>
      </c>
      <c r="G31483" t="s">
        <v>10734</v>
      </c>
      <c r="H31483" t="s">
        <v>10735</v>
      </c>
      <c r="I31483" s="2">
        <v>0</v>
      </c>
      <c r="J31483" s="2">
        <v>0</v>
      </c>
      <c r="K31483" s="2">
        <v>1</v>
      </c>
      <c r="L31483" t="s">
        <v>995</v>
      </c>
      <c r="M31483" t="s">
        <v>87</v>
      </c>
      <c r="N31483" t="s">
        <v>88</v>
      </c>
      <c r="O31483" t="s">
        <v>85</v>
      </c>
      <c r="P31483" t="s">
        <v>86</v>
      </c>
      <c r="Q31483">
        <v>61</v>
      </c>
      <c r="R31483">
        <v>62</v>
      </c>
      <c r="S31483">
        <v>63</v>
      </c>
      <c r="T31483">
        <v>64</v>
      </c>
      <c r="U31483">
        <v>64</v>
      </c>
      <c r="V31483">
        <v>65</v>
      </c>
      <c r="W31483">
        <v>66</v>
      </c>
      <c r="X31483">
        <v>67</v>
      </c>
      <c r="Y31483">
        <v>67</v>
      </c>
      <c r="Z31483">
        <v>68</v>
      </c>
      <c r="AA31483">
        <v>69</v>
      </c>
      <c r="AB31483">
        <v>70</v>
      </c>
      <c r="AC31483">
        <v>70</v>
      </c>
      <c r="AD31483">
        <v>71</v>
      </c>
      <c r="AE31483">
        <v>72</v>
      </c>
      <c r="AF31483">
        <v>73</v>
      </c>
      <c r="AG31483">
        <v>73</v>
      </c>
      <c r="AH31483">
        <v>74</v>
      </c>
      <c r="AI31483">
        <v>75</v>
      </c>
      <c r="AJ31483">
        <v>76</v>
      </c>
      <c r="AK31483">
        <v>76</v>
      </c>
      <c r="AL31483">
        <v>77</v>
      </c>
      <c r="AM31483">
        <v>78</v>
      </c>
      <c r="AN31483">
        <v>78</v>
      </c>
      <c r="AO31483">
        <v>79</v>
      </c>
      <c r="AP31483">
        <v>80</v>
      </c>
      <c r="AQ31483">
        <v>80</v>
      </c>
    </row>
    <row r="31484" spans="1:43">
      <c r="A31484" t="s">
        <v>19501</v>
      </c>
      <c r="B31484" t="s">
        <v>19502</v>
      </c>
      <c r="C31484" t="s">
        <v>19387</v>
      </c>
      <c r="D31484" t="s">
        <v>19388</v>
      </c>
      <c r="E31484" t="s">
        <v>19379</v>
      </c>
      <c r="F31484" t="s">
        <v>19380</v>
      </c>
      <c r="G31484" t="s">
        <v>10734</v>
      </c>
      <c r="H31484" t="s">
        <v>10735</v>
      </c>
      <c r="I31484" s="2">
        <v>0</v>
      </c>
      <c r="J31484" s="2">
        <v>0</v>
      </c>
      <c r="K31484" s="2">
        <v>1</v>
      </c>
      <c r="L31484" t="s">
        <v>995</v>
      </c>
      <c r="M31484" t="s">
        <v>89</v>
      </c>
      <c r="N31484" t="s">
        <v>90</v>
      </c>
      <c r="O31484" t="s">
        <v>85</v>
      </c>
      <c r="P31484" t="s">
        <v>86</v>
      </c>
      <c r="Q31484">
        <v>61</v>
      </c>
      <c r="R31484">
        <v>63</v>
      </c>
      <c r="S31484">
        <v>65</v>
      </c>
      <c r="T31484">
        <v>67</v>
      </c>
      <c r="U31484">
        <v>69</v>
      </c>
      <c r="V31484">
        <v>71</v>
      </c>
      <c r="W31484">
        <v>73</v>
      </c>
      <c r="X31484">
        <v>74</v>
      </c>
      <c r="Y31484">
        <v>76</v>
      </c>
      <c r="Z31484">
        <v>78</v>
      </c>
      <c r="AA31484">
        <v>80</v>
      </c>
      <c r="AB31484">
        <v>81</v>
      </c>
      <c r="AC31484">
        <v>83</v>
      </c>
      <c r="AD31484">
        <v>85</v>
      </c>
      <c r="AE31484">
        <v>86</v>
      </c>
      <c r="AF31484">
        <v>87</v>
      </c>
      <c r="AG31484">
        <v>87</v>
      </c>
      <c r="AH31484">
        <v>88</v>
      </c>
      <c r="AI31484">
        <v>88</v>
      </c>
      <c r="AJ31484">
        <v>89</v>
      </c>
      <c r="AK31484">
        <v>89</v>
      </c>
      <c r="AL31484">
        <v>90</v>
      </c>
      <c r="AM31484">
        <v>90</v>
      </c>
      <c r="AN31484">
        <v>91</v>
      </c>
      <c r="AO31484">
        <v>91</v>
      </c>
      <c r="AP31484">
        <v>91</v>
      </c>
      <c r="AQ31484">
        <v>92</v>
      </c>
    </row>
    <row r="31485" spans="1:43">
      <c r="A31485" t="s">
        <v>19501</v>
      </c>
      <c r="B31485" t="s">
        <v>19502</v>
      </c>
      <c r="C31485" t="s">
        <v>19387</v>
      </c>
      <c r="D31485" t="s">
        <v>19388</v>
      </c>
      <c r="E31485" t="s">
        <v>19379</v>
      </c>
      <c r="F31485" t="s">
        <v>19380</v>
      </c>
      <c r="G31485" t="s">
        <v>10734</v>
      </c>
      <c r="H31485" t="s">
        <v>10735</v>
      </c>
      <c r="I31485" s="2">
        <v>0</v>
      </c>
      <c r="J31485" s="2">
        <v>0</v>
      </c>
      <c r="K31485" s="2">
        <v>1</v>
      </c>
      <c r="L31485" t="s">
        <v>995</v>
      </c>
      <c r="M31485" t="s">
        <v>83</v>
      </c>
      <c r="N31485" t="s">
        <v>91</v>
      </c>
      <c r="O31485" t="s">
        <v>85</v>
      </c>
      <c r="P31485" t="s">
        <v>86</v>
      </c>
      <c r="Q31485">
        <v>61</v>
      </c>
      <c r="R31485">
        <v>62</v>
      </c>
      <c r="S31485">
        <v>64</v>
      </c>
      <c r="T31485">
        <v>65</v>
      </c>
      <c r="U31485">
        <v>66</v>
      </c>
      <c r="V31485">
        <v>68</v>
      </c>
      <c r="W31485">
        <v>69</v>
      </c>
      <c r="X31485">
        <v>70</v>
      </c>
      <c r="Y31485">
        <v>72</v>
      </c>
      <c r="Z31485">
        <v>73</v>
      </c>
      <c r="AA31485">
        <v>75</v>
      </c>
      <c r="AB31485">
        <v>76</v>
      </c>
      <c r="AC31485">
        <v>77</v>
      </c>
      <c r="AD31485">
        <v>79</v>
      </c>
      <c r="AE31485">
        <v>80</v>
      </c>
      <c r="AF31485">
        <v>82</v>
      </c>
      <c r="AG31485">
        <v>83</v>
      </c>
      <c r="AH31485">
        <v>84</v>
      </c>
      <c r="AI31485">
        <v>86</v>
      </c>
      <c r="AJ31485">
        <v>87</v>
      </c>
      <c r="AK31485">
        <v>88</v>
      </c>
      <c r="AL31485">
        <v>89</v>
      </c>
      <c r="AM31485">
        <v>90</v>
      </c>
      <c r="AN31485">
        <v>90</v>
      </c>
      <c r="AO31485">
        <v>91</v>
      </c>
      <c r="AP31485">
        <v>91</v>
      </c>
      <c r="AQ31485">
        <v>91</v>
      </c>
    </row>
    <row r="31486" spans="1:43">
      <c r="A31486" t="s">
        <v>19503</v>
      </c>
      <c r="B31486" t="s">
        <v>19504</v>
      </c>
      <c r="C31486" t="s">
        <v>19505</v>
      </c>
      <c r="D31486" t="s">
        <v>19506</v>
      </c>
      <c r="E31486" t="s">
        <v>19379</v>
      </c>
      <c r="F31486" t="s">
        <v>19380</v>
      </c>
      <c r="G31486" t="s">
        <v>10734</v>
      </c>
      <c r="H31486" t="s">
        <v>10735</v>
      </c>
      <c r="I31486" s="2">
        <v>0</v>
      </c>
      <c r="J31486" s="2">
        <v>0</v>
      </c>
      <c r="K31486" s="2">
        <v>1</v>
      </c>
      <c r="L31486" t="s">
        <v>995</v>
      </c>
      <c r="M31486" t="s">
        <v>83</v>
      </c>
      <c r="N31486" t="s">
        <v>84</v>
      </c>
      <c r="O31486" t="s">
        <v>85</v>
      </c>
      <c r="P31486" t="s">
        <v>86</v>
      </c>
      <c r="Q31486">
        <v>17</v>
      </c>
      <c r="R31486">
        <v>17</v>
      </c>
      <c r="S31486">
        <v>18</v>
      </c>
      <c r="T31486">
        <v>18</v>
      </c>
      <c r="U31486">
        <v>19</v>
      </c>
      <c r="V31486">
        <v>19</v>
      </c>
      <c r="W31486">
        <v>19</v>
      </c>
      <c r="X31486">
        <v>20</v>
      </c>
      <c r="Y31486">
        <v>20</v>
      </c>
      <c r="Z31486">
        <v>21</v>
      </c>
      <c r="AA31486">
        <v>21</v>
      </c>
      <c r="AB31486">
        <v>21</v>
      </c>
      <c r="AC31486">
        <v>22</v>
      </c>
      <c r="AD31486">
        <v>22</v>
      </c>
      <c r="AE31486">
        <v>22</v>
      </c>
      <c r="AF31486">
        <v>23</v>
      </c>
      <c r="AG31486">
        <v>23</v>
      </c>
      <c r="AH31486">
        <v>23</v>
      </c>
      <c r="AI31486">
        <v>24</v>
      </c>
      <c r="AJ31486">
        <v>24</v>
      </c>
      <c r="AK31486">
        <v>25</v>
      </c>
      <c r="AL31486">
        <v>25</v>
      </c>
      <c r="AM31486">
        <v>25</v>
      </c>
      <c r="AN31486">
        <v>25</v>
      </c>
      <c r="AO31486">
        <v>25</v>
      </c>
      <c r="AP31486">
        <v>25</v>
      </c>
      <c r="AQ31486">
        <v>25</v>
      </c>
    </row>
    <row r="31487" spans="1:43">
      <c r="A31487" t="s">
        <v>19503</v>
      </c>
      <c r="B31487" t="s">
        <v>19504</v>
      </c>
      <c r="C31487" t="s">
        <v>19505</v>
      </c>
      <c r="D31487" t="s">
        <v>19506</v>
      </c>
      <c r="E31487" t="s">
        <v>19379</v>
      </c>
      <c r="F31487" t="s">
        <v>19380</v>
      </c>
      <c r="G31487" t="s">
        <v>10734</v>
      </c>
      <c r="H31487" t="s">
        <v>10735</v>
      </c>
      <c r="I31487" s="2">
        <v>0</v>
      </c>
      <c r="J31487" s="2">
        <v>0</v>
      </c>
      <c r="K31487" s="2">
        <v>1</v>
      </c>
      <c r="L31487" t="s">
        <v>995</v>
      </c>
      <c r="M31487" t="s">
        <v>87</v>
      </c>
      <c r="N31487" t="s">
        <v>88</v>
      </c>
      <c r="O31487" t="s">
        <v>85</v>
      </c>
      <c r="P31487" t="s">
        <v>86</v>
      </c>
      <c r="Q31487">
        <v>17</v>
      </c>
      <c r="R31487">
        <v>17</v>
      </c>
      <c r="S31487">
        <v>17</v>
      </c>
      <c r="T31487">
        <v>18</v>
      </c>
      <c r="U31487">
        <v>18</v>
      </c>
      <c r="V31487">
        <v>18</v>
      </c>
      <c r="W31487">
        <v>18</v>
      </c>
      <c r="X31487">
        <v>18</v>
      </c>
      <c r="Y31487">
        <v>19</v>
      </c>
      <c r="Z31487">
        <v>19</v>
      </c>
      <c r="AA31487">
        <v>19</v>
      </c>
      <c r="AB31487">
        <v>19</v>
      </c>
      <c r="AC31487">
        <v>19</v>
      </c>
      <c r="AD31487">
        <v>20</v>
      </c>
      <c r="AE31487">
        <v>20</v>
      </c>
      <c r="AF31487">
        <v>20</v>
      </c>
      <c r="AG31487">
        <v>20</v>
      </c>
      <c r="AH31487">
        <v>20</v>
      </c>
      <c r="AI31487">
        <v>21</v>
      </c>
      <c r="AJ31487">
        <v>21</v>
      </c>
      <c r="AK31487">
        <v>21</v>
      </c>
      <c r="AL31487">
        <v>21</v>
      </c>
      <c r="AM31487">
        <v>21</v>
      </c>
      <c r="AN31487">
        <v>22</v>
      </c>
      <c r="AO31487">
        <v>22</v>
      </c>
      <c r="AP31487">
        <v>22</v>
      </c>
      <c r="AQ31487">
        <v>22</v>
      </c>
    </row>
    <row r="31488" spans="1:43">
      <c r="A31488" t="s">
        <v>19503</v>
      </c>
      <c r="B31488" t="s">
        <v>19504</v>
      </c>
      <c r="C31488" t="s">
        <v>19505</v>
      </c>
      <c r="D31488" t="s">
        <v>19506</v>
      </c>
      <c r="E31488" t="s">
        <v>19379</v>
      </c>
      <c r="F31488" t="s">
        <v>19380</v>
      </c>
      <c r="G31488" t="s">
        <v>10734</v>
      </c>
      <c r="H31488" t="s">
        <v>10735</v>
      </c>
      <c r="I31488" s="2">
        <v>0</v>
      </c>
      <c r="J31488" s="2">
        <v>0</v>
      </c>
      <c r="K31488" s="2">
        <v>1</v>
      </c>
      <c r="L31488" t="s">
        <v>995</v>
      </c>
      <c r="M31488" t="s">
        <v>89</v>
      </c>
      <c r="N31488" t="s">
        <v>90</v>
      </c>
      <c r="O31488" t="s">
        <v>85</v>
      </c>
      <c r="P31488" t="s">
        <v>86</v>
      </c>
      <c r="Q31488">
        <v>17</v>
      </c>
      <c r="R31488">
        <v>18</v>
      </c>
      <c r="S31488">
        <v>18</v>
      </c>
      <c r="T31488">
        <v>19</v>
      </c>
      <c r="U31488">
        <v>19</v>
      </c>
      <c r="V31488">
        <v>20</v>
      </c>
      <c r="W31488">
        <v>20</v>
      </c>
      <c r="X31488">
        <v>21</v>
      </c>
      <c r="Y31488">
        <v>21</v>
      </c>
      <c r="Z31488">
        <v>22</v>
      </c>
      <c r="AA31488">
        <v>22</v>
      </c>
      <c r="AB31488">
        <v>23</v>
      </c>
      <c r="AC31488">
        <v>23</v>
      </c>
      <c r="AD31488">
        <v>24</v>
      </c>
      <c r="AE31488">
        <v>24</v>
      </c>
      <c r="AF31488">
        <v>24</v>
      </c>
      <c r="AG31488">
        <v>24</v>
      </c>
      <c r="AH31488">
        <v>24</v>
      </c>
      <c r="AI31488">
        <v>25</v>
      </c>
      <c r="AJ31488">
        <v>25</v>
      </c>
      <c r="AK31488">
        <v>25</v>
      </c>
      <c r="AL31488">
        <v>25</v>
      </c>
      <c r="AM31488">
        <v>25</v>
      </c>
      <c r="AN31488">
        <v>25</v>
      </c>
      <c r="AO31488">
        <v>25</v>
      </c>
      <c r="AP31488">
        <v>26</v>
      </c>
      <c r="AQ31488">
        <v>26</v>
      </c>
    </row>
    <row r="31489" spans="1:43">
      <c r="A31489" t="s">
        <v>19503</v>
      </c>
      <c r="B31489" t="s">
        <v>19504</v>
      </c>
      <c r="C31489" t="s">
        <v>19505</v>
      </c>
      <c r="D31489" t="s">
        <v>19506</v>
      </c>
      <c r="E31489" t="s">
        <v>19379</v>
      </c>
      <c r="F31489" t="s">
        <v>19380</v>
      </c>
      <c r="G31489" t="s">
        <v>10734</v>
      </c>
      <c r="H31489" t="s">
        <v>10735</v>
      </c>
      <c r="I31489" s="2">
        <v>0</v>
      </c>
      <c r="J31489" s="2">
        <v>0</v>
      </c>
      <c r="K31489" s="2">
        <v>1</v>
      </c>
      <c r="L31489" t="s">
        <v>995</v>
      </c>
      <c r="M31489" t="s">
        <v>83</v>
      </c>
      <c r="N31489" t="s">
        <v>91</v>
      </c>
      <c r="O31489" t="s">
        <v>85</v>
      </c>
      <c r="P31489" t="s">
        <v>86</v>
      </c>
      <c r="Q31489">
        <v>17</v>
      </c>
      <c r="R31489">
        <v>17</v>
      </c>
      <c r="S31489">
        <v>18</v>
      </c>
      <c r="T31489">
        <v>18</v>
      </c>
      <c r="U31489">
        <v>19</v>
      </c>
      <c r="V31489">
        <v>19</v>
      </c>
      <c r="W31489">
        <v>19</v>
      </c>
      <c r="X31489">
        <v>20</v>
      </c>
      <c r="Y31489">
        <v>20</v>
      </c>
      <c r="Z31489">
        <v>21</v>
      </c>
      <c r="AA31489">
        <v>21</v>
      </c>
      <c r="AB31489">
        <v>21</v>
      </c>
      <c r="AC31489">
        <v>22</v>
      </c>
      <c r="AD31489">
        <v>22</v>
      </c>
      <c r="AE31489">
        <v>22</v>
      </c>
      <c r="AF31489">
        <v>23</v>
      </c>
      <c r="AG31489">
        <v>23</v>
      </c>
      <c r="AH31489">
        <v>23</v>
      </c>
      <c r="AI31489">
        <v>24</v>
      </c>
      <c r="AJ31489">
        <v>24</v>
      </c>
      <c r="AK31489">
        <v>25</v>
      </c>
      <c r="AL31489">
        <v>25</v>
      </c>
      <c r="AM31489">
        <v>25</v>
      </c>
      <c r="AN31489">
        <v>25</v>
      </c>
      <c r="AO31489">
        <v>25</v>
      </c>
      <c r="AP31489">
        <v>25</v>
      </c>
      <c r="AQ31489">
        <v>25</v>
      </c>
    </row>
    <row r="31490" spans="1:43">
      <c r="A31490" t="s">
        <v>19507</v>
      </c>
      <c r="B31490" t="s">
        <v>19508</v>
      </c>
      <c r="C31490" t="s">
        <v>19505</v>
      </c>
      <c r="D31490" t="s">
        <v>19506</v>
      </c>
      <c r="E31490" t="s">
        <v>19379</v>
      </c>
      <c r="F31490" t="s">
        <v>19380</v>
      </c>
      <c r="G31490" t="s">
        <v>10734</v>
      </c>
      <c r="H31490" t="s">
        <v>10735</v>
      </c>
      <c r="I31490" s="2">
        <v>0</v>
      </c>
      <c r="J31490" s="2">
        <v>0</v>
      </c>
      <c r="K31490" s="2">
        <v>1</v>
      </c>
      <c r="L31490" t="s">
        <v>995</v>
      </c>
      <c r="M31490" t="s">
        <v>83</v>
      </c>
      <c r="N31490" t="s">
        <v>84</v>
      </c>
      <c r="O31490" t="s">
        <v>85</v>
      </c>
      <c r="P31490" t="s">
        <v>86</v>
      </c>
      <c r="Q31490">
        <v>31</v>
      </c>
      <c r="R31490">
        <v>32</v>
      </c>
      <c r="S31490">
        <v>33</v>
      </c>
      <c r="T31490">
        <v>33</v>
      </c>
      <c r="U31490">
        <v>34</v>
      </c>
      <c r="V31490">
        <v>35</v>
      </c>
      <c r="W31490">
        <v>35</v>
      </c>
      <c r="X31490">
        <v>36</v>
      </c>
      <c r="Y31490">
        <v>37</v>
      </c>
      <c r="Z31490">
        <v>38</v>
      </c>
      <c r="AA31490">
        <v>38</v>
      </c>
      <c r="AB31490">
        <v>39</v>
      </c>
      <c r="AC31490">
        <v>40</v>
      </c>
      <c r="AD31490">
        <v>40</v>
      </c>
      <c r="AE31490">
        <v>41</v>
      </c>
      <c r="AF31490">
        <v>42</v>
      </c>
      <c r="AG31490">
        <v>42</v>
      </c>
      <c r="AH31490">
        <v>43</v>
      </c>
      <c r="AI31490">
        <v>44</v>
      </c>
      <c r="AJ31490">
        <v>44</v>
      </c>
      <c r="AK31490">
        <v>45</v>
      </c>
      <c r="AL31490">
        <v>45</v>
      </c>
      <c r="AM31490">
        <v>46</v>
      </c>
      <c r="AN31490">
        <v>46</v>
      </c>
      <c r="AO31490">
        <v>46</v>
      </c>
      <c r="AP31490">
        <v>46</v>
      </c>
      <c r="AQ31490">
        <v>47</v>
      </c>
    </row>
    <row r="31491" spans="1:43">
      <c r="A31491" t="s">
        <v>19507</v>
      </c>
      <c r="B31491" t="s">
        <v>19508</v>
      </c>
      <c r="C31491" t="s">
        <v>19505</v>
      </c>
      <c r="D31491" t="s">
        <v>19506</v>
      </c>
      <c r="E31491" t="s">
        <v>19379</v>
      </c>
      <c r="F31491" t="s">
        <v>19380</v>
      </c>
      <c r="G31491" t="s">
        <v>10734</v>
      </c>
      <c r="H31491" t="s">
        <v>10735</v>
      </c>
      <c r="I31491" s="2">
        <v>0</v>
      </c>
      <c r="J31491" s="2">
        <v>0</v>
      </c>
      <c r="K31491" s="2">
        <v>1</v>
      </c>
      <c r="L31491" t="s">
        <v>995</v>
      </c>
      <c r="M31491" t="s">
        <v>87</v>
      </c>
      <c r="N31491" t="s">
        <v>88</v>
      </c>
      <c r="O31491" t="s">
        <v>85</v>
      </c>
      <c r="P31491" t="s">
        <v>86</v>
      </c>
      <c r="Q31491">
        <v>31</v>
      </c>
      <c r="R31491">
        <v>31</v>
      </c>
      <c r="S31491">
        <v>32</v>
      </c>
      <c r="T31491">
        <v>32</v>
      </c>
      <c r="U31491">
        <v>33</v>
      </c>
      <c r="V31491">
        <v>33</v>
      </c>
      <c r="W31491">
        <v>33</v>
      </c>
      <c r="X31491">
        <v>34</v>
      </c>
      <c r="Y31491">
        <v>34</v>
      </c>
      <c r="Z31491">
        <v>34</v>
      </c>
      <c r="AA31491">
        <v>35</v>
      </c>
      <c r="AB31491">
        <v>35</v>
      </c>
      <c r="AC31491">
        <v>36</v>
      </c>
      <c r="AD31491">
        <v>36</v>
      </c>
      <c r="AE31491">
        <v>36</v>
      </c>
      <c r="AF31491">
        <v>37</v>
      </c>
      <c r="AG31491">
        <v>37</v>
      </c>
      <c r="AH31491">
        <v>37</v>
      </c>
      <c r="AI31491">
        <v>38</v>
      </c>
      <c r="AJ31491">
        <v>38</v>
      </c>
      <c r="AK31491">
        <v>38</v>
      </c>
      <c r="AL31491">
        <v>39</v>
      </c>
      <c r="AM31491">
        <v>39</v>
      </c>
      <c r="AN31491">
        <v>40</v>
      </c>
      <c r="AO31491">
        <v>40</v>
      </c>
      <c r="AP31491">
        <v>40</v>
      </c>
      <c r="AQ31491">
        <v>41</v>
      </c>
    </row>
    <row r="31492" spans="1:43">
      <c r="A31492" t="s">
        <v>19507</v>
      </c>
      <c r="B31492" t="s">
        <v>19508</v>
      </c>
      <c r="C31492" t="s">
        <v>19505</v>
      </c>
      <c r="D31492" t="s">
        <v>19506</v>
      </c>
      <c r="E31492" t="s">
        <v>19379</v>
      </c>
      <c r="F31492" t="s">
        <v>19380</v>
      </c>
      <c r="G31492" t="s">
        <v>10734</v>
      </c>
      <c r="H31492" t="s">
        <v>10735</v>
      </c>
      <c r="I31492" s="2">
        <v>0</v>
      </c>
      <c r="J31492" s="2">
        <v>0</v>
      </c>
      <c r="K31492" s="2">
        <v>1</v>
      </c>
      <c r="L31492" t="s">
        <v>995</v>
      </c>
      <c r="M31492" t="s">
        <v>89</v>
      </c>
      <c r="N31492" t="s">
        <v>90</v>
      </c>
      <c r="O31492" t="s">
        <v>85</v>
      </c>
      <c r="P31492" t="s">
        <v>86</v>
      </c>
      <c r="Q31492">
        <v>31</v>
      </c>
      <c r="R31492">
        <v>32</v>
      </c>
      <c r="S31492">
        <v>32</v>
      </c>
      <c r="T31492">
        <v>33</v>
      </c>
      <c r="U31492">
        <v>34</v>
      </c>
      <c r="V31492">
        <v>35</v>
      </c>
      <c r="W31492">
        <v>36</v>
      </c>
      <c r="X31492">
        <v>37</v>
      </c>
      <c r="Y31492">
        <v>38</v>
      </c>
      <c r="Z31492">
        <v>39</v>
      </c>
      <c r="AA31492">
        <v>40</v>
      </c>
      <c r="AB31492">
        <v>40</v>
      </c>
      <c r="AC31492">
        <v>41</v>
      </c>
      <c r="AD31492">
        <v>42</v>
      </c>
      <c r="AE31492">
        <v>43</v>
      </c>
      <c r="AF31492">
        <v>43</v>
      </c>
      <c r="AG31492">
        <v>43</v>
      </c>
      <c r="AH31492">
        <v>44</v>
      </c>
      <c r="AI31492">
        <v>44</v>
      </c>
      <c r="AJ31492">
        <v>44</v>
      </c>
      <c r="AK31492">
        <v>45</v>
      </c>
      <c r="AL31492">
        <v>45</v>
      </c>
      <c r="AM31492">
        <v>45</v>
      </c>
      <c r="AN31492">
        <v>45</v>
      </c>
      <c r="AO31492">
        <v>46</v>
      </c>
      <c r="AP31492">
        <v>46</v>
      </c>
      <c r="AQ31492">
        <v>46</v>
      </c>
    </row>
    <row r="31493" spans="1:43">
      <c r="A31493" t="s">
        <v>19507</v>
      </c>
      <c r="B31493" t="s">
        <v>19508</v>
      </c>
      <c r="C31493" t="s">
        <v>19505</v>
      </c>
      <c r="D31493" t="s">
        <v>19506</v>
      </c>
      <c r="E31493" t="s">
        <v>19379</v>
      </c>
      <c r="F31493" t="s">
        <v>19380</v>
      </c>
      <c r="G31493" t="s">
        <v>10734</v>
      </c>
      <c r="H31493" t="s">
        <v>10735</v>
      </c>
      <c r="I31493" s="2">
        <v>0</v>
      </c>
      <c r="J31493" s="2">
        <v>0</v>
      </c>
      <c r="K31493" s="2">
        <v>1</v>
      </c>
      <c r="L31493" t="s">
        <v>995</v>
      </c>
      <c r="M31493" t="s">
        <v>83</v>
      </c>
      <c r="N31493" t="s">
        <v>91</v>
      </c>
      <c r="O31493" t="s">
        <v>85</v>
      </c>
      <c r="P31493" t="s">
        <v>86</v>
      </c>
      <c r="Q31493">
        <v>31</v>
      </c>
      <c r="R31493">
        <v>32</v>
      </c>
      <c r="S31493">
        <v>33</v>
      </c>
      <c r="T31493">
        <v>33</v>
      </c>
      <c r="U31493">
        <v>34</v>
      </c>
      <c r="V31493">
        <v>35</v>
      </c>
      <c r="W31493">
        <v>35</v>
      </c>
      <c r="X31493">
        <v>36</v>
      </c>
      <c r="Y31493">
        <v>37</v>
      </c>
      <c r="Z31493">
        <v>38</v>
      </c>
      <c r="AA31493">
        <v>38</v>
      </c>
      <c r="AB31493">
        <v>39</v>
      </c>
      <c r="AC31493">
        <v>40</v>
      </c>
      <c r="AD31493">
        <v>40</v>
      </c>
      <c r="AE31493">
        <v>41</v>
      </c>
      <c r="AF31493">
        <v>42</v>
      </c>
      <c r="AG31493">
        <v>42</v>
      </c>
      <c r="AH31493">
        <v>43</v>
      </c>
      <c r="AI31493">
        <v>44</v>
      </c>
      <c r="AJ31493">
        <v>44</v>
      </c>
      <c r="AK31493">
        <v>45</v>
      </c>
      <c r="AL31493">
        <v>45</v>
      </c>
      <c r="AM31493">
        <v>46</v>
      </c>
      <c r="AN31493">
        <v>46</v>
      </c>
      <c r="AO31493">
        <v>46</v>
      </c>
      <c r="AP31493">
        <v>46</v>
      </c>
      <c r="AQ31493">
        <v>47</v>
      </c>
    </row>
    <row r="31494" spans="1:43">
      <c r="A31494" t="s">
        <v>19509</v>
      </c>
      <c r="B31494" t="s">
        <v>19510</v>
      </c>
      <c r="C31494" t="s">
        <v>19505</v>
      </c>
      <c r="D31494" t="s">
        <v>19506</v>
      </c>
      <c r="E31494" t="s">
        <v>19379</v>
      </c>
      <c r="F31494" t="s">
        <v>19380</v>
      </c>
      <c r="G31494" t="s">
        <v>10734</v>
      </c>
      <c r="H31494" t="s">
        <v>10735</v>
      </c>
      <c r="I31494" s="2">
        <v>0</v>
      </c>
      <c r="J31494" s="2">
        <v>0</v>
      </c>
      <c r="K31494" s="2">
        <v>1</v>
      </c>
      <c r="L31494" t="s">
        <v>995</v>
      </c>
      <c r="M31494" t="s">
        <v>83</v>
      </c>
      <c r="N31494" t="s">
        <v>84</v>
      </c>
      <c r="O31494" t="s">
        <v>85</v>
      </c>
      <c r="P31494" t="s">
        <v>86</v>
      </c>
      <c r="Q31494">
        <v>100</v>
      </c>
      <c r="R31494">
        <v>103</v>
      </c>
      <c r="S31494">
        <v>105</v>
      </c>
      <c r="T31494">
        <v>107</v>
      </c>
      <c r="U31494">
        <v>109</v>
      </c>
      <c r="V31494">
        <v>111</v>
      </c>
      <c r="W31494">
        <v>114</v>
      </c>
      <c r="X31494">
        <v>116</v>
      </c>
      <c r="Y31494">
        <v>118</v>
      </c>
      <c r="Z31494">
        <v>121</v>
      </c>
      <c r="AA31494">
        <v>123</v>
      </c>
      <c r="AB31494">
        <v>125</v>
      </c>
      <c r="AC31494">
        <v>127</v>
      </c>
      <c r="AD31494">
        <v>129</v>
      </c>
      <c r="AE31494">
        <v>131</v>
      </c>
      <c r="AF31494">
        <v>133</v>
      </c>
      <c r="AG31494">
        <v>136</v>
      </c>
      <c r="AH31494">
        <v>138</v>
      </c>
      <c r="AI31494">
        <v>140</v>
      </c>
      <c r="AJ31494">
        <v>142</v>
      </c>
      <c r="AK31494">
        <v>144</v>
      </c>
      <c r="AL31494">
        <v>145</v>
      </c>
      <c r="AM31494">
        <v>146</v>
      </c>
      <c r="AN31494">
        <v>147</v>
      </c>
      <c r="AO31494">
        <v>148</v>
      </c>
      <c r="AP31494">
        <v>149</v>
      </c>
      <c r="AQ31494">
        <v>150</v>
      </c>
    </row>
    <row r="31495" spans="1:43">
      <c r="A31495" t="s">
        <v>19509</v>
      </c>
      <c r="B31495" t="s">
        <v>19510</v>
      </c>
      <c r="C31495" t="s">
        <v>19505</v>
      </c>
      <c r="D31495" t="s">
        <v>19506</v>
      </c>
      <c r="E31495" t="s">
        <v>19379</v>
      </c>
      <c r="F31495" t="s">
        <v>19380</v>
      </c>
      <c r="G31495" t="s">
        <v>10734</v>
      </c>
      <c r="H31495" t="s">
        <v>10735</v>
      </c>
      <c r="I31495" s="2">
        <v>0</v>
      </c>
      <c r="J31495" s="2">
        <v>0</v>
      </c>
      <c r="K31495" s="2">
        <v>1</v>
      </c>
      <c r="L31495" t="s">
        <v>995</v>
      </c>
      <c r="M31495" t="s">
        <v>87</v>
      </c>
      <c r="N31495" t="s">
        <v>88</v>
      </c>
      <c r="O31495" t="s">
        <v>85</v>
      </c>
      <c r="P31495" t="s">
        <v>86</v>
      </c>
      <c r="Q31495">
        <v>100</v>
      </c>
      <c r="R31495">
        <v>102</v>
      </c>
      <c r="S31495">
        <v>103</v>
      </c>
      <c r="T31495">
        <v>104</v>
      </c>
      <c r="U31495">
        <v>105</v>
      </c>
      <c r="V31495">
        <v>107</v>
      </c>
      <c r="W31495">
        <v>108</v>
      </c>
      <c r="X31495">
        <v>109</v>
      </c>
      <c r="Y31495">
        <v>110</v>
      </c>
      <c r="Z31495">
        <v>112</v>
      </c>
      <c r="AA31495">
        <v>113</v>
      </c>
      <c r="AB31495">
        <v>114</v>
      </c>
      <c r="AC31495">
        <v>115</v>
      </c>
      <c r="AD31495">
        <v>116</v>
      </c>
      <c r="AE31495">
        <v>118</v>
      </c>
      <c r="AF31495">
        <v>119</v>
      </c>
      <c r="AG31495">
        <v>120</v>
      </c>
      <c r="AH31495">
        <v>121</v>
      </c>
      <c r="AI31495">
        <v>122</v>
      </c>
      <c r="AJ31495">
        <v>123</v>
      </c>
      <c r="AK31495">
        <v>124</v>
      </c>
      <c r="AL31495">
        <v>126</v>
      </c>
      <c r="AM31495">
        <v>127</v>
      </c>
      <c r="AN31495">
        <v>128</v>
      </c>
      <c r="AO31495">
        <v>129</v>
      </c>
      <c r="AP31495">
        <v>130</v>
      </c>
      <c r="AQ31495">
        <v>131</v>
      </c>
    </row>
    <row r="31496" spans="1:43">
      <c r="A31496" t="s">
        <v>19509</v>
      </c>
      <c r="B31496" t="s">
        <v>19510</v>
      </c>
      <c r="C31496" t="s">
        <v>19505</v>
      </c>
      <c r="D31496" t="s">
        <v>19506</v>
      </c>
      <c r="E31496" t="s">
        <v>19379</v>
      </c>
      <c r="F31496" t="s">
        <v>19380</v>
      </c>
      <c r="G31496" t="s">
        <v>10734</v>
      </c>
      <c r="H31496" t="s">
        <v>10735</v>
      </c>
      <c r="I31496" s="2">
        <v>0</v>
      </c>
      <c r="J31496" s="2">
        <v>0</v>
      </c>
      <c r="K31496" s="2">
        <v>1</v>
      </c>
      <c r="L31496" t="s">
        <v>995</v>
      </c>
      <c r="M31496" t="s">
        <v>89</v>
      </c>
      <c r="N31496" t="s">
        <v>90</v>
      </c>
      <c r="O31496" t="s">
        <v>85</v>
      </c>
      <c r="P31496" t="s">
        <v>86</v>
      </c>
      <c r="Q31496">
        <v>100</v>
      </c>
      <c r="R31496">
        <v>103</v>
      </c>
      <c r="S31496">
        <v>106</v>
      </c>
      <c r="T31496">
        <v>109</v>
      </c>
      <c r="U31496">
        <v>113</v>
      </c>
      <c r="V31496">
        <v>116</v>
      </c>
      <c r="W31496">
        <v>119</v>
      </c>
      <c r="X31496">
        <v>121</v>
      </c>
      <c r="Y31496">
        <v>124</v>
      </c>
      <c r="Z31496">
        <v>127</v>
      </c>
      <c r="AA31496">
        <v>129</v>
      </c>
      <c r="AB31496">
        <v>132</v>
      </c>
      <c r="AC31496">
        <v>135</v>
      </c>
      <c r="AD31496">
        <v>137</v>
      </c>
      <c r="AE31496">
        <v>139</v>
      </c>
      <c r="AF31496">
        <v>140</v>
      </c>
      <c r="AG31496">
        <v>141</v>
      </c>
      <c r="AH31496">
        <v>142</v>
      </c>
      <c r="AI31496">
        <v>143</v>
      </c>
      <c r="AJ31496">
        <v>144</v>
      </c>
      <c r="AK31496">
        <v>145</v>
      </c>
      <c r="AL31496">
        <v>146</v>
      </c>
      <c r="AM31496">
        <v>147</v>
      </c>
      <c r="AN31496">
        <v>148</v>
      </c>
      <c r="AO31496">
        <v>148</v>
      </c>
      <c r="AP31496">
        <v>149</v>
      </c>
      <c r="AQ31496">
        <v>150</v>
      </c>
    </row>
    <row r="31497" spans="1:43">
      <c r="A31497" t="s">
        <v>19509</v>
      </c>
      <c r="B31497" t="s">
        <v>19510</v>
      </c>
      <c r="C31497" t="s">
        <v>19505</v>
      </c>
      <c r="D31497" t="s">
        <v>19506</v>
      </c>
      <c r="E31497" t="s">
        <v>19379</v>
      </c>
      <c r="F31497" t="s">
        <v>19380</v>
      </c>
      <c r="G31497" t="s">
        <v>10734</v>
      </c>
      <c r="H31497" t="s">
        <v>10735</v>
      </c>
      <c r="I31497" s="2">
        <v>0</v>
      </c>
      <c r="J31497" s="2">
        <v>0</v>
      </c>
      <c r="K31497" s="2">
        <v>1</v>
      </c>
      <c r="L31497" t="s">
        <v>995</v>
      </c>
      <c r="M31497" t="s">
        <v>83</v>
      </c>
      <c r="N31497" t="s">
        <v>91</v>
      </c>
      <c r="O31497" t="s">
        <v>85</v>
      </c>
      <c r="P31497" t="s">
        <v>86</v>
      </c>
      <c r="Q31497">
        <v>100</v>
      </c>
      <c r="R31497">
        <v>103</v>
      </c>
      <c r="S31497">
        <v>105</v>
      </c>
      <c r="T31497">
        <v>107</v>
      </c>
      <c r="U31497">
        <v>109</v>
      </c>
      <c r="V31497">
        <v>111</v>
      </c>
      <c r="W31497">
        <v>114</v>
      </c>
      <c r="X31497">
        <v>116</v>
      </c>
      <c r="Y31497">
        <v>118</v>
      </c>
      <c r="Z31497">
        <v>121</v>
      </c>
      <c r="AA31497">
        <v>123</v>
      </c>
      <c r="AB31497">
        <v>125</v>
      </c>
      <c r="AC31497">
        <v>127</v>
      </c>
      <c r="AD31497">
        <v>129</v>
      </c>
      <c r="AE31497">
        <v>131</v>
      </c>
      <c r="AF31497">
        <v>133</v>
      </c>
      <c r="AG31497">
        <v>136</v>
      </c>
      <c r="AH31497">
        <v>138</v>
      </c>
      <c r="AI31497">
        <v>140</v>
      </c>
      <c r="AJ31497">
        <v>142</v>
      </c>
      <c r="AK31497">
        <v>144</v>
      </c>
      <c r="AL31497">
        <v>145</v>
      </c>
      <c r="AM31497">
        <v>146</v>
      </c>
      <c r="AN31497">
        <v>147</v>
      </c>
      <c r="AO31497">
        <v>148</v>
      </c>
      <c r="AP31497">
        <v>149</v>
      </c>
      <c r="AQ31497">
        <v>150</v>
      </c>
    </row>
    <row r="31498" spans="1:43">
      <c r="A31498" t="s">
        <v>19511</v>
      </c>
      <c r="B31498" t="s">
        <v>19512</v>
      </c>
      <c r="C31498" t="s">
        <v>19505</v>
      </c>
      <c r="D31498" t="s">
        <v>19506</v>
      </c>
      <c r="E31498" t="s">
        <v>19379</v>
      </c>
      <c r="F31498" t="s">
        <v>19380</v>
      </c>
      <c r="G31498" t="s">
        <v>10734</v>
      </c>
      <c r="H31498" t="s">
        <v>10735</v>
      </c>
      <c r="I31498" s="2">
        <v>0</v>
      </c>
      <c r="J31498" s="2">
        <v>0</v>
      </c>
      <c r="K31498" s="2">
        <v>1</v>
      </c>
      <c r="L31498" t="s">
        <v>995</v>
      </c>
      <c r="M31498" t="s">
        <v>83</v>
      </c>
      <c r="N31498" t="s">
        <v>84</v>
      </c>
      <c r="O31498" t="s">
        <v>85</v>
      </c>
      <c r="P31498" t="s">
        <v>86</v>
      </c>
      <c r="Q31498">
        <v>27</v>
      </c>
      <c r="R31498">
        <v>27</v>
      </c>
      <c r="S31498">
        <v>28</v>
      </c>
      <c r="T31498">
        <v>28</v>
      </c>
      <c r="U31498">
        <v>29</v>
      </c>
      <c r="V31498">
        <v>30</v>
      </c>
      <c r="W31498">
        <v>30</v>
      </c>
      <c r="X31498">
        <v>31</v>
      </c>
      <c r="Y31498">
        <v>31</v>
      </c>
      <c r="Z31498">
        <v>32</v>
      </c>
      <c r="AA31498">
        <v>33</v>
      </c>
      <c r="AB31498">
        <v>33</v>
      </c>
      <c r="AC31498">
        <v>34</v>
      </c>
      <c r="AD31498">
        <v>34</v>
      </c>
      <c r="AE31498">
        <v>35</v>
      </c>
      <c r="AF31498">
        <v>35</v>
      </c>
      <c r="AG31498">
        <v>36</v>
      </c>
      <c r="AH31498">
        <v>37</v>
      </c>
      <c r="AI31498">
        <v>37</v>
      </c>
      <c r="AJ31498">
        <v>38</v>
      </c>
      <c r="AK31498">
        <v>38</v>
      </c>
      <c r="AL31498">
        <v>39</v>
      </c>
      <c r="AM31498">
        <v>39</v>
      </c>
      <c r="AN31498">
        <v>39</v>
      </c>
      <c r="AO31498">
        <v>39</v>
      </c>
      <c r="AP31498">
        <v>40</v>
      </c>
      <c r="AQ31498">
        <v>40</v>
      </c>
    </row>
    <row r="31499" spans="1:43">
      <c r="A31499" t="s">
        <v>19511</v>
      </c>
      <c r="B31499" t="s">
        <v>19512</v>
      </c>
      <c r="C31499" t="s">
        <v>19505</v>
      </c>
      <c r="D31499" t="s">
        <v>19506</v>
      </c>
      <c r="E31499" t="s">
        <v>19379</v>
      </c>
      <c r="F31499" t="s">
        <v>19380</v>
      </c>
      <c r="G31499" t="s">
        <v>10734</v>
      </c>
      <c r="H31499" t="s">
        <v>10735</v>
      </c>
      <c r="I31499" s="2">
        <v>0</v>
      </c>
      <c r="J31499" s="2">
        <v>0</v>
      </c>
      <c r="K31499" s="2">
        <v>1</v>
      </c>
      <c r="L31499" t="s">
        <v>995</v>
      </c>
      <c r="M31499" t="s">
        <v>87</v>
      </c>
      <c r="N31499" t="s">
        <v>88</v>
      </c>
      <c r="O31499" t="s">
        <v>85</v>
      </c>
      <c r="P31499" t="s">
        <v>86</v>
      </c>
      <c r="Q31499">
        <v>27</v>
      </c>
      <c r="R31499">
        <v>28</v>
      </c>
      <c r="S31499">
        <v>28</v>
      </c>
      <c r="T31499">
        <v>28</v>
      </c>
      <c r="U31499">
        <v>29</v>
      </c>
      <c r="V31499">
        <v>29</v>
      </c>
      <c r="W31499">
        <v>29</v>
      </c>
      <c r="X31499">
        <v>30</v>
      </c>
      <c r="Y31499">
        <v>30</v>
      </c>
      <c r="Z31499">
        <v>30</v>
      </c>
      <c r="AA31499">
        <v>31</v>
      </c>
      <c r="AB31499">
        <v>31</v>
      </c>
      <c r="AC31499">
        <v>31</v>
      </c>
      <c r="AD31499">
        <v>32</v>
      </c>
      <c r="AE31499">
        <v>32</v>
      </c>
      <c r="AF31499">
        <v>32</v>
      </c>
      <c r="AG31499">
        <v>33</v>
      </c>
      <c r="AH31499">
        <v>33</v>
      </c>
      <c r="AI31499">
        <v>33</v>
      </c>
      <c r="AJ31499">
        <v>33</v>
      </c>
      <c r="AK31499">
        <v>34</v>
      </c>
      <c r="AL31499">
        <v>34</v>
      </c>
      <c r="AM31499">
        <v>34</v>
      </c>
      <c r="AN31499">
        <v>35</v>
      </c>
      <c r="AO31499">
        <v>35</v>
      </c>
      <c r="AP31499">
        <v>35</v>
      </c>
      <c r="AQ31499">
        <v>36</v>
      </c>
    </row>
    <row r="31500" spans="1:43">
      <c r="A31500" t="s">
        <v>19511</v>
      </c>
      <c r="B31500" t="s">
        <v>19512</v>
      </c>
      <c r="C31500" t="s">
        <v>19505</v>
      </c>
      <c r="D31500" t="s">
        <v>19506</v>
      </c>
      <c r="E31500" t="s">
        <v>19379</v>
      </c>
      <c r="F31500" t="s">
        <v>19380</v>
      </c>
      <c r="G31500" t="s">
        <v>10734</v>
      </c>
      <c r="H31500" t="s">
        <v>10735</v>
      </c>
      <c r="I31500" s="2">
        <v>0</v>
      </c>
      <c r="J31500" s="2">
        <v>0</v>
      </c>
      <c r="K31500" s="2">
        <v>1</v>
      </c>
      <c r="L31500" t="s">
        <v>995</v>
      </c>
      <c r="M31500" t="s">
        <v>89</v>
      </c>
      <c r="N31500" t="s">
        <v>90</v>
      </c>
      <c r="O31500" t="s">
        <v>85</v>
      </c>
      <c r="P31500" t="s">
        <v>86</v>
      </c>
      <c r="Q31500">
        <v>27</v>
      </c>
      <c r="R31500">
        <v>28</v>
      </c>
      <c r="S31500">
        <v>29</v>
      </c>
      <c r="T31500">
        <v>29</v>
      </c>
      <c r="U31500">
        <v>30</v>
      </c>
      <c r="V31500">
        <v>31</v>
      </c>
      <c r="W31500">
        <v>32</v>
      </c>
      <c r="X31500">
        <v>33</v>
      </c>
      <c r="Y31500">
        <v>33</v>
      </c>
      <c r="Z31500">
        <v>34</v>
      </c>
      <c r="AA31500">
        <v>35</v>
      </c>
      <c r="AB31500">
        <v>35</v>
      </c>
      <c r="AC31500">
        <v>36</v>
      </c>
      <c r="AD31500">
        <v>37</v>
      </c>
      <c r="AE31500">
        <v>37</v>
      </c>
      <c r="AF31500">
        <v>38</v>
      </c>
      <c r="AG31500">
        <v>38</v>
      </c>
      <c r="AH31500">
        <v>38</v>
      </c>
      <c r="AI31500">
        <v>38</v>
      </c>
      <c r="AJ31500">
        <v>39</v>
      </c>
      <c r="AK31500">
        <v>39</v>
      </c>
      <c r="AL31500">
        <v>39</v>
      </c>
      <c r="AM31500">
        <v>39</v>
      </c>
      <c r="AN31500">
        <v>39</v>
      </c>
      <c r="AO31500">
        <v>40</v>
      </c>
      <c r="AP31500">
        <v>40</v>
      </c>
      <c r="AQ31500">
        <v>40</v>
      </c>
    </row>
    <row r="31501" spans="1:43">
      <c r="A31501" t="s">
        <v>19511</v>
      </c>
      <c r="B31501" t="s">
        <v>19512</v>
      </c>
      <c r="C31501" t="s">
        <v>19505</v>
      </c>
      <c r="D31501" t="s">
        <v>19506</v>
      </c>
      <c r="E31501" t="s">
        <v>19379</v>
      </c>
      <c r="F31501" t="s">
        <v>19380</v>
      </c>
      <c r="G31501" t="s">
        <v>10734</v>
      </c>
      <c r="H31501" t="s">
        <v>10735</v>
      </c>
      <c r="I31501" s="2">
        <v>0</v>
      </c>
      <c r="J31501" s="2">
        <v>0</v>
      </c>
      <c r="K31501" s="2">
        <v>1</v>
      </c>
      <c r="L31501" t="s">
        <v>995</v>
      </c>
      <c r="M31501" t="s">
        <v>83</v>
      </c>
      <c r="N31501" t="s">
        <v>91</v>
      </c>
      <c r="O31501" t="s">
        <v>85</v>
      </c>
      <c r="P31501" t="s">
        <v>86</v>
      </c>
      <c r="Q31501">
        <v>27</v>
      </c>
      <c r="R31501">
        <v>27</v>
      </c>
      <c r="S31501">
        <v>28</v>
      </c>
      <c r="T31501">
        <v>28</v>
      </c>
      <c r="U31501">
        <v>29</v>
      </c>
      <c r="V31501">
        <v>30</v>
      </c>
      <c r="W31501">
        <v>30</v>
      </c>
      <c r="X31501">
        <v>31</v>
      </c>
      <c r="Y31501">
        <v>31</v>
      </c>
      <c r="Z31501">
        <v>32</v>
      </c>
      <c r="AA31501">
        <v>33</v>
      </c>
      <c r="AB31501">
        <v>33</v>
      </c>
      <c r="AC31501">
        <v>34</v>
      </c>
      <c r="AD31501">
        <v>34</v>
      </c>
      <c r="AE31501">
        <v>35</v>
      </c>
      <c r="AF31501">
        <v>35</v>
      </c>
      <c r="AG31501">
        <v>36</v>
      </c>
      <c r="AH31501">
        <v>37</v>
      </c>
      <c r="AI31501">
        <v>37</v>
      </c>
      <c r="AJ31501">
        <v>38</v>
      </c>
      <c r="AK31501">
        <v>38</v>
      </c>
      <c r="AL31501">
        <v>39</v>
      </c>
      <c r="AM31501">
        <v>39</v>
      </c>
      <c r="AN31501">
        <v>39</v>
      </c>
      <c r="AO31501">
        <v>39</v>
      </c>
      <c r="AP31501">
        <v>40</v>
      </c>
      <c r="AQ31501">
        <v>40</v>
      </c>
    </row>
    <row r="31502" spans="1:43">
      <c r="A31502" t="s">
        <v>19513</v>
      </c>
      <c r="B31502" t="s">
        <v>19514</v>
      </c>
      <c r="C31502" t="s">
        <v>19399</v>
      </c>
      <c r="D31502" t="s">
        <v>19400</v>
      </c>
      <c r="E31502" t="s">
        <v>19379</v>
      </c>
      <c r="F31502" t="s">
        <v>19380</v>
      </c>
      <c r="G31502" t="s">
        <v>10734</v>
      </c>
      <c r="H31502" t="s">
        <v>10735</v>
      </c>
      <c r="I31502" s="2">
        <v>0</v>
      </c>
      <c r="J31502" s="2">
        <v>0</v>
      </c>
      <c r="K31502" s="2">
        <v>1</v>
      </c>
      <c r="L31502" t="s">
        <v>995</v>
      </c>
      <c r="M31502" t="s">
        <v>83</v>
      </c>
      <c r="N31502" t="s">
        <v>84</v>
      </c>
      <c r="O31502" t="s">
        <v>85</v>
      </c>
      <c r="P31502" t="s">
        <v>86</v>
      </c>
      <c r="Q31502">
        <v>14</v>
      </c>
      <c r="R31502">
        <v>14</v>
      </c>
      <c r="S31502">
        <v>15</v>
      </c>
      <c r="T31502">
        <v>15</v>
      </c>
      <c r="U31502">
        <v>15</v>
      </c>
      <c r="V31502">
        <v>16</v>
      </c>
      <c r="W31502">
        <v>16</v>
      </c>
      <c r="X31502">
        <v>16</v>
      </c>
      <c r="Y31502">
        <v>17</v>
      </c>
      <c r="Z31502">
        <v>17</v>
      </c>
      <c r="AA31502">
        <v>17</v>
      </c>
      <c r="AB31502">
        <v>17</v>
      </c>
      <c r="AC31502">
        <v>18</v>
      </c>
      <c r="AD31502">
        <v>18</v>
      </c>
      <c r="AE31502">
        <v>18</v>
      </c>
      <c r="AF31502">
        <v>19</v>
      </c>
      <c r="AG31502">
        <v>19</v>
      </c>
      <c r="AH31502">
        <v>19</v>
      </c>
      <c r="AI31502">
        <v>20</v>
      </c>
      <c r="AJ31502">
        <v>20</v>
      </c>
      <c r="AK31502">
        <v>20</v>
      </c>
      <c r="AL31502">
        <v>21</v>
      </c>
      <c r="AM31502">
        <v>21</v>
      </c>
      <c r="AN31502">
        <v>21</v>
      </c>
      <c r="AO31502">
        <v>21</v>
      </c>
      <c r="AP31502">
        <v>21</v>
      </c>
      <c r="AQ31502">
        <v>21</v>
      </c>
    </row>
    <row r="31503" spans="1:43">
      <c r="A31503" t="s">
        <v>19513</v>
      </c>
      <c r="B31503" t="s">
        <v>19514</v>
      </c>
      <c r="C31503" t="s">
        <v>19399</v>
      </c>
      <c r="D31503" t="s">
        <v>19400</v>
      </c>
      <c r="E31503" t="s">
        <v>19379</v>
      </c>
      <c r="F31503" t="s">
        <v>19380</v>
      </c>
      <c r="G31503" t="s">
        <v>10734</v>
      </c>
      <c r="H31503" t="s">
        <v>10735</v>
      </c>
      <c r="I31503" s="2">
        <v>0</v>
      </c>
      <c r="J31503" s="2">
        <v>0</v>
      </c>
      <c r="K31503" s="2">
        <v>1</v>
      </c>
      <c r="L31503" t="s">
        <v>995</v>
      </c>
      <c r="M31503" t="s">
        <v>87</v>
      </c>
      <c r="N31503" t="s">
        <v>88</v>
      </c>
      <c r="O31503" t="s">
        <v>85</v>
      </c>
      <c r="P31503" t="s">
        <v>86</v>
      </c>
      <c r="Q31503">
        <v>14</v>
      </c>
      <c r="R31503">
        <v>14</v>
      </c>
      <c r="S31503">
        <v>14</v>
      </c>
      <c r="T31503">
        <v>14</v>
      </c>
      <c r="U31503">
        <v>15</v>
      </c>
      <c r="V31503">
        <v>15</v>
      </c>
      <c r="W31503">
        <v>15</v>
      </c>
      <c r="X31503">
        <v>15</v>
      </c>
      <c r="Y31503">
        <v>15</v>
      </c>
      <c r="Z31503">
        <v>15</v>
      </c>
      <c r="AA31503">
        <v>16</v>
      </c>
      <c r="AB31503">
        <v>16</v>
      </c>
      <c r="AC31503">
        <v>16</v>
      </c>
      <c r="AD31503">
        <v>16</v>
      </c>
      <c r="AE31503">
        <v>16</v>
      </c>
      <c r="AF31503">
        <v>16</v>
      </c>
      <c r="AG31503">
        <v>17</v>
      </c>
      <c r="AH31503">
        <v>17</v>
      </c>
      <c r="AI31503">
        <v>17</v>
      </c>
      <c r="AJ31503">
        <v>17</v>
      </c>
      <c r="AK31503">
        <v>17</v>
      </c>
      <c r="AL31503">
        <v>17</v>
      </c>
      <c r="AM31503">
        <v>18</v>
      </c>
      <c r="AN31503">
        <v>18</v>
      </c>
      <c r="AO31503">
        <v>18</v>
      </c>
      <c r="AP31503">
        <v>18</v>
      </c>
      <c r="AQ31503">
        <v>18</v>
      </c>
    </row>
    <row r="31504" spans="1:43">
      <c r="A31504" t="s">
        <v>19513</v>
      </c>
      <c r="B31504" t="s">
        <v>19514</v>
      </c>
      <c r="C31504" t="s">
        <v>19399</v>
      </c>
      <c r="D31504" t="s">
        <v>19400</v>
      </c>
      <c r="E31504" t="s">
        <v>19379</v>
      </c>
      <c r="F31504" t="s">
        <v>19380</v>
      </c>
      <c r="G31504" t="s">
        <v>10734</v>
      </c>
      <c r="H31504" t="s">
        <v>10735</v>
      </c>
      <c r="I31504" s="2">
        <v>0</v>
      </c>
      <c r="J31504" s="2">
        <v>0</v>
      </c>
      <c r="K31504" s="2">
        <v>1</v>
      </c>
      <c r="L31504" t="s">
        <v>995</v>
      </c>
      <c r="M31504" t="s">
        <v>89</v>
      </c>
      <c r="N31504" t="s">
        <v>90</v>
      </c>
      <c r="O31504" t="s">
        <v>85</v>
      </c>
      <c r="P31504" t="s">
        <v>86</v>
      </c>
      <c r="Q31504">
        <v>14</v>
      </c>
      <c r="R31504">
        <v>15</v>
      </c>
      <c r="S31504">
        <v>15</v>
      </c>
      <c r="T31504">
        <v>15</v>
      </c>
      <c r="U31504">
        <v>16</v>
      </c>
      <c r="V31504">
        <v>16</v>
      </c>
      <c r="W31504">
        <v>17</v>
      </c>
      <c r="X31504">
        <v>17</v>
      </c>
      <c r="Y31504">
        <v>17</v>
      </c>
      <c r="Z31504">
        <v>18</v>
      </c>
      <c r="AA31504">
        <v>18</v>
      </c>
      <c r="AB31504">
        <v>19</v>
      </c>
      <c r="AC31504">
        <v>19</v>
      </c>
      <c r="AD31504">
        <v>19</v>
      </c>
      <c r="AE31504">
        <v>20</v>
      </c>
      <c r="AF31504">
        <v>20</v>
      </c>
      <c r="AG31504">
        <v>20</v>
      </c>
      <c r="AH31504">
        <v>20</v>
      </c>
      <c r="AI31504">
        <v>20</v>
      </c>
      <c r="AJ31504">
        <v>20</v>
      </c>
      <c r="AK31504">
        <v>21</v>
      </c>
      <c r="AL31504">
        <v>21</v>
      </c>
      <c r="AM31504">
        <v>21</v>
      </c>
      <c r="AN31504">
        <v>21</v>
      </c>
      <c r="AO31504">
        <v>21</v>
      </c>
      <c r="AP31504">
        <v>21</v>
      </c>
      <c r="AQ31504">
        <v>21</v>
      </c>
    </row>
    <row r="31505" spans="1:43">
      <c r="A31505" t="s">
        <v>19513</v>
      </c>
      <c r="B31505" t="s">
        <v>19514</v>
      </c>
      <c r="C31505" t="s">
        <v>19399</v>
      </c>
      <c r="D31505" t="s">
        <v>19400</v>
      </c>
      <c r="E31505" t="s">
        <v>19379</v>
      </c>
      <c r="F31505" t="s">
        <v>19380</v>
      </c>
      <c r="G31505" t="s">
        <v>10734</v>
      </c>
      <c r="H31505" t="s">
        <v>10735</v>
      </c>
      <c r="I31505" s="2">
        <v>0</v>
      </c>
      <c r="J31505" s="2">
        <v>0</v>
      </c>
      <c r="K31505" s="2">
        <v>1</v>
      </c>
      <c r="L31505" t="s">
        <v>995</v>
      </c>
      <c r="M31505" t="s">
        <v>83</v>
      </c>
      <c r="N31505" t="s">
        <v>91</v>
      </c>
      <c r="O31505" t="s">
        <v>85</v>
      </c>
      <c r="P31505" t="s">
        <v>86</v>
      </c>
      <c r="Q31505">
        <v>14</v>
      </c>
      <c r="R31505">
        <v>14</v>
      </c>
      <c r="S31505">
        <v>15</v>
      </c>
      <c r="T31505">
        <v>15</v>
      </c>
      <c r="U31505">
        <v>15</v>
      </c>
      <c r="V31505">
        <v>16</v>
      </c>
      <c r="W31505">
        <v>16</v>
      </c>
      <c r="X31505">
        <v>16</v>
      </c>
      <c r="Y31505">
        <v>17</v>
      </c>
      <c r="Z31505">
        <v>17</v>
      </c>
      <c r="AA31505">
        <v>17</v>
      </c>
      <c r="AB31505">
        <v>17</v>
      </c>
      <c r="AC31505">
        <v>18</v>
      </c>
      <c r="AD31505">
        <v>18</v>
      </c>
      <c r="AE31505">
        <v>18</v>
      </c>
      <c r="AF31505">
        <v>19</v>
      </c>
      <c r="AG31505">
        <v>19</v>
      </c>
      <c r="AH31505">
        <v>19</v>
      </c>
      <c r="AI31505">
        <v>20</v>
      </c>
      <c r="AJ31505">
        <v>20</v>
      </c>
      <c r="AK31505">
        <v>20</v>
      </c>
      <c r="AL31505">
        <v>21</v>
      </c>
      <c r="AM31505">
        <v>21</v>
      </c>
      <c r="AN31505">
        <v>21</v>
      </c>
      <c r="AO31505">
        <v>21</v>
      </c>
      <c r="AP31505">
        <v>21</v>
      </c>
      <c r="AQ31505">
        <v>21</v>
      </c>
    </row>
    <row r="31506" spans="1:43">
      <c r="A31506" t="s">
        <v>19515</v>
      </c>
      <c r="B31506" t="s">
        <v>19516</v>
      </c>
      <c r="C31506" t="s">
        <v>19399</v>
      </c>
      <c r="D31506" t="s">
        <v>19400</v>
      </c>
      <c r="E31506" t="s">
        <v>19379</v>
      </c>
      <c r="F31506" t="s">
        <v>19380</v>
      </c>
      <c r="G31506" t="s">
        <v>10734</v>
      </c>
      <c r="H31506" t="s">
        <v>10735</v>
      </c>
      <c r="I31506" s="2">
        <v>0</v>
      </c>
      <c r="J31506" s="2">
        <v>0</v>
      </c>
      <c r="K31506" s="2">
        <v>1</v>
      </c>
      <c r="L31506" t="s">
        <v>995</v>
      </c>
      <c r="M31506" t="s">
        <v>83</v>
      </c>
      <c r="N31506" t="s">
        <v>84</v>
      </c>
      <c r="O31506" t="s">
        <v>85</v>
      </c>
      <c r="P31506" t="s">
        <v>86</v>
      </c>
      <c r="Q31506">
        <v>20</v>
      </c>
      <c r="R31506">
        <v>20</v>
      </c>
      <c r="S31506">
        <v>20</v>
      </c>
      <c r="T31506">
        <v>21</v>
      </c>
      <c r="U31506">
        <v>21</v>
      </c>
      <c r="V31506">
        <v>22</v>
      </c>
      <c r="W31506">
        <v>22</v>
      </c>
      <c r="X31506">
        <v>23</v>
      </c>
      <c r="Y31506">
        <v>23</v>
      </c>
      <c r="Z31506">
        <v>24</v>
      </c>
      <c r="AA31506">
        <v>24</v>
      </c>
      <c r="AB31506">
        <v>25</v>
      </c>
      <c r="AC31506">
        <v>25</v>
      </c>
      <c r="AD31506">
        <v>25</v>
      </c>
      <c r="AE31506">
        <v>26</v>
      </c>
      <c r="AF31506">
        <v>26</v>
      </c>
      <c r="AG31506">
        <v>27</v>
      </c>
      <c r="AH31506">
        <v>27</v>
      </c>
      <c r="AI31506">
        <v>28</v>
      </c>
      <c r="AJ31506">
        <v>28</v>
      </c>
      <c r="AK31506">
        <v>29</v>
      </c>
      <c r="AL31506">
        <v>29</v>
      </c>
      <c r="AM31506">
        <v>29</v>
      </c>
      <c r="AN31506">
        <v>29</v>
      </c>
      <c r="AO31506">
        <v>29</v>
      </c>
      <c r="AP31506">
        <v>29</v>
      </c>
      <c r="AQ31506">
        <v>30</v>
      </c>
    </row>
    <row r="31507" spans="1:43">
      <c r="A31507" t="s">
        <v>19515</v>
      </c>
      <c r="B31507" t="s">
        <v>19516</v>
      </c>
      <c r="C31507" t="s">
        <v>19399</v>
      </c>
      <c r="D31507" t="s">
        <v>19400</v>
      </c>
      <c r="E31507" t="s">
        <v>19379</v>
      </c>
      <c r="F31507" t="s">
        <v>19380</v>
      </c>
      <c r="G31507" t="s">
        <v>10734</v>
      </c>
      <c r="H31507" t="s">
        <v>10735</v>
      </c>
      <c r="I31507" s="2">
        <v>0</v>
      </c>
      <c r="J31507" s="2">
        <v>0</v>
      </c>
      <c r="K31507" s="2">
        <v>1</v>
      </c>
      <c r="L31507" t="s">
        <v>995</v>
      </c>
      <c r="M31507" t="s">
        <v>87</v>
      </c>
      <c r="N31507" t="s">
        <v>88</v>
      </c>
      <c r="O31507" t="s">
        <v>85</v>
      </c>
      <c r="P31507" t="s">
        <v>86</v>
      </c>
      <c r="Q31507">
        <v>20</v>
      </c>
      <c r="R31507">
        <v>21</v>
      </c>
      <c r="S31507">
        <v>21</v>
      </c>
      <c r="T31507">
        <v>21</v>
      </c>
      <c r="U31507">
        <v>21</v>
      </c>
      <c r="V31507">
        <v>22</v>
      </c>
      <c r="W31507">
        <v>22</v>
      </c>
      <c r="X31507">
        <v>22</v>
      </c>
      <c r="Y31507">
        <v>22</v>
      </c>
      <c r="Z31507">
        <v>23</v>
      </c>
      <c r="AA31507">
        <v>23</v>
      </c>
      <c r="AB31507">
        <v>23</v>
      </c>
      <c r="AC31507">
        <v>23</v>
      </c>
      <c r="AD31507">
        <v>24</v>
      </c>
      <c r="AE31507">
        <v>24</v>
      </c>
      <c r="AF31507">
        <v>24</v>
      </c>
      <c r="AG31507">
        <v>24</v>
      </c>
      <c r="AH31507">
        <v>25</v>
      </c>
      <c r="AI31507">
        <v>25</v>
      </c>
      <c r="AJ31507">
        <v>25</v>
      </c>
      <c r="AK31507">
        <v>25</v>
      </c>
      <c r="AL31507">
        <v>26</v>
      </c>
      <c r="AM31507">
        <v>26</v>
      </c>
      <c r="AN31507">
        <v>26</v>
      </c>
      <c r="AO31507">
        <v>26</v>
      </c>
      <c r="AP31507">
        <v>26</v>
      </c>
      <c r="AQ31507">
        <v>27</v>
      </c>
    </row>
    <row r="31508" spans="1:43">
      <c r="A31508" t="s">
        <v>19515</v>
      </c>
      <c r="B31508" t="s">
        <v>19516</v>
      </c>
      <c r="C31508" t="s">
        <v>19399</v>
      </c>
      <c r="D31508" t="s">
        <v>19400</v>
      </c>
      <c r="E31508" t="s">
        <v>19379</v>
      </c>
      <c r="F31508" t="s">
        <v>19380</v>
      </c>
      <c r="G31508" t="s">
        <v>10734</v>
      </c>
      <c r="H31508" t="s">
        <v>10735</v>
      </c>
      <c r="I31508" s="2">
        <v>0</v>
      </c>
      <c r="J31508" s="2">
        <v>0</v>
      </c>
      <c r="K31508" s="2">
        <v>1</v>
      </c>
      <c r="L31508" t="s">
        <v>995</v>
      </c>
      <c r="M31508" t="s">
        <v>89</v>
      </c>
      <c r="N31508" t="s">
        <v>90</v>
      </c>
      <c r="O31508" t="s">
        <v>85</v>
      </c>
      <c r="P31508" t="s">
        <v>86</v>
      </c>
      <c r="Q31508">
        <v>20</v>
      </c>
      <c r="R31508">
        <v>20</v>
      </c>
      <c r="S31508">
        <v>21</v>
      </c>
      <c r="T31508">
        <v>22</v>
      </c>
      <c r="U31508">
        <v>22</v>
      </c>
      <c r="V31508">
        <v>23</v>
      </c>
      <c r="W31508">
        <v>23</v>
      </c>
      <c r="X31508">
        <v>24</v>
      </c>
      <c r="Y31508">
        <v>25</v>
      </c>
      <c r="Z31508">
        <v>25</v>
      </c>
      <c r="AA31508">
        <v>26</v>
      </c>
      <c r="AB31508">
        <v>26</v>
      </c>
      <c r="AC31508">
        <v>27</v>
      </c>
      <c r="AD31508">
        <v>27</v>
      </c>
      <c r="AE31508">
        <v>28</v>
      </c>
      <c r="AF31508">
        <v>28</v>
      </c>
      <c r="AG31508">
        <v>28</v>
      </c>
      <c r="AH31508">
        <v>28</v>
      </c>
      <c r="AI31508">
        <v>29</v>
      </c>
      <c r="AJ31508">
        <v>29</v>
      </c>
      <c r="AK31508">
        <v>29</v>
      </c>
      <c r="AL31508">
        <v>29</v>
      </c>
      <c r="AM31508">
        <v>29</v>
      </c>
      <c r="AN31508">
        <v>29</v>
      </c>
      <c r="AO31508">
        <v>30</v>
      </c>
      <c r="AP31508">
        <v>30</v>
      </c>
      <c r="AQ31508">
        <v>30</v>
      </c>
    </row>
    <row r="31509" spans="1:43">
      <c r="A31509" t="s">
        <v>19515</v>
      </c>
      <c r="B31509" t="s">
        <v>19516</v>
      </c>
      <c r="C31509" t="s">
        <v>19399</v>
      </c>
      <c r="D31509" t="s">
        <v>19400</v>
      </c>
      <c r="E31509" t="s">
        <v>19379</v>
      </c>
      <c r="F31509" t="s">
        <v>19380</v>
      </c>
      <c r="G31509" t="s">
        <v>10734</v>
      </c>
      <c r="H31509" t="s">
        <v>10735</v>
      </c>
      <c r="I31509" s="2">
        <v>0</v>
      </c>
      <c r="J31509" s="2">
        <v>0</v>
      </c>
      <c r="K31509" s="2">
        <v>1</v>
      </c>
      <c r="L31509" t="s">
        <v>995</v>
      </c>
      <c r="M31509" t="s">
        <v>83</v>
      </c>
      <c r="N31509" t="s">
        <v>91</v>
      </c>
      <c r="O31509" t="s">
        <v>85</v>
      </c>
      <c r="P31509" t="s">
        <v>86</v>
      </c>
      <c r="Q31509">
        <v>20</v>
      </c>
      <c r="R31509">
        <v>20</v>
      </c>
      <c r="S31509">
        <v>20</v>
      </c>
      <c r="T31509">
        <v>21</v>
      </c>
      <c r="U31509">
        <v>21</v>
      </c>
      <c r="V31509">
        <v>22</v>
      </c>
      <c r="W31509">
        <v>22</v>
      </c>
      <c r="X31509">
        <v>23</v>
      </c>
      <c r="Y31509">
        <v>23</v>
      </c>
      <c r="Z31509">
        <v>24</v>
      </c>
      <c r="AA31509">
        <v>24</v>
      </c>
      <c r="AB31509">
        <v>25</v>
      </c>
      <c r="AC31509">
        <v>25</v>
      </c>
      <c r="AD31509">
        <v>25</v>
      </c>
      <c r="AE31509">
        <v>26</v>
      </c>
      <c r="AF31509">
        <v>26</v>
      </c>
      <c r="AG31509">
        <v>27</v>
      </c>
      <c r="AH31509">
        <v>27</v>
      </c>
      <c r="AI31509">
        <v>28</v>
      </c>
      <c r="AJ31509">
        <v>28</v>
      </c>
      <c r="AK31509">
        <v>29</v>
      </c>
      <c r="AL31509">
        <v>29</v>
      </c>
      <c r="AM31509">
        <v>29</v>
      </c>
      <c r="AN31509">
        <v>29</v>
      </c>
      <c r="AO31509">
        <v>29</v>
      </c>
      <c r="AP31509">
        <v>29</v>
      </c>
      <c r="AQ31509">
        <v>30</v>
      </c>
    </row>
    <row r="31510" spans="1:43">
      <c r="A31510" t="s">
        <v>19517</v>
      </c>
      <c r="B31510" t="s">
        <v>19518</v>
      </c>
      <c r="C31510" t="s">
        <v>19391</v>
      </c>
      <c r="D31510" t="s">
        <v>19392</v>
      </c>
      <c r="E31510" t="s">
        <v>19379</v>
      </c>
      <c r="F31510" t="s">
        <v>19380</v>
      </c>
      <c r="G31510" t="s">
        <v>10734</v>
      </c>
      <c r="H31510" t="s">
        <v>10735</v>
      </c>
      <c r="I31510" s="2">
        <v>0</v>
      </c>
      <c r="J31510" s="2">
        <v>0</v>
      </c>
      <c r="K31510" s="2">
        <v>1</v>
      </c>
      <c r="L31510" t="s">
        <v>995</v>
      </c>
      <c r="M31510" t="s">
        <v>83</v>
      </c>
      <c r="N31510" t="s">
        <v>84</v>
      </c>
      <c r="O31510" t="s">
        <v>85</v>
      </c>
      <c r="P31510" t="s">
        <v>86</v>
      </c>
      <c r="Q31510">
        <v>31</v>
      </c>
      <c r="R31510">
        <v>31</v>
      </c>
      <c r="S31510">
        <v>32</v>
      </c>
      <c r="T31510">
        <v>33</v>
      </c>
      <c r="U31510">
        <v>33</v>
      </c>
      <c r="V31510">
        <v>34</v>
      </c>
      <c r="W31510">
        <v>35</v>
      </c>
      <c r="X31510">
        <v>36</v>
      </c>
      <c r="Y31510">
        <v>36</v>
      </c>
      <c r="Z31510">
        <v>37</v>
      </c>
      <c r="AA31510">
        <v>38</v>
      </c>
      <c r="AB31510">
        <v>38</v>
      </c>
      <c r="AC31510">
        <v>39</v>
      </c>
      <c r="AD31510">
        <v>40</v>
      </c>
      <c r="AE31510">
        <v>40</v>
      </c>
      <c r="AF31510">
        <v>41</v>
      </c>
      <c r="AG31510">
        <v>42</v>
      </c>
      <c r="AH31510">
        <v>43</v>
      </c>
      <c r="AI31510">
        <v>43</v>
      </c>
      <c r="AJ31510">
        <v>44</v>
      </c>
      <c r="AK31510">
        <v>45</v>
      </c>
      <c r="AL31510">
        <v>45</v>
      </c>
      <c r="AM31510">
        <v>45</v>
      </c>
      <c r="AN31510">
        <v>46</v>
      </c>
      <c r="AO31510">
        <v>46</v>
      </c>
      <c r="AP31510">
        <v>46</v>
      </c>
      <c r="AQ31510">
        <v>46</v>
      </c>
    </row>
    <row r="31511" spans="1:43">
      <c r="A31511" t="s">
        <v>19517</v>
      </c>
      <c r="B31511" t="s">
        <v>19518</v>
      </c>
      <c r="C31511" t="s">
        <v>19391</v>
      </c>
      <c r="D31511" t="s">
        <v>19392</v>
      </c>
      <c r="E31511" t="s">
        <v>19379</v>
      </c>
      <c r="F31511" t="s">
        <v>19380</v>
      </c>
      <c r="G31511" t="s">
        <v>10734</v>
      </c>
      <c r="H31511" t="s">
        <v>10735</v>
      </c>
      <c r="I31511" s="2">
        <v>0</v>
      </c>
      <c r="J31511" s="2">
        <v>0</v>
      </c>
      <c r="K31511" s="2">
        <v>1</v>
      </c>
      <c r="L31511" t="s">
        <v>995</v>
      </c>
      <c r="M31511" t="s">
        <v>87</v>
      </c>
      <c r="N31511" t="s">
        <v>88</v>
      </c>
      <c r="O31511" t="s">
        <v>85</v>
      </c>
      <c r="P31511" t="s">
        <v>86</v>
      </c>
      <c r="Q31511">
        <v>31</v>
      </c>
      <c r="R31511">
        <v>32</v>
      </c>
      <c r="S31511">
        <v>32</v>
      </c>
      <c r="T31511">
        <v>33</v>
      </c>
      <c r="U31511">
        <v>33</v>
      </c>
      <c r="V31511">
        <v>33</v>
      </c>
      <c r="W31511">
        <v>34</v>
      </c>
      <c r="X31511">
        <v>34</v>
      </c>
      <c r="Y31511">
        <v>35</v>
      </c>
      <c r="Z31511">
        <v>35</v>
      </c>
      <c r="AA31511">
        <v>35</v>
      </c>
      <c r="AB31511">
        <v>36</v>
      </c>
      <c r="AC31511">
        <v>36</v>
      </c>
      <c r="AD31511">
        <v>36</v>
      </c>
      <c r="AE31511">
        <v>37</v>
      </c>
      <c r="AF31511">
        <v>37</v>
      </c>
      <c r="AG31511">
        <v>38</v>
      </c>
      <c r="AH31511">
        <v>38</v>
      </c>
      <c r="AI31511">
        <v>38</v>
      </c>
      <c r="AJ31511">
        <v>39</v>
      </c>
      <c r="AK31511">
        <v>39</v>
      </c>
      <c r="AL31511">
        <v>39</v>
      </c>
      <c r="AM31511">
        <v>40</v>
      </c>
      <c r="AN31511">
        <v>40</v>
      </c>
      <c r="AO31511">
        <v>40</v>
      </c>
      <c r="AP31511">
        <v>41</v>
      </c>
      <c r="AQ31511">
        <v>41</v>
      </c>
    </row>
    <row r="31512" spans="1:43">
      <c r="A31512" t="s">
        <v>19517</v>
      </c>
      <c r="B31512" t="s">
        <v>19518</v>
      </c>
      <c r="C31512" t="s">
        <v>19391</v>
      </c>
      <c r="D31512" t="s">
        <v>19392</v>
      </c>
      <c r="E31512" t="s">
        <v>19379</v>
      </c>
      <c r="F31512" t="s">
        <v>19380</v>
      </c>
      <c r="G31512" t="s">
        <v>10734</v>
      </c>
      <c r="H31512" t="s">
        <v>10735</v>
      </c>
      <c r="I31512" s="2">
        <v>0</v>
      </c>
      <c r="J31512" s="2">
        <v>0</v>
      </c>
      <c r="K31512" s="2">
        <v>1</v>
      </c>
      <c r="L31512" t="s">
        <v>995</v>
      </c>
      <c r="M31512" t="s">
        <v>89</v>
      </c>
      <c r="N31512" t="s">
        <v>90</v>
      </c>
      <c r="O31512" t="s">
        <v>85</v>
      </c>
      <c r="P31512" t="s">
        <v>86</v>
      </c>
      <c r="Q31512">
        <v>31</v>
      </c>
      <c r="R31512">
        <v>32</v>
      </c>
      <c r="S31512">
        <v>33</v>
      </c>
      <c r="T31512">
        <v>34</v>
      </c>
      <c r="U31512">
        <v>35</v>
      </c>
      <c r="V31512">
        <v>36</v>
      </c>
      <c r="W31512">
        <v>37</v>
      </c>
      <c r="X31512">
        <v>38</v>
      </c>
      <c r="Y31512">
        <v>38</v>
      </c>
      <c r="Z31512">
        <v>39</v>
      </c>
      <c r="AA31512">
        <v>40</v>
      </c>
      <c r="AB31512">
        <v>41</v>
      </c>
      <c r="AC31512">
        <v>42</v>
      </c>
      <c r="AD31512">
        <v>43</v>
      </c>
      <c r="AE31512">
        <v>43</v>
      </c>
      <c r="AF31512">
        <v>44</v>
      </c>
      <c r="AG31512">
        <v>44</v>
      </c>
      <c r="AH31512">
        <v>44</v>
      </c>
      <c r="AI31512">
        <v>45</v>
      </c>
      <c r="AJ31512">
        <v>45</v>
      </c>
      <c r="AK31512">
        <v>45</v>
      </c>
      <c r="AL31512">
        <v>45</v>
      </c>
      <c r="AM31512">
        <v>46</v>
      </c>
      <c r="AN31512">
        <v>46</v>
      </c>
      <c r="AO31512">
        <v>46</v>
      </c>
      <c r="AP31512">
        <v>46</v>
      </c>
      <c r="AQ31512">
        <v>47</v>
      </c>
    </row>
    <row r="31513" spans="1:43">
      <c r="A31513" t="s">
        <v>19517</v>
      </c>
      <c r="B31513" t="s">
        <v>19518</v>
      </c>
      <c r="C31513" t="s">
        <v>19391</v>
      </c>
      <c r="D31513" t="s">
        <v>19392</v>
      </c>
      <c r="E31513" t="s">
        <v>19379</v>
      </c>
      <c r="F31513" t="s">
        <v>19380</v>
      </c>
      <c r="G31513" t="s">
        <v>10734</v>
      </c>
      <c r="H31513" t="s">
        <v>10735</v>
      </c>
      <c r="I31513" s="2">
        <v>0</v>
      </c>
      <c r="J31513" s="2">
        <v>0</v>
      </c>
      <c r="K31513" s="2">
        <v>1</v>
      </c>
      <c r="L31513" t="s">
        <v>995</v>
      </c>
      <c r="M31513" t="s">
        <v>83</v>
      </c>
      <c r="N31513" t="s">
        <v>91</v>
      </c>
      <c r="O31513" t="s">
        <v>85</v>
      </c>
      <c r="P31513" t="s">
        <v>86</v>
      </c>
      <c r="Q31513">
        <v>31</v>
      </c>
      <c r="R31513">
        <v>31</v>
      </c>
      <c r="S31513">
        <v>32</v>
      </c>
      <c r="T31513">
        <v>33</v>
      </c>
      <c r="U31513">
        <v>33</v>
      </c>
      <c r="V31513">
        <v>34</v>
      </c>
      <c r="W31513">
        <v>35</v>
      </c>
      <c r="X31513">
        <v>36</v>
      </c>
      <c r="Y31513">
        <v>36</v>
      </c>
      <c r="Z31513">
        <v>37</v>
      </c>
      <c r="AA31513">
        <v>38</v>
      </c>
      <c r="AB31513">
        <v>38</v>
      </c>
      <c r="AC31513">
        <v>39</v>
      </c>
      <c r="AD31513">
        <v>40</v>
      </c>
      <c r="AE31513">
        <v>40</v>
      </c>
      <c r="AF31513">
        <v>41</v>
      </c>
      <c r="AG31513">
        <v>42</v>
      </c>
      <c r="AH31513">
        <v>43</v>
      </c>
      <c r="AI31513">
        <v>43</v>
      </c>
      <c r="AJ31513">
        <v>44</v>
      </c>
      <c r="AK31513">
        <v>45</v>
      </c>
      <c r="AL31513">
        <v>45</v>
      </c>
      <c r="AM31513">
        <v>45</v>
      </c>
      <c r="AN31513">
        <v>46</v>
      </c>
      <c r="AO31513">
        <v>46</v>
      </c>
      <c r="AP31513">
        <v>46</v>
      </c>
      <c r="AQ31513">
        <v>46</v>
      </c>
    </row>
    <row r="31514" spans="1:43">
      <c r="A31514" t="s">
        <v>19519</v>
      </c>
      <c r="B31514" t="s">
        <v>19520</v>
      </c>
      <c r="C31514" t="s">
        <v>19391</v>
      </c>
      <c r="D31514" t="s">
        <v>19392</v>
      </c>
      <c r="E31514" t="s">
        <v>19379</v>
      </c>
      <c r="F31514" t="s">
        <v>19380</v>
      </c>
      <c r="G31514" t="s">
        <v>10734</v>
      </c>
      <c r="H31514" t="s">
        <v>10735</v>
      </c>
      <c r="I31514" s="2">
        <v>0</v>
      </c>
      <c r="J31514" s="2">
        <v>0</v>
      </c>
      <c r="K31514" s="2">
        <v>1</v>
      </c>
      <c r="L31514" t="s">
        <v>995</v>
      </c>
      <c r="M31514" t="s">
        <v>83</v>
      </c>
      <c r="N31514" t="s">
        <v>84</v>
      </c>
      <c r="O31514" t="s">
        <v>85</v>
      </c>
      <c r="P31514" t="s">
        <v>86</v>
      </c>
      <c r="Q31514">
        <v>44</v>
      </c>
      <c r="R31514">
        <v>45</v>
      </c>
      <c r="S31514">
        <v>46</v>
      </c>
      <c r="T31514">
        <v>47</v>
      </c>
      <c r="U31514">
        <v>48</v>
      </c>
      <c r="V31514">
        <v>49</v>
      </c>
      <c r="W31514">
        <v>50</v>
      </c>
      <c r="X31514">
        <v>51</v>
      </c>
      <c r="Y31514">
        <v>52</v>
      </c>
      <c r="Z31514">
        <v>53</v>
      </c>
      <c r="AA31514">
        <v>54</v>
      </c>
      <c r="AB31514">
        <v>55</v>
      </c>
      <c r="AC31514">
        <v>56</v>
      </c>
      <c r="AD31514">
        <v>57</v>
      </c>
      <c r="AE31514">
        <v>58</v>
      </c>
      <c r="AF31514">
        <v>59</v>
      </c>
      <c r="AG31514">
        <v>60</v>
      </c>
      <c r="AH31514">
        <v>61</v>
      </c>
      <c r="AI31514">
        <v>62</v>
      </c>
      <c r="AJ31514">
        <v>63</v>
      </c>
      <c r="AK31514">
        <v>64</v>
      </c>
      <c r="AL31514">
        <v>65</v>
      </c>
      <c r="AM31514">
        <v>65</v>
      </c>
      <c r="AN31514">
        <v>65</v>
      </c>
      <c r="AO31514">
        <v>66</v>
      </c>
      <c r="AP31514">
        <v>66</v>
      </c>
      <c r="AQ31514">
        <v>66</v>
      </c>
    </row>
    <row r="31515" spans="1:43">
      <c r="A31515" t="s">
        <v>19519</v>
      </c>
      <c r="B31515" t="s">
        <v>19520</v>
      </c>
      <c r="C31515" t="s">
        <v>19391</v>
      </c>
      <c r="D31515" t="s">
        <v>19392</v>
      </c>
      <c r="E31515" t="s">
        <v>19379</v>
      </c>
      <c r="F31515" t="s">
        <v>19380</v>
      </c>
      <c r="G31515" t="s">
        <v>10734</v>
      </c>
      <c r="H31515" t="s">
        <v>10735</v>
      </c>
      <c r="I31515" s="2">
        <v>0</v>
      </c>
      <c r="J31515" s="2">
        <v>0</v>
      </c>
      <c r="K31515" s="2">
        <v>1</v>
      </c>
      <c r="L31515" t="s">
        <v>995</v>
      </c>
      <c r="M31515" t="s">
        <v>87</v>
      </c>
      <c r="N31515" t="s">
        <v>88</v>
      </c>
      <c r="O31515" t="s">
        <v>85</v>
      </c>
      <c r="P31515" t="s">
        <v>86</v>
      </c>
      <c r="Q31515">
        <v>44</v>
      </c>
      <c r="R31515">
        <v>44</v>
      </c>
      <c r="S31515">
        <v>45</v>
      </c>
      <c r="T31515">
        <v>45</v>
      </c>
      <c r="U31515">
        <v>46</v>
      </c>
      <c r="V31515">
        <v>46</v>
      </c>
      <c r="W31515">
        <v>47</v>
      </c>
      <c r="X31515">
        <v>48</v>
      </c>
      <c r="Y31515">
        <v>48</v>
      </c>
      <c r="Z31515">
        <v>49</v>
      </c>
      <c r="AA31515">
        <v>49</v>
      </c>
      <c r="AB31515">
        <v>50</v>
      </c>
      <c r="AC31515">
        <v>50</v>
      </c>
      <c r="AD31515">
        <v>51</v>
      </c>
      <c r="AE31515">
        <v>51</v>
      </c>
      <c r="AF31515">
        <v>52</v>
      </c>
      <c r="AG31515">
        <v>52</v>
      </c>
      <c r="AH31515">
        <v>53</v>
      </c>
      <c r="AI31515">
        <v>53</v>
      </c>
      <c r="AJ31515">
        <v>54</v>
      </c>
      <c r="AK31515">
        <v>54</v>
      </c>
      <c r="AL31515">
        <v>55</v>
      </c>
      <c r="AM31515">
        <v>56</v>
      </c>
      <c r="AN31515">
        <v>56</v>
      </c>
      <c r="AO31515">
        <v>57</v>
      </c>
      <c r="AP31515">
        <v>57</v>
      </c>
      <c r="AQ31515">
        <v>57</v>
      </c>
    </row>
    <row r="31516" spans="1:43">
      <c r="A31516" t="s">
        <v>19519</v>
      </c>
      <c r="B31516" t="s">
        <v>19520</v>
      </c>
      <c r="C31516" t="s">
        <v>19391</v>
      </c>
      <c r="D31516" t="s">
        <v>19392</v>
      </c>
      <c r="E31516" t="s">
        <v>19379</v>
      </c>
      <c r="F31516" t="s">
        <v>19380</v>
      </c>
      <c r="G31516" t="s">
        <v>10734</v>
      </c>
      <c r="H31516" t="s">
        <v>10735</v>
      </c>
      <c r="I31516" s="2">
        <v>0</v>
      </c>
      <c r="J31516" s="2">
        <v>0</v>
      </c>
      <c r="K31516" s="2">
        <v>1</v>
      </c>
      <c r="L31516" t="s">
        <v>995</v>
      </c>
      <c r="M31516" t="s">
        <v>89</v>
      </c>
      <c r="N31516" t="s">
        <v>90</v>
      </c>
      <c r="O31516" t="s">
        <v>85</v>
      </c>
      <c r="P31516" t="s">
        <v>86</v>
      </c>
      <c r="Q31516">
        <v>44</v>
      </c>
      <c r="R31516">
        <v>46</v>
      </c>
      <c r="S31516">
        <v>47</v>
      </c>
      <c r="T31516">
        <v>48</v>
      </c>
      <c r="U31516">
        <v>50</v>
      </c>
      <c r="V31516">
        <v>51</v>
      </c>
      <c r="W31516">
        <v>53</v>
      </c>
      <c r="X31516">
        <v>54</v>
      </c>
      <c r="Y31516">
        <v>55</v>
      </c>
      <c r="Z31516">
        <v>56</v>
      </c>
      <c r="AA31516">
        <v>58</v>
      </c>
      <c r="AB31516">
        <v>59</v>
      </c>
      <c r="AC31516">
        <v>60</v>
      </c>
      <c r="AD31516">
        <v>61</v>
      </c>
      <c r="AE31516">
        <v>62</v>
      </c>
      <c r="AF31516">
        <v>63</v>
      </c>
      <c r="AG31516">
        <v>63</v>
      </c>
      <c r="AH31516">
        <v>63</v>
      </c>
      <c r="AI31516">
        <v>64</v>
      </c>
      <c r="AJ31516">
        <v>64</v>
      </c>
      <c r="AK31516">
        <v>65</v>
      </c>
      <c r="AL31516">
        <v>65</v>
      </c>
      <c r="AM31516">
        <v>65</v>
      </c>
      <c r="AN31516">
        <v>66</v>
      </c>
      <c r="AO31516">
        <v>66</v>
      </c>
      <c r="AP31516">
        <v>66</v>
      </c>
      <c r="AQ31516">
        <v>67</v>
      </c>
    </row>
    <row r="31517" spans="1:43">
      <c r="A31517" t="s">
        <v>19519</v>
      </c>
      <c r="B31517" t="s">
        <v>19520</v>
      </c>
      <c r="C31517" t="s">
        <v>19391</v>
      </c>
      <c r="D31517" t="s">
        <v>19392</v>
      </c>
      <c r="E31517" t="s">
        <v>19379</v>
      </c>
      <c r="F31517" t="s">
        <v>19380</v>
      </c>
      <c r="G31517" t="s">
        <v>10734</v>
      </c>
      <c r="H31517" t="s">
        <v>10735</v>
      </c>
      <c r="I31517" s="2">
        <v>0</v>
      </c>
      <c r="J31517" s="2">
        <v>0</v>
      </c>
      <c r="K31517" s="2">
        <v>1</v>
      </c>
      <c r="L31517" t="s">
        <v>995</v>
      </c>
      <c r="M31517" t="s">
        <v>83</v>
      </c>
      <c r="N31517" t="s">
        <v>91</v>
      </c>
      <c r="O31517" t="s">
        <v>85</v>
      </c>
      <c r="P31517" t="s">
        <v>86</v>
      </c>
      <c r="Q31517">
        <v>44</v>
      </c>
      <c r="R31517">
        <v>45</v>
      </c>
      <c r="S31517">
        <v>46</v>
      </c>
      <c r="T31517">
        <v>47</v>
      </c>
      <c r="U31517">
        <v>48</v>
      </c>
      <c r="V31517">
        <v>49</v>
      </c>
      <c r="W31517">
        <v>50</v>
      </c>
      <c r="X31517">
        <v>51</v>
      </c>
      <c r="Y31517">
        <v>52</v>
      </c>
      <c r="Z31517">
        <v>53</v>
      </c>
      <c r="AA31517">
        <v>54</v>
      </c>
      <c r="AB31517">
        <v>55</v>
      </c>
      <c r="AC31517">
        <v>56</v>
      </c>
      <c r="AD31517">
        <v>57</v>
      </c>
      <c r="AE31517">
        <v>58</v>
      </c>
      <c r="AF31517">
        <v>59</v>
      </c>
      <c r="AG31517">
        <v>60</v>
      </c>
      <c r="AH31517">
        <v>61</v>
      </c>
      <c r="AI31517">
        <v>62</v>
      </c>
      <c r="AJ31517">
        <v>63</v>
      </c>
      <c r="AK31517">
        <v>64</v>
      </c>
      <c r="AL31517">
        <v>65</v>
      </c>
      <c r="AM31517">
        <v>65</v>
      </c>
      <c r="AN31517">
        <v>65</v>
      </c>
      <c r="AO31517">
        <v>66</v>
      </c>
      <c r="AP31517">
        <v>66</v>
      </c>
      <c r="AQ31517">
        <v>66</v>
      </c>
    </row>
    <row r="31518" spans="1:43">
      <c r="A31518" t="s">
        <v>19521</v>
      </c>
      <c r="B31518" t="s">
        <v>19522</v>
      </c>
      <c r="C31518" t="s">
        <v>19387</v>
      </c>
      <c r="D31518" t="s">
        <v>19388</v>
      </c>
      <c r="E31518" t="s">
        <v>19379</v>
      </c>
      <c r="F31518" t="s">
        <v>19380</v>
      </c>
      <c r="G31518" t="s">
        <v>10734</v>
      </c>
      <c r="H31518" t="s">
        <v>10735</v>
      </c>
      <c r="I31518" s="2">
        <v>0</v>
      </c>
      <c r="J31518" s="2">
        <v>0</v>
      </c>
      <c r="K31518" s="2">
        <v>1</v>
      </c>
      <c r="L31518" t="s">
        <v>995</v>
      </c>
      <c r="M31518" t="s">
        <v>83</v>
      </c>
      <c r="N31518" t="s">
        <v>84</v>
      </c>
      <c r="O31518" t="s">
        <v>85</v>
      </c>
      <c r="P31518" t="s">
        <v>86</v>
      </c>
      <c r="Q31518">
        <v>31</v>
      </c>
      <c r="R31518">
        <v>32</v>
      </c>
      <c r="S31518">
        <v>33</v>
      </c>
      <c r="T31518">
        <v>33</v>
      </c>
      <c r="U31518">
        <v>34</v>
      </c>
      <c r="V31518">
        <v>35</v>
      </c>
      <c r="W31518">
        <v>35</v>
      </c>
      <c r="X31518">
        <v>36</v>
      </c>
      <c r="Y31518">
        <v>37</v>
      </c>
      <c r="Z31518">
        <v>37</v>
      </c>
      <c r="AA31518">
        <v>38</v>
      </c>
      <c r="AB31518">
        <v>38</v>
      </c>
      <c r="AC31518">
        <v>39</v>
      </c>
      <c r="AD31518">
        <v>40</v>
      </c>
      <c r="AE31518">
        <v>40</v>
      </c>
      <c r="AF31518">
        <v>41</v>
      </c>
      <c r="AG31518">
        <v>42</v>
      </c>
      <c r="AH31518">
        <v>42</v>
      </c>
      <c r="AI31518">
        <v>43</v>
      </c>
      <c r="AJ31518">
        <v>43</v>
      </c>
      <c r="AK31518">
        <v>44</v>
      </c>
      <c r="AL31518">
        <v>44</v>
      </c>
      <c r="AM31518">
        <v>45</v>
      </c>
      <c r="AN31518">
        <v>45</v>
      </c>
      <c r="AO31518">
        <v>45</v>
      </c>
      <c r="AP31518">
        <v>45</v>
      </c>
      <c r="AQ31518">
        <v>45</v>
      </c>
    </row>
    <row r="31519" spans="1:43">
      <c r="A31519" t="s">
        <v>19521</v>
      </c>
      <c r="B31519" t="s">
        <v>19522</v>
      </c>
      <c r="C31519" t="s">
        <v>19387</v>
      </c>
      <c r="D31519" t="s">
        <v>19388</v>
      </c>
      <c r="E31519" t="s">
        <v>19379</v>
      </c>
      <c r="F31519" t="s">
        <v>19380</v>
      </c>
      <c r="G31519" t="s">
        <v>10734</v>
      </c>
      <c r="H31519" t="s">
        <v>10735</v>
      </c>
      <c r="I31519" s="2">
        <v>0</v>
      </c>
      <c r="J31519" s="2">
        <v>0</v>
      </c>
      <c r="K31519" s="2">
        <v>1</v>
      </c>
      <c r="L31519" t="s">
        <v>995</v>
      </c>
      <c r="M31519" t="s">
        <v>87</v>
      </c>
      <c r="N31519" t="s">
        <v>88</v>
      </c>
      <c r="O31519" t="s">
        <v>85</v>
      </c>
      <c r="P31519" t="s">
        <v>86</v>
      </c>
      <c r="Q31519">
        <v>31</v>
      </c>
      <c r="R31519">
        <v>31</v>
      </c>
      <c r="S31519">
        <v>32</v>
      </c>
      <c r="T31519">
        <v>32</v>
      </c>
      <c r="U31519">
        <v>32</v>
      </c>
      <c r="V31519">
        <v>33</v>
      </c>
      <c r="W31519">
        <v>33</v>
      </c>
      <c r="X31519">
        <v>33</v>
      </c>
      <c r="Y31519">
        <v>34</v>
      </c>
      <c r="Z31519">
        <v>34</v>
      </c>
      <c r="AA31519">
        <v>34</v>
      </c>
      <c r="AB31519">
        <v>35</v>
      </c>
      <c r="AC31519">
        <v>35</v>
      </c>
      <c r="AD31519">
        <v>35</v>
      </c>
      <c r="AE31519">
        <v>36</v>
      </c>
      <c r="AF31519">
        <v>36</v>
      </c>
      <c r="AG31519">
        <v>36</v>
      </c>
      <c r="AH31519">
        <v>37</v>
      </c>
      <c r="AI31519">
        <v>37</v>
      </c>
      <c r="AJ31519">
        <v>37</v>
      </c>
      <c r="AK31519">
        <v>38</v>
      </c>
      <c r="AL31519">
        <v>38</v>
      </c>
      <c r="AM31519">
        <v>38</v>
      </c>
      <c r="AN31519">
        <v>39</v>
      </c>
      <c r="AO31519">
        <v>39</v>
      </c>
      <c r="AP31519">
        <v>39</v>
      </c>
      <c r="AQ31519">
        <v>39</v>
      </c>
    </row>
    <row r="31520" spans="1:43">
      <c r="A31520" t="s">
        <v>19521</v>
      </c>
      <c r="B31520" t="s">
        <v>19522</v>
      </c>
      <c r="C31520" t="s">
        <v>19387</v>
      </c>
      <c r="D31520" t="s">
        <v>19388</v>
      </c>
      <c r="E31520" t="s">
        <v>19379</v>
      </c>
      <c r="F31520" t="s">
        <v>19380</v>
      </c>
      <c r="G31520" t="s">
        <v>10734</v>
      </c>
      <c r="H31520" t="s">
        <v>10735</v>
      </c>
      <c r="I31520" s="2">
        <v>0</v>
      </c>
      <c r="J31520" s="2">
        <v>0</v>
      </c>
      <c r="K31520" s="2">
        <v>1</v>
      </c>
      <c r="L31520" t="s">
        <v>995</v>
      </c>
      <c r="M31520" t="s">
        <v>89</v>
      </c>
      <c r="N31520" t="s">
        <v>90</v>
      </c>
      <c r="O31520" t="s">
        <v>85</v>
      </c>
      <c r="P31520" t="s">
        <v>86</v>
      </c>
      <c r="Q31520">
        <v>31</v>
      </c>
      <c r="R31520">
        <v>31</v>
      </c>
      <c r="S31520">
        <v>32</v>
      </c>
      <c r="T31520">
        <v>33</v>
      </c>
      <c r="U31520">
        <v>34</v>
      </c>
      <c r="V31520">
        <v>35</v>
      </c>
      <c r="W31520">
        <v>36</v>
      </c>
      <c r="X31520">
        <v>37</v>
      </c>
      <c r="Y31520">
        <v>38</v>
      </c>
      <c r="Z31520">
        <v>38</v>
      </c>
      <c r="AA31520">
        <v>39</v>
      </c>
      <c r="AB31520">
        <v>40</v>
      </c>
      <c r="AC31520">
        <v>41</v>
      </c>
      <c r="AD31520">
        <v>42</v>
      </c>
      <c r="AE31520">
        <v>42</v>
      </c>
      <c r="AF31520">
        <v>42</v>
      </c>
      <c r="AG31520">
        <v>43</v>
      </c>
      <c r="AH31520">
        <v>43</v>
      </c>
      <c r="AI31520">
        <v>43</v>
      </c>
      <c r="AJ31520">
        <v>43</v>
      </c>
      <c r="AK31520">
        <v>44</v>
      </c>
      <c r="AL31520">
        <v>44</v>
      </c>
      <c r="AM31520">
        <v>44</v>
      </c>
      <c r="AN31520">
        <v>44</v>
      </c>
      <c r="AO31520">
        <v>44</v>
      </c>
      <c r="AP31520">
        <v>44</v>
      </c>
      <c r="AQ31520">
        <v>45</v>
      </c>
    </row>
    <row r="31521" spans="1:43">
      <c r="A31521" t="s">
        <v>19521</v>
      </c>
      <c r="B31521" t="s">
        <v>19522</v>
      </c>
      <c r="C31521" t="s">
        <v>19387</v>
      </c>
      <c r="D31521" t="s">
        <v>19388</v>
      </c>
      <c r="E31521" t="s">
        <v>19379</v>
      </c>
      <c r="F31521" t="s">
        <v>19380</v>
      </c>
      <c r="G31521" t="s">
        <v>10734</v>
      </c>
      <c r="H31521" t="s">
        <v>10735</v>
      </c>
      <c r="I31521" s="2">
        <v>0</v>
      </c>
      <c r="J31521" s="2">
        <v>0</v>
      </c>
      <c r="K31521" s="2">
        <v>1</v>
      </c>
      <c r="L31521" t="s">
        <v>995</v>
      </c>
      <c r="M31521" t="s">
        <v>83</v>
      </c>
      <c r="N31521" t="s">
        <v>91</v>
      </c>
      <c r="O31521" t="s">
        <v>85</v>
      </c>
      <c r="P31521" t="s">
        <v>86</v>
      </c>
      <c r="Q31521">
        <v>31</v>
      </c>
      <c r="R31521">
        <v>32</v>
      </c>
      <c r="S31521">
        <v>33</v>
      </c>
      <c r="T31521">
        <v>33</v>
      </c>
      <c r="U31521">
        <v>34</v>
      </c>
      <c r="V31521">
        <v>35</v>
      </c>
      <c r="W31521">
        <v>35</v>
      </c>
      <c r="X31521">
        <v>36</v>
      </c>
      <c r="Y31521">
        <v>37</v>
      </c>
      <c r="Z31521">
        <v>37</v>
      </c>
      <c r="AA31521">
        <v>38</v>
      </c>
      <c r="AB31521">
        <v>38</v>
      </c>
      <c r="AC31521">
        <v>39</v>
      </c>
      <c r="AD31521">
        <v>40</v>
      </c>
      <c r="AE31521">
        <v>40</v>
      </c>
      <c r="AF31521">
        <v>41</v>
      </c>
      <c r="AG31521">
        <v>42</v>
      </c>
      <c r="AH31521">
        <v>42</v>
      </c>
      <c r="AI31521">
        <v>43</v>
      </c>
      <c r="AJ31521">
        <v>43</v>
      </c>
      <c r="AK31521">
        <v>44</v>
      </c>
      <c r="AL31521">
        <v>44</v>
      </c>
      <c r="AM31521">
        <v>45</v>
      </c>
      <c r="AN31521">
        <v>45</v>
      </c>
      <c r="AO31521">
        <v>45</v>
      </c>
      <c r="AP31521">
        <v>45</v>
      </c>
      <c r="AQ31521">
        <v>45</v>
      </c>
    </row>
    <row r="31522" spans="1:43">
      <c r="A31522" t="s">
        <v>19523</v>
      </c>
      <c r="B31522" t="s">
        <v>19524</v>
      </c>
      <c r="C31522" t="s">
        <v>19391</v>
      </c>
      <c r="D31522" t="s">
        <v>19392</v>
      </c>
      <c r="E31522" t="s">
        <v>19379</v>
      </c>
      <c r="F31522" t="s">
        <v>19380</v>
      </c>
      <c r="G31522" t="s">
        <v>10734</v>
      </c>
      <c r="H31522" t="s">
        <v>10735</v>
      </c>
      <c r="I31522" s="2">
        <v>0</v>
      </c>
      <c r="J31522" s="2">
        <v>0</v>
      </c>
      <c r="K31522" s="2">
        <v>1</v>
      </c>
      <c r="L31522" t="s">
        <v>995</v>
      </c>
      <c r="M31522" t="s">
        <v>83</v>
      </c>
      <c r="N31522" t="s">
        <v>84</v>
      </c>
      <c r="O31522" t="s">
        <v>85</v>
      </c>
      <c r="P31522" t="s">
        <v>86</v>
      </c>
      <c r="Q31522">
        <v>28</v>
      </c>
      <c r="R31522">
        <v>29</v>
      </c>
      <c r="S31522">
        <v>29</v>
      </c>
      <c r="T31522">
        <v>30</v>
      </c>
      <c r="U31522">
        <v>30</v>
      </c>
      <c r="V31522">
        <v>31</v>
      </c>
      <c r="W31522">
        <v>32</v>
      </c>
      <c r="X31522">
        <v>32</v>
      </c>
      <c r="Y31522">
        <v>33</v>
      </c>
      <c r="Z31522">
        <v>34</v>
      </c>
      <c r="AA31522">
        <v>34</v>
      </c>
      <c r="AB31522">
        <v>35</v>
      </c>
      <c r="AC31522">
        <v>36</v>
      </c>
      <c r="AD31522">
        <v>36</v>
      </c>
      <c r="AE31522">
        <v>37</v>
      </c>
      <c r="AF31522">
        <v>38</v>
      </c>
      <c r="AG31522">
        <v>38</v>
      </c>
      <c r="AH31522">
        <v>39</v>
      </c>
      <c r="AI31522">
        <v>39</v>
      </c>
      <c r="AJ31522">
        <v>40</v>
      </c>
      <c r="AK31522">
        <v>41</v>
      </c>
      <c r="AL31522">
        <v>41</v>
      </c>
      <c r="AM31522">
        <v>41</v>
      </c>
      <c r="AN31522">
        <v>42</v>
      </c>
      <c r="AO31522">
        <v>42</v>
      </c>
      <c r="AP31522">
        <v>42</v>
      </c>
      <c r="AQ31522">
        <v>42</v>
      </c>
    </row>
    <row r="31523" spans="1:43">
      <c r="A31523" t="s">
        <v>19523</v>
      </c>
      <c r="B31523" t="s">
        <v>19524</v>
      </c>
      <c r="C31523" t="s">
        <v>19391</v>
      </c>
      <c r="D31523" t="s">
        <v>19392</v>
      </c>
      <c r="E31523" t="s">
        <v>19379</v>
      </c>
      <c r="F31523" t="s">
        <v>19380</v>
      </c>
      <c r="G31523" t="s">
        <v>10734</v>
      </c>
      <c r="H31523" t="s">
        <v>10735</v>
      </c>
      <c r="I31523" s="2">
        <v>0</v>
      </c>
      <c r="J31523" s="2">
        <v>0</v>
      </c>
      <c r="K31523" s="2">
        <v>1</v>
      </c>
      <c r="L31523" t="s">
        <v>995</v>
      </c>
      <c r="M31523" t="s">
        <v>87</v>
      </c>
      <c r="N31523" t="s">
        <v>88</v>
      </c>
      <c r="O31523" t="s">
        <v>85</v>
      </c>
      <c r="P31523" t="s">
        <v>86</v>
      </c>
      <c r="Q31523">
        <v>28</v>
      </c>
      <c r="R31523">
        <v>28</v>
      </c>
      <c r="S31523">
        <v>28</v>
      </c>
      <c r="T31523">
        <v>29</v>
      </c>
      <c r="U31523">
        <v>29</v>
      </c>
      <c r="V31523">
        <v>29</v>
      </c>
      <c r="W31523">
        <v>30</v>
      </c>
      <c r="X31523">
        <v>30</v>
      </c>
      <c r="Y31523">
        <v>31</v>
      </c>
      <c r="Z31523">
        <v>31</v>
      </c>
      <c r="AA31523">
        <v>31</v>
      </c>
      <c r="AB31523">
        <v>32</v>
      </c>
      <c r="AC31523">
        <v>32</v>
      </c>
      <c r="AD31523">
        <v>32</v>
      </c>
      <c r="AE31523">
        <v>33</v>
      </c>
      <c r="AF31523">
        <v>33</v>
      </c>
      <c r="AG31523">
        <v>33</v>
      </c>
      <c r="AH31523">
        <v>34</v>
      </c>
      <c r="AI31523">
        <v>34</v>
      </c>
      <c r="AJ31523">
        <v>34</v>
      </c>
      <c r="AK31523">
        <v>35</v>
      </c>
      <c r="AL31523">
        <v>35</v>
      </c>
      <c r="AM31523">
        <v>35</v>
      </c>
      <c r="AN31523">
        <v>36</v>
      </c>
      <c r="AO31523">
        <v>36</v>
      </c>
      <c r="AP31523">
        <v>36</v>
      </c>
      <c r="AQ31523">
        <v>37</v>
      </c>
    </row>
    <row r="31524" spans="1:43">
      <c r="A31524" t="s">
        <v>19523</v>
      </c>
      <c r="B31524" t="s">
        <v>19524</v>
      </c>
      <c r="C31524" t="s">
        <v>19391</v>
      </c>
      <c r="D31524" t="s">
        <v>19392</v>
      </c>
      <c r="E31524" t="s">
        <v>19379</v>
      </c>
      <c r="F31524" t="s">
        <v>19380</v>
      </c>
      <c r="G31524" t="s">
        <v>10734</v>
      </c>
      <c r="H31524" t="s">
        <v>10735</v>
      </c>
      <c r="I31524" s="2">
        <v>0</v>
      </c>
      <c r="J31524" s="2">
        <v>0</v>
      </c>
      <c r="K31524" s="2">
        <v>1</v>
      </c>
      <c r="L31524" t="s">
        <v>995</v>
      </c>
      <c r="M31524" t="s">
        <v>89</v>
      </c>
      <c r="N31524" t="s">
        <v>90</v>
      </c>
      <c r="O31524" t="s">
        <v>85</v>
      </c>
      <c r="P31524" t="s">
        <v>86</v>
      </c>
      <c r="Q31524">
        <v>28</v>
      </c>
      <c r="R31524">
        <v>29</v>
      </c>
      <c r="S31524">
        <v>30</v>
      </c>
      <c r="T31524">
        <v>31</v>
      </c>
      <c r="U31524">
        <v>32</v>
      </c>
      <c r="V31524">
        <v>33</v>
      </c>
      <c r="W31524">
        <v>33</v>
      </c>
      <c r="X31524">
        <v>34</v>
      </c>
      <c r="Y31524">
        <v>35</v>
      </c>
      <c r="Z31524">
        <v>36</v>
      </c>
      <c r="AA31524">
        <v>37</v>
      </c>
      <c r="AB31524">
        <v>37</v>
      </c>
      <c r="AC31524">
        <v>38</v>
      </c>
      <c r="AD31524">
        <v>39</v>
      </c>
      <c r="AE31524">
        <v>40</v>
      </c>
      <c r="AF31524">
        <v>40</v>
      </c>
      <c r="AG31524">
        <v>40</v>
      </c>
      <c r="AH31524">
        <v>40</v>
      </c>
      <c r="AI31524">
        <v>41</v>
      </c>
      <c r="AJ31524">
        <v>41</v>
      </c>
      <c r="AK31524">
        <v>41</v>
      </c>
      <c r="AL31524">
        <v>41</v>
      </c>
      <c r="AM31524">
        <v>42</v>
      </c>
      <c r="AN31524">
        <v>42</v>
      </c>
      <c r="AO31524">
        <v>42</v>
      </c>
      <c r="AP31524">
        <v>42</v>
      </c>
      <c r="AQ31524">
        <v>43</v>
      </c>
    </row>
    <row r="31525" spans="1:43">
      <c r="A31525" t="s">
        <v>19523</v>
      </c>
      <c r="B31525" t="s">
        <v>19524</v>
      </c>
      <c r="C31525" t="s">
        <v>19391</v>
      </c>
      <c r="D31525" t="s">
        <v>19392</v>
      </c>
      <c r="E31525" t="s">
        <v>19379</v>
      </c>
      <c r="F31525" t="s">
        <v>19380</v>
      </c>
      <c r="G31525" t="s">
        <v>10734</v>
      </c>
      <c r="H31525" t="s">
        <v>10735</v>
      </c>
      <c r="I31525" s="2">
        <v>0</v>
      </c>
      <c r="J31525" s="2">
        <v>0</v>
      </c>
      <c r="K31525" s="2">
        <v>1</v>
      </c>
      <c r="L31525" t="s">
        <v>995</v>
      </c>
      <c r="M31525" t="s">
        <v>83</v>
      </c>
      <c r="N31525" t="s">
        <v>91</v>
      </c>
      <c r="O31525" t="s">
        <v>85</v>
      </c>
      <c r="P31525" t="s">
        <v>86</v>
      </c>
      <c r="Q31525">
        <v>28</v>
      </c>
      <c r="R31525">
        <v>29</v>
      </c>
      <c r="S31525">
        <v>29</v>
      </c>
      <c r="T31525">
        <v>30</v>
      </c>
      <c r="U31525">
        <v>30</v>
      </c>
      <c r="V31525">
        <v>31</v>
      </c>
      <c r="W31525">
        <v>32</v>
      </c>
      <c r="X31525">
        <v>32</v>
      </c>
      <c r="Y31525">
        <v>33</v>
      </c>
      <c r="Z31525">
        <v>34</v>
      </c>
      <c r="AA31525">
        <v>34</v>
      </c>
      <c r="AB31525">
        <v>35</v>
      </c>
      <c r="AC31525">
        <v>36</v>
      </c>
      <c r="AD31525">
        <v>36</v>
      </c>
      <c r="AE31525">
        <v>37</v>
      </c>
      <c r="AF31525">
        <v>38</v>
      </c>
      <c r="AG31525">
        <v>38</v>
      </c>
      <c r="AH31525">
        <v>39</v>
      </c>
      <c r="AI31525">
        <v>39</v>
      </c>
      <c r="AJ31525">
        <v>40</v>
      </c>
      <c r="AK31525">
        <v>41</v>
      </c>
      <c r="AL31525">
        <v>41</v>
      </c>
      <c r="AM31525">
        <v>41</v>
      </c>
      <c r="AN31525">
        <v>42</v>
      </c>
      <c r="AO31525">
        <v>42</v>
      </c>
      <c r="AP31525">
        <v>42</v>
      </c>
      <c r="AQ31525">
        <v>42</v>
      </c>
    </row>
    <row r="31526" spans="1:43">
      <c r="A31526" t="s">
        <v>19525</v>
      </c>
      <c r="B31526" t="s">
        <v>19526</v>
      </c>
      <c r="C31526" t="s">
        <v>19377</v>
      </c>
      <c r="D31526" t="s">
        <v>19378</v>
      </c>
      <c r="E31526" t="s">
        <v>19379</v>
      </c>
      <c r="F31526" t="s">
        <v>19380</v>
      </c>
      <c r="G31526" t="s">
        <v>10734</v>
      </c>
      <c r="H31526" t="s">
        <v>10735</v>
      </c>
      <c r="I31526" s="2">
        <v>0</v>
      </c>
      <c r="J31526" s="2">
        <v>0</v>
      </c>
      <c r="K31526" s="2">
        <v>1</v>
      </c>
      <c r="L31526" t="s">
        <v>995</v>
      </c>
      <c r="M31526" t="s">
        <v>83</v>
      </c>
      <c r="N31526" t="s">
        <v>84</v>
      </c>
      <c r="O31526" t="s">
        <v>85</v>
      </c>
      <c r="P31526" t="s">
        <v>86</v>
      </c>
      <c r="Q31526">
        <v>47</v>
      </c>
      <c r="R31526">
        <v>48</v>
      </c>
      <c r="S31526">
        <v>49</v>
      </c>
      <c r="T31526">
        <v>50</v>
      </c>
      <c r="U31526">
        <v>51</v>
      </c>
      <c r="V31526">
        <v>53</v>
      </c>
      <c r="W31526">
        <v>54</v>
      </c>
      <c r="X31526">
        <v>55</v>
      </c>
      <c r="Y31526">
        <v>56</v>
      </c>
      <c r="Z31526">
        <v>57</v>
      </c>
      <c r="AA31526">
        <v>58</v>
      </c>
      <c r="AB31526">
        <v>59</v>
      </c>
      <c r="AC31526">
        <v>60</v>
      </c>
      <c r="AD31526">
        <v>61</v>
      </c>
      <c r="AE31526">
        <v>62</v>
      </c>
      <c r="AF31526">
        <v>63</v>
      </c>
      <c r="AG31526">
        <v>64</v>
      </c>
      <c r="AH31526">
        <v>65</v>
      </c>
      <c r="AI31526">
        <v>66</v>
      </c>
      <c r="AJ31526">
        <v>67</v>
      </c>
      <c r="AK31526">
        <v>68</v>
      </c>
      <c r="AL31526">
        <v>69</v>
      </c>
      <c r="AM31526">
        <v>69</v>
      </c>
      <c r="AN31526">
        <v>69</v>
      </c>
      <c r="AO31526">
        <v>70</v>
      </c>
      <c r="AP31526">
        <v>70</v>
      </c>
      <c r="AQ31526">
        <v>70</v>
      </c>
    </row>
    <row r="31527" spans="1:43">
      <c r="A31527" t="s">
        <v>19525</v>
      </c>
      <c r="B31527" t="s">
        <v>19526</v>
      </c>
      <c r="C31527" t="s">
        <v>19377</v>
      </c>
      <c r="D31527" t="s">
        <v>19378</v>
      </c>
      <c r="E31527" t="s">
        <v>19379</v>
      </c>
      <c r="F31527" t="s">
        <v>19380</v>
      </c>
      <c r="G31527" t="s">
        <v>10734</v>
      </c>
      <c r="H31527" t="s">
        <v>10735</v>
      </c>
      <c r="I31527" s="2">
        <v>0</v>
      </c>
      <c r="J31527" s="2">
        <v>0</v>
      </c>
      <c r="K31527" s="2">
        <v>1</v>
      </c>
      <c r="L31527" t="s">
        <v>995</v>
      </c>
      <c r="M31527" t="s">
        <v>87</v>
      </c>
      <c r="N31527" t="s">
        <v>88</v>
      </c>
      <c r="O31527" t="s">
        <v>85</v>
      </c>
      <c r="P31527" t="s">
        <v>86</v>
      </c>
      <c r="Q31527">
        <v>47</v>
      </c>
      <c r="R31527">
        <v>47</v>
      </c>
      <c r="S31527">
        <v>48</v>
      </c>
      <c r="T31527">
        <v>49</v>
      </c>
      <c r="U31527">
        <v>49</v>
      </c>
      <c r="V31527">
        <v>50</v>
      </c>
      <c r="W31527">
        <v>50</v>
      </c>
      <c r="X31527">
        <v>51</v>
      </c>
      <c r="Y31527">
        <v>52</v>
      </c>
      <c r="Z31527">
        <v>52</v>
      </c>
      <c r="AA31527">
        <v>53</v>
      </c>
      <c r="AB31527">
        <v>53</v>
      </c>
      <c r="AC31527">
        <v>54</v>
      </c>
      <c r="AD31527">
        <v>54</v>
      </c>
      <c r="AE31527">
        <v>55</v>
      </c>
      <c r="AF31527">
        <v>55</v>
      </c>
      <c r="AG31527">
        <v>56</v>
      </c>
      <c r="AH31527">
        <v>57</v>
      </c>
      <c r="AI31527">
        <v>57</v>
      </c>
      <c r="AJ31527">
        <v>58</v>
      </c>
      <c r="AK31527">
        <v>58</v>
      </c>
      <c r="AL31527">
        <v>59</v>
      </c>
      <c r="AM31527">
        <v>59</v>
      </c>
      <c r="AN31527">
        <v>60</v>
      </c>
      <c r="AO31527">
        <v>60</v>
      </c>
      <c r="AP31527">
        <v>61</v>
      </c>
      <c r="AQ31527">
        <v>61</v>
      </c>
    </row>
    <row r="31528" spans="1:43">
      <c r="A31528" t="s">
        <v>19525</v>
      </c>
      <c r="B31528" t="s">
        <v>19526</v>
      </c>
      <c r="C31528" t="s">
        <v>19377</v>
      </c>
      <c r="D31528" t="s">
        <v>19378</v>
      </c>
      <c r="E31528" t="s">
        <v>19379</v>
      </c>
      <c r="F31528" t="s">
        <v>19380</v>
      </c>
      <c r="G31528" t="s">
        <v>10734</v>
      </c>
      <c r="H31528" t="s">
        <v>10735</v>
      </c>
      <c r="I31528" s="2">
        <v>0</v>
      </c>
      <c r="J31528" s="2">
        <v>0</v>
      </c>
      <c r="K31528" s="2">
        <v>1</v>
      </c>
      <c r="L31528" t="s">
        <v>995</v>
      </c>
      <c r="M31528" t="s">
        <v>89</v>
      </c>
      <c r="N31528" t="s">
        <v>90</v>
      </c>
      <c r="O31528" t="s">
        <v>85</v>
      </c>
      <c r="P31528" t="s">
        <v>86</v>
      </c>
      <c r="Q31528">
        <v>47</v>
      </c>
      <c r="R31528">
        <v>48</v>
      </c>
      <c r="S31528">
        <v>50</v>
      </c>
      <c r="T31528">
        <v>51</v>
      </c>
      <c r="U31528">
        <v>53</v>
      </c>
      <c r="V31528">
        <v>54</v>
      </c>
      <c r="W31528">
        <v>55</v>
      </c>
      <c r="X31528">
        <v>57</v>
      </c>
      <c r="Y31528">
        <v>58</v>
      </c>
      <c r="Z31528">
        <v>59</v>
      </c>
      <c r="AA31528">
        <v>60</v>
      </c>
      <c r="AB31528">
        <v>62</v>
      </c>
      <c r="AC31528">
        <v>63</v>
      </c>
      <c r="AD31528">
        <v>64</v>
      </c>
      <c r="AE31528">
        <v>65</v>
      </c>
      <c r="AF31528">
        <v>66</v>
      </c>
      <c r="AG31528">
        <v>66</v>
      </c>
      <c r="AH31528">
        <v>67</v>
      </c>
      <c r="AI31528">
        <v>67</v>
      </c>
      <c r="AJ31528">
        <v>67</v>
      </c>
      <c r="AK31528">
        <v>68</v>
      </c>
      <c r="AL31528">
        <v>68</v>
      </c>
      <c r="AM31528">
        <v>69</v>
      </c>
      <c r="AN31528">
        <v>69</v>
      </c>
      <c r="AO31528">
        <v>69</v>
      </c>
      <c r="AP31528">
        <v>70</v>
      </c>
      <c r="AQ31528">
        <v>70</v>
      </c>
    </row>
    <row r="31529" spans="1:43">
      <c r="A31529" t="s">
        <v>19525</v>
      </c>
      <c r="B31529" t="s">
        <v>19526</v>
      </c>
      <c r="C31529" t="s">
        <v>19377</v>
      </c>
      <c r="D31529" t="s">
        <v>19378</v>
      </c>
      <c r="E31529" t="s">
        <v>19379</v>
      </c>
      <c r="F31529" t="s">
        <v>19380</v>
      </c>
      <c r="G31529" t="s">
        <v>10734</v>
      </c>
      <c r="H31529" t="s">
        <v>10735</v>
      </c>
      <c r="I31529" s="2">
        <v>0</v>
      </c>
      <c r="J31529" s="2">
        <v>0</v>
      </c>
      <c r="K31529" s="2">
        <v>1</v>
      </c>
      <c r="L31529" t="s">
        <v>995</v>
      </c>
      <c r="M31529" t="s">
        <v>83</v>
      </c>
      <c r="N31529" t="s">
        <v>91</v>
      </c>
      <c r="O31529" t="s">
        <v>85</v>
      </c>
      <c r="P31529" t="s">
        <v>86</v>
      </c>
      <c r="Q31529">
        <v>47</v>
      </c>
      <c r="R31529">
        <v>48</v>
      </c>
      <c r="S31529">
        <v>49</v>
      </c>
      <c r="T31529">
        <v>50</v>
      </c>
      <c r="U31529">
        <v>51</v>
      </c>
      <c r="V31529">
        <v>53</v>
      </c>
      <c r="W31529">
        <v>54</v>
      </c>
      <c r="X31529">
        <v>55</v>
      </c>
      <c r="Y31529">
        <v>56</v>
      </c>
      <c r="Z31529">
        <v>57</v>
      </c>
      <c r="AA31529">
        <v>58</v>
      </c>
      <c r="AB31529">
        <v>59</v>
      </c>
      <c r="AC31529">
        <v>60</v>
      </c>
      <c r="AD31529">
        <v>61</v>
      </c>
      <c r="AE31529">
        <v>62</v>
      </c>
      <c r="AF31529">
        <v>63</v>
      </c>
      <c r="AG31529">
        <v>64</v>
      </c>
      <c r="AH31529">
        <v>65</v>
      </c>
      <c r="AI31529">
        <v>66</v>
      </c>
      <c r="AJ31529">
        <v>67</v>
      </c>
      <c r="AK31529">
        <v>68</v>
      </c>
      <c r="AL31529">
        <v>69</v>
      </c>
      <c r="AM31529">
        <v>69</v>
      </c>
      <c r="AN31529">
        <v>69</v>
      </c>
      <c r="AO31529">
        <v>70</v>
      </c>
      <c r="AP31529">
        <v>70</v>
      </c>
      <c r="AQ31529">
        <v>70</v>
      </c>
    </row>
    <row r="31530" spans="1:43">
      <c r="A31530" t="s">
        <v>19527</v>
      </c>
      <c r="B31530" t="s">
        <v>19528</v>
      </c>
      <c r="C31530" t="s">
        <v>19377</v>
      </c>
      <c r="D31530" t="s">
        <v>19378</v>
      </c>
      <c r="E31530" t="s">
        <v>19379</v>
      </c>
      <c r="F31530" t="s">
        <v>19380</v>
      </c>
      <c r="G31530" t="s">
        <v>10734</v>
      </c>
      <c r="H31530" t="s">
        <v>10735</v>
      </c>
      <c r="I31530" s="2">
        <v>0</v>
      </c>
      <c r="J31530" s="2">
        <v>0</v>
      </c>
      <c r="K31530" s="2">
        <v>1</v>
      </c>
      <c r="L31530" t="s">
        <v>995</v>
      </c>
      <c r="M31530" t="s">
        <v>83</v>
      </c>
      <c r="N31530" t="s">
        <v>84</v>
      </c>
      <c r="O31530" t="s">
        <v>85</v>
      </c>
      <c r="P31530" t="s">
        <v>86</v>
      </c>
      <c r="Q31530">
        <v>46</v>
      </c>
      <c r="R31530">
        <v>47</v>
      </c>
      <c r="S31530">
        <v>48</v>
      </c>
      <c r="T31530">
        <v>49</v>
      </c>
      <c r="U31530">
        <v>50</v>
      </c>
      <c r="V31530">
        <v>51</v>
      </c>
      <c r="W31530">
        <v>52</v>
      </c>
      <c r="X31530">
        <v>53</v>
      </c>
      <c r="Y31530">
        <v>54</v>
      </c>
      <c r="Z31530">
        <v>55</v>
      </c>
      <c r="AA31530">
        <v>56</v>
      </c>
      <c r="AB31530">
        <v>57</v>
      </c>
      <c r="AC31530">
        <v>58</v>
      </c>
      <c r="AD31530">
        <v>59</v>
      </c>
      <c r="AE31530">
        <v>60</v>
      </c>
      <c r="AF31530">
        <v>61</v>
      </c>
      <c r="AG31530">
        <v>62</v>
      </c>
      <c r="AH31530">
        <v>63</v>
      </c>
      <c r="AI31530">
        <v>64</v>
      </c>
      <c r="AJ31530">
        <v>65</v>
      </c>
      <c r="AK31530">
        <v>66</v>
      </c>
      <c r="AL31530">
        <v>67</v>
      </c>
      <c r="AM31530">
        <v>67</v>
      </c>
      <c r="AN31530">
        <v>68</v>
      </c>
      <c r="AO31530">
        <v>68</v>
      </c>
      <c r="AP31530">
        <v>68</v>
      </c>
      <c r="AQ31530">
        <v>69</v>
      </c>
    </row>
    <row r="31531" spans="1:43">
      <c r="A31531" t="s">
        <v>19527</v>
      </c>
      <c r="B31531" t="s">
        <v>19528</v>
      </c>
      <c r="C31531" t="s">
        <v>19377</v>
      </c>
      <c r="D31531" t="s">
        <v>19378</v>
      </c>
      <c r="E31531" t="s">
        <v>19379</v>
      </c>
      <c r="F31531" t="s">
        <v>19380</v>
      </c>
      <c r="G31531" t="s">
        <v>10734</v>
      </c>
      <c r="H31531" t="s">
        <v>10735</v>
      </c>
      <c r="I31531" s="2">
        <v>0</v>
      </c>
      <c r="J31531" s="2">
        <v>0</v>
      </c>
      <c r="K31531" s="2">
        <v>1</v>
      </c>
      <c r="L31531" t="s">
        <v>995</v>
      </c>
      <c r="M31531" t="s">
        <v>87</v>
      </c>
      <c r="N31531" t="s">
        <v>88</v>
      </c>
      <c r="O31531" t="s">
        <v>85</v>
      </c>
      <c r="P31531" t="s">
        <v>86</v>
      </c>
      <c r="Q31531">
        <v>46</v>
      </c>
      <c r="R31531">
        <v>46</v>
      </c>
      <c r="S31531">
        <v>47</v>
      </c>
      <c r="T31531">
        <v>47</v>
      </c>
      <c r="U31531">
        <v>48</v>
      </c>
      <c r="V31531">
        <v>49</v>
      </c>
      <c r="W31531">
        <v>49</v>
      </c>
      <c r="X31531">
        <v>50</v>
      </c>
      <c r="Y31531">
        <v>50</v>
      </c>
      <c r="Z31531">
        <v>51</v>
      </c>
      <c r="AA31531">
        <v>51</v>
      </c>
      <c r="AB31531">
        <v>52</v>
      </c>
      <c r="AC31531">
        <v>53</v>
      </c>
      <c r="AD31531">
        <v>53</v>
      </c>
      <c r="AE31531">
        <v>54</v>
      </c>
      <c r="AF31531">
        <v>54</v>
      </c>
      <c r="AG31531">
        <v>55</v>
      </c>
      <c r="AH31531">
        <v>55</v>
      </c>
      <c r="AI31531">
        <v>56</v>
      </c>
      <c r="AJ31531">
        <v>56</v>
      </c>
      <c r="AK31531">
        <v>57</v>
      </c>
      <c r="AL31531">
        <v>57</v>
      </c>
      <c r="AM31531">
        <v>58</v>
      </c>
      <c r="AN31531">
        <v>58</v>
      </c>
      <c r="AO31531">
        <v>59</v>
      </c>
      <c r="AP31531">
        <v>59</v>
      </c>
      <c r="AQ31531">
        <v>60</v>
      </c>
    </row>
    <row r="31532" spans="1:43">
      <c r="A31532" t="s">
        <v>19527</v>
      </c>
      <c r="B31532" t="s">
        <v>19528</v>
      </c>
      <c r="C31532" t="s">
        <v>19377</v>
      </c>
      <c r="D31532" t="s">
        <v>19378</v>
      </c>
      <c r="E31532" t="s">
        <v>19379</v>
      </c>
      <c r="F31532" t="s">
        <v>19380</v>
      </c>
      <c r="G31532" t="s">
        <v>10734</v>
      </c>
      <c r="H31532" t="s">
        <v>10735</v>
      </c>
      <c r="I31532" s="2">
        <v>0</v>
      </c>
      <c r="J31532" s="2">
        <v>0</v>
      </c>
      <c r="K31532" s="2">
        <v>1</v>
      </c>
      <c r="L31532" t="s">
        <v>995</v>
      </c>
      <c r="M31532" t="s">
        <v>89</v>
      </c>
      <c r="N31532" t="s">
        <v>90</v>
      </c>
      <c r="O31532" t="s">
        <v>85</v>
      </c>
      <c r="P31532" t="s">
        <v>86</v>
      </c>
      <c r="Q31532">
        <v>46</v>
      </c>
      <c r="R31532">
        <v>47</v>
      </c>
      <c r="S31532">
        <v>48</v>
      </c>
      <c r="T31532">
        <v>50</v>
      </c>
      <c r="U31532">
        <v>51</v>
      </c>
      <c r="V31532">
        <v>53</v>
      </c>
      <c r="W31532">
        <v>54</v>
      </c>
      <c r="X31532">
        <v>55</v>
      </c>
      <c r="Y31532">
        <v>57</v>
      </c>
      <c r="Z31532">
        <v>58</v>
      </c>
      <c r="AA31532">
        <v>59</v>
      </c>
      <c r="AB31532">
        <v>60</v>
      </c>
      <c r="AC31532">
        <v>61</v>
      </c>
      <c r="AD31532">
        <v>63</v>
      </c>
      <c r="AE31532">
        <v>64</v>
      </c>
      <c r="AF31532">
        <v>64</v>
      </c>
      <c r="AG31532">
        <v>65</v>
      </c>
      <c r="AH31532">
        <v>65</v>
      </c>
      <c r="AI31532">
        <v>65</v>
      </c>
      <c r="AJ31532">
        <v>66</v>
      </c>
      <c r="AK31532">
        <v>66</v>
      </c>
      <c r="AL31532">
        <v>67</v>
      </c>
      <c r="AM31532">
        <v>67</v>
      </c>
      <c r="AN31532">
        <v>67</v>
      </c>
      <c r="AO31532">
        <v>68</v>
      </c>
      <c r="AP31532">
        <v>68</v>
      </c>
      <c r="AQ31532">
        <v>68</v>
      </c>
    </row>
    <row r="31533" spans="1:43">
      <c r="A31533" t="s">
        <v>19527</v>
      </c>
      <c r="B31533" t="s">
        <v>19528</v>
      </c>
      <c r="C31533" t="s">
        <v>19377</v>
      </c>
      <c r="D31533" t="s">
        <v>19378</v>
      </c>
      <c r="E31533" t="s">
        <v>19379</v>
      </c>
      <c r="F31533" t="s">
        <v>19380</v>
      </c>
      <c r="G31533" t="s">
        <v>10734</v>
      </c>
      <c r="H31533" t="s">
        <v>10735</v>
      </c>
      <c r="I31533" s="2">
        <v>0</v>
      </c>
      <c r="J31533" s="2">
        <v>0</v>
      </c>
      <c r="K31533" s="2">
        <v>1</v>
      </c>
      <c r="L31533" t="s">
        <v>995</v>
      </c>
      <c r="M31533" t="s">
        <v>83</v>
      </c>
      <c r="N31533" t="s">
        <v>91</v>
      </c>
      <c r="O31533" t="s">
        <v>85</v>
      </c>
      <c r="P31533" t="s">
        <v>86</v>
      </c>
      <c r="Q31533">
        <v>46</v>
      </c>
      <c r="R31533">
        <v>47</v>
      </c>
      <c r="S31533">
        <v>48</v>
      </c>
      <c r="T31533">
        <v>49</v>
      </c>
      <c r="U31533">
        <v>50</v>
      </c>
      <c r="V31533">
        <v>51</v>
      </c>
      <c r="W31533">
        <v>52</v>
      </c>
      <c r="X31533">
        <v>53</v>
      </c>
      <c r="Y31533">
        <v>54</v>
      </c>
      <c r="Z31533">
        <v>55</v>
      </c>
      <c r="AA31533">
        <v>56</v>
      </c>
      <c r="AB31533">
        <v>57</v>
      </c>
      <c r="AC31533">
        <v>58</v>
      </c>
      <c r="AD31533">
        <v>59</v>
      </c>
      <c r="AE31533">
        <v>60</v>
      </c>
      <c r="AF31533">
        <v>61</v>
      </c>
      <c r="AG31533">
        <v>62</v>
      </c>
      <c r="AH31533">
        <v>63</v>
      </c>
      <c r="AI31533">
        <v>64</v>
      </c>
      <c r="AJ31533">
        <v>65</v>
      </c>
      <c r="AK31533">
        <v>66</v>
      </c>
      <c r="AL31533">
        <v>67</v>
      </c>
      <c r="AM31533">
        <v>67</v>
      </c>
      <c r="AN31533">
        <v>68</v>
      </c>
      <c r="AO31533">
        <v>68</v>
      </c>
      <c r="AP31533">
        <v>68</v>
      </c>
      <c r="AQ31533">
        <v>69</v>
      </c>
    </row>
    <row r="31534" spans="1:43">
      <c r="A31534" t="s">
        <v>19529</v>
      </c>
      <c r="B31534" t="s">
        <v>19530</v>
      </c>
      <c r="C31534" t="s">
        <v>19473</v>
      </c>
      <c r="D31534" t="s">
        <v>19474</v>
      </c>
      <c r="E31534" t="s">
        <v>19379</v>
      </c>
      <c r="F31534" t="s">
        <v>19380</v>
      </c>
      <c r="G31534" t="s">
        <v>10734</v>
      </c>
      <c r="H31534" t="s">
        <v>10735</v>
      </c>
      <c r="I31534" s="2">
        <v>0</v>
      </c>
      <c r="J31534" s="2">
        <v>0</v>
      </c>
      <c r="K31534" s="2">
        <v>1</v>
      </c>
      <c r="L31534" t="s">
        <v>995</v>
      </c>
      <c r="M31534" t="s">
        <v>83</v>
      </c>
      <c r="N31534" t="s">
        <v>84</v>
      </c>
      <c r="O31534" t="s">
        <v>85</v>
      </c>
      <c r="P31534" t="s">
        <v>86</v>
      </c>
      <c r="Q31534">
        <v>61</v>
      </c>
      <c r="R31534">
        <v>62</v>
      </c>
      <c r="S31534">
        <v>64</v>
      </c>
      <c r="T31534">
        <v>65</v>
      </c>
      <c r="U31534">
        <v>67</v>
      </c>
      <c r="V31534">
        <v>68</v>
      </c>
      <c r="W31534">
        <v>69</v>
      </c>
      <c r="X31534">
        <v>71</v>
      </c>
      <c r="Y31534">
        <v>72</v>
      </c>
      <c r="Z31534">
        <v>74</v>
      </c>
      <c r="AA31534">
        <v>75</v>
      </c>
      <c r="AB31534">
        <v>76</v>
      </c>
      <c r="AC31534">
        <v>78</v>
      </c>
      <c r="AD31534">
        <v>79</v>
      </c>
      <c r="AE31534">
        <v>81</v>
      </c>
      <c r="AF31534">
        <v>82</v>
      </c>
      <c r="AG31534">
        <v>83</v>
      </c>
      <c r="AH31534">
        <v>85</v>
      </c>
      <c r="AI31534">
        <v>86</v>
      </c>
      <c r="AJ31534">
        <v>87</v>
      </c>
      <c r="AK31534">
        <v>89</v>
      </c>
      <c r="AL31534">
        <v>90</v>
      </c>
      <c r="AM31534">
        <v>90</v>
      </c>
      <c r="AN31534">
        <v>91</v>
      </c>
      <c r="AO31534">
        <v>91</v>
      </c>
      <c r="AP31534">
        <v>92</v>
      </c>
      <c r="AQ31534">
        <v>92</v>
      </c>
    </row>
    <row r="31535" spans="1:43">
      <c r="A31535" t="s">
        <v>19529</v>
      </c>
      <c r="B31535" t="s">
        <v>19530</v>
      </c>
      <c r="C31535" t="s">
        <v>19473</v>
      </c>
      <c r="D31535" t="s">
        <v>19474</v>
      </c>
      <c r="E31535" t="s">
        <v>19379</v>
      </c>
      <c r="F31535" t="s">
        <v>19380</v>
      </c>
      <c r="G31535" t="s">
        <v>10734</v>
      </c>
      <c r="H31535" t="s">
        <v>10735</v>
      </c>
      <c r="I31535" s="2">
        <v>0</v>
      </c>
      <c r="J31535" s="2">
        <v>0</v>
      </c>
      <c r="K31535" s="2">
        <v>1</v>
      </c>
      <c r="L31535" t="s">
        <v>995</v>
      </c>
      <c r="M31535" t="s">
        <v>87</v>
      </c>
      <c r="N31535" t="s">
        <v>88</v>
      </c>
      <c r="O31535" t="s">
        <v>85</v>
      </c>
      <c r="P31535" t="s">
        <v>86</v>
      </c>
      <c r="Q31535">
        <v>61</v>
      </c>
      <c r="R31535">
        <v>62</v>
      </c>
      <c r="S31535">
        <v>63</v>
      </c>
      <c r="T31535">
        <v>64</v>
      </c>
      <c r="U31535">
        <v>65</v>
      </c>
      <c r="V31535">
        <v>65</v>
      </c>
      <c r="W31535">
        <v>66</v>
      </c>
      <c r="X31535">
        <v>67</v>
      </c>
      <c r="Y31535">
        <v>68</v>
      </c>
      <c r="Z31535">
        <v>68</v>
      </c>
      <c r="AA31535">
        <v>69</v>
      </c>
      <c r="AB31535">
        <v>70</v>
      </c>
      <c r="AC31535">
        <v>71</v>
      </c>
      <c r="AD31535">
        <v>72</v>
      </c>
      <c r="AE31535">
        <v>72</v>
      </c>
      <c r="AF31535">
        <v>73</v>
      </c>
      <c r="AG31535">
        <v>74</v>
      </c>
      <c r="AH31535">
        <v>74</v>
      </c>
      <c r="AI31535">
        <v>75</v>
      </c>
      <c r="AJ31535">
        <v>76</v>
      </c>
      <c r="AK31535">
        <v>77</v>
      </c>
      <c r="AL31535">
        <v>77</v>
      </c>
      <c r="AM31535">
        <v>78</v>
      </c>
      <c r="AN31535">
        <v>79</v>
      </c>
      <c r="AO31535">
        <v>79</v>
      </c>
      <c r="AP31535">
        <v>80</v>
      </c>
      <c r="AQ31535">
        <v>81</v>
      </c>
    </row>
    <row r="31536" spans="1:43">
      <c r="A31536" t="s">
        <v>19529</v>
      </c>
      <c r="B31536" t="s">
        <v>19530</v>
      </c>
      <c r="C31536" t="s">
        <v>19473</v>
      </c>
      <c r="D31536" t="s">
        <v>19474</v>
      </c>
      <c r="E31536" t="s">
        <v>19379</v>
      </c>
      <c r="F31536" t="s">
        <v>19380</v>
      </c>
      <c r="G31536" t="s">
        <v>10734</v>
      </c>
      <c r="H31536" t="s">
        <v>10735</v>
      </c>
      <c r="I31536" s="2">
        <v>0</v>
      </c>
      <c r="J31536" s="2">
        <v>0</v>
      </c>
      <c r="K31536" s="2">
        <v>1</v>
      </c>
      <c r="L31536" t="s">
        <v>995</v>
      </c>
      <c r="M31536" t="s">
        <v>89</v>
      </c>
      <c r="N31536" t="s">
        <v>90</v>
      </c>
      <c r="O31536" t="s">
        <v>85</v>
      </c>
      <c r="P31536" t="s">
        <v>86</v>
      </c>
      <c r="Q31536">
        <v>61</v>
      </c>
      <c r="R31536">
        <v>62</v>
      </c>
      <c r="S31536">
        <v>64</v>
      </c>
      <c r="T31536">
        <v>66</v>
      </c>
      <c r="U31536">
        <v>68</v>
      </c>
      <c r="V31536">
        <v>70</v>
      </c>
      <c r="W31536">
        <v>72</v>
      </c>
      <c r="X31536">
        <v>74</v>
      </c>
      <c r="Y31536">
        <v>75</v>
      </c>
      <c r="Z31536">
        <v>77</v>
      </c>
      <c r="AA31536">
        <v>79</v>
      </c>
      <c r="AB31536">
        <v>81</v>
      </c>
      <c r="AC31536">
        <v>82</v>
      </c>
      <c r="AD31536">
        <v>84</v>
      </c>
      <c r="AE31536">
        <v>85</v>
      </c>
      <c r="AF31536">
        <v>86</v>
      </c>
      <c r="AG31536">
        <v>87</v>
      </c>
      <c r="AH31536">
        <v>87</v>
      </c>
      <c r="AI31536">
        <v>88</v>
      </c>
      <c r="AJ31536">
        <v>88</v>
      </c>
      <c r="AK31536">
        <v>89</v>
      </c>
      <c r="AL31536">
        <v>89</v>
      </c>
      <c r="AM31536">
        <v>90</v>
      </c>
      <c r="AN31536">
        <v>90</v>
      </c>
      <c r="AO31536">
        <v>91</v>
      </c>
      <c r="AP31536">
        <v>91</v>
      </c>
      <c r="AQ31536">
        <v>92</v>
      </c>
    </row>
    <row r="31537" spans="1:43">
      <c r="A31537" t="s">
        <v>19529</v>
      </c>
      <c r="B31537" t="s">
        <v>19530</v>
      </c>
      <c r="C31537" t="s">
        <v>19473</v>
      </c>
      <c r="D31537" t="s">
        <v>19474</v>
      </c>
      <c r="E31537" t="s">
        <v>19379</v>
      </c>
      <c r="F31537" t="s">
        <v>19380</v>
      </c>
      <c r="G31537" t="s">
        <v>10734</v>
      </c>
      <c r="H31537" t="s">
        <v>10735</v>
      </c>
      <c r="I31537" s="2">
        <v>0</v>
      </c>
      <c r="J31537" s="2">
        <v>0</v>
      </c>
      <c r="K31537" s="2">
        <v>1</v>
      </c>
      <c r="L31537" t="s">
        <v>995</v>
      </c>
      <c r="M31537" t="s">
        <v>83</v>
      </c>
      <c r="N31537" t="s">
        <v>91</v>
      </c>
      <c r="O31537" t="s">
        <v>85</v>
      </c>
      <c r="P31537" t="s">
        <v>86</v>
      </c>
      <c r="Q31537">
        <v>61</v>
      </c>
      <c r="R31537">
        <v>62</v>
      </c>
      <c r="S31537">
        <v>64</v>
      </c>
      <c r="T31537">
        <v>65</v>
      </c>
      <c r="U31537">
        <v>67</v>
      </c>
      <c r="V31537">
        <v>68</v>
      </c>
      <c r="W31537">
        <v>69</v>
      </c>
      <c r="X31537">
        <v>71</v>
      </c>
      <c r="Y31537">
        <v>72</v>
      </c>
      <c r="Z31537">
        <v>74</v>
      </c>
      <c r="AA31537">
        <v>75</v>
      </c>
      <c r="AB31537">
        <v>76</v>
      </c>
      <c r="AC31537">
        <v>78</v>
      </c>
      <c r="AD31537">
        <v>79</v>
      </c>
      <c r="AE31537">
        <v>81</v>
      </c>
      <c r="AF31537">
        <v>82</v>
      </c>
      <c r="AG31537">
        <v>83</v>
      </c>
      <c r="AH31537">
        <v>85</v>
      </c>
      <c r="AI31537">
        <v>86</v>
      </c>
      <c r="AJ31537">
        <v>87</v>
      </c>
      <c r="AK31537">
        <v>89</v>
      </c>
      <c r="AL31537">
        <v>90</v>
      </c>
      <c r="AM31537">
        <v>90</v>
      </c>
      <c r="AN31537">
        <v>91</v>
      </c>
      <c r="AO31537">
        <v>91</v>
      </c>
      <c r="AP31537">
        <v>92</v>
      </c>
      <c r="AQ31537">
        <v>92</v>
      </c>
    </row>
    <row r="31538" spans="1:43">
      <c r="A31538" t="s">
        <v>19531</v>
      </c>
      <c r="B31538" t="s">
        <v>19532</v>
      </c>
      <c r="C31538" t="s">
        <v>19533</v>
      </c>
      <c r="D31538" t="s">
        <v>19534</v>
      </c>
      <c r="E31538" t="s">
        <v>19535</v>
      </c>
      <c r="F31538" t="s">
        <v>19536</v>
      </c>
      <c r="G31538" t="s">
        <v>10734</v>
      </c>
      <c r="H31538" t="s">
        <v>10735</v>
      </c>
      <c r="I31538" s="2">
        <v>0</v>
      </c>
      <c r="J31538" s="2">
        <v>0</v>
      </c>
      <c r="K31538" s="2">
        <v>1</v>
      </c>
      <c r="L31538" t="s">
        <v>995</v>
      </c>
      <c r="M31538" t="s">
        <v>83</v>
      </c>
      <c r="N31538" t="s">
        <v>84</v>
      </c>
      <c r="O31538" t="s">
        <v>85</v>
      </c>
      <c r="P31538" t="s">
        <v>86</v>
      </c>
      <c r="Q31538">
        <v>57</v>
      </c>
      <c r="R31538">
        <v>59</v>
      </c>
      <c r="S31538">
        <v>61</v>
      </c>
      <c r="T31538">
        <v>62</v>
      </c>
      <c r="U31538">
        <v>64</v>
      </c>
      <c r="V31538">
        <v>66</v>
      </c>
      <c r="W31538">
        <v>67</v>
      </c>
      <c r="X31538">
        <v>69</v>
      </c>
      <c r="Y31538">
        <v>71</v>
      </c>
      <c r="Z31538">
        <v>73</v>
      </c>
      <c r="AA31538">
        <v>75</v>
      </c>
      <c r="AB31538">
        <v>77</v>
      </c>
      <c r="AC31538">
        <v>79</v>
      </c>
      <c r="AD31538">
        <v>81</v>
      </c>
      <c r="AE31538">
        <v>83</v>
      </c>
      <c r="AF31538">
        <v>85</v>
      </c>
      <c r="AG31538">
        <v>87</v>
      </c>
      <c r="AH31538">
        <v>89</v>
      </c>
      <c r="AI31538">
        <v>91</v>
      </c>
      <c r="AJ31538">
        <v>93</v>
      </c>
      <c r="AK31538">
        <v>96</v>
      </c>
      <c r="AL31538">
        <v>98</v>
      </c>
      <c r="AM31538">
        <v>99</v>
      </c>
      <c r="AN31538">
        <v>101</v>
      </c>
      <c r="AO31538">
        <v>102</v>
      </c>
      <c r="AP31538">
        <v>104</v>
      </c>
      <c r="AQ31538">
        <v>106</v>
      </c>
    </row>
    <row r="31539" spans="1:43">
      <c r="A31539" t="s">
        <v>19531</v>
      </c>
      <c r="B31539" t="s">
        <v>19532</v>
      </c>
      <c r="C31539" t="s">
        <v>19533</v>
      </c>
      <c r="D31539" t="s">
        <v>19534</v>
      </c>
      <c r="E31539" t="s">
        <v>19535</v>
      </c>
      <c r="F31539" t="s">
        <v>19536</v>
      </c>
      <c r="G31539" t="s">
        <v>10734</v>
      </c>
      <c r="H31539" t="s">
        <v>10735</v>
      </c>
      <c r="I31539" s="2">
        <v>0</v>
      </c>
      <c r="J31539" s="2">
        <v>0</v>
      </c>
      <c r="K31539" s="2">
        <v>1</v>
      </c>
      <c r="L31539" t="s">
        <v>995</v>
      </c>
      <c r="M31539" t="s">
        <v>87</v>
      </c>
      <c r="N31539" t="s">
        <v>88</v>
      </c>
      <c r="O31539" t="s">
        <v>85</v>
      </c>
      <c r="P31539" t="s">
        <v>86</v>
      </c>
      <c r="Q31539">
        <v>57</v>
      </c>
      <c r="R31539">
        <v>58</v>
      </c>
      <c r="S31539">
        <v>59</v>
      </c>
      <c r="T31539">
        <v>60</v>
      </c>
      <c r="U31539">
        <v>61</v>
      </c>
      <c r="V31539">
        <v>62</v>
      </c>
      <c r="W31539">
        <v>63</v>
      </c>
      <c r="X31539">
        <v>64</v>
      </c>
      <c r="Y31539">
        <v>66</v>
      </c>
      <c r="Z31539">
        <v>67</v>
      </c>
      <c r="AA31539">
        <v>68</v>
      </c>
      <c r="AB31539">
        <v>69</v>
      </c>
      <c r="AC31539">
        <v>71</v>
      </c>
      <c r="AD31539">
        <v>72</v>
      </c>
      <c r="AE31539">
        <v>73</v>
      </c>
      <c r="AF31539">
        <v>75</v>
      </c>
      <c r="AG31539">
        <v>76</v>
      </c>
      <c r="AH31539">
        <v>77</v>
      </c>
      <c r="AI31539">
        <v>79</v>
      </c>
      <c r="AJ31539">
        <v>80</v>
      </c>
      <c r="AK31539">
        <v>82</v>
      </c>
      <c r="AL31539">
        <v>84</v>
      </c>
      <c r="AM31539">
        <v>85</v>
      </c>
      <c r="AN31539">
        <v>87</v>
      </c>
      <c r="AO31539">
        <v>88</v>
      </c>
      <c r="AP31539">
        <v>90</v>
      </c>
      <c r="AQ31539">
        <v>92</v>
      </c>
    </row>
    <row r="31540" spans="1:43">
      <c r="A31540" t="s">
        <v>19531</v>
      </c>
      <c r="B31540" t="s">
        <v>19532</v>
      </c>
      <c r="C31540" t="s">
        <v>19533</v>
      </c>
      <c r="D31540" t="s">
        <v>19534</v>
      </c>
      <c r="E31540" t="s">
        <v>19535</v>
      </c>
      <c r="F31540" t="s">
        <v>19536</v>
      </c>
      <c r="G31540" t="s">
        <v>10734</v>
      </c>
      <c r="H31540" t="s">
        <v>10735</v>
      </c>
      <c r="I31540" s="2">
        <v>0</v>
      </c>
      <c r="J31540" s="2">
        <v>0</v>
      </c>
      <c r="K31540" s="2">
        <v>1</v>
      </c>
      <c r="L31540" t="s">
        <v>995</v>
      </c>
      <c r="M31540" t="s">
        <v>89</v>
      </c>
      <c r="N31540" t="s">
        <v>90</v>
      </c>
      <c r="O31540" t="s">
        <v>85</v>
      </c>
      <c r="P31540" t="s">
        <v>86</v>
      </c>
      <c r="Q31540">
        <v>57</v>
      </c>
      <c r="R31540">
        <v>59</v>
      </c>
      <c r="S31540">
        <v>61</v>
      </c>
      <c r="T31540">
        <v>63</v>
      </c>
      <c r="U31540">
        <v>65</v>
      </c>
      <c r="V31540">
        <v>68</v>
      </c>
      <c r="W31540">
        <v>70</v>
      </c>
      <c r="X31540">
        <v>72</v>
      </c>
      <c r="Y31540">
        <v>74</v>
      </c>
      <c r="Z31540">
        <v>76</v>
      </c>
      <c r="AA31540">
        <v>79</v>
      </c>
      <c r="AB31540">
        <v>81</v>
      </c>
      <c r="AC31540">
        <v>83</v>
      </c>
      <c r="AD31540">
        <v>85</v>
      </c>
      <c r="AE31540">
        <v>87</v>
      </c>
      <c r="AF31540">
        <v>89</v>
      </c>
      <c r="AG31540">
        <v>90</v>
      </c>
      <c r="AH31540">
        <v>92</v>
      </c>
      <c r="AI31540">
        <v>93</v>
      </c>
      <c r="AJ31540">
        <v>94</v>
      </c>
      <c r="AK31540">
        <v>96</v>
      </c>
      <c r="AL31540">
        <v>97</v>
      </c>
      <c r="AM31540">
        <v>99</v>
      </c>
      <c r="AN31540">
        <v>101</v>
      </c>
      <c r="AO31540">
        <v>102</v>
      </c>
      <c r="AP31540">
        <v>104</v>
      </c>
      <c r="AQ31540">
        <v>105</v>
      </c>
    </row>
    <row r="31541" spans="1:43">
      <c r="A31541" t="s">
        <v>19531</v>
      </c>
      <c r="B31541" t="s">
        <v>19532</v>
      </c>
      <c r="C31541" t="s">
        <v>19533</v>
      </c>
      <c r="D31541" t="s">
        <v>19534</v>
      </c>
      <c r="E31541" t="s">
        <v>19535</v>
      </c>
      <c r="F31541" t="s">
        <v>19536</v>
      </c>
      <c r="G31541" t="s">
        <v>10734</v>
      </c>
      <c r="H31541" t="s">
        <v>10735</v>
      </c>
      <c r="I31541" s="2">
        <v>0</v>
      </c>
      <c r="J31541" s="2">
        <v>0</v>
      </c>
      <c r="K31541" s="2">
        <v>1</v>
      </c>
      <c r="L31541" t="s">
        <v>995</v>
      </c>
      <c r="M31541" t="s">
        <v>83</v>
      </c>
      <c r="N31541" t="s">
        <v>91</v>
      </c>
      <c r="O31541" t="s">
        <v>85</v>
      </c>
      <c r="P31541" t="s">
        <v>86</v>
      </c>
      <c r="Q31541">
        <v>57</v>
      </c>
      <c r="R31541">
        <v>59</v>
      </c>
      <c r="S31541">
        <v>61</v>
      </c>
      <c r="T31541">
        <v>62</v>
      </c>
      <c r="U31541">
        <v>64</v>
      </c>
      <c r="V31541">
        <v>66</v>
      </c>
      <c r="W31541">
        <v>67</v>
      </c>
      <c r="X31541">
        <v>69</v>
      </c>
      <c r="Y31541">
        <v>71</v>
      </c>
      <c r="Z31541">
        <v>73</v>
      </c>
      <c r="AA31541">
        <v>75</v>
      </c>
      <c r="AB31541">
        <v>77</v>
      </c>
      <c r="AC31541">
        <v>79</v>
      </c>
      <c r="AD31541">
        <v>81</v>
      </c>
      <c r="AE31541">
        <v>83</v>
      </c>
      <c r="AF31541">
        <v>85</v>
      </c>
      <c r="AG31541">
        <v>87</v>
      </c>
      <c r="AH31541">
        <v>89</v>
      </c>
      <c r="AI31541">
        <v>91</v>
      </c>
      <c r="AJ31541">
        <v>93</v>
      </c>
      <c r="AK31541">
        <v>96</v>
      </c>
      <c r="AL31541">
        <v>98</v>
      </c>
      <c r="AM31541">
        <v>99</v>
      </c>
      <c r="AN31541">
        <v>101</v>
      </c>
      <c r="AO31541">
        <v>102</v>
      </c>
      <c r="AP31541">
        <v>104</v>
      </c>
      <c r="AQ31541">
        <v>106</v>
      </c>
    </row>
    <row r="31542" spans="1:43">
      <c r="A31542" t="s">
        <v>19537</v>
      </c>
      <c r="B31542" t="s">
        <v>19538</v>
      </c>
      <c r="C31542" t="s">
        <v>19533</v>
      </c>
      <c r="D31542" t="s">
        <v>19534</v>
      </c>
      <c r="E31542" t="s">
        <v>19535</v>
      </c>
      <c r="F31542" t="s">
        <v>19536</v>
      </c>
      <c r="G31542" t="s">
        <v>10734</v>
      </c>
      <c r="H31542" t="s">
        <v>10735</v>
      </c>
      <c r="I31542" s="2">
        <v>0</v>
      </c>
      <c r="J31542" s="2">
        <v>0</v>
      </c>
      <c r="K31542" s="2">
        <v>1</v>
      </c>
      <c r="L31542" t="s">
        <v>995</v>
      </c>
      <c r="M31542" t="s">
        <v>83</v>
      </c>
      <c r="N31542" t="s">
        <v>84</v>
      </c>
      <c r="O31542" t="s">
        <v>85</v>
      </c>
      <c r="P31542" t="s">
        <v>86</v>
      </c>
      <c r="Q31542">
        <v>25</v>
      </c>
      <c r="R31542">
        <v>25</v>
      </c>
      <c r="S31542">
        <v>26</v>
      </c>
      <c r="T31542">
        <v>27</v>
      </c>
      <c r="U31542">
        <v>27</v>
      </c>
      <c r="V31542">
        <v>28</v>
      </c>
      <c r="W31542">
        <v>29</v>
      </c>
      <c r="X31542">
        <v>30</v>
      </c>
      <c r="Y31542">
        <v>31</v>
      </c>
      <c r="Z31542">
        <v>31</v>
      </c>
      <c r="AA31542">
        <v>32</v>
      </c>
      <c r="AB31542">
        <v>33</v>
      </c>
      <c r="AC31542">
        <v>34</v>
      </c>
      <c r="AD31542">
        <v>35</v>
      </c>
      <c r="AE31542">
        <v>36</v>
      </c>
      <c r="AF31542">
        <v>36</v>
      </c>
      <c r="AG31542">
        <v>37</v>
      </c>
      <c r="AH31542">
        <v>38</v>
      </c>
      <c r="AI31542">
        <v>39</v>
      </c>
      <c r="AJ31542">
        <v>40</v>
      </c>
      <c r="AK31542">
        <v>41</v>
      </c>
      <c r="AL31542">
        <v>42</v>
      </c>
      <c r="AM31542">
        <v>43</v>
      </c>
      <c r="AN31542">
        <v>43</v>
      </c>
      <c r="AO31542">
        <v>44</v>
      </c>
      <c r="AP31542">
        <v>45</v>
      </c>
      <c r="AQ31542">
        <v>45</v>
      </c>
    </row>
    <row r="31543" spans="1:43">
      <c r="A31543" t="s">
        <v>19537</v>
      </c>
      <c r="B31543" t="s">
        <v>19538</v>
      </c>
      <c r="C31543" t="s">
        <v>19533</v>
      </c>
      <c r="D31543" t="s">
        <v>19534</v>
      </c>
      <c r="E31543" t="s">
        <v>19535</v>
      </c>
      <c r="F31543" t="s">
        <v>19536</v>
      </c>
      <c r="G31543" t="s">
        <v>10734</v>
      </c>
      <c r="H31543" t="s">
        <v>10735</v>
      </c>
      <c r="I31543" s="2">
        <v>0</v>
      </c>
      <c r="J31543" s="2">
        <v>0</v>
      </c>
      <c r="K31543" s="2">
        <v>1</v>
      </c>
      <c r="L31543" t="s">
        <v>995</v>
      </c>
      <c r="M31543" t="s">
        <v>87</v>
      </c>
      <c r="N31543" t="s">
        <v>88</v>
      </c>
      <c r="O31543" t="s">
        <v>85</v>
      </c>
      <c r="P31543" t="s">
        <v>86</v>
      </c>
      <c r="Q31543">
        <v>25</v>
      </c>
      <c r="R31543">
        <v>26</v>
      </c>
      <c r="S31543">
        <v>26</v>
      </c>
      <c r="T31543">
        <v>27</v>
      </c>
      <c r="U31543">
        <v>27</v>
      </c>
      <c r="V31543">
        <v>28</v>
      </c>
      <c r="W31543">
        <v>28</v>
      </c>
      <c r="X31543">
        <v>29</v>
      </c>
      <c r="Y31543">
        <v>29</v>
      </c>
      <c r="Z31543">
        <v>30</v>
      </c>
      <c r="AA31543">
        <v>30</v>
      </c>
      <c r="AB31543">
        <v>31</v>
      </c>
      <c r="AC31543">
        <v>31</v>
      </c>
      <c r="AD31543">
        <v>32</v>
      </c>
      <c r="AE31543">
        <v>32</v>
      </c>
      <c r="AF31543">
        <v>33</v>
      </c>
      <c r="AG31543">
        <v>34</v>
      </c>
      <c r="AH31543">
        <v>34</v>
      </c>
      <c r="AI31543">
        <v>35</v>
      </c>
      <c r="AJ31543">
        <v>36</v>
      </c>
      <c r="AK31543">
        <v>36</v>
      </c>
      <c r="AL31543">
        <v>37</v>
      </c>
      <c r="AM31543">
        <v>38</v>
      </c>
      <c r="AN31543">
        <v>38</v>
      </c>
      <c r="AO31543">
        <v>39</v>
      </c>
      <c r="AP31543">
        <v>40</v>
      </c>
      <c r="AQ31543">
        <v>41</v>
      </c>
    </row>
    <row r="31544" spans="1:43">
      <c r="A31544" t="s">
        <v>19537</v>
      </c>
      <c r="B31544" t="s">
        <v>19538</v>
      </c>
      <c r="C31544" t="s">
        <v>19533</v>
      </c>
      <c r="D31544" t="s">
        <v>19534</v>
      </c>
      <c r="E31544" t="s">
        <v>19535</v>
      </c>
      <c r="F31544" t="s">
        <v>19536</v>
      </c>
      <c r="G31544" t="s">
        <v>10734</v>
      </c>
      <c r="H31544" t="s">
        <v>10735</v>
      </c>
      <c r="I31544" s="2">
        <v>0</v>
      </c>
      <c r="J31544" s="2">
        <v>0</v>
      </c>
      <c r="K31544" s="2">
        <v>1</v>
      </c>
      <c r="L31544" t="s">
        <v>995</v>
      </c>
      <c r="M31544" t="s">
        <v>89</v>
      </c>
      <c r="N31544" t="s">
        <v>90</v>
      </c>
      <c r="O31544" t="s">
        <v>85</v>
      </c>
      <c r="P31544" t="s">
        <v>86</v>
      </c>
      <c r="Q31544">
        <v>25</v>
      </c>
      <c r="R31544">
        <v>26</v>
      </c>
      <c r="S31544">
        <v>27</v>
      </c>
      <c r="T31544">
        <v>28</v>
      </c>
      <c r="U31544">
        <v>29</v>
      </c>
      <c r="V31544">
        <v>30</v>
      </c>
      <c r="W31544">
        <v>30</v>
      </c>
      <c r="X31544">
        <v>31</v>
      </c>
      <c r="Y31544">
        <v>32</v>
      </c>
      <c r="Z31544">
        <v>33</v>
      </c>
      <c r="AA31544">
        <v>34</v>
      </c>
      <c r="AB31544">
        <v>35</v>
      </c>
      <c r="AC31544">
        <v>36</v>
      </c>
      <c r="AD31544">
        <v>37</v>
      </c>
      <c r="AE31544">
        <v>38</v>
      </c>
      <c r="AF31544">
        <v>39</v>
      </c>
      <c r="AG31544">
        <v>39</v>
      </c>
      <c r="AH31544">
        <v>40</v>
      </c>
      <c r="AI31544">
        <v>40</v>
      </c>
      <c r="AJ31544">
        <v>41</v>
      </c>
      <c r="AK31544">
        <v>42</v>
      </c>
      <c r="AL31544">
        <v>42</v>
      </c>
      <c r="AM31544">
        <v>43</v>
      </c>
      <c r="AN31544">
        <v>44</v>
      </c>
      <c r="AO31544">
        <v>44</v>
      </c>
      <c r="AP31544">
        <v>45</v>
      </c>
      <c r="AQ31544">
        <v>46</v>
      </c>
    </row>
    <row r="31545" spans="1:43">
      <c r="A31545" t="s">
        <v>19537</v>
      </c>
      <c r="B31545" t="s">
        <v>19538</v>
      </c>
      <c r="C31545" t="s">
        <v>19533</v>
      </c>
      <c r="D31545" t="s">
        <v>19534</v>
      </c>
      <c r="E31545" t="s">
        <v>19535</v>
      </c>
      <c r="F31545" t="s">
        <v>19536</v>
      </c>
      <c r="G31545" t="s">
        <v>10734</v>
      </c>
      <c r="H31545" t="s">
        <v>10735</v>
      </c>
      <c r="I31545" s="2">
        <v>0</v>
      </c>
      <c r="J31545" s="2">
        <v>0</v>
      </c>
      <c r="K31545" s="2">
        <v>1</v>
      </c>
      <c r="L31545" t="s">
        <v>995</v>
      </c>
      <c r="M31545" t="s">
        <v>83</v>
      </c>
      <c r="N31545" t="s">
        <v>91</v>
      </c>
      <c r="O31545" t="s">
        <v>85</v>
      </c>
      <c r="P31545" t="s">
        <v>86</v>
      </c>
      <c r="Q31545">
        <v>25</v>
      </c>
      <c r="R31545">
        <v>25</v>
      </c>
      <c r="S31545">
        <v>26</v>
      </c>
      <c r="T31545">
        <v>27</v>
      </c>
      <c r="U31545">
        <v>27</v>
      </c>
      <c r="V31545">
        <v>28</v>
      </c>
      <c r="W31545">
        <v>29</v>
      </c>
      <c r="X31545">
        <v>30</v>
      </c>
      <c r="Y31545">
        <v>31</v>
      </c>
      <c r="Z31545">
        <v>31</v>
      </c>
      <c r="AA31545">
        <v>32</v>
      </c>
      <c r="AB31545">
        <v>33</v>
      </c>
      <c r="AC31545">
        <v>34</v>
      </c>
      <c r="AD31545">
        <v>35</v>
      </c>
      <c r="AE31545">
        <v>36</v>
      </c>
      <c r="AF31545">
        <v>36</v>
      </c>
      <c r="AG31545">
        <v>37</v>
      </c>
      <c r="AH31545">
        <v>38</v>
      </c>
      <c r="AI31545">
        <v>39</v>
      </c>
      <c r="AJ31545">
        <v>40</v>
      </c>
      <c r="AK31545">
        <v>41</v>
      </c>
      <c r="AL31545">
        <v>42</v>
      </c>
      <c r="AM31545">
        <v>43</v>
      </c>
      <c r="AN31545">
        <v>43</v>
      </c>
      <c r="AO31545">
        <v>44</v>
      </c>
      <c r="AP31545">
        <v>45</v>
      </c>
      <c r="AQ31545">
        <v>45</v>
      </c>
    </row>
    <row r="31546" spans="1:43">
      <c r="A31546" t="s">
        <v>19539</v>
      </c>
      <c r="B31546" t="s">
        <v>19540</v>
      </c>
      <c r="C31546" t="s">
        <v>19533</v>
      </c>
      <c r="D31546" t="s">
        <v>19534</v>
      </c>
      <c r="E31546" t="s">
        <v>19535</v>
      </c>
      <c r="F31546" t="s">
        <v>19536</v>
      </c>
      <c r="G31546" t="s">
        <v>10734</v>
      </c>
      <c r="H31546" t="s">
        <v>10735</v>
      </c>
      <c r="I31546" s="2">
        <v>0</v>
      </c>
      <c r="J31546" s="2">
        <v>0</v>
      </c>
      <c r="K31546" s="2">
        <v>1</v>
      </c>
      <c r="L31546" t="s">
        <v>995</v>
      </c>
      <c r="M31546" t="s">
        <v>83</v>
      </c>
      <c r="N31546" t="s">
        <v>84</v>
      </c>
      <c r="O31546" t="s">
        <v>85</v>
      </c>
      <c r="P31546" t="s">
        <v>86</v>
      </c>
      <c r="Q31546">
        <v>166</v>
      </c>
      <c r="R31546">
        <v>171</v>
      </c>
      <c r="S31546">
        <v>176</v>
      </c>
      <c r="T31546">
        <v>181</v>
      </c>
      <c r="U31546">
        <v>186</v>
      </c>
      <c r="V31546">
        <v>191</v>
      </c>
      <c r="W31546">
        <v>196</v>
      </c>
      <c r="X31546">
        <v>201</v>
      </c>
      <c r="Y31546">
        <v>206</v>
      </c>
      <c r="Z31546">
        <v>212</v>
      </c>
      <c r="AA31546">
        <v>217</v>
      </c>
      <c r="AB31546">
        <v>223</v>
      </c>
      <c r="AC31546">
        <v>228</v>
      </c>
      <c r="AD31546">
        <v>234</v>
      </c>
      <c r="AE31546">
        <v>240</v>
      </c>
      <c r="AF31546">
        <v>246</v>
      </c>
      <c r="AG31546">
        <v>252</v>
      </c>
      <c r="AH31546">
        <v>259</v>
      </c>
      <c r="AI31546">
        <v>265</v>
      </c>
      <c r="AJ31546">
        <v>272</v>
      </c>
      <c r="AK31546">
        <v>278</v>
      </c>
      <c r="AL31546">
        <v>284</v>
      </c>
      <c r="AM31546">
        <v>288</v>
      </c>
      <c r="AN31546">
        <v>293</v>
      </c>
      <c r="AO31546">
        <v>297</v>
      </c>
      <c r="AP31546">
        <v>302</v>
      </c>
      <c r="AQ31546">
        <v>307</v>
      </c>
    </row>
    <row r="31547" spans="1:43">
      <c r="A31547" t="s">
        <v>19539</v>
      </c>
      <c r="B31547" t="s">
        <v>19540</v>
      </c>
      <c r="C31547" t="s">
        <v>19533</v>
      </c>
      <c r="D31547" t="s">
        <v>19534</v>
      </c>
      <c r="E31547" t="s">
        <v>19535</v>
      </c>
      <c r="F31547" t="s">
        <v>19536</v>
      </c>
      <c r="G31547" t="s">
        <v>10734</v>
      </c>
      <c r="H31547" t="s">
        <v>10735</v>
      </c>
      <c r="I31547" s="2">
        <v>0</v>
      </c>
      <c r="J31547" s="2">
        <v>0</v>
      </c>
      <c r="K31547" s="2">
        <v>1</v>
      </c>
      <c r="L31547" t="s">
        <v>995</v>
      </c>
      <c r="M31547" t="s">
        <v>87</v>
      </c>
      <c r="N31547" t="s">
        <v>88</v>
      </c>
      <c r="O31547" t="s">
        <v>85</v>
      </c>
      <c r="P31547" t="s">
        <v>86</v>
      </c>
      <c r="Q31547">
        <v>166</v>
      </c>
      <c r="R31547">
        <v>169</v>
      </c>
      <c r="S31547">
        <v>172</v>
      </c>
      <c r="T31547">
        <v>175</v>
      </c>
      <c r="U31547">
        <v>178</v>
      </c>
      <c r="V31547">
        <v>182</v>
      </c>
      <c r="W31547">
        <v>185</v>
      </c>
      <c r="X31547">
        <v>188</v>
      </c>
      <c r="Y31547">
        <v>192</v>
      </c>
      <c r="Z31547">
        <v>195</v>
      </c>
      <c r="AA31547">
        <v>199</v>
      </c>
      <c r="AB31547">
        <v>202</v>
      </c>
      <c r="AC31547">
        <v>206</v>
      </c>
      <c r="AD31547">
        <v>210</v>
      </c>
      <c r="AE31547">
        <v>214</v>
      </c>
      <c r="AF31547">
        <v>218</v>
      </c>
      <c r="AG31547">
        <v>222</v>
      </c>
      <c r="AH31547">
        <v>226</v>
      </c>
      <c r="AI31547">
        <v>230</v>
      </c>
      <c r="AJ31547">
        <v>234</v>
      </c>
      <c r="AK31547">
        <v>239</v>
      </c>
      <c r="AL31547">
        <v>243</v>
      </c>
      <c r="AM31547">
        <v>248</v>
      </c>
      <c r="AN31547">
        <v>253</v>
      </c>
      <c r="AO31547">
        <v>258</v>
      </c>
      <c r="AP31547">
        <v>262</v>
      </c>
      <c r="AQ31547">
        <v>268</v>
      </c>
    </row>
    <row r="31548" spans="1:43">
      <c r="A31548" t="s">
        <v>19539</v>
      </c>
      <c r="B31548" t="s">
        <v>19540</v>
      </c>
      <c r="C31548" t="s">
        <v>19533</v>
      </c>
      <c r="D31548" t="s">
        <v>19534</v>
      </c>
      <c r="E31548" t="s">
        <v>19535</v>
      </c>
      <c r="F31548" t="s">
        <v>19536</v>
      </c>
      <c r="G31548" t="s">
        <v>10734</v>
      </c>
      <c r="H31548" t="s">
        <v>10735</v>
      </c>
      <c r="I31548" s="2">
        <v>0</v>
      </c>
      <c r="J31548" s="2">
        <v>0</v>
      </c>
      <c r="K31548" s="2">
        <v>1</v>
      </c>
      <c r="L31548" t="s">
        <v>995</v>
      </c>
      <c r="M31548" t="s">
        <v>89</v>
      </c>
      <c r="N31548" t="s">
        <v>90</v>
      </c>
      <c r="O31548" t="s">
        <v>85</v>
      </c>
      <c r="P31548" t="s">
        <v>86</v>
      </c>
      <c r="Q31548">
        <v>166</v>
      </c>
      <c r="R31548">
        <v>172</v>
      </c>
      <c r="S31548">
        <v>178</v>
      </c>
      <c r="T31548">
        <v>185</v>
      </c>
      <c r="U31548">
        <v>191</v>
      </c>
      <c r="V31548">
        <v>197</v>
      </c>
      <c r="W31548">
        <v>204</v>
      </c>
      <c r="X31548">
        <v>210</v>
      </c>
      <c r="Y31548">
        <v>216</v>
      </c>
      <c r="Z31548">
        <v>223</v>
      </c>
      <c r="AA31548">
        <v>229</v>
      </c>
      <c r="AB31548">
        <v>236</v>
      </c>
      <c r="AC31548">
        <v>242</v>
      </c>
      <c r="AD31548">
        <v>249</v>
      </c>
      <c r="AE31548">
        <v>255</v>
      </c>
      <c r="AF31548">
        <v>259</v>
      </c>
      <c r="AG31548">
        <v>263</v>
      </c>
      <c r="AH31548">
        <v>267</v>
      </c>
      <c r="AI31548">
        <v>271</v>
      </c>
      <c r="AJ31548">
        <v>276</v>
      </c>
      <c r="AK31548">
        <v>280</v>
      </c>
      <c r="AL31548">
        <v>284</v>
      </c>
      <c r="AM31548">
        <v>289</v>
      </c>
      <c r="AN31548">
        <v>294</v>
      </c>
      <c r="AO31548">
        <v>298</v>
      </c>
      <c r="AP31548">
        <v>303</v>
      </c>
      <c r="AQ31548">
        <v>308</v>
      </c>
    </row>
    <row r="31549" spans="1:43">
      <c r="A31549" t="s">
        <v>19539</v>
      </c>
      <c r="B31549" t="s">
        <v>19540</v>
      </c>
      <c r="C31549" t="s">
        <v>19533</v>
      </c>
      <c r="D31549" t="s">
        <v>19534</v>
      </c>
      <c r="E31549" t="s">
        <v>19535</v>
      </c>
      <c r="F31549" t="s">
        <v>19536</v>
      </c>
      <c r="G31549" t="s">
        <v>10734</v>
      </c>
      <c r="H31549" t="s">
        <v>10735</v>
      </c>
      <c r="I31549" s="2">
        <v>0</v>
      </c>
      <c r="J31549" s="2">
        <v>0</v>
      </c>
      <c r="K31549" s="2">
        <v>1</v>
      </c>
      <c r="L31549" t="s">
        <v>995</v>
      </c>
      <c r="M31549" t="s">
        <v>83</v>
      </c>
      <c r="N31549" t="s">
        <v>91</v>
      </c>
      <c r="O31549" t="s">
        <v>85</v>
      </c>
      <c r="P31549" t="s">
        <v>86</v>
      </c>
      <c r="Q31549">
        <v>166</v>
      </c>
      <c r="R31549">
        <v>171</v>
      </c>
      <c r="S31549">
        <v>176</v>
      </c>
      <c r="T31549">
        <v>181</v>
      </c>
      <c r="U31549">
        <v>186</v>
      </c>
      <c r="V31549">
        <v>191</v>
      </c>
      <c r="W31549">
        <v>196</v>
      </c>
      <c r="X31549">
        <v>201</v>
      </c>
      <c r="Y31549">
        <v>206</v>
      </c>
      <c r="Z31549">
        <v>212</v>
      </c>
      <c r="AA31549">
        <v>217</v>
      </c>
      <c r="AB31549">
        <v>223</v>
      </c>
      <c r="AC31549">
        <v>228</v>
      </c>
      <c r="AD31549">
        <v>234</v>
      </c>
      <c r="AE31549">
        <v>240</v>
      </c>
      <c r="AF31549">
        <v>246</v>
      </c>
      <c r="AG31549">
        <v>252</v>
      </c>
      <c r="AH31549">
        <v>259</v>
      </c>
      <c r="AI31549">
        <v>265</v>
      </c>
      <c r="AJ31549">
        <v>272</v>
      </c>
      <c r="AK31549">
        <v>278</v>
      </c>
      <c r="AL31549">
        <v>284</v>
      </c>
      <c r="AM31549">
        <v>288</v>
      </c>
      <c r="AN31549">
        <v>293</v>
      </c>
      <c r="AO31549">
        <v>297</v>
      </c>
      <c r="AP31549">
        <v>302</v>
      </c>
      <c r="AQ31549">
        <v>307</v>
      </c>
    </row>
    <row r="31550" spans="1:43">
      <c r="A31550" t="s">
        <v>19541</v>
      </c>
      <c r="B31550" t="s">
        <v>19542</v>
      </c>
      <c r="C31550" t="s">
        <v>19543</v>
      </c>
      <c r="D31550" t="s">
        <v>19544</v>
      </c>
      <c r="E31550" t="s">
        <v>19535</v>
      </c>
      <c r="F31550" t="s">
        <v>19536</v>
      </c>
      <c r="G31550" t="s">
        <v>10734</v>
      </c>
      <c r="H31550" t="s">
        <v>10735</v>
      </c>
      <c r="I31550" s="2">
        <v>0</v>
      </c>
      <c r="J31550" s="2">
        <v>0</v>
      </c>
      <c r="K31550" s="2">
        <v>1</v>
      </c>
      <c r="L31550" t="s">
        <v>995</v>
      </c>
      <c r="M31550" t="s">
        <v>83</v>
      </c>
      <c r="N31550" t="s">
        <v>84</v>
      </c>
      <c r="O31550" t="s">
        <v>85</v>
      </c>
      <c r="P31550" t="s">
        <v>86</v>
      </c>
      <c r="Q31550">
        <v>49</v>
      </c>
      <c r="R31550">
        <v>50</v>
      </c>
      <c r="S31550">
        <v>51</v>
      </c>
      <c r="T31550">
        <v>53</v>
      </c>
      <c r="U31550">
        <v>54</v>
      </c>
      <c r="V31550">
        <v>56</v>
      </c>
      <c r="W31550">
        <v>57</v>
      </c>
      <c r="X31550">
        <v>58</v>
      </c>
      <c r="Y31550">
        <v>60</v>
      </c>
      <c r="Z31550">
        <v>61</v>
      </c>
      <c r="AA31550">
        <v>63</v>
      </c>
      <c r="AB31550">
        <v>65</v>
      </c>
      <c r="AC31550">
        <v>66</v>
      </c>
      <c r="AD31550">
        <v>68</v>
      </c>
      <c r="AE31550">
        <v>70</v>
      </c>
      <c r="AF31550">
        <v>71</v>
      </c>
      <c r="AG31550">
        <v>73</v>
      </c>
      <c r="AH31550">
        <v>75</v>
      </c>
      <c r="AI31550">
        <v>77</v>
      </c>
      <c r="AJ31550">
        <v>79</v>
      </c>
      <c r="AK31550">
        <v>81</v>
      </c>
      <c r="AL31550">
        <v>82</v>
      </c>
      <c r="AM31550">
        <v>83</v>
      </c>
      <c r="AN31550">
        <v>84</v>
      </c>
      <c r="AO31550">
        <v>86</v>
      </c>
      <c r="AP31550">
        <v>87</v>
      </c>
      <c r="AQ31550">
        <v>88</v>
      </c>
    </row>
    <row r="31551" spans="1:43">
      <c r="A31551" t="s">
        <v>19541</v>
      </c>
      <c r="B31551" t="s">
        <v>19542</v>
      </c>
      <c r="C31551" t="s">
        <v>19543</v>
      </c>
      <c r="D31551" t="s">
        <v>19544</v>
      </c>
      <c r="E31551" t="s">
        <v>19535</v>
      </c>
      <c r="F31551" t="s">
        <v>19536</v>
      </c>
      <c r="G31551" t="s">
        <v>10734</v>
      </c>
      <c r="H31551" t="s">
        <v>10735</v>
      </c>
      <c r="I31551" s="2">
        <v>0</v>
      </c>
      <c r="J31551" s="2">
        <v>0</v>
      </c>
      <c r="K31551" s="2">
        <v>1</v>
      </c>
      <c r="L31551" t="s">
        <v>995</v>
      </c>
      <c r="M31551" t="s">
        <v>87</v>
      </c>
      <c r="N31551" t="s">
        <v>88</v>
      </c>
      <c r="O31551" t="s">
        <v>85</v>
      </c>
      <c r="P31551" t="s">
        <v>86</v>
      </c>
      <c r="Q31551">
        <v>49</v>
      </c>
      <c r="R31551">
        <v>50</v>
      </c>
      <c r="S31551">
        <v>51</v>
      </c>
      <c r="T31551">
        <v>52</v>
      </c>
      <c r="U31551">
        <v>53</v>
      </c>
      <c r="V31551">
        <v>54</v>
      </c>
      <c r="W31551">
        <v>55</v>
      </c>
      <c r="X31551">
        <v>55</v>
      </c>
      <c r="Y31551">
        <v>56</v>
      </c>
      <c r="Z31551">
        <v>57</v>
      </c>
      <c r="AA31551">
        <v>58</v>
      </c>
      <c r="AB31551">
        <v>59</v>
      </c>
      <c r="AC31551">
        <v>60</v>
      </c>
      <c r="AD31551">
        <v>61</v>
      </c>
      <c r="AE31551">
        <v>63</v>
      </c>
      <c r="AF31551">
        <v>64</v>
      </c>
      <c r="AG31551">
        <v>65</v>
      </c>
      <c r="AH31551">
        <v>66</v>
      </c>
      <c r="AI31551">
        <v>67</v>
      </c>
      <c r="AJ31551">
        <v>68</v>
      </c>
      <c r="AK31551">
        <v>69</v>
      </c>
      <c r="AL31551">
        <v>71</v>
      </c>
      <c r="AM31551">
        <v>72</v>
      </c>
      <c r="AN31551">
        <v>73</v>
      </c>
      <c r="AO31551">
        <v>75</v>
      </c>
      <c r="AP31551">
        <v>76</v>
      </c>
      <c r="AQ31551">
        <v>77</v>
      </c>
    </row>
    <row r="31552" spans="1:43">
      <c r="A31552" t="s">
        <v>19541</v>
      </c>
      <c r="B31552" t="s">
        <v>19542</v>
      </c>
      <c r="C31552" t="s">
        <v>19543</v>
      </c>
      <c r="D31552" t="s">
        <v>19544</v>
      </c>
      <c r="E31552" t="s">
        <v>19535</v>
      </c>
      <c r="F31552" t="s">
        <v>19536</v>
      </c>
      <c r="G31552" t="s">
        <v>10734</v>
      </c>
      <c r="H31552" t="s">
        <v>10735</v>
      </c>
      <c r="I31552" s="2">
        <v>0</v>
      </c>
      <c r="J31552" s="2">
        <v>0</v>
      </c>
      <c r="K31552" s="2">
        <v>1</v>
      </c>
      <c r="L31552" t="s">
        <v>995</v>
      </c>
      <c r="M31552" t="s">
        <v>89</v>
      </c>
      <c r="N31552" t="s">
        <v>90</v>
      </c>
      <c r="O31552" t="s">
        <v>85</v>
      </c>
      <c r="P31552" t="s">
        <v>86</v>
      </c>
      <c r="Q31552">
        <v>49</v>
      </c>
      <c r="R31552">
        <v>51</v>
      </c>
      <c r="S31552">
        <v>53</v>
      </c>
      <c r="T31552">
        <v>55</v>
      </c>
      <c r="U31552">
        <v>56</v>
      </c>
      <c r="V31552">
        <v>58</v>
      </c>
      <c r="W31552">
        <v>60</v>
      </c>
      <c r="X31552">
        <v>62</v>
      </c>
      <c r="Y31552">
        <v>64</v>
      </c>
      <c r="Z31552">
        <v>65</v>
      </c>
      <c r="AA31552">
        <v>67</v>
      </c>
      <c r="AB31552">
        <v>69</v>
      </c>
      <c r="AC31552">
        <v>71</v>
      </c>
      <c r="AD31552">
        <v>73</v>
      </c>
      <c r="AE31552">
        <v>75</v>
      </c>
      <c r="AF31552">
        <v>76</v>
      </c>
      <c r="AG31552">
        <v>77</v>
      </c>
      <c r="AH31552">
        <v>78</v>
      </c>
      <c r="AI31552">
        <v>79</v>
      </c>
      <c r="AJ31552">
        <v>80</v>
      </c>
      <c r="AK31552">
        <v>81</v>
      </c>
      <c r="AL31552">
        <v>83</v>
      </c>
      <c r="AM31552">
        <v>84</v>
      </c>
      <c r="AN31552">
        <v>85</v>
      </c>
      <c r="AO31552">
        <v>86</v>
      </c>
      <c r="AP31552">
        <v>88</v>
      </c>
      <c r="AQ31552">
        <v>89</v>
      </c>
    </row>
    <row r="31553" spans="1:43">
      <c r="A31553" t="s">
        <v>19541</v>
      </c>
      <c r="B31553" t="s">
        <v>19542</v>
      </c>
      <c r="C31553" t="s">
        <v>19543</v>
      </c>
      <c r="D31553" t="s">
        <v>19544</v>
      </c>
      <c r="E31553" t="s">
        <v>19535</v>
      </c>
      <c r="F31553" t="s">
        <v>19536</v>
      </c>
      <c r="G31553" t="s">
        <v>10734</v>
      </c>
      <c r="H31553" t="s">
        <v>10735</v>
      </c>
      <c r="I31553" s="2">
        <v>0</v>
      </c>
      <c r="J31553" s="2">
        <v>0</v>
      </c>
      <c r="K31553" s="2">
        <v>1</v>
      </c>
      <c r="L31553" t="s">
        <v>995</v>
      </c>
      <c r="M31553" t="s">
        <v>83</v>
      </c>
      <c r="N31553" t="s">
        <v>91</v>
      </c>
      <c r="O31553" t="s">
        <v>85</v>
      </c>
      <c r="P31553" t="s">
        <v>86</v>
      </c>
      <c r="Q31553">
        <v>49</v>
      </c>
      <c r="R31553">
        <v>50</v>
      </c>
      <c r="S31553">
        <v>51</v>
      </c>
      <c r="T31553">
        <v>53</v>
      </c>
      <c r="U31553">
        <v>54</v>
      </c>
      <c r="V31553">
        <v>56</v>
      </c>
      <c r="W31553">
        <v>57</v>
      </c>
      <c r="X31553">
        <v>58</v>
      </c>
      <c r="Y31553">
        <v>60</v>
      </c>
      <c r="Z31553">
        <v>61</v>
      </c>
      <c r="AA31553">
        <v>63</v>
      </c>
      <c r="AB31553">
        <v>65</v>
      </c>
      <c r="AC31553">
        <v>66</v>
      </c>
      <c r="AD31553">
        <v>68</v>
      </c>
      <c r="AE31553">
        <v>70</v>
      </c>
      <c r="AF31553">
        <v>71</v>
      </c>
      <c r="AG31553">
        <v>73</v>
      </c>
      <c r="AH31553">
        <v>75</v>
      </c>
      <c r="AI31553">
        <v>77</v>
      </c>
      <c r="AJ31553">
        <v>79</v>
      </c>
      <c r="AK31553">
        <v>81</v>
      </c>
      <c r="AL31553">
        <v>82</v>
      </c>
      <c r="AM31553">
        <v>83</v>
      </c>
      <c r="AN31553">
        <v>84</v>
      </c>
      <c r="AO31553">
        <v>86</v>
      </c>
      <c r="AP31553">
        <v>87</v>
      </c>
      <c r="AQ31553">
        <v>88</v>
      </c>
    </row>
    <row r="31554" spans="1:43">
      <c r="A31554" t="s">
        <v>19545</v>
      </c>
      <c r="B31554" t="s">
        <v>19546</v>
      </c>
      <c r="C31554" t="s">
        <v>19547</v>
      </c>
      <c r="D31554" t="s">
        <v>19548</v>
      </c>
      <c r="E31554" t="s">
        <v>19535</v>
      </c>
      <c r="F31554" t="s">
        <v>19536</v>
      </c>
      <c r="G31554" t="s">
        <v>10734</v>
      </c>
      <c r="H31554" t="s">
        <v>10735</v>
      </c>
      <c r="I31554" s="2">
        <v>0</v>
      </c>
      <c r="J31554" s="2">
        <v>0</v>
      </c>
      <c r="K31554" s="2">
        <v>1</v>
      </c>
      <c r="L31554" t="s">
        <v>995</v>
      </c>
      <c r="M31554" t="s">
        <v>83</v>
      </c>
      <c r="N31554" t="s">
        <v>84</v>
      </c>
      <c r="O31554" t="s">
        <v>85</v>
      </c>
      <c r="P31554" t="s">
        <v>86</v>
      </c>
      <c r="Q31554">
        <v>26</v>
      </c>
      <c r="R31554">
        <v>27</v>
      </c>
      <c r="S31554">
        <v>28</v>
      </c>
      <c r="T31554">
        <v>29</v>
      </c>
      <c r="U31554">
        <v>29</v>
      </c>
      <c r="V31554">
        <v>30</v>
      </c>
      <c r="W31554">
        <v>31</v>
      </c>
      <c r="X31554">
        <v>32</v>
      </c>
      <c r="Y31554">
        <v>33</v>
      </c>
      <c r="Z31554">
        <v>33</v>
      </c>
      <c r="AA31554">
        <v>34</v>
      </c>
      <c r="AB31554">
        <v>35</v>
      </c>
      <c r="AC31554">
        <v>36</v>
      </c>
      <c r="AD31554">
        <v>37</v>
      </c>
      <c r="AE31554">
        <v>38</v>
      </c>
      <c r="AF31554">
        <v>39</v>
      </c>
      <c r="AG31554">
        <v>40</v>
      </c>
      <c r="AH31554">
        <v>41</v>
      </c>
      <c r="AI31554">
        <v>42</v>
      </c>
      <c r="AJ31554">
        <v>43</v>
      </c>
      <c r="AK31554">
        <v>44</v>
      </c>
      <c r="AL31554">
        <v>45</v>
      </c>
      <c r="AM31554">
        <v>46</v>
      </c>
      <c r="AN31554">
        <v>46</v>
      </c>
      <c r="AO31554">
        <v>47</v>
      </c>
      <c r="AP31554">
        <v>48</v>
      </c>
      <c r="AQ31554">
        <v>49</v>
      </c>
    </row>
    <row r="31555" spans="1:43">
      <c r="A31555" t="s">
        <v>19545</v>
      </c>
      <c r="B31555" t="s">
        <v>19546</v>
      </c>
      <c r="C31555" t="s">
        <v>19547</v>
      </c>
      <c r="D31555" t="s">
        <v>19548</v>
      </c>
      <c r="E31555" t="s">
        <v>19535</v>
      </c>
      <c r="F31555" t="s">
        <v>19536</v>
      </c>
      <c r="G31555" t="s">
        <v>10734</v>
      </c>
      <c r="H31555" t="s">
        <v>10735</v>
      </c>
      <c r="I31555" s="2">
        <v>0</v>
      </c>
      <c r="J31555" s="2">
        <v>0</v>
      </c>
      <c r="K31555" s="2">
        <v>1</v>
      </c>
      <c r="L31555" t="s">
        <v>995</v>
      </c>
      <c r="M31555" t="s">
        <v>87</v>
      </c>
      <c r="N31555" t="s">
        <v>88</v>
      </c>
      <c r="O31555" t="s">
        <v>85</v>
      </c>
      <c r="P31555" t="s">
        <v>86</v>
      </c>
      <c r="Q31555">
        <v>26</v>
      </c>
      <c r="R31555">
        <v>27</v>
      </c>
      <c r="S31555">
        <v>27</v>
      </c>
      <c r="T31555">
        <v>28</v>
      </c>
      <c r="U31555">
        <v>28</v>
      </c>
      <c r="V31555">
        <v>29</v>
      </c>
      <c r="W31555">
        <v>29</v>
      </c>
      <c r="X31555">
        <v>30</v>
      </c>
      <c r="Y31555">
        <v>30</v>
      </c>
      <c r="Z31555">
        <v>31</v>
      </c>
      <c r="AA31555">
        <v>31</v>
      </c>
      <c r="AB31555">
        <v>32</v>
      </c>
      <c r="AC31555">
        <v>32</v>
      </c>
      <c r="AD31555">
        <v>33</v>
      </c>
      <c r="AE31555">
        <v>34</v>
      </c>
      <c r="AF31555">
        <v>34</v>
      </c>
      <c r="AG31555">
        <v>35</v>
      </c>
      <c r="AH31555">
        <v>35</v>
      </c>
      <c r="AI31555">
        <v>36</v>
      </c>
      <c r="AJ31555">
        <v>37</v>
      </c>
      <c r="AK31555">
        <v>37</v>
      </c>
      <c r="AL31555">
        <v>38</v>
      </c>
      <c r="AM31555">
        <v>39</v>
      </c>
      <c r="AN31555">
        <v>40</v>
      </c>
      <c r="AO31555">
        <v>40</v>
      </c>
      <c r="AP31555">
        <v>41</v>
      </c>
      <c r="AQ31555">
        <v>42</v>
      </c>
    </row>
    <row r="31556" spans="1:43">
      <c r="A31556" t="s">
        <v>19545</v>
      </c>
      <c r="B31556" t="s">
        <v>19546</v>
      </c>
      <c r="C31556" t="s">
        <v>19547</v>
      </c>
      <c r="D31556" t="s">
        <v>19548</v>
      </c>
      <c r="E31556" t="s">
        <v>19535</v>
      </c>
      <c r="F31556" t="s">
        <v>19536</v>
      </c>
      <c r="G31556" t="s">
        <v>10734</v>
      </c>
      <c r="H31556" t="s">
        <v>10735</v>
      </c>
      <c r="I31556" s="2">
        <v>0</v>
      </c>
      <c r="J31556" s="2">
        <v>0</v>
      </c>
      <c r="K31556" s="2">
        <v>1</v>
      </c>
      <c r="L31556" t="s">
        <v>995</v>
      </c>
      <c r="M31556" t="s">
        <v>89</v>
      </c>
      <c r="N31556" t="s">
        <v>90</v>
      </c>
      <c r="O31556" t="s">
        <v>85</v>
      </c>
      <c r="P31556" t="s">
        <v>86</v>
      </c>
      <c r="Q31556">
        <v>26</v>
      </c>
      <c r="R31556">
        <v>27</v>
      </c>
      <c r="S31556">
        <v>28</v>
      </c>
      <c r="T31556">
        <v>29</v>
      </c>
      <c r="U31556">
        <v>30</v>
      </c>
      <c r="V31556">
        <v>31</v>
      </c>
      <c r="W31556">
        <v>32</v>
      </c>
      <c r="X31556">
        <v>33</v>
      </c>
      <c r="Y31556">
        <v>34</v>
      </c>
      <c r="Z31556">
        <v>35</v>
      </c>
      <c r="AA31556">
        <v>36</v>
      </c>
      <c r="AB31556">
        <v>37</v>
      </c>
      <c r="AC31556">
        <v>38</v>
      </c>
      <c r="AD31556">
        <v>39</v>
      </c>
      <c r="AE31556">
        <v>40</v>
      </c>
      <c r="AF31556">
        <v>40</v>
      </c>
      <c r="AG31556">
        <v>41</v>
      </c>
      <c r="AH31556">
        <v>42</v>
      </c>
      <c r="AI31556">
        <v>42</v>
      </c>
      <c r="AJ31556">
        <v>43</v>
      </c>
      <c r="AK31556">
        <v>44</v>
      </c>
      <c r="AL31556">
        <v>44</v>
      </c>
      <c r="AM31556">
        <v>45</v>
      </c>
      <c r="AN31556">
        <v>46</v>
      </c>
      <c r="AO31556">
        <v>46</v>
      </c>
      <c r="AP31556">
        <v>47</v>
      </c>
      <c r="AQ31556">
        <v>48</v>
      </c>
    </row>
    <row r="31557" spans="1:43">
      <c r="A31557" t="s">
        <v>19545</v>
      </c>
      <c r="B31557" t="s">
        <v>19546</v>
      </c>
      <c r="C31557" t="s">
        <v>19547</v>
      </c>
      <c r="D31557" t="s">
        <v>19548</v>
      </c>
      <c r="E31557" t="s">
        <v>19535</v>
      </c>
      <c r="F31557" t="s">
        <v>19536</v>
      </c>
      <c r="G31557" t="s">
        <v>10734</v>
      </c>
      <c r="H31557" t="s">
        <v>10735</v>
      </c>
      <c r="I31557" s="2">
        <v>0</v>
      </c>
      <c r="J31557" s="2">
        <v>0</v>
      </c>
      <c r="K31557" s="2">
        <v>1</v>
      </c>
      <c r="L31557" t="s">
        <v>995</v>
      </c>
      <c r="M31557" t="s">
        <v>83</v>
      </c>
      <c r="N31557" t="s">
        <v>91</v>
      </c>
      <c r="O31557" t="s">
        <v>85</v>
      </c>
      <c r="P31557" t="s">
        <v>86</v>
      </c>
      <c r="Q31557">
        <v>26</v>
      </c>
      <c r="R31557">
        <v>27</v>
      </c>
      <c r="S31557">
        <v>28</v>
      </c>
      <c r="T31557">
        <v>29</v>
      </c>
      <c r="U31557">
        <v>29</v>
      </c>
      <c r="V31557">
        <v>30</v>
      </c>
      <c r="W31557">
        <v>31</v>
      </c>
      <c r="X31557">
        <v>32</v>
      </c>
      <c r="Y31557">
        <v>33</v>
      </c>
      <c r="Z31557">
        <v>33</v>
      </c>
      <c r="AA31557">
        <v>34</v>
      </c>
      <c r="AB31557">
        <v>35</v>
      </c>
      <c r="AC31557">
        <v>36</v>
      </c>
      <c r="AD31557">
        <v>37</v>
      </c>
      <c r="AE31557">
        <v>38</v>
      </c>
      <c r="AF31557">
        <v>39</v>
      </c>
      <c r="AG31557">
        <v>40</v>
      </c>
      <c r="AH31557">
        <v>41</v>
      </c>
      <c r="AI31557">
        <v>42</v>
      </c>
      <c r="AJ31557">
        <v>43</v>
      </c>
      <c r="AK31557">
        <v>44</v>
      </c>
      <c r="AL31557">
        <v>45</v>
      </c>
      <c r="AM31557">
        <v>46</v>
      </c>
      <c r="AN31557">
        <v>46</v>
      </c>
      <c r="AO31557">
        <v>47</v>
      </c>
      <c r="AP31557">
        <v>48</v>
      </c>
      <c r="AQ31557">
        <v>49</v>
      </c>
    </row>
    <row r="31558" spans="1:43">
      <c r="A31558" t="s">
        <v>19549</v>
      </c>
      <c r="B31558" t="s">
        <v>19550</v>
      </c>
      <c r="C31558" t="s">
        <v>19547</v>
      </c>
      <c r="D31558" t="s">
        <v>19548</v>
      </c>
      <c r="E31558" t="s">
        <v>19535</v>
      </c>
      <c r="F31558" t="s">
        <v>19536</v>
      </c>
      <c r="G31558" t="s">
        <v>10734</v>
      </c>
      <c r="H31558" t="s">
        <v>10735</v>
      </c>
      <c r="I31558" s="2">
        <v>0</v>
      </c>
      <c r="J31558" s="2">
        <v>0</v>
      </c>
      <c r="K31558" s="2">
        <v>1</v>
      </c>
      <c r="L31558" t="s">
        <v>995</v>
      </c>
      <c r="M31558" t="s">
        <v>83</v>
      </c>
      <c r="N31558" t="s">
        <v>84</v>
      </c>
      <c r="O31558" t="s">
        <v>85</v>
      </c>
      <c r="P31558" t="s">
        <v>86</v>
      </c>
      <c r="Q31558">
        <v>54</v>
      </c>
      <c r="R31558">
        <v>56</v>
      </c>
      <c r="S31558">
        <v>57</v>
      </c>
      <c r="T31558">
        <v>59</v>
      </c>
      <c r="U31558">
        <v>60</v>
      </c>
      <c r="V31558">
        <v>62</v>
      </c>
      <c r="W31558">
        <v>64</v>
      </c>
      <c r="X31558">
        <v>65</v>
      </c>
      <c r="Y31558">
        <v>67</v>
      </c>
      <c r="Z31558">
        <v>69</v>
      </c>
      <c r="AA31558">
        <v>71</v>
      </c>
      <c r="AB31558">
        <v>72</v>
      </c>
      <c r="AC31558">
        <v>74</v>
      </c>
      <c r="AD31558">
        <v>76</v>
      </c>
      <c r="AE31558">
        <v>78</v>
      </c>
      <c r="AF31558">
        <v>80</v>
      </c>
      <c r="AG31558">
        <v>82</v>
      </c>
      <c r="AH31558">
        <v>84</v>
      </c>
      <c r="AI31558">
        <v>86</v>
      </c>
      <c r="AJ31558">
        <v>88</v>
      </c>
      <c r="AK31558">
        <v>91</v>
      </c>
      <c r="AL31558">
        <v>92</v>
      </c>
      <c r="AM31558">
        <v>94</v>
      </c>
      <c r="AN31558">
        <v>95</v>
      </c>
      <c r="AO31558">
        <v>97</v>
      </c>
      <c r="AP31558">
        <v>98</v>
      </c>
      <c r="AQ31558">
        <v>100</v>
      </c>
    </row>
    <row r="31559" spans="1:43">
      <c r="A31559" t="s">
        <v>19549</v>
      </c>
      <c r="B31559" t="s">
        <v>19550</v>
      </c>
      <c r="C31559" t="s">
        <v>19547</v>
      </c>
      <c r="D31559" t="s">
        <v>19548</v>
      </c>
      <c r="E31559" t="s">
        <v>19535</v>
      </c>
      <c r="F31559" t="s">
        <v>19536</v>
      </c>
      <c r="G31559" t="s">
        <v>10734</v>
      </c>
      <c r="H31559" t="s">
        <v>10735</v>
      </c>
      <c r="I31559" s="2">
        <v>0</v>
      </c>
      <c r="J31559" s="2">
        <v>0</v>
      </c>
      <c r="K31559" s="2">
        <v>1</v>
      </c>
      <c r="L31559" t="s">
        <v>995</v>
      </c>
      <c r="M31559" t="s">
        <v>87</v>
      </c>
      <c r="N31559" t="s">
        <v>88</v>
      </c>
      <c r="O31559" t="s">
        <v>85</v>
      </c>
      <c r="P31559" t="s">
        <v>86</v>
      </c>
      <c r="Q31559">
        <v>54</v>
      </c>
      <c r="R31559">
        <v>55</v>
      </c>
      <c r="S31559">
        <v>56</v>
      </c>
      <c r="T31559">
        <v>57</v>
      </c>
      <c r="U31559">
        <v>58</v>
      </c>
      <c r="V31559">
        <v>59</v>
      </c>
      <c r="W31559">
        <v>60</v>
      </c>
      <c r="X31559">
        <v>61</v>
      </c>
      <c r="Y31559">
        <v>62</v>
      </c>
      <c r="Z31559">
        <v>63</v>
      </c>
      <c r="AA31559">
        <v>64</v>
      </c>
      <c r="AB31559">
        <v>65</v>
      </c>
      <c r="AC31559">
        <v>67</v>
      </c>
      <c r="AD31559">
        <v>68</v>
      </c>
      <c r="AE31559">
        <v>69</v>
      </c>
      <c r="AF31559">
        <v>70</v>
      </c>
      <c r="AG31559">
        <v>72</v>
      </c>
      <c r="AH31559">
        <v>73</v>
      </c>
      <c r="AI31559">
        <v>74</v>
      </c>
      <c r="AJ31559">
        <v>76</v>
      </c>
      <c r="AK31559">
        <v>77</v>
      </c>
      <c r="AL31559">
        <v>79</v>
      </c>
      <c r="AM31559">
        <v>80</v>
      </c>
      <c r="AN31559">
        <v>82</v>
      </c>
      <c r="AO31559">
        <v>83</v>
      </c>
      <c r="AP31559">
        <v>85</v>
      </c>
      <c r="AQ31559">
        <v>86</v>
      </c>
    </row>
    <row r="31560" spans="1:43">
      <c r="A31560" t="s">
        <v>19549</v>
      </c>
      <c r="B31560" t="s">
        <v>19550</v>
      </c>
      <c r="C31560" t="s">
        <v>19547</v>
      </c>
      <c r="D31560" t="s">
        <v>19548</v>
      </c>
      <c r="E31560" t="s">
        <v>19535</v>
      </c>
      <c r="F31560" t="s">
        <v>19536</v>
      </c>
      <c r="G31560" t="s">
        <v>10734</v>
      </c>
      <c r="H31560" t="s">
        <v>10735</v>
      </c>
      <c r="I31560" s="2">
        <v>0</v>
      </c>
      <c r="J31560" s="2">
        <v>0</v>
      </c>
      <c r="K31560" s="2">
        <v>1</v>
      </c>
      <c r="L31560" t="s">
        <v>995</v>
      </c>
      <c r="M31560" t="s">
        <v>89</v>
      </c>
      <c r="N31560" t="s">
        <v>90</v>
      </c>
      <c r="O31560" t="s">
        <v>85</v>
      </c>
      <c r="P31560" t="s">
        <v>86</v>
      </c>
      <c r="Q31560">
        <v>54</v>
      </c>
      <c r="R31560">
        <v>56</v>
      </c>
      <c r="S31560">
        <v>58</v>
      </c>
      <c r="T31560">
        <v>60</v>
      </c>
      <c r="U31560">
        <v>62</v>
      </c>
      <c r="V31560">
        <v>64</v>
      </c>
      <c r="W31560">
        <v>66</v>
      </c>
      <c r="X31560">
        <v>68</v>
      </c>
      <c r="Y31560">
        <v>70</v>
      </c>
      <c r="Z31560">
        <v>72</v>
      </c>
      <c r="AA31560">
        <v>74</v>
      </c>
      <c r="AB31560">
        <v>76</v>
      </c>
      <c r="AC31560">
        <v>79</v>
      </c>
      <c r="AD31560">
        <v>81</v>
      </c>
      <c r="AE31560">
        <v>83</v>
      </c>
      <c r="AF31560">
        <v>84</v>
      </c>
      <c r="AG31560">
        <v>85</v>
      </c>
      <c r="AH31560">
        <v>87</v>
      </c>
      <c r="AI31560">
        <v>88</v>
      </c>
      <c r="AJ31560">
        <v>89</v>
      </c>
      <c r="AK31560">
        <v>91</v>
      </c>
      <c r="AL31560">
        <v>92</v>
      </c>
      <c r="AM31560">
        <v>94</v>
      </c>
      <c r="AN31560">
        <v>95</v>
      </c>
      <c r="AO31560">
        <v>97</v>
      </c>
      <c r="AP31560">
        <v>98</v>
      </c>
      <c r="AQ31560">
        <v>100</v>
      </c>
    </row>
    <row r="31561" spans="1:43">
      <c r="A31561" t="s">
        <v>19549</v>
      </c>
      <c r="B31561" t="s">
        <v>19550</v>
      </c>
      <c r="C31561" t="s">
        <v>19547</v>
      </c>
      <c r="D31561" t="s">
        <v>19548</v>
      </c>
      <c r="E31561" t="s">
        <v>19535</v>
      </c>
      <c r="F31561" t="s">
        <v>19536</v>
      </c>
      <c r="G31561" t="s">
        <v>10734</v>
      </c>
      <c r="H31561" t="s">
        <v>10735</v>
      </c>
      <c r="I31561" s="2">
        <v>0</v>
      </c>
      <c r="J31561" s="2">
        <v>0</v>
      </c>
      <c r="K31561" s="2">
        <v>1</v>
      </c>
      <c r="L31561" t="s">
        <v>995</v>
      </c>
      <c r="M31561" t="s">
        <v>83</v>
      </c>
      <c r="N31561" t="s">
        <v>91</v>
      </c>
      <c r="O31561" t="s">
        <v>85</v>
      </c>
      <c r="P31561" t="s">
        <v>86</v>
      </c>
      <c r="Q31561">
        <v>54</v>
      </c>
      <c r="R31561">
        <v>56</v>
      </c>
      <c r="S31561">
        <v>57</v>
      </c>
      <c r="T31561">
        <v>59</v>
      </c>
      <c r="U31561">
        <v>60</v>
      </c>
      <c r="V31561">
        <v>62</v>
      </c>
      <c r="W31561">
        <v>64</v>
      </c>
      <c r="X31561">
        <v>65</v>
      </c>
      <c r="Y31561">
        <v>67</v>
      </c>
      <c r="Z31561">
        <v>69</v>
      </c>
      <c r="AA31561">
        <v>71</v>
      </c>
      <c r="AB31561">
        <v>72</v>
      </c>
      <c r="AC31561">
        <v>74</v>
      </c>
      <c r="AD31561">
        <v>76</v>
      </c>
      <c r="AE31561">
        <v>78</v>
      </c>
      <c r="AF31561">
        <v>80</v>
      </c>
      <c r="AG31561">
        <v>82</v>
      </c>
      <c r="AH31561">
        <v>84</v>
      </c>
      <c r="AI31561">
        <v>86</v>
      </c>
      <c r="AJ31561">
        <v>88</v>
      </c>
      <c r="AK31561">
        <v>91</v>
      </c>
      <c r="AL31561">
        <v>92</v>
      </c>
      <c r="AM31561">
        <v>94</v>
      </c>
      <c r="AN31561">
        <v>95</v>
      </c>
      <c r="AO31561">
        <v>97</v>
      </c>
      <c r="AP31561">
        <v>98</v>
      </c>
      <c r="AQ31561">
        <v>100</v>
      </c>
    </row>
    <row r="31562" spans="1:43">
      <c r="A31562" t="s">
        <v>19551</v>
      </c>
      <c r="B31562" t="s">
        <v>19552</v>
      </c>
      <c r="C31562" t="s">
        <v>19547</v>
      </c>
      <c r="D31562" t="s">
        <v>19548</v>
      </c>
      <c r="E31562" t="s">
        <v>19535</v>
      </c>
      <c r="F31562" t="s">
        <v>19536</v>
      </c>
      <c r="G31562" t="s">
        <v>10734</v>
      </c>
      <c r="H31562" t="s">
        <v>10735</v>
      </c>
      <c r="I31562" s="2">
        <v>0</v>
      </c>
      <c r="J31562" s="2">
        <v>0</v>
      </c>
      <c r="K31562" s="2">
        <v>1</v>
      </c>
      <c r="L31562" t="s">
        <v>995</v>
      </c>
      <c r="M31562" t="s">
        <v>83</v>
      </c>
      <c r="N31562" t="s">
        <v>84</v>
      </c>
      <c r="O31562" t="s">
        <v>85</v>
      </c>
      <c r="P31562" t="s">
        <v>86</v>
      </c>
      <c r="Q31562">
        <v>16</v>
      </c>
      <c r="R31562">
        <v>16</v>
      </c>
      <c r="S31562">
        <v>17</v>
      </c>
      <c r="T31562">
        <v>17</v>
      </c>
      <c r="U31562">
        <v>18</v>
      </c>
      <c r="V31562">
        <v>18</v>
      </c>
      <c r="W31562">
        <v>19</v>
      </c>
      <c r="X31562">
        <v>19</v>
      </c>
      <c r="Y31562">
        <v>20</v>
      </c>
      <c r="Z31562">
        <v>20</v>
      </c>
      <c r="AA31562">
        <v>21</v>
      </c>
      <c r="AB31562">
        <v>21</v>
      </c>
      <c r="AC31562">
        <v>22</v>
      </c>
      <c r="AD31562">
        <v>22</v>
      </c>
      <c r="AE31562">
        <v>23</v>
      </c>
      <c r="AF31562">
        <v>24</v>
      </c>
      <c r="AG31562">
        <v>24</v>
      </c>
      <c r="AH31562">
        <v>25</v>
      </c>
      <c r="AI31562">
        <v>25</v>
      </c>
      <c r="AJ31562">
        <v>26</v>
      </c>
      <c r="AK31562">
        <v>27</v>
      </c>
      <c r="AL31562">
        <v>27</v>
      </c>
      <c r="AM31562">
        <v>28</v>
      </c>
      <c r="AN31562">
        <v>28</v>
      </c>
      <c r="AO31562">
        <v>29</v>
      </c>
      <c r="AP31562">
        <v>29</v>
      </c>
      <c r="AQ31562">
        <v>30</v>
      </c>
    </row>
    <row r="31563" spans="1:43">
      <c r="A31563" t="s">
        <v>19551</v>
      </c>
      <c r="B31563" t="s">
        <v>19552</v>
      </c>
      <c r="C31563" t="s">
        <v>19547</v>
      </c>
      <c r="D31563" t="s">
        <v>19548</v>
      </c>
      <c r="E31563" t="s">
        <v>19535</v>
      </c>
      <c r="F31563" t="s">
        <v>19536</v>
      </c>
      <c r="G31563" t="s">
        <v>10734</v>
      </c>
      <c r="H31563" t="s">
        <v>10735</v>
      </c>
      <c r="I31563" s="2">
        <v>0</v>
      </c>
      <c r="J31563" s="2">
        <v>0</v>
      </c>
      <c r="K31563" s="2">
        <v>1</v>
      </c>
      <c r="L31563" t="s">
        <v>995</v>
      </c>
      <c r="M31563" t="s">
        <v>87</v>
      </c>
      <c r="N31563" t="s">
        <v>88</v>
      </c>
      <c r="O31563" t="s">
        <v>85</v>
      </c>
      <c r="P31563" t="s">
        <v>86</v>
      </c>
      <c r="Q31563">
        <v>16</v>
      </c>
      <c r="R31563">
        <v>16</v>
      </c>
      <c r="S31563">
        <v>16</v>
      </c>
      <c r="T31563">
        <v>17</v>
      </c>
      <c r="U31563">
        <v>17</v>
      </c>
      <c r="V31563">
        <v>17</v>
      </c>
      <c r="W31563">
        <v>18</v>
      </c>
      <c r="X31563">
        <v>18</v>
      </c>
      <c r="Y31563">
        <v>18</v>
      </c>
      <c r="Z31563">
        <v>19</v>
      </c>
      <c r="AA31563">
        <v>19</v>
      </c>
      <c r="AB31563">
        <v>19</v>
      </c>
      <c r="AC31563">
        <v>20</v>
      </c>
      <c r="AD31563">
        <v>20</v>
      </c>
      <c r="AE31563">
        <v>20</v>
      </c>
      <c r="AF31563">
        <v>21</v>
      </c>
      <c r="AG31563">
        <v>21</v>
      </c>
      <c r="AH31563">
        <v>22</v>
      </c>
      <c r="AI31563">
        <v>22</v>
      </c>
      <c r="AJ31563">
        <v>22</v>
      </c>
      <c r="AK31563">
        <v>23</v>
      </c>
      <c r="AL31563">
        <v>23</v>
      </c>
      <c r="AM31563">
        <v>24</v>
      </c>
      <c r="AN31563">
        <v>24</v>
      </c>
      <c r="AO31563">
        <v>25</v>
      </c>
      <c r="AP31563">
        <v>25</v>
      </c>
      <c r="AQ31563">
        <v>25</v>
      </c>
    </row>
    <row r="31564" spans="1:43">
      <c r="A31564" t="s">
        <v>19551</v>
      </c>
      <c r="B31564" t="s">
        <v>19552</v>
      </c>
      <c r="C31564" t="s">
        <v>19547</v>
      </c>
      <c r="D31564" t="s">
        <v>19548</v>
      </c>
      <c r="E31564" t="s">
        <v>19535</v>
      </c>
      <c r="F31564" t="s">
        <v>19536</v>
      </c>
      <c r="G31564" t="s">
        <v>10734</v>
      </c>
      <c r="H31564" t="s">
        <v>10735</v>
      </c>
      <c r="I31564" s="2">
        <v>0</v>
      </c>
      <c r="J31564" s="2">
        <v>0</v>
      </c>
      <c r="K31564" s="2">
        <v>1</v>
      </c>
      <c r="L31564" t="s">
        <v>995</v>
      </c>
      <c r="M31564" t="s">
        <v>89</v>
      </c>
      <c r="N31564" t="s">
        <v>90</v>
      </c>
      <c r="O31564" t="s">
        <v>85</v>
      </c>
      <c r="P31564" t="s">
        <v>86</v>
      </c>
      <c r="Q31564">
        <v>16</v>
      </c>
      <c r="R31564">
        <v>17</v>
      </c>
      <c r="S31564">
        <v>17</v>
      </c>
      <c r="T31564">
        <v>18</v>
      </c>
      <c r="U31564">
        <v>19</v>
      </c>
      <c r="V31564">
        <v>19</v>
      </c>
      <c r="W31564">
        <v>20</v>
      </c>
      <c r="X31564">
        <v>20</v>
      </c>
      <c r="Y31564">
        <v>21</v>
      </c>
      <c r="Z31564">
        <v>22</v>
      </c>
      <c r="AA31564">
        <v>22</v>
      </c>
      <c r="AB31564">
        <v>23</v>
      </c>
      <c r="AC31564">
        <v>24</v>
      </c>
      <c r="AD31564">
        <v>24</v>
      </c>
      <c r="AE31564">
        <v>25</v>
      </c>
      <c r="AF31564">
        <v>25</v>
      </c>
      <c r="AG31564">
        <v>26</v>
      </c>
      <c r="AH31564">
        <v>26</v>
      </c>
      <c r="AI31564">
        <v>26</v>
      </c>
      <c r="AJ31564">
        <v>27</v>
      </c>
      <c r="AK31564">
        <v>27</v>
      </c>
      <c r="AL31564">
        <v>28</v>
      </c>
      <c r="AM31564">
        <v>28</v>
      </c>
      <c r="AN31564">
        <v>28</v>
      </c>
      <c r="AO31564">
        <v>29</v>
      </c>
      <c r="AP31564">
        <v>29</v>
      </c>
      <c r="AQ31564">
        <v>30</v>
      </c>
    </row>
    <row r="31565" spans="1:43">
      <c r="A31565" t="s">
        <v>19551</v>
      </c>
      <c r="B31565" t="s">
        <v>19552</v>
      </c>
      <c r="C31565" t="s">
        <v>19547</v>
      </c>
      <c r="D31565" t="s">
        <v>19548</v>
      </c>
      <c r="E31565" t="s">
        <v>19535</v>
      </c>
      <c r="F31565" t="s">
        <v>19536</v>
      </c>
      <c r="G31565" t="s">
        <v>10734</v>
      </c>
      <c r="H31565" t="s">
        <v>10735</v>
      </c>
      <c r="I31565" s="2">
        <v>0</v>
      </c>
      <c r="J31565" s="2">
        <v>0</v>
      </c>
      <c r="K31565" s="2">
        <v>1</v>
      </c>
      <c r="L31565" t="s">
        <v>995</v>
      </c>
      <c r="M31565" t="s">
        <v>83</v>
      </c>
      <c r="N31565" t="s">
        <v>91</v>
      </c>
      <c r="O31565" t="s">
        <v>85</v>
      </c>
      <c r="P31565" t="s">
        <v>86</v>
      </c>
      <c r="Q31565">
        <v>16</v>
      </c>
      <c r="R31565">
        <v>16</v>
      </c>
      <c r="S31565">
        <v>17</v>
      </c>
      <c r="T31565">
        <v>17</v>
      </c>
      <c r="U31565">
        <v>18</v>
      </c>
      <c r="V31565">
        <v>18</v>
      </c>
      <c r="W31565">
        <v>19</v>
      </c>
      <c r="X31565">
        <v>19</v>
      </c>
      <c r="Y31565">
        <v>20</v>
      </c>
      <c r="Z31565">
        <v>20</v>
      </c>
      <c r="AA31565">
        <v>21</v>
      </c>
      <c r="AB31565">
        <v>21</v>
      </c>
      <c r="AC31565">
        <v>22</v>
      </c>
      <c r="AD31565">
        <v>22</v>
      </c>
      <c r="AE31565">
        <v>23</v>
      </c>
      <c r="AF31565">
        <v>24</v>
      </c>
      <c r="AG31565">
        <v>24</v>
      </c>
      <c r="AH31565">
        <v>25</v>
      </c>
      <c r="AI31565">
        <v>25</v>
      </c>
      <c r="AJ31565">
        <v>26</v>
      </c>
      <c r="AK31565">
        <v>27</v>
      </c>
      <c r="AL31565">
        <v>27</v>
      </c>
      <c r="AM31565">
        <v>28</v>
      </c>
      <c r="AN31565">
        <v>28</v>
      </c>
      <c r="AO31565">
        <v>29</v>
      </c>
      <c r="AP31565">
        <v>29</v>
      </c>
      <c r="AQ31565">
        <v>30</v>
      </c>
    </row>
    <row r="31566" spans="1:43">
      <c r="A31566" t="s">
        <v>19553</v>
      </c>
      <c r="B31566" t="s">
        <v>19554</v>
      </c>
      <c r="C31566" t="s">
        <v>19547</v>
      </c>
      <c r="D31566" t="s">
        <v>19548</v>
      </c>
      <c r="E31566" t="s">
        <v>19535</v>
      </c>
      <c r="F31566" t="s">
        <v>19536</v>
      </c>
      <c r="G31566" t="s">
        <v>10734</v>
      </c>
      <c r="H31566" t="s">
        <v>10735</v>
      </c>
      <c r="I31566" s="2">
        <v>0</v>
      </c>
      <c r="J31566" s="2">
        <v>0</v>
      </c>
      <c r="K31566" s="2">
        <v>1</v>
      </c>
      <c r="L31566" t="s">
        <v>995</v>
      </c>
      <c r="M31566" t="s">
        <v>83</v>
      </c>
      <c r="N31566" t="s">
        <v>84</v>
      </c>
      <c r="O31566" t="s">
        <v>85</v>
      </c>
      <c r="P31566" t="s">
        <v>86</v>
      </c>
      <c r="Q31566">
        <v>32</v>
      </c>
      <c r="R31566">
        <v>33</v>
      </c>
      <c r="S31566">
        <v>34</v>
      </c>
      <c r="T31566">
        <v>35</v>
      </c>
      <c r="U31566">
        <v>36</v>
      </c>
      <c r="V31566">
        <v>37</v>
      </c>
      <c r="W31566">
        <v>38</v>
      </c>
      <c r="X31566">
        <v>39</v>
      </c>
      <c r="Y31566">
        <v>40</v>
      </c>
      <c r="Z31566">
        <v>41</v>
      </c>
      <c r="AA31566">
        <v>42</v>
      </c>
      <c r="AB31566">
        <v>43</v>
      </c>
      <c r="AC31566">
        <v>44</v>
      </c>
      <c r="AD31566">
        <v>45</v>
      </c>
      <c r="AE31566">
        <v>46</v>
      </c>
      <c r="AF31566">
        <v>47</v>
      </c>
      <c r="AG31566">
        <v>49</v>
      </c>
      <c r="AH31566">
        <v>50</v>
      </c>
      <c r="AI31566">
        <v>51</v>
      </c>
      <c r="AJ31566">
        <v>52</v>
      </c>
      <c r="AK31566">
        <v>54</v>
      </c>
      <c r="AL31566">
        <v>55</v>
      </c>
      <c r="AM31566">
        <v>56</v>
      </c>
      <c r="AN31566">
        <v>56</v>
      </c>
      <c r="AO31566">
        <v>57</v>
      </c>
      <c r="AP31566">
        <v>58</v>
      </c>
      <c r="AQ31566">
        <v>59</v>
      </c>
    </row>
    <row r="31567" spans="1:43">
      <c r="A31567" t="s">
        <v>19553</v>
      </c>
      <c r="B31567" t="s">
        <v>19554</v>
      </c>
      <c r="C31567" t="s">
        <v>19547</v>
      </c>
      <c r="D31567" t="s">
        <v>19548</v>
      </c>
      <c r="E31567" t="s">
        <v>19535</v>
      </c>
      <c r="F31567" t="s">
        <v>19536</v>
      </c>
      <c r="G31567" t="s">
        <v>10734</v>
      </c>
      <c r="H31567" t="s">
        <v>10735</v>
      </c>
      <c r="I31567" s="2">
        <v>0</v>
      </c>
      <c r="J31567" s="2">
        <v>0</v>
      </c>
      <c r="K31567" s="2">
        <v>1</v>
      </c>
      <c r="L31567" t="s">
        <v>995</v>
      </c>
      <c r="M31567" t="s">
        <v>87</v>
      </c>
      <c r="N31567" t="s">
        <v>88</v>
      </c>
      <c r="O31567" t="s">
        <v>85</v>
      </c>
      <c r="P31567" t="s">
        <v>86</v>
      </c>
      <c r="Q31567">
        <v>32</v>
      </c>
      <c r="R31567">
        <v>32</v>
      </c>
      <c r="S31567">
        <v>33</v>
      </c>
      <c r="T31567">
        <v>34</v>
      </c>
      <c r="U31567">
        <v>34</v>
      </c>
      <c r="V31567">
        <v>35</v>
      </c>
      <c r="W31567">
        <v>35</v>
      </c>
      <c r="X31567">
        <v>36</v>
      </c>
      <c r="Y31567">
        <v>37</v>
      </c>
      <c r="Z31567">
        <v>37</v>
      </c>
      <c r="AA31567">
        <v>38</v>
      </c>
      <c r="AB31567">
        <v>39</v>
      </c>
      <c r="AC31567">
        <v>39</v>
      </c>
      <c r="AD31567">
        <v>40</v>
      </c>
      <c r="AE31567">
        <v>41</v>
      </c>
      <c r="AF31567">
        <v>42</v>
      </c>
      <c r="AG31567">
        <v>42</v>
      </c>
      <c r="AH31567">
        <v>43</v>
      </c>
      <c r="AI31567">
        <v>44</v>
      </c>
      <c r="AJ31567">
        <v>45</v>
      </c>
      <c r="AK31567">
        <v>46</v>
      </c>
      <c r="AL31567">
        <v>46</v>
      </c>
      <c r="AM31567">
        <v>47</v>
      </c>
      <c r="AN31567">
        <v>48</v>
      </c>
      <c r="AO31567">
        <v>49</v>
      </c>
      <c r="AP31567">
        <v>50</v>
      </c>
      <c r="AQ31567">
        <v>51</v>
      </c>
    </row>
    <row r="31568" spans="1:43">
      <c r="A31568" t="s">
        <v>19553</v>
      </c>
      <c r="B31568" t="s">
        <v>19554</v>
      </c>
      <c r="C31568" t="s">
        <v>19547</v>
      </c>
      <c r="D31568" t="s">
        <v>19548</v>
      </c>
      <c r="E31568" t="s">
        <v>19535</v>
      </c>
      <c r="F31568" t="s">
        <v>19536</v>
      </c>
      <c r="G31568" t="s">
        <v>10734</v>
      </c>
      <c r="H31568" t="s">
        <v>10735</v>
      </c>
      <c r="I31568" s="2">
        <v>0</v>
      </c>
      <c r="J31568" s="2">
        <v>0</v>
      </c>
      <c r="K31568" s="2">
        <v>1</v>
      </c>
      <c r="L31568" t="s">
        <v>995</v>
      </c>
      <c r="M31568" t="s">
        <v>89</v>
      </c>
      <c r="N31568" t="s">
        <v>90</v>
      </c>
      <c r="O31568" t="s">
        <v>85</v>
      </c>
      <c r="P31568" t="s">
        <v>86</v>
      </c>
      <c r="Q31568">
        <v>32</v>
      </c>
      <c r="R31568">
        <v>33</v>
      </c>
      <c r="S31568">
        <v>35</v>
      </c>
      <c r="T31568">
        <v>36</v>
      </c>
      <c r="U31568">
        <v>37</v>
      </c>
      <c r="V31568">
        <v>38</v>
      </c>
      <c r="W31568">
        <v>40</v>
      </c>
      <c r="X31568">
        <v>41</v>
      </c>
      <c r="Y31568">
        <v>42</v>
      </c>
      <c r="Z31568">
        <v>43</v>
      </c>
      <c r="AA31568">
        <v>45</v>
      </c>
      <c r="AB31568">
        <v>46</v>
      </c>
      <c r="AC31568">
        <v>47</v>
      </c>
      <c r="AD31568">
        <v>49</v>
      </c>
      <c r="AE31568">
        <v>50</v>
      </c>
      <c r="AF31568">
        <v>50</v>
      </c>
      <c r="AG31568">
        <v>51</v>
      </c>
      <c r="AH31568">
        <v>52</v>
      </c>
      <c r="AI31568">
        <v>53</v>
      </c>
      <c r="AJ31568">
        <v>54</v>
      </c>
      <c r="AK31568">
        <v>54</v>
      </c>
      <c r="AL31568">
        <v>55</v>
      </c>
      <c r="AM31568">
        <v>56</v>
      </c>
      <c r="AN31568">
        <v>57</v>
      </c>
      <c r="AO31568">
        <v>58</v>
      </c>
      <c r="AP31568">
        <v>59</v>
      </c>
      <c r="AQ31568">
        <v>60</v>
      </c>
    </row>
    <row r="31569" spans="1:43">
      <c r="A31569" t="s">
        <v>19553</v>
      </c>
      <c r="B31569" t="s">
        <v>19554</v>
      </c>
      <c r="C31569" t="s">
        <v>19547</v>
      </c>
      <c r="D31569" t="s">
        <v>19548</v>
      </c>
      <c r="E31569" t="s">
        <v>19535</v>
      </c>
      <c r="F31569" t="s">
        <v>19536</v>
      </c>
      <c r="G31569" t="s">
        <v>10734</v>
      </c>
      <c r="H31569" t="s">
        <v>10735</v>
      </c>
      <c r="I31569" s="2">
        <v>0</v>
      </c>
      <c r="J31569" s="2">
        <v>0</v>
      </c>
      <c r="K31569" s="2">
        <v>1</v>
      </c>
      <c r="L31569" t="s">
        <v>995</v>
      </c>
      <c r="M31569" t="s">
        <v>83</v>
      </c>
      <c r="N31569" t="s">
        <v>91</v>
      </c>
      <c r="O31569" t="s">
        <v>85</v>
      </c>
      <c r="P31569" t="s">
        <v>86</v>
      </c>
      <c r="Q31569">
        <v>32</v>
      </c>
      <c r="R31569">
        <v>33</v>
      </c>
      <c r="S31569">
        <v>34</v>
      </c>
      <c r="T31569">
        <v>35</v>
      </c>
      <c r="U31569">
        <v>36</v>
      </c>
      <c r="V31569">
        <v>37</v>
      </c>
      <c r="W31569">
        <v>38</v>
      </c>
      <c r="X31569">
        <v>39</v>
      </c>
      <c r="Y31569">
        <v>40</v>
      </c>
      <c r="Z31569">
        <v>41</v>
      </c>
      <c r="AA31569">
        <v>42</v>
      </c>
      <c r="AB31569">
        <v>43</v>
      </c>
      <c r="AC31569">
        <v>44</v>
      </c>
      <c r="AD31569">
        <v>45</v>
      </c>
      <c r="AE31569">
        <v>46</v>
      </c>
      <c r="AF31569">
        <v>47</v>
      </c>
      <c r="AG31569">
        <v>49</v>
      </c>
      <c r="AH31569">
        <v>50</v>
      </c>
      <c r="AI31569">
        <v>51</v>
      </c>
      <c r="AJ31569">
        <v>52</v>
      </c>
      <c r="AK31569">
        <v>54</v>
      </c>
      <c r="AL31569">
        <v>55</v>
      </c>
      <c r="AM31569">
        <v>56</v>
      </c>
      <c r="AN31569">
        <v>56</v>
      </c>
      <c r="AO31569">
        <v>57</v>
      </c>
      <c r="AP31569">
        <v>58</v>
      </c>
      <c r="AQ31569">
        <v>59</v>
      </c>
    </row>
    <row r="31570" spans="1:43">
      <c r="A31570" t="s">
        <v>19555</v>
      </c>
      <c r="B31570" t="s">
        <v>19556</v>
      </c>
      <c r="C31570" t="s">
        <v>19557</v>
      </c>
      <c r="D31570" t="s">
        <v>19558</v>
      </c>
      <c r="E31570" t="s">
        <v>19535</v>
      </c>
      <c r="F31570" t="s">
        <v>19536</v>
      </c>
      <c r="G31570" t="s">
        <v>10734</v>
      </c>
      <c r="H31570" t="s">
        <v>10735</v>
      </c>
      <c r="I31570" s="2">
        <v>0</v>
      </c>
      <c r="J31570" s="2">
        <v>0</v>
      </c>
      <c r="K31570" s="2">
        <v>1</v>
      </c>
      <c r="L31570" t="s">
        <v>995</v>
      </c>
      <c r="M31570" t="s">
        <v>83</v>
      </c>
      <c r="N31570" t="s">
        <v>84</v>
      </c>
      <c r="O31570" t="s">
        <v>85</v>
      </c>
      <c r="P31570" t="s">
        <v>86</v>
      </c>
      <c r="Q31570">
        <v>76</v>
      </c>
      <c r="R31570">
        <v>79</v>
      </c>
      <c r="S31570">
        <v>81</v>
      </c>
      <c r="T31570">
        <v>83</v>
      </c>
      <c r="U31570">
        <v>85</v>
      </c>
      <c r="V31570">
        <v>88</v>
      </c>
      <c r="W31570">
        <v>90</v>
      </c>
      <c r="X31570">
        <v>92</v>
      </c>
      <c r="Y31570">
        <v>95</v>
      </c>
      <c r="Z31570">
        <v>97</v>
      </c>
      <c r="AA31570">
        <v>100</v>
      </c>
      <c r="AB31570">
        <v>102</v>
      </c>
      <c r="AC31570">
        <v>105</v>
      </c>
      <c r="AD31570">
        <v>108</v>
      </c>
      <c r="AE31570">
        <v>110</v>
      </c>
      <c r="AF31570">
        <v>113</v>
      </c>
      <c r="AG31570">
        <v>116</v>
      </c>
      <c r="AH31570">
        <v>119</v>
      </c>
      <c r="AI31570">
        <v>122</v>
      </c>
      <c r="AJ31570">
        <v>125</v>
      </c>
      <c r="AK31570">
        <v>128</v>
      </c>
      <c r="AL31570">
        <v>130</v>
      </c>
      <c r="AM31570">
        <v>132</v>
      </c>
      <c r="AN31570">
        <v>135</v>
      </c>
      <c r="AO31570">
        <v>137</v>
      </c>
      <c r="AP31570">
        <v>139</v>
      </c>
      <c r="AQ31570">
        <v>141</v>
      </c>
    </row>
    <row r="31571" spans="1:43">
      <c r="A31571" t="s">
        <v>19555</v>
      </c>
      <c r="B31571" t="s">
        <v>19556</v>
      </c>
      <c r="C31571" t="s">
        <v>19557</v>
      </c>
      <c r="D31571" t="s">
        <v>19558</v>
      </c>
      <c r="E31571" t="s">
        <v>19535</v>
      </c>
      <c r="F31571" t="s">
        <v>19536</v>
      </c>
      <c r="G31571" t="s">
        <v>10734</v>
      </c>
      <c r="H31571" t="s">
        <v>10735</v>
      </c>
      <c r="I31571" s="2">
        <v>0</v>
      </c>
      <c r="J31571" s="2">
        <v>0</v>
      </c>
      <c r="K31571" s="2">
        <v>1</v>
      </c>
      <c r="L31571" t="s">
        <v>995</v>
      </c>
      <c r="M31571" t="s">
        <v>87</v>
      </c>
      <c r="N31571" t="s">
        <v>88</v>
      </c>
      <c r="O31571" t="s">
        <v>85</v>
      </c>
      <c r="P31571" t="s">
        <v>86</v>
      </c>
      <c r="Q31571">
        <v>76</v>
      </c>
      <c r="R31571">
        <v>77</v>
      </c>
      <c r="S31571">
        <v>79</v>
      </c>
      <c r="T31571">
        <v>80</v>
      </c>
      <c r="U31571">
        <v>82</v>
      </c>
      <c r="V31571">
        <v>83</v>
      </c>
      <c r="W31571">
        <v>85</v>
      </c>
      <c r="X31571">
        <v>86</v>
      </c>
      <c r="Y31571">
        <v>88</v>
      </c>
      <c r="Z31571">
        <v>89</v>
      </c>
      <c r="AA31571">
        <v>91</v>
      </c>
      <c r="AB31571">
        <v>93</v>
      </c>
      <c r="AC31571">
        <v>94</v>
      </c>
      <c r="AD31571">
        <v>96</v>
      </c>
      <c r="AE31571">
        <v>98</v>
      </c>
      <c r="AF31571">
        <v>100</v>
      </c>
      <c r="AG31571">
        <v>102</v>
      </c>
      <c r="AH31571">
        <v>103</v>
      </c>
      <c r="AI31571">
        <v>105</v>
      </c>
      <c r="AJ31571">
        <v>107</v>
      </c>
      <c r="AK31571">
        <v>109</v>
      </c>
      <c r="AL31571">
        <v>112</v>
      </c>
      <c r="AM31571">
        <v>114</v>
      </c>
      <c r="AN31571">
        <v>116</v>
      </c>
      <c r="AO31571">
        <v>118</v>
      </c>
      <c r="AP31571">
        <v>120</v>
      </c>
      <c r="AQ31571">
        <v>123</v>
      </c>
    </row>
    <row r="31572" spans="1:43">
      <c r="A31572" t="s">
        <v>19555</v>
      </c>
      <c r="B31572" t="s">
        <v>19556</v>
      </c>
      <c r="C31572" t="s">
        <v>19557</v>
      </c>
      <c r="D31572" t="s">
        <v>19558</v>
      </c>
      <c r="E31572" t="s">
        <v>19535</v>
      </c>
      <c r="F31572" t="s">
        <v>19536</v>
      </c>
      <c r="G31572" t="s">
        <v>10734</v>
      </c>
      <c r="H31572" t="s">
        <v>10735</v>
      </c>
      <c r="I31572" s="2">
        <v>0</v>
      </c>
      <c r="J31572" s="2">
        <v>0</v>
      </c>
      <c r="K31572" s="2">
        <v>1</v>
      </c>
      <c r="L31572" t="s">
        <v>995</v>
      </c>
      <c r="M31572" t="s">
        <v>89</v>
      </c>
      <c r="N31572" t="s">
        <v>90</v>
      </c>
      <c r="O31572" t="s">
        <v>85</v>
      </c>
      <c r="P31572" t="s">
        <v>86</v>
      </c>
      <c r="Q31572">
        <v>76</v>
      </c>
      <c r="R31572">
        <v>79</v>
      </c>
      <c r="S31572">
        <v>82</v>
      </c>
      <c r="T31572">
        <v>85</v>
      </c>
      <c r="U31572">
        <v>88</v>
      </c>
      <c r="V31572">
        <v>91</v>
      </c>
      <c r="W31572">
        <v>94</v>
      </c>
      <c r="X31572">
        <v>97</v>
      </c>
      <c r="Y31572">
        <v>99</v>
      </c>
      <c r="Z31572">
        <v>102</v>
      </c>
      <c r="AA31572">
        <v>105</v>
      </c>
      <c r="AB31572">
        <v>108</v>
      </c>
      <c r="AC31572">
        <v>111</v>
      </c>
      <c r="AD31572">
        <v>115</v>
      </c>
      <c r="AE31572">
        <v>117</v>
      </c>
      <c r="AF31572">
        <v>119</v>
      </c>
      <c r="AG31572">
        <v>121</v>
      </c>
      <c r="AH31572">
        <v>123</v>
      </c>
      <c r="AI31572">
        <v>125</v>
      </c>
      <c r="AJ31572">
        <v>126</v>
      </c>
      <c r="AK31572">
        <v>128</v>
      </c>
      <c r="AL31572">
        <v>130</v>
      </c>
      <c r="AM31572">
        <v>132</v>
      </c>
      <c r="AN31572">
        <v>135</v>
      </c>
      <c r="AO31572">
        <v>137</v>
      </c>
      <c r="AP31572">
        <v>139</v>
      </c>
      <c r="AQ31572">
        <v>141</v>
      </c>
    </row>
    <row r="31573" spans="1:43">
      <c r="A31573" t="s">
        <v>19555</v>
      </c>
      <c r="B31573" t="s">
        <v>19556</v>
      </c>
      <c r="C31573" t="s">
        <v>19557</v>
      </c>
      <c r="D31573" t="s">
        <v>19558</v>
      </c>
      <c r="E31573" t="s">
        <v>19535</v>
      </c>
      <c r="F31573" t="s">
        <v>19536</v>
      </c>
      <c r="G31573" t="s">
        <v>10734</v>
      </c>
      <c r="H31573" t="s">
        <v>10735</v>
      </c>
      <c r="I31573" s="2">
        <v>0</v>
      </c>
      <c r="J31573" s="2">
        <v>0</v>
      </c>
      <c r="K31573" s="2">
        <v>1</v>
      </c>
      <c r="L31573" t="s">
        <v>995</v>
      </c>
      <c r="M31573" t="s">
        <v>83</v>
      </c>
      <c r="N31573" t="s">
        <v>91</v>
      </c>
      <c r="O31573" t="s">
        <v>85</v>
      </c>
      <c r="P31573" t="s">
        <v>86</v>
      </c>
      <c r="Q31573">
        <v>76</v>
      </c>
      <c r="R31573">
        <v>79</v>
      </c>
      <c r="S31573">
        <v>81</v>
      </c>
      <c r="T31573">
        <v>83</v>
      </c>
      <c r="U31573">
        <v>85</v>
      </c>
      <c r="V31573">
        <v>88</v>
      </c>
      <c r="W31573">
        <v>90</v>
      </c>
      <c r="X31573">
        <v>92</v>
      </c>
      <c r="Y31573">
        <v>95</v>
      </c>
      <c r="Z31573">
        <v>97</v>
      </c>
      <c r="AA31573">
        <v>100</v>
      </c>
      <c r="AB31573">
        <v>102</v>
      </c>
      <c r="AC31573">
        <v>105</v>
      </c>
      <c r="AD31573">
        <v>108</v>
      </c>
      <c r="AE31573">
        <v>110</v>
      </c>
      <c r="AF31573">
        <v>113</v>
      </c>
      <c r="AG31573">
        <v>116</v>
      </c>
      <c r="AH31573">
        <v>119</v>
      </c>
      <c r="AI31573">
        <v>122</v>
      </c>
      <c r="AJ31573">
        <v>125</v>
      </c>
      <c r="AK31573">
        <v>128</v>
      </c>
      <c r="AL31573">
        <v>130</v>
      </c>
      <c r="AM31573">
        <v>132</v>
      </c>
      <c r="AN31573">
        <v>135</v>
      </c>
      <c r="AO31573">
        <v>137</v>
      </c>
      <c r="AP31573">
        <v>139</v>
      </c>
      <c r="AQ31573">
        <v>141</v>
      </c>
    </row>
    <row r="31574" spans="1:43">
      <c r="A31574" t="s">
        <v>19559</v>
      </c>
      <c r="B31574" t="s">
        <v>19560</v>
      </c>
      <c r="C31574" t="s">
        <v>19561</v>
      </c>
      <c r="D31574" t="s">
        <v>19562</v>
      </c>
      <c r="E31574" t="s">
        <v>19535</v>
      </c>
      <c r="F31574" t="s">
        <v>19536</v>
      </c>
      <c r="G31574" t="s">
        <v>10734</v>
      </c>
      <c r="H31574" t="s">
        <v>10735</v>
      </c>
      <c r="I31574" s="2">
        <v>0</v>
      </c>
      <c r="J31574" s="2">
        <v>0</v>
      </c>
      <c r="K31574" s="2">
        <v>1</v>
      </c>
      <c r="L31574" t="s">
        <v>995</v>
      </c>
      <c r="M31574" t="s">
        <v>83</v>
      </c>
      <c r="N31574" t="s">
        <v>84</v>
      </c>
      <c r="O31574" t="s">
        <v>85</v>
      </c>
      <c r="P31574" t="s">
        <v>86</v>
      </c>
      <c r="Q31574">
        <v>9</v>
      </c>
      <c r="R31574">
        <v>10</v>
      </c>
      <c r="S31574">
        <v>10</v>
      </c>
      <c r="T31574">
        <v>10</v>
      </c>
      <c r="U31574">
        <v>10</v>
      </c>
      <c r="V31574">
        <v>11</v>
      </c>
      <c r="W31574">
        <v>11</v>
      </c>
      <c r="X31574">
        <v>11</v>
      </c>
      <c r="Y31574">
        <v>11</v>
      </c>
      <c r="Z31574">
        <v>12</v>
      </c>
      <c r="AA31574">
        <v>12</v>
      </c>
      <c r="AB31574">
        <v>12</v>
      </c>
      <c r="AC31574">
        <v>13</v>
      </c>
      <c r="AD31574">
        <v>13</v>
      </c>
      <c r="AE31574">
        <v>13</v>
      </c>
      <c r="AF31574">
        <v>14</v>
      </c>
      <c r="AG31574">
        <v>14</v>
      </c>
      <c r="AH31574">
        <v>14</v>
      </c>
      <c r="AI31574">
        <v>15</v>
      </c>
      <c r="AJ31574">
        <v>15</v>
      </c>
      <c r="AK31574">
        <v>15</v>
      </c>
      <c r="AL31574">
        <v>16</v>
      </c>
      <c r="AM31574">
        <v>16</v>
      </c>
      <c r="AN31574">
        <v>16</v>
      </c>
      <c r="AO31574">
        <v>17</v>
      </c>
      <c r="AP31574">
        <v>17</v>
      </c>
      <c r="AQ31574">
        <v>17</v>
      </c>
    </row>
    <row r="31575" spans="1:43">
      <c r="A31575" t="s">
        <v>19559</v>
      </c>
      <c r="B31575" t="s">
        <v>19560</v>
      </c>
      <c r="C31575" t="s">
        <v>19561</v>
      </c>
      <c r="D31575" t="s">
        <v>19562</v>
      </c>
      <c r="E31575" t="s">
        <v>19535</v>
      </c>
      <c r="F31575" t="s">
        <v>19536</v>
      </c>
      <c r="G31575" t="s">
        <v>10734</v>
      </c>
      <c r="H31575" t="s">
        <v>10735</v>
      </c>
      <c r="I31575" s="2">
        <v>0</v>
      </c>
      <c r="J31575" s="2">
        <v>0</v>
      </c>
      <c r="K31575" s="2">
        <v>1</v>
      </c>
      <c r="L31575" t="s">
        <v>995</v>
      </c>
      <c r="M31575" t="s">
        <v>87</v>
      </c>
      <c r="N31575" t="s">
        <v>88</v>
      </c>
      <c r="O31575" t="s">
        <v>85</v>
      </c>
      <c r="P31575" t="s">
        <v>86</v>
      </c>
      <c r="Q31575">
        <v>9</v>
      </c>
      <c r="R31575">
        <v>9</v>
      </c>
      <c r="S31575">
        <v>10</v>
      </c>
      <c r="T31575">
        <v>10</v>
      </c>
      <c r="U31575">
        <v>10</v>
      </c>
      <c r="V31575">
        <v>10</v>
      </c>
      <c r="W31575">
        <v>10</v>
      </c>
      <c r="X31575">
        <v>10</v>
      </c>
      <c r="Y31575">
        <v>11</v>
      </c>
      <c r="Z31575">
        <v>11</v>
      </c>
      <c r="AA31575">
        <v>11</v>
      </c>
      <c r="AB31575">
        <v>11</v>
      </c>
      <c r="AC31575">
        <v>11</v>
      </c>
      <c r="AD31575">
        <v>12</v>
      </c>
      <c r="AE31575">
        <v>12</v>
      </c>
      <c r="AF31575">
        <v>12</v>
      </c>
      <c r="AG31575">
        <v>12</v>
      </c>
      <c r="AH31575">
        <v>12</v>
      </c>
      <c r="AI31575">
        <v>13</v>
      </c>
      <c r="AJ31575">
        <v>13</v>
      </c>
      <c r="AK31575">
        <v>13</v>
      </c>
      <c r="AL31575">
        <v>13</v>
      </c>
      <c r="AM31575">
        <v>14</v>
      </c>
      <c r="AN31575">
        <v>14</v>
      </c>
      <c r="AO31575">
        <v>14</v>
      </c>
      <c r="AP31575">
        <v>15</v>
      </c>
      <c r="AQ31575">
        <v>15</v>
      </c>
    </row>
    <row r="31576" spans="1:43">
      <c r="A31576" t="s">
        <v>19559</v>
      </c>
      <c r="B31576" t="s">
        <v>19560</v>
      </c>
      <c r="C31576" t="s">
        <v>19561</v>
      </c>
      <c r="D31576" t="s">
        <v>19562</v>
      </c>
      <c r="E31576" t="s">
        <v>19535</v>
      </c>
      <c r="F31576" t="s">
        <v>19536</v>
      </c>
      <c r="G31576" t="s">
        <v>10734</v>
      </c>
      <c r="H31576" t="s">
        <v>10735</v>
      </c>
      <c r="I31576" s="2">
        <v>0</v>
      </c>
      <c r="J31576" s="2">
        <v>0</v>
      </c>
      <c r="K31576" s="2">
        <v>1</v>
      </c>
      <c r="L31576" t="s">
        <v>995</v>
      </c>
      <c r="M31576" t="s">
        <v>89</v>
      </c>
      <c r="N31576" t="s">
        <v>90</v>
      </c>
      <c r="O31576" t="s">
        <v>85</v>
      </c>
      <c r="P31576" t="s">
        <v>86</v>
      </c>
      <c r="Q31576">
        <v>9</v>
      </c>
      <c r="R31576">
        <v>10</v>
      </c>
      <c r="S31576">
        <v>10</v>
      </c>
      <c r="T31576">
        <v>10</v>
      </c>
      <c r="U31576">
        <v>11</v>
      </c>
      <c r="V31576">
        <v>11</v>
      </c>
      <c r="W31576">
        <v>11</v>
      </c>
      <c r="X31576">
        <v>12</v>
      </c>
      <c r="Y31576">
        <v>12</v>
      </c>
      <c r="Z31576">
        <v>12</v>
      </c>
      <c r="AA31576">
        <v>13</v>
      </c>
      <c r="AB31576">
        <v>13</v>
      </c>
      <c r="AC31576">
        <v>14</v>
      </c>
      <c r="AD31576">
        <v>14</v>
      </c>
      <c r="AE31576">
        <v>14</v>
      </c>
      <c r="AF31576">
        <v>14</v>
      </c>
      <c r="AG31576">
        <v>15</v>
      </c>
      <c r="AH31576">
        <v>15</v>
      </c>
      <c r="AI31576">
        <v>15</v>
      </c>
      <c r="AJ31576">
        <v>15</v>
      </c>
      <c r="AK31576">
        <v>16</v>
      </c>
      <c r="AL31576">
        <v>16</v>
      </c>
      <c r="AM31576">
        <v>16</v>
      </c>
      <c r="AN31576">
        <v>16</v>
      </c>
      <c r="AO31576">
        <v>17</v>
      </c>
      <c r="AP31576">
        <v>17</v>
      </c>
      <c r="AQ31576">
        <v>17</v>
      </c>
    </row>
    <row r="31577" spans="1:43">
      <c r="A31577" t="s">
        <v>19559</v>
      </c>
      <c r="B31577" t="s">
        <v>19560</v>
      </c>
      <c r="C31577" t="s">
        <v>19561</v>
      </c>
      <c r="D31577" t="s">
        <v>19562</v>
      </c>
      <c r="E31577" t="s">
        <v>19535</v>
      </c>
      <c r="F31577" t="s">
        <v>19536</v>
      </c>
      <c r="G31577" t="s">
        <v>10734</v>
      </c>
      <c r="H31577" t="s">
        <v>10735</v>
      </c>
      <c r="I31577" s="2">
        <v>0</v>
      </c>
      <c r="J31577" s="2">
        <v>0</v>
      </c>
      <c r="K31577" s="2">
        <v>1</v>
      </c>
      <c r="L31577" t="s">
        <v>995</v>
      </c>
      <c r="M31577" t="s">
        <v>83</v>
      </c>
      <c r="N31577" t="s">
        <v>91</v>
      </c>
      <c r="O31577" t="s">
        <v>85</v>
      </c>
      <c r="P31577" t="s">
        <v>86</v>
      </c>
      <c r="Q31577">
        <v>9</v>
      </c>
      <c r="R31577">
        <v>10</v>
      </c>
      <c r="S31577">
        <v>10</v>
      </c>
      <c r="T31577">
        <v>10</v>
      </c>
      <c r="U31577">
        <v>10</v>
      </c>
      <c r="V31577">
        <v>11</v>
      </c>
      <c r="W31577">
        <v>11</v>
      </c>
      <c r="X31577">
        <v>11</v>
      </c>
      <c r="Y31577">
        <v>11</v>
      </c>
      <c r="Z31577">
        <v>12</v>
      </c>
      <c r="AA31577">
        <v>12</v>
      </c>
      <c r="AB31577">
        <v>12</v>
      </c>
      <c r="AC31577">
        <v>13</v>
      </c>
      <c r="AD31577">
        <v>13</v>
      </c>
      <c r="AE31577">
        <v>13</v>
      </c>
      <c r="AF31577">
        <v>14</v>
      </c>
      <c r="AG31577">
        <v>14</v>
      </c>
      <c r="AH31577">
        <v>14</v>
      </c>
      <c r="AI31577">
        <v>15</v>
      </c>
      <c r="AJ31577">
        <v>15</v>
      </c>
      <c r="AK31577">
        <v>15</v>
      </c>
      <c r="AL31577">
        <v>16</v>
      </c>
      <c r="AM31577">
        <v>16</v>
      </c>
      <c r="AN31577">
        <v>16</v>
      </c>
      <c r="AO31577">
        <v>17</v>
      </c>
      <c r="AP31577">
        <v>17</v>
      </c>
      <c r="AQ31577">
        <v>17</v>
      </c>
    </row>
    <row r="31578" spans="1:43">
      <c r="A31578" t="s">
        <v>19563</v>
      </c>
      <c r="B31578" t="s">
        <v>19564</v>
      </c>
      <c r="C31578" t="s">
        <v>19543</v>
      </c>
      <c r="D31578" t="s">
        <v>19544</v>
      </c>
      <c r="E31578" t="s">
        <v>19535</v>
      </c>
      <c r="F31578" t="s">
        <v>19536</v>
      </c>
      <c r="G31578" t="s">
        <v>10734</v>
      </c>
      <c r="H31578" t="s">
        <v>10735</v>
      </c>
      <c r="I31578" s="2">
        <v>0</v>
      </c>
      <c r="J31578" s="2">
        <v>0</v>
      </c>
      <c r="K31578" s="2">
        <v>1</v>
      </c>
      <c r="L31578" t="s">
        <v>995</v>
      </c>
      <c r="M31578" t="s">
        <v>83</v>
      </c>
      <c r="N31578" t="s">
        <v>84</v>
      </c>
      <c r="O31578" t="s">
        <v>85</v>
      </c>
      <c r="P31578" t="s">
        <v>86</v>
      </c>
      <c r="Q31578">
        <v>25</v>
      </c>
      <c r="R31578">
        <v>26</v>
      </c>
      <c r="S31578">
        <v>26</v>
      </c>
      <c r="T31578">
        <v>27</v>
      </c>
      <c r="U31578">
        <v>28</v>
      </c>
      <c r="V31578">
        <v>29</v>
      </c>
      <c r="W31578">
        <v>29</v>
      </c>
      <c r="X31578">
        <v>30</v>
      </c>
      <c r="Y31578">
        <v>31</v>
      </c>
      <c r="Z31578">
        <v>32</v>
      </c>
      <c r="AA31578">
        <v>33</v>
      </c>
      <c r="AB31578">
        <v>33</v>
      </c>
      <c r="AC31578">
        <v>34</v>
      </c>
      <c r="AD31578">
        <v>35</v>
      </c>
      <c r="AE31578">
        <v>36</v>
      </c>
      <c r="AF31578">
        <v>37</v>
      </c>
      <c r="AG31578">
        <v>38</v>
      </c>
      <c r="AH31578">
        <v>39</v>
      </c>
      <c r="AI31578">
        <v>40</v>
      </c>
      <c r="AJ31578">
        <v>41</v>
      </c>
      <c r="AK31578">
        <v>42</v>
      </c>
      <c r="AL31578">
        <v>43</v>
      </c>
      <c r="AM31578">
        <v>43</v>
      </c>
      <c r="AN31578">
        <v>44</v>
      </c>
      <c r="AO31578">
        <v>45</v>
      </c>
      <c r="AP31578">
        <v>45</v>
      </c>
      <c r="AQ31578">
        <v>46</v>
      </c>
    </row>
    <row r="31579" spans="1:43">
      <c r="A31579" t="s">
        <v>19563</v>
      </c>
      <c r="B31579" t="s">
        <v>19564</v>
      </c>
      <c r="C31579" t="s">
        <v>19543</v>
      </c>
      <c r="D31579" t="s">
        <v>19544</v>
      </c>
      <c r="E31579" t="s">
        <v>19535</v>
      </c>
      <c r="F31579" t="s">
        <v>19536</v>
      </c>
      <c r="G31579" t="s">
        <v>10734</v>
      </c>
      <c r="H31579" t="s">
        <v>10735</v>
      </c>
      <c r="I31579" s="2">
        <v>0</v>
      </c>
      <c r="J31579" s="2">
        <v>0</v>
      </c>
      <c r="K31579" s="2">
        <v>1</v>
      </c>
      <c r="L31579" t="s">
        <v>995</v>
      </c>
      <c r="M31579" t="s">
        <v>87</v>
      </c>
      <c r="N31579" t="s">
        <v>88</v>
      </c>
      <c r="O31579" t="s">
        <v>85</v>
      </c>
      <c r="P31579" t="s">
        <v>86</v>
      </c>
      <c r="Q31579">
        <v>25</v>
      </c>
      <c r="R31579">
        <v>25</v>
      </c>
      <c r="S31579">
        <v>26</v>
      </c>
      <c r="T31579">
        <v>26</v>
      </c>
      <c r="U31579">
        <v>27</v>
      </c>
      <c r="V31579">
        <v>27</v>
      </c>
      <c r="W31579">
        <v>28</v>
      </c>
      <c r="X31579">
        <v>28</v>
      </c>
      <c r="Y31579">
        <v>29</v>
      </c>
      <c r="Z31579">
        <v>29</v>
      </c>
      <c r="AA31579">
        <v>30</v>
      </c>
      <c r="AB31579">
        <v>30</v>
      </c>
      <c r="AC31579">
        <v>31</v>
      </c>
      <c r="AD31579">
        <v>31</v>
      </c>
      <c r="AE31579">
        <v>32</v>
      </c>
      <c r="AF31579">
        <v>32</v>
      </c>
      <c r="AG31579">
        <v>33</v>
      </c>
      <c r="AH31579">
        <v>34</v>
      </c>
      <c r="AI31579">
        <v>34</v>
      </c>
      <c r="AJ31579">
        <v>35</v>
      </c>
      <c r="AK31579">
        <v>36</v>
      </c>
      <c r="AL31579">
        <v>36</v>
      </c>
      <c r="AM31579">
        <v>37</v>
      </c>
      <c r="AN31579">
        <v>38</v>
      </c>
      <c r="AO31579">
        <v>38</v>
      </c>
      <c r="AP31579">
        <v>39</v>
      </c>
      <c r="AQ31579">
        <v>40</v>
      </c>
    </row>
    <row r="31580" spans="1:43">
      <c r="A31580" t="s">
        <v>19563</v>
      </c>
      <c r="B31580" t="s">
        <v>19564</v>
      </c>
      <c r="C31580" t="s">
        <v>19543</v>
      </c>
      <c r="D31580" t="s">
        <v>19544</v>
      </c>
      <c r="E31580" t="s">
        <v>19535</v>
      </c>
      <c r="F31580" t="s">
        <v>19536</v>
      </c>
      <c r="G31580" t="s">
        <v>10734</v>
      </c>
      <c r="H31580" t="s">
        <v>10735</v>
      </c>
      <c r="I31580" s="2">
        <v>0</v>
      </c>
      <c r="J31580" s="2">
        <v>0</v>
      </c>
      <c r="K31580" s="2">
        <v>1</v>
      </c>
      <c r="L31580" t="s">
        <v>995</v>
      </c>
      <c r="M31580" t="s">
        <v>89</v>
      </c>
      <c r="N31580" t="s">
        <v>90</v>
      </c>
      <c r="O31580" t="s">
        <v>85</v>
      </c>
      <c r="P31580" t="s">
        <v>86</v>
      </c>
      <c r="Q31580">
        <v>25</v>
      </c>
      <c r="R31580">
        <v>26</v>
      </c>
      <c r="S31580">
        <v>27</v>
      </c>
      <c r="T31580">
        <v>28</v>
      </c>
      <c r="U31580">
        <v>29</v>
      </c>
      <c r="V31580">
        <v>30</v>
      </c>
      <c r="W31580">
        <v>31</v>
      </c>
      <c r="X31580">
        <v>32</v>
      </c>
      <c r="Y31580">
        <v>33</v>
      </c>
      <c r="Z31580">
        <v>34</v>
      </c>
      <c r="AA31580">
        <v>35</v>
      </c>
      <c r="AB31580">
        <v>36</v>
      </c>
      <c r="AC31580">
        <v>37</v>
      </c>
      <c r="AD31580">
        <v>38</v>
      </c>
      <c r="AE31580">
        <v>39</v>
      </c>
      <c r="AF31580">
        <v>39</v>
      </c>
      <c r="AG31580">
        <v>40</v>
      </c>
      <c r="AH31580">
        <v>40</v>
      </c>
      <c r="AI31580">
        <v>41</v>
      </c>
      <c r="AJ31580">
        <v>42</v>
      </c>
      <c r="AK31580">
        <v>42</v>
      </c>
      <c r="AL31580">
        <v>43</v>
      </c>
      <c r="AM31580">
        <v>44</v>
      </c>
      <c r="AN31580">
        <v>44</v>
      </c>
      <c r="AO31580">
        <v>45</v>
      </c>
      <c r="AP31580">
        <v>46</v>
      </c>
      <c r="AQ31580">
        <v>47</v>
      </c>
    </row>
    <row r="31581" spans="1:43">
      <c r="A31581" t="s">
        <v>19563</v>
      </c>
      <c r="B31581" t="s">
        <v>19564</v>
      </c>
      <c r="C31581" t="s">
        <v>19543</v>
      </c>
      <c r="D31581" t="s">
        <v>19544</v>
      </c>
      <c r="E31581" t="s">
        <v>19535</v>
      </c>
      <c r="F31581" t="s">
        <v>19536</v>
      </c>
      <c r="G31581" t="s">
        <v>10734</v>
      </c>
      <c r="H31581" t="s">
        <v>10735</v>
      </c>
      <c r="I31581" s="2">
        <v>0</v>
      </c>
      <c r="J31581" s="2">
        <v>0</v>
      </c>
      <c r="K31581" s="2">
        <v>1</v>
      </c>
      <c r="L31581" t="s">
        <v>995</v>
      </c>
      <c r="M31581" t="s">
        <v>83</v>
      </c>
      <c r="N31581" t="s">
        <v>91</v>
      </c>
      <c r="O31581" t="s">
        <v>85</v>
      </c>
      <c r="P31581" t="s">
        <v>86</v>
      </c>
      <c r="Q31581">
        <v>25</v>
      </c>
      <c r="R31581">
        <v>26</v>
      </c>
      <c r="S31581">
        <v>26</v>
      </c>
      <c r="T31581">
        <v>27</v>
      </c>
      <c r="U31581">
        <v>28</v>
      </c>
      <c r="V31581">
        <v>29</v>
      </c>
      <c r="W31581">
        <v>29</v>
      </c>
      <c r="X31581">
        <v>30</v>
      </c>
      <c r="Y31581">
        <v>31</v>
      </c>
      <c r="Z31581">
        <v>32</v>
      </c>
      <c r="AA31581">
        <v>33</v>
      </c>
      <c r="AB31581">
        <v>33</v>
      </c>
      <c r="AC31581">
        <v>34</v>
      </c>
      <c r="AD31581">
        <v>35</v>
      </c>
      <c r="AE31581">
        <v>36</v>
      </c>
      <c r="AF31581">
        <v>37</v>
      </c>
      <c r="AG31581">
        <v>38</v>
      </c>
      <c r="AH31581">
        <v>39</v>
      </c>
      <c r="AI31581">
        <v>40</v>
      </c>
      <c r="AJ31581">
        <v>41</v>
      </c>
      <c r="AK31581">
        <v>42</v>
      </c>
      <c r="AL31581">
        <v>43</v>
      </c>
      <c r="AM31581">
        <v>43</v>
      </c>
      <c r="AN31581">
        <v>44</v>
      </c>
      <c r="AO31581">
        <v>45</v>
      </c>
      <c r="AP31581">
        <v>45</v>
      </c>
      <c r="AQ31581">
        <v>46</v>
      </c>
    </row>
    <row r="31582" spans="1:43">
      <c r="A31582" t="s">
        <v>19565</v>
      </c>
      <c r="B31582" t="s">
        <v>19566</v>
      </c>
      <c r="C31582" t="s">
        <v>19561</v>
      </c>
      <c r="D31582" t="s">
        <v>19562</v>
      </c>
      <c r="E31582" t="s">
        <v>19535</v>
      </c>
      <c r="F31582" t="s">
        <v>19536</v>
      </c>
      <c r="G31582" t="s">
        <v>10734</v>
      </c>
      <c r="H31582" t="s">
        <v>10735</v>
      </c>
      <c r="I31582" s="2">
        <v>0</v>
      </c>
      <c r="J31582" s="2">
        <v>0</v>
      </c>
      <c r="K31582" s="2">
        <v>1</v>
      </c>
      <c r="L31582" t="s">
        <v>995</v>
      </c>
      <c r="M31582" t="s">
        <v>83</v>
      </c>
      <c r="N31582" t="s">
        <v>84</v>
      </c>
      <c r="O31582" t="s">
        <v>85</v>
      </c>
      <c r="P31582" t="s">
        <v>86</v>
      </c>
      <c r="Q31582">
        <v>6</v>
      </c>
      <c r="R31582">
        <v>6</v>
      </c>
      <c r="S31582">
        <v>7</v>
      </c>
      <c r="T31582">
        <v>7</v>
      </c>
      <c r="U31582">
        <v>7</v>
      </c>
      <c r="V31582">
        <v>7</v>
      </c>
      <c r="W31582">
        <v>7</v>
      </c>
      <c r="X31582">
        <v>8</v>
      </c>
      <c r="Y31582">
        <v>8</v>
      </c>
      <c r="Z31582">
        <v>8</v>
      </c>
      <c r="AA31582">
        <v>8</v>
      </c>
      <c r="AB31582">
        <v>8</v>
      </c>
      <c r="AC31582">
        <v>9</v>
      </c>
      <c r="AD31582">
        <v>9</v>
      </c>
      <c r="AE31582">
        <v>9</v>
      </c>
      <c r="AF31582">
        <v>9</v>
      </c>
      <c r="AG31582">
        <v>9</v>
      </c>
      <c r="AH31582">
        <v>10</v>
      </c>
      <c r="AI31582">
        <v>10</v>
      </c>
      <c r="AJ31582">
        <v>10</v>
      </c>
      <c r="AK31582">
        <v>10</v>
      </c>
      <c r="AL31582">
        <v>11</v>
      </c>
      <c r="AM31582">
        <v>11</v>
      </c>
      <c r="AN31582">
        <v>11</v>
      </c>
      <c r="AO31582">
        <v>11</v>
      </c>
      <c r="AP31582">
        <v>11</v>
      </c>
      <c r="AQ31582">
        <v>12</v>
      </c>
    </row>
    <row r="31583" spans="1:43">
      <c r="A31583" t="s">
        <v>19565</v>
      </c>
      <c r="B31583" t="s">
        <v>19566</v>
      </c>
      <c r="C31583" t="s">
        <v>19561</v>
      </c>
      <c r="D31583" t="s">
        <v>19562</v>
      </c>
      <c r="E31583" t="s">
        <v>19535</v>
      </c>
      <c r="F31583" t="s">
        <v>19536</v>
      </c>
      <c r="G31583" t="s">
        <v>10734</v>
      </c>
      <c r="H31583" t="s">
        <v>10735</v>
      </c>
      <c r="I31583" s="2">
        <v>0</v>
      </c>
      <c r="J31583" s="2">
        <v>0</v>
      </c>
      <c r="K31583" s="2">
        <v>1</v>
      </c>
      <c r="L31583" t="s">
        <v>995</v>
      </c>
      <c r="M31583" t="s">
        <v>87</v>
      </c>
      <c r="N31583" t="s">
        <v>88</v>
      </c>
      <c r="O31583" t="s">
        <v>85</v>
      </c>
      <c r="P31583" t="s">
        <v>86</v>
      </c>
      <c r="Q31583">
        <v>6</v>
      </c>
      <c r="R31583">
        <v>6</v>
      </c>
      <c r="S31583">
        <v>6</v>
      </c>
      <c r="T31583">
        <v>7</v>
      </c>
      <c r="U31583">
        <v>7</v>
      </c>
      <c r="V31583">
        <v>7</v>
      </c>
      <c r="W31583">
        <v>7</v>
      </c>
      <c r="X31583">
        <v>7</v>
      </c>
      <c r="Y31583">
        <v>7</v>
      </c>
      <c r="Z31583">
        <v>7</v>
      </c>
      <c r="AA31583">
        <v>7</v>
      </c>
      <c r="AB31583">
        <v>8</v>
      </c>
      <c r="AC31583">
        <v>8</v>
      </c>
      <c r="AD31583">
        <v>8</v>
      </c>
      <c r="AE31583">
        <v>8</v>
      </c>
      <c r="AF31583">
        <v>8</v>
      </c>
      <c r="AG31583">
        <v>8</v>
      </c>
      <c r="AH31583">
        <v>8</v>
      </c>
      <c r="AI31583">
        <v>9</v>
      </c>
      <c r="AJ31583">
        <v>9</v>
      </c>
      <c r="AK31583">
        <v>9</v>
      </c>
      <c r="AL31583">
        <v>9</v>
      </c>
      <c r="AM31583">
        <v>9</v>
      </c>
      <c r="AN31583">
        <v>9</v>
      </c>
      <c r="AO31583">
        <v>10</v>
      </c>
      <c r="AP31583">
        <v>10</v>
      </c>
      <c r="AQ31583">
        <v>10</v>
      </c>
    </row>
    <row r="31584" spans="1:43">
      <c r="A31584" t="s">
        <v>19565</v>
      </c>
      <c r="B31584" t="s">
        <v>19566</v>
      </c>
      <c r="C31584" t="s">
        <v>19561</v>
      </c>
      <c r="D31584" t="s">
        <v>19562</v>
      </c>
      <c r="E31584" t="s">
        <v>19535</v>
      </c>
      <c r="F31584" t="s">
        <v>19536</v>
      </c>
      <c r="G31584" t="s">
        <v>10734</v>
      </c>
      <c r="H31584" t="s">
        <v>10735</v>
      </c>
      <c r="I31584" s="2">
        <v>0</v>
      </c>
      <c r="J31584" s="2">
        <v>0</v>
      </c>
      <c r="K31584" s="2">
        <v>1</v>
      </c>
      <c r="L31584" t="s">
        <v>995</v>
      </c>
      <c r="M31584" t="s">
        <v>89</v>
      </c>
      <c r="N31584" t="s">
        <v>90</v>
      </c>
      <c r="O31584" t="s">
        <v>85</v>
      </c>
      <c r="P31584" t="s">
        <v>86</v>
      </c>
      <c r="Q31584">
        <v>6</v>
      </c>
      <c r="R31584">
        <v>7</v>
      </c>
      <c r="S31584">
        <v>7</v>
      </c>
      <c r="T31584">
        <v>7</v>
      </c>
      <c r="U31584">
        <v>7</v>
      </c>
      <c r="V31584">
        <v>7</v>
      </c>
      <c r="W31584">
        <v>8</v>
      </c>
      <c r="X31584">
        <v>8</v>
      </c>
      <c r="Y31584">
        <v>8</v>
      </c>
      <c r="Z31584">
        <v>8</v>
      </c>
      <c r="AA31584">
        <v>9</v>
      </c>
      <c r="AB31584">
        <v>9</v>
      </c>
      <c r="AC31584">
        <v>9</v>
      </c>
      <c r="AD31584">
        <v>9</v>
      </c>
      <c r="AE31584">
        <v>10</v>
      </c>
      <c r="AF31584">
        <v>10</v>
      </c>
      <c r="AG31584">
        <v>10</v>
      </c>
      <c r="AH31584">
        <v>10</v>
      </c>
      <c r="AI31584">
        <v>10</v>
      </c>
      <c r="AJ31584">
        <v>10</v>
      </c>
      <c r="AK31584">
        <v>11</v>
      </c>
      <c r="AL31584">
        <v>11</v>
      </c>
      <c r="AM31584">
        <v>11</v>
      </c>
      <c r="AN31584">
        <v>11</v>
      </c>
      <c r="AO31584">
        <v>11</v>
      </c>
      <c r="AP31584">
        <v>11</v>
      </c>
      <c r="AQ31584">
        <v>12</v>
      </c>
    </row>
    <row r="31585" spans="1:43">
      <c r="A31585" t="s">
        <v>19565</v>
      </c>
      <c r="B31585" t="s">
        <v>19566</v>
      </c>
      <c r="C31585" t="s">
        <v>19561</v>
      </c>
      <c r="D31585" t="s">
        <v>19562</v>
      </c>
      <c r="E31585" t="s">
        <v>19535</v>
      </c>
      <c r="F31585" t="s">
        <v>19536</v>
      </c>
      <c r="G31585" t="s">
        <v>10734</v>
      </c>
      <c r="H31585" t="s">
        <v>10735</v>
      </c>
      <c r="I31585" s="2">
        <v>0</v>
      </c>
      <c r="J31585" s="2">
        <v>0</v>
      </c>
      <c r="K31585" s="2">
        <v>1</v>
      </c>
      <c r="L31585" t="s">
        <v>995</v>
      </c>
      <c r="M31585" t="s">
        <v>83</v>
      </c>
      <c r="N31585" t="s">
        <v>91</v>
      </c>
      <c r="O31585" t="s">
        <v>85</v>
      </c>
      <c r="P31585" t="s">
        <v>86</v>
      </c>
      <c r="Q31585">
        <v>6</v>
      </c>
      <c r="R31585">
        <v>6</v>
      </c>
      <c r="S31585">
        <v>7</v>
      </c>
      <c r="T31585">
        <v>7</v>
      </c>
      <c r="U31585">
        <v>7</v>
      </c>
      <c r="V31585">
        <v>7</v>
      </c>
      <c r="W31585">
        <v>7</v>
      </c>
      <c r="X31585">
        <v>8</v>
      </c>
      <c r="Y31585">
        <v>8</v>
      </c>
      <c r="Z31585">
        <v>8</v>
      </c>
      <c r="AA31585">
        <v>8</v>
      </c>
      <c r="AB31585">
        <v>8</v>
      </c>
      <c r="AC31585">
        <v>9</v>
      </c>
      <c r="AD31585">
        <v>9</v>
      </c>
      <c r="AE31585">
        <v>9</v>
      </c>
      <c r="AF31585">
        <v>9</v>
      </c>
      <c r="AG31585">
        <v>9</v>
      </c>
      <c r="AH31585">
        <v>10</v>
      </c>
      <c r="AI31585">
        <v>10</v>
      </c>
      <c r="AJ31585">
        <v>10</v>
      </c>
      <c r="AK31585">
        <v>10</v>
      </c>
      <c r="AL31585">
        <v>11</v>
      </c>
      <c r="AM31585">
        <v>11</v>
      </c>
      <c r="AN31585">
        <v>11</v>
      </c>
      <c r="AO31585">
        <v>11</v>
      </c>
      <c r="AP31585">
        <v>11</v>
      </c>
      <c r="AQ31585">
        <v>12</v>
      </c>
    </row>
    <row r="31586" spans="1:43">
      <c r="A31586" t="s">
        <v>19567</v>
      </c>
      <c r="B31586" t="s">
        <v>19568</v>
      </c>
      <c r="C31586" t="s">
        <v>19533</v>
      </c>
      <c r="D31586" t="s">
        <v>19534</v>
      </c>
      <c r="E31586" t="s">
        <v>19535</v>
      </c>
      <c r="F31586" t="s">
        <v>19536</v>
      </c>
      <c r="G31586" t="s">
        <v>10734</v>
      </c>
      <c r="H31586" t="s">
        <v>10735</v>
      </c>
      <c r="I31586" s="2">
        <v>0</v>
      </c>
      <c r="J31586" s="2">
        <v>0</v>
      </c>
      <c r="K31586" s="2">
        <v>1</v>
      </c>
      <c r="L31586" t="s">
        <v>995</v>
      </c>
      <c r="M31586" t="s">
        <v>83</v>
      </c>
      <c r="N31586" t="s">
        <v>84</v>
      </c>
      <c r="O31586" t="s">
        <v>85</v>
      </c>
      <c r="P31586" t="s">
        <v>86</v>
      </c>
      <c r="Q31586">
        <v>23</v>
      </c>
      <c r="R31586">
        <v>24</v>
      </c>
      <c r="S31586">
        <v>25</v>
      </c>
      <c r="T31586">
        <v>25</v>
      </c>
      <c r="U31586">
        <v>26</v>
      </c>
      <c r="V31586">
        <v>27</v>
      </c>
      <c r="W31586">
        <v>27</v>
      </c>
      <c r="X31586">
        <v>28</v>
      </c>
      <c r="Y31586">
        <v>29</v>
      </c>
      <c r="Z31586">
        <v>30</v>
      </c>
      <c r="AA31586">
        <v>30</v>
      </c>
      <c r="AB31586">
        <v>31</v>
      </c>
      <c r="AC31586">
        <v>32</v>
      </c>
      <c r="AD31586">
        <v>33</v>
      </c>
      <c r="AE31586">
        <v>34</v>
      </c>
      <c r="AF31586">
        <v>35</v>
      </c>
      <c r="AG31586">
        <v>35</v>
      </c>
      <c r="AH31586">
        <v>36</v>
      </c>
      <c r="AI31586">
        <v>37</v>
      </c>
      <c r="AJ31586">
        <v>38</v>
      </c>
      <c r="AK31586">
        <v>39</v>
      </c>
      <c r="AL31586">
        <v>40</v>
      </c>
      <c r="AM31586">
        <v>40</v>
      </c>
      <c r="AN31586">
        <v>41</v>
      </c>
      <c r="AO31586">
        <v>42</v>
      </c>
      <c r="AP31586">
        <v>43</v>
      </c>
      <c r="AQ31586">
        <v>43</v>
      </c>
    </row>
    <row r="31587" spans="1:43">
      <c r="A31587" t="s">
        <v>19567</v>
      </c>
      <c r="B31587" t="s">
        <v>19568</v>
      </c>
      <c r="C31587" t="s">
        <v>19533</v>
      </c>
      <c r="D31587" t="s">
        <v>19534</v>
      </c>
      <c r="E31587" t="s">
        <v>19535</v>
      </c>
      <c r="F31587" t="s">
        <v>19536</v>
      </c>
      <c r="G31587" t="s">
        <v>10734</v>
      </c>
      <c r="H31587" t="s">
        <v>10735</v>
      </c>
      <c r="I31587" s="2">
        <v>0</v>
      </c>
      <c r="J31587" s="2">
        <v>0</v>
      </c>
      <c r="K31587" s="2">
        <v>1</v>
      </c>
      <c r="L31587" t="s">
        <v>995</v>
      </c>
      <c r="M31587" t="s">
        <v>87</v>
      </c>
      <c r="N31587" t="s">
        <v>88</v>
      </c>
      <c r="O31587" t="s">
        <v>85</v>
      </c>
      <c r="P31587" t="s">
        <v>86</v>
      </c>
      <c r="Q31587">
        <v>23</v>
      </c>
      <c r="R31587">
        <v>24</v>
      </c>
      <c r="S31587">
        <v>24</v>
      </c>
      <c r="T31587">
        <v>24</v>
      </c>
      <c r="U31587">
        <v>25</v>
      </c>
      <c r="V31587">
        <v>25</v>
      </c>
      <c r="W31587">
        <v>26</v>
      </c>
      <c r="X31587">
        <v>26</v>
      </c>
      <c r="Y31587">
        <v>27</v>
      </c>
      <c r="Z31587">
        <v>27</v>
      </c>
      <c r="AA31587">
        <v>28</v>
      </c>
      <c r="AB31587">
        <v>28</v>
      </c>
      <c r="AC31587">
        <v>29</v>
      </c>
      <c r="AD31587">
        <v>29</v>
      </c>
      <c r="AE31587">
        <v>30</v>
      </c>
      <c r="AF31587">
        <v>30</v>
      </c>
      <c r="AG31587">
        <v>31</v>
      </c>
      <c r="AH31587">
        <v>32</v>
      </c>
      <c r="AI31587">
        <v>32</v>
      </c>
      <c r="AJ31587">
        <v>33</v>
      </c>
      <c r="AK31587">
        <v>33</v>
      </c>
      <c r="AL31587">
        <v>34</v>
      </c>
      <c r="AM31587">
        <v>35</v>
      </c>
      <c r="AN31587">
        <v>35</v>
      </c>
      <c r="AO31587">
        <v>36</v>
      </c>
      <c r="AP31587">
        <v>37</v>
      </c>
      <c r="AQ31587">
        <v>37</v>
      </c>
    </row>
    <row r="31588" spans="1:43">
      <c r="A31588" t="s">
        <v>19567</v>
      </c>
      <c r="B31588" t="s">
        <v>19568</v>
      </c>
      <c r="C31588" t="s">
        <v>19533</v>
      </c>
      <c r="D31588" t="s">
        <v>19534</v>
      </c>
      <c r="E31588" t="s">
        <v>19535</v>
      </c>
      <c r="F31588" t="s">
        <v>19536</v>
      </c>
      <c r="G31588" t="s">
        <v>10734</v>
      </c>
      <c r="H31588" t="s">
        <v>10735</v>
      </c>
      <c r="I31588" s="2">
        <v>0</v>
      </c>
      <c r="J31588" s="2">
        <v>0</v>
      </c>
      <c r="K31588" s="2">
        <v>1</v>
      </c>
      <c r="L31588" t="s">
        <v>995</v>
      </c>
      <c r="M31588" t="s">
        <v>89</v>
      </c>
      <c r="N31588" t="s">
        <v>90</v>
      </c>
      <c r="O31588" t="s">
        <v>85</v>
      </c>
      <c r="P31588" t="s">
        <v>86</v>
      </c>
      <c r="Q31588">
        <v>23</v>
      </c>
      <c r="R31588">
        <v>23</v>
      </c>
      <c r="S31588">
        <v>24</v>
      </c>
      <c r="T31588">
        <v>25</v>
      </c>
      <c r="U31588">
        <v>26</v>
      </c>
      <c r="V31588">
        <v>27</v>
      </c>
      <c r="W31588">
        <v>28</v>
      </c>
      <c r="X31588">
        <v>29</v>
      </c>
      <c r="Y31588">
        <v>30</v>
      </c>
      <c r="Z31588">
        <v>31</v>
      </c>
      <c r="AA31588">
        <v>31</v>
      </c>
      <c r="AB31588">
        <v>32</v>
      </c>
      <c r="AC31588">
        <v>33</v>
      </c>
      <c r="AD31588">
        <v>34</v>
      </c>
      <c r="AE31588">
        <v>35</v>
      </c>
      <c r="AF31588">
        <v>36</v>
      </c>
      <c r="AG31588">
        <v>36</v>
      </c>
      <c r="AH31588">
        <v>37</v>
      </c>
      <c r="AI31588">
        <v>37</v>
      </c>
      <c r="AJ31588">
        <v>38</v>
      </c>
      <c r="AK31588">
        <v>39</v>
      </c>
      <c r="AL31588">
        <v>39</v>
      </c>
      <c r="AM31588">
        <v>40</v>
      </c>
      <c r="AN31588">
        <v>41</v>
      </c>
      <c r="AO31588">
        <v>41</v>
      </c>
      <c r="AP31588">
        <v>42</v>
      </c>
      <c r="AQ31588">
        <v>43</v>
      </c>
    </row>
    <row r="31589" spans="1:43">
      <c r="A31589" t="s">
        <v>19567</v>
      </c>
      <c r="B31589" t="s">
        <v>19568</v>
      </c>
      <c r="C31589" t="s">
        <v>19533</v>
      </c>
      <c r="D31589" t="s">
        <v>19534</v>
      </c>
      <c r="E31589" t="s">
        <v>19535</v>
      </c>
      <c r="F31589" t="s">
        <v>19536</v>
      </c>
      <c r="G31589" t="s">
        <v>10734</v>
      </c>
      <c r="H31589" t="s">
        <v>10735</v>
      </c>
      <c r="I31589" s="2">
        <v>0</v>
      </c>
      <c r="J31589" s="2">
        <v>0</v>
      </c>
      <c r="K31589" s="2">
        <v>1</v>
      </c>
      <c r="L31589" t="s">
        <v>995</v>
      </c>
      <c r="M31589" t="s">
        <v>83</v>
      </c>
      <c r="N31589" t="s">
        <v>91</v>
      </c>
      <c r="O31589" t="s">
        <v>85</v>
      </c>
      <c r="P31589" t="s">
        <v>86</v>
      </c>
      <c r="Q31589">
        <v>23</v>
      </c>
      <c r="R31589">
        <v>24</v>
      </c>
      <c r="S31589">
        <v>25</v>
      </c>
      <c r="T31589">
        <v>25</v>
      </c>
      <c r="U31589">
        <v>26</v>
      </c>
      <c r="V31589">
        <v>27</v>
      </c>
      <c r="W31589">
        <v>27</v>
      </c>
      <c r="X31589">
        <v>28</v>
      </c>
      <c r="Y31589">
        <v>29</v>
      </c>
      <c r="Z31589">
        <v>30</v>
      </c>
      <c r="AA31589">
        <v>30</v>
      </c>
      <c r="AB31589">
        <v>31</v>
      </c>
      <c r="AC31589">
        <v>32</v>
      </c>
      <c r="AD31589">
        <v>33</v>
      </c>
      <c r="AE31589">
        <v>34</v>
      </c>
      <c r="AF31589">
        <v>35</v>
      </c>
      <c r="AG31589">
        <v>35</v>
      </c>
      <c r="AH31589">
        <v>36</v>
      </c>
      <c r="AI31589">
        <v>37</v>
      </c>
      <c r="AJ31589">
        <v>38</v>
      </c>
      <c r="AK31589">
        <v>39</v>
      </c>
      <c r="AL31589">
        <v>40</v>
      </c>
      <c r="AM31589">
        <v>40</v>
      </c>
      <c r="AN31589">
        <v>41</v>
      </c>
      <c r="AO31589">
        <v>42</v>
      </c>
      <c r="AP31589">
        <v>43</v>
      </c>
      <c r="AQ31589">
        <v>43</v>
      </c>
    </row>
    <row r="31590" spans="1:43">
      <c r="A31590" t="s">
        <v>19569</v>
      </c>
      <c r="B31590" t="s">
        <v>19570</v>
      </c>
      <c r="C31590" t="s">
        <v>19571</v>
      </c>
      <c r="D31590" t="s">
        <v>19572</v>
      </c>
      <c r="E31590" t="s">
        <v>19535</v>
      </c>
      <c r="F31590" t="s">
        <v>19536</v>
      </c>
      <c r="G31590" t="s">
        <v>10734</v>
      </c>
      <c r="H31590" t="s">
        <v>10735</v>
      </c>
      <c r="I31590" s="2">
        <v>0</v>
      </c>
      <c r="J31590" s="2">
        <v>0</v>
      </c>
      <c r="K31590" s="2">
        <v>1</v>
      </c>
      <c r="L31590" t="s">
        <v>995</v>
      </c>
      <c r="M31590" t="s">
        <v>83</v>
      </c>
      <c r="N31590" t="s">
        <v>84</v>
      </c>
      <c r="O31590" t="s">
        <v>85</v>
      </c>
      <c r="P31590" t="s">
        <v>86</v>
      </c>
      <c r="Q31590">
        <v>46</v>
      </c>
      <c r="R31590">
        <v>47</v>
      </c>
      <c r="S31590">
        <v>49</v>
      </c>
      <c r="T31590">
        <v>50</v>
      </c>
      <c r="U31590">
        <v>51</v>
      </c>
      <c r="V31590">
        <v>53</v>
      </c>
      <c r="W31590">
        <v>54</v>
      </c>
      <c r="X31590">
        <v>56</v>
      </c>
      <c r="Y31590">
        <v>57</v>
      </c>
      <c r="Z31590">
        <v>59</v>
      </c>
      <c r="AA31590">
        <v>60</v>
      </c>
      <c r="AB31590">
        <v>62</v>
      </c>
      <c r="AC31590">
        <v>63</v>
      </c>
      <c r="AD31590">
        <v>65</v>
      </c>
      <c r="AE31590">
        <v>66</v>
      </c>
      <c r="AF31590">
        <v>68</v>
      </c>
      <c r="AG31590">
        <v>70</v>
      </c>
      <c r="AH31590">
        <v>72</v>
      </c>
      <c r="AI31590">
        <v>73</v>
      </c>
      <c r="AJ31590">
        <v>75</v>
      </c>
      <c r="AK31590">
        <v>77</v>
      </c>
      <c r="AL31590">
        <v>79</v>
      </c>
      <c r="AM31590">
        <v>80</v>
      </c>
      <c r="AN31590">
        <v>81</v>
      </c>
      <c r="AO31590">
        <v>83</v>
      </c>
      <c r="AP31590">
        <v>84</v>
      </c>
      <c r="AQ31590">
        <v>85</v>
      </c>
    </row>
    <row r="31591" spans="1:43">
      <c r="A31591" t="s">
        <v>19569</v>
      </c>
      <c r="B31591" t="s">
        <v>19570</v>
      </c>
      <c r="C31591" t="s">
        <v>19571</v>
      </c>
      <c r="D31591" t="s">
        <v>19572</v>
      </c>
      <c r="E31591" t="s">
        <v>19535</v>
      </c>
      <c r="F31591" t="s">
        <v>19536</v>
      </c>
      <c r="G31591" t="s">
        <v>10734</v>
      </c>
      <c r="H31591" t="s">
        <v>10735</v>
      </c>
      <c r="I31591" s="2">
        <v>0</v>
      </c>
      <c r="J31591" s="2">
        <v>0</v>
      </c>
      <c r="K31591" s="2">
        <v>1</v>
      </c>
      <c r="L31591" t="s">
        <v>995</v>
      </c>
      <c r="M31591" t="s">
        <v>87</v>
      </c>
      <c r="N31591" t="s">
        <v>88</v>
      </c>
      <c r="O31591" t="s">
        <v>85</v>
      </c>
      <c r="P31591" t="s">
        <v>86</v>
      </c>
      <c r="Q31591">
        <v>46</v>
      </c>
      <c r="R31591">
        <v>46</v>
      </c>
      <c r="S31591">
        <v>47</v>
      </c>
      <c r="T31591">
        <v>48</v>
      </c>
      <c r="U31591">
        <v>49</v>
      </c>
      <c r="V31591">
        <v>50</v>
      </c>
      <c r="W31591">
        <v>51</v>
      </c>
      <c r="X31591">
        <v>52</v>
      </c>
      <c r="Y31591">
        <v>53</v>
      </c>
      <c r="Z31591">
        <v>54</v>
      </c>
      <c r="AA31591">
        <v>55</v>
      </c>
      <c r="AB31591">
        <v>56</v>
      </c>
      <c r="AC31591">
        <v>57</v>
      </c>
      <c r="AD31591">
        <v>58</v>
      </c>
      <c r="AE31591">
        <v>59</v>
      </c>
      <c r="AF31591">
        <v>60</v>
      </c>
      <c r="AG31591">
        <v>61</v>
      </c>
      <c r="AH31591">
        <v>62</v>
      </c>
      <c r="AI31591">
        <v>63</v>
      </c>
      <c r="AJ31591">
        <v>65</v>
      </c>
      <c r="AK31591">
        <v>66</v>
      </c>
      <c r="AL31591">
        <v>67</v>
      </c>
      <c r="AM31591">
        <v>68</v>
      </c>
      <c r="AN31591">
        <v>70</v>
      </c>
      <c r="AO31591">
        <v>71</v>
      </c>
      <c r="AP31591">
        <v>72</v>
      </c>
      <c r="AQ31591">
        <v>74</v>
      </c>
    </row>
    <row r="31592" spans="1:43">
      <c r="A31592" t="s">
        <v>19569</v>
      </c>
      <c r="B31592" t="s">
        <v>19570</v>
      </c>
      <c r="C31592" t="s">
        <v>19571</v>
      </c>
      <c r="D31592" t="s">
        <v>19572</v>
      </c>
      <c r="E31592" t="s">
        <v>19535</v>
      </c>
      <c r="F31592" t="s">
        <v>19536</v>
      </c>
      <c r="G31592" t="s">
        <v>10734</v>
      </c>
      <c r="H31592" t="s">
        <v>10735</v>
      </c>
      <c r="I31592" s="2">
        <v>0</v>
      </c>
      <c r="J31592" s="2">
        <v>0</v>
      </c>
      <c r="K31592" s="2">
        <v>1</v>
      </c>
      <c r="L31592" t="s">
        <v>995</v>
      </c>
      <c r="M31592" t="s">
        <v>89</v>
      </c>
      <c r="N31592" t="s">
        <v>90</v>
      </c>
      <c r="O31592" t="s">
        <v>85</v>
      </c>
      <c r="P31592" t="s">
        <v>86</v>
      </c>
      <c r="Q31592">
        <v>46</v>
      </c>
      <c r="R31592">
        <v>48</v>
      </c>
      <c r="S31592">
        <v>50</v>
      </c>
      <c r="T31592">
        <v>52</v>
      </c>
      <c r="U31592">
        <v>53</v>
      </c>
      <c r="V31592">
        <v>55</v>
      </c>
      <c r="W31592">
        <v>57</v>
      </c>
      <c r="X31592">
        <v>59</v>
      </c>
      <c r="Y31592">
        <v>60</v>
      </c>
      <c r="Z31592">
        <v>62</v>
      </c>
      <c r="AA31592">
        <v>64</v>
      </c>
      <c r="AB31592">
        <v>66</v>
      </c>
      <c r="AC31592">
        <v>68</v>
      </c>
      <c r="AD31592">
        <v>70</v>
      </c>
      <c r="AE31592">
        <v>71</v>
      </c>
      <c r="AF31592">
        <v>72</v>
      </c>
      <c r="AG31592">
        <v>74</v>
      </c>
      <c r="AH31592">
        <v>75</v>
      </c>
      <c r="AI31592">
        <v>76</v>
      </c>
      <c r="AJ31592">
        <v>77</v>
      </c>
      <c r="AK31592">
        <v>78</v>
      </c>
      <c r="AL31592">
        <v>80</v>
      </c>
      <c r="AM31592">
        <v>81</v>
      </c>
      <c r="AN31592">
        <v>82</v>
      </c>
      <c r="AO31592">
        <v>83</v>
      </c>
      <c r="AP31592">
        <v>85</v>
      </c>
      <c r="AQ31592">
        <v>86</v>
      </c>
    </row>
    <row r="31593" spans="1:43">
      <c r="A31593" t="s">
        <v>19569</v>
      </c>
      <c r="B31593" t="s">
        <v>19570</v>
      </c>
      <c r="C31593" t="s">
        <v>19571</v>
      </c>
      <c r="D31593" t="s">
        <v>19572</v>
      </c>
      <c r="E31593" t="s">
        <v>19535</v>
      </c>
      <c r="F31593" t="s">
        <v>19536</v>
      </c>
      <c r="G31593" t="s">
        <v>10734</v>
      </c>
      <c r="H31593" t="s">
        <v>10735</v>
      </c>
      <c r="I31593" s="2">
        <v>0</v>
      </c>
      <c r="J31593" s="2">
        <v>0</v>
      </c>
      <c r="K31593" s="2">
        <v>1</v>
      </c>
      <c r="L31593" t="s">
        <v>995</v>
      </c>
      <c r="M31593" t="s">
        <v>83</v>
      </c>
      <c r="N31593" t="s">
        <v>91</v>
      </c>
      <c r="O31593" t="s">
        <v>85</v>
      </c>
      <c r="P31593" t="s">
        <v>86</v>
      </c>
      <c r="Q31593">
        <v>46</v>
      </c>
      <c r="R31593">
        <v>47</v>
      </c>
      <c r="S31593">
        <v>49</v>
      </c>
      <c r="T31593">
        <v>50</v>
      </c>
      <c r="U31593">
        <v>51</v>
      </c>
      <c r="V31593">
        <v>53</v>
      </c>
      <c r="W31593">
        <v>54</v>
      </c>
      <c r="X31593">
        <v>56</v>
      </c>
      <c r="Y31593">
        <v>57</v>
      </c>
      <c r="Z31593">
        <v>59</v>
      </c>
      <c r="AA31593">
        <v>60</v>
      </c>
      <c r="AB31593">
        <v>62</v>
      </c>
      <c r="AC31593">
        <v>63</v>
      </c>
      <c r="AD31593">
        <v>65</v>
      </c>
      <c r="AE31593">
        <v>66</v>
      </c>
      <c r="AF31593">
        <v>68</v>
      </c>
      <c r="AG31593">
        <v>70</v>
      </c>
      <c r="AH31593">
        <v>72</v>
      </c>
      <c r="AI31593">
        <v>73</v>
      </c>
      <c r="AJ31593">
        <v>75</v>
      </c>
      <c r="AK31593">
        <v>77</v>
      </c>
      <c r="AL31593">
        <v>79</v>
      </c>
      <c r="AM31593">
        <v>80</v>
      </c>
      <c r="AN31593">
        <v>81</v>
      </c>
      <c r="AO31593">
        <v>83</v>
      </c>
      <c r="AP31593">
        <v>84</v>
      </c>
      <c r="AQ31593">
        <v>85</v>
      </c>
    </row>
    <row r="31594" spans="1:43">
      <c r="A31594" t="s">
        <v>19573</v>
      </c>
      <c r="B31594" t="s">
        <v>19574</v>
      </c>
      <c r="C31594" t="s">
        <v>19575</v>
      </c>
      <c r="D31594" t="s">
        <v>19576</v>
      </c>
      <c r="E31594" t="s">
        <v>19535</v>
      </c>
      <c r="F31594" t="s">
        <v>19536</v>
      </c>
      <c r="G31594" t="s">
        <v>10734</v>
      </c>
      <c r="H31594" t="s">
        <v>10735</v>
      </c>
      <c r="I31594" s="2">
        <v>0</v>
      </c>
      <c r="J31594" s="2">
        <v>0</v>
      </c>
      <c r="K31594" s="2">
        <v>1</v>
      </c>
      <c r="L31594" t="s">
        <v>995</v>
      </c>
      <c r="M31594" t="s">
        <v>83</v>
      </c>
      <c r="N31594" t="s">
        <v>84</v>
      </c>
      <c r="O31594" t="s">
        <v>85</v>
      </c>
      <c r="P31594" t="s">
        <v>86</v>
      </c>
      <c r="Q31594">
        <v>41</v>
      </c>
      <c r="R31594">
        <v>42</v>
      </c>
      <c r="S31594">
        <v>43</v>
      </c>
      <c r="T31594">
        <v>44</v>
      </c>
      <c r="U31594">
        <v>45</v>
      </c>
      <c r="V31594">
        <v>46</v>
      </c>
      <c r="W31594">
        <v>48</v>
      </c>
      <c r="X31594">
        <v>49</v>
      </c>
      <c r="Y31594">
        <v>50</v>
      </c>
      <c r="Z31594">
        <v>51</v>
      </c>
      <c r="AA31594">
        <v>53</v>
      </c>
      <c r="AB31594">
        <v>54</v>
      </c>
      <c r="AC31594">
        <v>56</v>
      </c>
      <c r="AD31594">
        <v>57</v>
      </c>
      <c r="AE31594">
        <v>58</v>
      </c>
      <c r="AF31594">
        <v>60</v>
      </c>
      <c r="AG31594">
        <v>61</v>
      </c>
      <c r="AH31594">
        <v>63</v>
      </c>
      <c r="AI31594">
        <v>65</v>
      </c>
      <c r="AJ31594">
        <v>66</v>
      </c>
      <c r="AK31594">
        <v>68</v>
      </c>
      <c r="AL31594">
        <v>69</v>
      </c>
      <c r="AM31594">
        <v>70</v>
      </c>
      <c r="AN31594">
        <v>71</v>
      </c>
      <c r="AO31594">
        <v>72</v>
      </c>
      <c r="AP31594">
        <v>74</v>
      </c>
      <c r="AQ31594">
        <v>75</v>
      </c>
    </row>
    <row r="31595" spans="1:43">
      <c r="A31595" t="s">
        <v>19573</v>
      </c>
      <c r="B31595" t="s">
        <v>19574</v>
      </c>
      <c r="C31595" t="s">
        <v>19575</v>
      </c>
      <c r="D31595" t="s">
        <v>19576</v>
      </c>
      <c r="E31595" t="s">
        <v>19535</v>
      </c>
      <c r="F31595" t="s">
        <v>19536</v>
      </c>
      <c r="G31595" t="s">
        <v>10734</v>
      </c>
      <c r="H31595" t="s">
        <v>10735</v>
      </c>
      <c r="I31595" s="2">
        <v>0</v>
      </c>
      <c r="J31595" s="2">
        <v>0</v>
      </c>
      <c r="K31595" s="2">
        <v>1</v>
      </c>
      <c r="L31595" t="s">
        <v>995</v>
      </c>
      <c r="M31595" t="s">
        <v>87</v>
      </c>
      <c r="N31595" t="s">
        <v>88</v>
      </c>
      <c r="O31595" t="s">
        <v>85</v>
      </c>
      <c r="P31595" t="s">
        <v>86</v>
      </c>
      <c r="Q31595">
        <v>41</v>
      </c>
      <c r="R31595">
        <v>42</v>
      </c>
      <c r="S31595">
        <v>43</v>
      </c>
      <c r="T31595">
        <v>43</v>
      </c>
      <c r="U31595">
        <v>44</v>
      </c>
      <c r="V31595">
        <v>45</v>
      </c>
      <c r="W31595">
        <v>46</v>
      </c>
      <c r="X31595">
        <v>47</v>
      </c>
      <c r="Y31595">
        <v>47</v>
      </c>
      <c r="Z31595">
        <v>48</v>
      </c>
      <c r="AA31595">
        <v>49</v>
      </c>
      <c r="AB31595">
        <v>50</v>
      </c>
      <c r="AC31595">
        <v>51</v>
      </c>
      <c r="AD31595">
        <v>52</v>
      </c>
      <c r="AE31595">
        <v>53</v>
      </c>
      <c r="AF31595">
        <v>54</v>
      </c>
      <c r="AG31595">
        <v>55</v>
      </c>
      <c r="AH31595">
        <v>56</v>
      </c>
      <c r="AI31595">
        <v>57</v>
      </c>
      <c r="AJ31595">
        <v>58</v>
      </c>
      <c r="AK31595">
        <v>59</v>
      </c>
      <c r="AL31595">
        <v>60</v>
      </c>
      <c r="AM31595">
        <v>61</v>
      </c>
      <c r="AN31595">
        <v>62</v>
      </c>
      <c r="AO31595">
        <v>63</v>
      </c>
      <c r="AP31595">
        <v>64</v>
      </c>
      <c r="AQ31595">
        <v>66</v>
      </c>
    </row>
    <row r="31596" spans="1:43">
      <c r="A31596" t="s">
        <v>19573</v>
      </c>
      <c r="B31596" t="s">
        <v>19574</v>
      </c>
      <c r="C31596" t="s">
        <v>19575</v>
      </c>
      <c r="D31596" t="s">
        <v>19576</v>
      </c>
      <c r="E31596" t="s">
        <v>19535</v>
      </c>
      <c r="F31596" t="s">
        <v>19536</v>
      </c>
      <c r="G31596" t="s">
        <v>10734</v>
      </c>
      <c r="H31596" t="s">
        <v>10735</v>
      </c>
      <c r="I31596" s="2">
        <v>0</v>
      </c>
      <c r="J31596" s="2">
        <v>0</v>
      </c>
      <c r="K31596" s="2">
        <v>1</v>
      </c>
      <c r="L31596" t="s">
        <v>995</v>
      </c>
      <c r="M31596" t="s">
        <v>89</v>
      </c>
      <c r="N31596" t="s">
        <v>90</v>
      </c>
      <c r="O31596" t="s">
        <v>85</v>
      </c>
      <c r="P31596" t="s">
        <v>86</v>
      </c>
      <c r="Q31596">
        <v>41</v>
      </c>
      <c r="R31596">
        <v>42</v>
      </c>
      <c r="S31596">
        <v>44</v>
      </c>
      <c r="T31596">
        <v>45</v>
      </c>
      <c r="U31596">
        <v>47</v>
      </c>
      <c r="V31596">
        <v>49</v>
      </c>
      <c r="W31596">
        <v>50</v>
      </c>
      <c r="X31596">
        <v>52</v>
      </c>
      <c r="Y31596">
        <v>53</v>
      </c>
      <c r="Z31596">
        <v>55</v>
      </c>
      <c r="AA31596">
        <v>56</v>
      </c>
      <c r="AB31596">
        <v>58</v>
      </c>
      <c r="AC31596">
        <v>60</v>
      </c>
      <c r="AD31596">
        <v>61</v>
      </c>
      <c r="AE31596">
        <v>63</v>
      </c>
      <c r="AF31596">
        <v>64</v>
      </c>
      <c r="AG31596">
        <v>65</v>
      </c>
      <c r="AH31596">
        <v>66</v>
      </c>
      <c r="AI31596">
        <v>67</v>
      </c>
      <c r="AJ31596">
        <v>68</v>
      </c>
      <c r="AK31596">
        <v>69</v>
      </c>
      <c r="AL31596">
        <v>70</v>
      </c>
      <c r="AM31596">
        <v>71</v>
      </c>
      <c r="AN31596">
        <v>72</v>
      </c>
      <c r="AO31596">
        <v>73</v>
      </c>
      <c r="AP31596">
        <v>74</v>
      </c>
      <c r="AQ31596">
        <v>75</v>
      </c>
    </row>
    <row r="31597" spans="1:43">
      <c r="A31597" t="s">
        <v>19573</v>
      </c>
      <c r="B31597" t="s">
        <v>19574</v>
      </c>
      <c r="C31597" t="s">
        <v>19575</v>
      </c>
      <c r="D31597" t="s">
        <v>19576</v>
      </c>
      <c r="E31597" t="s">
        <v>19535</v>
      </c>
      <c r="F31597" t="s">
        <v>19536</v>
      </c>
      <c r="G31597" t="s">
        <v>10734</v>
      </c>
      <c r="H31597" t="s">
        <v>10735</v>
      </c>
      <c r="I31597" s="2">
        <v>0</v>
      </c>
      <c r="J31597" s="2">
        <v>0</v>
      </c>
      <c r="K31597" s="2">
        <v>1</v>
      </c>
      <c r="L31597" t="s">
        <v>995</v>
      </c>
      <c r="M31597" t="s">
        <v>83</v>
      </c>
      <c r="N31597" t="s">
        <v>91</v>
      </c>
      <c r="O31597" t="s">
        <v>85</v>
      </c>
      <c r="P31597" t="s">
        <v>86</v>
      </c>
      <c r="Q31597">
        <v>41</v>
      </c>
      <c r="R31597">
        <v>42</v>
      </c>
      <c r="S31597">
        <v>43</v>
      </c>
      <c r="T31597">
        <v>44</v>
      </c>
      <c r="U31597">
        <v>45</v>
      </c>
      <c r="V31597">
        <v>46</v>
      </c>
      <c r="W31597">
        <v>48</v>
      </c>
      <c r="X31597">
        <v>49</v>
      </c>
      <c r="Y31597">
        <v>50</v>
      </c>
      <c r="Z31597">
        <v>51</v>
      </c>
      <c r="AA31597">
        <v>53</v>
      </c>
      <c r="AB31597">
        <v>54</v>
      </c>
      <c r="AC31597">
        <v>56</v>
      </c>
      <c r="AD31597">
        <v>57</v>
      </c>
      <c r="AE31597">
        <v>58</v>
      </c>
      <c r="AF31597">
        <v>60</v>
      </c>
      <c r="AG31597">
        <v>61</v>
      </c>
      <c r="AH31597">
        <v>63</v>
      </c>
      <c r="AI31597">
        <v>65</v>
      </c>
      <c r="AJ31597">
        <v>66</v>
      </c>
      <c r="AK31597">
        <v>68</v>
      </c>
      <c r="AL31597">
        <v>69</v>
      </c>
      <c r="AM31597">
        <v>70</v>
      </c>
      <c r="AN31597">
        <v>71</v>
      </c>
      <c r="AO31597">
        <v>72</v>
      </c>
      <c r="AP31597">
        <v>74</v>
      </c>
      <c r="AQ31597">
        <v>75</v>
      </c>
    </row>
    <row r="31598" spans="1:43">
      <c r="A31598" t="s">
        <v>19577</v>
      </c>
      <c r="B31598" t="s">
        <v>19578</v>
      </c>
      <c r="C31598" t="s">
        <v>19575</v>
      </c>
      <c r="D31598" t="s">
        <v>19576</v>
      </c>
      <c r="E31598" t="s">
        <v>19535</v>
      </c>
      <c r="F31598" t="s">
        <v>19536</v>
      </c>
      <c r="G31598" t="s">
        <v>10734</v>
      </c>
      <c r="H31598" t="s">
        <v>10735</v>
      </c>
      <c r="I31598" s="2">
        <v>0</v>
      </c>
      <c r="J31598" s="2">
        <v>0</v>
      </c>
      <c r="K31598" s="2">
        <v>1</v>
      </c>
      <c r="L31598" t="s">
        <v>995</v>
      </c>
      <c r="M31598" t="s">
        <v>83</v>
      </c>
      <c r="N31598" t="s">
        <v>84</v>
      </c>
      <c r="O31598" t="s">
        <v>85</v>
      </c>
      <c r="P31598" t="s">
        <v>86</v>
      </c>
      <c r="Q31598">
        <v>42</v>
      </c>
      <c r="R31598">
        <v>43</v>
      </c>
      <c r="S31598">
        <v>44</v>
      </c>
      <c r="T31598">
        <v>46</v>
      </c>
      <c r="U31598">
        <v>47</v>
      </c>
      <c r="V31598">
        <v>48</v>
      </c>
      <c r="W31598">
        <v>49</v>
      </c>
      <c r="X31598">
        <v>51</v>
      </c>
      <c r="Y31598">
        <v>52</v>
      </c>
      <c r="Z31598">
        <v>53</v>
      </c>
      <c r="AA31598">
        <v>55</v>
      </c>
      <c r="AB31598">
        <v>56</v>
      </c>
      <c r="AC31598">
        <v>57</v>
      </c>
      <c r="AD31598">
        <v>59</v>
      </c>
      <c r="AE31598">
        <v>60</v>
      </c>
      <c r="AF31598">
        <v>62</v>
      </c>
      <c r="AG31598">
        <v>63</v>
      </c>
      <c r="AH31598">
        <v>65</v>
      </c>
      <c r="AI31598">
        <v>67</v>
      </c>
      <c r="AJ31598">
        <v>68</v>
      </c>
      <c r="AK31598">
        <v>70</v>
      </c>
      <c r="AL31598">
        <v>71</v>
      </c>
      <c r="AM31598">
        <v>72</v>
      </c>
      <c r="AN31598">
        <v>74</v>
      </c>
      <c r="AO31598">
        <v>75</v>
      </c>
      <c r="AP31598">
        <v>76</v>
      </c>
      <c r="AQ31598">
        <v>77</v>
      </c>
    </row>
    <row r="31599" spans="1:43">
      <c r="A31599" t="s">
        <v>19577</v>
      </c>
      <c r="B31599" t="s">
        <v>19578</v>
      </c>
      <c r="C31599" t="s">
        <v>19575</v>
      </c>
      <c r="D31599" t="s">
        <v>19576</v>
      </c>
      <c r="E31599" t="s">
        <v>19535</v>
      </c>
      <c r="F31599" t="s">
        <v>19536</v>
      </c>
      <c r="G31599" t="s">
        <v>10734</v>
      </c>
      <c r="H31599" t="s">
        <v>10735</v>
      </c>
      <c r="I31599" s="2">
        <v>0</v>
      </c>
      <c r="J31599" s="2">
        <v>0</v>
      </c>
      <c r="K31599" s="2">
        <v>1</v>
      </c>
      <c r="L31599" t="s">
        <v>995</v>
      </c>
      <c r="M31599" t="s">
        <v>87</v>
      </c>
      <c r="N31599" t="s">
        <v>88</v>
      </c>
      <c r="O31599" t="s">
        <v>85</v>
      </c>
      <c r="P31599" t="s">
        <v>86</v>
      </c>
      <c r="Q31599">
        <v>42</v>
      </c>
      <c r="R31599">
        <v>42</v>
      </c>
      <c r="S31599">
        <v>43</v>
      </c>
      <c r="T31599">
        <v>44</v>
      </c>
      <c r="U31599">
        <v>45</v>
      </c>
      <c r="V31599">
        <v>45</v>
      </c>
      <c r="W31599">
        <v>46</v>
      </c>
      <c r="X31599">
        <v>47</v>
      </c>
      <c r="Y31599">
        <v>48</v>
      </c>
      <c r="Z31599">
        <v>49</v>
      </c>
      <c r="AA31599">
        <v>50</v>
      </c>
      <c r="AB31599">
        <v>51</v>
      </c>
      <c r="AC31599">
        <v>51</v>
      </c>
      <c r="AD31599">
        <v>52</v>
      </c>
      <c r="AE31599">
        <v>53</v>
      </c>
      <c r="AF31599">
        <v>54</v>
      </c>
      <c r="AG31599">
        <v>55</v>
      </c>
      <c r="AH31599">
        <v>56</v>
      </c>
      <c r="AI31599">
        <v>57</v>
      </c>
      <c r="AJ31599">
        <v>58</v>
      </c>
      <c r="AK31599">
        <v>59</v>
      </c>
      <c r="AL31599">
        <v>61</v>
      </c>
      <c r="AM31599">
        <v>62</v>
      </c>
      <c r="AN31599">
        <v>63</v>
      </c>
      <c r="AO31599">
        <v>64</v>
      </c>
      <c r="AP31599">
        <v>65</v>
      </c>
      <c r="AQ31599">
        <v>66</v>
      </c>
    </row>
    <row r="31600" spans="1:43">
      <c r="A31600" t="s">
        <v>19577</v>
      </c>
      <c r="B31600" t="s">
        <v>19578</v>
      </c>
      <c r="C31600" t="s">
        <v>19575</v>
      </c>
      <c r="D31600" t="s">
        <v>19576</v>
      </c>
      <c r="E31600" t="s">
        <v>19535</v>
      </c>
      <c r="F31600" t="s">
        <v>19536</v>
      </c>
      <c r="G31600" t="s">
        <v>10734</v>
      </c>
      <c r="H31600" t="s">
        <v>10735</v>
      </c>
      <c r="I31600" s="2">
        <v>0</v>
      </c>
      <c r="J31600" s="2">
        <v>0</v>
      </c>
      <c r="K31600" s="2">
        <v>1</v>
      </c>
      <c r="L31600" t="s">
        <v>995</v>
      </c>
      <c r="M31600" t="s">
        <v>89</v>
      </c>
      <c r="N31600" t="s">
        <v>90</v>
      </c>
      <c r="O31600" t="s">
        <v>85</v>
      </c>
      <c r="P31600" t="s">
        <v>86</v>
      </c>
      <c r="Q31600">
        <v>42</v>
      </c>
      <c r="R31600">
        <v>44</v>
      </c>
      <c r="S31600">
        <v>46</v>
      </c>
      <c r="T31600">
        <v>47</v>
      </c>
      <c r="U31600">
        <v>49</v>
      </c>
      <c r="V31600">
        <v>50</v>
      </c>
      <c r="W31600">
        <v>52</v>
      </c>
      <c r="X31600">
        <v>53</v>
      </c>
      <c r="Y31600">
        <v>55</v>
      </c>
      <c r="Z31600">
        <v>57</v>
      </c>
      <c r="AA31600">
        <v>58</v>
      </c>
      <c r="AB31600">
        <v>60</v>
      </c>
      <c r="AC31600">
        <v>62</v>
      </c>
      <c r="AD31600">
        <v>63</v>
      </c>
      <c r="AE31600">
        <v>65</v>
      </c>
      <c r="AF31600">
        <v>66</v>
      </c>
      <c r="AG31600">
        <v>67</v>
      </c>
      <c r="AH31600">
        <v>68</v>
      </c>
      <c r="AI31600">
        <v>69</v>
      </c>
      <c r="AJ31600">
        <v>70</v>
      </c>
      <c r="AK31600">
        <v>71</v>
      </c>
      <c r="AL31600">
        <v>72</v>
      </c>
      <c r="AM31600">
        <v>73</v>
      </c>
      <c r="AN31600">
        <v>74</v>
      </c>
      <c r="AO31600">
        <v>75</v>
      </c>
      <c r="AP31600">
        <v>76</v>
      </c>
      <c r="AQ31600">
        <v>78</v>
      </c>
    </row>
    <row r="31601" spans="1:43">
      <c r="A31601" t="s">
        <v>19577</v>
      </c>
      <c r="B31601" t="s">
        <v>19578</v>
      </c>
      <c r="C31601" t="s">
        <v>19575</v>
      </c>
      <c r="D31601" t="s">
        <v>19576</v>
      </c>
      <c r="E31601" t="s">
        <v>19535</v>
      </c>
      <c r="F31601" t="s">
        <v>19536</v>
      </c>
      <c r="G31601" t="s">
        <v>10734</v>
      </c>
      <c r="H31601" t="s">
        <v>10735</v>
      </c>
      <c r="I31601" s="2">
        <v>0</v>
      </c>
      <c r="J31601" s="2">
        <v>0</v>
      </c>
      <c r="K31601" s="2">
        <v>1</v>
      </c>
      <c r="L31601" t="s">
        <v>995</v>
      </c>
      <c r="M31601" t="s">
        <v>83</v>
      </c>
      <c r="N31601" t="s">
        <v>91</v>
      </c>
      <c r="O31601" t="s">
        <v>85</v>
      </c>
      <c r="P31601" t="s">
        <v>86</v>
      </c>
      <c r="Q31601">
        <v>42</v>
      </c>
      <c r="R31601">
        <v>43</v>
      </c>
      <c r="S31601">
        <v>44</v>
      </c>
      <c r="T31601">
        <v>46</v>
      </c>
      <c r="U31601">
        <v>47</v>
      </c>
      <c r="V31601">
        <v>48</v>
      </c>
      <c r="W31601">
        <v>49</v>
      </c>
      <c r="X31601">
        <v>51</v>
      </c>
      <c r="Y31601">
        <v>52</v>
      </c>
      <c r="Z31601">
        <v>53</v>
      </c>
      <c r="AA31601">
        <v>55</v>
      </c>
      <c r="AB31601">
        <v>56</v>
      </c>
      <c r="AC31601">
        <v>57</v>
      </c>
      <c r="AD31601">
        <v>59</v>
      </c>
      <c r="AE31601">
        <v>60</v>
      </c>
      <c r="AF31601">
        <v>62</v>
      </c>
      <c r="AG31601">
        <v>63</v>
      </c>
      <c r="AH31601">
        <v>65</v>
      </c>
      <c r="AI31601">
        <v>67</v>
      </c>
      <c r="AJ31601">
        <v>68</v>
      </c>
      <c r="AK31601">
        <v>70</v>
      </c>
      <c r="AL31601">
        <v>71</v>
      </c>
      <c r="AM31601">
        <v>72</v>
      </c>
      <c r="AN31601">
        <v>74</v>
      </c>
      <c r="AO31601">
        <v>75</v>
      </c>
      <c r="AP31601">
        <v>76</v>
      </c>
      <c r="AQ31601">
        <v>77</v>
      </c>
    </row>
    <row r="31602" spans="1:43">
      <c r="A31602" t="s">
        <v>19579</v>
      </c>
      <c r="B31602" t="s">
        <v>19580</v>
      </c>
      <c r="C31602" t="s">
        <v>19561</v>
      </c>
      <c r="D31602" t="s">
        <v>19562</v>
      </c>
      <c r="E31602" t="s">
        <v>19535</v>
      </c>
      <c r="F31602" t="s">
        <v>19536</v>
      </c>
      <c r="G31602" t="s">
        <v>10734</v>
      </c>
      <c r="H31602" t="s">
        <v>10735</v>
      </c>
      <c r="I31602" s="2">
        <v>0</v>
      </c>
      <c r="J31602" s="2">
        <v>0</v>
      </c>
      <c r="K31602" s="2">
        <v>1</v>
      </c>
      <c r="L31602" t="s">
        <v>995</v>
      </c>
      <c r="M31602" t="s">
        <v>83</v>
      </c>
      <c r="N31602" t="s">
        <v>84</v>
      </c>
      <c r="O31602" t="s">
        <v>85</v>
      </c>
      <c r="P31602" t="s">
        <v>86</v>
      </c>
      <c r="Q31602">
        <v>16</v>
      </c>
      <c r="R31602">
        <v>16</v>
      </c>
      <c r="S31602">
        <v>16</v>
      </c>
      <c r="T31602">
        <v>17</v>
      </c>
      <c r="U31602">
        <v>17</v>
      </c>
      <c r="V31602">
        <v>18</v>
      </c>
      <c r="W31602">
        <v>18</v>
      </c>
      <c r="X31602">
        <v>19</v>
      </c>
      <c r="Y31602">
        <v>19</v>
      </c>
      <c r="Z31602">
        <v>20</v>
      </c>
      <c r="AA31602">
        <v>20</v>
      </c>
      <c r="AB31602">
        <v>21</v>
      </c>
      <c r="AC31602">
        <v>21</v>
      </c>
      <c r="AD31602">
        <v>22</v>
      </c>
      <c r="AE31602">
        <v>22</v>
      </c>
      <c r="AF31602">
        <v>23</v>
      </c>
      <c r="AG31602">
        <v>24</v>
      </c>
      <c r="AH31602">
        <v>24</v>
      </c>
      <c r="AI31602">
        <v>25</v>
      </c>
      <c r="AJ31602">
        <v>25</v>
      </c>
      <c r="AK31602">
        <v>26</v>
      </c>
      <c r="AL31602">
        <v>26</v>
      </c>
      <c r="AM31602">
        <v>27</v>
      </c>
      <c r="AN31602">
        <v>27</v>
      </c>
      <c r="AO31602">
        <v>28</v>
      </c>
      <c r="AP31602">
        <v>28</v>
      </c>
      <c r="AQ31602">
        <v>29</v>
      </c>
    </row>
    <row r="31603" spans="1:43">
      <c r="A31603" t="s">
        <v>19579</v>
      </c>
      <c r="B31603" t="s">
        <v>19580</v>
      </c>
      <c r="C31603" t="s">
        <v>19561</v>
      </c>
      <c r="D31603" t="s">
        <v>19562</v>
      </c>
      <c r="E31603" t="s">
        <v>19535</v>
      </c>
      <c r="F31603" t="s">
        <v>19536</v>
      </c>
      <c r="G31603" t="s">
        <v>10734</v>
      </c>
      <c r="H31603" t="s">
        <v>10735</v>
      </c>
      <c r="I31603" s="2">
        <v>0</v>
      </c>
      <c r="J31603" s="2">
        <v>0</v>
      </c>
      <c r="K31603" s="2">
        <v>1</v>
      </c>
      <c r="L31603" t="s">
        <v>995</v>
      </c>
      <c r="M31603" t="s">
        <v>87</v>
      </c>
      <c r="N31603" t="s">
        <v>88</v>
      </c>
      <c r="O31603" t="s">
        <v>85</v>
      </c>
      <c r="P31603" t="s">
        <v>86</v>
      </c>
      <c r="Q31603">
        <v>16</v>
      </c>
      <c r="R31603">
        <v>17</v>
      </c>
      <c r="S31603">
        <v>17</v>
      </c>
      <c r="T31603">
        <v>17</v>
      </c>
      <c r="U31603">
        <v>18</v>
      </c>
      <c r="V31603">
        <v>18</v>
      </c>
      <c r="W31603">
        <v>18</v>
      </c>
      <c r="X31603">
        <v>18</v>
      </c>
      <c r="Y31603">
        <v>19</v>
      </c>
      <c r="Z31603">
        <v>19</v>
      </c>
      <c r="AA31603">
        <v>19</v>
      </c>
      <c r="AB31603">
        <v>20</v>
      </c>
      <c r="AC31603">
        <v>20</v>
      </c>
      <c r="AD31603">
        <v>21</v>
      </c>
      <c r="AE31603">
        <v>21</v>
      </c>
      <c r="AF31603">
        <v>21</v>
      </c>
      <c r="AG31603">
        <v>22</v>
      </c>
      <c r="AH31603">
        <v>22</v>
      </c>
      <c r="AI31603">
        <v>22</v>
      </c>
      <c r="AJ31603">
        <v>23</v>
      </c>
      <c r="AK31603">
        <v>23</v>
      </c>
      <c r="AL31603">
        <v>24</v>
      </c>
      <c r="AM31603">
        <v>24</v>
      </c>
      <c r="AN31603">
        <v>25</v>
      </c>
      <c r="AO31603">
        <v>25</v>
      </c>
      <c r="AP31603">
        <v>25</v>
      </c>
      <c r="AQ31603">
        <v>26</v>
      </c>
    </row>
    <row r="31604" spans="1:43">
      <c r="A31604" t="s">
        <v>19579</v>
      </c>
      <c r="B31604" t="s">
        <v>19580</v>
      </c>
      <c r="C31604" t="s">
        <v>19561</v>
      </c>
      <c r="D31604" t="s">
        <v>19562</v>
      </c>
      <c r="E31604" t="s">
        <v>19535</v>
      </c>
      <c r="F31604" t="s">
        <v>19536</v>
      </c>
      <c r="G31604" t="s">
        <v>10734</v>
      </c>
      <c r="H31604" t="s">
        <v>10735</v>
      </c>
      <c r="I31604" s="2">
        <v>0</v>
      </c>
      <c r="J31604" s="2">
        <v>0</v>
      </c>
      <c r="K31604" s="2">
        <v>1</v>
      </c>
      <c r="L31604" t="s">
        <v>995</v>
      </c>
      <c r="M31604" t="s">
        <v>89</v>
      </c>
      <c r="N31604" t="s">
        <v>90</v>
      </c>
      <c r="O31604" t="s">
        <v>85</v>
      </c>
      <c r="P31604" t="s">
        <v>86</v>
      </c>
      <c r="Q31604">
        <v>16</v>
      </c>
      <c r="R31604">
        <v>16</v>
      </c>
      <c r="S31604">
        <v>17</v>
      </c>
      <c r="T31604">
        <v>17</v>
      </c>
      <c r="U31604">
        <v>18</v>
      </c>
      <c r="V31604">
        <v>19</v>
      </c>
      <c r="W31604">
        <v>19</v>
      </c>
      <c r="X31604">
        <v>20</v>
      </c>
      <c r="Y31604">
        <v>20</v>
      </c>
      <c r="Z31604">
        <v>21</v>
      </c>
      <c r="AA31604">
        <v>22</v>
      </c>
      <c r="AB31604">
        <v>22</v>
      </c>
      <c r="AC31604">
        <v>23</v>
      </c>
      <c r="AD31604">
        <v>23</v>
      </c>
      <c r="AE31604">
        <v>24</v>
      </c>
      <c r="AF31604">
        <v>24</v>
      </c>
      <c r="AG31604">
        <v>25</v>
      </c>
      <c r="AH31604">
        <v>25</v>
      </c>
      <c r="AI31604">
        <v>25</v>
      </c>
      <c r="AJ31604">
        <v>26</v>
      </c>
      <c r="AK31604">
        <v>26</v>
      </c>
      <c r="AL31604">
        <v>27</v>
      </c>
      <c r="AM31604">
        <v>27</v>
      </c>
      <c r="AN31604">
        <v>28</v>
      </c>
      <c r="AO31604">
        <v>28</v>
      </c>
      <c r="AP31604">
        <v>28</v>
      </c>
      <c r="AQ31604">
        <v>29</v>
      </c>
    </row>
    <row r="31605" spans="1:43">
      <c r="A31605" t="s">
        <v>19579</v>
      </c>
      <c r="B31605" t="s">
        <v>19580</v>
      </c>
      <c r="C31605" t="s">
        <v>19561</v>
      </c>
      <c r="D31605" t="s">
        <v>19562</v>
      </c>
      <c r="E31605" t="s">
        <v>19535</v>
      </c>
      <c r="F31605" t="s">
        <v>19536</v>
      </c>
      <c r="G31605" t="s">
        <v>10734</v>
      </c>
      <c r="H31605" t="s">
        <v>10735</v>
      </c>
      <c r="I31605" s="2">
        <v>0</v>
      </c>
      <c r="J31605" s="2">
        <v>0</v>
      </c>
      <c r="K31605" s="2">
        <v>1</v>
      </c>
      <c r="L31605" t="s">
        <v>995</v>
      </c>
      <c r="M31605" t="s">
        <v>83</v>
      </c>
      <c r="N31605" t="s">
        <v>91</v>
      </c>
      <c r="O31605" t="s">
        <v>85</v>
      </c>
      <c r="P31605" t="s">
        <v>86</v>
      </c>
      <c r="Q31605">
        <v>16</v>
      </c>
      <c r="R31605">
        <v>16</v>
      </c>
      <c r="S31605">
        <v>16</v>
      </c>
      <c r="T31605">
        <v>17</v>
      </c>
      <c r="U31605">
        <v>17</v>
      </c>
      <c r="V31605">
        <v>18</v>
      </c>
      <c r="W31605">
        <v>18</v>
      </c>
      <c r="X31605">
        <v>19</v>
      </c>
      <c r="Y31605">
        <v>19</v>
      </c>
      <c r="Z31605">
        <v>20</v>
      </c>
      <c r="AA31605">
        <v>20</v>
      </c>
      <c r="AB31605">
        <v>21</v>
      </c>
      <c r="AC31605">
        <v>21</v>
      </c>
      <c r="AD31605">
        <v>22</v>
      </c>
      <c r="AE31605">
        <v>22</v>
      </c>
      <c r="AF31605">
        <v>23</v>
      </c>
      <c r="AG31605">
        <v>24</v>
      </c>
      <c r="AH31605">
        <v>24</v>
      </c>
      <c r="AI31605">
        <v>25</v>
      </c>
      <c r="AJ31605">
        <v>25</v>
      </c>
      <c r="AK31605">
        <v>26</v>
      </c>
      <c r="AL31605">
        <v>26</v>
      </c>
      <c r="AM31605">
        <v>27</v>
      </c>
      <c r="AN31605">
        <v>27</v>
      </c>
      <c r="AO31605">
        <v>28</v>
      </c>
      <c r="AP31605">
        <v>28</v>
      </c>
      <c r="AQ31605">
        <v>29</v>
      </c>
    </row>
    <row r="31606" spans="1:43">
      <c r="A31606" t="s">
        <v>19581</v>
      </c>
      <c r="B31606" t="s">
        <v>19582</v>
      </c>
      <c r="C31606" t="s">
        <v>19583</v>
      </c>
      <c r="D31606" t="s">
        <v>19584</v>
      </c>
      <c r="E31606" t="s">
        <v>19535</v>
      </c>
      <c r="F31606" t="s">
        <v>19536</v>
      </c>
      <c r="G31606" t="s">
        <v>10734</v>
      </c>
      <c r="H31606" t="s">
        <v>10735</v>
      </c>
      <c r="I31606" s="2">
        <v>0</v>
      </c>
      <c r="J31606" s="2">
        <v>0</v>
      </c>
      <c r="K31606" s="2">
        <v>1</v>
      </c>
      <c r="L31606" t="s">
        <v>995</v>
      </c>
      <c r="M31606" t="s">
        <v>83</v>
      </c>
      <c r="N31606" t="s">
        <v>84</v>
      </c>
      <c r="O31606" t="s">
        <v>85</v>
      </c>
      <c r="P31606" t="s">
        <v>86</v>
      </c>
      <c r="Q31606">
        <v>23</v>
      </c>
      <c r="R31606">
        <v>24</v>
      </c>
      <c r="S31606">
        <v>25</v>
      </c>
      <c r="T31606">
        <v>25</v>
      </c>
      <c r="U31606">
        <v>26</v>
      </c>
      <c r="V31606">
        <v>27</v>
      </c>
      <c r="W31606">
        <v>27</v>
      </c>
      <c r="X31606">
        <v>28</v>
      </c>
      <c r="Y31606">
        <v>29</v>
      </c>
      <c r="Z31606">
        <v>30</v>
      </c>
      <c r="AA31606">
        <v>30</v>
      </c>
      <c r="AB31606">
        <v>31</v>
      </c>
      <c r="AC31606">
        <v>32</v>
      </c>
      <c r="AD31606">
        <v>33</v>
      </c>
      <c r="AE31606">
        <v>34</v>
      </c>
      <c r="AF31606">
        <v>34</v>
      </c>
      <c r="AG31606">
        <v>35</v>
      </c>
      <c r="AH31606">
        <v>36</v>
      </c>
      <c r="AI31606">
        <v>37</v>
      </c>
      <c r="AJ31606">
        <v>38</v>
      </c>
      <c r="AK31606">
        <v>39</v>
      </c>
      <c r="AL31606">
        <v>40</v>
      </c>
      <c r="AM31606">
        <v>40</v>
      </c>
      <c r="AN31606">
        <v>41</v>
      </c>
      <c r="AO31606">
        <v>42</v>
      </c>
      <c r="AP31606">
        <v>42</v>
      </c>
      <c r="AQ31606">
        <v>43</v>
      </c>
    </row>
    <row r="31607" spans="1:43">
      <c r="A31607" t="s">
        <v>19581</v>
      </c>
      <c r="B31607" t="s">
        <v>19582</v>
      </c>
      <c r="C31607" t="s">
        <v>19583</v>
      </c>
      <c r="D31607" t="s">
        <v>19584</v>
      </c>
      <c r="E31607" t="s">
        <v>19535</v>
      </c>
      <c r="F31607" t="s">
        <v>19536</v>
      </c>
      <c r="G31607" t="s">
        <v>10734</v>
      </c>
      <c r="H31607" t="s">
        <v>10735</v>
      </c>
      <c r="I31607" s="2">
        <v>0</v>
      </c>
      <c r="J31607" s="2">
        <v>0</v>
      </c>
      <c r="K31607" s="2">
        <v>1</v>
      </c>
      <c r="L31607" t="s">
        <v>995</v>
      </c>
      <c r="M31607" t="s">
        <v>87</v>
      </c>
      <c r="N31607" t="s">
        <v>88</v>
      </c>
      <c r="O31607" t="s">
        <v>85</v>
      </c>
      <c r="P31607" t="s">
        <v>86</v>
      </c>
      <c r="Q31607">
        <v>23</v>
      </c>
      <c r="R31607">
        <v>23</v>
      </c>
      <c r="S31607">
        <v>24</v>
      </c>
      <c r="T31607">
        <v>24</v>
      </c>
      <c r="U31607">
        <v>25</v>
      </c>
      <c r="V31607">
        <v>25</v>
      </c>
      <c r="W31607">
        <v>26</v>
      </c>
      <c r="X31607">
        <v>26</v>
      </c>
      <c r="Y31607">
        <v>27</v>
      </c>
      <c r="Z31607">
        <v>27</v>
      </c>
      <c r="AA31607">
        <v>28</v>
      </c>
      <c r="AB31607">
        <v>28</v>
      </c>
      <c r="AC31607">
        <v>29</v>
      </c>
      <c r="AD31607">
        <v>29</v>
      </c>
      <c r="AE31607">
        <v>30</v>
      </c>
      <c r="AF31607">
        <v>30</v>
      </c>
      <c r="AG31607">
        <v>31</v>
      </c>
      <c r="AH31607">
        <v>31</v>
      </c>
      <c r="AI31607">
        <v>32</v>
      </c>
      <c r="AJ31607">
        <v>33</v>
      </c>
      <c r="AK31607">
        <v>33</v>
      </c>
      <c r="AL31607">
        <v>34</v>
      </c>
      <c r="AM31607">
        <v>34</v>
      </c>
      <c r="AN31607">
        <v>35</v>
      </c>
      <c r="AO31607">
        <v>36</v>
      </c>
      <c r="AP31607">
        <v>36</v>
      </c>
      <c r="AQ31607">
        <v>37</v>
      </c>
    </row>
    <row r="31608" spans="1:43">
      <c r="A31608" t="s">
        <v>19581</v>
      </c>
      <c r="B31608" t="s">
        <v>19582</v>
      </c>
      <c r="C31608" t="s">
        <v>19583</v>
      </c>
      <c r="D31608" t="s">
        <v>19584</v>
      </c>
      <c r="E31608" t="s">
        <v>19535</v>
      </c>
      <c r="F31608" t="s">
        <v>19536</v>
      </c>
      <c r="G31608" t="s">
        <v>10734</v>
      </c>
      <c r="H31608" t="s">
        <v>10735</v>
      </c>
      <c r="I31608" s="2">
        <v>0</v>
      </c>
      <c r="J31608" s="2">
        <v>0</v>
      </c>
      <c r="K31608" s="2">
        <v>1</v>
      </c>
      <c r="L31608" t="s">
        <v>995</v>
      </c>
      <c r="M31608" t="s">
        <v>89</v>
      </c>
      <c r="N31608" t="s">
        <v>90</v>
      </c>
      <c r="O31608" t="s">
        <v>85</v>
      </c>
      <c r="P31608" t="s">
        <v>86</v>
      </c>
      <c r="Q31608">
        <v>23</v>
      </c>
      <c r="R31608">
        <v>24</v>
      </c>
      <c r="S31608">
        <v>25</v>
      </c>
      <c r="T31608">
        <v>26</v>
      </c>
      <c r="U31608">
        <v>27</v>
      </c>
      <c r="V31608">
        <v>28</v>
      </c>
      <c r="W31608">
        <v>29</v>
      </c>
      <c r="X31608">
        <v>30</v>
      </c>
      <c r="Y31608">
        <v>31</v>
      </c>
      <c r="Z31608">
        <v>31</v>
      </c>
      <c r="AA31608">
        <v>32</v>
      </c>
      <c r="AB31608">
        <v>33</v>
      </c>
      <c r="AC31608">
        <v>34</v>
      </c>
      <c r="AD31608">
        <v>35</v>
      </c>
      <c r="AE31608">
        <v>36</v>
      </c>
      <c r="AF31608">
        <v>37</v>
      </c>
      <c r="AG31608">
        <v>37</v>
      </c>
      <c r="AH31608">
        <v>38</v>
      </c>
      <c r="AI31608">
        <v>38</v>
      </c>
      <c r="AJ31608">
        <v>39</v>
      </c>
      <c r="AK31608">
        <v>39</v>
      </c>
      <c r="AL31608">
        <v>40</v>
      </c>
      <c r="AM31608">
        <v>41</v>
      </c>
      <c r="AN31608">
        <v>41</v>
      </c>
      <c r="AO31608">
        <v>42</v>
      </c>
      <c r="AP31608">
        <v>43</v>
      </c>
      <c r="AQ31608">
        <v>43</v>
      </c>
    </row>
    <row r="31609" spans="1:43">
      <c r="A31609" t="s">
        <v>19581</v>
      </c>
      <c r="B31609" t="s">
        <v>19582</v>
      </c>
      <c r="C31609" t="s">
        <v>19583</v>
      </c>
      <c r="D31609" t="s">
        <v>19584</v>
      </c>
      <c r="E31609" t="s">
        <v>19535</v>
      </c>
      <c r="F31609" t="s">
        <v>19536</v>
      </c>
      <c r="G31609" t="s">
        <v>10734</v>
      </c>
      <c r="H31609" t="s">
        <v>10735</v>
      </c>
      <c r="I31609" s="2">
        <v>0</v>
      </c>
      <c r="J31609" s="2">
        <v>0</v>
      </c>
      <c r="K31609" s="2">
        <v>1</v>
      </c>
      <c r="L31609" t="s">
        <v>995</v>
      </c>
      <c r="M31609" t="s">
        <v>83</v>
      </c>
      <c r="N31609" t="s">
        <v>91</v>
      </c>
      <c r="O31609" t="s">
        <v>85</v>
      </c>
      <c r="P31609" t="s">
        <v>86</v>
      </c>
      <c r="Q31609">
        <v>23</v>
      </c>
      <c r="R31609">
        <v>24</v>
      </c>
      <c r="S31609">
        <v>25</v>
      </c>
      <c r="T31609">
        <v>25</v>
      </c>
      <c r="U31609">
        <v>26</v>
      </c>
      <c r="V31609">
        <v>27</v>
      </c>
      <c r="W31609">
        <v>27</v>
      </c>
      <c r="X31609">
        <v>28</v>
      </c>
      <c r="Y31609">
        <v>29</v>
      </c>
      <c r="Z31609">
        <v>30</v>
      </c>
      <c r="AA31609">
        <v>30</v>
      </c>
      <c r="AB31609">
        <v>31</v>
      </c>
      <c r="AC31609">
        <v>32</v>
      </c>
      <c r="AD31609">
        <v>33</v>
      </c>
      <c r="AE31609">
        <v>34</v>
      </c>
      <c r="AF31609">
        <v>34</v>
      </c>
      <c r="AG31609">
        <v>35</v>
      </c>
      <c r="AH31609">
        <v>36</v>
      </c>
      <c r="AI31609">
        <v>37</v>
      </c>
      <c r="AJ31609">
        <v>38</v>
      </c>
      <c r="AK31609">
        <v>39</v>
      </c>
      <c r="AL31609">
        <v>40</v>
      </c>
      <c r="AM31609">
        <v>40</v>
      </c>
      <c r="AN31609">
        <v>41</v>
      </c>
      <c r="AO31609">
        <v>42</v>
      </c>
      <c r="AP31609">
        <v>42</v>
      </c>
      <c r="AQ31609">
        <v>43</v>
      </c>
    </row>
    <row r="31610" spans="1:43">
      <c r="A31610" t="s">
        <v>19585</v>
      </c>
      <c r="B31610" t="s">
        <v>19586</v>
      </c>
      <c r="C31610" t="s">
        <v>19583</v>
      </c>
      <c r="D31610" t="s">
        <v>19584</v>
      </c>
      <c r="E31610" t="s">
        <v>19535</v>
      </c>
      <c r="F31610" t="s">
        <v>19536</v>
      </c>
      <c r="G31610" t="s">
        <v>10734</v>
      </c>
      <c r="H31610" t="s">
        <v>10735</v>
      </c>
      <c r="I31610" s="2">
        <v>0</v>
      </c>
      <c r="J31610" s="2">
        <v>0</v>
      </c>
      <c r="K31610" s="2">
        <v>1</v>
      </c>
      <c r="L31610" t="s">
        <v>995</v>
      </c>
      <c r="M31610" t="s">
        <v>83</v>
      </c>
      <c r="N31610" t="s">
        <v>84</v>
      </c>
      <c r="O31610" t="s">
        <v>85</v>
      </c>
      <c r="P31610" t="s">
        <v>86</v>
      </c>
      <c r="Q31610">
        <v>28</v>
      </c>
      <c r="R31610">
        <v>29</v>
      </c>
      <c r="S31610">
        <v>30</v>
      </c>
      <c r="T31610">
        <v>31</v>
      </c>
      <c r="U31610">
        <v>31</v>
      </c>
      <c r="V31610">
        <v>32</v>
      </c>
      <c r="W31610">
        <v>33</v>
      </c>
      <c r="X31610">
        <v>34</v>
      </c>
      <c r="Y31610">
        <v>35</v>
      </c>
      <c r="Z31610">
        <v>36</v>
      </c>
      <c r="AA31610">
        <v>37</v>
      </c>
      <c r="AB31610">
        <v>38</v>
      </c>
      <c r="AC31610">
        <v>39</v>
      </c>
      <c r="AD31610">
        <v>40</v>
      </c>
      <c r="AE31610">
        <v>41</v>
      </c>
      <c r="AF31610">
        <v>42</v>
      </c>
      <c r="AG31610">
        <v>43</v>
      </c>
      <c r="AH31610">
        <v>44</v>
      </c>
      <c r="AI31610">
        <v>45</v>
      </c>
      <c r="AJ31610">
        <v>46</v>
      </c>
      <c r="AK31610">
        <v>47</v>
      </c>
      <c r="AL31610">
        <v>48</v>
      </c>
      <c r="AM31610">
        <v>49</v>
      </c>
      <c r="AN31610">
        <v>50</v>
      </c>
      <c r="AO31610">
        <v>51</v>
      </c>
      <c r="AP31610">
        <v>51</v>
      </c>
      <c r="AQ31610">
        <v>52</v>
      </c>
    </row>
    <row r="31611" spans="1:43">
      <c r="A31611" t="s">
        <v>19585</v>
      </c>
      <c r="B31611" t="s">
        <v>19586</v>
      </c>
      <c r="C31611" t="s">
        <v>19583</v>
      </c>
      <c r="D31611" t="s">
        <v>19584</v>
      </c>
      <c r="E31611" t="s">
        <v>19535</v>
      </c>
      <c r="F31611" t="s">
        <v>19536</v>
      </c>
      <c r="G31611" t="s">
        <v>10734</v>
      </c>
      <c r="H31611" t="s">
        <v>10735</v>
      </c>
      <c r="I31611" s="2">
        <v>0</v>
      </c>
      <c r="J31611" s="2">
        <v>0</v>
      </c>
      <c r="K31611" s="2">
        <v>1</v>
      </c>
      <c r="L31611" t="s">
        <v>995</v>
      </c>
      <c r="M31611" t="s">
        <v>87</v>
      </c>
      <c r="N31611" t="s">
        <v>88</v>
      </c>
      <c r="O31611" t="s">
        <v>85</v>
      </c>
      <c r="P31611" t="s">
        <v>86</v>
      </c>
      <c r="Q31611">
        <v>28</v>
      </c>
      <c r="R31611">
        <v>28</v>
      </c>
      <c r="S31611">
        <v>29</v>
      </c>
      <c r="T31611">
        <v>30</v>
      </c>
      <c r="U31611">
        <v>30</v>
      </c>
      <c r="V31611">
        <v>31</v>
      </c>
      <c r="W31611">
        <v>31</v>
      </c>
      <c r="X31611">
        <v>32</v>
      </c>
      <c r="Y31611">
        <v>32</v>
      </c>
      <c r="Z31611">
        <v>33</v>
      </c>
      <c r="AA31611">
        <v>33</v>
      </c>
      <c r="AB31611">
        <v>34</v>
      </c>
      <c r="AC31611">
        <v>35</v>
      </c>
      <c r="AD31611">
        <v>35</v>
      </c>
      <c r="AE31611">
        <v>36</v>
      </c>
      <c r="AF31611">
        <v>37</v>
      </c>
      <c r="AG31611">
        <v>37</v>
      </c>
      <c r="AH31611">
        <v>38</v>
      </c>
      <c r="AI31611">
        <v>39</v>
      </c>
      <c r="AJ31611">
        <v>39</v>
      </c>
      <c r="AK31611">
        <v>40</v>
      </c>
      <c r="AL31611">
        <v>41</v>
      </c>
      <c r="AM31611">
        <v>42</v>
      </c>
      <c r="AN31611">
        <v>43</v>
      </c>
      <c r="AO31611">
        <v>43</v>
      </c>
      <c r="AP31611">
        <v>44</v>
      </c>
      <c r="AQ31611">
        <v>45</v>
      </c>
    </row>
    <row r="31612" spans="1:43">
      <c r="A31612" t="s">
        <v>19585</v>
      </c>
      <c r="B31612" t="s">
        <v>19586</v>
      </c>
      <c r="C31612" t="s">
        <v>19583</v>
      </c>
      <c r="D31612" t="s">
        <v>19584</v>
      </c>
      <c r="E31612" t="s">
        <v>19535</v>
      </c>
      <c r="F31612" t="s">
        <v>19536</v>
      </c>
      <c r="G31612" t="s">
        <v>10734</v>
      </c>
      <c r="H31612" t="s">
        <v>10735</v>
      </c>
      <c r="I31612" s="2">
        <v>0</v>
      </c>
      <c r="J31612" s="2">
        <v>0</v>
      </c>
      <c r="K31612" s="2">
        <v>1</v>
      </c>
      <c r="L31612" t="s">
        <v>995</v>
      </c>
      <c r="M31612" t="s">
        <v>89</v>
      </c>
      <c r="N31612" t="s">
        <v>90</v>
      </c>
      <c r="O31612" t="s">
        <v>85</v>
      </c>
      <c r="P31612" t="s">
        <v>86</v>
      </c>
      <c r="Q31612">
        <v>28</v>
      </c>
      <c r="R31612">
        <v>30</v>
      </c>
      <c r="S31612">
        <v>31</v>
      </c>
      <c r="T31612">
        <v>32</v>
      </c>
      <c r="U31612">
        <v>33</v>
      </c>
      <c r="V31612">
        <v>34</v>
      </c>
      <c r="W31612">
        <v>35</v>
      </c>
      <c r="X31612">
        <v>36</v>
      </c>
      <c r="Y31612">
        <v>37</v>
      </c>
      <c r="Z31612">
        <v>38</v>
      </c>
      <c r="AA31612">
        <v>39</v>
      </c>
      <c r="AB31612">
        <v>40</v>
      </c>
      <c r="AC31612">
        <v>42</v>
      </c>
      <c r="AD31612">
        <v>43</v>
      </c>
      <c r="AE31612">
        <v>44</v>
      </c>
      <c r="AF31612">
        <v>44</v>
      </c>
      <c r="AG31612">
        <v>45</v>
      </c>
      <c r="AH31612">
        <v>46</v>
      </c>
      <c r="AI31612">
        <v>46</v>
      </c>
      <c r="AJ31612">
        <v>47</v>
      </c>
      <c r="AK31612">
        <v>48</v>
      </c>
      <c r="AL31612">
        <v>49</v>
      </c>
      <c r="AM31612">
        <v>49</v>
      </c>
      <c r="AN31612">
        <v>50</v>
      </c>
      <c r="AO31612">
        <v>51</v>
      </c>
      <c r="AP31612">
        <v>52</v>
      </c>
      <c r="AQ31612">
        <v>53</v>
      </c>
    </row>
    <row r="31613" spans="1:43">
      <c r="A31613" t="s">
        <v>19585</v>
      </c>
      <c r="B31613" t="s">
        <v>19586</v>
      </c>
      <c r="C31613" t="s">
        <v>19583</v>
      </c>
      <c r="D31613" t="s">
        <v>19584</v>
      </c>
      <c r="E31613" t="s">
        <v>19535</v>
      </c>
      <c r="F31613" t="s">
        <v>19536</v>
      </c>
      <c r="G31613" t="s">
        <v>10734</v>
      </c>
      <c r="H31613" t="s">
        <v>10735</v>
      </c>
      <c r="I31613" s="2">
        <v>0</v>
      </c>
      <c r="J31613" s="2">
        <v>0</v>
      </c>
      <c r="K31613" s="2">
        <v>1</v>
      </c>
      <c r="L31613" t="s">
        <v>995</v>
      </c>
      <c r="M31613" t="s">
        <v>83</v>
      </c>
      <c r="N31613" t="s">
        <v>91</v>
      </c>
      <c r="O31613" t="s">
        <v>85</v>
      </c>
      <c r="P31613" t="s">
        <v>86</v>
      </c>
      <c r="Q31613">
        <v>28</v>
      </c>
      <c r="R31613">
        <v>29</v>
      </c>
      <c r="S31613">
        <v>30</v>
      </c>
      <c r="T31613">
        <v>31</v>
      </c>
      <c r="U31613">
        <v>31</v>
      </c>
      <c r="V31613">
        <v>32</v>
      </c>
      <c r="W31613">
        <v>33</v>
      </c>
      <c r="X31613">
        <v>34</v>
      </c>
      <c r="Y31613">
        <v>35</v>
      </c>
      <c r="Z31613">
        <v>36</v>
      </c>
      <c r="AA31613">
        <v>37</v>
      </c>
      <c r="AB31613">
        <v>38</v>
      </c>
      <c r="AC31613">
        <v>39</v>
      </c>
      <c r="AD31613">
        <v>40</v>
      </c>
      <c r="AE31613">
        <v>41</v>
      </c>
      <c r="AF31613">
        <v>42</v>
      </c>
      <c r="AG31613">
        <v>43</v>
      </c>
      <c r="AH31613">
        <v>44</v>
      </c>
      <c r="AI31613">
        <v>45</v>
      </c>
      <c r="AJ31613">
        <v>46</v>
      </c>
      <c r="AK31613">
        <v>47</v>
      </c>
      <c r="AL31613">
        <v>48</v>
      </c>
      <c r="AM31613">
        <v>49</v>
      </c>
      <c r="AN31613">
        <v>50</v>
      </c>
      <c r="AO31613">
        <v>51</v>
      </c>
      <c r="AP31613">
        <v>51</v>
      </c>
      <c r="AQ31613">
        <v>52</v>
      </c>
    </row>
    <row r="31614" spans="1:43">
      <c r="A31614" t="s">
        <v>19587</v>
      </c>
      <c r="B31614" t="s">
        <v>19588</v>
      </c>
      <c r="C31614" t="s">
        <v>19583</v>
      </c>
      <c r="D31614" t="s">
        <v>19584</v>
      </c>
      <c r="E31614" t="s">
        <v>19535</v>
      </c>
      <c r="F31614" t="s">
        <v>19536</v>
      </c>
      <c r="G31614" t="s">
        <v>10734</v>
      </c>
      <c r="H31614" t="s">
        <v>10735</v>
      </c>
      <c r="I31614" s="2">
        <v>0</v>
      </c>
      <c r="J31614" s="2">
        <v>0</v>
      </c>
      <c r="K31614" s="2">
        <v>1</v>
      </c>
      <c r="L31614" t="s">
        <v>995</v>
      </c>
      <c r="M31614" t="s">
        <v>83</v>
      </c>
      <c r="N31614" t="s">
        <v>84</v>
      </c>
      <c r="O31614" t="s">
        <v>85</v>
      </c>
      <c r="P31614" t="s">
        <v>86</v>
      </c>
      <c r="Q31614">
        <v>26</v>
      </c>
      <c r="R31614">
        <v>26</v>
      </c>
      <c r="S31614">
        <v>27</v>
      </c>
      <c r="T31614">
        <v>28</v>
      </c>
      <c r="U31614">
        <v>29</v>
      </c>
      <c r="V31614">
        <v>30</v>
      </c>
      <c r="W31614">
        <v>30</v>
      </c>
      <c r="X31614">
        <v>31</v>
      </c>
      <c r="Y31614">
        <v>32</v>
      </c>
      <c r="Z31614">
        <v>33</v>
      </c>
      <c r="AA31614">
        <v>34</v>
      </c>
      <c r="AB31614">
        <v>34</v>
      </c>
      <c r="AC31614">
        <v>35</v>
      </c>
      <c r="AD31614">
        <v>36</v>
      </c>
      <c r="AE31614">
        <v>37</v>
      </c>
      <c r="AF31614">
        <v>38</v>
      </c>
      <c r="AG31614">
        <v>39</v>
      </c>
      <c r="AH31614">
        <v>40</v>
      </c>
      <c r="AI31614">
        <v>41</v>
      </c>
      <c r="AJ31614">
        <v>42</v>
      </c>
      <c r="AK31614">
        <v>43</v>
      </c>
      <c r="AL31614">
        <v>44</v>
      </c>
      <c r="AM31614">
        <v>45</v>
      </c>
      <c r="AN31614">
        <v>45</v>
      </c>
      <c r="AO31614">
        <v>46</v>
      </c>
      <c r="AP31614">
        <v>47</v>
      </c>
      <c r="AQ31614">
        <v>48</v>
      </c>
    </row>
    <row r="31615" spans="1:43">
      <c r="A31615" t="s">
        <v>19587</v>
      </c>
      <c r="B31615" t="s">
        <v>19588</v>
      </c>
      <c r="C31615" t="s">
        <v>19583</v>
      </c>
      <c r="D31615" t="s">
        <v>19584</v>
      </c>
      <c r="E31615" t="s">
        <v>19535</v>
      </c>
      <c r="F31615" t="s">
        <v>19536</v>
      </c>
      <c r="G31615" t="s">
        <v>10734</v>
      </c>
      <c r="H31615" t="s">
        <v>10735</v>
      </c>
      <c r="I31615" s="2">
        <v>0</v>
      </c>
      <c r="J31615" s="2">
        <v>0</v>
      </c>
      <c r="K31615" s="2">
        <v>1</v>
      </c>
      <c r="L31615" t="s">
        <v>995</v>
      </c>
      <c r="M31615" t="s">
        <v>87</v>
      </c>
      <c r="N31615" t="s">
        <v>88</v>
      </c>
      <c r="O31615" t="s">
        <v>85</v>
      </c>
      <c r="P31615" t="s">
        <v>86</v>
      </c>
      <c r="Q31615">
        <v>26</v>
      </c>
      <c r="R31615">
        <v>26</v>
      </c>
      <c r="S31615">
        <v>26</v>
      </c>
      <c r="T31615">
        <v>27</v>
      </c>
      <c r="U31615">
        <v>27</v>
      </c>
      <c r="V31615">
        <v>28</v>
      </c>
      <c r="W31615">
        <v>28</v>
      </c>
      <c r="X31615">
        <v>29</v>
      </c>
      <c r="Y31615">
        <v>30</v>
      </c>
      <c r="Z31615">
        <v>30</v>
      </c>
      <c r="AA31615">
        <v>31</v>
      </c>
      <c r="AB31615">
        <v>31</v>
      </c>
      <c r="AC31615">
        <v>32</v>
      </c>
      <c r="AD31615">
        <v>32</v>
      </c>
      <c r="AE31615">
        <v>33</v>
      </c>
      <c r="AF31615">
        <v>34</v>
      </c>
      <c r="AG31615">
        <v>34</v>
      </c>
      <c r="AH31615">
        <v>35</v>
      </c>
      <c r="AI31615">
        <v>35</v>
      </c>
      <c r="AJ31615">
        <v>36</v>
      </c>
      <c r="AK31615">
        <v>37</v>
      </c>
      <c r="AL31615">
        <v>38</v>
      </c>
      <c r="AM31615">
        <v>38</v>
      </c>
      <c r="AN31615">
        <v>39</v>
      </c>
      <c r="AO31615">
        <v>40</v>
      </c>
      <c r="AP31615">
        <v>40</v>
      </c>
      <c r="AQ31615">
        <v>41</v>
      </c>
    </row>
    <row r="31616" spans="1:43">
      <c r="A31616" t="s">
        <v>19587</v>
      </c>
      <c r="B31616" t="s">
        <v>19588</v>
      </c>
      <c r="C31616" t="s">
        <v>19583</v>
      </c>
      <c r="D31616" t="s">
        <v>19584</v>
      </c>
      <c r="E31616" t="s">
        <v>19535</v>
      </c>
      <c r="F31616" t="s">
        <v>19536</v>
      </c>
      <c r="G31616" t="s">
        <v>10734</v>
      </c>
      <c r="H31616" t="s">
        <v>10735</v>
      </c>
      <c r="I31616" s="2">
        <v>0</v>
      </c>
      <c r="J31616" s="2">
        <v>0</v>
      </c>
      <c r="K31616" s="2">
        <v>1</v>
      </c>
      <c r="L31616" t="s">
        <v>995</v>
      </c>
      <c r="M31616" t="s">
        <v>89</v>
      </c>
      <c r="N31616" t="s">
        <v>90</v>
      </c>
      <c r="O31616" t="s">
        <v>85</v>
      </c>
      <c r="P31616" t="s">
        <v>86</v>
      </c>
      <c r="Q31616">
        <v>26</v>
      </c>
      <c r="R31616">
        <v>27</v>
      </c>
      <c r="S31616">
        <v>28</v>
      </c>
      <c r="T31616">
        <v>29</v>
      </c>
      <c r="U31616">
        <v>30</v>
      </c>
      <c r="V31616">
        <v>31</v>
      </c>
      <c r="W31616">
        <v>32</v>
      </c>
      <c r="X31616">
        <v>33</v>
      </c>
      <c r="Y31616">
        <v>34</v>
      </c>
      <c r="Z31616">
        <v>35</v>
      </c>
      <c r="AA31616">
        <v>36</v>
      </c>
      <c r="AB31616">
        <v>37</v>
      </c>
      <c r="AC31616">
        <v>38</v>
      </c>
      <c r="AD31616">
        <v>39</v>
      </c>
      <c r="AE31616">
        <v>40</v>
      </c>
      <c r="AF31616">
        <v>40</v>
      </c>
      <c r="AG31616">
        <v>41</v>
      </c>
      <c r="AH31616">
        <v>42</v>
      </c>
      <c r="AI31616">
        <v>42</v>
      </c>
      <c r="AJ31616">
        <v>43</v>
      </c>
      <c r="AK31616">
        <v>44</v>
      </c>
      <c r="AL31616">
        <v>44</v>
      </c>
      <c r="AM31616">
        <v>45</v>
      </c>
      <c r="AN31616">
        <v>46</v>
      </c>
      <c r="AO31616">
        <v>47</v>
      </c>
      <c r="AP31616">
        <v>47</v>
      </c>
      <c r="AQ31616">
        <v>48</v>
      </c>
    </row>
    <row r="31617" spans="1:43">
      <c r="A31617" t="s">
        <v>19587</v>
      </c>
      <c r="B31617" t="s">
        <v>19588</v>
      </c>
      <c r="C31617" t="s">
        <v>19583</v>
      </c>
      <c r="D31617" t="s">
        <v>19584</v>
      </c>
      <c r="E31617" t="s">
        <v>19535</v>
      </c>
      <c r="F31617" t="s">
        <v>19536</v>
      </c>
      <c r="G31617" t="s">
        <v>10734</v>
      </c>
      <c r="H31617" t="s">
        <v>10735</v>
      </c>
      <c r="I31617" s="2">
        <v>0</v>
      </c>
      <c r="J31617" s="2">
        <v>0</v>
      </c>
      <c r="K31617" s="2">
        <v>1</v>
      </c>
      <c r="L31617" t="s">
        <v>995</v>
      </c>
      <c r="M31617" t="s">
        <v>83</v>
      </c>
      <c r="N31617" t="s">
        <v>91</v>
      </c>
      <c r="O31617" t="s">
        <v>85</v>
      </c>
      <c r="P31617" t="s">
        <v>86</v>
      </c>
      <c r="Q31617">
        <v>26</v>
      </c>
      <c r="R31617">
        <v>26</v>
      </c>
      <c r="S31617">
        <v>27</v>
      </c>
      <c r="T31617">
        <v>28</v>
      </c>
      <c r="U31617">
        <v>29</v>
      </c>
      <c r="V31617">
        <v>30</v>
      </c>
      <c r="W31617">
        <v>30</v>
      </c>
      <c r="X31617">
        <v>31</v>
      </c>
      <c r="Y31617">
        <v>32</v>
      </c>
      <c r="Z31617">
        <v>33</v>
      </c>
      <c r="AA31617">
        <v>34</v>
      </c>
      <c r="AB31617">
        <v>34</v>
      </c>
      <c r="AC31617">
        <v>35</v>
      </c>
      <c r="AD31617">
        <v>36</v>
      </c>
      <c r="AE31617">
        <v>37</v>
      </c>
      <c r="AF31617">
        <v>38</v>
      </c>
      <c r="AG31617">
        <v>39</v>
      </c>
      <c r="AH31617">
        <v>40</v>
      </c>
      <c r="AI31617">
        <v>41</v>
      </c>
      <c r="AJ31617">
        <v>42</v>
      </c>
      <c r="AK31617">
        <v>43</v>
      </c>
      <c r="AL31617">
        <v>44</v>
      </c>
      <c r="AM31617">
        <v>45</v>
      </c>
      <c r="AN31617">
        <v>45</v>
      </c>
      <c r="AO31617">
        <v>46</v>
      </c>
      <c r="AP31617">
        <v>47</v>
      </c>
      <c r="AQ31617">
        <v>48</v>
      </c>
    </row>
    <row r="31618" spans="1:43">
      <c r="A31618" t="s">
        <v>19589</v>
      </c>
      <c r="B31618" t="s">
        <v>19590</v>
      </c>
      <c r="C31618" t="s">
        <v>19583</v>
      </c>
      <c r="D31618" t="s">
        <v>19584</v>
      </c>
      <c r="E31618" t="s">
        <v>19535</v>
      </c>
      <c r="F31618" t="s">
        <v>19536</v>
      </c>
      <c r="G31618" t="s">
        <v>10734</v>
      </c>
      <c r="H31618" t="s">
        <v>10735</v>
      </c>
      <c r="I31618" s="2">
        <v>0</v>
      </c>
      <c r="J31618" s="2">
        <v>0</v>
      </c>
      <c r="K31618" s="2">
        <v>1</v>
      </c>
      <c r="L31618" t="s">
        <v>995</v>
      </c>
      <c r="M31618" t="s">
        <v>83</v>
      </c>
      <c r="N31618" t="s">
        <v>84</v>
      </c>
      <c r="O31618" t="s">
        <v>85</v>
      </c>
      <c r="P31618" t="s">
        <v>86</v>
      </c>
      <c r="Q31618">
        <v>11</v>
      </c>
      <c r="R31618">
        <v>11</v>
      </c>
      <c r="S31618">
        <v>12</v>
      </c>
      <c r="T31618">
        <v>12</v>
      </c>
      <c r="U31618">
        <v>12</v>
      </c>
      <c r="V31618">
        <v>13</v>
      </c>
      <c r="W31618">
        <v>13</v>
      </c>
      <c r="X31618">
        <v>13</v>
      </c>
      <c r="Y31618">
        <v>14</v>
      </c>
      <c r="Z31618">
        <v>14</v>
      </c>
      <c r="AA31618">
        <v>14</v>
      </c>
      <c r="AB31618">
        <v>15</v>
      </c>
      <c r="AC31618">
        <v>15</v>
      </c>
      <c r="AD31618">
        <v>15</v>
      </c>
      <c r="AE31618">
        <v>16</v>
      </c>
      <c r="AF31618">
        <v>16</v>
      </c>
      <c r="AG31618">
        <v>17</v>
      </c>
      <c r="AH31618">
        <v>17</v>
      </c>
      <c r="AI31618">
        <v>18</v>
      </c>
      <c r="AJ31618">
        <v>18</v>
      </c>
      <c r="AK31618">
        <v>18</v>
      </c>
      <c r="AL31618">
        <v>19</v>
      </c>
      <c r="AM31618">
        <v>19</v>
      </c>
      <c r="AN31618">
        <v>19</v>
      </c>
      <c r="AO31618">
        <v>20</v>
      </c>
      <c r="AP31618">
        <v>20</v>
      </c>
      <c r="AQ31618">
        <v>20</v>
      </c>
    </row>
    <row r="31619" spans="1:43">
      <c r="A31619" t="s">
        <v>19589</v>
      </c>
      <c r="B31619" t="s">
        <v>19590</v>
      </c>
      <c r="C31619" t="s">
        <v>19583</v>
      </c>
      <c r="D31619" t="s">
        <v>19584</v>
      </c>
      <c r="E31619" t="s">
        <v>19535</v>
      </c>
      <c r="F31619" t="s">
        <v>19536</v>
      </c>
      <c r="G31619" t="s">
        <v>10734</v>
      </c>
      <c r="H31619" t="s">
        <v>10735</v>
      </c>
      <c r="I31619" s="2">
        <v>0</v>
      </c>
      <c r="J31619" s="2">
        <v>0</v>
      </c>
      <c r="K31619" s="2">
        <v>1</v>
      </c>
      <c r="L31619" t="s">
        <v>995</v>
      </c>
      <c r="M31619" t="s">
        <v>87</v>
      </c>
      <c r="N31619" t="s">
        <v>88</v>
      </c>
      <c r="O31619" t="s">
        <v>85</v>
      </c>
      <c r="P31619" t="s">
        <v>86</v>
      </c>
      <c r="Q31619">
        <v>11</v>
      </c>
      <c r="R31619">
        <v>11</v>
      </c>
      <c r="S31619">
        <v>11</v>
      </c>
      <c r="T31619">
        <v>12</v>
      </c>
      <c r="U31619">
        <v>12</v>
      </c>
      <c r="V31619">
        <v>12</v>
      </c>
      <c r="W31619">
        <v>12</v>
      </c>
      <c r="X31619">
        <v>12</v>
      </c>
      <c r="Y31619">
        <v>13</v>
      </c>
      <c r="Z31619">
        <v>13</v>
      </c>
      <c r="AA31619">
        <v>13</v>
      </c>
      <c r="AB31619">
        <v>13</v>
      </c>
      <c r="AC31619">
        <v>14</v>
      </c>
      <c r="AD31619">
        <v>14</v>
      </c>
      <c r="AE31619">
        <v>14</v>
      </c>
      <c r="AF31619">
        <v>14</v>
      </c>
      <c r="AG31619">
        <v>15</v>
      </c>
      <c r="AH31619">
        <v>15</v>
      </c>
      <c r="AI31619">
        <v>15</v>
      </c>
      <c r="AJ31619">
        <v>15</v>
      </c>
      <c r="AK31619">
        <v>16</v>
      </c>
      <c r="AL31619">
        <v>16</v>
      </c>
      <c r="AM31619">
        <v>16</v>
      </c>
      <c r="AN31619">
        <v>17</v>
      </c>
      <c r="AO31619">
        <v>17</v>
      </c>
      <c r="AP31619">
        <v>17</v>
      </c>
      <c r="AQ31619">
        <v>18</v>
      </c>
    </row>
    <row r="31620" spans="1:43">
      <c r="A31620" t="s">
        <v>19589</v>
      </c>
      <c r="B31620" t="s">
        <v>19590</v>
      </c>
      <c r="C31620" t="s">
        <v>19583</v>
      </c>
      <c r="D31620" t="s">
        <v>19584</v>
      </c>
      <c r="E31620" t="s">
        <v>19535</v>
      </c>
      <c r="F31620" t="s">
        <v>19536</v>
      </c>
      <c r="G31620" t="s">
        <v>10734</v>
      </c>
      <c r="H31620" t="s">
        <v>10735</v>
      </c>
      <c r="I31620" s="2">
        <v>0</v>
      </c>
      <c r="J31620" s="2">
        <v>0</v>
      </c>
      <c r="K31620" s="2">
        <v>1</v>
      </c>
      <c r="L31620" t="s">
        <v>995</v>
      </c>
      <c r="M31620" t="s">
        <v>89</v>
      </c>
      <c r="N31620" t="s">
        <v>90</v>
      </c>
      <c r="O31620" t="s">
        <v>85</v>
      </c>
      <c r="P31620" t="s">
        <v>86</v>
      </c>
      <c r="Q31620">
        <v>11</v>
      </c>
      <c r="R31620">
        <v>11</v>
      </c>
      <c r="S31620">
        <v>12</v>
      </c>
      <c r="T31620">
        <v>12</v>
      </c>
      <c r="U31620">
        <v>13</v>
      </c>
      <c r="V31620">
        <v>13</v>
      </c>
      <c r="W31620">
        <v>14</v>
      </c>
      <c r="X31620">
        <v>14</v>
      </c>
      <c r="Y31620">
        <v>14</v>
      </c>
      <c r="Z31620">
        <v>15</v>
      </c>
      <c r="AA31620">
        <v>15</v>
      </c>
      <c r="AB31620">
        <v>16</v>
      </c>
      <c r="AC31620">
        <v>16</v>
      </c>
      <c r="AD31620">
        <v>17</v>
      </c>
      <c r="AE31620">
        <v>17</v>
      </c>
      <c r="AF31620">
        <v>17</v>
      </c>
      <c r="AG31620">
        <v>18</v>
      </c>
      <c r="AH31620">
        <v>18</v>
      </c>
      <c r="AI31620">
        <v>18</v>
      </c>
      <c r="AJ31620">
        <v>18</v>
      </c>
      <c r="AK31620">
        <v>19</v>
      </c>
      <c r="AL31620">
        <v>19</v>
      </c>
      <c r="AM31620">
        <v>19</v>
      </c>
      <c r="AN31620">
        <v>20</v>
      </c>
      <c r="AO31620">
        <v>20</v>
      </c>
      <c r="AP31620">
        <v>20</v>
      </c>
      <c r="AQ31620">
        <v>20</v>
      </c>
    </row>
    <row r="31621" spans="1:43">
      <c r="A31621" t="s">
        <v>19589</v>
      </c>
      <c r="B31621" t="s">
        <v>19590</v>
      </c>
      <c r="C31621" t="s">
        <v>19583</v>
      </c>
      <c r="D31621" t="s">
        <v>19584</v>
      </c>
      <c r="E31621" t="s">
        <v>19535</v>
      </c>
      <c r="F31621" t="s">
        <v>19536</v>
      </c>
      <c r="G31621" t="s">
        <v>10734</v>
      </c>
      <c r="H31621" t="s">
        <v>10735</v>
      </c>
      <c r="I31621" s="2">
        <v>0</v>
      </c>
      <c r="J31621" s="2">
        <v>0</v>
      </c>
      <c r="K31621" s="2">
        <v>1</v>
      </c>
      <c r="L31621" t="s">
        <v>995</v>
      </c>
      <c r="M31621" t="s">
        <v>83</v>
      </c>
      <c r="N31621" t="s">
        <v>91</v>
      </c>
      <c r="O31621" t="s">
        <v>85</v>
      </c>
      <c r="P31621" t="s">
        <v>86</v>
      </c>
      <c r="Q31621">
        <v>11</v>
      </c>
      <c r="R31621">
        <v>11</v>
      </c>
      <c r="S31621">
        <v>12</v>
      </c>
      <c r="T31621">
        <v>12</v>
      </c>
      <c r="U31621">
        <v>12</v>
      </c>
      <c r="V31621">
        <v>13</v>
      </c>
      <c r="W31621">
        <v>13</v>
      </c>
      <c r="X31621">
        <v>13</v>
      </c>
      <c r="Y31621">
        <v>14</v>
      </c>
      <c r="Z31621">
        <v>14</v>
      </c>
      <c r="AA31621">
        <v>14</v>
      </c>
      <c r="AB31621">
        <v>15</v>
      </c>
      <c r="AC31621">
        <v>15</v>
      </c>
      <c r="AD31621">
        <v>15</v>
      </c>
      <c r="AE31621">
        <v>16</v>
      </c>
      <c r="AF31621">
        <v>16</v>
      </c>
      <c r="AG31621">
        <v>17</v>
      </c>
      <c r="AH31621">
        <v>17</v>
      </c>
      <c r="AI31621">
        <v>18</v>
      </c>
      <c r="AJ31621">
        <v>18</v>
      </c>
      <c r="AK31621">
        <v>18</v>
      </c>
      <c r="AL31621">
        <v>19</v>
      </c>
      <c r="AM31621">
        <v>19</v>
      </c>
      <c r="AN31621">
        <v>19</v>
      </c>
      <c r="AO31621">
        <v>20</v>
      </c>
      <c r="AP31621">
        <v>20</v>
      </c>
      <c r="AQ31621">
        <v>20</v>
      </c>
    </row>
    <row r="31622" spans="1:43">
      <c r="A31622" t="s">
        <v>19591</v>
      </c>
      <c r="B31622" t="s">
        <v>19592</v>
      </c>
      <c r="C31622" t="s">
        <v>19583</v>
      </c>
      <c r="D31622" t="s">
        <v>19584</v>
      </c>
      <c r="E31622" t="s">
        <v>19535</v>
      </c>
      <c r="F31622" t="s">
        <v>19536</v>
      </c>
      <c r="G31622" t="s">
        <v>10734</v>
      </c>
      <c r="H31622" t="s">
        <v>10735</v>
      </c>
      <c r="I31622" s="2">
        <v>0</v>
      </c>
      <c r="J31622" s="2">
        <v>0</v>
      </c>
      <c r="K31622" s="2">
        <v>1</v>
      </c>
      <c r="L31622" t="s">
        <v>995</v>
      </c>
      <c r="M31622" t="s">
        <v>83</v>
      </c>
      <c r="N31622" t="s">
        <v>84</v>
      </c>
      <c r="O31622" t="s">
        <v>85</v>
      </c>
      <c r="P31622" t="s">
        <v>86</v>
      </c>
      <c r="Q31622">
        <v>16</v>
      </c>
      <c r="R31622">
        <v>17</v>
      </c>
      <c r="S31622">
        <v>17</v>
      </c>
      <c r="T31622">
        <v>17</v>
      </c>
      <c r="U31622">
        <v>18</v>
      </c>
      <c r="V31622">
        <v>18</v>
      </c>
      <c r="W31622">
        <v>19</v>
      </c>
      <c r="X31622">
        <v>19</v>
      </c>
      <c r="Y31622">
        <v>20</v>
      </c>
      <c r="Z31622">
        <v>20</v>
      </c>
      <c r="AA31622">
        <v>21</v>
      </c>
      <c r="AB31622">
        <v>22</v>
      </c>
      <c r="AC31622">
        <v>22</v>
      </c>
      <c r="AD31622">
        <v>23</v>
      </c>
      <c r="AE31622">
        <v>23</v>
      </c>
      <c r="AF31622">
        <v>24</v>
      </c>
      <c r="AG31622">
        <v>24</v>
      </c>
      <c r="AH31622">
        <v>25</v>
      </c>
      <c r="AI31622">
        <v>26</v>
      </c>
      <c r="AJ31622">
        <v>26</v>
      </c>
      <c r="AK31622">
        <v>27</v>
      </c>
      <c r="AL31622">
        <v>27</v>
      </c>
      <c r="AM31622">
        <v>28</v>
      </c>
      <c r="AN31622">
        <v>28</v>
      </c>
      <c r="AO31622">
        <v>29</v>
      </c>
      <c r="AP31622">
        <v>29</v>
      </c>
      <c r="AQ31622">
        <v>30</v>
      </c>
    </row>
    <row r="31623" spans="1:43">
      <c r="A31623" t="s">
        <v>19591</v>
      </c>
      <c r="B31623" t="s">
        <v>19592</v>
      </c>
      <c r="C31623" t="s">
        <v>19583</v>
      </c>
      <c r="D31623" t="s">
        <v>19584</v>
      </c>
      <c r="E31623" t="s">
        <v>19535</v>
      </c>
      <c r="F31623" t="s">
        <v>19536</v>
      </c>
      <c r="G31623" t="s">
        <v>10734</v>
      </c>
      <c r="H31623" t="s">
        <v>10735</v>
      </c>
      <c r="I31623" s="2">
        <v>0</v>
      </c>
      <c r="J31623" s="2">
        <v>0</v>
      </c>
      <c r="K31623" s="2">
        <v>1</v>
      </c>
      <c r="L31623" t="s">
        <v>995</v>
      </c>
      <c r="M31623" t="s">
        <v>87</v>
      </c>
      <c r="N31623" t="s">
        <v>88</v>
      </c>
      <c r="O31623" t="s">
        <v>85</v>
      </c>
      <c r="P31623" t="s">
        <v>86</v>
      </c>
      <c r="Q31623">
        <v>16</v>
      </c>
      <c r="R31623">
        <v>16</v>
      </c>
      <c r="S31623">
        <v>17</v>
      </c>
      <c r="T31623">
        <v>17</v>
      </c>
      <c r="U31623">
        <v>17</v>
      </c>
      <c r="V31623">
        <v>17</v>
      </c>
      <c r="W31623">
        <v>18</v>
      </c>
      <c r="X31623">
        <v>18</v>
      </c>
      <c r="Y31623">
        <v>18</v>
      </c>
      <c r="Z31623">
        <v>19</v>
      </c>
      <c r="AA31623">
        <v>19</v>
      </c>
      <c r="AB31623">
        <v>19</v>
      </c>
      <c r="AC31623">
        <v>20</v>
      </c>
      <c r="AD31623">
        <v>20</v>
      </c>
      <c r="AE31623">
        <v>21</v>
      </c>
      <c r="AF31623">
        <v>21</v>
      </c>
      <c r="AG31623">
        <v>21</v>
      </c>
      <c r="AH31623">
        <v>22</v>
      </c>
      <c r="AI31623">
        <v>22</v>
      </c>
      <c r="AJ31623">
        <v>22</v>
      </c>
      <c r="AK31623">
        <v>23</v>
      </c>
      <c r="AL31623">
        <v>23</v>
      </c>
      <c r="AM31623">
        <v>24</v>
      </c>
      <c r="AN31623">
        <v>24</v>
      </c>
      <c r="AO31623">
        <v>25</v>
      </c>
      <c r="AP31623">
        <v>25</v>
      </c>
      <c r="AQ31623">
        <v>26</v>
      </c>
    </row>
    <row r="31624" spans="1:43">
      <c r="A31624" t="s">
        <v>19591</v>
      </c>
      <c r="B31624" t="s">
        <v>19592</v>
      </c>
      <c r="C31624" t="s">
        <v>19583</v>
      </c>
      <c r="D31624" t="s">
        <v>19584</v>
      </c>
      <c r="E31624" t="s">
        <v>19535</v>
      </c>
      <c r="F31624" t="s">
        <v>19536</v>
      </c>
      <c r="G31624" t="s">
        <v>10734</v>
      </c>
      <c r="H31624" t="s">
        <v>10735</v>
      </c>
      <c r="I31624" s="2">
        <v>0</v>
      </c>
      <c r="J31624" s="2">
        <v>0</v>
      </c>
      <c r="K31624" s="2">
        <v>1</v>
      </c>
      <c r="L31624" t="s">
        <v>995</v>
      </c>
      <c r="M31624" t="s">
        <v>89</v>
      </c>
      <c r="N31624" t="s">
        <v>90</v>
      </c>
      <c r="O31624" t="s">
        <v>85</v>
      </c>
      <c r="P31624" t="s">
        <v>86</v>
      </c>
      <c r="Q31624">
        <v>16</v>
      </c>
      <c r="R31624">
        <v>17</v>
      </c>
      <c r="S31624">
        <v>17</v>
      </c>
      <c r="T31624">
        <v>18</v>
      </c>
      <c r="U31624">
        <v>19</v>
      </c>
      <c r="V31624">
        <v>19</v>
      </c>
      <c r="W31624">
        <v>20</v>
      </c>
      <c r="X31624">
        <v>20</v>
      </c>
      <c r="Y31624">
        <v>21</v>
      </c>
      <c r="Z31624">
        <v>22</v>
      </c>
      <c r="AA31624">
        <v>22</v>
      </c>
      <c r="AB31624">
        <v>23</v>
      </c>
      <c r="AC31624">
        <v>24</v>
      </c>
      <c r="AD31624">
        <v>24</v>
      </c>
      <c r="AE31624">
        <v>25</v>
      </c>
      <c r="AF31624">
        <v>25</v>
      </c>
      <c r="AG31624">
        <v>26</v>
      </c>
      <c r="AH31624">
        <v>26</v>
      </c>
      <c r="AI31624">
        <v>26</v>
      </c>
      <c r="AJ31624">
        <v>27</v>
      </c>
      <c r="AK31624">
        <v>27</v>
      </c>
      <c r="AL31624">
        <v>28</v>
      </c>
      <c r="AM31624">
        <v>28</v>
      </c>
      <c r="AN31624">
        <v>29</v>
      </c>
      <c r="AO31624">
        <v>29</v>
      </c>
      <c r="AP31624">
        <v>29</v>
      </c>
      <c r="AQ31624">
        <v>30</v>
      </c>
    </row>
    <row r="31625" spans="1:43">
      <c r="A31625" t="s">
        <v>19591</v>
      </c>
      <c r="B31625" t="s">
        <v>19592</v>
      </c>
      <c r="C31625" t="s">
        <v>19583</v>
      </c>
      <c r="D31625" t="s">
        <v>19584</v>
      </c>
      <c r="E31625" t="s">
        <v>19535</v>
      </c>
      <c r="F31625" t="s">
        <v>19536</v>
      </c>
      <c r="G31625" t="s">
        <v>10734</v>
      </c>
      <c r="H31625" t="s">
        <v>10735</v>
      </c>
      <c r="I31625" s="2">
        <v>0</v>
      </c>
      <c r="J31625" s="2">
        <v>0</v>
      </c>
      <c r="K31625" s="2">
        <v>1</v>
      </c>
      <c r="L31625" t="s">
        <v>995</v>
      </c>
      <c r="M31625" t="s">
        <v>83</v>
      </c>
      <c r="N31625" t="s">
        <v>91</v>
      </c>
      <c r="O31625" t="s">
        <v>85</v>
      </c>
      <c r="P31625" t="s">
        <v>86</v>
      </c>
      <c r="Q31625">
        <v>16</v>
      </c>
      <c r="R31625">
        <v>17</v>
      </c>
      <c r="S31625">
        <v>17</v>
      </c>
      <c r="T31625">
        <v>17</v>
      </c>
      <c r="U31625">
        <v>18</v>
      </c>
      <c r="V31625">
        <v>18</v>
      </c>
      <c r="W31625">
        <v>19</v>
      </c>
      <c r="X31625">
        <v>19</v>
      </c>
      <c r="Y31625">
        <v>20</v>
      </c>
      <c r="Z31625">
        <v>20</v>
      </c>
      <c r="AA31625">
        <v>21</v>
      </c>
      <c r="AB31625">
        <v>22</v>
      </c>
      <c r="AC31625">
        <v>22</v>
      </c>
      <c r="AD31625">
        <v>23</v>
      </c>
      <c r="AE31625">
        <v>23</v>
      </c>
      <c r="AF31625">
        <v>24</v>
      </c>
      <c r="AG31625">
        <v>24</v>
      </c>
      <c r="AH31625">
        <v>25</v>
      </c>
      <c r="AI31625">
        <v>26</v>
      </c>
      <c r="AJ31625">
        <v>26</v>
      </c>
      <c r="AK31625">
        <v>27</v>
      </c>
      <c r="AL31625">
        <v>27</v>
      </c>
      <c r="AM31625">
        <v>28</v>
      </c>
      <c r="AN31625">
        <v>28</v>
      </c>
      <c r="AO31625">
        <v>29</v>
      </c>
      <c r="AP31625">
        <v>29</v>
      </c>
      <c r="AQ31625">
        <v>30</v>
      </c>
    </row>
    <row r="31626" spans="1:43">
      <c r="A31626" t="s">
        <v>19593</v>
      </c>
      <c r="B31626" t="s">
        <v>19594</v>
      </c>
      <c r="C31626" t="s">
        <v>19595</v>
      </c>
      <c r="D31626" t="s">
        <v>19596</v>
      </c>
      <c r="E31626" t="s">
        <v>19535</v>
      </c>
      <c r="F31626" t="s">
        <v>19536</v>
      </c>
      <c r="G31626" t="s">
        <v>10734</v>
      </c>
      <c r="H31626" t="s">
        <v>10735</v>
      </c>
      <c r="I31626" s="2">
        <v>0</v>
      </c>
      <c r="J31626" s="2">
        <v>0</v>
      </c>
      <c r="K31626" s="2">
        <v>1</v>
      </c>
      <c r="L31626" t="s">
        <v>995</v>
      </c>
      <c r="M31626" t="s">
        <v>83</v>
      </c>
      <c r="N31626" t="s">
        <v>84</v>
      </c>
      <c r="O31626" t="s">
        <v>85</v>
      </c>
      <c r="P31626" t="s">
        <v>86</v>
      </c>
      <c r="Q31626">
        <v>3</v>
      </c>
      <c r="R31626">
        <v>4</v>
      </c>
      <c r="S31626">
        <v>4</v>
      </c>
      <c r="T31626">
        <v>4</v>
      </c>
      <c r="U31626">
        <v>4</v>
      </c>
      <c r="V31626">
        <v>4</v>
      </c>
      <c r="W31626">
        <v>4</v>
      </c>
      <c r="X31626">
        <v>4</v>
      </c>
      <c r="Y31626">
        <v>4</v>
      </c>
      <c r="Z31626">
        <v>4</v>
      </c>
      <c r="AA31626">
        <v>5</v>
      </c>
      <c r="AB31626">
        <v>5</v>
      </c>
      <c r="AC31626">
        <v>5</v>
      </c>
      <c r="AD31626">
        <v>5</v>
      </c>
      <c r="AE31626">
        <v>5</v>
      </c>
      <c r="AF31626">
        <v>5</v>
      </c>
      <c r="AG31626">
        <v>5</v>
      </c>
      <c r="AH31626">
        <v>5</v>
      </c>
      <c r="AI31626">
        <v>6</v>
      </c>
      <c r="AJ31626">
        <v>6</v>
      </c>
      <c r="AK31626">
        <v>6</v>
      </c>
      <c r="AL31626">
        <v>6</v>
      </c>
      <c r="AM31626">
        <v>6</v>
      </c>
      <c r="AN31626">
        <v>6</v>
      </c>
      <c r="AO31626">
        <v>6</v>
      </c>
      <c r="AP31626">
        <v>6</v>
      </c>
      <c r="AQ31626">
        <v>6</v>
      </c>
    </row>
    <row r="31627" spans="1:43">
      <c r="A31627" t="s">
        <v>19593</v>
      </c>
      <c r="B31627" t="s">
        <v>19594</v>
      </c>
      <c r="C31627" t="s">
        <v>19595</v>
      </c>
      <c r="D31627" t="s">
        <v>19596</v>
      </c>
      <c r="E31627" t="s">
        <v>19535</v>
      </c>
      <c r="F31627" t="s">
        <v>19536</v>
      </c>
      <c r="G31627" t="s">
        <v>10734</v>
      </c>
      <c r="H31627" t="s">
        <v>10735</v>
      </c>
      <c r="I31627" s="2">
        <v>0</v>
      </c>
      <c r="J31627" s="2">
        <v>0</v>
      </c>
      <c r="K31627" s="2">
        <v>1</v>
      </c>
      <c r="L31627" t="s">
        <v>995</v>
      </c>
      <c r="M31627" t="s">
        <v>87</v>
      </c>
      <c r="N31627" t="s">
        <v>88</v>
      </c>
      <c r="O31627" t="s">
        <v>85</v>
      </c>
      <c r="P31627" t="s">
        <v>86</v>
      </c>
      <c r="Q31627">
        <v>3</v>
      </c>
      <c r="R31627">
        <v>4</v>
      </c>
      <c r="S31627">
        <v>4</v>
      </c>
      <c r="T31627">
        <v>4</v>
      </c>
      <c r="U31627">
        <v>4</v>
      </c>
      <c r="V31627">
        <v>4</v>
      </c>
      <c r="W31627">
        <v>4</v>
      </c>
      <c r="X31627">
        <v>4</v>
      </c>
      <c r="Y31627">
        <v>4</v>
      </c>
      <c r="Z31627">
        <v>4</v>
      </c>
      <c r="AA31627">
        <v>4</v>
      </c>
      <c r="AB31627">
        <v>4</v>
      </c>
      <c r="AC31627">
        <v>4</v>
      </c>
      <c r="AD31627">
        <v>4</v>
      </c>
      <c r="AE31627">
        <v>4</v>
      </c>
      <c r="AF31627">
        <v>5</v>
      </c>
      <c r="AG31627">
        <v>5</v>
      </c>
      <c r="AH31627">
        <v>5</v>
      </c>
      <c r="AI31627">
        <v>5</v>
      </c>
      <c r="AJ31627">
        <v>5</v>
      </c>
      <c r="AK31627">
        <v>5</v>
      </c>
      <c r="AL31627">
        <v>5</v>
      </c>
      <c r="AM31627">
        <v>5</v>
      </c>
      <c r="AN31627">
        <v>5</v>
      </c>
      <c r="AO31627">
        <v>5</v>
      </c>
      <c r="AP31627">
        <v>5</v>
      </c>
      <c r="AQ31627">
        <v>6</v>
      </c>
    </row>
    <row r="31628" spans="1:43">
      <c r="A31628" t="s">
        <v>19593</v>
      </c>
      <c r="B31628" t="s">
        <v>19594</v>
      </c>
      <c r="C31628" t="s">
        <v>19595</v>
      </c>
      <c r="D31628" t="s">
        <v>19596</v>
      </c>
      <c r="E31628" t="s">
        <v>19535</v>
      </c>
      <c r="F31628" t="s">
        <v>19536</v>
      </c>
      <c r="G31628" t="s">
        <v>10734</v>
      </c>
      <c r="H31628" t="s">
        <v>10735</v>
      </c>
      <c r="I31628" s="2">
        <v>0</v>
      </c>
      <c r="J31628" s="2">
        <v>0</v>
      </c>
      <c r="K31628" s="2">
        <v>1</v>
      </c>
      <c r="L31628" t="s">
        <v>995</v>
      </c>
      <c r="M31628" t="s">
        <v>89</v>
      </c>
      <c r="N31628" t="s">
        <v>90</v>
      </c>
      <c r="O31628" t="s">
        <v>85</v>
      </c>
      <c r="P31628" t="s">
        <v>86</v>
      </c>
      <c r="Q31628">
        <v>3</v>
      </c>
      <c r="R31628">
        <v>3</v>
      </c>
      <c r="S31628">
        <v>3</v>
      </c>
      <c r="T31628">
        <v>3</v>
      </c>
      <c r="U31628">
        <v>3</v>
      </c>
      <c r="V31628">
        <v>3</v>
      </c>
      <c r="W31628">
        <v>3</v>
      </c>
      <c r="X31628">
        <v>3</v>
      </c>
      <c r="Y31628">
        <v>4</v>
      </c>
      <c r="Z31628">
        <v>4</v>
      </c>
      <c r="AA31628">
        <v>4</v>
      </c>
      <c r="AB31628">
        <v>4</v>
      </c>
      <c r="AC31628">
        <v>4</v>
      </c>
      <c r="AD31628">
        <v>4</v>
      </c>
      <c r="AE31628">
        <v>4</v>
      </c>
      <c r="AF31628">
        <v>4</v>
      </c>
      <c r="AG31628">
        <v>5</v>
      </c>
      <c r="AH31628">
        <v>5</v>
      </c>
      <c r="AI31628">
        <v>5</v>
      </c>
      <c r="AJ31628">
        <v>5</v>
      </c>
      <c r="AK31628">
        <v>5</v>
      </c>
      <c r="AL31628">
        <v>5</v>
      </c>
      <c r="AM31628">
        <v>5</v>
      </c>
      <c r="AN31628">
        <v>5</v>
      </c>
      <c r="AO31628">
        <v>5</v>
      </c>
      <c r="AP31628">
        <v>5</v>
      </c>
      <c r="AQ31628">
        <v>5</v>
      </c>
    </row>
    <row r="31629" spans="1:43">
      <c r="A31629" t="s">
        <v>19593</v>
      </c>
      <c r="B31629" t="s">
        <v>19594</v>
      </c>
      <c r="C31629" t="s">
        <v>19595</v>
      </c>
      <c r="D31629" t="s">
        <v>19596</v>
      </c>
      <c r="E31629" t="s">
        <v>19535</v>
      </c>
      <c r="F31629" t="s">
        <v>19536</v>
      </c>
      <c r="G31629" t="s">
        <v>10734</v>
      </c>
      <c r="H31629" t="s">
        <v>10735</v>
      </c>
      <c r="I31629" s="2">
        <v>0</v>
      </c>
      <c r="J31629" s="2">
        <v>0</v>
      </c>
      <c r="K31629" s="2">
        <v>1</v>
      </c>
      <c r="L31629" t="s">
        <v>995</v>
      </c>
      <c r="M31629" t="s">
        <v>83</v>
      </c>
      <c r="N31629" t="s">
        <v>91</v>
      </c>
      <c r="O31629" t="s">
        <v>85</v>
      </c>
      <c r="P31629" t="s">
        <v>86</v>
      </c>
      <c r="Q31629">
        <v>3</v>
      </c>
      <c r="R31629">
        <v>4</v>
      </c>
      <c r="S31629">
        <v>4</v>
      </c>
      <c r="T31629">
        <v>4</v>
      </c>
      <c r="U31629">
        <v>4</v>
      </c>
      <c r="V31629">
        <v>4</v>
      </c>
      <c r="W31629">
        <v>4</v>
      </c>
      <c r="X31629">
        <v>4</v>
      </c>
      <c r="Y31629">
        <v>4</v>
      </c>
      <c r="Z31629">
        <v>4</v>
      </c>
      <c r="AA31629">
        <v>5</v>
      </c>
      <c r="AB31629">
        <v>5</v>
      </c>
      <c r="AC31629">
        <v>5</v>
      </c>
      <c r="AD31629">
        <v>5</v>
      </c>
      <c r="AE31629">
        <v>5</v>
      </c>
      <c r="AF31629">
        <v>5</v>
      </c>
      <c r="AG31629">
        <v>5</v>
      </c>
      <c r="AH31629">
        <v>5</v>
      </c>
      <c r="AI31629">
        <v>6</v>
      </c>
      <c r="AJ31629">
        <v>6</v>
      </c>
      <c r="AK31629">
        <v>6</v>
      </c>
      <c r="AL31629">
        <v>6</v>
      </c>
      <c r="AM31629">
        <v>6</v>
      </c>
      <c r="AN31629">
        <v>6</v>
      </c>
      <c r="AO31629">
        <v>6</v>
      </c>
      <c r="AP31629">
        <v>6</v>
      </c>
      <c r="AQ31629">
        <v>6</v>
      </c>
    </row>
    <row r="31630" spans="1:43">
      <c r="A31630" t="s">
        <v>19597</v>
      </c>
      <c r="B31630" t="s">
        <v>19598</v>
      </c>
      <c r="C31630" t="s">
        <v>19595</v>
      </c>
      <c r="D31630" t="s">
        <v>19596</v>
      </c>
      <c r="E31630" t="s">
        <v>19535</v>
      </c>
      <c r="F31630" t="s">
        <v>19536</v>
      </c>
      <c r="G31630" t="s">
        <v>10734</v>
      </c>
      <c r="H31630" t="s">
        <v>10735</v>
      </c>
      <c r="I31630" s="2">
        <v>0</v>
      </c>
      <c r="J31630" s="2">
        <v>0</v>
      </c>
      <c r="K31630" s="2">
        <v>1</v>
      </c>
      <c r="L31630" t="s">
        <v>995</v>
      </c>
      <c r="M31630" t="s">
        <v>83</v>
      </c>
      <c r="N31630" t="s">
        <v>84</v>
      </c>
      <c r="O31630" t="s">
        <v>85</v>
      </c>
      <c r="P31630" t="s">
        <v>86</v>
      </c>
      <c r="Q31630">
        <v>12</v>
      </c>
      <c r="R31630">
        <v>12</v>
      </c>
      <c r="S31630">
        <v>13</v>
      </c>
      <c r="T31630">
        <v>13</v>
      </c>
      <c r="U31630">
        <v>14</v>
      </c>
      <c r="V31630">
        <v>14</v>
      </c>
      <c r="W31630">
        <v>14</v>
      </c>
      <c r="X31630">
        <v>15</v>
      </c>
      <c r="Y31630">
        <v>15</v>
      </c>
      <c r="Z31630">
        <v>15</v>
      </c>
      <c r="AA31630">
        <v>16</v>
      </c>
      <c r="AB31630">
        <v>16</v>
      </c>
      <c r="AC31630">
        <v>17</v>
      </c>
      <c r="AD31630">
        <v>17</v>
      </c>
      <c r="AE31630">
        <v>18</v>
      </c>
      <c r="AF31630">
        <v>18</v>
      </c>
      <c r="AG31630">
        <v>18</v>
      </c>
      <c r="AH31630">
        <v>19</v>
      </c>
      <c r="AI31630">
        <v>19</v>
      </c>
      <c r="AJ31630">
        <v>20</v>
      </c>
      <c r="AK31630">
        <v>20</v>
      </c>
      <c r="AL31630">
        <v>21</v>
      </c>
      <c r="AM31630">
        <v>21</v>
      </c>
      <c r="AN31630">
        <v>21</v>
      </c>
      <c r="AO31630">
        <v>22</v>
      </c>
      <c r="AP31630">
        <v>22</v>
      </c>
      <c r="AQ31630">
        <v>22</v>
      </c>
    </row>
    <row r="31631" spans="1:43">
      <c r="A31631" t="s">
        <v>19597</v>
      </c>
      <c r="B31631" t="s">
        <v>19598</v>
      </c>
      <c r="C31631" t="s">
        <v>19595</v>
      </c>
      <c r="D31631" t="s">
        <v>19596</v>
      </c>
      <c r="E31631" t="s">
        <v>19535</v>
      </c>
      <c r="F31631" t="s">
        <v>19536</v>
      </c>
      <c r="G31631" t="s">
        <v>10734</v>
      </c>
      <c r="H31631" t="s">
        <v>10735</v>
      </c>
      <c r="I31631" s="2">
        <v>0</v>
      </c>
      <c r="J31631" s="2">
        <v>0</v>
      </c>
      <c r="K31631" s="2">
        <v>1</v>
      </c>
      <c r="L31631" t="s">
        <v>995</v>
      </c>
      <c r="M31631" t="s">
        <v>87</v>
      </c>
      <c r="N31631" t="s">
        <v>88</v>
      </c>
      <c r="O31631" t="s">
        <v>85</v>
      </c>
      <c r="P31631" t="s">
        <v>86</v>
      </c>
      <c r="Q31631">
        <v>12</v>
      </c>
      <c r="R31631">
        <v>12</v>
      </c>
      <c r="S31631">
        <v>12</v>
      </c>
      <c r="T31631">
        <v>13</v>
      </c>
      <c r="U31631">
        <v>13</v>
      </c>
      <c r="V31631">
        <v>13</v>
      </c>
      <c r="W31631">
        <v>13</v>
      </c>
      <c r="X31631">
        <v>14</v>
      </c>
      <c r="Y31631">
        <v>14</v>
      </c>
      <c r="Z31631">
        <v>14</v>
      </c>
      <c r="AA31631">
        <v>14</v>
      </c>
      <c r="AB31631">
        <v>15</v>
      </c>
      <c r="AC31631">
        <v>15</v>
      </c>
      <c r="AD31631">
        <v>15</v>
      </c>
      <c r="AE31631">
        <v>16</v>
      </c>
      <c r="AF31631">
        <v>16</v>
      </c>
      <c r="AG31631">
        <v>16</v>
      </c>
      <c r="AH31631">
        <v>16</v>
      </c>
      <c r="AI31631">
        <v>17</v>
      </c>
      <c r="AJ31631">
        <v>17</v>
      </c>
      <c r="AK31631">
        <v>17</v>
      </c>
      <c r="AL31631">
        <v>18</v>
      </c>
      <c r="AM31631">
        <v>18</v>
      </c>
      <c r="AN31631">
        <v>18</v>
      </c>
      <c r="AO31631">
        <v>19</v>
      </c>
      <c r="AP31631">
        <v>19</v>
      </c>
      <c r="AQ31631">
        <v>19</v>
      </c>
    </row>
    <row r="31632" spans="1:43">
      <c r="A31632" t="s">
        <v>19597</v>
      </c>
      <c r="B31632" t="s">
        <v>19598</v>
      </c>
      <c r="C31632" t="s">
        <v>19595</v>
      </c>
      <c r="D31632" t="s">
        <v>19596</v>
      </c>
      <c r="E31632" t="s">
        <v>19535</v>
      </c>
      <c r="F31632" t="s">
        <v>19536</v>
      </c>
      <c r="G31632" t="s">
        <v>10734</v>
      </c>
      <c r="H31632" t="s">
        <v>10735</v>
      </c>
      <c r="I31632" s="2">
        <v>0</v>
      </c>
      <c r="J31632" s="2">
        <v>0</v>
      </c>
      <c r="K31632" s="2">
        <v>1</v>
      </c>
      <c r="L31632" t="s">
        <v>995</v>
      </c>
      <c r="M31632" t="s">
        <v>89</v>
      </c>
      <c r="N31632" t="s">
        <v>90</v>
      </c>
      <c r="O31632" t="s">
        <v>85</v>
      </c>
      <c r="P31632" t="s">
        <v>86</v>
      </c>
      <c r="Q31632">
        <v>12</v>
      </c>
      <c r="R31632">
        <v>13</v>
      </c>
      <c r="S31632">
        <v>13</v>
      </c>
      <c r="T31632">
        <v>14</v>
      </c>
      <c r="U31632">
        <v>14</v>
      </c>
      <c r="V31632">
        <v>15</v>
      </c>
      <c r="W31632">
        <v>15</v>
      </c>
      <c r="X31632">
        <v>15</v>
      </c>
      <c r="Y31632">
        <v>16</v>
      </c>
      <c r="Z31632">
        <v>16</v>
      </c>
      <c r="AA31632">
        <v>17</v>
      </c>
      <c r="AB31632">
        <v>17</v>
      </c>
      <c r="AC31632">
        <v>18</v>
      </c>
      <c r="AD31632">
        <v>18</v>
      </c>
      <c r="AE31632">
        <v>19</v>
      </c>
      <c r="AF31632">
        <v>19</v>
      </c>
      <c r="AG31632">
        <v>19</v>
      </c>
      <c r="AH31632">
        <v>20</v>
      </c>
      <c r="AI31632">
        <v>20</v>
      </c>
      <c r="AJ31632">
        <v>20</v>
      </c>
      <c r="AK31632">
        <v>21</v>
      </c>
      <c r="AL31632">
        <v>21</v>
      </c>
      <c r="AM31632">
        <v>21</v>
      </c>
      <c r="AN31632">
        <v>22</v>
      </c>
      <c r="AO31632">
        <v>22</v>
      </c>
      <c r="AP31632">
        <v>22</v>
      </c>
      <c r="AQ31632">
        <v>23</v>
      </c>
    </row>
    <row r="31633" spans="1:43">
      <c r="A31633" t="s">
        <v>19597</v>
      </c>
      <c r="B31633" t="s">
        <v>19598</v>
      </c>
      <c r="C31633" t="s">
        <v>19595</v>
      </c>
      <c r="D31633" t="s">
        <v>19596</v>
      </c>
      <c r="E31633" t="s">
        <v>19535</v>
      </c>
      <c r="F31633" t="s">
        <v>19536</v>
      </c>
      <c r="G31633" t="s">
        <v>10734</v>
      </c>
      <c r="H31633" t="s">
        <v>10735</v>
      </c>
      <c r="I31633" s="2">
        <v>0</v>
      </c>
      <c r="J31633" s="2">
        <v>0</v>
      </c>
      <c r="K31633" s="2">
        <v>1</v>
      </c>
      <c r="L31633" t="s">
        <v>995</v>
      </c>
      <c r="M31633" t="s">
        <v>83</v>
      </c>
      <c r="N31633" t="s">
        <v>91</v>
      </c>
      <c r="O31633" t="s">
        <v>85</v>
      </c>
      <c r="P31633" t="s">
        <v>86</v>
      </c>
      <c r="Q31633">
        <v>12</v>
      </c>
      <c r="R31633">
        <v>12</v>
      </c>
      <c r="S31633">
        <v>13</v>
      </c>
      <c r="T31633">
        <v>13</v>
      </c>
      <c r="U31633">
        <v>14</v>
      </c>
      <c r="V31633">
        <v>14</v>
      </c>
      <c r="W31633">
        <v>14</v>
      </c>
      <c r="X31633">
        <v>15</v>
      </c>
      <c r="Y31633">
        <v>15</v>
      </c>
      <c r="Z31633">
        <v>15</v>
      </c>
      <c r="AA31633">
        <v>16</v>
      </c>
      <c r="AB31633">
        <v>16</v>
      </c>
      <c r="AC31633">
        <v>17</v>
      </c>
      <c r="AD31633">
        <v>17</v>
      </c>
      <c r="AE31633">
        <v>18</v>
      </c>
      <c r="AF31633">
        <v>18</v>
      </c>
      <c r="AG31633">
        <v>18</v>
      </c>
      <c r="AH31633">
        <v>19</v>
      </c>
      <c r="AI31633">
        <v>19</v>
      </c>
      <c r="AJ31633">
        <v>20</v>
      </c>
      <c r="AK31633">
        <v>20</v>
      </c>
      <c r="AL31633">
        <v>21</v>
      </c>
      <c r="AM31633">
        <v>21</v>
      </c>
      <c r="AN31633">
        <v>21</v>
      </c>
      <c r="AO31633">
        <v>22</v>
      </c>
      <c r="AP31633">
        <v>22</v>
      </c>
      <c r="AQ31633">
        <v>22</v>
      </c>
    </row>
    <row r="31634" spans="1:43">
      <c r="A31634" t="s">
        <v>19599</v>
      </c>
      <c r="B31634" t="s">
        <v>19600</v>
      </c>
      <c r="C31634" t="s">
        <v>19595</v>
      </c>
      <c r="D31634" t="s">
        <v>19596</v>
      </c>
      <c r="E31634" t="s">
        <v>19535</v>
      </c>
      <c r="F31634" t="s">
        <v>19536</v>
      </c>
      <c r="G31634" t="s">
        <v>10734</v>
      </c>
      <c r="H31634" t="s">
        <v>10735</v>
      </c>
      <c r="I31634" s="2">
        <v>0</v>
      </c>
      <c r="J31634" s="2">
        <v>0</v>
      </c>
      <c r="K31634" s="2">
        <v>1</v>
      </c>
      <c r="L31634" t="s">
        <v>995</v>
      </c>
      <c r="M31634" t="s">
        <v>83</v>
      </c>
      <c r="N31634" t="s">
        <v>84</v>
      </c>
      <c r="O31634" t="s">
        <v>85</v>
      </c>
      <c r="P31634" t="s">
        <v>86</v>
      </c>
      <c r="Q31634">
        <v>7</v>
      </c>
      <c r="R31634">
        <v>7</v>
      </c>
      <c r="S31634">
        <v>8</v>
      </c>
      <c r="T31634">
        <v>8</v>
      </c>
      <c r="U31634">
        <v>8</v>
      </c>
      <c r="V31634">
        <v>8</v>
      </c>
      <c r="W31634">
        <v>8</v>
      </c>
      <c r="X31634">
        <v>9</v>
      </c>
      <c r="Y31634">
        <v>9</v>
      </c>
      <c r="Z31634">
        <v>9</v>
      </c>
      <c r="AA31634">
        <v>9</v>
      </c>
      <c r="AB31634">
        <v>10</v>
      </c>
      <c r="AC31634">
        <v>10</v>
      </c>
      <c r="AD31634">
        <v>10</v>
      </c>
      <c r="AE31634">
        <v>10</v>
      </c>
      <c r="AF31634">
        <v>11</v>
      </c>
      <c r="AG31634">
        <v>11</v>
      </c>
      <c r="AH31634">
        <v>11</v>
      </c>
      <c r="AI31634">
        <v>11</v>
      </c>
      <c r="AJ31634">
        <v>12</v>
      </c>
      <c r="AK31634">
        <v>12</v>
      </c>
      <c r="AL31634">
        <v>12</v>
      </c>
      <c r="AM31634">
        <v>12</v>
      </c>
      <c r="AN31634">
        <v>13</v>
      </c>
      <c r="AO31634">
        <v>13</v>
      </c>
      <c r="AP31634">
        <v>13</v>
      </c>
      <c r="AQ31634">
        <v>13</v>
      </c>
    </row>
    <row r="31635" spans="1:43">
      <c r="A31635" t="s">
        <v>19599</v>
      </c>
      <c r="B31635" t="s">
        <v>19600</v>
      </c>
      <c r="C31635" t="s">
        <v>19595</v>
      </c>
      <c r="D31635" t="s">
        <v>19596</v>
      </c>
      <c r="E31635" t="s">
        <v>19535</v>
      </c>
      <c r="F31635" t="s">
        <v>19536</v>
      </c>
      <c r="G31635" t="s">
        <v>10734</v>
      </c>
      <c r="H31635" t="s">
        <v>10735</v>
      </c>
      <c r="I31635" s="2">
        <v>0</v>
      </c>
      <c r="J31635" s="2">
        <v>0</v>
      </c>
      <c r="K31635" s="2">
        <v>1</v>
      </c>
      <c r="L31635" t="s">
        <v>995</v>
      </c>
      <c r="M31635" t="s">
        <v>87</v>
      </c>
      <c r="N31635" t="s">
        <v>88</v>
      </c>
      <c r="O31635" t="s">
        <v>85</v>
      </c>
      <c r="P31635" t="s">
        <v>86</v>
      </c>
      <c r="Q31635">
        <v>7</v>
      </c>
      <c r="R31635">
        <v>7</v>
      </c>
      <c r="S31635">
        <v>7</v>
      </c>
      <c r="T31635">
        <v>8</v>
      </c>
      <c r="U31635">
        <v>8</v>
      </c>
      <c r="V31635">
        <v>8</v>
      </c>
      <c r="W31635">
        <v>8</v>
      </c>
      <c r="X31635">
        <v>8</v>
      </c>
      <c r="Y31635">
        <v>8</v>
      </c>
      <c r="Z31635">
        <v>8</v>
      </c>
      <c r="AA31635">
        <v>9</v>
      </c>
      <c r="AB31635">
        <v>9</v>
      </c>
      <c r="AC31635">
        <v>9</v>
      </c>
      <c r="AD31635">
        <v>9</v>
      </c>
      <c r="AE31635">
        <v>9</v>
      </c>
      <c r="AF31635">
        <v>9</v>
      </c>
      <c r="AG31635">
        <v>10</v>
      </c>
      <c r="AH31635">
        <v>10</v>
      </c>
      <c r="AI31635">
        <v>10</v>
      </c>
      <c r="AJ31635">
        <v>10</v>
      </c>
      <c r="AK31635">
        <v>10</v>
      </c>
      <c r="AL31635">
        <v>10</v>
      </c>
      <c r="AM31635">
        <v>11</v>
      </c>
      <c r="AN31635">
        <v>11</v>
      </c>
      <c r="AO31635">
        <v>11</v>
      </c>
      <c r="AP31635">
        <v>11</v>
      </c>
      <c r="AQ31635">
        <v>11</v>
      </c>
    </row>
    <row r="31636" spans="1:43">
      <c r="A31636" t="s">
        <v>19599</v>
      </c>
      <c r="B31636" t="s">
        <v>19600</v>
      </c>
      <c r="C31636" t="s">
        <v>19595</v>
      </c>
      <c r="D31636" t="s">
        <v>19596</v>
      </c>
      <c r="E31636" t="s">
        <v>19535</v>
      </c>
      <c r="F31636" t="s">
        <v>19536</v>
      </c>
      <c r="G31636" t="s">
        <v>10734</v>
      </c>
      <c r="H31636" t="s">
        <v>10735</v>
      </c>
      <c r="I31636" s="2">
        <v>0</v>
      </c>
      <c r="J31636" s="2">
        <v>0</v>
      </c>
      <c r="K31636" s="2">
        <v>1</v>
      </c>
      <c r="L31636" t="s">
        <v>995</v>
      </c>
      <c r="M31636" t="s">
        <v>89</v>
      </c>
      <c r="N31636" t="s">
        <v>90</v>
      </c>
      <c r="O31636" t="s">
        <v>85</v>
      </c>
      <c r="P31636" t="s">
        <v>86</v>
      </c>
      <c r="Q31636">
        <v>7</v>
      </c>
      <c r="R31636">
        <v>7</v>
      </c>
      <c r="S31636">
        <v>8</v>
      </c>
      <c r="T31636">
        <v>8</v>
      </c>
      <c r="U31636">
        <v>8</v>
      </c>
      <c r="V31636">
        <v>9</v>
      </c>
      <c r="W31636">
        <v>9</v>
      </c>
      <c r="X31636">
        <v>9</v>
      </c>
      <c r="Y31636">
        <v>9</v>
      </c>
      <c r="Z31636">
        <v>10</v>
      </c>
      <c r="AA31636">
        <v>10</v>
      </c>
      <c r="AB31636">
        <v>10</v>
      </c>
      <c r="AC31636">
        <v>11</v>
      </c>
      <c r="AD31636">
        <v>11</v>
      </c>
      <c r="AE31636">
        <v>11</v>
      </c>
      <c r="AF31636">
        <v>11</v>
      </c>
      <c r="AG31636">
        <v>11</v>
      </c>
      <c r="AH31636">
        <v>12</v>
      </c>
      <c r="AI31636">
        <v>12</v>
      </c>
      <c r="AJ31636">
        <v>12</v>
      </c>
      <c r="AK31636">
        <v>12</v>
      </c>
      <c r="AL31636">
        <v>12</v>
      </c>
      <c r="AM31636">
        <v>13</v>
      </c>
      <c r="AN31636">
        <v>13</v>
      </c>
      <c r="AO31636">
        <v>13</v>
      </c>
      <c r="AP31636">
        <v>13</v>
      </c>
      <c r="AQ31636">
        <v>13</v>
      </c>
    </row>
    <row r="31637" spans="1:43">
      <c r="A31637" t="s">
        <v>19599</v>
      </c>
      <c r="B31637" t="s">
        <v>19600</v>
      </c>
      <c r="C31637" t="s">
        <v>19595</v>
      </c>
      <c r="D31637" t="s">
        <v>19596</v>
      </c>
      <c r="E31637" t="s">
        <v>19535</v>
      </c>
      <c r="F31637" t="s">
        <v>19536</v>
      </c>
      <c r="G31637" t="s">
        <v>10734</v>
      </c>
      <c r="H31637" t="s">
        <v>10735</v>
      </c>
      <c r="I31637" s="2">
        <v>0</v>
      </c>
      <c r="J31637" s="2">
        <v>0</v>
      </c>
      <c r="K31637" s="2">
        <v>1</v>
      </c>
      <c r="L31637" t="s">
        <v>995</v>
      </c>
      <c r="M31637" t="s">
        <v>83</v>
      </c>
      <c r="N31637" t="s">
        <v>91</v>
      </c>
      <c r="O31637" t="s">
        <v>85</v>
      </c>
      <c r="P31637" t="s">
        <v>86</v>
      </c>
      <c r="Q31637">
        <v>7</v>
      </c>
      <c r="R31637">
        <v>7</v>
      </c>
      <c r="S31637">
        <v>8</v>
      </c>
      <c r="T31637">
        <v>8</v>
      </c>
      <c r="U31637">
        <v>8</v>
      </c>
      <c r="V31637">
        <v>8</v>
      </c>
      <c r="W31637">
        <v>8</v>
      </c>
      <c r="X31637">
        <v>9</v>
      </c>
      <c r="Y31637">
        <v>9</v>
      </c>
      <c r="Z31637">
        <v>9</v>
      </c>
      <c r="AA31637">
        <v>9</v>
      </c>
      <c r="AB31637">
        <v>10</v>
      </c>
      <c r="AC31637">
        <v>10</v>
      </c>
      <c r="AD31637">
        <v>10</v>
      </c>
      <c r="AE31637">
        <v>10</v>
      </c>
      <c r="AF31637">
        <v>11</v>
      </c>
      <c r="AG31637">
        <v>11</v>
      </c>
      <c r="AH31637">
        <v>11</v>
      </c>
      <c r="AI31637">
        <v>11</v>
      </c>
      <c r="AJ31637">
        <v>12</v>
      </c>
      <c r="AK31637">
        <v>12</v>
      </c>
      <c r="AL31637">
        <v>12</v>
      </c>
      <c r="AM31637">
        <v>12</v>
      </c>
      <c r="AN31637">
        <v>13</v>
      </c>
      <c r="AO31637">
        <v>13</v>
      </c>
      <c r="AP31637">
        <v>13</v>
      </c>
      <c r="AQ31637">
        <v>13</v>
      </c>
    </row>
    <row r="31638" spans="1:43">
      <c r="A31638" t="s">
        <v>19601</v>
      </c>
      <c r="B31638" t="s">
        <v>19602</v>
      </c>
      <c r="C31638" t="s">
        <v>19603</v>
      </c>
      <c r="D31638" t="s">
        <v>19604</v>
      </c>
      <c r="E31638" t="s">
        <v>19535</v>
      </c>
      <c r="F31638" t="s">
        <v>19536</v>
      </c>
      <c r="G31638" t="s">
        <v>10734</v>
      </c>
      <c r="H31638" t="s">
        <v>10735</v>
      </c>
      <c r="I31638" s="2">
        <v>0</v>
      </c>
      <c r="J31638" s="2">
        <v>0</v>
      </c>
      <c r="K31638" s="2">
        <v>1</v>
      </c>
      <c r="L31638" t="s">
        <v>995</v>
      </c>
      <c r="M31638" t="s">
        <v>83</v>
      </c>
      <c r="N31638" t="s">
        <v>84</v>
      </c>
      <c r="O31638" t="s">
        <v>85</v>
      </c>
      <c r="P31638" t="s">
        <v>86</v>
      </c>
      <c r="Q31638">
        <v>44</v>
      </c>
      <c r="R31638">
        <v>46</v>
      </c>
      <c r="S31638">
        <v>47</v>
      </c>
      <c r="T31638">
        <v>48</v>
      </c>
      <c r="U31638">
        <v>50</v>
      </c>
      <c r="V31638">
        <v>51</v>
      </c>
      <c r="W31638">
        <v>52</v>
      </c>
      <c r="X31638">
        <v>54</v>
      </c>
      <c r="Y31638">
        <v>55</v>
      </c>
      <c r="Z31638">
        <v>57</v>
      </c>
      <c r="AA31638">
        <v>58</v>
      </c>
      <c r="AB31638">
        <v>59</v>
      </c>
      <c r="AC31638">
        <v>61</v>
      </c>
      <c r="AD31638">
        <v>62</v>
      </c>
      <c r="AE31638">
        <v>64</v>
      </c>
      <c r="AF31638">
        <v>66</v>
      </c>
      <c r="AG31638">
        <v>67</v>
      </c>
      <c r="AH31638">
        <v>69</v>
      </c>
      <c r="AI31638">
        <v>71</v>
      </c>
      <c r="AJ31638">
        <v>72</v>
      </c>
      <c r="AK31638">
        <v>74</v>
      </c>
      <c r="AL31638">
        <v>76</v>
      </c>
      <c r="AM31638">
        <v>77</v>
      </c>
      <c r="AN31638">
        <v>78</v>
      </c>
      <c r="AO31638">
        <v>79</v>
      </c>
      <c r="AP31638">
        <v>81</v>
      </c>
      <c r="AQ31638">
        <v>82</v>
      </c>
    </row>
    <row r="31639" spans="1:43">
      <c r="A31639" t="s">
        <v>19601</v>
      </c>
      <c r="B31639" t="s">
        <v>19602</v>
      </c>
      <c r="C31639" t="s">
        <v>19603</v>
      </c>
      <c r="D31639" t="s">
        <v>19604</v>
      </c>
      <c r="E31639" t="s">
        <v>19535</v>
      </c>
      <c r="F31639" t="s">
        <v>19536</v>
      </c>
      <c r="G31639" t="s">
        <v>10734</v>
      </c>
      <c r="H31639" t="s">
        <v>10735</v>
      </c>
      <c r="I31639" s="2">
        <v>0</v>
      </c>
      <c r="J31639" s="2">
        <v>0</v>
      </c>
      <c r="K31639" s="2">
        <v>1</v>
      </c>
      <c r="L31639" t="s">
        <v>995</v>
      </c>
      <c r="M31639" t="s">
        <v>87</v>
      </c>
      <c r="N31639" t="s">
        <v>88</v>
      </c>
      <c r="O31639" t="s">
        <v>85</v>
      </c>
      <c r="P31639" t="s">
        <v>86</v>
      </c>
      <c r="Q31639">
        <v>44</v>
      </c>
      <c r="R31639">
        <v>45</v>
      </c>
      <c r="S31639">
        <v>46</v>
      </c>
      <c r="T31639">
        <v>46</v>
      </c>
      <c r="U31639">
        <v>47</v>
      </c>
      <c r="V31639">
        <v>48</v>
      </c>
      <c r="W31639">
        <v>49</v>
      </c>
      <c r="X31639">
        <v>50</v>
      </c>
      <c r="Y31639">
        <v>51</v>
      </c>
      <c r="Z31639">
        <v>52</v>
      </c>
      <c r="AA31639">
        <v>53</v>
      </c>
      <c r="AB31639">
        <v>54</v>
      </c>
      <c r="AC31639">
        <v>55</v>
      </c>
      <c r="AD31639">
        <v>56</v>
      </c>
      <c r="AE31639">
        <v>57</v>
      </c>
      <c r="AF31639">
        <v>58</v>
      </c>
      <c r="AG31639">
        <v>59</v>
      </c>
      <c r="AH31639">
        <v>60</v>
      </c>
      <c r="AI31639">
        <v>61</v>
      </c>
      <c r="AJ31639">
        <v>62</v>
      </c>
      <c r="AK31639">
        <v>64</v>
      </c>
      <c r="AL31639">
        <v>65</v>
      </c>
      <c r="AM31639">
        <v>66</v>
      </c>
      <c r="AN31639">
        <v>67</v>
      </c>
      <c r="AO31639">
        <v>69</v>
      </c>
      <c r="AP31639">
        <v>70</v>
      </c>
      <c r="AQ31639">
        <v>71</v>
      </c>
    </row>
    <row r="31640" spans="1:43">
      <c r="A31640" t="s">
        <v>19601</v>
      </c>
      <c r="B31640" t="s">
        <v>19602</v>
      </c>
      <c r="C31640" t="s">
        <v>19603</v>
      </c>
      <c r="D31640" t="s">
        <v>19604</v>
      </c>
      <c r="E31640" t="s">
        <v>19535</v>
      </c>
      <c r="F31640" t="s">
        <v>19536</v>
      </c>
      <c r="G31640" t="s">
        <v>10734</v>
      </c>
      <c r="H31640" t="s">
        <v>10735</v>
      </c>
      <c r="I31640" s="2">
        <v>0</v>
      </c>
      <c r="J31640" s="2">
        <v>0</v>
      </c>
      <c r="K31640" s="2">
        <v>1</v>
      </c>
      <c r="L31640" t="s">
        <v>995</v>
      </c>
      <c r="M31640" t="s">
        <v>89</v>
      </c>
      <c r="N31640" t="s">
        <v>90</v>
      </c>
      <c r="O31640" t="s">
        <v>85</v>
      </c>
      <c r="P31640" t="s">
        <v>86</v>
      </c>
      <c r="Q31640">
        <v>44</v>
      </c>
      <c r="R31640">
        <v>45</v>
      </c>
      <c r="S31640">
        <v>47</v>
      </c>
      <c r="T31640">
        <v>49</v>
      </c>
      <c r="U31640">
        <v>50</v>
      </c>
      <c r="V31640">
        <v>52</v>
      </c>
      <c r="W31640">
        <v>54</v>
      </c>
      <c r="X31640">
        <v>56</v>
      </c>
      <c r="Y31640">
        <v>57</v>
      </c>
      <c r="Z31640">
        <v>59</v>
      </c>
      <c r="AA31640">
        <v>61</v>
      </c>
      <c r="AB31640">
        <v>62</v>
      </c>
      <c r="AC31640">
        <v>64</v>
      </c>
      <c r="AD31640">
        <v>66</v>
      </c>
      <c r="AE31640">
        <v>67</v>
      </c>
      <c r="AF31640">
        <v>68</v>
      </c>
      <c r="AG31640">
        <v>70</v>
      </c>
      <c r="AH31640">
        <v>71</v>
      </c>
      <c r="AI31640">
        <v>72</v>
      </c>
      <c r="AJ31640">
        <v>73</v>
      </c>
      <c r="AK31640">
        <v>74</v>
      </c>
      <c r="AL31640">
        <v>75</v>
      </c>
      <c r="AM31640">
        <v>77</v>
      </c>
      <c r="AN31640">
        <v>78</v>
      </c>
      <c r="AO31640">
        <v>79</v>
      </c>
      <c r="AP31640">
        <v>80</v>
      </c>
      <c r="AQ31640">
        <v>82</v>
      </c>
    </row>
    <row r="31641" spans="1:43">
      <c r="A31641" t="s">
        <v>19601</v>
      </c>
      <c r="B31641" t="s">
        <v>19602</v>
      </c>
      <c r="C31641" t="s">
        <v>19603</v>
      </c>
      <c r="D31641" t="s">
        <v>19604</v>
      </c>
      <c r="E31641" t="s">
        <v>19535</v>
      </c>
      <c r="F31641" t="s">
        <v>19536</v>
      </c>
      <c r="G31641" t="s">
        <v>10734</v>
      </c>
      <c r="H31641" t="s">
        <v>10735</v>
      </c>
      <c r="I31641" s="2">
        <v>0</v>
      </c>
      <c r="J31641" s="2">
        <v>0</v>
      </c>
      <c r="K31641" s="2">
        <v>1</v>
      </c>
      <c r="L31641" t="s">
        <v>995</v>
      </c>
      <c r="M31641" t="s">
        <v>83</v>
      </c>
      <c r="N31641" t="s">
        <v>91</v>
      </c>
      <c r="O31641" t="s">
        <v>85</v>
      </c>
      <c r="P31641" t="s">
        <v>86</v>
      </c>
      <c r="Q31641">
        <v>44</v>
      </c>
      <c r="R31641">
        <v>46</v>
      </c>
      <c r="S31641">
        <v>47</v>
      </c>
      <c r="T31641">
        <v>48</v>
      </c>
      <c r="U31641">
        <v>50</v>
      </c>
      <c r="V31641">
        <v>51</v>
      </c>
      <c r="W31641">
        <v>52</v>
      </c>
      <c r="X31641">
        <v>54</v>
      </c>
      <c r="Y31641">
        <v>55</v>
      </c>
      <c r="Z31641">
        <v>57</v>
      </c>
      <c r="AA31641">
        <v>58</v>
      </c>
      <c r="AB31641">
        <v>59</v>
      </c>
      <c r="AC31641">
        <v>61</v>
      </c>
      <c r="AD31641">
        <v>62</v>
      </c>
      <c r="AE31641">
        <v>64</v>
      </c>
      <c r="AF31641">
        <v>66</v>
      </c>
      <c r="AG31641">
        <v>67</v>
      </c>
      <c r="AH31641">
        <v>69</v>
      </c>
      <c r="AI31641">
        <v>71</v>
      </c>
      <c r="AJ31641">
        <v>72</v>
      </c>
      <c r="AK31641">
        <v>74</v>
      </c>
      <c r="AL31641">
        <v>76</v>
      </c>
      <c r="AM31641">
        <v>77</v>
      </c>
      <c r="AN31641">
        <v>78</v>
      </c>
      <c r="AO31641">
        <v>79</v>
      </c>
      <c r="AP31641">
        <v>81</v>
      </c>
      <c r="AQ31641">
        <v>82</v>
      </c>
    </row>
    <row r="31642" spans="1:43">
      <c r="A31642" t="s">
        <v>19605</v>
      </c>
      <c r="B31642" t="s">
        <v>19606</v>
      </c>
      <c r="C31642" t="s">
        <v>19603</v>
      </c>
      <c r="D31642" t="s">
        <v>19604</v>
      </c>
      <c r="E31642" t="s">
        <v>19535</v>
      </c>
      <c r="F31642" t="s">
        <v>19536</v>
      </c>
      <c r="G31642" t="s">
        <v>10734</v>
      </c>
      <c r="H31642" t="s">
        <v>10735</v>
      </c>
      <c r="I31642" s="2">
        <v>0</v>
      </c>
      <c r="J31642" s="2">
        <v>0</v>
      </c>
      <c r="K31642" s="2">
        <v>0.91</v>
      </c>
      <c r="L31642" t="s">
        <v>995</v>
      </c>
      <c r="M31642" t="s">
        <v>83</v>
      </c>
      <c r="N31642" t="s">
        <v>84</v>
      </c>
      <c r="O31642" t="s">
        <v>85</v>
      </c>
      <c r="P31642" t="s">
        <v>86</v>
      </c>
      <c r="Q31642">
        <v>6</v>
      </c>
      <c r="R31642">
        <v>6</v>
      </c>
      <c r="S31642">
        <v>6</v>
      </c>
      <c r="T31642">
        <v>6</v>
      </c>
      <c r="U31642">
        <v>6</v>
      </c>
      <c r="V31642">
        <v>7</v>
      </c>
      <c r="W31642">
        <v>7</v>
      </c>
      <c r="X31642">
        <v>7</v>
      </c>
      <c r="Y31642">
        <v>7</v>
      </c>
      <c r="Z31642">
        <v>7</v>
      </c>
      <c r="AA31642">
        <v>7</v>
      </c>
      <c r="AB31642">
        <v>8</v>
      </c>
      <c r="AC31642">
        <v>8</v>
      </c>
      <c r="AD31642">
        <v>8</v>
      </c>
      <c r="AE31642">
        <v>8</v>
      </c>
      <c r="AF31642">
        <v>8</v>
      </c>
      <c r="AG31642">
        <v>9</v>
      </c>
      <c r="AH31642">
        <v>9</v>
      </c>
      <c r="AI31642">
        <v>9</v>
      </c>
      <c r="AJ31642">
        <v>9</v>
      </c>
      <c r="AK31642">
        <v>10</v>
      </c>
      <c r="AL31642">
        <v>10</v>
      </c>
      <c r="AM31642">
        <v>10</v>
      </c>
      <c r="AN31642">
        <v>10</v>
      </c>
      <c r="AO31642">
        <v>10</v>
      </c>
      <c r="AP31642">
        <v>10</v>
      </c>
      <c r="AQ31642">
        <v>11</v>
      </c>
    </row>
    <row r="31643" spans="1:43">
      <c r="A31643" t="s">
        <v>19605</v>
      </c>
      <c r="B31643" t="s">
        <v>19606</v>
      </c>
      <c r="C31643" t="s">
        <v>19603</v>
      </c>
      <c r="D31643" t="s">
        <v>19604</v>
      </c>
      <c r="E31643" t="s">
        <v>19535</v>
      </c>
      <c r="F31643" t="s">
        <v>19536</v>
      </c>
      <c r="G31643" t="s">
        <v>10734</v>
      </c>
      <c r="H31643" t="s">
        <v>10735</v>
      </c>
      <c r="I31643" s="2">
        <v>0</v>
      </c>
      <c r="J31643" s="2">
        <v>0</v>
      </c>
      <c r="K31643" s="2">
        <v>0.91</v>
      </c>
      <c r="L31643" t="s">
        <v>995</v>
      </c>
      <c r="M31643" t="s">
        <v>87</v>
      </c>
      <c r="N31643" t="s">
        <v>88</v>
      </c>
      <c r="O31643" t="s">
        <v>85</v>
      </c>
      <c r="P31643" t="s">
        <v>86</v>
      </c>
      <c r="Q31643">
        <v>6</v>
      </c>
      <c r="R31643">
        <v>6</v>
      </c>
      <c r="S31643">
        <v>6</v>
      </c>
      <c r="T31643">
        <v>6</v>
      </c>
      <c r="U31643">
        <v>6</v>
      </c>
      <c r="V31643">
        <v>6</v>
      </c>
      <c r="W31643">
        <v>6</v>
      </c>
      <c r="X31643">
        <v>6</v>
      </c>
      <c r="Y31643">
        <v>7</v>
      </c>
      <c r="Z31643">
        <v>7</v>
      </c>
      <c r="AA31643">
        <v>7</v>
      </c>
      <c r="AB31643">
        <v>7</v>
      </c>
      <c r="AC31643">
        <v>7</v>
      </c>
      <c r="AD31643">
        <v>7</v>
      </c>
      <c r="AE31643">
        <v>7</v>
      </c>
      <c r="AF31643">
        <v>7</v>
      </c>
      <c r="AG31643">
        <v>8</v>
      </c>
      <c r="AH31643">
        <v>8</v>
      </c>
      <c r="AI31643">
        <v>8</v>
      </c>
      <c r="AJ31643">
        <v>8</v>
      </c>
      <c r="AK31643">
        <v>8</v>
      </c>
      <c r="AL31643">
        <v>8</v>
      </c>
      <c r="AM31643">
        <v>8</v>
      </c>
      <c r="AN31643">
        <v>9</v>
      </c>
      <c r="AO31643">
        <v>9</v>
      </c>
      <c r="AP31643">
        <v>9</v>
      </c>
      <c r="AQ31643">
        <v>9</v>
      </c>
    </row>
    <row r="31644" spans="1:43">
      <c r="A31644" t="s">
        <v>19605</v>
      </c>
      <c r="B31644" t="s">
        <v>19606</v>
      </c>
      <c r="C31644" t="s">
        <v>19603</v>
      </c>
      <c r="D31644" t="s">
        <v>19604</v>
      </c>
      <c r="E31644" t="s">
        <v>19535</v>
      </c>
      <c r="F31644" t="s">
        <v>19536</v>
      </c>
      <c r="G31644" t="s">
        <v>10734</v>
      </c>
      <c r="H31644" t="s">
        <v>10735</v>
      </c>
      <c r="I31644" s="2">
        <v>0</v>
      </c>
      <c r="J31644" s="2">
        <v>0</v>
      </c>
      <c r="K31644" s="2">
        <v>0.91</v>
      </c>
      <c r="L31644" t="s">
        <v>995</v>
      </c>
      <c r="M31644" t="s">
        <v>89</v>
      </c>
      <c r="N31644" t="s">
        <v>90</v>
      </c>
      <c r="O31644" t="s">
        <v>85</v>
      </c>
      <c r="P31644" t="s">
        <v>86</v>
      </c>
      <c r="Q31644">
        <v>6</v>
      </c>
      <c r="R31644">
        <v>6</v>
      </c>
      <c r="S31644">
        <v>6</v>
      </c>
      <c r="T31644">
        <v>6</v>
      </c>
      <c r="U31644">
        <v>7</v>
      </c>
      <c r="V31644">
        <v>7</v>
      </c>
      <c r="W31644">
        <v>7</v>
      </c>
      <c r="X31644">
        <v>7</v>
      </c>
      <c r="Y31644">
        <v>7</v>
      </c>
      <c r="Z31644">
        <v>8</v>
      </c>
      <c r="AA31644">
        <v>8</v>
      </c>
      <c r="AB31644">
        <v>8</v>
      </c>
      <c r="AC31644">
        <v>8</v>
      </c>
      <c r="AD31644">
        <v>9</v>
      </c>
      <c r="AE31644">
        <v>9</v>
      </c>
      <c r="AF31644">
        <v>9</v>
      </c>
      <c r="AG31644">
        <v>9</v>
      </c>
      <c r="AH31644">
        <v>9</v>
      </c>
      <c r="AI31644">
        <v>9</v>
      </c>
      <c r="AJ31644">
        <v>9</v>
      </c>
      <c r="AK31644">
        <v>10</v>
      </c>
      <c r="AL31644">
        <v>10</v>
      </c>
      <c r="AM31644">
        <v>10</v>
      </c>
      <c r="AN31644">
        <v>10</v>
      </c>
      <c r="AO31644">
        <v>10</v>
      </c>
      <c r="AP31644">
        <v>10</v>
      </c>
      <c r="AQ31644">
        <v>11</v>
      </c>
    </row>
    <row r="31645" spans="1:43">
      <c r="A31645" t="s">
        <v>19605</v>
      </c>
      <c r="B31645" t="s">
        <v>19606</v>
      </c>
      <c r="C31645" t="s">
        <v>19603</v>
      </c>
      <c r="D31645" t="s">
        <v>19604</v>
      </c>
      <c r="E31645" t="s">
        <v>19535</v>
      </c>
      <c r="F31645" t="s">
        <v>19536</v>
      </c>
      <c r="G31645" t="s">
        <v>10734</v>
      </c>
      <c r="H31645" t="s">
        <v>10735</v>
      </c>
      <c r="I31645" s="2">
        <v>0</v>
      </c>
      <c r="J31645" s="2">
        <v>0</v>
      </c>
      <c r="K31645" s="2">
        <v>0.91</v>
      </c>
      <c r="L31645" t="s">
        <v>995</v>
      </c>
      <c r="M31645" t="s">
        <v>83</v>
      </c>
      <c r="N31645" t="s">
        <v>91</v>
      </c>
      <c r="O31645" t="s">
        <v>85</v>
      </c>
      <c r="P31645" t="s">
        <v>86</v>
      </c>
      <c r="Q31645">
        <v>6</v>
      </c>
      <c r="R31645">
        <v>6</v>
      </c>
      <c r="S31645">
        <v>6</v>
      </c>
      <c r="T31645">
        <v>6</v>
      </c>
      <c r="U31645">
        <v>6</v>
      </c>
      <c r="V31645">
        <v>7</v>
      </c>
      <c r="W31645">
        <v>7</v>
      </c>
      <c r="X31645">
        <v>7</v>
      </c>
      <c r="Y31645">
        <v>7</v>
      </c>
      <c r="Z31645">
        <v>7</v>
      </c>
      <c r="AA31645">
        <v>7</v>
      </c>
      <c r="AB31645">
        <v>8</v>
      </c>
      <c r="AC31645">
        <v>8</v>
      </c>
      <c r="AD31645">
        <v>8</v>
      </c>
      <c r="AE31645">
        <v>8</v>
      </c>
      <c r="AF31645">
        <v>8</v>
      </c>
      <c r="AG31645">
        <v>9</v>
      </c>
      <c r="AH31645">
        <v>9</v>
      </c>
      <c r="AI31645">
        <v>9</v>
      </c>
      <c r="AJ31645">
        <v>9</v>
      </c>
      <c r="AK31645">
        <v>10</v>
      </c>
      <c r="AL31645">
        <v>10</v>
      </c>
      <c r="AM31645">
        <v>10</v>
      </c>
      <c r="AN31645">
        <v>10</v>
      </c>
      <c r="AO31645">
        <v>10</v>
      </c>
      <c r="AP31645">
        <v>10</v>
      </c>
      <c r="AQ31645">
        <v>11</v>
      </c>
    </row>
    <row r="31646" spans="1:43">
      <c r="A31646" t="s">
        <v>19607</v>
      </c>
      <c r="B31646" t="s">
        <v>19608</v>
      </c>
      <c r="C31646" t="s">
        <v>19543</v>
      </c>
      <c r="D31646" t="s">
        <v>19544</v>
      </c>
      <c r="E31646" t="s">
        <v>19535</v>
      </c>
      <c r="F31646" t="s">
        <v>19536</v>
      </c>
      <c r="G31646" t="s">
        <v>10734</v>
      </c>
      <c r="H31646" t="s">
        <v>10735</v>
      </c>
      <c r="I31646" s="2">
        <v>0</v>
      </c>
      <c r="J31646" s="2">
        <v>0</v>
      </c>
      <c r="K31646" s="2">
        <v>1</v>
      </c>
      <c r="L31646" t="s">
        <v>995</v>
      </c>
      <c r="M31646" t="s">
        <v>83</v>
      </c>
      <c r="N31646" t="s">
        <v>84</v>
      </c>
      <c r="O31646" t="s">
        <v>85</v>
      </c>
      <c r="P31646" t="s">
        <v>86</v>
      </c>
      <c r="Q31646">
        <v>10</v>
      </c>
      <c r="R31646">
        <v>10</v>
      </c>
      <c r="S31646">
        <v>10</v>
      </c>
      <c r="T31646">
        <v>10</v>
      </c>
      <c r="U31646">
        <v>11</v>
      </c>
      <c r="V31646">
        <v>11</v>
      </c>
      <c r="W31646">
        <v>11</v>
      </c>
      <c r="X31646">
        <v>12</v>
      </c>
      <c r="Y31646">
        <v>12</v>
      </c>
      <c r="Z31646">
        <v>12</v>
      </c>
      <c r="AA31646">
        <v>13</v>
      </c>
      <c r="AB31646">
        <v>13</v>
      </c>
      <c r="AC31646">
        <v>13</v>
      </c>
      <c r="AD31646">
        <v>14</v>
      </c>
      <c r="AE31646">
        <v>14</v>
      </c>
      <c r="AF31646">
        <v>14</v>
      </c>
      <c r="AG31646">
        <v>15</v>
      </c>
      <c r="AH31646">
        <v>15</v>
      </c>
      <c r="AI31646">
        <v>15</v>
      </c>
      <c r="AJ31646">
        <v>16</v>
      </c>
      <c r="AK31646">
        <v>16</v>
      </c>
      <c r="AL31646">
        <v>16</v>
      </c>
      <c r="AM31646">
        <v>17</v>
      </c>
      <c r="AN31646">
        <v>17</v>
      </c>
      <c r="AO31646">
        <v>17</v>
      </c>
      <c r="AP31646">
        <v>17</v>
      </c>
      <c r="AQ31646">
        <v>18</v>
      </c>
    </row>
    <row r="31647" spans="1:43">
      <c r="A31647" t="s">
        <v>19607</v>
      </c>
      <c r="B31647" t="s">
        <v>19608</v>
      </c>
      <c r="C31647" t="s">
        <v>19543</v>
      </c>
      <c r="D31647" t="s">
        <v>19544</v>
      </c>
      <c r="E31647" t="s">
        <v>19535</v>
      </c>
      <c r="F31647" t="s">
        <v>19536</v>
      </c>
      <c r="G31647" t="s">
        <v>10734</v>
      </c>
      <c r="H31647" t="s">
        <v>10735</v>
      </c>
      <c r="I31647" s="2">
        <v>0</v>
      </c>
      <c r="J31647" s="2">
        <v>0</v>
      </c>
      <c r="K31647" s="2">
        <v>1</v>
      </c>
      <c r="L31647" t="s">
        <v>995</v>
      </c>
      <c r="M31647" t="s">
        <v>87</v>
      </c>
      <c r="N31647" t="s">
        <v>88</v>
      </c>
      <c r="O31647" t="s">
        <v>85</v>
      </c>
      <c r="P31647" t="s">
        <v>86</v>
      </c>
      <c r="Q31647">
        <v>10</v>
      </c>
      <c r="R31647">
        <v>11</v>
      </c>
      <c r="S31647">
        <v>11</v>
      </c>
      <c r="T31647">
        <v>11</v>
      </c>
      <c r="U31647">
        <v>11</v>
      </c>
      <c r="V31647">
        <v>11</v>
      </c>
      <c r="W31647">
        <v>12</v>
      </c>
      <c r="X31647">
        <v>12</v>
      </c>
      <c r="Y31647">
        <v>12</v>
      </c>
      <c r="Z31647">
        <v>12</v>
      </c>
      <c r="AA31647">
        <v>12</v>
      </c>
      <c r="AB31647">
        <v>13</v>
      </c>
      <c r="AC31647">
        <v>13</v>
      </c>
      <c r="AD31647">
        <v>13</v>
      </c>
      <c r="AE31647">
        <v>13</v>
      </c>
      <c r="AF31647">
        <v>13</v>
      </c>
      <c r="AG31647">
        <v>14</v>
      </c>
      <c r="AH31647">
        <v>14</v>
      </c>
      <c r="AI31647">
        <v>14</v>
      </c>
      <c r="AJ31647">
        <v>14</v>
      </c>
      <c r="AK31647">
        <v>15</v>
      </c>
      <c r="AL31647">
        <v>15</v>
      </c>
      <c r="AM31647">
        <v>15</v>
      </c>
      <c r="AN31647">
        <v>16</v>
      </c>
      <c r="AO31647">
        <v>16</v>
      </c>
      <c r="AP31647">
        <v>16</v>
      </c>
      <c r="AQ31647">
        <v>16</v>
      </c>
    </row>
    <row r="31648" spans="1:43">
      <c r="A31648" t="s">
        <v>19607</v>
      </c>
      <c r="B31648" t="s">
        <v>19608</v>
      </c>
      <c r="C31648" t="s">
        <v>19543</v>
      </c>
      <c r="D31648" t="s">
        <v>19544</v>
      </c>
      <c r="E31648" t="s">
        <v>19535</v>
      </c>
      <c r="F31648" t="s">
        <v>19536</v>
      </c>
      <c r="G31648" t="s">
        <v>10734</v>
      </c>
      <c r="H31648" t="s">
        <v>10735</v>
      </c>
      <c r="I31648" s="2">
        <v>0</v>
      </c>
      <c r="J31648" s="2">
        <v>0</v>
      </c>
      <c r="K31648" s="2">
        <v>1</v>
      </c>
      <c r="L31648" t="s">
        <v>995</v>
      </c>
      <c r="M31648" t="s">
        <v>89</v>
      </c>
      <c r="N31648" t="s">
        <v>90</v>
      </c>
      <c r="O31648" t="s">
        <v>85</v>
      </c>
      <c r="P31648" t="s">
        <v>86</v>
      </c>
      <c r="Q31648">
        <v>10</v>
      </c>
      <c r="R31648">
        <v>10</v>
      </c>
      <c r="S31648">
        <v>10</v>
      </c>
      <c r="T31648">
        <v>11</v>
      </c>
      <c r="U31648">
        <v>11</v>
      </c>
      <c r="V31648">
        <v>11</v>
      </c>
      <c r="W31648">
        <v>12</v>
      </c>
      <c r="X31648">
        <v>12</v>
      </c>
      <c r="Y31648">
        <v>13</v>
      </c>
      <c r="Z31648">
        <v>13</v>
      </c>
      <c r="AA31648">
        <v>13</v>
      </c>
      <c r="AB31648">
        <v>14</v>
      </c>
      <c r="AC31648">
        <v>14</v>
      </c>
      <c r="AD31648">
        <v>14</v>
      </c>
      <c r="AE31648">
        <v>15</v>
      </c>
      <c r="AF31648">
        <v>15</v>
      </c>
      <c r="AG31648">
        <v>15</v>
      </c>
      <c r="AH31648">
        <v>16</v>
      </c>
      <c r="AI31648">
        <v>16</v>
      </c>
      <c r="AJ31648">
        <v>16</v>
      </c>
      <c r="AK31648">
        <v>16</v>
      </c>
      <c r="AL31648">
        <v>17</v>
      </c>
      <c r="AM31648">
        <v>17</v>
      </c>
      <c r="AN31648">
        <v>17</v>
      </c>
      <c r="AO31648">
        <v>17</v>
      </c>
      <c r="AP31648">
        <v>18</v>
      </c>
      <c r="AQ31648">
        <v>18</v>
      </c>
    </row>
    <row r="31649" spans="1:43">
      <c r="A31649" t="s">
        <v>19607</v>
      </c>
      <c r="B31649" t="s">
        <v>19608</v>
      </c>
      <c r="C31649" t="s">
        <v>19543</v>
      </c>
      <c r="D31649" t="s">
        <v>19544</v>
      </c>
      <c r="E31649" t="s">
        <v>19535</v>
      </c>
      <c r="F31649" t="s">
        <v>19536</v>
      </c>
      <c r="G31649" t="s">
        <v>10734</v>
      </c>
      <c r="H31649" t="s">
        <v>10735</v>
      </c>
      <c r="I31649" s="2">
        <v>0</v>
      </c>
      <c r="J31649" s="2">
        <v>0</v>
      </c>
      <c r="K31649" s="2">
        <v>1</v>
      </c>
      <c r="L31649" t="s">
        <v>995</v>
      </c>
      <c r="M31649" t="s">
        <v>83</v>
      </c>
      <c r="N31649" t="s">
        <v>91</v>
      </c>
      <c r="O31649" t="s">
        <v>85</v>
      </c>
      <c r="P31649" t="s">
        <v>86</v>
      </c>
      <c r="Q31649">
        <v>10</v>
      </c>
      <c r="R31649">
        <v>10</v>
      </c>
      <c r="S31649">
        <v>10</v>
      </c>
      <c r="T31649">
        <v>10</v>
      </c>
      <c r="U31649">
        <v>11</v>
      </c>
      <c r="V31649">
        <v>11</v>
      </c>
      <c r="W31649">
        <v>11</v>
      </c>
      <c r="X31649">
        <v>12</v>
      </c>
      <c r="Y31649">
        <v>12</v>
      </c>
      <c r="Z31649">
        <v>12</v>
      </c>
      <c r="AA31649">
        <v>13</v>
      </c>
      <c r="AB31649">
        <v>13</v>
      </c>
      <c r="AC31649">
        <v>13</v>
      </c>
      <c r="AD31649">
        <v>14</v>
      </c>
      <c r="AE31649">
        <v>14</v>
      </c>
      <c r="AF31649">
        <v>14</v>
      </c>
      <c r="AG31649">
        <v>15</v>
      </c>
      <c r="AH31649">
        <v>15</v>
      </c>
      <c r="AI31649">
        <v>15</v>
      </c>
      <c r="AJ31649">
        <v>16</v>
      </c>
      <c r="AK31649">
        <v>16</v>
      </c>
      <c r="AL31649">
        <v>16</v>
      </c>
      <c r="AM31649">
        <v>17</v>
      </c>
      <c r="AN31649">
        <v>17</v>
      </c>
      <c r="AO31649">
        <v>17</v>
      </c>
      <c r="AP31649">
        <v>17</v>
      </c>
      <c r="AQ31649">
        <v>18</v>
      </c>
    </row>
    <row r="31650" spans="1:43">
      <c r="A31650" t="s">
        <v>19609</v>
      </c>
      <c r="B31650" t="s">
        <v>19610</v>
      </c>
      <c r="C31650" t="s">
        <v>19595</v>
      </c>
      <c r="D31650" t="s">
        <v>19596</v>
      </c>
      <c r="E31650" t="s">
        <v>19535</v>
      </c>
      <c r="F31650" t="s">
        <v>19536</v>
      </c>
      <c r="G31650" t="s">
        <v>10734</v>
      </c>
      <c r="H31650" t="s">
        <v>10735</v>
      </c>
      <c r="I31650" s="2">
        <v>0</v>
      </c>
      <c r="J31650" s="2">
        <v>0</v>
      </c>
      <c r="K31650" s="2">
        <v>1</v>
      </c>
      <c r="L31650" t="s">
        <v>995</v>
      </c>
      <c r="M31650" t="s">
        <v>83</v>
      </c>
      <c r="N31650" t="s">
        <v>84</v>
      </c>
      <c r="O31650" t="s">
        <v>85</v>
      </c>
      <c r="P31650" t="s">
        <v>86</v>
      </c>
      <c r="Q31650">
        <v>12</v>
      </c>
      <c r="R31650">
        <v>13</v>
      </c>
      <c r="S31650">
        <v>13</v>
      </c>
      <c r="T31650">
        <v>13</v>
      </c>
      <c r="U31650">
        <v>14</v>
      </c>
      <c r="V31650">
        <v>14</v>
      </c>
      <c r="W31650">
        <v>14</v>
      </c>
      <c r="X31650">
        <v>15</v>
      </c>
      <c r="Y31650">
        <v>15</v>
      </c>
      <c r="Z31650">
        <v>16</v>
      </c>
      <c r="AA31650">
        <v>16</v>
      </c>
      <c r="AB31650">
        <v>16</v>
      </c>
      <c r="AC31650">
        <v>17</v>
      </c>
      <c r="AD31650">
        <v>17</v>
      </c>
      <c r="AE31650">
        <v>18</v>
      </c>
      <c r="AF31650">
        <v>18</v>
      </c>
      <c r="AG31650">
        <v>19</v>
      </c>
      <c r="AH31650">
        <v>19</v>
      </c>
      <c r="AI31650">
        <v>20</v>
      </c>
      <c r="AJ31650">
        <v>20</v>
      </c>
      <c r="AK31650">
        <v>21</v>
      </c>
      <c r="AL31650">
        <v>21</v>
      </c>
      <c r="AM31650">
        <v>21</v>
      </c>
      <c r="AN31650">
        <v>22</v>
      </c>
      <c r="AO31650">
        <v>22</v>
      </c>
      <c r="AP31650">
        <v>22</v>
      </c>
      <c r="AQ31650">
        <v>23</v>
      </c>
    </row>
    <row r="31651" spans="1:43">
      <c r="A31651" t="s">
        <v>19609</v>
      </c>
      <c r="B31651" t="s">
        <v>19610</v>
      </c>
      <c r="C31651" t="s">
        <v>19595</v>
      </c>
      <c r="D31651" t="s">
        <v>19596</v>
      </c>
      <c r="E31651" t="s">
        <v>19535</v>
      </c>
      <c r="F31651" t="s">
        <v>19536</v>
      </c>
      <c r="G31651" t="s">
        <v>10734</v>
      </c>
      <c r="H31651" t="s">
        <v>10735</v>
      </c>
      <c r="I31651" s="2">
        <v>0</v>
      </c>
      <c r="J31651" s="2">
        <v>0</v>
      </c>
      <c r="K31651" s="2">
        <v>1</v>
      </c>
      <c r="L31651" t="s">
        <v>995</v>
      </c>
      <c r="M31651" t="s">
        <v>87</v>
      </c>
      <c r="N31651" t="s">
        <v>88</v>
      </c>
      <c r="O31651" t="s">
        <v>85</v>
      </c>
      <c r="P31651" t="s">
        <v>86</v>
      </c>
      <c r="Q31651">
        <v>12</v>
      </c>
      <c r="R31651">
        <v>12</v>
      </c>
      <c r="S31651">
        <v>13</v>
      </c>
      <c r="T31651">
        <v>13</v>
      </c>
      <c r="U31651">
        <v>13</v>
      </c>
      <c r="V31651">
        <v>13</v>
      </c>
      <c r="W31651">
        <v>14</v>
      </c>
      <c r="X31651">
        <v>14</v>
      </c>
      <c r="Y31651">
        <v>14</v>
      </c>
      <c r="Z31651">
        <v>14</v>
      </c>
      <c r="AA31651">
        <v>15</v>
      </c>
      <c r="AB31651">
        <v>15</v>
      </c>
      <c r="AC31651">
        <v>15</v>
      </c>
      <c r="AD31651">
        <v>15</v>
      </c>
      <c r="AE31651">
        <v>16</v>
      </c>
      <c r="AF31651">
        <v>16</v>
      </c>
      <c r="AG31651">
        <v>16</v>
      </c>
      <c r="AH31651">
        <v>17</v>
      </c>
      <c r="AI31651">
        <v>17</v>
      </c>
      <c r="AJ31651">
        <v>17</v>
      </c>
      <c r="AK31651">
        <v>18</v>
      </c>
      <c r="AL31651">
        <v>18</v>
      </c>
      <c r="AM31651">
        <v>18</v>
      </c>
      <c r="AN31651">
        <v>19</v>
      </c>
      <c r="AO31651">
        <v>19</v>
      </c>
      <c r="AP31651">
        <v>19</v>
      </c>
      <c r="AQ31651">
        <v>20</v>
      </c>
    </row>
    <row r="31652" spans="1:43">
      <c r="A31652" t="s">
        <v>19609</v>
      </c>
      <c r="B31652" t="s">
        <v>19610</v>
      </c>
      <c r="C31652" t="s">
        <v>19595</v>
      </c>
      <c r="D31652" t="s">
        <v>19596</v>
      </c>
      <c r="E31652" t="s">
        <v>19535</v>
      </c>
      <c r="F31652" t="s">
        <v>19536</v>
      </c>
      <c r="G31652" t="s">
        <v>10734</v>
      </c>
      <c r="H31652" t="s">
        <v>10735</v>
      </c>
      <c r="I31652" s="2">
        <v>0</v>
      </c>
      <c r="J31652" s="2">
        <v>0</v>
      </c>
      <c r="K31652" s="2">
        <v>1</v>
      </c>
      <c r="L31652" t="s">
        <v>995</v>
      </c>
      <c r="M31652" t="s">
        <v>89</v>
      </c>
      <c r="N31652" t="s">
        <v>90</v>
      </c>
      <c r="O31652" t="s">
        <v>85</v>
      </c>
      <c r="P31652" t="s">
        <v>86</v>
      </c>
      <c r="Q31652">
        <v>12</v>
      </c>
      <c r="R31652">
        <v>13</v>
      </c>
      <c r="S31652">
        <v>13</v>
      </c>
      <c r="T31652">
        <v>14</v>
      </c>
      <c r="U31652">
        <v>14</v>
      </c>
      <c r="V31652">
        <v>15</v>
      </c>
      <c r="W31652">
        <v>15</v>
      </c>
      <c r="X31652">
        <v>16</v>
      </c>
      <c r="Y31652">
        <v>16</v>
      </c>
      <c r="Z31652">
        <v>17</v>
      </c>
      <c r="AA31652">
        <v>17</v>
      </c>
      <c r="AB31652">
        <v>18</v>
      </c>
      <c r="AC31652">
        <v>18</v>
      </c>
      <c r="AD31652">
        <v>19</v>
      </c>
      <c r="AE31652">
        <v>19</v>
      </c>
      <c r="AF31652">
        <v>19</v>
      </c>
      <c r="AG31652">
        <v>20</v>
      </c>
      <c r="AH31652">
        <v>20</v>
      </c>
      <c r="AI31652">
        <v>20</v>
      </c>
      <c r="AJ31652">
        <v>21</v>
      </c>
      <c r="AK31652">
        <v>21</v>
      </c>
      <c r="AL31652">
        <v>21</v>
      </c>
      <c r="AM31652">
        <v>22</v>
      </c>
      <c r="AN31652">
        <v>22</v>
      </c>
      <c r="AO31652">
        <v>22</v>
      </c>
      <c r="AP31652">
        <v>23</v>
      </c>
      <c r="AQ31652">
        <v>23</v>
      </c>
    </row>
    <row r="31653" spans="1:43">
      <c r="A31653" t="s">
        <v>19609</v>
      </c>
      <c r="B31653" t="s">
        <v>19610</v>
      </c>
      <c r="C31653" t="s">
        <v>19595</v>
      </c>
      <c r="D31653" t="s">
        <v>19596</v>
      </c>
      <c r="E31653" t="s">
        <v>19535</v>
      </c>
      <c r="F31653" t="s">
        <v>19536</v>
      </c>
      <c r="G31653" t="s">
        <v>10734</v>
      </c>
      <c r="H31653" t="s">
        <v>10735</v>
      </c>
      <c r="I31653" s="2">
        <v>0</v>
      </c>
      <c r="J31653" s="2">
        <v>0</v>
      </c>
      <c r="K31653" s="2">
        <v>1</v>
      </c>
      <c r="L31653" t="s">
        <v>995</v>
      </c>
      <c r="M31653" t="s">
        <v>83</v>
      </c>
      <c r="N31653" t="s">
        <v>91</v>
      </c>
      <c r="O31653" t="s">
        <v>85</v>
      </c>
      <c r="P31653" t="s">
        <v>86</v>
      </c>
      <c r="Q31653">
        <v>12</v>
      </c>
      <c r="R31653">
        <v>13</v>
      </c>
      <c r="S31653">
        <v>13</v>
      </c>
      <c r="T31653">
        <v>13</v>
      </c>
      <c r="U31653">
        <v>14</v>
      </c>
      <c r="V31653">
        <v>14</v>
      </c>
      <c r="W31653">
        <v>14</v>
      </c>
      <c r="X31653">
        <v>15</v>
      </c>
      <c r="Y31653">
        <v>15</v>
      </c>
      <c r="Z31653">
        <v>16</v>
      </c>
      <c r="AA31653">
        <v>16</v>
      </c>
      <c r="AB31653">
        <v>16</v>
      </c>
      <c r="AC31653">
        <v>17</v>
      </c>
      <c r="AD31653">
        <v>17</v>
      </c>
      <c r="AE31653">
        <v>18</v>
      </c>
      <c r="AF31653">
        <v>18</v>
      </c>
      <c r="AG31653">
        <v>19</v>
      </c>
      <c r="AH31653">
        <v>19</v>
      </c>
      <c r="AI31653">
        <v>20</v>
      </c>
      <c r="AJ31653">
        <v>20</v>
      </c>
      <c r="AK31653">
        <v>21</v>
      </c>
      <c r="AL31653">
        <v>21</v>
      </c>
      <c r="AM31653">
        <v>21</v>
      </c>
      <c r="AN31653">
        <v>22</v>
      </c>
      <c r="AO31653">
        <v>22</v>
      </c>
      <c r="AP31653">
        <v>22</v>
      </c>
      <c r="AQ31653">
        <v>23</v>
      </c>
    </row>
    <row r="31654" spans="1:43">
      <c r="A31654" t="s">
        <v>19611</v>
      </c>
      <c r="B31654" t="s">
        <v>19612</v>
      </c>
      <c r="C31654" t="s">
        <v>19557</v>
      </c>
      <c r="D31654" t="s">
        <v>19558</v>
      </c>
      <c r="E31654" t="s">
        <v>19535</v>
      </c>
      <c r="F31654" t="s">
        <v>19536</v>
      </c>
      <c r="G31654" t="s">
        <v>10734</v>
      </c>
      <c r="H31654" t="s">
        <v>10735</v>
      </c>
      <c r="I31654" s="2">
        <v>0</v>
      </c>
      <c r="J31654" s="2">
        <v>0</v>
      </c>
      <c r="K31654" s="2">
        <v>1</v>
      </c>
      <c r="L31654" t="s">
        <v>995</v>
      </c>
      <c r="M31654" t="s">
        <v>83</v>
      </c>
      <c r="N31654" t="s">
        <v>84</v>
      </c>
      <c r="O31654" t="s">
        <v>85</v>
      </c>
      <c r="P31654" t="s">
        <v>86</v>
      </c>
      <c r="Q31654">
        <v>52</v>
      </c>
      <c r="R31654">
        <v>54</v>
      </c>
      <c r="S31654">
        <v>55</v>
      </c>
      <c r="T31654">
        <v>57</v>
      </c>
      <c r="U31654">
        <v>58</v>
      </c>
      <c r="V31654">
        <v>60</v>
      </c>
      <c r="W31654">
        <v>61</v>
      </c>
      <c r="X31654">
        <v>63</v>
      </c>
      <c r="Y31654">
        <v>65</v>
      </c>
      <c r="Z31654">
        <v>66</v>
      </c>
      <c r="AA31654">
        <v>68</v>
      </c>
      <c r="AB31654">
        <v>70</v>
      </c>
      <c r="AC31654">
        <v>72</v>
      </c>
      <c r="AD31654">
        <v>73</v>
      </c>
      <c r="AE31654">
        <v>75</v>
      </c>
      <c r="AF31654">
        <v>77</v>
      </c>
      <c r="AG31654">
        <v>79</v>
      </c>
      <c r="AH31654">
        <v>81</v>
      </c>
      <c r="AI31654">
        <v>83</v>
      </c>
      <c r="AJ31654">
        <v>85</v>
      </c>
      <c r="AK31654">
        <v>87</v>
      </c>
      <c r="AL31654">
        <v>89</v>
      </c>
      <c r="AM31654">
        <v>90</v>
      </c>
      <c r="AN31654">
        <v>92</v>
      </c>
      <c r="AO31654">
        <v>93</v>
      </c>
      <c r="AP31654">
        <v>95</v>
      </c>
      <c r="AQ31654">
        <v>96</v>
      </c>
    </row>
    <row r="31655" spans="1:43">
      <c r="A31655" t="s">
        <v>19611</v>
      </c>
      <c r="B31655" t="s">
        <v>19612</v>
      </c>
      <c r="C31655" t="s">
        <v>19557</v>
      </c>
      <c r="D31655" t="s">
        <v>19558</v>
      </c>
      <c r="E31655" t="s">
        <v>19535</v>
      </c>
      <c r="F31655" t="s">
        <v>19536</v>
      </c>
      <c r="G31655" t="s">
        <v>10734</v>
      </c>
      <c r="H31655" t="s">
        <v>10735</v>
      </c>
      <c r="I31655" s="2">
        <v>0</v>
      </c>
      <c r="J31655" s="2">
        <v>0</v>
      </c>
      <c r="K31655" s="2">
        <v>1</v>
      </c>
      <c r="L31655" t="s">
        <v>995</v>
      </c>
      <c r="M31655" t="s">
        <v>87</v>
      </c>
      <c r="N31655" t="s">
        <v>88</v>
      </c>
      <c r="O31655" t="s">
        <v>85</v>
      </c>
      <c r="P31655" t="s">
        <v>86</v>
      </c>
      <c r="Q31655">
        <v>52</v>
      </c>
      <c r="R31655">
        <v>53</v>
      </c>
      <c r="S31655">
        <v>54</v>
      </c>
      <c r="T31655">
        <v>55</v>
      </c>
      <c r="U31655">
        <v>56</v>
      </c>
      <c r="V31655">
        <v>57</v>
      </c>
      <c r="W31655">
        <v>58</v>
      </c>
      <c r="X31655">
        <v>59</v>
      </c>
      <c r="Y31655">
        <v>60</v>
      </c>
      <c r="Z31655">
        <v>61</v>
      </c>
      <c r="AA31655">
        <v>62</v>
      </c>
      <c r="AB31655">
        <v>63</v>
      </c>
      <c r="AC31655">
        <v>64</v>
      </c>
      <c r="AD31655">
        <v>65</v>
      </c>
      <c r="AE31655">
        <v>67</v>
      </c>
      <c r="AF31655">
        <v>68</v>
      </c>
      <c r="AG31655">
        <v>69</v>
      </c>
      <c r="AH31655">
        <v>71</v>
      </c>
      <c r="AI31655">
        <v>72</v>
      </c>
      <c r="AJ31655">
        <v>73</v>
      </c>
      <c r="AK31655">
        <v>75</v>
      </c>
      <c r="AL31655">
        <v>76</v>
      </c>
      <c r="AM31655">
        <v>77</v>
      </c>
      <c r="AN31655">
        <v>79</v>
      </c>
      <c r="AO31655">
        <v>81</v>
      </c>
      <c r="AP31655">
        <v>82</v>
      </c>
      <c r="AQ31655">
        <v>84</v>
      </c>
    </row>
    <row r="31656" spans="1:43">
      <c r="A31656" t="s">
        <v>19611</v>
      </c>
      <c r="B31656" t="s">
        <v>19612</v>
      </c>
      <c r="C31656" t="s">
        <v>19557</v>
      </c>
      <c r="D31656" t="s">
        <v>19558</v>
      </c>
      <c r="E31656" t="s">
        <v>19535</v>
      </c>
      <c r="F31656" t="s">
        <v>19536</v>
      </c>
      <c r="G31656" t="s">
        <v>10734</v>
      </c>
      <c r="H31656" t="s">
        <v>10735</v>
      </c>
      <c r="I31656" s="2">
        <v>0</v>
      </c>
      <c r="J31656" s="2">
        <v>0</v>
      </c>
      <c r="K31656" s="2">
        <v>1</v>
      </c>
      <c r="L31656" t="s">
        <v>995</v>
      </c>
      <c r="M31656" t="s">
        <v>89</v>
      </c>
      <c r="N31656" t="s">
        <v>90</v>
      </c>
      <c r="O31656" t="s">
        <v>85</v>
      </c>
      <c r="P31656" t="s">
        <v>86</v>
      </c>
      <c r="Q31656">
        <v>52</v>
      </c>
      <c r="R31656">
        <v>54</v>
      </c>
      <c r="S31656">
        <v>56</v>
      </c>
      <c r="T31656">
        <v>58</v>
      </c>
      <c r="U31656">
        <v>60</v>
      </c>
      <c r="V31656">
        <v>62</v>
      </c>
      <c r="W31656">
        <v>64</v>
      </c>
      <c r="X31656">
        <v>65</v>
      </c>
      <c r="Y31656">
        <v>67</v>
      </c>
      <c r="Z31656">
        <v>69</v>
      </c>
      <c r="AA31656">
        <v>71</v>
      </c>
      <c r="AB31656">
        <v>73</v>
      </c>
      <c r="AC31656">
        <v>76</v>
      </c>
      <c r="AD31656">
        <v>78</v>
      </c>
      <c r="AE31656">
        <v>80</v>
      </c>
      <c r="AF31656">
        <v>81</v>
      </c>
      <c r="AG31656">
        <v>82</v>
      </c>
      <c r="AH31656">
        <v>83</v>
      </c>
      <c r="AI31656">
        <v>85</v>
      </c>
      <c r="AJ31656">
        <v>86</v>
      </c>
      <c r="AK31656">
        <v>88</v>
      </c>
      <c r="AL31656">
        <v>89</v>
      </c>
      <c r="AM31656">
        <v>90</v>
      </c>
      <c r="AN31656">
        <v>92</v>
      </c>
      <c r="AO31656">
        <v>93</v>
      </c>
      <c r="AP31656">
        <v>95</v>
      </c>
      <c r="AQ31656">
        <v>96</v>
      </c>
    </row>
    <row r="31657" spans="1:43">
      <c r="A31657" t="s">
        <v>19611</v>
      </c>
      <c r="B31657" t="s">
        <v>19612</v>
      </c>
      <c r="C31657" t="s">
        <v>19557</v>
      </c>
      <c r="D31657" t="s">
        <v>19558</v>
      </c>
      <c r="E31657" t="s">
        <v>19535</v>
      </c>
      <c r="F31657" t="s">
        <v>19536</v>
      </c>
      <c r="G31657" t="s">
        <v>10734</v>
      </c>
      <c r="H31657" t="s">
        <v>10735</v>
      </c>
      <c r="I31657" s="2">
        <v>0</v>
      </c>
      <c r="J31657" s="2">
        <v>0</v>
      </c>
      <c r="K31657" s="2">
        <v>1</v>
      </c>
      <c r="L31657" t="s">
        <v>995</v>
      </c>
      <c r="M31657" t="s">
        <v>83</v>
      </c>
      <c r="N31657" t="s">
        <v>91</v>
      </c>
      <c r="O31657" t="s">
        <v>85</v>
      </c>
      <c r="P31657" t="s">
        <v>86</v>
      </c>
      <c r="Q31657">
        <v>52</v>
      </c>
      <c r="R31657">
        <v>54</v>
      </c>
      <c r="S31657">
        <v>55</v>
      </c>
      <c r="T31657">
        <v>57</v>
      </c>
      <c r="U31657">
        <v>58</v>
      </c>
      <c r="V31657">
        <v>60</v>
      </c>
      <c r="W31657">
        <v>61</v>
      </c>
      <c r="X31657">
        <v>63</v>
      </c>
      <c r="Y31657">
        <v>65</v>
      </c>
      <c r="Z31657">
        <v>66</v>
      </c>
      <c r="AA31657">
        <v>68</v>
      </c>
      <c r="AB31657">
        <v>70</v>
      </c>
      <c r="AC31657">
        <v>72</v>
      </c>
      <c r="AD31657">
        <v>73</v>
      </c>
      <c r="AE31657">
        <v>75</v>
      </c>
      <c r="AF31657">
        <v>77</v>
      </c>
      <c r="AG31657">
        <v>79</v>
      </c>
      <c r="AH31657">
        <v>81</v>
      </c>
      <c r="AI31657">
        <v>83</v>
      </c>
      <c r="AJ31657">
        <v>85</v>
      </c>
      <c r="AK31657">
        <v>87</v>
      </c>
      <c r="AL31657">
        <v>89</v>
      </c>
      <c r="AM31657">
        <v>90</v>
      </c>
      <c r="AN31657">
        <v>92</v>
      </c>
      <c r="AO31657">
        <v>93</v>
      </c>
      <c r="AP31657">
        <v>95</v>
      </c>
      <c r="AQ31657">
        <v>96</v>
      </c>
    </row>
    <row r="31658" spans="1:43">
      <c r="A31658" t="s">
        <v>19613</v>
      </c>
      <c r="B31658" t="s">
        <v>19614</v>
      </c>
      <c r="C31658" t="s">
        <v>19615</v>
      </c>
      <c r="D31658" t="s">
        <v>19616</v>
      </c>
      <c r="E31658" t="s">
        <v>19535</v>
      </c>
      <c r="F31658" t="s">
        <v>19536</v>
      </c>
      <c r="G31658" t="s">
        <v>10734</v>
      </c>
      <c r="H31658" t="s">
        <v>10735</v>
      </c>
      <c r="I31658" s="2">
        <v>0</v>
      </c>
      <c r="J31658" s="2">
        <v>0</v>
      </c>
      <c r="K31658" s="2">
        <v>1</v>
      </c>
      <c r="L31658" t="s">
        <v>995</v>
      </c>
      <c r="M31658" t="s">
        <v>83</v>
      </c>
      <c r="N31658" t="s">
        <v>84</v>
      </c>
      <c r="O31658" t="s">
        <v>85</v>
      </c>
      <c r="P31658" t="s">
        <v>86</v>
      </c>
      <c r="Q31658">
        <v>19</v>
      </c>
      <c r="R31658">
        <v>20</v>
      </c>
      <c r="S31658">
        <v>20</v>
      </c>
      <c r="T31658">
        <v>21</v>
      </c>
      <c r="U31658">
        <v>21</v>
      </c>
      <c r="V31658">
        <v>22</v>
      </c>
      <c r="W31658">
        <v>22</v>
      </c>
      <c r="X31658">
        <v>23</v>
      </c>
      <c r="Y31658">
        <v>24</v>
      </c>
      <c r="Z31658">
        <v>24</v>
      </c>
      <c r="AA31658">
        <v>25</v>
      </c>
      <c r="AB31658">
        <v>25</v>
      </c>
      <c r="AC31658">
        <v>26</v>
      </c>
      <c r="AD31658">
        <v>27</v>
      </c>
      <c r="AE31658">
        <v>27</v>
      </c>
      <c r="AF31658">
        <v>28</v>
      </c>
      <c r="AG31658">
        <v>29</v>
      </c>
      <c r="AH31658">
        <v>30</v>
      </c>
      <c r="AI31658">
        <v>30</v>
      </c>
      <c r="AJ31658">
        <v>31</v>
      </c>
      <c r="AK31658">
        <v>32</v>
      </c>
      <c r="AL31658">
        <v>32</v>
      </c>
      <c r="AM31658">
        <v>33</v>
      </c>
      <c r="AN31658">
        <v>33</v>
      </c>
      <c r="AO31658">
        <v>34</v>
      </c>
      <c r="AP31658">
        <v>34</v>
      </c>
      <c r="AQ31658">
        <v>35</v>
      </c>
    </row>
    <row r="31659" spans="1:43">
      <c r="A31659" t="s">
        <v>19613</v>
      </c>
      <c r="B31659" t="s">
        <v>19614</v>
      </c>
      <c r="C31659" t="s">
        <v>19615</v>
      </c>
      <c r="D31659" t="s">
        <v>19616</v>
      </c>
      <c r="E31659" t="s">
        <v>19535</v>
      </c>
      <c r="F31659" t="s">
        <v>19536</v>
      </c>
      <c r="G31659" t="s">
        <v>10734</v>
      </c>
      <c r="H31659" t="s">
        <v>10735</v>
      </c>
      <c r="I31659" s="2">
        <v>0</v>
      </c>
      <c r="J31659" s="2">
        <v>0</v>
      </c>
      <c r="K31659" s="2">
        <v>1</v>
      </c>
      <c r="L31659" t="s">
        <v>995</v>
      </c>
      <c r="M31659" t="s">
        <v>87</v>
      </c>
      <c r="N31659" t="s">
        <v>88</v>
      </c>
      <c r="O31659" t="s">
        <v>85</v>
      </c>
      <c r="P31659" t="s">
        <v>86</v>
      </c>
      <c r="Q31659">
        <v>19</v>
      </c>
      <c r="R31659">
        <v>19</v>
      </c>
      <c r="S31659">
        <v>20</v>
      </c>
      <c r="T31659">
        <v>20</v>
      </c>
      <c r="U31659">
        <v>20</v>
      </c>
      <c r="V31659">
        <v>21</v>
      </c>
      <c r="W31659">
        <v>21</v>
      </c>
      <c r="X31659">
        <v>21</v>
      </c>
      <c r="Y31659">
        <v>22</v>
      </c>
      <c r="Z31659">
        <v>22</v>
      </c>
      <c r="AA31659">
        <v>23</v>
      </c>
      <c r="AB31659">
        <v>23</v>
      </c>
      <c r="AC31659">
        <v>23</v>
      </c>
      <c r="AD31659">
        <v>24</v>
      </c>
      <c r="AE31659">
        <v>24</v>
      </c>
      <c r="AF31659">
        <v>25</v>
      </c>
      <c r="AG31659">
        <v>25</v>
      </c>
      <c r="AH31659">
        <v>26</v>
      </c>
      <c r="AI31659">
        <v>26</v>
      </c>
      <c r="AJ31659">
        <v>27</v>
      </c>
      <c r="AK31659">
        <v>27</v>
      </c>
      <c r="AL31659">
        <v>28</v>
      </c>
      <c r="AM31659">
        <v>28</v>
      </c>
      <c r="AN31659">
        <v>29</v>
      </c>
      <c r="AO31659">
        <v>29</v>
      </c>
      <c r="AP31659">
        <v>30</v>
      </c>
      <c r="AQ31659">
        <v>31</v>
      </c>
    </row>
    <row r="31660" spans="1:43">
      <c r="A31660" t="s">
        <v>19613</v>
      </c>
      <c r="B31660" t="s">
        <v>19614</v>
      </c>
      <c r="C31660" t="s">
        <v>19615</v>
      </c>
      <c r="D31660" t="s">
        <v>19616</v>
      </c>
      <c r="E31660" t="s">
        <v>19535</v>
      </c>
      <c r="F31660" t="s">
        <v>19536</v>
      </c>
      <c r="G31660" t="s">
        <v>10734</v>
      </c>
      <c r="H31660" t="s">
        <v>10735</v>
      </c>
      <c r="I31660" s="2">
        <v>0</v>
      </c>
      <c r="J31660" s="2">
        <v>0</v>
      </c>
      <c r="K31660" s="2">
        <v>1</v>
      </c>
      <c r="L31660" t="s">
        <v>995</v>
      </c>
      <c r="M31660" t="s">
        <v>89</v>
      </c>
      <c r="N31660" t="s">
        <v>90</v>
      </c>
      <c r="O31660" t="s">
        <v>85</v>
      </c>
      <c r="P31660" t="s">
        <v>86</v>
      </c>
      <c r="Q31660">
        <v>19</v>
      </c>
      <c r="R31660">
        <v>20</v>
      </c>
      <c r="S31660">
        <v>21</v>
      </c>
      <c r="T31660">
        <v>21</v>
      </c>
      <c r="U31660">
        <v>22</v>
      </c>
      <c r="V31660">
        <v>23</v>
      </c>
      <c r="W31660">
        <v>24</v>
      </c>
      <c r="X31660">
        <v>24</v>
      </c>
      <c r="Y31660">
        <v>25</v>
      </c>
      <c r="Z31660">
        <v>26</v>
      </c>
      <c r="AA31660">
        <v>26</v>
      </c>
      <c r="AB31660">
        <v>27</v>
      </c>
      <c r="AC31660">
        <v>28</v>
      </c>
      <c r="AD31660">
        <v>29</v>
      </c>
      <c r="AE31660">
        <v>29</v>
      </c>
      <c r="AF31660">
        <v>30</v>
      </c>
      <c r="AG31660">
        <v>30</v>
      </c>
      <c r="AH31660">
        <v>31</v>
      </c>
      <c r="AI31660">
        <v>31</v>
      </c>
      <c r="AJ31660">
        <v>32</v>
      </c>
      <c r="AK31660">
        <v>32</v>
      </c>
      <c r="AL31660">
        <v>33</v>
      </c>
      <c r="AM31660">
        <v>33</v>
      </c>
      <c r="AN31660">
        <v>34</v>
      </c>
      <c r="AO31660">
        <v>34</v>
      </c>
      <c r="AP31660">
        <v>35</v>
      </c>
      <c r="AQ31660">
        <v>35</v>
      </c>
    </row>
    <row r="31661" spans="1:43">
      <c r="A31661" t="s">
        <v>19613</v>
      </c>
      <c r="B31661" t="s">
        <v>19614</v>
      </c>
      <c r="C31661" t="s">
        <v>19615</v>
      </c>
      <c r="D31661" t="s">
        <v>19616</v>
      </c>
      <c r="E31661" t="s">
        <v>19535</v>
      </c>
      <c r="F31661" t="s">
        <v>19536</v>
      </c>
      <c r="G31661" t="s">
        <v>10734</v>
      </c>
      <c r="H31661" t="s">
        <v>10735</v>
      </c>
      <c r="I31661" s="2">
        <v>0</v>
      </c>
      <c r="J31661" s="2">
        <v>0</v>
      </c>
      <c r="K31661" s="2">
        <v>1</v>
      </c>
      <c r="L31661" t="s">
        <v>995</v>
      </c>
      <c r="M31661" t="s">
        <v>83</v>
      </c>
      <c r="N31661" t="s">
        <v>91</v>
      </c>
      <c r="O31661" t="s">
        <v>85</v>
      </c>
      <c r="P31661" t="s">
        <v>86</v>
      </c>
      <c r="Q31661">
        <v>19</v>
      </c>
      <c r="R31661">
        <v>20</v>
      </c>
      <c r="S31661">
        <v>20</v>
      </c>
      <c r="T31661">
        <v>21</v>
      </c>
      <c r="U31661">
        <v>21</v>
      </c>
      <c r="V31661">
        <v>22</v>
      </c>
      <c r="W31661">
        <v>22</v>
      </c>
      <c r="X31661">
        <v>23</v>
      </c>
      <c r="Y31661">
        <v>24</v>
      </c>
      <c r="Z31661">
        <v>24</v>
      </c>
      <c r="AA31661">
        <v>25</v>
      </c>
      <c r="AB31661">
        <v>25</v>
      </c>
      <c r="AC31661">
        <v>26</v>
      </c>
      <c r="AD31661">
        <v>27</v>
      </c>
      <c r="AE31661">
        <v>27</v>
      </c>
      <c r="AF31661">
        <v>28</v>
      </c>
      <c r="AG31661">
        <v>29</v>
      </c>
      <c r="AH31661">
        <v>30</v>
      </c>
      <c r="AI31661">
        <v>30</v>
      </c>
      <c r="AJ31661">
        <v>31</v>
      </c>
      <c r="AK31661">
        <v>32</v>
      </c>
      <c r="AL31661">
        <v>32</v>
      </c>
      <c r="AM31661">
        <v>33</v>
      </c>
      <c r="AN31661">
        <v>33</v>
      </c>
      <c r="AO31661">
        <v>34</v>
      </c>
      <c r="AP31661">
        <v>34</v>
      </c>
      <c r="AQ31661">
        <v>35</v>
      </c>
    </row>
    <row r="31662" spans="1:43">
      <c r="A31662" t="s">
        <v>19617</v>
      </c>
      <c r="B31662" t="s">
        <v>19618</v>
      </c>
      <c r="C31662" t="s">
        <v>19603</v>
      </c>
      <c r="D31662" t="s">
        <v>19604</v>
      </c>
      <c r="E31662" t="s">
        <v>19535</v>
      </c>
      <c r="F31662" t="s">
        <v>19536</v>
      </c>
      <c r="G31662" t="s">
        <v>10734</v>
      </c>
      <c r="H31662" t="s">
        <v>10735</v>
      </c>
      <c r="I31662" s="2">
        <v>0</v>
      </c>
      <c r="J31662" s="2">
        <v>0</v>
      </c>
      <c r="K31662" s="2">
        <v>0.69</v>
      </c>
      <c r="L31662" t="s">
        <v>995</v>
      </c>
      <c r="M31662" t="s">
        <v>83</v>
      </c>
      <c r="N31662" t="s">
        <v>84</v>
      </c>
      <c r="O31662" t="s">
        <v>85</v>
      </c>
      <c r="P31662" t="s">
        <v>86</v>
      </c>
      <c r="Q31662">
        <v>22</v>
      </c>
      <c r="R31662">
        <v>23</v>
      </c>
      <c r="S31662">
        <v>23</v>
      </c>
      <c r="T31662">
        <v>24</v>
      </c>
      <c r="U31662">
        <v>25</v>
      </c>
      <c r="V31662">
        <v>25</v>
      </c>
      <c r="W31662">
        <v>26</v>
      </c>
      <c r="X31662">
        <v>27</v>
      </c>
      <c r="Y31662">
        <v>27</v>
      </c>
      <c r="Z31662">
        <v>28</v>
      </c>
      <c r="AA31662">
        <v>29</v>
      </c>
      <c r="AB31662">
        <v>29</v>
      </c>
      <c r="AC31662">
        <v>30</v>
      </c>
      <c r="AD31662">
        <v>31</v>
      </c>
      <c r="AE31662">
        <v>32</v>
      </c>
      <c r="AF31662">
        <v>33</v>
      </c>
      <c r="AG31662">
        <v>33</v>
      </c>
      <c r="AH31662">
        <v>34</v>
      </c>
      <c r="AI31662">
        <v>35</v>
      </c>
      <c r="AJ31662">
        <v>36</v>
      </c>
      <c r="AK31662">
        <v>37</v>
      </c>
      <c r="AL31662">
        <v>37</v>
      </c>
      <c r="AM31662">
        <v>38</v>
      </c>
      <c r="AN31662">
        <v>39</v>
      </c>
      <c r="AO31662">
        <v>39</v>
      </c>
      <c r="AP31662">
        <v>40</v>
      </c>
      <c r="AQ31662">
        <v>41</v>
      </c>
    </row>
    <row r="31663" spans="1:43">
      <c r="A31663" t="s">
        <v>19617</v>
      </c>
      <c r="B31663" t="s">
        <v>19618</v>
      </c>
      <c r="C31663" t="s">
        <v>19603</v>
      </c>
      <c r="D31663" t="s">
        <v>19604</v>
      </c>
      <c r="E31663" t="s">
        <v>19535</v>
      </c>
      <c r="F31663" t="s">
        <v>19536</v>
      </c>
      <c r="G31663" t="s">
        <v>10734</v>
      </c>
      <c r="H31663" t="s">
        <v>10735</v>
      </c>
      <c r="I31663" s="2">
        <v>0</v>
      </c>
      <c r="J31663" s="2">
        <v>0</v>
      </c>
      <c r="K31663" s="2">
        <v>0.69</v>
      </c>
      <c r="L31663" t="s">
        <v>995</v>
      </c>
      <c r="M31663" t="s">
        <v>87</v>
      </c>
      <c r="N31663" t="s">
        <v>88</v>
      </c>
      <c r="O31663" t="s">
        <v>85</v>
      </c>
      <c r="P31663" t="s">
        <v>86</v>
      </c>
      <c r="Q31663">
        <v>22</v>
      </c>
      <c r="R31663">
        <v>22</v>
      </c>
      <c r="S31663">
        <v>23</v>
      </c>
      <c r="T31663">
        <v>23</v>
      </c>
      <c r="U31663">
        <v>23</v>
      </c>
      <c r="V31663">
        <v>24</v>
      </c>
      <c r="W31663">
        <v>24</v>
      </c>
      <c r="X31663">
        <v>25</v>
      </c>
      <c r="Y31663">
        <v>25</v>
      </c>
      <c r="Z31663">
        <v>26</v>
      </c>
      <c r="AA31663">
        <v>26</v>
      </c>
      <c r="AB31663">
        <v>27</v>
      </c>
      <c r="AC31663">
        <v>27</v>
      </c>
      <c r="AD31663">
        <v>28</v>
      </c>
      <c r="AE31663">
        <v>28</v>
      </c>
      <c r="AF31663">
        <v>29</v>
      </c>
      <c r="AG31663">
        <v>29</v>
      </c>
      <c r="AH31663">
        <v>30</v>
      </c>
      <c r="AI31663">
        <v>30</v>
      </c>
      <c r="AJ31663">
        <v>31</v>
      </c>
      <c r="AK31663">
        <v>32</v>
      </c>
      <c r="AL31663">
        <v>32</v>
      </c>
      <c r="AM31663">
        <v>33</v>
      </c>
      <c r="AN31663">
        <v>33</v>
      </c>
      <c r="AO31663">
        <v>34</v>
      </c>
      <c r="AP31663">
        <v>35</v>
      </c>
      <c r="AQ31663">
        <v>35</v>
      </c>
    </row>
    <row r="31664" spans="1:43">
      <c r="A31664" t="s">
        <v>19617</v>
      </c>
      <c r="B31664" t="s">
        <v>19618</v>
      </c>
      <c r="C31664" t="s">
        <v>19603</v>
      </c>
      <c r="D31664" t="s">
        <v>19604</v>
      </c>
      <c r="E31664" t="s">
        <v>19535</v>
      </c>
      <c r="F31664" t="s">
        <v>19536</v>
      </c>
      <c r="G31664" t="s">
        <v>10734</v>
      </c>
      <c r="H31664" t="s">
        <v>10735</v>
      </c>
      <c r="I31664" s="2">
        <v>0</v>
      </c>
      <c r="J31664" s="2">
        <v>0</v>
      </c>
      <c r="K31664" s="2">
        <v>0.69</v>
      </c>
      <c r="L31664" t="s">
        <v>995</v>
      </c>
      <c r="M31664" t="s">
        <v>89</v>
      </c>
      <c r="N31664" t="s">
        <v>90</v>
      </c>
      <c r="O31664" t="s">
        <v>85</v>
      </c>
      <c r="P31664" t="s">
        <v>86</v>
      </c>
      <c r="Q31664">
        <v>22</v>
      </c>
      <c r="R31664">
        <v>23</v>
      </c>
      <c r="S31664">
        <v>24</v>
      </c>
      <c r="T31664">
        <v>25</v>
      </c>
      <c r="U31664">
        <v>26</v>
      </c>
      <c r="V31664">
        <v>26</v>
      </c>
      <c r="W31664">
        <v>27</v>
      </c>
      <c r="X31664">
        <v>28</v>
      </c>
      <c r="Y31664">
        <v>29</v>
      </c>
      <c r="Z31664">
        <v>30</v>
      </c>
      <c r="AA31664">
        <v>31</v>
      </c>
      <c r="AB31664">
        <v>31</v>
      </c>
      <c r="AC31664">
        <v>32</v>
      </c>
      <c r="AD31664">
        <v>33</v>
      </c>
      <c r="AE31664">
        <v>34</v>
      </c>
      <c r="AF31664">
        <v>34</v>
      </c>
      <c r="AG31664">
        <v>35</v>
      </c>
      <c r="AH31664">
        <v>36</v>
      </c>
      <c r="AI31664">
        <v>36</v>
      </c>
      <c r="AJ31664">
        <v>37</v>
      </c>
      <c r="AK31664">
        <v>37</v>
      </c>
      <c r="AL31664">
        <v>38</v>
      </c>
      <c r="AM31664">
        <v>38</v>
      </c>
      <c r="AN31664">
        <v>39</v>
      </c>
      <c r="AO31664">
        <v>40</v>
      </c>
      <c r="AP31664">
        <v>40</v>
      </c>
      <c r="AQ31664">
        <v>41</v>
      </c>
    </row>
    <row r="31665" spans="1:43">
      <c r="A31665" t="s">
        <v>19617</v>
      </c>
      <c r="B31665" t="s">
        <v>19618</v>
      </c>
      <c r="C31665" t="s">
        <v>19603</v>
      </c>
      <c r="D31665" t="s">
        <v>19604</v>
      </c>
      <c r="E31665" t="s">
        <v>19535</v>
      </c>
      <c r="F31665" t="s">
        <v>19536</v>
      </c>
      <c r="G31665" t="s">
        <v>10734</v>
      </c>
      <c r="H31665" t="s">
        <v>10735</v>
      </c>
      <c r="I31665" s="2">
        <v>0</v>
      </c>
      <c r="J31665" s="2">
        <v>0</v>
      </c>
      <c r="K31665" s="2">
        <v>0.69</v>
      </c>
      <c r="L31665" t="s">
        <v>995</v>
      </c>
      <c r="M31665" t="s">
        <v>83</v>
      </c>
      <c r="N31665" t="s">
        <v>91</v>
      </c>
      <c r="O31665" t="s">
        <v>85</v>
      </c>
      <c r="P31665" t="s">
        <v>86</v>
      </c>
      <c r="Q31665">
        <v>22</v>
      </c>
      <c r="R31665">
        <v>23</v>
      </c>
      <c r="S31665">
        <v>23</v>
      </c>
      <c r="T31665">
        <v>24</v>
      </c>
      <c r="U31665">
        <v>25</v>
      </c>
      <c r="V31665">
        <v>25</v>
      </c>
      <c r="W31665">
        <v>26</v>
      </c>
      <c r="X31665">
        <v>27</v>
      </c>
      <c r="Y31665">
        <v>27</v>
      </c>
      <c r="Z31665">
        <v>28</v>
      </c>
      <c r="AA31665">
        <v>29</v>
      </c>
      <c r="AB31665">
        <v>29</v>
      </c>
      <c r="AC31665">
        <v>30</v>
      </c>
      <c r="AD31665">
        <v>31</v>
      </c>
      <c r="AE31665">
        <v>32</v>
      </c>
      <c r="AF31665">
        <v>33</v>
      </c>
      <c r="AG31665">
        <v>33</v>
      </c>
      <c r="AH31665">
        <v>34</v>
      </c>
      <c r="AI31665">
        <v>35</v>
      </c>
      <c r="AJ31665">
        <v>36</v>
      </c>
      <c r="AK31665">
        <v>37</v>
      </c>
      <c r="AL31665">
        <v>37</v>
      </c>
      <c r="AM31665">
        <v>38</v>
      </c>
      <c r="AN31665">
        <v>39</v>
      </c>
      <c r="AO31665">
        <v>39</v>
      </c>
      <c r="AP31665">
        <v>40</v>
      </c>
      <c r="AQ31665">
        <v>41</v>
      </c>
    </row>
    <row r="31666" spans="1:43">
      <c r="A31666" t="s">
        <v>19619</v>
      </c>
      <c r="B31666" t="s">
        <v>19620</v>
      </c>
      <c r="C31666" t="s">
        <v>19615</v>
      </c>
      <c r="D31666" t="s">
        <v>19616</v>
      </c>
      <c r="E31666" t="s">
        <v>19535</v>
      </c>
      <c r="F31666" t="s">
        <v>19536</v>
      </c>
      <c r="G31666" t="s">
        <v>10734</v>
      </c>
      <c r="H31666" t="s">
        <v>10735</v>
      </c>
      <c r="I31666" s="2">
        <v>0</v>
      </c>
      <c r="J31666" s="2">
        <v>0</v>
      </c>
      <c r="K31666" s="2">
        <v>1</v>
      </c>
      <c r="L31666" t="s">
        <v>995</v>
      </c>
      <c r="M31666" t="s">
        <v>83</v>
      </c>
      <c r="N31666" t="s">
        <v>84</v>
      </c>
      <c r="O31666" t="s">
        <v>85</v>
      </c>
      <c r="P31666" t="s">
        <v>86</v>
      </c>
      <c r="Q31666">
        <v>15</v>
      </c>
      <c r="R31666">
        <v>15</v>
      </c>
      <c r="S31666">
        <v>16</v>
      </c>
      <c r="T31666">
        <v>16</v>
      </c>
      <c r="U31666">
        <v>16</v>
      </c>
      <c r="V31666">
        <v>17</v>
      </c>
      <c r="W31666">
        <v>17</v>
      </c>
      <c r="X31666">
        <v>18</v>
      </c>
      <c r="Y31666">
        <v>18</v>
      </c>
      <c r="Z31666">
        <v>19</v>
      </c>
      <c r="AA31666">
        <v>19</v>
      </c>
      <c r="AB31666">
        <v>20</v>
      </c>
      <c r="AC31666">
        <v>20</v>
      </c>
      <c r="AD31666">
        <v>21</v>
      </c>
      <c r="AE31666">
        <v>21</v>
      </c>
      <c r="AF31666">
        <v>22</v>
      </c>
      <c r="AG31666">
        <v>22</v>
      </c>
      <c r="AH31666">
        <v>23</v>
      </c>
      <c r="AI31666">
        <v>23</v>
      </c>
      <c r="AJ31666">
        <v>24</v>
      </c>
      <c r="AK31666">
        <v>25</v>
      </c>
      <c r="AL31666">
        <v>25</v>
      </c>
      <c r="AM31666">
        <v>25</v>
      </c>
      <c r="AN31666">
        <v>26</v>
      </c>
      <c r="AO31666">
        <v>26</v>
      </c>
      <c r="AP31666">
        <v>27</v>
      </c>
      <c r="AQ31666">
        <v>27</v>
      </c>
    </row>
    <row r="31667" spans="1:43">
      <c r="A31667" t="s">
        <v>19619</v>
      </c>
      <c r="B31667" t="s">
        <v>19620</v>
      </c>
      <c r="C31667" t="s">
        <v>19615</v>
      </c>
      <c r="D31667" t="s">
        <v>19616</v>
      </c>
      <c r="E31667" t="s">
        <v>19535</v>
      </c>
      <c r="F31667" t="s">
        <v>19536</v>
      </c>
      <c r="G31667" t="s">
        <v>10734</v>
      </c>
      <c r="H31667" t="s">
        <v>10735</v>
      </c>
      <c r="I31667" s="2">
        <v>0</v>
      </c>
      <c r="J31667" s="2">
        <v>0</v>
      </c>
      <c r="K31667" s="2">
        <v>1</v>
      </c>
      <c r="L31667" t="s">
        <v>995</v>
      </c>
      <c r="M31667" t="s">
        <v>87</v>
      </c>
      <c r="N31667" t="s">
        <v>88</v>
      </c>
      <c r="O31667" t="s">
        <v>85</v>
      </c>
      <c r="P31667" t="s">
        <v>86</v>
      </c>
      <c r="Q31667">
        <v>15</v>
      </c>
      <c r="R31667">
        <v>15</v>
      </c>
      <c r="S31667">
        <v>15</v>
      </c>
      <c r="T31667">
        <v>15</v>
      </c>
      <c r="U31667">
        <v>16</v>
      </c>
      <c r="V31667">
        <v>16</v>
      </c>
      <c r="W31667">
        <v>16</v>
      </c>
      <c r="X31667">
        <v>17</v>
      </c>
      <c r="Y31667">
        <v>17</v>
      </c>
      <c r="Z31667">
        <v>17</v>
      </c>
      <c r="AA31667">
        <v>17</v>
      </c>
      <c r="AB31667">
        <v>18</v>
      </c>
      <c r="AC31667">
        <v>18</v>
      </c>
      <c r="AD31667">
        <v>18</v>
      </c>
      <c r="AE31667">
        <v>19</v>
      </c>
      <c r="AF31667">
        <v>19</v>
      </c>
      <c r="AG31667">
        <v>20</v>
      </c>
      <c r="AH31667">
        <v>20</v>
      </c>
      <c r="AI31667">
        <v>20</v>
      </c>
      <c r="AJ31667">
        <v>21</v>
      </c>
      <c r="AK31667">
        <v>21</v>
      </c>
      <c r="AL31667">
        <v>21</v>
      </c>
      <c r="AM31667">
        <v>22</v>
      </c>
      <c r="AN31667">
        <v>22</v>
      </c>
      <c r="AO31667">
        <v>23</v>
      </c>
      <c r="AP31667">
        <v>23</v>
      </c>
      <c r="AQ31667">
        <v>24</v>
      </c>
    </row>
    <row r="31668" spans="1:43">
      <c r="A31668" t="s">
        <v>19619</v>
      </c>
      <c r="B31668" t="s">
        <v>19620</v>
      </c>
      <c r="C31668" t="s">
        <v>19615</v>
      </c>
      <c r="D31668" t="s">
        <v>19616</v>
      </c>
      <c r="E31668" t="s">
        <v>19535</v>
      </c>
      <c r="F31668" t="s">
        <v>19536</v>
      </c>
      <c r="G31668" t="s">
        <v>10734</v>
      </c>
      <c r="H31668" t="s">
        <v>10735</v>
      </c>
      <c r="I31668" s="2">
        <v>0</v>
      </c>
      <c r="J31668" s="2">
        <v>0</v>
      </c>
      <c r="K31668" s="2">
        <v>1</v>
      </c>
      <c r="L31668" t="s">
        <v>995</v>
      </c>
      <c r="M31668" t="s">
        <v>89</v>
      </c>
      <c r="N31668" t="s">
        <v>90</v>
      </c>
      <c r="O31668" t="s">
        <v>85</v>
      </c>
      <c r="P31668" t="s">
        <v>86</v>
      </c>
      <c r="Q31668">
        <v>15</v>
      </c>
      <c r="R31668">
        <v>15</v>
      </c>
      <c r="S31668">
        <v>16</v>
      </c>
      <c r="T31668">
        <v>17</v>
      </c>
      <c r="U31668">
        <v>17</v>
      </c>
      <c r="V31668">
        <v>18</v>
      </c>
      <c r="W31668">
        <v>18</v>
      </c>
      <c r="X31668">
        <v>19</v>
      </c>
      <c r="Y31668">
        <v>19</v>
      </c>
      <c r="Z31668">
        <v>20</v>
      </c>
      <c r="AA31668">
        <v>20</v>
      </c>
      <c r="AB31668">
        <v>21</v>
      </c>
      <c r="AC31668">
        <v>22</v>
      </c>
      <c r="AD31668">
        <v>22</v>
      </c>
      <c r="AE31668">
        <v>23</v>
      </c>
      <c r="AF31668">
        <v>23</v>
      </c>
      <c r="AG31668">
        <v>23</v>
      </c>
      <c r="AH31668">
        <v>24</v>
      </c>
      <c r="AI31668">
        <v>24</v>
      </c>
      <c r="AJ31668">
        <v>24</v>
      </c>
      <c r="AK31668">
        <v>25</v>
      </c>
      <c r="AL31668">
        <v>25</v>
      </c>
      <c r="AM31668">
        <v>26</v>
      </c>
      <c r="AN31668">
        <v>26</v>
      </c>
      <c r="AO31668">
        <v>26</v>
      </c>
      <c r="AP31668">
        <v>27</v>
      </c>
      <c r="AQ31668">
        <v>27</v>
      </c>
    </row>
    <row r="31669" spans="1:43">
      <c r="A31669" t="s">
        <v>19619</v>
      </c>
      <c r="B31669" t="s">
        <v>19620</v>
      </c>
      <c r="C31669" t="s">
        <v>19615</v>
      </c>
      <c r="D31669" t="s">
        <v>19616</v>
      </c>
      <c r="E31669" t="s">
        <v>19535</v>
      </c>
      <c r="F31669" t="s">
        <v>19536</v>
      </c>
      <c r="G31669" t="s">
        <v>10734</v>
      </c>
      <c r="H31669" t="s">
        <v>10735</v>
      </c>
      <c r="I31669" s="2">
        <v>0</v>
      </c>
      <c r="J31669" s="2">
        <v>0</v>
      </c>
      <c r="K31669" s="2">
        <v>1</v>
      </c>
      <c r="L31669" t="s">
        <v>995</v>
      </c>
      <c r="M31669" t="s">
        <v>83</v>
      </c>
      <c r="N31669" t="s">
        <v>91</v>
      </c>
      <c r="O31669" t="s">
        <v>85</v>
      </c>
      <c r="P31669" t="s">
        <v>86</v>
      </c>
      <c r="Q31669">
        <v>15</v>
      </c>
      <c r="R31669">
        <v>15</v>
      </c>
      <c r="S31669">
        <v>16</v>
      </c>
      <c r="T31669">
        <v>16</v>
      </c>
      <c r="U31669">
        <v>16</v>
      </c>
      <c r="V31669">
        <v>17</v>
      </c>
      <c r="W31669">
        <v>17</v>
      </c>
      <c r="X31669">
        <v>18</v>
      </c>
      <c r="Y31669">
        <v>18</v>
      </c>
      <c r="Z31669">
        <v>19</v>
      </c>
      <c r="AA31669">
        <v>19</v>
      </c>
      <c r="AB31669">
        <v>20</v>
      </c>
      <c r="AC31669">
        <v>20</v>
      </c>
      <c r="AD31669">
        <v>21</v>
      </c>
      <c r="AE31669">
        <v>21</v>
      </c>
      <c r="AF31669">
        <v>22</v>
      </c>
      <c r="AG31669">
        <v>22</v>
      </c>
      <c r="AH31669">
        <v>23</v>
      </c>
      <c r="AI31669">
        <v>23</v>
      </c>
      <c r="AJ31669">
        <v>24</v>
      </c>
      <c r="AK31669">
        <v>25</v>
      </c>
      <c r="AL31669">
        <v>25</v>
      </c>
      <c r="AM31669">
        <v>25</v>
      </c>
      <c r="AN31669">
        <v>26</v>
      </c>
      <c r="AO31669">
        <v>26</v>
      </c>
      <c r="AP31669">
        <v>27</v>
      </c>
      <c r="AQ31669">
        <v>27</v>
      </c>
    </row>
    <row r="31670" spans="1:43">
      <c r="A31670" t="s">
        <v>19621</v>
      </c>
      <c r="B31670" t="s">
        <v>19622</v>
      </c>
      <c r="C31670" t="s">
        <v>19615</v>
      </c>
      <c r="D31670" t="s">
        <v>19616</v>
      </c>
      <c r="E31670" t="s">
        <v>19535</v>
      </c>
      <c r="F31670" t="s">
        <v>19536</v>
      </c>
      <c r="G31670" t="s">
        <v>10734</v>
      </c>
      <c r="H31670" t="s">
        <v>10735</v>
      </c>
      <c r="I31670" s="2">
        <v>0</v>
      </c>
      <c r="J31670" s="2">
        <v>0</v>
      </c>
      <c r="K31670" s="2">
        <v>0.95</v>
      </c>
      <c r="L31670" t="s">
        <v>995</v>
      </c>
      <c r="M31670" t="s">
        <v>83</v>
      </c>
      <c r="N31670" t="s">
        <v>84</v>
      </c>
      <c r="O31670" t="s">
        <v>85</v>
      </c>
      <c r="P31670" t="s">
        <v>86</v>
      </c>
      <c r="Q31670">
        <v>11</v>
      </c>
      <c r="R31670">
        <v>12</v>
      </c>
      <c r="S31670">
        <v>12</v>
      </c>
      <c r="T31670">
        <v>12</v>
      </c>
      <c r="U31670">
        <v>13</v>
      </c>
      <c r="V31670">
        <v>13</v>
      </c>
      <c r="W31670">
        <v>13</v>
      </c>
      <c r="X31670">
        <v>14</v>
      </c>
      <c r="Y31670">
        <v>14</v>
      </c>
      <c r="Z31670">
        <v>14</v>
      </c>
      <c r="AA31670">
        <v>15</v>
      </c>
      <c r="AB31670">
        <v>15</v>
      </c>
      <c r="AC31670">
        <v>15</v>
      </c>
      <c r="AD31670">
        <v>16</v>
      </c>
      <c r="AE31670">
        <v>16</v>
      </c>
      <c r="AF31670">
        <v>17</v>
      </c>
      <c r="AG31670">
        <v>17</v>
      </c>
      <c r="AH31670">
        <v>17</v>
      </c>
      <c r="AI31670">
        <v>18</v>
      </c>
      <c r="AJ31670">
        <v>18</v>
      </c>
      <c r="AK31670">
        <v>19</v>
      </c>
      <c r="AL31670">
        <v>19</v>
      </c>
      <c r="AM31670">
        <v>19</v>
      </c>
      <c r="AN31670">
        <v>20</v>
      </c>
      <c r="AO31670">
        <v>20</v>
      </c>
      <c r="AP31670">
        <v>20</v>
      </c>
      <c r="AQ31670">
        <v>21</v>
      </c>
    </row>
    <row r="31671" spans="1:43">
      <c r="A31671" t="s">
        <v>19621</v>
      </c>
      <c r="B31671" t="s">
        <v>19622</v>
      </c>
      <c r="C31671" t="s">
        <v>19615</v>
      </c>
      <c r="D31671" t="s">
        <v>19616</v>
      </c>
      <c r="E31671" t="s">
        <v>19535</v>
      </c>
      <c r="F31671" t="s">
        <v>19536</v>
      </c>
      <c r="G31671" t="s">
        <v>10734</v>
      </c>
      <c r="H31671" t="s">
        <v>10735</v>
      </c>
      <c r="I31671" s="2">
        <v>0</v>
      </c>
      <c r="J31671" s="2">
        <v>0</v>
      </c>
      <c r="K31671" s="2">
        <v>0.95</v>
      </c>
      <c r="L31671" t="s">
        <v>995</v>
      </c>
      <c r="M31671" t="s">
        <v>87</v>
      </c>
      <c r="N31671" t="s">
        <v>88</v>
      </c>
      <c r="O31671" t="s">
        <v>85</v>
      </c>
      <c r="P31671" t="s">
        <v>86</v>
      </c>
      <c r="Q31671">
        <v>11</v>
      </c>
      <c r="R31671">
        <v>11</v>
      </c>
      <c r="S31671">
        <v>12</v>
      </c>
      <c r="T31671">
        <v>12</v>
      </c>
      <c r="U31671">
        <v>12</v>
      </c>
      <c r="V31671">
        <v>12</v>
      </c>
      <c r="W31671">
        <v>12</v>
      </c>
      <c r="X31671">
        <v>13</v>
      </c>
      <c r="Y31671">
        <v>13</v>
      </c>
      <c r="Z31671">
        <v>13</v>
      </c>
      <c r="AA31671">
        <v>13</v>
      </c>
      <c r="AB31671">
        <v>14</v>
      </c>
      <c r="AC31671">
        <v>14</v>
      </c>
      <c r="AD31671">
        <v>14</v>
      </c>
      <c r="AE31671">
        <v>14</v>
      </c>
      <c r="AF31671">
        <v>15</v>
      </c>
      <c r="AG31671">
        <v>15</v>
      </c>
      <c r="AH31671">
        <v>15</v>
      </c>
      <c r="AI31671">
        <v>16</v>
      </c>
      <c r="AJ31671">
        <v>16</v>
      </c>
      <c r="AK31671">
        <v>16</v>
      </c>
      <c r="AL31671">
        <v>16</v>
      </c>
      <c r="AM31671">
        <v>17</v>
      </c>
      <c r="AN31671">
        <v>17</v>
      </c>
      <c r="AO31671">
        <v>17</v>
      </c>
      <c r="AP31671">
        <v>18</v>
      </c>
      <c r="AQ31671">
        <v>18</v>
      </c>
    </row>
    <row r="31672" spans="1:43">
      <c r="A31672" t="s">
        <v>19621</v>
      </c>
      <c r="B31672" t="s">
        <v>19622</v>
      </c>
      <c r="C31672" t="s">
        <v>19615</v>
      </c>
      <c r="D31672" t="s">
        <v>19616</v>
      </c>
      <c r="E31672" t="s">
        <v>19535</v>
      </c>
      <c r="F31672" t="s">
        <v>19536</v>
      </c>
      <c r="G31672" t="s">
        <v>10734</v>
      </c>
      <c r="H31672" t="s">
        <v>10735</v>
      </c>
      <c r="I31672" s="2">
        <v>0</v>
      </c>
      <c r="J31672" s="2">
        <v>0</v>
      </c>
      <c r="K31672" s="2">
        <v>0.95</v>
      </c>
      <c r="L31672" t="s">
        <v>995</v>
      </c>
      <c r="M31672" t="s">
        <v>89</v>
      </c>
      <c r="N31672" t="s">
        <v>90</v>
      </c>
      <c r="O31672" t="s">
        <v>85</v>
      </c>
      <c r="P31672" t="s">
        <v>86</v>
      </c>
      <c r="Q31672">
        <v>11</v>
      </c>
      <c r="R31672">
        <v>12</v>
      </c>
      <c r="S31672">
        <v>12</v>
      </c>
      <c r="T31672">
        <v>13</v>
      </c>
      <c r="U31672">
        <v>13</v>
      </c>
      <c r="V31672">
        <v>13</v>
      </c>
      <c r="W31672">
        <v>14</v>
      </c>
      <c r="X31672">
        <v>14</v>
      </c>
      <c r="Y31672">
        <v>15</v>
      </c>
      <c r="Z31672">
        <v>15</v>
      </c>
      <c r="AA31672">
        <v>16</v>
      </c>
      <c r="AB31672">
        <v>16</v>
      </c>
      <c r="AC31672">
        <v>16</v>
      </c>
      <c r="AD31672">
        <v>17</v>
      </c>
      <c r="AE31672">
        <v>17</v>
      </c>
      <c r="AF31672">
        <v>18</v>
      </c>
      <c r="AG31672">
        <v>18</v>
      </c>
      <c r="AH31672">
        <v>18</v>
      </c>
      <c r="AI31672">
        <v>18</v>
      </c>
      <c r="AJ31672">
        <v>19</v>
      </c>
      <c r="AK31672">
        <v>19</v>
      </c>
      <c r="AL31672">
        <v>19</v>
      </c>
      <c r="AM31672">
        <v>20</v>
      </c>
      <c r="AN31672">
        <v>20</v>
      </c>
      <c r="AO31672">
        <v>20</v>
      </c>
      <c r="AP31672">
        <v>20</v>
      </c>
      <c r="AQ31672">
        <v>21</v>
      </c>
    </row>
    <row r="31673" spans="1:43">
      <c r="A31673" t="s">
        <v>19621</v>
      </c>
      <c r="B31673" t="s">
        <v>19622</v>
      </c>
      <c r="C31673" t="s">
        <v>19615</v>
      </c>
      <c r="D31673" t="s">
        <v>19616</v>
      </c>
      <c r="E31673" t="s">
        <v>19535</v>
      </c>
      <c r="F31673" t="s">
        <v>19536</v>
      </c>
      <c r="G31673" t="s">
        <v>10734</v>
      </c>
      <c r="H31673" t="s">
        <v>10735</v>
      </c>
      <c r="I31673" s="2">
        <v>0</v>
      </c>
      <c r="J31673" s="2">
        <v>0</v>
      </c>
      <c r="K31673" s="2">
        <v>0.95</v>
      </c>
      <c r="L31673" t="s">
        <v>995</v>
      </c>
      <c r="M31673" t="s">
        <v>83</v>
      </c>
      <c r="N31673" t="s">
        <v>91</v>
      </c>
      <c r="O31673" t="s">
        <v>85</v>
      </c>
      <c r="P31673" t="s">
        <v>86</v>
      </c>
      <c r="Q31673">
        <v>11</v>
      </c>
      <c r="R31673">
        <v>12</v>
      </c>
      <c r="S31673">
        <v>12</v>
      </c>
      <c r="T31673">
        <v>12</v>
      </c>
      <c r="U31673">
        <v>13</v>
      </c>
      <c r="V31673">
        <v>13</v>
      </c>
      <c r="W31673">
        <v>13</v>
      </c>
      <c r="X31673">
        <v>14</v>
      </c>
      <c r="Y31673">
        <v>14</v>
      </c>
      <c r="Z31673">
        <v>14</v>
      </c>
      <c r="AA31673">
        <v>15</v>
      </c>
      <c r="AB31673">
        <v>15</v>
      </c>
      <c r="AC31673">
        <v>15</v>
      </c>
      <c r="AD31673">
        <v>16</v>
      </c>
      <c r="AE31673">
        <v>16</v>
      </c>
      <c r="AF31673">
        <v>17</v>
      </c>
      <c r="AG31673">
        <v>17</v>
      </c>
      <c r="AH31673">
        <v>17</v>
      </c>
      <c r="AI31673">
        <v>18</v>
      </c>
      <c r="AJ31673">
        <v>18</v>
      </c>
      <c r="AK31673">
        <v>19</v>
      </c>
      <c r="AL31673">
        <v>19</v>
      </c>
      <c r="AM31673">
        <v>19</v>
      </c>
      <c r="AN31673">
        <v>20</v>
      </c>
      <c r="AO31673">
        <v>20</v>
      </c>
      <c r="AP31673">
        <v>20</v>
      </c>
      <c r="AQ31673">
        <v>21</v>
      </c>
    </row>
    <row r="31674" spans="1:43">
      <c r="A31674" t="s">
        <v>19623</v>
      </c>
      <c r="B31674" t="s">
        <v>19624</v>
      </c>
      <c r="C31674" t="s">
        <v>19615</v>
      </c>
      <c r="D31674" t="s">
        <v>19616</v>
      </c>
      <c r="E31674" t="s">
        <v>19535</v>
      </c>
      <c r="F31674" t="s">
        <v>19536</v>
      </c>
      <c r="G31674" t="s">
        <v>10734</v>
      </c>
      <c r="H31674" t="s">
        <v>10735</v>
      </c>
      <c r="I31674" s="2">
        <v>0</v>
      </c>
      <c r="J31674" s="2">
        <v>0</v>
      </c>
      <c r="K31674" s="2">
        <v>1</v>
      </c>
      <c r="L31674" t="s">
        <v>995</v>
      </c>
      <c r="M31674" t="s">
        <v>83</v>
      </c>
      <c r="N31674" t="s">
        <v>84</v>
      </c>
      <c r="O31674" t="s">
        <v>85</v>
      </c>
      <c r="P31674" t="s">
        <v>86</v>
      </c>
      <c r="Q31674">
        <v>5</v>
      </c>
      <c r="R31674">
        <v>5</v>
      </c>
      <c r="S31674">
        <v>6</v>
      </c>
      <c r="T31674">
        <v>6</v>
      </c>
      <c r="U31674">
        <v>6</v>
      </c>
      <c r="V31674">
        <v>6</v>
      </c>
      <c r="W31674">
        <v>6</v>
      </c>
      <c r="X31674">
        <v>6</v>
      </c>
      <c r="Y31674">
        <v>7</v>
      </c>
      <c r="Z31674">
        <v>7</v>
      </c>
      <c r="AA31674">
        <v>7</v>
      </c>
      <c r="AB31674">
        <v>7</v>
      </c>
      <c r="AC31674">
        <v>7</v>
      </c>
      <c r="AD31674">
        <v>7</v>
      </c>
      <c r="AE31674">
        <v>8</v>
      </c>
      <c r="AF31674">
        <v>8</v>
      </c>
      <c r="AG31674">
        <v>8</v>
      </c>
      <c r="AH31674">
        <v>8</v>
      </c>
      <c r="AI31674">
        <v>8</v>
      </c>
      <c r="AJ31674">
        <v>9</v>
      </c>
      <c r="AK31674">
        <v>9</v>
      </c>
      <c r="AL31674">
        <v>9</v>
      </c>
      <c r="AM31674">
        <v>9</v>
      </c>
      <c r="AN31674">
        <v>9</v>
      </c>
      <c r="AO31674">
        <v>9</v>
      </c>
      <c r="AP31674">
        <v>10</v>
      </c>
      <c r="AQ31674">
        <v>10</v>
      </c>
    </row>
    <row r="31675" spans="1:43">
      <c r="A31675" t="s">
        <v>19623</v>
      </c>
      <c r="B31675" t="s">
        <v>19624</v>
      </c>
      <c r="C31675" t="s">
        <v>19615</v>
      </c>
      <c r="D31675" t="s">
        <v>19616</v>
      </c>
      <c r="E31675" t="s">
        <v>19535</v>
      </c>
      <c r="F31675" t="s">
        <v>19536</v>
      </c>
      <c r="G31675" t="s">
        <v>10734</v>
      </c>
      <c r="H31675" t="s">
        <v>10735</v>
      </c>
      <c r="I31675" s="2">
        <v>0</v>
      </c>
      <c r="J31675" s="2">
        <v>0</v>
      </c>
      <c r="K31675" s="2">
        <v>1</v>
      </c>
      <c r="L31675" t="s">
        <v>995</v>
      </c>
      <c r="M31675" t="s">
        <v>87</v>
      </c>
      <c r="N31675" t="s">
        <v>88</v>
      </c>
      <c r="O31675" t="s">
        <v>85</v>
      </c>
      <c r="P31675" t="s">
        <v>86</v>
      </c>
      <c r="Q31675">
        <v>5</v>
      </c>
      <c r="R31675">
        <v>5</v>
      </c>
      <c r="S31675">
        <v>5</v>
      </c>
      <c r="T31675">
        <v>6</v>
      </c>
      <c r="U31675">
        <v>6</v>
      </c>
      <c r="V31675">
        <v>6</v>
      </c>
      <c r="W31675">
        <v>6</v>
      </c>
      <c r="X31675">
        <v>6</v>
      </c>
      <c r="Y31675">
        <v>6</v>
      </c>
      <c r="Z31675">
        <v>6</v>
      </c>
      <c r="AA31675">
        <v>6</v>
      </c>
      <c r="AB31675">
        <v>6</v>
      </c>
      <c r="AC31675">
        <v>7</v>
      </c>
      <c r="AD31675">
        <v>7</v>
      </c>
      <c r="AE31675">
        <v>7</v>
      </c>
      <c r="AF31675">
        <v>7</v>
      </c>
      <c r="AG31675">
        <v>7</v>
      </c>
      <c r="AH31675">
        <v>7</v>
      </c>
      <c r="AI31675">
        <v>7</v>
      </c>
      <c r="AJ31675">
        <v>7</v>
      </c>
      <c r="AK31675">
        <v>8</v>
      </c>
      <c r="AL31675">
        <v>8</v>
      </c>
      <c r="AM31675">
        <v>8</v>
      </c>
      <c r="AN31675">
        <v>8</v>
      </c>
      <c r="AO31675">
        <v>8</v>
      </c>
      <c r="AP31675">
        <v>8</v>
      </c>
      <c r="AQ31675">
        <v>8</v>
      </c>
    </row>
    <row r="31676" spans="1:43">
      <c r="A31676" t="s">
        <v>19623</v>
      </c>
      <c r="B31676" t="s">
        <v>19624</v>
      </c>
      <c r="C31676" t="s">
        <v>19615</v>
      </c>
      <c r="D31676" t="s">
        <v>19616</v>
      </c>
      <c r="E31676" t="s">
        <v>19535</v>
      </c>
      <c r="F31676" t="s">
        <v>19536</v>
      </c>
      <c r="G31676" t="s">
        <v>10734</v>
      </c>
      <c r="H31676" t="s">
        <v>10735</v>
      </c>
      <c r="I31676" s="2">
        <v>0</v>
      </c>
      <c r="J31676" s="2">
        <v>0</v>
      </c>
      <c r="K31676" s="2">
        <v>1</v>
      </c>
      <c r="L31676" t="s">
        <v>995</v>
      </c>
      <c r="M31676" t="s">
        <v>89</v>
      </c>
      <c r="N31676" t="s">
        <v>90</v>
      </c>
      <c r="O31676" t="s">
        <v>85</v>
      </c>
      <c r="P31676" t="s">
        <v>86</v>
      </c>
      <c r="Q31676">
        <v>5</v>
      </c>
      <c r="R31676">
        <v>6</v>
      </c>
      <c r="S31676">
        <v>6</v>
      </c>
      <c r="T31676">
        <v>6</v>
      </c>
      <c r="U31676">
        <v>6</v>
      </c>
      <c r="V31676">
        <v>6</v>
      </c>
      <c r="W31676">
        <v>7</v>
      </c>
      <c r="X31676">
        <v>7</v>
      </c>
      <c r="Y31676">
        <v>7</v>
      </c>
      <c r="Z31676">
        <v>7</v>
      </c>
      <c r="AA31676">
        <v>7</v>
      </c>
      <c r="AB31676">
        <v>8</v>
      </c>
      <c r="AC31676">
        <v>8</v>
      </c>
      <c r="AD31676">
        <v>8</v>
      </c>
      <c r="AE31676">
        <v>8</v>
      </c>
      <c r="AF31676">
        <v>8</v>
      </c>
      <c r="AG31676">
        <v>8</v>
      </c>
      <c r="AH31676">
        <v>9</v>
      </c>
      <c r="AI31676">
        <v>9</v>
      </c>
      <c r="AJ31676">
        <v>9</v>
      </c>
      <c r="AK31676">
        <v>9</v>
      </c>
      <c r="AL31676">
        <v>9</v>
      </c>
      <c r="AM31676">
        <v>9</v>
      </c>
      <c r="AN31676">
        <v>9</v>
      </c>
      <c r="AO31676">
        <v>9</v>
      </c>
      <c r="AP31676">
        <v>10</v>
      </c>
      <c r="AQ31676">
        <v>10</v>
      </c>
    </row>
    <row r="31677" spans="1:43">
      <c r="A31677" t="s">
        <v>19623</v>
      </c>
      <c r="B31677" t="s">
        <v>19624</v>
      </c>
      <c r="C31677" t="s">
        <v>19615</v>
      </c>
      <c r="D31677" t="s">
        <v>19616</v>
      </c>
      <c r="E31677" t="s">
        <v>19535</v>
      </c>
      <c r="F31677" t="s">
        <v>19536</v>
      </c>
      <c r="G31677" t="s">
        <v>10734</v>
      </c>
      <c r="H31677" t="s">
        <v>10735</v>
      </c>
      <c r="I31677" s="2">
        <v>0</v>
      </c>
      <c r="J31677" s="2">
        <v>0</v>
      </c>
      <c r="K31677" s="2">
        <v>1</v>
      </c>
      <c r="L31677" t="s">
        <v>995</v>
      </c>
      <c r="M31677" t="s">
        <v>83</v>
      </c>
      <c r="N31677" t="s">
        <v>91</v>
      </c>
      <c r="O31677" t="s">
        <v>85</v>
      </c>
      <c r="P31677" t="s">
        <v>86</v>
      </c>
      <c r="Q31677">
        <v>5</v>
      </c>
      <c r="R31677">
        <v>5</v>
      </c>
      <c r="S31677">
        <v>6</v>
      </c>
      <c r="T31677">
        <v>6</v>
      </c>
      <c r="U31677">
        <v>6</v>
      </c>
      <c r="V31677">
        <v>6</v>
      </c>
      <c r="W31677">
        <v>6</v>
      </c>
      <c r="X31677">
        <v>6</v>
      </c>
      <c r="Y31677">
        <v>7</v>
      </c>
      <c r="Z31677">
        <v>7</v>
      </c>
      <c r="AA31677">
        <v>7</v>
      </c>
      <c r="AB31677">
        <v>7</v>
      </c>
      <c r="AC31677">
        <v>7</v>
      </c>
      <c r="AD31677">
        <v>7</v>
      </c>
      <c r="AE31677">
        <v>8</v>
      </c>
      <c r="AF31677">
        <v>8</v>
      </c>
      <c r="AG31677">
        <v>8</v>
      </c>
      <c r="AH31677">
        <v>8</v>
      </c>
      <c r="AI31677">
        <v>8</v>
      </c>
      <c r="AJ31677">
        <v>9</v>
      </c>
      <c r="AK31677">
        <v>9</v>
      </c>
      <c r="AL31677">
        <v>9</v>
      </c>
      <c r="AM31677">
        <v>9</v>
      </c>
      <c r="AN31677">
        <v>9</v>
      </c>
      <c r="AO31677">
        <v>9</v>
      </c>
      <c r="AP31677">
        <v>10</v>
      </c>
      <c r="AQ31677">
        <v>10</v>
      </c>
    </row>
    <row r="31678" spans="1:43">
      <c r="A31678" t="s">
        <v>19625</v>
      </c>
      <c r="B31678" t="s">
        <v>19626</v>
      </c>
      <c r="C31678" t="s">
        <v>19557</v>
      </c>
      <c r="D31678" t="s">
        <v>19558</v>
      </c>
      <c r="E31678" t="s">
        <v>19535</v>
      </c>
      <c r="F31678" t="s">
        <v>19536</v>
      </c>
      <c r="G31678" t="s">
        <v>10734</v>
      </c>
      <c r="H31678" t="s">
        <v>10735</v>
      </c>
      <c r="I31678" s="2">
        <v>0</v>
      </c>
      <c r="J31678" s="2">
        <v>0</v>
      </c>
      <c r="K31678" s="2">
        <v>1</v>
      </c>
      <c r="L31678" t="s">
        <v>995</v>
      </c>
      <c r="M31678" t="s">
        <v>83</v>
      </c>
      <c r="N31678" t="s">
        <v>84</v>
      </c>
      <c r="O31678" t="s">
        <v>85</v>
      </c>
      <c r="P31678" t="s">
        <v>86</v>
      </c>
      <c r="Q31678">
        <v>109</v>
      </c>
      <c r="R31678">
        <v>112</v>
      </c>
      <c r="S31678">
        <v>116</v>
      </c>
      <c r="T31678">
        <v>119</v>
      </c>
      <c r="U31678">
        <v>122</v>
      </c>
      <c r="V31678">
        <v>125</v>
      </c>
      <c r="W31678">
        <v>129</v>
      </c>
      <c r="X31678">
        <v>132</v>
      </c>
      <c r="Y31678">
        <v>135</v>
      </c>
      <c r="Z31678">
        <v>139</v>
      </c>
      <c r="AA31678">
        <v>143</v>
      </c>
      <c r="AB31678">
        <v>146</v>
      </c>
      <c r="AC31678">
        <v>150</v>
      </c>
      <c r="AD31678">
        <v>154</v>
      </c>
      <c r="AE31678">
        <v>158</v>
      </c>
      <c r="AF31678">
        <v>162</v>
      </c>
      <c r="AG31678">
        <v>166</v>
      </c>
      <c r="AH31678">
        <v>170</v>
      </c>
      <c r="AI31678">
        <v>174</v>
      </c>
      <c r="AJ31678">
        <v>179</v>
      </c>
      <c r="AK31678">
        <v>183</v>
      </c>
      <c r="AL31678">
        <v>187</v>
      </c>
      <c r="AM31678">
        <v>190</v>
      </c>
      <c r="AN31678">
        <v>193</v>
      </c>
      <c r="AO31678">
        <v>196</v>
      </c>
      <c r="AP31678">
        <v>199</v>
      </c>
      <c r="AQ31678">
        <v>202</v>
      </c>
    </row>
    <row r="31679" spans="1:43">
      <c r="A31679" t="s">
        <v>19625</v>
      </c>
      <c r="B31679" t="s">
        <v>19626</v>
      </c>
      <c r="C31679" t="s">
        <v>19557</v>
      </c>
      <c r="D31679" t="s">
        <v>19558</v>
      </c>
      <c r="E31679" t="s">
        <v>19535</v>
      </c>
      <c r="F31679" t="s">
        <v>19536</v>
      </c>
      <c r="G31679" t="s">
        <v>10734</v>
      </c>
      <c r="H31679" t="s">
        <v>10735</v>
      </c>
      <c r="I31679" s="2">
        <v>0</v>
      </c>
      <c r="J31679" s="2">
        <v>0</v>
      </c>
      <c r="K31679" s="2">
        <v>1</v>
      </c>
      <c r="L31679" t="s">
        <v>995</v>
      </c>
      <c r="M31679" t="s">
        <v>87</v>
      </c>
      <c r="N31679" t="s">
        <v>88</v>
      </c>
      <c r="O31679" t="s">
        <v>85</v>
      </c>
      <c r="P31679" t="s">
        <v>86</v>
      </c>
      <c r="Q31679">
        <v>109</v>
      </c>
      <c r="R31679">
        <v>111</v>
      </c>
      <c r="S31679">
        <v>113</v>
      </c>
      <c r="T31679">
        <v>115</v>
      </c>
      <c r="U31679">
        <v>118</v>
      </c>
      <c r="V31679">
        <v>120</v>
      </c>
      <c r="W31679">
        <v>122</v>
      </c>
      <c r="X31679">
        <v>124</v>
      </c>
      <c r="Y31679">
        <v>126</v>
      </c>
      <c r="Z31679">
        <v>128</v>
      </c>
      <c r="AA31679">
        <v>131</v>
      </c>
      <c r="AB31679">
        <v>133</v>
      </c>
      <c r="AC31679">
        <v>136</v>
      </c>
      <c r="AD31679">
        <v>138</v>
      </c>
      <c r="AE31679">
        <v>141</v>
      </c>
      <c r="AF31679">
        <v>143</v>
      </c>
      <c r="AG31679">
        <v>146</v>
      </c>
      <c r="AH31679">
        <v>148</v>
      </c>
      <c r="AI31679">
        <v>151</v>
      </c>
      <c r="AJ31679">
        <v>154</v>
      </c>
      <c r="AK31679">
        <v>157</v>
      </c>
      <c r="AL31679">
        <v>160</v>
      </c>
      <c r="AM31679">
        <v>163</v>
      </c>
      <c r="AN31679">
        <v>166</v>
      </c>
      <c r="AO31679">
        <v>169</v>
      </c>
      <c r="AP31679">
        <v>172</v>
      </c>
      <c r="AQ31679">
        <v>176</v>
      </c>
    </row>
    <row r="31680" spans="1:43">
      <c r="A31680" t="s">
        <v>19625</v>
      </c>
      <c r="B31680" t="s">
        <v>19626</v>
      </c>
      <c r="C31680" t="s">
        <v>19557</v>
      </c>
      <c r="D31680" t="s">
        <v>19558</v>
      </c>
      <c r="E31680" t="s">
        <v>19535</v>
      </c>
      <c r="F31680" t="s">
        <v>19536</v>
      </c>
      <c r="G31680" t="s">
        <v>10734</v>
      </c>
      <c r="H31680" t="s">
        <v>10735</v>
      </c>
      <c r="I31680" s="2">
        <v>0</v>
      </c>
      <c r="J31680" s="2">
        <v>0</v>
      </c>
      <c r="K31680" s="2">
        <v>1</v>
      </c>
      <c r="L31680" t="s">
        <v>995</v>
      </c>
      <c r="M31680" t="s">
        <v>89</v>
      </c>
      <c r="N31680" t="s">
        <v>90</v>
      </c>
      <c r="O31680" t="s">
        <v>85</v>
      </c>
      <c r="P31680" t="s">
        <v>86</v>
      </c>
      <c r="Q31680">
        <v>109</v>
      </c>
      <c r="R31680">
        <v>113</v>
      </c>
      <c r="S31680">
        <v>118</v>
      </c>
      <c r="T31680">
        <v>122</v>
      </c>
      <c r="U31680">
        <v>126</v>
      </c>
      <c r="V31680">
        <v>130</v>
      </c>
      <c r="W31680">
        <v>134</v>
      </c>
      <c r="X31680">
        <v>138</v>
      </c>
      <c r="Y31680">
        <v>143</v>
      </c>
      <c r="Z31680">
        <v>147</v>
      </c>
      <c r="AA31680">
        <v>151</v>
      </c>
      <c r="AB31680">
        <v>155</v>
      </c>
      <c r="AC31680">
        <v>160</v>
      </c>
      <c r="AD31680">
        <v>165</v>
      </c>
      <c r="AE31680">
        <v>168</v>
      </c>
      <c r="AF31680">
        <v>171</v>
      </c>
      <c r="AG31680">
        <v>174</v>
      </c>
      <c r="AH31680">
        <v>176</v>
      </c>
      <c r="AI31680">
        <v>179</v>
      </c>
      <c r="AJ31680">
        <v>182</v>
      </c>
      <c r="AK31680">
        <v>185</v>
      </c>
      <c r="AL31680">
        <v>188</v>
      </c>
      <c r="AM31680">
        <v>191</v>
      </c>
      <c r="AN31680">
        <v>194</v>
      </c>
      <c r="AO31680">
        <v>197</v>
      </c>
      <c r="AP31680">
        <v>200</v>
      </c>
      <c r="AQ31680">
        <v>203</v>
      </c>
    </row>
    <row r="31681" spans="1:43">
      <c r="A31681" t="s">
        <v>19625</v>
      </c>
      <c r="B31681" t="s">
        <v>19626</v>
      </c>
      <c r="C31681" t="s">
        <v>19557</v>
      </c>
      <c r="D31681" t="s">
        <v>19558</v>
      </c>
      <c r="E31681" t="s">
        <v>19535</v>
      </c>
      <c r="F31681" t="s">
        <v>19536</v>
      </c>
      <c r="G31681" t="s">
        <v>10734</v>
      </c>
      <c r="H31681" t="s">
        <v>10735</v>
      </c>
      <c r="I31681" s="2">
        <v>0</v>
      </c>
      <c r="J31681" s="2">
        <v>0</v>
      </c>
      <c r="K31681" s="2">
        <v>1</v>
      </c>
      <c r="L31681" t="s">
        <v>995</v>
      </c>
      <c r="M31681" t="s">
        <v>83</v>
      </c>
      <c r="N31681" t="s">
        <v>91</v>
      </c>
      <c r="O31681" t="s">
        <v>85</v>
      </c>
      <c r="P31681" t="s">
        <v>86</v>
      </c>
      <c r="Q31681">
        <v>109</v>
      </c>
      <c r="R31681">
        <v>112</v>
      </c>
      <c r="S31681">
        <v>116</v>
      </c>
      <c r="T31681">
        <v>119</v>
      </c>
      <c r="U31681">
        <v>122</v>
      </c>
      <c r="V31681">
        <v>125</v>
      </c>
      <c r="W31681">
        <v>129</v>
      </c>
      <c r="X31681">
        <v>132</v>
      </c>
      <c r="Y31681">
        <v>135</v>
      </c>
      <c r="Z31681">
        <v>139</v>
      </c>
      <c r="AA31681">
        <v>143</v>
      </c>
      <c r="AB31681">
        <v>146</v>
      </c>
      <c r="AC31681">
        <v>150</v>
      </c>
      <c r="AD31681">
        <v>154</v>
      </c>
      <c r="AE31681">
        <v>158</v>
      </c>
      <c r="AF31681">
        <v>162</v>
      </c>
      <c r="AG31681">
        <v>166</v>
      </c>
      <c r="AH31681">
        <v>170</v>
      </c>
      <c r="AI31681">
        <v>174</v>
      </c>
      <c r="AJ31681">
        <v>179</v>
      </c>
      <c r="AK31681">
        <v>183</v>
      </c>
      <c r="AL31681">
        <v>187</v>
      </c>
      <c r="AM31681">
        <v>190</v>
      </c>
      <c r="AN31681">
        <v>193</v>
      </c>
      <c r="AO31681">
        <v>196</v>
      </c>
      <c r="AP31681">
        <v>199</v>
      </c>
      <c r="AQ31681">
        <v>202</v>
      </c>
    </row>
    <row r="31682" spans="1:43">
      <c r="A31682" t="s">
        <v>19627</v>
      </c>
      <c r="B31682" t="s">
        <v>19628</v>
      </c>
      <c r="C31682" t="s">
        <v>19629</v>
      </c>
      <c r="D31682" t="s">
        <v>19630</v>
      </c>
      <c r="E31682" t="s">
        <v>19535</v>
      </c>
      <c r="F31682" t="s">
        <v>19536</v>
      </c>
      <c r="G31682" t="s">
        <v>10734</v>
      </c>
      <c r="H31682" t="s">
        <v>10735</v>
      </c>
      <c r="I31682" s="2">
        <v>0</v>
      </c>
      <c r="J31682" s="2">
        <v>0</v>
      </c>
      <c r="K31682" s="2">
        <v>1</v>
      </c>
      <c r="L31682" t="s">
        <v>995</v>
      </c>
      <c r="M31682" t="s">
        <v>83</v>
      </c>
      <c r="N31682" t="s">
        <v>84</v>
      </c>
      <c r="O31682" t="s">
        <v>85</v>
      </c>
      <c r="P31682" t="s">
        <v>86</v>
      </c>
      <c r="Q31682">
        <v>43</v>
      </c>
      <c r="R31682">
        <v>44</v>
      </c>
      <c r="S31682">
        <v>45</v>
      </c>
      <c r="T31682">
        <v>46</v>
      </c>
      <c r="U31682">
        <v>48</v>
      </c>
      <c r="V31682">
        <v>49</v>
      </c>
      <c r="W31682">
        <v>50</v>
      </c>
      <c r="X31682">
        <v>52</v>
      </c>
      <c r="Y31682">
        <v>53</v>
      </c>
      <c r="Z31682">
        <v>54</v>
      </c>
      <c r="AA31682">
        <v>56</v>
      </c>
      <c r="AB31682">
        <v>57</v>
      </c>
      <c r="AC31682">
        <v>59</v>
      </c>
      <c r="AD31682">
        <v>60</v>
      </c>
      <c r="AE31682">
        <v>62</v>
      </c>
      <c r="AF31682">
        <v>63</v>
      </c>
      <c r="AG31682">
        <v>65</v>
      </c>
      <c r="AH31682">
        <v>66</v>
      </c>
      <c r="AI31682">
        <v>68</v>
      </c>
      <c r="AJ31682">
        <v>70</v>
      </c>
      <c r="AK31682">
        <v>72</v>
      </c>
      <c r="AL31682">
        <v>73</v>
      </c>
      <c r="AM31682">
        <v>74</v>
      </c>
      <c r="AN31682">
        <v>75</v>
      </c>
      <c r="AO31682">
        <v>77</v>
      </c>
      <c r="AP31682">
        <v>78</v>
      </c>
      <c r="AQ31682">
        <v>79</v>
      </c>
    </row>
    <row r="31683" spans="1:43">
      <c r="A31683" t="s">
        <v>19627</v>
      </c>
      <c r="B31683" t="s">
        <v>19628</v>
      </c>
      <c r="C31683" t="s">
        <v>19629</v>
      </c>
      <c r="D31683" t="s">
        <v>19630</v>
      </c>
      <c r="E31683" t="s">
        <v>19535</v>
      </c>
      <c r="F31683" t="s">
        <v>19536</v>
      </c>
      <c r="G31683" t="s">
        <v>10734</v>
      </c>
      <c r="H31683" t="s">
        <v>10735</v>
      </c>
      <c r="I31683" s="2">
        <v>0</v>
      </c>
      <c r="J31683" s="2">
        <v>0</v>
      </c>
      <c r="K31683" s="2">
        <v>1</v>
      </c>
      <c r="L31683" t="s">
        <v>995</v>
      </c>
      <c r="M31683" t="s">
        <v>87</v>
      </c>
      <c r="N31683" t="s">
        <v>88</v>
      </c>
      <c r="O31683" t="s">
        <v>85</v>
      </c>
      <c r="P31683" t="s">
        <v>86</v>
      </c>
      <c r="Q31683">
        <v>43</v>
      </c>
      <c r="R31683">
        <v>44</v>
      </c>
      <c r="S31683">
        <v>45</v>
      </c>
      <c r="T31683">
        <v>46</v>
      </c>
      <c r="U31683">
        <v>47</v>
      </c>
      <c r="V31683">
        <v>47</v>
      </c>
      <c r="W31683">
        <v>48</v>
      </c>
      <c r="X31683">
        <v>49</v>
      </c>
      <c r="Y31683">
        <v>50</v>
      </c>
      <c r="Z31683">
        <v>51</v>
      </c>
      <c r="AA31683">
        <v>52</v>
      </c>
      <c r="AB31683">
        <v>53</v>
      </c>
      <c r="AC31683">
        <v>54</v>
      </c>
      <c r="AD31683">
        <v>54</v>
      </c>
      <c r="AE31683">
        <v>55</v>
      </c>
      <c r="AF31683">
        <v>56</v>
      </c>
      <c r="AG31683">
        <v>58</v>
      </c>
      <c r="AH31683">
        <v>59</v>
      </c>
      <c r="AI31683">
        <v>60</v>
      </c>
      <c r="AJ31683">
        <v>61</v>
      </c>
      <c r="AK31683">
        <v>62</v>
      </c>
      <c r="AL31683">
        <v>63</v>
      </c>
      <c r="AM31683">
        <v>64</v>
      </c>
      <c r="AN31683">
        <v>65</v>
      </c>
      <c r="AO31683">
        <v>67</v>
      </c>
      <c r="AP31683">
        <v>68</v>
      </c>
      <c r="AQ31683">
        <v>69</v>
      </c>
    </row>
    <row r="31684" spans="1:43">
      <c r="A31684" t="s">
        <v>19627</v>
      </c>
      <c r="B31684" t="s">
        <v>19628</v>
      </c>
      <c r="C31684" t="s">
        <v>19629</v>
      </c>
      <c r="D31684" t="s">
        <v>19630</v>
      </c>
      <c r="E31684" t="s">
        <v>19535</v>
      </c>
      <c r="F31684" t="s">
        <v>19536</v>
      </c>
      <c r="G31684" t="s">
        <v>10734</v>
      </c>
      <c r="H31684" t="s">
        <v>10735</v>
      </c>
      <c r="I31684" s="2">
        <v>0</v>
      </c>
      <c r="J31684" s="2">
        <v>0</v>
      </c>
      <c r="K31684" s="2">
        <v>1</v>
      </c>
      <c r="L31684" t="s">
        <v>995</v>
      </c>
      <c r="M31684" t="s">
        <v>89</v>
      </c>
      <c r="N31684" t="s">
        <v>90</v>
      </c>
      <c r="O31684" t="s">
        <v>85</v>
      </c>
      <c r="P31684" t="s">
        <v>86</v>
      </c>
      <c r="Q31684">
        <v>43</v>
      </c>
      <c r="R31684">
        <v>45</v>
      </c>
      <c r="S31684">
        <v>46</v>
      </c>
      <c r="T31684">
        <v>48</v>
      </c>
      <c r="U31684">
        <v>50</v>
      </c>
      <c r="V31684">
        <v>51</v>
      </c>
      <c r="W31684">
        <v>53</v>
      </c>
      <c r="X31684">
        <v>54</v>
      </c>
      <c r="Y31684">
        <v>56</v>
      </c>
      <c r="Z31684">
        <v>58</v>
      </c>
      <c r="AA31684">
        <v>59</v>
      </c>
      <c r="AB31684">
        <v>61</v>
      </c>
      <c r="AC31684">
        <v>63</v>
      </c>
      <c r="AD31684">
        <v>65</v>
      </c>
      <c r="AE31684">
        <v>66</v>
      </c>
      <c r="AF31684">
        <v>67</v>
      </c>
      <c r="AG31684">
        <v>68</v>
      </c>
      <c r="AH31684">
        <v>69</v>
      </c>
      <c r="AI31684">
        <v>70</v>
      </c>
      <c r="AJ31684">
        <v>71</v>
      </c>
      <c r="AK31684">
        <v>73</v>
      </c>
      <c r="AL31684">
        <v>74</v>
      </c>
      <c r="AM31684">
        <v>75</v>
      </c>
      <c r="AN31684">
        <v>76</v>
      </c>
      <c r="AO31684">
        <v>77</v>
      </c>
      <c r="AP31684">
        <v>78</v>
      </c>
      <c r="AQ31684">
        <v>80</v>
      </c>
    </row>
    <row r="31685" spans="1:43">
      <c r="A31685" t="s">
        <v>19627</v>
      </c>
      <c r="B31685" t="s">
        <v>19628</v>
      </c>
      <c r="C31685" t="s">
        <v>19629</v>
      </c>
      <c r="D31685" t="s">
        <v>19630</v>
      </c>
      <c r="E31685" t="s">
        <v>19535</v>
      </c>
      <c r="F31685" t="s">
        <v>19536</v>
      </c>
      <c r="G31685" t="s">
        <v>10734</v>
      </c>
      <c r="H31685" t="s">
        <v>10735</v>
      </c>
      <c r="I31685" s="2">
        <v>0</v>
      </c>
      <c r="J31685" s="2">
        <v>0</v>
      </c>
      <c r="K31685" s="2">
        <v>1</v>
      </c>
      <c r="L31685" t="s">
        <v>995</v>
      </c>
      <c r="M31685" t="s">
        <v>83</v>
      </c>
      <c r="N31685" t="s">
        <v>91</v>
      </c>
      <c r="O31685" t="s">
        <v>85</v>
      </c>
      <c r="P31685" t="s">
        <v>86</v>
      </c>
      <c r="Q31685">
        <v>43</v>
      </c>
      <c r="R31685">
        <v>44</v>
      </c>
      <c r="S31685">
        <v>45</v>
      </c>
      <c r="T31685">
        <v>46</v>
      </c>
      <c r="U31685">
        <v>48</v>
      </c>
      <c r="V31685">
        <v>49</v>
      </c>
      <c r="W31685">
        <v>50</v>
      </c>
      <c r="X31685">
        <v>52</v>
      </c>
      <c r="Y31685">
        <v>53</v>
      </c>
      <c r="Z31685">
        <v>54</v>
      </c>
      <c r="AA31685">
        <v>56</v>
      </c>
      <c r="AB31685">
        <v>57</v>
      </c>
      <c r="AC31685">
        <v>59</v>
      </c>
      <c r="AD31685">
        <v>60</v>
      </c>
      <c r="AE31685">
        <v>62</v>
      </c>
      <c r="AF31685">
        <v>63</v>
      </c>
      <c r="AG31685">
        <v>65</v>
      </c>
      <c r="AH31685">
        <v>66</v>
      </c>
      <c r="AI31685">
        <v>68</v>
      </c>
      <c r="AJ31685">
        <v>70</v>
      </c>
      <c r="AK31685">
        <v>72</v>
      </c>
      <c r="AL31685">
        <v>73</v>
      </c>
      <c r="AM31685">
        <v>74</v>
      </c>
      <c r="AN31685">
        <v>75</v>
      </c>
      <c r="AO31685">
        <v>77</v>
      </c>
      <c r="AP31685">
        <v>78</v>
      </c>
      <c r="AQ31685">
        <v>79</v>
      </c>
    </row>
    <row r="31686" spans="1:43">
      <c r="A31686" t="s">
        <v>19631</v>
      </c>
      <c r="B31686" t="s">
        <v>19632</v>
      </c>
      <c r="C31686" t="s">
        <v>19629</v>
      </c>
      <c r="D31686" t="s">
        <v>19630</v>
      </c>
      <c r="E31686" t="s">
        <v>19535</v>
      </c>
      <c r="F31686" t="s">
        <v>19536</v>
      </c>
      <c r="G31686" t="s">
        <v>10734</v>
      </c>
      <c r="H31686" t="s">
        <v>10735</v>
      </c>
      <c r="I31686" s="2">
        <v>0</v>
      </c>
      <c r="J31686" s="2">
        <v>0</v>
      </c>
      <c r="K31686" s="2">
        <v>1</v>
      </c>
      <c r="L31686" t="s">
        <v>995</v>
      </c>
      <c r="M31686" t="s">
        <v>83</v>
      </c>
      <c r="N31686" t="s">
        <v>84</v>
      </c>
      <c r="O31686" t="s">
        <v>85</v>
      </c>
      <c r="P31686" t="s">
        <v>86</v>
      </c>
      <c r="Q31686">
        <v>9</v>
      </c>
      <c r="R31686">
        <v>10</v>
      </c>
      <c r="S31686">
        <v>10</v>
      </c>
      <c r="T31686">
        <v>10</v>
      </c>
      <c r="U31686">
        <v>10</v>
      </c>
      <c r="V31686">
        <v>11</v>
      </c>
      <c r="W31686">
        <v>11</v>
      </c>
      <c r="X31686">
        <v>11</v>
      </c>
      <c r="Y31686">
        <v>11</v>
      </c>
      <c r="Z31686">
        <v>12</v>
      </c>
      <c r="AA31686">
        <v>12</v>
      </c>
      <c r="AB31686">
        <v>12</v>
      </c>
      <c r="AC31686">
        <v>13</v>
      </c>
      <c r="AD31686">
        <v>13</v>
      </c>
      <c r="AE31686">
        <v>13</v>
      </c>
      <c r="AF31686">
        <v>14</v>
      </c>
      <c r="AG31686">
        <v>14</v>
      </c>
      <c r="AH31686">
        <v>14</v>
      </c>
      <c r="AI31686">
        <v>15</v>
      </c>
      <c r="AJ31686">
        <v>15</v>
      </c>
      <c r="AK31686">
        <v>16</v>
      </c>
      <c r="AL31686">
        <v>16</v>
      </c>
      <c r="AM31686">
        <v>16</v>
      </c>
      <c r="AN31686">
        <v>16</v>
      </c>
      <c r="AO31686">
        <v>17</v>
      </c>
      <c r="AP31686">
        <v>17</v>
      </c>
      <c r="AQ31686">
        <v>17</v>
      </c>
    </row>
    <row r="31687" spans="1:43">
      <c r="A31687" t="s">
        <v>19631</v>
      </c>
      <c r="B31687" t="s">
        <v>19632</v>
      </c>
      <c r="C31687" t="s">
        <v>19629</v>
      </c>
      <c r="D31687" t="s">
        <v>19630</v>
      </c>
      <c r="E31687" t="s">
        <v>19535</v>
      </c>
      <c r="F31687" t="s">
        <v>19536</v>
      </c>
      <c r="G31687" t="s">
        <v>10734</v>
      </c>
      <c r="H31687" t="s">
        <v>10735</v>
      </c>
      <c r="I31687" s="2">
        <v>0</v>
      </c>
      <c r="J31687" s="2">
        <v>0</v>
      </c>
      <c r="K31687" s="2">
        <v>1</v>
      </c>
      <c r="L31687" t="s">
        <v>995</v>
      </c>
      <c r="M31687" t="s">
        <v>87</v>
      </c>
      <c r="N31687" t="s">
        <v>88</v>
      </c>
      <c r="O31687" t="s">
        <v>85</v>
      </c>
      <c r="P31687" t="s">
        <v>86</v>
      </c>
      <c r="Q31687">
        <v>9</v>
      </c>
      <c r="R31687">
        <v>9</v>
      </c>
      <c r="S31687">
        <v>10</v>
      </c>
      <c r="T31687">
        <v>10</v>
      </c>
      <c r="U31687">
        <v>10</v>
      </c>
      <c r="V31687">
        <v>10</v>
      </c>
      <c r="W31687">
        <v>10</v>
      </c>
      <c r="X31687">
        <v>10</v>
      </c>
      <c r="Y31687">
        <v>11</v>
      </c>
      <c r="Z31687">
        <v>11</v>
      </c>
      <c r="AA31687">
        <v>11</v>
      </c>
      <c r="AB31687">
        <v>11</v>
      </c>
      <c r="AC31687">
        <v>11</v>
      </c>
      <c r="AD31687">
        <v>12</v>
      </c>
      <c r="AE31687">
        <v>12</v>
      </c>
      <c r="AF31687">
        <v>12</v>
      </c>
      <c r="AG31687">
        <v>12</v>
      </c>
      <c r="AH31687">
        <v>13</v>
      </c>
      <c r="AI31687">
        <v>13</v>
      </c>
      <c r="AJ31687">
        <v>13</v>
      </c>
      <c r="AK31687">
        <v>13</v>
      </c>
      <c r="AL31687">
        <v>13</v>
      </c>
      <c r="AM31687">
        <v>14</v>
      </c>
      <c r="AN31687">
        <v>14</v>
      </c>
      <c r="AO31687">
        <v>14</v>
      </c>
      <c r="AP31687">
        <v>15</v>
      </c>
      <c r="AQ31687">
        <v>15</v>
      </c>
    </row>
    <row r="31688" spans="1:43">
      <c r="A31688" t="s">
        <v>19631</v>
      </c>
      <c r="B31688" t="s">
        <v>19632</v>
      </c>
      <c r="C31688" t="s">
        <v>19629</v>
      </c>
      <c r="D31688" t="s">
        <v>19630</v>
      </c>
      <c r="E31688" t="s">
        <v>19535</v>
      </c>
      <c r="F31688" t="s">
        <v>19536</v>
      </c>
      <c r="G31688" t="s">
        <v>10734</v>
      </c>
      <c r="H31688" t="s">
        <v>10735</v>
      </c>
      <c r="I31688" s="2">
        <v>0</v>
      </c>
      <c r="J31688" s="2">
        <v>0</v>
      </c>
      <c r="K31688" s="2">
        <v>1</v>
      </c>
      <c r="L31688" t="s">
        <v>995</v>
      </c>
      <c r="M31688" t="s">
        <v>89</v>
      </c>
      <c r="N31688" t="s">
        <v>90</v>
      </c>
      <c r="O31688" t="s">
        <v>85</v>
      </c>
      <c r="P31688" t="s">
        <v>86</v>
      </c>
      <c r="Q31688">
        <v>9</v>
      </c>
      <c r="R31688">
        <v>10</v>
      </c>
      <c r="S31688">
        <v>10</v>
      </c>
      <c r="T31688">
        <v>10</v>
      </c>
      <c r="U31688">
        <v>11</v>
      </c>
      <c r="V31688">
        <v>11</v>
      </c>
      <c r="W31688">
        <v>11</v>
      </c>
      <c r="X31688">
        <v>12</v>
      </c>
      <c r="Y31688">
        <v>12</v>
      </c>
      <c r="Z31688">
        <v>13</v>
      </c>
      <c r="AA31688">
        <v>13</v>
      </c>
      <c r="AB31688">
        <v>13</v>
      </c>
      <c r="AC31688">
        <v>14</v>
      </c>
      <c r="AD31688">
        <v>14</v>
      </c>
      <c r="AE31688">
        <v>14</v>
      </c>
      <c r="AF31688">
        <v>15</v>
      </c>
      <c r="AG31688">
        <v>15</v>
      </c>
      <c r="AH31688">
        <v>15</v>
      </c>
      <c r="AI31688">
        <v>15</v>
      </c>
      <c r="AJ31688">
        <v>16</v>
      </c>
      <c r="AK31688">
        <v>16</v>
      </c>
      <c r="AL31688">
        <v>16</v>
      </c>
      <c r="AM31688">
        <v>16</v>
      </c>
      <c r="AN31688">
        <v>17</v>
      </c>
      <c r="AO31688">
        <v>17</v>
      </c>
      <c r="AP31688">
        <v>17</v>
      </c>
      <c r="AQ31688">
        <v>17</v>
      </c>
    </row>
    <row r="31689" spans="1:43">
      <c r="A31689" t="s">
        <v>19631</v>
      </c>
      <c r="B31689" t="s">
        <v>19632</v>
      </c>
      <c r="C31689" t="s">
        <v>19629</v>
      </c>
      <c r="D31689" t="s">
        <v>19630</v>
      </c>
      <c r="E31689" t="s">
        <v>19535</v>
      </c>
      <c r="F31689" t="s">
        <v>19536</v>
      </c>
      <c r="G31689" t="s">
        <v>10734</v>
      </c>
      <c r="H31689" t="s">
        <v>10735</v>
      </c>
      <c r="I31689" s="2">
        <v>0</v>
      </c>
      <c r="J31689" s="2">
        <v>0</v>
      </c>
      <c r="K31689" s="2">
        <v>1</v>
      </c>
      <c r="L31689" t="s">
        <v>995</v>
      </c>
      <c r="M31689" t="s">
        <v>83</v>
      </c>
      <c r="N31689" t="s">
        <v>91</v>
      </c>
      <c r="O31689" t="s">
        <v>85</v>
      </c>
      <c r="P31689" t="s">
        <v>86</v>
      </c>
      <c r="Q31689">
        <v>9</v>
      </c>
      <c r="R31689">
        <v>10</v>
      </c>
      <c r="S31689">
        <v>10</v>
      </c>
      <c r="T31689">
        <v>10</v>
      </c>
      <c r="U31689">
        <v>10</v>
      </c>
      <c r="V31689">
        <v>11</v>
      </c>
      <c r="W31689">
        <v>11</v>
      </c>
      <c r="X31689">
        <v>11</v>
      </c>
      <c r="Y31689">
        <v>11</v>
      </c>
      <c r="Z31689">
        <v>12</v>
      </c>
      <c r="AA31689">
        <v>12</v>
      </c>
      <c r="AB31689">
        <v>12</v>
      </c>
      <c r="AC31689">
        <v>13</v>
      </c>
      <c r="AD31689">
        <v>13</v>
      </c>
      <c r="AE31689">
        <v>13</v>
      </c>
      <c r="AF31689">
        <v>14</v>
      </c>
      <c r="AG31689">
        <v>14</v>
      </c>
      <c r="AH31689">
        <v>14</v>
      </c>
      <c r="AI31689">
        <v>15</v>
      </c>
      <c r="AJ31689">
        <v>15</v>
      </c>
      <c r="AK31689">
        <v>16</v>
      </c>
      <c r="AL31689">
        <v>16</v>
      </c>
      <c r="AM31689">
        <v>16</v>
      </c>
      <c r="AN31689">
        <v>16</v>
      </c>
      <c r="AO31689">
        <v>17</v>
      </c>
      <c r="AP31689">
        <v>17</v>
      </c>
      <c r="AQ31689">
        <v>17</v>
      </c>
    </row>
    <row r="31690" spans="1:43">
      <c r="A31690" t="s">
        <v>19633</v>
      </c>
      <c r="B31690" t="s">
        <v>19634</v>
      </c>
      <c r="C31690" t="s">
        <v>19629</v>
      </c>
      <c r="D31690" t="s">
        <v>19630</v>
      </c>
      <c r="E31690" t="s">
        <v>19535</v>
      </c>
      <c r="F31690" t="s">
        <v>19536</v>
      </c>
      <c r="G31690" t="s">
        <v>10734</v>
      </c>
      <c r="H31690" t="s">
        <v>10735</v>
      </c>
      <c r="I31690" s="2">
        <v>0</v>
      </c>
      <c r="J31690" s="2">
        <v>0</v>
      </c>
      <c r="K31690" s="2">
        <v>1</v>
      </c>
      <c r="L31690" t="s">
        <v>995</v>
      </c>
      <c r="M31690" t="s">
        <v>83</v>
      </c>
      <c r="N31690" t="s">
        <v>84</v>
      </c>
      <c r="O31690" t="s">
        <v>85</v>
      </c>
      <c r="P31690" t="s">
        <v>86</v>
      </c>
      <c r="Q31690">
        <v>19</v>
      </c>
      <c r="R31690">
        <v>19</v>
      </c>
      <c r="S31690">
        <v>20</v>
      </c>
      <c r="T31690">
        <v>20</v>
      </c>
      <c r="U31690">
        <v>21</v>
      </c>
      <c r="V31690">
        <v>21</v>
      </c>
      <c r="W31690">
        <v>22</v>
      </c>
      <c r="X31690">
        <v>22</v>
      </c>
      <c r="Y31690">
        <v>23</v>
      </c>
      <c r="Z31690">
        <v>24</v>
      </c>
      <c r="AA31690">
        <v>24</v>
      </c>
      <c r="AB31690">
        <v>25</v>
      </c>
      <c r="AC31690">
        <v>25</v>
      </c>
      <c r="AD31690">
        <v>26</v>
      </c>
      <c r="AE31690">
        <v>27</v>
      </c>
      <c r="AF31690">
        <v>27</v>
      </c>
      <c r="AG31690">
        <v>28</v>
      </c>
      <c r="AH31690">
        <v>29</v>
      </c>
      <c r="AI31690">
        <v>30</v>
      </c>
      <c r="AJ31690">
        <v>30</v>
      </c>
      <c r="AK31690">
        <v>31</v>
      </c>
      <c r="AL31690">
        <v>32</v>
      </c>
      <c r="AM31690">
        <v>32</v>
      </c>
      <c r="AN31690">
        <v>33</v>
      </c>
      <c r="AO31690">
        <v>33</v>
      </c>
      <c r="AP31690">
        <v>34</v>
      </c>
      <c r="AQ31690">
        <v>34</v>
      </c>
    </row>
    <row r="31691" spans="1:43">
      <c r="A31691" t="s">
        <v>19633</v>
      </c>
      <c r="B31691" t="s">
        <v>19634</v>
      </c>
      <c r="C31691" t="s">
        <v>19629</v>
      </c>
      <c r="D31691" t="s">
        <v>19630</v>
      </c>
      <c r="E31691" t="s">
        <v>19535</v>
      </c>
      <c r="F31691" t="s">
        <v>19536</v>
      </c>
      <c r="G31691" t="s">
        <v>10734</v>
      </c>
      <c r="H31691" t="s">
        <v>10735</v>
      </c>
      <c r="I31691" s="2">
        <v>0</v>
      </c>
      <c r="J31691" s="2">
        <v>0</v>
      </c>
      <c r="K31691" s="2">
        <v>1</v>
      </c>
      <c r="L31691" t="s">
        <v>995</v>
      </c>
      <c r="M31691" t="s">
        <v>87</v>
      </c>
      <c r="N31691" t="s">
        <v>88</v>
      </c>
      <c r="O31691" t="s">
        <v>85</v>
      </c>
      <c r="P31691" t="s">
        <v>86</v>
      </c>
      <c r="Q31691">
        <v>19</v>
      </c>
      <c r="R31691">
        <v>20</v>
      </c>
      <c r="S31691">
        <v>20</v>
      </c>
      <c r="T31691">
        <v>20</v>
      </c>
      <c r="U31691">
        <v>21</v>
      </c>
      <c r="V31691">
        <v>21</v>
      </c>
      <c r="W31691">
        <v>21</v>
      </c>
      <c r="X31691">
        <v>22</v>
      </c>
      <c r="Y31691">
        <v>22</v>
      </c>
      <c r="Z31691">
        <v>23</v>
      </c>
      <c r="AA31691">
        <v>23</v>
      </c>
      <c r="AB31691">
        <v>23</v>
      </c>
      <c r="AC31691">
        <v>24</v>
      </c>
      <c r="AD31691">
        <v>24</v>
      </c>
      <c r="AE31691">
        <v>25</v>
      </c>
      <c r="AF31691">
        <v>25</v>
      </c>
      <c r="AG31691">
        <v>26</v>
      </c>
      <c r="AH31691">
        <v>26</v>
      </c>
      <c r="AI31691">
        <v>26</v>
      </c>
      <c r="AJ31691">
        <v>27</v>
      </c>
      <c r="AK31691">
        <v>27</v>
      </c>
      <c r="AL31691">
        <v>28</v>
      </c>
      <c r="AM31691">
        <v>28</v>
      </c>
      <c r="AN31691">
        <v>29</v>
      </c>
      <c r="AO31691">
        <v>29</v>
      </c>
      <c r="AP31691">
        <v>30</v>
      </c>
      <c r="AQ31691">
        <v>31</v>
      </c>
    </row>
    <row r="31692" spans="1:43">
      <c r="A31692" t="s">
        <v>19633</v>
      </c>
      <c r="B31692" t="s">
        <v>19634</v>
      </c>
      <c r="C31692" t="s">
        <v>19629</v>
      </c>
      <c r="D31692" t="s">
        <v>19630</v>
      </c>
      <c r="E31692" t="s">
        <v>19535</v>
      </c>
      <c r="F31692" t="s">
        <v>19536</v>
      </c>
      <c r="G31692" t="s">
        <v>10734</v>
      </c>
      <c r="H31692" t="s">
        <v>10735</v>
      </c>
      <c r="I31692" s="2">
        <v>0</v>
      </c>
      <c r="J31692" s="2">
        <v>0</v>
      </c>
      <c r="K31692" s="2">
        <v>1</v>
      </c>
      <c r="L31692" t="s">
        <v>995</v>
      </c>
      <c r="M31692" t="s">
        <v>89</v>
      </c>
      <c r="N31692" t="s">
        <v>90</v>
      </c>
      <c r="O31692" t="s">
        <v>85</v>
      </c>
      <c r="P31692" t="s">
        <v>86</v>
      </c>
      <c r="Q31692">
        <v>19</v>
      </c>
      <c r="R31692">
        <v>19</v>
      </c>
      <c r="S31692">
        <v>20</v>
      </c>
      <c r="T31692">
        <v>21</v>
      </c>
      <c r="U31692">
        <v>21</v>
      </c>
      <c r="V31692">
        <v>22</v>
      </c>
      <c r="W31692">
        <v>23</v>
      </c>
      <c r="X31692">
        <v>24</v>
      </c>
      <c r="Y31692">
        <v>24</v>
      </c>
      <c r="Z31692">
        <v>25</v>
      </c>
      <c r="AA31692">
        <v>26</v>
      </c>
      <c r="AB31692">
        <v>26</v>
      </c>
      <c r="AC31692">
        <v>27</v>
      </c>
      <c r="AD31692">
        <v>28</v>
      </c>
      <c r="AE31692">
        <v>29</v>
      </c>
      <c r="AF31692">
        <v>29</v>
      </c>
      <c r="AG31692">
        <v>30</v>
      </c>
      <c r="AH31692">
        <v>30</v>
      </c>
      <c r="AI31692">
        <v>31</v>
      </c>
      <c r="AJ31692">
        <v>31</v>
      </c>
      <c r="AK31692">
        <v>31</v>
      </c>
      <c r="AL31692">
        <v>32</v>
      </c>
      <c r="AM31692">
        <v>32</v>
      </c>
      <c r="AN31692">
        <v>33</v>
      </c>
      <c r="AO31692">
        <v>34</v>
      </c>
      <c r="AP31692">
        <v>34</v>
      </c>
      <c r="AQ31692">
        <v>35</v>
      </c>
    </row>
    <row r="31693" spans="1:43">
      <c r="A31693" t="s">
        <v>19633</v>
      </c>
      <c r="B31693" t="s">
        <v>19634</v>
      </c>
      <c r="C31693" t="s">
        <v>19629</v>
      </c>
      <c r="D31693" t="s">
        <v>19630</v>
      </c>
      <c r="E31693" t="s">
        <v>19535</v>
      </c>
      <c r="F31693" t="s">
        <v>19536</v>
      </c>
      <c r="G31693" t="s">
        <v>10734</v>
      </c>
      <c r="H31693" t="s">
        <v>10735</v>
      </c>
      <c r="I31693" s="2">
        <v>0</v>
      </c>
      <c r="J31693" s="2">
        <v>0</v>
      </c>
      <c r="K31693" s="2">
        <v>1</v>
      </c>
      <c r="L31693" t="s">
        <v>995</v>
      </c>
      <c r="M31693" t="s">
        <v>83</v>
      </c>
      <c r="N31693" t="s">
        <v>91</v>
      </c>
      <c r="O31693" t="s">
        <v>85</v>
      </c>
      <c r="P31693" t="s">
        <v>86</v>
      </c>
      <c r="Q31693">
        <v>19</v>
      </c>
      <c r="R31693">
        <v>19</v>
      </c>
      <c r="S31693">
        <v>20</v>
      </c>
      <c r="T31693">
        <v>20</v>
      </c>
      <c r="U31693">
        <v>21</v>
      </c>
      <c r="V31693">
        <v>21</v>
      </c>
      <c r="W31693">
        <v>22</v>
      </c>
      <c r="X31693">
        <v>22</v>
      </c>
      <c r="Y31693">
        <v>23</v>
      </c>
      <c r="Z31693">
        <v>24</v>
      </c>
      <c r="AA31693">
        <v>24</v>
      </c>
      <c r="AB31693">
        <v>25</v>
      </c>
      <c r="AC31693">
        <v>25</v>
      </c>
      <c r="AD31693">
        <v>26</v>
      </c>
      <c r="AE31693">
        <v>27</v>
      </c>
      <c r="AF31693">
        <v>27</v>
      </c>
      <c r="AG31693">
        <v>28</v>
      </c>
      <c r="AH31693">
        <v>29</v>
      </c>
      <c r="AI31693">
        <v>30</v>
      </c>
      <c r="AJ31693">
        <v>30</v>
      </c>
      <c r="AK31693">
        <v>31</v>
      </c>
      <c r="AL31693">
        <v>32</v>
      </c>
      <c r="AM31693">
        <v>32</v>
      </c>
      <c r="AN31693">
        <v>33</v>
      </c>
      <c r="AO31693">
        <v>33</v>
      </c>
      <c r="AP31693">
        <v>34</v>
      </c>
      <c r="AQ31693">
        <v>34</v>
      </c>
    </row>
    <row r="31694" spans="1:43">
      <c r="A31694" t="s">
        <v>19635</v>
      </c>
      <c r="B31694" t="s">
        <v>19636</v>
      </c>
      <c r="C31694" t="s">
        <v>19637</v>
      </c>
      <c r="D31694" t="s">
        <v>19638</v>
      </c>
      <c r="E31694" t="s">
        <v>19535</v>
      </c>
      <c r="F31694" t="s">
        <v>19536</v>
      </c>
      <c r="G31694" t="s">
        <v>10734</v>
      </c>
      <c r="H31694" t="s">
        <v>10735</v>
      </c>
      <c r="I31694" s="2">
        <v>0</v>
      </c>
      <c r="J31694" s="2">
        <v>0</v>
      </c>
      <c r="K31694" s="2">
        <v>1</v>
      </c>
      <c r="L31694" t="s">
        <v>995</v>
      </c>
      <c r="M31694" t="s">
        <v>83</v>
      </c>
      <c r="N31694" t="s">
        <v>84</v>
      </c>
      <c r="O31694" t="s">
        <v>85</v>
      </c>
      <c r="P31694" t="s">
        <v>86</v>
      </c>
      <c r="Q31694">
        <v>8</v>
      </c>
      <c r="R31694">
        <v>9</v>
      </c>
      <c r="S31694">
        <v>9</v>
      </c>
      <c r="T31694">
        <v>9</v>
      </c>
      <c r="U31694">
        <v>9</v>
      </c>
      <c r="V31694">
        <v>10</v>
      </c>
      <c r="W31694">
        <v>10</v>
      </c>
      <c r="X31694">
        <v>10</v>
      </c>
      <c r="Y31694">
        <v>10</v>
      </c>
      <c r="Z31694">
        <v>11</v>
      </c>
      <c r="AA31694">
        <v>11</v>
      </c>
      <c r="AB31694">
        <v>11</v>
      </c>
      <c r="AC31694">
        <v>12</v>
      </c>
      <c r="AD31694">
        <v>12</v>
      </c>
      <c r="AE31694">
        <v>12</v>
      </c>
      <c r="AF31694">
        <v>12</v>
      </c>
      <c r="AG31694">
        <v>13</v>
      </c>
      <c r="AH31694">
        <v>13</v>
      </c>
      <c r="AI31694">
        <v>13</v>
      </c>
      <c r="AJ31694">
        <v>14</v>
      </c>
      <c r="AK31694">
        <v>14</v>
      </c>
      <c r="AL31694">
        <v>14</v>
      </c>
      <c r="AM31694">
        <v>15</v>
      </c>
      <c r="AN31694">
        <v>15</v>
      </c>
      <c r="AO31694">
        <v>15</v>
      </c>
      <c r="AP31694">
        <v>15</v>
      </c>
      <c r="AQ31694">
        <v>16</v>
      </c>
    </row>
    <row r="31695" spans="1:43">
      <c r="A31695" t="s">
        <v>19635</v>
      </c>
      <c r="B31695" t="s">
        <v>19636</v>
      </c>
      <c r="C31695" t="s">
        <v>19637</v>
      </c>
      <c r="D31695" t="s">
        <v>19638</v>
      </c>
      <c r="E31695" t="s">
        <v>19535</v>
      </c>
      <c r="F31695" t="s">
        <v>19536</v>
      </c>
      <c r="G31695" t="s">
        <v>10734</v>
      </c>
      <c r="H31695" t="s">
        <v>10735</v>
      </c>
      <c r="I31695" s="2">
        <v>0</v>
      </c>
      <c r="J31695" s="2">
        <v>0</v>
      </c>
      <c r="K31695" s="2">
        <v>1</v>
      </c>
      <c r="L31695" t="s">
        <v>995</v>
      </c>
      <c r="M31695" t="s">
        <v>87</v>
      </c>
      <c r="N31695" t="s">
        <v>88</v>
      </c>
      <c r="O31695" t="s">
        <v>85</v>
      </c>
      <c r="P31695" t="s">
        <v>86</v>
      </c>
      <c r="Q31695">
        <v>8</v>
      </c>
      <c r="R31695">
        <v>8</v>
      </c>
      <c r="S31695">
        <v>9</v>
      </c>
      <c r="T31695">
        <v>9</v>
      </c>
      <c r="U31695">
        <v>9</v>
      </c>
      <c r="V31695">
        <v>9</v>
      </c>
      <c r="W31695">
        <v>9</v>
      </c>
      <c r="X31695">
        <v>9</v>
      </c>
      <c r="Y31695">
        <v>10</v>
      </c>
      <c r="Z31695">
        <v>10</v>
      </c>
      <c r="AA31695">
        <v>10</v>
      </c>
      <c r="AB31695">
        <v>10</v>
      </c>
      <c r="AC31695">
        <v>10</v>
      </c>
      <c r="AD31695">
        <v>11</v>
      </c>
      <c r="AE31695">
        <v>11</v>
      </c>
      <c r="AF31695">
        <v>11</v>
      </c>
      <c r="AG31695">
        <v>11</v>
      </c>
      <c r="AH31695">
        <v>11</v>
      </c>
      <c r="AI31695">
        <v>12</v>
      </c>
      <c r="AJ31695">
        <v>12</v>
      </c>
      <c r="AK31695">
        <v>12</v>
      </c>
      <c r="AL31695">
        <v>12</v>
      </c>
      <c r="AM31695">
        <v>12</v>
      </c>
      <c r="AN31695">
        <v>13</v>
      </c>
      <c r="AO31695">
        <v>13</v>
      </c>
      <c r="AP31695">
        <v>13</v>
      </c>
      <c r="AQ31695">
        <v>13</v>
      </c>
    </row>
    <row r="31696" spans="1:43">
      <c r="A31696" t="s">
        <v>19635</v>
      </c>
      <c r="B31696" t="s">
        <v>19636</v>
      </c>
      <c r="C31696" t="s">
        <v>19637</v>
      </c>
      <c r="D31696" t="s">
        <v>19638</v>
      </c>
      <c r="E31696" t="s">
        <v>19535</v>
      </c>
      <c r="F31696" t="s">
        <v>19536</v>
      </c>
      <c r="G31696" t="s">
        <v>10734</v>
      </c>
      <c r="H31696" t="s">
        <v>10735</v>
      </c>
      <c r="I31696" s="2">
        <v>0</v>
      </c>
      <c r="J31696" s="2">
        <v>0</v>
      </c>
      <c r="K31696" s="2">
        <v>1</v>
      </c>
      <c r="L31696" t="s">
        <v>995</v>
      </c>
      <c r="M31696" t="s">
        <v>89</v>
      </c>
      <c r="N31696" t="s">
        <v>90</v>
      </c>
      <c r="O31696" t="s">
        <v>85</v>
      </c>
      <c r="P31696" t="s">
        <v>86</v>
      </c>
      <c r="Q31696">
        <v>8</v>
      </c>
      <c r="R31696">
        <v>9</v>
      </c>
      <c r="S31696">
        <v>9</v>
      </c>
      <c r="T31696">
        <v>9</v>
      </c>
      <c r="U31696">
        <v>10</v>
      </c>
      <c r="V31696">
        <v>10</v>
      </c>
      <c r="W31696">
        <v>10</v>
      </c>
      <c r="X31696">
        <v>11</v>
      </c>
      <c r="Y31696">
        <v>11</v>
      </c>
      <c r="Z31696">
        <v>11</v>
      </c>
      <c r="AA31696">
        <v>12</v>
      </c>
      <c r="AB31696">
        <v>12</v>
      </c>
      <c r="AC31696">
        <v>12</v>
      </c>
      <c r="AD31696">
        <v>13</v>
      </c>
      <c r="AE31696">
        <v>13</v>
      </c>
      <c r="AF31696">
        <v>13</v>
      </c>
      <c r="AG31696">
        <v>13</v>
      </c>
      <c r="AH31696">
        <v>14</v>
      </c>
      <c r="AI31696">
        <v>14</v>
      </c>
      <c r="AJ31696">
        <v>14</v>
      </c>
      <c r="AK31696">
        <v>14</v>
      </c>
      <c r="AL31696">
        <v>14</v>
      </c>
      <c r="AM31696">
        <v>15</v>
      </c>
      <c r="AN31696">
        <v>15</v>
      </c>
      <c r="AO31696">
        <v>15</v>
      </c>
      <c r="AP31696">
        <v>15</v>
      </c>
      <c r="AQ31696">
        <v>16</v>
      </c>
    </row>
    <row r="31697" spans="1:43">
      <c r="A31697" t="s">
        <v>19635</v>
      </c>
      <c r="B31697" t="s">
        <v>19636</v>
      </c>
      <c r="C31697" t="s">
        <v>19637</v>
      </c>
      <c r="D31697" t="s">
        <v>19638</v>
      </c>
      <c r="E31697" t="s">
        <v>19535</v>
      </c>
      <c r="F31697" t="s">
        <v>19536</v>
      </c>
      <c r="G31697" t="s">
        <v>10734</v>
      </c>
      <c r="H31697" t="s">
        <v>10735</v>
      </c>
      <c r="I31697" s="2">
        <v>0</v>
      </c>
      <c r="J31697" s="2">
        <v>0</v>
      </c>
      <c r="K31697" s="2">
        <v>1</v>
      </c>
      <c r="L31697" t="s">
        <v>995</v>
      </c>
      <c r="M31697" t="s">
        <v>83</v>
      </c>
      <c r="N31697" t="s">
        <v>91</v>
      </c>
      <c r="O31697" t="s">
        <v>85</v>
      </c>
      <c r="P31697" t="s">
        <v>86</v>
      </c>
      <c r="Q31697">
        <v>8</v>
      </c>
      <c r="R31697">
        <v>9</v>
      </c>
      <c r="S31697">
        <v>9</v>
      </c>
      <c r="T31697">
        <v>9</v>
      </c>
      <c r="U31697">
        <v>9</v>
      </c>
      <c r="V31697">
        <v>10</v>
      </c>
      <c r="W31697">
        <v>10</v>
      </c>
      <c r="X31697">
        <v>10</v>
      </c>
      <c r="Y31697">
        <v>10</v>
      </c>
      <c r="Z31697">
        <v>11</v>
      </c>
      <c r="AA31697">
        <v>11</v>
      </c>
      <c r="AB31697">
        <v>11</v>
      </c>
      <c r="AC31697">
        <v>12</v>
      </c>
      <c r="AD31697">
        <v>12</v>
      </c>
      <c r="AE31697">
        <v>12</v>
      </c>
      <c r="AF31697">
        <v>12</v>
      </c>
      <c r="AG31697">
        <v>13</v>
      </c>
      <c r="AH31697">
        <v>13</v>
      </c>
      <c r="AI31697">
        <v>13</v>
      </c>
      <c r="AJ31697">
        <v>14</v>
      </c>
      <c r="AK31697">
        <v>14</v>
      </c>
      <c r="AL31697">
        <v>14</v>
      </c>
      <c r="AM31697">
        <v>15</v>
      </c>
      <c r="AN31697">
        <v>15</v>
      </c>
      <c r="AO31697">
        <v>15</v>
      </c>
      <c r="AP31697">
        <v>15</v>
      </c>
      <c r="AQ31697">
        <v>16</v>
      </c>
    </row>
    <row r="31698" spans="1:43">
      <c r="A31698" t="s">
        <v>19639</v>
      </c>
      <c r="B31698" t="s">
        <v>19640</v>
      </c>
      <c r="C31698" t="s">
        <v>19641</v>
      </c>
      <c r="D31698" t="s">
        <v>19642</v>
      </c>
      <c r="E31698" t="s">
        <v>19535</v>
      </c>
      <c r="F31698" t="s">
        <v>19536</v>
      </c>
      <c r="G31698" t="s">
        <v>10734</v>
      </c>
      <c r="H31698" t="s">
        <v>10735</v>
      </c>
      <c r="I31698" s="2">
        <v>0</v>
      </c>
      <c r="J31698" s="2">
        <v>0</v>
      </c>
      <c r="K31698" s="2">
        <v>1</v>
      </c>
      <c r="L31698" t="s">
        <v>995</v>
      </c>
      <c r="M31698" t="s">
        <v>83</v>
      </c>
      <c r="N31698" t="s">
        <v>84</v>
      </c>
      <c r="O31698" t="s">
        <v>85</v>
      </c>
      <c r="P31698" t="s">
        <v>86</v>
      </c>
      <c r="Q31698">
        <v>28</v>
      </c>
      <c r="R31698">
        <v>28</v>
      </c>
      <c r="S31698">
        <v>29</v>
      </c>
      <c r="T31698">
        <v>30</v>
      </c>
      <c r="U31698">
        <v>31</v>
      </c>
      <c r="V31698">
        <v>32</v>
      </c>
      <c r="W31698">
        <v>33</v>
      </c>
      <c r="X31698">
        <v>33</v>
      </c>
      <c r="Y31698">
        <v>34</v>
      </c>
      <c r="Z31698">
        <v>35</v>
      </c>
      <c r="AA31698">
        <v>36</v>
      </c>
      <c r="AB31698">
        <v>37</v>
      </c>
      <c r="AC31698">
        <v>38</v>
      </c>
      <c r="AD31698">
        <v>39</v>
      </c>
      <c r="AE31698">
        <v>40</v>
      </c>
      <c r="AF31698">
        <v>41</v>
      </c>
      <c r="AG31698">
        <v>42</v>
      </c>
      <c r="AH31698">
        <v>43</v>
      </c>
      <c r="AI31698">
        <v>44</v>
      </c>
      <c r="AJ31698">
        <v>45</v>
      </c>
      <c r="AK31698">
        <v>46</v>
      </c>
      <c r="AL31698">
        <v>47</v>
      </c>
      <c r="AM31698">
        <v>48</v>
      </c>
      <c r="AN31698">
        <v>49</v>
      </c>
      <c r="AO31698">
        <v>49</v>
      </c>
      <c r="AP31698">
        <v>50</v>
      </c>
      <c r="AQ31698">
        <v>51</v>
      </c>
    </row>
    <row r="31699" spans="1:43">
      <c r="A31699" t="s">
        <v>19639</v>
      </c>
      <c r="B31699" t="s">
        <v>19640</v>
      </c>
      <c r="C31699" t="s">
        <v>19641</v>
      </c>
      <c r="D31699" t="s">
        <v>19642</v>
      </c>
      <c r="E31699" t="s">
        <v>19535</v>
      </c>
      <c r="F31699" t="s">
        <v>19536</v>
      </c>
      <c r="G31699" t="s">
        <v>10734</v>
      </c>
      <c r="H31699" t="s">
        <v>10735</v>
      </c>
      <c r="I31699" s="2">
        <v>0</v>
      </c>
      <c r="J31699" s="2">
        <v>0</v>
      </c>
      <c r="K31699" s="2">
        <v>1</v>
      </c>
      <c r="L31699" t="s">
        <v>995</v>
      </c>
      <c r="M31699" t="s">
        <v>87</v>
      </c>
      <c r="N31699" t="s">
        <v>88</v>
      </c>
      <c r="O31699" t="s">
        <v>85</v>
      </c>
      <c r="P31699" t="s">
        <v>86</v>
      </c>
      <c r="Q31699">
        <v>28</v>
      </c>
      <c r="R31699">
        <v>29</v>
      </c>
      <c r="S31699">
        <v>29</v>
      </c>
      <c r="T31699">
        <v>30</v>
      </c>
      <c r="U31699">
        <v>30</v>
      </c>
      <c r="V31699">
        <v>31</v>
      </c>
      <c r="W31699">
        <v>32</v>
      </c>
      <c r="X31699">
        <v>32</v>
      </c>
      <c r="Y31699">
        <v>33</v>
      </c>
      <c r="Z31699">
        <v>33</v>
      </c>
      <c r="AA31699">
        <v>34</v>
      </c>
      <c r="AB31699">
        <v>34</v>
      </c>
      <c r="AC31699">
        <v>35</v>
      </c>
      <c r="AD31699">
        <v>36</v>
      </c>
      <c r="AE31699">
        <v>36</v>
      </c>
      <c r="AF31699">
        <v>37</v>
      </c>
      <c r="AG31699">
        <v>38</v>
      </c>
      <c r="AH31699">
        <v>38</v>
      </c>
      <c r="AI31699">
        <v>39</v>
      </c>
      <c r="AJ31699">
        <v>40</v>
      </c>
      <c r="AK31699">
        <v>41</v>
      </c>
      <c r="AL31699">
        <v>41</v>
      </c>
      <c r="AM31699">
        <v>42</v>
      </c>
      <c r="AN31699">
        <v>43</v>
      </c>
      <c r="AO31699">
        <v>44</v>
      </c>
      <c r="AP31699">
        <v>44</v>
      </c>
      <c r="AQ31699">
        <v>45</v>
      </c>
    </row>
    <row r="31700" spans="1:43">
      <c r="A31700" t="s">
        <v>19639</v>
      </c>
      <c r="B31700" t="s">
        <v>19640</v>
      </c>
      <c r="C31700" t="s">
        <v>19641</v>
      </c>
      <c r="D31700" t="s">
        <v>19642</v>
      </c>
      <c r="E31700" t="s">
        <v>19535</v>
      </c>
      <c r="F31700" t="s">
        <v>19536</v>
      </c>
      <c r="G31700" t="s">
        <v>10734</v>
      </c>
      <c r="H31700" t="s">
        <v>10735</v>
      </c>
      <c r="I31700" s="2">
        <v>0</v>
      </c>
      <c r="J31700" s="2">
        <v>0</v>
      </c>
      <c r="K31700" s="2">
        <v>1</v>
      </c>
      <c r="L31700" t="s">
        <v>995</v>
      </c>
      <c r="M31700" t="s">
        <v>89</v>
      </c>
      <c r="N31700" t="s">
        <v>90</v>
      </c>
      <c r="O31700" t="s">
        <v>85</v>
      </c>
      <c r="P31700" t="s">
        <v>86</v>
      </c>
      <c r="Q31700">
        <v>28</v>
      </c>
      <c r="R31700">
        <v>29</v>
      </c>
      <c r="S31700">
        <v>30</v>
      </c>
      <c r="T31700">
        <v>31</v>
      </c>
      <c r="U31700">
        <v>32</v>
      </c>
      <c r="V31700">
        <v>33</v>
      </c>
      <c r="W31700">
        <v>34</v>
      </c>
      <c r="X31700">
        <v>35</v>
      </c>
      <c r="Y31700">
        <v>36</v>
      </c>
      <c r="Z31700">
        <v>37</v>
      </c>
      <c r="AA31700">
        <v>38</v>
      </c>
      <c r="AB31700">
        <v>39</v>
      </c>
      <c r="AC31700">
        <v>41</v>
      </c>
      <c r="AD31700">
        <v>42</v>
      </c>
      <c r="AE31700">
        <v>43</v>
      </c>
      <c r="AF31700">
        <v>43</v>
      </c>
      <c r="AG31700">
        <v>44</v>
      </c>
      <c r="AH31700">
        <v>45</v>
      </c>
      <c r="AI31700">
        <v>45</v>
      </c>
      <c r="AJ31700">
        <v>46</v>
      </c>
      <c r="AK31700">
        <v>47</v>
      </c>
      <c r="AL31700">
        <v>48</v>
      </c>
      <c r="AM31700">
        <v>48</v>
      </c>
      <c r="AN31700">
        <v>49</v>
      </c>
      <c r="AO31700">
        <v>50</v>
      </c>
      <c r="AP31700">
        <v>51</v>
      </c>
      <c r="AQ31700">
        <v>51</v>
      </c>
    </row>
    <row r="31701" spans="1:43">
      <c r="A31701" t="s">
        <v>19639</v>
      </c>
      <c r="B31701" t="s">
        <v>19640</v>
      </c>
      <c r="C31701" t="s">
        <v>19641</v>
      </c>
      <c r="D31701" t="s">
        <v>19642</v>
      </c>
      <c r="E31701" t="s">
        <v>19535</v>
      </c>
      <c r="F31701" t="s">
        <v>19536</v>
      </c>
      <c r="G31701" t="s">
        <v>10734</v>
      </c>
      <c r="H31701" t="s">
        <v>10735</v>
      </c>
      <c r="I31701" s="2">
        <v>0</v>
      </c>
      <c r="J31701" s="2">
        <v>0</v>
      </c>
      <c r="K31701" s="2">
        <v>1</v>
      </c>
      <c r="L31701" t="s">
        <v>995</v>
      </c>
      <c r="M31701" t="s">
        <v>83</v>
      </c>
      <c r="N31701" t="s">
        <v>91</v>
      </c>
      <c r="O31701" t="s">
        <v>85</v>
      </c>
      <c r="P31701" t="s">
        <v>86</v>
      </c>
      <c r="Q31701">
        <v>28</v>
      </c>
      <c r="R31701">
        <v>28</v>
      </c>
      <c r="S31701">
        <v>29</v>
      </c>
      <c r="T31701">
        <v>30</v>
      </c>
      <c r="U31701">
        <v>31</v>
      </c>
      <c r="V31701">
        <v>32</v>
      </c>
      <c r="W31701">
        <v>33</v>
      </c>
      <c r="X31701">
        <v>33</v>
      </c>
      <c r="Y31701">
        <v>34</v>
      </c>
      <c r="Z31701">
        <v>35</v>
      </c>
      <c r="AA31701">
        <v>36</v>
      </c>
      <c r="AB31701">
        <v>37</v>
      </c>
      <c r="AC31701">
        <v>38</v>
      </c>
      <c r="AD31701">
        <v>39</v>
      </c>
      <c r="AE31701">
        <v>40</v>
      </c>
      <c r="AF31701">
        <v>41</v>
      </c>
      <c r="AG31701">
        <v>42</v>
      </c>
      <c r="AH31701">
        <v>43</v>
      </c>
      <c r="AI31701">
        <v>44</v>
      </c>
      <c r="AJ31701">
        <v>45</v>
      </c>
      <c r="AK31701">
        <v>46</v>
      </c>
      <c r="AL31701">
        <v>47</v>
      </c>
      <c r="AM31701">
        <v>48</v>
      </c>
      <c r="AN31701">
        <v>49</v>
      </c>
      <c r="AO31701">
        <v>49</v>
      </c>
      <c r="AP31701">
        <v>50</v>
      </c>
      <c r="AQ31701">
        <v>51</v>
      </c>
    </row>
    <row r="31702" spans="1:43">
      <c r="A31702" t="s">
        <v>19643</v>
      </c>
      <c r="B31702" t="s">
        <v>19644</v>
      </c>
      <c r="C31702" t="s">
        <v>19637</v>
      </c>
      <c r="D31702" t="s">
        <v>19638</v>
      </c>
      <c r="E31702" t="s">
        <v>19535</v>
      </c>
      <c r="F31702" t="s">
        <v>19536</v>
      </c>
      <c r="G31702" t="s">
        <v>10734</v>
      </c>
      <c r="H31702" t="s">
        <v>10735</v>
      </c>
      <c r="I31702" s="2">
        <v>0</v>
      </c>
      <c r="J31702" s="2">
        <v>0</v>
      </c>
      <c r="K31702" s="2">
        <v>1</v>
      </c>
      <c r="L31702" t="s">
        <v>995</v>
      </c>
      <c r="M31702" t="s">
        <v>83</v>
      </c>
      <c r="N31702" t="s">
        <v>84</v>
      </c>
      <c r="O31702" t="s">
        <v>85</v>
      </c>
      <c r="P31702" t="s">
        <v>86</v>
      </c>
      <c r="Q31702">
        <v>28</v>
      </c>
      <c r="R31702">
        <v>29</v>
      </c>
      <c r="S31702">
        <v>30</v>
      </c>
      <c r="T31702">
        <v>31</v>
      </c>
      <c r="U31702">
        <v>32</v>
      </c>
      <c r="V31702">
        <v>32</v>
      </c>
      <c r="W31702">
        <v>33</v>
      </c>
      <c r="X31702">
        <v>34</v>
      </c>
      <c r="Y31702">
        <v>35</v>
      </c>
      <c r="Z31702">
        <v>36</v>
      </c>
      <c r="AA31702">
        <v>37</v>
      </c>
      <c r="AB31702">
        <v>38</v>
      </c>
      <c r="AC31702">
        <v>39</v>
      </c>
      <c r="AD31702">
        <v>40</v>
      </c>
      <c r="AE31702">
        <v>41</v>
      </c>
      <c r="AF31702">
        <v>42</v>
      </c>
      <c r="AG31702">
        <v>43</v>
      </c>
      <c r="AH31702">
        <v>44</v>
      </c>
      <c r="AI31702">
        <v>45</v>
      </c>
      <c r="AJ31702">
        <v>46</v>
      </c>
      <c r="AK31702">
        <v>47</v>
      </c>
      <c r="AL31702">
        <v>48</v>
      </c>
      <c r="AM31702">
        <v>49</v>
      </c>
      <c r="AN31702">
        <v>50</v>
      </c>
      <c r="AO31702">
        <v>51</v>
      </c>
      <c r="AP31702">
        <v>51</v>
      </c>
      <c r="AQ31702">
        <v>52</v>
      </c>
    </row>
    <row r="31703" spans="1:43">
      <c r="A31703" t="s">
        <v>19643</v>
      </c>
      <c r="B31703" t="s">
        <v>19644</v>
      </c>
      <c r="C31703" t="s">
        <v>19637</v>
      </c>
      <c r="D31703" t="s">
        <v>19638</v>
      </c>
      <c r="E31703" t="s">
        <v>19535</v>
      </c>
      <c r="F31703" t="s">
        <v>19536</v>
      </c>
      <c r="G31703" t="s">
        <v>10734</v>
      </c>
      <c r="H31703" t="s">
        <v>10735</v>
      </c>
      <c r="I31703" s="2">
        <v>0</v>
      </c>
      <c r="J31703" s="2">
        <v>0</v>
      </c>
      <c r="K31703" s="2">
        <v>1</v>
      </c>
      <c r="L31703" t="s">
        <v>995</v>
      </c>
      <c r="M31703" t="s">
        <v>87</v>
      </c>
      <c r="N31703" t="s">
        <v>88</v>
      </c>
      <c r="O31703" t="s">
        <v>85</v>
      </c>
      <c r="P31703" t="s">
        <v>86</v>
      </c>
      <c r="Q31703">
        <v>28</v>
      </c>
      <c r="R31703">
        <v>28</v>
      </c>
      <c r="S31703">
        <v>29</v>
      </c>
      <c r="T31703">
        <v>30</v>
      </c>
      <c r="U31703">
        <v>30</v>
      </c>
      <c r="V31703">
        <v>31</v>
      </c>
      <c r="W31703">
        <v>31</v>
      </c>
      <c r="X31703">
        <v>32</v>
      </c>
      <c r="Y31703">
        <v>32</v>
      </c>
      <c r="Z31703">
        <v>33</v>
      </c>
      <c r="AA31703">
        <v>34</v>
      </c>
      <c r="AB31703">
        <v>34</v>
      </c>
      <c r="AC31703">
        <v>35</v>
      </c>
      <c r="AD31703">
        <v>35</v>
      </c>
      <c r="AE31703">
        <v>36</v>
      </c>
      <c r="AF31703">
        <v>37</v>
      </c>
      <c r="AG31703">
        <v>37</v>
      </c>
      <c r="AH31703">
        <v>38</v>
      </c>
      <c r="AI31703">
        <v>39</v>
      </c>
      <c r="AJ31703">
        <v>40</v>
      </c>
      <c r="AK31703">
        <v>40</v>
      </c>
      <c r="AL31703">
        <v>41</v>
      </c>
      <c r="AM31703">
        <v>42</v>
      </c>
      <c r="AN31703">
        <v>43</v>
      </c>
      <c r="AO31703">
        <v>44</v>
      </c>
      <c r="AP31703">
        <v>44</v>
      </c>
      <c r="AQ31703">
        <v>45</v>
      </c>
    </row>
    <row r="31704" spans="1:43">
      <c r="A31704" t="s">
        <v>19643</v>
      </c>
      <c r="B31704" t="s">
        <v>19644</v>
      </c>
      <c r="C31704" t="s">
        <v>19637</v>
      </c>
      <c r="D31704" t="s">
        <v>19638</v>
      </c>
      <c r="E31704" t="s">
        <v>19535</v>
      </c>
      <c r="F31704" t="s">
        <v>19536</v>
      </c>
      <c r="G31704" t="s">
        <v>10734</v>
      </c>
      <c r="H31704" t="s">
        <v>10735</v>
      </c>
      <c r="I31704" s="2">
        <v>0</v>
      </c>
      <c r="J31704" s="2">
        <v>0</v>
      </c>
      <c r="K31704" s="2">
        <v>1</v>
      </c>
      <c r="L31704" t="s">
        <v>995</v>
      </c>
      <c r="M31704" t="s">
        <v>89</v>
      </c>
      <c r="N31704" t="s">
        <v>90</v>
      </c>
      <c r="O31704" t="s">
        <v>85</v>
      </c>
      <c r="P31704" t="s">
        <v>86</v>
      </c>
      <c r="Q31704">
        <v>28</v>
      </c>
      <c r="R31704">
        <v>30</v>
      </c>
      <c r="S31704">
        <v>31</v>
      </c>
      <c r="T31704">
        <v>32</v>
      </c>
      <c r="U31704">
        <v>33</v>
      </c>
      <c r="V31704">
        <v>34</v>
      </c>
      <c r="W31704">
        <v>35</v>
      </c>
      <c r="X31704">
        <v>36</v>
      </c>
      <c r="Y31704">
        <v>37</v>
      </c>
      <c r="Z31704">
        <v>38</v>
      </c>
      <c r="AA31704">
        <v>39</v>
      </c>
      <c r="AB31704">
        <v>40</v>
      </c>
      <c r="AC31704">
        <v>42</v>
      </c>
      <c r="AD31704">
        <v>43</v>
      </c>
      <c r="AE31704">
        <v>44</v>
      </c>
      <c r="AF31704">
        <v>44</v>
      </c>
      <c r="AG31704">
        <v>45</v>
      </c>
      <c r="AH31704">
        <v>46</v>
      </c>
      <c r="AI31704">
        <v>46</v>
      </c>
      <c r="AJ31704">
        <v>47</v>
      </c>
      <c r="AK31704">
        <v>48</v>
      </c>
      <c r="AL31704">
        <v>49</v>
      </c>
      <c r="AM31704">
        <v>50</v>
      </c>
      <c r="AN31704">
        <v>50</v>
      </c>
      <c r="AO31704">
        <v>51</v>
      </c>
      <c r="AP31704">
        <v>52</v>
      </c>
      <c r="AQ31704">
        <v>53</v>
      </c>
    </row>
    <row r="31705" spans="1:43">
      <c r="A31705" t="s">
        <v>19643</v>
      </c>
      <c r="B31705" t="s">
        <v>19644</v>
      </c>
      <c r="C31705" t="s">
        <v>19637</v>
      </c>
      <c r="D31705" t="s">
        <v>19638</v>
      </c>
      <c r="E31705" t="s">
        <v>19535</v>
      </c>
      <c r="F31705" t="s">
        <v>19536</v>
      </c>
      <c r="G31705" t="s">
        <v>10734</v>
      </c>
      <c r="H31705" t="s">
        <v>10735</v>
      </c>
      <c r="I31705" s="2">
        <v>0</v>
      </c>
      <c r="J31705" s="2">
        <v>0</v>
      </c>
      <c r="K31705" s="2">
        <v>1</v>
      </c>
      <c r="L31705" t="s">
        <v>995</v>
      </c>
      <c r="M31705" t="s">
        <v>83</v>
      </c>
      <c r="N31705" t="s">
        <v>91</v>
      </c>
      <c r="O31705" t="s">
        <v>85</v>
      </c>
      <c r="P31705" t="s">
        <v>86</v>
      </c>
      <c r="Q31705">
        <v>28</v>
      </c>
      <c r="R31705">
        <v>29</v>
      </c>
      <c r="S31705">
        <v>30</v>
      </c>
      <c r="T31705">
        <v>31</v>
      </c>
      <c r="U31705">
        <v>32</v>
      </c>
      <c r="V31705">
        <v>32</v>
      </c>
      <c r="W31705">
        <v>33</v>
      </c>
      <c r="X31705">
        <v>34</v>
      </c>
      <c r="Y31705">
        <v>35</v>
      </c>
      <c r="Z31705">
        <v>36</v>
      </c>
      <c r="AA31705">
        <v>37</v>
      </c>
      <c r="AB31705">
        <v>38</v>
      </c>
      <c r="AC31705">
        <v>39</v>
      </c>
      <c r="AD31705">
        <v>40</v>
      </c>
      <c r="AE31705">
        <v>41</v>
      </c>
      <c r="AF31705">
        <v>42</v>
      </c>
      <c r="AG31705">
        <v>43</v>
      </c>
      <c r="AH31705">
        <v>44</v>
      </c>
      <c r="AI31705">
        <v>45</v>
      </c>
      <c r="AJ31705">
        <v>46</v>
      </c>
      <c r="AK31705">
        <v>47</v>
      </c>
      <c r="AL31705">
        <v>48</v>
      </c>
      <c r="AM31705">
        <v>49</v>
      </c>
      <c r="AN31705">
        <v>50</v>
      </c>
      <c r="AO31705">
        <v>51</v>
      </c>
      <c r="AP31705">
        <v>51</v>
      </c>
      <c r="AQ31705">
        <v>52</v>
      </c>
    </row>
    <row r="31706" spans="1:43">
      <c r="A31706" t="s">
        <v>19645</v>
      </c>
      <c r="B31706" t="s">
        <v>19646</v>
      </c>
      <c r="C31706" t="s">
        <v>19637</v>
      </c>
      <c r="D31706" t="s">
        <v>19638</v>
      </c>
      <c r="E31706" t="s">
        <v>19535</v>
      </c>
      <c r="F31706" t="s">
        <v>19536</v>
      </c>
      <c r="G31706" t="s">
        <v>10734</v>
      </c>
      <c r="H31706" t="s">
        <v>10735</v>
      </c>
      <c r="I31706" s="2">
        <v>0</v>
      </c>
      <c r="J31706" s="2">
        <v>0</v>
      </c>
      <c r="K31706" s="2">
        <v>1</v>
      </c>
      <c r="L31706" t="s">
        <v>995</v>
      </c>
      <c r="M31706" t="s">
        <v>83</v>
      </c>
      <c r="N31706" t="s">
        <v>84</v>
      </c>
      <c r="O31706" t="s">
        <v>85</v>
      </c>
      <c r="P31706" t="s">
        <v>86</v>
      </c>
      <c r="Q31706">
        <v>39</v>
      </c>
      <c r="R31706">
        <v>40</v>
      </c>
      <c r="S31706">
        <v>41</v>
      </c>
      <c r="T31706">
        <v>42</v>
      </c>
      <c r="U31706">
        <v>44</v>
      </c>
      <c r="V31706">
        <v>45</v>
      </c>
      <c r="W31706">
        <v>46</v>
      </c>
      <c r="X31706">
        <v>47</v>
      </c>
      <c r="Y31706">
        <v>48</v>
      </c>
      <c r="Z31706">
        <v>50</v>
      </c>
      <c r="AA31706">
        <v>51</v>
      </c>
      <c r="AB31706">
        <v>52</v>
      </c>
      <c r="AC31706">
        <v>54</v>
      </c>
      <c r="AD31706">
        <v>55</v>
      </c>
      <c r="AE31706">
        <v>56</v>
      </c>
      <c r="AF31706">
        <v>58</v>
      </c>
      <c r="AG31706">
        <v>59</v>
      </c>
      <c r="AH31706">
        <v>61</v>
      </c>
      <c r="AI31706">
        <v>62</v>
      </c>
      <c r="AJ31706">
        <v>64</v>
      </c>
      <c r="AK31706">
        <v>65</v>
      </c>
      <c r="AL31706">
        <v>67</v>
      </c>
      <c r="AM31706">
        <v>68</v>
      </c>
      <c r="AN31706">
        <v>69</v>
      </c>
      <c r="AO31706">
        <v>70</v>
      </c>
      <c r="AP31706">
        <v>71</v>
      </c>
      <c r="AQ31706">
        <v>72</v>
      </c>
    </row>
    <row r="31707" spans="1:43">
      <c r="A31707" t="s">
        <v>19645</v>
      </c>
      <c r="B31707" t="s">
        <v>19646</v>
      </c>
      <c r="C31707" t="s">
        <v>19637</v>
      </c>
      <c r="D31707" t="s">
        <v>19638</v>
      </c>
      <c r="E31707" t="s">
        <v>19535</v>
      </c>
      <c r="F31707" t="s">
        <v>19536</v>
      </c>
      <c r="G31707" t="s">
        <v>10734</v>
      </c>
      <c r="H31707" t="s">
        <v>10735</v>
      </c>
      <c r="I31707" s="2">
        <v>0</v>
      </c>
      <c r="J31707" s="2">
        <v>0</v>
      </c>
      <c r="K31707" s="2">
        <v>1</v>
      </c>
      <c r="L31707" t="s">
        <v>995</v>
      </c>
      <c r="M31707" t="s">
        <v>87</v>
      </c>
      <c r="N31707" t="s">
        <v>88</v>
      </c>
      <c r="O31707" t="s">
        <v>85</v>
      </c>
      <c r="P31707" t="s">
        <v>86</v>
      </c>
      <c r="Q31707">
        <v>39</v>
      </c>
      <c r="R31707">
        <v>39</v>
      </c>
      <c r="S31707">
        <v>40</v>
      </c>
      <c r="T31707">
        <v>41</v>
      </c>
      <c r="U31707">
        <v>42</v>
      </c>
      <c r="V31707">
        <v>42</v>
      </c>
      <c r="W31707">
        <v>43</v>
      </c>
      <c r="X31707">
        <v>44</v>
      </c>
      <c r="Y31707">
        <v>45</v>
      </c>
      <c r="Z31707">
        <v>46</v>
      </c>
      <c r="AA31707">
        <v>46</v>
      </c>
      <c r="AB31707">
        <v>47</v>
      </c>
      <c r="AC31707">
        <v>48</v>
      </c>
      <c r="AD31707">
        <v>49</v>
      </c>
      <c r="AE31707">
        <v>50</v>
      </c>
      <c r="AF31707">
        <v>51</v>
      </c>
      <c r="AG31707">
        <v>52</v>
      </c>
      <c r="AH31707">
        <v>53</v>
      </c>
      <c r="AI31707">
        <v>54</v>
      </c>
      <c r="AJ31707">
        <v>55</v>
      </c>
      <c r="AK31707">
        <v>56</v>
      </c>
      <c r="AL31707">
        <v>57</v>
      </c>
      <c r="AM31707">
        <v>58</v>
      </c>
      <c r="AN31707">
        <v>59</v>
      </c>
      <c r="AO31707">
        <v>60</v>
      </c>
      <c r="AP31707">
        <v>61</v>
      </c>
      <c r="AQ31707">
        <v>63</v>
      </c>
    </row>
    <row r="31708" spans="1:43">
      <c r="A31708" t="s">
        <v>19645</v>
      </c>
      <c r="B31708" t="s">
        <v>19646</v>
      </c>
      <c r="C31708" t="s">
        <v>19637</v>
      </c>
      <c r="D31708" t="s">
        <v>19638</v>
      </c>
      <c r="E31708" t="s">
        <v>19535</v>
      </c>
      <c r="F31708" t="s">
        <v>19536</v>
      </c>
      <c r="G31708" t="s">
        <v>10734</v>
      </c>
      <c r="H31708" t="s">
        <v>10735</v>
      </c>
      <c r="I31708" s="2">
        <v>0</v>
      </c>
      <c r="J31708" s="2">
        <v>0</v>
      </c>
      <c r="K31708" s="2">
        <v>1</v>
      </c>
      <c r="L31708" t="s">
        <v>995</v>
      </c>
      <c r="M31708" t="s">
        <v>89</v>
      </c>
      <c r="N31708" t="s">
        <v>90</v>
      </c>
      <c r="O31708" t="s">
        <v>85</v>
      </c>
      <c r="P31708" t="s">
        <v>86</v>
      </c>
      <c r="Q31708">
        <v>39</v>
      </c>
      <c r="R31708">
        <v>41</v>
      </c>
      <c r="S31708">
        <v>42</v>
      </c>
      <c r="T31708">
        <v>44</v>
      </c>
      <c r="U31708">
        <v>45</v>
      </c>
      <c r="V31708">
        <v>47</v>
      </c>
      <c r="W31708">
        <v>48</v>
      </c>
      <c r="X31708">
        <v>50</v>
      </c>
      <c r="Y31708">
        <v>51</v>
      </c>
      <c r="Z31708">
        <v>53</v>
      </c>
      <c r="AA31708">
        <v>54</v>
      </c>
      <c r="AB31708">
        <v>56</v>
      </c>
      <c r="AC31708">
        <v>57</v>
      </c>
      <c r="AD31708">
        <v>59</v>
      </c>
      <c r="AE31708">
        <v>60</v>
      </c>
      <c r="AF31708">
        <v>61</v>
      </c>
      <c r="AG31708">
        <v>62</v>
      </c>
      <c r="AH31708">
        <v>63</v>
      </c>
      <c r="AI31708">
        <v>64</v>
      </c>
      <c r="AJ31708">
        <v>65</v>
      </c>
      <c r="AK31708">
        <v>66</v>
      </c>
      <c r="AL31708">
        <v>67</v>
      </c>
      <c r="AM31708">
        <v>69</v>
      </c>
      <c r="AN31708">
        <v>70</v>
      </c>
      <c r="AO31708">
        <v>71</v>
      </c>
      <c r="AP31708">
        <v>72</v>
      </c>
      <c r="AQ31708">
        <v>73</v>
      </c>
    </row>
    <row r="31709" spans="1:43">
      <c r="A31709" t="s">
        <v>19645</v>
      </c>
      <c r="B31709" t="s">
        <v>19646</v>
      </c>
      <c r="C31709" t="s">
        <v>19637</v>
      </c>
      <c r="D31709" t="s">
        <v>19638</v>
      </c>
      <c r="E31709" t="s">
        <v>19535</v>
      </c>
      <c r="F31709" t="s">
        <v>19536</v>
      </c>
      <c r="G31709" t="s">
        <v>10734</v>
      </c>
      <c r="H31709" t="s">
        <v>10735</v>
      </c>
      <c r="I31709" s="2">
        <v>0</v>
      </c>
      <c r="J31709" s="2">
        <v>0</v>
      </c>
      <c r="K31709" s="2">
        <v>1</v>
      </c>
      <c r="L31709" t="s">
        <v>995</v>
      </c>
      <c r="M31709" t="s">
        <v>83</v>
      </c>
      <c r="N31709" t="s">
        <v>91</v>
      </c>
      <c r="O31709" t="s">
        <v>85</v>
      </c>
      <c r="P31709" t="s">
        <v>86</v>
      </c>
      <c r="Q31709">
        <v>39</v>
      </c>
      <c r="R31709">
        <v>40</v>
      </c>
      <c r="S31709">
        <v>41</v>
      </c>
      <c r="T31709">
        <v>42</v>
      </c>
      <c r="U31709">
        <v>44</v>
      </c>
      <c r="V31709">
        <v>45</v>
      </c>
      <c r="W31709">
        <v>46</v>
      </c>
      <c r="X31709">
        <v>47</v>
      </c>
      <c r="Y31709">
        <v>48</v>
      </c>
      <c r="Z31709">
        <v>50</v>
      </c>
      <c r="AA31709">
        <v>51</v>
      </c>
      <c r="AB31709">
        <v>52</v>
      </c>
      <c r="AC31709">
        <v>54</v>
      </c>
      <c r="AD31709">
        <v>55</v>
      </c>
      <c r="AE31709">
        <v>56</v>
      </c>
      <c r="AF31709">
        <v>58</v>
      </c>
      <c r="AG31709">
        <v>59</v>
      </c>
      <c r="AH31709">
        <v>61</v>
      </c>
      <c r="AI31709">
        <v>62</v>
      </c>
      <c r="AJ31709">
        <v>64</v>
      </c>
      <c r="AK31709">
        <v>65</v>
      </c>
      <c r="AL31709">
        <v>67</v>
      </c>
      <c r="AM31709">
        <v>68</v>
      </c>
      <c r="AN31709">
        <v>69</v>
      </c>
      <c r="AO31709">
        <v>70</v>
      </c>
      <c r="AP31709">
        <v>71</v>
      </c>
      <c r="AQ31709">
        <v>72</v>
      </c>
    </row>
    <row r="31710" spans="1:43">
      <c r="A31710" t="s">
        <v>19647</v>
      </c>
      <c r="B31710" t="s">
        <v>19648</v>
      </c>
      <c r="C31710" t="s">
        <v>19641</v>
      </c>
      <c r="D31710" t="s">
        <v>19642</v>
      </c>
      <c r="E31710" t="s">
        <v>19535</v>
      </c>
      <c r="F31710" t="s">
        <v>19536</v>
      </c>
      <c r="G31710" t="s">
        <v>10734</v>
      </c>
      <c r="H31710" t="s">
        <v>10735</v>
      </c>
      <c r="I31710" s="2">
        <v>0</v>
      </c>
      <c r="J31710" s="2">
        <v>0</v>
      </c>
      <c r="K31710" s="2">
        <v>1</v>
      </c>
      <c r="L31710" t="s">
        <v>995</v>
      </c>
      <c r="M31710" t="s">
        <v>83</v>
      </c>
      <c r="N31710" t="s">
        <v>84</v>
      </c>
      <c r="O31710" t="s">
        <v>85</v>
      </c>
      <c r="P31710" t="s">
        <v>86</v>
      </c>
      <c r="Q31710">
        <v>5</v>
      </c>
      <c r="R31710">
        <v>5</v>
      </c>
      <c r="S31710">
        <v>6</v>
      </c>
      <c r="T31710">
        <v>6</v>
      </c>
      <c r="U31710">
        <v>6</v>
      </c>
      <c r="V31710">
        <v>6</v>
      </c>
      <c r="W31710">
        <v>6</v>
      </c>
      <c r="X31710">
        <v>6</v>
      </c>
      <c r="Y31710">
        <v>6</v>
      </c>
      <c r="Z31710">
        <v>7</v>
      </c>
      <c r="AA31710">
        <v>7</v>
      </c>
      <c r="AB31710">
        <v>7</v>
      </c>
      <c r="AC31710">
        <v>7</v>
      </c>
      <c r="AD31710">
        <v>7</v>
      </c>
      <c r="AE31710">
        <v>8</v>
      </c>
      <c r="AF31710">
        <v>8</v>
      </c>
      <c r="AG31710">
        <v>8</v>
      </c>
      <c r="AH31710">
        <v>8</v>
      </c>
      <c r="AI31710">
        <v>8</v>
      </c>
      <c r="AJ31710">
        <v>9</v>
      </c>
      <c r="AK31710">
        <v>9</v>
      </c>
      <c r="AL31710">
        <v>9</v>
      </c>
      <c r="AM31710">
        <v>9</v>
      </c>
      <c r="AN31710">
        <v>9</v>
      </c>
      <c r="AO31710">
        <v>9</v>
      </c>
      <c r="AP31710">
        <v>9</v>
      </c>
      <c r="AQ31710">
        <v>10</v>
      </c>
    </row>
    <row r="31711" spans="1:43">
      <c r="A31711" t="s">
        <v>19647</v>
      </c>
      <c r="B31711" t="s">
        <v>19648</v>
      </c>
      <c r="C31711" t="s">
        <v>19641</v>
      </c>
      <c r="D31711" t="s">
        <v>19642</v>
      </c>
      <c r="E31711" t="s">
        <v>19535</v>
      </c>
      <c r="F31711" t="s">
        <v>19536</v>
      </c>
      <c r="G31711" t="s">
        <v>10734</v>
      </c>
      <c r="H31711" t="s">
        <v>10735</v>
      </c>
      <c r="I31711" s="2">
        <v>0</v>
      </c>
      <c r="J31711" s="2">
        <v>0</v>
      </c>
      <c r="K31711" s="2">
        <v>1</v>
      </c>
      <c r="L31711" t="s">
        <v>995</v>
      </c>
      <c r="M31711" t="s">
        <v>87</v>
      </c>
      <c r="N31711" t="s">
        <v>88</v>
      </c>
      <c r="O31711" t="s">
        <v>85</v>
      </c>
      <c r="P31711" t="s">
        <v>86</v>
      </c>
      <c r="Q31711">
        <v>5</v>
      </c>
      <c r="R31711">
        <v>5</v>
      </c>
      <c r="S31711">
        <v>5</v>
      </c>
      <c r="T31711">
        <v>5</v>
      </c>
      <c r="U31711">
        <v>6</v>
      </c>
      <c r="V31711">
        <v>6</v>
      </c>
      <c r="W31711">
        <v>6</v>
      </c>
      <c r="X31711">
        <v>6</v>
      </c>
      <c r="Y31711">
        <v>6</v>
      </c>
      <c r="Z31711">
        <v>6</v>
      </c>
      <c r="AA31711">
        <v>6</v>
      </c>
      <c r="AB31711">
        <v>6</v>
      </c>
      <c r="AC31711">
        <v>6</v>
      </c>
      <c r="AD31711">
        <v>7</v>
      </c>
      <c r="AE31711">
        <v>7</v>
      </c>
      <c r="AF31711">
        <v>7</v>
      </c>
      <c r="AG31711">
        <v>7</v>
      </c>
      <c r="AH31711">
        <v>7</v>
      </c>
      <c r="AI31711">
        <v>7</v>
      </c>
      <c r="AJ31711">
        <v>7</v>
      </c>
      <c r="AK31711">
        <v>7</v>
      </c>
      <c r="AL31711">
        <v>8</v>
      </c>
      <c r="AM31711">
        <v>8</v>
      </c>
      <c r="AN31711">
        <v>8</v>
      </c>
      <c r="AO31711">
        <v>8</v>
      </c>
      <c r="AP31711">
        <v>8</v>
      </c>
      <c r="AQ31711">
        <v>8</v>
      </c>
    </row>
    <row r="31712" spans="1:43">
      <c r="A31712" t="s">
        <v>19647</v>
      </c>
      <c r="B31712" t="s">
        <v>19648</v>
      </c>
      <c r="C31712" t="s">
        <v>19641</v>
      </c>
      <c r="D31712" t="s">
        <v>19642</v>
      </c>
      <c r="E31712" t="s">
        <v>19535</v>
      </c>
      <c r="F31712" t="s">
        <v>19536</v>
      </c>
      <c r="G31712" t="s">
        <v>10734</v>
      </c>
      <c r="H31712" t="s">
        <v>10735</v>
      </c>
      <c r="I31712" s="2">
        <v>0</v>
      </c>
      <c r="J31712" s="2">
        <v>0</v>
      </c>
      <c r="K31712" s="2">
        <v>1</v>
      </c>
      <c r="L31712" t="s">
        <v>995</v>
      </c>
      <c r="M31712" t="s">
        <v>89</v>
      </c>
      <c r="N31712" t="s">
        <v>90</v>
      </c>
      <c r="O31712" t="s">
        <v>85</v>
      </c>
      <c r="P31712" t="s">
        <v>86</v>
      </c>
      <c r="Q31712">
        <v>5</v>
      </c>
      <c r="R31712">
        <v>5</v>
      </c>
      <c r="S31712">
        <v>6</v>
      </c>
      <c r="T31712">
        <v>6</v>
      </c>
      <c r="U31712">
        <v>6</v>
      </c>
      <c r="V31712">
        <v>6</v>
      </c>
      <c r="W31712">
        <v>6</v>
      </c>
      <c r="X31712">
        <v>7</v>
      </c>
      <c r="Y31712">
        <v>7</v>
      </c>
      <c r="Z31712">
        <v>7</v>
      </c>
      <c r="AA31712">
        <v>7</v>
      </c>
      <c r="AB31712">
        <v>7</v>
      </c>
      <c r="AC31712">
        <v>8</v>
      </c>
      <c r="AD31712">
        <v>8</v>
      </c>
      <c r="AE31712">
        <v>8</v>
      </c>
      <c r="AF31712">
        <v>8</v>
      </c>
      <c r="AG31712">
        <v>8</v>
      </c>
      <c r="AH31712">
        <v>8</v>
      </c>
      <c r="AI31712">
        <v>9</v>
      </c>
      <c r="AJ31712">
        <v>9</v>
      </c>
      <c r="AK31712">
        <v>9</v>
      </c>
      <c r="AL31712">
        <v>9</v>
      </c>
      <c r="AM31712">
        <v>9</v>
      </c>
      <c r="AN31712">
        <v>9</v>
      </c>
      <c r="AO31712">
        <v>9</v>
      </c>
      <c r="AP31712">
        <v>10</v>
      </c>
      <c r="AQ31712">
        <v>10</v>
      </c>
    </row>
    <row r="31713" spans="1:43">
      <c r="A31713" t="s">
        <v>19647</v>
      </c>
      <c r="B31713" t="s">
        <v>19648</v>
      </c>
      <c r="C31713" t="s">
        <v>19641</v>
      </c>
      <c r="D31713" t="s">
        <v>19642</v>
      </c>
      <c r="E31713" t="s">
        <v>19535</v>
      </c>
      <c r="F31713" t="s">
        <v>19536</v>
      </c>
      <c r="G31713" t="s">
        <v>10734</v>
      </c>
      <c r="H31713" t="s">
        <v>10735</v>
      </c>
      <c r="I31713" s="2">
        <v>0</v>
      </c>
      <c r="J31713" s="2">
        <v>0</v>
      </c>
      <c r="K31713" s="2">
        <v>1</v>
      </c>
      <c r="L31713" t="s">
        <v>995</v>
      </c>
      <c r="M31713" t="s">
        <v>83</v>
      </c>
      <c r="N31713" t="s">
        <v>91</v>
      </c>
      <c r="O31713" t="s">
        <v>85</v>
      </c>
      <c r="P31713" t="s">
        <v>86</v>
      </c>
      <c r="Q31713">
        <v>5</v>
      </c>
      <c r="R31713">
        <v>5</v>
      </c>
      <c r="S31713">
        <v>6</v>
      </c>
      <c r="T31713">
        <v>6</v>
      </c>
      <c r="U31713">
        <v>6</v>
      </c>
      <c r="V31713">
        <v>6</v>
      </c>
      <c r="W31713">
        <v>6</v>
      </c>
      <c r="X31713">
        <v>6</v>
      </c>
      <c r="Y31713">
        <v>6</v>
      </c>
      <c r="Z31713">
        <v>7</v>
      </c>
      <c r="AA31713">
        <v>7</v>
      </c>
      <c r="AB31713">
        <v>7</v>
      </c>
      <c r="AC31713">
        <v>7</v>
      </c>
      <c r="AD31713">
        <v>7</v>
      </c>
      <c r="AE31713">
        <v>8</v>
      </c>
      <c r="AF31713">
        <v>8</v>
      </c>
      <c r="AG31713">
        <v>8</v>
      </c>
      <c r="AH31713">
        <v>8</v>
      </c>
      <c r="AI31713">
        <v>8</v>
      </c>
      <c r="AJ31713">
        <v>9</v>
      </c>
      <c r="AK31713">
        <v>9</v>
      </c>
      <c r="AL31713">
        <v>9</v>
      </c>
      <c r="AM31713">
        <v>9</v>
      </c>
      <c r="AN31713">
        <v>9</v>
      </c>
      <c r="AO31713">
        <v>9</v>
      </c>
      <c r="AP31713">
        <v>9</v>
      </c>
      <c r="AQ31713">
        <v>10</v>
      </c>
    </row>
    <row r="31714" spans="1:43">
      <c r="A31714" t="s">
        <v>19649</v>
      </c>
      <c r="B31714" t="s">
        <v>19650</v>
      </c>
      <c r="C31714" t="s">
        <v>19557</v>
      </c>
      <c r="D31714" t="s">
        <v>19558</v>
      </c>
      <c r="E31714" t="s">
        <v>19535</v>
      </c>
      <c r="F31714" t="s">
        <v>19536</v>
      </c>
      <c r="G31714" t="s">
        <v>10734</v>
      </c>
      <c r="H31714" t="s">
        <v>10735</v>
      </c>
      <c r="I31714" s="2">
        <v>0</v>
      </c>
      <c r="J31714" s="2">
        <v>0</v>
      </c>
      <c r="K31714" s="2">
        <v>1</v>
      </c>
      <c r="L31714" t="s">
        <v>995</v>
      </c>
      <c r="M31714" t="s">
        <v>83</v>
      </c>
      <c r="N31714" t="s">
        <v>84</v>
      </c>
      <c r="O31714" t="s">
        <v>85</v>
      </c>
      <c r="P31714" t="s">
        <v>86</v>
      </c>
      <c r="Q31714">
        <v>11</v>
      </c>
      <c r="R31714">
        <v>12</v>
      </c>
      <c r="S31714">
        <v>12</v>
      </c>
      <c r="T31714">
        <v>12</v>
      </c>
      <c r="U31714">
        <v>13</v>
      </c>
      <c r="V31714">
        <v>13</v>
      </c>
      <c r="W31714">
        <v>13</v>
      </c>
      <c r="X31714">
        <v>14</v>
      </c>
      <c r="Y31714">
        <v>14</v>
      </c>
      <c r="Z31714">
        <v>14</v>
      </c>
      <c r="AA31714">
        <v>15</v>
      </c>
      <c r="AB31714">
        <v>15</v>
      </c>
      <c r="AC31714">
        <v>16</v>
      </c>
      <c r="AD31714">
        <v>16</v>
      </c>
      <c r="AE31714">
        <v>16</v>
      </c>
      <c r="AF31714">
        <v>17</v>
      </c>
      <c r="AG31714">
        <v>17</v>
      </c>
      <c r="AH31714">
        <v>18</v>
      </c>
      <c r="AI31714">
        <v>18</v>
      </c>
      <c r="AJ31714">
        <v>18</v>
      </c>
      <c r="AK31714">
        <v>19</v>
      </c>
      <c r="AL31714">
        <v>19</v>
      </c>
      <c r="AM31714">
        <v>20</v>
      </c>
      <c r="AN31714">
        <v>20</v>
      </c>
      <c r="AO31714">
        <v>20</v>
      </c>
      <c r="AP31714">
        <v>21</v>
      </c>
      <c r="AQ31714">
        <v>21</v>
      </c>
    </row>
    <row r="31715" spans="1:43">
      <c r="A31715" t="s">
        <v>19649</v>
      </c>
      <c r="B31715" t="s">
        <v>19650</v>
      </c>
      <c r="C31715" t="s">
        <v>19557</v>
      </c>
      <c r="D31715" t="s">
        <v>19558</v>
      </c>
      <c r="E31715" t="s">
        <v>19535</v>
      </c>
      <c r="F31715" t="s">
        <v>19536</v>
      </c>
      <c r="G31715" t="s">
        <v>10734</v>
      </c>
      <c r="H31715" t="s">
        <v>10735</v>
      </c>
      <c r="I31715" s="2">
        <v>0</v>
      </c>
      <c r="J31715" s="2">
        <v>0</v>
      </c>
      <c r="K31715" s="2">
        <v>1</v>
      </c>
      <c r="L31715" t="s">
        <v>995</v>
      </c>
      <c r="M31715" t="s">
        <v>87</v>
      </c>
      <c r="N31715" t="s">
        <v>88</v>
      </c>
      <c r="O31715" t="s">
        <v>85</v>
      </c>
      <c r="P31715" t="s">
        <v>86</v>
      </c>
      <c r="Q31715">
        <v>11</v>
      </c>
      <c r="R31715">
        <v>11</v>
      </c>
      <c r="S31715">
        <v>12</v>
      </c>
      <c r="T31715">
        <v>12</v>
      </c>
      <c r="U31715">
        <v>12</v>
      </c>
      <c r="V31715">
        <v>12</v>
      </c>
      <c r="W31715">
        <v>12</v>
      </c>
      <c r="X31715">
        <v>13</v>
      </c>
      <c r="Y31715">
        <v>13</v>
      </c>
      <c r="Z31715">
        <v>13</v>
      </c>
      <c r="AA31715">
        <v>13</v>
      </c>
      <c r="AB31715">
        <v>14</v>
      </c>
      <c r="AC31715">
        <v>14</v>
      </c>
      <c r="AD31715">
        <v>14</v>
      </c>
      <c r="AE31715">
        <v>14</v>
      </c>
      <c r="AF31715">
        <v>15</v>
      </c>
      <c r="AG31715">
        <v>15</v>
      </c>
      <c r="AH31715">
        <v>15</v>
      </c>
      <c r="AI31715">
        <v>16</v>
      </c>
      <c r="AJ31715">
        <v>16</v>
      </c>
      <c r="AK31715">
        <v>16</v>
      </c>
      <c r="AL31715">
        <v>16</v>
      </c>
      <c r="AM31715">
        <v>17</v>
      </c>
      <c r="AN31715">
        <v>17</v>
      </c>
      <c r="AO31715">
        <v>17</v>
      </c>
      <c r="AP31715">
        <v>18</v>
      </c>
      <c r="AQ31715">
        <v>18</v>
      </c>
    </row>
    <row r="31716" spans="1:43">
      <c r="A31716" t="s">
        <v>19649</v>
      </c>
      <c r="B31716" t="s">
        <v>19650</v>
      </c>
      <c r="C31716" t="s">
        <v>19557</v>
      </c>
      <c r="D31716" t="s">
        <v>19558</v>
      </c>
      <c r="E31716" t="s">
        <v>19535</v>
      </c>
      <c r="F31716" t="s">
        <v>19536</v>
      </c>
      <c r="G31716" t="s">
        <v>10734</v>
      </c>
      <c r="H31716" t="s">
        <v>10735</v>
      </c>
      <c r="I31716" s="2">
        <v>0</v>
      </c>
      <c r="J31716" s="2">
        <v>0</v>
      </c>
      <c r="K31716" s="2">
        <v>1</v>
      </c>
      <c r="L31716" t="s">
        <v>995</v>
      </c>
      <c r="M31716" t="s">
        <v>89</v>
      </c>
      <c r="N31716" t="s">
        <v>90</v>
      </c>
      <c r="O31716" t="s">
        <v>85</v>
      </c>
      <c r="P31716" t="s">
        <v>86</v>
      </c>
      <c r="Q31716">
        <v>11</v>
      </c>
      <c r="R31716">
        <v>12</v>
      </c>
      <c r="S31716">
        <v>12</v>
      </c>
      <c r="T31716">
        <v>13</v>
      </c>
      <c r="U31716">
        <v>13</v>
      </c>
      <c r="V31716">
        <v>14</v>
      </c>
      <c r="W31716">
        <v>14</v>
      </c>
      <c r="X31716">
        <v>14</v>
      </c>
      <c r="Y31716">
        <v>15</v>
      </c>
      <c r="Z31716">
        <v>15</v>
      </c>
      <c r="AA31716">
        <v>16</v>
      </c>
      <c r="AB31716">
        <v>16</v>
      </c>
      <c r="AC31716">
        <v>17</v>
      </c>
      <c r="AD31716">
        <v>17</v>
      </c>
      <c r="AE31716">
        <v>17</v>
      </c>
      <c r="AF31716">
        <v>18</v>
      </c>
      <c r="AG31716">
        <v>18</v>
      </c>
      <c r="AH31716">
        <v>18</v>
      </c>
      <c r="AI31716">
        <v>19</v>
      </c>
      <c r="AJ31716">
        <v>19</v>
      </c>
      <c r="AK31716">
        <v>19</v>
      </c>
      <c r="AL31716">
        <v>20</v>
      </c>
      <c r="AM31716">
        <v>20</v>
      </c>
      <c r="AN31716">
        <v>20</v>
      </c>
      <c r="AO31716">
        <v>20</v>
      </c>
      <c r="AP31716">
        <v>21</v>
      </c>
      <c r="AQ31716">
        <v>21</v>
      </c>
    </row>
    <row r="31717" spans="1:43">
      <c r="A31717" t="s">
        <v>19649</v>
      </c>
      <c r="B31717" t="s">
        <v>19650</v>
      </c>
      <c r="C31717" t="s">
        <v>19557</v>
      </c>
      <c r="D31717" t="s">
        <v>19558</v>
      </c>
      <c r="E31717" t="s">
        <v>19535</v>
      </c>
      <c r="F31717" t="s">
        <v>19536</v>
      </c>
      <c r="G31717" t="s">
        <v>10734</v>
      </c>
      <c r="H31717" t="s">
        <v>10735</v>
      </c>
      <c r="I31717" s="2">
        <v>0</v>
      </c>
      <c r="J31717" s="2">
        <v>0</v>
      </c>
      <c r="K31717" s="2">
        <v>1</v>
      </c>
      <c r="L31717" t="s">
        <v>995</v>
      </c>
      <c r="M31717" t="s">
        <v>83</v>
      </c>
      <c r="N31717" t="s">
        <v>91</v>
      </c>
      <c r="O31717" t="s">
        <v>85</v>
      </c>
      <c r="P31717" t="s">
        <v>86</v>
      </c>
      <c r="Q31717">
        <v>11</v>
      </c>
      <c r="R31717">
        <v>12</v>
      </c>
      <c r="S31717">
        <v>12</v>
      </c>
      <c r="T31717">
        <v>12</v>
      </c>
      <c r="U31717">
        <v>13</v>
      </c>
      <c r="V31717">
        <v>13</v>
      </c>
      <c r="W31717">
        <v>13</v>
      </c>
      <c r="X31717">
        <v>14</v>
      </c>
      <c r="Y31717">
        <v>14</v>
      </c>
      <c r="Z31717">
        <v>14</v>
      </c>
      <c r="AA31717">
        <v>15</v>
      </c>
      <c r="AB31717">
        <v>15</v>
      </c>
      <c r="AC31717">
        <v>16</v>
      </c>
      <c r="AD31717">
        <v>16</v>
      </c>
      <c r="AE31717">
        <v>16</v>
      </c>
      <c r="AF31717">
        <v>17</v>
      </c>
      <c r="AG31717">
        <v>17</v>
      </c>
      <c r="AH31717">
        <v>18</v>
      </c>
      <c r="AI31717">
        <v>18</v>
      </c>
      <c r="AJ31717">
        <v>18</v>
      </c>
      <c r="AK31717">
        <v>19</v>
      </c>
      <c r="AL31717">
        <v>19</v>
      </c>
      <c r="AM31717">
        <v>20</v>
      </c>
      <c r="AN31717">
        <v>20</v>
      </c>
      <c r="AO31717">
        <v>20</v>
      </c>
      <c r="AP31717">
        <v>21</v>
      </c>
      <c r="AQ31717">
        <v>21</v>
      </c>
    </row>
    <row r="31718" spans="1:43">
      <c r="A31718" t="s">
        <v>19651</v>
      </c>
      <c r="B31718" t="s">
        <v>19652</v>
      </c>
      <c r="C31718" t="s">
        <v>19629</v>
      </c>
      <c r="D31718" t="s">
        <v>19630</v>
      </c>
      <c r="E31718" t="s">
        <v>19535</v>
      </c>
      <c r="F31718" t="s">
        <v>19536</v>
      </c>
      <c r="G31718" t="s">
        <v>10734</v>
      </c>
      <c r="H31718" t="s">
        <v>10735</v>
      </c>
      <c r="I31718" s="2">
        <v>0</v>
      </c>
      <c r="J31718" s="2">
        <v>0</v>
      </c>
      <c r="K31718" s="2">
        <v>1</v>
      </c>
      <c r="L31718" t="s">
        <v>995</v>
      </c>
      <c r="M31718" t="s">
        <v>83</v>
      </c>
      <c r="N31718" t="s">
        <v>84</v>
      </c>
      <c r="O31718" t="s">
        <v>85</v>
      </c>
      <c r="P31718" t="s">
        <v>86</v>
      </c>
      <c r="Q31718">
        <v>18</v>
      </c>
      <c r="R31718">
        <v>18</v>
      </c>
      <c r="S31718">
        <v>19</v>
      </c>
      <c r="T31718">
        <v>19</v>
      </c>
      <c r="U31718">
        <v>20</v>
      </c>
      <c r="V31718">
        <v>20</v>
      </c>
      <c r="W31718">
        <v>21</v>
      </c>
      <c r="X31718">
        <v>21</v>
      </c>
      <c r="Y31718">
        <v>22</v>
      </c>
      <c r="Z31718">
        <v>23</v>
      </c>
      <c r="AA31718">
        <v>23</v>
      </c>
      <c r="AB31718">
        <v>24</v>
      </c>
      <c r="AC31718">
        <v>24</v>
      </c>
      <c r="AD31718">
        <v>25</v>
      </c>
      <c r="AE31718">
        <v>26</v>
      </c>
      <c r="AF31718">
        <v>26</v>
      </c>
      <c r="AG31718">
        <v>27</v>
      </c>
      <c r="AH31718">
        <v>28</v>
      </c>
      <c r="AI31718">
        <v>28</v>
      </c>
      <c r="AJ31718">
        <v>29</v>
      </c>
      <c r="AK31718">
        <v>30</v>
      </c>
      <c r="AL31718">
        <v>30</v>
      </c>
      <c r="AM31718">
        <v>31</v>
      </c>
      <c r="AN31718">
        <v>31</v>
      </c>
      <c r="AO31718">
        <v>32</v>
      </c>
      <c r="AP31718">
        <v>32</v>
      </c>
      <c r="AQ31718">
        <v>33</v>
      </c>
    </row>
    <row r="31719" spans="1:43">
      <c r="A31719" t="s">
        <v>19651</v>
      </c>
      <c r="B31719" t="s">
        <v>19652</v>
      </c>
      <c r="C31719" t="s">
        <v>19629</v>
      </c>
      <c r="D31719" t="s">
        <v>19630</v>
      </c>
      <c r="E31719" t="s">
        <v>19535</v>
      </c>
      <c r="F31719" t="s">
        <v>19536</v>
      </c>
      <c r="G31719" t="s">
        <v>10734</v>
      </c>
      <c r="H31719" t="s">
        <v>10735</v>
      </c>
      <c r="I31719" s="2">
        <v>0</v>
      </c>
      <c r="J31719" s="2">
        <v>0</v>
      </c>
      <c r="K31719" s="2">
        <v>1</v>
      </c>
      <c r="L31719" t="s">
        <v>995</v>
      </c>
      <c r="M31719" t="s">
        <v>87</v>
      </c>
      <c r="N31719" t="s">
        <v>88</v>
      </c>
      <c r="O31719" t="s">
        <v>85</v>
      </c>
      <c r="P31719" t="s">
        <v>86</v>
      </c>
      <c r="Q31719">
        <v>18</v>
      </c>
      <c r="R31719">
        <v>18</v>
      </c>
      <c r="S31719">
        <v>18</v>
      </c>
      <c r="T31719">
        <v>19</v>
      </c>
      <c r="U31719">
        <v>19</v>
      </c>
      <c r="V31719">
        <v>19</v>
      </c>
      <c r="W31719">
        <v>20</v>
      </c>
      <c r="X31719">
        <v>20</v>
      </c>
      <c r="Y31719">
        <v>20</v>
      </c>
      <c r="Z31719">
        <v>21</v>
      </c>
      <c r="AA31719">
        <v>21</v>
      </c>
      <c r="AB31719">
        <v>22</v>
      </c>
      <c r="AC31719">
        <v>22</v>
      </c>
      <c r="AD31719">
        <v>22</v>
      </c>
      <c r="AE31719">
        <v>23</v>
      </c>
      <c r="AF31719">
        <v>23</v>
      </c>
      <c r="AG31719">
        <v>24</v>
      </c>
      <c r="AH31719">
        <v>24</v>
      </c>
      <c r="AI31719">
        <v>25</v>
      </c>
      <c r="AJ31719">
        <v>25</v>
      </c>
      <c r="AK31719">
        <v>25</v>
      </c>
      <c r="AL31719">
        <v>26</v>
      </c>
      <c r="AM31719">
        <v>26</v>
      </c>
      <c r="AN31719">
        <v>27</v>
      </c>
      <c r="AO31719">
        <v>28</v>
      </c>
      <c r="AP31719">
        <v>28</v>
      </c>
      <c r="AQ31719">
        <v>29</v>
      </c>
    </row>
    <row r="31720" spans="1:43">
      <c r="A31720" t="s">
        <v>19651</v>
      </c>
      <c r="B31720" t="s">
        <v>19652</v>
      </c>
      <c r="C31720" t="s">
        <v>19629</v>
      </c>
      <c r="D31720" t="s">
        <v>19630</v>
      </c>
      <c r="E31720" t="s">
        <v>19535</v>
      </c>
      <c r="F31720" t="s">
        <v>19536</v>
      </c>
      <c r="G31720" t="s">
        <v>10734</v>
      </c>
      <c r="H31720" t="s">
        <v>10735</v>
      </c>
      <c r="I31720" s="2">
        <v>0</v>
      </c>
      <c r="J31720" s="2">
        <v>0</v>
      </c>
      <c r="K31720" s="2">
        <v>1</v>
      </c>
      <c r="L31720" t="s">
        <v>995</v>
      </c>
      <c r="M31720" t="s">
        <v>89</v>
      </c>
      <c r="N31720" t="s">
        <v>90</v>
      </c>
      <c r="O31720" t="s">
        <v>85</v>
      </c>
      <c r="P31720" t="s">
        <v>86</v>
      </c>
      <c r="Q31720">
        <v>18</v>
      </c>
      <c r="R31720">
        <v>19</v>
      </c>
      <c r="S31720">
        <v>19</v>
      </c>
      <c r="T31720">
        <v>20</v>
      </c>
      <c r="U31720">
        <v>21</v>
      </c>
      <c r="V31720">
        <v>21</v>
      </c>
      <c r="W31720">
        <v>22</v>
      </c>
      <c r="X31720">
        <v>23</v>
      </c>
      <c r="Y31720">
        <v>23</v>
      </c>
      <c r="Z31720">
        <v>24</v>
      </c>
      <c r="AA31720">
        <v>25</v>
      </c>
      <c r="AB31720">
        <v>25</v>
      </c>
      <c r="AC31720">
        <v>26</v>
      </c>
      <c r="AD31720">
        <v>27</v>
      </c>
      <c r="AE31720">
        <v>27</v>
      </c>
      <c r="AF31720">
        <v>28</v>
      </c>
      <c r="AG31720">
        <v>28</v>
      </c>
      <c r="AH31720">
        <v>29</v>
      </c>
      <c r="AI31720">
        <v>29</v>
      </c>
      <c r="AJ31720">
        <v>30</v>
      </c>
      <c r="AK31720">
        <v>30</v>
      </c>
      <c r="AL31720">
        <v>31</v>
      </c>
      <c r="AM31720">
        <v>31</v>
      </c>
      <c r="AN31720">
        <v>32</v>
      </c>
      <c r="AO31720">
        <v>32</v>
      </c>
      <c r="AP31720">
        <v>33</v>
      </c>
      <c r="AQ31720">
        <v>33</v>
      </c>
    </row>
    <row r="31721" spans="1:43">
      <c r="A31721" t="s">
        <v>19651</v>
      </c>
      <c r="B31721" t="s">
        <v>19652</v>
      </c>
      <c r="C31721" t="s">
        <v>19629</v>
      </c>
      <c r="D31721" t="s">
        <v>19630</v>
      </c>
      <c r="E31721" t="s">
        <v>19535</v>
      </c>
      <c r="F31721" t="s">
        <v>19536</v>
      </c>
      <c r="G31721" t="s">
        <v>10734</v>
      </c>
      <c r="H31721" t="s">
        <v>10735</v>
      </c>
      <c r="I31721" s="2">
        <v>0</v>
      </c>
      <c r="J31721" s="2">
        <v>0</v>
      </c>
      <c r="K31721" s="2">
        <v>1</v>
      </c>
      <c r="L31721" t="s">
        <v>995</v>
      </c>
      <c r="M31721" t="s">
        <v>83</v>
      </c>
      <c r="N31721" t="s">
        <v>91</v>
      </c>
      <c r="O31721" t="s">
        <v>85</v>
      </c>
      <c r="P31721" t="s">
        <v>86</v>
      </c>
      <c r="Q31721">
        <v>18</v>
      </c>
      <c r="R31721">
        <v>18</v>
      </c>
      <c r="S31721">
        <v>19</v>
      </c>
      <c r="T31721">
        <v>19</v>
      </c>
      <c r="U31721">
        <v>20</v>
      </c>
      <c r="V31721">
        <v>20</v>
      </c>
      <c r="W31721">
        <v>21</v>
      </c>
      <c r="X31721">
        <v>21</v>
      </c>
      <c r="Y31721">
        <v>22</v>
      </c>
      <c r="Z31721">
        <v>23</v>
      </c>
      <c r="AA31721">
        <v>23</v>
      </c>
      <c r="AB31721">
        <v>24</v>
      </c>
      <c r="AC31721">
        <v>24</v>
      </c>
      <c r="AD31721">
        <v>25</v>
      </c>
      <c r="AE31721">
        <v>26</v>
      </c>
      <c r="AF31721">
        <v>26</v>
      </c>
      <c r="AG31721">
        <v>27</v>
      </c>
      <c r="AH31721">
        <v>28</v>
      </c>
      <c r="AI31721">
        <v>28</v>
      </c>
      <c r="AJ31721">
        <v>29</v>
      </c>
      <c r="AK31721">
        <v>30</v>
      </c>
      <c r="AL31721">
        <v>30</v>
      </c>
      <c r="AM31721">
        <v>31</v>
      </c>
      <c r="AN31721">
        <v>31</v>
      </c>
      <c r="AO31721">
        <v>32</v>
      </c>
      <c r="AP31721">
        <v>32</v>
      </c>
      <c r="AQ31721">
        <v>33</v>
      </c>
    </row>
    <row r="31722" spans="1:43">
      <c r="A31722" t="s">
        <v>19653</v>
      </c>
      <c r="B31722" t="s">
        <v>19654</v>
      </c>
      <c r="C31722" t="s">
        <v>19629</v>
      </c>
      <c r="D31722" t="s">
        <v>19630</v>
      </c>
      <c r="E31722" t="s">
        <v>19535</v>
      </c>
      <c r="F31722" t="s">
        <v>19536</v>
      </c>
      <c r="G31722" t="s">
        <v>10734</v>
      </c>
      <c r="H31722" t="s">
        <v>10735</v>
      </c>
      <c r="I31722" s="2">
        <v>0</v>
      </c>
      <c r="J31722" s="2">
        <v>0</v>
      </c>
      <c r="K31722" s="2">
        <v>1</v>
      </c>
      <c r="L31722" t="s">
        <v>995</v>
      </c>
      <c r="M31722" t="s">
        <v>83</v>
      </c>
      <c r="N31722" t="s">
        <v>84</v>
      </c>
      <c r="O31722" t="s">
        <v>85</v>
      </c>
      <c r="P31722" t="s">
        <v>86</v>
      </c>
      <c r="Q31722">
        <v>11</v>
      </c>
      <c r="R31722">
        <v>11</v>
      </c>
      <c r="S31722">
        <v>11</v>
      </c>
      <c r="T31722">
        <v>12</v>
      </c>
      <c r="U31722">
        <v>12</v>
      </c>
      <c r="V31722">
        <v>12</v>
      </c>
      <c r="W31722">
        <v>13</v>
      </c>
      <c r="X31722">
        <v>13</v>
      </c>
      <c r="Y31722">
        <v>13</v>
      </c>
      <c r="Z31722">
        <v>14</v>
      </c>
      <c r="AA31722">
        <v>14</v>
      </c>
      <c r="AB31722">
        <v>14</v>
      </c>
      <c r="AC31722">
        <v>15</v>
      </c>
      <c r="AD31722">
        <v>15</v>
      </c>
      <c r="AE31722">
        <v>16</v>
      </c>
      <c r="AF31722">
        <v>16</v>
      </c>
      <c r="AG31722">
        <v>16</v>
      </c>
      <c r="AH31722">
        <v>17</v>
      </c>
      <c r="AI31722">
        <v>17</v>
      </c>
      <c r="AJ31722">
        <v>18</v>
      </c>
      <c r="AK31722">
        <v>18</v>
      </c>
      <c r="AL31722">
        <v>18</v>
      </c>
      <c r="AM31722">
        <v>19</v>
      </c>
      <c r="AN31722">
        <v>19</v>
      </c>
      <c r="AO31722">
        <v>19</v>
      </c>
      <c r="AP31722">
        <v>20</v>
      </c>
      <c r="AQ31722">
        <v>20</v>
      </c>
    </row>
    <row r="31723" spans="1:43">
      <c r="A31723" t="s">
        <v>19653</v>
      </c>
      <c r="B31723" t="s">
        <v>19654</v>
      </c>
      <c r="C31723" t="s">
        <v>19629</v>
      </c>
      <c r="D31723" t="s">
        <v>19630</v>
      </c>
      <c r="E31723" t="s">
        <v>19535</v>
      </c>
      <c r="F31723" t="s">
        <v>19536</v>
      </c>
      <c r="G31723" t="s">
        <v>10734</v>
      </c>
      <c r="H31723" t="s">
        <v>10735</v>
      </c>
      <c r="I31723" s="2">
        <v>0</v>
      </c>
      <c r="J31723" s="2">
        <v>0</v>
      </c>
      <c r="K31723" s="2">
        <v>1</v>
      </c>
      <c r="L31723" t="s">
        <v>995</v>
      </c>
      <c r="M31723" t="s">
        <v>87</v>
      </c>
      <c r="N31723" t="s">
        <v>88</v>
      </c>
      <c r="O31723" t="s">
        <v>85</v>
      </c>
      <c r="P31723" t="s">
        <v>86</v>
      </c>
      <c r="Q31723">
        <v>11</v>
      </c>
      <c r="R31723">
        <v>11</v>
      </c>
      <c r="S31723">
        <v>11</v>
      </c>
      <c r="T31723">
        <v>11</v>
      </c>
      <c r="U31723">
        <v>11</v>
      </c>
      <c r="V31723">
        <v>12</v>
      </c>
      <c r="W31723">
        <v>12</v>
      </c>
      <c r="X31723">
        <v>12</v>
      </c>
      <c r="Y31723">
        <v>12</v>
      </c>
      <c r="Z31723">
        <v>13</v>
      </c>
      <c r="AA31723">
        <v>13</v>
      </c>
      <c r="AB31723">
        <v>13</v>
      </c>
      <c r="AC31723">
        <v>13</v>
      </c>
      <c r="AD31723">
        <v>14</v>
      </c>
      <c r="AE31723">
        <v>14</v>
      </c>
      <c r="AF31723">
        <v>14</v>
      </c>
      <c r="AG31723">
        <v>14</v>
      </c>
      <c r="AH31723">
        <v>15</v>
      </c>
      <c r="AI31723">
        <v>15</v>
      </c>
      <c r="AJ31723">
        <v>15</v>
      </c>
      <c r="AK31723">
        <v>15</v>
      </c>
      <c r="AL31723">
        <v>16</v>
      </c>
      <c r="AM31723">
        <v>16</v>
      </c>
      <c r="AN31723">
        <v>16</v>
      </c>
      <c r="AO31723">
        <v>17</v>
      </c>
      <c r="AP31723">
        <v>17</v>
      </c>
      <c r="AQ31723">
        <v>17</v>
      </c>
    </row>
    <row r="31724" spans="1:43">
      <c r="A31724" t="s">
        <v>19653</v>
      </c>
      <c r="B31724" t="s">
        <v>19654</v>
      </c>
      <c r="C31724" t="s">
        <v>19629</v>
      </c>
      <c r="D31724" t="s">
        <v>19630</v>
      </c>
      <c r="E31724" t="s">
        <v>19535</v>
      </c>
      <c r="F31724" t="s">
        <v>19536</v>
      </c>
      <c r="G31724" t="s">
        <v>10734</v>
      </c>
      <c r="H31724" t="s">
        <v>10735</v>
      </c>
      <c r="I31724" s="2">
        <v>0</v>
      </c>
      <c r="J31724" s="2">
        <v>0</v>
      </c>
      <c r="K31724" s="2">
        <v>1</v>
      </c>
      <c r="L31724" t="s">
        <v>995</v>
      </c>
      <c r="M31724" t="s">
        <v>89</v>
      </c>
      <c r="N31724" t="s">
        <v>90</v>
      </c>
      <c r="O31724" t="s">
        <v>85</v>
      </c>
      <c r="P31724" t="s">
        <v>86</v>
      </c>
      <c r="Q31724">
        <v>11</v>
      </c>
      <c r="R31724">
        <v>11</v>
      </c>
      <c r="S31724">
        <v>12</v>
      </c>
      <c r="T31724">
        <v>12</v>
      </c>
      <c r="U31724">
        <v>12</v>
      </c>
      <c r="V31724">
        <v>13</v>
      </c>
      <c r="W31724">
        <v>13</v>
      </c>
      <c r="X31724">
        <v>14</v>
      </c>
      <c r="Y31724">
        <v>14</v>
      </c>
      <c r="Z31724">
        <v>15</v>
      </c>
      <c r="AA31724">
        <v>15</v>
      </c>
      <c r="AB31724">
        <v>15</v>
      </c>
      <c r="AC31724">
        <v>16</v>
      </c>
      <c r="AD31724">
        <v>16</v>
      </c>
      <c r="AE31724">
        <v>17</v>
      </c>
      <c r="AF31724">
        <v>17</v>
      </c>
      <c r="AG31724">
        <v>17</v>
      </c>
      <c r="AH31724">
        <v>17</v>
      </c>
      <c r="AI31724">
        <v>18</v>
      </c>
      <c r="AJ31724">
        <v>18</v>
      </c>
      <c r="AK31724">
        <v>18</v>
      </c>
      <c r="AL31724">
        <v>19</v>
      </c>
      <c r="AM31724">
        <v>19</v>
      </c>
      <c r="AN31724">
        <v>19</v>
      </c>
      <c r="AO31724">
        <v>20</v>
      </c>
      <c r="AP31724">
        <v>20</v>
      </c>
      <c r="AQ31724">
        <v>20</v>
      </c>
    </row>
    <row r="31725" spans="1:43">
      <c r="A31725" t="s">
        <v>19653</v>
      </c>
      <c r="B31725" t="s">
        <v>19654</v>
      </c>
      <c r="C31725" t="s">
        <v>19629</v>
      </c>
      <c r="D31725" t="s">
        <v>19630</v>
      </c>
      <c r="E31725" t="s">
        <v>19535</v>
      </c>
      <c r="F31725" t="s">
        <v>19536</v>
      </c>
      <c r="G31725" t="s">
        <v>10734</v>
      </c>
      <c r="H31725" t="s">
        <v>10735</v>
      </c>
      <c r="I31725" s="2">
        <v>0</v>
      </c>
      <c r="J31725" s="2">
        <v>0</v>
      </c>
      <c r="K31725" s="2">
        <v>1</v>
      </c>
      <c r="L31725" t="s">
        <v>995</v>
      </c>
      <c r="M31725" t="s">
        <v>83</v>
      </c>
      <c r="N31725" t="s">
        <v>91</v>
      </c>
      <c r="O31725" t="s">
        <v>85</v>
      </c>
      <c r="P31725" t="s">
        <v>86</v>
      </c>
      <c r="Q31725">
        <v>11</v>
      </c>
      <c r="R31725">
        <v>11</v>
      </c>
      <c r="S31725">
        <v>11</v>
      </c>
      <c r="T31725">
        <v>12</v>
      </c>
      <c r="U31725">
        <v>12</v>
      </c>
      <c r="V31725">
        <v>12</v>
      </c>
      <c r="W31725">
        <v>13</v>
      </c>
      <c r="X31725">
        <v>13</v>
      </c>
      <c r="Y31725">
        <v>13</v>
      </c>
      <c r="Z31725">
        <v>14</v>
      </c>
      <c r="AA31725">
        <v>14</v>
      </c>
      <c r="AB31725">
        <v>14</v>
      </c>
      <c r="AC31725">
        <v>15</v>
      </c>
      <c r="AD31725">
        <v>15</v>
      </c>
      <c r="AE31725">
        <v>16</v>
      </c>
      <c r="AF31725">
        <v>16</v>
      </c>
      <c r="AG31725">
        <v>16</v>
      </c>
      <c r="AH31725">
        <v>17</v>
      </c>
      <c r="AI31725">
        <v>17</v>
      </c>
      <c r="AJ31725">
        <v>18</v>
      </c>
      <c r="AK31725">
        <v>18</v>
      </c>
      <c r="AL31725">
        <v>18</v>
      </c>
      <c r="AM31725">
        <v>19</v>
      </c>
      <c r="AN31725">
        <v>19</v>
      </c>
      <c r="AO31725">
        <v>19</v>
      </c>
      <c r="AP31725">
        <v>20</v>
      </c>
      <c r="AQ31725">
        <v>20</v>
      </c>
    </row>
    <row r="31726" spans="1:43">
      <c r="A31726" t="s">
        <v>19655</v>
      </c>
      <c r="B31726" t="s">
        <v>19656</v>
      </c>
      <c r="C31726" t="s">
        <v>19533</v>
      </c>
      <c r="D31726" t="s">
        <v>19534</v>
      </c>
      <c r="E31726" t="s">
        <v>19535</v>
      </c>
      <c r="F31726" t="s">
        <v>19536</v>
      </c>
      <c r="G31726" t="s">
        <v>10734</v>
      </c>
      <c r="H31726" t="s">
        <v>10735</v>
      </c>
      <c r="I31726" s="2">
        <v>0</v>
      </c>
      <c r="J31726" s="2">
        <v>0</v>
      </c>
      <c r="K31726" s="2">
        <v>1</v>
      </c>
      <c r="L31726" t="s">
        <v>995</v>
      </c>
      <c r="M31726" t="s">
        <v>83</v>
      </c>
      <c r="N31726" t="s">
        <v>84</v>
      </c>
      <c r="O31726" t="s">
        <v>85</v>
      </c>
      <c r="P31726" t="s">
        <v>86</v>
      </c>
      <c r="Q31726">
        <v>12</v>
      </c>
      <c r="R31726">
        <v>12</v>
      </c>
      <c r="S31726">
        <v>13</v>
      </c>
      <c r="T31726">
        <v>13</v>
      </c>
      <c r="U31726">
        <v>13</v>
      </c>
      <c r="V31726">
        <v>14</v>
      </c>
      <c r="W31726">
        <v>14</v>
      </c>
      <c r="X31726">
        <v>14</v>
      </c>
      <c r="Y31726">
        <v>15</v>
      </c>
      <c r="Z31726">
        <v>15</v>
      </c>
      <c r="AA31726">
        <v>16</v>
      </c>
      <c r="AB31726">
        <v>16</v>
      </c>
      <c r="AC31726">
        <v>16</v>
      </c>
      <c r="AD31726">
        <v>17</v>
      </c>
      <c r="AE31726">
        <v>17</v>
      </c>
      <c r="AF31726">
        <v>18</v>
      </c>
      <c r="AG31726">
        <v>18</v>
      </c>
      <c r="AH31726">
        <v>19</v>
      </c>
      <c r="AI31726">
        <v>19</v>
      </c>
      <c r="AJ31726">
        <v>20</v>
      </c>
      <c r="AK31726">
        <v>20</v>
      </c>
      <c r="AL31726">
        <v>20</v>
      </c>
      <c r="AM31726">
        <v>21</v>
      </c>
      <c r="AN31726">
        <v>21</v>
      </c>
      <c r="AO31726">
        <v>21</v>
      </c>
      <c r="AP31726">
        <v>22</v>
      </c>
      <c r="AQ31726">
        <v>22</v>
      </c>
    </row>
    <row r="31727" spans="1:43">
      <c r="A31727" t="s">
        <v>19655</v>
      </c>
      <c r="B31727" t="s">
        <v>19656</v>
      </c>
      <c r="C31727" t="s">
        <v>19533</v>
      </c>
      <c r="D31727" t="s">
        <v>19534</v>
      </c>
      <c r="E31727" t="s">
        <v>19535</v>
      </c>
      <c r="F31727" t="s">
        <v>19536</v>
      </c>
      <c r="G31727" t="s">
        <v>10734</v>
      </c>
      <c r="H31727" t="s">
        <v>10735</v>
      </c>
      <c r="I31727" s="2">
        <v>0</v>
      </c>
      <c r="J31727" s="2">
        <v>0</v>
      </c>
      <c r="K31727" s="2">
        <v>1</v>
      </c>
      <c r="L31727" t="s">
        <v>995</v>
      </c>
      <c r="M31727" t="s">
        <v>87</v>
      </c>
      <c r="N31727" t="s">
        <v>88</v>
      </c>
      <c r="O31727" t="s">
        <v>85</v>
      </c>
      <c r="P31727" t="s">
        <v>86</v>
      </c>
      <c r="Q31727">
        <v>12</v>
      </c>
      <c r="R31727">
        <v>12</v>
      </c>
      <c r="S31727">
        <v>12</v>
      </c>
      <c r="T31727">
        <v>13</v>
      </c>
      <c r="U31727">
        <v>13</v>
      </c>
      <c r="V31727">
        <v>13</v>
      </c>
      <c r="W31727">
        <v>13</v>
      </c>
      <c r="X31727">
        <v>13</v>
      </c>
      <c r="Y31727">
        <v>14</v>
      </c>
      <c r="Z31727">
        <v>14</v>
      </c>
      <c r="AA31727">
        <v>14</v>
      </c>
      <c r="AB31727">
        <v>14</v>
      </c>
      <c r="AC31727">
        <v>15</v>
      </c>
      <c r="AD31727">
        <v>15</v>
      </c>
      <c r="AE31727">
        <v>15</v>
      </c>
      <c r="AF31727">
        <v>16</v>
      </c>
      <c r="AG31727">
        <v>16</v>
      </c>
      <c r="AH31727">
        <v>16</v>
      </c>
      <c r="AI31727">
        <v>16</v>
      </c>
      <c r="AJ31727">
        <v>17</v>
      </c>
      <c r="AK31727">
        <v>17</v>
      </c>
      <c r="AL31727">
        <v>17</v>
      </c>
      <c r="AM31727">
        <v>18</v>
      </c>
      <c r="AN31727">
        <v>18</v>
      </c>
      <c r="AO31727">
        <v>18</v>
      </c>
      <c r="AP31727">
        <v>19</v>
      </c>
      <c r="AQ31727">
        <v>19</v>
      </c>
    </row>
    <row r="31728" spans="1:43">
      <c r="A31728" t="s">
        <v>19655</v>
      </c>
      <c r="B31728" t="s">
        <v>19656</v>
      </c>
      <c r="C31728" t="s">
        <v>19533</v>
      </c>
      <c r="D31728" t="s">
        <v>19534</v>
      </c>
      <c r="E31728" t="s">
        <v>19535</v>
      </c>
      <c r="F31728" t="s">
        <v>19536</v>
      </c>
      <c r="G31728" t="s">
        <v>10734</v>
      </c>
      <c r="H31728" t="s">
        <v>10735</v>
      </c>
      <c r="I31728" s="2">
        <v>0</v>
      </c>
      <c r="J31728" s="2">
        <v>0</v>
      </c>
      <c r="K31728" s="2">
        <v>1</v>
      </c>
      <c r="L31728" t="s">
        <v>995</v>
      </c>
      <c r="M31728" t="s">
        <v>89</v>
      </c>
      <c r="N31728" t="s">
        <v>90</v>
      </c>
      <c r="O31728" t="s">
        <v>85</v>
      </c>
      <c r="P31728" t="s">
        <v>86</v>
      </c>
      <c r="Q31728">
        <v>12</v>
      </c>
      <c r="R31728">
        <v>13</v>
      </c>
      <c r="S31728">
        <v>13</v>
      </c>
      <c r="T31728">
        <v>13</v>
      </c>
      <c r="U31728">
        <v>14</v>
      </c>
      <c r="V31728">
        <v>14</v>
      </c>
      <c r="W31728">
        <v>15</v>
      </c>
      <c r="X31728">
        <v>15</v>
      </c>
      <c r="Y31728">
        <v>16</v>
      </c>
      <c r="Z31728">
        <v>16</v>
      </c>
      <c r="AA31728">
        <v>17</v>
      </c>
      <c r="AB31728">
        <v>17</v>
      </c>
      <c r="AC31728">
        <v>18</v>
      </c>
      <c r="AD31728">
        <v>18</v>
      </c>
      <c r="AE31728">
        <v>19</v>
      </c>
      <c r="AF31728">
        <v>19</v>
      </c>
      <c r="AG31728">
        <v>19</v>
      </c>
      <c r="AH31728">
        <v>19</v>
      </c>
      <c r="AI31728">
        <v>20</v>
      </c>
      <c r="AJ31728">
        <v>20</v>
      </c>
      <c r="AK31728">
        <v>20</v>
      </c>
      <c r="AL31728">
        <v>21</v>
      </c>
      <c r="AM31728">
        <v>21</v>
      </c>
      <c r="AN31728">
        <v>21</v>
      </c>
      <c r="AO31728">
        <v>22</v>
      </c>
      <c r="AP31728">
        <v>22</v>
      </c>
      <c r="AQ31728">
        <v>22</v>
      </c>
    </row>
    <row r="31729" spans="1:43">
      <c r="A31729" t="s">
        <v>19655</v>
      </c>
      <c r="B31729" t="s">
        <v>19656</v>
      </c>
      <c r="C31729" t="s">
        <v>19533</v>
      </c>
      <c r="D31729" t="s">
        <v>19534</v>
      </c>
      <c r="E31729" t="s">
        <v>19535</v>
      </c>
      <c r="F31729" t="s">
        <v>19536</v>
      </c>
      <c r="G31729" t="s">
        <v>10734</v>
      </c>
      <c r="H31729" t="s">
        <v>10735</v>
      </c>
      <c r="I31729" s="2">
        <v>0</v>
      </c>
      <c r="J31729" s="2">
        <v>0</v>
      </c>
      <c r="K31729" s="2">
        <v>1</v>
      </c>
      <c r="L31729" t="s">
        <v>995</v>
      </c>
      <c r="M31729" t="s">
        <v>83</v>
      </c>
      <c r="N31729" t="s">
        <v>91</v>
      </c>
      <c r="O31729" t="s">
        <v>85</v>
      </c>
      <c r="P31729" t="s">
        <v>86</v>
      </c>
      <c r="Q31729">
        <v>12</v>
      </c>
      <c r="R31729">
        <v>12</v>
      </c>
      <c r="S31729">
        <v>13</v>
      </c>
      <c r="T31729">
        <v>13</v>
      </c>
      <c r="U31729">
        <v>13</v>
      </c>
      <c r="V31729">
        <v>14</v>
      </c>
      <c r="W31729">
        <v>14</v>
      </c>
      <c r="X31729">
        <v>14</v>
      </c>
      <c r="Y31729">
        <v>15</v>
      </c>
      <c r="Z31729">
        <v>15</v>
      </c>
      <c r="AA31729">
        <v>16</v>
      </c>
      <c r="AB31729">
        <v>16</v>
      </c>
      <c r="AC31729">
        <v>16</v>
      </c>
      <c r="AD31729">
        <v>17</v>
      </c>
      <c r="AE31729">
        <v>17</v>
      </c>
      <c r="AF31729">
        <v>18</v>
      </c>
      <c r="AG31729">
        <v>18</v>
      </c>
      <c r="AH31729">
        <v>19</v>
      </c>
      <c r="AI31729">
        <v>19</v>
      </c>
      <c r="AJ31729">
        <v>20</v>
      </c>
      <c r="AK31729">
        <v>20</v>
      </c>
      <c r="AL31729">
        <v>20</v>
      </c>
      <c r="AM31729">
        <v>21</v>
      </c>
      <c r="AN31729">
        <v>21</v>
      </c>
      <c r="AO31729">
        <v>21</v>
      </c>
      <c r="AP31729">
        <v>22</v>
      </c>
      <c r="AQ31729">
        <v>22</v>
      </c>
    </row>
    <row r="31730" spans="1:43">
      <c r="A31730" t="s">
        <v>19657</v>
      </c>
      <c r="B31730" t="s">
        <v>19658</v>
      </c>
      <c r="C31730" t="s">
        <v>19571</v>
      </c>
      <c r="D31730" t="s">
        <v>19572</v>
      </c>
      <c r="E31730" t="s">
        <v>19535</v>
      </c>
      <c r="F31730" t="s">
        <v>19536</v>
      </c>
      <c r="G31730" t="s">
        <v>10734</v>
      </c>
      <c r="H31730" t="s">
        <v>10735</v>
      </c>
      <c r="I31730" s="2">
        <v>0</v>
      </c>
      <c r="J31730" s="2">
        <v>0</v>
      </c>
      <c r="K31730" s="2">
        <v>1</v>
      </c>
      <c r="L31730" t="s">
        <v>995</v>
      </c>
      <c r="M31730" t="s">
        <v>83</v>
      </c>
      <c r="N31730" t="s">
        <v>84</v>
      </c>
      <c r="O31730" t="s">
        <v>85</v>
      </c>
      <c r="P31730" t="s">
        <v>86</v>
      </c>
      <c r="Q31730">
        <v>8</v>
      </c>
      <c r="R31730">
        <v>9</v>
      </c>
      <c r="S31730">
        <v>9</v>
      </c>
      <c r="T31730">
        <v>9</v>
      </c>
      <c r="U31730">
        <v>9</v>
      </c>
      <c r="V31730">
        <v>10</v>
      </c>
      <c r="W31730">
        <v>10</v>
      </c>
      <c r="X31730">
        <v>10</v>
      </c>
      <c r="Y31730">
        <v>10</v>
      </c>
      <c r="Z31730">
        <v>11</v>
      </c>
      <c r="AA31730">
        <v>11</v>
      </c>
      <c r="AB31730">
        <v>11</v>
      </c>
      <c r="AC31730">
        <v>12</v>
      </c>
      <c r="AD31730">
        <v>12</v>
      </c>
      <c r="AE31730">
        <v>12</v>
      </c>
      <c r="AF31730">
        <v>13</v>
      </c>
      <c r="AG31730">
        <v>13</v>
      </c>
      <c r="AH31730">
        <v>13</v>
      </c>
      <c r="AI31730">
        <v>14</v>
      </c>
      <c r="AJ31730">
        <v>14</v>
      </c>
      <c r="AK31730">
        <v>14</v>
      </c>
      <c r="AL31730">
        <v>14</v>
      </c>
      <c r="AM31730">
        <v>15</v>
      </c>
      <c r="AN31730">
        <v>15</v>
      </c>
      <c r="AO31730">
        <v>15</v>
      </c>
      <c r="AP31730">
        <v>15</v>
      </c>
      <c r="AQ31730">
        <v>16</v>
      </c>
    </row>
    <row r="31731" spans="1:43">
      <c r="A31731" t="s">
        <v>19657</v>
      </c>
      <c r="B31731" t="s">
        <v>19658</v>
      </c>
      <c r="C31731" t="s">
        <v>19571</v>
      </c>
      <c r="D31731" t="s">
        <v>19572</v>
      </c>
      <c r="E31731" t="s">
        <v>19535</v>
      </c>
      <c r="F31731" t="s">
        <v>19536</v>
      </c>
      <c r="G31731" t="s">
        <v>10734</v>
      </c>
      <c r="H31731" t="s">
        <v>10735</v>
      </c>
      <c r="I31731" s="2">
        <v>0</v>
      </c>
      <c r="J31731" s="2">
        <v>0</v>
      </c>
      <c r="K31731" s="2">
        <v>1</v>
      </c>
      <c r="L31731" t="s">
        <v>995</v>
      </c>
      <c r="M31731" t="s">
        <v>87</v>
      </c>
      <c r="N31731" t="s">
        <v>88</v>
      </c>
      <c r="O31731" t="s">
        <v>85</v>
      </c>
      <c r="P31731" t="s">
        <v>86</v>
      </c>
      <c r="Q31731">
        <v>8</v>
      </c>
      <c r="R31731">
        <v>9</v>
      </c>
      <c r="S31731">
        <v>9</v>
      </c>
      <c r="T31731">
        <v>9</v>
      </c>
      <c r="U31731">
        <v>9</v>
      </c>
      <c r="V31731">
        <v>9</v>
      </c>
      <c r="W31731">
        <v>9</v>
      </c>
      <c r="X31731">
        <v>10</v>
      </c>
      <c r="Y31731">
        <v>10</v>
      </c>
      <c r="Z31731">
        <v>10</v>
      </c>
      <c r="AA31731">
        <v>10</v>
      </c>
      <c r="AB31731">
        <v>10</v>
      </c>
      <c r="AC31731">
        <v>10</v>
      </c>
      <c r="AD31731">
        <v>11</v>
      </c>
      <c r="AE31731">
        <v>11</v>
      </c>
      <c r="AF31731">
        <v>11</v>
      </c>
      <c r="AG31731">
        <v>11</v>
      </c>
      <c r="AH31731">
        <v>11</v>
      </c>
      <c r="AI31731">
        <v>12</v>
      </c>
      <c r="AJ31731">
        <v>12</v>
      </c>
      <c r="AK31731">
        <v>12</v>
      </c>
      <c r="AL31731">
        <v>12</v>
      </c>
      <c r="AM31731">
        <v>13</v>
      </c>
      <c r="AN31731">
        <v>13</v>
      </c>
      <c r="AO31731">
        <v>13</v>
      </c>
      <c r="AP31731">
        <v>13</v>
      </c>
      <c r="AQ31731">
        <v>14</v>
      </c>
    </row>
    <row r="31732" spans="1:43">
      <c r="A31732" t="s">
        <v>19657</v>
      </c>
      <c r="B31732" t="s">
        <v>19658</v>
      </c>
      <c r="C31732" t="s">
        <v>19571</v>
      </c>
      <c r="D31732" t="s">
        <v>19572</v>
      </c>
      <c r="E31732" t="s">
        <v>19535</v>
      </c>
      <c r="F31732" t="s">
        <v>19536</v>
      </c>
      <c r="G31732" t="s">
        <v>10734</v>
      </c>
      <c r="H31732" t="s">
        <v>10735</v>
      </c>
      <c r="I31732" s="2">
        <v>0</v>
      </c>
      <c r="J31732" s="2">
        <v>0</v>
      </c>
      <c r="K31732" s="2">
        <v>1</v>
      </c>
      <c r="L31732" t="s">
        <v>995</v>
      </c>
      <c r="M31732" t="s">
        <v>89</v>
      </c>
      <c r="N31732" t="s">
        <v>90</v>
      </c>
      <c r="O31732" t="s">
        <v>85</v>
      </c>
      <c r="P31732" t="s">
        <v>86</v>
      </c>
      <c r="Q31732">
        <v>8</v>
      </c>
      <c r="R31732">
        <v>8</v>
      </c>
      <c r="S31732">
        <v>8</v>
      </c>
      <c r="T31732">
        <v>9</v>
      </c>
      <c r="U31732">
        <v>9</v>
      </c>
      <c r="V31732">
        <v>9</v>
      </c>
      <c r="W31732">
        <v>9</v>
      </c>
      <c r="X31732">
        <v>10</v>
      </c>
      <c r="Y31732">
        <v>10</v>
      </c>
      <c r="Z31732">
        <v>10</v>
      </c>
      <c r="AA31732">
        <v>11</v>
      </c>
      <c r="AB31732">
        <v>11</v>
      </c>
      <c r="AC31732">
        <v>11</v>
      </c>
      <c r="AD31732">
        <v>12</v>
      </c>
      <c r="AE31732">
        <v>12</v>
      </c>
      <c r="AF31732">
        <v>12</v>
      </c>
      <c r="AG31732">
        <v>13</v>
      </c>
      <c r="AH31732">
        <v>13</v>
      </c>
      <c r="AI31732">
        <v>13</v>
      </c>
      <c r="AJ31732">
        <v>13</v>
      </c>
      <c r="AK31732">
        <v>13</v>
      </c>
      <c r="AL31732">
        <v>14</v>
      </c>
      <c r="AM31732">
        <v>14</v>
      </c>
      <c r="AN31732">
        <v>14</v>
      </c>
      <c r="AO31732">
        <v>14</v>
      </c>
      <c r="AP31732">
        <v>15</v>
      </c>
      <c r="AQ31732">
        <v>15</v>
      </c>
    </row>
    <row r="31733" spans="1:43">
      <c r="A31733" t="s">
        <v>19657</v>
      </c>
      <c r="B31733" t="s">
        <v>19658</v>
      </c>
      <c r="C31733" t="s">
        <v>19571</v>
      </c>
      <c r="D31733" t="s">
        <v>19572</v>
      </c>
      <c r="E31733" t="s">
        <v>19535</v>
      </c>
      <c r="F31733" t="s">
        <v>19536</v>
      </c>
      <c r="G31733" t="s">
        <v>10734</v>
      </c>
      <c r="H31733" t="s">
        <v>10735</v>
      </c>
      <c r="I31733" s="2">
        <v>0</v>
      </c>
      <c r="J31733" s="2">
        <v>0</v>
      </c>
      <c r="K31733" s="2">
        <v>1</v>
      </c>
      <c r="L31733" t="s">
        <v>995</v>
      </c>
      <c r="M31733" t="s">
        <v>83</v>
      </c>
      <c r="N31733" t="s">
        <v>91</v>
      </c>
      <c r="O31733" t="s">
        <v>85</v>
      </c>
      <c r="P31733" t="s">
        <v>86</v>
      </c>
      <c r="Q31733">
        <v>8</v>
      </c>
      <c r="R31733">
        <v>9</v>
      </c>
      <c r="S31733">
        <v>9</v>
      </c>
      <c r="T31733">
        <v>9</v>
      </c>
      <c r="U31733">
        <v>9</v>
      </c>
      <c r="V31733">
        <v>10</v>
      </c>
      <c r="W31733">
        <v>10</v>
      </c>
      <c r="X31733">
        <v>10</v>
      </c>
      <c r="Y31733">
        <v>10</v>
      </c>
      <c r="Z31733">
        <v>11</v>
      </c>
      <c r="AA31733">
        <v>11</v>
      </c>
      <c r="AB31733">
        <v>11</v>
      </c>
      <c r="AC31733">
        <v>12</v>
      </c>
      <c r="AD31733">
        <v>12</v>
      </c>
      <c r="AE31733">
        <v>12</v>
      </c>
      <c r="AF31733">
        <v>13</v>
      </c>
      <c r="AG31733">
        <v>13</v>
      </c>
      <c r="AH31733">
        <v>13</v>
      </c>
      <c r="AI31733">
        <v>14</v>
      </c>
      <c r="AJ31733">
        <v>14</v>
      </c>
      <c r="AK31733">
        <v>14</v>
      </c>
      <c r="AL31733">
        <v>14</v>
      </c>
      <c r="AM31733">
        <v>15</v>
      </c>
      <c r="AN31733">
        <v>15</v>
      </c>
      <c r="AO31733">
        <v>15</v>
      </c>
      <c r="AP31733">
        <v>15</v>
      </c>
      <c r="AQ31733">
        <v>16</v>
      </c>
    </row>
    <row r="31734" spans="1:43">
      <c r="A31734" t="s">
        <v>19659</v>
      </c>
      <c r="B31734" t="s">
        <v>19660</v>
      </c>
      <c r="C31734" t="s">
        <v>19571</v>
      </c>
      <c r="D31734" t="s">
        <v>19572</v>
      </c>
      <c r="E31734" t="s">
        <v>19535</v>
      </c>
      <c r="F31734" t="s">
        <v>19536</v>
      </c>
      <c r="G31734" t="s">
        <v>10734</v>
      </c>
      <c r="H31734" t="s">
        <v>10735</v>
      </c>
      <c r="I31734" s="2">
        <v>0</v>
      </c>
      <c r="J31734" s="2">
        <v>0</v>
      </c>
      <c r="K31734" s="2">
        <v>1</v>
      </c>
      <c r="L31734" t="s">
        <v>995</v>
      </c>
      <c r="M31734" t="s">
        <v>83</v>
      </c>
      <c r="N31734" t="s">
        <v>84</v>
      </c>
      <c r="O31734" t="s">
        <v>85</v>
      </c>
      <c r="P31734" t="s">
        <v>86</v>
      </c>
      <c r="Q31734">
        <v>6</v>
      </c>
      <c r="R31734">
        <v>6</v>
      </c>
      <c r="S31734">
        <v>6</v>
      </c>
      <c r="T31734">
        <v>6</v>
      </c>
      <c r="U31734">
        <v>6</v>
      </c>
      <c r="V31734">
        <v>7</v>
      </c>
      <c r="W31734">
        <v>7</v>
      </c>
      <c r="X31734">
        <v>7</v>
      </c>
      <c r="Y31734">
        <v>7</v>
      </c>
      <c r="Z31734">
        <v>7</v>
      </c>
      <c r="AA31734">
        <v>8</v>
      </c>
      <c r="AB31734">
        <v>8</v>
      </c>
      <c r="AC31734">
        <v>8</v>
      </c>
      <c r="AD31734">
        <v>8</v>
      </c>
      <c r="AE31734">
        <v>8</v>
      </c>
      <c r="AF31734">
        <v>9</v>
      </c>
      <c r="AG31734">
        <v>9</v>
      </c>
      <c r="AH31734">
        <v>9</v>
      </c>
      <c r="AI31734">
        <v>9</v>
      </c>
      <c r="AJ31734">
        <v>9</v>
      </c>
      <c r="AK31734">
        <v>10</v>
      </c>
      <c r="AL31734">
        <v>10</v>
      </c>
      <c r="AM31734">
        <v>10</v>
      </c>
      <c r="AN31734">
        <v>10</v>
      </c>
      <c r="AO31734">
        <v>10</v>
      </c>
      <c r="AP31734">
        <v>11</v>
      </c>
      <c r="AQ31734">
        <v>11</v>
      </c>
    </row>
    <row r="31735" spans="1:43">
      <c r="A31735" t="s">
        <v>19659</v>
      </c>
      <c r="B31735" t="s">
        <v>19660</v>
      </c>
      <c r="C31735" t="s">
        <v>19571</v>
      </c>
      <c r="D31735" t="s">
        <v>19572</v>
      </c>
      <c r="E31735" t="s">
        <v>19535</v>
      </c>
      <c r="F31735" t="s">
        <v>19536</v>
      </c>
      <c r="G31735" t="s">
        <v>10734</v>
      </c>
      <c r="H31735" t="s">
        <v>10735</v>
      </c>
      <c r="I31735" s="2">
        <v>0</v>
      </c>
      <c r="J31735" s="2">
        <v>0</v>
      </c>
      <c r="K31735" s="2">
        <v>1</v>
      </c>
      <c r="L31735" t="s">
        <v>995</v>
      </c>
      <c r="M31735" t="s">
        <v>87</v>
      </c>
      <c r="N31735" t="s">
        <v>88</v>
      </c>
      <c r="O31735" t="s">
        <v>85</v>
      </c>
      <c r="P31735" t="s">
        <v>86</v>
      </c>
      <c r="Q31735">
        <v>6</v>
      </c>
      <c r="R31735">
        <v>6</v>
      </c>
      <c r="S31735">
        <v>6</v>
      </c>
      <c r="T31735">
        <v>6</v>
      </c>
      <c r="U31735">
        <v>6</v>
      </c>
      <c r="V31735">
        <v>6</v>
      </c>
      <c r="W31735">
        <v>6</v>
      </c>
      <c r="X31735">
        <v>7</v>
      </c>
      <c r="Y31735">
        <v>7</v>
      </c>
      <c r="Z31735">
        <v>7</v>
      </c>
      <c r="AA31735">
        <v>7</v>
      </c>
      <c r="AB31735">
        <v>7</v>
      </c>
      <c r="AC31735">
        <v>7</v>
      </c>
      <c r="AD31735">
        <v>7</v>
      </c>
      <c r="AE31735">
        <v>7</v>
      </c>
      <c r="AF31735">
        <v>8</v>
      </c>
      <c r="AG31735">
        <v>8</v>
      </c>
      <c r="AH31735">
        <v>8</v>
      </c>
      <c r="AI31735">
        <v>8</v>
      </c>
      <c r="AJ31735">
        <v>8</v>
      </c>
      <c r="AK31735">
        <v>8</v>
      </c>
      <c r="AL31735">
        <v>8</v>
      </c>
      <c r="AM31735">
        <v>9</v>
      </c>
      <c r="AN31735">
        <v>9</v>
      </c>
      <c r="AO31735">
        <v>9</v>
      </c>
      <c r="AP31735">
        <v>9</v>
      </c>
      <c r="AQ31735">
        <v>9</v>
      </c>
    </row>
    <row r="31736" spans="1:43">
      <c r="A31736" t="s">
        <v>19659</v>
      </c>
      <c r="B31736" t="s">
        <v>19660</v>
      </c>
      <c r="C31736" t="s">
        <v>19571</v>
      </c>
      <c r="D31736" t="s">
        <v>19572</v>
      </c>
      <c r="E31736" t="s">
        <v>19535</v>
      </c>
      <c r="F31736" t="s">
        <v>19536</v>
      </c>
      <c r="G31736" t="s">
        <v>10734</v>
      </c>
      <c r="H31736" t="s">
        <v>10735</v>
      </c>
      <c r="I31736" s="2">
        <v>0</v>
      </c>
      <c r="J31736" s="2">
        <v>0</v>
      </c>
      <c r="K31736" s="2">
        <v>1</v>
      </c>
      <c r="L31736" t="s">
        <v>995</v>
      </c>
      <c r="M31736" t="s">
        <v>89</v>
      </c>
      <c r="N31736" t="s">
        <v>90</v>
      </c>
      <c r="O31736" t="s">
        <v>85</v>
      </c>
      <c r="P31736" t="s">
        <v>86</v>
      </c>
      <c r="Q31736">
        <v>6</v>
      </c>
      <c r="R31736">
        <v>6</v>
      </c>
      <c r="S31736">
        <v>6</v>
      </c>
      <c r="T31736">
        <v>6</v>
      </c>
      <c r="U31736">
        <v>7</v>
      </c>
      <c r="V31736">
        <v>7</v>
      </c>
      <c r="W31736">
        <v>7</v>
      </c>
      <c r="X31736">
        <v>7</v>
      </c>
      <c r="Y31736">
        <v>8</v>
      </c>
      <c r="Z31736">
        <v>8</v>
      </c>
      <c r="AA31736">
        <v>8</v>
      </c>
      <c r="AB31736">
        <v>8</v>
      </c>
      <c r="AC31736">
        <v>9</v>
      </c>
      <c r="AD31736">
        <v>9</v>
      </c>
      <c r="AE31736">
        <v>9</v>
      </c>
      <c r="AF31736">
        <v>9</v>
      </c>
      <c r="AG31736">
        <v>9</v>
      </c>
      <c r="AH31736">
        <v>9</v>
      </c>
      <c r="AI31736">
        <v>10</v>
      </c>
      <c r="AJ31736">
        <v>10</v>
      </c>
      <c r="AK31736">
        <v>10</v>
      </c>
      <c r="AL31736">
        <v>10</v>
      </c>
      <c r="AM31736">
        <v>10</v>
      </c>
      <c r="AN31736">
        <v>10</v>
      </c>
      <c r="AO31736">
        <v>10</v>
      </c>
      <c r="AP31736">
        <v>11</v>
      </c>
      <c r="AQ31736">
        <v>11</v>
      </c>
    </row>
    <row r="31737" spans="1:43">
      <c r="A31737" t="s">
        <v>19659</v>
      </c>
      <c r="B31737" t="s">
        <v>19660</v>
      </c>
      <c r="C31737" t="s">
        <v>19571</v>
      </c>
      <c r="D31737" t="s">
        <v>19572</v>
      </c>
      <c r="E31737" t="s">
        <v>19535</v>
      </c>
      <c r="F31737" t="s">
        <v>19536</v>
      </c>
      <c r="G31737" t="s">
        <v>10734</v>
      </c>
      <c r="H31737" t="s">
        <v>10735</v>
      </c>
      <c r="I31737" s="2">
        <v>0</v>
      </c>
      <c r="J31737" s="2">
        <v>0</v>
      </c>
      <c r="K31737" s="2">
        <v>1</v>
      </c>
      <c r="L31737" t="s">
        <v>995</v>
      </c>
      <c r="M31737" t="s">
        <v>83</v>
      </c>
      <c r="N31737" t="s">
        <v>91</v>
      </c>
      <c r="O31737" t="s">
        <v>85</v>
      </c>
      <c r="P31737" t="s">
        <v>86</v>
      </c>
      <c r="Q31737">
        <v>6</v>
      </c>
      <c r="R31737">
        <v>6</v>
      </c>
      <c r="S31737">
        <v>6</v>
      </c>
      <c r="T31737">
        <v>6</v>
      </c>
      <c r="U31737">
        <v>6</v>
      </c>
      <c r="V31737">
        <v>7</v>
      </c>
      <c r="W31737">
        <v>7</v>
      </c>
      <c r="X31737">
        <v>7</v>
      </c>
      <c r="Y31737">
        <v>7</v>
      </c>
      <c r="Z31737">
        <v>7</v>
      </c>
      <c r="AA31737">
        <v>8</v>
      </c>
      <c r="AB31737">
        <v>8</v>
      </c>
      <c r="AC31737">
        <v>8</v>
      </c>
      <c r="AD31737">
        <v>8</v>
      </c>
      <c r="AE31737">
        <v>8</v>
      </c>
      <c r="AF31737">
        <v>9</v>
      </c>
      <c r="AG31737">
        <v>9</v>
      </c>
      <c r="AH31737">
        <v>9</v>
      </c>
      <c r="AI31737">
        <v>9</v>
      </c>
      <c r="AJ31737">
        <v>9</v>
      </c>
      <c r="AK31737">
        <v>10</v>
      </c>
      <c r="AL31737">
        <v>10</v>
      </c>
      <c r="AM31737">
        <v>10</v>
      </c>
      <c r="AN31737">
        <v>10</v>
      </c>
      <c r="AO31737">
        <v>10</v>
      </c>
      <c r="AP31737">
        <v>11</v>
      </c>
      <c r="AQ31737">
        <v>11</v>
      </c>
    </row>
    <row r="31738" spans="1:43">
      <c r="A31738" t="s">
        <v>19661</v>
      </c>
      <c r="B31738" t="s">
        <v>19662</v>
      </c>
      <c r="C31738" t="s">
        <v>19571</v>
      </c>
      <c r="D31738" t="s">
        <v>19572</v>
      </c>
      <c r="E31738" t="s">
        <v>19535</v>
      </c>
      <c r="F31738" t="s">
        <v>19536</v>
      </c>
      <c r="G31738" t="s">
        <v>10734</v>
      </c>
      <c r="H31738" t="s">
        <v>10735</v>
      </c>
      <c r="I31738" s="2">
        <v>0</v>
      </c>
      <c r="J31738" s="2">
        <v>0</v>
      </c>
      <c r="K31738" s="2">
        <v>1</v>
      </c>
      <c r="L31738" t="s">
        <v>995</v>
      </c>
      <c r="M31738" t="s">
        <v>83</v>
      </c>
      <c r="N31738" t="s">
        <v>84</v>
      </c>
      <c r="O31738" t="s">
        <v>85</v>
      </c>
      <c r="P31738" t="s">
        <v>86</v>
      </c>
      <c r="Q31738">
        <v>10</v>
      </c>
      <c r="R31738">
        <v>10</v>
      </c>
      <c r="S31738">
        <v>10</v>
      </c>
      <c r="T31738">
        <v>11</v>
      </c>
      <c r="U31738">
        <v>11</v>
      </c>
      <c r="V31738">
        <v>11</v>
      </c>
      <c r="W31738">
        <v>12</v>
      </c>
      <c r="X31738">
        <v>12</v>
      </c>
      <c r="Y31738">
        <v>12</v>
      </c>
      <c r="Z31738">
        <v>12</v>
      </c>
      <c r="AA31738">
        <v>13</v>
      </c>
      <c r="AB31738">
        <v>13</v>
      </c>
      <c r="AC31738">
        <v>13</v>
      </c>
      <c r="AD31738">
        <v>14</v>
      </c>
      <c r="AE31738">
        <v>14</v>
      </c>
      <c r="AF31738">
        <v>15</v>
      </c>
      <c r="AG31738">
        <v>15</v>
      </c>
      <c r="AH31738">
        <v>15</v>
      </c>
      <c r="AI31738">
        <v>16</v>
      </c>
      <c r="AJ31738">
        <v>16</v>
      </c>
      <c r="AK31738">
        <v>16</v>
      </c>
      <c r="AL31738">
        <v>17</v>
      </c>
      <c r="AM31738">
        <v>17</v>
      </c>
      <c r="AN31738">
        <v>17</v>
      </c>
      <c r="AO31738">
        <v>18</v>
      </c>
      <c r="AP31738">
        <v>18</v>
      </c>
      <c r="AQ31738">
        <v>18</v>
      </c>
    </row>
    <row r="31739" spans="1:43">
      <c r="A31739" t="s">
        <v>19661</v>
      </c>
      <c r="B31739" t="s">
        <v>19662</v>
      </c>
      <c r="C31739" t="s">
        <v>19571</v>
      </c>
      <c r="D31739" t="s">
        <v>19572</v>
      </c>
      <c r="E31739" t="s">
        <v>19535</v>
      </c>
      <c r="F31739" t="s">
        <v>19536</v>
      </c>
      <c r="G31739" t="s">
        <v>10734</v>
      </c>
      <c r="H31739" t="s">
        <v>10735</v>
      </c>
      <c r="I31739" s="2">
        <v>0</v>
      </c>
      <c r="J31739" s="2">
        <v>0</v>
      </c>
      <c r="K31739" s="2">
        <v>1</v>
      </c>
      <c r="L31739" t="s">
        <v>995</v>
      </c>
      <c r="M31739" t="s">
        <v>87</v>
      </c>
      <c r="N31739" t="s">
        <v>88</v>
      </c>
      <c r="O31739" t="s">
        <v>85</v>
      </c>
      <c r="P31739" t="s">
        <v>86</v>
      </c>
      <c r="Q31739">
        <v>10</v>
      </c>
      <c r="R31739">
        <v>10</v>
      </c>
      <c r="S31739">
        <v>10</v>
      </c>
      <c r="T31739">
        <v>10</v>
      </c>
      <c r="U31739">
        <v>10</v>
      </c>
      <c r="V31739">
        <v>11</v>
      </c>
      <c r="W31739">
        <v>11</v>
      </c>
      <c r="X31739">
        <v>11</v>
      </c>
      <c r="Y31739">
        <v>11</v>
      </c>
      <c r="Z31739">
        <v>11</v>
      </c>
      <c r="AA31739">
        <v>12</v>
      </c>
      <c r="AB31739">
        <v>12</v>
      </c>
      <c r="AC31739">
        <v>12</v>
      </c>
      <c r="AD31739">
        <v>12</v>
      </c>
      <c r="AE31739">
        <v>13</v>
      </c>
      <c r="AF31739">
        <v>13</v>
      </c>
      <c r="AG31739">
        <v>13</v>
      </c>
      <c r="AH31739">
        <v>13</v>
      </c>
      <c r="AI31739">
        <v>13</v>
      </c>
      <c r="AJ31739">
        <v>14</v>
      </c>
      <c r="AK31739">
        <v>14</v>
      </c>
      <c r="AL31739">
        <v>14</v>
      </c>
      <c r="AM31739">
        <v>15</v>
      </c>
      <c r="AN31739">
        <v>15</v>
      </c>
      <c r="AO31739">
        <v>15</v>
      </c>
      <c r="AP31739">
        <v>15</v>
      </c>
      <c r="AQ31739">
        <v>16</v>
      </c>
    </row>
    <row r="31740" spans="1:43">
      <c r="A31740" t="s">
        <v>19661</v>
      </c>
      <c r="B31740" t="s">
        <v>19662</v>
      </c>
      <c r="C31740" t="s">
        <v>19571</v>
      </c>
      <c r="D31740" t="s">
        <v>19572</v>
      </c>
      <c r="E31740" t="s">
        <v>19535</v>
      </c>
      <c r="F31740" t="s">
        <v>19536</v>
      </c>
      <c r="G31740" t="s">
        <v>10734</v>
      </c>
      <c r="H31740" t="s">
        <v>10735</v>
      </c>
      <c r="I31740" s="2">
        <v>0</v>
      </c>
      <c r="J31740" s="2">
        <v>0</v>
      </c>
      <c r="K31740" s="2">
        <v>1</v>
      </c>
      <c r="L31740" t="s">
        <v>995</v>
      </c>
      <c r="M31740" t="s">
        <v>89</v>
      </c>
      <c r="N31740" t="s">
        <v>90</v>
      </c>
      <c r="O31740" t="s">
        <v>85</v>
      </c>
      <c r="P31740" t="s">
        <v>86</v>
      </c>
      <c r="Q31740">
        <v>10</v>
      </c>
      <c r="R31740">
        <v>10</v>
      </c>
      <c r="S31740">
        <v>11</v>
      </c>
      <c r="T31740">
        <v>11</v>
      </c>
      <c r="U31740">
        <v>11</v>
      </c>
      <c r="V31740">
        <v>12</v>
      </c>
      <c r="W31740">
        <v>12</v>
      </c>
      <c r="X31740">
        <v>13</v>
      </c>
      <c r="Y31740">
        <v>13</v>
      </c>
      <c r="Z31740">
        <v>13</v>
      </c>
      <c r="AA31740">
        <v>14</v>
      </c>
      <c r="AB31740">
        <v>14</v>
      </c>
      <c r="AC31740">
        <v>14</v>
      </c>
      <c r="AD31740">
        <v>15</v>
      </c>
      <c r="AE31740">
        <v>15</v>
      </c>
      <c r="AF31740">
        <v>15</v>
      </c>
      <c r="AG31740">
        <v>16</v>
      </c>
      <c r="AH31740">
        <v>16</v>
      </c>
      <c r="AI31740">
        <v>16</v>
      </c>
      <c r="AJ31740">
        <v>16</v>
      </c>
      <c r="AK31740">
        <v>17</v>
      </c>
      <c r="AL31740">
        <v>17</v>
      </c>
      <c r="AM31740">
        <v>17</v>
      </c>
      <c r="AN31740">
        <v>17</v>
      </c>
      <c r="AO31740">
        <v>18</v>
      </c>
      <c r="AP31740">
        <v>18</v>
      </c>
      <c r="AQ31740">
        <v>18</v>
      </c>
    </row>
    <row r="31741" spans="1:43">
      <c r="A31741" t="s">
        <v>19661</v>
      </c>
      <c r="B31741" t="s">
        <v>19662</v>
      </c>
      <c r="C31741" t="s">
        <v>19571</v>
      </c>
      <c r="D31741" t="s">
        <v>19572</v>
      </c>
      <c r="E31741" t="s">
        <v>19535</v>
      </c>
      <c r="F31741" t="s">
        <v>19536</v>
      </c>
      <c r="G31741" t="s">
        <v>10734</v>
      </c>
      <c r="H31741" t="s">
        <v>10735</v>
      </c>
      <c r="I31741" s="2">
        <v>0</v>
      </c>
      <c r="J31741" s="2">
        <v>0</v>
      </c>
      <c r="K31741" s="2">
        <v>1</v>
      </c>
      <c r="L31741" t="s">
        <v>995</v>
      </c>
      <c r="M31741" t="s">
        <v>83</v>
      </c>
      <c r="N31741" t="s">
        <v>91</v>
      </c>
      <c r="O31741" t="s">
        <v>85</v>
      </c>
      <c r="P31741" t="s">
        <v>86</v>
      </c>
      <c r="Q31741">
        <v>10</v>
      </c>
      <c r="R31741">
        <v>10</v>
      </c>
      <c r="S31741">
        <v>10</v>
      </c>
      <c r="T31741">
        <v>11</v>
      </c>
      <c r="U31741">
        <v>11</v>
      </c>
      <c r="V31741">
        <v>11</v>
      </c>
      <c r="W31741">
        <v>12</v>
      </c>
      <c r="X31741">
        <v>12</v>
      </c>
      <c r="Y31741">
        <v>12</v>
      </c>
      <c r="Z31741">
        <v>12</v>
      </c>
      <c r="AA31741">
        <v>13</v>
      </c>
      <c r="AB31741">
        <v>13</v>
      </c>
      <c r="AC31741">
        <v>13</v>
      </c>
      <c r="AD31741">
        <v>14</v>
      </c>
      <c r="AE31741">
        <v>14</v>
      </c>
      <c r="AF31741">
        <v>15</v>
      </c>
      <c r="AG31741">
        <v>15</v>
      </c>
      <c r="AH31741">
        <v>15</v>
      </c>
      <c r="AI31741">
        <v>16</v>
      </c>
      <c r="AJ31741">
        <v>16</v>
      </c>
      <c r="AK31741">
        <v>16</v>
      </c>
      <c r="AL31741">
        <v>17</v>
      </c>
      <c r="AM31741">
        <v>17</v>
      </c>
      <c r="AN31741">
        <v>17</v>
      </c>
      <c r="AO31741">
        <v>18</v>
      </c>
      <c r="AP31741">
        <v>18</v>
      </c>
      <c r="AQ31741">
        <v>18</v>
      </c>
    </row>
    <row r="31742" spans="1:43">
      <c r="A31742" t="s">
        <v>19663</v>
      </c>
      <c r="B31742" t="s">
        <v>19664</v>
      </c>
      <c r="C31742" t="s">
        <v>19665</v>
      </c>
      <c r="D31742" t="s">
        <v>19666</v>
      </c>
      <c r="E31742" t="s">
        <v>19535</v>
      </c>
      <c r="F31742" t="s">
        <v>19536</v>
      </c>
      <c r="G31742" t="s">
        <v>10734</v>
      </c>
      <c r="H31742" t="s">
        <v>10735</v>
      </c>
      <c r="I31742" s="2">
        <v>0</v>
      </c>
      <c r="J31742" s="2">
        <v>0</v>
      </c>
      <c r="K31742" s="2">
        <v>1</v>
      </c>
      <c r="L31742" t="s">
        <v>995</v>
      </c>
      <c r="M31742" t="s">
        <v>83</v>
      </c>
      <c r="N31742" t="s">
        <v>84</v>
      </c>
      <c r="O31742" t="s">
        <v>85</v>
      </c>
      <c r="P31742" t="s">
        <v>86</v>
      </c>
      <c r="Q31742">
        <v>15</v>
      </c>
      <c r="R31742">
        <v>15</v>
      </c>
      <c r="S31742">
        <v>16</v>
      </c>
      <c r="T31742">
        <v>16</v>
      </c>
      <c r="U31742">
        <v>17</v>
      </c>
      <c r="V31742">
        <v>17</v>
      </c>
      <c r="W31742">
        <v>18</v>
      </c>
      <c r="X31742">
        <v>18</v>
      </c>
      <c r="Y31742">
        <v>19</v>
      </c>
      <c r="Z31742">
        <v>19</v>
      </c>
      <c r="AA31742">
        <v>19</v>
      </c>
      <c r="AB31742">
        <v>20</v>
      </c>
      <c r="AC31742">
        <v>20</v>
      </c>
      <c r="AD31742">
        <v>21</v>
      </c>
      <c r="AE31742">
        <v>22</v>
      </c>
      <c r="AF31742">
        <v>22</v>
      </c>
      <c r="AG31742">
        <v>23</v>
      </c>
      <c r="AH31742">
        <v>23</v>
      </c>
      <c r="AI31742">
        <v>24</v>
      </c>
      <c r="AJ31742">
        <v>24</v>
      </c>
      <c r="AK31742">
        <v>25</v>
      </c>
      <c r="AL31742">
        <v>25</v>
      </c>
      <c r="AM31742">
        <v>26</v>
      </c>
      <c r="AN31742">
        <v>26</v>
      </c>
      <c r="AO31742">
        <v>27</v>
      </c>
      <c r="AP31742">
        <v>27</v>
      </c>
      <c r="AQ31742">
        <v>28</v>
      </c>
    </row>
    <row r="31743" spans="1:43">
      <c r="A31743" t="s">
        <v>19663</v>
      </c>
      <c r="B31743" t="s">
        <v>19664</v>
      </c>
      <c r="C31743" t="s">
        <v>19665</v>
      </c>
      <c r="D31743" t="s">
        <v>19666</v>
      </c>
      <c r="E31743" t="s">
        <v>19535</v>
      </c>
      <c r="F31743" t="s">
        <v>19536</v>
      </c>
      <c r="G31743" t="s">
        <v>10734</v>
      </c>
      <c r="H31743" t="s">
        <v>10735</v>
      </c>
      <c r="I31743" s="2">
        <v>0</v>
      </c>
      <c r="J31743" s="2">
        <v>0</v>
      </c>
      <c r="K31743" s="2">
        <v>1</v>
      </c>
      <c r="L31743" t="s">
        <v>995</v>
      </c>
      <c r="M31743" t="s">
        <v>87</v>
      </c>
      <c r="N31743" t="s">
        <v>88</v>
      </c>
      <c r="O31743" t="s">
        <v>85</v>
      </c>
      <c r="P31743" t="s">
        <v>86</v>
      </c>
      <c r="Q31743">
        <v>15</v>
      </c>
      <c r="R31743">
        <v>15</v>
      </c>
      <c r="S31743">
        <v>15</v>
      </c>
      <c r="T31743">
        <v>16</v>
      </c>
      <c r="U31743">
        <v>16</v>
      </c>
      <c r="V31743">
        <v>16</v>
      </c>
      <c r="W31743">
        <v>16</v>
      </c>
      <c r="X31743">
        <v>17</v>
      </c>
      <c r="Y31743">
        <v>17</v>
      </c>
      <c r="Z31743">
        <v>17</v>
      </c>
      <c r="AA31743">
        <v>18</v>
      </c>
      <c r="AB31743">
        <v>18</v>
      </c>
      <c r="AC31743">
        <v>18</v>
      </c>
      <c r="AD31743">
        <v>19</v>
      </c>
      <c r="AE31743">
        <v>19</v>
      </c>
      <c r="AF31743">
        <v>19</v>
      </c>
      <c r="AG31743">
        <v>20</v>
      </c>
      <c r="AH31743">
        <v>20</v>
      </c>
      <c r="AI31743">
        <v>21</v>
      </c>
      <c r="AJ31743">
        <v>21</v>
      </c>
      <c r="AK31743">
        <v>21</v>
      </c>
      <c r="AL31743">
        <v>22</v>
      </c>
      <c r="AM31743">
        <v>22</v>
      </c>
      <c r="AN31743">
        <v>23</v>
      </c>
      <c r="AO31743">
        <v>23</v>
      </c>
      <c r="AP31743">
        <v>24</v>
      </c>
      <c r="AQ31743">
        <v>24</v>
      </c>
    </row>
    <row r="31744" spans="1:43">
      <c r="A31744" t="s">
        <v>19663</v>
      </c>
      <c r="B31744" t="s">
        <v>19664</v>
      </c>
      <c r="C31744" t="s">
        <v>19665</v>
      </c>
      <c r="D31744" t="s">
        <v>19666</v>
      </c>
      <c r="E31744" t="s">
        <v>19535</v>
      </c>
      <c r="F31744" t="s">
        <v>19536</v>
      </c>
      <c r="G31744" t="s">
        <v>10734</v>
      </c>
      <c r="H31744" t="s">
        <v>10735</v>
      </c>
      <c r="I31744" s="2">
        <v>0</v>
      </c>
      <c r="J31744" s="2">
        <v>0</v>
      </c>
      <c r="K31744" s="2">
        <v>1</v>
      </c>
      <c r="L31744" t="s">
        <v>995</v>
      </c>
      <c r="M31744" t="s">
        <v>89</v>
      </c>
      <c r="N31744" t="s">
        <v>90</v>
      </c>
      <c r="O31744" t="s">
        <v>85</v>
      </c>
      <c r="P31744" t="s">
        <v>86</v>
      </c>
      <c r="Q31744">
        <v>15</v>
      </c>
      <c r="R31744">
        <v>16</v>
      </c>
      <c r="S31744">
        <v>16</v>
      </c>
      <c r="T31744">
        <v>17</v>
      </c>
      <c r="U31744">
        <v>17</v>
      </c>
      <c r="V31744">
        <v>18</v>
      </c>
      <c r="W31744">
        <v>18</v>
      </c>
      <c r="X31744">
        <v>19</v>
      </c>
      <c r="Y31744">
        <v>20</v>
      </c>
      <c r="Z31744">
        <v>20</v>
      </c>
      <c r="AA31744">
        <v>21</v>
      </c>
      <c r="AB31744">
        <v>21</v>
      </c>
      <c r="AC31744">
        <v>22</v>
      </c>
      <c r="AD31744">
        <v>23</v>
      </c>
      <c r="AE31744">
        <v>23</v>
      </c>
      <c r="AF31744">
        <v>23</v>
      </c>
      <c r="AG31744">
        <v>24</v>
      </c>
      <c r="AH31744">
        <v>24</v>
      </c>
      <c r="AI31744">
        <v>25</v>
      </c>
      <c r="AJ31744">
        <v>25</v>
      </c>
      <c r="AK31744">
        <v>25</v>
      </c>
      <c r="AL31744">
        <v>26</v>
      </c>
      <c r="AM31744">
        <v>26</v>
      </c>
      <c r="AN31744">
        <v>27</v>
      </c>
      <c r="AO31744">
        <v>27</v>
      </c>
      <c r="AP31744">
        <v>27</v>
      </c>
      <c r="AQ31744">
        <v>28</v>
      </c>
    </row>
    <row r="31745" spans="1:43">
      <c r="A31745" t="s">
        <v>19663</v>
      </c>
      <c r="B31745" t="s">
        <v>19664</v>
      </c>
      <c r="C31745" t="s">
        <v>19665</v>
      </c>
      <c r="D31745" t="s">
        <v>19666</v>
      </c>
      <c r="E31745" t="s">
        <v>19535</v>
      </c>
      <c r="F31745" t="s">
        <v>19536</v>
      </c>
      <c r="G31745" t="s">
        <v>10734</v>
      </c>
      <c r="H31745" t="s">
        <v>10735</v>
      </c>
      <c r="I31745" s="2">
        <v>0</v>
      </c>
      <c r="J31745" s="2">
        <v>0</v>
      </c>
      <c r="K31745" s="2">
        <v>1</v>
      </c>
      <c r="L31745" t="s">
        <v>995</v>
      </c>
      <c r="M31745" t="s">
        <v>83</v>
      </c>
      <c r="N31745" t="s">
        <v>91</v>
      </c>
      <c r="O31745" t="s">
        <v>85</v>
      </c>
      <c r="P31745" t="s">
        <v>86</v>
      </c>
      <c r="Q31745">
        <v>15</v>
      </c>
      <c r="R31745">
        <v>15</v>
      </c>
      <c r="S31745">
        <v>16</v>
      </c>
      <c r="T31745">
        <v>16</v>
      </c>
      <c r="U31745">
        <v>17</v>
      </c>
      <c r="V31745">
        <v>17</v>
      </c>
      <c r="W31745">
        <v>18</v>
      </c>
      <c r="X31745">
        <v>18</v>
      </c>
      <c r="Y31745">
        <v>19</v>
      </c>
      <c r="Z31745">
        <v>19</v>
      </c>
      <c r="AA31745">
        <v>19</v>
      </c>
      <c r="AB31745">
        <v>20</v>
      </c>
      <c r="AC31745">
        <v>20</v>
      </c>
      <c r="AD31745">
        <v>21</v>
      </c>
      <c r="AE31745">
        <v>22</v>
      </c>
      <c r="AF31745">
        <v>22</v>
      </c>
      <c r="AG31745">
        <v>23</v>
      </c>
      <c r="AH31745">
        <v>23</v>
      </c>
      <c r="AI31745">
        <v>24</v>
      </c>
      <c r="AJ31745">
        <v>24</v>
      </c>
      <c r="AK31745">
        <v>25</v>
      </c>
      <c r="AL31745">
        <v>25</v>
      </c>
      <c r="AM31745">
        <v>26</v>
      </c>
      <c r="AN31745">
        <v>26</v>
      </c>
      <c r="AO31745">
        <v>27</v>
      </c>
      <c r="AP31745">
        <v>27</v>
      </c>
      <c r="AQ31745">
        <v>28</v>
      </c>
    </row>
    <row r="31746" spans="1:43">
      <c r="A31746" t="s">
        <v>19667</v>
      </c>
      <c r="B31746" t="s">
        <v>19668</v>
      </c>
      <c r="C31746" t="s">
        <v>19557</v>
      </c>
      <c r="D31746" t="s">
        <v>19558</v>
      </c>
      <c r="E31746" t="s">
        <v>19535</v>
      </c>
      <c r="F31746" t="s">
        <v>19536</v>
      </c>
      <c r="G31746" t="s">
        <v>10734</v>
      </c>
      <c r="H31746" t="s">
        <v>10735</v>
      </c>
      <c r="I31746" s="2">
        <v>0</v>
      </c>
      <c r="J31746" s="2">
        <v>0</v>
      </c>
      <c r="K31746" s="2">
        <v>1</v>
      </c>
      <c r="L31746" t="s">
        <v>995</v>
      </c>
      <c r="M31746" t="s">
        <v>83</v>
      </c>
      <c r="N31746" t="s">
        <v>84</v>
      </c>
      <c r="O31746" t="s">
        <v>85</v>
      </c>
      <c r="P31746" t="s">
        <v>86</v>
      </c>
      <c r="Q31746">
        <v>163</v>
      </c>
      <c r="R31746">
        <v>167</v>
      </c>
      <c r="S31746">
        <v>172</v>
      </c>
      <c r="T31746">
        <v>177</v>
      </c>
      <c r="U31746">
        <v>182</v>
      </c>
      <c r="V31746">
        <v>187</v>
      </c>
      <c r="W31746">
        <v>192</v>
      </c>
      <c r="X31746">
        <v>197</v>
      </c>
      <c r="Y31746">
        <v>202</v>
      </c>
      <c r="Z31746">
        <v>207</v>
      </c>
      <c r="AA31746">
        <v>213</v>
      </c>
      <c r="AB31746">
        <v>218</v>
      </c>
      <c r="AC31746">
        <v>224</v>
      </c>
      <c r="AD31746">
        <v>229</v>
      </c>
      <c r="AE31746">
        <v>235</v>
      </c>
      <c r="AF31746">
        <v>241</v>
      </c>
      <c r="AG31746">
        <v>247</v>
      </c>
      <c r="AH31746">
        <v>253</v>
      </c>
      <c r="AI31746">
        <v>260</v>
      </c>
      <c r="AJ31746">
        <v>266</v>
      </c>
      <c r="AK31746">
        <v>273</v>
      </c>
      <c r="AL31746">
        <v>278</v>
      </c>
      <c r="AM31746">
        <v>283</v>
      </c>
      <c r="AN31746">
        <v>287</v>
      </c>
      <c r="AO31746">
        <v>292</v>
      </c>
      <c r="AP31746">
        <v>297</v>
      </c>
      <c r="AQ31746">
        <v>302</v>
      </c>
    </row>
    <row r="31747" spans="1:43">
      <c r="A31747" t="s">
        <v>19667</v>
      </c>
      <c r="B31747" t="s">
        <v>19668</v>
      </c>
      <c r="C31747" t="s">
        <v>19557</v>
      </c>
      <c r="D31747" t="s">
        <v>19558</v>
      </c>
      <c r="E31747" t="s">
        <v>19535</v>
      </c>
      <c r="F31747" t="s">
        <v>19536</v>
      </c>
      <c r="G31747" t="s">
        <v>10734</v>
      </c>
      <c r="H31747" t="s">
        <v>10735</v>
      </c>
      <c r="I31747" s="2">
        <v>0</v>
      </c>
      <c r="J31747" s="2">
        <v>0</v>
      </c>
      <c r="K31747" s="2">
        <v>1</v>
      </c>
      <c r="L31747" t="s">
        <v>995</v>
      </c>
      <c r="M31747" t="s">
        <v>87</v>
      </c>
      <c r="N31747" t="s">
        <v>88</v>
      </c>
      <c r="O31747" t="s">
        <v>85</v>
      </c>
      <c r="P31747" t="s">
        <v>86</v>
      </c>
      <c r="Q31747">
        <v>163</v>
      </c>
      <c r="R31747">
        <v>166</v>
      </c>
      <c r="S31747">
        <v>169</v>
      </c>
      <c r="T31747">
        <v>173</v>
      </c>
      <c r="U31747">
        <v>176</v>
      </c>
      <c r="V31747">
        <v>179</v>
      </c>
      <c r="W31747">
        <v>182</v>
      </c>
      <c r="X31747">
        <v>185</v>
      </c>
      <c r="Y31747">
        <v>189</v>
      </c>
      <c r="Z31747">
        <v>192</v>
      </c>
      <c r="AA31747">
        <v>196</v>
      </c>
      <c r="AB31747">
        <v>199</v>
      </c>
      <c r="AC31747">
        <v>203</v>
      </c>
      <c r="AD31747">
        <v>207</v>
      </c>
      <c r="AE31747">
        <v>210</v>
      </c>
      <c r="AF31747">
        <v>214</v>
      </c>
      <c r="AG31747">
        <v>218</v>
      </c>
      <c r="AH31747">
        <v>222</v>
      </c>
      <c r="AI31747">
        <v>226</v>
      </c>
      <c r="AJ31747">
        <v>231</v>
      </c>
      <c r="AK31747">
        <v>235</v>
      </c>
      <c r="AL31747">
        <v>240</v>
      </c>
      <c r="AM31747">
        <v>244</v>
      </c>
      <c r="AN31747">
        <v>249</v>
      </c>
      <c r="AO31747">
        <v>254</v>
      </c>
      <c r="AP31747">
        <v>258</v>
      </c>
      <c r="AQ31747">
        <v>263</v>
      </c>
    </row>
    <row r="31748" spans="1:43">
      <c r="A31748" t="s">
        <v>19667</v>
      </c>
      <c r="B31748" t="s">
        <v>19668</v>
      </c>
      <c r="C31748" t="s">
        <v>19557</v>
      </c>
      <c r="D31748" t="s">
        <v>19558</v>
      </c>
      <c r="E31748" t="s">
        <v>19535</v>
      </c>
      <c r="F31748" t="s">
        <v>19536</v>
      </c>
      <c r="G31748" t="s">
        <v>10734</v>
      </c>
      <c r="H31748" t="s">
        <v>10735</v>
      </c>
      <c r="I31748" s="2">
        <v>0</v>
      </c>
      <c r="J31748" s="2">
        <v>0</v>
      </c>
      <c r="K31748" s="2">
        <v>1</v>
      </c>
      <c r="L31748" t="s">
        <v>995</v>
      </c>
      <c r="M31748" t="s">
        <v>89</v>
      </c>
      <c r="N31748" t="s">
        <v>90</v>
      </c>
      <c r="O31748" t="s">
        <v>85</v>
      </c>
      <c r="P31748" t="s">
        <v>86</v>
      </c>
      <c r="Q31748">
        <v>163</v>
      </c>
      <c r="R31748">
        <v>169</v>
      </c>
      <c r="S31748">
        <v>176</v>
      </c>
      <c r="T31748">
        <v>182</v>
      </c>
      <c r="U31748">
        <v>188</v>
      </c>
      <c r="V31748">
        <v>194</v>
      </c>
      <c r="W31748">
        <v>201</v>
      </c>
      <c r="X31748">
        <v>207</v>
      </c>
      <c r="Y31748">
        <v>213</v>
      </c>
      <c r="Z31748">
        <v>219</v>
      </c>
      <c r="AA31748">
        <v>225</v>
      </c>
      <c r="AB31748">
        <v>232</v>
      </c>
      <c r="AC31748">
        <v>238</v>
      </c>
      <c r="AD31748">
        <v>245</v>
      </c>
      <c r="AE31748">
        <v>251</v>
      </c>
      <c r="AF31748">
        <v>255</v>
      </c>
      <c r="AG31748">
        <v>259</v>
      </c>
      <c r="AH31748">
        <v>263</v>
      </c>
      <c r="AI31748">
        <v>267</v>
      </c>
      <c r="AJ31748">
        <v>271</v>
      </c>
      <c r="AK31748">
        <v>276</v>
      </c>
      <c r="AL31748">
        <v>280</v>
      </c>
      <c r="AM31748">
        <v>285</v>
      </c>
      <c r="AN31748">
        <v>289</v>
      </c>
      <c r="AO31748">
        <v>294</v>
      </c>
      <c r="AP31748">
        <v>299</v>
      </c>
      <c r="AQ31748">
        <v>304</v>
      </c>
    </row>
    <row r="31749" spans="1:43">
      <c r="A31749" t="s">
        <v>19667</v>
      </c>
      <c r="B31749" t="s">
        <v>19668</v>
      </c>
      <c r="C31749" t="s">
        <v>19557</v>
      </c>
      <c r="D31749" t="s">
        <v>19558</v>
      </c>
      <c r="E31749" t="s">
        <v>19535</v>
      </c>
      <c r="F31749" t="s">
        <v>19536</v>
      </c>
      <c r="G31749" t="s">
        <v>10734</v>
      </c>
      <c r="H31749" t="s">
        <v>10735</v>
      </c>
      <c r="I31749" s="2">
        <v>0</v>
      </c>
      <c r="J31749" s="2">
        <v>0</v>
      </c>
      <c r="K31749" s="2">
        <v>1</v>
      </c>
      <c r="L31749" t="s">
        <v>995</v>
      </c>
      <c r="M31749" t="s">
        <v>83</v>
      </c>
      <c r="N31749" t="s">
        <v>91</v>
      </c>
      <c r="O31749" t="s">
        <v>85</v>
      </c>
      <c r="P31749" t="s">
        <v>86</v>
      </c>
      <c r="Q31749">
        <v>163</v>
      </c>
      <c r="R31749">
        <v>167</v>
      </c>
      <c r="S31749">
        <v>172</v>
      </c>
      <c r="T31749">
        <v>177</v>
      </c>
      <c r="U31749">
        <v>182</v>
      </c>
      <c r="V31749">
        <v>187</v>
      </c>
      <c r="W31749">
        <v>192</v>
      </c>
      <c r="X31749">
        <v>197</v>
      </c>
      <c r="Y31749">
        <v>202</v>
      </c>
      <c r="Z31749">
        <v>207</v>
      </c>
      <c r="AA31749">
        <v>213</v>
      </c>
      <c r="AB31749">
        <v>218</v>
      </c>
      <c r="AC31749">
        <v>224</v>
      </c>
      <c r="AD31749">
        <v>229</v>
      </c>
      <c r="AE31749">
        <v>235</v>
      </c>
      <c r="AF31749">
        <v>241</v>
      </c>
      <c r="AG31749">
        <v>247</v>
      </c>
      <c r="AH31749">
        <v>253</v>
      </c>
      <c r="AI31749">
        <v>260</v>
      </c>
      <c r="AJ31749">
        <v>266</v>
      </c>
      <c r="AK31749">
        <v>273</v>
      </c>
      <c r="AL31749">
        <v>278</v>
      </c>
      <c r="AM31749">
        <v>283</v>
      </c>
      <c r="AN31749">
        <v>287</v>
      </c>
      <c r="AO31749">
        <v>292</v>
      </c>
      <c r="AP31749">
        <v>297</v>
      </c>
      <c r="AQ31749">
        <v>302</v>
      </c>
    </row>
    <row r="31750" spans="1:43">
      <c r="A31750" t="s">
        <v>19669</v>
      </c>
      <c r="B31750" t="s">
        <v>19670</v>
      </c>
      <c r="C31750" t="s">
        <v>19671</v>
      </c>
      <c r="D31750" t="s">
        <v>19672</v>
      </c>
      <c r="E31750" t="s">
        <v>19535</v>
      </c>
      <c r="F31750" t="s">
        <v>19536</v>
      </c>
      <c r="G31750" t="s">
        <v>10734</v>
      </c>
      <c r="H31750" t="s">
        <v>10735</v>
      </c>
      <c r="I31750" s="2">
        <v>0</v>
      </c>
      <c r="J31750" s="2">
        <v>0</v>
      </c>
      <c r="K31750" s="2">
        <v>0.72</v>
      </c>
      <c r="L31750" t="s">
        <v>995</v>
      </c>
      <c r="M31750" t="s">
        <v>83</v>
      </c>
      <c r="N31750" t="s">
        <v>84</v>
      </c>
      <c r="O31750" t="s">
        <v>85</v>
      </c>
      <c r="P31750" t="s">
        <v>86</v>
      </c>
      <c r="Q31750">
        <v>65</v>
      </c>
      <c r="R31750">
        <v>67</v>
      </c>
      <c r="S31750">
        <v>69</v>
      </c>
      <c r="T31750">
        <v>71</v>
      </c>
      <c r="U31750">
        <v>73</v>
      </c>
      <c r="V31750">
        <v>75</v>
      </c>
      <c r="W31750">
        <v>77</v>
      </c>
      <c r="X31750">
        <v>79</v>
      </c>
      <c r="Y31750">
        <v>81</v>
      </c>
      <c r="Z31750">
        <v>83</v>
      </c>
      <c r="AA31750">
        <v>85</v>
      </c>
      <c r="AB31750">
        <v>87</v>
      </c>
      <c r="AC31750">
        <v>89</v>
      </c>
      <c r="AD31750">
        <v>92</v>
      </c>
      <c r="AE31750">
        <v>94</v>
      </c>
      <c r="AF31750">
        <v>96</v>
      </c>
      <c r="AG31750">
        <v>99</v>
      </c>
      <c r="AH31750">
        <v>101</v>
      </c>
      <c r="AI31750">
        <v>104</v>
      </c>
      <c r="AJ31750">
        <v>106</v>
      </c>
      <c r="AK31750">
        <v>109</v>
      </c>
      <c r="AL31750">
        <v>111</v>
      </c>
      <c r="AM31750">
        <v>113</v>
      </c>
      <c r="AN31750">
        <v>115</v>
      </c>
      <c r="AO31750">
        <v>117</v>
      </c>
      <c r="AP31750">
        <v>119</v>
      </c>
      <c r="AQ31750">
        <v>121</v>
      </c>
    </row>
    <row r="31751" spans="1:43">
      <c r="A31751" t="s">
        <v>19669</v>
      </c>
      <c r="B31751" t="s">
        <v>19670</v>
      </c>
      <c r="C31751" t="s">
        <v>19671</v>
      </c>
      <c r="D31751" t="s">
        <v>19672</v>
      </c>
      <c r="E31751" t="s">
        <v>19535</v>
      </c>
      <c r="F31751" t="s">
        <v>19536</v>
      </c>
      <c r="G31751" t="s">
        <v>10734</v>
      </c>
      <c r="H31751" t="s">
        <v>10735</v>
      </c>
      <c r="I31751" s="2">
        <v>0</v>
      </c>
      <c r="J31751" s="2">
        <v>0</v>
      </c>
      <c r="K31751" s="2">
        <v>0.72</v>
      </c>
      <c r="L31751" t="s">
        <v>995</v>
      </c>
      <c r="M31751" t="s">
        <v>87</v>
      </c>
      <c r="N31751" t="s">
        <v>88</v>
      </c>
      <c r="O31751" t="s">
        <v>85</v>
      </c>
      <c r="P31751" t="s">
        <v>86</v>
      </c>
      <c r="Q31751">
        <v>65</v>
      </c>
      <c r="R31751">
        <v>67</v>
      </c>
      <c r="S31751">
        <v>68</v>
      </c>
      <c r="T31751">
        <v>69</v>
      </c>
      <c r="U31751">
        <v>70</v>
      </c>
      <c r="V31751">
        <v>72</v>
      </c>
      <c r="W31751">
        <v>73</v>
      </c>
      <c r="X31751">
        <v>74</v>
      </c>
      <c r="Y31751">
        <v>76</v>
      </c>
      <c r="Z31751">
        <v>77</v>
      </c>
      <c r="AA31751">
        <v>78</v>
      </c>
      <c r="AB31751">
        <v>80</v>
      </c>
      <c r="AC31751">
        <v>81</v>
      </c>
      <c r="AD31751">
        <v>83</v>
      </c>
      <c r="AE31751">
        <v>84</v>
      </c>
      <c r="AF31751">
        <v>86</v>
      </c>
      <c r="AG31751">
        <v>87</v>
      </c>
      <c r="AH31751">
        <v>89</v>
      </c>
      <c r="AI31751">
        <v>91</v>
      </c>
      <c r="AJ31751">
        <v>92</v>
      </c>
      <c r="AK31751">
        <v>94</v>
      </c>
      <c r="AL31751">
        <v>96</v>
      </c>
      <c r="AM31751">
        <v>98</v>
      </c>
      <c r="AN31751">
        <v>100</v>
      </c>
      <c r="AO31751">
        <v>102</v>
      </c>
      <c r="AP31751">
        <v>104</v>
      </c>
      <c r="AQ31751">
        <v>106</v>
      </c>
    </row>
    <row r="31752" spans="1:43">
      <c r="A31752" t="s">
        <v>19669</v>
      </c>
      <c r="B31752" t="s">
        <v>19670</v>
      </c>
      <c r="C31752" t="s">
        <v>19671</v>
      </c>
      <c r="D31752" t="s">
        <v>19672</v>
      </c>
      <c r="E31752" t="s">
        <v>19535</v>
      </c>
      <c r="F31752" t="s">
        <v>19536</v>
      </c>
      <c r="G31752" t="s">
        <v>10734</v>
      </c>
      <c r="H31752" t="s">
        <v>10735</v>
      </c>
      <c r="I31752" s="2">
        <v>0</v>
      </c>
      <c r="J31752" s="2">
        <v>0</v>
      </c>
      <c r="K31752" s="2">
        <v>0.72</v>
      </c>
      <c r="L31752" t="s">
        <v>995</v>
      </c>
      <c r="M31752" t="s">
        <v>89</v>
      </c>
      <c r="N31752" t="s">
        <v>90</v>
      </c>
      <c r="O31752" t="s">
        <v>85</v>
      </c>
      <c r="P31752" t="s">
        <v>86</v>
      </c>
      <c r="Q31752">
        <v>65</v>
      </c>
      <c r="R31752">
        <v>67</v>
      </c>
      <c r="S31752">
        <v>69</v>
      </c>
      <c r="T31752">
        <v>72</v>
      </c>
      <c r="U31752">
        <v>74</v>
      </c>
      <c r="V31752">
        <v>77</v>
      </c>
      <c r="W31752">
        <v>79</v>
      </c>
      <c r="X31752">
        <v>82</v>
      </c>
      <c r="Y31752">
        <v>84</v>
      </c>
      <c r="Z31752">
        <v>87</v>
      </c>
      <c r="AA31752">
        <v>89</v>
      </c>
      <c r="AB31752">
        <v>92</v>
      </c>
      <c r="AC31752">
        <v>95</v>
      </c>
      <c r="AD31752">
        <v>97</v>
      </c>
      <c r="AE31752">
        <v>99</v>
      </c>
      <c r="AF31752">
        <v>101</v>
      </c>
      <c r="AG31752">
        <v>103</v>
      </c>
      <c r="AH31752">
        <v>104</v>
      </c>
      <c r="AI31752">
        <v>106</v>
      </c>
      <c r="AJ31752">
        <v>108</v>
      </c>
      <c r="AK31752">
        <v>110</v>
      </c>
      <c r="AL31752">
        <v>112</v>
      </c>
      <c r="AM31752">
        <v>113</v>
      </c>
      <c r="AN31752">
        <v>115</v>
      </c>
      <c r="AO31752">
        <v>117</v>
      </c>
      <c r="AP31752">
        <v>119</v>
      </c>
      <c r="AQ31752">
        <v>121</v>
      </c>
    </row>
    <row r="31753" spans="1:43">
      <c r="A31753" t="s">
        <v>19669</v>
      </c>
      <c r="B31753" t="s">
        <v>19670</v>
      </c>
      <c r="C31753" t="s">
        <v>19671</v>
      </c>
      <c r="D31753" t="s">
        <v>19672</v>
      </c>
      <c r="E31753" t="s">
        <v>19535</v>
      </c>
      <c r="F31753" t="s">
        <v>19536</v>
      </c>
      <c r="G31753" t="s">
        <v>10734</v>
      </c>
      <c r="H31753" t="s">
        <v>10735</v>
      </c>
      <c r="I31753" s="2">
        <v>0</v>
      </c>
      <c r="J31753" s="2">
        <v>0</v>
      </c>
      <c r="K31753" s="2">
        <v>0.72</v>
      </c>
      <c r="L31753" t="s">
        <v>995</v>
      </c>
      <c r="M31753" t="s">
        <v>83</v>
      </c>
      <c r="N31753" t="s">
        <v>91</v>
      </c>
      <c r="O31753" t="s">
        <v>85</v>
      </c>
      <c r="P31753" t="s">
        <v>86</v>
      </c>
      <c r="Q31753">
        <v>65</v>
      </c>
      <c r="R31753">
        <v>67</v>
      </c>
      <c r="S31753">
        <v>69</v>
      </c>
      <c r="T31753">
        <v>71</v>
      </c>
      <c r="U31753">
        <v>73</v>
      </c>
      <c r="V31753">
        <v>75</v>
      </c>
      <c r="W31753">
        <v>77</v>
      </c>
      <c r="X31753">
        <v>79</v>
      </c>
      <c r="Y31753">
        <v>81</v>
      </c>
      <c r="Z31753">
        <v>83</v>
      </c>
      <c r="AA31753">
        <v>85</v>
      </c>
      <c r="AB31753">
        <v>87</v>
      </c>
      <c r="AC31753">
        <v>89</v>
      </c>
      <c r="AD31753">
        <v>92</v>
      </c>
      <c r="AE31753">
        <v>94</v>
      </c>
      <c r="AF31753">
        <v>96</v>
      </c>
      <c r="AG31753">
        <v>99</v>
      </c>
      <c r="AH31753">
        <v>101</v>
      </c>
      <c r="AI31753">
        <v>104</v>
      </c>
      <c r="AJ31753">
        <v>106</v>
      </c>
      <c r="AK31753">
        <v>109</v>
      </c>
      <c r="AL31753">
        <v>111</v>
      </c>
      <c r="AM31753">
        <v>113</v>
      </c>
      <c r="AN31753">
        <v>115</v>
      </c>
      <c r="AO31753">
        <v>117</v>
      </c>
      <c r="AP31753">
        <v>119</v>
      </c>
      <c r="AQ31753">
        <v>121</v>
      </c>
    </row>
    <row r="31754" spans="1:43">
      <c r="A31754" t="s">
        <v>19673</v>
      </c>
      <c r="B31754" t="s">
        <v>19674</v>
      </c>
      <c r="C31754" t="s">
        <v>19671</v>
      </c>
      <c r="D31754" t="s">
        <v>19672</v>
      </c>
      <c r="E31754" t="s">
        <v>19535</v>
      </c>
      <c r="F31754" t="s">
        <v>19536</v>
      </c>
      <c r="G31754" t="s">
        <v>10734</v>
      </c>
      <c r="H31754" t="s">
        <v>10735</v>
      </c>
      <c r="I31754" s="2">
        <v>0</v>
      </c>
      <c r="J31754" s="2">
        <v>0</v>
      </c>
      <c r="K31754" s="2">
        <v>0.48</v>
      </c>
      <c r="L31754" t="s">
        <v>995</v>
      </c>
      <c r="M31754" t="s">
        <v>83</v>
      </c>
      <c r="N31754" t="s">
        <v>84</v>
      </c>
      <c r="O31754" t="s">
        <v>85</v>
      </c>
      <c r="P31754" t="s">
        <v>86</v>
      </c>
      <c r="Q31754">
        <v>8</v>
      </c>
      <c r="R31754">
        <v>8</v>
      </c>
      <c r="S31754">
        <v>9</v>
      </c>
      <c r="T31754">
        <v>9</v>
      </c>
      <c r="U31754">
        <v>9</v>
      </c>
      <c r="V31754">
        <v>9</v>
      </c>
      <c r="W31754">
        <v>10</v>
      </c>
      <c r="X31754">
        <v>10</v>
      </c>
      <c r="Y31754">
        <v>10</v>
      </c>
      <c r="Z31754">
        <v>10</v>
      </c>
      <c r="AA31754">
        <v>11</v>
      </c>
      <c r="AB31754">
        <v>11</v>
      </c>
      <c r="AC31754">
        <v>11</v>
      </c>
      <c r="AD31754">
        <v>11</v>
      </c>
      <c r="AE31754">
        <v>12</v>
      </c>
      <c r="AF31754">
        <v>12</v>
      </c>
      <c r="AG31754">
        <v>12</v>
      </c>
      <c r="AH31754">
        <v>13</v>
      </c>
      <c r="AI31754">
        <v>13</v>
      </c>
      <c r="AJ31754">
        <v>13</v>
      </c>
      <c r="AK31754">
        <v>14</v>
      </c>
      <c r="AL31754">
        <v>14</v>
      </c>
      <c r="AM31754">
        <v>14</v>
      </c>
      <c r="AN31754">
        <v>14</v>
      </c>
      <c r="AO31754">
        <v>15</v>
      </c>
      <c r="AP31754">
        <v>15</v>
      </c>
      <c r="AQ31754">
        <v>15</v>
      </c>
    </row>
    <row r="31755" spans="1:43">
      <c r="A31755" t="s">
        <v>19673</v>
      </c>
      <c r="B31755" t="s">
        <v>19674</v>
      </c>
      <c r="C31755" t="s">
        <v>19671</v>
      </c>
      <c r="D31755" t="s">
        <v>19672</v>
      </c>
      <c r="E31755" t="s">
        <v>19535</v>
      </c>
      <c r="F31755" t="s">
        <v>19536</v>
      </c>
      <c r="G31755" t="s">
        <v>10734</v>
      </c>
      <c r="H31755" t="s">
        <v>10735</v>
      </c>
      <c r="I31755" s="2">
        <v>0</v>
      </c>
      <c r="J31755" s="2">
        <v>0</v>
      </c>
      <c r="K31755" s="2">
        <v>0.48</v>
      </c>
      <c r="L31755" t="s">
        <v>995</v>
      </c>
      <c r="M31755" t="s">
        <v>87</v>
      </c>
      <c r="N31755" t="s">
        <v>88</v>
      </c>
      <c r="O31755" t="s">
        <v>85</v>
      </c>
      <c r="P31755" t="s">
        <v>86</v>
      </c>
      <c r="Q31755">
        <v>8</v>
      </c>
      <c r="R31755">
        <v>8</v>
      </c>
      <c r="S31755">
        <v>8</v>
      </c>
      <c r="T31755">
        <v>9</v>
      </c>
      <c r="U31755">
        <v>9</v>
      </c>
      <c r="V31755">
        <v>9</v>
      </c>
      <c r="W31755">
        <v>9</v>
      </c>
      <c r="X31755">
        <v>9</v>
      </c>
      <c r="Y31755">
        <v>9</v>
      </c>
      <c r="Z31755">
        <v>10</v>
      </c>
      <c r="AA31755">
        <v>10</v>
      </c>
      <c r="AB31755">
        <v>10</v>
      </c>
      <c r="AC31755">
        <v>10</v>
      </c>
      <c r="AD31755">
        <v>10</v>
      </c>
      <c r="AE31755">
        <v>10</v>
      </c>
      <c r="AF31755">
        <v>11</v>
      </c>
      <c r="AG31755">
        <v>11</v>
      </c>
      <c r="AH31755">
        <v>11</v>
      </c>
      <c r="AI31755">
        <v>11</v>
      </c>
      <c r="AJ31755">
        <v>11</v>
      </c>
      <c r="AK31755">
        <v>12</v>
      </c>
      <c r="AL31755">
        <v>12</v>
      </c>
      <c r="AM31755">
        <v>12</v>
      </c>
      <c r="AN31755">
        <v>12</v>
      </c>
      <c r="AO31755">
        <v>13</v>
      </c>
      <c r="AP31755">
        <v>13</v>
      </c>
      <c r="AQ31755">
        <v>13</v>
      </c>
    </row>
    <row r="31756" spans="1:43">
      <c r="A31756" t="s">
        <v>19673</v>
      </c>
      <c r="B31756" t="s">
        <v>19674</v>
      </c>
      <c r="C31756" t="s">
        <v>19671</v>
      </c>
      <c r="D31756" t="s">
        <v>19672</v>
      </c>
      <c r="E31756" t="s">
        <v>19535</v>
      </c>
      <c r="F31756" t="s">
        <v>19536</v>
      </c>
      <c r="G31756" t="s">
        <v>10734</v>
      </c>
      <c r="H31756" t="s">
        <v>10735</v>
      </c>
      <c r="I31756" s="2">
        <v>0</v>
      </c>
      <c r="J31756" s="2">
        <v>0</v>
      </c>
      <c r="K31756" s="2">
        <v>0.48</v>
      </c>
      <c r="L31756" t="s">
        <v>995</v>
      </c>
      <c r="M31756" t="s">
        <v>89</v>
      </c>
      <c r="N31756" t="s">
        <v>90</v>
      </c>
      <c r="O31756" t="s">
        <v>85</v>
      </c>
      <c r="P31756" t="s">
        <v>86</v>
      </c>
      <c r="Q31756">
        <v>8</v>
      </c>
      <c r="R31756">
        <v>9</v>
      </c>
      <c r="S31756">
        <v>9</v>
      </c>
      <c r="T31756">
        <v>9</v>
      </c>
      <c r="U31756">
        <v>9</v>
      </c>
      <c r="V31756">
        <v>10</v>
      </c>
      <c r="W31756">
        <v>10</v>
      </c>
      <c r="X31756">
        <v>10</v>
      </c>
      <c r="Y31756">
        <v>11</v>
      </c>
      <c r="Z31756">
        <v>11</v>
      </c>
      <c r="AA31756">
        <v>11</v>
      </c>
      <c r="AB31756">
        <v>12</v>
      </c>
      <c r="AC31756">
        <v>12</v>
      </c>
      <c r="AD31756">
        <v>12</v>
      </c>
      <c r="AE31756">
        <v>13</v>
      </c>
      <c r="AF31756">
        <v>13</v>
      </c>
      <c r="AG31756">
        <v>13</v>
      </c>
      <c r="AH31756">
        <v>13</v>
      </c>
      <c r="AI31756">
        <v>13</v>
      </c>
      <c r="AJ31756">
        <v>14</v>
      </c>
      <c r="AK31756">
        <v>14</v>
      </c>
      <c r="AL31756">
        <v>14</v>
      </c>
      <c r="AM31756">
        <v>14</v>
      </c>
      <c r="AN31756">
        <v>14</v>
      </c>
      <c r="AO31756">
        <v>15</v>
      </c>
      <c r="AP31756">
        <v>15</v>
      </c>
      <c r="AQ31756">
        <v>15</v>
      </c>
    </row>
    <row r="31757" spans="1:43">
      <c r="A31757" t="s">
        <v>19673</v>
      </c>
      <c r="B31757" t="s">
        <v>19674</v>
      </c>
      <c r="C31757" t="s">
        <v>19671</v>
      </c>
      <c r="D31757" t="s">
        <v>19672</v>
      </c>
      <c r="E31757" t="s">
        <v>19535</v>
      </c>
      <c r="F31757" t="s">
        <v>19536</v>
      </c>
      <c r="G31757" t="s">
        <v>10734</v>
      </c>
      <c r="H31757" t="s">
        <v>10735</v>
      </c>
      <c r="I31757" s="2">
        <v>0</v>
      </c>
      <c r="J31757" s="2">
        <v>0</v>
      </c>
      <c r="K31757" s="2">
        <v>0.48</v>
      </c>
      <c r="L31757" t="s">
        <v>995</v>
      </c>
      <c r="M31757" t="s">
        <v>83</v>
      </c>
      <c r="N31757" t="s">
        <v>91</v>
      </c>
      <c r="O31757" t="s">
        <v>85</v>
      </c>
      <c r="P31757" t="s">
        <v>86</v>
      </c>
      <c r="Q31757">
        <v>8</v>
      </c>
      <c r="R31757">
        <v>8</v>
      </c>
      <c r="S31757">
        <v>9</v>
      </c>
      <c r="T31757">
        <v>9</v>
      </c>
      <c r="U31757">
        <v>9</v>
      </c>
      <c r="V31757">
        <v>9</v>
      </c>
      <c r="W31757">
        <v>10</v>
      </c>
      <c r="X31757">
        <v>10</v>
      </c>
      <c r="Y31757">
        <v>10</v>
      </c>
      <c r="Z31757">
        <v>10</v>
      </c>
      <c r="AA31757">
        <v>11</v>
      </c>
      <c r="AB31757">
        <v>11</v>
      </c>
      <c r="AC31757">
        <v>11</v>
      </c>
      <c r="AD31757">
        <v>11</v>
      </c>
      <c r="AE31757">
        <v>12</v>
      </c>
      <c r="AF31757">
        <v>12</v>
      </c>
      <c r="AG31757">
        <v>12</v>
      </c>
      <c r="AH31757">
        <v>13</v>
      </c>
      <c r="AI31757">
        <v>13</v>
      </c>
      <c r="AJ31757">
        <v>13</v>
      </c>
      <c r="AK31757">
        <v>14</v>
      </c>
      <c r="AL31757">
        <v>14</v>
      </c>
      <c r="AM31757">
        <v>14</v>
      </c>
      <c r="AN31757">
        <v>14</v>
      </c>
      <c r="AO31757">
        <v>15</v>
      </c>
      <c r="AP31757">
        <v>15</v>
      </c>
      <c r="AQ31757">
        <v>15</v>
      </c>
    </row>
    <row r="31758" spans="1:43">
      <c r="A31758" t="s">
        <v>19675</v>
      </c>
      <c r="B31758" t="s">
        <v>19676</v>
      </c>
      <c r="C31758" t="s">
        <v>19671</v>
      </c>
      <c r="D31758" t="s">
        <v>19672</v>
      </c>
      <c r="E31758" t="s">
        <v>19535</v>
      </c>
      <c r="F31758" t="s">
        <v>19536</v>
      </c>
      <c r="G31758" t="s">
        <v>10734</v>
      </c>
      <c r="H31758" t="s">
        <v>10735</v>
      </c>
      <c r="I31758" s="2">
        <v>0</v>
      </c>
      <c r="J31758" s="2">
        <v>0</v>
      </c>
      <c r="K31758" s="2">
        <v>0.7</v>
      </c>
      <c r="L31758" t="s">
        <v>995</v>
      </c>
      <c r="M31758" t="s">
        <v>83</v>
      </c>
      <c r="N31758" t="s">
        <v>84</v>
      </c>
      <c r="O31758" t="s">
        <v>85</v>
      </c>
      <c r="P31758" t="s">
        <v>86</v>
      </c>
      <c r="Q31758">
        <v>11</v>
      </c>
      <c r="R31758">
        <v>11</v>
      </c>
      <c r="S31758">
        <v>11</v>
      </c>
      <c r="T31758">
        <v>11</v>
      </c>
      <c r="U31758">
        <v>12</v>
      </c>
      <c r="V31758">
        <v>12</v>
      </c>
      <c r="W31758">
        <v>12</v>
      </c>
      <c r="X31758">
        <v>13</v>
      </c>
      <c r="Y31758">
        <v>13</v>
      </c>
      <c r="Z31758">
        <v>13</v>
      </c>
      <c r="AA31758">
        <v>14</v>
      </c>
      <c r="AB31758">
        <v>14</v>
      </c>
      <c r="AC31758">
        <v>14</v>
      </c>
      <c r="AD31758">
        <v>15</v>
      </c>
      <c r="AE31758">
        <v>15</v>
      </c>
      <c r="AF31758">
        <v>16</v>
      </c>
      <c r="AG31758">
        <v>16</v>
      </c>
      <c r="AH31758">
        <v>16</v>
      </c>
      <c r="AI31758">
        <v>17</v>
      </c>
      <c r="AJ31758">
        <v>17</v>
      </c>
      <c r="AK31758">
        <v>18</v>
      </c>
      <c r="AL31758">
        <v>18</v>
      </c>
      <c r="AM31758">
        <v>18</v>
      </c>
      <c r="AN31758">
        <v>19</v>
      </c>
      <c r="AO31758">
        <v>19</v>
      </c>
      <c r="AP31758">
        <v>19</v>
      </c>
      <c r="AQ31758">
        <v>19</v>
      </c>
    </row>
    <row r="31759" spans="1:43">
      <c r="A31759" t="s">
        <v>19675</v>
      </c>
      <c r="B31759" t="s">
        <v>19676</v>
      </c>
      <c r="C31759" t="s">
        <v>19671</v>
      </c>
      <c r="D31759" t="s">
        <v>19672</v>
      </c>
      <c r="E31759" t="s">
        <v>19535</v>
      </c>
      <c r="F31759" t="s">
        <v>19536</v>
      </c>
      <c r="G31759" t="s">
        <v>10734</v>
      </c>
      <c r="H31759" t="s">
        <v>10735</v>
      </c>
      <c r="I31759" s="2">
        <v>0</v>
      </c>
      <c r="J31759" s="2">
        <v>0</v>
      </c>
      <c r="K31759" s="2">
        <v>0.7</v>
      </c>
      <c r="L31759" t="s">
        <v>995</v>
      </c>
      <c r="M31759" t="s">
        <v>87</v>
      </c>
      <c r="N31759" t="s">
        <v>88</v>
      </c>
      <c r="O31759" t="s">
        <v>85</v>
      </c>
      <c r="P31759" t="s">
        <v>86</v>
      </c>
      <c r="Q31759">
        <v>11</v>
      </c>
      <c r="R31759">
        <v>12</v>
      </c>
      <c r="S31759">
        <v>12</v>
      </c>
      <c r="T31759">
        <v>12</v>
      </c>
      <c r="U31759">
        <v>12</v>
      </c>
      <c r="V31759">
        <v>12</v>
      </c>
      <c r="W31759">
        <v>13</v>
      </c>
      <c r="X31759">
        <v>13</v>
      </c>
      <c r="Y31759">
        <v>13</v>
      </c>
      <c r="Z31759">
        <v>13</v>
      </c>
      <c r="AA31759">
        <v>14</v>
      </c>
      <c r="AB31759">
        <v>14</v>
      </c>
      <c r="AC31759">
        <v>14</v>
      </c>
      <c r="AD31759">
        <v>14</v>
      </c>
      <c r="AE31759">
        <v>15</v>
      </c>
      <c r="AF31759">
        <v>15</v>
      </c>
      <c r="AG31759">
        <v>15</v>
      </c>
      <c r="AH31759">
        <v>15</v>
      </c>
      <c r="AI31759">
        <v>16</v>
      </c>
      <c r="AJ31759">
        <v>16</v>
      </c>
      <c r="AK31759">
        <v>16</v>
      </c>
      <c r="AL31759">
        <v>16</v>
      </c>
      <c r="AM31759">
        <v>17</v>
      </c>
      <c r="AN31759">
        <v>17</v>
      </c>
      <c r="AO31759">
        <v>17</v>
      </c>
      <c r="AP31759">
        <v>18</v>
      </c>
      <c r="AQ31759">
        <v>18</v>
      </c>
    </row>
    <row r="31760" spans="1:43">
      <c r="A31760" t="s">
        <v>19675</v>
      </c>
      <c r="B31760" t="s">
        <v>19676</v>
      </c>
      <c r="C31760" t="s">
        <v>19671</v>
      </c>
      <c r="D31760" t="s">
        <v>19672</v>
      </c>
      <c r="E31760" t="s">
        <v>19535</v>
      </c>
      <c r="F31760" t="s">
        <v>19536</v>
      </c>
      <c r="G31760" t="s">
        <v>10734</v>
      </c>
      <c r="H31760" t="s">
        <v>10735</v>
      </c>
      <c r="I31760" s="2">
        <v>0</v>
      </c>
      <c r="J31760" s="2">
        <v>0</v>
      </c>
      <c r="K31760" s="2">
        <v>0.7</v>
      </c>
      <c r="L31760" t="s">
        <v>995</v>
      </c>
      <c r="M31760" t="s">
        <v>89</v>
      </c>
      <c r="N31760" t="s">
        <v>90</v>
      </c>
      <c r="O31760" t="s">
        <v>85</v>
      </c>
      <c r="P31760" t="s">
        <v>86</v>
      </c>
      <c r="Q31760">
        <v>11</v>
      </c>
      <c r="R31760">
        <v>11</v>
      </c>
      <c r="S31760">
        <v>11</v>
      </c>
      <c r="T31760">
        <v>12</v>
      </c>
      <c r="U31760">
        <v>12</v>
      </c>
      <c r="V31760">
        <v>13</v>
      </c>
      <c r="W31760">
        <v>13</v>
      </c>
      <c r="X31760">
        <v>13</v>
      </c>
      <c r="Y31760">
        <v>14</v>
      </c>
      <c r="Z31760">
        <v>14</v>
      </c>
      <c r="AA31760">
        <v>15</v>
      </c>
      <c r="AB31760">
        <v>15</v>
      </c>
      <c r="AC31760">
        <v>15</v>
      </c>
      <c r="AD31760">
        <v>16</v>
      </c>
      <c r="AE31760">
        <v>16</v>
      </c>
      <c r="AF31760">
        <v>17</v>
      </c>
      <c r="AG31760">
        <v>17</v>
      </c>
      <c r="AH31760">
        <v>17</v>
      </c>
      <c r="AI31760">
        <v>17</v>
      </c>
      <c r="AJ31760">
        <v>18</v>
      </c>
      <c r="AK31760">
        <v>18</v>
      </c>
      <c r="AL31760">
        <v>18</v>
      </c>
      <c r="AM31760">
        <v>18</v>
      </c>
      <c r="AN31760">
        <v>19</v>
      </c>
      <c r="AO31760">
        <v>19</v>
      </c>
      <c r="AP31760">
        <v>19</v>
      </c>
      <c r="AQ31760">
        <v>20</v>
      </c>
    </row>
    <row r="31761" spans="1:43">
      <c r="A31761" t="s">
        <v>19675</v>
      </c>
      <c r="B31761" t="s">
        <v>19676</v>
      </c>
      <c r="C31761" t="s">
        <v>19671</v>
      </c>
      <c r="D31761" t="s">
        <v>19672</v>
      </c>
      <c r="E31761" t="s">
        <v>19535</v>
      </c>
      <c r="F31761" t="s">
        <v>19536</v>
      </c>
      <c r="G31761" t="s">
        <v>10734</v>
      </c>
      <c r="H31761" t="s">
        <v>10735</v>
      </c>
      <c r="I31761" s="2">
        <v>0</v>
      </c>
      <c r="J31761" s="2">
        <v>0</v>
      </c>
      <c r="K31761" s="2">
        <v>0.7</v>
      </c>
      <c r="L31761" t="s">
        <v>995</v>
      </c>
      <c r="M31761" t="s">
        <v>83</v>
      </c>
      <c r="N31761" t="s">
        <v>91</v>
      </c>
      <c r="O31761" t="s">
        <v>85</v>
      </c>
      <c r="P31761" t="s">
        <v>86</v>
      </c>
      <c r="Q31761">
        <v>11</v>
      </c>
      <c r="R31761">
        <v>11</v>
      </c>
      <c r="S31761">
        <v>11</v>
      </c>
      <c r="T31761">
        <v>11</v>
      </c>
      <c r="U31761">
        <v>12</v>
      </c>
      <c r="V31761">
        <v>12</v>
      </c>
      <c r="W31761">
        <v>12</v>
      </c>
      <c r="X31761">
        <v>13</v>
      </c>
      <c r="Y31761">
        <v>13</v>
      </c>
      <c r="Z31761">
        <v>13</v>
      </c>
      <c r="AA31761">
        <v>14</v>
      </c>
      <c r="AB31761">
        <v>14</v>
      </c>
      <c r="AC31761">
        <v>14</v>
      </c>
      <c r="AD31761">
        <v>15</v>
      </c>
      <c r="AE31761">
        <v>15</v>
      </c>
      <c r="AF31761">
        <v>16</v>
      </c>
      <c r="AG31761">
        <v>16</v>
      </c>
      <c r="AH31761">
        <v>16</v>
      </c>
      <c r="AI31761">
        <v>17</v>
      </c>
      <c r="AJ31761">
        <v>17</v>
      </c>
      <c r="AK31761">
        <v>18</v>
      </c>
      <c r="AL31761">
        <v>18</v>
      </c>
      <c r="AM31761">
        <v>18</v>
      </c>
      <c r="AN31761">
        <v>19</v>
      </c>
      <c r="AO31761">
        <v>19</v>
      </c>
      <c r="AP31761">
        <v>19</v>
      </c>
      <c r="AQ31761">
        <v>19</v>
      </c>
    </row>
    <row r="31762" spans="1:43">
      <c r="A31762" t="s">
        <v>19677</v>
      </c>
      <c r="B31762" t="s">
        <v>19678</v>
      </c>
      <c r="C31762" t="s">
        <v>19671</v>
      </c>
      <c r="D31762" t="s">
        <v>19672</v>
      </c>
      <c r="E31762" t="s">
        <v>19535</v>
      </c>
      <c r="F31762" t="s">
        <v>19536</v>
      </c>
      <c r="G31762" t="s">
        <v>10734</v>
      </c>
      <c r="H31762" t="s">
        <v>10735</v>
      </c>
      <c r="I31762" s="2">
        <v>0</v>
      </c>
      <c r="J31762" s="2">
        <v>0</v>
      </c>
      <c r="K31762" s="2">
        <v>1</v>
      </c>
      <c r="L31762" t="s">
        <v>995</v>
      </c>
      <c r="M31762" t="s">
        <v>83</v>
      </c>
      <c r="N31762" t="s">
        <v>84</v>
      </c>
      <c r="O31762" t="s">
        <v>85</v>
      </c>
      <c r="P31762" t="s">
        <v>86</v>
      </c>
      <c r="Q31762">
        <v>38</v>
      </c>
      <c r="R31762">
        <v>39</v>
      </c>
      <c r="S31762">
        <v>40</v>
      </c>
      <c r="T31762">
        <v>42</v>
      </c>
      <c r="U31762">
        <v>43</v>
      </c>
      <c r="V31762">
        <v>44</v>
      </c>
      <c r="W31762">
        <v>45</v>
      </c>
      <c r="X31762">
        <v>46</v>
      </c>
      <c r="Y31762">
        <v>47</v>
      </c>
      <c r="Z31762">
        <v>49</v>
      </c>
      <c r="AA31762">
        <v>50</v>
      </c>
      <c r="AB31762">
        <v>51</v>
      </c>
      <c r="AC31762">
        <v>52</v>
      </c>
      <c r="AD31762">
        <v>54</v>
      </c>
      <c r="AE31762">
        <v>55</v>
      </c>
      <c r="AF31762">
        <v>56</v>
      </c>
      <c r="AG31762">
        <v>58</v>
      </c>
      <c r="AH31762">
        <v>59</v>
      </c>
      <c r="AI31762">
        <v>61</v>
      </c>
      <c r="AJ31762">
        <v>62</v>
      </c>
      <c r="AK31762">
        <v>64</v>
      </c>
      <c r="AL31762">
        <v>65</v>
      </c>
      <c r="AM31762">
        <v>66</v>
      </c>
      <c r="AN31762">
        <v>67</v>
      </c>
      <c r="AO31762">
        <v>68</v>
      </c>
      <c r="AP31762">
        <v>69</v>
      </c>
      <c r="AQ31762">
        <v>70</v>
      </c>
    </row>
    <row r="31763" spans="1:43">
      <c r="A31763" t="s">
        <v>19677</v>
      </c>
      <c r="B31763" t="s">
        <v>19678</v>
      </c>
      <c r="C31763" t="s">
        <v>19671</v>
      </c>
      <c r="D31763" t="s">
        <v>19672</v>
      </c>
      <c r="E31763" t="s">
        <v>19535</v>
      </c>
      <c r="F31763" t="s">
        <v>19536</v>
      </c>
      <c r="G31763" t="s">
        <v>10734</v>
      </c>
      <c r="H31763" t="s">
        <v>10735</v>
      </c>
      <c r="I31763" s="2">
        <v>0</v>
      </c>
      <c r="J31763" s="2">
        <v>0</v>
      </c>
      <c r="K31763" s="2">
        <v>1</v>
      </c>
      <c r="L31763" t="s">
        <v>995</v>
      </c>
      <c r="M31763" t="s">
        <v>87</v>
      </c>
      <c r="N31763" t="s">
        <v>88</v>
      </c>
      <c r="O31763" t="s">
        <v>85</v>
      </c>
      <c r="P31763" t="s">
        <v>86</v>
      </c>
      <c r="Q31763">
        <v>38</v>
      </c>
      <c r="R31763">
        <v>39</v>
      </c>
      <c r="S31763">
        <v>39</v>
      </c>
      <c r="T31763">
        <v>40</v>
      </c>
      <c r="U31763">
        <v>41</v>
      </c>
      <c r="V31763">
        <v>41</v>
      </c>
      <c r="W31763">
        <v>42</v>
      </c>
      <c r="X31763">
        <v>43</v>
      </c>
      <c r="Y31763">
        <v>44</v>
      </c>
      <c r="Z31763">
        <v>45</v>
      </c>
      <c r="AA31763">
        <v>45</v>
      </c>
      <c r="AB31763">
        <v>46</v>
      </c>
      <c r="AC31763">
        <v>47</v>
      </c>
      <c r="AD31763">
        <v>48</v>
      </c>
      <c r="AE31763">
        <v>49</v>
      </c>
      <c r="AF31763">
        <v>50</v>
      </c>
      <c r="AG31763">
        <v>51</v>
      </c>
      <c r="AH31763">
        <v>52</v>
      </c>
      <c r="AI31763">
        <v>53</v>
      </c>
      <c r="AJ31763">
        <v>54</v>
      </c>
      <c r="AK31763">
        <v>55</v>
      </c>
      <c r="AL31763">
        <v>56</v>
      </c>
      <c r="AM31763">
        <v>57</v>
      </c>
      <c r="AN31763">
        <v>58</v>
      </c>
      <c r="AO31763">
        <v>59</v>
      </c>
      <c r="AP31763">
        <v>60</v>
      </c>
      <c r="AQ31763">
        <v>61</v>
      </c>
    </row>
    <row r="31764" spans="1:43">
      <c r="A31764" t="s">
        <v>19677</v>
      </c>
      <c r="B31764" t="s">
        <v>19678</v>
      </c>
      <c r="C31764" t="s">
        <v>19671</v>
      </c>
      <c r="D31764" t="s">
        <v>19672</v>
      </c>
      <c r="E31764" t="s">
        <v>19535</v>
      </c>
      <c r="F31764" t="s">
        <v>19536</v>
      </c>
      <c r="G31764" t="s">
        <v>10734</v>
      </c>
      <c r="H31764" t="s">
        <v>10735</v>
      </c>
      <c r="I31764" s="2">
        <v>0</v>
      </c>
      <c r="J31764" s="2">
        <v>0</v>
      </c>
      <c r="K31764" s="2">
        <v>1</v>
      </c>
      <c r="L31764" t="s">
        <v>995</v>
      </c>
      <c r="M31764" t="s">
        <v>89</v>
      </c>
      <c r="N31764" t="s">
        <v>90</v>
      </c>
      <c r="O31764" t="s">
        <v>85</v>
      </c>
      <c r="P31764" t="s">
        <v>86</v>
      </c>
      <c r="Q31764">
        <v>38</v>
      </c>
      <c r="R31764">
        <v>39</v>
      </c>
      <c r="S31764">
        <v>40</v>
      </c>
      <c r="T31764">
        <v>42</v>
      </c>
      <c r="U31764">
        <v>43</v>
      </c>
      <c r="V31764">
        <v>45</v>
      </c>
      <c r="W31764">
        <v>46</v>
      </c>
      <c r="X31764">
        <v>48</v>
      </c>
      <c r="Y31764">
        <v>49</v>
      </c>
      <c r="Z31764">
        <v>51</v>
      </c>
      <c r="AA31764">
        <v>52</v>
      </c>
      <c r="AB31764">
        <v>53</v>
      </c>
      <c r="AC31764">
        <v>55</v>
      </c>
      <c r="AD31764">
        <v>57</v>
      </c>
      <c r="AE31764">
        <v>58</v>
      </c>
      <c r="AF31764">
        <v>59</v>
      </c>
      <c r="AG31764">
        <v>60</v>
      </c>
      <c r="AH31764">
        <v>61</v>
      </c>
      <c r="AI31764">
        <v>62</v>
      </c>
      <c r="AJ31764">
        <v>63</v>
      </c>
      <c r="AK31764">
        <v>64</v>
      </c>
      <c r="AL31764">
        <v>65</v>
      </c>
      <c r="AM31764">
        <v>66</v>
      </c>
      <c r="AN31764">
        <v>67</v>
      </c>
      <c r="AO31764">
        <v>68</v>
      </c>
      <c r="AP31764">
        <v>69</v>
      </c>
      <c r="AQ31764">
        <v>70</v>
      </c>
    </row>
    <row r="31765" spans="1:43">
      <c r="A31765" t="s">
        <v>19677</v>
      </c>
      <c r="B31765" t="s">
        <v>19678</v>
      </c>
      <c r="C31765" t="s">
        <v>19671</v>
      </c>
      <c r="D31765" t="s">
        <v>19672</v>
      </c>
      <c r="E31765" t="s">
        <v>19535</v>
      </c>
      <c r="F31765" t="s">
        <v>19536</v>
      </c>
      <c r="G31765" t="s">
        <v>10734</v>
      </c>
      <c r="H31765" t="s">
        <v>10735</v>
      </c>
      <c r="I31765" s="2">
        <v>0</v>
      </c>
      <c r="J31765" s="2">
        <v>0</v>
      </c>
      <c r="K31765" s="2">
        <v>1</v>
      </c>
      <c r="L31765" t="s">
        <v>995</v>
      </c>
      <c r="M31765" t="s">
        <v>83</v>
      </c>
      <c r="N31765" t="s">
        <v>91</v>
      </c>
      <c r="O31765" t="s">
        <v>85</v>
      </c>
      <c r="P31765" t="s">
        <v>86</v>
      </c>
      <c r="Q31765">
        <v>38</v>
      </c>
      <c r="R31765">
        <v>39</v>
      </c>
      <c r="S31765">
        <v>40</v>
      </c>
      <c r="T31765">
        <v>42</v>
      </c>
      <c r="U31765">
        <v>43</v>
      </c>
      <c r="V31765">
        <v>44</v>
      </c>
      <c r="W31765">
        <v>45</v>
      </c>
      <c r="X31765">
        <v>46</v>
      </c>
      <c r="Y31765">
        <v>47</v>
      </c>
      <c r="Z31765">
        <v>49</v>
      </c>
      <c r="AA31765">
        <v>50</v>
      </c>
      <c r="AB31765">
        <v>51</v>
      </c>
      <c r="AC31765">
        <v>52</v>
      </c>
      <c r="AD31765">
        <v>54</v>
      </c>
      <c r="AE31765">
        <v>55</v>
      </c>
      <c r="AF31765">
        <v>56</v>
      </c>
      <c r="AG31765">
        <v>58</v>
      </c>
      <c r="AH31765">
        <v>59</v>
      </c>
      <c r="AI31765">
        <v>61</v>
      </c>
      <c r="AJ31765">
        <v>62</v>
      </c>
      <c r="AK31765">
        <v>64</v>
      </c>
      <c r="AL31765">
        <v>65</v>
      </c>
      <c r="AM31765">
        <v>66</v>
      </c>
      <c r="AN31765">
        <v>67</v>
      </c>
      <c r="AO31765">
        <v>68</v>
      </c>
      <c r="AP31765">
        <v>69</v>
      </c>
      <c r="AQ31765">
        <v>70</v>
      </c>
    </row>
    <row r="31766" spans="1:43">
      <c r="A31766" t="s">
        <v>19679</v>
      </c>
      <c r="B31766" t="s">
        <v>19680</v>
      </c>
      <c r="C31766" t="s">
        <v>19681</v>
      </c>
      <c r="D31766" t="s">
        <v>19682</v>
      </c>
      <c r="E31766" t="s">
        <v>19535</v>
      </c>
      <c r="F31766" t="s">
        <v>19536</v>
      </c>
      <c r="G31766" t="s">
        <v>10734</v>
      </c>
      <c r="H31766" t="s">
        <v>10735</v>
      </c>
      <c r="I31766" s="2">
        <v>0</v>
      </c>
      <c r="J31766" s="2">
        <v>0</v>
      </c>
      <c r="K31766" s="2">
        <v>0.84</v>
      </c>
      <c r="L31766" t="s">
        <v>995</v>
      </c>
      <c r="M31766" t="s">
        <v>83</v>
      </c>
      <c r="N31766" t="s">
        <v>84</v>
      </c>
      <c r="O31766" t="s">
        <v>85</v>
      </c>
      <c r="P31766" t="s">
        <v>86</v>
      </c>
      <c r="Q31766">
        <v>80</v>
      </c>
      <c r="R31766">
        <v>83</v>
      </c>
      <c r="S31766">
        <v>85</v>
      </c>
      <c r="T31766">
        <v>88</v>
      </c>
      <c r="U31766">
        <v>90</v>
      </c>
      <c r="V31766">
        <v>92</v>
      </c>
      <c r="W31766">
        <v>95</v>
      </c>
      <c r="X31766">
        <v>97</v>
      </c>
      <c r="Y31766">
        <v>100</v>
      </c>
      <c r="Z31766">
        <v>103</v>
      </c>
      <c r="AA31766">
        <v>105</v>
      </c>
      <c r="AB31766">
        <v>108</v>
      </c>
      <c r="AC31766">
        <v>111</v>
      </c>
      <c r="AD31766">
        <v>114</v>
      </c>
      <c r="AE31766">
        <v>116</v>
      </c>
      <c r="AF31766">
        <v>119</v>
      </c>
      <c r="AG31766">
        <v>122</v>
      </c>
      <c r="AH31766">
        <v>125</v>
      </c>
      <c r="AI31766">
        <v>129</v>
      </c>
      <c r="AJ31766">
        <v>132</v>
      </c>
      <c r="AK31766">
        <v>135</v>
      </c>
      <c r="AL31766">
        <v>138</v>
      </c>
      <c r="AM31766">
        <v>140</v>
      </c>
      <c r="AN31766">
        <v>142</v>
      </c>
      <c r="AO31766">
        <v>145</v>
      </c>
      <c r="AP31766">
        <v>147</v>
      </c>
      <c r="AQ31766">
        <v>150</v>
      </c>
    </row>
    <row r="31767" spans="1:43">
      <c r="A31767" t="s">
        <v>19679</v>
      </c>
      <c r="B31767" t="s">
        <v>19680</v>
      </c>
      <c r="C31767" t="s">
        <v>19681</v>
      </c>
      <c r="D31767" t="s">
        <v>19682</v>
      </c>
      <c r="E31767" t="s">
        <v>19535</v>
      </c>
      <c r="F31767" t="s">
        <v>19536</v>
      </c>
      <c r="G31767" t="s">
        <v>10734</v>
      </c>
      <c r="H31767" t="s">
        <v>10735</v>
      </c>
      <c r="I31767" s="2">
        <v>0</v>
      </c>
      <c r="J31767" s="2">
        <v>0</v>
      </c>
      <c r="K31767" s="2">
        <v>0.84</v>
      </c>
      <c r="L31767" t="s">
        <v>995</v>
      </c>
      <c r="M31767" t="s">
        <v>87</v>
      </c>
      <c r="N31767" t="s">
        <v>88</v>
      </c>
      <c r="O31767" t="s">
        <v>85</v>
      </c>
      <c r="P31767" t="s">
        <v>86</v>
      </c>
      <c r="Q31767">
        <v>80</v>
      </c>
      <c r="R31767">
        <v>81</v>
      </c>
      <c r="S31767">
        <v>83</v>
      </c>
      <c r="T31767">
        <v>84</v>
      </c>
      <c r="U31767">
        <v>86</v>
      </c>
      <c r="V31767">
        <v>87</v>
      </c>
      <c r="W31767">
        <v>89</v>
      </c>
      <c r="X31767">
        <v>91</v>
      </c>
      <c r="Y31767">
        <v>92</v>
      </c>
      <c r="Z31767">
        <v>94</v>
      </c>
      <c r="AA31767">
        <v>96</v>
      </c>
      <c r="AB31767">
        <v>98</v>
      </c>
      <c r="AC31767">
        <v>99</v>
      </c>
      <c r="AD31767">
        <v>101</v>
      </c>
      <c r="AE31767">
        <v>103</v>
      </c>
      <c r="AF31767">
        <v>105</v>
      </c>
      <c r="AG31767">
        <v>107</v>
      </c>
      <c r="AH31767">
        <v>109</v>
      </c>
      <c r="AI31767">
        <v>111</v>
      </c>
      <c r="AJ31767">
        <v>113</v>
      </c>
      <c r="AK31767">
        <v>115</v>
      </c>
      <c r="AL31767">
        <v>118</v>
      </c>
      <c r="AM31767">
        <v>120</v>
      </c>
      <c r="AN31767">
        <v>122</v>
      </c>
      <c r="AO31767">
        <v>125</v>
      </c>
      <c r="AP31767">
        <v>127</v>
      </c>
      <c r="AQ31767">
        <v>130</v>
      </c>
    </row>
    <row r="31768" spans="1:43">
      <c r="A31768" t="s">
        <v>19679</v>
      </c>
      <c r="B31768" t="s">
        <v>19680</v>
      </c>
      <c r="C31768" t="s">
        <v>19681</v>
      </c>
      <c r="D31768" t="s">
        <v>19682</v>
      </c>
      <c r="E31768" t="s">
        <v>19535</v>
      </c>
      <c r="F31768" t="s">
        <v>19536</v>
      </c>
      <c r="G31768" t="s">
        <v>10734</v>
      </c>
      <c r="H31768" t="s">
        <v>10735</v>
      </c>
      <c r="I31768" s="2">
        <v>0</v>
      </c>
      <c r="J31768" s="2">
        <v>0</v>
      </c>
      <c r="K31768" s="2">
        <v>0.84</v>
      </c>
      <c r="L31768" t="s">
        <v>995</v>
      </c>
      <c r="M31768" t="s">
        <v>89</v>
      </c>
      <c r="N31768" t="s">
        <v>90</v>
      </c>
      <c r="O31768" t="s">
        <v>85</v>
      </c>
      <c r="P31768" t="s">
        <v>86</v>
      </c>
      <c r="Q31768">
        <v>80</v>
      </c>
      <c r="R31768">
        <v>83</v>
      </c>
      <c r="S31768">
        <v>86</v>
      </c>
      <c r="T31768">
        <v>89</v>
      </c>
      <c r="U31768">
        <v>92</v>
      </c>
      <c r="V31768">
        <v>96</v>
      </c>
      <c r="W31768">
        <v>99</v>
      </c>
      <c r="X31768">
        <v>102</v>
      </c>
      <c r="Y31768">
        <v>105</v>
      </c>
      <c r="Z31768">
        <v>108</v>
      </c>
      <c r="AA31768">
        <v>111</v>
      </c>
      <c r="AB31768">
        <v>114</v>
      </c>
      <c r="AC31768">
        <v>117</v>
      </c>
      <c r="AD31768">
        <v>121</v>
      </c>
      <c r="AE31768">
        <v>124</v>
      </c>
      <c r="AF31768">
        <v>126</v>
      </c>
      <c r="AG31768">
        <v>128</v>
      </c>
      <c r="AH31768">
        <v>130</v>
      </c>
      <c r="AI31768">
        <v>132</v>
      </c>
      <c r="AJ31768">
        <v>134</v>
      </c>
      <c r="AK31768">
        <v>136</v>
      </c>
      <c r="AL31768">
        <v>139</v>
      </c>
      <c r="AM31768">
        <v>141</v>
      </c>
      <c r="AN31768">
        <v>143</v>
      </c>
      <c r="AO31768">
        <v>146</v>
      </c>
      <c r="AP31768">
        <v>148</v>
      </c>
      <c r="AQ31768">
        <v>151</v>
      </c>
    </row>
    <row r="31769" spans="1:43">
      <c r="A31769" t="s">
        <v>19679</v>
      </c>
      <c r="B31769" t="s">
        <v>19680</v>
      </c>
      <c r="C31769" t="s">
        <v>19681</v>
      </c>
      <c r="D31769" t="s">
        <v>19682</v>
      </c>
      <c r="E31769" t="s">
        <v>19535</v>
      </c>
      <c r="F31769" t="s">
        <v>19536</v>
      </c>
      <c r="G31769" t="s">
        <v>10734</v>
      </c>
      <c r="H31769" t="s">
        <v>10735</v>
      </c>
      <c r="I31769" s="2">
        <v>0</v>
      </c>
      <c r="J31769" s="2">
        <v>0</v>
      </c>
      <c r="K31769" s="2">
        <v>0.84</v>
      </c>
      <c r="L31769" t="s">
        <v>995</v>
      </c>
      <c r="M31769" t="s">
        <v>83</v>
      </c>
      <c r="N31769" t="s">
        <v>91</v>
      </c>
      <c r="O31769" t="s">
        <v>85</v>
      </c>
      <c r="P31769" t="s">
        <v>86</v>
      </c>
      <c r="Q31769">
        <v>80</v>
      </c>
      <c r="R31769">
        <v>83</v>
      </c>
      <c r="S31769">
        <v>85</v>
      </c>
      <c r="T31769">
        <v>88</v>
      </c>
      <c r="U31769">
        <v>90</v>
      </c>
      <c r="V31769">
        <v>92</v>
      </c>
      <c r="W31769">
        <v>95</v>
      </c>
      <c r="X31769">
        <v>97</v>
      </c>
      <c r="Y31769">
        <v>100</v>
      </c>
      <c r="Z31769">
        <v>103</v>
      </c>
      <c r="AA31769">
        <v>105</v>
      </c>
      <c r="AB31769">
        <v>108</v>
      </c>
      <c r="AC31769">
        <v>111</v>
      </c>
      <c r="AD31769">
        <v>114</v>
      </c>
      <c r="AE31769">
        <v>116</v>
      </c>
      <c r="AF31769">
        <v>119</v>
      </c>
      <c r="AG31769">
        <v>122</v>
      </c>
      <c r="AH31769">
        <v>125</v>
      </c>
      <c r="AI31769">
        <v>129</v>
      </c>
      <c r="AJ31769">
        <v>132</v>
      </c>
      <c r="AK31769">
        <v>135</v>
      </c>
      <c r="AL31769">
        <v>138</v>
      </c>
      <c r="AM31769">
        <v>140</v>
      </c>
      <c r="AN31769">
        <v>142</v>
      </c>
      <c r="AO31769">
        <v>145</v>
      </c>
      <c r="AP31769">
        <v>147</v>
      </c>
      <c r="AQ31769">
        <v>150</v>
      </c>
    </row>
    <row r="31770" spans="1:43">
      <c r="A31770" t="s">
        <v>19683</v>
      </c>
      <c r="B31770" t="s">
        <v>19684</v>
      </c>
      <c r="C31770" t="s">
        <v>19681</v>
      </c>
      <c r="D31770" t="s">
        <v>19682</v>
      </c>
      <c r="E31770" t="s">
        <v>19535</v>
      </c>
      <c r="F31770" t="s">
        <v>19536</v>
      </c>
      <c r="G31770" t="s">
        <v>10734</v>
      </c>
      <c r="H31770" t="s">
        <v>10735</v>
      </c>
      <c r="I31770" s="2">
        <v>0</v>
      </c>
      <c r="J31770" s="2">
        <v>0</v>
      </c>
      <c r="K31770" s="2">
        <v>1</v>
      </c>
      <c r="L31770" t="s">
        <v>995</v>
      </c>
      <c r="M31770" t="s">
        <v>83</v>
      </c>
      <c r="N31770" t="s">
        <v>84</v>
      </c>
      <c r="O31770" t="s">
        <v>85</v>
      </c>
      <c r="P31770" t="s">
        <v>86</v>
      </c>
      <c r="Q31770">
        <v>15</v>
      </c>
      <c r="R31770">
        <v>16</v>
      </c>
      <c r="S31770">
        <v>16</v>
      </c>
      <c r="T31770">
        <v>17</v>
      </c>
      <c r="U31770">
        <v>17</v>
      </c>
      <c r="V31770">
        <v>18</v>
      </c>
      <c r="W31770">
        <v>18</v>
      </c>
      <c r="X31770">
        <v>18</v>
      </c>
      <c r="Y31770">
        <v>19</v>
      </c>
      <c r="Z31770">
        <v>19</v>
      </c>
      <c r="AA31770">
        <v>20</v>
      </c>
      <c r="AB31770">
        <v>21</v>
      </c>
      <c r="AC31770">
        <v>21</v>
      </c>
      <c r="AD31770">
        <v>22</v>
      </c>
      <c r="AE31770">
        <v>22</v>
      </c>
      <c r="AF31770">
        <v>23</v>
      </c>
      <c r="AG31770">
        <v>23</v>
      </c>
      <c r="AH31770">
        <v>24</v>
      </c>
      <c r="AI31770">
        <v>24</v>
      </c>
      <c r="AJ31770">
        <v>25</v>
      </c>
      <c r="AK31770">
        <v>26</v>
      </c>
      <c r="AL31770">
        <v>26</v>
      </c>
      <c r="AM31770">
        <v>27</v>
      </c>
      <c r="AN31770">
        <v>27</v>
      </c>
      <c r="AO31770">
        <v>28</v>
      </c>
      <c r="AP31770">
        <v>28</v>
      </c>
      <c r="AQ31770">
        <v>28</v>
      </c>
    </row>
    <row r="31771" spans="1:43">
      <c r="A31771" t="s">
        <v>19683</v>
      </c>
      <c r="B31771" t="s">
        <v>19684</v>
      </c>
      <c r="C31771" t="s">
        <v>19681</v>
      </c>
      <c r="D31771" t="s">
        <v>19682</v>
      </c>
      <c r="E31771" t="s">
        <v>19535</v>
      </c>
      <c r="F31771" t="s">
        <v>19536</v>
      </c>
      <c r="G31771" t="s">
        <v>10734</v>
      </c>
      <c r="H31771" t="s">
        <v>10735</v>
      </c>
      <c r="I31771" s="2">
        <v>0</v>
      </c>
      <c r="J31771" s="2">
        <v>0</v>
      </c>
      <c r="K31771" s="2">
        <v>1</v>
      </c>
      <c r="L31771" t="s">
        <v>995</v>
      </c>
      <c r="M31771" t="s">
        <v>87</v>
      </c>
      <c r="N31771" t="s">
        <v>88</v>
      </c>
      <c r="O31771" t="s">
        <v>85</v>
      </c>
      <c r="P31771" t="s">
        <v>86</v>
      </c>
      <c r="Q31771">
        <v>15</v>
      </c>
      <c r="R31771">
        <v>15</v>
      </c>
      <c r="S31771">
        <v>16</v>
      </c>
      <c r="T31771">
        <v>16</v>
      </c>
      <c r="U31771">
        <v>16</v>
      </c>
      <c r="V31771">
        <v>17</v>
      </c>
      <c r="W31771">
        <v>17</v>
      </c>
      <c r="X31771">
        <v>17</v>
      </c>
      <c r="Y31771">
        <v>18</v>
      </c>
      <c r="Z31771">
        <v>18</v>
      </c>
      <c r="AA31771">
        <v>18</v>
      </c>
      <c r="AB31771">
        <v>19</v>
      </c>
      <c r="AC31771">
        <v>19</v>
      </c>
      <c r="AD31771">
        <v>19</v>
      </c>
      <c r="AE31771">
        <v>20</v>
      </c>
      <c r="AF31771">
        <v>20</v>
      </c>
      <c r="AG31771">
        <v>20</v>
      </c>
      <c r="AH31771">
        <v>21</v>
      </c>
      <c r="AI31771">
        <v>21</v>
      </c>
      <c r="AJ31771">
        <v>22</v>
      </c>
      <c r="AK31771">
        <v>22</v>
      </c>
      <c r="AL31771">
        <v>22</v>
      </c>
      <c r="AM31771">
        <v>23</v>
      </c>
      <c r="AN31771">
        <v>23</v>
      </c>
      <c r="AO31771">
        <v>24</v>
      </c>
      <c r="AP31771">
        <v>24</v>
      </c>
      <c r="AQ31771">
        <v>25</v>
      </c>
    </row>
    <row r="31772" spans="1:43">
      <c r="A31772" t="s">
        <v>19683</v>
      </c>
      <c r="B31772" t="s">
        <v>19684</v>
      </c>
      <c r="C31772" t="s">
        <v>19681</v>
      </c>
      <c r="D31772" t="s">
        <v>19682</v>
      </c>
      <c r="E31772" t="s">
        <v>19535</v>
      </c>
      <c r="F31772" t="s">
        <v>19536</v>
      </c>
      <c r="G31772" t="s">
        <v>10734</v>
      </c>
      <c r="H31772" t="s">
        <v>10735</v>
      </c>
      <c r="I31772" s="2">
        <v>0</v>
      </c>
      <c r="J31772" s="2">
        <v>0</v>
      </c>
      <c r="K31772" s="2">
        <v>1</v>
      </c>
      <c r="L31772" t="s">
        <v>995</v>
      </c>
      <c r="M31772" t="s">
        <v>89</v>
      </c>
      <c r="N31772" t="s">
        <v>90</v>
      </c>
      <c r="O31772" t="s">
        <v>85</v>
      </c>
      <c r="P31772" t="s">
        <v>86</v>
      </c>
      <c r="Q31772">
        <v>15</v>
      </c>
      <c r="R31772">
        <v>16</v>
      </c>
      <c r="S31772">
        <v>17</v>
      </c>
      <c r="T31772">
        <v>17</v>
      </c>
      <c r="U31772">
        <v>18</v>
      </c>
      <c r="V31772">
        <v>18</v>
      </c>
      <c r="W31772">
        <v>19</v>
      </c>
      <c r="X31772">
        <v>20</v>
      </c>
      <c r="Y31772">
        <v>20</v>
      </c>
      <c r="Z31772">
        <v>21</v>
      </c>
      <c r="AA31772">
        <v>21</v>
      </c>
      <c r="AB31772">
        <v>22</v>
      </c>
      <c r="AC31772">
        <v>22</v>
      </c>
      <c r="AD31772">
        <v>23</v>
      </c>
      <c r="AE31772">
        <v>24</v>
      </c>
      <c r="AF31772">
        <v>24</v>
      </c>
      <c r="AG31772">
        <v>24</v>
      </c>
      <c r="AH31772">
        <v>25</v>
      </c>
      <c r="AI31772">
        <v>25</v>
      </c>
      <c r="AJ31772">
        <v>26</v>
      </c>
      <c r="AK31772">
        <v>26</v>
      </c>
      <c r="AL31772">
        <v>27</v>
      </c>
      <c r="AM31772">
        <v>27</v>
      </c>
      <c r="AN31772">
        <v>27</v>
      </c>
      <c r="AO31772">
        <v>28</v>
      </c>
      <c r="AP31772">
        <v>28</v>
      </c>
      <c r="AQ31772">
        <v>29</v>
      </c>
    </row>
    <row r="31773" spans="1:43">
      <c r="A31773" t="s">
        <v>19683</v>
      </c>
      <c r="B31773" t="s">
        <v>19684</v>
      </c>
      <c r="C31773" t="s">
        <v>19681</v>
      </c>
      <c r="D31773" t="s">
        <v>19682</v>
      </c>
      <c r="E31773" t="s">
        <v>19535</v>
      </c>
      <c r="F31773" t="s">
        <v>19536</v>
      </c>
      <c r="G31773" t="s">
        <v>10734</v>
      </c>
      <c r="H31773" t="s">
        <v>10735</v>
      </c>
      <c r="I31773" s="2">
        <v>0</v>
      </c>
      <c r="J31773" s="2">
        <v>0</v>
      </c>
      <c r="K31773" s="2">
        <v>1</v>
      </c>
      <c r="L31773" t="s">
        <v>995</v>
      </c>
      <c r="M31773" t="s">
        <v>83</v>
      </c>
      <c r="N31773" t="s">
        <v>91</v>
      </c>
      <c r="O31773" t="s">
        <v>85</v>
      </c>
      <c r="P31773" t="s">
        <v>86</v>
      </c>
      <c r="Q31773">
        <v>15</v>
      </c>
      <c r="R31773">
        <v>16</v>
      </c>
      <c r="S31773">
        <v>16</v>
      </c>
      <c r="T31773">
        <v>17</v>
      </c>
      <c r="U31773">
        <v>17</v>
      </c>
      <c r="V31773">
        <v>18</v>
      </c>
      <c r="W31773">
        <v>18</v>
      </c>
      <c r="X31773">
        <v>18</v>
      </c>
      <c r="Y31773">
        <v>19</v>
      </c>
      <c r="Z31773">
        <v>19</v>
      </c>
      <c r="AA31773">
        <v>20</v>
      </c>
      <c r="AB31773">
        <v>21</v>
      </c>
      <c r="AC31773">
        <v>21</v>
      </c>
      <c r="AD31773">
        <v>22</v>
      </c>
      <c r="AE31773">
        <v>22</v>
      </c>
      <c r="AF31773">
        <v>23</v>
      </c>
      <c r="AG31773">
        <v>23</v>
      </c>
      <c r="AH31773">
        <v>24</v>
      </c>
      <c r="AI31773">
        <v>24</v>
      </c>
      <c r="AJ31773">
        <v>25</v>
      </c>
      <c r="AK31773">
        <v>26</v>
      </c>
      <c r="AL31773">
        <v>26</v>
      </c>
      <c r="AM31773">
        <v>27</v>
      </c>
      <c r="AN31773">
        <v>27</v>
      </c>
      <c r="AO31773">
        <v>28</v>
      </c>
      <c r="AP31773">
        <v>28</v>
      </c>
      <c r="AQ31773">
        <v>28</v>
      </c>
    </row>
    <row r="31774" spans="1:43">
      <c r="A31774" t="s">
        <v>19685</v>
      </c>
      <c r="B31774" t="s">
        <v>19686</v>
      </c>
      <c r="C31774" t="s">
        <v>19681</v>
      </c>
      <c r="D31774" t="s">
        <v>19682</v>
      </c>
      <c r="E31774" t="s">
        <v>19535</v>
      </c>
      <c r="F31774" t="s">
        <v>19536</v>
      </c>
      <c r="G31774" t="s">
        <v>10734</v>
      </c>
      <c r="H31774" t="s">
        <v>10735</v>
      </c>
      <c r="I31774" s="2">
        <v>0</v>
      </c>
      <c r="J31774" s="2">
        <v>0</v>
      </c>
      <c r="K31774" s="2">
        <v>1</v>
      </c>
      <c r="L31774" t="s">
        <v>995</v>
      </c>
      <c r="M31774" t="s">
        <v>83</v>
      </c>
      <c r="N31774" t="s">
        <v>84</v>
      </c>
      <c r="O31774" t="s">
        <v>85</v>
      </c>
      <c r="P31774" t="s">
        <v>86</v>
      </c>
      <c r="Q31774">
        <v>51</v>
      </c>
      <c r="R31774">
        <v>52</v>
      </c>
      <c r="S31774">
        <v>54</v>
      </c>
      <c r="T31774">
        <v>55</v>
      </c>
      <c r="U31774">
        <v>57</v>
      </c>
      <c r="V31774">
        <v>58</v>
      </c>
      <c r="W31774">
        <v>60</v>
      </c>
      <c r="X31774">
        <v>62</v>
      </c>
      <c r="Y31774">
        <v>63</v>
      </c>
      <c r="Z31774">
        <v>65</v>
      </c>
      <c r="AA31774">
        <v>67</v>
      </c>
      <c r="AB31774">
        <v>68</v>
      </c>
      <c r="AC31774">
        <v>70</v>
      </c>
      <c r="AD31774">
        <v>72</v>
      </c>
      <c r="AE31774">
        <v>74</v>
      </c>
      <c r="AF31774">
        <v>75</v>
      </c>
      <c r="AG31774">
        <v>77</v>
      </c>
      <c r="AH31774">
        <v>79</v>
      </c>
      <c r="AI31774">
        <v>81</v>
      </c>
      <c r="AJ31774">
        <v>83</v>
      </c>
      <c r="AK31774">
        <v>85</v>
      </c>
      <c r="AL31774">
        <v>87</v>
      </c>
      <c r="AM31774">
        <v>89</v>
      </c>
      <c r="AN31774">
        <v>90</v>
      </c>
      <c r="AO31774">
        <v>92</v>
      </c>
      <c r="AP31774">
        <v>93</v>
      </c>
      <c r="AQ31774">
        <v>95</v>
      </c>
    </row>
    <row r="31775" spans="1:43">
      <c r="A31775" t="s">
        <v>19685</v>
      </c>
      <c r="B31775" t="s">
        <v>19686</v>
      </c>
      <c r="C31775" t="s">
        <v>19681</v>
      </c>
      <c r="D31775" t="s">
        <v>19682</v>
      </c>
      <c r="E31775" t="s">
        <v>19535</v>
      </c>
      <c r="F31775" t="s">
        <v>19536</v>
      </c>
      <c r="G31775" t="s">
        <v>10734</v>
      </c>
      <c r="H31775" t="s">
        <v>10735</v>
      </c>
      <c r="I31775" s="2">
        <v>0</v>
      </c>
      <c r="J31775" s="2">
        <v>0</v>
      </c>
      <c r="K31775" s="2">
        <v>1</v>
      </c>
      <c r="L31775" t="s">
        <v>995</v>
      </c>
      <c r="M31775" t="s">
        <v>87</v>
      </c>
      <c r="N31775" t="s">
        <v>88</v>
      </c>
      <c r="O31775" t="s">
        <v>85</v>
      </c>
      <c r="P31775" t="s">
        <v>86</v>
      </c>
      <c r="Q31775">
        <v>51</v>
      </c>
      <c r="R31775">
        <v>52</v>
      </c>
      <c r="S31775">
        <v>53</v>
      </c>
      <c r="T31775">
        <v>54</v>
      </c>
      <c r="U31775">
        <v>55</v>
      </c>
      <c r="V31775">
        <v>56</v>
      </c>
      <c r="W31775">
        <v>57</v>
      </c>
      <c r="X31775">
        <v>58</v>
      </c>
      <c r="Y31775">
        <v>59</v>
      </c>
      <c r="Z31775">
        <v>60</v>
      </c>
      <c r="AA31775">
        <v>62</v>
      </c>
      <c r="AB31775">
        <v>63</v>
      </c>
      <c r="AC31775">
        <v>64</v>
      </c>
      <c r="AD31775">
        <v>65</v>
      </c>
      <c r="AE31775">
        <v>66</v>
      </c>
      <c r="AF31775">
        <v>67</v>
      </c>
      <c r="AG31775">
        <v>69</v>
      </c>
      <c r="AH31775">
        <v>70</v>
      </c>
      <c r="AI31775">
        <v>71</v>
      </c>
      <c r="AJ31775">
        <v>73</v>
      </c>
      <c r="AK31775">
        <v>74</v>
      </c>
      <c r="AL31775">
        <v>75</v>
      </c>
      <c r="AM31775">
        <v>77</v>
      </c>
      <c r="AN31775">
        <v>78</v>
      </c>
      <c r="AO31775">
        <v>80</v>
      </c>
      <c r="AP31775">
        <v>81</v>
      </c>
      <c r="AQ31775">
        <v>83</v>
      </c>
    </row>
    <row r="31776" spans="1:43">
      <c r="A31776" t="s">
        <v>19685</v>
      </c>
      <c r="B31776" t="s">
        <v>19686</v>
      </c>
      <c r="C31776" t="s">
        <v>19681</v>
      </c>
      <c r="D31776" t="s">
        <v>19682</v>
      </c>
      <c r="E31776" t="s">
        <v>19535</v>
      </c>
      <c r="F31776" t="s">
        <v>19536</v>
      </c>
      <c r="G31776" t="s">
        <v>10734</v>
      </c>
      <c r="H31776" t="s">
        <v>10735</v>
      </c>
      <c r="I31776" s="2">
        <v>0</v>
      </c>
      <c r="J31776" s="2">
        <v>0</v>
      </c>
      <c r="K31776" s="2">
        <v>1</v>
      </c>
      <c r="L31776" t="s">
        <v>995</v>
      </c>
      <c r="M31776" t="s">
        <v>89</v>
      </c>
      <c r="N31776" t="s">
        <v>90</v>
      </c>
      <c r="O31776" t="s">
        <v>85</v>
      </c>
      <c r="P31776" t="s">
        <v>86</v>
      </c>
      <c r="Q31776">
        <v>51</v>
      </c>
      <c r="R31776">
        <v>53</v>
      </c>
      <c r="S31776">
        <v>55</v>
      </c>
      <c r="T31776">
        <v>57</v>
      </c>
      <c r="U31776">
        <v>59</v>
      </c>
      <c r="V31776">
        <v>61</v>
      </c>
      <c r="W31776">
        <v>63</v>
      </c>
      <c r="X31776">
        <v>65</v>
      </c>
      <c r="Y31776">
        <v>67</v>
      </c>
      <c r="Z31776">
        <v>69</v>
      </c>
      <c r="AA31776">
        <v>71</v>
      </c>
      <c r="AB31776">
        <v>73</v>
      </c>
      <c r="AC31776">
        <v>75</v>
      </c>
      <c r="AD31776">
        <v>77</v>
      </c>
      <c r="AE31776">
        <v>79</v>
      </c>
      <c r="AF31776">
        <v>80</v>
      </c>
      <c r="AG31776">
        <v>81</v>
      </c>
      <c r="AH31776">
        <v>83</v>
      </c>
      <c r="AI31776">
        <v>84</v>
      </c>
      <c r="AJ31776">
        <v>86</v>
      </c>
      <c r="AK31776">
        <v>87</v>
      </c>
      <c r="AL31776">
        <v>88</v>
      </c>
      <c r="AM31776">
        <v>90</v>
      </c>
      <c r="AN31776">
        <v>91</v>
      </c>
      <c r="AO31776">
        <v>93</v>
      </c>
      <c r="AP31776">
        <v>94</v>
      </c>
      <c r="AQ31776">
        <v>96</v>
      </c>
    </row>
    <row r="31777" spans="1:43">
      <c r="A31777" t="s">
        <v>19685</v>
      </c>
      <c r="B31777" t="s">
        <v>19686</v>
      </c>
      <c r="C31777" t="s">
        <v>19681</v>
      </c>
      <c r="D31777" t="s">
        <v>19682</v>
      </c>
      <c r="E31777" t="s">
        <v>19535</v>
      </c>
      <c r="F31777" t="s">
        <v>19536</v>
      </c>
      <c r="G31777" t="s">
        <v>10734</v>
      </c>
      <c r="H31777" t="s">
        <v>10735</v>
      </c>
      <c r="I31777" s="2">
        <v>0</v>
      </c>
      <c r="J31777" s="2">
        <v>0</v>
      </c>
      <c r="K31777" s="2">
        <v>1</v>
      </c>
      <c r="L31777" t="s">
        <v>995</v>
      </c>
      <c r="M31777" t="s">
        <v>83</v>
      </c>
      <c r="N31777" t="s">
        <v>91</v>
      </c>
      <c r="O31777" t="s">
        <v>85</v>
      </c>
      <c r="P31777" t="s">
        <v>86</v>
      </c>
      <c r="Q31777">
        <v>51</v>
      </c>
      <c r="R31777">
        <v>52</v>
      </c>
      <c r="S31777">
        <v>54</v>
      </c>
      <c r="T31777">
        <v>55</v>
      </c>
      <c r="U31777">
        <v>57</v>
      </c>
      <c r="V31777">
        <v>58</v>
      </c>
      <c r="W31777">
        <v>60</v>
      </c>
      <c r="X31777">
        <v>62</v>
      </c>
      <c r="Y31777">
        <v>63</v>
      </c>
      <c r="Z31777">
        <v>65</v>
      </c>
      <c r="AA31777">
        <v>67</v>
      </c>
      <c r="AB31777">
        <v>68</v>
      </c>
      <c r="AC31777">
        <v>70</v>
      </c>
      <c r="AD31777">
        <v>72</v>
      </c>
      <c r="AE31777">
        <v>74</v>
      </c>
      <c r="AF31777">
        <v>75</v>
      </c>
      <c r="AG31777">
        <v>77</v>
      </c>
      <c r="AH31777">
        <v>79</v>
      </c>
      <c r="AI31777">
        <v>81</v>
      </c>
      <c r="AJ31777">
        <v>83</v>
      </c>
      <c r="AK31777">
        <v>85</v>
      </c>
      <c r="AL31777">
        <v>87</v>
      </c>
      <c r="AM31777">
        <v>89</v>
      </c>
      <c r="AN31777">
        <v>90</v>
      </c>
      <c r="AO31777">
        <v>92</v>
      </c>
      <c r="AP31777">
        <v>93</v>
      </c>
      <c r="AQ31777">
        <v>95</v>
      </c>
    </row>
    <row r="31778" spans="1:43">
      <c r="A31778" t="s">
        <v>19687</v>
      </c>
      <c r="B31778" t="s">
        <v>19688</v>
      </c>
      <c r="C31778" t="s">
        <v>19681</v>
      </c>
      <c r="D31778" t="s">
        <v>19682</v>
      </c>
      <c r="E31778" t="s">
        <v>19535</v>
      </c>
      <c r="F31778" t="s">
        <v>19536</v>
      </c>
      <c r="G31778" t="s">
        <v>10734</v>
      </c>
      <c r="H31778" t="s">
        <v>10735</v>
      </c>
      <c r="I31778" s="2">
        <v>0</v>
      </c>
      <c r="J31778" s="2">
        <v>0</v>
      </c>
      <c r="K31778" s="2">
        <v>1</v>
      </c>
      <c r="L31778" t="s">
        <v>995</v>
      </c>
      <c r="M31778" t="s">
        <v>83</v>
      </c>
      <c r="N31778" t="s">
        <v>84</v>
      </c>
      <c r="O31778" t="s">
        <v>85</v>
      </c>
      <c r="P31778" t="s">
        <v>86</v>
      </c>
      <c r="Q31778">
        <v>5</v>
      </c>
      <c r="R31778">
        <v>5</v>
      </c>
      <c r="S31778">
        <v>5</v>
      </c>
      <c r="T31778">
        <v>5</v>
      </c>
      <c r="U31778">
        <v>5</v>
      </c>
      <c r="V31778">
        <v>6</v>
      </c>
      <c r="W31778">
        <v>6</v>
      </c>
      <c r="X31778">
        <v>6</v>
      </c>
      <c r="Y31778">
        <v>6</v>
      </c>
      <c r="Z31778">
        <v>6</v>
      </c>
      <c r="AA31778">
        <v>6</v>
      </c>
      <c r="AB31778">
        <v>6</v>
      </c>
      <c r="AC31778">
        <v>7</v>
      </c>
      <c r="AD31778">
        <v>7</v>
      </c>
      <c r="AE31778">
        <v>7</v>
      </c>
      <c r="AF31778">
        <v>7</v>
      </c>
      <c r="AG31778">
        <v>7</v>
      </c>
      <c r="AH31778">
        <v>8</v>
      </c>
      <c r="AI31778">
        <v>8</v>
      </c>
      <c r="AJ31778">
        <v>8</v>
      </c>
      <c r="AK31778">
        <v>8</v>
      </c>
      <c r="AL31778">
        <v>8</v>
      </c>
      <c r="AM31778">
        <v>8</v>
      </c>
      <c r="AN31778">
        <v>9</v>
      </c>
      <c r="AO31778">
        <v>9</v>
      </c>
      <c r="AP31778">
        <v>9</v>
      </c>
      <c r="AQ31778">
        <v>9</v>
      </c>
    </row>
    <row r="31779" spans="1:43">
      <c r="A31779" t="s">
        <v>19687</v>
      </c>
      <c r="B31779" t="s">
        <v>19688</v>
      </c>
      <c r="C31779" t="s">
        <v>19681</v>
      </c>
      <c r="D31779" t="s">
        <v>19682</v>
      </c>
      <c r="E31779" t="s">
        <v>19535</v>
      </c>
      <c r="F31779" t="s">
        <v>19536</v>
      </c>
      <c r="G31779" t="s">
        <v>10734</v>
      </c>
      <c r="H31779" t="s">
        <v>10735</v>
      </c>
      <c r="I31779" s="2">
        <v>0</v>
      </c>
      <c r="J31779" s="2">
        <v>0</v>
      </c>
      <c r="K31779" s="2">
        <v>1</v>
      </c>
      <c r="L31779" t="s">
        <v>995</v>
      </c>
      <c r="M31779" t="s">
        <v>87</v>
      </c>
      <c r="N31779" t="s">
        <v>88</v>
      </c>
      <c r="O31779" t="s">
        <v>85</v>
      </c>
      <c r="P31779" t="s">
        <v>86</v>
      </c>
      <c r="Q31779">
        <v>5</v>
      </c>
      <c r="R31779">
        <v>5</v>
      </c>
      <c r="S31779">
        <v>5</v>
      </c>
      <c r="T31779">
        <v>5</v>
      </c>
      <c r="U31779">
        <v>5</v>
      </c>
      <c r="V31779">
        <v>5</v>
      </c>
      <c r="W31779">
        <v>5</v>
      </c>
      <c r="X31779">
        <v>5</v>
      </c>
      <c r="Y31779">
        <v>6</v>
      </c>
      <c r="Z31779">
        <v>6</v>
      </c>
      <c r="AA31779">
        <v>6</v>
      </c>
      <c r="AB31779">
        <v>6</v>
      </c>
      <c r="AC31779">
        <v>6</v>
      </c>
      <c r="AD31779">
        <v>6</v>
      </c>
      <c r="AE31779">
        <v>6</v>
      </c>
      <c r="AF31779">
        <v>6</v>
      </c>
      <c r="AG31779">
        <v>6</v>
      </c>
      <c r="AH31779">
        <v>7</v>
      </c>
      <c r="AI31779">
        <v>7</v>
      </c>
      <c r="AJ31779">
        <v>7</v>
      </c>
      <c r="AK31779">
        <v>7</v>
      </c>
      <c r="AL31779">
        <v>7</v>
      </c>
      <c r="AM31779">
        <v>7</v>
      </c>
      <c r="AN31779">
        <v>7</v>
      </c>
      <c r="AO31779">
        <v>7</v>
      </c>
      <c r="AP31779">
        <v>8</v>
      </c>
      <c r="AQ31779">
        <v>8</v>
      </c>
    </row>
    <row r="31780" spans="1:43">
      <c r="A31780" t="s">
        <v>19687</v>
      </c>
      <c r="B31780" t="s">
        <v>19688</v>
      </c>
      <c r="C31780" t="s">
        <v>19681</v>
      </c>
      <c r="D31780" t="s">
        <v>19682</v>
      </c>
      <c r="E31780" t="s">
        <v>19535</v>
      </c>
      <c r="F31780" t="s">
        <v>19536</v>
      </c>
      <c r="G31780" t="s">
        <v>10734</v>
      </c>
      <c r="H31780" t="s">
        <v>10735</v>
      </c>
      <c r="I31780" s="2">
        <v>0</v>
      </c>
      <c r="J31780" s="2">
        <v>0</v>
      </c>
      <c r="K31780" s="2">
        <v>1</v>
      </c>
      <c r="L31780" t="s">
        <v>995</v>
      </c>
      <c r="M31780" t="s">
        <v>89</v>
      </c>
      <c r="N31780" t="s">
        <v>90</v>
      </c>
      <c r="O31780" t="s">
        <v>85</v>
      </c>
      <c r="P31780" t="s">
        <v>86</v>
      </c>
      <c r="Q31780">
        <v>5</v>
      </c>
      <c r="R31780">
        <v>5</v>
      </c>
      <c r="S31780">
        <v>5</v>
      </c>
      <c r="T31780">
        <v>5</v>
      </c>
      <c r="U31780">
        <v>6</v>
      </c>
      <c r="V31780">
        <v>6</v>
      </c>
      <c r="W31780">
        <v>6</v>
      </c>
      <c r="X31780">
        <v>6</v>
      </c>
      <c r="Y31780">
        <v>6</v>
      </c>
      <c r="Z31780">
        <v>7</v>
      </c>
      <c r="AA31780">
        <v>7</v>
      </c>
      <c r="AB31780">
        <v>7</v>
      </c>
      <c r="AC31780">
        <v>7</v>
      </c>
      <c r="AD31780">
        <v>7</v>
      </c>
      <c r="AE31780">
        <v>7</v>
      </c>
      <c r="AF31780">
        <v>8</v>
      </c>
      <c r="AG31780">
        <v>8</v>
      </c>
      <c r="AH31780">
        <v>8</v>
      </c>
      <c r="AI31780">
        <v>8</v>
      </c>
      <c r="AJ31780">
        <v>8</v>
      </c>
      <c r="AK31780">
        <v>8</v>
      </c>
      <c r="AL31780">
        <v>8</v>
      </c>
      <c r="AM31780">
        <v>9</v>
      </c>
      <c r="AN31780">
        <v>9</v>
      </c>
      <c r="AO31780">
        <v>9</v>
      </c>
      <c r="AP31780">
        <v>9</v>
      </c>
      <c r="AQ31780">
        <v>9</v>
      </c>
    </row>
    <row r="31781" spans="1:43">
      <c r="A31781" t="s">
        <v>19687</v>
      </c>
      <c r="B31781" t="s">
        <v>19688</v>
      </c>
      <c r="C31781" t="s">
        <v>19681</v>
      </c>
      <c r="D31781" t="s">
        <v>19682</v>
      </c>
      <c r="E31781" t="s">
        <v>19535</v>
      </c>
      <c r="F31781" t="s">
        <v>19536</v>
      </c>
      <c r="G31781" t="s">
        <v>10734</v>
      </c>
      <c r="H31781" t="s">
        <v>10735</v>
      </c>
      <c r="I31781" s="2">
        <v>0</v>
      </c>
      <c r="J31781" s="2">
        <v>0</v>
      </c>
      <c r="K31781" s="2">
        <v>1</v>
      </c>
      <c r="L31781" t="s">
        <v>995</v>
      </c>
      <c r="M31781" t="s">
        <v>83</v>
      </c>
      <c r="N31781" t="s">
        <v>91</v>
      </c>
      <c r="O31781" t="s">
        <v>85</v>
      </c>
      <c r="P31781" t="s">
        <v>86</v>
      </c>
      <c r="Q31781">
        <v>5</v>
      </c>
      <c r="R31781">
        <v>5</v>
      </c>
      <c r="S31781">
        <v>5</v>
      </c>
      <c r="T31781">
        <v>5</v>
      </c>
      <c r="U31781">
        <v>5</v>
      </c>
      <c r="V31781">
        <v>6</v>
      </c>
      <c r="W31781">
        <v>6</v>
      </c>
      <c r="X31781">
        <v>6</v>
      </c>
      <c r="Y31781">
        <v>6</v>
      </c>
      <c r="Z31781">
        <v>6</v>
      </c>
      <c r="AA31781">
        <v>6</v>
      </c>
      <c r="AB31781">
        <v>6</v>
      </c>
      <c r="AC31781">
        <v>7</v>
      </c>
      <c r="AD31781">
        <v>7</v>
      </c>
      <c r="AE31781">
        <v>7</v>
      </c>
      <c r="AF31781">
        <v>7</v>
      </c>
      <c r="AG31781">
        <v>7</v>
      </c>
      <c r="AH31781">
        <v>8</v>
      </c>
      <c r="AI31781">
        <v>8</v>
      </c>
      <c r="AJ31781">
        <v>8</v>
      </c>
      <c r="AK31781">
        <v>8</v>
      </c>
      <c r="AL31781">
        <v>8</v>
      </c>
      <c r="AM31781">
        <v>8</v>
      </c>
      <c r="AN31781">
        <v>9</v>
      </c>
      <c r="AO31781">
        <v>9</v>
      </c>
      <c r="AP31781">
        <v>9</v>
      </c>
      <c r="AQ31781">
        <v>9</v>
      </c>
    </row>
    <row r="31782" spans="1:43">
      <c r="A31782" t="s">
        <v>19689</v>
      </c>
      <c r="B31782" t="s">
        <v>19690</v>
      </c>
      <c r="C31782" t="s">
        <v>19641</v>
      </c>
      <c r="D31782" t="s">
        <v>19642</v>
      </c>
      <c r="E31782" t="s">
        <v>19535</v>
      </c>
      <c r="F31782" t="s">
        <v>19536</v>
      </c>
      <c r="G31782" t="s">
        <v>10734</v>
      </c>
      <c r="H31782" t="s">
        <v>10735</v>
      </c>
      <c r="I31782" s="2">
        <v>0</v>
      </c>
      <c r="J31782" s="2">
        <v>0</v>
      </c>
      <c r="K31782" s="2">
        <v>1</v>
      </c>
      <c r="L31782" t="s">
        <v>995</v>
      </c>
      <c r="M31782" t="s">
        <v>83</v>
      </c>
      <c r="N31782" t="s">
        <v>84</v>
      </c>
      <c r="O31782" t="s">
        <v>85</v>
      </c>
      <c r="P31782" t="s">
        <v>86</v>
      </c>
      <c r="Q31782">
        <v>6</v>
      </c>
      <c r="R31782">
        <v>6</v>
      </c>
      <c r="S31782">
        <v>6</v>
      </c>
      <c r="T31782">
        <v>6</v>
      </c>
      <c r="U31782">
        <v>6</v>
      </c>
      <c r="V31782">
        <v>6</v>
      </c>
      <c r="W31782">
        <v>7</v>
      </c>
      <c r="X31782">
        <v>7</v>
      </c>
      <c r="Y31782">
        <v>7</v>
      </c>
      <c r="Z31782">
        <v>7</v>
      </c>
      <c r="AA31782">
        <v>7</v>
      </c>
      <c r="AB31782">
        <v>7</v>
      </c>
      <c r="AC31782">
        <v>8</v>
      </c>
      <c r="AD31782">
        <v>8</v>
      </c>
      <c r="AE31782">
        <v>8</v>
      </c>
      <c r="AF31782">
        <v>8</v>
      </c>
      <c r="AG31782">
        <v>8</v>
      </c>
      <c r="AH31782">
        <v>9</v>
      </c>
      <c r="AI31782">
        <v>9</v>
      </c>
      <c r="AJ31782">
        <v>9</v>
      </c>
      <c r="AK31782">
        <v>9</v>
      </c>
      <c r="AL31782">
        <v>9</v>
      </c>
      <c r="AM31782">
        <v>10</v>
      </c>
      <c r="AN31782">
        <v>10</v>
      </c>
      <c r="AO31782">
        <v>10</v>
      </c>
      <c r="AP31782">
        <v>10</v>
      </c>
      <c r="AQ31782">
        <v>10</v>
      </c>
    </row>
    <row r="31783" spans="1:43">
      <c r="A31783" t="s">
        <v>19689</v>
      </c>
      <c r="B31783" t="s">
        <v>19690</v>
      </c>
      <c r="C31783" t="s">
        <v>19641</v>
      </c>
      <c r="D31783" t="s">
        <v>19642</v>
      </c>
      <c r="E31783" t="s">
        <v>19535</v>
      </c>
      <c r="F31783" t="s">
        <v>19536</v>
      </c>
      <c r="G31783" t="s">
        <v>10734</v>
      </c>
      <c r="H31783" t="s">
        <v>10735</v>
      </c>
      <c r="I31783" s="2">
        <v>0</v>
      </c>
      <c r="J31783" s="2">
        <v>0</v>
      </c>
      <c r="K31783" s="2">
        <v>1</v>
      </c>
      <c r="L31783" t="s">
        <v>995</v>
      </c>
      <c r="M31783" t="s">
        <v>87</v>
      </c>
      <c r="N31783" t="s">
        <v>88</v>
      </c>
      <c r="O31783" t="s">
        <v>85</v>
      </c>
      <c r="P31783" t="s">
        <v>86</v>
      </c>
      <c r="Q31783">
        <v>6</v>
      </c>
      <c r="R31783">
        <v>7</v>
      </c>
      <c r="S31783">
        <v>7</v>
      </c>
      <c r="T31783">
        <v>7</v>
      </c>
      <c r="U31783">
        <v>7</v>
      </c>
      <c r="V31783">
        <v>7</v>
      </c>
      <c r="W31783">
        <v>7</v>
      </c>
      <c r="X31783">
        <v>7</v>
      </c>
      <c r="Y31783">
        <v>7</v>
      </c>
      <c r="Z31783">
        <v>7</v>
      </c>
      <c r="AA31783">
        <v>8</v>
      </c>
      <c r="AB31783">
        <v>8</v>
      </c>
      <c r="AC31783">
        <v>8</v>
      </c>
      <c r="AD31783">
        <v>8</v>
      </c>
      <c r="AE31783">
        <v>8</v>
      </c>
      <c r="AF31783">
        <v>8</v>
      </c>
      <c r="AG31783">
        <v>8</v>
      </c>
      <c r="AH31783">
        <v>9</v>
      </c>
      <c r="AI31783">
        <v>9</v>
      </c>
      <c r="AJ31783">
        <v>9</v>
      </c>
      <c r="AK31783">
        <v>9</v>
      </c>
      <c r="AL31783">
        <v>9</v>
      </c>
      <c r="AM31783">
        <v>9</v>
      </c>
      <c r="AN31783">
        <v>9</v>
      </c>
      <c r="AO31783">
        <v>10</v>
      </c>
      <c r="AP31783">
        <v>10</v>
      </c>
      <c r="AQ31783">
        <v>10</v>
      </c>
    </row>
    <row r="31784" spans="1:43">
      <c r="A31784" t="s">
        <v>19689</v>
      </c>
      <c r="B31784" t="s">
        <v>19690</v>
      </c>
      <c r="C31784" t="s">
        <v>19641</v>
      </c>
      <c r="D31784" t="s">
        <v>19642</v>
      </c>
      <c r="E31784" t="s">
        <v>19535</v>
      </c>
      <c r="F31784" t="s">
        <v>19536</v>
      </c>
      <c r="G31784" t="s">
        <v>10734</v>
      </c>
      <c r="H31784" t="s">
        <v>10735</v>
      </c>
      <c r="I31784" s="2">
        <v>0</v>
      </c>
      <c r="J31784" s="2">
        <v>0</v>
      </c>
      <c r="K31784" s="2">
        <v>1</v>
      </c>
      <c r="L31784" t="s">
        <v>995</v>
      </c>
      <c r="M31784" t="s">
        <v>89</v>
      </c>
      <c r="N31784" t="s">
        <v>90</v>
      </c>
      <c r="O31784" t="s">
        <v>85</v>
      </c>
      <c r="P31784" t="s">
        <v>86</v>
      </c>
      <c r="Q31784">
        <v>6</v>
      </c>
      <c r="R31784">
        <v>6</v>
      </c>
      <c r="S31784">
        <v>6</v>
      </c>
      <c r="T31784">
        <v>6</v>
      </c>
      <c r="U31784">
        <v>6</v>
      </c>
      <c r="V31784">
        <v>7</v>
      </c>
      <c r="W31784">
        <v>7</v>
      </c>
      <c r="X31784">
        <v>7</v>
      </c>
      <c r="Y31784">
        <v>7</v>
      </c>
      <c r="Z31784">
        <v>7</v>
      </c>
      <c r="AA31784">
        <v>8</v>
      </c>
      <c r="AB31784">
        <v>8</v>
      </c>
      <c r="AC31784">
        <v>8</v>
      </c>
      <c r="AD31784">
        <v>8</v>
      </c>
      <c r="AE31784">
        <v>9</v>
      </c>
      <c r="AF31784">
        <v>9</v>
      </c>
      <c r="AG31784">
        <v>9</v>
      </c>
      <c r="AH31784">
        <v>9</v>
      </c>
      <c r="AI31784">
        <v>9</v>
      </c>
      <c r="AJ31784">
        <v>9</v>
      </c>
      <c r="AK31784">
        <v>9</v>
      </c>
      <c r="AL31784">
        <v>10</v>
      </c>
      <c r="AM31784">
        <v>10</v>
      </c>
      <c r="AN31784">
        <v>10</v>
      </c>
      <c r="AO31784">
        <v>10</v>
      </c>
      <c r="AP31784">
        <v>10</v>
      </c>
      <c r="AQ31784">
        <v>10</v>
      </c>
    </row>
    <row r="31785" spans="1:43">
      <c r="A31785" t="s">
        <v>19689</v>
      </c>
      <c r="B31785" t="s">
        <v>19690</v>
      </c>
      <c r="C31785" t="s">
        <v>19641</v>
      </c>
      <c r="D31785" t="s">
        <v>19642</v>
      </c>
      <c r="E31785" t="s">
        <v>19535</v>
      </c>
      <c r="F31785" t="s">
        <v>19536</v>
      </c>
      <c r="G31785" t="s">
        <v>10734</v>
      </c>
      <c r="H31785" t="s">
        <v>10735</v>
      </c>
      <c r="I31785" s="2">
        <v>0</v>
      </c>
      <c r="J31785" s="2">
        <v>0</v>
      </c>
      <c r="K31785" s="2">
        <v>1</v>
      </c>
      <c r="L31785" t="s">
        <v>995</v>
      </c>
      <c r="M31785" t="s">
        <v>83</v>
      </c>
      <c r="N31785" t="s">
        <v>91</v>
      </c>
      <c r="O31785" t="s">
        <v>85</v>
      </c>
      <c r="P31785" t="s">
        <v>86</v>
      </c>
      <c r="Q31785">
        <v>6</v>
      </c>
      <c r="R31785">
        <v>6</v>
      </c>
      <c r="S31785">
        <v>6</v>
      </c>
      <c r="T31785">
        <v>6</v>
      </c>
      <c r="U31785">
        <v>6</v>
      </c>
      <c r="V31785">
        <v>6</v>
      </c>
      <c r="W31785">
        <v>7</v>
      </c>
      <c r="X31785">
        <v>7</v>
      </c>
      <c r="Y31785">
        <v>7</v>
      </c>
      <c r="Z31785">
        <v>7</v>
      </c>
      <c r="AA31785">
        <v>7</v>
      </c>
      <c r="AB31785">
        <v>7</v>
      </c>
      <c r="AC31785">
        <v>8</v>
      </c>
      <c r="AD31785">
        <v>8</v>
      </c>
      <c r="AE31785">
        <v>8</v>
      </c>
      <c r="AF31785">
        <v>8</v>
      </c>
      <c r="AG31785">
        <v>8</v>
      </c>
      <c r="AH31785">
        <v>9</v>
      </c>
      <c r="AI31785">
        <v>9</v>
      </c>
      <c r="AJ31785">
        <v>9</v>
      </c>
      <c r="AK31785">
        <v>9</v>
      </c>
      <c r="AL31785">
        <v>9</v>
      </c>
      <c r="AM31785">
        <v>10</v>
      </c>
      <c r="AN31785">
        <v>10</v>
      </c>
      <c r="AO31785">
        <v>10</v>
      </c>
      <c r="AP31785">
        <v>10</v>
      </c>
      <c r="AQ31785">
        <v>10</v>
      </c>
    </row>
    <row r="31786" spans="1:43">
      <c r="A31786" t="s">
        <v>19691</v>
      </c>
      <c r="B31786" t="s">
        <v>19692</v>
      </c>
      <c r="C31786" t="s">
        <v>19637</v>
      </c>
      <c r="D31786" t="s">
        <v>19638</v>
      </c>
      <c r="E31786" t="s">
        <v>19535</v>
      </c>
      <c r="F31786" t="s">
        <v>19536</v>
      </c>
      <c r="G31786" t="s">
        <v>10734</v>
      </c>
      <c r="H31786" t="s">
        <v>10735</v>
      </c>
      <c r="I31786" s="2">
        <v>0</v>
      </c>
      <c r="J31786" s="2">
        <v>0</v>
      </c>
      <c r="K31786" s="2">
        <v>1</v>
      </c>
      <c r="L31786" t="s">
        <v>995</v>
      </c>
      <c r="M31786" t="s">
        <v>83</v>
      </c>
      <c r="N31786" t="s">
        <v>84</v>
      </c>
      <c r="O31786" t="s">
        <v>85</v>
      </c>
      <c r="P31786" t="s">
        <v>86</v>
      </c>
      <c r="Q31786">
        <v>19</v>
      </c>
      <c r="R31786">
        <v>20</v>
      </c>
      <c r="S31786">
        <v>20</v>
      </c>
      <c r="T31786">
        <v>21</v>
      </c>
      <c r="U31786">
        <v>22</v>
      </c>
      <c r="V31786">
        <v>22</v>
      </c>
      <c r="W31786">
        <v>23</v>
      </c>
      <c r="X31786">
        <v>23</v>
      </c>
      <c r="Y31786">
        <v>24</v>
      </c>
      <c r="Z31786">
        <v>25</v>
      </c>
      <c r="AA31786">
        <v>25</v>
      </c>
      <c r="AB31786">
        <v>26</v>
      </c>
      <c r="AC31786">
        <v>27</v>
      </c>
      <c r="AD31786">
        <v>27</v>
      </c>
      <c r="AE31786">
        <v>28</v>
      </c>
      <c r="AF31786">
        <v>29</v>
      </c>
      <c r="AG31786">
        <v>29</v>
      </c>
      <c r="AH31786">
        <v>30</v>
      </c>
      <c r="AI31786">
        <v>31</v>
      </c>
      <c r="AJ31786">
        <v>32</v>
      </c>
      <c r="AK31786">
        <v>32</v>
      </c>
      <c r="AL31786">
        <v>33</v>
      </c>
      <c r="AM31786">
        <v>34</v>
      </c>
      <c r="AN31786">
        <v>34</v>
      </c>
      <c r="AO31786">
        <v>35</v>
      </c>
      <c r="AP31786">
        <v>35</v>
      </c>
      <c r="AQ31786">
        <v>36</v>
      </c>
    </row>
    <row r="31787" spans="1:43">
      <c r="A31787" t="s">
        <v>19691</v>
      </c>
      <c r="B31787" t="s">
        <v>19692</v>
      </c>
      <c r="C31787" t="s">
        <v>19637</v>
      </c>
      <c r="D31787" t="s">
        <v>19638</v>
      </c>
      <c r="E31787" t="s">
        <v>19535</v>
      </c>
      <c r="F31787" t="s">
        <v>19536</v>
      </c>
      <c r="G31787" t="s">
        <v>10734</v>
      </c>
      <c r="H31787" t="s">
        <v>10735</v>
      </c>
      <c r="I31787" s="2">
        <v>0</v>
      </c>
      <c r="J31787" s="2">
        <v>0</v>
      </c>
      <c r="K31787" s="2">
        <v>1</v>
      </c>
      <c r="L31787" t="s">
        <v>995</v>
      </c>
      <c r="M31787" t="s">
        <v>87</v>
      </c>
      <c r="N31787" t="s">
        <v>88</v>
      </c>
      <c r="O31787" t="s">
        <v>85</v>
      </c>
      <c r="P31787" t="s">
        <v>86</v>
      </c>
      <c r="Q31787">
        <v>19</v>
      </c>
      <c r="R31787">
        <v>20</v>
      </c>
      <c r="S31787">
        <v>20</v>
      </c>
      <c r="T31787">
        <v>20</v>
      </c>
      <c r="U31787">
        <v>21</v>
      </c>
      <c r="V31787">
        <v>21</v>
      </c>
      <c r="W31787">
        <v>21</v>
      </c>
      <c r="X31787">
        <v>22</v>
      </c>
      <c r="Y31787">
        <v>22</v>
      </c>
      <c r="Z31787">
        <v>23</v>
      </c>
      <c r="AA31787">
        <v>23</v>
      </c>
      <c r="AB31787">
        <v>23</v>
      </c>
      <c r="AC31787">
        <v>24</v>
      </c>
      <c r="AD31787">
        <v>24</v>
      </c>
      <c r="AE31787">
        <v>25</v>
      </c>
      <c r="AF31787">
        <v>25</v>
      </c>
      <c r="AG31787">
        <v>26</v>
      </c>
      <c r="AH31787">
        <v>26</v>
      </c>
      <c r="AI31787">
        <v>27</v>
      </c>
      <c r="AJ31787">
        <v>27</v>
      </c>
      <c r="AK31787">
        <v>28</v>
      </c>
      <c r="AL31787">
        <v>28</v>
      </c>
      <c r="AM31787">
        <v>29</v>
      </c>
      <c r="AN31787">
        <v>29</v>
      </c>
      <c r="AO31787">
        <v>30</v>
      </c>
      <c r="AP31787">
        <v>30</v>
      </c>
      <c r="AQ31787">
        <v>31</v>
      </c>
    </row>
    <row r="31788" spans="1:43">
      <c r="A31788" t="s">
        <v>19691</v>
      </c>
      <c r="B31788" t="s">
        <v>19692</v>
      </c>
      <c r="C31788" t="s">
        <v>19637</v>
      </c>
      <c r="D31788" t="s">
        <v>19638</v>
      </c>
      <c r="E31788" t="s">
        <v>19535</v>
      </c>
      <c r="F31788" t="s">
        <v>19536</v>
      </c>
      <c r="G31788" t="s">
        <v>10734</v>
      </c>
      <c r="H31788" t="s">
        <v>10735</v>
      </c>
      <c r="I31788" s="2">
        <v>0</v>
      </c>
      <c r="J31788" s="2">
        <v>0</v>
      </c>
      <c r="K31788" s="2">
        <v>1</v>
      </c>
      <c r="L31788" t="s">
        <v>995</v>
      </c>
      <c r="M31788" t="s">
        <v>89</v>
      </c>
      <c r="N31788" t="s">
        <v>90</v>
      </c>
      <c r="O31788" t="s">
        <v>85</v>
      </c>
      <c r="P31788" t="s">
        <v>86</v>
      </c>
      <c r="Q31788">
        <v>19</v>
      </c>
      <c r="R31788">
        <v>19</v>
      </c>
      <c r="S31788">
        <v>20</v>
      </c>
      <c r="T31788">
        <v>21</v>
      </c>
      <c r="U31788">
        <v>21</v>
      </c>
      <c r="V31788">
        <v>22</v>
      </c>
      <c r="W31788">
        <v>23</v>
      </c>
      <c r="X31788">
        <v>24</v>
      </c>
      <c r="Y31788">
        <v>24</v>
      </c>
      <c r="Z31788">
        <v>25</v>
      </c>
      <c r="AA31788">
        <v>26</v>
      </c>
      <c r="AB31788">
        <v>27</v>
      </c>
      <c r="AC31788">
        <v>27</v>
      </c>
      <c r="AD31788">
        <v>28</v>
      </c>
      <c r="AE31788">
        <v>29</v>
      </c>
      <c r="AF31788">
        <v>29</v>
      </c>
      <c r="AG31788">
        <v>30</v>
      </c>
      <c r="AH31788">
        <v>30</v>
      </c>
      <c r="AI31788">
        <v>31</v>
      </c>
      <c r="AJ31788">
        <v>31</v>
      </c>
      <c r="AK31788">
        <v>32</v>
      </c>
      <c r="AL31788">
        <v>32</v>
      </c>
      <c r="AM31788">
        <v>33</v>
      </c>
      <c r="AN31788">
        <v>33</v>
      </c>
      <c r="AO31788">
        <v>34</v>
      </c>
      <c r="AP31788">
        <v>34</v>
      </c>
      <c r="AQ31788">
        <v>35</v>
      </c>
    </row>
    <row r="31789" spans="1:43">
      <c r="A31789" t="s">
        <v>19691</v>
      </c>
      <c r="B31789" t="s">
        <v>19692</v>
      </c>
      <c r="C31789" t="s">
        <v>19637</v>
      </c>
      <c r="D31789" t="s">
        <v>19638</v>
      </c>
      <c r="E31789" t="s">
        <v>19535</v>
      </c>
      <c r="F31789" t="s">
        <v>19536</v>
      </c>
      <c r="G31789" t="s">
        <v>10734</v>
      </c>
      <c r="H31789" t="s">
        <v>10735</v>
      </c>
      <c r="I31789" s="2">
        <v>0</v>
      </c>
      <c r="J31789" s="2">
        <v>0</v>
      </c>
      <c r="K31789" s="2">
        <v>1</v>
      </c>
      <c r="L31789" t="s">
        <v>995</v>
      </c>
      <c r="M31789" t="s">
        <v>83</v>
      </c>
      <c r="N31789" t="s">
        <v>91</v>
      </c>
      <c r="O31789" t="s">
        <v>85</v>
      </c>
      <c r="P31789" t="s">
        <v>86</v>
      </c>
      <c r="Q31789">
        <v>19</v>
      </c>
      <c r="R31789">
        <v>20</v>
      </c>
      <c r="S31789">
        <v>20</v>
      </c>
      <c r="T31789">
        <v>21</v>
      </c>
      <c r="U31789">
        <v>22</v>
      </c>
      <c r="V31789">
        <v>22</v>
      </c>
      <c r="W31789">
        <v>23</v>
      </c>
      <c r="X31789">
        <v>23</v>
      </c>
      <c r="Y31789">
        <v>24</v>
      </c>
      <c r="Z31789">
        <v>25</v>
      </c>
      <c r="AA31789">
        <v>25</v>
      </c>
      <c r="AB31789">
        <v>26</v>
      </c>
      <c r="AC31789">
        <v>27</v>
      </c>
      <c r="AD31789">
        <v>27</v>
      </c>
      <c r="AE31789">
        <v>28</v>
      </c>
      <c r="AF31789">
        <v>29</v>
      </c>
      <c r="AG31789">
        <v>29</v>
      </c>
      <c r="AH31789">
        <v>30</v>
      </c>
      <c r="AI31789">
        <v>31</v>
      </c>
      <c r="AJ31789">
        <v>32</v>
      </c>
      <c r="AK31789">
        <v>32</v>
      </c>
      <c r="AL31789">
        <v>33</v>
      </c>
      <c r="AM31789">
        <v>34</v>
      </c>
      <c r="AN31789">
        <v>34</v>
      </c>
      <c r="AO31789">
        <v>35</v>
      </c>
      <c r="AP31789">
        <v>35</v>
      </c>
      <c r="AQ31789">
        <v>36</v>
      </c>
    </row>
    <row r="31790" spans="1:43">
      <c r="A31790" t="s">
        <v>19693</v>
      </c>
      <c r="B31790" t="s">
        <v>19694</v>
      </c>
      <c r="C31790" t="s">
        <v>19641</v>
      </c>
      <c r="D31790" t="s">
        <v>19642</v>
      </c>
      <c r="E31790" t="s">
        <v>19535</v>
      </c>
      <c r="F31790" t="s">
        <v>19536</v>
      </c>
      <c r="G31790" t="s">
        <v>10734</v>
      </c>
      <c r="H31790" t="s">
        <v>10735</v>
      </c>
      <c r="I31790" s="2">
        <v>0</v>
      </c>
      <c r="J31790" s="2">
        <v>0</v>
      </c>
      <c r="K31790" s="2">
        <v>1</v>
      </c>
      <c r="L31790" t="s">
        <v>995</v>
      </c>
      <c r="M31790" t="s">
        <v>83</v>
      </c>
      <c r="N31790" t="s">
        <v>84</v>
      </c>
      <c r="O31790" t="s">
        <v>85</v>
      </c>
      <c r="P31790" t="s">
        <v>86</v>
      </c>
      <c r="Q31790">
        <v>16</v>
      </c>
      <c r="R31790">
        <v>17</v>
      </c>
      <c r="S31790">
        <v>17</v>
      </c>
      <c r="T31790">
        <v>18</v>
      </c>
      <c r="U31790">
        <v>18</v>
      </c>
      <c r="V31790">
        <v>19</v>
      </c>
      <c r="W31790">
        <v>19</v>
      </c>
      <c r="X31790">
        <v>20</v>
      </c>
      <c r="Y31790">
        <v>20</v>
      </c>
      <c r="Z31790">
        <v>21</v>
      </c>
      <c r="AA31790">
        <v>21</v>
      </c>
      <c r="AB31790">
        <v>22</v>
      </c>
      <c r="AC31790">
        <v>22</v>
      </c>
      <c r="AD31790">
        <v>23</v>
      </c>
      <c r="AE31790">
        <v>23</v>
      </c>
      <c r="AF31790">
        <v>24</v>
      </c>
      <c r="AG31790">
        <v>25</v>
      </c>
      <c r="AH31790">
        <v>25</v>
      </c>
      <c r="AI31790">
        <v>26</v>
      </c>
      <c r="AJ31790">
        <v>26</v>
      </c>
      <c r="AK31790">
        <v>27</v>
      </c>
      <c r="AL31790">
        <v>28</v>
      </c>
      <c r="AM31790">
        <v>28</v>
      </c>
      <c r="AN31790">
        <v>28</v>
      </c>
      <c r="AO31790">
        <v>29</v>
      </c>
      <c r="AP31790">
        <v>29</v>
      </c>
      <c r="AQ31790">
        <v>30</v>
      </c>
    </row>
    <row r="31791" spans="1:43">
      <c r="A31791" t="s">
        <v>19693</v>
      </c>
      <c r="B31791" t="s">
        <v>19694</v>
      </c>
      <c r="C31791" t="s">
        <v>19641</v>
      </c>
      <c r="D31791" t="s">
        <v>19642</v>
      </c>
      <c r="E31791" t="s">
        <v>19535</v>
      </c>
      <c r="F31791" t="s">
        <v>19536</v>
      </c>
      <c r="G31791" t="s">
        <v>10734</v>
      </c>
      <c r="H31791" t="s">
        <v>10735</v>
      </c>
      <c r="I31791" s="2">
        <v>0</v>
      </c>
      <c r="J31791" s="2">
        <v>0</v>
      </c>
      <c r="K31791" s="2">
        <v>1</v>
      </c>
      <c r="L31791" t="s">
        <v>995</v>
      </c>
      <c r="M31791" t="s">
        <v>87</v>
      </c>
      <c r="N31791" t="s">
        <v>88</v>
      </c>
      <c r="O31791" t="s">
        <v>85</v>
      </c>
      <c r="P31791" t="s">
        <v>86</v>
      </c>
      <c r="Q31791">
        <v>16</v>
      </c>
      <c r="R31791">
        <v>16</v>
      </c>
      <c r="S31791">
        <v>17</v>
      </c>
      <c r="T31791">
        <v>17</v>
      </c>
      <c r="U31791">
        <v>17</v>
      </c>
      <c r="V31791">
        <v>18</v>
      </c>
      <c r="W31791">
        <v>18</v>
      </c>
      <c r="X31791">
        <v>18</v>
      </c>
      <c r="Y31791">
        <v>19</v>
      </c>
      <c r="Z31791">
        <v>19</v>
      </c>
      <c r="AA31791">
        <v>19</v>
      </c>
      <c r="AB31791">
        <v>20</v>
      </c>
      <c r="AC31791">
        <v>20</v>
      </c>
      <c r="AD31791">
        <v>20</v>
      </c>
      <c r="AE31791">
        <v>21</v>
      </c>
      <c r="AF31791">
        <v>21</v>
      </c>
      <c r="AG31791">
        <v>21</v>
      </c>
      <c r="AH31791">
        <v>22</v>
      </c>
      <c r="AI31791">
        <v>22</v>
      </c>
      <c r="AJ31791">
        <v>23</v>
      </c>
      <c r="AK31791">
        <v>23</v>
      </c>
      <c r="AL31791">
        <v>24</v>
      </c>
      <c r="AM31791">
        <v>24</v>
      </c>
      <c r="AN31791">
        <v>25</v>
      </c>
      <c r="AO31791">
        <v>25</v>
      </c>
      <c r="AP31791">
        <v>25</v>
      </c>
      <c r="AQ31791">
        <v>26</v>
      </c>
    </row>
    <row r="31792" spans="1:43">
      <c r="A31792" t="s">
        <v>19693</v>
      </c>
      <c r="B31792" t="s">
        <v>19694</v>
      </c>
      <c r="C31792" t="s">
        <v>19641</v>
      </c>
      <c r="D31792" t="s">
        <v>19642</v>
      </c>
      <c r="E31792" t="s">
        <v>19535</v>
      </c>
      <c r="F31792" t="s">
        <v>19536</v>
      </c>
      <c r="G31792" t="s">
        <v>10734</v>
      </c>
      <c r="H31792" t="s">
        <v>10735</v>
      </c>
      <c r="I31792" s="2">
        <v>0</v>
      </c>
      <c r="J31792" s="2">
        <v>0</v>
      </c>
      <c r="K31792" s="2">
        <v>1</v>
      </c>
      <c r="L31792" t="s">
        <v>995</v>
      </c>
      <c r="M31792" t="s">
        <v>89</v>
      </c>
      <c r="N31792" t="s">
        <v>90</v>
      </c>
      <c r="O31792" t="s">
        <v>85</v>
      </c>
      <c r="P31792" t="s">
        <v>86</v>
      </c>
      <c r="Q31792">
        <v>16</v>
      </c>
      <c r="R31792">
        <v>17</v>
      </c>
      <c r="S31792">
        <v>18</v>
      </c>
      <c r="T31792">
        <v>18</v>
      </c>
      <c r="U31792">
        <v>19</v>
      </c>
      <c r="V31792">
        <v>19</v>
      </c>
      <c r="W31792">
        <v>20</v>
      </c>
      <c r="X31792">
        <v>21</v>
      </c>
      <c r="Y31792">
        <v>21</v>
      </c>
      <c r="Z31792">
        <v>22</v>
      </c>
      <c r="AA31792">
        <v>22</v>
      </c>
      <c r="AB31792">
        <v>23</v>
      </c>
      <c r="AC31792">
        <v>24</v>
      </c>
      <c r="AD31792">
        <v>24</v>
      </c>
      <c r="AE31792">
        <v>25</v>
      </c>
      <c r="AF31792">
        <v>25</v>
      </c>
      <c r="AG31792">
        <v>26</v>
      </c>
      <c r="AH31792">
        <v>26</v>
      </c>
      <c r="AI31792">
        <v>27</v>
      </c>
      <c r="AJ31792">
        <v>27</v>
      </c>
      <c r="AK31792">
        <v>27</v>
      </c>
      <c r="AL31792">
        <v>28</v>
      </c>
      <c r="AM31792">
        <v>28</v>
      </c>
      <c r="AN31792">
        <v>29</v>
      </c>
      <c r="AO31792">
        <v>29</v>
      </c>
      <c r="AP31792">
        <v>30</v>
      </c>
      <c r="AQ31792">
        <v>30</v>
      </c>
    </row>
    <row r="31793" spans="1:43">
      <c r="A31793" t="s">
        <v>19693</v>
      </c>
      <c r="B31793" t="s">
        <v>19694</v>
      </c>
      <c r="C31793" t="s">
        <v>19641</v>
      </c>
      <c r="D31793" t="s">
        <v>19642</v>
      </c>
      <c r="E31793" t="s">
        <v>19535</v>
      </c>
      <c r="F31793" t="s">
        <v>19536</v>
      </c>
      <c r="G31793" t="s">
        <v>10734</v>
      </c>
      <c r="H31793" t="s">
        <v>10735</v>
      </c>
      <c r="I31793" s="2">
        <v>0</v>
      </c>
      <c r="J31793" s="2">
        <v>0</v>
      </c>
      <c r="K31793" s="2">
        <v>1</v>
      </c>
      <c r="L31793" t="s">
        <v>995</v>
      </c>
      <c r="M31793" t="s">
        <v>83</v>
      </c>
      <c r="N31793" t="s">
        <v>91</v>
      </c>
      <c r="O31793" t="s">
        <v>85</v>
      </c>
      <c r="P31793" t="s">
        <v>86</v>
      </c>
      <c r="Q31793">
        <v>16</v>
      </c>
      <c r="R31793">
        <v>17</v>
      </c>
      <c r="S31793">
        <v>17</v>
      </c>
      <c r="T31793">
        <v>18</v>
      </c>
      <c r="U31793">
        <v>18</v>
      </c>
      <c r="V31793">
        <v>19</v>
      </c>
      <c r="W31793">
        <v>19</v>
      </c>
      <c r="X31793">
        <v>20</v>
      </c>
      <c r="Y31793">
        <v>20</v>
      </c>
      <c r="Z31793">
        <v>21</v>
      </c>
      <c r="AA31793">
        <v>21</v>
      </c>
      <c r="AB31793">
        <v>22</v>
      </c>
      <c r="AC31793">
        <v>22</v>
      </c>
      <c r="AD31793">
        <v>23</v>
      </c>
      <c r="AE31793">
        <v>23</v>
      </c>
      <c r="AF31793">
        <v>24</v>
      </c>
      <c r="AG31793">
        <v>25</v>
      </c>
      <c r="AH31793">
        <v>25</v>
      </c>
      <c r="AI31793">
        <v>26</v>
      </c>
      <c r="AJ31793">
        <v>26</v>
      </c>
      <c r="AK31793">
        <v>27</v>
      </c>
      <c r="AL31793">
        <v>28</v>
      </c>
      <c r="AM31793">
        <v>28</v>
      </c>
      <c r="AN31793">
        <v>28</v>
      </c>
      <c r="AO31793">
        <v>29</v>
      </c>
      <c r="AP31793">
        <v>29</v>
      </c>
      <c r="AQ31793">
        <v>30</v>
      </c>
    </row>
    <row r="31794" spans="1:43">
      <c r="A31794" t="s">
        <v>19695</v>
      </c>
      <c r="B31794" t="s">
        <v>19696</v>
      </c>
      <c r="C31794" t="s">
        <v>19575</v>
      </c>
      <c r="D31794" t="s">
        <v>19576</v>
      </c>
      <c r="E31794" t="s">
        <v>19535</v>
      </c>
      <c r="F31794" t="s">
        <v>19536</v>
      </c>
      <c r="G31794" t="s">
        <v>10734</v>
      </c>
      <c r="H31794" t="s">
        <v>10735</v>
      </c>
      <c r="I31794" s="2">
        <v>0</v>
      </c>
      <c r="J31794" s="2">
        <v>0</v>
      </c>
      <c r="K31794" s="2">
        <v>1</v>
      </c>
      <c r="L31794" t="s">
        <v>995</v>
      </c>
      <c r="M31794" t="s">
        <v>83</v>
      </c>
      <c r="N31794" t="s">
        <v>84</v>
      </c>
      <c r="O31794" t="s">
        <v>85</v>
      </c>
      <c r="P31794" t="s">
        <v>86</v>
      </c>
      <c r="Q31794">
        <v>44</v>
      </c>
      <c r="R31794">
        <v>45</v>
      </c>
      <c r="S31794">
        <v>47</v>
      </c>
      <c r="T31794">
        <v>48</v>
      </c>
      <c r="U31794">
        <v>49</v>
      </c>
      <c r="V31794">
        <v>51</v>
      </c>
      <c r="W31794">
        <v>52</v>
      </c>
      <c r="X31794">
        <v>53</v>
      </c>
      <c r="Y31794">
        <v>55</v>
      </c>
      <c r="Z31794">
        <v>56</v>
      </c>
      <c r="AA31794">
        <v>58</v>
      </c>
      <c r="AB31794">
        <v>59</v>
      </c>
      <c r="AC31794">
        <v>61</v>
      </c>
      <c r="AD31794">
        <v>62</v>
      </c>
      <c r="AE31794">
        <v>64</v>
      </c>
      <c r="AF31794">
        <v>65</v>
      </c>
      <c r="AG31794">
        <v>67</v>
      </c>
      <c r="AH31794">
        <v>69</v>
      </c>
      <c r="AI31794">
        <v>70</v>
      </c>
      <c r="AJ31794">
        <v>72</v>
      </c>
      <c r="AK31794">
        <v>74</v>
      </c>
      <c r="AL31794">
        <v>75</v>
      </c>
      <c r="AM31794">
        <v>76</v>
      </c>
      <c r="AN31794">
        <v>78</v>
      </c>
      <c r="AO31794">
        <v>79</v>
      </c>
      <c r="AP31794">
        <v>80</v>
      </c>
      <c r="AQ31794">
        <v>81</v>
      </c>
    </row>
    <row r="31795" spans="1:43">
      <c r="A31795" t="s">
        <v>19695</v>
      </c>
      <c r="B31795" t="s">
        <v>19696</v>
      </c>
      <c r="C31795" t="s">
        <v>19575</v>
      </c>
      <c r="D31795" t="s">
        <v>19576</v>
      </c>
      <c r="E31795" t="s">
        <v>19535</v>
      </c>
      <c r="F31795" t="s">
        <v>19536</v>
      </c>
      <c r="G31795" t="s">
        <v>10734</v>
      </c>
      <c r="H31795" t="s">
        <v>10735</v>
      </c>
      <c r="I31795" s="2">
        <v>0</v>
      </c>
      <c r="J31795" s="2">
        <v>0</v>
      </c>
      <c r="K31795" s="2">
        <v>1</v>
      </c>
      <c r="L31795" t="s">
        <v>995</v>
      </c>
      <c r="M31795" t="s">
        <v>87</v>
      </c>
      <c r="N31795" t="s">
        <v>88</v>
      </c>
      <c r="O31795" t="s">
        <v>85</v>
      </c>
      <c r="P31795" t="s">
        <v>86</v>
      </c>
      <c r="Q31795">
        <v>44</v>
      </c>
      <c r="R31795">
        <v>45</v>
      </c>
      <c r="S31795">
        <v>45</v>
      </c>
      <c r="T31795">
        <v>46</v>
      </c>
      <c r="U31795">
        <v>47</v>
      </c>
      <c r="V31795">
        <v>48</v>
      </c>
      <c r="W31795">
        <v>49</v>
      </c>
      <c r="X31795">
        <v>50</v>
      </c>
      <c r="Y31795">
        <v>51</v>
      </c>
      <c r="Z31795">
        <v>51</v>
      </c>
      <c r="AA31795">
        <v>52</v>
      </c>
      <c r="AB31795">
        <v>53</v>
      </c>
      <c r="AC31795">
        <v>54</v>
      </c>
      <c r="AD31795">
        <v>55</v>
      </c>
      <c r="AE31795">
        <v>56</v>
      </c>
      <c r="AF31795">
        <v>57</v>
      </c>
      <c r="AG31795">
        <v>58</v>
      </c>
      <c r="AH31795">
        <v>60</v>
      </c>
      <c r="AI31795">
        <v>61</v>
      </c>
      <c r="AJ31795">
        <v>62</v>
      </c>
      <c r="AK31795">
        <v>63</v>
      </c>
      <c r="AL31795">
        <v>64</v>
      </c>
      <c r="AM31795">
        <v>65</v>
      </c>
      <c r="AN31795">
        <v>67</v>
      </c>
      <c r="AO31795">
        <v>68</v>
      </c>
      <c r="AP31795">
        <v>69</v>
      </c>
      <c r="AQ31795">
        <v>71</v>
      </c>
    </row>
    <row r="31796" spans="1:43">
      <c r="A31796" t="s">
        <v>19695</v>
      </c>
      <c r="B31796" t="s">
        <v>19696</v>
      </c>
      <c r="C31796" t="s">
        <v>19575</v>
      </c>
      <c r="D31796" t="s">
        <v>19576</v>
      </c>
      <c r="E31796" t="s">
        <v>19535</v>
      </c>
      <c r="F31796" t="s">
        <v>19536</v>
      </c>
      <c r="G31796" t="s">
        <v>10734</v>
      </c>
      <c r="H31796" t="s">
        <v>10735</v>
      </c>
      <c r="I31796" s="2">
        <v>0</v>
      </c>
      <c r="J31796" s="2">
        <v>0</v>
      </c>
      <c r="K31796" s="2">
        <v>1</v>
      </c>
      <c r="L31796" t="s">
        <v>995</v>
      </c>
      <c r="M31796" t="s">
        <v>89</v>
      </c>
      <c r="N31796" t="s">
        <v>90</v>
      </c>
      <c r="O31796" t="s">
        <v>85</v>
      </c>
      <c r="P31796" t="s">
        <v>86</v>
      </c>
      <c r="Q31796">
        <v>44</v>
      </c>
      <c r="R31796">
        <v>45</v>
      </c>
      <c r="S31796">
        <v>47</v>
      </c>
      <c r="T31796">
        <v>49</v>
      </c>
      <c r="U31796">
        <v>50</v>
      </c>
      <c r="V31796">
        <v>52</v>
      </c>
      <c r="W31796">
        <v>54</v>
      </c>
      <c r="X31796">
        <v>55</v>
      </c>
      <c r="Y31796">
        <v>57</v>
      </c>
      <c r="Z31796">
        <v>59</v>
      </c>
      <c r="AA31796">
        <v>60</v>
      </c>
      <c r="AB31796">
        <v>62</v>
      </c>
      <c r="AC31796">
        <v>64</v>
      </c>
      <c r="AD31796">
        <v>66</v>
      </c>
      <c r="AE31796">
        <v>67</v>
      </c>
      <c r="AF31796">
        <v>68</v>
      </c>
      <c r="AG31796">
        <v>69</v>
      </c>
      <c r="AH31796">
        <v>70</v>
      </c>
      <c r="AI31796">
        <v>72</v>
      </c>
      <c r="AJ31796">
        <v>73</v>
      </c>
      <c r="AK31796">
        <v>74</v>
      </c>
      <c r="AL31796">
        <v>75</v>
      </c>
      <c r="AM31796">
        <v>76</v>
      </c>
      <c r="AN31796">
        <v>77</v>
      </c>
      <c r="AO31796">
        <v>79</v>
      </c>
      <c r="AP31796">
        <v>80</v>
      </c>
      <c r="AQ31796">
        <v>81</v>
      </c>
    </row>
    <row r="31797" spans="1:43">
      <c r="A31797" t="s">
        <v>19695</v>
      </c>
      <c r="B31797" t="s">
        <v>19696</v>
      </c>
      <c r="C31797" t="s">
        <v>19575</v>
      </c>
      <c r="D31797" t="s">
        <v>19576</v>
      </c>
      <c r="E31797" t="s">
        <v>19535</v>
      </c>
      <c r="F31797" t="s">
        <v>19536</v>
      </c>
      <c r="G31797" t="s">
        <v>10734</v>
      </c>
      <c r="H31797" t="s">
        <v>10735</v>
      </c>
      <c r="I31797" s="2">
        <v>0</v>
      </c>
      <c r="J31797" s="2">
        <v>0</v>
      </c>
      <c r="K31797" s="2">
        <v>1</v>
      </c>
      <c r="L31797" t="s">
        <v>995</v>
      </c>
      <c r="M31797" t="s">
        <v>83</v>
      </c>
      <c r="N31797" t="s">
        <v>91</v>
      </c>
      <c r="O31797" t="s">
        <v>85</v>
      </c>
      <c r="P31797" t="s">
        <v>86</v>
      </c>
      <c r="Q31797">
        <v>44</v>
      </c>
      <c r="R31797">
        <v>45</v>
      </c>
      <c r="S31797">
        <v>47</v>
      </c>
      <c r="T31797">
        <v>48</v>
      </c>
      <c r="U31797">
        <v>49</v>
      </c>
      <c r="V31797">
        <v>51</v>
      </c>
      <c r="W31797">
        <v>52</v>
      </c>
      <c r="X31797">
        <v>53</v>
      </c>
      <c r="Y31797">
        <v>55</v>
      </c>
      <c r="Z31797">
        <v>56</v>
      </c>
      <c r="AA31797">
        <v>58</v>
      </c>
      <c r="AB31797">
        <v>59</v>
      </c>
      <c r="AC31797">
        <v>61</v>
      </c>
      <c r="AD31797">
        <v>62</v>
      </c>
      <c r="AE31797">
        <v>64</v>
      </c>
      <c r="AF31797">
        <v>65</v>
      </c>
      <c r="AG31797">
        <v>67</v>
      </c>
      <c r="AH31797">
        <v>69</v>
      </c>
      <c r="AI31797">
        <v>70</v>
      </c>
      <c r="AJ31797">
        <v>72</v>
      </c>
      <c r="AK31797">
        <v>74</v>
      </c>
      <c r="AL31797">
        <v>75</v>
      </c>
      <c r="AM31797">
        <v>76</v>
      </c>
      <c r="AN31797">
        <v>78</v>
      </c>
      <c r="AO31797">
        <v>79</v>
      </c>
      <c r="AP31797">
        <v>80</v>
      </c>
      <c r="AQ31797">
        <v>81</v>
      </c>
    </row>
    <row r="31798" spans="1:43">
      <c r="A31798" t="s">
        <v>19697</v>
      </c>
      <c r="B31798" t="s">
        <v>19698</v>
      </c>
      <c r="C31798" t="s">
        <v>19575</v>
      </c>
      <c r="D31798" t="s">
        <v>19576</v>
      </c>
      <c r="E31798" t="s">
        <v>19535</v>
      </c>
      <c r="F31798" t="s">
        <v>19536</v>
      </c>
      <c r="G31798" t="s">
        <v>10734</v>
      </c>
      <c r="H31798" t="s">
        <v>10735</v>
      </c>
      <c r="I31798" s="2">
        <v>0</v>
      </c>
      <c r="J31798" s="2">
        <v>0</v>
      </c>
      <c r="K31798" s="2">
        <v>1</v>
      </c>
      <c r="L31798" t="s">
        <v>995</v>
      </c>
      <c r="M31798" t="s">
        <v>83</v>
      </c>
      <c r="N31798" t="s">
        <v>84</v>
      </c>
      <c r="O31798" t="s">
        <v>85</v>
      </c>
      <c r="P31798" t="s">
        <v>86</v>
      </c>
      <c r="Q31798">
        <v>20</v>
      </c>
      <c r="R31798">
        <v>21</v>
      </c>
      <c r="S31798">
        <v>21</v>
      </c>
      <c r="T31798">
        <v>22</v>
      </c>
      <c r="U31798">
        <v>23</v>
      </c>
      <c r="V31798">
        <v>23</v>
      </c>
      <c r="W31798">
        <v>24</v>
      </c>
      <c r="X31798">
        <v>24</v>
      </c>
      <c r="Y31798">
        <v>25</v>
      </c>
      <c r="Z31798">
        <v>26</v>
      </c>
      <c r="AA31798">
        <v>26</v>
      </c>
      <c r="AB31798">
        <v>27</v>
      </c>
      <c r="AC31798">
        <v>28</v>
      </c>
      <c r="AD31798">
        <v>29</v>
      </c>
      <c r="AE31798">
        <v>29</v>
      </c>
      <c r="AF31798">
        <v>30</v>
      </c>
      <c r="AG31798">
        <v>31</v>
      </c>
      <c r="AH31798">
        <v>31</v>
      </c>
      <c r="AI31798">
        <v>32</v>
      </c>
      <c r="AJ31798">
        <v>33</v>
      </c>
      <c r="AK31798">
        <v>34</v>
      </c>
      <c r="AL31798">
        <v>35</v>
      </c>
      <c r="AM31798">
        <v>35</v>
      </c>
      <c r="AN31798">
        <v>36</v>
      </c>
      <c r="AO31798">
        <v>36</v>
      </c>
      <c r="AP31798">
        <v>37</v>
      </c>
      <c r="AQ31798">
        <v>37</v>
      </c>
    </row>
    <row r="31799" spans="1:43">
      <c r="A31799" t="s">
        <v>19697</v>
      </c>
      <c r="B31799" t="s">
        <v>19698</v>
      </c>
      <c r="C31799" t="s">
        <v>19575</v>
      </c>
      <c r="D31799" t="s">
        <v>19576</v>
      </c>
      <c r="E31799" t="s">
        <v>19535</v>
      </c>
      <c r="F31799" t="s">
        <v>19536</v>
      </c>
      <c r="G31799" t="s">
        <v>10734</v>
      </c>
      <c r="H31799" t="s">
        <v>10735</v>
      </c>
      <c r="I31799" s="2">
        <v>0</v>
      </c>
      <c r="J31799" s="2">
        <v>0</v>
      </c>
      <c r="K31799" s="2">
        <v>1</v>
      </c>
      <c r="L31799" t="s">
        <v>995</v>
      </c>
      <c r="M31799" t="s">
        <v>87</v>
      </c>
      <c r="N31799" t="s">
        <v>88</v>
      </c>
      <c r="O31799" t="s">
        <v>85</v>
      </c>
      <c r="P31799" t="s">
        <v>86</v>
      </c>
      <c r="Q31799">
        <v>20</v>
      </c>
      <c r="R31799">
        <v>20</v>
      </c>
      <c r="S31799">
        <v>21</v>
      </c>
      <c r="T31799">
        <v>21</v>
      </c>
      <c r="U31799">
        <v>22</v>
      </c>
      <c r="V31799">
        <v>22</v>
      </c>
      <c r="W31799">
        <v>22</v>
      </c>
      <c r="X31799">
        <v>23</v>
      </c>
      <c r="Y31799">
        <v>23</v>
      </c>
      <c r="Z31799">
        <v>24</v>
      </c>
      <c r="AA31799">
        <v>24</v>
      </c>
      <c r="AB31799">
        <v>25</v>
      </c>
      <c r="AC31799">
        <v>25</v>
      </c>
      <c r="AD31799">
        <v>25</v>
      </c>
      <c r="AE31799">
        <v>26</v>
      </c>
      <c r="AF31799">
        <v>26</v>
      </c>
      <c r="AG31799">
        <v>27</v>
      </c>
      <c r="AH31799">
        <v>27</v>
      </c>
      <c r="AI31799">
        <v>28</v>
      </c>
      <c r="AJ31799">
        <v>28</v>
      </c>
      <c r="AK31799">
        <v>29</v>
      </c>
      <c r="AL31799">
        <v>30</v>
      </c>
      <c r="AM31799">
        <v>30</v>
      </c>
      <c r="AN31799">
        <v>31</v>
      </c>
      <c r="AO31799">
        <v>31</v>
      </c>
      <c r="AP31799">
        <v>32</v>
      </c>
      <c r="AQ31799">
        <v>33</v>
      </c>
    </row>
    <row r="31800" spans="1:43">
      <c r="A31800" t="s">
        <v>19697</v>
      </c>
      <c r="B31800" t="s">
        <v>19698</v>
      </c>
      <c r="C31800" t="s">
        <v>19575</v>
      </c>
      <c r="D31800" t="s">
        <v>19576</v>
      </c>
      <c r="E31800" t="s">
        <v>19535</v>
      </c>
      <c r="F31800" t="s">
        <v>19536</v>
      </c>
      <c r="G31800" t="s">
        <v>10734</v>
      </c>
      <c r="H31800" t="s">
        <v>10735</v>
      </c>
      <c r="I31800" s="2">
        <v>0</v>
      </c>
      <c r="J31800" s="2">
        <v>0</v>
      </c>
      <c r="K31800" s="2">
        <v>1</v>
      </c>
      <c r="L31800" t="s">
        <v>995</v>
      </c>
      <c r="M31800" t="s">
        <v>89</v>
      </c>
      <c r="N31800" t="s">
        <v>90</v>
      </c>
      <c r="O31800" t="s">
        <v>85</v>
      </c>
      <c r="P31800" t="s">
        <v>86</v>
      </c>
      <c r="Q31800">
        <v>20</v>
      </c>
      <c r="R31800">
        <v>21</v>
      </c>
      <c r="S31800">
        <v>22</v>
      </c>
      <c r="T31800">
        <v>23</v>
      </c>
      <c r="U31800">
        <v>24</v>
      </c>
      <c r="V31800">
        <v>24</v>
      </c>
      <c r="W31800">
        <v>25</v>
      </c>
      <c r="X31800">
        <v>26</v>
      </c>
      <c r="Y31800">
        <v>27</v>
      </c>
      <c r="Z31800">
        <v>27</v>
      </c>
      <c r="AA31800">
        <v>28</v>
      </c>
      <c r="AB31800">
        <v>29</v>
      </c>
      <c r="AC31800">
        <v>30</v>
      </c>
      <c r="AD31800">
        <v>31</v>
      </c>
      <c r="AE31800">
        <v>31</v>
      </c>
      <c r="AF31800">
        <v>32</v>
      </c>
      <c r="AG31800">
        <v>32</v>
      </c>
      <c r="AH31800">
        <v>33</v>
      </c>
      <c r="AI31800">
        <v>33</v>
      </c>
      <c r="AJ31800">
        <v>34</v>
      </c>
      <c r="AK31800">
        <v>34</v>
      </c>
      <c r="AL31800">
        <v>35</v>
      </c>
      <c r="AM31800">
        <v>35</v>
      </c>
      <c r="AN31800">
        <v>36</v>
      </c>
      <c r="AO31800">
        <v>37</v>
      </c>
      <c r="AP31800">
        <v>37</v>
      </c>
      <c r="AQ31800">
        <v>38</v>
      </c>
    </row>
    <row r="31801" spans="1:43">
      <c r="A31801" t="s">
        <v>19697</v>
      </c>
      <c r="B31801" t="s">
        <v>19698</v>
      </c>
      <c r="C31801" t="s">
        <v>19575</v>
      </c>
      <c r="D31801" t="s">
        <v>19576</v>
      </c>
      <c r="E31801" t="s">
        <v>19535</v>
      </c>
      <c r="F31801" t="s">
        <v>19536</v>
      </c>
      <c r="G31801" t="s">
        <v>10734</v>
      </c>
      <c r="H31801" t="s">
        <v>10735</v>
      </c>
      <c r="I31801" s="2">
        <v>0</v>
      </c>
      <c r="J31801" s="2">
        <v>0</v>
      </c>
      <c r="K31801" s="2">
        <v>1</v>
      </c>
      <c r="L31801" t="s">
        <v>995</v>
      </c>
      <c r="M31801" t="s">
        <v>83</v>
      </c>
      <c r="N31801" t="s">
        <v>91</v>
      </c>
      <c r="O31801" t="s">
        <v>85</v>
      </c>
      <c r="P31801" t="s">
        <v>86</v>
      </c>
      <c r="Q31801">
        <v>20</v>
      </c>
      <c r="R31801">
        <v>21</v>
      </c>
      <c r="S31801">
        <v>21</v>
      </c>
      <c r="T31801">
        <v>22</v>
      </c>
      <c r="U31801">
        <v>23</v>
      </c>
      <c r="V31801">
        <v>23</v>
      </c>
      <c r="W31801">
        <v>24</v>
      </c>
      <c r="X31801">
        <v>24</v>
      </c>
      <c r="Y31801">
        <v>25</v>
      </c>
      <c r="Z31801">
        <v>26</v>
      </c>
      <c r="AA31801">
        <v>26</v>
      </c>
      <c r="AB31801">
        <v>27</v>
      </c>
      <c r="AC31801">
        <v>28</v>
      </c>
      <c r="AD31801">
        <v>29</v>
      </c>
      <c r="AE31801">
        <v>29</v>
      </c>
      <c r="AF31801">
        <v>30</v>
      </c>
      <c r="AG31801">
        <v>31</v>
      </c>
      <c r="AH31801">
        <v>31</v>
      </c>
      <c r="AI31801">
        <v>32</v>
      </c>
      <c r="AJ31801">
        <v>33</v>
      </c>
      <c r="AK31801">
        <v>34</v>
      </c>
      <c r="AL31801">
        <v>35</v>
      </c>
      <c r="AM31801">
        <v>35</v>
      </c>
      <c r="AN31801">
        <v>36</v>
      </c>
      <c r="AO31801">
        <v>36</v>
      </c>
      <c r="AP31801">
        <v>37</v>
      </c>
      <c r="AQ31801">
        <v>37</v>
      </c>
    </row>
    <row r="31802" spans="1:43">
      <c r="A31802" t="s">
        <v>19699</v>
      </c>
      <c r="B31802" t="s">
        <v>19700</v>
      </c>
      <c r="C31802" t="s">
        <v>19575</v>
      </c>
      <c r="D31802" t="s">
        <v>19576</v>
      </c>
      <c r="E31802" t="s">
        <v>19535</v>
      </c>
      <c r="F31802" t="s">
        <v>19536</v>
      </c>
      <c r="G31802" t="s">
        <v>10734</v>
      </c>
      <c r="H31802" t="s">
        <v>10735</v>
      </c>
      <c r="I31802" s="2">
        <v>0</v>
      </c>
      <c r="J31802" s="2">
        <v>0</v>
      </c>
      <c r="K31802" s="2">
        <v>1</v>
      </c>
      <c r="L31802" t="s">
        <v>995</v>
      </c>
      <c r="M31802" t="s">
        <v>83</v>
      </c>
      <c r="N31802" t="s">
        <v>84</v>
      </c>
      <c r="O31802" t="s">
        <v>85</v>
      </c>
      <c r="P31802" t="s">
        <v>86</v>
      </c>
      <c r="Q31802">
        <v>45</v>
      </c>
      <c r="R31802">
        <v>46</v>
      </c>
      <c r="S31802">
        <v>47</v>
      </c>
      <c r="T31802">
        <v>49</v>
      </c>
      <c r="U31802">
        <v>50</v>
      </c>
      <c r="V31802">
        <v>51</v>
      </c>
      <c r="W31802">
        <v>53</v>
      </c>
      <c r="X31802">
        <v>54</v>
      </c>
      <c r="Y31802">
        <v>55</v>
      </c>
      <c r="Z31802">
        <v>57</v>
      </c>
      <c r="AA31802">
        <v>58</v>
      </c>
      <c r="AB31802">
        <v>60</v>
      </c>
      <c r="AC31802">
        <v>61</v>
      </c>
      <c r="AD31802">
        <v>63</v>
      </c>
      <c r="AE31802">
        <v>65</v>
      </c>
      <c r="AF31802">
        <v>66</v>
      </c>
      <c r="AG31802">
        <v>68</v>
      </c>
      <c r="AH31802">
        <v>70</v>
      </c>
      <c r="AI31802">
        <v>71</v>
      </c>
      <c r="AJ31802">
        <v>73</v>
      </c>
      <c r="AK31802">
        <v>75</v>
      </c>
      <c r="AL31802">
        <v>76</v>
      </c>
      <c r="AM31802">
        <v>78</v>
      </c>
      <c r="AN31802">
        <v>79</v>
      </c>
      <c r="AO31802">
        <v>80</v>
      </c>
      <c r="AP31802">
        <v>81</v>
      </c>
      <c r="AQ31802">
        <v>83</v>
      </c>
    </row>
    <row r="31803" spans="1:43">
      <c r="A31803" t="s">
        <v>19699</v>
      </c>
      <c r="B31803" t="s">
        <v>19700</v>
      </c>
      <c r="C31803" t="s">
        <v>19575</v>
      </c>
      <c r="D31803" t="s">
        <v>19576</v>
      </c>
      <c r="E31803" t="s">
        <v>19535</v>
      </c>
      <c r="F31803" t="s">
        <v>19536</v>
      </c>
      <c r="G31803" t="s">
        <v>10734</v>
      </c>
      <c r="H31803" t="s">
        <v>10735</v>
      </c>
      <c r="I31803" s="2">
        <v>0</v>
      </c>
      <c r="J31803" s="2">
        <v>0</v>
      </c>
      <c r="K31803" s="2">
        <v>1</v>
      </c>
      <c r="L31803" t="s">
        <v>995</v>
      </c>
      <c r="M31803" t="s">
        <v>87</v>
      </c>
      <c r="N31803" t="s">
        <v>88</v>
      </c>
      <c r="O31803" t="s">
        <v>85</v>
      </c>
      <c r="P31803" t="s">
        <v>86</v>
      </c>
      <c r="Q31803">
        <v>45</v>
      </c>
      <c r="R31803">
        <v>46</v>
      </c>
      <c r="S31803">
        <v>47</v>
      </c>
      <c r="T31803">
        <v>48</v>
      </c>
      <c r="U31803">
        <v>49</v>
      </c>
      <c r="V31803">
        <v>50</v>
      </c>
      <c r="W31803">
        <v>50</v>
      </c>
      <c r="X31803">
        <v>51</v>
      </c>
      <c r="Y31803">
        <v>52</v>
      </c>
      <c r="Z31803">
        <v>53</v>
      </c>
      <c r="AA31803">
        <v>54</v>
      </c>
      <c r="AB31803">
        <v>55</v>
      </c>
      <c r="AC31803">
        <v>56</v>
      </c>
      <c r="AD31803">
        <v>57</v>
      </c>
      <c r="AE31803">
        <v>58</v>
      </c>
      <c r="AF31803">
        <v>59</v>
      </c>
      <c r="AG31803">
        <v>60</v>
      </c>
      <c r="AH31803">
        <v>61</v>
      </c>
      <c r="AI31803">
        <v>63</v>
      </c>
      <c r="AJ31803">
        <v>64</v>
      </c>
      <c r="AK31803">
        <v>65</v>
      </c>
      <c r="AL31803">
        <v>66</v>
      </c>
      <c r="AM31803">
        <v>67</v>
      </c>
      <c r="AN31803">
        <v>69</v>
      </c>
      <c r="AO31803">
        <v>70</v>
      </c>
      <c r="AP31803">
        <v>71</v>
      </c>
      <c r="AQ31803">
        <v>73</v>
      </c>
    </row>
    <row r="31804" spans="1:43">
      <c r="A31804" t="s">
        <v>19699</v>
      </c>
      <c r="B31804" t="s">
        <v>19700</v>
      </c>
      <c r="C31804" t="s">
        <v>19575</v>
      </c>
      <c r="D31804" t="s">
        <v>19576</v>
      </c>
      <c r="E31804" t="s">
        <v>19535</v>
      </c>
      <c r="F31804" t="s">
        <v>19536</v>
      </c>
      <c r="G31804" t="s">
        <v>10734</v>
      </c>
      <c r="H31804" t="s">
        <v>10735</v>
      </c>
      <c r="I31804" s="2">
        <v>0</v>
      </c>
      <c r="J31804" s="2">
        <v>0</v>
      </c>
      <c r="K31804" s="2">
        <v>1</v>
      </c>
      <c r="L31804" t="s">
        <v>995</v>
      </c>
      <c r="M31804" t="s">
        <v>89</v>
      </c>
      <c r="N31804" t="s">
        <v>90</v>
      </c>
      <c r="O31804" t="s">
        <v>85</v>
      </c>
      <c r="P31804" t="s">
        <v>86</v>
      </c>
      <c r="Q31804">
        <v>45</v>
      </c>
      <c r="R31804">
        <v>47</v>
      </c>
      <c r="S31804">
        <v>49</v>
      </c>
      <c r="T31804">
        <v>50</v>
      </c>
      <c r="U31804">
        <v>52</v>
      </c>
      <c r="V31804">
        <v>54</v>
      </c>
      <c r="W31804">
        <v>55</v>
      </c>
      <c r="X31804">
        <v>57</v>
      </c>
      <c r="Y31804">
        <v>59</v>
      </c>
      <c r="Z31804">
        <v>60</v>
      </c>
      <c r="AA31804">
        <v>62</v>
      </c>
      <c r="AB31804">
        <v>64</v>
      </c>
      <c r="AC31804">
        <v>66</v>
      </c>
      <c r="AD31804">
        <v>68</v>
      </c>
      <c r="AE31804">
        <v>69</v>
      </c>
      <c r="AF31804">
        <v>70</v>
      </c>
      <c r="AG31804">
        <v>71</v>
      </c>
      <c r="AH31804">
        <v>72</v>
      </c>
      <c r="AI31804">
        <v>74</v>
      </c>
      <c r="AJ31804">
        <v>75</v>
      </c>
      <c r="AK31804">
        <v>76</v>
      </c>
      <c r="AL31804">
        <v>77</v>
      </c>
      <c r="AM31804">
        <v>78</v>
      </c>
      <c r="AN31804">
        <v>79</v>
      </c>
      <c r="AO31804">
        <v>81</v>
      </c>
      <c r="AP31804">
        <v>82</v>
      </c>
      <c r="AQ31804">
        <v>83</v>
      </c>
    </row>
    <row r="31805" spans="1:43">
      <c r="A31805" t="s">
        <v>19699</v>
      </c>
      <c r="B31805" t="s">
        <v>19700</v>
      </c>
      <c r="C31805" t="s">
        <v>19575</v>
      </c>
      <c r="D31805" t="s">
        <v>19576</v>
      </c>
      <c r="E31805" t="s">
        <v>19535</v>
      </c>
      <c r="F31805" t="s">
        <v>19536</v>
      </c>
      <c r="G31805" t="s">
        <v>10734</v>
      </c>
      <c r="H31805" t="s">
        <v>10735</v>
      </c>
      <c r="I31805" s="2">
        <v>0</v>
      </c>
      <c r="J31805" s="2">
        <v>0</v>
      </c>
      <c r="K31805" s="2">
        <v>1</v>
      </c>
      <c r="L31805" t="s">
        <v>995</v>
      </c>
      <c r="M31805" t="s">
        <v>83</v>
      </c>
      <c r="N31805" t="s">
        <v>91</v>
      </c>
      <c r="O31805" t="s">
        <v>85</v>
      </c>
      <c r="P31805" t="s">
        <v>86</v>
      </c>
      <c r="Q31805">
        <v>45</v>
      </c>
      <c r="R31805">
        <v>46</v>
      </c>
      <c r="S31805">
        <v>47</v>
      </c>
      <c r="T31805">
        <v>49</v>
      </c>
      <c r="U31805">
        <v>50</v>
      </c>
      <c r="V31805">
        <v>51</v>
      </c>
      <c r="W31805">
        <v>53</v>
      </c>
      <c r="X31805">
        <v>54</v>
      </c>
      <c r="Y31805">
        <v>55</v>
      </c>
      <c r="Z31805">
        <v>57</v>
      </c>
      <c r="AA31805">
        <v>58</v>
      </c>
      <c r="AB31805">
        <v>60</v>
      </c>
      <c r="AC31805">
        <v>61</v>
      </c>
      <c r="AD31805">
        <v>63</v>
      </c>
      <c r="AE31805">
        <v>65</v>
      </c>
      <c r="AF31805">
        <v>66</v>
      </c>
      <c r="AG31805">
        <v>68</v>
      </c>
      <c r="AH31805">
        <v>70</v>
      </c>
      <c r="AI31805">
        <v>71</v>
      </c>
      <c r="AJ31805">
        <v>73</v>
      </c>
      <c r="AK31805">
        <v>75</v>
      </c>
      <c r="AL31805">
        <v>76</v>
      </c>
      <c r="AM31805">
        <v>78</v>
      </c>
      <c r="AN31805">
        <v>79</v>
      </c>
      <c r="AO31805">
        <v>80</v>
      </c>
      <c r="AP31805">
        <v>81</v>
      </c>
      <c r="AQ31805">
        <v>83</v>
      </c>
    </row>
    <row r="31806" spans="1:43">
      <c r="A31806" t="s">
        <v>19701</v>
      </c>
      <c r="B31806" t="s">
        <v>19702</v>
      </c>
      <c r="C31806" t="s">
        <v>19533</v>
      </c>
      <c r="D31806" t="s">
        <v>19534</v>
      </c>
      <c r="E31806" t="s">
        <v>19535</v>
      </c>
      <c r="F31806" t="s">
        <v>19536</v>
      </c>
      <c r="G31806" t="s">
        <v>10734</v>
      </c>
      <c r="H31806" t="s">
        <v>10735</v>
      </c>
      <c r="I31806" s="2">
        <v>0</v>
      </c>
      <c r="J31806" s="2">
        <v>0</v>
      </c>
      <c r="K31806" s="2">
        <v>1</v>
      </c>
      <c r="L31806" t="s">
        <v>995</v>
      </c>
      <c r="M31806" t="s">
        <v>83</v>
      </c>
      <c r="N31806" t="s">
        <v>84</v>
      </c>
      <c r="O31806" t="s">
        <v>85</v>
      </c>
      <c r="P31806" t="s">
        <v>86</v>
      </c>
      <c r="Q31806">
        <v>20</v>
      </c>
      <c r="R31806">
        <v>20</v>
      </c>
      <c r="S31806">
        <v>21</v>
      </c>
      <c r="T31806">
        <v>21</v>
      </c>
      <c r="U31806">
        <v>22</v>
      </c>
      <c r="V31806">
        <v>23</v>
      </c>
      <c r="W31806">
        <v>23</v>
      </c>
      <c r="X31806">
        <v>24</v>
      </c>
      <c r="Y31806">
        <v>24</v>
      </c>
      <c r="Z31806">
        <v>25</v>
      </c>
      <c r="AA31806">
        <v>26</v>
      </c>
      <c r="AB31806">
        <v>26</v>
      </c>
      <c r="AC31806">
        <v>27</v>
      </c>
      <c r="AD31806">
        <v>28</v>
      </c>
      <c r="AE31806">
        <v>28</v>
      </c>
      <c r="AF31806">
        <v>29</v>
      </c>
      <c r="AG31806">
        <v>30</v>
      </c>
      <c r="AH31806">
        <v>31</v>
      </c>
      <c r="AI31806">
        <v>31</v>
      </c>
      <c r="AJ31806">
        <v>32</v>
      </c>
      <c r="AK31806">
        <v>33</v>
      </c>
      <c r="AL31806">
        <v>33</v>
      </c>
      <c r="AM31806">
        <v>34</v>
      </c>
      <c r="AN31806">
        <v>35</v>
      </c>
      <c r="AO31806">
        <v>35</v>
      </c>
      <c r="AP31806">
        <v>36</v>
      </c>
      <c r="AQ31806">
        <v>36</v>
      </c>
    </row>
    <row r="31807" spans="1:43">
      <c r="A31807" t="s">
        <v>19701</v>
      </c>
      <c r="B31807" t="s">
        <v>19702</v>
      </c>
      <c r="C31807" t="s">
        <v>19533</v>
      </c>
      <c r="D31807" t="s">
        <v>19534</v>
      </c>
      <c r="E31807" t="s">
        <v>19535</v>
      </c>
      <c r="F31807" t="s">
        <v>19536</v>
      </c>
      <c r="G31807" t="s">
        <v>10734</v>
      </c>
      <c r="H31807" t="s">
        <v>10735</v>
      </c>
      <c r="I31807" s="2">
        <v>0</v>
      </c>
      <c r="J31807" s="2">
        <v>0</v>
      </c>
      <c r="K31807" s="2">
        <v>1</v>
      </c>
      <c r="L31807" t="s">
        <v>995</v>
      </c>
      <c r="M31807" t="s">
        <v>87</v>
      </c>
      <c r="N31807" t="s">
        <v>88</v>
      </c>
      <c r="O31807" t="s">
        <v>85</v>
      </c>
      <c r="P31807" t="s">
        <v>86</v>
      </c>
      <c r="Q31807">
        <v>20</v>
      </c>
      <c r="R31807">
        <v>21</v>
      </c>
      <c r="S31807">
        <v>21</v>
      </c>
      <c r="T31807">
        <v>22</v>
      </c>
      <c r="U31807">
        <v>22</v>
      </c>
      <c r="V31807">
        <v>22</v>
      </c>
      <c r="W31807">
        <v>23</v>
      </c>
      <c r="X31807">
        <v>23</v>
      </c>
      <c r="Y31807">
        <v>24</v>
      </c>
      <c r="Z31807">
        <v>24</v>
      </c>
      <c r="AA31807">
        <v>24</v>
      </c>
      <c r="AB31807">
        <v>25</v>
      </c>
      <c r="AC31807">
        <v>25</v>
      </c>
      <c r="AD31807">
        <v>26</v>
      </c>
      <c r="AE31807">
        <v>26</v>
      </c>
      <c r="AF31807">
        <v>27</v>
      </c>
      <c r="AG31807">
        <v>27</v>
      </c>
      <c r="AH31807">
        <v>28</v>
      </c>
      <c r="AI31807">
        <v>28</v>
      </c>
      <c r="AJ31807">
        <v>29</v>
      </c>
      <c r="AK31807">
        <v>29</v>
      </c>
      <c r="AL31807">
        <v>30</v>
      </c>
      <c r="AM31807">
        <v>30</v>
      </c>
      <c r="AN31807">
        <v>31</v>
      </c>
      <c r="AO31807">
        <v>31</v>
      </c>
      <c r="AP31807">
        <v>32</v>
      </c>
      <c r="AQ31807">
        <v>33</v>
      </c>
    </row>
    <row r="31808" spans="1:43">
      <c r="A31808" t="s">
        <v>19701</v>
      </c>
      <c r="B31808" t="s">
        <v>19702</v>
      </c>
      <c r="C31808" t="s">
        <v>19533</v>
      </c>
      <c r="D31808" t="s">
        <v>19534</v>
      </c>
      <c r="E31808" t="s">
        <v>19535</v>
      </c>
      <c r="F31808" t="s">
        <v>19536</v>
      </c>
      <c r="G31808" t="s">
        <v>10734</v>
      </c>
      <c r="H31808" t="s">
        <v>10735</v>
      </c>
      <c r="I31808" s="2">
        <v>0</v>
      </c>
      <c r="J31808" s="2">
        <v>0</v>
      </c>
      <c r="K31808" s="2">
        <v>1</v>
      </c>
      <c r="L31808" t="s">
        <v>995</v>
      </c>
      <c r="M31808" t="s">
        <v>89</v>
      </c>
      <c r="N31808" t="s">
        <v>90</v>
      </c>
      <c r="O31808" t="s">
        <v>85</v>
      </c>
      <c r="P31808" t="s">
        <v>86</v>
      </c>
      <c r="Q31808">
        <v>20</v>
      </c>
      <c r="R31808">
        <v>21</v>
      </c>
      <c r="S31808">
        <v>21</v>
      </c>
      <c r="T31808">
        <v>22</v>
      </c>
      <c r="U31808">
        <v>23</v>
      </c>
      <c r="V31808">
        <v>24</v>
      </c>
      <c r="W31808">
        <v>24</v>
      </c>
      <c r="X31808">
        <v>25</v>
      </c>
      <c r="Y31808">
        <v>26</v>
      </c>
      <c r="Z31808">
        <v>27</v>
      </c>
      <c r="AA31808">
        <v>27</v>
      </c>
      <c r="AB31808">
        <v>28</v>
      </c>
      <c r="AC31808">
        <v>29</v>
      </c>
      <c r="AD31808">
        <v>30</v>
      </c>
      <c r="AE31808">
        <v>30</v>
      </c>
      <c r="AF31808">
        <v>31</v>
      </c>
      <c r="AG31808">
        <v>31</v>
      </c>
      <c r="AH31808">
        <v>32</v>
      </c>
      <c r="AI31808">
        <v>32</v>
      </c>
      <c r="AJ31808">
        <v>33</v>
      </c>
      <c r="AK31808">
        <v>33</v>
      </c>
      <c r="AL31808">
        <v>34</v>
      </c>
      <c r="AM31808">
        <v>34</v>
      </c>
      <c r="AN31808">
        <v>35</v>
      </c>
      <c r="AO31808">
        <v>35</v>
      </c>
      <c r="AP31808">
        <v>36</v>
      </c>
      <c r="AQ31808">
        <v>37</v>
      </c>
    </row>
    <row r="31809" spans="1:43">
      <c r="A31809" t="s">
        <v>19701</v>
      </c>
      <c r="B31809" t="s">
        <v>19702</v>
      </c>
      <c r="C31809" t="s">
        <v>19533</v>
      </c>
      <c r="D31809" t="s">
        <v>19534</v>
      </c>
      <c r="E31809" t="s">
        <v>19535</v>
      </c>
      <c r="F31809" t="s">
        <v>19536</v>
      </c>
      <c r="G31809" t="s">
        <v>10734</v>
      </c>
      <c r="H31809" t="s">
        <v>10735</v>
      </c>
      <c r="I31809" s="2">
        <v>0</v>
      </c>
      <c r="J31809" s="2">
        <v>0</v>
      </c>
      <c r="K31809" s="2">
        <v>1</v>
      </c>
      <c r="L31809" t="s">
        <v>995</v>
      </c>
      <c r="M31809" t="s">
        <v>83</v>
      </c>
      <c r="N31809" t="s">
        <v>91</v>
      </c>
      <c r="O31809" t="s">
        <v>85</v>
      </c>
      <c r="P31809" t="s">
        <v>86</v>
      </c>
      <c r="Q31809">
        <v>20</v>
      </c>
      <c r="R31809">
        <v>20</v>
      </c>
      <c r="S31809">
        <v>21</v>
      </c>
      <c r="T31809">
        <v>21</v>
      </c>
      <c r="U31809">
        <v>22</v>
      </c>
      <c r="V31809">
        <v>23</v>
      </c>
      <c r="W31809">
        <v>23</v>
      </c>
      <c r="X31809">
        <v>24</v>
      </c>
      <c r="Y31809">
        <v>24</v>
      </c>
      <c r="Z31809">
        <v>25</v>
      </c>
      <c r="AA31809">
        <v>26</v>
      </c>
      <c r="AB31809">
        <v>26</v>
      </c>
      <c r="AC31809">
        <v>27</v>
      </c>
      <c r="AD31809">
        <v>28</v>
      </c>
      <c r="AE31809">
        <v>28</v>
      </c>
      <c r="AF31809">
        <v>29</v>
      </c>
      <c r="AG31809">
        <v>30</v>
      </c>
      <c r="AH31809">
        <v>31</v>
      </c>
      <c r="AI31809">
        <v>31</v>
      </c>
      <c r="AJ31809">
        <v>32</v>
      </c>
      <c r="AK31809">
        <v>33</v>
      </c>
      <c r="AL31809">
        <v>33</v>
      </c>
      <c r="AM31809">
        <v>34</v>
      </c>
      <c r="AN31809">
        <v>35</v>
      </c>
      <c r="AO31809">
        <v>35</v>
      </c>
      <c r="AP31809">
        <v>36</v>
      </c>
      <c r="AQ31809">
        <v>36</v>
      </c>
    </row>
    <row r="31810" spans="1:43">
      <c r="A31810" t="s">
        <v>19703</v>
      </c>
      <c r="B31810" t="s">
        <v>19704</v>
      </c>
      <c r="C31810" t="s">
        <v>19571</v>
      </c>
      <c r="D31810" t="s">
        <v>19572</v>
      </c>
      <c r="E31810" t="s">
        <v>19535</v>
      </c>
      <c r="F31810" t="s">
        <v>19536</v>
      </c>
      <c r="G31810" t="s">
        <v>10734</v>
      </c>
      <c r="H31810" t="s">
        <v>10735</v>
      </c>
      <c r="I31810" s="2">
        <v>0</v>
      </c>
      <c r="J31810" s="2">
        <v>0</v>
      </c>
      <c r="K31810" s="2">
        <v>1</v>
      </c>
      <c r="L31810" t="s">
        <v>995</v>
      </c>
      <c r="M31810" t="s">
        <v>83</v>
      </c>
      <c r="N31810" t="s">
        <v>84</v>
      </c>
      <c r="O31810" t="s">
        <v>85</v>
      </c>
      <c r="P31810" t="s">
        <v>86</v>
      </c>
      <c r="Q31810">
        <v>19</v>
      </c>
      <c r="R31810">
        <v>19</v>
      </c>
      <c r="S31810">
        <v>20</v>
      </c>
      <c r="T31810">
        <v>20</v>
      </c>
      <c r="U31810">
        <v>21</v>
      </c>
      <c r="V31810">
        <v>22</v>
      </c>
      <c r="W31810">
        <v>22</v>
      </c>
      <c r="X31810">
        <v>23</v>
      </c>
      <c r="Y31810">
        <v>23</v>
      </c>
      <c r="Z31810">
        <v>24</v>
      </c>
      <c r="AA31810">
        <v>25</v>
      </c>
      <c r="AB31810">
        <v>25</v>
      </c>
      <c r="AC31810">
        <v>26</v>
      </c>
      <c r="AD31810">
        <v>26</v>
      </c>
      <c r="AE31810">
        <v>27</v>
      </c>
      <c r="AF31810">
        <v>28</v>
      </c>
      <c r="AG31810">
        <v>29</v>
      </c>
      <c r="AH31810">
        <v>29</v>
      </c>
      <c r="AI31810">
        <v>30</v>
      </c>
      <c r="AJ31810">
        <v>31</v>
      </c>
      <c r="AK31810">
        <v>31</v>
      </c>
      <c r="AL31810">
        <v>32</v>
      </c>
      <c r="AM31810">
        <v>33</v>
      </c>
      <c r="AN31810">
        <v>33</v>
      </c>
      <c r="AO31810">
        <v>34</v>
      </c>
      <c r="AP31810">
        <v>34</v>
      </c>
      <c r="AQ31810">
        <v>35</v>
      </c>
    </row>
    <row r="31811" spans="1:43">
      <c r="A31811" t="s">
        <v>19703</v>
      </c>
      <c r="B31811" t="s">
        <v>19704</v>
      </c>
      <c r="C31811" t="s">
        <v>19571</v>
      </c>
      <c r="D31811" t="s">
        <v>19572</v>
      </c>
      <c r="E31811" t="s">
        <v>19535</v>
      </c>
      <c r="F31811" t="s">
        <v>19536</v>
      </c>
      <c r="G31811" t="s">
        <v>10734</v>
      </c>
      <c r="H31811" t="s">
        <v>10735</v>
      </c>
      <c r="I31811" s="2">
        <v>0</v>
      </c>
      <c r="J31811" s="2">
        <v>0</v>
      </c>
      <c r="K31811" s="2">
        <v>1</v>
      </c>
      <c r="L31811" t="s">
        <v>995</v>
      </c>
      <c r="M31811" t="s">
        <v>87</v>
      </c>
      <c r="N31811" t="s">
        <v>88</v>
      </c>
      <c r="O31811" t="s">
        <v>85</v>
      </c>
      <c r="P31811" t="s">
        <v>86</v>
      </c>
      <c r="Q31811">
        <v>19</v>
      </c>
      <c r="R31811">
        <v>19</v>
      </c>
      <c r="S31811">
        <v>19</v>
      </c>
      <c r="T31811">
        <v>20</v>
      </c>
      <c r="U31811">
        <v>20</v>
      </c>
      <c r="V31811">
        <v>20</v>
      </c>
      <c r="W31811">
        <v>21</v>
      </c>
      <c r="X31811">
        <v>21</v>
      </c>
      <c r="Y31811">
        <v>22</v>
      </c>
      <c r="Z31811">
        <v>22</v>
      </c>
      <c r="AA31811">
        <v>22</v>
      </c>
      <c r="AB31811">
        <v>23</v>
      </c>
      <c r="AC31811">
        <v>23</v>
      </c>
      <c r="AD31811">
        <v>24</v>
      </c>
      <c r="AE31811">
        <v>24</v>
      </c>
      <c r="AF31811">
        <v>25</v>
      </c>
      <c r="AG31811">
        <v>25</v>
      </c>
      <c r="AH31811">
        <v>25</v>
      </c>
      <c r="AI31811">
        <v>26</v>
      </c>
      <c r="AJ31811">
        <v>26</v>
      </c>
      <c r="AK31811">
        <v>27</v>
      </c>
      <c r="AL31811">
        <v>27</v>
      </c>
      <c r="AM31811">
        <v>28</v>
      </c>
      <c r="AN31811">
        <v>29</v>
      </c>
      <c r="AO31811">
        <v>29</v>
      </c>
      <c r="AP31811">
        <v>30</v>
      </c>
      <c r="AQ31811">
        <v>30</v>
      </c>
    </row>
    <row r="31812" spans="1:43">
      <c r="A31812" t="s">
        <v>19703</v>
      </c>
      <c r="B31812" t="s">
        <v>19704</v>
      </c>
      <c r="C31812" t="s">
        <v>19571</v>
      </c>
      <c r="D31812" t="s">
        <v>19572</v>
      </c>
      <c r="E31812" t="s">
        <v>19535</v>
      </c>
      <c r="F31812" t="s">
        <v>19536</v>
      </c>
      <c r="G31812" t="s">
        <v>10734</v>
      </c>
      <c r="H31812" t="s">
        <v>10735</v>
      </c>
      <c r="I31812" s="2">
        <v>0</v>
      </c>
      <c r="J31812" s="2">
        <v>0</v>
      </c>
      <c r="K31812" s="2">
        <v>1</v>
      </c>
      <c r="L31812" t="s">
        <v>995</v>
      </c>
      <c r="M31812" t="s">
        <v>89</v>
      </c>
      <c r="N31812" t="s">
        <v>90</v>
      </c>
      <c r="O31812" t="s">
        <v>85</v>
      </c>
      <c r="P31812" t="s">
        <v>86</v>
      </c>
      <c r="Q31812">
        <v>19</v>
      </c>
      <c r="R31812">
        <v>20</v>
      </c>
      <c r="S31812">
        <v>20</v>
      </c>
      <c r="T31812">
        <v>21</v>
      </c>
      <c r="U31812">
        <v>22</v>
      </c>
      <c r="V31812">
        <v>23</v>
      </c>
      <c r="W31812">
        <v>23</v>
      </c>
      <c r="X31812">
        <v>24</v>
      </c>
      <c r="Y31812">
        <v>25</v>
      </c>
      <c r="Z31812">
        <v>25</v>
      </c>
      <c r="AA31812">
        <v>26</v>
      </c>
      <c r="AB31812">
        <v>27</v>
      </c>
      <c r="AC31812">
        <v>28</v>
      </c>
      <c r="AD31812">
        <v>28</v>
      </c>
      <c r="AE31812">
        <v>29</v>
      </c>
      <c r="AF31812">
        <v>29</v>
      </c>
      <c r="AG31812">
        <v>30</v>
      </c>
      <c r="AH31812">
        <v>30</v>
      </c>
      <c r="AI31812">
        <v>31</v>
      </c>
      <c r="AJ31812">
        <v>31</v>
      </c>
      <c r="AK31812">
        <v>32</v>
      </c>
      <c r="AL31812">
        <v>32</v>
      </c>
      <c r="AM31812">
        <v>33</v>
      </c>
      <c r="AN31812">
        <v>33</v>
      </c>
      <c r="AO31812">
        <v>34</v>
      </c>
      <c r="AP31812">
        <v>34</v>
      </c>
      <c r="AQ31812">
        <v>35</v>
      </c>
    </row>
    <row r="31813" spans="1:43">
      <c r="A31813" t="s">
        <v>19703</v>
      </c>
      <c r="B31813" t="s">
        <v>19704</v>
      </c>
      <c r="C31813" t="s">
        <v>19571</v>
      </c>
      <c r="D31813" t="s">
        <v>19572</v>
      </c>
      <c r="E31813" t="s">
        <v>19535</v>
      </c>
      <c r="F31813" t="s">
        <v>19536</v>
      </c>
      <c r="G31813" t="s">
        <v>10734</v>
      </c>
      <c r="H31813" t="s">
        <v>10735</v>
      </c>
      <c r="I31813" s="2">
        <v>0</v>
      </c>
      <c r="J31813" s="2">
        <v>0</v>
      </c>
      <c r="K31813" s="2">
        <v>1</v>
      </c>
      <c r="L31813" t="s">
        <v>995</v>
      </c>
      <c r="M31813" t="s">
        <v>83</v>
      </c>
      <c r="N31813" t="s">
        <v>91</v>
      </c>
      <c r="O31813" t="s">
        <v>85</v>
      </c>
      <c r="P31813" t="s">
        <v>86</v>
      </c>
      <c r="Q31813">
        <v>19</v>
      </c>
      <c r="R31813">
        <v>19</v>
      </c>
      <c r="S31813">
        <v>20</v>
      </c>
      <c r="T31813">
        <v>20</v>
      </c>
      <c r="U31813">
        <v>21</v>
      </c>
      <c r="V31813">
        <v>22</v>
      </c>
      <c r="W31813">
        <v>22</v>
      </c>
      <c r="X31813">
        <v>23</v>
      </c>
      <c r="Y31813">
        <v>23</v>
      </c>
      <c r="Z31813">
        <v>24</v>
      </c>
      <c r="AA31813">
        <v>25</v>
      </c>
      <c r="AB31813">
        <v>25</v>
      </c>
      <c r="AC31813">
        <v>26</v>
      </c>
      <c r="AD31813">
        <v>26</v>
      </c>
      <c r="AE31813">
        <v>27</v>
      </c>
      <c r="AF31813">
        <v>28</v>
      </c>
      <c r="AG31813">
        <v>29</v>
      </c>
      <c r="AH31813">
        <v>29</v>
      </c>
      <c r="AI31813">
        <v>30</v>
      </c>
      <c r="AJ31813">
        <v>31</v>
      </c>
      <c r="AK31813">
        <v>31</v>
      </c>
      <c r="AL31813">
        <v>32</v>
      </c>
      <c r="AM31813">
        <v>33</v>
      </c>
      <c r="AN31813">
        <v>33</v>
      </c>
      <c r="AO31813">
        <v>34</v>
      </c>
      <c r="AP31813">
        <v>34</v>
      </c>
      <c r="AQ31813">
        <v>35</v>
      </c>
    </row>
    <row r="31814" spans="1:43">
      <c r="A31814" t="s">
        <v>19705</v>
      </c>
      <c r="B31814" t="s">
        <v>19706</v>
      </c>
      <c r="C31814" t="s">
        <v>19571</v>
      </c>
      <c r="D31814" t="s">
        <v>19572</v>
      </c>
      <c r="E31814" t="s">
        <v>19535</v>
      </c>
      <c r="F31814" t="s">
        <v>19536</v>
      </c>
      <c r="G31814" t="s">
        <v>10734</v>
      </c>
      <c r="H31814" t="s">
        <v>10735</v>
      </c>
      <c r="I31814" s="2">
        <v>0</v>
      </c>
      <c r="J31814" s="2">
        <v>0</v>
      </c>
      <c r="K31814" s="2">
        <v>1</v>
      </c>
      <c r="L31814" t="s">
        <v>995</v>
      </c>
      <c r="M31814" t="s">
        <v>83</v>
      </c>
      <c r="N31814" t="s">
        <v>84</v>
      </c>
      <c r="O31814" t="s">
        <v>85</v>
      </c>
      <c r="P31814" t="s">
        <v>86</v>
      </c>
      <c r="Q31814">
        <v>16</v>
      </c>
      <c r="R31814">
        <v>17</v>
      </c>
      <c r="S31814">
        <v>17</v>
      </c>
      <c r="T31814">
        <v>18</v>
      </c>
      <c r="U31814">
        <v>18</v>
      </c>
      <c r="V31814">
        <v>19</v>
      </c>
      <c r="W31814">
        <v>19</v>
      </c>
      <c r="X31814">
        <v>20</v>
      </c>
      <c r="Y31814">
        <v>20</v>
      </c>
      <c r="Z31814">
        <v>21</v>
      </c>
      <c r="AA31814">
        <v>22</v>
      </c>
      <c r="AB31814">
        <v>22</v>
      </c>
      <c r="AC31814">
        <v>23</v>
      </c>
      <c r="AD31814">
        <v>23</v>
      </c>
      <c r="AE31814">
        <v>24</v>
      </c>
      <c r="AF31814">
        <v>24</v>
      </c>
      <c r="AG31814">
        <v>25</v>
      </c>
      <c r="AH31814">
        <v>26</v>
      </c>
      <c r="AI31814">
        <v>26</v>
      </c>
      <c r="AJ31814">
        <v>27</v>
      </c>
      <c r="AK31814">
        <v>28</v>
      </c>
      <c r="AL31814">
        <v>28</v>
      </c>
      <c r="AM31814">
        <v>29</v>
      </c>
      <c r="AN31814">
        <v>29</v>
      </c>
      <c r="AO31814">
        <v>30</v>
      </c>
      <c r="AP31814">
        <v>30</v>
      </c>
      <c r="AQ31814">
        <v>31</v>
      </c>
    </row>
    <row r="31815" spans="1:43">
      <c r="A31815" t="s">
        <v>19705</v>
      </c>
      <c r="B31815" t="s">
        <v>19706</v>
      </c>
      <c r="C31815" t="s">
        <v>19571</v>
      </c>
      <c r="D31815" t="s">
        <v>19572</v>
      </c>
      <c r="E31815" t="s">
        <v>19535</v>
      </c>
      <c r="F31815" t="s">
        <v>19536</v>
      </c>
      <c r="G31815" t="s">
        <v>10734</v>
      </c>
      <c r="H31815" t="s">
        <v>10735</v>
      </c>
      <c r="I31815" s="2">
        <v>0</v>
      </c>
      <c r="J31815" s="2">
        <v>0</v>
      </c>
      <c r="K31815" s="2">
        <v>1</v>
      </c>
      <c r="L31815" t="s">
        <v>995</v>
      </c>
      <c r="M31815" t="s">
        <v>87</v>
      </c>
      <c r="N31815" t="s">
        <v>88</v>
      </c>
      <c r="O31815" t="s">
        <v>85</v>
      </c>
      <c r="P31815" t="s">
        <v>86</v>
      </c>
      <c r="Q31815">
        <v>16</v>
      </c>
      <c r="R31815">
        <v>17</v>
      </c>
      <c r="S31815">
        <v>17</v>
      </c>
      <c r="T31815">
        <v>17</v>
      </c>
      <c r="U31815">
        <v>18</v>
      </c>
      <c r="V31815">
        <v>18</v>
      </c>
      <c r="W31815">
        <v>18</v>
      </c>
      <c r="X31815">
        <v>19</v>
      </c>
      <c r="Y31815">
        <v>19</v>
      </c>
      <c r="Z31815">
        <v>19</v>
      </c>
      <c r="AA31815">
        <v>20</v>
      </c>
      <c r="AB31815">
        <v>20</v>
      </c>
      <c r="AC31815">
        <v>20</v>
      </c>
      <c r="AD31815">
        <v>21</v>
      </c>
      <c r="AE31815">
        <v>21</v>
      </c>
      <c r="AF31815">
        <v>22</v>
      </c>
      <c r="AG31815">
        <v>22</v>
      </c>
      <c r="AH31815">
        <v>22</v>
      </c>
      <c r="AI31815">
        <v>23</v>
      </c>
      <c r="AJ31815">
        <v>23</v>
      </c>
      <c r="AK31815">
        <v>24</v>
      </c>
      <c r="AL31815">
        <v>24</v>
      </c>
      <c r="AM31815">
        <v>25</v>
      </c>
      <c r="AN31815">
        <v>25</v>
      </c>
      <c r="AO31815">
        <v>25</v>
      </c>
      <c r="AP31815">
        <v>26</v>
      </c>
      <c r="AQ31815">
        <v>26</v>
      </c>
    </row>
    <row r="31816" spans="1:43">
      <c r="A31816" t="s">
        <v>19705</v>
      </c>
      <c r="B31816" t="s">
        <v>19706</v>
      </c>
      <c r="C31816" t="s">
        <v>19571</v>
      </c>
      <c r="D31816" t="s">
        <v>19572</v>
      </c>
      <c r="E31816" t="s">
        <v>19535</v>
      </c>
      <c r="F31816" t="s">
        <v>19536</v>
      </c>
      <c r="G31816" t="s">
        <v>10734</v>
      </c>
      <c r="H31816" t="s">
        <v>10735</v>
      </c>
      <c r="I31816" s="2">
        <v>0</v>
      </c>
      <c r="J31816" s="2">
        <v>0</v>
      </c>
      <c r="K31816" s="2">
        <v>1</v>
      </c>
      <c r="L31816" t="s">
        <v>995</v>
      </c>
      <c r="M31816" t="s">
        <v>89</v>
      </c>
      <c r="N31816" t="s">
        <v>90</v>
      </c>
      <c r="O31816" t="s">
        <v>85</v>
      </c>
      <c r="P31816" t="s">
        <v>86</v>
      </c>
      <c r="Q31816">
        <v>16</v>
      </c>
      <c r="R31816">
        <v>16</v>
      </c>
      <c r="S31816">
        <v>17</v>
      </c>
      <c r="T31816">
        <v>18</v>
      </c>
      <c r="U31816">
        <v>18</v>
      </c>
      <c r="V31816">
        <v>19</v>
      </c>
      <c r="W31816">
        <v>19</v>
      </c>
      <c r="X31816">
        <v>20</v>
      </c>
      <c r="Y31816">
        <v>21</v>
      </c>
      <c r="Z31816">
        <v>21</v>
      </c>
      <c r="AA31816">
        <v>22</v>
      </c>
      <c r="AB31816">
        <v>23</v>
      </c>
      <c r="AC31816">
        <v>23</v>
      </c>
      <c r="AD31816">
        <v>24</v>
      </c>
      <c r="AE31816">
        <v>25</v>
      </c>
      <c r="AF31816">
        <v>25</v>
      </c>
      <c r="AG31816">
        <v>25</v>
      </c>
      <c r="AH31816">
        <v>26</v>
      </c>
      <c r="AI31816">
        <v>26</v>
      </c>
      <c r="AJ31816">
        <v>27</v>
      </c>
      <c r="AK31816">
        <v>27</v>
      </c>
      <c r="AL31816">
        <v>27</v>
      </c>
      <c r="AM31816">
        <v>28</v>
      </c>
      <c r="AN31816">
        <v>28</v>
      </c>
      <c r="AO31816">
        <v>29</v>
      </c>
      <c r="AP31816">
        <v>29</v>
      </c>
      <c r="AQ31816">
        <v>30</v>
      </c>
    </row>
    <row r="31817" spans="1:43">
      <c r="A31817" t="s">
        <v>19705</v>
      </c>
      <c r="B31817" t="s">
        <v>19706</v>
      </c>
      <c r="C31817" t="s">
        <v>19571</v>
      </c>
      <c r="D31817" t="s">
        <v>19572</v>
      </c>
      <c r="E31817" t="s">
        <v>19535</v>
      </c>
      <c r="F31817" t="s">
        <v>19536</v>
      </c>
      <c r="G31817" t="s">
        <v>10734</v>
      </c>
      <c r="H31817" t="s">
        <v>10735</v>
      </c>
      <c r="I31817" s="2">
        <v>0</v>
      </c>
      <c r="J31817" s="2">
        <v>0</v>
      </c>
      <c r="K31817" s="2">
        <v>1</v>
      </c>
      <c r="L31817" t="s">
        <v>995</v>
      </c>
      <c r="M31817" t="s">
        <v>83</v>
      </c>
      <c r="N31817" t="s">
        <v>91</v>
      </c>
      <c r="O31817" t="s">
        <v>85</v>
      </c>
      <c r="P31817" t="s">
        <v>86</v>
      </c>
      <c r="Q31817">
        <v>16</v>
      </c>
      <c r="R31817">
        <v>17</v>
      </c>
      <c r="S31817">
        <v>17</v>
      </c>
      <c r="T31817">
        <v>18</v>
      </c>
      <c r="U31817">
        <v>18</v>
      </c>
      <c r="V31817">
        <v>19</v>
      </c>
      <c r="W31817">
        <v>19</v>
      </c>
      <c r="X31817">
        <v>20</v>
      </c>
      <c r="Y31817">
        <v>20</v>
      </c>
      <c r="Z31817">
        <v>21</v>
      </c>
      <c r="AA31817">
        <v>22</v>
      </c>
      <c r="AB31817">
        <v>22</v>
      </c>
      <c r="AC31817">
        <v>23</v>
      </c>
      <c r="AD31817">
        <v>23</v>
      </c>
      <c r="AE31817">
        <v>24</v>
      </c>
      <c r="AF31817">
        <v>24</v>
      </c>
      <c r="AG31817">
        <v>25</v>
      </c>
      <c r="AH31817">
        <v>26</v>
      </c>
      <c r="AI31817">
        <v>26</v>
      </c>
      <c r="AJ31817">
        <v>27</v>
      </c>
      <c r="AK31817">
        <v>28</v>
      </c>
      <c r="AL31817">
        <v>28</v>
      </c>
      <c r="AM31817">
        <v>29</v>
      </c>
      <c r="AN31817">
        <v>29</v>
      </c>
      <c r="AO31817">
        <v>30</v>
      </c>
      <c r="AP31817">
        <v>30</v>
      </c>
      <c r="AQ31817">
        <v>31</v>
      </c>
    </row>
    <row r="31818" spans="1:43">
      <c r="A31818" t="s">
        <v>19707</v>
      </c>
      <c r="B31818" t="s">
        <v>19708</v>
      </c>
      <c r="C31818" t="s">
        <v>19665</v>
      </c>
      <c r="D31818" t="s">
        <v>19666</v>
      </c>
      <c r="E31818" t="s">
        <v>19535</v>
      </c>
      <c r="F31818" t="s">
        <v>19536</v>
      </c>
      <c r="G31818" t="s">
        <v>10734</v>
      </c>
      <c r="H31818" t="s">
        <v>10735</v>
      </c>
      <c r="I31818" s="2">
        <v>0</v>
      </c>
      <c r="J31818" s="2">
        <v>0</v>
      </c>
      <c r="K31818" s="2">
        <v>1</v>
      </c>
      <c r="L31818" t="s">
        <v>995</v>
      </c>
      <c r="M31818" t="s">
        <v>83</v>
      </c>
      <c r="N31818" t="s">
        <v>84</v>
      </c>
      <c r="O31818" t="s">
        <v>85</v>
      </c>
      <c r="P31818" t="s">
        <v>86</v>
      </c>
      <c r="Q31818">
        <v>45</v>
      </c>
      <c r="R31818">
        <v>45</v>
      </c>
      <c r="S31818">
        <v>46</v>
      </c>
      <c r="T31818">
        <v>47</v>
      </c>
      <c r="U31818">
        <v>47</v>
      </c>
      <c r="V31818">
        <v>48</v>
      </c>
      <c r="W31818">
        <v>49</v>
      </c>
      <c r="X31818">
        <v>49</v>
      </c>
      <c r="Y31818">
        <v>50</v>
      </c>
      <c r="Z31818">
        <v>50</v>
      </c>
      <c r="AA31818">
        <v>51</v>
      </c>
      <c r="AB31818">
        <v>52</v>
      </c>
      <c r="AC31818">
        <v>52</v>
      </c>
      <c r="AD31818">
        <v>53</v>
      </c>
      <c r="AE31818">
        <v>54</v>
      </c>
      <c r="AF31818">
        <v>54</v>
      </c>
      <c r="AG31818">
        <v>55</v>
      </c>
      <c r="AH31818">
        <v>56</v>
      </c>
      <c r="AI31818">
        <v>56</v>
      </c>
      <c r="AJ31818">
        <v>57</v>
      </c>
      <c r="AK31818">
        <v>57</v>
      </c>
      <c r="AL31818">
        <v>58</v>
      </c>
      <c r="AM31818">
        <v>58</v>
      </c>
      <c r="AN31818">
        <v>58</v>
      </c>
      <c r="AO31818">
        <v>58</v>
      </c>
      <c r="AP31818">
        <v>58</v>
      </c>
      <c r="AQ31818">
        <v>58</v>
      </c>
    </row>
    <row r="31819" spans="1:43">
      <c r="A31819" t="s">
        <v>19707</v>
      </c>
      <c r="B31819" t="s">
        <v>19708</v>
      </c>
      <c r="C31819" t="s">
        <v>19665</v>
      </c>
      <c r="D31819" t="s">
        <v>19666</v>
      </c>
      <c r="E31819" t="s">
        <v>19535</v>
      </c>
      <c r="F31819" t="s">
        <v>19536</v>
      </c>
      <c r="G31819" t="s">
        <v>10734</v>
      </c>
      <c r="H31819" t="s">
        <v>10735</v>
      </c>
      <c r="I31819" s="2">
        <v>0</v>
      </c>
      <c r="J31819" s="2">
        <v>0</v>
      </c>
      <c r="K31819" s="2">
        <v>1</v>
      </c>
      <c r="L31819" t="s">
        <v>995</v>
      </c>
      <c r="M31819" t="s">
        <v>87</v>
      </c>
      <c r="N31819" t="s">
        <v>88</v>
      </c>
      <c r="O31819" t="s">
        <v>85</v>
      </c>
      <c r="P31819" t="s">
        <v>86</v>
      </c>
      <c r="Q31819">
        <v>45</v>
      </c>
      <c r="R31819">
        <v>45</v>
      </c>
      <c r="S31819">
        <v>46</v>
      </c>
      <c r="T31819">
        <v>46</v>
      </c>
      <c r="U31819">
        <v>46</v>
      </c>
      <c r="V31819">
        <v>46</v>
      </c>
      <c r="W31819">
        <v>47</v>
      </c>
      <c r="X31819">
        <v>47</v>
      </c>
      <c r="Y31819">
        <v>47</v>
      </c>
      <c r="Z31819">
        <v>47</v>
      </c>
      <c r="AA31819">
        <v>47</v>
      </c>
      <c r="AB31819">
        <v>48</v>
      </c>
      <c r="AC31819">
        <v>48</v>
      </c>
      <c r="AD31819">
        <v>48</v>
      </c>
      <c r="AE31819">
        <v>48</v>
      </c>
      <c r="AF31819">
        <v>49</v>
      </c>
      <c r="AG31819">
        <v>49</v>
      </c>
      <c r="AH31819">
        <v>49</v>
      </c>
      <c r="AI31819">
        <v>49</v>
      </c>
      <c r="AJ31819">
        <v>50</v>
      </c>
      <c r="AK31819">
        <v>50</v>
      </c>
      <c r="AL31819">
        <v>50</v>
      </c>
      <c r="AM31819">
        <v>50</v>
      </c>
      <c r="AN31819">
        <v>51</v>
      </c>
      <c r="AO31819">
        <v>51</v>
      </c>
      <c r="AP31819">
        <v>51</v>
      </c>
      <c r="AQ31819">
        <v>51</v>
      </c>
    </row>
    <row r="31820" spans="1:43">
      <c r="A31820" t="s">
        <v>19707</v>
      </c>
      <c r="B31820" t="s">
        <v>19708</v>
      </c>
      <c r="C31820" t="s">
        <v>19665</v>
      </c>
      <c r="D31820" t="s">
        <v>19666</v>
      </c>
      <c r="E31820" t="s">
        <v>19535</v>
      </c>
      <c r="F31820" t="s">
        <v>19536</v>
      </c>
      <c r="G31820" t="s">
        <v>10734</v>
      </c>
      <c r="H31820" t="s">
        <v>10735</v>
      </c>
      <c r="I31820" s="2">
        <v>0</v>
      </c>
      <c r="J31820" s="2">
        <v>0</v>
      </c>
      <c r="K31820" s="2">
        <v>1</v>
      </c>
      <c r="L31820" t="s">
        <v>995</v>
      </c>
      <c r="M31820" t="s">
        <v>89</v>
      </c>
      <c r="N31820" t="s">
        <v>90</v>
      </c>
      <c r="O31820" t="s">
        <v>85</v>
      </c>
      <c r="P31820" t="s">
        <v>86</v>
      </c>
      <c r="Q31820">
        <v>45</v>
      </c>
      <c r="R31820">
        <v>46</v>
      </c>
      <c r="S31820">
        <v>47</v>
      </c>
      <c r="T31820">
        <v>48</v>
      </c>
      <c r="U31820">
        <v>49</v>
      </c>
      <c r="V31820">
        <v>50</v>
      </c>
      <c r="W31820">
        <v>51</v>
      </c>
      <c r="X31820">
        <v>52</v>
      </c>
      <c r="Y31820">
        <v>53</v>
      </c>
      <c r="Z31820">
        <v>54</v>
      </c>
      <c r="AA31820">
        <v>54</v>
      </c>
      <c r="AB31820">
        <v>55</v>
      </c>
      <c r="AC31820">
        <v>56</v>
      </c>
      <c r="AD31820">
        <v>57</v>
      </c>
      <c r="AE31820">
        <v>58</v>
      </c>
      <c r="AF31820">
        <v>58</v>
      </c>
      <c r="AG31820">
        <v>58</v>
      </c>
      <c r="AH31820">
        <v>58</v>
      </c>
      <c r="AI31820">
        <v>58</v>
      </c>
      <c r="AJ31820">
        <v>58</v>
      </c>
      <c r="AK31820">
        <v>58</v>
      </c>
      <c r="AL31820">
        <v>58</v>
      </c>
      <c r="AM31820">
        <v>58</v>
      </c>
      <c r="AN31820">
        <v>59</v>
      </c>
      <c r="AO31820">
        <v>59</v>
      </c>
      <c r="AP31820">
        <v>59</v>
      </c>
      <c r="AQ31820">
        <v>59</v>
      </c>
    </row>
    <row r="31821" spans="1:43">
      <c r="A31821" t="s">
        <v>19707</v>
      </c>
      <c r="B31821" t="s">
        <v>19708</v>
      </c>
      <c r="C31821" t="s">
        <v>19665</v>
      </c>
      <c r="D31821" t="s">
        <v>19666</v>
      </c>
      <c r="E31821" t="s">
        <v>19535</v>
      </c>
      <c r="F31821" t="s">
        <v>19536</v>
      </c>
      <c r="G31821" t="s">
        <v>10734</v>
      </c>
      <c r="H31821" t="s">
        <v>10735</v>
      </c>
      <c r="I31821" s="2">
        <v>0</v>
      </c>
      <c r="J31821" s="2">
        <v>0</v>
      </c>
      <c r="K31821" s="2">
        <v>1</v>
      </c>
      <c r="L31821" t="s">
        <v>995</v>
      </c>
      <c r="M31821" t="s">
        <v>83</v>
      </c>
      <c r="N31821" t="s">
        <v>91</v>
      </c>
      <c r="O31821" t="s">
        <v>85</v>
      </c>
      <c r="P31821" t="s">
        <v>86</v>
      </c>
      <c r="Q31821">
        <v>45</v>
      </c>
      <c r="R31821">
        <v>45</v>
      </c>
      <c r="S31821">
        <v>46</v>
      </c>
      <c r="T31821">
        <v>47</v>
      </c>
      <c r="U31821">
        <v>47</v>
      </c>
      <c r="V31821">
        <v>48</v>
      </c>
      <c r="W31821">
        <v>49</v>
      </c>
      <c r="X31821">
        <v>49</v>
      </c>
      <c r="Y31821">
        <v>50</v>
      </c>
      <c r="Z31821">
        <v>50</v>
      </c>
      <c r="AA31821">
        <v>51</v>
      </c>
      <c r="AB31821">
        <v>52</v>
      </c>
      <c r="AC31821">
        <v>52</v>
      </c>
      <c r="AD31821">
        <v>53</v>
      </c>
      <c r="AE31821">
        <v>54</v>
      </c>
      <c r="AF31821">
        <v>54</v>
      </c>
      <c r="AG31821">
        <v>55</v>
      </c>
      <c r="AH31821">
        <v>56</v>
      </c>
      <c r="AI31821">
        <v>56</v>
      </c>
      <c r="AJ31821">
        <v>57</v>
      </c>
      <c r="AK31821">
        <v>57</v>
      </c>
      <c r="AL31821">
        <v>58</v>
      </c>
      <c r="AM31821">
        <v>58</v>
      </c>
      <c r="AN31821">
        <v>58</v>
      </c>
      <c r="AO31821">
        <v>58</v>
      </c>
      <c r="AP31821">
        <v>58</v>
      </c>
      <c r="AQ31821">
        <v>58</v>
      </c>
    </row>
    <row r="31822" spans="1:43">
      <c r="A31822" t="s">
        <v>19709</v>
      </c>
      <c r="B31822" t="s">
        <v>19710</v>
      </c>
      <c r="C31822" t="s">
        <v>19665</v>
      </c>
      <c r="D31822" t="s">
        <v>19666</v>
      </c>
      <c r="E31822" t="s">
        <v>19535</v>
      </c>
      <c r="F31822" t="s">
        <v>19536</v>
      </c>
      <c r="G31822" t="s">
        <v>10734</v>
      </c>
      <c r="H31822" t="s">
        <v>10735</v>
      </c>
      <c r="I31822" s="2">
        <v>0</v>
      </c>
      <c r="J31822" s="2">
        <v>0</v>
      </c>
      <c r="K31822" s="2">
        <v>1</v>
      </c>
      <c r="L31822" t="s">
        <v>995</v>
      </c>
      <c r="M31822" t="s">
        <v>83</v>
      </c>
      <c r="N31822" t="s">
        <v>84</v>
      </c>
      <c r="O31822" t="s">
        <v>85</v>
      </c>
      <c r="P31822" t="s">
        <v>86</v>
      </c>
      <c r="Q31822">
        <v>8</v>
      </c>
      <c r="R31822">
        <v>8</v>
      </c>
      <c r="S31822">
        <v>8</v>
      </c>
      <c r="T31822">
        <v>9</v>
      </c>
      <c r="U31822">
        <v>9</v>
      </c>
      <c r="V31822">
        <v>9</v>
      </c>
      <c r="W31822">
        <v>9</v>
      </c>
      <c r="X31822">
        <v>10</v>
      </c>
      <c r="Y31822">
        <v>10</v>
      </c>
      <c r="Z31822">
        <v>10</v>
      </c>
      <c r="AA31822">
        <v>10</v>
      </c>
      <c r="AB31822">
        <v>11</v>
      </c>
      <c r="AC31822">
        <v>11</v>
      </c>
      <c r="AD31822">
        <v>11</v>
      </c>
      <c r="AE31822">
        <v>12</v>
      </c>
      <c r="AF31822">
        <v>12</v>
      </c>
      <c r="AG31822">
        <v>12</v>
      </c>
      <c r="AH31822">
        <v>12</v>
      </c>
      <c r="AI31822">
        <v>13</v>
      </c>
      <c r="AJ31822">
        <v>13</v>
      </c>
      <c r="AK31822">
        <v>13</v>
      </c>
      <c r="AL31822">
        <v>14</v>
      </c>
      <c r="AM31822">
        <v>14</v>
      </c>
      <c r="AN31822">
        <v>14</v>
      </c>
      <c r="AO31822">
        <v>14</v>
      </c>
      <c r="AP31822">
        <v>15</v>
      </c>
      <c r="AQ31822">
        <v>15</v>
      </c>
    </row>
    <row r="31823" spans="1:43">
      <c r="A31823" t="s">
        <v>19709</v>
      </c>
      <c r="B31823" t="s">
        <v>19710</v>
      </c>
      <c r="C31823" t="s">
        <v>19665</v>
      </c>
      <c r="D31823" t="s">
        <v>19666</v>
      </c>
      <c r="E31823" t="s">
        <v>19535</v>
      </c>
      <c r="F31823" t="s">
        <v>19536</v>
      </c>
      <c r="G31823" t="s">
        <v>10734</v>
      </c>
      <c r="H31823" t="s">
        <v>10735</v>
      </c>
      <c r="I31823" s="2">
        <v>0</v>
      </c>
      <c r="J31823" s="2">
        <v>0</v>
      </c>
      <c r="K31823" s="2">
        <v>1</v>
      </c>
      <c r="L31823" t="s">
        <v>995</v>
      </c>
      <c r="M31823" t="s">
        <v>87</v>
      </c>
      <c r="N31823" t="s">
        <v>88</v>
      </c>
      <c r="O31823" t="s">
        <v>85</v>
      </c>
      <c r="P31823" t="s">
        <v>86</v>
      </c>
      <c r="Q31823">
        <v>8</v>
      </c>
      <c r="R31823">
        <v>8</v>
      </c>
      <c r="S31823">
        <v>8</v>
      </c>
      <c r="T31823">
        <v>8</v>
      </c>
      <c r="U31823">
        <v>9</v>
      </c>
      <c r="V31823">
        <v>9</v>
      </c>
      <c r="W31823">
        <v>9</v>
      </c>
      <c r="X31823">
        <v>9</v>
      </c>
      <c r="Y31823">
        <v>9</v>
      </c>
      <c r="Z31823">
        <v>9</v>
      </c>
      <c r="AA31823">
        <v>9</v>
      </c>
      <c r="AB31823">
        <v>10</v>
      </c>
      <c r="AC31823">
        <v>10</v>
      </c>
      <c r="AD31823">
        <v>10</v>
      </c>
      <c r="AE31823">
        <v>10</v>
      </c>
      <c r="AF31823">
        <v>10</v>
      </c>
      <c r="AG31823">
        <v>11</v>
      </c>
      <c r="AH31823">
        <v>11</v>
      </c>
      <c r="AI31823">
        <v>11</v>
      </c>
      <c r="AJ31823">
        <v>11</v>
      </c>
      <c r="AK31823">
        <v>11</v>
      </c>
      <c r="AL31823">
        <v>12</v>
      </c>
      <c r="AM31823">
        <v>12</v>
      </c>
      <c r="AN31823">
        <v>12</v>
      </c>
      <c r="AO31823">
        <v>12</v>
      </c>
      <c r="AP31823">
        <v>13</v>
      </c>
      <c r="AQ31823">
        <v>13</v>
      </c>
    </row>
    <row r="31824" spans="1:43">
      <c r="A31824" t="s">
        <v>19709</v>
      </c>
      <c r="B31824" t="s">
        <v>19710</v>
      </c>
      <c r="C31824" t="s">
        <v>19665</v>
      </c>
      <c r="D31824" t="s">
        <v>19666</v>
      </c>
      <c r="E31824" t="s">
        <v>19535</v>
      </c>
      <c r="F31824" t="s">
        <v>19536</v>
      </c>
      <c r="G31824" t="s">
        <v>10734</v>
      </c>
      <c r="H31824" t="s">
        <v>10735</v>
      </c>
      <c r="I31824" s="2">
        <v>0</v>
      </c>
      <c r="J31824" s="2">
        <v>0</v>
      </c>
      <c r="K31824" s="2">
        <v>1</v>
      </c>
      <c r="L31824" t="s">
        <v>995</v>
      </c>
      <c r="M31824" t="s">
        <v>89</v>
      </c>
      <c r="N31824" t="s">
        <v>90</v>
      </c>
      <c r="O31824" t="s">
        <v>85</v>
      </c>
      <c r="P31824" t="s">
        <v>86</v>
      </c>
      <c r="Q31824">
        <v>8</v>
      </c>
      <c r="R31824">
        <v>8</v>
      </c>
      <c r="S31824">
        <v>9</v>
      </c>
      <c r="T31824">
        <v>9</v>
      </c>
      <c r="U31824">
        <v>9</v>
      </c>
      <c r="V31824">
        <v>10</v>
      </c>
      <c r="W31824">
        <v>10</v>
      </c>
      <c r="X31824">
        <v>10</v>
      </c>
      <c r="Y31824">
        <v>10</v>
      </c>
      <c r="Z31824">
        <v>11</v>
      </c>
      <c r="AA31824">
        <v>11</v>
      </c>
      <c r="AB31824">
        <v>11</v>
      </c>
      <c r="AC31824">
        <v>12</v>
      </c>
      <c r="AD31824">
        <v>12</v>
      </c>
      <c r="AE31824">
        <v>12</v>
      </c>
      <c r="AF31824">
        <v>13</v>
      </c>
      <c r="AG31824">
        <v>13</v>
      </c>
      <c r="AH31824">
        <v>13</v>
      </c>
      <c r="AI31824">
        <v>13</v>
      </c>
      <c r="AJ31824">
        <v>13</v>
      </c>
      <c r="AK31824">
        <v>14</v>
      </c>
      <c r="AL31824">
        <v>14</v>
      </c>
      <c r="AM31824">
        <v>14</v>
      </c>
      <c r="AN31824">
        <v>14</v>
      </c>
      <c r="AO31824">
        <v>14</v>
      </c>
      <c r="AP31824">
        <v>15</v>
      </c>
      <c r="AQ31824">
        <v>15</v>
      </c>
    </row>
    <row r="31825" spans="1:43">
      <c r="A31825" t="s">
        <v>19709</v>
      </c>
      <c r="B31825" t="s">
        <v>19710</v>
      </c>
      <c r="C31825" t="s">
        <v>19665</v>
      </c>
      <c r="D31825" t="s">
        <v>19666</v>
      </c>
      <c r="E31825" t="s">
        <v>19535</v>
      </c>
      <c r="F31825" t="s">
        <v>19536</v>
      </c>
      <c r="G31825" t="s">
        <v>10734</v>
      </c>
      <c r="H31825" t="s">
        <v>10735</v>
      </c>
      <c r="I31825" s="2">
        <v>0</v>
      </c>
      <c r="J31825" s="2">
        <v>0</v>
      </c>
      <c r="K31825" s="2">
        <v>1</v>
      </c>
      <c r="L31825" t="s">
        <v>995</v>
      </c>
      <c r="M31825" t="s">
        <v>83</v>
      </c>
      <c r="N31825" t="s">
        <v>91</v>
      </c>
      <c r="O31825" t="s">
        <v>85</v>
      </c>
      <c r="P31825" t="s">
        <v>86</v>
      </c>
      <c r="Q31825">
        <v>8</v>
      </c>
      <c r="R31825">
        <v>8</v>
      </c>
      <c r="S31825">
        <v>8</v>
      </c>
      <c r="T31825">
        <v>9</v>
      </c>
      <c r="U31825">
        <v>9</v>
      </c>
      <c r="V31825">
        <v>9</v>
      </c>
      <c r="W31825">
        <v>9</v>
      </c>
      <c r="X31825">
        <v>10</v>
      </c>
      <c r="Y31825">
        <v>10</v>
      </c>
      <c r="Z31825">
        <v>10</v>
      </c>
      <c r="AA31825">
        <v>10</v>
      </c>
      <c r="AB31825">
        <v>11</v>
      </c>
      <c r="AC31825">
        <v>11</v>
      </c>
      <c r="AD31825">
        <v>11</v>
      </c>
      <c r="AE31825">
        <v>12</v>
      </c>
      <c r="AF31825">
        <v>12</v>
      </c>
      <c r="AG31825">
        <v>12</v>
      </c>
      <c r="AH31825">
        <v>12</v>
      </c>
      <c r="AI31825">
        <v>13</v>
      </c>
      <c r="AJ31825">
        <v>13</v>
      </c>
      <c r="AK31825">
        <v>13</v>
      </c>
      <c r="AL31825">
        <v>14</v>
      </c>
      <c r="AM31825">
        <v>14</v>
      </c>
      <c r="AN31825">
        <v>14</v>
      </c>
      <c r="AO31825">
        <v>14</v>
      </c>
      <c r="AP31825">
        <v>15</v>
      </c>
      <c r="AQ31825">
        <v>15</v>
      </c>
    </row>
    <row r="31826" spans="1:43">
      <c r="A31826" t="s">
        <v>19711</v>
      </c>
      <c r="B31826" t="s">
        <v>19712</v>
      </c>
      <c r="C31826" t="s">
        <v>19561</v>
      </c>
      <c r="D31826" t="s">
        <v>19562</v>
      </c>
      <c r="E31826" t="s">
        <v>19535</v>
      </c>
      <c r="F31826" t="s">
        <v>19536</v>
      </c>
      <c r="G31826" t="s">
        <v>10734</v>
      </c>
      <c r="H31826" t="s">
        <v>10735</v>
      </c>
      <c r="I31826" s="2">
        <v>0</v>
      </c>
      <c r="J31826" s="2">
        <v>0</v>
      </c>
      <c r="K31826" s="2">
        <v>1</v>
      </c>
      <c r="L31826" t="s">
        <v>995</v>
      </c>
      <c r="M31826" t="s">
        <v>83</v>
      </c>
      <c r="N31826" t="s">
        <v>84</v>
      </c>
      <c r="O31826" t="s">
        <v>85</v>
      </c>
      <c r="P31826" t="s">
        <v>86</v>
      </c>
      <c r="Q31826">
        <v>17</v>
      </c>
      <c r="R31826">
        <v>18</v>
      </c>
      <c r="S31826">
        <v>18</v>
      </c>
      <c r="T31826">
        <v>19</v>
      </c>
      <c r="U31826">
        <v>19</v>
      </c>
      <c r="V31826">
        <v>20</v>
      </c>
      <c r="W31826">
        <v>21</v>
      </c>
      <c r="X31826">
        <v>21</v>
      </c>
      <c r="Y31826">
        <v>22</v>
      </c>
      <c r="Z31826">
        <v>22</v>
      </c>
      <c r="AA31826">
        <v>23</v>
      </c>
      <c r="AB31826">
        <v>23</v>
      </c>
      <c r="AC31826">
        <v>24</v>
      </c>
      <c r="AD31826">
        <v>25</v>
      </c>
      <c r="AE31826">
        <v>25</v>
      </c>
      <c r="AF31826">
        <v>26</v>
      </c>
      <c r="AG31826">
        <v>26</v>
      </c>
      <c r="AH31826">
        <v>27</v>
      </c>
      <c r="AI31826">
        <v>28</v>
      </c>
      <c r="AJ31826">
        <v>28</v>
      </c>
      <c r="AK31826">
        <v>29</v>
      </c>
      <c r="AL31826">
        <v>30</v>
      </c>
      <c r="AM31826">
        <v>30</v>
      </c>
      <c r="AN31826">
        <v>31</v>
      </c>
      <c r="AO31826">
        <v>31</v>
      </c>
      <c r="AP31826">
        <v>32</v>
      </c>
      <c r="AQ31826">
        <v>32</v>
      </c>
    </row>
    <row r="31827" spans="1:43">
      <c r="A31827" t="s">
        <v>19711</v>
      </c>
      <c r="B31827" t="s">
        <v>19712</v>
      </c>
      <c r="C31827" t="s">
        <v>19561</v>
      </c>
      <c r="D31827" t="s">
        <v>19562</v>
      </c>
      <c r="E31827" t="s">
        <v>19535</v>
      </c>
      <c r="F31827" t="s">
        <v>19536</v>
      </c>
      <c r="G31827" t="s">
        <v>10734</v>
      </c>
      <c r="H31827" t="s">
        <v>10735</v>
      </c>
      <c r="I31827" s="2">
        <v>0</v>
      </c>
      <c r="J31827" s="2">
        <v>0</v>
      </c>
      <c r="K31827" s="2">
        <v>1</v>
      </c>
      <c r="L31827" t="s">
        <v>995</v>
      </c>
      <c r="M31827" t="s">
        <v>87</v>
      </c>
      <c r="N31827" t="s">
        <v>88</v>
      </c>
      <c r="O31827" t="s">
        <v>85</v>
      </c>
      <c r="P31827" t="s">
        <v>86</v>
      </c>
      <c r="Q31827">
        <v>17</v>
      </c>
      <c r="R31827">
        <v>18</v>
      </c>
      <c r="S31827">
        <v>18</v>
      </c>
      <c r="T31827">
        <v>18</v>
      </c>
      <c r="U31827">
        <v>19</v>
      </c>
      <c r="V31827">
        <v>19</v>
      </c>
      <c r="W31827">
        <v>19</v>
      </c>
      <c r="X31827">
        <v>20</v>
      </c>
      <c r="Y31827">
        <v>20</v>
      </c>
      <c r="Z31827">
        <v>20</v>
      </c>
      <c r="AA31827">
        <v>21</v>
      </c>
      <c r="AB31827">
        <v>21</v>
      </c>
      <c r="AC31827">
        <v>21</v>
      </c>
      <c r="AD31827">
        <v>22</v>
      </c>
      <c r="AE31827">
        <v>22</v>
      </c>
      <c r="AF31827">
        <v>23</v>
      </c>
      <c r="AG31827">
        <v>23</v>
      </c>
      <c r="AH31827">
        <v>24</v>
      </c>
      <c r="AI31827">
        <v>24</v>
      </c>
      <c r="AJ31827">
        <v>24</v>
      </c>
      <c r="AK31827">
        <v>25</v>
      </c>
      <c r="AL31827">
        <v>25</v>
      </c>
      <c r="AM31827">
        <v>26</v>
      </c>
      <c r="AN31827">
        <v>26</v>
      </c>
      <c r="AO31827">
        <v>27</v>
      </c>
      <c r="AP31827">
        <v>27</v>
      </c>
      <c r="AQ31827">
        <v>28</v>
      </c>
    </row>
    <row r="31828" spans="1:43">
      <c r="A31828" t="s">
        <v>19711</v>
      </c>
      <c r="B31828" t="s">
        <v>19712</v>
      </c>
      <c r="C31828" t="s">
        <v>19561</v>
      </c>
      <c r="D31828" t="s">
        <v>19562</v>
      </c>
      <c r="E31828" t="s">
        <v>19535</v>
      </c>
      <c r="F31828" t="s">
        <v>19536</v>
      </c>
      <c r="G31828" t="s">
        <v>10734</v>
      </c>
      <c r="H31828" t="s">
        <v>10735</v>
      </c>
      <c r="I31828" s="2">
        <v>0</v>
      </c>
      <c r="J31828" s="2">
        <v>0</v>
      </c>
      <c r="K31828" s="2">
        <v>1</v>
      </c>
      <c r="L31828" t="s">
        <v>995</v>
      </c>
      <c r="M31828" t="s">
        <v>89</v>
      </c>
      <c r="N31828" t="s">
        <v>90</v>
      </c>
      <c r="O31828" t="s">
        <v>85</v>
      </c>
      <c r="P31828" t="s">
        <v>86</v>
      </c>
      <c r="Q31828">
        <v>17</v>
      </c>
      <c r="R31828">
        <v>17</v>
      </c>
      <c r="S31828">
        <v>18</v>
      </c>
      <c r="T31828">
        <v>19</v>
      </c>
      <c r="U31828">
        <v>19</v>
      </c>
      <c r="V31828">
        <v>20</v>
      </c>
      <c r="W31828">
        <v>21</v>
      </c>
      <c r="X31828">
        <v>21</v>
      </c>
      <c r="Y31828">
        <v>22</v>
      </c>
      <c r="Z31828">
        <v>23</v>
      </c>
      <c r="AA31828">
        <v>23</v>
      </c>
      <c r="AB31828">
        <v>24</v>
      </c>
      <c r="AC31828">
        <v>25</v>
      </c>
      <c r="AD31828">
        <v>25</v>
      </c>
      <c r="AE31828">
        <v>26</v>
      </c>
      <c r="AF31828">
        <v>26</v>
      </c>
      <c r="AG31828">
        <v>27</v>
      </c>
      <c r="AH31828">
        <v>27</v>
      </c>
      <c r="AI31828">
        <v>28</v>
      </c>
      <c r="AJ31828">
        <v>28</v>
      </c>
      <c r="AK31828">
        <v>28</v>
      </c>
      <c r="AL31828">
        <v>29</v>
      </c>
      <c r="AM31828">
        <v>29</v>
      </c>
      <c r="AN31828">
        <v>30</v>
      </c>
      <c r="AO31828">
        <v>30</v>
      </c>
      <c r="AP31828">
        <v>31</v>
      </c>
      <c r="AQ31828">
        <v>31</v>
      </c>
    </row>
    <row r="31829" spans="1:43">
      <c r="A31829" t="s">
        <v>19711</v>
      </c>
      <c r="B31829" t="s">
        <v>19712</v>
      </c>
      <c r="C31829" t="s">
        <v>19561</v>
      </c>
      <c r="D31829" t="s">
        <v>19562</v>
      </c>
      <c r="E31829" t="s">
        <v>19535</v>
      </c>
      <c r="F31829" t="s">
        <v>19536</v>
      </c>
      <c r="G31829" t="s">
        <v>10734</v>
      </c>
      <c r="H31829" t="s">
        <v>10735</v>
      </c>
      <c r="I31829" s="2">
        <v>0</v>
      </c>
      <c r="J31829" s="2">
        <v>0</v>
      </c>
      <c r="K31829" s="2">
        <v>1</v>
      </c>
      <c r="L31829" t="s">
        <v>995</v>
      </c>
      <c r="M31829" t="s">
        <v>83</v>
      </c>
      <c r="N31829" t="s">
        <v>91</v>
      </c>
      <c r="O31829" t="s">
        <v>85</v>
      </c>
      <c r="P31829" t="s">
        <v>86</v>
      </c>
      <c r="Q31829">
        <v>17</v>
      </c>
      <c r="R31829">
        <v>18</v>
      </c>
      <c r="S31829">
        <v>18</v>
      </c>
      <c r="T31829">
        <v>19</v>
      </c>
      <c r="U31829">
        <v>19</v>
      </c>
      <c r="V31829">
        <v>20</v>
      </c>
      <c r="W31829">
        <v>21</v>
      </c>
      <c r="X31829">
        <v>21</v>
      </c>
      <c r="Y31829">
        <v>22</v>
      </c>
      <c r="Z31829">
        <v>22</v>
      </c>
      <c r="AA31829">
        <v>23</v>
      </c>
      <c r="AB31829">
        <v>23</v>
      </c>
      <c r="AC31829">
        <v>24</v>
      </c>
      <c r="AD31829">
        <v>25</v>
      </c>
      <c r="AE31829">
        <v>25</v>
      </c>
      <c r="AF31829">
        <v>26</v>
      </c>
      <c r="AG31829">
        <v>26</v>
      </c>
      <c r="AH31829">
        <v>27</v>
      </c>
      <c r="AI31829">
        <v>28</v>
      </c>
      <c r="AJ31829">
        <v>28</v>
      </c>
      <c r="AK31829">
        <v>29</v>
      </c>
      <c r="AL31829">
        <v>30</v>
      </c>
      <c r="AM31829">
        <v>30</v>
      </c>
      <c r="AN31829">
        <v>31</v>
      </c>
      <c r="AO31829">
        <v>31</v>
      </c>
      <c r="AP31829">
        <v>32</v>
      </c>
      <c r="AQ31829">
        <v>32</v>
      </c>
    </row>
    <row r="31830" spans="1:43">
      <c r="A31830" t="s">
        <v>19713</v>
      </c>
      <c r="B31830" t="s">
        <v>19714</v>
      </c>
      <c r="C31830" t="s">
        <v>19665</v>
      </c>
      <c r="D31830" t="s">
        <v>19666</v>
      </c>
      <c r="E31830" t="s">
        <v>19535</v>
      </c>
      <c r="F31830" t="s">
        <v>19536</v>
      </c>
      <c r="G31830" t="s">
        <v>10734</v>
      </c>
      <c r="H31830" t="s">
        <v>10735</v>
      </c>
      <c r="I31830" s="2">
        <v>0</v>
      </c>
      <c r="J31830" s="2">
        <v>0</v>
      </c>
      <c r="K31830" s="2">
        <v>1</v>
      </c>
      <c r="L31830" t="s">
        <v>995</v>
      </c>
      <c r="M31830" t="s">
        <v>83</v>
      </c>
      <c r="N31830" t="s">
        <v>84</v>
      </c>
      <c r="O31830" t="s">
        <v>85</v>
      </c>
      <c r="P31830" t="s">
        <v>86</v>
      </c>
      <c r="Q31830">
        <v>14</v>
      </c>
      <c r="R31830">
        <v>15</v>
      </c>
      <c r="S31830">
        <v>15</v>
      </c>
      <c r="T31830">
        <v>16</v>
      </c>
      <c r="U31830">
        <v>16</v>
      </c>
      <c r="V31830">
        <v>17</v>
      </c>
      <c r="W31830">
        <v>17</v>
      </c>
      <c r="X31830">
        <v>17</v>
      </c>
      <c r="Y31830">
        <v>18</v>
      </c>
      <c r="Z31830">
        <v>18</v>
      </c>
      <c r="AA31830">
        <v>19</v>
      </c>
      <c r="AB31830">
        <v>19</v>
      </c>
      <c r="AC31830">
        <v>20</v>
      </c>
      <c r="AD31830">
        <v>20</v>
      </c>
      <c r="AE31830">
        <v>21</v>
      </c>
      <c r="AF31830">
        <v>21</v>
      </c>
      <c r="AG31830">
        <v>22</v>
      </c>
      <c r="AH31830">
        <v>22</v>
      </c>
      <c r="AI31830">
        <v>23</v>
      </c>
      <c r="AJ31830">
        <v>24</v>
      </c>
      <c r="AK31830">
        <v>24</v>
      </c>
      <c r="AL31830">
        <v>25</v>
      </c>
      <c r="AM31830">
        <v>25</v>
      </c>
      <c r="AN31830">
        <v>25</v>
      </c>
      <c r="AO31830">
        <v>26</v>
      </c>
      <c r="AP31830">
        <v>26</v>
      </c>
      <c r="AQ31830">
        <v>27</v>
      </c>
    </row>
    <row r="31831" spans="1:43">
      <c r="A31831" t="s">
        <v>19713</v>
      </c>
      <c r="B31831" t="s">
        <v>19714</v>
      </c>
      <c r="C31831" t="s">
        <v>19665</v>
      </c>
      <c r="D31831" t="s">
        <v>19666</v>
      </c>
      <c r="E31831" t="s">
        <v>19535</v>
      </c>
      <c r="F31831" t="s">
        <v>19536</v>
      </c>
      <c r="G31831" t="s">
        <v>10734</v>
      </c>
      <c r="H31831" t="s">
        <v>10735</v>
      </c>
      <c r="I31831" s="2">
        <v>0</v>
      </c>
      <c r="J31831" s="2">
        <v>0</v>
      </c>
      <c r="K31831" s="2">
        <v>1</v>
      </c>
      <c r="L31831" t="s">
        <v>995</v>
      </c>
      <c r="M31831" t="s">
        <v>87</v>
      </c>
      <c r="N31831" t="s">
        <v>88</v>
      </c>
      <c r="O31831" t="s">
        <v>85</v>
      </c>
      <c r="P31831" t="s">
        <v>86</v>
      </c>
      <c r="Q31831">
        <v>14</v>
      </c>
      <c r="R31831">
        <v>15</v>
      </c>
      <c r="S31831">
        <v>15</v>
      </c>
      <c r="T31831">
        <v>15</v>
      </c>
      <c r="U31831">
        <v>15</v>
      </c>
      <c r="V31831">
        <v>16</v>
      </c>
      <c r="W31831">
        <v>16</v>
      </c>
      <c r="X31831">
        <v>16</v>
      </c>
      <c r="Y31831">
        <v>17</v>
      </c>
      <c r="Z31831">
        <v>17</v>
      </c>
      <c r="AA31831">
        <v>17</v>
      </c>
      <c r="AB31831">
        <v>17</v>
      </c>
      <c r="AC31831">
        <v>18</v>
      </c>
      <c r="AD31831">
        <v>18</v>
      </c>
      <c r="AE31831">
        <v>18</v>
      </c>
      <c r="AF31831">
        <v>19</v>
      </c>
      <c r="AG31831">
        <v>19</v>
      </c>
      <c r="AH31831">
        <v>19</v>
      </c>
      <c r="AI31831">
        <v>20</v>
      </c>
      <c r="AJ31831">
        <v>20</v>
      </c>
      <c r="AK31831">
        <v>21</v>
      </c>
      <c r="AL31831">
        <v>21</v>
      </c>
      <c r="AM31831">
        <v>21</v>
      </c>
      <c r="AN31831">
        <v>22</v>
      </c>
      <c r="AO31831">
        <v>22</v>
      </c>
      <c r="AP31831">
        <v>23</v>
      </c>
      <c r="AQ31831">
        <v>23</v>
      </c>
    </row>
    <row r="31832" spans="1:43">
      <c r="A31832" t="s">
        <v>19713</v>
      </c>
      <c r="B31832" t="s">
        <v>19714</v>
      </c>
      <c r="C31832" t="s">
        <v>19665</v>
      </c>
      <c r="D31832" t="s">
        <v>19666</v>
      </c>
      <c r="E31832" t="s">
        <v>19535</v>
      </c>
      <c r="F31832" t="s">
        <v>19536</v>
      </c>
      <c r="G31832" t="s">
        <v>10734</v>
      </c>
      <c r="H31832" t="s">
        <v>10735</v>
      </c>
      <c r="I31832" s="2">
        <v>0</v>
      </c>
      <c r="J31832" s="2">
        <v>0</v>
      </c>
      <c r="K31832" s="2">
        <v>1</v>
      </c>
      <c r="L31832" t="s">
        <v>995</v>
      </c>
      <c r="M31832" t="s">
        <v>89</v>
      </c>
      <c r="N31832" t="s">
        <v>90</v>
      </c>
      <c r="O31832" t="s">
        <v>85</v>
      </c>
      <c r="P31832" t="s">
        <v>86</v>
      </c>
      <c r="Q31832">
        <v>14</v>
      </c>
      <c r="R31832">
        <v>14</v>
      </c>
      <c r="S31832">
        <v>15</v>
      </c>
      <c r="T31832">
        <v>15</v>
      </c>
      <c r="U31832">
        <v>16</v>
      </c>
      <c r="V31832">
        <v>16</v>
      </c>
      <c r="W31832">
        <v>17</v>
      </c>
      <c r="X31832">
        <v>17</v>
      </c>
      <c r="Y31832">
        <v>18</v>
      </c>
      <c r="Z31832">
        <v>19</v>
      </c>
      <c r="AA31832">
        <v>19</v>
      </c>
      <c r="AB31832">
        <v>20</v>
      </c>
      <c r="AC31832">
        <v>20</v>
      </c>
      <c r="AD31832">
        <v>21</v>
      </c>
      <c r="AE31832">
        <v>21</v>
      </c>
      <c r="AF31832">
        <v>22</v>
      </c>
      <c r="AG31832">
        <v>22</v>
      </c>
      <c r="AH31832">
        <v>22</v>
      </c>
      <c r="AI31832">
        <v>23</v>
      </c>
      <c r="AJ31832">
        <v>23</v>
      </c>
      <c r="AK31832">
        <v>23</v>
      </c>
      <c r="AL31832">
        <v>24</v>
      </c>
      <c r="AM31832">
        <v>24</v>
      </c>
      <c r="AN31832">
        <v>25</v>
      </c>
      <c r="AO31832">
        <v>25</v>
      </c>
      <c r="AP31832">
        <v>25</v>
      </c>
      <c r="AQ31832">
        <v>26</v>
      </c>
    </row>
    <row r="31833" spans="1:43">
      <c r="A31833" t="s">
        <v>19713</v>
      </c>
      <c r="B31833" t="s">
        <v>19714</v>
      </c>
      <c r="C31833" t="s">
        <v>19665</v>
      </c>
      <c r="D31833" t="s">
        <v>19666</v>
      </c>
      <c r="E31833" t="s">
        <v>19535</v>
      </c>
      <c r="F31833" t="s">
        <v>19536</v>
      </c>
      <c r="G31833" t="s">
        <v>10734</v>
      </c>
      <c r="H31833" t="s">
        <v>10735</v>
      </c>
      <c r="I31833" s="2">
        <v>0</v>
      </c>
      <c r="J31833" s="2">
        <v>0</v>
      </c>
      <c r="K31833" s="2">
        <v>1</v>
      </c>
      <c r="L31833" t="s">
        <v>995</v>
      </c>
      <c r="M31833" t="s">
        <v>83</v>
      </c>
      <c r="N31833" t="s">
        <v>91</v>
      </c>
      <c r="O31833" t="s">
        <v>85</v>
      </c>
      <c r="P31833" t="s">
        <v>86</v>
      </c>
      <c r="Q31833">
        <v>14</v>
      </c>
      <c r="R31833">
        <v>15</v>
      </c>
      <c r="S31833">
        <v>15</v>
      </c>
      <c r="T31833">
        <v>16</v>
      </c>
      <c r="U31833">
        <v>16</v>
      </c>
      <c r="V31833">
        <v>17</v>
      </c>
      <c r="W31833">
        <v>17</v>
      </c>
      <c r="X31833">
        <v>17</v>
      </c>
      <c r="Y31833">
        <v>18</v>
      </c>
      <c r="Z31833">
        <v>18</v>
      </c>
      <c r="AA31833">
        <v>19</v>
      </c>
      <c r="AB31833">
        <v>19</v>
      </c>
      <c r="AC31833">
        <v>20</v>
      </c>
      <c r="AD31833">
        <v>20</v>
      </c>
      <c r="AE31833">
        <v>21</v>
      </c>
      <c r="AF31833">
        <v>21</v>
      </c>
      <c r="AG31833">
        <v>22</v>
      </c>
      <c r="AH31833">
        <v>22</v>
      </c>
      <c r="AI31833">
        <v>23</v>
      </c>
      <c r="AJ31833">
        <v>24</v>
      </c>
      <c r="AK31833">
        <v>24</v>
      </c>
      <c r="AL31833">
        <v>25</v>
      </c>
      <c r="AM31833">
        <v>25</v>
      </c>
      <c r="AN31833">
        <v>25</v>
      </c>
      <c r="AO31833">
        <v>26</v>
      </c>
      <c r="AP31833">
        <v>26</v>
      </c>
      <c r="AQ31833">
        <v>27</v>
      </c>
    </row>
    <row r="31834" spans="1:43">
      <c r="A31834" t="s">
        <v>19715</v>
      </c>
      <c r="B31834" t="s">
        <v>19716</v>
      </c>
      <c r="C31834" t="s">
        <v>19561</v>
      </c>
      <c r="D31834" t="s">
        <v>19562</v>
      </c>
      <c r="E31834" t="s">
        <v>19535</v>
      </c>
      <c r="F31834" t="s">
        <v>19536</v>
      </c>
      <c r="G31834" t="s">
        <v>10734</v>
      </c>
      <c r="H31834" t="s">
        <v>10735</v>
      </c>
      <c r="I31834" s="2">
        <v>0</v>
      </c>
      <c r="J31834" s="2">
        <v>0</v>
      </c>
      <c r="K31834" s="2">
        <v>1</v>
      </c>
      <c r="L31834" t="s">
        <v>995</v>
      </c>
      <c r="M31834" t="s">
        <v>83</v>
      </c>
      <c r="N31834" t="s">
        <v>84</v>
      </c>
      <c r="O31834" t="s">
        <v>85</v>
      </c>
      <c r="P31834" t="s">
        <v>86</v>
      </c>
      <c r="Q31834">
        <v>6</v>
      </c>
      <c r="R31834">
        <v>7</v>
      </c>
      <c r="S31834">
        <v>7</v>
      </c>
      <c r="T31834">
        <v>7</v>
      </c>
      <c r="U31834">
        <v>7</v>
      </c>
      <c r="V31834">
        <v>7</v>
      </c>
      <c r="W31834">
        <v>8</v>
      </c>
      <c r="X31834">
        <v>8</v>
      </c>
      <c r="Y31834">
        <v>8</v>
      </c>
      <c r="Z31834">
        <v>8</v>
      </c>
      <c r="AA31834">
        <v>8</v>
      </c>
      <c r="AB31834">
        <v>9</v>
      </c>
      <c r="AC31834">
        <v>9</v>
      </c>
      <c r="AD31834">
        <v>9</v>
      </c>
      <c r="AE31834">
        <v>9</v>
      </c>
      <c r="AF31834">
        <v>9</v>
      </c>
      <c r="AG31834">
        <v>10</v>
      </c>
      <c r="AH31834">
        <v>10</v>
      </c>
      <c r="AI31834">
        <v>10</v>
      </c>
      <c r="AJ31834">
        <v>10</v>
      </c>
      <c r="AK31834">
        <v>11</v>
      </c>
      <c r="AL31834">
        <v>11</v>
      </c>
      <c r="AM31834">
        <v>11</v>
      </c>
      <c r="AN31834">
        <v>11</v>
      </c>
      <c r="AO31834">
        <v>11</v>
      </c>
      <c r="AP31834">
        <v>12</v>
      </c>
      <c r="AQ31834">
        <v>12</v>
      </c>
    </row>
    <row r="31835" spans="1:43">
      <c r="A31835" t="s">
        <v>19715</v>
      </c>
      <c r="B31835" t="s">
        <v>19716</v>
      </c>
      <c r="C31835" t="s">
        <v>19561</v>
      </c>
      <c r="D31835" t="s">
        <v>19562</v>
      </c>
      <c r="E31835" t="s">
        <v>19535</v>
      </c>
      <c r="F31835" t="s">
        <v>19536</v>
      </c>
      <c r="G31835" t="s">
        <v>10734</v>
      </c>
      <c r="H31835" t="s">
        <v>10735</v>
      </c>
      <c r="I31835" s="2">
        <v>0</v>
      </c>
      <c r="J31835" s="2">
        <v>0</v>
      </c>
      <c r="K31835" s="2">
        <v>1</v>
      </c>
      <c r="L31835" t="s">
        <v>995</v>
      </c>
      <c r="M31835" t="s">
        <v>87</v>
      </c>
      <c r="N31835" t="s">
        <v>88</v>
      </c>
      <c r="O31835" t="s">
        <v>85</v>
      </c>
      <c r="P31835" t="s">
        <v>86</v>
      </c>
      <c r="Q31835">
        <v>6</v>
      </c>
      <c r="R31835">
        <v>6</v>
      </c>
      <c r="S31835">
        <v>7</v>
      </c>
      <c r="T31835">
        <v>7</v>
      </c>
      <c r="U31835">
        <v>7</v>
      </c>
      <c r="V31835">
        <v>7</v>
      </c>
      <c r="W31835">
        <v>7</v>
      </c>
      <c r="X31835">
        <v>7</v>
      </c>
      <c r="Y31835">
        <v>7</v>
      </c>
      <c r="Z31835">
        <v>7</v>
      </c>
      <c r="AA31835">
        <v>8</v>
      </c>
      <c r="AB31835">
        <v>8</v>
      </c>
      <c r="AC31835">
        <v>8</v>
      </c>
      <c r="AD31835">
        <v>8</v>
      </c>
      <c r="AE31835">
        <v>8</v>
      </c>
      <c r="AF31835">
        <v>8</v>
      </c>
      <c r="AG31835">
        <v>9</v>
      </c>
      <c r="AH31835">
        <v>9</v>
      </c>
      <c r="AI31835">
        <v>9</v>
      </c>
      <c r="AJ31835">
        <v>9</v>
      </c>
      <c r="AK31835">
        <v>9</v>
      </c>
      <c r="AL31835">
        <v>9</v>
      </c>
      <c r="AM31835">
        <v>10</v>
      </c>
      <c r="AN31835">
        <v>10</v>
      </c>
      <c r="AO31835">
        <v>10</v>
      </c>
      <c r="AP31835">
        <v>10</v>
      </c>
      <c r="AQ31835">
        <v>10</v>
      </c>
    </row>
    <row r="31836" spans="1:43">
      <c r="A31836" t="s">
        <v>19715</v>
      </c>
      <c r="B31836" t="s">
        <v>19716</v>
      </c>
      <c r="C31836" t="s">
        <v>19561</v>
      </c>
      <c r="D31836" t="s">
        <v>19562</v>
      </c>
      <c r="E31836" t="s">
        <v>19535</v>
      </c>
      <c r="F31836" t="s">
        <v>19536</v>
      </c>
      <c r="G31836" t="s">
        <v>10734</v>
      </c>
      <c r="H31836" t="s">
        <v>10735</v>
      </c>
      <c r="I31836" s="2">
        <v>0</v>
      </c>
      <c r="J31836" s="2">
        <v>0</v>
      </c>
      <c r="K31836" s="2">
        <v>1</v>
      </c>
      <c r="L31836" t="s">
        <v>995</v>
      </c>
      <c r="M31836" t="s">
        <v>89</v>
      </c>
      <c r="N31836" t="s">
        <v>90</v>
      </c>
      <c r="O31836" t="s">
        <v>85</v>
      </c>
      <c r="P31836" t="s">
        <v>86</v>
      </c>
      <c r="Q31836">
        <v>6</v>
      </c>
      <c r="R31836">
        <v>7</v>
      </c>
      <c r="S31836">
        <v>7</v>
      </c>
      <c r="T31836">
        <v>7</v>
      </c>
      <c r="U31836">
        <v>7</v>
      </c>
      <c r="V31836">
        <v>8</v>
      </c>
      <c r="W31836">
        <v>8</v>
      </c>
      <c r="X31836">
        <v>8</v>
      </c>
      <c r="Y31836">
        <v>8</v>
      </c>
      <c r="Z31836">
        <v>9</v>
      </c>
      <c r="AA31836">
        <v>9</v>
      </c>
      <c r="AB31836">
        <v>9</v>
      </c>
      <c r="AC31836">
        <v>9</v>
      </c>
      <c r="AD31836">
        <v>10</v>
      </c>
      <c r="AE31836">
        <v>10</v>
      </c>
      <c r="AF31836">
        <v>10</v>
      </c>
      <c r="AG31836">
        <v>10</v>
      </c>
      <c r="AH31836">
        <v>10</v>
      </c>
      <c r="AI31836">
        <v>11</v>
      </c>
      <c r="AJ31836">
        <v>11</v>
      </c>
      <c r="AK31836">
        <v>11</v>
      </c>
      <c r="AL31836">
        <v>11</v>
      </c>
      <c r="AM31836">
        <v>11</v>
      </c>
      <c r="AN31836">
        <v>11</v>
      </c>
      <c r="AO31836">
        <v>12</v>
      </c>
      <c r="AP31836">
        <v>12</v>
      </c>
      <c r="AQ31836">
        <v>12</v>
      </c>
    </row>
    <row r="31837" spans="1:43">
      <c r="A31837" t="s">
        <v>19715</v>
      </c>
      <c r="B31837" t="s">
        <v>19716</v>
      </c>
      <c r="C31837" t="s">
        <v>19561</v>
      </c>
      <c r="D31837" t="s">
        <v>19562</v>
      </c>
      <c r="E31837" t="s">
        <v>19535</v>
      </c>
      <c r="F31837" t="s">
        <v>19536</v>
      </c>
      <c r="G31837" t="s">
        <v>10734</v>
      </c>
      <c r="H31837" t="s">
        <v>10735</v>
      </c>
      <c r="I31837" s="2">
        <v>0</v>
      </c>
      <c r="J31837" s="2">
        <v>0</v>
      </c>
      <c r="K31837" s="2">
        <v>1</v>
      </c>
      <c r="L31837" t="s">
        <v>995</v>
      </c>
      <c r="M31837" t="s">
        <v>83</v>
      </c>
      <c r="N31837" t="s">
        <v>91</v>
      </c>
      <c r="O31837" t="s">
        <v>85</v>
      </c>
      <c r="P31837" t="s">
        <v>86</v>
      </c>
      <c r="Q31837">
        <v>6</v>
      </c>
      <c r="R31837">
        <v>7</v>
      </c>
      <c r="S31837">
        <v>7</v>
      </c>
      <c r="T31837">
        <v>7</v>
      </c>
      <c r="U31837">
        <v>7</v>
      </c>
      <c r="V31837">
        <v>7</v>
      </c>
      <c r="W31837">
        <v>8</v>
      </c>
      <c r="X31837">
        <v>8</v>
      </c>
      <c r="Y31837">
        <v>8</v>
      </c>
      <c r="Z31837">
        <v>8</v>
      </c>
      <c r="AA31837">
        <v>8</v>
      </c>
      <c r="AB31837">
        <v>9</v>
      </c>
      <c r="AC31837">
        <v>9</v>
      </c>
      <c r="AD31837">
        <v>9</v>
      </c>
      <c r="AE31837">
        <v>9</v>
      </c>
      <c r="AF31837">
        <v>9</v>
      </c>
      <c r="AG31837">
        <v>10</v>
      </c>
      <c r="AH31837">
        <v>10</v>
      </c>
      <c r="AI31837">
        <v>10</v>
      </c>
      <c r="AJ31837">
        <v>10</v>
      </c>
      <c r="AK31837">
        <v>11</v>
      </c>
      <c r="AL31837">
        <v>11</v>
      </c>
      <c r="AM31837">
        <v>11</v>
      </c>
      <c r="AN31837">
        <v>11</v>
      </c>
      <c r="AO31837">
        <v>11</v>
      </c>
      <c r="AP31837">
        <v>12</v>
      </c>
      <c r="AQ31837">
        <v>12</v>
      </c>
    </row>
    <row r="31838" spans="1:43">
      <c r="A31838" t="s">
        <v>19717</v>
      </c>
      <c r="B31838" t="s">
        <v>19718</v>
      </c>
      <c r="C31838" t="s">
        <v>19719</v>
      </c>
      <c r="D31838" t="s">
        <v>19720</v>
      </c>
      <c r="E31838" t="s">
        <v>19721</v>
      </c>
      <c r="F31838" t="s">
        <v>19722</v>
      </c>
      <c r="G31838" t="s">
        <v>10734</v>
      </c>
      <c r="H31838" t="s">
        <v>10735</v>
      </c>
      <c r="I31838" s="2">
        <v>0</v>
      </c>
      <c r="J31838" s="2">
        <v>0</v>
      </c>
      <c r="K31838" s="2">
        <v>1</v>
      </c>
      <c r="L31838" t="s">
        <v>995</v>
      </c>
      <c r="M31838" t="s">
        <v>83</v>
      </c>
      <c r="N31838" t="s">
        <v>84</v>
      </c>
      <c r="O31838" t="s">
        <v>85</v>
      </c>
      <c r="P31838" t="s">
        <v>86</v>
      </c>
      <c r="Q31838">
        <v>13</v>
      </c>
      <c r="R31838">
        <v>13</v>
      </c>
      <c r="S31838">
        <v>13</v>
      </c>
      <c r="T31838">
        <v>13</v>
      </c>
      <c r="U31838">
        <v>14</v>
      </c>
      <c r="V31838">
        <v>14</v>
      </c>
      <c r="W31838">
        <v>14</v>
      </c>
      <c r="X31838">
        <v>14</v>
      </c>
      <c r="Y31838">
        <v>14</v>
      </c>
      <c r="Z31838">
        <v>14</v>
      </c>
      <c r="AA31838">
        <v>14</v>
      </c>
      <c r="AB31838">
        <v>14</v>
      </c>
      <c r="AC31838">
        <v>15</v>
      </c>
      <c r="AD31838">
        <v>15</v>
      </c>
      <c r="AE31838">
        <v>15</v>
      </c>
      <c r="AF31838">
        <v>15</v>
      </c>
      <c r="AG31838">
        <v>15</v>
      </c>
      <c r="AH31838">
        <v>15</v>
      </c>
      <c r="AI31838">
        <v>15</v>
      </c>
      <c r="AJ31838">
        <v>15</v>
      </c>
      <c r="AK31838">
        <v>16</v>
      </c>
      <c r="AL31838">
        <v>16</v>
      </c>
      <c r="AM31838">
        <v>16</v>
      </c>
      <c r="AN31838">
        <v>16</v>
      </c>
      <c r="AO31838">
        <v>16</v>
      </c>
      <c r="AP31838">
        <v>16</v>
      </c>
      <c r="AQ31838">
        <v>16</v>
      </c>
    </row>
    <row r="31839" spans="1:43">
      <c r="A31839" t="s">
        <v>19717</v>
      </c>
      <c r="B31839" t="s">
        <v>19718</v>
      </c>
      <c r="C31839" t="s">
        <v>19719</v>
      </c>
      <c r="D31839" t="s">
        <v>19720</v>
      </c>
      <c r="E31839" t="s">
        <v>19721</v>
      </c>
      <c r="F31839" t="s">
        <v>19722</v>
      </c>
      <c r="G31839" t="s">
        <v>10734</v>
      </c>
      <c r="H31839" t="s">
        <v>10735</v>
      </c>
      <c r="I31839" s="2">
        <v>0</v>
      </c>
      <c r="J31839" s="2">
        <v>0</v>
      </c>
      <c r="K31839" s="2">
        <v>1</v>
      </c>
      <c r="L31839" t="s">
        <v>995</v>
      </c>
      <c r="M31839" t="s">
        <v>87</v>
      </c>
      <c r="N31839" t="s">
        <v>88</v>
      </c>
      <c r="O31839" t="s">
        <v>85</v>
      </c>
      <c r="P31839" t="s">
        <v>86</v>
      </c>
      <c r="Q31839">
        <v>13</v>
      </c>
      <c r="R31839">
        <v>13</v>
      </c>
      <c r="S31839">
        <v>13</v>
      </c>
      <c r="T31839">
        <v>13</v>
      </c>
      <c r="U31839">
        <v>13</v>
      </c>
      <c r="V31839">
        <v>13</v>
      </c>
      <c r="W31839">
        <v>13</v>
      </c>
      <c r="X31839">
        <v>13</v>
      </c>
      <c r="Y31839">
        <v>13</v>
      </c>
      <c r="Z31839">
        <v>13</v>
      </c>
      <c r="AA31839">
        <v>13</v>
      </c>
      <c r="AB31839">
        <v>13</v>
      </c>
      <c r="AC31839">
        <v>13</v>
      </c>
      <c r="AD31839">
        <v>13</v>
      </c>
      <c r="AE31839">
        <v>13</v>
      </c>
      <c r="AF31839">
        <v>13</v>
      </c>
      <c r="AG31839">
        <v>13</v>
      </c>
      <c r="AH31839">
        <v>13</v>
      </c>
      <c r="AI31839">
        <v>13</v>
      </c>
      <c r="AJ31839">
        <v>13</v>
      </c>
      <c r="AK31839">
        <v>13</v>
      </c>
      <c r="AL31839">
        <v>13</v>
      </c>
      <c r="AM31839">
        <v>13</v>
      </c>
      <c r="AN31839">
        <v>13</v>
      </c>
      <c r="AO31839">
        <v>13</v>
      </c>
      <c r="AP31839">
        <v>14</v>
      </c>
      <c r="AQ31839">
        <v>14</v>
      </c>
    </row>
    <row r="31840" spans="1:43">
      <c r="A31840" t="s">
        <v>19717</v>
      </c>
      <c r="B31840" t="s">
        <v>19718</v>
      </c>
      <c r="C31840" t="s">
        <v>19719</v>
      </c>
      <c r="D31840" t="s">
        <v>19720</v>
      </c>
      <c r="E31840" t="s">
        <v>19721</v>
      </c>
      <c r="F31840" t="s">
        <v>19722</v>
      </c>
      <c r="G31840" t="s">
        <v>10734</v>
      </c>
      <c r="H31840" t="s">
        <v>10735</v>
      </c>
      <c r="I31840" s="2">
        <v>0</v>
      </c>
      <c r="J31840" s="2">
        <v>0</v>
      </c>
      <c r="K31840" s="2">
        <v>1</v>
      </c>
      <c r="L31840" t="s">
        <v>995</v>
      </c>
      <c r="M31840" t="s">
        <v>89</v>
      </c>
      <c r="N31840" t="s">
        <v>90</v>
      </c>
      <c r="O31840" t="s">
        <v>85</v>
      </c>
      <c r="P31840" t="s">
        <v>86</v>
      </c>
      <c r="Q31840">
        <v>13</v>
      </c>
      <c r="R31840">
        <v>13</v>
      </c>
      <c r="S31840">
        <v>14</v>
      </c>
      <c r="T31840">
        <v>14</v>
      </c>
      <c r="U31840">
        <v>14</v>
      </c>
      <c r="V31840">
        <v>14</v>
      </c>
      <c r="W31840">
        <v>15</v>
      </c>
      <c r="X31840">
        <v>15</v>
      </c>
      <c r="Y31840">
        <v>15</v>
      </c>
      <c r="Z31840">
        <v>15</v>
      </c>
      <c r="AA31840">
        <v>15</v>
      </c>
      <c r="AB31840">
        <v>15</v>
      </c>
      <c r="AC31840">
        <v>16</v>
      </c>
      <c r="AD31840">
        <v>16</v>
      </c>
      <c r="AE31840">
        <v>16</v>
      </c>
      <c r="AF31840">
        <v>16</v>
      </c>
      <c r="AG31840">
        <v>16</v>
      </c>
      <c r="AH31840">
        <v>16</v>
      </c>
      <c r="AI31840">
        <v>16</v>
      </c>
      <c r="AJ31840">
        <v>16</v>
      </c>
      <c r="AK31840">
        <v>16</v>
      </c>
      <c r="AL31840">
        <v>16</v>
      </c>
      <c r="AM31840">
        <v>16</v>
      </c>
      <c r="AN31840">
        <v>16</v>
      </c>
      <c r="AO31840">
        <v>16</v>
      </c>
      <c r="AP31840">
        <v>16</v>
      </c>
      <c r="AQ31840">
        <v>16</v>
      </c>
    </row>
    <row r="31841" spans="1:43">
      <c r="A31841" t="s">
        <v>19717</v>
      </c>
      <c r="B31841" t="s">
        <v>19718</v>
      </c>
      <c r="C31841" t="s">
        <v>19719</v>
      </c>
      <c r="D31841" t="s">
        <v>19720</v>
      </c>
      <c r="E31841" t="s">
        <v>19721</v>
      </c>
      <c r="F31841" t="s">
        <v>19722</v>
      </c>
      <c r="G31841" t="s">
        <v>10734</v>
      </c>
      <c r="H31841" t="s">
        <v>10735</v>
      </c>
      <c r="I31841" s="2">
        <v>0</v>
      </c>
      <c r="J31841" s="2">
        <v>0</v>
      </c>
      <c r="K31841" s="2">
        <v>1</v>
      </c>
      <c r="L31841" t="s">
        <v>995</v>
      </c>
      <c r="M31841" t="s">
        <v>83</v>
      </c>
      <c r="N31841" t="s">
        <v>91</v>
      </c>
      <c r="O31841" t="s">
        <v>85</v>
      </c>
      <c r="P31841" t="s">
        <v>86</v>
      </c>
      <c r="Q31841">
        <v>13</v>
      </c>
      <c r="R31841">
        <v>13</v>
      </c>
      <c r="S31841">
        <v>13</v>
      </c>
      <c r="T31841">
        <v>13</v>
      </c>
      <c r="U31841">
        <v>14</v>
      </c>
      <c r="V31841">
        <v>14</v>
      </c>
      <c r="W31841">
        <v>14</v>
      </c>
      <c r="X31841">
        <v>14</v>
      </c>
      <c r="Y31841">
        <v>14</v>
      </c>
      <c r="Z31841">
        <v>14</v>
      </c>
      <c r="AA31841">
        <v>14</v>
      </c>
      <c r="AB31841">
        <v>14</v>
      </c>
      <c r="AC31841">
        <v>15</v>
      </c>
      <c r="AD31841">
        <v>15</v>
      </c>
      <c r="AE31841">
        <v>15</v>
      </c>
      <c r="AF31841">
        <v>15</v>
      </c>
      <c r="AG31841">
        <v>15</v>
      </c>
      <c r="AH31841">
        <v>15</v>
      </c>
      <c r="AI31841">
        <v>15</v>
      </c>
      <c r="AJ31841">
        <v>15</v>
      </c>
      <c r="AK31841">
        <v>16</v>
      </c>
      <c r="AL31841">
        <v>16</v>
      </c>
      <c r="AM31841">
        <v>16</v>
      </c>
      <c r="AN31841">
        <v>16</v>
      </c>
      <c r="AO31841">
        <v>16</v>
      </c>
      <c r="AP31841">
        <v>16</v>
      </c>
      <c r="AQ31841">
        <v>16</v>
      </c>
    </row>
    <row r="31842" spans="1:43">
      <c r="A31842" t="s">
        <v>19723</v>
      </c>
      <c r="B31842" t="s">
        <v>19724</v>
      </c>
      <c r="C31842" t="s">
        <v>19719</v>
      </c>
      <c r="D31842" t="s">
        <v>19720</v>
      </c>
      <c r="E31842" t="s">
        <v>19721</v>
      </c>
      <c r="F31842" t="s">
        <v>19722</v>
      </c>
      <c r="G31842" t="s">
        <v>10734</v>
      </c>
      <c r="H31842" t="s">
        <v>10735</v>
      </c>
      <c r="I31842" s="2">
        <v>0</v>
      </c>
      <c r="J31842" s="2">
        <v>0</v>
      </c>
      <c r="K31842" s="2">
        <v>1</v>
      </c>
      <c r="L31842" t="s">
        <v>995</v>
      </c>
      <c r="M31842" t="s">
        <v>83</v>
      </c>
      <c r="N31842" t="s">
        <v>84</v>
      </c>
      <c r="O31842" t="s">
        <v>85</v>
      </c>
      <c r="P31842" t="s">
        <v>86</v>
      </c>
      <c r="Q31842">
        <v>29</v>
      </c>
      <c r="R31842">
        <v>30</v>
      </c>
      <c r="S31842">
        <v>30</v>
      </c>
      <c r="T31842">
        <v>30</v>
      </c>
      <c r="U31842">
        <v>30</v>
      </c>
      <c r="V31842">
        <v>31</v>
      </c>
      <c r="W31842">
        <v>31</v>
      </c>
      <c r="X31842">
        <v>31</v>
      </c>
      <c r="Y31842">
        <v>32</v>
      </c>
      <c r="Z31842">
        <v>32</v>
      </c>
      <c r="AA31842">
        <v>32</v>
      </c>
      <c r="AB31842">
        <v>33</v>
      </c>
      <c r="AC31842">
        <v>33</v>
      </c>
      <c r="AD31842">
        <v>33</v>
      </c>
      <c r="AE31842">
        <v>33</v>
      </c>
      <c r="AF31842">
        <v>34</v>
      </c>
      <c r="AG31842">
        <v>34</v>
      </c>
      <c r="AH31842">
        <v>34</v>
      </c>
      <c r="AI31842">
        <v>34</v>
      </c>
      <c r="AJ31842">
        <v>35</v>
      </c>
      <c r="AK31842">
        <v>35</v>
      </c>
      <c r="AL31842">
        <v>35</v>
      </c>
      <c r="AM31842">
        <v>35</v>
      </c>
      <c r="AN31842">
        <v>35</v>
      </c>
      <c r="AO31842">
        <v>35</v>
      </c>
      <c r="AP31842">
        <v>35</v>
      </c>
      <c r="AQ31842">
        <v>35</v>
      </c>
    </row>
    <row r="31843" spans="1:43">
      <c r="A31843" t="s">
        <v>19723</v>
      </c>
      <c r="B31843" t="s">
        <v>19724</v>
      </c>
      <c r="C31843" t="s">
        <v>19719</v>
      </c>
      <c r="D31843" t="s">
        <v>19720</v>
      </c>
      <c r="E31843" t="s">
        <v>19721</v>
      </c>
      <c r="F31843" t="s">
        <v>19722</v>
      </c>
      <c r="G31843" t="s">
        <v>10734</v>
      </c>
      <c r="H31843" t="s">
        <v>10735</v>
      </c>
      <c r="I31843" s="2">
        <v>0</v>
      </c>
      <c r="J31843" s="2">
        <v>0</v>
      </c>
      <c r="K31843" s="2">
        <v>1</v>
      </c>
      <c r="L31843" t="s">
        <v>995</v>
      </c>
      <c r="M31843" t="s">
        <v>87</v>
      </c>
      <c r="N31843" t="s">
        <v>88</v>
      </c>
      <c r="O31843" t="s">
        <v>85</v>
      </c>
      <c r="P31843" t="s">
        <v>86</v>
      </c>
      <c r="Q31843">
        <v>29</v>
      </c>
      <c r="R31843">
        <v>29</v>
      </c>
      <c r="S31843">
        <v>29</v>
      </c>
      <c r="T31843">
        <v>29</v>
      </c>
      <c r="U31843">
        <v>29</v>
      </c>
      <c r="V31843">
        <v>29</v>
      </c>
      <c r="W31843">
        <v>29</v>
      </c>
      <c r="X31843">
        <v>29</v>
      </c>
      <c r="Y31843">
        <v>29</v>
      </c>
      <c r="Z31843">
        <v>29</v>
      </c>
      <c r="AA31843">
        <v>29</v>
      </c>
      <c r="AB31843">
        <v>29</v>
      </c>
      <c r="AC31843">
        <v>29</v>
      </c>
      <c r="AD31843">
        <v>29</v>
      </c>
      <c r="AE31843">
        <v>30</v>
      </c>
      <c r="AF31843">
        <v>30</v>
      </c>
      <c r="AG31843">
        <v>30</v>
      </c>
      <c r="AH31843">
        <v>30</v>
      </c>
      <c r="AI31843">
        <v>30</v>
      </c>
      <c r="AJ31843">
        <v>30</v>
      </c>
      <c r="AK31843">
        <v>30</v>
      </c>
      <c r="AL31843">
        <v>30</v>
      </c>
      <c r="AM31843">
        <v>30</v>
      </c>
      <c r="AN31843">
        <v>30</v>
      </c>
      <c r="AO31843">
        <v>30</v>
      </c>
      <c r="AP31843">
        <v>30</v>
      </c>
      <c r="AQ31843">
        <v>30</v>
      </c>
    </row>
    <row r="31844" spans="1:43">
      <c r="A31844" t="s">
        <v>19723</v>
      </c>
      <c r="B31844" t="s">
        <v>19724</v>
      </c>
      <c r="C31844" t="s">
        <v>19719</v>
      </c>
      <c r="D31844" t="s">
        <v>19720</v>
      </c>
      <c r="E31844" t="s">
        <v>19721</v>
      </c>
      <c r="F31844" t="s">
        <v>19722</v>
      </c>
      <c r="G31844" t="s">
        <v>10734</v>
      </c>
      <c r="H31844" t="s">
        <v>10735</v>
      </c>
      <c r="I31844" s="2">
        <v>0</v>
      </c>
      <c r="J31844" s="2">
        <v>0</v>
      </c>
      <c r="K31844" s="2">
        <v>1</v>
      </c>
      <c r="L31844" t="s">
        <v>995</v>
      </c>
      <c r="M31844" t="s">
        <v>89</v>
      </c>
      <c r="N31844" t="s">
        <v>90</v>
      </c>
      <c r="O31844" t="s">
        <v>85</v>
      </c>
      <c r="P31844" t="s">
        <v>86</v>
      </c>
      <c r="Q31844">
        <v>29</v>
      </c>
      <c r="R31844">
        <v>29</v>
      </c>
      <c r="S31844">
        <v>30</v>
      </c>
      <c r="T31844">
        <v>30</v>
      </c>
      <c r="U31844">
        <v>31</v>
      </c>
      <c r="V31844">
        <v>31</v>
      </c>
      <c r="W31844">
        <v>32</v>
      </c>
      <c r="X31844">
        <v>32</v>
      </c>
      <c r="Y31844">
        <v>33</v>
      </c>
      <c r="Z31844">
        <v>33</v>
      </c>
      <c r="AA31844">
        <v>33</v>
      </c>
      <c r="AB31844">
        <v>34</v>
      </c>
      <c r="AC31844">
        <v>34</v>
      </c>
      <c r="AD31844">
        <v>34</v>
      </c>
      <c r="AE31844">
        <v>35</v>
      </c>
      <c r="AF31844">
        <v>35</v>
      </c>
      <c r="AG31844">
        <v>35</v>
      </c>
      <c r="AH31844">
        <v>35</v>
      </c>
      <c r="AI31844">
        <v>35</v>
      </c>
      <c r="AJ31844">
        <v>35</v>
      </c>
      <c r="AK31844">
        <v>34</v>
      </c>
      <c r="AL31844">
        <v>34</v>
      </c>
      <c r="AM31844">
        <v>34</v>
      </c>
      <c r="AN31844">
        <v>34</v>
      </c>
      <c r="AO31844">
        <v>34</v>
      </c>
      <c r="AP31844">
        <v>34</v>
      </c>
      <c r="AQ31844">
        <v>35</v>
      </c>
    </row>
    <row r="31845" spans="1:43">
      <c r="A31845" t="s">
        <v>19723</v>
      </c>
      <c r="B31845" t="s">
        <v>19724</v>
      </c>
      <c r="C31845" t="s">
        <v>19719</v>
      </c>
      <c r="D31845" t="s">
        <v>19720</v>
      </c>
      <c r="E31845" t="s">
        <v>19721</v>
      </c>
      <c r="F31845" t="s">
        <v>19722</v>
      </c>
      <c r="G31845" t="s">
        <v>10734</v>
      </c>
      <c r="H31845" t="s">
        <v>10735</v>
      </c>
      <c r="I31845" s="2">
        <v>0</v>
      </c>
      <c r="J31845" s="2">
        <v>0</v>
      </c>
      <c r="K31845" s="2">
        <v>1</v>
      </c>
      <c r="L31845" t="s">
        <v>995</v>
      </c>
      <c r="M31845" t="s">
        <v>83</v>
      </c>
      <c r="N31845" t="s">
        <v>91</v>
      </c>
      <c r="O31845" t="s">
        <v>85</v>
      </c>
      <c r="P31845" t="s">
        <v>86</v>
      </c>
      <c r="Q31845">
        <v>29</v>
      </c>
      <c r="R31845">
        <v>30</v>
      </c>
      <c r="S31845">
        <v>30</v>
      </c>
      <c r="T31845">
        <v>30</v>
      </c>
      <c r="U31845">
        <v>30</v>
      </c>
      <c r="V31845">
        <v>31</v>
      </c>
      <c r="W31845">
        <v>31</v>
      </c>
      <c r="X31845">
        <v>31</v>
      </c>
      <c r="Y31845">
        <v>32</v>
      </c>
      <c r="Z31845">
        <v>32</v>
      </c>
      <c r="AA31845">
        <v>32</v>
      </c>
      <c r="AB31845">
        <v>33</v>
      </c>
      <c r="AC31845">
        <v>33</v>
      </c>
      <c r="AD31845">
        <v>33</v>
      </c>
      <c r="AE31845">
        <v>33</v>
      </c>
      <c r="AF31845">
        <v>34</v>
      </c>
      <c r="AG31845">
        <v>34</v>
      </c>
      <c r="AH31845">
        <v>34</v>
      </c>
      <c r="AI31845">
        <v>34</v>
      </c>
      <c r="AJ31845">
        <v>35</v>
      </c>
      <c r="AK31845">
        <v>35</v>
      </c>
      <c r="AL31845">
        <v>35</v>
      </c>
      <c r="AM31845">
        <v>35</v>
      </c>
      <c r="AN31845">
        <v>35</v>
      </c>
      <c r="AO31845">
        <v>35</v>
      </c>
      <c r="AP31845">
        <v>35</v>
      </c>
      <c r="AQ31845">
        <v>35</v>
      </c>
    </row>
    <row r="31846" spans="1:43">
      <c r="A31846" t="s">
        <v>19725</v>
      </c>
      <c r="B31846" t="s">
        <v>19726</v>
      </c>
      <c r="C31846" t="s">
        <v>19727</v>
      </c>
      <c r="D31846" t="s">
        <v>19728</v>
      </c>
      <c r="E31846" t="s">
        <v>19721</v>
      </c>
      <c r="F31846" t="s">
        <v>19722</v>
      </c>
      <c r="G31846" t="s">
        <v>10734</v>
      </c>
      <c r="H31846" t="s">
        <v>10735</v>
      </c>
      <c r="I31846" s="2">
        <v>0</v>
      </c>
      <c r="J31846" s="2">
        <v>0</v>
      </c>
      <c r="K31846" s="2">
        <v>1</v>
      </c>
      <c r="L31846" t="s">
        <v>995</v>
      </c>
      <c r="M31846" t="s">
        <v>83</v>
      </c>
      <c r="N31846" t="s">
        <v>84</v>
      </c>
      <c r="O31846" t="s">
        <v>85</v>
      </c>
      <c r="P31846" t="s">
        <v>86</v>
      </c>
      <c r="Q31846">
        <v>11</v>
      </c>
      <c r="R31846">
        <v>11</v>
      </c>
      <c r="S31846">
        <v>11</v>
      </c>
      <c r="T31846">
        <v>11</v>
      </c>
      <c r="U31846">
        <v>11</v>
      </c>
      <c r="V31846">
        <v>11</v>
      </c>
      <c r="W31846">
        <v>11</v>
      </c>
      <c r="X31846">
        <v>12</v>
      </c>
      <c r="Y31846">
        <v>12</v>
      </c>
      <c r="Z31846">
        <v>12</v>
      </c>
      <c r="AA31846">
        <v>12</v>
      </c>
      <c r="AB31846">
        <v>12</v>
      </c>
      <c r="AC31846">
        <v>12</v>
      </c>
      <c r="AD31846">
        <v>12</v>
      </c>
      <c r="AE31846">
        <v>12</v>
      </c>
      <c r="AF31846">
        <v>12</v>
      </c>
      <c r="AG31846">
        <v>12</v>
      </c>
      <c r="AH31846">
        <v>13</v>
      </c>
      <c r="AI31846">
        <v>13</v>
      </c>
      <c r="AJ31846">
        <v>13</v>
      </c>
      <c r="AK31846">
        <v>13</v>
      </c>
      <c r="AL31846">
        <v>13</v>
      </c>
      <c r="AM31846">
        <v>13</v>
      </c>
      <c r="AN31846">
        <v>13</v>
      </c>
      <c r="AO31846">
        <v>13</v>
      </c>
      <c r="AP31846">
        <v>13</v>
      </c>
      <c r="AQ31846">
        <v>13</v>
      </c>
    </row>
    <row r="31847" spans="1:43">
      <c r="A31847" t="s">
        <v>19725</v>
      </c>
      <c r="B31847" t="s">
        <v>19726</v>
      </c>
      <c r="C31847" t="s">
        <v>19727</v>
      </c>
      <c r="D31847" t="s">
        <v>19728</v>
      </c>
      <c r="E31847" t="s">
        <v>19721</v>
      </c>
      <c r="F31847" t="s">
        <v>19722</v>
      </c>
      <c r="G31847" t="s">
        <v>10734</v>
      </c>
      <c r="H31847" t="s">
        <v>10735</v>
      </c>
      <c r="I31847" s="2">
        <v>0</v>
      </c>
      <c r="J31847" s="2">
        <v>0</v>
      </c>
      <c r="K31847" s="2">
        <v>1</v>
      </c>
      <c r="L31847" t="s">
        <v>995</v>
      </c>
      <c r="M31847" t="s">
        <v>87</v>
      </c>
      <c r="N31847" t="s">
        <v>88</v>
      </c>
      <c r="O31847" t="s">
        <v>85</v>
      </c>
      <c r="P31847" t="s">
        <v>86</v>
      </c>
      <c r="Q31847">
        <v>11</v>
      </c>
      <c r="R31847">
        <v>11</v>
      </c>
      <c r="S31847">
        <v>11</v>
      </c>
      <c r="T31847">
        <v>11</v>
      </c>
      <c r="U31847">
        <v>11</v>
      </c>
      <c r="V31847">
        <v>11</v>
      </c>
      <c r="W31847">
        <v>11</v>
      </c>
      <c r="X31847">
        <v>11</v>
      </c>
      <c r="Y31847">
        <v>11</v>
      </c>
      <c r="Z31847">
        <v>11</v>
      </c>
      <c r="AA31847">
        <v>11</v>
      </c>
      <c r="AB31847">
        <v>11</v>
      </c>
      <c r="AC31847">
        <v>11</v>
      </c>
      <c r="AD31847">
        <v>11</v>
      </c>
      <c r="AE31847">
        <v>11</v>
      </c>
      <c r="AF31847">
        <v>11</v>
      </c>
      <c r="AG31847">
        <v>11</v>
      </c>
      <c r="AH31847">
        <v>11</v>
      </c>
      <c r="AI31847">
        <v>11</v>
      </c>
      <c r="AJ31847">
        <v>11</v>
      </c>
      <c r="AK31847">
        <v>11</v>
      </c>
      <c r="AL31847">
        <v>11</v>
      </c>
      <c r="AM31847">
        <v>11</v>
      </c>
      <c r="AN31847">
        <v>11</v>
      </c>
      <c r="AO31847">
        <v>11</v>
      </c>
      <c r="AP31847">
        <v>11</v>
      </c>
      <c r="AQ31847">
        <v>11</v>
      </c>
    </row>
    <row r="31848" spans="1:43">
      <c r="A31848" t="s">
        <v>19725</v>
      </c>
      <c r="B31848" t="s">
        <v>19726</v>
      </c>
      <c r="C31848" t="s">
        <v>19727</v>
      </c>
      <c r="D31848" t="s">
        <v>19728</v>
      </c>
      <c r="E31848" t="s">
        <v>19721</v>
      </c>
      <c r="F31848" t="s">
        <v>19722</v>
      </c>
      <c r="G31848" t="s">
        <v>10734</v>
      </c>
      <c r="H31848" t="s">
        <v>10735</v>
      </c>
      <c r="I31848" s="2">
        <v>0</v>
      </c>
      <c r="J31848" s="2">
        <v>0</v>
      </c>
      <c r="K31848" s="2">
        <v>1</v>
      </c>
      <c r="L31848" t="s">
        <v>995</v>
      </c>
      <c r="M31848" t="s">
        <v>89</v>
      </c>
      <c r="N31848" t="s">
        <v>90</v>
      </c>
      <c r="O31848" t="s">
        <v>85</v>
      </c>
      <c r="P31848" t="s">
        <v>86</v>
      </c>
      <c r="Q31848">
        <v>11</v>
      </c>
      <c r="R31848">
        <v>11</v>
      </c>
      <c r="S31848">
        <v>11</v>
      </c>
      <c r="T31848">
        <v>11</v>
      </c>
      <c r="U31848">
        <v>12</v>
      </c>
      <c r="V31848">
        <v>12</v>
      </c>
      <c r="W31848">
        <v>12</v>
      </c>
      <c r="X31848">
        <v>12</v>
      </c>
      <c r="Y31848">
        <v>12</v>
      </c>
      <c r="Z31848">
        <v>12</v>
      </c>
      <c r="AA31848">
        <v>13</v>
      </c>
      <c r="AB31848">
        <v>13</v>
      </c>
      <c r="AC31848">
        <v>13</v>
      </c>
      <c r="AD31848">
        <v>13</v>
      </c>
      <c r="AE31848">
        <v>13</v>
      </c>
      <c r="AF31848">
        <v>13</v>
      </c>
      <c r="AG31848">
        <v>13</v>
      </c>
      <c r="AH31848">
        <v>13</v>
      </c>
      <c r="AI31848">
        <v>13</v>
      </c>
      <c r="AJ31848">
        <v>13</v>
      </c>
      <c r="AK31848">
        <v>13</v>
      </c>
      <c r="AL31848">
        <v>13</v>
      </c>
      <c r="AM31848">
        <v>13</v>
      </c>
      <c r="AN31848">
        <v>13</v>
      </c>
      <c r="AO31848">
        <v>13</v>
      </c>
      <c r="AP31848">
        <v>13</v>
      </c>
      <c r="AQ31848">
        <v>13</v>
      </c>
    </row>
    <row r="31849" spans="1:43">
      <c r="A31849" t="s">
        <v>19725</v>
      </c>
      <c r="B31849" t="s">
        <v>19726</v>
      </c>
      <c r="C31849" t="s">
        <v>19727</v>
      </c>
      <c r="D31849" t="s">
        <v>19728</v>
      </c>
      <c r="E31849" t="s">
        <v>19721</v>
      </c>
      <c r="F31849" t="s">
        <v>19722</v>
      </c>
      <c r="G31849" t="s">
        <v>10734</v>
      </c>
      <c r="H31849" t="s">
        <v>10735</v>
      </c>
      <c r="I31849" s="2">
        <v>0</v>
      </c>
      <c r="J31849" s="2">
        <v>0</v>
      </c>
      <c r="K31849" s="2">
        <v>1</v>
      </c>
      <c r="L31849" t="s">
        <v>995</v>
      </c>
      <c r="M31849" t="s">
        <v>83</v>
      </c>
      <c r="N31849" t="s">
        <v>91</v>
      </c>
      <c r="O31849" t="s">
        <v>85</v>
      </c>
      <c r="P31849" t="s">
        <v>86</v>
      </c>
      <c r="Q31849">
        <v>11</v>
      </c>
      <c r="R31849">
        <v>11</v>
      </c>
      <c r="S31849">
        <v>11</v>
      </c>
      <c r="T31849">
        <v>11</v>
      </c>
      <c r="U31849">
        <v>11</v>
      </c>
      <c r="V31849">
        <v>11</v>
      </c>
      <c r="W31849">
        <v>11</v>
      </c>
      <c r="X31849">
        <v>12</v>
      </c>
      <c r="Y31849">
        <v>12</v>
      </c>
      <c r="Z31849">
        <v>12</v>
      </c>
      <c r="AA31849">
        <v>12</v>
      </c>
      <c r="AB31849">
        <v>12</v>
      </c>
      <c r="AC31849">
        <v>12</v>
      </c>
      <c r="AD31849">
        <v>12</v>
      </c>
      <c r="AE31849">
        <v>12</v>
      </c>
      <c r="AF31849">
        <v>12</v>
      </c>
      <c r="AG31849">
        <v>12</v>
      </c>
      <c r="AH31849">
        <v>13</v>
      </c>
      <c r="AI31849">
        <v>13</v>
      </c>
      <c r="AJ31849">
        <v>13</v>
      </c>
      <c r="AK31849">
        <v>13</v>
      </c>
      <c r="AL31849">
        <v>13</v>
      </c>
      <c r="AM31849">
        <v>13</v>
      </c>
      <c r="AN31849">
        <v>13</v>
      </c>
      <c r="AO31849">
        <v>13</v>
      </c>
      <c r="AP31849">
        <v>13</v>
      </c>
      <c r="AQ31849">
        <v>13</v>
      </c>
    </row>
    <row r="31850" spans="1:43">
      <c r="A31850" t="s">
        <v>19729</v>
      </c>
      <c r="B31850" t="s">
        <v>19730</v>
      </c>
      <c r="C31850" t="s">
        <v>19731</v>
      </c>
      <c r="D31850" t="s">
        <v>19732</v>
      </c>
      <c r="E31850" t="s">
        <v>19721</v>
      </c>
      <c r="F31850" t="s">
        <v>19722</v>
      </c>
      <c r="G31850" t="s">
        <v>10734</v>
      </c>
      <c r="H31850" t="s">
        <v>10735</v>
      </c>
      <c r="I31850" s="2">
        <v>0</v>
      </c>
      <c r="J31850" s="2">
        <v>0</v>
      </c>
      <c r="K31850" s="2">
        <v>1</v>
      </c>
      <c r="L31850" t="s">
        <v>995</v>
      </c>
      <c r="M31850" t="s">
        <v>83</v>
      </c>
      <c r="N31850" t="s">
        <v>84</v>
      </c>
      <c r="O31850" t="s">
        <v>85</v>
      </c>
      <c r="P31850" t="s">
        <v>86</v>
      </c>
      <c r="Q31850">
        <v>48</v>
      </c>
      <c r="R31850">
        <v>48</v>
      </c>
      <c r="S31850">
        <v>49</v>
      </c>
      <c r="T31850">
        <v>49</v>
      </c>
      <c r="U31850">
        <v>50</v>
      </c>
      <c r="V31850">
        <v>50</v>
      </c>
      <c r="W31850">
        <v>51</v>
      </c>
      <c r="X31850">
        <v>51</v>
      </c>
      <c r="Y31850">
        <v>52</v>
      </c>
      <c r="Z31850">
        <v>52</v>
      </c>
      <c r="AA31850">
        <v>53</v>
      </c>
      <c r="AB31850">
        <v>53</v>
      </c>
      <c r="AC31850">
        <v>54</v>
      </c>
      <c r="AD31850">
        <v>54</v>
      </c>
      <c r="AE31850">
        <v>55</v>
      </c>
      <c r="AF31850">
        <v>55</v>
      </c>
      <c r="AG31850">
        <v>56</v>
      </c>
      <c r="AH31850">
        <v>56</v>
      </c>
      <c r="AI31850">
        <v>57</v>
      </c>
      <c r="AJ31850">
        <v>57</v>
      </c>
      <c r="AK31850">
        <v>58</v>
      </c>
      <c r="AL31850">
        <v>58</v>
      </c>
      <c r="AM31850">
        <v>58</v>
      </c>
      <c r="AN31850">
        <v>58</v>
      </c>
      <c r="AO31850">
        <v>58</v>
      </c>
      <c r="AP31850">
        <v>58</v>
      </c>
      <c r="AQ31850">
        <v>58</v>
      </c>
    </row>
    <row r="31851" spans="1:43">
      <c r="A31851" t="s">
        <v>19729</v>
      </c>
      <c r="B31851" t="s">
        <v>19730</v>
      </c>
      <c r="C31851" t="s">
        <v>19731</v>
      </c>
      <c r="D31851" t="s">
        <v>19732</v>
      </c>
      <c r="E31851" t="s">
        <v>19721</v>
      </c>
      <c r="F31851" t="s">
        <v>19722</v>
      </c>
      <c r="G31851" t="s">
        <v>10734</v>
      </c>
      <c r="H31851" t="s">
        <v>10735</v>
      </c>
      <c r="I31851" s="2">
        <v>0</v>
      </c>
      <c r="J31851" s="2">
        <v>0</v>
      </c>
      <c r="K31851" s="2">
        <v>1</v>
      </c>
      <c r="L31851" t="s">
        <v>995</v>
      </c>
      <c r="M31851" t="s">
        <v>87</v>
      </c>
      <c r="N31851" t="s">
        <v>88</v>
      </c>
      <c r="O31851" t="s">
        <v>85</v>
      </c>
      <c r="P31851" t="s">
        <v>86</v>
      </c>
      <c r="Q31851">
        <v>48</v>
      </c>
      <c r="R31851">
        <v>48</v>
      </c>
      <c r="S31851">
        <v>48</v>
      </c>
      <c r="T31851">
        <v>48</v>
      </c>
      <c r="U31851">
        <v>49</v>
      </c>
      <c r="V31851">
        <v>49</v>
      </c>
      <c r="W31851">
        <v>49</v>
      </c>
      <c r="X31851">
        <v>49</v>
      </c>
      <c r="Y31851">
        <v>49</v>
      </c>
      <c r="Z31851">
        <v>49</v>
      </c>
      <c r="AA31851">
        <v>49</v>
      </c>
      <c r="AB31851">
        <v>49</v>
      </c>
      <c r="AC31851">
        <v>49</v>
      </c>
      <c r="AD31851">
        <v>49</v>
      </c>
      <c r="AE31851">
        <v>50</v>
      </c>
      <c r="AF31851">
        <v>50</v>
      </c>
      <c r="AG31851">
        <v>50</v>
      </c>
      <c r="AH31851">
        <v>50</v>
      </c>
      <c r="AI31851">
        <v>50</v>
      </c>
      <c r="AJ31851">
        <v>50</v>
      </c>
      <c r="AK31851">
        <v>50</v>
      </c>
      <c r="AL31851">
        <v>51</v>
      </c>
      <c r="AM31851">
        <v>51</v>
      </c>
      <c r="AN31851">
        <v>51</v>
      </c>
      <c r="AO31851">
        <v>51</v>
      </c>
      <c r="AP31851">
        <v>51</v>
      </c>
      <c r="AQ31851">
        <v>52</v>
      </c>
    </row>
    <row r="31852" spans="1:43">
      <c r="A31852" t="s">
        <v>19729</v>
      </c>
      <c r="B31852" t="s">
        <v>19730</v>
      </c>
      <c r="C31852" t="s">
        <v>19731</v>
      </c>
      <c r="D31852" t="s">
        <v>19732</v>
      </c>
      <c r="E31852" t="s">
        <v>19721</v>
      </c>
      <c r="F31852" t="s">
        <v>19722</v>
      </c>
      <c r="G31852" t="s">
        <v>10734</v>
      </c>
      <c r="H31852" t="s">
        <v>10735</v>
      </c>
      <c r="I31852" s="2">
        <v>0</v>
      </c>
      <c r="J31852" s="2">
        <v>0</v>
      </c>
      <c r="K31852" s="2">
        <v>1</v>
      </c>
      <c r="L31852" t="s">
        <v>995</v>
      </c>
      <c r="M31852" t="s">
        <v>89</v>
      </c>
      <c r="N31852" t="s">
        <v>90</v>
      </c>
      <c r="O31852" t="s">
        <v>85</v>
      </c>
      <c r="P31852" t="s">
        <v>86</v>
      </c>
      <c r="Q31852">
        <v>48</v>
      </c>
      <c r="R31852">
        <v>49</v>
      </c>
      <c r="S31852">
        <v>50</v>
      </c>
      <c r="T31852">
        <v>51</v>
      </c>
      <c r="U31852">
        <v>52</v>
      </c>
      <c r="V31852">
        <v>53</v>
      </c>
      <c r="W31852">
        <v>53</v>
      </c>
      <c r="X31852">
        <v>54</v>
      </c>
      <c r="Y31852">
        <v>55</v>
      </c>
      <c r="Z31852">
        <v>55</v>
      </c>
      <c r="AA31852">
        <v>56</v>
      </c>
      <c r="AB31852">
        <v>57</v>
      </c>
      <c r="AC31852">
        <v>57</v>
      </c>
      <c r="AD31852">
        <v>58</v>
      </c>
      <c r="AE31852">
        <v>59</v>
      </c>
      <c r="AF31852">
        <v>59</v>
      </c>
      <c r="AG31852">
        <v>59</v>
      </c>
      <c r="AH31852">
        <v>59</v>
      </c>
      <c r="AI31852">
        <v>59</v>
      </c>
      <c r="AJ31852">
        <v>59</v>
      </c>
      <c r="AK31852">
        <v>59</v>
      </c>
      <c r="AL31852">
        <v>59</v>
      </c>
      <c r="AM31852">
        <v>59</v>
      </c>
      <c r="AN31852">
        <v>59</v>
      </c>
      <c r="AO31852">
        <v>59</v>
      </c>
      <c r="AP31852">
        <v>59</v>
      </c>
      <c r="AQ31852">
        <v>59</v>
      </c>
    </row>
    <row r="31853" spans="1:43">
      <c r="A31853" t="s">
        <v>19729</v>
      </c>
      <c r="B31853" t="s">
        <v>19730</v>
      </c>
      <c r="C31853" t="s">
        <v>19731</v>
      </c>
      <c r="D31853" t="s">
        <v>19732</v>
      </c>
      <c r="E31853" t="s">
        <v>19721</v>
      </c>
      <c r="F31853" t="s">
        <v>19722</v>
      </c>
      <c r="G31853" t="s">
        <v>10734</v>
      </c>
      <c r="H31853" t="s">
        <v>10735</v>
      </c>
      <c r="I31853" s="2">
        <v>0</v>
      </c>
      <c r="J31853" s="2">
        <v>0</v>
      </c>
      <c r="K31853" s="2">
        <v>1</v>
      </c>
      <c r="L31853" t="s">
        <v>995</v>
      </c>
      <c r="M31853" t="s">
        <v>83</v>
      </c>
      <c r="N31853" t="s">
        <v>91</v>
      </c>
      <c r="O31853" t="s">
        <v>85</v>
      </c>
      <c r="P31853" t="s">
        <v>86</v>
      </c>
      <c r="Q31853">
        <v>48</v>
      </c>
      <c r="R31853">
        <v>48</v>
      </c>
      <c r="S31853">
        <v>49</v>
      </c>
      <c r="T31853">
        <v>49</v>
      </c>
      <c r="U31853">
        <v>50</v>
      </c>
      <c r="V31853">
        <v>50</v>
      </c>
      <c r="W31853">
        <v>51</v>
      </c>
      <c r="X31853">
        <v>51</v>
      </c>
      <c r="Y31853">
        <v>52</v>
      </c>
      <c r="Z31853">
        <v>52</v>
      </c>
      <c r="AA31853">
        <v>53</v>
      </c>
      <c r="AB31853">
        <v>53</v>
      </c>
      <c r="AC31853">
        <v>54</v>
      </c>
      <c r="AD31853">
        <v>54</v>
      </c>
      <c r="AE31853">
        <v>55</v>
      </c>
      <c r="AF31853">
        <v>55</v>
      </c>
      <c r="AG31853">
        <v>56</v>
      </c>
      <c r="AH31853">
        <v>56</v>
      </c>
      <c r="AI31853">
        <v>57</v>
      </c>
      <c r="AJ31853">
        <v>57</v>
      </c>
      <c r="AK31853">
        <v>58</v>
      </c>
      <c r="AL31853">
        <v>58</v>
      </c>
      <c r="AM31853">
        <v>58</v>
      </c>
      <c r="AN31853">
        <v>58</v>
      </c>
      <c r="AO31853">
        <v>58</v>
      </c>
      <c r="AP31853">
        <v>58</v>
      </c>
      <c r="AQ31853">
        <v>58</v>
      </c>
    </row>
    <row r="31854" spans="1:43">
      <c r="A31854" t="s">
        <v>19733</v>
      </c>
      <c r="B31854" t="s">
        <v>19734</v>
      </c>
      <c r="C31854" t="s">
        <v>19731</v>
      </c>
      <c r="D31854" t="s">
        <v>19732</v>
      </c>
      <c r="E31854" t="s">
        <v>19721</v>
      </c>
      <c r="F31854" t="s">
        <v>19722</v>
      </c>
      <c r="G31854" t="s">
        <v>10734</v>
      </c>
      <c r="H31854" t="s">
        <v>10735</v>
      </c>
      <c r="I31854" s="2">
        <v>0</v>
      </c>
      <c r="J31854" s="2">
        <v>0</v>
      </c>
      <c r="K31854" s="2">
        <v>1</v>
      </c>
      <c r="L31854" t="s">
        <v>995</v>
      </c>
      <c r="M31854" t="s">
        <v>83</v>
      </c>
      <c r="N31854" t="s">
        <v>84</v>
      </c>
      <c r="O31854" t="s">
        <v>85</v>
      </c>
      <c r="P31854" t="s">
        <v>86</v>
      </c>
      <c r="Q31854">
        <v>23</v>
      </c>
      <c r="R31854">
        <v>23</v>
      </c>
      <c r="S31854">
        <v>23</v>
      </c>
      <c r="T31854">
        <v>23</v>
      </c>
      <c r="U31854">
        <v>24</v>
      </c>
      <c r="V31854">
        <v>24</v>
      </c>
      <c r="W31854">
        <v>24</v>
      </c>
      <c r="X31854">
        <v>24</v>
      </c>
      <c r="Y31854">
        <v>25</v>
      </c>
      <c r="Z31854">
        <v>25</v>
      </c>
      <c r="AA31854">
        <v>25</v>
      </c>
      <c r="AB31854">
        <v>25</v>
      </c>
      <c r="AC31854">
        <v>25</v>
      </c>
      <c r="AD31854">
        <v>26</v>
      </c>
      <c r="AE31854">
        <v>26</v>
      </c>
      <c r="AF31854">
        <v>26</v>
      </c>
      <c r="AG31854">
        <v>26</v>
      </c>
      <c r="AH31854">
        <v>27</v>
      </c>
      <c r="AI31854">
        <v>27</v>
      </c>
      <c r="AJ31854">
        <v>27</v>
      </c>
      <c r="AK31854">
        <v>27</v>
      </c>
      <c r="AL31854">
        <v>27</v>
      </c>
      <c r="AM31854">
        <v>27</v>
      </c>
      <c r="AN31854">
        <v>27</v>
      </c>
      <c r="AO31854">
        <v>28</v>
      </c>
      <c r="AP31854">
        <v>28</v>
      </c>
      <c r="AQ31854">
        <v>28</v>
      </c>
    </row>
    <row r="31855" spans="1:43">
      <c r="A31855" t="s">
        <v>19733</v>
      </c>
      <c r="B31855" t="s">
        <v>19734</v>
      </c>
      <c r="C31855" t="s">
        <v>19731</v>
      </c>
      <c r="D31855" t="s">
        <v>19732</v>
      </c>
      <c r="E31855" t="s">
        <v>19721</v>
      </c>
      <c r="F31855" t="s">
        <v>19722</v>
      </c>
      <c r="G31855" t="s">
        <v>10734</v>
      </c>
      <c r="H31855" t="s">
        <v>10735</v>
      </c>
      <c r="I31855" s="2">
        <v>0</v>
      </c>
      <c r="J31855" s="2">
        <v>0</v>
      </c>
      <c r="K31855" s="2">
        <v>1</v>
      </c>
      <c r="L31855" t="s">
        <v>995</v>
      </c>
      <c r="M31855" t="s">
        <v>87</v>
      </c>
      <c r="N31855" t="s">
        <v>88</v>
      </c>
      <c r="O31855" t="s">
        <v>85</v>
      </c>
      <c r="P31855" t="s">
        <v>86</v>
      </c>
      <c r="Q31855">
        <v>23</v>
      </c>
      <c r="R31855">
        <v>23</v>
      </c>
      <c r="S31855">
        <v>23</v>
      </c>
      <c r="T31855">
        <v>23</v>
      </c>
      <c r="U31855">
        <v>23</v>
      </c>
      <c r="V31855">
        <v>24</v>
      </c>
      <c r="W31855">
        <v>24</v>
      </c>
      <c r="X31855">
        <v>24</v>
      </c>
      <c r="Y31855">
        <v>24</v>
      </c>
      <c r="Z31855">
        <v>24</v>
      </c>
      <c r="AA31855">
        <v>24</v>
      </c>
      <c r="AB31855">
        <v>24</v>
      </c>
      <c r="AC31855">
        <v>24</v>
      </c>
      <c r="AD31855">
        <v>24</v>
      </c>
      <c r="AE31855">
        <v>24</v>
      </c>
      <c r="AF31855">
        <v>24</v>
      </c>
      <c r="AG31855">
        <v>24</v>
      </c>
      <c r="AH31855">
        <v>24</v>
      </c>
      <c r="AI31855">
        <v>24</v>
      </c>
      <c r="AJ31855">
        <v>24</v>
      </c>
      <c r="AK31855">
        <v>24</v>
      </c>
      <c r="AL31855">
        <v>25</v>
      </c>
      <c r="AM31855">
        <v>25</v>
      </c>
      <c r="AN31855">
        <v>25</v>
      </c>
      <c r="AO31855">
        <v>25</v>
      </c>
      <c r="AP31855">
        <v>25</v>
      </c>
      <c r="AQ31855">
        <v>25</v>
      </c>
    </row>
    <row r="31856" spans="1:43">
      <c r="A31856" t="s">
        <v>19733</v>
      </c>
      <c r="B31856" t="s">
        <v>19734</v>
      </c>
      <c r="C31856" t="s">
        <v>19731</v>
      </c>
      <c r="D31856" t="s">
        <v>19732</v>
      </c>
      <c r="E31856" t="s">
        <v>19721</v>
      </c>
      <c r="F31856" t="s">
        <v>19722</v>
      </c>
      <c r="G31856" t="s">
        <v>10734</v>
      </c>
      <c r="H31856" t="s">
        <v>10735</v>
      </c>
      <c r="I31856" s="2">
        <v>0</v>
      </c>
      <c r="J31856" s="2">
        <v>0</v>
      </c>
      <c r="K31856" s="2">
        <v>1</v>
      </c>
      <c r="L31856" t="s">
        <v>995</v>
      </c>
      <c r="M31856" t="s">
        <v>89</v>
      </c>
      <c r="N31856" t="s">
        <v>90</v>
      </c>
      <c r="O31856" t="s">
        <v>85</v>
      </c>
      <c r="P31856" t="s">
        <v>86</v>
      </c>
      <c r="Q31856">
        <v>23</v>
      </c>
      <c r="R31856">
        <v>23</v>
      </c>
      <c r="S31856">
        <v>24</v>
      </c>
      <c r="T31856">
        <v>24</v>
      </c>
      <c r="U31856">
        <v>24</v>
      </c>
      <c r="V31856">
        <v>25</v>
      </c>
      <c r="W31856">
        <v>25</v>
      </c>
      <c r="X31856">
        <v>26</v>
      </c>
      <c r="Y31856">
        <v>26</v>
      </c>
      <c r="Z31856">
        <v>26</v>
      </c>
      <c r="AA31856">
        <v>27</v>
      </c>
      <c r="AB31856">
        <v>27</v>
      </c>
      <c r="AC31856">
        <v>27</v>
      </c>
      <c r="AD31856">
        <v>28</v>
      </c>
      <c r="AE31856">
        <v>28</v>
      </c>
      <c r="AF31856">
        <v>28</v>
      </c>
      <c r="AG31856">
        <v>28</v>
      </c>
      <c r="AH31856">
        <v>28</v>
      </c>
      <c r="AI31856">
        <v>28</v>
      </c>
      <c r="AJ31856">
        <v>28</v>
      </c>
      <c r="AK31856">
        <v>28</v>
      </c>
      <c r="AL31856">
        <v>28</v>
      </c>
      <c r="AM31856">
        <v>28</v>
      </c>
      <c r="AN31856">
        <v>28</v>
      </c>
      <c r="AO31856">
        <v>28</v>
      </c>
      <c r="AP31856">
        <v>28</v>
      </c>
      <c r="AQ31856">
        <v>28</v>
      </c>
    </row>
    <row r="31857" spans="1:43">
      <c r="A31857" t="s">
        <v>19733</v>
      </c>
      <c r="B31857" t="s">
        <v>19734</v>
      </c>
      <c r="C31857" t="s">
        <v>19731</v>
      </c>
      <c r="D31857" t="s">
        <v>19732</v>
      </c>
      <c r="E31857" t="s">
        <v>19721</v>
      </c>
      <c r="F31857" t="s">
        <v>19722</v>
      </c>
      <c r="G31857" t="s">
        <v>10734</v>
      </c>
      <c r="H31857" t="s">
        <v>10735</v>
      </c>
      <c r="I31857" s="2">
        <v>0</v>
      </c>
      <c r="J31857" s="2">
        <v>0</v>
      </c>
      <c r="K31857" s="2">
        <v>1</v>
      </c>
      <c r="L31857" t="s">
        <v>995</v>
      </c>
      <c r="M31857" t="s">
        <v>83</v>
      </c>
      <c r="N31857" t="s">
        <v>91</v>
      </c>
      <c r="O31857" t="s">
        <v>85</v>
      </c>
      <c r="P31857" t="s">
        <v>86</v>
      </c>
      <c r="Q31857">
        <v>23</v>
      </c>
      <c r="R31857">
        <v>23</v>
      </c>
      <c r="S31857">
        <v>23</v>
      </c>
      <c r="T31857">
        <v>23</v>
      </c>
      <c r="U31857">
        <v>24</v>
      </c>
      <c r="V31857">
        <v>24</v>
      </c>
      <c r="W31857">
        <v>24</v>
      </c>
      <c r="X31857">
        <v>24</v>
      </c>
      <c r="Y31857">
        <v>25</v>
      </c>
      <c r="Z31857">
        <v>25</v>
      </c>
      <c r="AA31857">
        <v>25</v>
      </c>
      <c r="AB31857">
        <v>25</v>
      </c>
      <c r="AC31857">
        <v>25</v>
      </c>
      <c r="AD31857">
        <v>26</v>
      </c>
      <c r="AE31857">
        <v>26</v>
      </c>
      <c r="AF31857">
        <v>26</v>
      </c>
      <c r="AG31857">
        <v>26</v>
      </c>
      <c r="AH31857">
        <v>27</v>
      </c>
      <c r="AI31857">
        <v>27</v>
      </c>
      <c r="AJ31857">
        <v>27</v>
      </c>
      <c r="AK31857">
        <v>27</v>
      </c>
      <c r="AL31857">
        <v>27</v>
      </c>
      <c r="AM31857">
        <v>27</v>
      </c>
      <c r="AN31857">
        <v>27</v>
      </c>
      <c r="AO31857">
        <v>28</v>
      </c>
      <c r="AP31857">
        <v>28</v>
      </c>
      <c r="AQ31857">
        <v>28</v>
      </c>
    </row>
    <row r="31858" spans="1:43">
      <c r="A31858" t="s">
        <v>19735</v>
      </c>
      <c r="B31858" t="s">
        <v>19736</v>
      </c>
      <c r="C31858" t="s">
        <v>19731</v>
      </c>
      <c r="D31858" t="s">
        <v>19732</v>
      </c>
      <c r="E31858" t="s">
        <v>19721</v>
      </c>
      <c r="F31858" t="s">
        <v>19722</v>
      </c>
      <c r="G31858" t="s">
        <v>10734</v>
      </c>
      <c r="H31858" t="s">
        <v>10735</v>
      </c>
      <c r="I31858" s="2">
        <v>0</v>
      </c>
      <c r="J31858" s="2">
        <v>0</v>
      </c>
      <c r="K31858" s="2">
        <v>1</v>
      </c>
      <c r="L31858" t="s">
        <v>995</v>
      </c>
      <c r="M31858" t="s">
        <v>83</v>
      </c>
      <c r="N31858" t="s">
        <v>84</v>
      </c>
      <c r="O31858" t="s">
        <v>85</v>
      </c>
      <c r="P31858" t="s">
        <v>86</v>
      </c>
      <c r="Q31858">
        <v>63</v>
      </c>
      <c r="R31858">
        <v>64</v>
      </c>
      <c r="S31858">
        <v>64</v>
      </c>
      <c r="T31858">
        <v>65</v>
      </c>
      <c r="U31858">
        <v>66</v>
      </c>
      <c r="V31858">
        <v>66</v>
      </c>
      <c r="W31858">
        <v>67</v>
      </c>
      <c r="X31858">
        <v>68</v>
      </c>
      <c r="Y31858">
        <v>68</v>
      </c>
      <c r="Z31858">
        <v>69</v>
      </c>
      <c r="AA31858">
        <v>70</v>
      </c>
      <c r="AB31858">
        <v>70</v>
      </c>
      <c r="AC31858">
        <v>71</v>
      </c>
      <c r="AD31858">
        <v>72</v>
      </c>
      <c r="AE31858">
        <v>72</v>
      </c>
      <c r="AF31858">
        <v>73</v>
      </c>
      <c r="AG31858">
        <v>74</v>
      </c>
      <c r="AH31858">
        <v>74</v>
      </c>
      <c r="AI31858">
        <v>75</v>
      </c>
      <c r="AJ31858">
        <v>76</v>
      </c>
      <c r="AK31858">
        <v>76</v>
      </c>
      <c r="AL31858">
        <v>76</v>
      </c>
      <c r="AM31858">
        <v>77</v>
      </c>
      <c r="AN31858">
        <v>77</v>
      </c>
      <c r="AO31858">
        <v>77</v>
      </c>
      <c r="AP31858">
        <v>77</v>
      </c>
      <c r="AQ31858">
        <v>77</v>
      </c>
    </row>
    <row r="31859" spans="1:43">
      <c r="A31859" t="s">
        <v>19735</v>
      </c>
      <c r="B31859" t="s">
        <v>19736</v>
      </c>
      <c r="C31859" t="s">
        <v>19731</v>
      </c>
      <c r="D31859" t="s">
        <v>19732</v>
      </c>
      <c r="E31859" t="s">
        <v>19721</v>
      </c>
      <c r="F31859" t="s">
        <v>19722</v>
      </c>
      <c r="G31859" t="s">
        <v>10734</v>
      </c>
      <c r="H31859" t="s">
        <v>10735</v>
      </c>
      <c r="I31859" s="2">
        <v>0</v>
      </c>
      <c r="J31859" s="2">
        <v>0</v>
      </c>
      <c r="K31859" s="2">
        <v>1</v>
      </c>
      <c r="L31859" t="s">
        <v>995</v>
      </c>
      <c r="M31859" t="s">
        <v>87</v>
      </c>
      <c r="N31859" t="s">
        <v>88</v>
      </c>
      <c r="O31859" t="s">
        <v>85</v>
      </c>
      <c r="P31859" t="s">
        <v>86</v>
      </c>
      <c r="Q31859">
        <v>63</v>
      </c>
      <c r="R31859">
        <v>63</v>
      </c>
      <c r="S31859">
        <v>64</v>
      </c>
      <c r="T31859">
        <v>64</v>
      </c>
      <c r="U31859">
        <v>64</v>
      </c>
      <c r="V31859">
        <v>64</v>
      </c>
      <c r="W31859">
        <v>64</v>
      </c>
      <c r="X31859">
        <v>64</v>
      </c>
      <c r="Y31859">
        <v>64</v>
      </c>
      <c r="Z31859">
        <v>64</v>
      </c>
      <c r="AA31859">
        <v>64</v>
      </c>
      <c r="AB31859">
        <v>65</v>
      </c>
      <c r="AC31859">
        <v>65</v>
      </c>
      <c r="AD31859">
        <v>65</v>
      </c>
      <c r="AE31859">
        <v>65</v>
      </c>
      <c r="AF31859">
        <v>65</v>
      </c>
      <c r="AG31859">
        <v>65</v>
      </c>
      <c r="AH31859">
        <v>66</v>
      </c>
      <c r="AI31859">
        <v>66</v>
      </c>
      <c r="AJ31859">
        <v>66</v>
      </c>
      <c r="AK31859">
        <v>66</v>
      </c>
      <c r="AL31859">
        <v>67</v>
      </c>
      <c r="AM31859">
        <v>67</v>
      </c>
      <c r="AN31859">
        <v>67</v>
      </c>
      <c r="AO31859">
        <v>67</v>
      </c>
      <c r="AP31859">
        <v>68</v>
      </c>
      <c r="AQ31859">
        <v>68</v>
      </c>
    </row>
    <row r="31860" spans="1:43">
      <c r="A31860" t="s">
        <v>19735</v>
      </c>
      <c r="B31860" t="s">
        <v>19736</v>
      </c>
      <c r="C31860" t="s">
        <v>19731</v>
      </c>
      <c r="D31860" t="s">
        <v>19732</v>
      </c>
      <c r="E31860" t="s">
        <v>19721</v>
      </c>
      <c r="F31860" t="s">
        <v>19722</v>
      </c>
      <c r="G31860" t="s">
        <v>10734</v>
      </c>
      <c r="H31860" t="s">
        <v>10735</v>
      </c>
      <c r="I31860" s="2">
        <v>0</v>
      </c>
      <c r="J31860" s="2">
        <v>0</v>
      </c>
      <c r="K31860" s="2">
        <v>1</v>
      </c>
      <c r="L31860" t="s">
        <v>995</v>
      </c>
      <c r="M31860" t="s">
        <v>89</v>
      </c>
      <c r="N31860" t="s">
        <v>90</v>
      </c>
      <c r="O31860" t="s">
        <v>85</v>
      </c>
      <c r="P31860" t="s">
        <v>86</v>
      </c>
      <c r="Q31860">
        <v>63</v>
      </c>
      <c r="R31860">
        <v>65</v>
      </c>
      <c r="S31860">
        <v>66</v>
      </c>
      <c r="T31860">
        <v>67</v>
      </c>
      <c r="U31860">
        <v>68</v>
      </c>
      <c r="V31860">
        <v>69</v>
      </c>
      <c r="W31860">
        <v>70</v>
      </c>
      <c r="X31860">
        <v>71</v>
      </c>
      <c r="Y31860">
        <v>72</v>
      </c>
      <c r="Z31860">
        <v>73</v>
      </c>
      <c r="AA31860">
        <v>74</v>
      </c>
      <c r="AB31860">
        <v>75</v>
      </c>
      <c r="AC31860">
        <v>76</v>
      </c>
      <c r="AD31860">
        <v>77</v>
      </c>
      <c r="AE31860">
        <v>77</v>
      </c>
      <c r="AF31860">
        <v>77</v>
      </c>
      <c r="AG31860">
        <v>77</v>
      </c>
      <c r="AH31860">
        <v>77</v>
      </c>
      <c r="AI31860">
        <v>77</v>
      </c>
      <c r="AJ31860">
        <v>77</v>
      </c>
      <c r="AK31860">
        <v>77</v>
      </c>
      <c r="AL31860">
        <v>78</v>
      </c>
      <c r="AM31860">
        <v>78</v>
      </c>
      <c r="AN31860">
        <v>78</v>
      </c>
      <c r="AO31860">
        <v>78</v>
      </c>
      <c r="AP31860">
        <v>78</v>
      </c>
      <c r="AQ31860">
        <v>78</v>
      </c>
    </row>
    <row r="31861" spans="1:43">
      <c r="A31861" t="s">
        <v>19735</v>
      </c>
      <c r="B31861" t="s">
        <v>19736</v>
      </c>
      <c r="C31861" t="s">
        <v>19731</v>
      </c>
      <c r="D31861" t="s">
        <v>19732</v>
      </c>
      <c r="E31861" t="s">
        <v>19721</v>
      </c>
      <c r="F31861" t="s">
        <v>19722</v>
      </c>
      <c r="G31861" t="s">
        <v>10734</v>
      </c>
      <c r="H31861" t="s">
        <v>10735</v>
      </c>
      <c r="I31861" s="2">
        <v>0</v>
      </c>
      <c r="J31861" s="2">
        <v>0</v>
      </c>
      <c r="K31861" s="2">
        <v>1</v>
      </c>
      <c r="L31861" t="s">
        <v>995</v>
      </c>
      <c r="M31861" t="s">
        <v>83</v>
      </c>
      <c r="N31861" t="s">
        <v>91</v>
      </c>
      <c r="O31861" t="s">
        <v>85</v>
      </c>
      <c r="P31861" t="s">
        <v>86</v>
      </c>
      <c r="Q31861">
        <v>63</v>
      </c>
      <c r="R31861">
        <v>64</v>
      </c>
      <c r="S31861">
        <v>64</v>
      </c>
      <c r="T31861">
        <v>65</v>
      </c>
      <c r="U31861">
        <v>66</v>
      </c>
      <c r="V31861">
        <v>66</v>
      </c>
      <c r="W31861">
        <v>67</v>
      </c>
      <c r="X31861">
        <v>68</v>
      </c>
      <c r="Y31861">
        <v>68</v>
      </c>
      <c r="Z31861">
        <v>69</v>
      </c>
      <c r="AA31861">
        <v>70</v>
      </c>
      <c r="AB31861">
        <v>70</v>
      </c>
      <c r="AC31861">
        <v>71</v>
      </c>
      <c r="AD31861">
        <v>72</v>
      </c>
      <c r="AE31861">
        <v>72</v>
      </c>
      <c r="AF31861">
        <v>73</v>
      </c>
      <c r="AG31861">
        <v>74</v>
      </c>
      <c r="AH31861">
        <v>74</v>
      </c>
      <c r="AI31861">
        <v>75</v>
      </c>
      <c r="AJ31861">
        <v>76</v>
      </c>
      <c r="AK31861">
        <v>76</v>
      </c>
      <c r="AL31861">
        <v>76</v>
      </c>
      <c r="AM31861">
        <v>77</v>
      </c>
      <c r="AN31861">
        <v>77</v>
      </c>
      <c r="AO31861">
        <v>77</v>
      </c>
      <c r="AP31861">
        <v>77</v>
      </c>
      <c r="AQ31861">
        <v>77</v>
      </c>
    </row>
    <row r="31862" spans="1:43">
      <c r="A31862" t="s">
        <v>19737</v>
      </c>
      <c r="B31862" t="s">
        <v>19738</v>
      </c>
      <c r="C31862" t="s">
        <v>19731</v>
      </c>
      <c r="D31862" t="s">
        <v>19732</v>
      </c>
      <c r="E31862" t="s">
        <v>19721</v>
      </c>
      <c r="F31862" t="s">
        <v>19722</v>
      </c>
      <c r="G31862" t="s">
        <v>10734</v>
      </c>
      <c r="H31862" t="s">
        <v>10735</v>
      </c>
      <c r="I31862" s="2">
        <v>0</v>
      </c>
      <c r="J31862" s="2">
        <v>0</v>
      </c>
      <c r="K31862" s="2">
        <v>1</v>
      </c>
      <c r="L31862" t="s">
        <v>995</v>
      </c>
      <c r="M31862" t="s">
        <v>83</v>
      </c>
      <c r="N31862" t="s">
        <v>84</v>
      </c>
      <c r="O31862" t="s">
        <v>85</v>
      </c>
      <c r="P31862" t="s">
        <v>86</v>
      </c>
      <c r="Q31862">
        <v>31</v>
      </c>
      <c r="R31862">
        <v>31</v>
      </c>
      <c r="S31862">
        <v>32</v>
      </c>
      <c r="T31862">
        <v>32</v>
      </c>
      <c r="U31862">
        <v>32</v>
      </c>
      <c r="V31862">
        <v>33</v>
      </c>
      <c r="W31862">
        <v>33</v>
      </c>
      <c r="X31862">
        <v>33</v>
      </c>
      <c r="Y31862">
        <v>34</v>
      </c>
      <c r="Z31862">
        <v>34</v>
      </c>
      <c r="AA31862">
        <v>34</v>
      </c>
      <c r="AB31862">
        <v>35</v>
      </c>
      <c r="AC31862">
        <v>35</v>
      </c>
      <c r="AD31862">
        <v>35</v>
      </c>
      <c r="AE31862">
        <v>35</v>
      </c>
      <c r="AF31862">
        <v>36</v>
      </c>
      <c r="AG31862">
        <v>36</v>
      </c>
      <c r="AH31862">
        <v>36</v>
      </c>
      <c r="AI31862">
        <v>37</v>
      </c>
      <c r="AJ31862">
        <v>37</v>
      </c>
      <c r="AK31862">
        <v>37</v>
      </c>
      <c r="AL31862">
        <v>38</v>
      </c>
      <c r="AM31862">
        <v>38</v>
      </c>
      <c r="AN31862">
        <v>38</v>
      </c>
      <c r="AO31862">
        <v>38</v>
      </c>
      <c r="AP31862">
        <v>38</v>
      </c>
      <c r="AQ31862">
        <v>38</v>
      </c>
    </row>
    <row r="31863" spans="1:43">
      <c r="A31863" t="s">
        <v>19737</v>
      </c>
      <c r="B31863" t="s">
        <v>19738</v>
      </c>
      <c r="C31863" t="s">
        <v>19731</v>
      </c>
      <c r="D31863" t="s">
        <v>19732</v>
      </c>
      <c r="E31863" t="s">
        <v>19721</v>
      </c>
      <c r="F31863" t="s">
        <v>19722</v>
      </c>
      <c r="G31863" t="s">
        <v>10734</v>
      </c>
      <c r="H31863" t="s">
        <v>10735</v>
      </c>
      <c r="I31863" s="2">
        <v>0</v>
      </c>
      <c r="J31863" s="2">
        <v>0</v>
      </c>
      <c r="K31863" s="2">
        <v>1</v>
      </c>
      <c r="L31863" t="s">
        <v>995</v>
      </c>
      <c r="M31863" t="s">
        <v>87</v>
      </c>
      <c r="N31863" t="s">
        <v>88</v>
      </c>
      <c r="O31863" t="s">
        <v>85</v>
      </c>
      <c r="P31863" t="s">
        <v>86</v>
      </c>
      <c r="Q31863">
        <v>31</v>
      </c>
      <c r="R31863">
        <v>31</v>
      </c>
      <c r="S31863">
        <v>31</v>
      </c>
      <c r="T31863">
        <v>31</v>
      </c>
      <c r="U31863">
        <v>31</v>
      </c>
      <c r="V31863">
        <v>31</v>
      </c>
      <c r="W31863">
        <v>31</v>
      </c>
      <c r="X31863">
        <v>31</v>
      </c>
      <c r="Y31863">
        <v>31</v>
      </c>
      <c r="Z31863">
        <v>31</v>
      </c>
      <c r="AA31863">
        <v>31</v>
      </c>
      <c r="AB31863">
        <v>31</v>
      </c>
      <c r="AC31863">
        <v>31</v>
      </c>
      <c r="AD31863">
        <v>31</v>
      </c>
      <c r="AE31863">
        <v>31</v>
      </c>
      <c r="AF31863">
        <v>32</v>
      </c>
      <c r="AG31863">
        <v>32</v>
      </c>
      <c r="AH31863">
        <v>32</v>
      </c>
      <c r="AI31863">
        <v>32</v>
      </c>
      <c r="AJ31863">
        <v>32</v>
      </c>
      <c r="AK31863">
        <v>32</v>
      </c>
      <c r="AL31863">
        <v>32</v>
      </c>
      <c r="AM31863">
        <v>32</v>
      </c>
      <c r="AN31863">
        <v>32</v>
      </c>
      <c r="AO31863">
        <v>33</v>
      </c>
      <c r="AP31863">
        <v>33</v>
      </c>
      <c r="AQ31863">
        <v>33</v>
      </c>
    </row>
    <row r="31864" spans="1:43">
      <c r="A31864" t="s">
        <v>19737</v>
      </c>
      <c r="B31864" t="s">
        <v>19738</v>
      </c>
      <c r="C31864" t="s">
        <v>19731</v>
      </c>
      <c r="D31864" t="s">
        <v>19732</v>
      </c>
      <c r="E31864" t="s">
        <v>19721</v>
      </c>
      <c r="F31864" t="s">
        <v>19722</v>
      </c>
      <c r="G31864" t="s">
        <v>10734</v>
      </c>
      <c r="H31864" t="s">
        <v>10735</v>
      </c>
      <c r="I31864" s="2">
        <v>0</v>
      </c>
      <c r="J31864" s="2">
        <v>0</v>
      </c>
      <c r="K31864" s="2">
        <v>1</v>
      </c>
      <c r="L31864" t="s">
        <v>995</v>
      </c>
      <c r="M31864" t="s">
        <v>89</v>
      </c>
      <c r="N31864" t="s">
        <v>90</v>
      </c>
      <c r="O31864" t="s">
        <v>85</v>
      </c>
      <c r="P31864" t="s">
        <v>86</v>
      </c>
      <c r="Q31864">
        <v>31</v>
      </c>
      <c r="R31864">
        <v>32</v>
      </c>
      <c r="S31864">
        <v>32</v>
      </c>
      <c r="T31864">
        <v>33</v>
      </c>
      <c r="U31864">
        <v>33</v>
      </c>
      <c r="V31864">
        <v>34</v>
      </c>
      <c r="W31864">
        <v>35</v>
      </c>
      <c r="X31864">
        <v>35</v>
      </c>
      <c r="Y31864">
        <v>35</v>
      </c>
      <c r="Z31864">
        <v>36</v>
      </c>
      <c r="AA31864">
        <v>36</v>
      </c>
      <c r="AB31864">
        <v>37</v>
      </c>
      <c r="AC31864">
        <v>37</v>
      </c>
      <c r="AD31864">
        <v>38</v>
      </c>
      <c r="AE31864">
        <v>38</v>
      </c>
      <c r="AF31864">
        <v>38</v>
      </c>
      <c r="AG31864">
        <v>38</v>
      </c>
      <c r="AH31864">
        <v>38</v>
      </c>
      <c r="AI31864">
        <v>38</v>
      </c>
      <c r="AJ31864">
        <v>38</v>
      </c>
      <c r="AK31864">
        <v>38</v>
      </c>
      <c r="AL31864">
        <v>38</v>
      </c>
      <c r="AM31864">
        <v>38</v>
      </c>
      <c r="AN31864">
        <v>38</v>
      </c>
      <c r="AO31864">
        <v>38</v>
      </c>
      <c r="AP31864">
        <v>38</v>
      </c>
      <c r="AQ31864">
        <v>38</v>
      </c>
    </row>
    <row r="31865" spans="1:43">
      <c r="A31865" t="s">
        <v>19737</v>
      </c>
      <c r="B31865" t="s">
        <v>19738</v>
      </c>
      <c r="C31865" t="s">
        <v>19731</v>
      </c>
      <c r="D31865" t="s">
        <v>19732</v>
      </c>
      <c r="E31865" t="s">
        <v>19721</v>
      </c>
      <c r="F31865" t="s">
        <v>19722</v>
      </c>
      <c r="G31865" t="s">
        <v>10734</v>
      </c>
      <c r="H31865" t="s">
        <v>10735</v>
      </c>
      <c r="I31865" s="2">
        <v>0</v>
      </c>
      <c r="J31865" s="2">
        <v>0</v>
      </c>
      <c r="K31865" s="2">
        <v>1</v>
      </c>
      <c r="L31865" t="s">
        <v>995</v>
      </c>
      <c r="M31865" t="s">
        <v>83</v>
      </c>
      <c r="N31865" t="s">
        <v>91</v>
      </c>
      <c r="O31865" t="s">
        <v>85</v>
      </c>
      <c r="P31865" t="s">
        <v>86</v>
      </c>
      <c r="Q31865">
        <v>31</v>
      </c>
      <c r="R31865">
        <v>31</v>
      </c>
      <c r="S31865">
        <v>32</v>
      </c>
      <c r="T31865">
        <v>32</v>
      </c>
      <c r="U31865">
        <v>32</v>
      </c>
      <c r="V31865">
        <v>33</v>
      </c>
      <c r="W31865">
        <v>33</v>
      </c>
      <c r="X31865">
        <v>33</v>
      </c>
      <c r="Y31865">
        <v>34</v>
      </c>
      <c r="Z31865">
        <v>34</v>
      </c>
      <c r="AA31865">
        <v>34</v>
      </c>
      <c r="AB31865">
        <v>35</v>
      </c>
      <c r="AC31865">
        <v>35</v>
      </c>
      <c r="AD31865">
        <v>35</v>
      </c>
      <c r="AE31865">
        <v>35</v>
      </c>
      <c r="AF31865">
        <v>36</v>
      </c>
      <c r="AG31865">
        <v>36</v>
      </c>
      <c r="AH31865">
        <v>36</v>
      </c>
      <c r="AI31865">
        <v>37</v>
      </c>
      <c r="AJ31865">
        <v>37</v>
      </c>
      <c r="AK31865">
        <v>37</v>
      </c>
      <c r="AL31865">
        <v>38</v>
      </c>
      <c r="AM31865">
        <v>38</v>
      </c>
      <c r="AN31865">
        <v>38</v>
      </c>
      <c r="AO31865">
        <v>38</v>
      </c>
      <c r="AP31865">
        <v>38</v>
      </c>
      <c r="AQ31865">
        <v>38</v>
      </c>
    </row>
    <row r="31866" spans="1:43">
      <c r="A31866" t="s">
        <v>19739</v>
      </c>
      <c r="B31866" t="s">
        <v>19740</v>
      </c>
      <c r="C31866" t="s">
        <v>19731</v>
      </c>
      <c r="D31866" t="s">
        <v>19732</v>
      </c>
      <c r="E31866" t="s">
        <v>19721</v>
      </c>
      <c r="F31866" t="s">
        <v>19722</v>
      </c>
      <c r="G31866" t="s">
        <v>10734</v>
      </c>
      <c r="H31866" t="s">
        <v>10735</v>
      </c>
      <c r="I31866" s="2">
        <v>0</v>
      </c>
      <c r="J31866" s="2">
        <v>0</v>
      </c>
      <c r="K31866" s="2">
        <v>1</v>
      </c>
      <c r="L31866" t="s">
        <v>995</v>
      </c>
      <c r="M31866" t="s">
        <v>83</v>
      </c>
      <c r="N31866" t="s">
        <v>84</v>
      </c>
      <c r="O31866" t="s">
        <v>85</v>
      </c>
      <c r="P31866" t="s">
        <v>86</v>
      </c>
      <c r="Q31866">
        <v>16</v>
      </c>
      <c r="R31866">
        <v>16</v>
      </c>
      <c r="S31866">
        <v>16</v>
      </c>
      <c r="T31866">
        <v>16</v>
      </c>
      <c r="U31866">
        <v>17</v>
      </c>
      <c r="V31866">
        <v>17</v>
      </c>
      <c r="W31866">
        <v>17</v>
      </c>
      <c r="X31866">
        <v>17</v>
      </c>
      <c r="Y31866">
        <v>17</v>
      </c>
      <c r="Z31866">
        <v>17</v>
      </c>
      <c r="AA31866">
        <v>17</v>
      </c>
      <c r="AB31866">
        <v>18</v>
      </c>
      <c r="AC31866">
        <v>18</v>
      </c>
      <c r="AD31866">
        <v>18</v>
      </c>
      <c r="AE31866">
        <v>18</v>
      </c>
      <c r="AF31866">
        <v>18</v>
      </c>
      <c r="AG31866">
        <v>18</v>
      </c>
      <c r="AH31866">
        <v>18</v>
      </c>
      <c r="AI31866">
        <v>18</v>
      </c>
      <c r="AJ31866">
        <v>19</v>
      </c>
      <c r="AK31866">
        <v>19</v>
      </c>
      <c r="AL31866">
        <v>19</v>
      </c>
      <c r="AM31866">
        <v>19</v>
      </c>
      <c r="AN31866">
        <v>19</v>
      </c>
      <c r="AO31866">
        <v>19</v>
      </c>
      <c r="AP31866">
        <v>19</v>
      </c>
      <c r="AQ31866">
        <v>19</v>
      </c>
    </row>
    <row r="31867" spans="1:43">
      <c r="A31867" t="s">
        <v>19739</v>
      </c>
      <c r="B31867" t="s">
        <v>19740</v>
      </c>
      <c r="C31867" t="s">
        <v>19731</v>
      </c>
      <c r="D31867" t="s">
        <v>19732</v>
      </c>
      <c r="E31867" t="s">
        <v>19721</v>
      </c>
      <c r="F31867" t="s">
        <v>19722</v>
      </c>
      <c r="G31867" t="s">
        <v>10734</v>
      </c>
      <c r="H31867" t="s">
        <v>10735</v>
      </c>
      <c r="I31867" s="2">
        <v>0</v>
      </c>
      <c r="J31867" s="2">
        <v>0</v>
      </c>
      <c r="K31867" s="2">
        <v>1</v>
      </c>
      <c r="L31867" t="s">
        <v>995</v>
      </c>
      <c r="M31867" t="s">
        <v>87</v>
      </c>
      <c r="N31867" t="s">
        <v>88</v>
      </c>
      <c r="O31867" t="s">
        <v>85</v>
      </c>
      <c r="P31867" t="s">
        <v>86</v>
      </c>
      <c r="Q31867">
        <v>16</v>
      </c>
      <c r="R31867">
        <v>16</v>
      </c>
      <c r="S31867">
        <v>16</v>
      </c>
      <c r="T31867">
        <v>16</v>
      </c>
      <c r="U31867">
        <v>16</v>
      </c>
      <c r="V31867">
        <v>16</v>
      </c>
      <c r="W31867">
        <v>16</v>
      </c>
      <c r="X31867">
        <v>16</v>
      </c>
      <c r="Y31867">
        <v>16</v>
      </c>
      <c r="Z31867">
        <v>16</v>
      </c>
      <c r="AA31867">
        <v>16</v>
      </c>
      <c r="AB31867">
        <v>16</v>
      </c>
      <c r="AC31867">
        <v>16</v>
      </c>
      <c r="AD31867">
        <v>16</v>
      </c>
      <c r="AE31867">
        <v>16</v>
      </c>
      <c r="AF31867">
        <v>16</v>
      </c>
      <c r="AG31867">
        <v>16</v>
      </c>
      <c r="AH31867">
        <v>16</v>
      </c>
      <c r="AI31867">
        <v>16</v>
      </c>
      <c r="AJ31867">
        <v>16</v>
      </c>
      <c r="AK31867">
        <v>16</v>
      </c>
      <c r="AL31867">
        <v>16</v>
      </c>
      <c r="AM31867">
        <v>16</v>
      </c>
      <c r="AN31867">
        <v>16</v>
      </c>
      <c r="AO31867">
        <v>16</v>
      </c>
      <c r="AP31867">
        <v>16</v>
      </c>
      <c r="AQ31867">
        <v>16</v>
      </c>
    </row>
    <row r="31868" spans="1:43">
      <c r="A31868" t="s">
        <v>19739</v>
      </c>
      <c r="B31868" t="s">
        <v>19740</v>
      </c>
      <c r="C31868" t="s">
        <v>19731</v>
      </c>
      <c r="D31868" t="s">
        <v>19732</v>
      </c>
      <c r="E31868" t="s">
        <v>19721</v>
      </c>
      <c r="F31868" t="s">
        <v>19722</v>
      </c>
      <c r="G31868" t="s">
        <v>10734</v>
      </c>
      <c r="H31868" t="s">
        <v>10735</v>
      </c>
      <c r="I31868" s="2">
        <v>0</v>
      </c>
      <c r="J31868" s="2">
        <v>0</v>
      </c>
      <c r="K31868" s="2">
        <v>1</v>
      </c>
      <c r="L31868" t="s">
        <v>995</v>
      </c>
      <c r="M31868" t="s">
        <v>89</v>
      </c>
      <c r="N31868" t="s">
        <v>90</v>
      </c>
      <c r="O31868" t="s">
        <v>85</v>
      </c>
      <c r="P31868" t="s">
        <v>86</v>
      </c>
      <c r="Q31868">
        <v>16</v>
      </c>
      <c r="R31868">
        <v>16</v>
      </c>
      <c r="S31868">
        <v>17</v>
      </c>
      <c r="T31868">
        <v>17</v>
      </c>
      <c r="U31868">
        <v>17</v>
      </c>
      <c r="V31868">
        <v>17</v>
      </c>
      <c r="W31868">
        <v>18</v>
      </c>
      <c r="X31868">
        <v>18</v>
      </c>
      <c r="Y31868">
        <v>18</v>
      </c>
      <c r="Z31868">
        <v>18</v>
      </c>
      <c r="AA31868">
        <v>19</v>
      </c>
      <c r="AB31868">
        <v>19</v>
      </c>
      <c r="AC31868">
        <v>19</v>
      </c>
      <c r="AD31868">
        <v>19</v>
      </c>
      <c r="AE31868">
        <v>19</v>
      </c>
      <c r="AF31868">
        <v>19</v>
      </c>
      <c r="AG31868">
        <v>19</v>
      </c>
      <c r="AH31868">
        <v>19</v>
      </c>
      <c r="AI31868">
        <v>19</v>
      </c>
      <c r="AJ31868">
        <v>19</v>
      </c>
      <c r="AK31868">
        <v>19</v>
      </c>
      <c r="AL31868">
        <v>19</v>
      </c>
      <c r="AM31868">
        <v>19</v>
      </c>
      <c r="AN31868">
        <v>19</v>
      </c>
      <c r="AO31868">
        <v>19</v>
      </c>
      <c r="AP31868">
        <v>19</v>
      </c>
      <c r="AQ31868">
        <v>19</v>
      </c>
    </row>
    <row r="31869" spans="1:43">
      <c r="A31869" t="s">
        <v>19739</v>
      </c>
      <c r="B31869" t="s">
        <v>19740</v>
      </c>
      <c r="C31869" t="s">
        <v>19731</v>
      </c>
      <c r="D31869" t="s">
        <v>19732</v>
      </c>
      <c r="E31869" t="s">
        <v>19721</v>
      </c>
      <c r="F31869" t="s">
        <v>19722</v>
      </c>
      <c r="G31869" t="s">
        <v>10734</v>
      </c>
      <c r="H31869" t="s">
        <v>10735</v>
      </c>
      <c r="I31869" s="2">
        <v>0</v>
      </c>
      <c r="J31869" s="2">
        <v>0</v>
      </c>
      <c r="K31869" s="2">
        <v>1</v>
      </c>
      <c r="L31869" t="s">
        <v>995</v>
      </c>
      <c r="M31869" t="s">
        <v>83</v>
      </c>
      <c r="N31869" t="s">
        <v>91</v>
      </c>
      <c r="O31869" t="s">
        <v>85</v>
      </c>
      <c r="P31869" t="s">
        <v>86</v>
      </c>
      <c r="Q31869">
        <v>16</v>
      </c>
      <c r="R31869">
        <v>16</v>
      </c>
      <c r="S31869">
        <v>16</v>
      </c>
      <c r="T31869">
        <v>16</v>
      </c>
      <c r="U31869">
        <v>17</v>
      </c>
      <c r="V31869">
        <v>17</v>
      </c>
      <c r="W31869">
        <v>17</v>
      </c>
      <c r="X31869">
        <v>17</v>
      </c>
      <c r="Y31869">
        <v>17</v>
      </c>
      <c r="Z31869">
        <v>17</v>
      </c>
      <c r="AA31869">
        <v>17</v>
      </c>
      <c r="AB31869">
        <v>18</v>
      </c>
      <c r="AC31869">
        <v>18</v>
      </c>
      <c r="AD31869">
        <v>18</v>
      </c>
      <c r="AE31869">
        <v>18</v>
      </c>
      <c r="AF31869">
        <v>18</v>
      </c>
      <c r="AG31869">
        <v>18</v>
      </c>
      <c r="AH31869">
        <v>18</v>
      </c>
      <c r="AI31869">
        <v>18</v>
      </c>
      <c r="AJ31869">
        <v>19</v>
      </c>
      <c r="AK31869">
        <v>19</v>
      </c>
      <c r="AL31869">
        <v>19</v>
      </c>
      <c r="AM31869">
        <v>19</v>
      </c>
      <c r="AN31869">
        <v>19</v>
      </c>
      <c r="AO31869">
        <v>19</v>
      </c>
      <c r="AP31869">
        <v>19</v>
      </c>
      <c r="AQ31869">
        <v>19</v>
      </c>
    </row>
    <row r="31870" spans="1:43">
      <c r="A31870" t="s">
        <v>19741</v>
      </c>
      <c r="B31870" t="s">
        <v>19742</v>
      </c>
      <c r="C31870" t="s">
        <v>19743</v>
      </c>
      <c r="D31870" t="s">
        <v>19744</v>
      </c>
      <c r="E31870" t="s">
        <v>19721</v>
      </c>
      <c r="F31870" t="s">
        <v>19722</v>
      </c>
      <c r="G31870" t="s">
        <v>10734</v>
      </c>
      <c r="H31870" t="s">
        <v>10735</v>
      </c>
      <c r="I31870" s="2">
        <v>0</v>
      </c>
      <c r="J31870" s="2">
        <v>0</v>
      </c>
      <c r="K31870" s="2">
        <v>1</v>
      </c>
      <c r="L31870" t="s">
        <v>995</v>
      </c>
      <c r="M31870" t="s">
        <v>83</v>
      </c>
      <c r="N31870" t="s">
        <v>84</v>
      </c>
      <c r="O31870" t="s">
        <v>85</v>
      </c>
      <c r="P31870" t="s">
        <v>86</v>
      </c>
      <c r="Q31870">
        <v>24</v>
      </c>
      <c r="R31870">
        <v>24</v>
      </c>
      <c r="S31870">
        <v>24</v>
      </c>
      <c r="T31870">
        <v>25</v>
      </c>
      <c r="U31870">
        <v>25</v>
      </c>
      <c r="V31870">
        <v>25</v>
      </c>
      <c r="W31870">
        <v>25</v>
      </c>
      <c r="X31870">
        <v>25</v>
      </c>
      <c r="Y31870">
        <v>26</v>
      </c>
      <c r="Z31870">
        <v>26</v>
      </c>
      <c r="AA31870">
        <v>26</v>
      </c>
      <c r="AB31870">
        <v>26</v>
      </c>
      <c r="AC31870">
        <v>26</v>
      </c>
      <c r="AD31870">
        <v>27</v>
      </c>
      <c r="AE31870">
        <v>27</v>
      </c>
      <c r="AF31870">
        <v>27</v>
      </c>
      <c r="AG31870">
        <v>27</v>
      </c>
      <c r="AH31870">
        <v>27</v>
      </c>
      <c r="AI31870">
        <v>28</v>
      </c>
      <c r="AJ31870">
        <v>28</v>
      </c>
      <c r="AK31870">
        <v>28</v>
      </c>
      <c r="AL31870">
        <v>28</v>
      </c>
      <c r="AM31870">
        <v>28</v>
      </c>
      <c r="AN31870">
        <v>28</v>
      </c>
      <c r="AO31870">
        <v>28</v>
      </c>
      <c r="AP31870">
        <v>28</v>
      </c>
      <c r="AQ31870">
        <v>28</v>
      </c>
    </row>
    <row r="31871" spans="1:43">
      <c r="A31871" t="s">
        <v>19741</v>
      </c>
      <c r="B31871" t="s">
        <v>19742</v>
      </c>
      <c r="C31871" t="s">
        <v>19743</v>
      </c>
      <c r="D31871" t="s">
        <v>19744</v>
      </c>
      <c r="E31871" t="s">
        <v>19721</v>
      </c>
      <c r="F31871" t="s">
        <v>19722</v>
      </c>
      <c r="G31871" t="s">
        <v>10734</v>
      </c>
      <c r="H31871" t="s">
        <v>10735</v>
      </c>
      <c r="I31871" s="2">
        <v>0</v>
      </c>
      <c r="J31871" s="2">
        <v>0</v>
      </c>
      <c r="K31871" s="2">
        <v>1</v>
      </c>
      <c r="L31871" t="s">
        <v>995</v>
      </c>
      <c r="M31871" t="s">
        <v>87</v>
      </c>
      <c r="N31871" t="s">
        <v>88</v>
      </c>
      <c r="O31871" t="s">
        <v>85</v>
      </c>
      <c r="P31871" t="s">
        <v>86</v>
      </c>
      <c r="Q31871">
        <v>24</v>
      </c>
      <c r="R31871">
        <v>24</v>
      </c>
      <c r="S31871">
        <v>24</v>
      </c>
      <c r="T31871">
        <v>24</v>
      </c>
      <c r="U31871">
        <v>24</v>
      </c>
      <c r="V31871">
        <v>24</v>
      </c>
      <c r="W31871">
        <v>24</v>
      </c>
      <c r="X31871">
        <v>24</v>
      </c>
      <c r="Y31871">
        <v>24</v>
      </c>
      <c r="Z31871">
        <v>24</v>
      </c>
      <c r="AA31871">
        <v>24</v>
      </c>
      <c r="AB31871">
        <v>24</v>
      </c>
      <c r="AC31871">
        <v>24</v>
      </c>
      <c r="AD31871">
        <v>24</v>
      </c>
      <c r="AE31871">
        <v>24</v>
      </c>
      <c r="AF31871">
        <v>24</v>
      </c>
      <c r="AG31871">
        <v>24</v>
      </c>
      <c r="AH31871">
        <v>24</v>
      </c>
      <c r="AI31871">
        <v>24</v>
      </c>
      <c r="AJ31871">
        <v>24</v>
      </c>
      <c r="AK31871">
        <v>24</v>
      </c>
      <c r="AL31871">
        <v>24</v>
      </c>
      <c r="AM31871">
        <v>24</v>
      </c>
      <c r="AN31871">
        <v>24</v>
      </c>
      <c r="AO31871">
        <v>24</v>
      </c>
      <c r="AP31871">
        <v>24</v>
      </c>
      <c r="AQ31871">
        <v>24</v>
      </c>
    </row>
    <row r="31872" spans="1:43">
      <c r="A31872" t="s">
        <v>19741</v>
      </c>
      <c r="B31872" t="s">
        <v>19742</v>
      </c>
      <c r="C31872" t="s">
        <v>19743</v>
      </c>
      <c r="D31872" t="s">
        <v>19744</v>
      </c>
      <c r="E31872" t="s">
        <v>19721</v>
      </c>
      <c r="F31872" t="s">
        <v>19722</v>
      </c>
      <c r="G31872" t="s">
        <v>10734</v>
      </c>
      <c r="H31872" t="s">
        <v>10735</v>
      </c>
      <c r="I31872" s="2">
        <v>0</v>
      </c>
      <c r="J31872" s="2">
        <v>0</v>
      </c>
      <c r="K31872" s="2">
        <v>1</v>
      </c>
      <c r="L31872" t="s">
        <v>995</v>
      </c>
      <c r="M31872" t="s">
        <v>89</v>
      </c>
      <c r="N31872" t="s">
        <v>90</v>
      </c>
      <c r="O31872" t="s">
        <v>85</v>
      </c>
      <c r="P31872" t="s">
        <v>86</v>
      </c>
      <c r="Q31872">
        <v>24</v>
      </c>
      <c r="R31872">
        <v>25</v>
      </c>
      <c r="S31872">
        <v>25</v>
      </c>
      <c r="T31872">
        <v>25</v>
      </c>
      <c r="U31872">
        <v>26</v>
      </c>
      <c r="V31872">
        <v>26</v>
      </c>
      <c r="W31872">
        <v>27</v>
      </c>
      <c r="X31872">
        <v>27</v>
      </c>
      <c r="Y31872">
        <v>27</v>
      </c>
      <c r="Z31872">
        <v>27</v>
      </c>
      <c r="AA31872">
        <v>28</v>
      </c>
      <c r="AB31872">
        <v>28</v>
      </c>
      <c r="AC31872">
        <v>28</v>
      </c>
      <c r="AD31872">
        <v>29</v>
      </c>
      <c r="AE31872">
        <v>29</v>
      </c>
      <c r="AF31872">
        <v>29</v>
      </c>
      <c r="AG31872">
        <v>29</v>
      </c>
      <c r="AH31872">
        <v>29</v>
      </c>
      <c r="AI31872">
        <v>29</v>
      </c>
      <c r="AJ31872">
        <v>28</v>
      </c>
      <c r="AK31872">
        <v>28</v>
      </c>
      <c r="AL31872">
        <v>28</v>
      </c>
      <c r="AM31872">
        <v>28</v>
      </c>
      <c r="AN31872">
        <v>28</v>
      </c>
      <c r="AO31872">
        <v>28</v>
      </c>
      <c r="AP31872">
        <v>28</v>
      </c>
      <c r="AQ31872">
        <v>28</v>
      </c>
    </row>
    <row r="31873" spans="1:43">
      <c r="A31873" t="s">
        <v>19741</v>
      </c>
      <c r="B31873" t="s">
        <v>19742</v>
      </c>
      <c r="C31873" t="s">
        <v>19743</v>
      </c>
      <c r="D31873" t="s">
        <v>19744</v>
      </c>
      <c r="E31873" t="s">
        <v>19721</v>
      </c>
      <c r="F31873" t="s">
        <v>19722</v>
      </c>
      <c r="G31873" t="s">
        <v>10734</v>
      </c>
      <c r="H31873" t="s">
        <v>10735</v>
      </c>
      <c r="I31873" s="2">
        <v>0</v>
      </c>
      <c r="J31873" s="2">
        <v>0</v>
      </c>
      <c r="K31873" s="2">
        <v>1</v>
      </c>
      <c r="L31873" t="s">
        <v>995</v>
      </c>
      <c r="M31873" t="s">
        <v>83</v>
      </c>
      <c r="N31873" t="s">
        <v>91</v>
      </c>
      <c r="O31873" t="s">
        <v>85</v>
      </c>
      <c r="P31873" t="s">
        <v>86</v>
      </c>
      <c r="Q31873">
        <v>24</v>
      </c>
      <c r="R31873">
        <v>24</v>
      </c>
      <c r="S31873">
        <v>24</v>
      </c>
      <c r="T31873">
        <v>25</v>
      </c>
      <c r="U31873">
        <v>25</v>
      </c>
      <c r="V31873">
        <v>25</v>
      </c>
      <c r="W31873">
        <v>25</v>
      </c>
      <c r="X31873">
        <v>25</v>
      </c>
      <c r="Y31873">
        <v>26</v>
      </c>
      <c r="Z31873">
        <v>26</v>
      </c>
      <c r="AA31873">
        <v>26</v>
      </c>
      <c r="AB31873">
        <v>26</v>
      </c>
      <c r="AC31873">
        <v>26</v>
      </c>
      <c r="AD31873">
        <v>27</v>
      </c>
      <c r="AE31873">
        <v>27</v>
      </c>
      <c r="AF31873">
        <v>27</v>
      </c>
      <c r="AG31873">
        <v>27</v>
      </c>
      <c r="AH31873">
        <v>27</v>
      </c>
      <c r="AI31873">
        <v>28</v>
      </c>
      <c r="AJ31873">
        <v>28</v>
      </c>
      <c r="AK31873">
        <v>28</v>
      </c>
      <c r="AL31873">
        <v>28</v>
      </c>
      <c r="AM31873">
        <v>28</v>
      </c>
      <c r="AN31873">
        <v>28</v>
      </c>
      <c r="AO31873">
        <v>28</v>
      </c>
      <c r="AP31873">
        <v>28</v>
      </c>
      <c r="AQ31873">
        <v>28</v>
      </c>
    </row>
    <row r="31874" spans="1:43">
      <c r="A31874" t="s">
        <v>19745</v>
      </c>
      <c r="B31874" t="s">
        <v>19746</v>
      </c>
      <c r="C31874" t="s">
        <v>19727</v>
      </c>
      <c r="D31874" t="s">
        <v>19728</v>
      </c>
      <c r="E31874" t="s">
        <v>19721</v>
      </c>
      <c r="F31874" t="s">
        <v>19722</v>
      </c>
      <c r="G31874" t="s">
        <v>10734</v>
      </c>
      <c r="H31874" t="s">
        <v>10735</v>
      </c>
      <c r="I31874" s="2">
        <v>0</v>
      </c>
      <c r="J31874" s="2">
        <v>0</v>
      </c>
      <c r="K31874" s="2">
        <v>0.84</v>
      </c>
      <c r="L31874" t="s">
        <v>995</v>
      </c>
      <c r="M31874" t="s">
        <v>83</v>
      </c>
      <c r="N31874" t="s">
        <v>84</v>
      </c>
      <c r="O31874" t="s">
        <v>85</v>
      </c>
      <c r="P31874" t="s">
        <v>86</v>
      </c>
      <c r="Q31874">
        <v>18</v>
      </c>
      <c r="R31874">
        <v>18</v>
      </c>
      <c r="S31874">
        <v>18</v>
      </c>
      <c r="T31874">
        <v>18</v>
      </c>
      <c r="U31874">
        <v>19</v>
      </c>
      <c r="V31874">
        <v>19</v>
      </c>
      <c r="W31874">
        <v>19</v>
      </c>
      <c r="X31874">
        <v>19</v>
      </c>
      <c r="Y31874">
        <v>19</v>
      </c>
      <c r="Z31874">
        <v>20</v>
      </c>
      <c r="AA31874">
        <v>20</v>
      </c>
      <c r="AB31874">
        <v>20</v>
      </c>
      <c r="AC31874">
        <v>20</v>
      </c>
      <c r="AD31874">
        <v>20</v>
      </c>
      <c r="AE31874">
        <v>21</v>
      </c>
      <c r="AF31874">
        <v>21</v>
      </c>
      <c r="AG31874">
        <v>21</v>
      </c>
      <c r="AH31874">
        <v>21</v>
      </c>
      <c r="AI31874">
        <v>21</v>
      </c>
      <c r="AJ31874">
        <v>22</v>
      </c>
      <c r="AK31874">
        <v>22</v>
      </c>
      <c r="AL31874">
        <v>22</v>
      </c>
      <c r="AM31874">
        <v>22</v>
      </c>
      <c r="AN31874">
        <v>22</v>
      </c>
      <c r="AO31874">
        <v>22</v>
      </c>
      <c r="AP31874">
        <v>22</v>
      </c>
      <c r="AQ31874">
        <v>22</v>
      </c>
    </row>
    <row r="31875" spans="1:43">
      <c r="A31875" t="s">
        <v>19745</v>
      </c>
      <c r="B31875" t="s">
        <v>19746</v>
      </c>
      <c r="C31875" t="s">
        <v>19727</v>
      </c>
      <c r="D31875" t="s">
        <v>19728</v>
      </c>
      <c r="E31875" t="s">
        <v>19721</v>
      </c>
      <c r="F31875" t="s">
        <v>19722</v>
      </c>
      <c r="G31875" t="s">
        <v>10734</v>
      </c>
      <c r="H31875" t="s">
        <v>10735</v>
      </c>
      <c r="I31875" s="2">
        <v>0</v>
      </c>
      <c r="J31875" s="2">
        <v>0</v>
      </c>
      <c r="K31875" s="2">
        <v>0.84</v>
      </c>
      <c r="L31875" t="s">
        <v>995</v>
      </c>
      <c r="M31875" t="s">
        <v>87</v>
      </c>
      <c r="N31875" t="s">
        <v>88</v>
      </c>
      <c r="O31875" t="s">
        <v>85</v>
      </c>
      <c r="P31875" t="s">
        <v>86</v>
      </c>
      <c r="Q31875">
        <v>18</v>
      </c>
      <c r="R31875">
        <v>18</v>
      </c>
      <c r="S31875">
        <v>18</v>
      </c>
      <c r="T31875">
        <v>18</v>
      </c>
      <c r="U31875">
        <v>18</v>
      </c>
      <c r="V31875">
        <v>18</v>
      </c>
      <c r="W31875">
        <v>18</v>
      </c>
      <c r="X31875">
        <v>18</v>
      </c>
      <c r="Y31875">
        <v>18</v>
      </c>
      <c r="Z31875">
        <v>18</v>
      </c>
      <c r="AA31875">
        <v>18</v>
      </c>
      <c r="AB31875">
        <v>18</v>
      </c>
      <c r="AC31875">
        <v>18</v>
      </c>
      <c r="AD31875">
        <v>18</v>
      </c>
      <c r="AE31875">
        <v>18</v>
      </c>
      <c r="AF31875">
        <v>18</v>
      </c>
      <c r="AG31875">
        <v>18</v>
      </c>
      <c r="AH31875">
        <v>18</v>
      </c>
      <c r="AI31875">
        <v>18</v>
      </c>
      <c r="AJ31875">
        <v>19</v>
      </c>
      <c r="AK31875">
        <v>19</v>
      </c>
      <c r="AL31875">
        <v>19</v>
      </c>
      <c r="AM31875">
        <v>19</v>
      </c>
      <c r="AN31875">
        <v>19</v>
      </c>
      <c r="AO31875">
        <v>19</v>
      </c>
      <c r="AP31875">
        <v>19</v>
      </c>
      <c r="AQ31875">
        <v>19</v>
      </c>
    </row>
    <row r="31876" spans="1:43">
      <c r="A31876" t="s">
        <v>19745</v>
      </c>
      <c r="B31876" t="s">
        <v>19746</v>
      </c>
      <c r="C31876" t="s">
        <v>19727</v>
      </c>
      <c r="D31876" t="s">
        <v>19728</v>
      </c>
      <c r="E31876" t="s">
        <v>19721</v>
      </c>
      <c r="F31876" t="s">
        <v>19722</v>
      </c>
      <c r="G31876" t="s">
        <v>10734</v>
      </c>
      <c r="H31876" t="s">
        <v>10735</v>
      </c>
      <c r="I31876" s="2">
        <v>0</v>
      </c>
      <c r="J31876" s="2">
        <v>0</v>
      </c>
      <c r="K31876" s="2">
        <v>0.84</v>
      </c>
      <c r="L31876" t="s">
        <v>995</v>
      </c>
      <c r="M31876" t="s">
        <v>89</v>
      </c>
      <c r="N31876" t="s">
        <v>90</v>
      </c>
      <c r="O31876" t="s">
        <v>85</v>
      </c>
      <c r="P31876" t="s">
        <v>86</v>
      </c>
      <c r="Q31876">
        <v>18</v>
      </c>
      <c r="R31876">
        <v>18</v>
      </c>
      <c r="S31876">
        <v>19</v>
      </c>
      <c r="T31876">
        <v>19</v>
      </c>
      <c r="U31876">
        <v>19</v>
      </c>
      <c r="V31876">
        <v>20</v>
      </c>
      <c r="W31876">
        <v>20</v>
      </c>
      <c r="X31876">
        <v>20</v>
      </c>
      <c r="Y31876">
        <v>21</v>
      </c>
      <c r="Z31876">
        <v>21</v>
      </c>
      <c r="AA31876">
        <v>21</v>
      </c>
      <c r="AB31876">
        <v>21</v>
      </c>
      <c r="AC31876">
        <v>22</v>
      </c>
      <c r="AD31876">
        <v>22</v>
      </c>
      <c r="AE31876">
        <v>22</v>
      </c>
      <c r="AF31876">
        <v>22</v>
      </c>
      <c r="AG31876">
        <v>22</v>
      </c>
      <c r="AH31876">
        <v>22</v>
      </c>
      <c r="AI31876">
        <v>22</v>
      </c>
      <c r="AJ31876">
        <v>22</v>
      </c>
      <c r="AK31876">
        <v>22</v>
      </c>
      <c r="AL31876">
        <v>22</v>
      </c>
      <c r="AM31876">
        <v>22</v>
      </c>
      <c r="AN31876">
        <v>22</v>
      </c>
      <c r="AO31876">
        <v>22</v>
      </c>
      <c r="AP31876">
        <v>22</v>
      </c>
      <c r="AQ31876">
        <v>22</v>
      </c>
    </row>
    <row r="31877" spans="1:43">
      <c r="A31877" t="s">
        <v>19745</v>
      </c>
      <c r="B31877" t="s">
        <v>19746</v>
      </c>
      <c r="C31877" t="s">
        <v>19727</v>
      </c>
      <c r="D31877" t="s">
        <v>19728</v>
      </c>
      <c r="E31877" t="s">
        <v>19721</v>
      </c>
      <c r="F31877" t="s">
        <v>19722</v>
      </c>
      <c r="G31877" t="s">
        <v>10734</v>
      </c>
      <c r="H31877" t="s">
        <v>10735</v>
      </c>
      <c r="I31877" s="2">
        <v>0</v>
      </c>
      <c r="J31877" s="2">
        <v>0</v>
      </c>
      <c r="K31877" s="2">
        <v>0.84</v>
      </c>
      <c r="L31877" t="s">
        <v>995</v>
      </c>
      <c r="M31877" t="s">
        <v>83</v>
      </c>
      <c r="N31877" t="s">
        <v>91</v>
      </c>
      <c r="O31877" t="s">
        <v>85</v>
      </c>
      <c r="P31877" t="s">
        <v>86</v>
      </c>
      <c r="Q31877">
        <v>18</v>
      </c>
      <c r="R31877">
        <v>18</v>
      </c>
      <c r="S31877">
        <v>18</v>
      </c>
      <c r="T31877">
        <v>18</v>
      </c>
      <c r="U31877">
        <v>19</v>
      </c>
      <c r="V31877">
        <v>19</v>
      </c>
      <c r="W31877">
        <v>19</v>
      </c>
      <c r="X31877">
        <v>19</v>
      </c>
      <c r="Y31877">
        <v>19</v>
      </c>
      <c r="Z31877">
        <v>20</v>
      </c>
      <c r="AA31877">
        <v>20</v>
      </c>
      <c r="AB31877">
        <v>20</v>
      </c>
      <c r="AC31877">
        <v>20</v>
      </c>
      <c r="AD31877">
        <v>20</v>
      </c>
      <c r="AE31877">
        <v>21</v>
      </c>
      <c r="AF31877">
        <v>21</v>
      </c>
      <c r="AG31877">
        <v>21</v>
      </c>
      <c r="AH31877">
        <v>21</v>
      </c>
      <c r="AI31877">
        <v>21</v>
      </c>
      <c r="AJ31877">
        <v>22</v>
      </c>
      <c r="AK31877">
        <v>22</v>
      </c>
      <c r="AL31877">
        <v>22</v>
      </c>
      <c r="AM31877">
        <v>22</v>
      </c>
      <c r="AN31877">
        <v>22</v>
      </c>
      <c r="AO31877">
        <v>22</v>
      </c>
      <c r="AP31877">
        <v>22</v>
      </c>
      <c r="AQ31877">
        <v>22</v>
      </c>
    </row>
    <row r="31878" spans="1:43">
      <c r="A31878" t="s">
        <v>19747</v>
      </c>
      <c r="B31878" t="s">
        <v>19748</v>
      </c>
      <c r="C31878" t="s">
        <v>19749</v>
      </c>
      <c r="D31878" t="s">
        <v>19750</v>
      </c>
      <c r="E31878" t="s">
        <v>19721</v>
      </c>
      <c r="F31878" t="s">
        <v>19722</v>
      </c>
      <c r="G31878" t="s">
        <v>10734</v>
      </c>
      <c r="H31878" t="s">
        <v>10735</v>
      </c>
      <c r="I31878" s="2">
        <v>0</v>
      </c>
      <c r="J31878" s="2">
        <v>0</v>
      </c>
      <c r="K31878" s="2">
        <v>1</v>
      </c>
      <c r="L31878" t="s">
        <v>995</v>
      </c>
      <c r="M31878" t="s">
        <v>83</v>
      </c>
      <c r="N31878" t="s">
        <v>84</v>
      </c>
      <c r="O31878" t="s">
        <v>85</v>
      </c>
      <c r="P31878" t="s">
        <v>86</v>
      </c>
      <c r="Q31878">
        <v>52</v>
      </c>
      <c r="R31878">
        <v>53</v>
      </c>
      <c r="S31878">
        <v>54</v>
      </c>
      <c r="T31878">
        <v>54</v>
      </c>
      <c r="U31878">
        <v>55</v>
      </c>
      <c r="V31878">
        <v>55</v>
      </c>
      <c r="W31878">
        <v>56</v>
      </c>
      <c r="X31878">
        <v>56</v>
      </c>
      <c r="Y31878">
        <v>57</v>
      </c>
      <c r="Z31878">
        <v>58</v>
      </c>
      <c r="AA31878">
        <v>58</v>
      </c>
      <c r="AB31878">
        <v>59</v>
      </c>
      <c r="AC31878">
        <v>59</v>
      </c>
      <c r="AD31878">
        <v>60</v>
      </c>
      <c r="AE31878">
        <v>60</v>
      </c>
      <c r="AF31878">
        <v>61</v>
      </c>
      <c r="AG31878">
        <v>62</v>
      </c>
      <c r="AH31878">
        <v>62</v>
      </c>
      <c r="AI31878">
        <v>63</v>
      </c>
      <c r="AJ31878">
        <v>63</v>
      </c>
      <c r="AK31878">
        <v>64</v>
      </c>
      <c r="AL31878">
        <v>64</v>
      </c>
      <c r="AM31878">
        <v>64</v>
      </c>
      <c r="AN31878">
        <v>64</v>
      </c>
      <c r="AO31878">
        <v>65</v>
      </c>
      <c r="AP31878">
        <v>65</v>
      </c>
      <c r="AQ31878">
        <v>65</v>
      </c>
    </row>
    <row r="31879" spans="1:43">
      <c r="A31879" t="s">
        <v>19747</v>
      </c>
      <c r="B31879" t="s">
        <v>19748</v>
      </c>
      <c r="C31879" t="s">
        <v>19749</v>
      </c>
      <c r="D31879" t="s">
        <v>19750</v>
      </c>
      <c r="E31879" t="s">
        <v>19721</v>
      </c>
      <c r="F31879" t="s">
        <v>19722</v>
      </c>
      <c r="G31879" t="s">
        <v>10734</v>
      </c>
      <c r="H31879" t="s">
        <v>10735</v>
      </c>
      <c r="I31879" s="2">
        <v>0</v>
      </c>
      <c r="J31879" s="2">
        <v>0</v>
      </c>
      <c r="K31879" s="2">
        <v>1</v>
      </c>
      <c r="L31879" t="s">
        <v>995</v>
      </c>
      <c r="M31879" t="s">
        <v>87</v>
      </c>
      <c r="N31879" t="s">
        <v>88</v>
      </c>
      <c r="O31879" t="s">
        <v>85</v>
      </c>
      <c r="P31879" t="s">
        <v>86</v>
      </c>
      <c r="Q31879">
        <v>52</v>
      </c>
      <c r="R31879">
        <v>52</v>
      </c>
      <c r="S31879">
        <v>52</v>
      </c>
      <c r="T31879">
        <v>52</v>
      </c>
      <c r="U31879">
        <v>52</v>
      </c>
      <c r="V31879">
        <v>52</v>
      </c>
      <c r="W31879">
        <v>53</v>
      </c>
      <c r="X31879">
        <v>53</v>
      </c>
      <c r="Y31879">
        <v>53</v>
      </c>
      <c r="Z31879">
        <v>53</v>
      </c>
      <c r="AA31879">
        <v>53</v>
      </c>
      <c r="AB31879">
        <v>53</v>
      </c>
      <c r="AC31879">
        <v>53</v>
      </c>
      <c r="AD31879">
        <v>53</v>
      </c>
      <c r="AE31879">
        <v>54</v>
      </c>
      <c r="AF31879">
        <v>54</v>
      </c>
      <c r="AG31879">
        <v>54</v>
      </c>
      <c r="AH31879">
        <v>54</v>
      </c>
      <c r="AI31879">
        <v>54</v>
      </c>
      <c r="AJ31879">
        <v>55</v>
      </c>
      <c r="AK31879">
        <v>55</v>
      </c>
      <c r="AL31879">
        <v>55</v>
      </c>
      <c r="AM31879">
        <v>55</v>
      </c>
      <c r="AN31879">
        <v>55</v>
      </c>
      <c r="AO31879">
        <v>56</v>
      </c>
      <c r="AP31879">
        <v>56</v>
      </c>
      <c r="AQ31879">
        <v>56</v>
      </c>
    </row>
    <row r="31880" spans="1:43">
      <c r="A31880" t="s">
        <v>19747</v>
      </c>
      <c r="B31880" t="s">
        <v>19748</v>
      </c>
      <c r="C31880" t="s">
        <v>19749</v>
      </c>
      <c r="D31880" t="s">
        <v>19750</v>
      </c>
      <c r="E31880" t="s">
        <v>19721</v>
      </c>
      <c r="F31880" t="s">
        <v>19722</v>
      </c>
      <c r="G31880" t="s">
        <v>10734</v>
      </c>
      <c r="H31880" t="s">
        <v>10735</v>
      </c>
      <c r="I31880" s="2">
        <v>0</v>
      </c>
      <c r="J31880" s="2">
        <v>0</v>
      </c>
      <c r="K31880" s="2">
        <v>1</v>
      </c>
      <c r="L31880" t="s">
        <v>995</v>
      </c>
      <c r="M31880" t="s">
        <v>89</v>
      </c>
      <c r="N31880" t="s">
        <v>90</v>
      </c>
      <c r="O31880" t="s">
        <v>85</v>
      </c>
      <c r="P31880" t="s">
        <v>86</v>
      </c>
      <c r="Q31880">
        <v>52</v>
      </c>
      <c r="R31880">
        <v>53</v>
      </c>
      <c r="S31880">
        <v>54</v>
      </c>
      <c r="T31880">
        <v>55</v>
      </c>
      <c r="U31880">
        <v>56</v>
      </c>
      <c r="V31880">
        <v>57</v>
      </c>
      <c r="W31880">
        <v>58</v>
      </c>
      <c r="X31880">
        <v>59</v>
      </c>
      <c r="Y31880">
        <v>59</v>
      </c>
      <c r="Z31880">
        <v>60</v>
      </c>
      <c r="AA31880">
        <v>61</v>
      </c>
      <c r="AB31880">
        <v>62</v>
      </c>
      <c r="AC31880">
        <v>62</v>
      </c>
      <c r="AD31880">
        <v>63</v>
      </c>
      <c r="AE31880">
        <v>64</v>
      </c>
      <c r="AF31880">
        <v>64</v>
      </c>
      <c r="AG31880">
        <v>64</v>
      </c>
      <c r="AH31880">
        <v>64</v>
      </c>
      <c r="AI31880">
        <v>64</v>
      </c>
      <c r="AJ31880">
        <v>64</v>
      </c>
      <c r="AK31880">
        <v>64</v>
      </c>
      <c r="AL31880">
        <v>64</v>
      </c>
      <c r="AM31880">
        <v>64</v>
      </c>
      <c r="AN31880">
        <v>65</v>
      </c>
      <c r="AO31880">
        <v>65</v>
      </c>
      <c r="AP31880">
        <v>65</v>
      </c>
      <c r="AQ31880">
        <v>65</v>
      </c>
    </row>
    <row r="31881" spans="1:43">
      <c r="A31881" t="s">
        <v>19747</v>
      </c>
      <c r="B31881" t="s">
        <v>19748</v>
      </c>
      <c r="C31881" t="s">
        <v>19749</v>
      </c>
      <c r="D31881" t="s">
        <v>19750</v>
      </c>
      <c r="E31881" t="s">
        <v>19721</v>
      </c>
      <c r="F31881" t="s">
        <v>19722</v>
      </c>
      <c r="G31881" t="s">
        <v>10734</v>
      </c>
      <c r="H31881" t="s">
        <v>10735</v>
      </c>
      <c r="I31881" s="2">
        <v>0</v>
      </c>
      <c r="J31881" s="2">
        <v>0</v>
      </c>
      <c r="K31881" s="2">
        <v>1</v>
      </c>
      <c r="L31881" t="s">
        <v>995</v>
      </c>
      <c r="M31881" t="s">
        <v>83</v>
      </c>
      <c r="N31881" t="s">
        <v>91</v>
      </c>
      <c r="O31881" t="s">
        <v>85</v>
      </c>
      <c r="P31881" t="s">
        <v>86</v>
      </c>
      <c r="Q31881">
        <v>52</v>
      </c>
      <c r="R31881">
        <v>53</v>
      </c>
      <c r="S31881">
        <v>54</v>
      </c>
      <c r="T31881">
        <v>54</v>
      </c>
      <c r="U31881">
        <v>55</v>
      </c>
      <c r="V31881">
        <v>55</v>
      </c>
      <c r="W31881">
        <v>56</v>
      </c>
      <c r="X31881">
        <v>56</v>
      </c>
      <c r="Y31881">
        <v>57</v>
      </c>
      <c r="Z31881">
        <v>58</v>
      </c>
      <c r="AA31881">
        <v>58</v>
      </c>
      <c r="AB31881">
        <v>59</v>
      </c>
      <c r="AC31881">
        <v>59</v>
      </c>
      <c r="AD31881">
        <v>60</v>
      </c>
      <c r="AE31881">
        <v>60</v>
      </c>
      <c r="AF31881">
        <v>61</v>
      </c>
      <c r="AG31881">
        <v>62</v>
      </c>
      <c r="AH31881">
        <v>62</v>
      </c>
      <c r="AI31881">
        <v>63</v>
      </c>
      <c r="AJ31881">
        <v>63</v>
      </c>
      <c r="AK31881">
        <v>64</v>
      </c>
      <c r="AL31881">
        <v>64</v>
      </c>
      <c r="AM31881">
        <v>64</v>
      </c>
      <c r="AN31881">
        <v>64</v>
      </c>
      <c r="AO31881">
        <v>65</v>
      </c>
      <c r="AP31881">
        <v>65</v>
      </c>
      <c r="AQ31881">
        <v>65</v>
      </c>
    </row>
    <row r="31882" spans="1:43">
      <c r="A31882" t="s">
        <v>19751</v>
      </c>
      <c r="B31882" t="s">
        <v>19752</v>
      </c>
      <c r="C31882" t="s">
        <v>19727</v>
      </c>
      <c r="D31882" t="s">
        <v>19728</v>
      </c>
      <c r="E31882" t="s">
        <v>19721</v>
      </c>
      <c r="F31882" t="s">
        <v>19722</v>
      </c>
      <c r="G31882" t="s">
        <v>10734</v>
      </c>
      <c r="H31882" t="s">
        <v>10735</v>
      </c>
      <c r="I31882" s="2">
        <v>0</v>
      </c>
      <c r="J31882" s="2">
        <v>0</v>
      </c>
      <c r="K31882" s="2">
        <v>1</v>
      </c>
      <c r="L31882" t="s">
        <v>995</v>
      </c>
      <c r="M31882" t="s">
        <v>83</v>
      </c>
      <c r="N31882" t="s">
        <v>84</v>
      </c>
      <c r="O31882" t="s">
        <v>85</v>
      </c>
      <c r="P31882" t="s">
        <v>86</v>
      </c>
      <c r="Q31882">
        <v>8</v>
      </c>
      <c r="R31882">
        <v>9</v>
      </c>
      <c r="S31882">
        <v>9</v>
      </c>
      <c r="T31882">
        <v>9</v>
      </c>
      <c r="U31882">
        <v>9</v>
      </c>
      <c r="V31882">
        <v>9</v>
      </c>
      <c r="W31882">
        <v>9</v>
      </c>
      <c r="X31882">
        <v>9</v>
      </c>
      <c r="Y31882">
        <v>9</v>
      </c>
      <c r="Z31882">
        <v>9</v>
      </c>
      <c r="AA31882">
        <v>9</v>
      </c>
      <c r="AB31882">
        <v>10</v>
      </c>
      <c r="AC31882">
        <v>10</v>
      </c>
      <c r="AD31882">
        <v>10</v>
      </c>
      <c r="AE31882">
        <v>10</v>
      </c>
      <c r="AF31882">
        <v>10</v>
      </c>
      <c r="AG31882">
        <v>10</v>
      </c>
      <c r="AH31882">
        <v>10</v>
      </c>
      <c r="AI31882">
        <v>10</v>
      </c>
      <c r="AJ31882">
        <v>10</v>
      </c>
      <c r="AK31882">
        <v>10</v>
      </c>
      <c r="AL31882">
        <v>10</v>
      </c>
      <c r="AM31882">
        <v>10</v>
      </c>
      <c r="AN31882">
        <v>10</v>
      </c>
      <c r="AO31882">
        <v>10</v>
      </c>
      <c r="AP31882">
        <v>10</v>
      </c>
      <c r="AQ31882">
        <v>10</v>
      </c>
    </row>
    <row r="31883" spans="1:43">
      <c r="A31883" t="s">
        <v>19751</v>
      </c>
      <c r="B31883" t="s">
        <v>19752</v>
      </c>
      <c r="C31883" t="s">
        <v>19727</v>
      </c>
      <c r="D31883" t="s">
        <v>19728</v>
      </c>
      <c r="E31883" t="s">
        <v>19721</v>
      </c>
      <c r="F31883" t="s">
        <v>19722</v>
      </c>
      <c r="G31883" t="s">
        <v>10734</v>
      </c>
      <c r="H31883" t="s">
        <v>10735</v>
      </c>
      <c r="I31883" s="2">
        <v>0</v>
      </c>
      <c r="J31883" s="2">
        <v>0</v>
      </c>
      <c r="K31883" s="2">
        <v>1</v>
      </c>
      <c r="L31883" t="s">
        <v>995</v>
      </c>
      <c r="M31883" t="s">
        <v>87</v>
      </c>
      <c r="N31883" t="s">
        <v>88</v>
      </c>
      <c r="O31883" t="s">
        <v>85</v>
      </c>
      <c r="P31883" t="s">
        <v>86</v>
      </c>
      <c r="Q31883">
        <v>8</v>
      </c>
      <c r="R31883">
        <v>8</v>
      </c>
      <c r="S31883">
        <v>8</v>
      </c>
      <c r="T31883">
        <v>8</v>
      </c>
      <c r="U31883">
        <v>8</v>
      </c>
      <c r="V31883">
        <v>8</v>
      </c>
      <c r="W31883">
        <v>8</v>
      </c>
      <c r="X31883">
        <v>9</v>
      </c>
      <c r="Y31883">
        <v>9</v>
      </c>
      <c r="Z31883">
        <v>9</v>
      </c>
      <c r="AA31883">
        <v>9</v>
      </c>
      <c r="AB31883">
        <v>9</v>
      </c>
      <c r="AC31883">
        <v>9</v>
      </c>
      <c r="AD31883">
        <v>9</v>
      </c>
      <c r="AE31883">
        <v>9</v>
      </c>
      <c r="AF31883">
        <v>9</v>
      </c>
      <c r="AG31883">
        <v>9</v>
      </c>
      <c r="AH31883">
        <v>9</v>
      </c>
      <c r="AI31883">
        <v>9</v>
      </c>
      <c r="AJ31883">
        <v>9</v>
      </c>
      <c r="AK31883">
        <v>9</v>
      </c>
      <c r="AL31883">
        <v>9</v>
      </c>
      <c r="AM31883">
        <v>9</v>
      </c>
      <c r="AN31883">
        <v>9</v>
      </c>
      <c r="AO31883">
        <v>9</v>
      </c>
      <c r="AP31883">
        <v>9</v>
      </c>
      <c r="AQ31883">
        <v>9</v>
      </c>
    </row>
    <row r="31884" spans="1:43">
      <c r="A31884" t="s">
        <v>19751</v>
      </c>
      <c r="B31884" t="s">
        <v>19752</v>
      </c>
      <c r="C31884" t="s">
        <v>19727</v>
      </c>
      <c r="D31884" t="s">
        <v>19728</v>
      </c>
      <c r="E31884" t="s">
        <v>19721</v>
      </c>
      <c r="F31884" t="s">
        <v>19722</v>
      </c>
      <c r="G31884" t="s">
        <v>10734</v>
      </c>
      <c r="H31884" t="s">
        <v>10735</v>
      </c>
      <c r="I31884" s="2">
        <v>0</v>
      </c>
      <c r="J31884" s="2">
        <v>0</v>
      </c>
      <c r="K31884" s="2">
        <v>1</v>
      </c>
      <c r="L31884" t="s">
        <v>995</v>
      </c>
      <c r="M31884" t="s">
        <v>89</v>
      </c>
      <c r="N31884" t="s">
        <v>90</v>
      </c>
      <c r="O31884" t="s">
        <v>85</v>
      </c>
      <c r="P31884" t="s">
        <v>86</v>
      </c>
      <c r="Q31884">
        <v>8</v>
      </c>
      <c r="R31884">
        <v>8</v>
      </c>
      <c r="S31884">
        <v>8</v>
      </c>
      <c r="T31884">
        <v>8</v>
      </c>
      <c r="U31884">
        <v>8</v>
      </c>
      <c r="V31884">
        <v>8</v>
      </c>
      <c r="W31884">
        <v>9</v>
      </c>
      <c r="X31884">
        <v>9</v>
      </c>
      <c r="Y31884">
        <v>9</v>
      </c>
      <c r="Z31884">
        <v>9</v>
      </c>
      <c r="AA31884">
        <v>9</v>
      </c>
      <c r="AB31884">
        <v>9</v>
      </c>
      <c r="AC31884">
        <v>9</v>
      </c>
      <c r="AD31884">
        <v>9</v>
      </c>
      <c r="AE31884">
        <v>9</v>
      </c>
      <c r="AF31884">
        <v>9</v>
      </c>
      <c r="AG31884">
        <v>9</v>
      </c>
      <c r="AH31884">
        <v>9</v>
      </c>
      <c r="AI31884">
        <v>9</v>
      </c>
      <c r="AJ31884">
        <v>10</v>
      </c>
      <c r="AK31884">
        <v>10</v>
      </c>
      <c r="AL31884">
        <v>10</v>
      </c>
      <c r="AM31884">
        <v>10</v>
      </c>
      <c r="AN31884">
        <v>10</v>
      </c>
      <c r="AO31884">
        <v>10</v>
      </c>
      <c r="AP31884">
        <v>10</v>
      </c>
      <c r="AQ31884">
        <v>10</v>
      </c>
    </row>
    <row r="31885" spans="1:43">
      <c r="A31885" t="s">
        <v>19751</v>
      </c>
      <c r="B31885" t="s">
        <v>19752</v>
      </c>
      <c r="C31885" t="s">
        <v>19727</v>
      </c>
      <c r="D31885" t="s">
        <v>19728</v>
      </c>
      <c r="E31885" t="s">
        <v>19721</v>
      </c>
      <c r="F31885" t="s">
        <v>19722</v>
      </c>
      <c r="G31885" t="s">
        <v>10734</v>
      </c>
      <c r="H31885" t="s">
        <v>10735</v>
      </c>
      <c r="I31885" s="2">
        <v>0</v>
      </c>
      <c r="J31885" s="2">
        <v>0</v>
      </c>
      <c r="K31885" s="2">
        <v>1</v>
      </c>
      <c r="L31885" t="s">
        <v>995</v>
      </c>
      <c r="M31885" t="s">
        <v>83</v>
      </c>
      <c r="N31885" t="s">
        <v>91</v>
      </c>
      <c r="O31885" t="s">
        <v>85</v>
      </c>
      <c r="P31885" t="s">
        <v>86</v>
      </c>
      <c r="Q31885">
        <v>8</v>
      </c>
      <c r="R31885">
        <v>9</v>
      </c>
      <c r="S31885">
        <v>9</v>
      </c>
      <c r="T31885">
        <v>9</v>
      </c>
      <c r="U31885">
        <v>9</v>
      </c>
      <c r="V31885">
        <v>9</v>
      </c>
      <c r="W31885">
        <v>9</v>
      </c>
      <c r="X31885">
        <v>9</v>
      </c>
      <c r="Y31885">
        <v>9</v>
      </c>
      <c r="Z31885">
        <v>9</v>
      </c>
      <c r="AA31885">
        <v>9</v>
      </c>
      <c r="AB31885">
        <v>10</v>
      </c>
      <c r="AC31885">
        <v>10</v>
      </c>
      <c r="AD31885">
        <v>10</v>
      </c>
      <c r="AE31885">
        <v>10</v>
      </c>
      <c r="AF31885">
        <v>10</v>
      </c>
      <c r="AG31885">
        <v>10</v>
      </c>
      <c r="AH31885">
        <v>10</v>
      </c>
      <c r="AI31885">
        <v>10</v>
      </c>
      <c r="AJ31885">
        <v>10</v>
      </c>
      <c r="AK31885">
        <v>10</v>
      </c>
      <c r="AL31885">
        <v>10</v>
      </c>
      <c r="AM31885">
        <v>10</v>
      </c>
      <c r="AN31885">
        <v>10</v>
      </c>
      <c r="AO31885">
        <v>10</v>
      </c>
      <c r="AP31885">
        <v>10</v>
      </c>
      <c r="AQ31885">
        <v>10</v>
      </c>
    </row>
    <row r="31886" spans="1:43">
      <c r="A31886" t="s">
        <v>19753</v>
      </c>
      <c r="B31886" t="s">
        <v>19754</v>
      </c>
      <c r="C31886" t="s">
        <v>19755</v>
      </c>
      <c r="D31886" t="s">
        <v>19756</v>
      </c>
      <c r="E31886" t="s">
        <v>19721</v>
      </c>
      <c r="F31886" t="s">
        <v>19722</v>
      </c>
      <c r="G31886" t="s">
        <v>10734</v>
      </c>
      <c r="H31886" t="s">
        <v>10735</v>
      </c>
      <c r="I31886" s="2">
        <v>0</v>
      </c>
      <c r="J31886" s="2">
        <v>0</v>
      </c>
      <c r="K31886" s="2">
        <v>1</v>
      </c>
      <c r="L31886" t="s">
        <v>995</v>
      </c>
      <c r="M31886" t="s">
        <v>83</v>
      </c>
      <c r="N31886" t="s">
        <v>84</v>
      </c>
      <c r="O31886" t="s">
        <v>85</v>
      </c>
      <c r="P31886" t="s">
        <v>86</v>
      </c>
      <c r="Q31886">
        <v>24</v>
      </c>
      <c r="R31886">
        <v>24</v>
      </c>
      <c r="S31886">
        <v>24</v>
      </c>
      <c r="T31886">
        <v>24</v>
      </c>
      <c r="U31886">
        <v>25</v>
      </c>
      <c r="V31886">
        <v>25</v>
      </c>
      <c r="W31886">
        <v>25</v>
      </c>
      <c r="X31886">
        <v>25</v>
      </c>
      <c r="Y31886">
        <v>26</v>
      </c>
      <c r="Z31886">
        <v>26</v>
      </c>
      <c r="AA31886">
        <v>26</v>
      </c>
      <c r="AB31886">
        <v>26</v>
      </c>
      <c r="AC31886">
        <v>27</v>
      </c>
      <c r="AD31886">
        <v>27</v>
      </c>
      <c r="AE31886">
        <v>27</v>
      </c>
      <c r="AF31886">
        <v>27</v>
      </c>
      <c r="AG31886">
        <v>27</v>
      </c>
      <c r="AH31886">
        <v>28</v>
      </c>
      <c r="AI31886">
        <v>28</v>
      </c>
      <c r="AJ31886">
        <v>28</v>
      </c>
      <c r="AK31886">
        <v>28</v>
      </c>
      <c r="AL31886">
        <v>28</v>
      </c>
      <c r="AM31886">
        <v>28</v>
      </c>
      <c r="AN31886">
        <v>28</v>
      </c>
      <c r="AO31886">
        <v>28</v>
      </c>
      <c r="AP31886">
        <v>28</v>
      </c>
      <c r="AQ31886">
        <v>28</v>
      </c>
    </row>
    <row r="31887" spans="1:43">
      <c r="A31887" t="s">
        <v>19753</v>
      </c>
      <c r="B31887" t="s">
        <v>19754</v>
      </c>
      <c r="C31887" t="s">
        <v>19755</v>
      </c>
      <c r="D31887" t="s">
        <v>19756</v>
      </c>
      <c r="E31887" t="s">
        <v>19721</v>
      </c>
      <c r="F31887" t="s">
        <v>19722</v>
      </c>
      <c r="G31887" t="s">
        <v>10734</v>
      </c>
      <c r="H31887" t="s">
        <v>10735</v>
      </c>
      <c r="I31887" s="2">
        <v>0</v>
      </c>
      <c r="J31887" s="2">
        <v>0</v>
      </c>
      <c r="K31887" s="2">
        <v>1</v>
      </c>
      <c r="L31887" t="s">
        <v>995</v>
      </c>
      <c r="M31887" t="s">
        <v>87</v>
      </c>
      <c r="N31887" t="s">
        <v>88</v>
      </c>
      <c r="O31887" t="s">
        <v>85</v>
      </c>
      <c r="P31887" t="s">
        <v>86</v>
      </c>
      <c r="Q31887">
        <v>24</v>
      </c>
      <c r="R31887">
        <v>24</v>
      </c>
      <c r="S31887">
        <v>24</v>
      </c>
      <c r="T31887">
        <v>24</v>
      </c>
      <c r="U31887">
        <v>24</v>
      </c>
      <c r="V31887">
        <v>24</v>
      </c>
      <c r="W31887">
        <v>24</v>
      </c>
      <c r="X31887">
        <v>24</v>
      </c>
      <c r="Y31887">
        <v>24</v>
      </c>
      <c r="Z31887">
        <v>24</v>
      </c>
      <c r="AA31887">
        <v>24</v>
      </c>
      <c r="AB31887">
        <v>24</v>
      </c>
      <c r="AC31887">
        <v>24</v>
      </c>
      <c r="AD31887">
        <v>24</v>
      </c>
      <c r="AE31887">
        <v>24</v>
      </c>
      <c r="AF31887">
        <v>24</v>
      </c>
      <c r="AG31887">
        <v>24</v>
      </c>
      <c r="AH31887">
        <v>24</v>
      </c>
      <c r="AI31887">
        <v>24</v>
      </c>
      <c r="AJ31887">
        <v>24</v>
      </c>
      <c r="AK31887">
        <v>24</v>
      </c>
      <c r="AL31887">
        <v>24</v>
      </c>
      <c r="AM31887">
        <v>24</v>
      </c>
      <c r="AN31887">
        <v>24</v>
      </c>
      <c r="AO31887">
        <v>24</v>
      </c>
      <c r="AP31887">
        <v>24</v>
      </c>
      <c r="AQ31887">
        <v>25</v>
      </c>
    </row>
    <row r="31888" spans="1:43">
      <c r="A31888" t="s">
        <v>19753</v>
      </c>
      <c r="B31888" t="s">
        <v>19754</v>
      </c>
      <c r="C31888" t="s">
        <v>19755</v>
      </c>
      <c r="D31888" t="s">
        <v>19756</v>
      </c>
      <c r="E31888" t="s">
        <v>19721</v>
      </c>
      <c r="F31888" t="s">
        <v>19722</v>
      </c>
      <c r="G31888" t="s">
        <v>10734</v>
      </c>
      <c r="H31888" t="s">
        <v>10735</v>
      </c>
      <c r="I31888" s="2">
        <v>0</v>
      </c>
      <c r="J31888" s="2">
        <v>0</v>
      </c>
      <c r="K31888" s="2">
        <v>1</v>
      </c>
      <c r="L31888" t="s">
        <v>995</v>
      </c>
      <c r="M31888" t="s">
        <v>89</v>
      </c>
      <c r="N31888" t="s">
        <v>90</v>
      </c>
      <c r="O31888" t="s">
        <v>85</v>
      </c>
      <c r="P31888" t="s">
        <v>86</v>
      </c>
      <c r="Q31888">
        <v>24</v>
      </c>
      <c r="R31888">
        <v>24</v>
      </c>
      <c r="S31888">
        <v>25</v>
      </c>
      <c r="T31888">
        <v>25</v>
      </c>
      <c r="U31888">
        <v>26</v>
      </c>
      <c r="V31888">
        <v>26</v>
      </c>
      <c r="W31888">
        <v>26</v>
      </c>
      <c r="X31888">
        <v>27</v>
      </c>
      <c r="Y31888">
        <v>27</v>
      </c>
      <c r="Z31888">
        <v>27</v>
      </c>
      <c r="AA31888">
        <v>28</v>
      </c>
      <c r="AB31888">
        <v>28</v>
      </c>
      <c r="AC31888">
        <v>28</v>
      </c>
      <c r="AD31888">
        <v>29</v>
      </c>
      <c r="AE31888">
        <v>29</v>
      </c>
      <c r="AF31888">
        <v>29</v>
      </c>
      <c r="AG31888">
        <v>29</v>
      </c>
      <c r="AH31888">
        <v>29</v>
      </c>
      <c r="AI31888">
        <v>29</v>
      </c>
      <c r="AJ31888">
        <v>29</v>
      </c>
      <c r="AK31888">
        <v>29</v>
      </c>
      <c r="AL31888">
        <v>29</v>
      </c>
      <c r="AM31888">
        <v>29</v>
      </c>
      <c r="AN31888">
        <v>29</v>
      </c>
      <c r="AO31888">
        <v>29</v>
      </c>
      <c r="AP31888">
        <v>29</v>
      </c>
      <c r="AQ31888">
        <v>29</v>
      </c>
    </row>
    <row r="31889" spans="1:43">
      <c r="A31889" t="s">
        <v>19753</v>
      </c>
      <c r="B31889" t="s">
        <v>19754</v>
      </c>
      <c r="C31889" t="s">
        <v>19755</v>
      </c>
      <c r="D31889" t="s">
        <v>19756</v>
      </c>
      <c r="E31889" t="s">
        <v>19721</v>
      </c>
      <c r="F31889" t="s">
        <v>19722</v>
      </c>
      <c r="G31889" t="s">
        <v>10734</v>
      </c>
      <c r="H31889" t="s">
        <v>10735</v>
      </c>
      <c r="I31889" s="2">
        <v>0</v>
      </c>
      <c r="J31889" s="2">
        <v>0</v>
      </c>
      <c r="K31889" s="2">
        <v>1</v>
      </c>
      <c r="L31889" t="s">
        <v>995</v>
      </c>
      <c r="M31889" t="s">
        <v>83</v>
      </c>
      <c r="N31889" t="s">
        <v>91</v>
      </c>
      <c r="O31889" t="s">
        <v>85</v>
      </c>
      <c r="P31889" t="s">
        <v>86</v>
      </c>
      <c r="Q31889">
        <v>24</v>
      </c>
      <c r="R31889">
        <v>24</v>
      </c>
      <c r="S31889">
        <v>24</v>
      </c>
      <c r="T31889">
        <v>24</v>
      </c>
      <c r="U31889">
        <v>25</v>
      </c>
      <c r="V31889">
        <v>25</v>
      </c>
      <c r="W31889">
        <v>25</v>
      </c>
      <c r="X31889">
        <v>25</v>
      </c>
      <c r="Y31889">
        <v>26</v>
      </c>
      <c r="Z31889">
        <v>26</v>
      </c>
      <c r="AA31889">
        <v>26</v>
      </c>
      <c r="AB31889">
        <v>26</v>
      </c>
      <c r="AC31889">
        <v>27</v>
      </c>
      <c r="AD31889">
        <v>27</v>
      </c>
      <c r="AE31889">
        <v>27</v>
      </c>
      <c r="AF31889">
        <v>27</v>
      </c>
      <c r="AG31889">
        <v>27</v>
      </c>
      <c r="AH31889">
        <v>28</v>
      </c>
      <c r="AI31889">
        <v>28</v>
      </c>
      <c r="AJ31889">
        <v>28</v>
      </c>
      <c r="AK31889">
        <v>28</v>
      </c>
      <c r="AL31889">
        <v>28</v>
      </c>
      <c r="AM31889">
        <v>28</v>
      </c>
      <c r="AN31889">
        <v>28</v>
      </c>
      <c r="AO31889">
        <v>28</v>
      </c>
      <c r="AP31889">
        <v>28</v>
      </c>
      <c r="AQ31889">
        <v>28</v>
      </c>
    </row>
    <row r="31890" spans="1:43">
      <c r="A31890" t="s">
        <v>19757</v>
      </c>
      <c r="B31890" t="s">
        <v>19758</v>
      </c>
      <c r="C31890" t="s">
        <v>19759</v>
      </c>
      <c r="D31890" t="s">
        <v>19760</v>
      </c>
      <c r="E31890" t="s">
        <v>19721</v>
      </c>
      <c r="F31890" t="s">
        <v>19722</v>
      </c>
      <c r="G31890" t="s">
        <v>10734</v>
      </c>
      <c r="H31890" t="s">
        <v>10735</v>
      </c>
      <c r="I31890" s="2">
        <v>0</v>
      </c>
      <c r="J31890" s="2">
        <v>0</v>
      </c>
      <c r="K31890" s="2">
        <v>1</v>
      </c>
      <c r="L31890" t="s">
        <v>995</v>
      </c>
      <c r="M31890" t="s">
        <v>83</v>
      </c>
      <c r="N31890" t="s">
        <v>84</v>
      </c>
      <c r="O31890" t="s">
        <v>85</v>
      </c>
      <c r="P31890" t="s">
        <v>86</v>
      </c>
      <c r="Q31890">
        <v>180</v>
      </c>
      <c r="R31890">
        <v>182</v>
      </c>
      <c r="S31890">
        <v>184</v>
      </c>
      <c r="T31890">
        <v>186</v>
      </c>
      <c r="U31890">
        <v>188</v>
      </c>
      <c r="V31890">
        <v>189</v>
      </c>
      <c r="W31890">
        <v>191</v>
      </c>
      <c r="X31890">
        <v>193</v>
      </c>
      <c r="Y31890">
        <v>195</v>
      </c>
      <c r="Z31890">
        <v>197</v>
      </c>
      <c r="AA31890">
        <v>199</v>
      </c>
      <c r="AB31890">
        <v>201</v>
      </c>
      <c r="AC31890">
        <v>203</v>
      </c>
      <c r="AD31890">
        <v>205</v>
      </c>
      <c r="AE31890">
        <v>207</v>
      </c>
      <c r="AF31890">
        <v>209</v>
      </c>
      <c r="AG31890">
        <v>211</v>
      </c>
      <c r="AH31890">
        <v>213</v>
      </c>
      <c r="AI31890">
        <v>215</v>
      </c>
      <c r="AJ31890">
        <v>217</v>
      </c>
      <c r="AK31890">
        <v>219</v>
      </c>
      <c r="AL31890">
        <v>220</v>
      </c>
      <c r="AM31890">
        <v>220</v>
      </c>
      <c r="AN31890">
        <v>220</v>
      </c>
      <c r="AO31890">
        <v>221</v>
      </c>
      <c r="AP31890">
        <v>221</v>
      </c>
      <c r="AQ31890">
        <v>222</v>
      </c>
    </row>
    <row r="31891" spans="1:43">
      <c r="A31891" t="s">
        <v>19757</v>
      </c>
      <c r="B31891" t="s">
        <v>19758</v>
      </c>
      <c r="C31891" t="s">
        <v>19759</v>
      </c>
      <c r="D31891" t="s">
        <v>19760</v>
      </c>
      <c r="E31891" t="s">
        <v>19721</v>
      </c>
      <c r="F31891" t="s">
        <v>19722</v>
      </c>
      <c r="G31891" t="s">
        <v>10734</v>
      </c>
      <c r="H31891" t="s">
        <v>10735</v>
      </c>
      <c r="I31891" s="2">
        <v>0</v>
      </c>
      <c r="J31891" s="2">
        <v>0</v>
      </c>
      <c r="K31891" s="2">
        <v>1</v>
      </c>
      <c r="L31891" t="s">
        <v>995</v>
      </c>
      <c r="M31891" t="s">
        <v>87</v>
      </c>
      <c r="N31891" t="s">
        <v>88</v>
      </c>
      <c r="O31891" t="s">
        <v>85</v>
      </c>
      <c r="P31891" t="s">
        <v>86</v>
      </c>
      <c r="Q31891">
        <v>180</v>
      </c>
      <c r="R31891">
        <v>180</v>
      </c>
      <c r="S31891">
        <v>181</v>
      </c>
      <c r="T31891">
        <v>181</v>
      </c>
      <c r="U31891">
        <v>181</v>
      </c>
      <c r="V31891">
        <v>182</v>
      </c>
      <c r="W31891">
        <v>182</v>
      </c>
      <c r="X31891">
        <v>182</v>
      </c>
      <c r="Y31891">
        <v>183</v>
      </c>
      <c r="Z31891">
        <v>183</v>
      </c>
      <c r="AA31891">
        <v>183</v>
      </c>
      <c r="AB31891">
        <v>184</v>
      </c>
      <c r="AC31891">
        <v>184</v>
      </c>
      <c r="AD31891">
        <v>185</v>
      </c>
      <c r="AE31891">
        <v>185</v>
      </c>
      <c r="AF31891">
        <v>186</v>
      </c>
      <c r="AG31891">
        <v>186</v>
      </c>
      <c r="AH31891">
        <v>187</v>
      </c>
      <c r="AI31891">
        <v>187</v>
      </c>
      <c r="AJ31891">
        <v>188</v>
      </c>
      <c r="AK31891">
        <v>188</v>
      </c>
      <c r="AL31891">
        <v>189</v>
      </c>
      <c r="AM31891">
        <v>190</v>
      </c>
      <c r="AN31891">
        <v>190</v>
      </c>
      <c r="AO31891">
        <v>191</v>
      </c>
      <c r="AP31891">
        <v>192</v>
      </c>
      <c r="AQ31891">
        <v>193</v>
      </c>
    </row>
    <row r="31892" spans="1:43">
      <c r="A31892" t="s">
        <v>19757</v>
      </c>
      <c r="B31892" t="s">
        <v>19758</v>
      </c>
      <c r="C31892" t="s">
        <v>19759</v>
      </c>
      <c r="D31892" t="s">
        <v>19760</v>
      </c>
      <c r="E31892" t="s">
        <v>19721</v>
      </c>
      <c r="F31892" t="s">
        <v>19722</v>
      </c>
      <c r="G31892" t="s">
        <v>10734</v>
      </c>
      <c r="H31892" t="s">
        <v>10735</v>
      </c>
      <c r="I31892" s="2">
        <v>0</v>
      </c>
      <c r="J31892" s="2">
        <v>0</v>
      </c>
      <c r="K31892" s="2">
        <v>1</v>
      </c>
      <c r="L31892" t="s">
        <v>995</v>
      </c>
      <c r="M31892" t="s">
        <v>89</v>
      </c>
      <c r="N31892" t="s">
        <v>90</v>
      </c>
      <c r="O31892" t="s">
        <v>85</v>
      </c>
      <c r="P31892" t="s">
        <v>86</v>
      </c>
      <c r="Q31892">
        <v>180</v>
      </c>
      <c r="R31892">
        <v>184</v>
      </c>
      <c r="S31892">
        <v>187</v>
      </c>
      <c r="T31892">
        <v>191</v>
      </c>
      <c r="U31892">
        <v>194</v>
      </c>
      <c r="V31892">
        <v>197</v>
      </c>
      <c r="W31892">
        <v>200</v>
      </c>
      <c r="X31892">
        <v>203</v>
      </c>
      <c r="Y31892">
        <v>206</v>
      </c>
      <c r="Z31892">
        <v>209</v>
      </c>
      <c r="AA31892">
        <v>211</v>
      </c>
      <c r="AB31892">
        <v>214</v>
      </c>
      <c r="AC31892">
        <v>217</v>
      </c>
      <c r="AD31892">
        <v>219</v>
      </c>
      <c r="AE31892">
        <v>221</v>
      </c>
      <c r="AF31892">
        <v>221</v>
      </c>
      <c r="AG31892">
        <v>221</v>
      </c>
      <c r="AH31892">
        <v>221</v>
      </c>
      <c r="AI31892">
        <v>222</v>
      </c>
      <c r="AJ31892">
        <v>222</v>
      </c>
      <c r="AK31892">
        <v>222</v>
      </c>
      <c r="AL31892">
        <v>222</v>
      </c>
      <c r="AM31892">
        <v>223</v>
      </c>
      <c r="AN31892">
        <v>223</v>
      </c>
      <c r="AO31892">
        <v>223</v>
      </c>
      <c r="AP31892">
        <v>224</v>
      </c>
      <c r="AQ31892">
        <v>224</v>
      </c>
    </row>
    <row r="31893" spans="1:43">
      <c r="A31893" t="s">
        <v>19757</v>
      </c>
      <c r="B31893" t="s">
        <v>19758</v>
      </c>
      <c r="C31893" t="s">
        <v>19759</v>
      </c>
      <c r="D31893" t="s">
        <v>19760</v>
      </c>
      <c r="E31893" t="s">
        <v>19721</v>
      </c>
      <c r="F31893" t="s">
        <v>19722</v>
      </c>
      <c r="G31893" t="s">
        <v>10734</v>
      </c>
      <c r="H31893" t="s">
        <v>10735</v>
      </c>
      <c r="I31893" s="2">
        <v>0</v>
      </c>
      <c r="J31893" s="2">
        <v>0</v>
      </c>
      <c r="K31893" s="2">
        <v>1</v>
      </c>
      <c r="L31893" t="s">
        <v>995</v>
      </c>
      <c r="M31893" t="s">
        <v>83</v>
      </c>
      <c r="N31893" t="s">
        <v>91</v>
      </c>
      <c r="O31893" t="s">
        <v>85</v>
      </c>
      <c r="P31893" t="s">
        <v>86</v>
      </c>
      <c r="Q31893">
        <v>180</v>
      </c>
      <c r="R31893">
        <v>182</v>
      </c>
      <c r="S31893">
        <v>184</v>
      </c>
      <c r="T31893">
        <v>186</v>
      </c>
      <c r="U31893">
        <v>188</v>
      </c>
      <c r="V31893">
        <v>189</v>
      </c>
      <c r="W31893">
        <v>191</v>
      </c>
      <c r="X31893">
        <v>193</v>
      </c>
      <c r="Y31893">
        <v>195</v>
      </c>
      <c r="Z31893">
        <v>197</v>
      </c>
      <c r="AA31893">
        <v>199</v>
      </c>
      <c r="AB31893">
        <v>201</v>
      </c>
      <c r="AC31893">
        <v>203</v>
      </c>
      <c r="AD31893">
        <v>205</v>
      </c>
      <c r="AE31893">
        <v>207</v>
      </c>
      <c r="AF31893">
        <v>209</v>
      </c>
      <c r="AG31893">
        <v>211</v>
      </c>
      <c r="AH31893">
        <v>213</v>
      </c>
      <c r="AI31893">
        <v>215</v>
      </c>
      <c r="AJ31893">
        <v>217</v>
      </c>
      <c r="AK31893">
        <v>219</v>
      </c>
      <c r="AL31893">
        <v>220</v>
      </c>
      <c r="AM31893">
        <v>220</v>
      </c>
      <c r="AN31893">
        <v>220</v>
      </c>
      <c r="AO31893">
        <v>221</v>
      </c>
      <c r="AP31893">
        <v>221</v>
      </c>
      <c r="AQ31893">
        <v>222</v>
      </c>
    </row>
    <row r="31894" spans="1:43">
      <c r="A31894" t="s">
        <v>19761</v>
      </c>
      <c r="B31894" t="s">
        <v>19762</v>
      </c>
      <c r="C31894" t="s">
        <v>19755</v>
      </c>
      <c r="D31894" t="s">
        <v>19756</v>
      </c>
      <c r="E31894" t="s">
        <v>19721</v>
      </c>
      <c r="F31894" t="s">
        <v>19722</v>
      </c>
      <c r="G31894" t="s">
        <v>10734</v>
      </c>
      <c r="H31894" t="s">
        <v>10735</v>
      </c>
      <c r="I31894" s="2">
        <v>0</v>
      </c>
      <c r="J31894" s="2">
        <v>0</v>
      </c>
      <c r="K31894" s="2">
        <v>1</v>
      </c>
      <c r="L31894" t="s">
        <v>995</v>
      </c>
      <c r="M31894" t="s">
        <v>83</v>
      </c>
      <c r="N31894" t="s">
        <v>84</v>
      </c>
      <c r="O31894" t="s">
        <v>85</v>
      </c>
      <c r="P31894" t="s">
        <v>86</v>
      </c>
      <c r="Q31894">
        <v>6</v>
      </c>
      <c r="R31894">
        <v>6</v>
      </c>
      <c r="S31894">
        <v>6</v>
      </c>
      <c r="T31894">
        <v>6</v>
      </c>
      <c r="U31894">
        <v>6</v>
      </c>
      <c r="V31894">
        <v>6</v>
      </c>
      <c r="W31894">
        <v>6</v>
      </c>
      <c r="X31894">
        <v>6</v>
      </c>
      <c r="Y31894">
        <v>6</v>
      </c>
      <c r="Z31894">
        <v>6</v>
      </c>
      <c r="AA31894">
        <v>6</v>
      </c>
      <c r="AB31894">
        <v>6</v>
      </c>
      <c r="AC31894">
        <v>6</v>
      </c>
      <c r="AD31894">
        <v>6</v>
      </c>
      <c r="AE31894">
        <v>6</v>
      </c>
      <c r="AF31894">
        <v>6</v>
      </c>
      <c r="AG31894">
        <v>7</v>
      </c>
      <c r="AH31894">
        <v>7</v>
      </c>
      <c r="AI31894">
        <v>7</v>
      </c>
      <c r="AJ31894">
        <v>7</v>
      </c>
      <c r="AK31894">
        <v>7</v>
      </c>
      <c r="AL31894">
        <v>7</v>
      </c>
      <c r="AM31894">
        <v>7</v>
      </c>
      <c r="AN31894">
        <v>7</v>
      </c>
      <c r="AO31894">
        <v>7</v>
      </c>
      <c r="AP31894">
        <v>7</v>
      </c>
      <c r="AQ31894">
        <v>7</v>
      </c>
    </row>
    <row r="31895" spans="1:43">
      <c r="A31895" t="s">
        <v>19761</v>
      </c>
      <c r="B31895" t="s">
        <v>19762</v>
      </c>
      <c r="C31895" t="s">
        <v>19755</v>
      </c>
      <c r="D31895" t="s">
        <v>19756</v>
      </c>
      <c r="E31895" t="s">
        <v>19721</v>
      </c>
      <c r="F31895" t="s">
        <v>19722</v>
      </c>
      <c r="G31895" t="s">
        <v>10734</v>
      </c>
      <c r="H31895" t="s">
        <v>10735</v>
      </c>
      <c r="I31895" s="2">
        <v>0</v>
      </c>
      <c r="J31895" s="2">
        <v>0</v>
      </c>
      <c r="K31895" s="2">
        <v>1</v>
      </c>
      <c r="L31895" t="s">
        <v>995</v>
      </c>
      <c r="M31895" t="s">
        <v>87</v>
      </c>
      <c r="N31895" t="s">
        <v>88</v>
      </c>
      <c r="O31895" t="s">
        <v>85</v>
      </c>
      <c r="P31895" t="s">
        <v>86</v>
      </c>
      <c r="Q31895">
        <v>6</v>
      </c>
      <c r="R31895">
        <v>6</v>
      </c>
      <c r="S31895">
        <v>6</v>
      </c>
      <c r="T31895">
        <v>6</v>
      </c>
      <c r="U31895">
        <v>6</v>
      </c>
      <c r="V31895">
        <v>6</v>
      </c>
      <c r="W31895">
        <v>6</v>
      </c>
      <c r="X31895">
        <v>6</v>
      </c>
      <c r="Y31895">
        <v>6</v>
      </c>
      <c r="Z31895">
        <v>6</v>
      </c>
      <c r="AA31895">
        <v>6</v>
      </c>
      <c r="AB31895">
        <v>6</v>
      </c>
      <c r="AC31895">
        <v>6</v>
      </c>
      <c r="AD31895">
        <v>6</v>
      </c>
      <c r="AE31895">
        <v>6</v>
      </c>
      <c r="AF31895">
        <v>6</v>
      </c>
      <c r="AG31895">
        <v>6</v>
      </c>
      <c r="AH31895">
        <v>6</v>
      </c>
      <c r="AI31895">
        <v>6</v>
      </c>
      <c r="AJ31895">
        <v>6</v>
      </c>
      <c r="AK31895">
        <v>6</v>
      </c>
      <c r="AL31895">
        <v>6</v>
      </c>
      <c r="AM31895">
        <v>6</v>
      </c>
      <c r="AN31895">
        <v>6</v>
      </c>
      <c r="AO31895">
        <v>6</v>
      </c>
      <c r="AP31895">
        <v>6</v>
      </c>
      <c r="AQ31895">
        <v>6</v>
      </c>
    </row>
    <row r="31896" spans="1:43">
      <c r="A31896" t="s">
        <v>19761</v>
      </c>
      <c r="B31896" t="s">
        <v>19762</v>
      </c>
      <c r="C31896" t="s">
        <v>19755</v>
      </c>
      <c r="D31896" t="s">
        <v>19756</v>
      </c>
      <c r="E31896" t="s">
        <v>19721</v>
      </c>
      <c r="F31896" t="s">
        <v>19722</v>
      </c>
      <c r="G31896" t="s">
        <v>10734</v>
      </c>
      <c r="H31896" t="s">
        <v>10735</v>
      </c>
      <c r="I31896" s="2">
        <v>0</v>
      </c>
      <c r="J31896" s="2">
        <v>0</v>
      </c>
      <c r="K31896" s="2">
        <v>1</v>
      </c>
      <c r="L31896" t="s">
        <v>995</v>
      </c>
      <c r="M31896" t="s">
        <v>89</v>
      </c>
      <c r="N31896" t="s">
        <v>90</v>
      </c>
      <c r="O31896" t="s">
        <v>85</v>
      </c>
      <c r="P31896" t="s">
        <v>86</v>
      </c>
      <c r="Q31896">
        <v>6</v>
      </c>
      <c r="R31896">
        <v>6</v>
      </c>
      <c r="S31896">
        <v>6</v>
      </c>
      <c r="T31896">
        <v>6</v>
      </c>
      <c r="U31896">
        <v>6</v>
      </c>
      <c r="V31896">
        <v>6</v>
      </c>
      <c r="W31896">
        <v>6</v>
      </c>
      <c r="X31896">
        <v>6</v>
      </c>
      <c r="Y31896">
        <v>6</v>
      </c>
      <c r="Z31896">
        <v>7</v>
      </c>
      <c r="AA31896">
        <v>7</v>
      </c>
      <c r="AB31896">
        <v>7</v>
      </c>
      <c r="AC31896">
        <v>7</v>
      </c>
      <c r="AD31896">
        <v>7</v>
      </c>
      <c r="AE31896">
        <v>7</v>
      </c>
      <c r="AF31896">
        <v>7</v>
      </c>
      <c r="AG31896">
        <v>7</v>
      </c>
      <c r="AH31896">
        <v>7</v>
      </c>
      <c r="AI31896">
        <v>7</v>
      </c>
      <c r="AJ31896">
        <v>7</v>
      </c>
      <c r="AK31896">
        <v>7</v>
      </c>
      <c r="AL31896">
        <v>7</v>
      </c>
      <c r="AM31896">
        <v>7</v>
      </c>
      <c r="AN31896">
        <v>7</v>
      </c>
      <c r="AO31896">
        <v>7</v>
      </c>
      <c r="AP31896">
        <v>7</v>
      </c>
      <c r="AQ31896">
        <v>7</v>
      </c>
    </row>
    <row r="31897" spans="1:43">
      <c r="A31897" t="s">
        <v>19761</v>
      </c>
      <c r="B31897" t="s">
        <v>19762</v>
      </c>
      <c r="C31897" t="s">
        <v>19755</v>
      </c>
      <c r="D31897" t="s">
        <v>19756</v>
      </c>
      <c r="E31897" t="s">
        <v>19721</v>
      </c>
      <c r="F31897" t="s">
        <v>19722</v>
      </c>
      <c r="G31897" t="s">
        <v>10734</v>
      </c>
      <c r="H31897" t="s">
        <v>10735</v>
      </c>
      <c r="I31897" s="2">
        <v>0</v>
      </c>
      <c r="J31897" s="2">
        <v>0</v>
      </c>
      <c r="K31897" s="2">
        <v>1</v>
      </c>
      <c r="L31897" t="s">
        <v>995</v>
      </c>
      <c r="M31897" t="s">
        <v>83</v>
      </c>
      <c r="N31897" t="s">
        <v>91</v>
      </c>
      <c r="O31897" t="s">
        <v>85</v>
      </c>
      <c r="P31897" t="s">
        <v>86</v>
      </c>
      <c r="Q31897">
        <v>6</v>
      </c>
      <c r="R31897">
        <v>6</v>
      </c>
      <c r="S31897">
        <v>6</v>
      </c>
      <c r="T31897">
        <v>6</v>
      </c>
      <c r="U31897">
        <v>6</v>
      </c>
      <c r="V31897">
        <v>6</v>
      </c>
      <c r="W31897">
        <v>6</v>
      </c>
      <c r="X31897">
        <v>6</v>
      </c>
      <c r="Y31897">
        <v>6</v>
      </c>
      <c r="Z31897">
        <v>6</v>
      </c>
      <c r="AA31897">
        <v>6</v>
      </c>
      <c r="AB31897">
        <v>6</v>
      </c>
      <c r="AC31897">
        <v>6</v>
      </c>
      <c r="AD31897">
        <v>6</v>
      </c>
      <c r="AE31897">
        <v>6</v>
      </c>
      <c r="AF31897">
        <v>6</v>
      </c>
      <c r="AG31897">
        <v>7</v>
      </c>
      <c r="AH31897">
        <v>7</v>
      </c>
      <c r="AI31897">
        <v>7</v>
      </c>
      <c r="AJ31897">
        <v>7</v>
      </c>
      <c r="AK31897">
        <v>7</v>
      </c>
      <c r="AL31897">
        <v>7</v>
      </c>
      <c r="AM31897">
        <v>7</v>
      </c>
      <c r="AN31897">
        <v>7</v>
      </c>
      <c r="AO31897">
        <v>7</v>
      </c>
      <c r="AP31897">
        <v>7</v>
      </c>
      <c r="AQ31897">
        <v>7</v>
      </c>
    </row>
    <row r="31898" spans="1:43">
      <c r="A31898" t="s">
        <v>19763</v>
      </c>
      <c r="B31898" t="s">
        <v>19764</v>
      </c>
      <c r="C31898" t="s">
        <v>19759</v>
      </c>
      <c r="D31898" t="s">
        <v>19760</v>
      </c>
      <c r="E31898" t="s">
        <v>19721</v>
      </c>
      <c r="F31898" t="s">
        <v>19722</v>
      </c>
      <c r="G31898" t="s">
        <v>10734</v>
      </c>
      <c r="H31898" t="s">
        <v>10735</v>
      </c>
      <c r="I31898" s="2">
        <v>0</v>
      </c>
      <c r="J31898" s="2">
        <v>0</v>
      </c>
      <c r="K31898" s="2">
        <v>1</v>
      </c>
      <c r="L31898" t="s">
        <v>995</v>
      </c>
      <c r="M31898" t="s">
        <v>83</v>
      </c>
      <c r="N31898" t="s">
        <v>84</v>
      </c>
      <c r="O31898" t="s">
        <v>85</v>
      </c>
      <c r="P31898" t="s">
        <v>86</v>
      </c>
      <c r="Q31898">
        <v>16</v>
      </c>
      <c r="R31898">
        <v>16</v>
      </c>
      <c r="S31898">
        <v>16</v>
      </c>
      <c r="T31898">
        <v>17</v>
      </c>
      <c r="U31898">
        <v>17</v>
      </c>
      <c r="V31898">
        <v>17</v>
      </c>
      <c r="W31898">
        <v>17</v>
      </c>
      <c r="X31898">
        <v>17</v>
      </c>
      <c r="Y31898">
        <v>18</v>
      </c>
      <c r="Z31898">
        <v>18</v>
      </c>
      <c r="AA31898">
        <v>18</v>
      </c>
      <c r="AB31898">
        <v>18</v>
      </c>
      <c r="AC31898">
        <v>18</v>
      </c>
      <c r="AD31898">
        <v>18</v>
      </c>
      <c r="AE31898">
        <v>19</v>
      </c>
      <c r="AF31898">
        <v>19</v>
      </c>
      <c r="AG31898">
        <v>19</v>
      </c>
      <c r="AH31898">
        <v>19</v>
      </c>
      <c r="AI31898">
        <v>19</v>
      </c>
      <c r="AJ31898">
        <v>19</v>
      </c>
      <c r="AK31898">
        <v>20</v>
      </c>
      <c r="AL31898">
        <v>20</v>
      </c>
      <c r="AM31898">
        <v>20</v>
      </c>
      <c r="AN31898">
        <v>20</v>
      </c>
      <c r="AO31898">
        <v>20</v>
      </c>
      <c r="AP31898">
        <v>20</v>
      </c>
      <c r="AQ31898">
        <v>20</v>
      </c>
    </row>
    <row r="31899" spans="1:43">
      <c r="A31899" t="s">
        <v>19763</v>
      </c>
      <c r="B31899" t="s">
        <v>19764</v>
      </c>
      <c r="C31899" t="s">
        <v>19759</v>
      </c>
      <c r="D31899" t="s">
        <v>19760</v>
      </c>
      <c r="E31899" t="s">
        <v>19721</v>
      </c>
      <c r="F31899" t="s">
        <v>19722</v>
      </c>
      <c r="G31899" t="s">
        <v>10734</v>
      </c>
      <c r="H31899" t="s">
        <v>10735</v>
      </c>
      <c r="I31899" s="2">
        <v>0</v>
      </c>
      <c r="J31899" s="2">
        <v>0</v>
      </c>
      <c r="K31899" s="2">
        <v>1</v>
      </c>
      <c r="L31899" t="s">
        <v>995</v>
      </c>
      <c r="M31899" t="s">
        <v>87</v>
      </c>
      <c r="N31899" t="s">
        <v>88</v>
      </c>
      <c r="O31899" t="s">
        <v>85</v>
      </c>
      <c r="P31899" t="s">
        <v>86</v>
      </c>
      <c r="Q31899">
        <v>16</v>
      </c>
      <c r="R31899">
        <v>16</v>
      </c>
      <c r="S31899">
        <v>16</v>
      </c>
      <c r="T31899">
        <v>16</v>
      </c>
      <c r="U31899">
        <v>16</v>
      </c>
      <c r="V31899">
        <v>16</v>
      </c>
      <c r="W31899">
        <v>16</v>
      </c>
      <c r="X31899">
        <v>16</v>
      </c>
      <c r="Y31899">
        <v>16</v>
      </c>
      <c r="Z31899">
        <v>16</v>
      </c>
      <c r="AA31899">
        <v>16</v>
      </c>
      <c r="AB31899">
        <v>16</v>
      </c>
      <c r="AC31899">
        <v>16</v>
      </c>
      <c r="AD31899">
        <v>16</v>
      </c>
      <c r="AE31899">
        <v>16</v>
      </c>
      <c r="AF31899">
        <v>16</v>
      </c>
      <c r="AG31899">
        <v>17</v>
      </c>
      <c r="AH31899">
        <v>17</v>
      </c>
      <c r="AI31899">
        <v>17</v>
      </c>
      <c r="AJ31899">
        <v>17</v>
      </c>
      <c r="AK31899">
        <v>17</v>
      </c>
      <c r="AL31899">
        <v>17</v>
      </c>
      <c r="AM31899">
        <v>17</v>
      </c>
      <c r="AN31899">
        <v>17</v>
      </c>
      <c r="AO31899">
        <v>17</v>
      </c>
      <c r="AP31899">
        <v>17</v>
      </c>
      <c r="AQ31899">
        <v>17</v>
      </c>
    </row>
    <row r="31900" spans="1:43">
      <c r="A31900" t="s">
        <v>19763</v>
      </c>
      <c r="B31900" t="s">
        <v>19764</v>
      </c>
      <c r="C31900" t="s">
        <v>19759</v>
      </c>
      <c r="D31900" t="s">
        <v>19760</v>
      </c>
      <c r="E31900" t="s">
        <v>19721</v>
      </c>
      <c r="F31900" t="s">
        <v>19722</v>
      </c>
      <c r="G31900" t="s">
        <v>10734</v>
      </c>
      <c r="H31900" t="s">
        <v>10735</v>
      </c>
      <c r="I31900" s="2">
        <v>0</v>
      </c>
      <c r="J31900" s="2">
        <v>0</v>
      </c>
      <c r="K31900" s="2">
        <v>1</v>
      </c>
      <c r="L31900" t="s">
        <v>995</v>
      </c>
      <c r="M31900" t="s">
        <v>89</v>
      </c>
      <c r="N31900" t="s">
        <v>90</v>
      </c>
      <c r="O31900" t="s">
        <v>85</v>
      </c>
      <c r="P31900" t="s">
        <v>86</v>
      </c>
      <c r="Q31900">
        <v>16</v>
      </c>
      <c r="R31900">
        <v>17</v>
      </c>
      <c r="S31900">
        <v>17</v>
      </c>
      <c r="T31900">
        <v>17</v>
      </c>
      <c r="U31900">
        <v>18</v>
      </c>
      <c r="V31900">
        <v>18</v>
      </c>
      <c r="W31900">
        <v>18</v>
      </c>
      <c r="X31900">
        <v>18</v>
      </c>
      <c r="Y31900">
        <v>19</v>
      </c>
      <c r="Z31900">
        <v>19</v>
      </c>
      <c r="AA31900">
        <v>19</v>
      </c>
      <c r="AB31900">
        <v>19</v>
      </c>
      <c r="AC31900">
        <v>20</v>
      </c>
      <c r="AD31900">
        <v>20</v>
      </c>
      <c r="AE31900">
        <v>20</v>
      </c>
      <c r="AF31900">
        <v>20</v>
      </c>
      <c r="AG31900">
        <v>20</v>
      </c>
      <c r="AH31900">
        <v>20</v>
      </c>
      <c r="AI31900">
        <v>20</v>
      </c>
      <c r="AJ31900">
        <v>20</v>
      </c>
      <c r="AK31900">
        <v>20</v>
      </c>
      <c r="AL31900">
        <v>20</v>
      </c>
      <c r="AM31900">
        <v>20</v>
      </c>
      <c r="AN31900">
        <v>20</v>
      </c>
      <c r="AO31900">
        <v>20</v>
      </c>
      <c r="AP31900">
        <v>20</v>
      </c>
      <c r="AQ31900">
        <v>20</v>
      </c>
    </row>
    <row r="31901" spans="1:43">
      <c r="A31901" t="s">
        <v>19763</v>
      </c>
      <c r="B31901" t="s">
        <v>19764</v>
      </c>
      <c r="C31901" t="s">
        <v>19759</v>
      </c>
      <c r="D31901" t="s">
        <v>19760</v>
      </c>
      <c r="E31901" t="s">
        <v>19721</v>
      </c>
      <c r="F31901" t="s">
        <v>19722</v>
      </c>
      <c r="G31901" t="s">
        <v>10734</v>
      </c>
      <c r="H31901" t="s">
        <v>10735</v>
      </c>
      <c r="I31901" s="2">
        <v>0</v>
      </c>
      <c r="J31901" s="2">
        <v>0</v>
      </c>
      <c r="K31901" s="2">
        <v>1</v>
      </c>
      <c r="L31901" t="s">
        <v>995</v>
      </c>
      <c r="M31901" t="s">
        <v>83</v>
      </c>
      <c r="N31901" t="s">
        <v>91</v>
      </c>
      <c r="O31901" t="s">
        <v>85</v>
      </c>
      <c r="P31901" t="s">
        <v>86</v>
      </c>
      <c r="Q31901">
        <v>16</v>
      </c>
      <c r="R31901">
        <v>16</v>
      </c>
      <c r="S31901">
        <v>16</v>
      </c>
      <c r="T31901">
        <v>17</v>
      </c>
      <c r="U31901">
        <v>17</v>
      </c>
      <c r="V31901">
        <v>17</v>
      </c>
      <c r="W31901">
        <v>17</v>
      </c>
      <c r="X31901">
        <v>17</v>
      </c>
      <c r="Y31901">
        <v>18</v>
      </c>
      <c r="Z31901">
        <v>18</v>
      </c>
      <c r="AA31901">
        <v>18</v>
      </c>
      <c r="AB31901">
        <v>18</v>
      </c>
      <c r="AC31901">
        <v>18</v>
      </c>
      <c r="AD31901">
        <v>18</v>
      </c>
      <c r="AE31901">
        <v>19</v>
      </c>
      <c r="AF31901">
        <v>19</v>
      </c>
      <c r="AG31901">
        <v>19</v>
      </c>
      <c r="AH31901">
        <v>19</v>
      </c>
      <c r="AI31901">
        <v>19</v>
      </c>
      <c r="AJ31901">
        <v>19</v>
      </c>
      <c r="AK31901">
        <v>20</v>
      </c>
      <c r="AL31901">
        <v>20</v>
      </c>
      <c r="AM31901">
        <v>20</v>
      </c>
      <c r="AN31901">
        <v>20</v>
      </c>
      <c r="AO31901">
        <v>20</v>
      </c>
      <c r="AP31901">
        <v>20</v>
      </c>
      <c r="AQ31901">
        <v>20</v>
      </c>
    </row>
    <row r="31902" spans="1:43">
      <c r="A31902" t="s">
        <v>19765</v>
      </c>
      <c r="B31902" t="s">
        <v>19766</v>
      </c>
      <c r="C31902" t="s">
        <v>19759</v>
      </c>
      <c r="D31902" t="s">
        <v>19760</v>
      </c>
      <c r="E31902" t="s">
        <v>19721</v>
      </c>
      <c r="F31902" t="s">
        <v>19722</v>
      </c>
      <c r="G31902" t="s">
        <v>10734</v>
      </c>
      <c r="H31902" t="s">
        <v>10735</v>
      </c>
      <c r="I31902" s="2">
        <v>0</v>
      </c>
      <c r="J31902" s="2">
        <v>0</v>
      </c>
      <c r="K31902" s="2">
        <v>1</v>
      </c>
      <c r="L31902" t="s">
        <v>995</v>
      </c>
      <c r="M31902" t="s">
        <v>83</v>
      </c>
      <c r="N31902" t="s">
        <v>84</v>
      </c>
      <c r="O31902" t="s">
        <v>85</v>
      </c>
      <c r="P31902" t="s">
        <v>86</v>
      </c>
      <c r="Q31902">
        <v>47</v>
      </c>
      <c r="R31902">
        <v>48</v>
      </c>
      <c r="S31902">
        <v>48</v>
      </c>
      <c r="T31902">
        <v>49</v>
      </c>
      <c r="U31902">
        <v>49</v>
      </c>
      <c r="V31902">
        <v>50</v>
      </c>
      <c r="W31902">
        <v>50</v>
      </c>
      <c r="X31902">
        <v>51</v>
      </c>
      <c r="Y31902">
        <v>51</v>
      </c>
      <c r="Z31902">
        <v>52</v>
      </c>
      <c r="AA31902">
        <v>52</v>
      </c>
      <c r="AB31902">
        <v>53</v>
      </c>
      <c r="AC31902">
        <v>53</v>
      </c>
      <c r="AD31902">
        <v>54</v>
      </c>
      <c r="AE31902">
        <v>55</v>
      </c>
      <c r="AF31902">
        <v>55</v>
      </c>
      <c r="AG31902">
        <v>56</v>
      </c>
      <c r="AH31902">
        <v>56</v>
      </c>
      <c r="AI31902">
        <v>57</v>
      </c>
      <c r="AJ31902">
        <v>57</v>
      </c>
      <c r="AK31902">
        <v>58</v>
      </c>
      <c r="AL31902">
        <v>58</v>
      </c>
      <c r="AM31902">
        <v>58</v>
      </c>
      <c r="AN31902">
        <v>58</v>
      </c>
      <c r="AO31902">
        <v>58</v>
      </c>
      <c r="AP31902">
        <v>58</v>
      </c>
      <c r="AQ31902">
        <v>59</v>
      </c>
    </row>
    <row r="31903" spans="1:43">
      <c r="A31903" t="s">
        <v>19765</v>
      </c>
      <c r="B31903" t="s">
        <v>19766</v>
      </c>
      <c r="C31903" t="s">
        <v>19759</v>
      </c>
      <c r="D31903" t="s">
        <v>19760</v>
      </c>
      <c r="E31903" t="s">
        <v>19721</v>
      </c>
      <c r="F31903" t="s">
        <v>19722</v>
      </c>
      <c r="G31903" t="s">
        <v>10734</v>
      </c>
      <c r="H31903" t="s">
        <v>10735</v>
      </c>
      <c r="I31903" s="2">
        <v>0</v>
      </c>
      <c r="J31903" s="2">
        <v>0</v>
      </c>
      <c r="K31903" s="2">
        <v>1</v>
      </c>
      <c r="L31903" t="s">
        <v>995</v>
      </c>
      <c r="M31903" t="s">
        <v>87</v>
      </c>
      <c r="N31903" t="s">
        <v>88</v>
      </c>
      <c r="O31903" t="s">
        <v>85</v>
      </c>
      <c r="P31903" t="s">
        <v>86</v>
      </c>
      <c r="Q31903">
        <v>47</v>
      </c>
      <c r="R31903">
        <v>47</v>
      </c>
      <c r="S31903">
        <v>47</v>
      </c>
      <c r="T31903">
        <v>47</v>
      </c>
      <c r="U31903">
        <v>47</v>
      </c>
      <c r="V31903">
        <v>47</v>
      </c>
      <c r="W31903">
        <v>47</v>
      </c>
      <c r="X31903">
        <v>47</v>
      </c>
      <c r="Y31903">
        <v>48</v>
      </c>
      <c r="Z31903">
        <v>48</v>
      </c>
      <c r="AA31903">
        <v>48</v>
      </c>
      <c r="AB31903">
        <v>48</v>
      </c>
      <c r="AC31903">
        <v>48</v>
      </c>
      <c r="AD31903">
        <v>48</v>
      </c>
      <c r="AE31903">
        <v>48</v>
      </c>
      <c r="AF31903">
        <v>48</v>
      </c>
      <c r="AG31903">
        <v>49</v>
      </c>
      <c r="AH31903">
        <v>49</v>
      </c>
      <c r="AI31903">
        <v>49</v>
      </c>
      <c r="AJ31903">
        <v>49</v>
      </c>
      <c r="AK31903">
        <v>49</v>
      </c>
      <c r="AL31903">
        <v>49</v>
      </c>
      <c r="AM31903">
        <v>50</v>
      </c>
      <c r="AN31903">
        <v>50</v>
      </c>
      <c r="AO31903">
        <v>50</v>
      </c>
      <c r="AP31903">
        <v>50</v>
      </c>
      <c r="AQ31903">
        <v>50</v>
      </c>
    </row>
    <row r="31904" spans="1:43">
      <c r="A31904" t="s">
        <v>19765</v>
      </c>
      <c r="B31904" t="s">
        <v>19766</v>
      </c>
      <c r="C31904" t="s">
        <v>19759</v>
      </c>
      <c r="D31904" t="s">
        <v>19760</v>
      </c>
      <c r="E31904" t="s">
        <v>19721</v>
      </c>
      <c r="F31904" t="s">
        <v>19722</v>
      </c>
      <c r="G31904" t="s">
        <v>10734</v>
      </c>
      <c r="H31904" t="s">
        <v>10735</v>
      </c>
      <c r="I31904" s="2">
        <v>0</v>
      </c>
      <c r="J31904" s="2">
        <v>0</v>
      </c>
      <c r="K31904" s="2">
        <v>1</v>
      </c>
      <c r="L31904" t="s">
        <v>995</v>
      </c>
      <c r="M31904" t="s">
        <v>89</v>
      </c>
      <c r="N31904" t="s">
        <v>90</v>
      </c>
      <c r="O31904" t="s">
        <v>85</v>
      </c>
      <c r="P31904" t="s">
        <v>86</v>
      </c>
      <c r="Q31904">
        <v>47</v>
      </c>
      <c r="R31904">
        <v>48</v>
      </c>
      <c r="S31904">
        <v>49</v>
      </c>
      <c r="T31904">
        <v>49</v>
      </c>
      <c r="U31904">
        <v>50</v>
      </c>
      <c r="V31904">
        <v>51</v>
      </c>
      <c r="W31904">
        <v>52</v>
      </c>
      <c r="X31904">
        <v>53</v>
      </c>
      <c r="Y31904">
        <v>53</v>
      </c>
      <c r="Z31904">
        <v>54</v>
      </c>
      <c r="AA31904">
        <v>55</v>
      </c>
      <c r="AB31904">
        <v>56</v>
      </c>
      <c r="AC31904">
        <v>56</v>
      </c>
      <c r="AD31904">
        <v>57</v>
      </c>
      <c r="AE31904">
        <v>57</v>
      </c>
      <c r="AF31904">
        <v>58</v>
      </c>
      <c r="AG31904">
        <v>58</v>
      </c>
      <c r="AH31904">
        <v>58</v>
      </c>
      <c r="AI31904">
        <v>58</v>
      </c>
      <c r="AJ31904">
        <v>58</v>
      </c>
      <c r="AK31904">
        <v>58</v>
      </c>
      <c r="AL31904">
        <v>58</v>
      </c>
      <c r="AM31904">
        <v>58</v>
      </c>
      <c r="AN31904">
        <v>58</v>
      </c>
      <c r="AO31904">
        <v>58</v>
      </c>
      <c r="AP31904">
        <v>58</v>
      </c>
      <c r="AQ31904">
        <v>59</v>
      </c>
    </row>
    <row r="31905" spans="1:43">
      <c r="A31905" t="s">
        <v>19765</v>
      </c>
      <c r="B31905" t="s">
        <v>19766</v>
      </c>
      <c r="C31905" t="s">
        <v>19759</v>
      </c>
      <c r="D31905" t="s">
        <v>19760</v>
      </c>
      <c r="E31905" t="s">
        <v>19721</v>
      </c>
      <c r="F31905" t="s">
        <v>19722</v>
      </c>
      <c r="G31905" t="s">
        <v>10734</v>
      </c>
      <c r="H31905" t="s">
        <v>10735</v>
      </c>
      <c r="I31905" s="2">
        <v>0</v>
      </c>
      <c r="J31905" s="2">
        <v>0</v>
      </c>
      <c r="K31905" s="2">
        <v>1</v>
      </c>
      <c r="L31905" t="s">
        <v>995</v>
      </c>
      <c r="M31905" t="s">
        <v>83</v>
      </c>
      <c r="N31905" t="s">
        <v>91</v>
      </c>
      <c r="O31905" t="s">
        <v>85</v>
      </c>
      <c r="P31905" t="s">
        <v>86</v>
      </c>
      <c r="Q31905">
        <v>47</v>
      </c>
      <c r="R31905">
        <v>48</v>
      </c>
      <c r="S31905">
        <v>48</v>
      </c>
      <c r="T31905">
        <v>49</v>
      </c>
      <c r="U31905">
        <v>49</v>
      </c>
      <c r="V31905">
        <v>50</v>
      </c>
      <c r="W31905">
        <v>50</v>
      </c>
      <c r="X31905">
        <v>51</v>
      </c>
      <c r="Y31905">
        <v>51</v>
      </c>
      <c r="Z31905">
        <v>52</v>
      </c>
      <c r="AA31905">
        <v>52</v>
      </c>
      <c r="AB31905">
        <v>53</v>
      </c>
      <c r="AC31905">
        <v>53</v>
      </c>
      <c r="AD31905">
        <v>54</v>
      </c>
      <c r="AE31905">
        <v>55</v>
      </c>
      <c r="AF31905">
        <v>55</v>
      </c>
      <c r="AG31905">
        <v>56</v>
      </c>
      <c r="AH31905">
        <v>56</v>
      </c>
      <c r="AI31905">
        <v>57</v>
      </c>
      <c r="AJ31905">
        <v>57</v>
      </c>
      <c r="AK31905">
        <v>58</v>
      </c>
      <c r="AL31905">
        <v>58</v>
      </c>
      <c r="AM31905">
        <v>58</v>
      </c>
      <c r="AN31905">
        <v>58</v>
      </c>
      <c r="AO31905">
        <v>58</v>
      </c>
      <c r="AP31905">
        <v>58</v>
      </c>
      <c r="AQ31905">
        <v>59</v>
      </c>
    </row>
    <row r="31906" spans="1:43">
      <c r="A31906" t="s">
        <v>19767</v>
      </c>
      <c r="B31906" t="s">
        <v>19768</v>
      </c>
      <c r="C31906" t="s">
        <v>19769</v>
      </c>
      <c r="D31906" t="s">
        <v>19770</v>
      </c>
      <c r="E31906" t="s">
        <v>19721</v>
      </c>
      <c r="F31906" t="s">
        <v>19722</v>
      </c>
      <c r="G31906" t="s">
        <v>10734</v>
      </c>
      <c r="H31906" t="s">
        <v>10735</v>
      </c>
      <c r="I31906" s="2">
        <v>0</v>
      </c>
      <c r="J31906" s="2">
        <v>0</v>
      </c>
      <c r="K31906" s="2">
        <v>1</v>
      </c>
      <c r="L31906" t="s">
        <v>995</v>
      </c>
      <c r="M31906" t="s">
        <v>83</v>
      </c>
      <c r="N31906" t="s">
        <v>84</v>
      </c>
      <c r="O31906" t="s">
        <v>85</v>
      </c>
      <c r="P31906" t="s">
        <v>86</v>
      </c>
      <c r="Q31906">
        <v>8</v>
      </c>
      <c r="R31906">
        <v>8</v>
      </c>
      <c r="S31906">
        <v>8</v>
      </c>
      <c r="T31906">
        <v>8</v>
      </c>
      <c r="U31906">
        <v>8</v>
      </c>
      <c r="V31906">
        <v>9</v>
      </c>
      <c r="W31906">
        <v>9</v>
      </c>
      <c r="X31906">
        <v>9</v>
      </c>
      <c r="Y31906">
        <v>9</v>
      </c>
      <c r="Z31906">
        <v>9</v>
      </c>
      <c r="AA31906">
        <v>9</v>
      </c>
      <c r="AB31906">
        <v>9</v>
      </c>
      <c r="AC31906">
        <v>9</v>
      </c>
      <c r="AD31906">
        <v>9</v>
      </c>
      <c r="AE31906">
        <v>9</v>
      </c>
      <c r="AF31906">
        <v>9</v>
      </c>
      <c r="AG31906">
        <v>9</v>
      </c>
      <c r="AH31906">
        <v>10</v>
      </c>
      <c r="AI31906">
        <v>10</v>
      </c>
      <c r="AJ31906">
        <v>10</v>
      </c>
      <c r="AK31906">
        <v>10</v>
      </c>
      <c r="AL31906">
        <v>10</v>
      </c>
      <c r="AM31906">
        <v>10</v>
      </c>
      <c r="AN31906">
        <v>10</v>
      </c>
      <c r="AO31906">
        <v>10</v>
      </c>
      <c r="AP31906">
        <v>10</v>
      </c>
      <c r="AQ31906">
        <v>10</v>
      </c>
    </row>
    <row r="31907" spans="1:43">
      <c r="A31907" t="s">
        <v>19767</v>
      </c>
      <c r="B31907" t="s">
        <v>19768</v>
      </c>
      <c r="C31907" t="s">
        <v>19769</v>
      </c>
      <c r="D31907" t="s">
        <v>19770</v>
      </c>
      <c r="E31907" t="s">
        <v>19721</v>
      </c>
      <c r="F31907" t="s">
        <v>19722</v>
      </c>
      <c r="G31907" t="s">
        <v>10734</v>
      </c>
      <c r="H31907" t="s">
        <v>10735</v>
      </c>
      <c r="I31907" s="2">
        <v>0</v>
      </c>
      <c r="J31907" s="2">
        <v>0</v>
      </c>
      <c r="K31907" s="2">
        <v>1</v>
      </c>
      <c r="L31907" t="s">
        <v>995</v>
      </c>
      <c r="M31907" t="s">
        <v>87</v>
      </c>
      <c r="N31907" t="s">
        <v>88</v>
      </c>
      <c r="O31907" t="s">
        <v>85</v>
      </c>
      <c r="P31907" t="s">
        <v>86</v>
      </c>
      <c r="Q31907">
        <v>8</v>
      </c>
      <c r="R31907">
        <v>8</v>
      </c>
      <c r="S31907">
        <v>8</v>
      </c>
      <c r="T31907">
        <v>8</v>
      </c>
      <c r="U31907">
        <v>8</v>
      </c>
      <c r="V31907">
        <v>8</v>
      </c>
      <c r="W31907">
        <v>8</v>
      </c>
      <c r="X31907">
        <v>8</v>
      </c>
      <c r="Y31907">
        <v>8</v>
      </c>
      <c r="Z31907">
        <v>8</v>
      </c>
      <c r="AA31907">
        <v>8</v>
      </c>
      <c r="AB31907">
        <v>8</v>
      </c>
      <c r="AC31907">
        <v>8</v>
      </c>
      <c r="AD31907">
        <v>8</v>
      </c>
      <c r="AE31907">
        <v>8</v>
      </c>
      <c r="AF31907">
        <v>8</v>
      </c>
      <c r="AG31907">
        <v>8</v>
      </c>
      <c r="AH31907">
        <v>8</v>
      </c>
      <c r="AI31907">
        <v>8</v>
      </c>
      <c r="AJ31907">
        <v>8</v>
      </c>
      <c r="AK31907">
        <v>8</v>
      </c>
      <c r="AL31907">
        <v>8</v>
      </c>
      <c r="AM31907">
        <v>9</v>
      </c>
      <c r="AN31907">
        <v>9</v>
      </c>
      <c r="AO31907">
        <v>9</v>
      </c>
      <c r="AP31907">
        <v>9</v>
      </c>
      <c r="AQ31907">
        <v>9</v>
      </c>
    </row>
    <row r="31908" spans="1:43">
      <c r="A31908" t="s">
        <v>19767</v>
      </c>
      <c r="B31908" t="s">
        <v>19768</v>
      </c>
      <c r="C31908" t="s">
        <v>19769</v>
      </c>
      <c r="D31908" t="s">
        <v>19770</v>
      </c>
      <c r="E31908" t="s">
        <v>19721</v>
      </c>
      <c r="F31908" t="s">
        <v>19722</v>
      </c>
      <c r="G31908" t="s">
        <v>10734</v>
      </c>
      <c r="H31908" t="s">
        <v>10735</v>
      </c>
      <c r="I31908" s="2">
        <v>0</v>
      </c>
      <c r="J31908" s="2">
        <v>0</v>
      </c>
      <c r="K31908" s="2">
        <v>1</v>
      </c>
      <c r="L31908" t="s">
        <v>995</v>
      </c>
      <c r="M31908" t="s">
        <v>89</v>
      </c>
      <c r="N31908" t="s">
        <v>90</v>
      </c>
      <c r="O31908" t="s">
        <v>85</v>
      </c>
      <c r="P31908" t="s">
        <v>86</v>
      </c>
      <c r="Q31908">
        <v>8</v>
      </c>
      <c r="R31908">
        <v>8</v>
      </c>
      <c r="S31908">
        <v>8</v>
      </c>
      <c r="T31908">
        <v>9</v>
      </c>
      <c r="U31908">
        <v>9</v>
      </c>
      <c r="V31908">
        <v>9</v>
      </c>
      <c r="W31908">
        <v>9</v>
      </c>
      <c r="X31908">
        <v>9</v>
      </c>
      <c r="Y31908">
        <v>9</v>
      </c>
      <c r="Z31908">
        <v>9</v>
      </c>
      <c r="AA31908">
        <v>10</v>
      </c>
      <c r="AB31908">
        <v>10</v>
      </c>
      <c r="AC31908">
        <v>10</v>
      </c>
      <c r="AD31908">
        <v>10</v>
      </c>
      <c r="AE31908">
        <v>10</v>
      </c>
      <c r="AF31908">
        <v>10</v>
      </c>
      <c r="AG31908">
        <v>10</v>
      </c>
      <c r="AH31908">
        <v>10</v>
      </c>
      <c r="AI31908">
        <v>10</v>
      </c>
      <c r="AJ31908">
        <v>10</v>
      </c>
      <c r="AK31908">
        <v>10</v>
      </c>
      <c r="AL31908">
        <v>10</v>
      </c>
      <c r="AM31908">
        <v>10</v>
      </c>
      <c r="AN31908">
        <v>10</v>
      </c>
      <c r="AO31908">
        <v>10</v>
      </c>
      <c r="AP31908">
        <v>10</v>
      </c>
      <c r="AQ31908">
        <v>10</v>
      </c>
    </row>
    <row r="31909" spans="1:43">
      <c r="A31909" t="s">
        <v>19767</v>
      </c>
      <c r="B31909" t="s">
        <v>19768</v>
      </c>
      <c r="C31909" t="s">
        <v>19769</v>
      </c>
      <c r="D31909" t="s">
        <v>19770</v>
      </c>
      <c r="E31909" t="s">
        <v>19721</v>
      </c>
      <c r="F31909" t="s">
        <v>19722</v>
      </c>
      <c r="G31909" t="s">
        <v>10734</v>
      </c>
      <c r="H31909" t="s">
        <v>10735</v>
      </c>
      <c r="I31909" s="2">
        <v>0</v>
      </c>
      <c r="J31909" s="2">
        <v>0</v>
      </c>
      <c r="K31909" s="2">
        <v>1</v>
      </c>
      <c r="L31909" t="s">
        <v>995</v>
      </c>
      <c r="M31909" t="s">
        <v>83</v>
      </c>
      <c r="N31909" t="s">
        <v>91</v>
      </c>
      <c r="O31909" t="s">
        <v>85</v>
      </c>
      <c r="P31909" t="s">
        <v>86</v>
      </c>
      <c r="Q31909">
        <v>8</v>
      </c>
      <c r="R31909">
        <v>8</v>
      </c>
      <c r="S31909">
        <v>8</v>
      </c>
      <c r="T31909">
        <v>8</v>
      </c>
      <c r="U31909">
        <v>8</v>
      </c>
      <c r="V31909">
        <v>9</v>
      </c>
      <c r="W31909">
        <v>9</v>
      </c>
      <c r="X31909">
        <v>9</v>
      </c>
      <c r="Y31909">
        <v>9</v>
      </c>
      <c r="Z31909">
        <v>9</v>
      </c>
      <c r="AA31909">
        <v>9</v>
      </c>
      <c r="AB31909">
        <v>9</v>
      </c>
      <c r="AC31909">
        <v>9</v>
      </c>
      <c r="AD31909">
        <v>9</v>
      </c>
      <c r="AE31909">
        <v>9</v>
      </c>
      <c r="AF31909">
        <v>9</v>
      </c>
      <c r="AG31909">
        <v>9</v>
      </c>
      <c r="AH31909">
        <v>10</v>
      </c>
      <c r="AI31909">
        <v>10</v>
      </c>
      <c r="AJ31909">
        <v>10</v>
      </c>
      <c r="AK31909">
        <v>10</v>
      </c>
      <c r="AL31909">
        <v>10</v>
      </c>
      <c r="AM31909">
        <v>10</v>
      </c>
      <c r="AN31909">
        <v>10</v>
      </c>
      <c r="AO31909">
        <v>10</v>
      </c>
      <c r="AP31909">
        <v>10</v>
      </c>
      <c r="AQ31909">
        <v>10</v>
      </c>
    </row>
    <row r="31910" spans="1:43">
      <c r="A31910" t="s">
        <v>19771</v>
      </c>
      <c r="B31910" t="s">
        <v>19772</v>
      </c>
      <c r="C31910" t="s">
        <v>19769</v>
      </c>
      <c r="D31910" t="s">
        <v>19770</v>
      </c>
      <c r="E31910" t="s">
        <v>19721</v>
      </c>
      <c r="F31910" t="s">
        <v>19722</v>
      </c>
      <c r="G31910" t="s">
        <v>10734</v>
      </c>
      <c r="H31910" t="s">
        <v>10735</v>
      </c>
      <c r="I31910" s="2">
        <v>0</v>
      </c>
      <c r="J31910" s="2">
        <v>0</v>
      </c>
      <c r="K31910" s="2">
        <v>1</v>
      </c>
      <c r="L31910" t="s">
        <v>995</v>
      </c>
      <c r="M31910" t="s">
        <v>83</v>
      </c>
      <c r="N31910" t="s">
        <v>84</v>
      </c>
      <c r="O31910" t="s">
        <v>85</v>
      </c>
      <c r="P31910" t="s">
        <v>86</v>
      </c>
      <c r="Q31910">
        <v>47</v>
      </c>
      <c r="R31910">
        <v>48</v>
      </c>
      <c r="S31910">
        <v>48</v>
      </c>
      <c r="T31910">
        <v>49</v>
      </c>
      <c r="U31910">
        <v>49</v>
      </c>
      <c r="V31910">
        <v>50</v>
      </c>
      <c r="W31910">
        <v>50</v>
      </c>
      <c r="X31910">
        <v>51</v>
      </c>
      <c r="Y31910">
        <v>51</v>
      </c>
      <c r="Z31910">
        <v>52</v>
      </c>
      <c r="AA31910">
        <v>52</v>
      </c>
      <c r="AB31910">
        <v>53</v>
      </c>
      <c r="AC31910">
        <v>53</v>
      </c>
      <c r="AD31910">
        <v>54</v>
      </c>
      <c r="AE31910">
        <v>54</v>
      </c>
      <c r="AF31910">
        <v>55</v>
      </c>
      <c r="AG31910">
        <v>55</v>
      </c>
      <c r="AH31910">
        <v>56</v>
      </c>
      <c r="AI31910">
        <v>56</v>
      </c>
      <c r="AJ31910">
        <v>57</v>
      </c>
      <c r="AK31910">
        <v>57</v>
      </c>
      <c r="AL31910">
        <v>58</v>
      </c>
      <c r="AM31910">
        <v>58</v>
      </c>
      <c r="AN31910">
        <v>58</v>
      </c>
      <c r="AO31910">
        <v>58</v>
      </c>
      <c r="AP31910">
        <v>58</v>
      </c>
      <c r="AQ31910">
        <v>58</v>
      </c>
    </row>
    <row r="31911" spans="1:43">
      <c r="A31911" t="s">
        <v>19771</v>
      </c>
      <c r="B31911" t="s">
        <v>19772</v>
      </c>
      <c r="C31911" t="s">
        <v>19769</v>
      </c>
      <c r="D31911" t="s">
        <v>19770</v>
      </c>
      <c r="E31911" t="s">
        <v>19721</v>
      </c>
      <c r="F31911" t="s">
        <v>19722</v>
      </c>
      <c r="G31911" t="s">
        <v>10734</v>
      </c>
      <c r="H31911" t="s">
        <v>10735</v>
      </c>
      <c r="I31911" s="2">
        <v>0</v>
      </c>
      <c r="J31911" s="2">
        <v>0</v>
      </c>
      <c r="K31911" s="2">
        <v>1</v>
      </c>
      <c r="L31911" t="s">
        <v>995</v>
      </c>
      <c r="M31911" t="s">
        <v>87</v>
      </c>
      <c r="N31911" t="s">
        <v>88</v>
      </c>
      <c r="O31911" t="s">
        <v>85</v>
      </c>
      <c r="P31911" t="s">
        <v>86</v>
      </c>
      <c r="Q31911">
        <v>47</v>
      </c>
      <c r="R31911">
        <v>47</v>
      </c>
      <c r="S31911">
        <v>47</v>
      </c>
      <c r="T31911">
        <v>47</v>
      </c>
      <c r="U31911">
        <v>47</v>
      </c>
      <c r="V31911">
        <v>47</v>
      </c>
      <c r="W31911">
        <v>47</v>
      </c>
      <c r="X31911">
        <v>47</v>
      </c>
      <c r="Y31911">
        <v>47</v>
      </c>
      <c r="Z31911">
        <v>48</v>
      </c>
      <c r="AA31911">
        <v>48</v>
      </c>
      <c r="AB31911">
        <v>48</v>
      </c>
      <c r="AC31911">
        <v>48</v>
      </c>
      <c r="AD31911">
        <v>48</v>
      </c>
      <c r="AE31911">
        <v>48</v>
      </c>
      <c r="AF31911">
        <v>48</v>
      </c>
      <c r="AG31911">
        <v>48</v>
      </c>
      <c r="AH31911">
        <v>49</v>
      </c>
      <c r="AI31911">
        <v>49</v>
      </c>
      <c r="AJ31911">
        <v>49</v>
      </c>
      <c r="AK31911">
        <v>49</v>
      </c>
      <c r="AL31911">
        <v>49</v>
      </c>
      <c r="AM31911">
        <v>49</v>
      </c>
      <c r="AN31911">
        <v>50</v>
      </c>
      <c r="AO31911">
        <v>50</v>
      </c>
      <c r="AP31911">
        <v>50</v>
      </c>
      <c r="AQ31911">
        <v>50</v>
      </c>
    </row>
    <row r="31912" spans="1:43">
      <c r="A31912" t="s">
        <v>19771</v>
      </c>
      <c r="B31912" t="s">
        <v>19772</v>
      </c>
      <c r="C31912" t="s">
        <v>19769</v>
      </c>
      <c r="D31912" t="s">
        <v>19770</v>
      </c>
      <c r="E31912" t="s">
        <v>19721</v>
      </c>
      <c r="F31912" t="s">
        <v>19722</v>
      </c>
      <c r="G31912" t="s">
        <v>10734</v>
      </c>
      <c r="H31912" t="s">
        <v>10735</v>
      </c>
      <c r="I31912" s="2">
        <v>0</v>
      </c>
      <c r="J31912" s="2">
        <v>0</v>
      </c>
      <c r="K31912" s="2">
        <v>1</v>
      </c>
      <c r="L31912" t="s">
        <v>995</v>
      </c>
      <c r="M31912" t="s">
        <v>89</v>
      </c>
      <c r="N31912" t="s">
        <v>90</v>
      </c>
      <c r="O31912" t="s">
        <v>85</v>
      </c>
      <c r="P31912" t="s">
        <v>86</v>
      </c>
      <c r="Q31912">
        <v>47</v>
      </c>
      <c r="R31912">
        <v>48</v>
      </c>
      <c r="S31912">
        <v>49</v>
      </c>
      <c r="T31912">
        <v>50</v>
      </c>
      <c r="U31912">
        <v>51</v>
      </c>
      <c r="V31912">
        <v>52</v>
      </c>
      <c r="W31912">
        <v>53</v>
      </c>
      <c r="X31912">
        <v>54</v>
      </c>
      <c r="Y31912">
        <v>54</v>
      </c>
      <c r="Z31912">
        <v>55</v>
      </c>
      <c r="AA31912">
        <v>56</v>
      </c>
      <c r="AB31912">
        <v>56</v>
      </c>
      <c r="AC31912">
        <v>57</v>
      </c>
      <c r="AD31912">
        <v>58</v>
      </c>
      <c r="AE31912">
        <v>58</v>
      </c>
      <c r="AF31912">
        <v>58</v>
      </c>
      <c r="AG31912">
        <v>58</v>
      </c>
      <c r="AH31912">
        <v>58</v>
      </c>
      <c r="AI31912">
        <v>58</v>
      </c>
      <c r="AJ31912">
        <v>58</v>
      </c>
      <c r="AK31912">
        <v>58</v>
      </c>
      <c r="AL31912">
        <v>59</v>
      </c>
      <c r="AM31912">
        <v>59</v>
      </c>
      <c r="AN31912">
        <v>59</v>
      </c>
      <c r="AO31912">
        <v>59</v>
      </c>
      <c r="AP31912">
        <v>59</v>
      </c>
      <c r="AQ31912">
        <v>59</v>
      </c>
    </row>
    <row r="31913" spans="1:43">
      <c r="A31913" t="s">
        <v>19771</v>
      </c>
      <c r="B31913" t="s">
        <v>19772</v>
      </c>
      <c r="C31913" t="s">
        <v>19769</v>
      </c>
      <c r="D31913" t="s">
        <v>19770</v>
      </c>
      <c r="E31913" t="s">
        <v>19721</v>
      </c>
      <c r="F31913" t="s">
        <v>19722</v>
      </c>
      <c r="G31913" t="s">
        <v>10734</v>
      </c>
      <c r="H31913" t="s">
        <v>10735</v>
      </c>
      <c r="I31913" s="2">
        <v>0</v>
      </c>
      <c r="J31913" s="2">
        <v>0</v>
      </c>
      <c r="K31913" s="2">
        <v>1</v>
      </c>
      <c r="L31913" t="s">
        <v>995</v>
      </c>
      <c r="M31913" t="s">
        <v>83</v>
      </c>
      <c r="N31913" t="s">
        <v>91</v>
      </c>
      <c r="O31913" t="s">
        <v>85</v>
      </c>
      <c r="P31913" t="s">
        <v>86</v>
      </c>
      <c r="Q31913">
        <v>47</v>
      </c>
      <c r="R31913">
        <v>48</v>
      </c>
      <c r="S31913">
        <v>48</v>
      </c>
      <c r="T31913">
        <v>49</v>
      </c>
      <c r="U31913">
        <v>49</v>
      </c>
      <c r="V31913">
        <v>50</v>
      </c>
      <c r="W31913">
        <v>50</v>
      </c>
      <c r="X31913">
        <v>51</v>
      </c>
      <c r="Y31913">
        <v>51</v>
      </c>
      <c r="Z31913">
        <v>52</v>
      </c>
      <c r="AA31913">
        <v>52</v>
      </c>
      <c r="AB31913">
        <v>53</v>
      </c>
      <c r="AC31913">
        <v>53</v>
      </c>
      <c r="AD31913">
        <v>54</v>
      </c>
      <c r="AE31913">
        <v>54</v>
      </c>
      <c r="AF31913">
        <v>55</v>
      </c>
      <c r="AG31913">
        <v>55</v>
      </c>
      <c r="AH31913">
        <v>56</v>
      </c>
      <c r="AI31913">
        <v>56</v>
      </c>
      <c r="AJ31913">
        <v>57</v>
      </c>
      <c r="AK31913">
        <v>57</v>
      </c>
      <c r="AL31913">
        <v>58</v>
      </c>
      <c r="AM31913">
        <v>58</v>
      </c>
      <c r="AN31913">
        <v>58</v>
      </c>
      <c r="AO31913">
        <v>58</v>
      </c>
      <c r="AP31913">
        <v>58</v>
      </c>
      <c r="AQ31913">
        <v>58</v>
      </c>
    </row>
    <row r="31914" spans="1:43">
      <c r="A31914" t="s">
        <v>19773</v>
      </c>
      <c r="B31914" t="s">
        <v>19774</v>
      </c>
      <c r="C31914" t="s">
        <v>19769</v>
      </c>
      <c r="D31914" t="s">
        <v>19770</v>
      </c>
      <c r="E31914" t="s">
        <v>19721</v>
      </c>
      <c r="F31914" t="s">
        <v>19722</v>
      </c>
      <c r="G31914" t="s">
        <v>10734</v>
      </c>
      <c r="H31914" t="s">
        <v>10735</v>
      </c>
      <c r="I31914" s="2">
        <v>0</v>
      </c>
      <c r="J31914" s="2">
        <v>0</v>
      </c>
      <c r="K31914" s="2">
        <v>1</v>
      </c>
      <c r="L31914" t="s">
        <v>995</v>
      </c>
      <c r="M31914" t="s">
        <v>83</v>
      </c>
      <c r="N31914" t="s">
        <v>84</v>
      </c>
      <c r="O31914" t="s">
        <v>85</v>
      </c>
      <c r="P31914" t="s">
        <v>86</v>
      </c>
      <c r="Q31914">
        <v>14</v>
      </c>
      <c r="R31914">
        <v>14</v>
      </c>
      <c r="S31914">
        <v>14</v>
      </c>
      <c r="T31914">
        <v>14</v>
      </c>
      <c r="U31914">
        <v>15</v>
      </c>
      <c r="V31914">
        <v>15</v>
      </c>
      <c r="W31914">
        <v>15</v>
      </c>
      <c r="X31914">
        <v>15</v>
      </c>
      <c r="Y31914">
        <v>15</v>
      </c>
      <c r="Z31914">
        <v>15</v>
      </c>
      <c r="AA31914">
        <v>15</v>
      </c>
      <c r="AB31914">
        <v>16</v>
      </c>
      <c r="AC31914">
        <v>16</v>
      </c>
      <c r="AD31914">
        <v>16</v>
      </c>
      <c r="AE31914">
        <v>16</v>
      </c>
      <c r="AF31914">
        <v>16</v>
      </c>
      <c r="AG31914">
        <v>16</v>
      </c>
      <c r="AH31914">
        <v>17</v>
      </c>
      <c r="AI31914">
        <v>17</v>
      </c>
      <c r="AJ31914">
        <v>17</v>
      </c>
      <c r="AK31914">
        <v>17</v>
      </c>
      <c r="AL31914">
        <v>17</v>
      </c>
      <c r="AM31914">
        <v>17</v>
      </c>
      <c r="AN31914">
        <v>17</v>
      </c>
      <c r="AO31914">
        <v>17</v>
      </c>
      <c r="AP31914">
        <v>17</v>
      </c>
      <c r="AQ31914">
        <v>17</v>
      </c>
    </row>
    <row r="31915" spans="1:43">
      <c r="A31915" t="s">
        <v>19773</v>
      </c>
      <c r="B31915" t="s">
        <v>19774</v>
      </c>
      <c r="C31915" t="s">
        <v>19769</v>
      </c>
      <c r="D31915" t="s">
        <v>19770</v>
      </c>
      <c r="E31915" t="s">
        <v>19721</v>
      </c>
      <c r="F31915" t="s">
        <v>19722</v>
      </c>
      <c r="G31915" t="s">
        <v>10734</v>
      </c>
      <c r="H31915" t="s">
        <v>10735</v>
      </c>
      <c r="I31915" s="2">
        <v>0</v>
      </c>
      <c r="J31915" s="2">
        <v>0</v>
      </c>
      <c r="K31915" s="2">
        <v>1</v>
      </c>
      <c r="L31915" t="s">
        <v>995</v>
      </c>
      <c r="M31915" t="s">
        <v>87</v>
      </c>
      <c r="N31915" t="s">
        <v>88</v>
      </c>
      <c r="O31915" t="s">
        <v>85</v>
      </c>
      <c r="P31915" t="s">
        <v>86</v>
      </c>
      <c r="Q31915">
        <v>14</v>
      </c>
      <c r="R31915">
        <v>14</v>
      </c>
      <c r="S31915">
        <v>14</v>
      </c>
      <c r="T31915">
        <v>14</v>
      </c>
      <c r="U31915">
        <v>14</v>
      </c>
      <c r="V31915">
        <v>14</v>
      </c>
      <c r="W31915">
        <v>14</v>
      </c>
      <c r="X31915">
        <v>14</v>
      </c>
      <c r="Y31915">
        <v>14</v>
      </c>
      <c r="Z31915">
        <v>14</v>
      </c>
      <c r="AA31915">
        <v>14</v>
      </c>
      <c r="AB31915">
        <v>14</v>
      </c>
      <c r="AC31915">
        <v>14</v>
      </c>
      <c r="AD31915">
        <v>14</v>
      </c>
      <c r="AE31915">
        <v>14</v>
      </c>
      <c r="AF31915">
        <v>14</v>
      </c>
      <c r="AG31915">
        <v>14</v>
      </c>
      <c r="AH31915">
        <v>14</v>
      </c>
      <c r="AI31915">
        <v>14</v>
      </c>
      <c r="AJ31915">
        <v>14</v>
      </c>
      <c r="AK31915">
        <v>14</v>
      </c>
      <c r="AL31915">
        <v>15</v>
      </c>
      <c r="AM31915">
        <v>15</v>
      </c>
      <c r="AN31915">
        <v>15</v>
      </c>
      <c r="AO31915">
        <v>15</v>
      </c>
      <c r="AP31915">
        <v>15</v>
      </c>
      <c r="AQ31915">
        <v>15</v>
      </c>
    </row>
    <row r="31916" spans="1:43">
      <c r="A31916" t="s">
        <v>19773</v>
      </c>
      <c r="B31916" t="s">
        <v>19774</v>
      </c>
      <c r="C31916" t="s">
        <v>19769</v>
      </c>
      <c r="D31916" t="s">
        <v>19770</v>
      </c>
      <c r="E31916" t="s">
        <v>19721</v>
      </c>
      <c r="F31916" t="s">
        <v>19722</v>
      </c>
      <c r="G31916" t="s">
        <v>10734</v>
      </c>
      <c r="H31916" t="s">
        <v>10735</v>
      </c>
      <c r="I31916" s="2">
        <v>0</v>
      </c>
      <c r="J31916" s="2">
        <v>0</v>
      </c>
      <c r="K31916" s="2">
        <v>1</v>
      </c>
      <c r="L31916" t="s">
        <v>995</v>
      </c>
      <c r="M31916" t="s">
        <v>89</v>
      </c>
      <c r="N31916" t="s">
        <v>90</v>
      </c>
      <c r="O31916" t="s">
        <v>85</v>
      </c>
      <c r="P31916" t="s">
        <v>86</v>
      </c>
      <c r="Q31916">
        <v>14</v>
      </c>
      <c r="R31916">
        <v>14</v>
      </c>
      <c r="S31916">
        <v>15</v>
      </c>
      <c r="T31916">
        <v>15</v>
      </c>
      <c r="U31916">
        <v>15</v>
      </c>
      <c r="V31916">
        <v>15</v>
      </c>
      <c r="W31916">
        <v>16</v>
      </c>
      <c r="X31916">
        <v>16</v>
      </c>
      <c r="Y31916">
        <v>16</v>
      </c>
      <c r="Z31916">
        <v>16</v>
      </c>
      <c r="AA31916">
        <v>16</v>
      </c>
      <c r="AB31916">
        <v>17</v>
      </c>
      <c r="AC31916">
        <v>17</v>
      </c>
      <c r="AD31916">
        <v>17</v>
      </c>
      <c r="AE31916">
        <v>17</v>
      </c>
      <c r="AF31916">
        <v>17</v>
      </c>
      <c r="AG31916">
        <v>17</v>
      </c>
      <c r="AH31916">
        <v>17</v>
      </c>
      <c r="AI31916">
        <v>17</v>
      </c>
      <c r="AJ31916">
        <v>17</v>
      </c>
      <c r="AK31916">
        <v>17</v>
      </c>
      <c r="AL31916">
        <v>17</v>
      </c>
      <c r="AM31916">
        <v>17</v>
      </c>
      <c r="AN31916">
        <v>17</v>
      </c>
      <c r="AO31916">
        <v>17</v>
      </c>
      <c r="AP31916">
        <v>17</v>
      </c>
      <c r="AQ31916">
        <v>17</v>
      </c>
    </row>
    <row r="31917" spans="1:43">
      <c r="A31917" t="s">
        <v>19773</v>
      </c>
      <c r="B31917" t="s">
        <v>19774</v>
      </c>
      <c r="C31917" t="s">
        <v>19769</v>
      </c>
      <c r="D31917" t="s">
        <v>19770</v>
      </c>
      <c r="E31917" t="s">
        <v>19721</v>
      </c>
      <c r="F31917" t="s">
        <v>19722</v>
      </c>
      <c r="G31917" t="s">
        <v>10734</v>
      </c>
      <c r="H31917" t="s">
        <v>10735</v>
      </c>
      <c r="I31917" s="2">
        <v>0</v>
      </c>
      <c r="J31917" s="2">
        <v>0</v>
      </c>
      <c r="K31917" s="2">
        <v>1</v>
      </c>
      <c r="L31917" t="s">
        <v>995</v>
      </c>
      <c r="M31917" t="s">
        <v>83</v>
      </c>
      <c r="N31917" t="s">
        <v>91</v>
      </c>
      <c r="O31917" t="s">
        <v>85</v>
      </c>
      <c r="P31917" t="s">
        <v>86</v>
      </c>
      <c r="Q31917">
        <v>14</v>
      </c>
      <c r="R31917">
        <v>14</v>
      </c>
      <c r="S31917">
        <v>14</v>
      </c>
      <c r="T31917">
        <v>14</v>
      </c>
      <c r="U31917">
        <v>15</v>
      </c>
      <c r="V31917">
        <v>15</v>
      </c>
      <c r="W31917">
        <v>15</v>
      </c>
      <c r="X31917">
        <v>15</v>
      </c>
      <c r="Y31917">
        <v>15</v>
      </c>
      <c r="Z31917">
        <v>15</v>
      </c>
      <c r="AA31917">
        <v>15</v>
      </c>
      <c r="AB31917">
        <v>16</v>
      </c>
      <c r="AC31917">
        <v>16</v>
      </c>
      <c r="AD31917">
        <v>16</v>
      </c>
      <c r="AE31917">
        <v>16</v>
      </c>
      <c r="AF31917">
        <v>16</v>
      </c>
      <c r="AG31917">
        <v>16</v>
      </c>
      <c r="AH31917">
        <v>17</v>
      </c>
      <c r="AI31917">
        <v>17</v>
      </c>
      <c r="AJ31917">
        <v>17</v>
      </c>
      <c r="AK31917">
        <v>17</v>
      </c>
      <c r="AL31917">
        <v>17</v>
      </c>
      <c r="AM31917">
        <v>17</v>
      </c>
      <c r="AN31917">
        <v>17</v>
      </c>
      <c r="AO31917">
        <v>17</v>
      </c>
      <c r="AP31917">
        <v>17</v>
      </c>
      <c r="AQ31917">
        <v>17</v>
      </c>
    </row>
    <row r="31918" spans="1:43">
      <c r="A31918" t="s">
        <v>19775</v>
      </c>
      <c r="B31918" t="s">
        <v>19776</v>
      </c>
      <c r="C31918" t="s">
        <v>19777</v>
      </c>
      <c r="D31918" t="s">
        <v>19778</v>
      </c>
      <c r="E31918" t="s">
        <v>19721</v>
      </c>
      <c r="F31918" t="s">
        <v>19722</v>
      </c>
      <c r="G31918" t="s">
        <v>10734</v>
      </c>
      <c r="H31918" t="s">
        <v>10735</v>
      </c>
      <c r="I31918" s="2">
        <v>0</v>
      </c>
      <c r="J31918" s="2">
        <v>0</v>
      </c>
      <c r="K31918" s="2">
        <v>1</v>
      </c>
      <c r="L31918" t="s">
        <v>995</v>
      </c>
      <c r="M31918" t="s">
        <v>83</v>
      </c>
      <c r="N31918" t="s">
        <v>84</v>
      </c>
      <c r="O31918" t="s">
        <v>85</v>
      </c>
      <c r="P31918" t="s">
        <v>86</v>
      </c>
      <c r="Q31918">
        <v>5</v>
      </c>
      <c r="R31918">
        <v>5</v>
      </c>
      <c r="S31918">
        <v>5</v>
      </c>
      <c r="T31918">
        <v>5</v>
      </c>
      <c r="U31918">
        <v>5</v>
      </c>
      <c r="V31918">
        <v>5</v>
      </c>
      <c r="W31918">
        <v>5</v>
      </c>
      <c r="X31918">
        <v>6</v>
      </c>
      <c r="Y31918">
        <v>6</v>
      </c>
      <c r="Z31918">
        <v>6</v>
      </c>
      <c r="AA31918">
        <v>6</v>
      </c>
      <c r="AB31918">
        <v>6</v>
      </c>
      <c r="AC31918">
        <v>6</v>
      </c>
      <c r="AD31918">
        <v>6</v>
      </c>
      <c r="AE31918">
        <v>6</v>
      </c>
      <c r="AF31918">
        <v>6</v>
      </c>
      <c r="AG31918">
        <v>6</v>
      </c>
      <c r="AH31918">
        <v>6</v>
      </c>
      <c r="AI31918">
        <v>6</v>
      </c>
      <c r="AJ31918">
        <v>6</v>
      </c>
      <c r="AK31918">
        <v>6</v>
      </c>
      <c r="AL31918">
        <v>6</v>
      </c>
      <c r="AM31918">
        <v>6</v>
      </c>
      <c r="AN31918">
        <v>6</v>
      </c>
      <c r="AO31918">
        <v>6</v>
      </c>
      <c r="AP31918">
        <v>6</v>
      </c>
      <c r="AQ31918">
        <v>6</v>
      </c>
    </row>
    <row r="31919" spans="1:43">
      <c r="A31919" t="s">
        <v>19775</v>
      </c>
      <c r="B31919" t="s">
        <v>19776</v>
      </c>
      <c r="C31919" t="s">
        <v>19777</v>
      </c>
      <c r="D31919" t="s">
        <v>19778</v>
      </c>
      <c r="E31919" t="s">
        <v>19721</v>
      </c>
      <c r="F31919" t="s">
        <v>19722</v>
      </c>
      <c r="G31919" t="s">
        <v>10734</v>
      </c>
      <c r="H31919" t="s">
        <v>10735</v>
      </c>
      <c r="I31919" s="2">
        <v>0</v>
      </c>
      <c r="J31919" s="2">
        <v>0</v>
      </c>
      <c r="K31919" s="2">
        <v>1</v>
      </c>
      <c r="L31919" t="s">
        <v>995</v>
      </c>
      <c r="M31919" t="s">
        <v>87</v>
      </c>
      <c r="N31919" t="s">
        <v>88</v>
      </c>
      <c r="O31919" t="s">
        <v>85</v>
      </c>
      <c r="P31919" t="s">
        <v>86</v>
      </c>
      <c r="Q31919">
        <v>5</v>
      </c>
      <c r="R31919">
        <v>5</v>
      </c>
      <c r="S31919">
        <v>5</v>
      </c>
      <c r="T31919">
        <v>5</v>
      </c>
      <c r="U31919">
        <v>5</v>
      </c>
      <c r="V31919">
        <v>5</v>
      </c>
      <c r="W31919">
        <v>5</v>
      </c>
      <c r="X31919">
        <v>5</v>
      </c>
      <c r="Y31919">
        <v>5</v>
      </c>
      <c r="Z31919">
        <v>5</v>
      </c>
      <c r="AA31919">
        <v>5</v>
      </c>
      <c r="AB31919">
        <v>5</v>
      </c>
      <c r="AC31919">
        <v>5</v>
      </c>
      <c r="AD31919">
        <v>5</v>
      </c>
      <c r="AE31919">
        <v>5</v>
      </c>
      <c r="AF31919">
        <v>5</v>
      </c>
      <c r="AG31919">
        <v>5</v>
      </c>
      <c r="AH31919">
        <v>5</v>
      </c>
      <c r="AI31919">
        <v>5</v>
      </c>
      <c r="AJ31919">
        <v>5</v>
      </c>
      <c r="AK31919">
        <v>5</v>
      </c>
      <c r="AL31919">
        <v>5</v>
      </c>
      <c r="AM31919">
        <v>5</v>
      </c>
      <c r="AN31919">
        <v>5</v>
      </c>
      <c r="AO31919">
        <v>5</v>
      </c>
      <c r="AP31919">
        <v>5</v>
      </c>
      <c r="AQ31919">
        <v>5</v>
      </c>
    </row>
    <row r="31920" spans="1:43">
      <c r="A31920" t="s">
        <v>19775</v>
      </c>
      <c r="B31920" t="s">
        <v>19776</v>
      </c>
      <c r="C31920" t="s">
        <v>19777</v>
      </c>
      <c r="D31920" t="s">
        <v>19778</v>
      </c>
      <c r="E31920" t="s">
        <v>19721</v>
      </c>
      <c r="F31920" t="s">
        <v>19722</v>
      </c>
      <c r="G31920" t="s">
        <v>10734</v>
      </c>
      <c r="H31920" t="s">
        <v>10735</v>
      </c>
      <c r="I31920" s="2">
        <v>0</v>
      </c>
      <c r="J31920" s="2">
        <v>0</v>
      </c>
      <c r="K31920" s="2">
        <v>1</v>
      </c>
      <c r="L31920" t="s">
        <v>995</v>
      </c>
      <c r="M31920" t="s">
        <v>89</v>
      </c>
      <c r="N31920" t="s">
        <v>90</v>
      </c>
      <c r="O31920" t="s">
        <v>85</v>
      </c>
      <c r="P31920" t="s">
        <v>86</v>
      </c>
      <c r="Q31920">
        <v>5</v>
      </c>
      <c r="R31920">
        <v>5</v>
      </c>
      <c r="S31920">
        <v>5</v>
      </c>
      <c r="T31920">
        <v>6</v>
      </c>
      <c r="U31920">
        <v>6</v>
      </c>
      <c r="V31920">
        <v>6</v>
      </c>
      <c r="W31920">
        <v>6</v>
      </c>
      <c r="X31920">
        <v>6</v>
      </c>
      <c r="Y31920">
        <v>6</v>
      </c>
      <c r="Z31920">
        <v>6</v>
      </c>
      <c r="AA31920">
        <v>6</v>
      </c>
      <c r="AB31920">
        <v>6</v>
      </c>
      <c r="AC31920">
        <v>6</v>
      </c>
      <c r="AD31920">
        <v>6</v>
      </c>
      <c r="AE31920">
        <v>6</v>
      </c>
      <c r="AF31920">
        <v>6</v>
      </c>
      <c r="AG31920">
        <v>6</v>
      </c>
      <c r="AH31920">
        <v>6</v>
      </c>
      <c r="AI31920">
        <v>6</v>
      </c>
      <c r="AJ31920">
        <v>6</v>
      </c>
      <c r="AK31920">
        <v>6</v>
      </c>
      <c r="AL31920">
        <v>6</v>
      </c>
      <c r="AM31920">
        <v>6</v>
      </c>
      <c r="AN31920">
        <v>6</v>
      </c>
      <c r="AO31920">
        <v>6</v>
      </c>
      <c r="AP31920">
        <v>6</v>
      </c>
      <c r="AQ31920">
        <v>6</v>
      </c>
    </row>
    <row r="31921" spans="1:43">
      <c r="A31921" t="s">
        <v>19775</v>
      </c>
      <c r="B31921" t="s">
        <v>19776</v>
      </c>
      <c r="C31921" t="s">
        <v>19777</v>
      </c>
      <c r="D31921" t="s">
        <v>19778</v>
      </c>
      <c r="E31921" t="s">
        <v>19721</v>
      </c>
      <c r="F31921" t="s">
        <v>19722</v>
      </c>
      <c r="G31921" t="s">
        <v>10734</v>
      </c>
      <c r="H31921" t="s">
        <v>10735</v>
      </c>
      <c r="I31921" s="2">
        <v>0</v>
      </c>
      <c r="J31921" s="2">
        <v>0</v>
      </c>
      <c r="K31921" s="2">
        <v>1</v>
      </c>
      <c r="L31921" t="s">
        <v>995</v>
      </c>
      <c r="M31921" t="s">
        <v>83</v>
      </c>
      <c r="N31921" t="s">
        <v>91</v>
      </c>
      <c r="O31921" t="s">
        <v>85</v>
      </c>
      <c r="P31921" t="s">
        <v>86</v>
      </c>
      <c r="Q31921">
        <v>5</v>
      </c>
      <c r="R31921">
        <v>5</v>
      </c>
      <c r="S31921">
        <v>5</v>
      </c>
      <c r="T31921">
        <v>5</v>
      </c>
      <c r="U31921">
        <v>5</v>
      </c>
      <c r="V31921">
        <v>5</v>
      </c>
      <c r="W31921">
        <v>5</v>
      </c>
      <c r="X31921">
        <v>6</v>
      </c>
      <c r="Y31921">
        <v>6</v>
      </c>
      <c r="Z31921">
        <v>6</v>
      </c>
      <c r="AA31921">
        <v>6</v>
      </c>
      <c r="AB31921">
        <v>6</v>
      </c>
      <c r="AC31921">
        <v>6</v>
      </c>
      <c r="AD31921">
        <v>6</v>
      </c>
      <c r="AE31921">
        <v>6</v>
      </c>
      <c r="AF31921">
        <v>6</v>
      </c>
      <c r="AG31921">
        <v>6</v>
      </c>
      <c r="AH31921">
        <v>6</v>
      </c>
      <c r="AI31921">
        <v>6</v>
      </c>
      <c r="AJ31921">
        <v>6</v>
      </c>
      <c r="AK31921">
        <v>6</v>
      </c>
      <c r="AL31921">
        <v>6</v>
      </c>
      <c r="AM31921">
        <v>6</v>
      </c>
      <c r="AN31921">
        <v>6</v>
      </c>
      <c r="AO31921">
        <v>6</v>
      </c>
      <c r="AP31921">
        <v>6</v>
      </c>
      <c r="AQ31921">
        <v>6</v>
      </c>
    </row>
    <row r="31922" spans="1:43">
      <c r="A31922" t="s">
        <v>19779</v>
      </c>
      <c r="B31922" t="s">
        <v>19780</v>
      </c>
      <c r="C31922" t="s">
        <v>19777</v>
      </c>
      <c r="D31922" t="s">
        <v>19778</v>
      </c>
      <c r="E31922" t="s">
        <v>19721</v>
      </c>
      <c r="F31922" t="s">
        <v>19722</v>
      </c>
      <c r="G31922" t="s">
        <v>10734</v>
      </c>
      <c r="H31922" t="s">
        <v>10735</v>
      </c>
      <c r="I31922" s="2">
        <v>0</v>
      </c>
      <c r="J31922" s="2">
        <v>0</v>
      </c>
      <c r="K31922" s="2">
        <v>1</v>
      </c>
      <c r="L31922" t="s">
        <v>995</v>
      </c>
      <c r="M31922" t="s">
        <v>83</v>
      </c>
      <c r="N31922" t="s">
        <v>84</v>
      </c>
      <c r="O31922" t="s">
        <v>85</v>
      </c>
      <c r="P31922" t="s">
        <v>86</v>
      </c>
      <c r="Q31922">
        <v>23</v>
      </c>
      <c r="R31922">
        <v>23</v>
      </c>
      <c r="S31922">
        <v>23</v>
      </c>
      <c r="T31922">
        <v>24</v>
      </c>
      <c r="U31922">
        <v>24</v>
      </c>
      <c r="V31922">
        <v>24</v>
      </c>
      <c r="W31922">
        <v>24</v>
      </c>
      <c r="X31922">
        <v>25</v>
      </c>
      <c r="Y31922">
        <v>25</v>
      </c>
      <c r="Z31922">
        <v>25</v>
      </c>
      <c r="AA31922">
        <v>25</v>
      </c>
      <c r="AB31922">
        <v>26</v>
      </c>
      <c r="AC31922">
        <v>26</v>
      </c>
      <c r="AD31922">
        <v>26</v>
      </c>
      <c r="AE31922">
        <v>26</v>
      </c>
      <c r="AF31922">
        <v>26</v>
      </c>
      <c r="AG31922">
        <v>27</v>
      </c>
      <c r="AH31922">
        <v>27</v>
      </c>
      <c r="AI31922">
        <v>27</v>
      </c>
      <c r="AJ31922">
        <v>27</v>
      </c>
      <c r="AK31922">
        <v>27</v>
      </c>
      <c r="AL31922">
        <v>28</v>
      </c>
      <c r="AM31922">
        <v>28</v>
      </c>
      <c r="AN31922">
        <v>28</v>
      </c>
      <c r="AO31922">
        <v>28</v>
      </c>
      <c r="AP31922">
        <v>28</v>
      </c>
      <c r="AQ31922">
        <v>28</v>
      </c>
    </row>
    <row r="31923" spans="1:43">
      <c r="A31923" t="s">
        <v>19779</v>
      </c>
      <c r="B31923" t="s">
        <v>19780</v>
      </c>
      <c r="C31923" t="s">
        <v>19777</v>
      </c>
      <c r="D31923" t="s">
        <v>19778</v>
      </c>
      <c r="E31923" t="s">
        <v>19721</v>
      </c>
      <c r="F31923" t="s">
        <v>19722</v>
      </c>
      <c r="G31923" t="s">
        <v>10734</v>
      </c>
      <c r="H31923" t="s">
        <v>10735</v>
      </c>
      <c r="I31923" s="2">
        <v>0</v>
      </c>
      <c r="J31923" s="2">
        <v>0</v>
      </c>
      <c r="K31923" s="2">
        <v>1</v>
      </c>
      <c r="L31923" t="s">
        <v>995</v>
      </c>
      <c r="M31923" t="s">
        <v>87</v>
      </c>
      <c r="N31923" t="s">
        <v>88</v>
      </c>
      <c r="O31923" t="s">
        <v>85</v>
      </c>
      <c r="P31923" t="s">
        <v>86</v>
      </c>
      <c r="Q31923">
        <v>23</v>
      </c>
      <c r="R31923">
        <v>23</v>
      </c>
      <c r="S31923">
        <v>23</v>
      </c>
      <c r="T31923">
        <v>23</v>
      </c>
      <c r="U31923">
        <v>23</v>
      </c>
      <c r="V31923">
        <v>23</v>
      </c>
      <c r="W31923">
        <v>23</v>
      </c>
      <c r="X31923">
        <v>23</v>
      </c>
      <c r="Y31923">
        <v>23</v>
      </c>
      <c r="Z31923">
        <v>23</v>
      </c>
      <c r="AA31923">
        <v>23</v>
      </c>
      <c r="AB31923">
        <v>23</v>
      </c>
      <c r="AC31923">
        <v>23</v>
      </c>
      <c r="AD31923">
        <v>23</v>
      </c>
      <c r="AE31923">
        <v>23</v>
      </c>
      <c r="AF31923">
        <v>23</v>
      </c>
      <c r="AG31923">
        <v>23</v>
      </c>
      <c r="AH31923">
        <v>23</v>
      </c>
      <c r="AI31923">
        <v>23</v>
      </c>
      <c r="AJ31923">
        <v>23</v>
      </c>
      <c r="AK31923">
        <v>24</v>
      </c>
      <c r="AL31923">
        <v>24</v>
      </c>
      <c r="AM31923">
        <v>24</v>
      </c>
      <c r="AN31923">
        <v>24</v>
      </c>
      <c r="AO31923">
        <v>24</v>
      </c>
      <c r="AP31923">
        <v>24</v>
      </c>
      <c r="AQ31923">
        <v>24</v>
      </c>
    </row>
    <row r="31924" spans="1:43">
      <c r="A31924" t="s">
        <v>19779</v>
      </c>
      <c r="B31924" t="s">
        <v>19780</v>
      </c>
      <c r="C31924" t="s">
        <v>19777</v>
      </c>
      <c r="D31924" t="s">
        <v>19778</v>
      </c>
      <c r="E31924" t="s">
        <v>19721</v>
      </c>
      <c r="F31924" t="s">
        <v>19722</v>
      </c>
      <c r="G31924" t="s">
        <v>10734</v>
      </c>
      <c r="H31924" t="s">
        <v>10735</v>
      </c>
      <c r="I31924" s="2">
        <v>0</v>
      </c>
      <c r="J31924" s="2">
        <v>0</v>
      </c>
      <c r="K31924" s="2">
        <v>1</v>
      </c>
      <c r="L31924" t="s">
        <v>995</v>
      </c>
      <c r="M31924" t="s">
        <v>89</v>
      </c>
      <c r="N31924" t="s">
        <v>90</v>
      </c>
      <c r="O31924" t="s">
        <v>85</v>
      </c>
      <c r="P31924" t="s">
        <v>86</v>
      </c>
      <c r="Q31924">
        <v>23</v>
      </c>
      <c r="R31924">
        <v>24</v>
      </c>
      <c r="S31924">
        <v>24</v>
      </c>
      <c r="T31924">
        <v>24</v>
      </c>
      <c r="U31924">
        <v>25</v>
      </c>
      <c r="V31924">
        <v>25</v>
      </c>
      <c r="W31924">
        <v>26</v>
      </c>
      <c r="X31924">
        <v>26</v>
      </c>
      <c r="Y31924">
        <v>26</v>
      </c>
      <c r="Z31924">
        <v>27</v>
      </c>
      <c r="AA31924">
        <v>27</v>
      </c>
      <c r="AB31924">
        <v>27</v>
      </c>
      <c r="AC31924">
        <v>27</v>
      </c>
      <c r="AD31924">
        <v>28</v>
      </c>
      <c r="AE31924">
        <v>28</v>
      </c>
      <c r="AF31924">
        <v>28</v>
      </c>
      <c r="AG31924">
        <v>28</v>
      </c>
      <c r="AH31924">
        <v>28</v>
      </c>
      <c r="AI31924">
        <v>28</v>
      </c>
      <c r="AJ31924">
        <v>28</v>
      </c>
      <c r="AK31924">
        <v>28</v>
      </c>
      <c r="AL31924">
        <v>28</v>
      </c>
      <c r="AM31924">
        <v>28</v>
      </c>
      <c r="AN31924">
        <v>28</v>
      </c>
      <c r="AO31924">
        <v>28</v>
      </c>
      <c r="AP31924">
        <v>28</v>
      </c>
      <c r="AQ31924">
        <v>28</v>
      </c>
    </row>
    <row r="31925" spans="1:43">
      <c r="A31925" t="s">
        <v>19779</v>
      </c>
      <c r="B31925" t="s">
        <v>19780</v>
      </c>
      <c r="C31925" t="s">
        <v>19777</v>
      </c>
      <c r="D31925" t="s">
        <v>19778</v>
      </c>
      <c r="E31925" t="s">
        <v>19721</v>
      </c>
      <c r="F31925" t="s">
        <v>19722</v>
      </c>
      <c r="G31925" t="s">
        <v>10734</v>
      </c>
      <c r="H31925" t="s">
        <v>10735</v>
      </c>
      <c r="I31925" s="2">
        <v>0</v>
      </c>
      <c r="J31925" s="2">
        <v>0</v>
      </c>
      <c r="K31925" s="2">
        <v>1</v>
      </c>
      <c r="L31925" t="s">
        <v>995</v>
      </c>
      <c r="M31925" t="s">
        <v>83</v>
      </c>
      <c r="N31925" t="s">
        <v>91</v>
      </c>
      <c r="O31925" t="s">
        <v>85</v>
      </c>
      <c r="P31925" t="s">
        <v>86</v>
      </c>
      <c r="Q31925">
        <v>23</v>
      </c>
      <c r="R31925">
        <v>23</v>
      </c>
      <c r="S31925">
        <v>23</v>
      </c>
      <c r="T31925">
        <v>24</v>
      </c>
      <c r="U31925">
        <v>24</v>
      </c>
      <c r="V31925">
        <v>24</v>
      </c>
      <c r="W31925">
        <v>24</v>
      </c>
      <c r="X31925">
        <v>25</v>
      </c>
      <c r="Y31925">
        <v>25</v>
      </c>
      <c r="Z31925">
        <v>25</v>
      </c>
      <c r="AA31925">
        <v>25</v>
      </c>
      <c r="AB31925">
        <v>26</v>
      </c>
      <c r="AC31925">
        <v>26</v>
      </c>
      <c r="AD31925">
        <v>26</v>
      </c>
      <c r="AE31925">
        <v>26</v>
      </c>
      <c r="AF31925">
        <v>26</v>
      </c>
      <c r="AG31925">
        <v>27</v>
      </c>
      <c r="AH31925">
        <v>27</v>
      </c>
      <c r="AI31925">
        <v>27</v>
      </c>
      <c r="AJ31925">
        <v>27</v>
      </c>
      <c r="AK31925">
        <v>27</v>
      </c>
      <c r="AL31925">
        <v>28</v>
      </c>
      <c r="AM31925">
        <v>28</v>
      </c>
      <c r="AN31925">
        <v>28</v>
      </c>
      <c r="AO31925">
        <v>28</v>
      </c>
      <c r="AP31925">
        <v>28</v>
      </c>
      <c r="AQ31925">
        <v>28</v>
      </c>
    </row>
    <row r="31926" spans="1:43">
      <c r="A31926" t="s">
        <v>19781</v>
      </c>
      <c r="B31926" t="s">
        <v>19782</v>
      </c>
      <c r="C31926" t="s">
        <v>19777</v>
      </c>
      <c r="D31926" t="s">
        <v>19778</v>
      </c>
      <c r="E31926" t="s">
        <v>19721</v>
      </c>
      <c r="F31926" t="s">
        <v>19722</v>
      </c>
      <c r="G31926" t="s">
        <v>10734</v>
      </c>
      <c r="H31926" t="s">
        <v>10735</v>
      </c>
      <c r="I31926" s="2">
        <v>0</v>
      </c>
      <c r="J31926" s="2">
        <v>0</v>
      </c>
      <c r="K31926" s="2">
        <v>1</v>
      </c>
      <c r="L31926" t="s">
        <v>995</v>
      </c>
      <c r="M31926" t="s">
        <v>83</v>
      </c>
      <c r="N31926" t="s">
        <v>84</v>
      </c>
      <c r="O31926" t="s">
        <v>85</v>
      </c>
      <c r="P31926" t="s">
        <v>86</v>
      </c>
      <c r="Q31926">
        <v>22</v>
      </c>
      <c r="R31926">
        <v>22</v>
      </c>
      <c r="S31926">
        <v>22</v>
      </c>
      <c r="T31926">
        <v>22</v>
      </c>
      <c r="U31926">
        <v>23</v>
      </c>
      <c r="V31926">
        <v>23</v>
      </c>
      <c r="W31926">
        <v>23</v>
      </c>
      <c r="X31926">
        <v>23</v>
      </c>
      <c r="Y31926">
        <v>23</v>
      </c>
      <c r="Z31926">
        <v>24</v>
      </c>
      <c r="AA31926">
        <v>24</v>
      </c>
      <c r="AB31926">
        <v>24</v>
      </c>
      <c r="AC31926">
        <v>24</v>
      </c>
      <c r="AD31926">
        <v>24</v>
      </c>
      <c r="AE31926">
        <v>25</v>
      </c>
      <c r="AF31926">
        <v>25</v>
      </c>
      <c r="AG31926">
        <v>25</v>
      </c>
      <c r="AH31926">
        <v>25</v>
      </c>
      <c r="AI31926">
        <v>25</v>
      </c>
      <c r="AJ31926">
        <v>26</v>
      </c>
      <c r="AK31926">
        <v>26</v>
      </c>
      <c r="AL31926">
        <v>26</v>
      </c>
      <c r="AM31926">
        <v>26</v>
      </c>
      <c r="AN31926">
        <v>26</v>
      </c>
      <c r="AO31926">
        <v>26</v>
      </c>
      <c r="AP31926">
        <v>26</v>
      </c>
      <c r="AQ31926">
        <v>26</v>
      </c>
    </row>
    <row r="31927" spans="1:43">
      <c r="A31927" t="s">
        <v>19781</v>
      </c>
      <c r="B31927" t="s">
        <v>19782</v>
      </c>
      <c r="C31927" t="s">
        <v>19777</v>
      </c>
      <c r="D31927" t="s">
        <v>19778</v>
      </c>
      <c r="E31927" t="s">
        <v>19721</v>
      </c>
      <c r="F31927" t="s">
        <v>19722</v>
      </c>
      <c r="G31927" t="s">
        <v>10734</v>
      </c>
      <c r="H31927" t="s">
        <v>10735</v>
      </c>
      <c r="I31927" s="2">
        <v>0</v>
      </c>
      <c r="J31927" s="2">
        <v>0</v>
      </c>
      <c r="K31927" s="2">
        <v>1</v>
      </c>
      <c r="L31927" t="s">
        <v>995</v>
      </c>
      <c r="M31927" t="s">
        <v>87</v>
      </c>
      <c r="N31927" t="s">
        <v>88</v>
      </c>
      <c r="O31927" t="s">
        <v>85</v>
      </c>
      <c r="P31927" t="s">
        <v>86</v>
      </c>
      <c r="Q31927">
        <v>22</v>
      </c>
      <c r="R31927">
        <v>22</v>
      </c>
      <c r="S31927">
        <v>22</v>
      </c>
      <c r="T31927">
        <v>22</v>
      </c>
      <c r="U31927">
        <v>23</v>
      </c>
      <c r="V31927">
        <v>23</v>
      </c>
      <c r="W31927">
        <v>23</v>
      </c>
      <c r="X31927">
        <v>23</v>
      </c>
      <c r="Y31927">
        <v>23</v>
      </c>
      <c r="Z31927">
        <v>23</v>
      </c>
      <c r="AA31927">
        <v>23</v>
      </c>
      <c r="AB31927">
        <v>23</v>
      </c>
      <c r="AC31927">
        <v>23</v>
      </c>
      <c r="AD31927">
        <v>23</v>
      </c>
      <c r="AE31927">
        <v>23</v>
      </c>
      <c r="AF31927">
        <v>23</v>
      </c>
      <c r="AG31927">
        <v>23</v>
      </c>
      <c r="AH31927">
        <v>23</v>
      </c>
      <c r="AI31927">
        <v>23</v>
      </c>
      <c r="AJ31927">
        <v>23</v>
      </c>
      <c r="AK31927">
        <v>23</v>
      </c>
      <c r="AL31927">
        <v>23</v>
      </c>
      <c r="AM31927">
        <v>23</v>
      </c>
      <c r="AN31927">
        <v>23</v>
      </c>
      <c r="AO31927">
        <v>23</v>
      </c>
      <c r="AP31927">
        <v>24</v>
      </c>
      <c r="AQ31927">
        <v>24</v>
      </c>
    </row>
    <row r="31928" spans="1:43">
      <c r="A31928" t="s">
        <v>19781</v>
      </c>
      <c r="B31928" t="s">
        <v>19782</v>
      </c>
      <c r="C31928" t="s">
        <v>19777</v>
      </c>
      <c r="D31928" t="s">
        <v>19778</v>
      </c>
      <c r="E31928" t="s">
        <v>19721</v>
      </c>
      <c r="F31928" t="s">
        <v>19722</v>
      </c>
      <c r="G31928" t="s">
        <v>10734</v>
      </c>
      <c r="H31928" t="s">
        <v>10735</v>
      </c>
      <c r="I31928" s="2">
        <v>0</v>
      </c>
      <c r="J31928" s="2">
        <v>0</v>
      </c>
      <c r="K31928" s="2">
        <v>1</v>
      </c>
      <c r="L31928" t="s">
        <v>995</v>
      </c>
      <c r="M31928" t="s">
        <v>89</v>
      </c>
      <c r="N31928" t="s">
        <v>90</v>
      </c>
      <c r="O31928" t="s">
        <v>85</v>
      </c>
      <c r="P31928" t="s">
        <v>86</v>
      </c>
      <c r="Q31928">
        <v>22</v>
      </c>
      <c r="R31928">
        <v>22</v>
      </c>
      <c r="S31928">
        <v>23</v>
      </c>
      <c r="T31928">
        <v>23</v>
      </c>
      <c r="U31928">
        <v>23</v>
      </c>
      <c r="V31928">
        <v>24</v>
      </c>
      <c r="W31928">
        <v>24</v>
      </c>
      <c r="X31928">
        <v>24</v>
      </c>
      <c r="Y31928">
        <v>25</v>
      </c>
      <c r="Z31928">
        <v>25</v>
      </c>
      <c r="AA31928">
        <v>25</v>
      </c>
      <c r="AB31928">
        <v>26</v>
      </c>
      <c r="AC31928">
        <v>26</v>
      </c>
      <c r="AD31928">
        <v>26</v>
      </c>
      <c r="AE31928">
        <v>26</v>
      </c>
      <c r="AF31928">
        <v>26</v>
      </c>
      <c r="AG31928">
        <v>26</v>
      </c>
      <c r="AH31928">
        <v>26</v>
      </c>
      <c r="AI31928">
        <v>26</v>
      </c>
      <c r="AJ31928">
        <v>26</v>
      </c>
      <c r="AK31928">
        <v>26</v>
      </c>
      <c r="AL31928">
        <v>26</v>
      </c>
      <c r="AM31928">
        <v>26</v>
      </c>
      <c r="AN31928">
        <v>26</v>
      </c>
      <c r="AO31928">
        <v>26</v>
      </c>
      <c r="AP31928">
        <v>26</v>
      </c>
      <c r="AQ31928">
        <v>26</v>
      </c>
    </row>
    <row r="31929" spans="1:43">
      <c r="A31929" t="s">
        <v>19781</v>
      </c>
      <c r="B31929" t="s">
        <v>19782</v>
      </c>
      <c r="C31929" t="s">
        <v>19777</v>
      </c>
      <c r="D31929" t="s">
        <v>19778</v>
      </c>
      <c r="E31929" t="s">
        <v>19721</v>
      </c>
      <c r="F31929" t="s">
        <v>19722</v>
      </c>
      <c r="G31929" t="s">
        <v>10734</v>
      </c>
      <c r="H31929" t="s">
        <v>10735</v>
      </c>
      <c r="I31929" s="2">
        <v>0</v>
      </c>
      <c r="J31929" s="2">
        <v>0</v>
      </c>
      <c r="K31929" s="2">
        <v>1</v>
      </c>
      <c r="L31929" t="s">
        <v>995</v>
      </c>
      <c r="M31929" t="s">
        <v>83</v>
      </c>
      <c r="N31929" t="s">
        <v>91</v>
      </c>
      <c r="O31929" t="s">
        <v>85</v>
      </c>
      <c r="P31929" t="s">
        <v>86</v>
      </c>
      <c r="Q31929">
        <v>22</v>
      </c>
      <c r="R31929">
        <v>22</v>
      </c>
      <c r="S31929">
        <v>22</v>
      </c>
      <c r="T31929">
        <v>22</v>
      </c>
      <c r="U31929">
        <v>23</v>
      </c>
      <c r="V31929">
        <v>23</v>
      </c>
      <c r="W31929">
        <v>23</v>
      </c>
      <c r="X31929">
        <v>23</v>
      </c>
      <c r="Y31929">
        <v>23</v>
      </c>
      <c r="Z31929">
        <v>24</v>
      </c>
      <c r="AA31929">
        <v>24</v>
      </c>
      <c r="AB31929">
        <v>24</v>
      </c>
      <c r="AC31929">
        <v>24</v>
      </c>
      <c r="AD31929">
        <v>24</v>
      </c>
      <c r="AE31929">
        <v>25</v>
      </c>
      <c r="AF31929">
        <v>25</v>
      </c>
      <c r="AG31929">
        <v>25</v>
      </c>
      <c r="AH31929">
        <v>25</v>
      </c>
      <c r="AI31929">
        <v>25</v>
      </c>
      <c r="AJ31929">
        <v>26</v>
      </c>
      <c r="AK31929">
        <v>26</v>
      </c>
      <c r="AL31929">
        <v>26</v>
      </c>
      <c r="AM31929">
        <v>26</v>
      </c>
      <c r="AN31929">
        <v>26</v>
      </c>
      <c r="AO31929">
        <v>26</v>
      </c>
      <c r="AP31929">
        <v>26</v>
      </c>
      <c r="AQ31929">
        <v>26</v>
      </c>
    </row>
    <row r="31930" spans="1:43">
      <c r="A31930" t="s">
        <v>19783</v>
      </c>
      <c r="B31930" t="s">
        <v>19784</v>
      </c>
      <c r="C31930" t="s">
        <v>19777</v>
      </c>
      <c r="D31930" t="s">
        <v>19778</v>
      </c>
      <c r="E31930" t="s">
        <v>19721</v>
      </c>
      <c r="F31930" t="s">
        <v>19722</v>
      </c>
      <c r="G31930" t="s">
        <v>10734</v>
      </c>
      <c r="H31930" t="s">
        <v>10735</v>
      </c>
      <c r="I31930" s="2">
        <v>0</v>
      </c>
      <c r="J31930" s="2">
        <v>0</v>
      </c>
      <c r="K31930" s="2">
        <v>1</v>
      </c>
      <c r="L31930" t="s">
        <v>995</v>
      </c>
      <c r="M31930" t="s">
        <v>83</v>
      </c>
      <c r="N31930" t="s">
        <v>84</v>
      </c>
      <c r="O31930" t="s">
        <v>85</v>
      </c>
      <c r="P31930" t="s">
        <v>86</v>
      </c>
      <c r="Q31930">
        <v>44</v>
      </c>
      <c r="R31930">
        <v>44</v>
      </c>
      <c r="S31930">
        <v>45</v>
      </c>
      <c r="T31930">
        <v>45</v>
      </c>
      <c r="U31930">
        <v>45</v>
      </c>
      <c r="V31930">
        <v>46</v>
      </c>
      <c r="W31930">
        <v>46</v>
      </c>
      <c r="X31930">
        <v>47</v>
      </c>
      <c r="Y31930">
        <v>47</v>
      </c>
      <c r="Z31930">
        <v>48</v>
      </c>
      <c r="AA31930">
        <v>48</v>
      </c>
      <c r="AB31930">
        <v>49</v>
      </c>
      <c r="AC31930">
        <v>49</v>
      </c>
      <c r="AD31930">
        <v>49</v>
      </c>
      <c r="AE31930">
        <v>50</v>
      </c>
      <c r="AF31930">
        <v>50</v>
      </c>
      <c r="AG31930">
        <v>51</v>
      </c>
      <c r="AH31930">
        <v>51</v>
      </c>
      <c r="AI31930">
        <v>52</v>
      </c>
      <c r="AJ31930">
        <v>52</v>
      </c>
      <c r="AK31930">
        <v>52</v>
      </c>
      <c r="AL31930">
        <v>53</v>
      </c>
      <c r="AM31930">
        <v>53</v>
      </c>
      <c r="AN31930">
        <v>53</v>
      </c>
      <c r="AO31930">
        <v>53</v>
      </c>
      <c r="AP31930">
        <v>53</v>
      </c>
      <c r="AQ31930">
        <v>53</v>
      </c>
    </row>
    <row r="31931" spans="1:43">
      <c r="A31931" t="s">
        <v>19783</v>
      </c>
      <c r="B31931" t="s">
        <v>19784</v>
      </c>
      <c r="C31931" t="s">
        <v>19777</v>
      </c>
      <c r="D31931" t="s">
        <v>19778</v>
      </c>
      <c r="E31931" t="s">
        <v>19721</v>
      </c>
      <c r="F31931" t="s">
        <v>19722</v>
      </c>
      <c r="G31931" t="s">
        <v>10734</v>
      </c>
      <c r="H31931" t="s">
        <v>10735</v>
      </c>
      <c r="I31931" s="2">
        <v>0</v>
      </c>
      <c r="J31931" s="2">
        <v>0</v>
      </c>
      <c r="K31931" s="2">
        <v>1</v>
      </c>
      <c r="L31931" t="s">
        <v>995</v>
      </c>
      <c r="M31931" t="s">
        <v>87</v>
      </c>
      <c r="N31931" t="s">
        <v>88</v>
      </c>
      <c r="O31931" t="s">
        <v>85</v>
      </c>
      <c r="P31931" t="s">
        <v>86</v>
      </c>
      <c r="Q31931">
        <v>44</v>
      </c>
      <c r="R31931">
        <v>44</v>
      </c>
      <c r="S31931">
        <v>44</v>
      </c>
      <c r="T31931">
        <v>44</v>
      </c>
      <c r="U31931">
        <v>44</v>
      </c>
      <c r="V31931">
        <v>45</v>
      </c>
      <c r="W31931">
        <v>45</v>
      </c>
      <c r="X31931">
        <v>45</v>
      </c>
      <c r="Y31931">
        <v>45</v>
      </c>
      <c r="Z31931">
        <v>45</v>
      </c>
      <c r="AA31931">
        <v>45</v>
      </c>
      <c r="AB31931">
        <v>45</v>
      </c>
      <c r="AC31931">
        <v>45</v>
      </c>
      <c r="AD31931">
        <v>45</v>
      </c>
      <c r="AE31931">
        <v>45</v>
      </c>
      <c r="AF31931">
        <v>45</v>
      </c>
      <c r="AG31931">
        <v>45</v>
      </c>
      <c r="AH31931">
        <v>46</v>
      </c>
      <c r="AI31931">
        <v>46</v>
      </c>
      <c r="AJ31931">
        <v>46</v>
      </c>
      <c r="AK31931">
        <v>46</v>
      </c>
      <c r="AL31931">
        <v>46</v>
      </c>
      <c r="AM31931">
        <v>46</v>
      </c>
      <c r="AN31931">
        <v>46</v>
      </c>
      <c r="AO31931">
        <v>46</v>
      </c>
      <c r="AP31931">
        <v>47</v>
      </c>
      <c r="AQ31931">
        <v>47</v>
      </c>
    </row>
    <row r="31932" spans="1:43">
      <c r="A31932" t="s">
        <v>19783</v>
      </c>
      <c r="B31932" t="s">
        <v>19784</v>
      </c>
      <c r="C31932" t="s">
        <v>19777</v>
      </c>
      <c r="D31932" t="s">
        <v>19778</v>
      </c>
      <c r="E31932" t="s">
        <v>19721</v>
      </c>
      <c r="F31932" t="s">
        <v>19722</v>
      </c>
      <c r="G31932" t="s">
        <v>10734</v>
      </c>
      <c r="H31932" t="s">
        <v>10735</v>
      </c>
      <c r="I31932" s="2">
        <v>0</v>
      </c>
      <c r="J31932" s="2">
        <v>0</v>
      </c>
      <c r="K31932" s="2">
        <v>1</v>
      </c>
      <c r="L31932" t="s">
        <v>995</v>
      </c>
      <c r="M31932" t="s">
        <v>89</v>
      </c>
      <c r="N31932" t="s">
        <v>90</v>
      </c>
      <c r="O31932" t="s">
        <v>85</v>
      </c>
      <c r="P31932" t="s">
        <v>86</v>
      </c>
      <c r="Q31932">
        <v>44</v>
      </c>
      <c r="R31932">
        <v>45</v>
      </c>
      <c r="S31932">
        <v>46</v>
      </c>
      <c r="T31932">
        <v>47</v>
      </c>
      <c r="U31932">
        <v>47</v>
      </c>
      <c r="V31932">
        <v>48</v>
      </c>
      <c r="W31932">
        <v>49</v>
      </c>
      <c r="X31932">
        <v>49</v>
      </c>
      <c r="Y31932">
        <v>50</v>
      </c>
      <c r="Z31932">
        <v>51</v>
      </c>
      <c r="AA31932">
        <v>51</v>
      </c>
      <c r="AB31932">
        <v>52</v>
      </c>
      <c r="AC31932">
        <v>52</v>
      </c>
      <c r="AD31932">
        <v>53</v>
      </c>
      <c r="AE31932">
        <v>53</v>
      </c>
      <c r="AF31932">
        <v>53</v>
      </c>
      <c r="AG31932">
        <v>53</v>
      </c>
      <c r="AH31932">
        <v>53</v>
      </c>
      <c r="AI31932">
        <v>53</v>
      </c>
      <c r="AJ31932">
        <v>53</v>
      </c>
      <c r="AK31932">
        <v>53</v>
      </c>
      <c r="AL31932">
        <v>53</v>
      </c>
      <c r="AM31932">
        <v>53</v>
      </c>
      <c r="AN31932">
        <v>53</v>
      </c>
      <c r="AO31932">
        <v>53</v>
      </c>
      <c r="AP31932">
        <v>53</v>
      </c>
      <c r="AQ31932">
        <v>53</v>
      </c>
    </row>
    <row r="31933" spans="1:43">
      <c r="A31933" t="s">
        <v>19783</v>
      </c>
      <c r="B31933" t="s">
        <v>19784</v>
      </c>
      <c r="C31933" t="s">
        <v>19777</v>
      </c>
      <c r="D31933" t="s">
        <v>19778</v>
      </c>
      <c r="E31933" t="s">
        <v>19721</v>
      </c>
      <c r="F31933" t="s">
        <v>19722</v>
      </c>
      <c r="G31933" t="s">
        <v>10734</v>
      </c>
      <c r="H31933" t="s">
        <v>10735</v>
      </c>
      <c r="I31933" s="2">
        <v>0</v>
      </c>
      <c r="J31933" s="2">
        <v>0</v>
      </c>
      <c r="K31933" s="2">
        <v>1</v>
      </c>
      <c r="L31933" t="s">
        <v>995</v>
      </c>
      <c r="M31933" t="s">
        <v>83</v>
      </c>
      <c r="N31933" t="s">
        <v>91</v>
      </c>
      <c r="O31933" t="s">
        <v>85</v>
      </c>
      <c r="P31933" t="s">
        <v>86</v>
      </c>
      <c r="Q31933">
        <v>44</v>
      </c>
      <c r="R31933">
        <v>44</v>
      </c>
      <c r="S31933">
        <v>45</v>
      </c>
      <c r="T31933">
        <v>45</v>
      </c>
      <c r="U31933">
        <v>45</v>
      </c>
      <c r="V31933">
        <v>46</v>
      </c>
      <c r="W31933">
        <v>46</v>
      </c>
      <c r="X31933">
        <v>47</v>
      </c>
      <c r="Y31933">
        <v>47</v>
      </c>
      <c r="Z31933">
        <v>48</v>
      </c>
      <c r="AA31933">
        <v>48</v>
      </c>
      <c r="AB31933">
        <v>49</v>
      </c>
      <c r="AC31933">
        <v>49</v>
      </c>
      <c r="AD31933">
        <v>49</v>
      </c>
      <c r="AE31933">
        <v>50</v>
      </c>
      <c r="AF31933">
        <v>50</v>
      </c>
      <c r="AG31933">
        <v>51</v>
      </c>
      <c r="AH31933">
        <v>51</v>
      </c>
      <c r="AI31933">
        <v>52</v>
      </c>
      <c r="AJ31933">
        <v>52</v>
      </c>
      <c r="AK31933">
        <v>52</v>
      </c>
      <c r="AL31933">
        <v>53</v>
      </c>
      <c r="AM31933">
        <v>53</v>
      </c>
      <c r="AN31933">
        <v>53</v>
      </c>
      <c r="AO31933">
        <v>53</v>
      </c>
      <c r="AP31933">
        <v>53</v>
      </c>
      <c r="AQ31933">
        <v>53</v>
      </c>
    </row>
    <row r="31934" spans="1:43">
      <c r="A31934" t="s">
        <v>19785</v>
      </c>
      <c r="B31934" t="s">
        <v>19786</v>
      </c>
      <c r="C31934" t="s">
        <v>19787</v>
      </c>
      <c r="D31934" t="s">
        <v>19788</v>
      </c>
      <c r="E31934" t="s">
        <v>19721</v>
      </c>
      <c r="F31934" t="s">
        <v>19722</v>
      </c>
      <c r="G31934" t="s">
        <v>10734</v>
      </c>
      <c r="H31934" t="s">
        <v>10735</v>
      </c>
      <c r="I31934" s="2">
        <v>0</v>
      </c>
      <c r="J31934" s="2">
        <v>0</v>
      </c>
      <c r="K31934" s="2">
        <v>1</v>
      </c>
      <c r="L31934" t="s">
        <v>995</v>
      </c>
      <c r="M31934" t="s">
        <v>83</v>
      </c>
      <c r="N31934" t="s">
        <v>84</v>
      </c>
      <c r="O31934" t="s">
        <v>85</v>
      </c>
      <c r="P31934" t="s">
        <v>86</v>
      </c>
      <c r="Q31934">
        <v>103</v>
      </c>
      <c r="R31934">
        <v>104</v>
      </c>
      <c r="S31934">
        <v>105</v>
      </c>
      <c r="T31934">
        <v>107</v>
      </c>
      <c r="U31934">
        <v>108</v>
      </c>
      <c r="V31934">
        <v>109</v>
      </c>
      <c r="W31934">
        <v>110</v>
      </c>
      <c r="X31934">
        <v>111</v>
      </c>
      <c r="Y31934">
        <v>112</v>
      </c>
      <c r="Z31934">
        <v>113</v>
      </c>
      <c r="AA31934">
        <v>114</v>
      </c>
      <c r="AB31934">
        <v>115</v>
      </c>
      <c r="AC31934">
        <v>116</v>
      </c>
      <c r="AD31934">
        <v>117</v>
      </c>
      <c r="AE31934">
        <v>118</v>
      </c>
      <c r="AF31934">
        <v>119</v>
      </c>
      <c r="AG31934">
        <v>120</v>
      </c>
      <c r="AH31934">
        <v>121</v>
      </c>
      <c r="AI31934">
        <v>123</v>
      </c>
      <c r="AJ31934">
        <v>124</v>
      </c>
      <c r="AK31934">
        <v>125</v>
      </c>
      <c r="AL31934">
        <v>125</v>
      </c>
      <c r="AM31934">
        <v>125</v>
      </c>
      <c r="AN31934">
        <v>125</v>
      </c>
      <c r="AO31934">
        <v>125</v>
      </c>
      <c r="AP31934">
        <v>126</v>
      </c>
      <c r="AQ31934">
        <v>126</v>
      </c>
    </row>
    <row r="31935" spans="1:43">
      <c r="A31935" t="s">
        <v>19785</v>
      </c>
      <c r="B31935" t="s">
        <v>19786</v>
      </c>
      <c r="C31935" t="s">
        <v>19787</v>
      </c>
      <c r="D31935" t="s">
        <v>19788</v>
      </c>
      <c r="E31935" t="s">
        <v>19721</v>
      </c>
      <c r="F31935" t="s">
        <v>19722</v>
      </c>
      <c r="G31935" t="s">
        <v>10734</v>
      </c>
      <c r="H31935" t="s">
        <v>10735</v>
      </c>
      <c r="I31935" s="2">
        <v>0</v>
      </c>
      <c r="J31935" s="2">
        <v>0</v>
      </c>
      <c r="K31935" s="2">
        <v>1</v>
      </c>
      <c r="L31935" t="s">
        <v>995</v>
      </c>
      <c r="M31935" t="s">
        <v>87</v>
      </c>
      <c r="N31935" t="s">
        <v>88</v>
      </c>
      <c r="O31935" t="s">
        <v>85</v>
      </c>
      <c r="P31935" t="s">
        <v>86</v>
      </c>
      <c r="Q31935">
        <v>103</v>
      </c>
      <c r="R31935">
        <v>103</v>
      </c>
      <c r="S31935">
        <v>104</v>
      </c>
      <c r="T31935">
        <v>104</v>
      </c>
      <c r="U31935">
        <v>104</v>
      </c>
      <c r="V31935">
        <v>104</v>
      </c>
      <c r="W31935">
        <v>104</v>
      </c>
      <c r="X31935">
        <v>104</v>
      </c>
      <c r="Y31935">
        <v>105</v>
      </c>
      <c r="Z31935">
        <v>105</v>
      </c>
      <c r="AA31935">
        <v>105</v>
      </c>
      <c r="AB31935">
        <v>105</v>
      </c>
      <c r="AC31935">
        <v>105</v>
      </c>
      <c r="AD31935">
        <v>106</v>
      </c>
      <c r="AE31935">
        <v>106</v>
      </c>
      <c r="AF31935">
        <v>106</v>
      </c>
      <c r="AG31935">
        <v>106</v>
      </c>
      <c r="AH31935">
        <v>107</v>
      </c>
      <c r="AI31935">
        <v>107</v>
      </c>
      <c r="AJ31935">
        <v>107</v>
      </c>
      <c r="AK31935">
        <v>108</v>
      </c>
      <c r="AL31935">
        <v>108</v>
      </c>
      <c r="AM31935">
        <v>108</v>
      </c>
      <c r="AN31935">
        <v>109</v>
      </c>
      <c r="AO31935">
        <v>109</v>
      </c>
      <c r="AP31935">
        <v>110</v>
      </c>
      <c r="AQ31935">
        <v>110</v>
      </c>
    </row>
    <row r="31936" spans="1:43">
      <c r="A31936" t="s">
        <v>19785</v>
      </c>
      <c r="B31936" t="s">
        <v>19786</v>
      </c>
      <c r="C31936" t="s">
        <v>19787</v>
      </c>
      <c r="D31936" t="s">
        <v>19788</v>
      </c>
      <c r="E31936" t="s">
        <v>19721</v>
      </c>
      <c r="F31936" t="s">
        <v>19722</v>
      </c>
      <c r="G31936" t="s">
        <v>10734</v>
      </c>
      <c r="H31936" t="s">
        <v>10735</v>
      </c>
      <c r="I31936" s="2">
        <v>0</v>
      </c>
      <c r="J31936" s="2">
        <v>0</v>
      </c>
      <c r="K31936" s="2">
        <v>1</v>
      </c>
      <c r="L31936" t="s">
        <v>995</v>
      </c>
      <c r="M31936" t="s">
        <v>89</v>
      </c>
      <c r="N31936" t="s">
        <v>90</v>
      </c>
      <c r="O31936" t="s">
        <v>85</v>
      </c>
      <c r="P31936" t="s">
        <v>86</v>
      </c>
      <c r="Q31936">
        <v>103</v>
      </c>
      <c r="R31936">
        <v>105</v>
      </c>
      <c r="S31936">
        <v>107</v>
      </c>
      <c r="T31936">
        <v>109</v>
      </c>
      <c r="U31936">
        <v>111</v>
      </c>
      <c r="V31936">
        <v>113</v>
      </c>
      <c r="W31936">
        <v>114</v>
      </c>
      <c r="X31936">
        <v>116</v>
      </c>
      <c r="Y31936">
        <v>118</v>
      </c>
      <c r="Z31936">
        <v>119</v>
      </c>
      <c r="AA31936">
        <v>120</v>
      </c>
      <c r="AB31936">
        <v>122</v>
      </c>
      <c r="AC31936">
        <v>123</v>
      </c>
      <c r="AD31936">
        <v>125</v>
      </c>
      <c r="AE31936">
        <v>126</v>
      </c>
      <c r="AF31936">
        <v>126</v>
      </c>
      <c r="AG31936">
        <v>126</v>
      </c>
      <c r="AH31936">
        <v>126</v>
      </c>
      <c r="AI31936">
        <v>126</v>
      </c>
      <c r="AJ31936">
        <v>126</v>
      </c>
      <c r="AK31936">
        <v>126</v>
      </c>
      <c r="AL31936">
        <v>126</v>
      </c>
      <c r="AM31936">
        <v>126</v>
      </c>
      <c r="AN31936">
        <v>126</v>
      </c>
      <c r="AO31936">
        <v>126</v>
      </c>
      <c r="AP31936">
        <v>126</v>
      </c>
      <c r="AQ31936">
        <v>127</v>
      </c>
    </row>
    <row r="31937" spans="1:43">
      <c r="A31937" t="s">
        <v>19785</v>
      </c>
      <c r="B31937" t="s">
        <v>19786</v>
      </c>
      <c r="C31937" t="s">
        <v>19787</v>
      </c>
      <c r="D31937" t="s">
        <v>19788</v>
      </c>
      <c r="E31937" t="s">
        <v>19721</v>
      </c>
      <c r="F31937" t="s">
        <v>19722</v>
      </c>
      <c r="G31937" t="s">
        <v>10734</v>
      </c>
      <c r="H31937" t="s">
        <v>10735</v>
      </c>
      <c r="I31937" s="2">
        <v>0</v>
      </c>
      <c r="J31937" s="2">
        <v>0</v>
      </c>
      <c r="K31937" s="2">
        <v>1</v>
      </c>
      <c r="L31937" t="s">
        <v>995</v>
      </c>
      <c r="M31937" t="s">
        <v>83</v>
      </c>
      <c r="N31937" t="s">
        <v>91</v>
      </c>
      <c r="O31937" t="s">
        <v>85</v>
      </c>
      <c r="P31937" t="s">
        <v>86</v>
      </c>
      <c r="Q31937">
        <v>103</v>
      </c>
      <c r="R31937">
        <v>104</v>
      </c>
      <c r="S31937">
        <v>105</v>
      </c>
      <c r="T31937">
        <v>107</v>
      </c>
      <c r="U31937">
        <v>108</v>
      </c>
      <c r="V31937">
        <v>109</v>
      </c>
      <c r="W31937">
        <v>110</v>
      </c>
      <c r="X31937">
        <v>111</v>
      </c>
      <c r="Y31937">
        <v>112</v>
      </c>
      <c r="Z31937">
        <v>113</v>
      </c>
      <c r="AA31937">
        <v>114</v>
      </c>
      <c r="AB31937">
        <v>115</v>
      </c>
      <c r="AC31937">
        <v>116</v>
      </c>
      <c r="AD31937">
        <v>117</v>
      </c>
      <c r="AE31937">
        <v>118</v>
      </c>
      <c r="AF31937">
        <v>119</v>
      </c>
      <c r="AG31937">
        <v>120</v>
      </c>
      <c r="AH31937">
        <v>121</v>
      </c>
      <c r="AI31937">
        <v>123</v>
      </c>
      <c r="AJ31937">
        <v>124</v>
      </c>
      <c r="AK31937">
        <v>125</v>
      </c>
      <c r="AL31937">
        <v>125</v>
      </c>
      <c r="AM31937">
        <v>125</v>
      </c>
      <c r="AN31937">
        <v>125</v>
      </c>
      <c r="AO31937">
        <v>125</v>
      </c>
      <c r="AP31937">
        <v>126</v>
      </c>
      <c r="AQ31937">
        <v>126</v>
      </c>
    </row>
    <row r="31938" spans="1:43">
      <c r="A31938" t="s">
        <v>19789</v>
      </c>
      <c r="B31938" t="s">
        <v>19790</v>
      </c>
      <c r="C31938" t="s">
        <v>19787</v>
      </c>
      <c r="D31938" t="s">
        <v>19788</v>
      </c>
      <c r="E31938" t="s">
        <v>19721</v>
      </c>
      <c r="F31938" t="s">
        <v>19722</v>
      </c>
      <c r="G31938" t="s">
        <v>10734</v>
      </c>
      <c r="H31938" t="s">
        <v>10735</v>
      </c>
      <c r="I31938" s="2">
        <v>0</v>
      </c>
      <c r="J31938" s="2">
        <v>0</v>
      </c>
      <c r="K31938" s="2">
        <v>1</v>
      </c>
      <c r="L31938" t="s">
        <v>995</v>
      </c>
      <c r="M31938" t="s">
        <v>83</v>
      </c>
      <c r="N31938" t="s">
        <v>84</v>
      </c>
      <c r="O31938" t="s">
        <v>85</v>
      </c>
      <c r="P31938" t="s">
        <v>86</v>
      </c>
      <c r="Q31938">
        <v>55</v>
      </c>
      <c r="R31938">
        <v>56</v>
      </c>
      <c r="S31938">
        <v>57</v>
      </c>
      <c r="T31938">
        <v>57</v>
      </c>
      <c r="U31938">
        <v>58</v>
      </c>
      <c r="V31938">
        <v>59</v>
      </c>
      <c r="W31938">
        <v>59</v>
      </c>
      <c r="X31938">
        <v>60</v>
      </c>
      <c r="Y31938">
        <v>60</v>
      </c>
      <c r="Z31938">
        <v>61</v>
      </c>
      <c r="AA31938">
        <v>61</v>
      </c>
      <c r="AB31938">
        <v>62</v>
      </c>
      <c r="AC31938">
        <v>63</v>
      </c>
      <c r="AD31938">
        <v>63</v>
      </c>
      <c r="AE31938">
        <v>64</v>
      </c>
      <c r="AF31938">
        <v>64</v>
      </c>
      <c r="AG31938">
        <v>65</v>
      </c>
      <c r="AH31938">
        <v>65</v>
      </c>
      <c r="AI31938">
        <v>66</v>
      </c>
      <c r="AJ31938">
        <v>66</v>
      </c>
      <c r="AK31938">
        <v>67</v>
      </c>
      <c r="AL31938">
        <v>67</v>
      </c>
      <c r="AM31938">
        <v>67</v>
      </c>
      <c r="AN31938">
        <v>67</v>
      </c>
      <c r="AO31938">
        <v>67</v>
      </c>
      <c r="AP31938">
        <v>68</v>
      </c>
      <c r="AQ31938">
        <v>68</v>
      </c>
    </row>
    <row r="31939" spans="1:43">
      <c r="A31939" t="s">
        <v>19789</v>
      </c>
      <c r="B31939" t="s">
        <v>19790</v>
      </c>
      <c r="C31939" t="s">
        <v>19787</v>
      </c>
      <c r="D31939" t="s">
        <v>19788</v>
      </c>
      <c r="E31939" t="s">
        <v>19721</v>
      </c>
      <c r="F31939" t="s">
        <v>19722</v>
      </c>
      <c r="G31939" t="s">
        <v>10734</v>
      </c>
      <c r="H31939" t="s">
        <v>10735</v>
      </c>
      <c r="I31939" s="2">
        <v>0</v>
      </c>
      <c r="J31939" s="2">
        <v>0</v>
      </c>
      <c r="K31939" s="2">
        <v>1</v>
      </c>
      <c r="L31939" t="s">
        <v>995</v>
      </c>
      <c r="M31939" t="s">
        <v>87</v>
      </c>
      <c r="N31939" t="s">
        <v>88</v>
      </c>
      <c r="O31939" t="s">
        <v>85</v>
      </c>
      <c r="P31939" t="s">
        <v>86</v>
      </c>
      <c r="Q31939">
        <v>55</v>
      </c>
      <c r="R31939">
        <v>55</v>
      </c>
      <c r="S31939">
        <v>55</v>
      </c>
      <c r="T31939">
        <v>55</v>
      </c>
      <c r="U31939">
        <v>55</v>
      </c>
      <c r="V31939">
        <v>55</v>
      </c>
      <c r="W31939">
        <v>56</v>
      </c>
      <c r="X31939">
        <v>56</v>
      </c>
      <c r="Y31939">
        <v>56</v>
      </c>
      <c r="Z31939">
        <v>56</v>
      </c>
      <c r="AA31939">
        <v>56</v>
      </c>
      <c r="AB31939">
        <v>56</v>
      </c>
      <c r="AC31939">
        <v>56</v>
      </c>
      <c r="AD31939">
        <v>56</v>
      </c>
      <c r="AE31939">
        <v>56</v>
      </c>
      <c r="AF31939">
        <v>57</v>
      </c>
      <c r="AG31939">
        <v>57</v>
      </c>
      <c r="AH31939">
        <v>57</v>
      </c>
      <c r="AI31939">
        <v>57</v>
      </c>
      <c r="AJ31939">
        <v>57</v>
      </c>
      <c r="AK31939">
        <v>57</v>
      </c>
      <c r="AL31939">
        <v>58</v>
      </c>
      <c r="AM31939">
        <v>58</v>
      </c>
      <c r="AN31939">
        <v>58</v>
      </c>
      <c r="AO31939">
        <v>58</v>
      </c>
      <c r="AP31939">
        <v>58</v>
      </c>
      <c r="AQ31939">
        <v>59</v>
      </c>
    </row>
    <row r="31940" spans="1:43">
      <c r="A31940" t="s">
        <v>19789</v>
      </c>
      <c r="B31940" t="s">
        <v>19790</v>
      </c>
      <c r="C31940" t="s">
        <v>19787</v>
      </c>
      <c r="D31940" t="s">
        <v>19788</v>
      </c>
      <c r="E31940" t="s">
        <v>19721</v>
      </c>
      <c r="F31940" t="s">
        <v>19722</v>
      </c>
      <c r="G31940" t="s">
        <v>10734</v>
      </c>
      <c r="H31940" t="s">
        <v>10735</v>
      </c>
      <c r="I31940" s="2">
        <v>0</v>
      </c>
      <c r="J31940" s="2">
        <v>0</v>
      </c>
      <c r="K31940" s="2">
        <v>1</v>
      </c>
      <c r="L31940" t="s">
        <v>995</v>
      </c>
      <c r="M31940" t="s">
        <v>89</v>
      </c>
      <c r="N31940" t="s">
        <v>90</v>
      </c>
      <c r="O31940" t="s">
        <v>85</v>
      </c>
      <c r="P31940" t="s">
        <v>86</v>
      </c>
      <c r="Q31940">
        <v>55</v>
      </c>
      <c r="R31940">
        <v>56</v>
      </c>
      <c r="S31940">
        <v>57</v>
      </c>
      <c r="T31940">
        <v>58</v>
      </c>
      <c r="U31940">
        <v>59</v>
      </c>
      <c r="V31940">
        <v>60</v>
      </c>
      <c r="W31940">
        <v>61</v>
      </c>
      <c r="X31940">
        <v>62</v>
      </c>
      <c r="Y31940">
        <v>63</v>
      </c>
      <c r="Z31940">
        <v>64</v>
      </c>
      <c r="AA31940">
        <v>64</v>
      </c>
      <c r="AB31940">
        <v>65</v>
      </c>
      <c r="AC31940">
        <v>66</v>
      </c>
      <c r="AD31940">
        <v>67</v>
      </c>
      <c r="AE31940">
        <v>67</v>
      </c>
      <c r="AF31940">
        <v>67</v>
      </c>
      <c r="AG31940">
        <v>67</v>
      </c>
      <c r="AH31940">
        <v>67</v>
      </c>
      <c r="AI31940">
        <v>67</v>
      </c>
      <c r="AJ31940">
        <v>67</v>
      </c>
      <c r="AK31940">
        <v>67</v>
      </c>
      <c r="AL31940">
        <v>67</v>
      </c>
      <c r="AM31940">
        <v>67</v>
      </c>
      <c r="AN31940">
        <v>67</v>
      </c>
      <c r="AO31940">
        <v>67</v>
      </c>
      <c r="AP31940">
        <v>67</v>
      </c>
      <c r="AQ31940">
        <v>68</v>
      </c>
    </row>
    <row r="31941" spans="1:43">
      <c r="A31941" t="s">
        <v>19789</v>
      </c>
      <c r="B31941" t="s">
        <v>19790</v>
      </c>
      <c r="C31941" t="s">
        <v>19787</v>
      </c>
      <c r="D31941" t="s">
        <v>19788</v>
      </c>
      <c r="E31941" t="s">
        <v>19721</v>
      </c>
      <c r="F31941" t="s">
        <v>19722</v>
      </c>
      <c r="G31941" t="s">
        <v>10734</v>
      </c>
      <c r="H31941" t="s">
        <v>10735</v>
      </c>
      <c r="I31941" s="2">
        <v>0</v>
      </c>
      <c r="J31941" s="2">
        <v>0</v>
      </c>
      <c r="K31941" s="2">
        <v>1</v>
      </c>
      <c r="L31941" t="s">
        <v>995</v>
      </c>
      <c r="M31941" t="s">
        <v>83</v>
      </c>
      <c r="N31941" t="s">
        <v>91</v>
      </c>
      <c r="O31941" t="s">
        <v>85</v>
      </c>
      <c r="P31941" t="s">
        <v>86</v>
      </c>
      <c r="Q31941">
        <v>55</v>
      </c>
      <c r="R31941">
        <v>56</v>
      </c>
      <c r="S31941">
        <v>57</v>
      </c>
      <c r="T31941">
        <v>57</v>
      </c>
      <c r="U31941">
        <v>58</v>
      </c>
      <c r="V31941">
        <v>59</v>
      </c>
      <c r="W31941">
        <v>59</v>
      </c>
      <c r="X31941">
        <v>60</v>
      </c>
      <c r="Y31941">
        <v>60</v>
      </c>
      <c r="Z31941">
        <v>61</v>
      </c>
      <c r="AA31941">
        <v>61</v>
      </c>
      <c r="AB31941">
        <v>62</v>
      </c>
      <c r="AC31941">
        <v>63</v>
      </c>
      <c r="AD31941">
        <v>63</v>
      </c>
      <c r="AE31941">
        <v>64</v>
      </c>
      <c r="AF31941">
        <v>64</v>
      </c>
      <c r="AG31941">
        <v>65</v>
      </c>
      <c r="AH31941">
        <v>65</v>
      </c>
      <c r="AI31941">
        <v>66</v>
      </c>
      <c r="AJ31941">
        <v>66</v>
      </c>
      <c r="AK31941">
        <v>67</v>
      </c>
      <c r="AL31941">
        <v>67</v>
      </c>
      <c r="AM31941">
        <v>67</v>
      </c>
      <c r="AN31941">
        <v>67</v>
      </c>
      <c r="AO31941">
        <v>67</v>
      </c>
      <c r="AP31941">
        <v>68</v>
      </c>
      <c r="AQ31941">
        <v>68</v>
      </c>
    </row>
    <row r="31942" spans="1:43">
      <c r="A31942" t="s">
        <v>19791</v>
      </c>
      <c r="B31942" t="s">
        <v>19792</v>
      </c>
      <c r="C31942" t="s">
        <v>19787</v>
      </c>
      <c r="D31942" t="s">
        <v>19788</v>
      </c>
      <c r="E31942" t="s">
        <v>19721</v>
      </c>
      <c r="F31942" t="s">
        <v>19722</v>
      </c>
      <c r="G31942" t="s">
        <v>10734</v>
      </c>
      <c r="H31942" t="s">
        <v>10735</v>
      </c>
      <c r="I31942" s="2">
        <v>0</v>
      </c>
      <c r="J31942" s="2">
        <v>0</v>
      </c>
      <c r="K31942" s="2">
        <v>1</v>
      </c>
      <c r="L31942" t="s">
        <v>995</v>
      </c>
      <c r="M31942" t="s">
        <v>83</v>
      </c>
      <c r="N31942" t="s">
        <v>84</v>
      </c>
      <c r="O31942" t="s">
        <v>85</v>
      </c>
      <c r="P31942" t="s">
        <v>86</v>
      </c>
      <c r="Q31942">
        <v>50</v>
      </c>
      <c r="R31942">
        <v>50</v>
      </c>
      <c r="S31942">
        <v>51</v>
      </c>
      <c r="T31942">
        <v>51</v>
      </c>
      <c r="U31942">
        <v>52</v>
      </c>
      <c r="V31942">
        <v>53</v>
      </c>
      <c r="W31942">
        <v>53</v>
      </c>
      <c r="X31942">
        <v>54</v>
      </c>
      <c r="Y31942">
        <v>54</v>
      </c>
      <c r="Z31942">
        <v>55</v>
      </c>
      <c r="AA31942">
        <v>55</v>
      </c>
      <c r="AB31942">
        <v>56</v>
      </c>
      <c r="AC31942">
        <v>56</v>
      </c>
      <c r="AD31942">
        <v>57</v>
      </c>
      <c r="AE31942">
        <v>57</v>
      </c>
      <c r="AF31942">
        <v>58</v>
      </c>
      <c r="AG31942">
        <v>58</v>
      </c>
      <c r="AH31942">
        <v>59</v>
      </c>
      <c r="AI31942">
        <v>59</v>
      </c>
      <c r="AJ31942">
        <v>60</v>
      </c>
      <c r="AK31942">
        <v>60</v>
      </c>
      <c r="AL31942">
        <v>60</v>
      </c>
      <c r="AM31942">
        <v>60</v>
      </c>
      <c r="AN31942">
        <v>60</v>
      </c>
      <c r="AO31942">
        <v>61</v>
      </c>
      <c r="AP31942">
        <v>61</v>
      </c>
      <c r="AQ31942">
        <v>61</v>
      </c>
    </row>
    <row r="31943" spans="1:43">
      <c r="A31943" t="s">
        <v>19791</v>
      </c>
      <c r="B31943" t="s">
        <v>19792</v>
      </c>
      <c r="C31943" t="s">
        <v>19787</v>
      </c>
      <c r="D31943" t="s">
        <v>19788</v>
      </c>
      <c r="E31943" t="s">
        <v>19721</v>
      </c>
      <c r="F31943" t="s">
        <v>19722</v>
      </c>
      <c r="G31943" t="s">
        <v>10734</v>
      </c>
      <c r="H31943" t="s">
        <v>10735</v>
      </c>
      <c r="I31943" s="2">
        <v>0</v>
      </c>
      <c r="J31943" s="2">
        <v>0</v>
      </c>
      <c r="K31943" s="2">
        <v>1</v>
      </c>
      <c r="L31943" t="s">
        <v>995</v>
      </c>
      <c r="M31943" t="s">
        <v>87</v>
      </c>
      <c r="N31943" t="s">
        <v>88</v>
      </c>
      <c r="O31943" t="s">
        <v>85</v>
      </c>
      <c r="P31943" t="s">
        <v>86</v>
      </c>
      <c r="Q31943">
        <v>50</v>
      </c>
      <c r="R31943">
        <v>50</v>
      </c>
      <c r="S31943">
        <v>51</v>
      </c>
      <c r="T31943">
        <v>51</v>
      </c>
      <c r="U31943">
        <v>51</v>
      </c>
      <c r="V31943">
        <v>51</v>
      </c>
      <c r="W31943">
        <v>51</v>
      </c>
      <c r="X31943">
        <v>51</v>
      </c>
      <c r="Y31943">
        <v>51</v>
      </c>
      <c r="Z31943">
        <v>51</v>
      </c>
      <c r="AA31943">
        <v>51</v>
      </c>
      <c r="AB31943">
        <v>51</v>
      </c>
      <c r="AC31943">
        <v>51</v>
      </c>
      <c r="AD31943">
        <v>52</v>
      </c>
      <c r="AE31943">
        <v>52</v>
      </c>
      <c r="AF31943">
        <v>52</v>
      </c>
      <c r="AG31943">
        <v>52</v>
      </c>
      <c r="AH31943">
        <v>52</v>
      </c>
      <c r="AI31943">
        <v>52</v>
      </c>
      <c r="AJ31943">
        <v>52</v>
      </c>
      <c r="AK31943">
        <v>53</v>
      </c>
      <c r="AL31943">
        <v>53</v>
      </c>
      <c r="AM31943">
        <v>53</v>
      </c>
      <c r="AN31943">
        <v>53</v>
      </c>
      <c r="AO31943">
        <v>53</v>
      </c>
      <c r="AP31943">
        <v>53</v>
      </c>
      <c r="AQ31943">
        <v>54</v>
      </c>
    </row>
    <row r="31944" spans="1:43">
      <c r="A31944" t="s">
        <v>19791</v>
      </c>
      <c r="B31944" t="s">
        <v>19792</v>
      </c>
      <c r="C31944" t="s">
        <v>19787</v>
      </c>
      <c r="D31944" t="s">
        <v>19788</v>
      </c>
      <c r="E31944" t="s">
        <v>19721</v>
      </c>
      <c r="F31944" t="s">
        <v>19722</v>
      </c>
      <c r="G31944" t="s">
        <v>10734</v>
      </c>
      <c r="H31944" t="s">
        <v>10735</v>
      </c>
      <c r="I31944" s="2">
        <v>0</v>
      </c>
      <c r="J31944" s="2">
        <v>0</v>
      </c>
      <c r="K31944" s="2">
        <v>1</v>
      </c>
      <c r="L31944" t="s">
        <v>995</v>
      </c>
      <c r="M31944" t="s">
        <v>89</v>
      </c>
      <c r="N31944" t="s">
        <v>90</v>
      </c>
      <c r="O31944" t="s">
        <v>85</v>
      </c>
      <c r="P31944" t="s">
        <v>86</v>
      </c>
      <c r="Q31944">
        <v>50</v>
      </c>
      <c r="R31944">
        <v>51</v>
      </c>
      <c r="S31944">
        <v>52</v>
      </c>
      <c r="T31944">
        <v>53</v>
      </c>
      <c r="U31944">
        <v>54</v>
      </c>
      <c r="V31944">
        <v>55</v>
      </c>
      <c r="W31944">
        <v>56</v>
      </c>
      <c r="X31944">
        <v>57</v>
      </c>
      <c r="Y31944">
        <v>57</v>
      </c>
      <c r="Z31944">
        <v>58</v>
      </c>
      <c r="AA31944">
        <v>59</v>
      </c>
      <c r="AB31944">
        <v>59</v>
      </c>
      <c r="AC31944">
        <v>60</v>
      </c>
      <c r="AD31944">
        <v>61</v>
      </c>
      <c r="AE31944">
        <v>61</v>
      </c>
      <c r="AF31944">
        <v>61</v>
      </c>
      <c r="AG31944">
        <v>61</v>
      </c>
      <c r="AH31944">
        <v>61</v>
      </c>
      <c r="AI31944">
        <v>61</v>
      </c>
      <c r="AJ31944">
        <v>61</v>
      </c>
      <c r="AK31944">
        <v>61</v>
      </c>
      <c r="AL31944">
        <v>61</v>
      </c>
      <c r="AM31944">
        <v>61</v>
      </c>
      <c r="AN31944">
        <v>61</v>
      </c>
      <c r="AO31944">
        <v>61</v>
      </c>
      <c r="AP31944">
        <v>61</v>
      </c>
      <c r="AQ31944">
        <v>61</v>
      </c>
    </row>
    <row r="31945" spans="1:43">
      <c r="A31945" t="s">
        <v>19791</v>
      </c>
      <c r="B31945" t="s">
        <v>19792</v>
      </c>
      <c r="C31945" t="s">
        <v>19787</v>
      </c>
      <c r="D31945" t="s">
        <v>19788</v>
      </c>
      <c r="E31945" t="s">
        <v>19721</v>
      </c>
      <c r="F31945" t="s">
        <v>19722</v>
      </c>
      <c r="G31945" t="s">
        <v>10734</v>
      </c>
      <c r="H31945" t="s">
        <v>10735</v>
      </c>
      <c r="I31945" s="2">
        <v>0</v>
      </c>
      <c r="J31945" s="2">
        <v>0</v>
      </c>
      <c r="K31945" s="2">
        <v>1</v>
      </c>
      <c r="L31945" t="s">
        <v>995</v>
      </c>
      <c r="M31945" t="s">
        <v>83</v>
      </c>
      <c r="N31945" t="s">
        <v>91</v>
      </c>
      <c r="O31945" t="s">
        <v>85</v>
      </c>
      <c r="P31945" t="s">
        <v>86</v>
      </c>
      <c r="Q31945">
        <v>50</v>
      </c>
      <c r="R31945">
        <v>50</v>
      </c>
      <c r="S31945">
        <v>51</v>
      </c>
      <c r="T31945">
        <v>51</v>
      </c>
      <c r="U31945">
        <v>52</v>
      </c>
      <c r="V31945">
        <v>53</v>
      </c>
      <c r="W31945">
        <v>53</v>
      </c>
      <c r="X31945">
        <v>54</v>
      </c>
      <c r="Y31945">
        <v>54</v>
      </c>
      <c r="Z31945">
        <v>55</v>
      </c>
      <c r="AA31945">
        <v>55</v>
      </c>
      <c r="AB31945">
        <v>56</v>
      </c>
      <c r="AC31945">
        <v>56</v>
      </c>
      <c r="AD31945">
        <v>57</v>
      </c>
      <c r="AE31945">
        <v>57</v>
      </c>
      <c r="AF31945">
        <v>58</v>
      </c>
      <c r="AG31945">
        <v>58</v>
      </c>
      <c r="AH31945">
        <v>59</v>
      </c>
      <c r="AI31945">
        <v>59</v>
      </c>
      <c r="AJ31945">
        <v>60</v>
      </c>
      <c r="AK31945">
        <v>60</v>
      </c>
      <c r="AL31945">
        <v>60</v>
      </c>
      <c r="AM31945">
        <v>60</v>
      </c>
      <c r="AN31945">
        <v>60</v>
      </c>
      <c r="AO31945">
        <v>61</v>
      </c>
      <c r="AP31945">
        <v>61</v>
      </c>
      <c r="AQ31945">
        <v>61</v>
      </c>
    </row>
    <row r="31946" spans="1:43">
      <c r="A31946" t="s">
        <v>19793</v>
      </c>
      <c r="B31946" t="s">
        <v>19794</v>
      </c>
      <c r="C31946" t="s">
        <v>19787</v>
      </c>
      <c r="D31946" t="s">
        <v>19788</v>
      </c>
      <c r="E31946" t="s">
        <v>19721</v>
      </c>
      <c r="F31946" t="s">
        <v>19722</v>
      </c>
      <c r="G31946" t="s">
        <v>10734</v>
      </c>
      <c r="H31946" t="s">
        <v>10735</v>
      </c>
      <c r="I31946" s="2">
        <v>0</v>
      </c>
      <c r="J31946" s="2">
        <v>0</v>
      </c>
      <c r="K31946" s="2">
        <v>1</v>
      </c>
      <c r="L31946" t="s">
        <v>995</v>
      </c>
      <c r="M31946" t="s">
        <v>83</v>
      </c>
      <c r="N31946" t="s">
        <v>84</v>
      </c>
      <c r="O31946" t="s">
        <v>85</v>
      </c>
      <c r="P31946" t="s">
        <v>86</v>
      </c>
      <c r="Q31946">
        <v>80</v>
      </c>
      <c r="R31946">
        <v>81</v>
      </c>
      <c r="S31946">
        <v>82</v>
      </c>
      <c r="T31946">
        <v>83</v>
      </c>
      <c r="U31946">
        <v>84</v>
      </c>
      <c r="V31946">
        <v>85</v>
      </c>
      <c r="W31946">
        <v>86</v>
      </c>
      <c r="X31946">
        <v>86</v>
      </c>
      <c r="Y31946">
        <v>87</v>
      </c>
      <c r="Z31946">
        <v>88</v>
      </c>
      <c r="AA31946">
        <v>89</v>
      </c>
      <c r="AB31946">
        <v>90</v>
      </c>
      <c r="AC31946">
        <v>91</v>
      </c>
      <c r="AD31946">
        <v>91</v>
      </c>
      <c r="AE31946">
        <v>92</v>
      </c>
      <c r="AF31946">
        <v>93</v>
      </c>
      <c r="AG31946">
        <v>94</v>
      </c>
      <c r="AH31946">
        <v>95</v>
      </c>
      <c r="AI31946">
        <v>95</v>
      </c>
      <c r="AJ31946">
        <v>96</v>
      </c>
      <c r="AK31946">
        <v>97</v>
      </c>
      <c r="AL31946">
        <v>97</v>
      </c>
      <c r="AM31946">
        <v>97</v>
      </c>
      <c r="AN31946">
        <v>98</v>
      </c>
      <c r="AO31946">
        <v>98</v>
      </c>
      <c r="AP31946">
        <v>98</v>
      </c>
      <c r="AQ31946">
        <v>98</v>
      </c>
    </row>
    <row r="31947" spans="1:43">
      <c r="A31947" t="s">
        <v>19793</v>
      </c>
      <c r="B31947" t="s">
        <v>19794</v>
      </c>
      <c r="C31947" t="s">
        <v>19787</v>
      </c>
      <c r="D31947" t="s">
        <v>19788</v>
      </c>
      <c r="E31947" t="s">
        <v>19721</v>
      </c>
      <c r="F31947" t="s">
        <v>19722</v>
      </c>
      <c r="G31947" t="s">
        <v>10734</v>
      </c>
      <c r="H31947" t="s">
        <v>10735</v>
      </c>
      <c r="I31947" s="2">
        <v>0</v>
      </c>
      <c r="J31947" s="2">
        <v>0</v>
      </c>
      <c r="K31947" s="2">
        <v>1</v>
      </c>
      <c r="L31947" t="s">
        <v>995</v>
      </c>
      <c r="M31947" t="s">
        <v>87</v>
      </c>
      <c r="N31947" t="s">
        <v>88</v>
      </c>
      <c r="O31947" t="s">
        <v>85</v>
      </c>
      <c r="P31947" t="s">
        <v>86</v>
      </c>
      <c r="Q31947">
        <v>80</v>
      </c>
      <c r="R31947">
        <v>80</v>
      </c>
      <c r="S31947">
        <v>80</v>
      </c>
      <c r="T31947">
        <v>80</v>
      </c>
      <c r="U31947">
        <v>80</v>
      </c>
      <c r="V31947">
        <v>80</v>
      </c>
      <c r="W31947">
        <v>80</v>
      </c>
      <c r="X31947">
        <v>81</v>
      </c>
      <c r="Y31947">
        <v>81</v>
      </c>
      <c r="Z31947">
        <v>81</v>
      </c>
      <c r="AA31947">
        <v>81</v>
      </c>
      <c r="AB31947">
        <v>81</v>
      </c>
      <c r="AC31947">
        <v>81</v>
      </c>
      <c r="AD31947">
        <v>82</v>
      </c>
      <c r="AE31947">
        <v>82</v>
      </c>
      <c r="AF31947">
        <v>82</v>
      </c>
      <c r="AG31947">
        <v>82</v>
      </c>
      <c r="AH31947">
        <v>82</v>
      </c>
      <c r="AI31947">
        <v>83</v>
      </c>
      <c r="AJ31947">
        <v>83</v>
      </c>
      <c r="AK31947">
        <v>83</v>
      </c>
      <c r="AL31947">
        <v>83</v>
      </c>
      <c r="AM31947">
        <v>84</v>
      </c>
      <c r="AN31947">
        <v>84</v>
      </c>
      <c r="AO31947">
        <v>84</v>
      </c>
      <c r="AP31947">
        <v>85</v>
      </c>
      <c r="AQ31947">
        <v>85</v>
      </c>
    </row>
    <row r="31948" spans="1:43">
      <c r="A31948" t="s">
        <v>19793</v>
      </c>
      <c r="B31948" t="s">
        <v>19794</v>
      </c>
      <c r="C31948" t="s">
        <v>19787</v>
      </c>
      <c r="D31948" t="s">
        <v>19788</v>
      </c>
      <c r="E31948" t="s">
        <v>19721</v>
      </c>
      <c r="F31948" t="s">
        <v>19722</v>
      </c>
      <c r="G31948" t="s">
        <v>10734</v>
      </c>
      <c r="H31948" t="s">
        <v>10735</v>
      </c>
      <c r="I31948" s="2">
        <v>0</v>
      </c>
      <c r="J31948" s="2">
        <v>0</v>
      </c>
      <c r="K31948" s="2">
        <v>1</v>
      </c>
      <c r="L31948" t="s">
        <v>995</v>
      </c>
      <c r="M31948" t="s">
        <v>89</v>
      </c>
      <c r="N31948" t="s">
        <v>90</v>
      </c>
      <c r="O31948" t="s">
        <v>85</v>
      </c>
      <c r="P31948" t="s">
        <v>86</v>
      </c>
      <c r="Q31948">
        <v>80</v>
      </c>
      <c r="R31948">
        <v>82</v>
      </c>
      <c r="S31948">
        <v>83</v>
      </c>
      <c r="T31948">
        <v>85</v>
      </c>
      <c r="U31948">
        <v>86</v>
      </c>
      <c r="V31948">
        <v>88</v>
      </c>
      <c r="W31948">
        <v>89</v>
      </c>
      <c r="X31948">
        <v>90</v>
      </c>
      <c r="Y31948">
        <v>91</v>
      </c>
      <c r="Z31948">
        <v>93</v>
      </c>
      <c r="AA31948">
        <v>94</v>
      </c>
      <c r="AB31948">
        <v>95</v>
      </c>
      <c r="AC31948">
        <v>96</v>
      </c>
      <c r="AD31948">
        <v>97</v>
      </c>
      <c r="AE31948">
        <v>98</v>
      </c>
      <c r="AF31948">
        <v>98</v>
      </c>
      <c r="AG31948">
        <v>98</v>
      </c>
      <c r="AH31948">
        <v>98</v>
      </c>
      <c r="AI31948">
        <v>98</v>
      </c>
      <c r="AJ31948">
        <v>98</v>
      </c>
      <c r="AK31948">
        <v>98</v>
      </c>
      <c r="AL31948">
        <v>98</v>
      </c>
      <c r="AM31948">
        <v>98</v>
      </c>
      <c r="AN31948">
        <v>98</v>
      </c>
      <c r="AO31948">
        <v>98</v>
      </c>
      <c r="AP31948">
        <v>98</v>
      </c>
      <c r="AQ31948">
        <v>98</v>
      </c>
    </row>
    <row r="31949" spans="1:43">
      <c r="A31949" t="s">
        <v>19793</v>
      </c>
      <c r="B31949" t="s">
        <v>19794</v>
      </c>
      <c r="C31949" t="s">
        <v>19787</v>
      </c>
      <c r="D31949" t="s">
        <v>19788</v>
      </c>
      <c r="E31949" t="s">
        <v>19721</v>
      </c>
      <c r="F31949" t="s">
        <v>19722</v>
      </c>
      <c r="G31949" t="s">
        <v>10734</v>
      </c>
      <c r="H31949" t="s">
        <v>10735</v>
      </c>
      <c r="I31949" s="2">
        <v>0</v>
      </c>
      <c r="J31949" s="2">
        <v>0</v>
      </c>
      <c r="K31949" s="2">
        <v>1</v>
      </c>
      <c r="L31949" t="s">
        <v>995</v>
      </c>
      <c r="M31949" t="s">
        <v>83</v>
      </c>
      <c r="N31949" t="s">
        <v>91</v>
      </c>
      <c r="O31949" t="s">
        <v>85</v>
      </c>
      <c r="P31949" t="s">
        <v>86</v>
      </c>
      <c r="Q31949">
        <v>80</v>
      </c>
      <c r="R31949">
        <v>81</v>
      </c>
      <c r="S31949">
        <v>82</v>
      </c>
      <c r="T31949">
        <v>83</v>
      </c>
      <c r="U31949">
        <v>84</v>
      </c>
      <c r="V31949">
        <v>85</v>
      </c>
      <c r="W31949">
        <v>86</v>
      </c>
      <c r="X31949">
        <v>86</v>
      </c>
      <c r="Y31949">
        <v>87</v>
      </c>
      <c r="Z31949">
        <v>88</v>
      </c>
      <c r="AA31949">
        <v>89</v>
      </c>
      <c r="AB31949">
        <v>90</v>
      </c>
      <c r="AC31949">
        <v>91</v>
      </c>
      <c r="AD31949">
        <v>91</v>
      </c>
      <c r="AE31949">
        <v>92</v>
      </c>
      <c r="AF31949">
        <v>93</v>
      </c>
      <c r="AG31949">
        <v>94</v>
      </c>
      <c r="AH31949">
        <v>95</v>
      </c>
      <c r="AI31949">
        <v>95</v>
      </c>
      <c r="AJ31949">
        <v>96</v>
      </c>
      <c r="AK31949">
        <v>97</v>
      </c>
      <c r="AL31949">
        <v>97</v>
      </c>
      <c r="AM31949">
        <v>97</v>
      </c>
      <c r="AN31949">
        <v>98</v>
      </c>
      <c r="AO31949">
        <v>98</v>
      </c>
      <c r="AP31949">
        <v>98</v>
      </c>
      <c r="AQ31949">
        <v>98</v>
      </c>
    </row>
    <row r="31950" spans="1:43">
      <c r="A31950" t="s">
        <v>19795</v>
      </c>
      <c r="B31950" t="s">
        <v>19796</v>
      </c>
      <c r="C31950" t="s">
        <v>19797</v>
      </c>
      <c r="D31950" t="s">
        <v>19798</v>
      </c>
      <c r="E31950" t="s">
        <v>19721</v>
      </c>
      <c r="F31950" t="s">
        <v>19722</v>
      </c>
      <c r="G31950" t="s">
        <v>10734</v>
      </c>
      <c r="H31950" t="s">
        <v>10735</v>
      </c>
      <c r="I31950" s="2">
        <v>0</v>
      </c>
      <c r="J31950" s="2">
        <v>0</v>
      </c>
      <c r="K31950" s="2">
        <v>1</v>
      </c>
      <c r="L31950" t="s">
        <v>995</v>
      </c>
      <c r="M31950" t="s">
        <v>83</v>
      </c>
      <c r="N31950" t="s">
        <v>84</v>
      </c>
      <c r="O31950" t="s">
        <v>85</v>
      </c>
      <c r="P31950" t="s">
        <v>86</v>
      </c>
      <c r="Q31950">
        <v>15</v>
      </c>
      <c r="R31950">
        <v>15</v>
      </c>
      <c r="S31950">
        <v>15</v>
      </c>
      <c r="T31950">
        <v>15</v>
      </c>
      <c r="U31950">
        <v>15</v>
      </c>
      <c r="V31950">
        <v>16</v>
      </c>
      <c r="W31950">
        <v>16</v>
      </c>
      <c r="X31950">
        <v>16</v>
      </c>
      <c r="Y31950">
        <v>16</v>
      </c>
      <c r="Z31950">
        <v>16</v>
      </c>
      <c r="AA31950">
        <v>16</v>
      </c>
      <c r="AB31950">
        <v>17</v>
      </c>
      <c r="AC31950">
        <v>17</v>
      </c>
      <c r="AD31950">
        <v>17</v>
      </c>
      <c r="AE31950">
        <v>17</v>
      </c>
      <c r="AF31950">
        <v>17</v>
      </c>
      <c r="AG31950">
        <v>17</v>
      </c>
      <c r="AH31950">
        <v>18</v>
      </c>
      <c r="AI31950">
        <v>18</v>
      </c>
      <c r="AJ31950">
        <v>18</v>
      </c>
      <c r="AK31950">
        <v>18</v>
      </c>
      <c r="AL31950">
        <v>18</v>
      </c>
      <c r="AM31950">
        <v>18</v>
      </c>
      <c r="AN31950">
        <v>18</v>
      </c>
      <c r="AO31950">
        <v>18</v>
      </c>
      <c r="AP31950">
        <v>18</v>
      </c>
      <c r="AQ31950">
        <v>18</v>
      </c>
    </row>
    <row r="31951" spans="1:43">
      <c r="A31951" t="s">
        <v>19795</v>
      </c>
      <c r="B31951" t="s">
        <v>19796</v>
      </c>
      <c r="C31951" t="s">
        <v>19797</v>
      </c>
      <c r="D31951" t="s">
        <v>19798</v>
      </c>
      <c r="E31951" t="s">
        <v>19721</v>
      </c>
      <c r="F31951" t="s">
        <v>19722</v>
      </c>
      <c r="G31951" t="s">
        <v>10734</v>
      </c>
      <c r="H31951" t="s">
        <v>10735</v>
      </c>
      <c r="I31951" s="2">
        <v>0</v>
      </c>
      <c r="J31951" s="2">
        <v>0</v>
      </c>
      <c r="K31951" s="2">
        <v>1</v>
      </c>
      <c r="L31951" t="s">
        <v>995</v>
      </c>
      <c r="M31951" t="s">
        <v>87</v>
      </c>
      <c r="N31951" t="s">
        <v>88</v>
      </c>
      <c r="O31951" t="s">
        <v>85</v>
      </c>
      <c r="P31951" t="s">
        <v>86</v>
      </c>
      <c r="Q31951">
        <v>15</v>
      </c>
      <c r="R31951">
        <v>15</v>
      </c>
      <c r="S31951">
        <v>15</v>
      </c>
      <c r="T31951">
        <v>15</v>
      </c>
      <c r="U31951">
        <v>15</v>
      </c>
      <c r="V31951">
        <v>15</v>
      </c>
      <c r="W31951">
        <v>15</v>
      </c>
      <c r="X31951">
        <v>15</v>
      </c>
      <c r="Y31951">
        <v>15</v>
      </c>
      <c r="Z31951">
        <v>15</v>
      </c>
      <c r="AA31951">
        <v>15</v>
      </c>
      <c r="AB31951">
        <v>15</v>
      </c>
      <c r="AC31951">
        <v>15</v>
      </c>
      <c r="AD31951">
        <v>15</v>
      </c>
      <c r="AE31951">
        <v>15</v>
      </c>
      <c r="AF31951">
        <v>15</v>
      </c>
      <c r="AG31951">
        <v>15</v>
      </c>
      <c r="AH31951">
        <v>15</v>
      </c>
      <c r="AI31951">
        <v>15</v>
      </c>
      <c r="AJ31951">
        <v>15</v>
      </c>
      <c r="AK31951">
        <v>15</v>
      </c>
      <c r="AL31951">
        <v>15</v>
      </c>
      <c r="AM31951">
        <v>15</v>
      </c>
      <c r="AN31951">
        <v>16</v>
      </c>
      <c r="AO31951">
        <v>16</v>
      </c>
      <c r="AP31951">
        <v>16</v>
      </c>
      <c r="AQ31951">
        <v>16</v>
      </c>
    </row>
    <row r="31952" spans="1:43">
      <c r="A31952" t="s">
        <v>19795</v>
      </c>
      <c r="B31952" t="s">
        <v>19796</v>
      </c>
      <c r="C31952" t="s">
        <v>19797</v>
      </c>
      <c r="D31952" t="s">
        <v>19798</v>
      </c>
      <c r="E31952" t="s">
        <v>19721</v>
      </c>
      <c r="F31952" t="s">
        <v>19722</v>
      </c>
      <c r="G31952" t="s">
        <v>10734</v>
      </c>
      <c r="H31952" t="s">
        <v>10735</v>
      </c>
      <c r="I31952" s="2">
        <v>0</v>
      </c>
      <c r="J31952" s="2">
        <v>0</v>
      </c>
      <c r="K31952" s="2">
        <v>1</v>
      </c>
      <c r="L31952" t="s">
        <v>995</v>
      </c>
      <c r="M31952" t="s">
        <v>89</v>
      </c>
      <c r="N31952" t="s">
        <v>90</v>
      </c>
      <c r="O31952" t="s">
        <v>85</v>
      </c>
      <c r="P31952" t="s">
        <v>86</v>
      </c>
      <c r="Q31952">
        <v>15</v>
      </c>
      <c r="R31952">
        <v>15</v>
      </c>
      <c r="S31952">
        <v>16</v>
      </c>
      <c r="T31952">
        <v>16</v>
      </c>
      <c r="U31952">
        <v>16</v>
      </c>
      <c r="V31952">
        <v>16</v>
      </c>
      <c r="W31952">
        <v>17</v>
      </c>
      <c r="X31952">
        <v>17</v>
      </c>
      <c r="Y31952">
        <v>17</v>
      </c>
      <c r="Z31952">
        <v>17</v>
      </c>
      <c r="AA31952">
        <v>17</v>
      </c>
      <c r="AB31952">
        <v>18</v>
      </c>
      <c r="AC31952">
        <v>18</v>
      </c>
      <c r="AD31952">
        <v>18</v>
      </c>
      <c r="AE31952">
        <v>18</v>
      </c>
      <c r="AF31952">
        <v>18</v>
      </c>
      <c r="AG31952">
        <v>18</v>
      </c>
      <c r="AH31952">
        <v>18</v>
      </c>
      <c r="AI31952">
        <v>18</v>
      </c>
      <c r="AJ31952">
        <v>18</v>
      </c>
      <c r="AK31952">
        <v>18</v>
      </c>
      <c r="AL31952">
        <v>18</v>
      </c>
      <c r="AM31952">
        <v>18</v>
      </c>
      <c r="AN31952">
        <v>18</v>
      </c>
      <c r="AO31952">
        <v>18</v>
      </c>
      <c r="AP31952">
        <v>18</v>
      </c>
      <c r="AQ31952">
        <v>18</v>
      </c>
    </row>
    <row r="31953" spans="1:43">
      <c r="A31953" t="s">
        <v>19795</v>
      </c>
      <c r="B31953" t="s">
        <v>19796</v>
      </c>
      <c r="C31953" t="s">
        <v>19797</v>
      </c>
      <c r="D31953" t="s">
        <v>19798</v>
      </c>
      <c r="E31953" t="s">
        <v>19721</v>
      </c>
      <c r="F31953" t="s">
        <v>19722</v>
      </c>
      <c r="G31953" t="s">
        <v>10734</v>
      </c>
      <c r="H31953" t="s">
        <v>10735</v>
      </c>
      <c r="I31953" s="2">
        <v>0</v>
      </c>
      <c r="J31953" s="2">
        <v>0</v>
      </c>
      <c r="K31953" s="2">
        <v>1</v>
      </c>
      <c r="L31953" t="s">
        <v>995</v>
      </c>
      <c r="M31953" t="s">
        <v>83</v>
      </c>
      <c r="N31953" t="s">
        <v>91</v>
      </c>
      <c r="O31953" t="s">
        <v>85</v>
      </c>
      <c r="P31953" t="s">
        <v>86</v>
      </c>
      <c r="Q31953">
        <v>15</v>
      </c>
      <c r="R31953">
        <v>15</v>
      </c>
      <c r="S31953">
        <v>15</v>
      </c>
      <c r="T31953">
        <v>15</v>
      </c>
      <c r="U31953">
        <v>15</v>
      </c>
      <c r="V31953">
        <v>16</v>
      </c>
      <c r="W31953">
        <v>16</v>
      </c>
      <c r="X31953">
        <v>16</v>
      </c>
      <c r="Y31953">
        <v>16</v>
      </c>
      <c r="Z31953">
        <v>16</v>
      </c>
      <c r="AA31953">
        <v>16</v>
      </c>
      <c r="AB31953">
        <v>17</v>
      </c>
      <c r="AC31953">
        <v>17</v>
      </c>
      <c r="AD31953">
        <v>17</v>
      </c>
      <c r="AE31953">
        <v>17</v>
      </c>
      <c r="AF31953">
        <v>17</v>
      </c>
      <c r="AG31953">
        <v>17</v>
      </c>
      <c r="AH31953">
        <v>18</v>
      </c>
      <c r="AI31953">
        <v>18</v>
      </c>
      <c r="AJ31953">
        <v>18</v>
      </c>
      <c r="AK31953">
        <v>18</v>
      </c>
      <c r="AL31953">
        <v>18</v>
      </c>
      <c r="AM31953">
        <v>18</v>
      </c>
      <c r="AN31953">
        <v>18</v>
      </c>
      <c r="AO31953">
        <v>18</v>
      </c>
      <c r="AP31953">
        <v>18</v>
      </c>
      <c r="AQ31953">
        <v>18</v>
      </c>
    </row>
    <row r="31954" spans="1:43">
      <c r="A31954" t="s">
        <v>19799</v>
      </c>
      <c r="B31954" t="s">
        <v>19800</v>
      </c>
      <c r="C31954" t="s">
        <v>19719</v>
      </c>
      <c r="D31954" t="s">
        <v>19720</v>
      </c>
      <c r="E31954" t="s">
        <v>19721</v>
      </c>
      <c r="F31954" t="s">
        <v>19722</v>
      </c>
      <c r="G31954" t="s">
        <v>10734</v>
      </c>
      <c r="H31954" t="s">
        <v>10735</v>
      </c>
      <c r="I31954" s="2">
        <v>0</v>
      </c>
      <c r="J31954" s="2">
        <v>0</v>
      </c>
      <c r="K31954" s="2">
        <v>1</v>
      </c>
      <c r="L31954" t="s">
        <v>995</v>
      </c>
      <c r="M31954" t="s">
        <v>83</v>
      </c>
      <c r="N31954" t="s">
        <v>84</v>
      </c>
      <c r="O31954" t="s">
        <v>85</v>
      </c>
      <c r="P31954" t="s">
        <v>86</v>
      </c>
      <c r="Q31954">
        <v>21</v>
      </c>
      <c r="R31954">
        <v>21</v>
      </c>
      <c r="S31954">
        <v>21</v>
      </c>
      <c r="T31954">
        <v>22</v>
      </c>
      <c r="U31954">
        <v>22</v>
      </c>
      <c r="V31954">
        <v>22</v>
      </c>
      <c r="W31954">
        <v>22</v>
      </c>
      <c r="X31954">
        <v>23</v>
      </c>
      <c r="Y31954">
        <v>23</v>
      </c>
      <c r="Z31954">
        <v>23</v>
      </c>
      <c r="AA31954">
        <v>23</v>
      </c>
      <c r="AB31954">
        <v>23</v>
      </c>
      <c r="AC31954">
        <v>24</v>
      </c>
      <c r="AD31954">
        <v>24</v>
      </c>
      <c r="AE31954">
        <v>24</v>
      </c>
      <c r="AF31954">
        <v>24</v>
      </c>
      <c r="AG31954">
        <v>24</v>
      </c>
      <c r="AH31954">
        <v>25</v>
      </c>
      <c r="AI31954">
        <v>25</v>
      </c>
      <c r="AJ31954">
        <v>25</v>
      </c>
      <c r="AK31954">
        <v>25</v>
      </c>
      <c r="AL31954">
        <v>25</v>
      </c>
      <c r="AM31954">
        <v>25</v>
      </c>
      <c r="AN31954">
        <v>25</v>
      </c>
      <c r="AO31954">
        <v>25</v>
      </c>
      <c r="AP31954">
        <v>25</v>
      </c>
      <c r="AQ31954">
        <v>25</v>
      </c>
    </row>
    <row r="31955" spans="1:43">
      <c r="A31955" t="s">
        <v>19799</v>
      </c>
      <c r="B31955" t="s">
        <v>19800</v>
      </c>
      <c r="C31955" t="s">
        <v>19719</v>
      </c>
      <c r="D31955" t="s">
        <v>19720</v>
      </c>
      <c r="E31955" t="s">
        <v>19721</v>
      </c>
      <c r="F31955" t="s">
        <v>19722</v>
      </c>
      <c r="G31955" t="s">
        <v>10734</v>
      </c>
      <c r="H31955" t="s">
        <v>10735</v>
      </c>
      <c r="I31955" s="2">
        <v>0</v>
      </c>
      <c r="J31955" s="2">
        <v>0</v>
      </c>
      <c r="K31955" s="2">
        <v>1</v>
      </c>
      <c r="L31955" t="s">
        <v>995</v>
      </c>
      <c r="M31955" t="s">
        <v>87</v>
      </c>
      <c r="N31955" t="s">
        <v>88</v>
      </c>
      <c r="O31955" t="s">
        <v>85</v>
      </c>
      <c r="P31955" t="s">
        <v>86</v>
      </c>
      <c r="Q31955">
        <v>21</v>
      </c>
      <c r="R31955">
        <v>21</v>
      </c>
      <c r="S31955">
        <v>21</v>
      </c>
      <c r="T31955">
        <v>21</v>
      </c>
      <c r="U31955">
        <v>21</v>
      </c>
      <c r="V31955">
        <v>21</v>
      </c>
      <c r="W31955">
        <v>21</v>
      </c>
      <c r="X31955">
        <v>21</v>
      </c>
      <c r="Y31955">
        <v>21</v>
      </c>
      <c r="Z31955">
        <v>21</v>
      </c>
      <c r="AA31955">
        <v>21</v>
      </c>
      <c r="AB31955">
        <v>21</v>
      </c>
      <c r="AC31955">
        <v>21</v>
      </c>
      <c r="AD31955">
        <v>21</v>
      </c>
      <c r="AE31955">
        <v>21</v>
      </c>
      <c r="AF31955">
        <v>21</v>
      </c>
      <c r="AG31955">
        <v>21</v>
      </c>
      <c r="AH31955">
        <v>21</v>
      </c>
      <c r="AI31955">
        <v>21</v>
      </c>
      <c r="AJ31955">
        <v>22</v>
      </c>
      <c r="AK31955">
        <v>22</v>
      </c>
      <c r="AL31955">
        <v>22</v>
      </c>
      <c r="AM31955">
        <v>22</v>
      </c>
      <c r="AN31955">
        <v>22</v>
      </c>
      <c r="AO31955">
        <v>22</v>
      </c>
      <c r="AP31955">
        <v>22</v>
      </c>
      <c r="AQ31955">
        <v>22</v>
      </c>
    </row>
    <row r="31956" spans="1:43">
      <c r="A31956" t="s">
        <v>19799</v>
      </c>
      <c r="B31956" t="s">
        <v>19800</v>
      </c>
      <c r="C31956" t="s">
        <v>19719</v>
      </c>
      <c r="D31956" t="s">
        <v>19720</v>
      </c>
      <c r="E31956" t="s">
        <v>19721</v>
      </c>
      <c r="F31956" t="s">
        <v>19722</v>
      </c>
      <c r="G31956" t="s">
        <v>10734</v>
      </c>
      <c r="H31956" t="s">
        <v>10735</v>
      </c>
      <c r="I31956" s="2">
        <v>0</v>
      </c>
      <c r="J31956" s="2">
        <v>0</v>
      </c>
      <c r="K31956" s="2">
        <v>1</v>
      </c>
      <c r="L31956" t="s">
        <v>995</v>
      </c>
      <c r="M31956" t="s">
        <v>89</v>
      </c>
      <c r="N31956" t="s">
        <v>90</v>
      </c>
      <c r="O31956" t="s">
        <v>85</v>
      </c>
      <c r="P31956" t="s">
        <v>86</v>
      </c>
      <c r="Q31956">
        <v>21</v>
      </c>
      <c r="R31956">
        <v>22</v>
      </c>
      <c r="S31956">
        <v>22</v>
      </c>
      <c r="T31956">
        <v>22</v>
      </c>
      <c r="U31956">
        <v>23</v>
      </c>
      <c r="V31956">
        <v>23</v>
      </c>
      <c r="W31956">
        <v>23</v>
      </c>
      <c r="X31956">
        <v>24</v>
      </c>
      <c r="Y31956">
        <v>24</v>
      </c>
      <c r="Z31956">
        <v>24</v>
      </c>
      <c r="AA31956">
        <v>25</v>
      </c>
      <c r="AB31956">
        <v>25</v>
      </c>
      <c r="AC31956">
        <v>25</v>
      </c>
      <c r="AD31956">
        <v>25</v>
      </c>
      <c r="AE31956">
        <v>26</v>
      </c>
      <c r="AF31956">
        <v>26</v>
      </c>
      <c r="AG31956">
        <v>26</v>
      </c>
      <c r="AH31956">
        <v>26</v>
      </c>
      <c r="AI31956">
        <v>26</v>
      </c>
      <c r="AJ31956">
        <v>26</v>
      </c>
      <c r="AK31956">
        <v>26</v>
      </c>
      <c r="AL31956">
        <v>26</v>
      </c>
      <c r="AM31956">
        <v>26</v>
      </c>
      <c r="AN31956">
        <v>26</v>
      </c>
      <c r="AO31956">
        <v>26</v>
      </c>
      <c r="AP31956">
        <v>26</v>
      </c>
      <c r="AQ31956">
        <v>26</v>
      </c>
    </row>
    <row r="31957" spans="1:43">
      <c r="A31957" t="s">
        <v>19799</v>
      </c>
      <c r="B31957" t="s">
        <v>19800</v>
      </c>
      <c r="C31957" t="s">
        <v>19719</v>
      </c>
      <c r="D31957" t="s">
        <v>19720</v>
      </c>
      <c r="E31957" t="s">
        <v>19721</v>
      </c>
      <c r="F31957" t="s">
        <v>19722</v>
      </c>
      <c r="G31957" t="s">
        <v>10734</v>
      </c>
      <c r="H31957" t="s">
        <v>10735</v>
      </c>
      <c r="I31957" s="2">
        <v>0</v>
      </c>
      <c r="J31957" s="2">
        <v>0</v>
      </c>
      <c r="K31957" s="2">
        <v>1</v>
      </c>
      <c r="L31957" t="s">
        <v>995</v>
      </c>
      <c r="M31957" t="s">
        <v>83</v>
      </c>
      <c r="N31957" t="s">
        <v>91</v>
      </c>
      <c r="O31957" t="s">
        <v>85</v>
      </c>
      <c r="P31957" t="s">
        <v>86</v>
      </c>
      <c r="Q31957">
        <v>21</v>
      </c>
      <c r="R31957">
        <v>21</v>
      </c>
      <c r="S31957">
        <v>21</v>
      </c>
      <c r="T31957">
        <v>22</v>
      </c>
      <c r="U31957">
        <v>22</v>
      </c>
      <c r="V31957">
        <v>22</v>
      </c>
      <c r="W31957">
        <v>22</v>
      </c>
      <c r="X31957">
        <v>23</v>
      </c>
      <c r="Y31957">
        <v>23</v>
      </c>
      <c r="Z31957">
        <v>23</v>
      </c>
      <c r="AA31957">
        <v>23</v>
      </c>
      <c r="AB31957">
        <v>23</v>
      </c>
      <c r="AC31957">
        <v>24</v>
      </c>
      <c r="AD31957">
        <v>24</v>
      </c>
      <c r="AE31957">
        <v>24</v>
      </c>
      <c r="AF31957">
        <v>24</v>
      </c>
      <c r="AG31957">
        <v>24</v>
      </c>
      <c r="AH31957">
        <v>25</v>
      </c>
      <c r="AI31957">
        <v>25</v>
      </c>
      <c r="AJ31957">
        <v>25</v>
      </c>
      <c r="AK31957">
        <v>25</v>
      </c>
      <c r="AL31957">
        <v>25</v>
      </c>
      <c r="AM31957">
        <v>25</v>
      </c>
      <c r="AN31957">
        <v>25</v>
      </c>
      <c r="AO31957">
        <v>25</v>
      </c>
      <c r="AP31957">
        <v>25</v>
      </c>
      <c r="AQ31957">
        <v>25</v>
      </c>
    </row>
    <row r="31958" spans="1:43">
      <c r="A31958" t="s">
        <v>19801</v>
      </c>
      <c r="B31958" t="s">
        <v>19802</v>
      </c>
      <c r="C31958" t="s">
        <v>19719</v>
      </c>
      <c r="D31958" t="s">
        <v>19720</v>
      </c>
      <c r="E31958" t="s">
        <v>19721</v>
      </c>
      <c r="F31958" t="s">
        <v>19722</v>
      </c>
      <c r="G31958" t="s">
        <v>10734</v>
      </c>
      <c r="H31958" t="s">
        <v>10735</v>
      </c>
      <c r="I31958" s="2">
        <v>0</v>
      </c>
      <c r="J31958" s="2">
        <v>0</v>
      </c>
      <c r="K31958" s="2">
        <v>1</v>
      </c>
      <c r="L31958" t="s">
        <v>995</v>
      </c>
      <c r="M31958" t="s">
        <v>83</v>
      </c>
      <c r="N31958" t="s">
        <v>84</v>
      </c>
      <c r="O31958" t="s">
        <v>85</v>
      </c>
      <c r="P31958" t="s">
        <v>86</v>
      </c>
      <c r="Q31958">
        <v>20</v>
      </c>
      <c r="R31958">
        <v>20</v>
      </c>
      <c r="S31958">
        <v>21</v>
      </c>
      <c r="T31958">
        <v>21</v>
      </c>
      <c r="U31958">
        <v>21</v>
      </c>
      <c r="V31958">
        <v>21</v>
      </c>
      <c r="W31958">
        <v>22</v>
      </c>
      <c r="X31958">
        <v>22</v>
      </c>
      <c r="Y31958">
        <v>22</v>
      </c>
      <c r="Z31958">
        <v>22</v>
      </c>
      <c r="AA31958">
        <v>22</v>
      </c>
      <c r="AB31958">
        <v>23</v>
      </c>
      <c r="AC31958">
        <v>23</v>
      </c>
      <c r="AD31958">
        <v>23</v>
      </c>
      <c r="AE31958">
        <v>23</v>
      </c>
      <c r="AF31958">
        <v>23</v>
      </c>
      <c r="AG31958">
        <v>23</v>
      </c>
      <c r="AH31958">
        <v>24</v>
      </c>
      <c r="AI31958">
        <v>24</v>
      </c>
      <c r="AJ31958">
        <v>24</v>
      </c>
      <c r="AK31958">
        <v>24</v>
      </c>
      <c r="AL31958">
        <v>24</v>
      </c>
      <c r="AM31958">
        <v>24</v>
      </c>
      <c r="AN31958">
        <v>24</v>
      </c>
      <c r="AO31958">
        <v>24</v>
      </c>
      <c r="AP31958">
        <v>24</v>
      </c>
      <c r="AQ31958">
        <v>24</v>
      </c>
    </row>
    <row r="31959" spans="1:43">
      <c r="A31959" t="s">
        <v>19801</v>
      </c>
      <c r="B31959" t="s">
        <v>19802</v>
      </c>
      <c r="C31959" t="s">
        <v>19719</v>
      </c>
      <c r="D31959" t="s">
        <v>19720</v>
      </c>
      <c r="E31959" t="s">
        <v>19721</v>
      </c>
      <c r="F31959" t="s">
        <v>19722</v>
      </c>
      <c r="G31959" t="s">
        <v>10734</v>
      </c>
      <c r="H31959" t="s">
        <v>10735</v>
      </c>
      <c r="I31959" s="2">
        <v>0</v>
      </c>
      <c r="J31959" s="2">
        <v>0</v>
      </c>
      <c r="K31959" s="2">
        <v>1</v>
      </c>
      <c r="L31959" t="s">
        <v>995</v>
      </c>
      <c r="M31959" t="s">
        <v>87</v>
      </c>
      <c r="N31959" t="s">
        <v>88</v>
      </c>
      <c r="O31959" t="s">
        <v>85</v>
      </c>
      <c r="P31959" t="s">
        <v>86</v>
      </c>
      <c r="Q31959">
        <v>20</v>
      </c>
      <c r="R31959">
        <v>20</v>
      </c>
      <c r="S31959">
        <v>20</v>
      </c>
      <c r="T31959">
        <v>20</v>
      </c>
      <c r="U31959">
        <v>20</v>
      </c>
      <c r="V31959">
        <v>20</v>
      </c>
      <c r="W31959">
        <v>20</v>
      </c>
      <c r="X31959">
        <v>20</v>
      </c>
      <c r="Y31959">
        <v>20</v>
      </c>
      <c r="Z31959">
        <v>20</v>
      </c>
      <c r="AA31959">
        <v>20</v>
      </c>
      <c r="AB31959">
        <v>20</v>
      </c>
      <c r="AC31959">
        <v>20</v>
      </c>
      <c r="AD31959">
        <v>20</v>
      </c>
      <c r="AE31959">
        <v>20</v>
      </c>
      <c r="AF31959">
        <v>21</v>
      </c>
      <c r="AG31959">
        <v>21</v>
      </c>
      <c r="AH31959">
        <v>21</v>
      </c>
      <c r="AI31959">
        <v>21</v>
      </c>
      <c r="AJ31959">
        <v>21</v>
      </c>
      <c r="AK31959">
        <v>21</v>
      </c>
      <c r="AL31959">
        <v>21</v>
      </c>
      <c r="AM31959">
        <v>21</v>
      </c>
      <c r="AN31959">
        <v>21</v>
      </c>
      <c r="AO31959">
        <v>21</v>
      </c>
      <c r="AP31959">
        <v>21</v>
      </c>
      <c r="AQ31959">
        <v>21</v>
      </c>
    </row>
    <row r="31960" spans="1:43">
      <c r="A31960" t="s">
        <v>19801</v>
      </c>
      <c r="B31960" t="s">
        <v>19802</v>
      </c>
      <c r="C31960" t="s">
        <v>19719</v>
      </c>
      <c r="D31960" t="s">
        <v>19720</v>
      </c>
      <c r="E31960" t="s">
        <v>19721</v>
      </c>
      <c r="F31960" t="s">
        <v>19722</v>
      </c>
      <c r="G31960" t="s">
        <v>10734</v>
      </c>
      <c r="H31960" t="s">
        <v>10735</v>
      </c>
      <c r="I31960" s="2">
        <v>0</v>
      </c>
      <c r="J31960" s="2">
        <v>0</v>
      </c>
      <c r="K31960" s="2">
        <v>1</v>
      </c>
      <c r="L31960" t="s">
        <v>995</v>
      </c>
      <c r="M31960" t="s">
        <v>89</v>
      </c>
      <c r="N31960" t="s">
        <v>90</v>
      </c>
      <c r="O31960" t="s">
        <v>85</v>
      </c>
      <c r="P31960" t="s">
        <v>86</v>
      </c>
      <c r="Q31960">
        <v>20</v>
      </c>
      <c r="R31960">
        <v>21</v>
      </c>
      <c r="S31960">
        <v>21</v>
      </c>
      <c r="T31960">
        <v>22</v>
      </c>
      <c r="U31960">
        <v>22</v>
      </c>
      <c r="V31960">
        <v>22</v>
      </c>
      <c r="W31960">
        <v>23</v>
      </c>
      <c r="X31960">
        <v>23</v>
      </c>
      <c r="Y31960">
        <v>23</v>
      </c>
      <c r="Z31960">
        <v>23</v>
      </c>
      <c r="AA31960">
        <v>24</v>
      </c>
      <c r="AB31960">
        <v>24</v>
      </c>
      <c r="AC31960">
        <v>24</v>
      </c>
      <c r="AD31960">
        <v>25</v>
      </c>
      <c r="AE31960">
        <v>25</v>
      </c>
      <c r="AF31960">
        <v>25</v>
      </c>
      <c r="AG31960">
        <v>25</v>
      </c>
      <c r="AH31960">
        <v>25</v>
      </c>
      <c r="AI31960">
        <v>25</v>
      </c>
      <c r="AJ31960">
        <v>25</v>
      </c>
      <c r="AK31960">
        <v>25</v>
      </c>
      <c r="AL31960">
        <v>25</v>
      </c>
      <c r="AM31960">
        <v>25</v>
      </c>
      <c r="AN31960">
        <v>25</v>
      </c>
      <c r="AO31960">
        <v>25</v>
      </c>
      <c r="AP31960">
        <v>25</v>
      </c>
      <c r="AQ31960">
        <v>25</v>
      </c>
    </row>
    <row r="31961" spans="1:43">
      <c r="A31961" t="s">
        <v>19801</v>
      </c>
      <c r="B31961" t="s">
        <v>19802</v>
      </c>
      <c r="C31961" t="s">
        <v>19719</v>
      </c>
      <c r="D31961" t="s">
        <v>19720</v>
      </c>
      <c r="E31961" t="s">
        <v>19721</v>
      </c>
      <c r="F31961" t="s">
        <v>19722</v>
      </c>
      <c r="G31961" t="s">
        <v>10734</v>
      </c>
      <c r="H31961" t="s">
        <v>10735</v>
      </c>
      <c r="I31961" s="2">
        <v>0</v>
      </c>
      <c r="J31961" s="2">
        <v>0</v>
      </c>
      <c r="K31961" s="2">
        <v>1</v>
      </c>
      <c r="L31961" t="s">
        <v>995</v>
      </c>
      <c r="M31961" t="s">
        <v>83</v>
      </c>
      <c r="N31961" t="s">
        <v>91</v>
      </c>
      <c r="O31961" t="s">
        <v>85</v>
      </c>
      <c r="P31961" t="s">
        <v>86</v>
      </c>
      <c r="Q31961">
        <v>20</v>
      </c>
      <c r="R31961">
        <v>20</v>
      </c>
      <c r="S31961">
        <v>21</v>
      </c>
      <c r="T31961">
        <v>21</v>
      </c>
      <c r="U31961">
        <v>21</v>
      </c>
      <c r="V31961">
        <v>21</v>
      </c>
      <c r="W31961">
        <v>22</v>
      </c>
      <c r="X31961">
        <v>22</v>
      </c>
      <c r="Y31961">
        <v>22</v>
      </c>
      <c r="Z31961">
        <v>22</v>
      </c>
      <c r="AA31961">
        <v>22</v>
      </c>
      <c r="AB31961">
        <v>23</v>
      </c>
      <c r="AC31961">
        <v>23</v>
      </c>
      <c r="AD31961">
        <v>23</v>
      </c>
      <c r="AE31961">
        <v>23</v>
      </c>
      <c r="AF31961">
        <v>23</v>
      </c>
      <c r="AG31961">
        <v>23</v>
      </c>
      <c r="AH31961">
        <v>24</v>
      </c>
      <c r="AI31961">
        <v>24</v>
      </c>
      <c r="AJ31961">
        <v>24</v>
      </c>
      <c r="AK31961">
        <v>24</v>
      </c>
      <c r="AL31961">
        <v>24</v>
      </c>
      <c r="AM31961">
        <v>24</v>
      </c>
      <c r="AN31961">
        <v>24</v>
      </c>
      <c r="AO31961">
        <v>24</v>
      </c>
      <c r="AP31961">
        <v>24</v>
      </c>
      <c r="AQ31961">
        <v>24</v>
      </c>
    </row>
    <row r="31962" spans="1:43">
      <c r="A31962" t="s">
        <v>19803</v>
      </c>
      <c r="B31962" t="s">
        <v>19804</v>
      </c>
      <c r="C31962" t="s">
        <v>19797</v>
      </c>
      <c r="D31962" t="s">
        <v>19798</v>
      </c>
      <c r="E31962" t="s">
        <v>19721</v>
      </c>
      <c r="F31962" t="s">
        <v>19722</v>
      </c>
      <c r="G31962" t="s">
        <v>10734</v>
      </c>
      <c r="H31962" t="s">
        <v>10735</v>
      </c>
      <c r="I31962" s="2">
        <v>0</v>
      </c>
      <c r="J31962" s="2">
        <v>0</v>
      </c>
      <c r="K31962" s="2">
        <v>1</v>
      </c>
      <c r="L31962" t="s">
        <v>995</v>
      </c>
      <c r="M31962" t="s">
        <v>83</v>
      </c>
      <c r="N31962" t="s">
        <v>84</v>
      </c>
      <c r="O31962" t="s">
        <v>85</v>
      </c>
      <c r="P31962" t="s">
        <v>86</v>
      </c>
      <c r="Q31962">
        <v>10</v>
      </c>
      <c r="R31962">
        <v>10</v>
      </c>
      <c r="S31962">
        <v>10</v>
      </c>
      <c r="T31962">
        <v>10</v>
      </c>
      <c r="U31962">
        <v>10</v>
      </c>
      <c r="V31962">
        <v>10</v>
      </c>
      <c r="W31962">
        <v>10</v>
      </c>
      <c r="X31962">
        <v>10</v>
      </c>
      <c r="Y31962">
        <v>11</v>
      </c>
      <c r="Z31962">
        <v>11</v>
      </c>
      <c r="AA31962">
        <v>11</v>
      </c>
      <c r="AB31962">
        <v>11</v>
      </c>
      <c r="AC31962">
        <v>11</v>
      </c>
      <c r="AD31962">
        <v>11</v>
      </c>
      <c r="AE31962">
        <v>11</v>
      </c>
      <c r="AF31962">
        <v>11</v>
      </c>
      <c r="AG31962">
        <v>11</v>
      </c>
      <c r="AH31962">
        <v>11</v>
      </c>
      <c r="AI31962">
        <v>12</v>
      </c>
      <c r="AJ31962">
        <v>12</v>
      </c>
      <c r="AK31962">
        <v>12</v>
      </c>
      <c r="AL31962">
        <v>12</v>
      </c>
      <c r="AM31962">
        <v>12</v>
      </c>
      <c r="AN31962">
        <v>12</v>
      </c>
      <c r="AO31962">
        <v>12</v>
      </c>
      <c r="AP31962">
        <v>12</v>
      </c>
      <c r="AQ31962">
        <v>12</v>
      </c>
    </row>
    <row r="31963" spans="1:43">
      <c r="A31963" t="s">
        <v>19803</v>
      </c>
      <c r="B31963" t="s">
        <v>19804</v>
      </c>
      <c r="C31963" t="s">
        <v>19797</v>
      </c>
      <c r="D31963" t="s">
        <v>19798</v>
      </c>
      <c r="E31963" t="s">
        <v>19721</v>
      </c>
      <c r="F31963" t="s">
        <v>19722</v>
      </c>
      <c r="G31963" t="s">
        <v>10734</v>
      </c>
      <c r="H31963" t="s">
        <v>10735</v>
      </c>
      <c r="I31963" s="2">
        <v>0</v>
      </c>
      <c r="J31963" s="2">
        <v>0</v>
      </c>
      <c r="K31963" s="2">
        <v>1</v>
      </c>
      <c r="L31963" t="s">
        <v>995</v>
      </c>
      <c r="M31963" t="s">
        <v>87</v>
      </c>
      <c r="N31963" t="s">
        <v>88</v>
      </c>
      <c r="O31963" t="s">
        <v>85</v>
      </c>
      <c r="P31963" t="s">
        <v>86</v>
      </c>
      <c r="Q31963">
        <v>10</v>
      </c>
      <c r="R31963">
        <v>10</v>
      </c>
      <c r="S31963">
        <v>10</v>
      </c>
      <c r="T31963">
        <v>10</v>
      </c>
      <c r="U31963">
        <v>10</v>
      </c>
      <c r="V31963">
        <v>10</v>
      </c>
      <c r="W31963">
        <v>10</v>
      </c>
      <c r="X31963">
        <v>10</v>
      </c>
      <c r="Y31963">
        <v>10</v>
      </c>
      <c r="Z31963">
        <v>10</v>
      </c>
      <c r="AA31963">
        <v>10</v>
      </c>
      <c r="AB31963">
        <v>10</v>
      </c>
      <c r="AC31963">
        <v>10</v>
      </c>
      <c r="AD31963">
        <v>10</v>
      </c>
      <c r="AE31963">
        <v>10</v>
      </c>
      <c r="AF31963">
        <v>10</v>
      </c>
      <c r="AG31963">
        <v>10</v>
      </c>
      <c r="AH31963">
        <v>10</v>
      </c>
      <c r="AI31963">
        <v>10</v>
      </c>
      <c r="AJ31963">
        <v>10</v>
      </c>
      <c r="AK31963">
        <v>10</v>
      </c>
      <c r="AL31963">
        <v>10</v>
      </c>
      <c r="AM31963">
        <v>10</v>
      </c>
      <c r="AN31963">
        <v>10</v>
      </c>
      <c r="AO31963">
        <v>10</v>
      </c>
      <c r="AP31963">
        <v>10</v>
      </c>
      <c r="AQ31963">
        <v>10</v>
      </c>
    </row>
    <row r="31964" spans="1:43">
      <c r="A31964" t="s">
        <v>19803</v>
      </c>
      <c r="B31964" t="s">
        <v>19804</v>
      </c>
      <c r="C31964" t="s">
        <v>19797</v>
      </c>
      <c r="D31964" t="s">
        <v>19798</v>
      </c>
      <c r="E31964" t="s">
        <v>19721</v>
      </c>
      <c r="F31964" t="s">
        <v>19722</v>
      </c>
      <c r="G31964" t="s">
        <v>10734</v>
      </c>
      <c r="H31964" t="s">
        <v>10735</v>
      </c>
      <c r="I31964" s="2">
        <v>0</v>
      </c>
      <c r="J31964" s="2">
        <v>0</v>
      </c>
      <c r="K31964" s="2">
        <v>1</v>
      </c>
      <c r="L31964" t="s">
        <v>995</v>
      </c>
      <c r="M31964" t="s">
        <v>89</v>
      </c>
      <c r="N31964" t="s">
        <v>90</v>
      </c>
      <c r="O31964" t="s">
        <v>85</v>
      </c>
      <c r="P31964" t="s">
        <v>86</v>
      </c>
      <c r="Q31964">
        <v>10</v>
      </c>
      <c r="R31964">
        <v>10</v>
      </c>
      <c r="S31964">
        <v>10</v>
      </c>
      <c r="T31964">
        <v>10</v>
      </c>
      <c r="U31964">
        <v>11</v>
      </c>
      <c r="V31964">
        <v>11</v>
      </c>
      <c r="W31964">
        <v>11</v>
      </c>
      <c r="X31964">
        <v>11</v>
      </c>
      <c r="Y31964">
        <v>11</v>
      </c>
      <c r="Z31964">
        <v>11</v>
      </c>
      <c r="AA31964">
        <v>11</v>
      </c>
      <c r="AB31964">
        <v>12</v>
      </c>
      <c r="AC31964">
        <v>12</v>
      </c>
      <c r="AD31964">
        <v>12</v>
      </c>
      <c r="AE31964">
        <v>12</v>
      </c>
      <c r="AF31964">
        <v>12</v>
      </c>
      <c r="AG31964">
        <v>12</v>
      </c>
      <c r="AH31964">
        <v>12</v>
      </c>
      <c r="AI31964">
        <v>12</v>
      </c>
      <c r="AJ31964">
        <v>12</v>
      </c>
      <c r="AK31964">
        <v>12</v>
      </c>
      <c r="AL31964">
        <v>12</v>
      </c>
      <c r="AM31964">
        <v>12</v>
      </c>
      <c r="AN31964">
        <v>12</v>
      </c>
      <c r="AO31964">
        <v>12</v>
      </c>
      <c r="AP31964">
        <v>12</v>
      </c>
      <c r="AQ31964">
        <v>12</v>
      </c>
    </row>
    <row r="31965" spans="1:43">
      <c r="A31965" t="s">
        <v>19803</v>
      </c>
      <c r="B31965" t="s">
        <v>19804</v>
      </c>
      <c r="C31965" t="s">
        <v>19797</v>
      </c>
      <c r="D31965" t="s">
        <v>19798</v>
      </c>
      <c r="E31965" t="s">
        <v>19721</v>
      </c>
      <c r="F31965" t="s">
        <v>19722</v>
      </c>
      <c r="G31965" t="s">
        <v>10734</v>
      </c>
      <c r="H31965" t="s">
        <v>10735</v>
      </c>
      <c r="I31965" s="2">
        <v>0</v>
      </c>
      <c r="J31965" s="2">
        <v>0</v>
      </c>
      <c r="K31965" s="2">
        <v>1</v>
      </c>
      <c r="L31965" t="s">
        <v>995</v>
      </c>
      <c r="M31965" t="s">
        <v>83</v>
      </c>
      <c r="N31965" t="s">
        <v>91</v>
      </c>
      <c r="O31965" t="s">
        <v>85</v>
      </c>
      <c r="P31965" t="s">
        <v>86</v>
      </c>
      <c r="Q31965">
        <v>10</v>
      </c>
      <c r="R31965">
        <v>10</v>
      </c>
      <c r="S31965">
        <v>10</v>
      </c>
      <c r="T31965">
        <v>10</v>
      </c>
      <c r="U31965">
        <v>10</v>
      </c>
      <c r="V31965">
        <v>10</v>
      </c>
      <c r="W31965">
        <v>10</v>
      </c>
      <c r="X31965">
        <v>10</v>
      </c>
      <c r="Y31965">
        <v>11</v>
      </c>
      <c r="Z31965">
        <v>11</v>
      </c>
      <c r="AA31965">
        <v>11</v>
      </c>
      <c r="AB31965">
        <v>11</v>
      </c>
      <c r="AC31965">
        <v>11</v>
      </c>
      <c r="AD31965">
        <v>11</v>
      </c>
      <c r="AE31965">
        <v>11</v>
      </c>
      <c r="AF31965">
        <v>11</v>
      </c>
      <c r="AG31965">
        <v>11</v>
      </c>
      <c r="AH31965">
        <v>11</v>
      </c>
      <c r="AI31965">
        <v>12</v>
      </c>
      <c r="AJ31965">
        <v>12</v>
      </c>
      <c r="AK31965">
        <v>12</v>
      </c>
      <c r="AL31965">
        <v>12</v>
      </c>
      <c r="AM31965">
        <v>12</v>
      </c>
      <c r="AN31965">
        <v>12</v>
      </c>
      <c r="AO31965">
        <v>12</v>
      </c>
      <c r="AP31965">
        <v>12</v>
      </c>
      <c r="AQ31965">
        <v>12</v>
      </c>
    </row>
    <row r="31966" spans="1:43">
      <c r="A31966" t="s">
        <v>19805</v>
      </c>
      <c r="B31966" t="s">
        <v>19806</v>
      </c>
      <c r="C31966" t="s">
        <v>19797</v>
      </c>
      <c r="D31966" t="s">
        <v>19798</v>
      </c>
      <c r="E31966" t="s">
        <v>19721</v>
      </c>
      <c r="F31966" t="s">
        <v>19722</v>
      </c>
      <c r="G31966" t="s">
        <v>10734</v>
      </c>
      <c r="H31966" t="s">
        <v>10735</v>
      </c>
      <c r="I31966" s="2">
        <v>0</v>
      </c>
      <c r="J31966" s="2">
        <v>0</v>
      </c>
      <c r="K31966" s="2">
        <v>1</v>
      </c>
      <c r="L31966" t="s">
        <v>995</v>
      </c>
      <c r="M31966" t="s">
        <v>83</v>
      </c>
      <c r="N31966" t="s">
        <v>84</v>
      </c>
      <c r="O31966" t="s">
        <v>85</v>
      </c>
      <c r="P31966" t="s">
        <v>86</v>
      </c>
      <c r="Q31966">
        <v>21</v>
      </c>
      <c r="R31966">
        <v>21</v>
      </c>
      <c r="S31966">
        <v>21</v>
      </c>
      <c r="T31966">
        <v>22</v>
      </c>
      <c r="U31966">
        <v>22</v>
      </c>
      <c r="V31966">
        <v>22</v>
      </c>
      <c r="W31966">
        <v>22</v>
      </c>
      <c r="X31966">
        <v>22</v>
      </c>
      <c r="Y31966">
        <v>23</v>
      </c>
      <c r="Z31966">
        <v>23</v>
      </c>
      <c r="AA31966">
        <v>23</v>
      </c>
      <c r="AB31966">
        <v>23</v>
      </c>
      <c r="AC31966">
        <v>23</v>
      </c>
      <c r="AD31966">
        <v>24</v>
      </c>
      <c r="AE31966">
        <v>24</v>
      </c>
      <c r="AF31966">
        <v>24</v>
      </c>
      <c r="AG31966">
        <v>24</v>
      </c>
      <c r="AH31966">
        <v>25</v>
      </c>
      <c r="AI31966">
        <v>25</v>
      </c>
      <c r="AJ31966">
        <v>25</v>
      </c>
      <c r="AK31966">
        <v>25</v>
      </c>
      <c r="AL31966">
        <v>25</v>
      </c>
      <c r="AM31966">
        <v>25</v>
      </c>
      <c r="AN31966">
        <v>25</v>
      </c>
      <c r="AO31966">
        <v>25</v>
      </c>
      <c r="AP31966">
        <v>25</v>
      </c>
      <c r="AQ31966">
        <v>25</v>
      </c>
    </row>
    <row r="31967" spans="1:43">
      <c r="A31967" t="s">
        <v>19805</v>
      </c>
      <c r="B31967" t="s">
        <v>19806</v>
      </c>
      <c r="C31967" t="s">
        <v>19797</v>
      </c>
      <c r="D31967" t="s">
        <v>19798</v>
      </c>
      <c r="E31967" t="s">
        <v>19721</v>
      </c>
      <c r="F31967" t="s">
        <v>19722</v>
      </c>
      <c r="G31967" t="s">
        <v>10734</v>
      </c>
      <c r="H31967" t="s">
        <v>10735</v>
      </c>
      <c r="I31967" s="2">
        <v>0</v>
      </c>
      <c r="J31967" s="2">
        <v>0</v>
      </c>
      <c r="K31967" s="2">
        <v>1</v>
      </c>
      <c r="L31967" t="s">
        <v>995</v>
      </c>
      <c r="M31967" t="s">
        <v>87</v>
      </c>
      <c r="N31967" t="s">
        <v>88</v>
      </c>
      <c r="O31967" t="s">
        <v>85</v>
      </c>
      <c r="P31967" t="s">
        <v>86</v>
      </c>
      <c r="Q31967">
        <v>21</v>
      </c>
      <c r="R31967">
        <v>21</v>
      </c>
      <c r="S31967">
        <v>21</v>
      </c>
      <c r="T31967">
        <v>21</v>
      </c>
      <c r="U31967">
        <v>21</v>
      </c>
      <c r="V31967">
        <v>21</v>
      </c>
      <c r="W31967">
        <v>21</v>
      </c>
      <c r="X31967">
        <v>21</v>
      </c>
      <c r="Y31967">
        <v>21</v>
      </c>
      <c r="Z31967">
        <v>21</v>
      </c>
      <c r="AA31967">
        <v>21</v>
      </c>
      <c r="AB31967">
        <v>21</v>
      </c>
      <c r="AC31967">
        <v>21</v>
      </c>
      <c r="AD31967">
        <v>21</v>
      </c>
      <c r="AE31967">
        <v>21</v>
      </c>
      <c r="AF31967">
        <v>21</v>
      </c>
      <c r="AG31967">
        <v>21</v>
      </c>
      <c r="AH31967">
        <v>21</v>
      </c>
      <c r="AI31967">
        <v>21</v>
      </c>
      <c r="AJ31967">
        <v>21</v>
      </c>
      <c r="AK31967">
        <v>22</v>
      </c>
      <c r="AL31967">
        <v>22</v>
      </c>
      <c r="AM31967">
        <v>22</v>
      </c>
      <c r="AN31967">
        <v>22</v>
      </c>
      <c r="AO31967">
        <v>22</v>
      </c>
      <c r="AP31967">
        <v>22</v>
      </c>
      <c r="AQ31967">
        <v>22</v>
      </c>
    </row>
    <row r="31968" spans="1:43">
      <c r="A31968" t="s">
        <v>19805</v>
      </c>
      <c r="B31968" t="s">
        <v>19806</v>
      </c>
      <c r="C31968" t="s">
        <v>19797</v>
      </c>
      <c r="D31968" t="s">
        <v>19798</v>
      </c>
      <c r="E31968" t="s">
        <v>19721</v>
      </c>
      <c r="F31968" t="s">
        <v>19722</v>
      </c>
      <c r="G31968" t="s">
        <v>10734</v>
      </c>
      <c r="H31968" t="s">
        <v>10735</v>
      </c>
      <c r="I31968" s="2">
        <v>0</v>
      </c>
      <c r="J31968" s="2">
        <v>0</v>
      </c>
      <c r="K31968" s="2">
        <v>1</v>
      </c>
      <c r="L31968" t="s">
        <v>995</v>
      </c>
      <c r="M31968" t="s">
        <v>89</v>
      </c>
      <c r="N31968" t="s">
        <v>90</v>
      </c>
      <c r="O31968" t="s">
        <v>85</v>
      </c>
      <c r="P31968" t="s">
        <v>86</v>
      </c>
      <c r="Q31968">
        <v>21</v>
      </c>
      <c r="R31968">
        <v>21</v>
      </c>
      <c r="S31968">
        <v>22</v>
      </c>
      <c r="T31968">
        <v>22</v>
      </c>
      <c r="U31968">
        <v>23</v>
      </c>
      <c r="V31968">
        <v>23</v>
      </c>
      <c r="W31968">
        <v>23</v>
      </c>
      <c r="X31968">
        <v>24</v>
      </c>
      <c r="Y31968">
        <v>24</v>
      </c>
      <c r="Z31968">
        <v>24</v>
      </c>
      <c r="AA31968">
        <v>25</v>
      </c>
      <c r="AB31968">
        <v>25</v>
      </c>
      <c r="AC31968">
        <v>25</v>
      </c>
      <c r="AD31968">
        <v>25</v>
      </c>
      <c r="AE31968">
        <v>26</v>
      </c>
      <c r="AF31968">
        <v>26</v>
      </c>
      <c r="AG31968">
        <v>26</v>
      </c>
      <c r="AH31968">
        <v>26</v>
      </c>
      <c r="AI31968">
        <v>26</v>
      </c>
      <c r="AJ31968">
        <v>26</v>
      </c>
      <c r="AK31968">
        <v>26</v>
      </c>
      <c r="AL31968">
        <v>26</v>
      </c>
      <c r="AM31968">
        <v>26</v>
      </c>
      <c r="AN31968">
        <v>26</v>
      </c>
      <c r="AO31968">
        <v>26</v>
      </c>
      <c r="AP31968">
        <v>26</v>
      </c>
      <c r="AQ31968">
        <v>26</v>
      </c>
    </row>
    <row r="31969" spans="1:43">
      <c r="A31969" t="s">
        <v>19805</v>
      </c>
      <c r="B31969" t="s">
        <v>19806</v>
      </c>
      <c r="C31969" t="s">
        <v>19797</v>
      </c>
      <c r="D31969" t="s">
        <v>19798</v>
      </c>
      <c r="E31969" t="s">
        <v>19721</v>
      </c>
      <c r="F31969" t="s">
        <v>19722</v>
      </c>
      <c r="G31969" t="s">
        <v>10734</v>
      </c>
      <c r="H31969" t="s">
        <v>10735</v>
      </c>
      <c r="I31969" s="2">
        <v>0</v>
      </c>
      <c r="J31969" s="2">
        <v>0</v>
      </c>
      <c r="K31969" s="2">
        <v>1</v>
      </c>
      <c r="L31969" t="s">
        <v>995</v>
      </c>
      <c r="M31969" t="s">
        <v>83</v>
      </c>
      <c r="N31969" t="s">
        <v>91</v>
      </c>
      <c r="O31969" t="s">
        <v>85</v>
      </c>
      <c r="P31969" t="s">
        <v>86</v>
      </c>
      <c r="Q31969">
        <v>21</v>
      </c>
      <c r="R31969">
        <v>21</v>
      </c>
      <c r="S31969">
        <v>21</v>
      </c>
      <c r="T31969">
        <v>22</v>
      </c>
      <c r="U31969">
        <v>22</v>
      </c>
      <c r="V31969">
        <v>22</v>
      </c>
      <c r="W31969">
        <v>22</v>
      </c>
      <c r="X31969">
        <v>22</v>
      </c>
      <c r="Y31969">
        <v>23</v>
      </c>
      <c r="Z31969">
        <v>23</v>
      </c>
      <c r="AA31969">
        <v>23</v>
      </c>
      <c r="AB31969">
        <v>23</v>
      </c>
      <c r="AC31969">
        <v>23</v>
      </c>
      <c r="AD31969">
        <v>24</v>
      </c>
      <c r="AE31969">
        <v>24</v>
      </c>
      <c r="AF31969">
        <v>24</v>
      </c>
      <c r="AG31969">
        <v>24</v>
      </c>
      <c r="AH31969">
        <v>25</v>
      </c>
      <c r="AI31969">
        <v>25</v>
      </c>
      <c r="AJ31969">
        <v>25</v>
      </c>
      <c r="AK31969">
        <v>25</v>
      </c>
      <c r="AL31969">
        <v>25</v>
      </c>
      <c r="AM31969">
        <v>25</v>
      </c>
      <c r="AN31969">
        <v>25</v>
      </c>
      <c r="AO31969">
        <v>25</v>
      </c>
      <c r="AP31969">
        <v>25</v>
      </c>
      <c r="AQ31969">
        <v>25</v>
      </c>
    </row>
    <row r="31970" spans="1:43">
      <c r="A31970" t="s">
        <v>19807</v>
      </c>
      <c r="B31970" t="s">
        <v>19808</v>
      </c>
      <c r="C31970" t="s">
        <v>19719</v>
      </c>
      <c r="D31970" t="s">
        <v>19720</v>
      </c>
      <c r="E31970" t="s">
        <v>19721</v>
      </c>
      <c r="F31970" t="s">
        <v>19722</v>
      </c>
      <c r="G31970" t="s">
        <v>10734</v>
      </c>
      <c r="H31970" t="s">
        <v>10735</v>
      </c>
      <c r="I31970" s="2">
        <v>0</v>
      </c>
      <c r="J31970" s="2">
        <v>0</v>
      </c>
      <c r="K31970" s="2">
        <v>1</v>
      </c>
      <c r="L31970" t="s">
        <v>995</v>
      </c>
      <c r="M31970" t="s">
        <v>83</v>
      </c>
      <c r="N31970" t="s">
        <v>84</v>
      </c>
      <c r="O31970" t="s">
        <v>85</v>
      </c>
      <c r="P31970" t="s">
        <v>86</v>
      </c>
      <c r="Q31970">
        <v>9</v>
      </c>
      <c r="R31970">
        <v>9</v>
      </c>
      <c r="S31970">
        <v>9</v>
      </c>
      <c r="T31970">
        <v>9</v>
      </c>
      <c r="U31970">
        <v>9</v>
      </c>
      <c r="V31970">
        <v>9</v>
      </c>
      <c r="W31970">
        <v>9</v>
      </c>
      <c r="X31970">
        <v>9</v>
      </c>
      <c r="Y31970">
        <v>9</v>
      </c>
      <c r="Z31970">
        <v>9</v>
      </c>
      <c r="AA31970">
        <v>9</v>
      </c>
      <c r="AB31970">
        <v>10</v>
      </c>
      <c r="AC31970">
        <v>10</v>
      </c>
      <c r="AD31970">
        <v>10</v>
      </c>
      <c r="AE31970">
        <v>10</v>
      </c>
      <c r="AF31970">
        <v>10</v>
      </c>
      <c r="AG31970">
        <v>10</v>
      </c>
      <c r="AH31970">
        <v>10</v>
      </c>
      <c r="AI31970">
        <v>10</v>
      </c>
      <c r="AJ31970">
        <v>10</v>
      </c>
      <c r="AK31970">
        <v>10</v>
      </c>
      <c r="AL31970">
        <v>10</v>
      </c>
      <c r="AM31970">
        <v>10</v>
      </c>
      <c r="AN31970">
        <v>10</v>
      </c>
      <c r="AO31970">
        <v>10</v>
      </c>
      <c r="AP31970">
        <v>10</v>
      </c>
      <c r="AQ31970">
        <v>10</v>
      </c>
    </row>
    <row r="31971" spans="1:43">
      <c r="A31971" t="s">
        <v>19807</v>
      </c>
      <c r="B31971" t="s">
        <v>19808</v>
      </c>
      <c r="C31971" t="s">
        <v>19719</v>
      </c>
      <c r="D31971" t="s">
        <v>19720</v>
      </c>
      <c r="E31971" t="s">
        <v>19721</v>
      </c>
      <c r="F31971" t="s">
        <v>19722</v>
      </c>
      <c r="G31971" t="s">
        <v>10734</v>
      </c>
      <c r="H31971" t="s">
        <v>10735</v>
      </c>
      <c r="I31971" s="2">
        <v>0</v>
      </c>
      <c r="J31971" s="2">
        <v>0</v>
      </c>
      <c r="K31971" s="2">
        <v>1</v>
      </c>
      <c r="L31971" t="s">
        <v>995</v>
      </c>
      <c r="M31971" t="s">
        <v>87</v>
      </c>
      <c r="N31971" t="s">
        <v>88</v>
      </c>
      <c r="O31971" t="s">
        <v>85</v>
      </c>
      <c r="P31971" t="s">
        <v>86</v>
      </c>
      <c r="Q31971">
        <v>9</v>
      </c>
      <c r="R31971">
        <v>9</v>
      </c>
      <c r="S31971">
        <v>9</v>
      </c>
      <c r="T31971">
        <v>10</v>
      </c>
      <c r="U31971">
        <v>10</v>
      </c>
      <c r="V31971">
        <v>10</v>
      </c>
      <c r="W31971">
        <v>10</v>
      </c>
      <c r="X31971">
        <v>10</v>
      </c>
      <c r="Y31971">
        <v>10</v>
      </c>
      <c r="Z31971">
        <v>10</v>
      </c>
      <c r="AA31971">
        <v>10</v>
      </c>
      <c r="AB31971">
        <v>10</v>
      </c>
      <c r="AC31971">
        <v>10</v>
      </c>
      <c r="AD31971">
        <v>10</v>
      </c>
      <c r="AE31971">
        <v>10</v>
      </c>
      <c r="AF31971">
        <v>10</v>
      </c>
      <c r="AG31971">
        <v>10</v>
      </c>
      <c r="AH31971">
        <v>10</v>
      </c>
      <c r="AI31971">
        <v>10</v>
      </c>
      <c r="AJ31971">
        <v>10</v>
      </c>
      <c r="AK31971">
        <v>10</v>
      </c>
      <c r="AL31971">
        <v>10</v>
      </c>
      <c r="AM31971">
        <v>10</v>
      </c>
      <c r="AN31971">
        <v>10</v>
      </c>
      <c r="AO31971">
        <v>10</v>
      </c>
      <c r="AP31971">
        <v>10</v>
      </c>
      <c r="AQ31971">
        <v>10</v>
      </c>
    </row>
    <row r="31972" spans="1:43">
      <c r="A31972" t="s">
        <v>19807</v>
      </c>
      <c r="B31972" t="s">
        <v>19808</v>
      </c>
      <c r="C31972" t="s">
        <v>19719</v>
      </c>
      <c r="D31972" t="s">
        <v>19720</v>
      </c>
      <c r="E31972" t="s">
        <v>19721</v>
      </c>
      <c r="F31972" t="s">
        <v>19722</v>
      </c>
      <c r="G31972" t="s">
        <v>10734</v>
      </c>
      <c r="H31972" t="s">
        <v>10735</v>
      </c>
      <c r="I31972" s="2">
        <v>0</v>
      </c>
      <c r="J31972" s="2">
        <v>0</v>
      </c>
      <c r="K31972" s="2">
        <v>1</v>
      </c>
      <c r="L31972" t="s">
        <v>995</v>
      </c>
      <c r="M31972" t="s">
        <v>89</v>
      </c>
      <c r="N31972" t="s">
        <v>90</v>
      </c>
      <c r="O31972" t="s">
        <v>85</v>
      </c>
      <c r="P31972" t="s">
        <v>86</v>
      </c>
      <c r="Q31972">
        <v>9</v>
      </c>
      <c r="R31972">
        <v>9</v>
      </c>
      <c r="S31972">
        <v>9</v>
      </c>
      <c r="T31972">
        <v>9</v>
      </c>
      <c r="U31972">
        <v>9</v>
      </c>
      <c r="V31972">
        <v>9</v>
      </c>
      <c r="W31972">
        <v>10</v>
      </c>
      <c r="X31972">
        <v>10</v>
      </c>
      <c r="Y31972">
        <v>10</v>
      </c>
      <c r="Z31972">
        <v>10</v>
      </c>
      <c r="AA31972">
        <v>10</v>
      </c>
      <c r="AB31972">
        <v>10</v>
      </c>
      <c r="AC31972">
        <v>10</v>
      </c>
      <c r="AD31972">
        <v>10</v>
      </c>
      <c r="AE31972">
        <v>10</v>
      </c>
      <c r="AF31972">
        <v>10</v>
      </c>
      <c r="AG31972">
        <v>10</v>
      </c>
      <c r="AH31972">
        <v>10</v>
      </c>
      <c r="AI31972">
        <v>10</v>
      </c>
      <c r="AJ31972">
        <v>10</v>
      </c>
      <c r="AK31972">
        <v>10</v>
      </c>
      <c r="AL31972">
        <v>10</v>
      </c>
      <c r="AM31972">
        <v>10</v>
      </c>
      <c r="AN31972">
        <v>10</v>
      </c>
      <c r="AO31972">
        <v>10</v>
      </c>
      <c r="AP31972">
        <v>10</v>
      </c>
      <c r="AQ31972">
        <v>10</v>
      </c>
    </row>
    <row r="31973" spans="1:43">
      <c r="A31973" t="s">
        <v>19807</v>
      </c>
      <c r="B31973" t="s">
        <v>19808</v>
      </c>
      <c r="C31973" t="s">
        <v>19719</v>
      </c>
      <c r="D31973" t="s">
        <v>19720</v>
      </c>
      <c r="E31973" t="s">
        <v>19721</v>
      </c>
      <c r="F31973" t="s">
        <v>19722</v>
      </c>
      <c r="G31973" t="s">
        <v>10734</v>
      </c>
      <c r="H31973" t="s">
        <v>10735</v>
      </c>
      <c r="I31973" s="2">
        <v>0</v>
      </c>
      <c r="J31973" s="2">
        <v>0</v>
      </c>
      <c r="K31973" s="2">
        <v>1</v>
      </c>
      <c r="L31973" t="s">
        <v>995</v>
      </c>
      <c r="M31973" t="s">
        <v>83</v>
      </c>
      <c r="N31973" t="s">
        <v>91</v>
      </c>
      <c r="O31973" t="s">
        <v>85</v>
      </c>
      <c r="P31973" t="s">
        <v>86</v>
      </c>
      <c r="Q31973">
        <v>9</v>
      </c>
      <c r="R31973">
        <v>9</v>
      </c>
      <c r="S31973">
        <v>9</v>
      </c>
      <c r="T31973">
        <v>9</v>
      </c>
      <c r="U31973">
        <v>9</v>
      </c>
      <c r="V31973">
        <v>9</v>
      </c>
      <c r="W31973">
        <v>9</v>
      </c>
      <c r="X31973">
        <v>9</v>
      </c>
      <c r="Y31973">
        <v>9</v>
      </c>
      <c r="Z31973">
        <v>9</v>
      </c>
      <c r="AA31973">
        <v>9</v>
      </c>
      <c r="AB31973">
        <v>10</v>
      </c>
      <c r="AC31973">
        <v>10</v>
      </c>
      <c r="AD31973">
        <v>10</v>
      </c>
      <c r="AE31973">
        <v>10</v>
      </c>
      <c r="AF31973">
        <v>10</v>
      </c>
      <c r="AG31973">
        <v>10</v>
      </c>
      <c r="AH31973">
        <v>10</v>
      </c>
      <c r="AI31973">
        <v>10</v>
      </c>
      <c r="AJ31973">
        <v>10</v>
      </c>
      <c r="AK31973">
        <v>10</v>
      </c>
      <c r="AL31973">
        <v>10</v>
      </c>
      <c r="AM31973">
        <v>10</v>
      </c>
      <c r="AN31973">
        <v>10</v>
      </c>
      <c r="AO31973">
        <v>10</v>
      </c>
      <c r="AP31973">
        <v>10</v>
      </c>
      <c r="AQ31973">
        <v>10</v>
      </c>
    </row>
    <row r="31974" spans="1:43">
      <c r="A31974" t="s">
        <v>19809</v>
      </c>
      <c r="B31974" t="s">
        <v>19810</v>
      </c>
      <c r="C31974" t="s">
        <v>19759</v>
      </c>
      <c r="D31974" t="s">
        <v>19760</v>
      </c>
      <c r="E31974" t="s">
        <v>19721</v>
      </c>
      <c r="F31974" t="s">
        <v>19722</v>
      </c>
      <c r="G31974" t="s">
        <v>10734</v>
      </c>
      <c r="H31974" t="s">
        <v>10735</v>
      </c>
      <c r="I31974" s="2">
        <v>0</v>
      </c>
      <c r="J31974" s="2">
        <v>0</v>
      </c>
      <c r="K31974" s="2">
        <v>1</v>
      </c>
      <c r="L31974" t="s">
        <v>995</v>
      </c>
      <c r="M31974" t="s">
        <v>83</v>
      </c>
      <c r="N31974" t="s">
        <v>84</v>
      </c>
      <c r="O31974" t="s">
        <v>85</v>
      </c>
      <c r="P31974" t="s">
        <v>86</v>
      </c>
      <c r="Q31974">
        <v>87</v>
      </c>
      <c r="R31974">
        <v>88</v>
      </c>
      <c r="S31974">
        <v>89</v>
      </c>
      <c r="T31974">
        <v>90</v>
      </c>
      <c r="U31974">
        <v>91</v>
      </c>
      <c r="V31974">
        <v>92</v>
      </c>
      <c r="W31974">
        <v>93</v>
      </c>
      <c r="X31974">
        <v>94</v>
      </c>
      <c r="Y31974">
        <v>95</v>
      </c>
      <c r="Z31974">
        <v>96</v>
      </c>
      <c r="AA31974">
        <v>97</v>
      </c>
      <c r="AB31974">
        <v>98</v>
      </c>
      <c r="AC31974">
        <v>99</v>
      </c>
      <c r="AD31974">
        <v>100</v>
      </c>
      <c r="AE31974">
        <v>101</v>
      </c>
      <c r="AF31974">
        <v>102</v>
      </c>
      <c r="AG31974">
        <v>103</v>
      </c>
      <c r="AH31974">
        <v>104</v>
      </c>
      <c r="AI31974">
        <v>105</v>
      </c>
      <c r="AJ31974">
        <v>106</v>
      </c>
      <c r="AK31974">
        <v>107</v>
      </c>
      <c r="AL31974">
        <v>107</v>
      </c>
      <c r="AM31974">
        <v>108</v>
      </c>
      <c r="AN31974">
        <v>108</v>
      </c>
      <c r="AO31974">
        <v>108</v>
      </c>
      <c r="AP31974">
        <v>108</v>
      </c>
      <c r="AQ31974">
        <v>109</v>
      </c>
    </row>
    <row r="31975" spans="1:43">
      <c r="A31975" t="s">
        <v>19809</v>
      </c>
      <c r="B31975" t="s">
        <v>19810</v>
      </c>
      <c r="C31975" t="s">
        <v>19759</v>
      </c>
      <c r="D31975" t="s">
        <v>19760</v>
      </c>
      <c r="E31975" t="s">
        <v>19721</v>
      </c>
      <c r="F31975" t="s">
        <v>19722</v>
      </c>
      <c r="G31975" t="s">
        <v>10734</v>
      </c>
      <c r="H31975" t="s">
        <v>10735</v>
      </c>
      <c r="I31975" s="2">
        <v>0</v>
      </c>
      <c r="J31975" s="2">
        <v>0</v>
      </c>
      <c r="K31975" s="2">
        <v>1</v>
      </c>
      <c r="L31975" t="s">
        <v>995</v>
      </c>
      <c r="M31975" t="s">
        <v>87</v>
      </c>
      <c r="N31975" t="s">
        <v>88</v>
      </c>
      <c r="O31975" t="s">
        <v>85</v>
      </c>
      <c r="P31975" t="s">
        <v>86</v>
      </c>
      <c r="Q31975">
        <v>87</v>
      </c>
      <c r="R31975">
        <v>87</v>
      </c>
      <c r="S31975">
        <v>87</v>
      </c>
      <c r="T31975">
        <v>87</v>
      </c>
      <c r="U31975">
        <v>88</v>
      </c>
      <c r="V31975">
        <v>88</v>
      </c>
      <c r="W31975">
        <v>88</v>
      </c>
      <c r="X31975">
        <v>88</v>
      </c>
      <c r="Y31975">
        <v>89</v>
      </c>
      <c r="Z31975">
        <v>89</v>
      </c>
      <c r="AA31975">
        <v>89</v>
      </c>
      <c r="AB31975">
        <v>89</v>
      </c>
      <c r="AC31975">
        <v>90</v>
      </c>
      <c r="AD31975">
        <v>90</v>
      </c>
      <c r="AE31975">
        <v>90</v>
      </c>
      <c r="AF31975">
        <v>90</v>
      </c>
      <c r="AG31975">
        <v>91</v>
      </c>
      <c r="AH31975">
        <v>91</v>
      </c>
      <c r="AI31975">
        <v>92</v>
      </c>
      <c r="AJ31975">
        <v>92</v>
      </c>
      <c r="AK31975">
        <v>92</v>
      </c>
      <c r="AL31975">
        <v>93</v>
      </c>
      <c r="AM31975">
        <v>93</v>
      </c>
      <c r="AN31975">
        <v>93</v>
      </c>
      <c r="AO31975">
        <v>94</v>
      </c>
      <c r="AP31975">
        <v>94</v>
      </c>
      <c r="AQ31975">
        <v>95</v>
      </c>
    </row>
    <row r="31976" spans="1:43">
      <c r="A31976" t="s">
        <v>19809</v>
      </c>
      <c r="B31976" t="s">
        <v>19810</v>
      </c>
      <c r="C31976" t="s">
        <v>19759</v>
      </c>
      <c r="D31976" t="s">
        <v>19760</v>
      </c>
      <c r="E31976" t="s">
        <v>19721</v>
      </c>
      <c r="F31976" t="s">
        <v>19722</v>
      </c>
      <c r="G31976" t="s">
        <v>10734</v>
      </c>
      <c r="H31976" t="s">
        <v>10735</v>
      </c>
      <c r="I31976" s="2">
        <v>0</v>
      </c>
      <c r="J31976" s="2">
        <v>0</v>
      </c>
      <c r="K31976" s="2">
        <v>1</v>
      </c>
      <c r="L31976" t="s">
        <v>995</v>
      </c>
      <c r="M31976" t="s">
        <v>89</v>
      </c>
      <c r="N31976" t="s">
        <v>90</v>
      </c>
      <c r="O31976" t="s">
        <v>85</v>
      </c>
      <c r="P31976" t="s">
        <v>86</v>
      </c>
      <c r="Q31976">
        <v>87</v>
      </c>
      <c r="R31976">
        <v>89</v>
      </c>
      <c r="S31976">
        <v>91</v>
      </c>
      <c r="T31976">
        <v>93</v>
      </c>
      <c r="U31976">
        <v>94</v>
      </c>
      <c r="V31976">
        <v>96</v>
      </c>
      <c r="W31976">
        <v>97</v>
      </c>
      <c r="X31976">
        <v>99</v>
      </c>
      <c r="Y31976">
        <v>100</v>
      </c>
      <c r="Z31976">
        <v>102</v>
      </c>
      <c r="AA31976">
        <v>103</v>
      </c>
      <c r="AB31976">
        <v>104</v>
      </c>
      <c r="AC31976">
        <v>106</v>
      </c>
      <c r="AD31976">
        <v>107</v>
      </c>
      <c r="AE31976">
        <v>108</v>
      </c>
      <c r="AF31976">
        <v>108</v>
      </c>
      <c r="AG31976">
        <v>108</v>
      </c>
      <c r="AH31976">
        <v>108</v>
      </c>
      <c r="AI31976">
        <v>109</v>
      </c>
      <c r="AJ31976">
        <v>109</v>
      </c>
      <c r="AK31976">
        <v>109</v>
      </c>
      <c r="AL31976">
        <v>109</v>
      </c>
      <c r="AM31976">
        <v>110</v>
      </c>
      <c r="AN31976">
        <v>110</v>
      </c>
      <c r="AO31976">
        <v>110</v>
      </c>
      <c r="AP31976">
        <v>110</v>
      </c>
      <c r="AQ31976">
        <v>111</v>
      </c>
    </row>
    <row r="31977" spans="1:43">
      <c r="A31977" t="s">
        <v>19809</v>
      </c>
      <c r="B31977" t="s">
        <v>19810</v>
      </c>
      <c r="C31977" t="s">
        <v>19759</v>
      </c>
      <c r="D31977" t="s">
        <v>19760</v>
      </c>
      <c r="E31977" t="s">
        <v>19721</v>
      </c>
      <c r="F31977" t="s">
        <v>19722</v>
      </c>
      <c r="G31977" t="s">
        <v>10734</v>
      </c>
      <c r="H31977" t="s">
        <v>10735</v>
      </c>
      <c r="I31977" s="2">
        <v>0</v>
      </c>
      <c r="J31977" s="2">
        <v>0</v>
      </c>
      <c r="K31977" s="2">
        <v>1</v>
      </c>
      <c r="L31977" t="s">
        <v>995</v>
      </c>
      <c r="M31977" t="s">
        <v>83</v>
      </c>
      <c r="N31977" t="s">
        <v>91</v>
      </c>
      <c r="O31977" t="s">
        <v>85</v>
      </c>
      <c r="P31977" t="s">
        <v>86</v>
      </c>
      <c r="Q31977">
        <v>87</v>
      </c>
      <c r="R31977">
        <v>88</v>
      </c>
      <c r="S31977">
        <v>89</v>
      </c>
      <c r="T31977">
        <v>90</v>
      </c>
      <c r="U31977">
        <v>91</v>
      </c>
      <c r="V31977">
        <v>92</v>
      </c>
      <c r="W31977">
        <v>93</v>
      </c>
      <c r="X31977">
        <v>94</v>
      </c>
      <c r="Y31977">
        <v>95</v>
      </c>
      <c r="Z31977">
        <v>96</v>
      </c>
      <c r="AA31977">
        <v>97</v>
      </c>
      <c r="AB31977">
        <v>98</v>
      </c>
      <c r="AC31977">
        <v>99</v>
      </c>
      <c r="AD31977">
        <v>100</v>
      </c>
      <c r="AE31977">
        <v>101</v>
      </c>
      <c r="AF31977">
        <v>102</v>
      </c>
      <c r="AG31977">
        <v>103</v>
      </c>
      <c r="AH31977">
        <v>104</v>
      </c>
      <c r="AI31977">
        <v>105</v>
      </c>
      <c r="AJ31977">
        <v>106</v>
      </c>
      <c r="AK31977">
        <v>107</v>
      </c>
      <c r="AL31977">
        <v>107</v>
      </c>
      <c r="AM31977">
        <v>108</v>
      </c>
      <c r="AN31977">
        <v>108</v>
      </c>
      <c r="AO31977">
        <v>108</v>
      </c>
      <c r="AP31977">
        <v>108</v>
      </c>
      <c r="AQ31977">
        <v>109</v>
      </c>
    </row>
    <row r="31978" spans="1:43">
      <c r="A31978" t="s">
        <v>19811</v>
      </c>
      <c r="B31978" t="s">
        <v>19812</v>
      </c>
      <c r="C31978" t="s">
        <v>19755</v>
      </c>
      <c r="D31978" t="s">
        <v>19756</v>
      </c>
      <c r="E31978" t="s">
        <v>19721</v>
      </c>
      <c r="F31978" t="s">
        <v>19722</v>
      </c>
      <c r="G31978" t="s">
        <v>10734</v>
      </c>
      <c r="H31978" t="s">
        <v>10735</v>
      </c>
      <c r="I31978" s="2">
        <v>0</v>
      </c>
      <c r="J31978" s="2">
        <v>0</v>
      </c>
      <c r="K31978" s="2">
        <v>1</v>
      </c>
      <c r="L31978" t="s">
        <v>995</v>
      </c>
      <c r="M31978" t="s">
        <v>83</v>
      </c>
      <c r="N31978" t="s">
        <v>84</v>
      </c>
      <c r="O31978" t="s">
        <v>85</v>
      </c>
      <c r="P31978" t="s">
        <v>86</v>
      </c>
      <c r="Q31978">
        <v>5</v>
      </c>
      <c r="R31978">
        <v>5</v>
      </c>
      <c r="S31978">
        <v>5</v>
      </c>
      <c r="T31978">
        <v>5</v>
      </c>
      <c r="U31978">
        <v>6</v>
      </c>
      <c r="V31978">
        <v>6</v>
      </c>
      <c r="W31978">
        <v>6</v>
      </c>
      <c r="X31978">
        <v>6</v>
      </c>
      <c r="Y31978">
        <v>6</v>
      </c>
      <c r="Z31978">
        <v>6</v>
      </c>
      <c r="AA31978">
        <v>6</v>
      </c>
      <c r="AB31978">
        <v>6</v>
      </c>
      <c r="AC31978">
        <v>6</v>
      </c>
      <c r="AD31978">
        <v>6</v>
      </c>
      <c r="AE31978">
        <v>6</v>
      </c>
      <c r="AF31978">
        <v>6</v>
      </c>
      <c r="AG31978">
        <v>6</v>
      </c>
      <c r="AH31978">
        <v>6</v>
      </c>
      <c r="AI31978">
        <v>6</v>
      </c>
      <c r="AJ31978">
        <v>6</v>
      </c>
      <c r="AK31978">
        <v>6</v>
      </c>
      <c r="AL31978">
        <v>6</v>
      </c>
      <c r="AM31978">
        <v>6</v>
      </c>
      <c r="AN31978">
        <v>6</v>
      </c>
      <c r="AO31978">
        <v>6</v>
      </c>
      <c r="AP31978">
        <v>6</v>
      </c>
      <c r="AQ31978">
        <v>6</v>
      </c>
    </row>
    <row r="31979" spans="1:43">
      <c r="A31979" t="s">
        <v>19811</v>
      </c>
      <c r="B31979" t="s">
        <v>19812</v>
      </c>
      <c r="C31979" t="s">
        <v>19755</v>
      </c>
      <c r="D31979" t="s">
        <v>19756</v>
      </c>
      <c r="E31979" t="s">
        <v>19721</v>
      </c>
      <c r="F31979" t="s">
        <v>19722</v>
      </c>
      <c r="G31979" t="s">
        <v>10734</v>
      </c>
      <c r="H31979" t="s">
        <v>10735</v>
      </c>
      <c r="I31979" s="2">
        <v>0</v>
      </c>
      <c r="J31979" s="2">
        <v>0</v>
      </c>
      <c r="K31979" s="2">
        <v>1</v>
      </c>
      <c r="L31979" t="s">
        <v>995</v>
      </c>
      <c r="M31979" t="s">
        <v>87</v>
      </c>
      <c r="N31979" t="s">
        <v>88</v>
      </c>
      <c r="O31979" t="s">
        <v>85</v>
      </c>
      <c r="P31979" t="s">
        <v>86</v>
      </c>
      <c r="Q31979">
        <v>5</v>
      </c>
      <c r="R31979">
        <v>5</v>
      </c>
      <c r="S31979">
        <v>5</v>
      </c>
      <c r="T31979">
        <v>5</v>
      </c>
      <c r="U31979">
        <v>5</v>
      </c>
      <c r="V31979">
        <v>5</v>
      </c>
      <c r="W31979">
        <v>5</v>
      </c>
      <c r="X31979">
        <v>5</v>
      </c>
      <c r="Y31979">
        <v>5</v>
      </c>
      <c r="Z31979">
        <v>5</v>
      </c>
      <c r="AA31979">
        <v>5</v>
      </c>
      <c r="AB31979">
        <v>5</v>
      </c>
      <c r="AC31979">
        <v>5</v>
      </c>
      <c r="AD31979">
        <v>5</v>
      </c>
      <c r="AE31979">
        <v>5</v>
      </c>
      <c r="AF31979">
        <v>5</v>
      </c>
      <c r="AG31979">
        <v>5</v>
      </c>
      <c r="AH31979">
        <v>5</v>
      </c>
      <c r="AI31979">
        <v>5</v>
      </c>
      <c r="AJ31979">
        <v>5</v>
      </c>
      <c r="AK31979">
        <v>5</v>
      </c>
      <c r="AL31979">
        <v>5</v>
      </c>
      <c r="AM31979">
        <v>5</v>
      </c>
      <c r="AN31979">
        <v>5</v>
      </c>
      <c r="AO31979">
        <v>5</v>
      </c>
      <c r="AP31979">
        <v>5</v>
      </c>
      <c r="AQ31979">
        <v>5</v>
      </c>
    </row>
    <row r="31980" spans="1:43">
      <c r="A31980" t="s">
        <v>19811</v>
      </c>
      <c r="B31980" t="s">
        <v>19812</v>
      </c>
      <c r="C31980" t="s">
        <v>19755</v>
      </c>
      <c r="D31980" t="s">
        <v>19756</v>
      </c>
      <c r="E31980" t="s">
        <v>19721</v>
      </c>
      <c r="F31980" t="s">
        <v>19722</v>
      </c>
      <c r="G31980" t="s">
        <v>10734</v>
      </c>
      <c r="H31980" t="s">
        <v>10735</v>
      </c>
      <c r="I31980" s="2">
        <v>0</v>
      </c>
      <c r="J31980" s="2">
        <v>0</v>
      </c>
      <c r="K31980" s="2">
        <v>1</v>
      </c>
      <c r="L31980" t="s">
        <v>995</v>
      </c>
      <c r="M31980" t="s">
        <v>89</v>
      </c>
      <c r="N31980" t="s">
        <v>90</v>
      </c>
      <c r="O31980" t="s">
        <v>85</v>
      </c>
      <c r="P31980" t="s">
        <v>86</v>
      </c>
      <c r="Q31980">
        <v>5</v>
      </c>
      <c r="R31980">
        <v>5</v>
      </c>
      <c r="S31980">
        <v>6</v>
      </c>
      <c r="T31980">
        <v>6</v>
      </c>
      <c r="U31980">
        <v>6</v>
      </c>
      <c r="V31980">
        <v>6</v>
      </c>
      <c r="W31980">
        <v>6</v>
      </c>
      <c r="X31980">
        <v>6</v>
      </c>
      <c r="Y31980">
        <v>6</v>
      </c>
      <c r="Z31980">
        <v>6</v>
      </c>
      <c r="AA31980">
        <v>6</v>
      </c>
      <c r="AB31980">
        <v>6</v>
      </c>
      <c r="AC31980">
        <v>6</v>
      </c>
      <c r="AD31980">
        <v>6</v>
      </c>
      <c r="AE31980">
        <v>6</v>
      </c>
      <c r="AF31980">
        <v>6</v>
      </c>
      <c r="AG31980">
        <v>6</v>
      </c>
      <c r="AH31980">
        <v>6</v>
      </c>
      <c r="AI31980">
        <v>6</v>
      </c>
      <c r="AJ31980">
        <v>6</v>
      </c>
      <c r="AK31980">
        <v>6</v>
      </c>
      <c r="AL31980">
        <v>6</v>
      </c>
      <c r="AM31980">
        <v>6</v>
      </c>
      <c r="AN31980">
        <v>6</v>
      </c>
      <c r="AO31980">
        <v>6</v>
      </c>
      <c r="AP31980">
        <v>6</v>
      </c>
      <c r="AQ31980">
        <v>6</v>
      </c>
    </row>
    <row r="31981" spans="1:43">
      <c r="A31981" t="s">
        <v>19811</v>
      </c>
      <c r="B31981" t="s">
        <v>19812</v>
      </c>
      <c r="C31981" t="s">
        <v>19755</v>
      </c>
      <c r="D31981" t="s">
        <v>19756</v>
      </c>
      <c r="E31981" t="s">
        <v>19721</v>
      </c>
      <c r="F31981" t="s">
        <v>19722</v>
      </c>
      <c r="G31981" t="s">
        <v>10734</v>
      </c>
      <c r="H31981" t="s">
        <v>10735</v>
      </c>
      <c r="I31981" s="2">
        <v>0</v>
      </c>
      <c r="J31981" s="2">
        <v>0</v>
      </c>
      <c r="K31981" s="2">
        <v>1</v>
      </c>
      <c r="L31981" t="s">
        <v>995</v>
      </c>
      <c r="M31981" t="s">
        <v>83</v>
      </c>
      <c r="N31981" t="s">
        <v>91</v>
      </c>
      <c r="O31981" t="s">
        <v>85</v>
      </c>
      <c r="P31981" t="s">
        <v>86</v>
      </c>
      <c r="Q31981">
        <v>5</v>
      </c>
      <c r="R31981">
        <v>5</v>
      </c>
      <c r="S31981">
        <v>5</v>
      </c>
      <c r="T31981">
        <v>5</v>
      </c>
      <c r="U31981">
        <v>6</v>
      </c>
      <c r="V31981">
        <v>6</v>
      </c>
      <c r="W31981">
        <v>6</v>
      </c>
      <c r="X31981">
        <v>6</v>
      </c>
      <c r="Y31981">
        <v>6</v>
      </c>
      <c r="Z31981">
        <v>6</v>
      </c>
      <c r="AA31981">
        <v>6</v>
      </c>
      <c r="AB31981">
        <v>6</v>
      </c>
      <c r="AC31981">
        <v>6</v>
      </c>
      <c r="AD31981">
        <v>6</v>
      </c>
      <c r="AE31981">
        <v>6</v>
      </c>
      <c r="AF31981">
        <v>6</v>
      </c>
      <c r="AG31981">
        <v>6</v>
      </c>
      <c r="AH31981">
        <v>6</v>
      </c>
      <c r="AI31981">
        <v>6</v>
      </c>
      <c r="AJ31981">
        <v>6</v>
      </c>
      <c r="AK31981">
        <v>6</v>
      </c>
      <c r="AL31981">
        <v>6</v>
      </c>
      <c r="AM31981">
        <v>6</v>
      </c>
      <c r="AN31981">
        <v>6</v>
      </c>
      <c r="AO31981">
        <v>6</v>
      </c>
      <c r="AP31981">
        <v>6</v>
      </c>
      <c r="AQ31981">
        <v>6</v>
      </c>
    </row>
    <row r="31982" spans="1:43">
      <c r="A31982" t="s">
        <v>19813</v>
      </c>
      <c r="B31982" t="s">
        <v>19814</v>
      </c>
      <c r="C31982" t="s">
        <v>19815</v>
      </c>
      <c r="D31982" t="s">
        <v>19816</v>
      </c>
      <c r="E31982" t="s">
        <v>19721</v>
      </c>
      <c r="F31982" t="s">
        <v>19722</v>
      </c>
      <c r="G31982" t="s">
        <v>10734</v>
      </c>
      <c r="H31982" t="s">
        <v>10735</v>
      </c>
      <c r="I31982" s="2">
        <v>0</v>
      </c>
      <c r="J31982" s="2">
        <v>0</v>
      </c>
      <c r="K31982" s="2">
        <v>1</v>
      </c>
      <c r="L31982" t="s">
        <v>995</v>
      </c>
      <c r="M31982" t="s">
        <v>83</v>
      </c>
      <c r="N31982" t="s">
        <v>84</v>
      </c>
      <c r="O31982" t="s">
        <v>85</v>
      </c>
      <c r="P31982" t="s">
        <v>86</v>
      </c>
      <c r="Q31982">
        <v>11</v>
      </c>
      <c r="R31982">
        <v>11</v>
      </c>
      <c r="S31982">
        <v>11</v>
      </c>
      <c r="T31982">
        <v>11</v>
      </c>
      <c r="U31982">
        <v>11</v>
      </c>
      <c r="V31982">
        <v>11</v>
      </c>
      <c r="W31982">
        <v>11</v>
      </c>
      <c r="X31982">
        <v>11</v>
      </c>
      <c r="Y31982">
        <v>12</v>
      </c>
      <c r="Z31982">
        <v>12</v>
      </c>
      <c r="AA31982">
        <v>12</v>
      </c>
      <c r="AB31982">
        <v>12</v>
      </c>
      <c r="AC31982">
        <v>12</v>
      </c>
      <c r="AD31982">
        <v>12</v>
      </c>
      <c r="AE31982">
        <v>12</v>
      </c>
      <c r="AF31982">
        <v>12</v>
      </c>
      <c r="AG31982">
        <v>12</v>
      </c>
      <c r="AH31982">
        <v>13</v>
      </c>
      <c r="AI31982">
        <v>13</v>
      </c>
      <c r="AJ31982">
        <v>13</v>
      </c>
      <c r="AK31982">
        <v>13</v>
      </c>
      <c r="AL31982">
        <v>13</v>
      </c>
      <c r="AM31982">
        <v>13</v>
      </c>
      <c r="AN31982">
        <v>13</v>
      </c>
      <c r="AO31982">
        <v>13</v>
      </c>
      <c r="AP31982">
        <v>13</v>
      </c>
      <c r="AQ31982">
        <v>13</v>
      </c>
    </row>
    <row r="31983" spans="1:43">
      <c r="A31983" t="s">
        <v>19813</v>
      </c>
      <c r="B31983" t="s">
        <v>19814</v>
      </c>
      <c r="C31983" t="s">
        <v>19815</v>
      </c>
      <c r="D31983" t="s">
        <v>19816</v>
      </c>
      <c r="E31983" t="s">
        <v>19721</v>
      </c>
      <c r="F31983" t="s">
        <v>19722</v>
      </c>
      <c r="G31983" t="s">
        <v>10734</v>
      </c>
      <c r="H31983" t="s">
        <v>10735</v>
      </c>
      <c r="I31983" s="2">
        <v>0</v>
      </c>
      <c r="J31983" s="2">
        <v>0</v>
      </c>
      <c r="K31983" s="2">
        <v>1</v>
      </c>
      <c r="L31983" t="s">
        <v>995</v>
      </c>
      <c r="M31983" t="s">
        <v>87</v>
      </c>
      <c r="N31983" t="s">
        <v>88</v>
      </c>
      <c r="O31983" t="s">
        <v>85</v>
      </c>
      <c r="P31983" t="s">
        <v>86</v>
      </c>
      <c r="Q31983">
        <v>11</v>
      </c>
      <c r="R31983">
        <v>11</v>
      </c>
      <c r="S31983">
        <v>11</v>
      </c>
      <c r="T31983">
        <v>11</v>
      </c>
      <c r="U31983">
        <v>11</v>
      </c>
      <c r="V31983">
        <v>11</v>
      </c>
      <c r="W31983">
        <v>11</v>
      </c>
      <c r="X31983">
        <v>11</v>
      </c>
      <c r="Y31983">
        <v>11</v>
      </c>
      <c r="Z31983">
        <v>11</v>
      </c>
      <c r="AA31983">
        <v>11</v>
      </c>
      <c r="AB31983">
        <v>11</v>
      </c>
      <c r="AC31983">
        <v>11</v>
      </c>
      <c r="AD31983">
        <v>11</v>
      </c>
      <c r="AE31983">
        <v>11</v>
      </c>
      <c r="AF31983">
        <v>11</v>
      </c>
      <c r="AG31983">
        <v>11</v>
      </c>
      <c r="AH31983">
        <v>11</v>
      </c>
      <c r="AI31983">
        <v>11</v>
      </c>
      <c r="AJ31983">
        <v>11</v>
      </c>
      <c r="AK31983">
        <v>11</v>
      </c>
      <c r="AL31983">
        <v>11</v>
      </c>
      <c r="AM31983">
        <v>11</v>
      </c>
      <c r="AN31983">
        <v>11</v>
      </c>
      <c r="AO31983">
        <v>11</v>
      </c>
      <c r="AP31983">
        <v>11</v>
      </c>
      <c r="AQ31983">
        <v>11</v>
      </c>
    </row>
    <row r="31984" spans="1:43">
      <c r="A31984" t="s">
        <v>19813</v>
      </c>
      <c r="B31984" t="s">
        <v>19814</v>
      </c>
      <c r="C31984" t="s">
        <v>19815</v>
      </c>
      <c r="D31984" t="s">
        <v>19816</v>
      </c>
      <c r="E31984" t="s">
        <v>19721</v>
      </c>
      <c r="F31984" t="s">
        <v>19722</v>
      </c>
      <c r="G31984" t="s">
        <v>10734</v>
      </c>
      <c r="H31984" t="s">
        <v>10735</v>
      </c>
      <c r="I31984" s="2">
        <v>0</v>
      </c>
      <c r="J31984" s="2">
        <v>0</v>
      </c>
      <c r="K31984" s="2">
        <v>1</v>
      </c>
      <c r="L31984" t="s">
        <v>995</v>
      </c>
      <c r="M31984" t="s">
        <v>89</v>
      </c>
      <c r="N31984" t="s">
        <v>90</v>
      </c>
      <c r="O31984" t="s">
        <v>85</v>
      </c>
      <c r="P31984" t="s">
        <v>86</v>
      </c>
      <c r="Q31984">
        <v>11</v>
      </c>
      <c r="R31984">
        <v>11</v>
      </c>
      <c r="S31984">
        <v>11</v>
      </c>
      <c r="T31984">
        <v>11</v>
      </c>
      <c r="U31984">
        <v>12</v>
      </c>
      <c r="V31984">
        <v>12</v>
      </c>
      <c r="W31984">
        <v>12</v>
      </c>
      <c r="X31984">
        <v>12</v>
      </c>
      <c r="Y31984">
        <v>12</v>
      </c>
      <c r="Z31984">
        <v>12</v>
      </c>
      <c r="AA31984">
        <v>13</v>
      </c>
      <c r="AB31984">
        <v>13</v>
      </c>
      <c r="AC31984">
        <v>13</v>
      </c>
      <c r="AD31984">
        <v>13</v>
      </c>
      <c r="AE31984">
        <v>13</v>
      </c>
      <c r="AF31984">
        <v>13</v>
      </c>
      <c r="AG31984">
        <v>13</v>
      </c>
      <c r="AH31984">
        <v>13</v>
      </c>
      <c r="AI31984">
        <v>13</v>
      </c>
      <c r="AJ31984">
        <v>13</v>
      </c>
      <c r="AK31984">
        <v>13</v>
      </c>
      <c r="AL31984">
        <v>13</v>
      </c>
      <c r="AM31984">
        <v>13</v>
      </c>
      <c r="AN31984">
        <v>13</v>
      </c>
      <c r="AO31984">
        <v>13</v>
      </c>
      <c r="AP31984">
        <v>13</v>
      </c>
      <c r="AQ31984">
        <v>13</v>
      </c>
    </row>
    <row r="31985" spans="1:43">
      <c r="A31985" t="s">
        <v>19813</v>
      </c>
      <c r="B31985" t="s">
        <v>19814</v>
      </c>
      <c r="C31985" t="s">
        <v>19815</v>
      </c>
      <c r="D31985" t="s">
        <v>19816</v>
      </c>
      <c r="E31985" t="s">
        <v>19721</v>
      </c>
      <c r="F31985" t="s">
        <v>19722</v>
      </c>
      <c r="G31985" t="s">
        <v>10734</v>
      </c>
      <c r="H31985" t="s">
        <v>10735</v>
      </c>
      <c r="I31985" s="2">
        <v>0</v>
      </c>
      <c r="J31985" s="2">
        <v>0</v>
      </c>
      <c r="K31985" s="2">
        <v>1</v>
      </c>
      <c r="L31985" t="s">
        <v>995</v>
      </c>
      <c r="M31985" t="s">
        <v>83</v>
      </c>
      <c r="N31985" t="s">
        <v>91</v>
      </c>
      <c r="O31985" t="s">
        <v>85</v>
      </c>
      <c r="P31985" t="s">
        <v>86</v>
      </c>
      <c r="Q31985">
        <v>11</v>
      </c>
      <c r="R31985">
        <v>11</v>
      </c>
      <c r="S31985">
        <v>11</v>
      </c>
      <c r="T31985">
        <v>11</v>
      </c>
      <c r="U31985">
        <v>11</v>
      </c>
      <c r="V31985">
        <v>11</v>
      </c>
      <c r="W31985">
        <v>11</v>
      </c>
      <c r="X31985">
        <v>11</v>
      </c>
      <c r="Y31985">
        <v>12</v>
      </c>
      <c r="Z31985">
        <v>12</v>
      </c>
      <c r="AA31985">
        <v>12</v>
      </c>
      <c r="AB31985">
        <v>12</v>
      </c>
      <c r="AC31985">
        <v>12</v>
      </c>
      <c r="AD31985">
        <v>12</v>
      </c>
      <c r="AE31985">
        <v>12</v>
      </c>
      <c r="AF31985">
        <v>12</v>
      </c>
      <c r="AG31985">
        <v>12</v>
      </c>
      <c r="AH31985">
        <v>13</v>
      </c>
      <c r="AI31985">
        <v>13</v>
      </c>
      <c r="AJ31985">
        <v>13</v>
      </c>
      <c r="AK31985">
        <v>13</v>
      </c>
      <c r="AL31985">
        <v>13</v>
      </c>
      <c r="AM31985">
        <v>13</v>
      </c>
      <c r="AN31985">
        <v>13</v>
      </c>
      <c r="AO31985">
        <v>13</v>
      </c>
      <c r="AP31985">
        <v>13</v>
      </c>
      <c r="AQ31985">
        <v>13</v>
      </c>
    </row>
    <row r="31986" spans="1:43">
      <c r="A31986" t="s">
        <v>19817</v>
      </c>
      <c r="B31986" t="s">
        <v>19818</v>
      </c>
      <c r="C31986" t="s">
        <v>19755</v>
      </c>
      <c r="D31986" t="s">
        <v>19756</v>
      </c>
      <c r="E31986" t="s">
        <v>19721</v>
      </c>
      <c r="F31986" t="s">
        <v>19722</v>
      </c>
      <c r="G31986" t="s">
        <v>10734</v>
      </c>
      <c r="H31986" t="s">
        <v>10735</v>
      </c>
      <c r="I31986" s="2">
        <v>0</v>
      </c>
      <c r="J31986" s="2">
        <v>0</v>
      </c>
      <c r="K31986" s="2">
        <v>1</v>
      </c>
      <c r="L31986" t="s">
        <v>995</v>
      </c>
      <c r="M31986" t="s">
        <v>83</v>
      </c>
      <c r="N31986" t="s">
        <v>84</v>
      </c>
      <c r="O31986" t="s">
        <v>85</v>
      </c>
      <c r="P31986" t="s">
        <v>86</v>
      </c>
      <c r="Q31986">
        <v>37</v>
      </c>
      <c r="R31986">
        <v>37</v>
      </c>
      <c r="S31986">
        <v>38</v>
      </c>
      <c r="T31986">
        <v>38</v>
      </c>
      <c r="U31986">
        <v>38</v>
      </c>
      <c r="V31986">
        <v>39</v>
      </c>
      <c r="W31986">
        <v>39</v>
      </c>
      <c r="X31986">
        <v>40</v>
      </c>
      <c r="Y31986">
        <v>40</v>
      </c>
      <c r="Z31986">
        <v>40</v>
      </c>
      <c r="AA31986">
        <v>41</v>
      </c>
      <c r="AB31986">
        <v>41</v>
      </c>
      <c r="AC31986">
        <v>42</v>
      </c>
      <c r="AD31986">
        <v>42</v>
      </c>
      <c r="AE31986">
        <v>42</v>
      </c>
      <c r="AF31986">
        <v>43</v>
      </c>
      <c r="AG31986">
        <v>43</v>
      </c>
      <c r="AH31986">
        <v>44</v>
      </c>
      <c r="AI31986">
        <v>44</v>
      </c>
      <c r="AJ31986">
        <v>44</v>
      </c>
      <c r="AK31986">
        <v>45</v>
      </c>
      <c r="AL31986">
        <v>45</v>
      </c>
      <c r="AM31986">
        <v>45</v>
      </c>
      <c r="AN31986">
        <v>45</v>
      </c>
      <c r="AO31986">
        <v>45</v>
      </c>
      <c r="AP31986">
        <v>45</v>
      </c>
      <c r="AQ31986">
        <v>45</v>
      </c>
    </row>
    <row r="31987" spans="1:43">
      <c r="A31987" t="s">
        <v>19817</v>
      </c>
      <c r="B31987" t="s">
        <v>19818</v>
      </c>
      <c r="C31987" t="s">
        <v>19755</v>
      </c>
      <c r="D31987" t="s">
        <v>19756</v>
      </c>
      <c r="E31987" t="s">
        <v>19721</v>
      </c>
      <c r="F31987" t="s">
        <v>19722</v>
      </c>
      <c r="G31987" t="s">
        <v>10734</v>
      </c>
      <c r="H31987" t="s">
        <v>10735</v>
      </c>
      <c r="I31987" s="2">
        <v>0</v>
      </c>
      <c r="J31987" s="2">
        <v>0</v>
      </c>
      <c r="K31987" s="2">
        <v>1</v>
      </c>
      <c r="L31987" t="s">
        <v>995</v>
      </c>
      <c r="M31987" t="s">
        <v>87</v>
      </c>
      <c r="N31987" t="s">
        <v>88</v>
      </c>
      <c r="O31987" t="s">
        <v>85</v>
      </c>
      <c r="P31987" t="s">
        <v>86</v>
      </c>
      <c r="Q31987">
        <v>37</v>
      </c>
      <c r="R31987">
        <v>38</v>
      </c>
      <c r="S31987">
        <v>38</v>
      </c>
      <c r="T31987">
        <v>38</v>
      </c>
      <c r="U31987">
        <v>38</v>
      </c>
      <c r="V31987">
        <v>38</v>
      </c>
      <c r="W31987">
        <v>38</v>
      </c>
      <c r="X31987">
        <v>38</v>
      </c>
      <c r="Y31987">
        <v>38</v>
      </c>
      <c r="Z31987">
        <v>38</v>
      </c>
      <c r="AA31987">
        <v>38</v>
      </c>
      <c r="AB31987">
        <v>38</v>
      </c>
      <c r="AC31987">
        <v>38</v>
      </c>
      <c r="AD31987">
        <v>38</v>
      </c>
      <c r="AE31987">
        <v>39</v>
      </c>
      <c r="AF31987">
        <v>39</v>
      </c>
      <c r="AG31987">
        <v>39</v>
      </c>
      <c r="AH31987">
        <v>39</v>
      </c>
      <c r="AI31987">
        <v>39</v>
      </c>
      <c r="AJ31987">
        <v>39</v>
      </c>
      <c r="AK31987">
        <v>39</v>
      </c>
      <c r="AL31987">
        <v>39</v>
      </c>
      <c r="AM31987">
        <v>39</v>
      </c>
      <c r="AN31987">
        <v>40</v>
      </c>
      <c r="AO31987">
        <v>40</v>
      </c>
      <c r="AP31987">
        <v>40</v>
      </c>
      <c r="AQ31987">
        <v>40</v>
      </c>
    </row>
    <row r="31988" spans="1:43">
      <c r="A31988" t="s">
        <v>19817</v>
      </c>
      <c r="B31988" t="s">
        <v>19818</v>
      </c>
      <c r="C31988" t="s">
        <v>19755</v>
      </c>
      <c r="D31988" t="s">
        <v>19756</v>
      </c>
      <c r="E31988" t="s">
        <v>19721</v>
      </c>
      <c r="F31988" t="s">
        <v>19722</v>
      </c>
      <c r="G31988" t="s">
        <v>10734</v>
      </c>
      <c r="H31988" t="s">
        <v>10735</v>
      </c>
      <c r="I31988" s="2">
        <v>0</v>
      </c>
      <c r="J31988" s="2">
        <v>0</v>
      </c>
      <c r="K31988" s="2">
        <v>1</v>
      </c>
      <c r="L31988" t="s">
        <v>995</v>
      </c>
      <c r="M31988" t="s">
        <v>89</v>
      </c>
      <c r="N31988" t="s">
        <v>90</v>
      </c>
      <c r="O31988" t="s">
        <v>85</v>
      </c>
      <c r="P31988" t="s">
        <v>86</v>
      </c>
      <c r="Q31988">
        <v>37</v>
      </c>
      <c r="R31988">
        <v>38</v>
      </c>
      <c r="S31988">
        <v>39</v>
      </c>
      <c r="T31988">
        <v>39</v>
      </c>
      <c r="U31988">
        <v>40</v>
      </c>
      <c r="V31988">
        <v>41</v>
      </c>
      <c r="W31988">
        <v>41</v>
      </c>
      <c r="X31988">
        <v>42</v>
      </c>
      <c r="Y31988">
        <v>42</v>
      </c>
      <c r="Z31988">
        <v>43</v>
      </c>
      <c r="AA31988">
        <v>43</v>
      </c>
      <c r="AB31988">
        <v>44</v>
      </c>
      <c r="AC31988">
        <v>45</v>
      </c>
      <c r="AD31988">
        <v>45</v>
      </c>
      <c r="AE31988">
        <v>45</v>
      </c>
      <c r="AF31988">
        <v>45</v>
      </c>
      <c r="AG31988">
        <v>45</v>
      </c>
      <c r="AH31988">
        <v>45</v>
      </c>
      <c r="AI31988">
        <v>46</v>
      </c>
      <c r="AJ31988">
        <v>46</v>
      </c>
      <c r="AK31988">
        <v>46</v>
      </c>
      <c r="AL31988">
        <v>46</v>
      </c>
      <c r="AM31988">
        <v>46</v>
      </c>
      <c r="AN31988">
        <v>46</v>
      </c>
      <c r="AO31988">
        <v>46</v>
      </c>
      <c r="AP31988">
        <v>46</v>
      </c>
      <c r="AQ31988">
        <v>46</v>
      </c>
    </row>
    <row r="31989" spans="1:43">
      <c r="A31989" t="s">
        <v>19817</v>
      </c>
      <c r="B31989" t="s">
        <v>19818</v>
      </c>
      <c r="C31989" t="s">
        <v>19755</v>
      </c>
      <c r="D31989" t="s">
        <v>19756</v>
      </c>
      <c r="E31989" t="s">
        <v>19721</v>
      </c>
      <c r="F31989" t="s">
        <v>19722</v>
      </c>
      <c r="G31989" t="s">
        <v>10734</v>
      </c>
      <c r="H31989" t="s">
        <v>10735</v>
      </c>
      <c r="I31989" s="2">
        <v>0</v>
      </c>
      <c r="J31989" s="2">
        <v>0</v>
      </c>
      <c r="K31989" s="2">
        <v>1</v>
      </c>
      <c r="L31989" t="s">
        <v>995</v>
      </c>
      <c r="M31989" t="s">
        <v>83</v>
      </c>
      <c r="N31989" t="s">
        <v>91</v>
      </c>
      <c r="O31989" t="s">
        <v>85</v>
      </c>
      <c r="P31989" t="s">
        <v>86</v>
      </c>
      <c r="Q31989">
        <v>37</v>
      </c>
      <c r="R31989">
        <v>37</v>
      </c>
      <c r="S31989">
        <v>38</v>
      </c>
      <c r="T31989">
        <v>38</v>
      </c>
      <c r="U31989">
        <v>38</v>
      </c>
      <c r="V31989">
        <v>39</v>
      </c>
      <c r="W31989">
        <v>39</v>
      </c>
      <c r="X31989">
        <v>40</v>
      </c>
      <c r="Y31989">
        <v>40</v>
      </c>
      <c r="Z31989">
        <v>40</v>
      </c>
      <c r="AA31989">
        <v>41</v>
      </c>
      <c r="AB31989">
        <v>41</v>
      </c>
      <c r="AC31989">
        <v>42</v>
      </c>
      <c r="AD31989">
        <v>42</v>
      </c>
      <c r="AE31989">
        <v>42</v>
      </c>
      <c r="AF31989">
        <v>43</v>
      </c>
      <c r="AG31989">
        <v>43</v>
      </c>
      <c r="AH31989">
        <v>44</v>
      </c>
      <c r="AI31989">
        <v>44</v>
      </c>
      <c r="AJ31989">
        <v>44</v>
      </c>
      <c r="AK31989">
        <v>45</v>
      </c>
      <c r="AL31989">
        <v>45</v>
      </c>
      <c r="AM31989">
        <v>45</v>
      </c>
      <c r="AN31989">
        <v>45</v>
      </c>
      <c r="AO31989">
        <v>45</v>
      </c>
      <c r="AP31989">
        <v>45</v>
      </c>
      <c r="AQ31989">
        <v>45</v>
      </c>
    </row>
    <row r="31990" spans="1:43">
      <c r="A31990" t="s">
        <v>19819</v>
      </c>
      <c r="B31990" t="s">
        <v>19820</v>
      </c>
      <c r="C31990" t="s">
        <v>19759</v>
      </c>
      <c r="D31990" t="s">
        <v>19760</v>
      </c>
      <c r="E31990" t="s">
        <v>19721</v>
      </c>
      <c r="F31990" t="s">
        <v>19722</v>
      </c>
      <c r="G31990" t="s">
        <v>10734</v>
      </c>
      <c r="H31990" t="s">
        <v>10735</v>
      </c>
      <c r="I31990" s="2">
        <v>0</v>
      </c>
      <c r="J31990" s="2">
        <v>0</v>
      </c>
      <c r="K31990" s="2">
        <v>1</v>
      </c>
      <c r="L31990" t="s">
        <v>995</v>
      </c>
      <c r="M31990" t="s">
        <v>83</v>
      </c>
      <c r="N31990" t="s">
        <v>84</v>
      </c>
      <c r="O31990" t="s">
        <v>85</v>
      </c>
      <c r="P31990" t="s">
        <v>86</v>
      </c>
      <c r="Q31990">
        <v>34</v>
      </c>
      <c r="R31990">
        <v>35</v>
      </c>
      <c r="S31990">
        <v>35</v>
      </c>
      <c r="T31990">
        <v>35</v>
      </c>
      <c r="U31990">
        <v>36</v>
      </c>
      <c r="V31990">
        <v>36</v>
      </c>
      <c r="W31990">
        <v>37</v>
      </c>
      <c r="X31990">
        <v>37</v>
      </c>
      <c r="Y31990">
        <v>37</v>
      </c>
      <c r="Z31990">
        <v>38</v>
      </c>
      <c r="AA31990">
        <v>38</v>
      </c>
      <c r="AB31990">
        <v>39</v>
      </c>
      <c r="AC31990">
        <v>39</v>
      </c>
      <c r="AD31990">
        <v>39</v>
      </c>
      <c r="AE31990">
        <v>40</v>
      </c>
      <c r="AF31990">
        <v>40</v>
      </c>
      <c r="AG31990">
        <v>41</v>
      </c>
      <c r="AH31990">
        <v>41</v>
      </c>
      <c r="AI31990">
        <v>41</v>
      </c>
      <c r="AJ31990">
        <v>42</v>
      </c>
      <c r="AK31990">
        <v>42</v>
      </c>
      <c r="AL31990">
        <v>42</v>
      </c>
      <c r="AM31990">
        <v>43</v>
      </c>
      <c r="AN31990">
        <v>43</v>
      </c>
      <c r="AO31990">
        <v>43</v>
      </c>
      <c r="AP31990">
        <v>43</v>
      </c>
      <c r="AQ31990">
        <v>43</v>
      </c>
    </row>
    <row r="31991" spans="1:43">
      <c r="A31991" t="s">
        <v>19819</v>
      </c>
      <c r="B31991" t="s">
        <v>19820</v>
      </c>
      <c r="C31991" t="s">
        <v>19759</v>
      </c>
      <c r="D31991" t="s">
        <v>19760</v>
      </c>
      <c r="E31991" t="s">
        <v>19721</v>
      </c>
      <c r="F31991" t="s">
        <v>19722</v>
      </c>
      <c r="G31991" t="s">
        <v>10734</v>
      </c>
      <c r="H31991" t="s">
        <v>10735</v>
      </c>
      <c r="I31991" s="2">
        <v>0</v>
      </c>
      <c r="J31991" s="2">
        <v>0</v>
      </c>
      <c r="K31991" s="2">
        <v>1</v>
      </c>
      <c r="L31991" t="s">
        <v>995</v>
      </c>
      <c r="M31991" t="s">
        <v>87</v>
      </c>
      <c r="N31991" t="s">
        <v>88</v>
      </c>
      <c r="O31991" t="s">
        <v>85</v>
      </c>
      <c r="P31991" t="s">
        <v>86</v>
      </c>
      <c r="Q31991">
        <v>34</v>
      </c>
      <c r="R31991">
        <v>34</v>
      </c>
      <c r="S31991">
        <v>34</v>
      </c>
      <c r="T31991">
        <v>34</v>
      </c>
      <c r="U31991">
        <v>34</v>
      </c>
      <c r="V31991">
        <v>34</v>
      </c>
      <c r="W31991">
        <v>34</v>
      </c>
      <c r="X31991">
        <v>35</v>
      </c>
      <c r="Y31991">
        <v>35</v>
      </c>
      <c r="Z31991">
        <v>35</v>
      </c>
      <c r="AA31991">
        <v>35</v>
      </c>
      <c r="AB31991">
        <v>35</v>
      </c>
      <c r="AC31991">
        <v>35</v>
      </c>
      <c r="AD31991">
        <v>35</v>
      </c>
      <c r="AE31991">
        <v>35</v>
      </c>
      <c r="AF31991">
        <v>35</v>
      </c>
      <c r="AG31991">
        <v>36</v>
      </c>
      <c r="AH31991">
        <v>36</v>
      </c>
      <c r="AI31991">
        <v>36</v>
      </c>
      <c r="AJ31991">
        <v>36</v>
      </c>
      <c r="AK31991">
        <v>36</v>
      </c>
      <c r="AL31991">
        <v>36</v>
      </c>
      <c r="AM31991">
        <v>36</v>
      </c>
      <c r="AN31991">
        <v>37</v>
      </c>
      <c r="AO31991">
        <v>37</v>
      </c>
      <c r="AP31991">
        <v>37</v>
      </c>
      <c r="AQ31991">
        <v>37</v>
      </c>
    </row>
    <row r="31992" spans="1:43">
      <c r="A31992" t="s">
        <v>19819</v>
      </c>
      <c r="B31992" t="s">
        <v>19820</v>
      </c>
      <c r="C31992" t="s">
        <v>19759</v>
      </c>
      <c r="D31992" t="s">
        <v>19760</v>
      </c>
      <c r="E31992" t="s">
        <v>19721</v>
      </c>
      <c r="F31992" t="s">
        <v>19722</v>
      </c>
      <c r="G31992" t="s">
        <v>10734</v>
      </c>
      <c r="H31992" t="s">
        <v>10735</v>
      </c>
      <c r="I31992" s="2">
        <v>0</v>
      </c>
      <c r="J31992" s="2">
        <v>0</v>
      </c>
      <c r="K31992" s="2">
        <v>1</v>
      </c>
      <c r="L31992" t="s">
        <v>995</v>
      </c>
      <c r="M31992" t="s">
        <v>89</v>
      </c>
      <c r="N31992" t="s">
        <v>90</v>
      </c>
      <c r="O31992" t="s">
        <v>85</v>
      </c>
      <c r="P31992" t="s">
        <v>86</v>
      </c>
      <c r="Q31992">
        <v>34</v>
      </c>
      <c r="R31992">
        <v>34</v>
      </c>
      <c r="S31992">
        <v>35</v>
      </c>
      <c r="T31992">
        <v>36</v>
      </c>
      <c r="U31992">
        <v>36</v>
      </c>
      <c r="V31992">
        <v>37</v>
      </c>
      <c r="W31992">
        <v>38</v>
      </c>
      <c r="X31992">
        <v>38</v>
      </c>
      <c r="Y31992">
        <v>39</v>
      </c>
      <c r="Z31992">
        <v>39</v>
      </c>
      <c r="AA31992">
        <v>40</v>
      </c>
      <c r="AB31992">
        <v>40</v>
      </c>
      <c r="AC31992">
        <v>41</v>
      </c>
      <c r="AD31992">
        <v>41</v>
      </c>
      <c r="AE31992">
        <v>42</v>
      </c>
      <c r="AF31992">
        <v>42</v>
      </c>
      <c r="AG31992">
        <v>42</v>
      </c>
      <c r="AH31992">
        <v>42</v>
      </c>
      <c r="AI31992">
        <v>42</v>
      </c>
      <c r="AJ31992">
        <v>42</v>
      </c>
      <c r="AK31992">
        <v>42</v>
      </c>
      <c r="AL31992">
        <v>42</v>
      </c>
      <c r="AM31992">
        <v>42</v>
      </c>
      <c r="AN31992">
        <v>42</v>
      </c>
      <c r="AO31992">
        <v>43</v>
      </c>
      <c r="AP31992">
        <v>43</v>
      </c>
      <c r="AQ31992">
        <v>43</v>
      </c>
    </row>
    <row r="31993" spans="1:43">
      <c r="A31993" t="s">
        <v>19819</v>
      </c>
      <c r="B31993" t="s">
        <v>19820</v>
      </c>
      <c r="C31993" t="s">
        <v>19759</v>
      </c>
      <c r="D31993" t="s">
        <v>19760</v>
      </c>
      <c r="E31993" t="s">
        <v>19721</v>
      </c>
      <c r="F31993" t="s">
        <v>19722</v>
      </c>
      <c r="G31993" t="s">
        <v>10734</v>
      </c>
      <c r="H31993" t="s">
        <v>10735</v>
      </c>
      <c r="I31993" s="2">
        <v>0</v>
      </c>
      <c r="J31993" s="2">
        <v>0</v>
      </c>
      <c r="K31993" s="2">
        <v>1</v>
      </c>
      <c r="L31993" t="s">
        <v>995</v>
      </c>
      <c r="M31993" t="s">
        <v>83</v>
      </c>
      <c r="N31993" t="s">
        <v>91</v>
      </c>
      <c r="O31993" t="s">
        <v>85</v>
      </c>
      <c r="P31993" t="s">
        <v>86</v>
      </c>
      <c r="Q31993">
        <v>34</v>
      </c>
      <c r="R31993">
        <v>35</v>
      </c>
      <c r="S31993">
        <v>35</v>
      </c>
      <c r="T31993">
        <v>35</v>
      </c>
      <c r="U31993">
        <v>36</v>
      </c>
      <c r="V31993">
        <v>36</v>
      </c>
      <c r="W31993">
        <v>37</v>
      </c>
      <c r="X31993">
        <v>37</v>
      </c>
      <c r="Y31993">
        <v>37</v>
      </c>
      <c r="Z31993">
        <v>38</v>
      </c>
      <c r="AA31993">
        <v>38</v>
      </c>
      <c r="AB31993">
        <v>39</v>
      </c>
      <c r="AC31993">
        <v>39</v>
      </c>
      <c r="AD31993">
        <v>39</v>
      </c>
      <c r="AE31993">
        <v>40</v>
      </c>
      <c r="AF31993">
        <v>40</v>
      </c>
      <c r="AG31993">
        <v>41</v>
      </c>
      <c r="AH31993">
        <v>41</v>
      </c>
      <c r="AI31993">
        <v>41</v>
      </c>
      <c r="AJ31993">
        <v>42</v>
      </c>
      <c r="AK31993">
        <v>42</v>
      </c>
      <c r="AL31993">
        <v>42</v>
      </c>
      <c r="AM31993">
        <v>43</v>
      </c>
      <c r="AN31993">
        <v>43</v>
      </c>
      <c r="AO31993">
        <v>43</v>
      </c>
      <c r="AP31993">
        <v>43</v>
      </c>
      <c r="AQ31993">
        <v>43</v>
      </c>
    </row>
    <row r="31994" spans="1:43">
      <c r="A31994" t="s">
        <v>19821</v>
      </c>
      <c r="B31994" t="s">
        <v>19822</v>
      </c>
      <c r="C31994" t="s">
        <v>19823</v>
      </c>
      <c r="D31994" t="s">
        <v>19824</v>
      </c>
      <c r="E31994" t="s">
        <v>19721</v>
      </c>
      <c r="F31994" t="s">
        <v>19722</v>
      </c>
      <c r="G31994" t="s">
        <v>10734</v>
      </c>
      <c r="H31994" t="s">
        <v>10735</v>
      </c>
      <c r="I31994" s="2">
        <v>0</v>
      </c>
      <c r="J31994" s="2">
        <v>0</v>
      </c>
      <c r="K31994" s="2">
        <v>1</v>
      </c>
      <c r="L31994" t="s">
        <v>995</v>
      </c>
      <c r="M31994" t="s">
        <v>83</v>
      </c>
      <c r="N31994" t="s">
        <v>84</v>
      </c>
      <c r="O31994" t="s">
        <v>85</v>
      </c>
      <c r="P31994" t="s">
        <v>86</v>
      </c>
      <c r="Q31994">
        <v>22</v>
      </c>
      <c r="R31994">
        <v>22</v>
      </c>
      <c r="S31994">
        <v>23</v>
      </c>
      <c r="T31994">
        <v>23</v>
      </c>
      <c r="U31994">
        <v>23</v>
      </c>
      <c r="V31994">
        <v>23</v>
      </c>
      <c r="W31994">
        <v>23</v>
      </c>
      <c r="X31994">
        <v>24</v>
      </c>
      <c r="Y31994">
        <v>24</v>
      </c>
      <c r="Z31994">
        <v>24</v>
      </c>
      <c r="AA31994">
        <v>24</v>
      </c>
      <c r="AB31994">
        <v>25</v>
      </c>
      <c r="AC31994">
        <v>25</v>
      </c>
      <c r="AD31994">
        <v>25</v>
      </c>
      <c r="AE31994">
        <v>25</v>
      </c>
      <c r="AF31994">
        <v>25</v>
      </c>
      <c r="AG31994">
        <v>26</v>
      </c>
      <c r="AH31994">
        <v>26</v>
      </c>
      <c r="AI31994">
        <v>26</v>
      </c>
      <c r="AJ31994">
        <v>26</v>
      </c>
      <c r="AK31994">
        <v>27</v>
      </c>
      <c r="AL31994">
        <v>27</v>
      </c>
      <c r="AM31994">
        <v>27</v>
      </c>
      <c r="AN31994">
        <v>27</v>
      </c>
      <c r="AO31994">
        <v>27</v>
      </c>
      <c r="AP31994">
        <v>27</v>
      </c>
      <c r="AQ31994">
        <v>27</v>
      </c>
    </row>
    <row r="31995" spans="1:43">
      <c r="A31995" t="s">
        <v>19821</v>
      </c>
      <c r="B31995" t="s">
        <v>19822</v>
      </c>
      <c r="C31995" t="s">
        <v>19823</v>
      </c>
      <c r="D31995" t="s">
        <v>19824</v>
      </c>
      <c r="E31995" t="s">
        <v>19721</v>
      </c>
      <c r="F31995" t="s">
        <v>19722</v>
      </c>
      <c r="G31995" t="s">
        <v>10734</v>
      </c>
      <c r="H31995" t="s">
        <v>10735</v>
      </c>
      <c r="I31995" s="2">
        <v>0</v>
      </c>
      <c r="J31995" s="2">
        <v>0</v>
      </c>
      <c r="K31995" s="2">
        <v>1</v>
      </c>
      <c r="L31995" t="s">
        <v>995</v>
      </c>
      <c r="M31995" t="s">
        <v>87</v>
      </c>
      <c r="N31995" t="s">
        <v>88</v>
      </c>
      <c r="O31995" t="s">
        <v>85</v>
      </c>
      <c r="P31995" t="s">
        <v>86</v>
      </c>
      <c r="Q31995">
        <v>22</v>
      </c>
      <c r="R31995">
        <v>22</v>
      </c>
      <c r="S31995">
        <v>22</v>
      </c>
      <c r="T31995">
        <v>22</v>
      </c>
      <c r="U31995">
        <v>22</v>
      </c>
      <c r="V31995">
        <v>22</v>
      </c>
      <c r="W31995">
        <v>22</v>
      </c>
      <c r="X31995">
        <v>22</v>
      </c>
      <c r="Y31995">
        <v>22</v>
      </c>
      <c r="Z31995">
        <v>22</v>
      </c>
      <c r="AA31995">
        <v>22</v>
      </c>
      <c r="AB31995">
        <v>22</v>
      </c>
      <c r="AC31995">
        <v>22</v>
      </c>
      <c r="AD31995">
        <v>22</v>
      </c>
      <c r="AE31995">
        <v>22</v>
      </c>
      <c r="AF31995">
        <v>22</v>
      </c>
      <c r="AG31995">
        <v>22</v>
      </c>
      <c r="AH31995">
        <v>22</v>
      </c>
      <c r="AI31995">
        <v>23</v>
      </c>
      <c r="AJ31995">
        <v>23</v>
      </c>
      <c r="AK31995">
        <v>23</v>
      </c>
      <c r="AL31995">
        <v>23</v>
      </c>
      <c r="AM31995">
        <v>23</v>
      </c>
      <c r="AN31995">
        <v>23</v>
      </c>
      <c r="AO31995">
        <v>23</v>
      </c>
      <c r="AP31995">
        <v>23</v>
      </c>
      <c r="AQ31995">
        <v>23</v>
      </c>
    </row>
    <row r="31996" spans="1:43">
      <c r="A31996" t="s">
        <v>19821</v>
      </c>
      <c r="B31996" t="s">
        <v>19822</v>
      </c>
      <c r="C31996" t="s">
        <v>19823</v>
      </c>
      <c r="D31996" t="s">
        <v>19824</v>
      </c>
      <c r="E31996" t="s">
        <v>19721</v>
      </c>
      <c r="F31996" t="s">
        <v>19722</v>
      </c>
      <c r="G31996" t="s">
        <v>10734</v>
      </c>
      <c r="H31996" t="s">
        <v>10735</v>
      </c>
      <c r="I31996" s="2">
        <v>0</v>
      </c>
      <c r="J31996" s="2">
        <v>0</v>
      </c>
      <c r="K31996" s="2">
        <v>1</v>
      </c>
      <c r="L31996" t="s">
        <v>995</v>
      </c>
      <c r="M31996" t="s">
        <v>89</v>
      </c>
      <c r="N31996" t="s">
        <v>90</v>
      </c>
      <c r="O31996" t="s">
        <v>85</v>
      </c>
      <c r="P31996" t="s">
        <v>86</v>
      </c>
      <c r="Q31996">
        <v>22</v>
      </c>
      <c r="R31996">
        <v>23</v>
      </c>
      <c r="S31996">
        <v>23</v>
      </c>
      <c r="T31996">
        <v>24</v>
      </c>
      <c r="U31996">
        <v>24</v>
      </c>
      <c r="V31996">
        <v>24</v>
      </c>
      <c r="W31996">
        <v>25</v>
      </c>
      <c r="X31996">
        <v>25</v>
      </c>
      <c r="Y31996">
        <v>25</v>
      </c>
      <c r="Z31996">
        <v>26</v>
      </c>
      <c r="AA31996">
        <v>26</v>
      </c>
      <c r="AB31996">
        <v>26</v>
      </c>
      <c r="AC31996">
        <v>27</v>
      </c>
      <c r="AD31996">
        <v>27</v>
      </c>
      <c r="AE31996">
        <v>27</v>
      </c>
      <c r="AF31996">
        <v>27</v>
      </c>
      <c r="AG31996">
        <v>27</v>
      </c>
      <c r="AH31996">
        <v>27</v>
      </c>
      <c r="AI31996">
        <v>27</v>
      </c>
      <c r="AJ31996">
        <v>27</v>
      </c>
      <c r="AK31996">
        <v>27</v>
      </c>
      <c r="AL31996">
        <v>27</v>
      </c>
      <c r="AM31996">
        <v>27</v>
      </c>
      <c r="AN31996">
        <v>27</v>
      </c>
      <c r="AO31996">
        <v>27</v>
      </c>
      <c r="AP31996">
        <v>27</v>
      </c>
      <c r="AQ31996">
        <v>27</v>
      </c>
    </row>
    <row r="31997" spans="1:43">
      <c r="A31997" t="s">
        <v>19821</v>
      </c>
      <c r="B31997" t="s">
        <v>19822</v>
      </c>
      <c r="C31997" t="s">
        <v>19823</v>
      </c>
      <c r="D31997" t="s">
        <v>19824</v>
      </c>
      <c r="E31997" t="s">
        <v>19721</v>
      </c>
      <c r="F31997" t="s">
        <v>19722</v>
      </c>
      <c r="G31997" t="s">
        <v>10734</v>
      </c>
      <c r="H31997" t="s">
        <v>10735</v>
      </c>
      <c r="I31997" s="2">
        <v>0</v>
      </c>
      <c r="J31997" s="2">
        <v>0</v>
      </c>
      <c r="K31997" s="2">
        <v>1</v>
      </c>
      <c r="L31997" t="s">
        <v>995</v>
      </c>
      <c r="M31997" t="s">
        <v>83</v>
      </c>
      <c r="N31997" t="s">
        <v>91</v>
      </c>
      <c r="O31997" t="s">
        <v>85</v>
      </c>
      <c r="P31997" t="s">
        <v>86</v>
      </c>
      <c r="Q31997">
        <v>22</v>
      </c>
      <c r="R31997">
        <v>22</v>
      </c>
      <c r="S31997">
        <v>23</v>
      </c>
      <c r="T31997">
        <v>23</v>
      </c>
      <c r="U31997">
        <v>23</v>
      </c>
      <c r="V31997">
        <v>23</v>
      </c>
      <c r="W31997">
        <v>23</v>
      </c>
      <c r="X31997">
        <v>24</v>
      </c>
      <c r="Y31997">
        <v>24</v>
      </c>
      <c r="Z31997">
        <v>24</v>
      </c>
      <c r="AA31997">
        <v>24</v>
      </c>
      <c r="AB31997">
        <v>25</v>
      </c>
      <c r="AC31997">
        <v>25</v>
      </c>
      <c r="AD31997">
        <v>25</v>
      </c>
      <c r="AE31997">
        <v>25</v>
      </c>
      <c r="AF31997">
        <v>25</v>
      </c>
      <c r="AG31997">
        <v>26</v>
      </c>
      <c r="AH31997">
        <v>26</v>
      </c>
      <c r="AI31997">
        <v>26</v>
      </c>
      <c r="AJ31997">
        <v>26</v>
      </c>
      <c r="AK31997">
        <v>27</v>
      </c>
      <c r="AL31997">
        <v>27</v>
      </c>
      <c r="AM31997">
        <v>27</v>
      </c>
      <c r="AN31997">
        <v>27</v>
      </c>
      <c r="AO31997">
        <v>27</v>
      </c>
      <c r="AP31997">
        <v>27</v>
      </c>
      <c r="AQ31997">
        <v>27</v>
      </c>
    </row>
    <row r="31998" spans="1:43">
      <c r="A31998" t="s">
        <v>19825</v>
      </c>
      <c r="B31998" t="s">
        <v>19826</v>
      </c>
      <c r="C31998" t="s">
        <v>19823</v>
      </c>
      <c r="D31998" t="s">
        <v>19824</v>
      </c>
      <c r="E31998" t="s">
        <v>19721</v>
      </c>
      <c r="F31998" t="s">
        <v>19722</v>
      </c>
      <c r="G31998" t="s">
        <v>10734</v>
      </c>
      <c r="H31998" t="s">
        <v>10735</v>
      </c>
      <c r="I31998" s="2">
        <v>0</v>
      </c>
      <c r="J31998" s="2">
        <v>0</v>
      </c>
      <c r="K31998" s="2">
        <v>1</v>
      </c>
      <c r="L31998" t="s">
        <v>995</v>
      </c>
      <c r="M31998" t="s">
        <v>83</v>
      </c>
      <c r="N31998" t="s">
        <v>84</v>
      </c>
      <c r="O31998" t="s">
        <v>85</v>
      </c>
      <c r="P31998" t="s">
        <v>86</v>
      </c>
      <c r="Q31998">
        <v>18</v>
      </c>
      <c r="R31998">
        <v>18</v>
      </c>
      <c r="S31998">
        <v>18</v>
      </c>
      <c r="T31998">
        <v>19</v>
      </c>
      <c r="U31998">
        <v>19</v>
      </c>
      <c r="V31998">
        <v>19</v>
      </c>
      <c r="W31998">
        <v>19</v>
      </c>
      <c r="X31998">
        <v>19</v>
      </c>
      <c r="Y31998">
        <v>20</v>
      </c>
      <c r="Z31998">
        <v>20</v>
      </c>
      <c r="AA31998">
        <v>20</v>
      </c>
      <c r="AB31998">
        <v>20</v>
      </c>
      <c r="AC31998">
        <v>20</v>
      </c>
      <c r="AD31998">
        <v>20</v>
      </c>
      <c r="AE31998">
        <v>21</v>
      </c>
      <c r="AF31998">
        <v>21</v>
      </c>
      <c r="AG31998">
        <v>21</v>
      </c>
      <c r="AH31998">
        <v>21</v>
      </c>
      <c r="AI31998">
        <v>21</v>
      </c>
      <c r="AJ31998">
        <v>22</v>
      </c>
      <c r="AK31998">
        <v>22</v>
      </c>
      <c r="AL31998">
        <v>22</v>
      </c>
      <c r="AM31998">
        <v>22</v>
      </c>
      <c r="AN31998">
        <v>22</v>
      </c>
      <c r="AO31998">
        <v>22</v>
      </c>
      <c r="AP31998">
        <v>22</v>
      </c>
      <c r="AQ31998">
        <v>22</v>
      </c>
    </row>
    <row r="31999" spans="1:43">
      <c r="A31999" t="s">
        <v>19825</v>
      </c>
      <c r="B31999" t="s">
        <v>19826</v>
      </c>
      <c r="C31999" t="s">
        <v>19823</v>
      </c>
      <c r="D31999" t="s">
        <v>19824</v>
      </c>
      <c r="E31999" t="s">
        <v>19721</v>
      </c>
      <c r="F31999" t="s">
        <v>19722</v>
      </c>
      <c r="G31999" t="s">
        <v>10734</v>
      </c>
      <c r="H31999" t="s">
        <v>10735</v>
      </c>
      <c r="I31999" s="2">
        <v>0</v>
      </c>
      <c r="J31999" s="2">
        <v>0</v>
      </c>
      <c r="K31999" s="2">
        <v>1</v>
      </c>
      <c r="L31999" t="s">
        <v>995</v>
      </c>
      <c r="M31999" t="s">
        <v>87</v>
      </c>
      <c r="N31999" t="s">
        <v>88</v>
      </c>
      <c r="O31999" t="s">
        <v>85</v>
      </c>
      <c r="P31999" t="s">
        <v>86</v>
      </c>
      <c r="Q31999">
        <v>18</v>
      </c>
      <c r="R31999">
        <v>18</v>
      </c>
      <c r="S31999">
        <v>18</v>
      </c>
      <c r="T31999">
        <v>18</v>
      </c>
      <c r="U31999">
        <v>18</v>
      </c>
      <c r="V31999">
        <v>18</v>
      </c>
      <c r="W31999">
        <v>18</v>
      </c>
      <c r="X31999">
        <v>18</v>
      </c>
      <c r="Y31999">
        <v>18</v>
      </c>
      <c r="Z31999">
        <v>18</v>
      </c>
      <c r="AA31999">
        <v>18</v>
      </c>
      <c r="AB31999">
        <v>18</v>
      </c>
      <c r="AC31999">
        <v>18</v>
      </c>
      <c r="AD31999">
        <v>18</v>
      </c>
      <c r="AE31999">
        <v>18</v>
      </c>
      <c r="AF31999">
        <v>18</v>
      </c>
      <c r="AG31999">
        <v>18</v>
      </c>
      <c r="AH31999">
        <v>18</v>
      </c>
      <c r="AI31999">
        <v>18</v>
      </c>
      <c r="AJ31999">
        <v>19</v>
      </c>
      <c r="AK31999">
        <v>19</v>
      </c>
      <c r="AL31999">
        <v>19</v>
      </c>
      <c r="AM31999">
        <v>19</v>
      </c>
      <c r="AN31999">
        <v>19</v>
      </c>
      <c r="AO31999">
        <v>19</v>
      </c>
      <c r="AP31999">
        <v>19</v>
      </c>
      <c r="AQ31999">
        <v>19</v>
      </c>
    </row>
    <row r="32000" spans="1:43">
      <c r="A32000" t="s">
        <v>19825</v>
      </c>
      <c r="B32000" t="s">
        <v>19826</v>
      </c>
      <c r="C32000" t="s">
        <v>19823</v>
      </c>
      <c r="D32000" t="s">
        <v>19824</v>
      </c>
      <c r="E32000" t="s">
        <v>19721</v>
      </c>
      <c r="F32000" t="s">
        <v>19722</v>
      </c>
      <c r="G32000" t="s">
        <v>10734</v>
      </c>
      <c r="H32000" t="s">
        <v>10735</v>
      </c>
      <c r="I32000" s="2">
        <v>0</v>
      </c>
      <c r="J32000" s="2">
        <v>0</v>
      </c>
      <c r="K32000" s="2">
        <v>1</v>
      </c>
      <c r="L32000" t="s">
        <v>995</v>
      </c>
      <c r="M32000" t="s">
        <v>89</v>
      </c>
      <c r="N32000" t="s">
        <v>90</v>
      </c>
      <c r="O32000" t="s">
        <v>85</v>
      </c>
      <c r="P32000" t="s">
        <v>86</v>
      </c>
      <c r="Q32000">
        <v>18</v>
      </c>
      <c r="R32000">
        <v>19</v>
      </c>
      <c r="S32000">
        <v>19</v>
      </c>
      <c r="T32000">
        <v>19</v>
      </c>
      <c r="U32000">
        <v>20</v>
      </c>
      <c r="V32000">
        <v>20</v>
      </c>
      <c r="W32000">
        <v>20</v>
      </c>
      <c r="X32000">
        <v>20</v>
      </c>
      <c r="Y32000">
        <v>21</v>
      </c>
      <c r="Z32000">
        <v>21</v>
      </c>
      <c r="AA32000">
        <v>21</v>
      </c>
      <c r="AB32000">
        <v>21</v>
      </c>
      <c r="AC32000">
        <v>22</v>
      </c>
      <c r="AD32000">
        <v>22</v>
      </c>
      <c r="AE32000">
        <v>22</v>
      </c>
      <c r="AF32000">
        <v>22</v>
      </c>
      <c r="AG32000">
        <v>22</v>
      </c>
      <c r="AH32000">
        <v>22</v>
      </c>
      <c r="AI32000">
        <v>22</v>
      </c>
      <c r="AJ32000">
        <v>22</v>
      </c>
      <c r="AK32000">
        <v>22</v>
      </c>
      <c r="AL32000">
        <v>22</v>
      </c>
      <c r="AM32000">
        <v>22</v>
      </c>
      <c r="AN32000">
        <v>22</v>
      </c>
      <c r="AO32000">
        <v>22</v>
      </c>
      <c r="AP32000">
        <v>22</v>
      </c>
      <c r="AQ32000">
        <v>22</v>
      </c>
    </row>
    <row r="32001" spans="1:43">
      <c r="A32001" t="s">
        <v>19825</v>
      </c>
      <c r="B32001" t="s">
        <v>19826</v>
      </c>
      <c r="C32001" t="s">
        <v>19823</v>
      </c>
      <c r="D32001" t="s">
        <v>19824</v>
      </c>
      <c r="E32001" t="s">
        <v>19721</v>
      </c>
      <c r="F32001" t="s">
        <v>19722</v>
      </c>
      <c r="G32001" t="s">
        <v>10734</v>
      </c>
      <c r="H32001" t="s">
        <v>10735</v>
      </c>
      <c r="I32001" s="2">
        <v>0</v>
      </c>
      <c r="J32001" s="2">
        <v>0</v>
      </c>
      <c r="K32001" s="2">
        <v>1</v>
      </c>
      <c r="L32001" t="s">
        <v>995</v>
      </c>
      <c r="M32001" t="s">
        <v>83</v>
      </c>
      <c r="N32001" t="s">
        <v>91</v>
      </c>
      <c r="O32001" t="s">
        <v>85</v>
      </c>
      <c r="P32001" t="s">
        <v>86</v>
      </c>
      <c r="Q32001">
        <v>18</v>
      </c>
      <c r="R32001">
        <v>18</v>
      </c>
      <c r="S32001">
        <v>18</v>
      </c>
      <c r="T32001">
        <v>19</v>
      </c>
      <c r="U32001">
        <v>19</v>
      </c>
      <c r="V32001">
        <v>19</v>
      </c>
      <c r="W32001">
        <v>19</v>
      </c>
      <c r="X32001">
        <v>19</v>
      </c>
      <c r="Y32001">
        <v>20</v>
      </c>
      <c r="Z32001">
        <v>20</v>
      </c>
      <c r="AA32001">
        <v>20</v>
      </c>
      <c r="AB32001">
        <v>20</v>
      </c>
      <c r="AC32001">
        <v>20</v>
      </c>
      <c r="AD32001">
        <v>20</v>
      </c>
      <c r="AE32001">
        <v>21</v>
      </c>
      <c r="AF32001">
        <v>21</v>
      </c>
      <c r="AG32001">
        <v>21</v>
      </c>
      <c r="AH32001">
        <v>21</v>
      </c>
      <c r="AI32001">
        <v>21</v>
      </c>
      <c r="AJ32001">
        <v>22</v>
      </c>
      <c r="AK32001">
        <v>22</v>
      </c>
      <c r="AL32001">
        <v>22</v>
      </c>
      <c r="AM32001">
        <v>22</v>
      </c>
      <c r="AN32001">
        <v>22</v>
      </c>
      <c r="AO32001">
        <v>22</v>
      </c>
      <c r="AP32001">
        <v>22</v>
      </c>
      <c r="AQ32001">
        <v>22</v>
      </c>
    </row>
    <row r="32002" spans="1:43">
      <c r="A32002" t="s">
        <v>19827</v>
      </c>
      <c r="B32002" t="s">
        <v>19828</v>
      </c>
      <c r="C32002" t="s">
        <v>19823</v>
      </c>
      <c r="D32002" t="s">
        <v>19824</v>
      </c>
      <c r="E32002" t="s">
        <v>19721</v>
      </c>
      <c r="F32002" t="s">
        <v>19722</v>
      </c>
      <c r="G32002" t="s">
        <v>10734</v>
      </c>
      <c r="H32002" t="s">
        <v>10735</v>
      </c>
      <c r="I32002" s="2">
        <v>0</v>
      </c>
      <c r="J32002" s="2">
        <v>0</v>
      </c>
      <c r="K32002" s="2">
        <v>1</v>
      </c>
      <c r="L32002" t="s">
        <v>995</v>
      </c>
      <c r="M32002" t="s">
        <v>83</v>
      </c>
      <c r="N32002" t="s">
        <v>84</v>
      </c>
      <c r="O32002" t="s">
        <v>85</v>
      </c>
      <c r="P32002" t="s">
        <v>86</v>
      </c>
      <c r="Q32002">
        <v>8</v>
      </c>
      <c r="R32002">
        <v>8</v>
      </c>
      <c r="S32002">
        <v>9</v>
      </c>
      <c r="T32002">
        <v>9</v>
      </c>
      <c r="U32002">
        <v>9</v>
      </c>
      <c r="V32002">
        <v>9</v>
      </c>
      <c r="W32002">
        <v>9</v>
      </c>
      <c r="X32002">
        <v>9</v>
      </c>
      <c r="Y32002">
        <v>9</v>
      </c>
      <c r="Z32002">
        <v>9</v>
      </c>
      <c r="AA32002">
        <v>9</v>
      </c>
      <c r="AB32002">
        <v>9</v>
      </c>
      <c r="AC32002">
        <v>9</v>
      </c>
      <c r="AD32002">
        <v>9</v>
      </c>
      <c r="AE32002">
        <v>10</v>
      </c>
      <c r="AF32002">
        <v>10</v>
      </c>
      <c r="AG32002">
        <v>10</v>
      </c>
      <c r="AH32002">
        <v>10</v>
      </c>
      <c r="AI32002">
        <v>10</v>
      </c>
      <c r="AJ32002">
        <v>10</v>
      </c>
      <c r="AK32002">
        <v>10</v>
      </c>
      <c r="AL32002">
        <v>10</v>
      </c>
      <c r="AM32002">
        <v>10</v>
      </c>
      <c r="AN32002">
        <v>10</v>
      </c>
      <c r="AO32002">
        <v>10</v>
      </c>
      <c r="AP32002">
        <v>10</v>
      </c>
      <c r="AQ32002">
        <v>10</v>
      </c>
    </row>
    <row r="32003" spans="1:43">
      <c r="A32003" t="s">
        <v>19827</v>
      </c>
      <c r="B32003" t="s">
        <v>19828</v>
      </c>
      <c r="C32003" t="s">
        <v>19823</v>
      </c>
      <c r="D32003" t="s">
        <v>19824</v>
      </c>
      <c r="E32003" t="s">
        <v>19721</v>
      </c>
      <c r="F32003" t="s">
        <v>19722</v>
      </c>
      <c r="G32003" t="s">
        <v>10734</v>
      </c>
      <c r="H32003" t="s">
        <v>10735</v>
      </c>
      <c r="I32003" s="2">
        <v>0</v>
      </c>
      <c r="J32003" s="2">
        <v>0</v>
      </c>
      <c r="K32003" s="2">
        <v>1</v>
      </c>
      <c r="L32003" t="s">
        <v>995</v>
      </c>
      <c r="M32003" t="s">
        <v>87</v>
      </c>
      <c r="N32003" t="s">
        <v>88</v>
      </c>
      <c r="O32003" t="s">
        <v>85</v>
      </c>
      <c r="P32003" t="s">
        <v>86</v>
      </c>
      <c r="Q32003">
        <v>8</v>
      </c>
      <c r="R32003">
        <v>8</v>
      </c>
      <c r="S32003">
        <v>8</v>
      </c>
      <c r="T32003">
        <v>8</v>
      </c>
      <c r="U32003">
        <v>8</v>
      </c>
      <c r="V32003">
        <v>8</v>
      </c>
      <c r="W32003">
        <v>8</v>
      </c>
      <c r="X32003">
        <v>8</v>
      </c>
      <c r="Y32003">
        <v>8</v>
      </c>
      <c r="Z32003">
        <v>8</v>
      </c>
      <c r="AA32003">
        <v>8</v>
      </c>
      <c r="AB32003">
        <v>8</v>
      </c>
      <c r="AC32003">
        <v>8</v>
      </c>
      <c r="AD32003">
        <v>8</v>
      </c>
      <c r="AE32003">
        <v>8</v>
      </c>
      <c r="AF32003">
        <v>8</v>
      </c>
      <c r="AG32003">
        <v>8</v>
      </c>
      <c r="AH32003">
        <v>9</v>
      </c>
      <c r="AI32003">
        <v>9</v>
      </c>
      <c r="AJ32003">
        <v>9</v>
      </c>
      <c r="AK32003">
        <v>9</v>
      </c>
      <c r="AL32003">
        <v>9</v>
      </c>
      <c r="AM32003">
        <v>9</v>
      </c>
      <c r="AN32003">
        <v>9</v>
      </c>
      <c r="AO32003">
        <v>9</v>
      </c>
      <c r="AP32003">
        <v>9</v>
      </c>
      <c r="AQ32003">
        <v>9</v>
      </c>
    </row>
    <row r="32004" spans="1:43">
      <c r="A32004" t="s">
        <v>19827</v>
      </c>
      <c r="B32004" t="s">
        <v>19828</v>
      </c>
      <c r="C32004" t="s">
        <v>19823</v>
      </c>
      <c r="D32004" t="s">
        <v>19824</v>
      </c>
      <c r="E32004" t="s">
        <v>19721</v>
      </c>
      <c r="F32004" t="s">
        <v>19722</v>
      </c>
      <c r="G32004" t="s">
        <v>10734</v>
      </c>
      <c r="H32004" t="s">
        <v>10735</v>
      </c>
      <c r="I32004" s="2">
        <v>0</v>
      </c>
      <c r="J32004" s="2">
        <v>0</v>
      </c>
      <c r="K32004" s="2">
        <v>1</v>
      </c>
      <c r="L32004" t="s">
        <v>995</v>
      </c>
      <c r="M32004" t="s">
        <v>89</v>
      </c>
      <c r="N32004" t="s">
        <v>90</v>
      </c>
      <c r="O32004" t="s">
        <v>85</v>
      </c>
      <c r="P32004" t="s">
        <v>86</v>
      </c>
      <c r="Q32004">
        <v>8</v>
      </c>
      <c r="R32004">
        <v>9</v>
      </c>
      <c r="S32004">
        <v>9</v>
      </c>
      <c r="T32004">
        <v>9</v>
      </c>
      <c r="U32004">
        <v>9</v>
      </c>
      <c r="V32004">
        <v>9</v>
      </c>
      <c r="W32004">
        <v>9</v>
      </c>
      <c r="X32004">
        <v>9</v>
      </c>
      <c r="Y32004">
        <v>10</v>
      </c>
      <c r="Z32004">
        <v>10</v>
      </c>
      <c r="AA32004">
        <v>10</v>
      </c>
      <c r="AB32004">
        <v>10</v>
      </c>
      <c r="AC32004">
        <v>10</v>
      </c>
      <c r="AD32004">
        <v>10</v>
      </c>
      <c r="AE32004">
        <v>10</v>
      </c>
      <c r="AF32004">
        <v>10</v>
      </c>
      <c r="AG32004">
        <v>10</v>
      </c>
      <c r="AH32004">
        <v>10</v>
      </c>
      <c r="AI32004">
        <v>10</v>
      </c>
      <c r="AJ32004">
        <v>10</v>
      </c>
      <c r="AK32004">
        <v>10</v>
      </c>
      <c r="AL32004">
        <v>10</v>
      </c>
      <c r="AM32004">
        <v>10</v>
      </c>
      <c r="AN32004">
        <v>10</v>
      </c>
      <c r="AO32004">
        <v>10</v>
      </c>
      <c r="AP32004">
        <v>10</v>
      </c>
      <c r="AQ32004">
        <v>10</v>
      </c>
    </row>
    <row r="32005" spans="1:43">
      <c r="A32005" t="s">
        <v>19827</v>
      </c>
      <c r="B32005" t="s">
        <v>19828</v>
      </c>
      <c r="C32005" t="s">
        <v>19823</v>
      </c>
      <c r="D32005" t="s">
        <v>19824</v>
      </c>
      <c r="E32005" t="s">
        <v>19721</v>
      </c>
      <c r="F32005" t="s">
        <v>19722</v>
      </c>
      <c r="G32005" t="s">
        <v>10734</v>
      </c>
      <c r="H32005" t="s">
        <v>10735</v>
      </c>
      <c r="I32005" s="2">
        <v>0</v>
      </c>
      <c r="J32005" s="2">
        <v>0</v>
      </c>
      <c r="K32005" s="2">
        <v>1</v>
      </c>
      <c r="L32005" t="s">
        <v>995</v>
      </c>
      <c r="M32005" t="s">
        <v>83</v>
      </c>
      <c r="N32005" t="s">
        <v>91</v>
      </c>
      <c r="O32005" t="s">
        <v>85</v>
      </c>
      <c r="P32005" t="s">
        <v>86</v>
      </c>
      <c r="Q32005">
        <v>8</v>
      </c>
      <c r="R32005">
        <v>8</v>
      </c>
      <c r="S32005">
        <v>9</v>
      </c>
      <c r="T32005">
        <v>9</v>
      </c>
      <c r="U32005">
        <v>9</v>
      </c>
      <c r="V32005">
        <v>9</v>
      </c>
      <c r="W32005">
        <v>9</v>
      </c>
      <c r="X32005">
        <v>9</v>
      </c>
      <c r="Y32005">
        <v>9</v>
      </c>
      <c r="Z32005">
        <v>9</v>
      </c>
      <c r="AA32005">
        <v>9</v>
      </c>
      <c r="AB32005">
        <v>9</v>
      </c>
      <c r="AC32005">
        <v>9</v>
      </c>
      <c r="AD32005">
        <v>9</v>
      </c>
      <c r="AE32005">
        <v>10</v>
      </c>
      <c r="AF32005">
        <v>10</v>
      </c>
      <c r="AG32005">
        <v>10</v>
      </c>
      <c r="AH32005">
        <v>10</v>
      </c>
      <c r="AI32005">
        <v>10</v>
      </c>
      <c r="AJ32005">
        <v>10</v>
      </c>
      <c r="AK32005">
        <v>10</v>
      </c>
      <c r="AL32005">
        <v>10</v>
      </c>
      <c r="AM32005">
        <v>10</v>
      </c>
      <c r="AN32005">
        <v>10</v>
      </c>
      <c r="AO32005">
        <v>10</v>
      </c>
      <c r="AP32005">
        <v>10</v>
      </c>
      <c r="AQ32005">
        <v>10</v>
      </c>
    </row>
    <row r="32006" spans="1:43">
      <c r="A32006" t="s">
        <v>19829</v>
      </c>
      <c r="B32006" t="s">
        <v>19830</v>
      </c>
      <c r="C32006" t="s">
        <v>19777</v>
      </c>
      <c r="D32006" t="s">
        <v>19778</v>
      </c>
      <c r="E32006" t="s">
        <v>19721</v>
      </c>
      <c r="F32006" t="s">
        <v>19722</v>
      </c>
      <c r="G32006" t="s">
        <v>10734</v>
      </c>
      <c r="H32006" t="s">
        <v>10735</v>
      </c>
      <c r="I32006" s="2">
        <v>0</v>
      </c>
      <c r="J32006" s="2">
        <v>0</v>
      </c>
      <c r="K32006" s="2">
        <v>1</v>
      </c>
      <c r="L32006" t="s">
        <v>995</v>
      </c>
      <c r="M32006" t="s">
        <v>83</v>
      </c>
      <c r="N32006" t="s">
        <v>84</v>
      </c>
      <c r="O32006" t="s">
        <v>85</v>
      </c>
      <c r="P32006" t="s">
        <v>86</v>
      </c>
      <c r="Q32006">
        <v>38</v>
      </c>
      <c r="R32006">
        <v>39</v>
      </c>
      <c r="S32006">
        <v>39</v>
      </c>
      <c r="T32006">
        <v>39</v>
      </c>
      <c r="U32006">
        <v>40</v>
      </c>
      <c r="V32006">
        <v>40</v>
      </c>
      <c r="W32006">
        <v>41</v>
      </c>
      <c r="X32006">
        <v>41</v>
      </c>
      <c r="Y32006">
        <v>41</v>
      </c>
      <c r="Z32006">
        <v>42</v>
      </c>
      <c r="AA32006">
        <v>42</v>
      </c>
      <c r="AB32006">
        <v>43</v>
      </c>
      <c r="AC32006">
        <v>43</v>
      </c>
      <c r="AD32006">
        <v>43</v>
      </c>
      <c r="AE32006">
        <v>44</v>
      </c>
      <c r="AF32006">
        <v>44</v>
      </c>
      <c r="AG32006">
        <v>44</v>
      </c>
      <c r="AH32006">
        <v>45</v>
      </c>
      <c r="AI32006">
        <v>45</v>
      </c>
      <c r="AJ32006">
        <v>45</v>
      </c>
      <c r="AK32006">
        <v>46</v>
      </c>
      <c r="AL32006">
        <v>46</v>
      </c>
      <c r="AM32006">
        <v>46</v>
      </c>
      <c r="AN32006">
        <v>46</v>
      </c>
      <c r="AO32006">
        <v>46</v>
      </c>
      <c r="AP32006">
        <v>46</v>
      </c>
      <c r="AQ32006">
        <v>46</v>
      </c>
    </row>
    <row r="32007" spans="1:43">
      <c r="A32007" t="s">
        <v>19829</v>
      </c>
      <c r="B32007" t="s">
        <v>19830</v>
      </c>
      <c r="C32007" t="s">
        <v>19777</v>
      </c>
      <c r="D32007" t="s">
        <v>19778</v>
      </c>
      <c r="E32007" t="s">
        <v>19721</v>
      </c>
      <c r="F32007" t="s">
        <v>19722</v>
      </c>
      <c r="G32007" t="s">
        <v>10734</v>
      </c>
      <c r="H32007" t="s">
        <v>10735</v>
      </c>
      <c r="I32007" s="2">
        <v>0</v>
      </c>
      <c r="J32007" s="2">
        <v>0</v>
      </c>
      <c r="K32007" s="2">
        <v>1</v>
      </c>
      <c r="L32007" t="s">
        <v>995</v>
      </c>
      <c r="M32007" t="s">
        <v>87</v>
      </c>
      <c r="N32007" t="s">
        <v>88</v>
      </c>
      <c r="O32007" t="s">
        <v>85</v>
      </c>
      <c r="P32007" t="s">
        <v>86</v>
      </c>
      <c r="Q32007">
        <v>38</v>
      </c>
      <c r="R32007">
        <v>38</v>
      </c>
      <c r="S32007">
        <v>38</v>
      </c>
      <c r="T32007">
        <v>38</v>
      </c>
      <c r="U32007">
        <v>38</v>
      </c>
      <c r="V32007">
        <v>38</v>
      </c>
      <c r="W32007">
        <v>38</v>
      </c>
      <c r="X32007">
        <v>38</v>
      </c>
      <c r="Y32007">
        <v>38</v>
      </c>
      <c r="Z32007">
        <v>38</v>
      </c>
      <c r="AA32007">
        <v>38</v>
      </c>
      <c r="AB32007">
        <v>38</v>
      </c>
      <c r="AC32007">
        <v>39</v>
      </c>
      <c r="AD32007">
        <v>39</v>
      </c>
      <c r="AE32007">
        <v>39</v>
      </c>
      <c r="AF32007">
        <v>39</v>
      </c>
      <c r="AG32007">
        <v>39</v>
      </c>
      <c r="AH32007">
        <v>39</v>
      </c>
      <c r="AI32007">
        <v>39</v>
      </c>
      <c r="AJ32007">
        <v>39</v>
      </c>
      <c r="AK32007">
        <v>39</v>
      </c>
      <c r="AL32007">
        <v>39</v>
      </c>
      <c r="AM32007">
        <v>39</v>
      </c>
      <c r="AN32007">
        <v>40</v>
      </c>
      <c r="AO32007">
        <v>40</v>
      </c>
      <c r="AP32007">
        <v>40</v>
      </c>
      <c r="AQ32007">
        <v>40</v>
      </c>
    </row>
    <row r="32008" spans="1:43">
      <c r="A32008" t="s">
        <v>19829</v>
      </c>
      <c r="B32008" t="s">
        <v>19830</v>
      </c>
      <c r="C32008" t="s">
        <v>19777</v>
      </c>
      <c r="D32008" t="s">
        <v>19778</v>
      </c>
      <c r="E32008" t="s">
        <v>19721</v>
      </c>
      <c r="F32008" t="s">
        <v>19722</v>
      </c>
      <c r="G32008" t="s">
        <v>10734</v>
      </c>
      <c r="H32008" t="s">
        <v>10735</v>
      </c>
      <c r="I32008" s="2">
        <v>0</v>
      </c>
      <c r="J32008" s="2">
        <v>0</v>
      </c>
      <c r="K32008" s="2">
        <v>1</v>
      </c>
      <c r="L32008" t="s">
        <v>995</v>
      </c>
      <c r="M32008" t="s">
        <v>89</v>
      </c>
      <c r="N32008" t="s">
        <v>90</v>
      </c>
      <c r="O32008" t="s">
        <v>85</v>
      </c>
      <c r="P32008" t="s">
        <v>86</v>
      </c>
      <c r="Q32008">
        <v>38</v>
      </c>
      <c r="R32008">
        <v>38</v>
      </c>
      <c r="S32008">
        <v>39</v>
      </c>
      <c r="T32008">
        <v>40</v>
      </c>
      <c r="U32008">
        <v>40</v>
      </c>
      <c r="V32008">
        <v>41</v>
      </c>
      <c r="W32008">
        <v>42</v>
      </c>
      <c r="X32008">
        <v>42</v>
      </c>
      <c r="Y32008">
        <v>43</v>
      </c>
      <c r="Z32008">
        <v>43</v>
      </c>
      <c r="AA32008">
        <v>44</v>
      </c>
      <c r="AB32008">
        <v>44</v>
      </c>
      <c r="AC32008">
        <v>45</v>
      </c>
      <c r="AD32008">
        <v>45</v>
      </c>
      <c r="AE32008">
        <v>46</v>
      </c>
      <c r="AF32008">
        <v>46</v>
      </c>
      <c r="AG32008">
        <v>46</v>
      </c>
      <c r="AH32008">
        <v>46</v>
      </c>
      <c r="AI32008">
        <v>46</v>
      </c>
      <c r="AJ32008">
        <v>45</v>
      </c>
      <c r="AK32008">
        <v>45</v>
      </c>
      <c r="AL32008">
        <v>45</v>
      </c>
      <c r="AM32008">
        <v>45</v>
      </c>
      <c r="AN32008">
        <v>45</v>
      </c>
      <c r="AO32008">
        <v>45</v>
      </c>
      <c r="AP32008">
        <v>45</v>
      </c>
      <c r="AQ32008">
        <v>46</v>
      </c>
    </row>
    <row r="32009" spans="1:43">
      <c r="A32009" t="s">
        <v>19829</v>
      </c>
      <c r="B32009" t="s">
        <v>19830</v>
      </c>
      <c r="C32009" t="s">
        <v>19777</v>
      </c>
      <c r="D32009" t="s">
        <v>19778</v>
      </c>
      <c r="E32009" t="s">
        <v>19721</v>
      </c>
      <c r="F32009" t="s">
        <v>19722</v>
      </c>
      <c r="G32009" t="s">
        <v>10734</v>
      </c>
      <c r="H32009" t="s">
        <v>10735</v>
      </c>
      <c r="I32009" s="2">
        <v>0</v>
      </c>
      <c r="J32009" s="2">
        <v>0</v>
      </c>
      <c r="K32009" s="2">
        <v>1</v>
      </c>
      <c r="L32009" t="s">
        <v>995</v>
      </c>
      <c r="M32009" t="s">
        <v>83</v>
      </c>
      <c r="N32009" t="s">
        <v>91</v>
      </c>
      <c r="O32009" t="s">
        <v>85</v>
      </c>
      <c r="P32009" t="s">
        <v>86</v>
      </c>
      <c r="Q32009">
        <v>38</v>
      </c>
      <c r="R32009">
        <v>39</v>
      </c>
      <c r="S32009">
        <v>39</v>
      </c>
      <c r="T32009">
        <v>39</v>
      </c>
      <c r="U32009">
        <v>40</v>
      </c>
      <c r="V32009">
        <v>40</v>
      </c>
      <c r="W32009">
        <v>41</v>
      </c>
      <c r="X32009">
        <v>41</v>
      </c>
      <c r="Y32009">
        <v>41</v>
      </c>
      <c r="Z32009">
        <v>42</v>
      </c>
      <c r="AA32009">
        <v>42</v>
      </c>
      <c r="AB32009">
        <v>43</v>
      </c>
      <c r="AC32009">
        <v>43</v>
      </c>
      <c r="AD32009">
        <v>43</v>
      </c>
      <c r="AE32009">
        <v>44</v>
      </c>
      <c r="AF32009">
        <v>44</v>
      </c>
      <c r="AG32009">
        <v>44</v>
      </c>
      <c r="AH32009">
        <v>45</v>
      </c>
      <c r="AI32009">
        <v>45</v>
      </c>
      <c r="AJ32009">
        <v>45</v>
      </c>
      <c r="AK32009">
        <v>46</v>
      </c>
      <c r="AL32009">
        <v>46</v>
      </c>
      <c r="AM32009">
        <v>46</v>
      </c>
      <c r="AN32009">
        <v>46</v>
      </c>
      <c r="AO32009">
        <v>46</v>
      </c>
      <c r="AP32009">
        <v>46</v>
      </c>
      <c r="AQ32009">
        <v>46</v>
      </c>
    </row>
    <row r="32010" spans="1:43">
      <c r="A32010" t="s">
        <v>19831</v>
      </c>
      <c r="B32010" t="s">
        <v>19832</v>
      </c>
      <c r="C32010" t="s">
        <v>19833</v>
      </c>
      <c r="D32010" t="s">
        <v>19834</v>
      </c>
      <c r="E32010" t="s">
        <v>19721</v>
      </c>
      <c r="F32010" t="s">
        <v>19722</v>
      </c>
      <c r="G32010" t="s">
        <v>10734</v>
      </c>
      <c r="H32010" t="s">
        <v>10735</v>
      </c>
      <c r="I32010" s="2">
        <v>0</v>
      </c>
      <c r="J32010" s="2">
        <v>0</v>
      </c>
      <c r="K32010" s="2">
        <v>1</v>
      </c>
      <c r="L32010" t="s">
        <v>995</v>
      </c>
      <c r="M32010" t="s">
        <v>83</v>
      </c>
      <c r="N32010" t="s">
        <v>84</v>
      </c>
      <c r="O32010" t="s">
        <v>85</v>
      </c>
      <c r="P32010" t="s">
        <v>86</v>
      </c>
      <c r="Q32010">
        <v>112</v>
      </c>
      <c r="R32010">
        <v>113</v>
      </c>
      <c r="S32010">
        <v>114</v>
      </c>
      <c r="T32010">
        <v>115</v>
      </c>
      <c r="U32010">
        <v>116</v>
      </c>
      <c r="V32010">
        <v>118</v>
      </c>
      <c r="W32010">
        <v>119</v>
      </c>
      <c r="X32010">
        <v>120</v>
      </c>
      <c r="Y32010">
        <v>121</v>
      </c>
      <c r="Z32010">
        <v>122</v>
      </c>
      <c r="AA32010">
        <v>124</v>
      </c>
      <c r="AB32010">
        <v>125</v>
      </c>
      <c r="AC32010">
        <v>126</v>
      </c>
      <c r="AD32010">
        <v>127</v>
      </c>
      <c r="AE32010">
        <v>128</v>
      </c>
      <c r="AF32010">
        <v>129</v>
      </c>
      <c r="AG32010">
        <v>131</v>
      </c>
      <c r="AH32010">
        <v>132</v>
      </c>
      <c r="AI32010">
        <v>133</v>
      </c>
      <c r="AJ32010">
        <v>134</v>
      </c>
      <c r="AK32010">
        <v>135</v>
      </c>
      <c r="AL32010">
        <v>136</v>
      </c>
      <c r="AM32010">
        <v>136</v>
      </c>
      <c r="AN32010">
        <v>136</v>
      </c>
      <c r="AO32010">
        <v>136</v>
      </c>
      <c r="AP32010">
        <v>137</v>
      </c>
      <c r="AQ32010">
        <v>137</v>
      </c>
    </row>
    <row r="32011" spans="1:43">
      <c r="A32011" t="s">
        <v>19831</v>
      </c>
      <c r="B32011" t="s">
        <v>19832</v>
      </c>
      <c r="C32011" t="s">
        <v>19833</v>
      </c>
      <c r="D32011" t="s">
        <v>19834</v>
      </c>
      <c r="E32011" t="s">
        <v>19721</v>
      </c>
      <c r="F32011" t="s">
        <v>19722</v>
      </c>
      <c r="G32011" t="s">
        <v>10734</v>
      </c>
      <c r="H32011" t="s">
        <v>10735</v>
      </c>
      <c r="I32011" s="2">
        <v>0</v>
      </c>
      <c r="J32011" s="2">
        <v>0</v>
      </c>
      <c r="K32011" s="2">
        <v>1</v>
      </c>
      <c r="L32011" t="s">
        <v>995</v>
      </c>
      <c r="M32011" t="s">
        <v>87</v>
      </c>
      <c r="N32011" t="s">
        <v>88</v>
      </c>
      <c r="O32011" t="s">
        <v>85</v>
      </c>
      <c r="P32011" t="s">
        <v>86</v>
      </c>
      <c r="Q32011">
        <v>112</v>
      </c>
      <c r="R32011">
        <v>113</v>
      </c>
      <c r="S32011">
        <v>113</v>
      </c>
      <c r="T32011">
        <v>113</v>
      </c>
      <c r="U32011">
        <v>113</v>
      </c>
      <c r="V32011">
        <v>113</v>
      </c>
      <c r="W32011">
        <v>114</v>
      </c>
      <c r="X32011">
        <v>114</v>
      </c>
      <c r="Y32011">
        <v>114</v>
      </c>
      <c r="Z32011">
        <v>114</v>
      </c>
      <c r="AA32011">
        <v>114</v>
      </c>
      <c r="AB32011">
        <v>115</v>
      </c>
      <c r="AC32011">
        <v>115</v>
      </c>
      <c r="AD32011">
        <v>115</v>
      </c>
      <c r="AE32011">
        <v>116</v>
      </c>
      <c r="AF32011">
        <v>116</v>
      </c>
      <c r="AG32011">
        <v>116</v>
      </c>
      <c r="AH32011">
        <v>116</v>
      </c>
      <c r="AI32011">
        <v>117</v>
      </c>
      <c r="AJ32011">
        <v>117</v>
      </c>
      <c r="AK32011">
        <v>118</v>
      </c>
      <c r="AL32011">
        <v>118</v>
      </c>
      <c r="AM32011">
        <v>118</v>
      </c>
      <c r="AN32011">
        <v>119</v>
      </c>
      <c r="AO32011">
        <v>119</v>
      </c>
      <c r="AP32011">
        <v>120</v>
      </c>
      <c r="AQ32011">
        <v>120</v>
      </c>
    </row>
    <row r="32012" spans="1:43">
      <c r="A32012" t="s">
        <v>19831</v>
      </c>
      <c r="B32012" t="s">
        <v>19832</v>
      </c>
      <c r="C32012" t="s">
        <v>19833</v>
      </c>
      <c r="D32012" t="s">
        <v>19834</v>
      </c>
      <c r="E32012" t="s">
        <v>19721</v>
      </c>
      <c r="F32012" t="s">
        <v>19722</v>
      </c>
      <c r="G32012" t="s">
        <v>10734</v>
      </c>
      <c r="H32012" t="s">
        <v>10735</v>
      </c>
      <c r="I32012" s="2">
        <v>0</v>
      </c>
      <c r="J32012" s="2">
        <v>0</v>
      </c>
      <c r="K32012" s="2">
        <v>1</v>
      </c>
      <c r="L32012" t="s">
        <v>995</v>
      </c>
      <c r="M32012" t="s">
        <v>89</v>
      </c>
      <c r="N32012" t="s">
        <v>90</v>
      </c>
      <c r="O32012" t="s">
        <v>85</v>
      </c>
      <c r="P32012" t="s">
        <v>86</v>
      </c>
      <c r="Q32012">
        <v>112</v>
      </c>
      <c r="R32012">
        <v>114</v>
      </c>
      <c r="S32012">
        <v>116</v>
      </c>
      <c r="T32012">
        <v>118</v>
      </c>
      <c r="U32012">
        <v>120</v>
      </c>
      <c r="V32012">
        <v>122</v>
      </c>
      <c r="W32012">
        <v>124</v>
      </c>
      <c r="X32012">
        <v>126</v>
      </c>
      <c r="Y32012">
        <v>127</v>
      </c>
      <c r="Z32012">
        <v>129</v>
      </c>
      <c r="AA32012">
        <v>131</v>
      </c>
      <c r="AB32012">
        <v>132</v>
      </c>
      <c r="AC32012">
        <v>134</v>
      </c>
      <c r="AD32012">
        <v>135</v>
      </c>
      <c r="AE32012">
        <v>136</v>
      </c>
      <c r="AF32012">
        <v>136</v>
      </c>
      <c r="AG32012">
        <v>136</v>
      </c>
      <c r="AH32012">
        <v>137</v>
      </c>
      <c r="AI32012">
        <v>137</v>
      </c>
      <c r="AJ32012">
        <v>137</v>
      </c>
      <c r="AK32012">
        <v>137</v>
      </c>
      <c r="AL32012">
        <v>137</v>
      </c>
      <c r="AM32012">
        <v>137</v>
      </c>
      <c r="AN32012">
        <v>137</v>
      </c>
      <c r="AO32012">
        <v>137</v>
      </c>
      <c r="AP32012">
        <v>138</v>
      </c>
      <c r="AQ32012">
        <v>138</v>
      </c>
    </row>
    <row r="32013" spans="1:43">
      <c r="A32013" t="s">
        <v>19831</v>
      </c>
      <c r="B32013" t="s">
        <v>19832</v>
      </c>
      <c r="C32013" t="s">
        <v>19833</v>
      </c>
      <c r="D32013" t="s">
        <v>19834</v>
      </c>
      <c r="E32013" t="s">
        <v>19721</v>
      </c>
      <c r="F32013" t="s">
        <v>19722</v>
      </c>
      <c r="G32013" t="s">
        <v>10734</v>
      </c>
      <c r="H32013" t="s">
        <v>10735</v>
      </c>
      <c r="I32013" s="2">
        <v>0</v>
      </c>
      <c r="J32013" s="2">
        <v>0</v>
      </c>
      <c r="K32013" s="2">
        <v>1</v>
      </c>
      <c r="L32013" t="s">
        <v>995</v>
      </c>
      <c r="M32013" t="s">
        <v>83</v>
      </c>
      <c r="N32013" t="s">
        <v>91</v>
      </c>
      <c r="O32013" t="s">
        <v>85</v>
      </c>
      <c r="P32013" t="s">
        <v>86</v>
      </c>
      <c r="Q32013">
        <v>112</v>
      </c>
      <c r="R32013">
        <v>113</v>
      </c>
      <c r="S32013">
        <v>114</v>
      </c>
      <c r="T32013">
        <v>115</v>
      </c>
      <c r="U32013">
        <v>116</v>
      </c>
      <c r="V32013">
        <v>118</v>
      </c>
      <c r="W32013">
        <v>119</v>
      </c>
      <c r="X32013">
        <v>120</v>
      </c>
      <c r="Y32013">
        <v>121</v>
      </c>
      <c r="Z32013">
        <v>122</v>
      </c>
      <c r="AA32013">
        <v>124</v>
      </c>
      <c r="AB32013">
        <v>125</v>
      </c>
      <c r="AC32013">
        <v>126</v>
      </c>
      <c r="AD32013">
        <v>127</v>
      </c>
      <c r="AE32013">
        <v>128</v>
      </c>
      <c r="AF32013">
        <v>129</v>
      </c>
      <c r="AG32013">
        <v>131</v>
      </c>
      <c r="AH32013">
        <v>132</v>
      </c>
      <c r="AI32013">
        <v>133</v>
      </c>
      <c r="AJ32013">
        <v>134</v>
      </c>
      <c r="AK32013">
        <v>135</v>
      </c>
      <c r="AL32013">
        <v>136</v>
      </c>
      <c r="AM32013">
        <v>136</v>
      </c>
      <c r="AN32013">
        <v>136</v>
      </c>
      <c r="AO32013">
        <v>136</v>
      </c>
      <c r="AP32013">
        <v>137</v>
      </c>
      <c r="AQ32013">
        <v>137</v>
      </c>
    </row>
    <row r="32014" spans="1:43">
      <c r="A32014" t="s">
        <v>19835</v>
      </c>
      <c r="B32014" t="s">
        <v>19836</v>
      </c>
      <c r="C32014" t="s">
        <v>19833</v>
      </c>
      <c r="D32014" t="s">
        <v>19834</v>
      </c>
      <c r="E32014" t="s">
        <v>19721</v>
      </c>
      <c r="F32014" t="s">
        <v>19722</v>
      </c>
      <c r="G32014" t="s">
        <v>10734</v>
      </c>
      <c r="H32014" t="s">
        <v>10735</v>
      </c>
      <c r="I32014" s="2">
        <v>0</v>
      </c>
      <c r="J32014" s="2">
        <v>0</v>
      </c>
      <c r="K32014" s="2">
        <v>1</v>
      </c>
      <c r="L32014" t="s">
        <v>995</v>
      </c>
      <c r="M32014" t="s">
        <v>83</v>
      </c>
      <c r="N32014" t="s">
        <v>84</v>
      </c>
      <c r="O32014" t="s">
        <v>85</v>
      </c>
      <c r="P32014" t="s">
        <v>86</v>
      </c>
      <c r="Q32014">
        <v>39</v>
      </c>
      <c r="R32014">
        <v>39</v>
      </c>
      <c r="S32014">
        <v>40</v>
      </c>
      <c r="T32014">
        <v>40</v>
      </c>
      <c r="U32014">
        <v>41</v>
      </c>
      <c r="V32014">
        <v>41</v>
      </c>
      <c r="W32014">
        <v>41</v>
      </c>
      <c r="X32014">
        <v>42</v>
      </c>
      <c r="Y32014">
        <v>42</v>
      </c>
      <c r="Z32014">
        <v>43</v>
      </c>
      <c r="AA32014">
        <v>43</v>
      </c>
      <c r="AB32014">
        <v>44</v>
      </c>
      <c r="AC32014">
        <v>44</v>
      </c>
      <c r="AD32014">
        <v>44</v>
      </c>
      <c r="AE32014">
        <v>45</v>
      </c>
      <c r="AF32014">
        <v>45</v>
      </c>
      <c r="AG32014">
        <v>46</v>
      </c>
      <c r="AH32014">
        <v>46</v>
      </c>
      <c r="AI32014">
        <v>46</v>
      </c>
      <c r="AJ32014">
        <v>47</v>
      </c>
      <c r="AK32014">
        <v>47</v>
      </c>
      <c r="AL32014">
        <v>47</v>
      </c>
      <c r="AM32014">
        <v>47</v>
      </c>
      <c r="AN32014">
        <v>47</v>
      </c>
      <c r="AO32014">
        <v>48</v>
      </c>
      <c r="AP32014">
        <v>48</v>
      </c>
      <c r="AQ32014">
        <v>48</v>
      </c>
    </row>
    <row r="32015" spans="1:43">
      <c r="A32015" t="s">
        <v>19835</v>
      </c>
      <c r="B32015" t="s">
        <v>19836</v>
      </c>
      <c r="C32015" t="s">
        <v>19833</v>
      </c>
      <c r="D32015" t="s">
        <v>19834</v>
      </c>
      <c r="E32015" t="s">
        <v>19721</v>
      </c>
      <c r="F32015" t="s">
        <v>19722</v>
      </c>
      <c r="G32015" t="s">
        <v>10734</v>
      </c>
      <c r="H32015" t="s">
        <v>10735</v>
      </c>
      <c r="I32015" s="2">
        <v>0</v>
      </c>
      <c r="J32015" s="2">
        <v>0</v>
      </c>
      <c r="K32015" s="2">
        <v>1</v>
      </c>
      <c r="L32015" t="s">
        <v>995</v>
      </c>
      <c r="M32015" t="s">
        <v>87</v>
      </c>
      <c r="N32015" t="s">
        <v>88</v>
      </c>
      <c r="O32015" t="s">
        <v>85</v>
      </c>
      <c r="P32015" t="s">
        <v>86</v>
      </c>
      <c r="Q32015">
        <v>39</v>
      </c>
      <c r="R32015">
        <v>39</v>
      </c>
      <c r="S32015">
        <v>39</v>
      </c>
      <c r="T32015">
        <v>39</v>
      </c>
      <c r="U32015">
        <v>39</v>
      </c>
      <c r="V32015">
        <v>39</v>
      </c>
      <c r="W32015">
        <v>39</v>
      </c>
      <c r="X32015">
        <v>39</v>
      </c>
      <c r="Y32015">
        <v>39</v>
      </c>
      <c r="Z32015">
        <v>39</v>
      </c>
      <c r="AA32015">
        <v>39</v>
      </c>
      <c r="AB32015">
        <v>39</v>
      </c>
      <c r="AC32015">
        <v>39</v>
      </c>
      <c r="AD32015">
        <v>40</v>
      </c>
      <c r="AE32015">
        <v>40</v>
      </c>
      <c r="AF32015">
        <v>40</v>
      </c>
      <c r="AG32015">
        <v>40</v>
      </c>
      <c r="AH32015">
        <v>40</v>
      </c>
      <c r="AI32015">
        <v>40</v>
      </c>
      <c r="AJ32015">
        <v>40</v>
      </c>
      <c r="AK32015">
        <v>40</v>
      </c>
      <c r="AL32015">
        <v>40</v>
      </c>
      <c r="AM32015">
        <v>41</v>
      </c>
      <c r="AN32015">
        <v>41</v>
      </c>
      <c r="AO32015">
        <v>41</v>
      </c>
      <c r="AP32015">
        <v>41</v>
      </c>
      <c r="AQ32015">
        <v>41</v>
      </c>
    </row>
    <row r="32016" spans="1:43">
      <c r="A32016" t="s">
        <v>19835</v>
      </c>
      <c r="B32016" t="s">
        <v>19836</v>
      </c>
      <c r="C32016" t="s">
        <v>19833</v>
      </c>
      <c r="D32016" t="s">
        <v>19834</v>
      </c>
      <c r="E32016" t="s">
        <v>19721</v>
      </c>
      <c r="F32016" t="s">
        <v>19722</v>
      </c>
      <c r="G32016" t="s">
        <v>10734</v>
      </c>
      <c r="H32016" t="s">
        <v>10735</v>
      </c>
      <c r="I32016" s="2">
        <v>0</v>
      </c>
      <c r="J32016" s="2">
        <v>0</v>
      </c>
      <c r="K32016" s="2">
        <v>1</v>
      </c>
      <c r="L32016" t="s">
        <v>995</v>
      </c>
      <c r="M32016" t="s">
        <v>89</v>
      </c>
      <c r="N32016" t="s">
        <v>90</v>
      </c>
      <c r="O32016" t="s">
        <v>85</v>
      </c>
      <c r="P32016" t="s">
        <v>86</v>
      </c>
      <c r="Q32016">
        <v>39</v>
      </c>
      <c r="R32016">
        <v>40</v>
      </c>
      <c r="S32016">
        <v>41</v>
      </c>
      <c r="T32016">
        <v>42</v>
      </c>
      <c r="U32016">
        <v>42</v>
      </c>
      <c r="V32016">
        <v>43</v>
      </c>
      <c r="W32016">
        <v>44</v>
      </c>
      <c r="X32016">
        <v>44</v>
      </c>
      <c r="Y32016">
        <v>45</v>
      </c>
      <c r="Z32016">
        <v>45</v>
      </c>
      <c r="AA32016">
        <v>46</v>
      </c>
      <c r="AB32016">
        <v>46</v>
      </c>
      <c r="AC32016">
        <v>47</v>
      </c>
      <c r="AD32016">
        <v>48</v>
      </c>
      <c r="AE32016">
        <v>48</v>
      </c>
      <c r="AF32016">
        <v>48</v>
      </c>
      <c r="AG32016">
        <v>48</v>
      </c>
      <c r="AH32016">
        <v>48</v>
      </c>
      <c r="AI32016">
        <v>48</v>
      </c>
      <c r="AJ32016">
        <v>48</v>
      </c>
      <c r="AK32016">
        <v>48</v>
      </c>
      <c r="AL32016">
        <v>48</v>
      </c>
      <c r="AM32016">
        <v>48</v>
      </c>
      <c r="AN32016">
        <v>48</v>
      </c>
      <c r="AO32016">
        <v>48</v>
      </c>
      <c r="AP32016">
        <v>48</v>
      </c>
      <c r="AQ32016">
        <v>48</v>
      </c>
    </row>
    <row r="32017" spans="1:43">
      <c r="A32017" t="s">
        <v>19835</v>
      </c>
      <c r="B32017" t="s">
        <v>19836</v>
      </c>
      <c r="C32017" t="s">
        <v>19833</v>
      </c>
      <c r="D32017" t="s">
        <v>19834</v>
      </c>
      <c r="E32017" t="s">
        <v>19721</v>
      </c>
      <c r="F32017" t="s">
        <v>19722</v>
      </c>
      <c r="G32017" t="s">
        <v>10734</v>
      </c>
      <c r="H32017" t="s">
        <v>10735</v>
      </c>
      <c r="I32017" s="2">
        <v>0</v>
      </c>
      <c r="J32017" s="2">
        <v>0</v>
      </c>
      <c r="K32017" s="2">
        <v>1</v>
      </c>
      <c r="L32017" t="s">
        <v>995</v>
      </c>
      <c r="M32017" t="s">
        <v>83</v>
      </c>
      <c r="N32017" t="s">
        <v>91</v>
      </c>
      <c r="O32017" t="s">
        <v>85</v>
      </c>
      <c r="P32017" t="s">
        <v>86</v>
      </c>
      <c r="Q32017">
        <v>39</v>
      </c>
      <c r="R32017">
        <v>39</v>
      </c>
      <c r="S32017">
        <v>40</v>
      </c>
      <c r="T32017">
        <v>40</v>
      </c>
      <c r="U32017">
        <v>41</v>
      </c>
      <c r="V32017">
        <v>41</v>
      </c>
      <c r="W32017">
        <v>41</v>
      </c>
      <c r="X32017">
        <v>42</v>
      </c>
      <c r="Y32017">
        <v>42</v>
      </c>
      <c r="Z32017">
        <v>43</v>
      </c>
      <c r="AA32017">
        <v>43</v>
      </c>
      <c r="AB32017">
        <v>44</v>
      </c>
      <c r="AC32017">
        <v>44</v>
      </c>
      <c r="AD32017">
        <v>44</v>
      </c>
      <c r="AE32017">
        <v>45</v>
      </c>
      <c r="AF32017">
        <v>45</v>
      </c>
      <c r="AG32017">
        <v>46</v>
      </c>
      <c r="AH32017">
        <v>46</v>
      </c>
      <c r="AI32017">
        <v>46</v>
      </c>
      <c r="AJ32017">
        <v>47</v>
      </c>
      <c r="AK32017">
        <v>47</v>
      </c>
      <c r="AL32017">
        <v>47</v>
      </c>
      <c r="AM32017">
        <v>47</v>
      </c>
      <c r="AN32017">
        <v>47</v>
      </c>
      <c r="AO32017">
        <v>48</v>
      </c>
      <c r="AP32017">
        <v>48</v>
      </c>
      <c r="AQ32017">
        <v>48</v>
      </c>
    </row>
    <row r="32018" spans="1:43">
      <c r="A32018" t="s">
        <v>19837</v>
      </c>
      <c r="B32018" t="s">
        <v>19838</v>
      </c>
      <c r="C32018" t="s">
        <v>19769</v>
      </c>
      <c r="D32018" t="s">
        <v>19770</v>
      </c>
      <c r="E32018" t="s">
        <v>19721</v>
      </c>
      <c r="F32018" t="s">
        <v>19722</v>
      </c>
      <c r="G32018" t="s">
        <v>10734</v>
      </c>
      <c r="H32018" t="s">
        <v>10735</v>
      </c>
      <c r="I32018" s="2">
        <v>0</v>
      </c>
      <c r="J32018" s="2">
        <v>0</v>
      </c>
      <c r="K32018" s="2">
        <v>1</v>
      </c>
      <c r="L32018" t="s">
        <v>995</v>
      </c>
      <c r="M32018" t="s">
        <v>83</v>
      </c>
      <c r="N32018" t="s">
        <v>84</v>
      </c>
      <c r="O32018" t="s">
        <v>85</v>
      </c>
      <c r="P32018" t="s">
        <v>86</v>
      </c>
      <c r="Q32018">
        <v>6</v>
      </c>
      <c r="R32018">
        <v>6</v>
      </c>
      <c r="S32018">
        <v>7</v>
      </c>
      <c r="T32018">
        <v>7</v>
      </c>
      <c r="U32018">
        <v>7</v>
      </c>
      <c r="V32018">
        <v>7</v>
      </c>
      <c r="W32018">
        <v>7</v>
      </c>
      <c r="X32018">
        <v>7</v>
      </c>
      <c r="Y32018">
        <v>7</v>
      </c>
      <c r="Z32018">
        <v>7</v>
      </c>
      <c r="AA32018">
        <v>7</v>
      </c>
      <c r="AB32018">
        <v>7</v>
      </c>
      <c r="AC32018">
        <v>7</v>
      </c>
      <c r="AD32018">
        <v>7</v>
      </c>
      <c r="AE32018">
        <v>7</v>
      </c>
      <c r="AF32018">
        <v>7</v>
      </c>
      <c r="AG32018">
        <v>7</v>
      </c>
      <c r="AH32018">
        <v>8</v>
      </c>
      <c r="AI32018">
        <v>8</v>
      </c>
      <c r="AJ32018">
        <v>8</v>
      </c>
      <c r="AK32018">
        <v>8</v>
      </c>
      <c r="AL32018">
        <v>8</v>
      </c>
      <c r="AM32018">
        <v>8</v>
      </c>
      <c r="AN32018">
        <v>8</v>
      </c>
      <c r="AO32018">
        <v>8</v>
      </c>
      <c r="AP32018">
        <v>8</v>
      </c>
      <c r="AQ32018">
        <v>8</v>
      </c>
    </row>
    <row r="32019" spans="1:43">
      <c r="A32019" t="s">
        <v>19837</v>
      </c>
      <c r="B32019" t="s">
        <v>19838</v>
      </c>
      <c r="C32019" t="s">
        <v>19769</v>
      </c>
      <c r="D32019" t="s">
        <v>19770</v>
      </c>
      <c r="E32019" t="s">
        <v>19721</v>
      </c>
      <c r="F32019" t="s">
        <v>19722</v>
      </c>
      <c r="G32019" t="s">
        <v>10734</v>
      </c>
      <c r="H32019" t="s">
        <v>10735</v>
      </c>
      <c r="I32019" s="2">
        <v>0</v>
      </c>
      <c r="J32019" s="2">
        <v>0</v>
      </c>
      <c r="K32019" s="2">
        <v>1</v>
      </c>
      <c r="L32019" t="s">
        <v>995</v>
      </c>
      <c r="M32019" t="s">
        <v>87</v>
      </c>
      <c r="N32019" t="s">
        <v>88</v>
      </c>
      <c r="O32019" t="s">
        <v>85</v>
      </c>
      <c r="P32019" t="s">
        <v>86</v>
      </c>
      <c r="Q32019">
        <v>6</v>
      </c>
      <c r="R32019">
        <v>6</v>
      </c>
      <c r="S32019">
        <v>6</v>
      </c>
      <c r="T32019">
        <v>6</v>
      </c>
      <c r="U32019">
        <v>6</v>
      </c>
      <c r="V32019">
        <v>6</v>
      </c>
      <c r="W32019">
        <v>6</v>
      </c>
      <c r="X32019">
        <v>6</v>
      </c>
      <c r="Y32019">
        <v>6</v>
      </c>
      <c r="Z32019">
        <v>6</v>
      </c>
      <c r="AA32019">
        <v>6</v>
      </c>
      <c r="AB32019">
        <v>6</v>
      </c>
      <c r="AC32019">
        <v>6</v>
      </c>
      <c r="AD32019">
        <v>6</v>
      </c>
      <c r="AE32019">
        <v>7</v>
      </c>
      <c r="AF32019">
        <v>7</v>
      </c>
      <c r="AG32019">
        <v>7</v>
      </c>
      <c r="AH32019">
        <v>7</v>
      </c>
      <c r="AI32019">
        <v>7</v>
      </c>
      <c r="AJ32019">
        <v>7</v>
      </c>
      <c r="AK32019">
        <v>7</v>
      </c>
      <c r="AL32019">
        <v>7</v>
      </c>
      <c r="AM32019">
        <v>7</v>
      </c>
      <c r="AN32019">
        <v>7</v>
      </c>
      <c r="AO32019">
        <v>7</v>
      </c>
      <c r="AP32019">
        <v>7</v>
      </c>
      <c r="AQ32019">
        <v>7</v>
      </c>
    </row>
    <row r="32020" spans="1:43">
      <c r="A32020" t="s">
        <v>19837</v>
      </c>
      <c r="B32020" t="s">
        <v>19838</v>
      </c>
      <c r="C32020" t="s">
        <v>19769</v>
      </c>
      <c r="D32020" t="s">
        <v>19770</v>
      </c>
      <c r="E32020" t="s">
        <v>19721</v>
      </c>
      <c r="F32020" t="s">
        <v>19722</v>
      </c>
      <c r="G32020" t="s">
        <v>10734</v>
      </c>
      <c r="H32020" t="s">
        <v>10735</v>
      </c>
      <c r="I32020" s="2">
        <v>0</v>
      </c>
      <c r="J32020" s="2">
        <v>0</v>
      </c>
      <c r="K32020" s="2">
        <v>1</v>
      </c>
      <c r="L32020" t="s">
        <v>995</v>
      </c>
      <c r="M32020" t="s">
        <v>89</v>
      </c>
      <c r="N32020" t="s">
        <v>90</v>
      </c>
      <c r="O32020" t="s">
        <v>85</v>
      </c>
      <c r="P32020" t="s">
        <v>86</v>
      </c>
      <c r="Q32020">
        <v>6</v>
      </c>
      <c r="R32020">
        <v>7</v>
      </c>
      <c r="S32020">
        <v>7</v>
      </c>
      <c r="T32020">
        <v>7</v>
      </c>
      <c r="U32020">
        <v>7</v>
      </c>
      <c r="V32020">
        <v>7</v>
      </c>
      <c r="W32020">
        <v>7</v>
      </c>
      <c r="X32020">
        <v>7</v>
      </c>
      <c r="Y32020">
        <v>7</v>
      </c>
      <c r="Z32020">
        <v>7</v>
      </c>
      <c r="AA32020">
        <v>8</v>
      </c>
      <c r="AB32020">
        <v>8</v>
      </c>
      <c r="AC32020">
        <v>8</v>
      </c>
      <c r="AD32020">
        <v>8</v>
      </c>
      <c r="AE32020">
        <v>8</v>
      </c>
      <c r="AF32020">
        <v>8</v>
      </c>
      <c r="AG32020">
        <v>8</v>
      </c>
      <c r="AH32020">
        <v>8</v>
      </c>
      <c r="AI32020">
        <v>8</v>
      </c>
      <c r="AJ32020">
        <v>8</v>
      </c>
      <c r="AK32020">
        <v>8</v>
      </c>
      <c r="AL32020">
        <v>8</v>
      </c>
      <c r="AM32020">
        <v>8</v>
      </c>
      <c r="AN32020">
        <v>8</v>
      </c>
      <c r="AO32020">
        <v>8</v>
      </c>
      <c r="AP32020">
        <v>8</v>
      </c>
      <c r="AQ32020">
        <v>8</v>
      </c>
    </row>
    <row r="32021" spans="1:43">
      <c r="A32021" t="s">
        <v>19837</v>
      </c>
      <c r="B32021" t="s">
        <v>19838</v>
      </c>
      <c r="C32021" t="s">
        <v>19769</v>
      </c>
      <c r="D32021" t="s">
        <v>19770</v>
      </c>
      <c r="E32021" t="s">
        <v>19721</v>
      </c>
      <c r="F32021" t="s">
        <v>19722</v>
      </c>
      <c r="G32021" t="s">
        <v>10734</v>
      </c>
      <c r="H32021" t="s">
        <v>10735</v>
      </c>
      <c r="I32021" s="2">
        <v>0</v>
      </c>
      <c r="J32021" s="2">
        <v>0</v>
      </c>
      <c r="K32021" s="2">
        <v>1</v>
      </c>
      <c r="L32021" t="s">
        <v>995</v>
      </c>
      <c r="M32021" t="s">
        <v>83</v>
      </c>
      <c r="N32021" t="s">
        <v>91</v>
      </c>
      <c r="O32021" t="s">
        <v>85</v>
      </c>
      <c r="P32021" t="s">
        <v>86</v>
      </c>
      <c r="Q32021">
        <v>6</v>
      </c>
      <c r="R32021">
        <v>6</v>
      </c>
      <c r="S32021">
        <v>7</v>
      </c>
      <c r="T32021">
        <v>7</v>
      </c>
      <c r="U32021">
        <v>7</v>
      </c>
      <c r="V32021">
        <v>7</v>
      </c>
      <c r="W32021">
        <v>7</v>
      </c>
      <c r="X32021">
        <v>7</v>
      </c>
      <c r="Y32021">
        <v>7</v>
      </c>
      <c r="Z32021">
        <v>7</v>
      </c>
      <c r="AA32021">
        <v>7</v>
      </c>
      <c r="AB32021">
        <v>7</v>
      </c>
      <c r="AC32021">
        <v>7</v>
      </c>
      <c r="AD32021">
        <v>7</v>
      </c>
      <c r="AE32021">
        <v>7</v>
      </c>
      <c r="AF32021">
        <v>7</v>
      </c>
      <c r="AG32021">
        <v>7</v>
      </c>
      <c r="AH32021">
        <v>8</v>
      </c>
      <c r="AI32021">
        <v>8</v>
      </c>
      <c r="AJ32021">
        <v>8</v>
      </c>
      <c r="AK32021">
        <v>8</v>
      </c>
      <c r="AL32021">
        <v>8</v>
      </c>
      <c r="AM32021">
        <v>8</v>
      </c>
      <c r="AN32021">
        <v>8</v>
      </c>
      <c r="AO32021">
        <v>8</v>
      </c>
      <c r="AP32021">
        <v>8</v>
      </c>
      <c r="AQ32021">
        <v>8</v>
      </c>
    </row>
    <row r="32022" spans="1:43">
      <c r="A32022" t="s">
        <v>19839</v>
      </c>
      <c r="B32022" t="s">
        <v>19840</v>
      </c>
      <c r="C32022" t="s">
        <v>19769</v>
      </c>
      <c r="D32022" t="s">
        <v>19770</v>
      </c>
      <c r="E32022" t="s">
        <v>19721</v>
      </c>
      <c r="F32022" t="s">
        <v>19722</v>
      </c>
      <c r="G32022" t="s">
        <v>10734</v>
      </c>
      <c r="H32022" t="s">
        <v>10735</v>
      </c>
      <c r="I32022" s="2">
        <v>0</v>
      </c>
      <c r="J32022" s="2">
        <v>0</v>
      </c>
      <c r="K32022" s="2">
        <v>1</v>
      </c>
      <c r="L32022" t="s">
        <v>995</v>
      </c>
      <c r="M32022" t="s">
        <v>83</v>
      </c>
      <c r="N32022" t="s">
        <v>84</v>
      </c>
      <c r="O32022" t="s">
        <v>85</v>
      </c>
      <c r="P32022" t="s">
        <v>86</v>
      </c>
      <c r="Q32022">
        <v>9</v>
      </c>
      <c r="R32022">
        <v>9</v>
      </c>
      <c r="S32022">
        <v>9</v>
      </c>
      <c r="T32022">
        <v>9</v>
      </c>
      <c r="U32022">
        <v>9</v>
      </c>
      <c r="V32022">
        <v>9</v>
      </c>
      <c r="W32022">
        <v>9</v>
      </c>
      <c r="X32022">
        <v>9</v>
      </c>
      <c r="Y32022">
        <v>9</v>
      </c>
      <c r="Z32022">
        <v>9</v>
      </c>
      <c r="AA32022">
        <v>9</v>
      </c>
      <c r="AB32022">
        <v>10</v>
      </c>
      <c r="AC32022">
        <v>10</v>
      </c>
      <c r="AD32022">
        <v>10</v>
      </c>
      <c r="AE32022">
        <v>10</v>
      </c>
      <c r="AF32022">
        <v>10</v>
      </c>
      <c r="AG32022">
        <v>10</v>
      </c>
      <c r="AH32022">
        <v>10</v>
      </c>
      <c r="AI32022">
        <v>10</v>
      </c>
      <c r="AJ32022">
        <v>10</v>
      </c>
      <c r="AK32022">
        <v>10</v>
      </c>
      <c r="AL32022">
        <v>10</v>
      </c>
      <c r="AM32022">
        <v>10</v>
      </c>
      <c r="AN32022">
        <v>10</v>
      </c>
      <c r="AO32022">
        <v>10</v>
      </c>
      <c r="AP32022">
        <v>11</v>
      </c>
      <c r="AQ32022">
        <v>11</v>
      </c>
    </row>
    <row r="32023" spans="1:43">
      <c r="A32023" t="s">
        <v>19839</v>
      </c>
      <c r="B32023" t="s">
        <v>19840</v>
      </c>
      <c r="C32023" t="s">
        <v>19769</v>
      </c>
      <c r="D32023" t="s">
        <v>19770</v>
      </c>
      <c r="E32023" t="s">
        <v>19721</v>
      </c>
      <c r="F32023" t="s">
        <v>19722</v>
      </c>
      <c r="G32023" t="s">
        <v>10734</v>
      </c>
      <c r="H32023" t="s">
        <v>10735</v>
      </c>
      <c r="I32023" s="2">
        <v>0</v>
      </c>
      <c r="J32023" s="2">
        <v>0</v>
      </c>
      <c r="K32023" s="2">
        <v>1</v>
      </c>
      <c r="L32023" t="s">
        <v>995</v>
      </c>
      <c r="M32023" t="s">
        <v>87</v>
      </c>
      <c r="N32023" t="s">
        <v>88</v>
      </c>
      <c r="O32023" t="s">
        <v>85</v>
      </c>
      <c r="P32023" t="s">
        <v>86</v>
      </c>
      <c r="Q32023">
        <v>9</v>
      </c>
      <c r="R32023">
        <v>9</v>
      </c>
      <c r="S32023">
        <v>9</v>
      </c>
      <c r="T32023">
        <v>9</v>
      </c>
      <c r="U32023">
        <v>10</v>
      </c>
      <c r="V32023">
        <v>10</v>
      </c>
      <c r="W32023">
        <v>10</v>
      </c>
      <c r="X32023">
        <v>10</v>
      </c>
      <c r="Y32023">
        <v>10</v>
      </c>
      <c r="Z32023">
        <v>10</v>
      </c>
      <c r="AA32023">
        <v>10</v>
      </c>
      <c r="AB32023">
        <v>10</v>
      </c>
      <c r="AC32023">
        <v>10</v>
      </c>
      <c r="AD32023">
        <v>10</v>
      </c>
      <c r="AE32023">
        <v>10</v>
      </c>
      <c r="AF32023">
        <v>10</v>
      </c>
      <c r="AG32023">
        <v>10</v>
      </c>
      <c r="AH32023">
        <v>10</v>
      </c>
      <c r="AI32023">
        <v>10</v>
      </c>
      <c r="AJ32023">
        <v>10</v>
      </c>
      <c r="AK32023">
        <v>10</v>
      </c>
      <c r="AL32023">
        <v>10</v>
      </c>
      <c r="AM32023">
        <v>10</v>
      </c>
      <c r="AN32023">
        <v>10</v>
      </c>
      <c r="AO32023">
        <v>10</v>
      </c>
      <c r="AP32023">
        <v>10</v>
      </c>
      <c r="AQ32023">
        <v>10</v>
      </c>
    </row>
    <row r="32024" spans="1:43">
      <c r="A32024" t="s">
        <v>19839</v>
      </c>
      <c r="B32024" t="s">
        <v>19840</v>
      </c>
      <c r="C32024" t="s">
        <v>19769</v>
      </c>
      <c r="D32024" t="s">
        <v>19770</v>
      </c>
      <c r="E32024" t="s">
        <v>19721</v>
      </c>
      <c r="F32024" t="s">
        <v>19722</v>
      </c>
      <c r="G32024" t="s">
        <v>10734</v>
      </c>
      <c r="H32024" t="s">
        <v>10735</v>
      </c>
      <c r="I32024" s="2">
        <v>0</v>
      </c>
      <c r="J32024" s="2">
        <v>0</v>
      </c>
      <c r="K32024" s="2">
        <v>1</v>
      </c>
      <c r="L32024" t="s">
        <v>995</v>
      </c>
      <c r="M32024" t="s">
        <v>89</v>
      </c>
      <c r="N32024" t="s">
        <v>90</v>
      </c>
      <c r="O32024" t="s">
        <v>85</v>
      </c>
      <c r="P32024" t="s">
        <v>86</v>
      </c>
      <c r="Q32024">
        <v>9</v>
      </c>
      <c r="R32024">
        <v>9</v>
      </c>
      <c r="S32024">
        <v>9</v>
      </c>
      <c r="T32024">
        <v>9</v>
      </c>
      <c r="U32024">
        <v>9</v>
      </c>
      <c r="V32024">
        <v>9</v>
      </c>
      <c r="W32024">
        <v>10</v>
      </c>
      <c r="X32024">
        <v>10</v>
      </c>
      <c r="Y32024">
        <v>10</v>
      </c>
      <c r="Z32024">
        <v>10</v>
      </c>
      <c r="AA32024">
        <v>10</v>
      </c>
      <c r="AB32024">
        <v>10</v>
      </c>
      <c r="AC32024">
        <v>10</v>
      </c>
      <c r="AD32024">
        <v>10</v>
      </c>
      <c r="AE32024">
        <v>11</v>
      </c>
      <c r="AF32024">
        <v>11</v>
      </c>
      <c r="AG32024">
        <v>11</v>
      </c>
      <c r="AH32024">
        <v>11</v>
      </c>
      <c r="AI32024">
        <v>11</v>
      </c>
      <c r="AJ32024">
        <v>11</v>
      </c>
      <c r="AK32024">
        <v>11</v>
      </c>
      <c r="AL32024">
        <v>11</v>
      </c>
      <c r="AM32024">
        <v>11</v>
      </c>
      <c r="AN32024">
        <v>11</v>
      </c>
      <c r="AO32024">
        <v>11</v>
      </c>
      <c r="AP32024">
        <v>11</v>
      </c>
      <c r="AQ32024">
        <v>11</v>
      </c>
    </row>
    <row r="32025" spans="1:43">
      <c r="A32025" t="s">
        <v>19839</v>
      </c>
      <c r="B32025" t="s">
        <v>19840</v>
      </c>
      <c r="C32025" t="s">
        <v>19769</v>
      </c>
      <c r="D32025" t="s">
        <v>19770</v>
      </c>
      <c r="E32025" t="s">
        <v>19721</v>
      </c>
      <c r="F32025" t="s">
        <v>19722</v>
      </c>
      <c r="G32025" t="s">
        <v>10734</v>
      </c>
      <c r="H32025" t="s">
        <v>10735</v>
      </c>
      <c r="I32025" s="2">
        <v>0</v>
      </c>
      <c r="J32025" s="2">
        <v>0</v>
      </c>
      <c r="K32025" s="2">
        <v>1</v>
      </c>
      <c r="L32025" t="s">
        <v>995</v>
      </c>
      <c r="M32025" t="s">
        <v>83</v>
      </c>
      <c r="N32025" t="s">
        <v>91</v>
      </c>
      <c r="O32025" t="s">
        <v>85</v>
      </c>
      <c r="P32025" t="s">
        <v>86</v>
      </c>
      <c r="Q32025">
        <v>9</v>
      </c>
      <c r="R32025">
        <v>9</v>
      </c>
      <c r="S32025">
        <v>9</v>
      </c>
      <c r="T32025">
        <v>9</v>
      </c>
      <c r="U32025">
        <v>9</v>
      </c>
      <c r="V32025">
        <v>9</v>
      </c>
      <c r="W32025">
        <v>9</v>
      </c>
      <c r="X32025">
        <v>9</v>
      </c>
      <c r="Y32025">
        <v>9</v>
      </c>
      <c r="Z32025">
        <v>9</v>
      </c>
      <c r="AA32025">
        <v>9</v>
      </c>
      <c r="AB32025">
        <v>10</v>
      </c>
      <c r="AC32025">
        <v>10</v>
      </c>
      <c r="AD32025">
        <v>10</v>
      </c>
      <c r="AE32025">
        <v>10</v>
      </c>
      <c r="AF32025">
        <v>10</v>
      </c>
      <c r="AG32025">
        <v>10</v>
      </c>
      <c r="AH32025">
        <v>10</v>
      </c>
      <c r="AI32025">
        <v>10</v>
      </c>
      <c r="AJ32025">
        <v>10</v>
      </c>
      <c r="AK32025">
        <v>10</v>
      </c>
      <c r="AL32025">
        <v>10</v>
      </c>
      <c r="AM32025">
        <v>10</v>
      </c>
      <c r="AN32025">
        <v>10</v>
      </c>
      <c r="AO32025">
        <v>10</v>
      </c>
      <c r="AP32025">
        <v>11</v>
      </c>
      <c r="AQ32025">
        <v>11</v>
      </c>
    </row>
    <row r="32026" spans="1:43">
      <c r="A32026" t="s">
        <v>19841</v>
      </c>
      <c r="B32026" t="s">
        <v>19842</v>
      </c>
      <c r="C32026" t="s">
        <v>19755</v>
      </c>
      <c r="D32026" t="s">
        <v>19756</v>
      </c>
      <c r="E32026" t="s">
        <v>19721</v>
      </c>
      <c r="F32026" t="s">
        <v>19722</v>
      </c>
      <c r="G32026" t="s">
        <v>10734</v>
      </c>
      <c r="H32026" t="s">
        <v>10735</v>
      </c>
      <c r="I32026" s="2">
        <v>0</v>
      </c>
      <c r="J32026" s="2">
        <v>0</v>
      </c>
      <c r="K32026" s="2">
        <v>1</v>
      </c>
      <c r="L32026" t="s">
        <v>995</v>
      </c>
      <c r="M32026" t="s">
        <v>83</v>
      </c>
      <c r="N32026" t="s">
        <v>84</v>
      </c>
      <c r="O32026" t="s">
        <v>85</v>
      </c>
      <c r="P32026" t="s">
        <v>86</v>
      </c>
      <c r="Q32026">
        <v>46</v>
      </c>
      <c r="R32026">
        <v>47</v>
      </c>
      <c r="S32026">
        <v>47</v>
      </c>
      <c r="T32026">
        <v>48</v>
      </c>
      <c r="U32026">
        <v>48</v>
      </c>
      <c r="V32026">
        <v>49</v>
      </c>
      <c r="W32026">
        <v>49</v>
      </c>
      <c r="X32026">
        <v>50</v>
      </c>
      <c r="Y32026">
        <v>50</v>
      </c>
      <c r="Z32026">
        <v>51</v>
      </c>
      <c r="AA32026">
        <v>51</v>
      </c>
      <c r="AB32026">
        <v>52</v>
      </c>
      <c r="AC32026">
        <v>52</v>
      </c>
      <c r="AD32026">
        <v>53</v>
      </c>
      <c r="AE32026">
        <v>53</v>
      </c>
      <c r="AF32026">
        <v>54</v>
      </c>
      <c r="AG32026">
        <v>54</v>
      </c>
      <c r="AH32026">
        <v>55</v>
      </c>
      <c r="AI32026">
        <v>55</v>
      </c>
      <c r="AJ32026">
        <v>56</v>
      </c>
      <c r="AK32026">
        <v>56</v>
      </c>
      <c r="AL32026">
        <v>56</v>
      </c>
      <c r="AM32026">
        <v>57</v>
      </c>
      <c r="AN32026">
        <v>57</v>
      </c>
      <c r="AO32026">
        <v>57</v>
      </c>
      <c r="AP32026">
        <v>57</v>
      </c>
      <c r="AQ32026">
        <v>57</v>
      </c>
    </row>
    <row r="32027" spans="1:43">
      <c r="A32027" t="s">
        <v>19841</v>
      </c>
      <c r="B32027" t="s">
        <v>19842</v>
      </c>
      <c r="C32027" t="s">
        <v>19755</v>
      </c>
      <c r="D32027" t="s">
        <v>19756</v>
      </c>
      <c r="E32027" t="s">
        <v>19721</v>
      </c>
      <c r="F32027" t="s">
        <v>19722</v>
      </c>
      <c r="G32027" t="s">
        <v>10734</v>
      </c>
      <c r="H32027" t="s">
        <v>10735</v>
      </c>
      <c r="I32027" s="2">
        <v>0</v>
      </c>
      <c r="J32027" s="2">
        <v>0</v>
      </c>
      <c r="K32027" s="2">
        <v>1</v>
      </c>
      <c r="L32027" t="s">
        <v>995</v>
      </c>
      <c r="M32027" t="s">
        <v>87</v>
      </c>
      <c r="N32027" t="s">
        <v>88</v>
      </c>
      <c r="O32027" t="s">
        <v>85</v>
      </c>
      <c r="P32027" t="s">
        <v>86</v>
      </c>
      <c r="Q32027">
        <v>46</v>
      </c>
      <c r="R32027">
        <v>46</v>
      </c>
      <c r="S32027">
        <v>46</v>
      </c>
      <c r="T32027">
        <v>46</v>
      </c>
      <c r="U32027">
        <v>46</v>
      </c>
      <c r="V32027">
        <v>46</v>
      </c>
      <c r="W32027">
        <v>46</v>
      </c>
      <c r="X32027">
        <v>46</v>
      </c>
      <c r="Y32027">
        <v>46</v>
      </c>
      <c r="Z32027">
        <v>47</v>
      </c>
      <c r="AA32027">
        <v>47</v>
      </c>
      <c r="AB32027">
        <v>47</v>
      </c>
      <c r="AC32027">
        <v>47</v>
      </c>
      <c r="AD32027">
        <v>47</v>
      </c>
      <c r="AE32027">
        <v>47</v>
      </c>
      <c r="AF32027">
        <v>47</v>
      </c>
      <c r="AG32027">
        <v>47</v>
      </c>
      <c r="AH32027">
        <v>48</v>
      </c>
      <c r="AI32027">
        <v>48</v>
      </c>
      <c r="AJ32027">
        <v>48</v>
      </c>
      <c r="AK32027">
        <v>48</v>
      </c>
      <c r="AL32027">
        <v>48</v>
      </c>
      <c r="AM32027">
        <v>48</v>
      </c>
      <c r="AN32027">
        <v>49</v>
      </c>
      <c r="AO32027">
        <v>49</v>
      </c>
      <c r="AP32027">
        <v>49</v>
      </c>
      <c r="AQ32027">
        <v>49</v>
      </c>
    </row>
    <row r="32028" spans="1:43">
      <c r="A32028" t="s">
        <v>19841</v>
      </c>
      <c r="B32028" t="s">
        <v>19842</v>
      </c>
      <c r="C32028" t="s">
        <v>19755</v>
      </c>
      <c r="D32028" t="s">
        <v>19756</v>
      </c>
      <c r="E32028" t="s">
        <v>19721</v>
      </c>
      <c r="F32028" t="s">
        <v>19722</v>
      </c>
      <c r="G32028" t="s">
        <v>10734</v>
      </c>
      <c r="H32028" t="s">
        <v>10735</v>
      </c>
      <c r="I32028" s="2">
        <v>0</v>
      </c>
      <c r="J32028" s="2">
        <v>0</v>
      </c>
      <c r="K32028" s="2">
        <v>1</v>
      </c>
      <c r="L32028" t="s">
        <v>995</v>
      </c>
      <c r="M32028" t="s">
        <v>89</v>
      </c>
      <c r="N32028" t="s">
        <v>90</v>
      </c>
      <c r="O32028" t="s">
        <v>85</v>
      </c>
      <c r="P32028" t="s">
        <v>86</v>
      </c>
      <c r="Q32028">
        <v>46</v>
      </c>
      <c r="R32028">
        <v>47</v>
      </c>
      <c r="S32028">
        <v>48</v>
      </c>
      <c r="T32028">
        <v>49</v>
      </c>
      <c r="U32028">
        <v>50</v>
      </c>
      <c r="V32028">
        <v>51</v>
      </c>
      <c r="W32028">
        <v>52</v>
      </c>
      <c r="X32028">
        <v>52</v>
      </c>
      <c r="Y32028">
        <v>53</v>
      </c>
      <c r="Z32028">
        <v>54</v>
      </c>
      <c r="AA32028">
        <v>55</v>
      </c>
      <c r="AB32028">
        <v>55</v>
      </c>
      <c r="AC32028">
        <v>56</v>
      </c>
      <c r="AD32028">
        <v>57</v>
      </c>
      <c r="AE32028">
        <v>57</v>
      </c>
      <c r="AF32028">
        <v>57</v>
      </c>
      <c r="AG32028">
        <v>57</v>
      </c>
      <c r="AH32028">
        <v>57</v>
      </c>
      <c r="AI32028">
        <v>57</v>
      </c>
      <c r="AJ32028">
        <v>57</v>
      </c>
      <c r="AK32028">
        <v>57</v>
      </c>
      <c r="AL32028">
        <v>57</v>
      </c>
      <c r="AM32028">
        <v>58</v>
      </c>
      <c r="AN32028">
        <v>58</v>
      </c>
      <c r="AO32028">
        <v>58</v>
      </c>
      <c r="AP32028">
        <v>58</v>
      </c>
      <c r="AQ32028">
        <v>58</v>
      </c>
    </row>
    <row r="32029" spans="1:43">
      <c r="A32029" t="s">
        <v>19841</v>
      </c>
      <c r="B32029" t="s">
        <v>19842</v>
      </c>
      <c r="C32029" t="s">
        <v>19755</v>
      </c>
      <c r="D32029" t="s">
        <v>19756</v>
      </c>
      <c r="E32029" t="s">
        <v>19721</v>
      </c>
      <c r="F32029" t="s">
        <v>19722</v>
      </c>
      <c r="G32029" t="s">
        <v>10734</v>
      </c>
      <c r="H32029" t="s">
        <v>10735</v>
      </c>
      <c r="I32029" s="2">
        <v>0</v>
      </c>
      <c r="J32029" s="2">
        <v>0</v>
      </c>
      <c r="K32029" s="2">
        <v>1</v>
      </c>
      <c r="L32029" t="s">
        <v>995</v>
      </c>
      <c r="M32029" t="s">
        <v>83</v>
      </c>
      <c r="N32029" t="s">
        <v>91</v>
      </c>
      <c r="O32029" t="s">
        <v>85</v>
      </c>
      <c r="P32029" t="s">
        <v>86</v>
      </c>
      <c r="Q32029">
        <v>46</v>
      </c>
      <c r="R32029">
        <v>47</v>
      </c>
      <c r="S32029">
        <v>47</v>
      </c>
      <c r="T32029">
        <v>48</v>
      </c>
      <c r="U32029">
        <v>48</v>
      </c>
      <c r="V32029">
        <v>49</v>
      </c>
      <c r="W32029">
        <v>49</v>
      </c>
      <c r="X32029">
        <v>50</v>
      </c>
      <c r="Y32029">
        <v>50</v>
      </c>
      <c r="Z32029">
        <v>51</v>
      </c>
      <c r="AA32029">
        <v>51</v>
      </c>
      <c r="AB32029">
        <v>52</v>
      </c>
      <c r="AC32029">
        <v>52</v>
      </c>
      <c r="AD32029">
        <v>53</v>
      </c>
      <c r="AE32029">
        <v>53</v>
      </c>
      <c r="AF32029">
        <v>54</v>
      </c>
      <c r="AG32029">
        <v>54</v>
      </c>
      <c r="AH32029">
        <v>55</v>
      </c>
      <c r="AI32029">
        <v>55</v>
      </c>
      <c r="AJ32029">
        <v>56</v>
      </c>
      <c r="AK32029">
        <v>56</v>
      </c>
      <c r="AL32029">
        <v>56</v>
      </c>
      <c r="AM32029">
        <v>57</v>
      </c>
      <c r="AN32029">
        <v>57</v>
      </c>
      <c r="AO32029">
        <v>57</v>
      </c>
      <c r="AP32029">
        <v>57</v>
      </c>
      <c r="AQ32029">
        <v>57</v>
      </c>
    </row>
    <row r="32030" spans="1:43">
      <c r="A32030" t="s">
        <v>19843</v>
      </c>
      <c r="B32030" t="s">
        <v>19844</v>
      </c>
      <c r="C32030" t="s">
        <v>19845</v>
      </c>
      <c r="D32030" t="s">
        <v>19846</v>
      </c>
      <c r="E32030" t="s">
        <v>19721</v>
      </c>
      <c r="F32030" t="s">
        <v>19722</v>
      </c>
      <c r="G32030" t="s">
        <v>10734</v>
      </c>
      <c r="H32030" t="s">
        <v>10735</v>
      </c>
      <c r="I32030" s="2">
        <v>0</v>
      </c>
      <c r="J32030" s="2">
        <v>0</v>
      </c>
      <c r="K32030" s="2">
        <v>1</v>
      </c>
      <c r="L32030" t="s">
        <v>995</v>
      </c>
      <c r="M32030" t="s">
        <v>83</v>
      </c>
      <c r="N32030" t="s">
        <v>84</v>
      </c>
      <c r="O32030" t="s">
        <v>85</v>
      </c>
      <c r="P32030" t="s">
        <v>86</v>
      </c>
      <c r="Q32030">
        <v>35</v>
      </c>
      <c r="R32030">
        <v>35</v>
      </c>
      <c r="S32030">
        <v>36</v>
      </c>
      <c r="T32030">
        <v>36</v>
      </c>
      <c r="U32030">
        <v>37</v>
      </c>
      <c r="V32030">
        <v>37</v>
      </c>
      <c r="W32030">
        <v>37</v>
      </c>
      <c r="X32030">
        <v>38</v>
      </c>
      <c r="Y32030">
        <v>38</v>
      </c>
      <c r="Z32030">
        <v>38</v>
      </c>
      <c r="AA32030">
        <v>39</v>
      </c>
      <c r="AB32030">
        <v>39</v>
      </c>
      <c r="AC32030">
        <v>39</v>
      </c>
      <c r="AD32030">
        <v>40</v>
      </c>
      <c r="AE32030">
        <v>40</v>
      </c>
      <c r="AF32030">
        <v>40</v>
      </c>
      <c r="AG32030">
        <v>41</v>
      </c>
      <c r="AH32030">
        <v>41</v>
      </c>
      <c r="AI32030">
        <v>41</v>
      </c>
      <c r="AJ32030">
        <v>42</v>
      </c>
      <c r="AK32030">
        <v>42</v>
      </c>
      <c r="AL32030">
        <v>42</v>
      </c>
      <c r="AM32030">
        <v>42</v>
      </c>
      <c r="AN32030">
        <v>42</v>
      </c>
      <c r="AO32030">
        <v>42</v>
      </c>
      <c r="AP32030">
        <v>42</v>
      </c>
      <c r="AQ32030">
        <v>42</v>
      </c>
    </row>
    <row r="32031" spans="1:43">
      <c r="A32031" t="s">
        <v>19843</v>
      </c>
      <c r="B32031" t="s">
        <v>19844</v>
      </c>
      <c r="C32031" t="s">
        <v>19845</v>
      </c>
      <c r="D32031" t="s">
        <v>19846</v>
      </c>
      <c r="E32031" t="s">
        <v>19721</v>
      </c>
      <c r="F32031" t="s">
        <v>19722</v>
      </c>
      <c r="G32031" t="s">
        <v>10734</v>
      </c>
      <c r="H32031" t="s">
        <v>10735</v>
      </c>
      <c r="I32031" s="2">
        <v>0</v>
      </c>
      <c r="J32031" s="2">
        <v>0</v>
      </c>
      <c r="K32031" s="2">
        <v>1</v>
      </c>
      <c r="L32031" t="s">
        <v>995</v>
      </c>
      <c r="M32031" t="s">
        <v>87</v>
      </c>
      <c r="N32031" t="s">
        <v>88</v>
      </c>
      <c r="O32031" t="s">
        <v>85</v>
      </c>
      <c r="P32031" t="s">
        <v>86</v>
      </c>
      <c r="Q32031">
        <v>35</v>
      </c>
      <c r="R32031">
        <v>35</v>
      </c>
      <c r="S32031">
        <v>35</v>
      </c>
      <c r="T32031">
        <v>35</v>
      </c>
      <c r="U32031">
        <v>35</v>
      </c>
      <c r="V32031">
        <v>35</v>
      </c>
      <c r="W32031">
        <v>35</v>
      </c>
      <c r="X32031">
        <v>35</v>
      </c>
      <c r="Y32031">
        <v>35</v>
      </c>
      <c r="Z32031">
        <v>35</v>
      </c>
      <c r="AA32031">
        <v>35</v>
      </c>
      <c r="AB32031">
        <v>35</v>
      </c>
      <c r="AC32031">
        <v>35</v>
      </c>
      <c r="AD32031">
        <v>35</v>
      </c>
      <c r="AE32031">
        <v>35</v>
      </c>
      <c r="AF32031">
        <v>35</v>
      </c>
      <c r="AG32031">
        <v>36</v>
      </c>
      <c r="AH32031">
        <v>36</v>
      </c>
      <c r="AI32031">
        <v>36</v>
      </c>
      <c r="AJ32031">
        <v>36</v>
      </c>
      <c r="AK32031">
        <v>36</v>
      </c>
      <c r="AL32031">
        <v>36</v>
      </c>
      <c r="AM32031">
        <v>36</v>
      </c>
      <c r="AN32031">
        <v>36</v>
      </c>
      <c r="AO32031">
        <v>36</v>
      </c>
      <c r="AP32031">
        <v>36</v>
      </c>
      <c r="AQ32031">
        <v>37</v>
      </c>
    </row>
    <row r="32032" spans="1:43">
      <c r="A32032" t="s">
        <v>19843</v>
      </c>
      <c r="B32032" t="s">
        <v>19844</v>
      </c>
      <c r="C32032" t="s">
        <v>19845</v>
      </c>
      <c r="D32032" t="s">
        <v>19846</v>
      </c>
      <c r="E32032" t="s">
        <v>19721</v>
      </c>
      <c r="F32032" t="s">
        <v>19722</v>
      </c>
      <c r="G32032" t="s">
        <v>10734</v>
      </c>
      <c r="H32032" t="s">
        <v>10735</v>
      </c>
      <c r="I32032" s="2">
        <v>0</v>
      </c>
      <c r="J32032" s="2">
        <v>0</v>
      </c>
      <c r="K32032" s="2">
        <v>1</v>
      </c>
      <c r="L32032" t="s">
        <v>995</v>
      </c>
      <c r="M32032" t="s">
        <v>89</v>
      </c>
      <c r="N32032" t="s">
        <v>90</v>
      </c>
      <c r="O32032" t="s">
        <v>85</v>
      </c>
      <c r="P32032" t="s">
        <v>86</v>
      </c>
      <c r="Q32032">
        <v>35</v>
      </c>
      <c r="R32032">
        <v>36</v>
      </c>
      <c r="S32032">
        <v>37</v>
      </c>
      <c r="T32032">
        <v>37</v>
      </c>
      <c r="U32032">
        <v>38</v>
      </c>
      <c r="V32032">
        <v>39</v>
      </c>
      <c r="W32032">
        <v>39</v>
      </c>
      <c r="X32032">
        <v>40</v>
      </c>
      <c r="Y32032">
        <v>40</v>
      </c>
      <c r="Z32032">
        <v>41</v>
      </c>
      <c r="AA32032">
        <v>41</v>
      </c>
      <c r="AB32032">
        <v>42</v>
      </c>
      <c r="AC32032">
        <v>42</v>
      </c>
      <c r="AD32032">
        <v>43</v>
      </c>
      <c r="AE32032">
        <v>43</v>
      </c>
      <c r="AF32032">
        <v>43</v>
      </c>
      <c r="AG32032">
        <v>43</v>
      </c>
      <c r="AH32032">
        <v>43</v>
      </c>
      <c r="AI32032">
        <v>43</v>
      </c>
      <c r="AJ32032">
        <v>43</v>
      </c>
      <c r="AK32032">
        <v>43</v>
      </c>
      <c r="AL32032">
        <v>43</v>
      </c>
      <c r="AM32032">
        <v>43</v>
      </c>
      <c r="AN32032">
        <v>43</v>
      </c>
      <c r="AO32032">
        <v>43</v>
      </c>
      <c r="AP32032">
        <v>43</v>
      </c>
      <c r="AQ32032">
        <v>43</v>
      </c>
    </row>
    <row r="32033" spans="1:43">
      <c r="A32033" t="s">
        <v>19843</v>
      </c>
      <c r="B32033" t="s">
        <v>19844</v>
      </c>
      <c r="C32033" t="s">
        <v>19845</v>
      </c>
      <c r="D32033" t="s">
        <v>19846</v>
      </c>
      <c r="E32033" t="s">
        <v>19721</v>
      </c>
      <c r="F32033" t="s">
        <v>19722</v>
      </c>
      <c r="G32033" t="s">
        <v>10734</v>
      </c>
      <c r="H32033" t="s">
        <v>10735</v>
      </c>
      <c r="I32033" s="2">
        <v>0</v>
      </c>
      <c r="J32033" s="2">
        <v>0</v>
      </c>
      <c r="K32033" s="2">
        <v>1</v>
      </c>
      <c r="L32033" t="s">
        <v>995</v>
      </c>
      <c r="M32033" t="s">
        <v>83</v>
      </c>
      <c r="N32033" t="s">
        <v>91</v>
      </c>
      <c r="O32033" t="s">
        <v>85</v>
      </c>
      <c r="P32033" t="s">
        <v>86</v>
      </c>
      <c r="Q32033">
        <v>35</v>
      </c>
      <c r="R32033">
        <v>35</v>
      </c>
      <c r="S32033">
        <v>36</v>
      </c>
      <c r="T32033">
        <v>36</v>
      </c>
      <c r="U32033">
        <v>37</v>
      </c>
      <c r="V32033">
        <v>37</v>
      </c>
      <c r="W32033">
        <v>37</v>
      </c>
      <c r="X32033">
        <v>38</v>
      </c>
      <c r="Y32033">
        <v>38</v>
      </c>
      <c r="Z32033">
        <v>38</v>
      </c>
      <c r="AA32033">
        <v>39</v>
      </c>
      <c r="AB32033">
        <v>39</v>
      </c>
      <c r="AC32033">
        <v>39</v>
      </c>
      <c r="AD32033">
        <v>40</v>
      </c>
      <c r="AE32033">
        <v>40</v>
      </c>
      <c r="AF32033">
        <v>40</v>
      </c>
      <c r="AG32033">
        <v>41</v>
      </c>
      <c r="AH32033">
        <v>41</v>
      </c>
      <c r="AI32033">
        <v>41</v>
      </c>
      <c r="AJ32033">
        <v>42</v>
      </c>
      <c r="AK32033">
        <v>42</v>
      </c>
      <c r="AL32033">
        <v>42</v>
      </c>
      <c r="AM32033">
        <v>42</v>
      </c>
      <c r="AN32033">
        <v>42</v>
      </c>
      <c r="AO32033">
        <v>42</v>
      </c>
      <c r="AP32033">
        <v>42</v>
      </c>
      <c r="AQ32033">
        <v>42</v>
      </c>
    </row>
    <row r="32034" spans="1:43">
      <c r="A32034" t="s">
        <v>19847</v>
      </c>
      <c r="B32034" t="s">
        <v>19848</v>
      </c>
      <c r="C32034" t="s">
        <v>19845</v>
      </c>
      <c r="D32034" t="s">
        <v>19846</v>
      </c>
      <c r="E32034" t="s">
        <v>19721</v>
      </c>
      <c r="F32034" t="s">
        <v>19722</v>
      </c>
      <c r="G32034" t="s">
        <v>10734</v>
      </c>
      <c r="H32034" t="s">
        <v>10735</v>
      </c>
      <c r="I32034" s="2">
        <v>0</v>
      </c>
      <c r="J32034" s="2">
        <v>0</v>
      </c>
      <c r="K32034" s="2">
        <v>1</v>
      </c>
      <c r="L32034" t="s">
        <v>995</v>
      </c>
      <c r="M32034" t="s">
        <v>83</v>
      </c>
      <c r="N32034" t="s">
        <v>84</v>
      </c>
      <c r="O32034" t="s">
        <v>85</v>
      </c>
      <c r="P32034" t="s">
        <v>86</v>
      </c>
      <c r="Q32034">
        <v>8</v>
      </c>
      <c r="R32034">
        <v>8</v>
      </c>
      <c r="S32034">
        <v>8</v>
      </c>
      <c r="T32034">
        <v>8</v>
      </c>
      <c r="U32034">
        <v>9</v>
      </c>
      <c r="V32034">
        <v>9</v>
      </c>
      <c r="W32034">
        <v>9</v>
      </c>
      <c r="X32034">
        <v>9</v>
      </c>
      <c r="Y32034">
        <v>9</v>
      </c>
      <c r="Z32034">
        <v>9</v>
      </c>
      <c r="AA32034">
        <v>9</v>
      </c>
      <c r="AB32034">
        <v>9</v>
      </c>
      <c r="AC32034">
        <v>9</v>
      </c>
      <c r="AD32034">
        <v>9</v>
      </c>
      <c r="AE32034">
        <v>9</v>
      </c>
      <c r="AF32034">
        <v>9</v>
      </c>
      <c r="AG32034">
        <v>9</v>
      </c>
      <c r="AH32034">
        <v>10</v>
      </c>
      <c r="AI32034">
        <v>10</v>
      </c>
      <c r="AJ32034">
        <v>10</v>
      </c>
      <c r="AK32034">
        <v>10</v>
      </c>
      <c r="AL32034">
        <v>10</v>
      </c>
      <c r="AM32034">
        <v>10</v>
      </c>
      <c r="AN32034">
        <v>10</v>
      </c>
      <c r="AO32034">
        <v>10</v>
      </c>
      <c r="AP32034">
        <v>10</v>
      </c>
      <c r="AQ32034">
        <v>10</v>
      </c>
    </row>
    <row r="32035" spans="1:43">
      <c r="A32035" t="s">
        <v>19847</v>
      </c>
      <c r="B32035" t="s">
        <v>19848</v>
      </c>
      <c r="C32035" t="s">
        <v>19845</v>
      </c>
      <c r="D32035" t="s">
        <v>19846</v>
      </c>
      <c r="E32035" t="s">
        <v>19721</v>
      </c>
      <c r="F32035" t="s">
        <v>19722</v>
      </c>
      <c r="G32035" t="s">
        <v>10734</v>
      </c>
      <c r="H32035" t="s">
        <v>10735</v>
      </c>
      <c r="I32035" s="2">
        <v>0</v>
      </c>
      <c r="J32035" s="2">
        <v>0</v>
      </c>
      <c r="K32035" s="2">
        <v>1</v>
      </c>
      <c r="L32035" t="s">
        <v>995</v>
      </c>
      <c r="M32035" t="s">
        <v>87</v>
      </c>
      <c r="N32035" t="s">
        <v>88</v>
      </c>
      <c r="O32035" t="s">
        <v>85</v>
      </c>
      <c r="P32035" t="s">
        <v>86</v>
      </c>
      <c r="Q32035">
        <v>8</v>
      </c>
      <c r="R32035">
        <v>8</v>
      </c>
      <c r="S32035">
        <v>8</v>
      </c>
      <c r="T32035">
        <v>8</v>
      </c>
      <c r="U32035">
        <v>8</v>
      </c>
      <c r="V32035">
        <v>8</v>
      </c>
      <c r="W32035">
        <v>8</v>
      </c>
      <c r="X32035">
        <v>8</v>
      </c>
      <c r="Y32035">
        <v>8</v>
      </c>
      <c r="Z32035">
        <v>8</v>
      </c>
      <c r="AA32035">
        <v>8</v>
      </c>
      <c r="AB32035">
        <v>8</v>
      </c>
      <c r="AC32035">
        <v>8</v>
      </c>
      <c r="AD32035">
        <v>8</v>
      </c>
      <c r="AE32035">
        <v>8</v>
      </c>
      <c r="AF32035">
        <v>8</v>
      </c>
      <c r="AG32035">
        <v>8</v>
      </c>
      <c r="AH32035">
        <v>8</v>
      </c>
      <c r="AI32035">
        <v>8</v>
      </c>
      <c r="AJ32035">
        <v>8</v>
      </c>
      <c r="AK32035">
        <v>8</v>
      </c>
      <c r="AL32035">
        <v>8</v>
      </c>
      <c r="AM32035">
        <v>8</v>
      </c>
      <c r="AN32035">
        <v>8</v>
      </c>
      <c r="AO32035">
        <v>8</v>
      </c>
      <c r="AP32035">
        <v>8</v>
      </c>
      <c r="AQ32035">
        <v>8</v>
      </c>
    </row>
    <row r="32036" spans="1:43">
      <c r="A32036" t="s">
        <v>19847</v>
      </c>
      <c r="B32036" t="s">
        <v>19848</v>
      </c>
      <c r="C32036" t="s">
        <v>19845</v>
      </c>
      <c r="D32036" t="s">
        <v>19846</v>
      </c>
      <c r="E32036" t="s">
        <v>19721</v>
      </c>
      <c r="F32036" t="s">
        <v>19722</v>
      </c>
      <c r="G32036" t="s">
        <v>10734</v>
      </c>
      <c r="H32036" t="s">
        <v>10735</v>
      </c>
      <c r="I32036" s="2">
        <v>0</v>
      </c>
      <c r="J32036" s="2">
        <v>0</v>
      </c>
      <c r="K32036" s="2">
        <v>1</v>
      </c>
      <c r="L32036" t="s">
        <v>995</v>
      </c>
      <c r="M32036" t="s">
        <v>89</v>
      </c>
      <c r="N32036" t="s">
        <v>90</v>
      </c>
      <c r="O32036" t="s">
        <v>85</v>
      </c>
      <c r="P32036" t="s">
        <v>86</v>
      </c>
      <c r="Q32036">
        <v>8</v>
      </c>
      <c r="R32036">
        <v>8</v>
      </c>
      <c r="S32036">
        <v>9</v>
      </c>
      <c r="T32036">
        <v>9</v>
      </c>
      <c r="U32036">
        <v>9</v>
      </c>
      <c r="V32036">
        <v>9</v>
      </c>
      <c r="W32036">
        <v>9</v>
      </c>
      <c r="X32036">
        <v>9</v>
      </c>
      <c r="Y32036">
        <v>9</v>
      </c>
      <c r="Z32036">
        <v>9</v>
      </c>
      <c r="AA32036">
        <v>10</v>
      </c>
      <c r="AB32036">
        <v>10</v>
      </c>
      <c r="AC32036">
        <v>10</v>
      </c>
      <c r="AD32036">
        <v>10</v>
      </c>
      <c r="AE32036">
        <v>10</v>
      </c>
      <c r="AF32036">
        <v>10</v>
      </c>
      <c r="AG32036">
        <v>10</v>
      </c>
      <c r="AH32036">
        <v>10</v>
      </c>
      <c r="AI32036">
        <v>10</v>
      </c>
      <c r="AJ32036">
        <v>10</v>
      </c>
      <c r="AK32036">
        <v>10</v>
      </c>
      <c r="AL32036">
        <v>10</v>
      </c>
      <c r="AM32036">
        <v>10</v>
      </c>
      <c r="AN32036">
        <v>10</v>
      </c>
      <c r="AO32036">
        <v>10</v>
      </c>
      <c r="AP32036">
        <v>10</v>
      </c>
      <c r="AQ32036">
        <v>10</v>
      </c>
    </row>
    <row r="32037" spans="1:43">
      <c r="A32037" t="s">
        <v>19847</v>
      </c>
      <c r="B32037" t="s">
        <v>19848</v>
      </c>
      <c r="C32037" t="s">
        <v>19845</v>
      </c>
      <c r="D32037" t="s">
        <v>19846</v>
      </c>
      <c r="E32037" t="s">
        <v>19721</v>
      </c>
      <c r="F32037" t="s">
        <v>19722</v>
      </c>
      <c r="G32037" t="s">
        <v>10734</v>
      </c>
      <c r="H32037" t="s">
        <v>10735</v>
      </c>
      <c r="I32037" s="2">
        <v>0</v>
      </c>
      <c r="J32037" s="2">
        <v>0</v>
      </c>
      <c r="K32037" s="2">
        <v>1</v>
      </c>
      <c r="L32037" t="s">
        <v>995</v>
      </c>
      <c r="M32037" t="s">
        <v>83</v>
      </c>
      <c r="N32037" t="s">
        <v>91</v>
      </c>
      <c r="O32037" t="s">
        <v>85</v>
      </c>
      <c r="P32037" t="s">
        <v>86</v>
      </c>
      <c r="Q32037">
        <v>8</v>
      </c>
      <c r="R32037">
        <v>8</v>
      </c>
      <c r="S32037">
        <v>8</v>
      </c>
      <c r="T32037">
        <v>8</v>
      </c>
      <c r="U32037">
        <v>9</v>
      </c>
      <c r="V32037">
        <v>9</v>
      </c>
      <c r="W32037">
        <v>9</v>
      </c>
      <c r="X32037">
        <v>9</v>
      </c>
      <c r="Y32037">
        <v>9</v>
      </c>
      <c r="Z32037">
        <v>9</v>
      </c>
      <c r="AA32037">
        <v>9</v>
      </c>
      <c r="AB32037">
        <v>9</v>
      </c>
      <c r="AC32037">
        <v>9</v>
      </c>
      <c r="AD32037">
        <v>9</v>
      </c>
      <c r="AE32037">
        <v>9</v>
      </c>
      <c r="AF32037">
        <v>9</v>
      </c>
      <c r="AG32037">
        <v>9</v>
      </c>
      <c r="AH32037">
        <v>10</v>
      </c>
      <c r="AI32037">
        <v>10</v>
      </c>
      <c r="AJ32037">
        <v>10</v>
      </c>
      <c r="AK32037">
        <v>10</v>
      </c>
      <c r="AL32037">
        <v>10</v>
      </c>
      <c r="AM32037">
        <v>10</v>
      </c>
      <c r="AN32037">
        <v>10</v>
      </c>
      <c r="AO32037">
        <v>10</v>
      </c>
      <c r="AP32037">
        <v>10</v>
      </c>
      <c r="AQ32037">
        <v>10</v>
      </c>
    </row>
    <row r="32038" spans="1:43">
      <c r="A32038" t="s">
        <v>19849</v>
      </c>
      <c r="B32038" t="s">
        <v>19850</v>
      </c>
      <c r="C32038" t="s">
        <v>19845</v>
      </c>
      <c r="D32038" t="s">
        <v>19846</v>
      </c>
      <c r="E32038" t="s">
        <v>19721</v>
      </c>
      <c r="F32038" t="s">
        <v>19722</v>
      </c>
      <c r="G32038" t="s">
        <v>10734</v>
      </c>
      <c r="H32038" t="s">
        <v>10735</v>
      </c>
      <c r="I32038" s="2">
        <v>0</v>
      </c>
      <c r="J32038" s="2">
        <v>0</v>
      </c>
      <c r="K32038" s="2">
        <v>1</v>
      </c>
      <c r="L32038" t="s">
        <v>995</v>
      </c>
      <c r="M32038" t="s">
        <v>83</v>
      </c>
      <c r="N32038" t="s">
        <v>84</v>
      </c>
      <c r="O32038" t="s">
        <v>85</v>
      </c>
      <c r="P32038" t="s">
        <v>86</v>
      </c>
      <c r="Q32038">
        <v>29</v>
      </c>
      <c r="R32038">
        <v>30</v>
      </c>
      <c r="S32038">
        <v>30</v>
      </c>
      <c r="T32038">
        <v>30</v>
      </c>
      <c r="U32038">
        <v>30</v>
      </c>
      <c r="V32038">
        <v>31</v>
      </c>
      <c r="W32038">
        <v>31</v>
      </c>
      <c r="X32038">
        <v>31</v>
      </c>
      <c r="Y32038">
        <v>32</v>
      </c>
      <c r="Z32038">
        <v>32</v>
      </c>
      <c r="AA32038">
        <v>32</v>
      </c>
      <c r="AB32038">
        <v>33</v>
      </c>
      <c r="AC32038">
        <v>33</v>
      </c>
      <c r="AD32038">
        <v>33</v>
      </c>
      <c r="AE32038">
        <v>33</v>
      </c>
      <c r="AF32038">
        <v>34</v>
      </c>
      <c r="AG32038">
        <v>34</v>
      </c>
      <c r="AH32038">
        <v>34</v>
      </c>
      <c r="AI32038">
        <v>34</v>
      </c>
      <c r="AJ32038">
        <v>35</v>
      </c>
      <c r="AK32038">
        <v>35</v>
      </c>
      <c r="AL32038">
        <v>35</v>
      </c>
      <c r="AM32038">
        <v>35</v>
      </c>
      <c r="AN32038">
        <v>35</v>
      </c>
      <c r="AO32038">
        <v>35</v>
      </c>
      <c r="AP32038">
        <v>35</v>
      </c>
      <c r="AQ32038">
        <v>35</v>
      </c>
    </row>
    <row r="32039" spans="1:43">
      <c r="A32039" t="s">
        <v>19849</v>
      </c>
      <c r="B32039" t="s">
        <v>19850</v>
      </c>
      <c r="C32039" t="s">
        <v>19845</v>
      </c>
      <c r="D32039" t="s">
        <v>19846</v>
      </c>
      <c r="E32039" t="s">
        <v>19721</v>
      </c>
      <c r="F32039" t="s">
        <v>19722</v>
      </c>
      <c r="G32039" t="s">
        <v>10734</v>
      </c>
      <c r="H32039" t="s">
        <v>10735</v>
      </c>
      <c r="I32039" s="2">
        <v>0</v>
      </c>
      <c r="J32039" s="2">
        <v>0</v>
      </c>
      <c r="K32039" s="2">
        <v>1</v>
      </c>
      <c r="L32039" t="s">
        <v>995</v>
      </c>
      <c r="M32039" t="s">
        <v>87</v>
      </c>
      <c r="N32039" t="s">
        <v>88</v>
      </c>
      <c r="O32039" t="s">
        <v>85</v>
      </c>
      <c r="P32039" t="s">
        <v>86</v>
      </c>
      <c r="Q32039">
        <v>29</v>
      </c>
      <c r="R32039">
        <v>29</v>
      </c>
      <c r="S32039">
        <v>29</v>
      </c>
      <c r="T32039">
        <v>29</v>
      </c>
      <c r="U32039">
        <v>29</v>
      </c>
      <c r="V32039">
        <v>29</v>
      </c>
      <c r="W32039">
        <v>29</v>
      </c>
      <c r="X32039">
        <v>29</v>
      </c>
      <c r="Y32039">
        <v>29</v>
      </c>
      <c r="Z32039">
        <v>29</v>
      </c>
      <c r="AA32039">
        <v>29</v>
      </c>
      <c r="AB32039">
        <v>29</v>
      </c>
      <c r="AC32039">
        <v>29</v>
      </c>
      <c r="AD32039">
        <v>30</v>
      </c>
      <c r="AE32039">
        <v>30</v>
      </c>
      <c r="AF32039">
        <v>30</v>
      </c>
      <c r="AG32039">
        <v>30</v>
      </c>
      <c r="AH32039">
        <v>30</v>
      </c>
      <c r="AI32039">
        <v>30</v>
      </c>
      <c r="AJ32039">
        <v>30</v>
      </c>
      <c r="AK32039">
        <v>30</v>
      </c>
      <c r="AL32039">
        <v>30</v>
      </c>
      <c r="AM32039">
        <v>30</v>
      </c>
      <c r="AN32039">
        <v>30</v>
      </c>
      <c r="AO32039">
        <v>30</v>
      </c>
      <c r="AP32039">
        <v>31</v>
      </c>
      <c r="AQ32039">
        <v>31</v>
      </c>
    </row>
    <row r="32040" spans="1:43">
      <c r="A32040" t="s">
        <v>19849</v>
      </c>
      <c r="B32040" t="s">
        <v>19850</v>
      </c>
      <c r="C32040" t="s">
        <v>19845</v>
      </c>
      <c r="D32040" t="s">
        <v>19846</v>
      </c>
      <c r="E32040" t="s">
        <v>19721</v>
      </c>
      <c r="F32040" t="s">
        <v>19722</v>
      </c>
      <c r="G32040" t="s">
        <v>10734</v>
      </c>
      <c r="H32040" t="s">
        <v>10735</v>
      </c>
      <c r="I32040" s="2">
        <v>0</v>
      </c>
      <c r="J32040" s="2">
        <v>0</v>
      </c>
      <c r="K32040" s="2">
        <v>1</v>
      </c>
      <c r="L32040" t="s">
        <v>995</v>
      </c>
      <c r="M32040" t="s">
        <v>89</v>
      </c>
      <c r="N32040" t="s">
        <v>90</v>
      </c>
      <c r="O32040" t="s">
        <v>85</v>
      </c>
      <c r="P32040" t="s">
        <v>86</v>
      </c>
      <c r="Q32040">
        <v>29</v>
      </c>
      <c r="R32040">
        <v>30</v>
      </c>
      <c r="S32040">
        <v>31</v>
      </c>
      <c r="T32040">
        <v>31</v>
      </c>
      <c r="U32040">
        <v>32</v>
      </c>
      <c r="V32040">
        <v>32</v>
      </c>
      <c r="W32040">
        <v>33</v>
      </c>
      <c r="X32040">
        <v>33</v>
      </c>
      <c r="Y32040">
        <v>34</v>
      </c>
      <c r="Z32040">
        <v>34</v>
      </c>
      <c r="AA32040">
        <v>34</v>
      </c>
      <c r="AB32040">
        <v>35</v>
      </c>
      <c r="AC32040">
        <v>35</v>
      </c>
      <c r="AD32040">
        <v>35</v>
      </c>
      <c r="AE32040">
        <v>36</v>
      </c>
      <c r="AF32040">
        <v>36</v>
      </c>
      <c r="AG32040">
        <v>36</v>
      </c>
      <c r="AH32040">
        <v>36</v>
      </c>
      <c r="AI32040">
        <v>36</v>
      </c>
      <c r="AJ32040">
        <v>36</v>
      </c>
      <c r="AK32040">
        <v>36</v>
      </c>
      <c r="AL32040">
        <v>36</v>
      </c>
      <c r="AM32040">
        <v>36</v>
      </c>
      <c r="AN32040">
        <v>36</v>
      </c>
      <c r="AO32040">
        <v>36</v>
      </c>
      <c r="AP32040">
        <v>36</v>
      </c>
      <c r="AQ32040">
        <v>36</v>
      </c>
    </row>
    <row r="32041" spans="1:43">
      <c r="A32041" t="s">
        <v>19849</v>
      </c>
      <c r="B32041" t="s">
        <v>19850</v>
      </c>
      <c r="C32041" t="s">
        <v>19845</v>
      </c>
      <c r="D32041" t="s">
        <v>19846</v>
      </c>
      <c r="E32041" t="s">
        <v>19721</v>
      </c>
      <c r="F32041" t="s">
        <v>19722</v>
      </c>
      <c r="G32041" t="s">
        <v>10734</v>
      </c>
      <c r="H32041" t="s">
        <v>10735</v>
      </c>
      <c r="I32041" s="2">
        <v>0</v>
      </c>
      <c r="J32041" s="2">
        <v>0</v>
      </c>
      <c r="K32041" s="2">
        <v>1</v>
      </c>
      <c r="L32041" t="s">
        <v>995</v>
      </c>
      <c r="M32041" t="s">
        <v>83</v>
      </c>
      <c r="N32041" t="s">
        <v>91</v>
      </c>
      <c r="O32041" t="s">
        <v>85</v>
      </c>
      <c r="P32041" t="s">
        <v>86</v>
      </c>
      <c r="Q32041">
        <v>29</v>
      </c>
      <c r="R32041">
        <v>30</v>
      </c>
      <c r="S32041">
        <v>30</v>
      </c>
      <c r="T32041">
        <v>30</v>
      </c>
      <c r="U32041">
        <v>30</v>
      </c>
      <c r="V32041">
        <v>31</v>
      </c>
      <c r="W32041">
        <v>31</v>
      </c>
      <c r="X32041">
        <v>31</v>
      </c>
      <c r="Y32041">
        <v>32</v>
      </c>
      <c r="Z32041">
        <v>32</v>
      </c>
      <c r="AA32041">
        <v>32</v>
      </c>
      <c r="AB32041">
        <v>33</v>
      </c>
      <c r="AC32041">
        <v>33</v>
      </c>
      <c r="AD32041">
        <v>33</v>
      </c>
      <c r="AE32041">
        <v>33</v>
      </c>
      <c r="AF32041">
        <v>34</v>
      </c>
      <c r="AG32041">
        <v>34</v>
      </c>
      <c r="AH32041">
        <v>34</v>
      </c>
      <c r="AI32041">
        <v>34</v>
      </c>
      <c r="AJ32041">
        <v>35</v>
      </c>
      <c r="AK32041">
        <v>35</v>
      </c>
      <c r="AL32041">
        <v>35</v>
      </c>
      <c r="AM32041">
        <v>35</v>
      </c>
      <c r="AN32041">
        <v>35</v>
      </c>
      <c r="AO32041">
        <v>35</v>
      </c>
      <c r="AP32041">
        <v>35</v>
      </c>
      <c r="AQ32041">
        <v>35</v>
      </c>
    </row>
    <row r="32042" spans="1:43">
      <c r="A32042" t="s">
        <v>19851</v>
      </c>
      <c r="B32042" t="s">
        <v>19852</v>
      </c>
      <c r="C32042" t="s">
        <v>19845</v>
      </c>
      <c r="D32042" t="s">
        <v>19846</v>
      </c>
      <c r="E32042" t="s">
        <v>19721</v>
      </c>
      <c r="F32042" t="s">
        <v>19722</v>
      </c>
      <c r="G32042" t="s">
        <v>10734</v>
      </c>
      <c r="H32042" t="s">
        <v>10735</v>
      </c>
      <c r="I32042" s="2">
        <v>0</v>
      </c>
      <c r="J32042" s="2">
        <v>0</v>
      </c>
      <c r="K32042" s="2">
        <v>1</v>
      </c>
      <c r="L32042" t="s">
        <v>995</v>
      </c>
      <c r="M32042" t="s">
        <v>83</v>
      </c>
      <c r="N32042" t="s">
        <v>84</v>
      </c>
      <c r="O32042" t="s">
        <v>85</v>
      </c>
      <c r="P32042" t="s">
        <v>86</v>
      </c>
      <c r="Q32042">
        <v>9</v>
      </c>
      <c r="R32042">
        <v>9</v>
      </c>
      <c r="S32042">
        <v>9</v>
      </c>
      <c r="T32042">
        <v>9</v>
      </c>
      <c r="U32042">
        <v>9</v>
      </c>
      <c r="V32042">
        <v>9</v>
      </c>
      <c r="W32042">
        <v>9</v>
      </c>
      <c r="X32042">
        <v>9</v>
      </c>
      <c r="Y32042">
        <v>9</v>
      </c>
      <c r="Z32042">
        <v>9</v>
      </c>
      <c r="AA32042">
        <v>9</v>
      </c>
      <c r="AB32042">
        <v>9</v>
      </c>
      <c r="AC32042">
        <v>10</v>
      </c>
      <c r="AD32042">
        <v>10</v>
      </c>
      <c r="AE32042">
        <v>10</v>
      </c>
      <c r="AF32042">
        <v>10</v>
      </c>
      <c r="AG32042">
        <v>10</v>
      </c>
      <c r="AH32042">
        <v>10</v>
      </c>
      <c r="AI32042">
        <v>10</v>
      </c>
      <c r="AJ32042">
        <v>10</v>
      </c>
      <c r="AK32042">
        <v>10</v>
      </c>
      <c r="AL32042">
        <v>10</v>
      </c>
      <c r="AM32042">
        <v>10</v>
      </c>
      <c r="AN32042">
        <v>10</v>
      </c>
      <c r="AO32042">
        <v>10</v>
      </c>
      <c r="AP32042">
        <v>10</v>
      </c>
      <c r="AQ32042">
        <v>10</v>
      </c>
    </row>
    <row r="32043" spans="1:43">
      <c r="A32043" t="s">
        <v>19851</v>
      </c>
      <c r="B32043" t="s">
        <v>19852</v>
      </c>
      <c r="C32043" t="s">
        <v>19845</v>
      </c>
      <c r="D32043" t="s">
        <v>19846</v>
      </c>
      <c r="E32043" t="s">
        <v>19721</v>
      </c>
      <c r="F32043" t="s">
        <v>19722</v>
      </c>
      <c r="G32043" t="s">
        <v>10734</v>
      </c>
      <c r="H32043" t="s">
        <v>10735</v>
      </c>
      <c r="I32043" s="2">
        <v>0</v>
      </c>
      <c r="J32043" s="2">
        <v>0</v>
      </c>
      <c r="K32043" s="2">
        <v>1</v>
      </c>
      <c r="L32043" t="s">
        <v>995</v>
      </c>
      <c r="M32043" t="s">
        <v>87</v>
      </c>
      <c r="N32043" t="s">
        <v>88</v>
      </c>
      <c r="O32043" t="s">
        <v>85</v>
      </c>
      <c r="P32043" t="s">
        <v>86</v>
      </c>
      <c r="Q32043">
        <v>9</v>
      </c>
      <c r="R32043">
        <v>9</v>
      </c>
      <c r="S32043">
        <v>10</v>
      </c>
      <c r="T32043">
        <v>10</v>
      </c>
      <c r="U32043">
        <v>10</v>
      </c>
      <c r="V32043">
        <v>10</v>
      </c>
      <c r="W32043">
        <v>10</v>
      </c>
      <c r="X32043">
        <v>10</v>
      </c>
      <c r="Y32043">
        <v>10</v>
      </c>
      <c r="Z32043">
        <v>10</v>
      </c>
      <c r="AA32043">
        <v>10</v>
      </c>
      <c r="AB32043">
        <v>10</v>
      </c>
      <c r="AC32043">
        <v>10</v>
      </c>
      <c r="AD32043">
        <v>10</v>
      </c>
      <c r="AE32043">
        <v>10</v>
      </c>
      <c r="AF32043">
        <v>10</v>
      </c>
      <c r="AG32043">
        <v>10</v>
      </c>
      <c r="AH32043">
        <v>10</v>
      </c>
      <c r="AI32043">
        <v>10</v>
      </c>
      <c r="AJ32043">
        <v>10</v>
      </c>
      <c r="AK32043">
        <v>10</v>
      </c>
      <c r="AL32043">
        <v>10</v>
      </c>
      <c r="AM32043">
        <v>10</v>
      </c>
      <c r="AN32043">
        <v>10</v>
      </c>
      <c r="AO32043">
        <v>10</v>
      </c>
      <c r="AP32043">
        <v>10</v>
      </c>
      <c r="AQ32043">
        <v>10</v>
      </c>
    </row>
    <row r="32044" spans="1:43">
      <c r="A32044" t="s">
        <v>19851</v>
      </c>
      <c r="B32044" t="s">
        <v>19852</v>
      </c>
      <c r="C32044" t="s">
        <v>19845</v>
      </c>
      <c r="D32044" t="s">
        <v>19846</v>
      </c>
      <c r="E32044" t="s">
        <v>19721</v>
      </c>
      <c r="F32044" t="s">
        <v>19722</v>
      </c>
      <c r="G32044" t="s">
        <v>10734</v>
      </c>
      <c r="H32044" t="s">
        <v>10735</v>
      </c>
      <c r="I32044" s="2">
        <v>0</v>
      </c>
      <c r="J32044" s="2">
        <v>0</v>
      </c>
      <c r="K32044" s="2">
        <v>1</v>
      </c>
      <c r="L32044" t="s">
        <v>995</v>
      </c>
      <c r="M32044" t="s">
        <v>89</v>
      </c>
      <c r="N32044" t="s">
        <v>90</v>
      </c>
      <c r="O32044" t="s">
        <v>85</v>
      </c>
      <c r="P32044" t="s">
        <v>86</v>
      </c>
      <c r="Q32044">
        <v>9</v>
      </c>
      <c r="R32044">
        <v>9</v>
      </c>
      <c r="S32044">
        <v>9</v>
      </c>
      <c r="T32044">
        <v>9</v>
      </c>
      <c r="U32044">
        <v>9</v>
      </c>
      <c r="V32044">
        <v>9</v>
      </c>
      <c r="W32044">
        <v>10</v>
      </c>
      <c r="X32044">
        <v>10</v>
      </c>
      <c r="Y32044">
        <v>10</v>
      </c>
      <c r="Z32044">
        <v>10</v>
      </c>
      <c r="AA32044">
        <v>10</v>
      </c>
      <c r="AB32044">
        <v>10</v>
      </c>
      <c r="AC32044">
        <v>10</v>
      </c>
      <c r="AD32044">
        <v>10</v>
      </c>
      <c r="AE32044">
        <v>10</v>
      </c>
      <c r="AF32044">
        <v>10</v>
      </c>
      <c r="AG32044">
        <v>10</v>
      </c>
      <c r="AH32044">
        <v>10</v>
      </c>
      <c r="AI32044">
        <v>10</v>
      </c>
      <c r="AJ32044">
        <v>10</v>
      </c>
      <c r="AK32044">
        <v>10</v>
      </c>
      <c r="AL32044">
        <v>10</v>
      </c>
      <c r="AM32044">
        <v>10</v>
      </c>
      <c r="AN32044">
        <v>10</v>
      </c>
      <c r="AO32044">
        <v>10</v>
      </c>
      <c r="AP32044">
        <v>10</v>
      </c>
      <c r="AQ32044">
        <v>10</v>
      </c>
    </row>
    <row r="32045" spans="1:43">
      <c r="A32045" t="s">
        <v>19851</v>
      </c>
      <c r="B32045" t="s">
        <v>19852</v>
      </c>
      <c r="C32045" t="s">
        <v>19845</v>
      </c>
      <c r="D32045" t="s">
        <v>19846</v>
      </c>
      <c r="E32045" t="s">
        <v>19721</v>
      </c>
      <c r="F32045" t="s">
        <v>19722</v>
      </c>
      <c r="G32045" t="s">
        <v>10734</v>
      </c>
      <c r="H32045" t="s">
        <v>10735</v>
      </c>
      <c r="I32045" s="2">
        <v>0</v>
      </c>
      <c r="J32045" s="2">
        <v>0</v>
      </c>
      <c r="K32045" s="2">
        <v>1</v>
      </c>
      <c r="L32045" t="s">
        <v>995</v>
      </c>
      <c r="M32045" t="s">
        <v>83</v>
      </c>
      <c r="N32045" t="s">
        <v>91</v>
      </c>
      <c r="O32045" t="s">
        <v>85</v>
      </c>
      <c r="P32045" t="s">
        <v>86</v>
      </c>
      <c r="Q32045">
        <v>9</v>
      </c>
      <c r="R32045">
        <v>9</v>
      </c>
      <c r="S32045">
        <v>9</v>
      </c>
      <c r="T32045">
        <v>9</v>
      </c>
      <c r="U32045">
        <v>9</v>
      </c>
      <c r="V32045">
        <v>9</v>
      </c>
      <c r="W32045">
        <v>9</v>
      </c>
      <c r="X32045">
        <v>9</v>
      </c>
      <c r="Y32045">
        <v>9</v>
      </c>
      <c r="Z32045">
        <v>9</v>
      </c>
      <c r="AA32045">
        <v>9</v>
      </c>
      <c r="AB32045">
        <v>9</v>
      </c>
      <c r="AC32045">
        <v>10</v>
      </c>
      <c r="AD32045">
        <v>10</v>
      </c>
      <c r="AE32045">
        <v>10</v>
      </c>
      <c r="AF32045">
        <v>10</v>
      </c>
      <c r="AG32045">
        <v>10</v>
      </c>
      <c r="AH32045">
        <v>10</v>
      </c>
      <c r="AI32045">
        <v>10</v>
      </c>
      <c r="AJ32045">
        <v>10</v>
      </c>
      <c r="AK32045">
        <v>10</v>
      </c>
      <c r="AL32045">
        <v>10</v>
      </c>
      <c r="AM32045">
        <v>10</v>
      </c>
      <c r="AN32045">
        <v>10</v>
      </c>
      <c r="AO32045">
        <v>10</v>
      </c>
      <c r="AP32045">
        <v>10</v>
      </c>
      <c r="AQ32045">
        <v>10</v>
      </c>
    </row>
    <row r="32046" spans="1:43">
      <c r="A32046" t="s">
        <v>19853</v>
      </c>
      <c r="B32046" t="s">
        <v>19854</v>
      </c>
      <c r="C32046" t="s">
        <v>19855</v>
      </c>
      <c r="D32046" t="s">
        <v>19856</v>
      </c>
      <c r="E32046" t="s">
        <v>19721</v>
      </c>
      <c r="F32046" t="s">
        <v>19722</v>
      </c>
      <c r="G32046" t="s">
        <v>10734</v>
      </c>
      <c r="H32046" t="s">
        <v>10735</v>
      </c>
      <c r="I32046" s="2">
        <v>0</v>
      </c>
      <c r="J32046" s="2">
        <v>0</v>
      </c>
      <c r="K32046" s="2">
        <v>1</v>
      </c>
      <c r="L32046" t="s">
        <v>995</v>
      </c>
      <c r="M32046" t="s">
        <v>83</v>
      </c>
      <c r="N32046" t="s">
        <v>84</v>
      </c>
      <c r="O32046" t="s">
        <v>85</v>
      </c>
      <c r="P32046" t="s">
        <v>86</v>
      </c>
      <c r="Q32046">
        <v>25</v>
      </c>
      <c r="R32046">
        <v>25</v>
      </c>
      <c r="S32046">
        <v>25</v>
      </c>
      <c r="T32046">
        <v>25</v>
      </c>
      <c r="U32046">
        <v>26</v>
      </c>
      <c r="V32046">
        <v>26</v>
      </c>
      <c r="W32046">
        <v>26</v>
      </c>
      <c r="X32046">
        <v>26</v>
      </c>
      <c r="Y32046">
        <v>27</v>
      </c>
      <c r="Z32046">
        <v>27</v>
      </c>
      <c r="AA32046">
        <v>27</v>
      </c>
      <c r="AB32046">
        <v>27</v>
      </c>
      <c r="AC32046">
        <v>28</v>
      </c>
      <c r="AD32046">
        <v>28</v>
      </c>
      <c r="AE32046">
        <v>28</v>
      </c>
      <c r="AF32046">
        <v>28</v>
      </c>
      <c r="AG32046">
        <v>28</v>
      </c>
      <c r="AH32046">
        <v>29</v>
      </c>
      <c r="AI32046">
        <v>29</v>
      </c>
      <c r="AJ32046">
        <v>29</v>
      </c>
      <c r="AK32046">
        <v>29</v>
      </c>
      <c r="AL32046">
        <v>29</v>
      </c>
      <c r="AM32046">
        <v>29</v>
      </c>
      <c r="AN32046">
        <v>29</v>
      </c>
      <c r="AO32046">
        <v>29</v>
      </c>
      <c r="AP32046">
        <v>29</v>
      </c>
      <c r="AQ32046">
        <v>29</v>
      </c>
    </row>
    <row r="32047" spans="1:43">
      <c r="A32047" t="s">
        <v>19853</v>
      </c>
      <c r="B32047" t="s">
        <v>19854</v>
      </c>
      <c r="C32047" t="s">
        <v>19855</v>
      </c>
      <c r="D32047" t="s">
        <v>19856</v>
      </c>
      <c r="E32047" t="s">
        <v>19721</v>
      </c>
      <c r="F32047" t="s">
        <v>19722</v>
      </c>
      <c r="G32047" t="s">
        <v>10734</v>
      </c>
      <c r="H32047" t="s">
        <v>10735</v>
      </c>
      <c r="I32047" s="2">
        <v>0</v>
      </c>
      <c r="J32047" s="2">
        <v>0</v>
      </c>
      <c r="K32047" s="2">
        <v>1</v>
      </c>
      <c r="L32047" t="s">
        <v>995</v>
      </c>
      <c r="M32047" t="s">
        <v>87</v>
      </c>
      <c r="N32047" t="s">
        <v>88</v>
      </c>
      <c r="O32047" t="s">
        <v>85</v>
      </c>
      <c r="P32047" t="s">
        <v>86</v>
      </c>
      <c r="Q32047">
        <v>25</v>
      </c>
      <c r="R32047">
        <v>25</v>
      </c>
      <c r="S32047">
        <v>25</v>
      </c>
      <c r="T32047">
        <v>25</v>
      </c>
      <c r="U32047">
        <v>26</v>
      </c>
      <c r="V32047">
        <v>26</v>
      </c>
      <c r="W32047">
        <v>26</v>
      </c>
      <c r="X32047">
        <v>26</v>
      </c>
      <c r="Y32047">
        <v>26</v>
      </c>
      <c r="Z32047">
        <v>26</v>
      </c>
      <c r="AA32047">
        <v>26</v>
      </c>
      <c r="AB32047">
        <v>26</v>
      </c>
      <c r="AC32047">
        <v>26</v>
      </c>
      <c r="AD32047">
        <v>26</v>
      </c>
      <c r="AE32047">
        <v>26</v>
      </c>
      <c r="AF32047">
        <v>26</v>
      </c>
      <c r="AG32047">
        <v>26</v>
      </c>
      <c r="AH32047">
        <v>26</v>
      </c>
      <c r="AI32047">
        <v>26</v>
      </c>
      <c r="AJ32047">
        <v>26</v>
      </c>
      <c r="AK32047">
        <v>26</v>
      </c>
      <c r="AL32047">
        <v>26</v>
      </c>
      <c r="AM32047">
        <v>26</v>
      </c>
      <c r="AN32047">
        <v>26</v>
      </c>
      <c r="AO32047">
        <v>26</v>
      </c>
      <c r="AP32047">
        <v>26</v>
      </c>
      <c r="AQ32047">
        <v>26</v>
      </c>
    </row>
    <row r="32048" spans="1:43">
      <c r="A32048" t="s">
        <v>19853</v>
      </c>
      <c r="B32048" t="s">
        <v>19854</v>
      </c>
      <c r="C32048" t="s">
        <v>19855</v>
      </c>
      <c r="D32048" t="s">
        <v>19856</v>
      </c>
      <c r="E32048" t="s">
        <v>19721</v>
      </c>
      <c r="F32048" t="s">
        <v>19722</v>
      </c>
      <c r="G32048" t="s">
        <v>10734</v>
      </c>
      <c r="H32048" t="s">
        <v>10735</v>
      </c>
      <c r="I32048" s="2">
        <v>0</v>
      </c>
      <c r="J32048" s="2">
        <v>0</v>
      </c>
      <c r="K32048" s="2">
        <v>1</v>
      </c>
      <c r="L32048" t="s">
        <v>995</v>
      </c>
      <c r="M32048" t="s">
        <v>89</v>
      </c>
      <c r="N32048" t="s">
        <v>90</v>
      </c>
      <c r="O32048" t="s">
        <v>85</v>
      </c>
      <c r="P32048" t="s">
        <v>86</v>
      </c>
      <c r="Q32048">
        <v>25</v>
      </c>
      <c r="R32048">
        <v>25</v>
      </c>
      <c r="S32048">
        <v>26</v>
      </c>
      <c r="T32048">
        <v>26</v>
      </c>
      <c r="U32048">
        <v>27</v>
      </c>
      <c r="V32048">
        <v>27</v>
      </c>
      <c r="W32048">
        <v>27</v>
      </c>
      <c r="X32048">
        <v>28</v>
      </c>
      <c r="Y32048">
        <v>28</v>
      </c>
      <c r="Z32048">
        <v>28</v>
      </c>
      <c r="AA32048">
        <v>29</v>
      </c>
      <c r="AB32048">
        <v>29</v>
      </c>
      <c r="AC32048">
        <v>29</v>
      </c>
      <c r="AD32048">
        <v>30</v>
      </c>
      <c r="AE32048">
        <v>30</v>
      </c>
      <c r="AF32048">
        <v>30</v>
      </c>
      <c r="AG32048">
        <v>30</v>
      </c>
      <c r="AH32048">
        <v>30</v>
      </c>
      <c r="AI32048">
        <v>30</v>
      </c>
      <c r="AJ32048">
        <v>30</v>
      </c>
      <c r="AK32048">
        <v>30</v>
      </c>
      <c r="AL32048">
        <v>30</v>
      </c>
      <c r="AM32048">
        <v>30</v>
      </c>
      <c r="AN32048">
        <v>30</v>
      </c>
      <c r="AO32048">
        <v>30</v>
      </c>
      <c r="AP32048">
        <v>30</v>
      </c>
      <c r="AQ32048">
        <v>30</v>
      </c>
    </row>
    <row r="32049" spans="1:43">
      <c r="A32049" t="s">
        <v>19853</v>
      </c>
      <c r="B32049" t="s">
        <v>19854</v>
      </c>
      <c r="C32049" t="s">
        <v>19855</v>
      </c>
      <c r="D32049" t="s">
        <v>19856</v>
      </c>
      <c r="E32049" t="s">
        <v>19721</v>
      </c>
      <c r="F32049" t="s">
        <v>19722</v>
      </c>
      <c r="G32049" t="s">
        <v>10734</v>
      </c>
      <c r="H32049" t="s">
        <v>10735</v>
      </c>
      <c r="I32049" s="2">
        <v>0</v>
      </c>
      <c r="J32049" s="2">
        <v>0</v>
      </c>
      <c r="K32049" s="2">
        <v>1</v>
      </c>
      <c r="L32049" t="s">
        <v>995</v>
      </c>
      <c r="M32049" t="s">
        <v>83</v>
      </c>
      <c r="N32049" t="s">
        <v>91</v>
      </c>
      <c r="O32049" t="s">
        <v>85</v>
      </c>
      <c r="P32049" t="s">
        <v>86</v>
      </c>
      <c r="Q32049">
        <v>25</v>
      </c>
      <c r="R32049">
        <v>25</v>
      </c>
      <c r="S32049">
        <v>25</v>
      </c>
      <c r="T32049">
        <v>25</v>
      </c>
      <c r="U32049">
        <v>26</v>
      </c>
      <c r="V32049">
        <v>26</v>
      </c>
      <c r="W32049">
        <v>26</v>
      </c>
      <c r="X32049">
        <v>26</v>
      </c>
      <c r="Y32049">
        <v>27</v>
      </c>
      <c r="Z32049">
        <v>27</v>
      </c>
      <c r="AA32049">
        <v>27</v>
      </c>
      <c r="AB32049">
        <v>27</v>
      </c>
      <c r="AC32049">
        <v>28</v>
      </c>
      <c r="AD32049">
        <v>28</v>
      </c>
      <c r="AE32049">
        <v>28</v>
      </c>
      <c r="AF32049">
        <v>28</v>
      </c>
      <c r="AG32049">
        <v>28</v>
      </c>
      <c r="AH32049">
        <v>29</v>
      </c>
      <c r="AI32049">
        <v>29</v>
      </c>
      <c r="AJ32049">
        <v>29</v>
      </c>
      <c r="AK32049">
        <v>29</v>
      </c>
      <c r="AL32049">
        <v>29</v>
      </c>
      <c r="AM32049">
        <v>29</v>
      </c>
      <c r="AN32049">
        <v>29</v>
      </c>
      <c r="AO32049">
        <v>29</v>
      </c>
      <c r="AP32049">
        <v>29</v>
      </c>
      <c r="AQ32049">
        <v>29</v>
      </c>
    </row>
    <row r="32050" spans="1:43">
      <c r="A32050" t="s">
        <v>19857</v>
      </c>
      <c r="B32050" t="s">
        <v>19858</v>
      </c>
      <c r="C32050" t="s">
        <v>19845</v>
      </c>
      <c r="D32050" t="s">
        <v>19846</v>
      </c>
      <c r="E32050" t="s">
        <v>19721</v>
      </c>
      <c r="F32050" t="s">
        <v>19722</v>
      </c>
      <c r="G32050" t="s">
        <v>10734</v>
      </c>
      <c r="H32050" t="s">
        <v>10735</v>
      </c>
      <c r="I32050" s="2">
        <v>0</v>
      </c>
      <c r="J32050" s="2">
        <v>0</v>
      </c>
      <c r="K32050" s="2">
        <v>1</v>
      </c>
      <c r="L32050" t="s">
        <v>995</v>
      </c>
      <c r="M32050" t="s">
        <v>83</v>
      </c>
      <c r="N32050" t="s">
        <v>84</v>
      </c>
      <c r="O32050" t="s">
        <v>85</v>
      </c>
      <c r="P32050" t="s">
        <v>86</v>
      </c>
      <c r="Q32050">
        <v>8</v>
      </c>
      <c r="R32050">
        <v>8</v>
      </c>
      <c r="S32050">
        <v>8</v>
      </c>
      <c r="T32050">
        <v>8</v>
      </c>
      <c r="U32050">
        <v>8</v>
      </c>
      <c r="V32050">
        <v>8</v>
      </c>
      <c r="W32050">
        <v>8</v>
      </c>
      <c r="X32050">
        <v>8</v>
      </c>
      <c r="Y32050">
        <v>8</v>
      </c>
      <c r="Z32050">
        <v>8</v>
      </c>
      <c r="AA32050">
        <v>9</v>
      </c>
      <c r="AB32050">
        <v>9</v>
      </c>
      <c r="AC32050">
        <v>9</v>
      </c>
      <c r="AD32050">
        <v>9</v>
      </c>
      <c r="AE32050">
        <v>9</v>
      </c>
      <c r="AF32050">
        <v>9</v>
      </c>
      <c r="AG32050">
        <v>9</v>
      </c>
      <c r="AH32050">
        <v>9</v>
      </c>
      <c r="AI32050">
        <v>9</v>
      </c>
      <c r="AJ32050">
        <v>9</v>
      </c>
      <c r="AK32050">
        <v>9</v>
      </c>
      <c r="AL32050">
        <v>9</v>
      </c>
      <c r="AM32050">
        <v>9</v>
      </c>
      <c r="AN32050">
        <v>9</v>
      </c>
      <c r="AO32050">
        <v>9</v>
      </c>
      <c r="AP32050">
        <v>9</v>
      </c>
      <c r="AQ32050">
        <v>9</v>
      </c>
    </row>
    <row r="32051" spans="1:43">
      <c r="A32051" t="s">
        <v>19857</v>
      </c>
      <c r="B32051" t="s">
        <v>19858</v>
      </c>
      <c r="C32051" t="s">
        <v>19845</v>
      </c>
      <c r="D32051" t="s">
        <v>19846</v>
      </c>
      <c r="E32051" t="s">
        <v>19721</v>
      </c>
      <c r="F32051" t="s">
        <v>19722</v>
      </c>
      <c r="G32051" t="s">
        <v>10734</v>
      </c>
      <c r="H32051" t="s">
        <v>10735</v>
      </c>
      <c r="I32051" s="2">
        <v>0</v>
      </c>
      <c r="J32051" s="2">
        <v>0</v>
      </c>
      <c r="K32051" s="2">
        <v>1</v>
      </c>
      <c r="L32051" t="s">
        <v>995</v>
      </c>
      <c r="M32051" t="s">
        <v>87</v>
      </c>
      <c r="N32051" t="s">
        <v>88</v>
      </c>
      <c r="O32051" t="s">
        <v>85</v>
      </c>
      <c r="P32051" t="s">
        <v>86</v>
      </c>
      <c r="Q32051">
        <v>8</v>
      </c>
      <c r="R32051">
        <v>8</v>
      </c>
      <c r="S32051">
        <v>8</v>
      </c>
      <c r="T32051">
        <v>8</v>
      </c>
      <c r="U32051">
        <v>8</v>
      </c>
      <c r="V32051">
        <v>8</v>
      </c>
      <c r="W32051">
        <v>8</v>
      </c>
      <c r="X32051">
        <v>8</v>
      </c>
      <c r="Y32051">
        <v>8</v>
      </c>
      <c r="Z32051">
        <v>8</v>
      </c>
      <c r="AA32051">
        <v>8</v>
      </c>
      <c r="AB32051">
        <v>8</v>
      </c>
      <c r="AC32051">
        <v>8</v>
      </c>
      <c r="AD32051">
        <v>8</v>
      </c>
      <c r="AE32051">
        <v>8</v>
      </c>
      <c r="AF32051">
        <v>8</v>
      </c>
      <c r="AG32051">
        <v>8</v>
      </c>
      <c r="AH32051">
        <v>8</v>
      </c>
      <c r="AI32051">
        <v>8</v>
      </c>
      <c r="AJ32051">
        <v>8</v>
      </c>
      <c r="AK32051">
        <v>8</v>
      </c>
      <c r="AL32051">
        <v>8</v>
      </c>
      <c r="AM32051">
        <v>8</v>
      </c>
      <c r="AN32051">
        <v>8</v>
      </c>
      <c r="AO32051">
        <v>8</v>
      </c>
      <c r="AP32051">
        <v>8</v>
      </c>
      <c r="AQ32051">
        <v>8</v>
      </c>
    </row>
    <row r="32052" spans="1:43">
      <c r="A32052" t="s">
        <v>19857</v>
      </c>
      <c r="B32052" t="s">
        <v>19858</v>
      </c>
      <c r="C32052" t="s">
        <v>19845</v>
      </c>
      <c r="D32052" t="s">
        <v>19846</v>
      </c>
      <c r="E32052" t="s">
        <v>19721</v>
      </c>
      <c r="F32052" t="s">
        <v>19722</v>
      </c>
      <c r="G32052" t="s">
        <v>10734</v>
      </c>
      <c r="H32052" t="s">
        <v>10735</v>
      </c>
      <c r="I32052" s="2">
        <v>0</v>
      </c>
      <c r="J32052" s="2">
        <v>0</v>
      </c>
      <c r="K32052" s="2">
        <v>1</v>
      </c>
      <c r="L32052" t="s">
        <v>995</v>
      </c>
      <c r="M32052" t="s">
        <v>89</v>
      </c>
      <c r="N32052" t="s">
        <v>90</v>
      </c>
      <c r="O32052" t="s">
        <v>85</v>
      </c>
      <c r="P32052" t="s">
        <v>86</v>
      </c>
      <c r="Q32052">
        <v>8</v>
      </c>
      <c r="R32052">
        <v>8</v>
      </c>
      <c r="S32052">
        <v>8</v>
      </c>
      <c r="T32052">
        <v>8</v>
      </c>
      <c r="U32052">
        <v>8</v>
      </c>
      <c r="V32052">
        <v>9</v>
      </c>
      <c r="W32052">
        <v>9</v>
      </c>
      <c r="X32052">
        <v>9</v>
      </c>
      <c r="Y32052">
        <v>9</v>
      </c>
      <c r="Z32052">
        <v>9</v>
      </c>
      <c r="AA32052">
        <v>9</v>
      </c>
      <c r="AB32052">
        <v>9</v>
      </c>
      <c r="AC32052">
        <v>9</v>
      </c>
      <c r="AD32052">
        <v>9</v>
      </c>
      <c r="AE32052">
        <v>9</v>
      </c>
      <c r="AF32052">
        <v>9</v>
      </c>
      <c r="AG32052">
        <v>9</v>
      </c>
      <c r="AH32052">
        <v>9</v>
      </c>
      <c r="AI32052">
        <v>9</v>
      </c>
      <c r="AJ32052">
        <v>9</v>
      </c>
      <c r="AK32052">
        <v>9</v>
      </c>
      <c r="AL32052">
        <v>9</v>
      </c>
      <c r="AM32052">
        <v>9</v>
      </c>
      <c r="AN32052">
        <v>9</v>
      </c>
      <c r="AO32052">
        <v>9</v>
      </c>
      <c r="AP32052">
        <v>9</v>
      </c>
      <c r="AQ32052">
        <v>9</v>
      </c>
    </row>
    <row r="32053" spans="1:43">
      <c r="A32053" t="s">
        <v>19857</v>
      </c>
      <c r="B32053" t="s">
        <v>19858</v>
      </c>
      <c r="C32053" t="s">
        <v>19845</v>
      </c>
      <c r="D32053" t="s">
        <v>19846</v>
      </c>
      <c r="E32053" t="s">
        <v>19721</v>
      </c>
      <c r="F32053" t="s">
        <v>19722</v>
      </c>
      <c r="G32053" t="s">
        <v>10734</v>
      </c>
      <c r="H32053" t="s">
        <v>10735</v>
      </c>
      <c r="I32053" s="2">
        <v>0</v>
      </c>
      <c r="J32053" s="2">
        <v>0</v>
      </c>
      <c r="K32053" s="2">
        <v>1</v>
      </c>
      <c r="L32053" t="s">
        <v>995</v>
      </c>
      <c r="M32053" t="s">
        <v>83</v>
      </c>
      <c r="N32053" t="s">
        <v>91</v>
      </c>
      <c r="O32053" t="s">
        <v>85</v>
      </c>
      <c r="P32053" t="s">
        <v>86</v>
      </c>
      <c r="Q32053">
        <v>8</v>
      </c>
      <c r="R32053">
        <v>8</v>
      </c>
      <c r="S32053">
        <v>8</v>
      </c>
      <c r="T32053">
        <v>8</v>
      </c>
      <c r="U32053">
        <v>8</v>
      </c>
      <c r="V32053">
        <v>8</v>
      </c>
      <c r="W32053">
        <v>8</v>
      </c>
      <c r="X32053">
        <v>8</v>
      </c>
      <c r="Y32053">
        <v>8</v>
      </c>
      <c r="Z32053">
        <v>8</v>
      </c>
      <c r="AA32053">
        <v>9</v>
      </c>
      <c r="AB32053">
        <v>9</v>
      </c>
      <c r="AC32053">
        <v>9</v>
      </c>
      <c r="AD32053">
        <v>9</v>
      </c>
      <c r="AE32053">
        <v>9</v>
      </c>
      <c r="AF32053">
        <v>9</v>
      </c>
      <c r="AG32053">
        <v>9</v>
      </c>
      <c r="AH32053">
        <v>9</v>
      </c>
      <c r="AI32053">
        <v>9</v>
      </c>
      <c r="AJ32053">
        <v>9</v>
      </c>
      <c r="AK32053">
        <v>9</v>
      </c>
      <c r="AL32053">
        <v>9</v>
      </c>
      <c r="AM32053">
        <v>9</v>
      </c>
      <c r="AN32053">
        <v>9</v>
      </c>
      <c r="AO32053">
        <v>9</v>
      </c>
      <c r="AP32053">
        <v>9</v>
      </c>
      <c r="AQ32053">
        <v>9</v>
      </c>
    </row>
    <row r="32054" spans="1:43">
      <c r="A32054" t="s">
        <v>19859</v>
      </c>
      <c r="B32054" t="s">
        <v>19860</v>
      </c>
      <c r="C32054" t="s">
        <v>19855</v>
      </c>
      <c r="D32054" t="s">
        <v>19856</v>
      </c>
      <c r="E32054" t="s">
        <v>19721</v>
      </c>
      <c r="F32054" t="s">
        <v>19722</v>
      </c>
      <c r="G32054" t="s">
        <v>10734</v>
      </c>
      <c r="H32054" t="s">
        <v>10735</v>
      </c>
      <c r="I32054" s="2">
        <v>0</v>
      </c>
      <c r="J32054" s="2">
        <v>0</v>
      </c>
      <c r="K32054" s="2">
        <v>1</v>
      </c>
      <c r="L32054" t="s">
        <v>995</v>
      </c>
      <c r="M32054" t="s">
        <v>83</v>
      </c>
      <c r="N32054" t="s">
        <v>84</v>
      </c>
      <c r="O32054" t="s">
        <v>85</v>
      </c>
      <c r="P32054" t="s">
        <v>86</v>
      </c>
      <c r="Q32054">
        <v>46</v>
      </c>
      <c r="R32054">
        <v>46</v>
      </c>
      <c r="S32054">
        <v>47</v>
      </c>
      <c r="T32054">
        <v>47</v>
      </c>
      <c r="U32054">
        <v>48</v>
      </c>
      <c r="V32054">
        <v>48</v>
      </c>
      <c r="W32054">
        <v>49</v>
      </c>
      <c r="X32054">
        <v>49</v>
      </c>
      <c r="Y32054">
        <v>50</v>
      </c>
      <c r="Z32054">
        <v>50</v>
      </c>
      <c r="AA32054">
        <v>51</v>
      </c>
      <c r="AB32054">
        <v>51</v>
      </c>
      <c r="AC32054">
        <v>52</v>
      </c>
      <c r="AD32054">
        <v>52</v>
      </c>
      <c r="AE32054">
        <v>53</v>
      </c>
      <c r="AF32054">
        <v>53</v>
      </c>
      <c r="AG32054">
        <v>54</v>
      </c>
      <c r="AH32054">
        <v>54</v>
      </c>
      <c r="AI32054">
        <v>55</v>
      </c>
      <c r="AJ32054">
        <v>55</v>
      </c>
      <c r="AK32054">
        <v>55</v>
      </c>
      <c r="AL32054">
        <v>56</v>
      </c>
      <c r="AM32054">
        <v>56</v>
      </c>
      <c r="AN32054">
        <v>56</v>
      </c>
      <c r="AO32054">
        <v>56</v>
      </c>
      <c r="AP32054">
        <v>56</v>
      </c>
      <c r="AQ32054">
        <v>56</v>
      </c>
    </row>
    <row r="32055" spans="1:43">
      <c r="A32055" t="s">
        <v>19859</v>
      </c>
      <c r="B32055" t="s">
        <v>19860</v>
      </c>
      <c r="C32055" t="s">
        <v>19855</v>
      </c>
      <c r="D32055" t="s">
        <v>19856</v>
      </c>
      <c r="E32055" t="s">
        <v>19721</v>
      </c>
      <c r="F32055" t="s">
        <v>19722</v>
      </c>
      <c r="G32055" t="s">
        <v>10734</v>
      </c>
      <c r="H32055" t="s">
        <v>10735</v>
      </c>
      <c r="I32055" s="2">
        <v>0</v>
      </c>
      <c r="J32055" s="2">
        <v>0</v>
      </c>
      <c r="K32055" s="2">
        <v>1</v>
      </c>
      <c r="L32055" t="s">
        <v>995</v>
      </c>
      <c r="M32055" t="s">
        <v>87</v>
      </c>
      <c r="N32055" t="s">
        <v>88</v>
      </c>
      <c r="O32055" t="s">
        <v>85</v>
      </c>
      <c r="P32055" t="s">
        <v>86</v>
      </c>
      <c r="Q32055">
        <v>46</v>
      </c>
      <c r="R32055">
        <v>46</v>
      </c>
      <c r="S32055">
        <v>47</v>
      </c>
      <c r="T32055">
        <v>47</v>
      </c>
      <c r="U32055">
        <v>47</v>
      </c>
      <c r="V32055">
        <v>47</v>
      </c>
      <c r="W32055">
        <v>47</v>
      </c>
      <c r="X32055">
        <v>47</v>
      </c>
      <c r="Y32055">
        <v>47</v>
      </c>
      <c r="Z32055">
        <v>47</v>
      </c>
      <c r="AA32055">
        <v>47</v>
      </c>
      <c r="AB32055">
        <v>47</v>
      </c>
      <c r="AC32055">
        <v>47</v>
      </c>
      <c r="AD32055">
        <v>48</v>
      </c>
      <c r="AE32055">
        <v>48</v>
      </c>
      <c r="AF32055">
        <v>48</v>
      </c>
      <c r="AG32055">
        <v>48</v>
      </c>
      <c r="AH32055">
        <v>48</v>
      </c>
      <c r="AI32055">
        <v>48</v>
      </c>
      <c r="AJ32055">
        <v>48</v>
      </c>
      <c r="AK32055">
        <v>49</v>
      </c>
      <c r="AL32055">
        <v>49</v>
      </c>
      <c r="AM32055">
        <v>49</v>
      </c>
      <c r="AN32055">
        <v>49</v>
      </c>
      <c r="AO32055">
        <v>49</v>
      </c>
      <c r="AP32055">
        <v>49</v>
      </c>
      <c r="AQ32055">
        <v>50</v>
      </c>
    </row>
    <row r="32056" spans="1:43">
      <c r="A32056" t="s">
        <v>19859</v>
      </c>
      <c r="B32056" t="s">
        <v>19860</v>
      </c>
      <c r="C32056" t="s">
        <v>19855</v>
      </c>
      <c r="D32056" t="s">
        <v>19856</v>
      </c>
      <c r="E32056" t="s">
        <v>19721</v>
      </c>
      <c r="F32056" t="s">
        <v>19722</v>
      </c>
      <c r="G32056" t="s">
        <v>10734</v>
      </c>
      <c r="H32056" t="s">
        <v>10735</v>
      </c>
      <c r="I32056" s="2">
        <v>0</v>
      </c>
      <c r="J32056" s="2">
        <v>0</v>
      </c>
      <c r="K32056" s="2">
        <v>1</v>
      </c>
      <c r="L32056" t="s">
        <v>995</v>
      </c>
      <c r="M32056" t="s">
        <v>89</v>
      </c>
      <c r="N32056" t="s">
        <v>90</v>
      </c>
      <c r="O32056" t="s">
        <v>85</v>
      </c>
      <c r="P32056" t="s">
        <v>86</v>
      </c>
      <c r="Q32056">
        <v>46</v>
      </c>
      <c r="R32056">
        <v>47</v>
      </c>
      <c r="S32056">
        <v>48</v>
      </c>
      <c r="T32056">
        <v>49</v>
      </c>
      <c r="U32056">
        <v>50</v>
      </c>
      <c r="V32056">
        <v>50</v>
      </c>
      <c r="W32056">
        <v>51</v>
      </c>
      <c r="X32056">
        <v>52</v>
      </c>
      <c r="Y32056">
        <v>53</v>
      </c>
      <c r="Z32056">
        <v>53</v>
      </c>
      <c r="AA32056">
        <v>54</v>
      </c>
      <c r="AB32056">
        <v>55</v>
      </c>
      <c r="AC32056">
        <v>55</v>
      </c>
      <c r="AD32056">
        <v>56</v>
      </c>
      <c r="AE32056">
        <v>56</v>
      </c>
      <c r="AF32056">
        <v>56</v>
      </c>
      <c r="AG32056">
        <v>56</v>
      </c>
      <c r="AH32056">
        <v>56</v>
      </c>
      <c r="AI32056">
        <v>56</v>
      </c>
      <c r="AJ32056">
        <v>56</v>
      </c>
      <c r="AK32056">
        <v>57</v>
      </c>
      <c r="AL32056">
        <v>57</v>
      </c>
      <c r="AM32056">
        <v>57</v>
      </c>
      <c r="AN32056">
        <v>57</v>
      </c>
      <c r="AO32056">
        <v>57</v>
      </c>
      <c r="AP32056">
        <v>57</v>
      </c>
      <c r="AQ32056">
        <v>57</v>
      </c>
    </row>
    <row r="32057" spans="1:43">
      <c r="A32057" t="s">
        <v>19859</v>
      </c>
      <c r="B32057" t="s">
        <v>19860</v>
      </c>
      <c r="C32057" t="s">
        <v>19855</v>
      </c>
      <c r="D32057" t="s">
        <v>19856</v>
      </c>
      <c r="E32057" t="s">
        <v>19721</v>
      </c>
      <c r="F32057" t="s">
        <v>19722</v>
      </c>
      <c r="G32057" t="s">
        <v>10734</v>
      </c>
      <c r="H32057" t="s">
        <v>10735</v>
      </c>
      <c r="I32057" s="2">
        <v>0</v>
      </c>
      <c r="J32057" s="2">
        <v>0</v>
      </c>
      <c r="K32057" s="2">
        <v>1</v>
      </c>
      <c r="L32057" t="s">
        <v>995</v>
      </c>
      <c r="M32057" t="s">
        <v>83</v>
      </c>
      <c r="N32057" t="s">
        <v>91</v>
      </c>
      <c r="O32057" t="s">
        <v>85</v>
      </c>
      <c r="P32057" t="s">
        <v>86</v>
      </c>
      <c r="Q32057">
        <v>46</v>
      </c>
      <c r="R32057">
        <v>46</v>
      </c>
      <c r="S32057">
        <v>47</v>
      </c>
      <c r="T32057">
        <v>47</v>
      </c>
      <c r="U32057">
        <v>48</v>
      </c>
      <c r="V32057">
        <v>48</v>
      </c>
      <c r="W32057">
        <v>49</v>
      </c>
      <c r="X32057">
        <v>49</v>
      </c>
      <c r="Y32057">
        <v>50</v>
      </c>
      <c r="Z32057">
        <v>50</v>
      </c>
      <c r="AA32057">
        <v>51</v>
      </c>
      <c r="AB32057">
        <v>51</v>
      </c>
      <c r="AC32057">
        <v>52</v>
      </c>
      <c r="AD32057">
        <v>52</v>
      </c>
      <c r="AE32057">
        <v>53</v>
      </c>
      <c r="AF32057">
        <v>53</v>
      </c>
      <c r="AG32057">
        <v>54</v>
      </c>
      <c r="AH32057">
        <v>54</v>
      </c>
      <c r="AI32057">
        <v>55</v>
      </c>
      <c r="AJ32057">
        <v>55</v>
      </c>
      <c r="AK32057">
        <v>55</v>
      </c>
      <c r="AL32057">
        <v>56</v>
      </c>
      <c r="AM32057">
        <v>56</v>
      </c>
      <c r="AN32057">
        <v>56</v>
      </c>
      <c r="AO32057">
        <v>56</v>
      </c>
      <c r="AP32057">
        <v>56</v>
      </c>
      <c r="AQ32057">
        <v>56</v>
      </c>
    </row>
    <row r="32058" spans="1:43">
      <c r="A32058" t="s">
        <v>19861</v>
      </c>
      <c r="B32058" t="s">
        <v>19862</v>
      </c>
      <c r="C32058" t="s">
        <v>19855</v>
      </c>
      <c r="D32058" t="s">
        <v>19856</v>
      </c>
      <c r="E32058" t="s">
        <v>19721</v>
      </c>
      <c r="F32058" t="s">
        <v>19722</v>
      </c>
      <c r="G32058" t="s">
        <v>10734</v>
      </c>
      <c r="H32058" t="s">
        <v>10735</v>
      </c>
      <c r="I32058" s="2">
        <v>0</v>
      </c>
      <c r="J32058" s="2">
        <v>0</v>
      </c>
      <c r="K32058" s="2">
        <v>1</v>
      </c>
      <c r="L32058" t="s">
        <v>995</v>
      </c>
      <c r="M32058" t="s">
        <v>83</v>
      </c>
      <c r="N32058" t="s">
        <v>84</v>
      </c>
      <c r="O32058" t="s">
        <v>85</v>
      </c>
      <c r="P32058" t="s">
        <v>86</v>
      </c>
      <c r="Q32058">
        <v>39</v>
      </c>
      <c r="R32058">
        <v>39</v>
      </c>
      <c r="S32058">
        <v>40</v>
      </c>
      <c r="T32058">
        <v>40</v>
      </c>
      <c r="U32058">
        <v>41</v>
      </c>
      <c r="V32058">
        <v>41</v>
      </c>
      <c r="W32058">
        <v>42</v>
      </c>
      <c r="X32058">
        <v>42</v>
      </c>
      <c r="Y32058">
        <v>43</v>
      </c>
      <c r="Z32058">
        <v>43</v>
      </c>
      <c r="AA32058">
        <v>44</v>
      </c>
      <c r="AB32058">
        <v>44</v>
      </c>
      <c r="AC32058">
        <v>45</v>
      </c>
      <c r="AD32058">
        <v>45</v>
      </c>
      <c r="AE32058">
        <v>46</v>
      </c>
      <c r="AF32058">
        <v>46</v>
      </c>
      <c r="AG32058">
        <v>47</v>
      </c>
      <c r="AH32058">
        <v>47</v>
      </c>
      <c r="AI32058">
        <v>48</v>
      </c>
      <c r="AJ32058">
        <v>48</v>
      </c>
      <c r="AK32058">
        <v>49</v>
      </c>
      <c r="AL32058">
        <v>49</v>
      </c>
      <c r="AM32058">
        <v>49</v>
      </c>
      <c r="AN32058">
        <v>49</v>
      </c>
      <c r="AO32058">
        <v>50</v>
      </c>
      <c r="AP32058">
        <v>50</v>
      </c>
      <c r="AQ32058">
        <v>50</v>
      </c>
    </row>
    <row r="32059" spans="1:43">
      <c r="A32059" t="s">
        <v>19861</v>
      </c>
      <c r="B32059" t="s">
        <v>19862</v>
      </c>
      <c r="C32059" t="s">
        <v>19855</v>
      </c>
      <c r="D32059" t="s">
        <v>19856</v>
      </c>
      <c r="E32059" t="s">
        <v>19721</v>
      </c>
      <c r="F32059" t="s">
        <v>19722</v>
      </c>
      <c r="G32059" t="s">
        <v>10734</v>
      </c>
      <c r="H32059" t="s">
        <v>10735</v>
      </c>
      <c r="I32059" s="2">
        <v>0</v>
      </c>
      <c r="J32059" s="2">
        <v>0</v>
      </c>
      <c r="K32059" s="2">
        <v>1</v>
      </c>
      <c r="L32059" t="s">
        <v>995</v>
      </c>
      <c r="M32059" t="s">
        <v>87</v>
      </c>
      <c r="N32059" t="s">
        <v>88</v>
      </c>
      <c r="O32059" t="s">
        <v>85</v>
      </c>
      <c r="P32059" t="s">
        <v>86</v>
      </c>
      <c r="Q32059">
        <v>39</v>
      </c>
      <c r="R32059">
        <v>39</v>
      </c>
      <c r="S32059">
        <v>39</v>
      </c>
      <c r="T32059">
        <v>39</v>
      </c>
      <c r="U32059">
        <v>39</v>
      </c>
      <c r="V32059">
        <v>39</v>
      </c>
      <c r="W32059">
        <v>39</v>
      </c>
      <c r="X32059">
        <v>40</v>
      </c>
      <c r="Y32059">
        <v>40</v>
      </c>
      <c r="Z32059">
        <v>40</v>
      </c>
      <c r="AA32059">
        <v>40</v>
      </c>
      <c r="AB32059">
        <v>40</v>
      </c>
      <c r="AC32059">
        <v>40</v>
      </c>
      <c r="AD32059">
        <v>41</v>
      </c>
      <c r="AE32059">
        <v>41</v>
      </c>
      <c r="AF32059">
        <v>41</v>
      </c>
      <c r="AG32059">
        <v>41</v>
      </c>
      <c r="AH32059">
        <v>41</v>
      </c>
      <c r="AI32059">
        <v>41</v>
      </c>
      <c r="AJ32059">
        <v>42</v>
      </c>
      <c r="AK32059">
        <v>42</v>
      </c>
      <c r="AL32059">
        <v>42</v>
      </c>
      <c r="AM32059">
        <v>42</v>
      </c>
      <c r="AN32059">
        <v>43</v>
      </c>
      <c r="AO32059">
        <v>43</v>
      </c>
      <c r="AP32059">
        <v>43</v>
      </c>
      <c r="AQ32059">
        <v>43</v>
      </c>
    </row>
    <row r="32060" spans="1:43">
      <c r="A32060" t="s">
        <v>19861</v>
      </c>
      <c r="B32060" t="s">
        <v>19862</v>
      </c>
      <c r="C32060" t="s">
        <v>19855</v>
      </c>
      <c r="D32060" t="s">
        <v>19856</v>
      </c>
      <c r="E32060" t="s">
        <v>19721</v>
      </c>
      <c r="F32060" t="s">
        <v>19722</v>
      </c>
      <c r="G32060" t="s">
        <v>10734</v>
      </c>
      <c r="H32060" t="s">
        <v>10735</v>
      </c>
      <c r="I32060" s="2">
        <v>0</v>
      </c>
      <c r="J32060" s="2">
        <v>0</v>
      </c>
      <c r="K32060" s="2">
        <v>1</v>
      </c>
      <c r="L32060" t="s">
        <v>995</v>
      </c>
      <c r="M32060" t="s">
        <v>89</v>
      </c>
      <c r="N32060" t="s">
        <v>90</v>
      </c>
      <c r="O32060" t="s">
        <v>85</v>
      </c>
      <c r="P32060" t="s">
        <v>86</v>
      </c>
      <c r="Q32060">
        <v>39</v>
      </c>
      <c r="R32060">
        <v>40</v>
      </c>
      <c r="S32060">
        <v>41</v>
      </c>
      <c r="T32060">
        <v>42</v>
      </c>
      <c r="U32060">
        <v>43</v>
      </c>
      <c r="V32060">
        <v>43</v>
      </c>
      <c r="W32060">
        <v>44</v>
      </c>
      <c r="X32060">
        <v>45</v>
      </c>
      <c r="Y32060">
        <v>45</v>
      </c>
      <c r="Z32060">
        <v>46</v>
      </c>
      <c r="AA32060">
        <v>47</v>
      </c>
      <c r="AB32060">
        <v>47</v>
      </c>
      <c r="AC32060">
        <v>48</v>
      </c>
      <c r="AD32060">
        <v>49</v>
      </c>
      <c r="AE32060">
        <v>49</v>
      </c>
      <c r="AF32060">
        <v>49</v>
      </c>
      <c r="AG32060">
        <v>49</v>
      </c>
      <c r="AH32060">
        <v>49</v>
      </c>
      <c r="AI32060">
        <v>50</v>
      </c>
      <c r="AJ32060">
        <v>50</v>
      </c>
      <c r="AK32060">
        <v>50</v>
      </c>
      <c r="AL32060">
        <v>50</v>
      </c>
      <c r="AM32060">
        <v>50</v>
      </c>
      <c r="AN32060">
        <v>50</v>
      </c>
      <c r="AO32060">
        <v>51</v>
      </c>
      <c r="AP32060">
        <v>51</v>
      </c>
      <c r="AQ32060">
        <v>51</v>
      </c>
    </row>
    <row r="32061" spans="1:43">
      <c r="A32061" t="s">
        <v>19861</v>
      </c>
      <c r="B32061" t="s">
        <v>19862</v>
      </c>
      <c r="C32061" t="s">
        <v>19855</v>
      </c>
      <c r="D32061" t="s">
        <v>19856</v>
      </c>
      <c r="E32061" t="s">
        <v>19721</v>
      </c>
      <c r="F32061" t="s">
        <v>19722</v>
      </c>
      <c r="G32061" t="s">
        <v>10734</v>
      </c>
      <c r="H32061" t="s">
        <v>10735</v>
      </c>
      <c r="I32061" s="2">
        <v>0</v>
      </c>
      <c r="J32061" s="2">
        <v>0</v>
      </c>
      <c r="K32061" s="2">
        <v>1</v>
      </c>
      <c r="L32061" t="s">
        <v>995</v>
      </c>
      <c r="M32061" t="s">
        <v>83</v>
      </c>
      <c r="N32061" t="s">
        <v>91</v>
      </c>
      <c r="O32061" t="s">
        <v>85</v>
      </c>
      <c r="P32061" t="s">
        <v>86</v>
      </c>
      <c r="Q32061">
        <v>39</v>
      </c>
      <c r="R32061">
        <v>39</v>
      </c>
      <c r="S32061">
        <v>40</v>
      </c>
      <c r="T32061">
        <v>40</v>
      </c>
      <c r="U32061">
        <v>41</v>
      </c>
      <c r="V32061">
        <v>41</v>
      </c>
      <c r="W32061">
        <v>42</v>
      </c>
      <c r="X32061">
        <v>42</v>
      </c>
      <c r="Y32061">
        <v>43</v>
      </c>
      <c r="Z32061">
        <v>43</v>
      </c>
      <c r="AA32061">
        <v>44</v>
      </c>
      <c r="AB32061">
        <v>44</v>
      </c>
      <c r="AC32061">
        <v>45</v>
      </c>
      <c r="AD32061">
        <v>45</v>
      </c>
      <c r="AE32061">
        <v>46</v>
      </c>
      <c r="AF32061">
        <v>46</v>
      </c>
      <c r="AG32061">
        <v>47</v>
      </c>
      <c r="AH32061">
        <v>47</v>
      </c>
      <c r="AI32061">
        <v>48</v>
      </c>
      <c r="AJ32061">
        <v>48</v>
      </c>
      <c r="AK32061">
        <v>49</v>
      </c>
      <c r="AL32061">
        <v>49</v>
      </c>
      <c r="AM32061">
        <v>49</v>
      </c>
      <c r="AN32061">
        <v>49</v>
      </c>
      <c r="AO32061">
        <v>50</v>
      </c>
      <c r="AP32061">
        <v>50</v>
      </c>
      <c r="AQ32061">
        <v>50</v>
      </c>
    </row>
    <row r="32062" spans="1:43">
      <c r="A32062" t="s">
        <v>19863</v>
      </c>
      <c r="B32062" t="s">
        <v>19864</v>
      </c>
      <c r="C32062" t="s">
        <v>19855</v>
      </c>
      <c r="D32062" t="s">
        <v>19856</v>
      </c>
      <c r="E32062" t="s">
        <v>19721</v>
      </c>
      <c r="F32062" t="s">
        <v>19722</v>
      </c>
      <c r="G32062" t="s">
        <v>10734</v>
      </c>
      <c r="H32062" t="s">
        <v>10735</v>
      </c>
      <c r="I32062" s="2">
        <v>0</v>
      </c>
      <c r="J32062" s="2">
        <v>0</v>
      </c>
      <c r="K32062" s="2">
        <v>1</v>
      </c>
      <c r="L32062" t="s">
        <v>995</v>
      </c>
      <c r="M32062" t="s">
        <v>83</v>
      </c>
      <c r="N32062" t="s">
        <v>84</v>
      </c>
      <c r="O32062" t="s">
        <v>85</v>
      </c>
      <c r="P32062" t="s">
        <v>86</v>
      </c>
      <c r="Q32062">
        <v>13</v>
      </c>
      <c r="R32062">
        <v>13</v>
      </c>
      <c r="S32062">
        <v>13</v>
      </c>
      <c r="T32062">
        <v>14</v>
      </c>
      <c r="U32062">
        <v>14</v>
      </c>
      <c r="V32062">
        <v>14</v>
      </c>
      <c r="W32062">
        <v>14</v>
      </c>
      <c r="X32062">
        <v>14</v>
      </c>
      <c r="Y32062">
        <v>14</v>
      </c>
      <c r="Z32062">
        <v>15</v>
      </c>
      <c r="AA32062">
        <v>15</v>
      </c>
      <c r="AB32062">
        <v>15</v>
      </c>
      <c r="AC32062">
        <v>15</v>
      </c>
      <c r="AD32062">
        <v>15</v>
      </c>
      <c r="AE32062">
        <v>15</v>
      </c>
      <c r="AF32062">
        <v>16</v>
      </c>
      <c r="AG32062">
        <v>16</v>
      </c>
      <c r="AH32062">
        <v>16</v>
      </c>
      <c r="AI32062">
        <v>16</v>
      </c>
      <c r="AJ32062">
        <v>16</v>
      </c>
      <c r="AK32062">
        <v>16</v>
      </c>
      <c r="AL32062">
        <v>16</v>
      </c>
      <c r="AM32062">
        <v>17</v>
      </c>
      <c r="AN32062">
        <v>17</v>
      </c>
      <c r="AO32062">
        <v>17</v>
      </c>
      <c r="AP32062">
        <v>17</v>
      </c>
      <c r="AQ32062">
        <v>17</v>
      </c>
    </row>
    <row r="32063" spans="1:43">
      <c r="A32063" t="s">
        <v>19863</v>
      </c>
      <c r="B32063" t="s">
        <v>19864</v>
      </c>
      <c r="C32063" t="s">
        <v>19855</v>
      </c>
      <c r="D32063" t="s">
        <v>19856</v>
      </c>
      <c r="E32063" t="s">
        <v>19721</v>
      </c>
      <c r="F32063" t="s">
        <v>19722</v>
      </c>
      <c r="G32063" t="s">
        <v>10734</v>
      </c>
      <c r="H32063" t="s">
        <v>10735</v>
      </c>
      <c r="I32063" s="2">
        <v>0</v>
      </c>
      <c r="J32063" s="2">
        <v>0</v>
      </c>
      <c r="K32063" s="2">
        <v>1</v>
      </c>
      <c r="L32063" t="s">
        <v>995</v>
      </c>
      <c r="M32063" t="s">
        <v>87</v>
      </c>
      <c r="N32063" t="s">
        <v>88</v>
      </c>
      <c r="O32063" t="s">
        <v>85</v>
      </c>
      <c r="P32063" t="s">
        <v>86</v>
      </c>
      <c r="Q32063">
        <v>13</v>
      </c>
      <c r="R32063">
        <v>13</v>
      </c>
      <c r="S32063">
        <v>13</v>
      </c>
      <c r="T32063">
        <v>13</v>
      </c>
      <c r="U32063">
        <v>13</v>
      </c>
      <c r="V32063">
        <v>13</v>
      </c>
      <c r="W32063">
        <v>13</v>
      </c>
      <c r="X32063">
        <v>13</v>
      </c>
      <c r="Y32063">
        <v>13</v>
      </c>
      <c r="Z32063">
        <v>13</v>
      </c>
      <c r="AA32063">
        <v>13</v>
      </c>
      <c r="AB32063">
        <v>13</v>
      </c>
      <c r="AC32063">
        <v>14</v>
      </c>
      <c r="AD32063">
        <v>14</v>
      </c>
      <c r="AE32063">
        <v>14</v>
      </c>
      <c r="AF32063">
        <v>14</v>
      </c>
      <c r="AG32063">
        <v>14</v>
      </c>
      <c r="AH32063">
        <v>14</v>
      </c>
      <c r="AI32063">
        <v>14</v>
      </c>
      <c r="AJ32063">
        <v>14</v>
      </c>
      <c r="AK32063">
        <v>14</v>
      </c>
      <c r="AL32063">
        <v>14</v>
      </c>
      <c r="AM32063">
        <v>14</v>
      </c>
      <c r="AN32063">
        <v>14</v>
      </c>
      <c r="AO32063">
        <v>14</v>
      </c>
      <c r="AP32063">
        <v>14</v>
      </c>
      <c r="AQ32063">
        <v>15</v>
      </c>
    </row>
    <row r="32064" spans="1:43">
      <c r="A32064" t="s">
        <v>19863</v>
      </c>
      <c r="B32064" t="s">
        <v>19864</v>
      </c>
      <c r="C32064" t="s">
        <v>19855</v>
      </c>
      <c r="D32064" t="s">
        <v>19856</v>
      </c>
      <c r="E32064" t="s">
        <v>19721</v>
      </c>
      <c r="F32064" t="s">
        <v>19722</v>
      </c>
      <c r="G32064" t="s">
        <v>10734</v>
      </c>
      <c r="H32064" t="s">
        <v>10735</v>
      </c>
      <c r="I32064" s="2">
        <v>0</v>
      </c>
      <c r="J32064" s="2">
        <v>0</v>
      </c>
      <c r="K32064" s="2">
        <v>1</v>
      </c>
      <c r="L32064" t="s">
        <v>995</v>
      </c>
      <c r="M32064" t="s">
        <v>89</v>
      </c>
      <c r="N32064" t="s">
        <v>90</v>
      </c>
      <c r="O32064" t="s">
        <v>85</v>
      </c>
      <c r="P32064" t="s">
        <v>86</v>
      </c>
      <c r="Q32064">
        <v>13</v>
      </c>
      <c r="R32064">
        <v>13</v>
      </c>
      <c r="S32064">
        <v>14</v>
      </c>
      <c r="T32064">
        <v>14</v>
      </c>
      <c r="U32064">
        <v>14</v>
      </c>
      <c r="V32064">
        <v>15</v>
      </c>
      <c r="W32064">
        <v>15</v>
      </c>
      <c r="X32064">
        <v>15</v>
      </c>
      <c r="Y32064">
        <v>15</v>
      </c>
      <c r="Z32064">
        <v>15</v>
      </c>
      <c r="AA32064">
        <v>16</v>
      </c>
      <c r="AB32064">
        <v>16</v>
      </c>
      <c r="AC32064">
        <v>16</v>
      </c>
      <c r="AD32064">
        <v>16</v>
      </c>
      <c r="AE32064">
        <v>16</v>
      </c>
      <c r="AF32064">
        <v>16</v>
      </c>
      <c r="AG32064">
        <v>17</v>
      </c>
      <c r="AH32064">
        <v>17</v>
      </c>
      <c r="AI32064">
        <v>17</v>
      </c>
      <c r="AJ32064">
        <v>17</v>
      </c>
      <c r="AK32064">
        <v>17</v>
      </c>
      <c r="AL32064">
        <v>17</v>
      </c>
      <c r="AM32064">
        <v>17</v>
      </c>
      <c r="AN32064">
        <v>17</v>
      </c>
      <c r="AO32064">
        <v>17</v>
      </c>
      <c r="AP32064">
        <v>17</v>
      </c>
      <c r="AQ32064">
        <v>17</v>
      </c>
    </row>
    <row r="32065" spans="1:43">
      <c r="A32065" t="s">
        <v>19863</v>
      </c>
      <c r="B32065" t="s">
        <v>19864</v>
      </c>
      <c r="C32065" t="s">
        <v>19855</v>
      </c>
      <c r="D32065" t="s">
        <v>19856</v>
      </c>
      <c r="E32065" t="s">
        <v>19721</v>
      </c>
      <c r="F32065" t="s">
        <v>19722</v>
      </c>
      <c r="G32065" t="s">
        <v>10734</v>
      </c>
      <c r="H32065" t="s">
        <v>10735</v>
      </c>
      <c r="I32065" s="2">
        <v>0</v>
      </c>
      <c r="J32065" s="2">
        <v>0</v>
      </c>
      <c r="K32065" s="2">
        <v>1</v>
      </c>
      <c r="L32065" t="s">
        <v>995</v>
      </c>
      <c r="M32065" t="s">
        <v>83</v>
      </c>
      <c r="N32065" t="s">
        <v>91</v>
      </c>
      <c r="O32065" t="s">
        <v>85</v>
      </c>
      <c r="P32065" t="s">
        <v>86</v>
      </c>
      <c r="Q32065">
        <v>13</v>
      </c>
      <c r="R32065">
        <v>13</v>
      </c>
      <c r="S32065">
        <v>13</v>
      </c>
      <c r="T32065">
        <v>14</v>
      </c>
      <c r="U32065">
        <v>14</v>
      </c>
      <c r="V32065">
        <v>14</v>
      </c>
      <c r="W32065">
        <v>14</v>
      </c>
      <c r="X32065">
        <v>14</v>
      </c>
      <c r="Y32065">
        <v>14</v>
      </c>
      <c r="Z32065">
        <v>15</v>
      </c>
      <c r="AA32065">
        <v>15</v>
      </c>
      <c r="AB32065">
        <v>15</v>
      </c>
      <c r="AC32065">
        <v>15</v>
      </c>
      <c r="AD32065">
        <v>15</v>
      </c>
      <c r="AE32065">
        <v>15</v>
      </c>
      <c r="AF32065">
        <v>16</v>
      </c>
      <c r="AG32065">
        <v>16</v>
      </c>
      <c r="AH32065">
        <v>16</v>
      </c>
      <c r="AI32065">
        <v>16</v>
      </c>
      <c r="AJ32065">
        <v>16</v>
      </c>
      <c r="AK32065">
        <v>16</v>
      </c>
      <c r="AL32065">
        <v>16</v>
      </c>
      <c r="AM32065">
        <v>17</v>
      </c>
      <c r="AN32065">
        <v>17</v>
      </c>
      <c r="AO32065">
        <v>17</v>
      </c>
      <c r="AP32065">
        <v>17</v>
      </c>
      <c r="AQ32065">
        <v>17</v>
      </c>
    </row>
    <row r="32066" spans="1:43">
      <c r="A32066" t="s">
        <v>19865</v>
      </c>
      <c r="B32066" t="s">
        <v>19866</v>
      </c>
      <c r="C32066" t="s">
        <v>19855</v>
      </c>
      <c r="D32066" t="s">
        <v>19856</v>
      </c>
      <c r="E32066" t="s">
        <v>19721</v>
      </c>
      <c r="F32066" t="s">
        <v>19722</v>
      </c>
      <c r="G32066" t="s">
        <v>10734</v>
      </c>
      <c r="H32066" t="s">
        <v>10735</v>
      </c>
      <c r="I32066" s="2">
        <v>0</v>
      </c>
      <c r="J32066" s="2">
        <v>0</v>
      </c>
      <c r="K32066" s="2">
        <v>1</v>
      </c>
      <c r="L32066" t="s">
        <v>995</v>
      </c>
      <c r="M32066" t="s">
        <v>83</v>
      </c>
      <c r="N32066" t="s">
        <v>84</v>
      </c>
      <c r="O32066" t="s">
        <v>85</v>
      </c>
      <c r="P32066" t="s">
        <v>86</v>
      </c>
      <c r="Q32066">
        <v>65</v>
      </c>
      <c r="R32066">
        <v>66</v>
      </c>
      <c r="S32066">
        <v>67</v>
      </c>
      <c r="T32066">
        <v>68</v>
      </c>
      <c r="U32066">
        <v>69</v>
      </c>
      <c r="V32066">
        <v>69</v>
      </c>
      <c r="W32066">
        <v>70</v>
      </c>
      <c r="X32066">
        <v>71</v>
      </c>
      <c r="Y32066">
        <v>72</v>
      </c>
      <c r="Z32066">
        <v>73</v>
      </c>
      <c r="AA32066">
        <v>74</v>
      </c>
      <c r="AB32066">
        <v>74</v>
      </c>
      <c r="AC32066">
        <v>75</v>
      </c>
      <c r="AD32066">
        <v>76</v>
      </c>
      <c r="AE32066">
        <v>77</v>
      </c>
      <c r="AF32066">
        <v>77</v>
      </c>
      <c r="AG32066">
        <v>78</v>
      </c>
      <c r="AH32066">
        <v>79</v>
      </c>
      <c r="AI32066">
        <v>80</v>
      </c>
      <c r="AJ32066">
        <v>81</v>
      </c>
      <c r="AK32066">
        <v>82</v>
      </c>
      <c r="AL32066">
        <v>82</v>
      </c>
      <c r="AM32066">
        <v>82</v>
      </c>
      <c r="AN32066">
        <v>83</v>
      </c>
      <c r="AO32066">
        <v>83</v>
      </c>
      <c r="AP32066">
        <v>83</v>
      </c>
      <c r="AQ32066">
        <v>84</v>
      </c>
    </row>
    <row r="32067" spans="1:43">
      <c r="A32067" t="s">
        <v>19865</v>
      </c>
      <c r="B32067" t="s">
        <v>19866</v>
      </c>
      <c r="C32067" t="s">
        <v>19855</v>
      </c>
      <c r="D32067" t="s">
        <v>19856</v>
      </c>
      <c r="E32067" t="s">
        <v>19721</v>
      </c>
      <c r="F32067" t="s">
        <v>19722</v>
      </c>
      <c r="G32067" t="s">
        <v>10734</v>
      </c>
      <c r="H32067" t="s">
        <v>10735</v>
      </c>
      <c r="I32067" s="2">
        <v>0</v>
      </c>
      <c r="J32067" s="2">
        <v>0</v>
      </c>
      <c r="K32067" s="2">
        <v>1</v>
      </c>
      <c r="L32067" t="s">
        <v>995</v>
      </c>
      <c r="M32067" t="s">
        <v>87</v>
      </c>
      <c r="N32067" t="s">
        <v>88</v>
      </c>
      <c r="O32067" t="s">
        <v>85</v>
      </c>
      <c r="P32067" t="s">
        <v>86</v>
      </c>
      <c r="Q32067">
        <v>65</v>
      </c>
      <c r="R32067">
        <v>65</v>
      </c>
      <c r="S32067">
        <v>65</v>
      </c>
      <c r="T32067">
        <v>65</v>
      </c>
      <c r="U32067">
        <v>66</v>
      </c>
      <c r="V32067">
        <v>66</v>
      </c>
      <c r="W32067">
        <v>66</v>
      </c>
      <c r="X32067">
        <v>66</v>
      </c>
      <c r="Y32067">
        <v>66</v>
      </c>
      <c r="Z32067">
        <v>67</v>
      </c>
      <c r="AA32067">
        <v>67</v>
      </c>
      <c r="AB32067">
        <v>67</v>
      </c>
      <c r="AC32067">
        <v>68</v>
      </c>
      <c r="AD32067">
        <v>68</v>
      </c>
      <c r="AE32067">
        <v>68</v>
      </c>
      <c r="AF32067">
        <v>68</v>
      </c>
      <c r="AG32067">
        <v>69</v>
      </c>
      <c r="AH32067">
        <v>69</v>
      </c>
      <c r="AI32067">
        <v>69</v>
      </c>
      <c r="AJ32067">
        <v>70</v>
      </c>
      <c r="AK32067">
        <v>70</v>
      </c>
      <c r="AL32067">
        <v>70</v>
      </c>
      <c r="AM32067">
        <v>71</v>
      </c>
      <c r="AN32067">
        <v>71</v>
      </c>
      <c r="AO32067">
        <v>72</v>
      </c>
      <c r="AP32067">
        <v>72</v>
      </c>
      <c r="AQ32067">
        <v>72</v>
      </c>
    </row>
    <row r="32068" spans="1:43">
      <c r="A32068" t="s">
        <v>19865</v>
      </c>
      <c r="B32068" t="s">
        <v>19866</v>
      </c>
      <c r="C32068" t="s">
        <v>19855</v>
      </c>
      <c r="D32068" t="s">
        <v>19856</v>
      </c>
      <c r="E32068" t="s">
        <v>19721</v>
      </c>
      <c r="F32068" t="s">
        <v>19722</v>
      </c>
      <c r="G32068" t="s">
        <v>10734</v>
      </c>
      <c r="H32068" t="s">
        <v>10735</v>
      </c>
      <c r="I32068" s="2">
        <v>0</v>
      </c>
      <c r="J32068" s="2">
        <v>0</v>
      </c>
      <c r="K32068" s="2">
        <v>1</v>
      </c>
      <c r="L32068" t="s">
        <v>995</v>
      </c>
      <c r="M32068" t="s">
        <v>89</v>
      </c>
      <c r="N32068" t="s">
        <v>90</v>
      </c>
      <c r="O32068" t="s">
        <v>85</v>
      </c>
      <c r="P32068" t="s">
        <v>86</v>
      </c>
      <c r="Q32068">
        <v>65</v>
      </c>
      <c r="R32068">
        <v>66</v>
      </c>
      <c r="S32068">
        <v>68</v>
      </c>
      <c r="T32068">
        <v>69</v>
      </c>
      <c r="U32068">
        <v>70</v>
      </c>
      <c r="V32068">
        <v>72</v>
      </c>
      <c r="W32068">
        <v>73</v>
      </c>
      <c r="X32068">
        <v>74</v>
      </c>
      <c r="Y32068">
        <v>75</v>
      </c>
      <c r="Z32068">
        <v>76</v>
      </c>
      <c r="AA32068">
        <v>77</v>
      </c>
      <c r="AB32068">
        <v>78</v>
      </c>
      <c r="AC32068">
        <v>79</v>
      </c>
      <c r="AD32068">
        <v>80</v>
      </c>
      <c r="AE32068">
        <v>81</v>
      </c>
      <c r="AF32068">
        <v>81</v>
      </c>
      <c r="AG32068">
        <v>81</v>
      </c>
      <c r="AH32068">
        <v>82</v>
      </c>
      <c r="AI32068">
        <v>82</v>
      </c>
      <c r="AJ32068">
        <v>82</v>
      </c>
      <c r="AK32068">
        <v>82</v>
      </c>
      <c r="AL32068">
        <v>83</v>
      </c>
      <c r="AM32068">
        <v>83</v>
      </c>
      <c r="AN32068">
        <v>83</v>
      </c>
      <c r="AO32068">
        <v>84</v>
      </c>
      <c r="AP32068">
        <v>84</v>
      </c>
      <c r="AQ32068">
        <v>84</v>
      </c>
    </row>
    <row r="32069" spans="1:43">
      <c r="A32069" t="s">
        <v>19865</v>
      </c>
      <c r="B32069" t="s">
        <v>19866</v>
      </c>
      <c r="C32069" t="s">
        <v>19855</v>
      </c>
      <c r="D32069" t="s">
        <v>19856</v>
      </c>
      <c r="E32069" t="s">
        <v>19721</v>
      </c>
      <c r="F32069" t="s">
        <v>19722</v>
      </c>
      <c r="G32069" t="s">
        <v>10734</v>
      </c>
      <c r="H32069" t="s">
        <v>10735</v>
      </c>
      <c r="I32069" s="2">
        <v>0</v>
      </c>
      <c r="J32069" s="2">
        <v>0</v>
      </c>
      <c r="K32069" s="2">
        <v>1</v>
      </c>
      <c r="L32069" t="s">
        <v>995</v>
      </c>
      <c r="M32069" t="s">
        <v>83</v>
      </c>
      <c r="N32069" t="s">
        <v>91</v>
      </c>
      <c r="O32069" t="s">
        <v>85</v>
      </c>
      <c r="P32069" t="s">
        <v>86</v>
      </c>
      <c r="Q32069">
        <v>65</v>
      </c>
      <c r="R32069">
        <v>66</v>
      </c>
      <c r="S32069">
        <v>67</v>
      </c>
      <c r="T32069">
        <v>68</v>
      </c>
      <c r="U32069">
        <v>69</v>
      </c>
      <c r="V32069">
        <v>69</v>
      </c>
      <c r="W32069">
        <v>70</v>
      </c>
      <c r="X32069">
        <v>71</v>
      </c>
      <c r="Y32069">
        <v>72</v>
      </c>
      <c r="Z32069">
        <v>73</v>
      </c>
      <c r="AA32069">
        <v>74</v>
      </c>
      <c r="AB32069">
        <v>74</v>
      </c>
      <c r="AC32069">
        <v>75</v>
      </c>
      <c r="AD32069">
        <v>76</v>
      </c>
      <c r="AE32069">
        <v>77</v>
      </c>
      <c r="AF32069">
        <v>77</v>
      </c>
      <c r="AG32069">
        <v>78</v>
      </c>
      <c r="AH32069">
        <v>79</v>
      </c>
      <c r="AI32069">
        <v>80</v>
      </c>
      <c r="AJ32069">
        <v>81</v>
      </c>
      <c r="AK32069">
        <v>82</v>
      </c>
      <c r="AL32069">
        <v>82</v>
      </c>
      <c r="AM32069">
        <v>82</v>
      </c>
      <c r="AN32069">
        <v>83</v>
      </c>
      <c r="AO32069">
        <v>83</v>
      </c>
      <c r="AP32069">
        <v>83</v>
      </c>
      <c r="AQ32069">
        <v>84</v>
      </c>
    </row>
    <row r="32070" spans="1:43">
      <c r="A32070" t="s">
        <v>19867</v>
      </c>
      <c r="B32070" t="s">
        <v>19868</v>
      </c>
      <c r="C32070" t="s">
        <v>19727</v>
      </c>
      <c r="D32070" t="s">
        <v>19728</v>
      </c>
      <c r="E32070" t="s">
        <v>19721</v>
      </c>
      <c r="F32070" t="s">
        <v>19722</v>
      </c>
      <c r="G32070" t="s">
        <v>10734</v>
      </c>
      <c r="H32070" t="s">
        <v>10735</v>
      </c>
      <c r="I32070" s="2">
        <v>0</v>
      </c>
      <c r="J32070" s="2">
        <v>0</v>
      </c>
      <c r="K32070" s="2">
        <v>1</v>
      </c>
      <c r="L32070" t="s">
        <v>995</v>
      </c>
      <c r="M32070" t="s">
        <v>83</v>
      </c>
      <c r="N32070" t="s">
        <v>84</v>
      </c>
      <c r="O32070" t="s">
        <v>85</v>
      </c>
      <c r="P32070" t="s">
        <v>86</v>
      </c>
      <c r="Q32070">
        <v>18</v>
      </c>
      <c r="R32070">
        <v>18</v>
      </c>
      <c r="S32070">
        <v>18</v>
      </c>
      <c r="T32070">
        <v>18</v>
      </c>
      <c r="U32070">
        <v>18</v>
      </c>
      <c r="V32070">
        <v>19</v>
      </c>
      <c r="W32070">
        <v>19</v>
      </c>
      <c r="X32070">
        <v>19</v>
      </c>
      <c r="Y32070">
        <v>19</v>
      </c>
      <c r="Z32070">
        <v>20</v>
      </c>
      <c r="AA32070">
        <v>20</v>
      </c>
      <c r="AB32070">
        <v>20</v>
      </c>
      <c r="AC32070">
        <v>20</v>
      </c>
      <c r="AD32070">
        <v>20</v>
      </c>
      <c r="AE32070">
        <v>21</v>
      </c>
      <c r="AF32070">
        <v>21</v>
      </c>
      <c r="AG32070">
        <v>21</v>
      </c>
      <c r="AH32070">
        <v>21</v>
      </c>
      <c r="AI32070">
        <v>22</v>
      </c>
      <c r="AJ32070">
        <v>22</v>
      </c>
      <c r="AK32070">
        <v>22</v>
      </c>
      <c r="AL32070">
        <v>22</v>
      </c>
      <c r="AM32070">
        <v>22</v>
      </c>
      <c r="AN32070">
        <v>22</v>
      </c>
      <c r="AO32070">
        <v>22</v>
      </c>
      <c r="AP32070">
        <v>23</v>
      </c>
      <c r="AQ32070">
        <v>23</v>
      </c>
    </row>
    <row r="32071" spans="1:43">
      <c r="A32071" t="s">
        <v>19867</v>
      </c>
      <c r="B32071" t="s">
        <v>19868</v>
      </c>
      <c r="C32071" t="s">
        <v>19727</v>
      </c>
      <c r="D32071" t="s">
        <v>19728</v>
      </c>
      <c r="E32071" t="s">
        <v>19721</v>
      </c>
      <c r="F32071" t="s">
        <v>19722</v>
      </c>
      <c r="G32071" t="s">
        <v>10734</v>
      </c>
      <c r="H32071" t="s">
        <v>10735</v>
      </c>
      <c r="I32071" s="2">
        <v>0</v>
      </c>
      <c r="J32071" s="2">
        <v>0</v>
      </c>
      <c r="K32071" s="2">
        <v>1</v>
      </c>
      <c r="L32071" t="s">
        <v>995</v>
      </c>
      <c r="M32071" t="s">
        <v>87</v>
      </c>
      <c r="N32071" t="s">
        <v>88</v>
      </c>
      <c r="O32071" t="s">
        <v>85</v>
      </c>
      <c r="P32071" t="s">
        <v>86</v>
      </c>
      <c r="Q32071">
        <v>18</v>
      </c>
      <c r="R32071">
        <v>18</v>
      </c>
      <c r="S32071">
        <v>19</v>
      </c>
      <c r="T32071">
        <v>19</v>
      </c>
      <c r="U32071">
        <v>19</v>
      </c>
      <c r="V32071">
        <v>19</v>
      </c>
      <c r="W32071">
        <v>19</v>
      </c>
      <c r="X32071">
        <v>19</v>
      </c>
      <c r="Y32071">
        <v>19</v>
      </c>
      <c r="Z32071">
        <v>19</v>
      </c>
      <c r="AA32071">
        <v>19</v>
      </c>
      <c r="AB32071">
        <v>19</v>
      </c>
      <c r="AC32071">
        <v>19</v>
      </c>
      <c r="AD32071">
        <v>19</v>
      </c>
      <c r="AE32071">
        <v>19</v>
      </c>
      <c r="AF32071">
        <v>19</v>
      </c>
      <c r="AG32071">
        <v>20</v>
      </c>
      <c r="AH32071">
        <v>20</v>
      </c>
      <c r="AI32071">
        <v>20</v>
      </c>
      <c r="AJ32071">
        <v>20</v>
      </c>
      <c r="AK32071">
        <v>20</v>
      </c>
      <c r="AL32071">
        <v>20</v>
      </c>
      <c r="AM32071">
        <v>20</v>
      </c>
      <c r="AN32071">
        <v>20</v>
      </c>
      <c r="AO32071">
        <v>20</v>
      </c>
      <c r="AP32071">
        <v>20</v>
      </c>
      <c r="AQ32071">
        <v>21</v>
      </c>
    </row>
    <row r="32072" spans="1:43">
      <c r="A32072" t="s">
        <v>19867</v>
      </c>
      <c r="B32072" t="s">
        <v>19868</v>
      </c>
      <c r="C32072" t="s">
        <v>19727</v>
      </c>
      <c r="D32072" t="s">
        <v>19728</v>
      </c>
      <c r="E32072" t="s">
        <v>19721</v>
      </c>
      <c r="F32072" t="s">
        <v>19722</v>
      </c>
      <c r="G32072" t="s">
        <v>10734</v>
      </c>
      <c r="H32072" t="s">
        <v>10735</v>
      </c>
      <c r="I32072" s="2">
        <v>0</v>
      </c>
      <c r="J32072" s="2">
        <v>0</v>
      </c>
      <c r="K32072" s="2">
        <v>1</v>
      </c>
      <c r="L32072" t="s">
        <v>995</v>
      </c>
      <c r="M32072" t="s">
        <v>89</v>
      </c>
      <c r="N32072" t="s">
        <v>90</v>
      </c>
      <c r="O32072" t="s">
        <v>85</v>
      </c>
      <c r="P32072" t="s">
        <v>86</v>
      </c>
      <c r="Q32072">
        <v>18</v>
      </c>
      <c r="R32072">
        <v>18</v>
      </c>
      <c r="S32072">
        <v>19</v>
      </c>
      <c r="T32072">
        <v>19</v>
      </c>
      <c r="U32072">
        <v>19</v>
      </c>
      <c r="V32072">
        <v>20</v>
      </c>
      <c r="W32072">
        <v>20</v>
      </c>
      <c r="X32072">
        <v>20</v>
      </c>
      <c r="Y32072">
        <v>21</v>
      </c>
      <c r="Z32072">
        <v>21</v>
      </c>
      <c r="AA32072">
        <v>21</v>
      </c>
      <c r="AB32072">
        <v>21</v>
      </c>
      <c r="AC32072">
        <v>22</v>
      </c>
      <c r="AD32072">
        <v>22</v>
      </c>
      <c r="AE32072">
        <v>22</v>
      </c>
      <c r="AF32072">
        <v>22</v>
      </c>
      <c r="AG32072">
        <v>22</v>
      </c>
      <c r="AH32072">
        <v>22</v>
      </c>
      <c r="AI32072">
        <v>22</v>
      </c>
      <c r="AJ32072">
        <v>22</v>
      </c>
      <c r="AK32072">
        <v>23</v>
      </c>
      <c r="AL32072">
        <v>23</v>
      </c>
      <c r="AM32072">
        <v>23</v>
      </c>
      <c r="AN32072">
        <v>23</v>
      </c>
      <c r="AO32072">
        <v>23</v>
      </c>
      <c r="AP32072">
        <v>23</v>
      </c>
      <c r="AQ32072">
        <v>23</v>
      </c>
    </row>
    <row r="32073" spans="1:43">
      <c r="A32073" t="s">
        <v>19867</v>
      </c>
      <c r="B32073" t="s">
        <v>19868</v>
      </c>
      <c r="C32073" t="s">
        <v>19727</v>
      </c>
      <c r="D32073" t="s">
        <v>19728</v>
      </c>
      <c r="E32073" t="s">
        <v>19721</v>
      </c>
      <c r="F32073" t="s">
        <v>19722</v>
      </c>
      <c r="G32073" t="s">
        <v>10734</v>
      </c>
      <c r="H32073" t="s">
        <v>10735</v>
      </c>
      <c r="I32073" s="2">
        <v>0</v>
      </c>
      <c r="J32073" s="2">
        <v>0</v>
      </c>
      <c r="K32073" s="2">
        <v>1</v>
      </c>
      <c r="L32073" t="s">
        <v>995</v>
      </c>
      <c r="M32073" t="s">
        <v>83</v>
      </c>
      <c r="N32073" t="s">
        <v>91</v>
      </c>
      <c r="O32073" t="s">
        <v>85</v>
      </c>
      <c r="P32073" t="s">
        <v>86</v>
      </c>
      <c r="Q32073">
        <v>18</v>
      </c>
      <c r="R32073">
        <v>18</v>
      </c>
      <c r="S32073">
        <v>18</v>
      </c>
      <c r="T32073">
        <v>18</v>
      </c>
      <c r="U32073">
        <v>18</v>
      </c>
      <c r="V32073">
        <v>19</v>
      </c>
      <c r="W32073">
        <v>19</v>
      </c>
      <c r="X32073">
        <v>19</v>
      </c>
      <c r="Y32073">
        <v>19</v>
      </c>
      <c r="Z32073">
        <v>20</v>
      </c>
      <c r="AA32073">
        <v>20</v>
      </c>
      <c r="AB32073">
        <v>20</v>
      </c>
      <c r="AC32073">
        <v>20</v>
      </c>
      <c r="AD32073">
        <v>20</v>
      </c>
      <c r="AE32073">
        <v>21</v>
      </c>
      <c r="AF32073">
        <v>21</v>
      </c>
      <c r="AG32073">
        <v>21</v>
      </c>
      <c r="AH32073">
        <v>21</v>
      </c>
      <c r="AI32073">
        <v>22</v>
      </c>
      <c r="AJ32073">
        <v>22</v>
      </c>
      <c r="AK32073">
        <v>22</v>
      </c>
      <c r="AL32073">
        <v>22</v>
      </c>
      <c r="AM32073">
        <v>22</v>
      </c>
      <c r="AN32073">
        <v>22</v>
      </c>
      <c r="AO32073">
        <v>22</v>
      </c>
      <c r="AP32073">
        <v>23</v>
      </c>
      <c r="AQ32073">
        <v>23</v>
      </c>
    </row>
    <row r="32074" spans="1:43">
      <c r="A32074" t="s">
        <v>19869</v>
      </c>
      <c r="B32074" t="s">
        <v>19870</v>
      </c>
      <c r="C32074" t="s">
        <v>19727</v>
      </c>
      <c r="D32074" t="s">
        <v>19728</v>
      </c>
      <c r="E32074" t="s">
        <v>19721</v>
      </c>
      <c r="F32074" t="s">
        <v>19722</v>
      </c>
      <c r="G32074" t="s">
        <v>10734</v>
      </c>
      <c r="H32074" t="s">
        <v>10735</v>
      </c>
      <c r="I32074" s="2">
        <v>0</v>
      </c>
      <c r="J32074" s="2">
        <v>0</v>
      </c>
      <c r="K32074" s="2">
        <v>1</v>
      </c>
      <c r="L32074" t="s">
        <v>995</v>
      </c>
      <c r="M32074" t="s">
        <v>83</v>
      </c>
      <c r="N32074" t="s">
        <v>84</v>
      </c>
      <c r="O32074" t="s">
        <v>85</v>
      </c>
      <c r="P32074" t="s">
        <v>86</v>
      </c>
      <c r="Q32074">
        <v>22</v>
      </c>
      <c r="R32074">
        <v>23</v>
      </c>
      <c r="S32074">
        <v>23</v>
      </c>
      <c r="T32074">
        <v>23</v>
      </c>
      <c r="U32074">
        <v>23</v>
      </c>
      <c r="V32074">
        <v>24</v>
      </c>
      <c r="W32074">
        <v>24</v>
      </c>
      <c r="X32074">
        <v>24</v>
      </c>
      <c r="Y32074">
        <v>25</v>
      </c>
      <c r="Z32074">
        <v>25</v>
      </c>
      <c r="AA32074">
        <v>25</v>
      </c>
      <c r="AB32074">
        <v>25</v>
      </c>
      <c r="AC32074">
        <v>26</v>
      </c>
      <c r="AD32074">
        <v>26</v>
      </c>
      <c r="AE32074">
        <v>26</v>
      </c>
      <c r="AF32074">
        <v>26</v>
      </c>
      <c r="AG32074">
        <v>27</v>
      </c>
      <c r="AH32074">
        <v>27</v>
      </c>
      <c r="AI32074">
        <v>27</v>
      </c>
      <c r="AJ32074">
        <v>28</v>
      </c>
      <c r="AK32074">
        <v>28</v>
      </c>
      <c r="AL32074">
        <v>28</v>
      </c>
      <c r="AM32074">
        <v>28</v>
      </c>
      <c r="AN32074">
        <v>28</v>
      </c>
      <c r="AO32074">
        <v>28</v>
      </c>
      <c r="AP32074">
        <v>29</v>
      </c>
      <c r="AQ32074">
        <v>29</v>
      </c>
    </row>
    <row r="32075" spans="1:43">
      <c r="A32075" t="s">
        <v>19869</v>
      </c>
      <c r="B32075" t="s">
        <v>19870</v>
      </c>
      <c r="C32075" t="s">
        <v>19727</v>
      </c>
      <c r="D32075" t="s">
        <v>19728</v>
      </c>
      <c r="E32075" t="s">
        <v>19721</v>
      </c>
      <c r="F32075" t="s">
        <v>19722</v>
      </c>
      <c r="G32075" t="s">
        <v>10734</v>
      </c>
      <c r="H32075" t="s">
        <v>10735</v>
      </c>
      <c r="I32075" s="2">
        <v>0</v>
      </c>
      <c r="J32075" s="2">
        <v>0</v>
      </c>
      <c r="K32075" s="2">
        <v>1</v>
      </c>
      <c r="L32075" t="s">
        <v>995</v>
      </c>
      <c r="M32075" t="s">
        <v>87</v>
      </c>
      <c r="N32075" t="s">
        <v>88</v>
      </c>
      <c r="O32075" t="s">
        <v>85</v>
      </c>
      <c r="P32075" t="s">
        <v>86</v>
      </c>
      <c r="Q32075">
        <v>22</v>
      </c>
      <c r="R32075">
        <v>22</v>
      </c>
      <c r="S32075">
        <v>22</v>
      </c>
      <c r="T32075">
        <v>22</v>
      </c>
      <c r="U32075">
        <v>22</v>
      </c>
      <c r="V32075">
        <v>22</v>
      </c>
      <c r="W32075">
        <v>23</v>
      </c>
      <c r="X32075">
        <v>23</v>
      </c>
      <c r="Y32075">
        <v>23</v>
      </c>
      <c r="Z32075">
        <v>23</v>
      </c>
      <c r="AA32075">
        <v>23</v>
      </c>
      <c r="AB32075">
        <v>23</v>
      </c>
      <c r="AC32075">
        <v>23</v>
      </c>
      <c r="AD32075">
        <v>23</v>
      </c>
      <c r="AE32075">
        <v>23</v>
      </c>
      <c r="AF32075">
        <v>23</v>
      </c>
      <c r="AG32075">
        <v>23</v>
      </c>
      <c r="AH32075">
        <v>24</v>
      </c>
      <c r="AI32075">
        <v>24</v>
      </c>
      <c r="AJ32075">
        <v>24</v>
      </c>
      <c r="AK32075">
        <v>24</v>
      </c>
      <c r="AL32075">
        <v>24</v>
      </c>
      <c r="AM32075">
        <v>24</v>
      </c>
      <c r="AN32075">
        <v>24</v>
      </c>
      <c r="AO32075">
        <v>24</v>
      </c>
      <c r="AP32075">
        <v>25</v>
      </c>
      <c r="AQ32075">
        <v>25</v>
      </c>
    </row>
    <row r="32076" spans="1:43">
      <c r="A32076" t="s">
        <v>19869</v>
      </c>
      <c r="B32076" t="s">
        <v>19870</v>
      </c>
      <c r="C32076" t="s">
        <v>19727</v>
      </c>
      <c r="D32076" t="s">
        <v>19728</v>
      </c>
      <c r="E32076" t="s">
        <v>19721</v>
      </c>
      <c r="F32076" t="s">
        <v>19722</v>
      </c>
      <c r="G32076" t="s">
        <v>10734</v>
      </c>
      <c r="H32076" t="s">
        <v>10735</v>
      </c>
      <c r="I32076" s="2">
        <v>0</v>
      </c>
      <c r="J32076" s="2">
        <v>0</v>
      </c>
      <c r="K32076" s="2">
        <v>1</v>
      </c>
      <c r="L32076" t="s">
        <v>995</v>
      </c>
      <c r="M32076" t="s">
        <v>89</v>
      </c>
      <c r="N32076" t="s">
        <v>90</v>
      </c>
      <c r="O32076" t="s">
        <v>85</v>
      </c>
      <c r="P32076" t="s">
        <v>86</v>
      </c>
      <c r="Q32076">
        <v>22</v>
      </c>
      <c r="R32076">
        <v>23</v>
      </c>
      <c r="S32076">
        <v>23</v>
      </c>
      <c r="T32076">
        <v>24</v>
      </c>
      <c r="U32076">
        <v>24</v>
      </c>
      <c r="V32076">
        <v>25</v>
      </c>
      <c r="W32076">
        <v>25</v>
      </c>
      <c r="X32076">
        <v>26</v>
      </c>
      <c r="Y32076">
        <v>26</v>
      </c>
      <c r="Z32076">
        <v>26</v>
      </c>
      <c r="AA32076">
        <v>27</v>
      </c>
      <c r="AB32076">
        <v>27</v>
      </c>
      <c r="AC32076">
        <v>27</v>
      </c>
      <c r="AD32076">
        <v>28</v>
      </c>
      <c r="AE32076">
        <v>28</v>
      </c>
      <c r="AF32076">
        <v>28</v>
      </c>
      <c r="AG32076">
        <v>28</v>
      </c>
      <c r="AH32076">
        <v>28</v>
      </c>
      <c r="AI32076">
        <v>28</v>
      </c>
      <c r="AJ32076">
        <v>28</v>
      </c>
      <c r="AK32076">
        <v>29</v>
      </c>
      <c r="AL32076">
        <v>29</v>
      </c>
      <c r="AM32076">
        <v>29</v>
      </c>
      <c r="AN32076">
        <v>29</v>
      </c>
      <c r="AO32076">
        <v>29</v>
      </c>
      <c r="AP32076">
        <v>29</v>
      </c>
      <c r="AQ32076">
        <v>29</v>
      </c>
    </row>
    <row r="32077" spans="1:43">
      <c r="A32077" t="s">
        <v>19869</v>
      </c>
      <c r="B32077" t="s">
        <v>19870</v>
      </c>
      <c r="C32077" t="s">
        <v>19727</v>
      </c>
      <c r="D32077" t="s">
        <v>19728</v>
      </c>
      <c r="E32077" t="s">
        <v>19721</v>
      </c>
      <c r="F32077" t="s">
        <v>19722</v>
      </c>
      <c r="G32077" t="s">
        <v>10734</v>
      </c>
      <c r="H32077" t="s">
        <v>10735</v>
      </c>
      <c r="I32077" s="2">
        <v>0</v>
      </c>
      <c r="J32077" s="2">
        <v>0</v>
      </c>
      <c r="K32077" s="2">
        <v>1</v>
      </c>
      <c r="L32077" t="s">
        <v>995</v>
      </c>
      <c r="M32077" t="s">
        <v>83</v>
      </c>
      <c r="N32077" t="s">
        <v>91</v>
      </c>
      <c r="O32077" t="s">
        <v>85</v>
      </c>
      <c r="P32077" t="s">
        <v>86</v>
      </c>
      <c r="Q32077">
        <v>22</v>
      </c>
      <c r="R32077">
        <v>23</v>
      </c>
      <c r="S32077">
        <v>23</v>
      </c>
      <c r="T32077">
        <v>23</v>
      </c>
      <c r="U32077">
        <v>23</v>
      </c>
      <c r="V32077">
        <v>24</v>
      </c>
      <c r="W32077">
        <v>24</v>
      </c>
      <c r="X32077">
        <v>24</v>
      </c>
      <c r="Y32077">
        <v>25</v>
      </c>
      <c r="Z32077">
        <v>25</v>
      </c>
      <c r="AA32077">
        <v>25</v>
      </c>
      <c r="AB32077">
        <v>25</v>
      </c>
      <c r="AC32077">
        <v>26</v>
      </c>
      <c r="AD32077">
        <v>26</v>
      </c>
      <c r="AE32077">
        <v>26</v>
      </c>
      <c r="AF32077">
        <v>26</v>
      </c>
      <c r="AG32077">
        <v>27</v>
      </c>
      <c r="AH32077">
        <v>27</v>
      </c>
      <c r="AI32077">
        <v>27</v>
      </c>
      <c r="AJ32077">
        <v>28</v>
      </c>
      <c r="AK32077">
        <v>28</v>
      </c>
      <c r="AL32077">
        <v>28</v>
      </c>
      <c r="AM32077">
        <v>28</v>
      </c>
      <c r="AN32077">
        <v>28</v>
      </c>
      <c r="AO32077">
        <v>28</v>
      </c>
      <c r="AP32077">
        <v>29</v>
      </c>
      <c r="AQ32077">
        <v>29</v>
      </c>
    </row>
    <row r="32078" spans="1:43">
      <c r="A32078" t="s">
        <v>19871</v>
      </c>
      <c r="B32078" t="s">
        <v>19872</v>
      </c>
      <c r="C32078" t="s">
        <v>19797</v>
      </c>
      <c r="D32078" t="s">
        <v>19798</v>
      </c>
      <c r="E32078" t="s">
        <v>19721</v>
      </c>
      <c r="F32078" t="s">
        <v>19722</v>
      </c>
      <c r="G32078" t="s">
        <v>10734</v>
      </c>
      <c r="H32078" t="s">
        <v>10735</v>
      </c>
      <c r="I32078" s="2">
        <v>0</v>
      </c>
      <c r="J32078" s="2">
        <v>0</v>
      </c>
      <c r="K32078" s="2">
        <v>1</v>
      </c>
      <c r="L32078" t="s">
        <v>995</v>
      </c>
      <c r="M32078" t="s">
        <v>83</v>
      </c>
      <c r="N32078" t="s">
        <v>84</v>
      </c>
      <c r="O32078" t="s">
        <v>85</v>
      </c>
      <c r="P32078" t="s">
        <v>86</v>
      </c>
      <c r="Q32078">
        <v>15</v>
      </c>
      <c r="R32078">
        <v>15</v>
      </c>
      <c r="S32078">
        <v>15</v>
      </c>
      <c r="T32078">
        <v>15</v>
      </c>
      <c r="U32078">
        <v>16</v>
      </c>
      <c r="V32078">
        <v>16</v>
      </c>
      <c r="W32078">
        <v>16</v>
      </c>
      <c r="X32078">
        <v>16</v>
      </c>
      <c r="Y32078">
        <v>16</v>
      </c>
      <c r="Z32078">
        <v>16</v>
      </c>
      <c r="AA32078">
        <v>16</v>
      </c>
      <c r="AB32078">
        <v>17</v>
      </c>
      <c r="AC32078">
        <v>17</v>
      </c>
      <c r="AD32078">
        <v>17</v>
      </c>
      <c r="AE32078">
        <v>17</v>
      </c>
      <c r="AF32078">
        <v>17</v>
      </c>
      <c r="AG32078">
        <v>17</v>
      </c>
      <c r="AH32078">
        <v>17</v>
      </c>
      <c r="AI32078">
        <v>18</v>
      </c>
      <c r="AJ32078">
        <v>18</v>
      </c>
      <c r="AK32078">
        <v>18</v>
      </c>
      <c r="AL32078">
        <v>18</v>
      </c>
      <c r="AM32078">
        <v>18</v>
      </c>
      <c r="AN32078">
        <v>18</v>
      </c>
      <c r="AO32078">
        <v>18</v>
      </c>
      <c r="AP32078">
        <v>18</v>
      </c>
      <c r="AQ32078">
        <v>18</v>
      </c>
    </row>
    <row r="32079" spans="1:43">
      <c r="A32079" t="s">
        <v>19871</v>
      </c>
      <c r="B32079" t="s">
        <v>19872</v>
      </c>
      <c r="C32079" t="s">
        <v>19797</v>
      </c>
      <c r="D32079" t="s">
        <v>19798</v>
      </c>
      <c r="E32079" t="s">
        <v>19721</v>
      </c>
      <c r="F32079" t="s">
        <v>19722</v>
      </c>
      <c r="G32079" t="s">
        <v>10734</v>
      </c>
      <c r="H32079" t="s">
        <v>10735</v>
      </c>
      <c r="I32079" s="2">
        <v>0</v>
      </c>
      <c r="J32079" s="2">
        <v>0</v>
      </c>
      <c r="K32079" s="2">
        <v>1</v>
      </c>
      <c r="L32079" t="s">
        <v>995</v>
      </c>
      <c r="M32079" t="s">
        <v>87</v>
      </c>
      <c r="N32079" t="s">
        <v>88</v>
      </c>
      <c r="O32079" t="s">
        <v>85</v>
      </c>
      <c r="P32079" t="s">
        <v>86</v>
      </c>
      <c r="Q32079">
        <v>15</v>
      </c>
      <c r="R32079">
        <v>15</v>
      </c>
      <c r="S32079">
        <v>15</v>
      </c>
      <c r="T32079">
        <v>15</v>
      </c>
      <c r="U32079">
        <v>15</v>
      </c>
      <c r="V32079">
        <v>15</v>
      </c>
      <c r="W32079">
        <v>15</v>
      </c>
      <c r="X32079">
        <v>15</v>
      </c>
      <c r="Y32079">
        <v>15</v>
      </c>
      <c r="Z32079">
        <v>15</v>
      </c>
      <c r="AA32079">
        <v>15</v>
      </c>
      <c r="AB32079">
        <v>15</v>
      </c>
      <c r="AC32079">
        <v>15</v>
      </c>
      <c r="AD32079">
        <v>15</v>
      </c>
      <c r="AE32079">
        <v>15</v>
      </c>
      <c r="AF32079">
        <v>15</v>
      </c>
      <c r="AG32079">
        <v>15</v>
      </c>
      <c r="AH32079">
        <v>15</v>
      </c>
      <c r="AI32079">
        <v>15</v>
      </c>
      <c r="AJ32079">
        <v>15</v>
      </c>
      <c r="AK32079">
        <v>15</v>
      </c>
      <c r="AL32079">
        <v>15</v>
      </c>
      <c r="AM32079">
        <v>15</v>
      </c>
      <c r="AN32079">
        <v>15</v>
      </c>
      <c r="AO32079">
        <v>15</v>
      </c>
      <c r="AP32079">
        <v>15</v>
      </c>
      <c r="AQ32079">
        <v>15</v>
      </c>
    </row>
    <row r="32080" spans="1:43">
      <c r="A32080" t="s">
        <v>19871</v>
      </c>
      <c r="B32080" t="s">
        <v>19872</v>
      </c>
      <c r="C32080" t="s">
        <v>19797</v>
      </c>
      <c r="D32080" t="s">
        <v>19798</v>
      </c>
      <c r="E32080" t="s">
        <v>19721</v>
      </c>
      <c r="F32080" t="s">
        <v>19722</v>
      </c>
      <c r="G32080" t="s">
        <v>10734</v>
      </c>
      <c r="H32080" t="s">
        <v>10735</v>
      </c>
      <c r="I32080" s="2">
        <v>0</v>
      </c>
      <c r="J32080" s="2">
        <v>0</v>
      </c>
      <c r="K32080" s="2">
        <v>1</v>
      </c>
      <c r="L32080" t="s">
        <v>995</v>
      </c>
      <c r="M32080" t="s">
        <v>89</v>
      </c>
      <c r="N32080" t="s">
        <v>90</v>
      </c>
      <c r="O32080" t="s">
        <v>85</v>
      </c>
      <c r="P32080" t="s">
        <v>86</v>
      </c>
      <c r="Q32080">
        <v>15</v>
      </c>
      <c r="R32080">
        <v>15</v>
      </c>
      <c r="S32080">
        <v>16</v>
      </c>
      <c r="T32080">
        <v>16</v>
      </c>
      <c r="U32080">
        <v>16</v>
      </c>
      <c r="V32080">
        <v>16</v>
      </c>
      <c r="W32080">
        <v>17</v>
      </c>
      <c r="X32080">
        <v>17</v>
      </c>
      <c r="Y32080">
        <v>17</v>
      </c>
      <c r="Z32080">
        <v>17</v>
      </c>
      <c r="AA32080">
        <v>18</v>
      </c>
      <c r="AB32080">
        <v>18</v>
      </c>
      <c r="AC32080">
        <v>18</v>
      </c>
      <c r="AD32080">
        <v>18</v>
      </c>
      <c r="AE32080">
        <v>18</v>
      </c>
      <c r="AF32080">
        <v>18</v>
      </c>
      <c r="AG32080">
        <v>18</v>
      </c>
      <c r="AH32080">
        <v>18</v>
      </c>
      <c r="AI32080">
        <v>18</v>
      </c>
      <c r="AJ32080">
        <v>18</v>
      </c>
      <c r="AK32080">
        <v>18</v>
      </c>
      <c r="AL32080">
        <v>18</v>
      </c>
      <c r="AM32080">
        <v>18</v>
      </c>
      <c r="AN32080">
        <v>18</v>
      </c>
      <c r="AO32080">
        <v>18</v>
      </c>
      <c r="AP32080">
        <v>18</v>
      </c>
      <c r="AQ32080">
        <v>18</v>
      </c>
    </row>
    <row r="32081" spans="1:43">
      <c r="A32081" t="s">
        <v>19871</v>
      </c>
      <c r="B32081" t="s">
        <v>19872</v>
      </c>
      <c r="C32081" t="s">
        <v>19797</v>
      </c>
      <c r="D32081" t="s">
        <v>19798</v>
      </c>
      <c r="E32081" t="s">
        <v>19721</v>
      </c>
      <c r="F32081" t="s">
        <v>19722</v>
      </c>
      <c r="G32081" t="s">
        <v>10734</v>
      </c>
      <c r="H32081" t="s">
        <v>10735</v>
      </c>
      <c r="I32081" s="2">
        <v>0</v>
      </c>
      <c r="J32081" s="2">
        <v>0</v>
      </c>
      <c r="K32081" s="2">
        <v>1</v>
      </c>
      <c r="L32081" t="s">
        <v>995</v>
      </c>
      <c r="M32081" t="s">
        <v>83</v>
      </c>
      <c r="N32081" t="s">
        <v>91</v>
      </c>
      <c r="O32081" t="s">
        <v>85</v>
      </c>
      <c r="P32081" t="s">
        <v>86</v>
      </c>
      <c r="Q32081">
        <v>15</v>
      </c>
      <c r="R32081">
        <v>15</v>
      </c>
      <c r="S32081">
        <v>15</v>
      </c>
      <c r="T32081">
        <v>15</v>
      </c>
      <c r="U32081">
        <v>16</v>
      </c>
      <c r="V32081">
        <v>16</v>
      </c>
      <c r="W32081">
        <v>16</v>
      </c>
      <c r="X32081">
        <v>16</v>
      </c>
      <c r="Y32081">
        <v>16</v>
      </c>
      <c r="Z32081">
        <v>16</v>
      </c>
      <c r="AA32081">
        <v>16</v>
      </c>
      <c r="AB32081">
        <v>17</v>
      </c>
      <c r="AC32081">
        <v>17</v>
      </c>
      <c r="AD32081">
        <v>17</v>
      </c>
      <c r="AE32081">
        <v>17</v>
      </c>
      <c r="AF32081">
        <v>17</v>
      </c>
      <c r="AG32081">
        <v>17</v>
      </c>
      <c r="AH32081">
        <v>17</v>
      </c>
      <c r="AI32081">
        <v>18</v>
      </c>
      <c r="AJ32081">
        <v>18</v>
      </c>
      <c r="AK32081">
        <v>18</v>
      </c>
      <c r="AL32081">
        <v>18</v>
      </c>
      <c r="AM32081">
        <v>18</v>
      </c>
      <c r="AN32081">
        <v>18</v>
      </c>
      <c r="AO32081">
        <v>18</v>
      </c>
      <c r="AP32081">
        <v>18</v>
      </c>
      <c r="AQ32081">
        <v>18</v>
      </c>
    </row>
    <row r="32082" spans="1:43">
      <c r="A32082" t="s">
        <v>19873</v>
      </c>
      <c r="B32082" t="s">
        <v>19874</v>
      </c>
      <c r="C32082" t="s">
        <v>19833</v>
      </c>
      <c r="D32082" t="s">
        <v>19834</v>
      </c>
      <c r="E32082" t="s">
        <v>19721</v>
      </c>
      <c r="F32082" t="s">
        <v>19722</v>
      </c>
      <c r="G32082" t="s">
        <v>10734</v>
      </c>
      <c r="H32082" t="s">
        <v>10735</v>
      </c>
      <c r="I32082" s="2">
        <v>0</v>
      </c>
      <c r="J32082" s="2">
        <v>0</v>
      </c>
      <c r="K32082" s="2">
        <v>1</v>
      </c>
      <c r="L32082" t="s">
        <v>995</v>
      </c>
      <c r="M32082" t="s">
        <v>83</v>
      </c>
      <c r="N32082" t="s">
        <v>84</v>
      </c>
      <c r="O32082" t="s">
        <v>85</v>
      </c>
      <c r="P32082" t="s">
        <v>86</v>
      </c>
      <c r="Q32082">
        <v>17</v>
      </c>
      <c r="R32082">
        <v>18</v>
      </c>
      <c r="S32082">
        <v>18</v>
      </c>
      <c r="T32082">
        <v>18</v>
      </c>
      <c r="U32082">
        <v>18</v>
      </c>
      <c r="V32082">
        <v>18</v>
      </c>
      <c r="W32082">
        <v>19</v>
      </c>
      <c r="X32082">
        <v>19</v>
      </c>
      <c r="Y32082">
        <v>19</v>
      </c>
      <c r="Z32082">
        <v>19</v>
      </c>
      <c r="AA32082">
        <v>19</v>
      </c>
      <c r="AB32082">
        <v>19</v>
      </c>
      <c r="AC32082">
        <v>20</v>
      </c>
      <c r="AD32082">
        <v>20</v>
      </c>
      <c r="AE32082">
        <v>20</v>
      </c>
      <c r="AF32082">
        <v>20</v>
      </c>
      <c r="AG32082">
        <v>20</v>
      </c>
      <c r="AH32082">
        <v>20</v>
      </c>
      <c r="AI32082">
        <v>21</v>
      </c>
      <c r="AJ32082">
        <v>21</v>
      </c>
      <c r="AK32082">
        <v>21</v>
      </c>
      <c r="AL32082">
        <v>21</v>
      </c>
      <c r="AM32082">
        <v>21</v>
      </c>
      <c r="AN32082">
        <v>21</v>
      </c>
      <c r="AO32082">
        <v>21</v>
      </c>
      <c r="AP32082">
        <v>21</v>
      </c>
      <c r="AQ32082">
        <v>21</v>
      </c>
    </row>
    <row r="32083" spans="1:43">
      <c r="A32083" t="s">
        <v>19873</v>
      </c>
      <c r="B32083" t="s">
        <v>19874</v>
      </c>
      <c r="C32083" t="s">
        <v>19833</v>
      </c>
      <c r="D32083" t="s">
        <v>19834</v>
      </c>
      <c r="E32083" t="s">
        <v>19721</v>
      </c>
      <c r="F32083" t="s">
        <v>19722</v>
      </c>
      <c r="G32083" t="s">
        <v>10734</v>
      </c>
      <c r="H32083" t="s">
        <v>10735</v>
      </c>
      <c r="I32083" s="2">
        <v>0</v>
      </c>
      <c r="J32083" s="2">
        <v>0</v>
      </c>
      <c r="K32083" s="2">
        <v>1</v>
      </c>
      <c r="L32083" t="s">
        <v>995</v>
      </c>
      <c r="M32083" t="s">
        <v>87</v>
      </c>
      <c r="N32083" t="s">
        <v>88</v>
      </c>
      <c r="O32083" t="s">
        <v>85</v>
      </c>
      <c r="P32083" t="s">
        <v>86</v>
      </c>
      <c r="Q32083">
        <v>17</v>
      </c>
      <c r="R32083">
        <v>17</v>
      </c>
      <c r="S32083">
        <v>17</v>
      </c>
      <c r="T32083">
        <v>17</v>
      </c>
      <c r="U32083">
        <v>17</v>
      </c>
      <c r="V32083">
        <v>17</v>
      </c>
      <c r="W32083">
        <v>17</v>
      </c>
      <c r="X32083">
        <v>17</v>
      </c>
      <c r="Y32083">
        <v>17</v>
      </c>
      <c r="Z32083">
        <v>17</v>
      </c>
      <c r="AA32083">
        <v>18</v>
      </c>
      <c r="AB32083">
        <v>18</v>
      </c>
      <c r="AC32083">
        <v>18</v>
      </c>
      <c r="AD32083">
        <v>18</v>
      </c>
      <c r="AE32083">
        <v>18</v>
      </c>
      <c r="AF32083">
        <v>18</v>
      </c>
      <c r="AG32083">
        <v>18</v>
      </c>
      <c r="AH32083">
        <v>18</v>
      </c>
      <c r="AI32083">
        <v>18</v>
      </c>
      <c r="AJ32083">
        <v>18</v>
      </c>
      <c r="AK32083">
        <v>18</v>
      </c>
      <c r="AL32083">
        <v>18</v>
      </c>
      <c r="AM32083">
        <v>18</v>
      </c>
      <c r="AN32083">
        <v>18</v>
      </c>
      <c r="AO32083">
        <v>18</v>
      </c>
      <c r="AP32083">
        <v>18</v>
      </c>
      <c r="AQ32083">
        <v>18</v>
      </c>
    </row>
    <row r="32084" spans="1:43">
      <c r="A32084" t="s">
        <v>19873</v>
      </c>
      <c r="B32084" t="s">
        <v>19874</v>
      </c>
      <c r="C32084" t="s">
        <v>19833</v>
      </c>
      <c r="D32084" t="s">
        <v>19834</v>
      </c>
      <c r="E32084" t="s">
        <v>19721</v>
      </c>
      <c r="F32084" t="s">
        <v>19722</v>
      </c>
      <c r="G32084" t="s">
        <v>10734</v>
      </c>
      <c r="H32084" t="s">
        <v>10735</v>
      </c>
      <c r="I32084" s="2">
        <v>0</v>
      </c>
      <c r="J32084" s="2">
        <v>0</v>
      </c>
      <c r="K32084" s="2">
        <v>1</v>
      </c>
      <c r="L32084" t="s">
        <v>995</v>
      </c>
      <c r="M32084" t="s">
        <v>89</v>
      </c>
      <c r="N32084" t="s">
        <v>90</v>
      </c>
      <c r="O32084" t="s">
        <v>85</v>
      </c>
      <c r="P32084" t="s">
        <v>86</v>
      </c>
      <c r="Q32084">
        <v>17</v>
      </c>
      <c r="R32084">
        <v>17</v>
      </c>
      <c r="S32084">
        <v>17</v>
      </c>
      <c r="T32084">
        <v>18</v>
      </c>
      <c r="U32084">
        <v>18</v>
      </c>
      <c r="V32084">
        <v>18</v>
      </c>
      <c r="W32084">
        <v>18</v>
      </c>
      <c r="X32084">
        <v>19</v>
      </c>
      <c r="Y32084">
        <v>19</v>
      </c>
      <c r="Z32084">
        <v>19</v>
      </c>
      <c r="AA32084">
        <v>19</v>
      </c>
      <c r="AB32084">
        <v>20</v>
      </c>
      <c r="AC32084">
        <v>20</v>
      </c>
      <c r="AD32084">
        <v>20</v>
      </c>
      <c r="AE32084">
        <v>20</v>
      </c>
      <c r="AF32084">
        <v>20</v>
      </c>
      <c r="AG32084">
        <v>20</v>
      </c>
      <c r="AH32084">
        <v>20</v>
      </c>
      <c r="AI32084">
        <v>20</v>
      </c>
      <c r="AJ32084">
        <v>20</v>
      </c>
      <c r="AK32084">
        <v>20</v>
      </c>
      <c r="AL32084">
        <v>20</v>
      </c>
      <c r="AM32084">
        <v>20</v>
      </c>
      <c r="AN32084">
        <v>20</v>
      </c>
      <c r="AO32084">
        <v>20</v>
      </c>
      <c r="AP32084">
        <v>20</v>
      </c>
      <c r="AQ32084">
        <v>20</v>
      </c>
    </row>
    <row r="32085" spans="1:43">
      <c r="A32085" t="s">
        <v>19873</v>
      </c>
      <c r="B32085" t="s">
        <v>19874</v>
      </c>
      <c r="C32085" t="s">
        <v>19833</v>
      </c>
      <c r="D32085" t="s">
        <v>19834</v>
      </c>
      <c r="E32085" t="s">
        <v>19721</v>
      </c>
      <c r="F32085" t="s">
        <v>19722</v>
      </c>
      <c r="G32085" t="s">
        <v>10734</v>
      </c>
      <c r="H32085" t="s">
        <v>10735</v>
      </c>
      <c r="I32085" s="2">
        <v>0</v>
      </c>
      <c r="J32085" s="2">
        <v>0</v>
      </c>
      <c r="K32085" s="2">
        <v>1</v>
      </c>
      <c r="L32085" t="s">
        <v>995</v>
      </c>
      <c r="M32085" t="s">
        <v>83</v>
      </c>
      <c r="N32085" t="s">
        <v>91</v>
      </c>
      <c r="O32085" t="s">
        <v>85</v>
      </c>
      <c r="P32085" t="s">
        <v>86</v>
      </c>
      <c r="Q32085">
        <v>17</v>
      </c>
      <c r="R32085">
        <v>18</v>
      </c>
      <c r="S32085">
        <v>18</v>
      </c>
      <c r="T32085">
        <v>18</v>
      </c>
      <c r="U32085">
        <v>18</v>
      </c>
      <c r="V32085">
        <v>18</v>
      </c>
      <c r="W32085">
        <v>19</v>
      </c>
      <c r="X32085">
        <v>19</v>
      </c>
      <c r="Y32085">
        <v>19</v>
      </c>
      <c r="Z32085">
        <v>19</v>
      </c>
      <c r="AA32085">
        <v>19</v>
      </c>
      <c r="AB32085">
        <v>19</v>
      </c>
      <c r="AC32085">
        <v>20</v>
      </c>
      <c r="AD32085">
        <v>20</v>
      </c>
      <c r="AE32085">
        <v>20</v>
      </c>
      <c r="AF32085">
        <v>20</v>
      </c>
      <c r="AG32085">
        <v>20</v>
      </c>
      <c r="AH32085">
        <v>20</v>
      </c>
      <c r="AI32085">
        <v>21</v>
      </c>
      <c r="AJ32085">
        <v>21</v>
      </c>
      <c r="AK32085">
        <v>21</v>
      </c>
      <c r="AL32085">
        <v>21</v>
      </c>
      <c r="AM32085">
        <v>21</v>
      </c>
      <c r="AN32085">
        <v>21</v>
      </c>
      <c r="AO32085">
        <v>21</v>
      </c>
      <c r="AP32085">
        <v>21</v>
      </c>
      <c r="AQ32085">
        <v>21</v>
      </c>
    </row>
    <row r="32086" spans="1:43">
      <c r="A32086" t="s">
        <v>19875</v>
      </c>
      <c r="B32086" t="s">
        <v>19876</v>
      </c>
      <c r="C32086" t="s">
        <v>19797</v>
      </c>
      <c r="D32086" t="s">
        <v>19798</v>
      </c>
      <c r="E32086" t="s">
        <v>19721</v>
      </c>
      <c r="F32086" t="s">
        <v>19722</v>
      </c>
      <c r="G32086" t="s">
        <v>10734</v>
      </c>
      <c r="H32086" t="s">
        <v>10735</v>
      </c>
      <c r="I32086" s="2">
        <v>0</v>
      </c>
      <c r="J32086" s="2">
        <v>0</v>
      </c>
      <c r="K32086" s="2">
        <v>1</v>
      </c>
      <c r="L32086" t="s">
        <v>995</v>
      </c>
      <c r="M32086" t="s">
        <v>83</v>
      </c>
      <c r="N32086" t="s">
        <v>84</v>
      </c>
      <c r="O32086" t="s">
        <v>85</v>
      </c>
      <c r="P32086" t="s">
        <v>86</v>
      </c>
      <c r="Q32086">
        <v>24</v>
      </c>
      <c r="R32086">
        <v>24</v>
      </c>
      <c r="S32086">
        <v>24</v>
      </c>
      <c r="T32086">
        <v>24</v>
      </c>
      <c r="U32086">
        <v>25</v>
      </c>
      <c r="V32086">
        <v>25</v>
      </c>
      <c r="W32086">
        <v>25</v>
      </c>
      <c r="X32086">
        <v>25</v>
      </c>
      <c r="Y32086">
        <v>26</v>
      </c>
      <c r="Z32086">
        <v>26</v>
      </c>
      <c r="AA32086">
        <v>26</v>
      </c>
      <c r="AB32086">
        <v>26</v>
      </c>
      <c r="AC32086">
        <v>27</v>
      </c>
      <c r="AD32086">
        <v>27</v>
      </c>
      <c r="AE32086">
        <v>27</v>
      </c>
      <c r="AF32086">
        <v>27</v>
      </c>
      <c r="AG32086">
        <v>27</v>
      </c>
      <c r="AH32086">
        <v>28</v>
      </c>
      <c r="AI32086">
        <v>28</v>
      </c>
      <c r="AJ32086">
        <v>28</v>
      </c>
      <c r="AK32086">
        <v>28</v>
      </c>
      <c r="AL32086">
        <v>29</v>
      </c>
      <c r="AM32086">
        <v>29</v>
      </c>
      <c r="AN32086">
        <v>29</v>
      </c>
      <c r="AO32086">
        <v>29</v>
      </c>
      <c r="AP32086">
        <v>29</v>
      </c>
      <c r="AQ32086">
        <v>29</v>
      </c>
    </row>
    <row r="32087" spans="1:43">
      <c r="A32087" t="s">
        <v>19875</v>
      </c>
      <c r="B32087" t="s">
        <v>19876</v>
      </c>
      <c r="C32087" t="s">
        <v>19797</v>
      </c>
      <c r="D32087" t="s">
        <v>19798</v>
      </c>
      <c r="E32087" t="s">
        <v>19721</v>
      </c>
      <c r="F32087" t="s">
        <v>19722</v>
      </c>
      <c r="G32087" t="s">
        <v>10734</v>
      </c>
      <c r="H32087" t="s">
        <v>10735</v>
      </c>
      <c r="I32087" s="2">
        <v>0</v>
      </c>
      <c r="J32087" s="2">
        <v>0</v>
      </c>
      <c r="K32087" s="2">
        <v>1</v>
      </c>
      <c r="L32087" t="s">
        <v>995</v>
      </c>
      <c r="M32087" t="s">
        <v>87</v>
      </c>
      <c r="N32087" t="s">
        <v>88</v>
      </c>
      <c r="O32087" t="s">
        <v>85</v>
      </c>
      <c r="P32087" t="s">
        <v>86</v>
      </c>
      <c r="Q32087">
        <v>24</v>
      </c>
      <c r="R32087">
        <v>24</v>
      </c>
      <c r="S32087">
        <v>24</v>
      </c>
      <c r="T32087">
        <v>24</v>
      </c>
      <c r="U32087">
        <v>24</v>
      </c>
      <c r="V32087">
        <v>25</v>
      </c>
      <c r="W32087">
        <v>25</v>
      </c>
      <c r="X32087">
        <v>25</v>
      </c>
      <c r="Y32087">
        <v>25</v>
      </c>
      <c r="Z32087">
        <v>25</v>
      </c>
      <c r="AA32087">
        <v>25</v>
      </c>
      <c r="AB32087">
        <v>25</v>
      </c>
      <c r="AC32087">
        <v>25</v>
      </c>
      <c r="AD32087">
        <v>25</v>
      </c>
      <c r="AE32087">
        <v>25</v>
      </c>
      <c r="AF32087">
        <v>25</v>
      </c>
      <c r="AG32087">
        <v>25</v>
      </c>
      <c r="AH32087">
        <v>25</v>
      </c>
      <c r="AI32087">
        <v>25</v>
      </c>
      <c r="AJ32087">
        <v>25</v>
      </c>
      <c r="AK32087">
        <v>25</v>
      </c>
      <c r="AL32087">
        <v>25</v>
      </c>
      <c r="AM32087">
        <v>25</v>
      </c>
      <c r="AN32087">
        <v>26</v>
      </c>
      <c r="AO32087">
        <v>26</v>
      </c>
      <c r="AP32087">
        <v>26</v>
      </c>
      <c r="AQ32087">
        <v>26</v>
      </c>
    </row>
    <row r="32088" spans="1:43">
      <c r="A32088" t="s">
        <v>19875</v>
      </c>
      <c r="B32088" t="s">
        <v>19876</v>
      </c>
      <c r="C32088" t="s">
        <v>19797</v>
      </c>
      <c r="D32088" t="s">
        <v>19798</v>
      </c>
      <c r="E32088" t="s">
        <v>19721</v>
      </c>
      <c r="F32088" t="s">
        <v>19722</v>
      </c>
      <c r="G32088" t="s">
        <v>10734</v>
      </c>
      <c r="H32088" t="s">
        <v>10735</v>
      </c>
      <c r="I32088" s="2">
        <v>0</v>
      </c>
      <c r="J32088" s="2">
        <v>0</v>
      </c>
      <c r="K32088" s="2">
        <v>1</v>
      </c>
      <c r="L32088" t="s">
        <v>995</v>
      </c>
      <c r="M32088" t="s">
        <v>89</v>
      </c>
      <c r="N32088" t="s">
        <v>90</v>
      </c>
      <c r="O32088" t="s">
        <v>85</v>
      </c>
      <c r="P32088" t="s">
        <v>86</v>
      </c>
      <c r="Q32088">
        <v>24</v>
      </c>
      <c r="R32088">
        <v>24</v>
      </c>
      <c r="S32088">
        <v>25</v>
      </c>
      <c r="T32088">
        <v>25</v>
      </c>
      <c r="U32088">
        <v>26</v>
      </c>
      <c r="V32088">
        <v>26</v>
      </c>
      <c r="W32088">
        <v>26</v>
      </c>
      <c r="X32088">
        <v>27</v>
      </c>
      <c r="Y32088">
        <v>27</v>
      </c>
      <c r="Z32088">
        <v>27</v>
      </c>
      <c r="AA32088">
        <v>28</v>
      </c>
      <c r="AB32088">
        <v>28</v>
      </c>
      <c r="AC32088">
        <v>28</v>
      </c>
      <c r="AD32088">
        <v>29</v>
      </c>
      <c r="AE32088">
        <v>29</v>
      </c>
      <c r="AF32088">
        <v>29</v>
      </c>
      <c r="AG32088">
        <v>29</v>
      </c>
      <c r="AH32088">
        <v>29</v>
      </c>
      <c r="AI32088">
        <v>29</v>
      </c>
      <c r="AJ32088">
        <v>29</v>
      </c>
      <c r="AK32088">
        <v>29</v>
      </c>
      <c r="AL32088">
        <v>29</v>
      </c>
      <c r="AM32088">
        <v>29</v>
      </c>
      <c r="AN32088">
        <v>29</v>
      </c>
      <c r="AO32088">
        <v>29</v>
      </c>
      <c r="AP32088">
        <v>29</v>
      </c>
      <c r="AQ32088">
        <v>29</v>
      </c>
    </row>
    <row r="32089" spans="1:43">
      <c r="A32089" t="s">
        <v>19875</v>
      </c>
      <c r="B32089" t="s">
        <v>19876</v>
      </c>
      <c r="C32089" t="s">
        <v>19797</v>
      </c>
      <c r="D32089" t="s">
        <v>19798</v>
      </c>
      <c r="E32089" t="s">
        <v>19721</v>
      </c>
      <c r="F32089" t="s">
        <v>19722</v>
      </c>
      <c r="G32089" t="s">
        <v>10734</v>
      </c>
      <c r="H32089" t="s">
        <v>10735</v>
      </c>
      <c r="I32089" s="2">
        <v>0</v>
      </c>
      <c r="J32089" s="2">
        <v>0</v>
      </c>
      <c r="K32089" s="2">
        <v>1</v>
      </c>
      <c r="L32089" t="s">
        <v>995</v>
      </c>
      <c r="M32089" t="s">
        <v>83</v>
      </c>
      <c r="N32089" t="s">
        <v>91</v>
      </c>
      <c r="O32089" t="s">
        <v>85</v>
      </c>
      <c r="P32089" t="s">
        <v>86</v>
      </c>
      <c r="Q32089">
        <v>24</v>
      </c>
      <c r="R32089">
        <v>24</v>
      </c>
      <c r="S32089">
        <v>24</v>
      </c>
      <c r="T32089">
        <v>24</v>
      </c>
      <c r="U32089">
        <v>25</v>
      </c>
      <c r="V32089">
        <v>25</v>
      </c>
      <c r="W32089">
        <v>25</v>
      </c>
      <c r="X32089">
        <v>25</v>
      </c>
      <c r="Y32089">
        <v>26</v>
      </c>
      <c r="Z32089">
        <v>26</v>
      </c>
      <c r="AA32089">
        <v>26</v>
      </c>
      <c r="AB32089">
        <v>26</v>
      </c>
      <c r="AC32089">
        <v>27</v>
      </c>
      <c r="AD32089">
        <v>27</v>
      </c>
      <c r="AE32089">
        <v>27</v>
      </c>
      <c r="AF32089">
        <v>27</v>
      </c>
      <c r="AG32089">
        <v>27</v>
      </c>
      <c r="AH32089">
        <v>28</v>
      </c>
      <c r="AI32089">
        <v>28</v>
      </c>
      <c r="AJ32089">
        <v>28</v>
      </c>
      <c r="AK32089">
        <v>28</v>
      </c>
      <c r="AL32089">
        <v>29</v>
      </c>
      <c r="AM32089">
        <v>29</v>
      </c>
      <c r="AN32089">
        <v>29</v>
      </c>
      <c r="AO32089">
        <v>29</v>
      </c>
      <c r="AP32089">
        <v>29</v>
      </c>
      <c r="AQ32089">
        <v>29</v>
      </c>
    </row>
    <row r="32090" spans="1:43">
      <c r="A32090" t="s">
        <v>19877</v>
      </c>
      <c r="B32090" t="s">
        <v>19878</v>
      </c>
      <c r="C32090" t="s">
        <v>19833</v>
      </c>
      <c r="D32090" t="s">
        <v>19834</v>
      </c>
      <c r="E32090" t="s">
        <v>19721</v>
      </c>
      <c r="F32090" t="s">
        <v>19722</v>
      </c>
      <c r="G32090" t="s">
        <v>10734</v>
      </c>
      <c r="H32090" t="s">
        <v>10735</v>
      </c>
      <c r="I32090" s="2">
        <v>0</v>
      </c>
      <c r="J32090" s="2">
        <v>0</v>
      </c>
      <c r="K32090" s="2">
        <v>1</v>
      </c>
      <c r="L32090" t="s">
        <v>995</v>
      </c>
      <c r="M32090" t="s">
        <v>83</v>
      </c>
      <c r="N32090" t="s">
        <v>84</v>
      </c>
      <c r="O32090" t="s">
        <v>85</v>
      </c>
      <c r="P32090" t="s">
        <v>86</v>
      </c>
      <c r="Q32090">
        <v>12</v>
      </c>
      <c r="R32090">
        <v>12</v>
      </c>
      <c r="S32090">
        <v>12</v>
      </c>
      <c r="T32090">
        <v>12</v>
      </c>
      <c r="U32090">
        <v>13</v>
      </c>
      <c r="V32090">
        <v>13</v>
      </c>
      <c r="W32090">
        <v>13</v>
      </c>
      <c r="X32090">
        <v>13</v>
      </c>
      <c r="Y32090">
        <v>13</v>
      </c>
      <c r="Z32090">
        <v>13</v>
      </c>
      <c r="AA32090">
        <v>13</v>
      </c>
      <c r="AB32090">
        <v>13</v>
      </c>
      <c r="AC32090">
        <v>14</v>
      </c>
      <c r="AD32090">
        <v>14</v>
      </c>
      <c r="AE32090">
        <v>14</v>
      </c>
      <c r="AF32090">
        <v>14</v>
      </c>
      <c r="AG32090">
        <v>14</v>
      </c>
      <c r="AH32090">
        <v>14</v>
      </c>
      <c r="AI32090">
        <v>14</v>
      </c>
      <c r="AJ32090">
        <v>14</v>
      </c>
      <c r="AK32090">
        <v>14</v>
      </c>
      <c r="AL32090">
        <v>14</v>
      </c>
      <c r="AM32090">
        <v>14</v>
      </c>
      <c r="AN32090">
        <v>14</v>
      </c>
      <c r="AO32090">
        <v>15</v>
      </c>
      <c r="AP32090">
        <v>15</v>
      </c>
      <c r="AQ32090">
        <v>15</v>
      </c>
    </row>
    <row r="32091" spans="1:43">
      <c r="A32091" t="s">
        <v>19877</v>
      </c>
      <c r="B32091" t="s">
        <v>19878</v>
      </c>
      <c r="C32091" t="s">
        <v>19833</v>
      </c>
      <c r="D32091" t="s">
        <v>19834</v>
      </c>
      <c r="E32091" t="s">
        <v>19721</v>
      </c>
      <c r="F32091" t="s">
        <v>19722</v>
      </c>
      <c r="G32091" t="s">
        <v>10734</v>
      </c>
      <c r="H32091" t="s">
        <v>10735</v>
      </c>
      <c r="I32091" s="2">
        <v>0</v>
      </c>
      <c r="J32091" s="2">
        <v>0</v>
      </c>
      <c r="K32091" s="2">
        <v>1</v>
      </c>
      <c r="L32091" t="s">
        <v>995</v>
      </c>
      <c r="M32091" t="s">
        <v>87</v>
      </c>
      <c r="N32091" t="s">
        <v>88</v>
      </c>
      <c r="O32091" t="s">
        <v>85</v>
      </c>
      <c r="P32091" t="s">
        <v>86</v>
      </c>
      <c r="Q32091">
        <v>12</v>
      </c>
      <c r="R32091">
        <v>12</v>
      </c>
      <c r="S32091">
        <v>12</v>
      </c>
      <c r="T32091">
        <v>12</v>
      </c>
      <c r="U32091">
        <v>12</v>
      </c>
      <c r="V32091">
        <v>12</v>
      </c>
      <c r="W32091">
        <v>12</v>
      </c>
      <c r="X32091">
        <v>12</v>
      </c>
      <c r="Y32091">
        <v>12</v>
      </c>
      <c r="Z32091">
        <v>12</v>
      </c>
      <c r="AA32091">
        <v>12</v>
      </c>
      <c r="AB32091">
        <v>12</v>
      </c>
      <c r="AC32091">
        <v>12</v>
      </c>
      <c r="AD32091">
        <v>12</v>
      </c>
      <c r="AE32091">
        <v>12</v>
      </c>
      <c r="AF32091">
        <v>12</v>
      </c>
      <c r="AG32091">
        <v>12</v>
      </c>
      <c r="AH32091">
        <v>12</v>
      </c>
      <c r="AI32091">
        <v>12</v>
      </c>
      <c r="AJ32091">
        <v>12</v>
      </c>
      <c r="AK32091">
        <v>12</v>
      </c>
      <c r="AL32091">
        <v>12</v>
      </c>
      <c r="AM32091">
        <v>12</v>
      </c>
      <c r="AN32091">
        <v>12</v>
      </c>
      <c r="AO32091">
        <v>13</v>
      </c>
      <c r="AP32091">
        <v>13</v>
      </c>
      <c r="AQ32091">
        <v>13</v>
      </c>
    </row>
    <row r="32092" spans="1:43">
      <c r="A32092" t="s">
        <v>19877</v>
      </c>
      <c r="B32092" t="s">
        <v>19878</v>
      </c>
      <c r="C32092" t="s">
        <v>19833</v>
      </c>
      <c r="D32092" t="s">
        <v>19834</v>
      </c>
      <c r="E32092" t="s">
        <v>19721</v>
      </c>
      <c r="F32092" t="s">
        <v>19722</v>
      </c>
      <c r="G32092" t="s">
        <v>10734</v>
      </c>
      <c r="H32092" t="s">
        <v>10735</v>
      </c>
      <c r="I32092" s="2">
        <v>0</v>
      </c>
      <c r="J32092" s="2">
        <v>0</v>
      </c>
      <c r="K32092" s="2">
        <v>1</v>
      </c>
      <c r="L32092" t="s">
        <v>995</v>
      </c>
      <c r="M32092" t="s">
        <v>89</v>
      </c>
      <c r="N32092" t="s">
        <v>90</v>
      </c>
      <c r="O32092" t="s">
        <v>85</v>
      </c>
      <c r="P32092" t="s">
        <v>86</v>
      </c>
      <c r="Q32092">
        <v>12</v>
      </c>
      <c r="R32092">
        <v>12</v>
      </c>
      <c r="S32092">
        <v>13</v>
      </c>
      <c r="T32092">
        <v>13</v>
      </c>
      <c r="U32092">
        <v>13</v>
      </c>
      <c r="V32092">
        <v>13</v>
      </c>
      <c r="W32092">
        <v>13</v>
      </c>
      <c r="X32092">
        <v>14</v>
      </c>
      <c r="Y32092">
        <v>14</v>
      </c>
      <c r="Z32092">
        <v>14</v>
      </c>
      <c r="AA32092">
        <v>14</v>
      </c>
      <c r="AB32092">
        <v>14</v>
      </c>
      <c r="AC32092">
        <v>14</v>
      </c>
      <c r="AD32092">
        <v>15</v>
      </c>
      <c r="AE32092">
        <v>15</v>
      </c>
      <c r="AF32092">
        <v>15</v>
      </c>
      <c r="AG32092">
        <v>15</v>
      </c>
      <c r="AH32092">
        <v>15</v>
      </c>
      <c r="AI32092">
        <v>15</v>
      </c>
      <c r="AJ32092">
        <v>15</v>
      </c>
      <c r="AK32092">
        <v>15</v>
      </c>
      <c r="AL32092">
        <v>15</v>
      </c>
      <c r="AM32092">
        <v>15</v>
      </c>
      <c r="AN32092">
        <v>15</v>
      </c>
      <c r="AO32092">
        <v>15</v>
      </c>
      <c r="AP32092">
        <v>15</v>
      </c>
      <c r="AQ32092">
        <v>15</v>
      </c>
    </row>
    <row r="32093" spans="1:43">
      <c r="A32093" t="s">
        <v>19877</v>
      </c>
      <c r="B32093" t="s">
        <v>19878</v>
      </c>
      <c r="C32093" t="s">
        <v>19833</v>
      </c>
      <c r="D32093" t="s">
        <v>19834</v>
      </c>
      <c r="E32093" t="s">
        <v>19721</v>
      </c>
      <c r="F32093" t="s">
        <v>19722</v>
      </c>
      <c r="G32093" t="s">
        <v>10734</v>
      </c>
      <c r="H32093" t="s">
        <v>10735</v>
      </c>
      <c r="I32093" s="2">
        <v>0</v>
      </c>
      <c r="J32093" s="2">
        <v>0</v>
      </c>
      <c r="K32093" s="2">
        <v>1</v>
      </c>
      <c r="L32093" t="s">
        <v>995</v>
      </c>
      <c r="M32093" t="s">
        <v>83</v>
      </c>
      <c r="N32093" t="s">
        <v>91</v>
      </c>
      <c r="O32093" t="s">
        <v>85</v>
      </c>
      <c r="P32093" t="s">
        <v>86</v>
      </c>
      <c r="Q32093">
        <v>12</v>
      </c>
      <c r="R32093">
        <v>12</v>
      </c>
      <c r="S32093">
        <v>12</v>
      </c>
      <c r="T32093">
        <v>12</v>
      </c>
      <c r="U32093">
        <v>13</v>
      </c>
      <c r="V32093">
        <v>13</v>
      </c>
      <c r="W32093">
        <v>13</v>
      </c>
      <c r="X32093">
        <v>13</v>
      </c>
      <c r="Y32093">
        <v>13</v>
      </c>
      <c r="Z32093">
        <v>13</v>
      </c>
      <c r="AA32093">
        <v>13</v>
      </c>
      <c r="AB32093">
        <v>13</v>
      </c>
      <c r="AC32093">
        <v>14</v>
      </c>
      <c r="AD32093">
        <v>14</v>
      </c>
      <c r="AE32093">
        <v>14</v>
      </c>
      <c r="AF32093">
        <v>14</v>
      </c>
      <c r="AG32093">
        <v>14</v>
      </c>
      <c r="AH32093">
        <v>14</v>
      </c>
      <c r="AI32093">
        <v>14</v>
      </c>
      <c r="AJ32093">
        <v>14</v>
      </c>
      <c r="AK32093">
        <v>14</v>
      </c>
      <c r="AL32093">
        <v>14</v>
      </c>
      <c r="AM32093">
        <v>14</v>
      </c>
      <c r="AN32093">
        <v>14</v>
      </c>
      <c r="AO32093">
        <v>15</v>
      </c>
      <c r="AP32093">
        <v>15</v>
      </c>
      <c r="AQ32093">
        <v>15</v>
      </c>
    </row>
    <row r="32094" spans="1:43">
      <c r="A32094" t="s">
        <v>19879</v>
      </c>
      <c r="B32094" t="s">
        <v>19880</v>
      </c>
      <c r="C32094" t="s">
        <v>19815</v>
      </c>
      <c r="D32094" t="s">
        <v>19816</v>
      </c>
      <c r="E32094" t="s">
        <v>19721</v>
      </c>
      <c r="F32094" t="s">
        <v>19722</v>
      </c>
      <c r="G32094" t="s">
        <v>10734</v>
      </c>
      <c r="H32094" t="s">
        <v>10735</v>
      </c>
      <c r="I32094" s="2">
        <v>0</v>
      </c>
      <c r="J32094" s="2">
        <v>0</v>
      </c>
      <c r="K32094" s="2">
        <v>1</v>
      </c>
      <c r="L32094" t="s">
        <v>995</v>
      </c>
      <c r="M32094" t="s">
        <v>83</v>
      </c>
      <c r="N32094" t="s">
        <v>84</v>
      </c>
      <c r="O32094" t="s">
        <v>85</v>
      </c>
      <c r="P32094" t="s">
        <v>86</v>
      </c>
      <c r="Q32094">
        <v>33</v>
      </c>
      <c r="R32094">
        <v>34</v>
      </c>
      <c r="S32094">
        <v>34</v>
      </c>
      <c r="T32094">
        <v>34</v>
      </c>
      <c r="U32094">
        <v>35</v>
      </c>
      <c r="V32094">
        <v>35</v>
      </c>
      <c r="W32094">
        <v>35</v>
      </c>
      <c r="X32094">
        <v>36</v>
      </c>
      <c r="Y32094">
        <v>36</v>
      </c>
      <c r="Z32094">
        <v>37</v>
      </c>
      <c r="AA32094">
        <v>37</v>
      </c>
      <c r="AB32094">
        <v>37</v>
      </c>
      <c r="AC32094">
        <v>38</v>
      </c>
      <c r="AD32094">
        <v>38</v>
      </c>
      <c r="AE32094">
        <v>38</v>
      </c>
      <c r="AF32094">
        <v>39</v>
      </c>
      <c r="AG32094">
        <v>39</v>
      </c>
      <c r="AH32094">
        <v>39</v>
      </c>
      <c r="AI32094">
        <v>40</v>
      </c>
      <c r="AJ32094">
        <v>40</v>
      </c>
      <c r="AK32094">
        <v>41</v>
      </c>
      <c r="AL32094">
        <v>41</v>
      </c>
      <c r="AM32094">
        <v>41</v>
      </c>
      <c r="AN32094">
        <v>41</v>
      </c>
      <c r="AO32094">
        <v>41</v>
      </c>
      <c r="AP32094">
        <v>41</v>
      </c>
      <c r="AQ32094">
        <v>41</v>
      </c>
    </row>
    <row r="32095" spans="1:43">
      <c r="A32095" t="s">
        <v>19879</v>
      </c>
      <c r="B32095" t="s">
        <v>19880</v>
      </c>
      <c r="C32095" t="s">
        <v>19815</v>
      </c>
      <c r="D32095" t="s">
        <v>19816</v>
      </c>
      <c r="E32095" t="s">
        <v>19721</v>
      </c>
      <c r="F32095" t="s">
        <v>19722</v>
      </c>
      <c r="G32095" t="s">
        <v>10734</v>
      </c>
      <c r="H32095" t="s">
        <v>10735</v>
      </c>
      <c r="I32095" s="2">
        <v>0</v>
      </c>
      <c r="J32095" s="2">
        <v>0</v>
      </c>
      <c r="K32095" s="2">
        <v>1</v>
      </c>
      <c r="L32095" t="s">
        <v>995</v>
      </c>
      <c r="M32095" t="s">
        <v>87</v>
      </c>
      <c r="N32095" t="s">
        <v>88</v>
      </c>
      <c r="O32095" t="s">
        <v>85</v>
      </c>
      <c r="P32095" t="s">
        <v>86</v>
      </c>
      <c r="Q32095">
        <v>33</v>
      </c>
      <c r="R32095">
        <v>33</v>
      </c>
      <c r="S32095">
        <v>33</v>
      </c>
      <c r="T32095">
        <v>33</v>
      </c>
      <c r="U32095">
        <v>33</v>
      </c>
      <c r="V32095">
        <v>33</v>
      </c>
      <c r="W32095">
        <v>33</v>
      </c>
      <c r="X32095">
        <v>33</v>
      </c>
      <c r="Y32095">
        <v>33</v>
      </c>
      <c r="Z32095">
        <v>34</v>
      </c>
      <c r="AA32095">
        <v>34</v>
      </c>
      <c r="AB32095">
        <v>34</v>
      </c>
      <c r="AC32095">
        <v>34</v>
      </c>
      <c r="AD32095">
        <v>34</v>
      </c>
      <c r="AE32095">
        <v>34</v>
      </c>
      <c r="AF32095">
        <v>34</v>
      </c>
      <c r="AG32095">
        <v>34</v>
      </c>
      <c r="AH32095">
        <v>34</v>
      </c>
      <c r="AI32095">
        <v>34</v>
      </c>
      <c r="AJ32095">
        <v>35</v>
      </c>
      <c r="AK32095">
        <v>35</v>
      </c>
      <c r="AL32095">
        <v>35</v>
      </c>
      <c r="AM32095">
        <v>35</v>
      </c>
      <c r="AN32095">
        <v>35</v>
      </c>
      <c r="AO32095">
        <v>35</v>
      </c>
      <c r="AP32095">
        <v>35</v>
      </c>
      <c r="AQ32095">
        <v>35</v>
      </c>
    </row>
    <row r="32096" spans="1:43">
      <c r="A32096" t="s">
        <v>19879</v>
      </c>
      <c r="B32096" t="s">
        <v>19880</v>
      </c>
      <c r="C32096" t="s">
        <v>19815</v>
      </c>
      <c r="D32096" t="s">
        <v>19816</v>
      </c>
      <c r="E32096" t="s">
        <v>19721</v>
      </c>
      <c r="F32096" t="s">
        <v>19722</v>
      </c>
      <c r="G32096" t="s">
        <v>10734</v>
      </c>
      <c r="H32096" t="s">
        <v>10735</v>
      </c>
      <c r="I32096" s="2">
        <v>0</v>
      </c>
      <c r="J32096" s="2">
        <v>0</v>
      </c>
      <c r="K32096" s="2">
        <v>1</v>
      </c>
      <c r="L32096" t="s">
        <v>995</v>
      </c>
      <c r="M32096" t="s">
        <v>89</v>
      </c>
      <c r="N32096" t="s">
        <v>90</v>
      </c>
      <c r="O32096" t="s">
        <v>85</v>
      </c>
      <c r="P32096" t="s">
        <v>86</v>
      </c>
      <c r="Q32096">
        <v>33</v>
      </c>
      <c r="R32096">
        <v>33</v>
      </c>
      <c r="S32096">
        <v>34</v>
      </c>
      <c r="T32096">
        <v>35</v>
      </c>
      <c r="U32096">
        <v>35</v>
      </c>
      <c r="V32096">
        <v>36</v>
      </c>
      <c r="W32096">
        <v>36</v>
      </c>
      <c r="X32096">
        <v>37</v>
      </c>
      <c r="Y32096">
        <v>37</v>
      </c>
      <c r="Z32096">
        <v>38</v>
      </c>
      <c r="AA32096">
        <v>38</v>
      </c>
      <c r="AB32096">
        <v>39</v>
      </c>
      <c r="AC32096">
        <v>39</v>
      </c>
      <c r="AD32096">
        <v>40</v>
      </c>
      <c r="AE32096">
        <v>40</v>
      </c>
      <c r="AF32096">
        <v>40</v>
      </c>
      <c r="AG32096">
        <v>40</v>
      </c>
      <c r="AH32096">
        <v>40</v>
      </c>
      <c r="AI32096">
        <v>40</v>
      </c>
      <c r="AJ32096">
        <v>40</v>
      </c>
      <c r="AK32096">
        <v>40</v>
      </c>
      <c r="AL32096">
        <v>40</v>
      </c>
      <c r="AM32096">
        <v>40</v>
      </c>
      <c r="AN32096">
        <v>41</v>
      </c>
      <c r="AO32096">
        <v>41</v>
      </c>
      <c r="AP32096">
        <v>41</v>
      </c>
      <c r="AQ32096">
        <v>41</v>
      </c>
    </row>
    <row r="32097" spans="1:43">
      <c r="A32097" t="s">
        <v>19879</v>
      </c>
      <c r="B32097" t="s">
        <v>19880</v>
      </c>
      <c r="C32097" t="s">
        <v>19815</v>
      </c>
      <c r="D32097" t="s">
        <v>19816</v>
      </c>
      <c r="E32097" t="s">
        <v>19721</v>
      </c>
      <c r="F32097" t="s">
        <v>19722</v>
      </c>
      <c r="G32097" t="s">
        <v>10734</v>
      </c>
      <c r="H32097" t="s">
        <v>10735</v>
      </c>
      <c r="I32097" s="2">
        <v>0</v>
      </c>
      <c r="J32097" s="2">
        <v>0</v>
      </c>
      <c r="K32097" s="2">
        <v>1</v>
      </c>
      <c r="L32097" t="s">
        <v>995</v>
      </c>
      <c r="M32097" t="s">
        <v>83</v>
      </c>
      <c r="N32097" t="s">
        <v>91</v>
      </c>
      <c r="O32097" t="s">
        <v>85</v>
      </c>
      <c r="P32097" t="s">
        <v>86</v>
      </c>
      <c r="Q32097">
        <v>33</v>
      </c>
      <c r="R32097">
        <v>34</v>
      </c>
      <c r="S32097">
        <v>34</v>
      </c>
      <c r="T32097">
        <v>34</v>
      </c>
      <c r="U32097">
        <v>35</v>
      </c>
      <c r="V32097">
        <v>35</v>
      </c>
      <c r="W32097">
        <v>35</v>
      </c>
      <c r="X32097">
        <v>36</v>
      </c>
      <c r="Y32097">
        <v>36</v>
      </c>
      <c r="Z32097">
        <v>37</v>
      </c>
      <c r="AA32097">
        <v>37</v>
      </c>
      <c r="AB32097">
        <v>37</v>
      </c>
      <c r="AC32097">
        <v>38</v>
      </c>
      <c r="AD32097">
        <v>38</v>
      </c>
      <c r="AE32097">
        <v>38</v>
      </c>
      <c r="AF32097">
        <v>39</v>
      </c>
      <c r="AG32097">
        <v>39</v>
      </c>
      <c r="AH32097">
        <v>39</v>
      </c>
      <c r="AI32097">
        <v>40</v>
      </c>
      <c r="AJ32097">
        <v>40</v>
      </c>
      <c r="AK32097">
        <v>41</v>
      </c>
      <c r="AL32097">
        <v>41</v>
      </c>
      <c r="AM32097">
        <v>41</v>
      </c>
      <c r="AN32097">
        <v>41</v>
      </c>
      <c r="AO32097">
        <v>41</v>
      </c>
      <c r="AP32097">
        <v>41</v>
      </c>
      <c r="AQ32097">
        <v>41</v>
      </c>
    </row>
    <row r="32098" spans="1:43">
      <c r="A32098" t="s">
        <v>19881</v>
      </c>
      <c r="B32098" t="s">
        <v>19882</v>
      </c>
      <c r="C32098" t="s">
        <v>19815</v>
      </c>
      <c r="D32098" t="s">
        <v>19816</v>
      </c>
      <c r="E32098" t="s">
        <v>19721</v>
      </c>
      <c r="F32098" t="s">
        <v>19722</v>
      </c>
      <c r="G32098" t="s">
        <v>10734</v>
      </c>
      <c r="H32098" t="s">
        <v>10735</v>
      </c>
      <c r="I32098" s="2">
        <v>0</v>
      </c>
      <c r="J32098" s="2">
        <v>0</v>
      </c>
      <c r="K32098" s="2">
        <v>1</v>
      </c>
      <c r="L32098" t="s">
        <v>995</v>
      </c>
      <c r="M32098" t="s">
        <v>83</v>
      </c>
      <c r="N32098" t="s">
        <v>84</v>
      </c>
      <c r="O32098" t="s">
        <v>85</v>
      </c>
      <c r="P32098" t="s">
        <v>86</v>
      </c>
      <c r="Q32098">
        <v>22</v>
      </c>
      <c r="R32098">
        <v>23</v>
      </c>
      <c r="S32098">
        <v>23</v>
      </c>
      <c r="T32098">
        <v>23</v>
      </c>
      <c r="U32098">
        <v>23</v>
      </c>
      <c r="V32098">
        <v>24</v>
      </c>
      <c r="W32098">
        <v>24</v>
      </c>
      <c r="X32098">
        <v>24</v>
      </c>
      <c r="Y32098">
        <v>24</v>
      </c>
      <c r="Z32098">
        <v>24</v>
      </c>
      <c r="AA32098">
        <v>25</v>
      </c>
      <c r="AB32098">
        <v>25</v>
      </c>
      <c r="AC32098">
        <v>25</v>
      </c>
      <c r="AD32098">
        <v>25</v>
      </c>
      <c r="AE32098">
        <v>25</v>
      </c>
      <c r="AF32098">
        <v>26</v>
      </c>
      <c r="AG32098">
        <v>26</v>
      </c>
      <c r="AH32098">
        <v>26</v>
      </c>
      <c r="AI32098">
        <v>26</v>
      </c>
      <c r="AJ32098">
        <v>26</v>
      </c>
      <c r="AK32098">
        <v>27</v>
      </c>
      <c r="AL32098">
        <v>27</v>
      </c>
      <c r="AM32098">
        <v>27</v>
      </c>
      <c r="AN32098">
        <v>27</v>
      </c>
      <c r="AO32098">
        <v>27</v>
      </c>
      <c r="AP32098">
        <v>27</v>
      </c>
      <c r="AQ32098">
        <v>27</v>
      </c>
    </row>
    <row r="32099" spans="1:43">
      <c r="A32099" t="s">
        <v>19881</v>
      </c>
      <c r="B32099" t="s">
        <v>19882</v>
      </c>
      <c r="C32099" t="s">
        <v>19815</v>
      </c>
      <c r="D32099" t="s">
        <v>19816</v>
      </c>
      <c r="E32099" t="s">
        <v>19721</v>
      </c>
      <c r="F32099" t="s">
        <v>19722</v>
      </c>
      <c r="G32099" t="s">
        <v>10734</v>
      </c>
      <c r="H32099" t="s">
        <v>10735</v>
      </c>
      <c r="I32099" s="2">
        <v>0</v>
      </c>
      <c r="J32099" s="2">
        <v>0</v>
      </c>
      <c r="K32099" s="2">
        <v>1</v>
      </c>
      <c r="L32099" t="s">
        <v>995</v>
      </c>
      <c r="M32099" t="s">
        <v>87</v>
      </c>
      <c r="N32099" t="s">
        <v>88</v>
      </c>
      <c r="O32099" t="s">
        <v>85</v>
      </c>
      <c r="P32099" t="s">
        <v>86</v>
      </c>
      <c r="Q32099">
        <v>22</v>
      </c>
      <c r="R32099">
        <v>22</v>
      </c>
      <c r="S32099">
        <v>22</v>
      </c>
      <c r="T32099">
        <v>22</v>
      </c>
      <c r="U32099">
        <v>22</v>
      </c>
      <c r="V32099">
        <v>22</v>
      </c>
      <c r="W32099">
        <v>22</v>
      </c>
      <c r="X32099">
        <v>22</v>
      </c>
      <c r="Y32099">
        <v>22</v>
      </c>
      <c r="Z32099">
        <v>22</v>
      </c>
      <c r="AA32099">
        <v>22</v>
      </c>
      <c r="AB32099">
        <v>22</v>
      </c>
      <c r="AC32099">
        <v>22</v>
      </c>
      <c r="AD32099">
        <v>22</v>
      </c>
      <c r="AE32099">
        <v>23</v>
      </c>
      <c r="AF32099">
        <v>23</v>
      </c>
      <c r="AG32099">
        <v>23</v>
      </c>
      <c r="AH32099">
        <v>23</v>
      </c>
      <c r="AI32099">
        <v>23</v>
      </c>
      <c r="AJ32099">
        <v>23</v>
      </c>
      <c r="AK32099">
        <v>23</v>
      </c>
      <c r="AL32099">
        <v>23</v>
      </c>
      <c r="AM32099">
        <v>23</v>
      </c>
      <c r="AN32099">
        <v>23</v>
      </c>
      <c r="AO32099">
        <v>23</v>
      </c>
      <c r="AP32099">
        <v>23</v>
      </c>
      <c r="AQ32099">
        <v>23</v>
      </c>
    </row>
    <row r="32100" spans="1:43">
      <c r="A32100" t="s">
        <v>19881</v>
      </c>
      <c r="B32100" t="s">
        <v>19882</v>
      </c>
      <c r="C32100" t="s">
        <v>19815</v>
      </c>
      <c r="D32100" t="s">
        <v>19816</v>
      </c>
      <c r="E32100" t="s">
        <v>19721</v>
      </c>
      <c r="F32100" t="s">
        <v>19722</v>
      </c>
      <c r="G32100" t="s">
        <v>10734</v>
      </c>
      <c r="H32100" t="s">
        <v>10735</v>
      </c>
      <c r="I32100" s="2">
        <v>0</v>
      </c>
      <c r="J32100" s="2">
        <v>0</v>
      </c>
      <c r="K32100" s="2">
        <v>1</v>
      </c>
      <c r="L32100" t="s">
        <v>995</v>
      </c>
      <c r="M32100" t="s">
        <v>89</v>
      </c>
      <c r="N32100" t="s">
        <v>90</v>
      </c>
      <c r="O32100" t="s">
        <v>85</v>
      </c>
      <c r="P32100" t="s">
        <v>86</v>
      </c>
      <c r="Q32100">
        <v>22</v>
      </c>
      <c r="R32100">
        <v>22</v>
      </c>
      <c r="S32100">
        <v>22</v>
      </c>
      <c r="T32100">
        <v>23</v>
      </c>
      <c r="U32100">
        <v>23</v>
      </c>
      <c r="V32100">
        <v>24</v>
      </c>
      <c r="W32100">
        <v>24</v>
      </c>
      <c r="X32100">
        <v>24</v>
      </c>
      <c r="Y32100">
        <v>25</v>
      </c>
      <c r="Z32100">
        <v>25</v>
      </c>
      <c r="AA32100">
        <v>25</v>
      </c>
      <c r="AB32100">
        <v>25</v>
      </c>
      <c r="AC32100">
        <v>26</v>
      </c>
      <c r="AD32100">
        <v>26</v>
      </c>
      <c r="AE32100">
        <v>26</v>
      </c>
      <c r="AF32100">
        <v>26</v>
      </c>
      <c r="AG32100">
        <v>26</v>
      </c>
      <c r="AH32100">
        <v>26</v>
      </c>
      <c r="AI32100">
        <v>26</v>
      </c>
      <c r="AJ32100">
        <v>26</v>
      </c>
      <c r="AK32100">
        <v>26</v>
      </c>
      <c r="AL32100">
        <v>26</v>
      </c>
      <c r="AM32100">
        <v>26</v>
      </c>
      <c r="AN32100">
        <v>26</v>
      </c>
      <c r="AO32100">
        <v>26</v>
      </c>
      <c r="AP32100">
        <v>26</v>
      </c>
      <c r="AQ32100">
        <v>26</v>
      </c>
    </row>
    <row r="32101" spans="1:43">
      <c r="A32101" t="s">
        <v>19881</v>
      </c>
      <c r="B32101" t="s">
        <v>19882</v>
      </c>
      <c r="C32101" t="s">
        <v>19815</v>
      </c>
      <c r="D32101" t="s">
        <v>19816</v>
      </c>
      <c r="E32101" t="s">
        <v>19721</v>
      </c>
      <c r="F32101" t="s">
        <v>19722</v>
      </c>
      <c r="G32101" t="s">
        <v>10734</v>
      </c>
      <c r="H32101" t="s">
        <v>10735</v>
      </c>
      <c r="I32101" s="2">
        <v>0</v>
      </c>
      <c r="J32101" s="2">
        <v>0</v>
      </c>
      <c r="K32101" s="2">
        <v>1</v>
      </c>
      <c r="L32101" t="s">
        <v>995</v>
      </c>
      <c r="M32101" t="s">
        <v>83</v>
      </c>
      <c r="N32101" t="s">
        <v>91</v>
      </c>
      <c r="O32101" t="s">
        <v>85</v>
      </c>
      <c r="P32101" t="s">
        <v>86</v>
      </c>
      <c r="Q32101">
        <v>22</v>
      </c>
      <c r="R32101">
        <v>23</v>
      </c>
      <c r="S32101">
        <v>23</v>
      </c>
      <c r="T32101">
        <v>23</v>
      </c>
      <c r="U32101">
        <v>23</v>
      </c>
      <c r="V32101">
        <v>24</v>
      </c>
      <c r="W32101">
        <v>24</v>
      </c>
      <c r="X32101">
        <v>24</v>
      </c>
      <c r="Y32101">
        <v>24</v>
      </c>
      <c r="Z32101">
        <v>24</v>
      </c>
      <c r="AA32101">
        <v>25</v>
      </c>
      <c r="AB32101">
        <v>25</v>
      </c>
      <c r="AC32101">
        <v>25</v>
      </c>
      <c r="AD32101">
        <v>25</v>
      </c>
      <c r="AE32101">
        <v>25</v>
      </c>
      <c r="AF32101">
        <v>26</v>
      </c>
      <c r="AG32101">
        <v>26</v>
      </c>
      <c r="AH32101">
        <v>26</v>
      </c>
      <c r="AI32101">
        <v>26</v>
      </c>
      <c r="AJ32101">
        <v>26</v>
      </c>
      <c r="AK32101">
        <v>27</v>
      </c>
      <c r="AL32101">
        <v>27</v>
      </c>
      <c r="AM32101">
        <v>27</v>
      </c>
      <c r="AN32101">
        <v>27</v>
      </c>
      <c r="AO32101">
        <v>27</v>
      </c>
      <c r="AP32101">
        <v>27</v>
      </c>
      <c r="AQ32101">
        <v>27</v>
      </c>
    </row>
    <row r="32102" spans="1:43">
      <c r="A32102" t="s">
        <v>19883</v>
      </c>
      <c r="B32102" t="s">
        <v>19884</v>
      </c>
      <c r="C32102" t="s">
        <v>19815</v>
      </c>
      <c r="D32102" t="s">
        <v>19816</v>
      </c>
      <c r="E32102" t="s">
        <v>19721</v>
      </c>
      <c r="F32102" t="s">
        <v>19722</v>
      </c>
      <c r="G32102" t="s">
        <v>10734</v>
      </c>
      <c r="H32102" t="s">
        <v>10735</v>
      </c>
      <c r="I32102" s="2">
        <v>0</v>
      </c>
      <c r="J32102" s="2">
        <v>0</v>
      </c>
      <c r="K32102" s="2">
        <v>0.94</v>
      </c>
      <c r="L32102" t="s">
        <v>995</v>
      </c>
      <c r="M32102" t="s">
        <v>83</v>
      </c>
      <c r="N32102" t="s">
        <v>84</v>
      </c>
      <c r="O32102" t="s">
        <v>85</v>
      </c>
      <c r="P32102" t="s">
        <v>86</v>
      </c>
      <c r="Q32102">
        <v>17</v>
      </c>
      <c r="R32102">
        <v>18</v>
      </c>
      <c r="S32102">
        <v>18</v>
      </c>
      <c r="T32102">
        <v>18</v>
      </c>
      <c r="U32102">
        <v>18</v>
      </c>
      <c r="V32102">
        <v>18</v>
      </c>
      <c r="W32102">
        <v>19</v>
      </c>
      <c r="X32102">
        <v>19</v>
      </c>
      <c r="Y32102">
        <v>19</v>
      </c>
      <c r="Z32102">
        <v>19</v>
      </c>
      <c r="AA32102">
        <v>19</v>
      </c>
      <c r="AB32102">
        <v>20</v>
      </c>
      <c r="AC32102">
        <v>20</v>
      </c>
      <c r="AD32102">
        <v>20</v>
      </c>
      <c r="AE32102">
        <v>20</v>
      </c>
      <c r="AF32102">
        <v>20</v>
      </c>
      <c r="AG32102">
        <v>20</v>
      </c>
      <c r="AH32102">
        <v>21</v>
      </c>
      <c r="AI32102">
        <v>21</v>
      </c>
      <c r="AJ32102">
        <v>21</v>
      </c>
      <c r="AK32102">
        <v>21</v>
      </c>
      <c r="AL32102">
        <v>21</v>
      </c>
      <c r="AM32102">
        <v>21</v>
      </c>
      <c r="AN32102">
        <v>21</v>
      </c>
      <c r="AO32102">
        <v>21</v>
      </c>
      <c r="AP32102">
        <v>21</v>
      </c>
      <c r="AQ32102">
        <v>22</v>
      </c>
    </row>
    <row r="32103" spans="1:43">
      <c r="A32103" t="s">
        <v>19883</v>
      </c>
      <c r="B32103" t="s">
        <v>19884</v>
      </c>
      <c r="C32103" t="s">
        <v>19815</v>
      </c>
      <c r="D32103" t="s">
        <v>19816</v>
      </c>
      <c r="E32103" t="s">
        <v>19721</v>
      </c>
      <c r="F32103" t="s">
        <v>19722</v>
      </c>
      <c r="G32103" t="s">
        <v>10734</v>
      </c>
      <c r="H32103" t="s">
        <v>10735</v>
      </c>
      <c r="I32103" s="2">
        <v>0</v>
      </c>
      <c r="J32103" s="2">
        <v>0</v>
      </c>
      <c r="K32103" s="2">
        <v>0.94</v>
      </c>
      <c r="L32103" t="s">
        <v>995</v>
      </c>
      <c r="M32103" t="s">
        <v>87</v>
      </c>
      <c r="N32103" t="s">
        <v>88</v>
      </c>
      <c r="O32103" t="s">
        <v>85</v>
      </c>
      <c r="P32103" t="s">
        <v>86</v>
      </c>
      <c r="Q32103">
        <v>17</v>
      </c>
      <c r="R32103">
        <v>17</v>
      </c>
      <c r="S32103">
        <v>17</v>
      </c>
      <c r="T32103">
        <v>17</v>
      </c>
      <c r="U32103">
        <v>17</v>
      </c>
      <c r="V32103">
        <v>17</v>
      </c>
      <c r="W32103">
        <v>17</v>
      </c>
      <c r="X32103">
        <v>18</v>
      </c>
      <c r="Y32103">
        <v>18</v>
      </c>
      <c r="Z32103">
        <v>18</v>
      </c>
      <c r="AA32103">
        <v>18</v>
      </c>
      <c r="AB32103">
        <v>18</v>
      </c>
      <c r="AC32103">
        <v>18</v>
      </c>
      <c r="AD32103">
        <v>18</v>
      </c>
      <c r="AE32103">
        <v>18</v>
      </c>
      <c r="AF32103">
        <v>18</v>
      </c>
      <c r="AG32103">
        <v>18</v>
      </c>
      <c r="AH32103">
        <v>18</v>
      </c>
      <c r="AI32103">
        <v>18</v>
      </c>
      <c r="AJ32103">
        <v>18</v>
      </c>
      <c r="AK32103">
        <v>18</v>
      </c>
      <c r="AL32103">
        <v>18</v>
      </c>
      <c r="AM32103">
        <v>18</v>
      </c>
      <c r="AN32103">
        <v>18</v>
      </c>
      <c r="AO32103">
        <v>18</v>
      </c>
      <c r="AP32103">
        <v>18</v>
      </c>
      <c r="AQ32103">
        <v>19</v>
      </c>
    </row>
    <row r="32104" spans="1:43">
      <c r="A32104" t="s">
        <v>19883</v>
      </c>
      <c r="B32104" t="s">
        <v>19884</v>
      </c>
      <c r="C32104" t="s">
        <v>19815</v>
      </c>
      <c r="D32104" t="s">
        <v>19816</v>
      </c>
      <c r="E32104" t="s">
        <v>19721</v>
      </c>
      <c r="F32104" t="s">
        <v>19722</v>
      </c>
      <c r="G32104" t="s">
        <v>10734</v>
      </c>
      <c r="H32104" t="s">
        <v>10735</v>
      </c>
      <c r="I32104" s="2">
        <v>0</v>
      </c>
      <c r="J32104" s="2">
        <v>0</v>
      </c>
      <c r="K32104" s="2">
        <v>0.94</v>
      </c>
      <c r="L32104" t="s">
        <v>995</v>
      </c>
      <c r="M32104" t="s">
        <v>89</v>
      </c>
      <c r="N32104" t="s">
        <v>90</v>
      </c>
      <c r="O32104" t="s">
        <v>85</v>
      </c>
      <c r="P32104" t="s">
        <v>86</v>
      </c>
      <c r="Q32104">
        <v>17</v>
      </c>
      <c r="R32104">
        <v>17</v>
      </c>
      <c r="S32104">
        <v>17</v>
      </c>
      <c r="T32104">
        <v>18</v>
      </c>
      <c r="U32104">
        <v>18</v>
      </c>
      <c r="V32104">
        <v>18</v>
      </c>
      <c r="W32104">
        <v>19</v>
      </c>
      <c r="X32104">
        <v>19</v>
      </c>
      <c r="Y32104">
        <v>19</v>
      </c>
      <c r="Z32104">
        <v>19</v>
      </c>
      <c r="AA32104">
        <v>20</v>
      </c>
      <c r="AB32104">
        <v>20</v>
      </c>
      <c r="AC32104">
        <v>20</v>
      </c>
      <c r="AD32104">
        <v>20</v>
      </c>
      <c r="AE32104">
        <v>21</v>
      </c>
      <c r="AF32104">
        <v>21</v>
      </c>
      <c r="AG32104">
        <v>21</v>
      </c>
      <c r="AH32104">
        <v>21</v>
      </c>
      <c r="AI32104">
        <v>21</v>
      </c>
      <c r="AJ32104">
        <v>21</v>
      </c>
      <c r="AK32104">
        <v>21</v>
      </c>
      <c r="AL32104">
        <v>21</v>
      </c>
      <c r="AM32104">
        <v>21</v>
      </c>
      <c r="AN32104">
        <v>21</v>
      </c>
      <c r="AO32104">
        <v>21</v>
      </c>
      <c r="AP32104">
        <v>21</v>
      </c>
      <c r="AQ32104">
        <v>21</v>
      </c>
    </row>
    <row r="32105" spans="1:43">
      <c r="A32105" t="s">
        <v>19883</v>
      </c>
      <c r="B32105" t="s">
        <v>19884</v>
      </c>
      <c r="C32105" t="s">
        <v>19815</v>
      </c>
      <c r="D32105" t="s">
        <v>19816</v>
      </c>
      <c r="E32105" t="s">
        <v>19721</v>
      </c>
      <c r="F32105" t="s">
        <v>19722</v>
      </c>
      <c r="G32105" t="s">
        <v>10734</v>
      </c>
      <c r="H32105" t="s">
        <v>10735</v>
      </c>
      <c r="I32105" s="2">
        <v>0</v>
      </c>
      <c r="J32105" s="2">
        <v>0</v>
      </c>
      <c r="K32105" s="2">
        <v>0.94</v>
      </c>
      <c r="L32105" t="s">
        <v>995</v>
      </c>
      <c r="M32105" t="s">
        <v>83</v>
      </c>
      <c r="N32105" t="s">
        <v>91</v>
      </c>
      <c r="O32105" t="s">
        <v>85</v>
      </c>
      <c r="P32105" t="s">
        <v>86</v>
      </c>
      <c r="Q32105">
        <v>17</v>
      </c>
      <c r="R32105">
        <v>18</v>
      </c>
      <c r="S32105">
        <v>18</v>
      </c>
      <c r="T32105">
        <v>18</v>
      </c>
      <c r="U32105">
        <v>18</v>
      </c>
      <c r="V32105">
        <v>18</v>
      </c>
      <c r="W32105">
        <v>19</v>
      </c>
      <c r="X32105">
        <v>19</v>
      </c>
      <c r="Y32105">
        <v>19</v>
      </c>
      <c r="Z32105">
        <v>19</v>
      </c>
      <c r="AA32105">
        <v>19</v>
      </c>
      <c r="AB32105">
        <v>20</v>
      </c>
      <c r="AC32105">
        <v>20</v>
      </c>
      <c r="AD32105">
        <v>20</v>
      </c>
      <c r="AE32105">
        <v>20</v>
      </c>
      <c r="AF32105">
        <v>20</v>
      </c>
      <c r="AG32105">
        <v>20</v>
      </c>
      <c r="AH32105">
        <v>21</v>
      </c>
      <c r="AI32105">
        <v>21</v>
      </c>
      <c r="AJ32105">
        <v>21</v>
      </c>
      <c r="AK32105">
        <v>21</v>
      </c>
      <c r="AL32105">
        <v>21</v>
      </c>
      <c r="AM32105">
        <v>21</v>
      </c>
      <c r="AN32105">
        <v>21</v>
      </c>
      <c r="AO32105">
        <v>21</v>
      </c>
      <c r="AP32105">
        <v>21</v>
      </c>
      <c r="AQ32105">
        <v>22</v>
      </c>
    </row>
    <row r="32106" spans="1:43">
      <c r="A32106" t="s">
        <v>19885</v>
      </c>
      <c r="B32106" t="s">
        <v>19886</v>
      </c>
      <c r="C32106" t="s">
        <v>19887</v>
      </c>
      <c r="D32106" t="s">
        <v>19888</v>
      </c>
      <c r="E32106" t="s">
        <v>19721</v>
      </c>
      <c r="F32106" t="s">
        <v>19722</v>
      </c>
      <c r="G32106" t="s">
        <v>10734</v>
      </c>
      <c r="H32106" t="s">
        <v>10735</v>
      </c>
      <c r="I32106" s="2">
        <v>0</v>
      </c>
      <c r="J32106" s="2">
        <v>0</v>
      </c>
      <c r="K32106" s="2">
        <v>1</v>
      </c>
      <c r="L32106" t="s">
        <v>995</v>
      </c>
      <c r="M32106" t="s">
        <v>83</v>
      </c>
      <c r="N32106" t="s">
        <v>84</v>
      </c>
      <c r="O32106" t="s">
        <v>85</v>
      </c>
      <c r="P32106" t="s">
        <v>86</v>
      </c>
      <c r="Q32106">
        <v>26</v>
      </c>
      <c r="R32106">
        <v>26</v>
      </c>
      <c r="S32106">
        <v>26</v>
      </c>
      <c r="T32106">
        <v>26</v>
      </c>
      <c r="U32106">
        <v>27</v>
      </c>
      <c r="V32106">
        <v>27</v>
      </c>
      <c r="W32106">
        <v>27</v>
      </c>
      <c r="X32106">
        <v>27</v>
      </c>
      <c r="Y32106">
        <v>28</v>
      </c>
      <c r="Z32106">
        <v>28</v>
      </c>
      <c r="AA32106">
        <v>28</v>
      </c>
      <c r="AB32106">
        <v>29</v>
      </c>
      <c r="AC32106">
        <v>29</v>
      </c>
      <c r="AD32106">
        <v>29</v>
      </c>
      <c r="AE32106">
        <v>29</v>
      </c>
      <c r="AF32106">
        <v>29</v>
      </c>
      <c r="AG32106">
        <v>30</v>
      </c>
      <c r="AH32106">
        <v>30</v>
      </c>
      <c r="AI32106">
        <v>30</v>
      </c>
      <c r="AJ32106">
        <v>30</v>
      </c>
      <c r="AK32106">
        <v>31</v>
      </c>
      <c r="AL32106">
        <v>31</v>
      </c>
      <c r="AM32106">
        <v>31</v>
      </c>
      <c r="AN32106">
        <v>31</v>
      </c>
      <c r="AO32106">
        <v>31</v>
      </c>
      <c r="AP32106">
        <v>31</v>
      </c>
      <c r="AQ32106">
        <v>31</v>
      </c>
    </row>
    <row r="32107" spans="1:43">
      <c r="A32107" t="s">
        <v>19885</v>
      </c>
      <c r="B32107" t="s">
        <v>19886</v>
      </c>
      <c r="C32107" t="s">
        <v>19887</v>
      </c>
      <c r="D32107" t="s">
        <v>19888</v>
      </c>
      <c r="E32107" t="s">
        <v>19721</v>
      </c>
      <c r="F32107" t="s">
        <v>19722</v>
      </c>
      <c r="G32107" t="s">
        <v>10734</v>
      </c>
      <c r="H32107" t="s">
        <v>10735</v>
      </c>
      <c r="I32107" s="2">
        <v>0</v>
      </c>
      <c r="J32107" s="2">
        <v>0</v>
      </c>
      <c r="K32107" s="2">
        <v>1</v>
      </c>
      <c r="L32107" t="s">
        <v>995</v>
      </c>
      <c r="M32107" t="s">
        <v>87</v>
      </c>
      <c r="N32107" t="s">
        <v>88</v>
      </c>
      <c r="O32107" t="s">
        <v>85</v>
      </c>
      <c r="P32107" t="s">
        <v>86</v>
      </c>
      <c r="Q32107">
        <v>26</v>
      </c>
      <c r="R32107">
        <v>26</v>
      </c>
      <c r="S32107">
        <v>26</v>
      </c>
      <c r="T32107">
        <v>26</v>
      </c>
      <c r="U32107">
        <v>27</v>
      </c>
      <c r="V32107">
        <v>27</v>
      </c>
      <c r="W32107">
        <v>27</v>
      </c>
      <c r="X32107">
        <v>27</v>
      </c>
      <c r="Y32107">
        <v>27</v>
      </c>
      <c r="Z32107">
        <v>27</v>
      </c>
      <c r="AA32107">
        <v>27</v>
      </c>
      <c r="AB32107">
        <v>27</v>
      </c>
      <c r="AC32107">
        <v>27</v>
      </c>
      <c r="AD32107">
        <v>27</v>
      </c>
      <c r="AE32107">
        <v>27</v>
      </c>
      <c r="AF32107">
        <v>27</v>
      </c>
      <c r="AG32107">
        <v>27</v>
      </c>
      <c r="AH32107">
        <v>27</v>
      </c>
      <c r="AI32107">
        <v>27</v>
      </c>
      <c r="AJ32107">
        <v>27</v>
      </c>
      <c r="AK32107">
        <v>27</v>
      </c>
      <c r="AL32107">
        <v>27</v>
      </c>
      <c r="AM32107">
        <v>28</v>
      </c>
      <c r="AN32107">
        <v>28</v>
      </c>
      <c r="AO32107">
        <v>28</v>
      </c>
      <c r="AP32107">
        <v>28</v>
      </c>
      <c r="AQ32107">
        <v>28</v>
      </c>
    </row>
    <row r="32108" spans="1:43">
      <c r="A32108" t="s">
        <v>19885</v>
      </c>
      <c r="B32108" t="s">
        <v>19886</v>
      </c>
      <c r="C32108" t="s">
        <v>19887</v>
      </c>
      <c r="D32108" t="s">
        <v>19888</v>
      </c>
      <c r="E32108" t="s">
        <v>19721</v>
      </c>
      <c r="F32108" t="s">
        <v>19722</v>
      </c>
      <c r="G32108" t="s">
        <v>10734</v>
      </c>
      <c r="H32108" t="s">
        <v>10735</v>
      </c>
      <c r="I32108" s="2">
        <v>0</v>
      </c>
      <c r="J32108" s="2">
        <v>0</v>
      </c>
      <c r="K32108" s="2">
        <v>1</v>
      </c>
      <c r="L32108" t="s">
        <v>995</v>
      </c>
      <c r="M32108" t="s">
        <v>89</v>
      </c>
      <c r="N32108" t="s">
        <v>90</v>
      </c>
      <c r="O32108" t="s">
        <v>85</v>
      </c>
      <c r="P32108" t="s">
        <v>86</v>
      </c>
      <c r="Q32108">
        <v>26</v>
      </c>
      <c r="R32108">
        <v>26</v>
      </c>
      <c r="S32108">
        <v>27</v>
      </c>
      <c r="T32108">
        <v>27</v>
      </c>
      <c r="U32108">
        <v>28</v>
      </c>
      <c r="V32108">
        <v>28</v>
      </c>
      <c r="W32108">
        <v>29</v>
      </c>
      <c r="X32108">
        <v>29</v>
      </c>
      <c r="Y32108">
        <v>29</v>
      </c>
      <c r="Z32108">
        <v>30</v>
      </c>
      <c r="AA32108">
        <v>30</v>
      </c>
      <c r="AB32108">
        <v>30</v>
      </c>
      <c r="AC32108">
        <v>31</v>
      </c>
      <c r="AD32108">
        <v>31</v>
      </c>
      <c r="AE32108">
        <v>31</v>
      </c>
      <c r="AF32108">
        <v>31</v>
      </c>
      <c r="AG32108">
        <v>31</v>
      </c>
      <c r="AH32108">
        <v>31</v>
      </c>
      <c r="AI32108">
        <v>31</v>
      </c>
      <c r="AJ32108">
        <v>31</v>
      </c>
      <c r="AK32108">
        <v>31</v>
      </c>
      <c r="AL32108">
        <v>31</v>
      </c>
      <c r="AM32108">
        <v>31</v>
      </c>
      <c r="AN32108">
        <v>31</v>
      </c>
      <c r="AO32108">
        <v>31</v>
      </c>
      <c r="AP32108">
        <v>31</v>
      </c>
      <c r="AQ32108">
        <v>31</v>
      </c>
    </row>
    <row r="32109" spans="1:43">
      <c r="A32109" t="s">
        <v>19885</v>
      </c>
      <c r="B32109" t="s">
        <v>19886</v>
      </c>
      <c r="C32109" t="s">
        <v>19887</v>
      </c>
      <c r="D32109" t="s">
        <v>19888</v>
      </c>
      <c r="E32109" t="s">
        <v>19721</v>
      </c>
      <c r="F32109" t="s">
        <v>19722</v>
      </c>
      <c r="G32109" t="s">
        <v>10734</v>
      </c>
      <c r="H32109" t="s">
        <v>10735</v>
      </c>
      <c r="I32109" s="2">
        <v>0</v>
      </c>
      <c r="J32109" s="2">
        <v>0</v>
      </c>
      <c r="K32109" s="2">
        <v>1</v>
      </c>
      <c r="L32109" t="s">
        <v>995</v>
      </c>
      <c r="M32109" t="s">
        <v>83</v>
      </c>
      <c r="N32109" t="s">
        <v>91</v>
      </c>
      <c r="O32109" t="s">
        <v>85</v>
      </c>
      <c r="P32109" t="s">
        <v>86</v>
      </c>
      <c r="Q32109">
        <v>26</v>
      </c>
      <c r="R32109">
        <v>26</v>
      </c>
      <c r="S32109">
        <v>26</v>
      </c>
      <c r="T32109">
        <v>26</v>
      </c>
      <c r="U32109">
        <v>27</v>
      </c>
      <c r="V32109">
        <v>27</v>
      </c>
      <c r="W32109">
        <v>27</v>
      </c>
      <c r="X32109">
        <v>27</v>
      </c>
      <c r="Y32109">
        <v>28</v>
      </c>
      <c r="Z32109">
        <v>28</v>
      </c>
      <c r="AA32109">
        <v>28</v>
      </c>
      <c r="AB32109">
        <v>29</v>
      </c>
      <c r="AC32109">
        <v>29</v>
      </c>
      <c r="AD32109">
        <v>29</v>
      </c>
      <c r="AE32109">
        <v>29</v>
      </c>
      <c r="AF32109">
        <v>29</v>
      </c>
      <c r="AG32109">
        <v>30</v>
      </c>
      <c r="AH32109">
        <v>30</v>
      </c>
      <c r="AI32109">
        <v>30</v>
      </c>
      <c r="AJ32109">
        <v>30</v>
      </c>
      <c r="AK32109">
        <v>31</v>
      </c>
      <c r="AL32109">
        <v>31</v>
      </c>
      <c r="AM32109">
        <v>31</v>
      </c>
      <c r="AN32109">
        <v>31</v>
      </c>
      <c r="AO32109">
        <v>31</v>
      </c>
      <c r="AP32109">
        <v>31</v>
      </c>
      <c r="AQ32109">
        <v>31</v>
      </c>
    </row>
    <row r="32110" spans="1:43">
      <c r="A32110" t="s">
        <v>19889</v>
      </c>
      <c r="B32110" t="s">
        <v>19890</v>
      </c>
      <c r="C32110" t="s">
        <v>19887</v>
      </c>
      <c r="D32110" t="s">
        <v>19888</v>
      </c>
      <c r="E32110" t="s">
        <v>19721</v>
      </c>
      <c r="F32110" t="s">
        <v>19722</v>
      </c>
      <c r="G32110" t="s">
        <v>10734</v>
      </c>
      <c r="H32110" t="s">
        <v>10735</v>
      </c>
      <c r="I32110" s="2">
        <v>0</v>
      </c>
      <c r="J32110" s="2">
        <v>0</v>
      </c>
      <c r="K32110" s="2">
        <v>1</v>
      </c>
      <c r="L32110" t="s">
        <v>995</v>
      </c>
      <c r="M32110" t="s">
        <v>83</v>
      </c>
      <c r="N32110" t="s">
        <v>84</v>
      </c>
      <c r="O32110" t="s">
        <v>85</v>
      </c>
      <c r="P32110" t="s">
        <v>86</v>
      </c>
      <c r="Q32110">
        <v>54</v>
      </c>
      <c r="R32110">
        <v>55</v>
      </c>
      <c r="S32110">
        <v>55</v>
      </c>
      <c r="T32110">
        <v>56</v>
      </c>
      <c r="U32110">
        <v>56</v>
      </c>
      <c r="V32110">
        <v>57</v>
      </c>
      <c r="W32110">
        <v>57</v>
      </c>
      <c r="X32110">
        <v>57</v>
      </c>
      <c r="Y32110">
        <v>58</v>
      </c>
      <c r="Z32110">
        <v>58</v>
      </c>
      <c r="AA32110">
        <v>59</v>
      </c>
      <c r="AB32110">
        <v>59</v>
      </c>
      <c r="AC32110">
        <v>60</v>
      </c>
      <c r="AD32110">
        <v>60</v>
      </c>
      <c r="AE32110">
        <v>61</v>
      </c>
      <c r="AF32110">
        <v>61</v>
      </c>
      <c r="AG32110">
        <v>62</v>
      </c>
      <c r="AH32110">
        <v>62</v>
      </c>
      <c r="AI32110">
        <v>62</v>
      </c>
      <c r="AJ32110">
        <v>63</v>
      </c>
      <c r="AK32110">
        <v>63</v>
      </c>
      <c r="AL32110">
        <v>63</v>
      </c>
      <c r="AM32110">
        <v>63</v>
      </c>
      <c r="AN32110">
        <v>63</v>
      </c>
      <c r="AO32110">
        <v>63</v>
      </c>
      <c r="AP32110">
        <v>63</v>
      </c>
      <c r="AQ32110">
        <v>63</v>
      </c>
    </row>
    <row r="32111" spans="1:43">
      <c r="A32111" t="s">
        <v>19889</v>
      </c>
      <c r="B32111" t="s">
        <v>19890</v>
      </c>
      <c r="C32111" t="s">
        <v>19887</v>
      </c>
      <c r="D32111" t="s">
        <v>19888</v>
      </c>
      <c r="E32111" t="s">
        <v>19721</v>
      </c>
      <c r="F32111" t="s">
        <v>19722</v>
      </c>
      <c r="G32111" t="s">
        <v>10734</v>
      </c>
      <c r="H32111" t="s">
        <v>10735</v>
      </c>
      <c r="I32111" s="2">
        <v>0</v>
      </c>
      <c r="J32111" s="2">
        <v>0</v>
      </c>
      <c r="K32111" s="2">
        <v>1</v>
      </c>
      <c r="L32111" t="s">
        <v>995</v>
      </c>
      <c r="M32111" t="s">
        <v>87</v>
      </c>
      <c r="N32111" t="s">
        <v>88</v>
      </c>
      <c r="O32111" t="s">
        <v>85</v>
      </c>
      <c r="P32111" t="s">
        <v>86</v>
      </c>
      <c r="Q32111">
        <v>54</v>
      </c>
      <c r="R32111">
        <v>54</v>
      </c>
      <c r="S32111">
        <v>54</v>
      </c>
      <c r="T32111">
        <v>54</v>
      </c>
      <c r="U32111">
        <v>54</v>
      </c>
      <c r="V32111">
        <v>54</v>
      </c>
      <c r="W32111">
        <v>54</v>
      </c>
      <c r="X32111">
        <v>54</v>
      </c>
      <c r="Y32111">
        <v>54</v>
      </c>
      <c r="Z32111">
        <v>54</v>
      </c>
      <c r="AA32111">
        <v>54</v>
      </c>
      <c r="AB32111">
        <v>54</v>
      </c>
      <c r="AC32111">
        <v>54</v>
      </c>
      <c r="AD32111">
        <v>54</v>
      </c>
      <c r="AE32111">
        <v>54</v>
      </c>
      <c r="AF32111">
        <v>54</v>
      </c>
      <c r="AG32111">
        <v>54</v>
      </c>
      <c r="AH32111">
        <v>54</v>
      </c>
      <c r="AI32111">
        <v>54</v>
      </c>
      <c r="AJ32111">
        <v>54</v>
      </c>
      <c r="AK32111">
        <v>54</v>
      </c>
      <c r="AL32111">
        <v>54</v>
      </c>
      <c r="AM32111">
        <v>54</v>
      </c>
      <c r="AN32111">
        <v>54</v>
      </c>
      <c r="AO32111">
        <v>54</v>
      </c>
      <c r="AP32111">
        <v>54</v>
      </c>
      <c r="AQ32111">
        <v>54</v>
      </c>
    </row>
    <row r="32112" spans="1:43">
      <c r="A32112" t="s">
        <v>19889</v>
      </c>
      <c r="B32112" t="s">
        <v>19890</v>
      </c>
      <c r="C32112" t="s">
        <v>19887</v>
      </c>
      <c r="D32112" t="s">
        <v>19888</v>
      </c>
      <c r="E32112" t="s">
        <v>19721</v>
      </c>
      <c r="F32112" t="s">
        <v>19722</v>
      </c>
      <c r="G32112" t="s">
        <v>10734</v>
      </c>
      <c r="H32112" t="s">
        <v>10735</v>
      </c>
      <c r="I32112" s="2">
        <v>0</v>
      </c>
      <c r="J32112" s="2">
        <v>0</v>
      </c>
      <c r="K32112" s="2">
        <v>1</v>
      </c>
      <c r="L32112" t="s">
        <v>995</v>
      </c>
      <c r="M32112" t="s">
        <v>89</v>
      </c>
      <c r="N32112" t="s">
        <v>90</v>
      </c>
      <c r="O32112" t="s">
        <v>85</v>
      </c>
      <c r="P32112" t="s">
        <v>86</v>
      </c>
      <c r="Q32112">
        <v>54</v>
      </c>
      <c r="R32112">
        <v>55</v>
      </c>
      <c r="S32112">
        <v>56</v>
      </c>
      <c r="T32112">
        <v>56</v>
      </c>
      <c r="U32112">
        <v>57</v>
      </c>
      <c r="V32112">
        <v>58</v>
      </c>
      <c r="W32112">
        <v>59</v>
      </c>
      <c r="X32112">
        <v>60</v>
      </c>
      <c r="Y32112">
        <v>60</v>
      </c>
      <c r="Z32112">
        <v>61</v>
      </c>
      <c r="AA32112">
        <v>62</v>
      </c>
      <c r="AB32112">
        <v>62</v>
      </c>
      <c r="AC32112">
        <v>63</v>
      </c>
      <c r="AD32112">
        <v>64</v>
      </c>
      <c r="AE32112">
        <v>64</v>
      </c>
      <c r="AF32112">
        <v>64</v>
      </c>
      <c r="AG32112">
        <v>64</v>
      </c>
      <c r="AH32112">
        <v>64</v>
      </c>
      <c r="AI32112">
        <v>63</v>
      </c>
      <c r="AJ32112">
        <v>63</v>
      </c>
      <c r="AK32112">
        <v>63</v>
      </c>
      <c r="AL32112">
        <v>63</v>
      </c>
      <c r="AM32112">
        <v>63</v>
      </c>
      <c r="AN32112">
        <v>63</v>
      </c>
      <c r="AO32112">
        <v>63</v>
      </c>
      <c r="AP32112">
        <v>63</v>
      </c>
      <c r="AQ32112">
        <v>63</v>
      </c>
    </row>
    <row r="32113" spans="1:43">
      <c r="A32113" t="s">
        <v>19889</v>
      </c>
      <c r="B32113" t="s">
        <v>19890</v>
      </c>
      <c r="C32113" t="s">
        <v>19887</v>
      </c>
      <c r="D32113" t="s">
        <v>19888</v>
      </c>
      <c r="E32113" t="s">
        <v>19721</v>
      </c>
      <c r="F32113" t="s">
        <v>19722</v>
      </c>
      <c r="G32113" t="s">
        <v>10734</v>
      </c>
      <c r="H32113" t="s">
        <v>10735</v>
      </c>
      <c r="I32113" s="2">
        <v>0</v>
      </c>
      <c r="J32113" s="2">
        <v>0</v>
      </c>
      <c r="K32113" s="2">
        <v>1</v>
      </c>
      <c r="L32113" t="s">
        <v>995</v>
      </c>
      <c r="M32113" t="s">
        <v>83</v>
      </c>
      <c r="N32113" t="s">
        <v>91</v>
      </c>
      <c r="O32113" t="s">
        <v>85</v>
      </c>
      <c r="P32113" t="s">
        <v>86</v>
      </c>
      <c r="Q32113">
        <v>54</v>
      </c>
      <c r="R32113">
        <v>55</v>
      </c>
      <c r="S32113">
        <v>55</v>
      </c>
      <c r="T32113">
        <v>56</v>
      </c>
      <c r="U32113">
        <v>56</v>
      </c>
      <c r="V32113">
        <v>57</v>
      </c>
      <c r="W32113">
        <v>57</v>
      </c>
      <c r="X32113">
        <v>57</v>
      </c>
      <c r="Y32113">
        <v>58</v>
      </c>
      <c r="Z32113">
        <v>58</v>
      </c>
      <c r="AA32113">
        <v>59</v>
      </c>
      <c r="AB32113">
        <v>59</v>
      </c>
      <c r="AC32113">
        <v>60</v>
      </c>
      <c r="AD32113">
        <v>60</v>
      </c>
      <c r="AE32113">
        <v>61</v>
      </c>
      <c r="AF32113">
        <v>61</v>
      </c>
      <c r="AG32113">
        <v>62</v>
      </c>
      <c r="AH32113">
        <v>62</v>
      </c>
      <c r="AI32113">
        <v>62</v>
      </c>
      <c r="AJ32113">
        <v>63</v>
      </c>
      <c r="AK32113">
        <v>63</v>
      </c>
      <c r="AL32113">
        <v>63</v>
      </c>
      <c r="AM32113">
        <v>63</v>
      </c>
      <c r="AN32113">
        <v>63</v>
      </c>
      <c r="AO32113">
        <v>63</v>
      </c>
      <c r="AP32113">
        <v>63</v>
      </c>
      <c r="AQ32113">
        <v>63</v>
      </c>
    </row>
    <row r="32114" spans="1:43">
      <c r="A32114" t="s">
        <v>19891</v>
      </c>
      <c r="B32114" t="s">
        <v>19892</v>
      </c>
      <c r="C32114" t="s">
        <v>19887</v>
      </c>
      <c r="D32114" t="s">
        <v>19888</v>
      </c>
      <c r="E32114" t="s">
        <v>19721</v>
      </c>
      <c r="F32114" t="s">
        <v>19722</v>
      </c>
      <c r="G32114" t="s">
        <v>10734</v>
      </c>
      <c r="H32114" t="s">
        <v>10735</v>
      </c>
      <c r="I32114" s="2">
        <v>0</v>
      </c>
      <c r="J32114" s="2">
        <v>0</v>
      </c>
      <c r="K32114" s="2">
        <v>1</v>
      </c>
      <c r="L32114" t="s">
        <v>995</v>
      </c>
      <c r="M32114" t="s">
        <v>83</v>
      </c>
      <c r="N32114" t="s">
        <v>84</v>
      </c>
      <c r="O32114" t="s">
        <v>85</v>
      </c>
      <c r="P32114" t="s">
        <v>86</v>
      </c>
      <c r="Q32114">
        <v>22</v>
      </c>
      <c r="R32114">
        <v>23</v>
      </c>
      <c r="S32114">
        <v>23</v>
      </c>
      <c r="T32114">
        <v>23</v>
      </c>
      <c r="U32114">
        <v>23</v>
      </c>
      <c r="V32114">
        <v>24</v>
      </c>
      <c r="W32114">
        <v>24</v>
      </c>
      <c r="X32114">
        <v>24</v>
      </c>
      <c r="Y32114">
        <v>24</v>
      </c>
      <c r="Z32114">
        <v>25</v>
      </c>
      <c r="AA32114">
        <v>25</v>
      </c>
      <c r="AB32114">
        <v>25</v>
      </c>
      <c r="AC32114">
        <v>25</v>
      </c>
      <c r="AD32114">
        <v>25</v>
      </c>
      <c r="AE32114">
        <v>26</v>
      </c>
      <c r="AF32114">
        <v>26</v>
      </c>
      <c r="AG32114">
        <v>26</v>
      </c>
      <c r="AH32114">
        <v>26</v>
      </c>
      <c r="AI32114">
        <v>26</v>
      </c>
      <c r="AJ32114">
        <v>27</v>
      </c>
      <c r="AK32114">
        <v>27</v>
      </c>
      <c r="AL32114">
        <v>27</v>
      </c>
      <c r="AM32114">
        <v>27</v>
      </c>
      <c r="AN32114">
        <v>27</v>
      </c>
      <c r="AO32114">
        <v>27</v>
      </c>
      <c r="AP32114">
        <v>27</v>
      </c>
      <c r="AQ32114">
        <v>27</v>
      </c>
    </row>
    <row r="32115" spans="1:43">
      <c r="A32115" t="s">
        <v>19891</v>
      </c>
      <c r="B32115" t="s">
        <v>19892</v>
      </c>
      <c r="C32115" t="s">
        <v>19887</v>
      </c>
      <c r="D32115" t="s">
        <v>19888</v>
      </c>
      <c r="E32115" t="s">
        <v>19721</v>
      </c>
      <c r="F32115" t="s">
        <v>19722</v>
      </c>
      <c r="G32115" t="s">
        <v>10734</v>
      </c>
      <c r="H32115" t="s">
        <v>10735</v>
      </c>
      <c r="I32115" s="2">
        <v>0</v>
      </c>
      <c r="J32115" s="2">
        <v>0</v>
      </c>
      <c r="K32115" s="2">
        <v>1</v>
      </c>
      <c r="L32115" t="s">
        <v>995</v>
      </c>
      <c r="M32115" t="s">
        <v>87</v>
      </c>
      <c r="N32115" t="s">
        <v>88</v>
      </c>
      <c r="O32115" t="s">
        <v>85</v>
      </c>
      <c r="P32115" t="s">
        <v>86</v>
      </c>
      <c r="Q32115">
        <v>22</v>
      </c>
      <c r="R32115">
        <v>22</v>
      </c>
      <c r="S32115">
        <v>22</v>
      </c>
      <c r="T32115">
        <v>22</v>
      </c>
      <c r="U32115">
        <v>22</v>
      </c>
      <c r="V32115">
        <v>22</v>
      </c>
      <c r="W32115">
        <v>22</v>
      </c>
      <c r="X32115">
        <v>22</v>
      </c>
      <c r="Y32115">
        <v>22</v>
      </c>
      <c r="Z32115">
        <v>22</v>
      </c>
      <c r="AA32115">
        <v>23</v>
      </c>
      <c r="AB32115">
        <v>23</v>
      </c>
      <c r="AC32115">
        <v>23</v>
      </c>
      <c r="AD32115">
        <v>23</v>
      </c>
      <c r="AE32115">
        <v>23</v>
      </c>
      <c r="AF32115">
        <v>23</v>
      </c>
      <c r="AG32115">
        <v>23</v>
      </c>
      <c r="AH32115">
        <v>23</v>
      </c>
      <c r="AI32115">
        <v>23</v>
      </c>
      <c r="AJ32115">
        <v>23</v>
      </c>
      <c r="AK32115">
        <v>23</v>
      </c>
      <c r="AL32115">
        <v>23</v>
      </c>
      <c r="AM32115">
        <v>23</v>
      </c>
      <c r="AN32115">
        <v>23</v>
      </c>
      <c r="AO32115">
        <v>23</v>
      </c>
      <c r="AP32115">
        <v>23</v>
      </c>
      <c r="AQ32115">
        <v>24</v>
      </c>
    </row>
    <row r="32116" spans="1:43">
      <c r="A32116" t="s">
        <v>19891</v>
      </c>
      <c r="B32116" t="s">
        <v>19892</v>
      </c>
      <c r="C32116" t="s">
        <v>19887</v>
      </c>
      <c r="D32116" t="s">
        <v>19888</v>
      </c>
      <c r="E32116" t="s">
        <v>19721</v>
      </c>
      <c r="F32116" t="s">
        <v>19722</v>
      </c>
      <c r="G32116" t="s">
        <v>10734</v>
      </c>
      <c r="H32116" t="s">
        <v>10735</v>
      </c>
      <c r="I32116" s="2">
        <v>0</v>
      </c>
      <c r="J32116" s="2">
        <v>0</v>
      </c>
      <c r="K32116" s="2">
        <v>1</v>
      </c>
      <c r="L32116" t="s">
        <v>995</v>
      </c>
      <c r="M32116" t="s">
        <v>89</v>
      </c>
      <c r="N32116" t="s">
        <v>90</v>
      </c>
      <c r="O32116" t="s">
        <v>85</v>
      </c>
      <c r="P32116" t="s">
        <v>86</v>
      </c>
      <c r="Q32116">
        <v>22</v>
      </c>
      <c r="R32116">
        <v>22</v>
      </c>
      <c r="S32116">
        <v>22</v>
      </c>
      <c r="T32116">
        <v>23</v>
      </c>
      <c r="U32116">
        <v>23</v>
      </c>
      <c r="V32116">
        <v>24</v>
      </c>
      <c r="W32116">
        <v>24</v>
      </c>
      <c r="X32116">
        <v>24</v>
      </c>
      <c r="Y32116">
        <v>25</v>
      </c>
      <c r="Z32116">
        <v>25</v>
      </c>
      <c r="AA32116">
        <v>25</v>
      </c>
      <c r="AB32116">
        <v>26</v>
      </c>
      <c r="AC32116">
        <v>26</v>
      </c>
      <c r="AD32116">
        <v>26</v>
      </c>
      <c r="AE32116">
        <v>26</v>
      </c>
      <c r="AF32116">
        <v>26</v>
      </c>
      <c r="AG32116">
        <v>26</v>
      </c>
      <c r="AH32116">
        <v>26</v>
      </c>
      <c r="AI32116">
        <v>26</v>
      </c>
      <c r="AJ32116">
        <v>26</v>
      </c>
      <c r="AK32116">
        <v>26</v>
      </c>
      <c r="AL32116">
        <v>26</v>
      </c>
      <c r="AM32116">
        <v>26</v>
      </c>
      <c r="AN32116">
        <v>26</v>
      </c>
      <c r="AO32116">
        <v>26</v>
      </c>
      <c r="AP32116">
        <v>26</v>
      </c>
      <c r="AQ32116">
        <v>26</v>
      </c>
    </row>
    <row r="32117" spans="1:43">
      <c r="A32117" t="s">
        <v>19891</v>
      </c>
      <c r="B32117" t="s">
        <v>19892</v>
      </c>
      <c r="C32117" t="s">
        <v>19887</v>
      </c>
      <c r="D32117" t="s">
        <v>19888</v>
      </c>
      <c r="E32117" t="s">
        <v>19721</v>
      </c>
      <c r="F32117" t="s">
        <v>19722</v>
      </c>
      <c r="G32117" t="s">
        <v>10734</v>
      </c>
      <c r="H32117" t="s">
        <v>10735</v>
      </c>
      <c r="I32117" s="2">
        <v>0</v>
      </c>
      <c r="J32117" s="2">
        <v>0</v>
      </c>
      <c r="K32117" s="2">
        <v>1</v>
      </c>
      <c r="L32117" t="s">
        <v>995</v>
      </c>
      <c r="M32117" t="s">
        <v>83</v>
      </c>
      <c r="N32117" t="s">
        <v>91</v>
      </c>
      <c r="O32117" t="s">
        <v>85</v>
      </c>
      <c r="P32117" t="s">
        <v>86</v>
      </c>
      <c r="Q32117">
        <v>22</v>
      </c>
      <c r="R32117">
        <v>23</v>
      </c>
      <c r="S32117">
        <v>23</v>
      </c>
      <c r="T32117">
        <v>23</v>
      </c>
      <c r="U32117">
        <v>23</v>
      </c>
      <c r="V32117">
        <v>24</v>
      </c>
      <c r="W32117">
        <v>24</v>
      </c>
      <c r="X32117">
        <v>24</v>
      </c>
      <c r="Y32117">
        <v>24</v>
      </c>
      <c r="Z32117">
        <v>25</v>
      </c>
      <c r="AA32117">
        <v>25</v>
      </c>
      <c r="AB32117">
        <v>25</v>
      </c>
      <c r="AC32117">
        <v>25</v>
      </c>
      <c r="AD32117">
        <v>25</v>
      </c>
      <c r="AE32117">
        <v>26</v>
      </c>
      <c r="AF32117">
        <v>26</v>
      </c>
      <c r="AG32117">
        <v>26</v>
      </c>
      <c r="AH32117">
        <v>26</v>
      </c>
      <c r="AI32117">
        <v>26</v>
      </c>
      <c r="AJ32117">
        <v>27</v>
      </c>
      <c r="AK32117">
        <v>27</v>
      </c>
      <c r="AL32117">
        <v>27</v>
      </c>
      <c r="AM32117">
        <v>27</v>
      </c>
      <c r="AN32117">
        <v>27</v>
      </c>
      <c r="AO32117">
        <v>27</v>
      </c>
      <c r="AP32117">
        <v>27</v>
      </c>
      <c r="AQ32117">
        <v>27</v>
      </c>
    </row>
    <row r="32118" spans="1:43">
      <c r="A32118" t="s">
        <v>19893</v>
      </c>
      <c r="B32118" t="s">
        <v>19894</v>
      </c>
      <c r="C32118" t="s">
        <v>19749</v>
      </c>
      <c r="D32118" t="s">
        <v>19750</v>
      </c>
      <c r="E32118" t="s">
        <v>19721</v>
      </c>
      <c r="F32118" t="s">
        <v>19722</v>
      </c>
      <c r="G32118" t="s">
        <v>10734</v>
      </c>
      <c r="H32118" t="s">
        <v>10735</v>
      </c>
      <c r="I32118" s="2">
        <v>0</v>
      </c>
      <c r="J32118" s="2">
        <v>0</v>
      </c>
      <c r="K32118" s="2">
        <v>1</v>
      </c>
      <c r="L32118" t="s">
        <v>995</v>
      </c>
      <c r="M32118" t="s">
        <v>83</v>
      </c>
      <c r="N32118" t="s">
        <v>84</v>
      </c>
      <c r="O32118" t="s">
        <v>85</v>
      </c>
      <c r="P32118" t="s">
        <v>86</v>
      </c>
      <c r="Q32118">
        <v>93</v>
      </c>
      <c r="R32118">
        <v>94</v>
      </c>
      <c r="S32118">
        <v>95</v>
      </c>
      <c r="T32118">
        <v>96</v>
      </c>
      <c r="U32118">
        <v>97</v>
      </c>
      <c r="V32118">
        <v>98</v>
      </c>
      <c r="W32118">
        <v>99</v>
      </c>
      <c r="X32118">
        <v>101</v>
      </c>
      <c r="Y32118">
        <v>102</v>
      </c>
      <c r="Z32118">
        <v>103</v>
      </c>
      <c r="AA32118">
        <v>104</v>
      </c>
      <c r="AB32118">
        <v>105</v>
      </c>
      <c r="AC32118">
        <v>106</v>
      </c>
      <c r="AD32118">
        <v>107</v>
      </c>
      <c r="AE32118">
        <v>108</v>
      </c>
      <c r="AF32118">
        <v>109</v>
      </c>
      <c r="AG32118">
        <v>110</v>
      </c>
      <c r="AH32118">
        <v>111</v>
      </c>
      <c r="AI32118">
        <v>112</v>
      </c>
      <c r="AJ32118">
        <v>113</v>
      </c>
      <c r="AK32118">
        <v>114</v>
      </c>
      <c r="AL32118">
        <v>114</v>
      </c>
      <c r="AM32118">
        <v>115</v>
      </c>
      <c r="AN32118">
        <v>115</v>
      </c>
      <c r="AO32118">
        <v>115</v>
      </c>
      <c r="AP32118">
        <v>115</v>
      </c>
      <c r="AQ32118">
        <v>116</v>
      </c>
    </row>
    <row r="32119" spans="1:43">
      <c r="A32119" t="s">
        <v>19893</v>
      </c>
      <c r="B32119" t="s">
        <v>19894</v>
      </c>
      <c r="C32119" t="s">
        <v>19749</v>
      </c>
      <c r="D32119" t="s">
        <v>19750</v>
      </c>
      <c r="E32119" t="s">
        <v>19721</v>
      </c>
      <c r="F32119" t="s">
        <v>19722</v>
      </c>
      <c r="G32119" t="s">
        <v>10734</v>
      </c>
      <c r="H32119" t="s">
        <v>10735</v>
      </c>
      <c r="I32119" s="2">
        <v>0</v>
      </c>
      <c r="J32119" s="2">
        <v>0</v>
      </c>
      <c r="K32119" s="2">
        <v>1</v>
      </c>
      <c r="L32119" t="s">
        <v>995</v>
      </c>
      <c r="M32119" t="s">
        <v>87</v>
      </c>
      <c r="N32119" t="s">
        <v>88</v>
      </c>
      <c r="O32119" t="s">
        <v>85</v>
      </c>
      <c r="P32119" t="s">
        <v>86</v>
      </c>
      <c r="Q32119">
        <v>93</v>
      </c>
      <c r="R32119">
        <v>93</v>
      </c>
      <c r="S32119">
        <v>94</v>
      </c>
      <c r="T32119">
        <v>94</v>
      </c>
      <c r="U32119">
        <v>94</v>
      </c>
      <c r="V32119">
        <v>94</v>
      </c>
      <c r="W32119">
        <v>94</v>
      </c>
      <c r="X32119">
        <v>95</v>
      </c>
      <c r="Y32119">
        <v>95</v>
      </c>
      <c r="Z32119">
        <v>95</v>
      </c>
      <c r="AA32119">
        <v>95</v>
      </c>
      <c r="AB32119">
        <v>96</v>
      </c>
      <c r="AC32119">
        <v>96</v>
      </c>
      <c r="AD32119">
        <v>96</v>
      </c>
      <c r="AE32119">
        <v>96</v>
      </c>
      <c r="AF32119">
        <v>97</v>
      </c>
      <c r="AG32119">
        <v>97</v>
      </c>
      <c r="AH32119">
        <v>97</v>
      </c>
      <c r="AI32119">
        <v>98</v>
      </c>
      <c r="AJ32119">
        <v>98</v>
      </c>
      <c r="AK32119">
        <v>98</v>
      </c>
      <c r="AL32119">
        <v>99</v>
      </c>
      <c r="AM32119">
        <v>99</v>
      </c>
      <c r="AN32119">
        <v>100</v>
      </c>
      <c r="AO32119">
        <v>100</v>
      </c>
      <c r="AP32119">
        <v>100</v>
      </c>
      <c r="AQ32119">
        <v>101</v>
      </c>
    </row>
    <row r="32120" spans="1:43">
      <c r="A32120" t="s">
        <v>19893</v>
      </c>
      <c r="B32120" t="s">
        <v>19894</v>
      </c>
      <c r="C32120" t="s">
        <v>19749</v>
      </c>
      <c r="D32120" t="s">
        <v>19750</v>
      </c>
      <c r="E32120" t="s">
        <v>19721</v>
      </c>
      <c r="F32120" t="s">
        <v>19722</v>
      </c>
      <c r="G32120" t="s">
        <v>10734</v>
      </c>
      <c r="H32120" t="s">
        <v>10735</v>
      </c>
      <c r="I32120" s="2">
        <v>0</v>
      </c>
      <c r="J32120" s="2">
        <v>0</v>
      </c>
      <c r="K32120" s="2">
        <v>1</v>
      </c>
      <c r="L32120" t="s">
        <v>995</v>
      </c>
      <c r="M32120" t="s">
        <v>89</v>
      </c>
      <c r="N32120" t="s">
        <v>90</v>
      </c>
      <c r="O32120" t="s">
        <v>85</v>
      </c>
      <c r="P32120" t="s">
        <v>86</v>
      </c>
      <c r="Q32120">
        <v>93</v>
      </c>
      <c r="R32120">
        <v>95</v>
      </c>
      <c r="S32120">
        <v>97</v>
      </c>
      <c r="T32120">
        <v>99</v>
      </c>
      <c r="U32120">
        <v>100</v>
      </c>
      <c r="V32120">
        <v>102</v>
      </c>
      <c r="W32120">
        <v>104</v>
      </c>
      <c r="X32120">
        <v>105</v>
      </c>
      <c r="Y32120">
        <v>107</v>
      </c>
      <c r="Z32120">
        <v>108</v>
      </c>
      <c r="AA32120">
        <v>109</v>
      </c>
      <c r="AB32120">
        <v>111</v>
      </c>
      <c r="AC32120">
        <v>112</v>
      </c>
      <c r="AD32120">
        <v>113</v>
      </c>
      <c r="AE32120">
        <v>114</v>
      </c>
      <c r="AF32120">
        <v>114</v>
      </c>
      <c r="AG32120">
        <v>114</v>
      </c>
      <c r="AH32120">
        <v>115</v>
      </c>
      <c r="AI32120">
        <v>115</v>
      </c>
      <c r="AJ32120">
        <v>115</v>
      </c>
      <c r="AK32120">
        <v>115</v>
      </c>
      <c r="AL32120">
        <v>115</v>
      </c>
      <c r="AM32120">
        <v>116</v>
      </c>
      <c r="AN32120">
        <v>116</v>
      </c>
      <c r="AO32120">
        <v>116</v>
      </c>
      <c r="AP32120">
        <v>116</v>
      </c>
      <c r="AQ32120">
        <v>116</v>
      </c>
    </row>
    <row r="32121" spans="1:43">
      <c r="A32121" t="s">
        <v>19893</v>
      </c>
      <c r="B32121" t="s">
        <v>19894</v>
      </c>
      <c r="C32121" t="s">
        <v>19749</v>
      </c>
      <c r="D32121" t="s">
        <v>19750</v>
      </c>
      <c r="E32121" t="s">
        <v>19721</v>
      </c>
      <c r="F32121" t="s">
        <v>19722</v>
      </c>
      <c r="G32121" t="s">
        <v>10734</v>
      </c>
      <c r="H32121" t="s">
        <v>10735</v>
      </c>
      <c r="I32121" s="2">
        <v>0</v>
      </c>
      <c r="J32121" s="2">
        <v>0</v>
      </c>
      <c r="K32121" s="2">
        <v>1</v>
      </c>
      <c r="L32121" t="s">
        <v>995</v>
      </c>
      <c r="M32121" t="s">
        <v>83</v>
      </c>
      <c r="N32121" t="s">
        <v>91</v>
      </c>
      <c r="O32121" t="s">
        <v>85</v>
      </c>
      <c r="P32121" t="s">
        <v>86</v>
      </c>
      <c r="Q32121">
        <v>93</v>
      </c>
      <c r="R32121">
        <v>94</v>
      </c>
      <c r="S32121">
        <v>95</v>
      </c>
      <c r="T32121">
        <v>96</v>
      </c>
      <c r="U32121">
        <v>97</v>
      </c>
      <c r="V32121">
        <v>98</v>
      </c>
      <c r="W32121">
        <v>99</v>
      </c>
      <c r="X32121">
        <v>101</v>
      </c>
      <c r="Y32121">
        <v>102</v>
      </c>
      <c r="Z32121">
        <v>103</v>
      </c>
      <c r="AA32121">
        <v>104</v>
      </c>
      <c r="AB32121">
        <v>105</v>
      </c>
      <c r="AC32121">
        <v>106</v>
      </c>
      <c r="AD32121">
        <v>107</v>
      </c>
      <c r="AE32121">
        <v>108</v>
      </c>
      <c r="AF32121">
        <v>109</v>
      </c>
      <c r="AG32121">
        <v>110</v>
      </c>
      <c r="AH32121">
        <v>111</v>
      </c>
      <c r="AI32121">
        <v>112</v>
      </c>
      <c r="AJ32121">
        <v>113</v>
      </c>
      <c r="AK32121">
        <v>114</v>
      </c>
      <c r="AL32121">
        <v>114</v>
      </c>
      <c r="AM32121">
        <v>115</v>
      </c>
      <c r="AN32121">
        <v>115</v>
      </c>
      <c r="AO32121">
        <v>115</v>
      </c>
      <c r="AP32121">
        <v>115</v>
      </c>
      <c r="AQ32121">
        <v>116</v>
      </c>
    </row>
    <row r="32122" spans="1:43">
      <c r="A32122" t="s">
        <v>19895</v>
      </c>
      <c r="B32122" t="s">
        <v>19896</v>
      </c>
      <c r="C32122" t="s">
        <v>19749</v>
      </c>
      <c r="D32122" t="s">
        <v>19750</v>
      </c>
      <c r="E32122" t="s">
        <v>19721</v>
      </c>
      <c r="F32122" t="s">
        <v>19722</v>
      </c>
      <c r="G32122" t="s">
        <v>10734</v>
      </c>
      <c r="H32122" t="s">
        <v>10735</v>
      </c>
      <c r="I32122" s="2">
        <v>0</v>
      </c>
      <c r="J32122" s="2">
        <v>0</v>
      </c>
      <c r="K32122" s="2">
        <v>1</v>
      </c>
      <c r="L32122" t="s">
        <v>995</v>
      </c>
      <c r="M32122" t="s">
        <v>83</v>
      </c>
      <c r="N32122" t="s">
        <v>84</v>
      </c>
      <c r="O32122" t="s">
        <v>85</v>
      </c>
      <c r="P32122" t="s">
        <v>86</v>
      </c>
      <c r="Q32122">
        <v>46</v>
      </c>
      <c r="R32122">
        <v>46</v>
      </c>
      <c r="S32122">
        <v>47</v>
      </c>
      <c r="T32122">
        <v>47</v>
      </c>
      <c r="U32122">
        <v>48</v>
      </c>
      <c r="V32122">
        <v>49</v>
      </c>
      <c r="W32122">
        <v>49</v>
      </c>
      <c r="X32122">
        <v>50</v>
      </c>
      <c r="Y32122">
        <v>50</v>
      </c>
      <c r="Z32122">
        <v>51</v>
      </c>
      <c r="AA32122">
        <v>51</v>
      </c>
      <c r="AB32122">
        <v>52</v>
      </c>
      <c r="AC32122">
        <v>52</v>
      </c>
      <c r="AD32122">
        <v>53</v>
      </c>
      <c r="AE32122">
        <v>54</v>
      </c>
      <c r="AF32122">
        <v>54</v>
      </c>
      <c r="AG32122">
        <v>55</v>
      </c>
      <c r="AH32122">
        <v>55</v>
      </c>
      <c r="AI32122">
        <v>56</v>
      </c>
      <c r="AJ32122">
        <v>56</v>
      </c>
      <c r="AK32122">
        <v>57</v>
      </c>
      <c r="AL32122">
        <v>57</v>
      </c>
      <c r="AM32122">
        <v>57</v>
      </c>
      <c r="AN32122">
        <v>57</v>
      </c>
      <c r="AO32122">
        <v>58</v>
      </c>
      <c r="AP32122">
        <v>58</v>
      </c>
      <c r="AQ32122">
        <v>58</v>
      </c>
    </row>
    <row r="32123" spans="1:43">
      <c r="A32123" t="s">
        <v>19895</v>
      </c>
      <c r="B32123" t="s">
        <v>19896</v>
      </c>
      <c r="C32123" t="s">
        <v>19749</v>
      </c>
      <c r="D32123" t="s">
        <v>19750</v>
      </c>
      <c r="E32123" t="s">
        <v>19721</v>
      </c>
      <c r="F32123" t="s">
        <v>19722</v>
      </c>
      <c r="G32123" t="s">
        <v>10734</v>
      </c>
      <c r="H32123" t="s">
        <v>10735</v>
      </c>
      <c r="I32123" s="2">
        <v>0</v>
      </c>
      <c r="J32123" s="2">
        <v>0</v>
      </c>
      <c r="K32123" s="2">
        <v>1</v>
      </c>
      <c r="L32123" t="s">
        <v>995</v>
      </c>
      <c r="M32123" t="s">
        <v>87</v>
      </c>
      <c r="N32123" t="s">
        <v>88</v>
      </c>
      <c r="O32123" t="s">
        <v>85</v>
      </c>
      <c r="P32123" t="s">
        <v>86</v>
      </c>
      <c r="Q32123">
        <v>46</v>
      </c>
      <c r="R32123">
        <v>46</v>
      </c>
      <c r="S32123">
        <v>47</v>
      </c>
      <c r="T32123">
        <v>47</v>
      </c>
      <c r="U32123">
        <v>47</v>
      </c>
      <c r="V32123">
        <v>47</v>
      </c>
      <c r="W32123">
        <v>47</v>
      </c>
      <c r="X32123">
        <v>47</v>
      </c>
      <c r="Y32123">
        <v>47</v>
      </c>
      <c r="Z32123">
        <v>48</v>
      </c>
      <c r="AA32123">
        <v>48</v>
      </c>
      <c r="AB32123">
        <v>48</v>
      </c>
      <c r="AC32123">
        <v>48</v>
      </c>
      <c r="AD32123">
        <v>48</v>
      </c>
      <c r="AE32123">
        <v>48</v>
      </c>
      <c r="AF32123">
        <v>49</v>
      </c>
      <c r="AG32123">
        <v>49</v>
      </c>
      <c r="AH32123">
        <v>49</v>
      </c>
      <c r="AI32123">
        <v>49</v>
      </c>
      <c r="AJ32123">
        <v>49</v>
      </c>
      <c r="AK32123">
        <v>50</v>
      </c>
      <c r="AL32123">
        <v>50</v>
      </c>
      <c r="AM32123">
        <v>50</v>
      </c>
      <c r="AN32123">
        <v>50</v>
      </c>
      <c r="AO32123">
        <v>51</v>
      </c>
      <c r="AP32123">
        <v>51</v>
      </c>
      <c r="AQ32123">
        <v>51</v>
      </c>
    </row>
    <row r="32124" spans="1:43">
      <c r="A32124" t="s">
        <v>19895</v>
      </c>
      <c r="B32124" t="s">
        <v>19896</v>
      </c>
      <c r="C32124" t="s">
        <v>19749</v>
      </c>
      <c r="D32124" t="s">
        <v>19750</v>
      </c>
      <c r="E32124" t="s">
        <v>19721</v>
      </c>
      <c r="F32124" t="s">
        <v>19722</v>
      </c>
      <c r="G32124" t="s">
        <v>10734</v>
      </c>
      <c r="H32124" t="s">
        <v>10735</v>
      </c>
      <c r="I32124" s="2">
        <v>0</v>
      </c>
      <c r="J32124" s="2">
        <v>0</v>
      </c>
      <c r="K32124" s="2">
        <v>1</v>
      </c>
      <c r="L32124" t="s">
        <v>995</v>
      </c>
      <c r="M32124" t="s">
        <v>89</v>
      </c>
      <c r="N32124" t="s">
        <v>90</v>
      </c>
      <c r="O32124" t="s">
        <v>85</v>
      </c>
      <c r="P32124" t="s">
        <v>86</v>
      </c>
      <c r="Q32124">
        <v>46</v>
      </c>
      <c r="R32124">
        <v>47</v>
      </c>
      <c r="S32124">
        <v>48</v>
      </c>
      <c r="T32124">
        <v>49</v>
      </c>
      <c r="U32124">
        <v>50</v>
      </c>
      <c r="V32124">
        <v>51</v>
      </c>
      <c r="W32124">
        <v>52</v>
      </c>
      <c r="X32124">
        <v>52</v>
      </c>
      <c r="Y32124">
        <v>53</v>
      </c>
      <c r="Z32124">
        <v>54</v>
      </c>
      <c r="AA32124">
        <v>55</v>
      </c>
      <c r="AB32124">
        <v>55</v>
      </c>
      <c r="AC32124">
        <v>56</v>
      </c>
      <c r="AD32124">
        <v>57</v>
      </c>
      <c r="AE32124">
        <v>57</v>
      </c>
      <c r="AF32124">
        <v>57</v>
      </c>
      <c r="AG32124">
        <v>57</v>
      </c>
      <c r="AH32124">
        <v>58</v>
      </c>
      <c r="AI32124">
        <v>58</v>
      </c>
      <c r="AJ32124">
        <v>58</v>
      </c>
      <c r="AK32124">
        <v>58</v>
      </c>
      <c r="AL32124">
        <v>58</v>
      </c>
      <c r="AM32124">
        <v>58</v>
      </c>
      <c r="AN32124">
        <v>59</v>
      </c>
      <c r="AO32124">
        <v>59</v>
      </c>
      <c r="AP32124">
        <v>59</v>
      </c>
      <c r="AQ32124">
        <v>59</v>
      </c>
    </row>
    <row r="32125" spans="1:43">
      <c r="A32125" t="s">
        <v>19895</v>
      </c>
      <c r="B32125" t="s">
        <v>19896</v>
      </c>
      <c r="C32125" t="s">
        <v>19749</v>
      </c>
      <c r="D32125" t="s">
        <v>19750</v>
      </c>
      <c r="E32125" t="s">
        <v>19721</v>
      </c>
      <c r="F32125" t="s">
        <v>19722</v>
      </c>
      <c r="G32125" t="s">
        <v>10734</v>
      </c>
      <c r="H32125" t="s">
        <v>10735</v>
      </c>
      <c r="I32125" s="2">
        <v>0</v>
      </c>
      <c r="J32125" s="2">
        <v>0</v>
      </c>
      <c r="K32125" s="2">
        <v>1</v>
      </c>
      <c r="L32125" t="s">
        <v>995</v>
      </c>
      <c r="M32125" t="s">
        <v>83</v>
      </c>
      <c r="N32125" t="s">
        <v>91</v>
      </c>
      <c r="O32125" t="s">
        <v>85</v>
      </c>
      <c r="P32125" t="s">
        <v>86</v>
      </c>
      <c r="Q32125">
        <v>46</v>
      </c>
      <c r="R32125">
        <v>46</v>
      </c>
      <c r="S32125">
        <v>47</v>
      </c>
      <c r="T32125">
        <v>47</v>
      </c>
      <c r="U32125">
        <v>48</v>
      </c>
      <c r="V32125">
        <v>49</v>
      </c>
      <c r="W32125">
        <v>49</v>
      </c>
      <c r="X32125">
        <v>50</v>
      </c>
      <c r="Y32125">
        <v>50</v>
      </c>
      <c r="Z32125">
        <v>51</v>
      </c>
      <c r="AA32125">
        <v>51</v>
      </c>
      <c r="AB32125">
        <v>52</v>
      </c>
      <c r="AC32125">
        <v>52</v>
      </c>
      <c r="AD32125">
        <v>53</v>
      </c>
      <c r="AE32125">
        <v>54</v>
      </c>
      <c r="AF32125">
        <v>54</v>
      </c>
      <c r="AG32125">
        <v>55</v>
      </c>
      <c r="AH32125">
        <v>55</v>
      </c>
      <c r="AI32125">
        <v>56</v>
      </c>
      <c r="AJ32125">
        <v>56</v>
      </c>
      <c r="AK32125">
        <v>57</v>
      </c>
      <c r="AL32125">
        <v>57</v>
      </c>
      <c r="AM32125">
        <v>57</v>
      </c>
      <c r="AN32125">
        <v>57</v>
      </c>
      <c r="AO32125">
        <v>58</v>
      </c>
      <c r="AP32125">
        <v>58</v>
      </c>
      <c r="AQ32125">
        <v>58</v>
      </c>
    </row>
    <row r="32126" spans="1:43">
      <c r="A32126" t="s">
        <v>19897</v>
      </c>
      <c r="B32126" t="s">
        <v>19898</v>
      </c>
      <c r="C32126" t="s">
        <v>19749</v>
      </c>
      <c r="D32126" t="s">
        <v>19750</v>
      </c>
      <c r="E32126" t="s">
        <v>19721</v>
      </c>
      <c r="F32126" t="s">
        <v>19722</v>
      </c>
      <c r="G32126" t="s">
        <v>10734</v>
      </c>
      <c r="H32126" t="s">
        <v>10735</v>
      </c>
      <c r="I32126" s="2">
        <v>0</v>
      </c>
      <c r="J32126" s="2">
        <v>0</v>
      </c>
      <c r="K32126" s="2">
        <v>1</v>
      </c>
      <c r="L32126" t="s">
        <v>995</v>
      </c>
      <c r="M32126" t="s">
        <v>83</v>
      </c>
      <c r="N32126" t="s">
        <v>84</v>
      </c>
      <c r="O32126" t="s">
        <v>85</v>
      </c>
      <c r="P32126" t="s">
        <v>86</v>
      </c>
      <c r="Q32126">
        <v>25</v>
      </c>
      <c r="R32126">
        <v>25</v>
      </c>
      <c r="S32126">
        <v>25</v>
      </c>
      <c r="T32126">
        <v>26</v>
      </c>
      <c r="U32126">
        <v>26</v>
      </c>
      <c r="V32126">
        <v>26</v>
      </c>
      <c r="W32126">
        <v>27</v>
      </c>
      <c r="X32126">
        <v>27</v>
      </c>
      <c r="Y32126">
        <v>27</v>
      </c>
      <c r="Z32126">
        <v>28</v>
      </c>
      <c r="AA32126">
        <v>28</v>
      </c>
      <c r="AB32126">
        <v>28</v>
      </c>
      <c r="AC32126">
        <v>28</v>
      </c>
      <c r="AD32126">
        <v>29</v>
      </c>
      <c r="AE32126">
        <v>29</v>
      </c>
      <c r="AF32126">
        <v>29</v>
      </c>
      <c r="AG32126">
        <v>29</v>
      </c>
      <c r="AH32126">
        <v>30</v>
      </c>
      <c r="AI32126">
        <v>30</v>
      </c>
      <c r="AJ32126">
        <v>30</v>
      </c>
      <c r="AK32126">
        <v>31</v>
      </c>
      <c r="AL32126">
        <v>31</v>
      </c>
      <c r="AM32126">
        <v>31</v>
      </c>
      <c r="AN32126">
        <v>31</v>
      </c>
      <c r="AO32126">
        <v>31</v>
      </c>
      <c r="AP32126">
        <v>31</v>
      </c>
      <c r="AQ32126">
        <v>31</v>
      </c>
    </row>
    <row r="32127" spans="1:43">
      <c r="A32127" t="s">
        <v>19897</v>
      </c>
      <c r="B32127" t="s">
        <v>19898</v>
      </c>
      <c r="C32127" t="s">
        <v>19749</v>
      </c>
      <c r="D32127" t="s">
        <v>19750</v>
      </c>
      <c r="E32127" t="s">
        <v>19721</v>
      </c>
      <c r="F32127" t="s">
        <v>19722</v>
      </c>
      <c r="G32127" t="s">
        <v>10734</v>
      </c>
      <c r="H32127" t="s">
        <v>10735</v>
      </c>
      <c r="I32127" s="2">
        <v>0</v>
      </c>
      <c r="J32127" s="2">
        <v>0</v>
      </c>
      <c r="K32127" s="2">
        <v>1</v>
      </c>
      <c r="L32127" t="s">
        <v>995</v>
      </c>
      <c r="M32127" t="s">
        <v>87</v>
      </c>
      <c r="N32127" t="s">
        <v>88</v>
      </c>
      <c r="O32127" t="s">
        <v>85</v>
      </c>
      <c r="P32127" t="s">
        <v>86</v>
      </c>
      <c r="Q32127">
        <v>25</v>
      </c>
      <c r="R32127">
        <v>25</v>
      </c>
      <c r="S32127">
        <v>25</v>
      </c>
      <c r="T32127">
        <v>25</v>
      </c>
      <c r="U32127">
        <v>25</v>
      </c>
      <c r="V32127">
        <v>25</v>
      </c>
      <c r="W32127">
        <v>25</v>
      </c>
      <c r="X32127">
        <v>25</v>
      </c>
      <c r="Y32127">
        <v>25</v>
      </c>
      <c r="Z32127">
        <v>25</v>
      </c>
      <c r="AA32127">
        <v>25</v>
      </c>
      <c r="AB32127">
        <v>25</v>
      </c>
      <c r="AC32127">
        <v>25</v>
      </c>
      <c r="AD32127">
        <v>26</v>
      </c>
      <c r="AE32127">
        <v>26</v>
      </c>
      <c r="AF32127">
        <v>26</v>
      </c>
      <c r="AG32127">
        <v>26</v>
      </c>
      <c r="AH32127">
        <v>26</v>
      </c>
      <c r="AI32127">
        <v>26</v>
      </c>
      <c r="AJ32127">
        <v>26</v>
      </c>
      <c r="AK32127">
        <v>26</v>
      </c>
      <c r="AL32127">
        <v>26</v>
      </c>
      <c r="AM32127">
        <v>26</v>
      </c>
      <c r="AN32127">
        <v>27</v>
      </c>
      <c r="AO32127">
        <v>27</v>
      </c>
      <c r="AP32127">
        <v>27</v>
      </c>
      <c r="AQ32127">
        <v>27</v>
      </c>
    </row>
    <row r="32128" spans="1:43">
      <c r="A32128" t="s">
        <v>19897</v>
      </c>
      <c r="B32128" t="s">
        <v>19898</v>
      </c>
      <c r="C32128" t="s">
        <v>19749</v>
      </c>
      <c r="D32128" t="s">
        <v>19750</v>
      </c>
      <c r="E32128" t="s">
        <v>19721</v>
      </c>
      <c r="F32128" t="s">
        <v>19722</v>
      </c>
      <c r="G32128" t="s">
        <v>10734</v>
      </c>
      <c r="H32128" t="s">
        <v>10735</v>
      </c>
      <c r="I32128" s="2">
        <v>0</v>
      </c>
      <c r="J32128" s="2">
        <v>0</v>
      </c>
      <c r="K32128" s="2">
        <v>1</v>
      </c>
      <c r="L32128" t="s">
        <v>995</v>
      </c>
      <c r="M32128" t="s">
        <v>89</v>
      </c>
      <c r="N32128" t="s">
        <v>90</v>
      </c>
      <c r="O32128" t="s">
        <v>85</v>
      </c>
      <c r="P32128" t="s">
        <v>86</v>
      </c>
      <c r="Q32128">
        <v>25</v>
      </c>
      <c r="R32128">
        <v>26</v>
      </c>
      <c r="S32128">
        <v>26</v>
      </c>
      <c r="T32128">
        <v>27</v>
      </c>
      <c r="U32128">
        <v>27</v>
      </c>
      <c r="V32128">
        <v>28</v>
      </c>
      <c r="W32128">
        <v>28</v>
      </c>
      <c r="X32128">
        <v>28</v>
      </c>
      <c r="Y32128">
        <v>29</v>
      </c>
      <c r="Z32128">
        <v>29</v>
      </c>
      <c r="AA32128">
        <v>30</v>
      </c>
      <c r="AB32128">
        <v>30</v>
      </c>
      <c r="AC32128">
        <v>30</v>
      </c>
      <c r="AD32128">
        <v>31</v>
      </c>
      <c r="AE32128">
        <v>31</v>
      </c>
      <c r="AF32128">
        <v>31</v>
      </c>
      <c r="AG32128">
        <v>31</v>
      </c>
      <c r="AH32128">
        <v>31</v>
      </c>
      <c r="AI32128">
        <v>31</v>
      </c>
      <c r="AJ32128">
        <v>31</v>
      </c>
      <c r="AK32128">
        <v>31</v>
      </c>
      <c r="AL32128">
        <v>31</v>
      </c>
      <c r="AM32128">
        <v>31</v>
      </c>
      <c r="AN32128">
        <v>31</v>
      </c>
      <c r="AO32128">
        <v>32</v>
      </c>
      <c r="AP32128">
        <v>32</v>
      </c>
      <c r="AQ32128">
        <v>32</v>
      </c>
    </row>
    <row r="32129" spans="1:43">
      <c r="A32129" t="s">
        <v>19897</v>
      </c>
      <c r="B32129" t="s">
        <v>19898</v>
      </c>
      <c r="C32129" t="s">
        <v>19749</v>
      </c>
      <c r="D32129" t="s">
        <v>19750</v>
      </c>
      <c r="E32129" t="s">
        <v>19721</v>
      </c>
      <c r="F32129" t="s">
        <v>19722</v>
      </c>
      <c r="G32129" t="s">
        <v>10734</v>
      </c>
      <c r="H32129" t="s">
        <v>10735</v>
      </c>
      <c r="I32129" s="2">
        <v>0</v>
      </c>
      <c r="J32129" s="2">
        <v>0</v>
      </c>
      <c r="K32129" s="2">
        <v>1</v>
      </c>
      <c r="L32129" t="s">
        <v>995</v>
      </c>
      <c r="M32129" t="s">
        <v>83</v>
      </c>
      <c r="N32129" t="s">
        <v>91</v>
      </c>
      <c r="O32129" t="s">
        <v>85</v>
      </c>
      <c r="P32129" t="s">
        <v>86</v>
      </c>
      <c r="Q32129">
        <v>25</v>
      </c>
      <c r="R32129">
        <v>25</v>
      </c>
      <c r="S32129">
        <v>25</v>
      </c>
      <c r="T32129">
        <v>26</v>
      </c>
      <c r="U32129">
        <v>26</v>
      </c>
      <c r="V32129">
        <v>26</v>
      </c>
      <c r="W32129">
        <v>27</v>
      </c>
      <c r="X32129">
        <v>27</v>
      </c>
      <c r="Y32129">
        <v>27</v>
      </c>
      <c r="Z32129">
        <v>28</v>
      </c>
      <c r="AA32129">
        <v>28</v>
      </c>
      <c r="AB32129">
        <v>28</v>
      </c>
      <c r="AC32129">
        <v>28</v>
      </c>
      <c r="AD32129">
        <v>29</v>
      </c>
      <c r="AE32129">
        <v>29</v>
      </c>
      <c r="AF32129">
        <v>29</v>
      </c>
      <c r="AG32129">
        <v>29</v>
      </c>
      <c r="AH32129">
        <v>30</v>
      </c>
      <c r="AI32129">
        <v>30</v>
      </c>
      <c r="AJ32129">
        <v>30</v>
      </c>
      <c r="AK32129">
        <v>31</v>
      </c>
      <c r="AL32129">
        <v>31</v>
      </c>
      <c r="AM32129">
        <v>31</v>
      </c>
      <c r="AN32129">
        <v>31</v>
      </c>
      <c r="AO32129">
        <v>31</v>
      </c>
      <c r="AP32129">
        <v>31</v>
      </c>
      <c r="AQ32129">
        <v>31</v>
      </c>
    </row>
    <row r="32130" spans="1:43">
      <c r="A32130" t="s">
        <v>19899</v>
      </c>
      <c r="B32130" t="s">
        <v>19900</v>
      </c>
      <c r="C32130" t="s">
        <v>19749</v>
      </c>
      <c r="D32130" t="s">
        <v>19750</v>
      </c>
      <c r="E32130" t="s">
        <v>19721</v>
      </c>
      <c r="F32130" t="s">
        <v>19722</v>
      </c>
      <c r="G32130" t="s">
        <v>10734</v>
      </c>
      <c r="H32130" t="s">
        <v>10735</v>
      </c>
      <c r="I32130" s="2">
        <v>0</v>
      </c>
      <c r="J32130" s="2">
        <v>0</v>
      </c>
      <c r="K32130" s="2">
        <v>0.86</v>
      </c>
      <c r="L32130" t="s">
        <v>995</v>
      </c>
      <c r="M32130" t="s">
        <v>83</v>
      </c>
      <c r="N32130" t="s">
        <v>84</v>
      </c>
      <c r="O32130" t="s">
        <v>85</v>
      </c>
      <c r="P32130" t="s">
        <v>86</v>
      </c>
      <c r="Q32130">
        <v>13</v>
      </c>
      <c r="R32130">
        <v>13</v>
      </c>
      <c r="S32130">
        <v>13</v>
      </c>
      <c r="T32130">
        <v>14</v>
      </c>
      <c r="U32130">
        <v>14</v>
      </c>
      <c r="V32130">
        <v>14</v>
      </c>
      <c r="W32130">
        <v>14</v>
      </c>
      <c r="X32130">
        <v>14</v>
      </c>
      <c r="Y32130">
        <v>14</v>
      </c>
      <c r="Z32130">
        <v>14</v>
      </c>
      <c r="AA32130">
        <v>15</v>
      </c>
      <c r="AB32130">
        <v>15</v>
      </c>
      <c r="AC32130">
        <v>15</v>
      </c>
      <c r="AD32130">
        <v>15</v>
      </c>
      <c r="AE32130">
        <v>15</v>
      </c>
      <c r="AF32130">
        <v>15</v>
      </c>
      <c r="AG32130">
        <v>15</v>
      </c>
      <c r="AH32130">
        <v>16</v>
      </c>
      <c r="AI32130">
        <v>16</v>
      </c>
      <c r="AJ32130">
        <v>16</v>
      </c>
      <c r="AK32130">
        <v>16</v>
      </c>
      <c r="AL32130">
        <v>16</v>
      </c>
      <c r="AM32130">
        <v>16</v>
      </c>
      <c r="AN32130">
        <v>16</v>
      </c>
      <c r="AO32130">
        <v>16</v>
      </c>
      <c r="AP32130">
        <v>16</v>
      </c>
      <c r="AQ32130">
        <v>16</v>
      </c>
    </row>
    <row r="32131" spans="1:43">
      <c r="A32131" t="s">
        <v>19899</v>
      </c>
      <c r="B32131" t="s">
        <v>19900</v>
      </c>
      <c r="C32131" t="s">
        <v>19749</v>
      </c>
      <c r="D32131" t="s">
        <v>19750</v>
      </c>
      <c r="E32131" t="s">
        <v>19721</v>
      </c>
      <c r="F32131" t="s">
        <v>19722</v>
      </c>
      <c r="G32131" t="s">
        <v>10734</v>
      </c>
      <c r="H32131" t="s">
        <v>10735</v>
      </c>
      <c r="I32131" s="2">
        <v>0</v>
      </c>
      <c r="J32131" s="2">
        <v>0</v>
      </c>
      <c r="K32131" s="2">
        <v>0.86</v>
      </c>
      <c r="L32131" t="s">
        <v>995</v>
      </c>
      <c r="M32131" t="s">
        <v>87</v>
      </c>
      <c r="N32131" t="s">
        <v>88</v>
      </c>
      <c r="O32131" t="s">
        <v>85</v>
      </c>
      <c r="P32131" t="s">
        <v>86</v>
      </c>
      <c r="Q32131">
        <v>13</v>
      </c>
      <c r="R32131">
        <v>13</v>
      </c>
      <c r="S32131">
        <v>13</v>
      </c>
      <c r="T32131">
        <v>13</v>
      </c>
      <c r="U32131">
        <v>13</v>
      </c>
      <c r="V32131">
        <v>13</v>
      </c>
      <c r="W32131">
        <v>13</v>
      </c>
      <c r="X32131">
        <v>13</v>
      </c>
      <c r="Y32131">
        <v>13</v>
      </c>
      <c r="Z32131">
        <v>13</v>
      </c>
      <c r="AA32131">
        <v>13</v>
      </c>
      <c r="AB32131">
        <v>13</v>
      </c>
      <c r="AC32131">
        <v>13</v>
      </c>
      <c r="AD32131">
        <v>13</v>
      </c>
      <c r="AE32131">
        <v>13</v>
      </c>
      <c r="AF32131">
        <v>13</v>
      </c>
      <c r="AG32131">
        <v>14</v>
      </c>
      <c r="AH32131">
        <v>14</v>
      </c>
      <c r="AI32131">
        <v>14</v>
      </c>
      <c r="AJ32131">
        <v>14</v>
      </c>
      <c r="AK32131">
        <v>14</v>
      </c>
      <c r="AL32131">
        <v>14</v>
      </c>
      <c r="AM32131">
        <v>14</v>
      </c>
      <c r="AN32131">
        <v>14</v>
      </c>
      <c r="AO32131">
        <v>14</v>
      </c>
      <c r="AP32131">
        <v>14</v>
      </c>
      <c r="AQ32131">
        <v>14</v>
      </c>
    </row>
    <row r="32132" spans="1:43">
      <c r="A32132" t="s">
        <v>19899</v>
      </c>
      <c r="B32132" t="s">
        <v>19900</v>
      </c>
      <c r="C32132" t="s">
        <v>19749</v>
      </c>
      <c r="D32132" t="s">
        <v>19750</v>
      </c>
      <c r="E32132" t="s">
        <v>19721</v>
      </c>
      <c r="F32132" t="s">
        <v>19722</v>
      </c>
      <c r="G32132" t="s">
        <v>10734</v>
      </c>
      <c r="H32132" t="s">
        <v>10735</v>
      </c>
      <c r="I32132" s="2">
        <v>0</v>
      </c>
      <c r="J32132" s="2">
        <v>0</v>
      </c>
      <c r="K32132" s="2">
        <v>0.86</v>
      </c>
      <c r="L32132" t="s">
        <v>995</v>
      </c>
      <c r="M32132" t="s">
        <v>89</v>
      </c>
      <c r="N32132" t="s">
        <v>90</v>
      </c>
      <c r="O32132" t="s">
        <v>85</v>
      </c>
      <c r="P32132" t="s">
        <v>86</v>
      </c>
      <c r="Q32132">
        <v>13</v>
      </c>
      <c r="R32132">
        <v>13</v>
      </c>
      <c r="S32132">
        <v>14</v>
      </c>
      <c r="T32132">
        <v>14</v>
      </c>
      <c r="U32132">
        <v>14</v>
      </c>
      <c r="V32132">
        <v>14</v>
      </c>
      <c r="W32132">
        <v>15</v>
      </c>
      <c r="X32132">
        <v>15</v>
      </c>
      <c r="Y32132">
        <v>15</v>
      </c>
      <c r="Z32132">
        <v>15</v>
      </c>
      <c r="AA32132">
        <v>16</v>
      </c>
      <c r="AB32132">
        <v>16</v>
      </c>
      <c r="AC32132">
        <v>16</v>
      </c>
      <c r="AD32132">
        <v>16</v>
      </c>
      <c r="AE32132">
        <v>16</v>
      </c>
      <c r="AF32132">
        <v>16</v>
      </c>
      <c r="AG32132">
        <v>16</v>
      </c>
      <c r="AH32132">
        <v>16</v>
      </c>
      <c r="AI32132">
        <v>16</v>
      </c>
      <c r="AJ32132">
        <v>16</v>
      </c>
      <c r="AK32132">
        <v>16</v>
      </c>
      <c r="AL32132">
        <v>16</v>
      </c>
      <c r="AM32132">
        <v>16</v>
      </c>
      <c r="AN32132">
        <v>16</v>
      </c>
      <c r="AO32132">
        <v>16</v>
      </c>
      <c r="AP32132">
        <v>16</v>
      </c>
      <c r="AQ32132">
        <v>17</v>
      </c>
    </row>
    <row r="32133" spans="1:43">
      <c r="A32133" t="s">
        <v>19899</v>
      </c>
      <c r="B32133" t="s">
        <v>19900</v>
      </c>
      <c r="C32133" t="s">
        <v>19749</v>
      </c>
      <c r="D32133" t="s">
        <v>19750</v>
      </c>
      <c r="E32133" t="s">
        <v>19721</v>
      </c>
      <c r="F32133" t="s">
        <v>19722</v>
      </c>
      <c r="G32133" t="s">
        <v>10734</v>
      </c>
      <c r="H32133" t="s">
        <v>10735</v>
      </c>
      <c r="I32133" s="2">
        <v>0</v>
      </c>
      <c r="J32133" s="2">
        <v>0</v>
      </c>
      <c r="K32133" s="2">
        <v>0.86</v>
      </c>
      <c r="L32133" t="s">
        <v>995</v>
      </c>
      <c r="M32133" t="s">
        <v>83</v>
      </c>
      <c r="N32133" t="s">
        <v>91</v>
      </c>
      <c r="O32133" t="s">
        <v>85</v>
      </c>
      <c r="P32133" t="s">
        <v>86</v>
      </c>
      <c r="Q32133">
        <v>13</v>
      </c>
      <c r="R32133">
        <v>13</v>
      </c>
      <c r="S32133">
        <v>13</v>
      </c>
      <c r="T32133">
        <v>14</v>
      </c>
      <c r="U32133">
        <v>14</v>
      </c>
      <c r="V32133">
        <v>14</v>
      </c>
      <c r="W32133">
        <v>14</v>
      </c>
      <c r="X32133">
        <v>14</v>
      </c>
      <c r="Y32133">
        <v>14</v>
      </c>
      <c r="Z32133">
        <v>14</v>
      </c>
      <c r="AA32133">
        <v>15</v>
      </c>
      <c r="AB32133">
        <v>15</v>
      </c>
      <c r="AC32133">
        <v>15</v>
      </c>
      <c r="AD32133">
        <v>15</v>
      </c>
      <c r="AE32133">
        <v>15</v>
      </c>
      <c r="AF32133">
        <v>15</v>
      </c>
      <c r="AG32133">
        <v>15</v>
      </c>
      <c r="AH32133">
        <v>16</v>
      </c>
      <c r="AI32133">
        <v>16</v>
      </c>
      <c r="AJ32133">
        <v>16</v>
      </c>
      <c r="AK32133">
        <v>16</v>
      </c>
      <c r="AL32133">
        <v>16</v>
      </c>
      <c r="AM32133">
        <v>16</v>
      </c>
      <c r="AN32133">
        <v>16</v>
      </c>
      <c r="AO32133">
        <v>16</v>
      </c>
      <c r="AP32133">
        <v>16</v>
      </c>
      <c r="AQ32133">
        <v>16</v>
      </c>
    </row>
    <row r="32134" spans="1:43">
      <c r="A32134" t="s">
        <v>19901</v>
      </c>
      <c r="B32134" t="s">
        <v>19902</v>
      </c>
      <c r="C32134" t="s">
        <v>19815</v>
      </c>
      <c r="D32134" t="s">
        <v>19816</v>
      </c>
      <c r="E32134" t="s">
        <v>19721</v>
      </c>
      <c r="F32134" t="s">
        <v>19722</v>
      </c>
      <c r="G32134" t="s">
        <v>10734</v>
      </c>
      <c r="H32134" t="s">
        <v>10735</v>
      </c>
      <c r="I32134" s="2">
        <v>0</v>
      </c>
      <c r="J32134" s="2">
        <v>0</v>
      </c>
      <c r="K32134" s="2">
        <v>1</v>
      </c>
      <c r="L32134" t="s">
        <v>995</v>
      </c>
      <c r="M32134" t="s">
        <v>83</v>
      </c>
      <c r="N32134" t="s">
        <v>84</v>
      </c>
      <c r="O32134" t="s">
        <v>85</v>
      </c>
      <c r="P32134" t="s">
        <v>86</v>
      </c>
      <c r="Q32134">
        <v>3</v>
      </c>
      <c r="R32134">
        <v>3</v>
      </c>
      <c r="S32134">
        <v>3</v>
      </c>
      <c r="T32134">
        <v>3</v>
      </c>
      <c r="U32134">
        <v>3</v>
      </c>
      <c r="V32134">
        <v>3</v>
      </c>
      <c r="W32134">
        <v>3</v>
      </c>
      <c r="X32134">
        <v>3</v>
      </c>
      <c r="Y32134">
        <v>3</v>
      </c>
      <c r="Z32134">
        <v>3</v>
      </c>
      <c r="AA32134">
        <v>3</v>
      </c>
      <c r="AB32134">
        <v>4</v>
      </c>
      <c r="AC32134">
        <v>4</v>
      </c>
      <c r="AD32134">
        <v>4</v>
      </c>
      <c r="AE32134">
        <v>4</v>
      </c>
      <c r="AF32134">
        <v>4</v>
      </c>
      <c r="AG32134">
        <v>4</v>
      </c>
      <c r="AH32134">
        <v>4</v>
      </c>
      <c r="AI32134">
        <v>4</v>
      </c>
      <c r="AJ32134">
        <v>4</v>
      </c>
      <c r="AK32134">
        <v>4</v>
      </c>
      <c r="AL32134">
        <v>4</v>
      </c>
      <c r="AM32134">
        <v>4</v>
      </c>
      <c r="AN32134">
        <v>4</v>
      </c>
      <c r="AO32134">
        <v>4</v>
      </c>
      <c r="AP32134">
        <v>4</v>
      </c>
      <c r="AQ32134">
        <v>4</v>
      </c>
    </row>
    <row r="32135" spans="1:43">
      <c r="A32135" t="s">
        <v>19901</v>
      </c>
      <c r="B32135" t="s">
        <v>19902</v>
      </c>
      <c r="C32135" t="s">
        <v>19815</v>
      </c>
      <c r="D32135" t="s">
        <v>19816</v>
      </c>
      <c r="E32135" t="s">
        <v>19721</v>
      </c>
      <c r="F32135" t="s">
        <v>19722</v>
      </c>
      <c r="G32135" t="s">
        <v>10734</v>
      </c>
      <c r="H32135" t="s">
        <v>10735</v>
      </c>
      <c r="I32135" s="2">
        <v>0</v>
      </c>
      <c r="J32135" s="2">
        <v>0</v>
      </c>
      <c r="K32135" s="2">
        <v>1</v>
      </c>
      <c r="L32135" t="s">
        <v>995</v>
      </c>
      <c r="M32135" t="s">
        <v>87</v>
      </c>
      <c r="N32135" t="s">
        <v>88</v>
      </c>
      <c r="O32135" t="s">
        <v>85</v>
      </c>
      <c r="P32135" t="s">
        <v>86</v>
      </c>
      <c r="Q32135">
        <v>3</v>
      </c>
      <c r="R32135">
        <v>3</v>
      </c>
      <c r="S32135">
        <v>3</v>
      </c>
      <c r="T32135">
        <v>3</v>
      </c>
      <c r="U32135">
        <v>3</v>
      </c>
      <c r="V32135">
        <v>3</v>
      </c>
      <c r="W32135">
        <v>3</v>
      </c>
      <c r="X32135">
        <v>3</v>
      </c>
      <c r="Y32135">
        <v>3</v>
      </c>
      <c r="Z32135">
        <v>3</v>
      </c>
      <c r="AA32135">
        <v>3</v>
      </c>
      <c r="AB32135">
        <v>3</v>
      </c>
      <c r="AC32135">
        <v>3</v>
      </c>
      <c r="AD32135">
        <v>3</v>
      </c>
      <c r="AE32135">
        <v>3</v>
      </c>
      <c r="AF32135">
        <v>3</v>
      </c>
      <c r="AG32135">
        <v>3</v>
      </c>
      <c r="AH32135">
        <v>3</v>
      </c>
      <c r="AI32135">
        <v>3</v>
      </c>
      <c r="AJ32135">
        <v>3</v>
      </c>
      <c r="AK32135">
        <v>3</v>
      </c>
      <c r="AL32135">
        <v>3</v>
      </c>
      <c r="AM32135">
        <v>3</v>
      </c>
      <c r="AN32135">
        <v>3</v>
      </c>
      <c r="AO32135">
        <v>3</v>
      </c>
      <c r="AP32135">
        <v>3</v>
      </c>
      <c r="AQ32135">
        <v>3</v>
      </c>
    </row>
    <row r="32136" spans="1:43">
      <c r="A32136" t="s">
        <v>19901</v>
      </c>
      <c r="B32136" t="s">
        <v>19902</v>
      </c>
      <c r="C32136" t="s">
        <v>19815</v>
      </c>
      <c r="D32136" t="s">
        <v>19816</v>
      </c>
      <c r="E32136" t="s">
        <v>19721</v>
      </c>
      <c r="F32136" t="s">
        <v>19722</v>
      </c>
      <c r="G32136" t="s">
        <v>10734</v>
      </c>
      <c r="H32136" t="s">
        <v>10735</v>
      </c>
      <c r="I32136" s="2">
        <v>0</v>
      </c>
      <c r="J32136" s="2">
        <v>0</v>
      </c>
      <c r="K32136" s="2">
        <v>1</v>
      </c>
      <c r="L32136" t="s">
        <v>995</v>
      </c>
      <c r="M32136" t="s">
        <v>89</v>
      </c>
      <c r="N32136" t="s">
        <v>90</v>
      </c>
      <c r="O32136" t="s">
        <v>85</v>
      </c>
      <c r="P32136" t="s">
        <v>86</v>
      </c>
      <c r="Q32136">
        <v>3</v>
      </c>
      <c r="R32136">
        <v>3</v>
      </c>
      <c r="S32136">
        <v>3</v>
      </c>
      <c r="T32136">
        <v>3</v>
      </c>
      <c r="U32136">
        <v>3</v>
      </c>
      <c r="V32136">
        <v>3</v>
      </c>
      <c r="W32136">
        <v>3</v>
      </c>
      <c r="X32136">
        <v>4</v>
      </c>
      <c r="Y32136">
        <v>4</v>
      </c>
      <c r="Z32136">
        <v>4</v>
      </c>
      <c r="AA32136">
        <v>4</v>
      </c>
      <c r="AB32136">
        <v>4</v>
      </c>
      <c r="AC32136">
        <v>4</v>
      </c>
      <c r="AD32136">
        <v>4</v>
      </c>
      <c r="AE32136">
        <v>4</v>
      </c>
      <c r="AF32136">
        <v>4</v>
      </c>
      <c r="AG32136">
        <v>4</v>
      </c>
      <c r="AH32136">
        <v>4</v>
      </c>
      <c r="AI32136">
        <v>4</v>
      </c>
      <c r="AJ32136">
        <v>4</v>
      </c>
      <c r="AK32136">
        <v>4</v>
      </c>
      <c r="AL32136">
        <v>4</v>
      </c>
      <c r="AM32136">
        <v>4</v>
      </c>
      <c r="AN32136">
        <v>4</v>
      </c>
      <c r="AO32136">
        <v>4</v>
      </c>
      <c r="AP32136">
        <v>4</v>
      </c>
      <c r="AQ32136">
        <v>4</v>
      </c>
    </row>
    <row r="32137" spans="1:43">
      <c r="A32137" t="s">
        <v>19901</v>
      </c>
      <c r="B32137" t="s">
        <v>19902</v>
      </c>
      <c r="C32137" t="s">
        <v>19815</v>
      </c>
      <c r="D32137" t="s">
        <v>19816</v>
      </c>
      <c r="E32137" t="s">
        <v>19721</v>
      </c>
      <c r="F32137" t="s">
        <v>19722</v>
      </c>
      <c r="G32137" t="s">
        <v>10734</v>
      </c>
      <c r="H32137" t="s">
        <v>10735</v>
      </c>
      <c r="I32137" s="2">
        <v>0</v>
      </c>
      <c r="J32137" s="2">
        <v>0</v>
      </c>
      <c r="K32137" s="2">
        <v>1</v>
      </c>
      <c r="L32137" t="s">
        <v>995</v>
      </c>
      <c r="M32137" t="s">
        <v>83</v>
      </c>
      <c r="N32137" t="s">
        <v>91</v>
      </c>
      <c r="O32137" t="s">
        <v>85</v>
      </c>
      <c r="P32137" t="s">
        <v>86</v>
      </c>
      <c r="Q32137">
        <v>3</v>
      </c>
      <c r="R32137">
        <v>3</v>
      </c>
      <c r="S32137">
        <v>3</v>
      </c>
      <c r="T32137">
        <v>3</v>
      </c>
      <c r="U32137">
        <v>3</v>
      </c>
      <c r="V32137">
        <v>3</v>
      </c>
      <c r="W32137">
        <v>3</v>
      </c>
      <c r="X32137">
        <v>3</v>
      </c>
      <c r="Y32137">
        <v>3</v>
      </c>
      <c r="Z32137">
        <v>3</v>
      </c>
      <c r="AA32137">
        <v>3</v>
      </c>
      <c r="AB32137">
        <v>4</v>
      </c>
      <c r="AC32137">
        <v>4</v>
      </c>
      <c r="AD32137">
        <v>4</v>
      </c>
      <c r="AE32137">
        <v>4</v>
      </c>
      <c r="AF32137">
        <v>4</v>
      </c>
      <c r="AG32137">
        <v>4</v>
      </c>
      <c r="AH32137">
        <v>4</v>
      </c>
      <c r="AI32137">
        <v>4</v>
      </c>
      <c r="AJ32137">
        <v>4</v>
      </c>
      <c r="AK32137">
        <v>4</v>
      </c>
      <c r="AL32137">
        <v>4</v>
      </c>
      <c r="AM32137">
        <v>4</v>
      </c>
      <c r="AN32137">
        <v>4</v>
      </c>
      <c r="AO32137">
        <v>4</v>
      </c>
      <c r="AP32137">
        <v>4</v>
      </c>
      <c r="AQ32137">
        <v>4</v>
      </c>
    </row>
    <row r="32138" spans="1:43">
      <c r="A32138" t="s">
        <v>19903</v>
      </c>
      <c r="B32138" t="s">
        <v>19904</v>
      </c>
      <c r="C32138" t="s">
        <v>19833</v>
      </c>
      <c r="D32138" t="s">
        <v>19834</v>
      </c>
      <c r="E32138" t="s">
        <v>19721</v>
      </c>
      <c r="F32138" t="s">
        <v>19722</v>
      </c>
      <c r="G32138" t="s">
        <v>10734</v>
      </c>
      <c r="H32138" t="s">
        <v>10735</v>
      </c>
      <c r="I32138" s="2">
        <v>0</v>
      </c>
      <c r="J32138" s="2">
        <v>0</v>
      </c>
      <c r="K32138" s="2">
        <v>1</v>
      </c>
      <c r="L32138" t="s">
        <v>995</v>
      </c>
      <c r="M32138" t="s">
        <v>83</v>
      </c>
      <c r="N32138" t="s">
        <v>84</v>
      </c>
      <c r="O32138" t="s">
        <v>85</v>
      </c>
      <c r="P32138" t="s">
        <v>86</v>
      </c>
      <c r="Q32138">
        <v>45</v>
      </c>
      <c r="R32138">
        <v>46</v>
      </c>
      <c r="S32138">
        <v>46</v>
      </c>
      <c r="T32138">
        <v>47</v>
      </c>
      <c r="U32138">
        <v>47</v>
      </c>
      <c r="V32138">
        <v>48</v>
      </c>
      <c r="W32138">
        <v>48</v>
      </c>
      <c r="X32138">
        <v>48</v>
      </c>
      <c r="Y32138">
        <v>49</v>
      </c>
      <c r="Z32138">
        <v>49</v>
      </c>
      <c r="AA32138">
        <v>50</v>
      </c>
      <c r="AB32138">
        <v>50</v>
      </c>
      <c r="AC32138">
        <v>51</v>
      </c>
      <c r="AD32138">
        <v>51</v>
      </c>
      <c r="AE32138">
        <v>52</v>
      </c>
      <c r="AF32138">
        <v>52</v>
      </c>
      <c r="AG32138">
        <v>52</v>
      </c>
      <c r="AH32138">
        <v>53</v>
      </c>
      <c r="AI32138">
        <v>53</v>
      </c>
      <c r="AJ32138">
        <v>54</v>
      </c>
      <c r="AK32138">
        <v>54</v>
      </c>
      <c r="AL32138">
        <v>54</v>
      </c>
      <c r="AM32138">
        <v>54</v>
      </c>
      <c r="AN32138">
        <v>54</v>
      </c>
      <c r="AO32138">
        <v>55</v>
      </c>
      <c r="AP32138">
        <v>55</v>
      </c>
      <c r="AQ32138">
        <v>55</v>
      </c>
    </row>
    <row r="32139" spans="1:43">
      <c r="A32139" t="s">
        <v>19903</v>
      </c>
      <c r="B32139" t="s">
        <v>19904</v>
      </c>
      <c r="C32139" t="s">
        <v>19833</v>
      </c>
      <c r="D32139" t="s">
        <v>19834</v>
      </c>
      <c r="E32139" t="s">
        <v>19721</v>
      </c>
      <c r="F32139" t="s">
        <v>19722</v>
      </c>
      <c r="G32139" t="s">
        <v>10734</v>
      </c>
      <c r="H32139" t="s">
        <v>10735</v>
      </c>
      <c r="I32139" s="2">
        <v>0</v>
      </c>
      <c r="J32139" s="2">
        <v>0</v>
      </c>
      <c r="K32139" s="2">
        <v>1</v>
      </c>
      <c r="L32139" t="s">
        <v>995</v>
      </c>
      <c r="M32139" t="s">
        <v>87</v>
      </c>
      <c r="N32139" t="s">
        <v>88</v>
      </c>
      <c r="O32139" t="s">
        <v>85</v>
      </c>
      <c r="P32139" t="s">
        <v>86</v>
      </c>
      <c r="Q32139">
        <v>45</v>
      </c>
      <c r="R32139">
        <v>45</v>
      </c>
      <c r="S32139">
        <v>45</v>
      </c>
      <c r="T32139">
        <v>45</v>
      </c>
      <c r="U32139">
        <v>45</v>
      </c>
      <c r="V32139">
        <v>45</v>
      </c>
      <c r="W32139">
        <v>45</v>
      </c>
      <c r="X32139">
        <v>45</v>
      </c>
      <c r="Y32139">
        <v>45</v>
      </c>
      <c r="Z32139">
        <v>45</v>
      </c>
      <c r="AA32139">
        <v>45</v>
      </c>
      <c r="AB32139">
        <v>45</v>
      </c>
      <c r="AC32139">
        <v>46</v>
      </c>
      <c r="AD32139">
        <v>46</v>
      </c>
      <c r="AE32139">
        <v>46</v>
      </c>
      <c r="AF32139">
        <v>46</v>
      </c>
      <c r="AG32139">
        <v>46</v>
      </c>
      <c r="AH32139">
        <v>46</v>
      </c>
      <c r="AI32139">
        <v>46</v>
      </c>
      <c r="AJ32139">
        <v>46</v>
      </c>
      <c r="AK32139">
        <v>46</v>
      </c>
      <c r="AL32139">
        <v>47</v>
      </c>
      <c r="AM32139">
        <v>47</v>
      </c>
      <c r="AN32139">
        <v>47</v>
      </c>
      <c r="AO32139">
        <v>47</v>
      </c>
      <c r="AP32139">
        <v>47</v>
      </c>
      <c r="AQ32139">
        <v>47</v>
      </c>
    </row>
    <row r="32140" spans="1:43">
      <c r="A32140" t="s">
        <v>19903</v>
      </c>
      <c r="B32140" t="s">
        <v>19904</v>
      </c>
      <c r="C32140" t="s">
        <v>19833</v>
      </c>
      <c r="D32140" t="s">
        <v>19834</v>
      </c>
      <c r="E32140" t="s">
        <v>19721</v>
      </c>
      <c r="F32140" t="s">
        <v>19722</v>
      </c>
      <c r="G32140" t="s">
        <v>10734</v>
      </c>
      <c r="H32140" t="s">
        <v>10735</v>
      </c>
      <c r="I32140" s="2">
        <v>0</v>
      </c>
      <c r="J32140" s="2">
        <v>0</v>
      </c>
      <c r="K32140" s="2">
        <v>1</v>
      </c>
      <c r="L32140" t="s">
        <v>995</v>
      </c>
      <c r="M32140" t="s">
        <v>89</v>
      </c>
      <c r="N32140" t="s">
        <v>90</v>
      </c>
      <c r="O32140" t="s">
        <v>85</v>
      </c>
      <c r="P32140" t="s">
        <v>86</v>
      </c>
      <c r="Q32140">
        <v>45</v>
      </c>
      <c r="R32140">
        <v>45</v>
      </c>
      <c r="S32140">
        <v>46</v>
      </c>
      <c r="T32140">
        <v>47</v>
      </c>
      <c r="U32140">
        <v>48</v>
      </c>
      <c r="V32140">
        <v>49</v>
      </c>
      <c r="W32140">
        <v>49</v>
      </c>
      <c r="X32140">
        <v>50</v>
      </c>
      <c r="Y32140">
        <v>51</v>
      </c>
      <c r="Z32140">
        <v>51</v>
      </c>
      <c r="AA32140">
        <v>52</v>
      </c>
      <c r="AB32140">
        <v>53</v>
      </c>
      <c r="AC32140">
        <v>53</v>
      </c>
      <c r="AD32140">
        <v>54</v>
      </c>
      <c r="AE32140">
        <v>54</v>
      </c>
      <c r="AF32140">
        <v>54</v>
      </c>
      <c r="AG32140">
        <v>54</v>
      </c>
      <c r="AH32140">
        <v>54</v>
      </c>
      <c r="AI32140">
        <v>54</v>
      </c>
      <c r="AJ32140">
        <v>54</v>
      </c>
      <c r="AK32140">
        <v>54</v>
      </c>
      <c r="AL32140">
        <v>54</v>
      </c>
      <c r="AM32140">
        <v>54</v>
      </c>
      <c r="AN32140">
        <v>54</v>
      </c>
      <c r="AO32140">
        <v>54</v>
      </c>
      <c r="AP32140">
        <v>54</v>
      </c>
      <c r="AQ32140">
        <v>54</v>
      </c>
    </row>
    <row r="32141" spans="1:43">
      <c r="A32141" t="s">
        <v>19903</v>
      </c>
      <c r="B32141" t="s">
        <v>19904</v>
      </c>
      <c r="C32141" t="s">
        <v>19833</v>
      </c>
      <c r="D32141" t="s">
        <v>19834</v>
      </c>
      <c r="E32141" t="s">
        <v>19721</v>
      </c>
      <c r="F32141" t="s">
        <v>19722</v>
      </c>
      <c r="G32141" t="s">
        <v>10734</v>
      </c>
      <c r="H32141" t="s">
        <v>10735</v>
      </c>
      <c r="I32141" s="2">
        <v>0</v>
      </c>
      <c r="J32141" s="2">
        <v>0</v>
      </c>
      <c r="K32141" s="2">
        <v>1</v>
      </c>
      <c r="L32141" t="s">
        <v>995</v>
      </c>
      <c r="M32141" t="s">
        <v>83</v>
      </c>
      <c r="N32141" t="s">
        <v>91</v>
      </c>
      <c r="O32141" t="s">
        <v>85</v>
      </c>
      <c r="P32141" t="s">
        <v>86</v>
      </c>
      <c r="Q32141">
        <v>45</v>
      </c>
      <c r="R32141">
        <v>46</v>
      </c>
      <c r="S32141">
        <v>46</v>
      </c>
      <c r="T32141">
        <v>47</v>
      </c>
      <c r="U32141">
        <v>47</v>
      </c>
      <c r="V32141">
        <v>48</v>
      </c>
      <c r="W32141">
        <v>48</v>
      </c>
      <c r="X32141">
        <v>48</v>
      </c>
      <c r="Y32141">
        <v>49</v>
      </c>
      <c r="Z32141">
        <v>49</v>
      </c>
      <c r="AA32141">
        <v>50</v>
      </c>
      <c r="AB32141">
        <v>50</v>
      </c>
      <c r="AC32141">
        <v>51</v>
      </c>
      <c r="AD32141">
        <v>51</v>
      </c>
      <c r="AE32141">
        <v>52</v>
      </c>
      <c r="AF32141">
        <v>52</v>
      </c>
      <c r="AG32141">
        <v>52</v>
      </c>
      <c r="AH32141">
        <v>53</v>
      </c>
      <c r="AI32141">
        <v>53</v>
      </c>
      <c r="AJ32141">
        <v>54</v>
      </c>
      <c r="AK32141">
        <v>54</v>
      </c>
      <c r="AL32141">
        <v>54</v>
      </c>
      <c r="AM32141">
        <v>54</v>
      </c>
      <c r="AN32141">
        <v>54</v>
      </c>
      <c r="AO32141">
        <v>55</v>
      </c>
      <c r="AP32141">
        <v>55</v>
      </c>
      <c r="AQ32141">
        <v>55</v>
      </c>
    </row>
    <row r="32142" spans="1:43">
      <c r="A32142" t="s">
        <v>19905</v>
      </c>
      <c r="B32142" t="s">
        <v>19906</v>
      </c>
      <c r="C32142" t="s">
        <v>19823</v>
      </c>
      <c r="D32142" t="s">
        <v>19824</v>
      </c>
      <c r="E32142" t="s">
        <v>19721</v>
      </c>
      <c r="F32142" t="s">
        <v>19722</v>
      </c>
      <c r="G32142" t="s">
        <v>10734</v>
      </c>
      <c r="H32142" t="s">
        <v>10735</v>
      </c>
      <c r="I32142" s="2">
        <v>0</v>
      </c>
      <c r="J32142" s="2">
        <v>0</v>
      </c>
      <c r="K32142" s="2">
        <v>1</v>
      </c>
      <c r="L32142" t="s">
        <v>995</v>
      </c>
      <c r="M32142" t="s">
        <v>83</v>
      </c>
      <c r="N32142" t="s">
        <v>84</v>
      </c>
      <c r="O32142" t="s">
        <v>85</v>
      </c>
      <c r="P32142" t="s">
        <v>86</v>
      </c>
      <c r="Q32142">
        <v>33</v>
      </c>
      <c r="R32142">
        <v>33</v>
      </c>
      <c r="S32142">
        <v>33</v>
      </c>
      <c r="T32142">
        <v>34</v>
      </c>
      <c r="U32142">
        <v>34</v>
      </c>
      <c r="V32142">
        <v>35</v>
      </c>
      <c r="W32142">
        <v>35</v>
      </c>
      <c r="X32142">
        <v>35</v>
      </c>
      <c r="Y32142">
        <v>36</v>
      </c>
      <c r="Z32142">
        <v>36</v>
      </c>
      <c r="AA32142">
        <v>36</v>
      </c>
      <c r="AB32142">
        <v>37</v>
      </c>
      <c r="AC32142">
        <v>37</v>
      </c>
      <c r="AD32142">
        <v>37</v>
      </c>
      <c r="AE32142">
        <v>37</v>
      </c>
      <c r="AF32142">
        <v>38</v>
      </c>
      <c r="AG32142">
        <v>38</v>
      </c>
      <c r="AH32142">
        <v>38</v>
      </c>
      <c r="AI32142">
        <v>39</v>
      </c>
      <c r="AJ32142">
        <v>39</v>
      </c>
      <c r="AK32142">
        <v>39</v>
      </c>
      <c r="AL32142">
        <v>39</v>
      </c>
      <c r="AM32142">
        <v>40</v>
      </c>
      <c r="AN32142">
        <v>40</v>
      </c>
      <c r="AO32142">
        <v>40</v>
      </c>
      <c r="AP32142">
        <v>40</v>
      </c>
      <c r="AQ32142">
        <v>40</v>
      </c>
    </row>
    <row r="32143" spans="1:43">
      <c r="A32143" t="s">
        <v>19905</v>
      </c>
      <c r="B32143" t="s">
        <v>19906</v>
      </c>
      <c r="C32143" t="s">
        <v>19823</v>
      </c>
      <c r="D32143" t="s">
        <v>19824</v>
      </c>
      <c r="E32143" t="s">
        <v>19721</v>
      </c>
      <c r="F32143" t="s">
        <v>19722</v>
      </c>
      <c r="G32143" t="s">
        <v>10734</v>
      </c>
      <c r="H32143" t="s">
        <v>10735</v>
      </c>
      <c r="I32143" s="2">
        <v>0</v>
      </c>
      <c r="J32143" s="2">
        <v>0</v>
      </c>
      <c r="K32143" s="2">
        <v>1</v>
      </c>
      <c r="L32143" t="s">
        <v>995</v>
      </c>
      <c r="M32143" t="s">
        <v>87</v>
      </c>
      <c r="N32143" t="s">
        <v>88</v>
      </c>
      <c r="O32143" t="s">
        <v>85</v>
      </c>
      <c r="P32143" t="s">
        <v>86</v>
      </c>
      <c r="Q32143">
        <v>33</v>
      </c>
      <c r="R32143">
        <v>34</v>
      </c>
      <c r="S32143">
        <v>34</v>
      </c>
      <c r="T32143">
        <v>34</v>
      </c>
      <c r="U32143">
        <v>34</v>
      </c>
      <c r="V32143">
        <v>34</v>
      </c>
      <c r="W32143">
        <v>34</v>
      </c>
      <c r="X32143">
        <v>34</v>
      </c>
      <c r="Y32143">
        <v>34</v>
      </c>
      <c r="Z32143">
        <v>34</v>
      </c>
      <c r="AA32143">
        <v>34</v>
      </c>
      <c r="AB32143">
        <v>34</v>
      </c>
      <c r="AC32143">
        <v>34</v>
      </c>
      <c r="AD32143">
        <v>34</v>
      </c>
      <c r="AE32143">
        <v>34</v>
      </c>
      <c r="AF32143">
        <v>34</v>
      </c>
      <c r="AG32143">
        <v>34</v>
      </c>
      <c r="AH32143">
        <v>34</v>
      </c>
      <c r="AI32143">
        <v>34</v>
      </c>
      <c r="AJ32143">
        <v>35</v>
      </c>
      <c r="AK32143">
        <v>35</v>
      </c>
      <c r="AL32143">
        <v>35</v>
      </c>
      <c r="AM32143">
        <v>35</v>
      </c>
      <c r="AN32143">
        <v>35</v>
      </c>
      <c r="AO32143">
        <v>35</v>
      </c>
      <c r="AP32143">
        <v>35</v>
      </c>
      <c r="AQ32143">
        <v>35</v>
      </c>
    </row>
    <row r="32144" spans="1:43">
      <c r="A32144" t="s">
        <v>19905</v>
      </c>
      <c r="B32144" t="s">
        <v>19906</v>
      </c>
      <c r="C32144" t="s">
        <v>19823</v>
      </c>
      <c r="D32144" t="s">
        <v>19824</v>
      </c>
      <c r="E32144" t="s">
        <v>19721</v>
      </c>
      <c r="F32144" t="s">
        <v>19722</v>
      </c>
      <c r="G32144" t="s">
        <v>10734</v>
      </c>
      <c r="H32144" t="s">
        <v>10735</v>
      </c>
      <c r="I32144" s="2">
        <v>0</v>
      </c>
      <c r="J32144" s="2">
        <v>0</v>
      </c>
      <c r="K32144" s="2">
        <v>1</v>
      </c>
      <c r="L32144" t="s">
        <v>995</v>
      </c>
      <c r="M32144" t="s">
        <v>89</v>
      </c>
      <c r="N32144" t="s">
        <v>90</v>
      </c>
      <c r="O32144" t="s">
        <v>85</v>
      </c>
      <c r="P32144" t="s">
        <v>86</v>
      </c>
      <c r="Q32144">
        <v>33</v>
      </c>
      <c r="R32144">
        <v>34</v>
      </c>
      <c r="S32144">
        <v>34</v>
      </c>
      <c r="T32144">
        <v>35</v>
      </c>
      <c r="U32144">
        <v>36</v>
      </c>
      <c r="V32144">
        <v>36</v>
      </c>
      <c r="W32144">
        <v>37</v>
      </c>
      <c r="X32144">
        <v>37</v>
      </c>
      <c r="Y32144">
        <v>38</v>
      </c>
      <c r="Z32144">
        <v>38</v>
      </c>
      <c r="AA32144">
        <v>38</v>
      </c>
      <c r="AB32144">
        <v>39</v>
      </c>
      <c r="AC32144">
        <v>39</v>
      </c>
      <c r="AD32144">
        <v>40</v>
      </c>
      <c r="AE32144">
        <v>40</v>
      </c>
      <c r="AF32144">
        <v>40</v>
      </c>
      <c r="AG32144">
        <v>40</v>
      </c>
      <c r="AH32144">
        <v>40</v>
      </c>
      <c r="AI32144">
        <v>40</v>
      </c>
      <c r="AJ32144">
        <v>40</v>
      </c>
      <c r="AK32144">
        <v>40</v>
      </c>
      <c r="AL32144">
        <v>40</v>
      </c>
      <c r="AM32144">
        <v>40</v>
      </c>
      <c r="AN32144">
        <v>40</v>
      </c>
      <c r="AO32144">
        <v>40</v>
      </c>
      <c r="AP32144">
        <v>40</v>
      </c>
      <c r="AQ32144">
        <v>40</v>
      </c>
    </row>
    <row r="32145" spans="1:43">
      <c r="A32145" t="s">
        <v>19905</v>
      </c>
      <c r="B32145" t="s">
        <v>19906</v>
      </c>
      <c r="C32145" t="s">
        <v>19823</v>
      </c>
      <c r="D32145" t="s">
        <v>19824</v>
      </c>
      <c r="E32145" t="s">
        <v>19721</v>
      </c>
      <c r="F32145" t="s">
        <v>19722</v>
      </c>
      <c r="G32145" t="s">
        <v>10734</v>
      </c>
      <c r="H32145" t="s">
        <v>10735</v>
      </c>
      <c r="I32145" s="2">
        <v>0</v>
      </c>
      <c r="J32145" s="2">
        <v>0</v>
      </c>
      <c r="K32145" s="2">
        <v>1</v>
      </c>
      <c r="L32145" t="s">
        <v>995</v>
      </c>
      <c r="M32145" t="s">
        <v>83</v>
      </c>
      <c r="N32145" t="s">
        <v>91</v>
      </c>
      <c r="O32145" t="s">
        <v>85</v>
      </c>
      <c r="P32145" t="s">
        <v>86</v>
      </c>
      <c r="Q32145">
        <v>33</v>
      </c>
      <c r="R32145">
        <v>33</v>
      </c>
      <c r="S32145">
        <v>33</v>
      </c>
      <c r="T32145">
        <v>34</v>
      </c>
      <c r="U32145">
        <v>34</v>
      </c>
      <c r="V32145">
        <v>35</v>
      </c>
      <c r="W32145">
        <v>35</v>
      </c>
      <c r="X32145">
        <v>35</v>
      </c>
      <c r="Y32145">
        <v>36</v>
      </c>
      <c r="Z32145">
        <v>36</v>
      </c>
      <c r="AA32145">
        <v>36</v>
      </c>
      <c r="AB32145">
        <v>37</v>
      </c>
      <c r="AC32145">
        <v>37</v>
      </c>
      <c r="AD32145">
        <v>37</v>
      </c>
      <c r="AE32145">
        <v>37</v>
      </c>
      <c r="AF32145">
        <v>38</v>
      </c>
      <c r="AG32145">
        <v>38</v>
      </c>
      <c r="AH32145">
        <v>38</v>
      </c>
      <c r="AI32145">
        <v>39</v>
      </c>
      <c r="AJ32145">
        <v>39</v>
      </c>
      <c r="AK32145">
        <v>39</v>
      </c>
      <c r="AL32145">
        <v>39</v>
      </c>
      <c r="AM32145">
        <v>40</v>
      </c>
      <c r="AN32145">
        <v>40</v>
      </c>
      <c r="AO32145">
        <v>40</v>
      </c>
      <c r="AP32145">
        <v>40</v>
      </c>
      <c r="AQ32145">
        <v>40</v>
      </c>
    </row>
    <row r="32146" spans="1:43">
      <c r="A32146" t="s">
        <v>19907</v>
      </c>
      <c r="B32146" t="s">
        <v>19908</v>
      </c>
      <c r="C32146" t="s">
        <v>19823</v>
      </c>
      <c r="D32146" t="s">
        <v>19824</v>
      </c>
      <c r="E32146" t="s">
        <v>19721</v>
      </c>
      <c r="F32146" t="s">
        <v>19722</v>
      </c>
      <c r="G32146" t="s">
        <v>10734</v>
      </c>
      <c r="H32146" t="s">
        <v>10735</v>
      </c>
      <c r="I32146" s="2">
        <v>0</v>
      </c>
      <c r="J32146" s="2">
        <v>0</v>
      </c>
      <c r="K32146" s="2">
        <v>0.4</v>
      </c>
      <c r="L32146" t="s">
        <v>995</v>
      </c>
      <c r="M32146" t="s">
        <v>83</v>
      </c>
      <c r="N32146" t="s">
        <v>84</v>
      </c>
      <c r="O32146" t="s">
        <v>85</v>
      </c>
      <c r="P32146" t="s">
        <v>86</v>
      </c>
      <c r="Q32146">
        <v>3</v>
      </c>
      <c r="R32146">
        <v>3</v>
      </c>
      <c r="S32146">
        <v>3</v>
      </c>
      <c r="T32146">
        <v>3</v>
      </c>
      <c r="U32146">
        <v>3</v>
      </c>
      <c r="V32146">
        <v>3</v>
      </c>
      <c r="W32146">
        <v>3</v>
      </c>
      <c r="X32146">
        <v>3</v>
      </c>
      <c r="Y32146">
        <v>3</v>
      </c>
      <c r="Z32146">
        <v>3</v>
      </c>
      <c r="AA32146">
        <v>3</v>
      </c>
      <c r="AB32146">
        <v>3</v>
      </c>
      <c r="AC32146">
        <v>3</v>
      </c>
      <c r="AD32146">
        <v>4</v>
      </c>
      <c r="AE32146">
        <v>4</v>
      </c>
      <c r="AF32146">
        <v>4</v>
      </c>
      <c r="AG32146">
        <v>4</v>
      </c>
      <c r="AH32146">
        <v>4</v>
      </c>
      <c r="AI32146">
        <v>4</v>
      </c>
      <c r="AJ32146">
        <v>4</v>
      </c>
      <c r="AK32146">
        <v>4</v>
      </c>
      <c r="AL32146">
        <v>4</v>
      </c>
      <c r="AM32146">
        <v>4</v>
      </c>
      <c r="AN32146">
        <v>4</v>
      </c>
      <c r="AO32146">
        <v>4</v>
      </c>
      <c r="AP32146">
        <v>4</v>
      </c>
      <c r="AQ32146">
        <v>4</v>
      </c>
    </row>
    <row r="32147" spans="1:43">
      <c r="A32147" t="s">
        <v>19907</v>
      </c>
      <c r="B32147" t="s">
        <v>19908</v>
      </c>
      <c r="C32147" t="s">
        <v>19823</v>
      </c>
      <c r="D32147" t="s">
        <v>19824</v>
      </c>
      <c r="E32147" t="s">
        <v>19721</v>
      </c>
      <c r="F32147" t="s">
        <v>19722</v>
      </c>
      <c r="G32147" t="s">
        <v>10734</v>
      </c>
      <c r="H32147" t="s">
        <v>10735</v>
      </c>
      <c r="I32147" s="2">
        <v>0</v>
      </c>
      <c r="J32147" s="2">
        <v>0</v>
      </c>
      <c r="K32147" s="2">
        <v>0.4</v>
      </c>
      <c r="L32147" t="s">
        <v>995</v>
      </c>
      <c r="M32147" t="s">
        <v>87</v>
      </c>
      <c r="N32147" t="s">
        <v>88</v>
      </c>
      <c r="O32147" t="s">
        <v>85</v>
      </c>
      <c r="P32147" t="s">
        <v>86</v>
      </c>
      <c r="Q32147">
        <v>3</v>
      </c>
      <c r="R32147">
        <v>3</v>
      </c>
      <c r="S32147">
        <v>3</v>
      </c>
      <c r="T32147">
        <v>3</v>
      </c>
      <c r="U32147">
        <v>3</v>
      </c>
      <c r="V32147">
        <v>3</v>
      </c>
      <c r="W32147">
        <v>3</v>
      </c>
      <c r="X32147">
        <v>3</v>
      </c>
      <c r="Y32147">
        <v>3</v>
      </c>
      <c r="Z32147">
        <v>3</v>
      </c>
      <c r="AA32147">
        <v>3</v>
      </c>
      <c r="AB32147">
        <v>3</v>
      </c>
      <c r="AC32147">
        <v>3</v>
      </c>
      <c r="AD32147">
        <v>3</v>
      </c>
      <c r="AE32147">
        <v>3</v>
      </c>
      <c r="AF32147">
        <v>3</v>
      </c>
      <c r="AG32147">
        <v>3</v>
      </c>
      <c r="AH32147">
        <v>3</v>
      </c>
      <c r="AI32147">
        <v>3</v>
      </c>
      <c r="AJ32147">
        <v>3</v>
      </c>
      <c r="AK32147">
        <v>3</v>
      </c>
      <c r="AL32147">
        <v>3</v>
      </c>
      <c r="AM32147">
        <v>3</v>
      </c>
      <c r="AN32147">
        <v>3</v>
      </c>
      <c r="AO32147">
        <v>3</v>
      </c>
      <c r="AP32147">
        <v>3</v>
      </c>
      <c r="AQ32147">
        <v>3</v>
      </c>
    </row>
    <row r="32148" spans="1:43">
      <c r="A32148" t="s">
        <v>19907</v>
      </c>
      <c r="B32148" t="s">
        <v>19908</v>
      </c>
      <c r="C32148" t="s">
        <v>19823</v>
      </c>
      <c r="D32148" t="s">
        <v>19824</v>
      </c>
      <c r="E32148" t="s">
        <v>19721</v>
      </c>
      <c r="F32148" t="s">
        <v>19722</v>
      </c>
      <c r="G32148" t="s">
        <v>10734</v>
      </c>
      <c r="H32148" t="s">
        <v>10735</v>
      </c>
      <c r="I32148" s="2">
        <v>0</v>
      </c>
      <c r="J32148" s="2">
        <v>0</v>
      </c>
      <c r="K32148" s="2">
        <v>0.4</v>
      </c>
      <c r="L32148" t="s">
        <v>995</v>
      </c>
      <c r="M32148" t="s">
        <v>89</v>
      </c>
      <c r="N32148" t="s">
        <v>90</v>
      </c>
      <c r="O32148" t="s">
        <v>85</v>
      </c>
      <c r="P32148" t="s">
        <v>86</v>
      </c>
      <c r="Q32148">
        <v>3</v>
      </c>
      <c r="R32148">
        <v>3</v>
      </c>
      <c r="S32148">
        <v>3</v>
      </c>
      <c r="T32148">
        <v>3</v>
      </c>
      <c r="U32148">
        <v>3</v>
      </c>
      <c r="V32148">
        <v>3</v>
      </c>
      <c r="W32148">
        <v>3</v>
      </c>
      <c r="X32148">
        <v>4</v>
      </c>
      <c r="Y32148">
        <v>4</v>
      </c>
      <c r="Z32148">
        <v>4</v>
      </c>
      <c r="AA32148">
        <v>4</v>
      </c>
      <c r="AB32148">
        <v>4</v>
      </c>
      <c r="AC32148">
        <v>4</v>
      </c>
      <c r="AD32148">
        <v>4</v>
      </c>
      <c r="AE32148">
        <v>4</v>
      </c>
      <c r="AF32148">
        <v>4</v>
      </c>
      <c r="AG32148">
        <v>4</v>
      </c>
      <c r="AH32148">
        <v>4</v>
      </c>
      <c r="AI32148">
        <v>4</v>
      </c>
      <c r="AJ32148">
        <v>4</v>
      </c>
      <c r="AK32148">
        <v>4</v>
      </c>
      <c r="AL32148">
        <v>4</v>
      </c>
      <c r="AM32148">
        <v>4</v>
      </c>
      <c r="AN32148">
        <v>4</v>
      </c>
      <c r="AO32148">
        <v>4</v>
      </c>
      <c r="AP32148">
        <v>4</v>
      </c>
      <c r="AQ32148">
        <v>4</v>
      </c>
    </row>
    <row r="32149" spans="1:43">
      <c r="A32149" t="s">
        <v>19907</v>
      </c>
      <c r="B32149" t="s">
        <v>19908</v>
      </c>
      <c r="C32149" t="s">
        <v>19823</v>
      </c>
      <c r="D32149" t="s">
        <v>19824</v>
      </c>
      <c r="E32149" t="s">
        <v>19721</v>
      </c>
      <c r="F32149" t="s">
        <v>19722</v>
      </c>
      <c r="G32149" t="s">
        <v>10734</v>
      </c>
      <c r="H32149" t="s">
        <v>10735</v>
      </c>
      <c r="I32149" s="2">
        <v>0</v>
      </c>
      <c r="J32149" s="2">
        <v>0</v>
      </c>
      <c r="K32149" s="2">
        <v>0.4</v>
      </c>
      <c r="L32149" t="s">
        <v>995</v>
      </c>
      <c r="M32149" t="s">
        <v>83</v>
      </c>
      <c r="N32149" t="s">
        <v>91</v>
      </c>
      <c r="O32149" t="s">
        <v>85</v>
      </c>
      <c r="P32149" t="s">
        <v>86</v>
      </c>
      <c r="Q32149">
        <v>3</v>
      </c>
      <c r="R32149">
        <v>3</v>
      </c>
      <c r="S32149">
        <v>3</v>
      </c>
      <c r="T32149">
        <v>3</v>
      </c>
      <c r="U32149">
        <v>3</v>
      </c>
      <c r="V32149">
        <v>3</v>
      </c>
      <c r="W32149">
        <v>3</v>
      </c>
      <c r="X32149">
        <v>3</v>
      </c>
      <c r="Y32149">
        <v>3</v>
      </c>
      <c r="Z32149">
        <v>3</v>
      </c>
      <c r="AA32149">
        <v>3</v>
      </c>
      <c r="AB32149">
        <v>3</v>
      </c>
      <c r="AC32149">
        <v>3</v>
      </c>
      <c r="AD32149">
        <v>4</v>
      </c>
      <c r="AE32149">
        <v>4</v>
      </c>
      <c r="AF32149">
        <v>4</v>
      </c>
      <c r="AG32149">
        <v>4</v>
      </c>
      <c r="AH32149">
        <v>4</v>
      </c>
      <c r="AI32149">
        <v>4</v>
      </c>
      <c r="AJ32149">
        <v>4</v>
      </c>
      <c r="AK32149">
        <v>4</v>
      </c>
      <c r="AL32149">
        <v>4</v>
      </c>
      <c r="AM32149">
        <v>4</v>
      </c>
      <c r="AN32149">
        <v>4</v>
      </c>
      <c r="AO32149">
        <v>4</v>
      </c>
      <c r="AP32149">
        <v>4</v>
      </c>
      <c r="AQ32149">
        <v>4</v>
      </c>
    </row>
    <row r="32150" spans="1:43">
      <c r="A32150" t="s">
        <v>19909</v>
      </c>
      <c r="B32150" t="s">
        <v>19910</v>
      </c>
      <c r="C32150" t="s">
        <v>19743</v>
      </c>
      <c r="D32150" t="s">
        <v>19744</v>
      </c>
      <c r="E32150" t="s">
        <v>19721</v>
      </c>
      <c r="F32150" t="s">
        <v>19722</v>
      </c>
      <c r="G32150" t="s">
        <v>10734</v>
      </c>
      <c r="H32150" t="s">
        <v>10735</v>
      </c>
      <c r="I32150" s="2">
        <v>0</v>
      </c>
      <c r="J32150" s="2">
        <v>0</v>
      </c>
      <c r="K32150" s="2">
        <v>1</v>
      </c>
      <c r="L32150" t="s">
        <v>995</v>
      </c>
      <c r="M32150" t="s">
        <v>83</v>
      </c>
      <c r="N32150" t="s">
        <v>84</v>
      </c>
      <c r="O32150" t="s">
        <v>85</v>
      </c>
      <c r="P32150" t="s">
        <v>86</v>
      </c>
      <c r="Q32150">
        <v>22</v>
      </c>
      <c r="R32150">
        <v>22</v>
      </c>
      <c r="S32150">
        <v>22</v>
      </c>
      <c r="T32150">
        <v>22</v>
      </c>
      <c r="U32150">
        <v>23</v>
      </c>
      <c r="V32150">
        <v>23</v>
      </c>
      <c r="W32150">
        <v>23</v>
      </c>
      <c r="X32150">
        <v>23</v>
      </c>
      <c r="Y32150">
        <v>23</v>
      </c>
      <c r="Z32150">
        <v>24</v>
      </c>
      <c r="AA32150">
        <v>24</v>
      </c>
      <c r="AB32150">
        <v>24</v>
      </c>
      <c r="AC32150">
        <v>24</v>
      </c>
      <c r="AD32150">
        <v>25</v>
      </c>
      <c r="AE32150">
        <v>25</v>
      </c>
      <c r="AF32150">
        <v>25</v>
      </c>
      <c r="AG32150">
        <v>25</v>
      </c>
      <c r="AH32150">
        <v>25</v>
      </c>
      <c r="AI32150">
        <v>26</v>
      </c>
      <c r="AJ32150">
        <v>26</v>
      </c>
      <c r="AK32150">
        <v>26</v>
      </c>
      <c r="AL32150">
        <v>26</v>
      </c>
      <c r="AM32150">
        <v>26</v>
      </c>
      <c r="AN32150">
        <v>26</v>
      </c>
      <c r="AO32150">
        <v>26</v>
      </c>
      <c r="AP32150">
        <v>26</v>
      </c>
      <c r="AQ32150">
        <v>26</v>
      </c>
    </row>
    <row r="32151" spans="1:43">
      <c r="A32151" t="s">
        <v>19909</v>
      </c>
      <c r="B32151" t="s">
        <v>19910</v>
      </c>
      <c r="C32151" t="s">
        <v>19743</v>
      </c>
      <c r="D32151" t="s">
        <v>19744</v>
      </c>
      <c r="E32151" t="s">
        <v>19721</v>
      </c>
      <c r="F32151" t="s">
        <v>19722</v>
      </c>
      <c r="G32151" t="s">
        <v>10734</v>
      </c>
      <c r="H32151" t="s">
        <v>10735</v>
      </c>
      <c r="I32151" s="2">
        <v>0</v>
      </c>
      <c r="J32151" s="2">
        <v>0</v>
      </c>
      <c r="K32151" s="2">
        <v>1</v>
      </c>
      <c r="L32151" t="s">
        <v>995</v>
      </c>
      <c r="M32151" t="s">
        <v>87</v>
      </c>
      <c r="N32151" t="s">
        <v>88</v>
      </c>
      <c r="O32151" t="s">
        <v>85</v>
      </c>
      <c r="P32151" t="s">
        <v>86</v>
      </c>
      <c r="Q32151">
        <v>22</v>
      </c>
      <c r="R32151">
        <v>22</v>
      </c>
      <c r="S32151">
        <v>22</v>
      </c>
      <c r="T32151">
        <v>23</v>
      </c>
      <c r="U32151">
        <v>23</v>
      </c>
      <c r="V32151">
        <v>23</v>
      </c>
      <c r="W32151">
        <v>23</v>
      </c>
      <c r="X32151">
        <v>23</v>
      </c>
      <c r="Y32151">
        <v>23</v>
      </c>
      <c r="Z32151">
        <v>23</v>
      </c>
      <c r="AA32151">
        <v>23</v>
      </c>
      <c r="AB32151">
        <v>23</v>
      </c>
      <c r="AC32151">
        <v>23</v>
      </c>
      <c r="AD32151">
        <v>23</v>
      </c>
      <c r="AE32151">
        <v>23</v>
      </c>
      <c r="AF32151">
        <v>23</v>
      </c>
      <c r="AG32151">
        <v>23</v>
      </c>
      <c r="AH32151">
        <v>23</v>
      </c>
      <c r="AI32151">
        <v>23</v>
      </c>
      <c r="AJ32151">
        <v>23</v>
      </c>
      <c r="AK32151">
        <v>23</v>
      </c>
      <c r="AL32151">
        <v>23</v>
      </c>
      <c r="AM32151">
        <v>24</v>
      </c>
      <c r="AN32151">
        <v>24</v>
      </c>
      <c r="AO32151">
        <v>24</v>
      </c>
      <c r="AP32151">
        <v>24</v>
      </c>
      <c r="AQ32151">
        <v>24</v>
      </c>
    </row>
    <row r="32152" spans="1:43">
      <c r="A32152" t="s">
        <v>19909</v>
      </c>
      <c r="B32152" t="s">
        <v>19910</v>
      </c>
      <c r="C32152" t="s">
        <v>19743</v>
      </c>
      <c r="D32152" t="s">
        <v>19744</v>
      </c>
      <c r="E32152" t="s">
        <v>19721</v>
      </c>
      <c r="F32152" t="s">
        <v>19722</v>
      </c>
      <c r="G32152" t="s">
        <v>10734</v>
      </c>
      <c r="H32152" t="s">
        <v>10735</v>
      </c>
      <c r="I32152" s="2">
        <v>0</v>
      </c>
      <c r="J32152" s="2">
        <v>0</v>
      </c>
      <c r="K32152" s="2">
        <v>1</v>
      </c>
      <c r="L32152" t="s">
        <v>995</v>
      </c>
      <c r="M32152" t="s">
        <v>89</v>
      </c>
      <c r="N32152" t="s">
        <v>90</v>
      </c>
      <c r="O32152" t="s">
        <v>85</v>
      </c>
      <c r="P32152" t="s">
        <v>86</v>
      </c>
      <c r="Q32152">
        <v>22</v>
      </c>
      <c r="R32152">
        <v>22</v>
      </c>
      <c r="S32152">
        <v>23</v>
      </c>
      <c r="T32152">
        <v>23</v>
      </c>
      <c r="U32152">
        <v>23</v>
      </c>
      <c r="V32152">
        <v>24</v>
      </c>
      <c r="W32152">
        <v>24</v>
      </c>
      <c r="X32152">
        <v>25</v>
      </c>
      <c r="Y32152">
        <v>25</v>
      </c>
      <c r="Z32152">
        <v>25</v>
      </c>
      <c r="AA32152">
        <v>25</v>
      </c>
      <c r="AB32152">
        <v>26</v>
      </c>
      <c r="AC32152">
        <v>26</v>
      </c>
      <c r="AD32152">
        <v>26</v>
      </c>
      <c r="AE32152">
        <v>26</v>
      </c>
      <c r="AF32152">
        <v>26</v>
      </c>
      <c r="AG32152">
        <v>26</v>
      </c>
      <c r="AH32152">
        <v>26</v>
      </c>
      <c r="AI32152">
        <v>26</v>
      </c>
      <c r="AJ32152">
        <v>26</v>
      </c>
      <c r="AK32152">
        <v>26</v>
      </c>
      <c r="AL32152">
        <v>26</v>
      </c>
      <c r="AM32152">
        <v>26</v>
      </c>
      <c r="AN32152">
        <v>26</v>
      </c>
      <c r="AO32152">
        <v>26</v>
      </c>
      <c r="AP32152">
        <v>26</v>
      </c>
      <c r="AQ32152">
        <v>26</v>
      </c>
    </row>
    <row r="32153" spans="1:43">
      <c r="A32153" t="s">
        <v>19909</v>
      </c>
      <c r="B32153" t="s">
        <v>19910</v>
      </c>
      <c r="C32153" t="s">
        <v>19743</v>
      </c>
      <c r="D32153" t="s">
        <v>19744</v>
      </c>
      <c r="E32153" t="s">
        <v>19721</v>
      </c>
      <c r="F32153" t="s">
        <v>19722</v>
      </c>
      <c r="G32153" t="s">
        <v>10734</v>
      </c>
      <c r="H32153" t="s">
        <v>10735</v>
      </c>
      <c r="I32153" s="2">
        <v>0</v>
      </c>
      <c r="J32153" s="2">
        <v>0</v>
      </c>
      <c r="K32153" s="2">
        <v>1</v>
      </c>
      <c r="L32153" t="s">
        <v>995</v>
      </c>
      <c r="M32153" t="s">
        <v>83</v>
      </c>
      <c r="N32153" t="s">
        <v>91</v>
      </c>
      <c r="O32153" t="s">
        <v>85</v>
      </c>
      <c r="P32153" t="s">
        <v>86</v>
      </c>
      <c r="Q32153">
        <v>22</v>
      </c>
      <c r="R32153">
        <v>22</v>
      </c>
      <c r="S32153">
        <v>22</v>
      </c>
      <c r="T32153">
        <v>22</v>
      </c>
      <c r="U32153">
        <v>23</v>
      </c>
      <c r="V32153">
        <v>23</v>
      </c>
      <c r="W32153">
        <v>23</v>
      </c>
      <c r="X32153">
        <v>23</v>
      </c>
      <c r="Y32153">
        <v>23</v>
      </c>
      <c r="Z32153">
        <v>24</v>
      </c>
      <c r="AA32153">
        <v>24</v>
      </c>
      <c r="AB32153">
        <v>24</v>
      </c>
      <c r="AC32153">
        <v>24</v>
      </c>
      <c r="AD32153">
        <v>25</v>
      </c>
      <c r="AE32153">
        <v>25</v>
      </c>
      <c r="AF32153">
        <v>25</v>
      </c>
      <c r="AG32153">
        <v>25</v>
      </c>
      <c r="AH32153">
        <v>25</v>
      </c>
      <c r="AI32153">
        <v>26</v>
      </c>
      <c r="AJ32153">
        <v>26</v>
      </c>
      <c r="AK32153">
        <v>26</v>
      </c>
      <c r="AL32153">
        <v>26</v>
      </c>
      <c r="AM32153">
        <v>26</v>
      </c>
      <c r="AN32153">
        <v>26</v>
      </c>
      <c r="AO32153">
        <v>26</v>
      </c>
      <c r="AP32153">
        <v>26</v>
      </c>
      <c r="AQ32153">
        <v>26</v>
      </c>
    </row>
    <row r="32154" spans="1:43">
      <c r="A32154" t="s">
        <v>19911</v>
      </c>
      <c r="B32154" t="s">
        <v>19912</v>
      </c>
      <c r="C32154" t="s">
        <v>19743</v>
      </c>
      <c r="D32154" t="s">
        <v>19744</v>
      </c>
      <c r="E32154" t="s">
        <v>19721</v>
      </c>
      <c r="F32154" t="s">
        <v>19722</v>
      </c>
      <c r="G32154" t="s">
        <v>10734</v>
      </c>
      <c r="H32154" t="s">
        <v>10735</v>
      </c>
      <c r="I32154" s="2">
        <v>0</v>
      </c>
      <c r="J32154" s="2">
        <v>0</v>
      </c>
      <c r="K32154" s="2">
        <v>1</v>
      </c>
      <c r="L32154" t="s">
        <v>995</v>
      </c>
      <c r="M32154" t="s">
        <v>83</v>
      </c>
      <c r="N32154" t="s">
        <v>84</v>
      </c>
      <c r="O32154" t="s">
        <v>85</v>
      </c>
      <c r="P32154" t="s">
        <v>86</v>
      </c>
      <c r="Q32154">
        <v>47</v>
      </c>
      <c r="R32154">
        <v>47</v>
      </c>
      <c r="S32154">
        <v>48</v>
      </c>
      <c r="T32154">
        <v>48</v>
      </c>
      <c r="U32154">
        <v>49</v>
      </c>
      <c r="V32154">
        <v>49</v>
      </c>
      <c r="W32154">
        <v>50</v>
      </c>
      <c r="X32154">
        <v>50</v>
      </c>
      <c r="Y32154">
        <v>51</v>
      </c>
      <c r="Z32154">
        <v>51</v>
      </c>
      <c r="AA32154">
        <v>52</v>
      </c>
      <c r="AB32154">
        <v>52</v>
      </c>
      <c r="AC32154">
        <v>53</v>
      </c>
      <c r="AD32154">
        <v>53</v>
      </c>
      <c r="AE32154">
        <v>53</v>
      </c>
      <c r="AF32154">
        <v>54</v>
      </c>
      <c r="AG32154">
        <v>54</v>
      </c>
      <c r="AH32154">
        <v>55</v>
      </c>
      <c r="AI32154">
        <v>55</v>
      </c>
      <c r="AJ32154">
        <v>56</v>
      </c>
      <c r="AK32154">
        <v>56</v>
      </c>
      <c r="AL32154">
        <v>56</v>
      </c>
      <c r="AM32154">
        <v>56</v>
      </c>
      <c r="AN32154">
        <v>56</v>
      </c>
      <c r="AO32154">
        <v>56</v>
      </c>
      <c r="AP32154">
        <v>56</v>
      </c>
      <c r="AQ32154">
        <v>56</v>
      </c>
    </row>
    <row r="32155" spans="1:43">
      <c r="A32155" t="s">
        <v>19911</v>
      </c>
      <c r="B32155" t="s">
        <v>19912</v>
      </c>
      <c r="C32155" t="s">
        <v>19743</v>
      </c>
      <c r="D32155" t="s">
        <v>19744</v>
      </c>
      <c r="E32155" t="s">
        <v>19721</v>
      </c>
      <c r="F32155" t="s">
        <v>19722</v>
      </c>
      <c r="G32155" t="s">
        <v>10734</v>
      </c>
      <c r="H32155" t="s">
        <v>10735</v>
      </c>
      <c r="I32155" s="2">
        <v>0</v>
      </c>
      <c r="J32155" s="2">
        <v>0</v>
      </c>
      <c r="K32155" s="2">
        <v>1</v>
      </c>
      <c r="L32155" t="s">
        <v>995</v>
      </c>
      <c r="M32155" t="s">
        <v>87</v>
      </c>
      <c r="N32155" t="s">
        <v>88</v>
      </c>
      <c r="O32155" t="s">
        <v>85</v>
      </c>
      <c r="P32155" t="s">
        <v>86</v>
      </c>
      <c r="Q32155">
        <v>47</v>
      </c>
      <c r="R32155">
        <v>47</v>
      </c>
      <c r="S32155">
        <v>47</v>
      </c>
      <c r="T32155">
        <v>48</v>
      </c>
      <c r="U32155">
        <v>48</v>
      </c>
      <c r="V32155">
        <v>48</v>
      </c>
      <c r="W32155">
        <v>48</v>
      </c>
      <c r="X32155">
        <v>48</v>
      </c>
      <c r="Y32155">
        <v>48</v>
      </c>
      <c r="Z32155">
        <v>48</v>
      </c>
      <c r="AA32155">
        <v>48</v>
      </c>
      <c r="AB32155">
        <v>48</v>
      </c>
      <c r="AC32155">
        <v>48</v>
      </c>
      <c r="AD32155">
        <v>48</v>
      </c>
      <c r="AE32155">
        <v>49</v>
      </c>
      <c r="AF32155">
        <v>49</v>
      </c>
      <c r="AG32155">
        <v>49</v>
      </c>
      <c r="AH32155">
        <v>49</v>
      </c>
      <c r="AI32155">
        <v>49</v>
      </c>
      <c r="AJ32155">
        <v>49</v>
      </c>
      <c r="AK32155">
        <v>49</v>
      </c>
      <c r="AL32155">
        <v>50</v>
      </c>
      <c r="AM32155">
        <v>50</v>
      </c>
      <c r="AN32155">
        <v>50</v>
      </c>
      <c r="AO32155">
        <v>50</v>
      </c>
      <c r="AP32155">
        <v>50</v>
      </c>
      <c r="AQ32155">
        <v>51</v>
      </c>
    </row>
    <row r="32156" spans="1:43">
      <c r="A32156" t="s">
        <v>19911</v>
      </c>
      <c r="B32156" t="s">
        <v>19912</v>
      </c>
      <c r="C32156" t="s">
        <v>19743</v>
      </c>
      <c r="D32156" t="s">
        <v>19744</v>
      </c>
      <c r="E32156" t="s">
        <v>19721</v>
      </c>
      <c r="F32156" t="s">
        <v>19722</v>
      </c>
      <c r="G32156" t="s">
        <v>10734</v>
      </c>
      <c r="H32156" t="s">
        <v>10735</v>
      </c>
      <c r="I32156" s="2">
        <v>0</v>
      </c>
      <c r="J32156" s="2">
        <v>0</v>
      </c>
      <c r="K32156" s="2">
        <v>1</v>
      </c>
      <c r="L32156" t="s">
        <v>995</v>
      </c>
      <c r="M32156" t="s">
        <v>89</v>
      </c>
      <c r="N32156" t="s">
        <v>90</v>
      </c>
      <c r="O32156" t="s">
        <v>85</v>
      </c>
      <c r="P32156" t="s">
        <v>86</v>
      </c>
      <c r="Q32156">
        <v>47</v>
      </c>
      <c r="R32156">
        <v>48</v>
      </c>
      <c r="S32156">
        <v>49</v>
      </c>
      <c r="T32156">
        <v>50</v>
      </c>
      <c r="U32156">
        <v>51</v>
      </c>
      <c r="V32156">
        <v>52</v>
      </c>
      <c r="W32156">
        <v>52</v>
      </c>
      <c r="X32156">
        <v>53</v>
      </c>
      <c r="Y32156">
        <v>54</v>
      </c>
      <c r="Z32156">
        <v>54</v>
      </c>
      <c r="AA32156">
        <v>55</v>
      </c>
      <c r="AB32156">
        <v>55</v>
      </c>
      <c r="AC32156">
        <v>56</v>
      </c>
      <c r="AD32156">
        <v>57</v>
      </c>
      <c r="AE32156">
        <v>57</v>
      </c>
      <c r="AF32156">
        <v>57</v>
      </c>
      <c r="AG32156">
        <v>57</v>
      </c>
      <c r="AH32156">
        <v>57</v>
      </c>
      <c r="AI32156">
        <v>57</v>
      </c>
      <c r="AJ32156">
        <v>57</v>
      </c>
      <c r="AK32156">
        <v>57</v>
      </c>
      <c r="AL32156">
        <v>57</v>
      </c>
      <c r="AM32156">
        <v>57</v>
      </c>
      <c r="AN32156">
        <v>57</v>
      </c>
      <c r="AO32156">
        <v>57</v>
      </c>
      <c r="AP32156">
        <v>57</v>
      </c>
      <c r="AQ32156">
        <v>57</v>
      </c>
    </row>
    <row r="32157" spans="1:43">
      <c r="A32157" t="s">
        <v>19911</v>
      </c>
      <c r="B32157" t="s">
        <v>19912</v>
      </c>
      <c r="C32157" t="s">
        <v>19743</v>
      </c>
      <c r="D32157" t="s">
        <v>19744</v>
      </c>
      <c r="E32157" t="s">
        <v>19721</v>
      </c>
      <c r="F32157" t="s">
        <v>19722</v>
      </c>
      <c r="G32157" t="s">
        <v>10734</v>
      </c>
      <c r="H32157" t="s">
        <v>10735</v>
      </c>
      <c r="I32157" s="2">
        <v>0</v>
      </c>
      <c r="J32157" s="2">
        <v>0</v>
      </c>
      <c r="K32157" s="2">
        <v>1</v>
      </c>
      <c r="L32157" t="s">
        <v>995</v>
      </c>
      <c r="M32157" t="s">
        <v>83</v>
      </c>
      <c r="N32157" t="s">
        <v>91</v>
      </c>
      <c r="O32157" t="s">
        <v>85</v>
      </c>
      <c r="P32157" t="s">
        <v>86</v>
      </c>
      <c r="Q32157">
        <v>47</v>
      </c>
      <c r="R32157">
        <v>47</v>
      </c>
      <c r="S32157">
        <v>48</v>
      </c>
      <c r="T32157">
        <v>48</v>
      </c>
      <c r="U32157">
        <v>49</v>
      </c>
      <c r="V32157">
        <v>49</v>
      </c>
      <c r="W32157">
        <v>50</v>
      </c>
      <c r="X32157">
        <v>50</v>
      </c>
      <c r="Y32157">
        <v>51</v>
      </c>
      <c r="Z32157">
        <v>51</v>
      </c>
      <c r="AA32157">
        <v>52</v>
      </c>
      <c r="AB32157">
        <v>52</v>
      </c>
      <c r="AC32157">
        <v>53</v>
      </c>
      <c r="AD32157">
        <v>53</v>
      </c>
      <c r="AE32157">
        <v>53</v>
      </c>
      <c r="AF32157">
        <v>54</v>
      </c>
      <c r="AG32157">
        <v>54</v>
      </c>
      <c r="AH32157">
        <v>55</v>
      </c>
      <c r="AI32157">
        <v>55</v>
      </c>
      <c r="AJ32157">
        <v>56</v>
      </c>
      <c r="AK32157">
        <v>56</v>
      </c>
      <c r="AL32157">
        <v>56</v>
      </c>
      <c r="AM32157">
        <v>56</v>
      </c>
      <c r="AN32157">
        <v>56</v>
      </c>
      <c r="AO32157">
        <v>56</v>
      </c>
      <c r="AP32157">
        <v>56</v>
      </c>
      <c r="AQ32157">
        <v>56</v>
      </c>
    </row>
    <row r="32158" spans="1:43">
      <c r="A32158" t="s">
        <v>19913</v>
      </c>
      <c r="B32158" t="s">
        <v>19914</v>
      </c>
      <c r="C32158" t="s">
        <v>19743</v>
      </c>
      <c r="D32158" t="s">
        <v>19744</v>
      </c>
      <c r="E32158" t="s">
        <v>19721</v>
      </c>
      <c r="F32158" t="s">
        <v>19722</v>
      </c>
      <c r="G32158" t="s">
        <v>10734</v>
      </c>
      <c r="H32158" t="s">
        <v>10735</v>
      </c>
      <c r="I32158" s="2">
        <v>0</v>
      </c>
      <c r="J32158" s="2">
        <v>0</v>
      </c>
      <c r="K32158" s="2">
        <v>1</v>
      </c>
      <c r="L32158" t="s">
        <v>995</v>
      </c>
      <c r="M32158" t="s">
        <v>83</v>
      </c>
      <c r="N32158" t="s">
        <v>84</v>
      </c>
      <c r="O32158" t="s">
        <v>85</v>
      </c>
      <c r="P32158" t="s">
        <v>86</v>
      </c>
      <c r="Q32158">
        <v>97</v>
      </c>
      <c r="R32158">
        <v>98</v>
      </c>
      <c r="S32158">
        <v>99</v>
      </c>
      <c r="T32158">
        <v>100</v>
      </c>
      <c r="U32158">
        <v>101</v>
      </c>
      <c r="V32158">
        <v>102</v>
      </c>
      <c r="W32158">
        <v>103</v>
      </c>
      <c r="X32158">
        <v>104</v>
      </c>
      <c r="Y32158">
        <v>105</v>
      </c>
      <c r="Z32158">
        <v>106</v>
      </c>
      <c r="AA32158">
        <v>107</v>
      </c>
      <c r="AB32158">
        <v>108</v>
      </c>
      <c r="AC32158">
        <v>109</v>
      </c>
      <c r="AD32158">
        <v>110</v>
      </c>
      <c r="AE32158">
        <v>111</v>
      </c>
      <c r="AF32158">
        <v>112</v>
      </c>
      <c r="AG32158">
        <v>113</v>
      </c>
      <c r="AH32158">
        <v>114</v>
      </c>
      <c r="AI32158">
        <v>115</v>
      </c>
      <c r="AJ32158">
        <v>115</v>
      </c>
      <c r="AK32158">
        <v>116</v>
      </c>
      <c r="AL32158">
        <v>117</v>
      </c>
      <c r="AM32158">
        <v>117</v>
      </c>
      <c r="AN32158">
        <v>117</v>
      </c>
      <c r="AO32158">
        <v>117</v>
      </c>
      <c r="AP32158">
        <v>117</v>
      </c>
      <c r="AQ32158">
        <v>117</v>
      </c>
    </row>
    <row r="32159" spans="1:43">
      <c r="A32159" t="s">
        <v>19913</v>
      </c>
      <c r="B32159" t="s">
        <v>19914</v>
      </c>
      <c r="C32159" t="s">
        <v>19743</v>
      </c>
      <c r="D32159" t="s">
        <v>19744</v>
      </c>
      <c r="E32159" t="s">
        <v>19721</v>
      </c>
      <c r="F32159" t="s">
        <v>19722</v>
      </c>
      <c r="G32159" t="s">
        <v>10734</v>
      </c>
      <c r="H32159" t="s">
        <v>10735</v>
      </c>
      <c r="I32159" s="2">
        <v>0</v>
      </c>
      <c r="J32159" s="2">
        <v>0</v>
      </c>
      <c r="K32159" s="2">
        <v>1</v>
      </c>
      <c r="L32159" t="s">
        <v>995</v>
      </c>
      <c r="M32159" t="s">
        <v>87</v>
      </c>
      <c r="N32159" t="s">
        <v>88</v>
      </c>
      <c r="O32159" t="s">
        <v>85</v>
      </c>
      <c r="P32159" t="s">
        <v>86</v>
      </c>
      <c r="Q32159">
        <v>97</v>
      </c>
      <c r="R32159">
        <v>97</v>
      </c>
      <c r="S32159">
        <v>97</v>
      </c>
      <c r="T32159">
        <v>98</v>
      </c>
      <c r="U32159">
        <v>98</v>
      </c>
      <c r="V32159">
        <v>98</v>
      </c>
      <c r="W32159">
        <v>98</v>
      </c>
      <c r="X32159">
        <v>98</v>
      </c>
      <c r="Y32159">
        <v>98</v>
      </c>
      <c r="Z32159">
        <v>99</v>
      </c>
      <c r="AA32159">
        <v>99</v>
      </c>
      <c r="AB32159">
        <v>99</v>
      </c>
      <c r="AC32159">
        <v>99</v>
      </c>
      <c r="AD32159">
        <v>99</v>
      </c>
      <c r="AE32159">
        <v>100</v>
      </c>
      <c r="AF32159">
        <v>100</v>
      </c>
      <c r="AG32159">
        <v>100</v>
      </c>
      <c r="AH32159">
        <v>101</v>
      </c>
      <c r="AI32159">
        <v>101</v>
      </c>
      <c r="AJ32159">
        <v>101</v>
      </c>
      <c r="AK32159">
        <v>101</v>
      </c>
      <c r="AL32159">
        <v>102</v>
      </c>
      <c r="AM32159">
        <v>102</v>
      </c>
      <c r="AN32159">
        <v>103</v>
      </c>
      <c r="AO32159">
        <v>103</v>
      </c>
      <c r="AP32159">
        <v>103</v>
      </c>
      <c r="AQ32159">
        <v>104</v>
      </c>
    </row>
    <row r="32160" spans="1:43">
      <c r="A32160" t="s">
        <v>19913</v>
      </c>
      <c r="B32160" t="s">
        <v>19914</v>
      </c>
      <c r="C32160" t="s">
        <v>19743</v>
      </c>
      <c r="D32160" t="s">
        <v>19744</v>
      </c>
      <c r="E32160" t="s">
        <v>19721</v>
      </c>
      <c r="F32160" t="s">
        <v>19722</v>
      </c>
      <c r="G32160" t="s">
        <v>10734</v>
      </c>
      <c r="H32160" t="s">
        <v>10735</v>
      </c>
      <c r="I32160" s="2">
        <v>0</v>
      </c>
      <c r="J32160" s="2">
        <v>0</v>
      </c>
      <c r="K32160" s="2">
        <v>1</v>
      </c>
      <c r="L32160" t="s">
        <v>995</v>
      </c>
      <c r="M32160" t="s">
        <v>89</v>
      </c>
      <c r="N32160" t="s">
        <v>90</v>
      </c>
      <c r="O32160" t="s">
        <v>85</v>
      </c>
      <c r="P32160" t="s">
        <v>86</v>
      </c>
      <c r="Q32160">
        <v>97</v>
      </c>
      <c r="R32160">
        <v>99</v>
      </c>
      <c r="S32160">
        <v>101</v>
      </c>
      <c r="T32160">
        <v>102</v>
      </c>
      <c r="U32160">
        <v>104</v>
      </c>
      <c r="V32160">
        <v>106</v>
      </c>
      <c r="W32160">
        <v>108</v>
      </c>
      <c r="X32160">
        <v>109</v>
      </c>
      <c r="Y32160">
        <v>110</v>
      </c>
      <c r="Z32160">
        <v>112</v>
      </c>
      <c r="AA32160">
        <v>113</v>
      </c>
      <c r="AB32160">
        <v>114</v>
      </c>
      <c r="AC32160">
        <v>115</v>
      </c>
      <c r="AD32160">
        <v>116</v>
      </c>
      <c r="AE32160">
        <v>117</v>
      </c>
      <c r="AF32160">
        <v>117</v>
      </c>
      <c r="AG32160">
        <v>117</v>
      </c>
      <c r="AH32160">
        <v>117</v>
      </c>
      <c r="AI32160">
        <v>117</v>
      </c>
      <c r="AJ32160">
        <v>117</v>
      </c>
      <c r="AK32160">
        <v>117</v>
      </c>
      <c r="AL32160">
        <v>117</v>
      </c>
      <c r="AM32160">
        <v>117</v>
      </c>
      <c r="AN32160">
        <v>117</v>
      </c>
      <c r="AO32160">
        <v>117</v>
      </c>
      <c r="AP32160">
        <v>117</v>
      </c>
      <c r="AQ32160">
        <v>117</v>
      </c>
    </row>
    <row r="32161" spans="1:43">
      <c r="A32161" t="s">
        <v>19913</v>
      </c>
      <c r="B32161" t="s">
        <v>19914</v>
      </c>
      <c r="C32161" t="s">
        <v>19743</v>
      </c>
      <c r="D32161" t="s">
        <v>19744</v>
      </c>
      <c r="E32161" t="s">
        <v>19721</v>
      </c>
      <c r="F32161" t="s">
        <v>19722</v>
      </c>
      <c r="G32161" t="s">
        <v>10734</v>
      </c>
      <c r="H32161" t="s">
        <v>10735</v>
      </c>
      <c r="I32161" s="2">
        <v>0</v>
      </c>
      <c r="J32161" s="2">
        <v>0</v>
      </c>
      <c r="K32161" s="2">
        <v>1</v>
      </c>
      <c r="L32161" t="s">
        <v>995</v>
      </c>
      <c r="M32161" t="s">
        <v>83</v>
      </c>
      <c r="N32161" t="s">
        <v>91</v>
      </c>
      <c r="O32161" t="s">
        <v>85</v>
      </c>
      <c r="P32161" t="s">
        <v>86</v>
      </c>
      <c r="Q32161">
        <v>97</v>
      </c>
      <c r="R32161">
        <v>98</v>
      </c>
      <c r="S32161">
        <v>99</v>
      </c>
      <c r="T32161">
        <v>100</v>
      </c>
      <c r="U32161">
        <v>101</v>
      </c>
      <c r="V32161">
        <v>102</v>
      </c>
      <c r="W32161">
        <v>103</v>
      </c>
      <c r="X32161">
        <v>104</v>
      </c>
      <c r="Y32161">
        <v>105</v>
      </c>
      <c r="Z32161">
        <v>106</v>
      </c>
      <c r="AA32161">
        <v>107</v>
      </c>
      <c r="AB32161">
        <v>108</v>
      </c>
      <c r="AC32161">
        <v>109</v>
      </c>
      <c r="AD32161">
        <v>110</v>
      </c>
      <c r="AE32161">
        <v>111</v>
      </c>
      <c r="AF32161">
        <v>112</v>
      </c>
      <c r="AG32161">
        <v>113</v>
      </c>
      <c r="AH32161">
        <v>114</v>
      </c>
      <c r="AI32161">
        <v>115</v>
      </c>
      <c r="AJ32161">
        <v>115</v>
      </c>
      <c r="AK32161">
        <v>116</v>
      </c>
      <c r="AL32161">
        <v>117</v>
      </c>
      <c r="AM32161">
        <v>117</v>
      </c>
      <c r="AN32161">
        <v>117</v>
      </c>
      <c r="AO32161">
        <v>117</v>
      </c>
      <c r="AP32161">
        <v>117</v>
      </c>
      <c r="AQ32161">
        <v>117</v>
      </c>
    </row>
    <row r="32162" spans="1:43">
      <c r="A32162" t="s">
        <v>19915</v>
      </c>
      <c r="B32162" t="s">
        <v>19916</v>
      </c>
      <c r="C32162" t="s">
        <v>19743</v>
      </c>
      <c r="D32162" t="s">
        <v>19744</v>
      </c>
      <c r="E32162" t="s">
        <v>19721</v>
      </c>
      <c r="F32162" t="s">
        <v>19722</v>
      </c>
      <c r="G32162" t="s">
        <v>10734</v>
      </c>
      <c r="H32162" t="s">
        <v>10735</v>
      </c>
      <c r="I32162" s="2">
        <v>0</v>
      </c>
      <c r="J32162" s="2">
        <v>0</v>
      </c>
      <c r="K32162" s="2">
        <v>1</v>
      </c>
      <c r="L32162" t="s">
        <v>995</v>
      </c>
      <c r="M32162" t="s">
        <v>83</v>
      </c>
      <c r="N32162" t="s">
        <v>84</v>
      </c>
      <c r="O32162" t="s">
        <v>85</v>
      </c>
      <c r="P32162" t="s">
        <v>86</v>
      </c>
      <c r="Q32162">
        <v>19</v>
      </c>
      <c r="R32162">
        <v>19</v>
      </c>
      <c r="S32162">
        <v>20</v>
      </c>
      <c r="T32162">
        <v>20</v>
      </c>
      <c r="U32162">
        <v>20</v>
      </c>
      <c r="V32162">
        <v>20</v>
      </c>
      <c r="W32162">
        <v>20</v>
      </c>
      <c r="X32162">
        <v>21</v>
      </c>
      <c r="Y32162">
        <v>21</v>
      </c>
      <c r="Z32162">
        <v>21</v>
      </c>
      <c r="AA32162">
        <v>21</v>
      </c>
      <c r="AB32162">
        <v>21</v>
      </c>
      <c r="AC32162">
        <v>22</v>
      </c>
      <c r="AD32162">
        <v>22</v>
      </c>
      <c r="AE32162">
        <v>22</v>
      </c>
      <c r="AF32162">
        <v>22</v>
      </c>
      <c r="AG32162">
        <v>22</v>
      </c>
      <c r="AH32162">
        <v>22</v>
      </c>
      <c r="AI32162">
        <v>23</v>
      </c>
      <c r="AJ32162">
        <v>23</v>
      </c>
      <c r="AK32162">
        <v>23</v>
      </c>
      <c r="AL32162">
        <v>23</v>
      </c>
      <c r="AM32162">
        <v>23</v>
      </c>
      <c r="AN32162">
        <v>23</v>
      </c>
      <c r="AO32162">
        <v>23</v>
      </c>
      <c r="AP32162">
        <v>23</v>
      </c>
      <c r="AQ32162">
        <v>23</v>
      </c>
    </row>
    <row r="32163" spans="1:43">
      <c r="A32163" t="s">
        <v>19915</v>
      </c>
      <c r="B32163" t="s">
        <v>19916</v>
      </c>
      <c r="C32163" t="s">
        <v>19743</v>
      </c>
      <c r="D32163" t="s">
        <v>19744</v>
      </c>
      <c r="E32163" t="s">
        <v>19721</v>
      </c>
      <c r="F32163" t="s">
        <v>19722</v>
      </c>
      <c r="G32163" t="s">
        <v>10734</v>
      </c>
      <c r="H32163" t="s">
        <v>10735</v>
      </c>
      <c r="I32163" s="2">
        <v>0</v>
      </c>
      <c r="J32163" s="2">
        <v>0</v>
      </c>
      <c r="K32163" s="2">
        <v>1</v>
      </c>
      <c r="L32163" t="s">
        <v>995</v>
      </c>
      <c r="M32163" t="s">
        <v>87</v>
      </c>
      <c r="N32163" t="s">
        <v>88</v>
      </c>
      <c r="O32163" t="s">
        <v>85</v>
      </c>
      <c r="P32163" t="s">
        <v>86</v>
      </c>
      <c r="Q32163">
        <v>19</v>
      </c>
      <c r="R32163">
        <v>19</v>
      </c>
      <c r="S32163">
        <v>19</v>
      </c>
      <c r="T32163">
        <v>19</v>
      </c>
      <c r="U32163">
        <v>19</v>
      </c>
      <c r="V32163">
        <v>19</v>
      </c>
      <c r="W32163">
        <v>19</v>
      </c>
      <c r="X32163">
        <v>19</v>
      </c>
      <c r="Y32163">
        <v>19</v>
      </c>
      <c r="Z32163">
        <v>19</v>
      </c>
      <c r="AA32163">
        <v>19</v>
      </c>
      <c r="AB32163">
        <v>19</v>
      </c>
      <c r="AC32163">
        <v>19</v>
      </c>
      <c r="AD32163">
        <v>19</v>
      </c>
      <c r="AE32163">
        <v>19</v>
      </c>
      <c r="AF32163">
        <v>20</v>
      </c>
      <c r="AG32163">
        <v>20</v>
      </c>
      <c r="AH32163">
        <v>20</v>
      </c>
      <c r="AI32163">
        <v>20</v>
      </c>
      <c r="AJ32163">
        <v>20</v>
      </c>
      <c r="AK32163">
        <v>20</v>
      </c>
      <c r="AL32163">
        <v>20</v>
      </c>
      <c r="AM32163">
        <v>20</v>
      </c>
      <c r="AN32163">
        <v>20</v>
      </c>
      <c r="AO32163">
        <v>20</v>
      </c>
      <c r="AP32163">
        <v>20</v>
      </c>
      <c r="AQ32163">
        <v>20</v>
      </c>
    </row>
    <row r="32164" spans="1:43">
      <c r="A32164" t="s">
        <v>19915</v>
      </c>
      <c r="B32164" t="s">
        <v>19916</v>
      </c>
      <c r="C32164" t="s">
        <v>19743</v>
      </c>
      <c r="D32164" t="s">
        <v>19744</v>
      </c>
      <c r="E32164" t="s">
        <v>19721</v>
      </c>
      <c r="F32164" t="s">
        <v>19722</v>
      </c>
      <c r="G32164" t="s">
        <v>10734</v>
      </c>
      <c r="H32164" t="s">
        <v>10735</v>
      </c>
      <c r="I32164" s="2">
        <v>0</v>
      </c>
      <c r="J32164" s="2">
        <v>0</v>
      </c>
      <c r="K32164" s="2">
        <v>1</v>
      </c>
      <c r="L32164" t="s">
        <v>995</v>
      </c>
      <c r="M32164" t="s">
        <v>89</v>
      </c>
      <c r="N32164" t="s">
        <v>90</v>
      </c>
      <c r="O32164" t="s">
        <v>85</v>
      </c>
      <c r="P32164" t="s">
        <v>86</v>
      </c>
      <c r="Q32164">
        <v>19</v>
      </c>
      <c r="R32164">
        <v>20</v>
      </c>
      <c r="S32164">
        <v>20</v>
      </c>
      <c r="T32164">
        <v>20</v>
      </c>
      <c r="U32164">
        <v>21</v>
      </c>
      <c r="V32164">
        <v>21</v>
      </c>
      <c r="W32164">
        <v>21</v>
      </c>
      <c r="X32164">
        <v>22</v>
      </c>
      <c r="Y32164">
        <v>22</v>
      </c>
      <c r="Z32164">
        <v>22</v>
      </c>
      <c r="AA32164">
        <v>22</v>
      </c>
      <c r="AB32164">
        <v>23</v>
      </c>
      <c r="AC32164">
        <v>23</v>
      </c>
      <c r="AD32164">
        <v>23</v>
      </c>
      <c r="AE32164">
        <v>23</v>
      </c>
      <c r="AF32164">
        <v>23</v>
      </c>
      <c r="AG32164">
        <v>23</v>
      </c>
      <c r="AH32164">
        <v>23</v>
      </c>
      <c r="AI32164">
        <v>23</v>
      </c>
      <c r="AJ32164">
        <v>23</v>
      </c>
      <c r="AK32164">
        <v>23</v>
      </c>
      <c r="AL32164">
        <v>23</v>
      </c>
      <c r="AM32164">
        <v>23</v>
      </c>
      <c r="AN32164">
        <v>23</v>
      </c>
      <c r="AO32164">
        <v>23</v>
      </c>
      <c r="AP32164">
        <v>23</v>
      </c>
      <c r="AQ32164">
        <v>23</v>
      </c>
    </row>
    <row r="32165" spans="1:43">
      <c r="A32165" t="s">
        <v>19915</v>
      </c>
      <c r="B32165" t="s">
        <v>19916</v>
      </c>
      <c r="C32165" t="s">
        <v>19743</v>
      </c>
      <c r="D32165" t="s">
        <v>19744</v>
      </c>
      <c r="E32165" t="s">
        <v>19721</v>
      </c>
      <c r="F32165" t="s">
        <v>19722</v>
      </c>
      <c r="G32165" t="s">
        <v>10734</v>
      </c>
      <c r="H32165" t="s">
        <v>10735</v>
      </c>
      <c r="I32165" s="2">
        <v>0</v>
      </c>
      <c r="J32165" s="2">
        <v>0</v>
      </c>
      <c r="K32165" s="2">
        <v>1</v>
      </c>
      <c r="L32165" t="s">
        <v>995</v>
      </c>
      <c r="M32165" t="s">
        <v>83</v>
      </c>
      <c r="N32165" t="s">
        <v>91</v>
      </c>
      <c r="O32165" t="s">
        <v>85</v>
      </c>
      <c r="P32165" t="s">
        <v>86</v>
      </c>
      <c r="Q32165">
        <v>19</v>
      </c>
      <c r="R32165">
        <v>19</v>
      </c>
      <c r="S32165">
        <v>20</v>
      </c>
      <c r="T32165">
        <v>20</v>
      </c>
      <c r="U32165">
        <v>20</v>
      </c>
      <c r="V32165">
        <v>20</v>
      </c>
      <c r="W32165">
        <v>20</v>
      </c>
      <c r="X32165">
        <v>21</v>
      </c>
      <c r="Y32165">
        <v>21</v>
      </c>
      <c r="Z32165">
        <v>21</v>
      </c>
      <c r="AA32165">
        <v>21</v>
      </c>
      <c r="AB32165">
        <v>21</v>
      </c>
      <c r="AC32165">
        <v>22</v>
      </c>
      <c r="AD32165">
        <v>22</v>
      </c>
      <c r="AE32165">
        <v>22</v>
      </c>
      <c r="AF32165">
        <v>22</v>
      </c>
      <c r="AG32165">
        <v>22</v>
      </c>
      <c r="AH32165">
        <v>22</v>
      </c>
      <c r="AI32165">
        <v>23</v>
      </c>
      <c r="AJ32165">
        <v>23</v>
      </c>
      <c r="AK32165">
        <v>23</v>
      </c>
      <c r="AL32165">
        <v>23</v>
      </c>
      <c r="AM32165">
        <v>23</v>
      </c>
      <c r="AN32165">
        <v>23</v>
      </c>
      <c r="AO32165">
        <v>23</v>
      </c>
      <c r="AP32165">
        <v>23</v>
      </c>
      <c r="AQ32165">
        <v>23</v>
      </c>
    </row>
    <row r="32166" spans="1:43">
      <c r="A32166" t="s">
        <v>19917</v>
      </c>
      <c r="B32166" t="s">
        <v>19918</v>
      </c>
      <c r="C32166" t="s">
        <v>19919</v>
      </c>
      <c r="D32166" t="s">
        <v>19920</v>
      </c>
      <c r="E32166" t="s">
        <v>19921</v>
      </c>
      <c r="F32166" t="s">
        <v>19922</v>
      </c>
      <c r="G32166" t="s">
        <v>10734</v>
      </c>
      <c r="H32166" t="s">
        <v>10735</v>
      </c>
      <c r="I32166" s="2">
        <v>0</v>
      </c>
      <c r="J32166" s="2">
        <v>0</v>
      </c>
      <c r="K32166" s="2">
        <v>1</v>
      </c>
      <c r="L32166" t="s">
        <v>995</v>
      </c>
      <c r="M32166" t="s">
        <v>83</v>
      </c>
      <c r="N32166" t="s">
        <v>84</v>
      </c>
      <c r="O32166" t="s">
        <v>85</v>
      </c>
      <c r="P32166" t="s">
        <v>86</v>
      </c>
      <c r="Q32166">
        <v>51</v>
      </c>
      <c r="R32166">
        <v>52</v>
      </c>
      <c r="S32166">
        <v>53</v>
      </c>
      <c r="T32166">
        <v>54</v>
      </c>
      <c r="U32166">
        <v>56</v>
      </c>
      <c r="V32166">
        <v>57</v>
      </c>
      <c r="W32166">
        <v>58</v>
      </c>
      <c r="X32166">
        <v>59</v>
      </c>
      <c r="Y32166">
        <v>61</v>
      </c>
      <c r="Z32166">
        <v>62</v>
      </c>
      <c r="AA32166">
        <v>63</v>
      </c>
      <c r="AB32166">
        <v>64</v>
      </c>
      <c r="AC32166">
        <v>66</v>
      </c>
      <c r="AD32166">
        <v>67</v>
      </c>
      <c r="AE32166">
        <v>68</v>
      </c>
      <c r="AF32166">
        <v>69</v>
      </c>
      <c r="AG32166">
        <v>71</v>
      </c>
      <c r="AH32166">
        <v>72</v>
      </c>
      <c r="AI32166">
        <v>73</v>
      </c>
      <c r="AJ32166">
        <v>74</v>
      </c>
      <c r="AK32166">
        <v>76</v>
      </c>
      <c r="AL32166">
        <v>77</v>
      </c>
      <c r="AM32166">
        <v>77</v>
      </c>
      <c r="AN32166">
        <v>78</v>
      </c>
      <c r="AO32166">
        <v>78</v>
      </c>
      <c r="AP32166">
        <v>79</v>
      </c>
      <c r="AQ32166">
        <v>80</v>
      </c>
    </row>
    <row r="32167" spans="1:43">
      <c r="A32167" t="s">
        <v>19917</v>
      </c>
      <c r="B32167" t="s">
        <v>19918</v>
      </c>
      <c r="C32167" t="s">
        <v>19919</v>
      </c>
      <c r="D32167" t="s">
        <v>19920</v>
      </c>
      <c r="E32167" t="s">
        <v>19921</v>
      </c>
      <c r="F32167" t="s">
        <v>19922</v>
      </c>
      <c r="G32167" t="s">
        <v>10734</v>
      </c>
      <c r="H32167" t="s">
        <v>10735</v>
      </c>
      <c r="I32167" s="2">
        <v>0</v>
      </c>
      <c r="J32167" s="2">
        <v>0</v>
      </c>
      <c r="K32167" s="2">
        <v>1</v>
      </c>
      <c r="L32167" t="s">
        <v>995</v>
      </c>
      <c r="M32167" t="s">
        <v>87</v>
      </c>
      <c r="N32167" t="s">
        <v>88</v>
      </c>
      <c r="O32167" t="s">
        <v>85</v>
      </c>
      <c r="P32167" t="s">
        <v>86</v>
      </c>
      <c r="Q32167">
        <v>51</v>
      </c>
      <c r="R32167">
        <v>52</v>
      </c>
      <c r="S32167">
        <v>53</v>
      </c>
      <c r="T32167">
        <v>54</v>
      </c>
      <c r="U32167">
        <v>54</v>
      </c>
      <c r="V32167">
        <v>55</v>
      </c>
      <c r="W32167">
        <v>56</v>
      </c>
      <c r="X32167">
        <v>56</v>
      </c>
      <c r="Y32167">
        <v>57</v>
      </c>
      <c r="Z32167">
        <v>58</v>
      </c>
      <c r="AA32167">
        <v>59</v>
      </c>
      <c r="AB32167">
        <v>59</v>
      </c>
      <c r="AC32167">
        <v>60</v>
      </c>
      <c r="AD32167">
        <v>61</v>
      </c>
      <c r="AE32167">
        <v>61</v>
      </c>
      <c r="AF32167">
        <v>62</v>
      </c>
      <c r="AG32167">
        <v>63</v>
      </c>
      <c r="AH32167">
        <v>64</v>
      </c>
      <c r="AI32167">
        <v>64</v>
      </c>
      <c r="AJ32167">
        <v>65</v>
      </c>
      <c r="AK32167">
        <v>66</v>
      </c>
      <c r="AL32167">
        <v>66</v>
      </c>
      <c r="AM32167">
        <v>67</v>
      </c>
      <c r="AN32167">
        <v>68</v>
      </c>
      <c r="AO32167">
        <v>69</v>
      </c>
      <c r="AP32167">
        <v>69</v>
      </c>
      <c r="AQ32167">
        <v>70</v>
      </c>
    </row>
    <row r="32168" spans="1:43">
      <c r="A32168" t="s">
        <v>19917</v>
      </c>
      <c r="B32168" t="s">
        <v>19918</v>
      </c>
      <c r="C32168" t="s">
        <v>19919</v>
      </c>
      <c r="D32168" t="s">
        <v>19920</v>
      </c>
      <c r="E32168" t="s">
        <v>19921</v>
      </c>
      <c r="F32168" t="s">
        <v>19922</v>
      </c>
      <c r="G32168" t="s">
        <v>10734</v>
      </c>
      <c r="H32168" t="s">
        <v>10735</v>
      </c>
      <c r="I32168" s="2">
        <v>0</v>
      </c>
      <c r="J32168" s="2">
        <v>0</v>
      </c>
      <c r="K32168" s="2">
        <v>1</v>
      </c>
      <c r="L32168" t="s">
        <v>995</v>
      </c>
      <c r="M32168" t="s">
        <v>89</v>
      </c>
      <c r="N32168" t="s">
        <v>90</v>
      </c>
      <c r="O32168" t="s">
        <v>85</v>
      </c>
      <c r="P32168" t="s">
        <v>86</v>
      </c>
      <c r="Q32168">
        <v>51</v>
      </c>
      <c r="R32168">
        <v>53</v>
      </c>
      <c r="S32168">
        <v>55</v>
      </c>
      <c r="T32168">
        <v>56</v>
      </c>
      <c r="U32168">
        <v>58</v>
      </c>
      <c r="V32168">
        <v>60</v>
      </c>
      <c r="W32168">
        <v>61</v>
      </c>
      <c r="X32168">
        <v>63</v>
      </c>
      <c r="Y32168">
        <v>64</v>
      </c>
      <c r="Z32168">
        <v>66</v>
      </c>
      <c r="AA32168">
        <v>67</v>
      </c>
      <c r="AB32168">
        <v>69</v>
      </c>
      <c r="AC32168">
        <v>70</v>
      </c>
      <c r="AD32168">
        <v>72</v>
      </c>
      <c r="AE32168">
        <v>73</v>
      </c>
      <c r="AF32168">
        <v>74</v>
      </c>
      <c r="AG32168">
        <v>74</v>
      </c>
      <c r="AH32168">
        <v>75</v>
      </c>
      <c r="AI32168">
        <v>75</v>
      </c>
      <c r="AJ32168">
        <v>76</v>
      </c>
      <c r="AK32168">
        <v>77</v>
      </c>
      <c r="AL32168">
        <v>77</v>
      </c>
      <c r="AM32168">
        <v>78</v>
      </c>
      <c r="AN32168">
        <v>78</v>
      </c>
      <c r="AO32168">
        <v>79</v>
      </c>
      <c r="AP32168">
        <v>80</v>
      </c>
      <c r="AQ32168">
        <v>80</v>
      </c>
    </row>
    <row r="32169" spans="1:43">
      <c r="A32169" t="s">
        <v>19917</v>
      </c>
      <c r="B32169" t="s">
        <v>19918</v>
      </c>
      <c r="C32169" t="s">
        <v>19919</v>
      </c>
      <c r="D32169" t="s">
        <v>19920</v>
      </c>
      <c r="E32169" t="s">
        <v>19921</v>
      </c>
      <c r="F32169" t="s">
        <v>19922</v>
      </c>
      <c r="G32169" t="s">
        <v>10734</v>
      </c>
      <c r="H32169" t="s">
        <v>10735</v>
      </c>
      <c r="I32169" s="2">
        <v>0</v>
      </c>
      <c r="J32169" s="2">
        <v>0</v>
      </c>
      <c r="K32169" s="2">
        <v>1</v>
      </c>
      <c r="L32169" t="s">
        <v>995</v>
      </c>
      <c r="M32169" t="s">
        <v>83</v>
      </c>
      <c r="N32169" t="s">
        <v>91</v>
      </c>
      <c r="O32169" t="s">
        <v>85</v>
      </c>
      <c r="P32169" t="s">
        <v>86</v>
      </c>
      <c r="Q32169">
        <v>51</v>
      </c>
      <c r="R32169">
        <v>52</v>
      </c>
      <c r="S32169">
        <v>53</v>
      </c>
      <c r="T32169">
        <v>54</v>
      </c>
      <c r="U32169">
        <v>56</v>
      </c>
      <c r="V32169">
        <v>57</v>
      </c>
      <c r="W32169">
        <v>58</v>
      </c>
      <c r="X32169">
        <v>59</v>
      </c>
      <c r="Y32169">
        <v>61</v>
      </c>
      <c r="Z32169">
        <v>62</v>
      </c>
      <c r="AA32169">
        <v>63</v>
      </c>
      <c r="AB32169">
        <v>64</v>
      </c>
      <c r="AC32169">
        <v>66</v>
      </c>
      <c r="AD32169">
        <v>67</v>
      </c>
      <c r="AE32169">
        <v>68</v>
      </c>
      <c r="AF32169">
        <v>69</v>
      </c>
      <c r="AG32169">
        <v>71</v>
      </c>
      <c r="AH32169">
        <v>72</v>
      </c>
      <c r="AI32169">
        <v>73</v>
      </c>
      <c r="AJ32169">
        <v>74</v>
      </c>
      <c r="AK32169">
        <v>76</v>
      </c>
      <c r="AL32169">
        <v>77</v>
      </c>
      <c r="AM32169">
        <v>77</v>
      </c>
      <c r="AN32169">
        <v>78</v>
      </c>
      <c r="AO32169">
        <v>78</v>
      </c>
      <c r="AP32169">
        <v>79</v>
      </c>
      <c r="AQ32169">
        <v>80</v>
      </c>
    </row>
    <row r="32170" spans="1:43">
      <c r="A32170" t="s">
        <v>19923</v>
      </c>
      <c r="B32170" t="s">
        <v>19924</v>
      </c>
      <c r="C32170" t="s">
        <v>19919</v>
      </c>
      <c r="D32170" t="s">
        <v>19920</v>
      </c>
      <c r="E32170" t="s">
        <v>19921</v>
      </c>
      <c r="F32170" t="s">
        <v>19922</v>
      </c>
      <c r="G32170" t="s">
        <v>10734</v>
      </c>
      <c r="H32170" t="s">
        <v>10735</v>
      </c>
      <c r="I32170" s="2">
        <v>0</v>
      </c>
      <c r="J32170" s="2">
        <v>0</v>
      </c>
      <c r="K32170" s="2">
        <v>1</v>
      </c>
      <c r="L32170" t="s">
        <v>995</v>
      </c>
      <c r="M32170" t="s">
        <v>83</v>
      </c>
      <c r="N32170" t="s">
        <v>84</v>
      </c>
      <c r="O32170" t="s">
        <v>85</v>
      </c>
      <c r="P32170" t="s">
        <v>86</v>
      </c>
      <c r="Q32170">
        <v>21</v>
      </c>
      <c r="R32170">
        <v>22</v>
      </c>
      <c r="S32170">
        <v>22</v>
      </c>
      <c r="T32170">
        <v>23</v>
      </c>
      <c r="U32170">
        <v>23</v>
      </c>
      <c r="V32170">
        <v>24</v>
      </c>
      <c r="W32170">
        <v>24</v>
      </c>
      <c r="X32170">
        <v>25</v>
      </c>
      <c r="Y32170">
        <v>25</v>
      </c>
      <c r="Z32170">
        <v>26</v>
      </c>
      <c r="AA32170">
        <v>26</v>
      </c>
      <c r="AB32170">
        <v>27</v>
      </c>
      <c r="AC32170">
        <v>27</v>
      </c>
      <c r="AD32170">
        <v>28</v>
      </c>
      <c r="AE32170">
        <v>28</v>
      </c>
      <c r="AF32170">
        <v>29</v>
      </c>
      <c r="AG32170">
        <v>29</v>
      </c>
      <c r="AH32170">
        <v>30</v>
      </c>
      <c r="AI32170">
        <v>31</v>
      </c>
      <c r="AJ32170">
        <v>31</v>
      </c>
      <c r="AK32170">
        <v>32</v>
      </c>
      <c r="AL32170">
        <v>32</v>
      </c>
      <c r="AM32170">
        <v>32</v>
      </c>
      <c r="AN32170">
        <v>32</v>
      </c>
      <c r="AO32170">
        <v>33</v>
      </c>
      <c r="AP32170">
        <v>33</v>
      </c>
      <c r="AQ32170">
        <v>33</v>
      </c>
    </row>
    <row r="32171" spans="1:43">
      <c r="A32171" t="s">
        <v>19923</v>
      </c>
      <c r="B32171" t="s">
        <v>19924</v>
      </c>
      <c r="C32171" t="s">
        <v>19919</v>
      </c>
      <c r="D32171" t="s">
        <v>19920</v>
      </c>
      <c r="E32171" t="s">
        <v>19921</v>
      </c>
      <c r="F32171" t="s">
        <v>19922</v>
      </c>
      <c r="G32171" t="s">
        <v>10734</v>
      </c>
      <c r="H32171" t="s">
        <v>10735</v>
      </c>
      <c r="I32171" s="2">
        <v>0</v>
      </c>
      <c r="J32171" s="2">
        <v>0</v>
      </c>
      <c r="K32171" s="2">
        <v>1</v>
      </c>
      <c r="L32171" t="s">
        <v>995</v>
      </c>
      <c r="M32171" t="s">
        <v>87</v>
      </c>
      <c r="N32171" t="s">
        <v>88</v>
      </c>
      <c r="O32171" t="s">
        <v>85</v>
      </c>
      <c r="P32171" t="s">
        <v>86</v>
      </c>
      <c r="Q32171">
        <v>21</v>
      </c>
      <c r="R32171">
        <v>21</v>
      </c>
      <c r="S32171">
        <v>22</v>
      </c>
      <c r="T32171">
        <v>22</v>
      </c>
      <c r="U32171">
        <v>22</v>
      </c>
      <c r="V32171">
        <v>23</v>
      </c>
      <c r="W32171">
        <v>23</v>
      </c>
      <c r="X32171">
        <v>23</v>
      </c>
      <c r="Y32171">
        <v>23</v>
      </c>
      <c r="Z32171">
        <v>24</v>
      </c>
      <c r="AA32171">
        <v>24</v>
      </c>
      <c r="AB32171">
        <v>24</v>
      </c>
      <c r="AC32171">
        <v>25</v>
      </c>
      <c r="AD32171">
        <v>25</v>
      </c>
      <c r="AE32171">
        <v>25</v>
      </c>
      <c r="AF32171">
        <v>25</v>
      </c>
      <c r="AG32171">
        <v>26</v>
      </c>
      <c r="AH32171">
        <v>26</v>
      </c>
      <c r="AI32171">
        <v>26</v>
      </c>
      <c r="AJ32171">
        <v>27</v>
      </c>
      <c r="AK32171">
        <v>27</v>
      </c>
      <c r="AL32171">
        <v>27</v>
      </c>
      <c r="AM32171">
        <v>28</v>
      </c>
      <c r="AN32171">
        <v>28</v>
      </c>
      <c r="AO32171">
        <v>28</v>
      </c>
      <c r="AP32171">
        <v>29</v>
      </c>
      <c r="AQ32171">
        <v>29</v>
      </c>
    </row>
    <row r="32172" spans="1:43">
      <c r="A32172" t="s">
        <v>19923</v>
      </c>
      <c r="B32172" t="s">
        <v>19924</v>
      </c>
      <c r="C32172" t="s">
        <v>19919</v>
      </c>
      <c r="D32172" t="s">
        <v>19920</v>
      </c>
      <c r="E32172" t="s">
        <v>19921</v>
      </c>
      <c r="F32172" t="s">
        <v>19922</v>
      </c>
      <c r="G32172" t="s">
        <v>10734</v>
      </c>
      <c r="H32172" t="s">
        <v>10735</v>
      </c>
      <c r="I32172" s="2">
        <v>0</v>
      </c>
      <c r="J32172" s="2">
        <v>0</v>
      </c>
      <c r="K32172" s="2">
        <v>1</v>
      </c>
      <c r="L32172" t="s">
        <v>995</v>
      </c>
      <c r="M32172" t="s">
        <v>89</v>
      </c>
      <c r="N32172" t="s">
        <v>90</v>
      </c>
      <c r="O32172" t="s">
        <v>85</v>
      </c>
      <c r="P32172" t="s">
        <v>86</v>
      </c>
      <c r="Q32172">
        <v>21</v>
      </c>
      <c r="R32172">
        <v>22</v>
      </c>
      <c r="S32172">
        <v>23</v>
      </c>
      <c r="T32172">
        <v>23</v>
      </c>
      <c r="U32172">
        <v>24</v>
      </c>
      <c r="V32172">
        <v>25</v>
      </c>
      <c r="W32172">
        <v>26</v>
      </c>
      <c r="X32172">
        <v>26</v>
      </c>
      <c r="Y32172">
        <v>27</v>
      </c>
      <c r="Z32172">
        <v>27</v>
      </c>
      <c r="AA32172">
        <v>28</v>
      </c>
      <c r="AB32172">
        <v>29</v>
      </c>
      <c r="AC32172">
        <v>29</v>
      </c>
      <c r="AD32172">
        <v>30</v>
      </c>
      <c r="AE32172">
        <v>30</v>
      </c>
      <c r="AF32172">
        <v>31</v>
      </c>
      <c r="AG32172">
        <v>31</v>
      </c>
      <c r="AH32172">
        <v>31</v>
      </c>
      <c r="AI32172">
        <v>32</v>
      </c>
      <c r="AJ32172">
        <v>32</v>
      </c>
      <c r="AK32172">
        <v>32</v>
      </c>
      <c r="AL32172">
        <v>32</v>
      </c>
      <c r="AM32172">
        <v>33</v>
      </c>
      <c r="AN32172">
        <v>33</v>
      </c>
      <c r="AO32172">
        <v>33</v>
      </c>
      <c r="AP32172">
        <v>33</v>
      </c>
      <c r="AQ32172">
        <v>33</v>
      </c>
    </row>
    <row r="32173" spans="1:43">
      <c r="A32173" t="s">
        <v>19923</v>
      </c>
      <c r="B32173" t="s">
        <v>19924</v>
      </c>
      <c r="C32173" t="s">
        <v>19919</v>
      </c>
      <c r="D32173" t="s">
        <v>19920</v>
      </c>
      <c r="E32173" t="s">
        <v>19921</v>
      </c>
      <c r="F32173" t="s">
        <v>19922</v>
      </c>
      <c r="G32173" t="s">
        <v>10734</v>
      </c>
      <c r="H32173" t="s">
        <v>10735</v>
      </c>
      <c r="I32173" s="2">
        <v>0</v>
      </c>
      <c r="J32173" s="2">
        <v>0</v>
      </c>
      <c r="K32173" s="2">
        <v>1</v>
      </c>
      <c r="L32173" t="s">
        <v>995</v>
      </c>
      <c r="M32173" t="s">
        <v>83</v>
      </c>
      <c r="N32173" t="s">
        <v>91</v>
      </c>
      <c r="O32173" t="s">
        <v>85</v>
      </c>
      <c r="P32173" t="s">
        <v>86</v>
      </c>
      <c r="Q32173">
        <v>21</v>
      </c>
      <c r="R32173">
        <v>22</v>
      </c>
      <c r="S32173">
        <v>22</v>
      </c>
      <c r="T32173">
        <v>23</v>
      </c>
      <c r="U32173">
        <v>23</v>
      </c>
      <c r="V32173">
        <v>24</v>
      </c>
      <c r="W32173">
        <v>24</v>
      </c>
      <c r="X32173">
        <v>25</v>
      </c>
      <c r="Y32173">
        <v>25</v>
      </c>
      <c r="Z32173">
        <v>26</v>
      </c>
      <c r="AA32173">
        <v>26</v>
      </c>
      <c r="AB32173">
        <v>27</v>
      </c>
      <c r="AC32173">
        <v>27</v>
      </c>
      <c r="AD32173">
        <v>28</v>
      </c>
      <c r="AE32173">
        <v>28</v>
      </c>
      <c r="AF32173">
        <v>29</v>
      </c>
      <c r="AG32173">
        <v>29</v>
      </c>
      <c r="AH32173">
        <v>30</v>
      </c>
      <c r="AI32173">
        <v>31</v>
      </c>
      <c r="AJ32173">
        <v>31</v>
      </c>
      <c r="AK32173">
        <v>32</v>
      </c>
      <c r="AL32173">
        <v>32</v>
      </c>
      <c r="AM32173">
        <v>32</v>
      </c>
      <c r="AN32173">
        <v>32</v>
      </c>
      <c r="AO32173">
        <v>33</v>
      </c>
      <c r="AP32173">
        <v>33</v>
      </c>
      <c r="AQ32173">
        <v>33</v>
      </c>
    </row>
    <row r="32174" spans="1:43">
      <c r="A32174" t="s">
        <v>19925</v>
      </c>
      <c r="B32174" t="s">
        <v>19926</v>
      </c>
      <c r="C32174" t="s">
        <v>19927</v>
      </c>
      <c r="D32174" t="s">
        <v>19928</v>
      </c>
      <c r="E32174" t="s">
        <v>19921</v>
      </c>
      <c r="F32174" t="s">
        <v>19922</v>
      </c>
      <c r="G32174" t="s">
        <v>10734</v>
      </c>
      <c r="H32174" t="s">
        <v>10735</v>
      </c>
      <c r="I32174" s="2">
        <v>0</v>
      </c>
      <c r="J32174" s="2">
        <v>0</v>
      </c>
      <c r="K32174" s="2">
        <v>1</v>
      </c>
      <c r="L32174" t="s">
        <v>995</v>
      </c>
      <c r="M32174" t="s">
        <v>83</v>
      </c>
      <c r="N32174" t="s">
        <v>84</v>
      </c>
      <c r="O32174" t="s">
        <v>85</v>
      </c>
      <c r="P32174" t="s">
        <v>86</v>
      </c>
      <c r="Q32174">
        <v>66</v>
      </c>
      <c r="R32174">
        <v>68</v>
      </c>
      <c r="S32174">
        <v>69</v>
      </c>
      <c r="T32174">
        <v>71</v>
      </c>
      <c r="U32174">
        <v>72</v>
      </c>
      <c r="V32174">
        <v>74</v>
      </c>
      <c r="W32174">
        <v>76</v>
      </c>
      <c r="X32174">
        <v>77</v>
      </c>
      <c r="Y32174">
        <v>79</v>
      </c>
      <c r="Z32174">
        <v>81</v>
      </c>
      <c r="AA32174">
        <v>82</v>
      </c>
      <c r="AB32174">
        <v>84</v>
      </c>
      <c r="AC32174">
        <v>85</v>
      </c>
      <c r="AD32174">
        <v>87</v>
      </c>
      <c r="AE32174">
        <v>89</v>
      </c>
      <c r="AF32174">
        <v>90</v>
      </c>
      <c r="AG32174">
        <v>92</v>
      </c>
      <c r="AH32174">
        <v>94</v>
      </c>
      <c r="AI32174">
        <v>95</v>
      </c>
      <c r="AJ32174">
        <v>97</v>
      </c>
      <c r="AK32174">
        <v>99</v>
      </c>
      <c r="AL32174">
        <v>100</v>
      </c>
      <c r="AM32174">
        <v>100</v>
      </c>
      <c r="AN32174">
        <v>101</v>
      </c>
      <c r="AO32174">
        <v>102</v>
      </c>
      <c r="AP32174">
        <v>103</v>
      </c>
      <c r="AQ32174">
        <v>104</v>
      </c>
    </row>
    <row r="32175" spans="1:43">
      <c r="A32175" t="s">
        <v>19925</v>
      </c>
      <c r="B32175" t="s">
        <v>19926</v>
      </c>
      <c r="C32175" t="s">
        <v>19927</v>
      </c>
      <c r="D32175" t="s">
        <v>19928</v>
      </c>
      <c r="E32175" t="s">
        <v>19921</v>
      </c>
      <c r="F32175" t="s">
        <v>19922</v>
      </c>
      <c r="G32175" t="s">
        <v>10734</v>
      </c>
      <c r="H32175" t="s">
        <v>10735</v>
      </c>
      <c r="I32175" s="2">
        <v>0</v>
      </c>
      <c r="J32175" s="2">
        <v>0</v>
      </c>
      <c r="K32175" s="2">
        <v>1</v>
      </c>
      <c r="L32175" t="s">
        <v>995</v>
      </c>
      <c r="M32175" t="s">
        <v>87</v>
      </c>
      <c r="N32175" t="s">
        <v>88</v>
      </c>
      <c r="O32175" t="s">
        <v>85</v>
      </c>
      <c r="P32175" t="s">
        <v>86</v>
      </c>
      <c r="Q32175">
        <v>66</v>
      </c>
      <c r="R32175">
        <v>67</v>
      </c>
      <c r="S32175">
        <v>67</v>
      </c>
      <c r="T32175">
        <v>68</v>
      </c>
      <c r="U32175">
        <v>69</v>
      </c>
      <c r="V32175">
        <v>70</v>
      </c>
      <c r="W32175">
        <v>71</v>
      </c>
      <c r="X32175">
        <v>72</v>
      </c>
      <c r="Y32175">
        <v>73</v>
      </c>
      <c r="Z32175">
        <v>74</v>
      </c>
      <c r="AA32175">
        <v>75</v>
      </c>
      <c r="AB32175">
        <v>76</v>
      </c>
      <c r="AC32175">
        <v>77</v>
      </c>
      <c r="AD32175">
        <v>78</v>
      </c>
      <c r="AE32175">
        <v>79</v>
      </c>
      <c r="AF32175">
        <v>79</v>
      </c>
      <c r="AG32175">
        <v>80</v>
      </c>
      <c r="AH32175">
        <v>81</v>
      </c>
      <c r="AI32175">
        <v>82</v>
      </c>
      <c r="AJ32175">
        <v>83</v>
      </c>
      <c r="AK32175">
        <v>84</v>
      </c>
      <c r="AL32175">
        <v>85</v>
      </c>
      <c r="AM32175">
        <v>86</v>
      </c>
      <c r="AN32175">
        <v>87</v>
      </c>
      <c r="AO32175">
        <v>88</v>
      </c>
      <c r="AP32175">
        <v>89</v>
      </c>
      <c r="AQ32175">
        <v>90</v>
      </c>
    </row>
    <row r="32176" spans="1:43">
      <c r="A32176" t="s">
        <v>19925</v>
      </c>
      <c r="B32176" t="s">
        <v>19926</v>
      </c>
      <c r="C32176" t="s">
        <v>19927</v>
      </c>
      <c r="D32176" t="s">
        <v>19928</v>
      </c>
      <c r="E32176" t="s">
        <v>19921</v>
      </c>
      <c r="F32176" t="s">
        <v>19922</v>
      </c>
      <c r="G32176" t="s">
        <v>10734</v>
      </c>
      <c r="H32176" t="s">
        <v>10735</v>
      </c>
      <c r="I32176" s="2">
        <v>0</v>
      </c>
      <c r="J32176" s="2">
        <v>0</v>
      </c>
      <c r="K32176" s="2">
        <v>1</v>
      </c>
      <c r="L32176" t="s">
        <v>995</v>
      </c>
      <c r="M32176" t="s">
        <v>89</v>
      </c>
      <c r="N32176" t="s">
        <v>90</v>
      </c>
      <c r="O32176" t="s">
        <v>85</v>
      </c>
      <c r="P32176" t="s">
        <v>86</v>
      </c>
      <c r="Q32176">
        <v>66</v>
      </c>
      <c r="R32176">
        <v>68</v>
      </c>
      <c r="S32176">
        <v>70</v>
      </c>
      <c r="T32176">
        <v>72</v>
      </c>
      <c r="U32176">
        <v>74</v>
      </c>
      <c r="V32176">
        <v>76</v>
      </c>
      <c r="W32176">
        <v>79</v>
      </c>
      <c r="X32176">
        <v>81</v>
      </c>
      <c r="Y32176">
        <v>83</v>
      </c>
      <c r="Z32176">
        <v>84</v>
      </c>
      <c r="AA32176">
        <v>86</v>
      </c>
      <c r="AB32176">
        <v>88</v>
      </c>
      <c r="AC32176">
        <v>90</v>
      </c>
      <c r="AD32176">
        <v>92</v>
      </c>
      <c r="AE32176">
        <v>94</v>
      </c>
      <c r="AF32176">
        <v>95</v>
      </c>
      <c r="AG32176">
        <v>96</v>
      </c>
      <c r="AH32176">
        <v>96</v>
      </c>
      <c r="AI32176">
        <v>97</v>
      </c>
      <c r="AJ32176">
        <v>98</v>
      </c>
      <c r="AK32176">
        <v>99</v>
      </c>
      <c r="AL32176">
        <v>100</v>
      </c>
      <c r="AM32176">
        <v>100</v>
      </c>
      <c r="AN32176">
        <v>101</v>
      </c>
      <c r="AO32176">
        <v>102</v>
      </c>
      <c r="AP32176">
        <v>103</v>
      </c>
      <c r="AQ32176">
        <v>103</v>
      </c>
    </row>
    <row r="32177" spans="1:43">
      <c r="A32177" t="s">
        <v>19925</v>
      </c>
      <c r="B32177" t="s">
        <v>19926</v>
      </c>
      <c r="C32177" t="s">
        <v>19927</v>
      </c>
      <c r="D32177" t="s">
        <v>19928</v>
      </c>
      <c r="E32177" t="s">
        <v>19921</v>
      </c>
      <c r="F32177" t="s">
        <v>19922</v>
      </c>
      <c r="G32177" t="s">
        <v>10734</v>
      </c>
      <c r="H32177" t="s">
        <v>10735</v>
      </c>
      <c r="I32177" s="2">
        <v>0</v>
      </c>
      <c r="J32177" s="2">
        <v>0</v>
      </c>
      <c r="K32177" s="2">
        <v>1</v>
      </c>
      <c r="L32177" t="s">
        <v>995</v>
      </c>
      <c r="M32177" t="s">
        <v>83</v>
      </c>
      <c r="N32177" t="s">
        <v>91</v>
      </c>
      <c r="O32177" t="s">
        <v>85</v>
      </c>
      <c r="P32177" t="s">
        <v>86</v>
      </c>
      <c r="Q32177">
        <v>66</v>
      </c>
      <c r="R32177">
        <v>68</v>
      </c>
      <c r="S32177">
        <v>69</v>
      </c>
      <c r="T32177">
        <v>71</v>
      </c>
      <c r="U32177">
        <v>72</v>
      </c>
      <c r="V32177">
        <v>74</v>
      </c>
      <c r="W32177">
        <v>76</v>
      </c>
      <c r="X32177">
        <v>77</v>
      </c>
      <c r="Y32177">
        <v>79</v>
      </c>
      <c r="Z32177">
        <v>81</v>
      </c>
      <c r="AA32177">
        <v>82</v>
      </c>
      <c r="AB32177">
        <v>84</v>
      </c>
      <c r="AC32177">
        <v>85</v>
      </c>
      <c r="AD32177">
        <v>87</v>
      </c>
      <c r="AE32177">
        <v>89</v>
      </c>
      <c r="AF32177">
        <v>90</v>
      </c>
      <c r="AG32177">
        <v>92</v>
      </c>
      <c r="AH32177">
        <v>94</v>
      </c>
      <c r="AI32177">
        <v>95</v>
      </c>
      <c r="AJ32177">
        <v>97</v>
      </c>
      <c r="AK32177">
        <v>99</v>
      </c>
      <c r="AL32177">
        <v>100</v>
      </c>
      <c r="AM32177">
        <v>100</v>
      </c>
      <c r="AN32177">
        <v>101</v>
      </c>
      <c r="AO32177">
        <v>102</v>
      </c>
      <c r="AP32177">
        <v>103</v>
      </c>
      <c r="AQ32177">
        <v>104</v>
      </c>
    </row>
    <row r="32178" spans="1:43">
      <c r="A32178" t="s">
        <v>19929</v>
      </c>
      <c r="B32178" t="s">
        <v>19930</v>
      </c>
      <c r="C32178" t="s">
        <v>19927</v>
      </c>
      <c r="D32178" t="s">
        <v>19928</v>
      </c>
      <c r="E32178" t="s">
        <v>19921</v>
      </c>
      <c r="F32178" t="s">
        <v>19922</v>
      </c>
      <c r="G32178" t="s">
        <v>10734</v>
      </c>
      <c r="H32178" t="s">
        <v>10735</v>
      </c>
      <c r="I32178" s="2">
        <v>0</v>
      </c>
      <c r="J32178" s="2">
        <v>0</v>
      </c>
      <c r="K32178" s="2">
        <v>1</v>
      </c>
      <c r="L32178" t="s">
        <v>995</v>
      </c>
      <c r="M32178" t="s">
        <v>83</v>
      </c>
      <c r="N32178" t="s">
        <v>84</v>
      </c>
      <c r="O32178" t="s">
        <v>85</v>
      </c>
      <c r="P32178" t="s">
        <v>86</v>
      </c>
      <c r="Q32178">
        <v>11</v>
      </c>
      <c r="R32178">
        <v>12</v>
      </c>
      <c r="S32178">
        <v>12</v>
      </c>
      <c r="T32178">
        <v>12</v>
      </c>
      <c r="U32178">
        <v>12</v>
      </c>
      <c r="V32178">
        <v>13</v>
      </c>
      <c r="W32178">
        <v>13</v>
      </c>
      <c r="X32178">
        <v>13</v>
      </c>
      <c r="Y32178">
        <v>13</v>
      </c>
      <c r="Z32178">
        <v>14</v>
      </c>
      <c r="AA32178">
        <v>14</v>
      </c>
      <c r="AB32178">
        <v>14</v>
      </c>
      <c r="AC32178">
        <v>15</v>
      </c>
      <c r="AD32178">
        <v>15</v>
      </c>
      <c r="AE32178">
        <v>15</v>
      </c>
      <c r="AF32178">
        <v>15</v>
      </c>
      <c r="AG32178">
        <v>16</v>
      </c>
      <c r="AH32178">
        <v>16</v>
      </c>
      <c r="AI32178">
        <v>16</v>
      </c>
      <c r="AJ32178">
        <v>17</v>
      </c>
      <c r="AK32178">
        <v>17</v>
      </c>
      <c r="AL32178">
        <v>17</v>
      </c>
      <c r="AM32178">
        <v>17</v>
      </c>
      <c r="AN32178">
        <v>17</v>
      </c>
      <c r="AO32178">
        <v>17</v>
      </c>
      <c r="AP32178">
        <v>17</v>
      </c>
      <c r="AQ32178">
        <v>18</v>
      </c>
    </row>
    <row r="32179" spans="1:43">
      <c r="A32179" t="s">
        <v>19929</v>
      </c>
      <c r="B32179" t="s">
        <v>19930</v>
      </c>
      <c r="C32179" t="s">
        <v>19927</v>
      </c>
      <c r="D32179" t="s">
        <v>19928</v>
      </c>
      <c r="E32179" t="s">
        <v>19921</v>
      </c>
      <c r="F32179" t="s">
        <v>19922</v>
      </c>
      <c r="G32179" t="s">
        <v>10734</v>
      </c>
      <c r="H32179" t="s">
        <v>10735</v>
      </c>
      <c r="I32179" s="2">
        <v>0</v>
      </c>
      <c r="J32179" s="2">
        <v>0</v>
      </c>
      <c r="K32179" s="2">
        <v>1</v>
      </c>
      <c r="L32179" t="s">
        <v>995</v>
      </c>
      <c r="M32179" t="s">
        <v>87</v>
      </c>
      <c r="N32179" t="s">
        <v>88</v>
      </c>
      <c r="O32179" t="s">
        <v>85</v>
      </c>
      <c r="P32179" t="s">
        <v>86</v>
      </c>
      <c r="Q32179">
        <v>11</v>
      </c>
      <c r="R32179">
        <v>11</v>
      </c>
      <c r="S32179">
        <v>11</v>
      </c>
      <c r="T32179">
        <v>12</v>
      </c>
      <c r="U32179">
        <v>12</v>
      </c>
      <c r="V32179">
        <v>12</v>
      </c>
      <c r="W32179">
        <v>12</v>
      </c>
      <c r="X32179">
        <v>12</v>
      </c>
      <c r="Y32179">
        <v>12</v>
      </c>
      <c r="Z32179">
        <v>13</v>
      </c>
      <c r="AA32179">
        <v>13</v>
      </c>
      <c r="AB32179">
        <v>13</v>
      </c>
      <c r="AC32179">
        <v>13</v>
      </c>
      <c r="AD32179">
        <v>13</v>
      </c>
      <c r="AE32179">
        <v>13</v>
      </c>
      <c r="AF32179">
        <v>14</v>
      </c>
      <c r="AG32179">
        <v>14</v>
      </c>
      <c r="AH32179">
        <v>14</v>
      </c>
      <c r="AI32179">
        <v>14</v>
      </c>
      <c r="AJ32179">
        <v>14</v>
      </c>
      <c r="AK32179">
        <v>14</v>
      </c>
      <c r="AL32179">
        <v>15</v>
      </c>
      <c r="AM32179">
        <v>15</v>
      </c>
      <c r="AN32179">
        <v>15</v>
      </c>
      <c r="AO32179">
        <v>15</v>
      </c>
      <c r="AP32179">
        <v>15</v>
      </c>
      <c r="AQ32179">
        <v>15</v>
      </c>
    </row>
    <row r="32180" spans="1:43">
      <c r="A32180" t="s">
        <v>19929</v>
      </c>
      <c r="B32180" t="s">
        <v>19930</v>
      </c>
      <c r="C32180" t="s">
        <v>19927</v>
      </c>
      <c r="D32180" t="s">
        <v>19928</v>
      </c>
      <c r="E32180" t="s">
        <v>19921</v>
      </c>
      <c r="F32180" t="s">
        <v>19922</v>
      </c>
      <c r="G32180" t="s">
        <v>10734</v>
      </c>
      <c r="H32180" t="s">
        <v>10735</v>
      </c>
      <c r="I32180" s="2">
        <v>0</v>
      </c>
      <c r="J32180" s="2">
        <v>0</v>
      </c>
      <c r="K32180" s="2">
        <v>1</v>
      </c>
      <c r="L32180" t="s">
        <v>995</v>
      </c>
      <c r="M32180" t="s">
        <v>89</v>
      </c>
      <c r="N32180" t="s">
        <v>90</v>
      </c>
      <c r="O32180" t="s">
        <v>85</v>
      </c>
      <c r="P32180" t="s">
        <v>86</v>
      </c>
      <c r="Q32180">
        <v>11</v>
      </c>
      <c r="R32180">
        <v>12</v>
      </c>
      <c r="S32180">
        <v>12</v>
      </c>
      <c r="T32180">
        <v>12</v>
      </c>
      <c r="U32180">
        <v>13</v>
      </c>
      <c r="V32180">
        <v>13</v>
      </c>
      <c r="W32180">
        <v>14</v>
      </c>
      <c r="X32180">
        <v>14</v>
      </c>
      <c r="Y32180">
        <v>14</v>
      </c>
      <c r="Z32180">
        <v>15</v>
      </c>
      <c r="AA32180">
        <v>15</v>
      </c>
      <c r="AB32180">
        <v>15</v>
      </c>
      <c r="AC32180">
        <v>16</v>
      </c>
      <c r="AD32180">
        <v>16</v>
      </c>
      <c r="AE32180">
        <v>16</v>
      </c>
      <c r="AF32180">
        <v>16</v>
      </c>
      <c r="AG32180">
        <v>16</v>
      </c>
      <c r="AH32180">
        <v>17</v>
      </c>
      <c r="AI32180">
        <v>17</v>
      </c>
      <c r="AJ32180">
        <v>17</v>
      </c>
      <c r="AK32180">
        <v>17</v>
      </c>
      <c r="AL32180">
        <v>17</v>
      </c>
      <c r="AM32180">
        <v>17</v>
      </c>
      <c r="AN32180">
        <v>17</v>
      </c>
      <c r="AO32180">
        <v>17</v>
      </c>
      <c r="AP32180">
        <v>18</v>
      </c>
      <c r="AQ32180">
        <v>18</v>
      </c>
    </row>
    <row r="32181" spans="1:43">
      <c r="A32181" t="s">
        <v>19929</v>
      </c>
      <c r="B32181" t="s">
        <v>19930</v>
      </c>
      <c r="C32181" t="s">
        <v>19927</v>
      </c>
      <c r="D32181" t="s">
        <v>19928</v>
      </c>
      <c r="E32181" t="s">
        <v>19921</v>
      </c>
      <c r="F32181" t="s">
        <v>19922</v>
      </c>
      <c r="G32181" t="s">
        <v>10734</v>
      </c>
      <c r="H32181" t="s">
        <v>10735</v>
      </c>
      <c r="I32181" s="2">
        <v>0</v>
      </c>
      <c r="J32181" s="2">
        <v>0</v>
      </c>
      <c r="K32181" s="2">
        <v>1</v>
      </c>
      <c r="L32181" t="s">
        <v>995</v>
      </c>
      <c r="M32181" t="s">
        <v>83</v>
      </c>
      <c r="N32181" t="s">
        <v>91</v>
      </c>
      <c r="O32181" t="s">
        <v>85</v>
      </c>
      <c r="P32181" t="s">
        <v>86</v>
      </c>
      <c r="Q32181">
        <v>11</v>
      </c>
      <c r="R32181">
        <v>12</v>
      </c>
      <c r="S32181">
        <v>12</v>
      </c>
      <c r="T32181">
        <v>12</v>
      </c>
      <c r="U32181">
        <v>12</v>
      </c>
      <c r="V32181">
        <v>13</v>
      </c>
      <c r="W32181">
        <v>13</v>
      </c>
      <c r="X32181">
        <v>13</v>
      </c>
      <c r="Y32181">
        <v>13</v>
      </c>
      <c r="Z32181">
        <v>14</v>
      </c>
      <c r="AA32181">
        <v>14</v>
      </c>
      <c r="AB32181">
        <v>14</v>
      </c>
      <c r="AC32181">
        <v>15</v>
      </c>
      <c r="AD32181">
        <v>15</v>
      </c>
      <c r="AE32181">
        <v>15</v>
      </c>
      <c r="AF32181">
        <v>15</v>
      </c>
      <c r="AG32181">
        <v>16</v>
      </c>
      <c r="AH32181">
        <v>16</v>
      </c>
      <c r="AI32181">
        <v>16</v>
      </c>
      <c r="AJ32181">
        <v>17</v>
      </c>
      <c r="AK32181">
        <v>17</v>
      </c>
      <c r="AL32181">
        <v>17</v>
      </c>
      <c r="AM32181">
        <v>17</v>
      </c>
      <c r="AN32181">
        <v>17</v>
      </c>
      <c r="AO32181">
        <v>17</v>
      </c>
      <c r="AP32181">
        <v>17</v>
      </c>
      <c r="AQ32181">
        <v>18</v>
      </c>
    </row>
    <row r="32182" spans="1:43">
      <c r="A32182" t="s">
        <v>19931</v>
      </c>
      <c r="B32182" t="s">
        <v>19932</v>
      </c>
      <c r="C32182" t="s">
        <v>19927</v>
      </c>
      <c r="D32182" t="s">
        <v>19928</v>
      </c>
      <c r="E32182" t="s">
        <v>19921</v>
      </c>
      <c r="F32182" t="s">
        <v>19922</v>
      </c>
      <c r="G32182" t="s">
        <v>10734</v>
      </c>
      <c r="H32182" t="s">
        <v>10735</v>
      </c>
      <c r="I32182" s="2">
        <v>0</v>
      </c>
      <c r="J32182" s="2">
        <v>0</v>
      </c>
      <c r="K32182" s="2">
        <v>1</v>
      </c>
      <c r="L32182" t="s">
        <v>995</v>
      </c>
      <c r="M32182" t="s">
        <v>83</v>
      </c>
      <c r="N32182" t="s">
        <v>84</v>
      </c>
      <c r="O32182" t="s">
        <v>85</v>
      </c>
      <c r="P32182" t="s">
        <v>86</v>
      </c>
      <c r="Q32182">
        <v>23</v>
      </c>
      <c r="R32182">
        <v>23</v>
      </c>
      <c r="S32182">
        <v>24</v>
      </c>
      <c r="T32182">
        <v>24</v>
      </c>
      <c r="U32182">
        <v>24</v>
      </c>
      <c r="V32182">
        <v>25</v>
      </c>
      <c r="W32182">
        <v>25</v>
      </c>
      <c r="X32182">
        <v>25</v>
      </c>
      <c r="Y32182">
        <v>26</v>
      </c>
      <c r="Z32182">
        <v>26</v>
      </c>
      <c r="AA32182">
        <v>26</v>
      </c>
      <c r="AB32182">
        <v>27</v>
      </c>
      <c r="AC32182">
        <v>27</v>
      </c>
      <c r="AD32182">
        <v>27</v>
      </c>
      <c r="AE32182">
        <v>28</v>
      </c>
      <c r="AF32182">
        <v>28</v>
      </c>
      <c r="AG32182">
        <v>28</v>
      </c>
      <c r="AH32182">
        <v>28</v>
      </c>
      <c r="AI32182">
        <v>29</v>
      </c>
      <c r="AJ32182">
        <v>29</v>
      </c>
      <c r="AK32182">
        <v>29</v>
      </c>
      <c r="AL32182">
        <v>29</v>
      </c>
      <c r="AM32182">
        <v>29</v>
      </c>
      <c r="AN32182">
        <v>30</v>
      </c>
      <c r="AO32182">
        <v>30</v>
      </c>
      <c r="AP32182">
        <v>30</v>
      </c>
      <c r="AQ32182">
        <v>30</v>
      </c>
    </row>
    <row r="32183" spans="1:43">
      <c r="A32183" t="s">
        <v>19931</v>
      </c>
      <c r="B32183" t="s">
        <v>19932</v>
      </c>
      <c r="C32183" t="s">
        <v>19927</v>
      </c>
      <c r="D32183" t="s">
        <v>19928</v>
      </c>
      <c r="E32183" t="s">
        <v>19921</v>
      </c>
      <c r="F32183" t="s">
        <v>19922</v>
      </c>
      <c r="G32183" t="s">
        <v>10734</v>
      </c>
      <c r="H32183" t="s">
        <v>10735</v>
      </c>
      <c r="I32183" s="2">
        <v>0</v>
      </c>
      <c r="J32183" s="2">
        <v>0</v>
      </c>
      <c r="K32183" s="2">
        <v>1</v>
      </c>
      <c r="L32183" t="s">
        <v>995</v>
      </c>
      <c r="M32183" t="s">
        <v>87</v>
      </c>
      <c r="N32183" t="s">
        <v>88</v>
      </c>
      <c r="O32183" t="s">
        <v>85</v>
      </c>
      <c r="P32183" t="s">
        <v>86</v>
      </c>
      <c r="Q32183">
        <v>23</v>
      </c>
      <c r="R32183">
        <v>23</v>
      </c>
      <c r="S32183">
        <v>23</v>
      </c>
      <c r="T32183">
        <v>23</v>
      </c>
      <c r="U32183">
        <v>23</v>
      </c>
      <c r="V32183">
        <v>23</v>
      </c>
      <c r="W32183">
        <v>24</v>
      </c>
      <c r="X32183">
        <v>24</v>
      </c>
      <c r="Y32183">
        <v>24</v>
      </c>
      <c r="Z32183">
        <v>24</v>
      </c>
      <c r="AA32183">
        <v>24</v>
      </c>
      <c r="AB32183">
        <v>24</v>
      </c>
      <c r="AC32183">
        <v>24</v>
      </c>
      <c r="AD32183">
        <v>24</v>
      </c>
      <c r="AE32183">
        <v>24</v>
      </c>
      <c r="AF32183">
        <v>25</v>
      </c>
      <c r="AG32183">
        <v>25</v>
      </c>
      <c r="AH32183">
        <v>25</v>
      </c>
      <c r="AI32183">
        <v>25</v>
      </c>
      <c r="AJ32183">
        <v>25</v>
      </c>
      <c r="AK32183">
        <v>25</v>
      </c>
      <c r="AL32183">
        <v>25</v>
      </c>
      <c r="AM32183">
        <v>25</v>
      </c>
      <c r="AN32183">
        <v>25</v>
      </c>
      <c r="AO32183">
        <v>26</v>
      </c>
      <c r="AP32183">
        <v>26</v>
      </c>
      <c r="AQ32183">
        <v>26</v>
      </c>
    </row>
    <row r="32184" spans="1:43">
      <c r="A32184" t="s">
        <v>19931</v>
      </c>
      <c r="B32184" t="s">
        <v>19932</v>
      </c>
      <c r="C32184" t="s">
        <v>19927</v>
      </c>
      <c r="D32184" t="s">
        <v>19928</v>
      </c>
      <c r="E32184" t="s">
        <v>19921</v>
      </c>
      <c r="F32184" t="s">
        <v>19922</v>
      </c>
      <c r="G32184" t="s">
        <v>10734</v>
      </c>
      <c r="H32184" t="s">
        <v>10735</v>
      </c>
      <c r="I32184" s="2">
        <v>0</v>
      </c>
      <c r="J32184" s="2">
        <v>0</v>
      </c>
      <c r="K32184" s="2">
        <v>1</v>
      </c>
      <c r="L32184" t="s">
        <v>995</v>
      </c>
      <c r="M32184" t="s">
        <v>89</v>
      </c>
      <c r="N32184" t="s">
        <v>90</v>
      </c>
      <c r="O32184" t="s">
        <v>85</v>
      </c>
      <c r="P32184" t="s">
        <v>86</v>
      </c>
      <c r="Q32184">
        <v>23</v>
      </c>
      <c r="R32184">
        <v>24</v>
      </c>
      <c r="S32184">
        <v>24</v>
      </c>
      <c r="T32184">
        <v>25</v>
      </c>
      <c r="U32184">
        <v>25</v>
      </c>
      <c r="V32184">
        <v>26</v>
      </c>
      <c r="W32184">
        <v>26</v>
      </c>
      <c r="X32184">
        <v>27</v>
      </c>
      <c r="Y32184">
        <v>27</v>
      </c>
      <c r="Z32184">
        <v>28</v>
      </c>
      <c r="AA32184">
        <v>28</v>
      </c>
      <c r="AB32184">
        <v>28</v>
      </c>
      <c r="AC32184">
        <v>29</v>
      </c>
      <c r="AD32184">
        <v>29</v>
      </c>
      <c r="AE32184">
        <v>29</v>
      </c>
      <c r="AF32184">
        <v>30</v>
      </c>
      <c r="AG32184">
        <v>30</v>
      </c>
      <c r="AH32184">
        <v>30</v>
      </c>
      <c r="AI32184">
        <v>30</v>
      </c>
      <c r="AJ32184">
        <v>30</v>
      </c>
      <c r="AK32184">
        <v>30</v>
      </c>
      <c r="AL32184">
        <v>30</v>
      </c>
      <c r="AM32184">
        <v>30</v>
      </c>
      <c r="AN32184">
        <v>30</v>
      </c>
      <c r="AO32184">
        <v>30</v>
      </c>
      <c r="AP32184">
        <v>30</v>
      </c>
      <c r="AQ32184">
        <v>30</v>
      </c>
    </row>
    <row r="32185" spans="1:43">
      <c r="A32185" t="s">
        <v>19931</v>
      </c>
      <c r="B32185" t="s">
        <v>19932</v>
      </c>
      <c r="C32185" t="s">
        <v>19927</v>
      </c>
      <c r="D32185" t="s">
        <v>19928</v>
      </c>
      <c r="E32185" t="s">
        <v>19921</v>
      </c>
      <c r="F32185" t="s">
        <v>19922</v>
      </c>
      <c r="G32185" t="s">
        <v>10734</v>
      </c>
      <c r="H32185" t="s">
        <v>10735</v>
      </c>
      <c r="I32185" s="2">
        <v>0</v>
      </c>
      <c r="J32185" s="2">
        <v>0</v>
      </c>
      <c r="K32185" s="2">
        <v>1</v>
      </c>
      <c r="L32185" t="s">
        <v>995</v>
      </c>
      <c r="M32185" t="s">
        <v>83</v>
      </c>
      <c r="N32185" t="s">
        <v>91</v>
      </c>
      <c r="O32185" t="s">
        <v>85</v>
      </c>
      <c r="P32185" t="s">
        <v>86</v>
      </c>
      <c r="Q32185">
        <v>23</v>
      </c>
      <c r="R32185">
        <v>23</v>
      </c>
      <c r="S32185">
        <v>24</v>
      </c>
      <c r="T32185">
        <v>24</v>
      </c>
      <c r="U32185">
        <v>24</v>
      </c>
      <c r="V32185">
        <v>25</v>
      </c>
      <c r="W32185">
        <v>25</v>
      </c>
      <c r="X32185">
        <v>25</v>
      </c>
      <c r="Y32185">
        <v>26</v>
      </c>
      <c r="Z32185">
        <v>26</v>
      </c>
      <c r="AA32185">
        <v>26</v>
      </c>
      <c r="AB32185">
        <v>27</v>
      </c>
      <c r="AC32185">
        <v>27</v>
      </c>
      <c r="AD32185">
        <v>27</v>
      </c>
      <c r="AE32185">
        <v>28</v>
      </c>
      <c r="AF32185">
        <v>28</v>
      </c>
      <c r="AG32185">
        <v>28</v>
      </c>
      <c r="AH32185">
        <v>28</v>
      </c>
      <c r="AI32185">
        <v>29</v>
      </c>
      <c r="AJ32185">
        <v>29</v>
      </c>
      <c r="AK32185">
        <v>29</v>
      </c>
      <c r="AL32185">
        <v>29</v>
      </c>
      <c r="AM32185">
        <v>29</v>
      </c>
      <c r="AN32185">
        <v>30</v>
      </c>
      <c r="AO32185">
        <v>30</v>
      </c>
      <c r="AP32185">
        <v>30</v>
      </c>
      <c r="AQ32185">
        <v>30</v>
      </c>
    </row>
    <row r="32186" spans="1:43">
      <c r="A32186" t="s">
        <v>19933</v>
      </c>
      <c r="B32186" t="s">
        <v>19934</v>
      </c>
      <c r="C32186" t="s">
        <v>19927</v>
      </c>
      <c r="D32186" t="s">
        <v>19928</v>
      </c>
      <c r="E32186" t="s">
        <v>19921</v>
      </c>
      <c r="F32186" t="s">
        <v>19922</v>
      </c>
      <c r="G32186" t="s">
        <v>10734</v>
      </c>
      <c r="H32186" t="s">
        <v>10735</v>
      </c>
      <c r="I32186" s="2">
        <v>0</v>
      </c>
      <c r="J32186" s="2">
        <v>0</v>
      </c>
      <c r="K32186" s="2">
        <v>1</v>
      </c>
      <c r="L32186" t="s">
        <v>995</v>
      </c>
      <c r="M32186" t="s">
        <v>83</v>
      </c>
      <c r="N32186" t="s">
        <v>84</v>
      </c>
      <c r="O32186" t="s">
        <v>85</v>
      </c>
      <c r="P32186" t="s">
        <v>86</v>
      </c>
      <c r="Q32186">
        <v>8</v>
      </c>
      <c r="R32186">
        <v>8</v>
      </c>
      <c r="S32186">
        <v>8</v>
      </c>
      <c r="T32186">
        <v>9</v>
      </c>
      <c r="U32186">
        <v>9</v>
      </c>
      <c r="V32186">
        <v>9</v>
      </c>
      <c r="W32186">
        <v>9</v>
      </c>
      <c r="X32186">
        <v>9</v>
      </c>
      <c r="Y32186">
        <v>10</v>
      </c>
      <c r="Z32186">
        <v>10</v>
      </c>
      <c r="AA32186">
        <v>10</v>
      </c>
      <c r="AB32186">
        <v>10</v>
      </c>
      <c r="AC32186">
        <v>10</v>
      </c>
      <c r="AD32186">
        <v>11</v>
      </c>
      <c r="AE32186">
        <v>11</v>
      </c>
      <c r="AF32186">
        <v>11</v>
      </c>
      <c r="AG32186">
        <v>11</v>
      </c>
      <c r="AH32186">
        <v>11</v>
      </c>
      <c r="AI32186">
        <v>12</v>
      </c>
      <c r="AJ32186">
        <v>12</v>
      </c>
      <c r="AK32186">
        <v>12</v>
      </c>
      <c r="AL32186">
        <v>12</v>
      </c>
      <c r="AM32186">
        <v>12</v>
      </c>
      <c r="AN32186">
        <v>12</v>
      </c>
      <c r="AO32186">
        <v>12</v>
      </c>
      <c r="AP32186">
        <v>13</v>
      </c>
      <c r="AQ32186">
        <v>13</v>
      </c>
    </row>
    <row r="32187" spans="1:43">
      <c r="A32187" t="s">
        <v>19933</v>
      </c>
      <c r="B32187" t="s">
        <v>19934</v>
      </c>
      <c r="C32187" t="s">
        <v>19927</v>
      </c>
      <c r="D32187" t="s">
        <v>19928</v>
      </c>
      <c r="E32187" t="s">
        <v>19921</v>
      </c>
      <c r="F32187" t="s">
        <v>19922</v>
      </c>
      <c r="G32187" t="s">
        <v>10734</v>
      </c>
      <c r="H32187" t="s">
        <v>10735</v>
      </c>
      <c r="I32187" s="2">
        <v>0</v>
      </c>
      <c r="J32187" s="2">
        <v>0</v>
      </c>
      <c r="K32187" s="2">
        <v>1</v>
      </c>
      <c r="L32187" t="s">
        <v>995</v>
      </c>
      <c r="M32187" t="s">
        <v>87</v>
      </c>
      <c r="N32187" t="s">
        <v>88</v>
      </c>
      <c r="O32187" t="s">
        <v>85</v>
      </c>
      <c r="P32187" t="s">
        <v>86</v>
      </c>
      <c r="Q32187">
        <v>8</v>
      </c>
      <c r="R32187">
        <v>8</v>
      </c>
      <c r="S32187">
        <v>8</v>
      </c>
      <c r="T32187">
        <v>8</v>
      </c>
      <c r="U32187">
        <v>8</v>
      </c>
      <c r="V32187">
        <v>9</v>
      </c>
      <c r="W32187">
        <v>9</v>
      </c>
      <c r="X32187">
        <v>9</v>
      </c>
      <c r="Y32187">
        <v>9</v>
      </c>
      <c r="Z32187">
        <v>9</v>
      </c>
      <c r="AA32187">
        <v>9</v>
      </c>
      <c r="AB32187">
        <v>9</v>
      </c>
      <c r="AC32187">
        <v>9</v>
      </c>
      <c r="AD32187">
        <v>9</v>
      </c>
      <c r="AE32187">
        <v>10</v>
      </c>
      <c r="AF32187">
        <v>10</v>
      </c>
      <c r="AG32187">
        <v>10</v>
      </c>
      <c r="AH32187">
        <v>10</v>
      </c>
      <c r="AI32187">
        <v>10</v>
      </c>
      <c r="AJ32187">
        <v>10</v>
      </c>
      <c r="AK32187">
        <v>10</v>
      </c>
      <c r="AL32187">
        <v>10</v>
      </c>
      <c r="AM32187">
        <v>11</v>
      </c>
      <c r="AN32187">
        <v>11</v>
      </c>
      <c r="AO32187">
        <v>11</v>
      </c>
      <c r="AP32187">
        <v>11</v>
      </c>
      <c r="AQ32187">
        <v>11</v>
      </c>
    </row>
    <row r="32188" spans="1:43">
      <c r="A32188" t="s">
        <v>19933</v>
      </c>
      <c r="B32188" t="s">
        <v>19934</v>
      </c>
      <c r="C32188" t="s">
        <v>19927</v>
      </c>
      <c r="D32188" t="s">
        <v>19928</v>
      </c>
      <c r="E32188" t="s">
        <v>19921</v>
      </c>
      <c r="F32188" t="s">
        <v>19922</v>
      </c>
      <c r="G32188" t="s">
        <v>10734</v>
      </c>
      <c r="H32188" t="s">
        <v>10735</v>
      </c>
      <c r="I32188" s="2">
        <v>0</v>
      </c>
      <c r="J32188" s="2">
        <v>0</v>
      </c>
      <c r="K32188" s="2">
        <v>1</v>
      </c>
      <c r="L32188" t="s">
        <v>995</v>
      </c>
      <c r="M32188" t="s">
        <v>89</v>
      </c>
      <c r="N32188" t="s">
        <v>90</v>
      </c>
      <c r="O32188" t="s">
        <v>85</v>
      </c>
      <c r="P32188" t="s">
        <v>86</v>
      </c>
      <c r="Q32188">
        <v>8</v>
      </c>
      <c r="R32188">
        <v>8</v>
      </c>
      <c r="S32188">
        <v>9</v>
      </c>
      <c r="T32188">
        <v>9</v>
      </c>
      <c r="U32188">
        <v>9</v>
      </c>
      <c r="V32188">
        <v>9</v>
      </c>
      <c r="W32188">
        <v>10</v>
      </c>
      <c r="X32188">
        <v>10</v>
      </c>
      <c r="Y32188">
        <v>10</v>
      </c>
      <c r="Z32188">
        <v>10</v>
      </c>
      <c r="AA32188">
        <v>11</v>
      </c>
      <c r="AB32188">
        <v>11</v>
      </c>
      <c r="AC32188">
        <v>11</v>
      </c>
      <c r="AD32188">
        <v>11</v>
      </c>
      <c r="AE32188">
        <v>12</v>
      </c>
      <c r="AF32188">
        <v>12</v>
      </c>
      <c r="AG32188">
        <v>12</v>
      </c>
      <c r="AH32188">
        <v>12</v>
      </c>
      <c r="AI32188">
        <v>12</v>
      </c>
      <c r="AJ32188">
        <v>12</v>
      </c>
      <c r="AK32188">
        <v>12</v>
      </c>
      <c r="AL32188">
        <v>12</v>
      </c>
      <c r="AM32188">
        <v>12</v>
      </c>
      <c r="AN32188">
        <v>12</v>
      </c>
      <c r="AO32188">
        <v>13</v>
      </c>
      <c r="AP32188">
        <v>13</v>
      </c>
      <c r="AQ32188">
        <v>13</v>
      </c>
    </row>
    <row r="32189" spans="1:43">
      <c r="A32189" t="s">
        <v>19933</v>
      </c>
      <c r="B32189" t="s">
        <v>19934</v>
      </c>
      <c r="C32189" t="s">
        <v>19927</v>
      </c>
      <c r="D32189" t="s">
        <v>19928</v>
      </c>
      <c r="E32189" t="s">
        <v>19921</v>
      </c>
      <c r="F32189" t="s">
        <v>19922</v>
      </c>
      <c r="G32189" t="s">
        <v>10734</v>
      </c>
      <c r="H32189" t="s">
        <v>10735</v>
      </c>
      <c r="I32189" s="2">
        <v>0</v>
      </c>
      <c r="J32189" s="2">
        <v>0</v>
      </c>
      <c r="K32189" s="2">
        <v>1</v>
      </c>
      <c r="L32189" t="s">
        <v>995</v>
      </c>
      <c r="M32189" t="s">
        <v>83</v>
      </c>
      <c r="N32189" t="s">
        <v>91</v>
      </c>
      <c r="O32189" t="s">
        <v>85</v>
      </c>
      <c r="P32189" t="s">
        <v>86</v>
      </c>
      <c r="Q32189">
        <v>8</v>
      </c>
      <c r="R32189">
        <v>8</v>
      </c>
      <c r="S32189">
        <v>8</v>
      </c>
      <c r="T32189">
        <v>9</v>
      </c>
      <c r="U32189">
        <v>9</v>
      </c>
      <c r="V32189">
        <v>9</v>
      </c>
      <c r="W32189">
        <v>9</v>
      </c>
      <c r="X32189">
        <v>9</v>
      </c>
      <c r="Y32189">
        <v>10</v>
      </c>
      <c r="Z32189">
        <v>10</v>
      </c>
      <c r="AA32189">
        <v>10</v>
      </c>
      <c r="AB32189">
        <v>10</v>
      </c>
      <c r="AC32189">
        <v>10</v>
      </c>
      <c r="AD32189">
        <v>11</v>
      </c>
      <c r="AE32189">
        <v>11</v>
      </c>
      <c r="AF32189">
        <v>11</v>
      </c>
      <c r="AG32189">
        <v>11</v>
      </c>
      <c r="AH32189">
        <v>11</v>
      </c>
      <c r="AI32189">
        <v>12</v>
      </c>
      <c r="AJ32189">
        <v>12</v>
      </c>
      <c r="AK32189">
        <v>12</v>
      </c>
      <c r="AL32189">
        <v>12</v>
      </c>
      <c r="AM32189">
        <v>12</v>
      </c>
      <c r="AN32189">
        <v>12</v>
      </c>
      <c r="AO32189">
        <v>12</v>
      </c>
      <c r="AP32189">
        <v>13</v>
      </c>
      <c r="AQ32189">
        <v>13</v>
      </c>
    </row>
    <row r="32190" spans="1:43">
      <c r="A32190" t="s">
        <v>19935</v>
      </c>
      <c r="B32190" t="s">
        <v>19936</v>
      </c>
      <c r="C32190" t="s">
        <v>19937</v>
      </c>
      <c r="D32190" t="s">
        <v>19938</v>
      </c>
      <c r="E32190" t="s">
        <v>19921</v>
      </c>
      <c r="F32190" t="s">
        <v>19922</v>
      </c>
      <c r="G32190" t="s">
        <v>10734</v>
      </c>
      <c r="H32190" t="s">
        <v>10735</v>
      </c>
      <c r="I32190" s="2">
        <v>0</v>
      </c>
      <c r="J32190" s="2">
        <v>0</v>
      </c>
      <c r="K32190" s="2">
        <v>1</v>
      </c>
      <c r="L32190" t="s">
        <v>995</v>
      </c>
      <c r="M32190" t="s">
        <v>83</v>
      </c>
      <c r="N32190" t="s">
        <v>84</v>
      </c>
      <c r="O32190" t="s">
        <v>85</v>
      </c>
      <c r="P32190" t="s">
        <v>86</v>
      </c>
      <c r="Q32190">
        <v>39</v>
      </c>
      <c r="R32190">
        <v>40</v>
      </c>
      <c r="S32190">
        <v>41</v>
      </c>
      <c r="T32190">
        <v>42</v>
      </c>
      <c r="U32190">
        <v>43</v>
      </c>
      <c r="V32190">
        <v>44</v>
      </c>
      <c r="W32190">
        <v>45</v>
      </c>
      <c r="X32190">
        <v>46</v>
      </c>
      <c r="Y32190">
        <v>47</v>
      </c>
      <c r="Z32190">
        <v>48</v>
      </c>
      <c r="AA32190">
        <v>49</v>
      </c>
      <c r="AB32190">
        <v>50</v>
      </c>
      <c r="AC32190">
        <v>51</v>
      </c>
      <c r="AD32190">
        <v>52</v>
      </c>
      <c r="AE32190">
        <v>53</v>
      </c>
      <c r="AF32190">
        <v>54</v>
      </c>
      <c r="AG32190">
        <v>55</v>
      </c>
      <c r="AH32190">
        <v>56</v>
      </c>
      <c r="AI32190">
        <v>56</v>
      </c>
      <c r="AJ32190">
        <v>57</v>
      </c>
      <c r="AK32190">
        <v>58</v>
      </c>
      <c r="AL32190">
        <v>59</v>
      </c>
      <c r="AM32190">
        <v>60</v>
      </c>
      <c r="AN32190">
        <v>60</v>
      </c>
      <c r="AO32190">
        <v>60</v>
      </c>
      <c r="AP32190">
        <v>61</v>
      </c>
      <c r="AQ32190">
        <v>61</v>
      </c>
    </row>
    <row r="32191" spans="1:43">
      <c r="A32191" t="s">
        <v>19935</v>
      </c>
      <c r="B32191" t="s">
        <v>19936</v>
      </c>
      <c r="C32191" t="s">
        <v>19937</v>
      </c>
      <c r="D32191" t="s">
        <v>19938</v>
      </c>
      <c r="E32191" t="s">
        <v>19921</v>
      </c>
      <c r="F32191" t="s">
        <v>19922</v>
      </c>
      <c r="G32191" t="s">
        <v>10734</v>
      </c>
      <c r="H32191" t="s">
        <v>10735</v>
      </c>
      <c r="I32191" s="2">
        <v>0</v>
      </c>
      <c r="J32191" s="2">
        <v>0</v>
      </c>
      <c r="K32191" s="2">
        <v>1</v>
      </c>
      <c r="L32191" t="s">
        <v>995</v>
      </c>
      <c r="M32191" t="s">
        <v>87</v>
      </c>
      <c r="N32191" t="s">
        <v>88</v>
      </c>
      <c r="O32191" t="s">
        <v>85</v>
      </c>
      <c r="P32191" t="s">
        <v>86</v>
      </c>
      <c r="Q32191">
        <v>39</v>
      </c>
      <c r="R32191">
        <v>39</v>
      </c>
      <c r="S32191">
        <v>40</v>
      </c>
      <c r="T32191">
        <v>41</v>
      </c>
      <c r="U32191">
        <v>41</v>
      </c>
      <c r="V32191">
        <v>42</v>
      </c>
      <c r="W32191">
        <v>42</v>
      </c>
      <c r="X32191">
        <v>43</v>
      </c>
      <c r="Y32191">
        <v>43</v>
      </c>
      <c r="Z32191">
        <v>44</v>
      </c>
      <c r="AA32191">
        <v>44</v>
      </c>
      <c r="AB32191">
        <v>45</v>
      </c>
      <c r="AC32191">
        <v>45</v>
      </c>
      <c r="AD32191">
        <v>46</v>
      </c>
      <c r="AE32191">
        <v>47</v>
      </c>
      <c r="AF32191">
        <v>47</v>
      </c>
      <c r="AG32191">
        <v>48</v>
      </c>
      <c r="AH32191">
        <v>48</v>
      </c>
      <c r="AI32191">
        <v>49</v>
      </c>
      <c r="AJ32191">
        <v>49</v>
      </c>
      <c r="AK32191">
        <v>50</v>
      </c>
      <c r="AL32191">
        <v>50</v>
      </c>
      <c r="AM32191">
        <v>51</v>
      </c>
      <c r="AN32191">
        <v>51</v>
      </c>
      <c r="AO32191">
        <v>52</v>
      </c>
      <c r="AP32191">
        <v>53</v>
      </c>
      <c r="AQ32191">
        <v>53</v>
      </c>
    </row>
    <row r="32192" spans="1:43">
      <c r="A32192" t="s">
        <v>19935</v>
      </c>
      <c r="B32192" t="s">
        <v>19936</v>
      </c>
      <c r="C32192" t="s">
        <v>19937</v>
      </c>
      <c r="D32192" t="s">
        <v>19938</v>
      </c>
      <c r="E32192" t="s">
        <v>19921</v>
      </c>
      <c r="F32192" t="s">
        <v>19922</v>
      </c>
      <c r="G32192" t="s">
        <v>10734</v>
      </c>
      <c r="H32192" t="s">
        <v>10735</v>
      </c>
      <c r="I32192" s="2">
        <v>0</v>
      </c>
      <c r="J32192" s="2">
        <v>0</v>
      </c>
      <c r="K32192" s="2">
        <v>1</v>
      </c>
      <c r="L32192" t="s">
        <v>995</v>
      </c>
      <c r="M32192" t="s">
        <v>89</v>
      </c>
      <c r="N32192" t="s">
        <v>90</v>
      </c>
      <c r="O32192" t="s">
        <v>85</v>
      </c>
      <c r="P32192" t="s">
        <v>86</v>
      </c>
      <c r="Q32192">
        <v>39</v>
      </c>
      <c r="R32192">
        <v>40</v>
      </c>
      <c r="S32192">
        <v>41</v>
      </c>
      <c r="T32192">
        <v>42</v>
      </c>
      <c r="U32192">
        <v>44</v>
      </c>
      <c r="V32192">
        <v>45</v>
      </c>
      <c r="W32192">
        <v>46</v>
      </c>
      <c r="X32192">
        <v>47</v>
      </c>
      <c r="Y32192">
        <v>49</v>
      </c>
      <c r="Z32192">
        <v>50</v>
      </c>
      <c r="AA32192">
        <v>51</v>
      </c>
      <c r="AB32192">
        <v>52</v>
      </c>
      <c r="AC32192">
        <v>53</v>
      </c>
      <c r="AD32192">
        <v>54</v>
      </c>
      <c r="AE32192">
        <v>55</v>
      </c>
      <c r="AF32192">
        <v>56</v>
      </c>
      <c r="AG32192">
        <v>56</v>
      </c>
      <c r="AH32192">
        <v>57</v>
      </c>
      <c r="AI32192">
        <v>57</v>
      </c>
      <c r="AJ32192">
        <v>58</v>
      </c>
      <c r="AK32192">
        <v>58</v>
      </c>
      <c r="AL32192">
        <v>59</v>
      </c>
      <c r="AM32192">
        <v>59</v>
      </c>
      <c r="AN32192">
        <v>59</v>
      </c>
      <c r="AO32192">
        <v>60</v>
      </c>
      <c r="AP32192">
        <v>60</v>
      </c>
      <c r="AQ32192">
        <v>61</v>
      </c>
    </row>
    <row r="32193" spans="1:43">
      <c r="A32193" t="s">
        <v>19935</v>
      </c>
      <c r="B32193" t="s">
        <v>19936</v>
      </c>
      <c r="C32193" t="s">
        <v>19937</v>
      </c>
      <c r="D32193" t="s">
        <v>19938</v>
      </c>
      <c r="E32193" t="s">
        <v>19921</v>
      </c>
      <c r="F32193" t="s">
        <v>19922</v>
      </c>
      <c r="G32193" t="s">
        <v>10734</v>
      </c>
      <c r="H32193" t="s">
        <v>10735</v>
      </c>
      <c r="I32193" s="2">
        <v>0</v>
      </c>
      <c r="J32193" s="2">
        <v>0</v>
      </c>
      <c r="K32193" s="2">
        <v>1</v>
      </c>
      <c r="L32193" t="s">
        <v>995</v>
      </c>
      <c r="M32193" t="s">
        <v>83</v>
      </c>
      <c r="N32193" t="s">
        <v>91</v>
      </c>
      <c r="O32193" t="s">
        <v>85</v>
      </c>
      <c r="P32193" t="s">
        <v>86</v>
      </c>
      <c r="Q32193">
        <v>39</v>
      </c>
      <c r="R32193">
        <v>40</v>
      </c>
      <c r="S32193">
        <v>41</v>
      </c>
      <c r="T32193">
        <v>42</v>
      </c>
      <c r="U32193">
        <v>43</v>
      </c>
      <c r="V32193">
        <v>44</v>
      </c>
      <c r="W32193">
        <v>45</v>
      </c>
      <c r="X32193">
        <v>46</v>
      </c>
      <c r="Y32193">
        <v>47</v>
      </c>
      <c r="Z32193">
        <v>48</v>
      </c>
      <c r="AA32193">
        <v>49</v>
      </c>
      <c r="AB32193">
        <v>50</v>
      </c>
      <c r="AC32193">
        <v>51</v>
      </c>
      <c r="AD32193">
        <v>52</v>
      </c>
      <c r="AE32193">
        <v>53</v>
      </c>
      <c r="AF32193">
        <v>54</v>
      </c>
      <c r="AG32193">
        <v>55</v>
      </c>
      <c r="AH32193">
        <v>56</v>
      </c>
      <c r="AI32193">
        <v>56</v>
      </c>
      <c r="AJ32193">
        <v>57</v>
      </c>
      <c r="AK32193">
        <v>58</v>
      </c>
      <c r="AL32193">
        <v>59</v>
      </c>
      <c r="AM32193">
        <v>60</v>
      </c>
      <c r="AN32193">
        <v>60</v>
      </c>
      <c r="AO32193">
        <v>60</v>
      </c>
      <c r="AP32193">
        <v>61</v>
      </c>
      <c r="AQ32193">
        <v>61</v>
      </c>
    </row>
    <row r="32194" spans="1:43">
      <c r="A32194" t="s">
        <v>19939</v>
      </c>
      <c r="B32194" t="s">
        <v>19940</v>
      </c>
      <c r="C32194" t="s">
        <v>19937</v>
      </c>
      <c r="D32194" t="s">
        <v>19938</v>
      </c>
      <c r="E32194" t="s">
        <v>19921</v>
      </c>
      <c r="F32194" t="s">
        <v>19922</v>
      </c>
      <c r="G32194" t="s">
        <v>10734</v>
      </c>
      <c r="H32194" t="s">
        <v>10735</v>
      </c>
      <c r="I32194" s="2">
        <v>0</v>
      </c>
      <c r="J32194" s="2">
        <v>0</v>
      </c>
      <c r="K32194" s="2">
        <v>1</v>
      </c>
      <c r="L32194" t="s">
        <v>995</v>
      </c>
      <c r="M32194" t="s">
        <v>83</v>
      </c>
      <c r="N32194" t="s">
        <v>84</v>
      </c>
      <c r="O32194" t="s">
        <v>85</v>
      </c>
      <c r="P32194" t="s">
        <v>86</v>
      </c>
      <c r="Q32194">
        <v>43</v>
      </c>
      <c r="R32194">
        <v>44</v>
      </c>
      <c r="S32194">
        <v>45</v>
      </c>
      <c r="T32194">
        <v>46</v>
      </c>
      <c r="U32194">
        <v>47</v>
      </c>
      <c r="V32194">
        <v>48</v>
      </c>
      <c r="W32194">
        <v>49</v>
      </c>
      <c r="X32194">
        <v>50</v>
      </c>
      <c r="Y32194">
        <v>51</v>
      </c>
      <c r="Z32194">
        <v>52</v>
      </c>
      <c r="AA32194">
        <v>53</v>
      </c>
      <c r="AB32194">
        <v>54</v>
      </c>
      <c r="AC32194">
        <v>55</v>
      </c>
      <c r="AD32194">
        <v>56</v>
      </c>
      <c r="AE32194">
        <v>57</v>
      </c>
      <c r="AF32194">
        <v>58</v>
      </c>
      <c r="AG32194">
        <v>59</v>
      </c>
      <c r="AH32194">
        <v>60</v>
      </c>
      <c r="AI32194">
        <v>61</v>
      </c>
      <c r="AJ32194">
        <v>62</v>
      </c>
      <c r="AK32194">
        <v>64</v>
      </c>
      <c r="AL32194">
        <v>64</v>
      </c>
      <c r="AM32194">
        <v>65</v>
      </c>
      <c r="AN32194">
        <v>65</v>
      </c>
      <c r="AO32194">
        <v>66</v>
      </c>
      <c r="AP32194">
        <v>66</v>
      </c>
      <c r="AQ32194">
        <v>67</v>
      </c>
    </row>
    <row r="32195" spans="1:43">
      <c r="A32195" t="s">
        <v>19939</v>
      </c>
      <c r="B32195" t="s">
        <v>19940</v>
      </c>
      <c r="C32195" t="s">
        <v>19937</v>
      </c>
      <c r="D32195" t="s">
        <v>19938</v>
      </c>
      <c r="E32195" t="s">
        <v>19921</v>
      </c>
      <c r="F32195" t="s">
        <v>19922</v>
      </c>
      <c r="G32195" t="s">
        <v>10734</v>
      </c>
      <c r="H32195" t="s">
        <v>10735</v>
      </c>
      <c r="I32195" s="2">
        <v>0</v>
      </c>
      <c r="J32195" s="2">
        <v>0</v>
      </c>
      <c r="K32195" s="2">
        <v>1</v>
      </c>
      <c r="L32195" t="s">
        <v>995</v>
      </c>
      <c r="M32195" t="s">
        <v>87</v>
      </c>
      <c r="N32195" t="s">
        <v>88</v>
      </c>
      <c r="O32195" t="s">
        <v>85</v>
      </c>
      <c r="P32195" t="s">
        <v>86</v>
      </c>
      <c r="Q32195">
        <v>43</v>
      </c>
      <c r="R32195">
        <v>44</v>
      </c>
      <c r="S32195">
        <v>44</v>
      </c>
      <c r="T32195">
        <v>45</v>
      </c>
      <c r="U32195">
        <v>46</v>
      </c>
      <c r="V32195">
        <v>46</v>
      </c>
      <c r="W32195">
        <v>47</v>
      </c>
      <c r="X32195">
        <v>47</v>
      </c>
      <c r="Y32195">
        <v>48</v>
      </c>
      <c r="Z32195">
        <v>49</v>
      </c>
      <c r="AA32195">
        <v>49</v>
      </c>
      <c r="AB32195">
        <v>50</v>
      </c>
      <c r="AC32195">
        <v>50</v>
      </c>
      <c r="AD32195">
        <v>51</v>
      </c>
      <c r="AE32195">
        <v>52</v>
      </c>
      <c r="AF32195">
        <v>52</v>
      </c>
      <c r="AG32195">
        <v>53</v>
      </c>
      <c r="AH32195">
        <v>53</v>
      </c>
      <c r="AI32195">
        <v>54</v>
      </c>
      <c r="AJ32195">
        <v>55</v>
      </c>
      <c r="AK32195">
        <v>55</v>
      </c>
      <c r="AL32195">
        <v>56</v>
      </c>
      <c r="AM32195">
        <v>56</v>
      </c>
      <c r="AN32195">
        <v>57</v>
      </c>
      <c r="AO32195">
        <v>58</v>
      </c>
      <c r="AP32195">
        <v>58</v>
      </c>
      <c r="AQ32195">
        <v>59</v>
      </c>
    </row>
    <row r="32196" spans="1:43">
      <c r="A32196" t="s">
        <v>19939</v>
      </c>
      <c r="B32196" t="s">
        <v>19940</v>
      </c>
      <c r="C32196" t="s">
        <v>19937</v>
      </c>
      <c r="D32196" t="s">
        <v>19938</v>
      </c>
      <c r="E32196" t="s">
        <v>19921</v>
      </c>
      <c r="F32196" t="s">
        <v>19922</v>
      </c>
      <c r="G32196" t="s">
        <v>10734</v>
      </c>
      <c r="H32196" t="s">
        <v>10735</v>
      </c>
      <c r="I32196" s="2">
        <v>0</v>
      </c>
      <c r="J32196" s="2">
        <v>0</v>
      </c>
      <c r="K32196" s="2">
        <v>1</v>
      </c>
      <c r="L32196" t="s">
        <v>995</v>
      </c>
      <c r="M32196" t="s">
        <v>89</v>
      </c>
      <c r="N32196" t="s">
        <v>90</v>
      </c>
      <c r="O32196" t="s">
        <v>85</v>
      </c>
      <c r="P32196" t="s">
        <v>86</v>
      </c>
      <c r="Q32196">
        <v>43</v>
      </c>
      <c r="R32196">
        <v>44</v>
      </c>
      <c r="S32196">
        <v>46</v>
      </c>
      <c r="T32196">
        <v>47</v>
      </c>
      <c r="U32196">
        <v>49</v>
      </c>
      <c r="V32196">
        <v>50</v>
      </c>
      <c r="W32196">
        <v>51</v>
      </c>
      <c r="X32196">
        <v>53</v>
      </c>
      <c r="Y32196">
        <v>54</v>
      </c>
      <c r="Z32196">
        <v>55</v>
      </c>
      <c r="AA32196">
        <v>56</v>
      </c>
      <c r="AB32196">
        <v>58</v>
      </c>
      <c r="AC32196">
        <v>59</v>
      </c>
      <c r="AD32196">
        <v>60</v>
      </c>
      <c r="AE32196">
        <v>61</v>
      </c>
      <c r="AF32196">
        <v>62</v>
      </c>
      <c r="AG32196">
        <v>62</v>
      </c>
      <c r="AH32196">
        <v>63</v>
      </c>
      <c r="AI32196">
        <v>63</v>
      </c>
      <c r="AJ32196">
        <v>64</v>
      </c>
      <c r="AK32196">
        <v>64</v>
      </c>
      <c r="AL32196">
        <v>65</v>
      </c>
      <c r="AM32196">
        <v>65</v>
      </c>
      <c r="AN32196">
        <v>66</v>
      </c>
      <c r="AO32196">
        <v>66</v>
      </c>
      <c r="AP32196">
        <v>67</v>
      </c>
      <c r="AQ32196">
        <v>67</v>
      </c>
    </row>
    <row r="32197" spans="1:43">
      <c r="A32197" t="s">
        <v>19939</v>
      </c>
      <c r="B32197" t="s">
        <v>19940</v>
      </c>
      <c r="C32197" t="s">
        <v>19937</v>
      </c>
      <c r="D32197" t="s">
        <v>19938</v>
      </c>
      <c r="E32197" t="s">
        <v>19921</v>
      </c>
      <c r="F32197" t="s">
        <v>19922</v>
      </c>
      <c r="G32197" t="s">
        <v>10734</v>
      </c>
      <c r="H32197" t="s">
        <v>10735</v>
      </c>
      <c r="I32197" s="2">
        <v>0</v>
      </c>
      <c r="J32197" s="2">
        <v>0</v>
      </c>
      <c r="K32197" s="2">
        <v>1</v>
      </c>
      <c r="L32197" t="s">
        <v>995</v>
      </c>
      <c r="M32197" t="s">
        <v>83</v>
      </c>
      <c r="N32197" t="s">
        <v>91</v>
      </c>
      <c r="O32197" t="s">
        <v>85</v>
      </c>
      <c r="P32197" t="s">
        <v>86</v>
      </c>
      <c r="Q32197">
        <v>43</v>
      </c>
      <c r="R32197">
        <v>44</v>
      </c>
      <c r="S32197">
        <v>45</v>
      </c>
      <c r="T32197">
        <v>46</v>
      </c>
      <c r="U32197">
        <v>47</v>
      </c>
      <c r="V32197">
        <v>48</v>
      </c>
      <c r="W32197">
        <v>49</v>
      </c>
      <c r="X32197">
        <v>50</v>
      </c>
      <c r="Y32197">
        <v>51</v>
      </c>
      <c r="Z32197">
        <v>52</v>
      </c>
      <c r="AA32197">
        <v>53</v>
      </c>
      <c r="AB32197">
        <v>54</v>
      </c>
      <c r="AC32197">
        <v>55</v>
      </c>
      <c r="AD32197">
        <v>56</v>
      </c>
      <c r="AE32197">
        <v>57</v>
      </c>
      <c r="AF32197">
        <v>58</v>
      </c>
      <c r="AG32197">
        <v>59</v>
      </c>
      <c r="AH32197">
        <v>60</v>
      </c>
      <c r="AI32197">
        <v>61</v>
      </c>
      <c r="AJ32197">
        <v>62</v>
      </c>
      <c r="AK32197">
        <v>64</v>
      </c>
      <c r="AL32197">
        <v>64</v>
      </c>
      <c r="AM32197">
        <v>65</v>
      </c>
      <c r="AN32197">
        <v>65</v>
      </c>
      <c r="AO32197">
        <v>66</v>
      </c>
      <c r="AP32197">
        <v>66</v>
      </c>
      <c r="AQ32197">
        <v>67</v>
      </c>
    </row>
    <row r="32198" spans="1:43">
      <c r="A32198" t="s">
        <v>19941</v>
      </c>
      <c r="B32198" t="s">
        <v>19942</v>
      </c>
      <c r="C32198" t="s">
        <v>19937</v>
      </c>
      <c r="D32198" t="s">
        <v>19938</v>
      </c>
      <c r="E32198" t="s">
        <v>19921</v>
      </c>
      <c r="F32198" t="s">
        <v>19922</v>
      </c>
      <c r="G32198" t="s">
        <v>10734</v>
      </c>
      <c r="H32198" t="s">
        <v>10735</v>
      </c>
      <c r="I32198" s="2">
        <v>0</v>
      </c>
      <c r="J32198" s="2">
        <v>0</v>
      </c>
      <c r="K32198" s="2">
        <v>1</v>
      </c>
      <c r="L32198" t="s">
        <v>995</v>
      </c>
      <c r="M32198" t="s">
        <v>83</v>
      </c>
      <c r="N32198" t="s">
        <v>84</v>
      </c>
      <c r="O32198" t="s">
        <v>85</v>
      </c>
      <c r="P32198" t="s">
        <v>86</v>
      </c>
      <c r="Q32198">
        <v>45</v>
      </c>
      <c r="R32198">
        <v>46</v>
      </c>
      <c r="S32198">
        <v>47</v>
      </c>
      <c r="T32198">
        <v>48</v>
      </c>
      <c r="U32198">
        <v>49</v>
      </c>
      <c r="V32198">
        <v>50</v>
      </c>
      <c r="W32198">
        <v>51</v>
      </c>
      <c r="X32198">
        <v>52</v>
      </c>
      <c r="Y32198">
        <v>53</v>
      </c>
      <c r="Z32198">
        <v>54</v>
      </c>
      <c r="AA32198">
        <v>55</v>
      </c>
      <c r="AB32198">
        <v>56</v>
      </c>
      <c r="AC32198">
        <v>58</v>
      </c>
      <c r="AD32198">
        <v>59</v>
      </c>
      <c r="AE32198">
        <v>60</v>
      </c>
      <c r="AF32198">
        <v>61</v>
      </c>
      <c r="AG32198">
        <v>62</v>
      </c>
      <c r="AH32198">
        <v>63</v>
      </c>
      <c r="AI32198">
        <v>64</v>
      </c>
      <c r="AJ32198">
        <v>65</v>
      </c>
      <c r="AK32198">
        <v>66</v>
      </c>
      <c r="AL32198">
        <v>67</v>
      </c>
      <c r="AM32198">
        <v>68</v>
      </c>
      <c r="AN32198">
        <v>68</v>
      </c>
      <c r="AO32198">
        <v>69</v>
      </c>
      <c r="AP32198">
        <v>69</v>
      </c>
      <c r="AQ32198">
        <v>70</v>
      </c>
    </row>
    <row r="32199" spans="1:43">
      <c r="A32199" t="s">
        <v>19941</v>
      </c>
      <c r="B32199" t="s">
        <v>19942</v>
      </c>
      <c r="C32199" t="s">
        <v>19937</v>
      </c>
      <c r="D32199" t="s">
        <v>19938</v>
      </c>
      <c r="E32199" t="s">
        <v>19921</v>
      </c>
      <c r="F32199" t="s">
        <v>19922</v>
      </c>
      <c r="G32199" t="s">
        <v>10734</v>
      </c>
      <c r="H32199" t="s">
        <v>10735</v>
      </c>
      <c r="I32199" s="2">
        <v>0</v>
      </c>
      <c r="J32199" s="2">
        <v>0</v>
      </c>
      <c r="K32199" s="2">
        <v>1</v>
      </c>
      <c r="L32199" t="s">
        <v>995</v>
      </c>
      <c r="M32199" t="s">
        <v>87</v>
      </c>
      <c r="N32199" t="s">
        <v>88</v>
      </c>
      <c r="O32199" t="s">
        <v>85</v>
      </c>
      <c r="P32199" t="s">
        <v>86</v>
      </c>
      <c r="Q32199">
        <v>45</v>
      </c>
      <c r="R32199">
        <v>46</v>
      </c>
      <c r="S32199">
        <v>46</v>
      </c>
      <c r="T32199">
        <v>47</v>
      </c>
      <c r="U32199">
        <v>48</v>
      </c>
      <c r="V32199">
        <v>48</v>
      </c>
      <c r="W32199">
        <v>49</v>
      </c>
      <c r="X32199">
        <v>50</v>
      </c>
      <c r="Y32199">
        <v>50</v>
      </c>
      <c r="Z32199">
        <v>51</v>
      </c>
      <c r="AA32199">
        <v>51</v>
      </c>
      <c r="AB32199">
        <v>52</v>
      </c>
      <c r="AC32199">
        <v>53</v>
      </c>
      <c r="AD32199">
        <v>53</v>
      </c>
      <c r="AE32199">
        <v>54</v>
      </c>
      <c r="AF32199">
        <v>55</v>
      </c>
      <c r="AG32199">
        <v>55</v>
      </c>
      <c r="AH32199">
        <v>56</v>
      </c>
      <c r="AI32199">
        <v>56</v>
      </c>
      <c r="AJ32199">
        <v>57</v>
      </c>
      <c r="AK32199">
        <v>58</v>
      </c>
      <c r="AL32199">
        <v>58</v>
      </c>
      <c r="AM32199">
        <v>59</v>
      </c>
      <c r="AN32199">
        <v>60</v>
      </c>
      <c r="AO32199">
        <v>60</v>
      </c>
      <c r="AP32199">
        <v>61</v>
      </c>
      <c r="AQ32199">
        <v>62</v>
      </c>
    </row>
    <row r="32200" spans="1:43">
      <c r="A32200" t="s">
        <v>19941</v>
      </c>
      <c r="B32200" t="s">
        <v>19942</v>
      </c>
      <c r="C32200" t="s">
        <v>19937</v>
      </c>
      <c r="D32200" t="s">
        <v>19938</v>
      </c>
      <c r="E32200" t="s">
        <v>19921</v>
      </c>
      <c r="F32200" t="s">
        <v>19922</v>
      </c>
      <c r="G32200" t="s">
        <v>10734</v>
      </c>
      <c r="H32200" t="s">
        <v>10735</v>
      </c>
      <c r="I32200" s="2">
        <v>0</v>
      </c>
      <c r="J32200" s="2">
        <v>0</v>
      </c>
      <c r="K32200" s="2">
        <v>1</v>
      </c>
      <c r="L32200" t="s">
        <v>995</v>
      </c>
      <c r="M32200" t="s">
        <v>89</v>
      </c>
      <c r="N32200" t="s">
        <v>90</v>
      </c>
      <c r="O32200" t="s">
        <v>85</v>
      </c>
      <c r="P32200" t="s">
        <v>86</v>
      </c>
      <c r="Q32200">
        <v>45</v>
      </c>
      <c r="R32200">
        <v>46</v>
      </c>
      <c r="S32200">
        <v>48</v>
      </c>
      <c r="T32200">
        <v>49</v>
      </c>
      <c r="U32200">
        <v>51</v>
      </c>
      <c r="V32200">
        <v>52</v>
      </c>
      <c r="W32200">
        <v>54</v>
      </c>
      <c r="X32200">
        <v>55</v>
      </c>
      <c r="Y32200">
        <v>56</v>
      </c>
      <c r="Z32200">
        <v>58</v>
      </c>
      <c r="AA32200">
        <v>59</v>
      </c>
      <c r="AB32200">
        <v>60</v>
      </c>
      <c r="AC32200">
        <v>62</v>
      </c>
      <c r="AD32200">
        <v>63</v>
      </c>
      <c r="AE32200">
        <v>64</v>
      </c>
      <c r="AF32200">
        <v>65</v>
      </c>
      <c r="AG32200">
        <v>65</v>
      </c>
      <c r="AH32200">
        <v>66</v>
      </c>
      <c r="AI32200">
        <v>66</v>
      </c>
      <c r="AJ32200">
        <v>67</v>
      </c>
      <c r="AK32200">
        <v>67</v>
      </c>
      <c r="AL32200">
        <v>68</v>
      </c>
      <c r="AM32200">
        <v>68</v>
      </c>
      <c r="AN32200">
        <v>69</v>
      </c>
      <c r="AO32200">
        <v>69</v>
      </c>
      <c r="AP32200">
        <v>70</v>
      </c>
      <c r="AQ32200">
        <v>70</v>
      </c>
    </row>
    <row r="32201" spans="1:43">
      <c r="A32201" t="s">
        <v>19941</v>
      </c>
      <c r="B32201" t="s">
        <v>19942</v>
      </c>
      <c r="C32201" t="s">
        <v>19937</v>
      </c>
      <c r="D32201" t="s">
        <v>19938</v>
      </c>
      <c r="E32201" t="s">
        <v>19921</v>
      </c>
      <c r="F32201" t="s">
        <v>19922</v>
      </c>
      <c r="G32201" t="s">
        <v>10734</v>
      </c>
      <c r="H32201" t="s">
        <v>10735</v>
      </c>
      <c r="I32201" s="2">
        <v>0</v>
      </c>
      <c r="J32201" s="2">
        <v>0</v>
      </c>
      <c r="K32201" s="2">
        <v>1</v>
      </c>
      <c r="L32201" t="s">
        <v>995</v>
      </c>
      <c r="M32201" t="s">
        <v>83</v>
      </c>
      <c r="N32201" t="s">
        <v>91</v>
      </c>
      <c r="O32201" t="s">
        <v>85</v>
      </c>
      <c r="P32201" t="s">
        <v>86</v>
      </c>
      <c r="Q32201">
        <v>45</v>
      </c>
      <c r="R32201">
        <v>46</v>
      </c>
      <c r="S32201">
        <v>47</v>
      </c>
      <c r="T32201">
        <v>48</v>
      </c>
      <c r="U32201">
        <v>49</v>
      </c>
      <c r="V32201">
        <v>50</v>
      </c>
      <c r="W32201">
        <v>51</v>
      </c>
      <c r="X32201">
        <v>52</v>
      </c>
      <c r="Y32201">
        <v>53</v>
      </c>
      <c r="Z32201">
        <v>54</v>
      </c>
      <c r="AA32201">
        <v>55</v>
      </c>
      <c r="AB32201">
        <v>56</v>
      </c>
      <c r="AC32201">
        <v>58</v>
      </c>
      <c r="AD32201">
        <v>59</v>
      </c>
      <c r="AE32201">
        <v>60</v>
      </c>
      <c r="AF32201">
        <v>61</v>
      </c>
      <c r="AG32201">
        <v>62</v>
      </c>
      <c r="AH32201">
        <v>63</v>
      </c>
      <c r="AI32201">
        <v>64</v>
      </c>
      <c r="AJ32201">
        <v>65</v>
      </c>
      <c r="AK32201">
        <v>66</v>
      </c>
      <c r="AL32201">
        <v>67</v>
      </c>
      <c r="AM32201">
        <v>68</v>
      </c>
      <c r="AN32201">
        <v>68</v>
      </c>
      <c r="AO32201">
        <v>69</v>
      </c>
      <c r="AP32201">
        <v>69</v>
      </c>
      <c r="AQ32201">
        <v>70</v>
      </c>
    </row>
    <row r="32202" spans="1:43">
      <c r="A32202" t="s">
        <v>19943</v>
      </c>
      <c r="B32202" t="s">
        <v>19944</v>
      </c>
      <c r="C32202" t="s">
        <v>19937</v>
      </c>
      <c r="D32202" t="s">
        <v>19938</v>
      </c>
      <c r="E32202" t="s">
        <v>19921</v>
      </c>
      <c r="F32202" t="s">
        <v>19922</v>
      </c>
      <c r="G32202" t="s">
        <v>10734</v>
      </c>
      <c r="H32202" t="s">
        <v>10735</v>
      </c>
      <c r="I32202" s="2">
        <v>0</v>
      </c>
      <c r="J32202" s="2">
        <v>0</v>
      </c>
      <c r="K32202" s="2">
        <v>1</v>
      </c>
      <c r="L32202" t="s">
        <v>995</v>
      </c>
      <c r="M32202" t="s">
        <v>83</v>
      </c>
      <c r="N32202" t="s">
        <v>84</v>
      </c>
      <c r="O32202" t="s">
        <v>85</v>
      </c>
      <c r="P32202" t="s">
        <v>86</v>
      </c>
      <c r="Q32202">
        <v>37</v>
      </c>
      <c r="R32202">
        <v>38</v>
      </c>
      <c r="S32202">
        <v>39</v>
      </c>
      <c r="T32202">
        <v>40</v>
      </c>
      <c r="U32202">
        <v>41</v>
      </c>
      <c r="V32202">
        <v>41</v>
      </c>
      <c r="W32202">
        <v>42</v>
      </c>
      <c r="X32202">
        <v>43</v>
      </c>
      <c r="Y32202">
        <v>44</v>
      </c>
      <c r="Z32202">
        <v>45</v>
      </c>
      <c r="AA32202">
        <v>46</v>
      </c>
      <c r="AB32202">
        <v>47</v>
      </c>
      <c r="AC32202">
        <v>48</v>
      </c>
      <c r="AD32202">
        <v>49</v>
      </c>
      <c r="AE32202">
        <v>50</v>
      </c>
      <c r="AF32202">
        <v>50</v>
      </c>
      <c r="AG32202">
        <v>51</v>
      </c>
      <c r="AH32202">
        <v>52</v>
      </c>
      <c r="AI32202">
        <v>53</v>
      </c>
      <c r="AJ32202">
        <v>54</v>
      </c>
      <c r="AK32202">
        <v>55</v>
      </c>
      <c r="AL32202">
        <v>56</v>
      </c>
      <c r="AM32202">
        <v>56</v>
      </c>
      <c r="AN32202">
        <v>57</v>
      </c>
      <c r="AO32202">
        <v>57</v>
      </c>
      <c r="AP32202">
        <v>57</v>
      </c>
      <c r="AQ32202">
        <v>58</v>
      </c>
    </row>
    <row r="32203" spans="1:43">
      <c r="A32203" t="s">
        <v>19943</v>
      </c>
      <c r="B32203" t="s">
        <v>19944</v>
      </c>
      <c r="C32203" t="s">
        <v>19937</v>
      </c>
      <c r="D32203" t="s">
        <v>19938</v>
      </c>
      <c r="E32203" t="s">
        <v>19921</v>
      </c>
      <c r="F32203" t="s">
        <v>19922</v>
      </c>
      <c r="G32203" t="s">
        <v>10734</v>
      </c>
      <c r="H32203" t="s">
        <v>10735</v>
      </c>
      <c r="I32203" s="2">
        <v>0</v>
      </c>
      <c r="J32203" s="2">
        <v>0</v>
      </c>
      <c r="K32203" s="2">
        <v>1</v>
      </c>
      <c r="L32203" t="s">
        <v>995</v>
      </c>
      <c r="M32203" t="s">
        <v>87</v>
      </c>
      <c r="N32203" t="s">
        <v>88</v>
      </c>
      <c r="O32203" t="s">
        <v>85</v>
      </c>
      <c r="P32203" t="s">
        <v>86</v>
      </c>
      <c r="Q32203">
        <v>37</v>
      </c>
      <c r="R32203">
        <v>37</v>
      </c>
      <c r="S32203">
        <v>38</v>
      </c>
      <c r="T32203">
        <v>38</v>
      </c>
      <c r="U32203">
        <v>39</v>
      </c>
      <c r="V32203">
        <v>39</v>
      </c>
      <c r="W32203">
        <v>40</v>
      </c>
      <c r="X32203">
        <v>40</v>
      </c>
      <c r="Y32203">
        <v>41</v>
      </c>
      <c r="Z32203">
        <v>41</v>
      </c>
      <c r="AA32203">
        <v>42</v>
      </c>
      <c r="AB32203">
        <v>42</v>
      </c>
      <c r="AC32203">
        <v>43</v>
      </c>
      <c r="AD32203">
        <v>43</v>
      </c>
      <c r="AE32203">
        <v>44</v>
      </c>
      <c r="AF32203">
        <v>44</v>
      </c>
      <c r="AG32203">
        <v>45</v>
      </c>
      <c r="AH32203">
        <v>45</v>
      </c>
      <c r="AI32203">
        <v>46</v>
      </c>
      <c r="AJ32203">
        <v>47</v>
      </c>
      <c r="AK32203">
        <v>47</v>
      </c>
      <c r="AL32203">
        <v>48</v>
      </c>
      <c r="AM32203">
        <v>48</v>
      </c>
      <c r="AN32203">
        <v>49</v>
      </c>
      <c r="AO32203">
        <v>49</v>
      </c>
      <c r="AP32203">
        <v>50</v>
      </c>
      <c r="AQ32203">
        <v>50</v>
      </c>
    </row>
    <row r="32204" spans="1:43">
      <c r="A32204" t="s">
        <v>19943</v>
      </c>
      <c r="B32204" t="s">
        <v>19944</v>
      </c>
      <c r="C32204" t="s">
        <v>19937</v>
      </c>
      <c r="D32204" t="s">
        <v>19938</v>
      </c>
      <c r="E32204" t="s">
        <v>19921</v>
      </c>
      <c r="F32204" t="s">
        <v>19922</v>
      </c>
      <c r="G32204" t="s">
        <v>10734</v>
      </c>
      <c r="H32204" t="s">
        <v>10735</v>
      </c>
      <c r="I32204" s="2">
        <v>0</v>
      </c>
      <c r="J32204" s="2">
        <v>0</v>
      </c>
      <c r="K32204" s="2">
        <v>1</v>
      </c>
      <c r="L32204" t="s">
        <v>995</v>
      </c>
      <c r="M32204" t="s">
        <v>89</v>
      </c>
      <c r="N32204" t="s">
        <v>90</v>
      </c>
      <c r="O32204" t="s">
        <v>85</v>
      </c>
      <c r="P32204" t="s">
        <v>86</v>
      </c>
      <c r="Q32204">
        <v>37</v>
      </c>
      <c r="R32204">
        <v>39</v>
      </c>
      <c r="S32204">
        <v>40</v>
      </c>
      <c r="T32204">
        <v>41</v>
      </c>
      <c r="U32204">
        <v>42</v>
      </c>
      <c r="V32204">
        <v>43</v>
      </c>
      <c r="W32204">
        <v>44</v>
      </c>
      <c r="X32204">
        <v>46</v>
      </c>
      <c r="Y32204">
        <v>47</v>
      </c>
      <c r="Z32204">
        <v>48</v>
      </c>
      <c r="AA32204">
        <v>49</v>
      </c>
      <c r="AB32204">
        <v>50</v>
      </c>
      <c r="AC32204">
        <v>51</v>
      </c>
      <c r="AD32204">
        <v>52</v>
      </c>
      <c r="AE32204">
        <v>53</v>
      </c>
      <c r="AF32204">
        <v>54</v>
      </c>
      <c r="AG32204">
        <v>54</v>
      </c>
      <c r="AH32204">
        <v>54</v>
      </c>
      <c r="AI32204">
        <v>55</v>
      </c>
      <c r="AJ32204">
        <v>55</v>
      </c>
      <c r="AK32204">
        <v>56</v>
      </c>
      <c r="AL32204">
        <v>56</v>
      </c>
      <c r="AM32204">
        <v>57</v>
      </c>
      <c r="AN32204">
        <v>57</v>
      </c>
      <c r="AO32204">
        <v>58</v>
      </c>
      <c r="AP32204">
        <v>58</v>
      </c>
      <c r="AQ32204">
        <v>58</v>
      </c>
    </row>
    <row r="32205" spans="1:43">
      <c r="A32205" t="s">
        <v>19943</v>
      </c>
      <c r="B32205" t="s">
        <v>19944</v>
      </c>
      <c r="C32205" t="s">
        <v>19937</v>
      </c>
      <c r="D32205" t="s">
        <v>19938</v>
      </c>
      <c r="E32205" t="s">
        <v>19921</v>
      </c>
      <c r="F32205" t="s">
        <v>19922</v>
      </c>
      <c r="G32205" t="s">
        <v>10734</v>
      </c>
      <c r="H32205" t="s">
        <v>10735</v>
      </c>
      <c r="I32205" s="2">
        <v>0</v>
      </c>
      <c r="J32205" s="2">
        <v>0</v>
      </c>
      <c r="K32205" s="2">
        <v>1</v>
      </c>
      <c r="L32205" t="s">
        <v>995</v>
      </c>
      <c r="M32205" t="s">
        <v>83</v>
      </c>
      <c r="N32205" t="s">
        <v>91</v>
      </c>
      <c r="O32205" t="s">
        <v>85</v>
      </c>
      <c r="P32205" t="s">
        <v>86</v>
      </c>
      <c r="Q32205">
        <v>37</v>
      </c>
      <c r="R32205">
        <v>38</v>
      </c>
      <c r="S32205">
        <v>39</v>
      </c>
      <c r="T32205">
        <v>40</v>
      </c>
      <c r="U32205">
        <v>41</v>
      </c>
      <c r="V32205">
        <v>41</v>
      </c>
      <c r="W32205">
        <v>42</v>
      </c>
      <c r="X32205">
        <v>43</v>
      </c>
      <c r="Y32205">
        <v>44</v>
      </c>
      <c r="Z32205">
        <v>45</v>
      </c>
      <c r="AA32205">
        <v>46</v>
      </c>
      <c r="AB32205">
        <v>47</v>
      </c>
      <c r="AC32205">
        <v>48</v>
      </c>
      <c r="AD32205">
        <v>49</v>
      </c>
      <c r="AE32205">
        <v>50</v>
      </c>
      <c r="AF32205">
        <v>50</v>
      </c>
      <c r="AG32205">
        <v>51</v>
      </c>
      <c r="AH32205">
        <v>52</v>
      </c>
      <c r="AI32205">
        <v>53</v>
      </c>
      <c r="AJ32205">
        <v>54</v>
      </c>
      <c r="AK32205">
        <v>55</v>
      </c>
      <c r="AL32205">
        <v>56</v>
      </c>
      <c r="AM32205">
        <v>56</v>
      </c>
      <c r="AN32205">
        <v>57</v>
      </c>
      <c r="AO32205">
        <v>57</v>
      </c>
      <c r="AP32205">
        <v>57</v>
      </c>
      <c r="AQ32205">
        <v>58</v>
      </c>
    </row>
    <row r="32206" spans="1:43">
      <c r="A32206" t="s">
        <v>19945</v>
      </c>
      <c r="B32206" t="s">
        <v>19946</v>
      </c>
      <c r="C32206" t="s">
        <v>19927</v>
      </c>
      <c r="D32206" t="s">
        <v>19928</v>
      </c>
      <c r="E32206" t="s">
        <v>19921</v>
      </c>
      <c r="F32206" t="s">
        <v>19922</v>
      </c>
      <c r="G32206" t="s">
        <v>10734</v>
      </c>
      <c r="H32206" t="s">
        <v>10735</v>
      </c>
      <c r="I32206" s="2">
        <v>0</v>
      </c>
      <c r="J32206" s="2">
        <v>0</v>
      </c>
      <c r="K32206" s="2">
        <v>1</v>
      </c>
      <c r="L32206" t="s">
        <v>995</v>
      </c>
      <c r="M32206" t="s">
        <v>83</v>
      </c>
      <c r="N32206" t="s">
        <v>84</v>
      </c>
      <c r="O32206" t="s">
        <v>85</v>
      </c>
      <c r="P32206" t="s">
        <v>86</v>
      </c>
      <c r="Q32206">
        <v>11</v>
      </c>
      <c r="R32206">
        <v>11</v>
      </c>
      <c r="S32206">
        <v>11</v>
      </c>
      <c r="T32206">
        <v>12</v>
      </c>
      <c r="U32206">
        <v>12</v>
      </c>
      <c r="V32206">
        <v>12</v>
      </c>
      <c r="W32206">
        <v>12</v>
      </c>
      <c r="X32206">
        <v>13</v>
      </c>
      <c r="Y32206">
        <v>13</v>
      </c>
      <c r="Z32206">
        <v>13</v>
      </c>
      <c r="AA32206">
        <v>14</v>
      </c>
      <c r="AB32206">
        <v>14</v>
      </c>
      <c r="AC32206">
        <v>14</v>
      </c>
      <c r="AD32206">
        <v>14</v>
      </c>
      <c r="AE32206">
        <v>15</v>
      </c>
      <c r="AF32206">
        <v>15</v>
      </c>
      <c r="AG32206">
        <v>15</v>
      </c>
      <c r="AH32206">
        <v>15</v>
      </c>
      <c r="AI32206">
        <v>16</v>
      </c>
      <c r="AJ32206">
        <v>16</v>
      </c>
      <c r="AK32206">
        <v>16</v>
      </c>
      <c r="AL32206">
        <v>16</v>
      </c>
      <c r="AM32206">
        <v>17</v>
      </c>
      <c r="AN32206">
        <v>17</v>
      </c>
      <c r="AO32206">
        <v>17</v>
      </c>
      <c r="AP32206">
        <v>17</v>
      </c>
      <c r="AQ32206">
        <v>17</v>
      </c>
    </row>
    <row r="32207" spans="1:43">
      <c r="A32207" t="s">
        <v>19945</v>
      </c>
      <c r="B32207" t="s">
        <v>19946</v>
      </c>
      <c r="C32207" t="s">
        <v>19927</v>
      </c>
      <c r="D32207" t="s">
        <v>19928</v>
      </c>
      <c r="E32207" t="s">
        <v>19921</v>
      </c>
      <c r="F32207" t="s">
        <v>19922</v>
      </c>
      <c r="G32207" t="s">
        <v>10734</v>
      </c>
      <c r="H32207" t="s">
        <v>10735</v>
      </c>
      <c r="I32207" s="2">
        <v>0</v>
      </c>
      <c r="J32207" s="2">
        <v>0</v>
      </c>
      <c r="K32207" s="2">
        <v>1</v>
      </c>
      <c r="L32207" t="s">
        <v>995</v>
      </c>
      <c r="M32207" t="s">
        <v>87</v>
      </c>
      <c r="N32207" t="s">
        <v>88</v>
      </c>
      <c r="O32207" t="s">
        <v>85</v>
      </c>
      <c r="P32207" t="s">
        <v>86</v>
      </c>
      <c r="Q32207">
        <v>11</v>
      </c>
      <c r="R32207">
        <v>11</v>
      </c>
      <c r="S32207">
        <v>11</v>
      </c>
      <c r="T32207">
        <v>11</v>
      </c>
      <c r="U32207">
        <v>11</v>
      </c>
      <c r="V32207">
        <v>12</v>
      </c>
      <c r="W32207">
        <v>12</v>
      </c>
      <c r="X32207">
        <v>12</v>
      </c>
      <c r="Y32207">
        <v>12</v>
      </c>
      <c r="Z32207">
        <v>12</v>
      </c>
      <c r="AA32207">
        <v>12</v>
      </c>
      <c r="AB32207">
        <v>12</v>
      </c>
      <c r="AC32207">
        <v>13</v>
      </c>
      <c r="AD32207">
        <v>13</v>
      </c>
      <c r="AE32207">
        <v>13</v>
      </c>
      <c r="AF32207">
        <v>13</v>
      </c>
      <c r="AG32207">
        <v>13</v>
      </c>
      <c r="AH32207">
        <v>13</v>
      </c>
      <c r="AI32207">
        <v>14</v>
      </c>
      <c r="AJ32207">
        <v>14</v>
      </c>
      <c r="AK32207">
        <v>14</v>
      </c>
      <c r="AL32207">
        <v>14</v>
      </c>
      <c r="AM32207">
        <v>14</v>
      </c>
      <c r="AN32207">
        <v>14</v>
      </c>
      <c r="AO32207">
        <v>14</v>
      </c>
      <c r="AP32207">
        <v>15</v>
      </c>
      <c r="AQ32207">
        <v>15</v>
      </c>
    </row>
    <row r="32208" spans="1:43">
      <c r="A32208" t="s">
        <v>19945</v>
      </c>
      <c r="B32208" t="s">
        <v>19946</v>
      </c>
      <c r="C32208" t="s">
        <v>19927</v>
      </c>
      <c r="D32208" t="s">
        <v>19928</v>
      </c>
      <c r="E32208" t="s">
        <v>19921</v>
      </c>
      <c r="F32208" t="s">
        <v>19922</v>
      </c>
      <c r="G32208" t="s">
        <v>10734</v>
      </c>
      <c r="H32208" t="s">
        <v>10735</v>
      </c>
      <c r="I32208" s="2">
        <v>0</v>
      </c>
      <c r="J32208" s="2">
        <v>0</v>
      </c>
      <c r="K32208" s="2">
        <v>1</v>
      </c>
      <c r="L32208" t="s">
        <v>995</v>
      </c>
      <c r="M32208" t="s">
        <v>89</v>
      </c>
      <c r="N32208" t="s">
        <v>90</v>
      </c>
      <c r="O32208" t="s">
        <v>85</v>
      </c>
      <c r="P32208" t="s">
        <v>86</v>
      </c>
      <c r="Q32208">
        <v>11</v>
      </c>
      <c r="R32208">
        <v>11</v>
      </c>
      <c r="S32208">
        <v>12</v>
      </c>
      <c r="T32208">
        <v>12</v>
      </c>
      <c r="U32208">
        <v>12</v>
      </c>
      <c r="V32208">
        <v>13</v>
      </c>
      <c r="W32208">
        <v>13</v>
      </c>
      <c r="X32208">
        <v>13</v>
      </c>
      <c r="Y32208">
        <v>14</v>
      </c>
      <c r="Z32208">
        <v>14</v>
      </c>
      <c r="AA32208">
        <v>14</v>
      </c>
      <c r="AB32208">
        <v>15</v>
      </c>
      <c r="AC32208">
        <v>15</v>
      </c>
      <c r="AD32208">
        <v>15</v>
      </c>
      <c r="AE32208">
        <v>16</v>
      </c>
      <c r="AF32208">
        <v>16</v>
      </c>
      <c r="AG32208">
        <v>16</v>
      </c>
      <c r="AH32208">
        <v>16</v>
      </c>
      <c r="AI32208">
        <v>16</v>
      </c>
      <c r="AJ32208">
        <v>16</v>
      </c>
      <c r="AK32208">
        <v>16</v>
      </c>
      <c r="AL32208">
        <v>17</v>
      </c>
      <c r="AM32208">
        <v>17</v>
      </c>
      <c r="AN32208">
        <v>17</v>
      </c>
      <c r="AO32208">
        <v>17</v>
      </c>
      <c r="AP32208">
        <v>17</v>
      </c>
      <c r="AQ32208">
        <v>17</v>
      </c>
    </row>
    <row r="32209" spans="1:43">
      <c r="A32209" t="s">
        <v>19945</v>
      </c>
      <c r="B32209" t="s">
        <v>19946</v>
      </c>
      <c r="C32209" t="s">
        <v>19927</v>
      </c>
      <c r="D32209" t="s">
        <v>19928</v>
      </c>
      <c r="E32209" t="s">
        <v>19921</v>
      </c>
      <c r="F32209" t="s">
        <v>19922</v>
      </c>
      <c r="G32209" t="s">
        <v>10734</v>
      </c>
      <c r="H32209" t="s">
        <v>10735</v>
      </c>
      <c r="I32209" s="2">
        <v>0</v>
      </c>
      <c r="J32209" s="2">
        <v>0</v>
      </c>
      <c r="K32209" s="2">
        <v>1</v>
      </c>
      <c r="L32209" t="s">
        <v>995</v>
      </c>
      <c r="M32209" t="s">
        <v>83</v>
      </c>
      <c r="N32209" t="s">
        <v>91</v>
      </c>
      <c r="O32209" t="s">
        <v>85</v>
      </c>
      <c r="P32209" t="s">
        <v>86</v>
      </c>
      <c r="Q32209">
        <v>11</v>
      </c>
      <c r="R32209">
        <v>11</v>
      </c>
      <c r="S32209">
        <v>11</v>
      </c>
      <c r="T32209">
        <v>12</v>
      </c>
      <c r="U32209">
        <v>12</v>
      </c>
      <c r="V32209">
        <v>12</v>
      </c>
      <c r="W32209">
        <v>12</v>
      </c>
      <c r="X32209">
        <v>13</v>
      </c>
      <c r="Y32209">
        <v>13</v>
      </c>
      <c r="Z32209">
        <v>13</v>
      </c>
      <c r="AA32209">
        <v>14</v>
      </c>
      <c r="AB32209">
        <v>14</v>
      </c>
      <c r="AC32209">
        <v>14</v>
      </c>
      <c r="AD32209">
        <v>14</v>
      </c>
      <c r="AE32209">
        <v>15</v>
      </c>
      <c r="AF32209">
        <v>15</v>
      </c>
      <c r="AG32209">
        <v>15</v>
      </c>
      <c r="AH32209">
        <v>15</v>
      </c>
      <c r="AI32209">
        <v>16</v>
      </c>
      <c r="AJ32209">
        <v>16</v>
      </c>
      <c r="AK32209">
        <v>16</v>
      </c>
      <c r="AL32209">
        <v>16</v>
      </c>
      <c r="AM32209">
        <v>17</v>
      </c>
      <c r="AN32209">
        <v>17</v>
      </c>
      <c r="AO32209">
        <v>17</v>
      </c>
      <c r="AP32209">
        <v>17</v>
      </c>
      <c r="AQ32209">
        <v>17</v>
      </c>
    </row>
    <row r="32210" spans="1:43">
      <c r="A32210" t="s">
        <v>19947</v>
      </c>
      <c r="B32210" t="s">
        <v>19948</v>
      </c>
      <c r="C32210" t="s">
        <v>19949</v>
      </c>
      <c r="D32210" t="s">
        <v>19950</v>
      </c>
      <c r="E32210" t="s">
        <v>19921</v>
      </c>
      <c r="F32210" t="s">
        <v>19922</v>
      </c>
      <c r="G32210" t="s">
        <v>10734</v>
      </c>
      <c r="H32210" t="s">
        <v>10735</v>
      </c>
      <c r="I32210" s="2">
        <v>0</v>
      </c>
      <c r="J32210" s="2">
        <v>0</v>
      </c>
      <c r="K32210" s="2">
        <v>1</v>
      </c>
      <c r="L32210" t="s">
        <v>995</v>
      </c>
      <c r="M32210" t="s">
        <v>83</v>
      </c>
      <c r="N32210" t="s">
        <v>84</v>
      </c>
      <c r="O32210" t="s">
        <v>85</v>
      </c>
      <c r="P32210" t="s">
        <v>86</v>
      </c>
      <c r="Q32210">
        <v>11</v>
      </c>
      <c r="R32210">
        <v>11</v>
      </c>
      <c r="S32210">
        <v>12</v>
      </c>
      <c r="T32210">
        <v>12</v>
      </c>
      <c r="U32210">
        <v>12</v>
      </c>
      <c r="V32210">
        <v>12</v>
      </c>
      <c r="W32210">
        <v>13</v>
      </c>
      <c r="X32210">
        <v>13</v>
      </c>
      <c r="Y32210">
        <v>13</v>
      </c>
      <c r="Z32210">
        <v>13</v>
      </c>
      <c r="AA32210">
        <v>14</v>
      </c>
      <c r="AB32210">
        <v>14</v>
      </c>
      <c r="AC32210">
        <v>14</v>
      </c>
      <c r="AD32210">
        <v>15</v>
      </c>
      <c r="AE32210">
        <v>15</v>
      </c>
      <c r="AF32210">
        <v>15</v>
      </c>
      <c r="AG32210">
        <v>15</v>
      </c>
      <c r="AH32210">
        <v>16</v>
      </c>
      <c r="AI32210">
        <v>16</v>
      </c>
      <c r="AJ32210">
        <v>16</v>
      </c>
      <c r="AK32210">
        <v>17</v>
      </c>
      <c r="AL32210">
        <v>17</v>
      </c>
      <c r="AM32210">
        <v>17</v>
      </c>
      <c r="AN32210">
        <v>17</v>
      </c>
      <c r="AO32210">
        <v>17</v>
      </c>
      <c r="AP32210">
        <v>17</v>
      </c>
      <c r="AQ32210">
        <v>17</v>
      </c>
    </row>
    <row r="32211" spans="1:43">
      <c r="A32211" t="s">
        <v>19947</v>
      </c>
      <c r="B32211" t="s">
        <v>19948</v>
      </c>
      <c r="C32211" t="s">
        <v>19949</v>
      </c>
      <c r="D32211" t="s">
        <v>19950</v>
      </c>
      <c r="E32211" t="s">
        <v>19921</v>
      </c>
      <c r="F32211" t="s">
        <v>19922</v>
      </c>
      <c r="G32211" t="s">
        <v>10734</v>
      </c>
      <c r="H32211" t="s">
        <v>10735</v>
      </c>
      <c r="I32211" s="2">
        <v>0</v>
      </c>
      <c r="J32211" s="2">
        <v>0</v>
      </c>
      <c r="K32211" s="2">
        <v>1</v>
      </c>
      <c r="L32211" t="s">
        <v>995</v>
      </c>
      <c r="M32211" t="s">
        <v>87</v>
      </c>
      <c r="N32211" t="s">
        <v>88</v>
      </c>
      <c r="O32211" t="s">
        <v>85</v>
      </c>
      <c r="P32211" t="s">
        <v>86</v>
      </c>
      <c r="Q32211">
        <v>11</v>
      </c>
      <c r="R32211">
        <v>11</v>
      </c>
      <c r="S32211">
        <v>11</v>
      </c>
      <c r="T32211">
        <v>11</v>
      </c>
      <c r="U32211">
        <v>12</v>
      </c>
      <c r="V32211">
        <v>12</v>
      </c>
      <c r="W32211">
        <v>12</v>
      </c>
      <c r="X32211">
        <v>12</v>
      </c>
      <c r="Y32211">
        <v>12</v>
      </c>
      <c r="Z32211">
        <v>12</v>
      </c>
      <c r="AA32211">
        <v>13</v>
      </c>
      <c r="AB32211">
        <v>13</v>
      </c>
      <c r="AC32211">
        <v>13</v>
      </c>
      <c r="AD32211">
        <v>13</v>
      </c>
      <c r="AE32211">
        <v>13</v>
      </c>
      <c r="AF32211">
        <v>13</v>
      </c>
      <c r="AG32211">
        <v>13</v>
      </c>
      <c r="AH32211">
        <v>14</v>
      </c>
      <c r="AI32211">
        <v>14</v>
      </c>
      <c r="AJ32211">
        <v>14</v>
      </c>
      <c r="AK32211">
        <v>14</v>
      </c>
      <c r="AL32211">
        <v>14</v>
      </c>
      <c r="AM32211">
        <v>14</v>
      </c>
      <c r="AN32211">
        <v>15</v>
      </c>
      <c r="AO32211">
        <v>15</v>
      </c>
      <c r="AP32211">
        <v>15</v>
      </c>
      <c r="AQ32211">
        <v>15</v>
      </c>
    </row>
    <row r="32212" spans="1:43">
      <c r="A32212" t="s">
        <v>19947</v>
      </c>
      <c r="B32212" t="s">
        <v>19948</v>
      </c>
      <c r="C32212" t="s">
        <v>19949</v>
      </c>
      <c r="D32212" t="s">
        <v>19950</v>
      </c>
      <c r="E32212" t="s">
        <v>19921</v>
      </c>
      <c r="F32212" t="s">
        <v>19922</v>
      </c>
      <c r="G32212" t="s">
        <v>10734</v>
      </c>
      <c r="H32212" t="s">
        <v>10735</v>
      </c>
      <c r="I32212" s="2">
        <v>0</v>
      </c>
      <c r="J32212" s="2">
        <v>0</v>
      </c>
      <c r="K32212" s="2">
        <v>1</v>
      </c>
      <c r="L32212" t="s">
        <v>995</v>
      </c>
      <c r="M32212" t="s">
        <v>89</v>
      </c>
      <c r="N32212" t="s">
        <v>90</v>
      </c>
      <c r="O32212" t="s">
        <v>85</v>
      </c>
      <c r="P32212" t="s">
        <v>86</v>
      </c>
      <c r="Q32212">
        <v>11</v>
      </c>
      <c r="R32212">
        <v>12</v>
      </c>
      <c r="S32212">
        <v>12</v>
      </c>
      <c r="T32212">
        <v>12</v>
      </c>
      <c r="U32212">
        <v>13</v>
      </c>
      <c r="V32212">
        <v>13</v>
      </c>
      <c r="W32212">
        <v>13</v>
      </c>
      <c r="X32212">
        <v>14</v>
      </c>
      <c r="Y32212">
        <v>14</v>
      </c>
      <c r="Z32212">
        <v>14</v>
      </c>
      <c r="AA32212">
        <v>15</v>
      </c>
      <c r="AB32212">
        <v>15</v>
      </c>
      <c r="AC32212">
        <v>15</v>
      </c>
      <c r="AD32212">
        <v>16</v>
      </c>
      <c r="AE32212">
        <v>16</v>
      </c>
      <c r="AF32212">
        <v>16</v>
      </c>
      <c r="AG32212">
        <v>16</v>
      </c>
      <c r="AH32212">
        <v>16</v>
      </c>
      <c r="AI32212">
        <v>16</v>
      </c>
      <c r="AJ32212">
        <v>17</v>
      </c>
      <c r="AK32212">
        <v>17</v>
      </c>
      <c r="AL32212">
        <v>17</v>
      </c>
      <c r="AM32212">
        <v>17</v>
      </c>
      <c r="AN32212">
        <v>17</v>
      </c>
      <c r="AO32212">
        <v>17</v>
      </c>
      <c r="AP32212">
        <v>17</v>
      </c>
      <c r="AQ32212">
        <v>17</v>
      </c>
    </row>
    <row r="32213" spans="1:43">
      <c r="A32213" t="s">
        <v>19947</v>
      </c>
      <c r="B32213" t="s">
        <v>19948</v>
      </c>
      <c r="C32213" t="s">
        <v>19949</v>
      </c>
      <c r="D32213" t="s">
        <v>19950</v>
      </c>
      <c r="E32213" t="s">
        <v>19921</v>
      </c>
      <c r="F32213" t="s">
        <v>19922</v>
      </c>
      <c r="G32213" t="s">
        <v>10734</v>
      </c>
      <c r="H32213" t="s">
        <v>10735</v>
      </c>
      <c r="I32213" s="2">
        <v>0</v>
      </c>
      <c r="J32213" s="2">
        <v>0</v>
      </c>
      <c r="K32213" s="2">
        <v>1</v>
      </c>
      <c r="L32213" t="s">
        <v>995</v>
      </c>
      <c r="M32213" t="s">
        <v>83</v>
      </c>
      <c r="N32213" t="s">
        <v>91</v>
      </c>
      <c r="O32213" t="s">
        <v>85</v>
      </c>
      <c r="P32213" t="s">
        <v>86</v>
      </c>
      <c r="Q32213">
        <v>11</v>
      </c>
      <c r="R32213">
        <v>11</v>
      </c>
      <c r="S32213">
        <v>12</v>
      </c>
      <c r="T32213">
        <v>12</v>
      </c>
      <c r="U32213">
        <v>12</v>
      </c>
      <c r="V32213">
        <v>12</v>
      </c>
      <c r="W32213">
        <v>13</v>
      </c>
      <c r="X32213">
        <v>13</v>
      </c>
      <c r="Y32213">
        <v>13</v>
      </c>
      <c r="Z32213">
        <v>13</v>
      </c>
      <c r="AA32213">
        <v>14</v>
      </c>
      <c r="AB32213">
        <v>14</v>
      </c>
      <c r="AC32213">
        <v>14</v>
      </c>
      <c r="AD32213">
        <v>15</v>
      </c>
      <c r="AE32213">
        <v>15</v>
      </c>
      <c r="AF32213">
        <v>15</v>
      </c>
      <c r="AG32213">
        <v>15</v>
      </c>
      <c r="AH32213">
        <v>16</v>
      </c>
      <c r="AI32213">
        <v>16</v>
      </c>
      <c r="AJ32213">
        <v>16</v>
      </c>
      <c r="AK32213">
        <v>17</v>
      </c>
      <c r="AL32213">
        <v>17</v>
      </c>
      <c r="AM32213">
        <v>17</v>
      </c>
      <c r="AN32213">
        <v>17</v>
      </c>
      <c r="AO32213">
        <v>17</v>
      </c>
      <c r="AP32213">
        <v>17</v>
      </c>
      <c r="AQ32213">
        <v>17</v>
      </c>
    </row>
    <row r="32214" spans="1:43">
      <c r="A32214" t="s">
        <v>19951</v>
      </c>
      <c r="B32214" t="s">
        <v>19952</v>
      </c>
      <c r="C32214" t="s">
        <v>19953</v>
      </c>
      <c r="D32214" t="s">
        <v>19954</v>
      </c>
      <c r="E32214" t="s">
        <v>19921</v>
      </c>
      <c r="F32214" t="s">
        <v>19922</v>
      </c>
      <c r="G32214" t="s">
        <v>10734</v>
      </c>
      <c r="H32214" t="s">
        <v>10735</v>
      </c>
      <c r="I32214" s="2">
        <v>0</v>
      </c>
      <c r="J32214" s="2">
        <v>0</v>
      </c>
      <c r="K32214" s="2">
        <v>1</v>
      </c>
      <c r="L32214" t="s">
        <v>995</v>
      </c>
      <c r="M32214" t="s">
        <v>83</v>
      </c>
      <c r="N32214" t="s">
        <v>84</v>
      </c>
      <c r="O32214" t="s">
        <v>85</v>
      </c>
      <c r="P32214" t="s">
        <v>86</v>
      </c>
      <c r="Q32214">
        <v>4</v>
      </c>
      <c r="R32214">
        <v>4</v>
      </c>
      <c r="S32214">
        <v>5</v>
      </c>
      <c r="T32214">
        <v>5</v>
      </c>
      <c r="U32214">
        <v>5</v>
      </c>
      <c r="V32214">
        <v>5</v>
      </c>
      <c r="W32214">
        <v>5</v>
      </c>
      <c r="X32214">
        <v>5</v>
      </c>
      <c r="Y32214">
        <v>5</v>
      </c>
      <c r="Z32214">
        <v>5</v>
      </c>
      <c r="AA32214">
        <v>5</v>
      </c>
      <c r="AB32214">
        <v>6</v>
      </c>
      <c r="AC32214">
        <v>6</v>
      </c>
      <c r="AD32214">
        <v>6</v>
      </c>
      <c r="AE32214">
        <v>6</v>
      </c>
      <c r="AF32214">
        <v>6</v>
      </c>
      <c r="AG32214">
        <v>6</v>
      </c>
      <c r="AH32214">
        <v>6</v>
      </c>
      <c r="AI32214">
        <v>6</v>
      </c>
      <c r="AJ32214">
        <v>6</v>
      </c>
      <c r="AK32214">
        <v>7</v>
      </c>
      <c r="AL32214">
        <v>7</v>
      </c>
      <c r="AM32214">
        <v>7</v>
      </c>
      <c r="AN32214">
        <v>7</v>
      </c>
      <c r="AO32214">
        <v>7</v>
      </c>
      <c r="AP32214">
        <v>7</v>
      </c>
      <c r="AQ32214">
        <v>7</v>
      </c>
    </row>
    <row r="32215" spans="1:43">
      <c r="A32215" t="s">
        <v>19951</v>
      </c>
      <c r="B32215" t="s">
        <v>19952</v>
      </c>
      <c r="C32215" t="s">
        <v>19953</v>
      </c>
      <c r="D32215" t="s">
        <v>19954</v>
      </c>
      <c r="E32215" t="s">
        <v>19921</v>
      </c>
      <c r="F32215" t="s">
        <v>19922</v>
      </c>
      <c r="G32215" t="s">
        <v>10734</v>
      </c>
      <c r="H32215" t="s">
        <v>10735</v>
      </c>
      <c r="I32215" s="2">
        <v>0</v>
      </c>
      <c r="J32215" s="2">
        <v>0</v>
      </c>
      <c r="K32215" s="2">
        <v>1</v>
      </c>
      <c r="L32215" t="s">
        <v>995</v>
      </c>
      <c r="M32215" t="s">
        <v>87</v>
      </c>
      <c r="N32215" t="s">
        <v>88</v>
      </c>
      <c r="O32215" t="s">
        <v>85</v>
      </c>
      <c r="P32215" t="s">
        <v>86</v>
      </c>
      <c r="Q32215">
        <v>4</v>
      </c>
      <c r="R32215">
        <v>4</v>
      </c>
      <c r="S32215">
        <v>4</v>
      </c>
      <c r="T32215">
        <v>5</v>
      </c>
      <c r="U32215">
        <v>5</v>
      </c>
      <c r="V32215">
        <v>5</v>
      </c>
      <c r="W32215">
        <v>5</v>
      </c>
      <c r="X32215">
        <v>5</v>
      </c>
      <c r="Y32215">
        <v>5</v>
      </c>
      <c r="Z32215">
        <v>5</v>
      </c>
      <c r="AA32215">
        <v>5</v>
      </c>
      <c r="AB32215">
        <v>5</v>
      </c>
      <c r="AC32215">
        <v>5</v>
      </c>
      <c r="AD32215">
        <v>5</v>
      </c>
      <c r="AE32215">
        <v>5</v>
      </c>
      <c r="AF32215">
        <v>5</v>
      </c>
      <c r="AG32215">
        <v>5</v>
      </c>
      <c r="AH32215">
        <v>5</v>
      </c>
      <c r="AI32215">
        <v>5</v>
      </c>
      <c r="AJ32215">
        <v>6</v>
      </c>
      <c r="AK32215">
        <v>6</v>
      </c>
      <c r="AL32215">
        <v>6</v>
      </c>
      <c r="AM32215">
        <v>6</v>
      </c>
      <c r="AN32215">
        <v>6</v>
      </c>
      <c r="AO32215">
        <v>6</v>
      </c>
      <c r="AP32215">
        <v>6</v>
      </c>
      <c r="AQ32215">
        <v>6</v>
      </c>
    </row>
    <row r="32216" spans="1:43">
      <c r="A32216" t="s">
        <v>19951</v>
      </c>
      <c r="B32216" t="s">
        <v>19952</v>
      </c>
      <c r="C32216" t="s">
        <v>19953</v>
      </c>
      <c r="D32216" t="s">
        <v>19954</v>
      </c>
      <c r="E32216" t="s">
        <v>19921</v>
      </c>
      <c r="F32216" t="s">
        <v>19922</v>
      </c>
      <c r="G32216" t="s">
        <v>10734</v>
      </c>
      <c r="H32216" t="s">
        <v>10735</v>
      </c>
      <c r="I32216" s="2">
        <v>0</v>
      </c>
      <c r="J32216" s="2">
        <v>0</v>
      </c>
      <c r="K32216" s="2">
        <v>1</v>
      </c>
      <c r="L32216" t="s">
        <v>995</v>
      </c>
      <c r="M32216" t="s">
        <v>89</v>
      </c>
      <c r="N32216" t="s">
        <v>90</v>
      </c>
      <c r="O32216" t="s">
        <v>85</v>
      </c>
      <c r="P32216" t="s">
        <v>86</v>
      </c>
      <c r="Q32216">
        <v>4</v>
      </c>
      <c r="R32216">
        <v>5</v>
      </c>
      <c r="S32216">
        <v>5</v>
      </c>
      <c r="T32216">
        <v>5</v>
      </c>
      <c r="U32216">
        <v>5</v>
      </c>
      <c r="V32216">
        <v>5</v>
      </c>
      <c r="W32216">
        <v>5</v>
      </c>
      <c r="X32216">
        <v>5</v>
      </c>
      <c r="Y32216">
        <v>6</v>
      </c>
      <c r="Z32216">
        <v>6</v>
      </c>
      <c r="AA32216">
        <v>6</v>
      </c>
      <c r="AB32216">
        <v>6</v>
      </c>
      <c r="AC32216">
        <v>6</v>
      </c>
      <c r="AD32216">
        <v>6</v>
      </c>
      <c r="AE32216">
        <v>6</v>
      </c>
      <c r="AF32216">
        <v>6</v>
      </c>
      <c r="AG32216">
        <v>6</v>
      </c>
      <c r="AH32216">
        <v>6</v>
      </c>
      <c r="AI32216">
        <v>6</v>
      </c>
      <c r="AJ32216">
        <v>7</v>
      </c>
      <c r="AK32216">
        <v>7</v>
      </c>
      <c r="AL32216">
        <v>7</v>
      </c>
      <c r="AM32216">
        <v>7</v>
      </c>
      <c r="AN32216">
        <v>7</v>
      </c>
      <c r="AO32216">
        <v>7</v>
      </c>
      <c r="AP32216">
        <v>7</v>
      </c>
      <c r="AQ32216">
        <v>7</v>
      </c>
    </row>
    <row r="32217" spans="1:43">
      <c r="A32217" t="s">
        <v>19951</v>
      </c>
      <c r="B32217" t="s">
        <v>19952</v>
      </c>
      <c r="C32217" t="s">
        <v>19953</v>
      </c>
      <c r="D32217" t="s">
        <v>19954</v>
      </c>
      <c r="E32217" t="s">
        <v>19921</v>
      </c>
      <c r="F32217" t="s">
        <v>19922</v>
      </c>
      <c r="G32217" t="s">
        <v>10734</v>
      </c>
      <c r="H32217" t="s">
        <v>10735</v>
      </c>
      <c r="I32217" s="2">
        <v>0</v>
      </c>
      <c r="J32217" s="2">
        <v>0</v>
      </c>
      <c r="K32217" s="2">
        <v>1</v>
      </c>
      <c r="L32217" t="s">
        <v>995</v>
      </c>
      <c r="M32217" t="s">
        <v>83</v>
      </c>
      <c r="N32217" t="s">
        <v>91</v>
      </c>
      <c r="O32217" t="s">
        <v>85</v>
      </c>
      <c r="P32217" t="s">
        <v>86</v>
      </c>
      <c r="Q32217">
        <v>4</v>
      </c>
      <c r="R32217">
        <v>4</v>
      </c>
      <c r="S32217">
        <v>5</v>
      </c>
      <c r="T32217">
        <v>5</v>
      </c>
      <c r="U32217">
        <v>5</v>
      </c>
      <c r="V32217">
        <v>5</v>
      </c>
      <c r="W32217">
        <v>5</v>
      </c>
      <c r="X32217">
        <v>5</v>
      </c>
      <c r="Y32217">
        <v>5</v>
      </c>
      <c r="Z32217">
        <v>5</v>
      </c>
      <c r="AA32217">
        <v>5</v>
      </c>
      <c r="AB32217">
        <v>6</v>
      </c>
      <c r="AC32217">
        <v>6</v>
      </c>
      <c r="AD32217">
        <v>6</v>
      </c>
      <c r="AE32217">
        <v>6</v>
      </c>
      <c r="AF32217">
        <v>6</v>
      </c>
      <c r="AG32217">
        <v>6</v>
      </c>
      <c r="AH32217">
        <v>6</v>
      </c>
      <c r="AI32217">
        <v>6</v>
      </c>
      <c r="AJ32217">
        <v>6</v>
      </c>
      <c r="AK32217">
        <v>7</v>
      </c>
      <c r="AL32217">
        <v>7</v>
      </c>
      <c r="AM32217">
        <v>7</v>
      </c>
      <c r="AN32217">
        <v>7</v>
      </c>
      <c r="AO32217">
        <v>7</v>
      </c>
      <c r="AP32217">
        <v>7</v>
      </c>
      <c r="AQ32217">
        <v>7</v>
      </c>
    </row>
    <row r="32218" spans="1:43">
      <c r="A32218" t="s">
        <v>19955</v>
      </c>
      <c r="B32218" t="s">
        <v>19956</v>
      </c>
      <c r="C32218" t="s">
        <v>19953</v>
      </c>
      <c r="D32218" t="s">
        <v>19954</v>
      </c>
      <c r="E32218" t="s">
        <v>19921</v>
      </c>
      <c r="F32218" t="s">
        <v>19922</v>
      </c>
      <c r="G32218" t="s">
        <v>10734</v>
      </c>
      <c r="H32218" t="s">
        <v>10735</v>
      </c>
      <c r="I32218" s="2">
        <v>0</v>
      </c>
      <c r="J32218" s="2">
        <v>0</v>
      </c>
      <c r="K32218" s="2">
        <v>1</v>
      </c>
      <c r="L32218" t="s">
        <v>995</v>
      </c>
      <c r="M32218" t="s">
        <v>83</v>
      </c>
      <c r="N32218" t="s">
        <v>84</v>
      </c>
      <c r="O32218" t="s">
        <v>85</v>
      </c>
      <c r="P32218" t="s">
        <v>86</v>
      </c>
      <c r="Q32218">
        <v>10</v>
      </c>
      <c r="R32218">
        <v>10</v>
      </c>
      <c r="S32218">
        <v>10</v>
      </c>
      <c r="T32218">
        <v>11</v>
      </c>
      <c r="U32218">
        <v>11</v>
      </c>
      <c r="V32218">
        <v>11</v>
      </c>
      <c r="W32218">
        <v>11</v>
      </c>
      <c r="X32218">
        <v>12</v>
      </c>
      <c r="Y32218">
        <v>12</v>
      </c>
      <c r="Z32218">
        <v>12</v>
      </c>
      <c r="AA32218">
        <v>12</v>
      </c>
      <c r="AB32218">
        <v>13</v>
      </c>
      <c r="AC32218">
        <v>13</v>
      </c>
      <c r="AD32218">
        <v>13</v>
      </c>
      <c r="AE32218">
        <v>13</v>
      </c>
      <c r="AF32218">
        <v>14</v>
      </c>
      <c r="AG32218">
        <v>14</v>
      </c>
      <c r="AH32218">
        <v>14</v>
      </c>
      <c r="AI32218">
        <v>14</v>
      </c>
      <c r="AJ32218">
        <v>15</v>
      </c>
      <c r="AK32218">
        <v>15</v>
      </c>
      <c r="AL32218">
        <v>15</v>
      </c>
      <c r="AM32218">
        <v>15</v>
      </c>
      <c r="AN32218">
        <v>15</v>
      </c>
      <c r="AO32218">
        <v>15</v>
      </c>
      <c r="AP32218">
        <v>15</v>
      </c>
      <c r="AQ32218">
        <v>15</v>
      </c>
    </row>
    <row r="32219" spans="1:43">
      <c r="A32219" t="s">
        <v>19955</v>
      </c>
      <c r="B32219" t="s">
        <v>19956</v>
      </c>
      <c r="C32219" t="s">
        <v>19953</v>
      </c>
      <c r="D32219" t="s">
        <v>19954</v>
      </c>
      <c r="E32219" t="s">
        <v>19921</v>
      </c>
      <c r="F32219" t="s">
        <v>19922</v>
      </c>
      <c r="G32219" t="s">
        <v>10734</v>
      </c>
      <c r="H32219" t="s">
        <v>10735</v>
      </c>
      <c r="I32219" s="2">
        <v>0</v>
      </c>
      <c r="J32219" s="2">
        <v>0</v>
      </c>
      <c r="K32219" s="2">
        <v>1</v>
      </c>
      <c r="L32219" t="s">
        <v>995</v>
      </c>
      <c r="M32219" t="s">
        <v>87</v>
      </c>
      <c r="N32219" t="s">
        <v>88</v>
      </c>
      <c r="O32219" t="s">
        <v>85</v>
      </c>
      <c r="P32219" t="s">
        <v>86</v>
      </c>
      <c r="Q32219">
        <v>10</v>
      </c>
      <c r="R32219">
        <v>10</v>
      </c>
      <c r="S32219">
        <v>10</v>
      </c>
      <c r="T32219">
        <v>10</v>
      </c>
      <c r="U32219">
        <v>10</v>
      </c>
      <c r="V32219">
        <v>11</v>
      </c>
      <c r="W32219">
        <v>11</v>
      </c>
      <c r="X32219">
        <v>11</v>
      </c>
      <c r="Y32219">
        <v>11</v>
      </c>
      <c r="Z32219">
        <v>11</v>
      </c>
      <c r="AA32219">
        <v>11</v>
      </c>
      <c r="AB32219">
        <v>11</v>
      </c>
      <c r="AC32219">
        <v>11</v>
      </c>
      <c r="AD32219">
        <v>12</v>
      </c>
      <c r="AE32219">
        <v>12</v>
      </c>
      <c r="AF32219">
        <v>12</v>
      </c>
      <c r="AG32219">
        <v>12</v>
      </c>
      <c r="AH32219">
        <v>12</v>
      </c>
      <c r="AI32219">
        <v>12</v>
      </c>
      <c r="AJ32219">
        <v>12</v>
      </c>
      <c r="AK32219">
        <v>13</v>
      </c>
      <c r="AL32219">
        <v>13</v>
      </c>
      <c r="AM32219">
        <v>13</v>
      </c>
      <c r="AN32219">
        <v>13</v>
      </c>
      <c r="AO32219">
        <v>13</v>
      </c>
      <c r="AP32219">
        <v>13</v>
      </c>
      <c r="AQ32219">
        <v>13</v>
      </c>
    </row>
    <row r="32220" spans="1:43">
      <c r="A32220" t="s">
        <v>19955</v>
      </c>
      <c r="B32220" t="s">
        <v>19956</v>
      </c>
      <c r="C32220" t="s">
        <v>19953</v>
      </c>
      <c r="D32220" t="s">
        <v>19954</v>
      </c>
      <c r="E32220" t="s">
        <v>19921</v>
      </c>
      <c r="F32220" t="s">
        <v>19922</v>
      </c>
      <c r="G32220" t="s">
        <v>10734</v>
      </c>
      <c r="H32220" t="s">
        <v>10735</v>
      </c>
      <c r="I32220" s="2">
        <v>0</v>
      </c>
      <c r="J32220" s="2">
        <v>0</v>
      </c>
      <c r="K32220" s="2">
        <v>1</v>
      </c>
      <c r="L32220" t="s">
        <v>995</v>
      </c>
      <c r="M32220" t="s">
        <v>89</v>
      </c>
      <c r="N32220" t="s">
        <v>90</v>
      </c>
      <c r="O32220" t="s">
        <v>85</v>
      </c>
      <c r="P32220" t="s">
        <v>86</v>
      </c>
      <c r="Q32220">
        <v>10</v>
      </c>
      <c r="R32220">
        <v>10</v>
      </c>
      <c r="S32220">
        <v>11</v>
      </c>
      <c r="T32220">
        <v>11</v>
      </c>
      <c r="U32220">
        <v>11</v>
      </c>
      <c r="V32220">
        <v>12</v>
      </c>
      <c r="W32220">
        <v>12</v>
      </c>
      <c r="X32220">
        <v>12</v>
      </c>
      <c r="Y32220">
        <v>13</v>
      </c>
      <c r="Z32220">
        <v>13</v>
      </c>
      <c r="AA32220">
        <v>13</v>
      </c>
      <c r="AB32220">
        <v>13</v>
      </c>
      <c r="AC32220">
        <v>14</v>
      </c>
      <c r="AD32220">
        <v>14</v>
      </c>
      <c r="AE32220">
        <v>14</v>
      </c>
      <c r="AF32220">
        <v>14</v>
      </c>
      <c r="AG32220">
        <v>14</v>
      </c>
      <c r="AH32220">
        <v>15</v>
      </c>
      <c r="AI32220">
        <v>15</v>
      </c>
      <c r="AJ32220">
        <v>15</v>
      </c>
      <c r="AK32220">
        <v>15</v>
      </c>
      <c r="AL32220">
        <v>15</v>
      </c>
      <c r="AM32220">
        <v>15</v>
      </c>
      <c r="AN32220">
        <v>15</v>
      </c>
      <c r="AO32220">
        <v>15</v>
      </c>
      <c r="AP32220">
        <v>15</v>
      </c>
      <c r="AQ32220">
        <v>16</v>
      </c>
    </row>
    <row r="32221" spans="1:43">
      <c r="A32221" t="s">
        <v>19955</v>
      </c>
      <c r="B32221" t="s">
        <v>19956</v>
      </c>
      <c r="C32221" t="s">
        <v>19953</v>
      </c>
      <c r="D32221" t="s">
        <v>19954</v>
      </c>
      <c r="E32221" t="s">
        <v>19921</v>
      </c>
      <c r="F32221" t="s">
        <v>19922</v>
      </c>
      <c r="G32221" t="s">
        <v>10734</v>
      </c>
      <c r="H32221" t="s">
        <v>10735</v>
      </c>
      <c r="I32221" s="2">
        <v>0</v>
      </c>
      <c r="J32221" s="2">
        <v>0</v>
      </c>
      <c r="K32221" s="2">
        <v>1</v>
      </c>
      <c r="L32221" t="s">
        <v>995</v>
      </c>
      <c r="M32221" t="s">
        <v>83</v>
      </c>
      <c r="N32221" t="s">
        <v>91</v>
      </c>
      <c r="O32221" t="s">
        <v>85</v>
      </c>
      <c r="P32221" t="s">
        <v>86</v>
      </c>
      <c r="Q32221">
        <v>10</v>
      </c>
      <c r="R32221">
        <v>10</v>
      </c>
      <c r="S32221">
        <v>10</v>
      </c>
      <c r="T32221">
        <v>11</v>
      </c>
      <c r="U32221">
        <v>11</v>
      </c>
      <c r="V32221">
        <v>11</v>
      </c>
      <c r="W32221">
        <v>11</v>
      </c>
      <c r="X32221">
        <v>12</v>
      </c>
      <c r="Y32221">
        <v>12</v>
      </c>
      <c r="Z32221">
        <v>12</v>
      </c>
      <c r="AA32221">
        <v>12</v>
      </c>
      <c r="AB32221">
        <v>13</v>
      </c>
      <c r="AC32221">
        <v>13</v>
      </c>
      <c r="AD32221">
        <v>13</v>
      </c>
      <c r="AE32221">
        <v>13</v>
      </c>
      <c r="AF32221">
        <v>14</v>
      </c>
      <c r="AG32221">
        <v>14</v>
      </c>
      <c r="AH32221">
        <v>14</v>
      </c>
      <c r="AI32221">
        <v>14</v>
      </c>
      <c r="AJ32221">
        <v>15</v>
      </c>
      <c r="AK32221">
        <v>15</v>
      </c>
      <c r="AL32221">
        <v>15</v>
      </c>
      <c r="AM32221">
        <v>15</v>
      </c>
      <c r="AN32221">
        <v>15</v>
      </c>
      <c r="AO32221">
        <v>15</v>
      </c>
      <c r="AP32221">
        <v>15</v>
      </c>
      <c r="AQ32221">
        <v>15</v>
      </c>
    </row>
    <row r="32222" spans="1:43">
      <c r="A32222" t="s">
        <v>19957</v>
      </c>
      <c r="B32222" t="s">
        <v>19958</v>
      </c>
      <c r="C32222" t="s">
        <v>19959</v>
      </c>
      <c r="D32222" t="s">
        <v>19960</v>
      </c>
      <c r="E32222" t="s">
        <v>19921</v>
      </c>
      <c r="F32222" t="s">
        <v>19922</v>
      </c>
      <c r="G32222" t="s">
        <v>10734</v>
      </c>
      <c r="H32222" t="s">
        <v>10735</v>
      </c>
      <c r="I32222" s="2">
        <v>0</v>
      </c>
      <c r="J32222" s="2">
        <v>0</v>
      </c>
      <c r="K32222" s="2">
        <v>1</v>
      </c>
      <c r="L32222" t="s">
        <v>995</v>
      </c>
      <c r="M32222" t="s">
        <v>83</v>
      </c>
      <c r="N32222" t="s">
        <v>84</v>
      </c>
      <c r="O32222" t="s">
        <v>85</v>
      </c>
      <c r="P32222" t="s">
        <v>86</v>
      </c>
      <c r="Q32222">
        <v>106</v>
      </c>
      <c r="R32222">
        <v>109</v>
      </c>
      <c r="S32222">
        <v>111</v>
      </c>
      <c r="T32222">
        <v>114</v>
      </c>
      <c r="U32222">
        <v>116</v>
      </c>
      <c r="V32222">
        <v>119</v>
      </c>
      <c r="W32222">
        <v>121</v>
      </c>
      <c r="X32222">
        <v>124</v>
      </c>
      <c r="Y32222">
        <v>127</v>
      </c>
      <c r="Z32222">
        <v>129</v>
      </c>
      <c r="AA32222">
        <v>132</v>
      </c>
      <c r="AB32222">
        <v>134</v>
      </c>
      <c r="AC32222">
        <v>137</v>
      </c>
      <c r="AD32222">
        <v>140</v>
      </c>
      <c r="AE32222">
        <v>142</v>
      </c>
      <c r="AF32222">
        <v>145</v>
      </c>
      <c r="AG32222">
        <v>148</v>
      </c>
      <c r="AH32222">
        <v>150</v>
      </c>
      <c r="AI32222">
        <v>153</v>
      </c>
      <c r="AJ32222">
        <v>156</v>
      </c>
      <c r="AK32222">
        <v>158</v>
      </c>
      <c r="AL32222">
        <v>160</v>
      </c>
      <c r="AM32222">
        <v>162</v>
      </c>
      <c r="AN32222">
        <v>163</v>
      </c>
      <c r="AO32222">
        <v>164</v>
      </c>
      <c r="AP32222">
        <v>166</v>
      </c>
      <c r="AQ32222">
        <v>167</v>
      </c>
    </row>
    <row r="32223" spans="1:43">
      <c r="A32223" t="s">
        <v>19957</v>
      </c>
      <c r="B32223" t="s">
        <v>19958</v>
      </c>
      <c r="C32223" t="s">
        <v>19959</v>
      </c>
      <c r="D32223" t="s">
        <v>19960</v>
      </c>
      <c r="E32223" t="s">
        <v>19921</v>
      </c>
      <c r="F32223" t="s">
        <v>19922</v>
      </c>
      <c r="G32223" t="s">
        <v>10734</v>
      </c>
      <c r="H32223" t="s">
        <v>10735</v>
      </c>
      <c r="I32223" s="2">
        <v>0</v>
      </c>
      <c r="J32223" s="2">
        <v>0</v>
      </c>
      <c r="K32223" s="2">
        <v>1</v>
      </c>
      <c r="L32223" t="s">
        <v>995</v>
      </c>
      <c r="M32223" t="s">
        <v>87</v>
      </c>
      <c r="N32223" t="s">
        <v>88</v>
      </c>
      <c r="O32223" t="s">
        <v>85</v>
      </c>
      <c r="P32223" t="s">
        <v>86</v>
      </c>
      <c r="Q32223">
        <v>106</v>
      </c>
      <c r="R32223">
        <v>108</v>
      </c>
      <c r="S32223">
        <v>109</v>
      </c>
      <c r="T32223">
        <v>111</v>
      </c>
      <c r="U32223">
        <v>112</v>
      </c>
      <c r="V32223">
        <v>113</v>
      </c>
      <c r="W32223">
        <v>115</v>
      </c>
      <c r="X32223">
        <v>116</v>
      </c>
      <c r="Y32223">
        <v>118</v>
      </c>
      <c r="Z32223">
        <v>119</v>
      </c>
      <c r="AA32223">
        <v>121</v>
      </c>
      <c r="AB32223">
        <v>122</v>
      </c>
      <c r="AC32223">
        <v>124</v>
      </c>
      <c r="AD32223">
        <v>125</v>
      </c>
      <c r="AE32223">
        <v>127</v>
      </c>
      <c r="AF32223">
        <v>129</v>
      </c>
      <c r="AG32223">
        <v>130</v>
      </c>
      <c r="AH32223">
        <v>132</v>
      </c>
      <c r="AI32223">
        <v>133</v>
      </c>
      <c r="AJ32223">
        <v>135</v>
      </c>
      <c r="AK32223">
        <v>136</v>
      </c>
      <c r="AL32223">
        <v>138</v>
      </c>
      <c r="AM32223">
        <v>139</v>
      </c>
      <c r="AN32223">
        <v>141</v>
      </c>
      <c r="AO32223">
        <v>142</v>
      </c>
      <c r="AP32223">
        <v>144</v>
      </c>
      <c r="AQ32223">
        <v>145</v>
      </c>
    </row>
    <row r="32224" spans="1:43">
      <c r="A32224" t="s">
        <v>19957</v>
      </c>
      <c r="B32224" t="s">
        <v>19958</v>
      </c>
      <c r="C32224" t="s">
        <v>19959</v>
      </c>
      <c r="D32224" t="s">
        <v>19960</v>
      </c>
      <c r="E32224" t="s">
        <v>19921</v>
      </c>
      <c r="F32224" t="s">
        <v>19922</v>
      </c>
      <c r="G32224" t="s">
        <v>10734</v>
      </c>
      <c r="H32224" t="s">
        <v>10735</v>
      </c>
      <c r="I32224" s="2">
        <v>0</v>
      </c>
      <c r="J32224" s="2">
        <v>0</v>
      </c>
      <c r="K32224" s="2">
        <v>1</v>
      </c>
      <c r="L32224" t="s">
        <v>995</v>
      </c>
      <c r="M32224" t="s">
        <v>89</v>
      </c>
      <c r="N32224" t="s">
        <v>90</v>
      </c>
      <c r="O32224" t="s">
        <v>85</v>
      </c>
      <c r="P32224" t="s">
        <v>86</v>
      </c>
      <c r="Q32224">
        <v>106</v>
      </c>
      <c r="R32224">
        <v>110</v>
      </c>
      <c r="S32224">
        <v>113</v>
      </c>
      <c r="T32224">
        <v>116</v>
      </c>
      <c r="U32224">
        <v>120</v>
      </c>
      <c r="V32224">
        <v>123</v>
      </c>
      <c r="W32224">
        <v>127</v>
      </c>
      <c r="X32224">
        <v>130</v>
      </c>
      <c r="Y32224">
        <v>133</v>
      </c>
      <c r="Z32224">
        <v>136</v>
      </c>
      <c r="AA32224">
        <v>139</v>
      </c>
      <c r="AB32224">
        <v>143</v>
      </c>
      <c r="AC32224">
        <v>146</v>
      </c>
      <c r="AD32224">
        <v>149</v>
      </c>
      <c r="AE32224">
        <v>152</v>
      </c>
      <c r="AF32224">
        <v>153</v>
      </c>
      <c r="AG32224">
        <v>154</v>
      </c>
      <c r="AH32224">
        <v>156</v>
      </c>
      <c r="AI32224">
        <v>157</v>
      </c>
      <c r="AJ32224">
        <v>159</v>
      </c>
      <c r="AK32224">
        <v>160</v>
      </c>
      <c r="AL32224">
        <v>161</v>
      </c>
      <c r="AM32224">
        <v>163</v>
      </c>
      <c r="AN32224">
        <v>164</v>
      </c>
      <c r="AO32224">
        <v>165</v>
      </c>
      <c r="AP32224">
        <v>166</v>
      </c>
      <c r="AQ32224">
        <v>168</v>
      </c>
    </row>
    <row r="32225" spans="1:43">
      <c r="A32225" t="s">
        <v>19957</v>
      </c>
      <c r="B32225" t="s">
        <v>19958</v>
      </c>
      <c r="C32225" t="s">
        <v>19959</v>
      </c>
      <c r="D32225" t="s">
        <v>19960</v>
      </c>
      <c r="E32225" t="s">
        <v>19921</v>
      </c>
      <c r="F32225" t="s">
        <v>19922</v>
      </c>
      <c r="G32225" t="s">
        <v>10734</v>
      </c>
      <c r="H32225" t="s">
        <v>10735</v>
      </c>
      <c r="I32225" s="2">
        <v>0</v>
      </c>
      <c r="J32225" s="2">
        <v>0</v>
      </c>
      <c r="K32225" s="2">
        <v>1</v>
      </c>
      <c r="L32225" t="s">
        <v>995</v>
      </c>
      <c r="M32225" t="s">
        <v>83</v>
      </c>
      <c r="N32225" t="s">
        <v>91</v>
      </c>
      <c r="O32225" t="s">
        <v>85</v>
      </c>
      <c r="P32225" t="s">
        <v>86</v>
      </c>
      <c r="Q32225">
        <v>106</v>
      </c>
      <c r="R32225">
        <v>109</v>
      </c>
      <c r="S32225">
        <v>111</v>
      </c>
      <c r="T32225">
        <v>114</v>
      </c>
      <c r="U32225">
        <v>116</v>
      </c>
      <c r="V32225">
        <v>119</v>
      </c>
      <c r="W32225">
        <v>121</v>
      </c>
      <c r="X32225">
        <v>124</v>
      </c>
      <c r="Y32225">
        <v>127</v>
      </c>
      <c r="Z32225">
        <v>129</v>
      </c>
      <c r="AA32225">
        <v>132</v>
      </c>
      <c r="AB32225">
        <v>134</v>
      </c>
      <c r="AC32225">
        <v>137</v>
      </c>
      <c r="AD32225">
        <v>140</v>
      </c>
      <c r="AE32225">
        <v>142</v>
      </c>
      <c r="AF32225">
        <v>145</v>
      </c>
      <c r="AG32225">
        <v>148</v>
      </c>
      <c r="AH32225">
        <v>150</v>
      </c>
      <c r="AI32225">
        <v>153</v>
      </c>
      <c r="AJ32225">
        <v>156</v>
      </c>
      <c r="AK32225">
        <v>158</v>
      </c>
      <c r="AL32225">
        <v>160</v>
      </c>
      <c r="AM32225">
        <v>162</v>
      </c>
      <c r="AN32225">
        <v>163</v>
      </c>
      <c r="AO32225">
        <v>164</v>
      </c>
      <c r="AP32225">
        <v>166</v>
      </c>
      <c r="AQ32225">
        <v>167</v>
      </c>
    </row>
    <row r="32226" spans="1:43">
      <c r="A32226" t="s">
        <v>19961</v>
      </c>
      <c r="B32226" t="s">
        <v>19962</v>
      </c>
      <c r="C32226" t="s">
        <v>19959</v>
      </c>
      <c r="D32226" t="s">
        <v>19960</v>
      </c>
      <c r="E32226" t="s">
        <v>19921</v>
      </c>
      <c r="F32226" t="s">
        <v>19922</v>
      </c>
      <c r="G32226" t="s">
        <v>10734</v>
      </c>
      <c r="H32226" t="s">
        <v>10735</v>
      </c>
      <c r="I32226" s="2">
        <v>0</v>
      </c>
      <c r="J32226" s="2">
        <v>0</v>
      </c>
      <c r="K32226" s="2">
        <v>1</v>
      </c>
      <c r="L32226" t="s">
        <v>995</v>
      </c>
      <c r="M32226" t="s">
        <v>83</v>
      </c>
      <c r="N32226" t="s">
        <v>84</v>
      </c>
      <c r="O32226" t="s">
        <v>85</v>
      </c>
      <c r="P32226" t="s">
        <v>86</v>
      </c>
      <c r="Q32226">
        <v>38</v>
      </c>
      <c r="R32226">
        <v>39</v>
      </c>
      <c r="S32226">
        <v>40</v>
      </c>
      <c r="T32226">
        <v>41</v>
      </c>
      <c r="U32226">
        <v>42</v>
      </c>
      <c r="V32226">
        <v>43</v>
      </c>
      <c r="W32226">
        <v>44</v>
      </c>
      <c r="X32226">
        <v>45</v>
      </c>
      <c r="Y32226">
        <v>46</v>
      </c>
      <c r="Z32226">
        <v>47</v>
      </c>
      <c r="AA32226">
        <v>48</v>
      </c>
      <c r="AB32226">
        <v>49</v>
      </c>
      <c r="AC32226">
        <v>50</v>
      </c>
      <c r="AD32226">
        <v>51</v>
      </c>
      <c r="AE32226">
        <v>52</v>
      </c>
      <c r="AF32226">
        <v>53</v>
      </c>
      <c r="AG32226">
        <v>53</v>
      </c>
      <c r="AH32226">
        <v>54</v>
      </c>
      <c r="AI32226">
        <v>55</v>
      </c>
      <c r="AJ32226">
        <v>56</v>
      </c>
      <c r="AK32226">
        <v>57</v>
      </c>
      <c r="AL32226">
        <v>58</v>
      </c>
      <c r="AM32226">
        <v>59</v>
      </c>
      <c r="AN32226">
        <v>59</v>
      </c>
      <c r="AO32226">
        <v>59</v>
      </c>
      <c r="AP32226">
        <v>60</v>
      </c>
      <c r="AQ32226">
        <v>60</v>
      </c>
    </row>
    <row r="32227" spans="1:43">
      <c r="A32227" t="s">
        <v>19961</v>
      </c>
      <c r="B32227" t="s">
        <v>19962</v>
      </c>
      <c r="C32227" t="s">
        <v>19959</v>
      </c>
      <c r="D32227" t="s">
        <v>19960</v>
      </c>
      <c r="E32227" t="s">
        <v>19921</v>
      </c>
      <c r="F32227" t="s">
        <v>19922</v>
      </c>
      <c r="G32227" t="s">
        <v>10734</v>
      </c>
      <c r="H32227" t="s">
        <v>10735</v>
      </c>
      <c r="I32227" s="2">
        <v>0</v>
      </c>
      <c r="J32227" s="2">
        <v>0</v>
      </c>
      <c r="K32227" s="2">
        <v>1</v>
      </c>
      <c r="L32227" t="s">
        <v>995</v>
      </c>
      <c r="M32227" t="s">
        <v>87</v>
      </c>
      <c r="N32227" t="s">
        <v>88</v>
      </c>
      <c r="O32227" t="s">
        <v>85</v>
      </c>
      <c r="P32227" t="s">
        <v>86</v>
      </c>
      <c r="Q32227">
        <v>38</v>
      </c>
      <c r="R32227">
        <v>39</v>
      </c>
      <c r="S32227">
        <v>39</v>
      </c>
      <c r="T32227">
        <v>40</v>
      </c>
      <c r="U32227">
        <v>40</v>
      </c>
      <c r="V32227">
        <v>41</v>
      </c>
      <c r="W32227">
        <v>41</v>
      </c>
      <c r="X32227">
        <v>42</v>
      </c>
      <c r="Y32227">
        <v>42</v>
      </c>
      <c r="Z32227">
        <v>43</v>
      </c>
      <c r="AA32227">
        <v>44</v>
      </c>
      <c r="AB32227">
        <v>44</v>
      </c>
      <c r="AC32227">
        <v>45</v>
      </c>
      <c r="AD32227">
        <v>45</v>
      </c>
      <c r="AE32227">
        <v>46</v>
      </c>
      <c r="AF32227">
        <v>46</v>
      </c>
      <c r="AG32227">
        <v>47</v>
      </c>
      <c r="AH32227">
        <v>47</v>
      </c>
      <c r="AI32227">
        <v>48</v>
      </c>
      <c r="AJ32227">
        <v>49</v>
      </c>
      <c r="AK32227">
        <v>49</v>
      </c>
      <c r="AL32227">
        <v>50</v>
      </c>
      <c r="AM32227">
        <v>50</v>
      </c>
      <c r="AN32227">
        <v>51</v>
      </c>
      <c r="AO32227">
        <v>51</v>
      </c>
      <c r="AP32227">
        <v>52</v>
      </c>
      <c r="AQ32227">
        <v>53</v>
      </c>
    </row>
    <row r="32228" spans="1:43">
      <c r="A32228" t="s">
        <v>19961</v>
      </c>
      <c r="B32228" t="s">
        <v>19962</v>
      </c>
      <c r="C32228" t="s">
        <v>19959</v>
      </c>
      <c r="D32228" t="s">
        <v>19960</v>
      </c>
      <c r="E32228" t="s">
        <v>19921</v>
      </c>
      <c r="F32228" t="s">
        <v>19922</v>
      </c>
      <c r="G32228" t="s">
        <v>10734</v>
      </c>
      <c r="H32228" t="s">
        <v>10735</v>
      </c>
      <c r="I32228" s="2">
        <v>0</v>
      </c>
      <c r="J32228" s="2">
        <v>0</v>
      </c>
      <c r="K32228" s="2">
        <v>1</v>
      </c>
      <c r="L32228" t="s">
        <v>995</v>
      </c>
      <c r="M32228" t="s">
        <v>89</v>
      </c>
      <c r="N32228" t="s">
        <v>90</v>
      </c>
      <c r="O32228" t="s">
        <v>85</v>
      </c>
      <c r="P32228" t="s">
        <v>86</v>
      </c>
      <c r="Q32228">
        <v>38</v>
      </c>
      <c r="R32228">
        <v>39</v>
      </c>
      <c r="S32228">
        <v>40</v>
      </c>
      <c r="T32228">
        <v>41</v>
      </c>
      <c r="U32228">
        <v>43</v>
      </c>
      <c r="V32228">
        <v>44</v>
      </c>
      <c r="W32228">
        <v>45</v>
      </c>
      <c r="X32228">
        <v>46</v>
      </c>
      <c r="Y32228">
        <v>48</v>
      </c>
      <c r="Z32228">
        <v>49</v>
      </c>
      <c r="AA32228">
        <v>50</v>
      </c>
      <c r="AB32228">
        <v>51</v>
      </c>
      <c r="AC32228">
        <v>52</v>
      </c>
      <c r="AD32228">
        <v>53</v>
      </c>
      <c r="AE32228">
        <v>54</v>
      </c>
      <c r="AF32228">
        <v>55</v>
      </c>
      <c r="AG32228">
        <v>55</v>
      </c>
      <c r="AH32228">
        <v>56</v>
      </c>
      <c r="AI32228">
        <v>56</v>
      </c>
      <c r="AJ32228">
        <v>57</v>
      </c>
      <c r="AK32228">
        <v>57</v>
      </c>
      <c r="AL32228">
        <v>58</v>
      </c>
      <c r="AM32228">
        <v>58</v>
      </c>
      <c r="AN32228">
        <v>59</v>
      </c>
      <c r="AO32228">
        <v>59</v>
      </c>
      <c r="AP32228">
        <v>59</v>
      </c>
      <c r="AQ32228">
        <v>60</v>
      </c>
    </row>
    <row r="32229" spans="1:43">
      <c r="A32229" t="s">
        <v>19961</v>
      </c>
      <c r="B32229" t="s">
        <v>19962</v>
      </c>
      <c r="C32229" t="s">
        <v>19959</v>
      </c>
      <c r="D32229" t="s">
        <v>19960</v>
      </c>
      <c r="E32229" t="s">
        <v>19921</v>
      </c>
      <c r="F32229" t="s">
        <v>19922</v>
      </c>
      <c r="G32229" t="s">
        <v>10734</v>
      </c>
      <c r="H32229" t="s">
        <v>10735</v>
      </c>
      <c r="I32229" s="2">
        <v>0</v>
      </c>
      <c r="J32229" s="2">
        <v>0</v>
      </c>
      <c r="K32229" s="2">
        <v>1</v>
      </c>
      <c r="L32229" t="s">
        <v>995</v>
      </c>
      <c r="M32229" t="s">
        <v>83</v>
      </c>
      <c r="N32229" t="s">
        <v>91</v>
      </c>
      <c r="O32229" t="s">
        <v>85</v>
      </c>
      <c r="P32229" t="s">
        <v>86</v>
      </c>
      <c r="Q32229">
        <v>38</v>
      </c>
      <c r="R32229">
        <v>39</v>
      </c>
      <c r="S32229">
        <v>40</v>
      </c>
      <c r="T32229">
        <v>41</v>
      </c>
      <c r="U32229">
        <v>42</v>
      </c>
      <c r="V32229">
        <v>43</v>
      </c>
      <c r="W32229">
        <v>44</v>
      </c>
      <c r="X32229">
        <v>45</v>
      </c>
      <c r="Y32229">
        <v>46</v>
      </c>
      <c r="Z32229">
        <v>47</v>
      </c>
      <c r="AA32229">
        <v>48</v>
      </c>
      <c r="AB32229">
        <v>49</v>
      </c>
      <c r="AC32229">
        <v>50</v>
      </c>
      <c r="AD32229">
        <v>51</v>
      </c>
      <c r="AE32229">
        <v>52</v>
      </c>
      <c r="AF32229">
        <v>53</v>
      </c>
      <c r="AG32229">
        <v>53</v>
      </c>
      <c r="AH32229">
        <v>54</v>
      </c>
      <c r="AI32229">
        <v>55</v>
      </c>
      <c r="AJ32229">
        <v>56</v>
      </c>
      <c r="AK32229">
        <v>57</v>
      </c>
      <c r="AL32229">
        <v>58</v>
      </c>
      <c r="AM32229">
        <v>59</v>
      </c>
      <c r="AN32229">
        <v>59</v>
      </c>
      <c r="AO32229">
        <v>59</v>
      </c>
      <c r="AP32229">
        <v>60</v>
      </c>
      <c r="AQ32229">
        <v>60</v>
      </c>
    </row>
    <row r="32230" spans="1:43">
      <c r="A32230" t="s">
        <v>19963</v>
      </c>
      <c r="B32230" t="s">
        <v>19964</v>
      </c>
      <c r="C32230" t="s">
        <v>19965</v>
      </c>
      <c r="D32230" t="s">
        <v>19966</v>
      </c>
      <c r="E32230" t="s">
        <v>19921</v>
      </c>
      <c r="F32230" t="s">
        <v>19922</v>
      </c>
      <c r="G32230" t="s">
        <v>10734</v>
      </c>
      <c r="H32230" t="s">
        <v>10735</v>
      </c>
      <c r="I32230" s="2">
        <v>0</v>
      </c>
      <c r="J32230" s="2">
        <v>0</v>
      </c>
      <c r="K32230" s="2">
        <v>1</v>
      </c>
      <c r="L32230" t="s">
        <v>995</v>
      </c>
      <c r="M32230" t="s">
        <v>83</v>
      </c>
      <c r="N32230" t="s">
        <v>84</v>
      </c>
      <c r="O32230" t="s">
        <v>85</v>
      </c>
      <c r="P32230" t="s">
        <v>86</v>
      </c>
      <c r="Q32230">
        <v>12</v>
      </c>
      <c r="R32230">
        <v>13</v>
      </c>
      <c r="S32230">
        <v>13</v>
      </c>
      <c r="T32230">
        <v>13</v>
      </c>
      <c r="U32230">
        <v>14</v>
      </c>
      <c r="V32230">
        <v>14</v>
      </c>
      <c r="W32230">
        <v>14</v>
      </c>
      <c r="X32230">
        <v>14</v>
      </c>
      <c r="Y32230">
        <v>15</v>
      </c>
      <c r="Z32230">
        <v>15</v>
      </c>
      <c r="AA32230">
        <v>15</v>
      </c>
      <c r="AB32230">
        <v>16</v>
      </c>
      <c r="AC32230">
        <v>16</v>
      </c>
      <c r="AD32230">
        <v>16</v>
      </c>
      <c r="AE32230">
        <v>17</v>
      </c>
      <c r="AF32230">
        <v>17</v>
      </c>
      <c r="AG32230">
        <v>17</v>
      </c>
      <c r="AH32230">
        <v>18</v>
      </c>
      <c r="AI32230">
        <v>18</v>
      </c>
      <c r="AJ32230">
        <v>18</v>
      </c>
      <c r="AK32230">
        <v>18</v>
      </c>
      <c r="AL32230">
        <v>19</v>
      </c>
      <c r="AM32230">
        <v>19</v>
      </c>
      <c r="AN32230">
        <v>19</v>
      </c>
      <c r="AO32230">
        <v>19</v>
      </c>
      <c r="AP32230">
        <v>19</v>
      </c>
      <c r="AQ32230">
        <v>19</v>
      </c>
    </row>
    <row r="32231" spans="1:43">
      <c r="A32231" t="s">
        <v>19963</v>
      </c>
      <c r="B32231" t="s">
        <v>19964</v>
      </c>
      <c r="C32231" t="s">
        <v>19965</v>
      </c>
      <c r="D32231" t="s">
        <v>19966</v>
      </c>
      <c r="E32231" t="s">
        <v>19921</v>
      </c>
      <c r="F32231" t="s">
        <v>19922</v>
      </c>
      <c r="G32231" t="s">
        <v>10734</v>
      </c>
      <c r="H32231" t="s">
        <v>10735</v>
      </c>
      <c r="I32231" s="2">
        <v>0</v>
      </c>
      <c r="J32231" s="2">
        <v>0</v>
      </c>
      <c r="K32231" s="2">
        <v>1</v>
      </c>
      <c r="L32231" t="s">
        <v>995</v>
      </c>
      <c r="M32231" t="s">
        <v>87</v>
      </c>
      <c r="N32231" t="s">
        <v>88</v>
      </c>
      <c r="O32231" t="s">
        <v>85</v>
      </c>
      <c r="P32231" t="s">
        <v>86</v>
      </c>
      <c r="Q32231">
        <v>12</v>
      </c>
      <c r="R32231">
        <v>12</v>
      </c>
      <c r="S32231">
        <v>13</v>
      </c>
      <c r="T32231">
        <v>13</v>
      </c>
      <c r="U32231">
        <v>13</v>
      </c>
      <c r="V32231">
        <v>13</v>
      </c>
      <c r="W32231">
        <v>13</v>
      </c>
      <c r="X32231">
        <v>13</v>
      </c>
      <c r="Y32231">
        <v>14</v>
      </c>
      <c r="Z32231">
        <v>14</v>
      </c>
      <c r="AA32231">
        <v>14</v>
      </c>
      <c r="AB32231">
        <v>14</v>
      </c>
      <c r="AC32231">
        <v>14</v>
      </c>
      <c r="AD32231">
        <v>15</v>
      </c>
      <c r="AE32231">
        <v>15</v>
      </c>
      <c r="AF32231">
        <v>15</v>
      </c>
      <c r="AG32231">
        <v>15</v>
      </c>
      <c r="AH32231">
        <v>15</v>
      </c>
      <c r="AI32231">
        <v>15</v>
      </c>
      <c r="AJ32231">
        <v>16</v>
      </c>
      <c r="AK32231">
        <v>16</v>
      </c>
      <c r="AL32231">
        <v>16</v>
      </c>
      <c r="AM32231">
        <v>16</v>
      </c>
      <c r="AN32231">
        <v>16</v>
      </c>
      <c r="AO32231">
        <v>17</v>
      </c>
      <c r="AP32231">
        <v>17</v>
      </c>
      <c r="AQ32231">
        <v>17</v>
      </c>
    </row>
    <row r="32232" spans="1:43">
      <c r="A32232" t="s">
        <v>19963</v>
      </c>
      <c r="B32232" t="s">
        <v>19964</v>
      </c>
      <c r="C32232" t="s">
        <v>19965</v>
      </c>
      <c r="D32232" t="s">
        <v>19966</v>
      </c>
      <c r="E32232" t="s">
        <v>19921</v>
      </c>
      <c r="F32232" t="s">
        <v>19922</v>
      </c>
      <c r="G32232" t="s">
        <v>10734</v>
      </c>
      <c r="H32232" t="s">
        <v>10735</v>
      </c>
      <c r="I32232" s="2">
        <v>0</v>
      </c>
      <c r="J32232" s="2">
        <v>0</v>
      </c>
      <c r="K32232" s="2">
        <v>1</v>
      </c>
      <c r="L32232" t="s">
        <v>995</v>
      </c>
      <c r="M32232" t="s">
        <v>89</v>
      </c>
      <c r="N32232" t="s">
        <v>90</v>
      </c>
      <c r="O32232" t="s">
        <v>85</v>
      </c>
      <c r="P32232" t="s">
        <v>86</v>
      </c>
      <c r="Q32232">
        <v>12</v>
      </c>
      <c r="R32232">
        <v>13</v>
      </c>
      <c r="S32232">
        <v>13</v>
      </c>
      <c r="T32232">
        <v>14</v>
      </c>
      <c r="U32232">
        <v>14</v>
      </c>
      <c r="V32232">
        <v>14</v>
      </c>
      <c r="W32232">
        <v>15</v>
      </c>
      <c r="X32232">
        <v>15</v>
      </c>
      <c r="Y32232">
        <v>16</v>
      </c>
      <c r="Z32232">
        <v>16</v>
      </c>
      <c r="AA32232">
        <v>16</v>
      </c>
      <c r="AB32232">
        <v>17</v>
      </c>
      <c r="AC32232">
        <v>17</v>
      </c>
      <c r="AD32232">
        <v>17</v>
      </c>
      <c r="AE32232">
        <v>18</v>
      </c>
      <c r="AF32232">
        <v>18</v>
      </c>
      <c r="AG32232">
        <v>18</v>
      </c>
      <c r="AH32232">
        <v>18</v>
      </c>
      <c r="AI32232">
        <v>18</v>
      </c>
      <c r="AJ32232">
        <v>19</v>
      </c>
      <c r="AK32232">
        <v>19</v>
      </c>
      <c r="AL32232">
        <v>19</v>
      </c>
      <c r="AM32232">
        <v>19</v>
      </c>
      <c r="AN32232">
        <v>19</v>
      </c>
      <c r="AO32232">
        <v>19</v>
      </c>
      <c r="AP32232">
        <v>19</v>
      </c>
      <c r="AQ32232">
        <v>20</v>
      </c>
    </row>
    <row r="32233" spans="1:43">
      <c r="A32233" t="s">
        <v>19963</v>
      </c>
      <c r="B32233" t="s">
        <v>19964</v>
      </c>
      <c r="C32233" t="s">
        <v>19965</v>
      </c>
      <c r="D32233" t="s">
        <v>19966</v>
      </c>
      <c r="E32233" t="s">
        <v>19921</v>
      </c>
      <c r="F32233" t="s">
        <v>19922</v>
      </c>
      <c r="G32233" t="s">
        <v>10734</v>
      </c>
      <c r="H32233" t="s">
        <v>10735</v>
      </c>
      <c r="I32233" s="2">
        <v>0</v>
      </c>
      <c r="J32233" s="2">
        <v>0</v>
      </c>
      <c r="K32233" s="2">
        <v>1</v>
      </c>
      <c r="L32233" t="s">
        <v>995</v>
      </c>
      <c r="M32233" t="s">
        <v>83</v>
      </c>
      <c r="N32233" t="s">
        <v>91</v>
      </c>
      <c r="O32233" t="s">
        <v>85</v>
      </c>
      <c r="P32233" t="s">
        <v>86</v>
      </c>
      <c r="Q32233">
        <v>12</v>
      </c>
      <c r="R32233">
        <v>13</v>
      </c>
      <c r="S32233">
        <v>13</v>
      </c>
      <c r="T32233">
        <v>13</v>
      </c>
      <c r="U32233">
        <v>14</v>
      </c>
      <c r="V32233">
        <v>14</v>
      </c>
      <c r="W32233">
        <v>14</v>
      </c>
      <c r="X32233">
        <v>14</v>
      </c>
      <c r="Y32233">
        <v>15</v>
      </c>
      <c r="Z32233">
        <v>15</v>
      </c>
      <c r="AA32233">
        <v>15</v>
      </c>
      <c r="AB32233">
        <v>16</v>
      </c>
      <c r="AC32233">
        <v>16</v>
      </c>
      <c r="AD32233">
        <v>16</v>
      </c>
      <c r="AE32233">
        <v>17</v>
      </c>
      <c r="AF32233">
        <v>17</v>
      </c>
      <c r="AG32233">
        <v>17</v>
      </c>
      <c r="AH32233">
        <v>18</v>
      </c>
      <c r="AI32233">
        <v>18</v>
      </c>
      <c r="AJ32233">
        <v>18</v>
      </c>
      <c r="AK32233">
        <v>18</v>
      </c>
      <c r="AL32233">
        <v>19</v>
      </c>
      <c r="AM32233">
        <v>19</v>
      </c>
      <c r="AN32233">
        <v>19</v>
      </c>
      <c r="AO32233">
        <v>19</v>
      </c>
      <c r="AP32233">
        <v>19</v>
      </c>
      <c r="AQ32233">
        <v>19</v>
      </c>
    </row>
    <row r="32234" spans="1:43">
      <c r="A32234" t="s">
        <v>19967</v>
      </c>
      <c r="B32234" t="s">
        <v>19968</v>
      </c>
      <c r="C32234" t="s">
        <v>19919</v>
      </c>
      <c r="D32234" t="s">
        <v>19920</v>
      </c>
      <c r="E32234" t="s">
        <v>19921</v>
      </c>
      <c r="F32234" t="s">
        <v>19922</v>
      </c>
      <c r="G32234" t="s">
        <v>10734</v>
      </c>
      <c r="H32234" t="s">
        <v>10735</v>
      </c>
      <c r="I32234" s="2">
        <v>0</v>
      </c>
      <c r="J32234" s="2">
        <v>0</v>
      </c>
      <c r="K32234" s="2">
        <v>1</v>
      </c>
      <c r="L32234" t="s">
        <v>995</v>
      </c>
      <c r="M32234" t="s">
        <v>83</v>
      </c>
      <c r="N32234" t="s">
        <v>84</v>
      </c>
      <c r="O32234" t="s">
        <v>85</v>
      </c>
      <c r="P32234" t="s">
        <v>86</v>
      </c>
      <c r="Q32234">
        <v>11</v>
      </c>
      <c r="R32234">
        <v>11</v>
      </c>
      <c r="S32234">
        <v>11</v>
      </c>
      <c r="T32234">
        <v>12</v>
      </c>
      <c r="U32234">
        <v>12</v>
      </c>
      <c r="V32234">
        <v>12</v>
      </c>
      <c r="W32234">
        <v>12</v>
      </c>
      <c r="X32234">
        <v>13</v>
      </c>
      <c r="Y32234">
        <v>13</v>
      </c>
      <c r="Z32234">
        <v>13</v>
      </c>
      <c r="AA32234">
        <v>13</v>
      </c>
      <c r="AB32234">
        <v>14</v>
      </c>
      <c r="AC32234">
        <v>14</v>
      </c>
      <c r="AD32234">
        <v>14</v>
      </c>
      <c r="AE32234">
        <v>15</v>
      </c>
      <c r="AF32234">
        <v>15</v>
      </c>
      <c r="AG32234">
        <v>15</v>
      </c>
      <c r="AH32234">
        <v>15</v>
      </c>
      <c r="AI32234">
        <v>16</v>
      </c>
      <c r="AJ32234">
        <v>16</v>
      </c>
      <c r="AK32234">
        <v>16</v>
      </c>
      <c r="AL32234">
        <v>16</v>
      </c>
      <c r="AM32234">
        <v>17</v>
      </c>
      <c r="AN32234">
        <v>17</v>
      </c>
      <c r="AO32234">
        <v>17</v>
      </c>
      <c r="AP32234">
        <v>17</v>
      </c>
      <c r="AQ32234">
        <v>17</v>
      </c>
    </row>
    <row r="32235" spans="1:43">
      <c r="A32235" t="s">
        <v>19967</v>
      </c>
      <c r="B32235" t="s">
        <v>19968</v>
      </c>
      <c r="C32235" t="s">
        <v>19919</v>
      </c>
      <c r="D32235" t="s">
        <v>19920</v>
      </c>
      <c r="E32235" t="s">
        <v>19921</v>
      </c>
      <c r="F32235" t="s">
        <v>19922</v>
      </c>
      <c r="G32235" t="s">
        <v>10734</v>
      </c>
      <c r="H32235" t="s">
        <v>10735</v>
      </c>
      <c r="I32235" s="2">
        <v>0</v>
      </c>
      <c r="J32235" s="2">
        <v>0</v>
      </c>
      <c r="K32235" s="2">
        <v>1</v>
      </c>
      <c r="L32235" t="s">
        <v>995</v>
      </c>
      <c r="M32235" t="s">
        <v>87</v>
      </c>
      <c r="N32235" t="s">
        <v>88</v>
      </c>
      <c r="O32235" t="s">
        <v>85</v>
      </c>
      <c r="P32235" t="s">
        <v>86</v>
      </c>
      <c r="Q32235">
        <v>11</v>
      </c>
      <c r="R32235">
        <v>11</v>
      </c>
      <c r="S32235">
        <v>11</v>
      </c>
      <c r="T32235">
        <v>11</v>
      </c>
      <c r="U32235">
        <v>11</v>
      </c>
      <c r="V32235">
        <v>12</v>
      </c>
      <c r="W32235">
        <v>12</v>
      </c>
      <c r="X32235">
        <v>12</v>
      </c>
      <c r="Y32235">
        <v>12</v>
      </c>
      <c r="Z32235">
        <v>12</v>
      </c>
      <c r="AA32235">
        <v>12</v>
      </c>
      <c r="AB32235">
        <v>12</v>
      </c>
      <c r="AC32235">
        <v>13</v>
      </c>
      <c r="AD32235">
        <v>13</v>
      </c>
      <c r="AE32235">
        <v>13</v>
      </c>
      <c r="AF32235">
        <v>13</v>
      </c>
      <c r="AG32235">
        <v>13</v>
      </c>
      <c r="AH32235">
        <v>13</v>
      </c>
      <c r="AI32235">
        <v>14</v>
      </c>
      <c r="AJ32235">
        <v>14</v>
      </c>
      <c r="AK32235">
        <v>14</v>
      </c>
      <c r="AL32235">
        <v>14</v>
      </c>
      <c r="AM32235">
        <v>14</v>
      </c>
      <c r="AN32235">
        <v>14</v>
      </c>
      <c r="AO32235">
        <v>14</v>
      </c>
      <c r="AP32235">
        <v>15</v>
      </c>
      <c r="AQ32235">
        <v>15</v>
      </c>
    </row>
    <row r="32236" spans="1:43">
      <c r="A32236" t="s">
        <v>19967</v>
      </c>
      <c r="B32236" t="s">
        <v>19968</v>
      </c>
      <c r="C32236" t="s">
        <v>19919</v>
      </c>
      <c r="D32236" t="s">
        <v>19920</v>
      </c>
      <c r="E32236" t="s">
        <v>19921</v>
      </c>
      <c r="F32236" t="s">
        <v>19922</v>
      </c>
      <c r="G32236" t="s">
        <v>10734</v>
      </c>
      <c r="H32236" t="s">
        <v>10735</v>
      </c>
      <c r="I32236" s="2">
        <v>0</v>
      </c>
      <c r="J32236" s="2">
        <v>0</v>
      </c>
      <c r="K32236" s="2">
        <v>1</v>
      </c>
      <c r="L32236" t="s">
        <v>995</v>
      </c>
      <c r="M32236" t="s">
        <v>89</v>
      </c>
      <c r="N32236" t="s">
        <v>90</v>
      </c>
      <c r="O32236" t="s">
        <v>85</v>
      </c>
      <c r="P32236" t="s">
        <v>86</v>
      </c>
      <c r="Q32236">
        <v>11</v>
      </c>
      <c r="R32236">
        <v>11</v>
      </c>
      <c r="S32236">
        <v>12</v>
      </c>
      <c r="T32236">
        <v>12</v>
      </c>
      <c r="U32236">
        <v>12</v>
      </c>
      <c r="V32236">
        <v>13</v>
      </c>
      <c r="W32236">
        <v>13</v>
      </c>
      <c r="X32236">
        <v>13</v>
      </c>
      <c r="Y32236">
        <v>14</v>
      </c>
      <c r="Z32236">
        <v>14</v>
      </c>
      <c r="AA32236">
        <v>14</v>
      </c>
      <c r="AB32236">
        <v>15</v>
      </c>
      <c r="AC32236">
        <v>15</v>
      </c>
      <c r="AD32236">
        <v>15</v>
      </c>
      <c r="AE32236">
        <v>16</v>
      </c>
      <c r="AF32236">
        <v>16</v>
      </c>
      <c r="AG32236">
        <v>16</v>
      </c>
      <c r="AH32236">
        <v>16</v>
      </c>
      <c r="AI32236">
        <v>16</v>
      </c>
      <c r="AJ32236">
        <v>16</v>
      </c>
      <c r="AK32236">
        <v>16</v>
      </c>
      <c r="AL32236">
        <v>17</v>
      </c>
      <c r="AM32236">
        <v>17</v>
      </c>
      <c r="AN32236">
        <v>17</v>
      </c>
      <c r="AO32236">
        <v>17</v>
      </c>
      <c r="AP32236">
        <v>17</v>
      </c>
      <c r="AQ32236">
        <v>17</v>
      </c>
    </row>
    <row r="32237" spans="1:43">
      <c r="A32237" t="s">
        <v>19967</v>
      </c>
      <c r="B32237" t="s">
        <v>19968</v>
      </c>
      <c r="C32237" t="s">
        <v>19919</v>
      </c>
      <c r="D32237" t="s">
        <v>19920</v>
      </c>
      <c r="E32237" t="s">
        <v>19921</v>
      </c>
      <c r="F32237" t="s">
        <v>19922</v>
      </c>
      <c r="G32237" t="s">
        <v>10734</v>
      </c>
      <c r="H32237" t="s">
        <v>10735</v>
      </c>
      <c r="I32237" s="2">
        <v>0</v>
      </c>
      <c r="J32237" s="2">
        <v>0</v>
      </c>
      <c r="K32237" s="2">
        <v>1</v>
      </c>
      <c r="L32237" t="s">
        <v>995</v>
      </c>
      <c r="M32237" t="s">
        <v>83</v>
      </c>
      <c r="N32237" t="s">
        <v>91</v>
      </c>
      <c r="O32237" t="s">
        <v>85</v>
      </c>
      <c r="P32237" t="s">
        <v>86</v>
      </c>
      <c r="Q32237">
        <v>11</v>
      </c>
      <c r="R32237">
        <v>11</v>
      </c>
      <c r="S32237">
        <v>11</v>
      </c>
      <c r="T32237">
        <v>12</v>
      </c>
      <c r="U32237">
        <v>12</v>
      </c>
      <c r="V32237">
        <v>12</v>
      </c>
      <c r="W32237">
        <v>12</v>
      </c>
      <c r="X32237">
        <v>13</v>
      </c>
      <c r="Y32237">
        <v>13</v>
      </c>
      <c r="Z32237">
        <v>13</v>
      </c>
      <c r="AA32237">
        <v>13</v>
      </c>
      <c r="AB32237">
        <v>14</v>
      </c>
      <c r="AC32237">
        <v>14</v>
      </c>
      <c r="AD32237">
        <v>14</v>
      </c>
      <c r="AE32237">
        <v>15</v>
      </c>
      <c r="AF32237">
        <v>15</v>
      </c>
      <c r="AG32237">
        <v>15</v>
      </c>
      <c r="AH32237">
        <v>15</v>
      </c>
      <c r="AI32237">
        <v>16</v>
      </c>
      <c r="AJ32237">
        <v>16</v>
      </c>
      <c r="AK32237">
        <v>16</v>
      </c>
      <c r="AL32237">
        <v>16</v>
      </c>
      <c r="AM32237">
        <v>17</v>
      </c>
      <c r="AN32237">
        <v>17</v>
      </c>
      <c r="AO32237">
        <v>17</v>
      </c>
      <c r="AP32237">
        <v>17</v>
      </c>
      <c r="AQ32237">
        <v>17</v>
      </c>
    </row>
    <row r="32238" spans="1:43">
      <c r="A32238" t="s">
        <v>19969</v>
      </c>
      <c r="B32238" t="s">
        <v>19970</v>
      </c>
      <c r="C32238" t="s">
        <v>19919</v>
      </c>
      <c r="D32238" t="s">
        <v>19920</v>
      </c>
      <c r="E32238" t="s">
        <v>19921</v>
      </c>
      <c r="F32238" t="s">
        <v>19922</v>
      </c>
      <c r="G32238" t="s">
        <v>10734</v>
      </c>
      <c r="H32238" t="s">
        <v>10735</v>
      </c>
      <c r="I32238" s="2">
        <v>0</v>
      </c>
      <c r="J32238" s="2">
        <v>0</v>
      </c>
      <c r="K32238" s="2">
        <v>1</v>
      </c>
      <c r="L32238" t="s">
        <v>995</v>
      </c>
      <c r="M32238" t="s">
        <v>83</v>
      </c>
      <c r="N32238" t="s">
        <v>84</v>
      </c>
      <c r="O32238" t="s">
        <v>85</v>
      </c>
      <c r="P32238" t="s">
        <v>86</v>
      </c>
      <c r="Q32238">
        <v>16</v>
      </c>
      <c r="R32238">
        <v>16</v>
      </c>
      <c r="S32238">
        <v>16</v>
      </c>
      <c r="T32238">
        <v>17</v>
      </c>
      <c r="U32238">
        <v>17</v>
      </c>
      <c r="V32238">
        <v>17</v>
      </c>
      <c r="W32238">
        <v>18</v>
      </c>
      <c r="X32238">
        <v>18</v>
      </c>
      <c r="Y32238">
        <v>18</v>
      </c>
      <c r="Z32238">
        <v>19</v>
      </c>
      <c r="AA32238">
        <v>19</v>
      </c>
      <c r="AB32238">
        <v>19</v>
      </c>
      <c r="AC32238">
        <v>20</v>
      </c>
      <c r="AD32238">
        <v>20</v>
      </c>
      <c r="AE32238">
        <v>21</v>
      </c>
      <c r="AF32238">
        <v>21</v>
      </c>
      <c r="AG32238">
        <v>21</v>
      </c>
      <c r="AH32238">
        <v>22</v>
      </c>
      <c r="AI32238">
        <v>22</v>
      </c>
      <c r="AJ32238">
        <v>22</v>
      </c>
      <c r="AK32238">
        <v>23</v>
      </c>
      <c r="AL32238">
        <v>23</v>
      </c>
      <c r="AM32238">
        <v>23</v>
      </c>
      <c r="AN32238">
        <v>23</v>
      </c>
      <c r="AO32238">
        <v>23</v>
      </c>
      <c r="AP32238">
        <v>24</v>
      </c>
      <c r="AQ32238">
        <v>24</v>
      </c>
    </row>
    <row r="32239" spans="1:43">
      <c r="A32239" t="s">
        <v>19969</v>
      </c>
      <c r="B32239" t="s">
        <v>19970</v>
      </c>
      <c r="C32239" t="s">
        <v>19919</v>
      </c>
      <c r="D32239" t="s">
        <v>19920</v>
      </c>
      <c r="E32239" t="s">
        <v>19921</v>
      </c>
      <c r="F32239" t="s">
        <v>19922</v>
      </c>
      <c r="G32239" t="s">
        <v>10734</v>
      </c>
      <c r="H32239" t="s">
        <v>10735</v>
      </c>
      <c r="I32239" s="2">
        <v>0</v>
      </c>
      <c r="J32239" s="2">
        <v>0</v>
      </c>
      <c r="K32239" s="2">
        <v>1</v>
      </c>
      <c r="L32239" t="s">
        <v>995</v>
      </c>
      <c r="M32239" t="s">
        <v>87</v>
      </c>
      <c r="N32239" t="s">
        <v>88</v>
      </c>
      <c r="O32239" t="s">
        <v>85</v>
      </c>
      <c r="P32239" t="s">
        <v>86</v>
      </c>
      <c r="Q32239">
        <v>16</v>
      </c>
      <c r="R32239">
        <v>17</v>
      </c>
      <c r="S32239">
        <v>17</v>
      </c>
      <c r="T32239">
        <v>17</v>
      </c>
      <c r="U32239">
        <v>17</v>
      </c>
      <c r="V32239">
        <v>17</v>
      </c>
      <c r="W32239">
        <v>18</v>
      </c>
      <c r="X32239">
        <v>18</v>
      </c>
      <c r="Y32239">
        <v>18</v>
      </c>
      <c r="Z32239">
        <v>18</v>
      </c>
      <c r="AA32239">
        <v>18</v>
      </c>
      <c r="AB32239">
        <v>19</v>
      </c>
      <c r="AC32239">
        <v>19</v>
      </c>
      <c r="AD32239">
        <v>19</v>
      </c>
      <c r="AE32239">
        <v>19</v>
      </c>
      <c r="AF32239">
        <v>19</v>
      </c>
      <c r="AG32239">
        <v>20</v>
      </c>
      <c r="AH32239">
        <v>20</v>
      </c>
      <c r="AI32239">
        <v>20</v>
      </c>
      <c r="AJ32239">
        <v>20</v>
      </c>
      <c r="AK32239">
        <v>20</v>
      </c>
      <c r="AL32239">
        <v>21</v>
      </c>
      <c r="AM32239">
        <v>21</v>
      </c>
      <c r="AN32239">
        <v>21</v>
      </c>
      <c r="AO32239">
        <v>21</v>
      </c>
      <c r="AP32239">
        <v>21</v>
      </c>
      <c r="AQ32239">
        <v>22</v>
      </c>
    </row>
    <row r="32240" spans="1:43">
      <c r="A32240" t="s">
        <v>19969</v>
      </c>
      <c r="B32240" t="s">
        <v>19970</v>
      </c>
      <c r="C32240" t="s">
        <v>19919</v>
      </c>
      <c r="D32240" t="s">
        <v>19920</v>
      </c>
      <c r="E32240" t="s">
        <v>19921</v>
      </c>
      <c r="F32240" t="s">
        <v>19922</v>
      </c>
      <c r="G32240" t="s">
        <v>10734</v>
      </c>
      <c r="H32240" t="s">
        <v>10735</v>
      </c>
      <c r="I32240" s="2">
        <v>0</v>
      </c>
      <c r="J32240" s="2">
        <v>0</v>
      </c>
      <c r="K32240" s="2">
        <v>1</v>
      </c>
      <c r="L32240" t="s">
        <v>995</v>
      </c>
      <c r="M32240" t="s">
        <v>89</v>
      </c>
      <c r="N32240" t="s">
        <v>90</v>
      </c>
      <c r="O32240" t="s">
        <v>85</v>
      </c>
      <c r="P32240" t="s">
        <v>86</v>
      </c>
      <c r="Q32240">
        <v>16</v>
      </c>
      <c r="R32240">
        <v>16</v>
      </c>
      <c r="S32240">
        <v>17</v>
      </c>
      <c r="T32240">
        <v>17</v>
      </c>
      <c r="U32240">
        <v>18</v>
      </c>
      <c r="V32240">
        <v>18</v>
      </c>
      <c r="W32240">
        <v>19</v>
      </c>
      <c r="X32240">
        <v>19</v>
      </c>
      <c r="Y32240">
        <v>19</v>
      </c>
      <c r="Z32240">
        <v>20</v>
      </c>
      <c r="AA32240">
        <v>20</v>
      </c>
      <c r="AB32240">
        <v>21</v>
      </c>
      <c r="AC32240">
        <v>21</v>
      </c>
      <c r="AD32240">
        <v>22</v>
      </c>
      <c r="AE32240">
        <v>22</v>
      </c>
      <c r="AF32240">
        <v>22</v>
      </c>
      <c r="AG32240">
        <v>22</v>
      </c>
      <c r="AH32240">
        <v>23</v>
      </c>
      <c r="AI32240">
        <v>23</v>
      </c>
      <c r="AJ32240">
        <v>23</v>
      </c>
      <c r="AK32240">
        <v>23</v>
      </c>
      <c r="AL32240">
        <v>23</v>
      </c>
      <c r="AM32240">
        <v>23</v>
      </c>
      <c r="AN32240">
        <v>23</v>
      </c>
      <c r="AO32240">
        <v>24</v>
      </c>
      <c r="AP32240">
        <v>24</v>
      </c>
      <c r="AQ32240">
        <v>24</v>
      </c>
    </row>
    <row r="32241" spans="1:43">
      <c r="A32241" t="s">
        <v>19969</v>
      </c>
      <c r="B32241" t="s">
        <v>19970</v>
      </c>
      <c r="C32241" t="s">
        <v>19919</v>
      </c>
      <c r="D32241" t="s">
        <v>19920</v>
      </c>
      <c r="E32241" t="s">
        <v>19921</v>
      </c>
      <c r="F32241" t="s">
        <v>19922</v>
      </c>
      <c r="G32241" t="s">
        <v>10734</v>
      </c>
      <c r="H32241" t="s">
        <v>10735</v>
      </c>
      <c r="I32241" s="2">
        <v>0</v>
      </c>
      <c r="J32241" s="2">
        <v>0</v>
      </c>
      <c r="K32241" s="2">
        <v>1</v>
      </c>
      <c r="L32241" t="s">
        <v>995</v>
      </c>
      <c r="M32241" t="s">
        <v>83</v>
      </c>
      <c r="N32241" t="s">
        <v>91</v>
      </c>
      <c r="O32241" t="s">
        <v>85</v>
      </c>
      <c r="P32241" t="s">
        <v>86</v>
      </c>
      <c r="Q32241">
        <v>16</v>
      </c>
      <c r="R32241">
        <v>16</v>
      </c>
      <c r="S32241">
        <v>16</v>
      </c>
      <c r="T32241">
        <v>17</v>
      </c>
      <c r="U32241">
        <v>17</v>
      </c>
      <c r="V32241">
        <v>17</v>
      </c>
      <c r="W32241">
        <v>18</v>
      </c>
      <c r="X32241">
        <v>18</v>
      </c>
      <c r="Y32241">
        <v>18</v>
      </c>
      <c r="Z32241">
        <v>19</v>
      </c>
      <c r="AA32241">
        <v>19</v>
      </c>
      <c r="AB32241">
        <v>19</v>
      </c>
      <c r="AC32241">
        <v>20</v>
      </c>
      <c r="AD32241">
        <v>20</v>
      </c>
      <c r="AE32241">
        <v>21</v>
      </c>
      <c r="AF32241">
        <v>21</v>
      </c>
      <c r="AG32241">
        <v>21</v>
      </c>
      <c r="AH32241">
        <v>22</v>
      </c>
      <c r="AI32241">
        <v>22</v>
      </c>
      <c r="AJ32241">
        <v>22</v>
      </c>
      <c r="AK32241">
        <v>23</v>
      </c>
      <c r="AL32241">
        <v>23</v>
      </c>
      <c r="AM32241">
        <v>23</v>
      </c>
      <c r="AN32241">
        <v>23</v>
      </c>
      <c r="AO32241">
        <v>23</v>
      </c>
      <c r="AP32241">
        <v>24</v>
      </c>
      <c r="AQ32241">
        <v>24</v>
      </c>
    </row>
    <row r="32242" spans="1:43">
      <c r="A32242" t="s">
        <v>19971</v>
      </c>
      <c r="B32242" t="s">
        <v>19972</v>
      </c>
      <c r="C32242" t="s">
        <v>19919</v>
      </c>
      <c r="D32242" t="s">
        <v>19920</v>
      </c>
      <c r="E32242" t="s">
        <v>19921</v>
      </c>
      <c r="F32242" t="s">
        <v>19922</v>
      </c>
      <c r="G32242" t="s">
        <v>10734</v>
      </c>
      <c r="H32242" t="s">
        <v>10735</v>
      </c>
      <c r="I32242" s="2">
        <v>0</v>
      </c>
      <c r="J32242" s="2">
        <v>0</v>
      </c>
      <c r="K32242" s="2">
        <v>1</v>
      </c>
      <c r="L32242" t="s">
        <v>995</v>
      </c>
      <c r="M32242" t="s">
        <v>83</v>
      </c>
      <c r="N32242" t="s">
        <v>84</v>
      </c>
      <c r="O32242" t="s">
        <v>85</v>
      </c>
      <c r="P32242" t="s">
        <v>86</v>
      </c>
      <c r="Q32242">
        <v>40</v>
      </c>
      <c r="R32242">
        <v>41</v>
      </c>
      <c r="S32242">
        <v>42</v>
      </c>
      <c r="T32242">
        <v>42</v>
      </c>
      <c r="U32242">
        <v>43</v>
      </c>
      <c r="V32242">
        <v>44</v>
      </c>
      <c r="W32242">
        <v>45</v>
      </c>
      <c r="X32242">
        <v>46</v>
      </c>
      <c r="Y32242">
        <v>47</v>
      </c>
      <c r="Z32242">
        <v>48</v>
      </c>
      <c r="AA32242">
        <v>49</v>
      </c>
      <c r="AB32242">
        <v>50</v>
      </c>
      <c r="AC32242">
        <v>51</v>
      </c>
      <c r="AD32242">
        <v>52</v>
      </c>
      <c r="AE32242">
        <v>53</v>
      </c>
      <c r="AF32242">
        <v>54</v>
      </c>
      <c r="AG32242">
        <v>55</v>
      </c>
      <c r="AH32242">
        <v>56</v>
      </c>
      <c r="AI32242">
        <v>57</v>
      </c>
      <c r="AJ32242">
        <v>58</v>
      </c>
      <c r="AK32242">
        <v>59</v>
      </c>
      <c r="AL32242">
        <v>60</v>
      </c>
      <c r="AM32242">
        <v>60</v>
      </c>
      <c r="AN32242">
        <v>61</v>
      </c>
      <c r="AO32242">
        <v>61</v>
      </c>
      <c r="AP32242">
        <v>62</v>
      </c>
      <c r="AQ32242">
        <v>62</v>
      </c>
    </row>
    <row r="32243" spans="1:43">
      <c r="A32243" t="s">
        <v>19971</v>
      </c>
      <c r="B32243" t="s">
        <v>19972</v>
      </c>
      <c r="C32243" t="s">
        <v>19919</v>
      </c>
      <c r="D32243" t="s">
        <v>19920</v>
      </c>
      <c r="E32243" t="s">
        <v>19921</v>
      </c>
      <c r="F32243" t="s">
        <v>19922</v>
      </c>
      <c r="G32243" t="s">
        <v>10734</v>
      </c>
      <c r="H32243" t="s">
        <v>10735</v>
      </c>
      <c r="I32243" s="2">
        <v>0</v>
      </c>
      <c r="J32243" s="2">
        <v>0</v>
      </c>
      <c r="K32243" s="2">
        <v>1</v>
      </c>
      <c r="L32243" t="s">
        <v>995</v>
      </c>
      <c r="M32243" t="s">
        <v>87</v>
      </c>
      <c r="N32243" t="s">
        <v>88</v>
      </c>
      <c r="O32243" t="s">
        <v>85</v>
      </c>
      <c r="P32243" t="s">
        <v>86</v>
      </c>
      <c r="Q32243">
        <v>40</v>
      </c>
      <c r="R32243">
        <v>41</v>
      </c>
      <c r="S32243">
        <v>41</v>
      </c>
      <c r="T32243">
        <v>42</v>
      </c>
      <c r="U32243">
        <v>43</v>
      </c>
      <c r="V32243">
        <v>43</v>
      </c>
      <c r="W32243">
        <v>44</v>
      </c>
      <c r="X32243">
        <v>44</v>
      </c>
      <c r="Y32243">
        <v>45</v>
      </c>
      <c r="Z32243">
        <v>45</v>
      </c>
      <c r="AA32243">
        <v>46</v>
      </c>
      <c r="AB32243">
        <v>46</v>
      </c>
      <c r="AC32243">
        <v>47</v>
      </c>
      <c r="AD32243">
        <v>48</v>
      </c>
      <c r="AE32243">
        <v>48</v>
      </c>
      <c r="AF32243">
        <v>49</v>
      </c>
      <c r="AG32243">
        <v>49</v>
      </c>
      <c r="AH32243">
        <v>50</v>
      </c>
      <c r="AI32243">
        <v>50</v>
      </c>
      <c r="AJ32243">
        <v>51</v>
      </c>
      <c r="AK32243">
        <v>51</v>
      </c>
      <c r="AL32243">
        <v>52</v>
      </c>
      <c r="AM32243">
        <v>53</v>
      </c>
      <c r="AN32243">
        <v>53</v>
      </c>
      <c r="AO32243">
        <v>54</v>
      </c>
      <c r="AP32243">
        <v>54</v>
      </c>
      <c r="AQ32243">
        <v>55</v>
      </c>
    </row>
    <row r="32244" spans="1:43">
      <c r="A32244" t="s">
        <v>19971</v>
      </c>
      <c r="B32244" t="s">
        <v>19972</v>
      </c>
      <c r="C32244" t="s">
        <v>19919</v>
      </c>
      <c r="D32244" t="s">
        <v>19920</v>
      </c>
      <c r="E32244" t="s">
        <v>19921</v>
      </c>
      <c r="F32244" t="s">
        <v>19922</v>
      </c>
      <c r="G32244" t="s">
        <v>10734</v>
      </c>
      <c r="H32244" t="s">
        <v>10735</v>
      </c>
      <c r="I32244" s="2">
        <v>0</v>
      </c>
      <c r="J32244" s="2">
        <v>0</v>
      </c>
      <c r="K32244" s="2">
        <v>1</v>
      </c>
      <c r="L32244" t="s">
        <v>995</v>
      </c>
      <c r="M32244" t="s">
        <v>89</v>
      </c>
      <c r="N32244" t="s">
        <v>90</v>
      </c>
      <c r="O32244" t="s">
        <v>85</v>
      </c>
      <c r="P32244" t="s">
        <v>86</v>
      </c>
      <c r="Q32244">
        <v>40</v>
      </c>
      <c r="R32244">
        <v>41</v>
      </c>
      <c r="S32244">
        <v>43</v>
      </c>
      <c r="T32244">
        <v>44</v>
      </c>
      <c r="U32244">
        <v>45</v>
      </c>
      <c r="V32244">
        <v>46</v>
      </c>
      <c r="W32244">
        <v>48</v>
      </c>
      <c r="X32244">
        <v>49</v>
      </c>
      <c r="Y32244">
        <v>50</v>
      </c>
      <c r="Z32244">
        <v>51</v>
      </c>
      <c r="AA32244">
        <v>52</v>
      </c>
      <c r="AB32244">
        <v>54</v>
      </c>
      <c r="AC32244">
        <v>55</v>
      </c>
      <c r="AD32244">
        <v>56</v>
      </c>
      <c r="AE32244">
        <v>57</v>
      </c>
      <c r="AF32244">
        <v>57</v>
      </c>
      <c r="AG32244">
        <v>58</v>
      </c>
      <c r="AH32244">
        <v>58</v>
      </c>
      <c r="AI32244">
        <v>59</v>
      </c>
      <c r="AJ32244">
        <v>59</v>
      </c>
      <c r="AK32244">
        <v>60</v>
      </c>
      <c r="AL32244">
        <v>60</v>
      </c>
      <c r="AM32244">
        <v>61</v>
      </c>
      <c r="AN32244">
        <v>61</v>
      </c>
      <c r="AO32244">
        <v>62</v>
      </c>
      <c r="AP32244">
        <v>62</v>
      </c>
      <c r="AQ32244">
        <v>63</v>
      </c>
    </row>
    <row r="32245" spans="1:43">
      <c r="A32245" t="s">
        <v>19971</v>
      </c>
      <c r="B32245" t="s">
        <v>19972</v>
      </c>
      <c r="C32245" t="s">
        <v>19919</v>
      </c>
      <c r="D32245" t="s">
        <v>19920</v>
      </c>
      <c r="E32245" t="s">
        <v>19921</v>
      </c>
      <c r="F32245" t="s">
        <v>19922</v>
      </c>
      <c r="G32245" t="s">
        <v>10734</v>
      </c>
      <c r="H32245" t="s">
        <v>10735</v>
      </c>
      <c r="I32245" s="2">
        <v>0</v>
      </c>
      <c r="J32245" s="2">
        <v>0</v>
      </c>
      <c r="K32245" s="2">
        <v>1</v>
      </c>
      <c r="L32245" t="s">
        <v>995</v>
      </c>
      <c r="M32245" t="s">
        <v>83</v>
      </c>
      <c r="N32245" t="s">
        <v>91</v>
      </c>
      <c r="O32245" t="s">
        <v>85</v>
      </c>
      <c r="P32245" t="s">
        <v>86</v>
      </c>
      <c r="Q32245">
        <v>40</v>
      </c>
      <c r="R32245">
        <v>41</v>
      </c>
      <c r="S32245">
        <v>42</v>
      </c>
      <c r="T32245">
        <v>42</v>
      </c>
      <c r="U32245">
        <v>43</v>
      </c>
      <c r="V32245">
        <v>44</v>
      </c>
      <c r="W32245">
        <v>45</v>
      </c>
      <c r="X32245">
        <v>46</v>
      </c>
      <c r="Y32245">
        <v>47</v>
      </c>
      <c r="Z32245">
        <v>48</v>
      </c>
      <c r="AA32245">
        <v>49</v>
      </c>
      <c r="AB32245">
        <v>50</v>
      </c>
      <c r="AC32245">
        <v>51</v>
      </c>
      <c r="AD32245">
        <v>52</v>
      </c>
      <c r="AE32245">
        <v>53</v>
      </c>
      <c r="AF32245">
        <v>54</v>
      </c>
      <c r="AG32245">
        <v>55</v>
      </c>
      <c r="AH32245">
        <v>56</v>
      </c>
      <c r="AI32245">
        <v>57</v>
      </c>
      <c r="AJ32245">
        <v>58</v>
      </c>
      <c r="AK32245">
        <v>59</v>
      </c>
      <c r="AL32245">
        <v>60</v>
      </c>
      <c r="AM32245">
        <v>60</v>
      </c>
      <c r="AN32245">
        <v>61</v>
      </c>
      <c r="AO32245">
        <v>61</v>
      </c>
      <c r="AP32245">
        <v>62</v>
      </c>
      <c r="AQ32245">
        <v>62</v>
      </c>
    </row>
    <row r="32246" spans="1:43">
      <c r="A32246" t="s">
        <v>19973</v>
      </c>
      <c r="B32246" t="s">
        <v>19974</v>
      </c>
      <c r="C32246" t="s">
        <v>19975</v>
      </c>
      <c r="D32246" t="s">
        <v>19976</v>
      </c>
      <c r="E32246" t="s">
        <v>19921</v>
      </c>
      <c r="F32246" t="s">
        <v>19922</v>
      </c>
      <c r="G32246" t="s">
        <v>10734</v>
      </c>
      <c r="H32246" t="s">
        <v>10735</v>
      </c>
      <c r="I32246" s="2">
        <v>0</v>
      </c>
      <c r="J32246" s="2">
        <v>0</v>
      </c>
      <c r="K32246" s="2">
        <v>1</v>
      </c>
      <c r="L32246" t="s">
        <v>995</v>
      </c>
      <c r="M32246" t="s">
        <v>83</v>
      </c>
      <c r="N32246" t="s">
        <v>84</v>
      </c>
      <c r="O32246" t="s">
        <v>85</v>
      </c>
      <c r="P32246" t="s">
        <v>86</v>
      </c>
      <c r="Q32246">
        <v>37</v>
      </c>
      <c r="R32246">
        <v>38</v>
      </c>
      <c r="S32246">
        <v>39</v>
      </c>
      <c r="T32246">
        <v>40</v>
      </c>
      <c r="U32246">
        <v>41</v>
      </c>
      <c r="V32246">
        <v>42</v>
      </c>
      <c r="W32246">
        <v>42</v>
      </c>
      <c r="X32246">
        <v>43</v>
      </c>
      <c r="Y32246">
        <v>44</v>
      </c>
      <c r="Z32246">
        <v>45</v>
      </c>
      <c r="AA32246">
        <v>46</v>
      </c>
      <c r="AB32246">
        <v>47</v>
      </c>
      <c r="AC32246">
        <v>48</v>
      </c>
      <c r="AD32246">
        <v>49</v>
      </c>
      <c r="AE32246">
        <v>50</v>
      </c>
      <c r="AF32246">
        <v>51</v>
      </c>
      <c r="AG32246">
        <v>52</v>
      </c>
      <c r="AH32246">
        <v>53</v>
      </c>
      <c r="AI32246">
        <v>54</v>
      </c>
      <c r="AJ32246">
        <v>54</v>
      </c>
      <c r="AK32246">
        <v>55</v>
      </c>
      <c r="AL32246">
        <v>56</v>
      </c>
      <c r="AM32246">
        <v>57</v>
      </c>
      <c r="AN32246">
        <v>57</v>
      </c>
      <c r="AO32246">
        <v>57</v>
      </c>
      <c r="AP32246">
        <v>58</v>
      </c>
      <c r="AQ32246">
        <v>58</v>
      </c>
    </row>
    <row r="32247" spans="1:43">
      <c r="A32247" t="s">
        <v>19973</v>
      </c>
      <c r="B32247" t="s">
        <v>19974</v>
      </c>
      <c r="C32247" t="s">
        <v>19975</v>
      </c>
      <c r="D32247" t="s">
        <v>19976</v>
      </c>
      <c r="E32247" t="s">
        <v>19921</v>
      </c>
      <c r="F32247" t="s">
        <v>19922</v>
      </c>
      <c r="G32247" t="s">
        <v>10734</v>
      </c>
      <c r="H32247" t="s">
        <v>10735</v>
      </c>
      <c r="I32247" s="2">
        <v>0</v>
      </c>
      <c r="J32247" s="2">
        <v>0</v>
      </c>
      <c r="K32247" s="2">
        <v>1</v>
      </c>
      <c r="L32247" t="s">
        <v>995</v>
      </c>
      <c r="M32247" t="s">
        <v>87</v>
      </c>
      <c r="N32247" t="s">
        <v>88</v>
      </c>
      <c r="O32247" t="s">
        <v>85</v>
      </c>
      <c r="P32247" t="s">
        <v>86</v>
      </c>
      <c r="Q32247">
        <v>37</v>
      </c>
      <c r="R32247">
        <v>37</v>
      </c>
      <c r="S32247">
        <v>38</v>
      </c>
      <c r="T32247">
        <v>38</v>
      </c>
      <c r="U32247">
        <v>39</v>
      </c>
      <c r="V32247">
        <v>39</v>
      </c>
      <c r="W32247">
        <v>40</v>
      </c>
      <c r="X32247">
        <v>40</v>
      </c>
      <c r="Y32247">
        <v>41</v>
      </c>
      <c r="Z32247">
        <v>41</v>
      </c>
      <c r="AA32247">
        <v>42</v>
      </c>
      <c r="AB32247">
        <v>43</v>
      </c>
      <c r="AC32247">
        <v>43</v>
      </c>
      <c r="AD32247">
        <v>44</v>
      </c>
      <c r="AE32247">
        <v>44</v>
      </c>
      <c r="AF32247">
        <v>45</v>
      </c>
      <c r="AG32247">
        <v>45</v>
      </c>
      <c r="AH32247">
        <v>46</v>
      </c>
      <c r="AI32247">
        <v>46</v>
      </c>
      <c r="AJ32247">
        <v>47</v>
      </c>
      <c r="AK32247">
        <v>47</v>
      </c>
      <c r="AL32247">
        <v>48</v>
      </c>
      <c r="AM32247">
        <v>48</v>
      </c>
      <c r="AN32247">
        <v>49</v>
      </c>
      <c r="AO32247">
        <v>49</v>
      </c>
      <c r="AP32247">
        <v>50</v>
      </c>
      <c r="AQ32247">
        <v>51</v>
      </c>
    </row>
    <row r="32248" spans="1:43">
      <c r="A32248" t="s">
        <v>19973</v>
      </c>
      <c r="B32248" t="s">
        <v>19974</v>
      </c>
      <c r="C32248" t="s">
        <v>19975</v>
      </c>
      <c r="D32248" t="s">
        <v>19976</v>
      </c>
      <c r="E32248" t="s">
        <v>19921</v>
      </c>
      <c r="F32248" t="s">
        <v>19922</v>
      </c>
      <c r="G32248" t="s">
        <v>10734</v>
      </c>
      <c r="H32248" t="s">
        <v>10735</v>
      </c>
      <c r="I32248" s="2">
        <v>0</v>
      </c>
      <c r="J32248" s="2">
        <v>0</v>
      </c>
      <c r="K32248" s="2">
        <v>1</v>
      </c>
      <c r="L32248" t="s">
        <v>995</v>
      </c>
      <c r="M32248" t="s">
        <v>89</v>
      </c>
      <c r="N32248" t="s">
        <v>90</v>
      </c>
      <c r="O32248" t="s">
        <v>85</v>
      </c>
      <c r="P32248" t="s">
        <v>86</v>
      </c>
      <c r="Q32248">
        <v>37</v>
      </c>
      <c r="R32248">
        <v>39</v>
      </c>
      <c r="S32248">
        <v>40</v>
      </c>
      <c r="T32248">
        <v>41</v>
      </c>
      <c r="U32248">
        <v>42</v>
      </c>
      <c r="V32248">
        <v>43</v>
      </c>
      <c r="W32248">
        <v>45</v>
      </c>
      <c r="X32248">
        <v>46</v>
      </c>
      <c r="Y32248">
        <v>47</v>
      </c>
      <c r="Z32248">
        <v>48</v>
      </c>
      <c r="AA32248">
        <v>49</v>
      </c>
      <c r="AB32248">
        <v>50</v>
      </c>
      <c r="AC32248">
        <v>51</v>
      </c>
      <c r="AD32248">
        <v>53</v>
      </c>
      <c r="AE32248">
        <v>53</v>
      </c>
      <c r="AF32248">
        <v>54</v>
      </c>
      <c r="AG32248">
        <v>54</v>
      </c>
      <c r="AH32248">
        <v>55</v>
      </c>
      <c r="AI32248">
        <v>55</v>
      </c>
      <c r="AJ32248">
        <v>56</v>
      </c>
      <c r="AK32248">
        <v>56</v>
      </c>
      <c r="AL32248">
        <v>57</v>
      </c>
      <c r="AM32248">
        <v>57</v>
      </c>
      <c r="AN32248">
        <v>58</v>
      </c>
      <c r="AO32248">
        <v>58</v>
      </c>
      <c r="AP32248">
        <v>58</v>
      </c>
      <c r="AQ32248">
        <v>59</v>
      </c>
    </row>
    <row r="32249" spans="1:43">
      <c r="A32249" t="s">
        <v>19973</v>
      </c>
      <c r="B32249" t="s">
        <v>19974</v>
      </c>
      <c r="C32249" t="s">
        <v>19975</v>
      </c>
      <c r="D32249" t="s">
        <v>19976</v>
      </c>
      <c r="E32249" t="s">
        <v>19921</v>
      </c>
      <c r="F32249" t="s">
        <v>19922</v>
      </c>
      <c r="G32249" t="s">
        <v>10734</v>
      </c>
      <c r="H32249" t="s">
        <v>10735</v>
      </c>
      <c r="I32249" s="2">
        <v>0</v>
      </c>
      <c r="J32249" s="2">
        <v>0</v>
      </c>
      <c r="K32249" s="2">
        <v>1</v>
      </c>
      <c r="L32249" t="s">
        <v>995</v>
      </c>
      <c r="M32249" t="s">
        <v>83</v>
      </c>
      <c r="N32249" t="s">
        <v>91</v>
      </c>
      <c r="O32249" t="s">
        <v>85</v>
      </c>
      <c r="P32249" t="s">
        <v>86</v>
      </c>
      <c r="Q32249">
        <v>37</v>
      </c>
      <c r="R32249">
        <v>38</v>
      </c>
      <c r="S32249">
        <v>39</v>
      </c>
      <c r="T32249">
        <v>40</v>
      </c>
      <c r="U32249">
        <v>41</v>
      </c>
      <c r="V32249">
        <v>42</v>
      </c>
      <c r="W32249">
        <v>42</v>
      </c>
      <c r="X32249">
        <v>43</v>
      </c>
      <c r="Y32249">
        <v>44</v>
      </c>
      <c r="Z32249">
        <v>45</v>
      </c>
      <c r="AA32249">
        <v>46</v>
      </c>
      <c r="AB32249">
        <v>47</v>
      </c>
      <c r="AC32249">
        <v>48</v>
      </c>
      <c r="AD32249">
        <v>49</v>
      </c>
      <c r="AE32249">
        <v>50</v>
      </c>
      <c r="AF32249">
        <v>51</v>
      </c>
      <c r="AG32249">
        <v>52</v>
      </c>
      <c r="AH32249">
        <v>53</v>
      </c>
      <c r="AI32249">
        <v>54</v>
      </c>
      <c r="AJ32249">
        <v>54</v>
      </c>
      <c r="AK32249">
        <v>55</v>
      </c>
      <c r="AL32249">
        <v>56</v>
      </c>
      <c r="AM32249">
        <v>57</v>
      </c>
      <c r="AN32249">
        <v>57</v>
      </c>
      <c r="AO32249">
        <v>57</v>
      </c>
      <c r="AP32249">
        <v>58</v>
      </c>
      <c r="AQ32249">
        <v>58</v>
      </c>
    </row>
    <row r="32250" spans="1:43">
      <c r="A32250" t="s">
        <v>19977</v>
      </c>
      <c r="B32250" t="s">
        <v>19978</v>
      </c>
      <c r="C32250" t="s">
        <v>19979</v>
      </c>
      <c r="D32250" t="s">
        <v>19980</v>
      </c>
      <c r="E32250" t="s">
        <v>19921</v>
      </c>
      <c r="F32250" t="s">
        <v>19922</v>
      </c>
      <c r="G32250" t="s">
        <v>10734</v>
      </c>
      <c r="H32250" t="s">
        <v>10735</v>
      </c>
      <c r="I32250" s="2">
        <v>0</v>
      </c>
      <c r="J32250" s="2">
        <v>0</v>
      </c>
      <c r="K32250" s="2">
        <v>1</v>
      </c>
      <c r="L32250" t="s">
        <v>995</v>
      </c>
      <c r="M32250" t="s">
        <v>83</v>
      </c>
      <c r="N32250" t="s">
        <v>84</v>
      </c>
      <c r="O32250" t="s">
        <v>85</v>
      </c>
      <c r="P32250" t="s">
        <v>86</v>
      </c>
      <c r="Q32250">
        <v>15</v>
      </c>
      <c r="R32250">
        <v>15</v>
      </c>
      <c r="S32250">
        <v>15</v>
      </c>
      <c r="T32250">
        <v>16</v>
      </c>
      <c r="U32250">
        <v>16</v>
      </c>
      <c r="V32250">
        <v>16</v>
      </c>
      <c r="W32250">
        <v>17</v>
      </c>
      <c r="X32250">
        <v>17</v>
      </c>
      <c r="Y32250">
        <v>17</v>
      </c>
      <c r="Z32250">
        <v>18</v>
      </c>
      <c r="AA32250">
        <v>18</v>
      </c>
      <c r="AB32250">
        <v>18</v>
      </c>
      <c r="AC32250">
        <v>19</v>
      </c>
      <c r="AD32250">
        <v>19</v>
      </c>
      <c r="AE32250">
        <v>19</v>
      </c>
      <c r="AF32250">
        <v>20</v>
      </c>
      <c r="AG32250">
        <v>20</v>
      </c>
      <c r="AH32250">
        <v>21</v>
      </c>
      <c r="AI32250">
        <v>21</v>
      </c>
      <c r="AJ32250">
        <v>21</v>
      </c>
      <c r="AK32250">
        <v>22</v>
      </c>
      <c r="AL32250">
        <v>22</v>
      </c>
      <c r="AM32250">
        <v>22</v>
      </c>
      <c r="AN32250">
        <v>22</v>
      </c>
      <c r="AO32250">
        <v>22</v>
      </c>
      <c r="AP32250">
        <v>23</v>
      </c>
      <c r="AQ32250">
        <v>23</v>
      </c>
    </row>
    <row r="32251" spans="1:43">
      <c r="A32251" t="s">
        <v>19977</v>
      </c>
      <c r="B32251" t="s">
        <v>19978</v>
      </c>
      <c r="C32251" t="s">
        <v>19979</v>
      </c>
      <c r="D32251" t="s">
        <v>19980</v>
      </c>
      <c r="E32251" t="s">
        <v>19921</v>
      </c>
      <c r="F32251" t="s">
        <v>19922</v>
      </c>
      <c r="G32251" t="s">
        <v>10734</v>
      </c>
      <c r="H32251" t="s">
        <v>10735</v>
      </c>
      <c r="I32251" s="2">
        <v>0</v>
      </c>
      <c r="J32251" s="2">
        <v>0</v>
      </c>
      <c r="K32251" s="2">
        <v>1</v>
      </c>
      <c r="L32251" t="s">
        <v>995</v>
      </c>
      <c r="M32251" t="s">
        <v>87</v>
      </c>
      <c r="N32251" t="s">
        <v>88</v>
      </c>
      <c r="O32251" t="s">
        <v>85</v>
      </c>
      <c r="P32251" t="s">
        <v>86</v>
      </c>
      <c r="Q32251">
        <v>15</v>
      </c>
      <c r="R32251">
        <v>16</v>
      </c>
      <c r="S32251">
        <v>16</v>
      </c>
      <c r="T32251">
        <v>16</v>
      </c>
      <c r="U32251">
        <v>16</v>
      </c>
      <c r="V32251">
        <v>16</v>
      </c>
      <c r="W32251">
        <v>17</v>
      </c>
      <c r="X32251">
        <v>17</v>
      </c>
      <c r="Y32251">
        <v>17</v>
      </c>
      <c r="Z32251">
        <v>17</v>
      </c>
      <c r="AA32251">
        <v>17</v>
      </c>
      <c r="AB32251">
        <v>18</v>
      </c>
      <c r="AC32251">
        <v>18</v>
      </c>
      <c r="AD32251">
        <v>18</v>
      </c>
      <c r="AE32251">
        <v>18</v>
      </c>
      <c r="AF32251">
        <v>18</v>
      </c>
      <c r="AG32251">
        <v>19</v>
      </c>
      <c r="AH32251">
        <v>19</v>
      </c>
      <c r="AI32251">
        <v>19</v>
      </c>
      <c r="AJ32251">
        <v>19</v>
      </c>
      <c r="AK32251">
        <v>19</v>
      </c>
      <c r="AL32251">
        <v>20</v>
      </c>
      <c r="AM32251">
        <v>20</v>
      </c>
      <c r="AN32251">
        <v>20</v>
      </c>
      <c r="AO32251">
        <v>20</v>
      </c>
      <c r="AP32251">
        <v>21</v>
      </c>
      <c r="AQ32251">
        <v>21</v>
      </c>
    </row>
    <row r="32252" spans="1:43">
      <c r="A32252" t="s">
        <v>19977</v>
      </c>
      <c r="B32252" t="s">
        <v>19978</v>
      </c>
      <c r="C32252" t="s">
        <v>19979</v>
      </c>
      <c r="D32252" t="s">
        <v>19980</v>
      </c>
      <c r="E32252" t="s">
        <v>19921</v>
      </c>
      <c r="F32252" t="s">
        <v>19922</v>
      </c>
      <c r="G32252" t="s">
        <v>10734</v>
      </c>
      <c r="H32252" t="s">
        <v>10735</v>
      </c>
      <c r="I32252" s="2">
        <v>0</v>
      </c>
      <c r="J32252" s="2">
        <v>0</v>
      </c>
      <c r="K32252" s="2">
        <v>1</v>
      </c>
      <c r="L32252" t="s">
        <v>995</v>
      </c>
      <c r="M32252" t="s">
        <v>89</v>
      </c>
      <c r="N32252" t="s">
        <v>90</v>
      </c>
      <c r="O32252" t="s">
        <v>85</v>
      </c>
      <c r="P32252" t="s">
        <v>86</v>
      </c>
      <c r="Q32252">
        <v>15</v>
      </c>
      <c r="R32252">
        <v>15</v>
      </c>
      <c r="S32252">
        <v>16</v>
      </c>
      <c r="T32252">
        <v>16</v>
      </c>
      <c r="U32252">
        <v>17</v>
      </c>
      <c r="V32252">
        <v>17</v>
      </c>
      <c r="W32252">
        <v>17</v>
      </c>
      <c r="X32252">
        <v>18</v>
      </c>
      <c r="Y32252">
        <v>18</v>
      </c>
      <c r="Z32252">
        <v>19</v>
      </c>
      <c r="AA32252">
        <v>19</v>
      </c>
      <c r="AB32252">
        <v>20</v>
      </c>
      <c r="AC32252">
        <v>20</v>
      </c>
      <c r="AD32252">
        <v>21</v>
      </c>
      <c r="AE32252">
        <v>21</v>
      </c>
      <c r="AF32252">
        <v>21</v>
      </c>
      <c r="AG32252">
        <v>21</v>
      </c>
      <c r="AH32252">
        <v>21</v>
      </c>
      <c r="AI32252">
        <v>22</v>
      </c>
      <c r="AJ32252">
        <v>22</v>
      </c>
      <c r="AK32252">
        <v>22</v>
      </c>
      <c r="AL32252">
        <v>22</v>
      </c>
      <c r="AM32252">
        <v>22</v>
      </c>
      <c r="AN32252">
        <v>22</v>
      </c>
      <c r="AO32252">
        <v>23</v>
      </c>
      <c r="AP32252">
        <v>23</v>
      </c>
      <c r="AQ32252">
        <v>23</v>
      </c>
    </row>
    <row r="32253" spans="1:43">
      <c r="A32253" t="s">
        <v>19977</v>
      </c>
      <c r="B32253" t="s">
        <v>19978</v>
      </c>
      <c r="C32253" t="s">
        <v>19979</v>
      </c>
      <c r="D32253" t="s">
        <v>19980</v>
      </c>
      <c r="E32253" t="s">
        <v>19921</v>
      </c>
      <c r="F32253" t="s">
        <v>19922</v>
      </c>
      <c r="G32253" t="s">
        <v>10734</v>
      </c>
      <c r="H32253" t="s">
        <v>10735</v>
      </c>
      <c r="I32253" s="2">
        <v>0</v>
      </c>
      <c r="J32253" s="2">
        <v>0</v>
      </c>
      <c r="K32253" s="2">
        <v>1</v>
      </c>
      <c r="L32253" t="s">
        <v>995</v>
      </c>
      <c r="M32253" t="s">
        <v>83</v>
      </c>
      <c r="N32253" t="s">
        <v>91</v>
      </c>
      <c r="O32253" t="s">
        <v>85</v>
      </c>
      <c r="P32253" t="s">
        <v>86</v>
      </c>
      <c r="Q32253">
        <v>15</v>
      </c>
      <c r="R32253">
        <v>15</v>
      </c>
      <c r="S32253">
        <v>15</v>
      </c>
      <c r="T32253">
        <v>16</v>
      </c>
      <c r="U32253">
        <v>16</v>
      </c>
      <c r="V32253">
        <v>16</v>
      </c>
      <c r="W32253">
        <v>17</v>
      </c>
      <c r="X32253">
        <v>17</v>
      </c>
      <c r="Y32253">
        <v>17</v>
      </c>
      <c r="Z32253">
        <v>18</v>
      </c>
      <c r="AA32253">
        <v>18</v>
      </c>
      <c r="AB32253">
        <v>18</v>
      </c>
      <c r="AC32253">
        <v>19</v>
      </c>
      <c r="AD32253">
        <v>19</v>
      </c>
      <c r="AE32253">
        <v>19</v>
      </c>
      <c r="AF32253">
        <v>20</v>
      </c>
      <c r="AG32253">
        <v>20</v>
      </c>
      <c r="AH32253">
        <v>21</v>
      </c>
      <c r="AI32253">
        <v>21</v>
      </c>
      <c r="AJ32253">
        <v>21</v>
      </c>
      <c r="AK32253">
        <v>22</v>
      </c>
      <c r="AL32253">
        <v>22</v>
      </c>
      <c r="AM32253">
        <v>22</v>
      </c>
      <c r="AN32253">
        <v>22</v>
      </c>
      <c r="AO32253">
        <v>22</v>
      </c>
      <c r="AP32253">
        <v>23</v>
      </c>
      <c r="AQ32253">
        <v>23</v>
      </c>
    </row>
    <row r="32254" spans="1:43">
      <c r="A32254" t="s">
        <v>19981</v>
      </c>
      <c r="B32254" t="s">
        <v>19982</v>
      </c>
      <c r="C32254" t="s">
        <v>19975</v>
      </c>
      <c r="D32254" t="s">
        <v>19976</v>
      </c>
      <c r="E32254" t="s">
        <v>19921</v>
      </c>
      <c r="F32254" t="s">
        <v>19922</v>
      </c>
      <c r="G32254" t="s">
        <v>10734</v>
      </c>
      <c r="H32254" t="s">
        <v>10735</v>
      </c>
      <c r="I32254" s="2">
        <v>0</v>
      </c>
      <c r="J32254" s="2">
        <v>0</v>
      </c>
      <c r="K32254" s="2">
        <v>1</v>
      </c>
      <c r="L32254" t="s">
        <v>995</v>
      </c>
      <c r="M32254" t="s">
        <v>83</v>
      </c>
      <c r="N32254" t="s">
        <v>84</v>
      </c>
      <c r="O32254" t="s">
        <v>85</v>
      </c>
      <c r="P32254" t="s">
        <v>86</v>
      </c>
      <c r="Q32254">
        <v>4</v>
      </c>
      <c r="R32254">
        <v>4</v>
      </c>
      <c r="S32254">
        <v>5</v>
      </c>
      <c r="T32254">
        <v>5</v>
      </c>
      <c r="U32254">
        <v>5</v>
      </c>
      <c r="V32254">
        <v>5</v>
      </c>
      <c r="W32254">
        <v>5</v>
      </c>
      <c r="X32254">
        <v>5</v>
      </c>
      <c r="Y32254">
        <v>5</v>
      </c>
      <c r="Z32254">
        <v>5</v>
      </c>
      <c r="AA32254">
        <v>5</v>
      </c>
      <c r="AB32254">
        <v>6</v>
      </c>
      <c r="AC32254">
        <v>6</v>
      </c>
      <c r="AD32254">
        <v>6</v>
      </c>
      <c r="AE32254">
        <v>6</v>
      </c>
      <c r="AF32254">
        <v>6</v>
      </c>
      <c r="AG32254">
        <v>6</v>
      </c>
      <c r="AH32254">
        <v>6</v>
      </c>
      <c r="AI32254">
        <v>6</v>
      </c>
      <c r="AJ32254">
        <v>6</v>
      </c>
      <c r="AK32254">
        <v>7</v>
      </c>
      <c r="AL32254">
        <v>7</v>
      </c>
      <c r="AM32254">
        <v>7</v>
      </c>
      <c r="AN32254">
        <v>7</v>
      </c>
      <c r="AO32254">
        <v>7</v>
      </c>
      <c r="AP32254">
        <v>7</v>
      </c>
      <c r="AQ32254">
        <v>7</v>
      </c>
    </row>
    <row r="32255" spans="1:43">
      <c r="A32255" t="s">
        <v>19981</v>
      </c>
      <c r="B32255" t="s">
        <v>19982</v>
      </c>
      <c r="C32255" t="s">
        <v>19975</v>
      </c>
      <c r="D32255" t="s">
        <v>19976</v>
      </c>
      <c r="E32255" t="s">
        <v>19921</v>
      </c>
      <c r="F32255" t="s">
        <v>19922</v>
      </c>
      <c r="G32255" t="s">
        <v>10734</v>
      </c>
      <c r="H32255" t="s">
        <v>10735</v>
      </c>
      <c r="I32255" s="2">
        <v>0</v>
      </c>
      <c r="J32255" s="2">
        <v>0</v>
      </c>
      <c r="K32255" s="2">
        <v>1</v>
      </c>
      <c r="L32255" t="s">
        <v>995</v>
      </c>
      <c r="M32255" t="s">
        <v>87</v>
      </c>
      <c r="N32255" t="s">
        <v>88</v>
      </c>
      <c r="O32255" t="s">
        <v>85</v>
      </c>
      <c r="P32255" t="s">
        <v>86</v>
      </c>
      <c r="Q32255">
        <v>4</v>
      </c>
      <c r="R32255">
        <v>4</v>
      </c>
      <c r="S32255">
        <v>4</v>
      </c>
      <c r="T32255">
        <v>5</v>
      </c>
      <c r="U32255">
        <v>5</v>
      </c>
      <c r="V32255">
        <v>5</v>
      </c>
      <c r="W32255">
        <v>5</v>
      </c>
      <c r="X32255">
        <v>5</v>
      </c>
      <c r="Y32255">
        <v>5</v>
      </c>
      <c r="Z32255">
        <v>5</v>
      </c>
      <c r="AA32255">
        <v>5</v>
      </c>
      <c r="AB32255">
        <v>5</v>
      </c>
      <c r="AC32255">
        <v>5</v>
      </c>
      <c r="AD32255">
        <v>5</v>
      </c>
      <c r="AE32255">
        <v>5</v>
      </c>
      <c r="AF32255">
        <v>5</v>
      </c>
      <c r="AG32255">
        <v>5</v>
      </c>
      <c r="AH32255">
        <v>5</v>
      </c>
      <c r="AI32255">
        <v>5</v>
      </c>
      <c r="AJ32255">
        <v>6</v>
      </c>
      <c r="AK32255">
        <v>6</v>
      </c>
      <c r="AL32255">
        <v>6</v>
      </c>
      <c r="AM32255">
        <v>6</v>
      </c>
      <c r="AN32255">
        <v>6</v>
      </c>
      <c r="AO32255">
        <v>6</v>
      </c>
      <c r="AP32255">
        <v>6</v>
      </c>
      <c r="AQ32255">
        <v>6</v>
      </c>
    </row>
    <row r="32256" spans="1:43">
      <c r="A32256" t="s">
        <v>19981</v>
      </c>
      <c r="B32256" t="s">
        <v>19982</v>
      </c>
      <c r="C32256" t="s">
        <v>19975</v>
      </c>
      <c r="D32256" t="s">
        <v>19976</v>
      </c>
      <c r="E32256" t="s">
        <v>19921</v>
      </c>
      <c r="F32256" t="s">
        <v>19922</v>
      </c>
      <c r="G32256" t="s">
        <v>10734</v>
      </c>
      <c r="H32256" t="s">
        <v>10735</v>
      </c>
      <c r="I32256" s="2">
        <v>0</v>
      </c>
      <c r="J32256" s="2">
        <v>0</v>
      </c>
      <c r="K32256" s="2">
        <v>1</v>
      </c>
      <c r="L32256" t="s">
        <v>995</v>
      </c>
      <c r="M32256" t="s">
        <v>89</v>
      </c>
      <c r="N32256" t="s">
        <v>90</v>
      </c>
      <c r="O32256" t="s">
        <v>85</v>
      </c>
      <c r="P32256" t="s">
        <v>86</v>
      </c>
      <c r="Q32256">
        <v>4</v>
      </c>
      <c r="R32256">
        <v>5</v>
      </c>
      <c r="S32256">
        <v>5</v>
      </c>
      <c r="T32256">
        <v>5</v>
      </c>
      <c r="U32256">
        <v>5</v>
      </c>
      <c r="V32256">
        <v>5</v>
      </c>
      <c r="W32256">
        <v>5</v>
      </c>
      <c r="X32256">
        <v>5</v>
      </c>
      <c r="Y32256">
        <v>6</v>
      </c>
      <c r="Z32256">
        <v>6</v>
      </c>
      <c r="AA32256">
        <v>6</v>
      </c>
      <c r="AB32256">
        <v>6</v>
      </c>
      <c r="AC32256">
        <v>6</v>
      </c>
      <c r="AD32256">
        <v>6</v>
      </c>
      <c r="AE32256">
        <v>6</v>
      </c>
      <c r="AF32256">
        <v>6</v>
      </c>
      <c r="AG32256">
        <v>6</v>
      </c>
      <c r="AH32256">
        <v>6</v>
      </c>
      <c r="AI32256">
        <v>7</v>
      </c>
      <c r="AJ32256">
        <v>7</v>
      </c>
      <c r="AK32256">
        <v>7</v>
      </c>
      <c r="AL32256">
        <v>7</v>
      </c>
      <c r="AM32256">
        <v>7</v>
      </c>
      <c r="AN32256">
        <v>7</v>
      </c>
      <c r="AO32256">
        <v>7</v>
      </c>
      <c r="AP32256">
        <v>7</v>
      </c>
      <c r="AQ32256">
        <v>7</v>
      </c>
    </row>
    <row r="32257" spans="1:43">
      <c r="A32257" t="s">
        <v>19981</v>
      </c>
      <c r="B32257" t="s">
        <v>19982</v>
      </c>
      <c r="C32257" t="s">
        <v>19975</v>
      </c>
      <c r="D32257" t="s">
        <v>19976</v>
      </c>
      <c r="E32257" t="s">
        <v>19921</v>
      </c>
      <c r="F32257" t="s">
        <v>19922</v>
      </c>
      <c r="G32257" t="s">
        <v>10734</v>
      </c>
      <c r="H32257" t="s">
        <v>10735</v>
      </c>
      <c r="I32257" s="2">
        <v>0</v>
      </c>
      <c r="J32257" s="2">
        <v>0</v>
      </c>
      <c r="K32257" s="2">
        <v>1</v>
      </c>
      <c r="L32257" t="s">
        <v>995</v>
      </c>
      <c r="M32257" t="s">
        <v>83</v>
      </c>
      <c r="N32257" t="s">
        <v>91</v>
      </c>
      <c r="O32257" t="s">
        <v>85</v>
      </c>
      <c r="P32257" t="s">
        <v>86</v>
      </c>
      <c r="Q32257">
        <v>4</v>
      </c>
      <c r="R32257">
        <v>4</v>
      </c>
      <c r="S32257">
        <v>5</v>
      </c>
      <c r="T32257">
        <v>5</v>
      </c>
      <c r="U32257">
        <v>5</v>
      </c>
      <c r="V32257">
        <v>5</v>
      </c>
      <c r="W32257">
        <v>5</v>
      </c>
      <c r="X32257">
        <v>5</v>
      </c>
      <c r="Y32257">
        <v>5</v>
      </c>
      <c r="Z32257">
        <v>5</v>
      </c>
      <c r="AA32257">
        <v>5</v>
      </c>
      <c r="AB32257">
        <v>6</v>
      </c>
      <c r="AC32257">
        <v>6</v>
      </c>
      <c r="AD32257">
        <v>6</v>
      </c>
      <c r="AE32257">
        <v>6</v>
      </c>
      <c r="AF32257">
        <v>6</v>
      </c>
      <c r="AG32257">
        <v>6</v>
      </c>
      <c r="AH32257">
        <v>6</v>
      </c>
      <c r="AI32257">
        <v>6</v>
      </c>
      <c r="AJ32257">
        <v>6</v>
      </c>
      <c r="AK32257">
        <v>7</v>
      </c>
      <c r="AL32257">
        <v>7</v>
      </c>
      <c r="AM32257">
        <v>7</v>
      </c>
      <c r="AN32257">
        <v>7</v>
      </c>
      <c r="AO32257">
        <v>7</v>
      </c>
      <c r="AP32257">
        <v>7</v>
      </c>
      <c r="AQ32257">
        <v>7</v>
      </c>
    </row>
    <row r="32258" spans="1:43">
      <c r="A32258" t="s">
        <v>19983</v>
      </c>
      <c r="B32258" t="s">
        <v>19984</v>
      </c>
      <c r="C32258" t="s">
        <v>19985</v>
      </c>
      <c r="D32258" t="s">
        <v>19986</v>
      </c>
      <c r="E32258" t="s">
        <v>19921</v>
      </c>
      <c r="F32258" t="s">
        <v>19922</v>
      </c>
      <c r="G32258" t="s">
        <v>10734</v>
      </c>
      <c r="H32258" t="s">
        <v>10735</v>
      </c>
      <c r="I32258" s="2">
        <v>0</v>
      </c>
      <c r="J32258" s="2">
        <v>0</v>
      </c>
      <c r="K32258" s="2">
        <v>1</v>
      </c>
      <c r="L32258" t="s">
        <v>995</v>
      </c>
      <c r="M32258" t="s">
        <v>83</v>
      </c>
      <c r="N32258" t="s">
        <v>84</v>
      </c>
      <c r="O32258" t="s">
        <v>85</v>
      </c>
      <c r="P32258" t="s">
        <v>86</v>
      </c>
      <c r="Q32258">
        <v>44</v>
      </c>
      <c r="R32258">
        <v>45</v>
      </c>
      <c r="S32258">
        <v>46</v>
      </c>
      <c r="T32258">
        <v>47</v>
      </c>
      <c r="U32258">
        <v>48</v>
      </c>
      <c r="V32258">
        <v>49</v>
      </c>
      <c r="W32258">
        <v>50</v>
      </c>
      <c r="X32258">
        <v>51</v>
      </c>
      <c r="Y32258">
        <v>52</v>
      </c>
      <c r="Z32258">
        <v>53</v>
      </c>
      <c r="AA32258">
        <v>54</v>
      </c>
      <c r="AB32258">
        <v>55</v>
      </c>
      <c r="AC32258">
        <v>56</v>
      </c>
      <c r="AD32258">
        <v>57</v>
      </c>
      <c r="AE32258">
        <v>58</v>
      </c>
      <c r="AF32258">
        <v>59</v>
      </c>
      <c r="AG32258">
        <v>60</v>
      </c>
      <c r="AH32258">
        <v>62</v>
      </c>
      <c r="AI32258">
        <v>63</v>
      </c>
      <c r="AJ32258">
        <v>64</v>
      </c>
      <c r="AK32258">
        <v>65</v>
      </c>
      <c r="AL32258">
        <v>66</v>
      </c>
      <c r="AM32258">
        <v>66</v>
      </c>
      <c r="AN32258">
        <v>67</v>
      </c>
      <c r="AO32258">
        <v>67</v>
      </c>
      <c r="AP32258">
        <v>68</v>
      </c>
      <c r="AQ32258">
        <v>68</v>
      </c>
    </row>
    <row r="32259" spans="1:43">
      <c r="A32259" t="s">
        <v>19983</v>
      </c>
      <c r="B32259" t="s">
        <v>19984</v>
      </c>
      <c r="C32259" t="s">
        <v>19985</v>
      </c>
      <c r="D32259" t="s">
        <v>19986</v>
      </c>
      <c r="E32259" t="s">
        <v>19921</v>
      </c>
      <c r="F32259" t="s">
        <v>19922</v>
      </c>
      <c r="G32259" t="s">
        <v>10734</v>
      </c>
      <c r="H32259" t="s">
        <v>10735</v>
      </c>
      <c r="I32259" s="2">
        <v>0</v>
      </c>
      <c r="J32259" s="2">
        <v>0</v>
      </c>
      <c r="K32259" s="2">
        <v>1</v>
      </c>
      <c r="L32259" t="s">
        <v>995</v>
      </c>
      <c r="M32259" t="s">
        <v>87</v>
      </c>
      <c r="N32259" t="s">
        <v>88</v>
      </c>
      <c r="O32259" t="s">
        <v>85</v>
      </c>
      <c r="P32259" t="s">
        <v>86</v>
      </c>
      <c r="Q32259">
        <v>44</v>
      </c>
      <c r="R32259">
        <v>45</v>
      </c>
      <c r="S32259">
        <v>45</v>
      </c>
      <c r="T32259">
        <v>46</v>
      </c>
      <c r="U32259">
        <v>47</v>
      </c>
      <c r="V32259">
        <v>47</v>
      </c>
      <c r="W32259">
        <v>48</v>
      </c>
      <c r="X32259">
        <v>48</v>
      </c>
      <c r="Y32259">
        <v>49</v>
      </c>
      <c r="Z32259">
        <v>50</v>
      </c>
      <c r="AA32259">
        <v>50</v>
      </c>
      <c r="AB32259">
        <v>51</v>
      </c>
      <c r="AC32259">
        <v>51</v>
      </c>
      <c r="AD32259">
        <v>52</v>
      </c>
      <c r="AE32259">
        <v>53</v>
      </c>
      <c r="AF32259">
        <v>53</v>
      </c>
      <c r="AG32259">
        <v>54</v>
      </c>
      <c r="AH32259">
        <v>54</v>
      </c>
      <c r="AI32259">
        <v>55</v>
      </c>
      <c r="AJ32259">
        <v>56</v>
      </c>
      <c r="AK32259">
        <v>56</v>
      </c>
      <c r="AL32259">
        <v>57</v>
      </c>
      <c r="AM32259">
        <v>57</v>
      </c>
      <c r="AN32259">
        <v>58</v>
      </c>
      <c r="AO32259">
        <v>59</v>
      </c>
      <c r="AP32259">
        <v>59</v>
      </c>
      <c r="AQ32259">
        <v>60</v>
      </c>
    </row>
    <row r="32260" spans="1:43">
      <c r="A32260" t="s">
        <v>19983</v>
      </c>
      <c r="B32260" t="s">
        <v>19984</v>
      </c>
      <c r="C32260" t="s">
        <v>19985</v>
      </c>
      <c r="D32260" t="s">
        <v>19986</v>
      </c>
      <c r="E32260" t="s">
        <v>19921</v>
      </c>
      <c r="F32260" t="s">
        <v>19922</v>
      </c>
      <c r="G32260" t="s">
        <v>10734</v>
      </c>
      <c r="H32260" t="s">
        <v>10735</v>
      </c>
      <c r="I32260" s="2">
        <v>0</v>
      </c>
      <c r="J32260" s="2">
        <v>0</v>
      </c>
      <c r="K32260" s="2">
        <v>1</v>
      </c>
      <c r="L32260" t="s">
        <v>995</v>
      </c>
      <c r="M32260" t="s">
        <v>89</v>
      </c>
      <c r="N32260" t="s">
        <v>90</v>
      </c>
      <c r="O32260" t="s">
        <v>85</v>
      </c>
      <c r="P32260" t="s">
        <v>86</v>
      </c>
      <c r="Q32260">
        <v>44</v>
      </c>
      <c r="R32260">
        <v>45</v>
      </c>
      <c r="S32260">
        <v>47</v>
      </c>
      <c r="T32260">
        <v>48</v>
      </c>
      <c r="U32260">
        <v>50</v>
      </c>
      <c r="V32260">
        <v>51</v>
      </c>
      <c r="W32260">
        <v>52</v>
      </c>
      <c r="X32260">
        <v>54</v>
      </c>
      <c r="Y32260">
        <v>55</v>
      </c>
      <c r="Z32260">
        <v>56</v>
      </c>
      <c r="AA32260">
        <v>58</v>
      </c>
      <c r="AB32260">
        <v>59</v>
      </c>
      <c r="AC32260">
        <v>60</v>
      </c>
      <c r="AD32260">
        <v>62</v>
      </c>
      <c r="AE32260">
        <v>63</v>
      </c>
      <c r="AF32260">
        <v>63</v>
      </c>
      <c r="AG32260">
        <v>64</v>
      </c>
      <c r="AH32260">
        <v>64</v>
      </c>
      <c r="AI32260">
        <v>65</v>
      </c>
      <c r="AJ32260">
        <v>65</v>
      </c>
      <c r="AK32260">
        <v>66</v>
      </c>
      <c r="AL32260">
        <v>66</v>
      </c>
      <c r="AM32260">
        <v>67</v>
      </c>
      <c r="AN32260">
        <v>67</v>
      </c>
      <c r="AO32260">
        <v>68</v>
      </c>
      <c r="AP32260">
        <v>68</v>
      </c>
      <c r="AQ32260">
        <v>69</v>
      </c>
    </row>
    <row r="32261" spans="1:43">
      <c r="A32261" t="s">
        <v>19983</v>
      </c>
      <c r="B32261" t="s">
        <v>19984</v>
      </c>
      <c r="C32261" t="s">
        <v>19985</v>
      </c>
      <c r="D32261" t="s">
        <v>19986</v>
      </c>
      <c r="E32261" t="s">
        <v>19921</v>
      </c>
      <c r="F32261" t="s">
        <v>19922</v>
      </c>
      <c r="G32261" t="s">
        <v>10734</v>
      </c>
      <c r="H32261" t="s">
        <v>10735</v>
      </c>
      <c r="I32261" s="2">
        <v>0</v>
      </c>
      <c r="J32261" s="2">
        <v>0</v>
      </c>
      <c r="K32261" s="2">
        <v>1</v>
      </c>
      <c r="L32261" t="s">
        <v>995</v>
      </c>
      <c r="M32261" t="s">
        <v>83</v>
      </c>
      <c r="N32261" t="s">
        <v>91</v>
      </c>
      <c r="O32261" t="s">
        <v>85</v>
      </c>
      <c r="P32261" t="s">
        <v>86</v>
      </c>
      <c r="Q32261">
        <v>44</v>
      </c>
      <c r="R32261">
        <v>45</v>
      </c>
      <c r="S32261">
        <v>46</v>
      </c>
      <c r="T32261">
        <v>47</v>
      </c>
      <c r="U32261">
        <v>48</v>
      </c>
      <c r="V32261">
        <v>49</v>
      </c>
      <c r="W32261">
        <v>50</v>
      </c>
      <c r="X32261">
        <v>51</v>
      </c>
      <c r="Y32261">
        <v>52</v>
      </c>
      <c r="Z32261">
        <v>53</v>
      </c>
      <c r="AA32261">
        <v>54</v>
      </c>
      <c r="AB32261">
        <v>55</v>
      </c>
      <c r="AC32261">
        <v>56</v>
      </c>
      <c r="AD32261">
        <v>57</v>
      </c>
      <c r="AE32261">
        <v>58</v>
      </c>
      <c r="AF32261">
        <v>59</v>
      </c>
      <c r="AG32261">
        <v>60</v>
      </c>
      <c r="AH32261">
        <v>62</v>
      </c>
      <c r="AI32261">
        <v>63</v>
      </c>
      <c r="AJ32261">
        <v>64</v>
      </c>
      <c r="AK32261">
        <v>65</v>
      </c>
      <c r="AL32261">
        <v>66</v>
      </c>
      <c r="AM32261">
        <v>66</v>
      </c>
      <c r="AN32261">
        <v>67</v>
      </c>
      <c r="AO32261">
        <v>67</v>
      </c>
      <c r="AP32261">
        <v>68</v>
      </c>
      <c r="AQ32261">
        <v>68</v>
      </c>
    </row>
    <row r="32262" spans="1:43">
      <c r="A32262" t="s">
        <v>19987</v>
      </c>
      <c r="B32262" t="s">
        <v>19988</v>
      </c>
      <c r="C32262" t="s">
        <v>19985</v>
      </c>
      <c r="D32262" t="s">
        <v>19986</v>
      </c>
      <c r="E32262" t="s">
        <v>19921</v>
      </c>
      <c r="F32262" t="s">
        <v>19922</v>
      </c>
      <c r="G32262" t="s">
        <v>10734</v>
      </c>
      <c r="H32262" t="s">
        <v>10735</v>
      </c>
      <c r="I32262" s="2">
        <v>0</v>
      </c>
      <c r="J32262" s="2">
        <v>0</v>
      </c>
      <c r="K32262" s="2">
        <v>1</v>
      </c>
      <c r="L32262" t="s">
        <v>995</v>
      </c>
      <c r="M32262" t="s">
        <v>83</v>
      </c>
      <c r="N32262" t="s">
        <v>84</v>
      </c>
      <c r="O32262" t="s">
        <v>85</v>
      </c>
      <c r="P32262" t="s">
        <v>86</v>
      </c>
      <c r="Q32262">
        <v>37</v>
      </c>
      <c r="R32262">
        <v>37</v>
      </c>
      <c r="S32262">
        <v>38</v>
      </c>
      <c r="T32262">
        <v>39</v>
      </c>
      <c r="U32262">
        <v>40</v>
      </c>
      <c r="V32262">
        <v>41</v>
      </c>
      <c r="W32262">
        <v>42</v>
      </c>
      <c r="X32262">
        <v>43</v>
      </c>
      <c r="Y32262">
        <v>44</v>
      </c>
      <c r="Z32262">
        <v>44</v>
      </c>
      <c r="AA32262">
        <v>45</v>
      </c>
      <c r="AB32262">
        <v>46</v>
      </c>
      <c r="AC32262">
        <v>47</v>
      </c>
      <c r="AD32262">
        <v>48</v>
      </c>
      <c r="AE32262">
        <v>49</v>
      </c>
      <c r="AF32262">
        <v>50</v>
      </c>
      <c r="AG32262">
        <v>51</v>
      </c>
      <c r="AH32262">
        <v>52</v>
      </c>
      <c r="AI32262">
        <v>53</v>
      </c>
      <c r="AJ32262">
        <v>54</v>
      </c>
      <c r="AK32262">
        <v>54</v>
      </c>
      <c r="AL32262">
        <v>55</v>
      </c>
      <c r="AM32262">
        <v>55</v>
      </c>
      <c r="AN32262">
        <v>56</v>
      </c>
      <c r="AO32262">
        <v>56</v>
      </c>
      <c r="AP32262">
        <v>57</v>
      </c>
      <c r="AQ32262">
        <v>57</v>
      </c>
    </row>
    <row r="32263" spans="1:43">
      <c r="A32263" t="s">
        <v>19987</v>
      </c>
      <c r="B32263" t="s">
        <v>19988</v>
      </c>
      <c r="C32263" t="s">
        <v>19985</v>
      </c>
      <c r="D32263" t="s">
        <v>19986</v>
      </c>
      <c r="E32263" t="s">
        <v>19921</v>
      </c>
      <c r="F32263" t="s">
        <v>19922</v>
      </c>
      <c r="G32263" t="s">
        <v>10734</v>
      </c>
      <c r="H32263" t="s">
        <v>10735</v>
      </c>
      <c r="I32263" s="2">
        <v>0</v>
      </c>
      <c r="J32263" s="2">
        <v>0</v>
      </c>
      <c r="K32263" s="2">
        <v>1</v>
      </c>
      <c r="L32263" t="s">
        <v>995</v>
      </c>
      <c r="M32263" t="s">
        <v>87</v>
      </c>
      <c r="N32263" t="s">
        <v>88</v>
      </c>
      <c r="O32263" t="s">
        <v>85</v>
      </c>
      <c r="P32263" t="s">
        <v>86</v>
      </c>
      <c r="Q32263">
        <v>37</v>
      </c>
      <c r="R32263">
        <v>38</v>
      </c>
      <c r="S32263">
        <v>38</v>
      </c>
      <c r="T32263">
        <v>39</v>
      </c>
      <c r="U32263">
        <v>39</v>
      </c>
      <c r="V32263">
        <v>40</v>
      </c>
      <c r="W32263">
        <v>40</v>
      </c>
      <c r="X32263">
        <v>41</v>
      </c>
      <c r="Y32263">
        <v>41</v>
      </c>
      <c r="Z32263">
        <v>42</v>
      </c>
      <c r="AA32263">
        <v>42</v>
      </c>
      <c r="AB32263">
        <v>43</v>
      </c>
      <c r="AC32263">
        <v>43</v>
      </c>
      <c r="AD32263">
        <v>44</v>
      </c>
      <c r="AE32263">
        <v>44</v>
      </c>
      <c r="AF32263">
        <v>45</v>
      </c>
      <c r="AG32263">
        <v>45</v>
      </c>
      <c r="AH32263">
        <v>46</v>
      </c>
      <c r="AI32263">
        <v>46</v>
      </c>
      <c r="AJ32263">
        <v>47</v>
      </c>
      <c r="AK32263">
        <v>47</v>
      </c>
      <c r="AL32263">
        <v>48</v>
      </c>
      <c r="AM32263">
        <v>48</v>
      </c>
      <c r="AN32263">
        <v>49</v>
      </c>
      <c r="AO32263">
        <v>49</v>
      </c>
      <c r="AP32263">
        <v>50</v>
      </c>
      <c r="AQ32263">
        <v>50</v>
      </c>
    </row>
    <row r="32264" spans="1:43">
      <c r="A32264" t="s">
        <v>19987</v>
      </c>
      <c r="B32264" t="s">
        <v>19988</v>
      </c>
      <c r="C32264" t="s">
        <v>19985</v>
      </c>
      <c r="D32264" t="s">
        <v>19986</v>
      </c>
      <c r="E32264" t="s">
        <v>19921</v>
      </c>
      <c r="F32264" t="s">
        <v>19922</v>
      </c>
      <c r="G32264" t="s">
        <v>10734</v>
      </c>
      <c r="H32264" t="s">
        <v>10735</v>
      </c>
      <c r="I32264" s="2">
        <v>0</v>
      </c>
      <c r="J32264" s="2">
        <v>0</v>
      </c>
      <c r="K32264" s="2">
        <v>1</v>
      </c>
      <c r="L32264" t="s">
        <v>995</v>
      </c>
      <c r="M32264" t="s">
        <v>89</v>
      </c>
      <c r="N32264" t="s">
        <v>90</v>
      </c>
      <c r="O32264" t="s">
        <v>85</v>
      </c>
      <c r="P32264" t="s">
        <v>86</v>
      </c>
      <c r="Q32264">
        <v>37</v>
      </c>
      <c r="R32264">
        <v>38</v>
      </c>
      <c r="S32264">
        <v>39</v>
      </c>
      <c r="T32264">
        <v>40</v>
      </c>
      <c r="U32264">
        <v>42</v>
      </c>
      <c r="V32264">
        <v>43</v>
      </c>
      <c r="W32264">
        <v>44</v>
      </c>
      <c r="X32264">
        <v>45</v>
      </c>
      <c r="Y32264">
        <v>46</v>
      </c>
      <c r="Z32264">
        <v>47</v>
      </c>
      <c r="AA32264">
        <v>48</v>
      </c>
      <c r="AB32264">
        <v>49</v>
      </c>
      <c r="AC32264">
        <v>51</v>
      </c>
      <c r="AD32264">
        <v>52</v>
      </c>
      <c r="AE32264">
        <v>52</v>
      </c>
      <c r="AF32264">
        <v>53</v>
      </c>
      <c r="AG32264">
        <v>53</v>
      </c>
      <c r="AH32264">
        <v>54</v>
      </c>
      <c r="AI32264">
        <v>54</v>
      </c>
      <c r="AJ32264">
        <v>55</v>
      </c>
      <c r="AK32264">
        <v>55</v>
      </c>
      <c r="AL32264">
        <v>56</v>
      </c>
      <c r="AM32264">
        <v>56</v>
      </c>
      <c r="AN32264">
        <v>56</v>
      </c>
      <c r="AO32264">
        <v>57</v>
      </c>
      <c r="AP32264">
        <v>57</v>
      </c>
      <c r="AQ32264">
        <v>58</v>
      </c>
    </row>
    <row r="32265" spans="1:43">
      <c r="A32265" t="s">
        <v>19987</v>
      </c>
      <c r="B32265" t="s">
        <v>19988</v>
      </c>
      <c r="C32265" t="s">
        <v>19985</v>
      </c>
      <c r="D32265" t="s">
        <v>19986</v>
      </c>
      <c r="E32265" t="s">
        <v>19921</v>
      </c>
      <c r="F32265" t="s">
        <v>19922</v>
      </c>
      <c r="G32265" t="s">
        <v>10734</v>
      </c>
      <c r="H32265" t="s">
        <v>10735</v>
      </c>
      <c r="I32265" s="2">
        <v>0</v>
      </c>
      <c r="J32265" s="2">
        <v>0</v>
      </c>
      <c r="K32265" s="2">
        <v>1</v>
      </c>
      <c r="L32265" t="s">
        <v>995</v>
      </c>
      <c r="M32265" t="s">
        <v>83</v>
      </c>
      <c r="N32265" t="s">
        <v>91</v>
      </c>
      <c r="O32265" t="s">
        <v>85</v>
      </c>
      <c r="P32265" t="s">
        <v>86</v>
      </c>
      <c r="Q32265">
        <v>37</v>
      </c>
      <c r="R32265">
        <v>37</v>
      </c>
      <c r="S32265">
        <v>38</v>
      </c>
      <c r="T32265">
        <v>39</v>
      </c>
      <c r="U32265">
        <v>40</v>
      </c>
      <c r="V32265">
        <v>41</v>
      </c>
      <c r="W32265">
        <v>42</v>
      </c>
      <c r="X32265">
        <v>43</v>
      </c>
      <c r="Y32265">
        <v>44</v>
      </c>
      <c r="Z32265">
        <v>44</v>
      </c>
      <c r="AA32265">
        <v>45</v>
      </c>
      <c r="AB32265">
        <v>46</v>
      </c>
      <c r="AC32265">
        <v>47</v>
      </c>
      <c r="AD32265">
        <v>48</v>
      </c>
      <c r="AE32265">
        <v>49</v>
      </c>
      <c r="AF32265">
        <v>50</v>
      </c>
      <c r="AG32265">
        <v>51</v>
      </c>
      <c r="AH32265">
        <v>52</v>
      </c>
      <c r="AI32265">
        <v>53</v>
      </c>
      <c r="AJ32265">
        <v>54</v>
      </c>
      <c r="AK32265">
        <v>54</v>
      </c>
      <c r="AL32265">
        <v>55</v>
      </c>
      <c r="AM32265">
        <v>55</v>
      </c>
      <c r="AN32265">
        <v>56</v>
      </c>
      <c r="AO32265">
        <v>56</v>
      </c>
      <c r="AP32265">
        <v>57</v>
      </c>
      <c r="AQ32265">
        <v>57</v>
      </c>
    </row>
    <row r="32266" spans="1:43">
      <c r="A32266" t="s">
        <v>19989</v>
      </c>
      <c r="B32266" t="s">
        <v>19990</v>
      </c>
      <c r="C32266" t="s">
        <v>19985</v>
      </c>
      <c r="D32266" t="s">
        <v>19986</v>
      </c>
      <c r="E32266" t="s">
        <v>19921</v>
      </c>
      <c r="F32266" t="s">
        <v>19922</v>
      </c>
      <c r="G32266" t="s">
        <v>10734</v>
      </c>
      <c r="H32266" t="s">
        <v>10735</v>
      </c>
      <c r="I32266" s="2">
        <v>0</v>
      </c>
      <c r="J32266" s="2">
        <v>0</v>
      </c>
      <c r="K32266" s="2">
        <v>1</v>
      </c>
      <c r="L32266" t="s">
        <v>995</v>
      </c>
      <c r="M32266" t="s">
        <v>83</v>
      </c>
      <c r="N32266" t="s">
        <v>84</v>
      </c>
      <c r="O32266" t="s">
        <v>85</v>
      </c>
      <c r="P32266" t="s">
        <v>86</v>
      </c>
      <c r="Q32266">
        <v>47</v>
      </c>
      <c r="R32266">
        <v>48</v>
      </c>
      <c r="S32266">
        <v>49</v>
      </c>
      <c r="T32266">
        <v>51</v>
      </c>
      <c r="U32266">
        <v>52</v>
      </c>
      <c r="V32266">
        <v>53</v>
      </c>
      <c r="W32266">
        <v>54</v>
      </c>
      <c r="X32266">
        <v>55</v>
      </c>
      <c r="Y32266">
        <v>56</v>
      </c>
      <c r="Z32266">
        <v>57</v>
      </c>
      <c r="AA32266">
        <v>59</v>
      </c>
      <c r="AB32266">
        <v>60</v>
      </c>
      <c r="AC32266">
        <v>61</v>
      </c>
      <c r="AD32266">
        <v>62</v>
      </c>
      <c r="AE32266">
        <v>63</v>
      </c>
      <c r="AF32266">
        <v>64</v>
      </c>
      <c r="AG32266">
        <v>66</v>
      </c>
      <c r="AH32266">
        <v>67</v>
      </c>
      <c r="AI32266">
        <v>68</v>
      </c>
      <c r="AJ32266">
        <v>69</v>
      </c>
      <c r="AK32266">
        <v>70</v>
      </c>
      <c r="AL32266">
        <v>71</v>
      </c>
      <c r="AM32266">
        <v>72</v>
      </c>
      <c r="AN32266">
        <v>72</v>
      </c>
      <c r="AO32266">
        <v>73</v>
      </c>
      <c r="AP32266">
        <v>73</v>
      </c>
      <c r="AQ32266">
        <v>74</v>
      </c>
    </row>
    <row r="32267" spans="1:43">
      <c r="A32267" t="s">
        <v>19989</v>
      </c>
      <c r="B32267" t="s">
        <v>19990</v>
      </c>
      <c r="C32267" t="s">
        <v>19985</v>
      </c>
      <c r="D32267" t="s">
        <v>19986</v>
      </c>
      <c r="E32267" t="s">
        <v>19921</v>
      </c>
      <c r="F32267" t="s">
        <v>19922</v>
      </c>
      <c r="G32267" t="s">
        <v>10734</v>
      </c>
      <c r="H32267" t="s">
        <v>10735</v>
      </c>
      <c r="I32267" s="2">
        <v>0</v>
      </c>
      <c r="J32267" s="2">
        <v>0</v>
      </c>
      <c r="K32267" s="2">
        <v>1</v>
      </c>
      <c r="L32267" t="s">
        <v>995</v>
      </c>
      <c r="M32267" t="s">
        <v>87</v>
      </c>
      <c r="N32267" t="s">
        <v>88</v>
      </c>
      <c r="O32267" t="s">
        <v>85</v>
      </c>
      <c r="P32267" t="s">
        <v>86</v>
      </c>
      <c r="Q32267">
        <v>47</v>
      </c>
      <c r="R32267">
        <v>47</v>
      </c>
      <c r="S32267">
        <v>48</v>
      </c>
      <c r="T32267">
        <v>49</v>
      </c>
      <c r="U32267">
        <v>49</v>
      </c>
      <c r="V32267">
        <v>50</v>
      </c>
      <c r="W32267">
        <v>51</v>
      </c>
      <c r="X32267">
        <v>51</v>
      </c>
      <c r="Y32267">
        <v>52</v>
      </c>
      <c r="Z32267">
        <v>53</v>
      </c>
      <c r="AA32267">
        <v>53</v>
      </c>
      <c r="AB32267">
        <v>54</v>
      </c>
      <c r="AC32267">
        <v>55</v>
      </c>
      <c r="AD32267">
        <v>55</v>
      </c>
      <c r="AE32267">
        <v>56</v>
      </c>
      <c r="AF32267">
        <v>57</v>
      </c>
      <c r="AG32267">
        <v>57</v>
      </c>
      <c r="AH32267">
        <v>58</v>
      </c>
      <c r="AI32267">
        <v>59</v>
      </c>
      <c r="AJ32267">
        <v>59</v>
      </c>
      <c r="AK32267">
        <v>60</v>
      </c>
      <c r="AL32267">
        <v>61</v>
      </c>
      <c r="AM32267">
        <v>61</v>
      </c>
      <c r="AN32267">
        <v>62</v>
      </c>
      <c r="AO32267">
        <v>63</v>
      </c>
      <c r="AP32267">
        <v>63</v>
      </c>
      <c r="AQ32267">
        <v>64</v>
      </c>
    </row>
    <row r="32268" spans="1:43">
      <c r="A32268" t="s">
        <v>19989</v>
      </c>
      <c r="B32268" t="s">
        <v>19990</v>
      </c>
      <c r="C32268" t="s">
        <v>19985</v>
      </c>
      <c r="D32268" t="s">
        <v>19986</v>
      </c>
      <c r="E32268" t="s">
        <v>19921</v>
      </c>
      <c r="F32268" t="s">
        <v>19922</v>
      </c>
      <c r="G32268" t="s">
        <v>10734</v>
      </c>
      <c r="H32268" t="s">
        <v>10735</v>
      </c>
      <c r="I32268" s="2">
        <v>0</v>
      </c>
      <c r="J32268" s="2">
        <v>0</v>
      </c>
      <c r="K32268" s="2">
        <v>1</v>
      </c>
      <c r="L32268" t="s">
        <v>995</v>
      </c>
      <c r="M32268" t="s">
        <v>89</v>
      </c>
      <c r="N32268" t="s">
        <v>90</v>
      </c>
      <c r="O32268" t="s">
        <v>85</v>
      </c>
      <c r="P32268" t="s">
        <v>86</v>
      </c>
      <c r="Q32268">
        <v>47</v>
      </c>
      <c r="R32268">
        <v>48</v>
      </c>
      <c r="S32268">
        <v>50</v>
      </c>
      <c r="T32268">
        <v>51</v>
      </c>
      <c r="U32268">
        <v>53</v>
      </c>
      <c r="V32268">
        <v>54</v>
      </c>
      <c r="W32268">
        <v>56</v>
      </c>
      <c r="X32268">
        <v>57</v>
      </c>
      <c r="Y32268">
        <v>59</v>
      </c>
      <c r="Z32268">
        <v>60</v>
      </c>
      <c r="AA32268">
        <v>61</v>
      </c>
      <c r="AB32268">
        <v>63</v>
      </c>
      <c r="AC32268">
        <v>64</v>
      </c>
      <c r="AD32268">
        <v>66</v>
      </c>
      <c r="AE32268">
        <v>67</v>
      </c>
      <c r="AF32268">
        <v>67</v>
      </c>
      <c r="AG32268">
        <v>68</v>
      </c>
      <c r="AH32268">
        <v>69</v>
      </c>
      <c r="AI32268">
        <v>69</v>
      </c>
      <c r="AJ32268">
        <v>70</v>
      </c>
      <c r="AK32268">
        <v>70</v>
      </c>
      <c r="AL32268">
        <v>71</v>
      </c>
      <c r="AM32268">
        <v>71</v>
      </c>
      <c r="AN32268">
        <v>72</v>
      </c>
      <c r="AO32268">
        <v>72</v>
      </c>
      <c r="AP32268">
        <v>73</v>
      </c>
      <c r="AQ32268">
        <v>74</v>
      </c>
    </row>
    <row r="32269" spans="1:43">
      <c r="A32269" t="s">
        <v>19989</v>
      </c>
      <c r="B32269" t="s">
        <v>19990</v>
      </c>
      <c r="C32269" t="s">
        <v>19985</v>
      </c>
      <c r="D32269" t="s">
        <v>19986</v>
      </c>
      <c r="E32269" t="s">
        <v>19921</v>
      </c>
      <c r="F32269" t="s">
        <v>19922</v>
      </c>
      <c r="G32269" t="s">
        <v>10734</v>
      </c>
      <c r="H32269" t="s">
        <v>10735</v>
      </c>
      <c r="I32269" s="2">
        <v>0</v>
      </c>
      <c r="J32269" s="2">
        <v>0</v>
      </c>
      <c r="K32269" s="2">
        <v>1</v>
      </c>
      <c r="L32269" t="s">
        <v>995</v>
      </c>
      <c r="M32269" t="s">
        <v>83</v>
      </c>
      <c r="N32269" t="s">
        <v>91</v>
      </c>
      <c r="O32269" t="s">
        <v>85</v>
      </c>
      <c r="P32269" t="s">
        <v>86</v>
      </c>
      <c r="Q32269">
        <v>47</v>
      </c>
      <c r="R32269">
        <v>48</v>
      </c>
      <c r="S32269">
        <v>49</v>
      </c>
      <c r="T32269">
        <v>51</v>
      </c>
      <c r="U32269">
        <v>52</v>
      </c>
      <c r="V32269">
        <v>53</v>
      </c>
      <c r="W32269">
        <v>54</v>
      </c>
      <c r="X32269">
        <v>55</v>
      </c>
      <c r="Y32269">
        <v>56</v>
      </c>
      <c r="Z32269">
        <v>57</v>
      </c>
      <c r="AA32269">
        <v>59</v>
      </c>
      <c r="AB32269">
        <v>60</v>
      </c>
      <c r="AC32269">
        <v>61</v>
      </c>
      <c r="AD32269">
        <v>62</v>
      </c>
      <c r="AE32269">
        <v>63</v>
      </c>
      <c r="AF32269">
        <v>64</v>
      </c>
      <c r="AG32269">
        <v>66</v>
      </c>
      <c r="AH32269">
        <v>67</v>
      </c>
      <c r="AI32269">
        <v>68</v>
      </c>
      <c r="AJ32269">
        <v>69</v>
      </c>
      <c r="AK32269">
        <v>70</v>
      </c>
      <c r="AL32269">
        <v>71</v>
      </c>
      <c r="AM32269">
        <v>72</v>
      </c>
      <c r="AN32269">
        <v>72</v>
      </c>
      <c r="AO32269">
        <v>73</v>
      </c>
      <c r="AP32269">
        <v>73</v>
      </c>
      <c r="AQ32269">
        <v>74</v>
      </c>
    </row>
    <row r="32270" spans="1:43">
      <c r="A32270" t="s">
        <v>19991</v>
      </c>
      <c r="B32270" t="s">
        <v>19992</v>
      </c>
      <c r="C32270" t="s">
        <v>19993</v>
      </c>
      <c r="D32270" t="s">
        <v>19994</v>
      </c>
      <c r="E32270" t="s">
        <v>19921</v>
      </c>
      <c r="F32270" t="s">
        <v>19922</v>
      </c>
      <c r="G32270" t="s">
        <v>10734</v>
      </c>
      <c r="H32270" t="s">
        <v>10735</v>
      </c>
      <c r="I32270" s="2">
        <v>0</v>
      </c>
      <c r="J32270" s="2">
        <v>0</v>
      </c>
      <c r="K32270" s="2">
        <v>1</v>
      </c>
      <c r="L32270" t="s">
        <v>995</v>
      </c>
      <c r="M32270" t="s">
        <v>83</v>
      </c>
      <c r="N32270" t="s">
        <v>84</v>
      </c>
      <c r="O32270" t="s">
        <v>85</v>
      </c>
      <c r="P32270" t="s">
        <v>86</v>
      </c>
      <c r="Q32270">
        <v>31</v>
      </c>
      <c r="R32270">
        <v>32</v>
      </c>
      <c r="S32270">
        <v>33</v>
      </c>
      <c r="T32270">
        <v>33</v>
      </c>
      <c r="U32270">
        <v>34</v>
      </c>
      <c r="V32270">
        <v>35</v>
      </c>
      <c r="W32270">
        <v>36</v>
      </c>
      <c r="X32270">
        <v>36</v>
      </c>
      <c r="Y32270">
        <v>37</v>
      </c>
      <c r="Z32270">
        <v>38</v>
      </c>
      <c r="AA32270">
        <v>39</v>
      </c>
      <c r="AB32270">
        <v>40</v>
      </c>
      <c r="AC32270">
        <v>40</v>
      </c>
      <c r="AD32270">
        <v>41</v>
      </c>
      <c r="AE32270">
        <v>42</v>
      </c>
      <c r="AF32270">
        <v>43</v>
      </c>
      <c r="AG32270">
        <v>43</v>
      </c>
      <c r="AH32270">
        <v>44</v>
      </c>
      <c r="AI32270">
        <v>45</v>
      </c>
      <c r="AJ32270">
        <v>46</v>
      </c>
      <c r="AK32270">
        <v>47</v>
      </c>
      <c r="AL32270">
        <v>47</v>
      </c>
      <c r="AM32270">
        <v>47</v>
      </c>
      <c r="AN32270">
        <v>48</v>
      </c>
      <c r="AO32270">
        <v>48</v>
      </c>
      <c r="AP32270">
        <v>48</v>
      </c>
      <c r="AQ32270">
        <v>49</v>
      </c>
    </row>
    <row r="32271" spans="1:43">
      <c r="A32271" t="s">
        <v>19991</v>
      </c>
      <c r="B32271" t="s">
        <v>19992</v>
      </c>
      <c r="C32271" t="s">
        <v>19993</v>
      </c>
      <c r="D32271" t="s">
        <v>19994</v>
      </c>
      <c r="E32271" t="s">
        <v>19921</v>
      </c>
      <c r="F32271" t="s">
        <v>19922</v>
      </c>
      <c r="G32271" t="s">
        <v>10734</v>
      </c>
      <c r="H32271" t="s">
        <v>10735</v>
      </c>
      <c r="I32271" s="2">
        <v>0</v>
      </c>
      <c r="J32271" s="2">
        <v>0</v>
      </c>
      <c r="K32271" s="2">
        <v>1</v>
      </c>
      <c r="L32271" t="s">
        <v>995</v>
      </c>
      <c r="M32271" t="s">
        <v>87</v>
      </c>
      <c r="N32271" t="s">
        <v>88</v>
      </c>
      <c r="O32271" t="s">
        <v>85</v>
      </c>
      <c r="P32271" t="s">
        <v>86</v>
      </c>
      <c r="Q32271">
        <v>31</v>
      </c>
      <c r="R32271">
        <v>31</v>
      </c>
      <c r="S32271">
        <v>32</v>
      </c>
      <c r="T32271">
        <v>32</v>
      </c>
      <c r="U32271">
        <v>33</v>
      </c>
      <c r="V32271">
        <v>33</v>
      </c>
      <c r="W32271">
        <v>34</v>
      </c>
      <c r="X32271">
        <v>34</v>
      </c>
      <c r="Y32271">
        <v>34</v>
      </c>
      <c r="Z32271">
        <v>35</v>
      </c>
      <c r="AA32271">
        <v>35</v>
      </c>
      <c r="AB32271">
        <v>36</v>
      </c>
      <c r="AC32271">
        <v>36</v>
      </c>
      <c r="AD32271">
        <v>37</v>
      </c>
      <c r="AE32271">
        <v>37</v>
      </c>
      <c r="AF32271">
        <v>37</v>
      </c>
      <c r="AG32271">
        <v>38</v>
      </c>
      <c r="AH32271">
        <v>38</v>
      </c>
      <c r="AI32271">
        <v>39</v>
      </c>
      <c r="AJ32271">
        <v>39</v>
      </c>
      <c r="AK32271">
        <v>40</v>
      </c>
      <c r="AL32271">
        <v>40</v>
      </c>
      <c r="AM32271">
        <v>41</v>
      </c>
      <c r="AN32271">
        <v>41</v>
      </c>
      <c r="AO32271">
        <v>41</v>
      </c>
      <c r="AP32271">
        <v>42</v>
      </c>
      <c r="AQ32271">
        <v>42</v>
      </c>
    </row>
    <row r="32272" spans="1:43">
      <c r="A32272" t="s">
        <v>19991</v>
      </c>
      <c r="B32272" t="s">
        <v>19992</v>
      </c>
      <c r="C32272" t="s">
        <v>19993</v>
      </c>
      <c r="D32272" t="s">
        <v>19994</v>
      </c>
      <c r="E32272" t="s">
        <v>19921</v>
      </c>
      <c r="F32272" t="s">
        <v>19922</v>
      </c>
      <c r="G32272" t="s">
        <v>10734</v>
      </c>
      <c r="H32272" t="s">
        <v>10735</v>
      </c>
      <c r="I32272" s="2">
        <v>0</v>
      </c>
      <c r="J32272" s="2">
        <v>0</v>
      </c>
      <c r="K32272" s="2">
        <v>1</v>
      </c>
      <c r="L32272" t="s">
        <v>995</v>
      </c>
      <c r="M32272" t="s">
        <v>89</v>
      </c>
      <c r="N32272" t="s">
        <v>90</v>
      </c>
      <c r="O32272" t="s">
        <v>85</v>
      </c>
      <c r="P32272" t="s">
        <v>86</v>
      </c>
      <c r="Q32272">
        <v>31</v>
      </c>
      <c r="R32272">
        <v>32</v>
      </c>
      <c r="S32272">
        <v>33</v>
      </c>
      <c r="T32272">
        <v>34</v>
      </c>
      <c r="U32272">
        <v>35</v>
      </c>
      <c r="V32272">
        <v>36</v>
      </c>
      <c r="W32272">
        <v>37</v>
      </c>
      <c r="X32272">
        <v>38</v>
      </c>
      <c r="Y32272">
        <v>38</v>
      </c>
      <c r="Z32272">
        <v>39</v>
      </c>
      <c r="AA32272">
        <v>40</v>
      </c>
      <c r="AB32272">
        <v>41</v>
      </c>
      <c r="AC32272">
        <v>42</v>
      </c>
      <c r="AD32272">
        <v>43</v>
      </c>
      <c r="AE32272">
        <v>44</v>
      </c>
      <c r="AF32272">
        <v>44</v>
      </c>
      <c r="AG32272">
        <v>45</v>
      </c>
      <c r="AH32272">
        <v>45</v>
      </c>
      <c r="AI32272">
        <v>45</v>
      </c>
      <c r="AJ32272">
        <v>46</v>
      </c>
      <c r="AK32272">
        <v>46</v>
      </c>
      <c r="AL32272">
        <v>46</v>
      </c>
      <c r="AM32272">
        <v>47</v>
      </c>
      <c r="AN32272">
        <v>47</v>
      </c>
      <c r="AO32272">
        <v>47</v>
      </c>
      <c r="AP32272">
        <v>48</v>
      </c>
      <c r="AQ32272">
        <v>48</v>
      </c>
    </row>
    <row r="32273" spans="1:43">
      <c r="A32273" t="s">
        <v>19991</v>
      </c>
      <c r="B32273" t="s">
        <v>19992</v>
      </c>
      <c r="C32273" t="s">
        <v>19993</v>
      </c>
      <c r="D32273" t="s">
        <v>19994</v>
      </c>
      <c r="E32273" t="s">
        <v>19921</v>
      </c>
      <c r="F32273" t="s">
        <v>19922</v>
      </c>
      <c r="G32273" t="s">
        <v>10734</v>
      </c>
      <c r="H32273" t="s">
        <v>10735</v>
      </c>
      <c r="I32273" s="2">
        <v>0</v>
      </c>
      <c r="J32273" s="2">
        <v>0</v>
      </c>
      <c r="K32273" s="2">
        <v>1</v>
      </c>
      <c r="L32273" t="s">
        <v>995</v>
      </c>
      <c r="M32273" t="s">
        <v>83</v>
      </c>
      <c r="N32273" t="s">
        <v>91</v>
      </c>
      <c r="O32273" t="s">
        <v>85</v>
      </c>
      <c r="P32273" t="s">
        <v>86</v>
      </c>
      <c r="Q32273">
        <v>31</v>
      </c>
      <c r="R32273">
        <v>32</v>
      </c>
      <c r="S32273">
        <v>33</v>
      </c>
      <c r="T32273">
        <v>33</v>
      </c>
      <c r="U32273">
        <v>34</v>
      </c>
      <c r="V32273">
        <v>35</v>
      </c>
      <c r="W32273">
        <v>36</v>
      </c>
      <c r="X32273">
        <v>36</v>
      </c>
      <c r="Y32273">
        <v>37</v>
      </c>
      <c r="Z32273">
        <v>38</v>
      </c>
      <c r="AA32273">
        <v>39</v>
      </c>
      <c r="AB32273">
        <v>40</v>
      </c>
      <c r="AC32273">
        <v>40</v>
      </c>
      <c r="AD32273">
        <v>41</v>
      </c>
      <c r="AE32273">
        <v>42</v>
      </c>
      <c r="AF32273">
        <v>43</v>
      </c>
      <c r="AG32273">
        <v>43</v>
      </c>
      <c r="AH32273">
        <v>44</v>
      </c>
      <c r="AI32273">
        <v>45</v>
      </c>
      <c r="AJ32273">
        <v>46</v>
      </c>
      <c r="AK32273">
        <v>47</v>
      </c>
      <c r="AL32273">
        <v>47</v>
      </c>
      <c r="AM32273">
        <v>47</v>
      </c>
      <c r="AN32273">
        <v>48</v>
      </c>
      <c r="AO32273">
        <v>48</v>
      </c>
      <c r="AP32273">
        <v>48</v>
      </c>
      <c r="AQ32273">
        <v>49</v>
      </c>
    </row>
    <row r="32274" spans="1:43">
      <c r="A32274" t="s">
        <v>19995</v>
      </c>
      <c r="B32274" t="s">
        <v>19996</v>
      </c>
      <c r="C32274" t="s">
        <v>19985</v>
      </c>
      <c r="D32274" t="s">
        <v>19986</v>
      </c>
      <c r="E32274" t="s">
        <v>19921</v>
      </c>
      <c r="F32274" t="s">
        <v>19922</v>
      </c>
      <c r="G32274" t="s">
        <v>10734</v>
      </c>
      <c r="H32274" t="s">
        <v>10735</v>
      </c>
      <c r="I32274" s="2">
        <v>0</v>
      </c>
      <c r="J32274" s="2">
        <v>0</v>
      </c>
      <c r="K32274" s="2">
        <v>1</v>
      </c>
      <c r="L32274" t="s">
        <v>995</v>
      </c>
      <c r="M32274" t="s">
        <v>83</v>
      </c>
      <c r="N32274" t="s">
        <v>84</v>
      </c>
      <c r="O32274" t="s">
        <v>85</v>
      </c>
      <c r="P32274" t="s">
        <v>86</v>
      </c>
      <c r="Q32274">
        <v>11</v>
      </c>
      <c r="R32274">
        <v>12</v>
      </c>
      <c r="S32274">
        <v>12</v>
      </c>
      <c r="T32274">
        <v>12</v>
      </c>
      <c r="U32274">
        <v>12</v>
      </c>
      <c r="V32274">
        <v>13</v>
      </c>
      <c r="W32274">
        <v>13</v>
      </c>
      <c r="X32274">
        <v>13</v>
      </c>
      <c r="Y32274">
        <v>14</v>
      </c>
      <c r="Z32274">
        <v>14</v>
      </c>
      <c r="AA32274">
        <v>14</v>
      </c>
      <c r="AB32274">
        <v>14</v>
      </c>
      <c r="AC32274">
        <v>15</v>
      </c>
      <c r="AD32274">
        <v>15</v>
      </c>
      <c r="AE32274">
        <v>15</v>
      </c>
      <c r="AF32274">
        <v>16</v>
      </c>
      <c r="AG32274">
        <v>16</v>
      </c>
      <c r="AH32274">
        <v>16</v>
      </c>
      <c r="AI32274">
        <v>16</v>
      </c>
      <c r="AJ32274">
        <v>17</v>
      </c>
      <c r="AK32274">
        <v>17</v>
      </c>
      <c r="AL32274">
        <v>17</v>
      </c>
      <c r="AM32274">
        <v>17</v>
      </c>
      <c r="AN32274">
        <v>17</v>
      </c>
      <c r="AO32274">
        <v>18</v>
      </c>
      <c r="AP32274">
        <v>18</v>
      </c>
      <c r="AQ32274">
        <v>18</v>
      </c>
    </row>
    <row r="32275" spans="1:43">
      <c r="A32275" t="s">
        <v>19995</v>
      </c>
      <c r="B32275" t="s">
        <v>19996</v>
      </c>
      <c r="C32275" t="s">
        <v>19985</v>
      </c>
      <c r="D32275" t="s">
        <v>19986</v>
      </c>
      <c r="E32275" t="s">
        <v>19921</v>
      </c>
      <c r="F32275" t="s">
        <v>19922</v>
      </c>
      <c r="G32275" t="s">
        <v>10734</v>
      </c>
      <c r="H32275" t="s">
        <v>10735</v>
      </c>
      <c r="I32275" s="2">
        <v>0</v>
      </c>
      <c r="J32275" s="2">
        <v>0</v>
      </c>
      <c r="K32275" s="2">
        <v>1</v>
      </c>
      <c r="L32275" t="s">
        <v>995</v>
      </c>
      <c r="M32275" t="s">
        <v>87</v>
      </c>
      <c r="N32275" t="s">
        <v>88</v>
      </c>
      <c r="O32275" t="s">
        <v>85</v>
      </c>
      <c r="P32275" t="s">
        <v>86</v>
      </c>
      <c r="Q32275">
        <v>11</v>
      </c>
      <c r="R32275">
        <v>11</v>
      </c>
      <c r="S32275">
        <v>12</v>
      </c>
      <c r="T32275">
        <v>12</v>
      </c>
      <c r="U32275">
        <v>12</v>
      </c>
      <c r="V32275">
        <v>12</v>
      </c>
      <c r="W32275">
        <v>12</v>
      </c>
      <c r="X32275">
        <v>12</v>
      </c>
      <c r="Y32275">
        <v>13</v>
      </c>
      <c r="Z32275">
        <v>13</v>
      </c>
      <c r="AA32275">
        <v>13</v>
      </c>
      <c r="AB32275">
        <v>13</v>
      </c>
      <c r="AC32275">
        <v>13</v>
      </c>
      <c r="AD32275">
        <v>13</v>
      </c>
      <c r="AE32275">
        <v>14</v>
      </c>
      <c r="AF32275">
        <v>14</v>
      </c>
      <c r="AG32275">
        <v>14</v>
      </c>
      <c r="AH32275">
        <v>14</v>
      </c>
      <c r="AI32275">
        <v>14</v>
      </c>
      <c r="AJ32275">
        <v>14</v>
      </c>
      <c r="AK32275">
        <v>15</v>
      </c>
      <c r="AL32275">
        <v>15</v>
      </c>
      <c r="AM32275">
        <v>15</v>
      </c>
      <c r="AN32275">
        <v>15</v>
      </c>
      <c r="AO32275">
        <v>15</v>
      </c>
      <c r="AP32275">
        <v>15</v>
      </c>
      <c r="AQ32275">
        <v>15</v>
      </c>
    </row>
    <row r="32276" spans="1:43">
      <c r="A32276" t="s">
        <v>19995</v>
      </c>
      <c r="B32276" t="s">
        <v>19996</v>
      </c>
      <c r="C32276" t="s">
        <v>19985</v>
      </c>
      <c r="D32276" t="s">
        <v>19986</v>
      </c>
      <c r="E32276" t="s">
        <v>19921</v>
      </c>
      <c r="F32276" t="s">
        <v>19922</v>
      </c>
      <c r="G32276" t="s">
        <v>10734</v>
      </c>
      <c r="H32276" t="s">
        <v>10735</v>
      </c>
      <c r="I32276" s="2">
        <v>0</v>
      </c>
      <c r="J32276" s="2">
        <v>0</v>
      </c>
      <c r="K32276" s="2">
        <v>1</v>
      </c>
      <c r="L32276" t="s">
        <v>995</v>
      </c>
      <c r="M32276" t="s">
        <v>89</v>
      </c>
      <c r="N32276" t="s">
        <v>90</v>
      </c>
      <c r="O32276" t="s">
        <v>85</v>
      </c>
      <c r="P32276" t="s">
        <v>86</v>
      </c>
      <c r="Q32276">
        <v>11</v>
      </c>
      <c r="R32276">
        <v>11</v>
      </c>
      <c r="S32276">
        <v>11</v>
      </c>
      <c r="T32276">
        <v>12</v>
      </c>
      <c r="U32276">
        <v>12</v>
      </c>
      <c r="V32276">
        <v>12</v>
      </c>
      <c r="W32276">
        <v>13</v>
      </c>
      <c r="X32276">
        <v>13</v>
      </c>
      <c r="Y32276">
        <v>13</v>
      </c>
      <c r="Z32276">
        <v>14</v>
      </c>
      <c r="AA32276">
        <v>14</v>
      </c>
      <c r="AB32276">
        <v>14</v>
      </c>
      <c r="AC32276">
        <v>15</v>
      </c>
      <c r="AD32276">
        <v>15</v>
      </c>
      <c r="AE32276">
        <v>15</v>
      </c>
      <c r="AF32276">
        <v>16</v>
      </c>
      <c r="AG32276">
        <v>16</v>
      </c>
      <c r="AH32276">
        <v>16</v>
      </c>
      <c r="AI32276">
        <v>16</v>
      </c>
      <c r="AJ32276">
        <v>16</v>
      </c>
      <c r="AK32276">
        <v>16</v>
      </c>
      <c r="AL32276">
        <v>16</v>
      </c>
      <c r="AM32276">
        <v>17</v>
      </c>
      <c r="AN32276">
        <v>17</v>
      </c>
      <c r="AO32276">
        <v>17</v>
      </c>
      <c r="AP32276">
        <v>17</v>
      </c>
      <c r="AQ32276">
        <v>17</v>
      </c>
    </row>
    <row r="32277" spans="1:43">
      <c r="A32277" t="s">
        <v>19995</v>
      </c>
      <c r="B32277" t="s">
        <v>19996</v>
      </c>
      <c r="C32277" t="s">
        <v>19985</v>
      </c>
      <c r="D32277" t="s">
        <v>19986</v>
      </c>
      <c r="E32277" t="s">
        <v>19921</v>
      </c>
      <c r="F32277" t="s">
        <v>19922</v>
      </c>
      <c r="G32277" t="s">
        <v>10734</v>
      </c>
      <c r="H32277" t="s">
        <v>10735</v>
      </c>
      <c r="I32277" s="2">
        <v>0</v>
      </c>
      <c r="J32277" s="2">
        <v>0</v>
      </c>
      <c r="K32277" s="2">
        <v>1</v>
      </c>
      <c r="L32277" t="s">
        <v>995</v>
      </c>
      <c r="M32277" t="s">
        <v>83</v>
      </c>
      <c r="N32277" t="s">
        <v>91</v>
      </c>
      <c r="O32277" t="s">
        <v>85</v>
      </c>
      <c r="P32277" t="s">
        <v>86</v>
      </c>
      <c r="Q32277">
        <v>11</v>
      </c>
      <c r="R32277">
        <v>12</v>
      </c>
      <c r="S32277">
        <v>12</v>
      </c>
      <c r="T32277">
        <v>12</v>
      </c>
      <c r="U32277">
        <v>12</v>
      </c>
      <c r="V32277">
        <v>13</v>
      </c>
      <c r="W32277">
        <v>13</v>
      </c>
      <c r="X32277">
        <v>13</v>
      </c>
      <c r="Y32277">
        <v>14</v>
      </c>
      <c r="Z32277">
        <v>14</v>
      </c>
      <c r="AA32277">
        <v>14</v>
      </c>
      <c r="AB32277">
        <v>14</v>
      </c>
      <c r="AC32277">
        <v>15</v>
      </c>
      <c r="AD32277">
        <v>15</v>
      </c>
      <c r="AE32277">
        <v>15</v>
      </c>
      <c r="AF32277">
        <v>16</v>
      </c>
      <c r="AG32277">
        <v>16</v>
      </c>
      <c r="AH32277">
        <v>16</v>
      </c>
      <c r="AI32277">
        <v>16</v>
      </c>
      <c r="AJ32277">
        <v>17</v>
      </c>
      <c r="AK32277">
        <v>17</v>
      </c>
      <c r="AL32277">
        <v>17</v>
      </c>
      <c r="AM32277">
        <v>17</v>
      </c>
      <c r="AN32277">
        <v>17</v>
      </c>
      <c r="AO32277">
        <v>18</v>
      </c>
      <c r="AP32277">
        <v>18</v>
      </c>
      <c r="AQ32277">
        <v>18</v>
      </c>
    </row>
    <row r="32278" spans="1:43">
      <c r="A32278" t="s">
        <v>19997</v>
      </c>
      <c r="B32278" t="s">
        <v>19998</v>
      </c>
      <c r="C32278" t="s">
        <v>19949</v>
      </c>
      <c r="D32278" t="s">
        <v>19950</v>
      </c>
      <c r="E32278" t="s">
        <v>19921</v>
      </c>
      <c r="F32278" t="s">
        <v>19922</v>
      </c>
      <c r="G32278" t="s">
        <v>10734</v>
      </c>
      <c r="H32278" t="s">
        <v>10735</v>
      </c>
      <c r="I32278" s="2">
        <v>0</v>
      </c>
      <c r="J32278" s="2">
        <v>0</v>
      </c>
      <c r="K32278" s="2">
        <v>1</v>
      </c>
      <c r="L32278" t="s">
        <v>995</v>
      </c>
      <c r="M32278" t="s">
        <v>83</v>
      </c>
      <c r="N32278" t="s">
        <v>84</v>
      </c>
      <c r="O32278" t="s">
        <v>85</v>
      </c>
      <c r="P32278" t="s">
        <v>86</v>
      </c>
      <c r="Q32278">
        <v>18</v>
      </c>
      <c r="R32278">
        <v>19</v>
      </c>
      <c r="S32278">
        <v>19</v>
      </c>
      <c r="T32278">
        <v>20</v>
      </c>
      <c r="U32278">
        <v>20</v>
      </c>
      <c r="V32278">
        <v>21</v>
      </c>
      <c r="W32278">
        <v>21</v>
      </c>
      <c r="X32278">
        <v>21</v>
      </c>
      <c r="Y32278">
        <v>22</v>
      </c>
      <c r="Z32278">
        <v>22</v>
      </c>
      <c r="AA32278">
        <v>23</v>
      </c>
      <c r="AB32278">
        <v>23</v>
      </c>
      <c r="AC32278">
        <v>24</v>
      </c>
      <c r="AD32278">
        <v>24</v>
      </c>
      <c r="AE32278">
        <v>25</v>
      </c>
      <c r="AF32278">
        <v>25</v>
      </c>
      <c r="AG32278">
        <v>26</v>
      </c>
      <c r="AH32278">
        <v>26</v>
      </c>
      <c r="AI32278">
        <v>26</v>
      </c>
      <c r="AJ32278">
        <v>27</v>
      </c>
      <c r="AK32278">
        <v>27</v>
      </c>
      <c r="AL32278">
        <v>28</v>
      </c>
      <c r="AM32278">
        <v>28</v>
      </c>
      <c r="AN32278">
        <v>28</v>
      </c>
      <c r="AO32278">
        <v>28</v>
      </c>
      <c r="AP32278">
        <v>28</v>
      </c>
      <c r="AQ32278">
        <v>29</v>
      </c>
    </row>
    <row r="32279" spans="1:43">
      <c r="A32279" t="s">
        <v>19997</v>
      </c>
      <c r="B32279" t="s">
        <v>19998</v>
      </c>
      <c r="C32279" t="s">
        <v>19949</v>
      </c>
      <c r="D32279" t="s">
        <v>19950</v>
      </c>
      <c r="E32279" t="s">
        <v>19921</v>
      </c>
      <c r="F32279" t="s">
        <v>19922</v>
      </c>
      <c r="G32279" t="s">
        <v>10734</v>
      </c>
      <c r="H32279" t="s">
        <v>10735</v>
      </c>
      <c r="I32279" s="2">
        <v>0</v>
      </c>
      <c r="J32279" s="2">
        <v>0</v>
      </c>
      <c r="K32279" s="2">
        <v>1</v>
      </c>
      <c r="L32279" t="s">
        <v>995</v>
      </c>
      <c r="M32279" t="s">
        <v>87</v>
      </c>
      <c r="N32279" t="s">
        <v>88</v>
      </c>
      <c r="O32279" t="s">
        <v>85</v>
      </c>
      <c r="P32279" t="s">
        <v>86</v>
      </c>
      <c r="Q32279">
        <v>18</v>
      </c>
      <c r="R32279">
        <v>19</v>
      </c>
      <c r="S32279">
        <v>19</v>
      </c>
      <c r="T32279">
        <v>19</v>
      </c>
      <c r="U32279">
        <v>19</v>
      </c>
      <c r="V32279">
        <v>20</v>
      </c>
      <c r="W32279">
        <v>20</v>
      </c>
      <c r="X32279">
        <v>20</v>
      </c>
      <c r="Y32279">
        <v>20</v>
      </c>
      <c r="Z32279">
        <v>21</v>
      </c>
      <c r="AA32279">
        <v>21</v>
      </c>
      <c r="AB32279">
        <v>21</v>
      </c>
      <c r="AC32279">
        <v>21</v>
      </c>
      <c r="AD32279">
        <v>22</v>
      </c>
      <c r="AE32279">
        <v>22</v>
      </c>
      <c r="AF32279">
        <v>22</v>
      </c>
      <c r="AG32279">
        <v>22</v>
      </c>
      <c r="AH32279">
        <v>23</v>
      </c>
      <c r="AI32279">
        <v>23</v>
      </c>
      <c r="AJ32279">
        <v>23</v>
      </c>
      <c r="AK32279">
        <v>23</v>
      </c>
      <c r="AL32279">
        <v>24</v>
      </c>
      <c r="AM32279">
        <v>24</v>
      </c>
      <c r="AN32279">
        <v>24</v>
      </c>
      <c r="AO32279">
        <v>24</v>
      </c>
      <c r="AP32279">
        <v>25</v>
      </c>
      <c r="AQ32279">
        <v>25</v>
      </c>
    </row>
    <row r="32280" spans="1:43">
      <c r="A32280" t="s">
        <v>19997</v>
      </c>
      <c r="B32280" t="s">
        <v>19998</v>
      </c>
      <c r="C32280" t="s">
        <v>19949</v>
      </c>
      <c r="D32280" t="s">
        <v>19950</v>
      </c>
      <c r="E32280" t="s">
        <v>19921</v>
      </c>
      <c r="F32280" t="s">
        <v>19922</v>
      </c>
      <c r="G32280" t="s">
        <v>10734</v>
      </c>
      <c r="H32280" t="s">
        <v>10735</v>
      </c>
      <c r="I32280" s="2">
        <v>0</v>
      </c>
      <c r="J32280" s="2">
        <v>0</v>
      </c>
      <c r="K32280" s="2">
        <v>1</v>
      </c>
      <c r="L32280" t="s">
        <v>995</v>
      </c>
      <c r="M32280" t="s">
        <v>89</v>
      </c>
      <c r="N32280" t="s">
        <v>90</v>
      </c>
      <c r="O32280" t="s">
        <v>85</v>
      </c>
      <c r="P32280" t="s">
        <v>86</v>
      </c>
      <c r="Q32280">
        <v>18</v>
      </c>
      <c r="R32280">
        <v>18</v>
      </c>
      <c r="S32280">
        <v>19</v>
      </c>
      <c r="T32280">
        <v>19</v>
      </c>
      <c r="U32280">
        <v>20</v>
      </c>
      <c r="V32280">
        <v>21</v>
      </c>
      <c r="W32280">
        <v>21</v>
      </c>
      <c r="X32280">
        <v>22</v>
      </c>
      <c r="Y32280">
        <v>22</v>
      </c>
      <c r="Z32280">
        <v>23</v>
      </c>
      <c r="AA32280">
        <v>23</v>
      </c>
      <c r="AB32280">
        <v>24</v>
      </c>
      <c r="AC32280">
        <v>24</v>
      </c>
      <c r="AD32280">
        <v>25</v>
      </c>
      <c r="AE32280">
        <v>25</v>
      </c>
      <c r="AF32280">
        <v>26</v>
      </c>
      <c r="AG32280">
        <v>26</v>
      </c>
      <c r="AH32280">
        <v>26</v>
      </c>
      <c r="AI32280">
        <v>26</v>
      </c>
      <c r="AJ32280">
        <v>26</v>
      </c>
      <c r="AK32280">
        <v>27</v>
      </c>
      <c r="AL32280">
        <v>27</v>
      </c>
      <c r="AM32280">
        <v>27</v>
      </c>
      <c r="AN32280">
        <v>27</v>
      </c>
      <c r="AO32280">
        <v>27</v>
      </c>
      <c r="AP32280">
        <v>28</v>
      </c>
      <c r="AQ32280">
        <v>28</v>
      </c>
    </row>
    <row r="32281" spans="1:43">
      <c r="A32281" t="s">
        <v>19997</v>
      </c>
      <c r="B32281" t="s">
        <v>19998</v>
      </c>
      <c r="C32281" t="s">
        <v>19949</v>
      </c>
      <c r="D32281" t="s">
        <v>19950</v>
      </c>
      <c r="E32281" t="s">
        <v>19921</v>
      </c>
      <c r="F32281" t="s">
        <v>19922</v>
      </c>
      <c r="G32281" t="s">
        <v>10734</v>
      </c>
      <c r="H32281" t="s">
        <v>10735</v>
      </c>
      <c r="I32281" s="2">
        <v>0</v>
      </c>
      <c r="J32281" s="2">
        <v>0</v>
      </c>
      <c r="K32281" s="2">
        <v>1</v>
      </c>
      <c r="L32281" t="s">
        <v>995</v>
      </c>
      <c r="M32281" t="s">
        <v>83</v>
      </c>
      <c r="N32281" t="s">
        <v>91</v>
      </c>
      <c r="O32281" t="s">
        <v>85</v>
      </c>
      <c r="P32281" t="s">
        <v>86</v>
      </c>
      <c r="Q32281">
        <v>18</v>
      </c>
      <c r="R32281">
        <v>19</v>
      </c>
      <c r="S32281">
        <v>19</v>
      </c>
      <c r="T32281">
        <v>20</v>
      </c>
      <c r="U32281">
        <v>20</v>
      </c>
      <c r="V32281">
        <v>21</v>
      </c>
      <c r="W32281">
        <v>21</v>
      </c>
      <c r="X32281">
        <v>21</v>
      </c>
      <c r="Y32281">
        <v>22</v>
      </c>
      <c r="Z32281">
        <v>22</v>
      </c>
      <c r="AA32281">
        <v>23</v>
      </c>
      <c r="AB32281">
        <v>23</v>
      </c>
      <c r="AC32281">
        <v>24</v>
      </c>
      <c r="AD32281">
        <v>24</v>
      </c>
      <c r="AE32281">
        <v>25</v>
      </c>
      <c r="AF32281">
        <v>25</v>
      </c>
      <c r="AG32281">
        <v>26</v>
      </c>
      <c r="AH32281">
        <v>26</v>
      </c>
      <c r="AI32281">
        <v>26</v>
      </c>
      <c r="AJ32281">
        <v>27</v>
      </c>
      <c r="AK32281">
        <v>27</v>
      </c>
      <c r="AL32281">
        <v>28</v>
      </c>
      <c r="AM32281">
        <v>28</v>
      </c>
      <c r="AN32281">
        <v>28</v>
      </c>
      <c r="AO32281">
        <v>28</v>
      </c>
      <c r="AP32281">
        <v>28</v>
      </c>
      <c r="AQ32281">
        <v>29</v>
      </c>
    </row>
    <row r="32282" spans="1:43">
      <c r="A32282" t="s">
        <v>19999</v>
      </c>
      <c r="B32282" t="s">
        <v>20000</v>
      </c>
      <c r="C32282" t="s">
        <v>19949</v>
      </c>
      <c r="D32282" t="s">
        <v>19950</v>
      </c>
      <c r="E32282" t="s">
        <v>19921</v>
      </c>
      <c r="F32282" t="s">
        <v>19922</v>
      </c>
      <c r="G32282" t="s">
        <v>10734</v>
      </c>
      <c r="H32282" t="s">
        <v>10735</v>
      </c>
      <c r="I32282" s="2">
        <v>0</v>
      </c>
      <c r="J32282" s="2">
        <v>0</v>
      </c>
      <c r="K32282" s="2">
        <v>1</v>
      </c>
      <c r="L32282" t="s">
        <v>995</v>
      </c>
      <c r="M32282" t="s">
        <v>83</v>
      </c>
      <c r="N32282" t="s">
        <v>84</v>
      </c>
      <c r="O32282" t="s">
        <v>85</v>
      </c>
      <c r="P32282" t="s">
        <v>86</v>
      </c>
      <c r="Q32282">
        <v>14</v>
      </c>
      <c r="R32282">
        <v>14</v>
      </c>
      <c r="S32282">
        <v>15</v>
      </c>
      <c r="T32282">
        <v>15</v>
      </c>
      <c r="U32282">
        <v>15</v>
      </c>
      <c r="V32282">
        <v>16</v>
      </c>
      <c r="W32282">
        <v>16</v>
      </c>
      <c r="X32282">
        <v>16</v>
      </c>
      <c r="Y32282">
        <v>17</v>
      </c>
      <c r="Z32282">
        <v>17</v>
      </c>
      <c r="AA32282">
        <v>17</v>
      </c>
      <c r="AB32282">
        <v>18</v>
      </c>
      <c r="AC32282">
        <v>18</v>
      </c>
      <c r="AD32282">
        <v>19</v>
      </c>
      <c r="AE32282">
        <v>19</v>
      </c>
      <c r="AF32282">
        <v>19</v>
      </c>
      <c r="AG32282">
        <v>20</v>
      </c>
      <c r="AH32282">
        <v>20</v>
      </c>
      <c r="AI32282">
        <v>20</v>
      </c>
      <c r="AJ32282">
        <v>21</v>
      </c>
      <c r="AK32282">
        <v>21</v>
      </c>
      <c r="AL32282">
        <v>21</v>
      </c>
      <c r="AM32282">
        <v>21</v>
      </c>
      <c r="AN32282">
        <v>21</v>
      </c>
      <c r="AO32282">
        <v>22</v>
      </c>
      <c r="AP32282">
        <v>22</v>
      </c>
      <c r="AQ32282">
        <v>22</v>
      </c>
    </row>
    <row r="32283" spans="1:43">
      <c r="A32283" t="s">
        <v>19999</v>
      </c>
      <c r="B32283" t="s">
        <v>20000</v>
      </c>
      <c r="C32283" t="s">
        <v>19949</v>
      </c>
      <c r="D32283" t="s">
        <v>19950</v>
      </c>
      <c r="E32283" t="s">
        <v>19921</v>
      </c>
      <c r="F32283" t="s">
        <v>19922</v>
      </c>
      <c r="G32283" t="s">
        <v>10734</v>
      </c>
      <c r="H32283" t="s">
        <v>10735</v>
      </c>
      <c r="I32283" s="2">
        <v>0</v>
      </c>
      <c r="J32283" s="2">
        <v>0</v>
      </c>
      <c r="K32283" s="2">
        <v>1</v>
      </c>
      <c r="L32283" t="s">
        <v>995</v>
      </c>
      <c r="M32283" t="s">
        <v>87</v>
      </c>
      <c r="N32283" t="s">
        <v>88</v>
      </c>
      <c r="O32283" t="s">
        <v>85</v>
      </c>
      <c r="P32283" t="s">
        <v>86</v>
      </c>
      <c r="Q32283">
        <v>14</v>
      </c>
      <c r="R32283">
        <v>14</v>
      </c>
      <c r="S32283">
        <v>14</v>
      </c>
      <c r="T32283">
        <v>15</v>
      </c>
      <c r="U32283">
        <v>15</v>
      </c>
      <c r="V32283">
        <v>15</v>
      </c>
      <c r="W32283">
        <v>15</v>
      </c>
      <c r="X32283">
        <v>15</v>
      </c>
      <c r="Y32283">
        <v>16</v>
      </c>
      <c r="Z32283">
        <v>16</v>
      </c>
      <c r="AA32283">
        <v>16</v>
      </c>
      <c r="AB32283">
        <v>16</v>
      </c>
      <c r="AC32283">
        <v>16</v>
      </c>
      <c r="AD32283">
        <v>16</v>
      </c>
      <c r="AE32283">
        <v>17</v>
      </c>
      <c r="AF32283">
        <v>17</v>
      </c>
      <c r="AG32283">
        <v>17</v>
      </c>
      <c r="AH32283">
        <v>17</v>
      </c>
      <c r="AI32283">
        <v>17</v>
      </c>
      <c r="AJ32283">
        <v>18</v>
      </c>
      <c r="AK32283">
        <v>18</v>
      </c>
      <c r="AL32283">
        <v>18</v>
      </c>
      <c r="AM32283">
        <v>18</v>
      </c>
      <c r="AN32283">
        <v>18</v>
      </c>
      <c r="AO32283">
        <v>19</v>
      </c>
      <c r="AP32283">
        <v>19</v>
      </c>
      <c r="AQ32283">
        <v>19</v>
      </c>
    </row>
    <row r="32284" spans="1:43">
      <c r="A32284" t="s">
        <v>19999</v>
      </c>
      <c r="B32284" t="s">
        <v>20000</v>
      </c>
      <c r="C32284" t="s">
        <v>19949</v>
      </c>
      <c r="D32284" t="s">
        <v>19950</v>
      </c>
      <c r="E32284" t="s">
        <v>19921</v>
      </c>
      <c r="F32284" t="s">
        <v>19922</v>
      </c>
      <c r="G32284" t="s">
        <v>10734</v>
      </c>
      <c r="H32284" t="s">
        <v>10735</v>
      </c>
      <c r="I32284" s="2">
        <v>0</v>
      </c>
      <c r="J32284" s="2">
        <v>0</v>
      </c>
      <c r="K32284" s="2">
        <v>1</v>
      </c>
      <c r="L32284" t="s">
        <v>995</v>
      </c>
      <c r="M32284" t="s">
        <v>89</v>
      </c>
      <c r="N32284" t="s">
        <v>90</v>
      </c>
      <c r="O32284" t="s">
        <v>85</v>
      </c>
      <c r="P32284" t="s">
        <v>86</v>
      </c>
      <c r="Q32284">
        <v>14</v>
      </c>
      <c r="R32284">
        <v>15</v>
      </c>
      <c r="S32284">
        <v>15</v>
      </c>
      <c r="T32284">
        <v>16</v>
      </c>
      <c r="U32284">
        <v>16</v>
      </c>
      <c r="V32284">
        <v>16</v>
      </c>
      <c r="W32284">
        <v>17</v>
      </c>
      <c r="X32284">
        <v>17</v>
      </c>
      <c r="Y32284">
        <v>18</v>
      </c>
      <c r="Z32284">
        <v>18</v>
      </c>
      <c r="AA32284">
        <v>19</v>
      </c>
      <c r="AB32284">
        <v>19</v>
      </c>
      <c r="AC32284">
        <v>19</v>
      </c>
      <c r="AD32284">
        <v>20</v>
      </c>
      <c r="AE32284">
        <v>20</v>
      </c>
      <c r="AF32284">
        <v>20</v>
      </c>
      <c r="AG32284">
        <v>21</v>
      </c>
      <c r="AH32284">
        <v>21</v>
      </c>
      <c r="AI32284">
        <v>21</v>
      </c>
      <c r="AJ32284">
        <v>21</v>
      </c>
      <c r="AK32284">
        <v>21</v>
      </c>
      <c r="AL32284">
        <v>21</v>
      </c>
      <c r="AM32284">
        <v>21</v>
      </c>
      <c r="AN32284">
        <v>22</v>
      </c>
      <c r="AO32284">
        <v>22</v>
      </c>
      <c r="AP32284">
        <v>22</v>
      </c>
      <c r="AQ32284">
        <v>22</v>
      </c>
    </row>
    <row r="32285" spans="1:43">
      <c r="A32285" t="s">
        <v>19999</v>
      </c>
      <c r="B32285" t="s">
        <v>20000</v>
      </c>
      <c r="C32285" t="s">
        <v>19949</v>
      </c>
      <c r="D32285" t="s">
        <v>19950</v>
      </c>
      <c r="E32285" t="s">
        <v>19921</v>
      </c>
      <c r="F32285" t="s">
        <v>19922</v>
      </c>
      <c r="G32285" t="s">
        <v>10734</v>
      </c>
      <c r="H32285" t="s">
        <v>10735</v>
      </c>
      <c r="I32285" s="2">
        <v>0</v>
      </c>
      <c r="J32285" s="2">
        <v>0</v>
      </c>
      <c r="K32285" s="2">
        <v>1</v>
      </c>
      <c r="L32285" t="s">
        <v>995</v>
      </c>
      <c r="M32285" t="s">
        <v>83</v>
      </c>
      <c r="N32285" t="s">
        <v>91</v>
      </c>
      <c r="O32285" t="s">
        <v>85</v>
      </c>
      <c r="P32285" t="s">
        <v>86</v>
      </c>
      <c r="Q32285">
        <v>14</v>
      </c>
      <c r="R32285">
        <v>14</v>
      </c>
      <c r="S32285">
        <v>15</v>
      </c>
      <c r="T32285">
        <v>15</v>
      </c>
      <c r="U32285">
        <v>15</v>
      </c>
      <c r="V32285">
        <v>16</v>
      </c>
      <c r="W32285">
        <v>16</v>
      </c>
      <c r="X32285">
        <v>16</v>
      </c>
      <c r="Y32285">
        <v>17</v>
      </c>
      <c r="Z32285">
        <v>17</v>
      </c>
      <c r="AA32285">
        <v>17</v>
      </c>
      <c r="AB32285">
        <v>18</v>
      </c>
      <c r="AC32285">
        <v>18</v>
      </c>
      <c r="AD32285">
        <v>19</v>
      </c>
      <c r="AE32285">
        <v>19</v>
      </c>
      <c r="AF32285">
        <v>19</v>
      </c>
      <c r="AG32285">
        <v>20</v>
      </c>
      <c r="AH32285">
        <v>20</v>
      </c>
      <c r="AI32285">
        <v>20</v>
      </c>
      <c r="AJ32285">
        <v>21</v>
      </c>
      <c r="AK32285">
        <v>21</v>
      </c>
      <c r="AL32285">
        <v>21</v>
      </c>
      <c r="AM32285">
        <v>21</v>
      </c>
      <c r="AN32285">
        <v>21</v>
      </c>
      <c r="AO32285">
        <v>22</v>
      </c>
      <c r="AP32285">
        <v>22</v>
      </c>
      <c r="AQ32285">
        <v>22</v>
      </c>
    </row>
    <row r="32286" spans="1:43">
      <c r="A32286" t="s">
        <v>20001</v>
      </c>
      <c r="B32286" t="s">
        <v>20002</v>
      </c>
      <c r="C32286" t="s">
        <v>19949</v>
      </c>
      <c r="D32286" t="s">
        <v>19950</v>
      </c>
      <c r="E32286" t="s">
        <v>19921</v>
      </c>
      <c r="F32286" t="s">
        <v>19922</v>
      </c>
      <c r="G32286" t="s">
        <v>10734</v>
      </c>
      <c r="H32286" t="s">
        <v>10735</v>
      </c>
      <c r="I32286" s="2">
        <v>0</v>
      </c>
      <c r="J32286" s="2">
        <v>0</v>
      </c>
      <c r="K32286" s="2">
        <v>1</v>
      </c>
      <c r="L32286" t="s">
        <v>995</v>
      </c>
      <c r="M32286" t="s">
        <v>83</v>
      </c>
      <c r="N32286" t="s">
        <v>84</v>
      </c>
      <c r="O32286" t="s">
        <v>85</v>
      </c>
      <c r="P32286" t="s">
        <v>86</v>
      </c>
      <c r="Q32286">
        <v>7</v>
      </c>
      <c r="R32286">
        <v>7</v>
      </c>
      <c r="S32286">
        <v>7</v>
      </c>
      <c r="T32286">
        <v>7</v>
      </c>
      <c r="U32286">
        <v>8</v>
      </c>
      <c r="V32286">
        <v>8</v>
      </c>
      <c r="W32286">
        <v>8</v>
      </c>
      <c r="X32286">
        <v>8</v>
      </c>
      <c r="Y32286">
        <v>8</v>
      </c>
      <c r="Z32286">
        <v>8</v>
      </c>
      <c r="AA32286">
        <v>9</v>
      </c>
      <c r="AB32286">
        <v>9</v>
      </c>
      <c r="AC32286">
        <v>9</v>
      </c>
      <c r="AD32286">
        <v>9</v>
      </c>
      <c r="AE32286">
        <v>9</v>
      </c>
      <c r="AF32286">
        <v>10</v>
      </c>
      <c r="AG32286">
        <v>10</v>
      </c>
      <c r="AH32286">
        <v>10</v>
      </c>
      <c r="AI32286">
        <v>10</v>
      </c>
      <c r="AJ32286">
        <v>10</v>
      </c>
      <c r="AK32286">
        <v>10</v>
      </c>
      <c r="AL32286">
        <v>11</v>
      </c>
      <c r="AM32286">
        <v>11</v>
      </c>
      <c r="AN32286">
        <v>11</v>
      </c>
      <c r="AO32286">
        <v>11</v>
      </c>
      <c r="AP32286">
        <v>11</v>
      </c>
      <c r="AQ32286">
        <v>11</v>
      </c>
    </row>
    <row r="32287" spans="1:43">
      <c r="A32287" t="s">
        <v>20001</v>
      </c>
      <c r="B32287" t="s">
        <v>20002</v>
      </c>
      <c r="C32287" t="s">
        <v>19949</v>
      </c>
      <c r="D32287" t="s">
        <v>19950</v>
      </c>
      <c r="E32287" t="s">
        <v>19921</v>
      </c>
      <c r="F32287" t="s">
        <v>19922</v>
      </c>
      <c r="G32287" t="s">
        <v>10734</v>
      </c>
      <c r="H32287" t="s">
        <v>10735</v>
      </c>
      <c r="I32287" s="2">
        <v>0</v>
      </c>
      <c r="J32287" s="2">
        <v>0</v>
      </c>
      <c r="K32287" s="2">
        <v>1</v>
      </c>
      <c r="L32287" t="s">
        <v>995</v>
      </c>
      <c r="M32287" t="s">
        <v>87</v>
      </c>
      <c r="N32287" t="s">
        <v>88</v>
      </c>
      <c r="O32287" t="s">
        <v>85</v>
      </c>
      <c r="P32287" t="s">
        <v>86</v>
      </c>
      <c r="Q32287">
        <v>7</v>
      </c>
      <c r="R32287">
        <v>7</v>
      </c>
      <c r="S32287">
        <v>7</v>
      </c>
      <c r="T32287">
        <v>7</v>
      </c>
      <c r="U32287">
        <v>7</v>
      </c>
      <c r="V32287">
        <v>7</v>
      </c>
      <c r="W32287">
        <v>7</v>
      </c>
      <c r="X32287">
        <v>8</v>
      </c>
      <c r="Y32287">
        <v>8</v>
      </c>
      <c r="Z32287">
        <v>8</v>
      </c>
      <c r="AA32287">
        <v>8</v>
      </c>
      <c r="AB32287">
        <v>8</v>
      </c>
      <c r="AC32287">
        <v>8</v>
      </c>
      <c r="AD32287">
        <v>8</v>
      </c>
      <c r="AE32287">
        <v>8</v>
      </c>
      <c r="AF32287">
        <v>8</v>
      </c>
      <c r="AG32287">
        <v>8</v>
      </c>
      <c r="AH32287">
        <v>9</v>
      </c>
      <c r="AI32287">
        <v>9</v>
      </c>
      <c r="AJ32287">
        <v>9</v>
      </c>
      <c r="AK32287">
        <v>9</v>
      </c>
      <c r="AL32287">
        <v>9</v>
      </c>
      <c r="AM32287">
        <v>9</v>
      </c>
      <c r="AN32287">
        <v>9</v>
      </c>
      <c r="AO32287">
        <v>9</v>
      </c>
      <c r="AP32287">
        <v>9</v>
      </c>
      <c r="AQ32287">
        <v>9</v>
      </c>
    </row>
    <row r="32288" spans="1:43">
      <c r="A32288" t="s">
        <v>20001</v>
      </c>
      <c r="B32288" t="s">
        <v>20002</v>
      </c>
      <c r="C32288" t="s">
        <v>19949</v>
      </c>
      <c r="D32288" t="s">
        <v>19950</v>
      </c>
      <c r="E32288" t="s">
        <v>19921</v>
      </c>
      <c r="F32288" t="s">
        <v>19922</v>
      </c>
      <c r="G32288" t="s">
        <v>10734</v>
      </c>
      <c r="H32288" t="s">
        <v>10735</v>
      </c>
      <c r="I32288" s="2">
        <v>0</v>
      </c>
      <c r="J32288" s="2">
        <v>0</v>
      </c>
      <c r="K32288" s="2">
        <v>1</v>
      </c>
      <c r="L32288" t="s">
        <v>995</v>
      </c>
      <c r="M32288" t="s">
        <v>89</v>
      </c>
      <c r="N32288" t="s">
        <v>90</v>
      </c>
      <c r="O32288" t="s">
        <v>85</v>
      </c>
      <c r="P32288" t="s">
        <v>86</v>
      </c>
      <c r="Q32288">
        <v>7</v>
      </c>
      <c r="R32288">
        <v>7</v>
      </c>
      <c r="S32288">
        <v>7</v>
      </c>
      <c r="T32288">
        <v>8</v>
      </c>
      <c r="U32288">
        <v>8</v>
      </c>
      <c r="V32288">
        <v>8</v>
      </c>
      <c r="W32288">
        <v>8</v>
      </c>
      <c r="X32288">
        <v>9</v>
      </c>
      <c r="Y32288">
        <v>9</v>
      </c>
      <c r="Z32288">
        <v>9</v>
      </c>
      <c r="AA32288">
        <v>9</v>
      </c>
      <c r="AB32288">
        <v>9</v>
      </c>
      <c r="AC32288">
        <v>10</v>
      </c>
      <c r="AD32288">
        <v>10</v>
      </c>
      <c r="AE32288">
        <v>10</v>
      </c>
      <c r="AF32288">
        <v>10</v>
      </c>
      <c r="AG32288">
        <v>10</v>
      </c>
      <c r="AH32288">
        <v>10</v>
      </c>
      <c r="AI32288">
        <v>10</v>
      </c>
      <c r="AJ32288">
        <v>10</v>
      </c>
      <c r="AK32288">
        <v>10</v>
      </c>
      <c r="AL32288">
        <v>11</v>
      </c>
      <c r="AM32288">
        <v>11</v>
      </c>
      <c r="AN32288">
        <v>11</v>
      </c>
      <c r="AO32288">
        <v>11</v>
      </c>
      <c r="AP32288">
        <v>11</v>
      </c>
      <c r="AQ32288">
        <v>11</v>
      </c>
    </row>
    <row r="32289" spans="1:43">
      <c r="A32289" t="s">
        <v>20001</v>
      </c>
      <c r="B32289" t="s">
        <v>20002</v>
      </c>
      <c r="C32289" t="s">
        <v>19949</v>
      </c>
      <c r="D32289" t="s">
        <v>19950</v>
      </c>
      <c r="E32289" t="s">
        <v>19921</v>
      </c>
      <c r="F32289" t="s">
        <v>19922</v>
      </c>
      <c r="G32289" t="s">
        <v>10734</v>
      </c>
      <c r="H32289" t="s">
        <v>10735</v>
      </c>
      <c r="I32289" s="2">
        <v>0</v>
      </c>
      <c r="J32289" s="2">
        <v>0</v>
      </c>
      <c r="K32289" s="2">
        <v>1</v>
      </c>
      <c r="L32289" t="s">
        <v>995</v>
      </c>
      <c r="M32289" t="s">
        <v>83</v>
      </c>
      <c r="N32289" t="s">
        <v>91</v>
      </c>
      <c r="O32289" t="s">
        <v>85</v>
      </c>
      <c r="P32289" t="s">
        <v>86</v>
      </c>
      <c r="Q32289">
        <v>7</v>
      </c>
      <c r="R32289">
        <v>7</v>
      </c>
      <c r="S32289">
        <v>7</v>
      </c>
      <c r="T32289">
        <v>7</v>
      </c>
      <c r="U32289">
        <v>8</v>
      </c>
      <c r="V32289">
        <v>8</v>
      </c>
      <c r="W32289">
        <v>8</v>
      </c>
      <c r="X32289">
        <v>8</v>
      </c>
      <c r="Y32289">
        <v>8</v>
      </c>
      <c r="Z32289">
        <v>8</v>
      </c>
      <c r="AA32289">
        <v>9</v>
      </c>
      <c r="AB32289">
        <v>9</v>
      </c>
      <c r="AC32289">
        <v>9</v>
      </c>
      <c r="AD32289">
        <v>9</v>
      </c>
      <c r="AE32289">
        <v>9</v>
      </c>
      <c r="AF32289">
        <v>10</v>
      </c>
      <c r="AG32289">
        <v>10</v>
      </c>
      <c r="AH32289">
        <v>10</v>
      </c>
      <c r="AI32289">
        <v>10</v>
      </c>
      <c r="AJ32289">
        <v>10</v>
      </c>
      <c r="AK32289">
        <v>10</v>
      </c>
      <c r="AL32289">
        <v>11</v>
      </c>
      <c r="AM32289">
        <v>11</v>
      </c>
      <c r="AN32289">
        <v>11</v>
      </c>
      <c r="AO32289">
        <v>11</v>
      </c>
      <c r="AP32289">
        <v>11</v>
      </c>
      <c r="AQ32289">
        <v>11</v>
      </c>
    </row>
    <row r="32290" spans="1:43">
      <c r="A32290" t="s">
        <v>20003</v>
      </c>
      <c r="B32290" t="s">
        <v>20004</v>
      </c>
      <c r="C32290" t="s">
        <v>19949</v>
      </c>
      <c r="D32290" t="s">
        <v>19950</v>
      </c>
      <c r="E32290" t="s">
        <v>19921</v>
      </c>
      <c r="F32290" t="s">
        <v>19922</v>
      </c>
      <c r="G32290" t="s">
        <v>10734</v>
      </c>
      <c r="H32290" t="s">
        <v>10735</v>
      </c>
      <c r="I32290" s="2">
        <v>0</v>
      </c>
      <c r="J32290" s="2">
        <v>0</v>
      </c>
      <c r="K32290" s="2">
        <v>1</v>
      </c>
      <c r="L32290" t="s">
        <v>995</v>
      </c>
      <c r="M32290" t="s">
        <v>83</v>
      </c>
      <c r="N32290" t="s">
        <v>84</v>
      </c>
      <c r="O32290" t="s">
        <v>85</v>
      </c>
      <c r="P32290" t="s">
        <v>86</v>
      </c>
      <c r="Q32290">
        <v>11</v>
      </c>
      <c r="R32290">
        <v>11</v>
      </c>
      <c r="S32290">
        <v>11</v>
      </c>
      <c r="T32290">
        <v>11</v>
      </c>
      <c r="U32290">
        <v>12</v>
      </c>
      <c r="V32290">
        <v>12</v>
      </c>
      <c r="W32290">
        <v>12</v>
      </c>
      <c r="X32290">
        <v>13</v>
      </c>
      <c r="Y32290">
        <v>13</v>
      </c>
      <c r="Z32290">
        <v>13</v>
      </c>
      <c r="AA32290">
        <v>13</v>
      </c>
      <c r="AB32290">
        <v>14</v>
      </c>
      <c r="AC32290">
        <v>14</v>
      </c>
      <c r="AD32290">
        <v>14</v>
      </c>
      <c r="AE32290">
        <v>14</v>
      </c>
      <c r="AF32290">
        <v>15</v>
      </c>
      <c r="AG32290">
        <v>15</v>
      </c>
      <c r="AH32290">
        <v>15</v>
      </c>
      <c r="AI32290">
        <v>15</v>
      </c>
      <c r="AJ32290">
        <v>16</v>
      </c>
      <c r="AK32290">
        <v>16</v>
      </c>
      <c r="AL32290">
        <v>16</v>
      </c>
      <c r="AM32290">
        <v>16</v>
      </c>
      <c r="AN32290">
        <v>16</v>
      </c>
      <c r="AO32290">
        <v>17</v>
      </c>
      <c r="AP32290">
        <v>17</v>
      </c>
      <c r="AQ32290">
        <v>17</v>
      </c>
    </row>
    <row r="32291" spans="1:43">
      <c r="A32291" t="s">
        <v>20003</v>
      </c>
      <c r="B32291" t="s">
        <v>20004</v>
      </c>
      <c r="C32291" t="s">
        <v>19949</v>
      </c>
      <c r="D32291" t="s">
        <v>19950</v>
      </c>
      <c r="E32291" t="s">
        <v>19921</v>
      </c>
      <c r="F32291" t="s">
        <v>19922</v>
      </c>
      <c r="G32291" t="s">
        <v>10734</v>
      </c>
      <c r="H32291" t="s">
        <v>10735</v>
      </c>
      <c r="I32291" s="2">
        <v>0</v>
      </c>
      <c r="J32291" s="2">
        <v>0</v>
      </c>
      <c r="K32291" s="2">
        <v>1</v>
      </c>
      <c r="L32291" t="s">
        <v>995</v>
      </c>
      <c r="M32291" t="s">
        <v>87</v>
      </c>
      <c r="N32291" t="s">
        <v>88</v>
      </c>
      <c r="O32291" t="s">
        <v>85</v>
      </c>
      <c r="P32291" t="s">
        <v>86</v>
      </c>
      <c r="Q32291">
        <v>11</v>
      </c>
      <c r="R32291">
        <v>11</v>
      </c>
      <c r="S32291">
        <v>11</v>
      </c>
      <c r="T32291">
        <v>11</v>
      </c>
      <c r="U32291">
        <v>11</v>
      </c>
      <c r="V32291">
        <v>11</v>
      </c>
      <c r="W32291">
        <v>12</v>
      </c>
      <c r="X32291">
        <v>12</v>
      </c>
      <c r="Y32291">
        <v>12</v>
      </c>
      <c r="Z32291">
        <v>12</v>
      </c>
      <c r="AA32291">
        <v>12</v>
      </c>
      <c r="AB32291">
        <v>12</v>
      </c>
      <c r="AC32291">
        <v>12</v>
      </c>
      <c r="AD32291">
        <v>13</v>
      </c>
      <c r="AE32291">
        <v>13</v>
      </c>
      <c r="AF32291">
        <v>13</v>
      </c>
      <c r="AG32291">
        <v>13</v>
      </c>
      <c r="AH32291">
        <v>13</v>
      </c>
      <c r="AI32291">
        <v>13</v>
      </c>
      <c r="AJ32291">
        <v>13</v>
      </c>
      <c r="AK32291">
        <v>14</v>
      </c>
      <c r="AL32291">
        <v>14</v>
      </c>
      <c r="AM32291">
        <v>14</v>
      </c>
      <c r="AN32291">
        <v>14</v>
      </c>
      <c r="AO32291">
        <v>14</v>
      </c>
      <c r="AP32291">
        <v>14</v>
      </c>
      <c r="AQ32291">
        <v>15</v>
      </c>
    </row>
    <row r="32292" spans="1:43">
      <c r="A32292" t="s">
        <v>20003</v>
      </c>
      <c r="B32292" t="s">
        <v>20004</v>
      </c>
      <c r="C32292" t="s">
        <v>19949</v>
      </c>
      <c r="D32292" t="s">
        <v>19950</v>
      </c>
      <c r="E32292" t="s">
        <v>19921</v>
      </c>
      <c r="F32292" t="s">
        <v>19922</v>
      </c>
      <c r="G32292" t="s">
        <v>10734</v>
      </c>
      <c r="H32292" t="s">
        <v>10735</v>
      </c>
      <c r="I32292" s="2">
        <v>0</v>
      </c>
      <c r="J32292" s="2">
        <v>0</v>
      </c>
      <c r="K32292" s="2">
        <v>1</v>
      </c>
      <c r="L32292" t="s">
        <v>995</v>
      </c>
      <c r="M32292" t="s">
        <v>89</v>
      </c>
      <c r="N32292" t="s">
        <v>90</v>
      </c>
      <c r="O32292" t="s">
        <v>85</v>
      </c>
      <c r="P32292" t="s">
        <v>86</v>
      </c>
      <c r="Q32292">
        <v>11</v>
      </c>
      <c r="R32292">
        <v>11</v>
      </c>
      <c r="S32292">
        <v>12</v>
      </c>
      <c r="T32292">
        <v>12</v>
      </c>
      <c r="U32292">
        <v>12</v>
      </c>
      <c r="V32292">
        <v>13</v>
      </c>
      <c r="W32292">
        <v>13</v>
      </c>
      <c r="X32292">
        <v>13</v>
      </c>
      <c r="Y32292">
        <v>14</v>
      </c>
      <c r="Z32292">
        <v>14</v>
      </c>
      <c r="AA32292">
        <v>14</v>
      </c>
      <c r="AB32292">
        <v>14</v>
      </c>
      <c r="AC32292">
        <v>15</v>
      </c>
      <c r="AD32292">
        <v>15</v>
      </c>
      <c r="AE32292">
        <v>15</v>
      </c>
      <c r="AF32292">
        <v>16</v>
      </c>
      <c r="AG32292">
        <v>16</v>
      </c>
      <c r="AH32292">
        <v>16</v>
      </c>
      <c r="AI32292">
        <v>16</v>
      </c>
      <c r="AJ32292">
        <v>16</v>
      </c>
      <c r="AK32292">
        <v>16</v>
      </c>
      <c r="AL32292">
        <v>16</v>
      </c>
      <c r="AM32292">
        <v>16</v>
      </c>
      <c r="AN32292">
        <v>17</v>
      </c>
      <c r="AO32292">
        <v>17</v>
      </c>
      <c r="AP32292">
        <v>17</v>
      </c>
      <c r="AQ32292">
        <v>17</v>
      </c>
    </row>
    <row r="32293" spans="1:43">
      <c r="A32293" t="s">
        <v>20003</v>
      </c>
      <c r="B32293" t="s">
        <v>20004</v>
      </c>
      <c r="C32293" t="s">
        <v>19949</v>
      </c>
      <c r="D32293" t="s">
        <v>19950</v>
      </c>
      <c r="E32293" t="s">
        <v>19921</v>
      </c>
      <c r="F32293" t="s">
        <v>19922</v>
      </c>
      <c r="G32293" t="s">
        <v>10734</v>
      </c>
      <c r="H32293" t="s">
        <v>10735</v>
      </c>
      <c r="I32293" s="2">
        <v>0</v>
      </c>
      <c r="J32293" s="2">
        <v>0</v>
      </c>
      <c r="K32293" s="2">
        <v>1</v>
      </c>
      <c r="L32293" t="s">
        <v>995</v>
      </c>
      <c r="M32293" t="s">
        <v>83</v>
      </c>
      <c r="N32293" t="s">
        <v>91</v>
      </c>
      <c r="O32293" t="s">
        <v>85</v>
      </c>
      <c r="P32293" t="s">
        <v>86</v>
      </c>
      <c r="Q32293">
        <v>11</v>
      </c>
      <c r="R32293">
        <v>11</v>
      </c>
      <c r="S32293">
        <v>11</v>
      </c>
      <c r="T32293">
        <v>11</v>
      </c>
      <c r="U32293">
        <v>12</v>
      </c>
      <c r="V32293">
        <v>12</v>
      </c>
      <c r="W32293">
        <v>12</v>
      </c>
      <c r="X32293">
        <v>13</v>
      </c>
      <c r="Y32293">
        <v>13</v>
      </c>
      <c r="Z32293">
        <v>13</v>
      </c>
      <c r="AA32293">
        <v>13</v>
      </c>
      <c r="AB32293">
        <v>14</v>
      </c>
      <c r="AC32293">
        <v>14</v>
      </c>
      <c r="AD32293">
        <v>14</v>
      </c>
      <c r="AE32293">
        <v>14</v>
      </c>
      <c r="AF32293">
        <v>15</v>
      </c>
      <c r="AG32293">
        <v>15</v>
      </c>
      <c r="AH32293">
        <v>15</v>
      </c>
      <c r="AI32293">
        <v>15</v>
      </c>
      <c r="AJ32293">
        <v>16</v>
      </c>
      <c r="AK32293">
        <v>16</v>
      </c>
      <c r="AL32293">
        <v>16</v>
      </c>
      <c r="AM32293">
        <v>16</v>
      </c>
      <c r="AN32293">
        <v>16</v>
      </c>
      <c r="AO32293">
        <v>17</v>
      </c>
      <c r="AP32293">
        <v>17</v>
      </c>
      <c r="AQ32293">
        <v>17</v>
      </c>
    </row>
    <row r="32294" spans="1:43">
      <c r="A32294" t="s">
        <v>20005</v>
      </c>
      <c r="B32294" t="s">
        <v>20006</v>
      </c>
      <c r="C32294" t="s">
        <v>19965</v>
      </c>
      <c r="D32294" t="s">
        <v>19966</v>
      </c>
      <c r="E32294" t="s">
        <v>19921</v>
      </c>
      <c r="F32294" t="s">
        <v>19922</v>
      </c>
      <c r="G32294" t="s">
        <v>10734</v>
      </c>
      <c r="H32294" t="s">
        <v>10735</v>
      </c>
      <c r="I32294" s="2">
        <v>0</v>
      </c>
      <c r="J32294" s="2">
        <v>0</v>
      </c>
      <c r="K32294" s="2">
        <v>1</v>
      </c>
      <c r="L32294" t="s">
        <v>995</v>
      </c>
      <c r="M32294" t="s">
        <v>83</v>
      </c>
      <c r="N32294" t="s">
        <v>84</v>
      </c>
      <c r="O32294" t="s">
        <v>85</v>
      </c>
      <c r="P32294" t="s">
        <v>86</v>
      </c>
      <c r="Q32294">
        <v>15</v>
      </c>
      <c r="R32294">
        <v>16</v>
      </c>
      <c r="S32294">
        <v>16</v>
      </c>
      <c r="T32294">
        <v>16</v>
      </c>
      <c r="U32294">
        <v>17</v>
      </c>
      <c r="V32294">
        <v>17</v>
      </c>
      <c r="W32294">
        <v>17</v>
      </c>
      <c r="X32294">
        <v>18</v>
      </c>
      <c r="Y32294">
        <v>18</v>
      </c>
      <c r="Z32294">
        <v>18</v>
      </c>
      <c r="AA32294">
        <v>19</v>
      </c>
      <c r="AB32294">
        <v>19</v>
      </c>
      <c r="AC32294">
        <v>20</v>
      </c>
      <c r="AD32294">
        <v>20</v>
      </c>
      <c r="AE32294">
        <v>20</v>
      </c>
      <c r="AF32294">
        <v>21</v>
      </c>
      <c r="AG32294">
        <v>21</v>
      </c>
      <c r="AH32294">
        <v>22</v>
      </c>
      <c r="AI32294">
        <v>22</v>
      </c>
      <c r="AJ32294">
        <v>22</v>
      </c>
      <c r="AK32294">
        <v>23</v>
      </c>
      <c r="AL32294">
        <v>23</v>
      </c>
      <c r="AM32294">
        <v>23</v>
      </c>
      <c r="AN32294">
        <v>23</v>
      </c>
      <c r="AO32294">
        <v>23</v>
      </c>
      <c r="AP32294">
        <v>24</v>
      </c>
      <c r="AQ32294">
        <v>24</v>
      </c>
    </row>
    <row r="32295" spans="1:43">
      <c r="A32295" t="s">
        <v>20005</v>
      </c>
      <c r="B32295" t="s">
        <v>20006</v>
      </c>
      <c r="C32295" t="s">
        <v>19965</v>
      </c>
      <c r="D32295" t="s">
        <v>19966</v>
      </c>
      <c r="E32295" t="s">
        <v>19921</v>
      </c>
      <c r="F32295" t="s">
        <v>19922</v>
      </c>
      <c r="G32295" t="s">
        <v>10734</v>
      </c>
      <c r="H32295" t="s">
        <v>10735</v>
      </c>
      <c r="I32295" s="2">
        <v>0</v>
      </c>
      <c r="J32295" s="2">
        <v>0</v>
      </c>
      <c r="K32295" s="2">
        <v>1</v>
      </c>
      <c r="L32295" t="s">
        <v>995</v>
      </c>
      <c r="M32295" t="s">
        <v>87</v>
      </c>
      <c r="N32295" t="s">
        <v>88</v>
      </c>
      <c r="O32295" t="s">
        <v>85</v>
      </c>
      <c r="P32295" t="s">
        <v>86</v>
      </c>
      <c r="Q32295">
        <v>15</v>
      </c>
      <c r="R32295">
        <v>15</v>
      </c>
      <c r="S32295">
        <v>15</v>
      </c>
      <c r="T32295">
        <v>16</v>
      </c>
      <c r="U32295">
        <v>16</v>
      </c>
      <c r="V32295">
        <v>16</v>
      </c>
      <c r="W32295">
        <v>16</v>
      </c>
      <c r="X32295">
        <v>17</v>
      </c>
      <c r="Y32295">
        <v>17</v>
      </c>
      <c r="Z32295">
        <v>17</v>
      </c>
      <c r="AA32295">
        <v>17</v>
      </c>
      <c r="AB32295">
        <v>17</v>
      </c>
      <c r="AC32295">
        <v>18</v>
      </c>
      <c r="AD32295">
        <v>18</v>
      </c>
      <c r="AE32295">
        <v>18</v>
      </c>
      <c r="AF32295">
        <v>18</v>
      </c>
      <c r="AG32295">
        <v>18</v>
      </c>
      <c r="AH32295">
        <v>19</v>
      </c>
      <c r="AI32295">
        <v>19</v>
      </c>
      <c r="AJ32295">
        <v>19</v>
      </c>
      <c r="AK32295">
        <v>19</v>
      </c>
      <c r="AL32295">
        <v>20</v>
      </c>
      <c r="AM32295">
        <v>20</v>
      </c>
      <c r="AN32295">
        <v>20</v>
      </c>
      <c r="AO32295">
        <v>20</v>
      </c>
      <c r="AP32295">
        <v>20</v>
      </c>
      <c r="AQ32295">
        <v>21</v>
      </c>
    </row>
    <row r="32296" spans="1:43">
      <c r="A32296" t="s">
        <v>20005</v>
      </c>
      <c r="B32296" t="s">
        <v>20006</v>
      </c>
      <c r="C32296" t="s">
        <v>19965</v>
      </c>
      <c r="D32296" t="s">
        <v>19966</v>
      </c>
      <c r="E32296" t="s">
        <v>19921</v>
      </c>
      <c r="F32296" t="s">
        <v>19922</v>
      </c>
      <c r="G32296" t="s">
        <v>10734</v>
      </c>
      <c r="H32296" t="s">
        <v>10735</v>
      </c>
      <c r="I32296" s="2">
        <v>0</v>
      </c>
      <c r="J32296" s="2">
        <v>0</v>
      </c>
      <c r="K32296" s="2">
        <v>1</v>
      </c>
      <c r="L32296" t="s">
        <v>995</v>
      </c>
      <c r="M32296" t="s">
        <v>89</v>
      </c>
      <c r="N32296" t="s">
        <v>90</v>
      </c>
      <c r="O32296" t="s">
        <v>85</v>
      </c>
      <c r="P32296" t="s">
        <v>86</v>
      </c>
      <c r="Q32296">
        <v>15</v>
      </c>
      <c r="R32296">
        <v>16</v>
      </c>
      <c r="S32296">
        <v>16</v>
      </c>
      <c r="T32296">
        <v>17</v>
      </c>
      <c r="U32296">
        <v>17</v>
      </c>
      <c r="V32296">
        <v>18</v>
      </c>
      <c r="W32296">
        <v>18</v>
      </c>
      <c r="X32296">
        <v>19</v>
      </c>
      <c r="Y32296">
        <v>19</v>
      </c>
      <c r="Z32296">
        <v>20</v>
      </c>
      <c r="AA32296">
        <v>20</v>
      </c>
      <c r="AB32296">
        <v>21</v>
      </c>
      <c r="AC32296">
        <v>21</v>
      </c>
      <c r="AD32296">
        <v>21</v>
      </c>
      <c r="AE32296">
        <v>22</v>
      </c>
      <c r="AF32296">
        <v>22</v>
      </c>
      <c r="AG32296">
        <v>22</v>
      </c>
      <c r="AH32296">
        <v>22</v>
      </c>
      <c r="AI32296">
        <v>23</v>
      </c>
      <c r="AJ32296">
        <v>23</v>
      </c>
      <c r="AK32296">
        <v>23</v>
      </c>
      <c r="AL32296">
        <v>23</v>
      </c>
      <c r="AM32296">
        <v>23</v>
      </c>
      <c r="AN32296">
        <v>23</v>
      </c>
      <c r="AO32296">
        <v>24</v>
      </c>
      <c r="AP32296">
        <v>24</v>
      </c>
      <c r="AQ32296">
        <v>24</v>
      </c>
    </row>
    <row r="32297" spans="1:43">
      <c r="A32297" t="s">
        <v>20005</v>
      </c>
      <c r="B32297" t="s">
        <v>20006</v>
      </c>
      <c r="C32297" t="s">
        <v>19965</v>
      </c>
      <c r="D32297" t="s">
        <v>19966</v>
      </c>
      <c r="E32297" t="s">
        <v>19921</v>
      </c>
      <c r="F32297" t="s">
        <v>19922</v>
      </c>
      <c r="G32297" t="s">
        <v>10734</v>
      </c>
      <c r="H32297" t="s">
        <v>10735</v>
      </c>
      <c r="I32297" s="2">
        <v>0</v>
      </c>
      <c r="J32297" s="2">
        <v>0</v>
      </c>
      <c r="K32297" s="2">
        <v>1</v>
      </c>
      <c r="L32297" t="s">
        <v>995</v>
      </c>
      <c r="M32297" t="s">
        <v>83</v>
      </c>
      <c r="N32297" t="s">
        <v>91</v>
      </c>
      <c r="O32297" t="s">
        <v>85</v>
      </c>
      <c r="P32297" t="s">
        <v>86</v>
      </c>
      <c r="Q32297">
        <v>15</v>
      </c>
      <c r="R32297">
        <v>16</v>
      </c>
      <c r="S32297">
        <v>16</v>
      </c>
      <c r="T32297">
        <v>16</v>
      </c>
      <c r="U32297">
        <v>17</v>
      </c>
      <c r="V32297">
        <v>17</v>
      </c>
      <c r="W32297">
        <v>17</v>
      </c>
      <c r="X32297">
        <v>18</v>
      </c>
      <c r="Y32297">
        <v>18</v>
      </c>
      <c r="Z32297">
        <v>18</v>
      </c>
      <c r="AA32297">
        <v>19</v>
      </c>
      <c r="AB32297">
        <v>19</v>
      </c>
      <c r="AC32297">
        <v>20</v>
      </c>
      <c r="AD32297">
        <v>20</v>
      </c>
      <c r="AE32297">
        <v>20</v>
      </c>
      <c r="AF32297">
        <v>21</v>
      </c>
      <c r="AG32297">
        <v>21</v>
      </c>
      <c r="AH32297">
        <v>22</v>
      </c>
      <c r="AI32297">
        <v>22</v>
      </c>
      <c r="AJ32297">
        <v>22</v>
      </c>
      <c r="AK32297">
        <v>23</v>
      </c>
      <c r="AL32297">
        <v>23</v>
      </c>
      <c r="AM32297">
        <v>23</v>
      </c>
      <c r="AN32297">
        <v>23</v>
      </c>
      <c r="AO32297">
        <v>23</v>
      </c>
      <c r="AP32297">
        <v>24</v>
      </c>
      <c r="AQ32297">
        <v>24</v>
      </c>
    </row>
    <row r="32298" spans="1:43">
      <c r="A32298" t="s">
        <v>20007</v>
      </c>
      <c r="B32298" t="s">
        <v>20008</v>
      </c>
      <c r="C32298" t="s">
        <v>19965</v>
      </c>
      <c r="D32298" t="s">
        <v>19966</v>
      </c>
      <c r="E32298" t="s">
        <v>19921</v>
      </c>
      <c r="F32298" t="s">
        <v>19922</v>
      </c>
      <c r="G32298" t="s">
        <v>10734</v>
      </c>
      <c r="H32298" t="s">
        <v>10735</v>
      </c>
      <c r="I32298" s="2">
        <v>0</v>
      </c>
      <c r="J32298" s="2">
        <v>0</v>
      </c>
      <c r="K32298" s="2">
        <v>1</v>
      </c>
      <c r="L32298" t="s">
        <v>995</v>
      </c>
      <c r="M32298" t="s">
        <v>83</v>
      </c>
      <c r="N32298" t="s">
        <v>84</v>
      </c>
      <c r="O32298" t="s">
        <v>85</v>
      </c>
      <c r="P32298" t="s">
        <v>86</v>
      </c>
      <c r="Q32298">
        <v>36</v>
      </c>
      <c r="R32298">
        <v>37</v>
      </c>
      <c r="S32298">
        <v>38</v>
      </c>
      <c r="T32298">
        <v>39</v>
      </c>
      <c r="U32298">
        <v>40</v>
      </c>
      <c r="V32298">
        <v>40</v>
      </c>
      <c r="W32298">
        <v>41</v>
      </c>
      <c r="X32298">
        <v>42</v>
      </c>
      <c r="Y32298">
        <v>43</v>
      </c>
      <c r="Z32298">
        <v>44</v>
      </c>
      <c r="AA32298">
        <v>45</v>
      </c>
      <c r="AB32298">
        <v>46</v>
      </c>
      <c r="AC32298">
        <v>47</v>
      </c>
      <c r="AD32298">
        <v>48</v>
      </c>
      <c r="AE32298">
        <v>48</v>
      </c>
      <c r="AF32298">
        <v>49</v>
      </c>
      <c r="AG32298">
        <v>50</v>
      </c>
      <c r="AH32298">
        <v>51</v>
      </c>
      <c r="AI32298">
        <v>52</v>
      </c>
      <c r="AJ32298">
        <v>53</v>
      </c>
      <c r="AK32298">
        <v>54</v>
      </c>
      <c r="AL32298">
        <v>54</v>
      </c>
      <c r="AM32298">
        <v>55</v>
      </c>
      <c r="AN32298">
        <v>55</v>
      </c>
      <c r="AO32298">
        <v>56</v>
      </c>
      <c r="AP32298">
        <v>56</v>
      </c>
      <c r="AQ32298">
        <v>56</v>
      </c>
    </row>
    <row r="32299" spans="1:43">
      <c r="A32299" t="s">
        <v>20007</v>
      </c>
      <c r="B32299" t="s">
        <v>20008</v>
      </c>
      <c r="C32299" t="s">
        <v>19965</v>
      </c>
      <c r="D32299" t="s">
        <v>19966</v>
      </c>
      <c r="E32299" t="s">
        <v>19921</v>
      </c>
      <c r="F32299" t="s">
        <v>19922</v>
      </c>
      <c r="G32299" t="s">
        <v>10734</v>
      </c>
      <c r="H32299" t="s">
        <v>10735</v>
      </c>
      <c r="I32299" s="2">
        <v>0</v>
      </c>
      <c r="J32299" s="2">
        <v>0</v>
      </c>
      <c r="K32299" s="2">
        <v>1</v>
      </c>
      <c r="L32299" t="s">
        <v>995</v>
      </c>
      <c r="M32299" t="s">
        <v>87</v>
      </c>
      <c r="N32299" t="s">
        <v>88</v>
      </c>
      <c r="O32299" t="s">
        <v>85</v>
      </c>
      <c r="P32299" t="s">
        <v>86</v>
      </c>
      <c r="Q32299">
        <v>36</v>
      </c>
      <c r="R32299">
        <v>36</v>
      </c>
      <c r="S32299">
        <v>37</v>
      </c>
      <c r="T32299">
        <v>37</v>
      </c>
      <c r="U32299">
        <v>38</v>
      </c>
      <c r="V32299">
        <v>38</v>
      </c>
      <c r="W32299">
        <v>39</v>
      </c>
      <c r="X32299">
        <v>39</v>
      </c>
      <c r="Y32299">
        <v>40</v>
      </c>
      <c r="Z32299">
        <v>40</v>
      </c>
      <c r="AA32299">
        <v>41</v>
      </c>
      <c r="AB32299">
        <v>41</v>
      </c>
      <c r="AC32299">
        <v>42</v>
      </c>
      <c r="AD32299">
        <v>42</v>
      </c>
      <c r="AE32299">
        <v>43</v>
      </c>
      <c r="AF32299">
        <v>43</v>
      </c>
      <c r="AG32299">
        <v>44</v>
      </c>
      <c r="AH32299">
        <v>44</v>
      </c>
      <c r="AI32299">
        <v>45</v>
      </c>
      <c r="AJ32299">
        <v>45</v>
      </c>
      <c r="AK32299">
        <v>46</v>
      </c>
      <c r="AL32299">
        <v>46</v>
      </c>
      <c r="AM32299">
        <v>47</v>
      </c>
      <c r="AN32299">
        <v>47</v>
      </c>
      <c r="AO32299">
        <v>48</v>
      </c>
      <c r="AP32299">
        <v>48</v>
      </c>
      <c r="AQ32299">
        <v>49</v>
      </c>
    </row>
    <row r="32300" spans="1:43">
      <c r="A32300" t="s">
        <v>20007</v>
      </c>
      <c r="B32300" t="s">
        <v>20008</v>
      </c>
      <c r="C32300" t="s">
        <v>19965</v>
      </c>
      <c r="D32300" t="s">
        <v>19966</v>
      </c>
      <c r="E32300" t="s">
        <v>19921</v>
      </c>
      <c r="F32300" t="s">
        <v>19922</v>
      </c>
      <c r="G32300" t="s">
        <v>10734</v>
      </c>
      <c r="H32300" t="s">
        <v>10735</v>
      </c>
      <c r="I32300" s="2">
        <v>0</v>
      </c>
      <c r="J32300" s="2">
        <v>0</v>
      </c>
      <c r="K32300" s="2">
        <v>1</v>
      </c>
      <c r="L32300" t="s">
        <v>995</v>
      </c>
      <c r="M32300" t="s">
        <v>89</v>
      </c>
      <c r="N32300" t="s">
        <v>90</v>
      </c>
      <c r="O32300" t="s">
        <v>85</v>
      </c>
      <c r="P32300" t="s">
        <v>86</v>
      </c>
      <c r="Q32300">
        <v>36</v>
      </c>
      <c r="R32300">
        <v>37</v>
      </c>
      <c r="S32300">
        <v>38</v>
      </c>
      <c r="T32300">
        <v>39</v>
      </c>
      <c r="U32300">
        <v>40</v>
      </c>
      <c r="V32300">
        <v>41</v>
      </c>
      <c r="W32300">
        <v>42</v>
      </c>
      <c r="X32300">
        <v>44</v>
      </c>
      <c r="Y32300">
        <v>45</v>
      </c>
      <c r="Z32300">
        <v>46</v>
      </c>
      <c r="AA32300">
        <v>47</v>
      </c>
      <c r="AB32300">
        <v>48</v>
      </c>
      <c r="AC32300">
        <v>49</v>
      </c>
      <c r="AD32300">
        <v>50</v>
      </c>
      <c r="AE32300">
        <v>51</v>
      </c>
      <c r="AF32300">
        <v>51</v>
      </c>
      <c r="AG32300">
        <v>52</v>
      </c>
      <c r="AH32300">
        <v>52</v>
      </c>
      <c r="AI32300">
        <v>53</v>
      </c>
      <c r="AJ32300">
        <v>53</v>
      </c>
      <c r="AK32300">
        <v>53</v>
      </c>
      <c r="AL32300">
        <v>54</v>
      </c>
      <c r="AM32300">
        <v>54</v>
      </c>
      <c r="AN32300">
        <v>55</v>
      </c>
      <c r="AO32300">
        <v>55</v>
      </c>
      <c r="AP32300">
        <v>55</v>
      </c>
      <c r="AQ32300">
        <v>56</v>
      </c>
    </row>
    <row r="32301" spans="1:43">
      <c r="A32301" t="s">
        <v>20007</v>
      </c>
      <c r="B32301" t="s">
        <v>20008</v>
      </c>
      <c r="C32301" t="s">
        <v>19965</v>
      </c>
      <c r="D32301" t="s">
        <v>19966</v>
      </c>
      <c r="E32301" t="s">
        <v>19921</v>
      </c>
      <c r="F32301" t="s">
        <v>19922</v>
      </c>
      <c r="G32301" t="s">
        <v>10734</v>
      </c>
      <c r="H32301" t="s">
        <v>10735</v>
      </c>
      <c r="I32301" s="2">
        <v>0</v>
      </c>
      <c r="J32301" s="2">
        <v>0</v>
      </c>
      <c r="K32301" s="2">
        <v>1</v>
      </c>
      <c r="L32301" t="s">
        <v>995</v>
      </c>
      <c r="M32301" t="s">
        <v>83</v>
      </c>
      <c r="N32301" t="s">
        <v>91</v>
      </c>
      <c r="O32301" t="s">
        <v>85</v>
      </c>
      <c r="P32301" t="s">
        <v>86</v>
      </c>
      <c r="Q32301">
        <v>36</v>
      </c>
      <c r="R32301">
        <v>37</v>
      </c>
      <c r="S32301">
        <v>38</v>
      </c>
      <c r="T32301">
        <v>39</v>
      </c>
      <c r="U32301">
        <v>40</v>
      </c>
      <c r="V32301">
        <v>40</v>
      </c>
      <c r="W32301">
        <v>41</v>
      </c>
      <c r="X32301">
        <v>42</v>
      </c>
      <c r="Y32301">
        <v>43</v>
      </c>
      <c r="Z32301">
        <v>44</v>
      </c>
      <c r="AA32301">
        <v>45</v>
      </c>
      <c r="AB32301">
        <v>46</v>
      </c>
      <c r="AC32301">
        <v>47</v>
      </c>
      <c r="AD32301">
        <v>48</v>
      </c>
      <c r="AE32301">
        <v>48</v>
      </c>
      <c r="AF32301">
        <v>49</v>
      </c>
      <c r="AG32301">
        <v>50</v>
      </c>
      <c r="AH32301">
        <v>51</v>
      </c>
      <c r="AI32301">
        <v>52</v>
      </c>
      <c r="AJ32301">
        <v>53</v>
      </c>
      <c r="AK32301">
        <v>54</v>
      </c>
      <c r="AL32301">
        <v>54</v>
      </c>
      <c r="AM32301">
        <v>55</v>
      </c>
      <c r="AN32301">
        <v>55</v>
      </c>
      <c r="AO32301">
        <v>56</v>
      </c>
      <c r="AP32301">
        <v>56</v>
      </c>
      <c r="AQ32301">
        <v>56</v>
      </c>
    </row>
    <row r="32302" spans="1:43">
      <c r="A32302" t="s">
        <v>20009</v>
      </c>
      <c r="B32302" t="s">
        <v>20010</v>
      </c>
      <c r="C32302" t="s">
        <v>19965</v>
      </c>
      <c r="D32302" t="s">
        <v>19966</v>
      </c>
      <c r="E32302" t="s">
        <v>19921</v>
      </c>
      <c r="F32302" t="s">
        <v>19922</v>
      </c>
      <c r="G32302" t="s">
        <v>10734</v>
      </c>
      <c r="H32302" t="s">
        <v>10735</v>
      </c>
      <c r="I32302" s="2">
        <v>0</v>
      </c>
      <c r="J32302" s="2">
        <v>0</v>
      </c>
      <c r="K32302" s="2">
        <v>1</v>
      </c>
      <c r="L32302" t="s">
        <v>995</v>
      </c>
      <c r="M32302" t="s">
        <v>83</v>
      </c>
      <c r="N32302" t="s">
        <v>84</v>
      </c>
      <c r="O32302" t="s">
        <v>85</v>
      </c>
      <c r="P32302" t="s">
        <v>86</v>
      </c>
      <c r="Q32302">
        <v>38</v>
      </c>
      <c r="R32302">
        <v>39</v>
      </c>
      <c r="S32302">
        <v>40</v>
      </c>
      <c r="T32302">
        <v>41</v>
      </c>
      <c r="U32302">
        <v>42</v>
      </c>
      <c r="V32302">
        <v>43</v>
      </c>
      <c r="W32302">
        <v>44</v>
      </c>
      <c r="X32302">
        <v>45</v>
      </c>
      <c r="Y32302">
        <v>45</v>
      </c>
      <c r="Z32302">
        <v>46</v>
      </c>
      <c r="AA32302">
        <v>47</v>
      </c>
      <c r="AB32302">
        <v>48</v>
      </c>
      <c r="AC32302">
        <v>49</v>
      </c>
      <c r="AD32302">
        <v>50</v>
      </c>
      <c r="AE32302">
        <v>51</v>
      </c>
      <c r="AF32302">
        <v>52</v>
      </c>
      <c r="AG32302">
        <v>53</v>
      </c>
      <c r="AH32302">
        <v>54</v>
      </c>
      <c r="AI32302">
        <v>55</v>
      </c>
      <c r="AJ32302">
        <v>56</v>
      </c>
      <c r="AK32302">
        <v>57</v>
      </c>
      <c r="AL32302">
        <v>58</v>
      </c>
      <c r="AM32302">
        <v>58</v>
      </c>
      <c r="AN32302">
        <v>58</v>
      </c>
      <c r="AO32302">
        <v>59</v>
      </c>
      <c r="AP32302">
        <v>59</v>
      </c>
      <c r="AQ32302">
        <v>60</v>
      </c>
    </row>
    <row r="32303" spans="1:43">
      <c r="A32303" t="s">
        <v>20009</v>
      </c>
      <c r="B32303" t="s">
        <v>20010</v>
      </c>
      <c r="C32303" t="s">
        <v>19965</v>
      </c>
      <c r="D32303" t="s">
        <v>19966</v>
      </c>
      <c r="E32303" t="s">
        <v>19921</v>
      </c>
      <c r="F32303" t="s">
        <v>19922</v>
      </c>
      <c r="G32303" t="s">
        <v>10734</v>
      </c>
      <c r="H32303" t="s">
        <v>10735</v>
      </c>
      <c r="I32303" s="2">
        <v>0</v>
      </c>
      <c r="J32303" s="2">
        <v>0</v>
      </c>
      <c r="K32303" s="2">
        <v>1</v>
      </c>
      <c r="L32303" t="s">
        <v>995</v>
      </c>
      <c r="M32303" t="s">
        <v>87</v>
      </c>
      <c r="N32303" t="s">
        <v>88</v>
      </c>
      <c r="O32303" t="s">
        <v>85</v>
      </c>
      <c r="P32303" t="s">
        <v>86</v>
      </c>
      <c r="Q32303">
        <v>38</v>
      </c>
      <c r="R32303">
        <v>38</v>
      </c>
      <c r="S32303">
        <v>39</v>
      </c>
      <c r="T32303">
        <v>39</v>
      </c>
      <c r="U32303">
        <v>40</v>
      </c>
      <c r="V32303">
        <v>40</v>
      </c>
      <c r="W32303">
        <v>41</v>
      </c>
      <c r="X32303">
        <v>42</v>
      </c>
      <c r="Y32303">
        <v>42</v>
      </c>
      <c r="Z32303">
        <v>43</v>
      </c>
      <c r="AA32303">
        <v>43</v>
      </c>
      <c r="AB32303">
        <v>44</v>
      </c>
      <c r="AC32303">
        <v>44</v>
      </c>
      <c r="AD32303">
        <v>45</v>
      </c>
      <c r="AE32303">
        <v>45</v>
      </c>
      <c r="AF32303">
        <v>46</v>
      </c>
      <c r="AG32303">
        <v>46</v>
      </c>
      <c r="AH32303">
        <v>47</v>
      </c>
      <c r="AI32303">
        <v>47</v>
      </c>
      <c r="AJ32303">
        <v>48</v>
      </c>
      <c r="AK32303">
        <v>48</v>
      </c>
      <c r="AL32303">
        <v>49</v>
      </c>
      <c r="AM32303">
        <v>50</v>
      </c>
      <c r="AN32303">
        <v>50</v>
      </c>
      <c r="AO32303">
        <v>51</v>
      </c>
      <c r="AP32303">
        <v>51</v>
      </c>
      <c r="AQ32303">
        <v>52</v>
      </c>
    </row>
    <row r="32304" spans="1:43">
      <c r="A32304" t="s">
        <v>20009</v>
      </c>
      <c r="B32304" t="s">
        <v>20010</v>
      </c>
      <c r="C32304" t="s">
        <v>19965</v>
      </c>
      <c r="D32304" t="s">
        <v>19966</v>
      </c>
      <c r="E32304" t="s">
        <v>19921</v>
      </c>
      <c r="F32304" t="s">
        <v>19922</v>
      </c>
      <c r="G32304" t="s">
        <v>10734</v>
      </c>
      <c r="H32304" t="s">
        <v>10735</v>
      </c>
      <c r="I32304" s="2">
        <v>0</v>
      </c>
      <c r="J32304" s="2">
        <v>0</v>
      </c>
      <c r="K32304" s="2">
        <v>1</v>
      </c>
      <c r="L32304" t="s">
        <v>995</v>
      </c>
      <c r="M32304" t="s">
        <v>89</v>
      </c>
      <c r="N32304" t="s">
        <v>90</v>
      </c>
      <c r="O32304" t="s">
        <v>85</v>
      </c>
      <c r="P32304" t="s">
        <v>86</v>
      </c>
      <c r="Q32304">
        <v>38</v>
      </c>
      <c r="R32304">
        <v>39</v>
      </c>
      <c r="S32304">
        <v>40</v>
      </c>
      <c r="T32304">
        <v>41</v>
      </c>
      <c r="U32304">
        <v>42</v>
      </c>
      <c r="V32304">
        <v>44</v>
      </c>
      <c r="W32304">
        <v>45</v>
      </c>
      <c r="X32304">
        <v>46</v>
      </c>
      <c r="Y32304">
        <v>47</v>
      </c>
      <c r="Z32304">
        <v>48</v>
      </c>
      <c r="AA32304">
        <v>49</v>
      </c>
      <c r="AB32304">
        <v>51</v>
      </c>
      <c r="AC32304">
        <v>52</v>
      </c>
      <c r="AD32304">
        <v>53</v>
      </c>
      <c r="AE32304">
        <v>54</v>
      </c>
      <c r="AF32304">
        <v>54</v>
      </c>
      <c r="AG32304">
        <v>55</v>
      </c>
      <c r="AH32304">
        <v>55</v>
      </c>
      <c r="AI32304">
        <v>56</v>
      </c>
      <c r="AJ32304">
        <v>56</v>
      </c>
      <c r="AK32304">
        <v>56</v>
      </c>
      <c r="AL32304">
        <v>57</v>
      </c>
      <c r="AM32304">
        <v>57</v>
      </c>
      <c r="AN32304">
        <v>58</v>
      </c>
      <c r="AO32304">
        <v>58</v>
      </c>
      <c r="AP32304">
        <v>59</v>
      </c>
      <c r="AQ32304">
        <v>59</v>
      </c>
    </row>
    <row r="32305" spans="1:43">
      <c r="A32305" t="s">
        <v>20009</v>
      </c>
      <c r="B32305" t="s">
        <v>20010</v>
      </c>
      <c r="C32305" t="s">
        <v>19965</v>
      </c>
      <c r="D32305" t="s">
        <v>19966</v>
      </c>
      <c r="E32305" t="s">
        <v>19921</v>
      </c>
      <c r="F32305" t="s">
        <v>19922</v>
      </c>
      <c r="G32305" t="s">
        <v>10734</v>
      </c>
      <c r="H32305" t="s">
        <v>10735</v>
      </c>
      <c r="I32305" s="2">
        <v>0</v>
      </c>
      <c r="J32305" s="2">
        <v>0</v>
      </c>
      <c r="K32305" s="2">
        <v>1</v>
      </c>
      <c r="L32305" t="s">
        <v>995</v>
      </c>
      <c r="M32305" t="s">
        <v>83</v>
      </c>
      <c r="N32305" t="s">
        <v>91</v>
      </c>
      <c r="O32305" t="s">
        <v>85</v>
      </c>
      <c r="P32305" t="s">
        <v>86</v>
      </c>
      <c r="Q32305">
        <v>38</v>
      </c>
      <c r="R32305">
        <v>39</v>
      </c>
      <c r="S32305">
        <v>40</v>
      </c>
      <c r="T32305">
        <v>41</v>
      </c>
      <c r="U32305">
        <v>42</v>
      </c>
      <c r="V32305">
        <v>43</v>
      </c>
      <c r="W32305">
        <v>44</v>
      </c>
      <c r="X32305">
        <v>45</v>
      </c>
      <c r="Y32305">
        <v>45</v>
      </c>
      <c r="Z32305">
        <v>46</v>
      </c>
      <c r="AA32305">
        <v>47</v>
      </c>
      <c r="AB32305">
        <v>48</v>
      </c>
      <c r="AC32305">
        <v>49</v>
      </c>
      <c r="AD32305">
        <v>50</v>
      </c>
      <c r="AE32305">
        <v>51</v>
      </c>
      <c r="AF32305">
        <v>52</v>
      </c>
      <c r="AG32305">
        <v>53</v>
      </c>
      <c r="AH32305">
        <v>54</v>
      </c>
      <c r="AI32305">
        <v>55</v>
      </c>
      <c r="AJ32305">
        <v>56</v>
      </c>
      <c r="AK32305">
        <v>57</v>
      </c>
      <c r="AL32305">
        <v>58</v>
      </c>
      <c r="AM32305">
        <v>58</v>
      </c>
      <c r="AN32305">
        <v>58</v>
      </c>
      <c r="AO32305">
        <v>59</v>
      </c>
      <c r="AP32305">
        <v>59</v>
      </c>
      <c r="AQ32305">
        <v>60</v>
      </c>
    </row>
    <row r="32306" spans="1:43">
      <c r="A32306" t="s">
        <v>20011</v>
      </c>
      <c r="B32306" t="s">
        <v>20012</v>
      </c>
      <c r="C32306" t="s">
        <v>19937</v>
      </c>
      <c r="D32306" t="s">
        <v>19938</v>
      </c>
      <c r="E32306" t="s">
        <v>19921</v>
      </c>
      <c r="F32306" t="s">
        <v>19922</v>
      </c>
      <c r="G32306" t="s">
        <v>10734</v>
      </c>
      <c r="H32306" t="s">
        <v>10735</v>
      </c>
      <c r="I32306" s="2">
        <v>0</v>
      </c>
      <c r="J32306" s="2">
        <v>0</v>
      </c>
      <c r="K32306" s="2">
        <v>1</v>
      </c>
      <c r="L32306" t="s">
        <v>995</v>
      </c>
      <c r="M32306" t="s">
        <v>83</v>
      </c>
      <c r="N32306" t="s">
        <v>84</v>
      </c>
      <c r="O32306" t="s">
        <v>85</v>
      </c>
      <c r="P32306" t="s">
        <v>86</v>
      </c>
      <c r="Q32306">
        <v>37</v>
      </c>
      <c r="R32306">
        <v>38</v>
      </c>
      <c r="S32306">
        <v>39</v>
      </c>
      <c r="T32306">
        <v>39</v>
      </c>
      <c r="U32306">
        <v>40</v>
      </c>
      <c r="V32306">
        <v>41</v>
      </c>
      <c r="W32306">
        <v>42</v>
      </c>
      <c r="X32306">
        <v>43</v>
      </c>
      <c r="Y32306">
        <v>44</v>
      </c>
      <c r="Z32306">
        <v>45</v>
      </c>
      <c r="AA32306">
        <v>46</v>
      </c>
      <c r="AB32306">
        <v>46</v>
      </c>
      <c r="AC32306">
        <v>47</v>
      </c>
      <c r="AD32306">
        <v>48</v>
      </c>
      <c r="AE32306">
        <v>49</v>
      </c>
      <c r="AF32306">
        <v>50</v>
      </c>
      <c r="AG32306">
        <v>51</v>
      </c>
      <c r="AH32306">
        <v>52</v>
      </c>
      <c r="AI32306">
        <v>53</v>
      </c>
      <c r="AJ32306">
        <v>54</v>
      </c>
      <c r="AK32306">
        <v>55</v>
      </c>
      <c r="AL32306">
        <v>55</v>
      </c>
      <c r="AM32306">
        <v>56</v>
      </c>
      <c r="AN32306">
        <v>56</v>
      </c>
      <c r="AO32306">
        <v>56</v>
      </c>
      <c r="AP32306">
        <v>57</v>
      </c>
      <c r="AQ32306">
        <v>57</v>
      </c>
    </row>
    <row r="32307" spans="1:43">
      <c r="A32307" t="s">
        <v>20011</v>
      </c>
      <c r="B32307" t="s">
        <v>20012</v>
      </c>
      <c r="C32307" t="s">
        <v>19937</v>
      </c>
      <c r="D32307" t="s">
        <v>19938</v>
      </c>
      <c r="E32307" t="s">
        <v>19921</v>
      </c>
      <c r="F32307" t="s">
        <v>19922</v>
      </c>
      <c r="G32307" t="s">
        <v>10734</v>
      </c>
      <c r="H32307" t="s">
        <v>10735</v>
      </c>
      <c r="I32307" s="2">
        <v>0</v>
      </c>
      <c r="J32307" s="2">
        <v>0</v>
      </c>
      <c r="K32307" s="2">
        <v>1</v>
      </c>
      <c r="L32307" t="s">
        <v>995</v>
      </c>
      <c r="M32307" t="s">
        <v>87</v>
      </c>
      <c r="N32307" t="s">
        <v>88</v>
      </c>
      <c r="O32307" t="s">
        <v>85</v>
      </c>
      <c r="P32307" t="s">
        <v>86</v>
      </c>
      <c r="Q32307">
        <v>37</v>
      </c>
      <c r="R32307">
        <v>37</v>
      </c>
      <c r="S32307">
        <v>38</v>
      </c>
      <c r="T32307">
        <v>38</v>
      </c>
      <c r="U32307">
        <v>38</v>
      </c>
      <c r="V32307">
        <v>39</v>
      </c>
      <c r="W32307">
        <v>39</v>
      </c>
      <c r="X32307">
        <v>40</v>
      </c>
      <c r="Y32307">
        <v>40</v>
      </c>
      <c r="Z32307">
        <v>41</v>
      </c>
      <c r="AA32307">
        <v>41</v>
      </c>
      <c r="AB32307">
        <v>42</v>
      </c>
      <c r="AC32307">
        <v>42</v>
      </c>
      <c r="AD32307">
        <v>43</v>
      </c>
      <c r="AE32307">
        <v>43</v>
      </c>
      <c r="AF32307">
        <v>44</v>
      </c>
      <c r="AG32307">
        <v>44</v>
      </c>
      <c r="AH32307">
        <v>45</v>
      </c>
      <c r="AI32307">
        <v>45</v>
      </c>
      <c r="AJ32307">
        <v>46</v>
      </c>
      <c r="AK32307">
        <v>46</v>
      </c>
      <c r="AL32307">
        <v>47</v>
      </c>
      <c r="AM32307">
        <v>47</v>
      </c>
      <c r="AN32307">
        <v>48</v>
      </c>
      <c r="AO32307">
        <v>48</v>
      </c>
      <c r="AP32307">
        <v>49</v>
      </c>
      <c r="AQ32307">
        <v>50</v>
      </c>
    </row>
    <row r="32308" spans="1:43">
      <c r="A32308" t="s">
        <v>20011</v>
      </c>
      <c r="B32308" t="s">
        <v>20012</v>
      </c>
      <c r="C32308" t="s">
        <v>19937</v>
      </c>
      <c r="D32308" t="s">
        <v>19938</v>
      </c>
      <c r="E32308" t="s">
        <v>19921</v>
      </c>
      <c r="F32308" t="s">
        <v>19922</v>
      </c>
      <c r="G32308" t="s">
        <v>10734</v>
      </c>
      <c r="H32308" t="s">
        <v>10735</v>
      </c>
      <c r="I32308" s="2">
        <v>0</v>
      </c>
      <c r="J32308" s="2">
        <v>0</v>
      </c>
      <c r="K32308" s="2">
        <v>1</v>
      </c>
      <c r="L32308" t="s">
        <v>995</v>
      </c>
      <c r="M32308" t="s">
        <v>89</v>
      </c>
      <c r="N32308" t="s">
        <v>90</v>
      </c>
      <c r="O32308" t="s">
        <v>85</v>
      </c>
      <c r="P32308" t="s">
        <v>86</v>
      </c>
      <c r="Q32308">
        <v>37</v>
      </c>
      <c r="R32308">
        <v>38</v>
      </c>
      <c r="S32308">
        <v>40</v>
      </c>
      <c r="T32308">
        <v>41</v>
      </c>
      <c r="U32308">
        <v>42</v>
      </c>
      <c r="V32308">
        <v>43</v>
      </c>
      <c r="W32308">
        <v>44</v>
      </c>
      <c r="X32308">
        <v>45</v>
      </c>
      <c r="Y32308">
        <v>46</v>
      </c>
      <c r="Z32308">
        <v>48</v>
      </c>
      <c r="AA32308">
        <v>49</v>
      </c>
      <c r="AB32308">
        <v>50</v>
      </c>
      <c r="AC32308">
        <v>51</v>
      </c>
      <c r="AD32308">
        <v>52</v>
      </c>
      <c r="AE32308">
        <v>53</v>
      </c>
      <c r="AF32308">
        <v>53</v>
      </c>
      <c r="AG32308">
        <v>54</v>
      </c>
      <c r="AH32308">
        <v>54</v>
      </c>
      <c r="AI32308">
        <v>54</v>
      </c>
      <c r="AJ32308">
        <v>55</v>
      </c>
      <c r="AK32308">
        <v>55</v>
      </c>
      <c r="AL32308">
        <v>56</v>
      </c>
      <c r="AM32308">
        <v>56</v>
      </c>
      <c r="AN32308">
        <v>56</v>
      </c>
      <c r="AO32308">
        <v>57</v>
      </c>
      <c r="AP32308">
        <v>57</v>
      </c>
      <c r="AQ32308">
        <v>57</v>
      </c>
    </row>
    <row r="32309" spans="1:43">
      <c r="A32309" t="s">
        <v>20011</v>
      </c>
      <c r="B32309" t="s">
        <v>20012</v>
      </c>
      <c r="C32309" t="s">
        <v>19937</v>
      </c>
      <c r="D32309" t="s">
        <v>19938</v>
      </c>
      <c r="E32309" t="s">
        <v>19921</v>
      </c>
      <c r="F32309" t="s">
        <v>19922</v>
      </c>
      <c r="G32309" t="s">
        <v>10734</v>
      </c>
      <c r="H32309" t="s">
        <v>10735</v>
      </c>
      <c r="I32309" s="2">
        <v>0</v>
      </c>
      <c r="J32309" s="2">
        <v>0</v>
      </c>
      <c r="K32309" s="2">
        <v>1</v>
      </c>
      <c r="L32309" t="s">
        <v>995</v>
      </c>
      <c r="M32309" t="s">
        <v>83</v>
      </c>
      <c r="N32309" t="s">
        <v>91</v>
      </c>
      <c r="O32309" t="s">
        <v>85</v>
      </c>
      <c r="P32309" t="s">
        <v>86</v>
      </c>
      <c r="Q32309">
        <v>37</v>
      </c>
      <c r="R32309">
        <v>38</v>
      </c>
      <c r="S32309">
        <v>39</v>
      </c>
      <c r="T32309">
        <v>39</v>
      </c>
      <c r="U32309">
        <v>40</v>
      </c>
      <c r="V32309">
        <v>41</v>
      </c>
      <c r="W32309">
        <v>42</v>
      </c>
      <c r="X32309">
        <v>43</v>
      </c>
      <c r="Y32309">
        <v>44</v>
      </c>
      <c r="Z32309">
        <v>45</v>
      </c>
      <c r="AA32309">
        <v>46</v>
      </c>
      <c r="AB32309">
        <v>46</v>
      </c>
      <c r="AC32309">
        <v>47</v>
      </c>
      <c r="AD32309">
        <v>48</v>
      </c>
      <c r="AE32309">
        <v>49</v>
      </c>
      <c r="AF32309">
        <v>50</v>
      </c>
      <c r="AG32309">
        <v>51</v>
      </c>
      <c r="AH32309">
        <v>52</v>
      </c>
      <c r="AI32309">
        <v>53</v>
      </c>
      <c r="AJ32309">
        <v>54</v>
      </c>
      <c r="AK32309">
        <v>55</v>
      </c>
      <c r="AL32309">
        <v>55</v>
      </c>
      <c r="AM32309">
        <v>56</v>
      </c>
      <c r="AN32309">
        <v>56</v>
      </c>
      <c r="AO32309">
        <v>56</v>
      </c>
      <c r="AP32309">
        <v>57</v>
      </c>
      <c r="AQ32309">
        <v>57</v>
      </c>
    </row>
    <row r="32310" spans="1:43">
      <c r="A32310" t="s">
        <v>20013</v>
      </c>
      <c r="B32310" t="s">
        <v>20014</v>
      </c>
      <c r="C32310" t="s">
        <v>19959</v>
      </c>
      <c r="D32310" t="s">
        <v>19960</v>
      </c>
      <c r="E32310" t="s">
        <v>19921</v>
      </c>
      <c r="F32310" t="s">
        <v>19922</v>
      </c>
      <c r="G32310" t="s">
        <v>10734</v>
      </c>
      <c r="H32310" t="s">
        <v>10735</v>
      </c>
      <c r="I32310" s="2">
        <v>0</v>
      </c>
      <c r="J32310" s="2">
        <v>0</v>
      </c>
      <c r="K32310" s="2">
        <v>1</v>
      </c>
      <c r="L32310" t="s">
        <v>995</v>
      </c>
      <c r="M32310" t="s">
        <v>83</v>
      </c>
      <c r="N32310" t="s">
        <v>84</v>
      </c>
      <c r="O32310" t="s">
        <v>85</v>
      </c>
      <c r="P32310" t="s">
        <v>86</v>
      </c>
      <c r="Q32310">
        <v>14</v>
      </c>
      <c r="R32310">
        <v>14</v>
      </c>
      <c r="S32310">
        <v>15</v>
      </c>
      <c r="T32310">
        <v>15</v>
      </c>
      <c r="U32310">
        <v>15</v>
      </c>
      <c r="V32310">
        <v>16</v>
      </c>
      <c r="W32310">
        <v>16</v>
      </c>
      <c r="X32310">
        <v>16</v>
      </c>
      <c r="Y32310">
        <v>17</v>
      </c>
      <c r="Z32310">
        <v>17</v>
      </c>
      <c r="AA32310">
        <v>17</v>
      </c>
      <c r="AB32310">
        <v>18</v>
      </c>
      <c r="AC32310">
        <v>18</v>
      </c>
      <c r="AD32310">
        <v>18</v>
      </c>
      <c r="AE32310">
        <v>19</v>
      </c>
      <c r="AF32310">
        <v>19</v>
      </c>
      <c r="AG32310">
        <v>19</v>
      </c>
      <c r="AH32310">
        <v>20</v>
      </c>
      <c r="AI32310">
        <v>20</v>
      </c>
      <c r="AJ32310">
        <v>20</v>
      </c>
      <c r="AK32310">
        <v>21</v>
      </c>
      <c r="AL32310">
        <v>21</v>
      </c>
      <c r="AM32310">
        <v>21</v>
      </c>
      <c r="AN32310">
        <v>21</v>
      </c>
      <c r="AO32310">
        <v>22</v>
      </c>
      <c r="AP32310">
        <v>22</v>
      </c>
      <c r="AQ32310">
        <v>22</v>
      </c>
    </row>
    <row r="32311" spans="1:43">
      <c r="A32311" t="s">
        <v>20013</v>
      </c>
      <c r="B32311" t="s">
        <v>20014</v>
      </c>
      <c r="C32311" t="s">
        <v>19959</v>
      </c>
      <c r="D32311" t="s">
        <v>19960</v>
      </c>
      <c r="E32311" t="s">
        <v>19921</v>
      </c>
      <c r="F32311" t="s">
        <v>19922</v>
      </c>
      <c r="G32311" t="s">
        <v>10734</v>
      </c>
      <c r="H32311" t="s">
        <v>10735</v>
      </c>
      <c r="I32311" s="2">
        <v>0</v>
      </c>
      <c r="J32311" s="2">
        <v>0</v>
      </c>
      <c r="K32311" s="2">
        <v>1</v>
      </c>
      <c r="L32311" t="s">
        <v>995</v>
      </c>
      <c r="M32311" t="s">
        <v>87</v>
      </c>
      <c r="N32311" t="s">
        <v>88</v>
      </c>
      <c r="O32311" t="s">
        <v>85</v>
      </c>
      <c r="P32311" t="s">
        <v>86</v>
      </c>
      <c r="Q32311">
        <v>14</v>
      </c>
      <c r="R32311">
        <v>14</v>
      </c>
      <c r="S32311">
        <v>14</v>
      </c>
      <c r="T32311">
        <v>14</v>
      </c>
      <c r="U32311">
        <v>15</v>
      </c>
      <c r="V32311">
        <v>15</v>
      </c>
      <c r="W32311">
        <v>15</v>
      </c>
      <c r="X32311">
        <v>15</v>
      </c>
      <c r="Y32311">
        <v>15</v>
      </c>
      <c r="Z32311">
        <v>16</v>
      </c>
      <c r="AA32311">
        <v>16</v>
      </c>
      <c r="AB32311">
        <v>16</v>
      </c>
      <c r="AC32311">
        <v>16</v>
      </c>
      <c r="AD32311">
        <v>16</v>
      </c>
      <c r="AE32311">
        <v>17</v>
      </c>
      <c r="AF32311">
        <v>17</v>
      </c>
      <c r="AG32311">
        <v>17</v>
      </c>
      <c r="AH32311">
        <v>17</v>
      </c>
      <c r="AI32311">
        <v>17</v>
      </c>
      <c r="AJ32311">
        <v>18</v>
      </c>
      <c r="AK32311">
        <v>18</v>
      </c>
      <c r="AL32311">
        <v>18</v>
      </c>
      <c r="AM32311">
        <v>18</v>
      </c>
      <c r="AN32311">
        <v>18</v>
      </c>
      <c r="AO32311">
        <v>19</v>
      </c>
      <c r="AP32311">
        <v>19</v>
      </c>
      <c r="AQ32311">
        <v>19</v>
      </c>
    </row>
    <row r="32312" spans="1:43">
      <c r="A32312" t="s">
        <v>20013</v>
      </c>
      <c r="B32312" t="s">
        <v>20014</v>
      </c>
      <c r="C32312" t="s">
        <v>19959</v>
      </c>
      <c r="D32312" t="s">
        <v>19960</v>
      </c>
      <c r="E32312" t="s">
        <v>19921</v>
      </c>
      <c r="F32312" t="s">
        <v>19922</v>
      </c>
      <c r="G32312" t="s">
        <v>10734</v>
      </c>
      <c r="H32312" t="s">
        <v>10735</v>
      </c>
      <c r="I32312" s="2">
        <v>0</v>
      </c>
      <c r="J32312" s="2">
        <v>0</v>
      </c>
      <c r="K32312" s="2">
        <v>1</v>
      </c>
      <c r="L32312" t="s">
        <v>995</v>
      </c>
      <c r="M32312" t="s">
        <v>89</v>
      </c>
      <c r="N32312" t="s">
        <v>90</v>
      </c>
      <c r="O32312" t="s">
        <v>85</v>
      </c>
      <c r="P32312" t="s">
        <v>86</v>
      </c>
      <c r="Q32312">
        <v>14</v>
      </c>
      <c r="R32312">
        <v>15</v>
      </c>
      <c r="S32312">
        <v>15</v>
      </c>
      <c r="T32312">
        <v>15</v>
      </c>
      <c r="U32312">
        <v>16</v>
      </c>
      <c r="V32312">
        <v>16</v>
      </c>
      <c r="W32312">
        <v>17</v>
      </c>
      <c r="X32312">
        <v>17</v>
      </c>
      <c r="Y32312">
        <v>18</v>
      </c>
      <c r="Z32312">
        <v>18</v>
      </c>
      <c r="AA32312">
        <v>18</v>
      </c>
      <c r="AB32312">
        <v>19</v>
      </c>
      <c r="AC32312">
        <v>19</v>
      </c>
      <c r="AD32312">
        <v>20</v>
      </c>
      <c r="AE32312">
        <v>20</v>
      </c>
      <c r="AF32312">
        <v>20</v>
      </c>
      <c r="AG32312">
        <v>20</v>
      </c>
      <c r="AH32312">
        <v>21</v>
      </c>
      <c r="AI32312">
        <v>21</v>
      </c>
      <c r="AJ32312">
        <v>21</v>
      </c>
      <c r="AK32312">
        <v>21</v>
      </c>
      <c r="AL32312">
        <v>21</v>
      </c>
      <c r="AM32312">
        <v>21</v>
      </c>
      <c r="AN32312">
        <v>22</v>
      </c>
      <c r="AO32312">
        <v>22</v>
      </c>
      <c r="AP32312">
        <v>22</v>
      </c>
      <c r="AQ32312">
        <v>22</v>
      </c>
    </row>
    <row r="32313" spans="1:43">
      <c r="A32313" t="s">
        <v>20013</v>
      </c>
      <c r="B32313" t="s">
        <v>20014</v>
      </c>
      <c r="C32313" t="s">
        <v>19959</v>
      </c>
      <c r="D32313" t="s">
        <v>19960</v>
      </c>
      <c r="E32313" t="s">
        <v>19921</v>
      </c>
      <c r="F32313" t="s">
        <v>19922</v>
      </c>
      <c r="G32313" t="s">
        <v>10734</v>
      </c>
      <c r="H32313" t="s">
        <v>10735</v>
      </c>
      <c r="I32313" s="2">
        <v>0</v>
      </c>
      <c r="J32313" s="2">
        <v>0</v>
      </c>
      <c r="K32313" s="2">
        <v>1</v>
      </c>
      <c r="L32313" t="s">
        <v>995</v>
      </c>
      <c r="M32313" t="s">
        <v>83</v>
      </c>
      <c r="N32313" t="s">
        <v>91</v>
      </c>
      <c r="O32313" t="s">
        <v>85</v>
      </c>
      <c r="P32313" t="s">
        <v>86</v>
      </c>
      <c r="Q32313">
        <v>14</v>
      </c>
      <c r="R32313">
        <v>14</v>
      </c>
      <c r="S32313">
        <v>15</v>
      </c>
      <c r="T32313">
        <v>15</v>
      </c>
      <c r="U32313">
        <v>15</v>
      </c>
      <c r="V32313">
        <v>16</v>
      </c>
      <c r="W32313">
        <v>16</v>
      </c>
      <c r="X32313">
        <v>16</v>
      </c>
      <c r="Y32313">
        <v>17</v>
      </c>
      <c r="Z32313">
        <v>17</v>
      </c>
      <c r="AA32313">
        <v>17</v>
      </c>
      <c r="AB32313">
        <v>18</v>
      </c>
      <c r="AC32313">
        <v>18</v>
      </c>
      <c r="AD32313">
        <v>18</v>
      </c>
      <c r="AE32313">
        <v>19</v>
      </c>
      <c r="AF32313">
        <v>19</v>
      </c>
      <c r="AG32313">
        <v>19</v>
      </c>
      <c r="AH32313">
        <v>20</v>
      </c>
      <c r="AI32313">
        <v>20</v>
      </c>
      <c r="AJ32313">
        <v>20</v>
      </c>
      <c r="AK32313">
        <v>21</v>
      </c>
      <c r="AL32313">
        <v>21</v>
      </c>
      <c r="AM32313">
        <v>21</v>
      </c>
      <c r="AN32313">
        <v>21</v>
      </c>
      <c r="AO32313">
        <v>22</v>
      </c>
      <c r="AP32313">
        <v>22</v>
      </c>
      <c r="AQ32313">
        <v>22</v>
      </c>
    </row>
    <row r="32314" spans="1:43">
      <c r="A32314" t="s">
        <v>20015</v>
      </c>
      <c r="B32314" t="s">
        <v>20016</v>
      </c>
      <c r="C32314" t="s">
        <v>20017</v>
      </c>
      <c r="D32314" t="s">
        <v>20018</v>
      </c>
      <c r="E32314" t="s">
        <v>19921</v>
      </c>
      <c r="F32314" t="s">
        <v>19922</v>
      </c>
      <c r="G32314" t="s">
        <v>10734</v>
      </c>
      <c r="H32314" t="s">
        <v>10735</v>
      </c>
      <c r="I32314" s="2">
        <v>0</v>
      </c>
      <c r="J32314" s="2">
        <v>0</v>
      </c>
      <c r="K32314" s="2">
        <v>1</v>
      </c>
      <c r="L32314" t="s">
        <v>995</v>
      </c>
      <c r="M32314" t="s">
        <v>83</v>
      </c>
      <c r="N32314" t="s">
        <v>84</v>
      </c>
      <c r="O32314" t="s">
        <v>85</v>
      </c>
      <c r="P32314" t="s">
        <v>86</v>
      </c>
      <c r="Q32314">
        <v>43</v>
      </c>
      <c r="R32314">
        <v>44</v>
      </c>
      <c r="S32314">
        <v>45</v>
      </c>
      <c r="T32314">
        <v>46</v>
      </c>
      <c r="U32314">
        <v>47</v>
      </c>
      <c r="V32314">
        <v>48</v>
      </c>
      <c r="W32314">
        <v>49</v>
      </c>
      <c r="X32314">
        <v>51</v>
      </c>
      <c r="Y32314">
        <v>52</v>
      </c>
      <c r="Z32314">
        <v>53</v>
      </c>
      <c r="AA32314">
        <v>54</v>
      </c>
      <c r="AB32314">
        <v>55</v>
      </c>
      <c r="AC32314">
        <v>56</v>
      </c>
      <c r="AD32314">
        <v>57</v>
      </c>
      <c r="AE32314">
        <v>58</v>
      </c>
      <c r="AF32314">
        <v>59</v>
      </c>
      <c r="AG32314">
        <v>60</v>
      </c>
      <c r="AH32314">
        <v>61</v>
      </c>
      <c r="AI32314">
        <v>62</v>
      </c>
      <c r="AJ32314">
        <v>63</v>
      </c>
      <c r="AK32314">
        <v>65</v>
      </c>
      <c r="AL32314">
        <v>65</v>
      </c>
      <c r="AM32314">
        <v>66</v>
      </c>
      <c r="AN32314">
        <v>66</v>
      </c>
      <c r="AO32314">
        <v>67</v>
      </c>
      <c r="AP32314">
        <v>67</v>
      </c>
      <c r="AQ32314">
        <v>68</v>
      </c>
    </row>
    <row r="32315" spans="1:43">
      <c r="A32315" t="s">
        <v>20015</v>
      </c>
      <c r="B32315" t="s">
        <v>20016</v>
      </c>
      <c r="C32315" t="s">
        <v>20017</v>
      </c>
      <c r="D32315" t="s">
        <v>20018</v>
      </c>
      <c r="E32315" t="s">
        <v>19921</v>
      </c>
      <c r="F32315" t="s">
        <v>19922</v>
      </c>
      <c r="G32315" t="s">
        <v>10734</v>
      </c>
      <c r="H32315" t="s">
        <v>10735</v>
      </c>
      <c r="I32315" s="2">
        <v>0</v>
      </c>
      <c r="J32315" s="2">
        <v>0</v>
      </c>
      <c r="K32315" s="2">
        <v>1</v>
      </c>
      <c r="L32315" t="s">
        <v>995</v>
      </c>
      <c r="M32315" t="s">
        <v>87</v>
      </c>
      <c r="N32315" t="s">
        <v>88</v>
      </c>
      <c r="O32315" t="s">
        <v>85</v>
      </c>
      <c r="P32315" t="s">
        <v>86</v>
      </c>
      <c r="Q32315">
        <v>43</v>
      </c>
      <c r="R32315">
        <v>43</v>
      </c>
      <c r="S32315">
        <v>44</v>
      </c>
      <c r="T32315">
        <v>45</v>
      </c>
      <c r="U32315">
        <v>45</v>
      </c>
      <c r="V32315">
        <v>46</v>
      </c>
      <c r="W32315">
        <v>47</v>
      </c>
      <c r="X32315">
        <v>47</v>
      </c>
      <c r="Y32315">
        <v>48</v>
      </c>
      <c r="Z32315">
        <v>48</v>
      </c>
      <c r="AA32315">
        <v>49</v>
      </c>
      <c r="AB32315">
        <v>50</v>
      </c>
      <c r="AC32315">
        <v>50</v>
      </c>
      <c r="AD32315">
        <v>51</v>
      </c>
      <c r="AE32315">
        <v>51</v>
      </c>
      <c r="AF32315">
        <v>52</v>
      </c>
      <c r="AG32315">
        <v>53</v>
      </c>
      <c r="AH32315">
        <v>53</v>
      </c>
      <c r="AI32315">
        <v>54</v>
      </c>
      <c r="AJ32315">
        <v>55</v>
      </c>
      <c r="AK32315">
        <v>55</v>
      </c>
      <c r="AL32315">
        <v>56</v>
      </c>
      <c r="AM32315">
        <v>57</v>
      </c>
      <c r="AN32315">
        <v>57</v>
      </c>
      <c r="AO32315">
        <v>58</v>
      </c>
      <c r="AP32315">
        <v>58</v>
      </c>
      <c r="AQ32315">
        <v>59</v>
      </c>
    </row>
    <row r="32316" spans="1:43">
      <c r="A32316" t="s">
        <v>20015</v>
      </c>
      <c r="B32316" t="s">
        <v>20016</v>
      </c>
      <c r="C32316" t="s">
        <v>20017</v>
      </c>
      <c r="D32316" t="s">
        <v>20018</v>
      </c>
      <c r="E32316" t="s">
        <v>19921</v>
      </c>
      <c r="F32316" t="s">
        <v>19922</v>
      </c>
      <c r="G32316" t="s">
        <v>10734</v>
      </c>
      <c r="H32316" t="s">
        <v>10735</v>
      </c>
      <c r="I32316" s="2">
        <v>0</v>
      </c>
      <c r="J32316" s="2">
        <v>0</v>
      </c>
      <c r="K32316" s="2">
        <v>1</v>
      </c>
      <c r="L32316" t="s">
        <v>995</v>
      </c>
      <c r="M32316" t="s">
        <v>89</v>
      </c>
      <c r="N32316" t="s">
        <v>90</v>
      </c>
      <c r="O32316" t="s">
        <v>85</v>
      </c>
      <c r="P32316" t="s">
        <v>86</v>
      </c>
      <c r="Q32316">
        <v>43</v>
      </c>
      <c r="R32316">
        <v>44</v>
      </c>
      <c r="S32316">
        <v>45</v>
      </c>
      <c r="T32316">
        <v>47</v>
      </c>
      <c r="U32316">
        <v>48</v>
      </c>
      <c r="V32316">
        <v>50</v>
      </c>
      <c r="W32316">
        <v>51</v>
      </c>
      <c r="X32316">
        <v>52</v>
      </c>
      <c r="Y32316">
        <v>54</v>
      </c>
      <c r="Z32316">
        <v>55</v>
      </c>
      <c r="AA32316">
        <v>56</v>
      </c>
      <c r="AB32316">
        <v>57</v>
      </c>
      <c r="AC32316">
        <v>59</v>
      </c>
      <c r="AD32316">
        <v>60</v>
      </c>
      <c r="AE32316">
        <v>61</v>
      </c>
      <c r="AF32316">
        <v>62</v>
      </c>
      <c r="AG32316">
        <v>62</v>
      </c>
      <c r="AH32316">
        <v>63</v>
      </c>
      <c r="AI32316">
        <v>63</v>
      </c>
      <c r="AJ32316">
        <v>64</v>
      </c>
      <c r="AK32316">
        <v>64</v>
      </c>
      <c r="AL32316">
        <v>65</v>
      </c>
      <c r="AM32316">
        <v>65</v>
      </c>
      <c r="AN32316">
        <v>66</v>
      </c>
      <c r="AO32316">
        <v>66</v>
      </c>
      <c r="AP32316">
        <v>67</v>
      </c>
      <c r="AQ32316">
        <v>67</v>
      </c>
    </row>
    <row r="32317" spans="1:43">
      <c r="A32317" t="s">
        <v>20015</v>
      </c>
      <c r="B32317" t="s">
        <v>20016</v>
      </c>
      <c r="C32317" t="s">
        <v>20017</v>
      </c>
      <c r="D32317" t="s">
        <v>20018</v>
      </c>
      <c r="E32317" t="s">
        <v>19921</v>
      </c>
      <c r="F32317" t="s">
        <v>19922</v>
      </c>
      <c r="G32317" t="s">
        <v>10734</v>
      </c>
      <c r="H32317" t="s">
        <v>10735</v>
      </c>
      <c r="I32317" s="2">
        <v>0</v>
      </c>
      <c r="J32317" s="2">
        <v>0</v>
      </c>
      <c r="K32317" s="2">
        <v>1</v>
      </c>
      <c r="L32317" t="s">
        <v>995</v>
      </c>
      <c r="M32317" t="s">
        <v>83</v>
      </c>
      <c r="N32317" t="s">
        <v>91</v>
      </c>
      <c r="O32317" t="s">
        <v>85</v>
      </c>
      <c r="P32317" t="s">
        <v>86</v>
      </c>
      <c r="Q32317">
        <v>43</v>
      </c>
      <c r="R32317">
        <v>44</v>
      </c>
      <c r="S32317">
        <v>45</v>
      </c>
      <c r="T32317">
        <v>46</v>
      </c>
      <c r="U32317">
        <v>47</v>
      </c>
      <c r="V32317">
        <v>48</v>
      </c>
      <c r="W32317">
        <v>49</v>
      </c>
      <c r="X32317">
        <v>51</v>
      </c>
      <c r="Y32317">
        <v>52</v>
      </c>
      <c r="Z32317">
        <v>53</v>
      </c>
      <c r="AA32317">
        <v>54</v>
      </c>
      <c r="AB32317">
        <v>55</v>
      </c>
      <c r="AC32317">
        <v>56</v>
      </c>
      <c r="AD32317">
        <v>57</v>
      </c>
      <c r="AE32317">
        <v>58</v>
      </c>
      <c r="AF32317">
        <v>59</v>
      </c>
      <c r="AG32317">
        <v>60</v>
      </c>
      <c r="AH32317">
        <v>61</v>
      </c>
      <c r="AI32317">
        <v>62</v>
      </c>
      <c r="AJ32317">
        <v>63</v>
      </c>
      <c r="AK32317">
        <v>65</v>
      </c>
      <c r="AL32317">
        <v>65</v>
      </c>
      <c r="AM32317">
        <v>66</v>
      </c>
      <c r="AN32317">
        <v>66</v>
      </c>
      <c r="AO32317">
        <v>67</v>
      </c>
      <c r="AP32317">
        <v>67</v>
      </c>
      <c r="AQ32317">
        <v>68</v>
      </c>
    </row>
    <row r="32318" spans="1:43">
      <c r="A32318" t="s">
        <v>20019</v>
      </c>
      <c r="B32318" t="s">
        <v>20020</v>
      </c>
      <c r="C32318" t="s">
        <v>20017</v>
      </c>
      <c r="D32318" t="s">
        <v>20018</v>
      </c>
      <c r="E32318" t="s">
        <v>19921</v>
      </c>
      <c r="F32318" t="s">
        <v>19922</v>
      </c>
      <c r="G32318" t="s">
        <v>10734</v>
      </c>
      <c r="H32318" t="s">
        <v>10735</v>
      </c>
      <c r="I32318" s="2">
        <v>0</v>
      </c>
      <c r="J32318" s="2">
        <v>0</v>
      </c>
      <c r="K32318" s="2">
        <v>1</v>
      </c>
      <c r="L32318" t="s">
        <v>995</v>
      </c>
      <c r="M32318" t="s">
        <v>83</v>
      </c>
      <c r="N32318" t="s">
        <v>84</v>
      </c>
      <c r="O32318" t="s">
        <v>85</v>
      </c>
      <c r="P32318" t="s">
        <v>86</v>
      </c>
      <c r="Q32318">
        <v>19</v>
      </c>
      <c r="R32318">
        <v>19</v>
      </c>
      <c r="S32318">
        <v>19</v>
      </c>
      <c r="T32318">
        <v>20</v>
      </c>
      <c r="U32318">
        <v>20</v>
      </c>
      <c r="V32318">
        <v>21</v>
      </c>
      <c r="W32318">
        <v>21</v>
      </c>
      <c r="X32318">
        <v>22</v>
      </c>
      <c r="Y32318">
        <v>22</v>
      </c>
      <c r="Z32318">
        <v>23</v>
      </c>
      <c r="AA32318">
        <v>23</v>
      </c>
      <c r="AB32318">
        <v>23</v>
      </c>
      <c r="AC32318">
        <v>24</v>
      </c>
      <c r="AD32318">
        <v>24</v>
      </c>
      <c r="AE32318">
        <v>25</v>
      </c>
      <c r="AF32318">
        <v>25</v>
      </c>
      <c r="AG32318">
        <v>26</v>
      </c>
      <c r="AH32318">
        <v>26</v>
      </c>
      <c r="AI32318">
        <v>27</v>
      </c>
      <c r="AJ32318">
        <v>27</v>
      </c>
      <c r="AK32318">
        <v>28</v>
      </c>
      <c r="AL32318">
        <v>28</v>
      </c>
      <c r="AM32318">
        <v>28</v>
      </c>
      <c r="AN32318">
        <v>28</v>
      </c>
      <c r="AO32318">
        <v>29</v>
      </c>
      <c r="AP32318">
        <v>29</v>
      </c>
      <c r="AQ32318">
        <v>29</v>
      </c>
    </row>
    <row r="32319" spans="1:43">
      <c r="A32319" t="s">
        <v>20019</v>
      </c>
      <c r="B32319" t="s">
        <v>20020</v>
      </c>
      <c r="C32319" t="s">
        <v>20017</v>
      </c>
      <c r="D32319" t="s">
        <v>20018</v>
      </c>
      <c r="E32319" t="s">
        <v>19921</v>
      </c>
      <c r="F32319" t="s">
        <v>19922</v>
      </c>
      <c r="G32319" t="s">
        <v>10734</v>
      </c>
      <c r="H32319" t="s">
        <v>10735</v>
      </c>
      <c r="I32319" s="2">
        <v>0</v>
      </c>
      <c r="J32319" s="2">
        <v>0</v>
      </c>
      <c r="K32319" s="2">
        <v>1</v>
      </c>
      <c r="L32319" t="s">
        <v>995</v>
      </c>
      <c r="M32319" t="s">
        <v>87</v>
      </c>
      <c r="N32319" t="s">
        <v>88</v>
      </c>
      <c r="O32319" t="s">
        <v>85</v>
      </c>
      <c r="P32319" t="s">
        <v>86</v>
      </c>
      <c r="Q32319">
        <v>19</v>
      </c>
      <c r="R32319">
        <v>20</v>
      </c>
      <c r="S32319">
        <v>20</v>
      </c>
      <c r="T32319">
        <v>20</v>
      </c>
      <c r="U32319">
        <v>20</v>
      </c>
      <c r="V32319">
        <v>21</v>
      </c>
      <c r="W32319">
        <v>21</v>
      </c>
      <c r="X32319">
        <v>21</v>
      </c>
      <c r="Y32319">
        <v>21</v>
      </c>
      <c r="Z32319">
        <v>22</v>
      </c>
      <c r="AA32319">
        <v>22</v>
      </c>
      <c r="AB32319">
        <v>22</v>
      </c>
      <c r="AC32319">
        <v>22</v>
      </c>
      <c r="AD32319">
        <v>23</v>
      </c>
      <c r="AE32319">
        <v>23</v>
      </c>
      <c r="AF32319">
        <v>23</v>
      </c>
      <c r="AG32319">
        <v>24</v>
      </c>
      <c r="AH32319">
        <v>24</v>
      </c>
      <c r="AI32319">
        <v>24</v>
      </c>
      <c r="AJ32319">
        <v>24</v>
      </c>
      <c r="AK32319">
        <v>25</v>
      </c>
      <c r="AL32319">
        <v>25</v>
      </c>
      <c r="AM32319">
        <v>25</v>
      </c>
      <c r="AN32319">
        <v>25</v>
      </c>
      <c r="AO32319">
        <v>26</v>
      </c>
      <c r="AP32319">
        <v>26</v>
      </c>
      <c r="AQ32319">
        <v>26</v>
      </c>
    </row>
    <row r="32320" spans="1:43">
      <c r="A32320" t="s">
        <v>20019</v>
      </c>
      <c r="B32320" t="s">
        <v>20020</v>
      </c>
      <c r="C32320" t="s">
        <v>20017</v>
      </c>
      <c r="D32320" t="s">
        <v>20018</v>
      </c>
      <c r="E32320" t="s">
        <v>19921</v>
      </c>
      <c r="F32320" t="s">
        <v>19922</v>
      </c>
      <c r="G32320" t="s">
        <v>10734</v>
      </c>
      <c r="H32320" t="s">
        <v>10735</v>
      </c>
      <c r="I32320" s="2">
        <v>0</v>
      </c>
      <c r="J32320" s="2">
        <v>0</v>
      </c>
      <c r="K32320" s="2">
        <v>1</v>
      </c>
      <c r="L32320" t="s">
        <v>995</v>
      </c>
      <c r="M32320" t="s">
        <v>89</v>
      </c>
      <c r="N32320" t="s">
        <v>90</v>
      </c>
      <c r="O32320" t="s">
        <v>85</v>
      </c>
      <c r="P32320" t="s">
        <v>86</v>
      </c>
      <c r="Q32320">
        <v>19</v>
      </c>
      <c r="R32320">
        <v>19</v>
      </c>
      <c r="S32320">
        <v>20</v>
      </c>
      <c r="T32320">
        <v>20</v>
      </c>
      <c r="U32320">
        <v>21</v>
      </c>
      <c r="V32320">
        <v>22</v>
      </c>
      <c r="W32320">
        <v>22</v>
      </c>
      <c r="X32320">
        <v>23</v>
      </c>
      <c r="Y32320">
        <v>23</v>
      </c>
      <c r="Z32320">
        <v>24</v>
      </c>
      <c r="AA32320">
        <v>24</v>
      </c>
      <c r="AB32320">
        <v>25</v>
      </c>
      <c r="AC32320">
        <v>26</v>
      </c>
      <c r="AD32320">
        <v>26</v>
      </c>
      <c r="AE32320">
        <v>27</v>
      </c>
      <c r="AF32320">
        <v>27</v>
      </c>
      <c r="AG32320">
        <v>27</v>
      </c>
      <c r="AH32320">
        <v>27</v>
      </c>
      <c r="AI32320">
        <v>27</v>
      </c>
      <c r="AJ32320">
        <v>28</v>
      </c>
      <c r="AK32320">
        <v>28</v>
      </c>
      <c r="AL32320">
        <v>28</v>
      </c>
      <c r="AM32320">
        <v>28</v>
      </c>
      <c r="AN32320">
        <v>28</v>
      </c>
      <c r="AO32320">
        <v>29</v>
      </c>
      <c r="AP32320">
        <v>29</v>
      </c>
      <c r="AQ32320">
        <v>29</v>
      </c>
    </row>
    <row r="32321" spans="1:43">
      <c r="A32321" t="s">
        <v>20019</v>
      </c>
      <c r="B32321" t="s">
        <v>20020</v>
      </c>
      <c r="C32321" t="s">
        <v>20017</v>
      </c>
      <c r="D32321" t="s">
        <v>20018</v>
      </c>
      <c r="E32321" t="s">
        <v>19921</v>
      </c>
      <c r="F32321" t="s">
        <v>19922</v>
      </c>
      <c r="G32321" t="s">
        <v>10734</v>
      </c>
      <c r="H32321" t="s">
        <v>10735</v>
      </c>
      <c r="I32321" s="2">
        <v>0</v>
      </c>
      <c r="J32321" s="2">
        <v>0</v>
      </c>
      <c r="K32321" s="2">
        <v>1</v>
      </c>
      <c r="L32321" t="s">
        <v>995</v>
      </c>
      <c r="M32321" t="s">
        <v>83</v>
      </c>
      <c r="N32321" t="s">
        <v>91</v>
      </c>
      <c r="O32321" t="s">
        <v>85</v>
      </c>
      <c r="P32321" t="s">
        <v>86</v>
      </c>
      <c r="Q32321">
        <v>19</v>
      </c>
      <c r="R32321">
        <v>19</v>
      </c>
      <c r="S32321">
        <v>19</v>
      </c>
      <c r="T32321">
        <v>20</v>
      </c>
      <c r="U32321">
        <v>20</v>
      </c>
      <c r="V32321">
        <v>21</v>
      </c>
      <c r="W32321">
        <v>21</v>
      </c>
      <c r="X32321">
        <v>22</v>
      </c>
      <c r="Y32321">
        <v>22</v>
      </c>
      <c r="Z32321">
        <v>23</v>
      </c>
      <c r="AA32321">
        <v>23</v>
      </c>
      <c r="AB32321">
        <v>23</v>
      </c>
      <c r="AC32321">
        <v>24</v>
      </c>
      <c r="AD32321">
        <v>24</v>
      </c>
      <c r="AE32321">
        <v>25</v>
      </c>
      <c r="AF32321">
        <v>25</v>
      </c>
      <c r="AG32321">
        <v>26</v>
      </c>
      <c r="AH32321">
        <v>26</v>
      </c>
      <c r="AI32321">
        <v>27</v>
      </c>
      <c r="AJ32321">
        <v>27</v>
      </c>
      <c r="AK32321">
        <v>28</v>
      </c>
      <c r="AL32321">
        <v>28</v>
      </c>
      <c r="AM32321">
        <v>28</v>
      </c>
      <c r="AN32321">
        <v>28</v>
      </c>
      <c r="AO32321">
        <v>29</v>
      </c>
      <c r="AP32321">
        <v>29</v>
      </c>
      <c r="AQ32321">
        <v>29</v>
      </c>
    </row>
    <row r="32322" spans="1:43">
      <c r="A32322" t="s">
        <v>20021</v>
      </c>
      <c r="B32322" t="s">
        <v>20022</v>
      </c>
      <c r="C32322" t="s">
        <v>19993</v>
      </c>
      <c r="D32322" t="s">
        <v>19994</v>
      </c>
      <c r="E32322" t="s">
        <v>19921</v>
      </c>
      <c r="F32322" t="s">
        <v>19922</v>
      </c>
      <c r="G32322" t="s">
        <v>10734</v>
      </c>
      <c r="H32322" t="s">
        <v>10735</v>
      </c>
      <c r="I32322" s="2">
        <v>0</v>
      </c>
      <c r="J32322" s="2">
        <v>0</v>
      </c>
      <c r="K32322" s="2">
        <v>1</v>
      </c>
      <c r="L32322" t="s">
        <v>995</v>
      </c>
      <c r="M32322" t="s">
        <v>83</v>
      </c>
      <c r="N32322" t="s">
        <v>84</v>
      </c>
      <c r="O32322" t="s">
        <v>85</v>
      </c>
      <c r="P32322" t="s">
        <v>86</v>
      </c>
      <c r="Q32322">
        <v>7</v>
      </c>
      <c r="R32322">
        <v>7</v>
      </c>
      <c r="S32322">
        <v>7</v>
      </c>
      <c r="T32322">
        <v>7</v>
      </c>
      <c r="U32322">
        <v>7</v>
      </c>
      <c r="V32322">
        <v>8</v>
      </c>
      <c r="W32322">
        <v>8</v>
      </c>
      <c r="X32322">
        <v>8</v>
      </c>
      <c r="Y32322">
        <v>8</v>
      </c>
      <c r="Z32322">
        <v>8</v>
      </c>
      <c r="AA32322">
        <v>8</v>
      </c>
      <c r="AB32322">
        <v>9</v>
      </c>
      <c r="AC32322">
        <v>9</v>
      </c>
      <c r="AD32322">
        <v>9</v>
      </c>
      <c r="AE32322">
        <v>9</v>
      </c>
      <c r="AF32322">
        <v>9</v>
      </c>
      <c r="AG32322">
        <v>9</v>
      </c>
      <c r="AH32322">
        <v>10</v>
      </c>
      <c r="AI32322">
        <v>10</v>
      </c>
      <c r="AJ32322">
        <v>10</v>
      </c>
      <c r="AK32322">
        <v>10</v>
      </c>
      <c r="AL32322">
        <v>10</v>
      </c>
      <c r="AM32322">
        <v>10</v>
      </c>
      <c r="AN32322">
        <v>10</v>
      </c>
      <c r="AO32322">
        <v>10</v>
      </c>
      <c r="AP32322">
        <v>11</v>
      </c>
      <c r="AQ32322">
        <v>11</v>
      </c>
    </row>
    <row r="32323" spans="1:43">
      <c r="A32323" t="s">
        <v>20021</v>
      </c>
      <c r="B32323" t="s">
        <v>20022</v>
      </c>
      <c r="C32323" t="s">
        <v>19993</v>
      </c>
      <c r="D32323" t="s">
        <v>19994</v>
      </c>
      <c r="E32323" t="s">
        <v>19921</v>
      </c>
      <c r="F32323" t="s">
        <v>19922</v>
      </c>
      <c r="G32323" t="s">
        <v>10734</v>
      </c>
      <c r="H32323" t="s">
        <v>10735</v>
      </c>
      <c r="I32323" s="2">
        <v>0</v>
      </c>
      <c r="J32323" s="2">
        <v>0</v>
      </c>
      <c r="K32323" s="2">
        <v>1</v>
      </c>
      <c r="L32323" t="s">
        <v>995</v>
      </c>
      <c r="M32323" t="s">
        <v>87</v>
      </c>
      <c r="N32323" t="s">
        <v>88</v>
      </c>
      <c r="O32323" t="s">
        <v>85</v>
      </c>
      <c r="P32323" t="s">
        <v>86</v>
      </c>
      <c r="Q32323">
        <v>7</v>
      </c>
      <c r="R32323">
        <v>7</v>
      </c>
      <c r="S32323">
        <v>7</v>
      </c>
      <c r="T32323">
        <v>7</v>
      </c>
      <c r="U32323">
        <v>7</v>
      </c>
      <c r="V32323">
        <v>7</v>
      </c>
      <c r="W32323">
        <v>7</v>
      </c>
      <c r="X32323">
        <v>7</v>
      </c>
      <c r="Y32323">
        <v>8</v>
      </c>
      <c r="Z32323">
        <v>8</v>
      </c>
      <c r="AA32323">
        <v>8</v>
      </c>
      <c r="AB32323">
        <v>8</v>
      </c>
      <c r="AC32323">
        <v>8</v>
      </c>
      <c r="AD32323">
        <v>8</v>
      </c>
      <c r="AE32323">
        <v>8</v>
      </c>
      <c r="AF32323">
        <v>8</v>
      </c>
      <c r="AG32323">
        <v>8</v>
      </c>
      <c r="AH32323">
        <v>8</v>
      </c>
      <c r="AI32323">
        <v>8</v>
      </c>
      <c r="AJ32323">
        <v>9</v>
      </c>
      <c r="AK32323">
        <v>9</v>
      </c>
      <c r="AL32323">
        <v>9</v>
      </c>
      <c r="AM32323">
        <v>9</v>
      </c>
      <c r="AN32323">
        <v>9</v>
      </c>
      <c r="AO32323">
        <v>9</v>
      </c>
      <c r="AP32323">
        <v>9</v>
      </c>
      <c r="AQ32323">
        <v>9</v>
      </c>
    </row>
    <row r="32324" spans="1:43">
      <c r="A32324" t="s">
        <v>20021</v>
      </c>
      <c r="B32324" t="s">
        <v>20022</v>
      </c>
      <c r="C32324" t="s">
        <v>19993</v>
      </c>
      <c r="D32324" t="s">
        <v>19994</v>
      </c>
      <c r="E32324" t="s">
        <v>19921</v>
      </c>
      <c r="F32324" t="s">
        <v>19922</v>
      </c>
      <c r="G32324" t="s">
        <v>10734</v>
      </c>
      <c r="H32324" t="s">
        <v>10735</v>
      </c>
      <c r="I32324" s="2">
        <v>0</v>
      </c>
      <c r="J32324" s="2">
        <v>0</v>
      </c>
      <c r="K32324" s="2">
        <v>1</v>
      </c>
      <c r="L32324" t="s">
        <v>995</v>
      </c>
      <c r="M32324" t="s">
        <v>89</v>
      </c>
      <c r="N32324" t="s">
        <v>90</v>
      </c>
      <c r="O32324" t="s">
        <v>85</v>
      </c>
      <c r="P32324" t="s">
        <v>86</v>
      </c>
      <c r="Q32324">
        <v>7</v>
      </c>
      <c r="R32324">
        <v>7</v>
      </c>
      <c r="S32324">
        <v>7</v>
      </c>
      <c r="T32324">
        <v>8</v>
      </c>
      <c r="U32324">
        <v>8</v>
      </c>
      <c r="V32324">
        <v>8</v>
      </c>
      <c r="W32324">
        <v>8</v>
      </c>
      <c r="X32324">
        <v>8</v>
      </c>
      <c r="Y32324">
        <v>9</v>
      </c>
      <c r="Z32324">
        <v>9</v>
      </c>
      <c r="AA32324">
        <v>9</v>
      </c>
      <c r="AB32324">
        <v>9</v>
      </c>
      <c r="AC32324">
        <v>9</v>
      </c>
      <c r="AD32324">
        <v>10</v>
      </c>
      <c r="AE32324">
        <v>10</v>
      </c>
      <c r="AF32324">
        <v>10</v>
      </c>
      <c r="AG32324">
        <v>10</v>
      </c>
      <c r="AH32324">
        <v>10</v>
      </c>
      <c r="AI32324">
        <v>10</v>
      </c>
      <c r="AJ32324">
        <v>10</v>
      </c>
      <c r="AK32324">
        <v>10</v>
      </c>
      <c r="AL32324">
        <v>10</v>
      </c>
      <c r="AM32324">
        <v>10</v>
      </c>
      <c r="AN32324">
        <v>10</v>
      </c>
      <c r="AO32324">
        <v>11</v>
      </c>
      <c r="AP32324">
        <v>11</v>
      </c>
      <c r="AQ32324">
        <v>11</v>
      </c>
    </row>
    <row r="32325" spans="1:43">
      <c r="A32325" t="s">
        <v>20021</v>
      </c>
      <c r="B32325" t="s">
        <v>20022</v>
      </c>
      <c r="C32325" t="s">
        <v>19993</v>
      </c>
      <c r="D32325" t="s">
        <v>19994</v>
      </c>
      <c r="E32325" t="s">
        <v>19921</v>
      </c>
      <c r="F32325" t="s">
        <v>19922</v>
      </c>
      <c r="G32325" t="s">
        <v>10734</v>
      </c>
      <c r="H32325" t="s">
        <v>10735</v>
      </c>
      <c r="I32325" s="2">
        <v>0</v>
      </c>
      <c r="J32325" s="2">
        <v>0</v>
      </c>
      <c r="K32325" s="2">
        <v>1</v>
      </c>
      <c r="L32325" t="s">
        <v>995</v>
      </c>
      <c r="M32325" t="s">
        <v>83</v>
      </c>
      <c r="N32325" t="s">
        <v>91</v>
      </c>
      <c r="O32325" t="s">
        <v>85</v>
      </c>
      <c r="P32325" t="s">
        <v>86</v>
      </c>
      <c r="Q32325">
        <v>7</v>
      </c>
      <c r="R32325">
        <v>7</v>
      </c>
      <c r="S32325">
        <v>7</v>
      </c>
      <c r="T32325">
        <v>7</v>
      </c>
      <c r="U32325">
        <v>7</v>
      </c>
      <c r="V32325">
        <v>8</v>
      </c>
      <c r="W32325">
        <v>8</v>
      </c>
      <c r="X32325">
        <v>8</v>
      </c>
      <c r="Y32325">
        <v>8</v>
      </c>
      <c r="Z32325">
        <v>8</v>
      </c>
      <c r="AA32325">
        <v>8</v>
      </c>
      <c r="AB32325">
        <v>9</v>
      </c>
      <c r="AC32325">
        <v>9</v>
      </c>
      <c r="AD32325">
        <v>9</v>
      </c>
      <c r="AE32325">
        <v>9</v>
      </c>
      <c r="AF32325">
        <v>9</v>
      </c>
      <c r="AG32325">
        <v>9</v>
      </c>
      <c r="AH32325">
        <v>10</v>
      </c>
      <c r="AI32325">
        <v>10</v>
      </c>
      <c r="AJ32325">
        <v>10</v>
      </c>
      <c r="AK32325">
        <v>10</v>
      </c>
      <c r="AL32325">
        <v>10</v>
      </c>
      <c r="AM32325">
        <v>10</v>
      </c>
      <c r="AN32325">
        <v>10</v>
      </c>
      <c r="AO32325">
        <v>10</v>
      </c>
      <c r="AP32325">
        <v>11</v>
      </c>
      <c r="AQ32325">
        <v>11</v>
      </c>
    </row>
    <row r="32326" spans="1:43">
      <c r="A32326" t="s">
        <v>20023</v>
      </c>
      <c r="B32326" t="s">
        <v>20024</v>
      </c>
      <c r="C32326" t="s">
        <v>19979</v>
      </c>
      <c r="D32326" t="s">
        <v>19980</v>
      </c>
      <c r="E32326" t="s">
        <v>19921</v>
      </c>
      <c r="F32326" t="s">
        <v>19922</v>
      </c>
      <c r="G32326" t="s">
        <v>10734</v>
      </c>
      <c r="H32326" t="s">
        <v>10735</v>
      </c>
      <c r="I32326" s="2">
        <v>0</v>
      </c>
      <c r="J32326" s="2">
        <v>0</v>
      </c>
      <c r="K32326" s="2">
        <v>1</v>
      </c>
      <c r="L32326" t="s">
        <v>995</v>
      </c>
      <c r="M32326" t="s">
        <v>83</v>
      </c>
      <c r="N32326" t="s">
        <v>84</v>
      </c>
      <c r="O32326" t="s">
        <v>85</v>
      </c>
      <c r="P32326" t="s">
        <v>86</v>
      </c>
      <c r="Q32326">
        <v>16</v>
      </c>
      <c r="R32326">
        <v>17</v>
      </c>
      <c r="S32326">
        <v>17</v>
      </c>
      <c r="T32326">
        <v>18</v>
      </c>
      <c r="U32326">
        <v>18</v>
      </c>
      <c r="V32326">
        <v>18</v>
      </c>
      <c r="W32326">
        <v>19</v>
      </c>
      <c r="X32326">
        <v>19</v>
      </c>
      <c r="Y32326">
        <v>20</v>
      </c>
      <c r="Z32326">
        <v>20</v>
      </c>
      <c r="AA32326">
        <v>20</v>
      </c>
      <c r="AB32326">
        <v>21</v>
      </c>
      <c r="AC32326">
        <v>21</v>
      </c>
      <c r="AD32326">
        <v>22</v>
      </c>
      <c r="AE32326">
        <v>22</v>
      </c>
      <c r="AF32326">
        <v>22</v>
      </c>
      <c r="AG32326">
        <v>23</v>
      </c>
      <c r="AH32326">
        <v>23</v>
      </c>
      <c r="AI32326">
        <v>24</v>
      </c>
      <c r="AJ32326">
        <v>24</v>
      </c>
      <c r="AK32326">
        <v>24</v>
      </c>
      <c r="AL32326">
        <v>25</v>
      </c>
      <c r="AM32326">
        <v>25</v>
      </c>
      <c r="AN32326">
        <v>25</v>
      </c>
      <c r="AO32326">
        <v>25</v>
      </c>
      <c r="AP32326">
        <v>25</v>
      </c>
      <c r="AQ32326">
        <v>26</v>
      </c>
    </row>
    <row r="32327" spans="1:43">
      <c r="A32327" t="s">
        <v>20023</v>
      </c>
      <c r="B32327" t="s">
        <v>20024</v>
      </c>
      <c r="C32327" t="s">
        <v>19979</v>
      </c>
      <c r="D32327" t="s">
        <v>19980</v>
      </c>
      <c r="E32327" t="s">
        <v>19921</v>
      </c>
      <c r="F32327" t="s">
        <v>19922</v>
      </c>
      <c r="G32327" t="s">
        <v>10734</v>
      </c>
      <c r="H32327" t="s">
        <v>10735</v>
      </c>
      <c r="I32327" s="2">
        <v>0</v>
      </c>
      <c r="J32327" s="2">
        <v>0</v>
      </c>
      <c r="K32327" s="2">
        <v>1</v>
      </c>
      <c r="L32327" t="s">
        <v>995</v>
      </c>
      <c r="M32327" t="s">
        <v>87</v>
      </c>
      <c r="N32327" t="s">
        <v>88</v>
      </c>
      <c r="O32327" t="s">
        <v>85</v>
      </c>
      <c r="P32327" t="s">
        <v>86</v>
      </c>
      <c r="Q32327">
        <v>16</v>
      </c>
      <c r="R32327">
        <v>16</v>
      </c>
      <c r="S32327">
        <v>17</v>
      </c>
      <c r="T32327">
        <v>17</v>
      </c>
      <c r="U32327">
        <v>17</v>
      </c>
      <c r="V32327">
        <v>17</v>
      </c>
      <c r="W32327">
        <v>18</v>
      </c>
      <c r="X32327">
        <v>18</v>
      </c>
      <c r="Y32327">
        <v>18</v>
      </c>
      <c r="Z32327">
        <v>18</v>
      </c>
      <c r="AA32327">
        <v>19</v>
      </c>
      <c r="AB32327">
        <v>19</v>
      </c>
      <c r="AC32327">
        <v>19</v>
      </c>
      <c r="AD32327">
        <v>19</v>
      </c>
      <c r="AE32327">
        <v>19</v>
      </c>
      <c r="AF32327">
        <v>20</v>
      </c>
      <c r="AG32327">
        <v>20</v>
      </c>
      <c r="AH32327">
        <v>20</v>
      </c>
      <c r="AI32327">
        <v>20</v>
      </c>
      <c r="AJ32327">
        <v>21</v>
      </c>
      <c r="AK32327">
        <v>21</v>
      </c>
      <c r="AL32327">
        <v>21</v>
      </c>
      <c r="AM32327">
        <v>21</v>
      </c>
      <c r="AN32327">
        <v>22</v>
      </c>
      <c r="AO32327">
        <v>22</v>
      </c>
      <c r="AP32327">
        <v>22</v>
      </c>
      <c r="AQ32327">
        <v>22</v>
      </c>
    </row>
    <row r="32328" spans="1:43">
      <c r="A32328" t="s">
        <v>20023</v>
      </c>
      <c r="B32328" t="s">
        <v>20024</v>
      </c>
      <c r="C32328" t="s">
        <v>19979</v>
      </c>
      <c r="D32328" t="s">
        <v>19980</v>
      </c>
      <c r="E32328" t="s">
        <v>19921</v>
      </c>
      <c r="F32328" t="s">
        <v>19922</v>
      </c>
      <c r="G32328" t="s">
        <v>10734</v>
      </c>
      <c r="H32328" t="s">
        <v>10735</v>
      </c>
      <c r="I32328" s="2">
        <v>0</v>
      </c>
      <c r="J32328" s="2">
        <v>0</v>
      </c>
      <c r="K32328" s="2">
        <v>1</v>
      </c>
      <c r="L32328" t="s">
        <v>995</v>
      </c>
      <c r="M32328" t="s">
        <v>89</v>
      </c>
      <c r="N32328" t="s">
        <v>90</v>
      </c>
      <c r="O32328" t="s">
        <v>85</v>
      </c>
      <c r="P32328" t="s">
        <v>86</v>
      </c>
      <c r="Q32328">
        <v>16</v>
      </c>
      <c r="R32328">
        <v>16</v>
      </c>
      <c r="S32328">
        <v>17</v>
      </c>
      <c r="T32328">
        <v>17</v>
      </c>
      <c r="U32328">
        <v>18</v>
      </c>
      <c r="V32328">
        <v>18</v>
      </c>
      <c r="W32328">
        <v>19</v>
      </c>
      <c r="X32328">
        <v>19</v>
      </c>
      <c r="Y32328">
        <v>20</v>
      </c>
      <c r="Z32328">
        <v>20</v>
      </c>
      <c r="AA32328">
        <v>21</v>
      </c>
      <c r="AB32328">
        <v>21</v>
      </c>
      <c r="AC32328">
        <v>22</v>
      </c>
      <c r="AD32328">
        <v>22</v>
      </c>
      <c r="AE32328">
        <v>23</v>
      </c>
      <c r="AF32328">
        <v>23</v>
      </c>
      <c r="AG32328">
        <v>23</v>
      </c>
      <c r="AH32328">
        <v>23</v>
      </c>
      <c r="AI32328">
        <v>23</v>
      </c>
      <c r="AJ32328">
        <v>24</v>
      </c>
      <c r="AK32328">
        <v>24</v>
      </c>
      <c r="AL32328">
        <v>24</v>
      </c>
      <c r="AM32328">
        <v>24</v>
      </c>
      <c r="AN32328">
        <v>24</v>
      </c>
      <c r="AO32328">
        <v>24</v>
      </c>
      <c r="AP32328">
        <v>25</v>
      </c>
      <c r="AQ32328">
        <v>25</v>
      </c>
    </row>
    <row r="32329" spans="1:43">
      <c r="A32329" t="s">
        <v>20023</v>
      </c>
      <c r="B32329" t="s">
        <v>20024</v>
      </c>
      <c r="C32329" t="s">
        <v>19979</v>
      </c>
      <c r="D32329" t="s">
        <v>19980</v>
      </c>
      <c r="E32329" t="s">
        <v>19921</v>
      </c>
      <c r="F32329" t="s">
        <v>19922</v>
      </c>
      <c r="G32329" t="s">
        <v>10734</v>
      </c>
      <c r="H32329" t="s">
        <v>10735</v>
      </c>
      <c r="I32329" s="2">
        <v>0</v>
      </c>
      <c r="J32329" s="2">
        <v>0</v>
      </c>
      <c r="K32329" s="2">
        <v>1</v>
      </c>
      <c r="L32329" t="s">
        <v>995</v>
      </c>
      <c r="M32329" t="s">
        <v>83</v>
      </c>
      <c r="N32329" t="s">
        <v>91</v>
      </c>
      <c r="O32329" t="s">
        <v>85</v>
      </c>
      <c r="P32329" t="s">
        <v>86</v>
      </c>
      <c r="Q32329">
        <v>16</v>
      </c>
      <c r="R32329">
        <v>17</v>
      </c>
      <c r="S32329">
        <v>17</v>
      </c>
      <c r="T32329">
        <v>18</v>
      </c>
      <c r="U32329">
        <v>18</v>
      </c>
      <c r="V32329">
        <v>18</v>
      </c>
      <c r="W32329">
        <v>19</v>
      </c>
      <c r="X32329">
        <v>19</v>
      </c>
      <c r="Y32329">
        <v>20</v>
      </c>
      <c r="Z32329">
        <v>20</v>
      </c>
      <c r="AA32329">
        <v>20</v>
      </c>
      <c r="AB32329">
        <v>21</v>
      </c>
      <c r="AC32329">
        <v>21</v>
      </c>
      <c r="AD32329">
        <v>22</v>
      </c>
      <c r="AE32329">
        <v>22</v>
      </c>
      <c r="AF32329">
        <v>22</v>
      </c>
      <c r="AG32329">
        <v>23</v>
      </c>
      <c r="AH32329">
        <v>23</v>
      </c>
      <c r="AI32329">
        <v>24</v>
      </c>
      <c r="AJ32329">
        <v>24</v>
      </c>
      <c r="AK32329">
        <v>24</v>
      </c>
      <c r="AL32329">
        <v>25</v>
      </c>
      <c r="AM32329">
        <v>25</v>
      </c>
      <c r="AN32329">
        <v>25</v>
      </c>
      <c r="AO32329">
        <v>25</v>
      </c>
      <c r="AP32329">
        <v>25</v>
      </c>
      <c r="AQ32329">
        <v>26</v>
      </c>
    </row>
    <row r="32330" spans="1:43">
      <c r="A32330" t="s">
        <v>20025</v>
      </c>
      <c r="B32330" t="s">
        <v>20026</v>
      </c>
      <c r="C32330" t="s">
        <v>19979</v>
      </c>
      <c r="D32330" t="s">
        <v>19980</v>
      </c>
      <c r="E32330" t="s">
        <v>19921</v>
      </c>
      <c r="F32330" t="s">
        <v>19922</v>
      </c>
      <c r="G32330" t="s">
        <v>10734</v>
      </c>
      <c r="H32330" t="s">
        <v>10735</v>
      </c>
      <c r="I32330" s="2">
        <v>0</v>
      </c>
      <c r="J32330" s="2">
        <v>0</v>
      </c>
      <c r="K32330" s="2">
        <v>1</v>
      </c>
      <c r="L32330" t="s">
        <v>995</v>
      </c>
      <c r="M32330" t="s">
        <v>83</v>
      </c>
      <c r="N32330" t="s">
        <v>84</v>
      </c>
      <c r="O32330" t="s">
        <v>85</v>
      </c>
      <c r="P32330" t="s">
        <v>86</v>
      </c>
      <c r="Q32330">
        <v>43</v>
      </c>
      <c r="R32330">
        <v>44</v>
      </c>
      <c r="S32330">
        <v>45</v>
      </c>
      <c r="T32330">
        <v>46</v>
      </c>
      <c r="U32330">
        <v>47</v>
      </c>
      <c r="V32330">
        <v>48</v>
      </c>
      <c r="W32330">
        <v>49</v>
      </c>
      <c r="X32330">
        <v>50</v>
      </c>
      <c r="Y32330">
        <v>51</v>
      </c>
      <c r="Z32330">
        <v>52</v>
      </c>
      <c r="AA32330">
        <v>53</v>
      </c>
      <c r="AB32330">
        <v>54</v>
      </c>
      <c r="AC32330">
        <v>55</v>
      </c>
      <c r="AD32330">
        <v>56</v>
      </c>
      <c r="AE32330">
        <v>57</v>
      </c>
      <c r="AF32330">
        <v>59</v>
      </c>
      <c r="AG32330">
        <v>60</v>
      </c>
      <c r="AH32330">
        <v>61</v>
      </c>
      <c r="AI32330">
        <v>62</v>
      </c>
      <c r="AJ32330">
        <v>63</v>
      </c>
      <c r="AK32330">
        <v>64</v>
      </c>
      <c r="AL32330">
        <v>65</v>
      </c>
      <c r="AM32330">
        <v>65</v>
      </c>
      <c r="AN32330">
        <v>66</v>
      </c>
      <c r="AO32330">
        <v>66</v>
      </c>
      <c r="AP32330">
        <v>67</v>
      </c>
      <c r="AQ32330">
        <v>67</v>
      </c>
    </row>
    <row r="32331" spans="1:43">
      <c r="A32331" t="s">
        <v>20025</v>
      </c>
      <c r="B32331" t="s">
        <v>20026</v>
      </c>
      <c r="C32331" t="s">
        <v>19979</v>
      </c>
      <c r="D32331" t="s">
        <v>19980</v>
      </c>
      <c r="E32331" t="s">
        <v>19921</v>
      </c>
      <c r="F32331" t="s">
        <v>19922</v>
      </c>
      <c r="G32331" t="s">
        <v>10734</v>
      </c>
      <c r="H32331" t="s">
        <v>10735</v>
      </c>
      <c r="I32331" s="2">
        <v>0</v>
      </c>
      <c r="J32331" s="2">
        <v>0</v>
      </c>
      <c r="K32331" s="2">
        <v>1</v>
      </c>
      <c r="L32331" t="s">
        <v>995</v>
      </c>
      <c r="M32331" t="s">
        <v>87</v>
      </c>
      <c r="N32331" t="s">
        <v>88</v>
      </c>
      <c r="O32331" t="s">
        <v>85</v>
      </c>
      <c r="P32331" t="s">
        <v>86</v>
      </c>
      <c r="Q32331">
        <v>43</v>
      </c>
      <c r="R32331">
        <v>43</v>
      </c>
      <c r="S32331">
        <v>44</v>
      </c>
      <c r="T32331">
        <v>44</v>
      </c>
      <c r="U32331">
        <v>45</v>
      </c>
      <c r="V32331">
        <v>45</v>
      </c>
      <c r="W32331">
        <v>46</v>
      </c>
      <c r="X32331">
        <v>47</v>
      </c>
      <c r="Y32331">
        <v>47</v>
      </c>
      <c r="Z32331">
        <v>48</v>
      </c>
      <c r="AA32331">
        <v>48</v>
      </c>
      <c r="AB32331">
        <v>49</v>
      </c>
      <c r="AC32331">
        <v>50</v>
      </c>
      <c r="AD32331">
        <v>50</v>
      </c>
      <c r="AE32331">
        <v>51</v>
      </c>
      <c r="AF32331">
        <v>51</v>
      </c>
      <c r="AG32331">
        <v>52</v>
      </c>
      <c r="AH32331">
        <v>53</v>
      </c>
      <c r="AI32331">
        <v>53</v>
      </c>
      <c r="AJ32331">
        <v>54</v>
      </c>
      <c r="AK32331">
        <v>55</v>
      </c>
      <c r="AL32331">
        <v>55</v>
      </c>
      <c r="AM32331">
        <v>56</v>
      </c>
      <c r="AN32331">
        <v>56</v>
      </c>
      <c r="AO32331">
        <v>57</v>
      </c>
      <c r="AP32331">
        <v>58</v>
      </c>
      <c r="AQ32331">
        <v>58</v>
      </c>
    </row>
    <row r="32332" spans="1:43">
      <c r="A32332" t="s">
        <v>20025</v>
      </c>
      <c r="B32332" t="s">
        <v>20026</v>
      </c>
      <c r="C32332" t="s">
        <v>19979</v>
      </c>
      <c r="D32332" t="s">
        <v>19980</v>
      </c>
      <c r="E32332" t="s">
        <v>19921</v>
      </c>
      <c r="F32332" t="s">
        <v>19922</v>
      </c>
      <c r="G32332" t="s">
        <v>10734</v>
      </c>
      <c r="H32332" t="s">
        <v>10735</v>
      </c>
      <c r="I32332" s="2">
        <v>0</v>
      </c>
      <c r="J32332" s="2">
        <v>0</v>
      </c>
      <c r="K32332" s="2">
        <v>1</v>
      </c>
      <c r="L32332" t="s">
        <v>995</v>
      </c>
      <c r="M32332" t="s">
        <v>89</v>
      </c>
      <c r="N32332" t="s">
        <v>90</v>
      </c>
      <c r="O32332" t="s">
        <v>85</v>
      </c>
      <c r="P32332" t="s">
        <v>86</v>
      </c>
      <c r="Q32332">
        <v>43</v>
      </c>
      <c r="R32332">
        <v>45</v>
      </c>
      <c r="S32332">
        <v>46</v>
      </c>
      <c r="T32332">
        <v>47</v>
      </c>
      <c r="U32332">
        <v>49</v>
      </c>
      <c r="V32332">
        <v>50</v>
      </c>
      <c r="W32332">
        <v>52</v>
      </c>
      <c r="X32332">
        <v>53</v>
      </c>
      <c r="Y32332">
        <v>54</v>
      </c>
      <c r="Z32332">
        <v>55</v>
      </c>
      <c r="AA32332">
        <v>57</v>
      </c>
      <c r="AB32332">
        <v>58</v>
      </c>
      <c r="AC32332">
        <v>59</v>
      </c>
      <c r="AD32332">
        <v>61</v>
      </c>
      <c r="AE32332">
        <v>62</v>
      </c>
      <c r="AF32332">
        <v>62</v>
      </c>
      <c r="AG32332">
        <v>63</v>
      </c>
      <c r="AH32332">
        <v>63</v>
      </c>
      <c r="AI32332">
        <v>64</v>
      </c>
      <c r="AJ32332">
        <v>64</v>
      </c>
      <c r="AK32332">
        <v>65</v>
      </c>
      <c r="AL32332">
        <v>65</v>
      </c>
      <c r="AM32332">
        <v>66</v>
      </c>
      <c r="AN32332">
        <v>66</v>
      </c>
      <c r="AO32332">
        <v>67</v>
      </c>
      <c r="AP32332">
        <v>67</v>
      </c>
      <c r="AQ32332">
        <v>68</v>
      </c>
    </row>
    <row r="32333" spans="1:43">
      <c r="A32333" t="s">
        <v>20025</v>
      </c>
      <c r="B32333" t="s">
        <v>20026</v>
      </c>
      <c r="C32333" t="s">
        <v>19979</v>
      </c>
      <c r="D32333" t="s">
        <v>19980</v>
      </c>
      <c r="E32333" t="s">
        <v>19921</v>
      </c>
      <c r="F32333" t="s">
        <v>19922</v>
      </c>
      <c r="G32333" t="s">
        <v>10734</v>
      </c>
      <c r="H32333" t="s">
        <v>10735</v>
      </c>
      <c r="I32333" s="2">
        <v>0</v>
      </c>
      <c r="J32333" s="2">
        <v>0</v>
      </c>
      <c r="K32333" s="2">
        <v>1</v>
      </c>
      <c r="L32333" t="s">
        <v>995</v>
      </c>
      <c r="M32333" t="s">
        <v>83</v>
      </c>
      <c r="N32333" t="s">
        <v>91</v>
      </c>
      <c r="O32333" t="s">
        <v>85</v>
      </c>
      <c r="P32333" t="s">
        <v>86</v>
      </c>
      <c r="Q32333">
        <v>43</v>
      </c>
      <c r="R32333">
        <v>44</v>
      </c>
      <c r="S32333">
        <v>45</v>
      </c>
      <c r="T32333">
        <v>46</v>
      </c>
      <c r="U32333">
        <v>47</v>
      </c>
      <c r="V32333">
        <v>48</v>
      </c>
      <c r="W32333">
        <v>49</v>
      </c>
      <c r="X32333">
        <v>50</v>
      </c>
      <c r="Y32333">
        <v>51</v>
      </c>
      <c r="Z32333">
        <v>52</v>
      </c>
      <c r="AA32333">
        <v>53</v>
      </c>
      <c r="AB32333">
        <v>54</v>
      </c>
      <c r="AC32333">
        <v>55</v>
      </c>
      <c r="AD32333">
        <v>56</v>
      </c>
      <c r="AE32333">
        <v>57</v>
      </c>
      <c r="AF32333">
        <v>59</v>
      </c>
      <c r="AG32333">
        <v>60</v>
      </c>
      <c r="AH32333">
        <v>61</v>
      </c>
      <c r="AI32333">
        <v>62</v>
      </c>
      <c r="AJ32333">
        <v>63</v>
      </c>
      <c r="AK32333">
        <v>64</v>
      </c>
      <c r="AL32333">
        <v>65</v>
      </c>
      <c r="AM32333">
        <v>65</v>
      </c>
      <c r="AN32333">
        <v>66</v>
      </c>
      <c r="AO32333">
        <v>66</v>
      </c>
      <c r="AP32333">
        <v>67</v>
      </c>
      <c r="AQ32333">
        <v>67</v>
      </c>
    </row>
    <row r="32334" spans="1:43">
      <c r="A32334" t="s">
        <v>20027</v>
      </c>
      <c r="B32334" t="s">
        <v>20028</v>
      </c>
      <c r="C32334" t="s">
        <v>19979</v>
      </c>
      <c r="D32334" t="s">
        <v>19980</v>
      </c>
      <c r="E32334" t="s">
        <v>19921</v>
      </c>
      <c r="F32334" t="s">
        <v>19922</v>
      </c>
      <c r="G32334" t="s">
        <v>10734</v>
      </c>
      <c r="H32334" t="s">
        <v>10735</v>
      </c>
      <c r="I32334" s="2">
        <v>0</v>
      </c>
      <c r="J32334" s="2">
        <v>0</v>
      </c>
      <c r="K32334" s="2">
        <v>1</v>
      </c>
      <c r="L32334" t="s">
        <v>995</v>
      </c>
      <c r="M32334" t="s">
        <v>83</v>
      </c>
      <c r="N32334" t="s">
        <v>84</v>
      </c>
      <c r="O32334" t="s">
        <v>85</v>
      </c>
      <c r="P32334" t="s">
        <v>86</v>
      </c>
      <c r="Q32334">
        <v>9</v>
      </c>
      <c r="R32334">
        <v>9</v>
      </c>
      <c r="S32334">
        <v>9</v>
      </c>
      <c r="T32334">
        <v>9</v>
      </c>
      <c r="U32334">
        <v>9</v>
      </c>
      <c r="V32334">
        <v>10</v>
      </c>
      <c r="W32334">
        <v>10</v>
      </c>
      <c r="X32334">
        <v>10</v>
      </c>
      <c r="Y32334">
        <v>10</v>
      </c>
      <c r="Z32334">
        <v>10</v>
      </c>
      <c r="AA32334">
        <v>11</v>
      </c>
      <c r="AB32334">
        <v>11</v>
      </c>
      <c r="AC32334">
        <v>11</v>
      </c>
      <c r="AD32334">
        <v>11</v>
      </c>
      <c r="AE32334">
        <v>11</v>
      </c>
      <c r="AF32334">
        <v>12</v>
      </c>
      <c r="AG32334">
        <v>12</v>
      </c>
      <c r="AH32334">
        <v>12</v>
      </c>
      <c r="AI32334">
        <v>12</v>
      </c>
      <c r="AJ32334">
        <v>12</v>
      </c>
      <c r="AK32334">
        <v>13</v>
      </c>
      <c r="AL32334">
        <v>13</v>
      </c>
      <c r="AM32334">
        <v>13</v>
      </c>
      <c r="AN32334">
        <v>13</v>
      </c>
      <c r="AO32334">
        <v>13</v>
      </c>
      <c r="AP32334">
        <v>13</v>
      </c>
      <c r="AQ32334">
        <v>13</v>
      </c>
    </row>
    <row r="32335" spans="1:43">
      <c r="A32335" t="s">
        <v>20027</v>
      </c>
      <c r="B32335" t="s">
        <v>20028</v>
      </c>
      <c r="C32335" t="s">
        <v>19979</v>
      </c>
      <c r="D32335" t="s">
        <v>19980</v>
      </c>
      <c r="E32335" t="s">
        <v>19921</v>
      </c>
      <c r="F32335" t="s">
        <v>19922</v>
      </c>
      <c r="G32335" t="s">
        <v>10734</v>
      </c>
      <c r="H32335" t="s">
        <v>10735</v>
      </c>
      <c r="I32335" s="2">
        <v>0</v>
      </c>
      <c r="J32335" s="2">
        <v>0</v>
      </c>
      <c r="K32335" s="2">
        <v>1</v>
      </c>
      <c r="L32335" t="s">
        <v>995</v>
      </c>
      <c r="M32335" t="s">
        <v>87</v>
      </c>
      <c r="N32335" t="s">
        <v>88</v>
      </c>
      <c r="O32335" t="s">
        <v>85</v>
      </c>
      <c r="P32335" t="s">
        <v>86</v>
      </c>
      <c r="Q32335">
        <v>9</v>
      </c>
      <c r="R32335">
        <v>10</v>
      </c>
      <c r="S32335">
        <v>10</v>
      </c>
      <c r="T32335">
        <v>10</v>
      </c>
      <c r="U32335">
        <v>10</v>
      </c>
      <c r="V32335">
        <v>10</v>
      </c>
      <c r="W32335">
        <v>10</v>
      </c>
      <c r="X32335">
        <v>10</v>
      </c>
      <c r="Y32335">
        <v>10</v>
      </c>
      <c r="Z32335">
        <v>10</v>
      </c>
      <c r="AA32335">
        <v>11</v>
      </c>
      <c r="AB32335">
        <v>11</v>
      </c>
      <c r="AC32335">
        <v>11</v>
      </c>
      <c r="AD32335">
        <v>11</v>
      </c>
      <c r="AE32335">
        <v>11</v>
      </c>
      <c r="AF32335">
        <v>11</v>
      </c>
      <c r="AG32335">
        <v>11</v>
      </c>
      <c r="AH32335">
        <v>11</v>
      </c>
      <c r="AI32335">
        <v>12</v>
      </c>
      <c r="AJ32335">
        <v>12</v>
      </c>
      <c r="AK32335">
        <v>12</v>
      </c>
      <c r="AL32335">
        <v>12</v>
      </c>
      <c r="AM32335">
        <v>12</v>
      </c>
      <c r="AN32335">
        <v>12</v>
      </c>
      <c r="AO32335">
        <v>12</v>
      </c>
      <c r="AP32335">
        <v>12</v>
      </c>
      <c r="AQ32335">
        <v>13</v>
      </c>
    </row>
    <row r="32336" spans="1:43">
      <c r="A32336" t="s">
        <v>20027</v>
      </c>
      <c r="B32336" t="s">
        <v>20028</v>
      </c>
      <c r="C32336" t="s">
        <v>19979</v>
      </c>
      <c r="D32336" t="s">
        <v>19980</v>
      </c>
      <c r="E32336" t="s">
        <v>19921</v>
      </c>
      <c r="F32336" t="s">
        <v>19922</v>
      </c>
      <c r="G32336" t="s">
        <v>10734</v>
      </c>
      <c r="H32336" t="s">
        <v>10735</v>
      </c>
      <c r="I32336" s="2">
        <v>0</v>
      </c>
      <c r="J32336" s="2">
        <v>0</v>
      </c>
      <c r="K32336" s="2">
        <v>1</v>
      </c>
      <c r="L32336" t="s">
        <v>995</v>
      </c>
      <c r="M32336" t="s">
        <v>89</v>
      </c>
      <c r="N32336" t="s">
        <v>90</v>
      </c>
      <c r="O32336" t="s">
        <v>85</v>
      </c>
      <c r="P32336" t="s">
        <v>86</v>
      </c>
      <c r="Q32336">
        <v>9</v>
      </c>
      <c r="R32336">
        <v>9</v>
      </c>
      <c r="S32336">
        <v>9</v>
      </c>
      <c r="T32336">
        <v>9</v>
      </c>
      <c r="U32336">
        <v>10</v>
      </c>
      <c r="V32336">
        <v>10</v>
      </c>
      <c r="W32336">
        <v>10</v>
      </c>
      <c r="X32336">
        <v>10</v>
      </c>
      <c r="Y32336">
        <v>11</v>
      </c>
      <c r="Z32336">
        <v>11</v>
      </c>
      <c r="AA32336">
        <v>11</v>
      </c>
      <c r="AB32336">
        <v>11</v>
      </c>
      <c r="AC32336">
        <v>12</v>
      </c>
      <c r="AD32336">
        <v>12</v>
      </c>
      <c r="AE32336">
        <v>12</v>
      </c>
      <c r="AF32336">
        <v>12</v>
      </c>
      <c r="AG32336">
        <v>12</v>
      </c>
      <c r="AH32336">
        <v>13</v>
      </c>
      <c r="AI32336">
        <v>13</v>
      </c>
      <c r="AJ32336">
        <v>13</v>
      </c>
      <c r="AK32336">
        <v>13</v>
      </c>
      <c r="AL32336">
        <v>13</v>
      </c>
      <c r="AM32336">
        <v>13</v>
      </c>
      <c r="AN32336">
        <v>13</v>
      </c>
      <c r="AO32336">
        <v>13</v>
      </c>
      <c r="AP32336">
        <v>13</v>
      </c>
      <c r="AQ32336">
        <v>13</v>
      </c>
    </row>
    <row r="32337" spans="1:43">
      <c r="A32337" t="s">
        <v>20027</v>
      </c>
      <c r="B32337" t="s">
        <v>20028</v>
      </c>
      <c r="C32337" t="s">
        <v>19979</v>
      </c>
      <c r="D32337" t="s">
        <v>19980</v>
      </c>
      <c r="E32337" t="s">
        <v>19921</v>
      </c>
      <c r="F32337" t="s">
        <v>19922</v>
      </c>
      <c r="G32337" t="s">
        <v>10734</v>
      </c>
      <c r="H32337" t="s">
        <v>10735</v>
      </c>
      <c r="I32337" s="2">
        <v>0</v>
      </c>
      <c r="J32337" s="2">
        <v>0</v>
      </c>
      <c r="K32337" s="2">
        <v>1</v>
      </c>
      <c r="L32337" t="s">
        <v>995</v>
      </c>
      <c r="M32337" t="s">
        <v>83</v>
      </c>
      <c r="N32337" t="s">
        <v>91</v>
      </c>
      <c r="O32337" t="s">
        <v>85</v>
      </c>
      <c r="P32337" t="s">
        <v>86</v>
      </c>
      <c r="Q32337">
        <v>9</v>
      </c>
      <c r="R32337">
        <v>9</v>
      </c>
      <c r="S32337">
        <v>9</v>
      </c>
      <c r="T32337">
        <v>9</v>
      </c>
      <c r="U32337">
        <v>9</v>
      </c>
      <c r="V32337">
        <v>10</v>
      </c>
      <c r="W32337">
        <v>10</v>
      </c>
      <c r="X32337">
        <v>10</v>
      </c>
      <c r="Y32337">
        <v>10</v>
      </c>
      <c r="Z32337">
        <v>10</v>
      </c>
      <c r="AA32337">
        <v>11</v>
      </c>
      <c r="AB32337">
        <v>11</v>
      </c>
      <c r="AC32337">
        <v>11</v>
      </c>
      <c r="AD32337">
        <v>11</v>
      </c>
      <c r="AE32337">
        <v>11</v>
      </c>
      <c r="AF32337">
        <v>12</v>
      </c>
      <c r="AG32337">
        <v>12</v>
      </c>
      <c r="AH32337">
        <v>12</v>
      </c>
      <c r="AI32337">
        <v>12</v>
      </c>
      <c r="AJ32337">
        <v>12</v>
      </c>
      <c r="AK32337">
        <v>13</v>
      </c>
      <c r="AL32337">
        <v>13</v>
      </c>
      <c r="AM32337">
        <v>13</v>
      </c>
      <c r="AN32337">
        <v>13</v>
      </c>
      <c r="AO32337">
        <v>13</v>
      </c>
      <c r="AP32337">
        <v>13</v>
      </c>
      <c r="AQ32337">
        <v>13</v>
      </c>
    </row>
    <row r="32338" spans="1:43">
      <c r="A32338" t="s">
        <v>20029</v>
      </c>
      <c r="B32338" t="s">
        <v>20030</v>
      </c>
      <c r="C32338" t="s">
        <v>19979</v>
      </c>
      <c r="D32338" t="s">
        <v>19980</v>
      </c>
      <c r="E32338" t="s">
        <v>19921</v>
      </c>
      <c r="F32338" t="s">
        <v>19922</v>
      </c>
      <c r="G32338" t="s">
        <v>10734</v>
      </c>
      <c r="H32338" t="s">
        <v>10735</v>
      </c>
      <c r="I32338" s="2">
        <v>0</v>
      </c>
      <c r="J32338" s="2">
        <v>0</v>
      </c>
      <c r="K32338" s="2">
        <v>1</v>
      </c>
      <c r="L32338" t="s">
        <v>995</v>
      </c>
      <c r="M32338" t="s">
        <v>83</v>
      </c>
      <c r="N32338" t="s">
        <v>84</v>
      </c>
      <c r="O32338" t="s">
        <v>85</v>
      </c>
      <c r="P32338" t="s">
        <v>86</v>
      </c>
      <c r="Q32338">
        <v>17</v>
      </c>
      <c r="R32338">
        <v>18</v>
      </c>
      <c r="S32338">
        <v>18</v>
      </c>
      <c r="T32338">
        <v>18</v>
      </c>
      <c r="U32338">
        <v>19</v>
      </c>
      <c r="V32338">
        <v>19</v>
      </c>
      <c r="W32338">
        <v>20</v>
      </c>
      <c r="X32338">
        <v>20</v>
      </c>
      <c r="Y32338">
        <v>20</v>
      </c>
      <c r="Z32338">
        <v>21</v>
      </c>
      <c r="AA32338">
        <v>21</v>
      </c>
      <c r="AB32338">
        <v>22</v>
      </c>
      <c r="AC32338">
        <v>22</v>
      </c>
      <c r="AD32338">
        <v>23</v>
      </c>
      <c r="AE32338">
        <v>23</v>
      </c>
      <c r="AF32338">
        <v>23</v>
      </c>
      <c r="AG32338">
        <v>24</v>
      </c>
      <c r="AH32338">
        <v>24</v>
      </c>
      <c r="AI32338">
        <v>25</v>
      </c>
      <c r="AJ32338">
        <v>25</v>
      </c>
      <c r="AK32338">
        <v>26</v>
      </c>
      <c r="AL32338">
        <v>26</v>
      </c>
      <c r="AM32338">
        <v>26</v>
      </c>
      <c r="AN32338">
        <v>26</v>
      </c>
      <c r="AO32338">
        <v>26</v>
      </c>
      <c r="AP32338">
        <v>27</v>
      </c>
      <c r="AQ32338">
        <v>27</v>
      </c>
    </row>
    <row r="32339" spans="1:43">
      <c r="A32339" t="s">
        <v>20029</v>
      </c>
      <c r="B32339" t="s">
        <v>20030</v>
      </c>
      <c r="C32339" t="s">
        <v>19979</v>
      </c>
      <c r="D32339" t="s">
        <v>19980</v>
      </c>
      <c r="E32339" t="s">
        <v>19921</v>
      </c>
      <c r="F32339" t="s">
        <v>19922</v>
      </c>
      <c r="G32339" t="s">
        <v>10734</v>
      </c>
      <c r="H32339" t="s">
        <v>10735</v>
      </c>
      <c r="I32339" s="2">
        <v>0</v>
      </c>
      <c r="J32339" s="2">
        <v>0</v>
      </c>
      <c r="K32339" s="2">
        <v>1</v>
      </c>
      <c r="L32339" t="s">
        <v>995</v>
      </c>
      <c r="M32339" t="s">
        <v>87</v>
      </c>
      <c r="N32339" t="s">
        <v>88</v>
      </c>
      <c r="O32339" t="s">
        <v>85</v>
      </c>
      <c r="P32339" t="s">
        <v>86</v>
      </c>
      <c r="Q32339">
        <v>17</v>
      </c>
      <c r="R32339">
        <v>17</v>
      </c>
      <c r="S32339">
        <v>17</v>
      </c>
      <c r="T32339">
        <v>18</v>
      </c>
      <c r="U32339">
        <v>18</v>
      </c>
      <c r="V32339">
        <v>18</v>
      </c>
      <c r="W32339">
        <v>18</v>
      </c>
      <c r="X32339">
        <v>19</v>
      </c>
      <c r="Y32339">
        <v>19</v>
      </c>
      <c r="Z32339">
        <v>19</v>
      </c>
      <c r="AA32339">
        <v>19</v>
      </c>
      <c r="AB32339">
        <v>20</v>
      </c>
      <c r="AC32339">
        <v>20</v>
      </c>
      <c r="AD32339">
        <v>20</v>
      </c>
      <c r="AE32339">
        <v>20</v>
      </c>
      <c r="AF32339">
        <v>21</v>
      </c>
      <c r="AG32339">
        <v>21</v>
      </c>
      <c r="AH32339">
        <v>21</v>
      </c>
      <c r="AI32339">
        <v>21</v>
      </c>
      <c r="AJ32339">
        <v>22</v>
      </c>
      <c r="AK32339">
        <v>22</v>
      </c>
      <c r="AL32339">
        <v>22</v>
      </c>
      <c r="AM32339">
        <v>22</v>
      </c>
      <c r="AN32339">
        <v>22</v>
      </c>
      <c r="AO32339">
        <v>23</v>
      </c>
      <c r="AP32339">
        <v>23</v>
      </c>
      <c r="AQ32339">
        <v>23</v>
      </c>
    </row>
    <row r="32340" spans="1:43">
      <c r="A32340" t="s">
        <v>20029</v>
      </c>
      <c r="B32340" t="s">
        <v>20030</v>
      </c>
      <c r="C32340" t="s">
        <v>19979</v>
      </c>
      <c r="D32340" t="s">
        <v>19980</v>
      </c>
      <c r="E32340" t="s">
        <v>19921</v>
      </c>
      <c r="F32340" t="s">
        <v>19922</v>
      </c>
      <c r="G32340" t="s">
        <v>10734</v>
      </c>
      <c r="H32340" t="s">
        <v>10735</v>
      </c>
      <c r="I32340" s="2">
        <v>0</v>
      </c>
      <c r="J32340" s="2">
        <v>0</v>
      </c>
      <c r="K32340" s="2">
        <v>1</v>
      </c>
      <c r="L32340" t="s">
        <v>995</v>
      </c>
      <c r="M32340" t="s">
        <v>89</v>
      </c>
      <c r="N32340" t="s">
        <v>90</v>
      </c>
      <c r="O32340" t="s">
        <v>85</v>
      </c>
      <c r="P32340" t="s">
        <v>86</v>
      </c>
      <c r="Q32340">
        <v>17</v>
      </c>
      <c r="R32340">
        <v>18</v>
      </c>
      <c r="S32340">
        <v>18</v>
      </c>
      <c r="T32340">
        <v>19</v>
      </c>
      <c r="U32340">
        <v>19</v>
      </c>
      <c r="V32340">
        <v>20</v>
      </c>
      <c r="W32340">
        <v>21</v>
      </c>
      <c r="X32340">
        <v>21</v>
      </c>
      <c r="Y32340">
        <v>22</v>
      </c>
      <c r="Z32340">
        <v>22</v>
      </c>
      <c r="AA32340">
        <v>23</v>
      </c>
      <c r="AB32340">
        <v>23</v>
      </c>
      <c r="AC32340">
        <v>24</v>
      </c>
      <c r="AD32340">
        <v>24</v>
      </c>
      <c r="AE32340">
        <v>25</v>
      </c>
      <c r="AF32340">
        <v>25</v>
      </c>
      <c r="AG32340">
        <v>25</v>
      </c>
      <c r="AH32340">
        <v>25</v>
      </c>
      <c r="AI32340">
        <v>25</v>
      </c>
      <c r="AJ32340">
        <v>26</v>
      </c>
      <c r="AK32340">
        <v>26</v>
      </c>
      <c r="AL32340">
        <v>26</v>
      </c>
      <c r="AM32340">
        <v>26</v>
      </c>
      <c r="AN32340">
        <v>26</v>
      </c>
      <c r="AO32340">
        <v>27</v>
      </c>
      <c r="AP32340">
        <v>27</v>
      </c>
      <c r="AQ32340">
        <v>27</v>
      </c>
    </row>
    <row r="32341" spans="1:43">
      <c r="A32341" t="s">
        <v>20029</v>
      </c>
      <c r="B32341" t="s">
        <v>20030</v>
      </c>
      <c r="C32341" t="s">
        <v>19979</v>
      </c>
      <c r="D32341" t="s">
        <v>19980</v>
      </c>
      <c r="E32341" t="s">
        <v>19921</v>
      </c>
      <c r="F32341" t="s">
        <v>19922</v>
      </c>
      <c r="G32341" t="s">
        <v>10734</v>
      </c>
      <c r="H32341" t="s">
        <v>10735</v>
      </c>
      <c r="I32341" s="2">
        <v>0</v>
      </c>
      <c r="J32341" s="2">
        <v>0</v>
      </c>
      <c r="K32341" s="2">
        <v>1</v>
      </c>
      <c r="L32341" t="s">
        <v>995</v>
      </c>
      <c r="M32341" t="s">
        <v>83</v>
      </c>
      <c r="N32341" t="s">
        <v>91</v>
      </c>
      <c r="O32341" t="s">
        <v>85</v>
      </c>
      <c r="P32341" t="s">
        <v>86</v>
      </c>
      <c r="Q32341">
        <v>17</v>
      </c>
      <c r="R32341">
        <v>18</v>
      </c>
      <c r="S32341">
        <v>18</v>
      </c>
      <c r="T32341">
        <v>18</v>
      </c>
      <c r="U32341">
        <v>19</v>
      </c>
      <c r="V32341">
        <v>19</v>
      </c>
      <c r="W32341">
        <v>20</v>
      </c>
      <c r="X32341">
        <v>20</v>
      </c>
      <c r="Y32341">
        <v>20</v>
      </c>
      <c r="Z32341">
        <v>21</v>
      </c>
      <c r="AA32341">
        <v>21</v>
      </c>
      <c r="AB32341">
        <v>22</v>
      </c>
      <c r="AC32341">
        <v>22</v>
      </c>
      <c r="AD32341">
        <v>23</v>
      </c>
      <c r="AE32341">
        <v>23</v>
      </c>
      <c r="AF32341">
        <v>23</v>
      </c>
      <c r="AG32341">
        <v>24</v>
      </c>
      <c r="AH32341">
        <v>24</v>
      </c>
      <c r="AI32341">
        <v>25</v>
      </c>
      <c r="AJ32341">
        <v>25</v>
      </c>
      <c r="AK32341">
        <v>26</v>
      </c>
      <c r="AL32341">
        <v>26</v>
      </c>
      <c r="AM32341">
        <v>26</v>
      </c>
      <c r="AN32341">
        <v>26</v>
      </c>
      <c r="AO32341">
        <v>26</v>
      </c>
      <c r="AP32341">
        <v>27</v>
      </c>
      <c r="AQ32341">
        <v>27</v>
      </c>
    </row>
    <row r="32342" spans="1:43">
      <c r="A32342" t="s">
        <v>20031</v>
      </c>
      <c r="B32342" t="s">
        <v>20032</v>
      </c>
      <c r="C32342" t="s">
        <v>19979</v>
      </c>
      <c r="D32342" t="s">
        <v>19980</v>
      </c>
      <c r="E32342" t="s">
        <v>19921</v>
      </c>
      <c r="F32342" t="s">
        <v>19922</v>
      </c>
      <c r="G32342" t="s">
        <v>10734</v>
      </c>
      <c r="H32342" t="s">
        <v>10735</v>
      </c>
      <c r="I32342" s="2">
        <v>0</v>
      </c>
      <c r="J32342" s="2">
        <v>0</v>
      </c>
      <c r="K32342" s="2">
        <v>1</v>
      </c>
      <c r="L32342" t="s">
        <v>995</v>
      </c>
      <c r="M32342" t="s">
        <v>83</v>
      </c>
      <c r="N32342" t="s">
        <v>84</v>
      </c>
      <c r="O32342" t="s">
        <v>85</v>
      </c>
      <c r="P32342" t="s">
        <v>86</v>
      </c>
      <c r="Q32342">
        <v>24</v>
      </c>
      <c r="R32342">
        <v>25</v>
      </c>
      <c r="S32342">
        <v>25</v>
      </c>
      <c r="T32342">
        <v>26</v>
      </c>
      <c r="U32342">
        <v>26</v>
      </c>
      <c r="V32342">
        <v>27</v>
      </c>
      <c r="W32342">
        <v>28</v>
      </c>
      <c r="X32342">
        <v>28</v>
      </c>
      <c r="Y32342">
        <v>29</v>
      </c>
      <c r="Z32342">
        <v>29</v>
      </c>
      <c r="AA32342">
        <v>30</v>
      </c>
      <c r="AB32342">
        <v>31</v>
      </c>
      <c r="AC32342">
        <v>31</v>
      </c>
      <c r="AD32342">
        <v>32</v>
      </c>
      <c r="AE32342">
        <v>32</v>
      </c>
      <c r="AF32342">
        <v>33</v>
      </c>
      <c r="AG32342">
        <v>34</v>
      </c>
      <c r="AH32342">
        <v>34</v>
      </c>
      <c r="AI32342">
        <v>35</v>
      </c>
      <c r="AJ32342">
        <v>35</v>
      </c>
      <c r="AK32342">
        <v>36</v>
      </c>
      <c r="AL32342">
        <v>36</v>
      </c>
      <c r="AM32342">
        <v>37</v>
      </c>
      <c r="AN32342">
        <v>37</v>
      </c>
      <c r="AO32342">
        <v>37</v>
      </c>
      <c r="AP32342">
        <v>38</v>
      </c>
      <c r="AQ32342">
        <v>38</v>
      </c>
    </row>
    <row r="32343" spans="1:43">
      <c r="A32343" t="s">
        <v>20031</v>
      </c>
      <c r="B32343" t="s">
        <v>20032</v>
      </c>
      <c r="C32343" t="s">
        <v>19979</v>
      </c>
      <c r="D32343" t="s">
        <v>19980</v>
      </c>
      <c r="E32343" t="s">
        <v>19921</v>
      </c>
      <c r="F32343" t="s">
        <v>19922</v>
      </c>
      <c r="G32343" t="s">
        <v>10734</v>
      </c>
      <c r="H32343" t="s">
        <v>10735</v>
      </c>
      <c r="I32343" s="2">
        <v>0</v>
      </c>
      <c r="J32343" s="2">
        <v>0</v>
      </c>
      <c r="K32343" s="2">
        <v>1</v>
      </c>
      <c r="L32343" t="s">
        <v>995</v>
      </c>
      <c r="M32343" t="s">
        <v>87</v>
      </c>
      <c r="N32343" t="s">
        <v>88</v>
      </c>
      <c r="O32343" t="s">
        <v>85</v>
      </c>
      <c r="P32343" t="s">
        <v>86</v>
      </c>
      <c r="Q32343">
        <v>24</v>
      </c>
      <c r="R32343">
        <v>24</v>
      </c>
      <c r="S32343">
        <v>25</v>
      </c>
      <c r="T32343">
        <v>25</v>
      </c>
      <c r="U32343">
        <v>25</v>
      </c>
      <c r="V32343">
        <v>26</v>
      </c>
      <c r="W32343">
        <v>26</v>
      </c>
      <c r="X32343">
        <v>26</v>
      </c>
      <c r="Y32343">
        <v>27</v>
      </c>
      <c r="Z32343">
        <v>27</v>
      </c>
      <c r="AA32343">
        <v>27</v>
      </c>
      <c r="AB32343">
        <v>28</v>
      </c>
      <c r="AC32343">
        <v>28</v>
      </c>
      <c r="AD32343">
        <v>28</v>
      </c>
      <c r="AE32343">
        <v>29</v>
      </c>
      <c r="AF32343">
        <v>29</v>
      </c>
      <c r="AG32343">
        <v>29</v>
      </c>
      <c r="AH32343">
        <v>30</v>
      </c>
      <c r="AI32343">
        <v>30</v>
      </c>
      <c r="AJ32343">
        <v>30</v>
      </c>
      <c r="AK32343">
        <v>31</v>
      </c>
      <c r="AL32343">
        <v>31</v>
      </c>
      <c r="AM32343">
        <v>31</v>
      </c>
      <c r="AN32343">
        <v>32</v>
      </c>
      <c r="AO32343">
        <v>32</v>
      </c>
      <c r="AP32343">
        <v>32</v>
      </c>
      <c r="AQ32343">
        <v>33</v>
      </c>
    </row>
    <row r="32344" spans="1:43">
      <c r="A32344" t="s">
        <v>20031</v>
      </c>
      <c r="B32344" t="s">
        <v>20032</v>
      </c>
      <c r="C32344" t="s">
        <v>19979</v>
      </c>
      <c r="D32344" t="s">
        <v>19980</v>
      </c>
      <c r="E32344" t="s">
        <v>19921</v>
      </c>
      <c r="F32344" t="s">
        <v>19922</v>
      </c>
      <c r="G32344" t="s">
        <v>10734</v>
      </c>
      <c r="H32344" t="s">
        <v>10735</v>
      </c>
      <c r="I32344" s="2">
        <v>0</v>
      </c>
      <c r="J32344" s="2">
        <v>0</v>
      </c>
      <c r="K32344" s="2">
        <v>1</v>
      </c>
      <c r="L32344" t="s">
        <v>995</v>
      </c>
      <c r="M32344" t="s">
        <v>89</v>
      </c>
      <c r="N32344" t="s">
        <v>90</v>
      </c>
      <c r="O32344" t="s">
        <v>85</v>
      </c>
      <c r="P32344" t="s">
        <v>86</v>
      </c>
      <c r="Q32344">
        <v>24</v>
      </c>
      <c r="R32344">
        <v>25</v>
      </c>
      <c r="S32344">
        <v>26</v>
      </c>
      <c r="T32344">
        <v>27</v>
      </c>
      <c r="U32344">
        <v>28</v>
      </c>
      <c r="V32344">
        <v>28</v>
      </c>
      <c r="W32344">
        <v>29</v>
      </c>
      <c r="X32344">
        <v>30</v>
      </c>
      <c r="Y32344">
        <v>31</v>
      </c>
      <c r="Z32344">
        <v>31</v>
      </c>
      <c r="AA32344">
        <v>32</v>
      </c>
      <c r="AB32344">
        <v>33</v>
      </c>
      <c r="AC32344">
        <v>33</v>
      </c>
      <c r="AD32344">
        <v>34</v>
      </c>
      <c r="AE32344">
        <v>35</v>
      </c>
      <c r="AF32344">
        <v>35</v>
      </c>
      <c r="AG32344">
        <v>35</v>
      </c>
      <c r="AH32344">
        <v>36</v>
      </c>
      <c r="AI32344">
        <v>36</v>
      </c>
      <c r="AJ32344">
        <v>36</v>
      </c>
      <c r="AK32344">
        <v>36</v>
      </c>
      <c r="AL32344">
        <v>37</v>
      </c>
      <c r="AM32344">
        <v>37</v>
      </c>
      <c r="AN32344">
        <v>37</v>
      </c>
      <c r="AO32344">
        <v>38</v>
      </c>
      <c r="AP32344">
        <v>38</v>
      </c>
      <c r="AQ32344">
        <v>38</v>
      </c>
    </row>
    <row r="32345" spans="1:43">
      <c r="A32345" t="s">
        <v>20031</v>
      </c>
      <c r="B32345" t="s">
        <v>20032</v>
      </c>
      <c r="C32345" t="s">
        <v>19979</v>
      </c>
      <c r="D32345" t="s">
        <v>19980</v>
      </c>
      <c r="E32345" t="s">
        <v>19921</v>
      </c>
      <c r="F32345" t="s">
        <v>19922</v>
      </c>
      <c r="G32345" t="s">
        <v>10734</v>
      </c>
      <c r="H32345" t="s">
        <v>10735</v>
      </c>
      <c r="I32345" s="2">
        <v>0</v>
      </c>
      <c r="J32345" s="2">
        <v>0</v>
      </c>
      <c r="K32345" s="2">
        <v>1</v>
      </c>
      <c r="L32345" t="s">
        <v>995</v>
      </c>
      <c r="M32345" t="s">
        <v>83</v>
      </c>
      <c r="N32345" t="s">
        <v>91</v>
      </c>
      <c r="O32345" t="s">
        <v>85</v>
      </c>
      <c r="P32345" t="s">
        <v>86</v>
      </c>
      <c r="Q32345">
        <v>24</v>
      </c>
      <c r="R32345">
        <v>25</v>
      </c>
      <c r="S32345">
        <v>25</v>
      </c>
      <c r="T32345">
        <v>26</v>
      </c>
      <c r="U32345">
        <v>26</v>
      </c>
      <c r="V32345">
        <v>27</v>
      </c>
      <c r="W32345">
        <v>28</v>
      </c>
      <c r="X32345">
        <v>28</v>
      </c>
      <c r="Y32345">
        <v>29</v>
      </c>
      <c r="Z32345">
        <v>29</v>
      </c>
      <c r="AA32345">
        <v>30</v>
      </c>
      <c r="AB32345">
        <v>31</v>
      </c>
      <c r="AC32345">
        <v>31</v>
      </c>
      <c r="AD32345">
        <v>32</v>
      </c>
      <c r="AE32345">
        <v>32</v>
      </c>
      <c r="AF32345">
        <v>33</v>
      </c>
      <c r="AG32345">
        <v>34</v>
      </c>
      <c r="AH32345">
        <v>34</v>
      </c>
      <c r="AI32345">
        <v>35</v>
      </c>
      <c r="AJ32345">
        <v>35</v>
      </c>
      <c r="AK32345">
        <v>36</v>
      </c>
      <c r="AL32345">
        <v>36</v>
      </c>
      <c r="AM32345">
        <v>37</v>
      </c>
      <c r="AN32345">
        <v>37</v>
      </c>
      <c r="AO32345">
        <v>37</v>
      </c>
      <c r="AP32345">
        <v>38</v>
      </c>
      <c r="AQ32345">
        <v>38</v>
      </c>
    </row>
    <row r="32346" spans="1:43">
      <c r="A32346" t="s">
        <v>20033</v>
      </c>
      <c r="B32346" t="s">
        <v>20034</v>
      </c>
      <c r="C32346" t="s">
        <v>19959</v>
      </c>
      <c r="D32346" t="s">
        <v>19960</v>
      </c>
      <c r="E32346" t="s">
        <v>19921</v>
      </c>
      <c r="F32346" t="s">
        <v>19922</v>
      </c>
      <c r="G32346" t="s">
        <v>10734</v>
      </c>
      <c r="H32346" t="s">
        <v>10735</v>
      </c>
      <c r="I32346" s="2">
        <v>0</v>
      </c>
      <c r="J32346" s="2">
        <v>0</v>
      </c>
      <c r="K32346" s="2">
        <v>1</v>
      </c>
      <c r="L32346" t="s">
        <v>995</v>
      </c>
      <c r="M32346" t="s">
        <v>83</v>
      </c>
      <c r="N32346" t="s">
        <v>84</v>
      </c>
      <c r="O32346" t="s">
        <v>85</v>
      </c>
      <c r="P32346" t="s">
        <v>86</v>
      </c>
      <c r="Q32346">
        <v>25</v>
      </c>
      <c r="R32346">
        <v>25</v>
      </c>
      <c r="S32346">
        <v>26</v>
      </c>
      <c r="T32346">
        <v>26</v>
      </c>
      <c r="U32346">
        <v>27</v>
      </c>
      <c r="V32346">
        <v>27</v>
      </c>
      <c r="W32346">
        <v>28</v>
      </c>
      <c r="X32346">
        <v>29</v>
      </c>
      <c r="Y32346">
        <v>29</v>
      </c>
      <c r="Z32346">
        <v>30</v>
      </c>
      <c r="AA32346">
        <v>30</v>
      </c>
      <c r="AB32346">
        <v>31</v>
      </c>
      <c r="AC32346">
        <v>32</v>
      </c>
      <c r="AD32346">
        <v>32</v>
      </c>
      <c r="AE32346">
        <v>33</v>
      </c>
      <c r="AF32346">
        <v>33</v>
      </c>
      <c r="AG32346">
        <v>34</v>
      </c>
      <c r="AH32346">
        <v>35</v>
      </c>
      <c r="AI32346">
        <v>35</v>
      </c>
      <c r="AJ32346">
        <v>36</v>
      </c>
      <c r="AK32346">
        <v>37</v>
      </c>
      <c r="AL32346">
        <v>37</v>
      </c>
      <c r="AM32346">
        <v>37</v>
      </c>
      <c r="AN32346">
        <v>37</v>
      </c>
      <c r="AO32346">
        <v>38</v>
      </c>
      <c r="AP32346">
        <v>38</v>
      </c>
      <c r="AQ32346">
        <v>38</v>
      </c>
    </row>
    <row r="32347" spans="1:43">
      <c r="A32347" t="s">
        <v>20033</v>
      </c>
      <c r="B32347" t="s">
        <v>20034</v>
      </c>
      <c r="C32347" t="s">
        <v>19959</v>
      </c>
      <c r="D32347" t="s">
        <v>19960</v>
      </c>
      <c r="E32347" t="s">
        <v>19921</v>
      </c>
      <c r="F32347" t="s">
        <v>19922</v>
      </c>
      <c r="G32347" t="s">
        <v>10734</v>
      </c>
      <c r="H32347" t="s">
        <v>10735</v>
      </c>
      <c r="I32347" s="2">
        <v>0</v>
      </c>
      <c r="J32347" s="2">
        <v>0</v>
      </c>
      <c r="K32347" s="2">
        <v>1</v>
      </c>
      <c r="L32347" t="s">
        <v>995</v>
      </c>
      <c r="M32347" t="s">
        <v>87</v>
      </c>
      <c r="N32347" t="s">
        <v>88</v>
      </c>
      <c r="O32347" t="s">
        <v>85</v>
      </c>
      <c r="P32347" t="s">
        <v>86</v>
      </c>
      <c r="Q32347">
        <v>25</v>
      </c>
      <c r="R32347">
        <v>26</v>
      </c>
      <c r="S32347">
        <v>26</v>
      </c>
      <c r="T32347">
        <v>26</v>
      </c>
      <c r="U32347">
        <v>27</v>
      </c>
      <c r="V32347">
        <v>27</v>
      </c>
      <c r="W32347">
        <v>27</v>
      </c>
      <c r="X32347">
        <v>28</v>
      </c>
      <c r="Y32347">
        <v>28</v>
      </c>
      <c r="Z32347">
        <v>28</v>
      </c>
      <c r="AA32347">
        <v>29</v>
      </c>
      <c r="AB32347">
        <v>29</v>
      </c>
      <c r="AC32347">
        <v>29</v>
      </c>
      <c r="AD32347">
        <v>30</v>
      </c>
      <c r="AE32347">
        <v>30</v>
      </c>
      <c r="AF32347">
        <v>30</v>
      </c>
      <c r="AG32347">
        <v>31</v>
      </c>
      <c r="AH32347">
        <v>31</v>
      </c>
      <c r="AI32347">
        <v>32</v>
      </c>
      <c r="AJ32347">
        <v>32</v>
      </c>
      <c r="AK32347">
        <v>32</v>
      </c>
      <c r="AL32347">
        <v>33</v>
      </c>
      <c r="AM32347">
        <v>33</v>
      </c>
      <c r="AN32347">
        <v>33</v>
      </c>
      <c r="AO32347">
        <v>34</v>
      </c>
      <c r="AP32347">
        <v>34</v>
      </c>
      <c r="AQ32347">
        <v>34</v>
      </c>
    </row>
    <row r="32348" spans="1:43">
      <c r="A32348" t="s">
        <v>20033</v>
      </c>
      <c r="B32348" t="s">
        <v>20034</v>
      </c>
      <c r="C32348" t="s">
        <v>19959</v>
      </c>
      <c r="D32348" t="s">
        <v>19960</v>
      </c>
      <c r="E32348" t="s">
        <v>19921</v>
      </c>
      <c r="F32348" t="s">
        <v>19922</v>
      </c>
      <c r="G32348" t="s">
        <v>10734</v>
      </c>
      <c r="H32348" t="s">
        <v>10735</v>
      </c>
      <c r="I32348" s="2">
        <v>0</v>
      </c>
      <c r="J32348" s="2">
        <v>0</v>
      </c>
      <c r="K32348" s="2">
        <v>1</v>
      </c>
      <c r="L32348" t="s">
        <v>995</v>
      </c>
      <c r="M32348" t="s">
        <v>89</v>
      </c>
      <c r="N32348" t="s">
        <v>90</v>
      </c>
      <c r="O32348" t="s">
        <v>85</v>
      </c>
      <c r="P32348" t="s">
        <v>86</v>
      </c>
      <c r="Q32348">
        <v>25</v>
      </c>
      <c r="R32348">
        <v>26</v>
      </c>
      <c r="S32348">
        <v>26</v>
      </c>
      <c r="T32348">
        <v>27</v>
      </c>
      <c r="U32348">
        <v>28</v>
      </c>
      <c r="V32348">
        <v>29</v>
      </c>
      <c r="W32348">
        <v>29</v>
      </c>
      <c r="X32348">
        <v>30</v>
      </c>
      <c r="Y32348">
        <v>31</v>
      </c>
      <c r="Z32348">
        <v>32</v>
      </c>
      <c r="AA32348">
        <v>32</v>
      </c>
      <c r="AB32348">
        <v>33</v>
      </c>
      <c r="AC32348">
        <v>34</v>
      </c>
      <c r="AD32348">
        <v>35</v>
      </c>
      <c r="AE32348">
        <v>35</v>
      </c>
      <c r="AF32348">
        <v>35</v>
      </c>
      <c r="AG32348">
        <v>36</v>
      </c>
      <c r="AH32348">
        <v>36</v>
      </c>
      <c r="AI32348">
        <v>36</v>
      </c>
      <c r="AJ32348">
        <v>37</v>
      </c>
      <c r="AK32348">
        <v>37</v>
      </c>
      <c r="AL32348">
        <v>37</v>
      </c>
      <c r="AM32348">
        <v>37</v>
      </c>
      <c r="AN32348">
        <v>38</v>
      </c>
      <c r="AO32348">
        <v>38</v>
      </c>
      <c r="AP32348">
        <v>38</v>
      </c>
      <c r="AQ32348">
        <v>39</v>
      </c>
    </row>
    <row r="32349" spans="1:43">
      <c r="A32349" t="s">
        <v>20033</v>
      </c>
      <c r="B32349" t="s">
        <v>20034</v>
      </c>
      <c r="C32349" t="s">
        <v>19959</v>
      </c>
      <c r="D32349" t="s">
        <v>19960</v>
      </c>
      <c r="E32349" t="s">
        <v>19921</v>
      </c>
      <c r="F32349" t="s">
        <v>19922</v>
      </c>
      <c r="G32349" t="s">
        <v>10734</v>
      </c>
      <c r="H32349" t="s">
        <v>10735</v>
      </c>
      <c r="I32349" s="2">
        <v>0</v>
      </c>
      <c r="J32349" s="2">
        <v>0</v>
      </c>
      <c r="K32349" s="2">
        <v>1</v>
      </c>
      <c r="L32349" t="s">
        <v>995</v>
      </c>
      <c r="M32349" t="s">
        <v>83</v>
      </c>
      <c r="N32349" t="s">
        <v>91</v>
      </c>
      <c r="O32349" t="s">
        <v>85</v>
      </c>
      <c r="P32349" t="s">
        <v>86</v>
      </c>
      <c r="Q32349">
        <v>25</v>
      </c>
      <c r="R32349">
        <v>25</v>
      </c>
      <c r="S32349">
        <v>26</v>
      </c>
      <c r="T32349">
        <v>26</v>
      </c>
      <c r="U32349">
        <v>27</v>
      </c>
      <c r="V32349">
        <v>27</v>
      </c>
      <c r="W32349">
        <v>28</v>
      </c>
      <c r="X32349">
        <v>29</v>
      </c>
      <c r="Y32349">
        <v>29</v>
      </c>
      <c r="Z32349">
        <v>30</v>
      </c>
      <c r="AA32349">
        <v>30</v>
      </c>
      <c r="AB32349">
        <v>31</v>
      </c>
      <c r="AC32349">
        <v>32</v>
      </c>
      <c r="AD32349">
        <v>32</v>
      </c>
      <c r="AE32349">
        <v>33</v>
      </c>
      <c r="AF32349">
        <v>33</v>
      </c>
      <c r="AG32349">
        <v>34</v>
      </c>
      <c r="AH32349">
        <v>35</v>
      </c>
      <c r="AI32349">
        <v>35</v>
      </c>
      <c r="AJ32349">
        <v>36</v>
      </c>
      <c r="AK32349">
        <v>37</v>
      </c>
      <c r="AL32349">
        <v>37</v>
      </c>
      <c r="AM32349">
        <v>37</v>
      </c>
      <c r="AN32349">
        <v>37</v>
      </c>
      <c r="AO32349">
        <v>38</v>
      </c>
      <c r="AP32349">
        <v>38</v>
      </c>
      <c r="AQ32349">
        <v>38</v>
      </c>
    </row>
    <row r="32350" spans="1:43">
      <c r="A32350" t="s">
        <v>20035</v>
      </c>
      <c r="B32350" t="s">
        <v>20036</v>
      </c>
      <c r="C32350" t="s">
        <v>19959</v>
      </c>
      <c r="D32350" t="s">
        <v>19960</v>
      </c>
      <c r="E32350" t="s">
        <v>19921</v>
      </c>
      <c r="F32350" t="s">
        <v>19922</v>
      </c>
      <c r="G32350" t="s">
        <v>10734</v>
      </c>
      <c r="H32350" t="s">
        <v>10735</v>
      </c>
      <c r="I32350" s="2">
        <v>0</v>
      </c>
      <c r="J32350" s="2">
        <v>0</v>
      </c>
      <c r="K32350" s="2">
        <v>1</v>
      </c>
      <c r="L32350" t="s">
        <v>995</v>
      </c>
      <c r="M32350" t="s">
        <v>83</v>
      </c>
      <c r="N32350" t="s">
        <v>84</v>
      </c>
      <c r="O32350" t="s">
        <v>85</v>
      </c>
      <c r="P32350" t="s">
        <v>86</v>
      </c>
      <c r="Q32350">
        <v>114</v>
      </c>
      <c r="R32350">
        <v>116</v>
      </c>
      <c r="S32350">
        <v>119</v>
      </c>
      <c r="T32350">
        <v>122</v>
      </c>
      <c r="U32350">
        <v>124</v>
      </c>
      <c r="V32350">
        <v>127</v>
      </c>
      <c r="W32350">
        <v>130</v>
      </c>
      <c r="X32350">
        <v>132</v>
      </c>
      <c r="Y32350">
        <v>135</v>
      </c>
      <c r="Z32350">
        <v>138</v>
      </c>
      <c r="AA32350">
        <v>141</v>
      </c>
      <c r="AB32350">
        <v>144</v>
      </c>
      <c r="AC32350">
        <v>147</v>
      </c>
      <c r="AD32350">
        <v>149</v>
      </c>
      <c r="AE32350">
        <v>152</v>
      </c>
      <c r="AF32350">
        <v>155</v>
      </c>
      <c r="AG32350">
        <v>158</v>
      </c>
      <c r="AH32350">
        <v>161</v>
      </c>
      <c r="AI32350">
        <v>164</v>
      </c>
      <c r="AJ32350">
        <v>167</v>
      </c>
      <c r="AK32350">
        <v>170</v>
      </c>
      <c r="AL32350">
        <v>171</v>
      </c>
      <c r="AM32350">
        <v>173</v>
      </c>
      <c r="AN32350">
        <v>174</v>
      </c>
      <c r="AO32350">
        <v>176</v>
      </c>
      <c r="AP32350">
        <v>177</v>
      </c>
      <c r="AQ32350">
        <v>179</v>
      </c>
    </row>
    <row r="32351" spans="1:43">
      <c r="A32351" t="s">
        <v>20035</v>
      </c>
      <c r="B32351" t="s">
        <v>20036</v>
      </c>
      <c r="C32351" t="s">
        <v>19959</v>
      </c>
      <c r="D32351" t="s">
        <v>19960</v>
      </c>
      <c r="E32351" t="s">
        <v>19921</v>
      </c>
      <c r="F32351" t="s">
        <v>19922</v>
      </c>
      <c r="G32351" t="s">
        <v>10734</v>
      </c>
      <c r="H32351" t="s">
        <v>10735</v>
      </c>
      <c r="I32351" s="2">
        <v>0</v>
      </c>
      <c r="J32351" s="2">
        <v>0</v>
      </c>
      <c r="K32351" s="2">
        <v>1</v>
      </c>
      <c r="L32351" t="s">
        <v>995</v>
      </c>
      <c r="M32351" t="s">
        <v>87</v>
      </c>
      <c r="N32351" t="s">
        <v>88</v>
      </c>
      <c r="O32351" t="s">
        <v>85</v>
      </c>
      <c r="P32351" t="s">
        <v>86</v>
      </c>
      <c r="Q32351">
        <v>114</v>
      </c>
      <c r="R32351">
        <v>116</v>
      </c>
      <c r="S32351">
        <v>118</v>
      </c>
      <c r="T32351">
        <v>119</v>
      </c>
      <c r="U32351">
        <v>121</v>
      </c>
      <c r="V32351">
        <v>122</v>
      </c>
      <c r="W32351">
        <v>124</v>
      </c>
      <c r="X32351">
        <v>125</v>
      </c>
      <c r="Y32351">
        <v>127</v>
      </c>
      <c r="Z32351">
        <v>129</v>
      </c>
      <c r="AA32351">
        <v>130</v>
      </c>
      <c r="AB32351">
        <v>132</v>
      </c>
      <c r="AC32351">
        <v>134</v>
      </c>
      <c r="AD32351">
        <v>135</v>
      </c>
      <c r="AE32351">
        <v>137</v>
      </c>
      <c r="AF32351">
        <v>138</v>
      </c>
      <c r="AG32351">
        <v>140</v>
      </c>
      <c r="AH32351">
        <v>142</v>
      </c>
      <c r="AI32351">
        <v>143</v>
      </c>
      <c r="AJ32351">
        <v>145</v>
      </c>
      <c r="AK32351">
        <v>146</v>
      </c>
      <c r="AL32351">
        <v>148</v>
      </c>
      <c r="AM32351">
        <v>150</v>
      </c>
      <c r="AN32351">
        <v>151</v>
      </c>
      <c r="AO32351">
        <v>153</v>
      </c>
      <c r="AP32351">
        <v>155</v>
      </c>
      <c r="AQ32351">
        <v>156</v>
      </c>
    </row>
    <row r="32352" spans="1:43">
      <c r="A32352" t="s">
        <v>20035</v>
      </c>
      <c r="B32352" t="s">
        <v>20036</v>
      </c>
      <c r="C32352" t="s">
        <v>19959</v>
      </c>
      <c r="D32352" t="s">
        <v>19960</v>
      </c>
      <c r="E32352" t="s">
        <v>19921</v>
      </c>
      <c r="F32352" t="s">
        <v>19922</v>
      </c>
      <c r="G32352" t="s">
        <v>10734</v>
      </c>
      <c r="H32352" t="s">
        <v>10735</v>
      </c>
      <c r="I32352" s="2">
        <v>0</v>
      </c>
      <c r="J32352" s="2">
        <v>0</v>
      </c>
      <c r="K32352" s="2">
        <v>1</v>
      </c>
      <c r="L32352" t="s">
        <v>995</v>
      </c>
      <c r="M32352" t="s">
        <v>89</v>
      </c>
      <c r="N32352" t="s">
        <v>90</v>
      </c>
      <c r="O32352" t="s">
        <v>85</v>
      </c>
      <c r="P32352" t="s">
        <v>86</v>
      </c>
      <c r="Q32352">
        <v>114</v>
      </c>
      <c r="R32352">
        <v>117</v>
      </c>
      <c r="S32352">
        <v>121</v>
      </c>
      <c r="T32352">
        <v>125</v>
      </c>
      <c r="U32352">
        <v>128</v>
      </c>
      <c r="V32352">
        <v>132</v>
      </c>
      <c r="W32352">
        <v>135</v>
      </c>
      <c r="X32352">
        <v>139</v>
      </c>
      <c r="Y32352">
        <v>142</v>
      </c>
      <c r="Z32352">
        <v>146</v>
      </c>
      <c r="AA32352">
        <v>149</v>
      </c>
      <c r="AB32352">
        <v>153</v>
      </c>
      <c r="AC32352">
        <v>156</v>
      </c>
      <c r="AD32352">
        <v>160</v>
      </c>
      <c r="AE32352">
        <v>162</v>
      </c>
      <c r="AF32352">
        <v>164</v>
      </c>
      <c r="AG32352">
        <v>165</v>
      </c>
      <c r="AH32352">
        <v>167</v>
      </c>
      <c r="AI32352">
        <v>168</v>
      </c>
      <c r="AJ32352">
        <v>170</v>
      </c>
      <c r="AK32352">
        <v>171</v>
      </c>
      <c r="AL32352">
        <v>173</v>
      </c>
      <c r="AM32352">
        <v>174</v>
      </c>
      <c r="AN32352">
        <v>175</v>
      </c>
      <c r="AO32352">
        <v>177</v>
      </c>
      <c r="AP32352">
        <v>178</v>
      </c>
      <c r="AQ32352">
        <v>180</v>
      </c>
    </row>
    <row r="32353" spans="1:43">
      <c r="A32353" t="s">
        <v>20035</v>
      </c>
      <c r="B32353" t="s">
        <v>20036</v>
      </c>
      <c r="C32353" t="s">
        <v>19959</v>
      </c>
      <c r="D32353" t="s">
        <v>19960</v>
      </c>
      <c r="E32353" t="s">
        <v>19921</v>
      </c>
      <c r="F32353" t="s">
        <v>19922</v>
      </c>
      <c r="G32353" t="s">
        <v>10734</v>
      </c>
      <c r="H32353" t="s">
        <v>10735</v>
      </c>
      <c r="I32353" s="2">
        <v>0</v>
      </c>
      <c r="J32353" s="2">
        <v>0</v>
      </c>
      <c r="K32353" s="2">
        <v>1</v>
      </c>
      <c r="L32353" t="s">
        <v>995</v>
      </c>
      <c r="M32353" t="s">
        <v>83</v>
      </c>
      <c r="N32353" t="s">
        <v>91</v>
      </c>
      <c r="O32353" t="s">
        <v>85</v>
      </c>
      <c r="P32353" t="s">
        <v>86</v>
      </c>
      <c r="Q32353">
        <v>114</v>
      </c>
      <c r="R32353">
        <v>116</v>
      </c>
      <c r="S32353">
        <v>119</v>
      </c>
      <c r="T32353">
        <v>122</v>
      </c>
      <c r="U32353">
        <v>124</v>
      </c>
      <c r="V32353">
        <v>127</v>
      </c>
      <c r="W32353">
        <v>130</v>
      </c>
      <c r="X32353">
        <v>132</v>
      </c>
      <c r="Y32353">
        <v>135</v>
      </c>
      <c r="Z32353">
        <v>138</v>
      </c>
      <c r="AA32353">
        <v>141</v>
      </c>
      <c r="AB32353">
        <v>144</v>
      </c>
      <c r="AC32353">
        <v>147</v>
      </c>
      <c r="AD32353">
        <v>149</v>
      </c>
      <c r="AE32353">
        <v>152</v>
      </c>
      <c r="AF32353">
        <v>155</v>
      </c>
      <c r="AG32353">
        <v>158</v>
      </c>
      <c r="AH32353">
        <v>161</v>
      </c>
      <c r="AI32353">
        <v>164</v>
      </c>
      <c r="AJ32353">
        <v>167</v>
      </c>
      <c r="AK32353">
        <v>170</v>
      </c>
      <c r="AL32353">
        <v>171</v>
      </c>
      <c r="AM32353">
        <v>173</v>
      </c>
      <c r="AN32353">
        <v>174</v>
      </c>
      <c r="AO32353">
        <v>176</v>
      </c>
      <c r="AP32353">
        <v>177</v>
      </c>
      <c r="AQ32353">
        <v>179</v>
      </c>
    </row>
    <row r="32354" spans="1:43">
      <c r="A32354" t="s">
        <v>20037</v>
      </c>
      <c r="B32354" t="s">
        <v>20038</v>
      </c>
      <c r="C32354" t="s">
        <v>20039</v>
      </c>
      <c r="D32354" t="s">
        <v>20040</v>
      </c>
      <c r="E32354" t="s">
        <v>19921</v>
      </c>
      <c r="F32354" t="s">
        <v>19922</v>
      </c>
      <c r="G32354" t="s">
        <v>10734</v>
      </c>
      <c r="H32354" t="s">
        <v>10735</v>
      </c>
      <c r="I32354" s="2">
        <v>0</v>
      </c>
      <c r="J32354" s="2">
        <v>0</v>
      </c>
      <c r="K32354" s="2">
        <v>1</v>
      </c>
      <c r="L32354" t="s">
        <v>995</v>
      </c>
      <c r="M32354" t="s">
        <v>83</v>
      </c>
      <c r="N32354" t="s">
        <v>84</v>
      </c>
      <c r="O32354" t="s">
        <v>85</v>
      </c>
      <c r="P32354" t="s">
        <v>86</v>
      </c>
      <c r="Q32354">
        <v>29</v>
      </c>
      <c r="R32354">
        <v>30</v>
      </c>
      <c r="S32354">
        <v>31</v>
      </c>
      <c r="T32354">
        <v>32</v>
      </c>
      <c r="U32354">
        <v>32</v>
      </c>
      <c r="V32354">
        <v>33</v>
      </c>
      <c r="W32354">
        <v>34</v>
      </c>
      <c r="X32354">
        <v>34</v>
      </c>
      <c r="Y32354">
        <v>35</v>
      </c>
      <c r="Z32354">
        <v>36</v>
      </c>
      <c r="AA32354">
        <v>37</v>
      </c>
      <c r="AB32354">
        <v>37</v>
      </c>
      <c r="AC32354">
        <v>38</v>
      </c>
      <c r="AD32354">
        <v>39</v>
      </c>
      <c r="AE32354">
        <v>39</v>
      </c>
      <c r="AF32354">
        <v>40</v>
      </c>
      <c r="AG32354">
        <v>41</v>
      </c>
      <c r="AH32354">
        <v>42</v>
      </c>
      <c r="AI32354">
        <v>42</v>
      </c>
      <c r="AJ32354">
        <v>43</v>
      </c>
      <c r="AK32354">
        <v>44</v>
      </c>
      <c r="AL32354">
        <v>44</v>
      </c>
      <c r="AM32354">
        <v>45</v>
      </c>
      <c r="AN32354">
        <v>45</v>
      </c>
      <c r="AO32354">
        <v>45</v>
      </c>
      <c r="AP32354">
        <v>46</v>
      </c>
      <c r="AQ32354">
        <v>46</v>
      </c>
    </row>
    <row r="32355" spans="1:43">
      <c r="A32355" t="s">
        <v>20037</v>
      </c>
      <c r="B32355" t="s">
        <v>20038</v>
      </c>
      <c r="C32355" t="s">
        <v>20039</v>
      </c>
      <c r="D32355" t="s">
        <v>20040</v>
      </c>
      <c r="E32355" t="s">
        <v>19921</v>
      </c>
      <c r="F32355" t="s">
        <v>19922</v>
      </c>
      <c r="G32355" t="s">
        <v>10734</v>
      </c>
      <c r="H32355" t="s">
        <v>10735</v>
      </c>
      <c r="I32355" s="2">
        <v>0</v>
      </c>
      <c r="J32355" s="2">
        <v>0</v>
      </c>
      <c r="K32355" s="2">
        <v>1</v>
      </c>
      <c r="L32355" t="s">
        <v>995</v>
      </c>
      <c r="M32355" t="s">
        <v>87</v>
      </c>
      <c r="N32355" t="s">
        <v>88</v>
      </c>
      <c r="O32355" t="s">
        <v>85</v>
      </c>
      <c r="P32355" t="s">
        <v>86</v>
      </c>
      <c r="Q32355">
        <v>29</v>
      </c>
      <c r="R32355">
        <v>30</v>
      </c>
      <c r="S32355">
        <v>30</v>
      </c>
      <c r="T32355">
        <v>30</v>
      </c>
      <c r="U32355">
        <v>31</v>
      </c>
      <c r="V32355">
        <v>31</v>
      </c>
      <c r="W32355">
        <v>32</v>
      </c>
      <c r="X32355">
        <v>32</v>
      </c>
      <c r="Y32355">
        <v>32</v>
      </c>
      <c r="Z32355">
        <v>33</v>
      </c>
      <c r="AA32355">
        <v>33</v>
      </c>
      <c r="AB32355">
        <v>34</v>
      </c>
      <c r="AC32355">
        <v>34</v>
      </c>
      <c r="AD32355">
        <v>35</v>
      </c>
      <c r="AE32355">
        <v>35</v>
      </c>
      <c r="AF32355">
        <v>35</v>
      </c>
      <c r="AG32355">
        <v>36</v>
      </c>
      <c r="AH32355">
        <v>36</v>
      </c>
      <c r="AI32355">
        <v>37</v>
      </c>
      <c r="AJ32355">
        <v>37</v>
      </c>
      <c r="AK32355">
        <v>38</v>
      </c>
      <c r="AL32355">
        <v>38</v>
      </c>
      <c r="AM32355">
        <v>38</v>
      </c>
      <c r="AN32355">
        <v>39</v>
      </c>
      <c r="AO32355">
        <v>39</v>
      </c>
      <c r="AP32355">
        <v>40</v>
      </c>
      <c r="AQ32355">
        <v>40</v>
      </c>
    </row>
    <row r="32356" spans="1:43">
      <c r="A32356" t="s">
        <v>20037</v>
      </c>
      <c r="B32356" t="s">
        <v>20038</v>
      </c>
      <c r="C32356" t="s">
        <v>20039</v>
      </c>
      <c r="D32356" t="s">
        <v>20040</v>
      </c>
      <c r="E32356" t="s">
        <v>19921</v>
      </c>
      <c r="F32356" t="s">
        <v>19922</v>
      </c>
      <c r="G32356" t="s">
        <v>10734</v>
      </c>
      <c r="H32356" t="s">
        <v>10735</v>
      </c>
      <c r="I32356" s="2">
        <v>0</v>
      </c>
      <c r="J32356" s="2">
        <v>0</v>
      </c>
      <c r="K32356" s="2">
        <v>1</v>
      </c>
      <c r="L32356" t="s">
        <v>995</v>
      </c>
      <c r="M32356" t="s">
        <v>89</v>
      </c>
      <c r="N32356" t="s">
        <v>90</v>
      </c>
      <c r="O32356" t="s">
        <v>85</v>
      </c>
      <c r="P32356" t="s">
        <v>86</v>
      </c>
      <c r="Q32356">
        <v>29</v>
      </c>
      <c r="R32356">
        <v>30</v>
      </c>
      <c r="S32356">
        <v>31</v>
      </c>
      <c r="T32356">
        <v>32</v>
      </c>
      <c r="U32356">
        <v>33</v>
      </c>
      <c r="V32356">
        <v>33</v>
      </c>
      <c r="W32356">
        <v>34</v>
      </c>
      <c r="X32356">
        <v>35</v>
      </c>
      <c r="Y32356">
        <v>36</v>
      </c>
      <c r="Z32356">
        <v>37</v>
      </c>
      <c r="AA32356">
        <v>38</v>
      </c>
      <c r="AB32356">
        <v>39</v>
      </c>
      <c r="AC32356">
        <v>40</v>
      </c>
      <c r="AD32356">
        <v>41</v>
      </c>
      <c r="AE32356">
        <v>41</v>
      </c>
      <c r="AF32356">
        <v>42</v>
      </c>
      <c r="AG32356">
        <v>42</v>
      </c>
      <c r="AH32356">
        <v>42</v>
      </c>
      <c r="AI32356">
        <v>43</v>
      </c>
      <c r="AJ32356">
        <v>43</v>
      </c>
      <c r="AK32356">
        <v>43</v>
      </c>
      <c r="AL32356">
        <v>44</v>
      </c>
      <c r="AM32356">
        <v>44</v>
      </c>
      <c r="AN32356">
        <v>44</v>
      </c>
      <c r="AO32356">
        <v>45</v>
      </c>
      <c r="AP32356">
        <v>45</v>
      </c>
      <c r="AQ32356">
        <v>45</v>
      </c>
    </row>
    <row r="32357" spans="1:43">
      <c r="A32357" t="s">
        <v>20037</v>
      </c>
      <c r="B32357" t="s">
        <v>20038</v>
      </c>
      <c r="C32357" t="s">
        <v>20039</v>
      </c>
      <c r="D32357" t="s">
        <v>20040</v>
      </c>
      <c r="E32357" t="s">
        <v>19921</v>
      </c>
      <c r="F32357" t="s">
        <v>19922</v>
      </c>
      <c r="G32357" t="s">
        <v>10734</v>
      </c>
      <c r="H32357" t="s">
        <v>10735</v>
      </c>
      <c r="I32357" s="2">
        <v>0</v>
      </c>
      <c r="J32357" s="2">
        <v>0</v>
      </c>
      <c r="K32357" s="2">
        <v>1</v>
      </c>
      <c r="L32357" t="s">
        <v>995</v>
      </c>
      <c r="M32357" t="s">
        <v>83</v>
      </c>
      <c r="N32357" t="s">
        <v>91</v>
      </c>
      <c r="O32357" t="s">
        <v>85</v>
      </c>
      <c r="P32357" t="s">
        <v>86</v>
      </c>
      <c r="Q32357">
        <v>29</v>
      </c>
      <c r="R32357">
        <v>30</v>
      </c>
      <c r="S32357">
        <v>31</v>
      </c>
      <c r="T32357">
        <v>32</v>
      </c>
      <c r="U32357">
        <v>32</v>
      </c>
      <c r="V32357">
        <v>33</v>
      </c>
      <c r="W32357">
        <v>34</v>
      </c>
      <c r="X32357">
        <v>34</v>
      </c>
      <c r="Y32357">
        <v>35</v>
      </c>
      <c r="Z32357">
        <v>36</v>
      </c>
      <c r="AA32357">
        <v>37</v>
      </c>
      <c r="AB32357">
        <v>37</v>
      </c>
      <c r="AC32357">
        <v>38</v>
      </c>
      <c r="AD32357">
        <v>39</v>
      </c>
      <c r="AE32357">
        <v>39</v>
      </c>
      <c r="AF32357">
        <v>40</v>
      </c>
      <c r="AG32357">
        <v>41</v>
      </c>
      <c r="AH32357">
        <v>42</v>
      </c>
      <c r="AI32357">
        <v>42</v>
      </c>
      <c r="AJ32357">
        <v>43</v>
      </c>
      <c r="AK32357">
        <v>44</v>
      </c>
      <c r="AL32357">
        <v>44</v>
      </c>
      <c r="AM32357">
        <v>45</v>
      </c>
      <c r="AN32357">
        <v>45</v>
      </c>
      <c r="AO32357">
        <v>45</v>
      </c>
      <c r="AP32357">
        <v>46</v>
      </c>
      <c r="AQ32357">
        <v>46</v>
      </c>
    </row>
    <row r="32358" spans="1:43">
      <c r="A32358" t="s">
        <v>20041</v>
      </c>
      <c r="B32358" t="s">
        <v>20042</v>
      </c>
      <c r="C32358" t="s">
        <v>20039</v>
      </c>
      <c r="D32358" t="s">
        <v>20040</v>
      </c>
      <c r="E32358" t="s">
        <v>19921</v>
      </c>
      <c r="F32358" t="s">
        <v>19922</v>
      </c>
      <c r="G32358" t="s">
        <v>10734</v>
      </c>
      <c r="H32358" t="s">
        <v>10735</v>
      </c>
      <c r="I32358" s="2">
        <v>0</v>
      </c>
      <c r="J32358" s="2">
        <v>0</v>
      </c>
      <c r="K32358" s="2">
        <v>1</v>
      </c>
      <c r="L32358" t="s">
        <v>995</v>
      </c>
      <c r="M32358" t="s">
        <v>83</v>
      </c>
      <c r="N32358" t="s">
        <v>84</v>
      </c>
      <c r="O32358" t="s">
        <v>85</v>
      </c>
      <c r="P32358" t="s">
        <v>86</v>
      </c>
      <c r="Q32358">
        <v>19</v>
      </c>
      <c r="R32358">
        <v>20</v>
      </c>
      <c r="S32358">
        <v>20</v>
      </c>
      <c r="T32358">
        <v>21</v>
      </c>
      <c r="U32358">
        <v>21</v>
      </c>
      <c r="V32358">
        <v>22</v>
      </c>
      <c r="W32358">
        <v>22</v>
      </c>
      <c r="X32358">
        <v>23</v>
      </c>
      <c r="Y32358">
        <v>23</v>
      </c>
      <c r="Z32358">
        <v>24</v>
      </c>
      <c r="AA32358">
        <v>24</v>
      </c>
      <c r="AB32358">
        <v>25</v>
      </c>
      <c r="AC32358">
        <v>25</v>
      </c>
      <c r="AD32358">
        <v>26</v>
      </c>
      <c r="AE32358">
        <v>26</v>
      </c>
      <c r="AF32358">
        <v>27</v>
      </c>
      <c r="AG32358">
        <v>27</v>
      </c>
      <c r="AH32358">
        <v>28</v>
      </c>
      <c r="AI32358">
        <v>28</v>
      </c>
      <c r="AJ32358">
        <v>29</v>
      </c>
      <c r="AK32358">
        <v>29</v>
      </c>
      <c r="AL32358">
        <v>29</v>
      </c>
      <c r="AM32358">
        <v>30</v>
      </c>
      <c r="AN32358">
        <v>30</v>
      </c>
      <c r="AO32358">
        <v>30</v>
      </c>
      <c r="AP32358">
        <v>30</v>
      </c>
      <c r="AQ32358">
        <v>31</v>
      </c>
    </row>
    <row r="32359" spans="1:43">
      <c r="A32359" t="s">
        <v>20041</v>
      </c>
      <c r="B32359" t="s">
        <v>20042</v>
      </c>
      <c r="C32359" t="s">
        <v>20039</v>
      </c>
      <c r="D32359" t="s">
        <v>20040</v>
      </c>
      <c r="E32359" t="s">
        <v>19921</v>
      </c>
      <c r="F32359" t="s">
        <v>19922</v>
      </c>
      <c r="G32359" t="s">
        <v>10734</v>
      </c>
      <c r="H32359" t="s">
        <v>10735</v>
      </c>
      <c r="I32359" s="2">
        <v>0</v>
      </c>
      <c r="J32359" s="2">
        <v>0</v>
      </c>
      <c r="K32359" s="2">
        <v>1</v>
      </c>
      <c r="L32359" t="s">
        <v>995</v>
      </c>
      <c r="M32359" t="s">
        <v>87</v>
      </c>
      <c r="N32359" t="s">
        <v>88</v>
      </c>
      <c r="O32359" t="s">
        <v>85</v>
      </c>
      <c r="P32359" t="s">
        <v>86</v>
      </c>
      <c r="Q32359">
        <v>19</v>
      </c>
      <c r="R32359">
        <v>20</v>
      </c>
      <c r="S32359">
        <v>20</v>
      </c>
      <c r="T32359">
        <v>20</v>
      </c>
      <c r="U32359">
        <v>20</v>
      </c>
      <c r="V32359">
        <v>21</v>
      </c>
      <c r="W32359">
        <v>21</v>
      </c>
      <c r="X32359">
        <v>21</v>
      </c>
      <c r="Y32359">
        <v>21</v>
      </c>
      <c r="Z32359">
        <v>22</v>
      </c>
      <c r="AA32359">
        <v>22</v>
      </c>
      <c r="AB32359">
        <v>22</v>
      </c>
      <c r="AC32359">
        <v>23</v>
      </c>
      <c r="AD32359">
        <v>23</v>
      </c>
      <c r="AE32359">
        <v>23</v>
      </c>
      <c r="AF32359">
        <v>23</v>
      </c>
      <c r="AG32359">
        <v>24</v>
      </c>
      <c r="AH32359">
        <v>24</v>
      </c>
      <c r="AI32359">
        <v>24</v>
      </c>
      <c r="AJ32359">
        <v>25</v>
      </c>
      <c r="AK32359">
        <v>25</v>
      </c>
      <c r="AL32359">
        <v>25</v>
      </c>
      <c r="AM32359">
        <v>25</v>
      </c>
      <c r="AN32359">
        <v>26</v>
      </c>
      <c r="AO32359">
        <v>26</v>
      </c>
      <c r="AP32359">
        <v>26</v>
      </c>
      <c r="AQ32359">
        <v>27</v>
      </c>
    </row>
    <row r="32360" spans="1:43">
      <c r="A32360" t="s">
        <v>20041</v>
      </c>
      <c r="B32360" t="s">
        <v>20042</v>
      </c>
      <c r="C32360" t="s">
        <v>20039</v>
      </c>
      <c r="D32360" t="s">
        <v>20040</v>
      </c>
      <c r="E32360" t="s">
        <v>19921</v>
      </c>
      <c r="F32360" t="s">
        <v>19922</v>
      </c>
      <c r="G32360" t="s">
        <v>10734</v>
      </c>
      <c r="H32360" t="s">
        <v>10735</v>
      </c>
      <c r="I32360" s="2">
        <v>0</v>
      </c>
      <c r="J32360" s="2">
        <v>0</v>
      </c>
      <c r="K32360" s="2">
        <v>1</v>
      </c>
      <c r="L32360" t="s">
        <v>995</v>
      </c>
      <c r="M32360" t="s">
        <v>89</v>
      </c>
      <c r="N32360" t="s">
        <v>90</v>
      </c>
      <c r="O32360" t="s">
        <v>85</v>
      </c>
      <c r="P32360" t="s">
        <v>86</v>
      </c>
      <c r="Q32360">
        <v>19</v>
      </c>
      <c r="R32360">
        <v>19</v>
      </c>
      <c r="S32360">
        <v>20</v>
      </c>
      <c r="T32360">
        <v>21</v>
      </c>
      <c r="U32360">
        <v>21</v>
      </c>
      <c r="V32360">
        <v>22</v>
      </c>
      <c r="W32360">
        <v>22</v>
      </c>
      <c r="X32360">
        <v>23</v>
      </c>
      <c r="Y32360">
        <v>24</v>
      </c>
      <c r="Z32360">
        <v>24</v>
      </c>
      <c r="AA32360">
        <v>25</v>
      </c>
      <c r="AB32360">
        <v>25</v>
      </c>
      <c r="AC32360">
        <v>26</v>
      </c>
      <c r="AD32360">
        <v>26</v>
      </c>
      <c r="AE32360">
        <v>27</v>
      </c>
      <c r="AF32360">
        <v>27</v>
      </c>
      <c r="AG32360">
        <v>27</v>
      </c>
      <c r="AH32360">
        <v>28</v>
      </c>
      <c r="AI32360">
        <v>28</v>
      </c>
      <c r="AJ32360">
        <v>28</v>
      </c>
      <c r="AK32360">
        <v>28</v>
      </c>
      <c r="AL32360">
        <v>29</v>
      </c>
      <c r="AM32360">
        <v>29</v>
      </c>
      <c r="AN32360">
        <v>29</v>
      </c>
      <c r="AO32360">
        <v>29</v>
      </c>
      <c r="AP32360">
        <v>30</v>
      </c>
      <c r="AQ32360">
        <v>30</v>
      </c>
    </row>
    <row r="32361" spans="1:43">
      <c r="A32361" t="s">
        <v>20041</v>
      </c>
      <c r="B32361" t="s">
        <v>20042</v>
      </c>
      <c r="C32361" t="s">
        <v>20039</v>
      </c>
      <c r="D32361" t="s">
        <v>20040</v>
      </c>
      <c r="E32361" t="s">
        <v>19921</v>
      </c>
      <c r="F32361" t="s">
        <v>19922</v>
      </c>
      <c r="G32361" t="s">
        <v>10734</v>
      </c>
      <c r="H32361" t="s">
        <v>10735</v>
      </c>
      <c r="I32361" s="2">
        <v>0</v>
      </c>
      <c r="J32361" s="2">
        <v>0</v>
      </c>
      <c r="K32361" s="2">
        <v>1</v>
      </c>
      <c r="L32361" t="s">
        <v>995</v>
      </c>
      <c r="M32361" t="s">
        <v>83</v>
      </c>
      <c r="N32361" t="s">
        <v>91</v>
      </c>
      <c r="O32361" t="s">
        <v>85</v>
      </c>
      <c r="P32361" t="s">
        <v>86</v>
      </c>
      <c r="Q32361">
        <v>19</v>
      </c>
      <c r="R32361">
        <v>20</v>
      </c>
      <c r="S32361">
        <v>20</v>
      </c>
      <c r="T32361">
        <v>21</v>
      </c>
      <c r="U32361">
        <v>21</v>
      </c>
      <c r="V32361">
        <v>22</v>
      </c>
      <c r="W32361">
        <v>22</v>
      </c>
      <c r="X32361">
        <v>23</v>
      </c>
      <c r="Y32361">
        <v>23</v>
      </c>
      <c r="Z32361">
        <v>24</v>
      </c>
      <c r="AA32361">
        <v>24</v>
      </c>
      <c r="AB32361">
        <v>25</v>
      </c>
      <c r="AC32361">
        <v>25</v>
      </c>
      <c r="AD32361">
        <v>26</v>
      </c>
      <c r="AE32361">
        <v>26</v>
      </c>
      <c r="AF32361">
        <v>27</v>
      </c>
      <c r="AG32361">
        <v>27</v>
      </c>
      <c r="AH32361">
        <v>28</v>
      </c>
      <c r="AI32361">
        <v>28</v>
      </c>
      <c r="AJ32361">
        <v>29</v>
      </c>
      <c r="AK32361">
        <v>29</v>
      </c>
      <c r="AL32361">
        <v>29</v>
      </c>
      <c r="AM32361">
        <v>30</v>
      </c>
      <c r="AN32361">
        <v>30</v>
      </c>
      <c r="AO32361">
        <v>30</v>
      </c>
      <c r="AP32361">
        <v>30</v>
      </c>
      <c r="AQ32361">
        <v>31</v>
      </c>
    </row>
    <row r="32362" spans="1:43">
      <c r="A32362" t="s">
        <v>20043</v>
      </c>
      <c r="B32362" t="s">
        <v>20044</v>
      </c>
      <c r="C32362" t="s">
        <v>20039</v>
      </c>
      <c r="D32362" t="s">
        <v>20040</v>
      </c>
      <c r="E32362" t="s">
        <v>19921</v>
      </c>
      <c r="F32362" t="s">
        <v>19922</v>
      </c>
      <c r="G32362" t="s">
        <v>10734</v>
      </c>
      <c r="H32362" t="s">
        <v>10735</v>
      </c>
      <c r="I32362" s="2">
        <v>0</v>
      </c>
      <c r="J32362" s="2">
        <v>0</v>
      </c>
      <c r="K32362" s="2">
        <v>1</v>
      </c>
      <c r="L32362" t="s">
        <v>995</v>
      </c>
      <c r="M32362" t="s">
        <v>83</v>
      </c>
      <c r="N32362" t="s">
        <v>84</v>
      </c>
      <c r="O32362" t="s">
        <v>85</v>
      </c>
      <c r="P32362" t="s">
        <v>86</v>
      </c>
      <c r="Q32362">
        <v>13</v>
      </c>
      <c r="R32362">
        <v>14</v>
      </c>
      <c r="S32362">
        <v>14</v>
      </c>
      <c r="T32362">
        <v>14</v>
      </c>
      <c r="U32362">
        <v>15</v>
      </c>
      <c r="V32362">
        <v>15</v>
      </c>
      <c r="W32362">
        <v>15</v>
      </c>
      <c r="X32362">
        <v>16</v>
      </c>
      <c r="Y32362">
        <v>16</v>
      </c>
      <c r="Z32362">
        <v>16</v>
      </c>
      <c r="AA32362">
        <v>17</v>
      </c>
      <c r="AB32362">
        <v>17</v>
      </c>
      <c r="AC32362">
        <v>17</v>
      </c>
      <c r="AD32362">
        <v>18</v>
      </c>
      <c r="AE32362">
        <v>18</v>
      </c>
      <c r="AF32362">
        <v>18</v>
      </c>
      <c r="AG32362">
        <v>19</v>
      </c>
      <c r="AH32362">
        <v>19</v>
      </c>
      <c r="AI32362">
        <v>19</v>
      </c>
      <c r="AJ32362">
        <v>20</v>
      </c>
      <c r="AK32362">
        <v>20</v>
      </c>
      <c r="AL32362">
        <v>20</v>
      </c>
      <c r="AM32362">
        <v>20</v>
      </c>
      <c r="AN32362">
        <v>20</v>
      </c>
      <c r="AO32362">
        <v>21</v>
      </c>
      <c r="AP32362">
        <v>21</v>
      </c>
      <c r="AQ32362">
        <v>21</v>
      </c>
    </row>
    <row r="32363" spans="1:43">
      <c r="A32363" t="s">
        <v>20043</v>
      </c>
      <c r="B32363" t="s">
        <v>20044</v>
      </c>
      <c r="C32363" t="s">
        <v>20039</v>
      </c>
      <c r="D32363" t="s">
        <v>20040</v>
      </c>
      <c r="E32363" t="s">
        <v>19921</v>
      </c>
      <c r="F32363" t="s">
        <v>19922</v>
      </c>
      <c r="G32363" t="s">
        <v>10734</v>
      </c>
      <c r="H32363" t="s">
        <v>10735</v>
      </c>
      <c r="I32363" s="2">
        <v>0</v>
      </c>
      <c r="J32363" s="2">
        <v>0</v>
      </c>
      <c r="K32363" s="2">
        <v>1</v>
      </c>
      <c r="L32363" t="s">
        <v>995</v>
      </c>
      <c r="M32363" t="s">
        <v>87</v>
      </c>
      <c r="N32363" t="s">
        <v>88</v>
      </c>
      <c r="O32363" t="s">
        <v>85</v>
      </c>
      <c r="P32363" t="s">
        <v>86</v>
      </c>
      <c r="Q32363">
        <v>13</v>
      </c>
      <c r="R32363">
        <v>13</v>
      </c>
      <c r="S32363">
        <v>14</v>
      </c>
      <c r="T32363">
        <v>14</v>
      </c>
      <c r="U32363">
        <v>14</v>
      </c>
      <c r="V32363">
        <v>14</v>
      </c>
      <c r="W32363">
        <v>14</v>
      </c>
      <c r="X32363">
        <v>14</v>
      </c>
      <c r="Y32363">
        <v>15</v>
      </c>
      <c r="Z32363">
        <v>15</v>
      </c>
      <c r="AA32363">
        <v>15</v>
      </c>
      <c r="AB32363">
        <v>15</v>
      </c>
      <c r="AC32363">
        <v>15</v>
      </c>
      <c r="AD32363">
        <v>16</v>
      </c>
      <c r="AE32363">
        <v>16</v>
      </c>
      <c r="AF32363">
        <v>16</v>
      </c>
      <c r="AG32363">
        <v>16</v>
      </c>
      <c r="AH32363">
        <v>16</v>
      </c>
      <c r="AI32363">
        <v>17</v>
      </c>
      <c r="AJ32363">
        <v>17</v>
      </c>
      <c r="AK32363">
        <v>17</v>
      </c>
      <c r="AL32363">
        <v>17</v>
      </c>
      <c r="AM32363">
        <v>17</v>
      </c>
      <c r="AN32363">
        <v>18</v>
      </c>
      <c r="AO32363">
        <v>18</v>
      </c>
      <c r="AP32363">
        <v>18</v>
      </c>
      <c r="AQ32363">
        <v>18</v>
      </c>
    </row>
    <row r="32364" spans="1:43">
      <c r="A32364" t="s">
        <v>20043</v>
      </c>
      <c r="B32364" t="s">
        <v>20044</v>
      </c>
      <c r="C32364" t="s">
        <v>20039</v>
      </c>
      <c r="D32364" t="s">
        <v>20040</v>
      </c>
      <c r="E32364" t="s">
        <v>19921</v>
      </c>
      <c r="F32364" t="s">
        <v>19922</v>
      </c>
      <c r="G32364" t="s">
        <v>10734</v>
      </c>
      <c r="H32364" t="s">
        <v>10735</v>
      </c>
      <c r="I32364" s="2">
        <v>0</v>
      </c>
      <c r="J32364" s="2">
        <v>0</v>
      </c>
      <c r="K32364" s="2">
        <v>1</v>
      </c>
      <c r="L32364" t="s">
        <v>995</v>
      </c>
      <c r="M32364" t="s">
        <v>89</v>
      </c>
      <c r="N32364" t="s">
        <v>90</v>
      </c>
      <c r="O32364" t="s">
        <v>85</v>
      </c>
      <c r="P32364" t="s">
        <v>86</v>
      </c>
      <c r="Q32364">
        <v>13</v>
      </c>
      <c r="R32364">
        <v>14</v>
      </c>
      <c r="S32364">
        <v>14</v>
      </c>
      <c r="T32364">
        <v>15</v>
      </c>
      <c r="U32364">
        <v>15</v>
      </c>
      <c r="V32364">
        <v>16</v>
      </c>
      <c r="W32364">
        <v>16</v>
      </c>
      <c r="X32364">
        <v>16</v>
      </c>
      <c r="Y32364">
        <v>17</v>
      </c>
      <c r="Z32364">
        <v>17</v>
      </c>
      <c r="AA32364">
        <v>18</v>
      </c>
      <c r="AB32364">
        <v>18</v>
      </c>
      <c r="AC32364">
        <v>18</v>
      </c>
      <c r="AD32364">
        <v>19</v>
      </c>
      <c r="AE32364">
        <v>19</v>
      </c>
      <c r="AF32364">
        <v>19</v>
      </c>
      <c r="AG32364">
        <v>19</v>
      </c>
      <c r="AH32364">
        <v>20</v>
      </c>
      <c r="AI32364">
        <v>20</v>
      </c>
      <c r="AJ32364">
        <v>20</v>
      </c>
      <c r="AK32364">
        <v>20</v>
      </c>
      <c r="AL32364">
        <v>20</v>
      </c>
      <c r="AM32364">
        <v>20</v>
      </c>
      <c r="AN32364">
        <v>21</v>
      </c>
      <c r="AO32364">
        <v>21</v>
      </c>
      <c r="AP32364">
        <v>21</v>
      </c>
      <c r="AQ32364">
        <v>21</v>
      </c>
    </row>
    <row r="32365" spans="1:43">
      <c r="A32365" t="s">
        <v>20043</v>
      </c>
      <c r="B32365" t="s">
        <v>20044</v>
      </c>
      <c r="C32365" t="s">
        <v>20039</v>
      </c>
      <c r="D32365" t="s">
        <v>20040</v>
      </c>
      <c r="E32365" t="s">
        <v>19921</v>
      </c>
      <c r="F32365" t="s">
        <v>19922</v>
      </c>
      <c r="G32365" t="s">
        <v>10734</v>
      </c>
      <c r="H32365" t="s">
        <v>10735</v>
      </c>
      <c r="I32365" s="2">
        <v>0</v>
      </c>
      <c r="J32365" s="2">
        <v>0</v>
      </c>
      <c r="K32365" s="2">
        <v>1</v>
      </c>
      <c r="L32365" t="s">
        <v>995</v>
      </c>
      <c r="M32365" t="s">
        <v>83</v>
      </c>
      <c r="N32365" t="s">
        <v>91</v>
      </c>
      <c r="O32365" t="s">
        <v>85</v>
      </c>
      <c r="P32365" t="s">
        <v>86</v>
      </c>
      <c r="Q32365">
        <v>13</v>
      </c>
      <c r="R32365">
        <v>14</v>
      </c>
      <c r="S32365">
        <v>14</v>
      </c>
      <c r="T32365">
        <v>14</v>
      </c>
      <c r="U32365">
        <v>15</v>
      </c>
      <c r="V32365">
        <v>15</v>
      </c>
      <c r="W32365">
        <v>15</v>
      </c>
      <c r="X32365">
        <v>16</v>
      </c>
      <c r="Y32365">
        <v>16</v>
      </c>
      <c r="Z32365">
        <v>16</v>
      </c>
      <c r="AA32365">
        <v>17</v>
      </c>
      <c r="AB32365">
        <v>17</v>
      </c>
      <c r="AC32365">
        <v>17</v>
      </c>
      <c r="AD32365">
        <v>18</v>
      </c>
      <c r="AE32365">
        <v>18</v>
      </c>
      <c r="AF32365">
        <v>18</v>
      </c>
      <c r="AG32365">
        <v>19</v>
      </c>
      <c r="AH32365">
        <v>19</v>
      </c>
      <c r="AI32365">
        <v>19</v>
      </c>
      <c r="AJ32365">
        <v>20</v>
      </c>
      <c r="AK32365">
        <v>20</v>
      </c>
      <c r="AL32365">
        <v>20</v>
      </c>
      <c r="AM32365">
        <v>20</v>
      </c>
      <c r="AN32365">
        <v>20</v>
      </c>
      <c r="AO32365">
        <v>21</v>
      </c>
      <c r="AP32365">
        <v>21</v>
      </c>
      <c r="AQ32365">
        <v>21</v>
      </c>
    </row>
    <row r="32366" spans="1:43">
      <c r="A32366" t="s">
        <v>20045</v>
      </c>
      <c r="B32366" t="s">
        <v>20046</v>
      </c>
      <c r="C32366" t="s">
        <v>19953</v>
      </c>
      <c r="D32366" t="s">
        <v>19954</v>
      </c>
      <c r="E32366" t="s">
        <v>19921</v>
      </c>
      <c r="F32366" t="s">
        <v>19922</v>
      </c>
      <c r="G32366" t="s">
        <v>10734</v>
      </c>
      <c r="H32366" t="s">
        <v>10735</v>
      </c>
      <c r="I32366" s="2">
        <v>0</v>
      </c>
      <c r="J32366" s="2">
        <v>0</v>
      </c>
      <c r="K32366" s="2">
        <v>1</v>
      </c>
      <c r="L32366" t="s">
        <v>995</v>
      </c>
      <c r="M32366" t="s">
        <v>83</v>
      </c>
      <c r="N32366" t="s">
        <v>84</v>
      </c>
      <c r="O32366" t="s">
        <v>85</v>
      </c>
      <c r="P32366" t="s">
        <v>86</v>
      </c>
      <c r="Q32366">
        <v>18</v>
      </c>
      <c r="R32366">
        <v>18</v>
      </c>
      <c r="S32366">
        <v>19</v>
      </c>
      <c r="T32366">
        <v>19</v>
      </c>
      <c r="U32366">
        <v>19</v>
      </c>
      <c r="V32366">
        <v>20</v>
      </c>
      <c r="W32366">
        <v>20</v>
      </c>
      <c r="X32366">
        <v>21</v>
      </c>
      <c r="Y32366">
        <v>21</v>
      </c>
      <c r="Z32366">
        <v>22</v>
      </c>
      <c r="AA32366">
        <v>22</v>
      </c>
      <c r="AB32366">
        <v>23</v>
      </c>
      <c r="AC32366">
        <v>23</v>
      </c>
      <c r="AD32366">
        <v>23</v>
      </c>
      <c r="AE32366">
        <v>24</v>
      </c>
      <c r="AF32366">
        <v>24</v>
      </c>
      <c r="AG32366">
        <v>25</v>
      </c>
      <c r="AH32366">
        <v>25</v>
      </c>
      <c r="AI32366">
        <v>26</v>
      </c>
      <c r="AJ32366">
        <v>26</v>
      </c>
      <c r="AK32366">
        <v>27</v>
      </c>
      <c r="AL32366">
        <v>27</v>
      </c>
      <c r="AM32366">
        <v>27</v>
      </c>
      <c r="AN32366">
        <v>27</v>
      </c>
      <c r="AO32366">
        <v>28</v>
      </c>
      <c r="AP32366">
        <v>28</v>
      </c>
      <c r="AQ32366">
        <v>28</v>
      </c>
    </row>
    <row r="32367" spans="1:43">
      <c r="A32367" t="s">
        <v>20045</v>
      </c>
      <c r="B32367" t="s">
        <v>20046</v>
      </c>
      <c r="C32367" t="s">
        <v>19953</v>
      </c>
      <c r="D32367" t="s">
        <v>19954</v>
      </c>
      <c r="E32367" t="s">
        <v>19921</v>
      </c>
      <c r="F32367" t="s">
        <v>19922</v>
      </c>
      <c r="G32367" t="s">
        <v>10734</v>
      </c>
      <c r="H32367" t="s">
        <v>10735</v>
      </c>
      <c r="I32367" s="2">
        <v>0</v>
      </c>
      <c r="J32367" s="2">
        <v>0</v>
      </c>
      <c r="K32367" s="2">
        <v>1</v>
      </c>
      <c r="L32367" t="s">
        <v>995</v>
      </c>
      <c r="M32367" t="s">
        <v>87</v>
      </c>
      <c r="N32367" t="s">
        <v>88</v>
      </c>
      <c r="O32367" t="s">
        <v>85</v>
      </c>
      <c r="P32367" t="s">
        <v>86</v>
      </c>
      <c r="Q32367">
        <v>18</v>
      </c>
      <c r="R32367">
        <v>18</v>
      </c>
      <c r="S32367">
        <v>18</v>
      </c>
      <c r="T32367">
        <v>18</v>
      </c>
      <c r="U32367">
        <v>19</v>
      </c>
      <c r="V32367">
        <v>19</v>
      </c>
      <c r="W32367">
        <v>19</v>
      </c>
      <c r="X32367">
        <v>19</v>
      </c>
      <c r="Y32367">
        <v>20</v>
      </c>
      <c r="Z32367">
        <v>20</v>
      </c>
      <c r="AA32367">
        <v>20</v>
      </c>
      <c r="AB32367">
        <v>20</v>
      </c>
      <c r="AC32367">
        <v>21</v>
      </c>
      <c r="AD32367">
        <v>21</v>
      </c>
      <c r="AE32367">
        <v>21</v>
      </c>
      <c r="AF32367">
        <v>21</v>
      </c>
      <c r="AG32367">
        <v>22</v>
      </c>
      <c r="AH32367">
        <v>22</v>
      </c>
      <c r="AI32367">
        <v>22</v>
      </c>
      <c r="AJ32367">
        <v>23</v>
      </c>
      <c r="AK32367">
        <v>23</v>
      </c>
      <c r="AL32367">
        <v>23</v>
      </c>
      <c r="AM32367">
        <v>23</v>
      </c>
      <c r="AN32367">
        <v>24</v>
      </c>
      <c r="AO32367">
        <v>24</v>
      </c>
      <c r="AP32367">
        <v>24</v>
      </c>
      <c r="AQ32367">
        <v>24</v>
      </c>
    </row>
    <row r="32368" spans="1:43">
      <c r="A32368" t="s">
        <v>20045</v>
      </c>
      <c r="B32368" t="s">
        <v>20046</v>
      </c>
      <c r="C32368" t="s">
        <v>19953</v>
      </c>
      <c r="D32368" t="s">
        <v>19954</v>
      </c>
      <c r="E32368" t="s">
        <v>19921</v>
      </c>
      <c r="F32368" t="s">
        <v>19922</v>
      </c>
      <c r="G32368" t="s">
        <v>10734</v>
      </c>
      <c r="H32368" t="s">
        <v>10735</v>
      </c>
      <c r="I32368" s="2">
        <v>0</v>
      </c>
      <c r="J32368" s="2">
        <v>0</v>
      </c>
      <c r="K32368" s="2">
        <v>1</v>
      </c>
      <c r="L32368" t="s">
        <v>995</v>
      </c>
      <c r="M32368" t="s">
        <v>89</v>
      </c>
      <c r="N32368" t="s">
        <v>90</v>
      </c>
      <c r="O32368" t="s">
        <v>85</v>
      </c>
      <c r="P32368" t="s">
        <v>86</v>
      </c>
      <c r="Q32368">
        <v>18</v>
      </c>
      <c r="R32368">
        <v>19</v>
      </c>
      <c r="S32368">
        <v>19</v>
      </c>
      <c r="T32368">
        <v>20</v>
      </c>
      <c r="U32368">
        <v>20</v>
      </c>
      <c r="V32368">
        <v>21</v>
      </c>
      <c r="W32368">
        <v>21</v>
      </c>
      <c r="X32368">
        <v>22</v>
      </c>
      <c r="Y32368">
        <v>22</v>
      </c>
      <c r="Z32368">
        <v>23</v>
      </c>
      <c r="AA32368">
        <v>24</v>
      </c>
      <c r="AB32368">
        <v>24</v>
      </c>
      <c r="AC32368">
        <v>25</v>
      </c>
      <c r="AD32368">
        <v>25</v>
      </c>
      <c r="AE32368">
        <v>26</v>
      </c>
      <c r="AF32368">
        <v>26</v>
      </c>
      <c r="AG32368">
        <v>26</v>
      </c>
      <c r="AH32368">
        <v>26</v>
      </c>
      <c r="AI32368">
        <v>26</v>
      </c>
      <c r="AJ32368">
        <v>27</v>
      </c>
      <c r="AK32368">
        <v>27</v>
      </c>
      <c r="AL32368">
        <v>27</v>
      </c>
      <c r="AM32368">
        <v>27</v>
      </c>
      <c r="AN32368">
        <v>28</v>
      </c>
      <c r="AO32368">
        <v>28</v>
      </c>
      <c r="AP32368">
        <v>28</v>
      </c>
      <c r="AQ32368">
        <v>28</v>
      </c>
    </row>
    <row r="32369" spans="1:43">
      <c r="A32369" t="s">
        <v>20045</v>
      </c>
      <c r="B32369" t="s">
        <v>20046</v>
      </c>
      <c r="C32369" t="s">
        <v>19953</v>
      </c>
      <c r="D32369" t="s">
        <v>19954</v>
      </c>
      <c r="E32369" t="s">
        <v>19921</v>
      </c>
      <c r="F32369" t="s">
        <v>19922</v>
      </c>
      <c r="G32369" t="s">
        <v>10734</v>
      </c>
      <c r="H32369" t="s">
        <v>10735</v>
      </c>
      <c r="I32369" s="2">
        <v>0</v>
      </c>
      <c r="J32369" s="2">
        <v>0</v>
      </c>
      <c r="K32369" s="2">
        <v>1</v>
      </c>
      <c r="L32369" t="s">
        <v>995</v>
      </c>
      <c r="M32369" t="s">
        <v>83</v>
      </c>
      <c r="N32369" t="s">
        <v>91</v>
      </c>
      <c r="O32369" t="s">
        <v>85</v>
      </c>
      <c r="P32369" t="s">
        <v>86</v>
      </c>
      <c r="Q32369">
        <v>18</v>
      </c>
      <c r="R32369">
        <v>18</v>
      </c>
      <c r="S32369">
        <v>19</v>
      </c>
      <c r="T32369">
        <v>19</v>
      </c>
      <c r="U32369">
        <v>19</v>
      </c>
      <c r="V32369">
        <v>20</v>
      </c>
      <c r="W32369">
        <v>20</v>
      </c>
      <c r="X32369">
        <v>21</v>
      </c>
      <c r="Y32369">
        <v>21</v>
      </c>
      <c r="Z32369">
        <v>22</v>
      </c>
      <c r="AA32369">
        <v>22</v>
      </c>
      <c r="AB32369">
        <v>23</v>
      </c>
      <c r="AC32369">
        <v>23</v>
      </c>
      <c r="AD32369">
        <v>23</v>
      </c>
      <c r="AE32369">
        <v>24</v>
      </c>
      <c r="AF32369">
        <v>24</v>
      </c>
      <c r="AG32369">
        <v>25</v>
      </c>
      <c r="AH32369">
        <v>25</v>
      </c>
      <c r="AI32369">
        <v>26</v>
      </c>
      <c r="AJ32369">
        <v>26</v>
      </c>
      <c r="AK32369">
        <v>27</v>
      </c>
      <c r="AL32369">
        <v>27</v>
      </c>
      <c r="AM32369">
        <v>27</v>
      </c>
      <c r="AN32369">
        <v>27</v>
      </c>
      <c r="AO32369">
        <v>28</v>
      </c>
      <c r="AP32369">
        <v>28</v>
      </c>
      <c r="AQ32369">
        <v>28</v>
      </c>
    </row>
    <row r="32370" spans="1:43">
      <c r="A32370" t="s">
        <v>20047</v>
      </c>
      <c r="B32370" t="s">
        <v>20048</v>
      </c>
      <c r="C32370" t="s">
        <v>19953</v>
      </c>
      <c r="D32370" t="s">
        <v>19954</v>
      </c>
      <c r="E32370" t="s">
        <v>19921</v>
      </c>
      <c r="F32370" t="s">
        <v>19922</v>
      </c>
      <c r="G32370" t="s">
        <v>10734</v>
      </c>
      <c r="H32370" t="s">
        <v>10735</v>
      </c>
      <c r="I32370" s="2">
        <v>0</v>
      </c>
      <c r="J32370" s="2">
        <v>0</v>
      </c>
      <c r="K32370" s="2">
        <v>1</v>
      </c>
      <c r="L32370" t="s">
        <v>995</v>
      </c>
      <c r="M32370" t="s">
        <v>83</v>
      </c>
      <c r="N32370" t="s">
        <v>84</v>
      </c>
      <c r="O32370" t="s">
        <v>85</v>
      </c>
      <c r="P32370" t="s">
        <v>86</v>
      </c>
      <c r="Q32370">
        <v>9</v>
      </c>
      <c r="R32370">
        <v>10</v>
      </c>
      <c r="S32370">
        <v>10</v>
      </c>
      <c r="T32370">
        <v>10</v>
      </c>
      <c r="U32370">
        <v>10</v>
      </c>
      <c r="V32370">
        <v>11</v>
      </c>
      <c r="W32370">
        <v>11</v>
      </c>
      <c r="X32370">
        <v>11</v>
      </c>
      <c r="Y32370">
        <v>11</v>
      </c>
      <c r="Z32370">
        <v>12</v>
      </c>
      <c r="AA32370">
        <v>12</v>
      </c>
      <c r="AB32370">
        <v>12</v>
      </c>
      <c r="AC32370">
        <v>12</v>
      </c>
      <c r="AD32370">
        <v>12</v>
      </c>
      <c r="AE32370">
        <v>13</v>
      </c>
      <c r="AF32370">
        <v>13</v>
      </c>
      <c r="AG32370">
        <v>13</v>
      </c>
      <c r="AH32370">
        <v>13</v>
      </c>
      <c r="AI32370">
        <v>14</v>
      </c>
      <c r="AJ32370">
        <v>14</v>
      </c>
      <c r="AK32370">
        <v>14</v>
      </c>
      <c r="AL32370">
        <v>14</v>
      </c>
      <c r="AM32370">
        <v>14</v>
      </c>
      <c r="AN32370">
        <v>14</v>
      </c>
      <c r="AO32370">
        <v>15</v>
      </c>
      <c r="AP32370">
        <v>15</v>
      </c>
      <c r="AQ32370">
        <v>15</v>
      </c>
    </row>
    <row r="32371" spans="1:43">
      <c r="A32371" t="s">
        <v>20047</v>
      </c>
      <c r="B32371" t="s">
        <v>20048</v>
      </c>
      <c r="C32371" t="s">
        <v>19953</v>
      </c>
      <c r="D32371" t="s">
        <v>19954</v>
      </c>
      <c r="E32371" t="s">
        <v>19921</v>
      </c>
      <c r="F32371" t="s">
        <v>19922</v>
      </c>
      <c r="G32371" t="s">
        <v>10734</v>
      </c>
      <c r="H32371" t="s">
        <v>10735</v>
      </c>
      <c r="I32371" s="2">
        <v>0</v>
      </c>
      <c r="J32371" s="2">
        <v>0</v>
      </c>
      <c r="K32371" s="2">
        <v>1</v>
      </c>
      <c r="L32371" t="s">
        <v>995</v>
      </c>
      <c r="M32371" t="s">
        <v>87</v>
      </c>
      <c r="N32371" t="s">
        <v>88</v>
      </c>
      <c r="O32371" t="s">
        <v>85</v>
      </c>
      <c r="P32371" t="s">
        <v>86</v>
      </c>
      <c r="Q32371">
        <v>9</v>
      </c>
      <c r="R32371">
        <v>9</v>
      </c>
      <c r="S32371">
        <v>10</v>
      </c>
      <c r="T32371">
        <v>10</v>
      </c>
      <c r="U32371">
        <v>10</v>
      </c>
      <c r="V32371">
        <v>10</v>
      </c>
      <c r="W32371">
        <v>10</v>
      </c>
      <c r="X32371">
        <v>10</v>
      </c>
      <c r="Y32371">
        <v>10</v>
      </c>
      <c r="Z32371">
        <v>11</v>
      </c>
      <c r="AA32371">
        <v>11</v>
      </c>
      <c r="AB32371">
        <v>11</v>
      </c>
      <c r="AC32371">
        <v>11</v>
      </c>
      <c r="AD32371">
        <v>11</v>
      </c>
      <c r="AE32371">
        <v>11</v>
      </c>
      <c r="AF32371">
        <v>11</v>
      </c>
      <c r="AG32371">
        <v>12</v>
      </c>
      <c r="AH32371">
        <v>12</v>
      </c>
      <c r="AI32371">
        <v>12</v>
      </c>
      <c r="AJ32371">
        <v>12</v>
      </c>
      <c r="AK32371">
        <v>12</v>
      </c>
      <c r="AL32371">
        <v>12</v>
      </c>
      <c r="AM32371">
        <v>12</v>
      </c>
      <c r="AN32371">
        <v>13</v>
      </c>
      <c r="AO32371">
        <v>13</v>
      </c>
      <c r="AP32371">
        <v>13</v>
      </c>
      <c r="AQ32371">
        <v>13</v>
      </c>
    </row>
    <row r="32372" spans="1:43">
      <c r="A32372" t="s">
        <v>20047</v>
      </c>
      <c r="B32372" t="s">
        <v>20048</v>
      </c>
      <c r="C32372" t="s">
        <v>19953</v>
      </c>
      <c r="D32372" t="s">
        <v>19954</v>
      </c>
      <c r="E32372" t="s">
        <v>19921</v>
      </c>
      <c r="F32372" t="s">
        <v>19922</v>
      </c>
      <c r="G32372" t="s">
        <v>10734</v>
      </c>
      <c r="H32372" t="s">
        <v>10735</v>
      </c>
      <c r="I32372" s="2">
        <v>0</v>
      </c>
      <c r="J32372" s="2">
        <v>0</v>
      </c>
      <c r="K32372" s="2">
        <v>1</v>
      </c>
      <c r="L32372" t="s">
        <v>995</v>
      </c>
      <c r="M32372" t="s">
        <v>89</v>
      </c>
      <c r="N32372" t="s">
        <v>90</v>
      </c>
      <c r="O32372" t="s">
        <v>85</v>
      </c>
      <c r="P32372" t="s">
        <v>86</v>
      </c>
      <c r="Q32372">
        <v>9</v>
      </c>
      <c r="R32372">
        <v>9</v>
      </c>
      <c r="S32372">
        <v>9</v>
      </c>
      <c r="T32372">
        <v>9</v>
      </c>
      <c r="U32372">
        <v>10</v>
      </c>
      <c r="V32372">
        <v>10</v>
      </c>
      <c r="W32372">
        <v>10</v>
      </c>
      <c r="X32372">
        <v>11</v>
      </c>
      <c r="Y32372">
        <v>11</v>
      </c>
      <c r="Z32372">
        <v>11</v>
      </c>
      <c r="AA32372">
        <v>11</v>
      </c>
      <c r="AB32372">
        <v>12</v>
      </c>
      <c r="AC32372">
        <v>12</v>
      </c>
      <c r="AD32372">
        <v>12</v>
      </c>
      <c r="AE32372">
        <v>13</v>
      </c>
      <c r="AF32372">
        <v>13</v>
      </c>
      <c r="AG32372">
        <v>13</v>
      </c>
      <c r="AH32372">
        <v>13</v>
      </c>
      <c r="AI32372">
        <v>13</v>
      </c>
      <c r="AJ32372">
        <v>13</v>
      </c>
      <c r="AK32372">
        <v>13</v>
      </c>
      <c r="AL32372">
        <v>13</v>
      </c>
      <c r="AM32372">
        <v>14</v>
      </c>
      <c r="AN32372">
        <v>14</v>
      </c>
      <c r="AO32372">
        <v>14</v>
      </c>
      <c r="AP32372">
        <v>14</v>
      </c>
      <c r="AQ32372">
        <v>14</v>
      </c>
    </row>
    <row r="32373" spans="1:43">
      <c r="A32373" t="s">
        <v>20047</v>
      </c>
      <c r="B32373" t="s">
        <v>20048</v>
      </c>
      <c r="C32373" t="s">
        <v>19953</v>
      </c>
      <c r="D32373" t="s">
        <v>19954</v>
      </c>
      <c r="E32373" t="s">
        <v>19921</v>
      </c>
      <c r="F32373" t="s">
        <v>19922</v>
      </c>
      <c r="G32373" t="s">
        <v>10734</v>
      </c>
      <c r="H32373" t="s">
        <v>10735</v>
      </c>
      <c r="I32373" s="2">
        <v>0</v>
      </c>
      <c r="J32373" s="2">
        <v>0</v>
      </c>
      <c r="K32373" s="2">
        <v>1</v>
      </c>
      <c r="L32373" t="s">
        <v>995</v>
      </c>
      <c r="M32373" t="s">
        <v>83</v>
      </c>
      <c r="N32373" t="s">
        <v>91</v>
      </c>
      <c r="O32373" t="s">
        <v>85</v>
      </c>
      <c r="P32373" t="s">
        <v>86</v>
      </c>
      <c r="Q32373">
        <v>9</v>
      </c>
      <c r="R32373">
        <v>10</v>
      </c>
      <c r="S32373">
        <v>10</v>
      </c>
      <c r="T32373">
        <v>10</v>
      </c>
      <c r="U32373">
        <v>10</v>
      </c>
      <c r="V32373">
        <v>11</v>
      </c>
      <c r="W32373">
        <v>11</v>
      </c>
      <c r="X32373">
        <v>11</v>
      </c>
      <c r="Y32373">
        <v>11</v>
      </c>
      <c r="Z32373">
        <v>12</v>
      </c>
      <c r="AA32373">
        <v>12</v>
      </c>
      <c r="AB32373">
        <v>12</v>
      </c>
      <c r="AC32373">
        <v>12</v>
      </c>
      <c r="AD32373">
        <v>12</v>
      </c>
      <c r="AE32373">
        <v>13</v>
      </c>
      <c r="AF32373">
        <v>13</v>
      </c>
      <c r="AG32373">
        <v>13</v>
      </c>
      <c r="AH32373">
        <v>13</v>
      </c>
      <c r="AI32373">
        <v>14</v>
      </c>
      <c r="AJ32373">
        <v>14</v>
      </c>
      <c r="AK32373">
        <v>14</v>
      </c>
      <c r="AL32373">
        <v>14</v>
      </c>
      <c r="AM32373">
        <v>14</v>
      </c>
      <c r="AN32373">
        <v>14</v>
      </c>
      <c r="AO32373">
        <v>15</v>
      </c>
      <c r="AP32373">
        <v>15</v>
      </c>
      <c r="AQ32373">
        <v>15</v>
      </c>
    </row>
    <row r="32374" spans="1:43">
      <c r="A32374" t="s">
        <v>20049</v>
      </c>
      <c r="B32374" t="s">
        <v>20050</v>
      </c>
      <c r="C32374" t="s">
        <v>19953</v>
      </c>
      <c r="D32374" t="s">
        <v>19954</v>
      </c>
      <c r="E32374" t="s">
        <v>19921</v>
      </c>
      <c r="F32374" t="s">
        <v>19922</v>
      </c>
      <c r="G32374" t="s">
        <v>10734</v>
      </c>
      <c r="H32374" t="s">
        <v>10735</v>
      </c>
      <c r="I32374" s="2">
        <v>0</v>
      </c>
      <c r="J32374" s="2">
        <v>0</v>
      </c>
      <c r="K32374" s="2">
        <v>1</v>
      </c>
      <c r="L32374" t="s">
        <v>995</v>
      </c>
      <c r="M32374" t="s">
        <v>83</v>
      </c>
      <c r="N32374" t="s">
        <v>84</v>
      </c>
      <c r="O32374" t="s">
        <v>85</v>
      </c>
      <c r="P32374" t="s">
        <v>86</v>
      </c>
      <c r="Q32374">
        <v>22</v>
      </c>
      <c r="R32374">
        <v>23</v>
      </c>
      <c r="S32374">
        <v>23</v>
      </c>
      <c r="T32374">
        <v>24</v>
      </c>
      <c r="U32374">
        <v>24</v>
      </c>
      <c r="V32374">
        <v>25</v>
      </c>
      <c r="W32374">
        <v>25</v>
      </c>
      <c r="X32374">
        <v>26</v>
      </c>
      <c r="Y32374">
        <v>27</v>
      </c>
      <c r="Z32374">
        <v>27</v>
      </c>
      <c r="AA32374">
        <v>28</v>
      </c>
      <c r="AB32374">
        <v>28</v>
      </c>
      <c r="AC32374">
        <v>29</v>
      </c>
      <c r="AD32374">
        <v>29</v>
      </c>
      <c r="AE32374">
        <v>30</v>
      </c>
      <c r="AF32374">
        <v>30</v>
      </c>
      <c r="AG32374">
        <v>31</v>
      </c>
      <c r="AH32374">
        <v>32</v>
      </c>
      <c r="AI32374">
        <v>32</v>
      </c>
      <c r="AJ32374">
        <v>33</v>
      </c>
      <c r="AK32374">
        <v>33</v>
      </c>
      <c r="AL32374">
        <v>34</v>
      </c>
      <c r="AM32374">
        <v>34</v>
      </c>
      <c r="AN32374">
        <v>34</v>
      </c>
      <c r="AO32374">
        <v>34</v>
      </c>
      <c r="AP32374">
        <v>35</v>
      </c>
      <c r="AQ32374">
        <v>35</v>
      </c>
    </row>
    <row r="32375" spans="1:43">
      <c r="A32375" t="s">
        <v>20049</v>
      </c>
      <c r="B32375" t="s">
        <v>20050</v>
      </c>
      <c r="C32375" t="s">
        <v>19953</v>
      </c>
      <c r="D32375" t="s">
        <v>19954</v>
      </c>
      <c r="E32375" t="s">
        <v>19921</v>
      </c>
      <c r="F32375" t="s">
        <v>19922</v>
      </c>
      <c r="G32375" t="s">
        <v>10734</v>
      </c>
      <c r="H32375" t="s">
        <v>10735</v>
      </c>
      <c r="I32375" s="2">
        <v>0</v>
      </c>
      <c r="J32375" s="2">
        <v>0</v>
      </c>
      <c r="K32375" s="2">
        <v>1</v>
      </c>
      <c r="L32375" t="s">
        <v>995</v>
      </c>
      <c r="M32375" t="s">
        <v>87</v>
      </c>
      <c r="N32375" t="s">
        <v>88</v>
      </c>
      <c r="O32375" t="s">
        <v>85</v>
      </c>
      <c r="P32375" t="s">
        <v>86</v>
      </c>
      <c r="Q32375">
        <v>22</v>
      </c>
      <c r="R32375">
        <v>22</v>
      </c>
      <c r="S32375">
        <v>23</v>
      </c>
      <c r="T32375">
        <v>23</v>
      </c>
      <c r="U32375">
        <v>23</v>
      </c>
      <c r="V32375">
        <v>24</v>
      </c>
      <c r="W32375">
        <v>24</v>
      </c>
      <c r="X32375">
        <v>24</v>
      </c>
      <c r="Y32375">
        <v>25</v>
      </c>
      <c r="Z32375">
        <v>25</v>
      </c>
      <c r="AA32375">
        <v>25</v>
      </c>
      <c r="AB32375">
        <v>26</v>
      </c>
      <c r="AC32375">
        <v>26</v>
      </c>
      <c r="AD32375">
        <v>26</v>
      </c>
      <c r="AE32375">
        <v>27</v>
      </c>
      <c r="AF32375">
        <v>27</v>
      </c>
      <c r="AG32375">
        <v>27</v>
      </c>
      <c r="AH32375">
        <v>28</v>
      </c>
      <c r="AI32375">
        <v>28</v>
      </c>
      <c r="AJ32375">
        <v>28</v>
      </c>
      <c r="AK32375">
        <v>29</v>
      </c>
      <c r="AL32375">
        <v>29</v>
      </c>
      <c r="AM32375">
        <v>29</v>
      </c>
      <c r="AN32375">
        <v>30</v>
      </c>
      <c r="AO32375">
        <v>30</v>
      </c>
      <c r="AP32375">
        <v>30</v>
      </c>
      <c r="AQ32375">
        <v>31</v>
      </c>
    </row>
    <row r="32376" spans="1:43">
      <c r="A32376" t="s">
        <v>20049</v>
      </c>
      <c r="B32376" t="s">
        <v>20050</v>
      </c>
      <c r="C32376" t="s">
        <v>19953</v>
      </c>
      <c r="D32376" t="s">
        <v>19954</v>
      </c>
      <c r="E32376" t="s">
        <v>19921</v>
      </c>
      <c r="F32376" t="s">
        <v>19922</v>
      </c>
      <c r="G32376" t="s">
        <v>10734</v>
      </c>
      <c r="H32376" t="s">
        <v>10735</v>
      </c>
      <c r="I32376" s="2">
        <v>0</v>
      </c>
      <c r="J32376" s="2">
        <v>0</v>
      </c>
      <c r="K32376" s="2">
        <v>1</v>
      </c>
      <c r="L32376" t="s">
        <v>995</v>
      </c>
      <c r="M32376" t="s">
        <v>89</v>
      </c>
      <c r="N32376" t="s">
        <v>90</v>
      </c>
      <c r="O32376" t="s">
        <v>85</v>
      </c>
      <c r="P32376" t="s">
        <v>86</v>
      </c>
      <c r="Q32376">
        <v>22</v>
      </c>
      <c r="R32376">
        <v>23</v>
      </c>
      <c r="S32376">
        <v>24</v>
      </c>
      <c r="T32376">
        <v>25</v>
      </c>
      <c r="U32376">
        <v>25</v>
      </c>
      <c r="V32376">
        <v>26</v>
      </c>
      <c r="W32376">
        <v>27</v>
      </c>
      <c r="X32376">
        <v>27</v>
      </c>
      <c r="Y32376">
        <v>28</v>
      </c>
      <c r="Z32376">
        <v>29</v>
      </c>
      <c r="AA32376">
        <v>29</v>
      </c>
      <c r="AB32376">
        <v>30</v>
      </c>
      <c r="AC32376">
        <v>31</v>
      </c>
      <c r="AD32376">
        <v>31</v>
      </c>
      <c r="AE32376">
        <v>32</v>
      </c>
      <c r="AF32376">
        <v>32</v>
      </c>
      <c r="AG32376">
        <v>33</v>
      </c>
      <c r="AH32376">
        <v>33</v>
      </c>
      <c r="AI32376">
        <v>33</v>
      </c>
      <c r="AJ32376">
        <v>33</v>
      </c>
      <c r="AK32376">
        <v>34</v>
      </c>
      <c r="AL32376">
        <v>34</v>
      </c>
      <c r="AM32376">
        <v>34</v>
      </c>
      <c r="AN32376">
        <v>35</v>
      </c>
      <c r="AO32376">
        <v>35</v>
      </c>
      <c r="AP32376">
        <v>35</v>
      </c>
      <c r="AQ32376">
        <v>35</v>
      </c>
    </row>
    <row r="32377" spans="1:43">
      <c r="A32377" t="s">
        <v>20049</v>
      </c>
      <c r="B32377" t="s">
        <v>20050</v>
      </c>
      <c r="C32377" t="s">
        <v>19953</v>
      </c>
      <c r="D32377" t="s">
        <v>19954</v>
      </c>
      <c r="E32377" t="s">
        <v>19921</v>
      </c>
      <c r="F32377" t="s">
        <v>19922</v>
      </c>
      <c r="G32377" t="s">
        <v>10734</v>
      </c>
      <c r="H32377" t="s">
        <v>10735</v>
      </c>
      <c r="I32377" s="2">
        <v>0</v>
      </c>
      <c r="J32377" s="2">
        <v>0</v>
      </c>
      <c r="K32377" s="2">
        <v>1</v>
      </c>
      <c r="L32377" t="s">
        <v>995</v>
      </c>
      <c r="M32377" t="s">
        <v>83</v>
      </c>
      <c r="N32377" t="s">
        <v>91</v>
      </c>
      <c r="O32377" t="s">
        <v>85</v>
      </c>
      <c r="P32377" t="s">
        <v>86</v>
      </c>
      <c r="Q32377">
        <v>22</v>
      </c>
      <c r="R32377">
        <v>23</v>
      </c>
      <c r="S32377">
        <v>23</v>
      </c>
      <c r="T32377">
        <v>24</v>
      </c>
      <c r="U32377">
        <v>24</v>
      </c>
      <c r="V32377">
        <v>25</v>
      </c>
      <c r="W32377">
        <v>25</v>
      </c>
      <c r="X32377">
        <v>26</v>
      </c>
      <c r="Y32377">
        <v>27</v>
      </c>
      <c r="Z32377">
        <v>27</v>
      </c>
      <c r="AA32377">
        <v>28</v>
      </c>
      <c r="AB32377">
        <v>28</v>
      </c>
      <c r="AC32377">
        <v>29</v>
      </c>
      <c r="AD32377">
        <v>29</v>
      </c>
      <c r="AE32377">
        <v>30</v>
      </c>
      <c r="AF32377">
        <v>30</v>
      </c>
      <c r="AG32377">
        <v>31</v>
      </c>
      <c r="AH32377">
        <v>32</v>
      </c>
      <c r="AI32377">
        <v>32</v>
      </c>
      <c r="AJ32377">
        <v>33</v>
      </c>
      <c r="AK32377">
        <v>33</v>
      </c>
      <c r="AL32377">
        <v>34</v>
      </c>
      <c r="AM32377">
        <v>34</v>
      </c>
      <c r="AN32377">
        <v>34</v>
      </c>
      <c r="AO32377">
        <v>34</v>
      </c>
      <c r="AP32377">
        <v>35</v>
      </c>
      <c r="AQ32377">
        <v>35</v>
      </c>
    </row>
    <row r="32378" spans="1:43">
      <c r="A32378" t="s">
        <v>20051</v>
      </c>
      <c r="B32378" t="s">
        <v>20052</v>
      </c>
      <c r="C32378" t="s">
        <v>20017</v>
      </c>
      <c r="D32378" t="s">
        <v>20018</v>
      </c>
      <c r="E32378" t="s">
        <v>19921</v>
      </c>
      <c r="F32378" t="s">
        <v>19922</v>
      </c>
      <c r="G32378" t="s">
        <v>10734</v>
      </c>
      <c r="H32378" t="s">
        <v>10735</v>
      </c>
      <c r="I32378" s="2">
        <v>0</v>
      </c>
      <c r="J32378" s="2">
        <v>0</v>
      </c>
      <c r="K32378" s="2">
        <v>1</v>
      </c>
      <c r="L32378" t="s">
        <v>995</v>
      </c>
      <c r="M32378" t="s">
        <v>83</v>
      </c>
      <c r="N32378" t="s">
        <v>84</v>
      </c>
      <c r="O32378" t="s">
        <v>85</v>
      </c>
      <c r="P32378" t="s">
        <v>86</v>
      </c>
      <c r="Q32378">
        <v>13</v>
      </c>
      <c r="R32378">
        <v>13</v>
      </c>
      <c r="S32378">
        <v>13</v>
      </c>
      <c r="T32378">
        <v>13</v>
      </c>
      <c r="U32378">
        <v>14</v>
      </c>
      <c r="V32378">
        <v>14</v>
      </c>
      <c r="W32378">
        <v>14</v>
      </c>
      <c r="X32378">
        <v>15</v>
      </c>
      <c r="Y32378">
        <v>15</v>
      </c>
      <c r="Z32378">
        <v>15</v>
      </c>
      <c r="AA32378">
        <v>16</v>
      </c>
      <c r="AB32378">
        <v>16</v>
      </c>
      <c r="AC32378">
        <v>16</v>
      </c>
      <c r="AD32378">
        <v>16</v>
      </c>
      <c r="AE32378">
        <v>17</v>
      </c>
      <c r="AF32378">
        <v>17</v>
      </c>
      <c r="AG32378">
        <v>17</v>
      </c>
      <c r="AH32378">
        <v>18</v>
      </c>
      <c r="AI32378">
        <v>18</v>
      </c>
      <c r="AJ32378">
        <v>18</v>
      </c>
      <c r="AK32378">
        <v>19</v>
      </c>
      <c r="AL32378">
        <v>19</v>
      </c>
      <c r="AM32378">
        <v>19</v>
      </c>
      <c r="AN32378">
        <v>19</v>
      </c>
      <c r="AO32378">
        <v>19</v>
      </c>
      <c r="AP32378">
        <v>19</v>
      </c>
      <c r="AQ32378">
        <v>20</v>
      </c>
    </row>
    <row r="32379" spans="1:43">
      <c r="A32379" t="s">
        <v>20051</v>
      </c>
      <c r="B32379" t="s">
        <v>20052</v>
      </c>
      <c r="C32379" t="s">
        <v>20017</v>
      </c>
      <c r="D32379" t="s">
        <v>20018</v>
      </c>
      <c r="E32379" t="s">
        <v>19921</v>
      </c>
      <c r="F32379" t="s">
        <v>19922</v>
      </c>
      <c r="G32379" t="s">
        <v>10734</v>
      </c>
      <c r="H32379" t="s">
        <v>10735</v>
      </c>
      <c r="I32379" s="2">
        <v>0</v>
      </c>
      <c r="J32379" s="2">
        <v>0</v>
      </c>
      <c r="K32379" s="2">
        <v>1</v>
      </c>
      <c r="L32379" t="s">
        <v>995</v>
      </c>
      <c r="M32379" t="s">
        <v>87</v>
      </c>
      <c r="N32379" t="s">
        <v>88</v>
      </c>
      <c r="O32379" t="s">
        <v>85</v>
      </c>
      <c r="P32379" t="s">
        <v>86</v>
      </c>
      <c r="Q32379">
        <v>13</v>
      </c>
      <c r="R32379">
        <v>14</v>
      </c>
      <c r="S32379">
        <v>14</v>
      </c>
      <c r="T32379">
        <v>14</v>
      </c>
      <c r="U32379">
        <v>14</v>
      </c>
      <c r="V32379">
        <v>14</v>
      </c>
      <c r="W32379">
        <v>14</v>
      </c>
      <c r="X32379">
        <v>15</v>
      </c>
      <c r="Y32379">
        <v>15</v>
      </c>
      <c r="Z32379">
        <v>15</v>
      </c>
      <c r="AA32379">
        <v>15</v>
      </c>
      <c r="AB32379">
        <v>15</v>
      </c>
      <c r="AC32379">
        <v>16</v>
      </c>
      <c r="AD32379">
        <v>16</v>
      </c>
      <c r="AE32379">
        <v>16</v>
      </c>
      <c r="AF32379">
        <v>16</v>
      </c>
      <c r="AG32379">
        <v>16</v>
      </c>
      <c r="AH32379">
        <v>16</v>
      </c>
      <c r="AI32379">
        <v>17</v>
      </c>
      <c r="AJ32379">
        <v>17</v>
      </c>
      <c r="AK32379">
        <v>17</v>
      </c>
      <c r="AL32379">
        <v>17</v>
      </c>
      <c r="AM32379">
        <v>17</v>
      </c>
      <c r="AN32379">
        <v>18</v>
      </c>
      <c r="AO32379">
        <v>18</v>
      </c>
      <c r="AP32379">
        <v>18</v>
      </c>
      <c r="AQ32379">
        <v>18</v>
      </c>
    </row>
    <row r="32380" spans="1:43">
      <c r="A32380" t="s">
        <v>20051</v>
      </c>
      <c r="B32380" t="s">
        <v>20052</v>
      </c>
      <c r="C32380" t="s">
        <v>20017</v>
      </c>
      <c r="D32380" t="s">
        <v>20018</v>
      </c>
      <c r="E32380" t="s">
        <v>19921</v>
      </c>
      <c r="F32380" t="s">
        <v>19922</v>
      </c>
      <c r="G32380" t="s">
        <v>10734</v>
      </c>
      <c r="H32380" t="s">
        <v>10735</v>
      </c>
      <c r="I32380" s="2">
        <v>0</v>
      </c>
      <c r="J32380" s="2">
        <v>0</v>
      </c>
      <c r="K32380" s="2">
        <v>1</v>
      </c>
      <c r="L32380" t="s">
        <v>995</v>
      </c>
      <c r="M32380" t="s">
        <v>89</v>
      </c>
      <c r="N32380" t="s">
        <v>90</v>
      </c>
      <c r="O32380" t="s">
        <v>85</v>
      </c>
      <c r="P32380" t="s">
        <v>86</v>
      </c>
      <c r="Q32380">
        <v>13</v>
      </c>
      <c r="R32380">
        <v>13</v>
      </c>
      <c r="S32380">
        <v>13</v>
      </c>
      <c r="T32380">
        <v>14</v>
      </c>
      <c r="U32380">
        <v>14</v>
      </c>
      <c r="V32380">
        <v>15</v>
      </c>
      <c r="W32380">
        <v>15</v>
      </c>
      <c r="X32380">
        <v>15</v>
      </c>
      <c r="Y32380">
        <v>16</v>
      </c>
      <c r="Z32380">
        <v>16</v>
      </c>
      <c r="AA32380">
        <v>17</v>
      </c>
      <c r="AB32380">
        <v>17</v>
      </c>
      <c r="AC32380">
        <v>17</v>
      </c>
      <c r="AD32380">
        <v>18</v>
      </c>
      <c r="AE32380">
        <v>18</v>
      </c>
      <c r="AF32380">
        <v>18</v>
      </c>
      <c r="AG32380">
        <v>18</v>
      </c>
      <c r="AH32380">
        <v>18</v>
      </c>
      <c r="AI32380">
        <v>19</v>
      </c>
      <c r="AJ32380">
        <v>19</v>
      </c>
      <c r="AK32380">
        <v>19</v>
      </c>
      <c r="AL32380">
        <v>19</v>
      </c>
      <c r="AM32380">
        <v>19</v>
      </c>
      <c r="AN32380">
        <v>19</v>
      </c>
      <c r="AO32380">
        <v>19</v>
      </c>
      <c r="AP32380">
        <v>20</v>
      </c>
      <c r="AQ32380">
        <v>20</v>
      </c>
    </row>
    <row r="32381" spans="1:43">
      <c r="A32381" t="s">
        <v>20051</v>
      </c>
      <c r="B32381" t="s">
        <v>20052</v>
      </c>
      <c r="C32381" t="s">
        <v>20017</v>
      </c>
      <c r="D32381" t="s">
        <v>20018</v>
      </c>
      <c r="E32381" t="s">
        <v>19921</v>
      </c>
      <c r="F32381" t="s">
        <v>19922</v>
      </c>
      <c r="G32381" t="s">
        <v>10734</v>
      </c>
      <c r="H32381" t="s">
        <v>10735</v>
      </c>
      <c r="I32381" s="2">
        <v>0</v>
      </c>
      <c r="J32381" s="2">
        <v>0</v>
      </c>
      <c r="K32381" s="2">
        <v>1</v>
      </c>
      <c r="L32381" t="s">
        <v>995</v>
      </c>
      <c r="M32381" t="s">
        <v>83</v>
      </c>
      <c r="N32381" t="s">
        <v>91</v>
      </c>
      <c r="O32381" t="s">
        <v>85</v>
      </c>
      <c r="P32381" t="s">
        <v>86</v>
      </c>
      <c r="Q32381">
        <v>13</v>
      </c>
      <c r="R32381">
        <v>13</v>
      </c>
      <c r="S32381">
        <v>13</v>
      </c>
      <c r="T32381">
        <v>13</v>
      </c>
      <c r="U32381">
        <v>14</v>
      </c>
      <c r="V32381">
        <v>14</v>
      </c>
      <c r="W32381">
        <v>14</v>
      </c>
      <c r="X32381">
        <v>15</v>
      </c>
      <c r="Y32381">
        <v>15</v>
      </c>
      <c r="Z32381">
        <v>15</v>
      </c>
      <c r="AA32381">
        <v>16</v>
      </c>
      <c r="AB32381">
        <v>16</v>
      </c>
      <c r="AC32381">
        <v>16</v>
      </c>
      <c r="AD32381">
        <v>16</v>
      </c>
      <c r="AE32381">
        <v>17</v>
      </c>
      <c r="AF32381">
        <v>17</v>
      </c>
      <c r="AG32381">
        <v>17</v>
      </c>
      <c r="AH32381">
        <v>18</v>
      </c>
      <c r="AI32381">
        <v>18</v>
      </c>
      <c r="AJ32381">
        <v>18</v>
      </c>
      <c r="AK32381">
        <v>19</v>
      </c>
      <c r="AL32381">
        <v>19</v>
      </c>
      <c r="AM32381">
        <v>19</v>
      </c>
      <c r="AN32381">
        <v>19</v>
      </c>
      <c r="AO32381">
        <v>19</v>
      </c>
      <c r="AP32381">
        <v>19</v>
      </c>
      <c r="AQ32381">
        <v>20</v>
      </c>
    </row>
    <row r="32382" spans="1:43">
      <c r="A32382" t="s">
        <v>20053</v>
      </c>
      <c r="B32382" t="s">
        <v>20054</v>
      </c>
      <c r="C32382" t="s">
        <v>20017</v>
      </c>
      <c r="D32382" t="s">
        <v>20018</v>
      </c>
      <c r="E32382" t="s">
        <v>19921</v>
      </c>
      <c r="F32382" t="s">
        <v>19922</v>
      </c>
      <c r="G32382" t="s">
        <v>10734</v>
      </c>
      <c r="H32382" t="s">
        <v>10735</v>
      </c>
      <c r="I32382" s="2">
        <v>0</v>
      </c>
      <c r="J32382" s="2">
        <v>0</v>
      </c>
      <c r="K32382" s="2">
        <v>1</v>
      </c>
      <c r="L32382" t="s">
        <v>995</v>
      </c>
      <c r="M32382" t="s">
        <v>83</v>
      </c>
      <c r="N32382" t="s">
        <v>84</v>
      </c>
      <c r="O32382" t="s">
        <v>85</v>
      </c>
      <c r="P32382" t="s">
        <v>86</v>
      </c>
      <c r="Q32382">
        <v>40</v>
      </c>
      <c r="R32382">
        <v>41</v>
      </c>
      <c r="S32382">
        <v>42</v>
      </c>
      <c r="T32382">
        <v>43</v>
      </c>
      <c r="U32382">
        <v>44</v>
      </c>
      <c r="V32382">
        <v>45</v>
      </c>
      <c r="W32382">
        <v>46</v>
      </c>
      <c r="X32382">
        <v>47</v>
      </c>
      <c r="Y32382">
        <v>48</v>
      </c>
      <c r="Z32382">
        <v>49</v>
      </c>
      <c r="AA32382">
        <v>50</v>
      </c>
      <c r="AB32382">
        <v>51</v>
      </c>
      <c r="AC32382">
        <v>52</v>
      </c>
      <c r="AD32382">
        <v>53</v>
      </c>
      <c r="AE32382">
        <v>54</v>
      </c>
      <c r="AF32382">
        <v>55</v>
      </c>
      <c r="AG32382">
        <v>56</v>
      </c>
      <c r="AH32382">
        <v>57</v>
      </c>
      <c r="AI32382">
        <v>58</v>
      </c>
      <c r="AJ32382">
        <v>59</v>
      </c>
      <c r="AK32382">
        <v>60</v>
      </c>
      <c r="AL32382">
        <v>61</v>
      </c>
      <c r="AM32382">
        <v>61</v>
      </c>
      <c r="AN32382">
        <v>62</v>
      </c>
      <c r="AO32382">
        <v>62</v>
      </c>
      <c r="AP32382">
        <v>63</v>
      </c>
      <c r="AQ32382">
        <v>63</v>
      </c>
    </row>
    <row r="32383" spans="1:43">
      <c r="A32383" t="s">
        <v>20053</v>
      </c>
      <c r="B32383" t="s">
        <v>20054</v>
      </c>
      <c r="C32383" t="s">
        <v>20017</v>
      </c>
      <c r="D32383" t="s">
        <v>20018</v>
      </c>
      <c r="E32383" t="s">
        <v>19921</v>
      </c>
      <c r="F32383" t="s">
        <v>19922</v>
      </c>
      <c r="G32383" t="s">
        <v>10734</v>
      </c>
      <c r="H32383" t="s">
        <v>10735</v>
      </c>
      <c r="I32383" s="2">
        <v>0</v>
      </c>
      <c r="J32383" s="2">
        <v>0</v>
      </c>
      <c r="K32383" s="2">
        <v>1</v>
      </c>
      <c r="L32383" t="s">
        <v>995</v>
      </c>
      <c r="M32383" t="s">
        <v>87</v>
      </c>
      <c r="N32383" t="s">
        <v>88</v>
      </c>
      <c r="O32383" t="s">
        <v>85</v>
      </c>
      <c r="P32383" t="s">
        <v>86</v>
      </c>
      <c r="Q32383">
        <v>40</v>
      </c>
      <c r="R32383">
        <v>41</v>
      </c>
      <c r="S32383">
        <v>41</v>
      </c>
      <c r="T32383">
        <v>42</v>
      </c>
      <c r="U32383">
        <v>42</v>
      </c>
      <c r="V32383">
        <v>43</v>
      </c>
      <c r="W32383">
        <v>43</v>
      </c>
      <c r="X32383">
        <v>44</v>
      </c>
      <c r="Y32383">
        <v>45</v>
      </c>
      <c r="Z32383">
        <v>45</v>
      </c>
      <c r="AA32383">
        <v>46</v>
      </c>
      <c r="AB32383">
        <v>46</v>
      </c>
      <c r="AC32383">
        <v>47</v>
      </c>
      <c r="AD32383">
        <v>48</v>
      </c>
      <c r="AE32383">
        <v>48</v>
      </c>
      <c r="AF32383">
        <v>49</v>
      </c>
      <c r="AG32383">
        <v>49</v>
      </c>
      <c r="AH32383">
        <v>50</v>
      </c>
      <c r="AI32383">
        <v>50</v>
      </c>
      <c r="AJ32383">
        <v>51</v>
      </c>
      <c r="AK32383">
        <v>52</v>
      </c>
      <c r="AL32383">
        <v>52</v>
      </c>
      <c r="AM32383">
        <v>53</v>
      </c>
      <c r="AN32383">
        <v>53</v>
      </c>
      <c r="AO32383">
        <v>54</v>
      </c>
      <c r="AP32383">
        <v>55</v>
      </c>
      <c r="AQ32383">
        <v>55</v>
      </c>
    </row>
    <row r="32384" spans="1:43">
      <c r="A32384" t="s">
        <v>20053</v>
      </c>
      <c r="B32384" t="s">
        <v>20054</v>
      </c>
      <c r="C32384" t="s">
        <v>20017</v>
      </c>
      <c r="D32384" t="s">
        <v>20018</v>
      </c>
      <c r="E32384" t="s">
        <v>19921</v>
      </c>
      <c r="F32384" t="s">
        <v>19922</v>
      </c>
      <c r="G32384" t="s">
        <v>10734</v>
      </c>
      <c r="H32384" t="s">
        <v>10735</v>
      </c>
      <c r="I32384" s="2">
        <v>0</v>
      </c>
      <c r="J32384" s="2">
        <v>0</v>
      </c>
      <c r="K32384" s="2">
        <v>1</v>
      </c>
      <c r="L32384" t="s">
        <v>995</v>
      </c>
      <c r="M32384" t="s">
        <v>89</v>
      </c>
      <c r="N32384" t="s">
        <v>90</v>
      </c>
      <c r="O32384" t="s">
        <v>85</v>
      </c>
      <c r="P32384" t="s">
        <v>86</v>
      </c>
      <c r="Q32384">
        <v>40</v>
      </c>
      <c r="R32384">
        <v>41</v>
      </c>
      <c r="S32384">
        <v>42</v>
      </c>
      <c r="T32384">
        <v>44</v>
      </c>
      <c r="U32384">
        <v>45</v>
      </c>
      <c r="V32384">
        <v>46</v>
      </c>
      <c r="W32384">
        <v>48</v>
      </c>
      <c r="X32384">
        <v>49</v>
      </c>
      <c r="Y32384">
        <v>50</v>
      </c>
      <c r="Z32384">
        <v>51</v>
      </c>
      <c r="AA32384">
        <v>52</v>
      </c>
      <c r="AB32384">
        <v>54</v>
      </c>
      <c r="AC32384">
        <v>55</v>
      </c>
      <c r="AD32384">
        <v>56</v>
      </c>
      <c r="AE32384">
        <v>57</v>
      </c>
      <c r="AF32384">
        <v>58</v>
      </c>
      <c r="AG32384">
        <v>58</v>
      </c>
      <c r="AH32384">
        <v>58</v>
      </c>
      <c r="AI32384">
        <v>59</v>
      </c>
      <c r="AJ32384">
        <v>59</v>
      </c>
      <c r="AK32384">
        <v>60</v>
      </c>
      <c r="AL32384">
        <v>60</v>
      </c>
      <c r="AM32384">
        <v>61</v>
      </c>
      <c r="AN32384">
        <v>61</v>
      </c>
      <c r="AO32384">
        <v>62</v>
      </c>
      <c r="AP32384">
        <v>62</v>
      </c>
      <c r="AQ32384">
        <v>63</v>
      </c>
    </row>
    <row r="32385" spans="1:43">
      <c r="A32385" t="s">
        <v>20053</v>
      </c>
      <c r="B32385" t="s">
        <v>20054</v>
      </c>
      <c r="C32385" t="s">
        <v>20017</v>
      </c>
      <c r="D32385" t="s">
        <v>20018</v>
      </c>
      <c r="E32385" t="s">
        <v>19921</v>
      </c>
      <c r="F32385" t="s">
        <v>19922</v>
      </c>
      <c r="G32385" t="s">
        <v>10734</v>
      </c>
      <c r="H32385" t="s">
        <v>10735</v>
      </c>
      <c r="I32385" s="2">
        <v>0</v>
      </c>
      <c r="J32385" s="2">
        <v>0</v>
      </c>
      <c r="K32385" s="2">
        <v>1</v>
      </c>
      <c r="L32385" t="s">
        <v>995</v>
      </c>
      <c r="M32385" t="s">
        <v>83</v>
      </c>
      <c r="N32385" t="s">
        <v>91</v>
      </c>
      <c r="O32385" t="s">
        <v>85</v>
      </c>
      <c r="P32385" t="s">
        <v>86</v>
      </c>
      <c r="Q32385">
        <v>40</v>
      </c>
      <c r="R32385">
        <v>41</v>
      </c>
      <c r="S32385">
        <v>42</v>
      </c>
      <c r="T32385">
        <v>43</v>
      </c>
      <c r="U32385">
        <v>44</v>
      </c>
      <c r="V32385">
        <v>45</v>
      </c>
      <c r="W32385">
        <v>46</v>
      </c>
      <c r="X32385">
        <v>47</v>
      </c>
      <c r="Y32385">
        <v>48</v>
      </c>
      <c r="Z32385">
        <v>49</v>
      </c>
      <c r="AA32385">
        <v>50</v>
      </c>
      <c r="AB32385">
        <v>51</v>
      </c>
      <c r="AC32385">
        <v>52</v>
      </c>
      <c r="AD32385">
        <v>53</v>
      </c>
      <c r="AE32385">
        <v>54</v>
      </c>
      <c r="AF32385">
        <v>55</v>
      </c>
      <c r="AG32385">
        <v>56</v>
      </c>
      <c r="AH32385">
        <v>57</v>
      </c>
      <c r="AI32385">
        <v>58</v>
      </c>
      <c r="AJ32385">
        <v>59</v>
      </c>
      <c r="AK32385">
        <v>60</v>
      </c>
      <c r="AL32385">
        <v>61</v>
      </c>
      <c r="AM32385">
        <v>61</v>
      </c>
      <c r="AN32385">
        <v>62</v>
      </c>
      <c r="AO32385">
        <v>62</v>
      </c>
      <c r="AP32385">
        <v>63</v>
      </c>
      <c r="AQ32385">
        <v>63</v>
      </c>
    </row>
    <row r="32386" spans="1:43">
      <c r="A32386" t="s">
        <v>20055</v>
      </c>
      <c r="B32386" t="s">
        <v>20056</v>
      </c>
      <c r="C32386" t="s">
        <v>20017</v>
      </c>
      <c r="D32386" t="s">
        <v>20018</v>
      </c>
      <c r="E32386" t="s">
        <v>19921</v>
      </c>
      <c r="F32386" t="s">
        <v>19922</v>
      </c>
      <c r="G32386" t="s">
        <v>10734</v>
      </c>
      <c r="H32386" t="s">
        <v>10735</v>
      </c>
      <c r="I32386" s="2">
        <v>0</v>
      </c>
      <c r="J32386" s="2">
        <v>0</v>
      </c>
      <c r="K32386" s="2">
        <v>1</v>
      </c>
      <c r="L32386" t="s">
        <v>995</v>
      </c>
      <c r="M32386" t="s">
        <v>83</v>
      </c>
      <c r="N32386" t="s">
        <v>84</v>
      </c>
      <c r="O32386" t="s">
        <v>85</v>
      </c>
      <c r="P32386" t="s">
        <v>86</v>
      </c>
      <c r="Q32386">
        <v>11</v>
      </c>
      <c r="R32386">
        <v>11</v>
      </c>
      <c r="S32386">
        <v>11</v>
      </c>
      <c r="T32386">
        <v>11</v>
      </c>
      <c r="U32386">
        <v>12</v>
      </c>
      <c r="V32386">
        <v>12</v>
      </c>
      <c r="W32386">
        <v>12</v>
      </c>
      <c r="X32386">
        <v>12</v>
      </c>
      <c r="Y32386">
        <v>13</v>
      </c>
      <c r="Z32386">
        <v>13</v>
      </c>
      <c r="AA32386">
        <v>13</v>
      </c>
      <c r="AB32386">
        <v>13</v>
      </c>
      <c r="AC32386">
        <v>14</v>
      </c>
      <c r="AD32386">
        <v>14</v>
      </c>
      <c r="AE32386">
        <v>14</v>
      </c>
      <c r="AF32386">
        <v>14</v>
      </c>
      <c r="AG32386">
        <v>15</v>
      </c>
      <c r="AH32386">
        <v>15</v>
      </c>
      <c r="AI32386">
        <v>15</v>
      </c>
      <c r="AJ32386">
        <v>15</v>
      </c>
      <c r="AK32386">
        <v>16</v>
      </c>
      <c r="AL32386">
        <v>16</v>
      </c>
      <c r="AM32386">
        <v>16</v>
      </c>
      <c r="AN32386">
        <v>16</v>
      </c>
      <c r="AO32386">
        <v>16</v>
      </c>
      <c r="AP32386">
        <v>16</v>
      </c>
      <c r="AQ32386">
        <v>17</v>
      </c>
    </row>
    <row r="32387" spans="1:43">
      <c r="A32387" t="s">
        <v>20055</v>
      </c>
      <c r="B32387" t="s">
        <v>20056</v>
      </c>
      <c r="C32387" t="s">
        <v>20017</v>
      </c>
      <c r="D32387" t="s">
        <v>20018</v>
      </c>
      <c r="E32387" t="s">
        <v>19921</v>
      </c>
      <c r="F32387" t="s">
        <v>19922</v>
      </c>
      <c r="G32387" t="s">
        <v>10734</v>
      </c>
      <c r="H32387" t="s">
        <v>10735</v>
      </c>
      <c r="I32387" s="2">
        <v>0</v>
      </c>
      <c r="J32387" s="2">
        <v>0</v>
      </c>
      <c r="K32387" s="2">
        <v>1</v>
      </c>
      <c r="L32387" t="s">
        <v>995</v>
      </c>
      <c r="M32387" t="s">
        <v>87</v>
      </c>
      <c r="N32387" t="s">
        <v>88</v>
      </c>
      <c r="O32387" t="s">
        <v>85</v>
      </c>
      <c r="P32387" t="s">
        <v>86</v>
      </c>
      <c r="Q32387">
        <v>11</v>
      </c>
      <c r="R32387">
        <v>12</v>
      </c>
      <c r="S32387">
        <v>12</v>
      </c>
      <c r="T32387">
        <v>12</v>
      </c>
      <c r="U32387">
        <v>12</v>
      </c>
      <c r="V32387">
        <v>12</v>
      </c>
      <c r="W32387">
        <v>12</v>
      </c>
      <c r="X32387">
        <v>12</v>
      </c>
      <c r="Y32387">
        <v>13</v>
      </c>
      <c r="Z32387">
        <v>13</v>
      </c>
      <c r="AA32387">
        <v>13</v>
      </c>
      <c r="AB32387">
        <v>13</v>
      </c>
      <c r="AC32387">
        <v>13</v>
      </c>
      <c r="AD32387">
        <v>13</v>
      </c>
      <c r="AE32387">
        <v>14</v>
      </c>
      <c r="AF32387">
        <v>14</v>
      </c>
      <c r="AG32387">
        <v>14</v>
      </c>
      <c r="AH32387">
        <v>14</v>
      </c>
      <c r="AI32387">
        <v>14</v>
      </c>
      <c r="AJ32387">
        <v>14</v>
      </c>
      <c r="AK32387">
        <v>14</v>
      </c>
      <c r="AL32387">
        <v>15</v>
      </c>
      <c r="AM32387">
        <v>15</v>
      </c>
      <c r="AN32387">
        <v>15</v>
      </c>
      <c r="AO32387">
        <v>15</v>
      </c>
      <c r="AP32387">
        <v>15</v>
      </c>
      <c r="AQ32387">
        <v>15</v>
      </c>
    </row>
    <row r="32388" spans="1:43">
      <c r="A32388" t="s">
        <v>20055</v>
      </c>
      <c r="B32388" t="s">
        <v>20056</v>
      </c>
      <c r="C32388" t="s">
        <v>20017</v>
      </c>
      <c r="D32388" t="s">
        <v>20018</v>
      </c>
      <c r="E32388" t="s">
        <v>19921</v>
      </c>
      <c r="F32388" t="s">
        <v>19922</v>
      </c>
      <c r="G32388" t="s">
        <v>10734</v>
      </c>
      <c r="H32388" t="s">
        <v>10735</v>
      </c>
      <c r="I32388" s="2">
        <v>0</v>
      </c>
      <c r="J32388" s="2">
        <v>0</v>
      </c>
      <c r="K32388" s="2">
        <v>1</v>
      </c>
      <c r="L32388" t="s">
        <v>995</v>
      </c>
      <c r="M32388" t="s">
        <v>89</v>
      </c>
      <c r="N32388" t="s">
        <v>90</v>
      </c>
      <c r="O32388" t="s">
        <v>85</v>
      </c>
      <c r="P32388" t="s">
        <v>86</v>
      </c>
      <c r="Q32388">
        <v>11</v>
      </c>
      <c r="R32388">
        <v>11</v>
      </c>
      <c r="S32388">
        <v>11</v>
      </c>
      <c r="T32388">
        <v>12</v>
      </c>
      <c r="U32388">
        <v>12</v>
      </c>
      <c r="V32388">
        <v>12</v>
      </c>
      <c r="W32388">
        <v>13</v>
      </c>
      <c r="X32388">
        <v>13</v>
      </c>
      <c r="Y32388">
        <v>13</v>
      </c>
      <c r="Z32388">
        <v>14</v>
      </c>
      <c r="AA32388">
        <v>14</v>
      </c>
      <c r="AB32388">
        <v>14</v>
      </c>
      <c r="AC32388">
        <v>15</v>
      </c>
      <c r="AD32388">
        <v>15</v>
      </c>
      <c r="AE32388">
        <v>15</v>
      </c>
      <c r="AF32388">
        <v>15</v>
      </c>
      <c r="AG32388">
        <v>15</v>
      </c>
      <c r="AH32388">
        <v>16</v>
      </c>
      <c r="AI32388">
        <v>16</v>
      </c>
      <c r="AJ32388">
        <v>16</v>
      </c>
      <c r="AK32388">
        <v>16</v>
      </c>
      <c r="AL32388">
        <v>16</v>
      </c>
      <c r="AM32388">
        <v>16</v>
      </c>
      <c r="AN32388">
        <v>16</v>
      </c>
      <c r="AO32388">
        <v>16</v>
      </c>
      <c r="AP32388">
        <v>17</v>
      </c>
      <c r="AQ32388">
        <v>17</v>
      </c>
    </row>
    <row r="32389" spans="1:43">
      <c r="A32389" t="s">
        <v>20055</v>
      </c>
      <c r="B32389" t="s">
        <v>20056</v>
      </c>
      <c r="C32389" t="s">
        <v>20017</v>
      </c>
      <c r="D32389" t="s">
        <v>20018</v>
      </c>
      <c r="E32389" t="s">
        <v>19921</v>
      </c>
      <c r="F32389" t="s">
        <v>19922</v>
      </c>
      <c r="G32389" t="s">
        <v>10734</v>
      </c>
      <c r="H32389" t="s">
        <v>10735</v>
      </c>
      <c r="I32389" s="2">
        <v>0</v>
      </c>
      <c r="J32389" s="2">
        <v>0</v>
      </c>
      <c r="K32389" s="2">
        <v>1</v>
      </c>
      <c r="L32389" t="s">
        <v>995</v>
      </c>
      <c r="M32389" t="s">
        <v>83</v>
      </c>
      <c r="N32389" t="s">
        <v>91</v>
      </c>
      <c r="O32389" t="s">
        <v>85</v>
      </c>
      <c r="P32389" t="s">
        <v>86</v>
      </c>
      <c r="Q32389">
        <v>11</v>
      </c>
      <c r="R32389">
        <v>11</v>
      </c>
      <c r="S32389">
        <v>11</v>
      </c>
      <c r="T32389">
        <v>11</v>
      </c>
      <c r="U32389">
        <v>12</v>
      </c>
      <c r="V32389">
        <v>12</v>
      </c>
      <c r="W32389">
        <v>12</v>
      </c>
      <c r="X32389">
        <v>12</v>
      </c>
      <c r="Y32389">
        <v>13</v>
      </c>
      <c r="Z32389">
        <v>13</v>
      </c>
      <c r="AA32389">
        <v>13</v>
      </c>
      <c r="AB32389">
        <v>13</v>
      </c>
      <c r="AC32389">
        <v>14</v>
      </c>
      <c r="AD32389">
        <v>14</v>
      </c>
      <c r="AE32389">
        <v>14</v>
      </c>
      <c r="AF32389">
        <v>14</v>
      </c>
      <c r="AG32389">
        <v>15</v>
      </c>
      <c r="AH32389">
        <v>15</v>
      </c>
      <c r="AI32389">
        <v>15</v>
      </c>
      <c r="AJ32389">
        <v>15</v>
      </c>
      <c r="AK32389">
        <v>16</v>
      </c>
      <c r="AL32389">
        <v>16</v>
      </c>
      <c r="AM32389">
        <v>16</v>
      </c>
      <c r="AN32389">
        <v>16</v>
      </c>
      <c r="AO32389">
        <v>16</v>
      </c>
      <c r="AP32389">
        <v>16</v>
      </c>
      <c r="AQ32389">
        <v>17</v>
      </c>
    </row>
    <row r="32390" spans="1:43">
      <c r="A32390" t="s">
        <v>20057</v>
      </c>
      <c r="B32390" t="s">
        <v>20058</v>
      </c>
      <c r="C32390" t="s">
        <v>19993</v>
      </c>
      <c r="D32390" t="s">
        <v>19994</v>
      </c>
      <c r="E32390" t="s">
        <v>19921</v>
      </c>
      <c r="F32390" t="s">
        <v>19922</v>
      </c>
      <c r="G32390" t="s">
        <v>10734</v>
      </c>
      <c r="H32390" t="s">
        <v>10735</v>
      </c>
      <c r="I32390" s="2">
        <v>0</v>
      </c>
      <c r="J32390" s="2">
        <v>0</v>
      </c>
      <c r="K32390" s="2">
        <v>1</v>
      </c>
      <c r="L32390" t="s">
        <v>995</v>
      </c>
      <c r="M32390" t="s">
        <v>83</v>
      </c>
      <c r="N32390" t="s">
        <v>84</v>
      </c>
      <c r="O32390" t="s">
        <v>85</v>
      </c>
      <c r="P32390" t="s">
        <v>86</v>
      </c>
      <c r="Q32390">
        <v>34</v>
      </c>
      <c r="R32390">
        <v>35</v>
      </c>
      <c r="S32390">
        <v>36</v>
      </c>
      <c r="T32390">
        <v>37</v>
      </c>
      <c r="U32390">
        <v>37</v>
      </c>
      <c r="V32390">
        <v>38</v>
      </c>
      <c r="W32390">
        <v>39</v>
      </c>
      <c r="X32390">
        <v>40</v>
      </c>
      <c r="Y32390">
        <v>41</v>
      </c>
      <c r="Z32390">
        <v>41</v>
      </c>
      <c r="AA32390">
        <v>42</v>
      </c>
      <c r="AB32390">
        <v>43</v>
      </c>
      <c r="AC32390">
        <v>44</v>
      </c>
      <c r="AD32390">
        <v>45</v>
      </c>
      <c r="AE32390">
        <v>46</v>
      </c>
      <c r="AF32390">
        <v>47</v>
      </c>
      <c r="AG32390">
        <v>47</v>
      </c>
      <c r="AH32390">
        <v>48</v>
      </c>
      <c r="AI32390">
        <v>49</v>
      </c>
      <c r="AJ32390">
        <v>50</v>
      </c>
      <c r="AK32390">
        <v>51</v>
      </c>
      <c r="AL32390">
        <v>51</v>
      </c>
      <c r="AM32390">
        <v>52</v>
      </c>
      <c r="AN32390">
        <v>52</v>
      </c>
      <c r="AO32390">
        <v>53</v>
      </c>
      <c r="AP32390">
        <v>53</v>
      </c>
      <c r="AQ32390">
        <v>53</v>
      </c>
    </row>
    <row r="32391" spans="1:43">
      <c r="A32391" t="s">
        <v>20057</v>
      </c>
      <c r="B32391" t="s">
        <v>20058</v>
      </c>
      <c r="C32391" t="s">
        <v>19993</v>
      </c>
      <c r="D32391" t="s">
        <v>19994</v>
      </c>
      <c r="E32391" t="s">
        <v>19921</v>
      </c>
      <c r="F32391" t="s">
        <v>19922</v>
      </c>
      <c r="G32391" t="s">
        <v>10734</v>
      </c>
      <c r="H32391" t="s">
        <v>10735</v>
      </c>
      <c r="I32391" s="2">
        <v>0</v>
      </c>
      <c r="J32391" s="2">
        <v>0</v>
      </c>
      <c r="K32391" s="2">
        <v>1</v>
      </c>
      <c r="L32391" t="s">
        <v>995</v>
      </c>
      <c r="M32391" t="s">
        <v>87</v>
      </c>
      <c r="N32391" t="s">
        <v>88</v>
      </c>
      <c r="O32391" t="s">
        <v>85</v>
      </c>
      <c r="P32391" t="s">
        <v>86</v>
      </c>
      <c r="Q32391">
        <v>34</v>
      </c>
      <c r="R32391">
        <v>34</v>
      </c>
      <c r="S32391">
        <v>35</v>
      </c>
      <c r="T32391">
        <v>35</v>
      </c>
      <c r="U32391">
        <v>36</v>
      </c>
      <c r="V32391">
        <v>36</v>
      </c>
      <c r="W32391">
        <v>37</v>
      </c>
      <c r="X32391">
        <v>37</v>
      </c>
      <c r="Y32391">
        <v>38</v>
      </c>
      <c r="Z32391">
        <v>38</v>
      </c>
      <c r="AA32391">
        <v>39</v>
      </c>
      <c r="AB32391">
        <v>39</v>
      </c>
      <c r="AC32391">
        <v>39</v>
      </c>
      <c r="AD32391">
        <v>40</v>
      </c>
      <c r="AE32391">
        <v>40</v>
      </c>
      <c r="AF32391">
        <v>41</v>
      </c>
      <c r="AG32391">
        <v>41</v>
      </c>
      <c r="AH32391">
        <v>42</v>
      </c>
      <c r="AI32391">
        <v>42</v>
      </c>
      <c r="AJ32391">
        <v>43</v>
      </c>
      <c r="AK32391">
        <v>43</v>
      </c>
      <c r="AL32391">
        <v>44</v>
      </c>
      <c r="AM32391">
        <v>44</v>
      </c>
      <c r="AN32391">
        <v>45</v>
      </c>
      <c r="AO32391">
        <v>45</v>
      </c>
      <c r="AP32391">
        <v>46</v>
      </c>
      <c r="AQ32391">
        <v>46</v>
      </c>
    </row>
    <row r="32392" spans="1:43">
      <c r="A32392" t="s">
        <v>20057</v>
      </c>
      <c r="B32392" t="s">
        <v>20058</v>
      </c>
      <c r="C32392" t="s">
        <v>19993</v>
      </c>
      <c r="D32392" t="s">
        <v>19994</v>
      </c>
      <c r="E32392" t="s">
        <v>19921</v>
      </c>
      <c r="F32392" t="s">
        <v>19922</v>
      </c>
      <c r="G32392" t="s">
        <v>10734</v>
      </c>
      <c r="H32392" t="s">
        <v>10735</v>
      </c>
      <c r="I32392" s="2">
        <v>0</v>
      </c>
      <c r="J32392" s="2">
        <v>0</v>
      </c>
      <c r="K32392" s="2">
        <v>1</v>
      </c>
      <c r="L32392" t="s">
        <v>995</v>
      </c>
      <c r="M32392" t="s">
        <v>89</v>
      </c>
      <c r="N32392" t="s">
        <v>90</v>
      </c>
      <c r="O32392" t="s">
        <v>85</v>
      </c>
      <c r="P32392" t="s">
        <v>86</v>
      </c>
      <c r="Q32392">
        <v>34</v>
      </c>
      <c r="R32392">
        <v>36</v>
      </c>
      <c r="S32392">
        <v>37</v>
      </c>
      <c r="T32392">
        <v>38</v>
      </c>
      <c r="U32392">
        <v>39</v>
      </c>
      <c r="V32392">
        <v>40</v>
      </c>
      <c r="W32392">
        <v>41</v>
      </c>
      <c r="X32392">
        <v>42</v>
      </c>
      <c r="Y32392">
        <v>43</v>
      </c>
      <c r="Z32392">
        <v>44</v>
      </c>
      <c r="AA32392">
        <v>45</v>
      </c>
      <c r="AB32392">
        <v>46</v>
      </c>
      <c r="AC32392">
        <v>47</v>
      </c>
      <c r="AD32392">
        <v>48</v>
      </c>
      <c r="AE32392">
        <v>49</v>
      </c>
      <c r="AF32392">
        <v>49</v>
      </c>
      <c r="AG32392">
        <v>50</v>
      </c>
      <c r="AH32392">
        <v>50</v>
      </c>
      <c r="AI32392">
        <v>51</v>
      </c>
      <c r="AJ32392">
        <v>51</v>
      </c>
      <c r="AK32392">
        <v>51</v>
      </c>
      <c r="AL32392">
        <v>52</v>
      </c>
      <c r="AM32392">
        <v>52</v>
      </c>
      <c r="AN32392">
        <v>53</v>
      </c>
      <c r="AO32392">
        <v>53</v>
      </c>
      <c r="AP32392">
        <v>53</v>
      </c>
      <c r="AQ32392">
        <v>54</v>
      </c>
    </row>
    <row r="32393" spans="1:43">
      <c r="A32393" t="s">
        <v>20057</v>
      </c>
      <c r="B32393" t="s">
        <v>20058</v>
      </c>
      <c r="C32393" t="s">
        <v>19993</v>
      </c>
      <c r="D32393" t="s">
        <v>19994</v>
      </c>
      <c r="E32393" t="s">
        <v>19921</v>
      </c>
      <c r="F32393" t="s">
        <v>19922</v>
      </c>
      <c r="G32393" t="s">
        <v>10734</v>
      </c>
      <c r="H32393" t="s">
        <v>10735</v>
      </c>
      <c r="I32393" s="2">
        <v>0</v>
      </c>
      <c r="J32393" s="2">
        <v>0</v>
      </c>
      <c r="K32393" s="2">
        <v>1</v>
      </c>
      <c r="L32393" t="s">
        <v>995</v>
      </c>
      <c r="M32393" t="s">
        <v>83</v>
      </c>
      <c r="N32393" t="s">
        <v>91</v>
      </c>
      <c r="O32393" t="s">
        <v>85</v>
      </c>
      <c r="P32393" t="s">
        <v>86</v>
      </c>
      <c r="Q32393">
        <v>34</v>
      </c>
      <c r="R32393">
        <v>35</v>
      </c>
      <c r="S32393">
        <v>36</v>
      </c>
      <c r="T32393">
        <v>37</v>
      </c>
      <c r="U32393">
        <v>37</v>
      </c>
      <c r="V32393">
        <v>38</v>
      </c>
      <c r="W32393">
        <v>39</v>
      </c>
      <c r="X32393">
        <v>40</v>
      </c>
      <c r="Y32393">
        <v>41</v>
      </c>
      <c r="Z32393">
        <v>41</v>
      </c>
      <c r="AA32393">
        <v>42</v>
      </c>
      <c r="AB32393">
        <v>43</v>
      </c>
      <c r="AC32393">
        <v>44</v>
      </c>
      <c r="AD32393">
        <v>45</v>
      </c>
      <c r="AE32393">
        <v>46</v>
      </c>
      <c r="AF32393">
        <v>47</v>
      </c>
      <c r="AG32393">
        <v>47</v>
      </c>
      <c r="AH32393">
        <v>48</v>
      </c>
      <c r="AI32393">
        <v>49</v>
      </c>
      <c r="AJ32393">
        <v>50</v>
      </c>
      <c r="AK32393">
        <v>51</v>
      </c>
      <c r="AL32393">
        <v>51</v>
      </c>
      <c r="AM32393">
        <v>52</v>
      </c>
      <c r="AN32393">
        <v>52</v>
      </c>
      <c r="AO32393">
        <v>53</v>
      </c>
      <c r="AP32393">
        <v>53</v>
      </c>
      <c r="AQ32393">
        <v>53</v>
      </c>
    </row>
    <row r="32394" spans="1:43">
      <c r="A32394" t="s">
        <v>20059</v>
      </c>
      <c r="B32394" t="s">
        <v>20060</v>
      </c>
      <c r="C32394" t="s">
        <v>19979</v>
      </c>
      <c r="D32394" t="s">
        <v>19980</v>
      </c>
      <c r="E32394" t="s">
        <v>19921</v>
      </c>
      <c r="F32394" t="s">
        <v>19922</v>
      </c>
      <c r="G32394" t="s">
        <v>10734</v>
      </c>
      <c r="H32394" t="s">
        <v>10735</v>
      </c>
      <c r="I32394" s="2">
        <v>0</v>
      </c>
      <c r="J32394" s="2">
        <v>0</v>
      </c>
      <c r="K32394" s="2">
        <v>1</v>
      </c>
      <c r="L32394" t="s">
        <v>995</v>
      </c>
      <c r="M32394" t="s">
        <v>83</v>
      </c>
      <c r="N32394" t="s">
        <v>84</v>
      </c>
      <c r="O32394" t="s">
        <v>85</v>
      </c>
      <c r="P32394" t="s">
        <v>86</v>
      </c>
      <c r="Q32394">
        <v>10</v>
      </c>
      <c r="R32394">
        <v>10</v>
      </c>
      <c r="S32394">
        <v>10</v>
      </c>
      <c r="T32394">
        <v>10</v>
      </c>
      <c r="U32394">
        <v>11</v>
      </c>
      <c r="V32394">
        <v>11</v>
      </c>
      <c r="W32394">
        <v>11</v>
      </c>
      <c r="X32394">
        <v>11</v>
      </c>
      <c r="Y32394">
        <v>12</v>
      </c>
      <c r="Z32394">
        <v>12</v>
      </c>
      <c r="AA32394">
        <v>12</v>
      </c>
      <c r="AB32394">
        <v>12</v>
      </c>
      <c r="AC32394">
        <v>12</v>
      </c>
      <c r="AD32394">
        <v>13</v>
      </c>
      <c r="AE32394">
        <v>13</v>
      </c>
      <c r="AF32394">
        <v>13</v>
      </c>
      <c r="AG32394">
        <v>13</v>
      </c>
      <c r="AH32394">
        <v>14</v>
      </c>
      <c r="AI32394">
        <v>14</v>
      </c>
      <c r="AJ32394">
        <v>14</v>
      </c>
      <c r="AK32394">
        <v>14</v>
      </c>
      <c r="AL32394">
        <v>15</v>
      </c>
      <c r="AM32394">
        <v>15</v>
      </c>
      <c r="AN32394">
        <v>15</v>
      </c>
      <c r="AO32394">
        <v>15</v>
      </c>
      <c r="AP32394">
        <v>15</v>
      </c>
      <c r="AQ32394">
        <v>15</v>
      </c>
    </row>
    <row r="32395" spans="1:43">
      <c r="A32395" t="s">
        <v>20059</v>
      </c>
      <c r="B32395" t="s">
        <v>20060</v>
      </c>
      <c r="C32395" t="s">
        <v>19979</v>
      </c>
      <c r="D32395" t="s">
        <v>19980</v>
      </c>
      <c r="E32395" t="s">
        <v>19921</v>
      </c>
      <c r="F32395" t="s">
        <v>19922</v>
      </c>
      <c r="G32395" t="s">
        <v>10734</v>
      </c>
      <c r="H32395" t="s">
        <v>10735</v>
      </c>
      <c r="I32395" s="2">
        <v>0</v>
      </c>
      <c r="J32395" s="2">
        <v>0</v>
      </c>
      <c r="K32395" s="2">
        <v>1</v>
      </c>
      <c r="L32395" t="s">
        <v>995</v>
      </c>
      <c r="M32395" t="s">
        <v>87</v>
      </c>
      <c r="N32395" t="s">
        <v>88</v>
      </c>
      <c r="O32395" t="s">
        <v>85</v>
      </c>
      <c r="P32395" t="s">
        <v>86</v>
      </c>
      <c r="Q32395">
        <v>10</v>
      </c>
      <c r="R32395">
        <v>10</v>
      </c>
      <c r="S32395">
        <v>10</v>
      </c>
      <c r="T32395">
        <v>10</v>
      </c>
      <c r="U32395">
        <v>10</v>
      </c>
      <c r="V32395">
        <v>10</v>
      </c>
      <c r="W32395">
        <v>10</v>
      </c>
      <c r="X32395">
        <v>11</v>
      </c>
      <c r="Y32395">
        <v>11</v>
      </c>
      <c r="Z32395">
        <v>11</v>
      </c>
      <c r="AA32395">
        <v>11</v>
      </c>
      <c r="AB32395">
        <v>11</v>
      </c>
      <c r="AC32395">
        <v>11</v>
      </c>
      <c r="AD32395">
        <v>11</v>
      </c>
      <c r="AE32395">
        <v>11</v>
      </c>
      <c r="AF32395">
        <v>12</v>
      </c>
      <c r="AG32395">
        <v>12</v>
      </c>
      <c r="AH32395">
        <v>12</v>
      </c>
      <c r="AI32395">
        <v>12</v>
      </c>
      <c r="AJ32395">
        <v>12</v>
      </c>
      <c r="AK32395">
        <v>12</v>
      </c>
      <c r="AL32395">
        <v>12</v>
      </c>
      <c r="AM32395">
        <v>13</v>
      </c>
      <c r="AN32395">
        <v>13</v>
      </c>
      <c r="AO32395">
        <v>13</v>
      </c>
      <c r="AP32395">
        <v>13</v>
      </c>
      <c r="AQ32395">
        <v>13</v>
      </c>
    </row>
    <row r="32396" spans="1:43">
      <c r="A32396" t="s">
        <v>20059</v>
      </c>
      <c r="B32396" t="s">
        <v>20060</v>
      </c>
      <c r="C32396" t="s">
        <v>19979</v>
      </c>
      <c r="D32396" t="s">
        <v>19980</v>
      </c>
      <c r="E32396" t="s">
        <v>19921</v>
      </c>
      <c r="F32396" t="s">
        <v>19922</v>
      </c>
      <c r="G32396" t="s">
        <v>10734</v>
      </c>
      <c r="H32396" t="s">
        <v>10735</v>
      </c>
      <c r="I32396" s="2">
        <v>0</v>
      </c>
      <c r="J32396" s="2">
        <v>0</v>
      </c>
      <c r="K32396" s="2">
        <v>1</v>
      </c>
      <c r="L32396" t="s">
        <v>995</v>
      </c>
      <c r="M32396" t="s">
        <v>89</v>
      </c>
      <c r="N32396" t="s">
        <v>90</v>
      </c>
      <c r="O32396" t="s">
        <v>85</v>
      </c>
      <c r="P32396" t="s">
        <v>86</v>
      </c>
      <c r="Q32396">
        <v>10</v>
      </c>
      <c r="R32396">
        <v>10</v>
      </c>
      <c r="S32396">
        <v>10</v>
      </c>
      <c r="T32396">
        <v>11</v>
      </c>
      <c r="U32396">
        <v>11</v>
      </c>
      <c r="V32396">
        <v>11</v>
      </c>
      <c r="W32396">
        <v>12</v>
      </c>
      <c r="X32396">
        <v>12</v>
      </c>
      <c r="Y32396">
        <v>12</v>
      </c>
      <c r="Z32396">
        <v>12</v>
      </c>
      <c r="AA32396">
        <v>13</v>
      </c>
      <c r="AB32396">
        <v>13</v>
      </c>
      <c r="AC32396">
        <v>13</v>
      </c>
      <c r="AD32396">
        <v>14</v>
      </c>
      <c r="AE32396">
        <v>14</v>
      </c>
      <c r="AF32396">
        <v>14</v>
      </c>
      <c r="AG32396">
        <v>14</v>
      </c>
      <c r="AH32396">
        <v>14</v>
      </c>
      <c r="AI32396">
        <v>14</v>
      </c>
      <c r="AJ32396">
        <v>14</v>
      </c>
      <c r="AK32396">
        <v>15</v>
      </c>
      <c r="AL32396">
        <v>15</v>
      </c>
      <c r="AM32396">
        <v>15</v>
      </c>
      <c r="AN32396">
        <v>15</v>
      </c>
      <c r="AO32396">
        <v>15</v>
      </c>
      <c r="AP32396">
        <v>15</v>
      </c>
      <c r="AQ32396">
        <v>15</v>
      </c>
    </row>
    <row r="32397" spans="1:43">
      <c r="A32397" t="s">
        <v>20059</v>
      </c>
      <c r="B32397" t="s">
        <v>20060</v>
      </c>
      <c r="C32397" t="s">
        <v>19979</v>
      </c>
      <c r="D32397" t="s">
        <v>19980</v>
      </c>
      <c r="E32397" t="s">
        <v>19921</v>
      </c>
      <c r="F32397" t="s">
        <v>19922</v>
      </c>
      <c r="G32397" t="s">
        <v>10734</v>
      </c>
      <c r="H32397" t="s">
        <v>10735</v>
      </c>
      <c r="I32397" s="2">
        <v>0</v>
      </c>
      <c r="J32397" s="2">
        <v>0</v>
      </c>
      <c r="K32397" s="2">
        <v>1</v>
      </c>
      <c r="L32397" t="s">
        <v>995</v>
      </c>
      <c r="M32397" t="s">
        <v>83</v>
      </c>
      <c r="N32397" t="s">
        <v>91</v>
      </c>
      <c r="O32397" t="s">
        <v>85</v>
      </c>
      <c r="P32397" t="s">
        <v>86</v>
      </c>
      <c r="Q32397">
        <v>10</v>
      </c>
      <c r="R32397">
        <v>10</v>
      </c>
      <c r="S32397">
        <v>10</v>
      </c>
      <c r="T32397">
        <v>10</v>
      </c>
      <c r="U32397">
        <v>11</v>
      </c>
      <c r="V32397">
        <v>11</v>
      </c>
      <c r="W32397">
        <v>11</v>
      </c>
      <c r="X32397">
        <v>11</v>
      </c>
      <c r="Y32397">
        <v>12</v>
      </c>
      <c r="Z32397">
        <v>12</v>
      </c>
      <c r="AA32397">
        <v>12</v>
      </c>
      <c r="AB32397">
        <v>12</v>
      </c>
      <c r="AC32397">
        <v>12</v>
      </c>
      <c r="AD32397">
        <v>13</v>
      </c>
      <c r="AE32397">
        <v>13</v>
      </c>
      <c r="AF32397">
        <v>13</v>
      </c>
      <c r="AG32397">
        <v>13</v>
      </c>
      <c r="AH32397">
        <v>14</v>
      </c>
      <c r="AI32397">
        <v>14</v>
      </c>
      <c r="AJ32397">
        <v>14</v>
      </c>
      <c r="AK32397">
        <v>14</v>
      </c>
      <c r="AL32397">
        <v>15</v>
      </c>
      <c r="AM32397">
        <v>15</v>
      </c>
      <c r="AN32397">
        <v>15</v>
      </c>
      <c r="AO32397">
        <v>15</v>
      </c>
      <c r="AP32397">
        <v>15</v>
      </c>
      <c r="AQ32397">
        <v>15</v>
      </c>
    </row>
    <row r="32398" spans="1:43">
      <c r="A32398" t="s">
        <v>20061</v>
      </c>
      <c r="B32398" t="s">
        <v>20062</v>
      </c>
      <c r="C32398" t="s">
        <v>19975</v>
      </c>
      <c r="D32398" t="s">
        <v>19976</v>
      </c>
      <c r="E32398" t="s">
        <v>19921</v>
      </c>
      <c r="F32398" t="s">
        <v>19922</v>
      </c>
      <c r="G32398" t="s">
        <v>10734</v>
      </c>
      <c r="H32398" t="s">
        <v>10735</v>
      </c>
      <c r="I32398" s="2">
        <v>0</v>
      </c>
      <c r="J32398" s="2">
        <v>0</v>
      </c>
      <c r="K32398" s="2">
        <v>1</v>
      </c>
      <c r="L32398" t="s">
        <v>995</v>
      </c>
      <c r="M32398" t="s">
        <v>83</v>
      </c>
      <c r="N32398" t="s">
        <v>84</v>
      </c>
      <c r="O32398" t="s">
        <v>85</v>
      </c>
      <c r="P32398" t="s">
        <v>86</v>
      </c>
      <c r="Q32398">
        <v>93</v>
      </c>
      <c r="R32398">
        <v>95</v>
      </c>
      <c r="S32398">
        <v>98</v>
      </c>
      <c r="T32398">
        <v>100</v>
      </c>
      <c r="U32398">
        <v>102</v>
      </c>
      <c r="V32398">
        <v>104</v>
      </c>
      <c r="W32398">
        <v>107</v>
      </c>
      <c r="X32398">
        <v>109</v>
      </c>
      <c r="Y32398">
        <v>111</v>
      </c>
      <c r="Z32398">
        <v>113</v>
      </c>
      <c r="AA32398">
        <v>116</v>
      </c>
      <c r="AB32398">
        <v>118</v>
      </c>
      <c r="AC32398">
        <v>120</v>
      </c>
      <c r="AD32398">
        <v>123</v>
      </c>
      <c r="AE32398">
        <v>125</v>
      </c>
      <c r="AF32398">
        <v>127</v>
      </c>
      <c r="AG32398">
        <v>130</v>
      </c>
      <c r="AH32398">
        <v>132</v>
      </c>
      <c r="AI32398">
        <v>134</v>
      </c>
      <c r="AJ32398">
        <v>137</v>
      </c>
      <c r="AK32398">
        <v>139</v>
      </c>
      <c r="AL32398">
        <v>141</v>
      </c>
      <c r="AM32398">
        <v>142</v>
      </c>
      <c r="AN32398">
        <v>143</v>
      </c>
      <c r="AO32398">
        <v>144</v>
      </c>
      <c r="AP32398">
        <v>145</v>
      </c>
      <c r="AQ32398">
        <v>146</v>
      </c>
    </row>
    <row r="32399" spans="1:43">
      <c r="A32399" t="s">
        <v>20061</v>
      </c>
      <c r="B32399" t="s">
        <v>20062</v>
      </c>
      <c r="C32399" t="s">
        <v>19975</v>
      </c>
      <c r="D32399" t="s">
        <v>19976</v>
      </c>
      <c r="E32399" t="s">
        <v>19921</v>
      </c>
      <c r="F32399" t="s">
        <v>19922</v>
      </c>
      <c r="G32399" t="s">
        <v>10734</v>
      </c>
      <c r="H32399" t="s">
        <v>10735</v>
      </c>
      <c r="I32399" s="2">
        <v>0</v>
      </c>
      <c r="J32399" s="2">
        <v>0</v>
      </c>
      <c r="K32399" s="2">
        <v>1</v>
      </c>
      <c r="L32399" t="s">
        <v>995</v>
      </c>
      <c r="M32399" t="s">
        <v>87</v>
      </c>
      <c r="N32399" t="s">
        <v>88</v>
      </c>
      <c r="O32399" t="s">
        <v>85</v>
      </c>
      <c r="P32399" t="s">
        <v>86</v>
      </c>
      <c r="Q32399">
        <v>93</v>
      </c>
      <c r="R32399">
        <v>95</v>
      </c>
      <c r="S32399">
        <v>96</v>
      </c>
      <c r="T32399">
        <v>97</v>
      </c>
      <c r="U32399">
        <v>98</v>
      </c>
      <c r="V32399">
        <v>100</v>
      </c>
      <c r="W32399">
        <v>101</v>
      </c>
      <c r="X32399">
        <v>102</v>
      </c>
      <c r="Y32399">
        <v>104</v>
      </c>
      <c r="Z32399">
        <v>105</v>
      </c>
      <c r="AA32399">
        <v>106</v>
      </c>
      <c r="AB32399">
        <v>108</v>
      </c>
      <c r="AC32399">
        <v>109</v>
      </c>
      <c r="AD32399">
        <v>110</v>
      </c>
      <c r="AE32399">
        <v>112</v>
      </c>
      <c r="AF32399">
        <v>113</v>
      </c>
      <c r="AG32399">
        <v>114</v>
      </c>
      <c r="AH32399">
        <v>116</v>
      </c>
      <c r="AI32399">
        <v>117</v>
      </c>
      <c r="AJ32399">
        <v>118</v>
      </c>
      <c r="AK32399">
        <v>120</v>
      </c>
      <c r="AL32399">
        <v>121</v>
      </c>
      <c r="AM32399">
        <v>122</v>
      </c>
      <c r="AN32399">
        <v>124</v>
      </c>
      <c r="AO32399">
        <v>125</v>
      </c>
      <c r="AP32399">
        <v>126</v>
      </c>
      <c r="AQ32399">
        <v>128</v>
      </c>
    </row>
    <row r="32400" spans="1:43">
      <c r="A32400" t="s">
        <v>20061</v>
      </c>
      <c r="B32400" t="s">
        <v>20062</v>
      </c>
      <c r="C32400" t="s">
        <v>19975</v>
      </c>
      <c r="D32400" t="s">
        <v>19976</v>
      </c>
      <c r="E32400" t="s">
        <v>19921</v>
      </c>
      <c r="F32400" t="s">
        <v>19922</v>
      </c>
      <c r="G32400" t="s">
        <v>10734</v>
      </c>
      <c r="H32400" t="s">
        <v>10735</v>
      </c>
      <c r="I32400" s="2">
        <v>0</v>
      </c>
      <c r="J32400" s="2">
        <v>0</v>
      </c>
      <c r="K32400" s="2">
        <v>1</v>
      </c>
      <c r="L32400" t="s">
        <v>995</v>
      </c>
      <c r="M32400" t="s">
        <v>89</v>
      </c>
      <c r="N32400" t="s">
        <v>90</v>
      </c>
      <c r="O32400" t="s">
        <v>85</v>
      </c>
      <c r="P32400" t="s">
        <v>86</v>
      </c>
      <c r="Q32400">
        <v>93</v>
      </c>
      <c r="R32400">
        <v>96</v>
      </c>
      <c r="S32400">
        <v>99</v>
      </c>
      <c r="T32400">
        <v>102</v>
      </c>
      <c r="U32400">
        <v>105</v>
      </c>
      <c r="V32400">
        <v>108</v>
      </c>
      <c r="W32400">
        <v>111</v>
      </c>
      <c r="X32400">
        <v>114</v>
      </c>
      <c r="Y32400">
        <v>117</v>
      </c>
      <c r="Z32400">
        <v>119</v>
      </c>
      <c r="AA32400">
        <v>122</v>
      </c>
      <c r="AB32400">
        <v>125</v>
      </c>
      <c r="AC32400">
        <v>128</v>
      </c>
      <c r="AD32400">
        <v>131</v>
      </c>
      <c r="AE32400">
        <v>133</v>
      </c>
      <c r="AF32400">
        <v>134</v>
      </c>
      <c r="AG32400">
        <v>135</v>
      </c>
      <c r="AH32400">
        <v>137</v>
      </c>
      <c r="AI32400">
        <v>138</v>
      </c>
      <c r="AJ32400">
        <v>139</v>
      </c>
      <c r="AK32400">
        <v>140</v>
      </c>
      <c r="AL32400">
        <v>141</v>
      </c>
      <c r="AM32400">
        <v>142</v>
      </c>
      <c r="AN32400">
        <v>143</v>
      </c>
      <c r="AO32400">
        <v>145</v>
      </c>
      <c r="AP32400">
        <v>146</v>
      </c>
      <c r="AQ32400">
        <v>147</v>
      </c>
    </row>
    <row r="32401" spans="1:43">
      <c r="A32401" t="s">
        <v>20061</v>
      </c>
      <c r="B32401" t="s">
        <v>20062</v>
      </c>
      <c r="C32401" t="s">
        <v>19975</v>
      </c>
      <c r="D32401" t="s">
        <v>19976</v>
      </c>
      <c r="E32401" t="s">
        <v>19921</v>
      </c>
      <c r="F32401" t="s">
        <v>19922</v>
      </c>
      <c r="G32401" t="s">
        <v>10734</v>
      </c>
      <c r="H32401" t="s">
        <v>10735</v>
      </c>
      <c r="I32401" s="2">
        <v>0</v>
      </c>
      <c r="J32401" s="2">
        <v>0</v>
      </c>
      <c r="K32401" s="2">
        <v>1</v>
      </c>
      <c r="L32401" t="s">
        <v>995</v>
      </c>
      <c r="M32401" t="s">
        <v>83</v>
      </c>
      <c r="N32401" t="s">
        <v>91</v>
      </c>
      <c r="O32401" t="s">
        <v>85</v>
      </c>
      <c r="P32401" t="s">
        <v>86</v>
      </c>
      <c r="Q32401">
        <v>93</v>
      </c>
      <c r="R32401">
        <v>95</v>
      </c>
      <c r="S32401">
        <v>98</v>
      </c>
      <c r="T32401">
        <v>100</v>
      </c>
      <c r="U32401">
        <v>102</v>
      </c>
      <c r="V32401">
        <v>104</v>
      </c>
      <c r="W32401">
        <v>107</v>
      </c>
      <c r="X32401">
        <v>109</v>
      </c>
      <c r="Y32401">
        <v>111</v>
      </c>
      <c r="Z32401">
        <v>113</v>
      </c>
      <c r="AA32401">
        <v>116</v>
      </c>
      <c r="AB32401">
        <v>118</v>
      </c>
      <c r="AC32401">
        <v>120</v>
      </c>
      <c r="AD32401">
        <v>123</v>
      </c>
      <c r="AE32401">
        <v>125</v>
      </c>
      <c r="AF32401">
        <v>127</v>
      </c>
      <c r="AG32401">
        <v>130</v>
      </c>
      <c r="AH32401">
        <v>132</v>
      </c>
      <c r="AI32401">
        <v>134</v>
      </c>
      <c r="AJ32401">
        <v>137</v>
      </c>
      <c r="AK32401">
        <v>139</v>
      </c>
      <c r="AL32401">
        <v>141</v>
      </c>
      <c r="AM32401">
        <v>142</v>
      </c>
      <c r="AN32401">
        <v>143</v>
      </c>
      <c r="AO32401">
        <v>144</v>
      </c>
      <c r="AP32401">
        <v>145</v>
      </c>
      <c r="AQ32401">
        <v>146</v>
      </c>
    </row>
    <row r="32402" spans="1:43">
      <c r="A32402" t="s">
        <v>20063</v>
      </c>
      <c r="B32402" t="s">
        <v>20064</v>
      </c>
      <c r="C32402" t="s">
        <v>19979</v>
      </c>
      <c r="D32402" t="s">
        <v>19980</v>
      </c>
      <c r="E32402" t="s">
        <v>19921</v>
      </c>
      <c r="F32402" t="s">
        <v>19922</v>
      </c>
      <c r="G32402" t="s">
        <v>10734</v>
      </c>
      <c r="H32402" t="s">
        <v>10735</v>
      </c>
      <c r="I32402" s="2">
        <v>0</v>
      </c>
      <c r="J32402" s="2">
        <v>0</v>
      </c>
      <c r="K32402" s="2">
        <v>1</v>
      </c>
      <c r="L32402" t="s">
        <v>995</v>
      </c>
      <c r="M32402" t="s">
        <v>83</v>
      </c>
      <c r="N32402" t="s">
        <v>84</v>
      </c>
      <c r="O32402" t="s">
        <v>85</v>
      </c>
      <c r="P32402" t="s">
        <v>86</v>
      </c>
      <c r="Q32402">
        <v>6</v>
      </c>
      <c r="R32402">
        <v>6</v>
      </c>
      <c r="S32402">
        <v>6</v>
      </c>
      <c r="T32402">
        <v>6</v>
      </c>
      <c r="U32402">
        <v>6</v>
      </c>
      <c r="V32402">
        <v>6</v>
      </c>
      <c r="W32402">
        <v>7</v>
      </c>
      <c r="X32402">
        <v>7</v>
      </c>
      <c r="Y32402">
        <v>7</v>
      </c>
      <c r="Z32402">
        <v>7</v>
      </c>
      <c r="AA32402">
        <v>7</v>
      </c>
      <c r="AB32402">
        <v>7</v>
      </c>
      <c r="AC32402">
        <v>7</v>
      </c>
      <c r="AD32402">
        <v>8</v>
      </c>
      <c r="AE32402">
        <v>8</v>
      </c>
      <c r="AF32402">
        <v>8</v>
      </c>
      <c r="AG32402">
        <v>8</v>
      </c>
      <c r="AH32402">
        <v>8</v>
      </c>
      <c r="AI32402">
        <v>8</v>
      </c>
      <c r="AJ32402">
        <v>8</v>
      </c>
      <c r="AK32402">
        <v>9</v>
      </c>
      <c r="AL32402">
        <v>9</v>
      </c>
      <c r="AM32402">
        <v>9</v>
      </c>
      <c r="AN32402">
        <v>9</v>
      </c>
      <c r="AO32402">
        <v>9</v>
      </c>
      <c r="AP32402">
        <v>9</v>
      </c>
      <c r="AQ32402">
        <v>9</v>
      </c>
    </row>
    <row r="32403" spans="1:43">
      <c r="A32403" t="s">
        <v>20063</v>
      </c>
      <c r="B32403" t="s">
        <v>20064</v>
      </c>
      <c r="C32403" t="s">
        <v>19979</v>
      </c>
      <c r="D32403" t="s">
        <v>19980</v>
      </c>
      <c r="E32403" t="s">
        <v>19921</v>
      </c>
      <c r="F32403" t="s">
        <v>19922</v>
      </c>
      <c r="G32403" t="s">
        <v>10734</v>
      </c>
      <c r="H32403" t="s">
        <v>10735</v>
      </c>
      <c r="I32403" s="2">
        <v>0</v>
      </c>
      <c r="J32403" s="2">
        <v>0</v>
      </c>
      <c r="K32403" s="2">
        <v>1</v>
      </c>
      <c r="L32403" t="s">
        <v>995</v>
      </c>
      <c r="M32403" t="s">
        <v>87</v>
      </c>
      <c r="N32403" t="s">
        <v>88</v>
      </c>
      <c r="O32403" t="s">
        <v>85</v>
      </c>
      <c r="P32403" t="s">
        <v>86</v>
      </c>
      <c r="Q32403">
        <v>6</v>
      </c>
      <c r="R32403">
        <v>6</v>
      </c>
      <c r="S32403">
        <v>6</v>
      </c>
      <c r="T32403">
        <v>6</v>
      </c>
      <c r="U32403">
        <v>6</v>
      </c>
      <c r="V32403">
        <v>6</v>
      </c>
      <c r="W32403">
        <v>6</v>
      </c>
      <c r="X32403">
        <v>6</v>
      </c>
      <c r="Y32403">
        <v>6</v>
      </c>
      <c r="Z32403">
        <v>6</v>
      </c>
      <c r="AA32403">
        <v>7</v>
      </c>
      <c r="AB32403">
        <v>7</v>
      </c>
      <c r="AC32403">
        <v>7</v>
      </c>
      <c r="AD32403">
        <v>7</v>
      </c>
      <c r="AE32403">
        <v>7</v>
      </c>
      <c r="AF32403">
        <v>7</v>
      </c>
      <c r="AG32403">
        <v>7</v>
      </c>
      <c r="AH32403">
        <v>7</v>
      </c>
      <c r="AI32403">
        <v>7</v>
      </c>
      <c r="AJ32403">
        <v>7</v>
      </c>
      <c r="AK32403">
        <v>7</v>
      </c>
      <c r="AL32403">
        <v>7</v>
      </c>
      <c r="AM32403">
        <v>8</v>
      </c>
      <c r="AN32403">
        <v>8</v>
      </c>
      <c r="AO32403">
        <v>8</v>
      </c>
      <c r="AP32403">
        <v>8</v>
      </c>
      <c r="AQ32403">
        <v>8</v>
      </c>
    </row>
    <row r="32404" spans="1:43">
      <c r="A32404" t="s">
        <v>20063</v>
      </c>
      <c r="B32404" t="s">
        <v>20064</v>
      </c>
      <c r="C32404" t="s">
        <v>19979</v>
      </c>
      <c r="D32404" t="s">
        <v>19980</v>
      </c>
      <c r="E32404" t="s">
        <v>19921</v>
      </c>
      <c r="F32404" t="s">
        <v>19922</v>
      </c>
      <c r="G32404" t="s">
        <v>10734</v>
      </c>
      <c r="H32404" t="s">
        <v>10735</v>
      </c>
      <c r="I32404" s="2">
        <v>0</v>
      </c>
      <c r="J32404" s="2">
        <v>0</v>
      </c>
      <c r="K32404" s="2">
        <v>1</v>
      </c>
      <c r="L32404" t="s">
        <v>995</v>
      </c>
      <c r="M32404" t="s">
        <v>89</v>
      </c>
      <c r="N32404" t="s">
        <v>90</v>
      </c>
      <c r="O32404" t="s">
        <v>85</v>
      </c>
      <c r="P32404" t="s">
        <v>86</v>
      </c>
      <c r="Q32404">
        <v>6</v>
      </c>
      <c r="R32404">
        <v>6</v>
      </c>
      <c r="S32404">
        <v>6</v>
      </c>
      <c r="T32404">
        <v>6</v>
      </c>
      <c r="U32404">
        <v>7</v>
      </c>
      <c r="V32404">
        <v>7</v>
      </c>
      <c r="W32404">
        <v>7</v>
      </c>
      <c r="X32404">
        <v>7</v>
      </c>
      <c r="Y32404">
        <v>7</v>
      </c>
      <c r="Z32404">
        <v>7</v>
      </c>
      <c r="AA32404">
        <v>8</v>
      </c>
      <c r="AB32404">
        <v>8</v>
      </c>
      <c r="AC32404">
        <v>8</v>
      </c>
      <c r="AD32404">
        <v>8</v>
      </c>
      <c r="AE32404">
        <v>8</v>
      </c>
      <c r="AF32404">
        <v>8</v>
      </c>
      <c r="AG32404">
        <v>8</v>
      </c>
      <c r="AH32404">
        <v>9</v>
      </c>
      <c r="AI32404">
        <v>9</v>
      </c>
      <c r="AJ32404">
        <v>9</v>
      </c>
      <c r="AK32404">
        <v>9</v>
      </c>
      <c r="AL32404">
        <v>9</v>
      </c>
      <c r="AM32404">
        <v>9</v>
      </c>
      <c r="AN32404">
        <v>9</v>
      </c>
      <c r="AO32404">
        <v>9</v>
      </c>
      <c r="AP32404">
        <v>9</v>
      </c>
      <c r="AQ32404">
        <v>9</v>
      </c>
    </row>
    <row r="32405" spans="1:43">
      <c r="A32405" t="s">
        <v>20063</v>
      </c>
      <c r="B32405" t="s">
        <v>20064</v>
      </c>
      <c r="C32405" t="s">
        <v>19979</v>
      </c>
      <c r="D32405" t="s">
        <v>19980</v>
      </c>
      <c r="E32405" t="s">
        <v>19921</v>
      </c>
      <c r="F32405" t="s">
        <v>19922</v>
      </c>
      <c r="G32405" t="s">
        <v>10734</v>
      </c>
      <c r="H32405" t="s">
        <v>10735</v>
      </c>
      <c r="I32405" s="2">
        <v>0</v>
      </c>
      <c r="J32405" s="2">
        <v>0</v>
      </c>
      <c r="K32405" s="2">
        <v>1</v>
      </c>
      <c r="L32405" t="s">
        <v>995</v>
      </c>
      <c r="M32405" t="s">
        <v>83</v>
      </c>
      <c r="N32405" t="s">
        <v>91</v>
      </c>
      <c r="O32405" t="s">
        <v>85</v>
      </c>
      <c r="P32405" t="s">
        <v>86</v>
      </c>
      <c r="Q32405">
        <v>6</v>
      </c>
      <c r="R32405">
        <v>6</v>
      </c>
      <c r="S32405">
        <v>6</v>
      </c>
      <c r="T32405">
        <v>6</v>
      </c>
      <c r="U32405">
        <v>6</v>
      </c>
      <c r="V32405">
        <v>6</v>
      </c>
      <c r="W32405">
        <v>7</v>
      </c>
      <c r="X32405">
        <v>7</v>
      </c>
      <c r="Y32405">
        <v>7</v>
      </c>
      <c r="Z32405">
        <v>7</v>
      </c>
      <c r="AA32405">
        <v>7</v>
      </c>
      <c r="AB32405">
        <v>7</v>
      </c>
      <c r="AC32405">
        <v>7</v>
      </c>
      <c r="AD32405">
        <v>8</v>
      </c>
      <c r="AE32405">
        <v>8</v>
      </c>
      <c r="AF32405">
        <v>8</v>
      </c>
      <c r="AG32405">
        <v>8</v>
      </c>
      <c r="AH32405">
        <v>8</v>
      </c>
      <c r="AI32405">
        <v>8</v>
      </c>
      <c r="AJ32405">
        <v>8</v>
      </c>
      <c r="AK32405">
        <v>9</v>
      </c>
      <c r="AL32405">
        <v>9</v>
      </c>
      <c r="AM32405">
        <v>9</v>
      </c>
      <c r="AN32405">
        <v>9</v>
      </c>
      <c r="AO32405">
        <v>9</v>
      </c>
      <c r="AP32405">
        <v>9</v>
      </c>
      <c r="AQ32405">
        <v>9</v>
      </c>
    </row>
    <row r="32406" spans="1:43">
      <c r="A32406" t="s">
        <v>20065</v>
      </c>
      <c r="B32406" t="s">
        <v>20066</v>
      </c>
      <c r="C32406" t="s">
        <v>19937</v>
      </c>
      <c r="D32406" t="s">
        <v>19938</v>
      </c>
      <c r="E32406" t="s">
        <v>19921</v>
      </c>
      <c r="F32406" t="s">
        <v>19922</v>
      </c>
      <c r="G32406" t="s">
        <v>10734</v>
      </c>
      <c r="H32406" t="s">
        <v>10735</v>
      </c>
      <c r="I32406" s="2">
        <v>0</v>
      </c>
      <c r="J32406" s="2">
        <v>0</v>
      </c>
      <c r="K32406" s="2">
        <v>1</v>
      </c>
      <c r="L32406" t="s">
        <v>995</v>
      </c>
      <c r="M32406" t="s">
        <v>83</v>
      </c>
      <c r="N32406" t="s">
        <v>84</v>
      </c>
      <c r="O32406" t="s">
        <v>85</v>
      </c>
      <c r="P32406" t="s">
        <v>86</v>
      </c>
      <c r="Q32406">
        <v>54</v>
      </c>
      <c r="R32406">
        <v>55</v>
      </c>
      <c r="S32406">
        <v>56</v>
      </c>
      <c r="T32406">
        <v>58</v>
      </c>
      <c r="U32406">
        <v>59</v>
      </c>
      <c r="V32406">
        <v>60</v>
      </c>
      <c r="W32406">
        <v>61</v>
      </c>
      <c r="X32406">
        <v>63</v>
      </c>
      <c r="Y32406">
        <v>64</v>
      </c>
      <c r="Z32406">
        <v>65</v>
      </c>
      <c r="AA32406">
        <v>67</v>
      </c>
      <c r="AB32406">
        <v>68</v>
      </c>
      <c r="AC32406">
        <v>69</v>
      </c>
      <c r="AD32406">
        <v>71</v>
      </c>
      <c r="AE32406">
        <v>72</v>
      </c>
      <c r="AF32406">
        <v>73</v>
      </c>
      <c r="AG32406">
        <v>75</v>
      </c>
      <c r="AH32406">
        <v>76</v>
      </c>
      <c r="AI32406">
        <v>77</v>
      </c>
      <c r="AJ32406">
        <v>79</v>
      </c>
      <c r="AK32406">
        <v>80</v>
      </c>
      <c r="AL32406">
        <v>81</v>
      </c>
      <c r="AM32406">
        <v>82</v>
      </c>
      <c r="AN32406">
        <v>82</v>
      </c>
      <c r="AO32406">
        <v>83</v>
      </c>
      <c r="AP32406">
        <v>84</v>
      </c>
      <c r="AQ32406">
        <v>84</v>
      </c>
    </row>
    <row r="32407" spans="1:43">
      <c r="A32407" t="s">
        <v>20065</v>
      </c>
      <c r="B32407" t="s">
        <v>20066</v>
      </c>
      <c r="C32407" t="s">
        <v>19937</v>
      </c>
      <c r="D32407" t="s">
        <v>19938</v>
      </c>
      <c r="E32407" t="s">
        <v>19921</v>
      </c>
      <c r="F32407" t="s">
        <v>19922</v>
      </c>
      <c r="G32407" t="s">
        <v>10734</v>
      </c>
      <c r="H32407" t="s">
        <v>10735</v>
      </c>
      <c r="I32407" s="2">
        <v>0</v>
      </c>
      <c r="J32407" s="2">
        <v>0</v>
      </c>
      <c r="K32407" s="2">
        <v>1</v>
      </c>
      <c r="L32407" t="s">
        <v>995</v>
      </c>
      <c r="M32407" t="s">
        <v>87</v>
      </c>
      <c r="N32407" t="s">
        <v>88</v>
      </c>
      <c r="O32407" t="s">
        <v>85</v>
      </c>
      <c r="P32407" t="s">
        <v>86</v>
      </c>
      <c r="Q32407">
        <v>54</v>
      </c>
      <c r="R32407">
        <v>55</v>
      </c>
      <c r="S32407">
        <v>56</v>
      </c>
      <c r="T32407">
        <v>57</v>
      </c>
      <c r="U32407">
        <v>57</v>
      </c>
      <c r="V32407">
        <v>58</v>
      </c>
      <c r="W32407">
        <v>59</v>
      </c>
      <c r="X32407">
        <v>60</v>
      </c>
      <c r="Y32407">
        <v>60</v>
      </c>
      <c r="Z32407">
        <v>61</v>
      </c>
      <c r="AA32407">
        <v>62</v>
      </c>
      <c r="AB32407">
        <v>62</v>
      </c>
      <c r="AC32407">
        <v>63</v>
      </c>
      <c r="AD32407">
        <v>64</v>
      </c>
      <c r="AE32407">
        <v>65</v>
      </c>
      <c r="AF32407">
        <v>65</v>
      </c>
      <c r="AG32407">
        <v>66</v>
      </c>
      <c r="AH32407">
        <v>67</v>
      </c>
      <c r="AI32407">
        <v>68</v>
      </c>
      <c r="AJ32407">
        <v>68</v>
      </c>
      <c r="AK32407">
        <v>69</v>
      </c>
      <c r="AL32407">
        <v>70</v>
      </c>
      <c r="AM32407">
        <v>71</v>
      </c>
      <c r="AN32407">
        <v>71</v>
      </c>
      <c r="AO32407">
        <v>72</v>
      </c>
      <c r="AP32407">
        <v>73</v>
      </c>
      <c r="AQ32407">
        <v>74</v>
      </c>
    </row>
    <row r="32408" spans="1:43">
      <c r="A32408" t="s">
        <v>20065</v>
      </c>
      <c r="B32408" t="s">
        <v>20066</v>
      </c>
      <c r="C32408" t="s">
        <v>19937</v>
      </c>
      <c r="D32408" t="s">
        <v>19938</v>
      </c>
      <c r="E32408" t="s">
        <v>19921</v>
      </c>
      <c r="F32408" t="s">
        <v>19922</v>
      </c>
      <c r="G32408" t="s">
        <v>10734</v>
      </c>
      <c r="H32408" t="s">
        <v>10735</v>
      </c>
      <c r="I32408" s="2">
        <v>0</v>
      </c>
      <c r="J32408" s="2">
        <v>0</v>
      </c>
      <c r="K32408" s="2">
        <v>1</v>
      </c>
      <c r="L32408" t="s">
        <v>995</v>
      </c>
      <c r="M32408" t="s">
        <v>89</v>
      </c>
      <c r="N32408" t="s">
        <v>90</v>
      </c>
      <c r="O32408" t="s">
        <v>85</v>
      </c>
      <c r="P32408" t="s">
        <v>86</v>
      </c>
      <c r="Q32408">
        <v>54</v>
      </c>
      <c r="R32408">
        <v>56</v>
      </c>
      <c r="S32408">
        <v>58</v>
      </c>
      <c r="T32408">
        <v>60</v>
      </c>
      <c r="U32408">
        <v>61</v>
      </c>
      <c r="V32408">
        <v>63</v>
      </c>
      <c r="W32408">
        <v>65</v>
      </c>
      <c r="X32408">
        <v>66</v>
      </c>
      <c r="Y32408">
        <v>68</v>
      </c>
      <c r="Z32408">
        <v>70</v>
      </c>
      <c r="AA32408">
        <v>71</v>
      </c>
      <c r="AB32408">
        <v>73</v>
      </c>
      <c r="AC32408">
        <v>74</v>
      </c>
      <c r="AD32408">
        <v>76</v>
      </c>
      <c r="AE32408">
        <v>77</v>
      </c>
      <c r="AF32408">
        <v>78</v>
      </c>
      <c r="AG32408">
        <v>79</v>
      </c>
      <c r="AH32408">
        <v>79</v>
      </c>
      <c r="AI32408">
        <v>80</v>
      </c>
      <c r="AJ32408">
        <v>81</v>
      </c>
      <c r="AK32408">
        <v>81</v>
      </c>
      <c r="AL32408">
        <v>82</v>
      </c>
      <c r="AM32408">
        <v>82</v>
      </c>
      <c r="AN32408">
        <v>83</v>
      </c>
      <c r="AO32408">
        <v>84</v>
      </c>
      <c r="AP32408">
        <v>84</v>
      </c>
      <c r="AQ32408">
        <v>85</v>
      </c>
    </row>
    <row r="32409" spans="1:43">
      <c r="A32409" t="s">
        <v>20065</v>
      </c>
      <c r="B32409" t="s">
        <v>20066</v>
      </c>
      <c r="C32409" t="s">
        <v>19937</v>
      </c>
      <c r="D32409" t="s">
        <v>19938</v>
      </c>
      <c r="E32409" t="s">
        <v>19921</v>
      </c>
      <c r="F32409" t="s">
        <v>19922</v>
      </c>
      <c r="G32409" t="s">
        <v>10734</v>
      </c>
      <c r="H32409" t="s">
        <v>10735</v>
      </c>
      <c r="I32409" s="2">
        <v>0</v>
      </c>
      <c r="J32409" s="2">
        <v>0</v>
      </c>
      <c r="K32409" s="2">
        <v>1</v>
      </c>
      <c r="L32409" t="s">
        <v>995</v>
      </c>
      <c r="M32409" t="s">
        <v>83</v>
      </c>
      <c r="N32409" t="s">
        <v>91</v>
      </c>
      <c r="O32409" t="s">
        <v>85</v>
      </c>
      <c r="P32409" t="s">
        <v>86</v>
      </c>
      <c r="Q32409">
        <v>54</v>
      </c>
      <c r="R32409">
        <v>55</v>
      </c>
      <c r="S32409">
        <v>56</v>
      </c>
      <c r="T32409">
        <v>58</v>
      </c>
      <c r="U32409">
        <v>59</v>
      </c>
      <c r="V32409">
        <v>60</v>
      </c>
      <c r="W32409">
        <v>61</v>
      </c>
      <c r="X32409">
        <v>63</v>
      </c>
      <c r="Y32409">
        <v>64</v>
      </c>
      <c r="Z32409">
        <v>65</v>
      </c>
      <c r="AA32409">
        <v>67</v>
      </c>
      <c r="AB32409">
        <v>68</v>
      </c>
      <c r="AC32409">
        <v>69</v>
      </c>
      <c r="AD32409">
        <v>71</v>
      </c>
      <c r="AE32409">
        <v>72</v>
      </c>
      <c r="AF32409">
        <v>73</v>
      </c>
      <c r="AG32409">
        <v>75</v>
      </c>
      <c r="AH32409">
        <v>76</v>
      </c>
      <c r="AI32409">
        <v>77</v>
      </c>
      <c r="AJ32409">
        <v>79</v>
      </c>
      <c r="AK32409">
        <v>80</v>
      </c>
      <c r="AL32409">
        <v>81</v>
      </c>
      <c r="AM32409">
        <v>82</v>
      </c>
      <c r="AN32409">
        <v>82</v>
      </c>
      <c r="AO32409">
        <v>83</v>
      </c>
      <c r="AP32409">
        <v>84</v>
      </c>
      <c r="AQ32409">
        <v>84</v>
      </c>
    </row>
    <row r="32410" spans="1:43">
      <c r="A32410" t="s">
        <v>20067</v>
      </c>
      <c r="B32410" t="s">
        <v>20068</v>
      </c>
      <c r="C32410" t="s">
        <v>20069</v>
      </c>
      <c r="D32410" t="s">
        <v>20070</v>
      </c>
      <c r="E32410" t="s">
        <v>20071</v>
      </c>
      <c r="F32410" t="s">
        <v>20072</v>
      </c>
      <c r="G32410" t="s">
        <v>10734</v>
      </c>
      <c r="H32410" t="s">
        <v>10735</v>
      </c>
      <c r="I32410" s="2">
        <v>0</v>
      </c>
      <c r="J32410" s="2">
        <v>0</v>
      </c>
      <c r="K32410" s="2">
        <v>1</v>
      </c>
      <c r="L32410" t="s">
        <v>995</v>
      </c>
      <c r="M32410" t="s">
        <v>83</v>
      </c>
      <c r="N32410" t="s">
        <v>84</v>
      </c>
      <c r="O32410" t="s">
        <v>85</v>
      </c>
      <c r="P32410" t="s">
        <v>86</v>
      </c>
      <c r="Q32410">
        <v>39</v>
      </c>
      <c r="R32410">
        <v>40</v>
      </c>
      <c r="S32410">
        <v>40</v>
      </c>
      <c r="T32410">
        <v>41</v>
      </c>
      <c r="U32410">
        <v>41</v>
      </c>
      <c r="V32410">
        <v>41</v>
      </c>
      <c r="W32410">
        <v>42</v>
      </c>
      <c r="X32410">
        <v>42</v>
      </c>
      <c r="Y32410">
        <v>43</v>
      </c>
      <c r="Z32410">
        <v>43</v>
      </c>
      <c r="AA32410">
        <v>44</v>
      </c>
      <c r="AB32410">
        <v>44</v>
      </c>
      <c r="AC32410">
        <v>44</v>
      </c>
      <c r="AD32410">
        <v>45</v>
      </c>
      <c r="AE32410">
        <v>45</v>
      </c>
      <c r="AF32410">
        <v>45</v>
      </c>
      <c r="AG32410">
        <v>46</v>
      </c>
      <c r="AH32410">
        <v>46</v>
      </c>
      <c r="AI32410">
        <v>46</v>
      </c>
      <c r="AJ32410">
        <v>47</v>
      </c>
      <c r="AK32410">
        <v>47</v>
      </c>
      <c r="AL32410">
        <v>47</v>
      </c>
      <c r="AM32410">
        <v>47</v>
      </c>
      <c r="AN32410">
        <v>47</v>
      </c>
      <c r="AO32410">
        <v>47</v>
      </c>
      <c r="AP32410">
        <v>47</v>
      </c>
      <c r="AQ32410">
        <v>47</v>
      </c>
    </row>
    <row r="32411" spans="1:43">
      <c r="A32411" t="s">
        <v>20067</v>
      </c>
      <c r="B32411" t="s">
        <v>20068</v>
      </c>
      <c r="C32411" t="s">
        <v>20069</v>
      </c>
      <c r="D32411" t="s">
        <v>20070</v>
      </c>
      <c r="E32411" t="s">
        <v>20071</v>
      </c>
      <c r="F32411" t="s">
        <v>20072</v>
      </c>
      <c r="G32411" t="s">
        <v>10734</v>
      </c>
      <c r="H32411" t="s">
        <v>10735</v>
      </c>
      <c r="I32411" s="2">
        <v>0</v>
      </c>
      <c r="J32411" s="2">
        <v>0</v>
      </c>
      <c r="K32411" s="2">
        <v>1</v>
      </c>
      <c r="L32411" t="s">
        <v>995</v>
      </c>
      <c r="M32411" t="s">
        <v>87</v>
      </c>
      <c r="N32411" t="s">
        <v>88</v>
      </c>
      <c r="O32411" t="s">
        <v>85</v>
      </c>
      <c r="P32411" t="s">
        <v>86</v>
      </c>
      <c r="Q32411">
        <v>39</v>
      </c>
      <c r="R32411">
        <v>39</v>
      </c>
      <c r="S32411">
        <v>39</v>
      </c>
      <c r="T32411">
        <v>39</v>
      </c>
      <c r="U32411">
        <v>39</v>
      </c>
      <c r="V32411">
        <v>39</v>
      </c>
      <c r="W32411">
        <v>39</v>
      </c>
      <c r="X32411">
        <v>39</v>
      </c>
      <c r="Y32411">
        <v>40</v>
      </c>
      <c r="Z32411">
        <v>40</v>
      </c>
      <c r="AA32411">
        <v>40</v>
      </c>
      <c r="AB32411">
        <v>40</v>
      </c>
      <c r="AC32411">
        <v>40</v>
      </c>
      <c r="AD32411">
        <v>40</v>
      </c>
      <c r="AE32411">
        <v>40</v>
      </c>
      <c r="AF32411">
        <v>40</v>
      </c>
      <c r="AG32411">
        <v>40</v>
      </c>
      <c r="AH32411">
        <v>40</v>
      </c>
      <c r="AI32411">
        <v>40</v>
      </c>
      <c r="AJ32411">
        <v>40</v>
      </c>
      <c r="AK32411">
        <v>40</v>
      </c>
      <c r="AL32411">
        <v>40</v>
      </c>
      <c r="AM32411">
        <v>40</v>
      </c>
      <c r="AN32411">
        <v>40</v>
      </c>
      <c r="AO32411">
        <v>40</v>
      </c>
      <c r="AP32411">
        <v>40</v>
      </c>
      <c r="AQ32411">
        <v>40</v>
      </c>
    </row>
    <row r="32412" spans="1:43">
      <c r="A32412" t="s">
        <v>20067</v>
      </c>
      <c r="B32412" t="s">
        <v>20068</v>
      </c>
      <c r="C32412" t="s">
        <v>20069</v>
      </c>
      <c r="D32412" t="s">
        <v>20070</v>
      </c>
      <c r="E32412" t="s">
        <v>20071</v>
      </c>
      <c r="F32412" t="s">
        <v>20072</v>
      </c>
      <c r="G32412" t="s">
        <v>10734</v>
      </c>
      <c r="H32412" t="s">
        <v>10735</v>
      </c>
      <c r="I32412" s="2">
        <v>0</v>
      </c>
      <c r="J32412" s="2">
        <v>0</v>
      </c>
      <c r="K32412" s="2">
        <v>1</v>
      </c>
      <c r="L32412" t="s">
        <v>995</v>
      </c>
      <c r="M32412" t="s">
        <v>89</v>
      </c>
      <c r="N32412" t="s">
        <v>90</v>
      </c>
      <c r="O32412" t="s">
        <v>85</v>
      </c>
      <c r="P32412" t="s">
        <v>86</v>
      </c>
      <c r="Q32412">
        <v>39</v>
      </c>
      <c r="R32412">
        <v>39</v>
      </c>
      <c r="S32412">
        <v>40</v>
      </c>
      <c r="T32412">
        <v>41</v>
      </c>
      <c r="U32412">
        <v>42</v>
      </c>
      <c r="V32412">
        <v>42</v>
      </c>
      <c r="W32412">
        <v>43</v>
      </c>
      <c r="X32412">
        <v>44</v>
      </c>
      <c r="Y32412">
        <v>44</v>
      </c>
      <c r="Z32412">
        <v>45</v>
      </c>
      <c r="AA32412">
        <v>45</v>
      </c>
      <c r="AB32412">
        <v>46</v>
      </c>
      <c r="AC32412">
        <v>46</v>
      </c>
      <c r="AD32412">
        <v>47</v>
      </c>
      <c r="AE32412">
        <v>47</v>
      </c>
      <c r="AF32412">
        <v>47</v>
      </c>
      <c r="AG32412">
        <v>47</v>
      </c>
      <c r="AH32412">
        <v>47</v>
      </c>
      <c r="AI32412">
        <v>47</v>
      </c>
      <c r="AJ32412">
        <v>47</v>
      </c>
      <c r="AK32412">
        <v>47</v>
      </c>
      <c r="AL32412">
        <v>47</v>
      </c>
      <c r="AM32412">
        <v>47</v>
      </c>
      <c r="AN32412">
        <v>46</v>
      </c>
      <c r="AO32412">
        <v>46</v>
      </c>
      <c r="AP32412">
        <v>46</v>
      </c>
      <c r="AQ32412">
        <v>46</v>
      </c>
    </row>
    <row r="32413" spans="1:43">
      <c r="A32413" t="s">
        <v>20067</v>
      </c>
      <c r="B32413" t="s">
        <v>20068</v>
      </c>
      <c r="C32413" t="s">
        <v>20069</v>
      </c>
      <c r="D32413" t="s">
        <v>20070</v>
      </c>
      <c r="E32413" t="s">
        <v>20071</v>
      </c>
      <c r="F32413" t="s">
        <v>20072</v>
      </c>
      <c r="G32413" t="s">
        <v>10734</v>
      </c>
      <c r="H32413" t="s">
        <v>10735</v>
      </c>
      <c r="I32413" s="2">
        <v>0</v>
      </c>
      <c r="J32413" s="2">
        <v>0</v>
      </c>
      <c r="K32413" s="2">
        <v>1</v>
      </c>
      <c r="L32413" t="s">
        <v>995</v>
      </c>
      <c r="M32413" t="s">
        <v>83</v>
      </c>
      <c r="N32413" t="s">
        <v>91</v>
      </c>
      <c r="O32413" t="s">
        <v>85</v>
      </c>
      <c r="P32413" t="s">
        <v>86</v>
      </c>
      <c r="Q32413">
        <v>39</v>
      </c>
      <c r="R32413">
        <v>40</v>
      </c>
      <c r="S32413">
        <v>40</v>
      </c>
      <c r="T32413">
        <v>41</v>
      </c>
      <c r="U32413">
        <v>41</v>
      </c>
      <c r="V32413">
        <v>41</v>
      </c>
      <c r="W32413">
        <v>42</v>
      </c>
      <c r="X32413">
        <v>42</v>
      </c>
      <c r="Y32413">
        <v>43</v>
      </c>
      <c r="Z32413">
        <v>43</v>
      </c>
      <c r="AA32413">
        <v>44</v>
      </c>
      <c r="AB32413">
        <v>44</v>
      </c>
      <c r="AC32413">
        <v>44</v>
      </c>
      <c r="AD32413">
        <v>45</v>
      </c>
      <c r="AE32413">
        <v>45</v>
      </c>
      <c r="AF32413">
        <v>45</v>
      </c>
      <c r="AG32413">
        <v>46</v>
      </c>
      <c r="AH32413">
        <v>46</v>
      </c>
      <c r="AI32413">
        <v>46</v>
      </c>
      <c r="AJ32413">
        <v>47</v>
      </c>
      <c r="AK32413">
        <v>47</v>
      </c>
      <c r="AL32413">
        <v>47</v>
      </c>
      <c r="AM32413">
        <v>47</v>
      </c>
      <c r="AN32413">
        <v>47</v>
      </c>
      <c r="AO32413">
        <v>47</v>
      </c>
      <c r="AP32413">
        <v>47</v>
      </c>
      <c r="AQ32413">
        <v>47</v>
      </c>
    </row>
    <row r="32414" spans="1:43">
      <c r="A32414" t="s">
        <v>20073</v>
      </c>
      <c r="B32414" t="s">
        <v>20074</v>
      </c>
      <c r="C32414" t="s">
        <v>20069</v>
      </c>
      <c r="D32414" t="s">
        <v>20070</v>
      </c>
      <c r="E32414" t="s">
        <v>20071</v>
      </c>
      <c r="F32414" t="s">
        <v>20072</v>
      </c>
      <c r="G32414" t="s">
        <v>10734</v>
      </c>
      <c r="H32414" t="s">
        <v>10735</v>
      </c>
      <c r="I32414" s="2">
        <v>0</v>
      </c>
      <c r="J32414" s="2">
        <v>0</v>
      </c>
      <c r="K32414" s="2">
        <v>1</v>
      </c>
      <c r="L32414" t="s">
        <v>995</v>
      </c>
      <c r="M32414" t="s">
        <v>83</v>
      </c>
      <c r="N32414" t="s">
        <v>84</v>
      </c>
      <c r="O32414" t="s">
        <v>85</v>
      </c>
      <c r="P32414" t="s">
        <v>86</v>
      </c>
      <c r="Q32414">
        <v>15</v>
      </c>
      <c r="R32414">
        <v>15</v>
      </c>
      <c r="S32414">
        <v>15</v>
      </c>
      <c r="T32414">
        <v>16</v>
      </c>
      <c r="U32414">
        <v>16</v>
      </c>
      <c r="V32414">
        <v>16</v>
      </c>
      <c r="W32414">
        <v>16</v>
      </c>
      <c r="X32414">
        <v>16</v>
      </c>
      <c r="Y32414">
        <v>17</v>
      </c>
      <c r="Z32414">
        <v>17</v>
      </c>
      <c r="AA32414">
        <v>17</v>
      </c>
      <c r="AB32414">
        <v>17</v>
      </c>
      <c r="AC32414">
        <v>17</v>
      </c>
      <c r="AD32414">
        <v>17</v>
      </c>
      <c r="AE32414">
        <v>17</v>
      </c>
      <c r="AF32414">
        <v>18</v>
      </c>
      <c r="AG32414">
        <v>18</v>
      </c>
      <c r="AH32414">
        <v>18</v>
      </c>
      <c r="AI32414">
        <v>18</v>
      </c>
      <c r="AJ32414">
        <v>18</v>
      </c>
      <c r="AK32414">
        <v>18</v>
      </c>
      <c r="AL32414">
        <v>18</v>
      </c>
      <c r="AM32414">
        <v>18</v>
      </c>
      <c r="AN32414">
        <v>18</v>
      </c>
      <c r="AO32414">
        <v>18</v>
      </c>
      <c r="AP32414">
        <v>18</v>
      </c>
      <c r="AQ32414">
        <v>18</v>
      </c>
    </row>
    <row r="32415" spans="1:43">
      <c r="A32415" t="s">
        <v>20073</v>
      </c>
      <c r="B32415" t="s">
        <v>20074</v>
      </c>
      <c r="C32415" t="s">
        <v>20069</v>
      </c>
      <c r="D32415" t="s">
        <v>20070</v>
      </c>
      <c r="E32415" t="s">
        <v>20071</v>
      </c>
      <c r="F32415" t="s">
        <v>20072</v>
      </c>
      <c r="G32415" t="s">
        <v>10734</v>
      </c>
      <c r="H32415" t="s">
        <v>10735</v>
      </c>
      <c r="I32415" s="2">
        <v>0</v>
      </c>
      <c r="J32415" s="2">
        <v>0</v>
      </c>
      <c r="K32415" s="2">
        <v>1</v>
      </c>
      <c r="L32415" t="s">
        <v>995</v>
      </c>
      <c r="M32415" t="s">
        <v>87</v>
      </c>
      <c r="N32415" t="s">
        <v>88</v>
      </c>
      <c r="O32415" t="s">
        <v>85</v>
      </c>
      <c r="P32415" t="s">
        <v>86</v>
      </c>
      <c r="Q32415">
        <v>15</v>
      </c>
      <c r="R32415">
        <v>15</v>
      </c>
      <c r="S32415">
        <v>15</v>
      </c>
      <c r="T32415">
        <v>15</v>
      </c>
      <c r="U32415">
        <v>15</v>
      </c>
      <c r="V32415">
        <v>15</v>
      </c>
      <c r="W32415">
        <v>15</v>
      </c>
      <c r="X32415">
        <v>15</v>
      </c>
      <c r="Y32415">
        <v>15</v>
      </c>
      <c r="Z32415">
        <v>15</v>
      </c>
      <c r="AA32415">
        <v>15</v>
      </c>
      <c r="AB32415">
        <v>15</v>
      </c>
      <c r="AC32415">
        <v>15</v>
      </c>
      <c r="AD32415">
        <v>15</v>
      </c>
      <c r="AE32415">
        <v>15</v>
      </c>
      <c r="AF32415">
        <v>16</v>
      </c>
      <c r="AG32415">
        <v>16</v>
      </c>
      <c r="AH32415">
        <v>16</v>
      </c>
      <c r="AI32415">
        <v>16</v>
      </c>
      <c r="AJ32415">
        <v>16</v>
      </c>
      <c r="AK32415">
        <v>16</v>
      </c>
      <c r="AL32415">
        <v>16</v>
      </c>
      <c r="AM32415">
        <v>16</v>
      </c>
      <c r="AN32415">
        <v>16</v>
      </c>
      <c r="AO32415">
        <v>16</v>
      </c>
      <c r="AP32415">
        <v>16</v>
      </c>
      <c r="AQ32415">
        <v>16</v>
      </c>
    </row>
    <row r="32416" spans="1:43">
      <c r="A32416" t="s">
        <v>20073</v>
      </c>
      <c r="B32416" t="s">
        <v>20074</v>
      </c>
      <c r="C32416" t="s">
        <v>20069</v>
      </c>
      <c r="D32416" t="s">
        <v>20070</v>
      </c>
      <c r="E32416" t="s">
        <v>20071</v>
      </c>
      <c r="F32416" t="s">
        <v>20072</v>
      </c>
      <c r="G32416" t="s">
        <v>10734</v>
      </c>
      <c r="H32416" t="s">
        <v>10735</v>
      </c>
      <c r="I32416" s="2">
        <v>0</v>
      </c>
      <c r="J32416" s="2">
        <v>0</v>
      </c>
      <c r="K32416" s="2">
        <v>1</v>
      </c>
      <c r="L32416" t="s">
        <v>995</v>
      </c>
      <c r="M32416" t="s">
        <v>89</v>
      </c>
      <c r="N32416" t="s">
        <v>90</v>
      </c>
      <c r="O32416" t="s">
        <v>85</v>
      </c>
      <c r="P32416" t="s">
        <v>86</v>
      </c>
      <c r="Q32416">
        <v>15</v>
      </c>
      <c r="R32416">
        <v>16</v>
      </c>
      <c r="S32416">
        <v>16</v>
      </c>
      <c r="T32416">
        <v>16</v>
      </c>
      <c r="U32416">
        <v>16</v>
      </c>
      <c r="V32416">
        <v>17</v>
      </c>
      <c r="W32416">
        <v>17</v>
      </c>
      <c r="X32416">
        <v>17</v>
      </c>
      <c r="Y32416">
        <v>18</v>
      </c>
      <c r="Z32416">
        <v>18</v>
      </c>
      <c r="AA32416">
        <v>18</v>
      </c>
      <c r="AB32416">
        <v>18</v>
      </c>
      <c r="AC32416">
        <v>18</v>
      </c>
      <c r="AD32416">
        <v>19</v>
      </c>
      <c r="AE32416">
        <v>19</v>
      </c>
      <c r="AF32416">
        <v>19</v>
      </c>
      <c r="AG32416">
        <v>19</v>
      </c>
      <c r="AH32416">
        <v>19</v>
      </c>
      <c r="AI32416">
        <v>19</v>
      </c>
      <c r="AJ32416">
        <v>19</v>
      </c>
      <c r="AK32416">
        <v>19</v>
      </c>
      <c r="AL32416">
        <v>19</v>
      </c>
      <c r="AM32416">
        <v>19</v>
      </c>
      <c r="AN32416">
        <v>18</v>
      </c>
      <c r="AO32416">
        <v>18</v>
      </c>
      <c r="AP32416">
        <v>18</v>
      </c>
      <c r="AQ32416">
        <v>18</v>
      </c>
    </row>
    <row r="32417" spans="1:43">
      <c r="A32417" t="s">
        <v>20073</v>
      </c>
      <c r="B32417" t="s">
        <v>20074</v>
      </c>
      <c r="C32417" t="s">
        <v>20069</v>
      </c>
      <c r="D32417" t="s">
        <v>20070</v>
      </c>
      <c r="E32417" t="s">
        <v>20071</v>
      </c>
      <c r="F32417" t="s">
        <v>20072</v>
      </c>
      <c r="G32417" t="s">
        <v>10734</v>
      </c>
      <c r="H32417" t="s">
        <v>10735</v>
      </c>
      <c r="I32417" s="2">
        <v>0</v>
      </c>
      <c r="J32417" s="2">
        <v>0</v>
      </c>
      <c r="K32417" s="2">
        <v>1</v>
      </c>
      <c r="L32417" t="s">
        <v>995</v>
      </c>
      <c r="M32417" t="s">
        <v>83</v>
      </c>
      <c r="N32417" t="s">
        <v>91</v>
      </c>
      <c r="O32417" t="s">
        <v>85</v>
      </c>
      <c r="P32417" t="s">
        <v>86</v>
      </c>
      <c r="Q32417">
        <v>15</v>
      </c>
      <c r="R32417">
        <v>15</v>
      </c>
      <c r="S32417">
        <v>15</v>
      </c>
      <c r="T32417">
        <v>16</v>
      </c>
      <c r="U32417">
        <v>16</v>
      </c>
      <c r="V32417">
        <v>16</v>
      </c>
      <c r="W32417">
        <v>16</v>
      </c>
      <c r="X32417">
        <v>16</v>
      </c>
      <c r="Y32417">
        <v>17</v>
      </c>
      <c r="Z32417">
        <v>17</v>
      </c>
      <c r="AA32417">
        <v>17</v>
      </c>
      <c r="AB32417">
        <v>17</v>
      </c>
      <c r="AC32417">
        <v>17</v>
      </c>
      <c r="AD32417">
        <v>17</v>
      </c>
      <c r="AE32417">
        <v>17</v>
      </c>
      <c r="AF32417">
        <v>18</v>
      </c>
      <c r="AG32417">
        <v>18</v>
      </c>
      <c r="AH32417">
        <v>18</v>
      </c>
      <c r="AI32417">
        <v>18</v>
      </c>
      <c r="AJ32417">
        <v>18</v>
      </c>
      <c r="AK32417">
        <v>18</v>
      </c>
      <c r="AL32417">
        <v>18</v>
      </c>
      <c r="AM32417">
        <v>18</v>
      </c>
      <c r="AN32417">
        <v>18</v>
      </c>
      <c r="AO32417">
        <v>18</v>
      </c>
      <c r="AP32417">
        <v>18</v>
      </c>
      <c r="AQ32417">
        <v>18</v>
      </c>
    </row>
    <row r="32418" spans="1:43">
      <c r="A32418" t="s">
        <v>20075</v>
      </c>
      <c r="B32418" t="s">
        <v>20076</v>
      </c>
      <c r="C32418" t="s">
        <v>20077</v>
      </c>
      <c r="D32418" t="s">
        <v>20078</v>
      </c>
      <c r="E32418" t="s">
        <v>20071</v>
      </c>
      <c r="F32418" t="s">
        <v>20072</v>
      </c>
      <c r="G32418" t="s">
        <v>10734</v>
      </c>
      <c r="H32418" t="s">
        <v>10735</v>
      </c>
      <c r="I32418" s="2">
        <v>0</v>
      </c>
      <c r="J32418" s="2">
        <v>0</v>
      </c>
      <c r="K32418" s="2">
        <v>1</v>
      </c>
      <c r="L32418" t="s">
        <v>995</v>
      </c>
      <c r="M32418" t="s">
        <v>83</v>
      </c>
      <c r="N32418" t="s">
        <v>84</v>
      </c>
      <c r="O32418" t="s">
        <v>85</v>
      </c>
      <c r="P32418" t="s">
        <v>86</v>
      </c>
      <c r="Q32418">
        <v>41</v>
      </c>
      <c r="R32418">
        <v>42</v>
      </c>
      <c r="S32418">
        <v>42</v>
      </c>
      <c r="T32418">
        <v>43</v>
      </c>
      <c r="U32418">
        <v>43</v>
      </c>
      <c r="V32418">
        <v>43</v>
      </c>
      <c r="W32418">
        <v>44</v>
      </c>
      <c r="X32418">
        <v>44</v>
      </c>
      <c r="Y32418">
        <v>45</v>
      </c>
      <c r="Z32418">
        <v>45</v>
      </c>
      <c r="AA32418">
        <v>45</v>
      </c>
      <c r="AB32418">
        <v>46</v>
      </c>
      <c r="AC32418">
        <v>46</v>
      </c>
      <c r="AD32418">
        <v>46</v>
      </c>
      <c r="AE32418">
        <v>46</v>
      </c>
      <c r="AF32418">
        <v>47</v>
      </c>
      <c r="AG32418">
        <v>47</v>
      </c>
      <c r="AH32418">
        <v>47</v>
      </c>
      <c r="AI32418">
        <v>47</v>
      </c>
      <c r="AJ32418">
        <v>48</v>
      </c>
      <c r="AK32418">
        <v>48</v>
      </c>
      <c r="AL32418">
        <v>48</v>
      </c>
      <c r="AM32418">
        <v>48</v>
      </c>
      <c r="AN32418">
        <v>47</v>
      </c>
      <c r="AO32418">
        <v>47</v>
      </c>
      <c r="AP32418">
        <v>47</v>
      </c>
      <c r="AQ32418">
        <v>47</v>
      </c>
    </row>
    <row r="32419" spans="1:43">
      <c r="A32419" t="s">
        <v>20075</v>
      </c>
      <c r="B32419" t="s">
        <v>20076</v>
      </c>
      <c r="C32419" t="s">
        <v>20077</v>
      </c>
      <c r="D32419" t="s">
        <v>20078</v>
      </c>
      <c r="E32419" t="s">
        <v>20071</v>
      </c>
      <c r="F32419" t="s">
        <v>20072</v>
      </c>
      <c r="G32419" t="s">
        <v>10734</v>
      </c>
      <c r="H32419" t="s">
        <v>10735</v>
      </c>
      <c r="I32419" s="2">
        <v>0</v>
      </c>
      <c r="J32419" s="2">
        <v>0</v>
      </c>
      <c r="K32419" s="2">
        <v>1</v>
      </c>
      <c r="L32419" t="s">
        <v>995</v>
      </c>
      <c r="M32419" t="s">
        <v>87</v>
      </c>
      <c r="N32419" t="s">
        <v>88</v>
      </c>
      <c r="O32419" t="s">
        <v>85</v>
      </c>
      <c r="P32419" t="s">
        <v>86</v>
      </c>
      <c r="Q32419">
        <v>41</v>
      </c>
      <c r="R32419">
        <v>41</v>
      </c>
      <c r="S32419">
        <v>41</v>
      </c>
      <c r="T32419">
        <v>41</v>
      </c>
      <c r="U32419">
        <v>41</v>
      </c>
      <c r="V32419">
        <v>41</v>
      </c>
      <c r="W32419">
        <v>41</v>
      </c>
      <c r="X32419">
        <v>41</v>
      </c>
      <c r="Y32419">
        <v>41</v>
      </c>
      <c r="Z32419">
        <v>41</v>
      </c>
      <c r="AA32419">
        <v>41</v>
      </c>
      <c r="AB32419">
        <v>41</v>
      </c>
      <c r="AC32419">
        <v>41</v>
      </c>
      <c r="AD32419">
        <v>41</v>
      </c>
      <c r="AE32419">
        <v>41</v>
      </c>
      <c r="AF32419">
        <v>41</v>
      </c>
      <c r="AG32419">
        <v>41</v>
      </c>
      <c r="AH32419">
        <v>41</v>
      </c>
      <c r="AI32419">
        <v>41</v>
      </c>
      <c r="AJ32419">
        <v>41</v>
      </c>
      <c r="AK32419">
        <v>41</v>
      </c>
      <c r="AL32419">
        <v>41</v>
      </c>
      <c r="AM32419">
        <v>41</v>
      </c>
      <c r="AN32419">
        <v>41</v>
      </c>
      <c r="AO32419">
        <v>41</v>
      </c>
      <c r="AP32419">
        <v>40</v>
      </c>
      <c r="AQ32419">
        <v>40</v>
      </c>
    </row>
    <row r="32420" spans="1:43">
      <c r="A32420" t="s">
        <v>20075</v>
      </c>
      <c r="B32420" t="s">
        <v>20076</v>
      </c>
      <c r="C32420" t="s">
        <v>20077</v>
      </c>
      <c r="D32420" t="s">
        <v>20078</v>
      </c>
      <c r="E32420" t="s">
        <v>20071</v>
      </c>
      <c r="F32420" t="s">
        <v>20072</v>
      </c>
      <c r="G32420" t="s">
        <v>10734</v>
      </c>
      <c r="H32420" t="s">
        <v>10735</v>
      </c>
      <c r="I32420" s="2">
        <v>0</v>
      </c>
      <c r="J32420" s="2">
        <v>0</v>
      </c>
      <c r="K32420" s="2">
        <v>1</v>
      </c>
      <c r="L32420" t="s">
        <v>995</v>
      </c>
      <c r="M32420" t="s">
        <v>89</v>
      </c>
      <c r="N32420" t="s">
        <v>90</v>
      </c>
      <c r="O32420" t="s">
        <v>85</v>
      </c>
      <c r="P32420" t="s">
        <v>86</v>
      </c>
      <c r="Q32420">
        <v>41</v>
      </c>
      <c r="R32420">
        <v>42</v>
      </c>
      <c r="S32420">
        <v>42</v>
      </c>
      <c r="T32420">
        <v>43</v>
      </c>
      <c r="U32420">
        <v>44</v>
      </c>
      <c r="V32420">
        <v>44</v>
      </c>
      <c r="W32420">
        <v>45</v>
      </c>
      <c r="X32420">
        <v>46</v>
      </c>
      <c r="Y32420">
        <v>46</v>
      </c>
      <c r="Z32420">
        <v>47</v>
      </c>
      <c r="AA32420">
        <v>47</v>
      </c>
      <c r="AB32420">
        <v>48</v>
      </c>
      <c r="AC32420">
        <v>48</v>
      </c>
      <c r="AD32420">
        <v>49</v>
      </c>
      <c r="AE32420">
        <v>49</v>
      </c>
      <c r="AF32420">
        <v>49</v>
      </c>
      <c r="AG32420">
        <v>48</v>
      </c>
      <c r="AH32420">
        <v>48</v>
      </c>
      <c r="AI32420">
        <v>48</v>
      </c>
      <c r="AJ32420">
        <v>48</v>
      </c>
      <c r="AK32420">
        <v>48</v>
      </c>
      <c r="AL32420">
        <v>47</v>
      </c>
      <c r="AM32420">
        <v>47</v>
      </c>
      <c r="AN32420">
        <v>47</v>
      </c>
      <c r="AO32420">
        <v>47</v>
      </c>
      <c r="AP32420">
        <v>46</v>
      </c>
      <c r="AQ32420">
        <v>46</v>
      </c>
    </row>
    <row r="32421" spans="1:43">
      <c r="A32421" t="s">
        <v>20075</v>
      </c>
      <c r="B32421" t="s">
        <v>20076</v>
      </c>
      <c r="C32421" t="s">
        <v>20077</v>
      </c>
      <c r="D32421" t="s">
        <v>20078</v>
      </c>
      <c r="E32421" t="s">
        <v>20071</v>
      </c>
      <c r="F32421" t="s">
        <v>20072</v>
      </c>
      <c r="G32421" t="s">
        <v>10734</v>
      </c>
      <c r="H32421" t="s">
        <v>10735</v>
      </c>
      <c r="I32421" s="2">
        <v>0</v>
      </c>
      <c r="J32421" s="2">
        <v>0</v>
      </c>
      <c r="K32421" s="2">
        <v>1</v>
      </c>
      <c r="L32421" t="s">
        <v>995</v>
      </c>
      <c r="M32421" t="s">
        <v>83</v>
      </c>
      <c r="N32421" t="s">
        <v>91</v>
      </c>
      <c r="O32421" t="s">
        <v>85</v>
      </c>
      <c r="P32421" t="s">
        <v>86</v>
      </c>
      <c r="Q32421">
        <v>41</v>
      </c>
      <c r="R32421">
        <v>42</v>
      </c>
      <c r="S32421">
        <v>42</v>
      </c>
      <c r="T32421">
        <v>43</v>
      </c>
      <c r="U32421">
        <v>43</v>
      </c>
      <c r="V32421">
        <v>43</v>
      </c>
      <c r="W32421">
        <v>44</v>
      </c>
      <c r="X32421">
        <v>44</v>
      </c>
      <c r="Y32421">
        <v>45</v>
      </c>
      <c r="Z32421">
        <v>45</v>
      </c>
      <c r="AA32421">
        <v>45</v>
      </c>
      <c r="AB32421">
        <v>46</v>
      </c>
      <c r="AC32421">
        <v>46</v>
      </c>
      <c r="AD32421">
        <v>46</v>
      </c>
      <c r="AE32421">
        <v>46</v>
      </c>
      <c r="AF32421">
        <v>47</v>
      </c>
      <c r="AG32421">
        <v>47</v>
      </c>
      <c r="AH32421">
        <v>47</v>
      </c>
      <c r="AI32421">
        <v>47</v>
      </c>
      <c r="AJ32421">
        <v>48</v>
      </c>
      <c r="AK32421">
        <v>48</v>
      </c>
      <c r="AL32421">
        <v>48</v>
      </c>
      <c r="AM32421">
        <v>48</v>
      </c>
      <c r="AN32421">
        <v>47</v>
      </c>
      <c r="AO32421">
        <v>47</v>
      </c>
      <c r="AP32421">
        <v>47</v>
      </c>
      <c r="AQ32421">
        <v>47</v>
      </c>
    </row>
    <row r="32422" spans="1:43">
      <c r="A32422" t="s">
        <v>20079</v>
      </c>
      <c r="B32422" t="s">
        <v>20080</v>
      </c>
      <c r="C32422" t="s">
        <v>20069</v>
      </c>
      <c r="D32422" t="s">
        <v>20070</v>
      </c>
      <c r="E32422" t="s">
        <v>20071</v>
      </c>
      <c r="F32422" t="s">
        <v>20072</v>
      </c>
      <c r="G32422" t="s">
        <v>10734</v>
      </c>
      <c r="H32422" t="s">
        <v>10735</v>
      </c>
      <c r="I32422" s="2">
        <v>0</v>
      </c>
      <c r="J32422" s="2">
        <v>0</v>
      </c>
      <c r="K32422" s="2">
        <v>1</v>
      </c>
      <c r="L32422" t="s">
        <v>995</v>
      </c>
      <c r="M32422" t="s">
        <v>83</v>
      </c>
      <c r="N32422" t="s">
        <v>84</v>
      </c>
      <c r="O32422" t="s">
        <v>85</v>
      </c>
      <c r="P32422" t="s">
        <v>86</v>
      </c>
      <c r="Q32422">
        <v>85</v>
      </c>
      <c r="R32422">
        <v>86</v>
      </c>
      <c r="S32422">
        <v>87</v>
      </c>
      <c r="T32422">
        <v>88</v>
      </c>
      <c r="U32422">
        <v>89</v>
      </c>
      <c r="V32422">
        <v>90</v>
      </c>
      <c r="W32422">
        <v>91</v>
      </c>
      <c r="X32422">
        <v>92</v>
      </c>
      <c r="Y32422">
        <v>93</v>
      </c>
      <c r="Z32422">
        <v>94</v>
      </c>
      <c r="AA32422">
        <v>95</v>
      </c>
      <c r="AB32422">
        <v>95</v>
      </c>
      <c r="AC32422">
        <v>96</v>
      </c>
      <c r="AD32422">
        <v>97</v>
      </c>
      <c r="AE32422">
        <v>98</v>
      </c>
      <c r="AF32422">
        <v>99</v>
      </c>
      <c r="AG32422">
        <v>99</v>
      </c>
      <c r="AH32422">
        <v>100</v>
      </c>
      <c r="AI32422">
        <v>101</v>
      </c>
      <c r="AJ32422">
        <v>102</v>
      </c>
      <c r="AK32422">
        <v>102</v>
      </c>
      <c r="AL32422">
        <v>102</v>
      </c>
      <c r="AM32422">
        <v>102</v>
      </c>
      <c r="AN32422">
        <v>102</v>
      </c>
      <c r="AO32422">
        <v>102</v>
      </c>
      <c r="AP32422">
        <v>102</v>
      </c>
      <c r="AQ32422">
        <v>102</v>
      </c>
    </row>
    <row r="32423" spans="1:43">
      <c r="A32423" t="s">
        <v>20079</v>
      </c>
      <c r="B32423" t="s">
        <v>20080</v>
      </c>
      <c r="C32423" t="s">
        <v>20069</v>
      </c>
      <c r="D32423" t="s">
        <v>20070</v>
      </c>
      <c r="E32423" t="s">
        <v>20071</v>
      </c>
      <c r="F32423" t="s">
        <v>20072</v>
      </c>
      <c r="G32423" t="s">
        <v>10734</v>
      </c>
      <c r="H32423" t="s">
        <v>10735</v>
      </c>
      <c r="I32423" s="2">
        <v>0</v>
      </c>
      <c r="J32423" s="2">
        <v>0</v>
      </c>
      <c r="K32423" s="2">
        <v>1</v>
      </c>
      <c r="L32423" t="s">
        <v>995</v>
      </c>
      <c r="M32423" t="s">
        <v>87</v>
      </c>
      <c r="N32423" t="s">
        <v>88</v>
      </c>
      <c r="O32423" t="s">
        <v>85</v>
      </c>
      <c r="P32423" t="s">
        <v>86</v>
      </c>
      <c r="Q32423">
        <v>85</v>
      </c>
      <c r="R32423">
        <v>85</v>
      </c>
      <c r="S32423">
        <v>85</v>
      </c>
      <c r="T32423">
        <v>86</v>
      </c>
      <c r="U32423">
        <v>86</v>
      </c>
      <c r="V32423">
        <v>86</v>
      </c>
      <c r="W32423">
        <v>86</v>
      </c>
      <c r="X32423">
        <v>86</v>
      </c>
      <c r="Y32423">
        <v>87</v>
      </c>
      <c r="Z32423">
        <v>87</v>
      </c>
      <c r="AA32423">
        <v>87</v>
      </c>
      <c r="AB32423">
        <v>87</v>
      </c>
      <c r="AC32423">
        <v>87</v>
      </c>
      <c r="AD32423">
        <v>88</v>
      </c>
      <c r="AE32423">
        <v>88</v>
      </c>
      <c r="AF32423">
        <v>88</v>
      </c>
      <c r="AG32423">
        <v>88</v>
      </c>
      <c r="AH32423">
        <v>88</v>
      </c>
      <c r="AI32423">
        <v>88</v>
      </c>
      <c r="AJ32423">
        <v>89</v>
      </c>
      <c r="AK32423">
        <v>89</v>
      </c>
      <c r="AL32423">
        <v>89</v>
      </c>
      <c r="AM32423">
        <v>89</v>
      </c>
      <c r="AN32423">
        <v>89</v>
      </c>
      <c r="AO32423">
        <v>89</v>
      </c>
      <c r="AP32423">
        <v>89</v>
      </c>
      <c r="AQ32423">
        <v>89</v>
      </c>
    </row>
    <row r="32424" spans="1:43">
      <c r="A32424" t="s">
        <v>20079</v>
      </c>
      <c r="B32424" t="s">
        <v>20080</v>
      </c>
      <c r="C32424" t="s">
        <v>20069</v>
      </c>
      <c r="D32424" t="s">
        <v>20070</v>
      </c>
      <c r="E32424" t="s">
        <v>20071</v>
      </c>
      <c r="F32424" t="s">
        <v>20072</v>
      </c>
      <c r="G32424" t="s">
        <v>10734</v>
      </c>
      <c r="H32424" t="s">
        <v>10735</v>
      </c>
      <c r="I32424" s="2">
        <v>0</v>
      </c>
      <c r="J32424" s="2">
        <v>0</v>
      </c>
      <c r="K32424" s="2">
        <v>1</v>
      </c>
      <c r="L32424" t="s">
        <v>995</v>
      </c>
      <c r="M32424" t="s">
        <v>89</v>
      </c>
      <c r="N32424" t="s">
        <v>90</v>
      </c>
      <c r="O32424" t="s">
        <v>85</v>
      </c>
      <c r="P32424" t="s">
        <v>86</v>
      </c>
      <c r="Q32424">
        <v>85</v>
      </c>
      <c r="R32424">
        <v>87</v>
      </c>
      <c r="S32424">
        <v>89</v>
      </c>
      <c r="T32424">
        <v>91</v>
      </c>
      <c r="U32424">
        <v>92</v>
      </c>
      <c r="V32424">
        <v>94</v>
      </c>
      <c r="W32424">
        <v>95</v>
      </c>
      <c r="X32424">
        <v>97</v>
      </c>
      <c r="Y32424">
        <v>98</v>
      </c>
      <c r="Z32424">
        <v>99</v>
      </c>
      <c r="AA32424">
        <v>101</v>
      </c>
      <c r="AB32424">
        <v>102</v>
      </c>
      <c r="AC32424">
        <v>103</v>
      </c>
      <c r="AD32424">
        <v>104</v>
      </c>
      <c r="AE32424">
        <v>105</v>
      </c>
      <c r="AF32424">
        <v>105</v>
      </c>
      <c r="AG32424">
        <v>105</v>
      </c>
      <c r="AH32424">
        <v>104</v>
      </c>
      <c r="AI32424">
        <v>104</v>
      </c>
      <c r="AJ32424">
        <v>104</v>
      </c>
      <c r="AK32424">
        <v>104</v>
      </c>
      <c r="AL32424">
        <v>104</v>
      </c>
      <c r="AM32424">
        <v>104</v>
      </c>
      <c r="AN32424">
        <v>104</v>
      </c>
      <c r="AO32424">
        <v>103</v>
      </c>
      <c r="AP32424">
        <v>103</v>
      </c>
      <c r="AQ32424">
        <v>103</v>
      </c>
    </row>
    <row r="32425" spans="1:43">
      <c r="A32425" t="s">
        <v>20079</v>
      </c>
      <c r="B32425" t="s">
        <v>20080</v>
      </c>
      <c r="C32425" t="s">
        <v>20069</v>
      </c>
      <c r="D32425" t="s">
        <v>20070</v>
      </c>
      <c r="E32425" t="s">
        <v>20071</v>
      </c>
      <c r="F32425" t="s">
        <v>20072</v>
      </c>
      <c r="G32425" t="s">
        <v>10734</v>
      </c>
      <c r="H32425" t="s">
        <v>10735</v>
      </c>
      <c r="I32425" s="2">
        <v>0</v>
      </c>
      <c r="J32425" s="2">
        <v>0</v>
      </c>
      <c r="K32425" s="2">
        <v>1</v>
      </c>
      <c r="L32425" t="s">
        <v>995</v>
      </c>
      <c r="M32425" t="s">
        <v>83</v>
      </c>
      <c r="N32425" t="s">
        <v>91</v>
      </c>
      <c r="O32425" t="s">
        <v>85</v>
      </c>
      <c r="P32425" t="s">
        <v>86</v>
      </c>
      <c r="Q32425">
        <v>85</v>
      </c>
      <c r="R32425">
        <v>86</v>
      </c>
      <c r="S32425">
        <v>87</v>
      </c>
      <c r="T32425">
        <v>88</v>
      </c>
      <c r="U32425">
        <v>89</v>
      </c>
      <c r="V32425">
        <v>90</v>
      </c>
      <c r="W32425">
        <v>91</v>
      </c>
      <c r="X32425">
        <v>92</v>
      </c>
      <c r="Y32425">
        <v>93</v>
      </c>
      <c r="Z32425">
        <v>94</v>
      </c>
      <c r="AA32425">
        <v>95</v>
      </c>
      <c r="AB32425">
        <v>95</v>
      </c>
      <c r="AC32425">
        <v>96</v>
      </c>
      <c r="AD32425">
        <v>97</v>
      </c>
      <c r="AE32425">
        <v>98</v>
      </c>
      <c r="AF32425">
        <v>99</v>
      </c>
      <c r="AG32425">
        <v>99</v>
      </c>
      <c r="AH32425">
        <v>100</v>
      </c>
      <c r="AI32425">
        <v>101</v>
      </c>
      <c r="AJ32425">
        <v>102</v>
      </c>
      <c r="AK32425">
        <v>102</v>
      </c>
      <c r="AL32425">
        <v>102</v>
      </c>
      <c r="AM32425">
        <v>102</v>
      </c>
      <c r="AN32425">
        <v>102</v>
      </c>
      <c r="AO32425">
        <v>102</v>
      </c>
      <c r="AP32425">
        <v>102</v>
      </c>
      <c r="AQ32425">
        <v>102</v>
      </c>
    </row>
    <row r="32426" spans="1:43">
      <c r="A32426" t="s">
        <v>20081</v>
      </c>
      <c r="B32426" t="s">
        <v>20082</v>
      </c>
      <c r="C32426" t="s">
        <v>20069</v>
      </c>
      <c r="D32426" t="s">
        <v>20070</v>
      </c>
      <c r="E32426" t="s">
        <v>20071</v>
      </c>
      <c r="F32426" t="s">
        <v>20072</v>
      </c>
      <c r="G32426" t="s">
        <v>10734</v>
      </c>
      <c r="H32426" t="s">
        <v>10735</v>
      </c>
      <c r="I32426" s="2">
        <v>0</v>
      </c>
      <c r="J32426" s="2">
        <v>0</v>
      </c>
      <c r="K32426" s="2">
        <v>1</v>
      </c>
      <c r="L32426" t="s">
        <v>995</v>
      </c>
      <c r="M32426" t="s">
        <v>83</v>
      </c>
      <c r="N32426" t="s">
        <v>84</v>
      </c>
      <c r="O32426" t="s">
        <v>85</v>
      </c>
      <c r="P32426" t="s">
        <v>86</v>
      </c>
      <c r="Q32426">
        <v>23</v>
      </c>
      <c r="R32426">
        <v>23</v>
      </c>
      <c r="S32426">
        <v>23</v>
      </c>
      <c r="T32426">
        <v>24</v>
      </c>
      <c r="U32426">
        <v>24</v>
      </c>
      <c r="V32426">
        <v>24</v>
      </c>
      <c r="W32426">
        <v>24</v>
      </c>
      <c r="X32426">
        <v>25</v>
      </c>
      <c r="Y32426">
        <v>25</v>
      </c>
      <c r="Z32426">
        <v>25</v>
      </c>
      <c r="AA32426">
        <v>25</v>
      </c>
      <c r="AB32426">
        <v>26</v>
      </c>
      <c r="AC32426">
        <v>26</v>
      </c>
      <c r="AD32426">
        <v>26</v>
      </c>
      <c r="AE32426">
        <v>26</v>
      </c>
      <c r="AF32426">
        <v>26</v>
      </c>
      <c r="AG32426">
        <v>27</v>
      </c>
      <c r="AH32426">
        <v>27</v>
      </c>
      <c r="AI32426">
        <v>27</v>
      </c>
      <c r="AJ32426">
        <v>27</v>
      </c>
      <c r="AK32426">
        <v>27</v>
      </c>
      <c r="AL32426">
        <v>27</v>
      </c>
      <c r="AM32426">
        <v>27</v>
      </c>
      <c r="AN32426">
        <v>27</v>
      </c>
      <c r="AO32426">
        <v>27</v>
      </c>
      <c r="AP32426">
        <v>27</v>
      </c>
      <c r="AQ32426">
        <v>27</v>
      </c>
    </row>
    <row r="32427" spans="1:43">
      <c r="A32427" t="s">
        <v>20081</v>
      </c>
      <c r="B32427" t="s">
        <v>20082</v>
      </c>
      <c r="C32427" t="s">
        <v>20069</v>
      </c>
      <c r="D32427" t="s">
        <v>20070</v>
      </c>
      <c r="E32427" t="s">
        <v>20071</v>
      </c>
      <c r="F32427" t="s">
        <v>20072</v>
      </c>
      <c r="G32427" t="s">
        <v>10734</v>
      </c>
      <c r="H32427" t="s">
        <v>10735</v>
      </c>
      <c r="I32427" s="2">
        <v>0</v>
      </c>
      <c r="J32427" s="2">
        <v>0</v>
      </c>
      <c r="K32427" s="2">
        <v>1</v>
      </c>
      <c r="L32427" t="s">
        <v>995</v>
      </c>
      <c r="M32427" t="s">
        <v>87</v>
      </c>
      <c r="N32427" t="s">
        <v>88</v>
      </c>
      <c r="O32427" t="s">
        <v>85</v>
      </c>
      <c r="P32427" t="s">
        <v>86</v>
      </c>
      <c r="Q32427">
        <v>23</v>
      </c>
      <c r="R32427">
        <v>23</v>
      </c>
      <c r="S32427">
        <v>23</v>
      </c>
      <c r="T32427">
        <v>23</v>
      </c>
      <c r="U32427">
        <v>23</v>
      </c>
      <c r="V32427">
        <v>23</v>
      </c>
      <c r="W32427">
        <v>23</v>
      </c>
      <c r="X32427">
        <v>23</v>
      </c>
      <c r="Y32427">
        <v>23</v>
      </c>
      <c r="Z32427">
        <v>23</v>
      </c>
      <c r="AA32427">
        <v>23</v>
      </c>
      <c r="AB32427">
        <v>23</v>
      </c>
      <c r="AC32427">
        <v>23</v>
      </c>
      <c r="AD32427">
        <v>23</v>
      </c>
      <c r="AE32427">
        <v>23</v>
      </c>
      <c r="AF32427">
        <v>23</v>
      </c>
      <c r="AG32427">
        <v>23</v>
      </c>
      <c r="AH32427">
        <v>23</v>
      </c>
      <c r="AI32427">
        <v>23</v>
      </c>
      <c r="AJ32427">
        <v>23</v>
      </c>
      <c r="AK32427">
        <v>23</v>
      </c>
      <c r="AL32427">
        <v>23</v>
      </c>
      <c r="AM32427">
        <v>23</v>
      </c>
      <c r="AN32427">
        <v>23</v>
      </c>
      <c r="AO32427">
        <v>23</v>
      </c>
      <c r="AP32427">
        <v>23</v>
      </c>
      <c r="AQ32427">
        <v>23</v>
      </c>
    </row>
    <row r="32428" spans="1:43">
      <c r="A32428" t="s">
        <v>20081</v>
      </c>
      <c r="B32428" t="s">
        <v>20082</v>
      </c>
      <c r="C32428" t="s">
        <v>20069</v>
      </c>
      <c r="D32428" t="s">
        <v>20070</v>
      </c>
      <c r="E32428" t="s">
        <v>20071</v>
      </c>
      <c r="F32428" t="s">
        <v>20072</v>
      </c>
      <c r="G32428" t="s">
        <v>10734</v>
      </c>
      <c r="H32428" t="s">
        <v>10735</v>
      </c>
      <c r="I32428" s="2">
        <v>0</v>
      </c>
      <c r="J32428" s="2">
        <v>0</v>
      </c>
      <c r="K32428" s="2">
        <v>1</v>
      </c>
      <c r="L32428" t="s">
        <v>995</v>
      </c>
      <c r="M32428" t="s">
        <v>89</v>
      </c>
      <c r="N32428" t="s">
        <v>90</v>
      </c>
      <c r="O32428" t="s">
        <v>85</v>
      </c>
      <c r="P32428" t="s">
        <v>86</v>
      </c>
      <c r="Q32428">
        <v>23</v>
      </c>
      <c r="R32428">
        <v>23</v>
      </c>
      <c r="S32428">
        <v>24</v>
      </c>
      <c r="T32428">
        <v>24</v>
      </c>
      <c r="U32428">
        <v>25</v>
      </c>
      <c r="V32428">
        <v>25</v>
      </c>
      <c r="W32428">
        <v>26</v>
      </c>
      <c r="X32428">
        <v>26</v>
      </c>
      <c r="Y32428">
        <v>26</v>
      </c>
      <c r="Z32428">
        <v>27</v>
      </c>
      <c r="AA32428">
        <v>27</v>
      </c>
      <c r="AB32428">
        <v>27</v>
      </c>
      <c r="AC32428">
        <v>28</v>
      </c>
      <c r="AD32428">
        <v>28</v>
      </c>
      <c r="AE32428">
        <v>28</v>
      </c>
      <c r="AF32428">
        <v>28</v>
      </c>
      <c r="AG32428">
        <v>28</v>
      </c>
      <c r="AH32428">
        <v>28</v>
      </c>
      <c r="AI32428">
        <v>28</v>
      </c>
      <c r="AJ32428">
        <v>28</v>
      </c>
      <c r="AK32428">
        <v>28</v>
      </c>
      <c r="AL32428">
        <v>28</v>
      </c>
      <c r="AM32428">
        <v>28</v>
      </c>
      <c r="AN32428">
        <v>27</v>
      </c>
      <c r="AO32428">
        <v>27</v>
      </c>
      <c r="AP32428">
        <v>27</v>
      </c>
      <c r="AQ32428">
        <v>27</v>
      </c>
    </row>
    <row r="32429" spans="1:43">
      <c r="A32429" t="s">
        <v>20081</v>
      </c>
      <c r="B32429" t="s">
        <v>20082</v>
      </c>
      <c r="C32429" t="s">
        <v>20069</v>
      </c>
      <c r="D32429" t="s">
        <v>20070</v>
      </c>
      <c r="E32429" t="s">
        <v>20071</v>
      </c>
      <c r="F32429" t="s">
        <v>20072</v>
      </c>
      <c r="G32429" t="s">
        <v>10734</v>
      </c>
      <c r="H32429" t="s">
        <v>10735</v>
      </c>
      <c r="I32429" s="2">
        <v>0</v>
      </c>
      <c r="J32429" s="2">
        <v>0</v>
      </c>
      <c r="K32429" s="2">
        <v>1</v>
      </c>
      <c r="L32429" t="s">
        <v>995</v>
      </c>
      <c r="M32429" t="s">
        <v>83</v>
      </c>
      <c r="N32429" t="s">
        <v>91</v>
      </c>
      <c r="O32429" t="s">
        <v>85</v>
      </c>
      <c r="P32429" t="s">
        <v>86</v>
      </c>
      <c r="Q32429">
        <v>23</v>
      </c>
      <c r="R32429">
        <v>23</v>
      </c>
      <c r="S32429">
        <v>23</v>
      </c>
      <c r="T32429">
        <v>24</v>
      </c>
      <c r="U32429">
        <v>24</v>
      </c>
      <c r="V32429">
        <v>24</v>
      </c>
      <c r="W32429">
        <v>24</v>
      </c>
      <c r="X32429">
        <v>25</v>
      </c>
      <c r="Y32429">
        <v>25</v>
      </c>
      <c r="Z32429">
        <v>25</v>
      </c>
      <c r="AA32429">
        <v>25</v>
      </c>
      <c r="AB32429">
        <v>26</v>
      </c>
      <c r="AC32429">
        <v>26</v>
      </c>
      <c r="AD32429">
        <v>26</v>
      </c>
      <c r="AE32429">
        <v>26</v>
      </c>
      <c r="AF32429">
        <v>26</v>
      </c>
      <c r="AG32429">
        <v>27</v>
      </c>
      <c r="AH32429">
        <v>27</v>
      </c>
      <c r="AI32429">
        <v>27</v>
      </c>
      <c r="AJ32429">
        <v>27</v>
      </c>
      <c r="AK32429">
        <v>27</v>
      </c>
      <c r="AL32429">
        <v>27</v>
      </c>
      <c r="AM32429">
        <v>27</v>
      </c>
      <c r="AN32429">
        <v>27</v>
      </c>
      <c r="AO32429">
        <v>27</v>
      </c>
      <c r="AP32429">
        <v>27</v>
      </c>
      <c r="AQ32429">
        <v>27</v>
      </c>
    </row>
    <row r="32430" spans="1:43">
      <c r="A32430" t="s">
        <v>20083</v>
      </c>
      <c r="B32430" t="s">
        <v>20084</v>
      </c>
      <c r="C32430" t="s">
        <v>20085</v>
      </c>
      <c r="D32430" t="s">
        <v>20086</v>
      </c>
      <c r="E32430" t="s">
        <v>20071</v>
      </c>
      <c r="F32430" t="s">
        <v>20072</v>
      </c>
      <c r="G32430" t="s">
        <v>10734</v>
      </c>
      <c r="H32430" t="s">
        <v>10735</v>
      </c>
      <c r="I32430" s="2">
        <v>0</v>
      </c>
      <c r="J32430" s="2">
        <v>0</v>
      </c>
      <c r="K32430" s="2">
        <v>1</v>
      </c>
      <c r="L32430" t="s">
        <v>995</v>
      </c>
      <c r="M32430" t="s">
        <v>83</v>
      </c>
      <c r="N32430" t="s">
        <v>84</v>
      </c>
      <c r="O32430" t="s">
        <v>85</v>
      </c>
      <c r="P32430" t="s">
        <v>86</v>
      </c>
      <c r="Q32430">
        <v>40</v>
      </c>
      <c r="R32430">
        <v>41</v>
      </c>
      <c r="S32430">
        <v>41</v>
      </c>
      <c r="T32430">
        <v>41</v>
      </c>
      <c r="U32430">
        <v>42</v>
      </c>
      <c r="V32430">
        <v>42</v>
      </c>
      <c r="W32430">
        <v>43</v>
      </c>
      <c r="X32430">
        <v>43</v>
      </c>
      <c r="Y32430">
        <v>43</v>
      </c>
      <c r="Z32430">
        <v>44</v>
      </c>
      <c r="AA32430">
        <v>44</v>
      </c>
      <c r="AB32430">
        <v>44</v>
      </c>
      <c r="AC32430">
        <v>45</v>
      </c>
      <c r="AD32430">
        <v>45</v>
      </c>
      <c r="AE32430">
        <v>45</v>
      </c>
      <c r="AF32430">
        <v>45</v>
      </c>
      <c r="AG32430">
        <v>46</v>
      </c>
      <c r="AH32430">
        <v>46</v>
      </c>
      <c r="AI32430">
        <v>46</v>
      </c>
      <c r="AJ32430">
        <v>46</v>
      </c>
      <c r="AK32430">
        <v>47</v>
      </c>
      <c r="AL32430">
        <v>47</v>
      </c>
      <c r="AM32430">
        <v>46</v>
      </c>
      <c r="AN32430">
        <v>46</v>
      </c>
      <c r="AO32430">
        <v>46</v>
      </c>
      <c r="AP32430">
        <v>46</v>
      </c>
      <c r="AQ32430">
        <v>45</v>
      </c>
    </row>
    <row r="32431" spans="1:43">
      <c r="A32431" t="s">
        <v>20083</v>
      </c>
      <c r="B32431" t="s">
        <v>20084</v>
      </c>
      <c r="C32431" t="s">
        <v>20085</v>
      </c>
      <c r="D32431" t="s">
        <v>20086</v>
      </c>
      <c r="E32431" t="s">
        <v>20071</v>
      </c>
      <c r="F32431" t="s">
        <v>20072</v>
      </c>
      <c r="G32431" t="s">
        <v>10734</v>
      </c>
      <c r="H32431" t="s">
        <v>10735</v>
      </c>
      <c r="I32431" s="2">
        <v>0</v>
      </c>
      <c r="J32431" s="2">
        <v>0</v>
      </c>
      <c r="K32431" s="2">
        <v>1</v>
      </c>
      <c r="L32431" t="s">
        <v>995</v>
      </c>
      <c r="M32431" t="s">
        <v>87</v>
      </c>
      <c r="N32431" t="s">
        <v>88</v>
      </c>
      <c r="O32431" t="s">
        <v>85</v>
      </c>
      <c r="P32431" t="s">
        <v>86</v>
      </c>
      <c r="Q32431">
        <v>40</v>
      </c>
      <c r="R32431">
        <v>40</v>
      </c>
      <c r="S32431">
        <v>40</v>
      </c>
      <c r="T32431">
        <v>40</v>
      </c>
      <c r="U32431">
        <v>40</v>
      </c>
      <c r="V32431">
        <v>40</v>
      </c>
      <c r="W32431">
        <v>40</v>
      </c>
      <c r="X32431">
        <v>40</v>
      </c>
      <c r="Y32431">
        <v>40</v>
      </c>
      <c r="Z32431">
        <v>40</v>
      </c>
      <c r="AA32431">
        <v>40</v>
      </c>
      <c r="AB32431">
        <v>40</v>
      </c>
      <c r="AC32431">
        <v>40</v>
      </c>
      <c r="AD32431">
        <v>40</v>
      </c>
      <c r="AE32431">
        <v>40</v>
      </c>
      <c r="AF32431">
        <v>40</v>
      </c>
      <c r="AG32431">
        <v>40</v>
      </c>
      <c r="AH32431">
        <v>40</v>
      </c>
      <c r="AI32431">
        <v>40</v>
      </c>
      <c r="AJ32431">
        <v>40</v>
      </c>
      <c r="AK32431">
        <v>40</v>
      </c>
      <c r="AL32431">
        <v>40</v>
      </c>
      <c r="AM32431">
        <v>40</v>
      </c>
      <c r="AN32431">
        <v>39</v>
      </c>
      <c r="AO32431">
        <v>39</v>
      </c>
      <c r="AP32431">
        <v>39</v>
      </c>
      <c r="AQ32431">
        <v>39</v>
      </c>
    </row>
    <row r="32432" spans="1:43">
      <c r="A32432" t="s">
        <v>20083</v>
      </c>
      <c r="B32432" t="s">
        <v>20084</v>
      </c>
      <c r="C32432" t="s">
        <v>20085</v>
      </c>
      <c r="D32432" t="s">
        <v>20086</v>
      </c>
      <c r="E32432" t="s">
        <v>20071</v>
      </c>
      <c r="F32432" t="s">
        <v>20072</v>
      </c>
      <c r="G32432" t="s">
        <v>10734</v>
      </c>
      <c r="H32432" t="s">
        <v>10735</v>
      </c>
      <c r="I32432" s="2">
        <v>0</v>
      </c>
      <c r="J32432" s="2">
        <v>0</v>
      </c>
      <c r="K32432" s="2">
        <v>1</v>
      </c>
      <c r="L32432" t="s">
        <v>995</v>
      </c>
      <c r="M32432" t="s">
        <v>89</v>
      </c>
      <c r="N32432" t="s">
        <v>90</v>
      </c>
      <c r="O32432" t="s">
        <v>85</v>
      </c>
      <c r="P32432" t="s">
        <v>86</v>
      </c>
      <c r="Q32432">
        <v>40</v>
      </c>
      <c r="R32432">
        <v>40</v>
      </c>
      <c r="S32432">
        <v>41</v>
      </c>
      <c r="T32432">
        <v>42</v>
      </c>
      <c r="U32432">
        <v>42</v>
      </c>
      <c r="V32432">
        <v>43</v>
      </c>
      <c r="W32432">
        <v>44</v>
      </c>
      <c r="X32432">
        <v>44</v>
      </c>
      <c r="Y32432">
        <v>45</v>
      </c>
      <c r="Z32432">
        <v>45</v>
      </c>
      <c r="AA32432">
        <v>46</v>
      </c>
      <c r="AB32432">
        <v>46</v>
      </c>
      <c r="AC32432">
        <v>47</v>
      </c>
      <c r="AD32432">
        <v>47</v>
      </c>
      <c r="AE32432">
        <v>47</v>
      </c>
      <c r="AF32432">
        <v>47</v>
      </c>
      <c r="AG32432">
        <v>47</v>
      </c>
      <c r="AH32432">
        <v>47</v>
      </c>
      <c r="AI32432">
        <v>47</v>
      </c>
      <c r="AJ32432">
        <v>46</v>
      </c>
      <c r="AK32432">
        <v>46</v>
      </c>
      <c r="AL32432">
        <v>46</v>
      </c>
      <c r="AM32432">
        <v>46</v>
      </c>
      <c r="AN32432">
        <v>46</v>
      </c>
      <c r="AO32432">
        <v>45</v>
      </c>
      <c r="AP32432">
        <v>45</v>
      </c>
      <c r="AQ32432">
        <v>45</v>
      </c>
    </row>
    <row r="32433" spans="1:43">
      <c r="A32433" t="s">
        <v>20083</v>
      </c>
      <c r="B32433" t="s">
        <v>20084</v>
      </c>
      <c r="C32433" t="s">
        <v>20085</v>
      </c>
      <c r="D32433" t="s">
        <v>20086</v>
      </c>
      <c r="E32433" t="s">
        <v>20071</v>
      </c>
      <c r="F32433" t="s">
        <v>20072</v>
      </c>
      <c r="G32433" t="s">
        <v>10734</v>
      </c>
      <c r="H32433" t="s">
        <v>10735</v>
      </c>
      <c r="I32433" s="2">
        <v>0</v>
      </c>
      <c r="J32433" s="2">
        <v>0</v>
      </c>
      <c r="K32433" s="2">
        <v>1</v>
      </c>
      <c r="L32433" t="s">
        <v>995</v>
      </c>
      <c r="M32433" t="s">
        <v>83</v>
      </c>
      <c r="N32433" t="s">
        <v>91</v>
      </c>
      <c r="O32433" t="s">
        <v>85</v>
      </c>
      <c r="P32433" t="s">
        <v>86</v>
      </c>
      <c r="Q32433">
        <v>40</v>
      </c>
      <c r="R32433">
        <v>41</v>
      </c>
      <c r="S32433">
        <v>41</v>
      </c>
      <c r="T32433">
        <v>41</v>
      </c>
      <c r="U32433">
        <v>42</v>
      </c>
      <c r="V32433">
        <v>42</v>
      </c>
      <c r="W32433">
        <v>43</v>
      </c>
      <c r="X32433">
        <v>43</v>
      </c>
      <c r="Y32433">
        <v>43</v>
      </c>
      <c r="Z32433">
        <v>44</v>
      </c>
      <c r="AA32433">
        <v>44</v>
      </c>
      <c r="AB32433">
        <v>44</v>
      </c>
      <c r="AC32433">
        <v>45</v>
      </c>
      <c r="AD32433">
        <v>45</v>
      </c>
      <c r="AE32433">
        <v>45</v>
      </c>
      <c r="AF32433">
        <v>45</v>
      </c>
      <c r="AG32433">
        <v>46</v>
      </c>
      <c r="AH32433">
        <v>46</v>
      </c>
      <c r="AI32433">
        <v>46</v>
      </c>
      <c r="AJ32433">
        <v>46</v>
      </c>
      <c r="AK32433">
        <v>47</v>
      </c>
      <c r="AL32433">
        <v>47</v>
      </c>
      <c r="AM32433">
        <v>46</v>
      </c>
      <c r="AN32433">
        <v>46</v>
      </c>
      <c r="AO32433">
        <v>46</v>
      </c>
      <c r="AP32433">
        <v>46</v>
      </c>
      <c r="AQ32433">
        <v>45</v>
      </c>
    </row>
    <row r="32434" spans="1:43">
      <c r="A32434" t="s">
        <v>20087</v>
      </c>
      <c r="B32434" t="s">
        <v>20088</v>
      </c>
      <c r="C32434" t="s">
        <v>20089</v>
      </c>
      <c r="D32434" t="s">
        <v>20090</v>
      </c>
      <c r="E32434" t="s">
        <v>20071</v>
      </c>
      <c r="F32434" t="s">
        <v>20072</v>
      </c>
      <c r="G32434" t="s">
        <v>10734</v>
      </c>
      <c r="H32434" t="s">
        <v>10735</v>
      </c>
      <c r="I32434" s="2">
        <v>0</v>
      </c>
      <c r="J32434" s="2">
        <v>0</v>
      </c>
      <c r="K32434" s="2">
        <v>1</v>
      </c>
      <c r="L32434" t="s">
        <v>995</v>
      </c>
      <c r="M32434" t="s">
        <v>83</v>
      </c>
      <c r="N32434" t="s">
        <v>84</v>
      </c>
      <c r="O32434" t="s">
        <v>85</v>
      </c>
      <c r="P32434" t="s">
        <v>86</v>
      </c>
      <c r="Q32434">
        <v>36</v>
      </c>
      <c r="R32434">
        <v>36</v>
      </c>
      <c r="S32434">
        <v>37</v>
      </c>
      <c r="T32434">
        <v>37</v>
      </c>
      <c r="U32434">
        <v>37</v>
      </c>
      <c r="V32434">
        <v>38</v>
      </c>
      <c r="W32434">
        <v>38</v>
      </c>
      <c r="X32434">
        <v>38</v>
      </c>
      <c r="Y32434">
        <v>39</v>
      </c>
      <c r="Z32434">
        <v>39</v>
      </c>
      <c r="AA32434">
        <v>39</v>
      </c>
      <c r="AB32434">
        <v>40</v>
      </c>
      <c r="AC32434">
        <v>40</v>
      </c>
      <c r="AD32434">
        <v>40</v>
      </c>
      <c r="AE32434">
        <v>40</v>
      </c>
      <c r="AF32434">
        <v>41</v>
      </c>
      <c r="AG32434">
        <v>41</v>
      </c>
      <c r="AH32434">
        <v>41</v>
      </c>
      <c r="AI32434">
        <v>41</v>
      </c>
      <c r="AJ32434">
        <v>42</v>
      </c>
      <c r="AK32434">
        <v>42</v>
      </c>
      <c r="AL32434">
        <v>42</v>
      </c>
      <c r="AM32434">
        <v>42</v>
      </c>
      <c r="AN32434">
        <v>41</v>
      </c>
      <c r="AO32434">
        <v>41</v>
      </c>
      <c r="AP32434">
        <v>41</v>
      </c>
      <c r="AQ32434">
        <v>41</v>
      </c>
    </row>
    <row r="32435" spans="1:43">
      <c r="A32435" t="s">
        <v>20087</v>
      </c>
      <c r="B32435" t="s">
        <v>20088</v>
      </c>
      <c r="C32435" t="s">
        <v>20089</v>
      </c>
      <c r="D32435" t="s">
        <v>20090</v>
      </c>
      <c r="E32435" t="s">
        <v>20071</v>
      </c>
      <c r="F32435" t="s">
        <v>20072</v>
      </c>
      <c r="G32435" t="s">
        <v>10734</v>
      </c>
      <c r="H32435" t="s">
        <v>10735</v>
      </c>
      <c r="I32435" s="2">
        <v>0</v>
      </c>
      <c r="J32435" s="2">
        <v>0</v>
      </c>
      <c r="K32435" s="2">
        <v>1</v>
      </c>
      <c r="L32435" t="s">
        <v>995</v>
      </c>
      <c r="M32435" t="s">
        <v>87</v>
      </c>
      <c r="N32435" t="s">
        <v>88</v>
      </c>
      <c r="O32435" t="s">
        <v>85</v>
      </c>
      <c r="P32435" t="s">
        <v>86</v>
      </c>
      <c r="Q32435">
        <v>36</v>
      </c>
      <c r="R32435">
        <v>36</v>
      </c>
      <c r="S32435">
        <v>36</v>
      </c>
      <c r="T32435">
        <v>36</v>
      </c>
      <c r="U32435">
        <v>36</v>
      </c>
      <c r="V32435">
        <v>36</v>
      </c>
      <c r="W32435">
        <v>36</v>
      </c>
      <c r="X32435">
        <v>36</v>
      </c>
      <c r="Y32435">
        <v>36</v>
      </c>
      <c r="Z32435">
        <v>36</v>
      </c>
      <c r="AA32435">
        <v>36</v>
      </c>
      <c r="AB32435">
        <v>36</v>
      </c>
      <c r="AC32435">
        <v>36</v>
      </c>
      <c r="AD32435">
        <v>36</v>
      </c>
      <c r="AE32435">
        <v>36</v>
      </c>
      <c r="AF32435">
        <v>36</v>
      </c>
      <c r="AG32435">
        <v>36</v>
      </c>
      <c r="AH32435">
        <v>36</v>
      </c>
      <c r="AI32435">
        <v>36</v>
      </c>
      <c r="AJ32435">
        <v>36</v>
      </c>
      <c r="AK32435">
        <v>36</v>
      </c>
      <c r="AL32435">
        <v>35</v>
      </c>
      <c r="AM32435">
        <v>35</v>
      </c>
      <c r="AN32435">
        <v>35</v>
      </c>
      <c r="AO32435">
        <v>35</v>
      </c>
      <c r="AP32435">
        <v>35</v>
      </c>
      <c r="AQ32435">
        <v>35</v>
      </c>
    </row>
    <row r="32436" spans="1:43">
      <c r="A32436" t="s">
        <v>20087</v>
      </c>
      <c r="B32436" t="s">
        <v>20088</v>
      </c>
      <c r="C32436" t="s">
        <v>20089</v>
      </c>
      <c r="D32436" t="s">
        <v>20090</v>
      </c>
      <c r="E32436" t="s">
        <v>20071</v>
      </c>
      <c r="F32436" t="s">
        <v>20072</v>
      </c>
      <c r="G32436" t="s">
        <v>10734</v>
      </c>
      <c r="H32436" t="s">
        <v>10735</v>
      </c>
      <c r="I32436" s="2">
        <v>0</v>
      </c>
      <c r="J32436" s="2">
        <v>0</v>
      </c>
      <c r="K32436" s="2">
        <v>1</v>
      </c>
      <c r="L32436" t="s">
        <v>995</v>
      </c>
      <c r="M32436" t="s">
        <v>89</v>
      </c>
      <c r="N32436" t="s">
        <v>90</v>
      </c>
      <c r="O32436" t="s">
        <v>85</v>
      </c>
      <c r="P32436" t="s">
        <v>86</v>
      </c>
      <c r="Q32436">
        <v>36</v>
      </c>
      <c r="R32436">
        <v>37</v>
      </c>
      <c r="S32436">
        <v>38</v>
      </c>
      <c r="T32436">
        <v>38</v>
      </c>
      <c r="U32436">
        <v>39</v>
      </c>
      <c r="V32436">
        <v>39</v>
      </c>
      <c r="W32436">
        <v>40</v>
      </c>
      <c r="X32436">
        <v>41</v>
      </c>
      <c r="Y32436">
        <v>41</v>
      </c>
      <c r="Z32436">
        <v>41</v>
      </c>
      <c r="AA32436">
        <v>42</v>
      </c>
      <c r="AB32436">
        <v>42</v>
      </c>
      <c r="AC32436">
        <v>43</v>
      </c>
      <c r="AD32436">
        <v>43</v>
      </c>
      <c r="AE32436">
        <v>43</v>
      </c>
      <c r="AF32436">
        <v>43</v>
      </c>
      <c r="AG32436">
        <v>43</v>
      </c>
      <c r="AH32436">
        <v>43</v>
      </c>
      <c r="AI32436">
        <v>43</v>
      </c>
      <c r="AJ32436">
        <v>43</v>
      </c>
      <c r="AK32436">
        <v>42</v>
      </c>
      <c r="AL32436">
        <v>42</v>
      </c>
      <c r="AM32436">
        <v>42</v>
      </c>
      <c r="AN32436">
        <v>42</v>
      </c>
      <c r="AO32436">
        <v>42</v>
      </c>
      <c r="AP32436">
        <v>41</v>
      </c>
      <c r="AQ32436">
        <v>41</v>
      </c>
    </row>
    <row r="32437" spans="1:43">
      <c r="A32437" t="s">
        <v>20087</v>
      </c>
      <c r="B32437" t="s">
        <v>20088</v>
      </c>
      <c r="C32437" t="s">
        <v>20089</v>
      </c>
      <c r="D32437" t="s">
        <v>20090</v>
      </c>
      <c r="E32437" t="s">
        <v>20071</v>
      </c>
      <c r="F32437" t="s">
        <v>20072</v>
      </c>
      <c r="G32437" t="s">
        <v>10734</v>
      </c>
      <c r="H32437" t="s">
        <v>10735</v>
      </c>
      <c r="I32437" s="2">
        <v>0</v>
      </c>
      <c r="J32437" s="2">
        <v>0</v>
      </c>
      <c r="K32437" s="2">
        <v>1</v>
      </c>
      <c r="L32437" t="s">
        <v>995</v>
      </c>
      <c r="M32437" t="s">
        <v>83</v>
      </c>
      <c r="N32437" t="s">
        <v>91</v>
      </c>
      <c r="O32437" t="s">
        <v>85</v>
      </c>
      <c r="P32437" t="s">
        <v>86</v>
      </c>
      <c r="Q32437">
        <v>36</v>
      </c>
      <c r="R32437">
        <v>36</v>
      </c>
      <c r="S32437">
        <v>37</v>
      </c>
      <c r="T32437">
        <v>37</v>
      </c>
      <c r="U32437">
        <v>37</v>
      </c>
      <c r="V32437">
        <v>38</v>
      </c>
      <c r="W32437">
        <v>38</v>
      </c>
      <c r="X32437">
        <v>38</v>
      </c>
      <c r="Y32437">
        <v>39</v>
      </c>
      <c r="Z32437">
        <v>39</v>
      </c>
      <c r="AA32437">
        <v>39</v>
      </c>
      <c r="AB32437">
        <v>40</v>
      </c>
      <c r="AC32437">
        <v>40</v>
      </c>
      <c r="AD32437">
        <v>40</v>
      </c>
      <c r="AE32437">
        <v>40</v>
      </c>
      <c r="AF32437">
        <v>41</v>
      </c>
      <c r="AG32437">
        <v>41</v>
      </c>
      <c r="AH32437">
        <v>41</v>
      </c>
      <c r="AI32437">
        <v>41</v>
      </c>
      <c r="AJ32437">
        <v>42</v>
      </c>
      <c r="AK32437">
        <v>42</v>
      </c>
      <c r="AL32437">
        <v>42</v>
      </c>
      <c r="AM32437">
        <v>42</v>
      </c>
      <c r="AN32437">
        <v>41</v>
      </c>
      <c r="AO32437">
        <v>41</v>
      </c>
      <c r="AP32437">
        <v>41</v>
      </c>
      <c r="AQ32437">
        <v>41</v>
      </c>
    </row>
    <row r="32438" spans="1:43">
      <c r="A32438" t="s">
        <v>20091</v>
      </c>
      <c r="B32438" t="s">
        <v>20092</v>
      </c>
      <c r="C32438" t="s">
        <v>20085</v>
      </c>
      <c r="D32438" t="s">
        <v>20086</v>
      </c>
      <c r="E32438" t="s">
        <v>20071</v>
      </c>
      <c r="F32438" t="s">
        <v>20072</v>
      </c>
      <c r="G32438" t="s">
        <v>10734</v>
      </c>
      <c r="H32438" t="s">
        <v>10735</v>
      </c>
      <c r="I32438" s="2">
        <v>0</v>
      </c>
      <c r="J32438" s="2">
        <v>0</v>
      </c>
      <c r="K32438" s="2">
        <v>1</v>
      </c>
      <c r="L32438" t="s">
        <v>995</v>
      </c>
      <c r="M32438" t="s">
        <v>83</v>
      </c>
      <c r="N32438" t="s">
        <v>84</v>
      </c>
      <c r="O32438" t="s">
        <v>85</v>
      </c>
      <c r="P32438" t="s">
        <v>86</v>
      </c>
      <c r="Q32438">
        <v>24</v>
      </c>
      <c r="R32438">
        <v>25</v>
      </c>
      <c r="S32438">
        <v>25</v>
      </c>
      <c r="T32438">
        <v>25</v>
      </c>
      <c r="U32438">
        <v>25</v>
      </c>
      <c r="V32438">
        <v>26</v>
      </c>
      <c r="W32438">
        <v>26</v>
      </c>
      <c r="X32438">
        <v>26</v>
      </c>
      <c r="Y32438">
        <v>26</v>
      </c>
      <c r="Z32438">
        <v>26</v>
      </c>
      <c r="AA32438">
        <v>27</v>
      </c>
      <c r="AB32438">
        <v>27</v>
      </c>
      <c r="AC32438">
        <v>27</v>
      </c>
      <c r="AD32438">
        <v>27</v>
      </c>
      <c r="AE32438">
        <v>27</v>
      </c>
      <c r="AF32438">
        <v>27</v>
      </c>
      <c r="AG32438">
        <v>28</v>
      </c>
      <c r="AH32438">
        <v>28</v>
      </c>
      <c r="AI32438">
        <v>28</v>
      </c>
      <c r="AJ32438">
        <v>28</v>
      </c>
      <c r="AK32438">
        <v>28</v>
      </c>
      <c r="AL32438">
        <v>28</v>
      </c>
      <c r="AM32438">
        <v>28</v>
      </c>
      <c r="AN32438">
        <v>28</v>
      </c>
      <c r="AO32438">
        <v>28</v>
      </c>
      <c r="AP32438">
        <v>28</v>
      </c>
      <c r="AQ32438">
        <v>27</v>
      </c>
    </row>
    <row r="32439" spans="1:43">
      <c r="A32439" t="s">
        <v>20091</v>
      </c>
      <c r="B32439" t="s">
        <v>20092</v>
      </c>
      <c r="C32439" t="s">
        <v>20085</v>
      </c>
      <c r="D32439" t="s">
        <v>20086</v>
      </c>
      <c r="E32439" t="s">
        <v>20071</v>
      </c>
      <c r="F32439" t="s">
        <v>20072</v>
      </c>
      <c r="G32439" t="s">
        <v>10734</v>
      </c>
      <c r="H32439" t="s">
        <v>10735</v>
      </c>
      <c r="I32439" s="2">
        <v>0</v>
      </c>
      <c r="J32439" s="2">
        <v>0</v>
      </c>
      <c r="K32439" s="2">
        <v>1</v>
      </c>
      <c r="L32439" t="s">
        <v>995</v>
      </c>
      <c r="M32439" t="s">
        <v>87</v>
      </c>
      <c r="N32439" t="s">
        <v>88</v>
      </c>
      <c r="O32439" t="s">
        <v>85</v>
      </c>
      <c r="P32439" t="s">
        <v>86</v>
      </c>
      <c r="Q32439">
        <v>24</v>
      </c>
      <c r="R32439">
        <v>24</v>
      </c>
      <c r="S32439">
        <v>24</v>
      </c>
      <c r="T32439">
        <v>24</v>
      </c>
      <c r="U32439">
        <v>24</v>
      </c>
      <c r="V32439">
        <v>24</v>
      </c>
      <c r="W32439">
        <v>24</v>
      </c>
      <c r="X32439">
        <v>24</v>
      </c>
      <c r="Y32439">
        <v>24</v>
      </c>
      <c r="Z32439">
        <v>24</v>
      </c>
      <c r="AA32439">
        <v>24</v>
      </c>
      <c r="AB32439">
        <v>24</v>
      </c>
      <c r="AC32439">
        <v>24</v>
      </c>
      <c r="AD32439">
        <v>24</v>
      </c>
      <c r="AE32439">
        <v>24</v>
      </c>
      <c r="AF32439">
        <v>24</v>
      </c>
      <c r="AG32439">
        <v>24</v>
      </c>
      <c r="AH32439">
        <v>24</v>
      </c>
      <c r="AI32439">
        <v>24</v>
      </c>
      <c r="AJ32439">
        <v>24</v>
      </c>
      <c r="AK32439">
        <v>24</v>
      </c>
      <c r="AL32439">
        <v>24</v>
      </c>
      <c r="AM32439">
        <v>24</v>
      </c>
      <c r="AN32439">
        <v>24</v>
      </c>
      <c r="AO32439">
        <v>24</v>
      </c>
      <c r="AP32439">
        <v>24</v>
      </c>
      <c r="AQ32439">
        <v>24</v>
      </c>
    </row>
    <row r="32440" spans="1:43">
      <c r="A32440" t="s">
        <v>20091</v>
      </c>
      <c r="B32440" t="s">
        <v>20092</v>
      </c>
      <c r="C32440" t="s">
        <v>20085</v>
      </c>
      <c r="D32440" t="s">
        <v>20086</v>
      </c>
      <c r="E32440" t="s">
        <v>20071</v>
      </c>
      <c r="F32440" t="s">
        <v>20072</v>
      </c>
      <c r="G32440" t="s">
        <v>10734</v>
      </c>
      <c r="H32440" t="s">
        <v>10735</v>
      </c>
      <c r="I32440" s="2">
        <v>0</v>
      </c>
      <c r="J32440" s="2">
        <v>0</v>
      </c>
      <c r="K32440" s="2">
        <v>1</v>
      </c>
      <c r="L32440" t="s">
        <v>995</v>
      </c>
      <c r="M32440" t="s">
        <v>89</v>
      </c>
      <c r="N32440" t="s">
        <v>90</v>
      </c>
      <c r="O32440" t="s">
        <v>85</v>
      </c>
      <c r="P32440" t="s">
        <v>86</v>
      </c>
      <c r="Q32440">
        <v>24</v>
      </c>
      <c r="R32440">
        <v>24</v>
      </c>
      <c r="S32440">
        <v>25</v>
      </c>
      <c r="T32440">
        <v>25</v>
      </c>
      <c r="U32440">
        <v>25</v>
      </c>
      <c r="V32440">
        <v>26</v>
      </c>
      <c r="W32440">
        <v>26</v>
      </c>
      <c r="X32440">
        <v>26</v>
      </c>
      <c r="Y32440">
        <v>27</v>
      </c>
      <c r="Z32440">
        <v>27</v>
      </c>
      <c r="AA32440">
        <v>27</v>
      </c>
      <c r="AB32440">
        <v>28</v>
      </c>
      <c r="AC32440">
        <v>28</v>
      </c>
      <c r="AD32440">
        <v>28</v>
      </c>
      <c r="AE32440">
        <v>28</v>
      </c>
      <c r="AF32440">
        <v>28</v>
      </c>
      <c r="AG32440">
        <v>28</v>
      </c>
      <c r="AH32440">
        <v>28</v>
      </c>
      <c r="AI32440">
        <v>28</v>
      </c>
      <c r="AJ32440">
        <v>28</v>
      </c>
      <c r="AK32440">
        <v>27</v>
      </c>
      <c r="AL32440">
        <v>27</v>
      </c>
      <c r="AM32440">
        <v>27</v>
      </c>
      <c r="AN32440">
        <v>27</v>
      </c>
      <c r="AO32440">
        <v>27</v>
      </c>
      <c r="AP32440">
        <v>27</v>
      </c>
      <c r="AQ32440">
        <v>27</v>
      </c>
    </row>
    <row r="32441" spans="1:43">
      <c r="A32441" t="s">
        <v>20091</v>
      </c>
      <c r="B32441" t="s">
        <v>20092</v>
      </c>
      <c r="C32441" t="s">
        <v>20085</v>
      </c>
      <c r="D32441" t="s">
        <v>20086</v>
      </c>
      <c r="E32441" t="s">
        <v>20071</v>
      </c>
      <c r="F32441" t="s">
        <v>20072</v>
      </c>
      <c r="G32441" t="s">
        <v>10734</v>
      </c>
      <c r="H32441" t="s">
        <v>10735</v>
      </c>
      <c r="I32441" s="2">
        <v>0</v>
      </c>
      <c r="J32441" s="2">
        <v>0</v>
      </c>
      <c r="K32441" s="2">
        <v>1</v>
      </c>
      <c r="L32441" t="s">
        <v>995</v>
      </c>
      <c r="M32441" t="s">
        <v>83</v>
      </c>
      <c r="N32441" t="s">
        <v>91</v>
      </c>
      <c r="O32441" t="s">
        <v>85</v>
      </c>
      <c r="P32441" t="s">
        <v>86</v>
      </c>
      <c r="Q32441">
        <v>24</v>
      </c>
      <c r="R32441">
        <v>25</v>
      </c>
      <c r="S32441">
        <v>25</v>
      </c>
      <c r="T32441">
        <v>25</v>
      </c>
      <c r="U32441">
        <v>25</v>
      </c>
      <c r="V32441">
        <v>26</v>
      </c>
      <c r="W32441">
        <v>26</v>
      </c>
      <c r="X32441">
        <v>26</v>
      </c>
      <c r="Y32441">
        <v>26</v>
      </c>
      <c r="Z32441">
        <v>26</v>
      </c>
      <c r="AA32441">
        <v>27</v>
      </c>
      <c r="AB32441">
        <v>27</v>
      </c>
      <c r="AC32441">
        <v>27</v>
      </c>
      <c r="AD32441">
        <v>27</v>
      </c>
      <c r="AE32441">
        <v>27</v>
      </c>
      <c r="AF32441">
        <v>27</v>
      </c>
      <c r="AG32441">
        <v>28</v>
      </c>
      <c r="AH32441">
        <v>28</v>
      </c>
      <c r="AI32441">
        <v>28</v>
      </c>
      <c r="AJ32441">
        <v>28</v>
      </c>
      <c r="AK32441">
        <v>28</v>
      </c>
      <c r="AL32441">
        <v>28</v>
      </c>
      <c r="AM32441">
        <v>28</v>
      </c>
      <c r="AN32441">
        <v>28</v>
      </c>
      <c r="AO32441">
        <v>28</v>
      </c>
      <c r="AP32441">
        <v>28</v>
      </c>
      <c r="AQ32441">
        <v>27</v>
      </c>
    </row>
    <row r="32442" spans="1:43">
      <c r="A32442" t="s">
        <v>20093</v>
      </c>
      <c r="B32442" t="s">
        <v>20094</v>
      </c>
      <c r="C32442" t="s">
        <v>20095</v>
      </c>
      <c r="D32442" t="s">
        <v>20096</v>
      </c>
      <c r="E32442" t="s">
        <v>20071</v>
      </c>
      <c r="F32442" t="s">
        <v>20072</v>
      </c>
      <c r="G32442" t="s">
        <v>10734</v>
      </c>
      <c r="H32442" t="s">
        <v>10735</v>
      </c>
      <c r="I32442" s="2">
        <v>0</v>
      </c>
      <c r="J32442" s="2">
        <v>0</v>
      </c>
      <c r="K32442" s="2">
        <v>1</v>
      </c>
      <c r="L32442" t="s">
        <v>995</v>
      </c>
      <c r="M32442" t="s">
        <v>83</v>
      </c>
      <c r="N32442" t="s">
        <v>84</v>
      </c>
      <c r="O32442" t="s">
        <v>85</v>
      </c>
      <c r="P32442" t="s">
        <v>86</v>
      </c>
      <c r="Q32442">
        <v>10</v>
      </c>
      <c r="R32442">
        <v>10</v>
      </c>
      <c r="S32442">
        <v>10</v>
      </c>
      <c r="T32442">
        <v>10</v>
      </c>
      <c r="U32442">
        <v>10</v>
      </c>
      <c r="V32442">
        <v>10</v>
      </c>
      <c r="W32442">
        <v>10</v>
      </c>
      <c r="X32442">
        <v>10</v>
      </c>
      <c r="Y32442">
        <v>11</v>
      </c>
      <c r="Z32442">
        <v>11</v>
      </c>
      <c r="AA32442">
        <v>11</v>
      </c>
      <c r="AB32442">
        <v>11</v>
      </c>
      <c r="AC32442">
        <v>11</v>
      </c>
      <c r="AD32442">
        <v>11</v>
      </c>
      <c r="AE32442">
        <v>11</v>
      </c>
      <c r="AF32442">
        <v>11</v>
      </c>
      <c r="AG32442">
        <v>11</v>
      </c>
      <c r="AH32442">
        <v>11</v>
      </c>
      <c r="AI32442">
        <v>11</v>
      </c>
      <c r="AJ32442">
        <v>11</v>
      </c>
      <c r="AK32442">
        <v>11</v>
      </c>
      <c r="AL32442">
        <v>11</v>
      </c>
      <c r="AM32442">
        <v>11</v>
      </c>
      <c r="AN32442">
        <v>11</v>
      </c>
      <c r="AO32442">
        <v>11</v>
      </c>
      <c r="AP32442">
        <v>11</v>
      </c>
      <c r="AQ32442">
        <v>11</v>
      </c>
    </row>
    <row r="32443" spans="1:43">
      <c r="A32443" t="s">
        <v>20093</v>
      </c>
      <c r="B32443" t="s">
        <v>20094</v>
      </c>
      <c r="C32443" t="s">
        <v>20095</v>
      </c>
      <c r="D32443" t="s">
        <v>20096</v>
      </c>
      <c r="E32443" t="s">
        <v>20071</v>
      </c>
      <c r="F32443" t="s">
        <v>20072</v>
      </c>
      <c r="G32443" t="s">
        <v>10734</v>
      </c>
      <c r="H32443" t="s">
        <v>10735</v>
      </c>
      <c r="I32443" s="2">
        <v>0</v>
      </c>
      <c r="J32443" s="2">
        <v>0</v>
      </c>
      <c r="K32443" s="2">
        <v>1</v>
      </c>
      <c r="L32443" t="s">
        <v>995</v>
      </c>
      <c r="M32443" t="s">
        <v>87</v>
      </c>
      <c r="N32443" t="s">
        <v>88</v>
      </c>
      <c r="O32443" t="s">
        <v>85</v>
      </c>
      <c r="P32443" t="s">
        <v>86</v>
      </c>
      <c r="Q32443">
        <v>10</v>
      </c>
      <c r="R32443">
        <v>10</v>
      </c>
      <c r="S32443">
        <v>10</v>
      </c>
      <c r="T32443">
        <v>10</v>
      </c>
      <c r="U32443">
        <v>10</v>
      </c>
      <c r="V32443">
        <v>10</v>
      </c>
      <c r="W32443">
        <v>10</v>
      </c>
      <c r="X32443">
        <v>10</v>
      </c>
      <c r="Y32443">
        <v>10</v>
      </c>
      <c r="Z32443">
        <v>10</v>
      </c>
      <c r="AA32443">
        <v>10</v>
      </c>
      <c r="AB32443">
        <v>10</v>
      </c>
      <c r="AC32443">
        <v>10</v>
      </c>
      <c r="AD32443">
        <v>10</v>
      </c>
      <c r="AE32443">
        <v>10</v>
      </c>
      <c r="AF32443">
        <v>10</v>
      </c>
      <c r="AG32443">
        <v>10</v>
      </c>
      <c r="AH32443">
        <v>10</v>
      </c>
      <c r="AI32443">
        <v>10</v>
      </c>
      <c r="AJ32443">
        <v>10</v>
      </c>
      <c r="AK32443">
        <v>10</v>
      </c>
      <c r="AL32443">
        <v>10</v>
      </c>
      <c r="AM32443">
        <v>10</v>
      </c>
      <c r="AN32443">
        <v>10</v>
      </c>
      <c r="AO32443">
        <v>10</v>
      </c>
      <c r="AP32443">
        <v>10</v>
      </c>
      <c r="AQ32443">
        <v>10</v>
      </c>
    </row>
    <row r="32444" spans="1:43">
      <c r="A32444" t="s">
        <v>20093</v>
      </c>
      <c r="B32444" t="s">
        <v>20094</v>
      </c>
      <c r="C32444" t="s">
        <v>20095</v>
      </c>
      <c r="D32444" t="s">
        <v>20096</v>
      </c>
      <c r="E32444" t="s">
        <v>20071</v>
      </c>
      <c r="F32444" t="s">
        <v>20072</v>
      </c>
      <c r="G32444" t="s">
        <v>10734</v>
      </c>
      <c r="H32444" t="s">
        <v>10735</v>
      </c>
      <c r="I32444" s="2">
        <v>0</v>
      </c>
      <c r="J32444" s="2">
        <v>0</v>
      </c>
      <c r="K32444" s="2">
        <v>1</v>
      </c>
      <c r="L32444" t="s">
        <v>995</v>
      </c>
      <c r="M32444" t="s">
        <v>89</v>
      </c>
      <c r="N32444" t="s">
        <v>90</v>
      </c>
      <c r="O32444" t="s">
        <v>85</v>
      </c>
      <c r="P32444" t="s">
        <v>86</v>
      </c>
      <c r="Q32444">
        <v>10</v>
      </c>
      <c r="R32444">
        <v>10</v>
      </c>
      <c r="S32444">
        <v>10</v>
      </c>
      <c r="T32444">
        <v>10</v>
      </c>
      <c r="U32444">
        <v>11</v>
      </c>
      <c r="V32444">
        <v>11</v>
      </c>
      <c r="W32444">
        <v>11</v>
      </c>
      <c r="X32444">
        <v>11</v>
      </c>
      <c r="Y32444">
        <v>11</v>
      </c>
      <c r="Z32444">
        <v>11</v>
      </c>
      <c r="AA32444">
        <v>11</v>
      </c>
      <c r="AB32444">
        <v>12</v>
      </c>
      <c r="AC32444">
        <v>12</v>
      </c>
      <c r="AD32444">
        <v>12</v>
      </c>
      <c r="AE32444">
        <v>12</v>
      </c>
      <c r="AF32444">
        <v>12</v>
      </c>
      <c r="AG32444">
        <v>12</v>
      </c>
      <c r="AH32444">
        <v>12</v>
      </c>
      <c r="AI32444">
        <v>12</v>
      </c>
      <c r="AJ32444">
        <v>12</v>
      </c>
      <c r="AK32444">
        <v>12</v>
      </c>
      <c r="AL32444">
        <v>12</v>
      </c>
      <c r="AM32444">
        <v>12</v>
      </c>
      <c r="AN32444">
        <v>12</v>
      </c>
      <c r="AO32444">
        <v>11</v>
      </c>
      <c r="AP32444">
        <v>11</v>
      </c>
      <c r="AQ32444">
        <v>11</v>
      </c>
    </row>
    <row r="32445" spans="1:43">
      <c r="A32445" t="s">
        <v>20093</v>
      </c>
      <c r="B32445" t="s">
        <v>20094</v>
      </c>
      <c r="C32445" t="s">
        <v>20095</v>
      </c>
      <c r="D32445" t="s">
        <v>20096</v>
      </c>
      <c r="E32445" t="s">
        <v>20071</v>
      </c>
      <c r="F32445" t="s">
        <v>20072</v>
      </c>
      <c r="G32445" t="s">
        <v>10734</v>
      </c>
      <c r="H32445" t="s">
        <v>10735</v>
      </c>
      <c r="I32445" s="2">
        <v>0</v>
      </c>
      <c r="J32445" s="2">
        <v>0</v>
      </c>
      <c r="K32445" s="2">
        <v>1</v>
      </c>
      <c r="L32445" t="s">
        <v>995</v>
      </c>
      <c r="M32445" t="s">
        <v>83</v>
      </c>
      <c r="N32445" t="s">
        <v>91</v>
      </c>
      <c r="O32445" t="s">
        <v>85</v>
      </c>
      <c r="P32445" t="s">
        <v>86</v>
      </c>
      <c r="Q32445">
        <v>10</v>
      </c>
      <c r="R32445">
        <v>10</v>
      </c>
      <c r="S32445">
        <v>10</v>
      </c>
      <c r="T32445">
        <v>10</v>
      </c>
      <c r="U32445">
        <v>10</v>
      </c>
      <c r="V32445">
        <v>10</v>
      </c>
      <c r="W32445">
        <v>10</v>
      </c>
      <c r="X32445">
        <v>10</v>
      </c>
      <c r="Y32445">
        <v>11</v>
      </c>
      <c r="Z32445">
        <v>11</v>
      </c>
      <c r="AA32445">
        <v>11</v>
      </c>
      <c r="AB32445">
        <v>11</v>
      </c>
      <c r="AC32445">
        <v>11</v>
      </c>
      <c r="AD32445">
        <v>11</v>
      </c>
      <c r="AE32445">
        <v>11</v>
      </c>
      <c r="AF32445">
        <v>11</v>
      </c>
      <c r="AG32445">
        <v>11</v>
      </c>
      <c r="AH32445">
        <v>11</v>
      </c>
      <c r="AI32445">
        <v>11</v>
      </c>
      <c r="AJ32445">
        <v>11</v>
      </c>
      <c r="AK32445">
        <v>11</v>
      </c>
      <c r="AL32445">
        <v>11</v>
      </c>
      <c r="AM32445">
        <v>11</v>
      </c>
      <c r="AN32445">
        <v>11</v>
      </c>
      <c r="AO32445">
        <v>11</v>
      </c>
      <c r="AP32445">
        <v>11</v>
      </c>
      <c r="AQ32445">
        <v>11</v>
      </c>
    </row>
    <row r="32446" spans="1:43">
      <c r="A32446" t="s">
        <v>20097</v>
      </c>
      <c r="B32446" t="s">
        <v>20098</v>
      </c>
      <c r="C32446" t="s">
        <v>20095</v>
      </c>
      <c r="D32446" t="s">
        <v>20096</v>
      </c>
      <c r="E32446" t="s">
        <v>20071</v>
      </c>
      <c r="F32446" t="s">
        <v>20072</v>
      </c>
      <c r="G32446" t="s">
        <v>10734</v>
      </c>
      <c r="H32446" t="s">
        <v>10735</v>
      </c>
      <c r="I32446" s="2">
        <v>0</v>
      </c>
      <c r="J32446" s="2">
        <v>0</v>
      </c>
      <c r="K32446" s="2">
        <v>1</v>
      </c>
      <c r="L32446" t="s">
        <v>995</v>
      </c>
      <c r="M32446" t="s">
        <v>83</v>
      </c>
      <c r="N32446" t="s">
        <v>84</v>
      </c>
      <c r="O32446" t="s">
        <v>85</v>
      </c>
      <c r="P32446" t="s">
        <v>86</v>
      </c>
      <c r="Q32446">
        <v>12</v>
      </c>
      <c r="R32446">
        <v>13</v>
      </c>
      <c r="S32446">
        <v>13</v>
      </c>
      <c r="T32446">
        <v>13</v>
      </c>
      <c r="U32446">
        <v>13</v>
      </c>
      <c r="V32446">
        <v>13</v>
      </c>
      <c r="W32446">
        <v>13</v>
      </c>
      <c r="X32446">
        <v>13</v>
      </c>
      <c r="Y32446">
        <v>14</v>
      </c>
      <c r="Z32446">
        <v>14</v>
      </c>
      <c r="AA32446">
        <v>14</v>
      </c>
      <c r="AB32446">
        <v>14</v>
      </c>
      <c r="AC32446">
        <v>14</v>
      </c>
      <c r="AD32446">
        <v>14</v>
      </c>
      <c r="AE32446">
        <v>14</v>
      </c>
      <c r="AF32446">
        <v>14</v>
      </c>
      <c r="AG32446">
        <v>14</v>
      </c>
      <c r="AH32446">
        <v>15</v>
      </c>
      <c r="AI32446">
        <v>15</v>
      </c>
      <c r="AJ32446">
        <v>15</v>
      </c>
      <c r="AK32446">
        <v>15</v>
      </c>
      <c r="AL32446">
        <v>15</v>
      </c>
      <c r="AM32446">
        <v>15</v>
      </c>
      <c r="AN32446">
        <v>15</v>
      </c>
      <c r="AO32446">
        <v>15</v>
      </c>
      <c r="AP32446">
        <v>15</v>
      </c>
      <c r="AQ32446">
        <v>15</v>
      </c>
    </row>
    <row r="32447" spans="1:43">
      <c r="A32447" t="s">
        <v>20097</v>
      </c>
      <c r="B32447" t="s">
        <v>20098</v>
      </c>
      <c r="C32447" t="s">
        <v>20095</v>
      </c>
      <c r="D32447" t="s">
        <v>20096</v>
      </c>
      <c r="E32447" t="s">
        <v>20071</v>
      </c>
      <c r="F32447" t="s">
        <v>20072</v>
      </c>
      <c r="G32447" t="s">
        <v>10734</v>
      </c>
      <c r="H32447" t="s">
        <v>10735</v>
      </c>
      <c r="I32447" s="2">
        <v>0</v>
      </c>
      <c r="J32447" s="2">
        <v>0</v>
      </c>
      <c r="K32447" s="2">
        <v>1</v>
      </c>
      <c r="L32447" t="s">
        <v>995</v>
      </c>
      <c r="M32447" t="s">
        <v>87</v>
      </c>
      <c r="N32447" t="s">
        <v>88</v>
      </c>
      <c r="O32447" t="s">
        <v>85</v>
      </c>
      <c r="P32447" t="s">
        <v>86</v>
      </c>
      <c r="Q32447">
        <v>12</v>
      </c>
      <c r="R32447">
        <v>12</v>
      </c>
      <c r="S32447">
        <v>12</v>
      </c>
      <c r="T32447">
        <v>12</v>
      </c>
      <c r="U32447">
        <v>12</v>
      </c>
      <c r="V32447">
        <v>12</v>
      </c>
      <c r="W32447">
        <v>13</v>
      </c>
      <c r="X32447">
        <v>13</v>
      </c>
      <c r="Y32447">
        <v>13</v>
      </c>
      <c r="Z32447">
        <v>13</v>
      </c>
      <c r="AA32447">
        <v>13</v>
      </c>
      <c r="AB32447">
        <v>13</v>
      </c>
      <c r="AC32447">
        <v>13</v>
      </c>
      <c r="AD32447">
        <v>13</v>
      </c>
      <c r="AE32447">
        <v>13</v>
      </c>
      <c r="AF32447">
        <v>13</v>
      </c>
      <c r="AG32447">
        <v>13</v>
      </c>
      <c r="AH32447">
        <v>13</v>
      </c>
      <c r="AI32447">
        <v>13</v>
      </c>
      <c r="AJ32447">
        <v>13</v>
      </c>
      <c r="AK32447">
        <v>13</v>
      </c>
      <c r="AL32447">
        <v>13</v>
      </c>
      <c r="AM32447">
        <v>13</v>
      </c>
      <c r="AN32447">
        <v>13</v>
      </c>
      <c r="AO32447">
        <v>13</v>
      </c>
      <c r="AP32447">
        <v>13</v>
      </c>
      <c r="AQ32447">
        <v>13</v>
      </c>
    </row>
    <row r="32448" spans="1:43">
      <c r="A32448" t="s">
        <v>20097</v>
      </c>
      <c r="B32448" t="s">
        <v>20098</v>
      </c>
      <c r="C32448" t="s">
        <v>20095</v>
      </c>
      <c r="D32448" t="s">
        <v>20096</v>
      </c>
      <c r="E32448" t="s">
        <v>20071</v>
      </c>
      <c r="F32448" t="s">
        <v>20072</v>
      </c>
      <c r="G32448" t="s">
        <v>10734</v>
      </c>
      <c r="H32448" t="s">
        <v>10735</v>
      </c>
      <c r="I32448" s="2">
        <v>0</v>
      </c>
      <c r="J32448" s="2">
        <v>0</v>
      </c>
      <c r="K32448" s="2">
        <v>1</v>
      </c>
      <c r="L32448" t="s">
        <v>995</v>
      </c>
      <c r="M32448" t="s">
        <v>89</v>
      </c>
      <c r="N32448" t="s">
        <v>90</v>
      </c>
      <c r="O32448" t="s">
        <v>85</v>
      </c>
      <c r="P32448" t="s">
        <v>86</v>
      </c>
      <c r="Q32448">
        <v>12</v>
      </c>
      <c r="R32448">
        <v>12</v>
      </c>
      <c r="S32448">
        <v>12</v>
      </c>
      <c r="T32448">
        <v>12</v>
      </c>
      <c r="U32448">
        <v>13</v>
      </c>
      <c r="V32448">
        <v>13</v>
      </c>
      <c r="W32448">
        <v>13</v>
      </c>
      <c r="X32448">
        <v>13</v>
      </c>
      <c r="Y32448">
        <v>13</v>
      </c>
      <c r="Z32448">
        <v>14</v>
      </c>
      <c r="AA32448">
        <v>14</v>
      </c>
      <c r="AB32448">
        <v>14</v>
      </c>
      <c r="AC32448">
        <v>14</v>
      </c>
      <c r="AD32448">
        <v>14</v>
      </c>
      <c r="AE32448">
        <v>14</v>
      </c>
      <c r="AF32448">
        <v>14</v>
      </c>
      <c r="AG32448">
        <v>14</v>
      </c>
      <c r="AH32448">
        <v>14</v>
      </c>
      <c r="AI32448">
        <v>14</v>
      </c>
      <c r="AJ32448">
        <v>14</v>
      </c>
      <c r="AK32448">
        <v>14</v>
      </c>
      <c r="AL32448">
        <v>14</v>
      </c>
      <c r="AM32448">
        <v>14</v>
      </c>
      <c r="AN32448">
        <v>14</v>
      </c>
      <c r="AO32448">
        <v>14</v>
      </c>
      <c r="AP32448">
        <v>14</v>
      </c>
      <c r="AQ32448">
        <v>14</v>
      </c>
    </row>
    <row r="32449" spans="1:43">
      <c r="A32449" t="s">
        <v>20097</v>
      </c>
      <c r="B32449" t="s">
        <v>20098</v>
      </c>
      <c r="C32449" t="s">
        <v>20095</v>
      </c>
      <c r="D32449" t="s">
        <v>20096</v>
      </c>
      <c r="E32449" t="s">
        <v>20071</v>
      </c>
      <c r="F32449" t="s">
        <v>20072</v>
      </c>
      <c r="G32449" t="s">
        <v>10734</v>
      </c>
      <c r="H32449" t="s">
        <v>10735</v>
      </c>
      <c r="I32449" s="2">
        <v>0</v>
      </c>
      <c r="J32449" s="2">
        <v>0</v>
      </c>
      <c r="K32449" s="2">
        <v>1</v>
      </c>
      <c r="L32449" t="s">
        <v>995</v>
      </c>
      <c r="M32449" t="s">
        <v>83</v>
      </c>
      <c r="N32449" t="s">
        <v>91</v>
      </c>
      <c r="O32449" t="s">
        <v>85</v>
      </c>
      <c r="P32449" t="s">
        <v>86</v>
      </c>
      <c r="Q32449">
        <v>12</v>
      </c>
      <c r="R32449">
        <v>13</v>
      </c>
      <c r="S32449">
        <v>13</v>
      </c>
      <c r="T32449">
        <v>13</v>
      </c>
      <c r="U32449">
        <v>13</v>
      </c>
      <c r="V32449">
        <v>13</v>
      </c>
      <c r="W32449">
        <v>13</v>
      </c>
      <c r="X32449">
        <v>13</v>
      </c>
      <c r="Y32449">
        <v>14</v>
      </c>
      <c r="Z32449">
        <v>14</v>
      </c>
      <c r="AA32449">
        <v>14</v>
      </c>
      <c r="AB32449">
        <v>14</v>
      </c>
      <c r="AC32449">
        <v>14</v>
      </c>
      <c r="AD32449">
        <v>14</v>
      </c>
      <c r="AE32449">
        <v>14</v>
      </c>
      <c r="AF32449">
        <v>14</v>
      </c>
      <c r="AG32449">
        <v>14</v>
      </c>
      <c r="AH32449">
        <v>15</v>
      </c>
      <c r="AI32449">
        <v>15</v>
      </c>
      <c r="AJ32449">
        <v>15</v>
      </c>
      <c r="AK32449">
        <v>15</v>
      </c>
      <c r="AL32449">
        <v>15</v>
      </c>
      <c r="AM32449">
        <v>15</v>
      </c>
      <c r="AN32449">
        <v>15</v>
      </c>
      <c r="AO32449">
        <v>15</v>
      </c>
      <c r="AP32449">
        <v>15</v>
      </c>
      <c r="AQ32449">
        <v>15</v>
      </c>
    </row>
    <row r="32450" spans="1:43">
      <c r="A32450" t="s">
        <v>20099</v>
      </c>
      <c r="B32450" t="s">
        <v>20100</v>
      </c>
      <c r="C32450" t="s">
        <v>20101</v>
      </c>
      <c r="D32450" t="s">
        <v>20102</v>
      </c>
      <c r="E32450" t="s">
        <v>20071</v>
      </c>
      <c r="F32450" t="s">
        <v>20072</v>
      </c>
      <c r="G32450" t="s">
        <v>10734</v>
      </c>
      <c r="H32450" t="s">
        <v>10735</v>
      </c>
      <c r="I32450" s="2">
        <v>0</v>
      </c>
      <c r="J32450" s="2">
        <v>0</v>
      </c>
      <c r="K32450" s="2">
        <v>1</v>
      </c>
      <c r="L32450" t="s">
        <v>995</v>
      </c>
      <c r="M32450" t="s">
        <v>83</v>
      </c>
      <c r="N32450" t="s">
        <v>84</v>
      </c>
      <c r="O32450" t="s">
        <v>85</v>
      </c>
      <c r="P32450" t="s">
        <v>86</v>
      </c>
      <c r="Q32450">
        <v>24</v>
      </c>
      <c r="R32450">
        <v>25</v>
      </c>
      <c r="S32450">
        <v>25</v>
      </c>
      <c r="T32450">
        <v>25</v>
      </c>
      <c r="U32450">
        <v>25</v>
      </c>
      <c r="V32450">
        <v>26</v>
      </c>
      <c r="W32450">
        <v>26</v>
      </c>
      <c r="X32450">
        <v>26</v>
      </c>
      <c r="Y32450">
        <v>26</v>
      </c>
      <c r="Z32450">
        <v>27</v>
      </c>
      <c r="AA32450">
        <v>27</v>
      </c>
      <c r="AB32450">
        <v>27</v>
      </c>
      <c r="AC32450">
        <v>27</v>
      </c>
      <c r="AD32450">
        <v>27</v>
      </c>
      <c r="AE32450">
        <v>28</v>
      </c>
      <c r="AF32450">
        <v>28</v>
      </c>
      <c r="AG32450">
        <v>28</v>
      </c>
      <c r="AH32450">
        <v>28</v>
      </c>
      <c r="AI32450">
        <v>28</v>
      </c>
      <c r="AJ32450">
        <v>29</v>
      </c>
      <c r="AK32450">
        <v>29</v>
      </c>
      <c r="AL32450">
        <v>29</v>
      </c>
      <c r="AM32450">
        <v>29</v>
      </c>
      <c r="AN32450">
        <v>28</v>
      </c>
      <c r="AO32450">
        <v>28</v>
      </c>
      <c r="AP32450">
        <v>28</v>
      </c>
      <c r="AQ32450">
        <v>28</v>
      </c>
    </row>
    <row r="32451" spans="1:43">
      <c r="A32451" t="s">
        <v>20099</v>
      </c>
      <c r="B32451" t="s">
        <v>20100</v>
      </c>
      <c r="C32451" t="s">
        <v>20101</v>
      </c>
      <c r="D32451" t="s">
        <v>20102</v>
      </c>
      <c r="E32451" t="s">
        <v>20071</v>
      </c>
      <c r="F32451" t="s">
        <v>20072</v>
      </c>
      <c r="G32451" t="s">
        <v>10734</v>
      </c>
      <c r="H32451" t="s">
        <v>10735</v>
      </c>
      <c r="I32451" s="2">
        <v>0</v>
      </c>
      <c r="J32451" s="2">
        <v>0</v>
      </c>
      <c r="K32451" s="2">
        <v>1</v>
      </c>
      <c r="L32451" t="s">
        <v>995</v>
      </c>
      <c r="M32451" t="s">
        <v>87</v>
      </c>
      <c r="N32451" t="s">
        <v>88</v>
      </c>
      <c r="O32451" t="s">
        <v>85</v>
      </c>
      <c r="P32451" t="s">
        <v>86</v>
      </c>
      <c r="Q32451">
        <v>24</v>
      </c>
      <c r="R32451">
        <v>24</v>
      </c>
      <c r="S32451">
        <v>24</v>
      </c>
      <c r="T32451">
        <v>24</v>
      </c>
      <c r="U32451">
        <v>24</v>
      </c>
      <c r="V32451">
        <v>24</v>
      </c>
      <c r="W32451">
        <v>24</v>
      </c>
      <c r="X32451">
        <v>24</v>
      </c>
      <c r="Y32451">
        <v>24</v>
      </c>
      <c r="Z32451">
        <v>24</v>
      </c>
      <c r="AA32451">
        <v>24</v>
      </c>
      <c r="AB32451">
        <v>24</v>
      </c>
      <c r="AC32451">
        <v>24</v>
      </c>
      <c r="AD32451">
        <v>24</v>
      </c>
      <c r="AE32451">
        <v>24</v>
      </c>
      <c r="AF32451">
        <v>25</v>
      </c>
      <c r="AG32451">
        <v>25</v>
      </c>
      <c r="AH32451">
        <v>25</v>
      </c>
      <c r="AI32451">
        <v>25</v>
      </c>
      <c r="AJ32451">
        <v>25</v>
      </c>
      <c r="AK32451">
        <v>25</v>
      </c>
      <c r="AL32451">
        <v>25</v>
      </c>
      <c r="AM32451">
        <v>25</v>
      </c>
      <c r="AN32451">
        <v>25</v>
      </c>
      <c r="AO32451">
        <v>25</v>
      </c>
      <c r="AP32451">
        <v>25</v>
      </c>
      <c r="AQ32451">
        <v>25</v>
      </c>
    </row>
    <row r="32452" spans="1:43">
      <c r="A32452" t="s">
        <v>20099</v>
      </c>
      <c r="B32452" t="s">
        <v>20100</v>
      </c>
      <c r="C32452" t="s">
        <v>20101</v>
      </c>
      <c r="D32452" t="s">
        <v>20102</v>
      </c>
      <c r="E32452" t="s">
        <v>20071</v>
      </c>
      <c r="F32452" t="s">
        <v>20072</v>
      </c>
      <c r="G32452" t="s">
        <v>10734</v>
      </c>
      <c r="H32452" t="s">
        <v>10735</v>
      </c>
      <c r="I32452" s="2">
        <v>0</v>
      </c>
      <c r="J32452" s="2">
        <v>0</v>
      </c>
      <c r="K32452" s="2">
        <v>1</v>
      </c>
      <c r="L32452" t="s">
        <v>995</v>
      </c>
      <c r="M32452" t="s">
        <v>89</v>
      </c>
      <c r="N32452" t="s">
        <v>90</v>
      </c>
      <c r="O32452" t="s">
        <v>85</v>
      </c>
      <c r="P32452" t="s">
        <v>86</v>
      </c>
      <c r="Q32452">
        <v>24</v>
      </c>
      <c r="R32452">
        <v>24</v>
      </c>
      <c r="S32452">
        <v>24</v>
      </c>
      <c r="T32452">
        <v>25</v>
      </c>
      <c r="U32452">
        <v>25</v>
      </c>
      <c r="V32452">
        <v>26</v>
      </c>
      <c r="W32452">
        <v>26</v>
      </c>
      <c r="X32452">
        <v>27</v>
      </c>
      <c r="Y32452">
        <v>27</v>
      </c>
      <c r="Z32452">
        <v>27</v>
      </c>
      <c r="AA32452">
        <v>28</v>
      </c>
      <c r="AB32452">
        <v>28</v>
      </c>
      <c r="AC32452">
        <v>28</v>
      </c>
      <c r="AD32452">
        <v>28</v>
      </c>
      <c r="AE32452">
        <v>29</v>
      </c>
      <c r="AF32452">
        <v>28</v>
      </c>
      <c r="AG32452">
        <v>28</v>
      </c>
      <c r="AH32452">
        <v>28</v>
      </c>
      <c r="AI32452">
        <v>28</v>
      </c>
      <c r="AJ32452">
        <v>28</v>
      </c>
      <c r="AK32452">
        <v>28</v>
      </c>
      <c r="AL32452">
        <v>28</v>
      </c>
      <c r="AM32452">
        <v>28</v>
      </c>
      <c r="AN32452">
        <v>28</v>
      </c>
      <c r="AO32452">
        <v>28</v>
      </c>
      <c r="AP32452">
        <v>27</v>
      </c>
      <c r="AQ32452">
        <v>27</v>
      </c>
    </row>
    <row r="32453" spans="1:43">
      <c r="A32453" t="s">
        <v>20099</v>
      </c>
      <c r="B32453" t="s">
        <v>20100</v>
      </c>
      <c r="C32453" t="s">
        <v>20101</v>
      </c>
      <c r="D32453" t="s">
        <v>20102</v>
      </c>
      <c r="E32453" t="s">
        <v>20071</v>
      </c>
      <c r="F32453" t="s">
        <v>20072</v>
      </c>
      <c r="G32453" t="s">
        <v>10734</v>
      </c>
      <c r="H32453" t="s">
        <v>10735</v>
      </c>
      <c r="I32453" s="2">
        <v>0</v>
      </c>
      <c r="J32453" s="2">
        <v>0</v>
      </c>
      <c r="K32453" s="2">
        <v>1</v>
      </c>
      <c r="L32453" t="s">
        <v>995</v>
      </c>
      <c r="M32453" t="s">
        <v>83</v>
      </c>
      <c r="N32453" t="s">
        <v>91</v>
      </c>
      <c r="O32453" t="s">
        <v>85</v>
      </c>
      <c r="P32453" t="s">
        <v>86</v>
      </c>
      <c r="Q32453">
        <v>24</v>
      </c>
      <c r="R32453">
        <v>25</v>
      </c>
      <c r="S32453">
        <v>25</v>
      </c>
      <c r="T32453">
        <v>25</v>
      </c>
      <c r="U32453">
        <v>25</v>
      </c>
      <c r="V32453">
        <v>26</v>
      </c>
      <c r="W32453">
        <v>26</v>
      </c>
      <c r="X32453">
        <v>26</v>
      </c>
      <c r="Y32453">
        <v>26</v>
      </c>
      <c r="Z32453">
        <v>27</v>
      </c>
      <c r="AA32453">
        <v>27</v>
      </c>
      <c r="AB32453">
        <v>27</v>
      </c>
      <c r="AC32453">
        <v>27</v>
      </c>
      <c r="AD32453">
        <v>27</v>
      </c>
      <c r="AE32453">
        <v>28</v>
      </c>
      <c r="AF32453">
        <v>28</v>
      </c>
      <c r="AG32453">
        <v>28</v>
      </c>
      <c r="AH32453">
        <v>28</v>
      </c>
      <c r="AI32453">
        <v>28</v>
      </c>
      <c r="AJ32453">
        <v>29</v>
      </c>
      <c r="AK32453">
        <v>29</v>
      </c>
      <c r="AL32453">
        <v>29</v>
      </c>
      <c r="AM32453">
        <v>29</v>
      </c>
      <c r="AN32453">
        <v>28</v>
      </c>
      <c r="AO32453">
        <v>28</v>
      </c>
      <c r="AP32453">
        <v>28</v>
      </c>
      <c r="AQ32453">
        <v>28</v>
      </c>
    </row>
    <row r="32454" spans="1:43">
      <c r="A32454" t="s">
        <v>20103</v>
      </c>
      <c r="B32454" t="s">
        <v>20104</v>
      </c>
      <c r="C32454" t="s">
        <v>20105</v>
      </c>
      <c r="D32454" t="s">
        <v>20106</v>
      </c>
      <c r="E32454" t="s">
        <v>20071</v>
      </c>
      <c r="F32454" t="s">
        <v>20072</v>
      </c>
      <c r="G32454" t="s">
        <v>10734</v>
      </c>
      <c r="H32454" t="s">
        <v>10735</v>
      </c>
      <c r="I32454" s="2">
        <v>0</v>
      </c>
      <c r="J32454" s="2">
        <v>0</v>
      </c>
      <c r="K32454" s="2">
        <v>1</v>
      </c>
      <c r="L32454" t="s">
        <v>995</v>
      </c>
      <c r="M32454" t="s">
        <v>83</v>
      </c>
      <c r="N32454" t="s">
        <v>84</v>
      </c>
      <c r="O32454" t="s">
        <v>85</v>
      </c>
      <c r="P32454" t="s">
        <v>86</v>
      </c>
      <c r="Q32454">
        <v>47</v>
      </c>
      <c r="R32454">
        <v>48</v>
      </c>
      <c r="S32454">
        <v>48</v>
      </c>
      <c r="T32454">
        <v>49</v>
      </c>
      <c r="U32454">
        <v>49</v>
      </c>
      <c r="V32454">
        <v>50</v>
      </c>
      <c r="W32454">
        <v>50</v>
      </c>
      <c r="X32454">
        <v>51</v>
      </c>
      <c r="Y32454">
        <v>51</v>
      </c>
      <c r="Z32454">
        <v>52</v>
      </c>
      <c r="AA32454">
        <v>52</v>
      </c>
      <c r="AB32454">
        <v>53</v>
      </c>
      <c r="AC32454">
        <v>53</v>
      </c>
      <c r="AD32454">
        <v>53</v>
      </c>
      <c r="AE32454">
        <v>54</v>
      </c>
      <c r="AF32454">
        <v>54</v>
      </c>
      <c r="AG32454">
        <v>55</v>
      </c>
      <c r="AH32454">
        <v>55</v>
      </c>
      <c r="AI32454">
        <v>55</v>
      </c>
      <c r="AJ32454">
        <v>56</v>
      </c>
      <c r="AK32454">
        <v>56</v>
      </c>
      <c r="AL32454">
        <v>56</v>
      </c>
      <c r="AM32454">
        <v>56</v>
      </c>
      <c r="AN32454">
        <v>56</v>
      </c>
      <c r="AO32454">
        <v>55</v>
      </c>
      <c r="AP32454">
        <v>55</v>
      </c>
      <c r="AQ32454">
        <v>55</v>
      </c>
    </row>
    <row r="32455" spans="1:43">
      <c r="A32455" t="s">
        <v>20103</v>
      </c>
      <c r="B32455" t="s">
        <v>20104</v>
      </c>
      <c r="C32455" t="s">
        <v>20105</v>
      </c>
      <c r="D32455" t="s">
        <v>20106</v>
      </c>
      <c r="E32455" t="s">
        <v>20071</v>
      </c>
      <c r="F32455" t="s">
        <v>20072</v>
      </c>
      <c r="G32455" t="s">
        <v>10734</v>
      </c>
      <c r="H32455" t="s">
        <v>10735</v>
      </c>
      <c r="I32455" s="2">
        <v>0</v>
      </c>
      <c r="J32455" s="2">
        <v>0</v>
      </c>
      <c r="K32455" s="2">
        <v>1</v>
      </c>
      <c r="L32455" t="s">
        <v>995</v>
      </c>
      <c r="M32455" t="s">
        <v>87</v>
      </c>
      <c r="N32455" t="s">
        <v>88</v>
      </c>
      <c r="O32455" t="s">
        <v>85</v>
      </c>
      <c r="P32455" t="s">
        <v>86</v>
      </c>
      <c r="Q32455">
        <v>47</v>
      </c>
      <c r="R32455">
        <v>47</v>
      </c>
      <c r="S32455">
        <v>47</v>
      </c>
      <c r="T32455">
        <v>47</v>
      </c>
      <c r="U32455">
        <v>47</v>
      </c>
      <c r="V32455">
        <v>47</v>
      </c>
      <c r="W32455">
        <v>47</v>
      </c>
      <c r="X32455">
        <v>47</v>
      </c>
      <c r="Y32455">
        <v>47</v>
      </c>
      <c r="Z32455">
        <v>47</v>
      </c>
      <c r="AA32455">
        <v>47</v>
      </c>
      <c r="AB32455">
        <v>48</v>
      </c>
      <c r="AC32455">
        <v>48</v>
      </c>
      <c r="AD32455">
        <v>48</v>
      </c>
      <c r="AE32455">
        <v>48</v>
      </c>
      <c r="AF32455">
        <v>48</v>
      </c>
      <c r="AG32455">
        <v>48</v>
      </c>
      <c r="AH32455">
        <v>48</v>
      </c>
      <c r="AI32455">
        <v>48</v>
      </c>
      <c r="AJ32455">
        <v>48</v>
      </c>
      <c r="AK32455">
        <v>48</v>
      </c>
      <c r="AL32455">
        <v>48</v>
      </c>
      <c r="AM32455">
        <v>48</v>
      </c>
      <c r="AN32455">
        <v>48</v>
      </c>
      <c r="AO32455">
        <v>48</v>
      </c>
      <c r="AP32455">
        <v>48</v>
      </c>
      <c r="AQ32455">
        <v>48</v>
      </c>
    </row>
    <row r="32456" spans="1:43">
      <c r="A32456" t="s">
        <v>20103</v>
      </c>
      <c r="B32456" t="s">
        <v>20104</v>
      </c>
      <c r="C32456" t="s">
        <v>20105</v>
      </c>
      <c r="D32456" t="s">
        <v>20106</v>
      </c>
      <c r="E32456" t="s">
        <v>20071</v>
      </c>
      <c r="F32456" t="s">
        <v>20072</v>
      </c>
      <c r="G32456" t="s">
        <v>10734</v>
      </c>
      <c r="H32456" t="s">
        <v>10735</v>
      </c>
      <c r="I32456" s="2">
        <v>0</v>
      </c>
      <c r="J32456" s="2">
        <v>0</v>
      </c>
      <c r="K32456" s="2">
        <v>1</v>
      </c>
      <c r="L32456" t="s">
        <v>995</v>
      </c>
      <c r="M32456" t="s">
        <v>89</v>
      </c>
      <c r="N32456" t="s">
        <v>90</v>
      </c>
      <c r="O32456" t="s">
        <v>85</v>
      </c>
      <c r="P32456" t="s">
        <v>86</v>
      </c>
      <c r="Q32456">
        <v>47</v>
      </c>
      <c r="R32456">
        <v>48</v>
      </c>
      <c r="S32456">
        <v>48</v>
      </c>
      <c r="T32456">
        <v>49</v>
      </c>
      <c r="U32456">
        <v>50</v>
      </c>
      <c r="V32456">
        <v>51</v>
      </c>
      <c r="W32456">
        <v>52</v>
      </c>
      <c r="X32456">
        <v>53</v>
      </c>
      <c r="Y32456">
        <v>53</v>
      </c>
      <c r="Z32456">
        <v>54</v>
      </c>
      <c r="AA32456">
        <v>55</v>
      </c>
      <c r="AB32456">
        <v>55</v>
      </c>
      <c r="AC32456">
        <v>56</v>
      </c>
      <c r="AD32456">
        <v>56</v>
      </c>
      <c r="AE32456">
        <v>57</v>
      </c>
      <c r="AF32456">
        <v>57</v>
      </c>
      <c r="AG32456">
        <v>56</v>
      </c>
      <c r="AH32456">
        <v>56</v>
      </c>
      <c r="AI32456">
        <v>56</v>
      </c>
      <c r="AJ32456">
        <v>56</v>
      </c>
      <c r="AK32456">
        <v>56</v>
      </c>
      <c r="AL32456">
        <v>56</v>
      </c>
      <c r="AM32456">
        <v>55</v>
      </c>
      <c r="AN32456">
        <v>55</v>
      </c>
      <c r="AO32456">
        <v>55</v>
      </c>
      <c r="AP32456">
        <v>55</v>
      </c>
      <c r="AQ32456">
        <v>55</v>
      </c>
    </row>
    <row r="32457" spans="1:43">
      <c r="A32457" t="s">
        <v>20103</v>
      </c>
      <c r="B32457" t="s">
        <v>20104</v>
      </c>
      <c r="C32457" t="s">
        <v>20105</v>
      </c>
      <c r="D32457" t="s">
        <v>20106</v>
      </c>
      <c r="E32457" t="s">
        <v>20071</v>
      </c>
      <c r="F32457" t="s">
        <v>20072</v>
      </c>
      <c r="G32457" t="s">
        <v>10734</v>
      </c>
      <c r="H32457" t="s">
        <v>10735</v>
      </c>
      <c r="I32457" s="2">
        <v>0</v>
      </c>
      <c r="J32457" s="2">
        <v>0</v>
      </c>
      <c r="K32457" s="2">
        <v>1</v>
      </c>
      <c r="L32457" t="s">
        <v>995</v>
      </c>
      <c r="M32457" t="s">
        <v>83</v>
      </c>
      <c r="N32457" t="s">
        <v>91</v>
      </c>
      <c r="O32457" t="s">
        <v>85</v>
      </c>
      <c r="P32457" t="s">
        <v>86</v>
      </c>
      <c r="Q32457">
        <v>47</v>
      </c>
      <c r="R32457">
        <v>48</v>
      </c>
      <c r="S32457">
        <v>48</v>
      </c>
      <c r="T32457">
        <v>49</v>
      </c>
      <c r="U32457">
        <v>49</v>
      </c>
      <c r="V32457">
        <v>50</v>
      </c>
      <c r="W32457">
        <v>50</v>
      </c>
      <c r="X32457">
        <v>51</v>
      </c>
      <c r="Y32457">
        <v>51</v>
      </c>
      <c r="Z32457">
        <v>52</v>
      </c>
      <c r="AA32457">
        <v>52</v>
      </c>
      <c r="AB32457">
        <v>53</v>
      </c>
      <c r="AC32457">
        <v>53</v>
      </c>
      <c r="AD32457">
        <v>53</v>
      </c>
      <c r="AE32457">
        <v>54</v>
      </c>
      <c r="AF32457">
        <v>54</v>
      </c>
      <c r="AG32457">
        <v>55</v>
      </c>
      <c r="AH32457">
        <v>55</v>
      </c>
      <c r="AI32457">
        <v>55</v>
      </c>
      <c r="AJ32457">
        <v>56</v>
      </c>
      <c r="AK32457">
        <v>56</v>
      </c>
      <c r="AL32457">
        <v>56</v>
      </c>
      <c r="AM32457">
        <v>56</v>
      </c>
      <c r="AN32457">
        <v>56</v>
      </c>
      <c r="AO32457">
        <v>55</v>
      </c>
      <c r="AP32457">
        <v>55</v>
      </c>
      <c r="AQ32457">
        <v>55</v>
      </c>
    </row>
    <row r="32458" spans="1:43">
      <c r="A32458" t="s">
        <v>20107</v>
      </c>
      <c r="B32458" t="s">
        <v>20108</v>
      </c>
      <c r="C32458" t="s">
        <v>20109</v>
      </c>
      <c r="D32458" t="s">
        <v>20110</v>
      </c>
      <c r="E32458" t="s">
        <v>20071</v>
      </c>
      <c r="F32458" t="s">
        <v>20072</v>
      </c>
      <c r="G32458" t="s">
        <v>10734</v>
      </c>
      <c r="H32458" t="s">
        <v>10735</v>
      </c>
      <c r="I32458" s="2">
        <v>0</v>
      </c>
      <c r="J32458" s="2">
        <v>0</v>
      </c>
      <c r="K32458" s="2">
        <v>1</v>
      </c>
      <c r="L32458" t="s">
        <v>995</v>
      </c>
      <c r="M32458" t="s">
        <v>83</v>
      </c>
      <c r="N32458" t="s">
        <v>84</v>
      </c>
      <c r="O32458" t="s">
        <v>85</v>
      </c>
      <c r="P32458" t="s">
        <v>86</v>
      </c>
      <c r="Q32458">
        <v>58</v>
      </c>
      <c r="R32458">
        <v>59</v>
      </c>
      <c r="S32458">
        <v>59</v>
      </c>
      <c r="T32458">
        <v>60</v>
      </c>
      <c r="U32458">
        <v>61</v>
      </c>
      <c r="V32458">
        <v>61</v>
      </c>
      <c r="W32458">
        <v>62</v>
      </c>
      <c r="X32458">
        <v>63</v>
      </c>
      <c r="Y32458">
        <v>63</v>
      </c>
      <c r="Z32458">
        <v>64</v>
      </c>
      <c r="AA32458">
        <v>64</v>
      </c>
      <c r="AB32458">
        <v>65</v>
      </c>
      <c r="AC32458">
        <v>66</v>
      </c>
      <c r="AD32458">
        <v>66</v>
      </c>
      <c r="AE32458">
        <v>67</v>
      </c>
      <c r="AF32458">
        <v>67</v>
      </c>
      <c r="AG32458">
        <v>68</v>
      </c>
      <c r="AH32458">
        <v>68</v>
      </c>
      <c r="AI32458">
        <v>68</v>
      </c>
      <c r="AJ32458">
        <v>69</v>
      </c>
      <c r="AK32458">
        <v>69</v>
      </c>
      <c r="AL32458">
        <v>69</v>
      </c>
      <c r="AM32458">
        <v>69</v>
      </c>
      <c r="AN32458">
        <v>69</v>
      </c>
      <c r="AO32458">
        <v>69</v>
      </c>
      <c r="AP32458">
        <v>69</v>
      </c>
      <c r="AQ32458">
        <v>69</v>
      </c>
    </row>
    <row r="32459" spans="1:43">
      <c r="A32459" t="s">
        <v>20107</v>
      </c>
      <c r="B32459" t="s">
        <v>20108</v>
      </c>
      <c r="C32459" t="s">
        <v>20109</v>
      </c>
      <c r="D32459" t="s">
        <v>20110</v>
      </c>
      <c r="E32459" t="s">
        <v>20071</v>
      </c>
      <c r="F32459" t="s">
        <v>20072</v>
      </c>
      <c r="G32459" t="s">
        <v>10734</v>
      </c>
      <c r="H32459" t="s">
        <v>10735</v>
      </c>
      <c r="I32459" s="2">
        <v>0</v>
      </c>
      <c r="J32459" s="2">
        <v>0</v>
      </c>
      <c r="K32459" s="2">
        <v>1</v>
      </c>
      <c r="L32459" t="s">
        <v>995</v>
      </c>
      <c r="M32459" t="s">
        <v>87</v>
      </c>
      <c r="N32459" t="s">
        <v>88</v>
      </c>
      <c r="O32459" t="s">
        <v>85</v>
      </c>
      <c r="P32459" t="s">
        <v>86</v>
      </c>
      <c r="Q32459">
        <v>58</v>
      </c>
      <c r="R32459">
        <v>58</v>
      </c>
      <c r="S32459">
        <v>59</v>
      </c>
      <c r="T32459">
        <v>59</v>
      </c>
      <c r="U32459">
        <v>59</v>
      </c>
      <c r="V32459">
        <v>59</v>
      </c>
      <c r="W32459">
        <v>59</v>
      </c>
      <c r="X32459">
        <v>59</v>
      </c>
      <c r="Y32459">
        <v>59</v>
      </c>
      <c r="Z32459">
        <v>60</v>
      </c>
      <c r="AA32459">
        <v>60</v>
      </c>
      <c r="AB32459">
        <v>60</v>
      </c>
      <c r="AC32459">
        <v>60</v>
      </c>
      <c r="AD32459">
        <v>60</v>
      </c>
      <c r="AE32459">
        <v>60</v>
      </c>
      <c r="AF32459">
        <v>60</v>
      </c>
      <c r="AG32459">
        <v>60</v>
      </c>
      <c r="AH32459">
        <v>60</v>
      </c>
      <c r="AI32459">
        <v>61</v>
      </c>
      <c r="AJ32459">
        <v>61</v>
      </c>
      <c r="AK32459">
        <v>61</v>
      </c>
      <c r="AL32459">
        <v>61</v>
      </c>
      <c r="AM32459">
        <v>61</v>
      </c>
      <c r="AN32459">
        <v>61</v>
      </c>
      <c r="AO32459">
        <v>61</v>
      </c>
      <c r="AP32459">
        <v>61</v>
      </c>
      <c r="AQ32459">
        <v>61</v>
      </c>
    </row>
    <row r="32460" spans="1:43">
      <c r="A32460" t="s">
        <v>20107</v>
      </c>
      <c r="B32460" t="s">
        <v>20108</v>
      </c>
      <c r="C32460" t="s">
        <v>20109</v>
      </c>
      <c r="D32460" t="s">
        <v>20110</v>
      </c>
      <c r="E32460" t="s">
        <v>20071</v>
      </c>
      <c r="F32460" t="s">
        <v>20072</v>
      </c>
      <c r="G32460" t="s">
        <v>10734</v>
      </c>
      <c r="H32460" t="s">
        <v>10735</v>
      </c>
      <c r="I32460" s="2">
        <v>0</v>
      </c>
      <c r="J32460" s="2">
        <v>0</v>
      </c>
      <c r="K32460" s="2">
        <v>1</v>
      </c>
      <c r="L32460" t="s">
        <v>995</v>
      </c>
      <c r="M32460" t="s">
        <v>89</v>
      </c>
      <c r="N32460" t="s">
        <v>90</v>
      </c>
      <c r="O32460" t="s">
        <v>85</v>
      </c>
      <c r="P32460" t="s">
        <v>86</v>
      </c>
      <c r="Q32460">
        <v>58</v>
      </c>
      <c r="R32460">
        <v>60</v>
      </c>
      <c r="S32460">
        <v>61</v>
      </c>
      <c r="T32460">
        <v>62</v>
      </c>
      <c r="U32460">
        <v>63</v>
      </c>
      <c r="V32460">
        <v>64</v>
      </c>
      <c r="W32460">
        <v>65</v>
      </c>
      <c r="X32460">
        <v>66</v>
      </c>
      <c r="Y32460">
        <v>67</v>
      </c>
      <c r="Z32460">
        <v>68</v>
      </c>
      <c r="AA32460">
        <v>68</v>
      </c>
      <c r="AB32460">
        <v>69</v>
      </c>
      <c r="AC32460">
        <v>70</v>
      </c>
      <c r="AD32460">
        <v>71</v>
      </c>
      <c r="AE32460">
        <v>71</v>
      </c>
      <c r="AF32460">
        <v>71</v>
      </c>
      <c r="AG32460">
        <v>71</v>
      </c>
      <c r="AH32460">
        <v>71</v>
      </c>
      <c r="AI32460">
        <v>70</v>
      </c>
      <c r="AJ32460">
        <v>70</v>
      </c>
      <c r="AK32460">
        <v>70</v>
      </c>
      <c r="AL32460">
        <v>70</v>
      </c>
      <c r="AM32460">
        <v>70</v>
      </c>
      <c r="AN32460">
        <v>70</v>
      </c>
      <c r="AO32460">
        <v>69</v>
      </c>
      <c r="AP32460">
        <v>69</v>
      </c>
      <c r="AQ32460">
        <v>69</v>
      </c>
    </row>
    <row r="32461" spans="1:43">
      <c r="A32461" t="s">
        <v>20107</v>
      </c>
      <c r="B32461" t="s">
        <v>20108</v>
      </c>
      <c r="C32461" t="s">
        <v>20109</v>
      </c>
      <c r="D32461" t="s">
        <v>20110</v>
      </c>
      <c r="E32461" t="s">
        <v>20071</v>
      </c>
      <c r="F32461" t="s">
        <v>20072</v>
      </c>
      <c r="G32461" t="s">
        <v>10734</v>
      </c>
      <c r="H32461" t="s">
        <v>10735</v>
      </c>
      <c r="I32461" s="2">
        <v>0</v>
      </c>
      <c r="J32461" s="2">
        <v>0</v>
      </c>
      <c r="K32461" s="2">
        <v>1</v>
      </c>
      <c r="L32461" t="s">
        <v>995</v>
      </c>
      <c r="M32461" t="s">
        <v>83</v>
      </c>
      <c r="N32461" t="s">
        <v>91</v>
      </c>
      <c r="O32461" t="s">
        <v>85</v>
      </c>
      <c r="P32461" t="s">
        <v>86</v>
      </c>
      <c r="Q32461">
        <v>58</v>
      </c>
      <c r="R32461">
        <v>59</v>
      </c>
      <c r="S32461">
        <v>59</v>
      </c>
      <c r="T32461">
        <v>60</v>
      </c>
      <c r="U32461">
        <v>61</v>
      </c>
      <c r="V32461">
        <v>61</v>
      </c>
      <c r="W32461">
        <v>62</v>
      </c>
      <c r="X32461">
        <v>63</v>
      </c>
      <c r="Y32461">
        <v>63</v>
      </c>
      <c r="Z32461">
        <v>64</v>
      </c>
      <c r="AA32461">
        <v>64</v>
      </c>
      <c r="AB32461">
        <v>65</v>
      </c>
      <c r="AC32461">
        <v>66</v>
      </c>
      <c r="AD32461">
        <v>66</v>
      </c>
      <c r="AE32461">
        <v>67</v>
      </c>
      <c r="AF32461">
        <v>67</v>
      </c>
      <c r="AG32461">
        <v>68</v>
      </c>
      <c r="AH32461">
        <v>68</v>
      </c>
      <c r="AI32461">
        <v>68</v>
      </c>
      <c r="AJ32461">
        <v>69</v>
      </c>
      <c r="AK32461">
        <v>69</v>
      </c>
      <c r="AL32461">
        <v>69</v>
      </c>
      <c r="AM32461">
        <v>69</v>
      </c>
      <c r="AN32461">
        <v>69</v>
      </c>
      <c r="AO32461">
        <v>69</v>
      </c>
      <c r="AP32461">
        <v>69</v>
      </c>
      <c r="AQ32461">
        <v>69</v>
      </c>
    </row>
    <row r="32462" spans="1:43">
      <c r="A32462" t="s">
        <v>20111</v>
      </c>
      <c r="B32462" t="s">
        <v>20112</v>
      </c>
      <c r="C32462" t="s">
        <v>20109</v>
      </c>
      <c r="D32462" t="s">
        <v>20110</v>
      </c>
      <c r="E32462" t="s">
        <v>20071</v>
      </c>
      <c r="F32462" t="s">
        <v>20072</v>
      </c>
      <c r="G32462" t="s">
        <v>10734</v>
      </c>
      <c r="H32462" t="s">
        <v>10735</v>
      </c>
      <c r="I32462" s="2">
        <v>0</v>
      </c>
      <c r="J32462" s="2">
        <v>0</v>
      </c>
      <c r="K32462" s="2">
        <v>1</v>
      </c>
      <c r="L32462" t="s">
        <v>995</v>
      </c>
      <c r="M32462" t="s">
        <v>83</v>
      </c>
      <c r="N32462" t="s">
        <v>84</v>
      </c>
      <c r="O32462" t="s">
        <v>85</v>
      </c>
      <c r="P32462" t="s">
        <v>86</v>
      </c>
      <c r="Q32462">
        <v>11</v>
      </c>
      <c r="R32462">
        <v>11</v>
      </c>
      <c r="S32462">
        <v>12</v>
      </c>
      <c r="T32462">
        <v>12</v>
      </c>
      <c r="U32462">
        <v>12</v>
      </c>
      <c r="V32462">
        <v>12</v>
      </c>
      <c r="W32462">
        <v>12</v>
      </c>
      <c r="X32462">
        <v>12</v>
      </c>
      <c r="Y32462">
        <v>12</v>
      </c>
      <c r="Z32462">
        <v>12</v>
      </c>
      <c r="AA32462">
        <v>13</v>
      </c>
      <c r="AB32462">
        <v>13</v>
      </c>
      <c r="AC32462">
        <v>13</v>
      </c>
      <c r="AD32462">
        <v>13</v>
      </c>
      <c r="AE32462">
        <v>13</v>
      </c>
      <c r="AF32462">
        <v>13</v>
      </c>
      <c r="AG32462">
        <v>13</v>
      </c>
      <c r="AH32462">
        <v>13</v>
      </c>
      <c r="AI32462">
        <v>13</v>
      </c>
      <c r="AJ32462">
        <v>13</v>
      </c>
      <c r="AK32462">
        <v>14</v>
      </c>
      <c r="AL32462">
        <v>14</v>
      </c>
      <c r="AM32462">
        <v>14</v>
      </c>
      <c r="AN32462">
        <v>13</v>
      </c>
      <c r="AO32462">
        <v>13</v>
      </c>
      <c r="AP32462">
        <v>13</v>
      </c>
      <c r="AQ32462">
        <v>13</v>
      </c>
    </row>
    <row r="32463" spans="1:43">
      <c r="A32463" t="s">
        <v>20111</v>
      </c>
      <c r="B32463" t="s">
        <v>20112</v>
      </c>
      <c r="C32463" t="s">
        <v>20109</v>
      </c>
      <c r="D32463" t="s">
        <v>20110</v>
      </c>
      <c r="E32463" t="s">
        <v>20071</v>
      </c>
      <c r="F32463" t="s">
        <v>20072</v>
      </c>
      <c r="G32463" t="s">
        <v>10734</v>
      </c>
      <c r="H32463" t="s">
        <v>10735</v>
      </c>
      <c r="I32463" s="2">
        <v>0</v>
      </c>
      <c r="J32463" s="2">
        <v>0</v>
      </c>
      <c r="K32463" s="2">
        <v>1</v>
      </c>
      <c r="L32463" t="s">
        <v>995</v>
      </c>
      <c r="M32463" t="s">
        <v>87</v>
      </c>
      <c r="N32463" t="s">
        <v>88</v>
      </c>
      <c r="O32463" t="s">
        <v>85</v>
      </c>
      <c r="P32463" t="s">
        <v>86</v>
      </c>
      <c r="Q32463">
        <v>11</v>
      </c>
      <c r="R32463">
        <v>11</v>
      </c>
      <c r="S32463">
        <v>11</v>
      </c>
      <c r="T32463">
        <v>11</v>
      </c>
      <c r="U32463">
        <v>11</v>
      </c>
      <c r="V32463">
        <v>11</v>
      </c>
      <c r="W32463">
        <v>11</v>
      </c>
      <c r="X32463">
        <v>11</v>
      </c>
      <c r="Y32463">
        <v>11</v>
      </c>
      <c r="Z32463">
        <v>11</v>
      </c>
      <c r="AA32463">
        <v>11</v>
      </c>
      <c r="AB32463">
        <v>11</v>
      </c>
      <c r="AC32463">
        <v>11</v>
      </c>
      <c r="AD32463">
        <v>12</v>
      </c>
      <c r="AE32463">
        <v>12</v>
      </c>
      <c r="AF32463">
        <v>12</v>
      </c>
      <c r="AG32463">
        <v>12</v>
      </c>
      <c r="AH32463">
        <v>12</v>
      </c>
      <c r="AI32463">
        <v>12</v>
      </c>
      <c r="AJ32463">
        <v>12</v>
      </c>
      <c r="AK32463">
        <v>12</v>
      </c>
      <c r="AL32463">
        <v>12</v>
      </c>
      <c r="AM32463">
        <v>12</v>
      </c>
      <c r="AN32463">
        <v>12</v>
      </c>
      <c r="AO32463">
        <v>12</v>
      </c>
      <c r="AP32463">
        <v>12</v>
      </c>
      <c r="AQ32463">
        <v>12</v>
      </c>
    </row>
    <row r="32464" spans="1:43">
      <c r="A32464" t="s">
        <v>20111</v>
      </c>
      <c r="B32464" t="s">
        <v>20112</v>
      </c>
      <c r="C32464" t="s">
        <v>20109</v>
      </c>
      <c r="D32464" t="s">
        <v>20110</v>
      </c>
      <c r="E32464" t="s">
        <v>20071</v>
      </c>
      <c r="F32464" t="s">
        <v>20072</v>
      </c>
      <c r="G32464" t="s">
        <v>10734</v>
      </c>
      <c r="H32464" t="s">
        <v>10735</v>
      </c>
      <c r="I32464" s="2">
        <v>0</v>
      </c>
      <c r="J32464" s="2">
        <v>0</v>
      </c>
      <c r="K32464" s="2">
        <v>1</v>
      </c>
      <c r="L32464" t="s">
        <v>995</v>
      </c>
      <c r="M32464" t="s">
        <v>89</v>
      </c>
      <c r="N32464" t="s">
        <v>90</v>
      </c>
      <c r="O32464" t="s">
        <v>85</v>
      </c>
      <c r="P32464" t="s">
        <v>86</v>
      </c>
      <c r="Q32464">
        <v>11</v>
      </c>
      <c r="R32464">
        <v>12</v>
      </c>
      <c r="S32464">
        <v>12</v>
      </c>
      <c r="T32464">
        <v>12</v>
      </c>
      <c r="U32464">
        <v>12</v>
      </c>
      <c r="V32464">
        <v>13</v>
      </c>
      <c r="W32464">
        <v>13</v>
      </c>
      <c r="X32464">
        <v>13</v>
      </c>
      <c r="Y32464">
        <v>13</v>
      </c>
      <c r="Z32464">
        <v>13</v>
      </c>
      <c r="AA32464">
        <v>13</v>
      </c>
      <c r="AB32464">
        <v>13</v>
      </c>
      <c r="AC32464">
        <v>14</v>
      </c>
      <c r="AD32464">
        <v>14</v>
      </c>
      <c r="AE32464">
        <v>14</v>
      </c>
      <c r="AF32464">
        <v>14</v>
      </c>
      <c r="AG32464">
        <v>14</v>
      </c>
      <c r="AH32464">
        <v>14</v>
      </c>
      <c r="AI32464">
        <v>14</v>
      </c>
      <c r="AJ32464">
        <v>14</v>
      </c>
      <c r="AK32464">
        <v>14</v>
      </c>
      <c r="AL32464">
        <v>14</v>
      </c>
      <c r="AM32464">
        <v>14</v>
      </c>
      <c r="AN32464">
        <v>14</v>
      </c>
      <c r="AO32464">
        <v>14</v>
      </c>
      <c r="AP32464">
        <v>13</v>
      </c>
      <c r="AQ32464">
        <v>13</v>
      </c>
    </row>
    <row r="32465" spans="1:43">
      <c r="A32465" t="s">
        <v>20111</v>
      </c>
      <c r="B32465" t="s">
        <v>20112</v>
      </c>
      <c r="C32465" t="s">
        <v>20109</v>
      </c>
      <c r="D32465" t="s">
        <v>20110</v>
      </c>
      <c r="E32465" t="s">
        <v>20071</v>
      </c>
      <c r="F32465" t="s">
        <v>20072</v>
      </c>
      <c r="G32465" t="s">
        <v>10734</v>
      </c>
      <c r="H32465" t="s">
        <v>10735</v>
      </c>
      <c r="I32465" s="2">
        <v>0</v>
      </c>
      <c r="J32465" s="2">
        <v>0</v>
      </c>
      <c r="K32465" s="2">
        <v>1</v>
      </c>
      <c r="L32465" t="s">
        <v>995</v>
      </c>
      <c r="M32465" t="s">
        <v>83</v>
      </c>
      <c r="N32465" t="s">
        <v>91</v>
      </c>
      <c r="O32465" t="s">
        <v>85</v>
      </c>
      <c r="P32465" t="s">
        <v>86</v>
      </c>
      <c r="Q32465">
        <v>11</v>
      </c>
      <c r="R32465">
        <v>11</v>
      </c>
      <c r="S32465">
        <v>12</v>
      </c>
      <c r="T32465">
        <v>12</v>
      </c>
      <c r="U32465">
        <v>12</v>
      </c>
      <c r="V32465">
        <v>12</v>
      </c>
      <c r="W32465">
        <v>12</v>
      </c>
      <c r="X32465">
        <v>12</v>
      </c>
      <c r="Y32465">
        <v>12</v>
      </c>
      <c r="Z32465">
        <v>12</v>
      </c>
      <c r="AA32465">
        <v>13</v>
      </c>
      <c r="AB32465">
        <v>13</v>
      </c>
      <c r="AC32465">
        <v>13</v>
      </c>
      <c r="AD32465">
        <v>13</v>
      </c>
      <c r="AE32465">
        <v>13</v>
      </c>
      <c r="AF32465">
        <v>13</v>
      </c>
      <c r="AG32465">
        <v>13</v>
      </c>
      <c r="AH32465">
        <v>13</v>
      </c>
      <c r="AI32465">
        <v>13</v>
      </c>
      <c r="AJ32465">
        <v>13</v>
      </c>
      <c r="AK32465">
        <v>14</v>
      </c>
      <c r="AL32465">
        <v>14</v>
      </c>
      <c r="AM32465">
        <v>14</v>
      </c>
      <c r="AN32465">
        <v>13</v>
      </c>
      <c r="AO32465">
        <v>13</v>
      </c>
      <c r="AP32465">
        <v>13</v>
      </c>
      <c r="AQ32465">
        <v>13</v>
      </c>
    </row>
    <row r="32466" spans="1:43">
      <c r="A32466" t="s">
        <v>20113</v>
      </c>
      <c r="B32466" t="s">
        <v>20114</v>
      </c>
      <c r="C32466" t="s">
        <v>20115</v>
      </c>
      <c r="D32466" t="s">
        <v>20116</v>
      </c>
      <c r="E32466" t="s">
        <v>20071</v>
      </c>
      <c r="F32466" t="s">
        <v>20072</v>
      </c>
      <c r="G32466" t="s">
        <v>10734</v>
      </c>
      <c r="H32466" t="s">
        <v>10735</v>
      </c>
      <c r="I32466" s="2">
        <v>0</v>
      </c>
      <c r="J32466" s="2">
        <v>0</v>
      </c>
      <c r="K32466" s="2">
        <v>1</v>
      </c>
      <c r="L32466" t="s">
        <v>995</v>
      </c>
      <c r="M32466" t="s">
        <v>83</v>
      </c>
      <c r="N32466" t="s">
        <v>84</v>
      </c>
      <c r="O32466" t="s">
        <v>85</v>
      </c>
      <c r="P32466" t="s">
        <v>86</v>
      </c>
      <c r="Q32466">
        <v>57</v>
      </c>
      <c r="R32466">
        <v>58</v>
      </c>
      <c r="S32466">
        <v>58</v>
      </c>
      <c r="T32466">
        <v>59</v>
      </c>
      <c r="U32466">
        <v>60</v>
      </c>
      <c r="V32466">
        <v>60</v>
      </c>
      <c r="W32466">
        <v>61</v>
      </c>
      <c r="X32466">
        <v>62</v>
      </c>
      <c r="Y32466">
        <v>62</v>
      </c>
      <c r="Z32466">
        <v>63</v>
      </c>
      <c r="AA32466">
        <v>64</v>
      </c>
      <c r="AB32466">
        <v>64</v>
      </c>
      <c r="AC32466">
        <v>65</v>
      </c>
      <c r="AD32466">
        <v>65</v>
      </c>
      <c r="AE32466">
        <v>66</v>
      </c>
      <c r="AF32466">
        <v>66</v>
      </c>
      <c r="AG32466">
        <v>67</v>
      </c>
      <c r="AH32466">
        <v>67</v>
      </c>
      <c r="AI32466">
        <v>68</v>
      </c>
      <c r="AJ32466">
        <v>68</v>
      </c>
      <c r="AK32466">
        <v>69</v>
      </c>
      <c r="AL32466">
        <v>69</v>
      </c>
      <c r="AM32466">
        <v>69</v>
      </c>
      <c r="AN32466">
        <v>69</v>
      </c>
      <c r="AO32466">
        <v>69</v>
      </c>
      <c r="AP32466">
        <v>68</v>
      </c>
      <c r="AQ32466">
        <v>68</v>
      </c>
    </row>
    <row r="32467" spans="1:43">
      <c r="A32467" t="s">
        <v>20113</v>
      </c>
      <c r="B32467" t="s">
        <v>20114</v>
      </c>
      <c r="C32467" t="s">
        <v>20115</v>
      </c>
      <c r="D32467" t="s">
        <v>20116</v>
      </c>
      <c r="E32467" t="s">
        <v>20071</v>
      </c>
      <c r="F32467" t="s">
        <v>20072</v>
      </c>
      <c r="G32467" t="s">
        <v>10734</v>
      </c>
      <c r="H32467" t="s">
        <v>10735</v>
      </c>
      <c r="I32467" s="2">
        <v>0</v>
      </c>
      <c r="J32467" s="2">
        <v>0</v>
      </c>
      <c r="K32467" s="2">
        <v>1</v>
      </c>
      <c r="L32467" t="s">
        <v>995</v>
      </c>
      <c r="M32467" t="s">
        <v>87</v>
      </c>
      <c r="N32467" t="s">
        <v>88</v>
      </c>
      <c r="O32467" t="s">
        <v>85</v>
      </c>
      <c r="P32467" t="s">
        <v>86</v>
      </c>
      <c r="Q32467">
        <v>57</v>
      </c>
      <c r="R32467">
        <v>58</v>
      </c>
      <c r="S32467">
        <v>58</v>
      </c>
      <c r="T32467">
        <v>58</v>
      </c>
      <c r="U32467">
        <v>58</v>
      </c>
      <c r="V32467">
        <v>58</v>
      </c>
      <c r="W32467">
        <v>58</v>
      </c>
      <c r="X32467">
        <v>58</v>
      </c>
      <c r="Y32467">
        <v>59</v>
      </c>
      <c r="Z32467">
        <v>59</v>
      </c>
      <c r="AA32467">
        <v>59</v>
      </c>
      <c r="AB32467">
        <v>59</v>
      </c>
      <c r="AC32467">
        <v>59</v>
      </c>
      <c r="AD32467">
        <v>59</v>
      </c>
      <c r="AE32467">
        <v>59</v>
      </c>
      <c r="AF32467">
        <v>59</v>
      </c>
      <c r="AG32467">
        <v>59</v>
      </c>
      <c r="AH32467">
        <v>60</v>
      </c>
      <c r="AI32467">
        <v>60</v>
      </c>
      <c r="AJ32467">
        <v>60</v>
      </c>
      <c r="AK32467">
        <v>60</v>
      </c>
      <c r="AL32467">
        <v>60</v>
      </c>
      <c r="AM32467">
        <v>60</v>
      </c>
      <c r="AN32467">
        <v>60</v>
      </c>
      <c r="AO32467">
        <v>60</v>
      </c>
      <c r="AP32467">
        <v>60</v>
      </c>
      <c r="AQ32467">
        <v>60</v>
      </c>
    </row>
    <row r="32468" spans="1:43">
      <c r="A32468" t="s">
        <v>20113</v>
      </c>
      <c r="B32468" t="s">
        <v>20114</v>
      </c>
      <c r="C32468" t="s">
        <v>20115</v>
      </c>
      <c r="D32468" t="s">
        <v>20116</v>
      </c>
      <c r="E32468" t="s">
        <v>20071</v>
      </c>
      <c r="F32468" t="s">
        <v>20072</v>
      </c>
      <c r="G32468" t="s">
        <v>10734</v>
      </c>
      <c r="H32468" t="s">
        <v>10735</v>
      </c>
      <c r="I32468" s="2">
        <v>0</v>
      </c>
      <c r="J32468" s="2">
        <v>0</v>
      </c>
      <c r="K32468" s="2">
        <v>1</v>
      </c>
      <c r="L32468" t="s">
        <v>995</v>
      </c>
      <c r="M32468" t="s">
        <v>89</v>
      </c>
      <c r="N32468" t="s">
        <v>90</v>
      </c>
      <c r="O32468" t="s">
        <v>85</v>
      </c>
      <c r="P32468" t="s">
        <v>86</v>
      </c>
      <c r="Q32468">
        <v>57</v>
      </c>
      <c r="R32468">
        <v>59</v>
      </c>
      <c r="S32468">
        <v>60</v>
      </c>
      <c r="T32468">
        <v>61</v>
      </c>
      <c r="U32468">
        <v>62</v>
      </c>
      <c r="V32468">
        <v>63</v>
      </c>
      <c r="W32468">
        <v>64</v>
      </c>
      <c r="X32468">
        <v>65</v>
      </c>
      <c r="Y32468">
        <v>66</v>
      </c>
      <c r="Z32468">
        <v>67</v>
      </c>
      <c r="AA32468">
        <v>68</v>
      </c>
      <c r="AB32468">
        <v>68</v>
      </c>
      <c r="AC32468">
        <v>69</v>
      </c>
      <c r="AD32468">
        <v>70</v>
      </c>
      <c r="AE32468">
        <v>70</v>
      </c>
      <c r="AF32468">
        <v>70</v>
      </c>
      <c r="AG32468">
        <v>70</v>
      </c>
      <c r="AH32468">
        <v>70</v>
      </c>
      <c r="AI32468">
        <v>70</v>
      </c>
      <c r="AJ32468">
        <v>70</v>
      </c>
      <c r="AK32468">
        <v>70</v>
      </c>
      <c r="AL32468">
        <v>70</v>
      </c>
      <c r="AM32468">
        <v>70</v>
      </c>
      <c r="AN32468">
        <v>70</v>
      </c>
      <c r="AO32468">
        <v>69</v>
      </c>
      <c r="AP32468">
        <v>69</v>
      </c>
      <c r="AQ32468">
        <v>69</v>
      </c>
    </row>
    <row r="32469" spans="1:43">
      <c r="A32469" t="s">
        <v>20113</v>
      </c>
      <c r="B32469" t="s">
        <v>20114</v>
      </c>
      <c r="C32469" t="s">
        <v>20115</v>
      </c>
      <c r="D32469" t="s">
        <v>20116</v>
      </c>
      <c r="E32469" t="s">
        <v>20071</v>
      </c>
      <c r="F32469" t="s">
        <v>20072</v>
      </c>
      <c r="G32469" t="s">
        <v>10734</v>
      </c>
      <c r="H32469" t="s">
        <v>10735</v>
      </c>
      <c r="I32469" s="2">
        <v>0</v>
      </c>
      <c r="J32469" s="2">
        <v>0</v>
      </c>
      <c r="K32469" s="2">
        <v>1</v>
      </c>
      <c r="L32469" t="s">
        <v>995</v>
      </c>
      <c r="M32469" t="s">
        <v>83</v>
      </c>
      <c r="N32469" t="s">
        <v>91</v>
      </c>
      <c r="O32469" t="s">
        <v>85</v>
      </c>
      <c r="P32469" t="s">
        <v>86</v>
      </c>
      <c r="Q32469">
        <v>57</v>
      </c>
      <c r="R32469">
        <v>58</v>
      </c>
      <c r="S32469">
        <v>58</v>
      </c>
      <c r="T32469">
        <v>59</v>
      </c>
      <c r="U32469">
        <v>60</v>
      </c>
      <c r="V32469">
        <v>60</v>
      </c>
      <c r="W32469">
        <v>61</v>
      </c>
      <c r="X32469">
        <v>62</v>
      </c>
      <c r="Y32469">
        <v>62</v>
      </c>
      <c r="Z32469">
        <v>63</v>
      </c>
      <c r="AA32469">
        <v>64</v>
      </c>
      <c r="AB32469">
        <v>64</v>
      </c>
      <c r="AC32469">
        <v>65</v>
      </c>
      <c r="AD32469">
        <v>65</v>
      </c>
      <c r="AE32469">
        <v>66</v>
      </c>
      <c r="AF32469">
        <v>66</v>
      </c>
      <c r="AG32469">
        <v>67</v>
      </c>
      <c r="AH32469">
        <v>67</v>
      </c>
      <c r="AI32469">
        <v>68</v>
      </c>
      <c r="AJ32469">
        <v>68</v>
      </c>
      <c r="AK32469">
        <v>69</v>
      </c>
      <c r="AL32469">
        <v>69</v>
      </c>
      <c r="AM32469">
        <v>69</v>
      </c>
      <c r="AN32469">
        <v>69</v>
      </c>
      <c r="AO32469">
        <v>69</v>
      </c>
      <c r="AP32469">
        <v>68</v>
      </c>
      <c r="AQ32469">
        <v>68</v>
      </c>
    </row>
    <row r="32470" spans="1:43">
      <c r="A32470" t="s">
        <v>20117</v>
      </c>
      <c r="B32470" t="s">
        <v>20118</v>
      </c>
      <c r="C32470" t="s">
        <v>20069</v>
      </c>
      <c r="D32470" t="s">
        <v>20070</v>
      </c>
      <c r="E32470" t="s">
        <v>20071</v>
      </c>
      <c r="F32470" t="s">
        <v>20072</v>
      </c>
      <c r="G32470" t="s">
        <v>10734</v>
      </c>
      <c r="H32470" t="s">
        <v>10735</v>
      </c>
      <c r="I32470" s="2">
        <v>0</v>
      </c>
      <c r="J32470" s="2">
        <v>0</v>
      </c>
      <c r="K32470" s="2">
        <v>1</v>
      </c>
      <c r="L32470" t="s">
        <v>995</v>
      </c>
      <c r="M32470" t="s">
        <v>83</v>
      </c>
      <c r="N32470" t="s">
        <v>84</v>
      </c>
      <c r="O32470" t="s">
        <v>85</v>
      </c>
      <c r="P32470" t="s">
        <v>86</v>
      </c>
      <c r="Q32470">
        <v>54</v>
      </c>
      <c r="R32470">
        <v>54</v>
      </c>
      <c r="S32470">
        <v>55</v>
      </c>
      <c r="T32470">
        <v>55</v>
      </c>
      <c r="U32470">
        <v>56</v>
      </c>
      <c r="V32470">
        <v>56</v>
      </c>
      <c r="W32470">
        <v>57</v>
      </c>
      <c r="X32470">
        <v>57</v>
      </c>
      <c r="Y32470">
        <v>58</v>
      </c>
      <c r="Z32470">
        <v>59</v>
      </c>
      <c r="AA32470">
        <v>59</v>
      </c>
      <c r="AB32470">
        <v>59</v>
      </c>
      <c r="AC32470">
        <v>60</v>
      </c>
      <c r="AD32470">
        <v>60</v>
      </c>
      <c r="AE32470">
        <v>61</v>
      </c>
      <c r="AF32470">
        <v>61</v>
      </c>
      <c r="AG32470">
        <v>62</v>
      </c>
      <c r="AH32470">
        <v>62</v>
      </c>
      <c r="AI32470">
        <v>62</v>
      </c>
      <c r="AJ32470">
        <v>63</v>
      </c>
      <c r="AK32470">
        <v>63</v>
      </c>
      <c r="AL32470">
        <v>63</v>
      </c>
      <c r="AM32470">
        <v>63</v>
      </c>
      <c r="AN32470">
        <v>63</v>
      </c>
      <c r="AO32470">
        <v>63</v>
      </c>
      <c r="AP32470">
        <v>62</v>
      </c>
      <c r="AQ32470">
        <v>62</v>
      </c>
    </row>
    <row r="32471" spans="1:43">
      <c r="A32471" t="s">
        <v>20117</v>
      </c>
      <c r="B32471" t="s">
        <v>20118</v>
      </c>
      <c r="C32471" t="s">
        <v>20069</v>
      </c>
      <c r="D32471" t="s">
        <v>20070</v>
      </c>
      <c r="E32471" t="s">
        <v>20071</v>
      </c>
      <c r="F32471" t="s">
        <v>20072</v>
      </c>
      <c r="G32471" t="s">
        <v>10734</v>
      </c>
      <c r="H32471" t="s">
        <v>10735</v>
      </c>
      <c r="I32471" s="2">
        <v>0</v>
      </c>
      <c r="J32471" s="2">
        <v>0</v>
      </c>
      <c r="K32471" s="2">
        <v>1</v>
      </c>
      <c r="L32471" t="s">
        <v>995</v>
      </c>
      <c r="M32471" t="s">
        <v>87</v>
      </c>
      <c r="N32471" t="s">
        <v>88</v>
      </c>
      <c r="O32471" t="s">
        <v>85</v>
      </c>
      <c r="P32471" t="s">
        <v>86</v>
      </c>
      <c r="Q32471">
        <v>54</v>
      </c>
      <c r="R32471">
        <v>54</v>
      </c>
      <c r="S32471">
        <v>54</v>
      </c>
      <c r="T32471">
        <v>54</v>
      </c>
      <c r="U32471">
        <v>54</v>
      </c>
      <c r="V32471">
        <v>54</v>
      </c>
      <c r="W32471">
        <v>55</v>
      </c>
      <c r="X32471">
        <v>55</v>
      </c>
      <c r="Y32471">
        <v>55</v>
      </c>
      <c r="Z32471">
        <v>55</v>
      </c>
      <c r="AA32471">
        <v>55</v>
      </c>
      <c r="AB32471">
        <v>55</v>
      </c>
      <c r="AC32471">
        <v>55</v>
      </c>
      <c r="AD32471">
        <v>55</v>
      </c>
      <c r="AE32471">
        <v>55</v>
      </c>
      <c r="AF32471">
        <v>55</v>
      </c>
      <c r="AG32471">
        <v>55</v>
      </c>
      <c r="AH32471">
        <v>55</v>
      </c>
      <c r="AI32471">
        <v>55</v>
      </c>
      <c r="AJ32471">
        <v>55</v>
      </c>
      <c r="AK32471">
        <v>55</v>
      </c>
      <c r="AL32471">
        <v>55</v>
      </c>
      <c r="AM32471">
        <v>55</v>
      </c>
      <c r="AN32471">
        <v>55</v>
      </c>
      <c r="AO32471">
        <v>55</v>
      </c>
      <c r="AP32471">
        <v>55</v>
      </c>
      <c r="AQ32471">
        <v>55</v>
      </c>
    </row>
    <row r="32472" spans="1:43">
      <c r="A32472" t="s">
        <v>20117</v>
      </c>
      <c r="B32472" t="s">
        <v>20118</v>
      </c>
      <c r="C32472" t="s">
        <v>20069</v>
      </c>
      <c r="D32472" t="s">
        <v>20070</v>
      </c>
      <c r="E32472" t="s">
        <v>20071</v>
      </c>
      <c r="F32472" t="s">
        <v>20072</v>
      </c>
      <c r="G32472" t="s">
        <v>10734</v>
      </c>
      <c r="H32472" t="s">
        <v>10735</v>
      </c>
      <c r="I32472" s="2">
        <v>0</v>
      </c>
      <c r="J32472" s="2">
        <v>0</v>
      </c>
      <c r="K32472" s="2">
        <v>1</v>
      </c>
      <c r="L32472" t="s">
        <v>995</v>
      </c>
      <c r="M32472" t="s">
        <v>89</v>
      </c>
      <c r="N32472" t="s">
        <v>90</v>
      </c>
      <c r="O32472" t="s">
        <v>85</v>
      </c>
      <c r="P32472" t="s">
        <v>86</v>
      </c>
      <c r="Q32472">
        <v>54</v>
      </c>
      <c r="R32472">
        <v>55</v>
      </c>
      <c r="S32472">
        <v>56</v>
      </c>
      <c r="T32472">
        <v>57</v>
      </c>
      <c r="U32472">
        <v>58</v>
      </c>
      <c r="V32472">
        <v>59</v>
      </c>
      <c r="W32472">
        <v>60</v>
      </c>
      <c r="X32472">
        <v>61</v>
      </c>
      <c r="Y32472">
        <v>61</v>
      </c>
      <c r="Z32472">
        <v>62</v>
      </c>
      <c r="AA32472">
        <v>63</v>
      </c>
      <c r="AB32472">
        <v>64</v>
      </c>
      <c r="AC32472">
        <v>64</v>
      </c>
      <c r="AD32472">
        <v>65</v>
      </c>
      <c r="AE32472">
        <v>65</v>
      </c>
      <c r="AF32472">
        <v>65</v>
      </c>
      <c r="AG32472">
        <v>65</v>
      </c>
      <c r="AH32472">
        <v>65</v>
      </c>
      <c r="AI32472">
        <v>65</v>
      </c>
      <c r="AJ32472">
        <v>64</v>
      </c>
      <c r="AK32472">
        <v>64</v>
      </c>
      <c r="AL32472">
        <v>64</v>
      </c>
      <c r="AM32472">
        <v>64</v>
      </c>
      <c r="AN32472">
        <v>63</v>
      </c>
      <c r="AO32472">
        <v>63</v>
      </c>
      <c r="AP32472">
        <v>63</v>
      </c>
      <c r="AQ32472">
        <v>63</v>
      </c>
    </row>
    <row r="32473" spans="1:43">
      <c r="A32473" t="s">
        <v>20117</v>
      </c>
      <c r="B32473" t="s">
        <v>20118</v>
      </c>
      <c r="C32473" t="s">
        <v>20069</v>
      </c>
      <c r="D32473" t="s">
        <v>20070</v>
      </c>
      <c r="E32473" t="s">
        <v>20071</v>
      </c>
      <c r="F32473" t="s">
        <v>20072</v>
      </c>
      <c r="G32473" t="s">
        <v>10734</v>
      </c>
      <c r="H32473" t="s">
        <v>10735</v>
      </c>
      <c r="I32473" s="2">
        <v>0</v>
      </c>
      <c r="J32473" s="2">
        <v>0</v>
      </c>
      <c r="K32473" s="2">
        <v>1</v>
      </c>
      <c r="L32473" t="s">
        <v>995</v>
      </c>
      <c r="M32473" t="s">
        <v>83</v>
      </c>
      <c r="N32473" t="s">
        <v>91</v>
      </c>
      <c r="O32473" t="s">
        <v>85</v>
      </c>
      <c r="P32473" t="s">
        <v>86</v>
      </c>
      <c r="Q32473">
        <v>54</v>
      </c>
      <c r="R32473">
        <v>54</v>
      </c>
      <c r="S32473">
        <v>55</v>
      </c>
      <c r="T32473">
        <v>55</v>
      </c>
      <c r="U32473">
        <v>56</v>
      </c>
      <c r="V32473">
        <v>56</v>
      </c>
      <c r="W32473">
        <v>57</v>
      </c>
      <c r="X32473">
        <v>57</v>
      </c>
      <c r="Y32473">
        <v>58</v>
      </c>
      <c r="Z32473">
        <v>59</v>
      </c>
      <c r="AA32473">
        <v>59</v>
      </c>
      <c r="AB32473">
        <v>59</v>
      </c>
      <c r="AC32473">
        <v>60</v>
      </c>
      <c r="AD32473">
        <v>60</v>
      </c>
      <c r="AE32473">
        <v>61</v>
      </c>
      <c r="AF32473">
        <v>61</v>
      </c>
      <c r="AG32473">
        <v>62</v>
      </c>
      <c r="AH32473">
        <v>62</v>
      </c>
      <c r="AI32473">
        <v>62</v>
      </c>
      <c r="AJ32473">
        <v>63</v>
      </c>
      <c r="AK32473">
        <v>63</v>
      </c>
      <c r="AL32473">
        <v>63</v>
      </c>
      <c r="AM32473">
        <v>63</v>
      </c>
      <c r="AN32473">
        <v>63</v>
      </c>
      <c r="AO32473">
        <v>63</v>
      </c>
      <c r="AP32473">
        <v>62</v>
      </c>
      <c r="AQ32473">
        <v>62</v>
      </c>
    </row>
    <row r="32474" spans="1:43">
      <c r="A32474" t="s">
        <v>20119</v>
      </c>
      <c r="B32474" t="s">
        <v>20120</v>
      </c>
      <c r="C32474" t="s">
        <v>20085</v>
      </c>
      <c r="D32474" t="s">
        <v>20086</v>
      </c>
      <c r="E32474" t="s">
        <v>20071</v>
      </c>
      <c r="F32474" t="s">
        <v>20072</v>
      </c>
      <c r="G32474" t="s">
        <v>10734</v>
      </c>
      <c r="H32474" t="s">
        <v>10735</v>
      </c>
      <c r="I32474" s="2">
        <v>0</v>
      </c>
      <c r="J32474" s="2">
        <v>0</v>
      </c>
      <c r="K32474" s="2">
        <v>1</v>
      </c>
      <c r="L32474" t="s">
        <v>995</v>
      </c>
      <c r="M32474" t="s">
        <v>83</v>
      </c>
      <c r="N32474" t="s">
        <v>84</v>
      </c>
      <c r="O32474" t="s">
        <v>85</v>
      </c>
      <c r="P32474" t="s">
        <v>86</v>
      </c>
      <c r="Q32474">
        <v>33</v>
      </c>
      <c r="R32474">
        <v>33</v>
      </c>
      <c r="S32474">
        <v>34</v>
      </c>
      <c r="T32474">
        <v>34</v>
      </c>
      <c r="U32474">
        <v>34</v>
      </c>
      <c r="V32474">
        <v>34</v>
      </c>
      <c r="W32474">
        <v>35</v>
      </c>
      <c r="X32474">
        <v>35</v>
      </c>
      <c r="Y32474">
        <v>35</v>
      </c>
      <c r="Z32474">
        <v>36</v>
      </c>
      <c r="AA32474">
        <v>36</v>
      </c>
      <c r="AB32474">
        <v>36</v>
      </c>
      <c r="AC32474">
        <v>36</v>
      </c>
      <c r="AD32474">
        <v>37</v>
      </c>
      <c r="AE32474">
        <v>37</v>
      </c>
      <c r="AF32474">
        <v>37</v>
      </c>
      <c r="AG32474">
        <v>37</v>
      </c>
      <c r="AH32474">
        <v>38</v>
      </c>
      <c r="AI32474">
        <v>38</v>
      </c>
      <c r="AJ32474">
        <v>38</v>
      </c>
      <c r="AK32474">
        <v>38</v>
      </c>
      <c r="AL32474">
        <v>38</v>
      </c>
      <c r="AM32474">
        <v>38</v>
      </c>
      <c r="AN32474">
        <v>38</v>
      </c>
      <c r="AO32474">
        <v>38</v>
      </c>
      <c r="AP32474">
        <v>38</v>
      </c>
      <c r="AQ32474">
        <v>37</v>
      </c>
    </row>
    <row r="32475" spans="1:43">
      <c r="A32475" t="s">
        <v>20119</v>
      </c>
      <c r="B32475" t="s">
        <v>20120</v>
      </c>
      <c r="C32475" t="s">
        <v>20085</v>
      </c>
      <c r="D32475" t="s">
        <v>20086</v>
      </c>
      <c r="E32475" t="s">
        <v>20071</v>
      </c>
      <c r="F32475" t="s">
        <v>20072</v>
      </c>
      <c r="G32475" t="s">
        <v>10734</v>
      </c>
      <c r="H32475" t="s">
        <v>10735</v>
      </c>
      <c r="I32475" s="2">
        <v>0</v>
      </c>
      <c r="J32475" s="2">
        <v>0</v>
      </c>
      <c r="K32475" s="2">
        <v>1</v>
      </c>
      <c r="L32475" t="s">
        <v>995</v>
      </c>
      <c r="M32475" t="s">
        <v>87</v>
      </c>
      <c r="N32475" t="s">
        <v>88</v>
      </c>
      <c r="O32475" t="s">
        <v>85</v>
      </c>
      <c r="P32475" t="s">
        <v>86</v>
      </c>
      <c r="Q32475">
        <v>33</v>
      </c>
      <c r="R32475">
        <v>33</v>
      </c>
      <c r="S32475">
        <v>33</v>
      </c>
      <c r="T32475">
        <v>33</v>
      </c>
      <c r="U32475">
        <v>33</v>
      </c>
      <c r="V32475">
        <v>33</v>
      </c>
      <c r="W32475">
        <v>33</v>
      </c>
      <c r="X32475">
        <v>33</v>
      </c>
      <c r="Y32475">
        <v>33</v>
      </c>
      <c r="Z32475">
        <v>33</v>
      </c>
      <c r="AA32475">
        <v>33</v>
      </c>
      <c r="AB32475">
        <v>33</v>
      </c>
      <c r="AC32475">
        <v>33</v>
      </c>
      <c r="AD32475">
        <v>33</v>
      </c>
      <c r="AE32475">
        <v>33</v>
      </c>
      <c r="AF32475">
        <v>33</v>
      </c>
      <c r="AG32475">
        <v>33</v>
      </c>
      <c r="AH32475">
        <v>33</v>
      </c>
      <c r="AI32475">
        <v>33</v>
      </c>
      <c r="AJ32475">
        <v>33</v>
      </c>
      <c r="AK32475">
        <v>33</v>
      </c>
      <c r="AL32475">
        <v>33</v>
      </c>
      <c r="AM32475">
        <v>32</v>
      </c>
      <c r="AN32475">
        <v>32</v>
      </c>
      <c r="AO32475">
        <v>32</v>
      </c>
      <c r="AP32475">
        <v>32</v>
      </c>
      <c r="AQ32475">
        <v>32</v>
      </c>
    </row>
    <row r="32476" spans="1:43">
      <c r="A32476" t="s">
        <v>20119</v>
      </c>
      <c r="B32476" t="s">
        <v>20120</v>
      </c>
      <c r="C32476" t="s">
        <v>20085</v>
      </c>
      <c r="D32476" t="s">
        <v>20086</v>
      </c>
      <c r="E32476" t="s">
        <v>20071</v>
      </c>
      <c r="F32476" t="s">
        <v>20072</v>
      </c>
      <c r="G32476" t="s">
        <v>10734</v>
      </c>
      <c r="H32476" t="s">
        <v>10735</v>
      </c>
      <c r="I32476" s="2">
        <v>0</v>
      </c>
      <c r="J32476" s="2">
        <v>0</v>
      </c>
      <c r="K32476" s="2">
        <v>1</v>
      </c>
      <c r="L32476" t="s">
        <v>995</v>
      </c>
      <c r="M32476" t="s">
        <v>89</v>
      </c>
      <c r="N32476" t="s">
        <v>90</v>
      </c>
      <c r="O32476" t="s">
        <v>85</v>
      </c>
      <c r="P32476" t="s">
        <v>86</v>
      </c>
      <c r="Q32476">
        <v>33</v>
      </c>
      <c r="R32476">
        <v>34</v>
      </c>
      <c r="S32476">
        <v>34</v>
      </c>
      <c r="T32476">
        <v>35</v>
      </c>
      <c r="U32476">
        <v>36</v>
      </c>
      <c r="V32476">
        <v>36</v>
      </c>
      <c r="W32476">
        <v>37</v>
      </c>
      <c r="X32476">
        <v>37</v>
      </c>
      <c r="Y32476">
        <v>37</v>
      </c>
      <c r="Z32476">
        <v>38</v>
      </c>
      <c r="AA32476">
        <v>38</v>
      </c>
      <c r="AB32476">
        <v>39</v>
      </c>
      <c r="AC32476">
        <v>39</v>
      </c>
      <c r="AD32476">
        <v>39</v>
      </c>
      <c r="AE32476">
        <v>40</v>
      </c>
      <c r="AF32476">
        <v>39</v>
      </c>
      <c r="AG32476">
        <v>39</v>
      </c>
      <c r="AH32476">
        <v>39</v>
      </c>
      <c r="AI32476">
        <v>39</v>
      </c>
      <c r="AJ32476">
        <v>39</v>
      </c>
      <c r="AK32476">
        <v>39</v>
      </c>
      <c r="AL32476">
        <v>39</v>
      </c>
      <c r="AM32476">
        <v>38</v>
      </c>
      <c r="AN32476">
        <v>38</v>
      </c>
      <c r="AO32476">
        <v>38</v>
      </c>
      <c r="AP32476">
        <v>38</v>
      </c>
      <c r="AQ32476">
        <v>38</v>
      </c>
    </row>
    <row r="32477" spans="1:43">
      <c r="A32477" t="s">
        <v>20119</v>
      </c>
      <c r="B32477" t="s">
        <v>20120</v>
      </c>
      <c r="C32477" t="s">
        <v>20085</v>
      </c>
      <c r="D32477" t="s">
        <v>20086</v>
      </c>
      <c r="E32477" t="s">
        <v>20071</v>
      </c>
      <c r="F32477" t="s">
        <v>20072</v>
      </c>
      <c r="G32477" t="s">
        <v>10734</v>
      </c>
      <c r="H32477" t="s">
        <v>10735</v>
      </c>
      <c r="I32477" s="2">
        <v>0</v>
      </c>
      <c r="J32477" s="2">
        <v>0</v>
      </c>
      <c r="K32477" s="2">
        <v>1</v>
      </c>
      <c r="L32477" t="s">
        <v>995</v>
      </c>
      <c r="M32477" t="s">
        <v>83</v>
      </c>
      <c r="N32477" t="s">
        <v>91</v>
      </c>
      <c r="O32477" t="s">
        <v>85</v>
      </c>
      <c r="P32477" t="s">
        <v>86</v>
      </c>
      <c r="Q32477">
        <v>33</v>
      </c>
      <c r="R32477">
        <v>33</v>
      </c>
      <c r="S32477">
        <v>34</v>
      </c>
      <c r="T32477">
        <v>34</v>
      </c>
      <c r="U32477">
        <v>34</v>
      </c>
      <c r="V32477">
        <v>34</v>
      </c>
      <c r="W32477">
        <v>35</v>
      </c>
      <c r="X32477">
        <v>35</v>
      </c>
      <c r="Y32477">
        <v>35</v>
      </c>
      <c r="Z32477">
        <v>36</v>
      </c>
      <c r="AA32477">
        <v>36</v>
      </c>
      <c r="AB32477">
        <v>36</v>
      </c>
      <c r="AC32477">
        <v>36</v>
      </c>
      <c r="AD32477">
        <v>37</v>
      </c>
      <c r="AE32477">
        <v>37</v>
      </c>
      <c r="AF32477">
        <v>37</v>
      </c>
      <c r="AG32477">
        <v>37</v>
      </c>
      <c r="AH32477">
        <v>38</v>
      </c>
      <c r="AI32477">
        <v>38</v>
      </c>
      <c r="AJ32477">
        <v>38</v>
      </c>
      <c r="AK32477">
        <v>38</v>
      </c>
      <c r="AL32477">
        <v>38</v>
      </c>
      <c r="AM32477">
        <v>38</v>
      </c>
      <c r="AN32477">
        <v>38</v>
      </c>
      <c r="AO32477">
        <v>38</v>
      </c>
      <c r="AP32477">
        <v>38</v>
      </c>
      <c r="AQ32477">
        <v>37</v>
      </c>
    </row>
    <row r="32478" spans="1:43">
      <c r="A32478" t="s">
        <v>20121</v>
      </c>
      <c r="B32478" t="s">
        <v>20122</v>
      </c>
      <c r="C32478" t="s">
        <v>20085</v>
      </c>
      <c r="D32478" t="s">
        <v>20086</v>
      </c>
      <c r="E32478" t="s">
        <v>20071</v>
      </c>
      <c r="F32478" t="s">
        <v>20072</v>
      </c>
      <c r="G32478" t="s">
        <v>10734</v>
      </c>
      <c r="H32478" t="s">
        <v>10735</v>
      </c>
      <c r="I32478" s="2">
        <v>0</v>
      </c>
      <c r="J32478" s="2">
        <v>0</v>
      </c>
      <c r="K32478" s="2">
        <v>1</v>
      </c>
      <c r="L32478" t="s">
        <v>995</v>
      </c>
      <c r="M32478" t="s">
        <v>83</v>
      </c>
      <c r="N32478" t="s">
        <v>84</v>
      </c>
      <c r="O32478" t="s">
        <v>85</v>
      </c>
      <c r="P32478" t="s">
        <v>86</v>
      </c>
      <c r="Q32478">
        <v>40</v>
      </c>
      <c r="R32478">
        <v>41</v>
      </c>
      <c r="S32478">
        <v>41</v>
      </c>
      <c r="T32478">
        <v>42</v>
      </c>
      <c r="U32478">
        <v>42</v>
      </c>
      <c r="V32478">
        <v>42</v>
      </c>
      <c r="W32478">
        <v>43</v>
      </c>
      <c r="X32478">
        <v>43</v>
      </c>
      <c r="Y32478">
        <v>43</v>
      </c>
      <c r="Z32478">
        <v>44</v>
      </c>
      <c r="AA32478">
        <v>44</v>
      </c>
      <c r="AB32478">
        <v>44</v>
      </c>
      <c r="AC32478">
        <v>45</v>
      </c>
      <c r="AD32478">
        <v>45</v>
      </c>
      <c r="AE32478">
        <v>45</v>
      </c>
      <c r="AF32478">
        <v>46</v>
      </c>
      <c r="AG32478">
        <v>46</v>
      </c>
      <c r="AH32478">
        <v>46</v>
      </c>
      <c r="AI32478">
        <v>46</v>
      </c>
      <c r="AJ32478">
        <v>47</v>
      </c>
      <c r="AK32478">
        <v>47</v>
      </c>
      <c r="AL32478">
        <v>47</v>
      </c>
      <c r="AM32478">
        <v>47</v>
      </c>
      <c r="AN32478">
        <v>46</v>
      </c>
      <c r="AO32478">
        <v>46</v>
      </c>
      <c r="AP32478">
        <v>46</v>
      </c>
      <c r="AQ32478">
        <v>46</v>
      </c>
    </row>
    <row r="32479" spans="1:43">
      <c r="A32479" t="s">
        <v>20121</v>
      </c>
      <c r="B32479" t="s">
        <v>20122</v>
      </c>
      <c r="C32479" t="s">
        <v>20085</v>
      </c>
      <c r="D32479" t="s">
        <v>20086</v>
      </c>
      <c r="E32479" t="s">
        <v>20071</v>
      </c>
      <c r="F32479" t="s">
        <v>20072</v>
      </c>
      <c r="G32479" t="s">
        <v>10734</v>
      </c>
      <c r="H32479" t="s">
        <v>10735</v>
      </c>
      <c r="I32479" s="2">
        <v>0</v>
      </c>
      <c r="J32479" s="2">
        <v>0</v>
      </c>
      <c r="K32479" s="2">
        <v>1</v>
      </c>
      <c r="L32479" t="s">
        <v>995</v>
      </c>
      <c r="M32479" t="s">
        <v>87</v>
      </c>
      <c r="N32479" t="s">
        <v>88</v>
      </c>
      <c r="O32479" t="s">
        <v>85</v>
      </c>
      <c r="P32479" t="s">
        <v>86</v>
      </c>
      <c r="Q32479">
        <v>40</v>
      </c>
      <c r="R32479">
        <v>40</v>
      </c>
      <c r="S32479">
        <v>40</v>
      </c>
      <c r="T32479">
        <v>40</v>
      </c>
      <c r="U32479">
        <v>40</v>
      </c>
      <c r="V32479">
        <v>40</v>
      </c>
      <c r="W32479">
        <v>40</v>
      </c>
      <c r="X32479">
        <v>40</v>
      </c>
      <c r="Y32479">
        <v>40</v>
      </c>
      <c r="Z32479">
        <v>40</v>
      </c>
      <c r="AA32479">
        <v>40</v>
      </c>
      <c r="AB32479">
        <v>40</v>
      </c>
      <c r="AC32479">
        <v>40</v>
      </c>
      <c r="AD32479">
        <v>40</v>
      </c>
      <c r="AE32479">
        <v>40</v>
      </c>
      <c r="AF32479">
        <v>40</v>
      </c>
      <c r="AG32479">
        <v>40</v>
      </c>
      <c r="AH32479">
        <v>40</v>
      </c>
      <c r="AI32479">
        <v>40</v>
      </c>
      <c r="AJ32479">
        <v>40</v>
      </c>
      <c r="AK32479">
        <v>40</v>
      </c>
      <c r="AL32479">
        <v>40</v>
      </c>
      <c r="AM32479">
        <v>40</v>
      </c>
      <c r="AN32479">
        <v>40</v>
      </c>
      <c r="AO32479">
        <v>40</v>
      </c>
      <c r="AP32479">
        <v>40</v>
      </c>
      <c r="AQ32479">
        <v>40</v>
      </c>
    </row>
    <row r="32480" spans="1:43">
      <c r="A32480" t="s">
        <v>20121</v>
      </c>
      <c r="B32480" t="s">
        <v>20122</v>
      </c>
      <c r="C32480" t="s">
        <v>20085</v>
      </c>
      <c r="D32480" t="s">
        <v>20086</v>
      </c>
      <c r="E32480" t="s">
        <v>20071</v>
      </c>
      <c r="F32480" t="s">
        <v>20072</v>
      </c>
      <c r="G32480" t="s">
        <v>10734</v>
      </c>
      <c r="H32480" t="s">
        <v>10735</v>
      </c>
      <c r="I32480" s="2">
        <v>0</v>
      </c>
      <c r="J32480" s="2">
        <v>0</v>
      </c>
      <c r="K32480" s="2">
        <v>1</v>
      </c>
      <c r="L32480" t="s">
        <v>995</v>
      </c>
      <c r="M32480" t="s">
        <v>89</v>
      </c>
      <c r="N32480" t="s">
        <v>90</v>
      </c>
      <c r="O32480" t="s">
        <v>85</v>
      </c>
      <c r="P32480" t="s">
        <v>86</v>
      </c>
      <c r="Q32480">
        <v>40</v>
      </c>
      <c r="R32480">
        <v>41</v>
      </c>
      <c r="S32480">
        <v>41</v>
      </c>
      <c r="T32480">
        <v>42</v>
      </c>
      <c r="U32480">
        <v>43</v>
      </c>
      <c r="V32480">
        <v>43</v>
      </c>
      <c r="W32480">
        <v>44</v>
      </c>
      <c r="X32480">
        <v>45</v>
      </c>
      <c r="Y32480">
        <v>45</v>
      </c>
      <c r="Z32480">
        <v>46</v>
      </c>
      <c r="AA32480">
        <v>46</v>
      </c>
      <c r="AB32480">
        <v>47</v>
      </c>
      <c r="AC32480">
        <v>47</v>
      </c>
      <c r="AD32480">
        <v>47</v>
      </c>
      <c r="AE32480">
        <v>48</v>
      </c>
      <c r="AF32480">
        <v>48</v>
      </c>
      <c r="AG32480">
        <v>47</v>
      </c>
      <c r="AH32480">
        <v>47</v>
      </c>
      <c r="AI32480">
        <v>47</v>
      </c>
      <c r="AJ32480">
        <v>47</v>
      </c>
      <c r="AK32480">
        <v>47</v>
      </c>
      <c r="AL32480">
        <v>46</v>
      </c>
      <c r="AM32480">
        <v>46</v>
      </c>
      <c r="AN32480">
        <v>46</v>
      </c>
      <c r="AO32480">
        <v>46</v>
      </c>
      <c r="AP32480">
        <v>46</v>
      </c>
      <c r="AQ32480">
        <v>45</v>
      </c>
    </row>
    <row r="32481" spans="1:43">
      <c r="A32481" t="s">
        <v>20121</v>
      </c>
      <c r="B32481" t="s">
        <v>20122</v>
      </c>
      <c r="C32481" t="s">
        <v>20085</v>
      </c>
      <c r="D32481" t="s">
        <v>20086</v>
      </c>
      <c r="E32481" t="s">
        <v>20071</v>
      </c>
      <c r="F32481" t="s">
        <v>20072</v>
      </c>
      <c r="G32481" t="s">
        <v>10734</v>
      </c>
      <c r="H32481" t="s">
        <v>10735</v>
      </c>
      <c r="I32481" s="2">
        <v>0</v>
      </c>
      <c r="J32481" s="2">
        <v>0</v>
      </c>
      <c r="K32481" s="2">
        <v>1</v>
      </c>
      <c r="L32481" t="s">
        <v>995</v>
      </c>
      <c r="M32481" t="s">
        <v>83</v>
      </c>
      <c r="N32481" t="s">
        <v>91</v>
      </c>
      <c r="O32481" t="s">
        <v>85</v>
      </c>
      <c r="P32481" t="s">
        <v>86</v>
      </c>
      <c r="Q32481">
        <v>40</v>
      </c>
      <c r="R32481">
        <v>41</v>
      </c>
      <c r="S32481">
        <v>41</v>
      </c>
      <c r="T32481">
        <v>42</v>
      </c>
      <c r="U32481">
        <v>42</v>
      </c>
      <c r="V32481">
        <v>42</v>
      </c>
      <c r="W32481">
        <v>43</v>
      </c>
      <c r="X32481">
        <v>43</v>
      </c>
      <c r="Y32481">
        <v>43</v>
      </c>
      <c r="Z32481">
        <v>44</v>
      </c>
      <c r="AA32481">
        <v>44</v>
      </c>
      <c r="AB32481">
        <v>44</v>
      </c>
      <c r="AC32481">
        <v>45</v>
      </c>
      <c r="AD32481">
        <v>45</v>
      </c>
      <c r="AE32481">
        <v>45</v>
      </c>
      <c r="AF32481">
        <v>46</v>
      </c>
      <c r="AG32481">
        <v>46</v>
      </c>
      <c r="AH32481">
        <v>46</v>
      </c>
      <c r="AI32481">
        <v>46</v>
      </c>
      <c r="AJ32481">
        <v>47</v>
      </c>
      <c r="AK32481">
        <v>47</v>
      </c>
      <c r="AL32481">
        <v>47</v>
      </c>
      <c r="AM32481">
        <v>47</v>
      </c>
      <c r="AN32481">
        <v>46</v>
      </c>
      <c r="AO32481">
        <v>46</v>
      </c>
      <c r="AP32481">
        <v>46</v>
      </c>
      <c r="AQ32481">
        <v>46</v>
      </c>
    </row>
    <row r="32482" spans="1:43">
      <c r="A32482" t="s">
        <v>20123</v>
      </c>
      <c r="B32482" t="s">
        <v>20124</v>
      </c>
      <c r="C32482" t="s">
        <v>20085</v>
      </c>
      <c r="D32482" t="s">
        <v>20086</v>
      </c>
      <c r="E32482" t="s">
        <v>20071</v>
      </c>
      <c r="F32482" t="s">
        <v>20072</v>
      </c>
      <c r="G32482" t="s">
        <v>10734</v>
      </c>
      <c r="H32482" t="s">
        <v>10735</v>
      </c>
      <c r="I32482" s="2">
        <v>0</v>
      </c>
      <c r="J32482" s="2">
        <v>0</v>
      </c>
      <c r="K32482" s="2">
        <v>1</v>
      </c>
      <c r="L32482" t="s">
        <v>995</v>
      </c>
      <c r="M32482" t="s">
        <v>83</v>
      </c>
      <c r="N32482" t="s">
        <v>84</v>
      </c>
      <c r="O32482" t="s">
        <v>85</v>
      </c>
      <c r="P32482" t="s">
        <v>86</v>
      </c>
      <c r="Q32482">
        <v>51</v>
      </c>
      <c r="R32482">
        <v>52</v>
      </c>
      <c r="S32482">
        <v>52</v>
      </c>
      <c r="T32482">
        <v>53</v>
      </c>
      <c r="U32482">
        <v>53</v>
      </c>
      <c r="V32482">
        <v>54</v>
      </c>
      <c r="W32482">
        <v>54</v>
      </c>
      <c r="X32482">
        <v>55</v>
      </c>
      <c r="Y32482">
        <v>55</v>
      </c>
      <c r="Z32482">
        <v>56</v>
      </c>
      <c r="AA32482">
        <v>56</v>
      </c>
      <c r="AB32482">
        <v>56</v>
      </c>
      <c r="AC32482">
        <v>57</v>
      </c>
      <c r="AD32482">
        <v>57</v>
      </c>
      <c r="AE32482">
        <v>57</v>
      </c>
      <c r="AF32482">
        <v>58</v>
      </c>
      <c r="AG32482">
        <v>58</v>
      </c>
      <c r="AH32482">
        <v>58</v>
      </c>
      <c r="AI32482">
        <v>59</v>
      </c>
      <c r="AJ32482">
        <v>59</v>
      </c>
      <c r="AK32482">
        <v>59</v>
      </c>
      <c r="AL32482">
        <v>59</v>
      </c>
      <c r="AM32482">
        <v>59</v>
      </c>
      <c r="AN32482">
        <v>59</v>
      </c>
      <c r="AO32482">
        <v>58</v>
      </c>
      <c r="AP32482">
        <v>58</v>
      </c>
      <c r="AQ32482">
        <v>58</v>
      </c>
    </row>
    <row r="32483" spans="1:43">
      <c r="A32483" t="s">
        <v>20123</v>
      </c>
      <c r="B32483" t="s">
        <v>20124</v>
      </c>
      <c r="C32483" t="s">
        <v>20085</v>
      </c>
      <c r="D32483" t="s">
        <v>20086</v>
      </c>
      <c r="E32483" t="s">
        <v>20071</v>
      </c>
      <c r="F32483" t="s">
        <v>20072</v>
      </c>
      <c r="G32483" t="s">
        <v>10734</v>
      </c>
      <c r="H32483" t="s">
        <v>10735</v>
      </c>
      <c r="I32483" s="2">
        <v>0</v>
      </c>
      <c r="J32483" s="2">
        <v>0</v>
      </c>
      <c r="K32483" s="2">
        <v>1</v>
      </c>
      <c r="L32483" t="s">
        <v>995</v>
      </c>
      <c r="M32483" t="s">
        <v>87</v>
      </c>
      <c r="N32483" t="s">
        <v>88</v>
      </c>
      <c r="O32483" t="s">
        <v>85</v>
      </c>
      <c r="P32483" t="s">
        <v>86</v>
      </c>
      <c r="Q32483">
        <v>51</v>
      </c>
      <c r="R32483">
        <v>51</v>
      </c>
      <c r="S32483">
        <v>51</v>
      </c>
      <c r="T32483">
        <v>51</v>
      </c>
      <c r="U32483">
        <v>51</v>
      </c>
      <c r="V32483">
        <v>51</v>
      </c>
      <c r="W32483">
        <v>51</v>
      </c>
      <c r="X32483">
        <v>51</v>
      </c>
      <c r="Y32483">
        <v>51</v>
      </c>
      <c r="Z32483">
        <v>51</v>
      </c>
      <c r="AA32483">
        <v>51</v>
      </c>
      <c r="AB32483">
        <v>51</v>
      </c>
      <c r="AC32483">
        <v>51</v>
      </c>
      <c r="AD32483">
        <v>51</v>
      </c>
      <c r="AE32483">
        <v>51</v>
      </c>
      <c r="AF32483">
        <v>51</v>
      </c>
      <c r="AG32483">
        <v>51</v>
      </c>
      <c r="AH32483">
        <v>51</v>
      </c>
      <c r="AI32483">
        <v>51</v>
      </c>
      <c r="AJ32483">
        <v>51</v>
      </c>
      <c r="AK32483">
        <v>51</v>
      </c>
      <c r="AL32483">
        <v>51</v>
      </c>
      <c r="AM32483">
        <v>51</v>
      </c>
      <c r="AN32483">
        <v>50</v>
      </c>
      <c r="AO32483">
        <v>50</v>
      </c>
      <c r="AP32483">
        <v>50</v>
      </c>
      <c r="AQ32483">
        <v>50</v>
      </c>
    </row>
    <row r="32484" spans="1:43">
      <c r="A32484" t="s">
        <v>20123</v>
      </c>
      <c r="B32484" t="s">
        <v>20124</v>
      </c>
      <c r="C32484" t="s">
        <v>20085</v>
      </c>
      <c r="D32484" t="s">
        <v>20086</v>
      </c>
      <c r="E32484" t="s">
        <v>20071</v>
      </c>
      <c r="F32484" t="s">
        <v>20072</v>
      </c>
      <c r="G32484" t="s">
        <v>10734</v>
      </c>
      <c r="H32484" t="s">
        <v>10735</v>
      </c>
      <c r="I32484" s="2">
        <v>0</v>
      </c>
      <c r="J32484" s="2">
        <v>0</v>
      </c>
      <c r="K32484" s="2">
        <v>1</v>
      </c>
      <c r="L32484" t="s">
        <v>995</v>
      </c>
      <c r="M32484" t="s">
        <v>89</v>
      </c>
      <c r="N32484" t="s">
        <v>90</v>
      </c>
      <c r="O32484" t="s">
        <v>85</v>
      </c>
      <c r="P32484" t="s">
        <v>86</v>
      </c>
      <c r="Q32484">
        <v>51</v>
      </c>
      <c r="R32484">
        <v>52</v>
      </c>
      <c r="S32484">
        <v>53</v>
      </c>
      <c r="T32484">
        <v>53</v>
      </c>
      <c r="U32484">
        <v>54</v>
      </c>
      <c r="V32484">
        <v>55</v>
      </c>
      <c r="W32484">
        <v>56</v>
      </c>
      <c r="X32484">
        <v>57</v>
      </c>
      <c r="Y32484">
        <v>57</v>
      </c>
      <c r="Z32484">
        <v>58</v>
      </c>
      <c r="AA32484">
        <v>59</v>
      </c>
      <c r="AB32484">
        <v>59</v>
      </c>
      <c r="AC32484">
        <v>60</v>
      </c>
      <c r="AD32484">
        <v>60</v>
      </c>
      <c r="AE32484">
        <v>61</v>
      </c>
      <c r="AF32484">
        <v>60</v>
      </c>
      <c r="AG32484">
        <v>60</v>
      </c>
      <c r="AH32484">
        <v>60</v>
      </c>
      <c r="AI32484">
        <v>60</v>
      </c>
      <c r="AJ32484">
        <v>59</v>
      </c>
      <c r="AK32484">
        <v>59</v>
      </c>
      <c r="AL32484">
        <v>59</v>
      </c>
      <c r="AM32484">
        <v>59</v>
      </c>
      <c r="AN32484">
        <v>58</v>
      </c>
      <c r="AO32484">
        <v>58</v>
      </c>
      <c r="AP32484">
        <v>58</v>
      </c>
      <c r="AQ32484">
        <v>57</v>
      </c>
    </row>
    <row r="32485" spans="1:43">
      <c r="A32485" t="s">
        <v>20123</v>
      </c>
      <c r="B32485" t="s">
        <v>20124</v>
      </c>
      <c r="C32485" t="s">
        <v>20085</v>
      </c>
      <c r="D32485" t="s">
        <v>20086</v>
      </c>
      <c r="E32485" t="s">
        <v>20071</v>
      </c>
      <c r="F32485" t="s">
        <v>20072</v>
      </c>
      <c r="G32485" t="s">
        <v>10734</v>
      </c>
      <c r="H32485" t="s">
        <v>10735</v>
      </c>
      <c r="I32485" s="2">
        <v>0</v>
      </c>
      <c r="J32485" s="2">
        <v>0</v>
      </c>
      <c r="K32485" s="2">
        <v>1</v>
      </c>
      <c r="L32485" t="s">
        <v>995</v>
      </c>
      <c r="M32485" t="s">
        <v>83</v>
      </c>
      <c r="N32485" t="s">
        <v>91</v>
      </c>
      <c r="O32485" t="s">
        <v>85</v>
      </c>
      <c r="P32485" t="s">
        <v>86</v>
      </c>
      <c r="Q32485">
        <v>51</v>
      </c>
      <c r="R32485">
        <v>52</v>
      </c>
      <c r="S32485">
        <v>52</v>
      </c>
      <c r="T32485">
        <v>53</v>
      </c>
      <c r="U32485">
        <v>53</v>
      </c>
      <c r="V32485">
        <v>54</v>
      </c>
      <c r="W32485">
        <v>54</v>
      </c>
      <c r="X32485">
        <v>55</v>
      </c>
      <c r="Y32485">
        <v>55</v>
      </c>
      <c r="Z32485">
        <v>56</v>
      </c>
      <c r="AA32485">
        <v>56</v>
      </c>
      <c r="AB32485">
        <v>56</v>
      </c>
      <c r="AC32485">
        <v>57</v>
      </c>
      <c r="AD32485">
        <v>57</v>
      </c>
      <c r="AE32485">
        <v>57</v>
      </c>
      <c r="AF32485">
        <v>58</v>
      </c>
      <c r="AG32485">
        <v>58</v>
      </c>
      <c r="AH32485">
        <v>58</v>
      </c>
      <c r="AI32485">
        <v>59</v>
      </c>
      <c r="AJ32485">
        <v>59</v>
      </c>
      <c r="AK32485">
        <v>59</v>
      </c>
      <c r="AL32485">
        <v>59</v>
      </c>
      <c r="AM32485">
        <v>59</v>
      </c>
      <c r="AN32485">
        <v>59</v>
      </c>
      <c r="AO32485">
        <v>58</v>
      </c>
      <c r="AP32485">
        <v>58</v>
      </c>
      <c r="AQ32485">
        <v>58</v>
      </c>
    </row>
    <row r="32486" spans="1:43">
      <c r="A32486" t="s">
        <v>20125</v>
      </c>
      <c r="B32486" t="s">
        <v>20126</v>
      </c>
      <c r="C32486" t="s">
        <v>20077</v>
      </c>
      <c r="D32486" t="s">
        <v>20078</v>
      </c>
      <c r="E32486" t="s">
        <v>20071</v>
      </c>
      <c r="F32486" t="s">
        <v>20072</v>
      </c>
      <c r="G32486" t="s">
        <v>10734</v>
      </c>
      <c r="H32486" t="s">
        <v>10735</v>
      </c>
      <c r="I32486" s="2">
        <v>0</v>
      </c>
      <c r="J32486" s="2">
        <v>0</v>
      </c>
      <c r="K32486" s="2">
        <v>1</v>
      </c>
      <c r="L32486" t="s">
        <v>995</v>
      </c>
      <c r="M32486" t="s">
        <v>83</v>
      </c>
      <c r="N32486" t="s">
        <v>84</v>
      </c>
      <c r="O32486" t="s">
        <v>85</v>
      </c>
      <c r="P32486" t="s">
        <v>86</v>
      </c>
      <c r="Q32486">
        <v>22</v>
      </c>
      <c r="R32486">
        <v>22</v>
      </c>
      <c r="S32486">
        <v>23</v>
      </c>
      <c r="T32486">
        <v>23</v>
      </c>
      <c r="U32486">
        <v>23</v>
      </c>
      <c r="V32486">
        <v>23</v>
      </c>
      <c r="W32486">
        <v>24</v>
      </c>
      <c r="X32486">
        <v>24</v>
      </c>
      <c r="Y32486">
        <v>24</v>
      </c>
      <c r="Z32486">
        <v>24</v>
      </c>
      <c r="AA32486">
        <v>25</v>
      </c>
      <c r="AB32486">
        <v>25</v>
      </c>
      <c r="AC32486">
        <v>25</v>
      </c>
      <c r="AD32486">
        <v>25</v>
      </c>
      <c r="AE32486">
        <v>26</v>
      </c>
      <c r="AF32486">
        <v>26</v>
      </c>
      <c r="AG32486">
        <v>26</v>
      </c>
      <c r="AH32486">
        <v>26</v>
      </c>
      <c r="AI32486">
        <v>26</v>
      </c>
      <c r="AJ32486">
        <v>26</v>
      </c>
      <c r="AK32486">
        <v>27</v>
      </c>
      <c r="AL32486">
        <v>27</v>
      </c>
      <c r="AM32486">
        <v>27</v>
      </c>
      <c r="AN32486">
        <v>27</v>
      </c>
      <c r="AO32486">
        <v>27</v>
      </c>
      <c r="AP32486">
        <v>27</v>
      </c>
      <c r="AQ32486">
        <v>26</v>
      </c>
    </row>
    <row r="32487" spans="1:43">
      <c r="A32487" t="s">
        <v>20125</v>
      </c>
      <c r="B32487" t="s">
        <v>20126</v>
      </c>
      <c r="C32487" t="s">
        <v>20077</v>
      </c>
      <c r="D32487" t="s">
        <v>20078</v>
      </c>
      <c r="E32487" t="s">
        <v>20071</v>
      </c>
      <c r="F32487" t="s">
        <v>20072</v>
      </c>
      <c r="G32487" t="s">
        <v>10734</v>
      </c>
      <c r="H32487" t="s">
        <v>10735</v>
      </c>
      <c r="I32487" s="2">
        <v>0</v>
      </c>
      <c r="J32487" s="2">
        <v>0</v>
      </c>
      <c r="K32487" s="2">
        <v>1</v>
      </c>
      <c r="L32487" t="s">
        <v>995</v>
      </c>
      <c r="M32487" t="s">
        <v>87</v>
      </c>
      <c r="N32487" t="s">
        <v>88</v>
      </c>
      <c r="O32487" t="s">
        <v>85</v>
      </c>
      <c r="P32487" t="s">
        <v>86</v>
      </c>
      <c r="Q32487">
        <v>22</v>
      </c>
      <c r="R32487">
        <v>22</v>
      </c>
      <c r="S32487">
        <v>22</v>
      </c>
      <c r="T32487">
        <v>22</v>
      </c>
      <c r="U32487">
        <v>22</v>
      </c>
      <c r="V32487">
        <v>22</v>
      </c>
      <c r="W32487">
        <v>22</v>
      </c>
      <c r="X32487">
        <v>22</v>
      </c>
      <c r="Y32487">
        <v>22</v>
      </c>
      <c r="Z32487">
        <v>22</v>
      </c>
      <c r="AA32487">
        <v>22</v>
      </c>
      <c r="AB32487">
        <v>23</v>
      </c>
      <c r="AC32487">
        <v>23</v>
      </c>
      <c r="AD32487">
        <v>23</v>
      </c>
      <c r="AE32487">
        <v>23</v>
      </c>
      <c r="AF32487">
        <v>23</v>
      </c>
      <c r="AG32487">
        <v>23</v>
      </c>
      <c r="AH32487">
        <v>23</v>
      </c>
      <c r="AI32487">
        <v>23</v>
      </c>
      <c r="AJ32487">
        <v>23</v>
      </c>
      <c r="AK32487">
        <v>23</v>
      </c>
      <c r="AL32487">
        <v>23</v>
      </c>
      <c r="AM32487">
        <v>23</v>
      </c>
      <c r="AN32487">
        <v>23</v>
      </c>
      <c r="AO32487">
        <v>23</v>
      </c>
      <c r="AP32487">
        <v>23</v>
      </c>
      <c r="AQ32487">
        <v>23</v>
      </c>
    </row>
    <row r="32488" spans="1:43">
      <c r="A32488" t="s">
        <v>20125</v>
      </c>
      <c r="B32488" t="s">
        <v>20126</v>
      </c>
      <c r="C32488" t="s">
        <v>20077</v>
      </c>
      <c r="D32488" t="s">
        <v>20078</v>
      </c>
      <c r="E32488" t="s">
        <v>20071</v>
      </c>
      <c r="F32488" t="s">
        <v>20072</v>
      </c>
      <c r="G32488" t="s">
        <v>10734</v>
      </c>
      <c r="H32488" t="s">
        <v>10735</v>
      </c>
      <c r="I32488" s="2">
        <v>0</v>
      </c>
      <c r="J32488" s="2">
        <v>0</v>
      </c>
      <c r="K32488" s="2">
        <v>1</v>
      </c>
      <c r="L32488" t="s">
        <v>995</v>
      </c>
      <c r="M32488" t="s">
        <v>89</v>
      </c>
      <c r="N32488" t="s">
        <v>90</v>
      </c>
      <c r="O32488" t="s">
        <v>85</v>
      </c>
      <c r="P32488" t="s">
        <v>86</v>
      </c>
      <c r="Q32488">
        <v>22</v>
      </c>
      <c r="R32488">
        <v>23</v>
      </c>
      <c r="S32488">
        <v>23</v>
      </c>
      <c r="T32488">
        <v>24</v>
      </c>
      <c r="U32488">
        <v>24</v>
      </c>
      <c r="V32488">
        <v>25</v>
      </c>
      <c r="W32488">
        <v>25</v>
      </c>
      <c r="X32488">
        <v>25</v>
      </c>
      <c r="Y32488">
        <v>26</v>
      </c>
      <c r="Z32488">
        <v>26</v>
      </c>
      <c r="AA32488">
        <v>26</v>
      </c>
      <c r="AB32488">
        <v>27</v>
      </c>
      <c r="AC32488">
        <v>27</v>
      </c>
      <c r="AD32488">
        <v>27</v>
      </c>
      <c r="AE32488">
        <v>27</v>
      </c>
      <c r="AF32488">
        <v>27</v>
      </c>
      <c r="AG32488">
        <v>27</v>
      </c>
      <c r="AH32488">
        <v>27</v>
      </c>
      <c r="AI32488">
        <v>27</v>
      </c>
      <c r="AJ32488">
        <v>27</v>
      </c>
      <c r="AK32488">
        <v>27</v>
      </c>
      <c r="AL32488">
        <v>27</v>
      </c>
      <c r="AM32488">
        <v>27</v>
      </c>
      <c r="AN32488">
        <v>27</v>
      </c>
      <c r="AO32488">
        <v>27</v>
      </c>
      <c r="AP32488">
        <v>27</v>
      </c>
      <c r="AQ32488">
        <v>27</v>
      </c>
    </row>
    <row r="32489" spans="1:43">
      <c r="A32489" t="s">
        <v>20125</v>
      </c>
      <c r="B32489" t="s">
        <v>20126</v>
      </c>
      <c r="C32489" t="s">
        <v>20077</v>
      </c>
      <c r="D32489" t="s">
        <v>20078</v>
      </c>
      <c r="E32489" t="s">
        <v>20071</v>
      </c>
      <c r="F32489" t="s">
        <v>20072</v>
      </c>
      <c r="G32489" t="s">
        <v>10734</v>
      </c>
      <c r="H32489" t="s">
        <v>10735</v>
      </c>
      <c r="I32489" s="2">
        <v>0</v>
      </c>
      <c r="J32489" s="2">
        <v>0</v>
      </c>
      <c r="K32489" s="2">
        <v>1</v>
      </c>
      <c r="L32489" t="s">
        <v>995</v>
      </c>
      <c r="M32489" t="s">
        <v>83</v>
      </c>
      <c r="N32489" t="s">
        <v>91</v>
      </c>
      <c r="O32489" t="s">
        <v>85</v>
      </c>
      <c r="P32489" t="s">
        <v>86</v>
      </c>
      <c r="Q32489">
        <v>22</v>
      </c>
      <c r="R32489">
        <v>22</v>
      </c>
      <c r="S32489">
        <v>23</v>
      </c>
      <c r="T32489">
        <v>23</v>
      </c>
      <c r="U32489">
        <v>23</v>
      </c>
      <c r="V32489">
        <v>23</v>
      </c>
      <c r="W32489">
        <v>24</v>
      </c>
      <c r="X32489">
        <v>24</v>
      </c>
      <c r="Y32489">
        <v>24</v>
      </c>
      <c r="Z32489">
        <v>24</v>
      </c>
      <c r="AA32489">
        <v>25</v>
      </c>
      <c r="AB32489">
        <v>25</v>
      </c>
      <c r="AC32489">
        <v>25</v>
      </c>
      <c r="AD32489">
        <v>25</v>
      </c>
      <c r="AE32489">
        <v>26</v>
      </c>
      <c r="AF32489">
        <v>26</v>
      </c>
      <c r="AG32489">
        <v>26</v>
      </c>
      <c r="AH32489">
        <v>26</v>
      </c>
      <c r="AI32489">
        <v>26</v>
      </c>
      <c r="AJ32489">
        <v>26</v>
      </c>
      <c r="AK32489">
        <v>27</v>
      </c>
      <c r="AL32489">
        <v>27</v>
      </c>
      <c r="AM32489">
        <v>27</v>
      </c>
      <c r="AN32489">
        <v>27</v>
      </c>
      <c r="AO32489">
        <v>27</v>
      </c>
      <c r="AP32489">
        <v>27</v>
      </c>
      <c r="AQ32489">
        <v>26</v>
      </c>
    </row>
    <row r="32490" spans="1:43">
      <c r="A32490" t="s">
        <v>20127</v>
      </c>
      <c r="B32490" t="s">
        <v>20128</v>
      </c>
      <c r="C32490" t="s">
        <v>20077</v>
      </c>
      <c r="D32490" t="s">
        <v>20078</v>
      </c>
      <c r="E32490" t="s">
        <v>20071</v>
      </c>
      <c r="F32490" t="s">
        <v>20072</v>
      </c>
      <c r="G32490" t="s">
        <v>10734</v>
      </c>
      <c r="H32490" t="s">
        <v>10735</v>
      </c>
      <c r="I32490" s="2">
        <v>0</v>
      </c>
      <c r="J32490" s="2">
        <v>0</v>
      </c>
      <c r="K32490" s="2">
        <v>1</v>
      </c>
      <c r="L32490" t="s">
        <v>995</v>
      </c>
      <c r="M32490" t="s">
        <v>83</v>
      </c>
      <c r="N32490" t="s">
        <v>84</v>
      </c>
      <c r="O32490" t="s">
        <v>85</v>
      </c>
      <c r="P32490" t="s">
        <v>86</v>
      </c>
      <c r="Q32490">
        <v>53</v>
      </c>
      <c r="R32490">
        <v>54</v>
      </c>
      <c r="S32490">
        <v>54</v>
      </c>
      <c r="T32490">
        <v>55</v>
      </c>
      <c r="U32490">
        <v>56</v>
      </c>
      <c r="V32490">
        <v>56</v>
      </c>
      <c r="W32490">
        <v>57</v>
      </c>
      <c r="X32490">
        <v>57</v>
      </c>
      <c r="Y32490">
        <v>58</v>
      </c>
      <c r="Z32490">
        <v>59</v>
      </c>
      <c r="AA32490">
        <v>59</v>
      </c>
      <c r="AB32490">
        <v>60</v>
      </c>
      <c r="AC32490">
        <v>60</v>
      </c>
      <c r="AD32490">
        <v>61</v>
      </c>
      <c r="AE32490">
        <v>61</v>
      </c>
      <c r="AF32490">
        <v>62</v>
      </c>
      <c r="AG32490">
        <v>62</v>
      </c>
      <c r="AH32490">
        <v>63</v>
      </c>
      <c r="AI32490">
        <v>63</v>
      </c>
      <c r="AJ32490">
        <v>63</v>
      </c>
      <c r="AK32490">
        <v>64</v>
      </c>
      <c r="AL32490">
        <v>64</v>
      </c>
      <c r="AM32490">
        <v>64</v>
      </c>
      <c r="AN32490">
        <v>64</v>
      </c>
      <c r="AO32490">
        <v>64</v>
      </c>
      <c r="AP32490">
        <v>64</v>
      </c>
      <c r="AQ32490">
        <v>63</v>
      </c>
    </row>
    <row r="32491" spans="1:43">
      <c r="A32491" t="s">
        <v>20127</v>
      </c>
      <c r="B32491" t="s">
        <v>20128</v>
      </c>
      <c r="C32491" t="s">
        <v>20077</v>
      </c>
      <c r="D32491" t="s">
        <v>20078</v>
      </c>
      <c r="E32491" t="s">
        <v>20071</v>
      </c>
      <c r="F32491" t="s">
        <v>20072</v>
      </c>
      <c r="G32491" t="s">
        <v>10734</v>
      </c>
      <c r="H32491" t="s">
        <v>10735</v>
      </c>
      <c r="I32491" s="2">
        <v>0</v>
      </c>
      <c r="J32491" s="2">
        <v>0</v>
      </c>
      <c r="K32491" s="2">
        <v>1</v>
      </c>
      <c r="L32491" t="s">
        <v>995</v>
      </c>
      <c r="M32491" t="s">
        <v>87</v>
      </c>
      <c r="N32491" t="s">
        <v>88</v>
      </c>
      <c r="O32491" t="s">
        <v>85</v>
      </c>
      <c r="P32491" t="s">
        <v>86</v>
      </c>
      <c r="Q32491">
        <v>53</v>
      </c>
      <c r="R32491">
        <v>53</v>
      </c>
      <c r="S32491">
        <v>53</v>
      </c>
      <c r="T32491">
        <v>53</v>
      </c>
      <c r="U32491">
        <v>53</v>
      </c>
      <c r="V32491">
        <v>53</v>
      </c>
      <c r="W32491">
        <v>53</v>
      </c>
      <c r="X32491">
        <v>53</v>
      </c>
      <c r="Y32491">
        <v>54</v>
      </c>
      <c r="Z32491">
        <v>54</v>
      </c>
      <c r="AA32491">
        <v>54</v>
      </c>
      <c r="AB32491">
        <v>54</v>
      </c>
      <c r="AC32491">
        <v>54</v>
      </c>
      <c r="AD32491">
        <v>54</v>
      </c>
      <c r="AE32491">
        <v>54</v>
      </c>
      <c r="AF32491">
        <v>54</v>
      </c>
      <c r="AG32491">
        <v>54</v>
      </c>
      <c r="AH32491">
        <v>54</v>
      </c>
      <c r="AI32491">
        <v>55</v>
      </c>
      <c r="AJ32491">
        <v>55</v>
      </c>
      <c r="AK32491">
        <v>55</v>
      </c>
      <c r="AL32491">
        <v>55</v>
      </c>
      <c r="AM32491">
        <v>55</v>
      </c>
      <c r="AN32491">
        <v>55</v>
      </c>
      <c r="AO32491">
        <v>55</v>
      </c>
      <c r="AP32491">
        <v>55</v>
      </c>
      <c r="AQ32491">
        <v>55</v>
      </c>
    </row>
    <row r="32492" spans="1:43">
      <c r="A32492" t="s">
        <v>20127</v>
      </c>
      <c r="B32492" t="s">
        <v>20128</v>
      </c>
      <c r="C32492" t="s">
        <v>20077</v>
      </c>
      <c r="D32492" t="s">
        <v>20078</v>
      </c>
      <c r="E32492" t="s">
        <v>20071</v>
      </c>
      <c r="F32492" t="s">
        <v>20072</v>
      </c>
      <c r="G32492" t="s">
        <v>10734</v>
      </c>
      <c r="H32492" t="s">
        <v>10735</v>
      </c>
      <c r="I32492" s="2">
        <v>0</v>
      </c>
      <c r="J32492" s="2">
        <v>0</v>
      </c>
      <c r="K32492" s="2">
        <v>1</v>
      </c>
      <c r="L32492" t="s">
        <v>995</v>
      </c>
      <c r="M32492" t="s">
        <v>89</v>
      </c>
      <c r="N32492" t="s">
        <v>90</v>
      </c>
      <c r="O32492" t="s">
        <v>85</v>
      </c>
      <c r="P32492" t="s">
        <v>86</v>
      </c>
      <c r="Q32492">
        <v>53</v>
      </c>
      <c r="R32492">
        <v>55</v>
      </c>
      <c r="S32492">
        <v>56</v>
      </c>
      <c r="T32492">
        <v>57</v>
      </c>
      <c r="U32492">
        <v>58</v>
      </c>
      <c r="V32492">
        <v>59</v>
      </c>
      <c r="W32492">
        <v>60</v>
      </c>
      <c r="X32492">
        <v>61</v>
      </c>
      <c r="Y32492">
        <v>61</v>
      </c>
      <c r="Z32492">
        <v>62</v>
      </c>
      <c r="AA32492">
        <v>63</v>
      </c>
      <c r="AB32492">
        <v>64</v>
      </c>
      <c r="AC32492">
        <v>64</v>
      </c>
      <c r="AD32492">
        <v>65</v>
      </c>
      <c r="AE32492">
        <v>65</v>
      </c>
      <c r="AF32492">
        <v>65</v>
      </c>
      <c r="AG32492">
        <v>65</v>
      </c>
      <c r="AH32492">
        <v>65</v>
      </c>
      <c r="AI32492">
        <v>65</v>
      </c>
      <c r="AJ32492">
        <v>65</v>
      </c>
      <c r="AK32492">
        <v>65</v>
      </c>
      <c r="AL32492">
        <v>65</v>
      </c>
      <c r="AM32492">
        <v>65</v>
      </c>
      <c r="AN32492">
        <v>65</v>
      </c>
      <c r="AO32492">
        <v>64</v>
      </c>
      <c r="AP32492">
        <v>64</v>
      </c>
      <c r="AQ32492">
        <v>64</v>
      </c>
    </row>
    <row r="32493" spans="1:43">
      <c r="A32493" t="s">
        <v>20127</v>
      </c>
      <c r="B32493" t="s">
        <v>20128</v>
      </c>
      <c r="C32493" t="s">
        <v>20077</v>
      </c>
      <c r="D32493" t="s">
        <v>20078</v>
      </c>
      <c r="E32493" t="s">
        <v>20071</v>
      </c>
      <c r="F32493" t="s">
        <v>20072</v>
      </c>
      <c r="G32493" t="s">
        <v>10734</v>
      </c>
      <c r="H32493" t="s">
        <v>10735</v>
      </c>
      <c r="I32493" s="2">
        <v>0</v>
      </c>
      <c r="J32493" s="2">
        <v>0</v>
      </c>
      <c r="K32493" s="2">
        <v>1</v>
      </c>
      <c r="L32493" t="s">
        <v>995</v>
      </c>
      <c r="M32493" t="s">
        <v>83</v>
      </c>
      <c r="N32493" t="s">
        <v>91</v>
      </c>
      <c r="O32493" t="s">
        <v>85</v>
      </c>
      <c r="P32493" t="s">
        <v>86</v>
      </c>
      <c r="Q32493">
        <v>53</v>
      </c>
      <c r="R32493">
        <v>54</v>
      </c>
      <c r="S32493">
        <v>54</v>
      </c>
      <c r="T32493">
        <v>55</v>
      </c>
      <c r="U32493">
        <v>56</v>
      </c>
      <c r="V32493">
        <v>56</v>
      </c>
      <c r="W32493">
        <v>57</v>
      </c>
      <c r="X32493">
        <v>57</v>
      </c>
      <c r="Y32493">
        <v>58</v>
      </c>
      <c r="Z32493">
        <v>59</v>
      </c>
      <c r="AA32493">
        <v>59</v>
      </c>
      <c r="AB32493">
        <v>60</v>
      </c>
      <c r="AC32493">
        <v>60</v>
      </c>
      <c r="AD32493">
        <v>61</v>
      </c>
      <c r="AE32493">
        <v>61</v>
      </c>
      <c r="AF32493">
        <v>62</v>
      </c>
      <c r="AG32493">
        <v>62</v>
      </c>
      <c r="AH32493">
        <v>63</v>
      </c>
      <c r="AI32493">
        <v>63</v>
      </c>
      <c r="AJ32493">
        <v>63</v>
      </c>
      <c r="AK32493">
        <v>64</v>
      </c>
      <c r="AL32493">
        <v>64</v>
      </c>
      <c r="AM32493">
        <v>64</v>
      </c>
      <c r="AN32493">
        <v>64</v>
      </c>
      <c r="AO32493">
        <v>64</v>
      </c>
      <c r="AP32493">
        <v>64</v>
      </c>
      <c r="AQ32493">
        <v>63</v>
      </c>
    </row>
    <row r="32494" spans="1:43">
      <c r="A32494" t="s">
        <v>20129</v>
      </c>
      <c r="B32494" t="s">
        <v>20130</v>
      </c>
      <c r="C32494" t="s">
        <v>20077</v>
      </c>
      <c r="D32494" t="s">
        <v>20078</v>
      </c>
      <c r="E32494" t="s">
        <v>20071</v>
      </c>
      <c r="F32494" t="s">
        <v>20072</v>
      </c>
      <c r="G32494" t="s">
        <v>10734</v>
      </c>
      <c r="H32494" t="s">
        <v>10735</v>
      </c>
      <c r="I32494" s="2">
        <v>0</v>
      </c>
      <c r="J32494" s="2">
        <v>0</v>
      </c>
      <c r="K32494" s="2">
        <v>1</v>
      </c>
      <c r="L32494" t="s">
        <v>995</v>
      </c>
      <c r="M32494" t="s">
        <v>83</v>
      </c>
      <c r="N32494" t="s">
        <v>84</v>
      </c>
      <c r="O32494" t="s">
        <v>85</v>
      </c>
      <c r="P32494" t="s">
        <v>86</v>
      </c>
      <c r="Q32494">
        <v>25</v>
      </c>
      <c r="R32494">
        <v>25</v>
      </c>
      <c r="S32494">
        <v>25</v>
      </c>
      <c r="T32494">
        <v>25</v>
      </c>
      <c r="U32494">
        <v>26</v>
      </c>
      <c r="V32494">
        <v>26</v>
      </c>
      <c r="W32494">
        <v>26</v>
      </c>
      <c r="X32494">
        <v>26</v>
      </c>
      <c r="Y32494">
        <v>27</v>
      </c>
      <c r="Z32494">
        <v>27</v>
      </c>
      <c r="AA32494">
        <v>27</v>
      </c>
      <c r="AB32494">
        <v>27</v>
      </c>
      <c r="AC32494">
        <v>28</v>
      </c>
      <c r="AD32494">
        <v>28</v>
      </c>
      <c r="AE32494">
        <v>28</v>
      </c>
      <c r="AF32494">
        <v>28</v>
      </c>
      <c r="AG32494">
        <v>28</v>
      </c>
      <c r="AH32494">
        <v>29</v>
      </c>
      <c r="AI32494">
        <v>29</v>
      </c>
      <c r="AJ32494">
        <v>29</v>
      </c>
      <c r="AK32494">
        <v>29</v>
      </c>
      <c r="AL32494">
        <v>29</v>
      </c>
      <c r="AM32494">
        <v>29</v>
      </c>
      <c r="AN32494">
        <v>29</v>
      </c>
      <c r="AO32494">
        <v>29</v>
      </c>
      <c r="AP32494">
        <v>29</v>
      </c>
      <c r="AQ32494">
        <v>29</v>
      </c>
    </row>
    <row r="32495" spans="1:43">
      <c r="A32495" t="s">
        <v>20129</v>
      </c>
      <c r="B32495" t="s">
        <v>20130</v>
      </c>
      <c r="C32495" t="s">
        <v>20077</v>
      </c>
      <c r="D32495" t="s">
        <v>20078</v>
      </c>
      <c r="E32495" t="s">
        <v>20071</v>
      </c>
      <c r="F32495" t="s">
        <v>20072</v>
      </c>
      <c r="G32495" t="s">
        <v>10734</v>
      </c>
      <c r="H32495" t="s">
        <v>10735</v>
      </c>
      <c r="I32495" s="2">
        <v>0</v>
      </c>
      <c r="J32495" s="2">
        <v>0</v>
      </c>
      <c r="K32495" s="2">
        <v>1</v>
      </c>
      <c r="L32495" t="s">
        <v>995</v>
      </c>
      <c r="M32495" t="s">
        <v>87</v>
      </c>
      <c r="N32495" t="s">
        <v>88</v>
      </c>
      <c r="O32495" t="s">
        <v>85</v>
      </c>
      <c r="P32495" t="s">
        <v>86</v>
      </c>
      <c r="Q32495">
        <v>25</v>
      </c>
      <c r="R32495">
        <v>25</v>
      </c>
      <c r="S32495">
        <v>25</v>
      </c>
      <c r="T32495">
        <v>26</v>
      </c>
      <c r="U32495">
        <v>26</v>
      </c>
      <c r="V32495">
        <v>26</v>
      </c>
      <c r="W32495">
        <v>26</v>
      </c>
      <c r="X32495">
        <v>26</v>
      </c>
      <c r="Y32495">
        <v>26</v>
      </c>
      <c r="Z32495">
        <v>26</v>
      </c>
      <c r="AA32495">
        <v>26</v>
      </c>
      <c r="AB32495">
        <v>26</v>
      </c>
      <c r="AC32495">
        <v>26</v>
      </c>
      <c r="AD32495">
        <v>26</v>
      </c>
      <c r="AE32495">
        <v>26</v>
      </c>
      <c r="AF32495">
        <v>26</v>
      </c>
      <c r="AG32495">
        <v>26</v>
      </c>
      <c r="AH32495">
        <v>26</v>
      </c>
      <c r="AI32495">
        <v>26</v>
      </c>
      <c r="AJ32495">
        <v>26</v>
      </c>
      <c r="AK32495">
        <v>26</v>
      </c>
      <c r="AL32495">
        <v>26</v>
      </c>
      <c r="AM32495">
        <v>26</v>
      </c>
      <c r="AN32495">
        <v>26</v>
      </c>
      <c r="AO32495">
        <v>26</v>
      </c>
      <c r="AP32495">
        <v>26</v>
      </c>
      <c r="AQ32495">
        <v>26</v>
      </c>
    </row>
    <row r="32496" spans="1:43">
      <c r="A32496" t="s">
        <v>20129</v>
      </c>
      <c r="B32496" t="s">
        <v>20130</v>
      </c>
      <c r="C32496" t="s">
        <v>20077</v>
      </c>
      <c r="D32496" t="s">
        <v>20078</v>
      </c>
      <c r="E32496" t="s">
        <v>20071</v>
      </c>
      <c r="F32496" t="s">
        <v>20072</v>
      </c>
      <c r="G32496" t="s">
        <v>10734</v>
      </c>
      <c r="H32496" t="s">
        <v>10735</v>
      </c>
      <c r="I32496" s="2">
        <v>0</v>
      </c>
      <c r="J32496" s="2">
        <v>0</v>
      </c>
      <c r="K32496" s="2">
        <v>1</v>
      </c>
      <c r="L32496" t="s">
        <v>995</v>
      </c>
      <c r="M32496" t="s">
        <v>89</v>
      </c>
      <c r="N32496" t="s">
        <v>90</v>
      </c>
      <c r="O32496" t="s">
        <v>85</v>
      </c>
      <c r="P32496" t="s">
        <v>86</v>
      </c>
      <c r="Q32496">
        <v>25</v>
      </c>
      <c r="R32496">
        <v>25</v>
      </c>
      <c r="S32496">
        <v>26</v>
      </c>
      <c r="T32496">
        <v>26</v>
      </c>
      <c r="U32496">
        <v>27</v>
      </c>
      <c r="V32496">
        <v>27</v>
      </c>
      <c r="W32496">
        <v>28</v>
      </c>
      <c r="X32496">
        <v>28</v>
      </c>
      <c r="Y32496">
        <v>28</v>
      </c>
      <c r="Z32496">
        <v>29</v>
      </c>
      <c r="AA32496">
        <v>29</v>
      </c>
      <c r="AB32496">
        <v>29</v>
      </c>
      <c r="AC32496">
        <v>30</v>
      </c>
      <c r="AD32496">
        <v>30</v>
      </c>
      <c r="AE32496">
        <v>30</v>
      </c>
      <c r="AF32496">
        <v>30</v>
      </c>
      <c r="AG32496">
        <v>30</v>
      </c>
      <c r="AH32496">
        <v>30</v>
      </c>
      <c r="AI32496">
        <v>30</v>
      </c>
      <c r="AJ32496">
        <v>30</v>
      </c>
      <c r="AK32496">
        <v>30</v>
      </c>
      <c r="AL32496">
        <v>29</v>
      </c>
      <c r="AM32496">
        <v>29</v>
      </c>
      <c r="AN32496">
        <v>29</v>
      </c>
      <c r="AO32496">
        <v>29</v>
      </c>
      <c r="AP32496">
        <v>29</v>
      </c>
      <c r="AQ32496">
        <v>29</v>
      </c>
    </row>
    <row r="32497" spans="1:43">
      <c r="A32497" t="s">
        <v>20129</v>
      </c>
      <c r="B32497" t="s">
        <v>20130</v>
      </c>
      <c r="C32497" t="s">
        <v>20077</v>
      </c>
      <c r="D32497" t="s">
        <v>20078</v>
      </c>
      <c r="E32497" t="s">
        <v>20071</v>
      </c>
      <c r="F32497" t="s">
        <v>20072</v>
      </c>
      <c r="G32497" t="s">
        <v>10734</v>
      </c>
      <c r="H32497" t="s">
        <v>10735</v>
      </c>
      <c r="I32497" s="2">
        <v>0</v>
      </c>
      <c r="J32497" s="2">
        <v>0</v>
      </c>
      <c r="K32497" s="2">
        <v>1</v>
      </c>
      <c r="L32497" t="s">
        <v>995</v>
      </c>
      <c r="M32497" t="s">
        <v>83</v>
      </c>
      <c r="N32497" t="s">
        <v>91</v>
      </c>
      <c r="O32497" t="s">
        <v>85</v>
      </c>
      <c r="P32497" t="s">
        <v>86</v>
      </c>
      <c r="Q32497">
        <v>25</v>
      </c>
      <c r="R32497">
        <v>25</v>
      </c>
      <c r="S32497">
        <v>25</v>
      </c>
      <c r="T32497">
        <v>25</v>
      </c>
      <c r="U32497">
        <v>26</v>
      </c>
      <c r="V32497">
        <v>26</v>
      </c>
      <c r="W32497">
        <v>26</v>
      </c>
      <c r="X32497">
        <v>26</v>
      </c>
      <c r="Y32497">
        <v>27</v>
      </c>
      <c r="Z32497">
        <v>27</v>
      </c>
      <c r="AA32497">
        <v>27</v>
      </c>
      <c r="AB32497">
        <v>27</v>
      </c>
      <c r="AC32497">
        <v>28</v>
      </c>
      <c r="AD32497">
        <v>28</v>
      </c>
      <c r="AE32497">
        <v>28</v>
      </c>
      <c r="AF32497">
        <v>28</v>
      </c>
      <c r="AG32497">
        <v>28</v>
      </c>
      <c r="AH32497">
        <v>29</v>
      </c>
      <c r="AI32497">
        <v>29</v>
      </c>
      <c r="AJ32497">
        <v>29</v>
      </c>
      <c r="AK32497">
        <v>29</v>
      </c>
      <c r="AL32497">
        <v>29</v>
      </c>
      <c r="AM32497">
        <v>29</v>
      </c>
      <c r="AN32497">
        <v>29</v>
      </c>
      <c r="AO32497">
        <v>29</v>
      </c>
      <c r="AP32497">
        <v>29</v>
      </c>
      <c r="AQ32497">
        <v>29</v>
      </c>
    </row>
    <row r="32498" spans="1:43">
      <c r="A32498" t="s">
        <v>20131</v>
      </c>
      <c r="B32498" t="s">
        <v>20132</v>
      </c>
      <c r="C32498" t="s">
        <v>20077</v>
      </c>
      <c r="D32498" t="s">
        <v>20078</v>
      </c>
      <c r="E32498" t="s">
        <v>20071</v>
      </c>
      <c r="F32498" t="s">
        <v>20072</v>
      </c>
      <c r="G32498" t="s">
        <v>10734</v>
      </c>
      <c r="H32498" t="s">
        <v>10735</v>
      </c>
      <c r="I32498" s="2">
        <v>0</v>
      </c>
      <c r="J32498" s="2">
        <v>0</v>
      </c>
      <c r="K32498" s="2">
        <v>1</v>
      </c>
      <c r="L32498" t="s">
        <v>995</v>
      </c>
      <c r="M32498" t="s">
        <v>83</v>
      </c>
      <c r="N32498" t="s">
        <v>84</v>
      </c>
      <c r="O32498" t="s">
        <v>85</v>
      </c>
      <c r="P32498" t="s">
        <v>86</v>
      </c>
      <c r="Q32498">
        <v>34</v>
      </c>
      <c r="R32498">
        <v>35</v>
      </c>
      <c r="S32498">
        <v>35</v>
      </c>
      <c r="T32498">
        <v>36</v>
      </c>
      <c r="U32498">
        <v>36</v>
      </c>
      <c r="V32498">
        <v>36</v>
      </c>
      <c r="W32498">
        <v>37</v>
      </c>
      <c r="X32498">
        <v>37</v>
      </c>
      <c r="Y32498">
        <v>37</v>
      </c>
      <c r="Z32498">
        <v>38</v>
      </c>
      <c r="AA32498">
        <v>38</v>
      </c>
      <c r="AB32498">
        <v>38</v>
      </c>
      <c r="AC32498">
        <v>39</v>
      </c>
      <c r="AD32498">
        <v>39</v>
      </c>
      <c r="AE32498">
        <v>39</v>
      </c>
      <c r="AF32498">
        <v>40</v>
      </c>
      <c r="AG32498">
        <v>40</v>
      </c>
      <c r="AH32498">
        <v>40</v>
      </c>
      <c r="AI32498">
        <v>40</v>
      </c>
      <c r="AJ32498">
        <v>41</v>
      </c>
      <c r="AK32498">
        <v>41</v>
      </c>
      <c r="AL32498">
        <v>41</v>
      </c>
      <c r="AM32498">
        <v>41</v>
      </c>
      <c r="AN32498">
        <v>41</v>
      </c>
      <c r="AO32498">
        <v>41</v>
      </c>
      <c r="AP32498">
        <v>41</v>
      </c>
      <c r="AQ32498">
        <v>41</v>
      </c>
    </row>
    <row r="32499" spans="1:43">
      <c r="A32499" t="s">
        <v>20131</v>
      </c>
      <c r="B32499" t="s">
        <v>20132</v>
      </c>
      <c r="C32499" t="s">
        <v>20077</v>
      </c>
      <c r="D32499" t="s">
        <v>20078</v>
      </c>
      <c r="E32499" t="s">
        <v>20071</v>
      </c>
      <c r="F32499" t="s">
        <v>20072</v>
      </c>
      <c r="G32499" t="s">
        <v>10734</v>
      </c>
      <c r="H32499" t="s">
        <v>10735</v>
      </c>
      <c r="I32499" s="2">
        <v>0</v>
      </c>
      <c r="J32499" s="2">
        <v>0</v>
      </c>
      <c r="K32499" s="2">
        <v>1</v>
      </c>
      <c r="L32499" t="s">
        <v>995</v>
      </c>
      <c r="M32499" t="s">
        <v>87</v>
      </c>
      <c r="N32499" t="s">
        <v>88</v>
      </c>
      <c r="O32499" t="s">
        <v>85</v>
      </c>
      <c r="P32499" t="s">
        <v>86</v>
      </c>
      <c r="Q32499">
        <v>34</v>
      </c>
      <c r="R32499">
        <v>34</v>
      </c>
      <c r="S32499">
        <v>34</v>
      </c>
      <c r="T32499">
        <v>34</v>
      </c>
      <c r="U32499">
        <v>34</v>
      </c>
      <c r="V32499">
        <v>34</v>
      </c>
      <c r="W32499">
        <v>34</v>
      </c>
      <c r="X32499">
        <v>34</v>
      </c>
      <c r="Y32499">
        <v>35</v>
      </c>
      <c r="Z32499">
        <v>35</v>
      </c>
      <c r="AA32499">
        <v>35</v>
      </c>
      <c r="AB32499">
        <v>35</v>
      </c>
      <c r="AC32499">
        <v>35</v>
      </c>
      <c r="AD32499">
        <v>35</v>
      </c>
      <c r="AE32499">
        <v>35</v>
      </c>
      <c r="AF32499">
        <v>35</v>
      </c>
      <c r="AG32499">
        <v>35</v>
      </c>
      <c r="AH32499">
        <v>35</v>
      </c>
      <c r="AI32499">
        <v>35</v>
      </c>
      <c r="AJ32499">
        <v>35</v>
      </c>
      <c r="AK32499">
        <v>35</v>
      </c>
      <c r="AL32499">
        <v>35</v>
      </c>
      <c r="AM32499">
        <v>35</v>
      </c>
      <c r="AN32499">
        <v>35</v>
      </c>
      <c r="AO32499">
        <v>35</v>
      </c>
      <c r="AP32499">
        <v>35</v>
      </c>
      <c r="AQ32499">
        <v>35</v>
      </c>
    </row>
    <row r="32500" spans="1:43">
      <c r="A32500" t="s">
        <v>20131</v>
      </c>
      <c r="B32500" t="s">
        <v>20132</v>
      </c>
      <c r="C32500" t="s">
        <v>20077</v>
      </c>
      <c r="D32500" t="s">
        <v>20078</v>
      </c>
      <c r="E32500" t="s">
        <v>20071</v>
      </c>
      <c r="F32500" t="s">
        <v>20072</v>
      </c>
      <c r="G32500" t="s">
        <v>10734</v>
      </c>
      <c r="H32500" t="s">
        <v>10735</v>
      </c>
      <c r="I32500" s="2">
        <v>0</v>
      </c>
      <c r="J32500" s="2">
        <v>0</v>
      </c>
      <c r="K32500" s="2">
        <v>1</v>
      </c>
      <c r="L32500" t="s">
        <v>995</v>
      </c>
      <c r="M32500" t="s">
        <v>89</v>
      </c>
      <c r="N32500" t="s">
        <v>90</v>
      </c>
      <c r="O32500" t="s">
        <v>85</v>
      </c>
      <c r="P32500" t="s">
        <v>86</v>
      </c>
      <c r="Q32500">
        <v>34</v>
      </c>
      <c r="R32500">
        <v>34</v>
      </c>
      <c r="S32500">
        <v>35</v>
      </c>
      <c r="T32500">
        <v>36</v>
      </c>
      <c r="U32500">
        <v>36</v>
      </c>
      <c r="V32500">
        <v>37</v>
      </c>
      <c r="W32500">
        <v>38</v>
      </c>
      <c r="X32500">
        <v>38</v>
      </c>
      <c r="Y32500">
        <v>39</v>
      </c>
      <c r="Z32500">
        <v>39</v>
      </c>
      <c r="AA32500">
        <v>40</v>
      </c>
      <c r="AB32500">
        <v>40</v>
      </c>
      <c r="AC32500">
        <v>40</v>
      </c>
      <c r="AD32500">
        <v>41</v>
      </c>
      <c r="AE32500">
        <v>41</v>
      </c>
      <c r="AF32500">
        <v>41</v>
      </c>
      <c r="AG32500">
        <v>41</v>
      </c>
      <c r="AH32500">
        <v>41</v>
      </c>
      <c r="AI32500">
        <v>41</v>
      </c>
      <c r="AJ32500">
        <v>41</v>
      </c>
      <c r="AK32500">
        <v>41</v>
      </c>
      <c r="AL32500">
        <v>41</v>
      </c>
      <c r="AM32500">
        <v>40</v>
      </c>
      <c r="AN32500">
        <v>40</v>
      </c>
      <c r="AO32500">
        <v>40</v>
      </c>
      <c r="AP32500">
        <v>40</v>
      </c>
      <c r="AQ32500">
        <v>40</v>
      </c>
    </row>
    <row r="32501" spans="1:43">
      <c r="A32501" t="s">
        <v>20131</v>
      </c>
      <c r="B32501" t="s">
        <v>20132</v>
      </c>
      <c r="C32501" t="s">
        <v>20077</v>
      </c>
      <c r="D32501" t="s">
        <v>20078</v>
      </c>
      <c r="E32501" t="s">
        <v>20071</v>
      </c>
      <c r="F32501" t="s">
        <v>20072</v>
      </c>
      <c r="G32501" t="s">
        <v>10734</v>
      </c>
      <c r="H32501" t="s">
        <v>10735</v>
      </c>
      <c r="I32501" s="2">
        <v>0</v>
      </c>
      <c r="J32501" s="2">
        <v>0</v>
      </c>
      <c r="K32501" s="2">
        <v>1</v>
      </c>
      <c r="L32501" t="s">
        <v>995</v>
      </c>
      <c r="M32501" t="s">
        <v>83</v>
      </c>
      <c r="N32501" t="s">
        <v>91</v>
      </c>
      <c r="O32501" t="s">
        <v>85</v>
      </c>
      <c r="P32501" t="s">
        <v>86</v>
      </c>
      <c r="Q32501">
        <v>34</v>
      </c>
      <c r="R32501">
        <v>35</v>
      </c>
      <c r="S32501">
        <v>35</v>
      </c>
      <c r="T32501">
        <v>36</v>
      </c>
      <c r="U32501">
        <v>36</v>
      </c>
      <c r="V32501">
        <v>36</v>
      </c>
      <c r="W32501">
        <v>37</v>
      </c>
      <c r="X32501">
        <v>37</v>
      </c>
      <c r="Y32501">
        <v>37</v>
      </c>
      <c r="Z32501">
        <v>38</v>
      </c>
      <c r="AA32501">
        <v>38</v>
      </c>
      <c r="AB32501">
        <v>38</v>
      </c>
      <c r="AC32501">
        <v>39</v>
      </c>
      <c r="AD32501">
        <v>39</v>
      </c>
      <c r="AE32501">
        <v>39</v>
      </c>
      <c r="AF32501">
        <v>40</v>
      </c>
      <c r="AG32501">
        <v>40</v>
      </c>
      <c r="AH32501">
        <v>40</v>
      </c>
      <c r="AI32501">
        <v>40</v>
      </c>
      <c r="AJ32501">
        <v>41</v>
      </c>
      <c r="AK32501">
        <v>41</v>
      </c>
      <c r="AL32501">
        <v>41</v>
      </c>
      <c r="AM32501">
        <v>41</v>
      </c>
      <c r="AN32501">
        <v>41</v>
      </c>
      <c r="AO32501">
        <v>41</v>
      </c>
      <c r="AP32501">
        <v>41</v>
      </c>
      <c r="AQ32501">
        <v>41</v>
      </c>
    </row>
    <row r="32502" spans="1:43">
      <c r="A32502" t="s">
        <v>20133</v>
      </c>
      <c r="B32502" t="s">
        <v>20134</v>
      </c>
      <c r="C32502" t="s">
        <v>20105</v>
      </c>
      <c r="D32502" t="s">
        <v>20106</v>
      </c>
      <c r="E32502" t="s">
        <v>20071</v>
      </c>
      <c r="F32502" t="s">
        <v>20072</v>
      </c>
      <c r="G32502" t="s">
        <v>10734</v>
      </c>
      <c r="H32502" t="s">
        <v>10735</v>
      </c>
      <c r="I32502" s="2">
        <v>0</v>
      </c>
      <c r="J32502" s="2">
        <v>0</v>
      </c>
      <c r="K32502" s="2">
        <v>1</v>
      </c>
      <c r="L32502" t="s">
        <v>995</v>
      </c>
      <c r="M32502" t="s">
        <v>83</v>
      </c>
      <c r="N32502" t="s">
        <v>84</v>
      </c>
      <c r="O32502" t="s">
        <v>85</v>
      </c>
      <c r="P32502" t="s">
        <v>86</v>
      </c>
      <c r="Q32502">
        <v>8</v>
      </c>
      <c r="R32502">
        <v>8</v>
      </c>
      <c r="S32502">
        <v>8</v>
      </c>
      <c r="T32502">
        <v>8</v>
      </c>
      <c r="U32502">
        <v>8</v>
      </c>
      <c r="V32502">
        <v>8</v>
      </c>
      <c r="W32502">
        <v>8</v>
      </c>
      <c r="X32502">
        <v>8</v>
      </c>
      <c r="Y32502">
        <v>9</v>
      </c>
      <c r="Z32502">
        <v>9</v>
      </c>
      <c r="AA32502">
        <v>9</v>
      </c>
      <c r="AB32502">
        <v>9</v>
      </c>
      <c r="AC32502">
        <v>9</v>
      </c>
      <c r="AD32502">
        <v>9</v>
      </c>
      <c r="AE32502">
        <v>9</v>
      </c>
      <c r="AF32502">
        <v>9</v>
      </c>
      <c r="AG32502">
        <v>9</v>
      </c>
      <c r="AH32502">
        <v>9</v>
      </c>
      <c r="AI32502">
        <v>9</v>
      </c>
      <c r="AJ32502">
        <v>9</v>
      </c>
      <c r="AK32502">
        <v>9</v>
      </c>
      <c r="AL32502">
        <v>9</v>
      </c>
      <c r="AM32502">
        <v>9</v>
      </c>
      <c r="AN32502">
        <v>9</v>
      </c>
      <c r="AO32502">
        <v>9</v>
      </c>
      <c r="AP32502">
        <v>9</v>
      </c>
      <c r="AQ32502">
        <v>9</v>
      </c>
    </row>
    <row r="32503" spans="1:43">
      <c r="A32503" t="s">
        <v>20133</v>
      </c>
      <c r="B32503" t="s">
        <v>20134</v>
      </c>
      <c r="C32503" t="s">
        <v>20105</v>
      </c>
      <c r="D32503" t="s">
        <v>20106</v>
      </c>
      <c r="E32503" t="s">
        <v>20071</v>
      </c>
      <c r="F32503" t="s">
        <v>20072</v>
      </c>
      <c r="G32503" t="s">
        <v>10734</v>
      </c>
      <c r="H32503" t="s">
        <v>10735</v>
      </c>
      <c r="I32503" s="2">
        <v>0</v>
      </c>
      <c r="J32503" s="2">
        <v>0</v>
      </c>
      <c r="K32503" s="2">
        <v>1</v>
      </c>
      <c r="L32503" t="s">
        <v>995</v>
      </c>
      <c r="M32503" t="s">
        <v>87</v>
      </c>
      <c r="N32503" t="s">
        <v>88</v>
      </c>
      <c r="O32503" t="s">
        <v>85</v>
      </c>
      <c r="P32503" t="s">
        <v>86</v>
      </c>
      <c r="Q32503">
        <v>8</v>
      </c>
      <c r="R32503">
        <v>8</v>
      </c>
      <c r="S32503">
        <v>8</v>
      </c>
      <c r="T32503">
        <v>8</v>
      </c>
      <c r="U32503">
        <v>8</v>
      </c>
      <c r="V32503">
        <v>8</v>
      </c>
      <c r="W32503">
        <v>8</v>
      </c>
      <c r="X32503">
        <v>8</v>
      </c>
      <c r="Y32503">
        <v>8</v>
      </c>
      <c r="Z32503">
        <v>8</v>
      </c>
      <c r="AA32503">
        <v>8</v>
      </c>
      <c r="AB32503">
        <v>8</v>
      </c>
      <c r="AC32503">
        <v>8</v>
      </c>
      <c r="AD32503">
        <v>8</v>
      </c>
      <c r="AE32503">
        <v>8</v>
      </c>
      <c r="AF32503">
        <v>8</v>
      </c>
      <c r="AG32503">
        <v>8</v>
      </c>
      <c r="AH32503">
        <v>8</v>
      </c>
      <c r="AI32503">
        <v>8</v>
      </c>
      <c r="AJ32503">
        <v>8</v>
      </c>
      <c r="AK32503">
        <v>8</v>
      </c>
      <c r="AL32503">
        <v>8</v>
      </c>
      <c r="AM32503">
        <v>8</v>
      </c>
      <c r="AN32503">
        <v>8</v>
      </c>
      <c r="AO32503">
        <v>8</v>
      </c>
      <c r="AP32503">
        <v>8</v>
      </c>
      <c r="AQ32503">
        <v>8</v>
      </c>
    </row>
    <row r="32504" spans="1:43">
      <c r="A32504" t="s">
        <v>20133</v>
      </c>
      <c r="B32504" t="s">
        <v>20134</v>
      </c>
      <c r="C32504" t="s">
        <v>20105</v>
      </c>
      <c r="D32504" t="s">
        <v>20106</v>
      </c>
      <c r="E32504" t="s">
        <v>20071</v>
      </c>
      <c r="F32504" t="s">
        <v>20072</v>
      </c>
      <c r="G32504" t="s">
        <v>10734</v>
      </c>
      <c r="H32504" t="s">
        <v>10735</v>
      </c>
      <c r="I32504" s="2">
        <v>0</v>
      </c>
      <c r="J32504" s="2">
        <v>0</v>
      </c>
      <c r="K32504" s="2">
        <v>1</v>
      </c>
      <c r="L32504" t="s">
        <v>995</v>
      </c>
      <c r="M32504" t="s">
        <v>89</v>
      </c>
      <c r="N32504" t="s">
        <v>90</v>
      </c>
      <c r="O32504" t="s">
        <v>85</v>
      </c>
      <c r="P32504" t="s">
        <v>86</v>
      </c>
      <c r="Q32504">
        <v>8</v>
      </c>
      <c r="R32504">
        <v>8</v>
      </c>
      <c r="S32504">
        <v>8</v>
      </c>
      <c r="T32504">
        <v>8</v>
      </c>
      <c r="U32504">
        <v>9</v>
      </c>
      <c r="V32504">
        <v>9</v>
      </c>
      <c r="W32504">
        <v>9</v>
      </c>
      <c r="X32504">
        <v>9</v>
      </c>
      <c r="Y32504">
        <v>9</v>
      </c>
      <c r="Z32504">
        <v>9</v>
      </c>
      <c r="AA32504">
        <v>9</v>
      </c>
      <c r="AB32504">
        <v>9</v>
      </c>
      <c r="AC32504">
        <v>9</v>
      </c>
      <c r="AD32504">
        <v>10</v>
      </c>
      <c r="AE32504">
        <v>10</v>
      </c>
      <c r="AF32504">
        <v>10</v>
      </c>
      <c r="AG32504">
        <v>10</v>
      </c>
      <c r="AH32504">
        <v>10</v>
      </c>
      <c r="AI32504">
        <v>9</v>
      </c>
      <c r="AJ32504">
        <v>9</v>
      </c>
      <c r="AK32504">
        <v>9</v>
      </c>
      <c r="AL32504">
        <v>9</v>
      </c>
      <c r="AM32504">
        <v>9</v>
      </c>
      <c r="AN32504">
        <v>9</v>
      </c>
      <c r="AO32504">
        <v>9</v>
      </c>
      <c r="AP32504">
        <v>9</v>
      </c>
      <c r="AQ32504">
        <v>9</v>
      </c>
    </row>
    <row r="32505" spans="1:43">
      <c r="A32505" t="s">
        <v>20133</v>
      </c>
      <c r="B32505" t="s">
        <v>20134</v>
      </c>
      <c r="C32505" t="s">
        <v>20105</v>
      </c>
      <c r="D32505" t="s">
        <v>20106</v>
      </c>
      <c r="E32505" t="s">
        <v>20071</v>
      </c>
      <c r="F32505" t="s">
        <v>20072</v>
      </c>
      <c r="G32505" t="s">
        <v>10734</v>
      </c>
      <c r="H32505" t="s">
        <v>10735</v>
      </c>
      <c r="I32505" s="2">
        <v>0</v>
      </c>
      <c r="J32505" s="2">
        <v>0</v>
      </c>
      <c r="K32505" s="2">
        <v>1</v>
      </c>
      <c r="L32505" t="s">
        <v>995</v>
      </c>
      <c r="M32505" t="s">
        <v>83</v>
      </c>
      <c r="N32505" t="s">
        <v>91</v>
      </c>
      <c r="O32505" t="s">
        <v>85</v>
      </c>
      <c r="P32505" t="s">
        <v>86</v>
      </c>
      <c r="Q32505">
        <v>8</v>
      </c>
      <c r="R32505">
        <v>8</v>
      </c>
      <c r="S32505">
        <v>8</v>
      </c>
      <c r="T32505">
        <v>8</v>
      </c>
      <c r="U32505">
        <v>8</v>
      </c>
      <c r="V32505">
        <v>8</v>
      </c>
      <c r="W32505">
        <v>8</v>
      </c>
      <c r="X32505">
        <v>8</v>
      </c>
      <c r="Y32505">
        <v>9</v>
      </c>
      <c r="Z32505">
        <v>9</v>
      </c>
      <c r="AA32505">
        <v>9</v>
      </c>
      <c r="AB32505">
        <v>9</v>
      </c>
      <c r="AC32505">
        <v>9</v>
      </c>
      <c r="AD32505">
        <v>9</v>
      </c>
      <c r="AE32505">
        <v>9</v>
      </c>
      <c r="AF32505">
        <v>9</v>
      </c>
      <c r="AG32505">
        <v>9</v>
      </c>
      <c r="AH32505">
        <v>9</v>
      </c>
      <c r="AI32505">
        <v>9</v>
      </c>
      <c r="AJ32505">
        <v>9</v>
      </c>
      <c r="AK32505">
        <v>9</v>
      </c>
      <c r="AL32505">
        <v>9</v>
      </c>
      <c r="AM32505">
        <v>9</v>
      </c>
      <c r="AN32505">
        <v>9</v>
      </c>
      <c r="AO32505">
        <v>9</v>
      </c>
      <c r="AP32505">
        <v>9</v>
      </c>
      <c r="AQ32505">
        <v>9</v>
      </c>
    </row>
    <row r="32506" spans="1:43">
      <c r="A32506" t="s">
        <v>20135</v>
      </c>
      <c r="B32506" t="s">
        <v>20136</v>
      </c>
      <c r="C32506" t="s">
        <v>20105</v>
      </c>
      <c r="D32506" t="s">
        <v>20106</v>
      </c>
      <c r="E32506" t="s">
        <v>20071</v>
      </c>
      <c r="F32506" t="s">
        <v>20072</v>
      </c>
      <c r="G32506" t="s">
        <v>10734</v>
      </c>
      <c r="H32506" t="s">
        <v>10735</v>
      </c>
      <c r="I32506" s="2">
        <v>0</v>
      </c>
      <c r="J32506" s="2">
        <v>0</v>
      </c>
      <c r="K32506" s="2">
        <v>1</v>
      </c>
      <c r="L32506" t="s">
        <v>995</v>
      </c>
      <c r="M32506" t="s">
        <v>83</v>
      </c>
      <c r="N32506" t="s">
        <v>84</v>
      </c>
      <c r="O32506" t="s">
        <v>85</v>
      </c>
      <c r="P32506" t="s">
        <v>86</v>
      </c>
      <c r="Q32506">
        <v>27</v>
      </c>
      <c r="R32506">
        <v>28</v>
      </c>
      <c r="S32506">
        <v>28</v>
      </c>
      <c r="T32506">
        <v>28</v>
      </c>
      <c r="U32506">
        <v>28</v>
      </c>
      <c r="V32506">
        <v>29</v>
      </c>
      <c r="W32506">
        <v>29</v>
      </c>
      <c r="X32506">
        <v>29</v>
      </c>
      <c r="Y32506">
        <v>30</v>
      </c>
      <c r="Z32506">
        <v>30</v>
      </c>
      <c r="AA32506">
        <v>30</v>
      </c>
      <c r="AB32506">
        <v>30</v>
      </c>
      <c r="AC32506">
        <v>30</v>
      </c>
      <c r="AD32506">
        <v>31</v>
      </c>
      <c r="AE32506">
        <v>31</v>
      </c>
      <c r="AF32506">
        <v>31</v>
      </c>
      <c r="AG32506">
        <v>31</v>
      </c>
      <c r="AH32506">
        <v>32</v>
      </c>
      <c r="AI32506">
        <v>32</v>
      </c>
      <c r="AJ32506">
        <v>32</v>
      </c>
      <c r="AK32506">
        <v>32</v>
      </c>
      <c r="AL32506">
        <v>32</v>
      </c>
      <c r="AM32506">
        <v>32</v>
      </c>
      <c r="AN32506">
        <v>32</v>
      </c>
      <c r="AO32506">
        <v>32</v>
      </c>
      <c r="AP32506">
        <v>32</v>
      </c>
      <c r="AQ32506">
        <v>32</v>
      </c>
    </row>
    <row r="32507" spans="1:43">
      <c r="A32507" t="s">
        <v>20135</v>
      </c>
      <c r="B32507" t="s">
        <v>20136</v>
      </c>
      <c r="C32507" t="s">
        <v>20105</v>
      </c>
      <c r="D32507" t="s">
        <v>20106</v>
      </c>
      <c r="E32507" t="s">
        <v>20071</v>
      </c>
      <c r="F32507" t="s">
        <v>20072</v>
      </c>
      <c r="G32507" t="s">
        <v>10734</v>
      </c>
      <c r="H32507" t="s">
        <v>10735</v>
      </c>
      <c r="I32507" s="2">
        <v>0</v>
      </c>
      <c r="J32507" s="2">
        <v>0</v>
      </c>
      <c r="K32507" s="2">
        <v>1</v>
      </c>
      <c r="L32507" t="s">
        <v>995</v>
      </c>
      <c r="M32507" t="s">
        <v>87</v>
      </c>
      <c r="N32507" t="s">
        <v>88</v>
      </c>
      <c r="O32507" t="s">
        <v>85</v>
      </c>
      <c r="P32507" t="s">
        <v>86</v>
      </c>
      <c r="Q32507">
        <v>27</v>
      </c>
      <c r="R32507">
        <v>27</v>
      </c>
      <c r="S32507">
        <v>27</v>
      </c>
      <c r="T32507">
        <v>27</v>
      </c>
      <c r="U32507">
        <v>27</v>
      </c>
      <c r="V32507">
        <v>27</v>
      </c>
      <c r="W32507">
        <v>27</v>
      </c>
      <c r="X32507">
        <v>27</v>
      </c>
      <c r="Y32507">
        <v>27</v>
      </c>
      <c r="Z32507">
        <v>27</v>
      </c>
      <c r="AA32507">
        <v>27</v>
      </c>
      <c r="AB32507">
        <v>27</v>
      </c>
      <c r="AC32507">
        <v>27</v>
      </c>
      <c r="AD32507">
        <v>27</v>
      </c>
      <c r="AE32507">
        <v>27</v>
      </c>
      <c r="AF32507">
        <v>27</v>
      </c>
      <c r="AG32507">
        <v>27</v>
      </c>
      <c r="AH32507">
        <v>27</v>
      </c>
      <c r="AI32507">
        <v>27</v>
      </c>
      <c r="AJ32507">
        <v>27</v>
      </c>
      <c r="AK32507">
        <v>27</v>
      </c>
      <c r="AL32507">
        <v>27</v>
      </c>
      <c r="AM32507">
        <v>27</v>
      </c>
      <c r="AN32507">
        <v>27</v>
      </c>
      <c r="AO32507">
        <v>27</v>
      </c>
      <c r="AP32507">
        <v>27</v>
      </c>
      <c r="AQ32507">
        <v>27</v>
      </c>
    </row>
    <row r="32508" spans="1:43">
      <c r="A32508" t="s">
        <v>20135</v>
      </c>
      <c r="B32508" t="s">
        <v>20136</v>
      </c>
      <c r="C32508" t="s">
        <v>20105</v>
      </c>
      <c r="D32508" t="s">
        <v>20106</v>
      </c>
      <c r="E32508" t="s">
        <v>20071</v>
      </c>
      <c r="F32508" t="s">
        <v>20072</v>
      </c>
      <c r="G32508" t="s">
        <v>10734</v>
      </c>
      <c r="H32508" t="s">
        <v>10735</v>
      </c>
      <c r="I32508" s="2">
        <v>0</v>
      </c>
      <c r="J32508" s="2">
        <v>0</v>
      </c>
      <c r="K32508" s="2">
        <v>1</v>
      </c>
      <c r="L32508" t="s">
        <v>995</v>
      </c>
      <c r="M32508" t="s">
        <v>89</v>
      </c>
      <c r="N32508" t="s">
        <v>90</v>
      </c>
      <c r="O32508" t="s">
        <v>85</v>
      </c>
      <c r="P32508" t="s">
        <v>86</v>
      </c>
      <c r="Q32508">
        <v>27</v>
      </c>
      <c r="R32508">
        <v>27</v>
      </c>
      <c r="S32508">
        <v>28</v>
      </c>
      <c r="T32508">
        <v>28</v>
      </c>
      <c r="U32508">
        <v>29</v>
      </c>
      <c r="V32508">
        <v>29</v>
      </c>
      <c r="W32508">
        <v>29</v>
      </c>
      <c r="X32508">
        <v>30</v>
      </c>
      <c r="Y32508">
        <v>30</v>
      </c>
      <c r="Z32508">
        <v>31</v>
      </c>
      <c r="AA32508">
        <v>31</v>
      </c>
      <c r="AB32508">
        <v>31</v>
      </c>
      <c r="AC32508">
        <v>32</v>
      </c>
      <c r="AD32508">
        <v>32</v>
      </c>
      <c r="AE32508">
        <v>32</v>
      </c>
      <c r="AF32508">
        <v>32</v>
      </c>
      <c r="AG32508">
        <v>32</v>
      </c>
      <c r="AH32508">
        <v>32</v>
      </c>
      <c r="AI32508">
        <v>32</v>
      </c>
      <c r="AJ32508">
        <v>32</v>
      </c>
      <c r="AK32508">
        <v>32</v>
      </c>
      <c r="AL32508">
        <v>31</v>
      </c>
      <c r="AM32508">
        <v>31</v>
      </c>
      <c r="AN32508">
        <v>31</v>
      </c>
      <c r="AO32508">
        <v>31</v>
      </c>
      <c r="AP32508">
        <v>31</v>
      </c>
      <c r="AQ32508">
        <v>31</v>
      </c>
    </row>
    <row r="32509" spans="1:43">
      <c r="A32509" t="s">
        <v>20135</v>
      </c>
      <c r="B32509" t="s">
        <v>20136</v>
      </c>
      <c r="C32509" t="s">
        <v>20105</v>
      </c>
      <c r="D32509" t="s">
        <v>20106</v>
      </c>
      <c r="E32509" t="s">
        <v>20071</v>
      </c>
      <c r="F32509" t="s">
        <v>20072</v>
      </c>
      <c r="G32509" t="s">
        <v>10734</v>
      </c>
      <c r="H32509" t="s">
        <v>10735</v>
      </c>
      <c r="I32509" s="2">
        <v>0</v>
      </c>
      <c r="J32509" s="2">
        <v>0</v>
      </c>
      <c r="K32509" s="2">
        <v>1</v>
      </c>
      <c r="L32509" t="s">
        <v>995</v>
      </c>
      <c r="M32509" t="s">
        <v>83</v>
      </c>
      <c r="N32509" t="s">
        <v>91</v>
      </c>
      <c r="O32509" t="s">
        <v>85</v>
      </c>
      <c r="P32509" t="s">
        <v>86</v>
      </c>
      <c r="Q32509">
        <v>27</v>
      </c>
      <c r="R32509">
        <v>28</v>
      </c>
      <c r="S32509">
        <v>28</v>
      </c>
      <c r="T32509">
        <v>28</v>
      </c>
      <c r="U32509">
        <v>28</v>
      </c>
      <c r="V32509">
        <v>29</v>
      </c>
      <c r="W32509">
        <v>29</v>
      </c>
      <c r="X32509">
        <v>29</v>
      </c>
      <c r="Y32509">
        <v>30</v>
      </c>
      <c r="Z32509">
        <v>30</v>
      </c>
      <c r="AA32509">
        <v>30</v>
      </c>
      <c r="AB32509">
        <v>30</v>
      </c>
      <c r="AC32509">
        <v>30</v>
      </c>
      <c r="AD32509">
        <v>31</v>
      </c>
      <c r="AE32509">
        <v>31</v>
      </c>
      <c r="AF32509">
        <v>31</v>
      </c>
      <c r="AG32509">
        <v>31</v>
      </c>
      <c r="AH32509">
        <v>32</v>
      </c>
      <c r="AI32509">
        <v>32</v>
      </c>
      <c r="AJ32509">
        <v>32</v>
      </c>
      <c r="AK32509">
        <v>32</v>
      </c>
      <c r="AL32509">
        <v>32</v>
      </c>
      <c r="AM32509">
        <v>32</v>
      </c>
      <c r="AN32509">
        <v>32</v>
      </c>
      <c r="AO32509">
        <v>32</v>
      </c>
      <c r="AP32509">
        <v>32</v>
      </c>
      <c r="AQ32509">
        <v>32</v>
      </c>
    </row>
    <row r="32510" spans="1:43">
      <c r="A32510" t="s">
        <v>20137</v>
      </c>
      <c r="B32510" t="s">
        <v>20138</v>
      </c>
      <c r="C32510" t="s">
        <v>20105</v>
      </c>
      <c r="D32510" t="s">
        <v>20106</v>
      </c>
      <c r="E32510" t="s">
        <v>20071</v>
      </c>
      <c r="F32510" t="s">
        <v>20072</v>
      </c>
      <c r="G32510" t="s">
        <v>10734</v>
      </c>
      <c r="H32510" t="s">
        <v>10735</v>
      </c>
      <c r="I32510" s="2">
        <v>0</v>
      </c>
      <c r="J32510" s="2">
        <v>0</v>
      </c>
      <c r="K32510" s="2">
        <v>1</v>
      </c>
      <c r="L32510" t="s">
        <v>995</v>
      </c>
      <c r="M32510" t="s">
        <v>83</v>
      </c>
      <c r="N32510" t="s">
        <v>84</v>
      </c>
      <c r="O32510" t="s">
        <v>85</v>
      </c>
      <c r="P32510" t="s">
        <v>86</v>
      </c>
      <c r="Q32510">
        <v>70</v>
      </c>
      <c r="R32510">
        <v>71</v>
      </c>
      <c r="S32510">
        <v>71</v>
      </c>
      <c r="T32510">
        <v>72</v>
      </c>
      <c r="U32510">
        <v>73</v>
      </c>
      <c r="V32510">
        <v>73</v>
      </c>
      <c r="W32510">
        <v>74</v>
      </c>
      <c r="X32510">
        <v>75</v>
      </c>
      <c r="Y32510">
        <v>76</v>
      </c>
      <c r="Z32510">
        <v>76</v>
      </c>
      <c r="AA32510">
        <v>77</v>
      </c>
      <c r="AB32510">
        <v>78</v>
      </c>
      <c r="AC32510">
        <v>78</v>
      </c>
      <c r="AD32510">
        <v>79</v>
      </c>
      <c r="AE32510">
        <v>79</v>
      </c>
      <c r="AF32510">
        <v>80</v>
      </c>
      <c r="AG32510">
        <v>80</v>
      </c>
      <c r="AH32510">
        <v>81</v>
      </c>
      <c r="AI32510">
        <v>81</v>
      </c>
      <c r="AJ32510">
        <v>82</v>
      </c>
      <c r="AK32510">
        <v>82</v>
      </c>
      <c r="AL32510">
        <v>82</v>
      </c>
      <c r="AM32510">
        <v>82</v>
      </c>
      <c r="AN32510">
        <v>82</v>
      </c>
      <c r="AO32510">
        <v>82</v>
      </c>
      <c r="AP32510">
        <v>81</v>
      </c>
      <c r="AQ32510">
        <v>81</v>
      </c>
    </row>
    <row r="32511" spans="1:43">
      <c r="A32511" t="s">
        <v>20137</v>
      </c>
      <c r="B32511" t="s">
        <v>20138</v>
      </c>
      <c r="C32511" t="s">
        <v>20105</v>
      </c>
      <c r="D32511" t="s">
        <v>20106</v>
      </c>
      <c r="E32511" t="s">
        <v>20071</v>
      </c>
      <c r="F32511" t="s">
        <v>20072</v>
      </c>
      <c r="G32511" t="s">
        <v>10734</v>
      </c>
      <c r="H32511" t="s">
        <v>10735</v>
      </c>
      <c r="I32511" s="2">
        <v>0</v>
      </c>
      <c r="J32511" s="2">
        <v>0</v>
      </c>
      <c r="K32511" s="2">
        <v>1</v>
      </c>
      <c r="L32511" t="s">
        <v>995</v>
      </c>
      <c r="M32511" t="s">
        <v>87</v>
      </c>
      <c r="N32511" t="s">
        <v>88</v>
      </c>
      <c r="O32511" t="s">
        <v>85</v>
      </c>
      <c r="P32511" t="s">
        <v>86</v>
      </c>
      <c r="Q32511">
        <v>70</v>
      </c>
      <c r="R32511">
        <v>70</v>
      </c>
      <c r="S32511">
        <v>70</v>
      </c>
      <c r="T32511">
        <v>70</v>
      </c>
      <c r="U32511">
        <v>71</v>
      </c>
      <c r="V32511">
        <v>71</v>
      </c>
      <c r="W32511">
        <v>71</v>
      </c>
      <c r="X32511">
        <v>71</v>
      </c>
      <c r="Y32511">
        <v>71</v>
      </c>
      <c r="Z32511">
        <v>71</v>
      </c>
      <c r="AA32511">
        <v>71</v>
      </c>
      <c r="AB32511">
        <v>71</v>
      </c>
      <c r="AC32511">
        <v>71</v>
      </c>
      <c r="AD32511">
        <v>71</v>
      </c>
      <c r="AE32511">
        <v>71</v>
      </c>
      <c r="AF32511">
        <v>71</v>
      </c>
      <c r="AG32511">
        <v>71</v>
      </c>
      <c r="AH32511">
        <v>71</v>
      </c>
      <c r="AI32511">
        <v>71</v>
      </c>
      <c r="AJ32511">
        <v>71</v>
      </c>
      <c r="AK32511">
        <v>71</v>
      </c>
      <c r="AL32511">
        <v>71</v>
      </c>
      <c r="AM32511">
        <v>71</v>
      </c>
      <c r="AN32511">
        <v>71</v>
      </c>
      <c r="AO32511">
        <v>71</v>
      </c>
      <c r="AP32511">
        <v>71</v>
      </c>
      <c r="AQ32511">
        <v>71</v>
      </c>
    </row>
    <row r="32512" spans="1:43">
      <c r="A32512" t="s">
        <v>20137</v>
      </c>
      <c r="B32512" t="s">
        <v>20138</v>
      </c>
      <c r="C32512" t="s">
        <v>20105</v>
      </c>
      <c r="D32512" t="s">
        <v>20106</v>
      </c>
      <c r="E32512" t="s">
        <v>20071</v>
      </c>
      <c r="F32512" t="s">
        <v>20072</v>
      </c>
      <c r="G32512" t="s">
        <v>10734</v>
      </c>
      <c r="H32512" t="s">
        <v>10735</v>
      </c>
      <c r="I32512" s="2">
        <v>0</v>
      </c>
      <c r="J32512" s="2">
        <v>0</v>
      </c>
      <c r="K32512" s="2">
        <v>1</v>
      </c>
      <c r="L32512" t="s">
        <v>995</v>
      </c>
      <c r="M32512" t="s">
        <v>89</v>
      </c>
      <c r="N32512" t="s">
        <v>90</v>
      </c>
      <c r="O32512" t="s">
        <v>85</v>
      </c>
      <c r="P32512" t="s">
        <v>86</v>
      </c>
      <c r="Q32512">
        <v>70</v>
      </c>
      <c r="R32512">
        <v>72</v>
      </c>
      <c r="S32512">
        <v>73</v>
      </c>
      <c r="T32512">
        <v>74</v>
      </c>
      <c r="U32512">
        <v>76</v>
      </c>
      <c r="V32512">
        <v>77</v>
      </c>
      <c r="W32512">
        <v>78</v>
      </c>
      <c r="X32512">
        <v>79</v>
      </c>
      <c r="Y32512">
        <v>80</v>
      </c>
      <c r="Z32512">
        <v>81</v>
      </c>
      <c r="AA32512">
        <v>82</v>
      </c>
      <c r="AB32512">
        <v>83</v>
      </c>
      <c r="AC32512">
        <v>84</v>
      </c>
      <c r="AD32512">
        <v>85</v>
      </c>
      <c r="AE32512">
        <v>85</v>
      </c>
      <c r="AF32512">
        <v>85</v>
      </c>
      <c r="AG32512">
        <v>85</v>
      </c>
      <c r="AH32512">
        <v>84</v>
      </c>
      <c r="AI32512">
        <v>84</v>
      </c>
      <c r="AJ32512">
        <v>84</v>
      </c>
      <c r="AK32512">
        <v>84</v>
      </c>
      <c r="AL32512">
        <v>83</v>
      </c>
      <c r="AM32512">
        <v>83</v>
      </c>
      <c r="AN32512">
        <v>83</v>
      </c>
      <c r="AO32512">
        <v>82</v>
      </c>
      <c r="AP32512">
        <v>82</v>
      </c>
      <c r="AQ32512">
        <v>82</v>
      </c>
    </row>
    <row r="32513" spans="1:43">
      <c r="A32513" t="s">
        <v>20137</v>
      </c>
      <c r="B32513" t="s">
        <v>20138</v>
      </c>
      <c r="C32513" t="s">
        <v>20105</v>
      </c>
      <c r="D32513" t="s">
        <v>20106</v>
      </c>
      <c r="E32513" t="s">
        <v>20071</v>
      </c>
      <c r="F32513" t="s">
        <v>20072</v>
      </c>
      <c r="G32513" t="s">
        <v>10734</v>
      </c>
      <c r="H32513" t="s">
        <v>10735</v>
      </c>
      <c r="I32513" s="2">
        <v>0</v>
      </c>
      <c r="J32513" s="2">
        <v>0</v>
      </c>
      <c r="K32513" s="2">
        <v>1</v>
      </c>
      <c r="L32513" t="s">
        <v>995</v>
      </c>
      <c r="M32513" t="s">
        <v>83</v>
      </c>
      <c r="N32513" t="s">
        <v>91</v>
      </c>
      <c r="O32513" t="s">
        <v>85</v>
      </c>
      <c r="P32513" t="s">
        <v>86</v>
      </c>
      <c r="Q32513">
        <v>70</v>
      </c>
      <c r="R32513">
        <v>71</v>
      </c>
      <c r="S32513">
        <v>71</v>
      </c>
      <c r="T32513">
        <v>72</v>
      </c>
      <c r="U32513">
        <v>73</v>
      </c>
      <c r="V32513">
        <v>73</v>
      </c>
      <c r="W32513">
        <v>74</v>
      </c>
      <c r="X32513">
        <v>75</v>
      </c>
      <c r="Y32513">
        <v>76</v>
      </c>
      <c r="Z32513">
        <v>76</v>
      </c>
      <c r="AA32513">
        <v>77</v>
      </c>
      <c r="AB32513">
        <v>78</v>
      </c>
      <c r="AC32513">
        <v>78</v>
      </c>
      <c r="AD32513">
        <v>79</v>
      </c>
      <c r="AE32513">
        <v>79</v>
      </c>
      <c r="AF32513">
        <v>80</v>
      </c>
      <c r="AG32513">
        <v>80</v>
      </c>
      <c r="AH32513">
        <v>81</v>
      </c>
      <c r="AI32513">
        <v>81</v>
      </c>
      <c r="AJ32513">
        <v>82</v>
      </c>
      <c r="AK32513">
        <v>82</v>
      </c>
      <c r="AL32513">
        <v>82</v>
      </c>
      <c r="AM32513">
        <v>82</v>
      </c>
      <c r="AN32513">
        <v>82</v>
      </c>
      <c r="AO32513">
        <v>82</v>
      </c>
      <c r="AP32513">
        <v>81</v>
      </c>
      <c r="AQ32513">
        <v>81</v>
      </c>
    </row>
    <row r="32514" spans="1:43">
      <c r="A32514" t="s">
        <v>20139</v>
      </c>
      <c r="B32514" t="s">
        <v>20140</v>
      </c>
      <c r="C32514" t="s">
        <v>20105</v>
      </c>
      <c r="D32514" t="s">
        <v>20106</v>
      </c>
      <c r="E32514" t="s">
        <v>20071</v>
      </c>
      <c r="F32514" t="s">
        <v>20072</v>
      </c>
      <c r="G32514" t="s">
        <v>10734</v>
      </c>
      <c r="H32514" t="s">
        <v>10735</v>
      </c>
      <c r="I32514" s="2">
        <v>0</v>
      </c>
      <c r="J32514" s="2">
        <v>0</v>
      </c>
      <c r="K32514" s="2">
        <v>1</v>
      </c>
      <c r="L32514" t="s">
        <v>995</v>
      </c>
      <c r="M32514" t="s">
        <v>83</v>
      </c>
      <c r="N32514" t="s">
        <v>84</v>
      </c>
      <c r="O32514" t="s">
        <v>85</v>
      </c>
      <c r="P32514" t="s">
        <v>86</v>
      </c>
      <c r="Q32514">
        <v>28</v>
      </c>
      <c r="R32514">
        <v>29</v>
      </c>
      <c r="S32514">
        <v>29</v>
      </c>
      <c r="T32514">
        <v>29</v>
      </c>
      <c r="U32514">
        <v>30</v>
      </c>
      <c r="V32514">
        <v>30</v>
      </c>
      <c r="W32514">
        <v>30</v>
      </c>
      <c r="X32514">
        <v>31</v>
      </c>
      <c r="Y32514">
        <v>31</v>
      </c>
      <c r="Z32514">
        <v>31</v>
      </c>
      <c r="AA32514">
        <v>31</v>
      </c>
      <c r="AB32514">
        <v>32</v>
      </c>
      <c r="AC32514">
        <v>32</v>
      </c>
      <c r="AD32514">
        <v>32</v>
      </c>
      <c r="AE32514">
        <v>32</v>
      </c>
      <c r="AF32514">
        <v>33</v>
      </c>
      <c r="AG32514">
        <v>33</v>
      </c>
      <c r="AH32514">
        <v>33</v>
      </c>
      <c r="AI32514">
        <v>33</v>
      </c>
      <c r="AJ32514">
        <v>33</v>
      </c>
      <c r="AK32514">
        <v>34</v>
      </c>
      <c r="AL32514">
        <v>34</v>
      </c>
      <c r="AM32514">
        <v>33</v>
      </c>
      <c r="AN32514">
        <v>33</v>
      </c>
      <c r="AO32514">
        <v>33</v>
      </c>
      <c r="AP32514">
        <v>33</v>
      </c>
      <c r="AQ32514">
        <v>33</v>
      </c>
    </row>
    <row r="32515" spans="1:43">
      <c r="A32515" t="s">
        <v>20139</v>
      </c>
      <c r="B32515" t="s">
        <v>20140</v>
      </c>
      <c r="C32515" t="s">
        <v>20105</v>
      </c>
      <c r="D32515" t="s">
        <v>20106</v>
      </c>
      <c r="E32515" t="s">
        <v>20071</v>
      </c>
      <c r="F32515" t="s">
        <v>20072</v>
      </c>
      <c r="G32515" t="s">
        <v>10734</v>
      </c>
      <c r="H32515" t="s">
        <v>10735</v>
      </c>
      <c r="I32515" s="2">
        <v>0</v>
      </c>
      <c r="J32515" s="2">
        <v>0</v>
      </c>
      <c r="K32515" s="2">
        <v>1</v>
      </c>
      <c r="L32515" t="s">
        <v>995</v>
      </c>
      <c r="M32515" t="s">
        <v>87</v>
      </c>
      <c r="N32515" t="s">
        <v>88</v>
      </c>
      <c r="O32515" t="s">
        <v>85</v>
      </c>
      <c r="P32515" t="s">
        <v>86</v>
      </c>
      <c r="Q32515">
        <v>28</v>
      </c>
      <c r="R32515">
        <v>28</v>
      </c>
      <c r="S32515">
        <v>28</v>
      </c>
      <c r="T32515">
        <v>28</v>
      </c>
      <c r="U32515">
        <v>28</v>
      </c>
      <c r="V32515">
        <v>28</v>
      </c>
      <c r="W32515">
        <v>28</v>
      </c>
      <c r="X32515">
        <v>28</v>
      </c>
      <c r="Y32515">
        <v>28</v>
      </c>
      <c r="Z32515">
        <v>29</v>
      </c>
      <c r="AA32515">
        <v>29</v>
      </c>
      <c r="AB32515">
        <v>29</v>
      </c>
      <c r="AC32515">
        <v>29</v>
      </c>
      <c r="AD32515">
        <v>29</v>
      </c>
      <c r="AE32515">
        <v>29</v>
      </c>
      <c r="AF32515">
        <v>29</v>
      </c>
      <c r="AG32515">
        <v>29</v>
      </c>
      <c r="AH32515">
        <v>29</v>
      </c>
      <c r="AI32515">
        <v>29</v>
      </c>
      <c r="AJ32515">
        <v>29</v>
      </c>
      <c r="AK32515">
        <v>29</v>
      </c>
      <c r="AL32515">
        <v>29</v>
      </c>
      <c r="AM32515">
        <v>29</v>
      </c>
      <c r="AN32515">
        <v>29</v>
      </c>
      <c r="AO32515">
        <v>29</v>
      </c>
      <c r="AP32515">
        <v>29</v>
      </c>
      <c r="AQ32515">
        <v>29</v>
      </c>
    </row>
    <row r="32516" spans="1:43">
      <c r="A32516" t="s">
        <v>20139</v>
      </c>
      <c r="B32516" t="s">
        <v>20140</v>
      </c>
      <c r="C32516" t="s">
        <v>20105</v>
      </c>
      <c r="D32516" t="s">
        <v>20106</v>
      </c>
      <c r="E32516" t="s">
        <v>20071</v>
      </c>
      <c r="F32516" t="s">
        <v>20072</v>
      </c>
      <c r="G32516" t="s">
        <v>10734</v>
      </c>
      <c r="H32516" t="s">
        <v>10735</v>
      </c>
      <c r="I32516" s="2">
        <v>0</v>
      </c>
      <c r="J32516" s="2">
        <v>0</v>
      </c>
      <c r="K32516" s="2">
        <v>1</v>
      </c>
      <c r="L32516" t="s">
        <v>995</v>
      </c>
      <c r="M32516" t="s">
        <v>89</v>
      </c>
      <c r="N32516" t="s">
        <v>90</v>
      </c>
      <c r="O32516" t="s">
        <v>85</v>
      </c>
      <c r="P32516" t="s">
        <v>86</v>
      </c>
      <c r="Q32516">
        <v>28</v>
      </c>
      <c r="R32516">
        <v>28</v>
      </c>
      <c r="S32516">
        <v>29</v>
      </c>
      <c r="T32516">
        <v>29</v>
      </c>
      <c r="U32516">
        <v>30</v>
      </c>
      <c r="V32516">
        <v>30</v>
      </c>
      <c r="W32516">
        <v>31</v>
      </c>
      <c r="X32516">
        <v>31</v>
      </c>
      <c r="Y32516">
        <v>32</v>
      </c>
      <c r="Z32516">
        <v>32</v>
      </c>
      <c r="AA32516">
        <v>32</v>
      </c>
      <c r="AB32516">
        <v>33</v>
      </c>
      <c r="AC32516">
        <v>33</v>
      </c>
      <c r="AD32516">
        <v>34</v>
      </c>
      <c r="AE32516">
        <v>34</v>
      </c>
      <c r="AF32516">
        <v>34</v>
      </c>
      <c r="AG32516">
        <v>33</v>
      </c>
      <c r="AH32516">
        <v>33</v>
      </c>
      <c r="AI32516">
        <v>33</v>
      </c>
      <c r="AJ32516">
        <v>33</v>
      </c>
      <c r="AK32516">
        <v>33</v>
      </c>
      <c r="AL32516">
        <v>33</v>
      </c>
      <c r="AM32516">
        <v>33</v>
      </c>
      <c r="AN32516">
        <v>33</v>
      </c>
      <c r="AO32516">
        <v>33</v>
      </c>
      <c r="AP32516">
        <v>32</v>
      </c>
      <c r="AQ32516">
        <v>32</v>
      </c>
    </row>
    <row r="32517" spans="1:43">
      <c r="A32517" t="s">
        <v>20139</v>
      </c>
      <c r="B32517" t="s">
        <v>20140</v>
      </c>
      <c r="C32517" t="s">
        <v>20105</v>
      </c>
      <c r="D32517" t="s">
        <v>20106</v>
      </c>
      <c r="E32517" t="s">
        <v>20071</v>
      </c>
      <c r="F32517" t="s">
        <v>20072</v>
      </c>
      <c r="G32517" t="s">
        <v>10734</v>
      </c>
      <c r="H32517" t="s">
        <v>10735</v>
      </c>
      <c r="I32517" s="2">
        <v>0</v>
      </c>
      <c r="J32517" s="2">
        <v>0</v>
      </c>
      <c r="K32517" s="2">
        <v>1</v>
      </c>
      <c r="L32517" t="s">
        <v>995</v>
      </c>
      <c r="M32517" t="s">
        <v>83</v>
      </c>
      <c r="N32517" t="s">
        <v>91</v>
      </c>
      <c r="O32517" t="s">
        <v>85</v>
      </c>
      <c r="P32517" t="s">
        <v>86</v>
      </c>
      <c r="Q32517">
        <v>28</v>
      </c>
      <c r="R32517">
        <v>29</v>
      </c>
      <c r="S32517">
        <v>29</v>
      </c>
      <c r="T32517">
        <v>29</v>
      </c>
      <c r="U32517">
        <v>30</v>
      </c>
      <c r="V32517">
        <v>30</v>
      </c>
      <c r="W32517">
        <v>30</v>
      </c>
      <c r="X32517">
        <v>31</v>
      </c>
      <c r="Y32517">
        <v>31</v>
      </c>
      <c r="Z32517">
        <v>31</v>
      </c>
      <c r="AA32517">
        <v>31</v>
      </c>
      <c r="AB32517">
        <v>32</v>
      </c>
      <c r="AC32517">
        <v>32</v>
      </c>
      <c r="AD32517">
        <v>32</v>
      </c>
      <c r="AE32517">
        <v>32</v>
      </c>
      <c r="AF32517">
        <v>33</v>
      </c>
      <c r="AG32517">
        <v>33</v>
      </c>
      <c r="AH32517">
        <v>33</v>
      </c>
      <c r="AI32517">
        <v>33</v>
      </c>
      <c r="AJ32517">
        <v>33</v>
      </c>
      <c r="AK32517">
        <v>34</v>
      </c>
      <c r="AL32517">
        <v>34</v>
      </c>
      <c r="AM32517">
        <v>33</v>
      </c>
      <c r="AN32517">
        <v>33</v>
      </c>
      <c r="AO32517">
        <v>33</v>
      </c>
      <c r="AP32517">
        <v>33</v>
      </c>
      <c r="AQ32517">
        <v>33</v>
      </c>
    </row>
    <row r="32518" spans="1:43">
      <c r="A32518" t="s">
        <v>20141</v>
      </c>
      <c r="B32518" t="s">
        <v>20142</v>
      </c>
      <c r="C32518" t="s">
        <v>20105</v>
      </c>
      <c r="D32518" t="s">
        <v>20106</v>
      </c>
      <c r="E32518" t="s">
        <v>20071</v>
      </c>
      <c r="F32518" t="s">
        <v>20072</v>
      </c>
      <c r="G32518" t="s">
        <v>10734</v>
      </c>
      <c r="H32518" t="s">
        <v>10735</v>
      </c>
      <c r="I32518" s="2">
        <v>0</v>
      </c>
      <c r="J32518" s="2">
        <v>0</v>
      </c>
      <c r="K32518" s="2">
        <v>1</v>
      </c>
      <c r="L32518" t="s">
        <v>995</v>
      </c>
      <c r="M32518" t="s">
        <v>83</v>
      </c>
      <c r="N32518" t="s">
        <v>84</v>
      </c>
      <c r="O32518" t="s">
        <v>85</v>
      </c>
      <c r="P32518" t="s">
        <v>86</v>
      </c>
      <c r="Q32518">
        <v>5</v>
      </c>
      <c r="R32518">
        <v>5</v>
      </c>
      <c r="S32518">
        <v>5</v>
      </c>
      <c r="T32518">
        <v>5</v>
      </c>
      <c r="U32518">
        <v>5</v>
      </c>
      <c r="V32518">
        <v>5</v>
      </c>
      <c r="W32518">
        <v>5</v>
      </c>
      <c r="X32518">
        <v>5</v>
      </c>
      <c r="Y32518">
        <v>5</v>
      </c>
      <c r="Z32518">
        <v>5</v>
      </c>
      <c r="AA32518">
        <v>6</v>
      </c>
      <c r="AB32518">
        <v>6</v>
      </c>
      <c r="AC32518">
        <v>6</v>
      </c>
      <c r="AD32518">
        <v>6</v>
      </c>
      <c r="AE32518">
        <v>6</v>
      </c>
      <c r="AF32518">
        <v>6</v>
      </c>
      <c r="AG32518">
        <v>6</v>
      </c>
      <c r="AH32518">
        <v>6</v>
      </c>
      <c r="AI32518">
        <v>6</v>
      </c>
      <c r="AJ32518">
        <v>6</v>
      </c>
      <c r="AK32518">
        <v>6</v>
      </c>
      <c r="AL32518">
        <v>6</v>
      </c>
      <c r="AM32518">
        <v>6</v>
      </c>
      <c r="AN32518">
        <v>6</v>
      </c>
      <c r="AO32518">
        <v>6</v>
      </c>
      <c r="AP32518">
        <v>6</v>
      </c>
      <c r="AQ32518">
        <v>6</v>
      </c>
    </row>
    <row r="32519" spans="1:43">
      <c r="A32519" t="s">
        <v>20141</v>
      </c>
      <c r="B32519" t="s">
        <v>20142</v>
      </c>
      <c r="C32519" t="s">
        <v>20105</v>
      </c>
      <c r="D32519" t="s">
        <v>20106</v>
      </c>
      <c r="E32519" t="s">
        <v>20071</v>
      </c>
      <c r="F32519" t="s">
        <v>20072</v>
      </c>
      <c r="G32519" t="s">
        <v>10734</v>
      </c>
      <c r="H32519" t="s">
        <v>10735</v>
      </c>
      <c r="I32519" s="2">
        <v>0</v>
      </c>
      <c r="J32519" s="2">
        <v>0</v>
      </c>
      <c r="K32519" s="2">
        <v>1</v>
      </c>
      <c r="L32519" t="s">
        <v>995</v>
      </c>
      <c r="M32519" t="s">
        <v>87</v>
      </c>
      <c r="N32519" t="s">
        <v>88</v>
      </c>
      <c r="O32519" t="s">
        <v>85</v>
      </c>
      <c r="P32519" t="s">
        <v>86</v>
      </c>
      <c r="Q32519">
        <v>5</v>
      </c>
      <c r="R32519">
        <v>5</v>
      </c>
      <c r="S32519">
        <v>5</v>
      </c>
      <c r="T32519">
        <v>5</v>
      </c>
      <c r="U32519">
        <v>5</v>
      </c>
      <c r="V32519">
        <v>5</v>
      </c>
      <c r="W32519">
        <v>5</v>
      </c>
      <c r="X32519">
        <v>5</v>
      </c>
      <c r="Y32519">
        <v>5</v>
      </c>
      <c r="Z32519">
        <v>5</v>
      </c>
      <c r="AA32519">
        <v>5</v>
      </c>
      <c r="AB32519">
        <v>5</v>
      </c>
      <c r="AC32519">
        <v>5</v>
      </c>
      <c r="AD32519">
        <v>5</v>
      </c>
      <c r="AE32519">
        <v>5</v>
      </c>
      <c r="AF32519">
        <v>5</v>
      </c>
      <c r="AG32519">
        <v>5</v>
      </c>
      <c r="AH32519">
        <v>5</v>
      </c>
      <c r="AI32519">
        <v>5</v>
      </c>
      <c r="AJ32519">
        <v>5</v>
      </c>
      <c r="AK32519">
        <v>5</v>
      </c>
      <c r="AL32519">
        <v>5</v>
      </c>
      <c r="AM32519">
        <v>5</v>
      </c>
      <c r="AN32519">
        <v>5</v>
      </c>
      <c r="AO32519">
        <v>5</v>
      </c>
      <c r="AP32519">
        <v>5</v>
      </c>
      <c r="AQ32519">
        <v>5</v>
      </c>
    </row>
    <row r="32520" spans="1:43">
      <c r="A32520" t="s">
        <v>20141</v>
      </c>
      <c r="B32520" t="s">
        <v>20142</v>
      </c>
      <c r="C32520" t="s">
        <v>20105</v>
      </c>
      <c r="D32520" t="s">
        <v>20106</v>
      </c>
      <c r="E32520" t="s">
        <v>20071</v>
      </c>
      <c r="F32520" t="s">
        <v>20072</v>
      </c>
      <c r="G32520" t="s">
        <v>10734</v>
      </c>
      <c r="H32520" t="s">
        <v>10735</v>
      </c>
      <c r="I32520" s="2">
        <v>0</v>
      </c>
      <c r="J32520" s="2">
        <v>0</v>
      </c>
      <c r="K32520" s="2">
        <v>1</v>
      </c>
      <c r="L32520" t="s">
        <v>995</v>
      </c>
      <c r="M32520" t="s">
        <v>89</v>
      </c>
      <c r="N32520" t="s">
        <v>90</v>
      </c>
      <c r="O32520" t="s">
        <v>85</v>
      </c>
      <c r="P32520" t="s">
        <v>86</v>
      </c>
      <c r="Q32520">
        <v>5</v>
      </c>
      <c r="R32520">
        <v>5</v>
      </c>
      <c r="S32520">
        <v>5</v>
      </c>
      <c r="T32520">
        <v>5</v>
      </c>
      <c r="U32520">
        <v>5</v>
      </c>
      <c r="V32520">
        <v>6</v>
      </c>
      <c r="W32520">
        <v>6</v>
      </c>
      <c r="X32520">
        <v>6</v>
      </c>
      <c r="Y32520">
        <v>6</v>
      </c>
      <c r="Z32520">
        <v>6</v>
      </c>
      <c r="AA32520">
        <v>6</v>
      </c>
      <c r="AB32520">
        <v>6</v>
      </c>
      <c r="AC32520">
        <v>6</v>
      </c>
      <c r="AD32520">
        <v>6</v>
      </c>
      <c r="AE32520">
        <v>6</v>
      </c>
      <c r="AF32520">
        <v>6</v>
      </c>
      <c r="AG32520">
        <v>6</v>
      </c>
      <c r="AH32520">
        <v>6</v>
      </c>
      <c r="AI32520">
        <v>6</v>
      </c>
      <c r="AJ32520">
        <v>6</v>
      </c>
      <c r="AK32520">
        <v>6</v>
      </c>
      <c r="AL32520">
        <v>6</v>
      </c>
      <c r="AM32520">
        <v>6</v>
      </c>
      <c r="AN32520">
        <v>6</v>
      </c>
      <c r="AO32520">
        <v>6</v>
      </c>
      <c r="AP32520">
        <v>6</v>
      </c>
      <c r="AQ32520">
        <v>6</v>
      </c>
    </row>
    <row r="32521" spans="1:43">
      <c r="A32521" t="s">
        <v>20141</v>
      </c>
      <c r="B32521" t="s">
        <v>20142</v>
      </c>
      <c r="C32521" t="s">
        <v>20105</v>
      </c>
      <c r="D32521" t="s">
        <v>20106</v>
      </c>
      <c r="E32521" t="s">
        <v>20071</v>
      </c>
      <c r="F32521" t="s">
        <v>20072</v>
      </c>
      <c r="G32521" t="s">
        <v>10734</v>
      </c>
      <c r="H32521" t="s">
        <v>10735</v>
      </c>
      <c r="I32521" s="2">
        <v>0</v>
      </c>
      <c r="J32521" s="2">
        <v>0</v>
      </c>
      <c r="K32521" s="2">
        <v>1</v>
      </c>
      <c r="L32521" t="s">
        <v>995</v>
      </c>
      <c r="M32521" t="s">
        <v>83</v>
      </c>
      <c r="N32521" t="s">
        <v>91</v>
      </c>
      <c r="O32521" t="s">
        <v>85</v>
      </c>
      <c r="P32521" t="s">
        <v>86</v>
      </c>
      <c r="Q32521">
        <v>5</v>
      </c>
      <c r="R32521">
        <v>5</v>
      </c>
      <c r="S32521">
        <v>5</v>
      </c>
      <c r="T32521">
        <v>5</v>
      </c>
      <c r="U32521">
        <v>5</v>
      </c>
      <c r="V32521">
        <v>5</v>
      </c>
      <c r="W32521">
        <v>5</v>
      </c>
      <c r="X32521">
        <v>5</v>
      </c>
      <c r="Y32521">
        <v>5</v>
      </c>
      <c r="Z32521">
        <v>5</v>
      </c>
      <c r="AA32521">
        <v>6</v>
      </c>
      <c r="AB32521">
        <v>6</v>
      </c>
      <c r="AC32521">
        <v>6</v>
      </c>
      <c r="AD32521">
        <v>6</v>
      </c>
      <c r="AE32521">
        <v>6</v>
      </c>
      <c r="AF32521">
        <v>6</v>
      </c>
      <c r="AG32521">
        <v>6</v>
      </c>
      <c r="AH32521">
        <v>6</v>
      </c>
      <c r="AI32521">
        <v>6</v>
      </c>
      <c r="AJ32521">
        <v>6</v>
      </c>
      <c r="AK32521">
        <v>6</v>
      </c>
      <c r="AL32521">
        <v>6</v>
      </c>
      <c r="AM32521">
        <v>6</v>
      </c>
      <c r="AN32521">
        <v>6</v>
      </c>
      <c r="AO32521">
        <v>6</v>
      </c>
      <c r="AP32521">
        <v>6</v>
      </c>
      <c r="AQ32521">
        <v>6</v>
      </c>
    </row>
    <row r="32522" spans="1:43">
      <c r="A32522" t="s">
        <v>20143</v>
      </c>
      <c r="B32522" t="s">
        <v>20144</v>
      </c>
      <c r="C32522" t="s">
        <v>20105</v>
      </c>
      <c r="D32522" t="s">
        <v>20106</v>
      </c>
      <c r="E32522" t="s">
        <v>20071</v>
      </c>
      <c r="F32522" t="s">
        <v>20072</v>
      </c>
      <c r="G32522" t="s">
        <v>10734</v>
      </c>
      <c r="H32522" t="s">
        <v>10735</v>
      </c>
      <c r="I32522" s="2">
        <v>0</v>
      </c>
      <c r="J32522" s="2">
        <v>0</v>
      </c>
      <c r="K32522" s="2">
        <v>1</v>
      </c>
      <c r="L32522" t="s">
        <v>995</v>
      </c>
      <c r="M32522" t="s">
        <v>83</v>
      </c>
      <c r="N32522" t="s">
        <v>84</v>
      </c>
      <c r="O32522" t="s">
        <v>85</v>
      </c>
      <c r="P32522" t="s">
        <v>86</v>
      </c>
      <c r="Q32522">
        <v>12</v>
      </c>
      <c r="R32522">
        <v>12</v>
      </c>
      <c r="S32522">
        <v>12</v>
      </c>
      <c r="T32522">
        <v>12</v>
      </c>
      <c r="U32522">
        <v>12</v>
      </c>
      <c r="V32522">
        <v>12</v>
      </c>
      <c r="W32522">
        <v>13</v>
      </c>
      <c r="X32522">
        <v>13</v>
      </c>
      <c r="Y32522">
        <v>13</v>
      </c>
      <c r="Z32522">
        <v>13</v>
      </c>
      <c r="AA32522">
        <v>13</v>
      </c>
      <c r="AB32522">
        <v>13</v>
      </c>
      <c r="AC32522">
        <v>13</v>
      </c>
      <c r="AD32522">
        <v>13</v>
      </c>
      <c r="AE32522">
        <v>13</v>
      </c>
      <c r="AF32522">
        <v>14</v>
      </c>
      <c r="AG32522">
        <v>14</v>
      </c>
      <c r="AH32522">
        <v>14</v>
      </c>
      <c r="AI32522">
        <v>14</v>
      </c>
      <c r="AJ32522">
        <v>14</v>
      </c>
      <c r="AK32522">
        <v>14</v>
      </c>
      <c r="AL32522">
        <v>14</v>
      </c>
      <c r="AM32522">
        <v>14</v>
      </c>
      <c r="AN32522">
        <v>14</v>
      </c>
      <c r="AO32522">
        <v>14</v>
      </c>
      <c r="AP32522">
        <v>14</v>
      </c>
      <c r="AQ32522">
        <v>14</v>
      </c>
    </row>
    <row r="32523" spans="1:43">
      <c r="A32523" t="s">
        <v>20143</v>
      </c>
      <c r="B32523" t="s">
        <v>20144</v>
      </c>
      <c r="C32523" t="s">
        <v>20105</v>
      </c>
      <c r="D32523" t="s">
        <v>20106</v>
      </c>
      <c r="E32523" t="s">
        <v>20071</v>
      </c>
      <c r="F32523" t="s">
        <v>20072</v>
      </c>
      <c r="G32523" t="s">
        <v>10734</v>
      </c>
      <c r="H32523" t="s">
        <v>10735</v>
      </c>
      <c r="I32523" s="2">
        <v>0</v>
      </c>
      <c r="J32523" s="2">
        <v>0</v>
      </c>
      <c r="K32523" s="2">
        <v>1</v>
      </c>
      <c r="L32523" t="s">
        <v>995</v>
      </c>
      <c r="M32523" t="s">
        <v>87</v>
      </c>
      <c r="N32523" t="s">
        <v>88</v>
      </c>
      <c r="O32523" t="s">
        <v>85</v>
      </c>
      <c r="P32523" t="s">
        <v>86</v>
      </c>
      <c r="Q32523">
        <v>12</v>
      </c>
      <c r="R32523">
        <v>12</v>
      </c>
      <c r="S32523">
        <v>12</v>
      </c>
      <c r="T32523">
        <v>12</v>
      </c>
      <c r="U32523">
        <v>12</v>
      </c>
      <c r="V32523">
        <v>12</v>
      </c>
      <c r="W32523">
        <v>12</v>
      </c>
      <c r="X32523">
        <v>12</v>
      </c>
      <c r="Y32523">
        <v>12</v>
      </c>
      <c r="Z32523">
        <v>12</v>
      </c>
      <c r="AA32523">
        <v>12</v>
      </c>
      <c r="AB32523">
        <v>12</v>
      </c>
      <c r="AC32523">
        <v>12</v>
      </c>
      <c r="AD32523">
        <v>12</v>
      </c>
      <c r="AE32523">
        <v>12</v>
      </c>
      <c r="AF32523">
        <v>12</v>
      </c>
      <c r="AG32523">
        <v>12</v>
      </c>
      <c r="AH32523">
        <v>12</v>
      </c>
      <c r="AI32523">
        <v>12</v>
      </c>
      <c r="AJ32523">
        <v>12</v>
      </c>
      <c r="AK32523">
        <v>12</v>
      </c>
      <c r="AL32523">
        <v>12</v>
      </c>
      <c r="AM32523">
        <v>12</v>
      </c>
      <c r="AN32523">
        <v>12</v>
      </c>
      <c r="AO32523">
        <v>12</v>
      </c>
      <c r="AP32523">
        <v>12</v>
      </c>
      <c r="AQ32523">
        <v>12</v>
      </c>
    </row>
    <row r="32524" spans="1:43">
      <c r="A32524" t="s">
        <v>20143</v>
      </c>
      <c r="B32524" t="s">
        <v>20144</v>
      </c>
      <c r="C32524" t="s">
        <v>20105</v>
      </c>
      <c r="D32524" t="s">
        <v>20106</v>
      </c>
      <c r="E32524" t="s">
        <v>20071</v>
      </c>
      <c r="F32524" t="s">
        <v>20072</v>
      </c>
      <c r="G32524" t="s">
        <v>10734</v>
      </c>
      <c r="H32524" t="s">
        <v>10735</v>
      </c>
      <c r="I32524" s="2">
        <v>0</v>
      </c>
      <c r="J32524" s="2">
        <v>0</v>
      </c>
      <c r="K32524" s="2">
        <v>1</v>
      </c>
      <c r="L32524" t="s">
        <v>995</v>
      </c>
      <c r="M32524" t="s">
        <v>89</v>
      </c>
      <c r="N32524" t="s">
        <v>90</v>
      </c>
      <c r="O32524" t="s">
        <v>85</v>
      </c>
      <c r="P32524" t="s">
        <v>86</v>
      </c>
      <c r="Q32524">
        <v>12</v>
      </c>
      <c r="R32524">
        <v>12</v>
      </c>
      <c r="S32524">
        <v>12</v>
      </c>
      <c r="T32524">
        <v>13</v>
      </c>
      <c r="U32524">
        <v>13</v>
      </c>
      <c r="V32524">
        <v>13</v>
      </c>
      <c r="W32524">
        <v>13</v>
      </c>
      <c r="X32524">
        <v>13</v>
      </c>
      <c r="Y32524">
        <v>14</v>
      </c>
      <c r="Z32524">
        <v>14</v>
      </c>
      <c r="AA32524">
        <v>14</v>
      </c>
      <c r="AB32524">
        <v>14</v>
      </c>
      <c r="AC32524">
        <v>14</v>
      </c>
      <c r="AD32524">
        <v>14</v>
      </c>
      <c r="AE32524">
        <v>14</v>
      </c>
      <c r="AF32524">
        <v>14</v>
      </c>
      <c r="AG32524">
        <v>14</v>
      </c>
      <c r="AH32524">
        <v>14</v>
      </c>
      <c r="AI32524">
        <v>14</v>
      </c>
      <c r="AJ32524">
        <v>14</v>
      </c>
      <c r="AK32524">
        <v>14</v>
      </c>
      <c r="AL32524">
        <v>14</v>
      </c>
      <c r="AM32524">
        <v>14</v>
      </c>
      <c r="AN32524">
        <v>14</v>
      </c>
      <c r="AO32524">
        <v>14</v>
      </c>
      <c r="AP32524">
        <v>14</v>
      </c>
      <c r="AQ32524">
        <v>14</v>
      </c>
    </row>
    <row r="32525" spans="1:43">
      <c r="A32525" t="s">
        <v>20143</v>
      </c>
      <c r="B32525" t="s">
        <v>20144</v>
      </c>
      <c r="C32525" t="s">
        <v>20105</v>
      </c>
      <c r="D32525" t="s">
        <v>20106</v>
      </c>
      <c r="E32525" t="s">
        <v>20071</v>
      </c>
      <c r="F32525" t="s">
        <v>20072</v>
      </c>
      <c r="G32525" t="s">
        <v>10734</v>
      </c>
      <c r="H32525" t="s">
        <v>10735</v>
      </c>
      <c r="I32525" s="2">
        <v>0</v>
      </c>
      <c r="J32525" s="2">
        <v>0</v>
      </c>
      <c r="K32525" s="2">
        <v>1</v>
      </c>
      <c r="L32525" t="s">
        <v>995</v>
      </c>
      <c r="M32525" t="s">
        <v>83</v>
      </c>
      <c r="N32525" t="s">
        <v>91</v>
      </c>
      <c r="O32525" t="s">
        <v>85</v>
      </c>
      <c r="P32525" t="s">
        <v>86</v>
      </c>
      <c r="Q32525">
        <v>12</v>
      </c>
      <c r="R32525">
        <v>12</v>
      </c>
      <c r="S32525">
        <v>12</v>
      </c>
      <c r="T32525">
        <v>12</v>
      </c>
      <c r="U32525">
        <v>12</v>
      </c>
      <c r="V32525">
        <v>12</v>
      </c>
      <c r="W32525">
        <v>13</v>
      </c>
      <c r="X32525">
        <v>13</v>
      </c>
      <c r="Y32525">
        <v>13</v>
      </c>
      <c r="Z32525">
        <v>13</v>
      </c>
      <c r="AA32525">
        <v>13</v>
      </c>
      <c r="AB32525">
        <v>13</v>
      </c>
      <c r="AC32525">
        <v>13</v>
      </c>
      <c r="AD32525">
        <v>13</v>
      </c>
      <c r="AE32525">
        <v>13</v>
      </c>
      <c r="AF32525">
        <v>14</v>
      </c>
      <c r="AG32525">
        <v>14</v>
      </c>
      <c r="AH32525">
        <v>14</v>
      </c>
      <c r="AI32525">
        <v>14</v>
      </c>
      <c r="AJ32525">
        <v>14</v>
      </c>
      <c r="AK32525">
        <v>14</v>
      </c>
      <c r="AL32525">
        <v>14</v>
      </c>
      <c r="AM32525">
        <v>14</v>
      </c>
      <c r="AN32525">
        <v>14</v>
      </c>
      <c r="AO32525">
        <v>14</v>
      </c>
      <c r="AP32525">
        <v>14</v>
      </c>
      <c r="AQ32525">
        <v>14</v>
      </c>
    </row>
    <row r="32526" spans="1:43">
      <c r="A32526" t="s">
        <v>20145</v>
      </c>
      <c r="B32526" t="s">
        <v>20146</v>
      </c>
      <c r="C32526" t="s">
        <v>20101</v>
      </c>
      <c r="D32526" t="s">
        <v>20102</v>
      </c>
      <c r="E32526" t="s">
        <v>20071</v>
      </c>
      <c r="F32526" t="s">
        <v>20072</v>
      </c>
      <c r="G32526" t="s">
        <v>10734</v>
      </c>
      <c r="H32526" t="s">
        <v>10735</v>
      </c>
      <c r="I32526" s="2">
        <v>0</v>
      </c>
      <c r="J32526" s="2">
        <v>0</v>
      </c>
      <c r="K32526" s="2">
        <v>1</v>
      </c>
      <c r="L32526" t="s">
        <v>995</v>
      </c>
      <c r="M32526" t="s">
        <v>83</v>
      </c>
      <c r="N32526" t="s">
        <v>84</v>
      </c>
      <c r="O32526" t="s">
        <v>85</v>
      </c>
      <c r="P32526" t="s">
        <v>86</v>
      </c>
      <c r="Q32526">
        <v>29</v>
      </c>
      <c r="R32526">
        <v>29</v>
      </c>
      <c r="S32526">
        <v>30</v>
      </c>
      <c r="T32526">
        <v>30</v>
      </c>
      <c r="U32526">
        <v>30</v>
      </c>
      <c r="V32526">
        <v>31</v>
      </c>
      <c r="W32526">
        <v>31</v>
      </c>
      <c r="X32526">
        <v>31</v>
      </c>
      <c r="Y32526">
        <v>31</v>
      </c>
      <c r="Z32526">
        <v>32</v>
      </c>
      <c r="AA32526">
        <v>32</v>
      </c>
      <c r="AB32526">
        <v>32</v>
      </c>
      <c r="AC32526">
        <v>33</v>
      </c>
      <c r="AD32526">
        <v>33</v>
      </c>
      <c r="AE32526">
        <v>33</v>
      </c>
      <c r="AF32526">
        <v>33</v>
      </c>
      <c r="AG32526">
        <v>33</v>
      </c>
      <c r="AH32526">
        <v>34</v>
      </c>
      <c r="AI32526">
        <v>34</v>
      </c>
      <c r="AJ32526">
        <v>34</v>
      </c>
      <c r="AK32526">
        <v>34</v>
      </c>
      <c r="AL32526">
        <v>34</v>
      </c>
      <c r="AM32526">
        <v>34</v>
      </c>
      <c r="AN32526">
        <v>34</v>
      </c>
      <c r="AO32526">
        <v>34</v>
      </c>
      <c r="AP32526">
        <v>34</v>
      </c>
      <c r="AQ32526">
        <v>34</v>
      </c>
    </row>
    <row r="32527" spans="1:43">
      <c r="A32527" t="s">
        <v>20145</v>
      </c>
      <c r="B32527" t="s">
        <v>20146</v>
      </c>
      <c r="C32527" t="s">
        <v>20101</v>
      </c>
      <c r="D32527" t="s">
        <v>20102</v>
      </c>
      <c r="E32527" t="s">
        <v>20071</v>
      </c>
      <c r="F32527" t="s">
        <v>20072</v>
      </c>
      <c r="G32527" t="s">
        <v>10734</v>
      </c>
      <c r="H32527" t="s">
        <v>10735</v>
      </c>
      <c r="I32527" s="2">
        <v>0</v>
      </c>
      <c r="J32527" s="2">
        <v>0</v>
      </c>
      <c r="K32527" s="2">
        <v>1</v>
      </c>
      <c r="L32527" t="s">
        <v>995</v>
      </c>
      <c r="M32527" t="s">
        <v>87</v>
      </c>
      <c r="N32527" t="s">
        <v>88</v>
      </c>
      <c r="O32527" t="s">
        <v>85</v>
      </c>
      <c r="P32527" t="s">
        <v>86</v>
      </c>
      <c r="Q32527">
        <v>29</v>
      </c>
      <c r="R32527">
        <v>29</v>
      </c>
      <c r="S32527">
        <v>29</v>
      </c>
      <c r="T32527">
        <v>29</v>
      </c>
      <c r="U32527">
        <v>29</v>
      </c>
      <c r="V32527">
        <v>29</v>
      </c>
      <c r="W32527">
        <v>29</v>
      </c>
      <c r="X32527">
        <v>29</v>
      </c>
      <c r="Y32527">
        <v>29</v>
      </c>
      <c r="Z32527">
        <v>29</v>
      </c>
      <c r="AA32527">
        <v>29</v>
      </c>
      <c r="AB32527">
        <v>29</v>
      </c>
      <c r="AC32527">
        <v>29</v>
      </c>
      <c r="AD32527">
        <v>29</v>
      </c>
      <c r="AE32527">
        <v>29</v>
      </c>
      <c r="AF32527">
        <v>29</v>
      </c>
      <c r="AG32527">
        <v>29</v>
      </c>
      <c r="AH32527">
        <v>29</v>
      </c>
      <c r="AI32527">
        <v>29</v>
      </c>
      <c r="AJ32527">
        <v>29</v>
      </c>
      <c r="AK32527">
        <v>29</v>
      </c>
      <c r="AL32527">
        <v>29</v>
      </c>
      <c r="AM32527">
        <v>29</v>
      </c>
      <c r="AN32527">
        <v>29</v>
      </c>
      <c r="AO32527">
        <v>29</v>
      </c>
      <c r="AP32527">
        <v>29</v>
      </c>
      <c r="AQ32527">
        <v>29</v>
      </c>
    </row>
    <row r="32528" spans="1:43">
      <c r="A32528" t="s">
        <v>20145</v>
      </c>
      <c r="B32528" t="s">
        <v>20146</v>
      </c>
      <c r="C32528" t="s">
        <v>20101</v>
      </c>
      <c r="D32528" t="s">
        <v>20102</v>
      </c>
      <c r="E32528" t="s">
        <v>20071</v>
      </c>
      <c r="F32528" t="s">
        <v>20072</v>
      </c>
      <c r="G32528" t="s">
        <v>10734</v>
      </c>
      <c r="H32528" t="s">
        <v>10735</v>
      </c>
      <c r="I32528" s="2">
        <v>0</v>
      </c>
      <c r="J32528" s="2">
        <v>0</v>
      </c>
      <c r="K32528" s="2">
        <v>1</v>
      </c>
      <c r="L32528" t="s">
        <v>995</v>
      </c>
      <c r="M32528" t="s">
        <v>89</v>
      </c>
      <c r="N32528" t="s">
        <v>90</v>
      </c>
      <c r="O32528" t="s">
        <v>85</v>
      </c>
      <c r="P32528" t="s">
        <v>86</v>
      </c>
      <c r="Q32528">
        <v>29</v>
      </c>
      <c r="R32528">
        <v>30</v>
      </c>
      <c r="S32528">
        <v>30</v>
      </c>
      <c r="T32528">
        <v>31</v>
      </c>
      <c r="U32528">
        <v>32</v>
      </c>
      <c r="V32528">
        <v>32</v>
      </c>
      <c r="W32528">
        <v>33</v>
      </c>
      <c r="X32528">
        <v>33</v>
      </c>
      <c r="Y32528">
        <v>33</v>
      </c>
      <c r="Z32528">
        <v>34</v>
      </c>
      <c r="AA32528">
        <v>34</v>
      </c>
      <c r="AB32528">
        <v>34</v>
      </c>
      <c r="AC32528">
        <v>35</v>
      </c>
      <c r="AD32528">
        <v>35</v>
      </c>
      <c r="AE32528">
        <v>35</v>
      </c>
      <c r="AF32528">
        <v>35</v>
      </c>
      <c r="AG32528">
        <v>35</v>
      </c>
      <c r="AH32528">
        <v>35</v>
      </c>
      <c r="AI32528">
        <v>35</v>
      </c>
      <c r="AJ32528">
        <v>35</v>
      </c>
      <c r="AK32528">
        <v>35</v>
      </c>
      <c r="AL32528">
        <v>35</v>
      </c>
      <c r="AM32528">
        <v>34</v>
      </c>
      <c r="AN32528">
        <v>34</v>
      </c>
      <c r="AO32528">
        <v>34</v>
      </c>
      <c r="AP32528">
        <v>34</v>
      </c>
      <c r="AQ32528">
        <v>34</v>
      </c>
    </row>
    <row r="32529" spans="1:43">
      <c r="A32529" t="s">
        <v>20145</v>
      </c>
      <c r="B32529" t="s">
        <v>20146</v>
      </c>
      <c r="C32529" t="s">
        <v>20101</v>
      </c>
      <c r="D32529" t="s">
        <v>20102</v>
      </c>
      <c r="E32529" t="s">
        <v>20071</v>
      </c>
      <c r="F32529" t="s">
        <v>20072</v>
      </c>
      <c r="G32529" t="s">
        <v>10734</v>
      </c>
      <c r="H32529" t="s">
        <v>10735</v>
      </c>
      <c r="I32529" s="2">
        <v>0</v>
      </c>
      <c r="J32529" s="2">
        <v>0</v>
      </c>
      <c r="K32529" s="2">
        <v>1</v>
      </c>
      <c r="L32529" t="s">
        <v>995</v>
      </c>
      <c r="M32529" t="s">
        <v>83</v>
      </c>
      <c r="N32529" t="s">
        <v>91</v>
      </c>
      <c r="O32529" t="s">
        <v>85</v>
      </c>
      <c r="P32529" t="s">
        <v>86</v>
      </c>
      <c r="Q32529">
        <v>29</v>
      </c>
      <c r="R32529">
        <v>29</v>
      </c>
      <c r="S32529">
        <v>30</v>
      </c>
      <c r="T32529">
        <v>30</v>
      </c>
      <c r="U32529">
        <v>30</v>
      </c>
      <c r="V32529">
        <v>31</v>
      </c>
      <c r="W32529">
        <v>31</v>
      </c>
      <c r="X32529">
        <v>31</v>
      </c>
      <c r="Y32529">
        <v>31</v>
      </c>
      <c r="Z32529">
        <v>32</v>
      </c>
      <c r="AA32529">
        <v>32</v>
      </c>
      <c r="AB32529">
        <v>32</v>
      </c>
      <c r="AC32529">
        <v>33</v>
      </c>
      <c r="AD32529">
        <v>33</v>
      </c>
      <c r="AE32529">
        <v>33</v>
      </c>
      <c r="AF32529">
        <v>33</v>
      </c>
      <c r="AG32529">
        <v>33</v>
      </c>
      <c r="AH32529">
        <v>34</v>
      </c>
      <c r="AI32529">
        <v>34</v>
      </c>
      <c r="AJ32529">
        <v>34</v>
      </c>
      <c r="AK32529">
        <v>34</v>
      </c>
      <c r="AL32529">
        <v>34</v>
      </c>
      <c r="AM32529">
        <v>34</v>
      </c>
      <c r="AN32529">
        <v>34</v>
      </c>
      <c r="AO32529">
        <v>34</v>
      </c>
      <c r="AP32529">
        <v>34</v>
      </c>
      <c r="AQ32529">
        <v>34</v>
      </c>
    </row>
    <row r="32530" spans="1:43">
      <c r="A32530" t="s">
        <v>20147</v>
      </c>
      <c r="B32530" t="s">
        <v>20148</v>
      </c>
      <c r="C32530" t="s">
        <v>20101</v>
      </c>
      <c r="D32530" t="s">
        <v>20102</v>
      </c>
      <c r="E32530" t="s">
        <v>20071</v>
      </c>
      <c r="F32530" t="s">
        <v>20072</v>
      </c>
      <c r="G32530" t="s">
        <v>10734</v>
      </c>
      <c r="H32530" t="s">
        <v>10735</v>
      </c>
      <c r="I32530" s="2">
        <v>0</v>
      </c>
      <c r="J32530" s="2">
        <v>0</v>
      </c>
      <c r="K32530" s="2">
        <v>1</v>
      </c>
      <c r="L32530" t="s">
        <v>995</v>
      </c>
      <c r="M32530" t="s">
        <v>83</v>
      </c>
      <c r="N32530" t="s">
        <v>84</v>
      </c>
      <c r="O32530" t="s">
        <v>85</v>
      </c>
      <c r="P32530" t="s">
        <v>86</v>
      </c>
      <c r="Q32530">
        <v>35</v>
      </c>
      <c r="R32530">
        <v>35</v>
      </c>
      <c r="S32530">
        <v>36</v>
      </c>
      <c r="T32530">
        <v>36</v>
      </c>
      <c r="U32530">
        <v>37</v>
      </c>
      <c r="V32530">
        <v>37</v>
      </c>
      <c r="W32530">
        <v>37</v>
      </c>
      <c r="X32530">
        <v>38</v>
      </c>
      <c r="Y32530">
        <v>38</v>
      </c>
      <c r="Z32530">
        <v>38</v>
      </c>
      <c r="AA32530">
        <v>39</v>
      </c>
      <c r="AB32530">
        <v>39</v>
      </c>
      <c r="AC32530">
        <v>39</v>
      </c>
      <c r="AD32530">
        <v>40</v>
      </c>
      <c r="AE32530">
        <v>40</v>
      </c>
      <c r="AF32530">
        <v>40</v>
      </c>
      <c r="AG32530">
        <v>40</v>
      </c>
      <c r="AH32530">
        <v>41</v>
      </c>
      <c r="AI32530">
        <v>41</v>
      </c>
      <c r="AJ32530">
        <v>41</v>
      </c>
      <c r="AK32530">
        <v>41</v>
      </c>
      <c r="AL32530">
        <v>41</v>
      </c>
      <c r="AM32530">
        <v>41</v>
      </c>
      <c r="AN32530">
        <v>41</v>
      </c>
      <c r="AO32530">
        <v>41</v>
      </c>
      <c r="AP32530">
        <v>41</v>
      </c>
      <c r="AQ32530">
        <v>41</v>
      </c>
    </row>
    <row r="32531" spans="1:43">
      <c r="A32531" t="s">
        <v>20147</v>
      </c>
      <c r="B32531" t="s">
        <v>20148</v>
      </c>
      <c r="C32531" t="s">
        <v>20101</v>
      </c>
      <c r="D32531" t="s">
        <v>20102</v>
      </c>
      <c r="E32531" t="s">
        <v>20071</v>
      </c>
      <c r="F32531" t="s">
        <v>20072</v>
      </c>
      <c r="G32531" t="s">
        <v>10734</v>
      </c>
      <c r="H32531" t="s">
        <v>10735</v>
      </c>
      <c r="I32531" s="2">
        <v>0</v>
      </c>
      <c r="J32531" s="2">
        <v>0</v>
      </c>
      <c r="K32531" s="2">
        <v>1</v>
      </c>
      <c r="L32531" t="s">
        <v>995</v>
      </c>
      <c r="M32531" t="s">
        <v>87</v>
      </c>
      <c r="N32531" t="s">
        <v>88</v>
      </c>
      <c r="O32531" t="s">
        <v>85</v>
      </c>
      <c r="P32531" t="s">
        <v>86</v>
      </c>
      <c r="Q32531">
        <v>35</v>
      </c>
      <c r="R32531">
        <v>35</v>
      </c>
      <c r="S32531">
        <v>35</v>
      </c>
      <c r="T32531">
        <v>35</v>
      </c>
      <c r="U32531">
        <v>35</v>
      </c>
      <c r="V32531">
        <v>35</v>
      </c>
      <c r="W32531">
        <v>35</v>
      </c>
      <c r="X32531">
        <v>35</v>
      </c>
      <c r="Y32531">
        <v>35</v>
      </c>
      <c r="Z32531">
        <v>35</v>
      </c>
      <c r="AA32531">
        <v>35</v>
      </c>
      <c r="AB32531">
        <v>35</v>
      </c>
      <c r="AC32531">
        <v>35</v>
      </c>
      <c r="AD32531">
        <v>35</v>
      </c>
      <c r="AE32531">
        <v>35</v>
      </c>
      <c r="AF32531">
        <v>35</v>
      </c>
      <c r="AG32531">
        <v>35</v>
      </c>
      <c r="AH32531">
        <v>35</v>
      </c>
      <c r="AI32531">
        <v>35</v>
      </c>
      <c r="AJ32531">
        <v>35</v>
      </c>
      <c r="AK32531">
        <v>35</v>
      </c>
      <c r="AL32531">
        <v>35</v>
      </c>
      <c r="AM32531">
        <v>35</v>
      </c>
      <c r="AN32531">
        <v>35</v>
      </c>
      <c r="AO32531">
        <v>35</v>
      </c>
      <c r="AP32531">
        <v>35</v>
      </c>
      <c r="AQ32531">
        <v>35</v>
      </c>
    </row>
    <row r="32532" spans="1:43">
      <c r="A32532" t="s">
        <v>20147</v>
      </c>
      <c r="B32532" t="s">
        <v>20148</v>
      </c>
      <c r="C32532" t="s">
        <v>20101</v>
      </c>
      <c r="D32532" t="s">
        <v>20102</v>
      </c>
      <c r="E32532" t="s">
        <v>20071</v>
      </c>
      <c r="F32532" t="s">
        <v>20072</v>
      </c>
      <c r="G32532" t="s">
        <v>10734</v>
      </c>
      <c r="H32532" t="s">
        <v>10735</v>
      </c>
      <c r="I32532" s="2">
        <v>0</v>
      </c>
      <c r="J32532" s="2">
        <v>0</v>
      </c>
      <c r="K32532" s="2">
        <v>1</v>
      </c>
      <c r="L32532" t="s">
        <v>995</v>
      </c>
      <c r="M32532" t="s">
        <v>89</v>
      </c>
      <c r="N32532" t="s">
        <v>90</v>
      </c>
      <c r="O32532" t="s">
        <v>85</v>
      </c>
      <c r="P32532" t="s">
        <v>86</v>
      </c>
      <c r="Q32532">
        <v>35</v>
      </c>
      <c r="R32532">
        <v>36</v>
      </c>
      <c r="S32532">
        <v>37</v>
      </c>
      <c r="T32532">
        <v>37</v>
      </c>
      <c r="U32532">
        <v>38</v>
      </c>
      <c r="V32532">
        <v>39</v>
      </c>
      <c r="W32532">
        <v>39</v>
      </c>
      <c r="X32532">
        <v>40</v>
      </c>
      <c r="Y32532">
        <v>40</v>
      </c>
      <c r="Z32532">
        <v>41</v>
      </c>
      <c r="AA32532">
        <v>41</v>
      </c>
      <c r="AB32532">
        <v>42</v>
      </c>
      <c r="AC32532">
        <v>42</v>
      </c>
      <c r="AD32532">
        <v>43</v>
      </c>
      <c r="AE32532">
        <v>43</v>
      </c>
      <c r="AF32532">
        <v>43</v>
      </c>
      <c r="AG32532">
        <v>42</v>
      </c>
      <c r="AH32532">
        <v>42</v>
      </c>
      <c r="AI32532">
        <v>42</v>
      </c>
      <c r="AJ32532">
        <v>42</v>
      </c>
      <c r="AK32532">
        <v>42</v>
      </c>
      <c r="AL32532">
        <v>42</v>
      </c>
      <c r="AM32532">
        <v>42</v>
      </c>
      <c r="AN32532">
        <v>41</v>
      </c>
      <c r="AO32532">
        <v>41</v>
      </c>
      <c r="AP32532">
        <v>41</v>
      </c>
      <c r="AQ32532">
        <v>41</v>
      </c>
    </row>
    <row r="32533" spans="1:43">
      <c r="A32533" t="s">
        <v>20147</v>
      </c>
      <c r="B32533" t="s">
        <v>20148</v>
      </c>
      <c r="C32533" t="s">
        <v>20101</v>
      </c>
      <c r="D32533" t="s">
        <v>20102</v>
      </c>
      <c r="E32533" t="s">
        <v>20071</v>
      </c>
      <c r="F32533" t="s">
        <v>20072</v>
      </c>
      <c r="G32533" t="s">
        <v>10734</v>
      </c>
      <c r="H32533" t="s">
        <v>10735</v>
      </c>
      <c r="I32533" s="2">
        <v>0</v>
      </c>
      <c r="J32533" s="2">
        <v>0</v>
      </c>
      <c r="K32533" s="2">
        <v>1</v>
      </c>
      <c r="L32533" t="s">
        <v>995</v>
      </c>
      <c r="M32533" t="s">
        <v>83</v>
      </c>
      <c r="N32533" t="s">
        <v>91</v>
      </c>
      <c r="O32533" t="s">
        <v>85</v>
      </c>
      <c r="P32533" t="s">
        <v>86</v>
      </c>
      <c r="Q32533">
        <v>35</v>
      </c>
      <c r="R32533">
        <v>35</v>
      </c>
      <c r="S32533">
        <v>36</v>
      </c>
      <c r="T32533">
        <v>36</v>
      </c>
      <c r="U32533">
        <v>37</v>
      </c>
      <c r="V32533">
        <v>37</v>
      </c>
      <c r="W32533">
        <v>37</v>
      </c>
      <c r="X32533">
        <v>38</v>
      </c>
      <c r="Y32533">
        <v>38</v>
      </c>
      <c r="Z32533">
        <v>38</v>
      </c>
      <c r="AA32533">
        <v>39</v>
      </c>
      <c r="AB32533">
        <v>39</v>
      </c>
      <c r="AC32533">
        <v>39</v>
      </c>
      <c r="AD32533">
        <v>40</v>
      </c>
      <c r="AE32533">
        <v>40</v>
      </c>
      <c r="AF32533">
        <v>40</v>
      </c>
      <c r="AG32533">
        <v>40</v>
      </c>
      <c r="AH32533">
        <v>41</v>
      </c>
      <c r="AI32533">
        <v>41</v>
      </c>
      <c r="AJ32533">
        <v>41</v>
      </c>
      <c r="AK32533">
        <v>41</v>
      </c>
      <c r="AL32533">
        <v>41</v>
      </c>
      <c r="AM32533">
        <v>41</v>
      </c>
      <c r="AN32533">
        <v>41</v>
      </c>
      <c r="AO32533">
        <v>41</v>
      </c>
      <c r="AP32533">
        <v>41</v>
      </c>
      <c r="AQ32533">
        <v>41</v>
      </c>
    </row>
    <row r="32534" spans="1:43">
      <c r="A32534" t="s">
        <v>20149</v>
      </c>
      <c r="B32534" t="s">
        <v>20150</v>
      </c>
      <c r="C32534" t="s">
        <v>20101</v>
      </c>
      <c r="D32534" t="s">
        <v>20102</v>
      </c>
      <c r="E32534" t="s">
        <v>20071</v>
      </c>
      <c r="F32534" t="s">
        <v>20072</v>
      </c>
      <c r="G32534" t="s">
        <v>10734</v>
      </c>
      <c r="H32534" t="s">
        <v>10735</v>
      </c>
      <c r="I32534" s="2">
        <v>0</v>
      </c>
      <c r="J32534" s="2">
        <v>0</v>
      </c>
      <c r="K32534" s="2">
        <v>1</v>
      </c>
      <c r="L32534" t="s">
        <v>995</v>
      </c>
      <c r="M32534" t="s">
        <v>83</v>
      </c>
      <c r="N32534" t="s">
        <v>84</v>
      </c>
      <c r="O32534" t="s">
        <v>85</v>
      </c>
      <c r="P32534" t="s">
        <v>86</v>
      </c>
      <c r="Q32534">
        <v>244</v>
      </c>
      <c r="R32534">
        <v>247</v>
      </c>
      <c r="S32534">
        <v>250</v>
      </c>
      <c r="T32534">
        <v>253</v>
      </c>
      <c r="U32534">
        <v>255</v>
      </c>
      <c r="V32534">
        <v>258</v>
      </c>
      <c r="W32534">
        <v>261</v>
      </c>
      <c r="X32534">
        <v>263</v>
      </c>
      <c r="Y32534">
        <v>266</v>
      </c>
      <c r="Z32534">
        <v>268</v>
      </c>
      <c r="AA32534">
        <v>271</v>
      </c>
      <c r="AB32534">
        <v>273</v>
      </c>
      <c r="AC32534">
        <v>275</v>
      </c>
      <c r="AD32534">
        <v>277</v>
      </c>
      <c r="AE32534">
        <v>279</v>
      </c>
      <c r="AF32534">
        <v>282</v>
      </c>
      <c r="AG32534">
        <v>284</v>
      </c>
      <c r="AH32534">
        <v>286</v>
      </c>
      <c r="AI32534">
        <v>287</v>
      </c>
      <c r="AJ32534">
        <v>289</v>
      </c>
      <c r="AK32534">
        <v>291</v>
      </c>
      <c r="AL32534">
        <v>291</v>
      </c>
      <c r="AM32534">
        <v>291</v>
      </c>
      <c r="AN32534">
        <v>290</v>
      </c>
      <c r="AO32534">
        <v>289</v>
      </c>
      <c r="AP32534">
        <v>288</v>
      </c>
      <c r="AQ32534">
        <v>287</v>
      </c>
    </row>
    <row r="32535" spans="1:43">
      <c r="A32535" t="s">
        <v>20149</v>
      </c>
      <c r="B32535" t="s">
        <v>20150</v>
      </c>
      <c r="C32535" t="s">
        <v>20101</v>
      </c>
      <c r="D32535" t="s">
        <v>20102</v>
      </c>
      <c r="E32535" t="s">
        <v>20071</v>
      </c>
      <c r="F32535" t="s">
        <v>20072</v>
      </c>
      <c r="G32535" t="s">
        <v>10734</v>
      </c>
      <c r="H32535" t="s">
        <v>10735</v>
      </c>
      <c r="I32535" s="2">
        <v>0</v>
      </c>
      <c r="J32535" s="2">
        <v>0</v>
      </c>
      <c r="K32535" s="2">
        <v>1</v>
      </c>
      <c r="L32535" t="s">
        <v>995</v>
      </c>
      <c r="M32535" t="s">
        <v>87</v>
      </c>
      <c r="N32535" t="s">
        <v>88</v>
      </c>
      <c r="O32535" t="s">
        <v>85</v>
      </c>
      <c r="P32535" t="s">
        <v>86</v>
      </c>
      <c r="Q32535">
        <v>244</v>
      </c>
      <c r="R32535">
        <v>245</v>
      </c>
      <c r="S32535">
        <v>245</v>
      </c>
      <c r="T32535">
        <v>246</v>
      </c>
      <c r="U32535">
        <v>246</v>
      </c>
      <c r="V32535">
        <v>246</v>
      </c>
      <c r="W32535">
        <v>247</v>
      </c>
      <c r="X32535">
        <v>247</v>
      </c>
      <c r="Y32535">
        <v>248</v>
      </c>
      <c r="Z32535">
        <v>248</v>
      </c>
      <c r="AA32535">
        <v>248</v>
      </c>
      <c r="AB32535">
        <v>249</v>
      </c>
      <c r="AC32535">
        <v>249</v>
      </c>
      <c r="AD32535">
        <v>249</v>
      </c>
      <c r="AE32535">
        <v>249</v>
      </c>
      <c r="AF32535">
        <v>250</v>
      </c>
      <c r="AG32535">
        <v>250</v>
      </c>
      <c r="AH32535">
        <v>250</v>
      </c>
      <c r="AI32535">
        <v>250</v>
      </c>
      <c r="AJ32535">
        <v>250</v>
      </c>
      <c r="AK32535">
        <v>251</v>
      </c>
      <c r="AL32535">
        <v>251</v>
      </c>
      <c r="AM32535">
        <v>251</v>
      </c>
      <c r="AN32535">
        <v>251</v>
      </c>
      <c r="AO32535">
        <v>251</v>
      </c>
      <c r="AP32535">
        <v>251</v>
      </c>
      <c r="AQ32535">
        <v>251</v>
      </c>
    </row>
    <row r="32536" spans="1:43">
      <c r="A32536" t="s">
        <v>20149</v>
      </c>
      <c r="B32536" t="s">
        <v>20150</v>
      </c>
      <c r="C32536" t="s">
        <v>20101</v>
      </c>
      <c r="D32536" t="s">
        <v>20102</v>
      </c>
      <c r="E32536" t="s">
        <v>20071</v>
      </c>
      <c r="F32536" t="s">
        <v>20072</v>
      </c>
      <c r="G32536" t="s">
        <v>10734</v>
      </c>
      <c r="H32536" t="s">
        <v>10735</v>
      </c>
      <c r="I32536" s="2">
        <v>0</v>
      </c>
      <c r="J32536" s="2">
        <v>0</v>
      </c>
      <c r="K32536" s="2">
        <v>1</v>
      </c>
      <c r="L32536" t="s">
        <v>995</v>
      </c>
      <c r="M32536" t="s">
        <v>89</v>
      </c>
      <c r="N32536" t="s">
        <v>90</v>
      </c>
      <c r="O32536" t="s">
        <v>85</v>
      </c>
      <c r="P32536" t="s">
        <v>86</v>
      </c>
      <c r="Q32536">
        <v>244</v>
      </c>
      <c r="R32536">
        <v>248</v>
      </c>
      <c r="S32536">
        <v>253</v>
      </c>
      <c r="T32536">
        <v>258</v>
      </c>
      <c r="U32536">
        <v>262</v>
      </c>
      <c r="V32536">
        <v>267</v>
      </c>
      <c r="W32536">
        <v>271</v>
      </c>
      <c r="X32536">
        <v>275</v>
      </c>
      <c r="Y32536">
        <v>278</v>
      </c>
      <c r="Z32536">
        <v>282</v>
      </c>
      <c r="AA32536">
        <v>285</v>
      </c>
      <c r="AB32536">
        <v>288</v>
      </c>
      <c r="AC32536">
        <v>292</v>
      </c>
      <c r="AD32536">
        <v>295</v>
      </c>
      <c r="AE32536">
        <v>297</v>
      </c>
      <c r="AF32536">
        <v>296</v>
      </c>
      <c r="AG32536">
        <v>295</v>
      </c>
      <c r="AH32536">
        <v>295</v>
      </c>
      <c r="AI32536">
        <v>294</v>
      </c>
      <c r="AJ32536">
        <v>293</v>
      </c>
      <c r="AK32536">
        <v>292</v>
      </c>
      <c r="AL32536">
        <v>292</v>
      </c>
      <c r="AM32536">
        <v>291</v>
      </c>
      <c r="AN32536">
        <v>290</v>
      </c>
      <c r="AO32536">
        <v>289</v>
      </c>
      <c r="AP32536">
        <v>288</v>
      </c>
      <c r="AQ32536">
        <v>287</v>
      </c>
    </row>
    <row r="32537" spans="1:43">
      <c r="A32537" t="s">
        <v>20149</v>
      </c>
      <c r="B32537" t="s">
        <v>20150</v>
      </c>
      <c r="C32537" t="s">
        <v>20101</v>
      </c>
      <c r="D32537" t="s">
        <v>20102</v>
      </c>
      <c r="E32537" t="s">
        <v>20071</v>
      </c>
      <c r="F32537" t="s">
        <v>20072</v>
      </c>
      <c r="G32537" t="s">
        <v>10734</v>
      </c>
      <c r="H32537" t="s">
        <v>10735</v>
      </c>
      <c r="I32537" s="2">
        <v>0</v>
      </c>
      <c r="J32537" s="2">
        <v>0</v>
      </c>
      <c r="K32537" s="2">
        <v>1</v>
      </c>
      <c r="L32537" t="s">
        <v>995</v>
      </c>
      <c r="M32537" t="s">
        <v>83</v>
      </c>
      <c r="N32537" t="s">
        <v>91</v>
      </c>
      <c r="O32537" t="s">
        <v>85</v>
      </c>
      <c r="P32537" t="s">
        <v>86</v>
      </c>
      <c r="Q32537">
        <v>244</v>
      </c>
      <c r="R32537">
        <v>247</v>
      </c>
      <c r="S32537">
        <v>250</v>
      </c>
      <c r="T32537">
        <v>253</v>
      </c>
      <c r="U32537">
        <v>255</v>
      </c>
      <c r="V32537">
        <v>258</v>
      </c>
      <c r="W32537">
        <v>261</v>
      </c>
      <c r="X32537">
        <v>263</v>
      </c>
      <c r="Y32537">
        <v>266</v>
      </c>
      <c r="Z32537">
        <v>268</v>
      </c>
      <c r="AA32537">
        <v>271</v>
      </c>
      <c r="AB32537">
        <v>273</v>
      </c>
      <c r="AC32537">
        <v>275</v>
      </c>
      <c r="AD32537">
        <v>277</v>
      </c>
      <c r="AE32537">
        <v>279</v>
      </c>
      <c r="AF32537">
        <v>282</v>
      </c>
      <c r="AG32537">
        <v>284</v>
      </c>
      <c r="AH32537">
        <v>286</v>
      </c>
      <c r="AI32537">
        <v>287</v>
      </c>
      <c r="AJ32537">
        <v>289</v>
      </c>
      <c r="AK32537">
        <v>291</v>
      </c>
      <c r="AL32537">
        <v>291</v>
      </c>
      <c r="AM32537">
        <v>291</v>
      </c>
      <c r="AN32537">
        <v>290</v>
      </c>
      <c r="AO32537">
        <v>289</v>
      </c>
      <c r="AP32537">
        <v>288</v>
      </c>
      <c r="AQ32537">
        <v>287</v>
      </c>
    </row>
    <row r="32538" spans="1:43">
      <c r="A32538" t="s">
        <v>20151</v>
      </c>
      <c r="B32538" t="s">
        <v>20152</v>
      </c>
      <c r="C32538" t="s">
        <v>20101</v>
      </c>
      <c r="D32538" t="s">
        <v>20102</v>
      </c>
      <c r="E32538" t="s">
        <v>20071</v>
      </c>
      <c r="F32538" t="s">
        <v>20072</v>
      </c>
      <c r="G32538" t="s">
        <v>10734</v>
      </c>
      <c r="H32538" t="s">
        <v>10735</v>
      </c>
      <c r="I32538" s="2">
        <v>0</v>
      </c>
      <c r="J32538" s="2">
        <v>0</v>
      </c>
      <c r="K32538" s="2">
        <v>1</v>
      </c>
      <c r="L32538" t="s">
        <v>995</v>
      </c>
      <c r="M32538" t="s">
        <v>83</v>
      </c>
      <c r="N32538" t="s">
        <v>84</v>
      </c>
      <c r="O32538" t="s">
        <v>85</v>
      </c>
      <c r="P32538" t="s">
        <v>86</v>
      </c>
      <c r="Q32538">
        <v>11</v>
      </c>
      <c r="R32538">
        <v>11</v>
      </c>
      <c r="S32538">
        <v>11</v>
      </c>
      <c r="T32538">
        <v>11</v>
      </c>
      <c r="U32538">
        <v>11</v>
      </c>
      <c r="V32538">
        <v>11</v>
      </c>
      <c r="W32538">
        <v>11</v>
      </c>
      <c r="X32538">
        <v>12</v>
      </c>
      <c r="Y32538">
        <v>12</v>
      </c>
      <c r="Z32538">
        <v>12</v>
      </c>
      <c r="AA32538">
        <v>12</v>
      </c>
      <c r="AB32538">
        <v>12</v>
      </c>
      <c r="AC32538">
        <v>12</v>
      </c>
      <c r="AD32538">
        <v>12</v>
      </c>
      <c r="AE32538">
        <v>12</v>
      </c>
      <c r="AF32538">
        <v>12</v>
      </c>
      <c r="AG32538">
        <v>12</v>
      </c>
      <c r="AH32538">
        <v>13</v>
      </c>
      <c r="AI32538">
        <v>13</v>
      </c>
      <c r="AJ32538">
        <v>13</v>
      </c>
      <c r="AK32538">
        <v>13</v>
      </c>
      <c r="AL32538">
        <v>13</v>
      </c>
      <c r="AM32538">
        <v>13</v>
      </c>
      <c r="AN32538">
        <v>13</v>
      </c>
      <c r="AO32538">
        <v>13</v>
      </c>
      <c r="AP32538">
        <v>13</v>
      </c>
      <c r="AQ32538">
        <v>13</v>
      </c>
    </row>
    <row r="32539" spans="1:43">
      <c r="A32539" t="s">
        <v>20151</v>
      </c>
      <c r="B32539" t="s">
        <v>20152</v>
      </c>
      <c r="C32539" t="s">
        <v>20101</v>
      </c>
      <c r="D32539" t="s">
        <v>20102</v>
      </c>
      <c r="E32539" t="s">
        <v>20071</v>
      </c>
      <c r="F32539" t="s">
        <v>20072</v>
      </c>
      <c r="G32539" t="s">
        <v>10734</v>
      </c>
      <c r="H32539" t="s">
        <v>10735</v>
      </c>
      <c r="I32539" s="2">
        <v>0</v>
      </c>
      <c r="J32539" s="2">
        <v>0</v>
      </c>
      <c r="K32539" s="2">
        <v>1</v>
      </c>
      <c r="L32539" t="s">
        <v>995</v>
      </c>
      <c r="M32539" t="s">
        <v>87</v>
      </c>
      <c r="N32539" t="s">
        <v>88</v>
      </c>
      <c r="O32539" t="s">
        <v>85</v>
      </c>
      <c r="P32539" t="s">
        <v>86</v>
      </c>
      <c r="Q32539">
        <v>11</v>
      </c>
      <c r="R32539">
        <v>11</v>
      </c>
      <c r="S32539">
        <v>11</v>
      </c>
      <c r="T32539">
        <v>11</v>
      </c>
      <c r="U32539">
        <v>11</v>
      </c>
      <c r="V32539">
        <v>11</v>
      </c>
      <c r="W32539">
        <v>11</v>
      </c>
      <c r="X32539">
        <v>11</v>
      </c>
      <c r="Y32539">
        <v>11</v>
      </c>
      <c r="Z32539">
        <v>11</v>
      </c>
      <c r="AA32539">
        <v>11</v>
      </c>
      <c r="AB32539">
        <v>11</v>
      </c>
      <c r="AC32539">
        <v>11</v>
      </c>
      <c r="AD32539">
        <v>11</v>
      </c>
      <c r="AE32539">
        <v>11</v>
      </c>
      <c r="AF32539">
        <v>11</v>
      </c>
      <c r="AG32539">
        <v>11</v>
      </c>
      <c r="AH32539">
        <v>11</v>
      </c>
      <c r="AI32539">
        <v>11</v>
      </c>
      <c r="AJ32539">
        <v>11</v>
      </c>
      <c r="AK32539">
        <v>11</v>
      </c>
      <c r="AL32539">
        <v>11</v>
      </c>
      <c r="AM32539">
        <v>11</v>
      </c>
      <c r="AN32539">
        <v>11</v>
      </c>
      <c r="AO32539">
        <v>11</v>
      </c>
      <c r="AP32539">
        <v>11</v>
      </c>
      <c r="AQ32539">
        <v>11</v>
      </c>
    </row>
    <row r="32540" spans="1:43">
      <c r="A32540" t="s">
        <v>20151</v>
      </c>
      <c r="B32540" t="s">
        <v>20152</v>
      </c>
      <c r="C32540" t="s">
        <v>20101</v>
      </c>
      <c r="D32540" t="s">
        <v>20102</v>
      </c>
      <c r="E32540" t="s">
        <v>20071</v>
      </c>
      <c r="F32540" t="s">
        <v>20072</v>
      </c>
      <c r="G32540" t="s">
        <v>10734</v>
      </c>
      <c r="H32540" t="s">
        <v>10735</v>
      </c>
      <c r="I32540" s="2">
        <v>0</v>
      </c>
      <c r="J32540" s="2">
        <v>0</v>
      </c>
      <c r="K32540" s="2">
        <v>1</v>
      </c>
      <c r="L32540" t="s">
        <v>995</v>
      </c>
      <c r="M32540" t="s">
        <v>89</v>
      </c>
      <c r="N32540" t="s">
        <v>90</v>
      </c>
      <c r="O32540" t="s">
        <v>85</v>
      </c>
      <c r="P32540" t="s">
        <v>86</v>
      </c>
      <c r="Q32540">
        <v>11</v>
      </c>
      <c r="R32540">
        <v>11</v>
      </c>
      <c r="S32540">
        <v>11</v>
      </c>
      <c r="T32540">
        <v>11</v>
      </c>
      <c r="U32540">
        <v>12</v>
      </c>
      <c r="V32540">
        <v>12</v>
      </c>
      <c r="W32540">
        <v>12</v>
      </c>
      <c r="X32540">
        <v>12</v>
      </c>
      <c r="Y32540">
        <v>12</v>
      </c>
      <c r="Z32540">
        <v>13</v>
      </c>
      <c r="AA32540">
        <v>13</v>
      </c>
      <c r="AB32540">
        <v>13</v>
      </c>
      <c r="AC32540">
        <v>13</v>
      </c>
      <c r="AD32540">
        <v>13</v>
      </c>
      <c r="AE32540">
        <v>13</v>
      </c>
      <c r="AF32540">
        <v>13</v>
      </c>
      <c r="AG32540">
        <v>13</v>
      </c>
      <c r="AH32540">
        <v>13</v>
      </c>
      <c r="AI32540">
        <v>13</v>
      </c>
      <c r="AJ32540">
        <v>13</v>
      </c>
      <c r="AK32540">
        <v>13</v>
      </c>
      <c r="AL32540">
        <v>13</v>
      </c>
      <c r="AM32540">
        <v>13</v>
      </c>
      <c r="AN32540">
        <v>13</v>
      </c>
      <c r="AO32540">
        <v>13</v>
      </c>
      <c r="AP32540">
        <v>13</v>
      </c>
      <c r="AQ32540">
        <v>13</v>
      </c>
    </row>
    <row r="32541" spans="1:43">
      <c r="A32541" t="s">
        <v>20151</v>
      </c>
      <c r="B32541" t="s">
        <v>20152</v>
      </c>
      <c r="C32541" t="s">
        <v>20101</v>
      </c>
      <c r="D32541" t="s">
        <v>20102</v>
      </c>
      <c r="E32541" t="s">
        <v>20071</v>
      </c>
      <c r="F32541" t="s">
        <v>20072</v>
      </c>
      <c r="G32541" t="s">
        <v>10734</v>
      </c>
      <c r="H32541" t="s">
        <v>10735</v>
      </c>
      <c r="I32541" s="2">
        <v>0</v>
      </c>
      <c r="J32541" s="2">
        <v>0</v>
      </c>
      <c r="K32541" s="2">
        <v>1</v>
      </c>
      <c r="L32541" t="s">
        <v>995</v>
      </c>
      <c r="M32541" t="s">
        <v>83</v>
      </c>
      <c r="N32541" t="s">
        <v>91</v>
      </c>
      <c r="O32541" t="s">
        <v>85</v>
      </c>
      <c r="P32541" t="s">
        <v>86</v>
      </c>
      <c r="Q32541">
        <v>11</v>
      </c>
      <c r="R32541">
        <v>11</v>
      </c>
      <c r="S32541">
        <v>11</v>
      </c>
      <c r="T32541">
        <v>11</v>
      </c>
      <c r="U32541">
        <v>11</v>
      </c>
      <c r="V32541">
        <v>11</v>
      </c>
      <c r="W32541">
        <v>11</v>
      </c>
      <c r="X32541">
        <v>12</v>
      </c>
      <c r="Y32541">
        <v>12</v>
      </c>
      <c r="Z32541">
        <v>12</v>
      </c>
      <c r="AA32541">
        <v>12</v>
      </c>
      <c r="AB32541">
        <v>12</v>
      </c>
      <c r="AC32541">
        <v>12</v>
      </c>
      <c r="AD32541">
        <v>12</v>
      </c>
      <c r="AE32541">
        <v>12</v>
      </c>
      <c r="AF32541">
        <v>12</v>
      </c>
      <c r="AG32541">
        <v>12</v>
      </c>
      <c r="AH32541">
        <v>13</v>
      </c>
      <c r="AI32541">
        <v>13</v>
      </c>
      <c r="AJ32541">
        <v>13</v>
      </c>
      <c r="AK32541">
        <v>13</v>
      </c>
      <c r="AL32541">
        <v>13</v>
      </c>
      <c r="AM32541">
        <v>13</v>
      </c>
      <c r="AN32541">
        <v>13</v>
      </c>
      <c r="AO32541">
        <v>13</v>
      </c>
      <c r="AP32541">
        <v>13</v>
      </c>
      <c r="AQ32541">
        <v>13</v>
      </c>
    </row>
    <row r="32542" spans="1:43">
      <c r="A32542" t="s">
        <v>20153</v>
      </c>
      <c r="B32542" t="s">
        <v>20154</v>
      </c>
      <c r="C32542" t="s">
        <v>20155</v>
      </c>
      <c r="D32542" t="s">
        <v>20156</v>
      </c>
      <c r="E32542" t="s">
        <v>20071</v>
      </c>
      <c r="F32542" t="s">
        <v>20072</v>
      </c>
      <c r="G32542" t="s">
        <v>10734</v>
      </c>
      <c r="H32542" t="s">
        <v>10735</v>
      </c>
      <c r="I32542" s="2">
        <v>0</v>
      </c>
      <c r="J32542" s="2">
        <v>0</v>
      </c>
      <c r="K32542" s="2">
        <v>1</v>
      </c>
      <c r="L32542" t="s">
        <v>995</v>
      </c>
      <c r="M32542" t="s">
        <v>83</v>
      </c>
      <c r="N32542" t="s">
        <v>84</v>
      </c>
      <c r="O32542" t="s">
        <v>85</v>
      </c>
      <c r="P32542" t="s">
        <v>86</v>
      </c>
      <c r="Q32542">
        <v>38</v>
      </c>
      <c r="R32542">
        <v>38</v>
      </c>
      <c r="S32542">
        <v>39</v>
      </c>
      <c r="T32542">
        <v>39</v>
      </c>
      <c r="U32542">
        <v>40</v>
      </c>
      <c r="V32542">
        <v>40</v>
      </c>
      <c r="W32542">
        <v>41</v>
      </c>
      <c r="X32542">
        <v>41</v>
      </c>
      <c r="Y32542">
        <v>41</v>
      </c>
      <c r="Z32542">
        <v>42</v>
      </c>
      <c r="AA32542">
        <v>42</v>
      </c>
      <c r="AB32542">
        <v>43</v>
      </c>
      <c r="AC32542">
        <v>43</v>
      </c>
      <c r="AD32542">
        <v>43</v>
      </c>
      <c r="AE32542">
        <v>44</v>
      </c>
      <c r="AF32542">
        <v>44</v>
      </c>
      <c r="AG32542">
        <v>44</v>
      </c>
      <c r="AH32542">
        <v>45</v>
      </c>
      <c r="AI32542">
        <v>45</v>
      </c>
      <c r="AJ32542">
        <v>45</v>
      </c>
      <c r="AK32542">
        <v>45</v>
      </c>
      <c r="AL32542">
        <v>46</v>
      </c>
      <c r="AM32542">
        <v>45</v>
      </c>
      <c r="AN32542">
        <v>45</v>
      </c>
      <c r="AO32542">
        <v>45</v>
      </c>
      <c r="AP32542">
        <v>45</v>
      </c>
      <c r="AQ32542">
        <v>45</v>
      </c>
    </row>
    <row r="32543" spans="1:43">
      <c r="A32543" t="s">
        <v>20153</v>
      </c>
      <c r="B32543" t="s">
        <v>20154</v>
      </c>
      <c r="C32543" t="s">
        <v>20155</v>
      </c>
      <c r="D32543" t="s">
        <v>20156</v>
      </c>
      <c r="E32543" t="s">
        <v>20071</v>
      </c>
      <c r="F32543" t="s">
        <v>20072</v>
      </c>
      <c r="G32543" t="s">
        <v>10734</v>
      </c>
      <c r="H32543" t="s">
        <v>10735</v>
      </c>
      <c r="I32543" s="2">
        <v>0</v>
      </c>
      <c r="J32543" s="2">
        <v>0</v>
      </c>
      <c r="K32543" s="2">
        <v>1</v>
      </c>
      <c r="L32543" t="s">
        <v>995</v>
      </c>
      <c r="M32543" t="s">
        <v>87</v>
      </c>
      <c r="N32543" t="s">
        <v>88</v>
      </c>
      <c r="O32543" t="s">
        <v>85</v>
      </c>
      <c r="P32543" t="s">
        <v>86</v>
      </c>
      <c r="Q32543">
        <v>38</v>
      </c>
      <c r="R32543">
        <v>39</v>
      </c>
      <c r="S32543">
        <v>39</v>
      </c>
      <c r="T32543">
        <v>39</v>
      </c>
      <c r="U32543">
        <v>39</v>
      </c>
      <c r="V32543">
        <v>39</v>
      </c>
      <c r="W32543">
        <v>39</v>
      </c>
      <c r="X32543">
        <v>39</v>
      </c>
      <c r="Y32543">
        <v>39</v>
      </c>
      <c r="Z32543">
        <v>39</v>
      </c>
      <c r="AA32543">
        <v>39</v>
      </c>
      <c r="AB32543">
        <v>39</v>
      </c>
      <c r="AC32543">
        <v>40</v>
      </c>
      <c r="AD32543">
        <v>40</v>
      </c>
      <c r="AE32543">
        <v>40</v>
      </c>
      <c r="AF32543">
        <v>40</v>
      </c>
      <c r="AG32543">
        <v>40</v>
      </c>
      <c r="AH32543">
        <v>40</v>
      </c>
      <c r="AI32543">
        <v>40</v>
      </c>
      <c r="AJ32543">
        <v>40</v>
      </c>
      <c r="AK32543">
        <v>40</v>
      </c>
      <c r="AL32543">
        <v>40</v>
      </c>
      <c r="AM32543">
        <v>40</v>
      </c>
      <c r="AN32543">
        <v>40</v>
      </c>
      <c r="AO32543">
        <v>40</v>
      </c>
      <c r="AP32543">
        <v>40</v>
      </c>
      <c r="AQ32543">
        <v>40</v>
      </c>
    </row>
    <row r="32544" spans="1:43">
      <c r="A32544" t="s">
        <v>20153</v>
      </c>
      <c r="B32544" t="s">
        <v>20154</v>
      </c>
      <c r="C32544" t="s">
        <v>20155</v>
      </c>
      <c r="D32544" t="s">
        <v>20156</v>
      </c>
      <c r="E32544" t="s">
        <v>20071</v>
      </c>
      <c r="F32544" t="s">
        <v>20072</v>
      </c>
      <c r="G32544" t="s">
        <v>10734</v>
      </c>
      <c r="H32544" t="s">
        <v>10735</v>
      </c>
      <c r="I32544" s="2">
        <v>0</v>
      </c>
      <c r="J32544" s="2">
        <v>0</v>
      </c>
      <c r="K32544" s="2">
        <v>1</v>
      </c>
      <c r="L32544" t="s">
        <v>995</v>
      </c>
      <c r="M32544" t="s">
        <v>89</v>
      </c>
      <c r="N32544" t="s">
        <v>90</v>
      </c>
      <c r="O32544" t="s">
        <v>85</v>
      </c>
      <c r="P32544" t="s">
        <v>86</v>
      </c>
      <c r="Q32544">
        <v>38</v>
      </c>
      <c r="R32544">
        <v>39</v>
      </c>
      <c r="S32544">
        <v>40</v>
      </c>
      <c r="T32544">
        <v>40</v>
      </c>
      <c r="U32544">
        <v>41</v>
      </c>
      <c r="V32544">
        <v>42</v>
      </c>
      <c r="W32544">
        <v>43</v>
      </c>
      <c r="X32544">
        <v>43</v>
      </c>
      <c r="Y32544">
        <v>44</v>
      </c>
      <c r="Z32544">
        <v>44</v>
      </c>
      <c r="AA32544">
        <v>45</v>
      </c>
      <c r="AB32544">
        <v>45</v>
      </c>
      <c r="AC32544">
        <v>46</v>
      </c>
      <c r="AD32544">
        <v>46</v>
      </c>
      <c r="AE32544">
        <v>47</v>
      </c>
      <c r="AF32544">
        <v>46</v>
      </c>
      <c r="AG32544">
        <v>46</v>
      </c>
      <c r="AH32544">
        <v>46</v>
      </c>
      <c r="AI32544">
        <v>46</v>
      </c>
      <c r="AJ32544">
        <v>46</v>
      </c>
      <c r="AK32544">
        <v>46</v>
      </c>
      <c r="AL32544">
        <v>46</v>
      </c>
      <c r="AM32544">
        <v>46</v>
      </c>
      <c r="AN32544">
        <v>46</v>
      </c>
      <c r="AO32544">
        <v>46</v>
      </c>
      <c r="AP32544">
        <v>46</v>
      </c>
      <c r="AQ32544">
        <v>45</v>
      </c>
    </row>
    <row r="32545" spans="1:43">
      <c r="A32545" t="s">
        <v>20153</v>
      </c>
      <c r="B32545" t="s">
        <v>20154</v>
      </c>
      <c r="C32545" t="s">
        <v>20155</v>
      </c>
      <c r="D32545" t="s">
        <v>20156</v>
      </c>
      <c r="E32545" t="s">
        <v>20071</v>
      </c>
      <c r="F32545" t="s">
        <v>20072</v>
      </c>
      <c r="G32545" t="s">
        <v>10734</v>
      </c>
      <c r="H32545" t="s">
        <v>10735</v>
      </c>
      <c r="I32545" s="2">
        <v>0</v>
      </c>
      <c r="J32545" s="2">
        <v>0</v>
      </c>
      <c r="K32545" s="2">
        <v>1</v>
      </c>
      <c r="L32545" t="s">
        <v>995</v>
      </c>
      <c r="M32545" t="s">
        <v>83</v>
      </c>
      <c r="N32545" t="s">
        <v>91</v>
      </c>
      <c r="O32545" t="s">
        <v>85</v>
      </c>
      <c r="P32545" t="s">
        <v>86</v>
      </c>
      <c r="Q32545">
        <v>38</v>
      </c>
      <c r="R32545">
        <v>38</v>
      </c>
      <c r="S32545">
        <v>39</v>
      </c>
      <c r="T32545">
        <v>39</v>
      </c>
      <c r="U32545">
        <v>40</v>
      </c>
      <c r="V32545">
        <v>40</v>
      </c>
      <c r="W32545">
        <v>41</v>
      </c>
      <c r="X32545">
        <v>41</v>
      </c>
      <c r="Y32545">
        <v>41</v>
      </c>
      <c r="Z32545">
        <v>42</v>
      </c>
      <c r="AA32545">
        <v>42</v>
      </c>
      <c r="AB32545">
        <v>43</v>
      </c>
      <c r="AC32545">
        <v>43</v>
      </c>
      <c r="AD32545">
        <v>43</v>
      </c>
      <c r="AE32545">
        <v>44</v>
      </c>
      <c r="AF32545">
        <v>44</v>
      </c>
      <c r="AG32545">
        <v>44</v>
      </c>
      <c r="AH32545">
        <v>45</v>
      </c>
      <c r="AI32545">
        <v>45</v>
      </c>
      <c r="AJ32545">
        <v>45</v>
      </c>
      <c r="AK32545">
        <v>45</v>
      </c>
      <c r="AL32545">
        <v>46</v>
      </c>
      <c r="AM32545">
        <v>45</v>
      </c>
      <c r="AN32545">
        <v>45</v>
      </c>
      <c r="AO32545">
        <v>45</v>
      </c>
      <c r="AP32545">
        <v>45</v>
      </c>
      <c r="AQ32545">
        <v>45</v>
      </c>
    </row>
    <row r="32546" spans="1:43">
      <c r="A32546" t="s">
        <v>20157</v>
      </c>
      <c r="B32546" t="s">
        <v>20158</v>
      </c>
      <c r="C32546" t="s">
        <v>20155</v>
      </c>
      <c r="D32546" t="s">
        <v>20156</v>
      </c>
      <c r="E32546" t="s">
        <v>20071</v>
      </c>
      <c r="F32546" t="s">
        <v>20072</v>
      </c>
      <c r="G32546" t="s">
        <v>10734</v>
      </c>
      <c r="H32546" t="s">
        <v>10735</v>
      </c>
      <c r="I32546" s="2">
        <v>0</v>
      </c>
      <c r="J32546" s="2">
        <v>0</v>
      </c>
      <c r="K32546" s="2">
        <v>1</v>
      </c>
      <c r="L32546" t="s">
        <v>995</v>
      </c>
      <c r="M32546" t="s">
        <v>83</v>
      </c>
      <c r="N32546" t="s">
        <v>84</v>
      </c>
      <c r="O32546" t="s">
        <v>85</v>
      </c>
      <c r="P32546" t="s">
        <v>86</v>
      </c>
      <c r="Q32546">
        <v>33</v>
      </c>
      <c r="R32546">
        <v>34</v>
      </c>
      <c r="S32546">
        <v>34</v>
      </c>
      <c r="T32546">
        <v>34</v>
      </c>
      <c r="U32546">
        <v>35</v>
      </c>
      <c r="V32546">
        <v>35</v>
      </c>
      <c r="W32546">
        <v>36</v>
      </c>
      <c r="X32546">
        <v>36</v>
      </c>
      <c r="Y32546">
        <v>36</v>
      </c>
      <c r="Z32546">
        <v>37</v>
      </c>
      <c r="AA32546">
        <v>37</v>
      </c>
      <c r="AB32546">
        <v>37</v>
      </c>
      <c r="AC32546">
        <v>38</v>
      </c>
      <c r="AD32546">
        <v>38</v>
      </c>
      <c r="AE32546">
        <v>38</v>
      </c>
      <c r="AF32546">
        <v>38</v>
      </c>
      <c r="AG32546">
        <v>39</v>
      </c>
      <c r="AH32546">
        <v>39</v>
      </c>
      <c r="AI32546">
        <v>39</v>
      </c>
      <c r="AJ32546">
        <v>40</v>
      </c>
      <c r="AK32546">
        <v>40</v>
      </c>
      <c r="AL32546">
        <v>40</v>
      </c>
      <c r="AM32546">
        <v>40</v>
      </c>
      <c r="AN32546">
        <v>40</v>
      </c>
      <c r="AO32546">
        <v>39</v>
      </c>
      <c r="AP32546">
        <v>39</v>
      </c>
      <c r="AQ32546">
        <v>39</v>
      </c>
    </row>
    <row r="32547" spans="1:43">
      <c r="A32547" t="s">
        <v>20157</v>
      </c>
      <c r="B32547" t="s">
        <v>20158</v>
      </c>
      <c r="C32547" t="s">
        <v>20155</v>
      </c>
      <c r="D32547" t="s">
        <v>20156</v>
      </c>
      <c r="E32547" t="s">
        <v>20071</v>
      </c>
      <c r="F32547" t="s">
        <v>20072</v>
      </c>
      <c r="G32547" t="s">
        <v>10734</v>
      </c>
      <c r="H32547" t="s">
        <v>10735</v>
      </c>
      <c r="I32547" s="2">
        <v>0</v>
      </c>
      <c r="J32547" s="2">
        <v>0</v>
      </c>
      <c r="K32547" s="2">
        <v>1</v>
      </c>
      <c r="L32547" t="s">
        <v>995</v>
      </c>
      <c r="M32547" t="s">
        <v>87</v>
      </c>
      <c r="N32547" t="s">
        <v>88</v>
      </c>
      <c r="O32547" t="s">
        <v>85</v>
      </c>
      <c r="P32547" t="s">
        <v>86</v>
      </c>
      <c r="Q32547">
        <v>33</v>
      </c>
      <c r="R32547">
        <v>33</v>
      </c>
      <c r="S32547">
        <v>33</v>
      </c>
      <c r="T32547">
        <v>33</v>
      </c>
      <c r="U32547">
        <v>33</v>
      </c>
      <c r="V32547">
        <v>33</v>
      </c>
      <c r="W32547">
        <v>33</v>
      </c>
      <c r="X32547">
        <v>34</v>
      </c>
      <c r="Y32547">
        <v>34</v>
      </c>
      <c r="Z32547">
        <v>34</v>
      </c>
      <c r="AA32547">
        <v>34</v>
      </c>
      <c r="AB32547">
        <v>34</v>
      </c>
      <c r="AC32547">
        <v>34</v>
      </c>
      <c r="AD32547">
        <v>34</v>
      </c>
      <c r="AE32547">
        <v>34</v>
      </c>
      <c r="AF32547">
        <v>34</v>
      </c>
      <c r="AG32547">
        <v>34</v>
      </c>
      <c r="AH32547">
        <v>34</v>
      </c>
      <c r="AI32547">
        <v>34</v>
      </c>
      <c r="AJ32547">
        <v>34</v>
      </c>
      <c r="AK32547">
        <v>34</v>
      </c>
      <c r="AL32547">
        <v>34</v>
      </c>
      <c r="AM32547">
        <v>34</v>
      </c>
      <c r="AN32547">
        <v>34</v>
      </c>
      <c r="AO32547">
        <v>34</v>
      </c>
      <c r="AP32547">
        <v>34</v>
      </c>
      <c r="AQ32547">
        <v>34</v>
      </c>
    </row>
    <row r="32548" spans="1:43">
      <c r="A32548" t="s">
        <v>20157</v>
      </c>
      <c r="B32548" t="s">
        <v>20158</v>
      </c>
      <c r="C32548" t="s">
        <v>20155</v>
      </c>
      <c r="D32548" t="s">
        <v>20156</v>
      </c>
      <c r="E32548" t="s">
        <v>20071</v>
      </c>
      <c r="F32548" t="s">
        <v>20072</v>
      </c>
      <c r="G32548" t="s">
        <v>10734</v>
      </c>
      <c r="H32548" t="s">
        <v>10735</v>
      </c>
      <c r="I32548" s="2">
        <v>0</v>
      </c>
      <c r="J32548" s="2">
        <v>0</v>
      </c>
      <c r="K32548" s="2">
        <v>1</v>
      </c>
      <c r="L32548" t="s">
        <v>995</v>
      </c>
      <c r="M32548" t="s">
        <v>89</v>
      </c>
      <c r="N32548" t="s">
        <v>90</v>
      </c>
      <c r="O32548" t="s">
        <v>85</v>
      </c>
      <c r="P32548" t="s">
        <v>86</v>
      </c>
      <c r="Q32548">
        <v>33</v>
      </c>
      <c r="R32548">
        <v>33</v>
      </c>
      <c r="S32548">
        <v>34</v>
      </c>
      <c r="T32548">
        <v>35</v>
      </c>
      <c r="U32548">
        <v>35</v>
      </c>
      <c r="V32548">
        <v>36</v>
      </c>
      <c r="W32548">
        <v>36</v>
      </c>
      <c r="X32548">
        <v>37</v>
      </c>
      <c r="Y32548">
        <v>37</v>
      </c>
      <c r="Z32548">
        <v>38</v>
      </c>
      <c r="AA32548">
        <v>38</v>
      </c>
      <c r="AB32548">
        <v>39</v>
      </c>
      <c r="AC32548">
        <v>39</v>
      </c>
      <c r="AD32548">
        <v>40</v>
      </c>
      <c r="AE32548">
        <v>40</v>
      </c>
      <c r="AF32548">
        <v>40</v>
      </c>
      <c r="AG32548">
        <v>40</v>
      </c>
      <c r="AH32548">
        <v>40</v>
      </c>
      <c r="AI32548">
        <v>40</v>
      </c>
      <c r="AJ32548">
        <v>39</v>
      </c>
      <c r="AK32548">
        <v>39</v>
      </c>
      <c r="AL32548">
        <v>39</v>
      </c>
      <c r="AM32548">
        <v>39</v>
      </c>
      <c r="AN32548">
        <v>39</v>
      </c>
      <c r="AO32548">
        <v>39</v>
      </c>
      <c r="AP32548">
        <v>39</v>
      </c>
      <c r="AQ32548">
        <v>39</v>
      </c>
    </row>
    <row r="32549" spans="1:43">
      <c r="A32549" t="s">
        <v>20157</v>
      </c>
      <c r="B32549" t="s">
        <v>20158</v>
      </c>
      <c r="C32549" t="s">
        <v>20155</v>
      </c>
      <c r="D32549" t="s">
        <v>20156</v>
      </c>
      <c r="E32549" t="s">
        <v>20071</v>
      </c>
      <c r="F32549" t="s">
        <v>20072</v>
      </c>
      <c r="G32549" t="s">
        <v>10734</v>
      </c>
      <c r="H32549" t="s">
        <v>10735</v>
      </c>
      <c r="I32549" s="2">
        <v>0</v>
      </c>
      <c r="J32549" s="2">
        <v>0</v>
      </c>
      <c r="K32549" s="2">
        <v>1</v>
      </c>
      <c r="L32549" t="s">
        <v>995</v>
      </c>
      <c r="M32549" t="s">
        <v>83</v>
      </c>
      <c r="N32549" t="s">
        <v>91</v>
      </c>
      <c r="O32549" t="s">
        <v>85</v>
      </c>
      <c r="P32549" t="s">
        <v>86</v>
      </c>
      <c r="Q32549">
        <v>33</v>
      </c>
      <c r="R32549">
        <v>34</v>
      </c>
      <c r="S32549">
        <v>34</v>
      </c>
      <c r="T32549">
        <v>34</v>
      </c>
      <c r="U32549">
        <v>35</v>
      </c>
      <c r="V32549">
        <v>35</v>
      </c>
      <c r="W32549">
        <v>36</v>
      </c>
      <c r="X32549">
        <v>36</v>
      </c>
      <c r="Y32549">
        <v>36</v>
      </c>
      <c r="Z32549">
        <v>37</v>
      </c>
      <c r="AA32549">
        <v>37</v>
      </c>
      <c r="AB32549">
        <v>37</v>
      </c>
      <c r="AC32549">
        <v>38</v>
      </c>
      <c r="AD32549">
        <v>38</v>
      </c>
      <c r="AE32549">
        <v>38</v>
      </c>
      <c r="AF32549">
        <v>38</v>
      </c>
      <c r="AG32549">
        <v>39</v>
      </c>
      <c r="AH32549">
        <v>39</v>
      </c>
      <c r="AI32549">
        <v>39</v>
      </c>
      <c r="AJ32549">
        <v>40</v>
      </c>
      <c r="AK32549">
        <v>40</v>
      </c>
      <c r="AL32549">
        <v>40</v>
      </c>
      <c r="AM32549">
        <v>40</v>
      </c>
      <c r="AN32549">
        <v>40</v>
      </c>
      <c r="AO32549">
        <v>39</v>
      </c>
      <c r="AP32549">
        <v>39</v>
      </c>
      <c r="AQ32549">
        <v>39</v>
      </c>
    </row>
    <row r="32550" spans="1:43">
      <c r="A32550" t="s">
        <v>20159</v>
      </c>
      <c r="B32550" t="s">
        <v>20160</v>
      </c>
      <c r="C32550" t="s">
        <v>20115</v>
      </c>
      <c r="D32550" t="s">
        <v>20116</v>
      </c>
      <c r="E32550" t="s">
        <v>20071</v>
      </c>
      <c r="F32550" t="s">
        <v>20072</v>
      </c>
      <c r="G32550" t="s">
        <v>10734</v>
      </c>
      <c r="H32550" t="s">
        <v>10735</v>
      </c>
      <c r="I32550" s="2">
        <v>0</v>
      </c>
      <c r="J32550" s="2">
        <v>0</v>
      </c>
      <c r="K32550" s="2">
        <v>1</v>
      </c>
      <c r="L32550" t="s">
        <v>995</v>
      </c>
      <c r="M32550" t="s">
        <v>83</v>
      </c>
      <c r="N32550" t="s">
        <v>84</v>
      </c>
      <c r="O32550" t="s">
        <v>85</v>
      </c>
      <c r="P32550" t="s">
        <v>86</v>
      </c>
      <c r="Q32550">
        <v>203</v>
      </c>
      <c r="R32550">
        <v>205</v>
      </c>
      <c r="S32550">
        <v>208</v>
      </c>
      <c r="T32550">
        <v>210</v>
      </c>
      <c r="U32550">
        <v>213</v>
      </c>
      <c r="V32550">
        <v>215</v>
      </c>
      <c r="W32550">
        <v>217</v>
      </c>
      <c r="X32550">
        <v>220</v>
      </c>
      <c r="Y32550">
        <v>222</v>
      </c>
      <c r="Z32550">
        <v>224</v>
      </c>
      <c r="AA32550">
        <v>226</v>
      </c>
      <c r="AB32550">
        <v>228</v>
      </c>
      <c r="AC32550">
        <v>230</v>
      </c>
      <c r="AD32550">
        <v>232</v>
      </c>
      <c r="AE32550">
        <v>234</v>
      </c>
      <c r="AF32550">
        <v>236</v>
      </c>
      <c r="AG32550">
        <v>238</v>
      </c>
      <c r="AH32550">
        <v>240</v>
      </c>
      <c r="AI32550">
        <v>242</v>
      </c>
      <c r="AJ32550">
        <v>244</v>
      </c>
      <c r="AK32550">
        <v>245</v>
      </c>
      <c r="AL32550">
        <v>246</v>
      </c>
      <c r="AM32550">
        <v>246</v>
      </c>
      <c r="AN32550">
        <v>245</v>
      </c>
      <c r="AO32550">
        <v>245</v>
      </c>
      <c r="AP32550">
        <v>245</v>
      </c>
      <c r="AQ32550">
        <v>245</v>
      </c>
    </row>
    <row r="32551" spans="1:43">
      <c r="A32551" t="s">
        <v>20159</v>
      </c>
      <c r="B32551" t="s">
        <v>20160</v>
      </c>
      <c r="C32551" t="s">
        <v>20115</v>
      </c>
      <c r="D32551" t="s">
        <v>20116</v>
      </c>
      <c r="E32551" t="s">
        <v>20071</v>
      </c>
      <c r="F32551" t="s">
        <v>20072</v>
      </c>
      <c r="G32551" t="s">
        <v>10734</v>
      </c>
      <c r="H32551" t="s">
        <v>10735</v>
      </c>
      <c r="I32551" s="2">
        <v>0</v>
      </c>
      <c r="J32551" s="2">
        <v>0</v>
      </c>
      <c r="K32551" s="2">
        <v>1</v>
      </c>
      <c r="L32551" t="s">
        <v>995</v>
      </c>
      <c r="M32551" t="s">
        <v>87</v>
      </c>
      <c r="N32551" t="s">
        <v>88</v>
      </c>
      <c r="O32551" t="s">
        <v>85</v>
      </c>
      <c r="P32551" t="s">
        <v>86</v>
      </c>
      <c r="Q32551">
        <v>203</v>
      </c>
      <c r="R32551">
        <v>204</v>
      </c>
      <c r="S32551">
        <v>204</v>
      </c>
      <c r="T32551">
        <v>205</v>
      </c>
      <c r="U32551">
        <v>205</v>
      </c>
      <c r="V32551">
        <v>206</v>
      </c>
      <c r="W32551">
        <v>206</v>
      </c>
      <c r="X32551">
        <v>207</v>
      </c>
      <c r="Y32551">
        <v>207</v>
      </c>
      <c r="Z32551">
        <v>208</v>
      </c>
      <c r="AA32551">
        <v>208</v>
      </c>
      <c r="AB32551">
        <v>208</v>
      </c>
      <c r="AC32551">
        <v>209</v>
      </c>
      <c r="AD32551">
        <v>209</v>
      </c>
      <c r="AE32551">
        <v>210</v>
      </c>
      <c r="AF32551">
        <v>210</v>
      </c>
      <c r="AG32551">
        <v>210</v>
      </c>
      <c r="AH32551">
        <v>211</v>
      </c>
      <c r="AI32551">
        <v>211</v>
      </c>
      <c r="AJ32551">
        <v>211</v>
      </c>
      <c r="AK32551">
        <v>211</v>
      </c>
      <c r="AL32551">
        <v>212</v>
      </c>
      <c r="AM32551">
        <v>212</v>
      </c>
      <c r="AN32551">
        <v>212</v>
      </c>
      <c r="AO32551">
        <v>212</v>
      </c>
      <c r="AP32551">
        <v>213</v>
      </c>
      <c r="AQ32551">
        <v>213</v>
      </c>
    </row>
    <row r="32552" spans="1:43">
      <c r="A32552" t="s">
        <v>20159</v>
      </c>
      <c r="B32552" t="s">
        <v>20160</v>
      </c>
      <c r="C32552" t="s">
        <v>20115</v>
      </c>
      <c r="D32552" t="s">
        <v>20116</v>
      </c>
      <c r="E32552" t="s">
        <v>20071</v>
      </c>
      <c r="F32552" t="s">
        <v>20072</v>
      </c>
      <c r="G32552" t="s">
        <v>10734</v>
      </c>
      <c r="H32552" t="s">
        <v>10735</v>
      </c>
      <c r="I32552" s="2">
        <v>0</v>
      </c>
      <c r="J32552" s="2">
        <v>0</v>
      </c>
      <c r="K32552" s="2">
        <v>1</v>
      </c>
      <c r="L32552" t="s">
        <v>995</v>
      </c>
      <c r="M32552" t="s">
        <v>89</v>
      </c>
      <c r="N32552" t="s">
        <v>90</v>
      </c>
      <c r="O32552" t="s">
        <v>85</v>
      </c>
      <c r="P32552" t="s">
        <v>86</v>
      </c>
      <c r="Q32552">
        <v>203</v>
      </c>
      <c r="R32552">
        <v>207</v>
      </c>
      <c r="S32552">
        <v>211</v>
      </c>
      <c r="T32552">
        <v>215</v>
      </c>
      <c r="U32552">
        <v>219</v>
      </c>
      <c r="V32552">
        <v>223</v>
      </c>
      <c r="W32552">
        <v>226</v>
      </c>
      <c r="X32552">
        <v>230</v>
      </c>
      <c r="Y32552">
        <v>233</v>
      </c>
      <c r="Z32552">
        <v>236</v>
      </c>
      <c r="AA32552">
        <v>239</v>
      </c>
      <c r="AB32552">
        <v>242</v>
      </c>
      <c r="AC32552">
        <v>245</v>
      </c>
      <c r="AD32552">
        <v>248</v>
      </c>
      <c r="AE32552">
        <v>249</v>
      </c>
      <c r="AF32552">
        <v>249</v>
      </c>
      <c r="AG32552">
        <v>249</v>
      </c>
      <c r="AH32552">
        <v>249</v>
      </c>
      <c r="AI32552">
        <v>249</v>
      </c>
      <c r="AJ32552">
        <v>249</v>
      </c>
      <c r="AK32552">
        <v>248</v>
      </c>
      <c r="AL32552">
        <v>248</v>
      </c>
      <c r="AM32552">
        <v>248</v>
      </c>
      <c r="AN32552">
        <v>247</v>
      </c>
      <c r="AO32552">
        <v>247</v>
      </c>
      <c r="AP32552">
        <v>247</v>
      </c>
      <c r="AQ32552">
        <v>246</v>
      </c>
    </row>
    <row r="32553" spans="1:43">
      <c r="A32553" t="s">
        <v>20159</v>
      </c>
      <c r="B32553" t="s">
        <v>20160</v>
      </c>
      <c r="C32553" t="s">
        <v>20115</v>
      </c>
      <c r="D32553" t="s">
        <v>20116</v>
      </c>
      <c r="E32553" t="s">
        <v>20071</v>
      </c>
      <c r="F32553" t="s">
        <v>20072</v>
      </c>
      <c r="G32553" t="s">
        <v>10734</v>
      </c>
      <c r="H32553" t="s">
        <v>10735</v>
      </c>
      <c r="I32553" s="2">
        <v>0</v>
      </c>
      <c r="J32553" s="2">
        <v>0</v>
      </c>
      <c r="K32553" s="2">
        <v>1</v>
      </c>
      <c r="L32553" t="s">
        <v>995</v>
      </c>
      <c r="M32553" t="s">
        <v>83</v>
      </c>
      <c r="N32553" t="s">
        <v>91</v>
      </c>
      <c r="O32553" t="s">
        <v>85</v>
      </c>
      <c r="P32553" t="s">
        <v>86</v>
      </c>
      <c r="Q32553">
        <v>203</v>
      </c>
      <c r="R32553">
        <v>205</v>
      </c>
      <c r="S32553">
        <v>208</v>
      </c>
      <c r="T32553">
        <v>210</v>
      </c>
      <c r="U32553">
        <v>213</v>
      </c>
      <c r="V32553">
        <v>215</v>
      </c>
      <c r="W32553">
        <v>217</v>
      </c>
      <c r="X32553">
        <v>220</v>
      </c>
      <c r="Y32553">
        <v>222</v>
      </c>
      <c r="Z32553">
        <v>224</v>
      </c>
      <c r="AA32553">
        <v>226</v>
      </c>
      <c r="AB32553">
        <v>228</v>
      </c>
      <c r="AC32553">
        <v>230</v>
      </c>
      <c r="AD32553">
        <v>232</v>
      </c>
      <c r="AE32553">
        <v>234</v>
      </c>
      <c r="AF32553">
        <v>236</v>
      </c>
      <c r="AG32553">
        <v>238</v>
      </c>
      <c r="AH32553">
        <v>240</v>
      </c>
      <c r="AI32553">
        <v>242</v>
      </c>
      <c r="AJ32553">
        <v>244</v>
      </c>
      <c r="AK32553">
        <v>245</v>
      </c>
      <c r="AL32553">
        <v>246</v>
      </c>
      <c r="AM32553">
        <v>246</v>
      </c>
      <c r="AN32553">
        <v>245</v>
      </c>
      <c r="AO32553">
        <v>245</v>
      </c>
      <c r="AP32553">
        <v>245</v>
      </c>
      <c r="AQ32553">
        <v>245</v>
      </c>
    </row>
    <row r="32554" spans="1:43">
      <c r="A32554" t="s">
        <v>20161</v>
      </c>
      <c r="B32554" t="s">
        <v>20162</v>
      </c>
      <c r="C32554" t="s">
        <v>20155</v>
      </c>
      <c r="D32554" t="s">
        <v>20156</v>
      </c>
      <c r="E32554" t="s">
        <v>20071</v>
      </c>
      <c r="F32554" t="s">
        <v>20072</v>
      </c>
      <c r="G32554" t="s">
        <v>10734</v>
      </c>
      <c r="H32554" t="s">
        <v>10735</v>
      </c>
      <c r="I32554" s="2">
        <v>0</v>
      </c>
      <c r="J32554" s="2">
        <v>0</v>
      </c>
      <c r="K32554" s="2">
        <v>1</v>
      </c>
      <c r="L32554" t="s">
        <v>995</v>
      </c>
      <c r="M32554" t="s">
        <v>83</v>
      </c>
      <c r="N32554" t="s">
        <v>84</v>
      </c>
      <c r="O32554" t="s">
        <v>85</v>
      </c>
      <c r="P32554" t="s">
        <v>86</v>
      </c>
      <c r="Q32554">
        <v>23</v>
      </c>
      <c r="R32554">
        <v>24</v>
      </c>
      <c r="S32554">
        <v>24</v>
      </c>
      <c r="T32554">
        <v>24</v>
      </c>
      <c r="U32554">
        <v>24</v>
      </c>
      <c r="V32554">
        <v>25</v>
      </c>
      <c r="W32554">
        <v>25</v>
      </c>
      <c r="X32554">
        <v>25</v>
      </c>
      <c r="Y32554">
        <v>25</v>
      </c>
      <c r="Z32554">
        <v>26</v>
      </c>
      <c r="AA32554">
        <v>26</v>
      </c>
      <c r="AB32554">
        <v>26</v>
      </c>
      <c r="AC32554">
        <v>26</v>
      </c>
      <c r="AD32554">
        <v>26</v>
      </c>
      <c r="AE32554">
        <v>27</v>
      </c>
      <c r="AF32554">
        <v>27</v>
      </c>
      <c r="AG32554">
        <v>27</v>
      </c>
      <c r="AH32554">
        <v>27</v>
      </c>
      <c r="AI32554">
        <v>27</v>
      </c>
      <c r="AJ32554">
        <v>28</v>
      </c>
      <c r="AK32554">
        <v>28</v>
      </c>
      <c r="AL32554">
        <v>28</v>
      </c>
      <c r="AM32554">
        <v>28</v>
      </c>
      <c r="AN32554">
        <v>28</v>
      </c>
      <c r="AO32554">
        <v>27</v>
      </c>
      <c r="AP32554">
        <v>27</v>
      </c>
      <c r="AQ32554">
        <v>27</v>
      </c>
    </row>
    <row r="32555" spans="1:43">
      <c r="A32555" t="s">
        <v>20161</v>
      </c>
      <c r="B32555" t="s">
        <v>20162</v>
      </c>
      <c r="C32555" t="s">
        <v>20155</v>
      </c>
      <c r="D32555" t="s">
        <v>20156</v>
      </c>
      <c r="E32555" t="s">
        <v>20071</v>
      </c>
      <c r="F32555" t="s">
        <v>20072</v>
      </c>
      <c r="G32555" t="s">
        <v>10734</v>
      </c>
      <c r="H32555" t="s">
        <v>10735</v>
      </c>
      <c r="I32555" s="2">
        <v>0</v>
      </c>
      <c r="J32555" s="2">
        <v>0</v>
      </c>
      <c r="K32555" s="2">
        <v>1</v>
      </c>
      <c r="L32555" t="s">
        <v>995</v>
      </c>
      <c r="M32555" t="s">
        <v>87</v>
      </c>
      <c r="N32555" t="s">
        <v>88</v>
      </c>
      <c r="O32555" t="s">
        <v>85</v>
      </c>
      <c r="P32555" t="s">
        <v>86</v>
      </c>
      <c r="Q32555">
        <v>23</v>
      </c>
      <c r="R32555">
        <v>23</v>
      </c>
      <c r="S32555">
        <v>23</v>
      </c>
      <c r="T32555">
        <v>23</v>
      </c>
      <c r="U32555">
        <v>23</v>
      </c>
      <c r="V32555">
        <v>23</v>
      </c>
      <c r="W32555">
        <v>23</v>
      </c>
      <c r="X32555">
        <v>23</v>
      </c>
      <c r="Y32555">
        <v>24</v>
      </c>
      <c r="Z32555">
        <v>24</v>
      </c>
      <c r="AA32555">
        <v>24</v>
      </c>
      <c r="AB32555">
        <v>24</v>
      </c>
      <c r="AC32555">
        <v>24</v>
      </c>
      <c r="AD32555">
        <v>24</v>
      </c>
      <c r="AE32555">
        <v>24</v>
      </c>
      <c r="AF32555">
        <v>24</v>
      </c>
      <c r="AG32555">
        <v>24</v>
      </c>
      <c r="AH32555">
        <v>24</v>
      </c>
      <c r="AI32555">
        <v>24</v>
      </c>
      <c r="AJ32555">
        <v>24</v>
      </c>
      <c r="AK32555">
        <v>24</v>
      </c>
      <c r="AL32555">
        <v>24</v>
      </c>
      <c r="AM32555">
        <v>24</v>
      </c>
      <c r="AN32555">
        <v>24</v>
      </c>
      <c r="AO32555">
        <v>24</v>
      </c>
      <c r="AP32555">
        <v>24</v>
      </c>
      <c r="AQ32555">
        <v>24</v>
      </c>
    </row>
    <row r="32556" spans="1:43">
      <c r="A32556" t="s">
        <v>20161</v>
      </c>
      <c r="B32556" t="s">
        <v>20162</v>
      </c>
      <c r="C32556" t="s">
        <v>20155</v>
      </c>
      <c r="D32556" t="s">
        <v>20156</v>
      </c>
      <c r="E32556" t="s">
        <v>20071</v>
      </c>
      <c r="F32556" t="s">
        <v>20072</v>
      </c>
      <c r="G32556" t="s">
        <v>10734</v>
      </c>
      <c r="H32556" t="s">
        <v>10735</v>
      </c>
      <c r="I32556" s="2">
        <v>0</v>
      </c>
      <c r="J32556" s="2">
        <v>0</v>
      </c>
      <c r="K32556" s="2">
        <v>1</v>
      </c>
      <c r="L32556" t="s">
        <v>995</v>
      </c>
      <c r="M32556" t="s">
        <v>89</v>
      </c>
      <c r="N32556" t="s">
        <v>90</v>
      </c>
      <c r="O32556" t="s">
        <v>85</v>
      </c>
      <c r="P32556" t="s">
        <v>86</v>
      </c>
      <c r="Q32556">
        <v>23</v>
      </c>
      <c r="R32556">
        <v>23</v>
      </c>
      <c r="S32556">
        <v>24</v>
      </c>
      <c r="T32556">
        <v>24</v>
      </c>
      <c r="U32556">
        <v>24</v>
      </c>
      <c r="V32556">
        <v>25</v>
      </c>
      <c r="W32556">
        <v>25</v>
      </c>
      <c r="X32556">
        <v>26</v>
      </c>
      <c r="Y32556">
        <v>26</v>
      </c>
      <c r="Z32556">
        <v>26</v>
      </c>
      <c r="AA32556">
        <v>27</v>
      </c>
      <c r="AB32556">
        <v>27</v>
      </c>
      <c r="AC32556">
        <v>27</v>
      </c>
      <c r="AD32556">
        <v>27</v>
      </c>
      <c r="AE32556">
        <v>28</v>
      </c>
      <c r="AF32556">
        <v>27</v>
      </c>
      <c r="AG32556">
        <v>27</v>
      </c>
      <c r="AH32556">
        <v>27</v>
      </c>
      <c r="AI32556">
        <v>27</v>
      </c>
      <c r="AJ32556">
        <v>27</v>
      </c>
      <c r="AK32556">
        <v>27</v>
      </c>
      <c r="AL32556">
        <v>27</v>
      </c>
      <c r="AM32556">
        <v>27</v>
      </c>
      <c r="AN32556">
        <v>27</v>
      </c>
      <c r="AO32556">
        <v>27</v>
      </c>
      <c r="AP32556">
        <v>26</v>
      </c>
      <c r="AQ32556">
        <v>26</v>
      </c>
    </row>
    <row r="32557" spans="1:43">
      <c r="A32557" t="s">
        <v>20161</v>
      </c>
      <c r="B32557" t="s">
        <v>20162</v>
      </c>
      <c r="C32557" t="s">
        <v>20155</v>
      </c>
      <c r="D32557" t="s">
        <v>20156</v>
      </c>
      <c r="E32557" t="s">
        <v>20071</v>
      </c>
      <c r="F32557" t="s">
        <v>20072</v>
      </c>
      <c r="G32557" t="s">
        <v>10734</v>
      </c>
      <c r="H32557" t="s">
        <v>10735</v>
      </c>
      <c r="I32557" s="2">
        <v>0</v>
      </c>
      <c r="J32557" s="2">
        <v>0</v>
      </c>
      <c r="K32557" s="2">
        <v>1</v>
      </c>
      <c r="L32557" t="s">
        <v>995</v>
      </c>
      <c r="M32557" t="s">
        <v>83</v>
      </c>
      <c r="N32557" t="s">
        <v>91</v>
      </c>
      <c r="O32557" t="s">
        <v>85</v>
      </c>
      <c r="P32557" t="s">
        <v>86</v>
      </c>
      <c r="Q32557">
        <v>23</v>
      </c>
      <c r="R32557">
        <v>24</v>
      </c>
      <c r="S32557">
        <v>24</v>
      </c>
      <c r="T32557">
        <v>24</v>
      </c>
      <c r="U32557">
        <v>24</v>
      </c>
      <c r="V32557">
        <v>25</v>
      </c>
      <c r="W32557">
        <v>25</v>
      </c>
      <c r="X32557">
        <v>25</v>
      </c>
      <c r="Y32557">
        <v>25</v>
      </c>
      <c r="Z32557">
        <v>26</v>
      </c>
      <c r="AA32557">
        <v>26</v>
      </c>
      <c r="AB32557">
        <v>26</v>
      </c>
      <c r="AC32557">
        <v>26</v>
      </c>
      <c r="AD32557">
        <v>26</v>
      </c>
      <c r="AE32557">
        <v>27</v>
      </c>
      <c r="AF32557">
        <v>27</v>
      </c>
      <c r="AG32557">
        <v>27</v>
      </c>
      <c r="AH32557">
        <v>27</v>
      </c>
      <c r="AI32557">
        <v>27</v>
      </c>
      <c r="AJ32557">
        <v>28</v>
      </c>
      <c r="AK32557">
        <v>28</v>
      </c>
      <c r="AL32557">
        <v>28</v>
      </c>
      <c r="AM32557">
        <v>28</v>
      </c>
      <c r="AN32557">
        <v>28</v>
      </c>
      <c r="AO32557">
        <v>27</v>
      </c>
      <c r="AP32557">
        <v>27</v>
      </c>
      <c r="AQ32557">
        <v>27</v>
      </c>
    </row>
    <row r="32558" spans="1:43">
      <c r="A32558" t="s">
        <v>20163</v>
      </c>
      <c r="B32558" t="s">
        <v>20164</v>
      </c>
      <c r="C32558" t="s">
        <v>20089</v>
      </c>
      <c r="D32558" t="s">
        <v>20090</v>
      </c>
      <c r="E32558" t="s">
        <v>20071</v>
      </c>
      <c r="F32558" t="s">
        <v>20072</v>
      </c>
      <c r="G32558" t="s">
        <v>10734</v>
      </c>
      <c r="H32558" t="s">
        <v>10735</v>
      </c>
      <c r="I32558" s="2">
        <v>0</v>
      </c>
      <c r="J32558" s="2">
        <v>0</v>
      </c>
      <c r="K32558" s="2">
        <v>1</v>
      </c>
      <c r="L32558" t="s">
        <v>995</v>
      </c>
      <c r="M32558" t="s">
        <v>83</v>
      </c>
      <c r="N32558" t="s">
        <v>84</v>
      </c>
      <c r="O32558" t="s">
        <v>85</v>
      </c>
      <c r="P32558" t="s">
        <v>86</v>
      </c>
      <c r="Q32558">
        <v>29</v>
      </c>
      <c r="R32558">
        <v>30</v>
      </c>
      <c r="S32558">
        <v>30</v>
      </c>
      <c r="T32558">
        <v>30</v>
      </c>
      <c r="U32558">
        <v>31</v>
      </c>
      <c r="V32558">
        <v>31</v>
      </c>
      <c r="W32558">
        <v>31</v>
      </c>
      <c r="X32558">
        <v>32</v>
      </c>
      <c r="Y32558">
        <v>32</v>
      </c>
      <c r="Z32558">
        <v>32</v>
      </c>
      <c r="AA32558">
        <v>33</v>
      </c>
      <c r="AB32558">
        <v>33</v>
      </c>
      <c r="AC32558">
        <v>33</v>
      </c>
      <c r="AD32558">
        <v>34</v>
      </c>
      <c r="AE32558">
        <v>34</v>
      </c>
      <c r="AF32558">
        <v>34</v>
      </c>
      <c r="AG32558">
        <v>34</v>
      </c>
      <c r="AH32558">
        <v>35</v>
      </c>
      <c r="AI32558">
        <v>35</v>
      </c>
      <c r="AJ32558">
        <v>35</v>
      </c>
      <c r="AK32558">
        <v>35</v>
      </c>
      <c r="AL32558">
        <v>35</v>
      </c>
      <c r="AM32558">
        <v>35</v>
      </c>
      <c r="AN32558">
        <v>35</v>
      </c>
      <c r="AO32558">
        <v>35</v>
      </c>
      <c r="AP32558">
        <v>35</v>
      </c>
      <c r="AQ32558">
        <v>35</v>
      </c>
    </row>
    <row r="32559" spans="1:43">
      <c r="A32559" t="s">
        <v>20163</v>
      </c>
      <c r="B32559" t="s">
        <v>20164</v>
      </c>
      <c r="C32559" t="s">
        <v>20089</v>
      </c>
      <c r="D32559" t="s">
        <v>20090</v>
      </c>
      <c r="E32559" t="s">
        <v>20071</v>
      </c>
      <c r="F32559" t="s">
        <v>20072</v>
      </c>
      <c r="G32559" t="s">
        <v>10734</v>
      </c>
      <c r="H32559" t="s">
        <v>10735</v>
      </c>
      <c r="I32559" s="2">
        <v>0</v>
      </c>
      <c r="J32559" s="2">
        <v>0</v>
      </c>
      <c r="K32559" s="2">
        <v>1</v>
      </c>
      <c r="L32559" t="s">
        <v>995</v>
      </c>
      <c r="M32559" t="s">
        <v>87</v>
      </c>
      <c r="N32559" t="s">
        <v>88</v>
      </c>
      <c r="O32559" t="s">
        <v>85</v>
      </c>
      <c r="P32559" t="s">
        <v>86</v>
      </c>
      <c r="Q32559">
        <v>29</v>
      </c>
      <c r="R32559">
        <v>29</v>
      </c>
      <c r="S32559">
        <v>29</v>
      </c>
      <c r="T32559">
        <v>29</v>
      </c>
      <c r="U32559">
        <v>29</v>
      </c>
      <c r="V32559">
        <v>29</v>
      </c>
      <c r="W32559">
        <v>30</v>
      </c>
      <c r="X32559">
        <v>30</v>
      </c>
      <c r="Y32559">
        <v>30</v>
      </c>
      <c r="Z32559">
        <v>30</v>
      </c>
      <c r="AA32559">
        <v>30</v>
      </c>
      <c r="AB32559">
        <v>30</v>
      </c>
      <c r="AC32559">
        <v>30</v>
      </c>
      <c r="AD32559">
        <v>30</v>
      </c>
      <c r="AE32559">
        <v>30</v>
      </c>
      <c r="AF32559">
        <v>30</v>
      </c>
      <c r="AG32559">
        <v>30</v>
      </c>
      <c r="AH32559">
        <v>30</v>
      </c>
      <c r="AI32559">
        <v>30</v>
      </c>
      <c r="AJ32559">
        <v>30</v>
      </c>
      <c r="AK32559">
        <v>30</v>
      </c>
      <c r="AL32559">
        <v>30</v>
      </c>
      <c r="AM32559">
        <v>30</v>
      </c>
      <c r="AN32559">
        <v>30</v>
      </c>
      <c r="AO32559">
        <v>31</v>
      </c>
      <c r="AP32559">
        <v>31</v>
      </c>
      <c r="AQ32559">
        <v>31</v>
      </c>
    </row>
    <row r="32560" spans="1:43">
      <c r="A32560" t="s">
        <v>20163</v>
      </c>
      <c r="B32560" t="s">
        <v>20164</v>
      </c>
      <c r="C32560" t="s">
        <v>20089</v>
      </c>
      <c r="D32560" t="s">
        <v>20090</v>
      </c>
      <c r="E32560" t="s">
        <v>20071</v>
      </c>
      <c r="F32560" t="s">
        <v>20072</v>
      </c>
      <c r="G32560" t="s">
        <v>10734</v>
      </c>
      <c r="H32560" t="s">
        <v>10735</v>
      </c>
      <c r="I32560" s="2">
        <v>0</v>
      </c>
      <c r="J32560" s="2">
        <v>0</v>
      </c>
      <c r="K32560" s="2">
        <v>1</v>
      </c>
      <c r="L32560" t="s">
        <v>995</v>
      </c>
      <c r="M32560" t="s">
        <v>89</v>
      </c>
      <c r="N32560" t="s">
        <v>90</v>
      </c>
      <c r="O32560" t="s">
        <v>85</v>
      </c>
      <c r="P32560" t="s">
        <v>86</v>
      </c>
      <c r="Q32560">
        <v>29</v>
      </c>
      <c r="R32560">
        <v>29</v>
      </c>
      <c r="S32560">
        <v>30</v>
      </c>
      <c r="T32560">
        <v>30</v>
      </c>
      <c r="U32560">
        <v>31</v>
      </c>
      <c r="V32560">
        <v>32</v>
      </c>
      <c r="W32560">
        <v>32</v>
      </c>
      <c r="X32560">
        <v>33</v>
      </c>
      <c r="Y32560">
        <v>33</v>
      </c>
      <c r="Z32560">
        <v>33</v>
      </c>
      <c r="AA32560">
        <v>34</v>
      </c>
      <c r="AB32560">
        <v>34</v>
      </c>
      <c r="AC32560">
        <v>34</v>
      </c>
      <c r="AD32560">
        <v>35</v>
      </c>
      <c r="AE32560">
        <v>35</v>
      </c>
      <c r="AF32560">
        <v>35</v>
      </c>
      <c r="AG32560">
        <v>35</v>
      </c>
      <c r="AH32560">
        <v>35</v>
      </c>
      <c r="AI32560">
        <v>35</v>
      </c>
      <c r="AJ32560">
        <v>35</v>
      </c>
      <c r="AK32560">
        <v>34</v>
      </c>
      <c r="AL32560">
        <v>34</v>
      </c>
      <c r="AM32560">
        <v>34</v>
      </c>
      <c r="AN32560">
        <v>34</v>
      </c>
      <c r="AO32560">
        <v>34</v>
      </c>
      <c r="AP32560">
        <v>34</v>
      </c>
      <c r="AQ32560">
        <v>34</v>
      </c>
    </row>
    <row r="32561" spans="1:43">
      <c r="A32561" t="s">
        <v>20163</v>
      </c>
      <c r="B32561" t="s">
        <v>20164</v>
      </c>
      <c r="C32561" t="s">
        <v>20089</v>
      </c>
      <c r="D32561" t="s">
        <v>20090</v>
      </c>
      <c r="E32561" t="s">
        <v>20071</v>
      </c>
      <c r="F32561" t="s">
        <v>20072</v>
      </c>
      <c r="G32561" t="s">
        <v>10734</v>
      </c>
      <c r="H32561" t="s">
        <v>10735</v>
      </c>
      <c r="I32561" s="2">
        <v>0</v>
      </c>
      <c r="J32561" s="2">
        <v>0</v>
      </c>
      <c r="K32561" s="2">
        <v>1</v>
      </c>
      <c r="L32561" t="s">
        <v>995</v>
      </c>
      <c r="M32561" t="s">
        <v>83</v>
      </c>
      <c r="N32561" t="s">
        <v>91</v>
      </c>
      <c r="O32561" t="s">
        <v>85</v>
      </c>
      <c r="P32561" t="s">
        <v>86</v>
      </c>
      <c r="Q32561">
        <v>29</v>
      </c>
      <c r="R32561">
        <v>30</v>
      </c>
      <c r="S32561">
        <v>30</v>
      </c>
      <c r="T32561">
        <v>30</v>
      </c>
      <c r="U32561">
        <v>31</v>
      </c>
      <c r="V32561">
        <v>31</v>
      </c>
      <c r="W32561">
        <v>31</v>
      </c>
      <c r="X32561">
        <v>32</v>
      </c>
      <c r="Y32561">
        <v>32</v>
      </c>
      <c r="Z32561">
        <v>32</v>
      </c>
      <c r="AA32561">
        <v>33</v>
      </c>
      <c r="AB32561">
        <v>33</v>
      </c>
      <c r="AC32561">
        <v>33</v>
      </c>
      <c r="AD32561">
        <v>34</v>
      </c>
      <c r="AE32561">
        <v>34</v>
      </c>
      <c r="AF32561">
        <v>34</v>
      </c>
      <c r="AG32561">
        <v>34</v>
      </c>
      <c r="AH32561">
        <v>35</v>
      </c>
      <c r="AI32561">
        <v>35</v>
      </c>
      <c r="AJ32561">
        <v>35</v>
      </c>
      <c r="AK32561">
        <v>35</v>
      </c>
      <c r="AL32561">
        <v>35</v>
      </c>
      <c r="AM32561">
        <v>35</v>
      </c>
      <c r="AN32561">
        <v>35</v>
      </c>
      <c r="AO32561">
        <v>35</v>
      </c>
      <c r="AP32561">
        <v>35</v>
      </c>
      <c r="AQ32561">
        <v>35</v>
      </c>
    </row>
    <row r="32562" spans="1:43">
      <c r="A32562" t="s">
        <v>20165</v>
      </c>
      <c r="B32562" t="s">
        <v>20166</v>
      </c>
      <c r="C32562" t="s">
        <v>20089</v>
      </c>
      <c r="D32562" t="s">
        <v>20090</v>
      </c>
      <c r="E32562" t="s">
        <v>20071</v>
      </c>
      <c r="F32562" t="s">
        <v>20072</v>
      </c>
      <c r="G32562" t="s">
        <v>10734</v>
      </c>
      <c r="H32562" t="s">
        <v>10735</v>
      </c>
      <c r="I32562" s="2">
        <v>0</v>
      </c>
      <c r="J32562" s="2">
        <v>0</v>
      </c>
      <c r="K32562" s="2">
        <v>1</v>
      </c>
      <c r="L32562" t="s">
        <v>995</v>
      </c>
      <c r="M32562" t="s">
        <v>83</v>
      </c>
      <c r="N32562" t="s">
        <v>84</v>
      </c>
      <c r="O32562" t="s">
        <v>85</v>
      </c>
      <c r="P32562" t="s">
        <v>86</v>
      </c>
      <c r="Q32562">
        <v>28</v>
      </c>
      <c r="R32562">
        <v>28</v>
      </c>
      <c r="S32562">
        <v>28</v>
      </c>
      <c r="T32562">
        <v>29</v>
      </c>
      <c r="U32562">
        <v>29</v>
      </c>
      <c r="V32562">
        <v>29</v>
      </c>
      <c r="W32562">
        <v>29</v>
      </c>
      <c r="X32562">
        <v>30</v>
      </c>
      <c r="Y32562">
        <v>30</v>
      </c>
      <c r="Z32562">
        <v>30</v>
      </c>
      <c r="AA32562">
        <v>31</v>
      </c>
      <c r="AB32562">
        <v>31</v>
      </c>
      <c r="AC32562">
        <v>31</v>
      </c>
      <c r="AD32562">
        <v>31</v>
      </c>
      <c r="AE32562">
        <v>32</v>
      </c>
      <c r="AF32562">
        <v>32</v>
      </c>
      <c r="AG32562">
        <v>32</v>
      </c>
      <c r="AH32562">
        <v>32</v>
      </c>
      <c r="AI32562">
        <v>33</v>
      </c>
      <c r="AJ32562">
        <v>33</v>
      </c>
      <c r="AK32562">
        <v>33</v>
      </c>
      <c r="AL32562">
        <v>33</v>
      </c>
      <c r="AM32562">
        <v>33</v>
      </c>
      <c r="AN32562">
        <v>33</v>
      </c>
      <c r="AO32562">
        <v>33</v>
      </c>
      <c r="AP32562">
        <v>33</v>
      </c>
      <c r="AQ32562">
        <v>33</v>
      </c>
    </row>
    <row r="32563" spans="1:43">
      <c r="A32563" t="s">
        <v>20165</v>
      </c>
      <c r="B32563" t="s">
        <v>20166</v>
      </c>
      <c r="C32563" t="s">
        <v>20089</v>
      </c>
      <c r="D32563" t="s">
        <v>20090</v>
      </c>
      <c r="E32563" t="s">
        <v>20071</v>
      </c>
      <c r="F32563" t="s">
        <v>20072</v>
      </c>
      <c r="G32563" t="s">
        <v>10734</v>
      </c>
      <c r="H32563" t="s">
        <v>10735</v>
      </c>
      <c r="I32563" s="2">
        <v>0</v>
      </c>
      <c r="J32563" s="2">
        <v>0</v>
      </c>
      <c r="K32563" s="2">
        <v>1</v>
      </c>
      <c r="L32563" t="s">
        <v>995</v>
      </c>
      <c r="M32563" t="s">
        <v>87</v>
      </c>
      <c r="N32563" t="s">
        <v>88</v>
      </c>
      <c r="O32563" t="s">
        <v>85</v>
      </c>
      <c r="P32563" t="s">
        <v>86</v>
      </c>
      <c r="Q32563">
        <v>28</v>
      </c>
      <c r="R32563">
        <v>28</v>
      </c>
      <c r="S32563">
        <v>28</v>
      </c>
      <c r="T32563">
        <v>28</v>
      </c>
      <c r="U32563">
        <v>29</v>
      </c>
      <c r="V32563">
        <v>29</v>
      </c>
      <c r="W32563">
        <v>29</v>
      </c>
      <c r="X32563">
        <v>29</v>
      </c>
      <c r="Y32563">
        <v>29</v>
      </c>
      <c r="Z32563">
        <v>29</v>
      </c>
      <c r="AA32563">
        <v>29</v>
      </c>
      <c r="AB32563">
        <v>29</v>
      </c>
      <c r="AC32563">
        <v>29</v>
      </c>
      <c r="AD32563">
        <v>29</v>
      </c>
      <c r="AE32563">
        <v>29</v>
      </c>
      <c r="AF32563">
        <v>29</v>
      </c>
      <c r="AG32563">
        <v>29</v>
      </c>
      <c r="AH32563">
        <v>29</v>
      </c>
      <c r="AI32563">
        <v>29</v>
      </c>
      <c r="AJ32563">
        <v>29</v>
      </c>
      <c r="AK32563">
        <v>29</v>
      </c>
      <c r="AL32563">
        <v>30</v>
      </c>
      <c r="AM32563">
        <v>30</v>
      </c>
      <c r="AN32563">
        <v>30</v>
      </c>
      <c r="AO32563">
        <v>30</v>
      </c>
      <c r="AP32563">
        <v>30</v>
      </c>
      <c r="AQ32563">
        <v>30</v>
      </c>
    </row>
    <row r="32564" spans="1:43">
      <c r="A32564" t="s">
        <v>20165</v>
      </c>
      <c r="B32564" t="s">
        <v>20166</v>
      </c>
      <c r="C32564" t="s">
        <v>20089</v>
      </c>
      <c r="D32564" t="s">
        <v>20090</v>
      </c>
      <c r="E32564" t="s">
        <v>20071</v>
      </c>
      <c r="F32564" t="s">
        <v>20072</v>
      </c>
      <c r="G32564" t="s">
        <v>10734</v>
      </c>
      <c r="H32564" t="s">
        <v>10735</v>
      </c>
      <c r="I32564" s="2">
        <v>0</v>
      </c>
      <c r="J32564" s="2">
        <v>0</v>
      </c>
      <c r="K32564" s="2">
        <v>1</v>
      </c>
      <c r="L32564" t="s">
        <v>995</v>
      </c>
      <c r="M32564" t="s">
        <v>89</v>
      </c>
      <c r="N32564" t="s">
        <v>90</v>
      </c>
      <c r="O32564" t="s">
        <v>85</v>
      </c>
      <c r="P32564" t="s">
        <v>86</v>
      </c>
      <c r="Q32564">
        <v>28</v>
      </c>
      <c r="R32564">
        <v>28</v>
      </c>
      <c r="S32564">
        <v>29</v>
      </c>
      <c r="T32564">
        <v>29</v>
      </c>
      <c r="U32564">
        <v>30</v>
      </c>
      <c r="V32564">
        <v>30</v>
      </c>
      <c r="W32564">
        <v>31</v>
      </c>
      <c r="X32564">
        <v>31</v>
      </c>
      <c r="Y32564">
        <v>32</v>
      </c>
      <c r="Z32564">
        <v>32</v>
      </c>
      <c r="AA32564">
        <v>33</v>
      </c>
      <c r="AB32564">
        <v>33</v>
      </c>
      <c r="AC32564">
        <v>33</v>
      </c>
      <c r="AD32564">
        <v>34</v>
      </c>
      <c r="AE32564">
        <v>34</v>
      </c>
      <c r="AF32564">
        <v>34</v>
      </c>
      <c r="AG32564">
        <v>34</v>
      </c>
      <c r="AH32564">
        <v>33</v>
      </c>
      <c r="AI32564">
        <v>33</v>
      </c>
      <c r="AJ32564">
        <v>33</v>
      </c>
      <c r="AK32564">
        <v>33</v>
      </c>
      <c r="AL32564">
        <v>33</v>
      </c>
      <c r="AM32564">
        <v>33</v>
      </c>
      <c r="AN32564">
        <v>33</v>
      </c>
      <c r="AO32564">
        <v>33</v>
      </c>
      <c r="AP32564">
        <v>33</v>
      </c>
      <c r="AQ32564">
        <v>33</v>
      </c>
    </row>
    <row r="32565" spans="1:43">
      <c r="A32565" t="s">
        <v>20165</v>
      </c>
      <c r="B32565" t="s">
        <v>20166</v>
      </c>
      <c r="C32565" t="s">
        <v>20089</v>
      </c>
      <c r="D32565" t="s">
        <v>20090</v>
      </c>
      <c r="E32565" t="s">
        <v>20071</v>
      </c>
      <c r="F32565" t="s">
        <v>20072</v>
      </c>
      <c r="G32565" t="s">
        <v>10734</v>
      </c>
      <c r="H32565" t="s">
        <v>10735</v>
      </c>
      <c r="I32565" s="2">
        <v>0</v>
      </c>
      <c r="J32565" s="2">
        <v>0</v>
      </c>
      <c r="K32565" s="2">
        <v>1</v>
      </c>
      <c r="L32565" t="s">
        <v>995</v>
      </c>
      <c r="M32565" t="s">
        <v>83</v>
      </c>
      <c r="N32565" t="s">
        <v>91</v>
      </c>
      <c r="O32565" t="s">
        <v>85</v>
      </c>
      <c r="P32565" t="s">
        <v>86</v>
      </c>
      <c r="Q32565">
        <v>28</v>
      </c>
      <c r="R32565">
        <v>28</v>
      </c>
      <c r="S32565">
        <v>28</v>
      </c>
      <c r="T32565">
        <v>29</v>
      </c>
      <c r="U32565">
        <v>29</v>
      </c>
      <c r="V32565">
        <v>29</v>
      </c>
      <c r="W32565">
        <v>29</v>
      </c>
      <c r="X32565">
        <v>30</v>
      </c>
      <c r="Y32565">
        <v>30</v>
      </c>
      <c r="Z32565">
        <v>30</v>
      </c>
      <c r="AA32565">
        <v>31</v>
      </c>
      <c r="AB32565">
        <v>31</v>
      </c>
      <c r="AC32565">
        <v>31</v>
      </c>
      <c r="AD32565">
        <v>31</v>
      </c>
      <c r="AE32565">
        <v>32</v>
      </c>
      <c r="AF32565">
        <v>32</v>
      </c>
      <c r="AG32565">
        <v>32</v>
      </c>
      <c r="AH32565">
        <v>32</v>
      </c>
      <c r="AI32565">
        <v>33</v>
      </c>
      <c r="AJ32565">
        <v>33</v>
      </c>
      <c r="AK32565">
        <v>33</v>
      </c>
      <c r="AL32565">
        <v>33</v>
      </c>
      <c r="AM32565">
        <v>33</v>
      </c>
      <c r="AN32565">
        <v>33</v>
      </c>
      <c r="AO32565">
        <v>33</v>
      </c>
      <c r="AP32565">
        <v>33</v>
      </c>
      <c r="AQ32565">
        <v>33</v>
      </c>
    </row>
    <row r="32566" spans="1:43">
      <c r="A32566" t="s">
        <v>20167</v>
      </c>
      <c r="B32566" t="s">
        <v>20168</v>
      </c>
      <c r="C32566" t="s">
        <v>20089</v>
      </c>
      <c r="D32566" t="s">
        <v>20090</v>
      </c>
      <c r="E32566" t="s">
        <v>20071</v>
      </c>
      <c r="F32566" t="s">
        <v>20072</v>
      </c>
      <c r="G32566" t="s">
        <v>10734</v>
      </c>
      <c r="H32566" t="s">
        <v>10735</v>
      </c>
      <c r="I32566" s="2">
        <v>0</v>
      </c>
      <c r="J32566" s="2">
        <v>0</v>
      </c>
      <c r="K32566" s="2">
        <v>1</v>
      </c>
      <c r="L32566" t="s">
        <v>995</v>
      </c>
      <c r="M32566" t="s">
        <v>83</v>
      </c>
      <c r="N32566" t="s">
        <v>84</v>
      </c>
      <c r="O32566" t="s">
        <v>85</v>
      </c>
      <c r="P32566" t="s">
        <v>86</v>
      </c>
      <c r="Q32566">
        <v>15</v>
      </c>
      <c r="R32566">
        <v>15</v>
      </c>
      <c r="S32566">
        <v>15</v>
      </c>
      <c r="T32566">
        <v>15</v>
      </c>
      <c r="U32566">
        <v>16</v>
      </c>
      <c r="V32566">
        <v>16</v>
      </c>
      <c r="W32566">
        <v>16</v>
      </c>
      <c r="X32566">
        <v>16</v>
      </c>
      <c r="Y32566">
        <v>16</v>
      </c>
      <c r="Z32566">
        <v>16</v>
      </c>
      <c r="AA32566">
        <v>17</v>
      </c>
      <c r="AB32566">
        <v>17</v>
      </c>
      <c r="AC32566">
        <v>17</v>
      </c>
      <c r="AD32566">
        <v>17</v>
      </c>
      <c r="AE32566">
        <v>17</v>
      </c>
      <c r="AF32566">
        <v>17</v>
      </c>
      <c r="AG32566">
        <v>17</v>
      </c>
      <c r="AH32566">
        <v>17</v>
      </c>
      <c r="AI32566">
        <v>18</v>
      </c>
      <c r="AJ32566">
        <v>18</v>
      </c>
      <c r="AK32566">
        <v>18</v>
      </c>
      <c r="AL32566">
        <v>18</v>
      </c>
      <c r="AM32566">
        <v>18</v>
      </c>
      <c r="AN32566">
        <v>18</v>
      </c>
      <c r="AO32566">
        <v>18</v>
      </c>
      <c r="AP32566">
        <v>18</v>
      </c>
      <c r="AQ32566">
        <v>18</v>
      </c>
    </row>
    <row r="32567" spans="1:43">
      <c r="A32567" t="s">
        <v>20167</v>
      </c>
      <c r="B32567" t="s">
        <v>20168</v>
      </c>
      <c r="C32567" t="s">
        <v>20089</v>
      </c>
      <c r="D32567" t="s">
        <v>20090</v>
      </c>
      <c r="E32567" t="s">
        <v>20071</v>
      </c>
      <c r="F32567" t="s">
        <v>20072</v>
      </c>
      <c r="G32567" t="s">
        <v>10734</v>
      </c>
      <c r="H32567" t="s">
        <v>10735</v>
      </c>
      <c r="I32567" s="2">
        <v>0</v>
      </c>
      <c r="J32567" s="2">
        <v>0</v>
      </c>
      <c r="K32567" s="2">
        <v>1</v>
      </c>
      <c r="L32567" t="s">
        <v>995</v>
      </c>
      <c r="M32567" t="s">
        <v>87</v>
      </c>
      <c r="N32567" t="s">
        <v>88</v>
      </c>
      <c r="O32567" t="s">
        <v>85</v>
      </c>
      <c r="P32567" t="s">
        <v>86</v>
      </c>
      <c r="Q32567">
        <v>15</v>
      </c>
      <c r="R32567">
        <v>15</v>
      </c>
      <c r="S32567">
        <v>15</v>
      </c>
      <c r="T32567">
        <v>15</v>
      </c>
      <c r="U32567">
        <v>15</v>
      </c>
      <c r="V32567">
        <v>15</v>
      </c>
      <c r="W32567">
        <v>15</v>
      </c>
      <c r="X32567">
        <v>15</v>
      </c>
      <c r="Y32567">
        <v>15</v>
      </c>
      <c r="Z32567">
        <v>15</v>
      </c>
      <c r="AA32567">
        <v>15</v>
      </c>
      <c r="AB32567">
        <v>15</v>
      </c>
      <c r="AC32567">
        <v>15</v>
      </c>
      <c r="AD32567">
        <v>15</v>
      </c>
      <c r="AE32567">
        <v>15</v>
      </c>
      <c r="AF32567">
        <v>15</v>
      </c>
      <c r="AG32567">
        <v>15</v>
      </c>
      <c r="AH32567">
        <v>15</v>
      </c>
      <c r="AI32567">
        <v>15</v>
      </c>
      <c r="AJ32567">
        <v>15</v>
      </c>
      <c r="AK32567">
        <v>15</v>
      </c>
      <c r="AL32567">
        <v>15</v>
      </c>
      <c r="AM32567">
        <v>15</v>
      </c>
      <c r="AN32567">
        <v>15</v>
      </c>
      <c r="AO32567">
        <v>15</v>
      </c>
      <c r="AP32567">
        <v>16</v>
      </c>
      <c r="AQ32567">
        <v>16</v>
      </c>
    </row>
    <row r="32568" spans="1:43">
      <c r="A32568" t="s">
        <v>20167</v>
      </c>
      <c r="B32568" t="s">
        <v>20168</v>
      </c>
      <c r="C32568" t="s">
        <v>20089</v>
      </c>
      <c r="D32568" t="s">
        <v>20090</v>
      </c>
      <c r="E32568" t="s">
        <v>20071</v>
      </c>
      <c r="F32568" t="s">
        <v>20072</v>
      </c>
      <c r="G32568" t="s">
        <v>10734</v>
      </c>
      <c r="H32568" t="s">
        <v>10735</v>
      </c>
      <c r="I32568" s="2">
        <v>0</v>
      </c>
      <c r="J32568" s="2">
        <v>0</v>
      </c>
      <c r="K32568" s="2">
        <v>1</v>
      </c>
      <c r="L32568" t="s">
        <v>995</v>
      </c>
      <c r="M32568" t="s">
        <v>89</v>
      </c>
      <c r="N32568" t="s">
        <v>90</v>
      </c>
      <c r="O32568" t="s">
        <v>85</v>
      </c>
      <c r="P32568" t="s">
        <v>86</v>
      </c>
      <c r="Q32568">
        <v>15</v>
      </c>
      <c r="R32568">
        <v>15</v>
      </c>
      <c r="S32568">
        <v>16</v>
      </c>
      <c r="T32568">
        <v>16</v>
      </c>
      <c r="U32568">
        <v>16</v>
      </c>
      <c r="V32568">
        <v>16</v>
      </c>
      <c r="W32568">
        <v>17</v>
      </c>
      <c r="X32568">
        <v>17</v>
      </c>
      <c r="Y32568">
        <v>17</v>
      </c>
      <c r="Z32568">
        <v>17</v>
      </c>
      <c r="AA32568">
        <v>18</v>
      </c>
      <c r="AB32568">
        <v>18</v>
      </c>
      <c r="AC32568">
        <v>18</v>
      </c>
      <c r="AD32568">
        <v>18</v>
      </c>
      <c r="AE32568">
        <v>18</v>
      </c>
      <c r="AF32568">
        <v>18</v>
      </c>
      <c r="AG32568">
        <v>18</v>
      </c>
      <c r="AH32568">
        <v>18</v>
      </c>
      <c r="AI32568">
        <v>18</v>
      </c>
      <c r="AJ32568">
        <v>18</v>
      </c>
      <c r="AK32568">
        <v>18</v>
      </c>
      <c r="AL32568">
        <v>18</v>
      </c>
      <c r="AM32568">
        <v>18</v>
      </c>
      <c r="AN32568">
        <v>18</v>
      </c>
      <c r="AO32568">
        <v>18</v>
      </c>
      <c r="AP32568">
        <v>18</v>
      </c>
      <c r="AQ32568">
        <v>18</v>
      </c>
    </row>
    <row r="32569" spans="1:43">
      <c r="A32569" t="s">
        <v>20167</v>
      </c>
      <c r="B32569" t="s">
        <v>20168</v>
      </c>
      <c r="C32569" t="s">
        <v>20089</v>
      </c>
      <c r="D32569" t="s">
        <v>20090</v>
      </c>
      <c r="E32569" t="s">
        <v>20071</v>
      </c>
      <c r="F32569" t="s">
        <v>20072</v>
      </c>
      <c r="G32569" t="s">
        <v>10734</v>
      </c>
      <c r="H32569" t="s">
        <v>10735</v>
      </c>
      <c r="I32569" s="2">
        <v>0</v>
      </c>
      <c r="J32569" s="2">
        <v>0</v>
      </c>
      <c r="K32569" s="2">
        <v>1</v>
      </c>
      <c r="L32569" t="s">
        <v>995</v>
      </c>
      <c r="M32569" t="s">
        <v>83</v>
      </c>
      <c r="N32569" t="s">
        <v>91</v>
      </c>
      <c r="O32569" t="s">
        <v>85</v>
      </c>
      <c r="P32569" t="s">
        <v>86</v>
      </c>
      <c r="Q32569">
        <v>15</v>
      </c>
      <c r="R32569">
        <v>15</v>
      </c>
      <c r="S32569">
        <v>15</v>
      </c>
      <c r="T32569">
        <v>15</v>
      </c>
      <c r="U32569">
        <v>16</v>
      </c>
      <c r="V32569">
        <v>16</v>
      </c>
      <c r="W32569">
        <v>16</v>
      </c>
      <c r="X32569">
        <v>16</v>
      </c>
      <c r="Y32569">
        <v>16</v>
      </c>
      <c r="Z32569">
        <v>16</v>
      </c>
      <c r="AA32569">
        <v>17</v>
      </c>
      <c r="AB32569">
        <v>17</v>
      </c>
      <c r="AC32569">
        <v>17</v>
      </c>
      <c r="AD32569">
        <v>17</v>
      </c>
      <c r="AE32569">
        <v>17</v>
      </c>
      <c r="AF32569">
        <v>17</v>
      </c>
      <c r="AG32569">
        <v>17</v>
      </c>
      <c r="AH32569">
        <v>17</v>
      </c>
      <c r="AI32569">
        <v>18</v>
      </c>
      <c r="AJ32569">
        <v>18</v>
      </c>
      <c r="AK32569">
        <v>18</v>
      </c>
      <c r="AL32569">
        <v>18</v>
      </c>
      <c r="AM32569">
        <v>18</v>
      </c>
      <c r="AN32569">
        <v>18</v>
      </c>
      <c r="AO32569">
        <v>18</v>
      </c>
      <c r="AP32569">
        <v>18</v>
      </c>
      <c r="AQ32569">
        <v>18</v>
      </c>
    </row>
    <row r="32570" spans="1:43">
      <c r="A32570" t="s">
        <v>20169</v>
      </c>
      <c r="B32570" t="s">
        <v>20170</v>
      </c>
      <c r="C32570" t="s">
        <v>20089</v>
      </c>
      <c r="D32570" t="s">
        <v>20090</v>
      </c>
      <c r="E32570" t="s">
        <v>20071</v>
      </c>
      <c r="F32570" t="s">
        <v>20072</v>
      </c>
      <c r="G32570" t="s">
        <v>10734</v>
      </c>
      <c r="H32570" t="s">
        <v>10735</v>
      </c>
      <c r="I32570" s="2">
        <v>0</v>
      </c>
      <c r="J32570" s="2">
        <v>0</v>
      </c>
      <c r="K32570" s="2">
        <v>1</v>
      </c>
      <c r="L32570" t="s">
        <v>995</v>
      </c>
      <c r="M32570" t="s">
        <v>83</v>
      </c>
      <c r="N32570" t="s">
        <v>84</v>
      </c>
      <c r="O32570" t="s">
        <v>85</v>
      </c>
      <c r="P32570" t="s">
        <v>86</v>
      </c>
      <c r="Q32570">
        <v>33</v>
      </c>
      <c r="R32570">
        <v>33</v>
      </c>
      <c r="S32570">
        <v>34</v>
      </c>
      <c r="T32570">
        <v>34</v>
      </c>
      <c r="U32570">
        <v>34</v>
      </c>
      <c r="V32570">
        <v>35</v>
      </c>
      <c r="W32570">
        <v>35</v>
      </c>
      <c r="X32570">
        <v>35</v>
      </c>
      <c r="Y32570">
        <v>36</v>
      </c>
      <c r="Z32570">
        <v>36</v>
      </c>
      <c r="AA32570">
        <v>37</v>
      </c>
      <c r="AB32570">
        <v>37</v>
      </c>
      <c r="AC32570">
        <v>37</v>
      </c>
      <c r="AD32570">
        <v>37</v>
      </c>
      <c r="AE32570">
        <v>38</v>
      </c>
      <c r="AF32570">
        <v>38</v>
      </c>
      <c r="AG32570">
        <v>38</v>
      </c>
      <c r="AH32570">
        <v>39</v>
      </c>
      <c r="AI32570">
        <v>39</v>
      </c>
      <c r="AJ32570">
        <v>39</v>
      </c>
      <c r="AK32570">
        <v>39</v>
      </c>
      <c r="AL32570">
        <v>39</v>
      </c>
      <c r="AM32570">
        <v>39</v>
      </c>
      <c r="AN32570">
        <v>39</v>
      </c>
      <c r="AO32570">
        <v>39</v>
      </c>
      <c r="AP32570">
        <v>39</v>
      </c>
      <c r="AQ32570">
        <v>39</v>
      </c>
    </row>
    <row r="32571" spans="1:43">
      <c r="A32571" t="s">
        <v>20169</v>
      </c>
      <c r="B32571" t="s">
        <v>20170</v>
      </c>
      <c r="C32571" t="s">
        <v>20089</v>
      </c>
      <c r="D32571" t="s">
        <v>20090</v>
      </c>
      <c r="E32571" t="s">
        <v>20071</v>
      </c>
      <c r="F32571" t="s">
        <v>20072</v>
      </c>
      <c r="G32571" t="s">
        <v>10734</v>
      </c>
      <c r="H32571" t="s">
        <v>10735</v>
      </c>
      <c r="I32571" s="2">
        <v>0</v>
      </c>
      <c r="J32571" s="2">
        <v>0</v>
      </c>
      <c r="K32571" s="2">
        <v>1</v>
      </c>
      <c r="L32571" t="s">
        <v>995</v>
      </c>
      <c r="M32571" t="s">
        <v>87</v>
      </c>
      <c r="N32571" t="s">
        <v>88</v>
      </c>
      <c r="O32571" t="s">
        <v>85</v>
      </c>
      <c r="P32571" t="s">
        <v>86</v>
      </c>
      <c r="Q32571">
        <v>33</v>
      </c>
      <c r="R32571">
        <v>34</v>
      </c>
      <c r="S32571">
        <v>34</v>
      </c>
      <c r="T32571">
        <v>34</v>
      </c>
      <c r="U32571">
        <v>34</v>
      </c>
      <c r="V32571">
        <v>34</v>
      </c>
      <c r="W32571">
        <v>34</v>
      </c>
      <c r="X32571">
        <v>34</v>
      </c>
      <c r="Y32571">
        <v>34</v>
      </c>
      <c r="Z32571">
        <v>34</v>
      </c>
      <c r="AA32571">
        <v>34</v>
      </c>
      <c r="AB32571">
        <v>34</v>
      </c>
      <c r="AC32571">
        <v>34</v>
      </c>
      <c r="AD32571">
        <v>35</v>
      </c>
      <c r="AE32571">
        <v>35</v>
      </c>
      <c r="AF32571">
        <v>35</v>
      </c>
      <c r="AG32571">
        <v>35</v>
      </c>
      <c r="AH32571">
        <v>35</v>
      </c>
      <c r="AI32571">
        <v>35</v>
      </c>
      <c r="AJ32571">
        <v>35</v>
      </c>
      <c r="AK32571">
        <v>35</v>
      </c>
      <c r="AL32571">
        <v>35</v>
      </c>
      <c r="AM32571">
        <v>35</v>
      </c>
      <c r="AN32571">
        <v>35</v>
      </c>
      <c r="AO32571">
        <v>35</v>
      </c>
      <c r="AP32571">
        <v>35</v>
      </c>
      <c r="AQ32571">
        <v>35</v>
      </c>
    </row>
    <row r="32572" spans="1:43">
      <c r="A32572" t="s">
        <v>20169</v>
      </c>
      <c r="B32572" t="s">
        <v>20170</v>
      </c>
      <c r="C32572" t="s">
        <v>20089</v>
      </c>
      <c r="D32572" t="s">
        <v>20090</v>
      </c>
      <c r="E32572" t="s">
        <v>20071</v>
      </c>
      <c r="F32572" t="s">
        <v>20072</v>
      </c>
      <c r="G32572" t="s">
        <v>10734</v>
      </c>
      <c r="H32572" t="s">
        <v>10735</v>
      </c>
      <c r="I32572" s="2">
        <v>0</v>
      </c>
      <c r="J32572" s="2">
        <v>0</v>
      </c>
      <c r="K32572" s="2">
        <v>1</v>
      </c>
      <c r="L32572" t="s">
        <v>995</v>
      </c>
      <c r="M32572" t="s">
        <v>89</v>
      </c>
      <c r="N32572" t="s">
        <v>90</v>
      </c>
      <c r="O32572" t="s">
        <v>85</v>
      </c>
      <c r="P32572" t="s">
        <v>86</v>
      </c>
      <c r="Q32572">
        <v>33</v>
      </c>
      <c r="R32572">
        <v>34</v>
      </c>
      <c r="S32572">
        <v>34</v>
      </c>
      <c r="T32572">
        <v>35</v>
      </c>
      <c r="U32572">
        <v>36</v>
      </c>
      <c r="V32572">
        <v>36</v>
      </c>
      <c r="W32572">
        <v>37</v>
      </c>
      <c r="X32572">
        <v>37</v>
      </c>
      <c r="Y32572">
        <v>38</v>
      </c>
      <c r="Z32572">
        <v>38</v>
      </c>
      <c r="AA32572">
        <v>39</v>
      </c>
      <c r="AB32572">
        <v>39</v>
      </c>
      <c r="AC32572">
        <v>40</v>
      </c>
      <c r="AD32572">
        <v>40</v>
      </c>
      <c r="AE32572">
        <v>40</v>
      </c>
      <c r="AF32572">
        <v>40</v>
      </c>
      <c r="AG32572">
        <v>40</v>
      </c>
      <c r="AH32572">
        <v>40</v>
      </c>
      <c r="AI32572">
        <v>40</v>
      </c>
      <c r="AJ32572">
        <v>40</v>
      </c>
      <c r="AK32572">
        <v>40</v>
      </c>
      <c r="AL32572">
        <v>39</v>
      </c>
      <c r="AM32572">
        <v>39</v>
      </c>
      <c r="AN32572">
        <v>39</v>
      </c>
      <c r="AO32572">
        <v>39</v>
      </c>
      <c r="AP32572">
        <v>39</v>
      </c>
      <c r="AQ32572">
        <v>39</v>
      </c>
    </row>
    <row r="32573" spans="1:43">
      <c r="A32573" t="s">
        <v>20169</v>
      </c>
      <c r="B32573" t="s">
        <v>20170</v>
      </c>
      <c r="C32573" t="s">
        <v>20089</v>
      </c>
      <c r="D32573" t="s">
        <v>20090</v>
      </c>
      <c r="E32573" t="s">
        <v>20071</v>
      </c>
      <c r="F32573" t="s">
        <v>20072</v>
      </c>
      <c r="G32573" t="s">
        <v>10734</v>
      </c>
      <c r="H32573" t="s">
        <v>10735</v>
      </c>
      <c r="I32573" s="2">
        <v>0</v>
      </c>
      <c r="J32573" s="2">
        <v>0</v>
      </c>
      <c r="K32573" s="2">
        <v>1</v>
      </c>
      <c r="L32573" t="s">
        <v>995</v>
      </c>
      <c r="M32573" t="s">
        <v>83</v>
      </c>
      <c r="N32573" t="s">
        <v>91</v>
      </c>
      <c r="O32573" t="s">
        <v>85</v>
      </c>
      <c r="P32573" t="s">
        <v>86</v>
      </c>
      <c r="Q32573">
        <v>33</v>
      </c>
      <c r="R32573">
        <v>33</v>
      </c>
      <c r="S32573">
        <v>34</v>
      </c>
      <c r="T32573">
        <v>34</v>
      </c>
      <c r="U32573">
        <v>34</v>
      </c>
      <c r="V32573">
        <v>35</v>
      </c>
      <c r="W32573">
        <v>35</v>
      </c>
      <c r="X32573">
        <v>35</v>
      </c>
      <c r="Y32573">
        <v>36</v>
      </c>
      <c r="Z32573">
        <v>36</v>
      </c>
      <c r="AA32573">
        <v>37</v>
      </c>
      <c r="AB32573">
        <v>37</v>
      </c>
      <c r="AC32573">
        <v>37</v>
      </c>
      <c r="AD32573">
        <v>37</v>
      </c>
      <c r="AE32573">
        <v>38</v>
      </c>
      <c r="AF32573">
        <v>38</v>
      </c>
      <c r="AG32573">
        <v>38</v>
      </c>
      <c r="AH32573">
        <v>39</v>
      </c>
      <c r="AI32573">
        <v>39</v>
      </c>
      <c r="AJ32573">
        <v>39</v>
      </c>
      <c r="AK32573">
        <v>39</v>
      </c>
      <c r="AL32573">
        <v>39</v>
      </c>
      <c r="AM32573">
        <v>39</v>
      </c>
      <c r="AN32573">
        <v>39</v>
      </c>
      <c r="AO32573">
        <v>39</v>
      </c>
      <c r="AP32573">
        <v>39</v>
      </c>
      <c r="AQ32573">
        <v>39</v>
      </c>
    </row>
    <row r="32574" spans="1:43">
      <c r="A32574" t="s">
        <v>20171</v>
      </c>
      <c r="B32574" t="s">
        <v>20172</v>
      </c>
      <c r="C32574" t="s">
        <v>20173</v>
      </c>
      <c r="D32574" t="s">
        <v>20174</v>
      </c>
      <c r="E32574" t="s">
        <v>20071</v>
      </c>
      <c r="F32574" t="s">
        <v>20072</v>
      </c>
      <c r="G32574" t="s">
        <v>10734</v>
      </c>
      <c r="H32574" t="s">
        <v>10735</v>
      </c>
      <c r="I32574" s="2">
        <v>0</v>
      </c>
      <c r="J32574" s="2">
        <v>0</v>
      </c>
      <c r="K32574" s="2">
        <v>1</v>
      </c>
      <c r="L32574" t="s">
        <v>995</v>
      </c>
      <c r="M32574" t="s">
        <v>83</v>
      </c>
      <c r="N32574" t="s">
        <v>84</v>
      </c>
      <c r="O32574" t="s">
        <v>85</v>
      </c>
      <c r="P32574" t="s">
        <v>86</v>
      </c>
      <c r="Q32574">
        <v>8</v>
      </c>
      <c r="R32574">
        <v>8</v>
      </c>
      <c r="S32574">
        <v>8</v>
      </c>
      <c r="T32574">
        <v>8</v>
      </c>
      <c r="U32574">
        <v>8</v>
      </c>
      <c r="V32574">
        <v>9</v>
      </c>
      <c r="W32574">
        <v>9</v>
      </c>
      <c r="X32574">
        <v>9</v>
      </c>
      <c r="Y32574">
        <v>9</v>
      </c>
      <c r="Z32574">
        <v>9</v>
      </c>
      <c r="AA32574">
        <v>9</v>
      </c>
      <c r="AB32574">
        <v>9</v>
      </c>
      <c r="AC32574">
        <v>9</v>
      </c>
      <c r="AD32574">
        <v>9</v>
      </c>
      <c r="AE32574">
        <v>9</v>
      </c>
      <c r="AF32574">
        <v>9</v>
      </c>
      <c r="AG32574">
        <v>9</v>
      </c>
      <c r="AH32574">
        <v>9</v>
      </c>
      <c r="AI32574">
        <v>10</v>
      </c>
      <c r="AJ32574">
        <v>10</v>
      </c>
      <c r="AK32574">
        <v>10</v>
      </c>
      <c r="AL32574">
        <v>10</v>
      </c>
      <c r="AM32574">
        <v>10</v>
      </c>
      <c r="AN32574">
        <v>10</v>
      </c>
      <c r="AO32574">
        <v>10</v>
      </c>
      <c r="AP32574">
        <v>10</v>
      </c>
      <c r="AQ32574">
        <v>10</v>
      </c>
    </row>
    <row r="32575" spans="1:43">
      <c r="A32575" t="s">
        <v>20171</v>
      </c>
      <c r="B32575" t="s">
        <v>20172</v>
      </c>
      <c r="C32575" t="s">
        <v>20173</v>
      </c>
      <c r="D32575" t="s">
        <v>20174</v>
      </c>
      <c r="E32575" t="s">
        <v>20071</v>
      </c>
      <c r="F32575" t="s">
        <v>20072</v>
      </c>
      <c r="G32575" t="s">
        <v>10734</v>
      </c>
      <c r="H32575" t="s">
        <v>10735</v>
      </c>
      <c r="I32575" s="2">
        <v>0</v>
      </c>
      <c r="J32575" s="2">
        <v>0</v>
      </c>
      <c r="K32575" s="2">
        <v>1</v>
      </c>
      <c r="L32575" t="s">
        <v>995</v>
      </c>
      <c r="M32575" t="s">
        <v>87</v>
      </c>
      <c r="N32575" t="s">
        <v>88</v>
      </c>
      <c r="O32575" t="s">
        <v>85</v>
      </c>
      <c r="P32575" t="s">
        <v>86</v>
      </c>
      <c r="Q32575">
        <v>8</v>
      </c>
      <c r="R32575">
        <v>8</v>
      </c>
      <c r="S32575">
        <v>8</v>
      </c>
      <c r="T32575">
        <v>8</v>
      </c>
      <c r="U32575">
        <v>8</v>
      </c>
      <c r="V32575">
        <v>8</v>
      </c>
      <c r="W32575">
        <v>8</v>
      </c>
      <c r="X32575">
        <v>8</v>
      </c>
      <c r="Y32575">
        <v>8</v>
      </c>
      <c r="Z32575">
        <v>8</v>
      </c>
      <c r="AA32575">
        <v>8</v>
      </c>
      <c r="AB32575">
        <v>8</v>
      </c>
      <c r="AC32575">
        <v>8</v>
      </c>
      <c r="AD32575">
        <v>8</v>
      </c>
      <c r="AE32575">
        <v>8</v>
      </c>
      <c r="AF32575">
        <v>8</v>
      </c>
      <c r="AG32575">
        <v>8</v>
      </c>
      <c r="AH32575">
        <v>8</v>
      </c>
      <c r="AI32575">
        <v>8</v>
      </c>
      <c r="AJ32575">
        <v>8</v>
      </c>
      <c r="AK32575">
        <v>8</v>
      </c>
      <c r="AL32575">
        <v>8</v>
      </c>
      <c r="AM32575">
        <v>8</v>
      </c>
      <c r="AN32575">
        <v>8</v>
      </c>
      <c r="AO32575">
        <v>8</v>
      </c>
      <c r="AP32575">
        <v>8</v>
      </c>
      <c r="AQ32575">
        <v>8</v>
      </c>
    </row>
    <row r="32576" spans="1:43">
      <c r="A32576" t="s">
        <v>20171</v>
      </c>
      <c r="B32576" t="s">
        <v>20172</v>
      </c>
      <c r="C32576" t="s">
        <v>20173</v>
      </c>
      <c r="D32576" t="s">
        <v>20174</v>
      </c>
      <c r="E32576" t="s">
        <v>20071</v>
      </c>
      <c r="F32576" t="s">
        <v>20072</v>
      </c>
      <c r="G32576" t="s">
        <v>10734</v>
      </c>
      <c r="H32576" t="s">
        <v>10735</v>
      </c>
      <c r="I32576" s="2">
        <v>0</v>
      </c>
      <c r="J32576" s="2">
        <v>0</v>
      </c>
      <c r="K32576" s="2">
        <v>1</v>
      </c>
      <c r="L32576" t="s">
        <v>995</v>
      </c>
      <c r="M32576" t="s">
        <v>89</v>
      </c>
      <c r="N32576" t="s">
        <v>90</v>
      </c>
      <c r="O32576" t="s">
        <v>85</v>
      </c>
      <c r="P32576" t="s">
        <v>86</v>
      </c>
      <c r="Q32576">
        <v>8</v>
      </c>
      <c r="R32576">
        <v>8</v>
      </c>
      <c r="S32576">
        <v>8</v>
      </c>
      <c r="T32576">
        <v>9</v>
      </c>
      <c r="U32576">
        <v>9</v>
      </c>
      <c r="V32576">
        <v>9</v>
      </c>
      <c r="W32576">
        <v>9</v>
      </c>
      <c r="X32576">
        <v>9</v>
      </c>
      <c r="Y32576">
        <v>9</v>
      </c>
      <c r="Z32576">
        <v>9</v>
      </c>
      <c r="AA32576">
        <v>10</v>
      </c>
      <c r="AB32576">
        <v>10</v>
      </c>
      <c r="AC32576">
        <v>10</v>
      </c>
      <c r="AD32576">
        <v>10</v>
      </c>
      <c r="AE32576">
        <v>10</v>
      </c>
      <c r="AF32576">
        <v>10</v>
      </c>
      <c r="AG32576">
        <v>10</v>
      </c>
      <c r="AH32576">
        <v>10</v>
      </c>
      <c r="AI32576">
        <v>10</v>
      </c>
      <c r="AJ32576">
        <v>10</v>
      </c>
      <c r="AK32576">
        <v>10</v>
      </c>
      <c r="AL32576">
        <v>10</v>
      </c>
      <c r="AM32576">
        <v>10</v>
      </c>
      <c r="AN32576">
        <v>10</v>
      </c>
      <c r="AO32576">
        <v>10</v>
      </c>
      <c r="AP32576">
        <v>10</v>
      </c>
      <c r="AQ32576">
        <v>10</v>
      </c>
    </row>
    <row r="32577" spans="1:43">
      <c r="A32577" t="s">
        <v>20171</v>
      </c>
      <c r="B32577" t="s">
        <v>20172</v>
      </c>
      <c r="C32577" t="s">
        <v>20173</v>
      </c>
      <c r="D32577" t="s">
        <v>20174</v>
      </c>
      <c r="E32577" t="s">
        <v>20071</v>
      </c>
      <c r="F32577" t="s">
        <v>20072</v>
      </c>
      <c r="G32577" t="s">
        <v>10734</v>
      </c>
      <c r="H32577" t="s">
        <v>10735</v>
      </c>
      <c r="I32577" s="2">
        <v>0</v>
      </c>
      <c r="J32577" s="2">
        <v>0</v>
      </c>
      <c r="K32577" s="2">
        <v>1</v>
      </c>
      <c r="L32577" t="s">
        <v>995</v>
      </c>
      <c r="M32577" t="s">
        <v>83</v>
      </c>
      <c r="N32577" t="s">
        <v>91</v>
      </c>
      <c r="O32577" t="s">
        <v>85</v>
      </c>
      <c r="P32577" t="s">
        <v>86</v>
      </c>
      <c r="Q32577">
        <v>8</v>
      </c>
      <c r="R32577">
        <v>8</v>
      </c>
      <c r="S32577">
        <v>8</v>
      </c>
      <c r="T32577">
        <v>8</v>
      </c>
      <c r="U32577">
        <v>8</v>
      </c>
      <c r="V32577">
        <v>9</v>
      </c>
      <c r="W32577">
        <v>9</v>
      </c>
      <c r="X32577">
        <v>9</v>
      </c>
      <c r="Y32577">
        <v>9</v>
      </c>
      <c r="Z32577">
        <v>9</v>
      </c>
      <c r="AA32577">
        <v>9</v>
      </c>
      <c r="AB32577">
        <v>9</v>
      </c>
      <c r="AC32577">
        <v>9</v>
      </c>
      <c r="AD32577">
        <v>9</v>
      </c>
      <c r="AE32577">
        <v>9</v>
      </c>
      <c r="AF32577">
        <v>9</v>
      </c>
      <c r="AG32577">
        <v>9</v>
      </c>
      <c r="AH32577">
        <v>9</v>
      </c>
      <c r="AI32577">
        <v>10</v>
      </c>
      <c r="AJ32577">
        <v>10</v>
      </c>
      <c r="AK32577">
        <v>10</v>
      </c>
      <c r="AL32577">
        <v>10</v>
      </c>
      <c r="AM32577">
        <v>10</v>
      </c>
      <c r="AN32577">
        <v>10</v>
      </c>
      <c r="AO32577">
        <v>10</v>
      </c>
      <c r="AP32577">
        <v>10</v>
      </c>
      <c r="AQ32577">
        <v>10</v>
      </c>
    </row>
    <row r="32578" spans="1:43">
      <c r="A32578" t="s">
        <v>20175</v>
      </c>
      <c r="B32578" t="s">
        <v>20176</v>
      </c>
      <c r="C32578" t="s">
        <v>20095</v>
      </c>
      <c r="D32578" t="s">
        <v>20096</v>
      </c>
      <c r="E32578" t="s">
        <v>20071</v>
      </c>
      <c r="F32578" t="s">
        <v>20072</v>
      </c>
      <c r="G32578" t="s">
        <v>10734</v>
      </c>
      <c r="H32578" t="s">
        <v>10735</v>
      </c>
      <c r="I32578" s="2">
        <v>0</v>
      </c>
      <c r="J32578" s="2">
        <v>0</v>
      </c>
      <c r="K32578" s="2">
        <v>1</v>
      </c>
      <c r="L32578" t="s">
        <v>995</v>
      </c>
      <c r="M32578" t="s">
        <v>83</v>
      </c>
      <c r="N32578" t="s">
        <v>84</v>
      </c>
      <c r="O32578" t="s">
        <v>85</v>
      </c>
      <c r="P32578" t="s">
        <v>86</v>
      </c>
      <c r="Q32578">
        <v>42</v>
      </c>
      <c r="R32578">
        <v>43</v>
      </c>
      <c r="S32578">
        <v>43</v>
      </c>
      <c r="T32578">
        <v>44</v>
      </c>
      <c r="U32578">
        <v>44</v>
      </c>
      <c r="V32578">
        <v>45</v>
      </c>
      <c r="W32578">
        <v>45</v>
      </c>
      <c r="X32578">
        <v>46</v>
      </c>
      <c r="Y32578">
        <v>46</v>
      </c>
      <c r="Z32578">
        <v>47</v>
      </c>
      <c r="AA32578">
        <v>47</v>
      </c>
      <c r="AB32578">
        <v>47</v>
      </c>
      <c r="AC32578">
        <v>48</v>
      </c>
      <c r="AD32578">
        <v>48</v>
      </c>
      <c r="AE32578">
        <v>49</v>
      </c>
      <c r="AF32578">
        <v>49</v>
      </c>
      <c r="AG32578">
        <v>49</v>
      </c>
      <c r="AH32578">
        <v>50</v>
      </c>
      <c r="AI32578">
        <v>50</v>
      </c>
      <c r="AJ32578">
        <v>50</v>
      </c>
      <c r="AK32578">
        <v>51</v>
      </c>
      <c r="AL32578">
        <v>51</v>
      </c>
      <c r="AM32578">
        <v>51</v>
      </c>
      <c r="AN32578">
        <v>50</v>
      </c>
      <c r="AO32578">
        <v>50</v>
      </c>
      <c r="AP32578">
        <v>50</v>
      </c>
      <c r="AQ32578">
        <v>50</v>
      </c>
    </row>
    <row r="32579" spans="1:43">
      <c r="A32579" t="s">
        <v>20175</v>
      </c>
      <c r="B32579" t="s">
        <v>20176</v>
      </c>
      <c r="C32579" t="s">
        <v>20095</v>
      </c>
      <c r="D32579" t="s">
        <v>20096</v>
      </c>
      <c r="E32579" t="s">
        <v>20071</v>
      </c>
      <c r="F32579" t="s">
        <v>20072</v>
      </c>
      <c r="G32579" t="s">
        <v>10734</v>
      </c>
      <c r="H32579" t="s">
        <v>10735</v>
      </c>
      <c r="I32579" s="2">
        <v>0</v>
      </c>
      <c r="J32579" s="2">
        <v>0</v>
      </c>
      <c r="K32579" s="2">
        <v>1</v>
      </c>
      <c r="L32579" t="s">
        <v>995</v>
      </c>
      <c r="M32579" t="s">
        <v>87</v>
      </c>
      <c r="N32579" t="s">
        <v>88</v>
      </c>
      <c r="O32579" t="s">
        <v>85</v>
      </c>
      <c r="P32579" t="s">
        <v>86</v>
      </c>
      <c r="Q32579">
        <v>42</v>
      </c>
      <c r="R32579">
        <v>42</v>
      </c>
      <c r="S32579">
        <v>42</v>
      </c>
      <c r="T32579">
        <v>42</v>
      </c>
      <c r="U32579">
        <v>42</v>
      </c>
      <c r="V32579">
        <v>42</v>
      </c>
      <c r="W32579">
        <v>42</v>
      </c>
      <c r="X32579">
        <v>42</v>
      </c>
      <c r="Y32579">
        <v>43</v>
      </c>
      <c r="Z32579">
        <v>43</v>
      </c>
      <c r="AA32579">
        <v>43</v>
      </c>
      <c r="AB32579">
        <v>43</v>
      </c>
      <c r="AC32579">
        <v>43</v>
      </c>
      <c r="AD32579">
        <v>43</v>
      </c>
      <c r="AE32579">
        <v>43</v>
      </c>
      <c r="AF32579">
        <v>43</v>
      </c>
      <c r="AG32579">
        <v>43</v>
      </c>
      <c r="AH32579">
        <v>43</v>
      </c>
      <c r="AI32579">
        <v>44</v>
      </c>
      <c r="AJ32579">
        <v>44</v>
      </c>
      <c r="AK32579">
        <v>44</v>
      </c>
      <c r="AL32579">
        <v>44</v>
      </c>
      <c r="AM32579">
        <v>44</v>
      </c>
      <c r="AN32579">
        <v>44</v>
      </c>
      <c r="AO32579">
        <v>44</v>
      </c>
      <c r="AP32579">
        <v>44</v>
      </c>
      <c r="AQ32579">
        <v>44</v>
      </c>
    </row>
    <row r="32580" spans="1:43">
      <c r="A32580" t="s">
        <v>20175</v>
      </c>
      <c r="B32580" t="s">
        <v>20176</v>
      </c>
      <c r="C32580" t="s">
        <v>20095</v>
      </c>
      <c r="D32580" t="s">
        <v>20096</v>
      </c>
      <c r="E32580" t="s">
        <v>20071</v>
      </c>
      <c r="F32580" t="s">
        <v>20072</v>
      </c>
      <c r="G32580" t="s">
        <v>10734</v>
      </c>
      <c r="H32580" t="s">
        <v>10735</v>
      </c>
      <c r="I32580" s="2">
        <v>0</v>
      </c>
      <c r="J32580" s="2">
        <v>0</v>
      </c>
      <c r="K32580" s="2">
        <v>1</v>
      </c>
      <c r="L32580" t="s">
        <v>995</v>
      </c>
      <c r="M32580" t="s">
        <v>89</v>
      </c>
      <c r="N32580" t="s">
        <v>90</v>
      </c>
      <c r="O32580" t="s">
        <v>85</v>
      </c>
      <c r="P32580" t="s">
        <v>86</v>
      </c>
      <c r="Q32580">
        <v>42</v>
      </c>
      <c r="R32580">
        <v>43</v>
      </c>
      <c r="S32580">
        <v>44</v>
      </c>
      <c r="T32580">
        <v>45</v>
      </c>
      <c r="U32580">
        <v>46</v>
      </c>
      <c r="V32580">
        <v>47</v>
      </c>
      <c r="W32580">
        <v>47</v>
      </c>
      <c r="X32580">
        <v>48</v>
      </c>
      <c r="Y32580">
        <v>49</v>
      </c>
      <c r="Z32580">
        <v>49</v>
      </c>
      <c r="AA32580">
        <v>50</v>
      </c>
      <c r="AB32580">
        <v>50</v>
      </c>
      <c r="AC32580">
        <v>51</v>
      </c>
      <c r="AD32580">
        <v>51</v>
      </c>
      <c r="AE32580">
        <v>52</v>
      </c>
      <c r="AF32580">
        <v>52</v>
      </c>
      <c r="AG32580">
        <v>52</v>
      </c>
      <c r="AH32580">
        <v>51</v>
      </c>
      <c r="AI32580">
        <v>51</v>
      </c>
      <c r="AJ32580">
        <v>51</v>
      </c>
      <c r="AK32580">
        <v>51</v>
      </c>
      <c r="AL32580">
        <v>51</v>
      </c>
      <c r="AM32580">
        <v>51</v>
      </c>
      <c r="AN32580">
        <v>51</v>
      </c>
      <c r="AO32580">
        <v>51</v>
      </c>
      <c r="AP32580">
        <v>51</v>
      </c>
      <c r="AQ32580">
        <v>50</v>
      </c>
    </row>
    <row r="32581" spans="1:43">
      <c r="A32581" t="s">
        <v>20175</v>
      </c>
      <c r="B32581" t="s">
        <v>20176</v>
      </c>
      <c r="C32581" t="s">
        <v>20095</v>
      </c>
      <c r="D32581" t="s">
        <v>20096</v>
      </c>
      <c r="E32581" t="s">
        <v>20071</v>
      </c>
      <c r="F32581" t="s">
        <v>20072</v>
      </c>
      <c r="G32581" t="s">
        <v>10734</v>
      </c>
      <c r="H32581" t="s">
        <v>10735</v>
      </c>
      <c r="I32581" s="2">
        <v>0</v>
      </c>
      <c r="J32581" s="2">
        <v>0</v>
      </c>
      <c r="K32581" s="2">
        <v>1</v>
      </c>
      <c r="L32581" t="s">
        <v>995</v>
      </c>
      <c r="M32581" t="s">
        <v>83</v>
      </c>
      <c r="N32581" t="s">
        <v>91</v>
      </c>
      <c r="O32581" t="s">
        <v>85</v>
      </c>
      <c r="P32581" t="s">
        <v>86</v>
      </c>
      <c r="Q32581">
        <v>42</v>
      </c>
      <c r="R32581">
        <v>43</v>
      </c>
      <c r="S32581">
        <v>43</v>
      </c>
      <c r="T32581">
        <v>44</v>
      </c>
      <c r="U32581">
        <v>44</v>
      </c>
      <c r="V32581">
        <v>45</v>
      </c>
      <c r="W32581">
        <v>45</v>
      </c>
      <c r="X32581">
        <v>46</v>
      </c>
      <c r="Y32581">
        <v>46</v>
      </c>
      <c r="Z32581">
        <v>47</v>
      </c>
      <c r="AA32581">
        <v>47</v>
      </c>
      <c r="AB32581">
        <v>47</v>
      </c>
      <c r="AC32581">
        <v>48</v>
      </c>
      <c r="AD32581">
        <v>48</v>
      </c>
      <c r="AE32581">
        <v>49</v>
      </c>
      <c r="AF32581">
        <v>49</v>
      </c>
      <c r="AG32581">
        <v>49</v>
      </c>
      <c r="AH32581">
        <v>50</v>
      </c>
      <c r="AI32581">
        <v>50</v>
      </c>
      <c r="AJ32581">
        <v>50</v>
      </c>
      <c r="AK32581">
        <v>51</v>
      </c>
      <c r="AL32581">
        <v>51</v>
      </c>
      <c r="AM32581">
        <v>51</v>
      </c>
      <c r="AN32581">
        <v>50</v>
      </c>
      <c r="AO32581">
        <v>50</v>
      </c>
      <c r="AP32581">
        <v>50</v>
      </c>
      <c r="AQ32581">
        <v>50</v>
      </c>
    </row>
    <row r="32582" spans="1:43">
      <c r="A32582" t="s">
        <v>20177</v>
      </c>
      <c r="B32582" t="s">
        <v>20178</v>
      </c>
      <c r="C32582" t="s">
        <v>20095</v>
      </c>
      <c r="D32582" t="s">
        <v>20096</v>
      </c>
      <c r="E32582" t="s">
        <v>20071</v>
      </c>
      <c r="F32582" t="s">
        <v>20072</v>
      </c>
      <c r="G32582" t="s">
        <v>10734</v>
      </c>
      <c r="H32582" t="s">
        <v>10735</v>
      </c>
      <c r="I32582" s="2">
        <v>0</v>
      </c>
      <c r="J32582" s="2">
        <v>0</v>
      </c>
      <c r="K32582" s="2">
        <v>1</v>
      </c>
      <c r="L32582" t="s">
        <v>995</v>
      </c>
      <c r="M32582" t="s">
        <v>83</v>
      </c>
      <c r="N32582" t="s">
        <v>84</v>
      </c>
      <c r="O32582" t="s">
        <v>85</v>
      </c>
      <c r="P32582" t="s">
        <v>86</v>
      </c>
      <c r="Q32582">
        <v>20</v>
      </c>
      <c r="R32582">
        <v>20</v>
      </c>
      <c r="S32582">
        <v>20</v>
      </c>
      <c r="T32582">
        <v>20</v>
      </c>
      <c r="U32582">
        <v>21</v>
      </c>
      <c r="V32582">
        <v>21</v>
      </c>
      <c r="W32582">
        <v>21</v>
      </c>
      <c r="X32582">
        <v>21</v>
      </c>
      <c r="Y32582">
        <v>22</v>
      </c>
      <c r="Z32582">
        <v>22</v>
      </c>
      <c r="AA32582">
        <v>22</v>
      </c>
      <c r="AB32582">
        <v>22</v>
      </c>
      <c r="AC32582">
        <v>22</v>
      </c>
      <c r="AD32582">
        <v>23</v>
      </c>
      <c r="AE32582">
        <v>23</v>
      </c>
      <c r="AF32582">
        <v>23</v>
      </c>
      <c r="AG32582">
        <v>23</v>
      </c>
      <c r="AH32582">
        <v>23</v>
      </c>
      <c r="AI32582">
        <v>23</v>
      </c>
      <c r="AJ32582">
        <v>24</v>
      </c>
      <c r="AK32582">
        <v>24</v>
      </c>
      <c r="AL32582">
        <v>24</v>
      </c>
      <c r="AM32582">
        <v>24</v>
      </c>
      <c r="AN32582">
        <v>24</v>
      </c>
      <c r="AO32582">
        <v>24</v>
      </c>
      <c r="AP32582">
        <v>24</v>
      </c>
      <c r="AQ32582">
        <v>24</v>
      </c>
    </row>
    <row r="32583" spans="1:43">
      <c r="A32583" t="s">
        <v>20177</v>
      </c>
      <c r="B32583" t="s">
        <v>20178</v>
      </c>
      <c r="C32583" t="s">
        <v>20095</v>
      </c>
      <c r="D32583" t="s">
        <v>20096</v>
      </c>
      <c r="E32583" t="s">
        <v>20071</v>
      </c>
      <c r="F32583" t="s">
        <v>20072</v>
      </c>
      <c r="G32583" t="s">
        <v>10734</v>
      </c>
      <c r="H32583" t="s">
        <v>10735</v>
      </c>
      <c r="I32583" s="2">
        <v>0</v>
      </c>
      <c r="J32583" s="2">
        <v>0</v>
      </c>
      <c r="K32583" s="2">
        <v>1</v>
      </c>
      <c r="L32583" t="s">
        <v>995</v>
      </c>
      <c r="M32583" t="s">
        <v>87</v>
      </c>
      <c r="N32583" t="s">
        <v>88</v>
      </c>
      <c r="O32583" t="s">
        <v>85</v>
      </c>
      <c r="P32583" t="s">
        <v>86</v>
      </c>
      <c r="Q32583">
        <v>20</v>
      </c>
      <c r="R32583">
        <v>20</v>
      </c>
      <c r="S32583">
        <v>20</v>
      </c>
      <c r="T32583">
        <v>20</v>
      </c>
      <c r="U32583">
        <v>20</v>
      </c>
      <c r="V32583">
        <v>20</v>
      </c>
      <c r="W32583">
        <v>20</v>
      </c>
      <c r="X32583">
        <v>20</v>
      </c>
      <c r="Y32583">
        <v>20</v>
      </c>
      <c r="Z32583">
        <v>20</v>
      </c>
      <c r="AA32583">
        <v>20</v>
      </c>
      <c r="AB32583">
        <v>20</v>
      </c>
      <c r="AC32583">
        <v>20</v>
      </c>
      <c r="AD32583">
        <v>20</v>
      </c>
      <c r="AE32583">
        <v>20</v>
      </c>
      <c r="AF32583">
        <v>20</v>
      </c>
      <c r="AG32583">
        <v>20</v>
      </c>
      <c r="AH32583">
        <v>20</v>
      </c>
      <c r="AI32583">
        <v>20</v>
      </c>
      <c r="AJ32583">
        <v>21</v>
      </c>
      <c r="AK32583">
        <v>21</v>
      </c>
      <c r="AL32583">
        <v>21</v>
      </c>
      <c r="AM32583">
        <v>21</v>
      </c>
      <c r="AN32583">
        <v>21</v>
      </c>
      <c r="AO32583">
        <v>21</v>
      </c>
      <c r="AP32583">
        <v>21</v>
      </c>
      <c r="AQ32583">
        <v>21</v>
      </c>
    </row>
    <row r="32584" spans="1:43">
      <c r="A32584" t="s">
        <v>20177</v>
      </c>
      <c r="B32584" t="s">
        <v>20178</v>
      </c>
      <c r="C32584" t="s">
        <v>20095</v>
      </c>
      <c r="D32584" t="s">
        <v>20096</v>
      </c>
      <c r="E32584" t="s">
        <v>20071</v>
      </c>
      <c r="F32584" t="s">
        <v>20072</v>
      </c>
      <c r="G32584" t="s">
        <v>10734</v>
      </c>
      <c r="H32584" t="s">
        <v>10735</v>
      </c>
      <c r="I32584" s="2">
        <v>0</v>
      </c>
      <c r="J32584" s="2">
        <v>0</v>
      </c>
      <c r="K32584" s="2">
        <v>1</v>
      </c>
      <c r="L32584" t="s">
        <v>995</v>
      </c>
      <c r="M32584" t="s">
        <v>89</v>
      </c>
      <c r="N32584" t="s">
        <v>90</v>
      </c>
      <c r="O32584" t="s">
        <v>85</v>
      </c>
      <c r="P32584" t="s">
        <v>86</v>
      </c>
      <c r="Q32584">
        <v>20</v>
      </c>
      <c r="R32584">
        <v>20</v>
      </c>
      <c r="S32584">
        <v>21</v>
      </c>
      <c r="T32584">
        <v>21</v>
      </c>
      <c r="U32584">
        <v>22</v>
      </c>
      <c r="V32584">
        <v>22</v>
      </c>
      <c r="W32584">
        <v>22</v>
      </c>
      <c r="X32584">
        <v>23</v>
      </c>
      <c r="Y32584">
        <v>23</v>
      </c>
      <c r="Z32584">
        <v>23</v>
      </c>
      <c r="AA32584">
        <v>23</v>
      </c>
      <c r="AB32584">
        <v>24</v>
      </c>
      <c r="AC32584">
        <v>24</v>
      </c>
      <c r="AD32584">
        <v>24</v>
      </c>
      <c r="AE32584">
        <v>24</v>
      </c>
      <c r="AF32584">
        <v>24</v>
      </c>
      <c r="AG32584">
        <v>24</v>
      </c>
      <c r="AH32584">
        <v>24</v>
      </c>
      <c r="AI32584">
        <v>24</v>
      </c>
      <c r="AJ32584">
        <v>24</v>
      </c>
      <c r="AK32584">
        <v>24</v>
      </c>
      <c r="AL32584">
        <v>24</v>
      </c>
      <c r="AM32584">
        <v>24</v>
      </c>
      <c r="AN32584">
        <v>24</v>
      </c>
      <c r="AO32584">
        <v>24</v>
      </c>
      <c r="AP32584">
        <v>24</v>
      </c>
      <c r="AQ32584">
        <v>24</v>
      </c>
    </row>
    <row r="32585" spans="1:43">
      <c r="A32585" t="s">
        <v>20177</v>
      </c>
      <c r="B32585" t="s">
        <v>20178</v>
      </c>
      <c r="C32585" t="s">
        <v>20095</v>
      </c>
      <c r="D32585" t="s">
        <v>20096</v>
      </c>
      <c r="E32585" t="s">
        <v>20071</v>
      </c>
      <c r="F32585" t="s">
        <v>20072</v>
      </c>
      <c r="G32585" t="s">
        <v>10734</v>
      </c>
      <c r="H32585" t="s">
        <v>10735</v>
      </c>
      <c r="I32585" s="2">
        <v>0</v>
      </c>
      <c r="J32585" s="2">
        <v>0</v>
      </c>
      <c r="K32585" s="2">
        <v>1</v>
      </c>
      <c r="L32585" t="s">
        <v>995</v>
      </c>
      <c r="M32585" t="s">
        <v>83</v>
      </c>
      <c r="N32585" t="s">
        <v>91</v>
      </c>
      <c r="O32585" t="s">
        <v>85</v>
      </c>
      <c r="P32585" t="s">
        <v>86</v>
      </c>
      <c r="Q32585">
        <v>20</v>
      </c>
      <c r="R32585">
        <v>20</v>
      </c>
      <c r="S32585">
        <v>20</v>
      </c>
      <c r="T32585">
        <v>20</v>
      </c>
      <c r="U32585">
        <v>21</v>
      </c>
      <c r="V32585">
        <v>21</v>
      </c>
      <c r="W32585">
        <v>21</v>
      </c>
      <c r="X32585">
        <v>21</v>
      </c>
      <c r="Y32585">
        <v>22</v>
      </c>
      <c r="Z32585">
        <v>22</v>
      </c>
      <c r="AA32585">
        <v>22</v>
      </c>
      <c r="AB32585">
        <v>22</v>
      </c>
      <c r="AC32585">
        <v>22</v>
      </c>
      <c r="AD32585">
        <v>23</v>
      </c>
      <c r="AE32585">
        <v>23</v>
      </c>
      <c r="AF32585">
        <v>23</v>
      </c>
      <c r="AG32585">
        <v>23</v>
      </c>
      <c r="AH32585">
        <v>23</v>
      </c>
      <c r="AI32585">
        <v>23</v>
      </c>
      <c r="AJ32585">
        <v>24</v>
      </c>
      <c r="AK32585">
        <v>24</v>
      </c>
      <c r="AL32585">
        <v>24</v>
      </c>
      <c r="AM32585">
        <v>24</v>
      </c>
      <c r="AN32585">
        <v>24</v>
      </c>
      <c r="AO32585">
        <v>24</v>
      </c>
      <c r="AP32585">
        <v>24</v>
      </c>
      <c r="AQ32585">
        <v>24</v>
      </c>
    </row>
    <row r="32586" spans="1:43">
      <c r="A32586" t="s">
        <v>20179</v>
      </c>
      <c r="B32586" t="s">
        <v>20180</v>
      </c>
      <c r="C32586" t="s">
        <v>20155</v>
      </c>
      <c r="D32586" t="s">
        <v>20156</v>
      </c>
      <c r="E32586" t="s">
        <v>20071</v>
      </c>
      <c r="F32586" t="s">
        <v>20072</v>
      </c>
      <c r="G32586" t="s">
        <v>10734</v>
      </c>
      <c r="H32586" t="s">
        <v>10735</v>
      </c>
      <c r="I32586" s="2">
        <v>0</v>
      </c>
      <c r="J32586" s="2">
        <v>0</v>
      </c>
      <c r="K32586" s="2">
        <v>1</v>
      </c>
      <c r="L32586" t="s">
        <v>995</v>
      </c>
      <c r="M32586" t="s">
        <v>83</v>
      </c>
      <c r="N32586" t="s">
        <v>84</v>
      </c>
      <c r="O32586" t="s">
        <v>85</v>
      </c>
      <c r="P32586" t="s">
        <v>86</v>
      </c>
      <c r="Q32586">
        <v>21</v>
      </c>
      <c r="R32586">
        <v>21</v>
      </c>
      <c r="S32586">
        <v>21</v>
      </c>
      <c r="T32586">
        <v>22</v>
      </c>
      <c r="U32586">
        <v>22</v>
      </c>
      <c r="V32586">
        <v>22</v>
      </c>
      <c r="W32586">
        <v>22</v>
      </c>
      <c r="X32586">
        <v>23</v>
      </c>
      <c r="Y32586">
        <v>23</v>
      </c>
      <c r="Z32586">
        <v>23</v>
      </c>
      <c r="AA32586">
        <v>23</v>
      </c>
      <c r="AB32586">
        <v>24</v>
      </c>
      <c r="AC32586">
        <v>24</v>
      </c>
      <c r="AD32586">
        <v>24</v>
      </c>
      <c r="AE32586">
        <v>24</v>
      </c>
      <c r="AF32586">
        <v>24</v>
      </c>
      <c r="AG32586">
        <v>25</v>
      </c>
      <c r="AH32586">
        <v>25</v>
      </c>
      <c r="AI32586">
        <v>25</v>
      </c>
      <c r="AJ32586">
        <v>25</v>
      </c>
      <c r="AK32586">
        <v>25</v>
      </c>
      <c r="AL32586">
        <v>25</v>
      </c>
      <c r="AM32586">
        <v>25</v>
      </c>
      <c r="AN32586">
        <v>25</v>
      </c>
      <c r="AO32586">
        <v>25</v>
      </c>
      <c r="AP32586">
        <v>25</v>
      </c>
      <c r="AQ32586">
        <v>25</v>
      </c>
    </row>
    <row r="32587" spans="1:43">
      <c r="A32587" t="s">
        <v>20179</v>
      </c>
      <c r="B32587" t="s">
        <v>20180</v>
      </c>
      <c r="C32587" t="s">
        <v>20155</v>
      </c>
      <c r="D32587" t="s">
        <v>20156</v>
      </c>
      <c r="E32587" t="s">
        <v>20071</v>
      </c>
      <c r="F32587" t="s">
        <v>20072</v>
      </c>
      <c r="G32587" t="s">
        <v>10734</v>
      </c>
      <c r="H32587" t="s">
        <v>10735</v>
      </c>
      <c r="I32587" s="2">
        <v>0</v>
      </c>
      <c r="J32587" s="2">
        <v>0</v>
      </c>
      <c r="K32587" s="2">
        <v>1</v>
      </c>
      <c r="L32587" t="s">
        <v>995</v>
      </c>
      <c r="M32587" t="s">
        <v>87</v>
      </c>
      <c r="N32587" t="s">
        <v>88</v>
      </c>
      <c r="O32587" t="s">
        <v>85</v>
      </c>
      <c r="P32587" t="s">
        <v>86</v>
      </c>
      <c r="Q32587">
        <v>21</v>
      </c>
      <c r="R32587">
        <v>21</v>
      </c>
      <c r="S32587">
        <v>21</v>
      </c>
      <c r="T32587">
        <v>21</v>
      </c>
      <c r="U32587">
        <v>21</v>
      </c>
      <c r="V32587">
        <v>21</v>
      </c>
      <c r="W32587">
        <v>21</v>
      </c>
      <c r="X32587">
        <v>21</v>
      </c>
      <c r="Y32587">
        <v>21</v>
      </c>
      <c r="Z32587">
        <v>21</v>
      </c>
      <c r="AA32587">
        <v>21</v>
      </c>
      <c r="AB32587">
        <v>21</v>
      </c>
      <c r="AC32587">
        <v>21</v>
      </c>
      <c r="AD32587">
        <v>21</v>
      </c>
      <c r="AE32587">
        <v>21</v>
      </c>
      <c r="AF32587">
        <v>21</v>
      </c>
      <c r="AG32587">
        <v>22</v>
      </c>
      <c r="AH32587">
        <v>22</v>
      </c>
      <c r="AI32587">
        <v>22</v>
      </c>
      <c r="AJ32587">
        <v>22</v>
      </c>
      <c r="AK32587">
        <v>22</v>
      </c>
      <c r="AL32587">
        <v>22</v>
      </c>
      <c r="AM32587">
        <v>22</v>
      </c>
      <c r="AN32587">
        <v>22</v>
      </c>
      <c r="AO32587">
        <v>22</v>
      </c>
      <c r="AP32587">
        <v>22</v>
      </c>
      <c r="AQ32587">
        <v>22</v>
      </c>
    </row>
    <row r="32588" spans="1:43">
      <c r="A32588" t="s">
        <v>20179</v>
      </c>
      <c r="B32588" t="s">
        <v>20180</v>
      </c>
      <c r="C32588" t="s">
        <v>20155</v>
      </c>
      <c r="D32588" t="s">
        <v>20156</v>
      </c>
      <c r="E32588" t="s">
        <v>20071</v>
      </c>
      <c r="F32588" t="s">
        <v>20072</v>
      </c>
      <c r="G32588" t="s">
        <v>10734</v>
      </c>
      <c r="H32588" t="s">
        <v>10735</v>
      </c>
      <c r="I32588" s="2">
        <v>0</v>
      </c>
      <c r="J32588" s="2">
        <v>0</v>
      </c>
      <c r="K32588" s="2">
        <v>1</v>
      </c>
      <c r="L32588" t="s">
        <v>995</v>
      </c>
      <c r="M32588" t="s">
        <v>89</v>
      </c>
      <c r="N32588" t="s">
        <v>90</v>
      </c>
      <c r="O32588" t="s">
        <v>85</v>
      </c>
      <c r="P32588" t="s">
        <v>86</v>
      </c>
      <c r="Q32588">
        <v>21</v>
      </c>
      <c r="R32588">
        <v>21</v>
      </c>
      <c r="S32588">
        <v>22</v>
      </c>
      <c r="T32588">
        <v>22</v>
      </c>
      <c r="U32588">
        <v>23</v>
      </c>
      <c r="V32588">
        <v>23</v>
      </c>
      <c r="W32588">
        <v>24</v>
      </c>
      <c r="X32588">
        <v>24</v>
      </c>
      <c r="Y32588">
        <v>24</v>
      </c>
      <c r="Z32588">
        <v>25</v>
      </c>
      <c r="AA32588">
        <v>25</v>
      </c>
      <c r="AB32588">
        <v>25</v>
      </c>
      <c r="AC32588">
        <v>25</v>
      </c>
      <c r="AD32588">
        <v>26</v>
      </c>
      <c r="AE32588">
        <v>26</v>
      </c>
      <c r="AF32588">
        <v>26</v>
      </c>
      <c r="AG32588">
        <v>26</v>
      </c>
      <c r="AH32588">
        <v>26</v>
      </c>
      <c r="AI32588">
        <v>26</v>
      </c>
      <c r="AJ32588">
        <v>26</v>
      </c>
      <c r="AK32588">
        <v>26</v>
      </c>
      <c r="AL32588">
        <v>26</v>
      </c>
      <c r="AM32588">
        <v>26</v>
      </c>
      <c r="AN32588">
        <v>26</v>
      </c>
      <c r="AO32588">
        <v>26</v>
      </c>
      <c r="AP32588">
        <v>26</v>
      </c>
      <c r="AQ32588">
        <v>26</v>
      </c>
    </row>
    <row r="32589" spans="1:43">
      <c r="A32589" t="s">
        <v>20179</v>
      </c>
      <c r="B32589" t="s">
        <v>20180</v>
      </c>
      <c r="C32589" t="s">
        <v>20155</v>
      </c>
      <c r="D32589" t="s">
        <v>20156</v>
      </c>
      <c r="E32589" t="s">
        <v>20071</v>
      </c>
      <c r="F32589" t="s">
        <v>20072</v>
      </c>
      <c r="G32589" t="s">
        <v>10734</v>
      </c>
      <c r="H32589" t="s">
        <v>10735</v>
      </c>
      <c r="I32589" s="2">
        <v>0</v>
      </c>
      <c r="J32589" s="2">
        <v>0</v>
      </c>
      <c r="K32589" s="2">
        <v>1</v>
      </c>
      <c r="L32589" t="s">
        <v>995</v>
      </c>
      <c r="M32589" t="s">
        <v>83</v>
      </c>
      <c r="N32589" t="s">
        <v>91</v>
      </c>
      <c r="O32589" t="s">
        <v>85</v>
      </c>
      <c r="P32589" t="s">
        <v>86</v>
      </c>
      <c r="Q32589">
        <v>21</v>
      </c>
      <c r="R32589">
        <v>21</v>
      </c>
      <c r="S32589">
        <v>21</v>
      </c>
      <c r="T32589">
        <v>22</v>
      </c>
      <c r="U32589">
        <v>22</v>
      </c>
      <c r="V32589">
        <v>22</v>
      </c>
      <c r="W32589">
        <v>22</v>
      </c>
      <c r="X32589">
        <v>23</v>
      </c>
      <c r="Y32589">
        <v>23</v>
      </c>
      <c r="Z32589">
        <v>23</v>
      </c>
      <c r="AA32589">
        <v>23</v>
      </c>
      <c r="AB32589">
        <v>24</v>
      </c>
      <c r="AC32589">
        <v>24</v>
      </c>
      <c r="AD32589">
        <v>24</v>
      </c>
      <c r="AE32589">
        <v>24</v>
      </c>
      <c r="AF32589">
        <v>24</v>
      </c>
      <c r="AG32589">
        <v>25</v>
      </c>
      <c r="AH32589">
        <v>25</v>
      </c>
      <c r="AI32589">
        <v>25</v>
      </c>
      <c r="AJ32589">
        <v>25</v>
      </c>
      <c r="AK32589">
        <v>25</v>
      </c>
      <c r="AL32589">
        <v>25</v>
      </c>
      <c r="AM32589">
        <v>25</v>
      </c>
      <c r="AN32589">
        <v>25</v>
      </c>
      <c r="AO32589">
        <v>25</v>
      </c>
      <c r="AP32589">
        <v>25</v>
      </c>
      <c r="AQ32589">
        <v>25</v>
      </c>
    </row>
    <row r="32590" spans="1:43">
      <c r="A32590" t="s">
        <v>20181</v>
      </c>
      <c r="B32590" t="s">
        <v>20182</v>
      </c>
      <c r="C32590" t="s">
        <v>20115</v>
      </c>
      <c r="D32590" t="s">
        <v>20116</v>
      </c>
      <c r="E32590" t="s">
        <v>20071</v>
      </c>
      <c r="F32590" t="s">
        <v>20072</v>
      </c>
      <c r="G32590" t="s">
        <v>10734</v>
      </c>
      <c r="H32590" t="s">
        <v>10735</v>
      </c>
      <c r="I32590" s="2">
        <v>0</v>
      </c>
      <c r="J32590" s="2">
        <v>0</v>
      </c>
      <c r="K32590" s="2">
        <v>1</v>
      </c>
      <c r="L32590" t="s">
        <v>995</v>
      </c>
      <c r="M32590" t="s">
        <v>83</v>
      </c>
      <c r="N32590" t="s">
        <v>84</v>
      </c>
      <c r="O32590" t="s">
        <v>85</v>
      </c>
      <c r="P32590" t="s">
        <v>86</v>
      </c>
      <c r="Q32590">
        <v>114</v>
      </c>
      <c r="R32590">
        <v>115</v>
      </c>
      <c r="S32590">
        <v>117</v>
      </c>
      <c r="T32590">
        <v>118</v>
      </c>
      <c r="U32590">
        <v>120</v>
      </c>
      <c r="V32590">
        <v>121</v>
      </c>
      <c r="W32590">
        <v>122</v>
      </c>
      <c r="X32590">
        <v>124</v>
      </c>
      <c r="Y32590">
        <v>125</v>
      </c>
      <c r="Z32590">
        <v>126</v>
      </c>
      <c r="AA32590">
        <v>128</v>
      </c>
      <c r="AB32590">
        <v>129</v>
      </c>
      <c r="AC32590">
        <v>130</v>
      </c>
      <c r="AD32590">
        <v>131</v>
      </c>
      <c r="AE32590">
        <v>132</v>
      </c>
      <c r="AF32590">
        <v>134</v>
      </c>
      <c r="AG32590">
        <v>135</v>
      </c>
      <c r="AH32590">
        <v>136</v>
      </c>
      <c r="AI32590">
        <v>137</v>
      </c>
      <c r="AJ32590">
        <v>138</v>
      </c>
      <c r="AK32590">
        <v>139</v>
      </c>
      <c r="AL32590">
        <v>139</v>
      </c>
      <c r="AM32590">
        <v>139</v>
      </c>
      <c r="AN32590">
        <v>139</v>
      </c>
      <c r="AO32590">
        <v>139</v>
      </c>
      <c r="AP32590">
        <v>139</v>
      </c>
      <c r="AQ32590">
        <v>139</v>
      </c>
    </row>
    <row r="32591" spans="1:43">
      <c r="A32591" t="s">
        <v>20181</v>
      </c>
      <c r="B32591" t="s">
        <v>20182</v>
      </c>
      <c r="C32591" t="s">
        <v>20115</v>
      </c>
      <c r="D32591" t="s">
        <v>20116</v>
      </c>
      <c r="E32591" t="s">
        <v>20071</v>
      </c>
      <c r="F32591" t="s">
        <v>20072</v>
      </c>
      <c r="G32591" t="s">
        <v>10734</v>
      </c>
      <c r="H32591" t="s">
        <v>10735</v>
      </c>
      <c r="I32591" s="2">
        <v>0</v>
      </c>
      <c r="J32591" s="2">
        <v>0</v>
      </c>
      <c r="K32591" s="2">
        <v>1</v>
      </c>
      <c r="L32591" t="s">
        <v>995</v>
      </c>
      <c r="M32591" t="s">
        <v>87</v>
      </c>
      <c r="N32591" t="s">
        <v>88</v>
      </c>
      <c r="O32591" t="s">
        <v>85</v>
      </c>
      <c r="P32591" t="s">
        <v>86</v>
      </c>
      <c r="Q32591">
        <v>114</v>
      </c>
      <c r="R32591">
        <v>114</v>
      </c>
      <c r="S32591">
        <v>115</v>
      </c>
      <c r="T32591">
        <v>115</v>
      </c>
      <c r="U32591">
        <v>115</v>
      </c>
      <c r="V32591">
        <v>116</v>
      </c>
      <c r="W32591">
        <v>116</v>
      </c>
      <c r="X32591">
        <v>116</v>
      </c>
      <c r="Y32591">
        <v>117</v>
      </c>
      <c r="Z32591">
        <v>117</v>
      </c>
      <c r="AA32591">
        <v>117</v>
      </c>
      <c r="AB32591">
        <v>118</v>
      </c>
      <c r="AC32591">
        <v>118</v>
      </c>
      <c r="AD32591">
        <v>118</v>
      </c>
      <c r="AE32591">
        <v>118</v>
      </c>
      <c r="AF32591">
        <v>119</v>
      </c>
      <c r="AG32591">
        <v>119</v>
      </c>
      <c r="AH32591">
        <v>119</v>
      </c>
      <c r="AI32591">
        <v>119</v>
      </c>
      <c r="AJ32591">
        <v>119</v>
      </c>
      <c r="AK32591">
        <v>120</v>
      </c>
      <c r="AL32591">
        <v>120</v>
      </c>
      <c r="AM32591">
        <v>120</v>
      </c>
      <c r="AN32591">
        <v>120</v>
      </c>
      <c r="AO32591">
        <v>120</v>
      </c>
      <c r="AP32591">
        <v>121</v>
      </c>
      <c r="AQ32591">
        <v>121</v>
      </c>
    </row>
    <row r="32592" spans="1:43">
      <c r="A32592" t="s">
        <v>20181</v>
      </c>
      <c r="B32592" t="s">
        <v>20182</v>
      </c>
      <c r="C32592" t="s">
        <v>20115</v>
      </c>
      <c r="D32592" t="s">
        <v>20116</v>
      </c>
      <c r="E32592" t="s">
        <v>20071</v>
      </c>
      <c r="F32592" t="s">
        <v>20072</v>
      </c>
      <c r="G32592" t="s">
        <v>10734</v>
      </c>
      <c r="H32592" t="s">
        <v>10735</v>
      </c>
      <c r="I32592" s="2">
        <v>0</v>
      </c>
      <c r="J32592" s="2">
        <v>0</v>
      </c>
      <c r="K32592" s="2">
        <v>1</v>
      </c>
      <c r="L32592" t="s">
        <v>995</v>
      </c>
      <c r="M32592" t="s">
        <v>89</v>
      </c>
      <c r="N32592" t="s">
        <v>90</v>
      </c>
      <c r="O32592" t="s">
        <v>85</v>
      </c>
      <c r="P32592" t="s">
        <v>86</v>
      </c>
      <c r="Q32592">
        <v>114</v>
      </c>
      <c r="R32592">
        <v>116</v>
      </c>
      <c r="S32592">
        <v>119</v>
      </c>
      <c r="T32592">
        <v>121</v>
      </c>
      <c r="U32592">
        <v>123</v>
      </c>
      <c r="V32592">
        <v>126</v>
      </c>
      <c r="W32592">
        <v>128</v>
      </c>
      <c r="X32592">
        <v>130</v>
      </c>
      <c r="Y32592">
        <v>132</v>
      </c>
      <c r="Z32592">
        <v>133</v>
      </c>
      <c r="AA32592">
        <v>135</v>
      </c>
      <c r="AB32592">
        <v>137</v>
      </c>
      <c r="AC32592">
        <v>138</v>
      </c>
      <c r="AD32592">
        <v>140</v>
      </c>
      <c r="AE32592">
        <v>141</v>
      </c>
      <c r="AF32592">
        <v>141</v>
      </c>
      <c r="AG32592">
        <v>141</v>
      </c>
      <c r="AH32592">
        <v>141</v>
      </c>
      <c r="AI32592">
        <v>141</v>
      </c>
      <c r="AJ32592">
        <v>141</v>
      </c>
      <c r="AK32592">
        <v>141</v>
      </c>
      <c r="AL32592">
        <v>141</v>
      </c>
      <c r="AM32592">
        <v>141</v>
      </c>
      <c r="AN32592">
        <v>141</v>
      </c>
      <c r="AO32592">
        <v>141</v>
      </c>
      <c r="AP32592">
        <v>140</v>
      </c>
      <c r="AQ32592">
        <v>140</v>
      </c>
    </row>
    <row r="32593" spans="1:43">
      <c r="A32593" t="s">
        <v>20181</v>
      </c>
      <c r="B32593" t="s">
        <v>20182</v>
      </c>
      <c r="C32593" t="s">
        <v>20115</v>
      </c>
      <c r="D32593" t="s">
        <v>20116</v>
      </c>
      <c r="E32593" t="s">
        <v>20071</v>
      </c>
      <c r="F32593" t="s">
        <v>20072</v>
      </c>
      <c r="G32593" t="s">
        <v>10734</v>
      </c>
      <c r="H32593" t="s">
        <v>10735</v>
      </c>
      <c r="I32593" s="2">
        <v>0</v>
      </c>
      <c r="J32593" s="2">
        <v>0</v>
      </c>
      <c r="K32593" s="2">
        <v>1</v>
      </c>
      <c r="L32593" t="s">
        <v>995</v>
      </c>
      <c r="M32593" t="s">
        <v>83</v>
      </c>
      <c r="N32593" t="s">
        <v>91</v>
      </c>
      <c r="O32593" t="s">
        <v>85</v>
      </c>
      <c r="P32593" t="s">
        <v>86</v>
      </c>
      <c r="Q32593">
        <v>114</v>
      </c>
      <c r="R32593">
        <v>115</v>
      </c>
      <c r="S32593">
        <v>117</v>
      </c>
      <c r="T32593">
        <v>118</v>
      </c>
      <c r="U32593">
        <v>120</v>
      </c>
      <c r="V32593">
        <v>121</v>
      </c>
      <c r="W32593">
        <v>122</v>
      </c>
      <c r="X32593">
        <v>124</v>
      </c>
      <c r="Y32593">
        <v>125</v>
      </c>
      <c r="Z32593">
        <v>126</v>
      </c>
      <c r="AA32593">
        <v>128</v>
      </c>
      <c r="AB32593">
        <v>129</v>
      </c>
      <c r="AC32593">
        <v>130</v>
      </c>
      <c r="AD32593">
        <v>131</v>
      </c>
      <c r="AE32593">
        <v>132</v>
      </c>
      <c r="AF32593">
        <v>134</v>
      </c>
      <c r="AG32593">
        <v>135</v>
      </c>
      <c r="AH32593">
        <v>136</v>
      </c>
      <c r="AI32593">
        <v>137</v>
      </c>
      <c r="AJ32593">
        <v>138</v>
      </c>
      <c r="AK32593">
        <v>139</v>
      </c>
      <c r="AL32593">
        <v>139</v>
      </c>
      <c r="AM32593">
        <v>139</v>
      </c>
      <c r="AN32593">
        <v>139</v>
      </c>
      <c r="AO32593">
        <v>139</v>
      </c>
      <c r="AP32593">
        <v>139</v>
      </c>
      <c r="AQ32593">
        <v>139</v>
      </c>
    </row>
    <row r="32594" spans="1:43">
      <c r="A32594" t="s">
        <v>20183</v>
      </c>
      <c r="B32594" t="s">
        <v>20184</v>
      </c>
      <c r="C32594" t="s">
        <v>20155</v>
      </c>
      <c r="D32594" t="s">
        <v>20156</v>
      </c>
      <c r="E32594" t="s">
        <v>20071</v>
      </c>
      <c r="F32594" t="s">
        <v>20072</v>
      </c>
      <c r="G32594" t="s">
        <v>10734</v>
      </c>
      <c r="H32594" t="s">
        <v>10735</v>
      </c>
      <c r="I32594" s="2">
        <v>0</v>
      </c>
      <c r="J32594" s="2">
        <v>0</v>
      </c>
      <c r="K32594" s="2">
        <v>1</v>
      </c>
      <c r="L32594" t="s">
        <v>995</v>
      </c>
      <c r="M32594" t="s">
        <v>83</v>
      </c>
      <c r="N32594" t="s">
        <v>84</v>
      </c>
      <c r="O32594" t="s">
        <v>85</v>
      </c>
      <c r="P32594" t="s">
        <v>86</v>
      </c>
      <c r="Q32594">
        <v>26</v>
      </c>
      <c r="R32594">
        <v>26</v>
      </c>
      <c r="S32594">
        <v>27</v>
      </c>
      <c r="T32594">
        <v>27</v>
      </c>
      <c r="U32594">
        <v>27</v>
      </c>
      <c r="V32594">
        <v>28</v>
      </c>
      <c r="W32594">
        <v>28</v>
      </c>
      <c r="X32594">
        <v>28</v>
      </c>
      <c r="Y32594">
        <v>28</v>
      </c>
      <c r="Z32594">
        <v>29</v>
      </c>
      <c r="AA32594">
        <v>29</v>
      </c>
      <c r="AB32594">
        <v>29</v>
      </c>
      <c r="AC32594">
        <v>30</v>
      </c>
      <c r="AD32594">
        <v>30</v>
      </c>
      <c r="AE32594">
        <v>30</v>
      </c>
      <c r="AF32594">
        <v>30</v>
      </c>
      <c r="AG32594">
        <v>30</v>
      </c>
      <c r="AH32594">
        <v>31</v>
      </c>
      <c r="AI32594">
        <v>31</v>
      </c>
      <c r="AJ32594">
        <v>31</v>
      </c>
      <c r="AK32594">
        <v>31</v>
      </c>
      <c r="AL32594">
        <v>31</v>
      </c>
      <c r="AM32594">
        <v>31</v>
      </c>
      <c r="AN32594">
        <v>31</v>
      </c>
      <c r="AO32594">
        <v>31</v>
      </c>
      <c r="AP32594">
        <v>31</v>
      </c>
      <c r="AQ32594">
        <v>31</v>
      </c>
    </row>
    <row r="32595" spans="1:43">
      <c r="A32595" t="s">
        <v>20183</v>
      </c>
      <c r="B32595" t="s">
        <v>20184</v>
      </c>
      <c r="C32595" t="s">
        <v>20155</v>
      </c>
      <c r="D32595" t="s">
        <v>20156</v>
      </c>
      <c r="E32595" t="s">
        <v>20071</v>
      </c>
      <c r="F32595" t="s">
        <v>20072</v>
      </c>
      <c r="G32595" t="s">
        <v>10734</v>
      </c>
      <c r="H32595" t="s">
        <v>10735</v>
      </c>
      <c r="I32595" s="2">
        <v>0</v>
      </c>
      <c r="J32595" s="2">
        <v>0</v>
      </c>
      <c r="K32595" s="2">
        <v>1</v>
      </c>
      <c r="L32595" t="s">
        <v>995</v>
      </c>
      <c r="M32595" t="s">
        <v>87</v>
      </c>
      <c r="N32595" t="s">
        <v>88</v>
      </c>
      <c r="O32595" t="s">
        <v>85</v>
      </c>
      <c r="P32595" t="s">
        <v>86</v>
      </c>
      <c r="Q32595">
        <v>26</v>
      </c>
      <c r="R32595">
        <v>26</v>
      </c>
      <c r="S32595">
        <v>26</v>
      </c>
      <c r="T32595">
        <v>26</v>
      </c>
      <c r="U32595">
        <v>26</v>
      </c>
      <c r="V32595">
        <v>26</v>
      </c>
      <c r="W32595">
        <v>26</v>
      </c>
      <c r="X32595">
        <v>26</v>
      </c>
      <c r="Y32595">
        <v>26</v>
      </c>
      <c r="Z32595">
        <v>26</v>
      </c>
      <c r="AA32595">
        <v>26</v>
      </c>
      <c r="AB32595">
        <v>26</v>
      </c>
      <c r="AC32595">
        <v>26</v>
      </c>
      <c r="AD32595">
        <v>27</v>
      </c>
      <c r="AE32595">
        <v>27</v>
      </c>
      <c r="AF32595">
        <v>27</v>
      </c>
      <c r="AG32595">
        <v>27</v>
      </c>
      <c r="AH32595">
        <v>27</v>
      </c>
      <c r="AI32595">
        <v>27</v>
      </c>
      <c r="AJ32595">
        <v>27</v>
      </c>
      <c r="AK32595">
        <v>27</v>
      </c>
      <c r="AL32595">
        <v>27</v>
      </c>
      <c r="AM32595">
        <v>27</v>
      </c>
      <c r="AN32595">
        <v>27</v>
      </c>
      <c r="AO32595">
        <v>27</v>
      </c>
      <c r="AP32595">
        <v>27</v>
      </c>
      <c r="AQ32595">
        <v>27</v>
      </c>
    </row>
    <row r="32596" spans="1:43">
      <c r="A32596" t="s">
        <v>20183</v>
      </c>
      <c r="B32596" t="s">
        <v>20184</v>
      </c>
      <c r="C32596" t="s">
        <v>20155</v>
      </c>
      <c r="D32596" t="s">
        <v>20156</v>
      </c>
      <c r="E32596" t="s">
        <v>20071</v>
      </c>
      <c r="F32596" t="s">
        <v>20072</v>
      </c>
      <c r="G32596" t="s">
        <v>10734</v>
      </c>
      <c r="H32596" t="s">
        <v>10735</v>
      </c>
      <c r="I32596" s="2">
        <v>0</v>
      </c>
      <c r="J32596" s="2">
        <v>0</v>
      </c>
      <c r="K32596" s="2">
        <v>1</v>
      </c>
      <c r="L32596" t="s">
        <v>995</v>
      </c>
      <c r="M32596" t="s">
        <v>89</v>
      </c>
      <c r="N32596" t="s">
        <v>90</v>
      </c>
      <c r="O32596" t="s">
        <v>85</v>
      </c>
      <c r="P32596" t="s">
        <v>86</v>
      </c>
      <c r="Q32596">
        <v>26</v>
      </c>
      <c r="R32596">
        <v>27</v>
      </c>
      <c r="S32596">
        <v>27</v>
      </c>
      <c r="T32596">
        <v>28</v>
      </c>
      <c r="U32596">
        <v>28</v>
      </c>
      <c r="V32596">
        <v>29</v>
      </c>
      <c r="W32596">
        <v>29</v>
      </c>
      <c r="X32596">
        <v>30</v>
      </c>
      <c r="Y32596">
        <v>30</v>
      </c>
      <c r="Z32596">
        <v>31</v>
      </c>
      <c r="AA32596">
        <v>31</v>
      </c>
      <c r="AB32596">
        <v>31</v>
      </c>
      <c r="AC32596">
        <v>32</v>
      </c>
      <c r="AD32596">
        <v>32</v>
      </c>
      <c r="AE32596">
        <v>32</v>
      </c>
      <c r="AF32596">
        <v>32</v>
      </c>
      <c r="AG32596">
        <v>32</v>
      </c>
      <c r="AH32596">
        <v>32</v>
      </c>
      <c r="AI32596">
        <v>32</v>
      </c>
      <c r="AJ32596">
        <v>32</v>
      </c>
      <c r="AK32596">
        <v>32</v>
      </c>
      <c r="AL32596">
        <v>32</v>
      </c>
      <c r="AM32596">
        <v>32</v>
      </c>
      <c r="AN32596">
        <v>32</v>
      </c>
      <c r="AO32596">
        <v>32</v>
      </c>
      <c r="AP32596">
        <v>32</v>
      </c>
      <c r="AQ32596">
        <v>32</v>
      </c>
    </row>
    <row r="32597" spans="1:43">
      <c r="A32597" t="s">
        <v>20183</v>
      </c>
      <c r="B32597" t="s">
        <v>20184</v>
      </c>
      <c r="C32597" t="s">
        <v>20155</v>
      </c>
      <c r="D32597" t="s">
        <v>20156</v>
      </c>
      <c r="E32597" t="s">
        <v>20071</v>
      </c>
      <c r="F32597" t="s">
        <v>20072</v>
      </c>
      <c r="G32597" t="s">
        <v>10734</v>
      </c>
      <c r="H32597" t="s">
        <v>10735</v>
      </c>
      <c r="I32597" s="2">
        <v>0</v>
      </c>
      <c r="J32597" s="2">
        <v>0</v>
      </c>
      <c r="K32597" s="2">
        <v>1</v>
      </c>
      <c r="L32597" t="s">
        <v>995</v>
      </c>
      <c r="M32597" t="s">
        <v>83</v>
      </c>
      <c r="N32597" t="s">
        <v>91</v>
      </c>
      <c r="O32597" t="s">
        <v>85</v>
      </c>
      <c r="P32597" t="s">
        <v>86</v>
      </c>
      <c r="Q32597">
        <v>26</v>
      </c>
      <c r="R32597">
        <v>26</v>
      </c>
      <c r="S32597">
        <v>27</v>
      </c>
      <c r="T32597">
        <v>27</v>
      </c>
      <c r="U32597">
        <v>27</v>
      </c>
      <c r="V32597">
        <v>28</v>
      </c>
      <c r="W32597">
        <v>28</v>
      </c>
      <c r="X32597">
        <v>28</v>
      </c>
      <c r="Y32597">
        <v>28</v>
      </c>
      <c r="Z32597">
        <v>29</v>
      </c>
      <c r="AA32597">
        <v>29</v>
      </c>
      <c r="AB32597">
        <v>29</v>
      </c>
      <c r="AC32597">
        <v>30</v>
      </c>
      <c r="AD32597">
        <v>30</v>
      </c>
      <c r="AE32597">
        <v>30</v>
      </c>
      <c r="AF32597">
        <v>30</v>
      </c>
      <c r="AG32597">
        <v>30</v>
      </c>
      <c r="AH32597">
        <v>31</v>
      </c>
      <c r="AI32597">
        <v>31</v>
      </c>
      <c r="AJ32597">
        <v>31</v>
      </c>
      <c r="AK32597">
        <v>31</v>
      </c>
      <c r="AL32597">
        <v>31</v>
      </c>
      <c r="AM32597">
        <v>31</v>
      </c>
      <c r="AN32597">
        <v>31</v>
      </c>
      <c r="AO32597">
        <v>31</v>
      </c>
      <c r="AP32597">
        <v>31</v>
      </c>
      <c r="AQ32597">
        <v>31</v>
      </c>
    </row>
    <row r="32598" spans="1:43">
      <c r="A32598" t="s">
        <v>20185</v>
      </c>
      <c r="B32598" t="s">
        <v>20186</v>
      </c>
      <c r="C32598" t="s">
        <v>20109</v>
      </c>
      <c r="D32598" t="s">
        <v>20110</v>
      </c>
      <c r="E32598" t="s">
        <v>20071</v>
      </c>
      <c r="F32598" t="s">
        <v>20072</v>
      </c>
      <c r="G32598" t="s">
        <v>10734</v>
      </c>
      <c r="H32598" t="s">
        <v>10735</v>
      </c>
      <c r="I32598" s="2">
        <v>0</v>
      </c>
      <c r="J32598" s="2">
        <v>0</v>
      </c>
      <c r="K32598" s="2">
        <v>1</v>
      </c>
      <c r="L32598" t="s">
        <v>995</v>
      </c>
      <c r="M32598" t="s">
        <v>83</v>
      </c>
      <c r="N32598" t="s">
        <v>84</v>
      </c>
      <c r="O32598" t="s">
        <v>85</v>
      </c>
      <c r="P32598" t="s">
        <v>86</v>
      </c>
      <c r="Q32598">
        <v>6</v>
      </c>
      <c r="R32598">
        <v>6</v>
      </c>
      <c r="S32598">
        <v>6</v>
      </c>
      <c r="T32598">
        <v>6</v>
      </c>
      <c r="U32598">
        <v>6</v>
      </c>
      <c r="V32598">
        <v>6</v>
      </c>
      <c r="W32598">
        <v>6</v>
      </c>
      <c r="X32598">
        <v>6</v>
      </c>
      <c r="Y32598">
        <v>6</v>
      </c>
      <c r="Z32598">
        <v>6</v>
      </c>
      <c r="AA32598">
        <v>6</v>
      </c>
      <c r="AB32598">
        <v>6</v>
      </c>
      <c r="AC32598">
        <v>7</v>
      </c>
      <c r="AD32598">
        <v>7</v>
      </c>
      <c r="AE32598">
        <v>7</v>
      </c>
      <c r="AF32598">
        <v>7</v>
      </c>
      <c r="AG32598">
        <v>7</v>
      </c>
      <c r="AH32598">
        <v>7</v>
      </c>
      <c r="AI32598">
        <v>7</v>
      </c>
      <c r="AJ32598">
        <v>7</v>
      </c>
      <c r="AK32598">
        <v>7</v>
      </c>
      <c r="AL32598">
        <v>7</v>
      </c>
      <c r="AM32598">
        <v>7</v>
      </c>
      <c r="AN32598">
        <v>7</v>
      </c>
      <c r="AO32598">
        <v>7</v>
      </c>
      <c r="AP32598">
        <v>7</v>
      </c>
      <c r="AQ32598">
        <v>7</v>
      </c>
    </row>
    <row r="32599" spans="1:43">
      <c r="A32599" t="s">
        <v>20185</v>
      </c>
      <c r="B32599" t="s">
        <v>20186</v>
      </c>
      <c r="C32599" t="s">
        <v>20109</v>
      </c>
      <c r="D32599" t="s">
        <v>20110</v>
      </c>
      <c r="E32599" t="s">
        <v>20071</v>
      </c>
      <c r="F32599" t="s">
        <v>20072</v>
      </c>
      <c r="G32599" t="s">
        <v>10734</v>
      </c>
      <c r="H32599" t="s">
        <v>10735</v>
      </c>
      <c r="I32599" s="2">
        <v>0</v>
      </c>
      <c r="J32599" s="2">
        <v>0</v>
      </c>
      <c r="K32599" s="2">
        <v>1</v>
      </c>
      <c r="L32599" t="s">
        <v>995</v>
      </c>
      <c r="M32599" t="s">
        <v>87</v>
      </c>
      <c r="N32599" t="s">
        <v>88</v>
      </c>
      <c r="O32599" t="s">
        <v>85</v>
      </c>
      <c r="P32599" t="s">
        <v>86</v>
      </c>
      <c r="Q32599">
        <v>6</v>
      </c>
      <c r="R32599">
        <v>6</v>
      </c>
      <c r="S32599">
        <v>6</v>
      </c>
      <c r="T32599">
        <v>6</v>
      </c>
      <c r="U32599">
        <v>6</v>
      </c>
      <c r="V32599">
        <v>6</v>
      </c>
      <c r="W32599">
        <v>6</v>
      </c>
      <c r="X32599">
        <v>6</v>
      </c>
      <c r="Y32599">
        <v>6</v>
      </c>
      <c r="Z32599">
        <v>6</v>
      </c>
      <c r="AA32599">
        <v>6</v>
      </c>
      <c r="AB32599">
        <v>6</v>
      </c>
      <c r="AC32599">
        <v>6</v>
      </c>
      <c r="AD32599">
        <v>6</v>
      </c>
      <c r="AE32599">
        <v>6</v>
      </c>
      <c r="AF32599">
        <v>6</v>
      </c>
      <c r="AG32599">
        <v>6</v>
      </c>
      <c r="AH32599">
        <v>6</v>
      </c>
      <c r="AI32599">
        <v>6</v>
      </c>
      <c r="AJ32599">
        <v>6</v>
      </c>
      <c r="AK32599">
        <v>6</v>
      </c>
      <c r="AL32599">
        <v>6</v>
      </c>
      <c r="AM32599">
        <v>6</v>
      </c>
      <c r="AN32599">
        <v>6</v>
      </c>
      <c r="AO32599">
        <v>6</v>
      </c>
      <c r="AP32599">
        <v>6</v>
      </c>
      <c r="AQ32599">
        <v>6</v>
      </c>
    </row>
    <row r="32600" spans="1:43">
      <c r="A32600" t="s">
        <v>20185</v>
      </c>
      <c r="B32600" t="s">
        <v>20186</v>
      </c>
      <c r="C32600" t="s">
        <v>20109</v>
      </c>
      <c r="D32600" t="s">
        <v>20110</v>
      </c>
      <c r="E32600" t="s">
        <v>20071</v>
      </c>
      <c r="F32600" t="s">
        <v>20072</v>
      </c>
      <c r="G32600" t="s">
        <v>10734</v>
      </c>
      <c r="H32600" t="s">
        <v>10735</v>
      </c>
      <c r="I32600" s="2">
        <v>0</v>
      </c>
      <c r="J32600" s="2">
        <v>0</v>
      </c>
      <c r="K32600" s="2">
        <v>1</v>
      </c>
      <c r="L32600" t="s">
        <v>995</v>
      </c>
      <c r="M32600" t="s">
        <v>89</v>
      </c>
      <c r="N32600" t="s">
        <v>90</v>
      </c>
      <c r="O32600" t="s">
        <v>85</v>
      </c>
      <c r="P32600" t="s">
        <v>86</v>
      </c>
      <c r="Q32600">
        <v>6</v>
      </c>
      <c r="R32600">
        <v>6</v>
      </c>
      <c r="S32600">
        <v>6</v>
      </c>
      <c r="T32600">
        <v>6</v>
      </c>
      <c r="U32600">
        <v>6</v>
      </c>
      <c r="V32600">
        <v>6</v>
      </c>
      <c r="W32600">
        <v>6</v>
      </c>
      <c r="X32600">
        <v>7</v>
      </c>
      <c r="Y32600">
        <v>7</v>
      </c>
      <c r="Z32600">
        <v>7</v>
      </c>
      <c r="AA32600">
        <v>7</v>
      </c>
      <c r="AB32600">
        <v>7</v>
      </c>
      <c r="AC32600">
        <v>7</v>
      </c>
      <c r="AD32600">
        <v>7</v>
      </c>
      <c r="AE32600">
        <v>7</v>
      </c>
      <c r="AF32600">
        <v>7</v>
      </c>
      <c r="AG32600">
        <v>7</v>
      </c>
      <c r="AH32600">
        <v>7</v>
      </c>
      <c r="AI32600">
        <v>7</v>
      </c>
      <c r="AJ32600">
        <v>7</v>
      </c>
      <c r="AK32600">
        <v>7</v>
      </c>
      <c r="AL32600">
        <v>7</v>
      </c>
      <c r="AM32600">
        <v>7</v>
      </c>
      <c r="AN32600">
        <v>7</v>
      </c>
      <c r="AO32600">
        <v>7</v>
      </c>
      <c r="AP32600">
        <v>7</v>
      </c>
      <c r="AQ32600">
        <v>7</v>
      </c>
    </row>
    <row r="32601" spans="1:43">
      <c r="A32601" t="s">
        <v>20185</v>
      </c>
      <c r="B32601" t="s">
        <v>20186</v>
      </c>
      <c r="C32601" t="s">
        <v>20109</v>
      </c>
      <c r="D32601" t="s">
        <v>20110</v>
      </c>
      <c r="E32601" t="s">
        <v>20071</v>
      </c>
      <c r="F32601" t="s">
        <v>20072</v>
      </c>
      <c r="G32601" t="s">
        <v>10734</v>
      </c>
      <c r="H32601" t="s">
        <v>10735</v>
      </c>
      <c r="I32601" s="2">
        <v>0</v>
      </c>
      <c r="J32601" s="2">
        <v>0</v>
      </c>
      <c r="K32601" s="2">
        <v>1</v>
      </c>
      <c r="L32601" t="s">
        <v>995</v>
      </c>
      <c r="M32601" t="s">
        <v>83</v>
      </c>
      <c r="N32601" t="s">
        <v>91</v>
      </c>
      <c r="O32601" t="s">
        <v>85</v>
      </c>
      <c r="P32601" t="s">
        <v>86</v>
      </c>
      <c r="Q32601">
        <v>6</v>
      </c>
      <c r="R32601">
        <v>6</v>
      </c>
      <c r="S32601">
        <v>6</v>
      </c>
      <c r="T32601">
        <v>6</v>
      </c>
      <c r="U32601">
        <v>6</v>
      </c>
      <c r="V32601">
        <v>6</v>
      </c>
      <c r="W32601">
        <v>6</v>
      </c>
      <c r="X32601">
        <v>6</v>
      </c>
      <c r="Y32601">
        <v>6</v>
      </c>
      <c r="Z32601">
        <v>6</v>
      </c>
      <c r="AA32601">
        <v>6</v>
      </c>
      <c r="AB32601">
        <v>6</v>
      </c>
      <c r="AC32601">
        <v>7</v>
      </c>
      <c r="AD32601">
        <v>7</v>
      </c>
      <c r="AE32601">
        <v>7</v>
      </c>
      <c r="AF32601">
        <v>7</v>
      </c>
      <c r="AG32601">
        <v>7</v>
      </c>
      <c r="AH32601">
        <v>7</v>
      </c>
      <c r="AI32601">
        <v>7</v>
      </c>
      <c r="AJ32601">
        <v>7</v>
      </c>
      <c r="AK32601">
        <v>7</v>
      </c>
      <c r="AL32601">
        <v>7</v>
      </c>
      <c r="AM32601">
        <v>7</v>
      </c>
      <c r="AN32601">
        <v>7</v>
      </c>
      <c r="AO32601">
        <v>7</v>
      </c>
      <c r="AP32601">
        <v>7</v>
      </c>
      <c r="AQ32601">
        <v>7</v>
      </c>
    </row>
    <row r="32602" spans="1:43">
      <c r="A32602" t="s">
        <v>20187</v>
      </c>
      <c r="B32602" t="s">
        <v>20188</v>
      </c>
      <c r="C32602" t="s">
        <v>20189</v>
      </c>
      <c r="D32602" t="s">
        <v>20190</v>
      </c>
      <c r="E32602" t="s">
        <v>20071</v>
      </c>
      <c r="F32602" t="s">
        <v>20072</v>
      </c>
      <c r="G32602" t="s">
        <v>10734</v>
      </c>
      <c r="H32602" t="s">
        <v>10735</v>
      </c>
      <c r="I32602" s="2">
        <v>0</v>
      </c>
      <c r="J32602" s="2">
        <v>0</v>
      </c>
      <c r="K32602" s="2">
        <v>1</v>
      </c>
      <c r="L32602" t="s">
        <v>995</v>
      </c>
      <c r="M32602" t="s">
        <v>83</v>
      </c>
      <c r="N32602" t="s">
        <v>84</v>
      </c>
      <c r="O32602" t="s">
        <v>85</v>
      </c>
      <c r="P32602" t="s">
        <v>86</v>
      </c>
      <c r="Q32602">
        <v>18</v>
      </c>
      <c r="R32602">
        <v>18</v>
      </c>
      <c r="S32602">
        <v>18</v>
      </c>
      <c r="T32602">
        <v>19</v>
      </c>
      <c r="U32602">
        <v>19</v>
      </c>
      <c r="V32602">
        <v>19</v>
      </c>
      <c r="W32602">
        <v>19</v>
      </c>
      <c r="X32602">
        <v>19</v>
      </c>
      <c r="Y32602">
        <v>20</v>
      </c>
      <c r="Z32602">
        <v>20</v>
      </c>
      <c r="AA32602">
        <v>20</v>
      </c>
      <c r="AB32602">
        <v>20</v>
      </c>
      <c r="AC32602">
        <v>20</v>
      </c>
      <c r="AD32602">
        <v>20</v>
      </c>
      <c r="AE32602">
        <v>21</v>
      </c>
      <c r="AF32602">
        <v>21</v>
      </c>
      <c r="AG32602">
        <v>21</v>
      </c>
      <c r="AH32602">
        <v>21</v>
      </c>
      <c r="AI32602">
        <v>21</v>
      </c>
      <c r="AJ32602">
        <v>21</v>
      </c>
      <c r="AK32602">
        <v>21</v>
      </c>
      <c r="AL32602">
        <v>21</v>
      </c>
      <c r="AM32602">
        <v>21</v>
      </c>
      <c r="AN32602">
        <v>21</v>
      </c>
      <c r="AO32602">
        <v>21</v>
      </c>
      <c r="AP32602">
        <v>21</v>
      </c>
      <c r="AQ32602">
        <v>21</v>
      </c>
    </row>
    <row r="32603" spans="1:43">
      <c r="A32603" t="s">
        <v>20187</v>
      </c>
      <c r="B32603" t="s">
        <v>20188</v>
      </c>
      <c r="C32603" t="s">
        <v>20189</v>
      </c>
      <c r="D32603" t="s">
        <v>20190</v>
      </c>
      <c r="E32603" t="s">
        <v>20071</v>
      </c>
      <c r="F32603" t="s">
        <v>20072</v>
      </c>
      <c r="G32603" t="s">
        <v>10734</v>
      </c>
      <c r="H32603" t="s">
        <v>10735</v>
      </c>
      <c r="I32603" s="2">
        <v>0</v>
      </c>
      <c r="J32603" s="2">
        <v>0</v>
      </c>
      <c r="K32603" s="2">
        <v>1</v>
      </c>
      <c r="L32603" t="s">
        <v>995</v>
      </c>
      <c r="M32603" t="s">
        <v>87</v>
      </c>
      <c r="N32603" t="s">
        <v>88</v>
      </c>
      <c r="O32603" t="s">
        <v>85</v>
      </c>
      <c r="P32603" t="s">
        <v>86</v>
      </c>
      <c r="Q32603">
        <v>18</v>
      </c>
      <c r="R32603">
        <v>18</v>
      </c>
      <c r="S32603">
        <v>18</v>
      </c>
      <c r="T32603">
        <v>18</v>
      </c>
      <c r="U32603">
        <v>18</v>
      </c>
      <c r="V32603">
        <v>18</v>
      </c>
      <c r="W32603">
        <v>18</v>
      </c>
      <c r="X32603">
        <v>18</v>
      </c>
      <c r="Y32603">
        <v>18</v>
      </c>
      <c r="Z32603">
        <v>18</v>
      </c>
      <c r="AA32603">
        <v>18</v>
      </c>
      <c r="AB32603">
        <v>18</v>
      </c>
      <c r="AC32603">
        <v>18</v>
      </c>
      <c r="AD32603">
        <v>18</v>
      </c>
      <c r="AE32603">
        <v>18</v>
      </c>
      <c r="AF32603">
        <v>18</v>
      </c>
      <c r="AG32603">
        <v>18</v>
      </c>
      <c r="AH32603">
        <v>18</v>
      </c>
      <c r="AI32603">
        <v>18</v>
      </c>
      <c r="AJ32603">
        <v>18</v>
      </c>
      <c r="AK32603">
        <v>18</v>
      </c>
      <c r="AL32603">
        <v>18</v>
      </c>
      <c r="AM32603">
        <v>18</v>
      </c>
      <c r="AN32603">
        <v>18</v>
      </c>
      <c r="AO32603">
        <v>18</v>
      </c>
      <c r="AP32603">
        <v>18</v>
      </c>
      <c r="AQ32603">
        <v>18</v>
      </c>
    </row>
    <row r="32604" spans="1:43">
      <c r="A32604" t="s">
        <v>20187</v>
      </c>
      <c r="B32604" t="s">
        <v>20188</v>
      </c>
      <c r="C32604" t="s">
        <v>20189</v>
      </c>
      <c r="D32604" t="s">
        <v>20190</v>
      </c>
      <c r="E32604" t="s">
        <v>20071</v>
      </c>
      <c r="F32604" t="s">
        <v>20072</v>
      </c>
      <c r="G32604" t="s">
        <v>10734</v>
      </c>
      <c r="H32604" t="s">
        <v>10735</v>
      </c>
      <c r="I32604" s="2">
        <v>0</v>
      </c>
      <c r="J32604" s="2">
        <v>0</v>
      </c>
      <c r="K32604" s="2">
        <v>1</v>
      </c>
      <c r="L32604" t="s">
        <v>995</v>
      </c>
      <c r="M32604" t="s">
        <v>89</v>
      </c>
      <c r="N32604" t="s">
        <v>90</v>
      </c>
      <c r="O32604" t="s">
        <v>85</v>
      </c>
      <c r="P32604" t="s">
        <v>86</v>
      </c>
      <c r="Q32604">
        <v>18</v>
      </c>
      <c r="R32604">
        <v>18</v>
      </c>
      <c r="S32604">
        <v>19</v>
      </c>
      <c r="T32604">
        <v>19</v>
      </c>
      <c r="U32604">
        <v>19</v>
      </c>
      <c r="V32604">
        <v>20</v>
      </c>
      <c r="W32604">
        <v>20</v>
      </c>
      <c r="X32604">
        <v>20</v>
      </c>
      <c r="Y32604">
        <v>21</v>
      </c>
      <c r="Z32604">
        <v>21</v>
      </c>
      <c r="AA32604">
        <v>21</v>
      </c>
      <c r="AB32604">
        <v>21</v>
      </c>
      <c r="AC32604">
        <v>22</v>
      </c>
      <c r="AD32604">
        <v>22</v>
      </c>
      <c r="AE32604">
        <v>22</v>
      </c>
      <c r="AF32604">
        <v>22</v>
      </c>
      <c r="AG32604">
        <v>22</v>
      </c>
      <c r="AH32604">
        <v>22</v>
      </c>
      <c r="AI32604">
        <v>22</v>
      </c>
      <c r="AJ32604">
        <v>22</v>
      </c>
      <c r="AK32604">
        <v>22</v>
      </c>
      <c r="AL32604">
        <v>22</v>
      </c>
      <c r="AM32604">
        <v>22</v>
      </c>
      <c r="AN32604">
        <v>22</v>
      </c>
      <c r="AO32604">
        <v>22</v>
      </c>
      <c r="AP32604">
        <v>22</v>
      </c>
      <c r="AQ32604">
        <v>21</v>
      </c>
    </row>
    <row r="32605" spans="1:43">
      <c r="A32605" t="s">
        <v>20187</v>
      </c>
      <c r="B32605" t="s">
        <v>20188</v>
      </c>
      <c r="C32605" t="s">
        <v>20189</v>
      </c>
      <c r="D32605" t="s">
        <v>20190</v>
      </c>
      <c r="E32605" t="s">
        <v>20071</v>
      </c>
      <c r="F32605" t="s">
        <v>20072</v>
      </c>
      <c r="G32605" t="s">
        <v>10734</v>
      </c>
      <c r="H32605" t="s">
        <v>10735</v>
      </c>
      <c r="I32605" s="2">
        <v>0</v>
      </c>
      <c r="J32605" s="2">
        <v>0</v>
      </c>
      <c r="K32605" s="2">
        <v>1</v>
      </c>
      <c r="L32605" t="s">
        <v>995</v>
      </c>
      <c r="M32605" t="s">
        <v>83</v>
      </c>
      <c r="N32605" t="s">
        <v>91</v>
      </c>
      <c r="O32605" t="s">
        <v>85</v>
      </c>
      <c r="P32605" t="s">
        <v>86</v>
      </c>
      <c r="Q32605">
        <v>18</v>
      </c>
      <c r="R32605">
        <v>18</v>
      </c>
      <c r="S32605">
        <v>18</v>
      </c>
      <c r="T32605">
        <v>19</v>
      </c>
      <c r="U32605">
        <v>19</v>
      </c>
      <c r="V32605">
        <v>19</v>
      </c>
      <c r="W32605">
        <v>19</v>
      </c>
      <c r="X32605">
        <v>19</v>
      </c>
      <c r="Y32605">
        <v>20</v>
      </c>
      <c r="Z32605">
        <v>20</v>
      </c>
      <c r="AA32605">
        <v>20</v>
      </c>
      <c r="AB32605">
        <v>20</v>
      </c>
      <c r="AC32605">
        <v>20</v>
      </c>
      <c r="AD32605">
        <v>20</v>
      </c>
      <c r="AE32605">
        <v>21</v>
      </c>
      <c r="AF32605">
        <v>21</v>
      </c>
      <c r="AG32605">
        <v>21</v>
      </c>
      <c r="AH32605">
        <v>21</v>
      </c>
      <c r="AI32605">
        <v>21</v>
      </c>
      <c r="AJ32605">
        <v>21</v>
      </c>
      <c r="AK32605">
        <v>21</v>
      </c>
      <c r="AL32605">
        <v>21</v>
      </c>
      <c r="AM32605">
        <v>21</v>
      </c>
      <c r="AN32605">
        <v>21</v>
      </c>
      <c r="AO32605">
        <v>21</v>
      </c>
      <c r="AP32605">
        <v>21</v>
      </c>
      <c r="AQ32605">
        <v>21</v>
      </c>
    </row>
    <row r="32606" spans="1:43">
      <c r="A32606" t="s">
        <v>20191</v>
      </c>
      <c r="B32606" t="s">
        <v>20192</v>
      </c>
      <c r="C32606" t="s">
        <v>20193</v>
      </c>
      <c r="D32606" t="s">
        <v>20194</v>
      </c>
      <c r="E32606" t="s">
        <v>20071</v>
      </c>
      <c r="F32606" t="s">
        <v>20072</v>
      </c>
      <c r="G32606" t="s">
        <v>10734</v>
      </c>
      <c r="H32606" t="s">
        <v>10735</v>
      </c>
      <c r="I32606" s="2">
        <v>0</v>
      </c>
      <c r="J32606" s="2">
        <v>0</v>
      </c>
      <c r="K32606" s="2">
        <v>1</v>
      </c>
      <c r="L32606" t="s">
        <v>995</v>
      </c>
      <c r="M32606" t="s">
        <v>83</v>
      </c>
      <c r="N32606" t="s">
        <v>84</v>
      </c>
      <c r="O32606" t="s">
        <v>85</v>
      </c>
      <c r="P32606" t="s">
        <v>86</v>
      </c>
      <c r="Q32606">
        <v>29</v>
      </c>
      <c r="R32606">
        <v>29</v>
      </c>
      <c r="S32606">
        <v>29</v>
      </c>
      <c r="T32606">
        <v>30</v>
      </c>
      <c r="U32606">
        <v>30</v>
      </c>
      <c r="V32606">
        <v>30</v>
      </c>
      <c r="W32606">
        <v>31</v>
      </c>
      <c r="X32606">
        <v>31</v>
      </c>
      <c r="Y32606">
        <v>31</v>
      </c>
      <c r="Z32606">
        <v>32</v>
      </c>
      <c r="AA32606">
        <v>32</v>
      </c>
      <c r="AB32606">
        <v>32</v>
      </c>
      <c r="AC32606">
        <v>32</v>
      </c>
      <c r="AD32606">
        <v>33</v>
      </c>
      <c r="AE32606">
        <v>33</v>
      </c>
      <c r="AF32606">
        <v>33</v>
      </c>
      <c r="AG32606">
        <v>33</v>
      </c>
      <c r="AH32606">
        <v>34</v>
      </c>
      <c r="AI32606">
        <v>34</v>
      </c>
      <c r="AJ32606">
        <v>34</v>
      </c>
      <c r="AK32606">
        <v>34</v>
      </c>
      <c r="AL32606">
        <v>34</v>
      </c>
      <c r="AM32606">
        <v>34</v>
      </c>
      <c r="AN32606">
        <v>34</v>
      </c>
      <c r="AO32606">
        <v>34</v>
      </c>
      <c r="AP32606">
        <v>34</v>
      </c>
      <c r="AQ32606">
        <v>34</v>
      </c>
    </row>
    <row r="32607" spans="1:43">
      <c r="A32607" t="s">
        <v>20191</v>
      </c>
      <c r="B32607" t="s">
        <v>20192</v>
      </c>
      <c r="C32607" t="s">
        <v>20193</v>
      </c>
      <c r="D32607" t="s">
        <v>20194</v>
      </c>
      <c r="E32607" t="s">
        <v>20071</v>
      </c>
      <c r="F32607" t="s">
        <v>20072</v>
      </c>
      <c r="G32607" t="s">
        <v>10734</v>
      </c>
      <c r="H32607" t="s">
        <v>10735</v>
      </c>
      <c r="I32607" s="2">
        <v>0</v>
      </c>
      <c r="J32607" s="2">
        <v>0</v>
      </c>
      <c r="K32607" s="2">
        <v>1</v>
      </c>
      <c r="L32607" t="s">
        <v>995</v>
      </c>
      <c r="M32607" t="s">
        <v>87</v>
      </c>
      <c r="N32607" t="s">
        <v>88</v>
      </c>
      <c r="O32607" t="s">
        <v>85</v>
      </c>
      <c r="P32607" t="s">
        <v>86</v>
      </c>
      <c r="Q32607">
        <v>29</v>
      </c>
      <c r="R32607">
        <v>30</v>
      </c>
      <c r="S32607">
        <v>30</v>
      </c>
      <c r="T32607">
        <v>30</v>
      </c>
      <c r="U32607">
        <v>30</v>
      </c>
      <c r="V32607">
        <v>30</v>
      </c>
      <c r="W32607">
        <v>30</v>
      </c>
      <c r="X32607">
        <v>30</v>
      </c>
      <c r="Y32607">
        <v>30</v>
      </c>
      <c r="Z32607">
        <v>30</v>
      </c>
      <c r="AA32607">
        <v>30</v>
      </c>
      <c r="AB32607">
        <v>30</v>
      </c>
      <c r="AC32607">
        <v>30</v>
      </c>
      <c r="AD32607">
        <v>30</v>
      </c>
      <c r="AE32607">
        <v>30</v>
      </c>
      <c r="AF32607">
        <v>30</v>
      </c>
      <c r="AG32607">
        <v>30</v>
      </c>
      <c r="AH32607">
        <v>30</v>
      </c>
      <c r="AI32607">
        <v>30</v>
      </c>
      <c r="AJ32607">
        <v>30</v>
      </c>
      <c r="AK32607">
        <v>30</v>
      </c>
      <c r="AL32607">
        <v>30</v>
      </c>
      <c r="AM32607">
        <v>30</v>
      </c>
      <c r="AN32607">
        <v>30</v>
      </c>
      <c r="AO32607">
        <v>30</v>
      </c>
      <c r="AP32607">
        <v>30</v>
      </c>
      <c r="AQ32607">
        <v>30</v>
      </c>
    </row>
    <row r="32608" spans="1:43">
      <c r="A32608" t="s">
        <v>20191</v>
      </c>
      <c r="B32608" t="s">
        <v>20192</v>
      </c>
      <c r="C32608" t="s">
        <v>20193</v>
      </c>
      <c r="D32608" t="s">
        <v>20194</v>
      </c>
      <c r="E32608" t="s">
        <v>20071</v>
      </c>
      <c r="F32608" t="s">
        <v>20072</v>
      </c>
      <c r="G32608" t="s">
        <v>10734</v>
      </c>
      <c r="H32608" t="s">
        <v>10735</v>
      </c>
      <c r="I32608" s="2">
        <v>0</v>
      </c>
      <c r="J32608" s="2">
        <v>0</v>
      </c>
      <c r="K32608" s="2">
        <v>1</v>
      </c>
      <c r="L32608" t="s">
        <v>995</v>
      </c>
      <c r="M32608" t="s">
        <v>89</v>
      </c>
      <c r="N32608" t="s">
        <v>90</v>
      </c>
      <c r="O32608" t="s">
        <v>85</v>
      </c>
      <c r="P32608" t="s">
        <v>86</v>
      </c>
      <c r="Q32608">
        <v>29</v>
      </c>
      <c r="R32608">
        <v>30</v>
      </c>
      <c r="S32608">
        <v>30</v>
      </c>
      <c r="T32608">
        <v>31</v>
      </c>
      <c r="U32608">
        <v>31</v>
      </c>
      <c r="V32608">
        <v>32</v>
      </c>
      <c r="W32608">
        <v>32</v>
      </c>
      <c r="X32608">
        <v>33</v>
      </c>
      <c r="Y32608">
        <v>33</v>
      </c>
      <c r="Z32608">
        <v>33</v>
      </c>
      <c r="AA32608">
        <v>34</v>
      </c>
      <c r="AB32608">
        <v>34</v>
      </c>
      <c r="AC32608">
        <v>35</v>
      </c>
      <c r="AD32608">
        <v>35</v>
      </c>
      <c r="AE32608">
        <v>35</v>
      </c>
      <c r="AF32608">
        <v>35</v>
      </c>
      <c r="AG32608">
        <v>35</v>
      </c>
      <c r="AH32608">
        <v>35</v>
      </c>
      <c r="AI32608">
        <v>35</v>
      </c>
      <c r="AJ32608">
        <v>35</v>
      </c>
      <c r="AK32608">
        <v>35</v>
      </c>
      <c r="AL32608">
        <v>35</v>
      </c>
      <c r="AM32608">
        <v>34</v>
      </c>
      <c r="AN32608">
        <v>34</v>
      </c>
      <c r="AO32608">
        <v>34</v>
      </c>
      <c r="AP32608">
        <v>34</v>
      </c>
      <c r="AQ32608">
        <v>34</v>
      </c>
    </row>
    <row r="32609" spans="1:43">
      <c r="A32609" t="s">
        <v>20191</v>
      </c>
      <c r="B32609" t="s">
        <v>20192</v>
      </c>
      <c r="C32609" t="s">
        <v>20193</v>
      </c>
      <c r="D32609" t="s">
        <v>20194</v>
      </c>
      <c r="E32609" t="s">
        <v>20071</v>
      </c>
      <c r="F32609" t="s">
        <v>20072</v>
      </c>
      <c r="G32609" t="s">
        <v>10734</v>
      </c>
      <c r="H32609" t="s">
        <v>10735</v>
      </c>
      <c r="I32609" s="2">
        <v>0</v>
      </c>
      <c r="J32609" s="2">
        <v>0</v>
      </c>
      <c r="K32609" s="2">
        <v>1</v>
      </c>
      <c r="L32609" t="s">
        <v>995</v>
      </c>
      <c r="M32609" t="s">
        <v>83</v>
      </c>
      <c r="N32609" t="s">
        <v>91</v>
      </c>
      <c r="O32609" t="s">
        <v>85</v>
      </c>
      <c r="P32609" t="s">
        <v>86</v>
      </c>
      <c r="Q32609">
        <v>29</v>
      </c>
      <c r="R32609">
        <v>29</v>
      </c>
      <c r="S32609">
        <v>29</v>
      </c>
      <c r="T32609">
        <v>30</v>
      </c>
      <c r="U32609">
        <v>30</v>
      </c>
      <c r="V32609">
        <v>30</v>
      </c>
      <c r="W32609">
        <v>31</v>
      </c>
      <c r="X32609">
        <v>31</v>
      </c>
      <c r="Y32609">
        <v>31</v>
      </c>
      <c r="Z32609">
        <v>32</v>
      </c>
      <c r="AA32609">
        <v>32</v>
      </c>
      <c r="AB32609">
        <v>32</v>
      </c>
      <c r="AC32609">
        <v>32</v>
      </c>
      <c r="AD32609">
        <v>33</v>
      </c>
      <c r="AE32609">
        <v>33</v>
      </c>
      <c r="AF32609">
        <v>33</v>
      </c>
      <c r="AG32609">
        <v>33</v>
      </c>
      <c r="AH32609">
        <v>34</v>
      </c>
      <c r="AI32609">
        <v>34</v>
      </c>
      <c r="AJ32609">
        <v>34</v>
      </c>
      <c r="AK32609">
        <v>34</v>
      </c>
      <c r="AL32609">
        <v>34</v>
      </c>
      <c r="AM32609">
        <v>34</v>
      </c>
      <c r="AN32609">
        <v>34</v>
      </c>
      <c r="AO32609">
        <v>34</v>
      </c>
      <c r="AP32609">
        <v>34</v>
      </c>
      <c r="AQ32609">
        <v>34</v>
      </c>
    </row>
    <row r="32610" spans="1:43">
      <c r="A32610" t="s">
        <v>20195</v>
      </c>
      <c r="B32610" t="s">
        <v>20196</v>
      </c>
      <c r="C32610" t="s">
        <v>20109</v>
      </c>
      <c r="D32610" t="s">
        <v>20110</v>
      </c>
      <c r="E32610" t="s">
        <v>20071</v>
      </c>
      <c r="F32610" t="s">
        <v>20072</v>
      </c>
      <c r="G32610" t="s">
        <v>10734</v>
      </c>
      <c r="H32610" t="s">
        <v>10735</v>
      </c>
      <c r="I32610" s="2">
        <v>0</v>
      </c>
      <c r="J32610" s="2">
        <v>0</v>
      </c>
      <c r="K32610" s="2">
        <v>1</v>
      </c>
      <c r="L32610" t="s">
        <v>995</v>
      </c>
      <c r="M32610" t="s">
        <v>83</v>
      </c>
      <c r="N32610" t="s">
        <v>84</v>
      </c>
      <c r="O32610" t="s">
        <v>85</v>
      </c>
      <c r="P32610" t="s">
        <v>86</v>
      </c>
      <c r="Q32610">
        <v>61</v>
      </c>
      <c r="R32610">
        <v>62</v>
      </c>
      <c r="S32610">
        <v>62</v>
      </c>
      <c r="T32610">
        <v>63</v>
      </c>
      <c r="U32610">
        <v>64</v>
      </c>
      <c r="V32610">
        <v>64</v>
      </c>
      <c r="W32610">
        <v>65</v>
      </c>
      <c r="X32610">
        <v>66</v>
      </c>
      <c r="Y32610">
        <v>66</v>
      </c>
      <c r="Z32610">
        <v>67</v>
      </c>
      <c r="AA32610">
        <v>68</v>
      </c>
      <c r="AB32610">
        <v>68</v>
      </c>
      <c r="AC32610">
        <v>69</v>
      </c>
      <c r="AD32610">
        <v>69</v>
      </c>
      <c r="AE32610">
        <v>70</v>
      </c>
      <c r="AF32610">
        <v>70</v>
      </c>
      <c r="AG32610">
        <v>71</v>
      </c>
      <c r="AH32610">
        <v>71</v>
      </c>
      <c r="AI32610">
        <v>72</v>
      </c>
      <c r="AJ32610">
        <v>72</v>
      </c>
      <c r="AK32610">
        <v>72</v>
      </c>
      <c r="AL32610">
        <v>72</v>
      </c>
      <c r="AM32610">
        <v>72</v>
      </c>
      <c r="AN32610">
        <v>72</v>
      </c>
      <c r="AO32610">
        <v>72</v>
      </c>
      <c r="AP32610">
        <v>72</v>
      </c>
      <c r="AQ32610">
        <v>71</v>
      </c>
    </row>
    <row r="32611" spans="1:43">
      <c r="A32611" t="s">
        <v>20195</v>
      </c>
      <c r="B32611" t="s">
        <v>20196</v>
      </c>
      <c r="C32611" t="s">
        <v>20109</v>
      </c>
      <c r="D32611" t="s">
        <v>20110</v>
      </c>
      <c r="E32611" t="s">
        <v>20071</v>
      </c>
      <c r="F32611" t="s">
        <v>20072</v>
      </c>
      <c r="G32611" t="s">
        <v>10734</v>
      </c>
      <c r="H32611" t="s">
        <v>10735</v>
      </c>
      <c r="I32611" s="2">
        <v>0</v>
      </c>
      <c r="J32611" s="2">
        <v>0</v>
      </c>
      <c r="K32611" s="2">
        <v>1</v>
      </c>
      <c r="L32611" t="s">
        <v>995</v>
      </c>
      <c r="M32611" t="s">
        <v>87</v>
      </c>
      <c r="N32611" t="s">
        <v>88</v>
      </c>
      <c r="O32611" t="s">
        <v>85</v>
      </c>
      <c r="P32611" t="s">
        <v>86</v>
      </c>
      <c r="Q32611">
        <v>61</v>
      </c>
      <c r="R32611">
        <v>61</v>
      </c>
      <c r="S32611">
        <v>62</v>
      </c>
      <c r="T32611">
        <v>62</v>
      </c>
      <c r="U32611">
        <v>62</v>
      </c>
      <c r="V32611">
        <v>62</v>
      </c>
      <c r="W32611">
        <v>62</v>
      </c>
      <c r="X32611">
        <v>62</v>
      </c>
      <c r="Y32611">
        <v>62</v>
      </c>
      <c r="Z32611">
        <v>62</v>
      </c>
      <c r="AA32611">
        <v>62</v>
      </c>
      <c r="AB32611">
        <v>63</v>
      </c>
      <c r="AC32611">
        <v>63</v>
      </c>
      <c r="AD32611">
        <v>63</v>
      </c>
      <c r="AE32611">
        <v>63</v>
      </c>
      <c r="AF32611">
        <v>63</v>
      </c>
      <c r="AG32611">
        <v>63</v>
      </c>
      <c r="AH32611">
        <v>63</v>
      </c>
      <c r="AI32611">
        <v>63</v>
      </c>
      <c r="AJ32611">
        <v>63</v>
      </c>
      <c r="AK32611">
        <v>63</v>
      </c>
      <c r="AL32611">
        <v>63</v>
      </c>
      <c r="AM32611">
        <v>63</v>
      </c>
      <c r="AN32611">
        <v>63</v>
      </c>
      <c r="AO32611">
        <v>63</v>
      </c>
      <c r="AP32611">
        <v>63</v>
      </c>
      <c r="AQ32611">
        <v>63</v>
      </c>
    </row>
    <row r="32612" spans="1:43">
      <c r="A32612" t="s">
        <v>20195</v>
      </c>
      <c r="B32612" t="s">
        <v>20196</v>
      </c>
      <c r="C32612" t="s">
        <v>20109</v>
      </c>
      <c r="D32612" t="s">
        <v>20110</v>
      </c>
      <c r="E32612" t="s">
        <v>20071</v>
      </c>
      <c r="F32612" t="s">
        <v>20072</v>
      </c>
      <c r="G32612" t="s">
        <v>10734</v>
      </c>
      <c r="H32612" t="s">
        <v>10735</v>
      </c>
      <c r="I32612" s="2">
        <v>0</v>
      </c>
      <c r="J32612" s="2">
        <v>0</v>
      </c>
      <c r="K32612" s="2">
        <v>1</v>
      </c>
      <c r="L32612" t="s">
        <v>995</v>
      </c>
      <c r="M32612" t="s">
        <v>89</v>
      </c>
      <c r="N32612" t="s">
        <v>90</v>
      </c>
      <c r="O32612" t="s">
        <v>85</v>
      </c>
      <c r="P32612" t="s">
        <v>86</v>
      </c>
      <c r="Q32612">
        <v>61</v>
      </c>
      <c r="R32612">
        <v>63</v>
      </c>
      <c r="S32612">
        <v>64</v>
      </c>
      <c r="T32612">
        <v>65</v>
      </c>
      <c r="U32612">
        <v>66</v>
      </c>
      <c r="V32612">
        <v>67</v>
      </c>
      <c r="W32612">
        <v>68</v>
      </c>
      <c r="X32612">
        <v>69</v>
      </c>
      <c r="Y32612">
        <v>70</v>
      </c>
      <c r="Z32612">
        <v>71</v>
      </c>
      <c r="AA32612">
        <v>72</v>
      </c>
      <c r="AB32612">
        <v>72</v>
      </c>
      <c r="AC32612">
        <v>73</v>
      </c>
      <c r="AD32612">
        <v>74</v>
      </c>
      <c r="AE32612">
        <v>74</v>
      </c>
      <c r="AF32612">
        <v>74</v>
      </c>
      <c r="AG32612">
        <v>74</v>
      </c>
      <c r="AH32612">
        <v>74</v>
      </c>
      <c r="AI32612">
        <v>74</v>
      </c>
      <c r="AJ32612">
        <v>73</v>
      </c>
      <c r="AK32612">
        <v>73</v>
      </c>
      <c r="AL32612">
        <v>73</v>
      </c>
      <c r="AM32612">
        <v>73</v>
      </c>
      <c r="AN32612">
        <v>73</v>
      </c>
      <c r="AO32612">
        <v>72</v>
      </c>
      <c r="AP32612">
        <v>72</v>
      </c>
      <c r="AQ32612">
        <v>72</v>
      </c>
    </row>
    <row r="32613" spans="1:43">
      <c r="A32613" t="s">
        <v>20195</v>
      </c>
      <c r="B32613" t="s">
        <v>20196</v>
      </c>
      <c r="C32613" t="s">
        <v>20109</v>
      </c>
      <c r="D32613" t="s">
        <v>20110</v>
      </c>
      <c r="E32613" t="s">
        <v>20071</v>
      </c>
      <c r="F32613" t="s">
        <v>20072</v>
      </c>
      <c r="G32613" t="s">
        <v>10734</v>
      </c>
      <c r="H32613" t="s">
        <v>10735</v>
      </c>
      <c r="I32613" s="2">
        <v>0</v>
      </c>
      <c r="J32613" s="2">
        <v>0</v>
      </c>
      <c r="K32613" s="2">
        <v>1</v>
      </c>
      <c r="L32613" t="s">
        <v>995</v>
      </c>
      <c r="M32613" t="s">
        <v>83</v>
      </c>
      <c r="N32613" t="s">
        <v>91</v>
      </c>
      <c r="O32613" t="s">
        <v>85</v>
      </c>
      <c r="P32613" t="s">
        <v>86</v>
      </c>
      <c r="Q32613">
        <v>61</v>
      </c>
      <c r="R32613">
        <v>62</v>
      </c>
      <c r="S32613">
        <v>62</v>
      </c>
      <c r="T32613">
        <v>63</v>
      </c>
      <c r="U32613">
        <v>64</v>
      </c>
      <c r="V32613">
        <v>64</v>
      </c>
      <c r="W32613">
        <v>65</v>
      </c>
      <c r="X32613">
        <v>66</v>
      </c>
      <c r="Y32613">
        <v>66</v>
      </c>
      <c r="Z32613">
        <v>67</v>
      </c>
      <c r="AA32613">
        <v>68</v>
      </c>
      <c r="AB32613">
        <v>68</v>
      </c>
      <c r="AC32613">
        <v>69</v>
      </c>
      <c r="AD32613">
        <v>69</v>
      </c>
      <c r="AE32613">
        <v>70</v>
      </c>
      <c r="AF32613">
        <v>70</v>
      </c>
      <c r="AG32613">
        <v>71</v>
      </c>
      <c r="AH32613">
        <v>71</v>
      </c>
      <c r="AI32613">
        <v>72</v>
      </c>
      <c r="AJ32613">
        <v>72</v>
      </c>
      <c r="AK32613">
        <v>72</v>
      </c>
      <c r="AL32613">
        <v>72</v>
      </c>
      <c r="AM32613">
        <v>72</v>
      </c>
      <c r="AN32613">
        <v>72</v>
      </c>
      <c r="AO32613">
        <v>72</v>
      </c>
      <c r="AP32613">
        <v>72</v>
      </c>
      <c r="AQ32613">
        <v>71</v>
      </c>
    </row>
    <row r="32614" spans="1:43">
      <c r="A32614" t="s">
        <v>20197</v>
      </c>
      <c r="B32614" t="s">
        <v>20198</v>
      </c>
      <c r="C32614" t="s">
        <v>20189</v>
      </c>
      <c r="D32614" t="s">
        <v>20190</v>
      </c>
      <c r="E32614" t="s">
        <v>20071</v>
      </c>
      <c r="F32614" t="s">
        <v>20072</v>
      </c>
      <c r="G32614" t="s">
        <v>10734</v>
      </c>
      <c r="H32614" t="s">
        <v>10735</v>
      </c>
      <c r="I32614" s="2">
        <v>0</v>
      </c>
      <c r="J32614" s="2">
        <v>0</v>
      </c>
      <c r="K32614" s="2">
        <v>1</v>
      </c>
      <c r="L32614" t="s">
        <v>995</v>
      </c>
      <c r="M32614" t="s">
        <v>83</v>
      </c>
      <c r="N32614" t="s">
        <v>84</v>
      </c>
      <c r="O32614" t="s">
        <v>85</v>
      </c>
      <c r="P32614" t="s">
        <v>86</v>
      </c>
      <c r="Q32614">
        <v>76</v>
      </c>
      <c r="R32614">
        <v>77</v>
      </c>
      <c r="S32614">
        <v>78</v>
      </c>
      <c r="T32614">
        <v>79</v>
      </c>
      <c r="U32614">
        <v>80</v>
      </c>
      <c r="V32614">
        <v>81</v>
      </c>
      <c r="W32614">
        <v>82</v>
      </c>
      <c r="X32614">
        <v>82</v>
      </c>
      <c r="Y32614">
        <v>83</v>
      </c>
      <c r="Z32614">
        <v>84</v>
      </c>
      <c r="AA32614">
        <v>85</v>
      </c>
      <c r="AB32614">
        <v>86</v>
      </c>
      <c r="AC32614">
        <v>86</v>
      </c>
      <c r="AD32614">
        <v>87</v>
      </c>
      <c r="AE32614">
        <v>88</v>
      </c>
      <c r="AF32614">
        <v>88</v>
      </c>
      <c r="AG32614">
        <v>89</v>
      </c>
      <c r="AH32614">
        <v>89</v>
      </c>
      <c r="AI32614">
        <v>90</v>
      </c>
      <c r="AJ32614">
        <v>91</v>
      </c>
      <c r="AK32614">
        <v>91</v>
      </c>
      <c r="AL32614">
        <v>91</v>
      </c>
      <c r="AM32614">
        <v>91</v>
      </c>
      <c r="AN32614">
        <v>91</v>
      </c>
      <c r="AO32614">
        <v>91</v>
      </c>
      <c r="AP32614">
        <v>90</v>
      </c>
      <c r="AQ32614">
        <v>90</v>
      </c>
    </row>
    <row r="32615" spans="1:43">
      <c r="A32615" t="s">
        <v>20197</v>
      </c>
      <c r="B32615" t="s">
        <v>20198</v>
      </c>
      <c r="C32615" t="s">
        <v>20189</v>
      </c>
      <c r="D32615" t="s">
        <v>20190</v>
      </c>
      <c r="E32615" t="s">
        <v>20071</v>
      </c>
      <c r="F32615" t="s">
        <v>20072</v>
      </c>
      <c r="G32615" t="s">
        <v>10734</v>
      </c>
      <c r="H32615" t="s">
        <v>10735</v>
      </c>
      <c r="I32615" s="2">
        <v>0</v>
      </c>
      <c r="J32615" s="2">
        <v>0</v>
      </c>
      <c r="K32615" s="2">
        <v>1</v>
      </c>
      <c r="L32615" t="s">
        <v>995</v>
      </c>
      <c r="M32615" t="s">
        <v>87</v>
      </c>
      <c r="N32615" t="s">
        <v>88</v>
      </c>
      <c r="O32615" t="s">
        <v>85</v>
      </c>
      <c r="P32615" t="s">
        <v>86</v>
      </c>
      <c r="Q32615">
        <v>76</v>
      </c>
      <c r="R32615">
        <v>76</v>
      </c>
      <c r="S32615">
        <v>76</v>
      </c>
      <c r="T32615">
        <v>76</v>
      </c>
      <c r="U32615">
        <v>76</v>
      </c>
      <c r="V32615">
        <v>77</v>
      </c>
      <c r="W32615">
        <v>77</v>
      </c>
      <c r="X32615">
        <v>77</v>
      </c>
      <c r="Y32615">
        <v>77</v>
      </c>
      <c r="Z32615">
        <v>77</v>
      </c>
      <c r="AA32615">
        <v>77</v>
      </c>
      <c r="AB32615">
        <v>77</v>
      </c>
      <c r="AC32615">
        <v>77</v>
      </c>
      <c r="AD32615">
        <v>77</v>
      </c>
      <c r="AE32615">
        <v>78</v>
      </c>
      <c r="AF32615">
        <v>78</v>
      </c>
      <c r="AG32615">
        <v>78</v>
      </c>
      <c r="AH32615">
        <v>78</v>
      </c>
      <c r="AI32615">
        <v>78</v>
      </c>
      <c r="AJ32615">
        <v>78</v>
      </c>
      <c r="AK32615">
        <v>78</v>
      </c>
      <c r="AL32615">
        <v>78</v>
      </c>
      <c r="AM32615">
        <v>78</v>
      </c>
      <c r="AN32615">
        <v>78</v>
      </c>
      <c r="AO32615">
        <v>78</v>
      </c>
      <c r="AP32615">
        <v>78</v>
      </c>
      <c r="AQ32615">
        <v>78</v>
      </c>
    </row>
    <row r="32616" spans="1:43">
      <c r="A32616" t="s">
        <v>20197</v>
      </c>
      <c r="B32616" t="s">
        <v>20198</v>
      </c>
      <c r="C32616" t="s">
        <v>20189</v>
      </c>
      <c r="D32616" t="s">
        <v>20190</v>
      </c>
      <c r="E32616" t="s">
        <v>20071</v>
      </c>
      <c r="F32616" t="s">
        <v>20072</v>
      </c>
      <c r="G32616" t="s">
        <v>10734</v>
      </c>
      <c r="H32616" t="s">
        <v>10735</v>
      </c>
      <c r="I32616" s="2">
        <v>0</v>
      </c>
      <c r="J32616" s="2">
        <v>0</v>
      </c>
      <c r="K32616" s="2">
        <v>1</v>
      </c>
      <c r="L32616" t="s">
        <v>995</v>
      </c>
      <c r="M32616" t="s">
        <v>89</v>
      </c>
      <c r="N32616" t="s">
        <v>90</v>
      </c>
      <c r="O32616" t="s">
        <v>85</v>
      </c>
      <c r="P32616" t="s">
        <v>86</v>
      </c>
      <c r="Q32616">
        <v>76</v>
      </c>
      <c r="R32616">
        <v>78</v>
      </c>
      <c r="S32616">
        <v>79</v>
      </c>
      <c r="T32616">
        <v>81</v>
      </c>
      <c r="U32616">
        <v>82</v>
      </c>
      <c r="V32616">
        <v>83</v>
      </c>
      <c r="W32616">
        <v>85</v>
      </c>
      <c r="X32616">
        <v>86</v>
      </c>
      <c r="Y32616">
        <v>87</v>
      </c>
      <c r="Z32616">
        <v>88</v>
      </c>
      <c r="AA32616">
        <v>89</v>
      </c>
      <c r="AB32616">
        <v>90</v>
      </c>
      <c r="AC32616">
        <v>91</v>
      </c>
      <c r="AD32616">
        <v>92</v>
      </c>
      <c r="AE32616">
        <v>93</v>
      </c>
      <c r="AF32616">
        <v>93</v>
      </c>
      <c r="AG32616">
        <v>92</v>
      </c>
      <c r="AH32616">
        <v>92</v>
      </c>
      <c r="AI32616">
        <v>92</v>
      </c>
      <c r="AJ32616">
        <v>92</v>
      </c>
      <c r="AK32616">
        <v>92</v>
      </c>
      <c r="AL32616">
        <v>91</v>
      </c>
      <c r="AM32616">
        <v>91</v>
      </c>
      <c r="AN32616">
        <v>91</v>
      </c>
      <c r="AO32616">
        <v>91</v>
      </c>
      <c r="AP32616">
        <v>90</v>
      </c>
      <c r="AQ32616">
        <v>90</v>
      </c>
    </row>
    <row r="32617" spans="1:43">
      <c r="A32617" t="s">
        <v>20197</v>
      </c>
      <c r="B32617" t="s">
        <v>20198</v>
      </c>
      <c r="C32617" t="s">
        <v>20189</v>
      </c>
      <c r="D32617" t="s">
        <v>20190</v>
      </c>
      <c r="E32617" t="s">
        <v>20071</v>
      </c>
      <c r="F32617" t="s">
        <v>20072</v>
      </c>
      <c r="G32617" t="s">
        <v>10734</v>
      </c>
      <c r="H32617" t="s">
        <v>10735</v>
      </c>
      <c r="I32617" s="2">
        <v>0</v>
      </c>
      <c r="J32617" s="2">
        <v>0</v>
      </c>
      <c r="K32617" s="2">
        <v>1</v>
      </c>
      <c r="L32617" t="s">
        <v>995</v>
      </c>
      <c r="M32617" t="s">
        <v>83</v>
      </c>
      <c r="N32617" t="s">
        <v>91</v>
      </c>
      <c r="O32617" t="s">
        <v>85</v>
      </c>
      <c r="P32617" t="s">
        <v>86</v>
      </c>
      <c r="Q32617">
        <v>76</v>
      </c>
      <c r="R32617">
        <v>77</v>
      </c>
      <c r="S32617">
        <v>78</v>
      </c>
      <c r="T32617">
        <v>79</v>
      </c>
      <c r="U32617">
        <v>80</v>
      </c>
      <c r="V32617">
        <v>81</v>
      </c>
      <c r="W32617">
        <v>82</v>
      </c>
      <c r="X32617">
        <v>82</v>
      </c>
      <c r="Y32617">
        <v>83</v>
      </c>
      <c r="Z32617">
        <v>84</v>
      </c>
      <c r="AA32617">
        <v>85</v>
      </c>
      <c r="AB32617">
        <v>86</v>
      </c>
      <c r="AC32617">
        <v>86</v>
      </c>
      <c r="AD32617">
        <v>87</v>
      </c>
      <c r="AE32617">
        <v>88</v>
      </c>
      <c r="AF32617">
        <v>88</v>
      </c>
      <c r="AG32617">
        <v>89</v>
      </c>
      <c r="AH32617">
        <v>89</v>
      </c>
      <c r="AI32617">
        <v>90</v>
      </c>
      <c r="AJ32617">
        <v>91</v>
      </c>
      <c r="AK32617">
        <v>91</v>
      </c>
      <c r="AL32617">
        <v>91</v>
      </c>
      <c r="AM32617">
        <v>91</v>
      </c>
      <c r="AN32617">
        <v>91</v>
      </c>
      <c r="AO32617">
        <v>91</v>
      </c>
      <c r="AP32617">
        <v>90</v>
      </c>
      <c r="AQ32617">
        <v>90</v>
      </c>
    </row>
    <row r="32618" spans="1:43">
      <c r="A32618" t="s">
        <v>20199</v>
      </c>
      <c r="B32618" t="s">
        <v>20200</v>
      </c>
      <c r="C32618" t="s">
        <v>20201</v>
      </c>
      <c r="D32618" t="s">
        <v>20202</v>
      </c>
      <c r="E32618" t="s">
        <v>20071</v>
      </c>
      <c r="F32618" t="s">
        <v>20072</v>
      </c>
      <c r="G32618" t="s">
        <v>10734</v>
      </c>
      <c r="H32618" t="s">
        <v>10735</v>
      </c>
      <c r="I32618" s="2">
        <v>0</v>
      </c>
      <c r="J32618" s="2">
        <v>0</v>
      </c>
      <c r="K32618" s="2">
        <v>1</v>
      </c>
      <c r="L32618" t="s">
        <v>995</v>
      </c>
      <c r="M32618" t="s">
        <v>83</v>
      </c>
      <c r="N32618" t="s">
        <v>84</v>
      </c>
      <c r="O32618" t="s">
        <v>85</v>
      </c>
      <c r="P32618" t="s">
        <v>86</v>
      </c>
      <c r="Q32618">
        <v>16</v>
      </c>
      <c r="R32618">
        <v>16</v>
      </c>
      <c r="S32618">
        <v>16</v>
      </c>
      <c r="T32618">
        <v>16</v>
      </c>
      <c r="U32618">
        <v>17</v>
      </c>
      <c r="V32618">
        <v>17</v>
      </c>
      <c r="W32618">
        <v>17</v>
      </c>
      <c r="X32618">
        <v>17</v>
      </c>
      <c r="Y32618">
        <v>17</v>
      </c>
      <c r="Z32618">
        <v>17</v>
      </c>
      <c r="AA32618">
        <v>18</v>
      </c>
      <c r="AB32618">
        <v>18</v>
      </c>
      <c r="AC32618">
        <v>18</v>
      </c>
      <c r="AD32618">
        <v>18</v>
      </c>
      <c r="AE32618">
        <v>18</v>
      </c>
      <c r="AF32618">
        <v>18</v>
      </c>
      <c r="AG32618">
        <v>18</v>
      </c>
      <c r="AH32618">
        <v>19</v>
      </c>
      <c r="AI32618">
        <v>19</v>
      </c>
      <c r="AJ32618">
        <v>19</v>
      </c>
      <c r="AK32618">
        <v>19</v>
      </c>
      <c r="AL32618">
        <v>19</v>
      </c>
      <c r="AM32618">
        <v>19</v>
      </c>
      <c r="AN32618">
        <v>19</v>
      </c>
      <c r="AO32618">
        <v>19</v>
      </c>
      <c r="AP32618">
        <v>19</v>
      </c>
      <c r="AQ32618">
        <v>19</v>
      </c>
    </row>
    <row r="32619" spans="1:43">
      <c r="A32619" t="s">
        <v>20199</v>
      </c>
      <c r="B32619" t="s">
        <v>20200</v>
      </c>
      <c r="C32619" t="s">
        <v>20201</v>
      </c>
      <c r="D32619" t="s">
        <v>20202</v>
      </c>
      <c r="E32619" t="s">
        <v>20071</v>
      </c>
      <c r="F32619" t="s">
        <v>20072</v>
      </c>
      <c r="G32619" t="s">
        <v>10734</v>
      </c>
      <c r="H32619" t="s">
        <v>10735</v>
      </c>
      <c r="I32619" s="2">
        <v>0</v>
      </c>
      <c r="J32619" s="2">
        <v>0</v>
      </c>
      <c r="K32619" s="2">
        <v>1</v>
      </c>
      <c r="L32619" t="s">
        <v>995</v>
      </c>
      <c r="M32619" t="s">
        <v>87</v>
      </c>
      <c r="N32619" t="s">
        <v>88</v>
      </c>
      <c r="O32619" t="s">
        <v>85</v>
      </c>
      <c r="P32619" t="s">
        <v>86</v>
      </c>
      <c r="Q32619">
        <v>16</v>
      </c>
      <c r="R32619">
        <v>16</v>
      </c>
      <c r="S32619">
        <v>16</v>
      </c>
      <c r="T32619">
        <v>16</v>
      </c>
      <c r="U32619">
        <v>16</v>
      </c>
      <c r="V32619">
        <v>16</v>
      </c>
      <c r="W32619">
        <v>16</v>
      </c>
      <c r="X32619">
        <v>16</v>
      </c>
      <c r="Y32619">
        <v>16</v>
      </c>
      <c r="Z32619">
        <v>16</v>
      </c>
      <c r="AA32619">
        <v>16</v>
      </c>
      <c r="AB32619">
        <v>16</v>
      </c>
      <c r="AC32619">
        <v>16</v>
      </c>
      <c r="AD32619">
        <v>16</v>
      </c>
      <c r="AE32619">
        <v>16</v>
      </c>
      <c r="AF32619">
        <v>16</v>
      </c>
      <c r="AG32619">
        <v>16</v>
      </c>
      <c r="AH32619">
        <v>16</v>
      </c>
      <c r="AI32619">
        <v>16</v>
      </c>
      <c r="AJ32619">
        <v>16</v>
      </c>
      <c r="AK32619">
        <v>16</v>
      </c>
      <c r="AL32619">
        <v>16</v>
      </c>
      <c r="AM32619">
        <v>16</v>
      </c>
      <c r="AN32619">
        <v>16</v>
      </c>
      <c r="AO32619">
        <v>16</v>
      </c>
      <c r="AP32619">
        <v>16</v>
      </c>
      <c r="AQ32619">
        <v>16</v>
      </c>
    </row>
    <row r="32620" spans="1:43">
      <c r="A32620" t="s">
        <v>20199</v>
      </c>
      <c r="B32620" t="s">
        <v>20200</v>
      </c>
      <c r="C32620" t="s">
        <v>20201</v>
      </c>
      <c r="D32620" t="s">
        <v>20202</v>
      </c>
      <c r="E32620" t="s">
        <v>20071</v>
      </c>
      <c r="F32620" t="s">
        <v>20072</v>
      </c>
      <c r="G32620" t="s">
        <v>10734</v>
      </c>
      <c r="H32620" t="s">
        <v>10735</v>
      </c>
      <c r="I32620" s="2">
        <v>0</v>
      </c>
      <c r="J32620" s="2">
        <v>0</v>
      </c>
      <c r="K32620" s="2">
        <v>1</v>
      </c>
      <c r="L32620" t="s">
        <v>995</v>
      </c>
      <c r="M32620" t="s">
        <v>89</v>
      </c>
      <c r="N32620" t="s">
        <v>90</v>
      </c>
      <c r="O32620" t="s">
        <v>85</v>
      </c>
      <c r="P32620" t="s">
        <v>86</v>
      </c>
      <c r="Q32620">
        <v>16</v>
      </c>
      <c r="R32620">
        <v>16</v>
      </c>
      <c r="S32620">
        <v>17</v>
      </c>
      <c r="T32620">
        <v>17</v>
      </c>
      <c r="U32620">
        <v>17</v>
      </c>
      <c r="V32620">
        <v>18</v>
      </c>
      <c r="W32620">
        <v>18</v>
      </c>
      <c r="X32620">
        <v>18</v>
      </c>
      <c r="Y32620">
        <v>18</v>
      </c>
      <c r="Z32620">
        <v>19</v>
      </c>
      <c r="AA32620">
        <v>19</v>
      </c>
      <c r="AB32620">
        <v>19</v>
      </c>
      <c r="AC32620">
        <v>19</v>
      </c>
      <c r="AD32620">
        <v>19</v>
      </c>
      <c r="AE32620">
        <v>19</v>
      </c>
      <c r="AF32620">
        <v>19</v>
      </c>
      <c r="AG32620">
        <v>19</v>
      </c>
      <c r="AH32620">
        <v>19</v>
      </c>
      <c r="AI32620">
        <v>19</v>
      </c>
      <c r="AJ32620">
        <v>19</v>
      </c>
      <c r="AK32620">
        <v>19</v>
      </c>
      <c r="AL32620">
        <v>19</v>
      </c>
      <c r="AM32620">
        <v>19</v>
      </c>
      <c r="AN32620">
        <v>19</v>
      </c>
      <c r="AO32620">
        <v>19</v>
      </c>
      <c r="AP32620">
        <v>19</v>
      </c>
      <c r="AQ32620">
        <v>19</v>
      </c>
    </row>
    <row r="32621" spans="1:43">
      <c r="A32621" t="s">
        <v>20199</v>
      </c>
      <c r="B32621" t="s">
        <v>20200</v>
      </c>
      <c r="C32621" t="s">
        <v>20201</v>
      </c>
      <c r="D32621" t="s">
        <v>20202</v>
      </c>
      <c r="E32621" t="s">
        <v>20071</v>
      </c>
      <c r="F32621" t="s">
        <v>20072</v>
      </c>
      <c r="G32621" t="s">
        <v>10734</v>
      </c>
      <c r="H32621" t="s">
        <v>10735</v>
      </c>
      <c r="I32621" s="2">
        <v>0</v>
      </c>
      <c r="J32621" s="2">
        <v>0</v>
      </c>
      <c r="K32621" s="2">
        <v>1</v>
      </c>
      <c r="L32621" t="s">
        <v>995</v>
      </c>
      <c r="M32621" t="s">
        <v>83</v>
      </c>
      <c r="N32621" t="s">
        <v>91</v>
      </c>
      <c r="O32621" t="s">
        <v>85</v>
      </c>
      <c r="P32621" t="s">
        <v>86</v>
      </c>
      <c r="Q32621">
        <v>16</v>
      </c>
      <c r="R32621">
        <v>16</v>
      </c>
      <c r="S32621">
        <v>16</v>
      </c>
      <c r="T32621">
        <v>16</v>
      </c>
      <c r="U32621">
        <v>17</v>
      </c>
      <c r="V32621">
        <v>17</v>
      </c>
      <c r="W32621">
        <v>17</v>
      </c>
      <c r="X32621">
        <v>17</v>
      </c>
      <c r="Y32621">
        <v>17</v>
      </c>
      <c r="Z32621">
        <v>17</v>
      </c>
      <c r="AA32621">
        <v>18</v>
      </c>
      <c r="AB32621">
        <v>18</v>
      </c>
      <c r="AC32621">
        <v>18</v>
      </c>
      <c r="AD32621">
        <v>18</v>
      </c>
      <c r="AE32621">
        <v>18</v>
      </c>
      <c r="AF32621">
        <v>18</v>
      </c>
      <c r="AG32621">
        <v>18</v>
      </c>
      <c r="AH32621">
        <v>19</v>
      </c>
      <c r="AI32621">
        <v>19</v>
      </c>
      <c r="AJ32621">
        <v>19</v>
      </c>
      <c r="AK32621">
        <v>19</v>
      </c>
      <c r="AL32621">
        <v>19</v>
      </c>
      <c r="AM32621">
        <v>19</v>
      </c>
      <c r="AN32621">
        <v>19</v>
      </c>
      <c r="AO32621">
        <v>19</v>
      </c>
      <c r="AP32621">
        <v>19</v>
      </c>
      <c r="AQ32621">
        <v>19</v>
      </c>
    </row>
    <row r="32622" spans="1:43">
      <c r="A32622" t="s">
        <v>20203</v>
      </c>
      <c r="B32622" t="s">
        <v>20204</v>
      </c>
      <c r="C32622" t="s">
        <v>20201</v>
      </c>
      <c r="D32622" t="s">
        <v>20202</v>
      </c>
      <c r="E32622" t="s">
        <v>20071</v>
      </c>
      <c r="F32622" t="s">
        <v>20072</v>
      </c>
      <c r="G32622" t="s">
        <v>10734</v>
      </c>
      <c r="H32622" t="s">
        <v>10735</v>
      </c>
      <c r="I32622" s="2">
        <v>0</v>
      </c>
      <c r="J32622" s="2">
        <v>0</v>
      </c>
      <c r="K32622" s="2">
        <v>1</v>
      </c>
      <c r="L32622" t="s">
        <v>995</v>
      </c>
      <c r="M32622" t="s">
        <v>83</v>
      </c>
      <c r="N32622" t="s">
        <v>84</v>
      </c>
      <c r="O32622" t="s">
        <v>85</v>
      </c>
      <c r="P32622" t="s">
        <v>86</v>
      </c>
      <c r="Q32622">
        <v>18</v>
      </c>
      <c r="R32622">
        <v>19</v>
      </c>
      <c r="S32622">
        <v>19</v>
      </c>
      <c r="T32622">
        <v>19</v>
      </c>
      <c r="U32622">
        <v>19</v>
      </c>
      <c r="V32622">
        <v>19</v>
      </c>
      <c r="W32622">
        <v>20</v>
      </c>
      <c r="X32622">
        <v>20</v>
      </c>
      <c r="Y32622">
        <v>20</v>
      </c>
      <c r="Z32622">
        <v>20</v>
      </c>
      <c r="AA32622">
        <v>20</v>
      </c>
      <c r="AB32622">
        <v>21</v>
      </c>
      <c r="AC32622">
        <v>21</v>
      </c>
      <c r="AD32622">
        <v>21</v>
      </c>
      <c r="AE32622">
        <v>21</v>
      </c>
      <c r="AF32622">
        <v>21</v>
      </c>
      <c r="AG32622">
        <v>21</v>
      </c>
      <c r="AH32622">
        <v>21</v>
      </c>
      <c r="AI32622">
        <v>22</v>
      </c>
      <c r="AJ32622">
        <v>22</v>
      </c>
      <c r="AK32622">
        <v>22</v>
      </c>
      <c r="AL32622">
        <v>22</v>
      </c>
      <c r="AM32622">
        <v>22</v>
      </c>
      <c r="AN32622">
        <v>22</v>
      </c>
      <c r="AO32622">
        <v>22</v>
      </c>
      <c r="AP32622">
        <v>22</v>
      </c>
      <c r="AQ32622">
        <v>22</v>
      </c>
    </row>
    <row r="32623" spans="1:43">
      <c r="A32623" t="s">
        <v>20203</v>
      </c>
      <c r="B32623" t="s">
        <v>20204</v>
      </c>
      <c r="C32623" t="s">
        <v>20201</v>
      </c>
      <c r="D32623" t="s">
        <v>20202</v>
      </c>
      <c r="E32623" t="s">
        <v>20071</v>
      </c>
      <c r="F32623" t="s">
        <v>20072</v>
      </c>
      <c r="G32623" t="s">
        <v>10734</v>
      </c>
      <c r="H32623" t="s">
        <v>10735</v>
      </c>
      <c r="I32623" s="2">
        <v>0</v>
      </c>
      <c r="J32623" s="2">
        <v>0</v>
      </c>
      <c r="K32623" s="2">
        <v>1</v>
      </c>
      <c r="L32623" t="s">
        <v>995</v>
      </c>
      <c r="M32623" t="s">
        <v>87</v>
      </c>
      <c r="N32623" t="s">
        <v>88</v>
      </c>
      <c r="O32623" t="s">
        <v>85</v>
      </c>
      <c r="P32623" t="s">
        <v>86</v>
      </c>
      <c r="Q32623">
        <v>18</v>
      </c>
      <c r="R32623">
        <v>18</v>
      </c>
      <c r="S32623">
        <v>18</v>
      </c>
      <c r="T32623">
        <v>18</v>
      </c>
      <c r="U32623">
        <v>18</v>
      </c>
      <c r="V32623">
        <v>18</v>
      </c>
      <c r="W32623">
        <v>18</v>
      </c>
      <c r="X32623">
        <v>18</v>
      </c>
      <c r="Y32623">
        <v>18</v>
      </c>
      <c r="Z32623">
        <v>18</v>
      </c>
      <c r="AA32623">
        <v>19</v>
      </c>
      <c r="AB32623">
        <v>19</v>
      </c>
      <c r="AC32623">
        <v>19</v>
      </c>
      <c r="AD32623">
        <v>19</v>
      </c>
      <c r="AE32623">
        <v>19</v>
      </c>
      <c r="AF32623">
        <v>19</v>
      </c>
      <c r="AG32623">
        <v>19</v>
      </c>
      <c r="AH32623">
        <v>19</v>
      </c>
      <c r="AI32623">
        <v>19</v>
      </c>
      <c r="AJ32623">
        <v>19</v>
      </c>
      <c r="AK32623">
        <v>19</v>
      </c>
      <c r="AL32623">
        <v>19</v>
      </c>
      <c r="AM32623">
        <v>19</v>
      </c>
      <c r="AN32623">
        <v>19</v>
      </c>
      <c r="AO32623">
        <v>19</v>
      </c>
      <c r="AP32623">
        <v>19</v>
      </c>
      <c r="AQ32623">
        <v>19</v>
      </c>
    </row>
    <row r="32624" spans="1:43">
      <c r="A32624" t="s">
        <v>20203</v>
      </c>
      <c r="B32624" t="s">
        <v>20204</v>
      </c>
      <c r="C32624" t="s">
        <v>20201</v>
      </c>
      <c r="D32624" t="s">
        <v>20202</v>
      </c>
      <c r="E32624" t="s">
        <v>20071</v>
      </c>
      <c r="F32624" t="s">
        <v>20072</v>
      </c>
      <c r="G32624" t="s">
        <v>10734</v>
      </c>
      <c r="H32624" t="s">
        <v>10735</v>
      </c>
      <c r="I32624" s="2">
        <v>0</v>
      </c>
      <c r="J32624" s="2">
        <v>0</v>
      </c>
      <c r="K32624" s="2">
        <v>1</v>
      </c>
      <c r="L32624" t="s">
        <v>995</v>
      </c>
      <c r="M32624" t="s">
        <v>89</v>
      </c>
      <c r="N32624" t="s">
        <v>90</v>
      </c>
      <c r="O32624" t="s">
        <v>85</v>
      </c>
      <c r="P32624" t="s">
        <v>86</v>
      </c>
      <c r="Q32624">
        <v>18</v>
      </c>
      <c r="R32624">
        <v>18</v>
      </c>
      <c r="S32624">
        <v>18</v>
      </c>
      <c r="T32624">
        <v>19</v>
      </c>
      <c r="U32624">
        <v>19</v>
      </c>
      <c r="V32624">
        <v>19</v>
      </c>
      <c r="W32624">
        <v>20</v>
      </c>
      <c r="X32624">
        <v>20</v>
      </c>
      <c r="Y32624">
        <v>20</v>
      </c>
      <c r="Z32624">
        <v>20</v>
      </c>
      <c r="AA32624">
        <v>21</v>
      </c>
      <c r="AB32624">
        <v>21</v>
      </c>
      <c r="AC32624">
        <v>21</v>
      </c>
      <c r="AD32624">
        <v>21</v>
      </c>
      <c r="AE32624">
        <v>22</v>
      </c>
      <c r="AF32624">
        <v>21</v>
      </c>
      <c r="AG32624">
        <v>21</v>
      </c>
      <c r="AH32624">
        <v>21</v>
      </c>
      <c r="AI32624">
        <v>21</v>
      </c>
      <c r="AJ32624">
        <v>21</v>
      </c>
      <c r="AK32624">
        <v>21</v>
      </c>
      <c r="AL32624">
        <v>21</v>
      </c>
      <c r="AM32624">
        <v>21</v>
      </c>
      <c r="AN32624">
        <v>21</v>
      </c>
      <c r="AO32624">
        <v>21</v>
      </c>
      <c r="AP32624">
        <v>21</v>
      </c>
      <c r="AQ32624">
        <v>21</v>
      </c>
    </row>
    <row r="32625" spans="1:43">
      <c r="A32625" t="s">
        <v>20203</v>
      </c>
      <c r="B32625" t="s">
        <v>20204</v>
      </c>
      <c r="C32625" t="s">
        <v>20201</v>
      </c>
      <c r="D32625" t="s">
        <v>20202</v>
      </c>
      <c r="E32625" t="s">
        <v>20071</v>
      </c>
      <c r="F32625" t="s">
        <v>20072</v>
      </c>
      <c r="G32625" t="s">
        <v>10734</v>
      </c>
      <c r="H32625" t="s">
        <v>10735</v>
      </c>
      <c r="I32625" s="2">
        <v>0</v>
      </c>
      <c r="J32625" s="2">
        <v>0</v>
      </c>
      <c r="K32625" s="2">
        <v>1</v>
      </c>
      <c r="L32625" t="s">
        <v>995</v>
      </c>
      <c r="M32625" t="s">
        <v>83</v>
      </c>
      <c r="N32625" t="s">
        <v>91</v>
      </c>
      <c r="O32625" t="s">
        <v>85</v>
      </c>
      <c r="P32625" t="s">
        <v>86</v>
      </c>
      <c r="Q32625">
        <v>18</v>
      </c>
      <c r="R32625">
        <v>19</v>
      </c>
      <c r="S32625">
        <v>19</v>
      </c>
      <c r="T32625">
        <v>19</v>
      </c>
      <c r="U32625">
        <v>19</v>
      </c>
      <c r="V32625">
        <v>19</v>
      </c>
      <c r="W32625">
        <v>20</v>
      </c>
      <c r="X32625">
        <v>20</v>
      </c>
      <c r="Y32625">
        <v>20</v>
      </c>
      <c r="Z32625">
        <v>20</v>
      </c>
      <c r="AA32625">
        <v>20</v>
      </c>
      <c r="AB32625">
        <v>21</v>
      </c>
      <c r="AC32625">
        <v>21</v>
      </c>
      <c r="AD32625">
        <v>21</v>
      </c>
      <c r="AE32625">
        <v>21</v>
      </c>
      <c r="AF32625">
        <v>21</v>
      </c>
      <c r="AG32625">
        <v>21</v>
      </c>
      <c r="AH32625">
        <v>21</v>
      </c>
      <c r="AI32625">
        <v>22</v>
      </c>
      <c r="AJ32625">
        <v>22</v>
      </c>
      <c r="AK32625">
        <v>22</v>
      </c>
      <c r="AL32625">
        <v>22</v>
      </c>
      <c r="AM32625">
        <v>22</v>
      </c>
      <c r="AN32625">
        <v>22</v>
      </c>
      <c r="AO32625">
        <v>22</v>
      </c>
      <c r="AP32625">
        <v>22</v>
      </c>
      <c r="AQ32625">
        <v>22</v>
      </c>
    </row>
    <row r="32626" spans="1:43">
      <c r="A32626" t="s">
        <v>20205</v>
      </c>
      <c r="B32626" t="s">
        <v>20206</v>
      </c>
      <c r="C32626" t="s">
        <v>20201</v>
      </c>
      <c r="D32626" t="s">
        <v>20202</v>
      </c>
      <c r="E32626" t="s">
        <v>20071</v>
      </c>
      <c r="F32626" t="s">
        <v>20072</v>
      </c>
      <c r="G32626" t="s">
        <v>10734</v>
      </c>
      <c r="H32626" t="s">
        <v>10735</v>
      </c>
      <c r="I32626" s="2">
        <v>0</v>
      </c>
      <c r="J32626" s="2">
        <v>0</v>
      </c>
      <c r="K32626" s="2">
        <v>1</v>
      </c>
      <c r="L32626" t="s">
        <v>995</v>
      </c>
      <c r="M32626" t="s">
        <v>83</v>
      </c>
      <c r="N32626" t="s">
        <v>84</v>
      </c>
      <c r="O32626" t="s">
        <v>85</v>
      </c>
      <c r="P32626" t="s">
        <v>86</v>
      </c>
      <c r="Q32626">
        <v>17</v>
      </c>
      <c r="R32626">
        <v>17</v>
      </c>
      <c r="S32626">
        <v>17</v>
      </c>
      <c r="T32626">
        <v>18</v>
      </c>
      <c r="U32626">
        <v>18</v>
      </c>
      <c r="V32626">
        <v>18</v>
      </c>
      <c r="W32626">
        <v>18</v>
      </c>
      <c r="X32626">
        <v>18</v>
      </c>
      <c r="Y32626">
        <v>19</v>
      </c>
      <c r="Z32626">
        <v>19</v>
      </c>
      <c r="AA32626">
        <v>19</v>
      </c>
      <c r="AB32626">
        <v>19</v>
      </c>
      <c r="AC32626">
        <v>19</v>
      </c>
      <c r="AD32626">
        <v>19</v>
      </c>
      <c r="AE32626">
        <v>20</v>
      </c>
      <c r="AF32626">
        <v>20</v>
      </c>
      <c r="AG32626">
        <v>20</v>
      </c>
      <c r="AH32626">
        <v>20</v>
      </c>
      <c r="AI32626">
        <v>20</v>
      </c>
      <c r="AJ32626">
        <v>20</v>
      </c>
      <c r="AK32626">
        <v>20</v>
      </c>
      <c r="AL32626">
        <v>20</v>
      </c>
      <c r="AM32626">
        <v>20</v>
      </c>
      <c r="AN32626">
        <v>20</v>
      </c>
      <c r="AO32626">
        <v>20</v>
      </c>
      <c r="AP32626">
        <v>20</v>
      </c>
      <c r="AQ32626">
        <v>20</v>
      </c>
    </row>
    <row r="32627" spans="1:43">
      <c r="A32627" t="s">
        <v>20205</v>
      </c>
      <c r="B32627" t="s">
        <v>20206</v>
      </c>
      <c r="C32627" t="s">
        <v>20201</v>
      </c>
      <c r="D32627" t="s">
        <v>20202</v>
      </c>
      <c r="E32627" t="s">
        <v>20071</v>
      </c>
      <c r="F32627" t="s">
        <v>20072</v>
      </c>
      <c r="G32627" t="s">
        <v>10734</v>
      </c>
      <c r="H32627" t="s">
        <v>10735</v>
      </c>
      <c r="I32627" s="2">
        <v>0</v>
      </c>
      <c r="J32627" s="2">
        <v>0</v>
      </c>
      <c r="K32627" s="2">
        <v>1</v>
      </c>
      <c r="L32627" t="s">
        <v>995</v>
      </c>
      <c r="M32627" t="s">
        <v>87</v>
      </c>
      <c r="N32627" t="s">
        <v>88</v>
      </c>
      <c r="O32627" t="s">
        <v>85</v>
      </c>
      <c r="P32627" t="s">
        <v>86</v>
      </c>
      <c r="Q32627">
        <v>17</v>
      </c>
      <c r="R32627">
        <v>17</v>
      </c>
      <c r="S32627">
        <v>17</v>
      </c>
      <c r="T32627">
        <v>17</v>
      </c>
      <c r="U32627">
        <v>17</v>
      </c>
      <c r="V32627">
        <v>17</v>
      </c>
      <c r="W32627">
        <v>17</v>
      </c>
      <c r="X32627">
        <v>17</v>
      </c>
      <c r="Y32627">
        <v>17</v>
      </c>
      <c r="Z32627">
        <v>17</v>
      </c>
      <c r="AA32627">
        <v>17</v>
      </c>
      <c r="AB32627">
        <v>17</v>
      </c>
      <c r="AC32627">
        <v>17</v>
      </c>
      <c r="AD32627">
        <v>17</v>
      </c>
      <c r="AE32627">
        <v>17</v>
      </c>
      <c r="AF32627">
        <v>17</v>
      </c>
      <c r="AG32627">
        <v>17</v>
      </c>
      <c r="AH32627">
        <v>17</v>
      </c>
      <c r="AI32627">
        <v>17</v>
      </c>
      <c r="AJ32627">
        <v>17</v>
      </c>
      <c r="AK32627">
        <v>17</v>
      </c>
      <c r="AL32627">
        <v>17</v>
      </c>
      <c r="AM32627">
        <v>17</v>
      </c>
      <c r="AN32627">
        <v>18</v>
      </c>
      <c r="AO32627">
        <v>18</v>
      </c>
      <c r="AP32627">
        <v>18</v>
      </c>
      <c r="AQ32627">
        <v>18</v>
      </c>
    </row>
    <row r="32628" spans="1:43">
      <c r="A32628" t="s">
        <v>20205</v>
      </c>
      <c r="B32628" t="s">
        <v>20206</v>
      </c>
      <c r="C32628" t="s">
        <v>20201</v>
      </c>
      <c r="D32628" t="s">
        <v>20202</v>
      </c>
      <c r="E32628" t="s">
        <v>20071</v>
      </c>
      <c r="F32628" t="s">
        <v>20072</v>
      </c>
      <c r="G32628" t="s">
        <v>10734</v>
      </c>
      <c r="H32628" t="s">
        <v>10735</v>
      </c>
      <c r="I32628" s="2">
        <v>0</v>
      </c>
      <c r="J32628" s="2">
        <v>0</v>
      </c>
      <c r="K32628" s="2">
        <v>1</v>
      </c>
      <c r="L32628" t="s">
        <v>995</v>
      </c>
      <c r="M32628" t="s">
        <v>89</v>
      </c>
      <c r="N32628" t="s">
        <v>90</v>
      </c>
      <c r="O32628" t="s">
        <v>85</v>
      </c>
      <c r="P32628" t="s">
        <v>86</v>
      </c>
      <c r="Q32628">
        <v>17</v>
      </c>
      <c r="R32628">
        <v>18</v>
      </c>
      <c r="S32628">
        <v>18</v>
      </c>
      <c r="T32628">
        <v>18</v>
      </c>
      <c r="U32628">
        <v>19</v>
      </c>
      <c r="V32628">
        <v>19</v>
      </c>
      <c r="W32628">
        <v>19</v>
      </c>
      <c r="X32628">
        <v>19</v>
      </c>
      <c r="Y32628">
        <v>20</v>
      </c>
      <c r="Z32628">
        <v>20</v>
      </c>
      <c r="AA32628">
        <v>20</v>
      </c>
      <c r="AB32628">
        <v>20</v>
      </c>
      <c r="AC32628">
        <v>21</v>
      </c>
      <c r="AD32628">
        <v>21</v>
      </c>
      <c r="AE32628">
        <v>21</v>
      </c>
      <c r="AF32628">
        <v>21</v>
      </c>
      <c r="AG32628">
        <v>21</v>
      </c>
      <c r="AH32628">
        <v>21</v>
      </c>
      <c r="AI32628">
        <v>21</v>
      </c>
      <c r="AJ32628">
        <v>21</v>
      </c>
      <c r="AK32628">
        <v>21</v>
      </c>
      <c r="AL32628">
        <v>21</v>
      </c>
      <c r="AM32628">
        <v>21</v>
      </c>
      <c r="AN32628">
        <v>21</v>
      </c>
      <c r="AO32628">
        <v>20</v>
      </c>
      <c r="AP32628">
        <v>20</v>
      </c>
      <c r="AQ32628">
        <v>20</v>
      </c>
    </row>
    <row r="32629" spans="1:43">
      <c r="A32629" t="s">
        <v>20205</v>
      </c>
      <c r="B32629" t="s">
        <v>20206</v>
      </c>
      <c r="C32629" t="s">
        <v>20201</v>
      </c>
      <c r="D32629" t="s">
        <v>20202</v>
      </c>
      <c r="E32629" t="s">
        <v>20071</v>
      </c>
      <c r="F32629" t="s">
        <v>20072</v>
      </c>
      <c r="G32629" t="s">
        <v>10734</v>
      </c>
      <c r="H32629" t="s">
        <v>10735</v>
      </c>
      <c r="I32629" s="2">
        <v>0</v>
      </c>
      <c r="J32629" s="2">
        <v>0</v>
      </c>
      <c r="K32629" s="2">
        <v>1</v>
      </c>
      <c r="L32629" t="s">
        <v>995</v>
      </c>
      <c r="M32629" t="s">
        <v>83</v>
      </c>
      <c r="N32629" t="s">
        <v>91</v>
      </c>
      <c r="O32629" t="s">
        <v>85</v>
      </c>
      <c r="P32629" t="s">
        <v>86</v>
      </c>
      <c r="Q32629">
        <v>17</v>
      </c>
      <c r="R32629">
        <v>17</v>
      </c>
      <c r="S32629">
        <v>17</v>
      </c>
      <c r="T32629">
        <v>18</v>
      </c>
      <c r="U32629">
        <v>18</v>
      </c>
      <c r="V32629">
        <v>18</v>
      </c>
      <c r="W32629">
        <v>18</v>
      </c>
      <c r="X32629">
        <v>18</v>
      </c>
      <c r="Y32629">
        <v>19</v>
      </c>
      <c r="Z32629">
        <v>19</v>
      </c>
      <c r="AA32629">
        <v>19</v>
      </c>
      <c r="AB32629">
        <v>19</v>
      </c>
      <c r="AC32629">
        <v>19</v>
      </c>
      <c r="AD32629">
        <v>19</v>
      </c>
      <c r="AE32629">
        <v>20</v>
      </c>
      <c r="AF32629">
        <v>20</v>
      </c>
      <c r="AG32629">
        <v>20</v>
      </c>
      <c r="AH32629">
        <v>20</v>
      </c>
      <c r="AI32629">
        <v>20</v>
      </c>
      <c r="AJ32629">
        <v>20</v>
      </c>
      <c r="AK32629">
        <v>20</v>
      </c>
      <c r="AL32629">
        <v>20</v>
      </c>
      <c r="AM32629">
        <v>20</v>
      </c>
      <c r="AN32629">
        <v>20</v>
      </c>
      <c r="AO32629">
        <v>20</v>
      </c>
      <c r="AP32629">
        <v>20</v>
      </c>
      <c r="AQ32629">
        <v>20</v>
      </c>
    </row>
    <row r="32630" spans="1:43">
      <c r="A32630" t="s">
        <v>20207</v>
      </c>
      <c r="B32630" t="s">
        <v>20208</v>
      </c>
      <c r="C32630" t="s">
        <v>20201</v>
      </c>
      <c r="D32630" t="s">
        <v>20202</v>
      </c>
      <c r="E32630" t="s">
        <v>20071</v>
      </c>
      <c r="F32630" t="s">
        <v>20072</v>
      </c>
      <c r="G32630" t="s">
        <v>10734</v>
      </c>
      <c r="H32630" t="s">
        <v>10735</v>
      </c>
      <c r="I32630" s="2">
        <v>0</v>
      </c>
      <c r="J32630" s="2">
        <v>0</v>
      </c>
      <c r="K32630" s="2">
        <v>1</v>
      </c>
      <c r="L32630" t="s">
        <v>995</v>
      </c>
      <c r="M32630" t="s">
        <v>83</v>
      </c>
      <c r="N32630" t="s">
        <v>84</v>
      </c>
      <c r="O32630" t="s">
        <v>85</v>
      </c>
      <c r="P32630" t="s">
        <v>86</v>
      </c>
      <c r="Q32630">
        <v>67</v>
      </c>
      <c r="R32630">
        <v>68</v>
      </c>
      <c r="S32630">
        <v>69</v>
      </c>
      <c r="T32630">
        <v>70</v>
      </c>
      <c r="U32630">
        <v>70</v>
      </c>
      <c r="V32630">
        <v>71</v>
      </c>
      <c r="W32630">
        <v>72</v>
      </c>
      <c r="X32630">
        <v>72</v>
      </c>
      <c r="Y32630">
        <v>73</v>
      </c>
      <c r="Z32630">
        <v>74</v>
      </c>
      <c r="AA32630">
        <v>75</v>
      </c>
      <c r="AB32630">
        <v>75</v>
      </c>
      <c r="AC32630">
        <v>76</v>
      </c>
      <c r="AD32630">
        <v>76</v>
      </c>
      <c r="AE32630">
        <v>77</v>
      </c>
      <c r="AF32630">
        <v>78</v>
      </c>
      <c r="AG32630">
        <v>78</v>
      </c>
      <c r="AH32630">
        <v>79</v>
      </c>
      <c r="AI32630">
        <v>79</v>
      </c>
      <c r="AJ32630">
        <v>80</v>
      </c>
      <c r="AK32630">
        <v>80</v>
      </c>
      <c r="AL32630">
        <v>80</v>
      </c>
      <c r="AM32630">
        <v>80</v>
      </c>
      <c r="AN32630">
        <v>80</v>
      </c>
      <c r="AO32630">
        <v>80</v>
      </c>
      <c r="AP32630">
        <v>79</v>
      </c>
      <c r="AQ32630">
        <v>79</v>
      </c>
    </row>
    <row r="32631" spans="1:43">
      <c r="A32631" t="s">
        <v>20207</v>
      </c>
      <c r="B32631" t="s">
        <v>20208</v>
      </c>
      <c r="C32631" t="s">
        <v>20201</v>
      </c>
      <c r="D32631" t="s">
        <v>20202</v>
      </c>
      <c r="E32631" t="s">
        <v>20071</v>
      </c>
      <c r="F32631" t="s">
        <v>20072</v>
      </c>
      <c r="G32631" t="s">
        <v>10734</v>
      </c>
      <c r="H32631" t="s">
        <v>10735</v>
      </c>
      <c r="I32631" s="2">
        <v>0</v>
      </c>
      <c r="J32631" s="2">
        <v>0</v>
      </c>
      <c r="K32631" s="2">
        <v>1</v>
      </c>
      <c r="L32631" t="s">
        <v>995</v>
      </c>
      <c r="M32631" t="s">
        <v>87</v>
      </c>
      <c r="N32631" t="s">
        <v>88</v>
      </c>
      <c r="O32631" t="s">
        <v>85</v>
      </c>
      <c r="P32631" t="s">
        <v>86</v>
      </c>
      <c r="Q32631">
        <v>67</v>
      </c>
      <c r="R32631">
        <v>67</v>
      </c>
      <c r="S32631">
        <v>67</v>
      </c>
      <c r="T32631">
        <v>67</v>
      </c>
      <c r="U32631">
        <v>67</v>
      </c>
      <c r="V32631">
        <v>67</v>
      </c>
      <c r="W32631">
        <v>67</v>
      </c>
      <c r="X32631">
        <v>68</v>
      </c>
      <c r="Y32631">
        <v>68</v>
      </c>
      <c r="Z32631">
        <v>68</v>
      </c>
      <c r="AA32631">
        <v>68</v>
      </c>
      <c r="AB32631">
        <v>68</v>
      </c>
      <c r="AC32631">
        <v>68</v>
      </c>
      <c r="AD32631">
        <v>68</v>
      </c>
      <c r="AE32631">
        <v>68</v>
      </c>
      <c r="AF32631">
        <v>68</v>
      </c>
      <c r="AG32631">
        <v>68</v>
      </c>
      <c r="AH32631">
        <v>68</v>
      </c>
      <c r="AI32631">
        <v>68</v>
      </c>
      <c r="AJ32631">
        <v>68</v>
      </c>
      <c r="AK32631">
        <v>69</v>
      </c>
      <c r="AL32631">
        <v>69</v>
      </c>
      <c r="AM32631">
        <v>69</v>
      </c>
      <c r="AN32631">
        <v>69</v>
      </c>
      <c r="AO32631">
        <v>69</v>
      </c>
      <c r="AP32631">
        <v>69</v>
      </c>
      <c r="AQ32631">
        <v>69</v>
      </c>
    </row>
    <row r="32632" spans="1:43">
      <c r="A32632" t="s">
        <v>20207</v>
      </c>
      <c r="B32632" t="s">
        <v>20208</v>
      </c>
      <c r="C32632" t="s">
        <v>20201</v>
      </c>
      <c r="D32632" t="s">
        <v>20202</v>
      </c>
      <c r="E32632" t="s">
        <v>20071</v>
      </c>
      <c r="F32632" t="s">
        <v>20072</v>
      </c>
      <c r="G32632" t="s">
        <v>10734</v>
      </c>
      <c r="H32632" t="s">
        <v>10735</v>
      </c>
      <c r="I32632" s="2">
        <v>0</v>
      </c>
      <c r="J32632" s="2">
        <v>0</v>
      </c>
      <c r="K32632" s="2">
        <v>1</v>
      </c>
      <c r="L32632" t="s">
        <v>995</v>
      </c>
      <c r="M32632" t="s">
        <v>89</v>
      </c>
      <c r="N32632" t="s">
        <v>90</v>
      </c>
      <c r="O32632" t="s">
        <v>85</v>
      </c>
      <c r="P32632" t="s">
        <v>86</v>
      </c>
      <c r="Q32632">
        <v>67</v>
      </c>
      <c r="R32632">
        <v>68</v>
      </c>
      <c r="S32632">
        <v>70</v>
      </c>
      <c r="T32632">
        <v>71</v>
      </c>
      <c r="U32632">
        <v>72</v>
      </c>
      <c r="V32632">
        <v>73</v>
      </c>
      <c r="W32632">
        <v>74</v>
      </c>
      <c r="X32632">
        <v>76</v>
      </c>
      <c r="Y32632">
        <v>76</v>
      </c>
      <c r="Z32632">
        <v>77</v>
      </c>
      <c r="AA32632">
        <v>78</v>
      </c>
      <c r="AB32632">
        <v>79</v>
      </c>
      <c r="AC32632">
        <v>80</v>
      </c>
      <c r="AD32632">
        <v>81</v>
      </c>
      <c r="AE32632">
        <v>81</v>
      </c>
      <c r="AF32632">
        <v>81</v>
      </c>
      <c r="AG32632">
        <v>81</v>
      </c>
      <c r="AH32632">
        <v>81</v>
      </c>
      <c r="AI32632">
        <v>81</v>
      </c>
      <c r="AJ32632">
        <v>81</v>
      </c>
      <c r="AK32632">
        <v>80</v>
      </c>
      <c r="AL32632">
        <v>80</v>
      </c>
      <c r="AM32632">
        <v>80</v>
      </c>
      <c r="AN32632">
        <v>80</v>
      </c>
      <c r="AO32632">
        <v>80</v>
      </c>
      <c r="AP32632">
        <v>79</v>
      </c>
      <c r="AQ32632">
        <v>79</v>
      </c>
    </row>
    <row r="32633" spans="1:43">
      <c r="A32633" t="s">
        <v>20207</v>
      </c>
      <c r="B32633" t="s">
        <v>20208</v>
      </c>
      <c r="C32633" t="s">
        <v>20201</v>
      </c>
      <c r="D32633" t="s">
        <v>20202</v>
      </c>
      <c r="E32633" t="s">
        <v>20071</v>
      </c>
      <c r="F32633" t="s">
        <v>20072</v>
      </c>
      <c r="G32633" t="s">
        <v>10734</v>
      </c>
      <c r="H32633" t="s">
        <v>10735</v>
      </c>
      <c r="I32633" s="2">
        <v>0</v>
      </c>
      <c r="J32633" s="2">
        <v>0</v>
      </c>
      <c r="K32633" s="2">
        <v>1</v>
      </c>
      <c r="L32633" t="s">
        <v>995</v>
      </c>
      <c r="M32633" t="s">
        <v>83</v>
      </c>
      <c r="N32633" t="s">
        <v>91</v>
      </c>
      <c r="O32633" t="s">
        <v>85</v>
      </c>
      <c r="P32633" t="s">
        <v>86</v>
      </c>
      <c r="Q32633">
        <v>67</v>
      </c>
      <c r="R32633">
        <v>68</v>
      </c>
      <c r="S32633">
        <v>69</v>
      </c>
      <c r="T32633">
        <v>70</v>
      </c>
      <c r="U32633">
        <v>70</v>
      </c>
      <c r="V32633">
        <v>71</v>
      </c>
      <c r="W32633">
        <v>72</v>
      </c>
      <c r="X32633">
        <v>72</v>
      </c>
      <c r="Y32633">
        <v>73</v>
      </c>
      <c r="Z32633">
        <v>74</v>
      </c>
      <c r="AA32633">
        <v>75</v>
      </c>
      <c r="AB32633">
        <v>75</v>
      </c>
      <c r="AC32633">
        <v>76</v>
      </c>
      <c r="AD32633">
        <v>76</v>
      </c>
      <c r="AE32633">
        <v>77</v>
      </c>
      <c r="AF32633">
        <v>78</v>
      </c>
      <c r="AG32633">
        <v>78</v>
      </c>
      <c r="AH32633">
        <v>79</v>
      </c>
      <c r="AI32633">
        <v>79</v>
      </c>
      <c r="AJ32633">
        <v>80</v>
      </c>
      <c r="AK32633">
        <v>80</v>
      </c>
      <c r="AL32633">
        <v>80</v>
      </c>
      <c r="AM32633">
        <v>80</v>
      </c>
      <c r="AN32633">
        <v>80</v>
      </c>
      <c r="AO32633">
        <v>80</v>
      </c>
      <c r="AP32633">
        <v>79</v>
      </c>
      <c r="AQ32633">
        <v>79</v>
      </c>
    </row>
    <row r="32634" spans="1:43">
      <c r="A32634" t="s">
        <v>20209</v>
      </c>
      <c r="B32634" t="s">
        <v>20210</v>
      </c>
      <c r="C32634" t="s">
        <v>20193</v>
      </c>
      <c r="D32634" t="s">
        <v>20194</v>
      </c>
      <c r="E32634" t="s">
        <v>20071</v>
      </c>
      <c r="F32634" t="s">
        <v>20072</v>
      </c>
      <c r="G32634" t="s">
        <v>10734</v>
      </c>
      <c r="H32634" t="s">
        <v>10735</v>
      </c>
      <c r="I32634" s="2">
        <v>0</v>
      </c>
      <c r="J32634" s="2">
        <v>0</v>
      </c>
      <c r="K32634" s="2">
        <v>1</v>
      </c>
      <c r="L32634" t="s">
        <v>995</v>
      </c>
      <c r="M32634" t="s">
        <v>83</v>
      </c>
      <c r="N32634" t="s">
        <v>84</v>
      </c>
      <c r="O32634" t="s">
        <v>85</v>
      </c>
      <c r="P32634" t="s">
        <v>86</v>
      </c>
      <c r="Q32634">
        <v>47</v>
      </c>
      <c r="R32634">
        <v>48</v>
      </c>
      <c r="S32634">
        <v>49</v>
      </c>
      <c r="T32634">
        <v>49</v>
      </c>
      <c r="U32634">
        <v>50</v>
      </c>
      <c r="V32634">
        <v>50</v>
      </c>
      <c r="W32634">
        <v>51</v>
      </c>
      <c r="X32634">
        <v>51</v>
      </c>
      <c r="Y32634">
        <v>52</v>
      </c>
      <c r="Z32634">
        <v>52</v>
      </c>
      <c r="AA32634">
        <v>53</v>
      </c>
      <c r="AB32634">
        <v>53</v>
      </c>
      <c r="AC32634">
        <v>53</v>
      </c>
      <c r="AD32634">
        <v>54</v>
      </c>
      <c r="AE32634">
        <v>54</v>
      </c>
      <c r="AF32634">
        <v>55</v>
      </c>
      <c r="AG32634">
        <v>55</v>
      </c>
      <c r="AH32634">
        <v>55</v>
      </c>
      <c r="AI32634">
        <v>56</v>
      </c>
      <c r="AJ32634">
        <v>56</v>
      </c>
      <c r="AK32634">
        <v>56</v>
      </c>
      <c r="AL32634">
        <v>56</v>
      </c>
      <c r="AM32634">
        <v>56</v>
      </c>
      <c r="AN32634">
        <v>56</v>
      </c>
      <c r="AO32634">
        <v>56</v>
      </c>
      <c r="AP32634">
        <v>56</v>
      </c>
      <c r="AQ32634">
        <v>56</v>
      </c>
    </row>
    <row r="32635" spans="1:43">
      <c r="A32635" t="s">
        <v>20209</v>
      </c>
      <c r="B32635" t="s">
        <v>20210</v>
      </c>
      <c r="C32635" t="s">
        <v>20193</v>
      </c>
      <c r="D32635" t="s">
        <v>20194</v>
      </c>
      <c r="E32635" t="s">
        <v>20071</v>
      </c>
      <c r="F32635" t="s">
        <v>20072</v>
      </c>
      <c r="G32635" t="s">
        <v>10734</v>
      </c>
      <c r="H32635" t="s">
        <v>10735</v>
      </c>
      <c r="I32635" s="2">
        <v>0</v>
      </c>
      <c r="J32635" s="2">
        <v>0</v>
      </c>
      <c r="K32635" s="2">
        <v>1</v>
      </c>
      <c r="L32635" t="s">
        <v>995</v>
      </c>
      <c r="M32635" t="s">
        <v>87</v>
      </c>
      <c r="N32635" t="s">
        <v>88</v>
      </c>
      <c r="O32635" t="s">
        <v>85</v>
      </c>
      <c r="P32635" t="s">
        <v>86</v>
      </c>
      <c r="Q32635">
        <v>47</v>
      </c>
      <c r="R32635">
        <v>47</v>
      </c>
      <c r="S32635">
        <v>47</v>
      </c>
      <c r="T32635">
        <v>47</v>
      </c>
      <c r="U32635">
        <v>47</v>
      </c>
      <c r="V32635">
        <v>48</v>
      </c>
      <c r="W32635">
        <v>48</v>
      </c>
      <c r="X32635">
        <v>48</v>
      </c>
      <c r="Y32635">
        <v>48</v>
      </c>
      <c r="Z32635">
        <v>48</v>
      </c>
      <c r="AA32635">
        <v>48</v>
      </c>
      <c r="AB32635">
        <v>48</v>
      </c>
      <c r="AC32635">
        <v>48</v>
      </c>
      <c r="AD32635">
        <v>48</v>
      </c>
      <c r="AE32635">
        <v>48</v>
      </c>
      <c r="AF32635">
        <v>48</v>
      </c>
      <c r="AG32635">
        <v>48</v>
      </c>
      <c r="AH32635">
        <v>48</v>
      </c>
      <c r="AI32635">
        <v>48</v>
      </c>
      <c r="AJ32635">
        <v>48</v>
      </c>
      <c r="AK32635">
        <v>48</v>
      </c>
      <c r="AL32635">
        <v>48</v>
      </c>
      <c r="AM32635">
        <v>48</v>
      </c>
      <c r="AN32635">
        <v>48</v>
      </c>
      <c r="AO32635">
        <v>49</v>
      </c>
      <c r="AP32635">
        <v>49</v>
      </c>
      <c r="AQ32635">
        <v>49</v>
      </c>
    </row>
    <row r="32636" spans="1:43">
      <c r="A32636" t="s">
        <v>20209</v>
      </c>
      <c r="B32636" t="s">
        <v>20210</v>
      </c>
      <c r="C32636" t="s">
        <v>20193</v>
      </c>
      <c r="D32636" t="s">
        <v>20194</v>
      </c>
      <c r="E32636" t="s">
        <v>20071</v>
      </c>
      <c r="F32636" t="s">
        <v>20072</v>
      </c>
      <c r="G32636" t="s">
        <v>10734</v>
      </c>
      <c r="H32636" t="s">
        <v>10735</v>
      </c>
      <c r="I32636" s="2">
        <v>0</v>
      </c>
      <c r="J32636" s="2">
        <v>0</v>
      </c>
      <c r="K32636" s="2">
        <v>1</v>
      </c>
      <c r="L32636" t="s">
        <v>995</v>
      </c>
      <c r="M32636" t="s">
        <v>89</v>
      </c>
      <c r="N32636" t="s">
        <v>90</v>
      </c>
      <c r="O32636" t="s">
        <v>85</v>
      </c>
      <c r="P32636" t="s">
        <v>86</v>
      </c>
      <c r="Q32636">
        <v>47</v>
      </c>
      <c r="R32636">
        <v>48</v>
      </c>
      <c r="S32636">
        <v>49</v>
      </c>
      <c r="T32636">
        <v>50</v>
      </c>
      <c r="U32636">
        <v>51</v>
      </c>
      <c r="V32636">
        <v>51</v>
      </c>
      <c r="W32636">
        <v>52</v>
      </c>
      <c r="X32636">
        <v>53</v>
      </c>
      <c r="Y32636">
        <v>54</v>
      </c>
      <c r="Z32636">
        <v>54</v>
      </c>
      <c r="AA32636">
        <v>55</v>
      </c>
      <c r="AB32636">
        <v>55</v>
      </c>
      <c r="AC32636">
        <v>56</v>
      </c>
      <c r="AD32636">
        <v>57</v>
      </c>
      <c r="AE32636">
        <v>57</v>
      </c>
      <c r="AF32636">
        <v>57</v>
      </c>
      <c r="AG32636">
        <v>57</v>
      </c>
      <c r="AH32636">
        <v>57</v>
      </c>
      <c r="AI32636">
        <v>56</v>
      </c>
      <c r="AJ32636">
        <v>56</v>
      </c>
      <c r="AK32636">
        <v>56</v>
      </c>
      <c r="AL32636">
        <v>56</v>
      </c>
      <c r="AM32636">
        <v>56</v>
      </c>
      <c r="AN32636">
        <v>55</v>
      </c>
      <c r="AO32636">
        <v>55</v>
      </c>
      <c r="AP32636">
        <v>55</v>
      </c>
      <c r="AQ32636">
        <v>55</v>
      </c>
    </row>
    <row r="32637" spans="1:43">
      <c r="A32637" t="s">
        <v>20209</v>
      </c>
      <c r="B32637" t="s">
        <v>20210</v>
      </c>
      <c r="C32637" t="s">
        <v>20193</v>
      </c>
      <c r="D32637" t="s">
        <v>20194</v>
      </c>
      <c r="E32637" t="s">
        <v>20071</v>
      </c>
      <c r="F32637" t="s">
        <v>20072</v>
      </c>
      <c r="G32637" t="s">
        <v>10734</v>
      </c>
      <c r="H32637" t="s">
        <v>10735</v>
      </c>
      <c r="I32637" s="2">
        <v>0</v>
      </c>
      <c r="J32637" s="2">
        <v>0</v>
      </c>
      <c r="K32637" s="2">
        <v>1</v>
      </c>
      <c r="L32637" t="s">
        <v>995</v>
      </c>
      <c r="M32637" t="s">
        <v>83</v>
      </c>
      <c r="N32637" t="s">
        <v>91</v>
      </c>
      <c r="O32637" t="s">
        <v>85</v>
      </c>
      <c r="P32637" t="s">
        <v>86</v>
      </c>
      <c r="Q32637">
        <v>47</v>
      </c>
      <c r="R32637">
        <v>48</v>
      </c>
      <c r="S32637">
        <v>49</v>
      </c>
      <c r="T32637">
        <v>49</v>
      </c>
      <c r="U32637">
        <v>50</v>
      </c>
      <c r="V32637">
        <v>50</v>
      </c>
      <c r="W32637">
        <v>51</v>
      </c>
      <c r="X32637">
        <v>51</v>
      </c>
      <c r="Y32637">
        <v>52</v>
      </c>
      <c r="Z32637">
        <v>52</v>
      </c>
      <c r="AA32637">
        <v>53</v>
      </c>
      <c r="AB32637">
        <v>53</v>
      </c>
      <c r="AC32637">
        <v>53</v>
      </c>
      <c r="AD32637">
        <v>54</v>
      </c>
      <c r="AE32637">
        <v>54</v>
      </c>
      <c r="AF32637">
        <v>55</v>
      </c>
      <c r="AG32637">
        <v>55</v>
      </c>
      <c r="AH32637">
        <v>55</v>
      </c>
      <c r="AI32637">
        <v>56</v>
      </c>
      <c r="AJ32637">
        <v>56</v>
      </c>
      <c r="AK32637">
        <v>56</v>
      </c>
      <c r="AL32637">
        <v>56</v>
      </c>
      <c r="AM32637">
        <v>56</v>
      </c>
      <c r="AN32637">
        <v>56</v>
      </c>
      <c r="AO32637">
        <v>56</v>
      </c>
      <c r="AP32637">
        <v>56</v>
      </c>
      <c r="AQ32637">
        <v>56</v>
      </c>
    </row>
    <row r="32638" spans="1:43">
      <c r="A32638" t="s">
        <v>20211</v>
      </c>
      <c r="B32638" t="s">
        <v>20212</v>
      </c>
      <c r="C32638" t="s">
        <v>20189</v>
      </c>
      <c r="D32638" t="s">
        <v>20190</v>
      </c>
      <c r="E32638" t="s">
        <v>20071</v>
      </c>
      <c r="F32638" t="s">
        <v>20072</v>
      </c>
      <c r="G32638" t="s">
        <v>10734</v>
      </c>
      <c r="H32638" t="s">
        <v>10735</v>
      </c>
      <c r="I32638" s="2">
        <v>0</v>
      </c>
      <c r="J32638" s="2">
        <v>0</v>
      </c>
      <c r="K32638" s="2">
        <v>1</v>
      </c>
      <c r="L32638" t="s">
        <v>995</v>
      </c>
      <c r="M32638" t="s">
        <v>83</v>
      </c>
      <c r="N32638" t="s">
        <v>84</v>
      </c>
      <c r="O32638" t="s">
        <v>85</v>
      </c>
      <c r="P32638" t="s">
        <v>86</v>
      </c>
      <c r="Q32638">
        <v>16</v>
      </c>
      <c r="R32638">
        <v>16</v>
      </c>
      <c r="S32638">
        <v>16</v>
      </c>
      <c r="T32638">
        <v>16</v>
      </c>
      <c r="U32638">
        <v>16</v>
      </c>
      <c r="V32638">
        <v>17</v>
      </c>
      <c r="W32638">
        <v>17</v>
      </c>
      <c r="X32638">
        <v>17</v>
      </c>
      <c r="Y32638">
        <v>17</v>
      </c>
      <c r="Z32638">
        <v>17</v>
      </c>
      <c r="AA32638">
        <v>17</v>
      </c>
      <c r="AB32638">
        <v>17</v>
      </c>
      <c r="AC32638">
        <v>18</v>
      </c>
      <c r="AD32638">
        <v>18</v>
      </c>
      <c r="AE32638">
        <v>18</v>
      </c>
      <c r="AF32638">
        <v>18</v>
      </c>
      <c r="AG32638">
        <v>18</v>
      </c>
      <c r="AH32638">
        <v>18</v>
      </c>
      <c r="AI32638">
        <v>18</v>
      </c>
      <c r="AJ32638">
        <v>18</v>
      </c>
      <c r="AK32638">
        <v>19</v>
      </c>
      <c r="AL32638">
        <v>19</v>
      </c>
      <c r="AM32638">
        <v>19</v>
      </c>
      <c r="AN32638">
        <v>18</v>
      </c>
      <c r="AO32638">
        <v>18</v>
      </c>
      <c r="AP32638">
        <v>18</v>
      </c>
      <c r="AQ32638">
        <v>18</v>
      </c>
    </row>
    <row r="32639" spans="1:43">
      <c r="A32639" t="s">
        <v>20211</v>
      </c>
      <c r="B32639" t="s">
        <v>20212</v>
      </c>
      <c r="C32639" t="s">
        <v>20189</v>
      </c>
      <c r="D32639" t="s">
        <v>20190</v>
      </c>
      <c r="E32639" t="s">
        <v>20071</v>
      </c>
      <c r="F32639" t="s">
        <v>20072</v>
      </c>
      <c r="G32639" t="s">
        <v>10734</v>
      </c>
      <c r="H32639" t="s">
        <v>10735</v>
      </c>
      <c r="I32639" s="2">
        <v>0</v>
      </c>
      <c r="J32639" s="2">
        <v>0</v>
      </c>
      <c r="K32639" s="2">
        <v>1</v>
      </c>
      <c r="L32639" t="s">
        <v>995</v>
      </c>
      <c r="M32639" t="s">
        <v>87</v>
      </c>
      <c r="N32639" t="s">
        <v>88</v>
      </c>
      <c r="O32639" t="s">
        <v>85</v>
      </c>
      <c r="P32639" t="s">
        <v>86</v>
      </c>
      <c r="Q32639">
        <v>16</v>
      </c>
      <c r="R32639">
        <v>17</v>
      </c>
      <c r="S32639">
        <v>17</v>
      </c>
      <c r="T32639">
        <v>17</v>
      </c>
      <c r="U32639">
        <v>17</v>
      </c>
      <c r="V32639">
        <v>17</v>
      </c>
      <c r="W32639">
        <v>17</v>
      </c>
      <c r="X32639">
        <v>17</v>
      </c>
      <c r="Y32639">
        <v>17</v>
      </c>
      <c r="Z32639">
        <v>17</v>
      </c>
      <c r="AA32639">
        <v>17</v>
      </c>
      <c r="AB32639">
        <v>17</v>
      </c>
      <c r="AC32639">
        <v>17</v>
      </c>
      <c r="AD32639">
        <v>17</v>
      </c>
      <c r="AE32639">
        <v>17</v>
      </c>
      <c r="AF32639">
        <v>17</v>
      </c>
      <c r="AG32639">
        <v>17</v>
      </c>
      <c r="AH32639">
        <v>17</v>
      </c>
      <c r="AI32639">
        <v>17</v>
      </c>
      <c r="AJ32639">
        <v>17</v>
      </c>
      <c r="AK32639">
        <v>17</v>
      </c>
      <c r="AL32639">
        <v>17</v>
      </c>
      <c r="AM32639">
        <v>17</v>
      </c>
      <c r="AN32639">
        <v>17</v>
      </c>
      <c r="AO32639">
        <v>17</v>
      </c>
      <c r="AP32639">
        <v>17</v>
      </c>
      <c r="AQ32639">
        <v>17</v>
      </c>
    </row>
    <row r="32640" spans="1:43">
      <c r="A32640" t="s">
        <v>20211</v>
      </c>
      <c r="B32640" t="s">
        <v>20212</v>
      </c>
      <c r="C32640" t="s">
        <v>20189</v>
      </c>
      <c r="D32640" t="s">
        <v>20190</v>
      </c>
      <c r="E32640" t="s">
        <v>20071</v>
      </c>
      <c r="F32640" t="s">
        <v>20072</v>
      </c>
      <c r="G32640" t="s">
        <v>10734</v>
      </c>
      <c r="H32640" t="s">
        <v>10735</v>
      </c>
      <c r="I32640" s="2">
        <v>0</v>
      </c>
      <c r="J32640" s="2">
        <v>0</v>
      </c>
      <c r="K32640" s="2">
        <v>1</v>
      </c>
      <c r="L32640" t="s">
        <v>995</v>
      </c>
      <c r="M32640" t="s">
        <v>89</v>
      </c>
      <c r="N32640" t="s">
        <v>90</v>
      </c>
      <c r="O32640" t="s">
        <v>85</v>
      </c>
      <c r="P32640" t="s">
        <v>86</v>
      </c>
      <c r="Q32640">
        <v>16</v>
      </c>
      <c r="R32640">
        <v>16</v>
      </c>
      <c r="S32640">
        <v>16</v>
      </c>
      <c r="T32640">
        <v>17</v>
      </c>
      <c r="U32640">
        <v>17</v>
      </c>
      <c r="V32640">
        <v>17</v>
      </c>
      <c r="W32640">
        <v>18</v>
      </c>
      <c r="X32640">
        <v>18</v>
      </c>
      <c r="Y32640">
        <v>18</v>
      </c>
      <c r="Z32640">
        <v>18</v>
      </c>
      <c r="AA32640">
        <v>18</v>
      </c>
      <c r="AB32640">
        <v>19</v>
      </c>
      <c r="AC32640">
        <v>19</v>
      </c>
      <c r="AD32640">
        <v>19</v>
      </c>
      <c r="AE32640">
        <v>19</v>
      </c>
      <c r="AF32640">
        <v>19</v>
      </c>
      <c r="AG32640">
        <v>19</v>
      </c>
      <c r="AH32640">
        <v>19</v>
      </c>
      <c r="AI32640">
        <v>19</v>
      </c>
      <c r="AJ32640">
        <v>19</v>
      </c>
      <c r="AK32640">
        <v>19</v>
      </c>
      <c r="AL32640">
        <v>19</v>
      </c>
      <c r="AM32640">
        <v>19</v>
      </c>
      <c r="AN32640">
        <v>19</v>
      </c>
      <c r="AO32640">
        <v>19</v>
      </c>
      <c r="AP32640">
        <v>18</v>
      </c>
      <c r="AQ32640">
        <v>18</v>
      </c>
    </row>
    <row r="32641" spans="1:43">
      <c r="A32641" t="s">
        <v>20211</v>
      </c>
      <c r="B32641" t="s">
        <v>20212</v>
      </c>
      <c r="C32641" t="s">
        <v>20189</v>
      </c>
      <c r="D32641" t="s">
        <v>20190</v>
      </c>
      <c r="E32641" t="s">
        <v>20071</v>
      </c>
      <c r="F32641" t="s">
        <v>20072</v>
      </c>
      <c r="G32641" t="s">
        <v>10734</v>
      </c>
      <c r="H32641" t="s">
        <v>10735</v>
      </c>
      <c r="I32641" s="2">
        <v>0</v>
      </c>
      <c r="J32641" s="2">
        <v>0</v>
      </c>
      <c r="K32641" s="2">
        <v>1</v>
      </c>
      <c r="L32641" t="s">
        <v>995</v>
      </c>
      <c r="M32641" t="s">
        <v>83</v>
      </c>
      <c r="N32641" t="s">
        <v>91</v>
      </c>
      <c r="O32641" t="s">
        <v>85</v>
      </c>
      <c r="P32641" t="s">
        <v>86</v>
      </c>
      <c r="Q32641">
        <v>16</v>
      </c>
      <c r="R32641">
        <v>16</v>
      </c>
      <c r="S32641">
        <v>16</v>
      </c>
      <c r="T32641">
        <v>16</v>
      </c>
      <c r="U32641">
        <v>16</v>
      </c>
      <c r="V32641">
        <v>17</v>
      </c>
      <c r="W32641">
        <v>17</v>
      </c>
      <c r="X32641">
        <v>17</v>
      </c>
      <c r="Y32641">
        <v>17</v>
      </c>
      <c r="Z32641">
        <v>17</v>
      </c>
      <c r="AA32641">
        <v>17</v>
      </c>
      <c r="AB32641">
        <v>17</v>
      </c>
      <c r="AC32641">
        <v>18</v>
      </c>
      <c r="AD32641">
        <v>18</v>
      </c>
      <c r="AE32641">
        <v>18</v>
      </c>
      <c r="AF32641">
        <v>18</v>
      </c>
      <c r="AG32641">
        <v>18</v>
      </c>
      <c r="AH32641">
        <v>18</v>
      </c>
      <c r="AI32641">
        <v>18</v>
      </c>
      <c r="AJ32641">
        <v>18</v>
      </c>
      <c r="AK32641">
        <v>19</v>
      </c>
      <c r="AL32641">
        <v>19</v>
      </c>
      <c r="AM32641">
        <v>19</v>
      </c>
      <c r="AN32641">
        <v>18</v>
      </c>
      <c r="AO32641">
        <v>18</v>
      </c>
      <c r="AP32641">
        <v>18</v>
      </c>
      <c r="AQ32641">
        <v>18</v>
      </c>
    </row>
    <row r="32642" spans="1:43">
      <c r="A32642" t="s">
        <v>20213</v>
      </c>
      <c r="B32642" t="s">
        <v>20214</v>
      </c>
      <c r="C32642" t="s">
        <v>20193</v>
      </c>
      <c r="D32642" t="s">
        <v>20194</v>
      </c>
      <c r="E32642" t="s">
        <v>20071</v>
      </c>
      <c r="F32642" t="s">
        <v>20072</v>
      </c>
      <c r="G32642" t="s">
        <v>10734</v>
      </c>
      <c r="H32642" t="s">
        <v>10735</v>
      </c>
      <c r="I32642" s="2">
        <v>0</v>
      </c>
      <c r="J32642" s="2">
        <v>0</v>
      </c>
      <c r="K32642" s="2">
        <v>1</v>
      </c>
      <c r="L32642" t="s">
        <v>995</v>
      </c>
      <c r="M32642" t="s">
        <v>83</v>
      </c>
      <c r="N32642" t="s">
        <v>84</v>
      </c>
      <c r="O32642" t="s">
        <v>85</v>
      </c>
      <c r="P32642" t="s">
        <v>86</v>
      </c>
      <c r="Q32642">
        <v>6</v>
      </c>
      <c r="R32642">
        <v>6</v>
      </c>
      <c r="S32642">
        <v>6</v>
      </c>
      <c r="T32642">
        <v>6</v>
      </c>
      <c r="U32642">
        <v>6</v>
      </c>
      <c r="V32642">
        <v>6</v>
      </c>
      <c r="W32642">
        <v>6</v>
      </c>
      <c r="X32642">
        <v>6</v>
      </c>
      <c r="Y32642">
        <v>6</v>
      </c>
      <c r="Z32642">
        <v>6</v>
      </c>
      <c r="AA32642">
        <v>6</v>
      </c>
      <c r="AB32642">
        <v>7</v>
      </c>
      <c r="AC32642">
        <v>7</v>
      </c>
      <c r="AD32642">
        <v>7</v>
      </c>
      <c r="AE32642">
        <v>7</v>
      </c>
      <c r="AF32642">
        <v>7</v>
      </c>
      <c r="AG32642">
        <v>7</v>
      </c>
      <c r="AH32642">
        <v>7</v>
      </c>
      <c r="AI32642">
        <v>7</v>
      </c>
      <c r="AJ32642">
        <v>7</v>
      </c>
      <c r="AK32642">
        <v>7</v>
      </c>
      <c r="AL32642">
        <v>7</v>
      </c>
      <c r="AM32642">
        <v>7</v>
      </c>
      <c r="AN32642">
        <v>7</v>
      </c>
      <c r="AO32642">
        <v>7</v>
      </c>
      <c r="AP32642">
        <v>7</v>
      </c>
      <c r="AQ32642">
        <v>7</v>
      </c>
    </row>
    <row r="32643" spans="1:43">
      <c r="A32643" t="s">
        <v>20213</v>
      </c>
      <c r="B32643" t="s">
        <v>20214</v>
      </c>
      <c r="C32643" t="s">
        <v>20193</v>
      </c>
      <c r="D32643" t="s">
        <v>20194</v>
      </c>
      <c r="E32643" t="s">
        <v>20071</v>
      </c>
      <c r="F32643" t="s">
        <v>20072</v>
      </c>
      <c r="G32643" t="s">
        <v>10734</v>
      </c>
      <c r="H32643" t="s">
        <v>10735</v>
      </c>
      <c r="I32643" s="2">
        <v>0</v>
      </c>
      <c r="J32643" s="2">
        <v>0</v>
      </c>
      <c r="K32643" s="2">
        <v>1</v>
      </c>
      <c r="L32643" t="s">
        <v>995</v>
      </c>
      <c r="M32643" t="s">
        <v>87</v>
      </c>
      <c r="N32643" t="s">
        <v>88</v>
      </c>
      <c r="O32643" t="s">
        <v>85</v>
      </c>
      <c r="P32643" t="s">
        <v>86</v>
      </c>
      <c r="Q32643">
        <v>6</v>
      </c>
      <c r="R32643">
        <v>6</v>
      </c>
      <c r="S32643">
        <v>6</v>
      </c>
      <c r="T32643">
        <v>6</v>
      </c>
      <c r="U32643">
        <v>6</v>
      </c>
      <c r="V32643">
        <v>6</v>
      </c>
      <c r="W32643">
        <v>6</v>
      </c>
      <c r="X32643">
        <v>6</v>
      </c>
      <c r="Y32643">
        <v>6</v>
      </c>
      <c r="Z32643">
        <v>6</v>
      </c>
      <c r="AA32643">
        <v>6</v>
      </c>
      <c r="AB32643">
        <v>6</v>
      </c>
      <c r="AC32643">
        <v>6</v>
      </c>
      <c r="AD32643">
        <v>6</v>
      </c>
      <c r="AE32643">
        <v>6</v>
      </c>
      <c r="AF32643">
        <v>6</v>
      </c>
      <c r="AG32643">
        <v>6</v>
      </c>
      <c r="AH32643">
        <v>6</v>
      </c>
      <c r="AI32643">
        <v>6</v>
      </c>
      <c r="AJ32643">
        <v>6</v>
      </c>
      <c r="AK32643">
        <v>6</v>
      </c>
      <c r="AL32643">
        <v>6</v>
      </c>
      <c r="AM32643">
        <v>6</v>
      </c>
      <c r="AN32643">
        <v>6</v>
      </c>
      <c r="AO32643">
        <v>6</v>
      </c>
      <c r="AP32643">
        <v>6</v>
      </c>
      <c r="AQ32643">
        <v>6</v>
      </c>
    </row>
    <row r="32644" spans="1:43">
      <c r="A32644" t="s">
        <v>20213</v>
      </c>
      <c r="B32644" t="s">
        <v>20214</v>
      </c>
      <c r="C32644" t="s">
        <v>20193</v>
      </c>
      <c r="D32644" t="s">
        <v>20194</v>
      </c>
      <c r="E32644" t="s">
        <v>20071</v>
      </c>
      <c r="F32644" t="s">
        <v>20072</v>
      </c>
      <c r="G32644" t="s">
        <v>10734</v>
      </c>
      <c r="H32644" t="s">
        <v>10735</v>
      </c>
      <c r="I32644" s="2">
        <v>0</v>
      </c>
      <c r="J32644" s="2">
        <v>0</v>
      </c>
      <c r="K32644" s="2">
        <v>1</v>
      </c>
      <c r="L32644" t="s">
        <v>995</v>
      </c>
      <c r="M32644" t="s">
        <v>89</v>
      </c>
      <c r="N32644" t="s">
        <v>90</v>
      </c>
      <c r="O32644" t="s">
        <v>85</v>
      </c>
      <c r="P32644" t="s">
        <v>86</v>
      </c>
      <c r="Q32644">
        <v>6</v>
      </c>
      <c r="R32644">
        <v>6</v>
      </c>
      <c r="S32644">
        <v>6</v>
      </c>
      <c r="T32644">
        <v>6</v>
      </c>
      <c r="U32644">
        <v>6</v>
      </c>
      <c r="V32644">
        <v>6</v>
      </c>
      <c r="W32644">
        <v>7</v>
      </c>
      <c r="X32644">
        <v>7</v>
      </c>
      <c r="Y32644">
        <v>7</v>
      </c>
      <c r="Z32644">
        <v>7</v>
      </c>
      <c r="AA32644">
        <v>7</v>
      </c>
      <c r="AB32644">
        <v>7</v>
      </c>
      <c r="AC32644">
        <v>7</v>
      </c>
      <c r="AD32644">
        <v>7</v>
      </c>
      <c r="AE32644">
        <v>7</v>
      </c>
      <c r="AF32644">
        <v>7</v>
      </c>
      <c r="AG32644">
        <v>7</v>
      </c>
      <c r="AH32644">
        <v>7</v>
      </c>
      <c r="AI32644">
        <v>7</v>
      </c>
      <c r="AJ32644">
        <v>7</v>
      </c>
      <c r="AK32644">
        <v>7</v>
      </c>
      <c r="AL32644">
        <v>7</v>
      </c>
      <c r="AM32644">
        <v>7</v>
      </c>
      <c r="AN32644">
        <v>7</v>
      </c>
      <c r="AO32644">
        <v>7</v>
      </c>
      <c r="AP32644">
        <v>7</v>
      </c>
      <c r="AQ32644">
        <v>7</v>
      </c>
    </row>
    <row r="32645" spans="1:43">
      <c r="A32645" t="s">
        <v>20213</v>
      </c>
      <c r="B32645" t="s">
        <v>20214</v>
      </c>
      <c r="C32645" t="s">
        <v>20193</v>
      </c>
      <c r="D32645" t="s">
        <v>20194</v>
      </c>
      <c r="E32645" t="s">
        <v>20071</v>
      </c>
      <c r="F32645" t="s">
        <v>20072</v>
      </c>
      <c r="G32645" t="s">
        <v>10734</v>
      </c>
      <c r="H32645" t="s">
        <v>10735</v>
      </c>
      <c r="I32645" s="2">
        <v>0</v>
      </c>
      <c r="J32645" s="2">
        <v>0</v>
      </c>
      <c r="K32645" s="2">
        <v>1</v>
      </c>
      <c r="L32645" t="s">
        <v>995</v>
      </c>
      <c r="M32645" t="s">
        <v>83</v>
      </c>
      <c r="N32645" t="s">
        <v>91</v>
      </c>
      <c r="O32645" t="s">
        <v>85</v>
      </c>
      <c r="P32645" t="s">
        <v>86</v>
      </c>
      <c r="Q32645">
        <v>6</v>
      </c>
      <c r="R32645">
        <v>6</v>
      </c>
      <c r="S32645">
        <v>6</v>
      </c>
      <c r="T32645">
        <v>6</v>
      </c>
      <c r="U32645">
        <v>6</v>
      </c>
      <c r="V32645">
        <v>6</v>
      </c>
      <c r="W32645">
        <v>6</v>
      </c>
      <c r="X32645">
        <v>6</v>
      </c>
      <c r="Y32645">
        <v>6</v>
      </c>
      <c r="Z32645">
        <v>6</v>
      </c>
      <c r="AA32645">
        <v>6</v>
      </c>
      <c r="AB32645">
        <v>7</v>
      </c>
      <c r="AC32645">
        <v>7</v>
      </c>
      <c r="AD32645">
        <v>7</v>
      </c>
      <c r="AE32645">
        <v>7</v>
      </c>
      <c r="AF32645">
        <v>7</v>
      </c>
      <c r="AG32645">
        <v>7</v>
      </c>
      <c r="AH32645">
        <v>7</v>
      </c>
      <c r="AI32645">
        <v>7</v>
      </c>
      <c r="AJ32645">
        <v>7</v>
      </c>
      <c r="AK32645">
        <v>7</v>
      </c>
      <c r="AL32645">
        <v>7</v>
      </c>
      <c r="AM32645">
        <v>7</v>
      </c>
      <c r="AN32645">
        <v>7</v>
      </c>
      <c r="AO32645">
        <v>7</v>
      </c>
      <c r="AP32645">
        <v>7</v>
      </c>
      <c r="AQ32645">
        <v>7</v>
      </c>
    </row>
    <row r="32646" spans="1:43">
      <c r="A32646" t="s">
        <v>20215</v>
      </c>
      <c r="B32646" t="s">
        <v>20216</v>
      </c>
      <c r="C32646" t="s">
        <v>20189</v>
      </c>
      <c r="D32646" t="s">
        <v>20190</v>
      </c>
      <c r="E32646" t="s">
        <v>20071</v>
      </c>
      <c r="F32646" t="s">
        <v>20072</v>
      </c>
      <c r="G32646" t="s">
        <v>10734</v>
      </c>
      <c r="H32646" t="s">
        <v>10735</v>
      </c>
      <c r="I32646" s="2">
        <v>0</v>
      </c>
      <c r="J32646" s="2">
        <v>0</v>
      </c>
      <c r="K32646" s="2">
        <v>1</v>
      </c>
      <c r="L32646" t="s">
        <v>995</v>
      </c>
      <c r="M32646" t="s">
        <v>83</v>
      </c>
      <c r="N32646" t="s">
        <v>84</v>
      </c>
      <c r="O32646" t="s">
        <v>85</v>
      </c>
      <c r="P32646" t="s">
        <v>86</v>
      </c>
      <c r="Q32646">
        <v>12</v>
      </c>
      <c r="R32646">
        <v>12</v>
      </c>
      <c r="S32646">
        <v>12</v>
      </c>
      <c r="T32646">
        <v>13</v>
      </c>
      <c r="U32646">
        <v>13</v>
      </c>
      <c r="V32646">
        <v>13</v>
      </c>
      <c r="W32646">
        <v>13</v>
      </c>
      <c r="X32646">
        <v>13</v>
      </c>
      <c r="Y32646">
        <v>13</v>
      </c>
      <c r="Z32646">
        <v>13</v>
      </c>
      <c r="AA32646">
        <v>14</v>
      </c>
      <c r="AB32646">
        <v>14</v>
      </c>
      <c r="AC32646">
        <v>14</v>
      </c>
      <c r="AD32646">
        <v>14</v>
      </c>
      <c r="AE32646">
        <v>14</v>
      </c>
      <c r="AF32646">
        <v>14</v>
      </c>
      <c r="AG32646">
        <v>14</v>
      </c>
      <c r="AH32646">
        <v>14</v>
      </c>
      <c r="AI32646">
        <v>14</v>
      </c>
      <c r="AJ32646">
        <v>14</v>
      </c>
      <c r="AK32646">
        <v>15</v>
      </c>
      <c r="AL32646">
        <v>15</v>
      </c>
      <c r="AM32646">
        <v>14</v>
      </c>
      <c r="AN32646">
        <v>14</v>
      </c>
      <c r="AO32646">
        <v>14</v>
      </c>
      <c r="AP32646">
        <v>14</v>
      </c>
      <c r="AQ32646">
        <v>14</v>
      </c>
    </row>
    <row r="32647" spans="1:43">
      <c r="A32647" t="s">
        <v>20215</v>
      </c>
      <c r="B32647" t="s">
        <v>20216</v>
      </c>
      <c r="C32647" t="s">
        <v>20189</v>
      </c>
      <c r="D32647" t="s">
        <v>20190</v>
      </c>
      <c r="E32647" t="s">
        <v>20071</v>
      </c>
      <c r="F32647" t="s">
        <v>20072</v>
      </c>
      <c r="G32647" t="s">
        <v>10734</v>
      </c>
      <c r="H32647" t="s">
        <v>10735</v>
      </c>
      <c r="I32647" s="2">
        <v>0</v>
      </c>
      <c r="J32647" s="2">
        <v>0</v>
      </c>
      <c r="K32647" s="2">
        <v>1</v>
      </c>
      <c r="L32647" t="s">
        <v>995</v>
      </c>
      <c r="M32647" t="s">
        <v>87</v>
      </c>
      <c r="N32647" t="s">
        <v>88</v>
      </c>
      <c r="O32647" t="s">
        <v>85</v>
      </c>
      <c r="P32647" t="s">
        <v>86</v>
      </c>
      <c r="Q32647">
        <v>12</v>
      </c>
      <c r="R32647">
        <v>12</v>
      </c>
      <c r="S32647">
        <v>12</v>
      </c>
      <c r="T32647">
        <v>12</v>
      </c>
      <c r="U32647">
        <v>12</v>
      </c>
      <c r="V32647">
        <v>12</v>
      </c>
      <c r="W32647">
        <v>12</v>
      </c>
      <c r="X32647">
        <v>12</v>
      </c>
      <c r="Y32647">
        <v>12</v>
      </c>
      <c r="Z32647">
        <v>12</v>
      </c>
      <c r="AA32647">
        <v>12</v>
      </c>
      <c r="AB32647">
        <v>12</v>
      </c>
      <c r="AC32647">
        <v>12</v>
      </c>
      <c r="AD32647">
        <v>12</v>
      </c>
      <c r="AE32647">
        <v>12</v>
      </c>
      <c r="AF32647">
        <v>12</v>
      </c>
      <c r="AG32647">
        <v>12</v>
      </c>
      <c r="AH32647">
        <v>12</v>
      </c>
      <c r="AI32647">
        <v>12</v>
      </c>
      <c r="AJ32647">
        <v>12</v>
      </c>
      <c r="AK32647">
        <v>12</v>
      </c>
      <c r="AL32647">
        <v>12</v>
      </c>
      <c r="AM32647">
        <v>12</v>
      </c>
      <c r="AN32647">
        <v>12</v>
      </c>
      <c r="AO32647">
        <v>12</v>
      </c>
      <c r="AP32647">
        <v>12</v>
      </c>
      <c r="AQ32647">
        <v>12</v>
      </c>
    </row>
    <row r="32648" spans="1:43">
      <c r="A32648" t="s">
        <v>20215</v>
      </c>
      <c r="B32648" t="s">
        <v>20216</v>
      </c>
      <c r="C32648" t="s">
        <v>20189</v>
      </c>
      <c r="D32648" t="s">
        <v>20190</v>
      </c>
      <c r="E32648" t="s">
        <v>20071</v>
      </c>
      <c r="F32648" t="s">
        <v>20072</v>
      </c>
      <c r="G32648" t="s">
        <v>10734</v>
      </c>
      <c r="H32648" t="s">
        <v>10735</v>
      </c>
      <c r="I32648" s="2">
        <v>0</v>
      </c>
      <c r="J32648" s="2">
        <v>0</v>
      </c>
      <c r="K32648" s="2">
        <v>1</v>
      </c>
      <c r="L32648" t="s">
        <v>995</v>
      </c>
      <c r="M32648" t="s">
        <v>89</v>
      </c>
      <c r="N32648" t="s">
        <v>90</v>
      </c>
      <c r="O32648" t="s">
        <v>85</v>
      </c>
      <c r="P32648" t="s">
        <v>86</v>
      </c>
      <c r="Q32648">
        <v>12</v>
      </c>
      <c r="R32648">
        <v>13</v>
      </c>
      <c r="S32648">
        <v>13</v>
      </c>
      <c r="T32648">
        <v>13</v>
      </c>
      <c r="U32648">
        <v>13</v>
      </c>
      <c r="V32648">
        <v>13</v>
      </c>
      <c r="W32648">
        <v>14</v>
      </c>
      <c r="X32648">
        <v>14</v>
      </c>
      <c r="Y32648">
        <v>14</v>
      </c>
      <c r="Z32648">
        <v>14</v>
      </c>
      <c r="AA32648">
        <v>14</v>
      </c>
      <c r="AB32648">
        <v>15</v>
      </c>
      <c r="AC32648">
        <v>15</v>
      </c>
      <c r="AD32648">
        <v>15</v>
      </c>
      <c r="AE32648">
        <v>15</v>
      </c>
      <c r="AF32648">
        <v>15</v>
      </c>
      <c r="AG32648">
        <v>15</v>
      </c>
      <c r="AH32648">
        <v>15</v>
      </c>
      <c r="AI32648">
        <v>15</v>
      </c>
      <c r="AJ32648">
        <v>15</v>
      </c>
      <c r="AK32648">
        <v>15</v>
      </c>
      <c r="AL32648">
        <v>15</v>
      </c>
      <c r="AM32648">
        <v>15</v>
      </c>
      <c r="AN32648">
        <v>15</v>
      </c>
      <c r="AO32648">
        <v>14</v>
      </c>
      <c r="AP32648">
        <v>14</v>
      </c>
      <c r="AQ32648">
        <v>14</v>
      </c>
    </row>
    <row r="32649" spans="1:43">
      <c r="A32649" t="s">
        <v>20215</v>
      </c>
      <c r="B32649" t="s">
        <v>20216</v>
      </c>
      <c r="C32649" t="s">
        <v>20189</v>
      </c>
      <c r="D32649" t="s">
        <v>20190</v>
      </c>
      <c r="E32649" t="s">
        <v>20071</v>
      </c>
      <c r="F32649" t="s">
        <v>20072</v>
      </c>
      <c r="G32649" t="s">
        <v>10734</v>
      </c>
      <c r="H32649" t="s">
        <v>10735</v>
      </c>
      <c r="I32649" s="2">
        <v>0</v>
      </c>
      <c r="J32649" s="2">
        <v>0</v>
      </c>
      <c r="K32649" s="2">
        <v>1</v>
      </c>
      <c r="L32649" t="s">
        <v>995</v>
      </c>
      <c r="M32649" t="s">
        <v>83</v>
      </c>
      <c r="N32649" t="s">
        <v>91</v>
      </c>
      <c r="O32649" t="s">
        <v>85</v>
      </c>
      <c r="P32649" t="s">
        <v>86</v>
      </c>
      <c r="Q32649">
        <v>12</v>
      </c>
      <c r="R32649">
        <v>12</v>
      </c>
      <c r="S32649">
        <v>12</v>
      </c>
      <c r="T32649">
        <v>13</v>
      </c>
      <c r="U32649">
        <v>13</v>
      </c>
      <c r="V32649">
        <v>13</v>
      </c>
      <c r="W32649">
        <v>13</v>
      </c>
      <c r="X32649">
        <v>13</v>
      </c>
      <c r="Y32649">
        <v>13</v>
      </c>
      <c r="Z32649">
        <v>13</v>
      </c>
      <c r="AA32649">
        <v>14</v>
      </c>
      <c r="AB32649">
        <v>14</v>
      </c>
      <c r="AC32649">
        <v>14</v>
      </c>
      <c r="AD32649">
        <v>14</v>
      </c>
      <c r="AE32649">
        <v>14</v>
      </c>
      <c r="AF32649">
        <v>14</v>
      </c>
      <c r="AG32649">
        <v>14</v>
      </c>
      <c r="AH32649">
        <v>14</v>
      </c>
      <c r="AI32649">
        <v>14</v>
      </c>
      <c r="AJ32649">
        <v>14</v>
      </c>
      <c r="AK32649">
        <v>15</v>
      </c>
      <c r="AL32649">
        <v>15</v>
      </c>
      <c r="AM32649">
        <v>14</v>
      </c>
      <c r="AN32649">
        <v>14</v>
      </c>
      <c r="AO32649">
        <v>14</v>
      </c>
      <c r="AP32649">
        <v>14</v>
      </c>
      <c r="AQ32649">
        <v>14</v>
      </c>
    </row>
    <row r="32650" spans="1:43">
      <c r="A32650" t="s">
        <v>20217</v>
      </c>
      <c r="B32650" t="s">
        <v>20218</v>
      </c>
      <c r="C32650" t="s">
        <v>20189</v>
      </c>
      <c r="D32650" t="s">
        <v>20190</v>
      </c>
      <c r="E32650" t="s">
        <v>20071</v>
      </c>
      <c r="F32650" t="s">
        <v>20072</v>
      </c>
      <c r="G32650" t="s">
        <v>10734</v>
      </c>
      <c r="H32650" t="s">
        <v>10735</v>
      </c>
      <c r="I32650" s="2">
        <v>0</v>
      </c>
      <c r="J32650" s="2">
        <v>0</v>
      </c>
      <c r="K32650" s="2">
        <v>1</v>
      </c>
      <c r="L32650" t="s">
        <v>995</v>
      </c>
      <c r="M32650" t="s">
        <v>83</v>
      </c>
      <c r="N32650" t="s">
        <v>84</v>
      </c>
      <c r="O32650" t="s">
        <v>85</v>
      </c>
      <c r="P32650" t="s">
        <v>86</v>
      </c>
      <c r="Q32650">
        <v>20</v>
      </c>
      <c r="R32650">
        <v>20</v>
      </c>
      <c r="S32650">
        <v>20</v>
      </c>
      <c r="T32650">
        <v>20</v>
      </c>
      <c r="U32650">
        <v>20</v>
      </c>
      <c r="V32650">
        <v>21</v>
      </c>
      <c r="W32650">
        <v>21</v>
      </c>
      <c r="X32650">
        <v>21</v>
      </c>
      <c r="Y32650">
        <v>21</v>
      </c>
      <c r="Z32650">
        <v>22</v>
      </c>
      <c r="AA32650">
        <v>22</v>
      </c>
      <c r="AB32650">
        <v>22</v>
      </c>
      <c r="AC32650">
        <v>22</v>
      </c>
      <c r="AD32650">
        <v>22</v>
      </c>
      <c r="AE32650">
        <v>22</v>
      </c>
      <c r="AF32650">
        <v>23</v>
      </c>
      <c r="AG32650">
        <v>23</v>
      </c>
      <c r="AH32650">
        <v>23</v>
      </c>
      <c r="AI32650">
        <v>23</v>
      </c>
      <c r="AJ32650">
        <v>23</v>
      </c>
      <c r="AK32650">
        <v>23</v>
      </c>
      <c r="AL32650">
        <v>23</v>
      </c>
      <c r="AM32650">
        <v>23</v>
      </c>
      <c r="AN32650">
        <v>23</v>
      </c>
      <c r="AO32650">
        <v>23</v>
      </c>
      <c r="AP32650">
        <v>23</v>
      </c>
      <c r="AQ32650">
        <v>23</v>
      </c>
    </row>
    <row r="32651" spans="1:43">
      <c r="A32651" t="s">
        <v>20217</v>
      </c>
      <c r="B32651" t="s">
        <v>20218</v>
      </c>
      <c r="C32651" t="s">
        <v>20189</v>
      </c>
      <c r="D32651" t="s">
        <v>20190</v>
      </c>
      <c r="E32651" t="s">
        <v>20071</v>
      </c>
      <c r="F32651" t="s">
        <v>20072</v>
      </c>
      <c r="G32651" t="s">
        <v>10734</v>
      </c>
      <c r="H32651" t="s">
        <v>10735</v>
      </c>
      <c r="I32651" s="2">
        <v>0</v>
      </c>
      <c r="J32651" s="2">
        <v>0</v>
      </c>
      <c r="K32651" s="2">
        <v>1</v>
      </c>
      <c r="L32651" t="s">
        <v>995</v>
      </c>
      <c r="M32651" t="s">
        <v>87</v>
      </c>
      <c r="N32651" t="s">
        <v>88</v>
      </c>
      <c r="O32651" t="s">
        <v>85</v>
      </c>
      <c r="P32651" t="s">
        <v>86</v>
      </c>
      <c r="Q32651">
        <v>20</v>
      </c>
      <c r="R32651">
        <v>20</v>
      </c>
      <c r="S32651">
        <v>21</v>
      </c>
      <c r="T32651">
        <v>21</v>
      </c>
      <c r="U32651">
        <v>21</v>
      </c>
      <c r="V32651">
        <v>21</v>
      </c>
      <c r="W32651">
        <v>21</v>
      </c>
      <c r="X32651">
        <v>21</v>
      </c>
      <c r="Y32651">
        <v>21</v>
      </c>
      <c r="Z32651">
        <v>21</v>
      </c>
      <c r="AA32651">
        <v>21</v>
      </c>
      <c r="AB32651">
        <v>21</v>
      </c>
      <c r="AC32651">
        <v>21</v>
      </c>
      <c r="AD32651">
        <v>21</v>
      </c>
      <c r="AE32651">
        <v>21</v>
      </c>
      <c r="AF32651">
        <v>21</v>
      </c>
      <c r="AG32651">
        <v>21</v>
      </c>
      <c r="AH32651">
        <v>21</v>
      </c>
      <c r="AI32651">
        <v>21</v>
      </c>
      <c r="AJ32651">
        <v>21</v>
      </c>
      <c r="AK32651">
        <v>21</v>
      </c>
      <c r="AL32651">
        <v>21</v>
      </c>
      <c r="AM32651">
        <v>21</v>
      </c>
      <c r="AN32651">
        <v>21</v>
      </c>
      <c r="AO32651">
        <v>21</v>
      </c>
      <c r="AP32651">
        <v>21</v>
      </c>
      <c r="AQ32651">
        <v>21</v>
      </c>
    </row>
    <row r="32652" spans="1:43">
      <c r="A32652" t="s">
        <v>20217</v>
      </c>
      <c r="B32652" t="s">
        <v>20218</v>
      </c>
      <c r="C32652" t="s">
        <v>20189</v>
      </c>
      <c r="D32652" t="s">
        <v>20190</v>
      </c>
      <c r="E32652" t="s">
        <v>20071</v>
      </c>
      <c r="F32652" t="s">
        <v>20072</v>
      </c>
      <c r="G32652" t="s">
        <v>10734</v>
      </c>
      <c r="H32652" t="s">
        <v>10735</v>
      </c>
      <c r="I32652" s="2">
        <v>0</v>
      </c>
      <c r="J32652" s="2">
        <v>0</v>
      </c>
      <c r="K32652" s="2">
        <v>1</v>
      </c>
      <c r="L32652" t="s">
        <v>995</v>
      </c>
      <c r="M32652" t="s">
        <v>89</v>
      </c>
      <c r="N32652" t="s">
        <v>90</v>
      </c>
      <c r="O32652" t="s">
        <v>85</v>
      </c>
      <c r="P32652" t="s">
        <v>86</v>
      </c>
      <c r="Q32652">
        <v>20</v>
      </c>
      <c r="R32652">
        <v>20</v>
      </c>
      <c r="S32652">
        <v>21</v>
      </c>
      <c r="T32652">
        <v>21</v>
      </c>
      <c r="U32652">
        <v>21</v>
      </c>
      <c r="V32652">
        <v>22</v>
      </c>
      <c r="W32652">
        <v>22</v>
      </c>
      <c r="X32652">
        <v>22</v>
      </c>
      <c r="Y32652">
        <v>23</v>
      </c>
      <c r="Z32652">
        <v>23</v>
      </c>
      <c r="AA32652">
        <v>23</v>
      </c>
      <c r="AB32652">
        <v>23</v>
      </c>
      <c r="AC32652">
        <v>24</v>
      </c>
      <c r="AD32652">
        <v>24</v>
      </c>
      <c r="AE32652">
        <v>24</v>
      </c>
      <c r="AF32652">
        <v>24</v>
      </c>
      <c r="AG32652">
        <v>24</v>
      </c>
      <c r="AH32652">
        <v>24</v>
      </c>
      <c r="AI32652">
        <v>24</v>
      </c>
      <c r="AJ32652">
        <v>24</v>
      </c>
      <c r="AK32652">
        <v>24</v>
      </c>
      <c r="AL32652">
        <v>23</v>
      </c>
      <c r="AM32652">
        <v>23</v>
      </c>
      <c r="AN32652">
        <v>23</v>
      </c>
      <c r="AO32652">
        <v>23</v>
      </c>
      <c r="AP32652">
        <v>23</v>
      </c>
      <c r="AQ32652">
        <v>23</v>
      </c>
    </row>
    <row r="32653" spans="1:43">
      <c r="A32653" t="s">
        <v>20217</v>
      </c>
      <c r="B32653" t="s">
        <v>20218</v>
      </c>
      <c r="C32653" t="s">
        <v>20189</v>
      </c>
      <c r="D32653" t="s">
        <v>20190</v>
      </c>
      <c r="E32653" t="s">
        <v>20071</v>
      </c>
      <c r="F32653" t="s">
        <v>20072</v>
      </c>
      <c r="G32653" t="s">
        <v>10734</v>
      </c>
      <c r="H32653" t="s">
        <v>10735</v>
      </c>
      <c r="I32653" s="2">
        <v>0</v>
      </c>
      <c r="J32653" s="2">
        <v>0</v>
      </c>
      <c r="K32653" s="2">
        <v>1</v>
      </c>
      <c r="L32653" t="s">
        <v>995</v>
      </c>
      <c r="M32653" t="s">
        <v>83</v>
      </c>
      <c r="N32653" t="s">
        <v>91</v>
      </c>
      <c r="O32653" t="s">
        <v>85</v>
      </c>
      <c r="P32653" t="s">
        <v>86</v>
      </c>
      <c r="Q32653">
        <v>20</v>
      </c>
      <c r="R32653">
        <v>20</v>
      </c>
      <c r="S32653">
        <v>20</v>
      </c>
      <c r="T32653">
        <v>20</v>
      </c>
      <c r="U32653">
        <v>20</v>
      </c>
      <c r="V32653">
        <v>21</v>
      </c>
      <c r="W32653">
        <v>21</v>
      </c>
      <c r="X32653">
        <v>21</v>
      </c>
      <c r="Y32653">
        <v>21</v>
      </c>
      <c r="Z32653">
        <v>22</v>
      </c>
      <c r="AA32653">
        <v>22</v>
      </c>
      <c r="AB32653">
        <v>22</v>
      </c>
      <c r="AC32653">
        <v>22</v>
      </c>
      <c r="AD32653">
        <v>22</v>
      </c>
      <c r="AE32653">
        <v>22</v>
      </c>
      <c r="AF32653">
        <v>23</v>
      </c>
      <c r="AG32653">
        <v>23</v>
      </c>
      <c r="AH32653">
        <v>23</v>
      </c>
      <c r="AI32653">
        <v>23</v>
      </c>
      <c r="AJ32653">
        <v>23</v>
      </c>
      <c r="AK32653">
        <v>23</v>
      </c>
      <c r="AL32653">
        <v>23</v>
      </c>
      <c r="AM32653">
        <v>23</v>
      </c>
      <c r="AN32653">
        <v>23</v>
      </c>
      <c r="AO32653">
        <v>23</v>
      </c>
      <c r="AP32653">
        <v>23</v>
      </c>
      <c r="AQ32653">
        <v>23</v>
      </c>
    </row>
    <row r="32654" spans="1:43">
      <c r="A32654" t="s">
        <v>20219</v>
      </c>
      <c r="B32654" t="s">
        <v>20220</v>
      </c>
      <c r="C32654" t="s">
        <v>20193</v>
      </c>
      <c r="D32654" t="s">
        <v>20194</v>
      </c>
      <c r="E32654" t="s">
        <v>20071</v>
      </c>
      <c r="F32654" t="s">
        <v>20072</v>
      </c>
      <c r="G32654" t="s">
        <v>10734</v>
      </c>
      <c r="H32654" t="s">
        <v>10735</v>
      </c>
      <c r="I32654" s="2">
        <v>0</v>
      </c>
      <c r="J32654" s="2">
        <v>0</v>
      </c>
      <c r="K32654" s="2">
        <v>1</v>
      </c>
      <c r="L32654" t="s">
        <v>995</v>
      </c>
      <c r="M32654" t="s">
        <v>83</v>
      </c>
      <c r="N32654" t="s">
        <v>84</v>
      </c>
      <c r="O32654" t="s">
        <v>85</v>
      </c>
      <c r="P32654" t="s">
        <v>86</v>
      </c>
      <c r="Q32654">
        <v>54</v>
      </c>
      <c r="R32654">
        <v>55</v>
      </c>
      <c r="S32654">
        <v>55</v>
      </c>
      <c r="T32654">
        <v>56</v>
      </c>
      <c r="U32654">
        <v>56</v>
      </c>
      <c r="V32654">
        <v>57</v>
      </c>
      <c r="W32654">
        <v>57</v>
      </c>
      <c r="X32654">
        <v>58</v>
      </c>
      <c r="Y32654">
        <v>59</v>
      </c>
      <c r="Z32654">
        <v>59</v>
      </c>
      <c r="AA32654">
        <v>60</v>
      </c>
      <c r="AB32654">
        <v>60</v>
      </c>
      <c r="AC32654">
        <v>61</v>
      </c>
      <c r="AD32654">
        <v>61</v>
      </c>
      <c r="AE32654">
        <v>62</v>
      </c>
      <c r="AF32654">
        <v>62</v>
      </c>
      <c r="AG32654">
        <v>62</v>
      </c>
      <c r="AH32654">
        <v>63</v>
      </c>
      <c r="AI32654">
        <v>63</v>
      </c>
      <c r="AJ32654">
        <v>64</v>
      </c>
      <c r="AK32654">
        <v>64</v>
      </c>
      <c r="AL32654">
        <v>64</v>
      </c>
      <c r="AM32654">
        <v>64</v>
      </c>
      <c r="AN32654">
        <v>64</v>
      </c>
      <c r="AO32654">
        <v>63</v>
      </c>
      <c r="AP32654">
        <v>63</v>
      </c>
      <c r="AQ32654">
        <v>63</v>
      </c>
    </row>
    <row r="32655" spans="1:43">
      <c r="A32655" t="s">
        <v>20219</v>
      </c>
      <c r="B32655" t="s">
        <v>20220</v>
      </c>
      <c r="C32655" t="s">
        <v>20193</v>
      </c>
      <c r="D32655" t="s">
        <v>20194</v>
      </c>
      <c r="E32655" t="s">
        <v>20071</v>
      </c>
      <c r="F32655" t="s">
        <v>20072</v>
      </c>
      <c r="G32655" t="s">
        <v>10734</v>
      </c>
      <c r="H32655" t="s">
        <v>10735</v>
      </c>
      <c r="I32655" s="2">
        <v>0</v>
      </c>
      <c r="J32655" s="2">
        <v>0</v>
      </c>
      <c r="K32655" s="2">
        <v>1</v>
      </c>
      <c r="L32655" t="s">
        <v>995</v>
      </c>
      <c r="M32655" t="s">
        <v>87</v>
      </c>
      <c r="N32655" t="s">
        <v>88</v>
      </c>
      <c r="O32655" t="s">
        <v>85</v>
      </c>
      <c r="P32655" t="s">
        <v>86</v>
      </c>
      <c r="Q32655">
        <v>54</v>
      </c>
      <c r="R32655">
        <v>55</v>
      </c>
      <c r="S32655">
        <v>55</v>
      </c>
      <c r="T32655">
        <v>55</v>
      </c>
      <c r="U32655">
        <v>55</v>
      </c>
      <c r="V32655">
        <v>55</v>
      </c>
      <c r="W32655">
        <v>55</v>
      </c>
      <c r="X32655">
        <v>55</v>
      </c>
      <c r="Y32655">
        <v>55</v>
      </c>
      <c r="Z32655">
        <v>55</v>
      </c>
      <c r="AA32655">
        <v>55</v>
      </c>
      <c r="AB32655">
        <v>55</v>
      </c>
      <c r="AC32655">
        <v>55</v>
      </c>
      <c r="AD32655">
        <v>56</v>
      </c>
      <c r="AE32655">
        <v>56</v>
      </c>
      <c r="AF32655">
        <v>56</v>
      </c>
      <c r="AG32655">
        <v>56</v>
      </c>
      <c r="AH32655">
        <v>56</v>
      </c>
      <c r="AI32655">
        <v>56</v>
      </c>
      <c r="AJ32655">
        <v>56</v>
      </c>
      <c r="AK32655">
        <v>56</v>
      </c>
      <c r="AL32655">
        <v>56</v>
      </c>
      <c r="AM32655">
        <v>56</v>
      </c>
      <c r="AN32655">
        <v>56</v>
      </c>
      <c r="AO32655">
        <v>56</v>
      </c>
      <c r="AP32655">
        <v>56</v>
      </c>
      <c r="AQ32655">
        <v>56</v>
      </c>
    </row>
    <row r="32656" spans="1:43">
      <c r="A32656" t="s">
        <v>20219</v>
      </c>
      <c r="B32656" t="s">
        <v>20220</v>
      </c>
      <c r="C32656" t="s">
        <v>20193</v>
      </c>
      <c r="D32656" t="s">
        <v>20194</v>
      </c>
      <c r="E32656" t="s">
        <v>20071</v>
      </c>
      <c r="F32656" t="s">
        <v>20072</v>
      </c>
      <c r="G32656" t="s">
        <v>10734</v>
      </c>
      <c r="H32656" t="s">
        <v>10735</v>
      </c>
      <c r="I32656" s="2">
        <v>0</v>
      </c>
      <c r="J32656" s="2">
        <v>0</v>
      </c>
      <c r="K32656" s="2">
        <v>1</v>
      </c>
      <c r="L32656" t="s">
        <v>995</v>
      </c>
      <c r="M32656" t="s">
        <v>89</v>
      </c>
      <c r="N32656" t="s">
        <v>90</v>
      </c>
      <c r="O32656" t="s">
        <v>85</v>
      </c>
      <c r="P32656" t="s">
        <v>86</v>
      </c>
      <c r="Q32656">
        <v>54</v>
      </c>
      <c r="R32656">
        <v>55</v>
      </c>
      <c r="S32656">
        <v>57</v>
      </c>
      <c r="T32656">
        <v>58</v>
      </c>
      <c r="U32656">
        <v>59</v>
      </c>
      <c r="V32656">
        <v>60</v>
      </c>
      <c r="W32656">
        <v>60</v>
      </c>
      <c r="X32656">
        <v>61</v>
      </c>
      <c r="Y32656">
        <v>62</v>
      </c>
      <c r="Z32656">
        <v>63</v>
      </c>
      <c r="AA32656">
        <v>63</v>
      </c>
      <c r="AB32656">
        <v>64</v>
      </c>
      <c r="AC32656">
        <v>65</v>
      </c>
      <c r="AD32656">
        <v>66</v>
      </c>
      <c r="AE32656">
        <v>66</v>
      </c>
      <c r="AF32656">
        <v>66</v>
      </c>
      <c r="AG32656">
        <v>65</v>
      </c>
      <c r="AH32656">
        <v>65</v>
      </c>
      <c r="AI32656">
        <v>65</v>
      </c>
      <c r="AJ32656">
        <v>65</v>
      </c>
      <c r="AK32656">
        <v>65</v>
      </c>
      <c r="AL32656">
        <v>65</v>
      </c>
      <c r="AM32656">
        <v>64</v>
      </c>
      <c r="AN32656">
        <v>64</v>
      </c>
      <c r="AO32656">
        <v>64</v>
      </c>
      <c r="AP32656">
        <v>64</v>
      </c>
      <c r="AQ32656">
        <v>63</v>
      </c>
    </row>
    <row r="32657" spans="1:43">
      <c r="A32657" t="s">
        <v>20219</v>
      </c>
      <c r="B32657" t="s">
        <v>20220</v>
      </c>
      <c r="C32657" t="s">
        <v>20193</v>
      </c>
      <c r="D32657" t="s">
        <v>20194</v>
      </c>
      <c r="E32657" t="s">
        <v>20071</v>
      </c>
      <c r="F32657" t="s">
        <v>20072</v>
      </c>
      <c r="G32657" t="s">
        <v>10734</v>
      </c>
      <c r="H32657" t="s">
        <v>10735</v>
      </c>
      <c r="I32657" s="2">
        <v>0</v>
      </c>
      <c r="J32657" s="2">
        <v>0</v>
      </c>
      <c r="K32657" s="2">
        <v>1</v>
      </c>
      <c r="L32657" t="s">
        <v>995</v>
      </c>
      <c r="M32657" t="s">
        <v>83</v>
      </c>
      <c r="N32657" t="s">
        <v>91</v>
      </c>
      <c r="O32657" t="s">
        <v>85</v>
      </c>
      <c r="P32657" t="s">
        <v>86</v>
      </c>
      <c r="Q32657">
        <v>54</v>
      </c>
      <c r="R32657">
        <v>55</v>
      </c>
      <c r="S32657">
        <v>55</v>
      </c>
      <c r="T32657">
        <v>56</v>
      </c>
      <c r="U32657">
        <v>56</v>
      </c>
      <c r="V32657">
        <v>57</v>
      </c>
      <c r="W32657">
        <v>57</v>
      </c>
      <c r="X32657">
        <v>58</v>
      </c>
      <c r="Y32657">
        <v>59</v>
      </c>
      <c r="Z32657">
        <v>59</v>
      </c>
      <c r="AA32657">
        <v>60</v>
      </c>
      <c r="AB32657">
        <v>60</v>
      </c>
      <c r="AC32657">
        <v>61</v>
      </c>
      <c r="AD32657">
        <v>61</v>
      </c>
      <c r="AE32657">
        <v>62</v>
      </c>
      <c r="AF32657">
        <v>62</v>
      </c>
      <c r="AG32657">
        <v>62</v>
      </c>
      <c r="AH32657">
        <v>63</v>
      </c>
      <c r="AI32657">
        <v>63</v>
      </c>
      <c r="AJ32657">
        <v>64</v>
      </c>
      <c r="AK32657">
        <v>64</v>
      </c>
      <c r="AL32657">
        <v>64</v>
      </c>
      <c r="AM32657">
        <v>64</v>
      </c>
      <c r="AN32657">
        <v>64</v>
      </c>
      <c r="AO32657">
        <v>63</v>
      </c>
      <c r="AP32657">
        <v>63</v>
      </c>
      <c r="AQ32657">
        <v>63</v>
      </c>
    </row>
    <row r="32658" spans="1:43">
      <c r="A32658" t="s">
        <v>20221</v>
      </c>
      <c r="B32658" t="s">
        <v>20222</v>
      </c>
      <c r="C32658" t="s">
        <v>20193</v>
      </c>
      <c r="D32658" t="s">
        <v>20194</v>
      </c>
      <c r="E32658" t="s">
        <v>20071</v>
      </c>
      <c r="F32658" t="s">
        <v>20072</v>
      </c>
      <c r="G32658" t="s">
        <v>10734</v>
      </c>
      <c r="H32658" t="s">
        <v>10735</v>
      </c>
      <c r="I32658" s="2">
        <v>0</v>
      </c>
      <c r="J32658" s="2">
        <v>0</v>
      </c>
      <c r="K32658" s="2">
        <v>1</v>
      </c>
      <c r="L32658" t="s">
        <v>995</v>
      </c>
      <c r="M32658" t="s">
        <v>83</v>
      </c>
      <c r="N32658" t="s">
        <v>84</v>
      </c>
      <c r="O32658" t="s">
        <v>85</v>
      </c>
      <c r="P32658" t="s">
        <v>86</v>
      </c>
      <c r="Q32658">
        <v>15</v>
      </c>
      <c r="R32658">
        <v>15</v>
      </c>
      <c r="S32658">
        <v>15</v>
      </c>
      <c r="T32658">
        <v>16</v>
      </c>
      <c r="U32658">
        <v>16</v>
      </c>
      <c r="V32658">
        <v>16</v>
      </c>
      <c r="W32658">
        <v>16</v>
      </c>
      <c r="X32658">
        <v>16</v>
      </c>
      <c r="Y32658">
        <v>16</v>
      </c>
      <c r="Z32658">
        <v>17</v>
      </c>
      <c r="AA32658">
        <v>17</v>
      </c>
      <c r="AB32658">
        <v>17</v>
      </c>
      <c r="AC32658">
        <v>17</v>
      </c>
      <c r="AD32658">
        <v>17</v>
      </c>
      <c r="AE32658">
        <v>17</v>
      </c>
      <c r="AF32658">
        <v>17</v>
      </c>
      <c r="AG32658">
        <v>17</v>
      </c>
      <c r="AH32658">
        <v>18</v>
      </c>
      <c r="AI32658">
        <v>18</v>
      </c>
      <c r="AJ32658">
        <v>18</v>
      </c>
      <c r="AK32658">
        <v>18</v>
      </c>
      <c r="AL32658">
        <v>18</v>
      </c>
      <c r="AM32658">
        <v>18</v>
      </c>
      <c r="AN32658">
        <v>18</v>
      </c>
      <c r="AO32658">
        <v>18</v>
      </c>
      <c r="AP32658">
        <v>18</v>
      </c>
      <c r="AQ32658">
        <v>18</v>
      </c>
    </row>
    <row r="32659" spans="1:43">
      <c r="A32659" t="s">
        <v>20221</v>
      </c>
      <c r="B32659" t="s">
        <v>20222</v>
      </c>
      <c r="C32659" t="s">
        <v>20193</v>
      </c>
      <c r="D32659" t="s">
        <v>20194</v>
      </c>
      <c r="E32659" t="s">
        <v>20071</v>
      </c>
      <c r="F32659" t="s">
        <v>20072</v>
      </c>
      <c r="G32659" t="s">
        <v>10734</v>
      </c>
      <c r="H32659" t="s">
        <v>10735</v>
      </c>
      <c r="I32659" s="2">
        <v>0</v>
      </c>
      <c r="J32659" s="2">
        <v>0</v>
      </c>
      <c r="K32659" s="2">
        <v>1</v>
      </c>
      <c r="L32659" t="s">
        <v>995</v>
      </c>
      <c r="M32659" t="s">
        <v>87</v>
      </c>
      <c r="N32659" t="s">
        <v>88</v>
      </c>
      <c r="O32659" t="s">
        <v>85</v>
      </c>
      <c r="P32659" t="s">
        <v>86</v>
      </c>
      <c r="Q32659">
        <v>15</v>
      </c>
      <c r="R32659">
        <v>15</v>
      </c>
      <c r="S32659">
        <v>15</v>
      </c>
      <c r="T32659">
        <v>15</v>
      </c>
      <c r="U32659">
        <v>15</v>
      </c>
      <c r="V32659">
        <v>15</v>
      </c>
      <c r="W32659">
        <v>15</v>
      </c>
      <c r="X32659">
        <v>15</v>
      </c>
      <c r="Y32659">
        <v>15</v>
      </c>
      <c r="Z32659">
        <v>15</v>
      </c>
      <c r="AA32659">
        <v>15</v>
      </c>
      <c r="AB32659">
        <v>15</v>
      </c>
      <c r="AC32659">
        <v>15</v>
      </c>
      <c r="AD32659">
        <v>15</v>
      </c>
      <c r="AE32659">
        <v>15</v>
      </c>
      <c r="AF32659">
        <v>15</v>
      </c>
      <c r="AG32659">
        <v>15</v>
      </c>
      <c r="AH32659">
        <v>15</v>
      </c>
      <c r="AI32659">
        <v>15</v>
      </c>
      <c r="AJ32659">
        <v>15</v>
      </c>
      <c r="AK32659">
        <v>15</v>
      </c>
      <c r="AL32659">
        <v>15</v>
      </c>
      <c r="AM32659">
        <v>15</v>
      </c>
      <c r="AN32659">
        <v>15</v>
      </c>
      <c r="AO32659">
        <v>15</v>
      </c>
      <c r="AP32659">
        <v>15</v>
      </c>
      <c r="AQ32659">
        <v>15</v>
      </c>
    </row>
    <row r="32660" spans="1:43">
      <c r="A32660" t="s">
        <v>20221</v>
      </c>
      <c r="B32660" t="s">
        <v>20222</v>
      </c>
      <c r="C32660" t="s">
        <v>20193</v>
      </c>
      <c r="D32660" t="s">
        <v>20194</v>
      </c>
      <c r="E32660" t="s">
        <v>20071</v>
      </c>
      <c r="F32660" t="s">
        <v>20072</v>
      </c>
      <c r="G32660" t="s">
        <v>10734</v>
      </c>
      <c r="H32660" t="s">
        <v>10735</v>
      </c>
      <c r="I32660" s="2">
        <v>0</v>
      </c>
      <c r="J32660" s="2">
        <v>0</v>
      </c>
      <c r="K32660" s="2">
        <v>1</v>
      </c>
      <c r="L32660" t="s">
        <v>995</v>
      </c>
      <c r="M32660" t="s">
        <v>89</v>
      </c>
      <c r="N32660" t="s">
        <v>90</v>
      </c>
      <c r="O32660" t="s">
        <v>85</v>
      </c>
      <c r="P32660" t="s">
        <v>86</v>
      </c>
      <c r="Q32660">
        <v>15</v>
      </c>
      <c r="R32660">
        <v>16</v>
      </c>
      <c r="S32660">
        <v>16</v>
      </c>
      <c r="T32660">
        <v>16</v>
      </c>
      <c r="U32660">
        <v>16</v>
      </c>
      <c r="V32660">
        <v>17</v>
      </c>
      <c r="W32660">
        <v>17</v>
      </c>
      <c r="X32660">
        <v>17</v>
      </c>
      <c r="Y32660">
        <v>17</v>
      </c>
      <c r="Z32660">
        <v>18</v>
      </c>
      <c r="AA32660">
        <v>18</v>
      </c>
      <c r="AB32660">
        <v>18</v>
      </c>
      <c r="AC32660">
        <v>18</v>
      </c>
      <c r="AD32660">
        <v>18</v>
      </c>
      <c r="AE32660">
        <v>18</v>
      </c>
      <c r="AF32660">
        <v>18</v>
      </c>
      <c r="AG32660">
        <v>18</v>
      </c>
      <c r="AH32660">
        <v>18</v>
      </c>
      <c r="AI32660">
        <v>18</v>
      </c>
      <c r="AJ32660">
        <v>18</v>
      </c>
      <c r="AK32660">
        <v>18</v>
      </c>
      <c r="AL32660">
        <v>18</v>
      </c>
      <c r="AM32660">
        <v>18</v>
      </c>
      <c r="AN32660">
        <v>18</v>
      </c>
      <c r="AO32660">
        <v>18</v>
      </c>
      <c r="AP32660">
        <v>18</v>
      </c>
      <c r="AQ32660">
        <v>18</v>
      </c>
    </row>
    <row r="32661" spans="1:43">
      <c r="A32661" t="s">
        <v>20221</v>
      </c>
      <c r="B32661" t="s">
        <v>20222</v>
      </c>
      <c r="C32661" t="s">
        <v>20193</v>
      </c>
      <c r="D32661" t="s">
        <v>20194</v>
      </c>
      <c r="E32661" t="s">
        <v>20071</v>
      </c>
      <c r="F32661" t="s">
        <v>20072</v>
      </c>
      <c r="G32661" t="s">
        <v>10734</v>
      </c>
      <c r="H32661" t="s">
        <v>10735</v>
      </c>
      <c r="I32661" s="2">
        <v>0</v>
      </c>
      <c r="J32661" s="2">
        <v>0</v>
      </c>
      <c r="K32661" s="2">
        <v>1</v>
      </c>
      <c r="L32661" t="s">
        <v>995</v>
      </c>
      <c r="M32661" t="s">
        <v>83</v>
      </c>
      <c r="N32661" t="s">
        <v>91</v>
      </c>
      <c r="O32661" t="s">
        <v>85</v>
      </c>
      <c r="P32661" t="s">
        <v>86</v>
      </c>
      <c r="Q32661">
        <v>15</v>
      </c>
      <c r="R32661">
        <v>15</v>
      </c>
      <c r="S32661">
        <v>15</v>
      </c>
      <c r="T32661">
        <v>16</v>
      </c>
      <c r="U32661">
        <v>16</v>
      </c>
      <c r="V32661">
        <v>16</v>
      </c>
      <c r="W32661">
        <v>16</v>
      </c>
      <c r="X32661">
        <v>16</v>
      </c>
      <c r="Y32661">
        <v>16</v>
      </c>
      <c r="Z32661">
        <v>17</v>
      </c>
      <c r="AA32661">
        <v>17</v>
      </c>
      <c r="AB32661">
        <v>17</v>
      </c>
      <c r="AC32661">
        <v>17</v>
      </c>
      <c r="AD32661">
        <v>17</v>
      </c>
      <c r="AE32661">
        <v>17</v>
      </c>
      <c r="AF32661">
        <v>17</v>
      </c>
      <c r="AG32661">
        <v>17</v>
      </c>
      <c r="AH32661">
        <v>18</v>
      </c>
      <c r="AI32661">
        <v>18</v>
      </c>
      <c r="AJ32661">
        <v>18</v>
      </c>
      <c r="AK32661">
        <v>18</v>
      </c>
      <c r="AL32661">
        <v>18</v>
      </c>
      <c r="AM32661">
        <v>18</v>
      </c>
      <c r="AN32661">
        <v>18</v>
      </c>
      <c r="AO32661">
        <v>18</v>
      </c>
      <c r="AP32661">
        <v>18</v>
      </c>
      <c r="AQ32661">
        <v>18</v>
      </c>
    </row>
    <row r="32662" spans="1:43">
      <c r="A32662" t="s">
        <v>20223</v>
      </c>
      <c r="B32662" t="s">
        <v>20224</v>
      </c>
      <c r="C32662" t="s">
        <v>20173</v>
      </c>
      <c r="D32662" t="s">
        <v>20174</v>
      </c>
      <c r="E32662" t="s">
        <v>20071</v>
      </c>
      <c r="F32662" t="s">
        <v>20072</v>
      </c>
      <c r="G32662" t="s">
        <v>10734</v>
      </c>
      <c r="H32662" t="s">
        <v>10735</v>
      </c>
      <c r="I32662" s="2">
        <v>0</v>
      </c>
      <c r="J32662" s="2">
        <v>0</v>
      </c>
      <c r="K32662" s="2">
        <v>1</v>
      </c>
      <c r="L32662" t="s">
        <v>995</v>
      </c>
      <c r="M32662" t="s">
        <v>83</v>
      </c>
      <c r="N32662" t="s">
        <v>84</v>
      </c>
      <c r="O32662" t="s">
        <v>85</v>
      </c>
      <c r="P32662" t="s">
        <v>86</v>
      </c>
      <c r="Q32662">
        <v>31</v>
      </c>
      <c r="R32662">
        <v>32</v>
      </c>
      <c r="S32662">
        <v>32</v>
      </c>
      <c r="T32662">
        <v>32</v>
      </c>
      <c r="U32662">
        <v>33</v>
      </c>
      <c r="V32662">
        <v>33</v>
      </c>
      <c r="W32662">
        <v>33</v>
      </c>
      <c r="X32662">
        <v>34</v>
      </c>
      <c r="Y32662">
        <v>34</v>
      </c>
      <c r="Z32662">
        <v>34</v>
      </c>
      <c r="AA32662">
        <v>35</v>
      </c>
      <c r="AB32662">
        <v>35</v>
      </c>
      <c r="AC32662">
        <v>35</v>
      </c>
      <c r="AD32662">
        <v>35</v>
      </c>
      <c r="AE32662">
        <v>36</v>
      </c>
      <c r="AF32662">
        <v>36</v>
      </c>
      <c r="AG32662">
        <v>36</v>
      </c>
      <c r="AH32662">
        <v>36</v>
      </c>
      <c r="AI32662">
        <v>37</v>
      </c>
      <c r="AJ32662">
        <v>37</v>
      </c>
      <c r="AK32662">
        <v>37</v>
      </c>
      <c r="AL32662">
        <v>37</v>
      </c>
      <c r="AM32662">
        <v>37</v>
      </c>
      <c r="AN32662">
        <v>37</v>
      </c>
      <c r="AO32662">
        <v>37</v>
      </c>
      <c r="AP32662">
        <v>37</v>
      </c>
      <c r="AQ32662">
        <v>36</v>
      </c>
    </row>
    <row r="32663" spans="1:43">
      <c r="A32663" t="s">
        <v>20223</v>
      </c>
      <c r="B32663" t="s">
        <v>20224</v>
      </c>
      <c r="C32663" t="s">
        <v>20173</v>
      </c>
      <c r="D32663" t="s">
        <v>20174</v>
      </c>
      <c r="E32663" t="s">
        <v>20071</v>
      </c>
      <c r="F32663" t="s">
        <v>20072</v>
      </c>
      <c r="G32663" t="s">
        <v>10734</v>
      </c>
      <c r="H32663" t="s">
        <v>10735</v>
      </c>
      <c r="I32663" s="2">
        <v>0</v>
      </c>
      <c r="J32663" s="2">
        <v>0</v>
      </c>
      <c r="K32663" s="2">
        <v>1</v>
      </c>
      <c r="L32663" t="s">
        <v>995</v>
      </c>
      <c r="M32663" t="s">
        <v>87</v>
      </c>
      <c r="N32663" t="s">
        <v>88</v>
      </c>
      <c r="O32663" t="s">
        <v>85</v>
      </c>
      <c r="P32663" t="s">
        <v>86</v>
      </c>
      <c r="Q32663">
        <v>31</v>
      </c>
      <c r="R32663">
        <v>31</v>
      </c>
      <c r="S32663">
        <v>31</v>
      </c>
      <c r="T32663">
        <v>31</v>
      </c>
      <c r="U32663">
        <v>31</v>
      </c>
      <c r="V32663">
        <v>31</v>
      </c>
      <c r="W32663">
        <v>31</v>
      </c>
      <c r="X32663">
        <v>31</v>
      </c>
      <c r="Y32663">
        <v>31</v>
      </c>
      <c r="Z32663">
        <v>31</v>
      </c>
      <c r="AA32663">
        <v>32</v>
      </c>
      <c r="AB32663">
        <v>32</v>
      </c>
      <c r="AC32663">
        <v>32</v>
      </c>
      <c r="AD32663">
        <v>32</v>
      </c>
      <c r="AE32663">
        <v>32</v>
      </c>
      <c r="AF32663">
        <v>32</v>
      </c>
      <c r="AG32663">
        <v>32</v>
      </c>
      <c r="AH32663">
        <v>32</v>
      </c>
      <c r="AI32663">
        <v>32</v>
      </c>
      <c r="AJ32663">
        <v>32</v>
      </c>
      <c r="AK32663">
        <v>32</v>
      </c>
      <c r="AL32663">
        <v>32</v>
      </c>
      <c r="AM32663">
        <v>32</v>
      </c>
      <c r="AN32663">
        <v>32</v>
      </c>
      <c r="AO32663">
        <v>32</v>
      </c>
      <c r="AP32663">
        <v>32</v>
      </c>
      <c r="AQ32663">
        <v>32</v>
      </c>
    </row>
    <row r="32664" spans="1:43">
      <c r="A32664" t="s">
        <v>20223</v>
      </c>
      <c r="B32664" t="s">
        <v>20224</v>
      </c>
      <c r="C32664" t="s">
        <v>20173</v>
      </c>
      <c r="D32664" t="s">
        <v>20174</v>
      </c>
      <c r="E32664" t="s">
        <v>20071</v>
      </c>
      <c r="F32664" t="s">
        <v>20072</v>
      </c>
      <c r="G32664" t="s">
        <v>10734</v>
      </c>
      <c r="H32664" t="s">
        <v>10735</v>
      </c>
      <c r="I32664" s="2">
        <v>0</v>
      </c>
      <c r="J32664" s="2">
        <v>0</v>
      </c>
      <c r="K32664" s="2">
        <v>1</v>
      </c>
      <c r="L32664" t="s">
        <v>995</v>
      </c>
      <c r="M32664" t="s">
        <v>89</v>
      </c>
      <c r="N32664" t="s">
        <v>90</v>
      </c>
      <c r="O32664" t="s">
        <v>85</v>
      </c>
      <c r="P32664" t="s">
        <v>86</v>
      </c>
      <c r="Q32664">
        <v>31</v>
      </c>
      <c r="R32664">
        <v>31</v>
      </c>
      <c r="S32664">
        <v>32</v>
      </c>
      <c r="T32664">
        <v>32</v>
      </c>
      <c r="U32664">
        <v>33</v>
      </c>
      <c r="V32664">
        <v>34</v>
      </c>
      <c r="W32664">
        <v>34</v>
      </c>
      <c r="X32664">
        <v>35</v>
      </c>
      <c r="Y32664">
        <v>35</v>
      </c>
      <c r="Z32664">
        <v>35</v>
      </c>
      <c r="AA32664">
        <v>36</v>
      </c>
      <c r="AB32664">
        <v>36</v>
      </c>
      <c r="AC32664">
        <v>37</v>
      </c>
      <c r="AD32664">
        <v>37</v>
      </c>
      <c r="AE32664">
        <v>37</v>
      </c>
      <c r="AF32664">
        <v>37</v>
      </c>
      <c r="AG32664">
        <v>37</v>
      </c>
      <c r="AH32664">
        <v>37</v>
      </c>
      <c r="AI32664">
        <v>37</v>
      </c>
      <c r="AJ32664">
        <v>37</v>
      </c>
      <c r="AK32664">
        <v>36</v>
      </c>
      <c r="AL32664">
        <v>36</v>
      </c>
      <c r="AM32664">
        <v>36</v>
      </c>
      <c r="AN32664">
        <v>36</v>
      </c>
      <c r="AO32664">
        <v>36</v>
      </c>
      <c r="AP32664">
        <v>36</v>
      </c>
      <c r="AQ32664">
        <v>36</v>
      </c>
    </row>
    <row r="32665" spans="1:43">
      <c r="A32665" t="s">
        <v>20223</v>
      </c>
      <c r="B32665" t="s">
        <v>20224</v>
      </c>
      <c r="C32665" t="s">
        <v>20173</v>
      </c>
      <c r="D32665" t="s">
        <v>20174</v>
      </c>
      <c r="E32665" t="s">
        <v>20071</v>
      </c>
      <c r="F32665" t="s">
        <v>20072</v>
      </c>
      <c r="G32665" t="s">
        <v>10734</v>
      </c>
      <c r="H32665" t="s">
        <v>10735</v>
      </c>
      <c r="I32665" s="2">
        <v>0</v>
      </c>
      <c r="J32665" s="2">
        <v>0</v>
      </c>
      <c r="K32665" s="2">
        <v>1</v>
      </c>
      <c r="L32665" t="s">
        <v>995</v>
      </c>
      <c r="M32665" t="s">
        <v>83</v>
      </c>
      <c r="N32665" t="s">
        <v>91</v>
      </c>
      <c r="O32665" t="s">
        <v>85</v>
      </c>
      <c r="P32665" t="s">
        <v>86</v>
      </c>
      <c r="Q32665">
        <v>31</v>
      </c>
      <c r="R32665">
        <v>32</v>
      </c>
      <c r="S32665">
        <v>32</v>
      </c>
      <c r="T32665">
        <v>32</v>
      </c>
      <c r="U32665">
        <v>33</v>
      </c>
      <c r="V32665">
        <v>33</v>
      </c>
      <c r="W32665">
        <v>33</v>
      </c>
      <c r="X32665">
        <v>34</v>
      </c>
      <c r="Y32665">
        <v>34</v>
      </c>
      <c r="Z32665">
        <v>34</v>
      </c>
      <c r="AA32665">
        <v>35</v>
      </c>
      <c r="AB32665">
        <v>35</v>
      </c>
      <c r="AC32665">
        <v>35</v>
      </c>
      <c r="AD32665">
        <v>35</v>
      </c>
      <c r="AE32665">
        <v>36</v>
      </c>
      <c r="AF32665">
        <v>36</v>
      </c>
      <c r="AG32665">
        <v>36</v>
      </c>
      <c r="AH32665">
        <v>36</v>
      </c>
      <c r="AI32665">
        <v>37</v>
      </c>
      <c r="AJ32665">
        <v>37</v>
      </c>
      <c r="AK32665">
        <v>37</v>
      </c>
      <c r="AL32665">
        <v>37</v>
      </c>
      <c r="AM32665">
        <v>37</v>
      </c>
      <c r="AN32665">
        <v>37</v>
      </c>
      <c r="AO32665">
        <v>37</v>
      </c>
      <c r="AP32665">
        <v>37</v>
      </c>
      <c r="AQ32665">
        <v>36</v>
      </c>
    </row>
    <row r="32666" spans="1:43">
      <c r="A32666" t="s">
        <v>20225</v>
      </c>
      <c r="B32666" t="s">
        <v>20226</v>
      </c>
      <c r="C32666" t="s">
        <v>20173</v>
      </c>
      <c r="D32666" t="s">
        <v>20174</v>
      </c>
      <c r="E32666" t="s">
        <v>20071</v>
      </c>
      <c r="F32666" t="s">
        <v>20072</v>
      </c>
      <c r="G32666" t="s">
        <v>10734</v>
      </c>
      <c r="H32666" t="s">
        <v>10735</v>
      </c>
      <c r="I32666" s="2">
        <v>0</v>
      </c>
      <c r="J32666" s="2">
        <v>0</v>
      </c>
      <c r="K32666" s="2">
        <v>1</v>
      </c>
      <c r="L32666" t="s">
        <v>995</v>
      </c>
      <c r="M32666" t="s">
        <v>83</v>
      </c>
      <c r="N32666" t="s">
        <v>84</v>
      </c>
      <c r="O32666" t="s">
        <v>85</v>
      </c>
      <c r="P32666" t="s">
        <v>86</v>
      </c>
      <c r="Q32666">
        <v>17</v>
      </c>
      <c r="R32666">
        <v>17</v>
      </c>
      <c r="S32666">
        <v>17</v>
      </c>
      <c r="T32666">
        <v>18</v>
      </c>
      <c r="U32666">
        <v>18</v>
      </c>
      <c r="V32666">
        <v>18</v>
      </c>
      <c r="W32666">
        <v>18</v>
      </c>
      <c r="X32666">
        <v>18</v>
      </c>
      <c r="Y32666">
        <v>19</v>
      </c>
      <c r="Z32666">
        <v>19</v>
      </c>
      <c r="AA32666">
        <v>19</v>
      </c>
      <c r="AB32666">
        <v>19</v>
      </c>
      <c r="AC32666">
        <v>19</v>
      </c>
      <c r="AD32666">
        <v>19</v>
      </c>
      <c r="AE32666">
        <v>20</v>
      </c>
      <c r="AF32666">
        <v>20</v>
      </c>
      <c r="AG32666">
        <v>20</v>
      </c>
      <c r="AH32666">
        <v>20</v>
      </c>
      <c r="AI32666">
        <v>20</v>
      </c>
      <c r="AJ32666">
        <v>20</v>
      </c>
      <c r="AK32666">
        <v>20</v>
      </c>
      <c r="AL32666">
        <v>20</v>
      </c>
      <c r="AM32666">
        <v>20</v>
      </c>
      <c r="AN32666">
        <v>20</v>
      </c>
      <c r="AO32666">
        <v>20</v>
      </c>
      <c r="AP32666">
        <v>20</v>
      </c>
      <c r="AQ32666">
        <v>20</v>
      </c>
    </row>
    <row r="32667" spans="1:43">
      <c r="A32667" t="s">
        <v>20225</v>
      </c>
      <c r="B32667" t="s">
        <v>20226</v>
      </c>
      <c r="C32667" t="s">
        <v>20173</v>
      </c>
      <c r="D32667" t="s">
        <v>20174</v>
      </c>
      <c r="E32667" t="s">
        <v>20071</v>
      </c>
      <c r="F32667" t="s">
        <v>20072</v>
      </c>
      <c r="G32667" t="s">
        <v>10734</v>
      </c>
      <c r="H32667" t="s">
        <v>10735</v>
      </c>
      <c r="I32667" s="2">
        <v>0</v>
      </c>
      <c r="J32667" s="2">
        <v>0</v>
      </c>
      <c r="K32667" s="2">
        <v>1</v>
      </c>
      <c r="L32667" t="s">
        <v>995</v>
      </c>
      <c r="M32667" t="s">
        <v>87</v>
      </c>
      <c r="N32667" t="s">
        <v>88</v>
      </c>
      <c r="O32667" t="s">
        <v>85</v>
      </c>
      <c r="P32667" t="s">
        <v>86</v>
      </c>
      <c r="Q32667">
        <v>17</v>
      </c>
      <c r="R32667">
        <v>17</v>
      </c>
      <c r="S32667">
        <v>17</v>
      </c>
      <c r="T32667">
        <v>17</v>
      </c>
      <c r="U32667">
        <v>17</v>
      </c>
      <c r="V32667">
        <v>17</v>
      </c>
      <c r="W32667">
        <v>17</v>
      </c>
      <c r="X32667">
        <v>17</v>
      </c>
      <c r="Y32667">
        <v>17</v>
      </c>
      <c r="Z32667">
        <v>17</v>
      </c>
      <c r="AA32667">
        <v>17</v>
      </c>
      <c r="AB32667">
        <v>17</v>
      </c>
      <c r="AC32667">
        <v>17</v>
      </c>
      <c r="AD32667">
        <v>17</v>
      </c>
      <c r="AE32667">
        <v>17</v>
      </c>
      <c r="AF32667">
        <v>17</v>
      </c>
      <c r="AG32667">
        <v>17</v>
      </c>
      <c r="AH32667">
        <v>17</v>
      </c>
      <c r="AI32667">
        <v>17</v>
      </c>
      <c r="AJ32667">
        <v>17</v>
      </c>
      <c r="AK32667">
        <v>17</v>
      </c>
      <c r="AL32667">
        <v>17</v>
      </c>
      <c r="AM32667">
        <v>18</v>
      </c>
      <c r="AN32667">
        <v>18</v>
      </c>
      <c r="AO32667">
        <v>18</v>
      </c>
      <c r="AP32667">
        <v>18</v>
      </c>
      <c r="AQ32667">
        <v>18</v>
      </c>
    </row>
    <row r="32668" spans="1:43">
      <c r="A32668" t="s">
        <v>20225</v>
      </c>
      <c r="B32668" t="s">
        <v>20226</v>
      </c>
      <c r="C32668" t="s">
        <v>20173</v>
      </c>
      <c r="D32668" t="s">
        <v>20174</v>
      </c>
      <c r="E32668" t="s">
        <v>20071</v>
      </c>
      <c r="F32668" t="s">
        <v>20072</v>
      </c>
      <c r="G32668" t="s">
        <v>10734</v>
      </c>
      <c r="H32668" t="s">
        <v>10735</v>
      </c>
      <c r="I32668" s="2">
        <v>0</v>
      </c>
      <c r="J32668" s="2">
        <v>0</v>
      </c>
      <c r="K32668" s="2">
        <v>1</v>
      </c>
      <c r="L32668" t="s">
        <v>995</v>
      </c>
      <c r="M32668" t="s">
        <v>89</v>
      </c>
      <c r="N32668" t="s">
        <v>90</v>
      </c>
      <c r="O32668" t="s">
        <v>85</v>
      </c>
      <c r="P32668" t="s">
        <v>86</v>
      </c>
      <c r="Q32668">
        <v>17</v>
      </c>
      <c r="R32668">
        <v>18</v>
      </c>
      <c r="S32668">
        <v>18</v>
      </c>
      <c r="T32668">
        <v>18</v>
      </c>
      <c r="U32668">
        <v>19</v>
      </c>
      <c r="V32668">
        <v>19</v>
      </c>
      <c r="W32668">
        <v>19</v>
      </c>
      <c r="X32668">
        <v>19</v>
      </c>
      <c r="Y32668">
        <v>20</v>
      </c>
      <c r="Z32668">
        <v>20</v>
      </c>
      <c r="AA32668">
        <v>20</v>
      </c>
      <c r="AB32668">
        <v>20</v>
      </c>
      <c r="AC32668">
        <v>21</v>
      </c>
      <c r="AD32668">
        <v>21</v>
      </c>
      <c r="AE32668">
        <v>21</v>
      </c>
      <c r="AF32668">
        <v>21</v>
      </c>
      <c r="AG32668">
        <v>21</v>
      </c>
      <c r="AH32668">
        <v>21</v>
      </c>
      <c r="AI32668">
        <v>21</v>
      </c>
      <c r="AJ32668">
        <v>21</v>
      </c>
      <c r="AK32668">
        <v>20</v>
      </c>
      <c r="AL32668">
        <v>20</v>
      </c>
      <c r="AM32668">
        <v>20</v>
      </c>
      <c r="AN32668">
        <v>20</v>
      </c>
      <c r="AO32668">
        <v>20</v>
      </c>
      <c r="AP32668">
        <v>20</v>
      </c>
      <c r="AQ32668">
        <v>20</v>
      </c>
    </row>
    <row r="32669" spans="1:43">
      <c r="A32669" t="s">
        <v>20225</v>
      </c>
      <c r="B32669" t="s">
        <v>20226</v>
      </c>
      <c r="C32669" t="s">
        <v>20173</v>
      </c>
      <c r="D32669" t="s">
        <v>20174</v>
      </c>
      <c r="E32669" t="s">
        <v>20071</v>
      </c>
      <c r="F32669" t="s">
        <v>20072</v>
      </c>
      <c r="G32669" t="s">
        <v>10734</v>
      </c>
      <c r="H32669" t="s">
        <v>10735</v>
      </c>
      <c r="I32669" s="2">
        <v>0</v>
      </c>
      <c r="J32669" s="2">
        <v>0</v>
      </c>
      <c r="K32669" s="2">
        <v>1</v>
      </c>
      <c r="L32669" t="s">
        <v>995</v>
      </c>
      <c r="M32669" t="s">
        <v>83</v>
      </c>
      <c r="N32669" t="s">
        <v>91</v>
      </c>
      <c r="O32669" t="s">
        <v>85</v>
      </c>
      <c r="P32669" t="s">
        <v>86</v>
      </c>
      <c r="Q32669">
        <v>17</v>
      </c>
      <c r="R32669">
        <v>17</v>
      </c>
      <c r="S32669">
        <v>17</v>
      </c>
      <c r="T32669">
        <v>18</v>
      </c>
      <c r="U32669">
        <v>18</v>
      </c>
      <c r="V32669">
        <v>18</v>
      </c>
      <c r="W32669">
        <v>18</v>
      </c>
      <c r="X32669">
        <v>18</v>
      </c>
      <c r="Y32669">
        <v>19</v>
      </c>
      <c r="Z32669">
        <v>19</v>
      </c>
      <c r="AA32669">
        <v>19</v>
      </c>
      <c r="AB32669">
        <v>19</v>
      </c>
      <c r="AC32669">
        <v>19</v>
      </c>
      <c r="AD32669">
        <v>19</v>
      </c>
      <c r="AE32669">
        <v>20</v>
      </c>
      <c r="AF32669">
        <v>20</v>
      </c>
      <c r="AG32669">
        <v>20</v>
      </c>
      <c r="AH32669">
        <v>20</v>
      </c>
      <c r="AI32669">
        <v>20</v>
      </c>
      <c r="AJ32669">
        <v>20</v>
      </c>
      <c r="AK32669">
        <v>20</v>
      </c>
      <c r="AL32669">
        <v>20</v>
      </c>
      <c r="AM32669">
        <v>20</v>
      </c>
      <c r="AN32669">
        <v>20</v>
      </c>
      <c r="AO32669">
        <v>20</v>
      </c>
      <c r="AP32669">
        <v>20</v>
      </c>
      <c r="AQ32669">
        <v>20</v>
      </c>
    </row>
    <row r="32670" spans="1:43">
      <c r="A32670" t="s">
        <v>20227</v>
      </c>
      <c r="B32670" t="s">
        <v>20228</v>
      </c>
      <c r="C32670" t="s">
        <v>20173</v>
      </c>
      <c r="D32670" t="s">
        <v>20174</v>
      </c>
      <c r="E32670" t="s">
        <v>20071</v>
      </c>
      <c r="F32670" t="s">
        <v>20072</v>
      </c>
      <c r="G32670" t="s">
        <v>10734</v>
      </c>
      <c r="H32670" t="s">
        <v>10735</v>
      </c>
      <c r="I32670" s="2">
        <v>0</v>
      </c>
      <c r="J32670" s="2">
        <v>0</v>
      </c>
      <c r="K32670" s="2">
        <v>1</v>
      </c>
      <c r="L32670" t="s">
        <v>995</v>
      </c>
      <c r="M32670" t="s">
        <v>83</v>
      </c>
      <c r="N32670" t="s">
        <v>84</v>
      </c>
      <c r="O32670" t="s">
        <v>85</v>
      </c>
      <c r="P32670" t="s">
        <v>86</v>
      </c>
      <c r="Q32670">
        <v>34</v>
      </c>
      <c r="R32670">
        <v>35</v>
      </c>
      <c r="S32670">
        <v>35</v>
      </c>
      <c r="T32670">
        <v>36</v>
      </c>
      <c r="U32670">
        <v>36</v>
      </c>
      <c r="V32670">
        <v>36</v>
      </c>
      <c r="W32670">
        <v>37</v>
      </c>
      <c r="X32670">
        <v>37</v>
      </c>
      <c r="Y32670">
        <v>37</v>
      </c>
      <c r="Z32670">
        <v>38</v>
      </c>
      <c r="AA32670">
        <v>38</v>
      </c>
      <c r="AB32670">
        <v>39</v>
      </c>
      <c r="AC32670">
        <v>39</v>
      </c>
      <c r="AD32670">
        <v>39</v>
      </c>
      <c r="AE32670">
        <v>39</v>
      </c>
      <c r="AF32670">
        <v>40</v>
      </c>
      <c r="AG32670">
        <v>40</v>
      </c>
      <c r="AH32670">
        <v>40</v>
      </c>
      <c r="AI32670">
        <v>41</v>
      </c>
      <c r="AJ32670">
        <v>41</v>
      </c>
      <c r="AK32670">
        <v>41</v>
      </c>
      <c r="AL32670">
        <v>41</v>
      </c>
      <c r="AM32670">
        <v>41</v>
      </c>
      <c r="AN32670">
        <v>41</v>
      </c>
      <c r="AO32670">
        <v>41</v>
      </c>
      <c r="AP32670">
        <v>41</v>
      </c>
      <c r="AQ32670">
        <v>40</v>
      </c>
    </row>
    <row r="32671" spans="1:43">
      <c r="A32671" t="s">
        <v>20227</v>
      </c>
      <c r="B32671" t="s">
        <v>20228</v>
      </c>
      <c r="C32671" t="s">
        <v>20173</v>
      </c>
      <c r="D32671" t="s">
        <v>20174</v>
      </c>
      <c r="E32671" t="s">
        <v>20071</v>
      </c>
      <c r="F32671" t="s">
        <v>20072</v>
      </c>
      <c r="G32671" t="s">
        <v>10734</v>
      </c>
      <c r="H32671" t="s">
        <v>10735</v>
      </c>
      <c r="I32671" s="2">
        <v>0</v>
      </c>
      <c r="J32671" s="2">
        <v>0</v>
      </c>
      <c r="K32671" s="2">
        <v>1</v>
      </c>
      <c r="L32671" t="s">
        <v>995</v>
      </c>
      <c r="M32671" t="s">
        <v>87</v>
      </c>
      <c r="N32671" t="s">
        <v>88</v>
      </c>
      <c r="O32671" t="s">
        <v>85</v>
      </c>
      <c r="P32671" t="s">
        <v>86</v>
      </c>
      <c r="Q32671">
        <v>34</v>
      </c>
      <c r="R32671">
        <v>34</v>
      </c>
      <c r="S32671">
        <v>34</v>
      </c>
      <c r="T32671">
        <v>34</v>
      </c>
      <c r="U32671">
        <v>34</v>
      </c>
      <c r="V32671">
        <v>34</v>
      </c>
      <c r="W32671">
        <v>35</v>
      </c>
      <c r="X32671">
        <v>35</v>
      </c>
      <c r="Y32671">
        <v>35</v>
      </c>
      <c r="Z32671">
        <v>35</v>
      </c>
      <c r="AA32671">
        <v>35</v>
      </c>
      <c r="AB32671">
        <v>35</v>
      </c>
      <c r="AC32671">
        <v>35</v>
      </c>
      <c r="AD32671">
        <v>35</v>
      </c>
      <c r="AE32671">
        <v>35</v>
      </c>
      <c r="AF32671">
        <v>35</v>
      </c>
      <c r="AG32671">
        <v>35</v>
      </c>
      <c r="AH32671">
        <v>35</v>
      </c>
      <c r="AI32671">
        <v>35</v>
      </c>
      <c r="AJ32671">
        <v>35</v>
      </c>
      <c r="AK32671">
        <v>35</v>
      </c>
      <c r="AL32671">
        <v>35</v>
      </c>
      <c r="AM32671">
        <v>35</v>
      </c>
      <c r="AN32671">
        <v>35</v>
      </c>
      <c r="AO32671">
        <v>35</v>
      </c>
      <c r="AP32671">
        <v>36</v>
      </c>
      <c r="AQ32671">
        <v>36</v>
      </c>
    </row>
    <row r="32672" spans="1:43">
      <c r="A32672" t="s">
        <v>20227</v>
      </c>
      <c r="B32672" t="s">
        <v>20228</v>
      </c>
      <c r="C32672" t="s">
        <v>20173</v>
      </c>
      <c r="D32672" t="s">
        <v>20174</v>
      </c>
      <c r="E32672" t="s">
        <v>20071</v>
      </c>
      <c r="F32672" t="s">
        <v>20072</v>
      </c>
      <c r="G32672" t="s">
        <v>10734</v>
      </c>
      <c r="H32672" t="s">
        <v>10735</v>
      </c>
      <c r="I32672" s="2">
        <v>0</v>
      </c>
      <c r="J32672" s="2">
        <v>0</v>
      </c>
      <c r="K32672" s="2">
        <v>1</v>
      </c>
      <c r="L32672" t="s">
        <v>995</v>
      </c>
      <c r="M32672" t="s">
        <v>89</v>
      </c>
      <c r="N32672" t="s">
        <v>90</v>
      </c>
      <c r="O32672" t="s">
        <v>85</v>
      </c>
      <c r="P32672" t="s">
        <v>86</v>
      </c>
      <c r="Q32672">
        <v>34</v>
      </c>
      <c r="R32672">
        <v>34</v>
      </c>
      <c r="S32672">
        <v>35</v>
      </c>
      <c r="T32672">
        <v>36</v>
      </c>
      <c r="U32672">
        <v>36</v>
      </c>
      <c r="V32672">
        <v>37</v>
      </c>
      <c r="W32672">
        <v>38</v>
      </c>
      <c r="X32672">
        <v>38</v>
      </c>
      <c r="Y32672">
        <v>39</v>
      </c>
      <c r="Z32672">
        <v>39</v>
      </c>
      <c r="AA32672">
        <v>40</v>
      </c>
      <c r="AB32672">
        <v>40</v>
      </c>
      <c r="AC32672">
        <v>40</v>
      </c>
      <c r="AD32672">
        <v>41</v>
      </c>
      <c r="AE32672">
        <v>41</v>
      </c>
      <c r="AF32672">
        <v>41</v>
      </c>
      <c r="AG32672">
        <v>41</v>
      </c>
      <c r="AH32672">
        <v>41</v>
      </c>
      <c r="AI32672">
        <v>41</v>
      </c>
      <c r="AJ32672">
        <v>41</v>
      </c>
      <c r="AK32672">
        <v>40</v>
      </c>
      <c r="AL32672">
        <v>40</v>
      </c>
      <c r="AM32672">
        <v>40</v>
      </c>
      <c r="AN32672">
        <v>40</v>
      </c>
      <c r="AO32672">
        <v>40</v>
      </c>
      <c r="AP32672">
        <v>40</v>
      </c>
      <c r="AQ32672">
        <v>40</v>
      </c>
    </row>
    <row r="32673" spans="1:43">
      <c r="A32673" t="s">
        <v>20227</v>
      </c>
      <c r="B32673" t="s">
        <v>20228</v>
      </c>
      <c r="C32673" t="s">
        <v>20173</v>
      </c>
      <c r="D32673" t="s">
        <v>20174</v>
      </c>
      <c r="E32673" t="s">
        <v>20071</v>
      </c>
      <c r="F32673" t="s">
        <v>20072</v>
      </c>
      <c r="G32673" t="s">
        <v>10734</v>
      </c>
      <c r="H32673" t="s">
        <v>10735</v>
      </c>
      <c r="I32673" s="2">
        <v>0</v>
      </c>
      <c r="J32673" s="2">
        <v>0</v>
      </c>
      <c r="K32673" s="2">
        <v>1</v>
      </c>
      <c r="L32673" t="s">
        <v>995</v>
      </c>
      <c r="M32673" t="s">
        <v>83</v>
      </c>
      <c r="N32673" t="s">
        <v>91</v>
      </c>
      <c r="O32673" t="s">
        <v>85</v>
      </c>
      <c r="P32673" t="s">
        <v>86</v>
      </c>
      <c r="Q32673">
        <v>34</v>
      </c>
      <c r="R32673">
        <v>35</v>
      </c>
      <c r="S32673">
        <v>35</v>
      </c>
      <c r="T32673">
        <v>36</v>
      </c>
      <c r="U32673">
        <v>36</v>
      </c>
      <c r="V32673">
        <v>36</v>
      </c>
      <c r="W32673">
        <v>37</v>
      </c>
      <c r="X32673">
        <v>37</v>
      </c>
      <c r="Y32673">
        <v>37</v>
      </c>
      <c r="Z32673">
        <v>38</v>
      </c>
      <c r="AA32673">
        <v>38</v>
      </c>
      <c r="AB32673">
        <v>39</v>
      </c>
      <c r="AC32673">
        <v>39</v>
      </c>
      <c r="AD32673">
        <v>39</v>
      </c>
      <c r="AE32673">
        <v>39</v>
      </c>
      <c r="AF32673">
        <v>40</v>
      </c>
      <c r="AG32673">
        <v>40</v>
      </c>
      <c r="AH32673">
        <v>40</v>
      </c>
      <c r="AI32673">
        <v>41</v>
      </c>
      <c r="AJ32673">
        <v>41</v>
      </c>
      <c r="AK32673">
        <v>41</v>
      </c>
      <c r="AL32673">
        <v>41</v>
      </c>
      <c r="AM32673">
        <v>41</v>
      </c>
      <c r="AN32673">
        <v>41</v>
      </c>
      <c r="AO32673">
        <v>41</v>
      </c>
      <c r="AP32673">
        <v>41</v>
      </c>
      <c r="AQ32673">
        <v>40</v>
      </c>
    </row>
    <row r="32674" spans="1:43">
      <c r="A32674" t="s">
        <v>20229</v>
      </c>
      <c r="B32674" t="s">
        <v>20230</v>
      </c>
      <c r="C32674" t="s">
        <v>20173</v>
      </c>
      <c r="D32674" t="s">
        <v>20174</v>
      </c>
      <c r="E32674" t="s">
        <v>20071</v>
      </c>
      <c r="F32674" t="s">
        <v>20072</v>
      </c>
      <c r="G32674" t="s">
        <v>10734</v>
      </c>
      <c r="H32674" t="s">
        <v>10735</v>
      </c>
      <c r="I32674" s="2">
        <v>0</v>
      </c>
      <c r="J32674" s="2">
        <v>0</v>
      </c>
      <c r="K32674" s="2">
        <v>1</v>
      </c>
      <c r="L32674" t="s">
        <v>995</v>
      </c>
      <c r="M32674" t="s">
        <v>83</v>
      </c>
      <c r="N32674" t="s">
        <v>84</v>
      </c>
      <c r="O32674" t="s">
        <v>85</v>
      </c>
      <c r="P32674" t="s">
        <v>86</v>
      </c>
      <c r="Q32674">
        <v>33</v>
      </c>
      <c r="R32674">
        <v>33</v>
      </c>
      <c r="S32674">
        <v>34</v>
      </c>
      <c r="T32674">
        <v>34</v>
      </c>
      <c r="U32674">
        <v>34</v>
      </c>
      <c r="V32674">
        <v>35</v>
      </c>
      <c r="W32674">
        <v>35</v>
      </c>
      <c r="X32674">
        <v>35</v>
      </c>
      <c r="Y32674">
        <v>36</v>
      </c>
      <c r="Z32674">
        <v>36</v>
      </c>
      <c r="AA32674">
        <v>37</v>
      </c>
      <c r="AB32674">
        <v>37</v>
      </c>
      <c r="AC32674">
        <v>37</v>
      </c>
      <c r="AD32674">
        <v>37</v>
      </c>
      <c r="AE32674">
        <v>38</v>
      </c>
      <c r="AF32674">
        <v>38</v>
      </c>
      <c r="AG32674">
        <v>38</v>
      </c>
      <c r="AH32674">
        <v>38</v>
      </c>
      <c r="AI32674">
        <v>39</v>
      </c>
      <c r="AJ32674">
        <v>39</v>
      </c>
      <c r="AK32674">
        <v>39</v>
      </c>
      <c r="AL32674">
        <v>39</v>
      </c>
      <c r="AM32674">
        <v>39</v>
      </c>
      <c r="AN32674">
        <v>39</v>
      </c>
      <c r="AO32674">
        <v>39</v>
      </c>
      <c r="AP32674">
        <v>39</v>
      </c>
      <c r="AQ32674">
        <v>39</v>
      </c>
    </row>
    <row r="32675" spans="1:43">
      <c r="A32675" t="s">
        <v>20229</v>
      </c>
      <c r="B32675" t="s">
        <v>20230</v>
      </c>
      <c r="C32675" t="s">
        <v>20173</v>
      </c>
      <c r="D32675" t="s">
        <v>20174</v>
      </c>
      <c r="E32675" t="s">
        <v>20071</v>
      </c>
      <c r="F32675" t="s">
        <v>20072</v>
      </c>
      <c r="G32675" t="s">
        <v>10734</v>
      </c>
      <c r="H32675" t="s">
        <v>10735</v>
      </c>
      <c r="I32675" s="2">
        <v>0</v>
      </c>
      <c r="J32675" s="2">
        <v>0</v>
      </c>
      <c r="K32675" s="2">
        <v>1</v>
      </c>
      <c r="L32675" t="s">
        <v>995</v>
      </c>
      <c r="M32675" t="s">
        <v>87</v>
      </c>
      <c r="N32675" t="s">
        <v>88</v>
      </c>
      <c r="O32675" t="s">
        <v>85</v>
      </c>
      <c r="P32675" t="s">
        <v>86</v>
      </c>
      <c r="Q32675">
        <v>33</v>
      </c>
      <c r="R32675">
        <v>33</v>
      </c>
      <c r="S32675">
        <v>33</v>
      </c>
      <c r="T32675">
        <v>33</v>
      </c>
      <c r="U32675">
        <v>33</v>
      </c>
      <c r="V32675">
        <v>33</v>
      </c>
      <c r="W32675">
        <v>33</v>
      </c>
      <c r="X32675">
        <v>33</v>
      </c>
      <c r="Y32675">
        <v>33</v>
      </c>
      <c r="Z32675">
        <v>33</v>
      </c>
      <c r="AA32675">
        <v>33</v>
      </c>
      <c r="AB32675">
        <v>33</v>
      </c>
      <c r="AC32675">
        <v>33</v>
      </c>
      <c r="AD32675">
        <v>33</v>
      </c>
      <c r="AE32675">
        <v>33</v>
      </c>
      <c r="AF32675">
        <v>33</v>
      </c>
      <c r="AG32675">
        <v>34</v>
      </c>
      <c r="AH32675">
        <v>34</v>
      </c>
      <c r="AI32675">
        <v>34</v>
      </c>
      <c r="AJ32675">
        <v>34</v>
      </c>
      <c r="AK32675">
        <v>34</v>
      </c>
      <c r="AL32675">
        <v>34</v>
      </c>
      <c r="AM32675">
        <v>34</v>
      </c>
      <c r="AN32675">
        <v>34</v>
      </c>
      <c r="AO32675">
        <v>34</v>
      </c>
      <c r="AP32675">
        <v>34</v>
      </c>
      <c r="AQ32675">
        <v>34</v>
      </c>
    </row>
    <row r="32676" spans="1:43">
      <c r="A32676" t="s">
        <v>20229</v>
      </c>
      <c r="B32676" t="s">
        <v>20230</v>
      </c>
      <c r="C32676" t="s">
        <v>20173</v>
      </c>
      <c r="D32676" t="s">
        <v>20174</v>
      </c>
      <c r="E32676" t="s">
        <v>20071</v>
      </c>
      <c r="F32676" t="s">
        <v>20072</v>
      </c>
      <c r="G32676" t="s">
        <v>10734</v>
      </c>
      <c r="H32676" t="s">
        <v>10735</v>
      </c>
      <c r="I32676" s="2">
        <v>0</v>
      </c>
      <c r="J32676" s="2">
        <v>0</v>
      </c>
      <c r="K32676" s="2">
        <v>1</v>
      </c>
      <c r="L32676" t="s">
        <v>995</v>
      </c>
      <c r="M32676" t="s">
        <v>89</v>
      </c>
      <c r="N32676" t="s">
        <v>90</v>
      </c>
      <c r="O32676" t="s">
        <v>85</v>
      </c>
      <c r="P32676" t="s">
        <v>86</v>
      </c>
      <c r="Q32676">
        <v>33</v>
      </c>
      <c r="R32676">
        <v>34</v>
      </c>
      <c r="S32676">
        <v>35</v>
      </c>
      <c r="T32676">
        <v>35</v>
      </c>
      <c r="U32676">
        <v>36</v>
      </c>
      <c r="V32676">
        <v>36</v>
      </c>
      <c r="W32676">
        <v>37</v>
      </c>
      <c r="X32676">
        <v>37</v>
      </c>
      <c r="Y32676">
        <v>38</v>
      </c>
      <c r="Z32676">
        <v>38</v>
      </c>
      <c r="AA32676">
        <v>39</v>
      </c>
      <c r="AB32676">
        <v>39</v>
      </c>
      <c r="AC32676">
        <v>40</v>
      </c>
      <c r="AD32676">
        <v>40</v>
      </c>
      <c r="AE32676">
        <v>40</v>
      </c>
      <c r="AF32676">
        <v>40</v>
      </c>
      <c r="AG32676">
        <v>40</v>
      </c>
      <c r="AH32676">
        <v>40</v>
      </c>
      <c r="AI32676">
        <v>40</v>
      </c>
      <c r="AJ32676">
        <v>40</v>
      </c>
      <c r="AK32676">
        <v>40</v>
      </c>
      <c r="AL32676">
        <v>39</v>
      </c>
      <c r="AM32676">
        <v>39</v>
      </c>
      <c r="AN32676">
        <v>39</v>
      </c>
      <c r="AO32676">
        <v>39</v>
      </c>
      <c r="AP32676">
        <v>39</v>
      </c>
      <c r="AQ32676">
        <v>39</v>
      </c>
    </row>
    <row r="32677" spans="1:43">
      <c r="A32677" t="s">
        <v>20229</v>
      </c>
      <c r="B32677" t="s">
        <v>20230</v>
      </c>
      <c r="C32677" t="s">
        <v>20173</v>
      </c>
      <c r="D32677" t="s">
        <v>20174</v>
      </c>
      <c r="E32677" t="s">
        <v>20071</v>
      </c>
      <c r="F32677" t="s">
        <v>20072</v>
      </c>
      <c r="G32677" t="s">
        <v>10734</v>
      </c>
      <c r="H32677" t="s">
        <v>10735</v>
      </c>
      <c r="I32677" s="2">
        <v>0</v>
      </c>
      <c r="J32677" s="2">
        <v>0</v>
      </c>
      <c r="K32677" s="2">
        <v>1</v>
      </c>
      <c r="L32677" t="s">
        <v>995</v>
      </c>
      <c r="M32677" t="s">
        <v>83</v>
      </c>
      <c r="N32677" t="s">
        <v>91</v>
      </c>
      <c r="O32677" t="s">
        <v>85</v>
      </c>
      <c r="P32677" t="s">
        <v>86</v>
      </c>
      <c r="Q32677">
        <v>33</v>
      </c>
      <c r="R32677">
        <v>33</v>
      </c>
      <c r="S32677">
        <v>34</v>
      </c>
      <c r="T32677">
        <v>34</v>
      </c>
      <c r="U32677">
        <v>34</v>
      </c>
      <c r="V32677">
        <v>35</v>
      </c>
      <c r="W32677">
        <v>35</v>
      </c>
      <c r="X32677">
        <v>35</v>
      </c>
      <c r="Y32677">
        <v>36</v>
      </c>
      <c r="Z32677">
        <v>36</v>
      </c>
      <c r="AA32677">
        <v>37</v>
      </c>
      <c r="AB32677">
        <v>37</v>
      </c>
      <c r="AC32677">
        <v>37</v>
      </c>
      <c r="AD32677">
        <v>37</v>
      </c>
      <c r="AE32677">
        <v>38</v>
      </c>
      <c r="AF32677">
        <v>38</v>
      </c>
      <c r="AG32677">
        <v>38</v>
      </c>
      <c r="AH32677">
        <v>38</v>
      </c>
      <c r="AI32677">
        <v>39</v>
      </c>
      <c r="AJ32677">
        <v>39</v>
      </c>
      <c r="AK32677">
        <v>39</v>
      </c>
      <c r="AL32677">
        <v>39</v>
      </c>
      <c r="AM32677">
        <v>39</v>
      </c>
      <c r="AN32677">
        <v>39</v>
      </c>
      <c r="AO32677">
        <v>39</v>
      </c>
      <c r="AP32677">
        <v>39</v>
      </c>
      <c r="AQ32677">
        <v>39</v>
      </c>
    </row>
    <row r="32678" spans="1:43">
      <c r="A32678" t="s">
        <v>20231</v>
      </c>
      <c r="B32678" t="s">
        <v>20232</v>
      </c>
      <c r="C32678" t="s">
        <v>20233</v>
      </c>
      <c r="D32678" t="s">
        <v>20234</v>
      </c>
      <c r="E32678" t="s">
        <v>20235</v>
      </c>
      <c r="F32678" t="s">
        <v>20236</v>
      </c>
      <c r="G32678" t="s">
        <v>20237</v>
      </c>
      <c r="H32678" t="s">
        <v>20238</v>
      </c>
      <c r="I32678" s="2">
        <v>0</v>
      </c>
      <c r="J32678" s="2">
        <v>0</v>
      </c>
      <c r="K32678" s="2">
        <v>0</v>
      </c>
      <c r="L32678" t="s">
        <v>120</v>
      </c>
      <c r="M32678" t="s">
        <v>83</v>
      </c>
      <c r="N32678" t="s">
        <v>84</v>
      </c>
      <c r="O32678" t="s">
        <v>85</v>
      </c>
      <c r="P32678" t="s">
        <v>86</v>
      </c>
      <c r="Q32678">
        <v>0</v>
      </c>
      <c r="R32678">
        <v>0</v>
      </c>
      <c r="S32678">
        <v>0</v>
      </c>
      <c r="T32678">
        <v>0</v>
      </c>
      <c r="U32678">
        <v>0</v>
      </c>
      <c r="V32678">
        <v>0</v>
      </c>
      <c r="W32678">
        <v>0</v>
      </c>
      <c r="X32678">
        <v>0</v>
      </c>
      <c r="Y32678">
        <v>0</v>
      </c>
      <c r="Z32678">
        <v>0</v>
      </c>
      <c r="AA32678">
        <v>0</v>
      </c>
      <c r="AB32678">
        <v>0</v>
      </c>
      <c r="AC32678">
        <v>0</v>
      </c>
      <c r="AD32678">
        <v>0</v>
      </c>
      <c r="AE32678">
        <v>0</v>
      </c>
      <c r="AF32678">
        <v>0</v>
      </c>
      <c r="AG32678">
        <v>0</v>
      </c>
      <c r="AH32678">
        <v>0</v>
      </c>
      <c r="AI32678">
        <v>0</v>
      </c>
      <c r="AJ32678">
        <v>0</v>
      </c>
      <c r="AK32678">
        <v>0</v>
      </c>
      <c r="AL32678">
        <v>0</v>
      </c>
      <c r="AM32678">
        <v>0</v>
      </c>
      <c r="AN32678">
        <v>0</v>
      </c>
      <c r="AO32678">
        <v>0</v>
      </c>
      <c r="AP32678">
        <v>0</v>
      </c>
      <c r="AQ32678">
        <v>0</v>
      </c>
    </row>
    <row r="32679" spans="1:43">
      <c r="A32679" t="s">
        <v>20231</v>
      </c>
      <c r="B32679" t="s">
        <v>20232</v>
      </c>
      <c r="C32679" t="s">
        <v>20233</v>
      </c>
      <c r="D32679" t="s">
        <v>20234</v>
      </c>
      <c r="E32679" t="s">
        <v>20235</v>
      </c>
      <c r="F32679" t="s">
        <v>20236</v>
      </c>
      <c r="G32679" t="s">
        <v>20237</v>
      </c>
      <c r="H32679" t="s">
        <v>20238</v>
      </c>
      <c r="I32679" s="2">
        <v>0</v>
      </c>
      <c r="J32679" s="2">
        <v>0</v>
      </c>
      <c r="K32679" s="2">
        <v>0</v>
      </c>
      <c r="L32679" t="s">
        <v>120</v>
      </c>
      <c r="M32679" t="s">
        <v>87</v>
      </c>
      <c r="N32679" t="s">
        <v>88</v>
      </c>
      <c r="O32679" t="s">
        <v>85</v>
      </c>
      <c r="P32679" t="s">
        <v>86</v>
      </c>
      <c r="Q32679">
        <v>0</v>
      </c>
      <c r="R32679">
        <v>0</v>
      </c>
      <c r="S32679">
        <v>0</v>
      </c>
      <c r="T32679">
        <v>0</v>
      </c>
      <c r="U32679">
        <v>0</v>
      </c>
      <c r="V32679">
        <v>0</v>
      </c>
      <c r="W32679">
        <v>0</v>
      </c>
      <c r="X32679">
        <v>0</v>
      </c>
      <c r="Y32679">
        <v>0</v>
      </c>
      <c r="Z32679">
        <v>0</v>
      </c>
      <c r="AA32679">
        <v>0</v>
      </c>
      <c r="AB32679">
        <v>0</v>
      </c>
      <c r="AC32679">
        <v>0</v>
      </c>
      <c r="AD32679">
        <v>0</v>
      </c>
      <c r="AE32679">
        <v>0</v>
      </c>
      <c r="AF32679">
        <v>0</v>
      </c>
      <c r="AG32679">
        <v>0</v>
      </c>
      <c r="AH32679">
        <v>0</v>
      </c>
      <c r="AI32679">
        <v>0</v>
      </c>
      <c r="AJ32679">
        <v>0</v>
      </c>
      <c r="AK32679">
        <v>0</v>
      </c>
      <c r="AL32679">
        <v>0</v>
      </c>
      <c r="AM32679">
        <v>0</v>
      </c>
      <c r="AN32679">
        <v>0</v>
      </c>
      <c r="AO32679">
        <v>0</v>
      </c>
      <c r="AP32679">
        <v>0</v>
      </c>
      <c r="AQ32679">
        <v>0</v>
      </c>
    </row>
    <row r="32680" spans="1:43">
      <c r="A32680" t="s">
        <v>20231</v>
      </c>
      <c r="B32680" t="s">
        <v>20232</v>
      </c>
      <c r="C32680" t="s">
        <v>20233</v>
      </c>
      <c r="D32680" t="s">
        <v>20234</v>
      </c>
      <c r="E32680" t="s">
        <v>20235</v>
      </c>
      <c r="F32680" t="s">
        <v>20236</v>
      </c>
      <c r="G32680" t="s">
        <v>20237</v>
      </c>
      <c r="H32680" t="s">
        <v>20238</v>
      </c>
      <c r="I32680" s="2">
        <v>0</v>
      </c>
      <c r="J32680" s="2">
        <v>0</v>
      </c>
      <c r="K32680" s="2">
        <v>0</v>
      </c>
      <c r="L32680" t="s">
        <v>120</v>
      </c>
      <c r="M32680" t="s">
        <v>89</v>
      </c>
      <c r="N32680" t="s">
        <v>90</v>
      </c>
      <c r="O32680" t="s">
        <v>85</v>
      </c>
      <c r="P32680" t="s">
        <v>86</v>
      </c>
      <c r="Q32680">
        <v>0</v>
      </c>
      <c r="R32680">
        <v>0</v>
      </c>
      <c r="S32680">
        <v>0</v>
      </c>
      <c r="T32680">
        <v>0</v>
      </c>
      <c r="U32680">
        <v>0</v>
      </c>
      <c r="V32680">
        <v>0</v>
      </c>
      <c r="W32680">
        <v>0</v>
      </c>
      <c r="X32680">
        <v>0</v>
      </c>
      <c r="Y32680">
        <v>0</v>
      </c>
      <c r="Z32680">
        <v>0</v>
      </c>
      <c r="AA32680">
        <v>0</v>
      </c>
      <c r="AB32680">
        <v>0</v>
      </c>
      <c r="AC32680">
        <v>0</v>
      </c>
      <c r="AD32680">
        <v>0</v>
      </c>
      <c r="AE32680">
        <v>0</v>
      </c>
      <c r="AF32680">
        <v>0</v>
      </c>
      <c r="AG32680">
        <v>0</v>
      </c>
      <c r="AH32680">
        <v>0</v>
      </c>
      <c r="AI32680">
        <v>0</v>
      </c>
      <c r="AJ32680">
        <v>0</v>
      </c>
      <c r="AK32680">
        <v>0</v>
      </c>
      <c r="AL32680">
        <v>0</v>
      </c>
      <c r="AM32680">
        <v>0</v>
      </c>
      <c r="AN32680">
        <v>0</v>
      </c>
      <c r="AO32680">
        <v>0</v>
      </c>
      <c r="AP32680">
        <v>0</v>
      </c>
      <c r="AQ32680">
        <v>0</v>
      </c>
    </row>
    <row r="32681" spans="1:43">
      <c r="A32681" t="s">
        <v>20231</v>
      </c>
      <c r="B32681" t="s">
        <v>20232</v>
      </c>
      <c r="C32681" t="s">
        <v>20233</v>
      </c>
      <c r="D32681" t="s">
        <v>20234</v>
      </c>
      <c r="E32681" t="s">
        <v>20235</v>
      </c>
      <c r="F32681" t="s">
        <v>20236</v>
      </c>
      <c r="G32681" t="s">
        <v>20237</v>
      </c>
      <c r="H32681" t="s">
        <v>20238</v>
      </c>
      <c r="I32681" s="2">
        <v>0</v>
      </c>
      <c r="J32681" s="2">
        <v>0</v>
      </c>
      <c r="K32681" s="2">
        <v>0</v>
      </c>
      <c r="L32681" t="s">
        <v>120</v>
      </c>
      <c r="M32681" t="s">
        <v>83</v>
      </c>
      <c r="N32681" t="s">
        <v>91</v>
      </c>
      <c r="O32681" t="s">
        <v>85</v>
      </c>
      <c r="P32681" t="s">
        <v>86</v>
      </c>
      <c r="Q32681">
        <v>0</v>
      </c>
      <c r="R32681">
        <v>0</v>
      </c>
      <c r="S32681">
        <v>0</v>
      </c>
      <c r="T32681">
        <v>0</v>
      </c>
      <c r="U32681">
        <v>0</v>
      </c>
      <c r="V32681">
        <v>0</v>
      </c>
      <c r="W32681">
        <v>0</v>
      </c>
      <c r="X32681">
        <v>0</v>
      </c>
      <c r="Y32681">
        <v>0</v>
      </c>
      <c r="Z32681">
        <v>0</v>
      </c>
      <c r="AA32681">
        <v>0</v>
      </c>
      <c r="AB32681">
        <v>0</v>
      </c>
      <c r="AC32681">
        <v>0</v>
      </c>
      <c r="AD32681">
        <v>0</v>
      </c>
      <c r="AE32681">
        <v>0</v>
      </c>
      <c r="AF32681">
        <v>0</v>
      </c>
      <c r="AG32681">
        <v>0</v>
      </c>
      <c r="AH32681">
        <v>0</v>
      </c>
      <c r="AI32681">
        <v>0</v>
      </c>
      <c r="AJ32681">
        <v>0</v>
      </c>
      <c r="AK32681">
        <v>0</v>
      </c>
      <c r="AL32681">
        <v>0</v>
      </c>
      <c r="AM32681">
        <v>0</v>
      </c>
      <c r="AN32681">
        <v>0</v>
      </c>
      <c r="AO32681">
        <v>0</v>
      </c>
      <c r="AP32681">
        <v>0</v>
      </c>
      <c r="AQ32681">
        <v>0</v>
      </c>
    </row>
    <row r="32682" spans="1:43">
      <c r="A32682" t="s">
        <v>20239</v>
      </c>
      <c r="B32682" t="s">
        <v>20240</v>
      </c>
      <c r="C32682" t="s">
        <v>20241</v>
      </c>
      <c r="D32682" t="s">
        <v>20242</v>
      </c>
      <c r="E32682" t="s">
        <v>20235</v>
      </c>
      <c r="F32682" t="s">
        <v>20236</v>
      </c>
      <c r="G32682" t="s">
        <v>20237</v>
      </c>
      <c r="H32682" t="s">
        <v>20238</v>
      </c>
      <c r="I32682" s="2">
        <v>0.01</v>
      </c>
      <c r="J32682" s="2">
        <v>0</v>
      </c>
      <c r="K32682" s="2">
        <v>0</v>
      </c>
      <c r="L32682" t="s">
        <v>120</v>
      </c>
      <c r="M32682" t="s">
        <v>83</v>
      </c>
      <c r="N32682" t="s">
        <v>84</v>
      </c>
      <c r="O32682" t="s">
        <v>85</v>
      </c>
      <c r="P32682" t="s">
        <v>86</v>
      </c>
      <c r="Q32682">
        <v>0</v>
      </c>
      <c r="R32682">
        <v>0</v>
      </c>
      <c r="S32682">
        <v>0</v>
      </c>
      <c r="T32682">
        <v>0</v>
      </c>
      <c r="U32682">
        <v>0</v>
      </c>
      <c r="V32682">
        <v>0</v>
      </c>
      <c r="W32682">
        <v>0</v>
      </c>
      <c r="X32682">
        <v>0</v>
      </c>
      <c r="Y32682">
        <v>0</v>
      </c>
      <c r="Z32682">
        <v>0</v>
      </c>
      <c r="AA32682">
        <v>0</v>
      </c>
      <c r="AB32682">
        <v>0</v>
      </c>
      <c r="AC32682">
        <v>0</v>
      </c>
      <c r="AD32682">
        <v>0</v>
      </c>
      <c r="AE32682">
        <v>0</v>
      </c>
      <c r="AF32682">
        <v>0</v>
      </c>
      <c r="AG32682">
        <v>0</v>
      </c>
      <c r="AH32682">
        <v>0</v>
      </c>
      <c r="AI32682">
        <v>0</v>
      </c>
      <c r="AJ32682">
        <v>0</v>
      </c>
      <c r="AK32682">
        <v>0</v>
      </c>
      <c r="AL32682">
        <v>0</v>
      </c>
      <c r="AM32682">
        <v>0</v>
      </c>
      <c r="AN32682">
        <v>0</v>
      </c>
      <c r="AO32682">
        <v>0</v>
      </c>
      <c r="AP32682">
        <v>0</v>
      </c>
      <c r="AQ32682">
        <v>0</v>
      </c>
    </row>
    <row r="32683" spans="1:43">
      <c r="A32683" t="s">
        <v>20239</v>
      </c>
      <c r="B32683" t="s">
        <v>20240</v>
      </c>
      <c r="C32683" t="s">
        <v>20241</v>
      </c>
      <c r="D32683" t="s">
        <v>20242</v>
      </c>
      <c r="E32683" t="s">
        <v>20235</v>
      </c>
      <c r="F32683" t="s">
        <v>20236</v>
      </c>
      <c r="G32683" t="s">
        <v>20237</v>
      </c>
      <c r="H32683" t="s">
        <v>20238</v>
      </c>
      <c r="I32683" s="2">
        <v>0.01</v>
      </c>
      <c r="J32683" s="2">
        <v>0</v>
      </c>
      <c r="K32683" s="2">
        <v>0</v>
      </c>
      <c r="L32683" t="s">
        <v>120</v>
      </c>
      <c r="M32683" t="s">
        <v>87</v>
      </c>
      <c r="N32683" t="s">
        <v>88</v>
      </c>
      <c r="O32683" t="s">
        <v>85</v>
      </c>
      <c r="P32683" t="s">
        <v>86</v>
      </c>
      <c r="Q32683">
        <v>0</v>
      </c>
      <c r="R32683">
        <v>0</v>
      </c>
      <c r="S32683">
        <v>0</v>
      </c>
      <c r="T32683">
        <v>0</v>
      </c>
      <c r="U32683">
        <v>0</v>
      </c>
      <c r="V32683">
        <v>0</v>
      </c>
      <c r="W32683">
        <v>0</v>
      </c>
      <c r="X32683">
        <v>0</v>
      </c>
      <c r="Y32683">
        <v>0</v>
      </c>
      <c r="Z32683">
        <v>0</v>
      </c>
      <c r="AA32683">
        <v>0</v>
      </c>
      <c r="AB32683">
        <v>0</v>
      </c>
      <c r="AC32683">
        <v>0</v>
      </c>
      <c r="AD32683">
        <v>0</v>
      </c>
      <c r="AE32683">
        <v>0</v>
      </c>
      <c r="AF32683">
        <v>0</v>
      </c>
      <c r="AG32683">
        <v>0</v>
      </c>
      <c r="AH32683">
        <v>0</v>
      </c>
      <c r="AI32683">
        <v>0</v>
      </c>
      <c r="AJ32683">
        <v>0</v>
      </c>
      <c r="AK32683">
        <v>0</v>
      </c>
      <c r="AL32683">
        <v>0</v>
      </c>
      <c r="AM32683">
        <v>0</v>
      </c>
      <c r="AN32683">
        <v>0</v>
      </c>
      <c r="AO32683">
        <v>0</v>
      </c>
      <c r="AP32683">
        <v>0</v>
      </c>
      <c r="AQ32683">
        <v>0</v>
      </c>
    </row>
    <row r="32684" spans="1:43">
      <c r="A32684" t="s">
        <v>20239</v>
      </c>
      <c r="B32684" t="s">
        <v>20240</v>
      </c>
      <c r="C32684" t="s">
        <v>20241</v>
      </c>
      <c r="D32684" t="s">
        <v>20242</v>
      </c>
      <c r="E32684" t="s">
        <v>20235</v>
      </c>
      <c r="F32684" t="s">
        <v>20236</v>
      </c>
      <c r="G32684" t="s">
        <v>20237</v>
      </c>
      <c r="H32684" t="s">
        <v>20238</v>
      </c>
      <c r="I32684" s="2">
        <v>0.01</v>
      </c>
      <c r="J32684" s="2">
        <v>0</v>
      </c>
      <c r="K32684" s="2">
        <v>0</v>
      </c>
      <c r="L32684" t="s">
        <v>120</v>
      </c>
      <c r="M32684" t="s">
        <v>89</v>
      </c>
      <c r="N32684" t="s">
        <v>90</v>
      </c>
      <c r="O32684" t="s">
        <v>85</v>
      </c>
      <c r="P32684" t="s">
        <v>86</v>
      </c>
      <c r="Q32684">
        <v>0</v>
      </c>
      <c r="R32684">
        <v>0</v>
      </c>
      <c r="S32684">
        <v>0</v>
      </c>
      <c r="T32684">
        <v>0</v>
      </c>
      <c r="U32684">
        <v>0</v>
      </c>
      <c r="V32684">
        <v>0</v>
      </c>
      <c r="W32684">
        <v>0</v>
      </c>
      <c r="X32684">
        <v>0</v>
      </c>
      <c r="Y32684">
        <v>0</v>
      </c>
      <c r="Z32684">
        <v>0</v>
      </c>
      <c r="AA32684">
        <v>0</v>
      </c>
      <c r="AB32684">
        <v>0</v>
      </c>
      <c r="AC32684">
        <v>0</v>
      </c>
      <c r="AD32684">
        <v>0</v>
      </c>
      <c r="AE32684">
        <v>0</v>
      </c>
      <c r="AF32684">
        <v>0</v>
      </c>
      <c r="AG32684">
        <v>0</v>
      </c>
      <c r="AH32684">
        <v>0</v>
      </c>
      <c r="AI32684">
        <v>0</v>
      </c>
      <c r="AJ32684">
        <v>0</v>
      </c>
      <c r="AK32684">
        <v>0</v>
      </c>
      <c r="AL32684">
        <v>0</v>
      </c>
      <c r="AM32684">
        <v>0</v>
      </c>
      <c r="AN32684">
        <v>0</v>
      </c>
      <c r="AO32684">
        <v>0</v>
      </c>
      <c r="AP32684">
        <v>0</v>
      </c>
      <c r="AQ32684">
        <v>0</v>
      </c>
    </row>
    <row r="32685" spans="1:43">
      <c r="A32685" t="s">
        <v>20239</v>
      </c>
      <c r="B32685" t="s">
        <v>20240</v>
      </c>
      <c r="C32685" t="s">
        <v>20241</v>
      </c>
      <c r="D32685" t="s">
        <v>20242</v>
      </c>
      <c r="E32685" t="s">
        <v>20235</v>
      </c>
      <c r="F32685" t="s">
        <v>20236</v>
      </c>
      <c r="G32685" t="s">
        <v>20237</v>
      </c>
      <c r="H32685" t="s">
        <v>20238</v>
      </c>
      <c r="I32685" s="2">
        <v>0.01</v>
      </c>
      <c r="J32685" s="2">
        <v>0</v>
      </c>
      <c r="K32685" s="2">
        <v>0</v>
      </c>
      <c r="L32685" t="s">
        <v>120</v>
      </c>
      <c r="M32685" t="s">
        <v>83</v>
      </c>
      <c r="N32685" t="s">
        <v>91</v>
      </c>
      <c r="O32685" t="s">
        <v>85</v>
      </c>
      <c r="P32685" t="s">
        <v>86</v>
      </c>
      <c r="Q32685">
        <v>0</v>
      </c>
      <c r="R32685">
        <v>0</v>
      </c>
      <c r="S32685">
        <v>0</v>
      </c>
      <c r="T32685">
        <v>0</v>
      </c>
      <c r="U32685">
        <v>0</v>
      </c>
      <c r="V32685">
        <v>0</v>
      </c>
      <c r="W32685">
        <v>0</v>
      </c>
      <c r="X32685">
        <v>0</v>
      </c>
      <c r="Y32685">
        <v>0</v>
      </c>
      <c r="Z32685">
        <v>0</v>
      </c>
      <c r="AA32685">
        <v>0</v>
      </c>
      <c r="AB32685">
        <v>0</v>
      </c>
      <c r="AC32685">
        <v>0</v>
      </c>
      <c r="AD32685">
        <v>0</v>
      </c>
      <c r="AE32685">
        <v>0</v>
      </c>
      <c r="AF32685">
        <v>0</v>
      </c>
      <c r="AG32685">
        <v>0</v>
      </c>
      <c r="AH32685">
        <v>0</v>
      </c>
      <c r="AI32685">
        <v>0</v>
      </c>
      <c r="AJ32685">
        <v>0</v>
      </c>
      <c r="AK32685">
        <v>0</v>
      </c>
      <c r="AL32685">
        <v>0</v>
      </c>
      <c r="AM32685">
        <v>0</v>
      </c>
      <c r="AN32685">
        <v>0</v>
      </c>
      <c r="AO32685">
        <v>0</v>
      </c>
      <c r="AP32685">
        <v>0</v>
      </c>
      <c r="AQ32685">
        <v>0</v>
      </c>
    </row>
    <row r="32686" spans="1:43">
      <c r="A32686" t="s">
        <v>20243</v>
      </c>
      <c r="B32686" t="s">
        <v>20244</v>
      </c>
      <c r="C32686" t="s">
        <v>20241</v>
      </c>
      <c r="D32686" t="s">
        <v>20242</v>
      </c>
      <c r="E32686" t="s">
        <v>20235</v>
      </c>
      <c r="F32686" t="s">
        <v>20236</v>
      </c>
      <c r="G32686" t="s">
        <v>20237</v>
      </c>
      <c r="H32686" t="s">
        <v>20238</v>
      </c>
      <c r="I32686" s="2">
        <v>0.01</v>
      </c>
      <c r="J32686" s="2">
        <v>0</v>
      </c>
      <c r="K32686" s="2">
        <v>0</v>
      </c>
      <c r="L32686" t="s">
        <v>120</v>
      </c>
      <c r="M32686" t="s">
        <v>83</v>
      </c>
      <c r="N32686" t="s">
        <v>84</v>
      </c>
      <c r="O32686" t="s">
        <v>85</v>
      </c>
      <c r="P32686" t="s">
        <v>86</v>
      </c>
      <c r="Q32686">
        <v>0</v>
      </c>
      <c r="R32686">
        <v>0</v>
      </c>
      <c r="S32686">
        <v>0</v>
      </c>
      <c r="T32686">
        <v>0</v>
      </c>
      <c r="U32686">
        <v>0</v>
      </c>
      <c r="V32686">
        <v>0</v>
      </c>
      <c r="W32686">
        <v>0</v>
      </c>
      <c r="X32686">
        <v>0</v>
      </c>
      <c r="Y32686">
        <v>0</v>
      </c>
      <c r="Z32686">
        <v>0</v>
      </c>
      <c r="AA32686">
        <v>0</v>
      </c>
      <c r="AB32686">
        <v>0</v>
      </c>
      <c r="AC32686">
        <v>0</v>
      </c>
      <c r="AD32686">
        <v>0</v>
      </c>
      <c r="AE32686">
        <v>0</v>
      </c>
      <c r="AF32686">
        <v>0</v>
      </c>
      <c r="AG32686">
        <v>0</v>
      </c>
      <c r="AH32686">
        <v>0</v>
      </c>
      <c r="AI32686">
        <v>0</v>
      </c>
      <c r="AJ32686">
        <v>0</v>
      </c>
      <c r="AK32686">
        <v>0</v>
      </c>
      <c r="AL32686">
        <v>0</v>
      </c>
      <c r="AM32686">
        <v>0</v>
      </c>
      <c r="AN32686">
        <v>0</v>
      </c>
      <c r="AO32686">
        <v>0</v>
      </c>
      <c r="AP32686">
        <v>0</v>
      </c>
      <c r="AQ32686">
        <v>0</v>
      </c>
    </row>
    <row r="32687" spans="1:43">
      <c r="A32687" t="s">
        <v>20243</v>
      </c>
      <c r="B32687" t="s">
        <v>20244</v>
      </c>
      <c r="C32687" t="s">
        <v>20241</v>
      </c>
      <c r="D32687" t="s">
        <v>20242</v>
      </c>
      <c r="E32687" t="s">
        <v>20235</v>
      </c>
      <c r="F32687" t="s">
        <v>20236</v>
      </c>
      <c r="G32687" t="s">
        <v>20237</v>
      </c>
      <c r="H32687" t="s">
        <v>20238</v>
      </c>
      <c r="I32687" s="2">
        <v>0.01</v>
      </c>
      <c r="J32687" s="2">
        <v>0</v>
      </c>
      <c r="K32687" s="2">
        <v>0</v>
      </c>
      <c r="L32687" t="s">
        <v>120</v>
      </c>
      <c r="M32687" t="s">
        <v>87</v>
      </c>
      <c r="N32687" t="s">
        <v>88</v>
      </c>
      <c r="O32687" t="s">
        <v>85</v>
      </c>
      <c r="P32687" t="s">
        <v>86</v>
      </c>
      <c r="Q32687">
        <v>0</v>
      </c>
      <c r="R32687">
        <v>0</v>
      </c>
      <c r="S32687">
        <v>0</v>
      </c>
      <c r="T32687">
        <v>0</v>
      </c>
      <c r="U32687">
        <v>0</v>
      </c>
      <c r="V32687">
        <v>0</v>
      </c>
      <c r="W32687">
        <v>0</v>
      </c>
      <c r="X32687">
        <v>0</v>
      </c>
      <c r="Y32687">
        <v>0</v>
      </c>
      <c r="Z32687">
        <v>0</v>
      </c>
      <c r="AA32687">
        <v>0</v>
      </c>
      <c r="AB32687">
        <v>0</v>
      </c>
      <c r="AC32687">
        <v>0</v>
      </c>
      <c r="AD32687">
        <v>0</v>
      </c>
      <c r="AE32687">
        <v>0</v>
      </c>
      <c r="AF32687">
        <v>0</v>
      </c>
      <c r="AG32687">
        <v>0</v>
      </c>
      <c r="AH32687">
        <v>0</v>
      </c>
      <c r="AI32687">
        <v>0</v>
      </c>
      <c r="AJ32687">
        <v>0</v>
      </c>
      <c r="AK32687">
        <v>0</v>
      </c>
      <c r="AL32687">
        <v>0</v>
      </c>
      <c r="AM32687">
        <v>0</v>
      </c>
      <c r="AN32687">
        <v>0</v>
      </c>
      <c r="AO32687">
        <v>0</v>
      </c>
      <c r="AP32687">
        <v>0</v>
      </c>
      <c r="AQ32687">
        <v>0</v>
      </c>
    </row>
    <row r="32688" spans="1:43">
      <c r="A32688" t="s">
        <v>20243</v>
      </c>
      <c r="B32688" t="s">
        <v>20244</v>
      </c>
      <c r="C32688" t="s">
        <v>20241</v>
      </c>
      <c r="D32688" t="s">
        <v>20242</v>
      </c>
      <c r="E32688" t="s">
        <v>20235</v>
      </c>
      <c r="F32688" t="s">
        <v>20236</v>
      </c>
      <c r="G32688" t="s">
        <v>20237</v>
      </c>
      <c r="H32688" t="s">
        <v>20238</v>
      </c>
      <c r="I32688" s="2">
        <v>0.01</v>
      </c>
      <c r="J32688" s="2">
        <v>0</v>
      </c>
      <c r="K32688" s="2">
        <v>0</v>
      </c>
      <c r="L32688" t="s">
        <v>120</v>
      </c>
      <c r="M32688" t="s">
        <v>89</v>
      </c>
      <c r="N32688" t="s">
        <v>90</v>
      </c>
      <c r="O32688" t="s">
        <v>85</v>
      </c>
      <c r="P32688" t="s">
        <v>86</v>
      </c>
      <c r="Q32688">
        <v>0</v>
      </c>
      <c r="R32688">
        <v>0</v>
      </c>
      <c r="S32688">
        <v>0</v>
      </c>
      <c r="T32688">
        <v>0</v>
      </c>
      <c r="U32688">
        <v>0</v>
      </c>
      <c r="V32688">
        <v>0</v>
      </c>
      <c r="W32688">
        <v>0</v>
      </c>
      <c r="X32688">
        <v>0</v>
      </c>
      <c r="Y32688">
        <v>0</v>
      </c>
      <c r="Z32688">
        <v>0</v>
      </c>
      <c r="AA32688">
        <v>0</v>
      </c>
      <c r="AB32688">
        <v>0</v>
      </c>
      <c r="AC32688">
        <v>0</v>
      </c>
      <c r="AD32688">
        <v>0</v>
      </c>
      <c r="AE32688">
        <v>0</v>
      </c>
      <c r="AF32688">
        <v>0</v>
      </c>
      <c r="AG32688">
        <v>0</v>
      </c>
      <c r="AH32688">
        <v>0</v>
      </c>
      <c r="AI32688">
        <v>0</v>
      </c>
      <c r="AJ32688">
        <v>0</v>
      </c>
      <c r="AK32688">
        <v>0</v>
      </c>
      <c r="AL32688">
        <v>0</v>
      </c>
      <c r="AM32688">
        <v>0</v>
      </c>
      <c r="AN32688">
        <v>0</v>
      </c>
      <c r="AO32688">
        <v>0</v>
      </c>
      <c r="AP32688">
        <v>0</v>
      </c>
      <c r="AQ32688">
        <v>0</v>
      </c>
    </row>
    <row r="32689" spans="1:43">
      <c r="A32689" t="s">
        <v>20243</v>
      </c>
      <c r="B32689" t="s">
        <v>20244</v>
      </c>
      <c r="C32689" t="s">
        <v>20241</v>
      </c>
      <c r="D32689" t="s">
        <v>20242</v>
      </c>
      <c r="E32689" t="s">
        <v>20235</v>
      </c>
      <c r="F32689" t="s">
        <v>20236</v>
      </c>
      <c r="G32689" t="s">
        <v>20237</v>
      </c>
      <c r="H32689" t="s">
        <v>20238</v>
      </c>
      <c r="I32689" s="2">
        <v>0.01</v>
      </c>
      <c r="J32689" s="2">
        <v>0</v>
      </c>
      <c r="K32689" s="2">
        <v>0</v>
      </c>
      <c r="L32689" t="s">
        <v>120</v>
      </c>
      <c r="M32689" t="s">
        <v>83</v>
      </c>
      <c r="N32689" t="s">
        <v>91</v>
      </c>
      <c r="O32689" t="s">
        <v>85</v>
      </c>
      <c r="P32689" t="s">
        <v>86</v>
      </c>
      <c r="Q32689">
        <v>0</v>
      </c>
      <c r="R32689">
        <v>0</v>
      </c>
      <c r="S32689">
        <v>0</v>
      </c>
      <c r="T32689">
        <v>0</v>
      </c>
      <c r="U32689">
        <v>0</v>
      </c>
      <c r="V32689">
        <v>0</v>
      </c>
      <c r="W32689">
        <v>0</v>
      </c>
      <c r="X32689">
        <v>0</v>
      </c>
      <c r="Y32689">
        <v>0</v>
      </c>
      <c r="Z32689">
        <v>0</v>
      </c>
      <c r="AA32689">
        <v>0</v>
      </c>
      <c r="AB32689">
        <v>0</v>
      </c>
      <c r="AC32689">
        <v>0</v>
      </c>
      <c r="AD32689">
        <v>0</v>
      </c>
      <c r="AE32689">
        <v>0</v>
      </c>
      <c r="AF32689">
        <v>0</v>
      </c>
      <c r="AG32689">
        <v>0</v>
      </c>
      <c r="AH32689">
        <v>0</v>
      </c>
      <c r="AI32689">
        <v>0</v>
      </c>
      <c r="AJ32689">
        <v>0</v>
      </c>
      <c r="AK32689">
        <v>0</v>
      </c>
      <c r="AL32689">
        <v>0</v>
      </c>
      <c r="AM32689">
        <v>0</v>
      </c>
      <c r="AN32689">
        <v>0</v>
      </c>
      <c r="AO32689">
        <v>0</v>
      </c>
      <c r="AP32689">
        <v>0</v>
      </c>
      <c r="AQ32689">
        <v>0</v>
      </c>
    </row>
    <row r="32690" spans="1:43">
      <c r="A32690" t="s">
        <v>20245</v>
      </c>
      <c r="B32690" t="s">
        <v>20246</v>
      </c>
      <c r="C32690" t="s">
        <v>20247</v>
      </c>
      <c r="D32690" t="s">
        <v>20248</v>
      </c>
      <c r="E32690" t="s">
        <v>20235</v>
      </c>
      <c r="F32690" t="s">
        <v>20236</v>
      </c>
      <c r="G32690" t="s">
        <v>20237</v>
      </c>
      <c r="H32690" t="s">
        <v>20238</v>
      </c>
      <c r="I32690" s="2">
        <v>0</v>
      </c>
      <c r="J32690" s="2">
        <v>0</v>
      </c>
      <c r="K32690" s="2">
        <v>0</v>
      </c>
      <c r="L32690" t="s">
        <v>120</v>
      </c>
      <c r="M32690" t="s">
        <v>83</v>
      </c>
      <c r="N32690" t="s">
        <v>84</v>
      </c>
      <c r="O32690" t="s">
        <v>85</v>
      </c>
      <c r="P32690" t="s">
        <v>86</v>
      </c>
      <c r="Q32690">
        <v>0</v>
      </c>
      <c r="R32690">
        <v>0</v>
      </c>
      <c r="S32690">
        <v>0</v>
      </c>
      <c r="T32690">
        <v>0</v>
      </c>
      <c r="U32690">
        <v>0</v>
      </c>
      <c r="V32690">
        <v>0</v>
      </c>
      <c r="W32690">
        <v>0</v>
      </c>
      <c r="X32690">
        <v>1</v>
      </c>
      <c r="Y32690">
        <v>1</v>
      </c>
      <c r="Z32690">
        <v>1</v>
      </c>
      <c r="AA32690">
        <v>1</v>
      </c>
      <c r="AB32690">
        <v>1</v>
      </c>
      <c r="AC32690">
        <v>1</v>
      </c>
      <c r="AD32690">
        <v>1</v>
      </c>
      <c r="AE32690">
        <v>1</v>
      </c>
      <c r="AF32690">
        <v>1</v>
      </c>
      <c r="AG32690">
        <v>1</v>
      </c>
      <c r="AH32690">
        <v>1</v>
      </c>
      <c r="AI32690">
        <v>1</v>
      </c>
      <c r="AJ32690">
        <v>1</v>
      </c>
      <c r="AK32690">
        <v>1</v>
      </c>
      <c r="AL32690">
        <v>1</v>
      </c>
      <c r="AM32690">
        <v>1</v>
      </c>
      <c r="AN32690">
        <v>1</v>
      </c>
      <c r="AO32690">
        <v>1</v>
      </c>
      <c r="AP32690">
        <v>1</v>
      </c>
      <c r="AQ32690">
        <v>1</v>
      </c>
    </row>
    <row r="32691" spans="1:43">
      <c r="A32691" t="s">
        <v>20245</v>
      </c>
      <c r="B32691" t="s">
        <v>20246</v>
      </c>
      <c r="C32691" t="s">
        <v>20247</v>
      </c>
      <c r="D32691" t="s">
        <v>20248</v>
      </c>
      <c r="E32691" t="s">
        <v>20235</v>
      </c>
      <c r="F32691" t="s">
        <v>20236</v>
      </c>
      <c r="G32691" t="s">
        <v>20237</v>
      </c>
      <c r="H32691" t="s">
        <v>20238</v>
      </c>
      <c r="I32691" s="2">
        <v>0</v>
      </c>
      <c r="J32691" s="2">
        <v>0</v>
      </c>
      <c r="K32691" s="2">
        <v>0</v>
      </c>
      <c r="L32691" t="s">
        <v>120</v>
      </c>
      <c r="M32691" t="s">
        <v>87</v>
      </c>
      <c r="N32691" t="s">
        <v>88</v>
      </c>
      <c r="O32691" t="s">
        <v>85</v>
      </c>
      <c r="P32691" t="s">
        <v>86</v>
      </c>
      <c r="Q32691">
        <v>0</v>
      </c>
      <c r="R32691">
        <v>0</v>
      </c>
      <c r="S32691">
        <v>0</v>
      </c>
      <c r="T32691">
        <v>0</v>
      </c>
      <c r="U32691">
        <v>0</v>
      </c>
      <c r="V32691">
        <v>0</v>
      </c>
      <c r="W32691">
        <v>0</v>
      </c>
      <c r="X32691">
        <v>0</v>
      </c>
      <c r="Y32691">
        <v>0</v>
      </c>
      <c r="Z32691">
        <v>0</v>
      </c>
      <c r="AA32691">
        <v>0</v>
      </c>
      <c r="AB32691">
        <v>1</v>
      </c>
      <c r="AC32691">
        <v>1</v>
      </c>
      <c r="AD32691">
        <v>1</v>
      </c>
      <c r="AE32691">
        <v>1</v>
      </c>
      <c r="AF32691">
        <v>1</v>
      </c>
      <c r="AG32691">
        <v>1</v>
      </c>
      <c r="AH32691">
        <v>1</v>
      </c>
      <c r="AI32691">
        <v>1</v>
      </c>
      <c r="AJ32691">
        <v>1</v>
      </c>
      <c r="AK32691">
        <v>1</v>
      </c>
      <c r="AL32691">
        <v>1</v>
      </c>
      <c r="AM32691">
        <v>1</v>
      </c>
      <c r="AN32691">
        <v>1</v>
      </c>
      <c r="AO32691">
        <v>1</v>
      </c>
      <c r="AP32691">
        <v>1</v>
      </c>
      <c r="AQ32691">
        <v>1</v>
      </c>
    </row>
    <row r="32692" spans="1:43">
      <c r="A32692" t="s">
        <v>20245</v>
      </c>
      <c r="B32692" t="s">
        <v>20246</v>
      </c>
      <c r="C32692" t="s">
        <v>20247</v>
      </c>
      <c r="D32692" t="s">
        <v>20248</v>
      </c>
      <c r="E32692" t="s">
        <v>20235</v>
      </c>
      <c r="F32692" t="s">
        <v>20236</v>
      </c>
      <c r="G32692" t="s">
        <v>20237</v>
      </c>
      <c r="H32692" t="s">
        <v>20238</v>
      </c>
      <c r="I32692" s="2">
        <v>0</v>
      </c>
      <c r="J32692" s="2">
        <v>0</v>
      </c>
      <c r="K32692" s="2">
        <v>0</v>
      </c>
      <c r="L32692" t="s">
        <v>120</v>
      </c>
      <c r="M32692" t="s">
        <v>89</v>
      </c>
      <c r="N32692" t="s">
        <v>90</v>
      </c>
      <c r="O32692" t="s">
        <v>85</v>
      </c>
      <c r="P32692" t="s">
        <v>86</v>
      </c>
      <c r="Q32692">
        <v>0</v>
      </c>
      <c r="R32692">
        <v>0</v>
      </c>
      <c r="S32692">
        <v>0</v>
      </c>
      <c r="T32692">
        <v>0</v>
      </c>
      <c r="U32692">
        <v>0</v>
      </c>
      <c r="V32692">
        <v>1</v>
      </c>
      <c r="W32692">
        <v>1</v>
      </c>
      <c r="X32692">
        <v>1</v>
      </c>
      <c r="Y32692">
        <v>1</v>
      </c>
      <c r="Z32692">
        <v>1</v>
      </c>
      <c r="AA32692">
        <v>1</v>
      </c>
      <c r="AB32692">
        <v>1</v>
      </c>
      <c r="AC32692">
        <v>1</v>
      </c>
      <c r="AD32692">
        <v>1</v>
      </c>
      <c r="AE32692">
        <v>1</v>
      </c>
      <c r="AF32692">
        <v>1</v>
      </c>
      <c r="AG32692">
        <v>1</v>
      </c>
      <c r="AH32692">
        <v>1</v>
      </c>
      <c r="AI32692">
        <v>1</v>
      </c>
      <c r="AJ32692">
        <v>1</v>
      </c>
      <c r="AK32692">
        <v>1</v>
      </c>
      <c r="AL32692">
        <v>1</v>
      </c>
      <c r="AM32692">
        <v>1</v>
      </c>
      <c r="AN32692">
        <v>1</v>
      </c>
      <c r="AO32692">
        <v>1</v>
      </c>
      <c r="AP32692">
        <v>1</v>
      </c>
      <c r="AQ32692">
        <v>1</v>
      </c>
    </row>
    <row r="32693" spans="1:43">
      <c r="A32693" t="s">
        <v>20245</v>
      </c>
      <c r="B32693" t="s">
        <v>20246</v>
      </c>
      <c r="C32693" t="s">
        <v>20247</v>
      </c>
      <c r="D32693" t="s">
        <v>20248</v>
      </c>
      <c r="E32693" t="s">
        <v>20235</v>
      </c>
      <c r="F32693" t="s">
        <v>20236</v>
      </c>
      <c r="G32693" t="s">
        <v>20237</v>
      </c>
      <c r="H32693" t="s">
        <v>20238</v>
      </c>
      <c r="I32693" s="2">
        <v>0</v>
      </c>
      <c r="J32693" s="2">
        <v>0</v>
      </c>
      <c r="K32693" s="2">
        <v>0</v>
      </c>
      <c r="L32693" t="s">
        <v>120</v>
      </c>
      <c r="M32693" t="s">
        <v>83</v>
      </c>
      <c r="N32693" t="s">
        <v>91</v>
      </c>
      <c r="O32693" t="s">
        <v>85</v>
      </c>
      <c r="P32693" t="s">
        <v>86</v>
      </c>
      <c r="Q32693">
        <v>0</v>
      </c>
      <c r="R32693">
        <v>0</v>
      </c>
      <c r="S32693">
        <v>0</v>
      </c>
      <c r="T32693">
        <v>0</v>
      </c>
      <c r="U32693">
        <v>0</v>
      </c>
      <c r="V32693">
        <v>0</v>
      </c>
      <c r="W32693">
        <v>0</v>
      </c>
      <c r="X32693">
        <v>1</v>
      </c>
      <c r="Y32693">
        <v>1</v>
      </c>
      <c r="Z32693">
        <v>1</v>
      </c>
      <c r="AA32693">
        <v>1</v>
      </c>
      <c r="AB32693">
        <v>1</v>
      </c>
      <c r="AC32693">
        <v>1</v>
      </c>
      <c r="AD32693">
        <v>1</v>
      </c>
      <c r="AE32693">
        <v>1</v>
      </c>
      <c r="AF32693">
        <v>1</v>
      </c>
      <c r="AG32693">
        <v>1</v>
      </c>
      <c r="AH32693">
        <v>1</v>
      </c>
      <c r="AI32693">
        <v>1</v>
      </c>
      <c r="AJ32693">
        <v>1</v>
      </c>
      <c r="AK32693">
        <v>1</v>
      </c>
      <c r="AL32693">
        <v>1</v>
      </c>
      <c r="AM32693">
        <v>1</v>
      </c>
      <c r="AN32693">
        <v>1</v>
      </c>
      <c r="AO32693">
        <v>1</v>
      </c>
      <c r="AP32693">
        <v>1</v>
      </c>
      <c r="AQ32693">
        <v>1</v>
      </c>
    </row>
    <row r="32694" spans="1:43">
      <c r="A32694" t="s">
        <v>20249</v>
      </c>
      <c r="B32694" t="s">
        <v>20250</v>
      </c>
      <c r="C32694" t="s">
        <v>20251</v>
      </c>
      <c r="D32694" t="s">
        <v>20252</v>
      </c>
      <c r="E32694" t="s">
        <v>20253</v>
      </c>
      <c r="F32694" t="s">
        <v>20254</v>
      </c>
      <c r="G32694" t="s">
        <v>20255</v>
      </c>
      <c r="H32694" t="s">
        <v>20256</v>
      </c>
      <c r="I32694" s="2">
        <v>1</v>
      </c>
      <c r="J32694" s="2">
        <v>0</v>
      </c>
      <c r="K32694" s="2">
        <v>0</v>
      </c>
      <c r="L32694" t="s">
        <v>120</v>
      </c>
      <c r="M32694" t="s">
        <v>83</v>
      </c>
      <c r="N32694" t="s">
        <v>84</v>
      </c>
      <c r="O32694" t="s">
        <v>85</v>
      </c>
      <c r="P32694" t="s">
        <v>86</v>
      </c>
      <c r="Q32694">
        <v>20</v>
      </c>
      <c r="R32694">
        <v>21</v>
      </c>
      <c r="S32694">
        <v>21</v>
      </c>
      <c r="T32694">
        <v>21</v>
      </c>
      <c r="U32694">
        <v>21</v>
      </c>
      <c r="V32694">
        <v>22</v>
      </c>
      <c r="W32694">
        <v>22</v>
      </c>
      <c r="X32694">
        <v>22</v>
      </c>
      <c r="Y32694">
        <v>22</v>
      </c>
      <c r="Z32694">
        <v>23</v>
      </c>
      <c r="AA32694">
        <v>23</v>
      </c>
      <c r="AB32694">
        <v>23</v>
      </c>
      <c r="AC32694">
        <v>23</v>
      </c>
      <c r="AD32694">
        <v>23</v>
      </c>
      <c r="AE32694">
        <v>24</v>
      </c>
      <c r="AF32694">
        <v>24</v>
      </c>
      <c r="AG32694">
        <v>24</v>
      </c>
      <c r="AH32694">
        <v>24</v>
      </c>
      <c r="AI32694">
        <v>25</v>
      </c>
      <c r="AJ32694">
        <v>25</v>
      </c>
      <c r="AK32694">
        <v>25</v>
      </c>
      <c r="AL32694">
        <v>25</v>
      </c>
      <c r="AM32694">
        <v>25</v>
      </c>
      <c r="AN32694">
        <v>25</v>
      </c>
      <c r="AO32694">
        <v>25</v>
      </c>
      <c r="AP32694">
        <v>25</v>
      </c>
      <c r="AQ32694">
        <v>25</v>
      </c>
    </row>
    <row r="32695" spans="1:43">
      <c r="A32695" t="s">
        <v>20249</v>
      </c>
      <c r="B32695" t="s">
        <v>20250</v>
      </c>
      <c r="C32695" t="s">
        <v>20251</v>
      </c>
      <c r="D32695" t="s">
        <v>20252</v>
      </c>
      <c r="E32695" t="s">
        <v>20253</v>
      </c>
      <c r="F32695" t="s">
        <v>20254</v>
      </c>
      <c r="G32695" t="s">
        <v>20255</v>
      </c>
      <c r="H32695" t="s">
        <v>20256</v>
      </c>
      <c r="I32695" s="2">
        <v>1</v>
      </c>
      <c r="J32695" s="2">
        <v>0</v>
      </c>
      <c r="K32695" s="2">
        <v>0</v>
      </c>
      <c r="L32695" t="s">
        <v>120</v>
      </c>
      <c r="M32695" t="s">
        <v>87</v>
      </c>
      <c r="N32695" t="s">
        <v>88</v>
      </c>
      <c r="O32695" t="s">
        <v>85</v>
      </c>
      <c r="P32695" t="s">
        <v>86</v>
      </c>
      <c r="Q32695">
        <v>20</v>
      </c>
      <c r="R32695">
        <v>20</v>
      </c>
      <c r="S32695">
        <v>20</v>
      </c>
      <c r="T32695">
        <v>20</v>
      </c>
      <c r="U32695">
        <v>20</v>
      </c>
      <c r="V32695">
        <v>20</v>
      </c>
      <c r="W32695">
        <v>21</v>
      </c>
      <c r="X32695">
        <v>21</v>
      </c>
      <c r="Y32695">
        <v>21</v>
      </c>
      <c r="Z32695">
        <v>21</v>
      </c>
      <c r="AA32695">
        <v>21</v>
      </c>
      <c r="AB32695">
        <v>21</v>
      </c>
      <c r="AC32695">
        <v>21</v>
      </c>
      <c r="AD32695">
        <v>21</v>
      </c>
      <c r="AE32695">
        <v>21</v>
      </c>
      <c r="AF32695">
        <v>21</v>
      </c>
      <c r="AG32695">
        <v>21</v>
      </c>
      <c r="AH32695">
        <v>21</v>
      </c>
      <c r="AI32695">
        <v>21</v>
      </c>
      <c r="AJ32695">
        <v>21</v>
      </c>
      <c r="AK32695">
        <v>21</v>
      </c>
      <c r="AL32695">
        <v>21</v>
      </c>
      <c r="AM32695">
        <v>21</v>
      </c>
      <c r="AN32695">
        <v>22</v>
      </c>
      <c r="AO32695">
        <v>22</v>
      </c>
      <c r="AP32695">
        <v>22</v>
      </c>
      <c r="AQ32695">
        <v>22</v>
      </c>
    </row>
    <row r="32696" spans="1:43">
      <c r="A32696" t="s">
        <v>20249</v>
      </c>
      <c r="B32696" t="s">
        <v>20250</v>
      </c>
      <c r="C32696" t="s">
        <v>20251</v>
      </c>
      <c r="D32696" t="s">
        <v>20252</v>
      </c>
      <c r="E32696" t="s">
        <v>20253</v>
      </c>
      <c r="F32696" t="s">
        <v>20254</v>
      </c>
      <c r="G32696" t="s">
        <v>20255</v>
      </c>
      <c r="H32696" t="s">
        <v>20256</v>
      </c>
      <c r="I32696" s="2">
        <v>1</v>
      </c>
      <c r="J32696" s="2">
        <v>0</v>
      </c>
      <c r="K32696" s="2">
        <v>0</v>
      </c>
      <c r="L32696" t="s">
        <v>120</v>
      </c>
      <c r="M32696" t="s">
        <v>89</v>
      </c>
      <c r="N32696" t="s">
        <v>90</v>
      </c>
      <c r="O32696" t="s">
        <v>85</v>
      </c>
      <c r="P32696" t="s">
        <v>86</v>
      </c>
      <c r="Q32696">
        <v>20</v>
      </c>
      <c r="R32696">
        <v>20</v>
      </c>
      <c r="S32696">
        <v>20</v>
      </c>
      <c r="T32696">
        <v>21</v>
      </c>
      <c r="U32696">
        <v>21</v>
      </c>
      <c r="V32696">
        <v>22</v>
      </c>
      <c r="W32696">
        <v>22</v>
      </c>
      <c r="X32696">
        <v>22</v>
      </c>
      <c r="Y32696">
        <v>23</v>
      </c>
      <c r="Z32696">
        <v>23</v>
      </c>
      <c r="AA32696">
        <v>23</v>
      </c>
      <c r="AB32696">
        <v>23</v>
      </c>
      <c r="AC32696">
        <v>24</v>
      </c>
      <c r="AD32696">
        <v>24</v>
      </c>
      <c r="AE32696">
        <v>24</v>
      </c>
      <c r="AF32696">
        <v>24</v>
      </c>
      <c r="AG32696">
        <v>24</v>
      </c>
      <c r="AH32696">
        <v>24</v>
      </c>
      <c r="AI32696">
        <v>24</v>
      </c>
      <c r="AJ32696">
        <v>24</v>
      </c>
      <c r="AK32696">
        <v>24</v>
      </c>
      <c r="AL32696">
        <v>24</v>
      </c>
      <c r="AM32696">
        <v>24</v>
      </c>
      <c r="AN32696">
        <v>25</v>
      </c>
      <c r="AO32696">
        <v>25</v>
      </c>
      <c r="AP32696">
        <v>25</v>
      </c>
      <c r="AQ32696">
        <v>25</v>
      </c>
    </row>
    <row r="32697" spans="1:43">
      <c r="A32697" t="s">
        <v>20249</v>
      </c>
      <c r="B32697" t="s">
        <v>20250</v>
      </c>
      <c r="C32697" t="s">
        <v>20251</v>
      </c>
      <c r="D32697" t="s">
        <v>20252</v>
      </c>
      <c r="E32697" t="s">
        <v>20253</v>
      </c>
      <c r="F32697" t="s">
        <v>20254</v>
      </c>
      <c r="G32697" t="s">
        <v>20255</v>
      </c>
      <c r="H32697" t="s">
        <v>20256</v>
      </c>
      <c r="I32697" s="2">
        <v>1</v>
      </c>
      <c r="J32697" s="2">
        <v>0</v>
      </c>
      <c r="K32697" s="2">
        <v>0</v>
      </c>
      <c r="L32697" t="s">
        <v>120</v>
      </c>
      <c r="M32697" t="s">
        <v>83</v>
      </c>
      <c r="N32697" t="s">
        <v>91</v>
      </c>
      <c r="O32697" t="s">
        <v>85</v>
      </c>
      <c r="P32697" t="s">
        <v>86</v>
      </c>
      <c r="Q32697">
        <v>20</v>
      </c>
      <c r="R32697">
        <v>21</v>
      </c>
      <c r="S32697">
        <v>21</v>
      </c>
      <c r="T32697">
        <v>21</v>
      </c>
      <c r="U32697">
        <v>21</v>
      </c>
      <c r="V32697">
        <v>22</v>
      </c>
      <c r="W32697">
        <v>22</v>
      </c>
      <c r="X32697">
        <v>22</v>
      </c>
      <c r="Y32697">
        <v>22</v>
      </c>
      <c r="Z32697">
        <v>23</v>
      </c>
      <c r="AA32697">
        <v>23</v>
      </c>
      <c r="AB32697">
        <v>23</v>
      </c>
      <c r="AC32697">
        <v>23</v>
      </c>
      <c r="AD32697">
        <v>23</v>
      </c>
      <c r="AE32697">
        <v>24</v>
      </c>
      <c r="AF32697">
        <v>24</v>
      </c>
      <c r="AG32697">
        <v>24</v>
      </c>
      <c r="AH32697">
        <v>24</v>
      </c>
      <c r="AI32697">
        <v>25</v>
      </c>
      <c r="AJ32697">
        <v>25</v>
      </c>
      <c r="AK32697">
        <v>25</v>
      </c>
      <c r="AL32697">
        <v>25</v>
      </c>
      <c r="AM32697">
        <v>25</v>
      </c>
      <c r="AN32697">
        <v>25</v>
      </c>
      <c r="AO32697">
        <v>25</v>
      </c>
      <c r="AP32697">
        <v>25</v>
      </c>
      <c r="AQ32697">
        <v>25</v>
      </c>
    </row>
    <row r="32698" spans="1:43">
      <c r="A32698" t="s">
        <v>20257</v>
      </c>
      <c r="B32698" t="s">
        <v>20258</v>
      </c>
      <c r="C32698" t="s">
        <v>20251</v>
      </c>
      <c r="D32698" t="s">
        <v>20252</v>
      </c>
      <c r="E32698" t="s">
        <v>20253</v>
      </c>
      <c r="F32698" t="s">
        <v>20254</v>
      </c>
      <c r="G32698" t="s">
        <v>20255</v>
      </c>
      <c r="H32698" t="s">
        <v>20256</v>
      </c>
      <c r="I32698" s="2">
        <v>1</v>
      </c>
      <c r="J32698" s="2">
        <v>0</v>
      </c>
      <c r="K32698" s="2">
        <v>0</v>
      </c>
      <c r="L32698" t="s">
        <v>120</v>
      </c>
      <c r="M32698" t="s">
        <v>83</v>
      </c>
      <c r="N32698" t="s">
        <v>84</v>
      </c>
      <c r="O32698" t="s">
        <v>85</v>
      </c>
      <c r="P32698" t="s">
        <v>86</v>
      </c>
      <c r="Q32698">
        <v>23</v>
      </c>
      <c r="R32698">
        <v>23</v>
      </c>
      <c r="S32698">
        <v>23</v>
      </c>
      <c r="T32698">
        <v>23</v>
      </c>
      <c r="U32698">
        <v>24</v>
      </c>
      <c r="V32698">
        <v>24</v>
      </c>
      <c r="W32698">
        <v>24</v>
      </c>
      <c r="X32698">
        <v>24</v>
      </c>
      <c r="Y32698">
        <v>24</v>
      </c>
      <c r="Z32698">
        <v>25</v>
      </c>
      <c r="AA32698">
        <v>25</v>
      </c>
      <c r="AB32698">
        <v>25</v>
      </c>
      <c r="AC32698">
        <v>25</v>
      </c>
      <c r="AD32698">
        <v>25</v>
      </c>
      <c r="AE32698">
        <v>26</v>
      </c>
      <c r="AF32698">
        <v>26</v>
      </c>
      <c r="AG32698">
        <v>26</v>
      </c>
      <c r="AH32698">
        <v>26</v>
      </c>
      <c r="AI32698">
        <v>26</v>
      </c>
      <c r="AJ32698">
        <v>27</v>
      </c>
      <c r="AK32698">
        <v>27</v>
      </c>
      <c r="AL32698">
        <v>27</v>
      </c>
      <c r="AM32698">
        <v>27</v>
      </c>
      <c r="AN32698">
        <v>27</v>
      </c>
      <c r="AO32698">
        <v>27</v>
      </c>
      <c r="AP32698">
        <v>27</v>
      </c>
      <c r="AQ32698">
        <v>27</v>
      </c>
    </row>
    <row r="32699" spans="1:43">
      <c r="A32699" t="s">
        <v>20257</v>
      </c>
      <c r="B32699" t="s">
        <v>20258</v>
      </c>
      <c r="C32699" t="s">
        <v>20251</v>
      </c>
      <c r="D32699" t="s">
        <v>20252</v>
      </c>
      <c r="E32699" t="s">
        <v>20253</v>
      </c>
      <c r="F32699" t="s">
        <v>20254</v>
      </c>
      <c r="G32699" t="s">
        <v>20255</v>
      </c>
      <c r="H32699" t="s">
        <v>20256</v>
      </c>
      <c r="I32699" s="2">
        <v>1</v>
      </c>
      <c r="J32699" s="2">
        <v>0</v>
      </c>
      <c r="K32699" s="2">
        <v>0</v>
      </c>
      <c r="L32699" t="s">
        <v>120</v>
      </c>
      <c r="M32699" t="s">
        <v>87</v>
      </c>
      <c r="N32699" t="s">
        <v>88</v>
      </c>
      <c r="O32699" t="s">
        <v>85</v>
      </c>
      <c r="P32699" t="s">
        <v>86</v>
      </c>
      <c r="Q32699">
        <v>23</v>
      </c>
      <c r="R32699">
        <v>23</v>
      </c>
      <c r="S32699">
        <v>23</v>
      </c>
      <c r="T32699">
        <v>23</v>
      </c>
      <c r="U32699">
        <v>23</v>
      </c>
      <c r="V32699">
        <v>23</v>
      </c>
      <c r="W32699">
        <v>23</v>
      </c>
      <c r="X32699">
        <v>23</v>
      </c>
      <c r="Y32699">
        <v>24</v>
      </c>
      <c r="Z32699">
        <v>24</v>
      </c>
      <c r="AA32699">
        <v>24</v>
      </c>
      <c r="AB32699">
        <v>24</v>
      </c>
      <c r="AC32699">
        <v>24</v>
      </c>
      <c r="AD32699">
        <v>24</v>
      </c>
      <c r="AE32699">
        <v>24</v>
      </c>
      <c r="AF32699">
        <v>24</v>
      </c>
      <c r="AG32699">
        <v>24</v>
      </c>
      <c r="AH32699">
        <v>24</v>
      </c>
      <c r="AI32699">
        <v>24</v>
      </c>
      <c r="AJ32699">
        <v>24</v>
      </c>
      <c r="AK32699">
        <v>24</v>
      </c>
      <c r="AL32699">
        <v>24</v>
      </c>
      <c r="AM32699">
        <v>24</v>
      </c>
      <c r="AN32699">
        <v>24</v>
      </c>
      <c r="AO32699">
        <v>24</v>
      </c>
      <c r="AP32699">
        <v>24</v>
      </c>
      <c r="AQ32699">
        <v>24</v>
      </c>
    </row>
    <row r="32700" spans="1:43">
      <c r="A32700" t="s">
        <v>20257</v>
      </c>
      <c r="B32700" t="s">
        <v>20258</v>
      </c>
      <c r="C32700" t="s">
        <v>20251</v>
      </c>
      <c r="D32700" t="s">
        <v>20252</v>
      </c>
      <c r="E32700" t="s">
        <v>20253</v>
      </c>
      <c r="F32700" t="s">
        <v>20254</v>
      </c>
      <c r="G32700" t="s">
        <v>20255</v>
      </c>
      <c r="H32700" t="s">
        <v>20256</v>
      </c>
      <c r="I32700" s="2">
        <v>1</v>
      </c>
      <c r="J32700" s="2">
        <v>0</v>
      </c>
      <c r="K32700" s="2">
        <v>0</v>
      </c>
      <c r="L32700" t="s">
        <v>120</v>
      </c>
      <c r="M32700" t="s">
        <v>89</v>
      </c>
      <c r="N32700" t="s">
        <v>90</v>
      </c>
      <c r="O32700" t="s">
        <v>85</v>
      </c>
      <c r="P32700" t="s">
        <v>86</v>
      </c>
      <c r="Q32700">
        <v>23</v>
      </c>
      <c r="R32700">
        <v>23</v>
      </c>
      <c r="S32700">
        <v>24</v>
      </c>
      <c r="T32700">
        <v>24</v>
      </c>
      <c r="U32700">
        <v>24</v>
      </c>
      <c r="V32700">
        <v>25</v>
      </c>
      <c r="W32700">
        <v>25</v>
      </c>
      <c r="X32700">
        <v>25</v>
      </c>
      <c r="Y32700">
        <v>26</v>
      </c>
      <c r="Z32700">
        <v>26</v>
      </c>
      <c r="AA32700">
        <v>26</v>
      </c>
      <c r="AB32700">
        <v>27</v>
      </c>
      <c r="AC32700">
        <v>27</v>
      </c>
      <c r="AD32700">
        <v>27</v>
      </c>
      <c r="AE32700">
        <v>27</v>
      </c>
      <c r="AF32700">
        <v>27</v>
      </c>
      <c r="AG32700">
        <v>27</v>
      </c>
      <c r="AH32700">
        <v>27</v>
      </c>
      <c r="AI32700">
        <v>27</v>
      </c>
      <c r="AJ32700">
        <v>27</v>
      </c>
      <c r="AK32700">
        <v>27</v>
      </c>
      <c r="AL32700">
        <v>27</v>
      </c>
      <c r="AM32700">
        <v>27</v>
      </c>
      <c r="AN32700">
        <v>27</v>
      </c>
      <c r="AO32700">
        <v>27</v>
      </c>
      <c r="AP32700">
        <v>27</v>
      </c>
      <c r="AQ32700">
        <v>27</v>
      </c>
    </row>
    <row r="32701" spans="1:43">
      <c r="A32701" t="s">
        <v>20257</v>
      </c>
      <c r="B32701" t="s">
        <v>20258</v>
      </c>
      <c r="C32701" t="s">
        <v>20251</v>
      </c>
      <c r="D32701" t="s">
        <v>20252</v>
      </c>
      <c r="E32701" t="s">
        <v>20253</v>
      </c>
      <c r="F32701" t="s">
        <v>20254</v>
      </c>
      <c r="G32701" t="s">
        <v>20255</v>
      </c>
      <c r="H32701" t="s">
        <v>20256</v>
      </c>
      <c r="I32701" s="2">
        <v>1</v>
      </c>
      <c r="J32701" s="2">
        <v>0</v>
      </c>
      <c r="K32701" s="2">
        <v>0</v>
      </c>
      <c r="L32701" t="s">
        <v>120</v>
      </c>
      <c r="M32701" t="s">
        <v>83</v>
      </c>
      <c r="N32701" t="s">
        <v>91</v>
      </c>
      <c r="O32701" t="s">
        <v>85</v>
      </c>
      <c r="P32701" t="s">
        <v>86</v>
      </c>
      <c r="Q32701">
        <v>23</v>
      </c>
      <c r="R32701">
        <v>23</v>
      </c>
      <c r="S32701">
        <v>23</v>
      </c>
      <c r="T32701">
        <v>23</v>
      </c>
      <c r="U32701">
        <v>24</v>
      </c>
      <c r="V32701">
        <v>24</v>
      </c>
      <c r="W32701">
        <v>24</v>
      </c>
      <c r="X32701">
        <v>24</v>
      </c>
      <c r="Y32701">
        <v>24</v>
      </c>
      <c r="Z32701">
        <v>25</v>
      </c>
      <c r="AA32701">
        <v>25</v>
      </c>
      <c r="AB32701">
        <v>25</v>
      </c>
      <c r="AC32701">
        <v>25</v>
      </c>
      <c r="AD32701">
        <v>25</v>
      </c>
      <c r="AE32701">
        <v>26</v>
      </c>
      <c r="AF32701">
        <v>26</v>
      </c>
      <c r="AG32701">
        <v>26</v>
      </c>
      <c r="AH32701">
        <v>26</v>
      </c>
      <c r="AI32701">
        <v>26</v>
      </c>
      <c r="AJ32701">
        <v>27</v>
      </c>
      <c r="AK32701">
        <v>27</v>
      </c>
      <c r="AL32701">
        <v>27</v>
      </c>
      <c r="AM32701">
        <v>27</v>
      </c>
      <c r="AN32701">
        <v>27</v>
      </c>
      <c r="AO32701">
        <v>27</v>
      </c>
      <c r="AP32701">
        <v>27</v>
      </c>
      <c r="AQ32701">
        <v>27</v>
      </c>
    </row>
    <row r="32702" spans="1:43">
      <c r="A32702" t="s">
        <v>20259</v>
      </c>
      <c r="B32702" t="s">
        <v>20260</v>
      </c>
      <c r="C32702" t="s">
        <v>20261</v>
      </c>
      <c r="D32702" t="s">
        <v>20262</v>
      </c>
      <c r="E32702" t="s">
        <v>20253</v>
      </c>
      <c r="F32702" t="s">
        <v>20254</v>
      </c>
      <c r="G32702" t="s">
        <v>20255</v>
      </c>
      <c r="H32702" t="s">
        <v>20256</v>
      </c>
      <c r="I32702" s="2">
        <v>1</v>
      </c>
      <c r="J32702" s="2">
        <v>0</v>
      </c>
      <c r="K32702" s="2">
        <v>0</v>
      </c>
      <c r="L32702" t="s">
        <v>120</v>
      </c>
      <c r="M32702" t="s">
        <v>83</v>
      </c>
      <c r="N32702" t="s">
        <v>84</v>
      </c>
      <c r="O32702" t="s">
        <v>85</v>
      </c>
      <c r="P32702" t="s">
        <v>86</v>
      </c>
      <c r="Q32702">
        <v>31</v>
      </c>
      <c r="R32702">
        <v>31</v>
      </c>
      <c r="S32702">
        <v>32</v>
      </c>
      <c r="T32702">
        <v>32</v>
      </c>
      <c r="U32702">
        <v>32</v>
      </c>
      <c r="V32702">
        <v>33</v>
      </c>
      <c r="W32702">
        <v>33</v>
      </c>
      <c r="X32702">
        <v>33</v>
      </c>
      <c r="Y32702">
        <v>34</v>
      </c>
      <c r="Z32702">
        <v>34</v>
      </c>
      <c r="AA32702">
        <v>34</v>
      </c>
      <c r="AB32702">
        <v>34</v>
      </c>
      <c r="AC32702">
        <v>35</v>
      </c>
      <c r="AD32702">
        <v>35</v>
      </c>
      <c r="AE32702">
        <v>35</v>
      </c>
      <c r="AF32702">
        <v>36</v>
      </c>
      <c r="AG32702">
        <v>36</v>
      </c>
      <c r="AH32702">
        <v>36</v>
      </c>
      <c r="AI32702">
        <v>36</v>
      </c>
      <c r="AJ32702">
        <v>37</v>
      </c>
      <c r="AK32702">
        <v>37</v>
      </c>
      <c r="AL32702">
        <v>37</v>
      </c>
      <c r="AM32702">
        <v>37</v>
      </c>
      <c r="AN32702">
        <v>37</v>
      </c>
      <c r="AO32702">
        <v>37</v>
      </c>
      <c r="AP32702">
        <v>37</v>
      </c>
      <c r="AQ32702">
        <v>37</v>
      </c>
    </row>
    <row r="32703" spans="1:43">
      <c r="A32703" t="s">
        <v>20259</v>
      </c>
      <c r="B32703" t="s">
        <v>20260</v>
      </c>
      <c r="C32703" t="s">
        <v>20261</v>
      </c>
      <c r="D32703" t="s">
        <v>20262</v>
      </c>
      <c r="E32703" t="s">
        <v>20253</v>
      </c>
      <c r="F32703" t="s">
        <v>20254</v>
      </c>
      <c r="G32703" t="s">
        <v>20255</v>
      </c>
      <c r="H32703" t="s">
        <v>20256</v>
      </c>
      <c r="I32703" s="2">
        <v>1</v>
      </c>
      <c r="J32703" s="2">
        <v>0</v>
      </c>
      <c r="K32703" s="2">
        <v>0</v>
      </c>
      <c r="L32703" t="s">
        <v>120</v>
      </c>
      <c r="M32703" t="s">
        <v>87</v>
      </c>
      <c r="N32703" t="s">
        <v>88</v>
      </c>
      <c r="O32703" t="s">
        <v>85</v>
      </c>
      <c r="P32703" t="s">
        <v>86</v>
      </c>
      <c r="Q32703">
        <v>31</v>
      </c>
      <c r="R32703">
        <v>31</v>
      </c>
      <c r="S32703">
        <v>31</v>
      </c>
      <c r="T32703">
        <v>31</v>
      </c>
      <c r="U32703">
        <v>31</v>
      </c>
      <c r="V32703">
        <v>31</v>
      </c>
      <c r="W32703">
        <v>31</v>
      </c>
      <c r="X32703">
        <v>31</v>
      </c>
      <c r="Y32703">
        <v>31</v>
      </c>
      <c r="Z32703">
        <v>31</v>
      </c>
      <c r="AA32703">
        <v>31</v>
      </c>
      <c r="AB32703">
        <v>31</v>
      </c>
      <c r="AC32703">
        <v>31</v>
      </c>
      <c r="AD32703">
        <v>31</v>
      </c>
      <c r="AE32703">
        <v>31</v>
      </c>
      <c r="AF32703">
        <v>31</v>
      </c>
      <c r="AG32703">
        <v>31</v>
      </c>
      <c r="AH32703">
        <v>31</v>
      </c>
      <c r="AI32703">
        <v>31</v>
      </c>
      <c r="AJ32703">
        <v>31</v>
      </c>
      <c r="AK32703">
        <v>32</v>
      </c>
      <c r="AL32703">
        <v>32</v>
      </c>
      <c r="AM32703">
        <v>32</v>
      </c>
      <c r="AN32703">
        <v>32</v>
      </c>
      <c r="AO32703">
        <v>32</v>
      </c>
      <c r="AP32703">
        <v>32</v>
      </c>
      <c r="AQ32703">
        <v>32</v>
      </c>
    </row>
    <row r="32704" spans="1:43">
      <c r="A32704" t="s">
        <v>20259</v>
      </c>
      <c r="B32704" t="s">
        <v>20260</v>
      </c>
      <c r="C32704" t="s">
        <v>20261</v>
      </c>
      <c r="D32704" t="s">
        <v>20262</v>
      </c>
      <c r="E32704" t="s">
        <v>20253</v>
      </c>
      <c r="F32704" t="s">
        <v>20254</v>
      </c>
      <c r="G32704" t="s">
        <v>20255</v>
      </c>
      <c r="H32704" t="s">
        <v>20256</v>
      </c>
      <c r="I32704" s="2">
        <v>1</v>
      </c>
      <c r="J32704" s="2">
        <v>0</v>
      </c>
      <c r="K32704" s="2">
        <v>0</v>
      </c>
      <c r="L32704" t="s">
        <v>120</v>
      </c>
      <c r="M32704" t="s">
        <v>89</v>
      </c>
      <c r="N32704" t="s">
        <v>90</v>
      </c>
      <c r="O32704" t="s">
        <v>85</v>
      </c>
      <c r="P32704" t="s">
        <v>86</v>
      </c>
      <c r="Q32704">
        <v>31</v>
      </c>
      <c r="R32704">
        <v>32</v>
      </c>
      <c r="S32704">
        <v>33</v>
      </c>
      <c r="T32704">
        <v>33</v>
      </c>
      <c r="U32704">
        <v>34</v>
      </c>
      <c r="V32704">
        <v>34</v>
      </c>
      <c r="W32704">
        <v>35</v>
      </c>
      <c r="X32704">
        <v>35</v>
      </c>
      <c r="Y32704">
        <v>36</v>
      </c>
      <c r="Z32704">
        <v>36</v>
      </c>
      <c r="AA32704">
        <v>36</v>
      </c>
      <c r="AB32704">
        <v>37</v>
      </c>
      <c r="AC32704">
        <v>37</v>
      </c>
      <c r="AD32704">
        <v>38</v>
      </c>
      <c r="AE32704">
        <v>38</v>
      </c>
      <c r="AF32704">
        <v>38</v>
      </c>
      <c r="AG32704">
        <v>38</v>
      </c>
      <c r="AH32704">
        <v>38</v>
      </c>
      <c r="AI32704">
        <v>38</v>
      </c>
      <c r="AJ32704">
        <v>38</v>
      </c>
      <c r="AK32704">
        <v>38</v>
      </c>
      <c r="AL32704">
        <v>38</v>
      </c>
      <c r="AM32704">
        <v>37</v>
      </c>
      <c r="AN32704">
        <v>37</v>
      </c>
      <c r="AO32704">
        <v>37</v>
      </c>
      <c r="AP32704">
        <v>37</v>
      </c>
      <c r="AQ32704">
        <v>37</v>
      </c>
    </row>
    <row r="32705" spans="1:43">
      <c r="A32705" t="s">
        <v>20259</v>
      </c>
      <c r="B32705" t="s">
        <v>20260</v>
      </c>
      <c r="C32705" t="s">
        <v>20261</v>
      </c>
      <c r="D32705" t="s">
        <v>20262</v>
      </c>
      <c r="E32705" t="s">
        <v>20253</v>
      </c>
      <c r="F32705" t="s">
        <v>20254</v>
      </c>
      <c r="G32705" t="s">
        <v>20255</v>
      </c>
      <c r="H32705" t="s">
        <v>20256</v>
      </c>
      <c r="I32705" s="2">
        <v>1</v>
      </c>
      <c r="J32705" s="2">
        <v>0</v>
      </c>
      <c r="K32705" s="2">
        <v>0</v>
      </c>
      <c r="L32705" t="s">
        <v>120</v>
      </c>
      <c r="M32705" t="s">
        <v>83</v>
      </c>
      <c r="N32705" t="s">
        <v>91</v>
      </c>
      <c r="O32705" t="s">
        <v>85</v>
      </c>
      <c r="P32705" t="s">
        <v>86</v>
      </c>
      <c r="Q32705">
        <v>31</v>
      </c>
      <c r="R32705">
        <v>31</v>
      </c>
      <c r="S32705">
        <v>32</v>
      </c>
      <c r="T32705">
        <v>32</v>
      </c>
      <c r="U32705">
        <v>32</v>
      </c>
      <c r="V32705">
        <v>33</v>
      </c>
      <c r="W32705">
        <v>33</v>
      </c>
      <c r="X32705">
        <v>33</v>
      </c>
      <c r="Y32705">
        <v>34</v>
      </c>
      <c r="Z32705">
        <v>34</v>
      </c>
      <c r="AA32705">
        <v>34</v>
      </c>
      <c r="AB32705">
        <v>34</v>
      </c>
      <c r="AC32705">
        <v>35</v>
      </c>
      <c r="AD32705">
        <v>35</v>
      </c>
      <c r="AE32705">
        <v>35</v>
      </c>
      <c r="AF32705">
        <v>36</v>
      </c>
      <c r="AG32705">
        <v>36</v>
      </c>
      <c r="AH32705">
        <v>36</v>
      </c>
      <c r="AI32705">
        <v>36</v>
      </c>
      <c r="AJ32705">
        <v>37</v>
      </c>
      <c r="AK32705">
        <v>37</v>
      </c>
      <c r="AL32705">
        <v>37</v>
      </c>
      <c r="AM32705">
        <v>37</v>
      </c>
      <c r="AN32705">
        <v>37</v>
      </c>
      <c r="AO32705">
        <v>37</v>
      </c>
      <c r="AP32705">
        <v>37</v>
      </c>
      <c r="AQ32705">
        <v>37</v>
      </c>
    </row>
    <row r="32706" spans="1:43">
      <c r="A32706" t="s">
        <v>20263</v>
      </c>
      <c r="B32706" t="s">
        <v>20264</v>
      </c>
      <c r="C32706" t="s">
        <v>20265</v>
      </c>
      <c r="D32706" t="s">
        <v>20266</v>
      </c>
      <c r="E32706" t="s">
        <v>20253</v>
      </c>
      <c r="F32706" t="s">
        <v>20254</v>
      </c>
      <c r="G32706" t="s">
        <v>20255</v>
      </c>
      <c r="H32706" t="s">
        <v>20256</v>
      </c>
      <c r="I32706" s="2">
        <v>1</v>
      </c>
      <c r="J32706" s="2">
        <v>0</v>
      </c>
      <c r="K32706" s="2">
        <v>0</v>
      </c>
      <c r="L32706" t="s">
        <v>120</v>
      </c>
      <c r="M32706" t="s">
        <v>83</v>
      </c>
      <c r="N32706" t="s">
        <v>84</v>
      </c>
      <c r="O32706" t="s">
        <v>85</v>
      </c>
      <c r="P32706" t="s">
        <v>86</v>
      </c>
      <c r="Q32706">
        <v>68</v>
      </c>
      <c r="R32706">
        <v>69</v>
      </c>
      <c r="S32706">
        <v>70</v>
      </c>
      <c r="T32706">
        <v>71</v>
      </c>
      <c r="U32706">
        <v>72</v>
      </c>
      <c r="V32706">
        <v>73</v>
      </c>
      <c r="W32706">
        <v>74</v>
      </c>
      <c r="X32706">
        <v>74</v>
      </c>
      <c r="Y32706">
        <v>75</v>
      </c>
      <c r="Z32706">
        <v>76</v>
      </c>
      <c r="AA32706">
        <v>77</v>
      </c>
      <c r="AB32706">
        <v>78</v>
      </c>
      <c r="AC32706">
        <v>79</v>
      </c>
      <c r="AD32706">
        <v>80</v>
      </c>
      <c r="AE32706">
        <v>81</v>
      </c>
      <c r="AF32706">
        <v>82</v>
      </c>
      <c r="AG32706">
        <v>82</v>
      </c>
      <c r="AH32706">
        <v>83</v>
      </c>
      <c r="AI32706">
        <v>84</v>
      </c>
      <c r="AJ32706">
        <v>85</v>
      </c>
      <c r="AK32706">
        <v>86</v>
      </c>
      <c r="AL32706">
        <v>87</v>
      </c>
      <c r="AM32706">
        <v>87</v>
      </c>
      <c r="AN32706">
        <v>88</v>
      </c>
      <c r="AO32706">
        <v>88</v>
      </c>
      <c r="AP32706">
        <v>88</v>
      </c>
      <c r="AQ32706">
        <v>89</v>
      </c>
    </row>
    <row r="32707" spans="1:43">
      <c r="A32707" t="s">
        <v>20263</v>
      </c>
      <c r="B32707" t="s">
        <v>20264</v>
      </c>
      <c r="C32707" t="s">
        <v>20265</v>
      </c>
      <c r="D32707" t="s">
        <v>20266</v>
      </c>
      <c r="E32707" t="s">
        <v>20253</v>
      </c>
      <c r="F32707" t="s">
        <v>20254</v>
      </c>
      <c r="G32707" t="s">
        <v>20255</v>
      </c>
      <c r="H32707" t="s">
        <v>20256</v>
      </c>
      <c r="I32707" s="2">
        <v>1</v>
      </c>
      <c r="J32707" s="2">
        <v>0</v>
      </c>
      <c r="K32707" s="2">
        <v>0</v>
      </c>
      <c r="L32707" t="s">
        <v>120</v>
      </c>
      <c r="M32707" t="s">
        <v>87</v>
      </c>
      <c r="N32707" t="s">
        <v>88</v>
      </c>
      <c r="O32707" t="s">
        <v>85</v>
      </c>
      <c r="P32707" t="s">
        <v>86</v>
      </c>
      <c r="Q32707">
        <v>68</v>
      </c>
      <c r="R32707">
        <v>69</v>
      </c>
      <c r="S32707">
        <v>69</v>
      </c>
      <c r="T32707">
        <v>69</v>
      </c>
      <c r="U32707">
        <v>70</v>
      </c>
      <c r="V32707">
        <v>70</v>
      </c>
      <c r="W32707">
        <v>70</v>
      </c>
      <c r="X32707">
        <v>70</v>
      </c>
      <c r="Y32707">
        <v>71</v>
      </c>
      <c r="Z32707">
        <v>71</v>
      </c>
      <c r="AA32707">
        <v>71</v>
      </c>
      <c r="AB32707">
        <v>72</v>
      </c>
      <c r="AC32707">
        <v>72</v>
      </c>
      <c r="AD32707">
        <v>72</v>
      </c>
      <c r="AE32707">
        <v>73</v>
      </c>
      <c r="AF32707">
        <v>73</v>
      </c>
      <c r="AG32707">
        <v>74</v>
      </c>
      <c r="AH32707">
        <v>74</v>
      </c>
      <c r="AI32707">
        <v>74</v>
      </c>
      <c r="AJ32707">
        <v>75</v>
      </c>
      <c r="AK32707">
        <v>75</v>
      </c>
      <c r="AL32707">
        <v>76</v>
      </c>
      <c r="AM32707">
        <v>76</v>
      </c>
      <c r="AN32707">
        <v>77</v>
      </c>
      <c r="AO32707">
        <v>77</v>
      </c>
      <c r="AP32707">
        <v>78</v>
      </c>
      <c r="AQ32707">
        <v>78</v>
      </c>
    </row>
    <row r="32708" spans="1:43">
      <c r="A32708" t="s">
        <v>20263</v>
      </c>
      <c r="B32708" t="s">
        <v>20264</v>
      </c>
      <c r="C32708" t="s">
        <v>20265</v>
      </c>
      <c r="D32708" t="s">
        <v>20266</v>
      </c>
      <c r="E32708" t="s">
        <v>20253</v>
      </c>
      <c r="F32708" t="s">
        <v>20254</v>
      </c>
      <c r="G32708" t="s">
        <v>20255</v>
      </c>
      <c r="H32708" t="s">
        <v>20256</v>
      </c>
      <c r="I32708" s="2">
        <v>1</v>
      </c>
      <c r="J32708" s="2">
        <v>0</v>
      </c>
      <c r="K32708" s="2">
        <v>0</v>
      </c>
      <c r="L32708" t="s">
        <v>120</v>
      </c>
      <c r="M32708" t="s">
        <v>89</v>
      </c>
      <c r="N32708" t="s">
        <v>90</v>
      </c>
      <c r="O32708" t="s">
        <v>85</v>
      </c>
      <c r="P32708" t="s">
        <v>86</v>
      </c>
      <c r="Q32708">
        <v>68</v>
      </c>
      <c r="R32708">
        <v>69</v>
      </c>
      <c r="S32708">
        <v>71</v>
      </c>
      <c r="T32708">
        <v>72</v>
      </c>
      <c r="U32708">
        <v>74</v>
      </c>
      <c r="V32708">
        <v>75</v>
      </c>
      <c r="W32708">
        <v>76</v>
      </c>
      <c r="X32708">
        <v>77</v>
      </c>
      <c r="Y32708">
        <v>78</v>
      </c>
      <c r="Z32708">
        <v>80</v>
      </c>
      <c r="AA32708">
        <v>81</v>
      </c>
      <c r="AB32708">
        <v>82</v>
      </c>
      <c r="AC32708">
        <v>83</v>
      </c>
      <c r="AD32708">
        <v>84</v>
      </c>
      <c r="AE32708">
        <v>85</v>
      </c>
      <c r="AF32708">
        <v>85</v>
      </c>
      <c r="AG32708">
        <v>86</v>
      </c>
      <c r="AH32708">
        <v>86</v>
      </c>
      <c r="AI32708">
        <v>86</v>
      </c>
      <c r="AJ32708">
        <v>86</v>
      </c>
      <c r="AK32708">
        <v>87</v>
      </c>
      <c r="AL32708">
        <v>87</v>
      </c>
      <c r="AM32708">
        <v>87</v>
      </c>
      <c r="AN32708">
        <v>88</v>
      </c>
      <c r="AO32708">
        <v>88</v>
      </c>
      <c r="AP32708">
        <v>89</v>
      </c>
      <c r="AQ32708">
        <v>89</v>
      </c>
    </row>
    <row r="32709" spans="1:43">
      <c r="A32709" t="s">
        <v>20263</v>
      </c>
      <c r="B32709" t="s">
        <v>20264</v>
      </c>
      <c r="C32709" t="s">
        <v>20265</v>
      </c>
      <c r="D32709" t="s">
        <v>20266</v>
      </c>
      <c r="E32709" t="s">
        <v>20253</v>
      </c>
      <c r="F32709" t="s">
        <v>20254</v>
      </c>
      <c r="G32709" t="s">
        <v>20255</v>
      </c>
      <c r="H32709" t="s">
        <v>20256</v>
      </c>
      <c r="I32709" s="2">
        <v>1</v>
      </c>
      <c r="J32709" s="2">
        <v>0</v>
      </c>
      <c r="K32709" s="2">
        <v>0</v>
      </c>
      <c r="L32709" t="s">
        <v>120</v>
      </c>
      <c r="M32709" t="s">
        <v>83</v>
      </c>
      <c r="N32709" t="s">
        <v>91</v>
      </c>
      <c r="O32709" t="s">
        <v>85</v>
      </c>
      <c r="P32709" t="s">
        <v>86</v>
      </c>
      <c r="Q32709">
        <v>68</v>
      </c>
      <c r="R32709">
        <v>69</v>
      </c>
      <c r="S32709">
        <v>70</v>
      </c>
      <c r="T32709">
        <v>71</v>
      </c>
      <c r="U32709">
        <v>72</v>
      </c>
      <c r="V32709">
        <v>73</v>
      </c>
      <c r="W32709">
        <v>74</v>
      </c>
      <c r="X32709">
        <v>74</v>
      </c>
      <c r="Y32709">
        <v>75</v>
      </c>
      <c r="Z32709">
        <v>76</v>
      </c>
      <c r="AA32709">
        <v>77</v>
      </c>
      <c r="AB32709">
        <v>78</v>
      </c>
      <c r="AC32709">
        <v>79</v>
      </c>
      <c r="AD32709">
        <v>80</v>
      </c>
      <c r="AE32709">
        <v>81</v>
      </c>
      <c r="AF32709">
        <v>82</v>
      </c>
      <c r="AG32709">
        <v>82</v>
      </c>
      <c r="AH32709">
        <v>83</v>
      </c>
      <c r="AI32709">
        <v>84</v>
      </c>
      <c r="AJ32709">
        <v>85</v>
      </c>
      <c r="AK32709">
        <v>86</v>
      </c>
      <c r="AL32709">
        <v>87</v>
      </c>
      <c r="AM32709">
        <v>87</v>
      </c>
      <c r="AN32709">
        <v>88</v>
      </c>
      <c r="AO32709">
        <v>88</v>
      </c>
      <c r="AP32709">
        <v>88</v>
      </c>
      <c r="AQ32709">
        <v>89</v>
      </c>
    </row>
    <row r="32710" spans="1:43">
      <c r="A32710" t="s">
        <v>20267</v>
      </c>
      <c r="B32710" t="s">
        <v>20268</v>
      </c>
      <c r="C32710" t="s">
        <v>20269</v>
      </c>
      <c r="D32710" t="s">
        <v>20270</v>
      </c>
      <c r="E32710" t="s">
        <v>20253</v>
      </c>
      <c r="F32710" t="s">
        <v>20254</v>
      </c>
      <c r="G32710" t="s">
        <v>20255</v>
      </c>
      <c r="H32710" t="s">
        <v>20256</v>
      </c>
      <c r="I32710" s="2">
        <v>1</v>
      </c>
      <c r="J32710" s="2">
        <v>0</v>
      </c>
      <c r="K32710" s="2">
        <v>0</v>
      </c>
      <c r="L32710" t="s">
        <v>120</v>
      </c>
      <c r="M32710" t="s">
        <v>83</v>
      </c>
      <c r="N32710" t="s">
        <v>84</v>
      </c>
      <c r="O32710" t="s">
        <v>85</v>
      </c>
      <c r="P32710" t="s">
        <v>86</v>
      </c>
      <c r="Q32710">
        <v>40</v>
      </c>
      <c r="R32710">
        <v>40</v>
      </c>
      <c r="S32710">
        <v>41</v>
      </c>
      <c r="T32710">
        <v>41</v>
      </c>
      <c r="U32710">
        <v>42</v>
      </c>
      <c r="V32710">
        <v>42</v>
      </c>
      <c r="W32710">
        <v>43</v>
      </c>
      <c r="X32710">
        <v>44</v>
      </c>
      <c r="Y32710">
        <v>44</v>
      </c>
      <c r="Z32710">
        <v>45</v>
      </c>
      <c r="AA32710">
        <v>45</v>
      </c>
      <c r="AB32710">
        <v>46</v>
      </c>
      <c r="AC32710">
        <v>46</v>
      </c>
      <c r="AD32710">
        <v>47</v>
      </c>
      <c r="AE32710">
        <v>47</v>
      </c>
      <c r="AF32710">
        <v>48</v>
      </c>
      <c r="AG32710">
        <v>48</v>
      </c>
      <c r="AH32710">
        <v>49</v>
      </c>
      <c r="AI32710">
        <v>49</v>
      </c>
      <c r="AJ32710">
        <v>50</v>
      </c>
      <c r="AK32710">
        <v>51</v>
      </c>
      <c r="AL32710">
        <v>51</v>
      </c>
      <c r="AM32710">
        <v>51</v>
      </c>
      <c r="AN32710">
        <v>51</v>
      </c>
      <c r="AO32710">
        <v>52</v>
      </c>
      <c r="AP32710">
        <v>52</v>
      </c>
      <c r="AQ32710">
        <v>52</v>
      </c>
    </row>
    <row r="32711" spans="1:43">
      <c r="A32711" t="s">
        <v>20267</v>
      </c>
      <c r="B32711" t="s">
        <v>20268</v>
      </c>
      <c r="C32711" t="s">
        <v>20269</v>
      </c>
      <c r="D32711" t="s">
        <v>20270</v>
      </c>
      <c r="E32711" t="s">
        <v>20253</v>
      </c>
      <c r="F32711" t="s">
        <v>20254</v>
      </c>
      <c r="G32711" t="s">
        <v>20255</v>
      </c>
      <c r="H32711" t="s">
        <v>20256</v>
      </c>
      <c r="I32711" s="2">
        <v>1</v>
      </c>
      <c r="J32711" s="2">
        <v>0</v>
      </c>
      <c r="K32711" s="2">
        <v>0</v>
      </c>
      <c r="L32711" t="s">
        <v>120</v>
      </c>
      <c r="M32711" t="s">
        <v>87</v>
      </c>
      <c r="N32711" t="s">
        <v>88</v>
      </c>
      <c r="O32711" t="s">
        <v>85</v>
      </c>
      <c r="P32711" t="s">
        <v>86</v>
      </c>
      <c r="Q32711">
        <v>40</v>
      </c>
      <c r="R32711">
        <v>41</v>
      </c>
      <c r="S32711">
        <v>41</v>
      </c>
      <c r="T32711">
        <v>41</v>
      </c>
      <c r="U32711">
        <v>41</v>
      </c>
      <c r="V32711">
        <v>41</v>
      </c>
      <c r="W32711">
        <v>41</v>
      </c>
      <c r="X32711">
        <v>42</v>
      </c>
      <c r="Y32711">
        <v>42</v>
      </c>
      <c r="Z32711">
        <v>42</v>
      </c>
      <c r="AA32711">
        <v>42</v>
      </c>
      <c r="AB32711">
        <v>42</v>
      </c>
      <c r="AC32711">
        <v>42</v>
      </c>
      <c r="AD32711">
        <v>43</v>
      </c>
      <c r="AE32711">
        <v>43</v>
      </c>
      <c r="AF32711">
        <v>43</v>
      </c>
      <c r="AG32711">
        <v>43</v>
      </c>
      <c r="AH32711">
        <v>44</v>
      </c>
      <c r="AI32711">
        <v>44</v>
      </c>
      <c r="AJ32711">
        <v>44</v>
      </c>
      <c r="AK32711">
        <v>44</v>
      </c>
      <c r="AL32711">
        <v>45</v>
      </c>
      <c r="AM32711">
        <v>45</v>
      </c>
      <c r="AN32711">
        <v>45</v>
      </c>
      <c r="AO32711">
        <v>45</v>
      </c>
      <c r="AP32711">
        <v>46</v>
      </c>
      <c r="AQ32711">
        <v>46</v>
      </c>
    </row>
    <row r="32712" spans="1:43">
      <c r="A32712" t="s">
        <v>20267</v>
      </c>
      <c r="B32712" t="s">
        <v>20268</v>
      </c>
      <c r="C32712" t="s">
        <v>20269</v>
      </c>
      <c r="D32712" t="s">
        <v>20270</v>
      </c>
      <c r="E32712" t="s">
        <v>20253</v>
      </c>
      <c r="F32712" t="s">
        <v>20254</v>
      </c>
      <c r="G32712" t="s">
        <v>20255</v>
      </c>
      <c r="H32712" t="s">
        <v>20256</v>
      </c>
      <c r="I32712" s="2">
        <v>1</v>
      </c>
      <c r="J32712" s="2">
        <v>0</v>
      </c>
      <c r="K32712" s="2">
        <v>0</v>
      </c>
      <c r="L32712" t="s">
        <v>120</v>
      </c>
      <c r="M32712" t="s">
        <v>89</v>
      </c>
      <c r="N32712" t="s">
        <v>90</v>
      </c>
      <c r="O32712" t="s">
        <v>85</v>
      </c>
      <c r="P32712" t="s">
        <v>86</v>
      </c>
      <c r="Q32712">
        <v>40</v>
      </c>
      <c r="R32712">
        <v>41</v>
      </c>
      <c r="S32712">
        <v>42</v>
      </c>
      <c r="T32712">
        <v>43</v>
      </c>
      <c r="U32712">
        <v>44</v>
      </c>
      <c r="V32712">
        <v>44</v>
      </c>
      <c r="W32712">
        <v>45</v>
      </c>
      <c r="X32712">
        <v>46</v>
      </c>
      <c r="Y32712">
        <v>47</v>
      </c>
      <c r="Z32712">
        <v>47</v>
      </c>
      <c r="AA32712">
        <v>48</v>
      </c>
      <c r="AB32712">
        <v>49</v>
      </c>
      <c r="AC32712">
        <v>49</v>
      </c>
      <c r="AD32712">
        <v>50</v>
      </c>
      <c r="AE32712">
        <v>51</v>
      </c>
      <c r="AF32712">
        <v>51</v>
      </c>
      <c r="AG32712">
        <v>51</v>
      </c>
      <c r="AH32712">
        <v>51</v>
      </c>
      <c r="AI32712">
        <v>51</v>
      </c>
      <c r="AJ32712">
        <v>52</v>
      </c>
      <c r="AK32712">
        <v>52</v>
      </c>
      <c r="AL32712">
        <v>52</v>
      </c>
      <c r="AM32712">
        <v>52</v>
      </c>
      <c r="AN32712">
        <v>52</v>
      </c>
      <c r="AO32712">
        <v>53</v>
      </c>
      <c r="AP32712">
        <v>53</v>
      </c>
      <c r="AQ32712">
        <v>53</v>
      </c>
    </row>
    <row r="32713" spans="1:43">
      <c r="A32713" t="s">
        <v>20267</v>
      </c>
      <c r="B32713" t="s">
        <v>20268</v>
      </c>
      <c r="C32713" t="s">
        <v>20269</v>
      </c>
      <c r="D32713" t="s">
        <v>20270</v>
      </c>
      <c r="E32713" t="s">
        <v>20253</v>
      </c>
      <c r="F32713" t="s">
        <v>20254</v>
      </c>
      <c r="G32713" t="s">
        <v>20255</v>
      </c>
      <c r="H32713" t="s">
        <v>20256</v>
      </c>
      <c r="I32713" s="2">
        <v>1</v>
      </c>
      <c r="J32713" s="2">
        <v>0</v>
      </c>
      <c r="K32713" s="2">
        <v>0</v>
      </c>
      <c r="L32713" t="s">
        <v>120</v>
      </c>
      <c r="M32713" t="s">
        <v>83</v>
      </c>
      <c r="N32713" t="s">
        <v>91</v>
      </c>
      <c r="O32713" t="s">
        <v>85</v>
      </c>
      <c r="P32713" t="s">
        <v>86</v>
      </c>
      <c r="Q32713">
        <v>40</v>
      </c>
      <c r="R32713">
        <v>40</v>
      </c>
      <c r="S32713">
        <v>41</v>
      </c>
      <c r="T32713">
        <v>41</v>
      </c>
      <c r="U32713">
        <v>42</v>
      </c>
      <c r="V32713">
        <v>42</v>
      </c>
      <c r="W32713">
        <v>43</v>
      </c>
      <c r="X32713">
        <v>44</v>
      </c>
      <c r="Y32713">
        <v>44</v>
      </c>
      <c r="Z32713">
        <v>45</v>
      </c>
      <c r="AA32713">
        <v>45</v>
      </c>
      <c r="AB32713">
        <v>46</v>
      </c>
      <c r="AC32713">
        <v>46</v>
      </c>
      <c r="AD32713">
        <v>47</v>
      </c>
      <c r="AE32713">
        <v>47</v>
      </c>
      <c r="AF32713">
        <v>48</v>
      </c>
      <c r="AG32713">
        <v>48</v>
      </c>
      <c r="AH32713">
        <v>49</v>
      </c>
      <c r="AI32713">
        <v>49</v>
      </c>
      <c r="AJ32713">
        <v>50</v>
      </c>
      <c r="AK32713">
        <v>51</v>
      </c>
      <c r="AL32713">
        <v>51</v>
      </c>
      <c r="AM32713">
        <v>51</v>
      </c>
      <c r="AN32713">
        <v>51</v>
      </c>
      <c r="AO32713">
        <v>52</v>
      </c>
      <c r="AP32713">
        <v>52</v>
      </c>
      <c r="AQ32713">
        <v>52</v>
      </c>
    </row>
    <row r="32714" spans="1:43">
      <c r="A32714" t="s">
        <v>20271</v>
      </c>
      <c r="B32714" t="s">
        <v>20272</v>
      </c>
      <c r="C32714" t="s">
        <v>20273</v>
      </c>
      <c r="D32714" t="s">
        <v>20274</v>
      </c>
      <c r="E32714" t="s">
        <v>20253</v>
      </c>
      <c r="F32714" t="s">
        <v>20254</v>
      </c>
      <c r="G32714" t="s">
        <v>20255</v>
      </c>
      <c r="H32714" t="s">
        <v>20256</v>
      </c>
      <c r="I32714" s="2">
        <v>1</v>
      </c>
      <c r="J32714" s="2">
        <v>0</v>
      </c>
      <c r="K32714" s="2">
        <v>0</v>
      </c>
      <c r="L32714" t="s">
        <v>120</v>
      </c>
      <c r="M32714" t="s">
        <v>83</v>
      </c>
      <c r="N32714" t="s">
        <v>84</v>
      </c>
      <c r="O32714" t="s">
        <v>85</v>
      </c>
      <c r="P32714" t="s">
        <v>86</v>
      </c>
      <c r="Q32714">
        <v>20</v>
      </c>
      <c r="R32714">
        <v>20</v>
      </c>
      <c r="S32714">
        <v>21</v>
      </c>
      <c r="T32714">
        <v>21</v>
      </c>
      <c r="U32714">
        <v>21</v>
      </c>
      <c r="V32714">
        <v>22</v>
      </c>
      <c r="W32714">
        <v>22</v>
      </c>
      <c r="X32714">
        <v>22</v>
      </c>
      <c r="Y32714">
        <v>23</v>
      </c>
      <c r="Z32714">
        <v>23</v>
      </c>
      <c r="AA32714">
        <v>23</v>
      </c>
      <c r="AB32714">
        <v>23</v>
      </c>
      <c r="AC32714">
        <v>24</v>
      </c>
      <c r="AD32714">
        <v>24</v>
      </c>
      <c r="AE32714">
        <v>24</v>
      </c>
      <c r="AF32714">
        <v>25</v>
      </c>
      <c r="AG32714">
        <v>25</v>
      </c>
      <c r="AH32714">
        <v>25</v>
      </c>
      <c r="AI32714">
        <v>26</v>
      </c>
      <c r="AJ32714">
        <v>26</v>
      </c>
      <c r="AK32714">
        <v>26</v>
      </c>
      <c r="AL32714">
        <v>27</v>
      </c>
      <c r="AM32714">
        <v>27</v>
      </c>
      <c r="AN32714">
        <v>27</v>
      </c>
      <c r="AO32714">
        <v>27</v>
      </c>
      <c r="AP32714">
        <v>27</v>
      </c>
      <c r="AQ32714">
        <v>28</v>
      </c>
    </row>
    <row r="32715" spans="1:43">
      <c r="A32715" t="s">
        <v>20271</v>
      </c>
      <c r="B32715" t="s">
        <v>20272</v>
      </c>
      <c r="C32715" t="s">
        <v>20273</v>
      </c>
      <c r="D32715" t="s">
        <v>20274</v>
      </c>
      <c r="E32715" t="s">
        <v>20253</v>
      </c>
      <c r="F32715" t="s">
        <v>20254</v>
      </c>
      <c r="G32715" t="s">
        <v>20255</v>
      </c>
      <c r="H32715" t="s">
        <v>20256</v>
      </c>
      <c r="I32715" s="2">
        <v>1</v>
      </c>
      <c r="J32715" s="2">
        <v>0</v>
      </c>
      <c r="K32715" s="2">
        <v>0</v>
      </c>
      <c r="L32715" t="s">
        <v>120</v>
      </c>
      <c r="M32715" t="s">
        <v>87</v>
      </c>
      <c r="N32715" t="s">
        <v>88</v>
      </c>
      <c r="O32715" t="s">
        <v>85</v>
      </c>
      <c r="P32715" t="s">
        <v>86</v>
      </c>
      <c r="Q32715">
        <v>20</v>
      </c>
      <c r="R32715">
        <v>20</v>
      </c>
      <c r="S32715">
        <v>20</v>
      </c>
      <c r="T32715">
        <v>20</v>
      </c>
      <c r="U32715">
        <v>20</v>
      </c>
      <c r="V32715">
        <v>21</v>
      </c>
      <c r="W32715">
        <v>21</v>
      </c>
      <c r="X32715">
        <v>21</v>
      </c>
      <c r="Y32715">
        <v>21</v>
      </c>
      <c r="Z32715">
        <v>21</v>
      </c>
      <c r="AA32715">
        <v>21</v>
      </c>
      <c r="AB32715">
        <v>21</v>
      </c>
      <c r="AC32715">
        <v>21</v>
      </c>
      <c r="AD32715">
        <v>22</v>
      </c>
      <c r="AE32715">
        <v>22</v>
      </c>
      <c r="AF32715">
        <v>22</v>
      </c>
      <c r="AG32715">
        <v>22</v>
      </c>
      <c r="AH32715">
        <v>22</v>
      </c>
      <c r="AI32715">
        <v>22</v>
      </c>
      <c r="AJ32715">
        <v>22</v>
      </c>
      <c r="AK32715">
        <v>23</v>
      </c>
      <c r="AL32715">
        <v>23</v>
      </c>
      <c r="AM32715">
        <v>23</v>
      </c>
      <c r="AN32715">
        <v>23</v>
      </c>
      <c r="AO32715">
        <v>23</v>
      </c>
      <c r="AP32715">
        <v>24</v>
      </c>
      <c r="AQ32715">
        <v>24</v>
      </c>
    </row>
    <row r="32716" spans="1:43">
      <c r="A32716" t="s">
        <v>20271</v>
      </c>
      <c r="B32716" t="s">
        <v>20272</v>
      </c>
      <c r="C32716" t="s">
        <v>20273</v>
      </c>
      <c r="D32716" t="s">
        <v>20274</v>
      </c>
      <c r="E32716" t="s">
        <v>20253</v>
      </c>
      <c r="F32716" t="s">
        <v>20254</v>
      </c>
      <c r="G32716" t="s">
        <v>20255</v>
      </c>
      <c r="H32716" t="s">
        <v>20256</v>
      </c>
      <c r="I32716" s="2">
        <v>1</v>
      </c>
      <c r="J32716" s="2">
        <v>0</v>
      </c>
      <c r="K32716" s="2">
        <v>0</v>
      </c>
      <c r="L32716" t="s">
        <v>120</v>
      </c>
      <c r="M32716" t="s">
        <v>89</v>
      </c>
      <c r="N32716" t="s">
        <v>90</v>
      </c>
      <c r="O32716" t="s">
        <v>85</v>
      </c>
      <c r="P32716" t="s">
        <v>86</v>
      </c>
      <c r="Q32716">
        <v>20</v>
      </c>
      <c r="R32716">
        <v>21</v>
      </c>
      <c r="S32716">
        <v>21</v>
      </c>
      <c r="T32716">
        <v>22</v>
      </c>
      <c r="U32716">
        <v>22</v>
      </c>
      <c r="V32716">
        <v>23</v>
      </c>
      <c r="W32716">
        <v>23</v>
      </c>
      <c r="X32716">
        <v>23</v>
      </c>
      <c r="Y32716">
        <v>24</v>
      </c>
      <c r="Z32716">
        <v>24</v>
      </c>
      <c r="AA32716">
        <v>25</v>
      </c>
      <c r="AB32716">
        <v>25</v>
      </c>
      <c r="AC32716">
        <v>25</v>
      </c>
      <c r="AD32716">
        <v>26</v>
      </c>
      <c r="AE32716">
        <v>26</v>
      </c>
      <c r="AF32716">
        <v>26</v>
      </c>
      <c r="AG32716">
        <v>26</v>
      </c>
      <c r="AH32716">
        <v>27</v>
      </c>
      <c r="AI32716">
        <v>27</v>
      </c>
      <c r="AJ32716">
        <v>27</v>
      </c>
      <c r="AK32716">
        <v>27</v>
      </c>
      <c r="AL32716">
        <v>27</v>
      </c>
      <c r="AM32716">
        <v>27</v>
      </c>
      <c r="AN32716">
        <v>28</v>
      </c>
      <c r="AO32716">
        <v>28</v>
      </c>
      <c r="AP32716">
        <v>28</v>
      </c>
      <c r="AQ32716">
        <v>28</v>
      </c>
    </row>
    <row r="32717" spans="1:43">
      <c r="A32717" t="s">
        <v>20271</v>
      </c>
      <c r="B32717" t="s">
        <v>20272</v>
      </c>
      <c r="C32717" t="s">
        <v>20273</v>
      </c>
      <c r="D32717" t="s">
        <v>20274</v>
      </c>
      <c r="E32717" t="s">
        <v>20253</v>
      </c>
      <c r="F32717" t="s">
        <v>20254</v>
      </c>
      <c r="G32717" t="s">
        <v>20255</v>
      </c>
      <c r="H32717" t="s">
        <v>20256</v>
      </c>
      <c r="I32717" s="2">
        <v>1</v>
      </c>
      <c r="J32717" s="2">
        <v>0</v>
      </c>
      <c r="K32717" s="2">
        <v>0</v>
      </c>
      <c r="L32717" t="s">
        <v>120</v>
      </c>
      <c r="M32717" t="s">
        <v>83</v>
      </c>
      <c r="N32717" t="s">
        <v>91</v>
      </c>
      <c r="O32717" t="s">
        <v>85</v>
      </c>
      <c r="P32717" t="s">
        <v>86</v>
      </c>
      <c r="Q32717">
        <v>20</v>
      </c>
      <c r="R32717">
        <v>20</v>
      </c>
      <c r="S32717">
        <v>21</v>
      </c>
      <c r="T32717">
        <v>21</v>
      </c>
      <c r="U32717">
        <v>21</v>
      </c>
      <c r="V32717">
        <v>22</v>
      </c>
      <c r="W32717">
        <v>22</v>
      </c>
      <c r="X32717">
        <v>22</v>
      </c>
      <c r="Y32717">
        <v>23</v>
      </c>
      <c r="Z32717">
        <v>23</v>
      </c>
      <c r="AA32717">
        <v>23</v>
      </c>
      <c r="AB32717">
        <v>23</v>
      </c>
      <c r="AC32717">
        <v>24</v>
      </c>
      <c r="AD32717">
        <v>24</v>
      </c>
      <c r="AE32717">
        <v>24</v>
      </c>
      <c r="AF32717">
        <v>25</v>
      </c>
      <c r="AG32717">
        <v>25</v>
      </c>
      <c r="AH32717">
        <v>25</v>
      </c>
      <c r="AI32717">
        <v>26</v>
      </c>
      <c r="AJ32717">
        <v>26</v>
      </c>
      <c r="AK32717">
        <v>26</v>
      </c>
      <c r="AL32717">
        <v>27</v>
      </c>
      <c r="AM32717">
        <v>27</v>
      </c>
      <c r="AN32717">
        <v>27</v>
      </c>
      <c r="AO32717">
        <v>27</v>
      </c>
      <c r="AP32717">
        <v>27</v>
      </c>
      <c r="AQ32717">
        <v>28</v>
      </c>
    </row>
    <row r="32718" spans="1:43">
      <c r="A32718" t="s">
        <v>20275</v>
      </c>
      <c r="B32718" t="s">
        <v>20276</v>
      </c>
      <c r="C32718" t="s">
        <v>20273</v>
      </c>
      <c r="D32718" t="s">
        <v>20274</v>
      </c>
      <c r="E32718" t="s">
        <v>20253</v>
      </c>
      <c r="F32718" t="s">
        <v>20254</v>
      </c>
      <c r="G32718" t="s">
        <v>20255</v>
      </c>
      <c r="H32718" t="s">
        <v>20256</v>
      </c>
      <c r="I32718" s="2">
        <v>1</v>
      </c>
      <c r="J32718" s="2">
        <v>0</v>
      </c>
      <c r="K32718" s="2">
        <v>0</v>
      </c>
      <c r="L32718" t="s">
        <v>120</v>
      </c>
      <c r="M32718" t="s">
        <v>83</v>
      </c>
      <c r="N32718" t="s">
        <v>84</v>
      </c>
      <c r="O32718" t="s">
        <v>85</v>
      </c>
      <c r="P32718" t="s">
        <v>86</v>
      </c>
      <c r="Q32718">
        <v>145</v>
      </c>
      <c r="R32718">
        <v>147</v>
      </c>
      <c r="S32718">
        <v>149</v>
      </c>
      <c r="T32718">
        <v>151</v>
      </c>
      <c r="U32718">
        <v>153</v>
      </c>
      <c r="V32718">
        <v>155</v>
      </c>
      <c r="W32718">
        <v>157</v>
      </c>
      <c r="X32718">
        <v>159</v>
      </c>
      <c r="Y32718">
        <v>160</v>
      </c>
      <c r="Z32718">
        <v>162</v>
      </c>
      <c r="AA32718">
        <v>164</v>
      </c>
      <c r="AB32718">
        <v>166</v>
      </c>
      <c r="AC32718">
        <v>168</v>
      </c>
      <c r="AD32718">
        <v>170</v>
      </c>
      <c r="AE32718">
        <v>172</v>
      </c>
      <c r="AF32718">
        <v>174</v>
      </c>
      <c r="AG32718">
        <v>176</v>
      </c>
      <c r="AH32718">
        <v>178</v>
      </c>
      <c r="AI32718">
        <v>180</v>
      </c>
      <c r="AJ32718">
        <v>182</v>
      </c>
      <c r="AK32718">
        <v>185</v>
      </c>
      <c r="AL32718">
        <v>186</v>
      </c>
      <c r="AM32718">
        <v>187</v>
      </c>
      <c r="AN32718">
        <v>188</v>
      </c>
      <c r="AO32718">
        <v>189</v>
      </c>
      <c r="AP32718">
        <v>190</v>
      </c>
      <c r="AQ32718">
        <v>191</v>
      </c>
    </row>
    <row r="32719" spans="1:43">
      <c r="A32719" t="s">
        <v>20275</v>
      </c>
      <c r="B32719" t="s">
        <v>20276</v>
      </c>
      <c r="C32719" t="s">
        <v>20273</v>
      </c>
      <c r="D32719" t="s">
        <v>20274</v>
      </c>
      <c r="E32719" t="s">
        <v>20253</v>
      </c>
      <c r="F32719" t="s">
        <v>20254</v>
      </c>
      <c r="G32719" t="s">
        <v>20255</v>
      </c>
      <c r="H32719" t="s">
        <v>20256</v>
      </c>
      <c r="I32719" s="2">
        <v>1</v>
      </c>
      <c r="J32719" s="2">
        <v>0</v>
      </c>
      <c r="K32719" s="2">
        <v>0</v>
      </c>
      <c r="L32719" t="s">
        <v>120</v>
      </c>
      <c r="M32719" t="s">
        <v>87</v>
      </c>
      <c r="N32719" t="s">
        <v>88</v>
      </c>
      <c r="O32719" t="s">
        <v>85</v>
      </c>
      <c r="P32719" t="s">
        <v>86</v>
      </c>
      <c r="Q32719">
        <v>145</v>
      </c>
      <c r="R32719">
        <v>146</v>
      </c>
      <c r="S32719">
        <v>147</v>
      </c>
      <c r="T32719">
        <v>147</v>
      </c>
      <c r="U32719">
        <v>148</v>
      </c>
      <c r="V32719">
        <v>149</v>
      </c>
      <c r="W32719">
        <v>149</v>
      </c>
      <c r="X32719">
        <v>150</v>
      </c>
      <c r="Y32719">
        <v>151</v>
      </c>
      <c r="Z32719">
        <v>151</v>
      </c>
      <c r="AA32719">
        <v>152</v>
      </c>
      <c r="AB32719">
        <v>153</v>
      </c>
      <c r="AC32719">
        <v>153</v>
      </c>
      <c r="AD32719">
        <v>154</v>
      </c>
      <c r="AE32719">
        <v>155</v>
      </c>
      <c r="AF32719">
        <v>156</v>
      </c>
      <c r="AG32719">
        <v>157</v>
      </c>
      <c r="AH32719">
        <v>158</v>
      </c>
      <c r="AI32719">
        <v>159</v>
      </c>
      <c r="AJ32719">
        <v>159</v>
      </c>
      <c r="AK32719">
        <v>160</v>
      </c>
      <c r="AL32719">
        <v>162</v>
      </c>
      <c r="AM32719">
        <v>163</v>
      </c>
      <c r="AN32719">
        <v>164</v>
      </c>
      <c r="AO32719">
        <v>165</v>
      </c>
      <c r="AP32719">
        <v>166</v>
      </c>
      <c r="AQ32719">
        <v>167</v>
      </c>
    </row>
    <row r="32720" spans="1:43">
      <c r="A32720" t="s">
        <v>20275</v>
      </c>
      <c r="B32720" t="s">
        <v>20276</v>
      </c>
      <c r="C32720" t="s">
        <v>20273</v>
      </c>
      <c r="D32720" t="s">
        <v>20274</v>
      </c>
      <c r="E32720" t="s">
        <v>20253</v>
      </c>
      <c r="F32720" t="s">
        <v>20254</v>
      </c>
      <c r="G32720" t="s">
        <v>20255</v>
      </c>
      <c r="H32720" t="s">
        <v>20256</v>
      </c>
      <c r="I32720" s="2">
        <v>1</v>
      </c>
      <c r="J32720" s="2">
        <v>0</v>
      </c>
      <c r="K32720" s="2">
        <v>0</v>
      </c>
      <c r="L32720" t="s">
        <v>120</v>
      </c>
      <c r="M32720" t="s">
        <v>89</v>
      </c>
      <c r="N32720" t="s">
        <v>90</v>
      </c>
      <c r="O32720" t="s">
        <v>85</v>
      </c>
      <c r="P32720" t="s">
        <v>86</v>
      </c>
      <c r="Q32720">
        <v>145</v>
      </c>
      <c r="R32720">
        <v>148</v>
      </c>
      <c r="S32720">
        <v>151</v>
      </c>
      <c r="T32720">
        <v>155</v>
      </c>
      <c r="U32720">
        <v>158</v>
      </c>
      <c r="V32720">
        <v>160</v>
      </c>
      <c r="W32720">
        <v>163</v>
      </c>
      <c r="X32720">
        <v>166</v>
      </c>
      <c r="Y32720">
        <v>168</v>
      </c>
      <c r="Z32720">
        <v>171</v>
      </c>
      <c r="AA32720">
        <v>174</v>
      </c>
      <c r="AB32720">
        <v>176</v>
      </c>
      <c r="AC32720">
        <v>179</v>
      </c>
      <c r="AD32720">
        <v>181</v>
      </c>
      <c r="AE32720">
        <v>183</v>
      </c>
      <c r="AF32720">
        <v>184</v>
      </c>
      <c r="AG32720">
        <v>185</v>
      </c>
      <c r="AH32720">
        <v>185</v>
      </c>
      <c r="AI32720">
        <v>186</v>
      </c>
      <c r="AJ32720">
        <v>187</v>
      </c>
      <c r="AK32720">
        <v>187</v>
      </c>
      <c r="AL32720">
        <v>188</v>
      </c>
      <c r="AM32720">
        <v>189</v>
      </c>
      <c r="AN32720">
        <v>190</v>
      </c>
      <c r="AO32720">
        <v>191</v>
      </c>
      <c r="AP32720">
        <v>192</v>
      </c>
      <c r="AQ32720">
        <v>193</v>
      </c>
    </row>
    <row r="32721" spans="1:43">
      <c r="A32721" t="s">
        <v>20275</v>
      </c>
      <c r="B32721" t="s">
        <v>20276</v>
      </c>
      <c r="C32721" t="s">
        <v>20273</v>
      </c>
      <c r="D32721" t="s">
        <v>20274</v>
      </c>
      <c r="E32721" t="s">
        <v>20253</v>
      </c>
      <c r="F32721" t="s">
        <v>20254</v>
      </c>
      <c r="G32721" t="s">
        <v>20255</v>
      </c>
      <c r="H32721" t="s">
        <v>20256</v>
      </c>
      <c r="I32721" s="2">
        <v>1</v>
      </c>
      <c r="J32721" s="2">
        <v>0</v>
      </c>
      <c r="K32721" s="2">
        <v>0</v>
      </c>
      <c r="L32721" t="s">
        <v>120</v>
      </c>
      <c r="M32721" t="s">
        <v>83</v>
      </c>
      <c r="N32721" t="s">
        <v>91</v>
      </c>
      <c r="O32721" t="s">
        <v>85</v>
      </c>
      <c r="P32721" t="s">
        <v>86</v>
      </c>
      <c r="Q32721">
        <v>145</v>
      </c>
      <c r="R32721">
        <v>147</v>
      </c>
      <c r="S32721">
        <v>149</v>
      </c>
      <c r="T32721">
        <v>151</v>
      </c>
      <c r="U32721">
        <v>153</v>
      </c>
      <c r="V32721">
        <v>155</v>
      </c>
      <c r="W32721">
        <v>157</v>
      </c>
      <c r="X32721">
        <v>159</v>
      </c>
      <c r="Y32721">
        <v>160</v>
      </c>
      <c r="Z32721">
        <v>162</v>
      </c>
      <c r="AA32721">
        <v>164</v>
      </c>
      <c r="AB32721">
        <v>166</v>
      </c>
      <c r="AC32721">
        <v>168</v>
      </c>
      <c r="AD32721">
        <v>170</v>
      </c>
      <c r="AE32721">
        <v>172</v>
      </c>
      <c r="AF32721">
        <v>174</v>
      </c>
      <c r="AG32721">
        <v>176</v>
      </c>
      <c r="AH32721">
        <v>178</v>
      </c>
      <c r="AI32721">
        <v>180</v>
      </c>
      <c r="AJ32721">
        <v>182</v>
      </c>
      <c r="AK32721">
        <v>185</v>
      </c>
      <c r="AL32721">
        <v>186</v>
      </c>
      <c r="AM32721">
        <v>187</v>
      </c>
      <c r="AN32721">
        <v>188</v>
      </c>
      <c r="AO32721">
        <v>189</v>
      </c>
      <c r="AP32721">
        <v>190</v>
      </c>
      <c r="AQ32721">
        <v>191</v>
      </c>
    </row>
    <row r="32722" spans="1:43">
      <c r="A32722" t="s">
        <v>20277</v>
      </c>
      <c r="B32722" t="s">
        <v>20278</v>
      </c>
      <c r="C32722" t="s">
        <v>20273</v>
      </c>
      <c r="D32722" t="s">
        <v>20274</v>
      </c>
      <c r="E32722" t="s">
        <v>20253</v>
      </c>
      <c r="F32722" t="s">
        <v>20254</v>
      </c>
      <c r="G32722" t="s">
        <v>20255</v>
      </c>
      <c r="H32722" t="s">
        <v>20256</v>
      </c>
      <c r="I32722" s="2">
        <v>1</v>
      </c>
      <c r="J32722" s="2">
        <v>0</v>
      </c>
      <c r="K32722" s="2">
        <v>0</v>
      </c>
      <c r="L32722" t="s">
        <v>120</v>
      </c>
      <c r="M32722" t="s">
        <v>83</v>
      </c>
      <c r="N32722" t="s">
        <v>84</v>
      </c>
      <c r="O32722" t="s">
        <v>85</v>
      </c>
      <c r="P32722" t="s">
        <v>86</v>
      </c>
      <c r="Q32722">
        <v>101</v>
      </c>
      <c r="R32722">
        <v>103</v>
      </c>
      <c r="S32722">
        <v>104</v>
      </c>
      <c r="T32722">
        <v>106</v>
      </c>
      <c r="U32722">
        <v>107</v>
      </c>
      <c r="V32722">
        <v>109</v>
      </c>
      <c r="W32722">
        <v>110</v>
      </c>
      <c r="X32722">
        <v>112</v>
      </c>
      <c r="Y32722">
        <v>113</v>
      </c>
      <c r="Z32722">
        <v>115</v>
      </c>
      <c r="AA32722">
        <v>116</v>
      </c>
      <c r="AB32722">
        <v>118</v>
      </c>
      <c r="AC32722">
        <v>119</v>
      </c>
      <c r="AD32722">
        <v>121</v>
      </c>
      <c r="AE32722">
        <v>122</v>
      </c>
      <c r="AF32722">
        <v>124</v>
      </c>
      <c r="AG32722">
        <v>125</v>
      </c>
      <c r="AH32722">
        <v>127</v>
      </c>
      <c r="AI32722">
        <v>129</v>
      </c>
      <c r="AJ32722">
        <v>130</v>
      </c>
      <c r="AK32722">
        <v>132</v>
      </c>
      <c r="AL32722">
        <v>133</v>
      </c>
      <c r="AM32722">
        <v>134</v>
      </c>
      <c r="AN32722">
        <v>135</v>
      </c>
      <c r="AO32722">
        <v>136</v>
      </c>
      <c r="AP32722">
        <v>137</v>
      </c>
      <c r="AQ32722">
        <v>138</v>
      </c>
    </row>
    <row r="32723" spans="1:43">
      <c r="A32723" t="s">
        <v>20277</v>
      </c>
      <c r="B32723" t="s">
        <v>20278</v>
      </c>
      <c r="C32723" t="s">
        <v>20273</v>
      </c>
      <c r="D32723" t="s">
        <v>20274</v>
      </c>
      <c r="E32723" t="s">
        <v>20253</v>
      </c>
      <c r="F32723" t="s">
        <v>20254</v>
      </c>
      <c r="G32723" t="s">
        <v>20255</v>
      </c>
      <c r="H32723" t="s">
        <v>20256</v>
      </c>
      <c r="I32723" s="2">
        <v>1</v>
      </c>
      <c r="J32723" s="2">
        <v>0</v>
      </c>
      <c r="K32723" s="2">
        <v>0</v>
      </c>
      <c r="L32723" t="s">
        <v>120</v>
      </c>
      <c r="M32723" t="s">
        <v>87</v>
      </c>
      <c r="N32723" t="s">
        <v>88</v>
      </c>
      <c r="O32723" t="s">
        <v>85</v>
      </c>
      <c r="P32723" t="s">
        <v>86</v>
      </c>
      <c r="Q32723">
        <v>101</v>
      </c>
      <c r="R32723">
        <v>102</v>
      </c>
      <c r="S32723">
        <v>102</v>
      </c>
      <c r="T32723">
        <v>103</v>
      </c>
      <c r="U32723">
        <v>103</v>
      </c>
      <c r="V32723">
        <v>104</v>
      </c>
      <c r="W32723">
        <v>105</v>
      </c>
      <c r="X32723">
        <v>105</v>
      </c>
      <c r="Y32723">
        <v>106</v>
      </c>
      <c r="Z32723">
        <v>106</v>
      </c>
      <c r="AA32723">
        <v>107</v>
      </c>
      <c r="AB32723">
        <v>108</v>
      </c>
      <c r="AC32723">
        <v>108</v>
      </c>
      <c r="AD32723">
        <v>109</v>
      </c>
      <c r="AE32723">
        <v>110</v>
      </c>
      <c r="AF32723">
        <v>110</v>
      </c>
      <c r="AG32723">
        <v>111</v>
      </c>
      <c r="AH32723">
        <v>112</v>
      </c>
      <c r="AI32723">
        <v>113</v>
      </c>
      <c r="AJ32723">
        <v>113</v>
      </c>
      <c r="AK32723">
        <v>114</v>
      </c>
      <c r="AL32723">
        <v>115</v>
      </c>
      <c r="AM32723">
        <v>116</v>
      </c>
      <c r="AN32723">
        <v>117</v>
      </c>
      <c r="AO32723">
        <v>118</v>
      </c>
      <c r="AP32723">
        <v>119</v>
      </c>
      <c r="AQ32723">
        <v>120</v>
      </c>
    </row>
    <row r="32724" spans="1:43">
      <c r="A32724" t="s">
        <v>20277</v>
      </c>
      <c r="B32724" t="s">
        <v>20278</v>
      </c>
      <c r="C32724" t="s">
        <v>20273</v>
      </c>
      <c r="D32724" t="s">
        <v>20274</v>
      </c>
      <c r="E32724" t="s">
        <v>20253</v>
      </c>
      <c r="F32724" t="s">
        <v>20254</v>
      </c>
      <c r="G32724" t="s">
        <v>20255</v>
      </c>
      <c r="H32724" t="s">
        <v>20256</v>
      </c>
      <c r="I32724" s="2">
        <v>1</v>
      </c>
      <c r="J32724" s="2">
        <v>0</v>
      </c>
      <c r="K32724" s="2">
        <v>0</v>
      </c>
      <c r="L32724" t="s">
        <v>120</v>
      </c>
      <c r="M32724" t="s">
        <v>89</v>
      </c>
      <c r="N32724" t="s">
        <v>90</v>
      </c>
      <c r="O32724" t="s">
        <v>85</v>
      </c>
      <c r="P32724" t="s">
        <v>86</v>
      </c>
      <c r="Q32724">
        <v>101</v>
      </c>
      <c r="R32724">
        <v>103</v>
      </c>
      <c r="S32724">
        <v>106</v>
      </c>
      <c r="T32724">
        <v>108</v>
      </c>
      <c r="U32724">
        <v>110</v>
      </c>
      <c r="V32724">
        <v>113</v>
      </c>
      <c r="W32724">
        <v>115</v>
      </c>
      <c r="X32724">
        <v>117</v>
      </c>
      <c r="Y32724">
        <v>119</v>
      </c>
      <c r="Z32724">
        <v>121</v>
      </c>
      <c r="AA32724">
        <v>122</v>
      </c>
      <c r="AB32724">
        <v>124</v>
      </c>
      <c r="AC32724">
        <v>126</v>
      </c>
      <c r="AD32724">
        <v>128</v>
      </c>
      <c r="AE32724">
        <v>130</v>
      </c>
      <c r="AF32724">
        <v>131</v>
      </c>
      <c r="AG32724">
        <v>131</v>
      </c>
      <c r="AH32724">
        <v>132</v>
      </c>
      <c r="AI32724">
        <v>133</v>
      </c>
      <c r="AJ32724">
        <v>134</v>
      </c>
      <c r="AK32724">
        <v>134</v>
      </c>
      <c r="AL32724">
        <v>135</v>
      </c>
      <c r="AM32724">
        <v>136</v>
      </c>
      <c r="AN32724">
        <v>137</v>
      </c>
      <c r="AO32724">
        <v>138</v>
      </c>
      <c r="AP32724">
        <v>139</v>
      </c>
      <c r="AQ32724">
        <v>140</v>
      </c>
    </row>
    <row r="32725" spans="1:43">
      <c r="A32725" t="s">
        <v>20277</v>
      </c>
      <c r="B32725" t="s">
        <v>20278</v>
      </c>
      <c r="C32725" t="s">
        <v>20273</v>
      </c>
      <c r="D32725" t="s">
        <v>20274</v>
      </c>
      <c r="E32725" t="s">
        <v>20253</v>
      </c>
      <c r="F32725" t="s">
        <v>20254</v>
      </c>
      <c r="G32725" t="s">
        <v>20255</v>
      </c>
      <c r="H32725" t="s">
        <v>20256</v>
      </c>
      <c r="I32725" s="2">
        <v>1</v>
      </c>
      <c r="J32725" s="2">
        <v>0</v>
      </c>
      <c r="K32725" s="2">
        <v>0</v>
      </c>
      <c r="L32725" t="s">
        <v>120</v>
      </c>
      <c r="M32725" t="s">
        <v>83</v>
      </c>
      <c r="N32725" t="s">
        <v>91</v>
      </c>
      <c r="O32725" t="s">
        <v>85</v>
      </c>
      <c r="P32725" t="s">
        <v>86</v>
      </c>
      <c r="Q32725">
        <v>101</v>
      </c>
      <c r="R32725">
        <v>103</v>
      </c>
      <c r="S32725">
        <v>104</v>
      </c>
      <c r="T32725">
        <v>106</v>
      </c>
      <c r="U32725">
        <v>107</v>
      </c>
      <c r="V32725">
        <v>109</v>
      </c>
      <c r="W32725">
        <v>110</v>
      </c>
      <c r="X32725">
        <v>112</v>
      </c>
      <c r="Y32725">
        <v>113</v>
      </c>
      <c r="Z32725">
        <v>115</v>
      </c>
      <c r="AA32725">
        <v>116</v>
      </c>
      <c r="AB32725">
        <v>118</v>
      </c>
      <c r="AC32725">
        <v>119</v>
      </c>
      <c r="AD32725">
        <v>121</v>
      </c>
      <c r="AE32725">
        <v>122</v>
      </c>
      <c r="AF32725">
        <v>124</v>
      </c>
      <c r="AG32725">
        <v>125</v>
      </c>
      <c r="AH32725">
        <v>127</v>
      </c>
      <c r="AI32725">
        <v>129</v>
      </c>
      <c r="AJ32725">
        <v>130</v>
      </c>
      <c r="AK32725">
        <v>132</v>
      </c>
      <c r="AL32725">
        <v>133</v>
      </c>
      <c r="AM32725">
        <v>134</v>
      </c>
      <c r="AN32725">
        <v>135</v>
      </c>
      <c r="AO32725">
        <v>136</v>
      </c>
      <c r="AP32725">
        <v>137</v>
      </c>
      <c r="AQ32725">
        <v>138</v>
      </c>
    </row>
    <row r="32726" spans="1:43">
      <c r="A32726" t="s">
        <v>20279</v>
      </c>
      <c r="B32726" t="s">
        <v>20280</v>
      </c>
      <c r="C32726" t="s">
        <v>20281</v>
      </c>
      <c r="D32726" t="s">
        <v>20282</v>
      </c>
      <c r="E32726" t="s">
        <v>20253</v>
      </c>
      <c r="F32726" t="s">
        <v>20254</v>
      </c>
      <c r="G32726" t="s">
        <v>20255</v>
      </c>
      <c r="H32726" t="s">
        <v>20256</v>
      </c>
      <c r="I32726" s="2">
        <v>1</v>
      </c>
      <c r="J32726" s="2">
        <v>0</v>
      </c>
      <c r="K32726" s="2">
        <v>0</v>
      </c>
      <c r="L32726" t="s">
        <v>120</v>
      </c>
      <c r="M32726" t="s">
        <v>83</v>
      </c>
      <c r="N32726" t="s">
        <v>84</v>
      </c>
      <c r="O32726" t="s">
        <v>85</v>
      </c>
      <c r="P32726" t="s">
        <v>86</v>
      </c>
      <c r="Q32726">
        <v>11</v>
      </c>
      <c r="R32726">
        <v>12</v>
      </c>
      <c r="S32726">
        <v>12</v>
      </c>
      <c r="T32726">
        <v>12</v>
      </c>
      <c r="U32726">
        <v>12</v>
      </c>
      <c r="V32726">
        <v>12</v>
      </c>
      <c r="W32726">
        <v>12</v>
      </c>
      <c r="X32726">
        <v>12</v>
      </c>
      <c r="Y32726">
        <v>13</v>
      </c>
      <c r="Z32726">
        <v>13</v>
      </c>
      <c r="AA32726">
        <v>13</v>
      </c>
      <c r="AB32726">
        <v>13</v>
      </c>
      <c r="AC32726">
        <v>13</v>
      </c>
      <c r="AD32726">
        <v>13</v>
      </c>
      <c r="AE32726">
        <v>13</v>
      </c>
      <c r="AF32726">
        <v>14</v>
      </c>
      <c r="AG32726">
        <v>14</v>
      </c>
      <c r="AH32726">
        <v>14</v>
      </c>
      <c r="AI32726">
        <v>14</v>
      </c>
      <c r="AJ32726">
        <v>14</v>
      </c>
      <c r="AK32726">
        <v>14</v>
      </c>
      <c r="AL32726">
        <v>14</v>
      </c>
      <c r="AM32726">
        <v>14</v>
      </c>
      <c r="AN32726">
        <v>15</v>
      </c>
      <c r="AO32726">
        <v>15</v>
      </c>
      <c r="AP32726">
        <v>15</v>
      </c>
      <c r="AQ32726">
        <v>15</v>
      </c>
    </row>
    <row r="32727" spans="1:43">
      <c r="A32727" t="s">
        <v>20279</v>
      </c>
      <c r="B32727" t="s">
        <v>20280</v>
      </c>
      <c r="C32727" t="s">
        <v>20281</v>
      </c>
      <c r="D32727" t="s">
        <v>20282</v>
      </c>
      <c r="E32727" t="s">
        <v>20253</v>
      </c>
      <c r="F32727" t="s">
        <v>20254</v>
      </c>
      <c r="G32727" t="s">
        <v>20255</v>
      </c>
      <c r="H32727" t="s">
        <v>20256</v>
      </c>
      <c r="I32727" s="2">
        <v>1</v>
      </c>
      <c r="J32727" s="2">
        <v>0</v>
      </c>
      <c r="K32727" s="2">
        <v>0</v>
      </c>
      <c r="L32727" t="s">
        <v>120</v>
      </c>
      <c r="M32727" t="s">
        <v>87</v>
      </c>
      <c r="N32727" t="s">
        <v>88</v>
      </c>
      <c r="O32727" t="s">
        <v>85</v>
      </c>
      <c r="P32727" t="s">
        <v>86</v>
      </c>
      <c r="Q32727">
        <v>11</v>
      </c>
      <c r="R32727">
        <v>11</v>
      </c>
      <c r="S32727">
        <v>11</v>
      </c>
      <c r="T32727">
        <v>11</v>
      </c>
      <c r="U32727">
        <v>11</v>
      </c>
      <c r="V32727">
        <v>12</v>
      </c>
      <c r="W32727">
        <v>12</v>
      </c>
      <c r="X32727">
        <v>12</v>
      </c>
      <c r="Y32727">
        <v>12</v>
      </c>
      <c r="Z32727">
        <v>12</v>
      </c>
      <c r="AA32727">
        <v>12</v>
      </c>
      <c r="AB32727">
        <v>12</v>
      </c>
      <c r="AC32727">
        <v>12</v>
      </c>
      <c r="AD32727">
        <v>12</v>
      </c>
      <c r="AE32727">
        <v>12</v>
      </c>
      <c r="AF32727">
        <v>12</v>
      </c>
      <c r="AG32727">
        <v>12</v>
      </c>
      <c r="AH32727">
        <v>12</v>
      </c>
      <c r="AI32727">
        <v>12</v>
      </c>
      <c r="AJ32727">
        <v>12</v>
      </c>
      <c r="AK32727">
        <v>12</v>
      </c>
      <c r="AL32727">
        <v>12</v>
      </c>
      <c r="AM32727">
        <v>12</v>
      </c>
      <c r="AN32727">
        <v>13</v>
      </c>
      <c r="AO32727">
        <v>13</v>
      </c>
      <c r="AP32727">
        <v>13</v>
      </c>
      <c r="AQ32727">
        <v>13</v>
      </c>
    </row>
    <row r="32728" spans="1:43">
      <c r="A32728" t="s">
        <v>20279</v>
      </c>
      <c r="B32728" t="s">
        <v>20280</v>
      </c>
      <c r="C32728" t="s">
        <v>20281</v>
      </c>
      <c r="D32728" t="s">
        <v>20282</v>
      </c>
      <c r="E32728" t="s">
        <v>20253</v>
      </c>
      <c r="F32728" t="s">
        <v>20254</v>
      </c>
      <c r="G32728" t="s">
        <v>20255</v>
      </c>
      <c r="H32728" t="s">
        <v>20256</v>
      </c>
      <c r="I32728" s="2">
        <v>1</v>
      </c>
      <c r="J32728" s="2">
        <v>0</v>
      </c>
      <c r="K32728" s="2">
        <v>0</v>
      </c>
      <c r="L32728" t="s">
        <v>120</v>
      </c>
      <c r="M32728" t="s">
        <v>89</v>
      </c>
      <c r="N32728" t="s">
        <v>90</v>
      </c>
      <c r="O32728" t="s">
        <v>85</v>
      </c>
      <c r="P32728" t="s">
        <v>86</v>
      </c>
      <c r="Q32728">
        <v>11</v>
      </c>
      <c r="R32728">
        <v>11</v>
      </c>
      <c r="S32728">
        <v>11</v>
      </c>
      <c r="T32728">
        <v>11</v>
      </c>
      <c r="U32728">
        <v>12</v>
      </c>
      <c r="V32728">
        <v>12</v>
      </c>
      <c r="W32728">
        <v>12</v>
      </c>
      <c r="X32728">
        <v>12</v>
      </c>
      <c r="Y32728">
        <v>12</v>
      </c>
      <c r="Z32728">
        <v>12</v>
      </c>
      <c r="AA32728">
        <v>13</v>
      </c>
      <c r="AB32728">
        <v>13</v>
      </c>
      <c r="AC32728">
        <v>13</v>
      </c>
      <c r="AD32728">
        <v>13</v>
      </c>
      <c r="AE32728">
        <v>13</v>
      </c>
      <c r="AF32728">
        <v>13</v>
      </c>
      <c r="AG32728">
        <v>13</v>
      </c>
      <c r="AH32728">
        <v>13</v>
      </c>
      <c r="AI32728">
        <v>14</v>
      </c>
      <c r="AJ32728">
        <v>14</v>
      </c>
      <c r="AK32728">
        <v>14</v>
      </c>
      <c r="AL32728">
        <v>14</v>
      </c>
      <c r="AM32728">
        <v>14</v>
      </c>
      <c r="AN32728">
        <v>14</v>
      </c>
      <c r="AO32728">
        <v>14</v>
      </c>
      <c r="AP32728">
        <v>14</v>
      </c>
      <c r="AQ32728">
        <v>14</v>
      </c>
    </row>
    <row r="32729" spans="1:43">
      <c r="A32729" t="s">
        <v>20279</v>
      </c>
      <c r="B32729" t="s">
        <v>20280</v>
      </c>
      <c r="C32729" t="s">
        <v>20281</v>
      </c>
      <c r="D32729" t="s">
        <v>20282</v>
      </c>
      <c r="E32729" t="s">
        <v>20253</v>
      </c>
      <c r="F32729" t="s">
        <v>20254</v>
      </c>
      <c r="G32729" t="s">
        <v>20255</v>
      </c>
      <c r="H32729" t="s">
        <v>20256</v>
      </c>
      <c r="I32729" s="2">
        <v>1</v>
      </c>
      <c r="J32729" s="2">
        <v>0</v>
      </c>
      <c r="K32729" s="2">
        <v>0</v>
      </c>
      <c r="L32729" t="s">
        <v>120</v>
      </c>
      <c r="M32729" t="s">
        <v>83</v>
      </c>
      <c r="N32729" t="s">
        <v>91</v>
      </c>
      <c r="O32729" t="s">
        <v>85</v>
      </c>
      <c r="P32729" t="s">
        <v>86</v>
      </c>
      <c r="Q32729">
        <v>11</v>
      </c>
      <c r="R32729">
        <v>12</v>
      </c>
      <c r="S32729">
        <v>12</v>
      </c>
      <c r="T32729">
        <v>12</v>
      </c>
      <c r="U32729">
        <v>12</v>
      </c>
      <c r="V32729">
        <v>12</v>
      </c>
      <c r="W32729">
        <v>12</v>
      </c>
      <c r="X32729">
        <v>12</v>
      </c>
      <c r="Y32729">
        <v>13</v>
      </c>
      <c r="Z32729">
        <v>13</v>
      </c>
      <c r="AA32729">
        <v>13</v>
      </c>
      <c r="AB32729">
        <v>13</v>
      </c>
      <c r="AC32729">
        <v>13</v>
      </c>
      <c r="AD32729">
        <v>13</v>
      </c>
      <c r="AE32729">
        <v>13</v>
      </c>
      <c r="AF32729">
        <v>14</v>
      </c>
      <c r="AG32729">
        <v>14</v>
      </c>
      <c r="AH32729">
        <v>14</v>
      </c>
      <c r="AI32729">
        <v>14</v>
      </c>
      <c r="AJ32729">
        <v>14</v>
      </c>
      <c r="AK32729">
        <v>14</v>
      </c>
      <c r="AL32729">
        <v>14</v>
      </c>
      <c r="AM32729">
        <v>14</v>
      </c>
      <c r="AN32729">
        <v>15</v>
      </c>
      <c r="AO32729">
        <v>15</v>
      </c>
      <c r="AP32729">
        <v>15</v>
      </c>
      <c r="AQ32729">
        <v>15</v>
      </c>
    </row>
    <row r="32730" spans="1:43">
      <c r="A32730" t="s">
        <v>20283</v>
      </c>
      <c r="B32730" t="s">
        <v>20284</v>
      </c>
      <c r="C32730" t="s">
        <v>20281</v>
      </c>
      <c r="D32730" t="s">
        <v>20282</v>
      </c>
      <c r="E32730" t="s">
        <v>20253</v>
      </c>
      <c r="F32730" t="s">
        <v>20254</v>
      </c>
      <c r="G32730" t="s">
        <v>20255</v>
      </c>
      <c r="H32730" t="s">
        <v>20256</v>
      </c>
      <c r="I32730" s="2">
        <v>1</v>
      </c>
      <c r="J32730" s="2">
        <v>0</v>
      </c>
      <c r="K32730" s="2">
        <v>0</v>
      </c>
      <c r="L32730" t="s">
        <v>120</v>
      </c>
      <c r="M32730" t="s">
        <v>83</v>
      </c>
      <c r="N32730" t="s">
        <v>84</v>
      </c>
      <c r="O32730" t="s">
        <v>85</v>
      </c>
      <c r="P32730" t="s">
        <v>86</v>
      </c>
      <c r="Q32730">
        <v>31</v>
      </c>
      <c r="R32730">
        <v>32</v>
      </c>
      <c r="S32730">
        <v>32</v>
      </c>
      <c r="T32730">
        <v>33</v>
      </c>
      <c r="U32730">
        <v>33</v>
      </c>
      <c r="V32730">
        <v>33</v>
      </c>
      <c r="W32730">
        <v>34</v>
      </c>
      <c r="X32730">
        <v>34</v>
      </c>
      <c r="Y32730">
        <v>34</v>
      </c>
      <c r="Z32730">
        <v>35</v>
      </c>
      <c r="AA32730">
        <v>35</v>
      </c>
      <c r="AB32730">
        <v>36</v>
      </c>
      <c r="AC32730">
        <v>36</v>
      </c>
      <c r="AD32730">
        <v>36</v>
      </c>
      <c r="AE32730">
        <v>37</v>
      </c>
      <c r="AF32730">
        <v>37</v>
      </c>
      <c r="AG32730">
        <v>38</v>
      </c>
      <c r="AH32730">
        <v>38</v>
      </c>
      <c r="AI32730">
        <v>38</v>
      </c>
      <c r="AJ32730">
        <v>39</v>
      </c>
      <c r="AK32730">
        <v>39</v>
      </c>
      <c r="AL32730">
        <v>39</v>
      </c>
      <c r="AM32730">
        <v>40</v>
      </c>
      <c r="AN32730">
        <v>40</v>
      </c>
      <c r="AO32730">
        <v>40</v>
      </c>
      <c r="AP32730">
        <v>40</v>
      </c>
      <c r="AQ32730">
        <v>40</v>
      </c>
    </row>
    <row r="32731" spans="1:43">
      <c r="A32731" t="s">
        <v>20283</v>
      </c>
      <c r="B32731" t="s">
        <v>20284</v>
      </c>
      <c r="C32731" t="s">
        <v>20281</v>
      </c>
      <c r="D32731" t="s">
        <v>20282</v>
      </c>
      <c r="E32731" t="s">
        <v>20253</v>
      </c>
      <c r="F32731" t="s">
        <v>20254</v>
      </c>
      <c r="G32731" t="s">
        <v>20255</v>
      </c>
      <c r="H32731" t="s">
        <v>20256</v>
      </c>
      <c r="I32731" s="2">
        <v>1</v>
      </c>
      <c r="J32731" s="2">
        <v>0</v>
      </c>
      <c r="K32731" s="2">
        <v>0</v>
      </c>
      <c r="L32731" t="s">
        <v>120</v>
      </c>
      <c r="M32731" t="s">
        <v>87</v>
      </c>
      <c r="N32731" t="s">
        <v>88</v>
      </c>
      <c r="O32731" t="s">
        <v>85</v>
      </c>
      <c r="P32731" t="s">
        <v>86</v>
      </c>
      <c r="Q32731">
        <v>31</v>
      </c>
      <c r="R32731">
        <v>31</v>
      </c>
      <c r="S32731">
        <v>31</v>
      </c>
      <c r="T32731">
        <v>31</v>
      </c>
      <c r="U32731">
        <v>31</v>
      </c>
      <c r="V32731">
        <v>32</v>
      </c>
      <c r="W32731">
        <v>32</v>
      </c>
      <c r="X32731">
        <v>32</v>
      </c>
      <c r="Y32731">
        <v>32</v>
      </c>
      <c r="Z32731">
        <v>32</v>
      </c>
      <c r="AA32731">
        <v>32</v>
      </c>
      <c r="AB32731">
        <v>32</v>
      </c>
      <c r="AC32731">
        <v>32</v>
      </c>
      <c r="AD32731">
        <v>33</v>
      </c>
      <c r="AE32731">
        <v>33</v>
      </c>
      <c r="AF32731">
        <v>33</v>
      </c>
      <c r="AG32731">
        <v>33</v>
      </c>
      <c r="AH32731">
        <v>33</v>
      </c>
      <c r="AI32731">
        <v>33</v>
      </c>
      <c r="AJ32731">
        <v>33</v>
      </c>
      <c r="AK32731">
        <v>34</v>
      </c>
      <c r="AL32731">
        <v>34</v>
      </c>
      <c r="AM32731">
        <v>34</v>
      </c>
      <c r="AN32731">
        <v>34</v>
      </c>
      <c r="AO32731">
        <v>34</v>
      </c>
      <c r="AP32731">
        <v>35</v>
      </c>
      <c r="AQ32731">
        <v>35</v>
      </c>
    </row>
    <row r="32732" spans="1:43">
      <c r="A32732" t="s">
        <v>20283</v>
      </c>
      <c r="B32732" t="s">
        <v>20284</v>
      </c>
      <c r="C32732" t="s">
        <v>20281</v>
      </c>
      <c r="D32732" t="s">
        <v>20282</v>
      </c>
      <c r="E32732" t="s">
        <v>20253</v>
      </c>
      <c r="F32732" t="s">
        <v>20254</v>
      </c>
      <c r="G32732" t="s">
        <v>20255</v>
      </c>
      <c r="H32732" t="s">
        <v>20256</v>
      </c>
      <c r="I32732" s="2">
        <v>1</v>
      </c>
      <c r="J32732" s="2">
        <v>0</v>
      </c>
      <c r="K32732" s="2">
        <v>0</v>
      </c>
      <c r="L32732" t="s">
        <v>120</v>
      </c>
      <c r="M32732" t="s">
        <v>89</v>
      </c>
      <c r="N32732" t="s">
        <v>90</v>
      </c>
      <c r="O32732" t="s">
        <v>85</v>
      </c>
      <c r="P32732" t="s">
        <v>86</v>
      </c>
      <c r="Q32732">
        <v>31</v>
      </c>
      <c r="R32732">
        <v>31</v>
      </c>
      <c r="S32732">
        <v>32</v>
      </c>
      <c r="T32732">
        <v>33</v>
      </c>
      <c r="U32732">
        <v>33</v>
      </c>
      <c r="V32732">
        <v>34</v>
      </c>
      <c r="W32732">
        <v>34</v>
      </c>
      <c r="X32732">
        <v>35</v>
      </c>
      <c r="Y32732">
        <v>35</v>
      </c>
      <c r="Z32732">
        <v>36</v>
      </c>
      <c r="AA32732">
        <v>36</v>
      </c>
      <c r="AB32732">
        <v>37</v>
      </c>
      <c r="AC32732">
        <v>38</v>
      </c>
      <c r="AD32732">
        <v>38</v>
      </c>
      <c r="AE32732">
        <v>38</v>
      </c>
      <c r="AF32732">
        <v>38</v>
      </c>
      <c r="AG32732">
        <v>38</v>
      </c>
      <c r="AH32732">
        <v>39</v>
      </c>
      <c r="AI32732">
        <v>39</v>
      </c>
      <c r="AJ32732">
        <v>39</v>
      </c>
      <c r="AK32732">
        <v>39</v>
      </c>
      <c r="AL32732">
        <v>39</v>
      </c>
      <c r="AM32732">
        <v>39</v>
      </c>
      <c r="AN32732">
        <v>39</v>
      </c>
      <c r="AO32732">
        <v>39</v>
      </c>
      <c r="AP32732">
        <v>39</v>
      </c>
      <c r="AQ32732">
        <v>40</v>
      </c>
    </row>
    <row r="32733" spans="1:43">
      <c r="A32733" t="s">
        <v>20283</v>
      </c>
      <c r="B32733" t="s">
        <v>20284</v>
      </c>
      <c r="C32733" t="s">
        <v>20281</v>
      </c>
      <c r="D32733" t="s">
        <v>20282</v>
      </c>
      <c r="E32733" t="s">
        <v>20253</v>
      </c>
      <c r="F32733" t="s">
        <v>20254</v>
      </c>
      <c r="G32733" t="s">
        <v>20255</v>
      </c>
      <c r="H32733" t="s">
        <v>20256</v>
      </c>
      <c r="I32733" s="2">
        <v>1</v>
      </c>
      <c r="J32733" s="2">
        <v>0</v>
      </c>
      <c r="K32733" s="2">
        <v>0</v>
      </c>
      <c r="L32733" t="s">
        <v>120</v>
      </c>
      <c r="M32733" t="s">
        <v>83</v>
      </c>
      <c r="N32733" t="s">
        <v>91</v>
      </c>
      <c r="O32733" t="s">
        <v>85</v>
      </c>
      <c r="P32733" t="s">
        <v>86</v>
      </c>
      <c r="Q32733">
        <v>31</v>
      </c>
      <c r="R32733">
        <v>32</v>
      </c>
      <c r="S32733">
        <v>32</v>
      </c>
      <c r="T32733">
        <v>33</v>
      </c>
      <c r="U32733">
        <v>33</v>
      </c>
      <c r="V32733">
        <v>33</v>
      </c>
      <c r="W32733">
        <v>34</v>
      </c>
      <c r="X32733">
        <v>34</v>
      </c>
      <c r="Y32733">
        <v>34</v>
      </c>
      <c r="Z32733">
        <v>35</v>
      </c>
      <c r="AA32733">
        <v>35</v>
      </c>
      <c r="AB32733">
        <v>36</v>
      </c>
      <c r="AC32733">
        <v>36</v>
      </c>
      <c r="AD32733">
        <v>36</v>
      </c>
      <c r="AE32733">
        <v>37</v>
      </c>
      <c r="AF32733">
        <v>37</v>
      </c>
      <c r="AG32733">
        <v>38</v>
      </c>
      <c r="AH32733">
        <v>38</v>
      </c>
      <c r="AI32733">
        <v>38</v>
      </c>
      <c r="AJ32733">
        <v>39</v>
      </c>
      <c r="AK32733">
        <v>39</v>
      </c>
      <c r="AL32733">
        <v>39</v>
      </c>
      <c r="AM32733">
        <v>40</v>
      </c>
      <c r="AN32733">
        <v>40</v>
      </c>
      <c r="AO32733">
        <v>40</v>
      </c>
      <c r="AP32733">
        <v>40</v>
      </c>
      <c r="AQ32733">
        <v>40</v>
      </c>
    </row>
    <row r="32734" spans="1:43">
      <c r="A32734" t="s">
        <v>20285</v>
      </c>
      <c r="B32734" t="s">
        <v>20286</v>
      </c>
      <c r="C32734" t="s">
        <v>20281</v>
      </c>
      <c r="D32734" t="s">
        <v>20282</v>
      </c>
      <c r="E32734" t="s">
        <v>20253</v>
      </c>
      <c r="F32734" t="s">
        <v>20254</v>
      </c>
      <c r="G32734" t="s">
        <v>20255</v>
      </c>
      <c r="H32734" t="s">
        <v>20256</v>
      </c>
      <c r="I32734" s="2">
        <v>1</v>
      </c>
      <c r="J32734" s="2">
        <v>0</v>
      </c>
      <c r="K32734" s="2">
        <v>0</v>
      </c>
      <c r="L32734" t="s">
        <v>120</v>
      </c>
      <c r="M32734" t="s">
        <v>83</v>
      </c>
      <c r="N32734" t="s">
        <v>84</v>
      </c>
      <c r="O32734" t="s">
        <v>85</v>
      </c>
      <c r="P32734" t="s">
        <v>86</v>
      </c>
      <c r="Q32734">
        <v>19</v>
      </c>
      <c r="R32734">
        <v>19</v>
      </c>
      <c r="S32734">
        <v>19</v>
      </c>
      <c r="T32734">
        <v>20</v>
      </c>
      <c r="U32734">
        <v>20</v>
      </c>
      <c r="V32734">
        <v>20</v>
      </c>
      <c r="W32734">
        <v>20</v>
      </c>
      <c r="X32734">
        <v>20</v>
      </c>
      <c r="Y32734">
        <v>21</v>
      </c>
      <c r="Z32734">
        <v>21</v>
      </c>
      <c r="AA32734">
        <v>21</v>
      </c>
      <c r="AB32734">
        <v>21</v>
      </c>
      <c r="AC32734">
        <v>22</v>
      </c>
      <c r="AD32734">
        <v>22</v>
      </c>
      <c r="AE32734">
        <v>22</v>
      </c>
      <c r="AF32734">
        <v>22</v>
      </c>
      <c r="AG32734">
        <v>23</v>
      </c>
      <c r="AH32734">
        <v>23</v>
      </c>
      <c r="AI32734">
        <v>23</v>
      </c>
      <c r="AJ32734">
        <v>23</v>
      </c>
      <c r="AK32734">
        <v>24</v>
      </c>
      <c r="AL32734">
        <v>24</v>
      </c>
      <c r="AM32734">
        <v>24</v>
      </c>
      <c r="AN32734">
        <v>24</v>
      </c>
      <c r="AO32734">
        <v>24</v>
      </c>
      <c r="AP32734">
        <v>24</v>
      </c>
      <c r="AQ32734">
        <v>24</v>
      </c>
    </row>
    <row r="32735" spans="1:43">
      <c r="A32735" t="s">
        <v>20285</v>
      </c>
      <c r="B32735" t="s">
        <v>20286</v>
      </c>
      <c r="C32735" t="s">
        <v>20281</v>
      </c>
      <c r="D32735" t="s">
        <v>20282</v>
      </c>
      <c r="E32735" t="s">
        <v>20253</v>
      </c>
      <c r="F32735" t="s">
        <v>20254</v>
      </c>
      <c r="G32735" t="s">
        <v>20255</v>
      </c>
      <c r="H32735" t="s">
        <v>20256</v>
      </c>
      <c r="I32735" s="2">
        <v>1</v>
      </c>
      <c r="J32735" s="2">
        <v>0</v>
      </c>
      <c r="K32735" s="2">
        <v>0</v>
      </c>
      <c r="L32735" t="s">
        <v>120</v>
      </c>
      <c r="M32735" t="s">
        <v>87</v>
      </c>
      <c r="N32735" t="s">
        <v>88</v>
      </c>
      <c r="O32735" t="s">
        <v>85</v>
      </c>
      <c r="P32735" t="s">
        <v>86</v>
      </c>
      <c r="Q32735">
        <v>19</v>
      </c>
      <c r="R32735">
        <v>19</v>
      </c>
      <c r="S32735">
        <v>19</v>
      </c>
      <c r="T32735">
        <v>19</v>
      </c>
      <c r="U32735">
        <v>19</v>
      </c>
      <c r="V32735">
        <v>19</v>
      </c>
      <c r="W32735">
        <v>19</v>
      </c>
      <c r="X32735">
        <v>19</v>
      </c>
      <c r="Y32735">
        <v>19</v>
      </c>
      <c r="Z32735">
        <v>19</v>
      </c>
      <c r="AA32735">
        <v>19</v>
      </c>
      <c r="AB32735">
        <v>19</v>
      </c>
      <c r="AC32735">
        <v>19</v>
      </c>
      <c r="AD32735">
        <v>20</v>
      </c>
      <c r="AE32735">
        <v>20</v>
      </c>
      <c r="AF32735">
        <v>20</v>
      </c>
      <c r="AG32735">
        <v>20</v>
      </c>
      <c r="AH32735">
        <v>20</v>
      </c>
      <c r="AI32735">
        <v>20</v>
      </c>
      <c r="AJ32735">
        <v>20</v>
      </c>
      <c r="AK32735">
        <v>20</v>
      </c>
      <c r="AL32735">
        <v>20</v>
      </c>
      <c r="AM32735">
        <v>20</v>
      </c>
      <c r="AN32735">
        <v>21</v>
      </c>
      <c r="AO32735">
        <v>21</v>
      </c>
      <c r="AP32735">
        <v>21</v>
      </c>
      <c r="AQ32735">
        <v>21</v>
      </c>
    </row>
    <row r="32736" spans="1:43">
      <c r="A32736" t="s">
        <v>20285</v>
      </c>
      <c r="B32736" t="s">
        <v>20286</v>
      </c>
      <c r="C32736" t="s">
        <v>20281</v>
      </c>
      <c r="D32736" t="s">
        <v>20282</v>
      </c>
      <c r="E32736" t="s">
        <v>20253</v>
      </c>
      <c r="F32736" t="s">
        <v>20254</v>
      </c>
      <c r="G32736" t="s">
        <v>20255</v>
      </c>
      <c r="H32736" t="s">
        <v>20256</v>
      </c>
      <c r="I32736" s="2">
        <v>1</v>
      </c>
      <c r="J32736" s="2">
        <v>0</v>
      </c>
      <c r="K32736" s="2">
        <v>0</v>
      </c>
      <c r="L32736" t="s">
        <v>120</v>
      </c>
      <c r="M32736" t="s">
        <v>89</v>
      </c>
      <c r="N32736" t="s">
        <v>90</v>
      </c>
      <c r="O32736" t="s">
        <v>85</v>
      </c>
      <c r="P32736" t="s">
        <v>86</v>
      </c>
      <c r="Q32736">
        <v>19</v>
      </c>
      <c r="R32736">
        <v>19</v>
      </c>
      <c r="S32736">
        <v>20</v>
      </c>
      <c r="T32736">
        <v>20</v>
      </c>
      <c r="U32736">
        <v>21</v>
      </c>
      <c r="V32736">
        <v>21</v>
      </c>
      <c r="W32736">
        <v>21</v>
      </c>
      <c r="X32736">
        <v>22</v>
      </c>
      <c r="Y32736">
        <v>22</v>
      </c>
      <c r="Z32736">
        <v>22</v>
      </c>
      <c r="AA32736">
        <v>22</v>
      </c>
      <c r="AB32736">
        <v>23</v>
      </c>
      <c r="AC32736">
        <v>23</v>
      </c>
      <c r="AD32736">
        <v>23</v>
      </c>
      <c r="AE32736">
        <v>24</v>
      </c>
      <c r="AF32736">
        <v>24</v>
      </c>
      <c r="AG32736">
        <v>24</v>
      </c>
      <c r="AH32736">
        <v>24</v>
      </c>
      <c r="AI32736">
        <v>24</v>
      </c>
      <c r="AJ32736">
        <v>24</v>
      </c>
      <c r="AK32736">
        <v>24</v>
      </c>
      <c r="AL32736">
        <v>24</v>
      </c>
      <c r="AM32736">
        <v>24</v>
      </c>
      <c r="AN32736">
        <v>24</v>
      </c>
      <c r="AO32736">
        <v>24</v>
      </c>
      <c r="AP32736">
        <v>24</v>
      </c>
      <c r="AQ32736">
        <v>24</v>
      </c>
    </row>
    <row r="32737" spans="1:43">
      <c r="A32737" t="s">
        <v>20285</v>
      </c>
      <c r="B32737" t="s">
        <v>20286</v>
      </c>
      <c r="C32737" t="s">
        <v>20281</v>
      </c>
      <c r="D32737" t="s">
        <v>20282</v>
      </c>
      <c r="E32737" t="s">
        <v>20253</v>
      </c>
      <c r="F32737" t="s">
        <v>20254</v>
      </c>
      <c r="G32737" t="s">
        <v>20255</v>
      </c>
      <c r="H32737" t="s">
        <v>20256</v>
      </c>
      <c r="I32737" s="2">
        <v>1</v>
      </c>
      <c r="J32737" s="2">
        <v>0</v>
      </c>
      <c r="K32737" s="2">
        <v>0</v>
      </c>
      <c r="L32737" t="s">
        <v>120</v>
      </c>
      <c r="M32737" t="s">
        <v>83</v>
      </c>
      <c r="N32737" t="s">
        <v>91</v>
      </c>
      <c r="O32737" t="s">
        <v>85</v>
      </c>
      <c r="P32737" t="s">
        <v>86</v>
      </c>
      <c r="Q32737">
        <v>19</v>
      </c>
      <c r="R32737">
        <v>19</v>
      </c>
      <c r="S32737">
        <v>19</v>
      </c>
      <c r="T32737">
        <v>20</v>
      </c>
      <c r="U32737">
        <v>20</v>
      </c>
      <c r="V32737">
        <v>20</v>
      </c>
      <c r="W32737">
        <v>20</v>
      </c>
      <c r="X32737">
        <v>20</v>
      </c>
      <c r="Y32737">
        <v>21</v>
      </c>
      <c r="Z32737">
        <v>21</v>
      </c>
      <c r="AA32737">
        <v>21</v>
      </c>
      <c r="AB32737">
        <v>21</v>
      </c>
      <c r="AC32737">
        <v>22</v>
      </c>
      <c r="AD32737">
        <v>22</v>
      </c>
      <c r="AE32737">
        <v>22</v>
      </c>
      <c r="AF32737">
        <v>22</v>
      </c>
      <c r="AG32737">
        <v>23</v>
      </c>
      <c r="AH32737">
        <v>23</v>
      </c>
      <c r="AI32737">
        <v>23</v>
      </c>
      <c r="AJ32737">
        <v>23</v>
      </c>
      <c r="AK32737">
        <v>24</v>
      </c>
      <c r="AL32737">
        <v>24</v>
      </c>
      <c r="AM32737">
        <v>24</v>
      </c>
      <c r="AN32737">
        <v>24</v>
      </c>
      <c r="AO32737">
        <v>24</v>
      </c>
      <c r="AP32737">
        <v>24</v>
      </c>
      <c r="AQ32737">
        <v>24</v>
      </c>
    </row>
    <row r="32738" spans="1:43">
      <c r="A32738" t="s">
        <v>20287</v>
      </c>
      <c r="B32738" t="s">
        <v>20288</v>
      </c>
      <c r="C32738" t="s">
        <v>20281</v>
      </c>
      <c r="D32738" t="s">
        <v>20282</v>
      </c>
      <c r="E32738" t="s">
        <v>20253</v>
      </c>
      <c r="F32738" t="s">
        <v>20254</v>
      </c>
      <c r="G32738" t="s">
        <v>20255</v>
      </c>
      <c r="H32738" t="s">
        <v>20256</v>
      </c>
      <c r="I32738" s="2">
        <v>1</v>
      </c>
      <c r="J32738" s="2">
        <v>0</v>
      </c>
      <c r="K32738" s="2">
        <v>0</v>
      </c>
      <c r="L32738" t="s">
        <v>120</v>
      </c>
      <c r="M32738" t="s">
        <v>83</v>
      </c>
      <c r="N32738" t="s">
        <v>84</v>
      </c>
      <c r="O32738" t="s">
        <v>85</v>
      </c>
      <c r="P32738" t="s">
        <v>86</v>
      </c>
      <c r="Q32738">
        <v>4</v>
      </c>
      <c r="R32738">
        <v>4</v>
      </c>
      <c r="S32738">
        <v>4</v>
      </c>
      <c r="T32738">
        <v>4</v>
      </c>
      <c r="U32738">
        <v>4</v>
      </c>
      <c r="V32738">
        <v>4</v>
      </c>
      <c r="W32738">
        <v>4</v>
      </c>
      <c r="X32738">
        <v>4</v>
      </c>
      <c r="Y32738">
        <v>4</v>
      </c>
      <c r="Z32738">
        <v>4</v>
      </c>
      <c r="AA32738">
        <v>4</v>
      </c>
      <c r="AB32738">
        <v>4</v>
      </c>
      <c r="AC32738">
        <v>4</v>
      </c>
      <c r="AD32738">
        <v>4</v>
      </c>
      <c r="AE32738">
        <v>4</v>
      </c>
      <c r="AF32738">
        <v>4</v>
      </c>
      <c r="AG32738">
        <v>4</v>
      </c>
      <c r="AH32738">
        <v>4</v>
      </c>
      <c r="AI32738">
        <v>4</v>
      </c>
      <c r="AJ32738">
        <v>4</v>
      </c>
      <c r="AK32738">
        <v>4</v>
      </c>
      <c r="AL32738">
        <v>5</v>
      </c>
      <c r="AM32738">
        <v>5</v>
      </c>
      <c r="AN32738">
        <v>5</v>
      </c>
      <c r="AO32738">
        <v>5</v>
      </c>
      <c r="AP32738">
        <v>5</v>
      </c>
      <c r="AQ32738">
        <v>5</v>
      </c>
    </row>
    <row r="32739" spans="1:43">
      <c r="A32739" t="s">
        <v>20287</v>
      </c>
      <c r="B32739" t="s">
        <v>20288</v>
      </c>
      <c r="C32739" t="s">
        <v>20281</v>
      </c>
      <c r="D32739" t="s">
        <v>20282</v>
      </c>
      <c r="E32739" t="s">
        <v>20253</v>
      </c>
      <c r="F32739" t="s">
        <v>20254</v>
      </c>
      <c r="G32739" t="s">
        <v>20255</v>
      </c>
      <c r="H32739" t="s">
        <v>20256</v>
      </c>
      <c r="I32739" s="2">
        <v>1</v>
      </c>
      <c r="J32739" s="2">
        <v>0</v>
      </c>
      <c r="K32739" s="2">
        <v>0</v>
      </c>
      <c r="L32739" t="s">
        <v>120</v>
      </c>
      <c r="M32739" t="s">
        <v>87</v>
      </c>
      <c r="N32739" t="s">
        <v>88</v>
      </c>
      <c r="O32739" t="s">
        <v>85</v>
      </c>
      <c r="P32739" t="s">
        <v>86</v>
      </c>
      <c r="Q32739">
        <v>4</v>
      </c>
      <c r="R32739">
        <v>4</v>
      </c>
      <c r="S32739">
        <v>4</v>
      </c>
      <c r="T32739">
        <v>4</v>
      </c>
      <c r="U32739">
        <v>4</v>
      </c>
      <c r="V32739">
        <v>4</v>
      </c>
      <c r="W32739">
        <v>4</v>
      </c>
      <c r="X32739">
        <v>4</v>
      </c>
      <c r="Y32739">
        <v>4</v>
      </c>
      <c r="Z32739">
        <v>4</v>
      </c>
      <c r="AA32739">
        <v>4</v>
      </c>
      <c r="AB32739">
        <v>4</v>
      </c>
      <c r="AC32739">
        <v>4</v>
      </c>
      <c r="AD32739">
        <v>4</v>
      </c>
      <c r="AE32739">
        <v>4</v>
      </c>
      <c r="AF32739">
        <v>4</v>
      </c>
      <c r="AG32739">
        <v>4</v>
      </c>
      <c r="AH32739">
        <v>4</v>
      </c>
      <c r="AI32739">
        <v>4</v>
      </c>
      <c r="AJ32739">
        <v>4</v>
      </c>
      <c r="AK32739">
        <v>4</v>
      </c>
      <c r="AL32739">
        <v>4</v>
      </c>
      <c r="AM32739">
        <v>4</v>
      </c>
      <c r="AN32739">
        <v>4</v>
      </c>
      <c r="AO32739">
        <v>4</v>
      </c>
      <c r="AP32739">
        <v>4</v>
      </c>
      <c r="AQ32739">
        <v>4</v>
      </c>
    </row>
    <row r="32740" spans="1:43">
      <c r="A32740" t="s">
        <v>20287</v>
      </c>
      <c r="B32740" t="s">
        <v>20288</v>
      </c>
      <c r="C32740" t="s">
        <v>20281</v>
      </c>
      <c r="D32740" t="s">
        <v>20282</v>
      </c>
      <c r="E32740" t="s">
        <v>20253</v>
      </c>
      <c r="F32740" t="s">
        <v>20254</v>
      </c>
      <c r="G32740" t="s">
        <v>20255</v>
      </c>
      <c r="H32740" t="s">
        <v>20256</v>
      </c>
      <c r="I32740" s="2">
        <v>1</v>
      </c>
      <c r="J32740" s="2">
        <v>0</v>
      </c>
      <c r="K32740" s="2">
        <v>0</v>
      </c>
      <c r="L32740" t="s">
        <v>120</v>
      </c>
      <c r="M32740" t="s">
        <v>89</v>
      </c>
      <c r="N32740" t="s">
        <v>90</v>
      </c>
      <c r="O32740" t="s">
        <v>85</v>
      </c>
      <c r="P32740" t="s">
        <v>86</v>
      </c>
      <c r="Q32740">
        <v>4</v>
      </c>
      <c r="R32740">
        <v>4</v>
      </c>
      <c r="S32740">
        <v>4</v>
      </c>
      <c r="T32740">
        <v>4</v>
      </c>
      <c r="U32740">
        <v>4</v>
      </c>
      <c r="V32740">
        <v>4</v>
      </c>
      <c r="W32740">
        <v>4</v>
      </c>
      <c r="X32740">
        <v>4</v>
      </c>
      <c r="Y32740">
        <v>4</v>
      </c>
      <c r="Z32740">
        <v>4</v>
      </c>
      <c r="AA32740">
        <v>4</v>
      </c>
      <c r="AB32740">
        <v>4</v>
      </c>
      <c r="AC32740">
        <v>4</v>
      </c>
      <c r="AD32740">
        <v>4</v>
      </c>
      <c r="AE32740">
        <v>5</v>
      </c>
      <c r="AF32740">
        <v>5</v>
      </c>
      <c r="AG32740">
        <v>5</v>
      </c>
      <c r="AH32740">
        <v>5</v>
      </c>
      <c r="AI32740">
        <v>5</v>
      </c>
      <c r="AJ32740">
        <v>5</v>
      </c>
      <c r="AK32740">
        <v>5</v>
      </c>
      <c r="AL32740">
        <v>5</v>
      </c>
      <c r="AM32740">
        <v>5</v>
      </c>
      <c r="AN32740">
        <v>5</v>
      </c>
      <c r="AO32740">
        <v>5</v>
      </c>
      <c r="AP32740">
        <v>5</v>
      </c>
      <c r="AQ32740">
        <v>5</v>
      </c>
    </row>
    <row r="32741" spans="1:43">
      <c r="A32741" t="s">
        <v>20287</v>
      </c>
      <c r="B32741" t="s">
        <v>20288</v>
      </c>
      <c r="C32741" t="s">
        <v>20281</v>
      </c>
      <c r="D32741" t="s">
        <v>20282</v>
      </c>
      <c r="E32741" t="s">
        <v>20253</v>
      </c>
      <c r="F32741" t="s">
        <v>20254</v>
      </c>
      <c r="G32741" t="s">
        <v>20255</v>
      </c>
      <c r="H32741" t="s">
        <v>20256</v>
      </c>
      <c r="I32741" s="2">
        <v>1</v>
      </c>
      <c r="J32741" s="2">
        <v>0</v>
      </c>
      <c r="K32741" s="2">
        <v>0</v>
      </c>
      <c r="L32741" t="s">
        <v>120</v>
      </c>
      <c r="M32741" t="s">
        <v>83</v>
      </c>
      <c r="N32741" t="s">
        <v>91</v>
      </c>
      <c r="O32741" t="s">
        <v>85</v>
      </c>
      <c r="P32741" t="s">
        <v>86</v>
      </c>
      <c r="Q32741">
        <v>4</v>
      </c>
      <c r="R32741">
        <v>4</v>
      </c>
      <c r="S32741">
        <v>4</v>
      </c>
      <c r="T32741">
        <v>4</v>
      </c>
      <c r="U32741">
        <v>4</v>
      </c>
      <c r="V32741">
        <v>4</v>
      </c>
      <c r="W32741">
        <v>4</v>
      </c>
      <c r="X32741">
        <v>4</v>
      </c>
      <c r="Y32741">
        <v>4</v>
      </c>
      <c r="Z32741">
        <v>4</v>
      </c>
      <c r="AA32741">
        <v>4</v>
      </c>
      <c r="AB32741">
        <v>4</v>
      </c>
      <c r="AC32741">
        <v>4</v>
      </c>
      <c r="AD32741">
        <v>4</v>
      </c>
      <c r="AE32741">
        <v>4</v>
      </c>
      <c r="AF32741">
        <v>4</v>
      </c>
      <c r="AG32741">
        <v>4</v>
      </c>
      <c r="AH32741">
        <v>4</v>
      </c>
      <c r="AI32741">
        <v>4</v>
      </c>
      <c r="AJ32741">
        <v>4</v>
      </c>
      <c r="AK32741">
        <v>4</v>
      </c>
      <c r="AL32741">
        <v>5</v>
      </c>
      <c r="AM32741">
        <v>5</v>
      </c>
      <c r="AN32741">
        <v>5</v>
      </c>
      <c r="AO32741">
        <v>5</v>
      </c>
      <c r="AP32741">
        <v>5</v>
      </c>
      <c r="AQ32741">
        <v>5</v>
      </c>
    </row>
    <row r="32742" spans="1:43">
      <c r="A32742" t="s">
        <v>20289</v>
      </c>
      <c r="B32742" t="s">
        <v>20290</v>
      </c>
      <c r="C32742" t="s">
        <v>20273</v>
      </c>
      <c r="D32742" t="s">
        <v>20274</v>
      </c>
      <c r="E32742" t="s">
        <v>20253</v>
      </c>
      <c r="F32742" t="s">
        <v>20254</v>
      </c>
      <c r="G32742" t="s">
        <v>20255</v>
      </c>
      <c r="H32742" t="s">
        <v>20256</v>
      </c>
      <c r="I32742" s="2">
        <v>1</v>
      </c>
      <c r="J32742" s="2">
        <v>0</v>
      </c>
      <c r="K32742" s="2">
        <v>0</v>
      </c>
      <c r="L32742" t="s">
        <v>120</v>
      </c>
      <c r="M32742" t="s">
        <v>83</v>
      </c>
      <c r="N32742" t="s">
        <v>84</v>
      </c>
      <c r="O32742" t="s">
        <v>85</v>
      </c>
      <c r="P32742" t="s">
        <v>86</v>
      </c>
      <c r="Q32742">
        <v>5</v>
      </c>
      <c r="R32742">
        <v>5</v>
      </c>
      <c r="S32742">
        <v>5</v>
      </c>
      <c r="T32742">
        <v>5</v>
      </c>
      <c r="U32742">
        <v>5</v>
      </c>
      <c r="V32742">
        <v>5</v>
      </c>
      <c r="W32742">
        <v>5</v>
      </c>
      <c r="X32742">
        <v>5</v>
      </c>
      <c r="Y32742">
        <v>5</v>
      </c>
      <c r="Z32742">
        <v>5</v>
      </c>
      <c r="AA32742">
        <v>5</v>
      </c>
      <c r="AB32742">
        <v>6</v>
      </c>
      <c r="AC32742">
        <v>6</v>
      </c>
      <c r="AD32742">
        <v>6</v>
      </c>
      <c r="AE32742">
        <v>6</v>
      </c>
      <c r="AF32742">
        <v>6</v>
      </c>
      <c r="AG32742">
        <v>6</v>
      </c>
      <c r="AH32742">
        <v>6</v>
      </c>
      <c r="AI32742">
        <v>6</v>
      </c>
      <c r="AJ32742">
        <v>6</v>
      </c>
      <c r="AK32742">
        <v>6</v>
      </c>
      <c r="AL32742">
        <v>6</v>
      </c>
      <c r="AM32742">
        <v>6</v>
      </c>
      <c r="AN32742">
        <v>6</v>
      </c>
      <c r="AO32742">
        <v>6</v>
      </c>
      <c r="AP32742">
        <v>6</v>
      </c>
      <c r="AQ32742">
        <v>6</v>
      </c>
    </row>
    <row r="32743" spans="1:43">
      <c r="A32743" t="s">
        <v>20289</v>
      </c>
      <c r="B32743" t="s">
        <v>20290</v>
      </c>
      <c r="C32743" t="s">
        <v>20273</v>
      </c>
      <c r="D32743" t="s">
        <v>20274</v>
      </c>
      <c r="E32743" t="s">
        <v>20253</v>
      </c>
      <c r="F32743" t="s">
        <v>20254</v>
      </c>
      <c r="G32743" t="s">
        <v>20255</v>
      </c>
      <c r="H32743" t="s">
        <v>20256</v>
      </c>
      <c r="I32743" s="2">
        <v>1</v>
      </c>
      <c r="J32743" s="2">
        <v>0</v>
      </c>
      <c r="K32743" s="2">
        <v>0</v>
      </c>
      <c r="L32743" t="s">
        <v>120</v>
      </c>
      <c r="M32743" t="s">
        <v>87</v>
      </c>
      <c r="N32743" t="s">
        <v>88</v>
      </c>
      <c r="O32743" t="s">
        <v>85</v>
      </c>
      <c r="P32743" t="s">
        <v>86</v>
      </c>
      <c r="Q32743">
        <v>5</v>
      </c>
      <c r="R32743">
        <v>5</v>
      </c>
      <c r="S32743">
        <v>5</v>
      </c>
      <c r="T32743">
        <v>5</v>
      </c>
      <c r="U32743">
        <v>5</v>
      </c>
      <c r="V32743">
        <v>5</v>
      </c>
      <c r="W32743">
        <v>5</v>
      </c>
      <c r="X32743">
        <v>5</v>
      </c>
      <c r="Y32743">
        <v>5</v>
      </c>
      <c r="Z32743">
        <v>5</v>
      </c>
      <c r="AA32743">
        <v>5</v>
      </c>
      <c r="AB32743">
        <v>5</v>
      </c>
      <c r="AC32743">
        <v>5</v>
      </c>
      <c r="AD32743">
        <v>5</v>
      </c>
      <c r="AE32743">
        <v>5</v>
      </c>
      <c r="AF32743">
        <v>5</v>
      </c>
      <c r="AG32743">
        <v>5</v>
      </c>
      <c r="AH32743">
        <v>5</v>
      </c>
      <c r="AI32743">
        <v>5</v>
      </c>
      <c r="AJ32743">
        <v>5</v>
      </c>
      <c r="AK32743">
        <v>5</v>
      </c>
      <c r="AL32743">
        <v>5</v>
      </c>
      <c r="AM32743">
        <v>5</v>
      </c>
      <c r="AN32743">
        <v>5</v>
      </c>
      <c r="AO32743">
        <v>5</v>
      </c>
      <c r="AP32743">
        <v>6</v>
      </c>
      <c r="AQ32743">
        <v>6</v>
      </c>
    </row>
    <row r="32744" spans="1:43">
      <c r="A32744" t="s">
        <v>20289</v>
      </c>
      <c r="B32744" t="s">
        <v>20290</v>
      </c>
      <c r="C32744" t="s">
        <v>20273</v>
      </c>
      <c r="D32744" t="s">
        <v>20274</v>
      </c>
      <c r="E32744" t="s">
        <v>20253</v>
      </c>
      <c r="F32744" t="s">
        <v>20254</v>
      </c>
      <c r="G32744" t="s">
        <v>20255</v>
      </c>
      <c r="H32744" t="s">
        <v>20256</v>
      </c>
      <c r="I32744" s="2">
        <v>1</v>
      </c>
      <c r="J32744" s="2">
        <v>0</v>
      </c>
      <c r="K32744" s="2">
        <v>0</v>
      </c>
      <c r="L32744" t="s">
        <v>120</v>
      </c>
      <c r="M32744" t="s">
        <v>89</v>
      </c>
      <c r="N32744" t="s">
        <v>90</v>
      </c>
      <c r="O32744" t="s">
        <v>85</v>
      </c>
      <c r="P32744" t="s">
        <v>86</v>
      </c>
      <c r="Q32744">
        <v>5</v>
      </c>
      <c r="R32744">
        <v>5</v>
      </c>
      <c r="S32744">
        <v>5</v>
      </c>
      <c r="T32744">
        <v>5</v>
      </c>
      <c r="U32744">
        <v>5</v>
      </c>
      <c r="V32744">
        <v>5</v>
      </c>
      <c r="W32744">
        <v>5</v>
      </c>
      <c r="X32744">
        <v>6</v>
      </c>
      <c r="Y32744">
        <v>6</v>
      </c>
      <c r="Z32744">
        <v>6</v>
      </c>
      <c r="AA32744">
        <v>6</v>
      </c>
      <c r="AB32744">
        <v>6</v>
      </c>
      <c r="AC32744">
        <v>6</v>
      </c>
      <c r="AD32744">
        <v>6</v>
      </c>
      <c r="AE32744">
        <v>6</v>
      </c>
      <c r="AF32744">
        <v>6</v>
      </c>
      <c r="AG32744">
        <v>6</v>
      </c>
      <c r="AH32744">
        <v>6</v>
      </c>
      <c r="AI32744">
        <v>6</v>
      </c>
      <c r="AJ32744">
        <v>6</v>
      </c>
      <c r="AK32744">
        <v>6</v>
      </c>
      <c r="AL32744">
        <v>6</v>
      </c>
      <c r="AM32744">
        <v>6</v>
      </c>
      <c r="AN32744">
        <v>6</v>
      </c>
      <c r="AO32744">
        <v>7</v>
      </c>
      <c r="AP32744">
        <v>7</v>
      </c>
      <c r="AQ32744">
        <v>7</v>
      </c>
    </row>
    <row r="32745" spans="1:43">
      <c r="A32745" t="s">
        <v>20289</v>
      </c>
      <c r="B32745" t="s">
        <v>20290</v>
      </c>
      <c r="C32745" t="s">
        <v>20273</v>
      </c>
      <c r="D32745" t="s">
        <v>20274</v>
      </c>
      <c r="E32745" t="s">
        <v>20253</v>
      </c>
      <c r="F32745" t="s">
        <v>20254</v>
      </c>
      <c r="G32745" t="s">
        <v>20255</v>
      </c>
      <c r="H32745" t="s">
        <v>20256</v>
      </c>
      <c r="I32745" s="2">
        <v>1</v>
      </c>
      <c r="J32745" s="2">
        <v>0</v>
      </c>
      <c r="K32745" s="2">
        <v>0</v>
      </c>
      <c r="L32745" t="s">
        <v>120</v>
      </c>
      <c r="M32745" t="s">
        <v>83</v>
      </c>
      <c r="N32745" t="s">
        <v>91</v>
      </c>
      <c r="O32745" t="s">
        <v>85</v>
      </c>
      <c r="P32745" t="s">
        <v>86</v>
      </c>
      <c r="Q32745">
        <v>5</v>
      </c>
      <c r="R32745">
        <v>5</v>
      </c>
      <c r="S32745">
        <v>5</v>
      </c>
      <c r="T32745">
        <v>5</v>
      </c>
      <c r="U32745">
        <v>5</v>
      </c>
      <c r="V32745">
        <v>5</v>
      </c>
      <c r="W32745">
        <v>5</v>
      </c>
      <c r="X32745">
        <v>5</v>
      </c>
      <c r="Y32745">
        <v>5</v>
      </c>
      <c r="Z32745">
        <v>5</v>
      </c>
      <c r="AA32745">
        <v>5</v>
      </c>
      <c r="AB32745">
        <v>6</v>
      </c>
      <c r="AC32745">
        <v>6</v>
      </c>
      <c r="AD32745">
        <v>6</v>
      </c>
      <c r="AE32745">
        <v>6</v>
      </c>
      <c r="AF32745">
        <v>6</v>
      </c>
      <c r="AG32745">
        <v>6</v>
      </c>
      <c r="AH32745">
        <v>6</v>
      </c>
      <c r="AI32745">
        <v>6</v>
      </c>
      <c r="AJ32745">
        <v>6</v>
      </c>
      <c r="AK32745">
        <v>6</v>
      </c>
      <c r="AL32745">
        <v>6</v>
      </c>
      <c r="AM32745">
        <v>6</v>
      </c>
      <c r="AN32745">
        <v>6</v>
      </c>
      <c r="AO32745">
        <v>6</v>
      </c>
      <c r="AP32745">
        <v>6</v>
      </c>
      <c r="AQ32745">
        <v>6</v>
      </c>
    </row>
    <row r="32746" spans="1:43">
      <c r="A32746" t="s">
        <v>20291</v>
      </c>
      <c r="B32746" t="s">
        <v>20292</v>
      </c>
      <c r="C32746" t="s">
        <v>20273</v>
      </c>
      <c r="D32746" t="s">
        <v>20274</v>
      </c>
      <c r="E32746" t="s">
        <v>20253</v>
      </c>
      <c r="F32746" t="s">
        <v>20254</v>
      </c>
      <c r="G32746" t="s">
        <v>20255</v>
      </c>
      <c r="H32746" t="s">
        <v>20256</v>
      </c>
      <c r="I32746" s="2">
        <v>1</v>
      </c>
      <c r="J32746" s="2">
        <v>0</v>
      </c>
      <c r="K32746" s="2">
        <v>0</v>
      </c>
      <c r="L32746" t="s">
        <v>120</v>
      </c>
      <c r="M32746" t="s">
        <v>83</v>
      </c>
      <c r="N32746" t="s">
        <v>84</v>
      </c>
      <c r="O32746" t="s">
        <v>85</v>
      </c>
      <c r="P32746" t="s">
        <v>86</v>
      </c>
      <c r="Q32746">
        <v>2</v>
      </c>
      <c r="R32746">
        <v>2</v>
      </c>
      <c r="S32746">
        <v>2</v>
      </c>
      <c r="T32746">
        <v>2</v>
      </c>
      <c r="U32746">
        <v>2</v>
      </c>
      <c r="V32746">
        <v>2</v>
      </c>
      <c r="W32746">
        <v>3</v>
      </c>
      <c r="X32746">
        <v>3</v>
      </c>
      <c r="Y32746">
        <v>3</v>
      </c>
      <c r="Z32746">
        <v>3</v>
      </c>
      <c r="AA32746">
        <v>3</v>
      </c>
      <c r="AB32746">
        <v>3</v>
      </c>
      <c r="AC32746">
        <v>3</v>
      </c>
      <c r="AD32746">
        <v>3</v>
      </c>
      <c r="AE32746">
        <v>3</v>
      </c>
      <c r="AF32746">
        <v>3</v>
      </c>
      <c r="AG32746">
        <v>3</v>
      </c>
      <c r="AH32746">
        <v>3</v>
      </c>
      <c r="AI32746">
        <v>3</v>
      </c>
      <c r="AJ32746">
        <v>3</v>
      </c>
      <c r="AK32746">
        <v>3</v>
      </c>
      <c r="AL32746">
        <v>3</v>
      </c>
      <c r="AM32746">
        <v>3</v>
      </c>
      <c r="AN32746">
        <v>3</v>
      </c>
      <c r="AO32746">
        <v>3</v>
      </c>
      <c r="AP32746">
        <v>3</v>
      </c>
      <c r="AQ32746">
        <v>3</v>
      </c>
    </row>
    <row r="32747" spans="1:43">
      <c r="A32747" t="s">
        <v>20291</v>
      </c>
      <c r="B32747" t="s">
        <v>20292</v>
      </c>
      <c r="C32747" t="s">
        <v>20273</v>
      </c>
      <c r="D32747" t="s">
        <v>20274</v>
      </c>
      <c r="E32747" t="s">
        <v>20253</v>
      </c>
      <c r="F32747" t="s">
        <v>20254</v>
      </c>
      <c r="G32747" t="s">
        <v>20255</v>
      </c>
      <c r="H32747" t="s">
        <v>20256</v>
      </c>
      <c r="I32747" s="2">
        <v>1</v>
      </c>
      <c r="J32747" s="2">
        <v>0</v>
      </c>
      <c r="K32747" s="2">
        <v>0</v>
      </c>
      <c r="L32747" t="s">
        <v>120</v>
      </c>
      <c r="M32747" t="s">
        <v>87</v>
      </c>
      <c r="N32747" t="s">
        <v>88</v>
      </c>
      <c r="O32747" t="s">
        <v>85</v>
      </c>
      <c r="P32747" t="s">
        <v>86</v>
      </c>
      <c r="Q32747">
        <v>2</v>
      </c>
      <c r="R32747">
        <v>2</v>
      </c>
      <c r="S32747">
        <v>2</v>
      </c>
      <c r="T32747">
        <v>2</v>
      </c>
      <c r="U32747">
        <v>2</v>
      </c>
      <c r="V32747">
        <v>2</v>
      </c>
      <c r="W32747">
        <v>2</v>
      </c>
      <c r="X32747">
        <v>2</v>
      </c>
      <c r="Y32747">
        <v>2</v>
      </c>
      <c r="Z32747">
        <v>2</v>
      </c>
      <c r="AA32747">
        <v>2</v>
      </c>
      <c r="AB32747">
        <v>2</v>
      </c>
      <c r="AC32747">
        <v>2</v>
      </c>
      <c r="AD32747">
        <v>2</v>
      </c>
      <c r="AE32747">
        <v>2</v>
      </c>
      <c r="AF32747">
        <v>2</v>
      </c>
      <c r="AG32747">
        <v>3</v>
      </c>
      <c r="AH32747">
        <v>3</v>
      </c>
      <c r="AI32747">
        <v>3</v>
      </c>
      <c r="AJ32747">
        <v>3</v>
      </c>
      <c r="AK32747">
        <v>3</v>
      </c>
      <c r="AL32747">
        <v>3</v>
      </c>
      <c r="AM32747">
        <v>3</v>
      </c>
      <c r="AN32747">
        <v>3</v>
      </c>
      <c r="AO32747">
        <v>3</v>
      </c>
      <c r="AP32747">
        <v>3</v>
      </c>
      <c r="AQ32747">
        <v>3</v>
      </c>
    </row>
    <row r="32748" spans="1:43">
      <c r="A32748" t="s">
        <v>20291</v>
      </c>
      <c r="B32748" t="s">
        <v>20292</v>
      </c>
      <c r="C32748" t="s">
        <v>20273</v>
      </c>
      <c r="D32748" t="s">
        <v>20274</v>
      </c>
      <c r="E32748" t="s">
        <v>20253</v>
      </c>
      <c r="F32748" t="s">
        <v>20254</v>
      </c>
      <c r="G32748" t="s">
        <v>20255</v>
      </c>
      <c r="H32748" t="s">
        <v>20256</v>
      </c>
      <c r="I32748" s="2">
        <v>1</v>
      </c>
      <c r="J32748" s="2">
        <v>0</v>
      </c>
      <c r="K32748" s="2">
        <v>0</v>
      </c>
      <c r="L32748" t="s">
        <v>120</v>
      </c>
      <c r="M32748" t="s">
        <v>89</v>
      </c>
      <c r="N32748" t="s">
        <v>90</v>
      </c>
      <c r="O32748" t="s">
        <v>85</v>
      </c>
      <c r="P32748" t="s">
        <v>86</v>
      </c>
      <c r="Q32748">
        <v>2</v>
      </c>
      <c r="R32748">
        <v>2</v>
      </c>
      <c r="S32748">
        <v>2</v>
      </c>
      <c r="T32748">
        <v>2</v>
      </c>
      <c r="U32748">
        <v>3</v>
      </c>
      <c r="V32748">
        <v>3</v>
      </c>
      <c r="W32748">
        <v>3</v>
      </c>
      <c r="X32748">
        <v>3</v>
      </c>
      <c r="Y32748">
        <v>3</v>
      </c>
      <c r="Z32748">
        <v>3</v>
      </c>
      <c r="AA32748">
        <v>3</v>
      </c>
      <c r="AB32748">
        <v>3</v>
      </c>
      <c r="AC32748">
        <v>3</v>
      </c>
      <c r="AD32748">
        <v>3</v>
      </c>
      <c r="AE32748">
        <v>3</v>
      </c>
      <c r="AF32748">
        <v>3</v>
      </c>
      <c r="AG32748">
        <v>3</v>
      </c>
      <c r="AH32748">
        <v>3</v>
      </c>
      <c r="AI32748">
        <v>3</v>
      </c>
      <c r="AJ32748">
        <v>3</v>
      </c>
      <c r="AK32748">
        <v>3</v>
      </c>
      <c r="AL32748">
        <v>3</v>
      </c>
      <c r="AM32748">
        <v>3</v>
      </c>
      <c r="AN32748">
        <v>3</v>
      </c>
      <c r="AO32748">
        <v>3</v>
      </c>
      <c r="AP32748">
        <v>3</v>
      </c>
      <c r="AQ32748">
        <v>3</v>
      </c>
    </row>
    <row r="32749" spans="1:43">
      <c r="A32749" t="s">
        <v>20291</v>
      </c>
      <c r="B32749" t="s">
        <v>20292</v>
      </c>
      <c r="C32749" t="s">
        <v>20273</v>
      </c>
      <c r="D32749" t="s">
        <v>20274</v>
      </c>
      <c r="E32749" t="s">
        <v>20253</v>
      </c>
      <c r="F32749" t="s">
        <v>20254</v>
      </c>
      <c r="G32749" t="s">
        <v>20255</v>
      </c>
      <c r="H32749" t="s">
        <v>20256</v>
      </c>
      <c r="I32749" s="2">
        <v>1</v>
      </c>
      <c r="J32749" s="2">
        <v>0</v>
      </c>
      <c r="K32749" s="2">
        <v>0</v>
      </c>
      <c r="L32749" t="s">
        <v>120</v>
      </c>
      <c r="M32749" t="s">
        <v>83</v>
      </c>
      <c r="N32749" t="s">
        <v>91</v>
      </c>
      <c r="O32749" t="s">
        <v>85</v>
      </c>
      <c r="P32749" t="s">
        <v>86</v>
      </c>
      <c r="Q32749">
        <v>2</v>
      </c>
      <c r="R32749">
        <v>2</v>
      </c>
      <c r="S32749">
        <v>2</v>
      </c>
      <c r="T32749">
        <v>2</v>
      </c>
      <c r="U32749">
        <v>2</v>
      </c>
      <c r="V32749">
        <v>2</v>
      </c>
      <c r="W32749">
        <v>3</v>
      </c>
      <c r="X32749">
        <v>3</v>
      </c>
      <c r="Y32749">
        <v>3</v>
      </c>
      <c r="Z32749">
        <v>3</v>
      </c>
      <c r="AA32749">
        <v>3</v>
      </c>
      <c r="AB32749">
        <v>3</v>
      </c>
      <c r="AC32749">
        <v>3</v>
      </c>
      <c r="AD32749">
        <v>3</v>
      </c>
      <c r="AE32749">
        <v>3</v>
      </c>
      <c r="AF32749">
        <v>3</v>
      </c>
      <c r="AG32749">
        <v>3</v>
      </c>
      <c r="AH32749">
        <v>3</v>
      </c>
      <c r="AI32749">
        <v>3</v>
      </c>
      <c r="AJ32749">
        <v>3</v>
      </c>
      <c r="AK32749">
        <v>3</v>
      </c>
      <c r="AL32749">
        <v>3</v>
      </c>
      <c r="AM32749">
        <v>3</v>
      </c>
      <c r="AN32749">
        <v>3</v>
      </c>
      <c r="AO32749">
        <v>3</v>
      </c>
      <c r="AP32749">
        <v>3</v>
      </c>
      <c r="AQ32749">
        <v>3</v>
      </c>
    </row>
    <row r="32750" spans="1:43">
      <c r="A32750" t="s">
        <v>20293</v>
      </c>
      <c r="B32750" t="s">
        <v>20294</v>
      </c>
      <c r="C32750" t="s">
        <v>20273</v>
      </c>
      <c r="D32750" t="s">
        <v>20274</v>
      </c>
      <c r="E32750" t="s">
        <v>20253</v>
      </c>
      <c r="F32750" t="s">
        <v>20254</v>
      </c>
      <c r="G32750" t="s">
        <v>20255</v>
      </c>
      <c r="H32750" t="s">
        <v>20256</v>
      </c>
      <c r="I32750" s="2">
        <v>1</v>
      </c>
      <c r="J32750" s="2">
        <v>0</v>
      </c>
      <c r="K32750" s="2">
        <v>0</v>
      </c>
      <c r="L32750" t="s">
        <v>120</v>
      </c>
      <c r="M32750" t="s">
        <v>83</v>
      </c>
      <c r="N32750" t="s">
        <v>84</v>
      </c>
      <c r="O32750" t="s">
        <v>85</v>
      </c>
      <c r="P32750" t="s">
        <v>86</v>
      </c>
      <c r="Q32750">
        <v>8</v>
      </c>
      <c r="R32750">
        <v>8</v>
      </c>
      <c r="S32750">
        <v>8</v>
      </c>
      <c r="T32750">
        <v>8</v>
      </c>
      <c r="U32750">
        <v>8</v>
      </c>
      <c r="V32750">
        <v>8</v>
      </c>
      <c r="W32750">
        <v>8</v>
      </c>
      <c r="X32750">
        <v>8</v>
      </c>
      <c r="Y32750">
        <v>9</v>
      </c>
      <c r="Z32750">
        <v>9</v>
      </c>
      <c r="AA32750">
        <v>9</v>
      </c>
      <c r="AB32750">
        <v>9</v>
      </c>
      <c r="AC32750">
        <v>9</v>
      </c>
      <c r="AD32750">
        <v>9</v>
      </c>
      <c r="AE32750">
        <v>9</v>
      </c>
      <c r="AF32750">
        <v>9</v>
      </c>
      <c r="AG32750">
        <v>9</v>
      </c>
      <c r="AH32750">
        <v>10</v>
      </c>
      <c r="AI32750">
        <v>10</v>
      </c>
      <c r="AJ32750">
        <v>10</v>
      </c>
      <c r="AK32750">
        <v>10</v>
      </c>
      <c r="AL32750">
        <v>10</v>
      </c>
      <c r="AM32750">
        <v>10</v>
      </c>
      <c r="AN32750">
        <v>10</v>
      </c>
      <c r="AO32750">
        <v>10</v>
      </c>
      <c r="AP32750">
        <v>10</v>
      </c>
      <c r="AQ32750">
        <v>10</v>
      </c>
    </row>
    <row r="32751" spans="1:43">
      <c r="A32751" t="s">
        <v>20293</v>
      </c>
      <c r="B32751" t="s">
        <v>20294</v>
      </c>
      <c r="C32751" t="s">
        <v>20273</v>
      </c>
      <c r="D32751" t="s">
        <v>20274</v>
      </c>
      <c r="E32751" t="s">
        <v>20253</v>
      </c>
      <c r="F32751" t="s">
        <v>20254</v>
      </c>
      <c r="G32751" t="s">
        <v>20255</v>
      </c>
      <c r="H32751" t="s">
        <v>20256</v>
      </c>
      <c r="I32751" s="2">
        <v>1</v>
      </c>
      <c r="J32751" s="2">
        <v>0</v>
      </c>
      <c r="K32751" s="2">
        <v>0</v>
      </c>
      <c r="L32751" t="s">
        <v>120</v>
      </c>
      <c r="M32751" t="s">
        <v>87</v>
      </c>
      <c r="N32751" t="s">
        <v>88</v>
      </c>
      <c r="O32751" t="s">
        <v>85</v>
      </c>
      <c r="P32751" t="s">
        <v>86</v>
      </c>
      <c r="Q32751">
        <v>8</v>
      </c>
      <c r="R32751">
        <v>8</v>
      </c>
      <c r="S32751">
        <v>8</v>
      </c>
      <c r="T32751">
        <v>8</v>
      </c>
      <c r="U32751">
        <v>8</v>
      </c>
      <c r="V32751">
        <v>8</v>
      </c>
      <c r="W32751">
        <v>8</v>
      </c>
      <c r="X32751">
        <v>8</v>
      </c>
      <c r="Y32751">
        <v>8</v>
      </c>
      <c r="Z32751">
        <v>8</v>
      </c>
      <c r="AA32751">
        <v>8</v>
      </c>
      <c r="AB32751">
        <v>8</v>
      </c>
      <c r="AC32751">
        <v>8</v>
      </c>
      <c r="AD32751">
        <v>8</v>
      </c>
      <c r="AE32751">
        <v>8</v>
      </c>
      <c r="AF32751">
        <v>8</v>
      </c>
      <c r="AG32751">
        <v>8</v>
      </c>
      <c r="AH32751">
        <v>8</v>
      </c>
      <c r="AI32751">
        <v>8</v>
      </c>
      <c r="AJ32751">
        <v>9</v>
      </c>
      <c r="AK32751">
        <v>9</v>
      </c>
      <c r="AL32751">
        <v>9</v>
      </c>
      <c r="AM32751">
        <v>9</v>
      </c>
      <c r="AN32751">
        <v>9</v>
      </c>
      <c r="AO32751">
        <v>9</v>
      </c>
      <c r="AP32751">
        <v>9</v>
      </c>
      <c r="AQ32751">
        <v>9</v>
      </c>
    </row>
    <row r="32752" spans="1:43">
      <c r="A32752" t="s">
        <v>20293</v>
      </c>
      <c r="B32752" t="s">
        <v>20294</v>
      </c>
      <c r="C32752" t="s">
        <v>20273</v>
      </c>
      <c r="D32752" t="s">
        <v>20274</v>
      </c>
      <c r="E32752" t="s">
        <v>20253</v>
      </c>
      <c r="F32752" t="s">
        <v>20254</v>
      </c>
      <c r="G32752" t="s">
        <v>20255</v>
      </c>
      <c r="H32752" t="s">
        <v>20256</v>
      </c>
      <c r="I32752" s="2">
        <v>1</v>
      </c>
      <c r="J32752" s="2">
        <v>0</v>
      </c>
      <c r="K32752" s="2">
        <v>0</v>
      </c>
      <c r="L32752" t="s">
        <v>120</v>
      </c>
      <c r="M32752" t="s">
        <v>89</v>
      </c>
      <c r="N32752" t="s">
        <v>90</v>
      </c>
      <c r="O32752" t="s">
        <v>85</v>
      </c>
      <c r="P32752" t="s">
        <v>86</v>
      </c>
      <c r="Q32752">
        <v>8</v>
      </c>
      <c r="R32752">
        <v>8</v>
      </c>
      <c r="S32752">
        <v>8</v>
      </c>
      <c r="T32752">
        <v>8</v>
      </c>
      <c r="U32752">
        <v>8</v>
      </c>
      <c r="V32752">
        <v>9</v>
      </c>
      <c r="W32752">
        <v>9</v>
      </c>
      <c r="X32752">
        <v>9</v>
      </c>
      <c r="Y32752">
        <v>9</v>
      </c>
      <c r="Z32752">
        <v>9</v>
      </c>
      <c r="AA32752">
        <v>9</v>
      </c>
      <c r="AB32752">
        <v>9</v>
      </c>
      <c r="AC32752">
        <v>10</v>
      </c>
      <c r="AD32752">
        <v>10</v>
      </c>
      <c r="AE32752">
        <v>10</v>
      </c>
      <c r="AF32752">
        <v>10</v>
      </c>
      <c r="AG32752">
        <v>10</v>
      </c>
      <c r="AH32752">
        <v>10</v>
      </c>
      <c r="AI32752">
        <v>10</v>
      </c>
      <c r="AJ32752">
        <v>10</v>
      </c>
      <c r="AK32752">
        <v>10</v>
      </c>
      <c r="AL32752">
        <v>10</v>
      </c>
      <c r="AM32752">
        <v>10</v>
      </c>
      <c r="AN32752">
        <v>10</v>
      </c>
      <c r="AO32752">
        <v>11</v>
      </c>
      <c r="AP32752">
        <v>11</v>
      </c>
      <c r="AQ32752">
        <v>11</v>
      </c>
    </row>
    <row r="32753" spans="1:43">
      <c r="A32753" t="s">
        <v>20293</v>
      </c>
      <c r="B32753" t="s">
        <v>20294</v>
      </c>
      <c r="C32753" t="s">
        <v>20273</v>
      </c>
      <c r="D32753" t="s">
        <v>20274</v>
      </c>
      <c r="E32753" t="s">
        <v>20253</v>
      </c>
      <c r="F32753" t="s">
        <v>20254</v>
      </c>
      <c r="G32753" t="s">
        <v>20255</v>
      </c>
      <c r="H32753" t="s">
        <v>20256</v>
      </c>
      <c r="I32753" s="2">
        <v>1</v>
      </c>
      <c r="J32753" s="2">
        <v>0</v>
      </c>
      <c r="K32753" s="2">
        <v>0</v>
      </c>
      <c r="L32753" t="s">
        <v>120</v>
      </c>
      <c r="M32753" t="s">
        <v>83</v>
      </c>
      <c r="N32753" t="s">
        <v>91</v>
      </c>
      <c r="O32753" t="s">
        <v>85</v>
      </c>
      <c r="P32753" t="s">
        <v>86</v>
      </c>
      <c r="Q32753">
        <v>8</v>
      </c>
      <c r="R32753">
        <v>8</v>
      </c>
      <c r="S32753">
        <v>8</v>
      </c>
      <c r="T32753">
        <v>8</v>
      </c>
      <c r="U32753">
        <v>8</v>
      </c>
      <c r="V32753">
        <v>8</v>
      </c>
      <c r="W32753">
        <v>8</v>
      </c>
      <c r="X32753">
        <v>8</v>
      </c>
      <c r="Y32753">
        <v>9</v>
      </c>
      <c r="Z32753">
        <v>9</v>
      </c>
      <c r="AA32753">
        <v>9</v>
      </c>
      <c r="AB32753">
        <v>9</v>
      </c>
      <c r="AC32753">
        <v>9</v>
      </c>
      <c r="AD32753">
        <v>9</v>
      </c>
      <c r="AE32753">
        <v>9</v>
      </c>
      <c r="AF32753">
        <v>9</v>
      </c>
      <c r="AG32753">
        <v>9</v>
      </c>
      <c r="AH32753">
        <v>10</v>
      </c>
      <c r="AI32753">
        <v>10</v>
      </c>
      <c r="AJ32753">
        <v>10</v>
      </c>
      <c r="AK32753">
        <v>10</v>
      </c>
      <c r="AL32753">
        <v>10</v>
      </c>
      <c r="AM32753">
        <v>10</v>
      </c>
      <c r="AN32753">
        <v>10</v>
      </c>
      <c r="AO32753">
        <v>10</v>
      </c>
      <c r="AP32753">
        <v>10</v>
      </c>
      <c r="AQ32753">
        <v>10</v>
      </c>
    </row>
    <row r="32754" spans="1:43">
      <c r="A32754" t="s">
        <v>20295</v>
      </c>
      <c r="B32754" t="s">
        <v>20296</v>
      </c>
      <c r="C32754" t="s">
        <v>20261</v>
      </c>
      <c r="D32754" t="s">
        <v>20262</v>
      </c>
      <c r="E32754" t="s">
        <v>20253</v>
      </c>
      <c r="F32754" t="s">
        <v>20254</v>
      </c>
      <c r="G32754" t="s">
        <v>20255</v>
      </c>
      <c r="H32754" t="s">
        <v>20256</v>
      </c>
      <c r="I32754" s="2">
        <v>1</v>
      </c>
      <c r="J32754" s="2">
        <v>0</v>
      </c>
      <c r="K32754" s="2">
        <v>0</v>
      </c>
      <c r="L32754" t="s">
        <v>120</v>
      </c>
      <c r="M32754" t="s">
        <v>83</v>
      </c>
      <c r="N32754" t="s">
        <v>84</v>
      </c>
      <c r="O32754" t="s">
        <v>85</v>
      </c>
      <c r="P32754" t="s">
        <v>86</v>
      </c>
      <c r="Q32754">
        <v>76</v>
      </c>
      <c r="R32754">
        <v>77</v>
      </c>
      <c r="S32754">
        <v>78</v>
      </c>
      <c r="T32754">
        <v>79</v>
      </c>
      <c r="U32754">
        <v>79</v>
      </c>
      <c r="V32754">
        <v>80</v>
      </c>
      <c r="W32754">
        <v>81</v>
      </c>
      <c r="X32754">
        <v>82</v>
      </c>
      <c r="Y32754">
        <v>83</v>
      </c>
      <c r="Z32754">
        <v>84</v>
      </c>
      <c r="AA32754">
        <v>85</v>
      </c>
      <c r="AB32754">
        <v>85</v>
      </c>
      <c r="AC32754">
        <v>86</v>
      </c>
      <c r="AD32754">
        <v>87</v>
      </c>
      <c r="AE32754">
        <v>88</v>
      </c>
      <c r="AF32754">
        <v>89</v>
      </c>
      <c r="AG32754">
        <v>90</v>
      </c>
      <c r="AH32754">
        <v>91</v>
      </c>
      <c r="AI32754">
        <v>92</v>
      </c>
      <c r="AJ32754">
        <v>93</v>
      </c>
      <c r="AK32754">
        <v>94</v>
      </c>
      <c r="AL32754">
        <v>94</v>
      </c>
      <c r="AM32754">
        <v>94</v>
      </c>
      <c r="AN32754">
        <v>95</v>
      </c>
      <c r="AO32754">
        <v>95</v>
      </c>
      <c r="AP32754">
        <v>95</v>
      </c>
      <c r="AQ32754">
        <v>95</v>
      </c>
    </row>
    <row r="32755" spans="1:43">
      <c r="A32755" t="s">
        <v>20295</v>
      </c>
      <c r="B32755" t="s">
        <v>20296</v>
      </c>
      <c r="C32755" t="s">
        <v>20261</v>
      </c>
      <c r="D32755" t="s">
        <v>20262</v>
      </c>
      <c r="E32755" t="s">
        <v>20253</v>
      </c>
      <c r="F32755" t="s">
        <v>20254</v>
      </c>
      <c r="G32755" t="s">
        <v>20255</v>
      </c>
      <c r="H32755" t="s">
        <v>20256</v>
      </c>
      <c r="I32755" s="2">
        <v>1</v>
      </c>
      <c r="J32755" s="2">
        <v>0</v>
      </c>
      <c r="K32755" s="2">
        <v>0</v>
      </c>
      <c r="L32755" t="s">
        <v>120</v>
      </c>
      <c r="M32755" t="s">
        <v>87</v>
      </c>
      <c r="N32755" t="s">
        <v>88</v>
      </c>
      <c r="O32755" t="s">
        <v>85</v>
      </c>
      <c r="P32755" t="s">
        <v>86</v>
      </c>
      <c r="Q32755">
        <v>76</v>
      </c>
      <c r="R32755">
        <v>76</v>
      </c>
      <c r="S32755">
        <v>77</v>
      </c>
      <c r="T32755">
        <v>77</v>
      </c>
      <c r="U32755">
        <v>77</v>
      </c>
      <c r="V32755">
        <v>77</v>
      </c>
      <c r="W32755">
        <v>77</v>
      </c>
      <c r="X32755">
        <v>77</v>
      </c>
      <c r="Y32755">
        <v>78</v>
      </c>
      <c r="Z32755">
        <v>78</v>
      </c>
      <c r="AA32755">
        <v>78</v>
      </c>
      <c r="AB32755">
        <v>78</v>
      </c>
      <c r="AC32755">
        <v>79</v>
      </c>
      <c r="AD32755">
        <v>79</v>
      </c>
      <c r="AE32755">
        <v>79</v>
      </c>
      <c r="AF32755">
        <v>79</v>
      </c>
      <c r="AG32755">
        <v>80</v>
      </c>
      <c r="AH32755">
        <v>80</v>
      </c>
      <c r="AI32755">
        <v>80</v>
      </c>
      <c r="AJ32755">
        <v>81</v>
      </c>
      <c r="AK32755">
        <v>81</v>
      </c>
      <c r="AL32755">
        <v>81</v>
      </c>
      <c r="AM32755">
        <v>82</v>
      </c>
      <c r="AN32755">
        <v>82</v>
      </c>
      <c r="AO32755">
        <v>82</v>
      </c>
      <c r="AP32755">
        <v>83</v>
      </c>
      <c r="AQ32755">
        <v>83</v>
      </c>
    </row>
    <row r="32756" spans="1:43">
      <c r="A32756" t="s">
        <v>20295</v>
      </c>
      <c r="B32756" t="s">
        <v>20296</v>
      </c>
      <c r="C32756" t="s">
        <v>20261</v>
      </c>
      <c r="D32756" t="s">
        <v>20262</v>
      </c>
      <c r="E32756" t="s">
        <v>20253</v>
      </c>
      <c r="F32756" t="s">
        <v>20254</v>
      </c>
      <c r="G32756" t="s">
        <v>20255</v>
      </c>
      <c r="H32756" t="s">
        <v>20256</v>
      </c>
      <c r="I32756" s="2">
        <v>1</v>
      </c>
      <c r="J32756" s="2">
        <v>0</v>
      </c>
      <c r="K32756" s="2">
        <v>0</v>
      </c>
      <c r="L32756" t="s">
        <v>120</v>
      </c>
      <c r="M32756" t="s">
        <v>89</v>
      </c>
      <c r="N32756" t="s">
        <v>90</v>
      </c>
      <c r="O32756" t="s">
        <v>85</v>
      </c>
      <c r="P32756" t="s">
        <v>86</v>
      </c>
      <c r="Q32756">
        <v>76</v>
      </c>
      <c r="R32756">
        <v>77</v>
      </c>
      <c r="S32756">
        <v>79</v>
      </c>
      <c r="T32756">
        <v>80</v>
      </c>
      <c r="U32756">
        <v>82</v>
      </c>
      <c r="V32756">
        <v>83</v>
      </c>
      <c r="W32756">
        <v>84</v>
      </c>
      <c r="X32756">
        <v>86</v>
      </c>
      <c r="Y32756">
        <v>87</v>
      </c>
      <c r="Z32756">
        <v>88</v>
      </c>
      <c r="AA32756">
        <v>89</v>
      </c>
      <c r="AB32756">
        <v>90</v>
      </c>
      <c r="AC32756">
        <v>92</v>
      </c>
      <c r="AD32756">
        <v>93</v>
      </c>
      <c r="AE32756">
        <v>94</v>
      </c>
      <c r="AF32756">
        <v>94</v>
      </c>
      <c r="AG32756">
        <v>94</v>
      </c>
      <c r="AH32756">
        <v>94</v>
      </c>
      <c r="AI32756">
        <v>94</v>
      </c>
      <c r="AJ32756">
        <v>94</v>
      </c>
      <c r="AK32756">
        <v>94</v>
      </c>
      <c r="AL32756">
        <v>95</v>
      </c>
      <c r="AM32756">
        <v>95</v>
      </c>
      <c r="AN32756">
        <v>95</v>
      </c>
      <c r="AO32756">
        <v>95</v>
      </c>
      <c r="AP32756">
        <v>95</v>
      </c>
      <c r="AQ32756">
        <v>96</v>
      </c>
    </row>
    <row r="32757" spans="1:43">
      <c r="A32757" t="s">
        <v>20295</v>
      </c>
      <c r="B32757" t="s">
        <v>20296</v>
      </c>
      <c r="C32757" t="s">
        <v>20261</v>
      </c>
      <c r="D32757" t="s">
        <v>20262</v>
      </c>
      <c r="E32757" t="s">
        <v>20253</v>
      </c>
      <c r="F32757" t="s">
        <v>20254</v>
      </c>
      <c r="G32757" t="s">
        <v>20255</v>
      </c>
      <c r="H32757" t="s">
        <v>20256</v>
      </c>
      <c r="I32757" s="2">
        <v>1</v>
      </c>
      <c r="J32757" s="2">
        <v>0</v>
      </c>
      <c r="K32757" s="2">
        <v>0</v>
      </c>
      <c r="L32757" t="s">
        <v>120</v>
      </c>
      <c r="M32757" t="s">
        <v>83</v>
      </c>
      <c r="N32757" t="s">
        <v>91</v>
      </c>
      <c r="O32757" t="s">
        <v>85</v>
      </c>
      <c r="P32757" t="s">
        <v>86</v>
      </c>
      <c r="Q32757">
        <v>76</v>
      </c>
      <c r="R32757">
        <v>77</v>
      </c>
      <c r="S32757">
        <v>78</v>
      </c>
      <c r="T32757">
        <v>79</v>
      </c>
      <c r="U32757">
        <v>79</v>
      </c>
      <c r="V32757">
        <v>80</v>
      </c>
      <c r="W32757">
        <v>81</v>
      </c>
      <c r="X32757">
        <v>82</v>
      </c>
      <c r="Y32757">
        <v>83</v>
      </c>
      <c r="Z32757">
        <v>84</v>
      </c>
      <c r="AA32757">
        <v>85</v>
      </c>
      <c r="AB32757">
        <v>85</v>
      </c>
      <c r="AC32757">
        <v>86</v>
      </c>
      <c r="AD32757">
        <v>87</v>
      </c>
      <c r="AE32757">
        <v>88</v>
      </c>
      <c r="AF32757">
        <v>89</v>
      </c>
      <c r="AG32757">
        <v>90</v>
      </c>
      <c r="AH32757">
        <v>91</v>
      </c>
      <c r="AI32757">
        <v>92</v>
      </c>
      <c r="AJ32757">
        <v>93</v>
      </c>
      <c r="AK32757">
        <v>94</v>
      </c>
      <c r="AL32757">
        <v>94</v>
      </c>
      <c r="AM32757">
        <v>94</v>
      </c>
      <c r="AN32757">
        <v>95</v>
      </c>
      <c r="AO32757">
        <v>95</v>
      </c>
      <c r="AP32757">
        <v>95</v>
      </c>
      <c r="AQ32757">
        <v>95</v>
      </c>
    </row>
    <row r="32758" spans="1:43">
      <c r="A32758" t="s">
        <v>20297</v>
      </c>
      <c r="B32758" t="s">
        <v>20298</v>
      </c>
      <c r="C32758" t="s">
        <v>20299</v>
      </c>
      <c r="D32758" t="s">
        <v>20300</v>
      </c>
      <c r="E32758" t="s">
        <v>20253</v>
      </c>
      <c r="F32758" t="s">
        <v>20254</v>
      </c>
      <c r="G32758" t="s">
        <v>20255</v>
      </c>
      <c r="H32758" t="s">
        <v>20256</v>
      </c>
      <c r="I32758" s="2">
        <v>1</v>
      </c>
      <c r="J32758" s="2">
        <v>0</v>
      </c>
      <c r="K32758" s="2">
        <v>0</v>
      </c>
      <c r="L32758" t="s">
        <v>120</v>
      </c>
      <c r="M32758" t="s">
        <v>83</v>
      </c>
      <c r="N32758" t="s">
        <v>84</v>
      </c>
      <c r="O32758" t="s">
        <v>85</v>
      </c>
      <c r="P32758" t="s">
        <v>86</v>
      </c>
      <c r="Q32758">
        <v>47</v>
      </c>
      <c r="R32758">
        <v>47</v>
      </c>
      <c r="S32758">
        <v>48</v>
      </c>
      <c r="T32758">
        <v>48</v>
      </c>
      <c r="U32758">
        <v>49</v>
      </c>
      <c r="V32758">
        <v>49</v>
      </c>
      <c r="W32758">
        <v>50</v>
      </c>
      <c r="X32758">
        <v>50</v>
      </c>
      <c r="Y32758">
        <v>51</v>
      </c>
      <c r="Z32758">
        <v>51</v>
      </c>
      <c r="AA32758">
        <v>52</v>
      </c>
      <c r="AB32758">
        <v>52</v>
      </c>
      <c r="AC32758">
        <v>53</v>
      </c>
      <c r="AD32758">
        <v>54</v>
      </c>
      <c r="AE32758">
        <v>54</v>
      </c>
      <c r="AF32758">
        <v>55</v>
      </c>
      <c r="AG32758">
        <v>55</v>
      </c>
      <c r="AH32758">
        <v>56</v>
      </c>
      <c r="AI32758">
        <v>56</v>
      </c>
      <c r="AJ32758">
        <v>57</v>
      </c>
      <c r="AK32758">
        <v>57</v>
      </c>
      <c r="AL32758">
        <v>58</v>
      </c>
      <c r="AM32758">
        <v>58</v>
      </c>
      <c r="AN32758">
        <v>58</v>
      </c>
      <c r="AO32758">
        <v>58</v>
      </c>
      <c r="AP32758">
        <v>58</v>
      </c>
      <c r="AQ32758">
        <v>58</v>
      </c>
    </row>
    <row r="32759" spans="1:43">
      <c r="A32759" t="s">
        <v>20297</v>
      </c>
      <c r="B32759" t="s">
        <v>20298</v>
      </c>
      <c r="C32759" t="s">
        <v>20299</v>
      </c>
      <c r="D32759" t="s">
        <v>20300</v>
      </c>
      <c r="E32759" t="s">
        <v>20253</v>
      </c>
      <c r="F32759" t="s">
        <v>20254</v>
      </c>
      <c r="G32759" t="s">
        <v>20255</v>
      </c>
      <c r="H32759" t="s">
        <v>20256</v>
      </c>
      <c r="I32759" s="2">
        <v>1</v>
      </c>
      <c r="J32759" s="2">
        <v>0</v>
      </c>
      <c r="K32759" s="2">
        <v>0</v>
      </c>
      <c r="L32759" t="s">
        <v>120</v>
      </c>
      <c r="M32759" t="s">
        <v>87</v>
      </c>
      <c r="N32759" t="s">
        <v>88</v>
      </c>
      <c r="O32759" t="s">
        <v>85</v>
      </c>
      <c r="P32759" t="s">
        <v>86</v>
      </c>
      <c r="Q32759">
        <v>47</v>
      </c>
      <c r="R32759">
        <v>47</v>
      </c>
      <c r="S32759">
        <v>48</v>
      </c>
      <c r="T32759">
        <v>48</v>
      </c>
      <c r="U32759">
        <v>48</v>
      </c>
      <c r="V32759">
        <v>48</v>
      </c>
      <c r="W32759">
        <v>48</v>
      </c>
      <c r="X32759">
        <v>48</v>
      </c>
      <c r="Y32759">
        <v>48</v>
      </c>
      <c r="Z32759">
        <v>48</v>
      </c>
      <c r="AA32759">
        <v>48</v>
      </c>
      <c r="AB32759">
        <v>48</v>
      </c>
      <c r="AC32759">
        <v>49</v>
      </c>
      <c r="AD32759">
        <v>49</v>
      </c>
      <c r="AE32759">
        <v>49</v>
      </c>
      <c r="AF32759">
        <v>49</v>
      </c>
      <c r="AG32759">
        <v>49</v>
      </c>
      <c r="AH32759">
        <v>49</v>
      </c>
      <c r="AI32759">
        <v>50</v>
      </c>
      <c r="AJ32759">
        <v>50</v>
      </c>
      <c r="AK32759">
        <v>50</v>
      </c>
      <c r="AL32759">
        <v>50</v>
      </c>
      <c r="AM32759">
        <v>50</v>
      </c>
      <c r="AN32759">
        <v>51</v>
      </c>
      <c r="AO32759">
        <v>51</v>
      </c>
      <c r="AP32759">
        <v>51</v>
      </c>
      <c r="AQ32759">
        <v>51</v>
      </c>
    </row>
    <row r="32760" spans="1:43">
      <c r="A32760" t="s">
        <v>20297</v>
      </c>
      <c r="B32760" t="s">
        <v>20298</v>
      </c>
      <c r="C32760" t="s">
        <v>20299</v>
      </c>
      <c r="D32760" t="s">
        <v>20300</v>
      </c>
      <c r="E32760" t="s">
        <v>20253</v>
      </c>
      <c r="F32760" t="s">
        <v>20254</v>
      </c>
      <c r="G32760" t="s">
        <v>20255</v>
      </c>
      <c r="H32760" t="s">
        <v>20256</v>
      </c>
      <c r="I32760" s="2">
        <v>1</v>
      </c>
      <c r="J32760" s="2">
        <v>0</v>
      </c>
      <c r="K32760" s="2">
        <v>0</v>
      </c>
      <c r="L32760" t="s">
        <v>120</v>
      </c>
      <c r="M32760" t="s">
        <v>89</v>
      </c>
      <c r="N32760" t="s">
        <v>90</v>
      </c>
      <c r="O32760" t="s">
        <v>85</v>
      </c>
      <c r="P32760" t="s">
        <v>86</v>
      </c>
      <c r="Q32760">
        <v>47</v>
      </c>
      <c r="R32760">
        <v>48</v>
      </c>
      <c r="S32760">
        <v>49</v>
      </c>
      <c r="T32760">
        <v>50</v>
      </c>
      <c r="U32760">
        <v>51</v>
      </c>
      <c r="V32760">
        <v>52</v>
      </c>
      <c r="W32760">
        <v>52</v>
      </c>
      <c r="X32760">
        <v>53</v>
      </c>
      <c r="Y32760">
        <v>54</v>
      </c>
      <c r="Z32760">
        <v>55</v>
      </c>
      <c r="AA32760">
        <v>55</v>
      </c>
      <c r="AB32760">
        <v>56</v>
      </c>
      <c r="AC32760">
        <v>57</v>
      </c>
      <c r="AD32760">
        <v>58</v>
      </c>
      <c r="AE32760">
        <v>58</v>
      </c>
      <c r="AF32760">
        <v>58</v>
      </c>
      <c r="AG32760">
        <v>58</v>
      </c>
      <c r="AH32760">
        <v>58</v>
      </c>
      <c r="AI32760">
        <v>58</v>
      </c>
      <c r="AJ32760">
        <v>58</v>
      </c>
      <c r="AK32760">
        <v>58</v>
      </c>
      <c r="AL32760">
        <v>58</v>
      </c>
      <c r="AM32760">
        <v>59</v>
      </c>
      <c r="AN32760">
        <v>59</v>
      </c>
      <c r="AO32760">
        <v>59</v>
      </c>
      <c r="AP32760">
        <v>59</v>
      </c>
      <c r="AQ32760">
        <v>59</v>
      </c>
    </row>
    <row r="32761" spans="1:43">
      <c r="A32761" t="s">
        <v>20297</v>
      </c>
      <c r="B32761" t="s">
        <v>20298</v>
      </c>
      <c r="C32761" t="s">
        <v>20299</v>
      </c>
      <c r="D32761" t="s">
        <v>20300</v>
      </c>
      <c r="E32761" t="s">
        <v>20253</v>
      </c>
      <c r="F32761" t="s">
        <v>20254</v>
      </c>
      <c r="G32761" t="s">
        <v>20255</v>
      </c>
      <c r="H32761" t="s">
        <v>20256</v>
      </c>
      <c r="I32761" s="2">
        <v>1</v>
      </c>
      <c r="J32761" s="2">
        <v>0</v>
      </c>
      <c r="K32761" s="2">
        <v>0</v>
      </c>
      <c r="L32761" t="s">
        <v>120</v>
      </c>
      <c r="M32761" t="s">
        <v>83</v>
      </c>
      <c r="N32761" t="s">
        <v>91</v>
      </c>
      <c r="O32761" t="s">
        <v>85</v>
      </c>
      <c r="P32761" t="s">
        <v>86</v>
      </c>
      <c r="Q32761">
        <v>47</v>
      </c>
      <c r="R32761">
        <v>47</v>
      </c>
      <c r="S32761">
        <v>48</v>
      </c>
      <c r="T32761">
        <v>48</v>
      </c>
      <c r="U32761">
        <v>49</v>
      </c>
      <c r="V32761">
        <v>49</v>
      </c>
      <c r="W32761">
        <v>50</v>
      </c>
      <c r="X32761">
        <v>50</v>
      </c>
      <c r="Y32761">
        <v>51</v>
      </c>
      <c r="Z32761">
        <v>51</v>
      </c>
      <c r="AA32761">
        <v>52</v>
      </c>
      <c r="AB32761">
        <v>52</v>
      </c>
      <c r="AC32761">
        <v>53</v>
      </c>
      <c r="AD32761">
        <v>54</v>
      </c>
      <c r="AE32761">
        <v>54</v>
      </c>
      <c r="AF32761">
        <v>55</v>
      </c>
      <c r="AG32761">
        <v>55</v>
      </c>
      <c r="AH32761">
        <v>56</v>
      </c>
      <c r="AI32761">
        <v>56</v>
      </c>
      <c r="AJ32761">
        <v>57</v>
      </c>
      <c r="AK32761">
        <v>57</v>
      </c>
      <c r="AL32761">
        <v>58</v>
      </c>
      <c r="AM32761">
        <v>58</v>
      </c>
      <c r="AN32761">
        <v>58</v>
      </c>
      <c r="AO32761">
        <v>58</v>
      </c>
      <c r="AP32761">
        <v>58</v>
      </c>
      <c r="AQ32761">
        <v>58</v>
      </c>
    </row>
    <row r="32762" spans="1:43">
      <c r="A32762" t="s">
        <v>20301</v>
      </c>
      <c r="B32762" t="s">
        <v>20302</v>
      </c>
      <c r="C32762" t="s">
        <v>20303</v>
      </c>
      <c r="D32762" t="s">
        <v>20304</v>
      </c>
      <c r="E32762" t="s">
        <v>20253</v>
      </c>
      <c r="F32762" t="s">
        <v>20254</v>
      </c>
      <c r="G32762" t="s">
        <v>20255</v>
      </c>
      <c r="H32762" t="s">
        <v>20256</v>
      </c>
      <c r="I32762" s="2">
        <v>1</v>
      </c>
      <c r="J32762" s="2">
        <v>0</v>
      </c>
      <c r="K32762" s="2">
        <v>0</v>
      </c>
      <c r="L32762" t="s">
        <v>120</v>
      </c>
      <c r="M32762" t="s">
        <v>83</v>
      </c>
      <c r="N32762" t="s">
        <v>84</v>
      </c>
      <c r="O32762" t="s">
        <v>85</v>
      </c>
      <c r="P32762" t="s">
        <v>86</v>
      </c>
      <c r="Q32762">
        <v>13</v>
      </c>
      <c r="R32762">
        <v>13</v>
      </c>
      <c r="S32762">
        <v>13</v>
      </c>
      <c r="T32762">
        <v>13</v>
      </c>
      <c r="U32762">
        <v>13</v>
      </c>
      <c r="V32762">
        <v>13</v>
      </c>
      <c r="W32762">
        <v>14</v>
      </c>
      <c r="X32762">
        <v>14</v>
      </c>
      <c r="Y32762">
        <v>14</v>
      </c>
      <c r="Z32762">
        <v>14</v>
      </c>
      <c r="AA32762">
        <v>14</v>
      </c>
      <c r="AB32762">
        <v>14</v>
      </c>
      <c r="AC32762">
        <v>14</v>
      </c>
      <c r="AD32762">
        <v>15</v>
      </c>
      <c r="AE32762">
        <v>15</v>
      </c>
      <c r="AF32762">
        <v>15</v>
      </c>
      <c r="AG32762">
        <v>15</v>
      </c>
      <c r="AH32762">
        <v>15</v>
      </c>
      <c r="AI32762">
        <v>15</v>
      </c>
      <c r="AJ32762">
        <v>15</v>
      </c>
      <c r="AK32762">
        <v>16</v>
      </c>
      <c r="AL32762">
        <v>16</v>
      </c>
      <c r="AM32762">
        <v>16</v>
      </c>
      <c r="AN32762">
        <v>16</v>
      </c>
      <c r="AO32762">
        <v>16</v>
      </c>
      <c r="AP32762">
        <v>16</v>
      </c>
      <c r="AQ32762">
        <v>16</v>
      </c>
    </row>
    <row r="32763" spans="1:43">
      <c r="A32763" t="s">
        <v>20301</v>
      </c>
      <c r="B32763" t="s">
        <v>20302</v>
      </c>
      <c r="C32763" t="s">
        <v>20303</v>
      </c>
      <c r="D32763" t="s">
        <v>20304</v>
      </c>
      <c r="E32763" t="s">
        <v>20253</v>
      </c>
      <c r="F32763" t="s">
        <v>20254</v>
      </c>
      <c r="G32763" t="s">
        <v>20255</v>
      </c>
      <c r="H32763" t="s">
        <v>20256</v>
      </c>
      <c r="I32763" s="2">
        <v>1</v>
      </c>
      <c r="J32763" s="2">
        <v>0</v>
      </c>
      <c r="K32763" s="2">
        <v>0</v>
      </c>
      <c r="L32763" t="s">
        <v>120</v>
      </c>
      <c r="M32763" t="s">
        <v>87</v>
      </c>
      <c r="N32763" t="s">
        <v>88</v>
      </c>
      <c r="O32763" t="s">
        <v>85</v>
      </c>
      <c r="P32763" t="s">
        <v>86</v>
      </c>
      <c r="Q32763">
        <v>13</v>
      </c>
      <c r="R32763">
        <v>13</v>
      </c>
      <c r="S32763">
        <v>13</v>
      </c>
      <c r="T32763">
        <v>13</v>
      </c>
      <c r="U32763">
        <v>13</v>
      </c>
      <c r="V32763">
        <v>13</v>
      </c>
      <c r="W32763">
        <v>13</v>
      </c>
      <c r="X32763">
        <v>13</v>
      </c>
      <c r="Y32763">
        <v>13</v>
      </c>
      <c r="Z32763">
        <v>13</v>
      </c>
      <c r="AA32763">
        <v>13</v>
      </c>
      <c r="AB32763">
        <v>13</v>
      </c>
      <c r="AC32763">
        <v>13</v>
      </c>
      <c r="AD32763">
        <v>13</v>
      </c>
      <c r="AE32763">
        <v>13</v>
      </c>
      <c r="AF32763">
        <v>13</v>
      </c>
      <c r="AG32763">
        <v>13</v>
      </c>
      <c r="AH32763">
        <v>13</v>
      </c>
      <c r="AI32763">
        <v>13</v>
      </c>
      <c r="AJ32763">
        <v>13</v>
      </c>
      <c r="AK32763">
        <v>13</v>
      </c>
      <c r="AL32763">
        <v>13</v>
      </c>
      <c r="AM32763">
        <v>13</v>
      </c>
      <c r="AN32763">
        <v>13</v>
      </c>
      <c r="AO32763">
        <v>14</v>
      </c>
      <c r="AP32763">
        <v>14</v>
      </c>
      <c r="AQ32763">
        <v>14</v>
      </c>
    </row>
    <row r="32764" spans="1:43">
      <c r="A32764" t="s">
        <v>20301</v>
      </c>
      <c r="B32764" t="s">
        <v>20302</v>
      </c>
      <c r="C32764" t="s">
        <v>20303</v>
      </c>
      <c r="D32764" t="s">
        <v>20304</v>
      </c>
      <c r="E32764" t="s">
        <v>20253</v>
      </c>
      <c r="F32764" t="s">
        <v>20254</v>
      </c>
      <c r="G32764" t="s">
        <v>20255</v>
      </c>
      <c r="H32764" t="s">
        <v>20256</v>
      </c>
      <c r="I32764" s="2">
        <v>1</v>
      </c>
      <c r="J32764" s="2">
        <v>0</v>
      </c>
      <c r="K32764" s="2">
        <v>0</v>
      </c>
      <c r="L32764" t="s">
        <v>120</v>
      </c>
      <c r="M32764" t="s">
        <v>89</v>
      </c>
      <c r="N32764" t="s">
        <v>90</v>
      </c>
      <c r="O32764" t="s">
        <v>85</v>
      </c>
      <c r="P32764" t="s">
        <v>86</v>
      </c>
      <c r="Q32764">
        <v>13</v>
      </c>
      <c r="R32764">
        <v>13</v>
      </c>
      <c r="S32764">
        <v>13</v>
      </c>
      <c r="T32764">
        <v>14</v>
      </c>
      <c r="U32764">
        <v>14</v>
      </c>
      <c r="V32764">
        <v>14</v>
      </c>
      <c r="W32764">
        <v>14</v>
      </c>
      <c r="X32764">
        <v>14</v>
      </c>
      <c r="Y32764">
        <v>15</v>
      </c>
      <c r="Z32764">
        <v>15</v>
      </c>
      <c r="AA32764">
        <v>15</v>
      </c>
      <c r="AB32764">
        <v>15</v>
      </c>
      <c r="AC32764">
        <v>15</v>
      </c>
      <c r="AD32764">
        <v>16</v>
      </c>
      <c r="AE32764">
        <v>16</v>
      </c>
      <c r="AF32764">
        <v>16</v>
      </c>
      <c r="AG32764">
        <v>16</v>
      </c>
      <c r="AH32764">
        <v>16</v>
      </c>
      <c r="AI32764">
        <v>16</v>
      </c>
      <c r="AJ32764">
        <v>16</v>
      </c>
      <c r="AK32764">
        <v>16</v>
      </c>
      <c r="AL32764">
        <v>16</v>
      </c>
      <c r="AM32764">
        <v>16</v>
      </c>
      <c r="AN32764">
        <v>16</v>
      </c>
      <c r="AO32764">
        <v>16</v>
      </c>
      <c r="AP32764">
        <v>16</v>
      </c>
      <c r="AQ32764">
        <v>16</v>
      </c>
    </row>
    <row r="32765" spans="1:43">
      <c r="A32765" t="s">
        <v>20301</v>
      </c>
      <c r="B32765" t="s">
        <v>20302</v>
      </c>
      <c r="C32765" t="s">
        <v>20303</v>
      </c>
      <c r="D32765" t="s">
        <v>20304</v>
      </c>
      <c r="E32765" t="s">
        <v>20253</v>
      </c>
      <c r="F32765" t="s">
        <v>20254</v>
      </c>
      <c r="G32765" t="s">
        <v>20255</v>
      </c>
      <c r="H32765" t="s">
        <v>20256</v>
      </c>
      <c r="I32765" s="2">
        <v>1</v>
      </c>
      <c r="J32765" s="2">
        <v>0</v>
      </c>
      <c r="K32765" s="2">
        <v>0</v>
      </c>
      <c r="L32765" t="s">
        <v>120</v>
      </c>
      <c r="M32765" t="s">
        <v>83</v>
      </c>
      <c r="N32765" t="s">
        <v>91</v>
      </c>
      <c r="O32765" t="s">
        <v>85</v>
      </c>
      <c r="P32765" t="s">
        <v>86</v>
      </c>
      <c r="Q32765">
        <v>13</v>
      </c>
      <c r="R32765">
        <v>13</v>
      </c>
      <c r="S32765">
        <v>13</v>
      </c>
      <c r="T32765">
        <v>13</v>
      </c>
      <c r="U32765">
        <v>13</v>
      </c>
      <c r="V32765">
        <v>13</v>
      </c>
      <c r="W32765">
        <v>14</v>
      </c>
      <c r="X32765">
        <v>14</v>
      </c>
      <c r="Y32765">
        <v>14</v>
      </c>
      <c r="Z32765">
        <v>14</v>
      </c>
      <c r="AA32765">
        <v>14</v>
      </c>
      <c r="AB32765">
        <v>14</v>
      </c>
      <c r="AC32765">
        <v>14</v>
      </c>
      <c r="AD32765">
        <v>15</v>
      </c>
      <c r="AE32765">
        <v>15</v>
      </c>
      <c r="AF32765">
        <v>15</v>
      </c>
      <c r="AG32765">
        <v>15</v>
      </c>
      <c r="AH32765">
        <v>15</v>
      </c>
      <c r="AI32765">
        <v>15</v>
      </c>
      <c r="AJ32765">
        <v>15</v>
      </c>
      <c r="AK32765">
        <v>16</v>
      </c>
      <c r="AL32765">
        <v>16</v>
      </c>
      <c r="AM32765">
        <v>16</v>
      </c>
      <c r="AN32765">
        <v>16</v>
      </c>
      <c r="AO32765">
        <v>16</v>
      </c>
      <c r="AP32765">
        <v>16</v>
      </c>
      <c r="AQ32765">
        <v>16</v>
      </c>
    </row>
    <row r="32766" spans="1:43">
      <c r="A32766" t="s">
        <v>20305</v>
      </c>
      <c r="B32766" t="s">
        <v>20306</v>
      </c>
      <c r="C32766" t="s">
        <v>20303</v>
      </c>
      <c r="D32766" t="s">
        <v>20304</v>
      </c>
      <c r="E32766" t="s">
        <v>20253</v>
      </c>
      <c r="F32766" t="s">
        <v>20254</v>
      </c>
      <c r="G32766" t="s">
        <v>20255</v>
      </c>
      <c r="H32766" t="s">
        <v>20256</v>
      </c>
      <c r="I32766" s="2">
        <v>1</v>
      </c>
      <c r="J32766" s="2">
        <v>0</v>
      </c>
      <c r="K32766" s="2">
        <v>0</v>
      </c>
      <c r="L32766" t="s">
        <v>120</v>
      </c>
      <c r="M32766" t="s">
        <v>83</v>
      </c>
      <c r="N32766" t="s">
        <v>84</v>
      </c>
      <c r="O32766" t="s">
        <v>85</v>
      </c>
      <c r="P32766" t="s">
        <v>86</v>
      </c>
      <c r="Q32766">
        <v>19</v>
      </c>
      <c r="R32766">
        <v>20</v>
      </c>
      <c r="S32766">
        <v>20</v>
      </c>
      <c r="T32766">
        <v>20</v>
      </c>
      <c r="U32766">
        <v>20</v>
      </c>
      <c r="V32766">
        <v>21</v>
      </c>
      <c r="W32766">
        <v>21</v>
      </c>
      <c r="X32766">
        <v>21</v>
      </c>
      <c r="Y32766">
        <v>21</v>
      </c>
      <c r="Z32766">
        <v>21</v>
      </c>
      <c r="AA32766">
        <v>22</v>
      </c>
      <c r="AB32766">
        <v>22</v>
      </c>
      <c r="AC32766">
        <v>22</v>
      </c>
      <c r="AD32766">
        <v>22</v>
      </c>
      <c r="AE32766">
        <v>23</v>
      </c>
      <c r="AF32766">
        <v>23</v>
      </c>
      <c r="AG32766">
        <v>23</v>
      </c>
      <c r="AH32766">
        <v>23</v>
      </c>
      <c r="AI32766">
        <v>23</v>
      </c>
      <c r="AJ32766">
        <v>24</v>
      </c>
      <c r="AK32766">
        <v>24</v>
      </c>
      <c r="AL32766">
        <v>24</v>
      </c>
      <c r="AM32766">
        <v>24</v>
      </c>
      <c r="AN32766">
        <v>24</v>
      </c>
      <c r="AO32766">
        <v>24</v>
      </c>
      <c r="AP32766">
        <v>24</v>
      </c>
      <c r="AQ32766">
        <v>24</v>
      </c>
    </row>
    <row r="32767" spans="1:43">
      <c r="A32767" t="s">
        <v>20305</v>
      </c>
      <c r="B32767" t="s">
        <v>20306</v>
      </c>
      <c r="C32767" t="s">
        <v>20303</v>
      </c>
      <c r="D32767" t="s">
        <v>20304</v>
      </c>
      <c r="E32767" t="s">
        <v>20253</v>
      </c>
      <c r="F32767" t="s">
        <v>20254</v>
      </c>
      <c r="G32767" t="s">
        <v>20255</v>
      </c>
      <c r="H32767" t="s">
        <v>20256</v>
      </c>
      <c r="I32767" s="2">
        <v>1</v>
      </c>
      <c r="J32767" s="2">
        <v>0</v>
      </c>
      <c r="K32767" s="2">
        <v>0</v>
      </c>
      <c r="L32767" t="s">
        <v>120</v>
      </c>
      <c r="M32767" t="s">
        <v>87</v>
      </c>
      <c r="N32767" t="s">
        <v>88</v>
      </c>
      <c r="O32767" t="s">
        <v>85</v>
      </c>
      <c r="P32767" t="s">
        <v>86</v>
      </c>
      <c r="Q32767">
        <v>19</v>
      </c>
      <c r="R32767">
        <v>19</v>
      </c>
      <c r="S32767">
        <v>19</v>
      </c>
      <c r="T32767">
        <v>19</v>
      </c>
      <c r="U32767">
        <v>19</v>
      </c>
      <c r="V32767">
        <v>20</v>
      </c>
      <c r="W32767">
        <v>20</v>
      </c>
      <c r="X32767">
        <v>20</v>
      </c>
      <c r="Y32767">
        <v>20</v>
      </c>
      <c r="Z32767">
        <v>20</v>
      </c>
      <c r="AA32767">
        <v>20</v>
      </c>
      <c r="AB32767">
        <v>20</v>
      </c>
      <c r="AC32767">
        <v>20</v>
      </c>
      <c r="AD32767">
        <v>20</v>
      </c>
      <c r="AE32767">
        <v>20</v>
      </c>
      <c r="AF32767">
        <v>20</v>
      </c>
      <c r="AG32767">
        <v>20</v>
      </c>
      <c r="AH32767">
        <v>20</v>
      </c>
      <c r="AI32767">
        <v>20</v>
      </c>
      <c r="AJ32767">
        <v>20</v>
      </c>
      <c r="AK32767">
        <v>20</v>
      </c>
      <c r="AL32767">
        <v>20</v>
      </c>
      <c r="AM32767">
        <v>21</v>
      </c>
      <c r="AN32767">
        <v>21</v>
      </c>
      <c r="AO32767">
        <v>21</v>
      </c>
      <c r="AP32767">
        <v>21</v>
      </c>
      <c r="AQ32767">
        <v>21</v>
      </c>
    </row>
    <row r="32768" spans="1:43">
      <c r="A32768" t="s">
        <v>20305</v>
      </c>
      <c r="B32768" t="s">
        <v>20306</v>
      </c>
      <c r="C32768" t="s">
        <v>20303</v>
      </c>
      <c r="D32768" t="s">
        <v>20304</v>
      </c>
      <c r="E32768" t="s">
        <v>20253</v>
      </c>
      <c r="F32768" t="s">
        <v>20254</v>
      </c>
      <c r="G32768" t="s">
        <v>20255</v>
      </c>
      <c r="H32768" t="s">
        <v>20256</v>
      </c>
      <c r="I32768" s="2">
        <v>1</v>
      </c>
      <c r="J32768" s="2">
        <v>0</v>
      </c>
      <c r="K32768" s="2">
        <v>0</v>
      </c>
      <c r="L32768" t="s">
        <v>120</v>
      </c>
      <c r="M32768" t="s">
        <v>89</v>
      </c>
      <c r="N32768" t="s">
        <v>90</v>
      </c>
      <c r="O32768" t="s">
        <v>85</v>
      </c>
      <c r="P32768" t="s">
        <v>86</v>
      </c>
      <c r="Q32768">
        <v>19</v>
      </c>
      <c r="R32768">
        <v>19</v>
      </c>
      <c r="S32768">
        <v>19</v>
      </c>
      <c r="T32768">
        <v>20</v>
      </c>
      <c r="U32768">
        <v>20</v>
      </c>
      <c r="V32768">
        <v>21</v>
      </c>
      <c r="W32768">
        <v>21</v>
      </c>
      <c r="X32768">
        <v>21</v>
      </c>
      <c r="Y32768">
        <v>22</v>
      </c>
      <c r="Z32768">
        <v>22</v>
      </c>
      <c r="AA32768">
        <v>22</v>
      </c>
      <c r="AB32768">
        <v>22</v>
      </c>
      <c r="AC32768">
        <v>23</v>
      </c>
      <c r="AD32768">
        <v>23</v>
      </c>
      <c r="AE32768">
        <v>23</v>
      </c>
      <c r="AF32768">
        <v>23</v>
      </c>
      <c r="AG32768">
        <v>23</v>
      </c>
      <c r="AH32768">
        <v>23</v>
      </c>
      <c r="AI32768">
        <v>23</v>
      </c>
      <c r="AJ32768">
        <v>23</v>
      </c>
      <c r="AK32768">
        <v>23</v>
      </c>
      <c r="AL32768">
        <v>23</v>
      </c>
      <c r="AM32768">
        <v>23</v>
      </c>
      <c r="AN32768">
        <v>23</v>
      </c>
      <c r="AO32768">
        <v>23</v>
      </c>
      <c r="AP32768">
        <v>23</v>
      </c>
      <c r="AQ32768">
        <v>23</v>
      </c>
    </row>
    <row r="32769" spans="1:43">
      <c r="A32769" t="s">
        <v>20305</v>
      </c>
      <c r="B32769" t="s">
        <v>20306</v>
      </c>
      <c r="C32769" t="s">
        <v>20303</v>
      </c>
      <c r="D32769" t="s">
        <v>20304</v>
      </c>
      <c r="E32769" t="s">
        <v>20253</v>
      </c>
      <c r="F32769" t="s">
        <v>20254</v>
      </c>
      <c r="G32769" t="s">
        <v>20255</v>
      </c>
      <c r="H32769" t="s">
        <v>20256</v>
      </c>
      <c r="I32769" s="2">
        <v>1</v>
      </c>
      <c r="J32769" s="2">
        <v>0</v>
      </c>
      <c r="K32769" s="2">
        <v>0</v>
      </c>
      <c r="L32769" t="s">
        <v>120</v>
      </c>
      <c r="M32769" t="s">
        <v>83</v>
      </c>
      <c r="N32769" t="s">
        <v>91</v>
      </c>
      <c r="O32769" t="s">
        <v>85</v>
      </c>
      <c r="P32769" t="s">
        <v>86</v>
      </c>
      <c r="Q32769">
        <v>19</v>
      </c>
      <c r="R32769">
        <v>20</v>
      </c>
      <c r="S32769">
        <v>20</v>
      </c>
      <c r="T32769">
        <v>20</v>
      </c>
      <c r="U32769">
        <v>20</v>
      </c>
      <c r="V32769">
        <v>21</v>
      </c>
      <c r="W32769">
        <v>21</v>
      </c>
      <c r="X32769">
        <v>21</v>
      </c>
      <c r="Y32769">
        <v>21</v>
      </c>
      <c r="Z32769">
        <v>21</v>
      </c>
      <c r="AA32769">
        <v>22</v>
      </c>
      <c r="AB32769">
        <v>22</v>
      </c>
      <c r="AC32769">
        <v>22</v>
      </c>
      <c r="AD32769">
        <v>22</v>
      </c>
      <c r="AE32769">
        <v>23</v>
      </c>
      <c r="AF32769">
        <v>23</v>
      </c>
      <c r="AG32769">
        <v>23</v>
      </c>
      <c r="AH32769">
        <v>23</v>
      </c>
      <c r="AI32769">
        <v>23</v>
      </c>
      <c r="AJ32769">
        <v>24</v>
      </c>
      <c r="AK32769">
        <v>24</v>
      </c>
      <c r="AL32769">
        <v>24</v>
      </c>
      <c r="AM32769">
        <v>24</v>
      </c>
      <c r="AN32769">
        <v>24</v>
      </c>
      <c r="AO32769">
        <v>24</v>
      </c>
      <c r="AP32769">
        <v>24</v>
      </c>
      <c r="AQ32769">
        <v>24</v>
      </c>
    </row>
    <row r="32770" spans="1:43">
      <c r="A32770" t="s">
        <v>20307</v>
      </c>
      <c r="B32770" t="s">
        <v>20308</v>
      </c>
      <c r="C32770" t="s">
        <v>20309</v>
      </c>
      <c r="D32770" t="s">
        <v>20310</v>
      </c>
      <c r="E32770" t="s">
        <v>20253</v>
      </c>
      <c r="F32770" t="s">
        <v>20254</v>
      </c>
      <c r="G32770" t="s">
        <v>20255</v>
      </c>
      <c r="H32770" t="s">
        <v>20256</v>
      </c>
      <c r="I32770" s="2">
        <v>1</v>
      </c>
      <c r="J32770" s="2">
        <v>0</v>
      </c>
      <c r="K32770" s="2">
        <v>0</v>
      </c>
      <c r="L32770" t="s">
        <v>120</v>
      </c>
      <c r="M32770" t="s">
        <v>83</v>
      </c>
      <c r="N32770" t="s">
        <v>84</v>
      </c>
      <c r="O32770" t="s">
        <v>85</v>
      </c>
      <c r="P32770" t="s">
        <v>86</v>
      </c>
      <c r="Q32770">
        <v>27</v>
      </c>
      <c r="R32770">
        <v>27</v>
      </c>
      <c r="S32770">
        <v>28</v>
      </c>
      <c r="T32770">
        <v>28</v>
      </c>
      <c r="U32770">
        <v>28</v>
      </c>
      <c r="V32770">
        <v>29</v>
      </c>
      <c r="W32770">
        <v>29</v>
      </c>
      <c r="X32770">
        <v>29</v>
      </c>
      <c r="Y32770">
        <v>30</v>
      </c>
      <c r="Z32770">
        <v>30</v>
      </c>
      <c r="AA32770">
        <v>30</v>
      </c>
      <c r="AB32770">
        <v>31</v>
      </c>
      <c r="AC32770">
        <v>31</v>
      </c>
      <c r="AD32770">
        <v>31</v>
      </c>
      <c r="AE32770">
        <v>32</v>
      </c>
      <c r="AF32770">
        <v>32</v>
      </c>
      <c r="AG32770">
        <v>32</v>
      </c>
      <c r="AH32770">
        <v>33</v>
      </c>
      <c r="AI32770">
        <v>33</v>
      </c>
      <c r="AJ32770">
        <v>33</v>
      </c>
      <c r="AK32770">
        <v>34</v>
      </c>
      <c r="AL32770">
        <v>34</v>
      </c>
      <c r="AM32770">
        <v>34</v>
      </c>
      <c r="AN32770">
        <v>34</v>
      </c>
      <c r="AO32770">
        <v>34</v>
      </c>
      <c r="AP32770">
        <v>34</v>
      </c>
      <c r="AQ32770">
        <v>35</v>
      </c>
    </row>
    <row r="32771" spans="1:43">
      <c r="A32771" t="s">
        <v>20307</v>
      </c>
      <c r="B32771" t="s">
        <v>20308</v>
      </c>
      <c r="C32771" t="s">
        <v>20309</v>
      </c>
      <c r="D32771" t="s">
        <v>20310</v>
      </c>
      <c r="E32771" t="s">
        <v>20253</v>
      </c>
      <c r="F32771" t="s">
        <v>20254</v>
      </c>
      <c r="G32771" t="s">
        <v>20255</v>
      </c>
      <c r="H32771" t="s">
        <v>20256</v>
      </c>
      <c r="I32771" s="2">
        <v>1</v>
      </c>
      <c r="J32771" s="2">
        <v>0</v>
      </c>
      <c r="K32771" s="2">
        <v>0</v>
      </c>
      <c r="L32771" t="s">
        <v>120</v>
      </c>
      <c r="M32771" t="s">
        <v>87</v>
      </c>
      <c r="N32771" t="s">
        <v>88</v>
      </c>
      <c r="O32771" t="s">
        <v>85</v>
      </c>
      <c r="P32771" t="s">
        <v>86</v>
      </c>
      <c r="Q32771">
        <v>27</v>
      </c>
      <c r="R32771">
        <v>27</v>
      </c>
      <c r="S32771">
        <v>27</v>
      </c>
      <c r="T32771">
        <v>27</v>
      </c>
      <c r="U32771">
        <v>27</v>
      </c>
      <c r="V32771">
        <v>27</v>
      </c>
      <c r="W32771">
        <v>27</v>
      </c>
      <c r="X32771">
        <v>27</v>
      </c>
      <c r="Y32771">
        <v>27</v>
      </c>
      <c r="Z32771">
        <v>28</v>
      </c>
      <c r="AA32771">
        <v>28</v>
      </c>
      <c r="AB32771">
        <v>28</v>
      </c>
      <c r="AC32771">
        <v>28</v>
      </c>
      <c r="AD32771">
        <v>28</v>
      </c>
      <c r="AE32771">
        <v>28</v>
      </c>
      <c r="AF32771">
        <v>28</v>
      </c>
      <c r="AG32771">
        <v>28</v>
      </c>
      <c r="AH32771">
        <v>28</v>
      </c>
      <c r="AI32771">
        <v>29</v>
      </c>
      <c r="AJ32771">
        <v>29</v>
      </c>
      <c r="AK32771">
        <v>29</v>
      </c>
      <c r="AL32771">
        <v>29</v>
      </c>
      <c r="AM32771">
        <v>29</v>
      </c>
      <c r="AN32771">
        <v>29</v>
      </c>
      <c r="AO32771">
        <v>29</v>
      </c>
      <c r="AP32771">
        <v>30</v>
      </c>
      <c r="AQ32771">
        <v>30</v>
      </c>
    </row>
    <row r="32772" spans="1:43">
      <c r="A32772" t="s">
        <v>20307</v>
      </c>
      <c r="B32772" t="s">
        <v>20308</v>
      </c>
      <c r="C32772" t="s">
        <v>20309</v>
      </c>
      <c r="D32772" t="s">
        <v>20310</v>
      </c>
      <c r="E32772" t="s">
        <v>20253</v>
      </c>
      <c r="F32772" t="s">
        <v>20254</v>
      </c>
      <c r="G32772" t="s">
        <v>20255</v>
      </c>
      <c r="H32772" t="s">
        <v>20256</v>
      </c>
      <c r="I32772" s="2">
        <v>1</v>
      </c>
      <c r="J32772" s="2">
        <v>0</v>
      </c>
      <c r="K32772" s="2">
        <v>0</v>
      </c>
      <c r="L32772" t="s">
        <v>120</v>
      </c>
      <c r="M32772" t="s">
        <v>89</v>
      </c>
      <c r="N32772" t="s">
        <v>90</v>
      </c>
      <c r="O32772" t="s">
        <v>85</v>
      </c>
      <c r="P32772" t="s">
        <v>86</v>
      </c>
      <c r="Q32772">
        <v>27</v>
      </c>
      <c r="R32772">
        <v>28</v>
      </c>
      <c r="S32772">
        <v>28</v>
      </c>
      <c r="T32772">
        <v>29</v>
      </c>
      <c r="U32772">
        <v>29</v>
      </c>
      <c r="V32772">
        <v>30</v>
      </c>
      <c r="W32772">
        <v>30</v>
      </c>
      <c r="X32772">
        <v>31</v>
      </c>
      <c r="Y32772">
        <v>31</v>
      </c>
      <c r="Z32772">
        <v>32</v>
      </c>
      <c r="AA32772">
        <v>32</v>
      </c>
      <c r="AB32772">
        <v>33</v>
      </c>
      <c r="AC32772">
        <v>33</v>
      </c>
      <c r="AD32772">
        <v>34</v>
      </c>
      <c r="AE32772">
        <v>34</v>
      </c>
      <c r="AF32772">
        <v>34</v>
      </c>
      <c r="AG32772">
        <v>34</v>
      </c>
      <c r="AH32772">
        <v>34</v>
      </c>
      <c r="AI32772">
        <v>34</v>
      </c>
      <c r="AJ32772">
        <v>34</v>
      </c>
      <c r="AK32772">
        <v>34</v>
      </c>
      <c r="AL32772">
        <v>34</v>
      </c>
      <c r="AM32772">
        <v>35</v>
      </c>
      <c r="AN32772">
        <v>35</v>
      </c>
      <c r="AO32772">
        <v>35</v>
      </c>
      <c r="AP32772">
        <v>35</v>
      </c>
      <c r="AQ32772">
        <v>35</v>
      </c>
    </row>
    <row r="32773" spans="1:43">
      <c r="A32773" t="s">
        <v>20307</v>
      </c>
      <c r="B32773" t="s">
        <v>20308</v>
      </c>
      <c r="C32773" t="s">
        <v>20309</v>
      </c>
      <c r="D32773" t="s">
        <v>20310</v>
      </c>
      <c r="E32773" t="s">
        <v>20253</v>
      </c>
      <c r="F32773" t="s">
        <v>20254</v>
      </c>
      <c r="G32773" t="s">
        <v>20255</v>
      </c>
      <c r="H32773" t="s">
        <v>20256</v>
      </c>
      <c r="I32773" s="2">
        <v>1</v>
      </c>
      <c r="J32773" s="2">
        <v>0</v>
      </c>
      <c r="K32773" s="2">
        <v>0</v>
      </c>
      <c r="L32773" t="s">
        <v>120</v>
      </c>
      <c r="M32773" t="s">
        <v>83</v>
      </c>
      <c r="N32773" t="s">
        <v>91</v>
      </c>
      <c r="O32773" t="s">
        <v>85</v>
      </c>
      <c r="P32773" t="s">
        <v>86</v>
      </c>
      <c r="Q32773">
        <v>27</v>
      </c>
      <c r="R32773">
        <v>27</v>
      </c>
      <c r="S32773">
        <v>28</v>
      </c>
      <c r="T32773">
        <v>28</v>
      </c>
      <c r="U32773">
        <v>28</v>
      </c>
      <c r="V32773">
        <v>29</v>
      </c>
      <c r="W32773">
        <v>29</v>
      </c>
      <c r="X32773">
        <v>29</v>
      </c>
      <c r="Y32773">
        <v>30</v>
      </c>
      <c r="Z32773">
        <v>30</v>
      </c>
      <c r="AA32773">
        <v>30</v>
      </c>
      <c r="AB32773">
        <v>31</v>
      </c>
      <c r="AC32773">
        <v>31</v>
      </c>
      <c r="AD32773">
        <v>31</v>
      </c>
      <c r="AE32773">
        <v>32</v>
      </c>
      <c r="AF32773">
        <v>32</v>
      </c>
      <c r="AG32773">
        <v>32</v>
      </c>
      <c r="AH32773">
        <v>33</v>
      </c>
      <c r="AI32773">
        <v>33</v>
      </c>
      <c r="AJ32773">
        <v>33</v>
      </c>
      <c r="AK32773">
        <v>34</v>
      </c>
      <c r="AL32773">
        <v>34</v>
      </c>
      <c r="AM32773">
        <v>34</v>
      </c>
      <c r="AN32773">
        <v>34</v>
      </c>
      <c r="AO32773">
        <v>34</v>
      </c>
      <c r="AP32773">
        <v>34</v>
      </c>
      <c r="AQ32773">
        <v>35</v>
      </c>
    </row>
    <row r="32774" spans="1:43">
      <c r="A32774" t="s">
        <v>20311</v>
      </c>
      <c r="B32774" t="s">
        <v>20312</v>
      </c>
      <c r="C32774" t="s">
        <v>20309</v>
      </c>
      <c r="D32774" t="s">
        <v>20310</v>
      </c>
      <c r="E32774" t="s">
        <v>20253</v>
      </c>
      <c r="F32774" t="s">
        <v>20254</v>
      </c>
      <c r="G32774" t="s">
        <v>20255</v>
      </c>
      <c r="H32774" t="s">
        <v>20256</v>
      </c>
      <c r="I32774" s="2">
        <v>1</v>
      </c>
      <c r="J32774" s="2">
        <v>0</v>
      </c>
      <c r="K32774" s="2">
        <v>0</v>
      </c>
      <c r="L32774" t="s">
        <v>120</v>
      </c>
      <c r="M32774" t="s">
        <v>83</v>
      </c>
      <c r="N32774" t="s">
        <v>84</v>
      </c>
      <c r="O32774" t="s">
        <v>85</v>
      </c>
      <c r="P32774" t="s">
        <v>86</v>
      </c>
      <c r="Q32774">
        <v>65</v>
      </c>
      <c r="R32774">
        <v>66</v>
      </c>
      <c r="S32774">
        <v>67</v>
      </c>
      <c r="T32774">
        <v>68</v>
      </c>
      <c r="U32774">
        <v>68</v>
      </c>
      <c r="V32774">
        <v>69</v>
      </c>
      <c r="W32774">
        <v>70</v>
      </c>
      <c r="X32774">
        <v>71</v>
      </c>
      <c r="Y32774">
        <v>72</v>
      </c>
      <c r="Z32774">
        <v>73</v>
      </c>
      <c r="AA32774">
        <v>73</v>
      </c>
      <c r="AB32774">
        <v>74</v>
      </c>
      <c r="AC32774">
        <v>75</v>
      </c>
      <c r="AD32774">
        <v>76</v>
      </c>
      <c r="AE32774">
        <v>77</v>
      </c>
      <c r="AF32774">
        <v>78</v>
      </c>
      <c r="AG32774">
        <v>79</v>
      </c>
      <c r="AH32774">
        <v>79</v>
      </c>
      <c r="AI32774">
        <v>80</v>
      </c>
      <c r="AJ32774">
        <v>81</v>
      </c>
      <c r="AK32774">
        <v>82</v>
      </c>
      <c r="AL32774">
        <v>83</v>
      </c>
      <c r="AM32774">
        <v>83</v>
      </c>
      <c r="AN32774">
        <v>83</v>
      </c>
      <c r="AO32774">
        <v>84</v>
      </c>
      <c r="AP32774">
        <v>84</v>
      </c>
      <c r="AQ32774">
        <v>84</v>
      </c>
    </row>
    <row r="32775" spans="1:43">
      <c r="A32775" t="s">
        <v>20311</v>
      </c>
      <c r="B32775" t="s">
        <v>20312</v>
      </c>
      <c r="C32775" t="s">
        <v>20309</v>
      </c>
      <c r="D32775" t="s">
        <v>20310</v>
      </c>
      <c r="E32775" t="s">
        <v>20253</v>
      </c>
      <c r="F32775" t="s">
        <v>20254</v>
      </c>
      <c r="G32775" t="s">
        <v>20255</v>
      </c>
      <c r="H32775" t="s">
        <v>20256</v>
      </c>
      <c r="I32775" s="2">
        <v>1</v>
      </c>
      <c r="J32775" s="2">
        <v>0</v>
      </c>
      <c r="K32775" s="2">
        <v>0</v>
      </c>
      <c r="L32775" t="s">
        <v>120</v>
      </c>
      <c r="M32775" t="s">
        <v>87</v>
      </c>
      <c r="N32775" t="s">
        <v>88</v>
      </c>
      <c r="O32775" t="s">
        <v>85</v>
      </c>
      <c r="P32775" t="s">
        <v>86</v>
      </c>
      <c r="Q32775">
        <v>65</v>
      </c>
      <c r="R32775">
        <v>66</v>
      </c>
      <c r="S32775">
        <v>66</v>
      </c>
      <c r="T32775">
        <v>66</v>
      </c>
      <c r="U32775">
        <v>66</v>
      </c>
      <c r="V32775">
        <v>67</v>
      </c>
      <c r="W32775">
        <v>67</v>
      </c>
      <c r="X32775">
        <v>67</v>
      </c>
      <c r="Y32775">
        <v>67</v>
      </c>
      <c r="Z32775">
        <v>68</v>
      </c>
      <c r="AA32775">
        <v>68</v>
      </c>
      <c r="AB32775">
        <v>68</v>
      </c>
      <c r="AC32775">
        <v>69</v>
      </c>
      <c r="AD32775">
        <v>69</v>
      </c>
      <c r="AE32775">
        <v>69</v>
      </c>
      <c r="AF32775">
        <v>69</v>
      </c>
      <c r="AG32775">
        <v>70</v>
      </c>
      <c r="AH32775">
        <v>70</v>
      </c>
      <c r="AI32775">
        <v>70</v>
      </c>
      <c r="AJ32775">
        <v>71</v>
      </c>
      <c r="AK32775">
        <v>71</v>
      </c>
      <c r="AL32775">
        <v>72</v>
      </c>
      <c r="AM32775">
        <v>72</v>
      </c>
      <c r="AN32775">
        <v>72</v>
      </c>
      <c r="AO32775">
        <v>73</v>
      </c>
      <c r="AP32775">
        <v>73</v>
      </c>
      <c r="AQ32775">
        <v>74</v>
      </c>
    </row>
    <row r="32776" spans="1:43">
      <c r="A32776" t="s">
        <v>20311</v>
      </c>
      <c r="B32776" t="s">
        <v>20312</v>
      </c>
      <c r="C32776" t="s">
        <v>20309</v>
      </c>
      <c r="D32776" t="s">
        <v>20310</v>
      </c>
      <c r="E32776" t="s">
        <v>20253</v>
      </c>
      <c r="F32776" t="s">
        <v>20254</v>
      </c>
      <c r="G32776" t="s">
        <v>20255</v>
      </c>
      <c r="H32776" t="s">
        <v>20256</v>
      </c>
      <c r="I32776" s="2">
        <v>1</v>
      </c>
      <c r="J32776" s="2">
        <v>0</v>
      </c>
      <c r="K32776" s="2">
        <v>0</v>
      </c>
      <c r="L32776" t="s">
        <v>120</v>
      </c>
      <c r="M32776" t="s">
        <v>89</v>
      </c>
      <c r="N32776" t="s">
        <v>90</v>
      </c>
      <c r="O32776" t="s">
        <v>85</v>
      </c>
      <c r="P32776" t="s">
        <v>86</v>
      </c>
      <c r="Q32776">
        <v>65</v>
      </c>
      <c r="R32776">
        <v>66</v>
      </c>
      <c r="S32776">
        <v>67</v>
      </c>
      <c r="T32776">
        <v>69</v>
      </c>
      <c r="U32776">
        <v>70</v>
      </c>
      <c r="V32776">
        <v>71</v>
      </c>
      <c r="W32776">
        <v>73</v>
      </c>
      <c r="X32776">
        <v>74</v>
      </c>
      <c r="Y32776">
        <v>75</v>
      </c>
      <c r="Z32776">
        <v>76</v>
      </c>
      <c r="AA32776">
        <v>77</v>
      </c>
      <c r="AB32776">
        <v>78</v>
      </c>
      <c r="AC32776">
        <v>79</v>
      </c>
      <c r="AD32776">
        <v>81</v>
      </c>
      <c r="AE32776">
        <v>81</v>
      </c>
      <c r="AF32776">
        <v>82</v>
      </c>
      <c r="AG32776">
        <v>82</v>
      </c>
      <c r="AH32776">
        <v>82</v>
      </c>
      <c r="AI32776">
        <v>82</v>
      </c>
      <c r="AJ32776">
        <v>82</v>
      </c>
      <c r="AK32776">
        <v>83</v>
      </c>
      <c r="AL32776">
        <v>83</v>
      </c>
      <c r="AM32776">
        <v>83</v>
      </c>
      <c r="AN32776">
        <v>84</v>
      </c>
      <c r="AO32776">
        <v>84</v>
      </c>
      <c r="AP32776">
        <v>84</v>
      </c>
      <c r="AQ32776">
        <v>85</v>
      </c>
    </row>
    <row r="32777" spans="1:43">
      <c r="A32777" t="s">
        <v>20311</v>
      </c>
      <c r="B32777" t="s">
        <v>20312</v>
      </c>
      <c r="C32777" t="s">
        <v>20309</v>
      </c>
      <c r="D32777" t="s">
        <v>20310</v>
      </c>
      <c r="E32777" t="s">
        <v>20253</v>
      </c>
      <c r="F32777" t="s">
        <v>20254</v>
      </c>
      <c r="G32777" t="s">
        <v>20255</v>
      </c>
      <c r="H32777" t="s">
        <v>20256</v>
      </c>
      <c r="I32777" s="2">
        <v>1</v>
      </c>
      <c r="J32777" s="2">
        <v>0</v>
      </c>
      <c r="K32777" s="2">
        <v>0</v>
      </c>
      <c r="L32777" t="s">
        <v>120</v>
      </c>
      <c r="M32777" t="s">
        <v>83</v>
      </c>
      <c r="N32777" t="s">
        <v>91</v>
      </c>
      <c r="O32777" t="s">
        <v>85</v>
      </c>
      <c r="P32777" t="s">
        <v>86</v>
      </c>
      <c r="Q32777">
        <v>65</v>
      </c>
      <c r="R32777">
        <v>66</v>
      </c>
      <c r="S32777">
        <v>67</v>
      </c>
      <c r="T32777">
        <v>68</v>
      </c>
      <c r="U32777">
        <v>68</v>
      </c>
      <c r="V32777">
        <v>69</v>
      </c>
      <c r="W32777">
        <v>70</v>
      </c>
      <c r="X32777">
        <v>71</v>
      </c>
      <c r="Y32777">
        <v>72</v>
      </c>
      <c r="Z32777">
        <v>73</v>
      </c>
      <c r="AA32777">
        <v>73</v>
      </c>
      <c r="AB32777">
        <v>74</v>
      </c>
      <c r="AC32777">
        <v>75</v>
      </c>
      <c r="AD32777">
        <v>76</v>
      </c>
      <c r="AE32777">
        <v>77</v>
      </c>
      <c r="AF32777">
        <v>78</v>
      </c>
      <c r="AG32777">
        <v>79</v>
      </c>
      <c r="AH32777">
        <v>79</v>
      </c>
      <c r="AI32777">
        <v>80</v>
      </c>
      <c r="AJ32777">
        <v>81</v>
      </c>
      <c r="AK32777">
        <v>82</v>
      </c>
      <c r="AL32777">
        <v>83</v>
      </c>
      <c r="AM32777">
        <v>83</v>
      </c>
      <c r="AN32777">
        <v>83</v>
      </c>
      <c r="AO32777">
        <v>84</v>
      </c>
      <c r="AP32777">
        <v>84</v>
      </c>
      <c r="AQ32777">
        <v>84</v>
      </c>
    </row>
    <row r="32778" spans="1:43">
      <c r="A32778" t="s">
        <v>20313</v>
      </c>
      <c r="B32778" t="s">
        <v>20314</v>
      </c>
      <c r="C32778" t="s">
        <v>20309</v>
      </c>
      <c r="D32778" t="s">
        <v>20310</v>
      </c>
      <c r="E32778" t="s">
        <v>20253</v>
      </c>
      <c r="F32778" t="s">
        <v>20254</v>
      </c>
      <c r="G32778" t="s">
        <v>20255</v>
      </c>
      <c r="H32778" t="s">
        <v>20256</v>
      </c>
      <c r="I32778" s="2">
        <v>1</v>
      </c>
      <c r="J32778" s="2">
        <v>0</v>
      </c>
      <c r="K32778" s="2">
        <v>0</v>
      </c>
      <c r="L32778" t="s">
        <v>120</v>
      </c>
      <c r="M32778" t="s">
        <v>83</v>
      </c>
      <c r="N32778" t="s">
        <v>84</v>
      </c>
      <c r="O32778" t="s">
        <v>85</v>
      </c>
      <c r="P32778" t="s">
        <v>86</v>
      </c>
      <c r="Q32778">
        <v>30</v>
      </c>
      <c r="R32778">
        <v>30</v>
      </c>
      <c r="S32778">
        <v>30</v>
      </c>
      <c r="T32778">
        <v>31</v>
      </c>
      <c r="U32778">
        <v>31</v>
      </c>
      <c r="V32778">
        <v>31</v>
      </c>
      <c r="W32778">
        <v>32</v>
      </c>
      <c r="X32778">
        <v>32</v>
      </c>
      <c r="Y32778">
        <v>32</v>
      </c>
      <c r="Z32778">
        <v>33</v>
      </c>
      <c r="AA32778">
        <v>33</v>
      </c>
      <c r="AB32778">
        <v>33</v>
      </c>
      <c r="AC32778">
        <v>33</v>
      </c>
      <c r="AD32778">
        <v>34</v>
      </c>
      <c r="AE32778">
        <v>34</v>
      </c>
      <c r="AF32778">
        <v>34</v>
      </c>
      <c r="AG32778">
        <v>35</v>
      </c>
      <c r="AH32778">
        <v>35</v>
      </c>
      <c r="AI32778">
        <v>36</v>
      </c>
      <c r="AJ32778">
        <v>36</v>
      </c>
      <c r="AK32778">
        <v>36</v>
      </c>
      <c r="AL32778">
        <v>36</v>
      </c>
      <c r="AM32778">
        <v>36</v>
      </c>
      <c r="AN32778">
        <v>37</v>
      </c>
      <c r="AO32778">
        <v>37</v>
      </c>
      <c r="AP32778">
        <v>37</v>
      </c>
      <c r="AQ32778">
        <v>37</v>
      </c>
    </row>
    <row r="32779" spans="1:43">
      <c r="A32779" t="s">
        <v>20313</v>
      </c>
      <c r="B32779" t="s">
        <v>20314</v>
      </c>
      <c r="C32779" t="s">
        <v>20309</v>
      </c>
      <c r="D32779" t="s">
        <v>20310</v>
      </c>
      <c r="E32779" t="s">
        <v>20253</v>
      </c>
      <c r="F32779" t="s">
        <v>20254</v>
      </c>
      <c r="G32779" t="s">
        <v>20255</v>
      </c>
      <c r="H32779" t="s">
        <v>20256</v>
      </c>
      <c r="I32779" s="2">
        <v>1</v>
      </c>
      <c r="J32779" s="2">
        <v>0</v>
      </c>
      <c r="K32779" s="2">
        <v>0</v>
      </c>
      <c r="L32779" t="s">
        <v>120</v>
      </c>
      <c r="M32779" t="s">
        <v>87</v>
      </c>
      <c r="N32779" t="s">
        <v>88</v>
      </c>
      <c r="O32779" t="s">
        <v>85</v>
      </c>
      <c r="P32779" t="s">
        <v>86</v>
      </c>
      <c r="Q32779">
        <v>30</v>
      </c>
      <c r="R32779">
        <v>30</v>
      </c>
      <c r="S32779">
        <v>30</v>
      </c>
      <c r="T32779">
        <v>30</v>
      </c>
      <c r="U32779">
        <v>31</v>
      </c>
      <c r="V32779">
        <v>31</v>
      </c>
      <c r="W32779">
        <v>31</v>
      </c>
      <c r="X32779">
        <v>31</v>
      </c>
      <c r="Y32779">
        <v>31</v>
      </c>
      <c r="Z32779">
        <v>31</v>
      </c>
      <c r="AA32779">
        <v>31</v>
      </c>
      <c r="AB32779">
        <v>31</v>
      </c>
      <c r="AC32779">
        <v>31</v>
      </c>
      <c r="AD32779">
        <v>31</v>
      </c>
      <c r="AE32779">
        <v>31</v>
      </c>
      <c r="AF32779">
        <v>31</v>
      </c>
      <c r="AG32779">
        <v>31</v>
      </c>
      <c r="AH32779">
        <v>32</v>
      </c>
      <c r="AI32779">
        <v>32</v>
      </c>
      <c r="AJ32779">
        <v>32</v>
      </c>
      <c r="AK32779">
        <v>32</v>
      </c>
      <c r="AL32779">
        <v>32</v>
      </c>
      <c r="AM32779">
        <v>32</v>
      </c>
      <c r="AN32779">
        <v>32</v>
      </c>
      <c r="AO32779">
        <v>32</v>
      </c>
      <c r="AP32779">
        <v>33</v>
      </c>
      <c r="AQ32779">
        <v>33</v>
      </c>
    </row>
    <row r="32780" spans="1:43">
      <c r="A32780" t="s">
        <v>20313</v>
      </c>
      <c r="B32780" t="s">
        <v>20314</v>
      </c>
      <c r="C32780" t="s">
        <v>20309</v>
      </c>
      <c r="D32780" t="s">
        <v>20310</v>
      </c>
      <c r="E32780" t="s">
        <v>20253</v>
      </c>
      <c r="F32780" t="s">
        <v>20254</v>
      </c>
      <c r="G32780" t="s">
        <v>20255</v>
      </c>
      <c r="H32780" t="s">
        <v>20256</v>
      </c>
      <c r="I32780" s="2">
        <v>1</v>
      </c>
      <c r="J32780" s="2">
        <v>0</v>
      </c>
      <c r="K32780" s="2">
        <v>0</v>
      </c>
      <c r="L32780" t="s">
        <v>120</v>
      </c>
      <c r="M32780" t="s">
        <v>89</v>
      </c>
      <c r="N32780" t="s">
        <v>90</v>
      </c>
      <c r="O32780" t="s">
        <v>85</v>
      </c>
      <c r="P32780" t="s">
        <v>86</v>
      </c>
      <c r="Q32780">
        <v>30</v>
      </c>
      <c r="R32780">
        <v>30</v>
      </c>
      <c r="S32780">
        <v>31</v>
      </c>
      <c r="T32780">
        <v>32</v>
      </c>
      <c r="U32780">
        <v>32</v>
      </c>
      <c r="V32780">
        <v>33</v>
      </c>
      <c r="W32780">
        <v>33</v>
      </c>
      <c r="X32780">
        <v>34</v>
      </c>
      <c r="Y32780">
        <v>34</v>
      </c>
      <c r="Z32780">
        <v>35</v>
      </c>
      <c r="AA32780">
        <v>35</v>
      </c>
      <c r="AB32780">
        <v>35</v>
      </c>
      <c r="AC32780">
        <v>36</v>
      </c>
      <c r="AD32780">
        <v>36</v>
      </c>
      <c r="AE32780">
        <v>37</v>
      </c>
      <c r="AF32780">
        <v>37</v>
      </c>
      <c r="AG32780">
        <v>37</v>
      </c>
      <c r="AH32780">
        <v>37</v>
      </c>
      <c r="AI32780">
        <v>37</v>
      </c>
      <c r="AJ32780">
        <v>37</v>
      </c>
      <c r="AK32780">
        <v>37</v>
      </c>
      <c r="AL32780">
        <v>37</v>
      </c>
      <c r="AM32780">
        <v>37</v>
      </c>
      <c r="AN32780">
        <v>37</v>
      </c>
      <c r="AO32780">
        <v>37</v>
      </c>
      <c r="AP32780">
        <v>37</v>
      </c>
      <c r="AQ32780">
        <v>37</v>
      </c>
    </row>
    <row r="32781" spans="1:43">
      <c r="A32781" t="s">
        <v>20313</v>
      </c>
      <c r="B32781" t="s">
        <v>20314</v>
      </c>
      <c r="C32781" t="s">
        <v>20309</v>
      </c>
      <c r="D32781" t="s">
        <v>20310</v>
      </c>
      <c r="E32781" t="s">
        <v>20253</v>
      </c>
      <c r="F32781" t="s">
        <v>20254</v>
      </c>
      <c r="G32781" t="s">
        <v>20255</v>
      </c>
      <c r="H32781" t="s">
        <v>20256</v>
      </c>
      <c r="I32781" s="2">
        <v>1</v>
      </c>
      <c r="J32781" s="2">
        <v>0</v>
      </c>
      <c r="K32781" s="2">
        <v>0</v>
      </c>
      <c r="L32781" t="s">
        <v>120</v>
      </c>
      <c r="M32781" t="s">
        <v>83</v>
      </c>
      <c r="N32781" t="s">
        <v>91</v>
      </c>
      <c r="O32781" t="s">
        <v>85</v>
      </c>
      <c r="P32781" t="s">
        <v>86</v>
      </c>
      <c r="Q32781">
        <v>30</v>
      </c>
      <c r="R32781">
        <v>30</v>
      </c>
      <c r="S32781">
        <v>30</v>
      </c>
      <c r="T32781">
        <v>31</v>
      </c>
      <c r="U32781">
        <v>31</v>
      </c>
      <c r="V32781">
        <v>31</v>
      </c>
      <c r="W32781">
        <v>32</v>
      </c>
      <c r="X32781">
        <v>32</v>
      </c>
      <c r="Y32781">
        <v>32</v>
      </c>
      <c r="Z32781">
        <v>33</v>
      </c>
      <c r="AA32781">
        <v>33</v>
      </c>
      <c r="AB32781">
        <v>33</v>
      </c>
      <c r="AC32781">
        <v>33</v>
      </c>
      <c r="AD32781">
        <v>34</v>
      </c>
      <c r="AE32781">
        <v>34</v>
      </c>
      <c r="AF32781">
        <v>34</v>
      </c>
      <c r="AG32781">
        <v>35</v>
      </c>
      <c r="AH32781">
        <v>35</v>
      </c>
      <c r="AI32781">
        <v>36</v>
      </c>
      <c r="AJ32781">
        <v>36</v>
      </c>
      <c r="AK32781">
        <v>36</v>
      </c>
      <c r="AL32781">
        <v>36</v>
      </c>
      <c r="AM32781">
        <v>36</v>
      </c>
      <c r="AN32781">
        <v>37</v>
      </c>
      <c r="AO32781">
        <v>37</v>
      </c>
      <c r="AP32781">
        <v>37</v>
      </c>
      <c r="AQ32781">
        <v>37</v>
      </c>
    </row>
    <row r="32782" spans="1:43">
      <c r="A32782" t="s">
        <v>20315</v>
      </c>
      <c r="B32782" t="s">
        <v>20316</v>
      </c>
      <c r="C32782" t="s">
        <v>20317</v>
      </c>
      <c r="D32782" t="s">
        <v>20318</v>
      </c>
      <c r="E32782" t="s">
        <v>20253</v>
      </c>
      <c r="F32782" t="s">
        <v>20254</v>
      </c>
      <c r="G32782" t="s">
        <v>20255</v>
      </c>
      <c r="H32782" t="s">
        <v>20256</v>
      </c>
      <c r="I32782" s="2">
        <v>1</v>
      </c>
      <c r="J32782" s="2">
        <v>0</v>
      </c>
      <c r="K32782" s="2">
        <v>0</v>
      </c>
      <c r="L32782" t="s">
        <v>120</v>
      </c>
      <c r="M32782" t="s">
        <v>83</v>
      </c>
      <c r="N32782" t="s">
        <v>84</v>
      </c>
      <c r="O32782" t="s">
        <v>85</v>
      </c>
      <c r="P32782" t="s">
        <v>86</v>
      </c>
      <c r="Q32782">
        <v>49</v>
      </c>
      <c r="R32782">
        <v>50</v>
      </c>
      <c r="S32782">
        <v>50</v>
      </c>
      <c r="T32782">
        <v>51</v>
      </c>
      <c r="U32782">
        <v>51</v>
      </c>
      <c r="V32782">
        <v>52</v>
      </c>
      <c r="W32782">
        <v>52</v>
      </c>
      <c r="X32782">
        <v>53</v>
      </c>
      <c r="Y32782">
        <v>53</v>
      </c>
      <c r="Z32782">
        <v>54</v>
      </c>
      <c r="AA32782">
        <v>54</v>
      </c>
      <c r="AB32782">
        <v>55</v>
      </c>
      <c r="AC32782">
        <v>55</v>
      </c>
      <c r="AD32782">
        <v>55</v>
      </c>
      <c r="AE32782">
        <v>56</v>
      </c>
      <c r="AF32782">
        <v>56</v>
      </c>
      <c r="AG32782">
        <v>57</v>
      </c>
      <c r="AH32782">
        <v>57</v>
      </c>
      <c r="AI32782">
        <v>58</v>
      </c>
      <c r="AJ32782">
        <v>58</v>
      </c>
      <c r="AK32782">
        <v>59</v>
      </c>
      <c r="AL32782">
        <v>59</v>
      </c>
      <c r="AM32782">
        <v>59</v>
      </c>
      <c r="AN32782">
        <v>59</v>
      </c>
      <c r="AO32782">
        <v>59</v>
      </c>
      <c r="AP32782">
        <v>59</v>
      </c>
      <c r="AQ32782">
        <v>59</v>
      </c>
    </row>
    <row r="32783" spans="1:43">
      <c r="A32783" t="s">
        <v>20315</v>
      </c>
      <c r="B32783" t="s">
        <v>20316</v>
      </c>
      <c r="C32783" t="s">
        <v>20317</v>
      </c>
      <c r="D32783" t="s">
        <v>20318</v>
      </c>
      <c r="E32783" t="s">
        <v>20253</v>
      </c>
      <c r="F32783" t="s">
        <v>20254</v>
      </c>
      <c r="G32783" t="s">
        <v>20255</v>
      </c>
      <c r="H32783" t="s">
        <v>20256</v>
      </c>
      <c r="I32783" s="2">
        <v>1</v>
      </c>
      <c r="J32783" s="2">
        <v>0</v>
      </c>
      <c r="K32783" s="2">
        <v>0</v>
      </c>
      <c r="L32783" t="s">
        <v>120</v>
      </c>
      <c r="M32783" t="s">
        <v>87</v>
      </c>
      <c r="N32783" t="s">
        <v>88</v>
      </c>
      <c r="O32783" t="s">
        <v>85</v>
      </c>
      <c r="P32783" t="s">
        <v>86</v>
      </c>
      <c r="Q32783">
        <v>49</v>
      </c>
      <c r="R32783">
        <v>49</v>
      </c>
      <c r="S32783">
        <v>49</v>
      </c>
      <c r="T32783">
        <v>49</v>
      </c>
      <c r="U32783">
        <v>49</v>
      </c>
      <c r="V32783">
        <v>49</v>
      </c>
      <c r="W32783">
        <v>49</v>
      </c>
      <c r="X32783">
        <v>49</v>
      </c>
      <c r="Y32783">
        <v>49</v>
      </c>
      <c r="Z32783">
        <v>49</v>
      </c>
      <c r="AA32783">
        <v>49</v>
      </c>
      <c r="AB32783">
        <v>49</v>
      </c>
      <c r="AC32783">
        <v>49</v>
      </c>
      <c r="AD32783">
        <v>49</v>
      </c>
      <c r="AE32783">
        <v>49</v>
      </c>
      <c r="AF32783">
        <v>50</v>
      </c>
      <c r="AG32783">
        <v>50</v>
      </c>
      <c r="AH32783">
        <v>50</v>
      </c>
      <c r="AI32783">
        <v>50</v>
      </c>
      <c r="AJ32783">
        <v>50</v>
      </c>
      <c r="AK32783">
        <v>50</v>
      </c>
      <c r="AL32783">
        <v>50</v>
      </c>
      <c r="AM32783">
        <v>50</v>
      </c>
      <c r="AN32783">
        <v>50</v>
      </c>
      <c r="AO32783">
        <v>50</v>
      </c>
      <c r="AP32783">
        <v>50</v>
      </c>
      <c r="AQ32783">
        <v>51</v>
      </c>
    </row>
    <row r="32784" spans="1:43">
      <c r="A32784" t="s">
        <v>20315</v>
      </c>
      <c r="B32784" t="s">
        <v>20316</v>
      </c>
      <c r="C32784" t="s">
        <v>20317</v>
      </c>
      <c r="D32784" t="s">
        <v>20318</v>
      </c>
      <c r="E32784" t="s">
        <v>20253</v>
      </c>
      <c r="F32784" t="s">
        <v>20254</v>
      </c>
      <c r="G32784" t="s">
        <v>20255</v>
      </c>
      <c r="H32784" t="s">
        <v>20256</v>
      </c>
      <c r="I32784" s="2">
        <v>1</v>
      </c>
      <c r="J32784" s="2">
        <v>0</v>
      </c>
      <c r="K32784" s="2">
        <v>0</v>
      </c>
      <c r="L32784" t="s">
        <v>120</v>
      </c>
      <c r="M32784" t="s">
        <v>89</v>
      </c>
      <c r="N32784" t="s">
        <v>90</v>
      </c>
      <c r="O32784" t="s">
        <v>85</v>
      </c>
      <c r="P32784" t="s">
        <v>86</v>
      </c>
      <c r="Q32784">
        <v>49</v>
      </c>
      <c r="R32784">
        <v>50</v>
      </c>
      <c r="S32784">
        <v>51</v>
      </c>
      <c r="T32784">
        <v>52</v>
      </c>
      <c r="U32784">
        <v>52</v>
      </c>
      <c r="V32784">
        <v>53</v>
      </c>
      <c r="W32784">
        <v>54</v>
      </c>
      <c r="X32784">
        <v>55</v>
      </c>
      <c r="Y32784">
        <v>55</v>
      </c>
      <c r="Z32784">
        <v>56</v>
      </c>
      <c r="AA32784">
        <v>57</v>
      </c>
      <c r="AB32784">
        <v>57</v>
      </c>
      <c r="AC32784">
        <v>58</v>
      </c>
      <c r="AD32784">
        <v>59</v>
      </c>
      <c r="AE32784">
        <v>59</v>
      </c>
      <c r="AF32784">
        <v>59</v>
      </c>
      <c r="AG32784">
        <v>59</v>
      </c>
      <c r="AH32784">
        <v>59</v>
      </c>
      <c r="AI32784">
        <v>59</v>
      </c>
      <c r="AJ32784">
        <v>58</v>
      </c>
      <c r="AK32784">
        <v>58</v>
      </c>
      <c r="AL32784">
        <v>58</v>
      </c>
      <c r="AM32784">
        <v>58</v>
      </c>
      <c r="AN32784">
        <v>58</v>
      </c>
      <c r="AO32784">
        <v>58</v>
      </c>
      <c r="AP32784">
        <v>58</v>
      </c>
      <c r="AQ32784">
        <v>58</v>
      </c>
    </row>
    <row r="32785" spans="1:43">
      <c r="A32785" t="s">
        <v>20315</v>
      </c>
      <c r="B32785" t="s">
        <v>20316</v>
      </c>
      <c r="C32785" t="s">
        <v>20317</v>
      </c>
      <c r="D32785" t="s">
        <v>20318</v>
      </c>
      <c r="E32785" t="s">
        <v>20253</v>
      </c>
      <c r="F32785" t="s">
        <v>20254</v>
      </c>
      <c r="G32785" t="s">
        <v>20255</v>
      </c>
      <c r="H32785" t="s">
        <v>20256</v>
      </c>
      <c r="I32785" s="2">
        <v>1</v>
      </c>
      <c r="J32785" s="2">
        <v>0</v>
      </c>
      <c r="K32785" s="2">
        <v>0</v>
      </c>
      <c r="L32785" t="s">
        <v>120</v>
      </c>
      <c r="M32785" t="s">
        <v>83</v>
      </c>
      <c r="N32785" t="s">
        <v>91</v>
      </c>
      <c r="O32785" t="s">
        <v>85</v>
      </c>
      <c r="P32785" t="s">
        <v>86</v>
      </c>
      <c r="Q32785">
        <v>49</v>
      </c>
      <c r="R32785">
        <v>50</v>
      </c>
      <c r="S32785">
        <v>50</v>
      </c>
      <c r="T32785">
        <v>51</v>
      </c>
      <c r="U32785">
        <v>51</v>
      </c>
      <c r="V32785">
        <v>52</v>
      </c>
      <c r="W32785">
        <v>52</v>
      </c>
      <c r="X32785">
        <v>53</v>
      </c>
      <c r="Y32785">
        <v>53</v>
      </c>
      <c r="Z32785">
        <v>54</v>
      </c>
      <c r="AA32785">
        <v>54</v>
      </c>
      <c r="AB32785">
        <v>55</v>
      </c>
      <c r="AC32785">
        <v>55</v>
      </c>
      <c r="AD32785">
        <v>55</v>
      </c>
      <c r="AE32785">
        <v>56</v>
      </c>
      <c r="AF32785">
        <v>56</v>
      </c>
      <c r="AG32785">
        <v>57</v>
      </c>
      <c r="AH32785">
        <v>57</v>
      </c>
      <c r="AI32785">
        <v>58</v>
      </c>
      <c r="AJ32785">
        <v>58</v>
      </c>
      <c r="AK32785">
        <v>59</v>
      </c>
      <c r="AL32785">
        <v>59</v>
      </c>
      <c r="AM32785">
        <v>59</v>
      </c>
      <c r="AN32785">
        <v>59</v>
      </c>
      <c r="AO32785">
        <v>59</v>
      </c>
      <c r="AP32785">
        <v>59</v>
      </c>
      <c r="AQ32785">
        <v>59</v>
      </c>
    </row>
    <row r="32786" spans="1:43">
      <c r="A32786" t="s">
        <v>20319</v>
      </c>
      <c r="B32786" t="s">
        <v>20320</v>
      </c>
      <c r="C32786" t="s">
        <v>20317</v>
      </c>
      <c r="D32786" t="s">
        <v>20318</v>
      </c>
      <c r="E32786" t="s">
        <v>20253</v>
      </c>
      <c r="F32786" t="s">
        <v>20254</v>
      </c>
      <c r="G32786" t="s">
        <v>20255</v>
      </c>
      <c r="H32786" t="s">
        <v>20256</v>
      </c>
      <c r="I32786" s="2">
        <v>1</v>
      </c>
      <c r="J32786" s="2">
        <v>0</v>
      </c>
      <c r="K32786" s="2">
        <v>0</v>
      </c>
      <c r="L32786" t="s">
        <v>120</v>
      </c>
      <c r="M32786" t="s">
        <v>83</v>
      </c>
      <c r="N32786" t="s">
        <v>84</v>
      </c>
      <c r="O32786" t="s">
        <v>85</v>
      </c>
      <c r="P32786" t="s">
        <v>86</v>
      </c>
      <c r="Q32786">
        <v>72</v>
      </c>
      <c r="R32786">
        <v>72</v>
      </c>
      <c r="S32786">
        <v>73</v>
      </c>
      <c r="T32786">
        <v>74</v>
      </c>
      <c r="U32786">
        <v>75</v>
      </c>
      <c r="V32786">
        <v>76</v>
      </c>
      <c r="W32786">
        <v>76</v>
      </c>
      <c r="X32786">
        <v>77</v>
      </c>
      <c r="Y32786">
        <v>78</v>
      </c>
      <c r="Z32786">
        <v>79</v>
      </c>
      <c r="AA32786">
        <v>79</v>
      </c>
      <c r="AB32786">
        <v>80</v>
      </c>
      <c r="AC32786">
        <v>81</v>
      </c>
      <c r="AD32786">
        <v>82</v>
      </c>
      <c r="AE32786">
        <v>83</v>
      </c>
      <c r="AF32786">
        <v>83</v>
      </c>
      <c r="AG32786">
        <v>84</v>
      </c>
      <c r="AH32786">
        <v>85</v>
      </c>
      <c r="AI32786">
        <v>86</v>
      </c>
      <c r="AJ32786">
        <v>87</v>
      </c>
      <c r="AK32786">
        <v>87</v>
      </c>
      <c r="AL32786">
        <v>88</v>
      </c>
      <c r="AM32786">
        <v>88</v>
      </c>
      <c r="AN32786">
        <v>88</v>
      </c>
      <c r="AO32786">
        <v>88</v>
      </c>
      <c r="AP32786">
        <v>88</v>
      </c>
      <c r="AQ32786">
        <v>88</v>
      </c>
    </row>
    <row r="32787" spans="1:43">
      <c r="A32787" t="s">
        <v>20319</v>
      </c>
      <c r="B32787" t="s">
        <v>20320</v>
      </c>
      <c r="C32787" t="s">
        <v>20317</v>
      </c>
      <c r="D32787" t="s">
        <v>20318</v>
      </c>
      <c r="E32787" t="s">
        <v>20253</v>
      </c>
      <c r="F32787" t="s">
        <v>20254</v>
      </c>
      <c r="G32787" t="s">
        <v>20255</v>
      </c>
      <c r="H32787" t="s">
        <v>20256</v>
      </c>
      <c r="I32787" s="2">
        <v>1</v>
      </c>
      <c r="J32787" s="2">
        <v>0</v>
      </c>
      <c r="K32787" s="2">
        <v>0</v>
      </c>
      <c r="L32787" t="s">
        <v>120</v>
      </c>
      <c r="M32787" t="s">
        <v>87</v>
      </c>
      <c r="N32787" t="s">
        <v>88</v>
      </c>
      <c r="O32787" t="s">
        <v>85</v>
      </c>
      <c r="P32787" t="s">
        <v>86</v>
      </c>
      <c r="Q32787">
        <v>72</v>
      </c>
      <c r="R32787">
        <v>72</v>
      </c>
      <c r="S32787">
        <v>72</v>
      </c>
      <c r="T32787">
        <v>72</v>
      </c>
      <c r="U32787">
        <v>73</v>
      </c>
      <c r="V32787">
        <v>73</v>
      </c>
      <c r="W32787">
        <v>73</v>
      </c>
      <c r="X32787">
        <v>73</v>
      </c>
      <c r="Y32787">
        <v>73</v>
      </c>
      <c r="Z32787">
        <v>73</v>
      </c>
      <c r="AA32787">
        <v>73</v>
      </c>
      <c r="AB32787">
        <v>74</v>
      </c>
      <c r="AC32787">
        <v>74</v>
      </c>
      <c r="AD32787">
        <v>74</v>
      </c>
      <c r="AE32787">
        <v>74</v>
      </c>
      <c r="AF32787">
        <v>74</v>
      </c>
      <c r="AG32787">
        <v>74</v>
      </c>
      <c r="AH32787">
        <v>75</v>
      </c>
      <c r="AI32787">
        <v>75</v>
      </c>
      <c r="AJ32787">
        <v>75</v>
      </c>
      <c r="AK32787">
        <v>75</v>
      </c>
      <c r="AL32787">
        <v>76</v>
      </c>
      <c r="AM32787">
        <v>76</v>
      </c>
      <c r="AN32787">
        <v>76</v>
      </c>
      <c r="AO32787">
        <v>77</v>
      </c>
      <c r="AP32787">
        <v>77</v>
      </c>
      <c r="AQ32787">
        <v>77</v>
      </c>
    </row>
    <row r="32788" spans="1:43">
      <c r="A32788" t="s">
        <v>20319</v>
      </c>
      <c r="B32788" t="s">
        <v>20320</v>
      </c>
      <c r="C32788" t="s">
        <v>20317</v>
      </c>
      <c r="D32788" t="s">
        <v>20318</v>
      </c>
      <c r="E32788" t="s">
        <v>20253</v>
      </c>
      <c r="F32788" t="s">
        <v>20254</v>
      </c>
      <c r="G32788" t="s">
        <v>20255</v>
      </c>
      <c r="H32788" t="s">
        <v>20256</v>
      </c>
      <c r="I32788" s="2">
        <v>1</v>
      </c>
      <c r="J32788" s="2">
        <v>0</v>
      </c>
      <c r="K32788" s="2">
        <v>0</v>
      </c>
      <c r="L32788" t="s">
        <v>120</v>
      </c>
      <c r="M32788" t="s">
        <v>89</v>
      </c>
      <c r="N32788" t="s">
        <v>90</v>
      </c>
      <c r="O32788" t="s">
        <v>85</v>
      </c>
      <c r="P32788" t="s">
        <v>86</v>
      </c>
      <c r="Q32788">
        <v>72</v>
      </c>
      <c r="R32788">
        <v>74</v>
      </c>
      <c r="S32788">
        <v>75</v>
      </c>
      <c r="T32788">
        <v>77</v>
      </c>
      <c r="U32788">
        <v>78</v>
      </c>
      <c r="V32788">
        <v>79</v>
      </c>
      <c r="W32788">
        <v>80</v>
      </c>
      <c r="X32788">
        <v>81</v>
      </c>
      <c r="Y32788">
        <v>83</v>
      </c>
      <c r="Z32788">
        <v>84</v>
      </c>
      <c r="AA32788">
        <v>85</v>
      </c>
      <c r="AB32788">
        <v>86</v>
      </c>
      <c r="AC32788">
        <v>87</v>
      </c>
      <c r="AD32788">
        <v>88</v>
      </c>
      <c r="AE32788">
        <v>89</v>
      </c>
      <c r="AF32788">
        <v>89</v>
      </c>
      <c r="AG32788">
        <v>89</v>
      </c>
      <c r="AH32788">
        <v>89</v>
      </c>
      <c r="AI32788">
        <v>89</v>
      </c>
      <c r="AJ32788">
        <v>89</v>
      </c>
      <c r="AK32788">
        <v>89</v>
      </c>
      <c r="AL32788">
        <v>89</v>
      </c>
      <c r="AM32788">
        <v>89</v>
      </c>
      <c r="AN32788">
        <v>89</v>
      </c>
      <c r="AO32788">
        <v>89</v>
      </c>
      <c r="AP32788">
        <v>89</v>
      </c>
      <c r="AQ32788">
        <v>89</v>
      </c>
    </row>
    <row r="32789" spans="1:43">
      <c r="A32789" t="s">
        <v>20319</v>
      </c>
      <c r="B32789" t="s">
        <v>20320</v>
      </c>
      <c r="C32789" t="s">
        <v>20317</v>
      </c>
      <c r="D32789" t="s">
        <v>20318</v>
      </c>
      <c r="E32789" t="s">
        <v>20253</v>
      </c>
      <c r="F32789" t="s">
        <v>20254</v>
      </c>
      <c r="G32789" t="s">
        <v>20255</v>
      </c>
      <c r="H32789" t="s">
        <v>20256</v>
      </c>
      <c r="I32789" s="2">
        <v>1</v>
      </c>
      <c r="J32789" s="2">
        <v>0</v>
      </c>
      <c r="K32789" s="2">
        <v>0</v>
      </c>
      <c r="L32789" t="s">
        <v>120</v>
      </c>
      <c r="M32789" t="s">
        <v>83</v>
      </c>
      <c r="N32789" t="s">
        <v>91</v>
      </c>
      <c r="O32789" t="s">
        <v>85</v>
      </c>
      <c r="P32789" t="s">
        <v>86</v>
      </c>
      <c r="Q32789">
        <v>72</v>
      </c>
      <c r="R32789">
        <v>72</v>
      </c>
      <c r="S32789">
        <v>73</v>
      </c>
      <c r="T32789">
        <v>74</v>
      </c>
      <c r="U32789">
        <v>75</v>
      </c>
      <c r="V32789">
        <v>76</v>
      </c>
      <c r="W32789">
        <v>76</v>
      </c>
      <c r="X32789">
        <v>77</v>
      </c>
      <c r="Y32789">
        <v>78</v>
      </c>
      <c r="Z32789">
        <v>79</v>
      </c>
      <c r="AA32789">
        <v>79</v>
      </c>
      <c r="AB32789">
        <v>80</v>
      </c>
      <c r="AC32789">
        <v>81</v>
      </c>
      <c r="AD32789">
        <v>82</v>
      </c>
      <c r="AE32789">
        <v>83</v>
      </c>
      <c r="AF32789">
        <v>83</v>
      </c>
      <c r="AG32789">
        <v>84</v>
      </c>
      <c r="AH32789">
        <v>85</v>
      </c>
      <c r="AI32789">
        <v>86</v>
      </c>
      <c r="AJ32789">
        <v>87</v>
      </c>
      <c r="AK32789">
        <v>87</v>
      </c>
      <c r="AL32789">
        <v>88</v>
      </c>
      <c r="AM32789">
        <v>88</v>
      </c>
      <c r="AN32789">
        <v>88</v>
      </c>
      <c r="AO32789">
        <v>88</v>
      </c>
      <c r="AP32789">
        <v>88</v>
      </c>
      <c r="AQ32789">
        <v>88</v>
      </c>
    </row>
    <row r="32790" spans="1:43">
      <c r="A32790" t="s">
        <v>20321</v>
      </c>
      <c r="B32790" t="s">
        <v>20322</v>
      </c>
      <c r="C32790" t="s">
        <v>20269</v>
      </c>
      <c r="D32790" t="s">
        <v>20270</v>
      </c>
      <c r="E32790" t="s">
        <v>20253</v>
      </c>
      <c r="F32790" t="s">
        <v>20254</v>
      </c>
      <c r="G32790" t="s">
        <v>20255</v>
      </c>
      <c r="H32790" t="s">
        <v>20256</v>
      </c>
      <c r="I32790" s="2">
        <v>1</v>
      </c>
      <c r="J32790" s="2">
        <v>0</v>
      </c>
      <c r="K32790" s="2">
        <v>0</v>
      </c>
      <c r="L32790" t="s">
        <v>120</v>
      </c>
      <c r="M32790" t="s">
        <v>83</v>
      </c>
      <c r="N32790" t="s">
        <v>84</v>
      </c>
      <c r="O32790" t="s">
        <v>85</v>
      </c>
      <c r="P32790" t="s">
        <v>86</v>
      </c>
      <c r="Q32790">
        <v>70</v>
      </c>
      <c r="R32790">
        <v>71</v>
      </c>
      <c r="S32790">
        <v>72</v>
      </c>
      <c r="T32790">
        <v>73</v>
      </c>
      <c r="U32790">
        <v>74</v>
      </c>
      <c r="V32790">
        <v>75</v>
      </c>
      <c r="W32790">
        <v>76</v>
      </c>
      <c r="X32790">
        <v>77</v>
      </c>
      <c r="Y32790">
        <v>78</v>
      </c>
      <c r="Z32790">
        <v>78</v>
      </c>
      <c r="AA32790">
        <v>79</v>
      </c>
      <c r="AB32790">
        <v>80</v>
      </c>
      <c r="AC32790">
        <v>81</v>
      </c>
      <c r="AD32790">
        <v>82</v>
      </c>
      <c r="AE32790">
        <v>83</v>
      </c>
      <c r="AF32790">
        <v>84</v>
      </c>
      <c r="AG32790">
        <v>85</v>
      </c>
      <c r="AH32790">
        <v>86</v>
      </c>
      <c r="AI32790">
        <v>87</v>
      </c>
      <c r="AJ32790">
        <v>87</v>
      </c>
      <c r="AK32790">
        <v>88</v>
      </c>
      <c r="AL32790">
        <v>89</v>
      </c>
      <c r="AM32790">
        <v>89</v>
      </c>
      <c r="AN32790">
        <v>90</v>
      </c>
      <c r="AO32790">
        <v>90</v>
      </c>
      <c r="AP32790">
        <v>90</v>
      </c>
      <c r="AQ32790">
        <v>91</v>
      </c>
    </row>
    <row r="32791" spans="1:43">
      <c r="A32791" t="s">
        <v>20321</v>
      </c>
      <c r="B32791" t="s">
        <v>20322</v>
      </c>
      <c r="C32791" t="s">
        <v>20269</v>
      </c>
      <c r="D32791" t="s">
        <v>20270</v>
      </c>
      <c r="E32791" t="s">
        <v>20253</v>
      </c>
      <c r="F32791" t="s">
        <v>20254</v>
      </c>
      <c r="G32791" t="s">
        <v>20255</v>
      </c>
      <c r="H32791" t="s">
        <v>20256</v>
      </c>
      <c r="I32791" s="2">
        <v>1</v>
      </c>
      <c r="J32791" s="2">
        <v>0</v>
      </c>
      <c r="K32791" s="2">
        <v>0</v>
      </c>
      <c r="L32791" t="s">
        <v>120</v>
      </c>
      <c r="M32791" t="s">
        <v>87</v>
      </c>
      <c r="N32791" t="s">
        <v>88</v>
      </c>
      <c r="O32791" t="s">
        <v>85</v>
      </c>
      <c r="P32791" t="s">
        <v>86</v>
      </c>
      <c r="Q32791">
        <v>70</v>
      </c>
      <c r="R32791">
        <v>70</v>
      </c>
      <c r="S32791">
        <v>70</v>
      </c>
      <c r="T32791">
        <v>70</v>
      </c>
      <c r="U32791">
        <v>71</v>
      </c>
      <c r="V32791">
        <v>71</v>
      </c>
      <c r="W32791">
        <v>71</v>
      </c>
      <c r="X32791">
        <v>71</v>
      </c>
      <c r="Y32791">
        <v>72</v>
      </c>
      <c r="Z32791">
        <v>72</v>
      </c>
      <c r="AA32791">
        <v>72</v>
      </c>
      <c r="AB32791">
        <v>73</v>
      </c>
      <c r="AC32791">
        <v>73</v>
      </c>
      <c r="AD32791">
        <v>73</v>
      </c>
      <c r="AE32791">
        <v>74</v>
      </c>
      <c r="AF32791">
        <v>74</v>
      </c>
      <c r="AG32791">
        <v>74</v>
      </c>
      <c r="AH32791">
        <v>75</v>
      </c>
      <c r="AI32791">
        <v>75</v>
      </c>
      <c r="AJ32791">
        <v>75</v>
      </c>
      <c r="AK32791">
        <v>76</v>
      </c>
      <c r="AL32791">
        <v>76</v>
      </c>
      <c r="AM32791">
        <v>77</v>
      </c>
      <c r="AN32791">
        <v>77</v>
      </c>
      <c r="AO32791">
        <v>78</v>
      </c>
      <c r="AP32791">
        <v>78</v>
      </c>
      <c r="AQ32791">
        <v>79</v>
      </c>
    </row>
    <row r="32792" spans="1:43">
      <c r="A32792" t="s">
        <v>20321</v>
      </c>
      <c r="B32792" t="s">
        <v>20322</v>
      </c>
      <c r="C32792" t="s">
        <v>20269</v>
      </c>
      <c r="D32792" t="s">
        <v>20270</v>
      </c>
      <c r="E32792" t="s">
        <v>20253</v>
      </c>
      <c r="F32792" t="s">
        <v>20254</v>
      </c>
      <c r="G32792" t="s">
        <v>20255</v>
      </c>
      <c r="H32792" t="s">
        <v>20256</v>
      </c>
      <c r="I32792" s="2">
        <v>1</v>
      </c>
      <c r="J32792" s="2">
        <v>0</v>
      </c>
      <c r="K32792" s="2">
        <v>0</v>
      </c>
      <c r="L32792" t="s">
        <v>120</v>
      </c>
      <c r="M32792" t="s">
        <v>89</v>
      </c>
      <c r="N32792" t="s">
        <v>90</v>
      </c>
      <c r="O32792" t="s">
        <v>85</v>
      </c>
      <c r="P32792" t="s">
        <v>86</v>
      </c>
      <c r="Q32792">
        <v>70</v>
      </c>
      <c r="R32792">
        <v>71</v>
      </c>
      <c r="S32792">
        <v>73</v>
      </c>
      <c r="T32792">
        <v>74</v>
      </c>
      <c r="U32792">
        <v>76</v>
      </c>
      <c r="V32792">
        <v>77</v>
      </c>
      <c r="W32792">
        <v>78</v>
      </c>
      <c r="X32792">
        <v>80</v>
      </c>
      <c r="Y32792">
        <v>81</v>
      </c>
      <c r="Z32792">
        <v>82</v>
      </c>
      <c r="AA32792">
        <v>83</v>
      </c>
      <c r="AB32792">
        <v>84</v>
      </c>
      <c r="AC32792">
        <v>86</v>
      </c>
      <c r="AD32792">
        <v>87</v>
      </c>
      <c r="AE32792">
        <v>88</v>
      </c>
      <c r="AF32792">
        <v>88</v>
      </c>
      <c r="AG32792">
        <v>88</v>
      </c>
      <c r="AH32792">
        <v>88</v>
      </c>
      <c r="AI32792">
        <v>89</v>
      </c>
      <c r="AJ32792">
        <v>89</v>
      </c>
      <c r="AK32792">
        <v>89</v>
      </c>
      <c r="AL32792">
        <v>89</v>
      </c>
      <c r="AM32792">
        <v>90</v>
      </c>
      <c r="AN32792">
        <v>90</v>
      </c>
      <c r="AO32792">
        <v>90</v>
      </c>
      <c r="AP32792">
        <v>91</v>
      </c>
      <c r="AQ32792">
        <v>91</v>
      </c>
    </row>
    <row r="32793" spans="1:43">
      <c r="A32793" t="s">
        <v>20321</v>
      </c>
      <c r="B32793" t="s">
        <v>20322</v>
      </c>
      <c r="C32793" t="s">
        <v>20269</v>
      </c>
      <c r="D32793" t="s">
        <v>20270</v>
      </c>
      <c r="E32793" t="s">
        <v>20253</v>
      </c>
      <c r="F32793" t="s">
        <v>20254</v>
      </c>
      <c r="G32793" t="s">
        <v>20255</v>
      </c>
      <c r="H32793" t="s">
        <v>20256</v>
      </c>
      <c r="I32793" s="2">
        <v>1</v>
      </c>
      <c r="J32793" s="2">
        <v>0</v>
      </c>
      <c r="K32793" s="2">
        <v>0</v>
      </c>
      <c r="L32793" t="s">
        <v>120</v>
      </c>
      <c r="M32793" t="s">
        <v>83</v>
      </c>
      <c r="N32793" t="s">
        <v>91</v>
      </c>
      <c r="O32793" t="s">
        <v>85</v>
      </c>
      <c r="P32793" t="s">
        <v>86</v>
      </c>
      <c r="Q32793">
        <v>70</v>
      </c>
      <c r="R32793">
        <v>71</v>
      </c>
      <c r="S32793">
        <v>72</v>
      </c>
      <c r="T32793">
        <v>73</v>
      </c>
      <c r="U32793">
        <v>74</v>
      </c>
      <c r="V32793">
        <v>75</v>
      </c>
      <c r="W32793">
        <v>76</v>
      </c>
      <c r="X32793">
        <v>77</v>
      </c>
      <c r="Y32793">
        <v>78</v>
      </c>
      <c r="Z32793">
        <v>78</v>
      </c>
      <c r="AA32793">
        <v>79</v>
      </c>
      <c r="AB32793">
        <v>80</v>
      </c>
      <c r="AC32793">
        <v>81</v>
      </c>
      <c r="AD32793">
        <v>82</v>
      </c>
      <c r="AE32793">
        <v>83</v>
      </c>
      <c r="AF32793">
        <v>84</v>
      </c>
      <c r="AG32793">
        <v>85</v>
      </c>
      <c r="AH32793">
        <v>86</v>
      </c>
      <c r="AI32793">
        <v>87</v>
      </c>
      <c r="AJ32793">
        <v>87</v>
      </c>
      <c r="AK32793">
        <v>88</v>
      </c>
      <c r="AL32793">
        <v>89</v>
      </c>
      <c r="AM32793">
        <v>89</v>
      </c>
      <c r="AN32793">
        <v>90</v>
      </c>
      <c r="AO32793">
        <v>90</v>
      </c>
      <c r="AP32793">
        <v>90</v>
      </c>
      <c r="AQ32793">
        <v>91</v>
      </c>
    </row>
    <row r="32794" spans="1:43">
      <c r="A32794" t="s">
        <v>20323</v>
      </c>
      <c r="B32794" t="s">
        <v>20324</v>
      </c>
      <c r="C32794" t="s">
        <v>20317</v>
      </c>
      <c r="D32794" t="s">
        <v>20318</v>
      </c>
      <c r="E32794" t="s">
        <v>20253</v>
      </c>
      <c r="F32794" t="s">
        <v>20254</v>
      </c>
      <c r="G32794" t="s">
        <v>20255</v>
      </c>
      <c r="H32794" t="s">
        <v>20256</v>
      </c>
      <c r="I32794" s="2">
        <v>1</v>
      </c>
      <c r="J32794" s="2">
        <v>0</v>
      </c>
      <c r="K32794" s="2">
        <v>0</v>
      </c>
      <c r="L32794" t="s">
        <v>120</v>
      </c>
      <c r="M32794" t="s">
        <v>83</v>
      </c>
      <c r="N32794" t="s">
        <v>84</v>
      </c>
      <c r="O32794" t="s">
        <v>85</v>
      </c>
      <c r="P32794" t="s">
        <v>86</v>
      </c>
      <c r="Q32794">
        <v>42</v>
      </c>
      <c r="R32794">
        <v>42</v>
      </c>
      <c r="S32794">
        <v>43</v>
      </c>
      <c r="T32794">
        <v>43</v>
      </c>
      <c r="U32794">
        <v>44</v>
      </c>
      <c r="V32794">
        <v>44</v>
      </c>
      <c r="W32794">
        <v>44</v>
      </c>
      <c r="X32794">
        <v>45</v>
      </c>
      <c r="Y32794">
        <v>45</v>
      </c>
      <c r="Z32794">
        <v>46</v>
      </c>
      <c r="AA32794">
        <v>46</v>
      </c>
      <c r="AB32794">
        <v>47</v>
      </c>
      <c r="AC32794">
        <v>47</v>
      </c>
      <c r="AD32794">
        <v>48</v>
      </c>
      <c r="AE32794">
        <v>48</v>
      </c>
      <c r="AF32794">
        <v>49</v>
      </c>
      <c r="AG32794">
        <v>49</v>
      </c>
      <c r="AH32794">
        <v>50</v>
      </c>
      <c r="AI32794">
        <v>50</v>
      </c>
      <c r="AJ32794">
        <v>51</v>
      </c>
      <c r="AK32794">
        <v>51</v>
      </c>
      <c r="AL32794">
        <v>51</v>
      </c>
      <c r="AM32794">
        <v>51</v>
      </c>
      <c r="AN32794">
        <v>52</v>
      </c>
      <c r="AO32794">
        <v>52</v>
      </c>
      <c r="AP32794">
        <v>52</v>
      </c>
      <c r="AQ32794">
        <v>52</v>
      </c>
    </row>
    <row r="32795" spans="1:43">
      <c r="A32795" t="s">
        <v>20323</v>
      </c>
      <c r="B32795" t="s">
        <v>20324</v>
      </c>
      <c r="C32795" t="s">
        <v>20317</v>
      </c>
      <c r="D32795" t="s">
        <v>20318</v>
      </c>
      <c r="E32795" t="s">
        <v>20253</v>
      </c>
      <c r="F32795" t="s">
        <v>20254</v>
      </c>
      <c r="G32795" t="s">
        <v>20255</v>
      </c>
      <c r="H32795" t="s">
        <v>20256</v>
      </c>
      <c r="I32795" s="2">
        <v>1</v>
      </c>
      <c r="J32795" s="2">
        <v>0</v>
      </c>
      <c r="K32795" s="2">
        <v>0</v>
      </c>
      <c r="L32795" t="s">
        <v>120</v>
      </c>
      <c r="M32795" t="s">
        <v>87</v>
      </c>
      <c r="N32795" t="s">
        <v>88</v>
      </c>
      <c r="O32795" t="s">
        <v>85</v>
      </c>
      <c r="P32795" t="s">
        <v>86</v>
      </c>
      <c r="Q32795">
        <v>42</v>
      </c>
      <c r="R32795">
        <v>42</v>
      </c>
      <c r="S32795">
        <v>42</v>
      </c>
      <c r="T32795">
        <v>42</v>
      </c>
      <c r="U32795">
        <v>43</v>
      </c>
      <c r="V32795">
        <v>43</v>
      </c>
      <c r="W32795">
        <v>43</v>
      </c>
      <c r="X32795">
        <v>43</v>
      </c>
      <c r="Y32795">
        <v>43</v>
      </c>
      <c r="Z32795">
        <v>43</v>
      </c>
      <c r="AA32795">
        <v>43</v>
      </c>
      <c r="AB32795">
        <v>43</v>
      </c>
      <c r="AC32795">
        <v>43</v>
      </c>
      <c r="AD32795">
        <v>44</v>
      </c>
      <c r="AE32795">
        <v>44</v>
      </c>
      <c r="AF32795">
        <v>44</v>
      </c>
      <c r="AG32795">
        <v>44</v>
      </c>
      <c r="AH32795">
        <v>44</v>
      </c>
      <c r="AI32795">
        <v>44</v>
      </c>
      <c r="AJ32795">
        <v>44</v>
      </c>
      <c r="AK32795">
        <v>45</v>
      </c>
      <c r="AL32795">
        <v>45</v>
      </c>
      <c r="AM32795">
        <v>45</v>
      </c>
      <c r="AN32795">
        <v>45</v>
      </c>
      <c r="AO32795">
        <v>45</v>
      </c>
      <c r="AP32795">
        <v>46</v>
      </c>
      <c r="AQ32795">
        <v>46</v>
      </c>
    </row>
    <row r="32796" spans="1:43">
      <c r="A32796" t="s">
        <v>20323</v>
      </c>
      <c r="B32796" t="s">
        <v>20324</v>
      </c>
      <c r="C32796" t="s">
        <v>20317</v>
      </c>
      <c r="D32796" t="s">
        <v>20318</v>
      </c>
      <c r="E32796" t="s">
        <v>20253</v>
      </c>
      <c r="F32796" t="s">
        <v>20254</v>
      </c>
      <c r="G32796" t="s">
        <v>20255</v>
      </c>
      <c r="H32796" t="s">
        <v>20256</v>
      </c>
      <c r="I32796" s="2">
        <v>1</v>
      </c>
      <c r="J32796" s="2">
        <v>0</v>
      </c>
      <c r="K32796" s="2">
        <v>0</v>
      </c>
      <c r="L32796" t="s">
        <v>120</v>
      </c>
      <c r="M32796" t="s">
        <v>89</v>
      </c>
      <c r="N32796" t="s">
        <v>90</v>
      </c>
      <c r="O32796" t="s">
        <v>85</v>
      </c>
      <c r="P32796" t="s">
        <v>86</v>
      </c>
      <c r="Q32796">
        <v>42</v>
      </c>
      <c r="R32796">
        <v>43</v>
      </c>
      <c r="S32796">
        <v>44</v>
      </c>
      <c r="T32796">
        <v>44</v>
      </c>
      <c r="U32796">
        <v>45</v>
      </c>
      <c r="V32796">
        <v>46</v>
      </c>
      <c r="W32796">
        <v>47</v>
      </c>
      <c r="X32796">
        <v>47</v>
      </c>
      <c r="Y32796">
        <v>48</v>
      </c>
      <c r="Z32796">
        <v>49</v>
      </c>
      <c r="AA32796">
        <v>49</v>
      </c>
      <c r="AB32796">
        <v>50</v>
      </c>
      <c r="AC32796">
        <v>51</v>
      </c>
      <c r="AD32796">
        <v>51</v>
      </c>
      <c r="AE32796">
        <v>52</v>
      </c>
      <c r="AF32796">
        <v>52</v>
      </c>
      <c r="AG32796">
        <v>52</v>
      </c>
      <c r="AH32796">
        <v>52</v>
      </c>
      <c r="AI32796">
        <v>52</v>
      </c>
      <c r="AJ32796">
        <v>52</v>
      </c>
      <c r="AK32796">
        <v>52</v>
      </c>
      <c r="AL32796">
        <v>52</v>
      </c>
      <c r="AM32796">
        <v>52</v>
      </c>
      <c r="AN32796">
        <v>52</v>
      </c>
      <c r="AO32796">
        <v>52</v>
      </c>
      <c r="AP32796">
        <v>53</v>
      </c>
      <c r="AQ32796">
        <v>53</v>
      </c>
    </row>
    <row r="32797" spans="1:43">
      <c r="A32797" t="s">
        <v>20323</v>
      </c>
      <c r="B32797" t="s">
        <v>20324</v>
      </c>
      <c r="C32797" t="s">
        <v>20317</v>
      </c>
      <c r="D32797" t="s">
        <v>20318</v>
      </c>
      <c r="E32797" t="s">
        <v>20253</v>
      </c>
      <c r="F32797" t="s">
        <v>20254</v>
      </c>
      <c r="G32797" t="s">
        <v>20255</v>
      </c>
      <c r="H32797" t="s">
        <v>20256</v>
      </c>
      <c r="I32797" s="2">
        <v>1</v>
      </c>
      <c r="J32797" s="2">
        <v>0</v>
      </c>
      <c r="K32797" s="2">
        <v>0</v>
      </c>
      <c r="L32797" t="s">
        <v>120</v>
      </c>
      <c r="M32797" t="s">
        <v>83</v>
      </c>
      <c r="N32797" t="s">
        <v>91</v>
      </c>
      <c r="O32797" t="s">
        <v>85</v>
      </c>
      <c r="P32797" t="s">
        <v>86</v>
      </c>
      <c r="Q32797">
        <v>42</v>
      </c>
      <c r="R32797">
        <v>42</v>
      </c>
      <c r="S32797">
        <v>43</v>
      </c>
      <c r="T32797">
        <v>43</v>
      </c>
      <c r="U32797">
        <v>44</v>
      </c>
      <c r="V32797">
        <v>44</v>
      </c>
      <c r="W32797">
        <v>44</v>
      </c>
      <c r="X32797">
        <v>45</v>
      </c>
      <c r="Y32797">
        <v>45</v>
      </c>
      <c r="Z32797">
        <v>46</v>
      </c>
      <c r="AA32797">
        <v>46</v>
      </c>
      <c r="AB32797">
        <v>47</v>
      </c>
      <c r="AC32797">
        <v>47</v>
      </c>
      <c r="AD32797">
        <v>48</v>
      </c>
      <c r="AE32797">
        <v>48</v>
      </c>
      <c r="AF32797">
        <v>49</v>
      </c>
      <c r="AG32797">
        <v>49</v>
      </c>
      <c r="AH32797">
        <v>50</v>
      </c>
      <c r="AI32797">
        <v>50</v>
      </c>
      <c r="AJ32797">
        <v>51</v>
      </c>
      <c r="AK32797">
        <v>51</v>
      </c>
      <c r="AL32797">
        <v>51</v>
      </c>
      <c r="AM32797">
        <v>51</v>
      </c>
      <c r="AN32797">
        <v>52</v>
      </c>
      <c r="AO32797">
        <v>52</v>
      </c>
      <c r="AP32797">
        <v>52</v>
      </c>
      <c r="AQ32797">
        <v>52</v>
      </c>
    </row>
    <row r="32798" spans="1:43">
      <c r="A32798" t="s">
        <v>20325</v>
      </c>
      <c r="B32798" t="s">
        <v>20326</v>
      </c>
      <c r="C32798" t="s">
        <v>20327</v>
      </c>
      <c r="D32798" t="s">
        <v>20328</v>
      </c>
      <c r="E32798" t="s">
        <v>20253</v>
      </c>
      <c r="F32798" t="s">
        <v>20254</v>
      </c>
      <c r="G32798" t="s">
        <v>20255</v>
      </c>
      <c r="H32798" t="s">
        <v>20256</v>
      </c>
      <c r="I32798" s="2">
        <v>1</v>
      </c>
      <c r="J32798" s="2">
        <v>0</v>
      </c>
      <c r="K32798" s="2">
        <v>0</v>
      </c>
      <c r="L32798" t="s">
        <v>120</v>
      </c>
      <c r="M32798" t="s">
        <v>83</v>
      </c>
      <c r="N32798" t="s">
        <v>84</v>
      </c>
      <c r="O32798" t="s">
        <v>85</v>
      </c>
      <c r="P32798" t="s">
        <v>86</v>
      </c>
      <c r="Q32798">
        <v>19</v>
      </c>
      <c r="R32798">
        <v>19</v>
      </c>
      <c r="S32798">
        <v>19</v>
      </c>
      <c r="T32798">
        <v>20</v>
      </c>
      <c r="U32798">
        <v>20</v>
      </c>
      <c r="V32798">
        <v>20</v>
      </c>
      <c r="W32798">
        <v>20</v>
      </c>
      <c r="X32798">
        <v>21</v>
      </c>
      <c r="Y32798">
        <v>21</v>
      </c>
      <c r="Z32798">
        <v>21</v>
      </c>
      <c r="AA32798">
        <v>21</v>
      </c>
      <c r="AB32798">
        <v>21</v>
      </c>
      <c r="AC32798">
        <v>22</v>
      </c>
      <c r="AD32798">
        <v>22</v>
      </c>
      <c r="AE32798">
        <v>22</v>
      </c>
      <c r="AF32798">
        <v>22</v>
      </c>
      <c r="AG32798">
        <v>23</v>
      </c>
      <c r="AH32798">
        <v>23</v>
      </c>
      <c r="AI32798">
        <v>23</v>
      </c>
      <c r="AJ32798">
        <v>23</v>
      </c>
      <c r="AK32798">
        <v>23</v>
      </c>
      <c r="AL32798">
        <v>24</v>
      </c>
      <c r="AM32798">
        <v>24</v>
      </c>
      <c r="AN32798">
        <v>24</v>
      </c>
      <c r="AO32798">
        <v>24</v>
      </c>
      <c r="AP32798">
        <v>24</v>
      </c>
      <c r="AQ32798">
        <v>24</v>
      </c>
    </row>
    <row r="32799" spans="1:43">
      <c r="A32799" t="s">
        <v>20325</v>
      </c>
      <c r="B32799" t="s">
        <v>20326</v>
      </c>
      <c r="C32799" t="s">
        <v>20327</v>
      </c>
      <c r="D32799" t="s">
        <v>20328</v>
      </c>
      <c r="E32799" t="s">
        <v>20253</v>
      </c>
      <c r="F32799" t="s">
        <v>20254</v>
      </c>
      <c r="G32799" t="s">
        <v>20255</v>
      </c>
      <c r="H32799" t="s">
        <v>20256</v>
      </c>
      <c r="I32799" s="2">
        <v>1</v>
      </c>
      <c r="J32799" s="2">
        <v>0</v>
      </c>
      <c r="K32799" s="2">
        <v>0</v>
      </c>
      <c r="L32799" t="s">
        <v>120</v>
      </c>
      <c r="M32799" t="s">
        <v>87</v>
      </c>
      <c r="N32799" t="s">
        <v>88</v>
      </c>
      <c r="O32799" t="s">
        <v>85</v>
      </c>
      <c r="P32799" t="s">
        <v>86</v>
      </c>
      <c r="Q32799">
        <v>19</v>
      </c>
      <c r="R32799">
        <v>19</v>
      </c>
      <c r="S32799">
        <v>19</v>
      </c>
      <c r="T32799">
        <v>19</v>
      </c>
      <c r="U32799">
        <v>19</v>
      </c>
      <c r="V32799">
        <v>19</v>
      </c>
      <c r="W32799">
        <v>19</v>
      </c>
      <c r="X32799">
        <v>19</v>
      </c>
      <c r="Y32799">
        <v>19</v>
      </c>
      <c r="Z32799">
        <v>19</v>
      </c>
      <c r="AA32799">
        <v>19</v>
      </c>
      <c r="AB32799">
        <v>19</v>
      </c>
      <c r="AC32799">
        <v>19</v>
      </c>
      <c r="AD32799">
        <v>20</v>
      </c>
      <c r="AE32799">
        <v>20</v>
      </c>
      <c r="AF32799">
        <v>20</v>
      </c>
      <c r="AG32799">
        <v>20</v>
      </c>
      <c r="AH32799">
        <v>20</v>
      </c>
      <c r="AI32799">
        <v>20</v>
      </c>
      <c r="AJ32799">
        <v>20</v>
      </c>
      <c r="AK32799">
        <v>20</v>
      </c>
      <c r="AL32799">
        <v>20</v>
      </c>
      <c r="AM32799">
        <v>20</v>
      </c>
      <c r="AN32799">
        <v>20</v>
      </c>
      <c r="AO32799">
        <v>20</v>
      </c>
      <c r="AP32799">
        <v>21</v>
      </c>
      <c r="AQ32799">
        <v>21</v>
      </c>
    </row>
    <row r="32800" spans="1:43">
      <c r="A32800" t="s">
        <v>20325</v>
      </c>
      <c r="B32800" t="s">
        <v>20326</v>
      </c>
      <c r="C32800" t="s">
        <v>20327</v>
      </c>
      <c r="D32800" t="s">
        <v>20328</v>
      </c>
      <c r="E32800" t="s">
        <v>20253</v>
      </c>
      <c r="F32800" t="s">
        <v>20254</v>
      </c>
      <c r="G32800" t="s">
        <v>20255</v>
      </c>
      <c r="H32800" t="s">
        <v>20256</v>
      </c>
      <c r="I32800" s="2">
        <v>1</v>
      </c>
      <c r="J32800" s="2">
        <v>0</v>
      </c>
      <c r="K32800" s="2">
        <v>0</v>
      </c>
      <c r="L32800" t="s">
        <v>120</v>
      </c>
      <c r="M32800" t="s">
        <v>89</v>
      </c>
      <c r="N32800" t="s">
        <v>90</v>
      </c>
      <c r="O32800" t="s">
        <v>85</v>
      </c>
      <c r="P32800" t="s">
        <v>86</v>
      </c>
      <c r="Q32800">
        <v>19</v>
      </c>
      <c r="R32800">
        <v>20</v>
      </c>
      <c r="S32800">
        <v>20</v>
      </c>
      <c r="T32800">
        <v>20</v>
      </c>
      <c r="U32800">
        <v>21</v>
      </c>
      <c r="V32800">
        <v>21</v>
      </c>
      <c r="W32800">
        <v>21</v>
      </c>
      <c r="X32800">
        <v>22</v>
      </c>
      <c r="Y32800">
        <v>22</v>
      </c>
      <c r="Z32800">
        <v>22</v>
      </c>
      <c r="AA32800">
        <v>23</v>
      </c>
      <c r="AB32800">
        <v>23</v>
      </c>
      <c r="AC32800">
        <v>23</v>
      </c>
      <c r="AD32800">
        <v>23</v>
      </c>
      <c r="AE32800">
        <v>24</v>
      </c>
      <c r="AF32800">
        <v>24</v>
      </c>
      <c r="AG32800">
        <v>24</v>
      </c>
      <c r="AH32800">
        <v>24</v>
      </c>
      <c r="AI32800">
        <v>24</v>
      </c>
      <c r="AJ32800">
        <v>24</v>
      </c>
      <c r="AK32800">
        <v>24</v>
      </c>
      <c r="AL32800">
        <v>24</v>
      </c>
      <c r="AM32800">
        <v>24</v>
      </c>
      <c r="AN32800">
        <v>24</v>
      </c>
      <c r="AO32800">
        <v>24</v>
      </c>
      <c r="AP32800">
        <v>24</v>
      </c>
      <c r="AQ32800">
        <v>24</v>
      </c>
    </row>
    <row r="32801" spans="1:43">
      <c r="A32801" t="s">
        <v>20325</v>
      </c>
      <c r="B32801" t="s">
        <v>20326</v>
      </c>
      <c r="C32801" t="s">
        <v>20327</v>
      </c>
      <c r="D32801" t="s">
        <v>20328</v>
      </c>
      <c r="E32801" t="s">
        <v>20253</v>
      </c>
      <c r="F32801" t="s">
        <v>20254</v>
      </c>
      <c r="G32801" t="s">
        <v>20255</v>
      </c>
      <c r="H32801" t="s">
        <v>20256</v>
      </c>
      <c r="I32801" s="2">
        <v>1</v>
      </c>
      <c r="J32801" s="2">
        <v>0</v>
      </c>
      <c r="K32801" s="2">
        <v>0</v>
      </c>
      <c r="L32801" t="s">
        <v>120</v>
      </c>
      <c r="M32801" t="s">
        <v>83</v>
      </c>
      <c r="N32801" t="s">
        <v>91</v>
      </c>
      <c r="O32801" t="s">
        <v>85</v>
      </c>
      <c r="P32801" t="s">
        <v>86</v>
      </c>
      <c r="Q32801">
        <v>19</v>
      </c>
      <c r="R32801">
        <v>19</v>
      </c>
      <c r="S32801">
        <v>19</v>
      </c>
      <c r="T32801">
        <v>20</v>
      </c>
      <c r="U32801">
        <v>20</v>
      </c>
      <c r="V32801">
        <v>20</v>
      </c>
      <c r="W32801">
        <v>20</v>
      </c>
      <c r="X32801">
        <v>21</v>
      </c>
      <c r="Y32801">
        <v>21</v>
      </c>
      <c r="Z32801">
        <v>21</v>
      </c>
      <c r="AA32801">
        <v>21</v>
      </c>
      <c r="AB32801">
        <v>21</v>
      </c>
      <c r="AC32801">
        <v>22</v>
      </c>
      <c r="AD32801">
        <v>22</v>
      </c>
      <c r="AE32801">
        <v>22</v>
      </c>
      <c r="AF32801">
        <v>22</v>
      </c>
      <c r="AG32801">
        <v>23</v>
      </c>
      <c r="AH32801">
        <v>23</v>
      </c>
      <c r="AI32801">
        <v>23</v>
      </c>
      <c r="AJ32801">
        <v>23</v>
      </c>
      <c r="AK32801">
        <v>23</v>
      </c>
      <c r="AL32801">
        <v>24</v>
      </c>
      <c r="AM32801">
        <v>24</v>
      </c>
      <c r="AN32801">
        <v>24</v>
      </c>
      <c r="AO32801">
        <v>24</v>
      </c>
      <c r="AP32801">
        <v>24</v>
      </c>
      <c r="AQ32801">
        <v>24</v>
      </c>
    </row>
    <row r="32802" spans="1:43">
      <c r="A32802" t="s">
        <v>20329</v>
      </c>
      <c r="B32802" t="s">
        <v>20330</v>
      </c>
      <c r="C32802" t="s">
        <v>20265</v>
      </c>
      <c r="D32802" t="s">
        <v>20266</v>
      </c>
      <c r="E32802" t="s">
        <v>20253</v>
      </c>
      <c r="F32802" t="s">
        <v>20254</v>
      </c>
      <c r="G32802" t="s">
        <v>20255</v>
      </c>
      <c r="H32802" t="s">
        <v>20256</v>
      </c>
      <c r="I32802" s="2">
        <v>1</v>
      </c>
      <c r="J32802" s="2">
        <v>0</v>
      </c>
      <c r="K32802" s="2">
        <v>0</v>
      </c>
      <c r="L32802" t="s">
        <v>120</v>
      </c>
      <c r="M32802" t="s">
        <v>83</v>
      </c>
      <c r="N32802" t="s">
        <v>84</v>
      </c>
      <c r="O32802" t="s">
        <v>85</v>
      </c>
      <c r="P32802" t="s">
        <v>86</v>
      </c>
      <c r="Q32802">
        <v>4</v>
      </c>
      <c r="R32802">
        <v>4</v>
      </c>
      <c r="S32802">
        <v>4</v>
      </c>
      <c r="T32802">
        <v>4</v>
      </c>
      <c r="U32802">
        <v>4</v>
      </c>
      <c r="V32802">
        <v>4</v>
      </c>
      <c r="W32802">
        <v>4</v>
      </c>
      <c r="X32802">
        <v>4</v>
      </c>
      <c r="Y32802">
        <v>5</v>
      </c>
      <c r="Z32802">
        <v>5</v>
      </c>
      <c r="AA32802">
        <v>5</v>
      </c>
      <c r="AB32802">
        <v>5</v>
      </c>
      <c r="AC32802">
        <v>5</v>
      </c>
      <c r="AD32802">
        <v>5</v>
      </c>
      <c r="AE32802">
        <v>5</v>
      </c>
      <c r="AF32802">
        <v>5</v>
      </c>
      <c r="AG32802">
        <v>5</v>
      </c>
      <c r="AH32802">
        <v>5</v>
      </c>
      <c r="AI32802">
        <v>5</v>
      </c>
      <c r="AJ32802">
        <v>5</v>
      </c>
      <c r="AK32802">
        <v>5</v>
      </c>
      <c r="AL32802">
        <v>5</v>
      </c>
      <c r="AM32802">
        <v>5</v>
      </c>
      <c r="AN32802">
        <v>5</v>
      </c>
      <c r="AO32802">
        <v>5</v>
      </c>
      <c r="AP32802">
        <v>5</v>
      </c>
      <c r="AQ32802">
        <v>5</v>
      </c>
    </row>
    <row r="32803" spans="1:43">
      <c r="A32803" t="s">
        <v>20329</v>
      </c>
      <c r="B32803" t="s">
        <v>20330</v>
      </c>
      <c r="C32803" t="s">
        <v>20265</v>
      </c>
      <c r="D32803" t="s">
        <v>20266</v>
      </c>
      <c r="E32803" t="s">
        <v>20253</v>
      </c>
      <c r="F32803" t="s">
        <v>20254</v>
      </c>
      <c r="G32803" t="s">
        <v>20255</v>
      </c>
      <c r="H32803" t="s">
        <v>20256</v>
      </c>
      <c r="I32803" s="2">
        <v>1</v>
      </c>
      <c r="J32803" s="2">
        <v>0</v>
      </c>
      <c r="K32803" s="2">
        <v>0</v>
      </c>
      <c r="L32803" t="s">
        <v>120</v>
      </c>
      <c r="M32803" t="s">
        <v>87</v>
      </c>
      <c r="N32803" t="s">
        <v>88</v>
      </c>
      <c r="O32803" t="s">
        <v>85</v>
      </c>
      <c r="P32803" t="s">
        <v>86</v>
      </c>
      <c r="Q32803">
        <v>4</v>
      </c>
      <c r="R32803">
        <v>4</v>
      </c>
      <c r="S32803">
        <v>4</v>
      </c>
      <c r="T32803">
        <v>4</v>
      </c>
      <c r="U32803">
        <v>4</v>
      </c>
      <c r="V32803">
        <v>4</v>
      </c>
      <c r="W32803">
        <v>4</v>
      </c>
      <c r="X32803">
        <v>4</v>
      </c>
      <c r="Y32803">
        <v>4</v>
      </c>
      <c r="Z32803">
        <v>4</v>
      </c>
      <c r="AA32803">
        <v>4</v>
      </c>
      <c r="AB32803">
        <v>4</v>
      </c>
      <c r="AC32803">
        <v>4</v>
      </c>
      <c r="AD32803">
        <v>4</v>
      </c>
      <c r="AE32803">
        <v>4</v>
      </c>
      <c r="AF32803">
        <v>4</v>
      </c>
      <c r="AG32803">
        <v>4</v>
      </c>
      <c r="AH32803">
        <v>4</v>
      </c>
      <c r="AI32803">
        <v>4</v>
      </c>
      <c r="AJ32803">
        <v>4</v>
      </c>
      <c r="AK32803">
        <v>4</v>
      </c>
      <c r="AL32803">
        <v>4</v>
      </c>
      <c r="AM32803">
        <v>5</v>
      </c>
      <c r="AN32803">
        <v>5</v>
      </c>
      <c r="AO32803">
        <v>5</v>
      </c>
      <c r="AP32803">
        <v>5</v>
      </c>
      <c r="AQ32803">
        <v>5</v>
      </c>
    </row>
    <row r="32804" spans="1:43">
      <c r="A32804" t="s">
        <v>20329</v>
      </c>
      <c r="B32804" t="s">
        <v>20330</v>
      </c>
      <c r="C32804" t="s">
        <v>20265</v>
      </c>
      <c r="D32804" t="s">
        <v>20266</v>
      </c>
      <c r="E32804" t="s">
        <v>20253</v>
      </c>
      <c r="F32804" t="s">
        <v>20254</v>
      </c>
      <c r="G32804" t="s">
        <v>20255</v>
      </c>
      <c r="H32804" t="s">
        <v>20256</v>
      </c>
      <c r="I32804" s="2">
        <v>1</v>
      </c>
      <c r="J32804" s="2">
        <v>0</v>
      </c>
      <c r="K32804" s="2">
        <v>0</v>
      </c>
      <c r="L32804" t="s">
        <v>120</v>
      </c>
      <c r="M32804" t="s">
        <v>89</v>
      </c>
      <c r="N32804" t="s">
        <v>90</v>
      </c>
      <c r="O32804" t="s">
        <v>85</v>
      </c>
      <c r="P32804" t="s">
        <v>86</v>
      </c>
      <c r="Q32804">
        <v>4</v>
      </c>
      <c r="R32804">
        <v>4</v>
      </c>
      <c r="S32804">
        <v>4</v>
      </c>
      <c r="T32804">
        <v>4</v>
      </c>
      <c r="U32804">
        <v>4</v>
      </c>
      <c r="V32804">
        <v>5</v>
      </c>
      <c r="W32804">
        <v>5</v>
      </c>
      <c r="X32804">
        <v>5</v>
      </c>
      <c r="Y32804">
        <v>5</v>
      </c>
      <c r="Z32804">
        <v>5</v>
      </c>
      <c r="AA32804">
        <v>5</v>
      </c>
      <c r="AB32804">
        <v>5</v>
      </c>
      <c r="AC32804">
        <v>5</v>
      </c>
      <c r="AD32804">
        <v>5</v>
      </c>
      <c r="AE32804">
        <v>5</v>
      </c>
      <c r="AF32804">
        <v>5</v>
      </c>
      <c r="AG32804">
        <v>5</v>
      </c>
      <c r="AH32804">
        <v>5</v>
      </c>
      <c r="AI32804">
        <v>5</v>
      </c>
      <c r="AJ32804">
        <v>5</v>
      </c>
      <c r="AK32804">
        <v>5</v>
      </c>
      <c r="AL32804">
        <v>5</v>
      </c>
      <c r="AM32804">
        <v>5</v>
      </c>
      <c r="AN32804">
        <v>5</v>
      </c>
      <c r="AO32804">
        <v>5</v>
      </c>
      <c r="AP32804">
        <v>5</v>
      </c>
      <c r="AQ32804">
        <v>5</v>
      </c>
    </row>
    <row r="32805" spans="1:43">
      <c r="A32805" t="s">
        <v>20329</v>
      </c>
      <c r="B32805" t="s">
        <v>20330</v>
      </c>
      <c r="C32805" t="s">
        <v>20265</v>
      </c>
      <c r="D32805" t="s">
        <v>20266</v>
      </c>
      <c r="E32805" t="s">
        <v>20253</v>
      </c>
      <c r="F32805" t="s">
        <v>20254</v>
      </c>
      <c r="G32805" t="s">
        <v>20255</v>
      </c>
      <c r="H32805" t="s">
        <v>20256</v>
      </c>
      <c r="I32805" s="2">
        <v>1</v>
      </c>
      <c r="J32805" s="2">
        <v>0</v>
      </c>
      <c r="K32805" s="2">
        <v>0</v>
      </c>
      <c r="L32805" t="s">
        <v>120</v>
      </c>
      <c r="M32805" t="s">
        <v>83</v>
      </c>
      <c r="N32805" t="s">
        <v>91</v>
      </c>
      <c r="O32805" t="s">
        <v>85</v>
      </c>
      <c r="P32805" t="s">
        <v>86</v>
      </c>
      <c r="Q32805">
        <v>4</v>
      </c>
      <c r="R32805">
        <v>4</v>
      </c>
      <c r="S32805">
        <v>4</v>
      </c>
      <c r="T32805">
        <v>4</v>
      </c>
      <c r="U32805">
        <v>4</v>
      </c>
      <c r="V32805">
        <v>4</v>
      </c>
      <c r="W32805">
        <v>4</v>
      </c>
      <c r="X32805">
        <v>4</v>
      </c>
      <c r="Y32805">
        <v>5</v>
      </c>
      <c r="Z32805">
        <v>5</v>
      </c>
      <c r="AA32805">
        <v>5</v>
      </c>
      <c r="AB32805">
        <v>5</v>
      </c>
      <c r="AC32805">
        <v>5</v>
      </c>
      <c r="AD32805">
        <v>5</v>
      </c>
      <c r="AE32805">
        <v>5</v>
      </c>
      <c r="AF32805">
        <v>5</v>
      </c>
      <c r="AG32805">
        <v>5</v>
      </c>
      <c r="AH32805">
        <v>5</v>
      </c>
      <c r="AI32805">
        <v>5</v>
      </c>
      <c r="AJ32805">
        <v>5</v>
      </c>
      <c r="AK32805">
        <v>5</v>
      </c>
      <c r="AL32805">
        <v>5</v>
      </c>
      <c r="AM32805">
        <v>5</v>
      </c>
      <c r="AN32805">
        <v>5</v>
      </c>
      <c r="AO32805">
        <v>5</v>
      </c>
      <c r="AP32805">
        <v>5</v>
      </c>
      <c r="AQ32805">
        <v>5</v>
      </c>
    </row>
    <row r="32806" spans="1:43">
      <c r="A32806" t="s">
        <v>20331</v>
      </c>
      <c r="B32806" t="s">
        <v>20332</v>
      </c>
      <c r="C32806" t="s">
        <v>20261</v>
      </c>
      <c r="D32806" t="s">
        <v>20262</v>
      </c>
      <c r="E32806" t="s">
        <v>20253</v>
      </c>
      <c r="F32806" t="s">
        <v>20254</v>
      </c>
      <c r="G32806" t="s">
        <v>20255</v>
      </c>
      <c r="H32806" t="s">
        <v>20256</v>
      </c>
      <c r="I32806" s="2">
        <v>1</v>
      </c>
      <c r="J32806" s="2">
        <v>0</v>
      </c>
      <c r="K32806" s="2">
        <v>0</v>
      </c>
      <c r="L32806" t="s">
        <v>120</v>
      </c>
      <c r="M32806" t="s">
        <v>83</v>
      </c>
      <c r="N32806" t="s">
        <v>84</v>
      </c>
      <c r="O32806" t="s">
        <v>85</v>
      </c>
      <c r="P32806" t="s">
        <v>86</v>
      </c>
      <c r="Q32806">
        <v>36</v>
      </c>
      <c r="R32806">
        <v>37</v>
      </c>
      <c r="S32806">
        <v>37</v>
      </c>
      <c r="T32806">
        <v>38</v>
      </c>
      <c r="U32806">
        <v>38</v>
      </c>
      <c r="V32806">
        <v>38</v>
      </c>
      <c r="W32806">
        <v>39</v>
      </c>
      <c r="X32806">
        <v>39</v>
      </c>
      <c r="Y32806">
        <v>40</v>
      </c>
      <c r="Z32806">
        <v>40</v>
      </c>
      <c r="AA32806">
        <v>41</v>
      </c>
      <c r="AB32806">
        <v>41</v>
      </c>
      <c r="AC32806">
        <v>41</v>
      </c>
      <c r="AD32806">
        <v>42</v>
      </c>
      <c r="AE32806">
        <v>42</v>
      </c>
      <c r="AF32806">
        <v>43</v>
      </c>
      <c r="AG32806">
        <v>43</v>
      </c>
      <c r="AH32806">
        <v>43</v>
      </c>
      <c r="AI32806">
        <v>44</v>
      </c>
      <c r="AJ32806">
        <v>44</v>
      </c>
      <c r="AK32806">
        <v>45</v>
      </c>
      <c r="AL32806">
        <v>45</v>
      </c>
      <c r="AM32806">
        <v>45</v>
      </c>
      <c r="AN32806">
        <v>45</v>
      </c>
      <c r="AO32806">
        <v>45</v>
      </c>
      <c r="AP32806">
        <v>45</v>
      </c>
      <c r="AQ32806">
        <v>46</v>
      </c>
    </row>
    <row r="32807" spans="1:43">
      <c r="A32807" t="s">
        <v>20331</v>
      </c>
      <c r="B32807" t="s">
        <v>20332</v>
      </c>
      <c r="C32807" t="s">
        <v>20261</v>
      </c>
      <c r="D32807" t="s">
        <v>20262</v>
      </c>
      <c r="E32807" t="s">
        <v>20253</v>
      </c>
      <c r="F32807" t="s">
        <v>20254</v>
      </c>
      <c r="G32807" t="s">
        <v>20255</v>
      </c>
      <c r="H32807" t="s">
        <v>20256</v>
      </c>
      <c r="I32807" s="2">
        <v>1</v>
      </c>
      <c r="J32807" s="2">
        <v>0</v>
      </c>
      <c r="K32807" s="2">
        <v>0</v>
      </c>
      <c r="L32807" t="s">
        <v>120</v>
      </c>
      <c r="M32807" t="s">
        <v>87</v>
      </c>
      <c r="N32807" t="s">
        <v>88</v>
      </c>
      <c r="O32807" t="s">
        <v>85</v>
      </c>
      <c r="P32807" t="s">
        <v>86</v>
      </c>
      <c r="Q32807">
        <v>36</v>
      </c>
      <c r="R32807">
        <v>36</v>
      </c>
      <c r="S32807">
        <v>36</v>
      </c>
      <c r="T32807">
        <v>36</v>
      </c>
      <c r="U32807">
        <v>36</v>
      </c>
      <c r="V32807">
        <v>36</v>
      </c>
      <c r="W32807">
        <v>37</v>
      </c>
      <c r="X32807">
        <v>37</v>
      </c>
      <c r="Y32807">
        <v>37</v>
      </c>
      <c r="Z32807">
        <v>37</v>
      </c>
      <c r="AA32807">
        <v>37</v>
      </c>
      <c r="AB32807">
        <v>37</v>
      </c>
      <c r="AC32807">
        <v>37</v>
      </c>
      <c r="AD32807">
        <v>37</v>
      </c>
      <c r="AE32807">
        <v>38</v>
      </c>
      <c r="AF32807">
        <v>38</v>
      </c>
      <c r="AG32807">
        <v>38</v>
      </c>
      <c r="AH32807">
        <v>38</v>
      </c>
      <c r="AI32807">
        <v>38</v>
      </c>
      <c r="AJ32807">
        <v>38</v>
      </c>
      <c r="AK32807">
        <v>38</v>
      </c>
      <c r="AL32807">
        <v>39</v>
      </c>
      <c r="AM32807">
        <v>39</v>
      </c>
      <c r="AN32807">
        <v>39</v>
      </c>
      <c r="AO32807">
        <v>39</v>
      </c>
      <c r="AP32807">
        <v>39</v>
      </c>
      <c r="AQ32807">
        <v>40</v>
      </c>
    </row>
    <row r="32808" spans="1:43">
      <c r="A32808" t="s">
        <v>20331</v>
      </c>
      <c r="B32808" t="s">
        <v>20332</v>
      </c>
      <c r="C32808" t="s">
        <v>20261</v>
      </c>
      <c r="D32808" t="s">
        <v>20262</v>
      </c>
      <c r="E32808" t="s">
        <v>20253</v>
      </c>
      <c r="F32808" t="s">
        <v>20254</v>
      </c>
      <c r="G32808" t="s">
        <v>20255</v>
      </c>
      <c r="H32808" t="s">
        <v>20256</v>
      </c>
      <c r="I32808" s="2">
        <v>1</v>
      </c>
      <c r="J32808" s="2">
        <v>0</v>
      </c>
      <c r="K32808" s="2">
        <v>0</v>
      </c>
      <c r="L32808" t="s">
        <v>120</v>
      </c>
      <c r="M32808" t="s">
        <v>89</v>
      </c>
      <c r="N32808" t="s">
        <v>90</v>
      </c>
      <c r="O32808" t="s">
        <v>85</v>
      </c>
      <c r="P32808" t="s">
        <v>86</v>
      </c>
      <c r="Q32808">
        <v>36</v>
      </c>
      <c r="R32808">
        <v>36</v>
      </c>
      <c r="S32808">
        <v>37</v>
      </c>
      <c r="T32808">
        <v>38</v>
      </c>
      <c r="U32808">
        <v>39</v>
      </c>
      <c r="V32808">
        <v>39</v>
      </c>
      <c r="W32808">
        <v>40</v>
      </c>
      <c r="X32808">
        <v>40</v>
      </c>
      <c r="Y32808">
        <v>41</v>
      </c>
      <c r="Z32808">
        <v>41</v>
      </c>
      <c r="AA32808">
        <v>42</v>
      </c>
      <c r="AB32808">
        <v>43</v>
      </c>
      <c r="AC32808">
        <v>43</v>
      </c>
      <c r="AD32808">
        <v>44</v>
      </c>
      <c r="AE32808">
        <v>44</v>
      </c>
      <c r="AF32808">
        <v>44</v>
      </c>
      <c r="AG32808">
        <v>44</v>
      </c>
      <c r="AH32808">
        <v>44</v>
      </c>
      <c r="AI32808">
        <v>44</v>
      </c>
      <c r="AJ32808">
        <v>44</v>
      </c>
      <c r="AK32808">
        <v>45</v>
      </c>
      <c r="AL32808">
        <v>45</v>
      </c>
      <c r="AM32808">
        <v>45</v>
      </c>
      <c r="AN32808">
        <v>45</v>
      </c>
      <c r="AO32808">
        <v>45</v>
      </c>
      <c r="AP32808">
        <v>45</v>
      </c>
      <c r="AQ32808">
        <v>45</v>
      </c>
    </row>
    <row r="32809" spans="1:43">
      <c r="A32809" t="s">
        <v>20331</v>
      </c>
      <c r="B32809" t="s">
        <v>20332</v>
      </c>
      <c r="C32809" t="s">
        <v>20261</v>
      </c>
      <c r="D32809" t="s">
        <v>20262</v>
      </c>
      <c r="E32809" t="s">
        <v>20253</v>
      </c>
      <c r="F32809" t="s">
        <v>20254</v>
      </c>
      <c r="G32809" t="s">
        <v>20255</v>
      </c>
      <c r="H32809" t="s">
        <v>20256</v>
      </c>
      <c r="I32809" s="2">
        <v>1</v>
      </c>
      <c r="J32809" s="2">
        <v>0</v>
      </c>
      <c r="K32809" s="2">
        <v>0</v>
      </c>
      <c r="L32809" t="s">
        <v>120</v>
      </c>
      <c r="M32809" t="s">
        <v>83</v>
      </c>
      <c r="N32809" t="s">
        <v>91</v>
      </c>
      <c r="O32809" t="s">
        <v>85</v>
      </c>
      <c r="P32809" t="s">
        <v>86</v>
      </c>
      <c r="Q32809">
        <v>36</v>
      </c>
      <c r="R32809">
        <v>37</v>
      </c>
      <c r="S32809">
        <v>37</v>
      </c>
      <c r="T32809">
        <v>38</v>
      </c>
      <c r="U32809">
        <v>38</v>
      </c>
      <c r="V32809">
        <v>38</v>
      </c>
      <c r="W32809">
        <v>39</v>
      </c>
      <c r="X32809">
        <v>39</v>
      </c>
      <c r="Y32809">
        <v>40</v>
      </c>
      <c r="Z32809">
        <v>40</v>
      </c>
      <c r="AA32809">
        <v>41</v>
      </c>
      <c r="AB32809">
        <v>41</v>
      </c>
      <c r="AC32809">
        <v>41</v>
      </c>
      <c r="AD32809">
        <v>42</v>
      </c>
      <c r="AE32809">
        <v>42</v>
      </c>
      <c r="AF32809">
        <v>43</v>
      </c>
      <c r="AG32809">
        <v>43</v>
      </c>
      <c r="AH32809">
        <v>43</v>
      </c>
      <c r="AI32809">
        <v>44</v>
      </c>
      <c r="AJ32809">
        <v>44</v>
      </c>
      <c r="AK32809">
        <v>45</v>
      </c>
      <c r="AL32809">
        <v>45</v>
      </c>
      <c r="AM32809">
        <v>45</v>
      </c>
      <c r="AN32809">
        <v>45</v>
      </c>
      <c r="AO32809">
        <v>45</v>
      </c>
      <c r="AP32809">
        <v>45</v>
      </c>
      <c r="AQ32809">
        <v>46</v>
      </c>
    </row>
    <row r="32810" spans="1:43">
      <c r="A32810" t="s">
        <v>20333</v>
      </c>
      <c r="B32810" t="s">
        <v>20334</v>
      </c>
      <c r="C32810" t="s">
        <v>20265</v>
      </c>
      <c r="D32810" t="s">
        <v>20266</v>
      </c>
      <c r="E32810" t="s">
        <v>20253</v>
      </c>
      <c r="F32810" t="s">
        <v>20254</v>
      </c>
      <c r="G32810" t="s">
        <v>20255</v>
      </c>
      <c r="H32810" t="s">
        <v>20256</v>
      </c>
      <c r="I32810" s="2">
        <v>1</v>
      </c>
      <c r="J32810" s="2">
        <v>0</v>
      </c>
      <c r="K32810" s="2">
        <v>0</v>
      </c>
      <c r="L32810" t="s">
        <v>120</v>
      </c>
      <c r="M32810" t="s">
        <v>83</v>
      </c>
      <c r="N32810" t="s">
        <v>84</v>
      </c>
      <c r="O32810" t="s">
        <v>85</v>
      </c>
      <c r="P32810" t="s">
        <v>86</v>
      </c>
      <c r="Q32810">
        <v>89</v>
      </c>
      <c r="R32810">
        <v>90</v>
      </c>
      <c r="S32810">
        <v>91</v>
      </c>
      <c r="T32810">
        <v>92</v>
      </c>
      <c r="U32810">
        <v>94</v>
      </c>
      <c r="V32810">
        <v>95</v>
      </c>
      <c r="W32810">
        <v>96</v>
      </c>
      <c r="X32810">
        <v>97</v>
      </c>
      <c r="Y32810">
        <v>98</v>
      </c>
      <c r="Z32810">
        <v>99</v>
      </c>
      <c r="AA32810">
        <v>101</v>
      </c>
      <c r="AB32810">
        <v>102</v>
      </c>
      <c r="AC32810">
        <v>103</v>
      </c>
      <c r="AD32810">
        <v>104</v>
      </c>
      <c r="AE32810">
        <v>105</v>
      </c>
      <c r="AF32810">
        <v>106</v>
      </c>
      <c r="AG32810">
        <v>108</v>
      </c>
      <c r="AH32810">
        <v>109</v>
      </c>
      <c r="AI32810">
        <v>110</v>
      </c>
      <c r="AJ32810">
        <v>111</v>
      </c>
      <c r="AK32810">
        <v>113</v>
      </c>
      <c r="AL32810">
        <v>113</v>
      </c>
      <c r="AM32810">
        <v>114</v>
      </c>
      <c r="AN32810">
        <v>114</v>
      </c>
      <c r="AO32810">
        <v>115</v>
      </c>
      <c r="AP32810">
        <v>116</v>
      </c>
      <c r="AQ32810">
        <v>116</v>
      </c>
    </row>
    <row r="32811" spans="1:43">
      <c r="A32811" t="s">
        <v>20333</v>
      </c>
      <c r="B32811" t="s">
        <v>20334</v>
      </c>
      <c r="C32811" t="s">
        <v>20265</v>
      </c>
      <c r="D32811" t="s">
        <v>20266</v>
      </c>
      <c r="E32811" t="s">
        <v>20253</v>
      </c>
      <c r="F32811" t="s">
        <v>20254</v>
      </c>
      <c r="G32811" t="s">
        <v>20255</v>
      </c>
      <c r="H32811" t="s">
        <v>20256</v>
      </c>
      <c r="I32811" s="2">
        <v>1</v>
      </c>
      <c r="J32811" s="2">
        <v>0</v>
      </c>
      <c r="K32811" s="2">
        <v>0</v>
      </c>
      <c r="L32811" t="s">
        <v>120</v>
      </c>
      <c r="M32811" t="s">
        <v>87</v>
      </c>
      <c r="N32811" t="s">
        <v>88</v>
      </c>
      <c r="O32811" t="s">
        <v>85</v>
      </c>
      <c r="P32811" t="s">
        <v>86</v>
      </c>
      <c r="Q32811">
        <v>89</v>
      </c>
      <c r="R32811">
        <v>89</v>
      </c>
      <c r="S32811">
        <v>90</v>
      </c>
      <c r="T32811">
        <v>90</v>
      </c>
      <c r="U32811">
        <v>90</v>
      </c>
      <c r="V32811">
        <v>91</v>
      </c>
      <c r="W32811">
        <v>91</v>
      </c>
      <c r="X32811">
        <v>92</v>
      </c>
      <c r="Y32811">
        <v>92</v>
      </c>
      <c r="Z32811">
        <v>92</v>
      </c>
      <c r="AA32811">
        <v>93</v>
      </c>
      <c r="AB32811">
        <v>93</v>
      </c>
      <c r="AC32811">
        <v>94</v>
      </c>
      <c r="AD32811">
        <v>94</v>
      </c>
      <c r="AE32811">
        <v>95</v>
      </c>
      <c r="AF32811">
        <v>95</v>
      </c>
      <c r="AG32811">
        <v>96</v>
      </c>
      <c r="AH32811">
        <v>96</v>
      </c>
      <c r="AI32811">
        <v>97</v>
      </c>
      <c r="AJ32811">
        <v>97</v>
      </c>
      <c r="AK32811">
        <v>98</v>
      </c>
      <c r="AL32811">
        <v>99</v>
      </c>
      <c r="AM32811">
        <v>99</v>
      </c>
      <c r="AN32811">
        <v>100</v>
      </c>
      <c r="AO32811">
        <v>101</v>
      </c>
      <c r="AP32811">
        <v>101</v>
      </c>
      <c r="AQ32811">
        <v>102</v>
      </c>
    </row>
    <row r="32812" spans="1:43">
      <c r="A32812" t="s">
        <v>20333</v>
      </c>
      <c r="B32812" t="s">
        <v>20334</v>
      </c>
      <c r="C32812" t="s">
        <v>20265</v>
      </c>
      <c r="D32812" t="s">
        <v>20266</v>
      </c>
      <c r="E32812" t="s">
        <v>20253</v>
      </c>
      <c r="F32812" t="s">
        <v>20254</v>
      </c>
      <c r="G32812" t="s">
        <v>20255</v>
      </c>
      <c r="H32812" t="s">
        <v>20256</v>
      </c>
      <c r="I32812" s="2">
        <v>1</v>
      </c>
      <c r="J32812" s="2">
        <v>0</v>
      </c>
      <c r="K32812" s="2">
        <v>0</v>
      </c>
      <c r="L32812" t="s">
        <v>120</v>
      </c>
      <c r="M32812" t="s">
        <v>89</v>
      </c>
      <c r="N32812" t="s">
        <v>90</v>
      </c>
      <c r="O32812" t="s">
        <v>85</v>
      </c>
      <c r="P32812" t="s">
        <v>86</v>
      </c>
      <c r="Q32812">
        <v>89</v>
      </c>
      <c r="R32812">
        <v>91</v>
      </c>
      <c r="S32812">
        <v>93</v>
      </c>
      <c r="T32812">
        <v>94</v>
      </c>
      <c r="U32812">
        <v>96</v>
      </c>
      <c r="V32812">
        <v>98</v>
      </c>
      <c r="W32812">
        <v>100</v>
      </c>
      <c r="X32812">
        <v>101</v>
      </c>
      <c r="Y32812">
        <v>103</v>
      </c>
      <c r="Z32812">
        <v>104</v>
      </c>
      <c r="AA32812">
        <v>106</v>
      </c>
      <c r="AB32812">
        <v>107</v>
      </c>
      <c r="AC32812">
        <v>109</v>
      </c>
      <c r="AD32812">
        <v>110</v>
      </c>
      <c r="AE32812">
        <v>112</v>
      </c>
      <c r="AF32812">
        <v>112</v>
      </c>
      <c r="AG32812">
        <v>112</v>
      </c>
      <c r="AH32812">
        <v>113</v>
      </c>
      <c r="AI32812">
        <v>113</v>
      </c>
      <c r="AJ32812">
        <v>113</v>
      </c>
      <c r="AK32812">
        <v>114</v>
      </c>
      <c r="AL32812">
        <v>114</v>
      </c>
      <c r="AM32812">
        <v>115</v>
      </c>
      <c r="AN32812">
        <v>115</v>
      </c>
      <c r="AO32812">
        <v>116</v>
      </c>
      <c r="AP32812">
        <v>116</v>
      </c>
      <c r="AQ32812">
        <v>117</v>
      </c>
    </row>
    <row r="32813" spans="1:43">
      <c r="A32813" t="s">
        <v>20333</v>
      </c>
      <c r="B32813" t="s">
        <v>20334</v>
      </c>
      <c r="C32813" t="s">
        <v>20265</v>
      </c>
      <c r="D32813" t="s">
        <v>20266</v>
      </c>
      <c r="E32813" t="s">
        <v>20253</v>
      </c>
      <c r="F32813" t="s">
        <v>20254</v>
      </c>
      <c r="G32813" t="s">
        <v>20255</v>
      </c>
      <c r="H32813" t="s">
        <v>20256</v>
      </c>
      <c r="I32813" s="2">
        <v>1</v>
      </c>
      <c r="J32813" s="2">
        <v>0</v>
      </c>
      <c r="K32813" s="2">
        <v>0</v>
      </c>
      <c r="L32813" t="s">
        <v>120</v>
      </c>
      <c r="M32813" t="s">
        <v>83</v>
      </c>
      <c r="N32813" t="s">
        <v>91</v>
      </c>
      <c r="O32813" t="s">
        <v>85</v>
      </c>
      <c r="P32813" t="s">
        <v>86</v>
      </c>
      <c r="Q32813">
        <v>89</v>
      </c>
      <c r="R32813">
        <v>90</v>
      </c>
      <c r="S32813">
        <v>91</v>
      </c>
      <c r="T32813">
        <v>92</v>
      </c>
      <c r="U32813">
        <v>94</v>
      </c>
      <c r="V32813">
        <v>95</v>
      </c>
      <c r="W32813">
        <v>96</v>
      </c>
      <c r="X32813">
        <v>97</v>
      </c>
      <c r="Y32813">
        <v>98</v>
      </c>
      <c r="Z32813">
        <v>99</v>
      </c>
      <c r="AA32813">
        <v>101</v>
      </c>
      <c r="AB32813">
        <v>102</v>
      </c>
      <c r="AC32813">
        <v>103</v>
      </c>
      <c r="AD32813">
        <v>104</v>
      </c>
      <c r="AE32813">
        <v>105</v>
      </c>
      <c r="AF32813">
        <v>106</v>
      </c>
      <c r="AG32813">
        <v>108</v>
      </c>
      <c r="AH32813">
        <v>109</v>
      </c>
      <c r="AI32813">
        <v>110</v>
      </c>
      <c r="AJ32813">
        <v>111</v>
      </c>
      <c r="AK32813">
        <v>113</v>
      </c>
      <c r="AL32813">
        <v>113</v>
      </c>
      <c r="AM32813">
        <v>114</v>
      </c>
      <c r="AN32813">
        <v>114</v>
      </c>
      <c r="AO32813">
        <v>115</v>
      </c>
      <c r="AP32813">
        <v>116</v>
      </c>
      <c r="AQ32813">
        <v>116</v>
      </c>
    </row>
    <row r="32814" spans="1:43">
      <c r="A32814" t="s">
        <v>20335</v>
      </c>
      <c r="B32814" t="s">
        <v>20336</v>
      </c>
      <c r="C32814" t="s">
        <v>20265</v>
      </c>
      <c r="D32814" t="s">
        <v>20266</v>
      </c>
      <c r="E32814" t="s">
        <v>20253</v>
      </c>
      <c r="F32814" t="s">
        <v>20254</v>
      </c>
      <c r="G32814" t="s">
        <v>20255</v>
      </c>
      <c r="H32814" t="s">
        <v>20256</v>
      </c>
      <c r="I32814" s="2">
        <v>1</v>
      </c>
      <c r="J32814" s="2">
        <v>0</v>
      </c>
      <c r="K32814" s="2">
        <v>0</v>
      </c>
      <c r="L32814" t="s">
        <v>120</v>
      </c>
      <c r="M32814" t="s">
        <v>83</v>
      </c>
      <c r="N32814" t="s">
        <v>84</v>
      </c>
      <c r="O32814" t="s">
        <v>85</v>
      </c>
      <c r="P32814" t="s">
        <v>86</v>
      </c>
      <c r="Q32814">
        <v>9</v>
      </c>
      <c r="R32814">
        <v>9</v>
      </c>
      <c r="S32814">
        <v>10</v>
      </c>
      <c r="T32814">
        <v>10</v>
      </c>
      <c r="U32814">
        <v>10</v>
      </c>
      <c r="V32814">
        <v>10</v>
      </c>
      <c r="W32814">
        <v>10</v>
      </c>
      <c r="X32814">
        <v>10</v>
      </c>
      <c r="Y32814">
        <v>10</v>
      </c>
      <c r="Z32814">
        <v>10</v>
      </c>
      <c r="AA32814">
        <v>11</v>
      </c>
      <c r="AB32814">
        <v>11</v>
      </c>
      <c r="AC32814">
        <v>11</v>
      </c>
      <c r="AD32814">
        <v>11</v>
      </c>
      <c r="AE32814">
        <v>11</v>
      </c>
      <c r="AF32814">
        <v>11</v>
      </c>
      <c r="AG32814">
        <v>11</v>
      </c>
      <c r="AH32814">
        <v>11</v>
      </c>
      <c r="AI32814">
        <v>12</v>
      </c>
      <c r="AJ32814">
        <v>12</v>
      </c>
      <c r="AK32814">
        <v>12</v>
      </c>
      <c r="AL32814">
        <v>12</v>
      </c>
      <c r="AM32814">
        <v>12</v>
      </c>
      <c r="AN32814">
        <v>12</v>
      </c>
      <c r="AO32814">
        <v>12</v>
      </c>
      <c r="AP32814">
        <v>12</v>
      </c>
      <c r="AQ32814">
        <v>12</v>
      </c>
    </row>
    <row r="32815" spans="1:43">
      <c r="A32815" t="s">
        <v>20335</v>
      </c>
      <c r="B32815" t="s">
        <v>20336</v>
      </c>
      <c r="C32815" t="s">
        <v>20265</v>
      </c>
      <c r="D32815" t="s">
        <v>20266</v>
      </c>
      <c r="E32815" t="s">
        <v>20253</v>
      </c>
      <c r="F32815" t="s">
        <v>20254</v>
      </c>
      <c r="G32815" t="s">
        <v>20255</v>
      </c>
      <c r="H32815" t="s">
        <v>20256</v>
      </c>
      <c r="I32815" s="2">
        <v>1</v>
      </c>
      <c r="J32815" s="2">
        <v>0</v>
      </c>
      <c r="K32815" s="2">
        <v>0</v>
      </c>
      <c r="L32815" t="s">
        <v>120</v>
      </c>
      <c r="M32815" t="s">
        <v>87</v>
      </c>
      <c r="N32815" t="s">
        <v>88</v>
      </c>
      <c r="O32815" t="s">
        <v>85</v>
      </c>
      <c r="P32815" t="s">
        <v>86</v>
      </c>
      <c r="Q32815">
        <v>9</v>
      </c>
      <c r="R32815">
        <v>9</v>
      </c>
      <c r="S32815">
        <v>9</v>
      </c>
      <c r="T32815">
        <v>9</v>
      </c>
      <c r="U32815">
        <v>9</v>
      </c>
      <c r="V32815">
        <v>9</v>
      </c>
      <c r="W32815">
        <v>9</v>
      </c>
      <c r="X32815">
        <v>10</v>
      </c>
      <c r="Y32815">
        <v>10</v>
      </c>
      <c r="Z32815">
        <v>10</v>
      </c>
      <c r="AA32815">
        <v>10</v>
      </c>
      <c r="AB32815">
        <v>10</v>
      </c>
      <c r="AC32815">
        <v>10</v>
      </c>
      <c r="AD32815">
        <v>10</v>
      </c>
      <c r="AE32815">
        <v>10</v>
      </c>
      <c r="AF32815">
        <v>10</v>
      </c>
      <c r="AG32815">
        <v>10</v>
      </c>
      <c r="AH32815">
        <v>10</v>
      </c>
      <c r="AI32815">
        <v>10</v>
      </c>
      <c r="AJ32815">
        <v>10</v>
      </c>
      <c r="AK32815">
        <v>10</v>
      </c>
      <c r="AL32815">
        <v>10</v>
      </c>
      <c r="AM32815">
        <v>10</v>
      </c>
      <c r="AN32815">
        <v>10</v>
      </c>
      <c r="AO32815">
        <v>10</v>
      </c>
      <c r="AP32815">
        <v>10</v>
      </c>
      <c r="AQ32815">
        <v>11</v>
      </c>
    </row>
    <row r="32816" spans="1:43">
      <c r="A32816" t="s">
        <v>20335</v>
      </c>
      <c r="B32816" t="s">
        <v>20336</v>
      </c>
      <c r="C32816" t="s">
        <v>20265</v>
      </c>
      <c r="D32816" t="s">
        <v>20266</v>
      </c>
      <c r="E32816" t="s">
        <v>20253</v>
      </c>
      <c r="F32816" t="s">
        <v>20254</v>
      </c>
      <c r="G32816" t="s">
        <v>20255</v>
      </c>
      <c r="H32816" t="s">
        <v>20256</v>
      </c>
      <c r="I32816" s="2">
        <v>1</v>
      </c>
      <c r="J32816" s="2">
        <v>0</v>
      </c>
      <c r="K32816" s="2">
        <v>0</v>
      </c>
      <c r="L32816" t="s">
        <v>120</v>
      </c>
      <c r="M32816" t="s">
        <v>89</v>
      </c>
      <c r="N32816" t="s">
        <v>90</v>
      </c>
      <c r="O32816" t="s">
        <v>85</v>
      </c>
      <c r="P32816" t="s">
        <v>86</v>
      </c>
      <c r="Q32816">
        <v>9</v>
      </c>
      <c r="R32816">
        <v>10</v>
      </c>
      <c r="S32816">
        <v>10</v>
      </c>
      <c r="T32816">
        <v>10</v>
      </c>
      <c r="U32816">
        <v>10</v>
      </c>
      <c r="V32816">
        <v>10</v>
      </c>
      <c r="W32816">
        <v>11</v>
      </c>
      <c r="X32816">
        <v>11</v>
      </c>
      <c r="Y32816">
        <v>11</v>
      </c>
      <c r="Z32816">
        <v>11</v>
      </c>
      <c r="AA32816">
        <v>11</v>
      </c>
      <c r="AB32816">
        <v>11</v>
      </c>
      <c r="AC32816">
        <v>12</v>
      </c>
      <c r="AD32816">
        <v>12</v>
      </c>
      <c r="AE32816">
        <v>12</v>
      </c>
      <c r="AF32816">
        <v>12</v>
      </c>
      <c r="AG32816">
        <v>12</v>
      </c>
      <c r="AH32816">
        <v>12</v>
      </c>
      <c r="AI32816">
        <v>12</v>
      </c>
      <c r="AJ32816">
        <v>12</v>
      </c>
      <c r="AK32816">
        <v>12</v>
      </c>
      <c r="AL32816">
        <v>12</v>
      </c>
      <c r="AM32816">
        <v>12</v>
      </c>
      <c r="AN32816">
        <v>12</v>
      </c>
      <c r="AO32816">
        <v>12</v>
      </c>
      <c r="AP32816">
        <v>12</v>
      </c>
      <c r="AQ32816">
        <v>12</v>
      </c>
    </row>
    <row r="32817" spans="1:43">
      <c r="A32817" t="s">
        <v>20335</v>
      </c>
      <c r="B32817" t="s">
        <v>20336</v>
      </c>
      <c r="C32817" t="s">
        <v>20265</v>
      </c>
      <c r="D32817" t="s">
        <v>20266</v>
      </c>
      <c r="E32817" t="s">
        <v>20253</v>
      </c>
      <c r="F32817" t="s">
        <v>20254</v>
      </c>
      <c r="G32817" t="s">
        <v>20255</v>
      </c>
      <c r="H32817" t="s">
        <v>20256</v>
      </c>
      <c r="I32817" s="2">
        <v>1</v>
      </c>
      <c r="J32817" s="2">
        <v>0</v>
      </c>
      <c r="K32817" s="2">
        <v>0</v>
      </c>
      <c r="L32817" t="s">
        <v>120</v>
      </c>
      <c r="M32817" t="s">
        <v>83</v>
      </c>
      <c r="N32817" t="s">
        <v>91</v>
      </c>
      <c r="O32817" t="s">
        <v>85</v>
      </c>
      <c r="P32817" t="s">
        <v>86</v>
      </c>
      <c r="Q32817">
        <v>9</v>
      </c>
      <c r="R32817">
        <v>9</v>
      </c>
      <c r="S32817">
        <v>10</v>
      </c>
      <c r="T32817">
        <v>10</v>
      </c>
      <c r="U32817">
        <v>10</v>
      </c>
      <c r="V32817">
        <v>10</v>
      </c>
      <c r="W32817">
        <v>10</v>
      </c>
      <c r="X32817">
        <v>10</v>
      </c>
      <c r="Y32817">
        <v>10</v>
      </c>
      <c r="Z32817">
        <v>10</v>
      </c>
      <c r="AA32817">
        <v>11</v>
      </c>
      <c r="AB32817">
        <v>11</v>
      </c>
      <c r="AC32817">
        <v>11</v>
      </c>
      <c r="AD32817">
        <v>11</v>
      </c>
      <c r="AE32817">
        <v>11</v>
      </c>
      <c r="AF32817">
        <v>11</v>
      </c>
      <c r="AG32817">
        <v>11</v>
      </c>
      <c r="AH32817">
        <v>11</v>
      </c>
      <c r="AI32817">
        <v>12</v>
      </c>
      <c r="AJ32817">
        <v>12</v>
      </c>
      <c r="AK32817">
        <v>12</v>
      </c>
      <c r="AL32817">
        <v>12</v>
      </c>
      <c r="AM32817">
        <v>12</v>
      </c>
      <c r="AN32817">
        <v>12</v>
      </c>
      <c r="AO32817">
        <v>12</v>
      </c>
      <c r="AP32817">
        <v>12</v>
      </c>
      <c r="AQ32817">
        <v>12</v>
      </c>
    </row>
    <row r="32818" spans="1:43">
      <c r="A32818" t="s">
        <v>20337</v>
      </c>
      <c r="B32818" t="s">
        <v>20338</v>
      </c>
      <c r="C32818" t="s">
        <v>20303</v>
      </c>
      <c r="D32818" t="s">
        <v>20304</v>
      </c>
      <c r="E32818" t="s">
        <v>20253</v>
      </c>
      <c r="F32818" t="s">
        <v>20254</v>
      </c>
      <c r="G32818" t="s">
        <v>20255</v>
      </c>
      <c r="H32818" t="s">
        <v>20256</v>
      </c>
      <c r="I32818" s="2">
        <v>1</v>
      </c>
      <c r="J32818" s="2">
        <v>0</v>
      </c>
      <c r="K32818" s="2">
        <v>0</v>
      </c>
      <c r="L32818" t="s">
        <v>120</v>
      </c>
      <c r="M32818" t="s">
        <v>83</v>
      </c>
      <c r="N32818" t="s">
        <v>84</v>
      </c>
      <c r="O32818" t="s">
        <v>85</v>
      </c>
      <c r="P32818" t="s">
        <v>86</v>
      </c>
      <c r="Q32818">
        <v>30</v>
      </c>
      <c r="R32818">
        <v>31</v>
      </c>
      <c r="S32818">
        <v>31</v>
      </c>
      <c r="T32818">
        <v>31</v>
      </c>
      <c r="U32818">
        <v>32</v>
      </c>
      <c r="V32818">
        <v>32</v>
      </c>
      <c r="W32818">
        <v>32</v>
      </c>
      <c r="X32818">
        <v>33</v>
      </c>
      <c r="Y32818">
        <v>33</v>
      </c>
      <c r="Z32818">
        <v>33</v>
      </c>
      <c r="AA32818">
        <v>34</v>
      </c>
      <c r="AB32818">
        <v>34</v>
      </c>
      <c r="AC32818">
        <v>34</v>
      </c>
      <c r="AD32818">
        <v>35</v>
      </c>
      <c r="AE32818">
        <v>35</v>
      </c>
      <c r="AF32818">
        <v>36</v>
      </c>
      <c r="AG32818">
        <v>36</v>
      </c>
      <c r="AH32818">
        <v>36</v>
      </c>
      <c r="AI32818">
        <v>37</v>
      </c>
      <c r="AJ32818">
        <v>37</v>
      </c>
      <c r="AK32818">
        <v>37</v>
      </c>
      <c r="AL32818">
        <v>38</v>
      </c>
      <c r="AM32818">
        <v>38</v>
      </c>
      <c r="AN32818">
        <v>38</v>
      </c>
      <c r="AO32818">
        <v>38</v>
      </c>
      <c r="AP32818">
        <v>38</v>
      </c>
      <c r="AQ32818">
        <v>38</v>
      </c>
    </row>
    <row r="32819" spans="1:43">
      <c r="A32819" t="s">
        <v>20337</v>
      </c>
      <c r="B32819" t="s">
        <v>20338</v>
      </c>
      <c r="C32819" t="s">
        <v>20303</v>
      </c>
      <c r="D32819" t="s">
        <v>20304</v>
      </c>
      <c r="E32819" t="s">
        <v>20253</v>
      </c>
      <c r="F32819" t="s">
        <v>20254</v>
      </c>
      <c r="G32819" t="s">
        <v>20255</v>
      </c>
      <c r="H32819" t="s">
        <v>20256</v>
      </c>
      <c r="I32819" s="2">
        <v>1</v>
      </c>
      <c r="J32819" s="2">
        <v>0</v>
      </c>
      <c r="K32819" s="2">
        <v>0</v>
      </c>
      <c r="L32819" t="s">
        <v>120</v>
      </c>
      <c r="M32819" t="s">
        <v>87</v>
      </c>
      <c r="N32819" t="s">
        <v>88</v>
      </c>
      <c r="O32819" t="s">
        <v>85</v>
      </c>
      <c r="P32819" t="s">
        <v>86</v>
      </c>
      <c r="Q32819">
        <v>30</v>
      </c>
      <c r="R32819">
        <v>30</v>
      </c>
      <c r="S32819">
        <v>30</v>
      </c>
      <c r="T32819">
        <v>30</v>
      </c>
      <c r="U32819">
        <v>30</v>
      </c>
      <c r="V32819">
        <v>30</v>
      </c>
      <c r="W32819">
        <v>30</v>
      </c>
      <c r="X32819">
        <v>31</v>
      </c>
      <c r="Y32819">
        <v>31</v>
      </c>
      <c r="Z32819">
        <v>31</v>
      </c>
      <c r="AA32819">
        <v>31</v>
      </c>
      <c r="AB32819">
        <v>31</v>
      </c>
      <c r="AC32819">
        <v>31</v>
      </c>
      <c r="AD32819">
        <v>31</v>
      </c>
      <c r="AE32819">
        <v>31</v>
      </c>
      <c r="AF32819">
        <v>31</v>
      </c>
      <c r="AG32819">
        <v>31</v>
      </c>
      <c r="AH32819">
        <v>31</v>
      </c>
      <c r="AI32819">
        <v>32</v>
      </c>
      <c r="AJ32819">
        <v>32</v>
      </c>
      <c r="AK32819">
        <v>32</v>
      </c>
      <c r="AL32819">
        <v>32</v>
      </c>
      <c r="AM32819">
        <v>32</v>
      </c>
      <c r="AN32819">
        <v>32</v>
      </c>
      <c r="AO32819">
        <v>32</v>
      </c>
      <c r="AP32819">
        <v>33</v>
      </c>
      <c r="AQ32819">
        <v>33</v>
      </c>
    </row>
    <row r="32820" spans="1:43">
      <c r="A32820" t="s">
        <v>20337</v>
      </c>
      <c r="B32820" t="s">
        <v>20338</v>
      </c>
      <c r="C32820" t="s">
        <v>20303</v>
      </c>
      <c r="D32820" t="s">
        <v>20304</v>
      </c>
      <c r="E32820" t="s">
        <v>20253</v>
      </c>
      <c r="F32820" t="s">
        <v>20254</v>
      </c>
      <c r="G32820" t="s">
        <v>20255</v>
      </c>
      <c r="H32820" t="s">
        <v>20256</v>
      </c>
      <c r="I32820" s="2">
        <v>1</v>
      </c>
      <c r="J32820" s="2">
        <v>0</v>
      </c>
      <c r="K32820" s="2">
        <v>0</v>
      </c>
      <c r="L32820" t="s">
        <v>120</v>
      </c>
      <c r="M32820" t="s">
        <v>89</v>
      </c>
      <c r="N32820" t="s">
        <v>90</v>
      </c>
      <c r="O32820" t="s">
        <v>85</v>
      </c>
      <c r="P32820" t="s">
        <v>86</v>
      </c>
      <c r="Q32820">
        <v>30</v>
      </c>
      <c r="R32820">
        <v>30</v>
      </c>
      <c r="S32820">
        <v>31</v>
      </c>
      <c r="T32820">
        <v>31</v>
      </c>
      <c r="U32820">
        <v>32</v>
      </c>
      <c r="V32820">
        <v>33</v>
      </c>
      <c r="W32820">
        <v>33</v>
      </c>
      <c r="X32820">
        <v>34</v>
      </c>
      <c r="Y32820">
        <v>34</v>
      </c>
      <c r="Z32820">
        <v>35</v>
      </c>
      <c r="AA32820">
        <v>35</v>
      </c>
      <c r="AB32820">
        <v>35</v>
      </c>
      <c r="AC32820">
        <v>36</v>
      </c>
      <c r="AD32820">
        <v>36</v>
      </c>
      <c r="AE32820">
        <v>37</v>
      </c>
      <c r="AF32820">
        <v>37</v>
      </c>
      <c r="AG32820">
        <v>37</v>
      </c>
      <c r="AH32820">
        <v>37</v>
      </c>
      <c r="AI32820">
        <v>37</v>
      </c>
      <c r="AJ32820">
        <v>37</v>
      </c>
      <c r="AK32820">
        <v>37</v>
      </c>
      <c r="AL32820">
        <v>37</v>
      </c>
      <c r="AM32820">
        <v>37</v>
      </c>
      <c r="AN32820">
        <v>37</v>
      </c>
      <c r="AO32820">
        <v>37</v>
      </c>
      <c r="AP32820">
        <v>37</v>
      </c>
      <c r="AQ32820">
        <v>37</v>
      </c>
    </row>
    <row r="32821" spans="1:43">
      <c r="A32821" t="s">
        <v>20337</v>
      </c>
      <c r="B32821" t="s">
        <v>20338</v>
      </c>
      <c r="C32821" t="s">
        <v>20303</v>
      </c>
      <c r="D32821" t="s">
        <v>20304</v>
      </c>
      <c r="E32821" t="s">
        <v>20253</v>
      </c>
      <c r="F32821" t="s">
        <v>20254</v>
      </c>
      <c r="G32821" t="s">
        <v>20255</v>
      </c>
      <c r="H32821" t="s">
        <v>20256</v>
      </c>
      <c r="I32821" s="2">
        <v>1</v>
      </c>
      <c r="J32821" s="2">
        <v>0</v>
      </c>
      <c r="K32821" s="2">
        <v>0</v>
      </c>
      <c r="L32821" t="s">
        <v>120</v>
      </c>
      <c r="M32821" t="s">
        <v>83</v>
      </c>
      <c r="N32821" t="s">
        <v>91</v>
      </c>
      <c r="O32821" t="s">
        <v>85</v>
      </c>
      <c r="P32821" t="s">
        <v>86</v>
      </c>
      <c r="Q32821">
        <v>30</v>
      </c>
      <c r="R32821">
        <v>31</v>
      </c>
      <c r="S32821">
        <v>31</v>
      </c>
      <c r="T32821">
        <v>31</v>
      </c>
      <c r="U32821">
        <v>32</v>
      </c>
      <c r="V32821">
        <v>32</v>
      </c>
      <c r="W32821">
        <v>32</v>
      </c>
      <c r="X32821">
        <v>33</v>
      </c>
      <c r="Y32821">
        <v>33</v>
      </c>
      <c r="Z32821">
        <v>33</v>
      </c>
      <c r="AA32821">
        <v>34</v>
      </c>
      <c r="AB32821">
        <v>34</v>
      </c>
      <c r="AC32821">
        <v>34</v>
      </c>
      <c r="AD32821">
        <v>35</v>
      </c>
      <c r="AE32821">
        <v>35</v>
      </c>
      <c r="AF32821">
        <v>36</v>
      </c>
      <c r="AG32821">
        <v>36</v>
      </c>
      <c r="AH32821">
        <v>36</v>
      </c>
      <c r="AI32821">
        <v>37</v>
      </c>
      <c r="AJ32821">
        <v>37</v>
      </c>
      <c r="AK32821">
        <v>37</v>
      </c>
      <c r="AL32821">
        <v>38</v>
      </c>
      <c r="AM32821">
        <v>38</v>
      </c>
      <c r="AN32821">
        <v>38</v>
      </c>
      <c r="AO32821">
        <v>38</v>
      </c>
      <c r="AP32821">
        <v>38</v>
      </c>
      <c r="AQ32821">
        <v>38</v>
      </c>
    </row>
    <row r="32822" spans="1:43">
      <c r="A32822" t="s">
        <v>20339</v>
      </c>
      <c r="B32822" t="s">
        <v>20340</v>
      </c>
      <c r="C32822" t="s">
        <v>20327</v>
      </c>
      <c r="D32822" t="s">
        <v>20328</v>
      </c>
      <c r="E32822" t="s">
        <v>20253</v>
      </c>
      <c r="F32822" t="s">
        <v>20254</v>
      </c>
      <c r="G32822" t="s">
        <v>20255</v>
      </c>
      <c r="H32822" t="s">
        <v>20256</v>
      </c>
      <c r="I32822" s="2">
        <v>1</v>
      </c>
      <c r="J32822" s="2">
        <v>0</v>
      </c>
      <c r="K32822" s="2">
        <v>0</v>
      </c>
      <c r="L32822" t="s">
        <v>120</v>
      </c>
      <c r="M32822" t="s">
        <v>83</v>
      </c>
      <c r="N32822" t="s">
        <v>84</v>
      </c>
      <c r="O32822" t="s">
        <v>85</v>
      </c>
      <c r="P32822" t="s">
        <v>86</v>
      </c>
      <c r="Q32822">
        <v>19</v>
      </c>
      <c r="R32822">
        <v>19</v>
      </c>
      <c r="S32822">
        <v>19</v>
      </c>
      <c r="T32822">
        <v>19</v>
      </c>
      <c r="U32822">
        <v>20</v>
      </c>
      <c r="V32822">
        <v>20</v>
      </c>
      <c r="W32822">
        <v>20</v>
      </c>
      <c r="X32822">
        <v>20</v>
      </c>
      <c r="Y32822">
        <v>20</v>
      </c>
      <c r="Z32822">
        <v>20</v>
      </c>
      <c r="AA32822">
        <v>21</v>
      </c>
      <c r="AB32822">
        <v>21</v>
      </c>
      <c r="AC32822">
        <v>21</v>
      </c>
      <c r="AD32822">
        <v>21</v>
      </c>
      <c r="AE32822">
        <v>21</v>
      </c>
      <c r="AF32822">
        <v>21</v>
      </c>
      <c r="AG32822">
        <v>21</v>
      </c>
      <c r="AH32822">
        <v>22</v>
      </c>
      <c r="AI32822">
        <v>22</v>
      </c>
      <c r="AJ32822">
        <v>22</v>
      </c>
      <c r="AK32822">
        <v>22</v>
      </c>
      <c r="AL32822">
        <v>22</v>
      </c>
      <c r="AM32822">
        <v>22</v>
      </c>
      <c r="AN32822">
        <v>22</v>
      </c>
      <c r="AO32822">
        <v>22</v>
      </c>
      <c r="AP32822">
        <v>22</v>
      </c>
      <c r="AQ32822">
        <v>22</v>
      </c>
    </row>
    <row r="32823" spans="1:43">
      <c r="A32823" t="s">
        <v>20339</v>
      </c>
      <c r="B32823" t="s">
        <v>20340</v>
      </c>
      <c r="C32823" t="s">
        <v>20327</v>
      </c>
      <c r="D32823" t="s">
        <v>20328</v>
      </c>
      <c r="E32823" t="s">
        <v>20253</v>
      </c>
      <c r="F32823" t="s">
        <v>20254</v>
      </c>
      <c r="G32823" t="s">
        <v>20255</v>
      </c>
      <c r="H32823" t="s">
        <v>20256</v>
      </c>
      <c r="I32823" s="2">
        <v>1</v>
      </c>
      <c r="J32823" s="2">
        <v>0</v>
      </c>
      <c r="K32823" s="2">
        <v>0</v>
      </c>
      <c r="L32823" t="s">
        <v>120</v>
      </c>
      <c r="M32823" t="s">
        <v>87</v>
      </c>
      <c r="N32823" t="s">
        <v>88</v>
      </c>
      <c r="O32823" t="s">
        <v>85</v>
      </c>
      <c r="P32823" t="s">
        <v>86</v>
      </c>
      <c r="Q32823">
        <v>19</v>
      </c>
      <c r="R32823">
        <v>19</v>
      </c>
      <c r="S32823">
        <v>19</v>
      </c>
      <c r="T32823">
        <v>19</v>
      </c>
      <c r="U32823">
        <v>19</v>
      </c>
      <c r="V32823">
        <v>19</v>
      </c>
      <c r="W32823">
        <v>19</v>
      </c>
      <c r="X32823">
        <v>19</v>
      </c>
      <c r="Y32823">
        <v>19</v>
      </c>
      <c r="Z32823">
        <v>19</v>
      </c>
      <c r="AA32823">
        <v>19</v>
      </c>
      <c r="AB32823">
        <v>19</v>
      </c>
      <c r="AC32823">
        <v>19</v>
      </c>
      <c r="AD32823">
        <v>19</v>
      </c>
      <c r="AE32823">
        <v>19</v>
      </c>
      <c r="AF32823">
        <v>19</v>
      </c>
      <c r="AG32823">
        <v>19</v>
      </c>
      <c r="AH32823">
        <v>19</v>
      </c>
      <c r="AI32823">
        <v>19</v>
      </c>
      <c r="AJ32823">
        <v>19</v>
      </c>
      <c r="AK32823">
        <v>19</v>
      </c>
      <c r="AL32823">
        <v>19</v>
      </c>
      <c r="AM32823">
        <v>19</v>
      </c>
      <c r="AN32823">
        <v>19</v>
      </c>
      <c r="AO32823">
        <v>19</v>
      </c>
      <c r="AP32823">
        <v>19</v>
      </c>
      <c r="AQ32823">
        <v>19</v>
      </c>
    </row>
    <row r="32824" spans="1:43">
      <c r="A32824" t="s">
        <v>20339</v>
      </c>
      <c r="B32824" t="s">
        <v>20340</v>
      </c>
      <c r="C32824" t="s">
        <v>20327</v>
      </c>
      <c r="D32824" t="s">
        <v>20328</v>
      </c>
      <c r="E32824" t="s">
        <v>20253</v>
      </c>
      <c r="F32824" t="s">
        <v>20254</v>
      </c>
      <c r="G32824" t="s">
        <v>20255</v>
      </c>
      <c r="H32824" t="s">
        <v>20256</v>
      </c>
      <c r="I32824" s="2">
        <v>1</v>
      </c>
      <c r="J32824" s="2">
        <v>0</v>
      </c>
      <c r="K32824" s="2">
        <v>0</v>
      </c>
      <c r="L32824" t="s">
        <v>120</v>
      </c>
      <c r="M32824" t="s">
        <v>89</v>
      </c>
      <c r="N32824" t="s">
        <v>90</v>
      </c>
      <c r="O32824" t="s">
        <v>85</v>
      </c>
      <c r="P32824" t="s">
        <v>86</v>
      </c>
      <c r="Q32824">
        <v>19</v>
      </c>
      <c r="R32824">
        <v>19</v>
      </c>
      <c r="S32824">
        <v>20</v>
      </c>
      <c r="T32824">
        <v>20</v>
      </c>
      <c r="U32824">
        <v>20</v>
      </c>
      <c r="V32824">
        <v>21</v>
      </c>
      <c r="W32824">
        <v>21</v>
      </c>
      <c r="X32824">
        <v>21</v>
      </c>
      <c r="Y32824">
        <v>21</v>
      </c>
      <c r="Z32824">
        <v>22</v>
      </c>
      <c r="AA32824">
        <v>22</v>
      </c>
      <c r="AB32824">
        <v>22</v>
      </c>
      <c r="AC32824">
        <v>22</v>
      </c>
      <c r="AD32824">
        <v>23</v>
      </c>
      <c r="AE32824">
        <v>23</v>
      </c>
      <c r="AF32824">
        <v>23</v>
      </c>
      <c r="AG32824">
        <v>23</v>
      </c>
      <c r="AH32824">
        <v>23</v>
      </c>
      <c r="AI32824">
        <v>22</v>
      </c>
      <c r="AJ32824">
        <v>22</v>
      </c>
      <c r="AK32824">
        <v>22</v>
      </c>
      <c r="AL32824">
        <v>22</v>
      </c>
      <c r="AM32824">
        <v>22</v>
      </c>
      <c r="AN32824">
        <v>22</v>
      </c>
      <c r="AO32824">
        <v>22</v>
      </c>
      <c r="AP32824">
        <v>22</v>
      </c>
      <c r="AQ32824">
        <v>22</v>
      </c>
    </row>
    <row r="32825" spans="1:43">
      <c r="A32825" t="s">
        <v>20339</v>
      </c>
      <c r="B32825" t="s">
        <v>20340</v>
      </c>
      <c r="C32825" t="s">
        <v>20327</v>
      </c>
      <c r="D32825" t="s">
        <v>20328</v>
      </c>
      <c r="E32825" t="s">
        <v>20253</v>
      </c>
      <c r="F32825" t="s">
        <v>20254</v>
      </c>
      <c r="G32825" t="s">
        <v>20255</v>
      </c>
      <c r="H32825" t="s">
        <v>20256</v>
      </c>
      <c r="I32825" s="2">
        <v>1</v>
      </c>
      <c r="J32825" s="2">
        <v>0</v>
      </c>
      <c r="K32825" s="2">
        <v>0</v>
      </c>
      <c r="L32825" t="s">
        <v>120</v>
      </c>
      <c r="M32825" t="s">
        <v>83</v>
      </c>
      <c r="N32825" t="s">
        <v>91</v>
      </c>
      <c r="O32825" t="s">
        <v>85</v>
      </c>
      <c r="P32825" t="s">
        <v>86</v>
      </c>
      <c r="Q32825">
        <v>19</v>
      </c>
      <c r="R32825">
        <v>19</v>
      </c>
      <c r="S32825">
        <v>19</v>
      </c>
      <c r="T32825">
        <v>19</v>
      </c>
      <c r="U32825">
        <v>20</v>
      </c>
      <c r="V32825">
        <v>20</v>
      </c>
      <c r="W32825">
        <v>20</v>
      </c>
      <c r="X32825">
        <v>20</v>
      </c>
      <c r="Y32825">
        <v>20</v>
      </c>
      <c r="Z32825">
        <v>20</v>
      </c>
      <c r="AA32825">
        <v>21</v>
      </c>
      <c r="AB32825">
        <v>21</v>
      </c>
      <c r="AC32825">
        <v>21</v>
      </c>
      <c r="AD32825">
        <v>21</v>
      </c>
      <c r="AE32825">
        <v>21</v>
      </c>
      <c r="AF32825">
        <v>21</v>
      </c>
      <c r="AG32825">
        <v>21</v>
      </c>
      <c r="AH32825">
        <v>22</v>
      </c>
      <c r="AI32825">
        <v>22</v>
      </c>
      <c r="AJ32825">
        <v>22</v>
      </c>
      <c r="AK32825">
        <v>22</v>
      </c>
      <c r="AL32825">
        <v>22</v>
      </c>
      <c r="AM32825">
        <v>22</v>
      </c>
      <c r="AN32825">
        <v>22</v>
      </c>
      <c r="AO32825">
        <v>22</v>
      </c>
      <c r="AP32825">
        <v>22</v>
      </c>
      <c r="AQ32825">
        <v>22</v>
      </c>
    </row>
    <row r="32826" spans="1:43">
      <c r="A32826" t="s">
        <v>20341</v>
      </c>
      <c r="B32826" t="s">
        <v>20342</v>
      </c>
      <c r="C32826" t="s">
        <v>20327</v>
      </c>
      <c r="D32826" t="s">
        <v>20328</v>
      </c>
      <c r="E32826" t="s">
        <v>20253</v>
      </c>
      <c r="F32826" t="s">
        <v>20254</v>
      </c>
      <c r="G32826" t="s">
        <v>20255</v>
      </c>
      <c r="H32826" t="s">
        <v>20256</v>
      </c>
      <c r="I32826" s="2">
        <v>1</v>
      </c>
      <c r="J32826" s="2">
        <v>0</v>
      </c>
      <c r="K32826" s="2">
        <v>0</v>
      </c>
      <c r="L32826" t="s">
        <v>120</v>
      </c>
      <c r="M32826" t="s">
        <v>83</v>
      </c>
      <c r="N32826" t="s">
        <v>84</v>
      </c>
      <c r="O32826" t="s">
        <v>85</v>
      </c>
      <c r="P32826" t="s">
        <v>86</v>
      </c>
      <c r="Q32826">
        <v>39</v>
      </c>
      <c r="R32826">
        <v>39</v>
      </c>
      <c r="S32826">
        <v>40</v>
      </c>
      <c r="T32826">
        <v>40</v>
      </c>
      <c r="U32826">
        <v>41</v>
      </c>
      <c r="V32826">
        <v>41</v>
      </c>
      <c r="W32826">
        <v>42</v>
      </c>
      <c r="X32826">
        <v>42</v>
      </c>
      <c r="Y32826">
        <v>43</v>
      </c>
      <c r="Z32826">
        <v>43</v>
      </c>
      <c r="AA32826">
        <v>44</v>
      </c>
      <c r="AB32826">
        <v>44</v>
      </c>
      <c r="AC32826">
        <v>45</v>
      </c>
      <c r="AD32826">
        <v>45</v>
      </c>
      <c r="AE32826">
        <v>46</v>
      </c>
      <c r="AF32826">
        <v>46</v>
      </c>
      <c r="AG32826">
        <v>47</v>
      </c>
      <c r="AH32826">
        <v>47</v>
      </c>
      <c r="AI32826">
        <v>48</v>
      </c>
      <c r="AJ32826">
        <v>48</v>
      </c>
      <c r="AK32826">
        <v>49</v>
      </c>
      <c r="AL32826">
        <v>49</v>
      </c>
      <c r="AM32826">
        <v>49</v>
      </c>
      <c r="AN32826">
        <v>49</v>
      </c>
      <c r="AO32826">
        <v>49</v>
      </c>
      <c r="AP32826">
        <v>49</v>
      </c>
      <c r="AQ32826">
        <v>50</v>
      </c>
    </row>
    <row r="32827" spans="1:43">
      <c r="A32827" t="s">
        <v>20341</v>
      </c>
      <c r="B32827" t="s">
        <v>20342</v>
      </c>
      <c r="C32827" t="s">
        <v>20327</v>
      </c>
      <c r="D32827" t="s">
        <v>20328</v>
      </c>
      <c r="E32827" t="s">
        <v>20253</v>
      </c>
      <c r="F32827" t="s">
        <v>20254</v>
      </c>
      <c r="G32827" t="s">
        <v>20255</v>
      </c>
      <c r="H32827" t="s">
        <v>20256</v>
      </c>
      <c r="I32827" s="2">
        <v>1</v>
      </c>
      <c r="J32827" s="2">
        <v>0</v>
      </c>
      <c r="K32827" s="2">
        <v>0</v>
      </c>
      <c r="L32827" t="s">
        <v>120</v>
      </c>
      <c r="M32827" t="s">
        <v>87</v>
      </c>
      <c r="N32827" t="s">
        <v>88</v>
      </c>
      <c r="O32827" t="s">
        <v>85</v>
      </c>
      <c r="P32827" t="s">
        <v>86</v>
      </c>
      <c r="Q32827">
        <v>39</v>
      </c>
      <c r="R32827">
        <v>39</v>
      </c>
      <c r="S32827">
        <v>39</v>
      </c>
      <c r="T32827">
        <v>39</v>
      </c>
      <c r="U32827">
        <v>39</v>
      </c>
      <c r="V32827">
        <v>39</v>
      </c>
      <c r="W32827">
        <v>39</v>
      </c>
      <c r="X32827">
        <v>39</v>
      </c>
      <c r="Y32827">
        <v>40</v>
      </c>
      <c r="Z32827">
        <v>40</v>
      </c>
      <c r="AA32827">
        <v>40</v>
      </c>
      <c r="AB32827">
        <v>40</v>
      </c>
      <c r="AC32827">
        <v>40</v>
      </c>
      <c r="AD32827">
        <v>40</v>
      </c>
      <c r="AE32827">
        <v>41</v>
      </c>
      <c r="AF32827">
        <v>41</v>
      </c>
      <c r="AG32827">
        <v>41</v>
      </c>
      <c r="AH32827">
        <v>41</v>
      </c>
      <c r="AI32827">
        <v>41</v>
      </c>
      <c r="AJ32827">
        <v>41</v>
      </c>
      <c r="AK32827">
        <v>42</v>
      </c>
      <c r="AL32827">
        <v>42</v>
      </c>
      <c r="AM32827">
        <v>42</v>
      </c>
      <c r="AN32827">
        <v>42</v>
      </c>
      <c r="AO32827">
        <v>43</v>
      </c>
      <c r="AP32827">
        <v>43</v>
      </c>
      <c r="AQ32827">
        <v>43</v>
      </c>
    </row>
    <row r="32828" spans="1:43">
      <c r="A32828" t="s">
        <v>20341</v>
      </c>
      <c r="B32828" t="s">
        <v>20342</v>
      </c>
      <c r="C32828" t="s">
        <v>20327</v>
      </c>
      <c r="D32828" t="s">
        <v>20328</v>
      </c>
      <c r="E32828" t="s">
        <v>20253</v>
      </c>
      <c r="F32828" t="s">
        <v>20254</v>
      </c>
      <c r="G32828" t="s">
        <v>20255</v>
      </c>
      <c r="H32828" t="s">
        <v>20256</v>
      </c>
      <c r="I32828" s="2">
        <v>1</v>
      </c>
      <c r="J32828" s="2">
        <v>0</v>
      </c>
      <c r="K32828" s="2">
        <v>0</v>
      </c>
      <c r="L32828" t="s">
        <v>120</v>
      </c>
      <c r="M32828" t="s">
        <v>89</v>
      </c>
      <c r="N32828" t="s">
        <v>90</v>
      </c>
      <c r="O32828" t="s">
        <v>85</v>
      </c>
      <c r="P32828" t="s">
        <v>86</v>
      </c>
      <c r="Q32828">
        <v>39</v>
      </c>
      <c r="R32828">
        <v>40</v>
      </c>
      <c r="S32828">
        <v>41</v>
      </c>
      <c r="T32828">
        <v>42</v>
      </c>
      <c r="U32828">
        <v>42</v>
      </c>
      <c r="V32828">
        <v>43</v>
      </c>
      <c r="W32828">
        <v>44</v>
      </c>
      <c r="X32828">
        <v>45</v>
      </c>
      <c r="Y32828">
        <v>45</v>
      </c>
      <c r="Z32828">
        <v>46</v>
      </c>
      <c r="AA32828">
        <v>46</v>
      </c>
      <c r="AB32828">
        <v>47</v>
      </c>
      <c r="AC32828">
        <v>48</v>
      </c>
      <c r="AD32828">
        <v>48</v>
      </c>
      <c r="AE32828">
        <v>49</v>
      </c>
      <c r="AF32828">
        <v>49</v>
      </c>
      <c r="AG32828">
        <v>49</v>
      </c>
      <c r="AH32828">
        <v>49</v>
      </c>
      <c r="AI32828">
        <v>49</v>
      </c>
      <c r="AJ32828">
        <v>49</v>
      </c>
      <c r="AK32828">
        <v>49</v>
      </c>
      <c r="AL32828">
        <v>49</v>
      </c>
      <c r="AM32828">
        <v>50</v>
      </c>
      <c r="AN32828">
        <v>50</v>
      </c>
      <c r="AO32828">
        <v>50</v>
      </c>
      <c r="AP32828">
        <v>50</v>
      </c>
      <c r="AQ32828">
        <v>50</v>
      </c>
    </row>
    <row r="32829" spans="1:43">
      <c r="A32829" t="s">
        <v>20341</v>
      </c>
      <c r="B32829" t="s">
        <v>20342</v>
      </c>
      <c r="C32829" t="s">
        <v>20327</v>
      </c>
      <c r="D32829" t="s">
        <v>20328</v>
      </c>
      <c r="E32829" t="s">
        <v>20253</v>
      </c>
      <c r="F32829" t="s">
        <v>20254</v>
      </c>
      <c r="G32829" t="s">
        <v>20255</v>
      </c>
      <c r="H32829" t="s">
        <v>20256</v>
      </c>
      <c r="I32829" s="2">
        <v>1</v>
      </c>
      <c r="J32829" s="2">
        <v>0</v>
      </c>
      <c r="K32829" s="2">
        <v>0</v>
      </c>
      <c r="L32829" t="s">
        <v>120</v>
      </c>
      <c r="M32829" t="s">
        <v>83</v>
      </c>
      <c r="N32829" t="s">
        <v>91</v>
      </c>
      <c r="O32829" t="s">
        <v>85</v>
      </c>
      <c r="P32829" t="s">
        <v>86</v>
      </c>
      <c r="Q32829">
        <v>39</v>
      </c>
      <c r="R32829">
        <v>39</v>
      </c>
      <c r="S32829">
        <v>40</v>
      </c>
      <c r="T32829">
        <v>40</v>
      </c>
      <c r="U32829">
        <v>41</v>
      </c>
      <c r="V32829">
        <v>41</v>
      </c>
      <c r="W32829">
        <v>42</v>
      </c>
      <c r="X32829">
        <v>42</v>
      </c>
      <c r="Y32829">
        <v>43</v>
      </c>
      <c r="Z32829">
        <v>43</v>
      </c>
      <c r="AA32829">
        <v>44</v>
      </c>
      <c r="AB32829">
        <v>44</v>
      </c>
      <c r="AC32829">
        <v>45</v>
      </c>
      <c r="AD32829">
        <v>45</v>
      </c>
      <c r="AE32829">
        <v>46</v>
      </c>
      <c r="AF32829">
        <v>46</v>
      </c>
      <c r="AG32829">
        <v>47</v>
      </c>
      <c r="AH32829">
        <v>47</v>
      </c>
      <c r="AI32829">
        <v>48</v>
      </c>
      <c r="AJ32829">
        <v>48</v>
      </c>
      <c r="AK32829">
        <v>49</v>
      </c>
      <c r="AL32829">
        <v>49</v>
      </c>
      <c r="AM32829">
        <v>49</v>
      </c>
      <c r="AN32829">
        <v>49</v>
      </c>
      <c r="AO32829">
        <v>49</v>
      </c>
      <c r="AP32829">
        <v>49</v>
      </c>
      <c r="AQ32829">
        <v>50</v>
      </c>
    </row>
    <row r="32830" spans="1:43">
      <c r="A32830" t="s">
        <v>20343</v>
      </c>
      <c r="B32830" t="s">
        <v>20344</v>
      </c>
      <c r="C32830" t="s">
        <v>20327</v>
      </c>
      <c r="D32830" t="s">
        <v>20328</v>
      </c>
      <c r="E32830" t="s">
        <v>20253</v>
      </c>
      <c r="F32830" t="s">
        <v>20254</v>
      </c>
      <c r="G32830" t="s">
        <v>20255</v>
      </c>
      <c r="H32830" t="s">
        <v>20256</v>
      </c>
      <c r="I32830" s="2">
        <v>1</v>
      </c>
      <c r="J32830" s="2">
        <v>0</v>
      </c>
      <c r="K32830" s="2">
        <v>0</v>
      </c>
      <c r="L32830" t="s">
        <v>120</v>
      </c>
      <c r="M32830" t="s">
        <v>83</v>
      </c>
      <c r="N32830" t="s">
        <v>84</v>
      </c>
      <c r="O32830" t="s">
        <v>85</v>
      </c>
      <c r="P32830" t="s">
        <v>86</v>
      </c>
      <c r="Q32830">
        <v>3</v>
      </c>
      <c r="R32830">
        <v>3</v>
      </c>
      <c r="S32830">
        <v>3</v>
      </c>
      <c r="T32830">
        <v>3</v>
      </c>
      <c r="U32830">
        <v>3</v>
      </c>
      <c r="V32830">
        <v>3</v>
      </c>
      <c r="W32830">
        <v>3</v>
      </c>
      <c r="X32830">
        <v>3</v>
      </c>
      <c r="Y32830">
        <v>3</v>
      </c>
      <c r="Z32830">
        <v>3</v>
      </c>
      <c r="AA32830">
        <v>3</v>
      </c>
      <c r="AB32830">
        <v>3</v>
      </c>
      <c r="AC32830">
        <v>3</v>
      </c>
      <c r="AD32830">
        <v>4</v>
      </c>
      <c r="AE32830">
        <v>4</v>
      </c>
      <c r="AF32830">
        <v>4</v>
      </c>
      <c r="AG32830">
        <v>4</v>
      </c>
      <c r="AH32830">
        <v>4</v>
      </c>
      <c r="AI32830">
        <v>4</v>
      </c>
      <c r="AJ32830">
        <v>4</v>
      </c>
      <c r="AK32830">
        <v>4</v>
      </c>
      <c r="AL32830">
        <v>4</v>
      </c>
      <c r="AM32830">
        <v>4</v>
      </c>
      <c r="AN32830">
        <v>4</v>
      </c>
      <c r="AO32830">
        <v>4</v>
      </c>
      <c r="AP32830">
        <v>4</v>
      </c>
      <c r="AQ32830">
        <v>4</v>
      </c>
    </row>
    <row r="32831" spans="1:43">
      <c r="A32831" t="s">
        <v>20343</v>
      </c>
      <c r="B32831" t="s">
        <v>20344</v>
      </c>
      <c r="C32831" t="s">
        <v>20327</v>
      </c>
      <c r="D32831" t="s">
        <v>20328</v>
      </c>
      <c r="E32831" t="s">
        <v>20253</v>
      </c>
      <c r="F32831" t="s">
        <v>20254</v>
      </c>
      <c r="G32831" t="s">
        <v>20255</v>
      </c>
      <c r="H32831" t="s">
        <v>20256</v>
      </c>
      <c r="I32831" s="2">
        <v>1</v>
      </c>
      <c r="J32831" s="2">
        <v>0</v>
      </c>
      <c r="K32831" s="2">
        <v>0</v>
      </c>
      <c r="L32831" t="s">
        <v>120</v>
      </c>
      <c r="M32831" t="s">
        <v>87</v>
      </c>
      <c r="N32831" t="s">
        <v>88</v>
      </c>
      <c r="O32831" t="s">
        <v>85</v>
      </c>
      <c r="P32831" t="s">
        <v>86</v>
      </c>
      <c r="Q32831">
        <v>3</v>
      </c>
      <c r="R32831">
        <v>3</v>
      </c>
      <c r="S32831">
        <v>3</v>
      </c>
      <c r="T32831">
        <v>3</v>
      </c>
      <c r="U32831">
        <v>3</v>
      </c>
      <c r="V32831">
        <v>3</v>
      </c>
      <c r="W32831">
        <v>3</v>
      </c>
      <c r="X32831">
        <v>3</v>
      </c>
      <c r="Y32831">
        <v>3</v>
      </c>
      <c r="Z32831">
        <v>3</v>
      </c>
      <c r="AA32831">
        <v>3</v>
      </c>
      <c r="AB32831">
        <v>3</v>
      </c>
      <c r="AC32831">
        <v>3</v>
      </c>
      <c r="AD32831">
        <v>3</v>
      </c>
      <c r="AE32831">
        <v>3</v>
      </c>
      <c r="AF32831">
        <v>3</v>
      </c>
      <c r="AG32831">
        <v>3</v>
      </c>
      <c r="AH32831">
        <v>3</v>
      </c>
      <c r="AI32831">
        <v>3</v>
      </c>
      <c r="AJ32831">
        <v>3</v>
      </c>
      <c r="AK32831">
        <v>3</v>
      </c>
      <c r="AL32831">
        <v>3</v>
      </c>
      <c r="AM32831">
        <v>3</v>
      </c>
      <c r="AN32831">
        <v>3</v>
      </c>
      <c r="AO32831">
        <v>3</v>
      </c>
      <c r="AP32831">
        <v>3</v>
      </c>
      <c r="AQ32831">
        <v>3</v>
      </c>
    </row>
    <row r="32832" spans="1:43">
      <c r="A32832" t="s">
        <v>20343</v>
      </c>
      <c r="B32832" t="s">
        <v>20344</v>
      </c>
      <c r="C32832" t="s">
        <v>20327</v>
      </c>
      <c r="D32832" t="s">
        <v>20328</v>
      </c>
      <c r="E32832" t="s">
        <v>20253</v>
      </c>
      <c r="F32832" t="s">
        <v>20254</v>
      </c>
      <c r="G32832" t="s">
        <v>20255</v>
      </c>
      <c r="H32832" t="s">
        <v>20256</v>
      </c>
      <c r="I32832" s="2">
        <v>1</v>
      </c>
      <c r="J32832" s="2">
        <v>0</v>
      </c>
      <c r="K32832" s="2">
        <v>0</v>
      </c>
      <c r="L32832" t="s">
        <v>120</v>
      </c>
      <c r="M32832" t="s">
        <v>89</v>
      </c>
      <c r="N32832" t="s">
        <v>90</v>
      </c>
      <c r="O32832" t="s">
        <v>85</v>
      </c>
      <c r="P32832" t="s">
        <v>86</v>
      </c>
      <c r="Q32832">
        <v>3</v>
      </c>
      <c r="R32832">
        <v>3</v>
      </c>
      <c r="S32832">
        <v>3</v>
      </c>
      <c r="T32832">
        <v>3</v>
      </c>
      <c r="U32832">
        <v>3</v>
      </c>
      <c r="V32832">
        <v>3</v>
      </c>
      <c r="W32832">
        <v>3</v>
      </c>
      <c r="X32832">
        <v>3</v>
      </c>
      <c r="Y32832">
        <v>4</v>
      </c>
      <c r="Z32832">
        <v>4</v>
      </c>
      <c r="AA32832">
        <v>4</v>
      </c>
      <c r="AB32832">
        <v>4</v>
      </c>
      <c r="AC32832">
        <v>4</v>
      </c>
      <c r="AD32832">
        <v>4</v>
      </c>
      <c r="AE32832">
        <v>4</v>
      </c>
      <c r="AF32832">
        <v>4</v>
      </c>
      <c r="AG32832">
        <v>4</v>
      </c>
      <c r="AH32832">
        <v>4</v>
      </c>
      <c r="AI32832">
        <v>4</v>
      </c>
      <c r="AJ32832">
        <v>4</v>
      </c>
      <c r="AK32832">
        <v>4</v>
      </c>
      <c r="AL32832">
        <v>4</v>
      </c>
      <c r="AM32832">
        <v>4</v>
      </c>
      <c r="AN32832">
        <v>4</v>
      </c>
      <c r="AO32832">
        <v>4</v>
      </c>
      <c r="AP32832">
        <v>4</v>
      </c>
      <c r="AQ32832">
        <v>4</v>
      </c>
    </row>
    <row r="32833" spans="1:43">
      <c r="A32833" t="s">
        <v>20343</v>
      </c>
      <c r="B32833" t="s">
        <v>20344</v>
      </c>
      <c r="C32833" t="s">
        <v>20327</v>
      </c>
      <c r="D32833" t="s">
        <v>20328</v>
      </c>
      <c r="E32833" t="s">
        <v>20253</v>
      </c>
      <c r="F32833" t="s">
        <v>20254</v>
      </c>
      <c r="G32833" t="s">
        <v>20255</v>
      </c>
      <c r="H32833" t="s">
        <v>20256</v>
      </c>
      <c r="I32833" s="2">
        <v>1</v>
      </c>
      <c r="J32833" s="2">
        <v>0</v>
      </c>
      <c r="K32833" s="2">
        <v>0</v>
      </c>
      <c r="L32833" t="s">
        <v>120</v>
      </c>
      <c r="M32833" t="s">
        <v>83</v>
      </c>
      <c r="N32833" t="s">
        <v>91</v>
      </c>
      <c r="O32833" t="s">
        <v>85</v>
      </c>
      <c r="P32833" t="s">
        <v>86</v>
      </c>
      <c r="Q32833">
        <v>3</v>
      </c>
      <c r="R32833">
        <v>3</v>
      </c>
      <c r="S32833">
        <v>3</v>
      </c>
      <c r="T32833">
        <v>3</v>
      </c>
      <c r="U32833">
        <v>3</v>
      </c>
      <c r="V32833">
        <v>3</v>
      </c>
      <c r="W32833">
        <v>3</v>
      </c>
      <c r="X32833">
        <v>3</v>
      </c>
      <c r="Y32833">
        <v>3</v>
      </c>
      <c r="Z32833">
        <v>3</v>
      </c>
      <c r="AA32833">
        <v>3</v>
      </c>
      <c r="AB32833">
        <v>3</v>
      </c>
      <c r="AC32833">
        <v>3</v>
      </c>
      <c r="AD32833">
        <v>4</v>
      </c>
      <c r="AE32833">
        <v>4</v>
      </c>
      <c r="AF32833">
        <v>4</v>
      </c>
      <c r="AG32833">
        <v>4</v>
      </c>
      <c r="AH32833">
        <v>4</v>
      </c>
      <c r="AI32833">
        <v>4</v>
      </c>
      <c r="AJ32833">
        <v>4</v>
      </c>
      <c r="AK32833">
        <v>4</v>
      </c>
      <c r="AL32833">
        <v>4</v>
      </c>
      <c r="AM32833">
        <v>4</v>
      </c>
      <c r="AN32833">
        <v>4</v>
      </c>
      <c r="AO32833">
        <v>4</v>
      </c>
      <c r="AP32833">
        <v>4</v>
      </c>
      <c r="AQ32833">
        <v>4</v>
      </c>
    </row>
    <row r="32834" spans="1:43">
      <c r="A32834" t="s">
        <v>20345</v>
      </c>
      <c r="B32834" t="s">
        <v>20346</v>
      </c>
      <c r="C32834" t="s">
        <v>20347</v>
      </c>
      <c r="D32834" t="s">
        <v>20348</v>
      </c>
      <c r="E32834" t="s">
        <v>20253</v>
      </c>
      <c r="F32834" t="s">
        <v>20254</v>
      </c>
      <c r="G32834" t="s">
        <v>20255</v>
      </c>
      <c r="H32834" t="s">
        <v>20256</v>
      </c>
      <c r="I32834" s="2">
        <v>1</v>
      </c>
      <c r="J32834" s="2">
        <v>0</v>
      </c>
      <c r="K32834" s="2">
        <v>0</v>
      </c>
      <c r="L32834" t="s">
        <v>120</v>
      </c>
      <c r="M32834" t="s">
        <v>83</v>
      </c>
      <c r="N32834" t="s">
        <v>84</v>
      </c>
      <c r="O32834" t="s">
        <v>85</v>
      </c>
      <c r="P32834" t="s">
        <v>86</v>
      </c>
      <c r="Q32834">
        <v>22</v>
      </c>
      <c r="R32834">
        <v>22</v>
      </c>
      <c r="S32834">
        <v>23</v>
      </c>
      <c r="T32834">
        <v>23</v>
      </c>
      <c r="U32834">
        <v>23</v>
      </c>
      <c r="V32834">
        <v>23</v>
      </c>
      <c r="W32834">
        <v>24</v>
      </c>
      <c r="X32834">
        <v>24</v>
      </c>
      <c r="Y32834">
        <v>24</v>
      </c>
      <c r="Z32834">
        <v>25</v>
      </c>
      <c r="AA32834">
        <v>25</v>
      </c>
      <c r="AB32834">
        <v>25</v>
      </c>
      <c r="AC32834">
        <v>26</v>
      </c>
      <c r="AD32834">
        <v>26</v>
      </c>
      <c r="AE32834">
        <v>26</v>
      </c>
      <c r="AF32834">
        <v>26</v>
      </c>
      <c r="AG32834">
        <v>27</v>
      </c>
      <c r="AH32834">
        <v>27</v>
      </c>
      <c r="AI32834">
        <v>27</v>
      </c>
      <c r="AJ32834">
        <v>28</v>
      </c>
      <c r="AK32834">
        <v>28</v>
      </c>
      <c r="AL32834">
        <v>28</v>
      </c>
      <c r="AM32834">
        <v>28</v>
      </c>
      <c r="AN32834">
        <v>29</v>
      </c>
      <c r="AO32834">
        <v>29</v>
      </c>
      <c r="AP32834">
        <v>29</v>
      </c>
      <c r="AQ32834">
        <v>29</v>
      </c>
    </row>
    <row r="32835" spans="1:43">
      <c r="A32835" t="s">
        <v>20345</v>
      </c>
      <c r="B32835" t="s">
        <v>20346</v>
      </c>
      <c r="C32835" t="s">
        <v>20347</v>
      </c>
      <c r="D32835" t="s">
        <v>20348</v>
      </c>
      <c r="E32835" t="s">
        <v>20253</v>
      </c>
      <c r="F32835" t="s">
        <v>20254</v>
      </c>
      <c r="G32835" t="s">
        <v>20255</v>
      </c>
      <c r="H32835" t="s">
        <v>20256</v>
      </c>
      <c r="I32835" s="2">
        <v>1</v>
      </c>
      <c r="J32835" s="2">
        <v>0</v>
      </c>
      <c r="K32835" s="2">
        <v>0</v>
      </c>
      <c r="L32835" t="s">
        <v>120</v>
      </c>
      <c r="M32835" t="s">
        <v>87</v>
      </c>
      <c r="N32835" t="s">
        <v>88</v>
      </c>
      <c r="O32835" t="s">
        <v>85</v>
      </c>
      <c r="P32835" t="s">
        <v>86</v>
      </c>
      <c r="Q32835">
        <v>22</v>
      </c>
      <c r="R32835">
        <v>22</v>
      </c>
      <c r="S32835">
        <v>22</v>
      </c>
      <c r="T32835">
        <v>22</v>
      </c>
      <c r="U32835">
        <v>22</v>
      </c>
      <c r="V32835">
        <v>22</v>
      </c>
      <c r="W32835">
        <v>22</v>
      </c>
      <c r="X32835">
        <v>22</v>
      </c>
      <c r="Y32835">
        <v>23</v>
      </c>
      <c r="Z32835">
        <v>23</v>
      </c>
      <c r="AA32835">
        <v>23</v>
      </c>
      <c r="AB32835">
        <v>23</v>
      </c>
      <c r="AC32835">
        <v>23</v>
      </c>
      <c r="AD32835">
        <v>23</v>
      </c>
      <c r="AE32835">
        <v>23</v>
      </c>
      <c r="AF32835">
        <v>23</v>
      </c>
      <c r="AG32835">
        <v>24</v>
      </c>
      <c r="AH32835">
        <v>24</v>
      </c>
      <c r="AI32835">
        <v>24</v>
      </c>
      <c r="AJ32835">
        <v>24</v>
      </c>
      <c r="AK32835">
        <v>24</v>
      </c>
      <c r="AL32835">
        <v>24</v>
      </c>
      <c r="AM32835">
        <v>25</v>
      </c>
      <c r="AN32835">
        <v>25</v>
      </c>
      <c r="AO32835">
        <v>25</v>
      </c>
      <c r="AP32835">
        <v>25</v>
      </c>
      <c r="AQ32835">
        <v>25</v>
      </c>
    </row>
    <row r="32836" spans="1:43">
      <c r="A32836" t="s">
        <v>20345</v>
      </c>
      <c r="B32836" t="s">
        <v>20346</v>
      </c>
      <c r="C32836" t="s">
        <v>20347</v>
      </c>
      <c r="D32836" t="s">
        <v>20348</v>
      </c>
      <c r="E32836" t="s">
        <v>20253</v>
      </c>
      <c r="F32836" t="s">
        <v>20254</v>
      </c>
      <c r="G32836" t="s">
        <v>20255</v>
      </c>
      <c r="H32836" t="s">
        <v>20256</v>
      </c>
      <c r="I32836" s="2">
        <v>1</v>
      </c>
      <c r="J32836" s="2">
        <v>0</v>
      </c>
      <c r="K32836" s="2">
        <v>0</v>
      </c>
      <c r="L32836" t="s">
        <v>120</v>
      </c>
      <c r="M32836" t="s">
        <v>89</v>
      </c>
      <c r="N32836" t="s">
        <v>90</v>
      </c>
      <c r="O32836" t="s">
        <v>85</v>
      </c>
      <c r="P32836" t="s">
        <v>86</v>
      </c>
      <c r="Q32836">
        <v>22</v>
      </c>
      <c r="R32836">
        <v>23</v>
      </c>
      <c r="S32836">
        <v>23</v>
      </c>
      <c r="T32836">
        <v>24</v>
      </c>
      <c r="U32836">
        <v>24</v>
      </c>
      <c r="V32836">
        <v>24</v>
      </c>
      <c r="W32836">
        <v>25</v>
      </c>
      <c r="X32836">
        <v>25</v>
      </c>
      <c r="Y32836">
        <v>26</v>
      </c>
      <c r="Z32836">
        <v>26</v>
      </c>
      <c r="AA32836">
        <v>26</v>
      </c>
      <c r="AB32836">
        <v>27</v>
      </c>
      <c r="AC32836">
        <v>27</v>
      </c>
      <c r="AD32836">
        <v>28</v>
      </c>
      <c r="AE32836">
        <v>28</v>
      </c>
      <c r="AF32836">
        <v>28</v>
      </c>
      <c r="AG32836">
        <v>28</v>
      </c>
      <c r="AH32836">
        <v>28</v>
      </c>
      <c r="AI32836">
        <v>28</v>
      </c>
      <c r="AJ32836">
        <v>29</v>
      </c>
      <c r="AK32836">
        <v>29</v>
      </c>
      <c r="AL32836">
        <v>29</v>
      </c>
      <c r="AM32836">
        <v>29</v>
      </c>
      <c r="AN32836">
        <v>29</v>
      </c>
      <c r="AO32836">
        <v>29</v>
      </c>
      <c r="AP32836">
        <v>29</v>
      </c>
      <c r="AQ32836">
        <v>30</v>
      </c>
    </row>
    <row r="32837" spans="1:43">
      <c r="A32837" t="s">
        <v>20345</v>
      </c>
      <c r="B32837" t="s">
        <v>20346</v>
      </c>
      <c r="C32837" t="s">
        <v>20347</v>
      </c>
      <c r="D32837" t="s">
        <v>20348</v>
      </c>
      <c r="E32837" t="s">
        <v>20253</v>
      </c>
      <c r="F32837" t="s">
        <v>20254</v>
      </c>
      <c r="G32837" t="s">
        <v>20255</v>
      </c>
      <c r="H32837" t="s">
        <v>20256</v>
      </c>
      <c r="I32837" s="2">
        <v>1</v>
      </c>
      <c r="J32837" s="2">
        <v>0</v>
      </c>
      <c r="K32837" s="2">
        <v>0</v>
      </c>
      <c r="L32837" t="s">
        <v>120</v>
      </c>
      <c r="M32837" t="s">
        <v>83</v>
      </c>
      <c r="N32837" t="s">
        <v>91</v>
      </c>
      <c r="O32837" t="s">
        <v>85</v>
      </c>
      <c r="P32837" t="s">
        <v>86</v>
      </c>
      <c r="Q32837">
        <v>22</v>
      </c>
      <c r="R32837">
        <v>22</v>
      </c>
      <c r="S32837">
        <v>23</v>
      </c>
      <c r="T32837">
        <v>23</v>
      </c>
      <c r="U32837">
        <v>23</v>
      </c>
      <c r="V32837">
        <v>23</v>
      </c>
      <c r="W32837">
        <v>24</v>
      </c>
      <c r="X32837">
        <v>24</v>
      </c>
      <c r="Y32837">
        <v>24</v>
      </c>
      <c r="Z32837">
        <v>25</v>
      </c>
      <c r="AA32837">
        <v>25</v>
      </c>
      <c r="AB32837">
        <v>25</v>
      </c>
      <c r="AC32837">
        <v>26</v>
      </c>
      <c r="AD32837">
        <v>26</v>
      </c>
      <c r="AE32837">
        <v>26</v>
      </c>
      <c r="AF32837">
        <v>26</v>
      </c>
      <c r="AG32837">
        <v>27</v>
      </c>
      <c r="AH32837">
        <v>27</v>
      </c>
      <c r="AI32837">
        <v>27</v>
      </c>
      <c r="AJ32837">
        <v>28</v>
      </c>
      <c r="AK32837">
        <v>28</v>
      </c>
      <c r="AL32837">
        <v>28</v>
      </c>
      <c r="AM32837">
        <v>28</v>
      </c>
      <c r="AN32837">
        <v>29</v>
      </c>
      <c r="AO32837">
        <v>29</v>
      </c>
      <c r="AP32837">
        <v>29</v>
      </c>
      <c r="AQ32837">
        <v>29</v>
      </c>
    </row>
    <row r="32838" spans="1:43">
      <c r="A32838" t="s">
        <v>20349</v>
      </c>
      <c r="B32838" t="s">
        <v>20350</v>
      </c>
      <c r="C32838" t="s">
        <v>20347</v>
      </c>
      <c r="D32838" t="s">
        <v>20348</v>
      </c>
      <c r="E32838" t="s">
        <v>20253</v>
      </c>
      <c r="F32838" t="s">
        <v>20254</v>
      </c>
      <c r="G32838" t="s">
        <v>20255</v>
      </c>
      <c r="H32838" t="s">
        <v>20256</v>
      </c>
      <c r="I32838" s="2">
        <v>1</v>
      </c>
      <c r="J32838" s="2">
        <v>0</v>
      </c>
      <c r="K32838" s="2">
        <v>0</v>
      </c>
      <c r="L32838" t="s">
        <v>120</v>
      </c>
      <c r="M32838" t="s">
        <v>83</v>
      </c>
      <c r="N32838" t="s">
        <v>84</v>
      </c>
      <c r="O32838" t="s">
        <v>85</v>
      </c>
      <c r="P32838" t="s">
        <v>86</v>
      </c>
      <c r="Q32838">
        <v>7</v>
      </c>
      <c r="R32838">
        <v>7</v>
      </c>
      <c r="S32838">
        <v>7</v>
      </c>
      <c r="T32838">
        <v>7</v>
      </c>
      <c r="U32838">
        <v>8</v>
      </c>
      <c r="V32838">
        <v>8</v>
      </c>
      <c r="W32838">
        <v>8</v>
      </c>
      <c r="X32838">
        <v>8</v>
      </c>
      <c r="Y32838">
        <v>8</v>
      </c>
      <c r="Z32838">
        <v>8</v>
      </c>
      <c r="AA32838">
        <v>8</v>
      </c>
      <c r="AB32838">
        <v>8</v>
      </c>
      <c r="AC32838">
        <v>8</v>
      </c>
      <c r="AD32838">
        <v>8</v>
      </c>
      <c r="AE32838">
        <v>9</v>
      </c>
      <c r="AF32838">
        <v>9</v>
      </c>
      <c r="AG32838">
        <v>9</v>
      </c>
      <c r="AH32838">
        <v>9</v>
      </c>
      <c r="AI32838">
        <v>9</v>
      </c>
      <c r="AJ32838">
        <v>9</v>
      </c>
      <c r="AK32838">
        <v>9</v>
      </c>
      <c r="AL32838">
        <v>9</v>
      </c>
      <c r="AM32838">
        <v>9</v>
      </c>
      <c r="AN32838">
        <v>9</v>
      </c>
      <c r="AO32838">
        <v>9</v>
      </c>
      <c r="AP32838">
        <v>10</v>
      </c>
      <c r="AQ32838">
        <v>10</v>
      </c>
    </row>
    <row r="32839" spans="1:43">
      <c r="A32839" t="s">
        <v>20349</v>
      </c>
      <c r="B32839" t="s">
        <v>20350</v>
      </c>
      <c r="C32839" t="s">
        <v>20347</v>
      </c>
      <c r="D32839" t="s">
        <v>20348</v>
      </c>
      <c r="E32839" t="s">
        <v>20253</v>
      </c>
      <c r="F32839" t="s">
        <v>20254</v>
      </c>
      <c r="G32839" t="s">
        <v>20255</v>
      </c>
      <c r="H32839" t="s">
        <v>20256</v>
      </c>
      <c r="I32839" s="2">
        <v>1</v>
      </c>
      <c r="J32839" s="2">
        <v>0</v>
      </c>
      <c r="K32839" s="2">
        <v>0</v>
      </c>
      <c r="L32839" t="s">
        <v>120</v>
      </c>
      <c r="M32839" t="s">
        <v>87</v>
      </c>
      <c r="N32839" t="s">
        <v>88</v>
      </c>
      <c r="O32839" t="s">
        <v>85</v>
      </c>
      <c r="P32839" t="s">
        <v>86</v>
      </c>
      <c r="Q32839">
        <v>7</v>
      </c>
      <c r="R32839">
        <v>7</v>
      </c>
      <c r="S32839">
        <v>7</v>
      </c>
      <c r="T32839">
        <v>7</v>
      </c>
      <c r="U32839">
        <v>7</v>
      </c>
      <c r="V32839">
        <v>7</v>
      </c>
      <c r="W32839">
        <v>7</v>
      </c>
      <c r="X32839">
        <v>7</v>
      </c>
      <c r="Y32839">
        <v>7</v>
      </c>
      <c r="Z32839">
        <v>7</v>
      </c>
      <c r="AA32839">
        <v>7</v>
      </c>
      <c r="AB32839">
        <v>7</v>
      </c>
      <c r="AC32839">
        <v>8</v>
      </c>
      <c r="AD32839">
        <v>8</v>
      </c>
      <c r="AE32839">
        <v>8</v>
      </c>
      <c r="AF32839">
        <v>8</v>
      </c>
      <c r="AG32839">
        <v>8</v>
      </c>
      <c r="AH32839">
        <v>8</v>
      </c>
      <c r="AI32839">
        <v>8</v>
      </c>
      <c r="AJ32839">
        <v>8</v>
      </c>
      <c r="AK32839">
        <v>8</v>
      </c>
      <c r="AL32839">
        <v>8</v>
      </c>
      <c r="AM32839">
        <v>8</v>
      </c>
      <c r="AN32839">
        <v>8</v>
      </c>
      <c r="AO32839">
        <v>8</v>
      </c>
      <c r="AP32839">
        <v>8</v>
      </c>
      <c r="AQ32839">
        <v>8</v>
      </c>
    </row>
    <row r="32840" spans="1:43">
      <c r="A32840" t="s">
        <v>20349</v>
      </c>
      <c r="B32840" t="s">
        <v>20350</v>
      </c>
      <c r="C32840" t="s">
        <v>20347</v>
      </c>
      <c r="D32840" t="s">
        <v>20348</v>
      </c>
      <c r="E32840" t="s">
        <v>20253</v>
      </c>
      <c r="F32840" t="s">
        <v>20254</v>
      </c>
      <c r="G32840" t="s">
        <v>20255</v>
      </c>
      <c r="H32840" t="s">
        <v>20256</v>
      </c>
      <c r="I32840" s="2">
        <v>1</v>
      </c>
      <c r="J32840" s="2">
        <v>0</v>
      </c>
      <c r="K32840" s="2">
        <v>0</v>
      </c>
      <c r="L32840" t="s">
        <v>120</v>
      </c>
      <c r="M32840" t="s">
        <v>89</v>
      </c>
      <c r="N32840" t="s">
        <v>90</v>
      </c>
      <c r="O32840" t="s">
        <v>85</v>
      </c>
      <c r="P32840" t="s">
        <v>86</v>
      </c>
      <c r="Q32840">
        <v>7</v>
      </c>
      <c r="R32840">
        <v>7</v>
      </c>
      <c r="S32840">
        <v>8</v>
      </c>
      <c r="T32840">
        <v>8</v>
      </c>
      <c r="U32840">
        <v>8</v>
      </c>
      <c r="V32840">
        <v>8</v>
      </c>
      <c r="W32840">
        <v>8</v>
      </c>
      <c r="X32840">
        <v>8</v>
      </c>
      <c r="Y32840">
        <v>8</v>
      </c>
      <c r="Z32840">
        <v>9</v>
      </c>
      <c r="AA32840">
        <v>9</v>
      </c>
      <c r="AB32840">
        <v>9</v>
      </c>
      <c r="AC32840">
        <v>9</v>
      </c>
      <c r="AD32840">
        <v>9</v>
      </c>
      <c r="AE32840">
        <v>9</v>
      </c>
      <c r="AF32840">
        <v>9</v>
      </c>
      <c r="AG32840">
        <v>9</v>
      </c>
      <c r="AH32840">
        <v>9</v>
      </c>
      <c r="AI32840">
        <v>9</v>
      </c>
      <c r="AJ32840">
        <v>9</v>
      </c>
      <c r="AK32840">
        <v>9</v>
      </c>
      <c r="AL32840">
        <v>9</v>
      </c>
      <c r="AM32840">
        <v>10</v>
      </c>
      <c r="AN32840">
        <v>10</v>
      </c>
      <c r="AO32840">
        <v>10</v>
      </c>
      <c r="AP32840">
        <v>10</v>
      </c>
      <c r="AQ32840">
        <v>10</v>
      </c>
    </row>
    <row r="32841" spans="1:43">
      <c r="A32841" t="s">
        <v>20349</v>
      </c>
      <c r="B32841" t="s">
        <v>20350</v>
      </c>
      <c r="C32841" t="s">
        <v>20347</v>
      </c>
      <c r="D32841" t="s">
        <v>20348</v>
      </c>
      <c r="E32841" t="s">
        <v>20253</v>
      </c>
      <c r="F32841" t="s">
        <v>20254</v>
      </c>
      <c r="G32841" t="s">
        <v>20255</v>
      </c>
      <c r="H32841" t="s">
        <v>20256</v>
      </c>
      <c r="I32841" s="2">
        <v>1</v>
      </c>
      <c r="J32841" s="2">
        <v>0</v>
      </c>
      <c r="K32841" s="2">
        <v>0</v>
      </c>
      <c r="L32841" t="s">
        <v>120</v>
      </c>
      <c r="M32841" t="s">
        <v>83</v>
      </c>
      <c r="N32841" t="s">
        <v>91</v>
      </c>
      <c r="O32841" t="s">
        <v>85</v>
      </c>
      <c r="P32841" t="s">
        <v>86</v>
      </c>
      <c r="Q32841">
        <v>7</v>
      </c>
      <c r="R32841">
        <v>7</v>
      </c>
      <c r="S32841">
        <v>7</v>
      </c>
      <c r="T32841">
        <v>7</v>
      </c>
      <c r="U32841">
        <v>8</v>
      </c>
      <c r="V32841">
        <v>8</v>
      </c>
      <c r="W32841">
        <v>8</v>
      </c>
      <c r="X32841">
        <v>8</v>
      </c>
      <c r="Y32841">
        <v>8</v>
      </c>
      <c r="Z32841">
        <v>8</v>
      </c>
      <c r="AA32841">
        <v>8</v>
      </c>
      <c r="AB32841">
        <v>8</v>
      </c>
      <c r="AC32841">
        <v>8</v>
      </c>
      <c r="AD32841">
        <v>8</v>
      </c>
      <c r="AE32841">
        <v>9</v>
      </c>
      <c r="AF32841">
        <v>9</v>
      </c>
      <c r="AG32841">
        <v>9</v>
      </c>
      <c r="AH32841">
        <v>9</v>
      </c>
      <c r="AI32841">
        <v>9</v>
      </c>
      <c r="AJ32841">
        <v>9</v>
      </c>
      <c r="AK32841">
        <v>9</v>
      </c>
      <c r="AL32841">
        <v>9</v>
      </c>
      <c r="AM32841">
        <v>9</v>
      </c>
      <c r="AN32841">
        <v>9</v>
      </c>
      <c r="AO32841">
        <v>9</v>
      </c>
      <c r="AP32841">
        <v>10</v>
      </c>
      <c r="AQ32841">
        <v>10</v>
      </c>
    </row>
    <row r="32842" spans="1:43">
      <c r="A32842" t="s">
        <v>20351</v>
      </c>
      <c r="B32842" t="s">
        <v>20352</v>
      </c>
      <c r="C32842" t="s">
        <v>20347</v>
      </c>
      <c r="D32842" t="s">
        <v>20348</v>
      </c>
      <c r="E32842" t="s">
        <v>20253</v>
      </c>
      <c r="F32842" t="s">
        <v>20254</v>
      </c>
      <c r="G32842" t="s">
        <v>20255</v>
      </c>
      <c r="H32842" t="s">
        <v>20256</v>
      </c>
      <c r="I32842" s="2">
        <v>1</v>
      </c>
      <c r="J32842" s="2">
        <v>0</v>
      </c>
      <c r="K32842" s="2">
        <v>0</v>
      </c>
      <c r="L32842" t="s">
        <v>120</v>
      </c>
      <c r="M32842" t="s">
        <v>83</v>
      </c>
      <c r="N32842" t="s">
        <v>84</v>
      </c>
      <c r="O32842" t="s">
        <v>85</v>
      </c>
      <c r="P32842" t="s">
        <v>86</v>
      </c>
      <c r="Q32842">
        <v>7</v>
      </c>
      <c r="R32842">
        <v>7</v>
      </c>
      <c r="S32842">
        <v>7</v>
      </c>
      <c r="T32842">
        <v>7</v>
      </c>
      <c r="U32842">
        <v>7</v>
      </c>
      <c r="V32842">
        <v>8</v>
      </c>
      <c r="W32842">
        <v>8</v>
      </c>
      <c r="X32842">
        <v>8</v>
      </c>
      <c r="Y32842">
        <v>8</v>
      </c>
      <c r="Z32842">
        <v>8</v>
      </c>
      <c r="AA32842">
        <v>8</v>
      </c>
      <c r="AB32842">
        <v>8</v>
      </c>
      <c r="AC32842">
        <v>8</v>
      </c>
      <c r="AD32842">
        <v>8</v>
      </c>
      <c r="AE32842">
        <v>8</v>
      </c>
      <c r="AF32842">
        <v>9</v>
      </c>
      <c r="AG32842">
        <v>9</v>
      </c>
      <c r="AH32842">
        <v>9</v>
      </c>
      <c r="AI32842">
        <v>9</v>
      </c>
      <c r="AJ32842">
        <v>9</v>
      </c>
      <c r="AK32842">
        <v>9</v>
      </c>
      <c r="AL32842">
        <v>9</v>
      </c>
      <c r="AM32842">
        <v>9</v>
      </c>
      <c r="AN32842">
        <v>9</v>
      </c>
      <c r="AO32842">
        <v>9</v>
      </c>
      <c r="AP32842">
        <v>9</v>
      </c>
      <c r="AQ32842">
        <v>9</v>
      </c>
    </row>
    <row r="32843" spans="1:43">
      <c r="A32843" t="s">
        <v>20351</v>
      </c>
      <c r="B32843" t="s">
        <v>20352</v>
      </c>
      <c r="C32843" t="s">
        <v>20347</v>
      </c>
      <c r="D32843" t="s">
        <v>20348</v>
      </c>
      <c r="E32843" t="s">
        <v>20253</v>
      </c>
      <c r="F32843" t="s">
        <v>20254</v>
      </c>
      <c r="G32843" t="s">
        <v>20255</v>
      </c>
      <c r="H32843" t="s">
        <v>20256</v>
      </c>
      <c r="I32843" s="2">
        <v>1</v>
      </c>
      <c r="J32843" s="2">
        <v>0</v>
      </c>
      <c r="K32843" s="2">
        <v>0</v>
      </c>
      <c r="L32843" t="s">
        <v>120</v>
      </c>
      <c r="M32843" t="s">
        <v>87</v>
      </c>
      <c r="N32843" t="s">
        <v>88</v>
      </c>
      <c r="O32843" t="s">
        <v>85</v>
      </c>
      <c r="P32843" t="s">
        <v>86</v>
      </c>
      <c r="Q32843">
        <v>7</v>
      </c>
      <c r="R32843">
        <v>7</v>
      </c>
      <c r="S32843">
        <v>7</v>
      </c>
      <c r="T32843">
        <v>7</v>
      </c>
      <c r="U32843">
        <v>7</v>
      </c>
      <c r="V32843">
        <v>7</v>
      </c>
      <c r="W32843">
        <v>7</v>
      </c>
      <c r="X32843">
        <v>7</v>
      </c>
      <c r="Y32843">
        <v>7</v>
      </c>
      <c r="Z32843">
        <v>7</v>
      </c>
      <c r="AA32843">
        <v>7</v>
      </c>
      <c r="AB32843">
        <v>7</v>
      </c>
      <c r="AC32843">
        <v>7</v>
      </c>
      <c r="AD32843">
        <v>7</v>
      </c>
      <c r="AE32843">
        <v>7</v>
      </c>
      <c r="AF32843">
        <v>8</v>
      </c>
      <c r="AG32843">
        <v>8</v>
      </c>
      <c r="AH32843">
        <v>8</v>
      </c>
      <c r="AI32843">
        <v>8</v>
      </c>
      <c r="AJ32843">
        <v>8</v>
      </c>
      <c r="AK32843">
        <v>8</v>
      </c>
      <c r="AL32843">
        <v>8</v>
      </c>
      <c r="AM32843">
        <v>8</v>
      </c>
      <c r="AN32843">
        <v>8</v>
      </c>
      <c r="AO32843">
        <v>8</v>
      </c>
      <c r="AP32843">
        <v>8</v>
      </c>
      <c r="AQ32843">
        <v>8</v>
      </c>
    </row>
    <row r="32844" spans="1:43">
      <c r="A32844" t="s">
        <v>20351</v>
      </c>
      <c r="B32844" t="s">
        <v>20352</v>
      </c>
      <c r="C32844" t="s">
        <v>20347</v>
      </c>
      <c r="D32844" t="s">
        <v>20348</v>
      </c>
      <c r="E32844" t="s">
        <v>20253</v>
      </c>
      <c r="F32844" t="s">
        <v>20254</v>
      </c>
      <c r="G32844" t="s">
        <v>20255</v>
      </c>
      <c r="H32844" t="s">
        <v>20256</v>
      </c>
      <c r="I32844" s="2">
        <v>1</v>
      </c>
      <c r="J32844" s="2">
        <v>0</v>
      </c>
      <c r="K32844" s="2">
        <v>0</v>
      </c>
      <c r="L32844" t="s">
        <v>120</v>
      </c>
      <c r="M32844" t="s">
        <v>89</v>
      </c>
      <c r="N32844" t="s">
        <v>90</v>
      </c>
      <c r="O32844" t="s">
        <v>85</v>
      </c>
      <c r="P32844" t="s">
        <v>86</v>
      </c>
      <c r="Q32844">
        <v>7</v>
      </c>
      <c r="R32844">
        <v>7</v>
      </c>
      <c r="S32844">
        <v>7</v>
      </c>
      <c r="T32844">
        <v>8</v>
      </c>
      <c r="U32844">
        <v>8</v>
      </c>
      <c r="V32844">
        <v>8</v>
      </c>
      <c r="W32844">
        <v>8</v>
      </c>
      <c r="X32844">
        <v>8</v>
      </c>
      <c r="Y32844">
        <v>8</v>
      </c>
      <c r="Z32844">
        <v>8</v>
      </c>
      <c r="AA32844">
        <v>8</v>
      </c>
      <c r="AB32844">
        <v>9</v>
      </c>
      <c r="AC32844">
        <v>9</v>
      </c>
      <c r="AD32844">
        <v>9</v>
      </c>
      <c r="AE32844">
        <v>9</v>
      </c>
      <c r="AF32844">
        <v>9</v>
      </c>
      <c r="AG32844">
        <v>9</v>
      </c>
      <c r="AH32844">
        <v>9</v>
      </c>
      <c r="AI32844">
        <v>9</v>
      </c>
      <c r="AJ32844">
        <v>9</v>
      </c>
      <c r="AK32844">
        <v>9</v>
      </c>
      <c r="AL32844">
        <v>9</v>
      </c>
      <c r="AM32844">
        <v>9</v>
      </c>
      <c r="AN32844">
        <v>9</v>
      </c>
      <c r="AO32844">
        <v>9</v>
      </c>
      <c r="AP32844">
        <v>10</v>
      </c>
      <c r="AQ32844">
        <v>10</v>
      </c>
    </row>
    <row r="32845" spans="1:43">
      <c r="A32845" t="s">
        <v>20351</v>
      </c>
      <c r="B32845" t="s">
        <v>20352</v>
      </c>
      <c r="C32845" t="s">
        <v>20347</v>
      </c>
      <c r="D32845" t="s">
        <v>20348</v>
      </c>
      <c r="E32845" t="s">
        <v>20253</v>
      </c>
      <c r="F32845" t="s">
        <v>20254</v>
      </c>
      <c r="G32845" t="s">
        <v>20255</v>
      </c>
      <c r="H32845" t="s">
        <v>20256</v>
      </c>
      <c r="I32845" s="2">
        <v>1</v>
      </c>
      <c r="J32845" s="2">
        <v>0</v>
      </c>
      <c r="K32845" s="2">
        <v>0</v>
      </c>
      <c r="L32845" t="s">
        <v>120</v>
      </c>
      <c r="M32845" t="s">
        <v>83</v>
      </c>
      <c r="N32845" t="s">
        <v>91</v>
      </c>
      <c r="O32845" t="s">
        <v>85</v>
      </c>
      <c r="P32845" t="s">
        <v>86</v>
      </c>
      <c r="Q32845">
        <v>7</v>
      </c>
      <c r="R32845">
        <v>7</v>
      </c>
      <c r="S32845">
        <v>7</v>
      </c>
      <c r="T32845">
        <v>7</v>
      </c>
      <c r="U32845">
        <v>7</v>
      </c>
      <c r="V32845">
        <v>8</v>
      </c>
      <c r="W32845">
        <v>8</v>
      </c>
      <c r="X32845">
        <v>8</v>
      </c>
      <c r="Y32845">
        <v>8</v>
      </c>
      <c r="Z32845">
        <v>8</v>
      </c>
      <c r="AA32845">
        <v>8</v>
      </c>
      <c r="AB32845">
        <v>8</v>
      </c>
      <c r="AC32845">
        <v>8</v>
      </c>
      <c r="AD32845">
        <v>8</v>
      </c>
      <c r="AE32845">
        <v>8</v>
      </c>
      <c r="AF32845">
        <v>9</v>
      </c>
      <c r="AG32845">
        <v>9</v>
      </c>
      <c r="AH32845">
        <v>9</v>
      </c>
      <c r="AI32845">
        <v>9</v>
      </c>
      <c r="AJ32845">
        <v>9</v>
      </c>
      <c r="AK32845">
        <v>9</v>
      </c>
      <c r="AL32845">
        <v>9</v>
      </c>
      <c r="AM32845">
        <v>9</v>
      </c>
      <c r="AN32845">
        <v>9</v>
      </c>
      <c r="AO32845">
        <v>9</v>
      </c>
      <c r="AP32845">
        <v>9</v>
      </c>
      <c r="AQ32845">
        <v>9</v>
      </c>
    </row>
    <row r="32846" spans="1:43">
      <c r="A32846" t="s">
        <v>20353</v>
      </c>
      <c r="B32846" t="s">
        <v>20354</v>
      </c>
      <c r="C32846" t="s">
        <v>20347</v>
      </c>
      <c r="D32846" t="s">
        <v>20348</v>
      </c>
      <c r="E32846" t="s">
        <v>20253</v>
      </c>
      <c r="F32846" t="s">
        <v>20254</v>
      </c>
      <c r="G32846" t="s">
        <v>20255</v>
      </c>
      <c r="H32846" t="s">
        <v>20256</v>
      </c>
      <c r="I32846" s="2">
        <v>1</v>
      </c>
      <c r="J32846" s="2">
        <v>0</v>
      </c>
      <c r="K32846" s="2">
        <v>0</v>
      </c>
      <c r="L32846" t="s">
        <v>120</v>
      </c>
      <c r="M32846" t="s">
        <v>83</v>
      </c>
      <c r="N32846" t="s">
        <v>84</v>
      </c>
      <c r="O32846" t="s">
        <v>85</v>
      </c>
      <c r="P32846" t="s">
        <v>86</v>
      </c>
      <c r="Q32846">
        <v>53</v>
      </c>
      <c r="R32846">
        <v>54</v>
      </c>
      <c r="S32846">
        <v>55</v>
      </c>
      <c r="T32846">
        <v>56</v>
      </c>
      <c r="U32846">
        <v>56</v>
      </c>
      <c r="V32846">
        <v>57</v>
      </c>
      <c r="W32846">
        <v>58</v>
      </c>
      <c r="X32846">
        <v>58</v>
      </c>
      <c r="Y32846">
        <v>59</v>
      </c>
      <c r="Z32846">
        <v>60</v>
      </c>
      <c r="AA32846">
        <v>60</v>
      </c>
      <c r="AB32846">
        <v>61</v>
      </c>
      <c r="AC32846">
        <v>62</v>
      </c>
      <c r="AD32846">
        <v>62</v>
      </c>
      <c r="AE32846">
        <v>63</v>
      </c>
      <c r="AF32846">
        <v>64</v>
      </c>
      <c r="AG32846">
        <v>64</v>
      </c>
      <c r="AH32846">
        <v>65</v>
      </c>
      <c r="AI32846">
        <v>66</v>
      </c>
      <c r="AJ32846">
        <v>67</v>
      </c>
      <c r="AK32846">
        <v>67</v>
      </c>
      <c r="AL32846">
        <v>68</v>
      </c>
      <c r="AM32846">
        <v>68</v>
      </c>
      <c r="AN32846">
        <v>68</v>
      </c>
      <c r="AO32846">
        <v>69</v>
      </c>
      <c r="AP32846">
        <v>69</v>
      </c>
      <c r="AQ32846">
        <v>69</v>
      </c>
    </row>
    <row r="32847" spans="1:43">
      <c r="A32847" t="s">
        <v>20353</v>
      </c>
      <c r="B32847" t="s">
        <v>20354</v>
      </c>
      <c r="C32847" t="s">
        <v>20347</v>
      </c>
      <c r="D32847" t="s">
        <v>20348</v>
      </c>
      <c r="E32847" t="s">
        <v>20253</v>
      </c>
      <c r="F32847" t="s">
        <v>20254</v>
      </c>
      <c r="G32847" t="s">
        <v>20255</v>
      </c>
      <c r="H32847" t="s">
        <v>20256</v>
      </c>
      <c r="I32847" s="2">
        <v>1</v>
      </c>
      <c r="J32847" s="2">
        <v>0</v>
      </c>
      <c r="K32847" s="2">
        <v>0</v>
      </c>
      <c r="L32847" t="s">
        <v>120</v>
      </c>
      <c r="M32847" t="s">
        <v>87</v>
      </c>
      <c r="N32847" t="s">
        <v>88</v>
      </c>
      <c r="O32847" t="s">
        <v>85</v>
      </c>
      <c r="P32847" t="s">
        <v>86</v>
      </c>
      <c r="Q32847">
        <v>53</v>
      </c>
      <c r="R32847">
        <v>53</v>
      </c>
      <c r="S32847">
        <v>53</v>
      </c>
      <c r="T32847">
        <v>54</v>
      </c>
      <c r="U32847">
        <v>54</v>
      </c>
      <c r="V32847">
        <v>54</v>
      </c>
      <c r="W32847">
        <v>54</v>
      </c>
      <c r="X32847">
        <v>54</v>
      </c>
      <c r="Y32847">
        <v>55</v>
      </c>
      <c r="Z32847">
        <v>55</v>
      </c>
      <c r="AA32847">
        <v>55</v>
      </c>
      <c r="AB32847">
        <v>55</v>
      </c>
      <c r="AC32847">
        <v>56</v>
      </c>
      <c r="AD32847">
        <v>56</v>
      </c>
      <c r="AE32847">
        <v>56</v>
      </c>
      <c r="AF32847">
        <v>56</v>
      </c>
      <c r="AG32847">
        <v>57</v>
      </c>
      <c r="AH32847">
        <v>57</v>
      </c>
      <c r="AI32847">
        <v>57</v>
      </c>
      <c r="AJ32847">
        <v>57</v>
      </c>
      <c r="AK32847">
        <v>58</v>
      </c>
      <c r="AL32847">
        <v>58</v>
      </c>
      <c r="AM32847">
        <v>58</v>
      </c>
      <c r="AN32847">
        <v>59</v>
      </c>
      <c r="AO32847">
        <v>59</v>
      </c>
      <c r="AP32847">
        <v>59</v>
      </c>
      <c r="AQ32847">
        <v>60</v>
      </c>
    </row>
    <row r="32848" spans="1:43">
      <c r="A32848" t="s">
        <v>20353</v>
      </c>
      <c r="B32848" t="s">
        <v>20354</v>
      </c>
      <c r="C32848" t="s">
        <v>20347</v>
      </c>
      <c r="D32848" t="s">
        <v>20348</v>
      </c>
      <c r="E32848" t="s">
        <v>20253</v>
      </c>
      <c r="F32848" t="s">
        <v>20254</v>
      </c>
      <c r="G32848" t="s">
        <v>20255</v>
      </c>
      <c r="H32848" t="s">
        <v>20256</v>
      </c>
      <c r="I32848" s="2">
        <v>1</v>
      </c>
      <c r="J32848" s="2">
        <v>0</v>
      </c>
      <c r="K32848" s="2">
        <v>0</v>
      </c>
      <c r="L32848" t="s">
        <v>120</v>
      </c>
      <c r="M32848" t="s">
        <v>89</v>
      </c>
      <c r="N32848" t="s">
        <v>90</v>
      </c>
      <c r="O32848" t="s">
        <v>85</v>
      </c>
      <c r="P32848" t="s">
        <v>86</v>
      </c>
      <c r="Q32848">
        <v>53</v>
      </c>
      <c r="R32848">
        <v>54</v>
      </c>
      <c r="S32848">
        <v>55</v>
      </c>
      <c r="T32848">
        <v>56</v>
      </c>
      <c r="U32848">
        <v>57</v>
      </c>
      <c r="V32848">
        <v>58</v>
      </c>
      <c r="W32848">
        <v>59</v>
      </c>
      <c r="X32848">
        <v>60</v>
      </c>
      <c r="Y32848">
        <v>61</v>
      </c>
      <c r="Z32848">
        <v>62</v>
      </c>
      <c r="AA32848">
        <v>63</v>
      </c>
      <c r="AB32848">
        <v>64</v>
      </c>
      <c r="AC32848">
        <v>65</v>
      </c>
      <c r="AD32848">
        <v>66</v>
      </c>
      <c r="AE32848">
        <v>66</v>
      </c>
      <c r="AF32848">
        <v>67</v>
      </c>
      <c r="AG32848">
        <v>67</v>
      </c>
      <c r="AH32848">
        <v>67</v>
      </c>
      <c r="AI32848">
        <v>67</v>
      </c>
      <c r="AJ32848">
        <v>68</v>
      </c>
      <c r="AK32848">
        <v>68</v>
      </c>
      <c r="AL32848">
        <v>68</v>
      </c>
      <c r="AM32848">
        <v>68</v>
      </c>
      <c r="AN32848">
        <v>69</v>
      </c>
      <c r="AO32848">
        <v>69</v>
      </c>
      <c r="AP32848">
        <v>69</v>
      </c>
      <c r="AQ32848">
        <v>70</v>
      </c>
    </row>
    <row r="32849" spans="1:43">
      <c r="A32849" t="s">
        <v>20353</v>
      </c>
      <c r="B32849" t="s">
        <v>20354</v>
      </c>
      <c r="C32849" t="s">
        <v>20347</v>
      </c>
      <c r="D32849" t="s">
        <v>20348</v>
      </c>
      <c r="E32849" t="s">
        <v>20253</v>
      </c>
      <c r="F32849" t="s">
        <v>20254</v>
      </c>
      <c r="G32849" t="s">
        <v>20255</v>
      </c>
      <c r="H32849" t="s">
        <v>20256</v>
      </c>
      <c r="I32849" s="2">
        <v>1</v>
      </c>
      <c r="J32849" s="2">
        <v>0</v>
      </c>
      <c r="K32849" s="2">
        <v>0</v>
      </c>
      <c r="L32849" t="s">
        <v>120</v>
      </c>
      <c r="M32849" t="s">
        <v>83</v>
      </c>
      <c r="N32849" t="s">
        <v>91</v>
      </c>
      <c r="O32849" t="s">
        <v>85</v>
      </c>
      <c r="P32849" t="s">
        <v>86</v>
      </c>
      <c r="Q32849">
        <v>53</v>
      </c>
      <c r="R32849">
        <v>54</v>
      </c>
      <c r="S32849">
        <v>55</v>
      </c>
      <c r="T32849">
        <v>56</v>
      </c>
      <c r="U32849">
        <v>56</v>
      </c>
      <c r="V32849">
        <v>57</v>
      </c>
      <c r="W32849">
        <v>58</v>
      </c>
      <c r="X32849">
        <v>58</v>
      </c>
      <c r="Y32849">
        <v>59</v>
      </c>
      <c r="Z32849">
        <v>60</v>
      </c>
      <c r="AA32849">
        <v>60</v>
      </c>
      <c r="AB32849">
        <v>61</v>
      </c>
      <c r="AC32849">
        <v>62</v>
      </c>
      <c r="AD32849">
        <v>62</v>
      </c>
      <c r="AE32849">
        <v>63</v>
      </c>
      <c r="AF32849">
        <v>64</v>
      </c>
      <c r="AG32849">
        <v>64</v>
      </c>
      <c r="AH32849">
        <v>65</v>
      </c>
      <c r="AI32849">
        <v>66</v>
      </c>
      <c r="AJ32849">
        <v>67</v>
      </c>
      <c r="AK32849">
        <v>67</v>
      </c>
      <c r="AL32849">
        <v>68</v>
      </c>
      <c r="AM32849">
        <v>68</v>
      </c>
      <c r="AN32849">
        <v>68</v>
      </c>
      <c r="AO32849">
        <v>69</v>
      </c>
      <c r="AP32849">
        <v>69</v>
      </c>
      <c r="AQ32849">
        <v>69</v>
      </c>
    </row>
    <row r="32850" spans="1:43">
      <c r="A32850" t="s">
        <v>20355</v>
      </c>
      <c r="B32850" t="s">
        <v>20356</v>
      </c>
      <c r="C32850" t="s">
        <v>20299</v>
      </c>
      <c r="D32850" t="s">
        <v>20300</v>
      </c>
      <c r="E32850" t="s">
        <v>20253</v>
      </c>
      <c r="F32850" t="s">
        <v>20254</v>
      </c>
      <c r="G32850" t="s">
        <v>20255</v>
      </c>
      <c r="H32850" t="s">
        <v>20256</v>
      </c>
      <c r="I32850" s="2">
        <v>1</v>
      </c>
      <c r="J32850" s="2">
        <v>0</v>
      </c>
      <c r="K32850" s="2">
        <v>0</v>
      </c>
      <c r="L32850" t="s">
        <v>120</v>
      </c>
      <c r="M32850" t="s">
        <v>83</v>
      </c>
      <c r="N32850" t="s">
        <v>84</v>
      </c>
      <c r="O32850" t="s">
        <v>85</v>
      </c>
      <c r="P32850" t="s">
        <v>86</v>
      </c>
      <c r="Q32850">
        <v>25</v>
      </c>
      <c r="R32850">
        <v>26</v>
      </c>
      <c r="S32850">
        <v>26</v>
      </c>
      <c r="T32850">
        <v>26</v>
      </c>
      <c r="U32850">
        <v>26</v>
      </c>
      <c r="V32850">
        <v>27</v>
      </c>
      <c r="W32850">
        <v>27</v>
      </c>
      <c r="X32850">
        <v>27</v>
      </c>
      <c r="Y32850">
        <v>27</v>
      </c>
      <c r="Z32850">
        <v>28</v>
      </c>
      <c r="AA32850">
        <v>28</v>
      </c>
      <c r="AB32850">
        <v>28</v>
      </c>
      <c r="AC32850">
        <v>29</v>
      </c>
      <c r="AD32850">
        <v>29</v>
      </c>
      <c r="AE32850">
        <v>29</v>
      </c>
      <c r="AF32850">
        <v>29</v>
      </c>
      <c r="AG32850">
        <v>30</v>
      </c>
      <c r="AH32850">
        <v>30</v>
      </c>
      <c r="AI32850">
        <v>30</v>
      </c>
      <c r="AJ32850">
        <v>31</v>
      </c>
      <c r="AK32850">
        <v>31</v>
      </c>
      <c r="AL32850">
        <v>31</v>
      </c>
      <c r="AM32850">
        <v>31</v>
      </c>
      <c r="AN32850">
        <v>31</v>
      </c>
      <c r="AO32850">
        <v>31</v>
      </c>
      <c r="AP32850">
        <v>31</v>
      </c>
      <c r="AQ32850">
        <v>31</v>
      </c>
    </row>
    <row r="32851" spans="1:43">
      <c r="A32851" t="s">
        <v>20355</v>
      </c>
      <c r="B32851" t="s">
        <v>20356</v>
      </c>
      <c r="C32851" t="s">
        <v>20299</v>
      </c>
      <c r="D32851" t="s">
        <v>20300</v>
      </c>
      <c r="E32851" t="s">
        <v>20253</v>
      </c>
      <c r="F32851" t="s">
        <v>20254</v>
      </c>
      <c r="G32851" t="s">
        <v>20255</v>
      </c>
      <c r="H32851" t="s">
        <v>20256</v>
      </c>
      <c r="I32851" s="2">
        <v>1</v>
      </c>
      <c r="J32851" s="2">
        <v>0</v>
      </c>
      <c r="K32851" s="2">
        <v>0</v>
      </c>
      <c r="L32851" t="s">
        <v>120</v>
      </c>
      <c r="M32851" t="s">
        <v>87</v>
      </c>
      <c r="N32851" t="s">
        <v>88</v>
      </c>
      <c r="O32851" t="s">
        <v>85</v>
      </c>
      <c r="P32851" t="s">
        <v>86</v>
      </c>
      <c r="Q32851">
        <v>25</v>
      </c>
      <c r="R32851">
        <v>25</v>
      </c>
      <c r="S32851">
        <v>25</v>
      </c>
      <c r="T32851">
        <v>25</v>
      </c>
      <c r="U32851">
        <v>25</v>
      </c>
      <c r="V32851">
        <v>25</v>
      </c>
      <c r="W32851">
        <v>25</v>
      </c>
      <c r="X32851">
        <v>25</v>
      </c>
      <c r="Y32851">
        <v>25</v>
      </c>
      <c r="Z32851">
        <v>25</v>
      </c>
      <c r="AA32851">
        <v>26</v>
      </c>
      <c r="AB32851">
        <v>26</v>
      </c>
      <c r="AC32851">
        <v>26</v>
      </c>
      <c r="AD32851">
        <v>26</v>
      </c>
      <c r="AE32851">
        <v>26</v>
      </c>
      <c r="AF32851">
        <v>26</v>
      </c>
      <c r="AG32851">
        <v>26</v>
      </c>
      <c r="AH32851">
        <v>26</v>
      </c>
      <c r="AI32851">
        <v>26</v>
      </c>
      <c r="AJ32851">
        <v>26</v>
      </c>
      <c r="AK32851">
        <v>26</v>
      </c>
      <c r="AL32851">
        <v>26</v>
      </c>
      <c r="AM32851">
        <v>26</v>
      </c>
      <c r="AN32851">
        <v>27</v>
      </c>
      <c r="AO32851">
        <v>27</v>
      </c>
      <c r="AP32851">
        <v>27</v>
      </c>
      <c r="AQ32851">
        <v>27</v>
      </c>
    </row>
    <row r="32852" spans="1:43">
      <c r="A32852" t="s">
        <v>20355</v>
      </c>
      <c r="B32852" t="s">
        <v>20356</v>
      </c>
      <c r="C32852" t="s">
        <v>20299</v>
      </c>
      <c r="D32852" t="s">
        <v>20300</v>
      </c>
      <c r="E32852" t="s">
        <v>20253</v>
      </c>
      <c r="F32852" t="s">
        <v>20254</v>
      </c>
      <c r="G32852" t="s">
        <v>20255</v>
      </c>
      <c r="H32852" t="s">
        <v>20256</v>
      </c>
      <c r="I32852" s="2">
        <v>1</v>
      </c>
      <c r="J32852" s="2">
        <v>0</v>
      </c>
      <c r="K32852" s="2">
        <v>0</v>
      </c>
      <c r="L32852" t="s">
        <v>120</v>
      </c>
      <c r="M32852" t="s">
        <v>89</v>
      </c>
      <c r="N32852" t="s">
        <v>90</v>
      </c>
      <c r="O32852" t="s">
        <v>85</v>
      </c>
      <c r="P32852" t="s">
        <v>86</v>
      </c>
      <c r="Q32852">
        <v>25</v>
      </c>
      <c r="R32852">
        <v>26</v>
      </c>
      <c r="S32852">
        <v>26</v>
      </c>
      <c r="T32852">
        <v>27</v>
      </c>
      <c r="U32852">
        <v>27</v>
      </c>
      <c r="V32852">
        <v>28</v>
      </c>
      <c r="W32852">
        <v>28</v>
      </c>
      <c r="X32852">
        <v>29</v>
      </c>
      <c r="Y32852">
        <v>29</v>
      </c>
      <c r="Z32852">
        <v>29</v>
      </c>
      <c r="AA32852">
        <v>30</v>
      </c>
      <c r="AB32852">
        <v>30</v>
      </c>
      <c r="AC32852">
        <v>31</v>
      </c>
      <c r="AD32852">
        <v>31</v>
      </c>
      <c r="AE32852">
        <v>31</v>
      </c>
      <c r="AF32852">
        <v>31</v>
      </c>
      <c r="AG32852">
        <v>31</v>
      </c>
      <c r="AH32852">
        <v>31</v>
      </c>
      <c r="AI32852">
        <v>31</v>
      </c>
      <c r="AJ32852">
        <v>31</v>
      </c>
      <c r="AK32852">
        <v>31</v>
      </c>
      <c r="AL32852">
        <v>31</v>
      </c>
      <c r="AM32852">
        <v>31</v>
      </c>
      <c r="AN32852">
        <v>31</v>
      </c>
      <c r="AO32852">
        <v>31</v>
      </c>
      <c r="AP32852">
        <v>31</v>
      </c>
      <c r="AQ32852">
        <v>32</v>
      </c>
    </row>
    <row r="32853" spans="1:43">
      <c r="A32853" t="s">
        <v>20355</v>
      </c>
      <c r="B32853" t="s">
        <v>20356</v>
      </c>
      <c r="C32853" t="s">
        <v>20299</v>
      </c>
      <c r="D32853" t="s">
        <v>20300</v>
      </c>
      <c r="E32853" t="s">
        <v>20253</v>
      </c>
      <c r="F32853" t="s">
        <v>20254</v>
      </c>
      <c r="G32853" t="s">
        <v>20255</v>
      </c>
      <c r="H32853" t="s">
        <v>20256</v>
      </c>
      <c r="I32853" s="2">
        <v>1</v>
      </c>
      <c r="J32853" s="2">
        <v>0</v>
      </c>
      <c r="K32853" s="2">
        <v>0</v>
      </c>
      <c r="L32853" t="s">
        <v>120</v>
      </c>
      <c r="M32853" t="s">
        <v>83</v>
      </c>
      <c r="N32853" t="s">
        <v>91</v>
      </c>
      <c r="O32853" t="s">
        <v>85</v>
      </c>
      <c r="P32853" t="s">
        <v>86</v>
      </c>
      <c r="Q32853">
        <v>25</v>
      </c>
      <c r="R32853">
        <v>26</v>
      </c>
      <c r="S32853">
        <v>26</v>
      </c>
      <c r="T32853">
        <v>26</v>
      </c>
      <c r="U32853">
        <v>26</v>
      </c>
      <c r="V32853">
        <v>27</v>
      </c>
      <c r="W32853">
        <v>27</v>
      </c>
      <c r="X32853">
        <v>27</v>
      </c>
      <c r="Y32853">
        <v>27</v>
      </c>
      <c r="Z32853">
        <v>28</v>
      </c>
      <c r="AA32853">
        <v>28</v>
      </c>
      <c r="AB32853">
        <v>28</v>
      </c>
      <c r="AC32853">
        <v>29</v>
      </c>
      <c r="AD32853">
        <v>29</v>
      </c>
      <c r="AE32853">
        <v>29</v>
      </c>
      <c r="AF32853">
        <v>29</v>
      </c>
      <c r="AG32853">
        <v>30</v>
      </c>
      <c r="AH32853">
        <v>30</v>
      </c>
      <c r="AI32853">
        <v>30</v>
      </c>
      <c r="AJ32853">
        <v>31</v>
      </c>
      <c r="AK32853">
        <v>31</v>
      </c>
      <c r="AL32853">
        <v>31</v>
      </c>
      <c r="AM32853">
        <v>31</v>
      </c>
      <c r="AN32853">
        <v>31</v>
      </c>
      <c r="AO32853">
        <v>31</v>
      </c>
      <c r="AP32853">
        <v>31</v>
      </c>
      <c r="AQ32853">
        <v>31</v>
      </c>
    </row>
    <row r="32854" spans="1:43">
      <c r="A32854" t="s">
        <v>20357</v>
      </c>
      <c r="B32854" t="s">
        <v>20358</v>
      </c>
      <c r="C32854" t="s">
        <v>20317</v>
      </c>
      <c r="D32854" t="s">
        <v>20318</v>
      </c>
      <c r="E32854" t="s">
        <v>20253</v>
      </c>
      <c r="F32854" t="s">
        <v>20254</v>
      </c>
      <c r="G32854" t="s">
        <v>20255</v>
      </c>
      <c r="H32854" t="s">
        <v>20256</v>
      </c>
      <c r="I32854" s="2">
        <v>1</v>
      </c>
      <c r="J32854" s="2">
        <v>0</v>
      </c>
      <c r="K32854" s="2">
        <v>0</v>
      </c>
      <c r="L32854" t="s">
        <v>120</v>
      </c>
      <c r="M32854" t="s">
        <v>83</v>
      </c>
      <c r="N32854" t="s">
        <v>84</v>
      </c>
      <c r="O32854" t="s">
        <v>85</v>
      </c>
      <c r="P32854" t="s">
        <v>86</v>
      </c>
      <c r="Q32854">
        <v>39</v>
      </c>
      <c r="R32854">
        <v>40</v>
      </c>
      <c r="S32854">
        <v>40</v>
      </c>
      <c r="T32854">
        <v>41</v>
      </c>
      <c r="U32854">
        <v>41</v>
      </c>
      <c r="V32854">
        <v>41</v>
      </c>
      <c r="W32854">
        <v>42</v>
      </c>
      <c r="X32854">
        <v>42</v>
      </c>
      <c r="Y32854">
        <v>43</v>
      </c>
      <c r="Z32854">
        <v>43</v>
      </c>
      <c r="AA32854">
        <v>44</v>
      </c>
      <c r="AB32854">
        <v>44</v>
      </c>
      <c r="AC32854">
        <v>44</v>
      </c>
      <c r="AD32854">
        <v>45</v>
      </c>
      <c r="AE32854">
        <v>45</v>
      </c>
      <c r="AF32854">
        <v>46</v>
      </c>
      <c r="AG32854">
        <v>46</v>
      </c>
      <c r="AH32854">
        <v>47</v>
      </c>
      <c r="AI32854">
        <v>47</v>
      </c>
      <c r="AJ32854">
        <v>47</v>
      </c>
      <c r="AK32854">
        <v>48</v>
      </c>
      <c r="AL32854">
        <v>48</v>
      </c>
      <c r="AM32854">
        <v>48</v>
      </c>
      <c r="AN32854">
        <v>48</v>
      </c>
      <c r="AO32854">
        <v>48</v>
      </c>
      <c r="AP32854">
        <v>48</v>
      </c>
      <c r="AQ32854">
        <v>48</v>
      </c>
    </row>
    <row r="32855" spans="1:43">
      <c r="A32855" t="s">
        <v>20357</v>
      </c>
      <c r="B32855" t="s">
        <v>20358</v>
      </c>
      <c r="C32855" t="s">
        <v>20317</v>
      </c>
      <c r="D32855" t="s">
        <v>20318</v>
      </c>
      <c r="E32855" t="s">
        <v>20253</v>
      </c>
      <c r="F32855" t="s">
        <v>20254</v>
      </c>
      <c r="G32855" t="s">
        <v>20255</v>
      </c>
      <c r="H32855" t="s">
        <v>20256</v>
      </c>
      <c r="I32855" s="2">
        <v>1</v>
      </c>
      <c r="J32855" s="2">
        <v>0</v>
      </c>
      <c r="K32855" s="2">
        <v>0</v>
      </c>
      <c r="L32855" t="s">
        <v>120</v>
      </c>
      <c r="M32855" t="s">
        <v>87</v>
      </c>
      <c r="N32855" t="s">
        <v>88</v>
      </c>
      <c r="O32855" t="s">
        <v>85</v>
      </c>
      <c r="P32855" t="s">
        <v>86</v>
      </c>
      <c r="Q32855">
        <v>39</v>
      </c>
      <c r="R32855">
        <v>39</v>
      </c>
      <c r="S32855">
        <v>39</v>
      </c>
      <c r="T32855">
        <v>39</v>
      </c>
      <c r="U32855">
        <v>39</v>
      </c>
      <c r="V32855">
        <v>39</v>
      </c>
      <c r="W32855">
        <v>39</v>
      </c>
      <c r="X32855">
        <v>39</v>
      </c>
      <c r="Y32855">
        <v>40</v>
      </c>
      <c r="Z32855">
        <v>40</v>
      </c>
      <c r="AA32855">
        <v>40</v>
      </c>
      <c r="AB32855">
        <v>40</v>
      </c>
      <c r="AC32855">
        <v>40</v>
      </c>
      <c r="AD32855">
        <v>40</v>
      </c>
      <c r="AE32855">
        <v>40</v>
      </c>
      <c r="AF32855">
        <v>40</v>
      </c>
      <c r="AG32855">
        <v>40</v>
      </c>
      <c r="AH32855">
        <v>40</v>
      </c>
      <c r="AI32855">
        <v>41</v>
      </c>
      <c r="AJ32855">
        <v>41</v>
      </c>
      <c r="AK32855">
        <v>41</v>
      </c>
      <c r="AL32855">
        <v>41</v>
      </c>
      <c r="AM32855">
        <v>41</v>
      </c>
      <c r="AN32855">
        <v>41</v>
      </c>
      <c r="AO32855">
        <v>41</v>
      </c>
      <c r="AP32855">
        <v>42</v>
      </c>
      <c r="AQ32855">
        <v>42</v>
      </c>
    </row>
    <row r="32856" spans="1:43">
      <c r="A32856" t="s">
        <v>20357</v>
      </c>
      <c r="B32856" t="s">
        <v>20358</v>
      </c>
      <c r="C32856" t="s">
        <v>20317</v>
      </c>
      <c r="D32856" t="s">
        <v>20318</v>
      </c>
      <c r="E32856" t="s">
        <v>20253</v>
      </c>
      <c r="F32856" t="s">
        <v>20254</v>
      </c>
      <c r="G32856" t="s">
        <v>20255</v>
      </c>
      <c r="H32856" t="s">
        <v>20256</v>
      </c>
      <c r="I32856" s="2">
        <v>1</v>
      </c>
      <c r="J32856" s="2">
        <v>0</v>
      </c>
      <c r="K32856" s="2">
        <v>0</v>
      </c>
      <c r="L32856" t="s">
        <v>120</v>
      </c>
      <c r="M32856" t="s">
        <v>89</v>
      </c>
      <c r="N32856" t="s">
        <v>90</v>
      </c>
      <c r="O32856" t="s">
        <v>85</v>
      </c>
      <c r="P32856" t="s">
        <v>86</v>
      </c>
      <c r="Q32856">
        <v>39</v>
      </c>
      <c r="R32856">
        <v>39</v>
      </c>
      <c r="S32856">
        <v>40</v>
      </c>
      <c r="T32856">
        <v>41</v>
      </c>
      <c r="U32856">
        <v>42</v>
      </c>
      <c r="V32856">
        <v>42</v>
      </c>
      <c r="W32856">
        <v>43</v>
      </c>
      <c r="X32856">
        <v>44</v>
      </c>
      <c r="Y32856">
        <v>44</v>
      </c>
      <c r="Z32856">
        <v>45</v>
      </c>
      <c r="AA32856">
        <v>45</v>
      </c>
      <c r="AB32856">
        <v>46</v>
      </c>
      <c r="AC32856">
        <v>47</v>
      </c>
      <c r="AD32856">
        <v>47</v>
      </c>
      <c r="AE32856">
        <v>48</v>
      </c>
      <c r="AF32856">
        <v>48</v>
      </c>
      <c r="AG32856">
        <v>48</v>
      </c>
      <c r="AH32856">
        <v>48</v>
      </c>
      <c r="AI32856">
        <v>48</v>
      </c>
      <c r="AJ32856">
        <v>48</v>
      </c>
      <c r="AK32856">
        <v>48</v>
      </c>
      <c r="AL32856">
        <v>48</v>
      </c>
      <c r="AM32856">
        <v>48</v>
      </c>
      <c r="AN32856">
        <v>48</v>
      </c>
      <c r="AO32856">
        <v>48</v>
      </c>
      <c r="AP32856">
        <v>48</v>
      </c>
      <c r="AQ32856">
        <v>48</v>
      </c>
    </row>
    <row r="32857" spans="1:43">
      <c r="A32857" t="s">
        <v>20357</v>
      </c>
      <c r="B32857" t="s">
        <v>20358</v>
      </c>
      <c r="C32857" t="s">
        <v>20317</v>
      </c>
      <c r="D32857" t="s">
        <v>20318</v>
      </c>
      <c r="E32857" t="s">
        <v>20253</v>
      </c>
      <c r="F32857" t="s">
        <v>20254</v>
      </c>
      <c r="G32857" t="s">
        <v>20255</v>
      </c>
      <c r="H32857" t="s">
        <v>20256</v>
      </c>
      <c r="I32857" s="2">
        <v>1</v>
      </c>
      <c r="J32857" s="2">
        <v>0</v>
      </c>
      <c r="K32857" s="2">
        <v>0</v>
      </c>
      <c r="L32857" t="s">
        <v>120</v>
      </c>
      <c r="M32857" t="s">
        <v>83</v>
      </c>
      <c r="N32857" t="s">
        <v>91</v>
      </c>
      <c r="O32857" t="s">
        <v>85</v>
      </c>
      <c r="P32857" t="s">
        <v>86</v>
      </c>
      <c r="Q32857">
        <v>39</v>
      </c>
      <c r="R32857">
        <v>40</v>
      </c>
      <c r="S32857">
        <v>40</v>
      </c>
      <c r="T32857">
        <v>41</v>
      </c>
      <c r="U32857">
        <v>41</v>
      </c>
      <c r="V32857">
        <v>41</v>
      </c>
      <c r="W32857">
        <v>42</v>
      </c>
      <c r="X32857">
        <v>42</v>
      </c>
      <c r="Y32857">
        <v>43</v>
      </c>
      <c r="Z32857">
        <v>43</v>
      </c>
      <c r="AA32857">
        <v>44</v>
      </c>
      <c r="AB32857">
        <v>44</v>
      </c>
      <c r="AC32857">
        <v>44</v>
      </c>
      <c r="AD32857">
        <v>45</v>
      </c>
      <c r="AE32857">
        <v>45</v>
      </c>
      <c r="AF32857">
        <v>46</v>
      </c>
      <c r="AG32857">
        <v>46</v>
      </c>
      <c r="AH32857">
        <v>47</v>
      </c>
      <c r="AI32857">
        <v>47</v>
      </c>
      <c r="AJ32857">
        <v>47</v>
      </c>
      <c r="AK32857">
        <v>48</v>
      </c>
      <c r="AL32857">
        <v>48</v>
      </c>
      <c r="AM32857">
        <v>48</v>
      </c>
      <c r="AN32857">
        <v>48</v>
      </c>
      <c r="AO32857">
        <v>48</v>
      </c>
      <c r="AP32857">
        <v>48</v>
      </c>
      <c r="AQ32857">
        <v>48</v>
      </c>
    </row>
    <row r="32858" spans="1:43">
      <c r="A32858" t="s">
        <v>20359</v>
      </c>
      <c r="B32858" t="s">
        <v>20360</v>
      </c>
      <c r="C32858" t="s">
        <v>20251</v>
      </c>
      <c r="D32858" t="s">
        <v>20252</v>
      </c>
      <c r="E32858" t="s">
        <v>20253</v>
      </c>
      <c r="F32858" t="s">
        <v>20254</v>
      </c>
      <c r="G32858" t="s">
        <v>20255</v>
      </c>
      <c r="H32858" t="s">
        <v>20256</v>
      </c>
      <c r="I32858" s="2">
        <v>1</v>
      </c>
      <c r="J32858" s="2">
        <v>0</v>
      </c>
      <c r="K32858" s="2">
        <v>0</v>
      </c>
      <c r="L32858" t="s">
        <v>120</v>
      </c>
      <c r="M32858" t="s">
        <v>83</v>
      </c>
      <c r="N32858" t="s">
        <v>84</v>
      </c>
      <c r="O32858" t="s">
        <v>85</v>
      </c>
      <c r="P32858" t="s">
        <v>86</v>
      </c>
      <c r="Q32858">
        <v>26</v>
      </c>
      <c r="R32858">
        <v>26</v>
      </c>
      <c r="S32858">
        <v>26</v>
      </c>
      <c r="T32858">
        <v>26</v>
      </c>
      <c r="U32858">
        <v>27</v>
      </c>
      <c r="V32858">
        <v>27</v>
      </c>
      <c r="W32858">
        <v>27</v>
      </c>
      <c r="X32858">
        <v>28</v>
      </c>
      <c r="Y32858">
        <v>28</v>
      </c>
      <c r="Z32858">
        <v>28</v>
      </c>
      <c r="AA32858">
        <v>29</v>
      </c>
      <c r="AB32858">
        <v>29</v>
      </c>
      <c r="AC32858">
        <v>29</v>
      </c>
      <c r="AD32858">
        <v>29</v>
      </c>
      <c r="AE32858">
        <v>30</v>
      </c>
      <c r="AF32858">
        <v>30</v>
      </c>
      <c r="AG32858">
        <v>30</v>
      </c>
      <c r="AH32858">
        <v>31</v>
      </c>
      <c r="AI32858">
        <v>31</v>
      </c>
      <c r="AJ32858">
        <v>31</v>
      </c>
      <c r="AK32858">
        <v>32</v>
      </c>
      <c r="AL32858">
        <v>32</v>
      </c>
      <c r="AM32858">
        <v>32</v>
      </c>
      <c r="AN32858">
        <v>32</v>
      </c>
      <c r="AO32858">
        <v>32</v>
      </c>
      <c r="AP32858">
        <v>32</v>
      </c>
      <c r="AQ32858">
        <v>32</v>
      </c>
    </row>
    <row r="32859" spans="1:43">
      <c r="A32859" t="s">
        <v>20359</v>
      </c>
      <c r="B32859" t="s">
        <v>20360</v>
      </c>
      <c r="C32859" t="s">
        <v>20251</v>
      </c>
      <c r="D32859" t="s">
        <v>20252</v>
      </c>
      <c r="E32859" t="s">
        <v>20253</v>
      </c>
      <c r="F32859" t="s">
        <v>20254</v>
      </c>
      <c r="G32859" t="s">
        <v>20255</v>
      </c>
      <c r="H32859" t="s">
        <v>20256</v>
      </c>
      <c r="I32859" s="2">
        <v>1</v>
      </c>
      <c r="J32859" s="2">
        <v>0</v>
      </c>
      <c r="K32859" s="2">
        <v>0</v>
      </c>
      <c r="L32859" t="s">
        <v>120</v>
      </c>
      <c r="M32859" t="s">
        <v>87</v>
      </c>
      <c r="N32859" t="s">
        <v>88</v>
      </c>
      <c r="O32859" t="s">
        <v>85</v>
      </c>
      <c r="P32859" t="s">
        <v>86</v>
      </c>
      <c r="Q32859">
        <v>26</v>
      </c>
      <c r="R32859">
        <v>26</v>
      </c>
      <c r="S32859">
        <v>26</v>
      </c>
      <c r="T32859">
        <v>27</v>
      </c>
      <c r="U32859">
        <v>27</v>
      </c>
      <c r="V32859">
        <v>27</v>
      </c>
      <c r="W32859">
        <v>27</v>
      </c>
      <c r="X32859">
        <v>27</v>
      </c>
      <c r="Y32859">
        <v>27</v>
      </c>
      <c r="Z32859">
        <v>27</v>
      </c>
      <c r="AA32859">
        <v>27</v>
      </c>
      <c r="AB32859">
        <v>27</v>
      </c>
      <c r="AC32859">
        <v>27</v>
      </c>
      <c r="AD32859">
        <v>27</v>
      </c>
      <c r="AE32859">
        <v>27</v>
      </c>
      <c r="AF32859">
        <v>28</v>
      </c>
      <c r="AG32859">
        <v>28</v>
      </c>
      <c r="AH32859">
        <v>28</v>
      </c>
      <c r="AI32859">
        <v>28</v>
      </c>
      <c r="AJ32859">
        <v>28</v>
      </c>
      <c r="AK32859">
        <v>28</v>
      </c>
      <c r="AL32859">
        <v>28</v>
      </c>
      <c r="AM32859">
        <v>28</v>
      </c>
      <c r="AN32859">
        <v>28</v>
      </c>
      <c r="AO32859">
        <v>29</v>
      </c>
      <c r="AP32859">
        <v>29</v>
      </c>
      <c r="AQ32859">
        <v>29</v>
      </c>
    </row>
    <row r="32860" spans="1:43">
      <c r="A32860" t="s">
        <v>20359</v>
      </c>
      <c r="B32860" t="s">
        <v>20360</v>
      </c>
      <c r="C32860" t="s">
        <v>20251</v>
      </c>
      <c r="D32860" t="s">
        <v>20252</v>
      </c>
      <c r="E32860" t="s">
        <v>20253</v>
      </c>
      <c r="F32860" t="s">
        <v>20254</v>
      </c>
      <c r="G32860" t="s">
        <v>20255</v>
      </c>
      <c r="H32860" t="s">
        <v>20256</v>
      </c>
      <c r="I32860" s="2">
        <v>1</v>
      </c>
      <c r="J32860" s="2">
        <v>0</v>
      </c>
      <c r="K32860" s="2">
        <v>0</v>
      </c>
      <c r="L32860" t="s">
        <v>120</v>
      </c>
      <c r="M32860" t="s">
        <v>89</v>
      </c>
      <c r="N32860" t="s">
        <v>90</v>
      </c>
      <c r="O32860" t="s">
        <v>85</v>
      </c>
      <c r="P32860" t="s">
        <v>86</v>
      </c>
      <c r="Q32860">
        <v>26</v>
      </c>
      <c r="R32860">
        <v>26</v>
      </c>
      <c r="S32860">
        <v>27</v>
      </c>
      <c r="T32860">
        <v>27</v>
      </c>
      <c r="U32860">
        <v>28</v>
      </c>
      <c r="V32860">
        <v>28</v>
      </c>
      <c r="W32860">
        <v>29</v>
      </c>
      <c r="X32860">
        <v>29</v>
      </c>
      <c r="Y32860">
        <v>30</v>
      </c>
      <c r="Z32860">
        <v>30</v>
      </c>
      <c r="AA32860">
        <v>30</v>
      </c>
      <c r="AB32860">
        <v>31</v>
      </c>
      <c r="AC32860">
        <v>31</v>
      </c>
      <c r="AD32860">
        <v>32</v>
      </c>
      <c r="AE32860">
        <v>32</v>
      </c>
      <c r="AF32860">
        <v>32</v>
      </c>
      <c r="AG32860">
        <v>32</v>
      </c>
      <c r="AH32860">
        <v>32</v>
      </c>
      <c r="AI32860">
        <v>32</v>
      </c>
      <c r="AJ32860">
        <v>32</v>
      </c>
      <c r="AK32860">
        <v>32</v>
      </c>
      <c r="AL32860">
        <v>32</v>
      </c>
      <c r="AM32860">
        <v>32</v>
      </c>
      <c r="AN32860">
        <v>33</v>
      </c>
      <c r="AO32860">
        <v>33</v>
      </c>
      <c r="AP32860">
        <v>33</v>
      </c>
      <c r="AQ32860">
        <v>33</v>
      </c>
    </row>
    <row r="32861" spans="1:43">
      <c r="A32861" t="s">
        <v>20359</v>
      </c>
      <c r="B32861" t="s">
        <v>20360</v>
      </c>
      <c r="C32861" t="s">
        <v>20251</v>
      </c>
      <c r="D32861" t="s">
        <v>20252</v>
      </c>
      <c r="E32861" t="s">
        <v>20253</v>
      </c>
      <c r="F32861" t="s">
        <v>20254</v>
      </c>
      <c r="G32861" t="s">
        <v>20255</v>
      </c>
      <c r="H32861" t="s">
        <v>20256</v>
      </c>
      <c r="I32861" s="2">
        <v>1</v>
      </c>
      <c r="J32861" s="2">
        <v>0</v>
      </c>
      <c r="K32861" s="2">
        <v>0</v>
      </c>
      <c r="L32861" t="s">
        <v>120</v>
      </c>
      <c r="M32861" t="s">
        <v>83</v>
      </c>
      <c r="N32861" t="s">
        <v>91</v>
      </c>
      <c r="O32861" t="s">
        <v>85</v>
      </c>
      <c r="P32861" t="s">
        <v>86</v>
      </c>
      <c r="Q32861">
        <v>26</v>
      </c>
      <c r="R32861">
        <v>26</v>
      </c>
      <c r="S32861">
        <v>26</v>
      </c>
      <c r="T32861">
        <v>26</v>
      </c>
      <c r="U32861">
        <v>27</v>
      </c>
      <c r="V32861">
        <v>27</v>
      </c>
      <c r="W32861">
        <v>27</v>
      </c>
      <c r="X32861">
        <v>28</v>
      </c>
      <c r="Y32861">
        <v>28</v>
      </c>
      <c r="Z32861">
        <v>28</v>
      </c>
      <c r="AA32861">
        <v>29</v>
      </c>
      <c r="AB32861">
        <v>29</v>
      </c>
      <c r="AC32861">
        <v>29</v>
      </c>
      <c r="AD32861">
        <v>29</v>
      </c>
      <c r="AE32861">
        <v>30</v>
      </c>
      <c r="AF32861">
        <v>30</v>
      </c>
      <c r="AG32861">
        <v>30</v>
      </c>
      <c r="AH32861">
        <v>31</v>
      </c>
      <c r="AI32861">
        <v>31</v>
      </c>
      <c r="AJ32861">
        <v>31</v>
      </c>
      <c r="AK32861">
        <v>32</v>
      </c>
      <c r="AL32861">
        <v>32</v>
      </c>
      <c r="AM32861">
        <v>32</v>
      </c>
      <c r="AN32861">
        <v>32</v>
      </c>
      <c r="AO32861">
        <v>32</v>
      </c>
      <c r="AP32861">
        <v>32</v>
      </c>
      <c r="AQ32861">
        <v>32</v>
      </c>
    </row>
    <row r="32862" spans="1:43">
      <c r="A32862" t="s">
        <v>20361</v>
      </c>
      <c r="B32862" t="s">
        <v>20362</v>
      </c>
      <c r="C32862" t="s">
        <v>20363</v>
      </c>
      <c r="D32862" t="s">
        <v>20364</v>
      </c>
      <c r="E32862" t="s">
        <v>20253</v>
      </c>
      <c r="F32862" t="s">
        <v>20254</v>
      </c>
      <c r="G32862" t="s">
        <v>20255</v>
      </c>
      <c r="H32862" t="s">
        <v>20256</v>
      </c>
      <c r="I32862" s="2">
        <v>1</v>
      </c>
      <c r="J32862" s="2">
        <v>0</v>
      </c>
      <c r="K32862" s="2">
        <v>0</v>
      </c>
      <c r="L32862" t="s">
        <v>120</v>
      </c>
      <c r="M32862" t="s">
        <v>83</v>
      </c>
      <c r="N32862" t="s">
        <v>84</v>
      </c>
      <c r="O32862" t="s">
        <v>85</v>
      </c>
      <c r="P32862" t="s">
        <v>86</v>
      </c>
      <c r="Q32862">
        <v>24</v>
      </c>
      <c r="R32862">
        <v>24</v>
      </c>
      <c r="S32862">
        <v>25</v>
      </c>
      <c r="T32862">
        <v>25</v>
      </c>
      <c r="U32862">
        <v>25</v>
      </c>
      <c r="V32862">
        <v>26</v>
      </c>
      <c r="W32862">
        <v>26</v>
      </c>
      <c r="X32862">
        <v>26</v>
      </c>
      <c r="Y32862">
        <v>26</v>
      </c>
      <c r="Z32862">
        <v>27</v>
      </c>
      <c r="AA32862">
        <v>27</v>
      </c>
      <c r="AB32862">
        <v>27</v>
      </c>
      <c r="AC32862">
        <v>28</v>
      </c>
      <c r="AD32862">
        <v>28</v>
      </c>
      <c r="AE32862">
        <v>28</v>
      </c>
      <c r="AF32862">
        <v>29</v>
      </c>
      <c r="AG32862">
        <v>29</v>
      </c>
      <c r="AH32862">
        <v>29</v>
      </c>
      <c r="AI32862">
        <v>29</v>
      </c>
      <c r="AJ32862">
        <v>30</v>
      </c>
      <c r="AK32862">
        <v>30</v>
      </c>
      <c r="AL32862">
        <v>30</v>
      </c>
      <c r="AM32862">
        <v>30</v>
      </c>
      <c r="AN32862">
        <v>31</v>
      </c>
      <c r="AO32862">
        <v>31</v>
      </c>
      <c r="AP32862">
        <v>31</v>
      </c>
      <c r="AQ32862">
        <v>31</v>
      </c>
    </row>
    <row r="32863" spans="1:43">
      <c r="A32863" t="s">
        <v>20361</v>
      </c>
      <c r="B32863" t="s">
        <v>20362</v>
      </c>
      <c r="C32863" t="s">
        <v>20363</v>
      </c>
      <c r="D32863" t="s">
        <v>20364</v>
      </c>
      <c r="E32863" t="s">
        <v>20253</v>
      </c>
      <c r="F32863" t="s">
        <v>20254</v>
      </c>
      <c r="G32863" t="s">
        <v>20255</v>
      </c>
      <c r="H32863" t="s">
        <v>20256</v>
      </c>
      <c r="I32863" s="2">
        <v>1</v>
      </c>
      <c r="J32863" s="2">
        <v>0</v>
      </c>
      <c r="K32863" s="2">
        <v>0</v>
      </c>
      <c r="L32863" t="s">
        <v>120</v>
      </c>
      <c r="M32863" t="s">
        <v>87</v>
      </c>
      <c r="N32863" t="s">
        <v>88</v>
      </c>
      <c r="O32863" t="s">
        <v>85</v>
      </c>
      <c r="P32863" t="s">
        <v>86</v>
      </c>
      <c r="Q32863">
        <v>24</v>
      </c>
      <c r="R32863">
        <v>24</v>
      </c>
      <c r="S32863">
        <v>24</v>
      </c>
      <c r="T32863">
        <v>24</v>
      </c>
      <c r="U32863">
        <v>24</v>
      </c>
      <c r="V32863">
        <v>24</v>
      </c>
      <c r="W32863">
        <v>24</v>
      </c>
      <c r="X32863">
        <v>24</v>
      </c>
      <c r="Y32863">
        <v>24</v>
      </c>
      <c r="Z32863">
        <v>25</v>
      </c>
      <c r="AA32863">
        <v>25</v>
      </c>
      <c r="AB32863">
        <v>25</v>
      </c>
      <c r="AC32863">
        <v>25</v>
      </c>
      <c r="AD32863">
        <v>25</v>
      </c>
      <c r="AE32863">
        <v>25</v>
      </c>
      <c r="AF32863">
        <v>25</v>
      </c>
      <c r="AG32863">
        <v>25</v>
      </c>
      <c r="AH32863">
        <v>25</v>
      </c>
      <c r="AI32863">
        <v>25</v>
      </c>
      <c r="AJ32863">
        <v>26</v>
      </c>
      <c r="AK32863">
        <v>26</v>
      </c>
      <c r="AL32863">
        <v>26</v>
      </c>
      <c r="AM32863">
        <v>26</v>
      </c>
      <c r="AN32863">
        <v>26</v>
      </c>
      <c r="AO32863">
        <v>26</v>
      </c>
      <c r="AP32863">
        <v>26</v>
      </c>
      <c r="AQ32863">
        <v>27</v>
      </c>
    </row>
    <row r="32864" spans="1:43">
      <c r="A32864" t="s">
        <v>20361</v>
      </c>
      <c r="B32864" t="s">
        <v>20362</v>
      </c>
      <c r="C32864" t="s">
        <v>20363</v>
      </c>
      <c r="D32864" t="s">
        <v>20364</v>
      </c>
      <c r="E32864" t="s">
        <v>20253</v>
      </c>
      <c r="F32864" t="s">
        <v>20254</v>
      </c>
      <c r="G32864" t="s">
        <v>20255</v>
      </c>
      <c r="H32864" t="s">
        <v>20256</v>
      </c>
      <c r="I32864" s="2">
        <v>1</v>
      </c>
      <c r="J32864" s="2">
        <v>0</v>
      </c>
      <c r="K32864" s="2">
        <v>0</v>
      </c>
      <c r="L32864" t="s">
        <v>120</v>
      </c>
      <c r="M32864" t="s">
        <v>89</v>
      </c>
      <c r="N32864" t="s">
        <v>90</v>
      </c>
      <c r="O32864" t="s">
        <v>85</v>
      </c>
      <c r="P32864" t="s">
        <v>86</v>
      </c>
      <c r="Q32864">
        <v>24</v>
      </c>
      <c r="R32864">
        <v>25</v>
      </c>
      <c r="S32864">
        <v>25</v>
      </c>
      <c r="T32864">
        <v>26</v>
      </c>
      <c r="U32864">
        <v>26</v>
      </c>
      <c r="V32864">
        <v>27</v>
      </c>
      <c r="W32864">
        <v>27</v>
      </c>
      <c r="X32864">
        <v>28</v>
      </c>
      <c r="Y32864">
        <v>28</v>
      </c>
      <c r="Z32864">
        <v>28</v>
      </c>
      <c r="AA32864">
        <v>29</v>
      </c>
      <c r="AB32864">
        <v>29</v>
      </c>
      <c r="AC32864">
        <v>30</v>
      </c>
      <c r="AD32864">
        <v>30</v>
      </c>
      <c r="AE32864">
        <v>30</v>
      </c>
      <c r="AF32864">
        <v>30</v>
      </c>
      <c r="AG32864">
        <v>30</v>
      </c>
      <c r="AH32864">
        <v>30</v>
      </c>
      <c r="AI32864">
        <v>31</v>
      </c>
      <c r="AJ32864">
        <v>31</v>
      </c>
      <c r="AK32864">
        <v>31</v>
      </c>
      <c r="AL32864">
        <v>31</v>
      </c>
      <c r="AM32864">
        <v>31</v>
      </c>
      <c r="AN32864">
        <v>31</v>
      </c>
      <c r="AO32864">
        <v>31</v>
      </c>
      <c r="AP32864">
        <v>31</v>
      </c>
      <c r="AQ32864">
        <v>31</v>
      </c>
    </row>
    <row r="32865" spans="1:43">
      <c r="A32865" t="s">
        <v>20361</v>
      </c>
      <c r="B32865" t="s">
        <v>20362</v>
      </c>
      <c r="C32865" t="s">
        <v>20363</v>
      </c>
      <c r="D32865" t="s">
        <v>20364</v>
      </c>
      <c r="E32865" t="s">
        <v>20253</v>
      </c>
      <c r="F32865" t="s">
        <v>20254</v>
      </c>
      <c r="G32865" t="s">
        <v>20255</v>
      </c>
      <c r="H32865" t="s">
        <v>20256</v>
      </c>
      <c r="I32865" s="2">
        <v>1</v>
      </c>
      <c r="J32865" s="2">
        <v>0</v>
      </c>
      <c r="K32865" s="2">
        <v>0</v>
      </c>
      <c r="L32865" t="s">
        <v>120</v>
      </c>
      <c r="M32865" t="s">
        <v>83</v>
      </c>
      <c r="N32865" t="s">
        <v>91</v>
      </c>
      <c r="O32865" t="s">
        <v>85</v>
      </c>
      <c r="P32865" t="s">
        <v>86</v>
      </c>
      <c r="Q32865">
        <v>24</v>
      </c>
      <c r="R32865">
        <v>24</v>
      </c>
      <c r="S32865">
        <v>25</v>
      </c>
      <c r="T32865">
        <v>25</v>
      </c>
      <c r="U32865">
        <v>25</v>
      </c>
      <c r="V32865">
        <v>26</v>
      </c>
      <c r="W32865">
        <v>26</v>
      </c>
      <c r="X32865">
        <v>26</v>
      </c>
      <c r="Y32865">
        <v>26</v>
      </c>
      <c r="Z32865">
        <v>27</v>
      </c>
      <c r="AA32865">
        <v>27</v>
      </c>
      <c r="AB32865">
        <v>27</v>
      </c>
      <c r="AC32865">
        <v>28</v>
      </c>
      <c r="AD32865">
        <v>28</v>
      </c>
      <c r="AE32865">
        <v>28</v>
      </c>
      <c r="AF32865">
        <v>29</v>
      </c>
      <c r="AG32865">
        <v>29</v>
      </c>
      <c r="AH32865">
        <v>29</v>
      </c>
      <c r="AI32865">
        <v>29</v>
      </c>
      <c r="AJ32865">
        <v>30</v>
      </c>
      <c r="AK32865">
        <v>30</v>
      </c>
      <c r="AL32865">
        <v>30</v>
      </c>
      <c r="AM32865">
        <v>30</v>
      </c>
      <c r="AN32865">
        <v>31</v>
      </c>
      <c r="AO32865">
        <v>31</v>
      </c>
      <c r="AP32865">
        <v>31</v>
      </c>
      <c r="AQ32865">
        <v>31</v>
      </c>
    </row>
    <row r="32866" spans="1:43">
      <c r="A32866" t="s">
        <v>20365</v>
      </c>
      <c r="B32866" t="s">
        <v>20366</v>
      </c>
      <c r="C32866" t="s">
        <v>20363</v>
      </c>
      <c r="D32866" t="s">
        <v>20364</v>
      </c>
      <c r="E32866" t="s">
        <v>20253</v>
      </c>
      <c r="F32866" t="s">
        <v>20254</v>
      </c>
      <c r="G32866" t="s">
        <v>20255</v>
      </c>
      <c r="H32866" t="s">
        <v>20256</v>
      </c>
      <c r="I32866" s="2">
        <v>1</v>
      </c>
      <c r="J32866" s="2">
        <v>0</v>
      </c>
      <c r="K32866" s="2">
        <v>0</v>
      </c>
      <c r="L32866" t="s">
        <v>120</v>
      </c>
      <c r="M32866" t="s">
        <v>83</v>
      </c>
      <c r="N32866" t="s">
        <v>84</v>
      </c>
      <c r="O32866" t="s">
        <v>85</v>
      </c>
      <c r="P32866" t="s">
        <v>86</v>
      </c>
      <c r="Q32866">
        <v>87</v>
      </c>
      <c r="R32866">
        <v>88</v>
      </c>
      <c r="S32866">
        <v>89</v>
      </c>
      <c r="T32866">
        <v>90</v>
      </c>
      <c r="U32866">
        <v>91</v>
      </c>
      <c r="V32866">
        <v>92</v>
      </c>
      <c r="W32866">
        <v>93</v>
      </c>
      <c r="X32866">
        <v>95</v>
      </c>
      <c r="Y32866">
        <v>96</v>
      </c>
      <c r="Z32866">
        <v>97</v>
      </c>
      <c r="AA32866">
        <v>98</v>
      </c>
      <c r="AB32866">
        <v>99</v>
      </c>
      <c r="AC32866">
        <v>100</v>
      </c>
      <c r="AD32866">
        <v>101</v>
      </c>
      <c r="AE32866">
        <v>102</v>
      </c>
      <c r="AF32866">
        <v>103</v>
      </c>
      <c r="AG32866">
        <v>104</v>
      </c>
      <c r="AH32866">
        <v>105</v>
      </c>
      <c r="AI32866">
        <v>107</v>
      </c>
      <c r="AJ32866">
        <v>108</v>
      </c>
      <c r="AK32866">
        <v>109</v>
      </c>
      <c r="AL32866">
        <v>109</v>
      </c>
      <c r="AM32866">
        <v>110</v>
      </c>
      <c r="AN32866">
        <v>110</v>
      </c>
      <c r="AO32866">
        <v>111</v>
      </c>
      <c r="AP32866">
        <v>111</v>
      </c>
      <c r="AQ32866">
        <v>111</v>
      </c>
    </row>
    <row r="32867" spans="1:43">
      <c r="A32867" t="s">
        <v>20365</v>
      </c>
      <c r="B32867" t="s">
        <v>20366</v>
      </c>
      <c r="C32867" t="s">
        <v>20363</v>
      </c>
      <c r="D32867" t="s">
        <v>20364</v>
      </c>
      <c r="E32867" t="s">
        <v>20253</v>
      </c>
      <c r="F32867" t="s">
        <v>20254</v>
      </c>
      <c r="G32867" t="s">
        <v>20255</v>
      </c>
      <c r="H32867" t="s">
        <v>20256</v>
      </c>
      <c r="I32867" s="2">
        <v>1</v>
      </c>
      <c r="J32867" s="2">
        <v>0</v>
      </c>
      <c r="K32867" s="2">
        <v>0</v>
      </c>
      <c r="L32867" t="s">
        <v>120</v>
      </c>
      <c r="M32867" t="s">
        <v>87</v>
      </c>
      <c r="N32867" t="s">
        <v>88</v>
      </c>
      <c r="O32867" t="s">
        <v>85</v>
      </c>
      <c r="P32867" t="s">
        <v>86</v>
      </c>
      <c r="Q32867">
        <v>87</v>
      </c>
      <c r="R32867">
        <v>87</v>
      </c>
      <c r="S32867">
        <v>88</v>
      </c>
      <c r="T32867">
        <v>88</v>
      </c>
      <c r="U32867">
        <v>88</v>
      </c>
      <c r="V32867">
        <v>89</v>
      </c>
      <c r="W32867">
        <v>89</v>
      </c>
      <c r="X32867">
        <v>89</v>
      </c>
      <c r="Y32867">
        <v>89</v>
      </c>
      <c r="Z32867">
        <v>90</v>
      </c>
      <c r="AA32867">
        <v>90</v>
      </c>
      <c r="AB32867">
        <v>90</v>
      </c>
      <c r="AC32867">
        <v>91</v>
      </c>
      <c r="AD32867">
        <v>91</v>
      </c>
      <c r="AE32867">
        <v>91</v>
      </c>
      <c r="AF32867">
        <v>92</v>
      </c>
      <c r="AG32867">
        <v>92</v>
      </c>
      <c r="AH32867">
        <v>93</v>
      </c>
      <c r="AI32867">
        <v>93</v>
      </c>
      <c r="AJ32867">
        <v>93</v>
      </c>
      <c r="AK32867">
        <v>94</v>
      </c>
      <c r="AL32867">
        <v>94</v>
      </c>
      <c r="AM32867">
        <v>95</v>
      </c>
      <c r="AN32867">
        <v>95</v>
      </c>
      <c r="AO32867">
        <v>96</v>
      </c>
      <c r="AP32867">
        <v>96</v>
      </c>
      <c r="AQ32867">
        <v>97</v>
      </c>
    </row>
    <row r="32868" spans="1:43">
      <c r="A32868" t="s">
        <v>20365</v>
      </c>
      <c r="B32868" t="s">
        <v>20366</v>
      </c>
      <c r="C32868" t="s">
        <v>20363</v>
      </c>
      <c r="D32868" t="s">
        <v>20364</v>
      </c>
      <c r="E32868" t="s">
        <v>20253</v>
      </c>
      <c r="F32868" t="s">
        <v>20254</v>
      </c>
      <c r="G32868" t="s">
        <v>20255</v>
      </c>
      <c r="H32868" t="s">
        <v>20256</v>
      </c>
      <c r="I32868" s="2">
        <v>1</v>
      </c>
      <c r="J32868" s="2">
        <v>0</v>
      </c>
      <c r="K32868" s="2">
        <v>0</v>
      </c>
      <c r="L32868" t="s">
        <v>120</v>
      </c>
      <c r="M32868" t="s">
        <v>89</v>
      </c>
      <c r="N32868" t="s">
        <v>90</v>
      </c>
      <c r="O32868" t="s">
        <v>85</v>
      </c>
      <c r="P32868" t="s">
        <v>86</v>
      </c>
      <c r="Q32868">
        <v>87</v>
      </c>
      <c r="R32868">
        <v>89</v>
      </c>
      <c r="S32868">
        <v>90</v>
      </c>
      <c r="T32868">
        <v>92</v>
      </c>
      <c r="U32868">
        <v>94</v>
      </c>
      <c r="V32868">
        <v>96</v>
      </c>
      <c r="W32868">
        <v>97</v>
      </c>
      <c r="X32868">
        <v>99</v>
      </c>
      <c r="Y32868">
        <v>100</v>
      </c>
      <c r="Z32868">
        <v>102</v>
      </c>
      <c r="AA32868">
        <v>103</v>
      </c>
      <c r="AB32868">
        <v>105</v>
      </c>
      <c r="AC32868">
        <v>106</v>
      </c>
      <c r="AD32868">
        <v>108</v>
      </c>
      <c r="AE32868">
        <v>109</v>
      </c>
      <c r="AF32868">
        <v>109</v>
      </c>
      <c r="AG32868">
        <v>109</v>
      </c>
      <c r="AH32868">
        <v>109</v>
      </c>
      <c r="AI32868">
        <v>109</v>
      </c>
      <c r="AJ32868">
        <v>110</v>
      </c>
      <c r="AK32868">
        <v>110</v>
      </c>
      <c r="AL32868">
        <v>110</v>
      </c>
      <c r="AM32868">
        <v>110</v>
      </c>
      <c r="AN32868">
        <v>111</v>
      </c>
      <c r="AO32868">
        <v>111</v>
      </c>
      <c r="AP32868">
        <v>111</v>
      </c>
      <c r="AQ32868">
        <v>112</v>
      </c>
    </row>
    <row r="32869" spans="1:43">
      <c r="A32869" t="s">
        <v>20365</v>
      </c>
      <c r="B32869" t="s">
        <v>20366</v>
      </c>
      <c r="C32869" t="s">
        <v>20363</v>
      </c>
      <c r="D32869" t="s">
        <v>20364</v>
      </c>
      <c r="E32869" t="s">
        <v>20253</v>
      </c>
      <c r="F32869" t="s">
        <v>20254</v>
      </c>
      <c r="G32869" t="s">
        <v>20255</v>
      </c>
      <c r="H32869" t="s">
        <v>20256</v>
      </c>
      <c r="I32869" s="2">
        <v>1</v>
      </c>
      <c r="J32869" s="2">
        <v>0</v>
      </c>
      <c r="K32869" s="2">
        <v>0</v>
      </c>
      <c r="L32869" t="s">
        <v>120</v>
      </c>
      <c r="M32869" t="s">
        <v>83</v>
      </c>
      <c r="N32869" t="s">
        <v>91</v>
      </c>
      <c r="O32869" t="s">
        <v>85</v>
      </c>
      <c r="P32869" t="s">
        <v>86</v>
      </c>
      <c r="Q32869">
        <v>87</v>
      </c>
      <c r="R32869">
        <v>88</v>
      </c>
      <c r="S32869">
        <v>89</v>
      </c>
      <c r="T32869">
        <v>90</v>
      </c>
      <c r="U32869">
        <v>91</v>
      </c>
      <c r="V32869">
        <v>92</v>
      </c>
      <c r="W32869">
        <v>93</v>
      </c>
      <c r="X32869">
        <v>95</v>
      </c>
      <c r="Y32869">
        <v>96</v>
      </c>
      <c r="Z32869">
        <v>97</v>
      </c>
      <c r="AA32869">
        <v>98</v>
      </c>
      <c r="AB32869">
        <v>99</v>
      </c>
      <c r="AC32869">
        <v>100</v>
      </c>
      <c r="AD32869">
        <v>101</v>
      </c>
      <c r="AE32869">
        <v>102</v>
      </c>
      <c r="AF32869">
        <v>103</v>
      </c>
      <c r="AG32869">
        <v>104</v>
      </c>
      <c r="AH32869">
        <v>105</v>
      </c>
      <c r="AI32869">
        <v>107</v>
      </c>
      <c r="AJ32869">
        <v>108</v>
      </c>
      <c r="AK32869">
        <v>109</v>
      </c>
      <c r="AL32869">
        <v>109</v>
      </c>
      <c r="AM32869">
        <v>110</v>
      </c>
      <c r="AN32869">
        <v>110</v>
      </c>
      <c r="AO32869">
        <v>111</v>
      </c>
      <c r="AP32869">
        <v>111</v>
      </c>
      <c r="AQ32869">
        <v>111</v>
      </c>
    </row>
    <row r="32870" spans="1:43">
      <c r="A32870" t="s">
        <v>20367</v>
      </c>
      <c r="B32870" t="s">
        <v>20368</v>
      </c>
      <c r="C32870" t="s">
        <v>20363</v>
      </c>
      <c r="D32870" t="s">
        <v>20364</v>
      </c>
      <c r="E32870" t="s">
        <v>20253</v>
      </c>
      <c r="F32870" t="s">
        <v>20254</v>
      </c>
      <c r="G32870" t="s">
        <v>20255</v>
      </c>
      <c r="H32870" t="s">
        <v>20256</v>
      </c>
      <c r="I32870" s="2">
        <v>1</v>
      </c>
      <c r="J32870" s="2">
        <v>0</v>
      </c>
      <c r="K32870" s="2">
        <v>0</v>
      </c>
      <c r="L32870" t="s">
        <v>120</v>
      </c>
      <c r="M32870" t="s">
        <v>83</v>
      </c>
      <c r="N32870" t="s">
        <v>84</v>
      </c>
      <c r="O32870" t="s">
        <v>85</v>
      </c>
      <c r="P32870" t="s">
        <v>86</v>
      </c>
      <c r="Q32870">
        <v>26</v>
      </c>
      <c r="R32870">
        <v>26</v>
      </c>
      <c r="S32870">
        <v>26</v>
      </c>
      <c r="T32870">
        <v>27</v>
      </c>
      <c r="U32870">
        <v>27</v>
      </c>
      <c r="V32870">
        <v>27</v>
      </c>
      <c r="W32870">
        <v>27</v>
      </c>
      <c r="X32870">
        <v>28</v>
      </c>
      <c r="Y32870">
        <v>28</v>
      </c>
      <c r="Z32870">
        <v>28</v>
      </c>
      <c r="AA32870">
        <v>29</v>
      </c>
      <c r="AB32870">
        <v>29</v>
      </c>
      <c r="AC32870">
        <v>29</v>
      </c>
      <c r="AD32870">
        <v>30</v>
      </c>
      <c r="AE32870">
        <v>30</v>
      </c>
      <c r="AF32870">
        <v>30</v>
      </c>
      <c r="AG32870">
        <v>31</v>
      </c>
      <c r="AH32870">
        <v>31</v>
      </c>
      <c r="AI32870">
        <v>31</v>
      </c>
      <c r="AJ32870">
        <v>32</v>
      </c>
      <c r="AK32870">
        <v>32</v>
      </c>
      <c r="AL32870">
        <v>32</v>
      </c>
      <c r="AM32870">
        <v>32</v>
      </c>
      <c r="AN32870">
        <v>32</v>
      </c>
      <c r="AO32870">
        <v>32</v>
      </c>
      <c r="AP32870">
        <v>33</v>
      </c>
      <c r="AQ32870">
        <v>33</v>
      </c>
    </row>
    <row r="32871" spans="1:43">
      <c r="A32871" t="s">
        <v>20367</v>
      </c>
      <c r="B32871" t="s">
        <v>20368</v>
      </c>
      <c r="C32871" t="s">
        <v>20363</v>
      </c>
      <c r="D32871" t="s">
        <v>20364</v>
      </c>
      <c r="E32871" t="s">
        <v>20253</v>
      </c>
      <c r="F32871" t="s">
        <v>20254</v>
      </c>
      <c r="G32871" t="s">
        <v>20255</v>
      </c>
      <c r="H32871" t="s">
        <v>20256</v>
      </c>
      <c r="I32871" s="2">
        <v>1</v>
      </c>
      <c r="J32871" s="2">
        <v>0</v>
      </c>
      <c r="K32871" s="2">
        <v>0</v>
      </c>
      <c r="L32871" t="s">
        <v>120</v>
      </c>
      <c r="M32871" t="s">
        <v>87</v>
      </c>
      <c r="N32871" t="s">
        <v>88</v>
      </c>
      <c r="O32871" t="s">
        <v>85</v>
      </c>
      <c r="P32871" t="s">
        <v>86</v>
      </c>
      <c r="Q32871">
        <v>26</v>
      </c>
      <c r="R32871">
        <v>26</v>
      </c>
      <c r="S32871">
        <v>26</v>
      </c>
      <c r="T32871">
        <v>27</v>
      </c>
      <c r="U32871">
        <v>27</v>
      </c>
      <c r="V32871">
        <v>27</v>
      </c>
      <c r="W32871">
        <v>27</v>
      </c>
      <c r="X32871">
        <v>27</v>
      </c>
      <c r="Y32871">
        <v>27</v>
      </c>
      <c r="Z32871">
        <v>27</v>
      </c>
      <c r="AA32871">
        <v>27</v>
      </c>
      <c r="AB32871">
        <v>27</v>
      </c>
      <c r="AC32871">
        <v>27</v>
      </c>
      <c r="AD32871">
        <v>27</v>
      </c>
      <c r="AE32871">
        <v>28</v>
      </c>
      <c r="AF32871">
        <v>28</v>
      </c>
      <c r="AG32871">
        <v>28</v>
      </c>
      <c r="AH32871">
        <v>28</v>
      </c>
      <c r="AI32871">
        <v>28</v>
      </c>
      <c r="AJ32871">
        <v>28</v>
      </c>
      <c r="AK32871">
        <v>28</v>
      </c>
      <c r="AL32871">
        <v>28</v>
      </c>
      <c r="AM32871">
        <v>29</v>
      </c>
      <c r="AN32871">
        <v>29</v>
      </c>
      <c r="AO32871">
        <v>29</v>
      </c>
      <c r="AP32871">
        <v>29</v>
      </c>
      <c r="AQ32871">
        <v>29</v>
      </c>
    </row>
    <row r="32872" spans="1:43">
      <c r="A32872" t="s">
        <v>20367</v>
      </c>
      <c r="B32872" t="s">
        <v>20368</v>
      </c>
      <c r="C32872" t="s">
        <v>20363</v>
      </c>
      <c r="D32872" t="s">
        <v>20364</v>
      </c>
      <c r="E32872" t="s">
        <v>20253</v>
      </c>
      <c r="F32872" t="s">
        <v>20254</v>
      </c>
      <c r="G32872" t="s">
        <v>20255</v>
      </c>
      <c r="H32872" t="s">
        <v>20256</v>
      </c>
      <c r="I32872" s="2">
        <v>1</v>
      </c>
      <c r="J32872" s="2">
        <v>0</v>
      </c>
      <c r="K32872" s="2">
        <v>0</v>
      </c>
      <c r="L32872" t="s">
        <v>120</v>
      </c>
      <c r="M32872" t="s">
        <v>89</v>
      </c>
      <c r="N32872" t="s">
        <v>90</v>
      </c>
      <c r="O32872" t="s">
        <v>85</v>
      </c>
      <c r="P32872" t="s">
        <v>86</v>
      </c>
      <c r="Q32872">
        <v>26</v>
      </c>
      <c r="R32872">
        <v>26</v>
      </c>
      <c r="S32872">
        <v>27</v>
      </c>
      <c r="T32872">
        <v>27</v>
      </c>
      <c r="U32872">
        <v>28</v>
      </c>
      <c r="V32872">
        <v>28</v>
      </c>
      <c r="W32872">
        <v>29</v>
      </c>
      <c r="X32872">
        <v>29</v>
      </c>
      <c r="Y32872">
        <v>30</v>
      </c>
      <c r="Z32872">
        <v>30</v>
      </c>
      <c r="AA32872">
        <v>31</v>
      </c>
      <c r="AB32872">
        <v>31</v>
      </c>
      <c r="AC32872">
        <v>31</v>
      </c>
      <c r="AD32872">
        <v>32</v>
      </c>
      <c r="AE32872">
        <v>32</v>
      </c>
      <c r="AF32872">
        <v>32</v>
      </c>
      <c r="AG32872">
        <v>32</v>
      </c>
      <c r="AH32872">
        <v>32</v>
      </c>
      <c r="AI32872">
        <v>32</v>
      </c>
      <c r="AJ32872">
        <v>32</v>
      </c>
      <c r="AK32872">
        <v>33</v>
      </c>
      <c r="AL32872">
        <v>33</v>
      </c>
      <c r="AM32872">
        <v>33</v>
      </c>
      <c r="AN32872">
        <v>33</v>
      </c>
      <c r="AO32872">
        <v>33</v>
      </c>
      <c r="AP32872">
        <v>33</v>
      </c>
      <c r="AQ32872">
        <v>33</v>
      </c>
    </row>
    <row r="32873" spans="1:43">
      <c r="A32873" t="s">
        <v>20367</v>
      </c>
      <c r="B32873" t="s">
        <v>20368</v>
      </c>
      <c r="C32873" t="s">
        <v>20363</v>
      </c>
      <c r="D32873" t="s">
        <v>20364</v>
      </c>
      <c r="E32873" t="s">
        <v>20253</v>
      </c>
      <c r="F32873" t="s">
        <v>20254</v>
      </c>
      <c r="G32873" t="s">
        <v>20255</v>
      </c>
      <c r="H32873" t="s">
        <v>20256</v>
      </c>
      <c r="I32873" s="2">
        <v>1</v>
      </c>
      <c r="J32873" s="2">
        <v>0</v>
      </c>
      <c r="K32873" s="2">
        <v>0</v>
      </c>
      <c r="L32873" t="s">
        <v>120</v>
      </c>
      <c r="M32873" t="s">
        <v>83</v>
      </c>
      <c r="N32873" t="s">
        <v>91</v>
      </c>
      <c r="O32873" t="s">
        <v>85</v>
      </c>
      <c r="P32873" t="s">
        <v>86</v>
      </c>
      <c r="Q32873">
        <v>26</v>
      </c>
      <c r="R32873">
        <v>26</v>
      </c>
      <c r="S32873">
        <v>26</v>
      </c>
      <c r="T32873">
        <v>27</v>
      </c>
      <c r="U32873">
        <v>27</v>
      </c>
      <c r="V32873">
        <v>27</v>
      </c>
      <c r="W32873">
        <v>27</v>
      </c>
      <c r="X32873">
        <v>28</v>
      </c>
      <c r="Y32873">
        <v>28</v>
      </c>
      <c r="Z32873">
        <v>28</v>
      </c>
      <c r="AA32873">
        <v>29</v>
      </c>
      <c r="AB32873">
        <v>29</v>
      </c>
      <c r="AC32873">
        <v>29</v>
      </c>
      <c r="AD32873">
        <v>30</v>
      </c>
      <c r="AE32873">
        <v>30</v>
      </c>
      <c r="AF32873">
        <v>30</v>
      </c>
      <c r="AG32873">
        <v>31</v>
      </c>
      <c r="AH32873">
        <v>31</v>
      </c>
      <c r="AI32873">
        <v>31</v>
      </c>
      <c r="AJ32873">
        <v>32</v>
      </c>
      <c r="AK32873">
        <v>32</v>
      </c>
      <c r="AL32873">
        <v>32</v>
      </c>
      <c r="AM32873">
        <v>32</v>
      </c>
      <c r="AN32873">
        <v>32</v>
      </c>
      <c r="AO32873">
        <v>32</v>
      </c>
      <c r="AP32873">
        <v>33</v>
      </c>
      <c r="AQ32873">
        <v>33</v>
      </c>
    </row>
    <row r="32874" spans="1:43">
      <c r="A32874" t="s">
        <v>20369</v>
      </c>
      <c r="B32874" t="s">
        <v>20370</v>
      </c>
      <c r="C32874" t="s">
        <v>20371</v>
      </c>
      <c r="D32874" t="s">
        <v>20372</v>
      </c>
      <c r="E32874" t="s">
        <v>20253</v>
      </c>
      <c r="F32874" t="s">
        <v>20254</v>
      </c>
      <c r="G32874" t="s">
        <v>20255</v>
      </c>
      <c r="H32874" t="s">
        <v>20256</v>
      </c>
      <c r="I32874" s="2">
        <v>1</v>
      </c>
      <c r="J32874" s="2">
        <v>0</v>
      </c>
      <c r="K32874" s="2">
        <v>0</v>
      </c>
      <c r="L32874" t="s">
        <v>120</v>
      </c>
      <c r="M32874" t="s">
        <v>83</v>
      </c>
      <c r="N32874" t="s">
        <v>84</v>
      </c>
      <c r="O32874" t="s">
        <v>85</v>
      </c>
      <c r="P32874" t="s">
        <v>86</v>
      </c>
      <c r="Q32874">
        <v>123</v>
      </c>
      <c r="R32874">
        <v>124</v>
      </c>
      <c r="S32874">
        <v>126</v>
      </c>
      <c r="T32874">
        <v>128</v>
      </c>
      <c r="U32874">
        <v>129</v>
      </c>
      <c r="V32874">
        <v>131</v>
      </c>
      <c r="W32874">
        <v>132</v>
      </c>
      <c r="X32874">
        <v>134</v>
      </c>
      <c r="Y32874">
        <v>136</v>
      </c>
      <c r="Z32874">
        <v>137</v>
      </c>
      <c r="AA32874">
        <v>139</v>
      </c>
      <c r="AB32874">
        <v>140</v>
      </c>
      <c r="AC32874">
        <v>142</v>
      </c>
      <c r="AD32874">
        <v>144</v>
      </c>
      <c r="AE32874">
        <v>145</v>
      </c>
      <c r="AF32874">
        <v>147</v>
      </c>
      <c r="AG32874">
        <v>149</v>
      </c>
      <c r="AH32874">
        <v>151</v>
      </c>
      <c r="AI32874">
        <v>152</v>
      </c>
      <c r="AJ32874">
        <v>154</v>
      </c>
      <c r="AK32874">
        <v>156</v>
      </c>
      <c r="AL32874">
        <v>157</v>
      </c>
      <c r="AM32874">
        <v>158</v>
      </c>
      <c r="AN32874">
        <v>158</v>
      </c>
      <c r="AO32874">
        <v>159</v>
      </c>
      <c r="AP32874">
        <v>160</v>
      </c>
      <c r="AQ32874">
        <v>161</v>
      </c>
    </row>
    <row r="32875" spans="1:43">
      <c r="A32875" t="s">
        <v>20369</v>
      </c>
      <c r="B32875" t="s">
        <v>20370</v>
      </c>
      <c r="C32875" t="s">
        <v>20371</v>
      </c>
      <c r="D32875" t="s">
        <v>20372</v>
      </c>
      <c r="E32875" t="s">
        <v>20253</v>
      </c>
      <c r="F32875" t="s">
        <v>20254</v>
      </c>
      <c r="G32875" t="s">
        <v>20255</v>
      </c>
      <c r="H32875" t="s">
        <v>20256</v>
      </c>
      <c r="I32875" s="2">
        <v>1</v>
      </c>
      <c r="J32875" s="2">
        <v>0</v>
      </c>
      <c r="K32875" s="2">
        <v>0</v>
      </c>
      <c r="L32875" t="s">
        <v>120</v>
      </c>
      <c r="M32875" t="s">
        <v>87</v>
      </c>
      <c r="N32875" t="s">
        <v>88</v>
      </c>
      <c r="O32875" t="s">
        <v>85</v>
      </c>
      <c r="P32875" t="s">
        <v>86</v>
      </c>
      <c r="Q32875">
        <v>123</v>
      </c>
      <c r="R32875">
        <v>124</v>
      </c>
      <c r="S32875">
        <v>124</v>
      </c>
      <c r="T32875">
        <v>125</v>
      </c>
      <c r="U32875">
        <v>125</v>
      </c>
      <c r="V32875">
        <v>126</v>
      </c>
      <c r="W32875">
        <v>126</v>
      </c>
      <c r="X32875">
        <v>127</v>
      </c>
      <c r="Y32875">
        <v>128</v>
      </c>
      <c r="Z32875">
        <v>128</v>
      </c>
      <c r="AA32875">
        <v>129</v>
      </c>
      <c r="AB32875">
        <v>129</v>
      </c>
      <c r="AC32875">
        <v>130</v>
      </c>
      <c r="AD32875">
        <v>130</v>
      </c>
      <c r="AE32875">
        <v>131</v>
      </c>
      <c r="AF32875">
        <v>132</v>
      </c>
      <c r="AG32875">
        <v>132</v>
      </c>
      <c r="AH32875">
        <v>133</v>
      </c>
      <c r="AI32875">
        <v>134</v>
      </c>
      <c r="AJ32875">
        <v>135</v>
      </c>
      <c r="AK32875">
        <v>135</v>
      </c>
      <c r="AL32875">
        <v>136</v>
      </c>
      <c r="AM32875">
        <v>137</v>
      </c>
      <c r="AN32875">
        <v>138</v>
      </c>
      <c r="AO32875">
        <v>139</v>
      </c>
      <c r="AP32875">
        <v>140</v>
      </c>
      <c r="AQ32875">
        <v>141</v>
      </c>
    </row>
    <row r="32876" spans="1:43">
      <c r="A32876" t="s">
        <v>20369</v>
      </c>
      <c r="B32876" t="s">
        <v>20370</v>
      </c>
      <c r="C32876" t="s">
        <v>20371</v>
      </c>
      <c r="D32876" t="s">
        <v>20372</v>
      </c>
      <c r="E32876" t="s">
        <v>20253</v>
      </c>
      <c r="F32876" t="s">
        <v>20254</v>
      </c>
      <c r="G32876" t="s">
        <v>20255</v>
      </c>
      <c r="H32876" t="s">
        <v>20256</v>
      </c>
      <c r="I32876" s="2">
        <v>1</v>
      </c>
      <c r="J32876" s="2">
        <v>0</v>
      </c>
      <c r="K32876" s="2">
        <v>0</v>
      </c>
      <c r="L32876" t="s">
        <v>120</v>
      </c>
      <c r="M32876" t="s">
        <v>89</v>
      </c>
      <c r="N32876" t="s">
        <v>90</v>
      </c>
      <c r="O32876" t="s">
        <v>85</v>
      </c>
      <c r="P32876" t="s">
        <v>86</v>
      </c>
      <c r="Q32876">
        <v>123</v>
      </c>
      <c r="R32876">
        <v>125</v>
      </c>
      <c r="S32876">
        <v>128</v>
      </c>
      <c r="T32876">
        <v>131</v>
      </c>
      <c r="U32876">
        <v>133</v>
      </c>
      <c r="V32876">
        <v>136</v>
      </c>
      <c r="W32876">
        <v>138</v>
      </c>
      <c r="X32876">
        <v>140</v>
      </c>
      <c r="Y32876">
        <v>142</v>
      </c>
      <c r="Z32876">
        <v>145</v>
      </c>
      <c r="AA32876">
        <v>147</v>
      </c>
      <c r="AB32876">
        <v>149</v>
      </c>
      <c r="AC32876">
        <v>151</v>
      </c>
      <c r="AD32876">
        <v>153</v>
      </c>
      <c r="AE32876">
        <v>155</v>
      </c>
      <c r="AF32876">
        <v>155</v>
      </c>
      <c r="AG32876">
        <v>156</v>
      </c>
      <c r="AH32876">
        <v>156</v>
      </c>
      <c r="AI32876">
        <v>157</v>
      </c>
      <c r="AJ32876">
        <v>157</v>
      </c>
      <c r="AK32876">
        <v>158</v>
      </c>
      <c r="AL32876">
        <v>159</v>
      </c>
      <c r="AM32876">
        <v>159</v>
      </c>
      <c r="AN32876">
        <v>160</v>
      </c>
      <c r="AO32876">
        <v>161</v>
      </c>
      <c r="AP32876">
        <v>161</v>
      </c>
      <c r="AQ32876">
        <v>162</v>
      </c>
    </row>
    <row r="32877" spans="1:43">
      <c r="A32877" t="s">
        <v>20369</v>
      </c>
      <c r="B32877" t="s">
        <v>20370</v>
      </c>
      <c r="C32877" t="s">
        <v>20371</v>
      </c>
      <c r="D32877" t="s">
        <v>20372</v>
      </c>
      <c r="E32877" t="s">
        <v>20253</v>
      </c>
      <c r="F32877" t="s">
        <v>20254</v>
      </c>
      <c r="G32877" t="s">
        <v>20255</v>
      </c>
      <c r="H32877" t="s">
        <v>20256</v>
      </c>
      <c r="I32877" s="2">
        <v>1</v>
      </c>
      <c r="J32877" s="2">
        <v>0</v>
      </c>
      <c r="K32877" s="2">
        <v>0</v>
      </c>
      <c r="L32877" t="s">
        <v>120</v>
      </c>
      <c r="M32877" t="s">
        <v>83</v>
      </c>
      <c r="N32877" t="s">
        <v>91</v>
      </c>
      <c r="O32877" t="s">
        <v>85</v>
      </c>
      <c r="P32877" t="s">
        <v>86</v>
      </c>
      <c r="Q32877">
        <v>123</v>
      </c>
      <c r="R32877">
        <v>124</v>
      </c>
      <c r="S32877">
        <v>126</v>
      </c>
      <c r="T32877">
        <v>128</v>
      </c>
      <c r="U32877">
        <v>129</v>
      </c>
      <c r="V32877">
        <v>131</v>
      </c>
      <c r="W32877">
        <v>132</v>
      </c>
      <c r="X32877">
        <v>134</v>
      </c>
      <c r="Y32877">
        <v>136</v>
      </c>
      <c r="Z32877">
        <v>137</v>
      </c>
      <c r="AA32877">
        <v>139</v>
      </c>
      <c r="AB32877">
        <v>140</v>
      </c>
      <c r="AC32877">
        <v>142</v>
      </c>
      <c r="AD32877">
        <v>144</v>
      </c>
      <c r="AE32877">
        <v>145</v>
      </c>
      <c r="AF32877">
        <v>147</v>
      </c>
      <c r="AG32877">
        <v>149</v>
      </c>
      <c r="AH32877">
        <v>151</v>
      </c>
      <c r="AI32877">
        <v>152</v>
      </c>
      <c r="AJ32877">
        <v>154</v>
      </c>
      <c r="AK32877">
        <v>156</v>
      </c>
      <c r="AL32877">
        <v>157</v>
      </c>
      <c r="AM32877">
        <v>158</v>
      </c>
      <c r="AN32877">
        <v>158</v>
      </c>
      <c r="AO32877">
        <v>159</v>
      </c>
      <c r="AP32877">
        <v>160</v>
      </c>
      <c r="AQ32877">
        <v>161</v>
      </c>
    </row>
    <row r="32878" spans="1:43">
      <c r="A32878" t="s">
        <v>20373</v>
      </c>
      <c r="B32878" t="s">
        <v>20374</v>
      </c>
      <c r="C32878" t="s">
        <v>20371</v>
      </c>
      <c r="D32878" t="s">
        <v>20372</v>
      </c>
      <c r="E32878" t="s">
        <v>20253</v>
      </c>
      <c r="F32878" t="s">
        <v>20254</v>
      </c>
      <c r="G32878" t="s">
        <v>20255</v>
      </c>
      <c r="H32878" t="s">
        <v>20256</v>
      </c>
      <c r="I32878" s="2">
        <v>1</v>
      </c>
      <c r="J32878" s="2">
        <v>0</v>
      </c>
      <c r="K32878" s="2">
        <v>0</v>
      </c>
      <c r="L32878" t="s">
        <v>120</v>
      </c>
      <c r="M32878" t="s">
        <v>83</v>
      </c>
      <c r="N32878" t="s">
        <v>84</v>
      </c>
      <c r="O32878" t="s">
        <v>85</v>
      </c>
      <c r="P32878" t="s">
        <v>86</v>
      </c>
      <c r="Q32878">
        <v>17</v>
      </c>
      <c r="R32878">
        <v>17</v>
      </c>
      <c r="S32878">
        <v>18</v>
      </c>
      <c r="T32878">
        <v>18</v>
      </c>
      <c r="U32878">
        <v>18</v>
      </c>
      <c r="V32878">
        <v>18</v>
      </c>
      <c r="W32878">
        <v>19</v>
      </c>
      <c r="X32878">
        <v>19</v>
      </c>
      <c r="Y32878">
        <v>19</v>
      </c>
      <c r="Z32878">
        <v>19</v>
      </c>
      <c r="AA32878">
        <v>19</v>
      </c>
      <c r="AB32878">
        <v>20</v>
      </c>
      <c r="AC32878">
        <v>20</v>
      </c>
      <c r="AD32878">
        <v>20</v>
      </c>
      <c r="AE32878">
        <v>20</v>
      </c>
      <c r="AF32878">
        <v>21</v>
      </c>
      <c r="AG32878">
        <v>21</v>
      </c>
      <c r="AH32878">
        <v>21</v>
      </c>
      <c r="AI32878">
        <v>21</v>
      </c>
      <c r="AJ32878">
        <v>22</v>
      </c>
      <c r="AK32878">
        <v>22</v>
      </c>
      <c r="AL32878">
        <v>22</v>
      </c>
      <c r="AM32878">
        <v>22</v>
      </c>
      <c r="AN32878">
        <v>22</v>
      </c>
      <c r="AO32878">
        <v>22</v>
      </c>
      <c r="AP32878">
        <v>22</v>
      </c>
      <c r="AQ32878">
        <v>22</v>
      </c>
    </row>
    <row r="32879" spans="1:43">
      <c r="A32879" t="s">
        <v>20373</v>
      </c>
      <c r="B32879" t="s">
        <v>20374</v>
      </c>
      <c r="C32879" t="s">
        <v>20371</v>
      </c>
      <c r="D32879" t="s">
        <v>20372</v>
      </c>
      <c r="E32879" t="s">
        <v>20253</v>
      </c>
      <c r="F32879" t="s">
        <v>20254</v>
      </c>
      <c r="G32879" t="s">
        <v>20255</v>
      </c>
      <c r="H32879" t="s">
        <v>20256</v>
      </c>
      <c r="I32879" s="2">
        <v>1</v>
      </c>
      <c r="J32879" s="2">
        <v>0</v>
      </c>
      <c r="K32879" s="2">
        <v>0</v>
      </c>
      <c r="L32879" t="s">
        <v>120</v>
      </c>
      <c r="M32879" t="s">
        <v>87</v>
      </c>
      <c r="N32879" t="s">
        <v>88</v>
      </c>
      <c r="O32879" t="s">
        <v>85</v>
      </c>
      <c r="P32879" t="s">
        <v>86</v>
      </c>
      <c r="Q32879">
        <v>17</v>
      </c>
      <c r="R32879">
        <v>17</v>
      </c>
      <c r="S32879">
        <v>17</v>
      </c>
      <c r="T32879">
        <v>17</v>
      </c>
      <c r="U32879">
        <v>17</v>
      </c>
      <c r="V32879">
        <v>17</v>
      </c>
      <c r="W32879">
        <v>17</v>
      </c>
      <c r="X32879">
        <v>18</v>
      </c>
      <c r="Y32879">
        <v>18</v>
      </c>
      <c r="Z32879">
        <v>18</v>
      </c>
      <c r="AA32879">
        <v>18</v>
      </c>
      <c r="AB32879">
        <v>18</v>
      </c>
      <c r="AC32879">
        <v>18</v>
      </c>
      <c r="AD32879">
        <v>18</v>
      </c>
      <c r="AE32879">
        <v>18</v>
      </c>
      <c r="AF32879">
        <v>18</v>
      </c>
      <c r="AG32879">
        <v>18</v>
      </c>
      <c r="AH32879">
        <v>18</v>
      </c>
      <c r="AI32879">
        <v>18</v>
      </c>
      <c r="AJ32879">
        <v>19</v>
      </c>
      <c r="AK32879">
        <v>19</v>
      </c>
      <c r="AL32879">
        <v>19</v>
      </c>
      <c r="AM32879">
        <v>19</v>
      </c>
      <c r="AN32879">
        <v>19</v>
      </c>
      <c r="AO32879">
        <v>19</v>
      </c>
      <c r="AP32879">
        <v>19</v>
      </c>
      <c r="AQ32879">
        <v>19</v>
      </c>
    </row>
    <row r="32880" spans="1:43">
      <c r="A32880" t="s">
        <v>20373</v>
      </c>
      <c r="B32880" t="s">
        <v>20374</v>
      </c>
      <c r="C32880" t="s">
        <v>20371</v>
      </c>
      <c r="D32880" t="s">
        <v>20372</v>
      </c>
      <c r="E32880" t="s">
        <v>20253</v>
      </c>
      <c r="F32880" t="s">
        <v>20254</v>
      </c>
      <c r="G32880" t="s">
        <v>20255</v>
      </c>
      <c r="H32880" t="s">
        <v>20256</v>
      </c>
      <c r="I32880" s="2">
        <v>1</v>
      </c>
      <c r="J32880" s="2">
        <v>0</v>
      </c>
      <c r="K32880" s="2">
        <v>0</v>
      </c>
      <c r="L32880" t="s">
        <v>120</v>
      </c>
      <c r="M32880" t="s">
        <v>89</v>
      </c>
      <c r="N32880" t="s">
        <v>90</v>
      </c>
      <c r="O32880" t="s">
        <v>85</v>
      </c>
      <c r="P32880" t="s">
        <v>86</v>
      </c>
      <c r="Q32880">
        <v>17</v>
      </c>
      <c r="R32880">
        <v>18</v>
      </c>
      <c r="S32880">
        <v>18</v>
      </c>
      <c r="T32880">
        <v>19</v>
      </c>
      <c r="U32880">
        <v>19</v>
      </c>
      <c r="V32880">
        <v>19</v>
      </c>
      <c r="W32880">
        <v>20</v>
      </c>
      <c r="X32880">
        <v>20</v>
      </c>
      <c r="Y32880">
        <v>20</v>
      </c>
      <c r="Z32880">
        <v>20</v>
      </c>
      <c r="AA32880">
        <v>21</v>
      </c>
      <c r="AB32880">
        <v>21</v>
      </c>
      <c r="AC32880">
        <v>21</v>
      </c>
      <c r="AD32880">
        <v>22</v>
      </c>
      <c r="AE32880">
        <v>22</v>
      </c>
      <c r="AF32880">
        <v>22</v>
      </c>
      <c r="AG32880">
        <v>22</v>
      </c>
      <c r="AH32880">
        <v>22</v>
      </c>
      <c r="AI32880">
        <v>22</v>
      </c>
      <c r="AJ32880">
        <v>22</v>
      </c>
      <c r="AK32880">
        <v>22</v>
      </c>
      <c r="AL32880">
        <v>22</v>
      </c>
      <c r="AM32880">
        <v>22</v>
      </c>
      <c r="AN32880">
        <v>22</v>
      </c>
      <c r="AO32880">
        <v>23</v>
      </c>
      <c r="AP32880">
        <v>23</v>
      </c>
      <c r="AQ32880">
        <v>23</v>
      </c>
    </row>
    <row r="32881" spans="1:43">
      <c r="A32881" t="s">
        <v>20373</v>
      </c>
      <c r="B32881" t="s">
        <v>20374</v>
      </c>
      <c r="C32881" t="s">
        <v>20371</v>
      </c>
      <c r="D32881" t="s">
        <v>20372</v>
      </c>
      <c r="E32881" t="s">
        <v>20253</v>
      </c>
      <c r="F32881" t="s">
        <v>20254</v>
      </c>
      <c r="G32881" t="s">
        <v>20255</v>
      </c>
      <c r="H32881" t="s">
        <v>20256</v>
      </c>
      <c r="I32881" s="2">
        <v>1</v>
      </c>
      <c r="J32881" s="2">
        <v>0</v>
      </c>
      <c r="K32881" s="2">
        <v>0</v>
      </c>
      <c r="L32881" t="s">
        <v>120</v>
      </c>
      <c r="M32881" t="s">
        <v>83</v>
      </c>
      <c r="N32881" t="s">
        <v>91</v>
      </c>
      <c r="O32881" t="s">
        <v>85</v>
      </c>
      <c r="P32881" t="s">
        <v>86</v>
      </c>
      <c r="Q32881">
        <v>17</v>
      </c>
      <c r="R32881">
        <v>17</v>
      </c>
      <c r="S32881">
        <v>18</v>
      </c>
      <c r="T32881">
        <v>18</v>
      </c>
      <c r="U32881">
        <v>18</v>
      </c>
      <c r="V32881">
        <v>18</v>
      </c>
      <c r="W32881">
        <v>19</v>
      </c>
      <c r="X32881">
        <v>19</v>
      </c>
      <c r="Y32881">
        <v>19</v>
      </c>
      <c r="Z32881">
        <v>19</v>
      </c>
      <c r="AA32881">
        <v>19</v>
      </c>
      <c r="AB32881">
        <v>20</v>
      </c>
      <c r="AC32881">
        <v>20</v>
      </c>
      <c r="AD32881">
        <v>20</v>
      </c>
      <c r="AE32881">
        <v>20</v>
      </c>
      <c r="AF32881">
        <v>21</v>
      </c>
      <c r="AG32881">
        <v>21</v>
      </c>
      <c r="AH32881">
        <v>21</v>
      </c>
      <c r="AI32881">
        <v>21</v>
      </c>
      <c r="AJ32881">
        <v>22</v>
      </c>
      <c r="AK32881">
        <v>22</v>
      </c>
      <c r="AL32881">
        <v>22</v>
      </c>
      <c r="AM32881">
        <v>22</v>
      </c>
      <c r="AN32881">
        <v>22</v>
      </c>
      <c r="AO32881">
        <v>22</v>
      </c>
      <c r="AP32881">
        <v>22</v>
      </c>
      <c r="AQ32881">
        <v>22</v>
      </c>
    </row>
    <row r="32882" spans="1:43">
      <c r="A32882" t="s">
        <v>20375</v>
      </c>
      <c r="B32882" t="s">
        <v>20376</v>
      </c>
      <c r="C32882" t="s">
        <v>20371</v>
      </c>
      <c r="D32882" t="s">
        <v>20372</v>
      </c>
      <c r="E32882" t="s">
        <v>20253</v>
      </c>
      <c r="F32882" t="s">
        <v>20254</v>
      </c>
      <c r="G32882" t="s">
        <v>20255</v>
      </c>
      <c r="H32882" t="s">
        <v>20256</v>
      </c>
      <c r="I32882" s="2">
        <v>1</v>
      </c>
      <c r="J32882" s="2">
        <v>0</v>
      </c>
      <c r="K32882" s="2">
        <v>0</v>
      </c>
      <c r="L32882" t="s">
        <v>120</v>
      </c>
      <c r="M32882" t="s">
        <v>83</v>
      </c>
      <c r="N32882" t="s">
        <v>84</v>
      </c>
      <c r="O32882" t="s">
        <v>85</v>
      </c>
      <c r="P32882" t="s">
        <v>86</v>
      </c>
      <c r="Q32882">
        <v>15</v>
      </c>
      <c r="R32882">
        <v>15</v>
      </c>
      <c r="S32882">
        <v>15</v>
      </c>
      <c r="T32882">
        <v>15</v>
      </c>
      <c r="U32882">
        <v>15</v>
      </c>
      <c r="V32882">
        <v>16</v>
      </c>
      <c r="W32882">
        <v>16</v>
      </c>
      <c r="X32882">
        <v>16</v>
      </c>
      <c r="Y32882">
        <v>16</v>
      </c>
      <c r="Z32882">
        <v>16</v>
      </c>
      <c r="AA32882">
        <v>16</v>
      </c>
      <c r="AB32882">
        <v>17</v>
      </c>
      <c r="AC32882">
        <v>17</v>
      </c>
      <c r="AD32882">
        <v>17</v>
      </c>
      <c r="AE32882">
        <v>17</v>
      </c>
      <c r="AF32882">
        <v>17</v>
      </c>
      <c r="AG32882">
        <v>18</v>
      </c>
      <c r="AH32882">
        <v>18</v>
      </c>
      <c r="AI32882">
        <v>18</v>
      </c>
      <c r="AJ32882">
        <v>18</v>
      </c>
      <c r="AK32882">
        <v>19</v>
      </c>
      <c r="AL32882">
        <v>19</v>
      </c>
      <c r="AM32882">
        <v>19</v>
      </c>
      <c r="AN32882">
        <v>19</v>
      </c>
      <c r="AO32882">
        <v>19</v>
      </c>
      <c r="AP32882">
        <v>19</v>
      </c>
      <c r="AQ32882">
        <v>19</v>
      </c>
    </row>
    <row r="32883" spans="1:43">
      <c r="A32883" t="s">
        <v>20375</v>
      </c>
      <c r="B32883" t="s">
        <v>20376</v>
      </c>
      <c r="C32883" t="s">
        <v>20371</v>
      </c>
      <c r="D32883" t="s">
        <v>20372</v>
      </c>
      <c r="E32883" t="s">
        <v>20253</v>
      </c>
      <c r="F32883" t="s">
        <v>20254</v>
      </c>
      <c r="G32883" t="s">
        <v>20255</v>
      </c>
      <c r="H32883" t="s">
        <v>20256</v>
      </c>
      <c r="I32883" s="2">
        <v>1</v>
      </c>
      <c r="J32883" s="2">
        <v>0</v>
      </c>
      <c r="K32883" s="2">
        <v>0</v>
      </c>
      <c r="L32883" t="s">
        <v>120</v>
      </c>
      <c r="M32883" t="s">
        <v>87</v>
      </c>
      <c r="N32883" t="s">
        <v>88</v>
      </c>
      <c r="O32883" t="s">
        <v>85</v>
      </c>
      <c r="P32883" t="s">
        <v>86</v>
      </c>
      <c r="Q32883">
        <v>15</v>
      </c>
      <c r="R32883">
        <v>15</v>
      </c>
      <c r="S32883">
        <v>16</v>
      </c>
      <c r="T32883">
        <v>16</v>
      </c>
      <c r="U32883">
        <v>16</v>
      </c>
      <c r="V32883">
        <v>16</v>
      </c>
      <c r="W32883">
        <v>16</v>
      </c>
      <c r="X32883">
        <v>16</v>
      </c>
      <c r="Y32883">
        <v>16</v>
      </c>
      <c r="Z32883">
        <v>16</v>
      </c>
      <c r="AA32883">
        <v>16</v>
      </c>
      <c r="AB32883">
        <v>16</v>
      </c>
      <c r="AC32883">
        <v>16</v>
      </c>
      <c r="AD32883">
        <v>16</v>
      </c>
      <c r="AE32883">
        <v>16</v>
      </c>
      <c r="AF32883">
        <v>16</v>
      </c>
      <c r="AG32883">
        <v>16</v>
      </c>
      <c r="AH32883">
        <v>17</v>
      </c>
      <c r="AI32883">
        <v>17</v>
      </c>
      <c r="AJ32883">
        <v>17</v>
      </c>
      <c r="AK32883">
        <v>17</v>
      </c>
      <c r="AL32883">
        <v>17</v>
      </c>
      <c r="AM32883">
        <v>17</v>
      </c>
      <c r="AN32883">
        <v>17</v>
      </c>
      <c r="AO32883">
        <v>17</v>
      </c>
      <c r="AP32883">
        <v>17</v>
      </c>
      <c r="AQ32883">
        <v>17</v>
      </c>
    </row>
    <row r="32884" spans="1:43">
      <c r="A32884" t="s">
        <v>20375</v>
      </c>
      <c r="B32884" t="s">
        <v>20376</v>
      </c>
      <c r="C32884" t="s">
        <v>20371</v>
      </c>
      <c r="D32884" t="s">
        <v>20372</v>
      </c>
      <c r="E32884" t="s">
        <v>20253</v>
      </c>
      <c r="F32884" t="s">
        <v>20254</v>
      </c>
      <c r="G32884" t="s">
        <v>20255</v>
      </c>
      <c r="H32884" t="s">
        <v>20256</v>
      </c>
      <c r="I32884" s="2">
        <v>1</v>
      </c>
      <c r="J32884" s="2">
        <v>0</v>
      </c>
      <c r="K32884" s="2">
        <v>0</v>
      </c>
      <c r="L32884" t="s">
        <v>120</v>
      </c>
      <c r="M32884" t="s">
        <v>89</v>
      </c>
      <c r="N32884" t="s">
        <v>90</v>
      </c>
      <c r="O32884" t="s">
        <v>85</v>
      </c>
      <c r="P32884" t="s">
        <v>86</v>
      </c>
      <c r="Q32884">
        <v>15</v>
      </c>
      <c r="R32884">
        <v>15</v>
      </c>
      <c r="S32884">
        <v>15</v>
      </c>
      <c r="T32884">
        <v>16</v>
      </c>
      <c r="U32884">
        <v>16</v>
      </c>
      <c r="V32884">
        <v>16</v>
      </c>
      <c r="W32884">
        <v>16</v>
      </c>
      <c r="X32884">
        <v>17</v>
      </c>
      <c r="Y32884">
        <v>17</v>
      </c>
      <c r="Z32884">
        <v>17</v>
      </c>
      <c r="AA32884">
        <v>18</v>
      </c>
      <c r="AB32884">
        <v>18</v>
      </c>
      <c r="AC32884">
        <v>18</v>
      </c>
      <c r="AD32884">
        <v>18</v>
      </c>
      <c r="AE32884">
        <v>19</v>
      </c>
      <c r="AF32884">
        <v>19</v>
      </c>
      <c r="AG32884">
        <v>19</v>
      </c>
      <c r="AH32884">
        <v>19</v>
      </c>
      <c r="AI32884">
        <v>19</v>
      </c>
      <c r="AJ32884">
        <v>19</v>
      </c>
      <c r="AK32884">
        <v>19</v>
      </c>
      <c r="AL32884">
        <v>19</v>
      </c>
      <c r="AM32884">
        <v>19</v>
      </c>
      <c r="AN32884">
        <v>19</v>
      </c>
      <c r="AO32884">
        <v>19</v>
      </c>
      <c r="AP32884">
        <v>19</v>
      </c>
      <c r="AQ32884">
        <v>19</v>
      </c>
    </row>
    <row r="32885" spans="1:43">
      <c r="A32885" t="s">
        <v>20375</v>
      </c>
      <c r="B32885" t="s">
        <v>20376</v>
      </c>
      <c r="C32885" t="s">
        <v>20371</v>
      </c>
      <c r="D32885" t="s">
        <v>20372</v>
      </c>
      <c r="E32885" t="s">
        <v>20253</v>
      </c>
      <c r="F32885" t="s">
        <v>20254</v>
      </c>
      <c r="G32885" t="s">
        <v>20255</v>
      </c>
      <c r="H32885" t="s">
        <v>20256</v>
      </c>
      <c r="I32885" s="2">
        <v>1</v>
      </c>
      <c r="J32885" s="2">
        <v>0</v>
      </c>
      <c r="K32885" s="2">
        <v>0</v>
      </c>
      <c r="L32885" t="s">
        <v>120</v>
      </c>
      <c r="M32885" t="s">
        <v>83</v>
      </c>
      <c r="N32885" t="s">
        <v>91</v>
      </c>
      <c r="O32885" t="s">
        <v>85</v>
      </c>
      <c r="P32885" t="s">
        <v>86</v>
      </c>
      <c r="Q32885">
        <v>15</v>
      </c>
      <c r="R32885">
        <v>15</v>
      </c>
      <c r="S32885">
        <v>15</v>
      </c>
      <c r="T32885">
        <v>15</v>
      </c>
      <c r="U32885">
        <v>15</v>
      </c>
      <c r="V32885">
        <v>16</v>
      </c>
      <c r="W32885">
        <v>16</v>
      </c>
      <c r="X32885">
        <v>16</v>
      </c>
      <c r="Y32885">
        <v>16</v>
      </c>
      <c r="Z32885">
        <v>16</v>
      </c>
      <c r="AA32885">
        <v>16</v>
      </c>
      <c r="AB32885">
        <v>17</v>
      </c>
      <c r="AC32885">
        <v>17</v>
      </c>
      <c r="AD32885">
        <v>17</v>
      </c>
      <c r="AE32885">
        <v>17</v>
      </c>
      <c r="AF32885">
        <v>17</v>
      </c>
      <c r="AG32885">
        <v>18</v>
      </c>
      <c r="AH32885">
        <v>18</v>
      </c>
      <c r="AI32885">
        <v>18</v>
      </c>
      <c r="AJ32885">
        <v>18</v>
      </c>
      <c r="AK32885">
        <v>19</v>
      </c>
      <c r="AL32885">
        <v>19</v>
      </c>
      <c r="AM32885">
        <v>19</v>
      </c>
      <c r="AN32885">
        <v>19</v>
      </c>
      <c r="AO32885">
        <v>19</v>
      </c>
      <c r="AP32885">
        <v>19</v>
      </c>
      <c r="AQ32885">
        <v>19</v>
      </c>
    </row>
    <row r="32886" spans="1:43">
      <c r="A32886" t="s">
        <v>20377</v>
      </c>
      <c r="B32886" t="s">
        <v>20378</v>
      </c>
      <c r="C32886" t="s">
        <v>20371</v>
      </c>
      <c r="D32886" t="s">
        <v>20372</v>
      </c>
      <c r="E32886" t="s">
        <v>20253</v>
      </c>
      <c r="F32886" t="s">
        <v>20254</v>
      </c>
      <c r="G32886" t="s">
        <v>20255</v>
      </c>
      <c r="H32886" t="s">
        <v>20256</v>
      </c>
      <c r="I32886" s="2">
        <v>1</v>
      </c>
      <c r="J32886" s="2">
        <v>0</v>
      </c>
      <c r="K32886" s="2">
        <v>0</v>
      </c>
      <c r="L32886" t="s">
        <v>120</v>
      </c>
      <c r="M32886" t="s">
        <v>83</v>
      </c>
      <c r="N32886" t="s">
        <v>84</v>
      </c>
      <c r="O32886" t="s">
        <v>85</v>
      </c>
      <c r="P32886" t="s">
        <v>86</v>
      </c>
      <c r="Q32886">
        <v>3</v>
      </c>
      <c r="R32886">
        <v>3</v>
      </c>
      <c r="S32886">
        <v>3</v>
      </c>
      <c r="T32886">
        <v>3</v>
      </c>
      <c r="U32886">
        <v>3</v>
      </c>
      <c r="V32886">
        <v>3</v>
      </c>
      <c r="W32886">
        <v>3</v>
      </c>
      <c r="X32886">
        <v>3</v>
      </c>
      <c r="Y32886">
        <v>4</v>
      </c>
      <c r="Z32886">
        <v>4</v>
      </c>
      <c r="AA32886">
        <v>4</v>
      </c>
      <c r="AB32886">
        <v>4</v>
      </c>
      <c r="AC32886">
        <v>4</v>
      </c>
      <c r="AD32886">
        <v>4</v>
      </c>
      <c r="AE32886">
        <v>4</v>
      </c>
      <c r="AF32886">
        <v>4</v>
      </c>
      <c r="AG32886">
        <v>4</v>
      </c>
      <c r="AH32886">
        <v>4</v>
      </c>
      <c r="AI32886">
        <v>4</v>
      </c>
      <c r="AJ32886">
        <v>4</v>
      </c>
      <c r="AK32886">
        <v>4</v>
      </c>
      <c r="AL32886">
        <v>4</v>
      </c>
      <c r="AM32886">
        <v>4</v>
      </c>
      <c r="AN32886">
        <v>4</v>
      </c>
      <c r="AO32886">
        <v>4</v>
      </c>
      <c r="AP32886">
        <v>4</v>
      </c>
      <c r="AQ32886">
        <v>4</v>
      </c>
    </row>
    <row r="32887" spans="1:43">
      <c r="A32887" t="s">
        <v>20377</v>
      </c>
      <c r="B32887" t="s">
        <v>20378</v>
      </c>
      <c r="C32887" t="s">
        <v>20371</v>
      </c>
      <c r="D32887" t="s">
        <v>20372</v>
      </c>
      <c r="E32887" t="s">
        <v>20253</v>
      </c>
      <c r="F32887" t="s">
        <v>20254</v>
      </c>
      <c r="G32887" t="s">
        <v>20255</v>
      </c>
      <c r="H32887" t="s">
        <v>20256</v>
      </c>
      <c r="I32887" s="2">
        <v>1</v>
      </c>
      <c r="J32887" s="2">
        <v>0</v>
      </c>
      <c r="K32887" s="2">
        <v>0</v>
      </c>
      <c r="L32887" t="s">
        <v>120</v>
      </c>
      <c r="M32887" t="s">
        <v>87</v>
      </c>
      <c r="N32887" t="s">
        <v>88</v>
      </c>
      <c r="O32887" t="s">
        <v>85</v>
      </c>
      <c r="P32887" t="s">
        <v>86</v>
      </c>
      <c r="Q32887">
        <v>3</v>
      </c>
      <c r="R32887">
        <v>3</v>
      </c>
      <c r="S32887">
        <v>3</v>
      </c>
      <c r="T32887">
        <v>3</v>
      </c>
      <c r="U32887">
        <v>3</v>
      </c>
      <c r="V32887">
        <v>3</v>
      </c>
      <c r="W32887">
        <v>3</v>
      </c>
      <c r="X32887">
        <v>3</v>
      </c>
      <c r="Y32887">
        <v>3</v>
      </c>
      <c r="Z32887">
        <v>3</v>
      </c>
      <c r="AA32887">
        <v>3</v>
      </c>
      <c r="AB32887">
        <v>3</v>
      </c>
      <c r="AC32887">
        <v>3</v>
      </c>
      <c r="AD32887">
        <v>3</v>
      </c>
      <c r="AE32887">
        <v>3</v>
      </c>
      <c r="AF32887">
        <v>3</v>
      </c>
      <c r="AG32887">
        <v>3</v>
      </c>
      <c r="AH32887">
        <v>3</v>
      </c>
      <c r="AI32887">
        <v>3</v>
      </c>
      <c r="AJ32887">
        <v>3</v>
      </c>
      <c r="AK32887">
        <v>3</v>
      </c>
      <c r="AL32887">
        <v>4</v>
      </c>
      <c r="AM32887">
        <v>4</v>
      </c>
      <c r="AN32887">
        <v>4</v>
      </c>
      <c r="AO32887">
        <v>4</v>
      </c>
      <c r="AP32887">
        <v>4</v>
      </c>
      <c r="AQ32887">
        <v>4</v>
      </c>
    </row>
    <row r="32888" spans="1:43">
      <c r="A32888" t="s">
        <v>20377</v>
      </c>
      <c r="B32888" t="s">
        <v>20378</v>
      </c>
      <c r="C32888" t="s">
        <v>20371</v>
      </c>
      <c r="D32888" t="s">
        <v>20372</v>
      </c>
      <c r="E32888" t="s">
        <v>20253</v>
      </c>
      <c r="F32888" t="s">
        <v>20254</v>
      </c>
      <c r="G32888" t="s">
        <v>20255</v>
      </c>
      <c r="H32888" t="s">
        <v>20256</v>
      </c>
      <c r="I32888" s="2">
        <v>1</v>
      </c>
      <c r="J32888" s="2">
        <v>0</v>
      </c>
      <c r="K32888" s="2">
        <v>0</v>
      </c>
      <c r="L32888" t="s">
        <v>120</v>
      </c>
      <c r="M32888" t="s">
        <v>89</v>
      </c>
      <c r="N32888" t="s">
        <v>90</v>
      </c>
      <c r="O32888" t="s">
        <v>85</v>
      </c>
      <c r="P32888" t="s">
        <v>86</v>
      </c>
      <c r="Q32888">
        <v>3</v>
      </c>
      <c r="R32888">
        <v>3</v>
      </c>
      <c r="S32888">
        <v>3</v>
      </c>
      <c r="T32888">
        <v>3</v>
      </c>
      <c r="U32888">
        <v>4</v>
      </c>
      <c r="V32888">
        <v>4</v>
      </c>
      <c r="W32888">
        <v>4</v>
      </c>
      <c r="X32888">
        <v>4</v>
      </c>
      <c r="Y32888">
        <v>4</v>
      </c>
      <c r="Z32888">
        <v>4</v>
      </c>
      <c r="AA32888">
        <v>4</v>
      </c>
      <c r="AB32888">
        <v>4</v>
      </c>
      <c r="AC32888">
        <v>4</v>
      </c>
      <c r="AD32888">
        <v>4</v>
      </c>
      <c r="AE32888">
        <v>4</v>
      </c>
      <c r="AF32888">
        <v>4</v>
      </c>
      <c r="AG32888">
        <v>4</v>
      </c>
      <c r="AH32888">
        <v>4</v>
      </c>
      <c r="AI32888">
        <v>4</v>
      </c>
      <c r="AJ32888">
        <v>4</v>
      </c>
      <c r="AK32888">
        <v>4</v>
      </c>
      <c r="AL32888">
        <v>4</v>
      </c>
      <c r="AM32888">
        <v>4</v>
      </c>
      <c r="AN32888">
        <v>4</v>
      </c>
      <c r="AO32888">
        <v>4</v>
      </c>
      <c r="AP32888">
        <v>4</v>
      </c>
      <c r="AQ32888">
        <v>4</v>
      </c>
    </row>
    <row r="32889" spans="1:43">
      <c r="A32889" t="s">
        <v>20377</v>
      </c>
      <c r="B32889" t="s">
        <v>20378</v>
      </c>
      <c r="C32889" t="s">
        <v>20371</v>
      </c>
      <c r="D32889" t="s">
        <v>20372</v>
      </c>
      <c r="E32889" t="s">
        <v>20253</v>
      </c>
      <c r="F32889" t="s">
        <v>20254</v>
      </c>
      <c r="G32889" t="s">
        <v>20255</v>
      </c>
      <c r="H32889" t="s">
        <v>20256</v>
      </c>
      <c r="I32889" s="2">
        <v>1</v>
      </c>
      <c r="J32889" s="2">
        <v>0</v>
      </c>
      <c r="K32889" s="2">
        <v>0</v>
      </c>
      <c r="L32889" t="s">
        <v>120</v>
      </c>
      <c r="M32889" t="s">
        <v>83</v>
      </c>
      <c r="N32889" t="s">
        <v>91</v>
      </c>
      <c r="O32889" t="s">
        <v>85</v>
      </c>
      <c r="P32889" t="s">
        <v>86</v>
      </c>
      <c r="Q32889">
        <v>3</v>
      </c>
      <c r="R32889">
        <v>3</v>
      </c>
      <c r="S32889">
        <v>3</v>
      </c>
      <c r="T32889">
        <v>3</v>
      </c>
      <c r="U32889">
        <v>3</v>
      </c>
      <c r="V32889">
        <v>3</v>
      </c>
      <c r="W32889">
        <v>3</v>
      </c>
      <c r="X32889">
        <v>3</v>
      </c>
      <c r="Y32889">
        <v>4</v>
      </c>
      <c r="Z32889">
        <v>4</v>
      </c>
      <c r="AA32889">
        <v>4</v>
      </c>
      <c r="AB32889">
        <v>4</v>
      </c>
      <c r="AC32889">
        <v>4</v>
      </c>
      <c r="AD32889">
        <v>4</v>
      </c>
      <c r="AE32889">
        <v>4</v>
      </c>
      <c r="AF32889">
        <v>4</v>
      </c>
      <c r="AG32889">
        <v>4</v>
      </c>
      <c r="AH32889">
        <v>4</v>
      </c>
      <c r="AI32889">
        <v>4</v>
      </c>
      <c r="AJ32889">
        <v>4</v>
      </c>
      <c r="AK32889">
        <v>4</v>
      </c>
      <c r="AL32889">
        <v>4</v>
      </c>
      <c r="AM32889">
        <v>4</v>
      </c>
      <c r="AN32889">
        <v>4</v>
      </c>
      <c r="AO32889">
        <v>4</v>
      </c>
      <c r="AP32889">
        <v>4</v>
      </c>
      <c r="AQ32889">
        <v>4</v>
      </c>
    </row>
    <row r="32890" spans="1:43">
      <c r="A32890" t="s">
        <v>20379</v>
      </c>
      <c r="B32890" t="s">
        <v>20380</v>
      </c>
      <c r="C32890" t="s">
        <v>20371</v>
      </c>
      <c r="D32890" t="s">
        <v>20372</v>
      </c>
      <c r="E32890" t="s">
        <v>20253</v>
      </c>
      <c r="F32890" t="s">
        <v>20254</v>
      </c>
      <c r="G32890" t="s">
        <v>20255</v>
      </c>
      <c r="H32890" t="s">
        <v>20256</v>
      </c>
      <c r="I32890" s="2">
        <v>1</v>
      </c>
      <c r="J32890" s="2">
        <v>0</v>
      </c>
      <c r="K32890" s="2">
        <v>0</v>
      </c>
      <c r="L32890" t="s">
        <v>120</v>
      </c>
      <c r="M32890" t="s">
        <v>83</v>
      </c>
      <c r="N32890" t="s">
        <v>84</v>
      </c>
      <c r="O32890" t="s">
        <v>85</v>
      </c>
      <c r="P32890" t="s">
        <v>86</v>
      </c>
      <c r="Q32890">
        <v>3</v>
      </c>
      <c r="R32890">
        <v>3</v>
      </c>
      <c r="S32890">
        <v>3</v>
      </c>
      <c r="T32890">
        <v>3</v>
      </c>
      <c r="U32890">
        <v>3</v>
      </c>
      <c r="V32890">
        <v>3</v>
      </c>
      <c r="W32890">
        <v>3</v>
      </c>
      <c r="X32890">
        <v>3</v>
      </c>
      <c r="Y32890">
        <v>3</v>
      </c>
      <c r="Z32890">
        <v>3</v>
      </c>
      <c r="AA32890">
        <v>3</v>
      </c>
      <c r="AB32890">
        <v>3</v>
      </c>
      <c r="AC32890">
        <v>3</v>
      </c>
      <c r="AD32890">
        <v>3</v>
      </c>
      <c r="AE32890">
        <v>3</v>
      </c>
      <c r="AF32890">
        <v>3</v>
      </c>
      <c r="AG32890">
        <v>3</v>
      </c>
      <c r="AH32890">
        <v>3</v>
      </c>
      <c r="AI32890">
        <v>3</v>
      </c>
      <c r="AJ32890">
        <v>3</v>
      </c>
      <c r="AK32890">
        <v>3</v>
      </c>
      <c r="AL32890">
        <v>4</v>
      </c>
      <c r="AM32890">
        <v>4</v>
      </c>
      <c r="AN32890">
        <v>4</v>
      </c>
      <c r="AO32890">
        <v>4</v>
      </c>
      <c r="AP32890">
        <v>4</v>
      </c>
      <c r="AQ32890">
        <v>4</v>
      </c>
    </row>
    <row r="32891" spans="1:43">
      <c r="A32891" t="s">
        <v>20379</v>
      </c>
      <c r="B32891" t="s">
        <v>20380</v>
      </c>
      <c r="C32891" t="s">
        <v>20371</v>
      </c>
      <c r="D32891" t="s">
        <v>20372</v>
      </c>
      <c r="E32891" t="s">
        <v>20253</v>
      </c>
      <c r="F32891" t="s">
        <v>20254</v>
      </c>
      <c r="G32891" t="s">
        <v>20255</v>
      </c>
      <c r="H32891" t="s">
        <v>20256</v>
      </c>
      <c r="I32891" s="2">
        <v>1</v>
      </c>
      <c r="J32891" s="2">
        <v>0</v>
      </c>
      <c r="K32891" s="2">
        <v>0</v>
      </c>
      <c r="L32891" t="s">
        <v>120</v>
      </c>
      <c r="M32891" t="s">
        <v>87</v>
      </c>
      <c r="N32891" t="s">
        <v>88</v>
      </c>
      <c r="O32891" t="s">
        <v>85</v>
      </c>
      <c r="P32891" t="s">
        <v>86</v>
      </c>
      <c r="Q32891">
        <v>3</v>
      </c>
      <c r="R32891">
        <v>3</v>
      </c>
      <c r="S32891">
        <v>3</v>
      </c>
      <c r="T32891">
        <v>3</v>
      </c>
      <c r="U32891">
        <v>3</v>
      </c>
      <c r="V32891">
        <v>3</v>
      </c>
      <c r="W32891">
        <v>3</v>
      </c>
      <c r="X32891">
        <v>3</v>
      </c>
      <c r="Y32891">
        <v>3</v>
      </c>
      <c r="Z32891">
        <v>3</v>
      </c>
      <c r="AA32891">
        <v>3</v>
      </c>
      <c r="AB32891">
        <v>3</v>
      </c>
      <c r="AC32891">
        <v>3</v>
      </c>
      <c r="AD32891">
        <v>3</v>
      </c>
      <c r="AE32891">
        <v>3</v>
      </c>
      <c r="AF32891">
        <v>3</v>
      </c>
      <c r="AG32891">
        <v>3</v>
      </c>
      <c r="AH32891">
        <v>3</v>
      </c>
      <c r="AI32891">
        <v>3</v>
      </c>
      <c r="AJ32891">
        <v>3</v>
      </c>
      <c r="AK32891">
        <v>3</v>
      </c>
      <c r="AL32891">
        <v>3</v>
      </c>
      <c r="AM32891">
        <v>3</v>
      </c>
      <c r="AN32891">
        <v>3</v>
      </c>
      <c r="AO32891">
        <v>3</v>
      </c>
      <c r="AP32891">
        <v>3</v>
      </c>
      <c r="AQ32891">
        <v>3</v>
      </c>
    </row>
    <row r="32892" spans="1:43">
      <c r="A32892" t="s">
        <v>20379</v>
      </c>
      <c r="B32892" t="s">
        <v>20380</v>
      </c>
      <c r="C32892" t="s">
        <v>20371</v>
      </c>
      <c r="D32892" t="s">
        <v>20372</v>
      </c>
      <c r="E32892" t="s">
        <v>20253</v>
      </c>
      <c r="F32892" t="s">
        <v>20254</v>
      </c>
      <c r="G32892" t="s">
        <v>20255</v>
      </c>
      <c r="H32892" t="s">
        <v>20256</v>
      </c>
      <c r="I32892" s="2">
        <v>1</v>
      </c>
      <c r="J32892" s="2">
        <v>0</v>
      </c>
      <c r="K32892" s="2">
        <v>0</v>
      </c>
      <c r="L32892" t="s">
        <v>120</v>
      </c>
      <c r="M32892" t="s">
        <v>89</v>
      </c>
      <c r="N32892" t="s">
        <v>90</v>
      </c>
      <c r="O32892" t="s">
        <v>85</v>
      </c>
      <c r="P32892" t="s">
        <v>86</v>
      </c>
      <c r="Q32892">
        <v>3</v>
      </c>
      <c r="R32892">
        <v>3</v>
      </c>
      <c r="S32892">
        <v>3</v>
      </c>
      <c r="T32892">
        <v>3</v>
      </c>
      <c r="U32892">
        <v>3</v>
      </c>
      <c r="V32892">
        <v>3</v>
      </c>
      <c r="W32892">
        <v>3</v>
      </c>
      <c r="X32892">
        <v>3</v>
      </c>
      <c r="Y32892">
        <v>3</v>
      </c>
      <c r="Z32892">
        <v>3</v>
      </c>
      <c r="AA32892">
        <v>3</v>
      </c>
      <c r="AB32892">
        <v>3</v>
      </c>
      <c r="AC32892">
        <v>3</v>
      </c>
      <c r="AD32892">
        <v>3</v>
      </c>
      <c r="AE32892">
        <v>4</v>
      </c>
      <c r="AF32892">
        <v>4</v>
      </c>
      <c r="AG32892">
        <v>4</v>
      </c>
      <c r="AH32892">
        <v>4</v>
      </c>
      <c r="AI32892">
        <v>4</v>
      </c>
      <c r="AJ32892">
        <v>4</v>
      </c>
      <c r="AK32892">
        <v>4</v>
      </c>
      <c r="AL32892">
        <v>4</v>
      </c>
      <c r="AM32892">
        <v>4</v>
      </c>
      <c r="AN32892">
        <v>4</v>
      </c>
      <c r="AO32892">
        <v>4</v>
      </c>
      <c r="AP32892">
        <v>4</v>
      </c>
      <c r="AQ32892">
        <v>4</v>
      </c>
    </row>
    <row r="32893" spans="1:43">
      <c r="A32893" t="s">
        <v>20379</v>
      </c>
      <c r="B32893" t="s">
        <v>20380</v>
      </c>
      <c r="C32893" t="s">
        <v>20371</v>
      </c>
      <c r="D32893" t="s">
        <v>20372</v>
      </c>
      <c r="E32893" t="s">
        <v>20253</v>
      </c>
      <c r="F32893" t="s">
        <v>20254</v>
      </c>
      <c r="G32893" t="s">
        <v>20255</v>
      </c>
      <c r="H32893" t="s">
        <v>20256</v>
      </c>
      <c r="I32893" s="2">
        <v>1</v>
      </c>
      <c r="J32893" s="2">
        <v>0</v>
      </c>
      <c r="K32893" s="2">
        <v>0</v>
      </c>
      <c r="L32893" t="s">
        <v>120</v>
      </c>
      <c r="M32893" t="s">
        <v>83</v>
      </c>
      <c r="N32893" t="s">
        <v>91</v>
      </c>
      <c r="O32893" t="s">
        <v>85</v>
      </c>
      <c r="P32893" t="s">
        <v>86</v>
      </c>
      <c r="Q32893">
        <v>3</v>
      </c>
      <c r="R32893">
        <v>3</v>
      </c>
      <c r="S32893">
        <v>3</v>
      </c>
      <c r="T32893">
        <v>3</v>
      </c>
      <c r="U32893">
        <v>3</v>
      </c>
      <c r="V32893">
        <v>3</v>
      </c>
      <c r="W32893">
        <v>3</v>
      </c>
      <c r="X32893">
        <v>3</v>
      </c>
      <c r="Y32893">
        <v>3</v>
      </c>
      <c r="Z32893">
        <v>3</v>
      </c>
      <c r="AA32893">
        <v>3</v>
      </c>
      <c r="AB32893">
        <v>3</v>
      </c>
      <c r="AC32893">
        <v>3</v>
      </c>
      <c r="AD32893">
        <v>3</v>
      </c>
      <c r="AE32893">
        <v>3</v>
      </c>
      <c r="AF32893">
        <v>3</v>
      </c>
      <c r="AG32893">
        <v>3</v>
      </c>
      <c r="AH32893">
        <v>3</v>
      </c>
      <c r="AI32893">
        <v>3</v>
      </c>
      <c r="AJ32893">
        <v>3</v>
      </c>
      <c r="AK32893">
        <v>3</v>
      </c>
      <c r="AL32893">
        <v>4</v>
      </c>
      <c r="AM32893">
        <v>4</v>
      </c>
      <c r="AN32893">
        <v>4</v>
      </c>
      <c r="AO32893">
        <v>4</v>
      </c>
      <c r="AP32893">
        <v>4</v>
      </c>
      <c r="AQ32893">
        <v>4</v>
      </c>
    </row>
    <row r="32894" spans="1:43">
      <c r="A32894" t="s">
        <v>20381</v>
      </c>
      <c r="B32894" t="s">
        <v>20382</v>
      </c>
      <c r="C32894" t="s">
        <v>20371</v>
      </c>
      <c r="D32894" t="s">
        <v>20372</v>
      </c>
      <c r="E32894" t="s">
        <v>20253</v>
      </c>
      <c r="F32894" t="s">
        <v>20254</v>
      </c>
      <c r="G32894" t="s">
        <v>20255</v>
      </c>
      <c r="H32894" t="s">
        <v>20256</v>
      </c>
      <c r="I32894" s="2">
        <v>1</v>
      </c>
      <c r="J32894" s="2">
        <v>0</v>
      </c>
      <c r="K32894" s="2">
        <v>0</v>
      </c>
      <c r="L32894" t="s">
        <v>120</v>
      </c>
      <c r="M32894" t="s">
        <v>83</v>
      </c>
      <c r="N32894" t="s">
        <v>84</v>
      </c>
      <c r="O32894" t="s">
        <v>85</v>
      </c>
      <c r="P32894" t="s">
        <v>86</v>
      </c>
      <c r="Q32894">
        <v>7</v>
      </c>
      <c r="R32894">
        <v>7</v>
      </c>
      <c r="S32894">
        <v>7</v>
      </c>
      <c r="T32894">
        <v>7</v>
      </c>
      <c r="U32894">
        <v>7</v>
      </c>
      <c r="V32894">
        <v>7</v>
      </c>
      <c r="W32894">
        <v>7</v>
      </c>
      <c r="X32894">
        <v>8</v>
      </c>
      <c r="Y32894">
        <v>8</v>
      </c>
      <c r="Z32894">
        <v>8</v>
      </c>
      <c r="AA32894">
        <v>8</v>
      </c>
      <c r="AB32894">
        <v>8</v>
      </c>
      <c r="AC32894">
        <v>8</v>
      </c>
      <c r="AD32894">
        <v>8</v>
      </c>
      <c r="AE32894">
        <v>8</v>
      </c>
      <c r="AF32894">
        <v>8</v>
      </c>
      <c r="AG32894">
        <v>8</v>
      </c>
      <c r="AH32894">
        <v>8</v>
      </c>
      <c r="AI32894">
        <v>9</v>
      </c>
      <c r="AJ32894">
        <v>9</v>
      </c>
      <c r="AK32894">
        <v>9</v>
      </c>
      <c r="AL32894">
        <v>9</v>
      </c>
      <c r="AM32894">
        <v>9</v>
      </c>
      <c r="AN32894">
        <v>9</v>
      </c>
      <c r="AO32894">
        <v>9</v>
      </c>
      <c r="AP32894">
        <v>9</v>
      </c>
      <c r="AQ32894">
        <v>9</v>
      </c>
    </row>
    <row r="32895" spans="1:43">
      <c r="A32895" t="s">
        <v>20381</v>
      </c>
      <c r="B32895" t="s">
        <v>20382</v>
      </c>
      <c r="C32895" t="s">
        <v>20371</v>
      </c>
      <c r="D32895" t="s">
        <v>20372</v>
      </c>
      <c r="E32895" t="s">
        <v>20253</v>
      </c>
      <c r="F32895" t="s">
        <v>20254</v>
      </c>
      <c r="G32895" t="s">
        <v>20255</v>
      </c>
      <c r="H32895" t="s">
        <v>20256</v>
      </c>
      <c r="I32895" s="2">
        <v>1</v>
      </c>
      <c r="J32895" s="2">
        <v>0</v>
      </c>
      <c r="K32895" s="2">
        <v>0</v>
      </c>
      <c r="L32895" t="s">
        <v>120</v>
      </c>
      <c r="M32895" t="s">
        <v>87</v>
      </c>
      <c r="N32895" t="s">
        <v>88</v>
      </c>
      <c r="O32895" t="s">
        <v>85</v>
      </c>
      <c r="P32895" t="s">
        <v>86</v>
      </c>
      <c r="Q32895">
        <v>7</v>
      </c>
      <c r="R32895">
        <v>7</v>
      </c>
      <c r="S32895">
        <v>7</v>
      </c>
      <c r="T32895">
        <v>7</v>
      </c>
      <c r="U32895">
        <v>7</v>
      </c>
      <c r="V32895">
        <v>7</v>
      </c>
      <c r="W32895">
        <v>7</v>
      </c>
      <c r="X32895">
        <v>7</v>
      </c>
      <c r="Y32895">
        <v>7</v>
      </c>
      <c r="Z32895">
        <v>7</v>
      </c>
      <c r="AA32895">
        <v>7</v>
      </c>
      <c r="AB32895">
        <v>7</v>
      </c>
      <c r="AC32895">
        <v>7</v>
      </c>
      <c r="AD32895">
        <v>7</v>
      </c>
      <c r="AE32895">
        <v>7</v>
      </c>
      <c r="AF32895">
        <v>7</v>
      </c>
      <c r="AG32895">
        <v>7</v>
      </c>
      <c r="AH32895">
        <v>7</v>
      </c>
      <c r="AI32895">
        <v>7</v>
      </c>
      <c r="AJ32895">
        <v>7</v>
      </c>
      <c r="AK32895">
        <v>7</v>
      </c>
      <c r="AL32895">
        <v>8</v>
      </c>
      <c r="AM32895">
        <v>8</v>
      </c>
      <c r="AN32895">
        <v>8</v>
      </c>
      <c r="AO32895">
        <v>8</v>
      </c>
      <c r="AP32895">
        <v>8</v>
      </c>
      <c r="AQ32895">
        <v>8</v>
      </c>
    </row>
    <row r="32896" spans="1:43">
      <c r="A32896" t="s">
        <v>20381</v>
      </c>
      <c r="B32896" t="s">
        <v>20382</v>
      </c>
      <c r="C32896" t="s">
        <v>20371</v>
      </c>
      <c r="D32896" t="s">
        <v>20372</v>
      </c>
      <c r="E32896" t="s">
        <v>20253</v>
      </c>
      <c r="F32896" t="s">
        <v>20254</v>
      </c>
      <c r="G32896" t="s">
        <v>20255</v>
      </c>
      <c r="H32896" t="s">
        <v>20256</v>
      </c>
      <c r="I32896" s="2">
        <v>1</v>
      </c>
      <c r="J32896" s="2">
        <v>0</v>
      </c>
      <c r="K32896" s="2">
        <v>0</v>
      </c>
      <c r="L32896" t="s">
        <v>120</v>
      </c>
      <c r="M32896" t="s">
        <v>89</v>
      </c>
      <c r="N32896" t="s">
        <v>90</v>
      </c>
      <c r="O32896" t="s">
        <v>85</v>
      </c>
      <c r="P32896" t="s">
        <v>86</v>
      </c>
      <c r="Q32896">
        <v>7</v>
      </c>
      <c r="R32896">
        <v>7</v>
      </c>
      <c r="S32896">
        <v>7</v>
      </c>
      <c r="T32896">
        <v>7</v>
      </c>
      <c r="U32896">
        <v>8</v>
      </c>
      <c r="V32896">
        <v>8</v>
      </c>
      <c r="W32896">
        <v>8</v>
      </c>
      <c r="X32896">
        <v>8</v>
      </c>
      <c r="Y32896">
        <v>8</v>
      </c>
      <c r="Z32896">
        <v>8</v>
      </c>
      <c r="AA32896">
        <v>8</v>
      </c>
      <c r="AB32896">
        <v>8</v>
      </c>
      <c r="AC32896">
        <v>9</v>
      </c>
      <c r="AD32896">
        <v>9</v>
      </c>
      <c r="AE32896">
        <v>9</v>
      </c>
      <c r="AF32896">
        <v>9</v>
      </c>
      <c r="AG32896">
        <v>9</v>
      </c>
      <c r="AH32896">
        <v>9</v>
      </c>
      <c r="AI32896">
        <v>9</v>
      </c>
      <c r="AJ32896">
        <v>9</v>
      </c>
      <c r="AK32896">
        <v>9</v>
      </c>
      <c r="AL32896">
        <v>9</v>
      </c>
      <c r="AM32896">
        <v>9</v>
      </c>
      <c r="AN32896">
        <v>9</v>
      </c>
      <c r="AO32896">
        <v>9</v>
      </c>
      <c r="AP32896">
        <v>9</v>
      </c>
      <c r="AQ32896">
        <v>9</v>
      </c>
    </row>
    <row r="32897" spans="1:43">
      <c r="A32897" t="s">
        <v>20381</v>
      </c>
      <c r="B32897" t="s">
        <v>20382</v>
      </c>
      <c r="C32897" t="s">
        <v>20371</v>
      </c>
      <c r="D32897" t="s">
        <v>20372</v>
      </c>
      <c r="E32897" t="s">
        <v>20253</v>
      </c>
      <c r="F32897" t="s">
        <v>20254</v>
      </c>
      <c r="G32897" t="s">
        <v>20255</v>
      </c>
      <c r="H32897" t="s">
        <v>20256</v>
      </c>
      <c r="I32897" s="2">
        <v>1</v>
      </c>
      <c r="J32897" s="2">
        <v>0</v>
      </c>
      <c r="K32897" s="2">
        <v>0</v>
      </c>
      <c r="L32897" t="s">
        <v>120</v>
      </c>
      <c r="M32897" t="s">
        <v>83</v>
      </c>
      <c r="N32897" t="s">
        <v>91</v>
      </c>
      <c r="O32897" t="s">
        <v>85</v>
      </c>
      <c r="P32897" t="s">
        <v>86</v>
      </c>
      <c r="Q32897">
        <v>7</v>
      </c>
      <c r="R32897">
        <v>7</v>
      </c>
      <c r="S32897">
        <v>7</v>
      </c>
      <c r="T32897">
        <v>7</v>
      </c>
      <c r="U32897">
        <v>7</v>
      </c>
      <c r="V32897">
        <v>7</v>
      </c>
      <c r="W32897">
        <v>7</v>
      </c>
      <c r="X32897">
        <v>8</v>
      </c>
      <c r="Y32897">
        <v>8</v>
      </c>
      <c r="Z32897">
        <v>8</v>
      </c>
      <c r="AA32897">
        <v>8</v>
      </c>
      <c r="AB32897">
        <v>8</v>
      </c>
      <c r="AC32897">
        <v>8</v>
      </c>
      <c r="AD32897">
        <v>8</v>
      </c>
      <c r="AE32897">
        <v>8</v>
      </c>
      <c r="AF32897">
        <v>8</v>
      </c>
      <c r="AG32897">
        <v>8</v>
      </c>
      <c r="AH32897">
        <v>8</v>
      </c>
      <c r="AI32897">
        <v>9</v>
      </c>
      <c r="AJ32897">
        <v>9</v>
      </c>
      <c r="AK32897">
        <v>9</v>
      </c>
      <c r="AL32897">
        <v>9</v>
      </c>
      <c r="AM32897">
        <v>9</v>
      </c>
      <c r="AN32897">
        <v>9</v>
      </c>
      <c r="AO32897">
        <v>9</v>
      </c>
      <c r="AP32897">
        <v>9</v>
      </c>
      <c r="AQ32897">
        <v>9</v>
      </c>
    </row>
    <row r="32898" spans="1:43">
      <c r="A32898" t="s">
        <v>20383</v>
      </c>
      <c r="B32898" t="s">
        <v>20384</v>
      </c>
      <c r="C32898" t="s">
        <v>20385</v>
      </c>
      <c r="D32898" t="s">
        <v>20386</v>
      </c>
      <c r="E32898" t="s">
        <v>20253</v>
      </c>
      <c r="F32898" t="s">
        <v>20254</v>
      </c>
      <c r="G32898" t="s">
        <v>20255</v>
      </c>
      <c r="H32898" t="s">
        <v>20256</v>
      </c>
      <c r="I32898" s="2">
        <v>1</v>
      </c>
      <c r="J32898" s="2">
        <v>0</v>
      </c>
      <c r="K32898" s="2">
        <v>0</v>
      </c>
      <c r="L32898" t="s">
        <v>120</v>
      </c>
      <c r="M32898" t="s">
        <v>83</v>
      </c>
      <c r="N32898" t="s">
        <v>84</v>
      </c>
      <c r="O32898" t="s">
        <v>85</v>
      </c>
      <c r="P32898" t="s">
        <v>86</v>
      </c>
      <c r="Q32898">
        <v>12</v>
      </c>
      <c r="R32898">
        <v>13</v>
      </c>
      <c r="S32898">
        <v>13</v>
      </c>
      <c r="T32898">
        <v>13</v>
      </c>
      <c r="U32898">
        <v>13</v>
      </c>
      <c r="V32898">
        <v>13</v>
      </c>
      <c r="W32898">
        <v>13</v>
      </c>
      <c r="X32898">
        <v>14</v>
      </c>
      <c r="Y32898">
        <v>14</v>
      </c>
      <c r="Z32898">
        <v>14</v>
      </c>
      <c r="AA32898">
        <v>14</v>
      </c>
      <c r="AB32898">
        <v>14</v>
      </c>
      <c r="AC32898">
        <v>14</v>
      </c>
      <c r="AD32898">
        <v>15</v>
      </c>
      <c r="AE32898">
        <v>15</v>
      </c>
      <c r="AF32898">
        <v>15</v>
      </c>
      <c r="AG32898">
        <v>15</v>
      </c>
      <c r="AH32898">
        <v>15</v>
      </c>
      <c r="AI32898">
        <v>15</v>
      </c>
      <c r="AJ32898">
        <v>16</v>
      </c>
      <c r="AK32898">
        <v>16</v>
      </c>
      <c r="AL32898">
        <v>16</v>
      </c>
      <c r="AM32898">
        <v>16</v>
      </c>
      <c r="AN32898">
        <v>16</v>
      </c>
      <c r="AO32898">
        <v>16</v>
      </c>
      <c r="AP32898">
        <v>16</v>
      </c>
      <c r="AQ32898">
        <v>16</v>
      </c>
    </row>
    <row r="32899" spans="1:43">
      <c r="A32899" t="s">
        <v>20383</v>
      </c>
      <c r="B32899" t="s">
        <v>20384</v>
      </c>
      <c r="C32899" t="s">
        <v>20385</v>
      </c>
      <c r="D32899" t="s">
        <v>20386</v>
      </c>
      <c r="E32899" t="s">
        <v>20253</v>
      </c>
      <c r="F32899" t="s">
        <v>20254</v>
      </c>
      <c r="G32899" t="s">
        <v>20255</v>
      </c>
      <c r="H32899" t="s">
        <v>20256</v>
      </c>
      <c r="I32899" s="2">
        <v>1</v>
      </c>
      <c r="J32899" s="2">
        <v>0</v>
      </c>
      <c r="K32899" s="2">
        <v>0</v>
      </c>
      <c r="L32899" t="s">
        <v>120</v>
      </c>
      <c r="M32899" t="s">
        <v>87</v>
      </c>
      <c r="N32899" t="s">
        <v>88</v>
      </c>
      <c r="O32899" t="s">
        <v>85</v>
      </c>
      <c r="P32899" t="s">
        <v>86</v>
      </c>
      <c r="Q32899">
        <v>12</v>
      </c>
      <c r="R32899">
        <v>12</v>
      </c>
      <c r="S32899">
        <v>12</v>
      </c>
      <c r="T32899">
        <v>12</v>
      </c>
      <c r="U32899">
        <v>13</v>
      </c>
      <c r="V32899">
        <v>13</v>
      </c>
      <c r="W32899">
        <v>13</v>
      </c>
      <c r="X32899">
        <v>13</v>
      </c>
      <c r="Y32899">
        <v>13</v>
      </c>
      <c r="Z32899">
        <v>13</v>
      </c>
      <c r="AA32899">
        <v>13</v>
      </c>
      <c r="AB32899">
        <v>13</v>
      </c>
      <c r="AC32899">
        <v>13</v>
      </c>
      <c r="AD32899">
        <v>13</v>
      </c>
      <c r="AE32899">
        <v>13</v>
      </c>
      <c r="AF32899">
        <v>13</v>
      </c>
      <c r="AG32899">
        <v>13</v>
      </c>
      <c r="AH32899">
        <v>13</v>
      </c>
      <c r="AI32899">
        <v>13</v>
      </c>
      <c r="AJ32899">
        <v>13</v>
      </c>
      <c r="AK32899">
        <v>13</v>
      </c>
      <c r="AL32899">
        <v>14</v>
      </c>
      <c r="AM32899">
        <v>14</v>
      </c>
      <c r="AN32899">
        <v>14</v>
      </c>
      <c r="AO32899">
        <v>14</v>
      </c>
      <c r="AP32899">
        <v>14</v>
      </c>
      <c r="AQ32899">
        <v>14</v>
      </c>
    </row>
    <row r="32900" spans="1:43">
      <c r="A32900" t="s">
        <v>20383</v>
      </c>
      <c r="B32900" t="s">
        <v>20384</v>
      </c>
      <c r="C32900" t="s">
        <v>20385</v>
      </c>
      <c r="D32900" t="s">
        <v>20386</v>
      </c>
      <c r="E32900" t="s">
        <v>20253</v>
      </c>
      <c r="F32900" t="s">
        <v>20254</v>
      </c>
      <c r="G32900" t="s">
        <v>20255</v>
      </c>
      <c r="H32900" t="s">
        <v>20256</v>
      </c>
      <c r="I32900" s="2">
        <v>1</v>
      </c>
      <c r="J32900" s="2">
        <v>0</v>
      </c>
      <c r="K32900" s="2">
        <v>0</v>
      </c>
      <c r="L32900" t="s">
        <v>120</v>
      </c>
      <c r="M32900" t="s">
        <v>89</v>
      </c>
      <c r="N32900" t="s">
        <v>90</v>
      </c>
      <c r="O32900" t="s">
        <v>85</v>
      </c>
      <c r="P32900" t="s">
        <v>86</v>
      </c>
      <c r="Q32900">
        <v>12</v>
      </c>
      <c r="R32900">
        <v>12</v>
      </c>
      <c r="S32900">
        <v>12</v>
      </c>
      <c r="T32900">
        <v>12</v>
      </c>
      <c r="U32900">
        <v>13</v>
      </c>
      <c r="V32900">
        <v>13</v>
      </c>
      <c r="W32900">
        <v>13</v>
      </c>
      <c r="X32900">
        <v>13</v>
      </c>
      <c r="Y32900">
        <v>14</v>
      </c>
      <c r="Z32900">
        <v>14</v>
      </c>
      <c r="AA32900">
        <v>14</v>
      </c>
      <c r="AB32900">
        <v>14</v>
      </c>
      <c r="AC32900">
        <v>14</v>
      </c>
      <c r="AD32900">
        <v>15</v>
      </c>
      <c r="AE32900">
        <v>15</v>
      </c>
      <c r="AF32900">
        <v>15</v>
      </c>
      <c r="AG32900">
        <v>15</v>
      </c>
      <c r="AH32900">
        <v>15</v>
      </c>
      <c r="AI32900">
        <v>15</v>
      </c>
      <c r="AJ32900">
        <v>15</v>
      </c>
      <c r="AK32900">
        <v>15</v>
      </c>
      <c r="AL32900">
        <v>15</v>
      </c>
      <c r="AM32900">
        <v>15</v>
      </c>
      <c r="AN32900">
        <v>15</v>
      </c>
      <c r="AO32900">
        <v>15</v>
      </c>
      <c r="AP32900">
        <v>15</v>
      </c>
      <c r="AQ32900">
        <v>15</v>
      </c>
    </row>
    <row r="32901" spans="1:43">
      <c r="A32901" t="s">
        <v>20383</v>
      </c>
      <c r="B32901" t="s">
        <v>20384</v>
      </c>
      <c r="C32901" t="s">
        <v>20385</v>
      </c>
      <c r="D32901" t="s">
        <v>20386</v>
      </c>
      <c r="E32901" t="s">
        <v>20253</v>
      </c>
      <c r="F32901" t="s">
        <v>20254</v>
      </c>
      <c r="G32901" t="s">
        <v>20255</v>
      </c>
      <c r="H32901" t="s">
        <v>20256</v>
      </c>
      <c r="I32901" s="2">
        <v>1</v>
      </c>
      <c r="J32901" s="2">
        <v>0</v>
      </c>
      <c r="K32901" s="2">
        <v>0</v>
      </c>
      <c r="L32901" t="s">
        <v>120</v>
      </c>
      <c r="M32901" t="s">
        <v>83</v>
      </c>
      <c r="N32901" t="s">
        <v>91</v>
      </c>
      <c r="O32901" t="s">
        <v>85</v>
      </c>
      <c r="P32901" t="s">
        <v>86</v>
      </c>
      <c r="Q32901">
        <v>12</v>
      </c>
      <c r="R32901">
        <v>13</v>
      </c>
      <c r="S32901">
        <v>13</v>
      </c>
      <c r="T32901">
        <v>13</v>
      </c>
      <c r="U32901">
        <v>13</v>
      </c>
      <c r="V32901">
        <v>13</v>
      </c>
      <c r="W32901">
        <v>13</v>
      </c>
      <c r="X32901">
        <v>14</v>
      </c>
      <c r="Y32901">
        <v>14</v>
      </c>
      <c r="Z32901">
        <v>14</v>
      </c>
      <c r="AA32901">
        <v>14</v>
      </c>
      <c r="AB32901">
        <v>14</v>
      </c>
      <c r="AC32901">
        <v>14</v>
      </c>
      <c r="AD32901">
        <v>15</v>
      </c>
      <c r="AE32901">
        <v>15</v>
      </c>
      <c r="AF32901">
        <v>15</v>
      </c>
      <c r="AG32901">
        <v>15</v>
      </c>
      <c r="AH32901">
        <v>15</v>
      </c>
      <c r="AI32901">
        <v>15</v>
      </c>
      <c r="AJ32901">
        <v>16</v>
      </c>
      <c r="AK32901">
        <v>16</v>
      </c>
      <c r="AL32901">
        <v>16</v>
      </c>
      <c r="AM32901">
        <v>16</v>
      </c>
      <c r="AN32901">
        <v>16</v>
      </c>
      <c r="AO32901">
        <v>16</v>
      </c>
      <c r="AP32901">
        <v>16</v>
      </c>
      <c r="AQ32901">
        <v>16</v>
      </c>
    </row>
    <row r="32902" spans="1:43">
      <c r="A32902" t="s">
        <v>20387</v>
      </c>
      <c r="B32902" t="s">
        <v>20388</v>
      </c>
      <c r="C32902" t="s">
        <v>20385</v>
      </c>
      <c r="D32902" t="s">
        <v>20386</v>
      </c>
      <c r="E32902" t="s">
        <v>20253</v>
      </c>
      <c r="F32902" t="s">
        <v>20254</v>
      </c>
      <c r="G32902" t="s">
        <v>20255</v>
      </c>
      <c r="H32902" t="s">
        <v>20256</v>
      </c>
      <c r="I32902" s="2">
        <v>1</v>
      </c>
      <c r="J32902" s="2">
        <v>0</v>
      </c>
      <c r="K32902" s="2">
        <v>0</v>
      </c>
      <c r="L32902" t="s">
        <v>120</v>
      </c>
      <c r="M32902" t="s">
        <v>83</v>
      </c>
      <c r="N32902" t="s">
        <v>84</v>
      </c>
      <c r="O32902" t="s">
        <v>85</v>
      </c>
      <c r="P32902" t="s">
        <v>86</v>
      </c>
      <c r="Q32902">
        <v>16</v>
      </c>
      <c r="R32902">
        <v>16</v>
      </c>
      <c r="S32902">
        <v>17</v>
      </c>
      <c r="T32902">
        <v>17</v>
      </c>
      <c r="U32902">
        <v>17</v>
      </c>
      <c r="V32902">
        <v>17</v>
      </c>
      <c r="W32902">
        <v>17</v>
      </c>
      <c r="X32902">
        <v>18</v>
      </c>
      <c r="Y32902">
        <v>18</v>
      </c>
      <c r="Z32902">
        <v>18</v>
      </c>
      <c r="AA32902">
        <v>18</v>
      </c>
      <c r="AB32902">
        <v>19</v>
      </c>
      <c r="AC32902">
        <v>19</v>
      </c>
      <c r="AD32902">
        <v>19</v>
      </c>
      <c r="AE32902">
        <v>19</v>
      </c>
      <c r="AF32902">
        <v>19</v>
      </c>
      <c r="AG32902">
        <v>20</v>
      </c>
      <c r="AH32902">
        <v>20</v>
      </c>
      <c r="AI32902">
        <v>20</v>
      </c>
      <c r="AJ32902">
        <v>20</v>
      </c>
      <c r="AK32902">
        <v>20</v>
      </c>
      <c r="AL32902">
        <v>21</v>
      </c>
      <c r="AM32902">
        <v>21</v>
      </c>
      <c r="AN32902">
        <v>21</v>
      </c>
      <c r="AO32902">
        <v>21</v>
      </c>
      <c r="AP32902">
        <v>21</v>
      </c>
      <c r="AQ32902">
        <v>21</v>
      </c>
    </row>
    <row r="32903" spans="1:43">
      <c r="A32903" t="s">
        <v>20387</v>
      </c>
      <c r="B32903" t="s">
        <v>20388</v>
      </c>
      <c r="C32903" t="s">
        <v>20385</v>
      </c>
      <c r="D32903" t="s">
        <v>20386</v>
      </c>
      <c r="E32903" t="s">
        <v>20253</v>
      </c>
      <c r="F32903" t="s">
        <v>20254</v>
      </c>
      <c r="G32903" t="s">
        <v>20255</v>
      </c>
      <c r="H32903" t="s">
        <v>20256</v>
      </c>
      <c r="I32903" s="2">
        <v>1</v>
      </c>
      <c r="J32903" s="2">
        <v>0</v>
      </c>
      <c r="K32903" s="2">
        <v>0</v>
      </c>
      <c r="L32903" t="s">
        <v>120</v>
      </c>
      <c r="M32903" t="s">
        <v>87</v>
      </c>
      <c r="N32903" t="s">
        <v>88</v>
      </c>
      <c r="O32903" t="s">
        <v>85</v>
      </c>
      <c r="P32903" t="s">
        <v>86</v>
      </c>
      <c r="Q32903">
        <v>16</v>
      </c>
      <c r="R32903">
        <v>16</v>
      </c>
      <c r="S32903">
        <v>16</v>
      </c>
      <c r="T32903">
        <v>16</v>
      </c>
      <c r="U32903">
        <v>16</v>
      </c>
      <c r="V32903">
        <v>16</v>
      </c>
      <c r="W32903">
        <v>16</v>
      </c>
      <c r="X32903">
        <v>16</v>
      </c>
      <c r="Y32903">
        <v>17</v>
      </c>
      <c r="Z32903">
        <v>17</v>
      </c>
      <c r="AA32903">
        <v>17</v>
      </c>
      <c r="AB32903">
        <v>17</v>
      </c>
      <c r="AC32903">
        <v>17</v>
      </c>
      <c r="AD32903">
        <v>17</v>
      </c>
      <c r="AE32903">
        <v>17</v>
      </c>
      <c r="AF32903">
        <v>17</v>
      </c>
      <c r="AG32903">
        <v>17</v>
      </c>
      <c r="AH32903">
        <v>17</v>
      </c>
      <c r="AI32903">
        <v>17</v>
      </c>
      <c r="AJ32903">
        <v>17</v>
      </c>
      <c r="AK32903">
        <v>18</v>
      </c>
      <c r="AL32903">
        <v>18</v>
      </c>
      <c r="AM32903">
        <v>18</v>
      </c>
      <c r="AN32903">
        <v>18</v>
      </c>
      <c r="AO32903">
        <v>18</v>
      </c>
      <c r="AP32903">
        <v>18</v>
      </c>
      <c r="AQ32903">
        <v>18</v>
      </c>
    </row>
    <row r="32904" spans="1:43">
      <c r="A32904" t="s">
        <v>20387</v>
      </c>
      <c r="B32904" t="s">
        <v>20388</v>
      </c>
      <c r="C32904" t="s">
        <v>20385</v>
      </c>
      <c r="D32904" t="s">
        <v>20386</v>
      </c>
      <c r="E32904" t="s">
        <v>20253</v>
      </c>
      <c r="F32904" t="s">
        <v>20254</v>
      </c>
      <c r="G32904" t="s">
        <v>20255</v>
      </c>
      <c r="H32904" t="s">
        <v>20256</v>
      </c>
      <c r="I32904" s="2">
        <v>1</v>
      </c>
      <c r="J32904" s="2">
        <v>0</v>
      </c>
      <c r="K32904" s="2">
        <v>0</v>
      </c>
      <c r="L32904" t="s">
        <v>120</v>
      </c>
      <c r="M32904" t="s">
        <v>89</v>
      </c>
      <c r="N32904" t="s">
        <v>90</v>
      </c>
      <c r="O32904" t="s">
        <v>85</v>
      </c>
      <c r="P32904" t="s">
        <v>86</v>
      </c>
      <c r="Q32904">
        <v>16</v>
      </c>
      <c r="R32904">
        <v>17</v>
      </c>
      <c r="S32904">
        <v>17</v>
      </c>
      <c r="T32904">
        <v>17</v>
      </c>
      <c r="U32904">
        <v>18</v>
      </c>
      <c r="V32904">
        <v>18</v>
      </c>
      <c r="W32904">
        <v>18</v>
      </c>
      <c r="X32904">
        <v>19</v>
      </c>
      <c r="Y32904">
        <v>19</v>
      </c>
      <c r="Z32904">
        <v>19</v>
      </c>
      <c r="AA32904">
        <v>19</v>
      </c>
      <c r="AB32904">
        <v>20</v>
      </c>
      <c r="AC32904">
        <v>20</v>
      </c>
      <c r="AD32904">
        <v>20</v>
      </c>
      <c r="AE32904">
        <v>20</v>
      </c>
      <c r="AF32904">
        <v>21</v>
      </c>
      <c r="AG32904">
        <v>21</v>
      </c>
      <c r="AH32904">
        <v>21</v>
      </c>
      <c r="AI32904">
        <v>21</v>
      </c>
      <c r="AJ32904">
        <v>21</v>
      </c>
      <c r="AK32904">
        <v>21</v>
      </c>
      <c r="AL32904">
        <v>21</v>
      </c>
      <c r="AM32904">
        <v>21</v>
      </c>
      <c r="AN32904">
        <v>21</v>
      </c>
      <c r="AO32904">
        <v>21</v>
      </c>
      <c r="AP32904">
        <v>21</v>
      </c>
      <c r="AQ32904">
        <v>21</v>
      </c>
    </row>
    <row r="32905" spans="1:43">
      <c r="A32905" t="s">
        <v>20387</v>
      </c>
      <c r="B32905" t="s">
        <v>20388</v>
      </c>
      <c r="C32905" t="s">
        <v>20385</v>
      </c>
      <c r="D32905" t="s">
        <v>20386</v>
      </c>
      <c r="E32905" t="s">
        <v>20253</v>
      </c>
      <c r="F32905" t="s">
        <v>20254</v>
      </c>
      <c r="G32905" t="s">
        <v>20255</v>
      </c>
      <c r="H32905" t="s">
        <v>20256</v>
      </c>
      <c r="I32905" s="2">
        <v>1</v>
      </c>
      <c r="J32905" s="2">
        <v>0</v>
      </c>
      <c r="K32905" s="2">
        <v>0</v>
      </c>
      <c r="L32905" t="s">
        <v>120</v>
      </c>
      <c r="M32905" t="s">
        <v>83</v>
      </c>
      <c r="N32905" t="s">
        <v>91</v>
      </c>
      <c r="O32905" t="s">
        <v>85</v>
      </c>
      <c r="P32905" t="s">
        <v>86</v>
      </c>
      <c r="Q32905">
        <v>16</v>
      </c>
      <c r="R32905">
        <v>16</v>
      </c>
      <c r="S32905">
        <v>17</v>
      </c>
      <c r="T32905">
        <v>17</v>
      </c>
      <c r="U32905">
        <v>17</v>
      </c>
      <c r="V32905">
        <v>17</v>
      </c>
      <c r="W32905">
        <v>17</v>
      </c>
      <c r="X32905">
        <v>18</v>
      </c>
      <c r="Y32905">
        <v>18</v>
      </c>
      <c r="Z32905">
        <v>18</v>
      </c>
      <c r="AA32905">
        <v>18</v>
      </c>
      <c r="AB32905">
        <v>19</v>
      </c>
      <c r="AC32905">
        <v>19</v>
      </c>
      <c r="AD32905">
        <v>19</v>
      </c>
      <c r="AE32905">
        <v>19</v>
      </c>
      <c r="AF32905">
        <v>19</v>
      </c>
      <c r="AG32905">
        <v>20</v>
      </c>
      <c r="AH32905">
        <v>20</v>
      </c>
      <c r="AI32905">
        <v>20</v>
      </c>
      <c r="AJ32905">
        <v>20</v>
      </c>
      <c r="AK32905">
        <v>20</v>
      </c>
      <c r="AL32905">
        <v>21</v>
      </c>
      <c r="AM32905">
        <v>21</v>
      </c>
      <c r="AN32905">
        <v>21</v>
      </c>
      <c r="AO32905">
        <v>21</v>
      </c>
      <c r="AP32905">
        <v>21</v>
      </c>
      <c r="AQ32905">
        <v>21</v>
      </c>
    </row>
    <row r="32906" spans="1:43">
      <c r="A32906" t="s">
        <v>20389</v>
      </c>
      <c r="B32906" t="s">
        <v>20390</v>
      </c>
      <c r="C32906" t="s">
        <v>20385</v>
      </c>
      <c r="D32906" t="s">
        <v>20386</v>
      </c>
      <c r="E32906" t="s">
        <v>20253</v>
      </c>
      <c r="F32906" t="s">
        <v>20254</v>
      </c>
      <c r="G32906" t="s">
        <v>20255</v>
      </c>
      <c r="H32906" t="s">
        <v>20256</v>
      </c>
      <c r="I32906" s="2">
        <v>1</v>
      </c>
      <c r="J32906" s="2">
        <v>0</v>
      </c>
      <c r="K32906" s="2">
        <v>0</v>
      </c>
      <c r="L32906" t="s">
        <v>120</v>
      </c>
      <c r="M32906" t="s">
        <v>83</v>
      </c>
      <c r="N32906" t="s">
        <v>84</v>
      </c>
      <c r="O32906" t="s">
        <v>85</v>
      </c>
      <c r="P32906" t="s">
        <v>86</v>
      </c>
      <c r="Q32906">
        <v>6</v>
      </c>
      <c r="R32906">
        <v>6</v>
      </c>
      <c r="S32906">
        <v>6</v>
      </c>
      <c r="T32906">
        <v>6</v>
      </c>
      <c r="U32906">
        <v>6</v>
      </c>
      <c r="V32906">
        <v>6</v>
      </c>
      <c r="W32906">
        <v>6</v>
      </c>
      <c r="X32906">
        <v>6</v>
      </c>
      <c r="Y32906">
        <v>7</v>
      </c>
      <c r="Z32906">
        <v>7</v>
      </c>
      <c r="AA32906">
        <v>7</v>
      </c>
      <c r="AB32906">
        <v>7</v>
      </c>
      <c r="AC32906">
        <v>7</v>
      </c>
      <c r="AD32906">
        <v>7</v>
      </c>
      <c r="AE32906">
        <v>7</v>
      </c>
      <c r="AF32906">
        <v>7</v>
      </c>
      <c r="AG32906">
        <v>7</v>
      </c>
      <c r="AH32906">
        <v>7</v>
      </c>
      <c r="AI32906">
        <v>7</v>
      </c>
      <c r="AJ32906">
        <v>7</v>
      </c>
      <c r="AK32906">
        <v>7</v>
      </c>
      <c r="AL32906">
        <v>8</v>
      </c>
      <c r="AM32906">
        <v>8</v>
      </c>
      <c r="AN32906">
        <v>8</v>
      </c>
      <c r="AO32906">
        <v>8</v>
      </c>
      <c r="AP32906">
        <v>8</v>
      </c>
      <c r="AQ32906">
        <v>8</v>
      </c>
    </row>
    <row r="32907" spans="1:43">
      <c r="A32907" t="s">
        <v>20389</v>
      </c>
      <c r="B32907" t="s">
        <v>20390</v>
      </c>
      <c r="C32907" t="s">
        <v>20385</v>
      </c>
      <c r="D32907" t="s">
        <v>20386</v>
      </c>
      <c r="E32907" t="s">
        <v>20253</v>
      </c>
      <c r="F32907" t="s">
        <v>20254</v>
      </c>
      <c r="G32907" t="s">
        <v>20255</v>
      </c>
      <c r="H32907" t="s">
        <v>20256</v>
      </c>
      <c r="I32907" s="2">
        <v>1</v>
      </c>
      <c r="J32907" s="2">
        <v>0</v>
      </c>
      <c r="K32907" s="2">
        <v>0</v>
      </c>
      <c r="L32907" t="s">
        <v>120</v>
      </c>
      <c r="M32907" t="s">
        <v>87</v>
      </c>
      <c r="N32907" t="s">
        <v>88</v>
      </c>
      <c r="O32907" t="s">
        <v>85</v>
      </c>
      <c r="P32907" t="s">
        <v>86</v>
      </c>
      <c r="Q32907">
        <v>6</v>
      </c>
      <c r="R32907">
        <v>6</v>
      </c>
      <c r="S32907">
        <v>6</v>
      </c>
      <c r="T32907">
        <v>6</v>
      </c>
      <c r="U32907">
        <v>6</v>
      </c>
      <c r="V32907">
        <v>6</v>
      </c>
      <c r="W32907">
        <v>6</v>
      </c>
      <c r="X32907">
        <v>6</v>
      </c>
      <c r="Y32907">
        <v>6</v>
      </c>
      <c r="Z32907">
        <v>6</v>
      </c>
      <c r="AA32907">
        <v>6</v>
      </c>
      <c r="AB32907">
        <v>6</v>
      </c>
      <c r="AC32907">
        <v>6</v>
      </c>
      <c r="AD32907">
        <v>6</v>
      </c>
      <c r="AE32907">
        <v>6</v>
      </c>
      <c r="AF32907">
        <v>6</v>
      </c>
      <c r="AG32907">
        <v>6</v>
      </c>
      <c r="AH32907">
        <v>6</v>
      </c>
      <c r="AI32907">
        <v>6</v>
      </c>
      <c r="AJ32907">
        <v>6</v>
      </c>
      <c r="AK32907">
        <v>6</v>
      </c>
      <c r="AL32907">
        <v>6</v>
      </c>
      <c r="AM32907">
        <v>7</v>
      </c>
      <c r="AN32907">
        <v>7</v>
      </c>
      <c r="AO32907">
        <v>7</v>
      </c>
      <c r="AP32907">
        <v>7</v>
      </c>
      <c r="AQ32907">
        <v>7</v>
      </c>
    </row>
    <row r="32908" spans="1:43">
      <c r="A32908" t="s">
        <v>20389</v>
      </c>
      <c r="B32908" t="s">
        <v>20390</v>
      </c>
      <c r="C32908" t="s">
        <v>20385</v>
      </c>
      <c r="D32908" t="s">
        <v>20386</v>
      </c>
      <c r="E32908" t="s">
        <v>20253</v>
      </c>
      <c r="F32908" t="s">
        <v>20254</v>
      </c>
      <c r="G32908" t="s">
        <v>20255</v>
      </c>
      <c r="H32908" t="s">
        <v>20256</v>
      </c>
      <c r="I32908" s="2">
        <v>1</v>
      </c>
      <c r="J32908" s="2">
        <v>0</v>
      </c>
      <c r="K32908" s="2">
        <v>0</v>
      </c>
      <c r="L32908" t="s">
        <v>120</v>
      </c>
      <c r="M32908" t="s">
        <v>89</v>
      </c>
      <c r="N32908" t="s">
        <v>90</v>
      </c>
      <c r="O32908" t="s">
        <v>85</v>
      </c>
      <c r="P32908" t="s">
        <v>86</v>
      </c>
      <c r="Q32908">
        <v>6</v>
      </c>
      <c r="R32908">
        <v>6</v>
      </c>
      <c r="S32908">
        <v>6</v>
      </c>
      <c r="T32908">
        <v>6</v>
      </c>
      <c r="U32908">
        <v>6</v>
      </c>
      <c r="V32908">
        <v>7</v>
      </c>
      <c r="W32908">
        <v>7</v>
      </c>
      <c r="X32908">
        <v>7</v>
      </c>
      <c r="Y32908">
        <v>7</v>
      </c>
      <c r="Z32908">
        <v>7</v>
      </c>
      <c r="AA32908">
        <v>7</v>
      </c>
      <c r="AB32908">
        <v>7</v>
      </c>
      <c r="AC32908">
        <v>7</v>
      </c>
      <c r="AD32908">
        <v>7</v>
      </c>
      <c r="AE32908">
        <v>7</v>
      </c>
      <c r="AF32908">
        <v>8</v>
      </c>
      <c r="AG32908">
        <v>8</v>
      </c>
      <c r="AH32908">
        <v>8</v>
      </c>
      <c r="AI32908">
        <v>8</v>
      </c>
      <c r="AJ32908">
        <v>8</v>
      </c>
      <c r="AK32908">
        <v>8</v>
      </c>
      <c r="AL32908">
        <v>8</v>
      </c>
      <c r="AM32908">
        <v>8</v>
      </c>
      <c r="AN32908">
        <v>8</v>
      </c>
      <c r="AO32908">
        <v>8</v>
      </c>
      <c r="AP32908">
        <v>8</v>
      </c>
      <c r="AQ32908">
        <v>8</v>
      </c>
    </row>
    <row r="32909" spans="1:43">
      <c r="A32909" t="s">
        <v>20389</v>
      </c>
      <c r="B32909" t="s">
        <v>20390</v>
      </c>
      <c r="C32909" t="s">
        <v>20385</v>
      </c>
      <c r="D32909" t="s">
        <v>20386</v>
      </c>
      <c r="E32909" t="s">
        <v>20253</v>
      </c>
      <c r="F32909" t="s">
        <v>20254</v>
      </c>
      <c r="G32909" t="s">
        <v>20255</v>
      </c>
      <c r="H32909" t="s">
        <v>20256</v>
      </c>
      <c r="I32909" s="2">
        <v>1</v>
      </c>
      <c r="J32909" s="2">
        <v>0</v>
      </c>
      <c r="K32909" s="2">
        <v>0</v>
      </c>
      <c r="L32909" t="s">
        <v>120</v>
      </c>
      <c r="M32909" t="s">
        <v>83</v>
      </c>
      <c r="N32909" t="s">
        <v>91</v>
      </c>
      <c r="O32909" t="s">
        <v>85</v>
      </c>
      <c r="P32909" t="s">
        <v>86</v>
      </c>
      <c r="Q32909">
        <v>6</v>
      </c>
      <c r="R32909">
        <v>6</v>
      </c>
      <c r="S32909">
        <v>6</v>
      </c>
      <c r="T32909">
        <v>6</v>
      </c>
      <c r="U32909">
        <v>6</v>
      </c>
      <c r="V32909">
        <v>6</v>
      </c>
      <c r="W32909">
        <v>6</v>
      </c>
      <c r="X32909">
        <v>6</v>
      </c>
      <c r="Y32909">
        <v>7</v>
      </c>
      <c r="Z32909">
        <v>7</v>
      </c>
      <c r="AA32909">
        <v>7</v>
      </c>
      <c r="AB32909">
        <v>7</v>
      </c>
      <c r="AC32909">
        <v>7</v>
      </c>
      <c r="AD32909">
        <v>7</v>
      </c>
      <c r="AE32909">
        <v>7</v>
      </c>
      <c r="AF32909">
        <v>7</v>
      </c>
      <c r="AG32909">
        <v>7</v>
      </c>
      <c r="AH32909">
        <v>7</v>
      </c>
      <c r="AI32909">
        <v>7</v>
      </c>
      <c r="AJ32909">
        <v>7</v>
      </c>
      <c r="AK32909">
        <v>7</v>
      </c>
      <c r="AL32909">
        <v>8</v>
      </c>
      <c r="AM32909">
        <v>8</v>
      </c>
      <c r="AN32909">
        <v>8</v>
      </c>
      <c r="AO32909">
        <v>8</v>
      </c>
      <c r="AP32909">
        <v>8</v>
      </c>
      <c r="AQ32909">
        <v>8</v>
      </c>
    </row>
    <row r="32910" spans="1:43">
      <c r="A32910" t="s">
        <v>20391</v>
      </c>
      <c r="B32910" t="s">
        <v>20392</v>
      </c>
      <c r="C32910" t="s">
        <v>20385</v>
      </c>
      <c r="D32910" t="s">
        <v>20386</v>
      </c>
      <c r="E32910" t="s">
        <v>20253</v>
      </c>
      <c r="F32910" t="s">
        <v>20254</v>
      </c>
      <c r="G32910" t="s">
        <v>20255</v>
      </c>
      <c r="H32910" t="s">
        <v>20256</v>
      </c>
      <c r="I32910" s="2">
        <v>1</v>
      </c>
      <c r="J32910" s="2">
        <v>0</v>
      </c>
      <c r="K32910" s="2">
        <v>0</v>
      </c>
      <c r="L32910" t="s">
        <v>120</v>
      </c>
      <c r="M32910" t="s">
        <v>83</v>
      </c>
      <c r="N32910" t="s">
        <v>84</v>
      </c>
      <c r="O32910" t="s">
        <v>85</v>
      </c>
      <c r="P32910" t="s">
        <v>86</v>
      </c>
      <c r="Q32910">
        <v>24</v>
      </c>
      <c r="R32910">
        <v>24</v>
      </c>
      <c r="S32910">
        <v>24</v>
      </c>
      <c r="T32910">
        <v>25</v>
      </c>
      <c r="U32910">
        <v>25</v>
      </c>
      <c r="V32910">
        <v>25</v>
      </c>
      <c r="W32910">
        <v>26</v>
      </c>
      <c r="X32910">
        <v>26</v>
      </c>
      <c r="Y32910">
        <v>26</v>
      </c>
      <c r="Z32910">
        <v>26</v>
      </c>
      <c r="AA32910">
        <v>27</v>
      </c>
      <c r="AB32910">
        <v>27</v>
      </c>
      <c r="AC32910">
        <v>27</v>
      </c>
      <c r="AD32910">
        <v>28</v>
      </c>
      <c r="AE32910">
        <v>28</v>
      </c>
      <c r="AF32910">
        <v>28</v>
      </c>
      <c r="AG32910">
        <v>29</v>
      </c>
      <c r="AH32910">
        <v>29</v>
      </c>
      <c r="AI32910">
        <v>29</v>
      </c>
      <c r="AJ32910">
        <v>30</v>
      </c>
      <c r="AK32910">
        <v>30</v>
      </c>
      <c r="AL32910">
        <v>30</v>
      </c>
      <c r="AM32910">
        <v>30</v>
      </c>
      <c r="AN32910">
        <v>30</v>
      </c>
      <c r="AO32910">
        <v>30</v>
      </c>
      <c r="AP32910">
        <v>31</v>
      </c>
      <c r="AQ32910">
        <v>31</v>
      </c>
    </row>
    <row r="32911" spans="1:43">
      <c r="A32911" t="s">
        <v>20391</v>
      </c>
      <c r="B32911" t="s">
        <v>20392</v>
      </c>
      <c r="C32911" t="s">
        <v>20385</v>
      </c>
      <c r="D32911" t="s">
        <v>20386</v>
      </c>
      <c r="E32911" t="s">
        <v>20253</v>
      </c>
      <c r="F32911" t="s">
        <v>20254</v>
      </c>
      <c r="G32911" t="s">
        <v>20255</v>
      </c>
      <c r="H32911" t="s">
        <v>20256</v>
      </c>
      <c r="I32911" s="2">
        <v>1</v>
      </c>
      <c r="J32911" s="2">
        <v>0</v>
      </c>
      <c r="K32911" s="2">
        <v>0</v>
      </c>
      <c r="L32911" t="s">
        <v>120</v>
      </c>
      <c r="M32911" t="s">
        <v>87</v>
      </c>
      <c r="N32911" t="s">
        <v>88</v>
      </c>
      <c r="O32911" t="s">
        <v>85</v>
      </c>
      <c r="P32911" t="s">
        <v>86</v>
      </c>
      <c r="Q32911">
        <v>24</v>
      </c>
      <c r="R32911">
        <v>24</v>
      </c>
      <c r="S32911">
        <v>25</v>
      </c>
      <c r="T32911">
        <v>25</v>
      </c>
      <c r="U32911">
        <v>25</v>
      </c>
      <c r="V32911">
        <v>25</v>
      </c>
      <c r="W32911">
        <v>25</v>
      </c>
      <c r="X32911">
        <v>25</v>
      </c>
      <c r="Y32911">
        <v>25</v>
      </c>
      <c r="Z32911">
        <v>25</v>
      </c>
      <c r="AA32911">
        <v>25</v>
      </c>
      <c r="AB32911">
        <v>26</v>
      </c>
      <c r="AC32911">
        <v>26</v>
      </c>
      <c r="AD32911">
        <v>26</v>
      </c>
      <c r="AE32911">
        <v>26</v>
      </c>
      <c r="AF32911">
        <v>26</v>
      </c>
      <c r="AG32911">
        <v>26</v>
      </c>
      <c r="AH32911">
        <v>26</v>
      </c>
      <c r="AI32911">
        <v>26</v>
      </c>
      <c r="AJ32911">
        <v>27</v>
      </c>
      <c r="AK32911">
        <v>27</v>
      </c>
      <c r="AL32911">
        <v>27</v>
      </c>
      <c r="AM32911">
        <v>27</v>
      </c>
      <c r="AN32911">
        <v>27</v>
      </c>
      <c r="AO32911">
        <v>27</v>
      </c>
      <c r="AP32911">
        <v>28</v>
      </c>
      <c r="AQ32911">
        <v>28</v>
      </c>
    </row>
    <row r="32912" spans="1:43">
      <c r="A32912" t="s">
        <v>20391</v>
      </c>
      <c r="B32912" t="s">
        <v>20392</v>
      </c>
      <c r="C32912" t="s">
        <v>20385</v>
      </c>
      <c r="D32912" t="s">
        <v>20386</v>
      </c>
      <c r="E32912" t="s">
        <v>20253</v>
      </c>
      <c r="F32912" t="s">
        <v>20254</v>
      </c>
      <c r="G32912" t="s">
        <v>20255</v>
      </c>
      <c r="H32912" t="s">
        <v>20256</v>
      </c>
      <c r="I32912" s="2">
        <v>1</v>
      </c>
      <c r="J32912" s="2">
        <v>0</v>
      </c>
      <c r="K32912" s="2">
        <v>0</v>
      </c>
      <c r="L32912" t="s">
        <v>120</v>
      </c>
      <c r="M32912" t="s">
        <v>89</v>
      </c>
      <c r="N32912" t="s">
        <v>90</v>
      </c>
      <c r="O32912" t="s">
        <v>85</v>
      </c>
      <c r="P32912" t="s">
        <v>86</v>
      </c>
      <c r="Q32912">
        <v>24</v>
      </c>
      <c r="R32912">
        <v>24</v>
      </c>
      <c r="S32912">
        <v>25</v>
      </c>
      <c r="T32912">
        <v>25</v>
      </c>
      <c r="U32912">
        <v>26</v>
      </c>
      <c r="V32912">
        <v>26</v>
      </c>
      <c r="W32912">
        <v>27</v>
      </c>
      <c r="X32912">
        <v>27</v>
      </c>
      <c r="Y32912">
        <v>28</v>
      </c>
      <c r="Z32912">
        <v>28</v>
      </c>
      <c r="AA32912">
        <v>28</v>
      </c>
      <c r="AB32912">
        <v>29</v>
      </c>
      <c r="AC32912">
        <v>29</v>
      </c>
      <c r="AD32912">
        <v>30</v>
      </c>
      <c r="AE32912">
        <v>30</v>
      </c>
      <c r="AF32912">
        <v>30</v>
      </c>
      <c r="AG32912">
        <v>30</v>
      </c>
      <c r="AH32912">
        <v>30</v>
      </c>
      <c r="AI32912">
        <v>30</v>
      </c>
      <c r="AJ32912">
        <v>30</v>
      </c>
      <c r="AK32912">
        <v>30</v>
      </c>
      <c r="AL32912">
        <v>31</v>
      </c>
      <c r="AM32912">
        <v>31</v>
      </c>
      <c r="AN32912">
        <v>31</v>
      </c>
      <c r="AO32912">
        <v>31</v>
      </c>
      <c r="AP32912">
        <v>31</v>
      </c>
      <c r="AQ32912">
        <v>31</v>
      </c>
    </row>
    <row r="32913" spans="1:43">
      <c r="A32913" t="s">
        <v>20391</v>
      </c>
      <c r="B32913" t="s">
        <v>20392</v>
      </c>
      <c r="C32913" t="s">
        <v>20385</v>
      </c>
      <c r="D32913" t="s">
        <v>20386</v>
      </c>
      <c r="E32913" t="s">
        <v>20253</v>
      </c>
      <c r="F32913" t="s">
        <v>20254</v>
      </c>
      <c r="G32913" t="s">
        <v>20255</v>
      </c>
      <c r="H32913" t="s">
        <v>20256</v>
      </c>
      <c r="I32913" s="2">
        <v>1</v>
      </c>
      <c r="J32913" s="2">
        <v>0</v>
      </c>
      <c r="K32913" s="2">
        <v>0</v>
      </c>
      <c r="L32913" t="s">
        <v>120</v>
      </c>
      <c r="M32913" t="s">
        <v>83</v>
      </c>
      <c r="N32913" t="s">
        <v>91</v>
      </c>
      <c r="O32913" t="s">
        <v>85</v>
      </c>
      <c r="P32913" t="s">
        <v>86</v>
      </c>
      <c r="Q32913">
        <v>24</v>
      </c>
      <c r="R32913">
        <v>24</v>
      </c>
      <c r="S32913">
        <v>24</v>
      </c>
      <c r="T32913">
        <v>25</v>
      </c>
      <c r="U32913">
        <v>25</v>
      </c>
      <c r="V32913">
        <v>25</v>
      </c>
      <c r="W32913">
        <v>26</v>
      </c>
      <c r="X32913">
        <v>26</v>
      </c>
      <c r="Y32913">
        <v>26</v>
      </c>
      <c r="Z32913">
        <v>26</v>
      </c>
      <c r="AA32913">
        <v>27</v>
      </c>
      <c r="AB32913">
        <v>27</v>
      </c>
      <c r="AC32913">
        <v>27</v>
      </c>
      <c r="AD32913">
        <v>28</v>
      </c>
      <c r="AE32913">
        <v>28</v>
      </c>
      <c r="AF32913">
        <v>28</v>
      </c>
      <c r="AG32913">
        <v>29</v>
      </c>
      <c r="AH32913">
        <v>29</v>
      </c>
      <c r="AI32913">
        <v>29</v>
      </c>
      <c r="AJ32913">
        <v>30</v>
      </c>
      <c r="AK32913">
        <v>30</v>
      </c>
      <c r="AL32913">
        <v>30</v>
      </c>
      <c r="AM32913">
        <v>30</v>
      </c>
      <c r="AN32913">
        <v>30</v>
      </c>
      <c r="AO32913">
        <v>30</v>
      </c>
      <c r="AP32913">
        <v>31</v>
      </c>
      <c r="AQ32913">
        <v>31</v>
      </c>
    </row>
    <row r="32914" spans="1:43">
      <c r="A32914" t="s">
        <v>20393</v>
      </c>
      <c r="B32914" t="s">
        <v>20394</v>
      </c>
      <c r="C32914" t="s">
        <v>20385</v>
      </c>
      <c r="D32914" t="s">
        <v>20386</v>
      </c>
      <c r="E32914" t="s">
        <v>20253</v>
      </c>
      <c r="F32914" t="s">
        <v>20254</v>
      </c>
      <c r="G32914" t="s">
        <v>20255</v>
      </c>
      <c r="H32914" t="s">
        <v>20256</v>
      </c>
      <c r="I32914" s="2">
        <v>1</v>
      </c>
      <c r="J32914" s="2">
        <v>0</v>
      </c>
      <c r="K32914" s="2">
        <v>0</v>
      </c>
      <c r="L32914" t="s">
        <v>120</v>
      </c>
      <c r="M32914" t="s">
        <v>83</v>
      </c>
      <c r="N32914" t="s">
        <v>84</v>
      </c>
      <c r="O32914" t="s">
        <v>85</v>
      </c>
      <c r="P32914" t="s">
        <v>86</v>
      </c>
      <c r="Q32914">
        <v>43</v>
      </c>
      <c r="R32914">
        <v>43</v>
      </c>
      <c r="S32914">
        <v>44</v>
      </c>
      <c r="T32914">
        <v>45</v>
      </c>
      <c r="U32914">
        <v>45</v>
      </c>
      <c r="V32914">
        <v>46</v>
      </c>
      <c r="W32914">
        <v>46</v>
      </c>
      <c r="X32914">
        <v>47</v>
      </c>
      <c r="Y32914">
        <v>47</v>
      </c>
      <c r="Z32914">
        <v>48</v>
      </c>
      <c r="AA32914">
        <v>48</v>
      </c>
      <c r="AB32914">
        <v>49</v>
      </c>
      <c r="AC32914">
        <v>50</v>
      </c>
      <c r="AD32914">
        <v>50</v>
      </c>
      <c r="AE32914">
        <v>51</v>
      </c>
      <c r="AF32914">
        <v>51</v>
      </c>
      <c r="AG32914">
        <v>52</v>
      </c>
      <c r="AH32914">
        <v>52</v>
      </c>
      <c r="AI32914">
        <v>53</v>
      </c>
      <c r="AJ32914">
        <v>54</v>
      </c>
      <c r="AK32914">
        <v>54</v>
      </c>
      <c r="AL32914">
        <v>55</v>
      </c>
      <c r="AM32914">
        <v>55</v>
      </c>
      <c r="AN32914">
        <v>55</v>
      </c>
      <c r="AO32914">
        <v>55</v>
      </c>
      <c r="AP32914">
        <v>56</v>
      </c>
      <c r="AQ32914">
        <v>56</v>
      </c>
    </row>
    <row r="32915" spans="1:43">
      <c r="A32915" t="s">
        <v>20393</v>
      </c>
      <c r="B32915" t="s">
        <v>20394</v>
      </c>
      <c r="C32915" t="s">
        <v>20385</v>
      </c>
      <c r="D32915" t="s">
        <v>20386</v>
      </c>
      <c r="E32915" t="s">
        <v>20253</v>
      </c>
      <c r="F32915" t="s">
        <v>20254</v>
      </c>
      <c r="G32915" t="s">
        <v>20255</v>
      </c>
      <c r="H32915" t="s">
        <v>20256</v>
      </c>
      <c r="I32915" s="2">
        <v>1</v>
      </c>
      <c r="J32915" s="2">
        <v>0</v>
      </c>
      <c r="K32915" s="2">
        <v>0</v>
      </c>
      <c r="L32915" t="s">
        <v>120</v>
      </c>
      <c r="M32915" t="s">
        <v>87</v>
      </c>
      <c r="N32915" t="s">
        <v>88</v>
      </c>
      <c r="O32915" t="s">
        <v>85</v>
      </c>
      <c r="P32915" t="s">
        <v>86</v>
      </c>
      <c r="Q32915">
        <v>43</v>
      </c>
      <c r="R32915">
        <v>44</v>
      </c>
      <c r="S32915">
        <v>44</v>
      </c>
      <c r="T32915">
        <v>44</v>
      </c>
      <c r="U32915">
        <v>44</v>
      </c>
      <c r="V32915">
        <v>44</v>
      </c>
      <c r="W32915">
        <v>45</v>
      </c>
      <c r="X32915">
        <v>45</v>
      </c>
      <c r="Y32915">
        <v>45</v>
      </c>
      <c r="Z32915">
        <v>45</v>
      </c>
      <c r="AA32915">
        <v>45</v>
      </c>
      <c r="AB32915">
        <v>45</v>
      </c>
      <c r="AC32915">
        <v>46</v>
      </c>
      <c r="AD32915">
        <v>46</v>
      </c>
      <c r="AE32915">
        <v>46</v>
      </c>
      <c r="AF32915">
        <v>46</v>
      </c>
      <c r="AG32915">
        <v>47</v>
      </c>
      <c r="AH32915">
        <v>47</v>
      </c>
      <c r="AI32915">
        <v>47</v>
      </c>
      <c r="AJ32915">
        <v>47</v>
      </c>
      <c r="AK32915">
        <v>48</v>
      </c>
      <c r="AL32915">
        <v>48</v>
      </c>
      <c r="AM32915">
        <v>48</v>
      </c>
      <c r="AN32915">
        <v>48</v>
      </c>
      <c r="AO32915">
        <v>49</v>
      </c>
      <c r="AP32915">
        <v>49</v>
      </c>
      <c r="AQ32915">
        <v>49</v>
      </c>
    </row>
    <row r="32916" spans="1:43">
      <c r="A32916" t="s">
        <v>20393</v>
      </c>
      <c r="B32916" t="s">
        <v>20394</v>
      </c>
      <c r="C32916" t="s">
        <v>20385</v>
      </c>
      <c r="D32916" t="s">
        <v>20386</v>
      </c>
      <c r="E32916" t="s">
        <v>20253</v>
      </c>
      <c r="F32916" t="s">
        <v>20254</v>
      </c>
      <c r="G32916" t="s">
        <v>20255</v>
      </c>
      <c r="H32916" t="s">
        <v>20256</v>
      </c>
      <c r="I32916" s="2">
        <v>1</v>
      </c>
      <c r="J32916" s="2">
        <v>0</v>
      </c>
      <c r="K32916" s="2">
        <v>0</v>
      </c>
      <c r="L32916" t="s">
        <v>120</v>
      </c>
      <c r="M32916" t="s">
        <v>89</v>
      </c>
      <c r="N32916" t="s">
        <v>90</v>
      </c>
      <c r="O32916" t="s">
        <v>85</v>
      </c>
      <c r="P32916" t="s">
        <v>86</v>
      </c>
      <c r="Q32916">
        <v>43</v>
      </c>
      <c r="R32916">
        <v>44</v>
      </c>
      <c r="S32916">
        <v>45</v>
      </c>
      <c r="T32916">
        <v>46</v>
      </c>
      <c r="U32916">
        <v>47</v>
      </c>
      <c r="V32916">
        <v>48</v>
      </c>
      <c r="W32916">
        <v>49</v>
      </c>
      <c r="X32916">
        <v>49</v>
      </c>
      <c r="Y32916">
        <v>50</v>
      </c>
      <c r="Z32916">
        <v>51</v>
      </c>
      <c r="AA32916">
        <v>52</v>
      </c>
      <c r="AB32916">
        <v>52</v>
      </c>
      <c r="AC32916">
        <v>53</v>
      </c>
      <c r="AD32916">
        <v>54</v>
      </c>
      <c r="AE32916">
        <v>54</v>
      </c>
      <c r="AF32916">
        <v>54</v>
      </c>
      <c r="AG32916">
        <v>55</v>
      </c>
      <c r="AH32916">
        <v>55</v>
      </c>
      <c r="AI32916">
        <v>55</v>
      </c>
      <c r="AJ32916">
        <v>55</v>
      </c>
      <c r="AK32916">
        <v>55</v>
      </c>
      <c r="AL32916">
        <v>55</v>
      </c>
      <c r="AM32916">
        <v>56</v>
      </c>
      <c r="AN32916">
        <v>56</v>
      </c>
      <c r="AO32916">
        <v>56</v>
      </c>
      <c r="AP32916">
        <v>56</v>
      </c>
      <c r="AQ32916">
        <v>57</v>
      </c>
    </row>
    <row r="32917" spans="1:43">
      <c r="A32917" t="s">
        <v>20393</v>
      </c>
      <c r="B32917" t="s">
        <v>20394</v>
      </c>
      <c r="C32917" t="s">
        <v>20385</v>
      </c>
      <c r="D32917" t="s">
        <v>20386</v>
      </c>
      <c r="E32917" t="s">
        <v>20253</v>
      </c>
      <c r="F32917" t="s">
        <v>20254</v>
      </c>
      <c r="G32917" t="s">
        <v>20255</v>
      </c>
      <c r="H32917" t="s">
        <v>20256</v>
      </c>
      <c r="I32917" s="2">
        <v>1</v>
      </c>
      <c r="J32917" s="2">
        <v>0</v>
      </c>
      <c r="K32917" s="2">
        <v>0</v>
      </c>
      <c r="L32917" t="s">
        <v>120</v>
      </c>
      <c r="M32917" t="s">
        <v>83</v>
      </c>
      <c r="N32917" t="s">
        <v>91</v>
      </c>
      <c r="O32917" t="s">
        <v>85</v>
      </c>
      <c r="P32917" t="s">
        <v>86</v>
      </c>
      <c r="Q32917">
        <v>43</v>
      </c>
      <c r="R32917">
        <v>43</v>
      </c>
      <c r="S32917">
        <v>44</v>
      </c>
      <c r="T32917">
        <v>45</v>
      </c>
      <c r="U32917">
        <v>45</v>
      </c>
      <c r="V32917">
        <v>46</v>
      </c>
      <c r="W32917">
        <v>46</v>
      </c>
      <c r="X32917">
        <v>47</v>
      </c>
      <c r="Y32917">
        <v>47</v>
      </c>
      <c r="Z32917">
        <v>48</v>
      </c>
      <c r="AA32917">
        <v>48</v>
      </c>
      <c r="AB32917">
        <v>49</v>
      </c>
      <c r="AC32917">
        <v>50</v>
      </c>
      <c r="AD32917">
        <v>50</v>
      </c>
      <c r="AE32917">
        <v>51</v>
      </c>
      <c r="AF32917">
        <v>51</v>
      </c>
      <c r="AG32917">
        <v>52</v>
      </c>
      <c r="AH32917">
        <v>52</v>
      </c>
      <c r="AI32917">
        <v>53</v>
      </c>
      <c r="AJ32917">
        <v>54</v>
      </c>
      <c r="AK32917">
        <v>54</v>
      </c>
      <c r="AL32917">
        <v>55</v>
      </c>
      <c r="AM32917">
        <v>55</v>
      </c>
      <c r="AN32917">
        <v>55</v>
      </c>
      <c r="AO32917">
        <v>55</v>
      </c>
      <c r="AP32917">
        <v>56</v>
      </c>
      <c r="AQ32917">
        <v>56</v>
      </c>
    </row>
    <row r="32918" spans="1:43">
      <c r="A32918" t="s">
        <v>20395</v>
      </c>
      <c r="B32918" t="s">
        <v>20396</v>
      </c>
      <c r="C32918" t="s">
        <v>20397</v>
      </c>
      <c r="D32918" t="s">
        <v>20398</v>
      </c>
      <c r="E32918" t="s">
        <v>20253</v>
      </c>
      <c r="F32918" t="s">
        <v>20254</v>
      </c>
      <c r="G32918" t="s">
        <v>20255</v>
      </c>
      <c r="H32918" t="s">
        <v>20256</v>
      </c>
      <c r="I32918" s="2">
        <v>1</v>
      </c>
      <c r="J32918" s="2">
        <v>0</v>
      </c>
      <c r="K32918" s="2">
        <v>0</v>
      </c>
      <c r="L32918" t="s">
        <v>120</v>
      </c>
      <c r="M32918" t="s">
        <v>83</v>
      </c>
      <c r="N32918" t="s">
        <v>84</v>
      </c>
      <c r="O32918" t="s">
        <v>85</v>
      </c>
      <c r="P32918" t="s">
        <v>86</v>
      </c>
      <c r="Q32918">
        <v>22</v>
      </c>
      <c r="R32918">
        <v>22</v>
      </c>
      <c r="S32918">
        <v>23</v>
      </c>
      <c r="T32918">
        <v>23</v>
      </c>
      <c r="U32918">
        <v>23</v>
      </c>
      <c r="V32918">
        <v>24</v>
      </c>
      <c r="W32918">
        <v>24</v>
      </c>
      <c r="X32918">
        <v>24</v>
      </c>
      <c r="Y32918">
        <v>24</v>
      </c>
      <c r="Z32918">
        <v>25</v>
      </c>
      <c r="AA32918">
        <v>25</v>
      </c>
      <c r="AB32918">
        <v>25</v>
      </c>
      <c r="AC32918">
        <v>26</v>
      </c>
      <c r="AD32918">
        <v>26</v>
      </c>
      <c r="AE32918">
        <v>26</v>
      </c>
      <c r="AF32918">
        <v>26</v>
      </c>
      <c r="AG32918">
        <v>27</v>
      </c>
      <c r="AH32918">
        <v>27</v>
      </c>
      <c r="AI32918">
        <v>27</v>
      </c>
      <c r="AJ32918">
        <v>27</v>
      </c>
      <c r="AK32918">
        <v>28</v>
      </c>
      <c r="AL32918">
        <v>28</v>
      </c>
      <c r="AM32918">
        <v>28</v>
      </c>
      <c r="AN32918">
        <v>28</v>
      </c>
      <c r="AO32918">
        <v>28</v>
      </c>
      <c r="AP32918">
        <v>28</v>
      </c>
      <c r="AQ32918">
        <v>28</v>
      </c>
    </row>
    <row r="32919" spans="1:43">
      <c r="A32919" t="s">
        <v>20395</v>
      </c>
      <c r="B32919" t="s">
        <v>20396</v>
      </c>
      <c r="C32919" t="s">
        <v>20397</v>
      </c>
      <c r="D32919" t="s">
        <v>20398</v>
      </c>
      <c r="E32919" t="s">
        <v>20253</v>
      </c>
      <c r="F32919" t="s">
        <v>20254</v>
      </c>
      <c r="G32919" t="s">
        <v>20255</v>
      </c>
      <c r="H32919" t="s">
        <v>20256</v>
      </c>
      <c r="I32919" s="2">
        <v>1</v>
      </c>
      <c r="J32919" s="2">
        <v>0</v>
      </c>
      <c r="K32919" s="2">
        <v>0</v>
      </c>
      <c r="L32919" t="s">
        <v>120</v>
      </c>
      <c r="M32919" t="s">
        <v>87</v>
      </c>
      <c r="N32919" t="s">
        <v>88</v>
      </c>
      <c r="O32919" t="s">
        <v>85</v>
      </c>
      <c r="P32919" t="s">
        <v>86</v>
      </c>
      <c r="Q32919">
        <v>22</v>
      </c>
      <c r="R32919">
        <v>22</v>
      </c>
      <c r="S32919">
        <v>22</v>
      </c>
      <c r="T32919">
        <v>22</v>
      </c>
      <c r="U32919">
        <v>22</v>
      </c>
      <c r="V32919">
        <v>22</v>
      </c>
      <c r="W32919">
        <v>22</v>
      </c>
      <c r="X32919">
        <v>23</v>
      </c>
      <c r="Y32919">
        <v>23</v>
      </c>
      <c r="Z32919">
        <v>23</v>
      </c>
      <c r="AA32919">
        <v>23</v>
      </c>
      <c r="AB32919">
        <v>23</v>
      </c>
      <c r="AC32919">
        <v>23</v>
      </c>
      <c r="AD32919">
        <v>23</v>
      </c>
      <c r="AE32919">
        <v>23</v>
      </c>
      <c r="AF32919">
        <v>23</v>
      </c>
      <c r="AG32919">
        <v>23</v>
      </c>
      <c r="AH32919">
        <v>24</v>
      </c>
      <c r="AI32919">
        <v>24</v>
      </c>
      <c r="AJ32919">
        <v>24</v>
      </c>
      <c r="AK32919">
        <v>24</v>
      </c>
      <c r="AL32919">
        <v>24</v>
      </c>
      <c r="AM32919">
        <v>24</v>
      </c>
      <c r="AN32919">
        <v>24</v>
      </c>
      <c r="AO32919">
        <v>24</v>
      </c>
      <c r="AP32919">
        <v>25</v>
      </c>
      <c r="AQ32919">
        <v>25</v>
      </c>
    </row>
    <row r="32920" spans="1:43">
      <c r="A32920" t="s">
        <v>20395</v>
      </c>
      <c r="B32920" t="s">
        <v>20396</v>
      </c>
      <c r="C32920" t="s">
        <v>20397</v>
      </c>
      <c r="D32920" t="s">
        <v>20398</v>
      </c>
      <c r="E32920" t="s">
        <v>20253</v>
      </c>
      <c r="F32920" t="s">
        <v>20254</v>
      </c>
      <c r="G32920" t="s">
        <v>20255</v>
      </c>
      <c r="H32920" t="s">
        <v>20256</v>
      </c>
      <c r="I32920" s="2">
        <v>1</v>
      </c>
      <c r="J32920" s="2">
        <v>0</v>
      </c>
      <c r="K32920" s="2">
        <v>0</v>
      </c>
      <c r="L32920" t="s">
        <v>120</v>
      </c>
      <c r="M32920" t="s">
        <v>89</v>
      </c>
      <c r="N32920" t="s">
        <v>90</v>
      </c>
      <c r="O32920" t="s">
        <v>85</v>
      </c>
      <c r="P32920" t="s">
        <v>86</v>
      </c>
      <c r="Q32920">
        <v>22</v>
      </c>
      <c r="R32920">
        <v>23</v>
      </c>
      <c r="S32920">
        <v>23</v>
      </c>
      <c r="T32920">
        <v>24</v>
      </c>
      <c r="U32920">
        <v>24</v>
      </c>
      <c r="V32920">
        <v>25</v>
      </c>
      <c r="W32920">
        <v>25</v>
      </c>
      <c r="X32920">
        <v>25</v>
      </c>
      <c r="Y32920">
        <v>26</v>
      </c>
      <c r="Z32920">
        <v>26</v>
      </c>
      <c r="AA32920">
        <v>27</v>
      </c>
      <c r="AB32920">
        <v>27</v>
      </c>
      <c r="AC32920">
        <v>27</v>
      </c>
      <c r="AD32920">
        <v>28</v>
      </c>
      <c r="AE32920">
        <v>28</v>
      </c>
      <c r="AF32920">
        <v>28</v>
      </c>
      <c r="AG32920">
        <v>28</v>
      </c>
      <c r="AH32920">
        <v>28</v>
      </c>
      <c r="AI32920">
        <v>28</v>
      </c>
      <c r="AJ32920">
        <v>28</v>
      </c>
      <c r="AK32920">
        <v>28</v>
      </c>
      <c r="AL32920">
        <v>28</v>
      </c>
      <c r="AM32920">
        <v>28</v>
      </c>
      <c r="AN32920">
        <v>28</v>
      </c>
      <c r="AO32920">
        <v>29</v>
      </c>
      <c r="AP32920">
        <v>29</v>
      </c>
      <c r="AQ32920">
        <v>29</v>
      </c>
    </row>
    <row r="32921" spans="1:43">
      <c r="A32921" t="s">
        <v>20395</v>
      </c>
      <c r="B32921" t="s">
        <v>20396</v>
      </c>
      <c r="C32921" t="s">
        <v>20397</v>
      </c>
      <c r="D32921" t="s">
        <v>20398</v>
      </c>
      <c r="E32921" t="s">
        <v>20253</v>
      </c>
      <c r="F32921" t="s">
        <v>20254</v>
      </c>
      <c r="G32921" t="s">
        <v>20255</v>
      </c>
      <c r="H32921" t="s">
        <v>20256</v>
      </c>
      <c r="I32921" s="2">
        <v>1</v>
      </c>
      <c r="J32921" s="2">
        <v>0</v>
      </c>
      <c r="K32921" s="2">
        <v>0</v>
      </c>
      <c r="L32921" t="s">
        <v>120</v>
      </c>
      <c r="M32921" t="s">
        <v>83</v>
      </c>
      <c r="N32921" t="s">
        <v>91</v>
      </c>
      <c r="O32921" t="s">
        <v>85</v>
      </c>
      <c r="P32921" t="s">
        <v>86</v>
      </c>
      <c r="Q32921">
        <v>22</v>
      </c>
      <c r="R32921">
        <v>22</v>
      </c>
      <c r="S32921">
        <v>23</v>
      </c>
      <c r="T32921">
        <v>23</v>
      </c>
      <c r="U32921">
        <v>23</v>
      </c>
      <c r="V32921">
        <v>24</v>
      </c>
      <c r="W32921">
        <v>24</v>
      </c>
      <c r="X32921">
        <v>24</v>
      </c>
      <c r="Y32921">
        <v>24</v>
      </c>
      <c r="Z32921">
        <v>25</v>
      </c>
      <c r="AA32921">
        <v>25</v>
      </c>
      <c r="AB32921">
        <v>25</v>
      </c>
      <c r="AC32921">
        <v>26</v>
      </c>
      <c r="AD32921">
        <v>26</v>
      </c>
      <c r="AE32921">
        <v>26</v>
      </c>
      <c r="AF32921">
        <v>26</v>
      </c>
      <c r="AG32921">
        <v>27</v>
      </c>
      <c r="AH32921">
        <v>27</v>
      </c>
      <c r="AI32921">
        <v>27</v>
      </c>
      <c r="AJ32921">
        <v>27</v>
      </c>
      <c r="AK32921">
        <v>28</v>
      </c>
      <c r="AL32921">
        <v>28</v>
      </c>
      <c r="AM32921">
        <v>28</v>
      </c>
      <c r="AN32921">
        <v>28</v>
      </c>
      <c r="AO32921">
        <v>28</v>
      </c>
      <c r="AP32921">
        <v>28</v>
      </c>
      <c r="AQ32921">
        <v>28</v>
      </c>
    </row>
    <row r="32922" spans="1:43">
      <c r="A32922" t="s">
        <v>20399</v>
      </c>
      <c r="B32922" t="s">
        <v>20400</v>
      </c>
      <c r="C32922" t="s">
        <v>20397</v>
      </c>
      <c r="D32922" t="s">
        <v>20398</v>
      </c>
      <c r="E32922" t="s">
        <v>20253</v>
      </c>
      <c r="F32922" t="s">
        <v>20254</v>
      </c>
      <c r="G32922" t="s">
        <v>20255</v>
      </c>
      <c r="H32922" t="s">
        <v>20256</v>
      </c>
      <c r="I32922" s="2">
        <v>1</v>
      </c>
      <c r="J32922" s="2">
        <v>0</v>
      </c>
      <c r="K32922" s="2">
        <v>0</v>
      </c>
      <c r="L32922" t="s">
        <v>120</v>
      </c>
      <c r="M32922" t="s">
        <v>83</v>
      </c>
      <c r="N32922" t="s">
        <v>84</v>
      </c>
      <c r="O32922" t="s">
        <v>85</v>
      </c>
      <c r="P32922" t="s">
        <v>86</v>
      </c>
      <c r="Q32922">
        <v>23</v>
      </c>
      <c r="R32922">
        <v>23</v>
      </c>
      <c r="S32922">
        <v>23</v>
      </c>
      <c r="T32922">
        <v>24</v>
      </c>
      <c r="U32922">
        <v>24</v>
      </c>
      <c r="V32922">
        <v>24</v>
      </c>
      <c r="W32922">
        <v>24</v>
      </c>
      <c r="X32922">
        <v>25</v>
      </c>
      <c r="Y32922">
        <v>25</v>
      </c>
      <c r="Z32922">
        <v>25</v>
      </c>
      <c r="AA32922">
        <v>25</v>
      </c>
      <c r="AB32922">
        <v>26</v>
      </c>
      <c r="AC32922">
        <v>26</v>
      </c>
      <c r="AD32922">
        <v>26</v>
      </c>
      <c r="AE32922">
        <v>27</v>
      </c>
      <c r="AF32922">
        <v>27</v>
      </c>
      <c r="AG32922">
        <v>27</v>
      </c>
      <c r="AH32922">
        <v>27</v>
      </c>
      <c r="AI32922">
        <v>28</v>
      </c>
      <c r="AJ32922">
        <v>28</v>
      </c>
      <c r="AK32922">
        <v>28</v>
      </c>
      <c r="AL32922">
        <v>28</v>
      </c>
      <c r="AM32922">
        <v>29</v>
      </c>
      <c r="AN32922">
        <v>29</v>
      </c>
      <c r="AO32922">
        <v>29</v>
      </c>
      <c r="AP32922">
        <v>29</v>
      </c>
      <c r="AQ32922">
        <v>29</v>
      </c>
    </row>
    <row r="32923" spans="1:43">
      <c r="A32923" t="s">
        <v>20399</v>
      </c>
      <c r="B32923" t="s">
        <v>20400</v>
      </c>
      <c r="C32923" t="s">
        <v>20397</v>
      </c>
      <c r="D32923" t="s">
        <v>20398</v>
      </c>
      <c r="E32923" t="s">
        <v>20253</v>
      </c>
      <c r="F32923" t="s">
        <v>20254</v>
      </c>
      <c r="G32923" t="s">
        <v>20255</v>
      </c>
      <c r="H32923" t="s">
        <v>20256</v>
      </c>
      <c r="I32923" s="2">
        <v>1</v>
      </c>
      <c r="J32923" s="2">
        <v>0</v>
      </c>
      <c r="K32923" s="2">
        <v>0</v>
      </c>
      <c r="L32923" t="s">
        <v>120</v>
      </c>
      <c r="M32923" t="s">
        <v>87</v>
      </c>
      <c r="N32923" t="s">
        <v>88</v>
      </c>
      <c r="O32923" t="s">
        <v>85</v>
      </c>
      <c r="P32923" t="s">
        <v>86</v>
      </c>
      <c r="Q32923">
        <v>23</v>
      </c>
      <c r="R32923">
        <v>23</v>
      </c>
      <c r="S32923">
        <v>24</v>
      </c>
      <c r="T32923">
        <v>24</v>
      </c>
      <c r="U32923">
        <v>24</v>
      </c>
      <c r="V32923">
        <v>24</v>
      </c>
      <c r="W32923">
        <v>24</v>
      </c>
      <c r="X32923">
        <v>24</v>
      </c>
      <c r="Y32923">
        <v>24</v>
      </c>
      <c r="Z32923">
        <v>24</v>
      </c>
      <c r="AA32923">
        <v>24</v>
      </c>
      <c r="AB32923">
        <v>24</v>
      </c>
      <c r="AC32923">
        <v>24</v>
      </c>
      <c r="AD32923">
        <v>25</v>
      </c>
      <c r="AE32923">
        <v>25</v>
      </c>
      <c r="AF32923">
        <v>25</v>
      </c>
      <c r="AG32923">
        <v>25</v>
      </c>
      <c r="AH32923">
        <v>25</v>
      </c>
      <c r="AI32923">
        <v>25</v>
      </c>
      <c r="AJ32923">
        <v>25</v>
      </c>
      <c r="AK32923">
        <v>25</v>
      </c>
      <c r="AL32923">
        <v>26</v>
      </c>
      <c r="AM32923">
        <v>26</v>
      </c>
      <c r="AN32923">
        <v>26</v>
      </c>
      <c r="AO32923">
        <v>26</v>
      </c>
      <c r="AP32923">
        <v>26</v>
      </c>
      <c r="AQ32923">
        <v>26</v>
      </c>
    </row>
    <row r="32924" spans="1:43">
      <c r="A32924" t="s">
        <v>20399</v>
      </c>
      <c r="B32924" t="s">
        <v>20400</v>
      </c>
      <c r="C32924" t="s">
        <v>20397</v>
      </c>
      <c r="D32924" t="s">
        <v>20398</v>
      </c>
      <c r="E32924" t="s">
        <v>20253</v>
      </c>
      <c r="F32924" t="s">
        <v>20254</v>
      </c>
      <c r="G32924" t="s">
        <v>20255</v>
      </c>
      <c r="H32924" t="s">
        <v>20256</v>
      </c>
      <c r="I32924" s="2">
        <v>1</v>
      </c>
      <c r="J32924" s="2">
        <v>0</v>
      </c>
      <c r="K32924" s="2">
        <v>0</v>
      </c>
      <c r="L32924" t="s">
        <v>120</v>
      </c>
      <c r="M32924" t="s">
        <v>89</v>
      </c>
      <c r="N32924" t="s">
        <v>90</v>
      </c>
      <c r="O32924" t="s">
        <v>85</v>
      </c>
      <c r="P32924" t="s">
        <v>86</v>
      </c>
      <c r="Q32924">
        <v>23</v>
      </c>
      <c r="R32924">
        <v>23</v>
      </c>
      <c r="S32924">
        <v>24</v>
      </c>
      <c r="T32924">
        <v>24</v>
      </c>
      <c r="U32924">
        <v>25</v>
      </c>
      <c r="V32924">
        <v>25</v>
      </c>
      <c r="W32924">
        <v>26</v>
      </c>
      <c r="X32924">
        <v>26</v>
      </c>
      <c r="Y32924">
        <v>26</v>
      </c>
      <c r="Z32924">
        <v>27</v>
      </c>
      <c r="AA32924">
        <v>27</v>
      </c>
      <c r="AB32924">
        <v>27</v>
      </c>
      <c r="AC32924">
        <v>28</v>
      </c>
      <c r="AD32924">
        <v>28</v>
      </c>
      <c r="AE32924">
        <v>28</v>
      </c>
      <c r="AF32924">
        <v>28</v>
      </c>
      <c r="AG32924">
        <v>28</v>
      </c>
      <c r="AH32924">
        <v>29</v>
      </c>
      <c r="AI32924">
        <v>29</v>
      </c>
      <c r="AJ32924">
        <v>29</v>
      </c>
      <c r="AK32924">
        <v>29</v>
      </c>
      <c r="AL32924">
        <v>29</v>
      </c>
      <c r="AM32924">
        <v>29</v>
      </c>
      <c r="AN32924">
        <v>29</v>
      </c>
      <c r="AO32924">
        <v>29</v>
      </c>
      <c r="AP32924">
        <v>29</v>
      </c>
      <c r="AQ32924">
        <v>29</v>
      </c>
    </row>
    <row r="32925" spans="1:43">
      <c r="A32925" t="s">
        <v>20399</v>
      </c>
      <c r="B32925" t="s">
        <v>20400</v>
      </c>
      <c r="C32925" t="s">
        <v>20397</v>
      </c>
      <c r="D32925" t="s">
        <v>20398</v>
      </c>
      <c r="E32925" t="s">
        <v>20253</v>
      </c>
      <c r="F32925" t="s">
        <v>20254</v>
      </c>
      <c r="G32925" t="s">
        <v>20255</v>
      </c>
      <c r="H32925" t="s">
        <v>20256</v>
      </c>
      <c r="I32925" s="2">
        <v>1</v>
      </c>
      <c r="J32925" s="2">
        <v>0</v>
      </c>
      <c r="K32925" s="2">
        <v>0</v>
      </c>
      <c r="L32925" t="s">
        <v>120</v>
      </c>
      <c r="M32925" t="s">
        <v>83</v>
      </c>
      <c r="N32925" t="s">
        <v>91</v>
      </c>
      <c r="O32925" t="s">
        <v>85</v>
      </c>
      <c r="P32925" t="s">
        <v>86</v>
      </c>
      <c r="Q32925">
        <v>23</v>
      </c>
      <c r="R32925">
        <v>23</v>
      </c>
      <c r="S32925">
        <v>23</v>
      </c>
      <c r="T32925">
        <v>24</v>
      </c>
      <c r="U32925">
        <v>24</v>
      </c>
      <c r="V32925">
        <v>24</v>
      </c>
      <c r="W32925">
        <v>24</v>
      </c>
      <c r="X32925">
        <v>25</v>
      </c>
      <c r="Y32925">
        <v>25</v>
      </c>
      <c r="Z32925">
        <v>25</v>
      </c>
      <c r="AA32925">
        <v>25</v>
      </c>
      <c r="AB32925">
        <v>26</v>
      </c>
      <c r="AC32925">
        <v>26</v>
      </c>
      <c r="AD32925">
        <v>26</v>
      </c>
      <c r="AE32925">
        <v>27</v>
      </c>
      <c r="AF32925">
        <v>27</v>
      </c>
      <c r="AG32925">
        <v>27</v>
      </c>
      <c r="AH32925">
        <v>27</v>
      </c>
      <c r="AI32925">
        <v>28</v>
      </c>
      <c r="AJ32925">
        <v>28</v>
      </c>
      <c r="AK32925">
        <v>28</v>
      </c>
      <c r="AL32925">
        <v>28</v>
      </c>
      <c r="AM32925">
        <v>29</v>
      </c>
      <c r="AN32925">
        <v>29</v>
      </c>
      <c r="AO32925">
        <v>29</v>
      </c>
      <c r="AP32925">
        <v>29</v>
      </c>
      <c r="AQ32925">
        <v>29</v>
      </c>
    </row>
    <row r="32926" spans="1:43">
      <c r="A32926" t="s">
        <v>20401</v>
      </c>
      <c r="B32926" t="s">
        <v>20402</v>
      </c>
      <c r="C32926" t="s">
        <v>20397</v>
      </c>
      <c r="D32926" t="s">
        <v>20398</v>
      </c>
      <c r="E32926" t="s">
        <v>20253</v>
      </c>
      <c r="F32926" t="s">
        <v>20254</v>
      </c>
      <c r="G32926" t="s">
        <v>20255</v>
      </c>
      <c r="H32926" t="s">
        <v>20256</v>
      </c>
      <c r="I32926" s="2">
        <v>1</v>
      </c>
      <c r="J32926" s="2">
        <v>0</v>
      </c>
      <c r="K32926" s="2">
        <v>0</v>
      </c>
      <c r="L32926" t="s">
        <v>120</v>
      </c>
      <c r="M32926" t="s">
        <v>83</v>
      </c>
      <c r="N32926" t="s">
        <v>84</v>
      </c>
      <c r="O32926" t="s">
        <v>85</v>
      </c>
      <c r="P32926" t="s">
        <v>86</v>
      </c>
      <c r="Q32926">
        <v>22</v>
      </c>
      <c r="R32926">
        <v>22</v>
      </c>
      <c r="S32926">
        <v>22</v>
      </c>
      <c r="T32926">
        <v>23</v>
      </c>
      <c r="U32926">
        <v>23</v>
      </c>
      <c r="V32926">
        <v>23</v>
      </c>
      <c r="W32926">
        <v>23</v>
      </c>
      <c r="X32926">
        <v>24</v>
      </c>
      <c r="Y32926">
        <v>24</v>
      </c>
      <c r="Z32926">
        <v>24</v>
      </c>
      <c r="AA32926">
        <v>25</v>
      </c>
      <c r="AB32926">
        <v>25</v>
      </c>
      <c r="AC32926">
        <v>25</v>
      </c>
      <c r="AD32926">
        <v>25</v>
      </c>
      <c r="AE32926">
        <v>26</v>
      </c>
      <c r="AF32926">
        <v>26</v>
      </c>
      <c r="AG32926">
        <v>26</v>
      </c>
      <c r="AH32926">
        <v>26</v>
      </c>
      <c r="AI32926">
        <v>27</v>
      </c>
      <c r="AJ32926">
        <v>27</v>
      </c>
      <c r="AK32926">
        <v>27</v>
      </c>
      <c r="AL32926">
        <v>27</v>
      </c>
      <c r="AM32926">
        <v>27</v>
      </c>
      <c r="AN32926">
        <v>28</v>
      </c>
      <c r="AO32926">
        <v>28</v>
      </c>
      <c r="AP32926">
        <v>28</v>
      </c>
      <c r="AQ32926">
        <v>28</v>
      </c>
    </row>
    <row r="32927" spans="1:43">
      <c r="A32927" t="s">
        <v>20401</v>
      </c>
      <c r="B32927" t="s">
        <v>20402</v>
      </c>
      <c r="C32927" t="s">
        <v>20397</v>
      </c>
      <c r="D32927" t="s">
        <v>20398</v>
      </c>
      <c r="E32927" t="s">
        <v>20253</v>
      </c>
      <c r="F32927" t="s">
        <v>20254</v>
      </c>
      <c r="G32927" t="s">
        <v>20255</v>
      </c>
      <c r="H32927" t="s">
        <v>20256</v>
      </c>
      <c r="I32927" s="2">
        <v>1</v>
      </c>
      <c r="J32927" s="2">
        <v>0</v>
      </c>
      <c r="K32927" s="2">
        <v>0</v>
      </c>
      <c r="L32927" t="s">
        <v>120</v>
      </c>
      <c r="M32927" t="s">
        <v>87</v>
      </c>
      <c r="N32927" t="s">
        <v>88</v>
      </c>
      <c r="O32927" t="s">
        <v>85</v>
      </c>
      <c r="P32927" t="s">
        <v>86</v>
      </c>
      <c r="Q32927">
        <v>22</v>
      </c>
      <c r="R32927">
        <v>22</v>
      </c>
      <c r="S32927">
        <v>22</v>
      </c>
      <c r="T32927">
        <v>22</v>
      </c>
      <c r="U32927">
        <v>22</v>
      </c>
      <c r="V32927">
        <v>22</v>
      </c>
      <c r="W32927">
        <v>22</v>
      </c>
      <c r="X32927">
        <v>22</v>
      </c>
      <c r="Y32927">
        <v>22</v>
      </c>
      <c r="Z32927">
        <v>22</v>
      </c>
      <c r="AA32927">
        <v>22</v>
      </c>
      <c r="AB32927">
        <v>22</v>
      </c>
      <c r="AC32927">
        <v>23</v>
      </c>
      <c r="AD32927">
        <v>23</v>
      </c>
      <c r="AE32927">
        <v>23</v>
      </c>
      <c r="AF32927">
        <v>23</v>
      </c>
      <c r="AG32927">
        <v>23</v>
      </c>
      <c r="AH32927">
        <v>23</v>
      </c>
      <c r="AI32927">
        <v>23</v>
      </c>
      <c r="AJ32927">
        <v>23</v>
      </c>
      <c r="AK32927">
        <v>23</v>
      </c>
      <c r="AL32927">
        <v>24</v>
      </c>
      <c r="AM32927">
        <v>24</v>
      </c>
      <c r="AN32927">
        <v>24</v>
      </c>
      <c r="AO32927">
        <v>24</v>
      </c>
      <c r="AP32927">
        <v>24</v>
      </c>
      <c r="AQ32927">
        <v>24</v>
      </c>
    </row>
    <row r="32928" spans="1:43">
      <c r="A32928" t="s">
        <v>20401</v>
      </c>
      <c r="B32928" t="s">
        <v>20402</v>
      </c>
      <c r="C32928" t="s">
        <v>20397</v>
      </c>
      <c r="D32928" t="s">
        <v>20398</v>
      </c>
      <c r="E32928" t="s">
        <v>20253</v>
      </c>
      <c r="F32928" t="s">
        <v>20254</v>
      </c>
      <c r="G32928" t="s">
        <v>20255</v>
      </c>
      <c r="H32928" t="s">
        <v>20256</v>
      </c>
      <c r="I32928" s="2">
        <v>1</v>
      </c>
      <c r="J32928" s="2">
        <v>0</v>
      </c>
      <c r="K32928" s="2">
        <v>0</v>
      </c>
      <c r="L32928" t="s">
        <v>120</v>
      </c>
      <c r="M32928" t="s">
        <v>89</v>
      </c>
      <c r="N32928" t="s">
        <v>90</v>
      </c>
      <c r="O32928" t="s">
        <v>85</v>
      </c>
      <c r="P32928" t="s">
        <v>86</v>
      </c>
      <c r="Q32928">
        <v>22</v>
      </c>
      <c r="R32928">
        <v>22</v>
      </c>
      <c r="S32928">
        <v>23</v>
      </c>
      <c r="T32928">
        <v>23</v>
      </c>
      <c r="U32928">
        <v>24</v>
      </c>
      <c r="V32928">
        <v>24</v>
      </c>
      <c r="W32928">
        <v>25</v>
      </c>
      <c r="X32928">
        <v>25</v>
      </c>
      <c r="Y32928">
        <v>25</v>
      </c>
      <c r="Z32928">
        <v>26</v>
      </c>
      <c r="AA32928">
        <v>26</v>
      </c>
      <c r="AB32928">
        <v>26</v>
      </c>
      <c r="AC32928">
        <v>27</v>
      </c>
      <c r="AD32928">
        <v>27</v>
      </c>
      <c r="AE32928">
        <v>27</v>
      </c>
      <c r="AF32928">
        <v>27</v>
      </c>
      <c r="AG32928">
        <v>27</v>
      </c>
      <c r="AH32928">
        <v>27</v>
      </c>
      <c r="AI32928">
        <v>28</v>
      </c>
      <c r="AJ32928">
        <v>28</v>
      </c>
      <c r="AK32928">
        <v>28</v>
      </c>
      <c r="AL32928">
        <v>28</v>
      </c>
      <c r="AM32928">
        <v>28</v>
      </c>
      <c r="AN32928">
        <v>28</v>
      </c>
      <c r="AO32928">
        <v>28</v>
      </c>
      <c r="AP32928">
        <v>28</v>
      </c>
      <c r="AQ32928">
        <v>28</v>
      </c>
    </row>
    <row r="32929" spans="1:43">
      <c r="A32929" t="s">
        <v>20401</v>
      </c>
      <c r="B32929" t="s">
        <v>20402</v>
      </c>
      <c r="C32929" t="s">
        <v>20397</v>
      </c>
      <c r="D32929" t="s">
        <v>20398</v>
      </c>
      <c r="E32929" t="s">
        <v>20253</v>
      </c>
      <c r="F32929" t="s">
        <v>20254</v>
      </c>
      <c r="G32929" t="s">
        <v>20255</v>
      </c>
      <c r="H32929" t="s">
        <v>20256</v>
      </c>
      <c r="I32929" s="2">
        <v>1</v>
      </c>
      <c r="J32929" s="2">
        <v>0</v>
      </c>
      <c r="K32929" s="2">
        <v>0</v>
      </c>
      <c r="L32929" t="s">
        <v>120</v>
      </c>
      <c r="M32929" t="s">
        <v>83</v>
      </c>
      <c r="N32929" t="s">
        <v>91</v>
      </c>
      <c r="O32929" t="s">
        <v>85</v>
      </c>
      <c r="P32929" t="s">
        <v>86</v>
      </c>
      <c r="Q32929">
        <v>22</v>
      </c>
      <c r="R32929">
        <v>22</v>
      </c>
      <c r="S32929">
        <v>22</v>
      </c>
      <c r="T32929">
        <v>23</v>
      </c>
      <c r="U32929">
        <v>23</v>
      </c>
      <c r="V32929">
        <v>23</v>
      </c>
      <c r="W32929">
        <v>23</v>
      </c>
      <c r="X32929">
        <v>24</v>
      </c>
      <c r="Y32929">
        <v>24</v>
      </c>
      <c r="Z32929">
        <v>24</v>
      </c>
      <c r="AA32929">
        <v>25</v>
      </c>
      <c r="AB32929">
        <v>25</v>
      </c>
      <c r="AC32929">
        <v>25</v>
      </c>
      <c r="AD32929">
        <v>25</v>
      </c>
      <c r="AE32929">
        <v>26</v>
      </c>
      <c r="AF32929">
        <v>26</v>
      </c>
      <c r="AG32929">
        <v>26</v>
      </c>
      <c r="AH32929">
        <v>26</v>
      </c>
      <c r="AI32929">
        <v>27</v>
      </c>
      <c r="AJ32929">
        <v>27</v>
      </c>
      <c r="AK32929">
        <v>27</v>
      </c>
      <c r="AL32929">
        <v>27</v>
      </c>
      <c r="AM32929">
        <v>27</v>
      </c>
      <c r="AN32929">
        <v>28</v>
      </c>
      <c r="AO32929">
        <v>28</v>
      </c>
      <c r="AP32929">
        <v>28</v>
      </c>
      <c r="AQ32929">
        <v>28</v>
      </c>
    </row>
    <row r="32930" spans="1:43">
      <c r="A32930" t="s">
        <v>20403</v>
      </c>
      <c r="B32930" t="s">
        <v>20404</v>
      </c>
      <c r="C32930" t="s">
        <v>20299</v>
      </c>
      <c r="D32930" t="s">
        <v>20300</v>
      </c>
      <c r="E32930" t="s">
        <v>20253</v>
      </c>
      <c r="F32930" t="s">
        <v>20254</v>
      </c>
      <c r="G32930" t="s">
        <v>20255</v>
      </c>
      <c r="H32930" t="s">
        <v>20256</v>
      </c>
      <c r="I32930" s="2">
        <v>1</v>
      </c>
      <c r="J32930" s="2">
        <v>0</v>
      </c>
      <c r="K32930" s="2">
        <v>0</v>
      </c>
      <c r="L32930" t="s">
        <v>120</v>
      </c>
      <c r="M32930" t="s">
        <v>83</v>
      </c>
      <c r="N32930" t="s">
        <v>84</v>
      </c>
      <c r="O32930" t="s">
        <v>85</v>
      </c>
      <c r="P32930" t="s">
        <v>86</v>
      </c>
      <c r="Q32930">
        <v>22</v>
      </c>
      <c r="R32930">
        <v>23</v>
      </c>
      <c r="S32930">
        <v>23</v>
      </c>
      <c r="T32930">
        <v>23</v>
      </c>
      <c r="U32930">
        <v>23</v>
      </c>
      <c r="V32930">
        <v>24</v>
      </c>
      <c r="W32930">
        <v>24</v>
      </c>
      <c r="X32930">
        <v>24</v>
      </c>
      <c r="Y32930">
        <v>24</v>
      </c>
      <c r="Z32930">
        <v>25</v>
      </c>
      <c r="AA32930">
        <v>25</v>
      </c>
      <c r="AB32930">
        <v>25</v>
      </c>
      <c r="AC32930">
        <v>25</v>
      </c>
      <c r="AD32930">
        <v>25</v>
      </c>
      <c r="AE32930">
        <v>26</v>
      </c>
      <c r="AF32930">
        <v>26</v>
      </c>
      <c r="AG32930">
        <v>26</v>
      </c>
      <c r="AH32930">
        <v>26</v>
      </c>
      <c r="AI32930">
        <v>27</v>
      </c>
      <c r="AJ32930">
        <v>27</v>
      </c>
      <c r="AK32930">
        <v>27</v>
      </c>
      <c r="AL32930">
        <v>27</v>
      </c>
      <c r="AM32930">
        <v>27</v>
      </c>
      <c r="AN32930">
        <v>27</v>
      </c>
      <c r="AO32930">
        <v>27</v>
      </c>
      <c r="AP32930">
        <v>27</v>
      </c>
      <c r="AQ32930">
        <v>28</v>
      </c>
    </row>
    <row r="32931" spans="1:43">
      <c r="A32931" t="s">
        <v>20403</v>
      </c>
      <c r="B32931" t="s">
        <v>20404</v>
      </c>
      <c r="C32931" t="s">
        <v>20299</v>
      </c>
      <c r="D32931" t="s">
        <v>20300</v>
      </c>
      <c r="E32931" t="s">
        <v>20253</v>
      </c>
      <c r="F32931" t="s">
        <v>20254</v>
      </c>
      <c r="G32931" t="s">
        <v>20255</v>
      </c>
      <c r="H32931" t="s">
        <v>20256</v>
      </c>
      <c r="I32931" s="2">
        <v>1</v>
      </c>
      <c r="J32931" s="2">
        <v>0</v>
      </c>
      <c r="K32931" s="2">
        <v>0</v>
      </c>
      <c r="L32931" t="s">
        <v>120</v>
      </c>
      <c r="M32931" t="s">
        <v>87</v>
      </c>
      <c r="N32931" t="s">
        <v>88</v>
      </c>
      <c r="O32931" t="s">
        <v>85</v>
      </c>
      <c r="P32931" t="s">
        <v>86</v>
      </c>
      <c r="Q32931">
        <v>22</v>
      </c>
      <c r="R32931">
        <v>22</v>
      </c>
      <c r="S32931">
        <v>22</v>
      </c>
      <c r="T32931">
        <v>22</v>
      </c>
      <c r="U32931">
        <v>22</v>
      </c>
      <c r="V32931">
        <v>22</v>
      </c>
      <c r="W32931">
        <v>22</v>
      </c>
      <c r="X32931">
        <v>22</v>
      </c>
      <c r="Y32931">
        <v>23</v>
      </c>
      <c r="Z32931">
        <v>23</v>
      </c>
      <c r="AA32931">
        <v>23</v>
      </c>
      <c r="AB32931">
        <v>23</v>
      </c>
      <c r="AC32931">
        <v>23</v>
      </c>
      <c r="AD32931">
        <v>23</v>
      </c>
      <c r="AE32931">
        <v>23</v>
      </c>
      <c r="AF32931">
        <v>23</v>
      </c>
      <c r="AG32931">
        <v>23</v>
      </c>
      <c r="AH32931">
        <v>23</v>
      </c>
      <c r="AI32931">
        <v>23</v>
      </c>
      <c r="AJ32931">
        <v>23</v>
      </c>
      <c r="AK32931">
        <v>23</v>
      </c>
      <c r="AL32931">
        <v>23</v>
      </c>
      <c r="AM32931">
        <v>23</v>
      </c>
      <c r="AN32931">
        <v>23</v>
      </c>
      <c r="AO32931">
        <v>24</v>
      </c>
      <c r="AP32931">
        <v>24</v>
      </c>
      <c r="AQ32931">
        <v>24</v>
      </c>
    </row>
    <row r="32932" spans="1:43">
      <c r="A32932" t="s">
        <v>20403</v>
      </c>
      <c r="B32932" t="s">
        <v>20404</v>
      </c>
      <c r="C32932" t="s">
        <v>20299</v>
      </c>
      <c r="D32932" t="s">
        <v>20300</v>
      </c>
      <c r="E32932" t="s">
        <v>20253</v>
      </c>
      <c r="F32932" t="s">
        <v>20254</v>
      </c>
      <c r="G32932" t="s">
        <v>20255</v>
      </c>
      <c r="H32932" t="s">
        <v>20256</v>
      </c>
      <c r="I32932" s="2">
        <v>1</v>
      </c>
      <c r="J32932" s="2">
        <v>0</v>
      </c>
      <c r="K32932" s="2">
        <v>0</v>
      </c>
      <c r="L32932" t="s">
        <v>120</v>
      </c>
      <c r="M32932" t="s">
        <v>89</v>
      </c>
      <c r="N32932" t="s">
        <v>90</v>
      </c>
      <c r="O32932" t="s">
        <v>85</v>
      </c>
      <c r="P32932" t="s">
        <v>86</v>
      </c>
      <c r="Q32932">
        <v>22</v>
      </c>
      <c r="R32932">
        <v>22</v>
      </c>
      <c r="S32932">
        <v>22</v>
      </c>
      <c r="T32932">
        <v>23</v>
      </c>
      <c r="U32932">
        <v>23</v>
      </c>
      <c r="V32932">
        <v>24</v>
      </c>
      <c r="W32932">
        <v>24</v>
      </c>
      <c r="X32932">
        <v>24</v>
      </c>
      <c r="Y32932">
        <v>25</v>
      </c>
      <c r="Z32932">
        <v>25</v>
      </c>
      <c r="AA32932">
        <v>25</v>
      </c>
      <c r="AB32932">
        <v>26</v>
      </c>
      <c r="AC32932">
        <v>26</v>
      </c>
      <c r="AD32932">
        <v>26</v>
      </c>
      <c r="AE32932">
        <v>27</v>
      </c>
      <c r="AF32932">
        <v>27</v>
      </c>
      <c r="AG32932">
        <v>27</v>
      </c>
      <c r="AH32932">
        <v>27</v>
      </c>
      <c r="AI32932">
        <v>27</v>
      </c>
      <c r="AJ32932">
        <v>27</v>
      </c>
      <c r="AK32932">
        <v>27</v>
      </c>
      <c r="AL32932">
        <v>27</v>
      </c>
      <c r="AM32932">
        <v>27</v>
      </c>
      <c r="AN32932">
        <v>27</v>
      </c>
      <c r="AO32932">
        <v>27</v>
      </c>
      <c r="AP32932">
        <v>27</v>
      </c>
      <c r="AQ32932">
        <v>27</v>
      </c>
    </row>
    <row r="32933" spans="1:43">
      <c r="A32933" t="s">
        <v>20403</v>
      </c>
      <c r="B32933" t="s">
        <v>20404</v>
      </c>
      <c r="C32933" t="s">
        <v>20299</v>
      </c>
      <c r="D32933" t="s">
        <v>20300</v>
      </c>
      <c r="E32933" t="s">
        <v>20253</v>
      </c>
      <c r="F32933" t="s">
        <v>20254</v>
      </c>
      <c r="G32933" t="s">
        <v>20255</v>
      </c>
      <c r="H32933" t="s">
        <v>20256</v>
      </c>
      <c r="I32933" s="2">
        <v>1</v>
      </c>
      <c r="J32933" s="2">
        <v>0</v>
      </c>
      <c r="K32933" s="2">
        <v>0</v>
      </c>
      <c r="L32933" t="s">
        <v>120</v>
      </c>
      <c r="M32933" t="s">
        <v>83</v>
      </c>
      <c r="N32933" t="s">
        <v>91</v>
      </c>
      <c r="O32933" t="s">
        <v>85</v>
      </c>
      <c r="P32933" t="s">
        <v>86</v>
      </c>
      <c r="Q32933">
        <v>22</v>
      </c>
      <c r="R32933">
        <v>23</v>
      </c>
      <c r="S32933">
        <v>23</v>
      </c>
      <c r="T32933">
        <v>23</v>
      </c>
      <c r="U32933">
        <v>23</v>
      </c>
      <c r="V32933">
        <v>24</v>
      </c>
      <c r="W32933">
        <v>24</v>
      </c>
      <c r="X32933">
        <v>24</v>
      </c>
      <c r="Y32933">
        <v>24</v>
      </c>
      <c r="Z32933">
        <v>25</v>
      </c>
      <c r="AA32933">
        <v>25</v>
      </c>
      <c r="AB32933">
        <v>25</v>
      </c>
      <c r="AC32933">
        <v>25</v>
      </c>
      <c r="AD32933">
        <v>25</v>
      </c>
      <c r="AE32933">
        <v>26</v>
      </c>
      <c r="AF32933">
        <v>26</v>
      </c>
      <c r="AG32933">
        <v>26</v>
      </c>
      <c r="AH32933">
        <v>26</v>
      </c>
      <c r="AI32933">
        <v>27</v>
      </c>
      <c r="AJ32933">
        <v>27</v>
      </c>
      <c r="AK32933">
        <v>27</v>
      </c>
      <c r="AL32933">
        <v>27</v>
      </c>
      <c r="AM32933">
        <v>27</v>
      </c>
      <c r="AN32933">
        <v>27</v>
      </c>
      <c r="AO32933">
        <v>27</v>
      </c>
      <c r="AP32933">
        <v>27</v>
      </c>
      <c r="AQ32933">
        <v>28</v>
      </c>
    </row>
    <row r="32934" spans="1:43">
      <c r="A32934" t="s">
        <v>20405</v>
      </c>
      <c r="B32934" t="s">
        <v>20406</v>
      </c>
      <c r="C32934" t="s">
        <v>20397</v>
      </c>
      <c r="D32934" t="s">
        <v>20398</v>
      </c>
      <c r="E32934" t="s">
        <v>20253</v>
      </c>
      <c r="F32934" t="s">
        <v>20254</v>
      </c>
      <c r="G32934" t="s">
        <v>20255</v>
      </c>
      <c r="H32934" t="s">
        <v>20256</v>
      </c>
      <c r="I32934" s="2">
        <v>1</v>
      </c>
      <c r="J32934" s="2">
        <v>0</v>
      </c>
      <c r="K32934" s="2">
        <v>0</v>
      </c>
      <c r="L32934" t="s">
        <v>120</v>
      </c>
      <c r="M32934" t="s">
        <v>83</v>
      </c>
      <c r="N32934" t="s">
        <v>84</v>
      </c>
      <c r="O32934" t="s">
        <v>85</v>
      </c>
      <c r="P32934" t="s">
        <v>86</v>
      </c>
      <c r="Q32934">
        <v>31</v>
      </c>
      <c r="R32934">
        <v>31</v>
      </c>
      <c r="S32934">
        <v>32</v>
      </c>
      <c r="T32934">
        <v>32</v>
      </c>
      <c r="U32934">
        <v>32</v>
      </c>
      <c r="V32934">
        <v>33</v>
      </c>
      <c r="W32934">
        <v>33</v>
      </c>
      <c r="X32934">
        <v>34</v>
      </c>
      <c r="Y32934">
        <v>34</v>
      </c>
      <c r="Z32934">
        <v>34</v>
      </c>
      <c r="AA32934">
        <v>35</v>
      </c>
      <c r="AB32934">
        <v>35</v>
      </c>
      <c r="AC32934">
        <v>36</v>
      </c>
      <c r="AD32934">
        <v>36</v>
      </c>
      <c r="AE32934">
        <v>36</v>
      </c>
      <c r="AF32934">
        <v>37</v>
      </c>
      <c r="AG32934">
        <v>37</v>
      </c>
      <c r="AH32934">
        <v>38</v>
      </c>
      <c r="AI32934">
        <v>38</v>
      </c>
      <c r="AJ32934">
        <v>39</v>
      </c>
      <c r="AK32934">
        <v>39</v>
      </c>
      <c r="AL32934">
        <v>39</v>
      </c>
      <c r="AM32934">
        <v>39</v>
      </c>
      <c r="AN32934">
        <v>40</v>
      </c>
      <c r="AO32934">
        <v>40</v>
      </c>
      <c r="AP32934">
        <v>40</v>
      </c>
      <c r="AQ32934">
        <v>40</v>
      </c>
    </row>
    <row r="32935" spans="1:43">
      <c r="A32935" t="s">
        <v>20405</v>
      </c>
      <c r="B32935" t="s">
        <v>20406</v>
      </c>
      <c r="C32935" t="s">
        <v>20397</v>
      </c>
      <c r="D32935" t="s">
        <v>20398</v>
      </c>
      <c r="E32935" t="s">
        <v>20253</v>
      </c>
      <c r="F32935" t="s">
        <v>20254</v>
      </c>
      <c r="G32935" t="s">
        <v>20255</v>
      </c>
      <c r="H32935" t="s">
        <v>20256</v>
      </c>
      <c r="I32935" s="2">
        <v>1</v>
      </c>
      <c r="J32935" s="2">
        <v>0</v>
      </c>
      <c r="K32935" s="2">
        <v>0</v>
      </c>
      <c r="L32935" t="s">
        <v>120</v>
      </c>
      <c r="M32935" t="s">
        <v>87</v>
      </c>
      <c r="N32935" t="s">
        <v>88</v>
      </c>
      <c r="O32935" t="s">
        <v>85</v>
      </c>
      <c r="P32935" t="s">
        <v>86</v>
      </c>
      <c r="Q32935">
        <v>31</v>
      </c>
      <c r="R32935">
        <v>32</v>
      </c>
      <c r="S32935">
        <v>32</v>
      </c>
      <c r="T32935">
        <v>32</v>
      </c>
      <c r="U32935">
        <v>32</v>
      </c>
      <c r="V32935">
        <v>32</v>
      </c>
      <c r="W32935">
        <v>32</v>
      </c>
      <c r="X32935">
        <v>32</v>
      </c>
      <c r="Y32935">
        <v>32</v>
      </c>
      <c r="Z32935">
        <v>33</v>
      </c>
      <c r="AA32935">
        <v>33</v>
      </c>
      <c r="AB32935">
        <v>33</v>
      </c>
      <c r="AC32935">
        <v>33</v>
      </c>
      <c r="AD32935">
        <v>33</v>
      </c>
      <c r="AE32935">
        <v>33</v>
      </c>
      <c r="AF32935">
        <v>34</v>
      </c>
      <c r="AG32935">
        <v>34</v>
      </c>
      <c r="AH32935">
        <v>34</v>
      </c>
      <c r="AI32935">
        <v>34</v>
      </c>
      <c r="AJ32935">
        <v>34</v>
      </c>
      <c r="AK32935">
        <v>34</v>
      </c>
      <c r="AL32935">
        <v>35</v>
      </c>
      <c r="AM32935">
        <v>35</v>
      </c>
      <c r="AN32935">
        <v>35</v>
      </c>
      <c r="AO32935">
        <v>35</v>
      </c>
      <c r="AP32935">
        <v>36</v>
      </c>
      <c r="AQ32935">
        <v>36</v>
      </c>
    </row>
    <row r="32936" spans="1:43">
      <c r="A32936" t="s">
        <v>20405</v>
      </c>
      <c r="B32936" t="s">
        <v>20406</v>
      </c>
      <c r="C32936" t="s">
        <v>20397</v>
      </c>
      <c r="D32936" t="s">
        <v>20398</v>
      </c>
      <c r="E32936" t="s">
        <v>20253</v>
      </c>
      <c r="F32936" t="s">
        <v>20254</v>
      </c>
      <c r="G32936" t="s">
        <v>20255</v>
      </c>
      <c r="H32936" t="s">
        <v>20256</v>
      </c>
      <c r="I32936" s="2">
        <v>1</v>
      </c>
      <c r="J32936" s="2">
        <v>0</v>
      </c>
      <c r="K32936" s="2">
        <v>0</v>
      </c>
      <c r="L32936" t="s">
        <v>120</v>
      </c>
      <c r="M32936" t="s">
        <v>89</v>
      </c>
      <c r="N32936" t="s">
        <v>90</v>
      </c>
      <c r="O32936" t="s">
        <v>85</v>
      </c>
      <c r="P32936" t="s">
        <v>86</v>
      </c>
      <c r="Q32936">
        <v>31</v>
      </c>
      <c r="R32936">
        <v>32</v>
      </c>
      <c r="S32936">
        <v>32</v>
      </c>
      <c r="T32936">
        <v>33</v>
      </c>
      <c r="U32936">
        <v>34</v>
      </c>
      <c r="V32936">
        <v>34</v>
      </c>
      <c r="W32936">
        <v>35</v>
      </c>
      <c r="X32936">
        <v>35</v>
      </c>
      <c r="Y32936">
        <v>36</v>
      </c>
      <c r="Z32936">
        <v>36</v>
      </c>
      <c r="AA32936">
        <v>37</v>
      </c>
      <c r="AB32936">
        <v>37</v>
      </c>
      <c r="AC32936">
        <v>38</v>
      </c>
      <c r="AD32936">
        <v>39</v>
      </c>
      <c r="AE32936">
        <v>39</v>
      </c>
      <c r="AF32936">
        <v>39</v>
      </c>
      <c r="AG32936">
        <v>39</v>
      </c>
      <c r="AH32936">
        <v>39</v>
      </c>
      <c r="AI32936">
        <v>39</v>
      </c>
      <c r="AJ32936">
        <v>40</v>
      </c>
      <c r="AK32936">
        <v>40</v>
      </c>
      <c r="AL32936">
        <v>40</v>
      </c>
      <c r="AM32936">
        <v>40</v>
      </c>
      <c r="AN32936">
        <v>40</v>
      </c>
      <c r="AO32936">
        <v>40</v>
      </c>
      <c r="AP32936">
        <v>41</v>
      </c>
      <c r="AQ32936">
        <v>41</v>
      </c>
    </row>
    <row r="32937" spans="1:43">
      <c r="A32937" t="s">
        <v>20405</v>
      </c>
      <c r="B32937" t="s">
        <v>20406</v>
      </c>
      <c r="C32937" t="s">
        <v>20397</v>
      </c>
      <c r="D32937" t="s">
        <v>20398</v>
      </c>
      <c r="E32937" t="s">
        <v>20253</v>
      </c>
      <c r="F32937" t="s">
        <v>20254</v>
      </c>
      <c r="G32937" t="s">
        <v>20255</v>
      </c>
      <c r="H32937" t="s">
        <v>20256</v>
      </c>
      <c r="I32937" s="2">
        <v>1</v>
      </c>
      <c r="J32937" s="2">
        <v>0</v>
      </c>
      <c r="K32937" s="2">
        <v>0</v>
      </c>
      <c r="L32937" t="s">
        <v>120</v>
      </c>
      <c r="M32937" t="s">
        <v>83</v>
      </c>
      <c r="N32937" t="s">
        <v>91</v>
      </c>
      <c r="O32937" t="s">
        <v>85</v>
      </c>
      <c r="P32937" t="s">
        <v>86</v>
      </c>
      <c r="Q32937">
        <v>31</v>
      </c>
      <c r="R32937">
        <v>31</v>
      </c>
      <c r="S32937">
        <v>32</v>
      </c>
      <c r="T32937">
        <v>32</v>
      </c>
      <c r="U32937">
        <v>32</v>
      </c>
      <c r="V32937">
        <v>33</v>
      </c>
      <c r="W32937">
        <v>33</v>
      </c>
      <c r="X32937">
        <v>34</v>
      </c>
      <c r="Y32937">
        <v>34</v>
      </c>
      <c r="Z32937">
        <v>34</v>
      </c>
      <c r="AA32937">
        <v>35</v>
      </c>
      <c r="AB32937">
        <v>35</v>
      </c>
      <c r="AC32937">
        <v>36</v>
      </c>
      <c r="AD32937">
        <v>36</v>
      </c>
      <c r="AE32937">
        <v>36</v>
      </c>
      <c r="AF32937">
        <v>37</v>
      </c>
      <c r="AG32937">
        <v>37</v>
      </c>
      <c r="AH32937">
        <v>38</v>
      </c>
      <c r="AI32937">
        <v>38</v>
      </c>
      <c r="AJ32937">
        <v>39</v>
      </c>
      <c r="AK32937">
        <v>39</v>
      </c>
      <c r="AL32937">
        <v>39</v>
      </c>
      <c r="AM32937">
        <v>39</v>
      </c>
      <c r="AN32937">
        <v>40</v>
      </c>
      <c r="AO32937">
        <v>40</v>
      </c>
      <c r="AP32937">
        <v>40</v>
      </c>
      <c r="AQ32937">
        <v>40</v>
      </c>
    </row>
    <row r="32938" spans="1:43">
      <c r="A32938" t="s">
        <v>20407</v>
      </c>
      <c r="B32938" t="s">
        <v>20408</v>
      </c>
      <c r="C32938" t="s">
        <v>20397</v>
      </c>
      <c r="D32938" t="s">
        <v>20398</v>
      </c>
      <c r="E32938" t="s">
        <v>20253</v>
      </c>
      <c r="F32938" t="s">
        <v>20254</v>
      </c>
      <c r="G32938" t="s">
        <v>20255</v>
      </c>
      <c r="H32938" t="s">
        <v>20256</v>
      </c>
      <c r="I32938" s="2">
        <v>1</v>
      </c>
      <c r="J32938" s="2">
        <v>0</v>
      </c>
      <c r="K32938" s="2">
        <v>0</v>
      </c>
      <c r="L32938" t="s">
        <v>120</v>
      </c>
      <c r="M32938" t="s">
        <v>83</v>
      </c>
      <c r="N32938" t="s">
        <v>84</v>
      </c>
      <c r="O32938" t="s">
        <v>85</v>
      </c>
      <c r="P32938" t="s">
        <v>86</v>
      </c>
      <c r="Q32938">
        <v>45</v>
      </c>
      <c r="R32938">
        <v>45</v>
      </c>
      <c r="S32938">
        <v>46</v>
      </c>
      <c r="T32938">
        <v>46</v>
      </c>
      <c r="U32938">
        <v>47</v>
      </c>
      <c r="V32938">
        <v>47</v>
      </c>
      <c r="W32938">
        <v>48</v>
      </c>
      <c r="X32938">
        <v>48</v>
      </c>
      <c r="Y32938">
        <v>49</v>
      </c>
      <c r="Z32938">
        <v>49</v>
      </c>
      <c r="AA32938">
        <v>50</v>
      </c>
      <c r="AB32938">
        <v>51</v>
      </c>
      <c r="AC32938">
        <v>51</v>
      </c>
      <c r="AD32938">
        <v>52</v>
      </c>
      <c r="AE32938">
        <v>52</v>
      </c>
      <c r="AF32938">
        <v>53</v>
      </c>
      <c r="AG32938">
        <v>53</v>
      </c>
      <c r="AH32938">
        <v>54</v>
      </c>
      <c r="AI32938">
        <v>54</v>
      </c>
      <c r="AJ32938">
        <v>55</v>
      </c>
      <c r="AK32938">
        <v>56</v>
      </c>
      <c r="AL32938">
        <v>56</v>
      </c>
      <c r="AM32938">
        <v>56</v>
      </c>
      <c r="AN32938">
        <v>56</v>
      </c>
      <c r="AO32938">
        <v>56</v>
      </c>
      <c r="AP32938">
        <v>56</v>
      </c>
      <c r="AQ32938">
        <v>57</v>
      </c>
    </row>
    <row r="32939" spans="1:43">
      <c r="A32939" t="s">
        <v>20407</v>
      </c>
      <c r="B32939" t="s">
        <v>20408</v>
      </c>
      <c r="C32939" t="s">
        <v>20397</v>
      </c>
      <c r="D32939" t="s">
        <v>20398</v>
      </c>
      <c r="E32939" t="s">
        <v>20253</v>
      </c>
      <c r="F32939" t="s">
        <v>20254</v>
      </c>
      <c r="G32939" t="s">
        <v>20255</v>
      </c>
      <c r="H32939" t="s">
        <v>20256</v>
      </c>
      <c r="I32939" s="2">
        <v>1</v>
      </c>
      <c r="J32939" s="2">
        <v>0</v>
      </c>
      <c r="K32939" s="2">
        <v>0</v>
      </c>
      <c r="L32939" t="s">
        <v>120</v>
      </c>
      <c r="M32939" t="s">
        <v>87</v>
      </c>
      <c r="N32939" t="s">
        <v>88</v>
      </c>
      <c r="O32939" t="s">
        <v>85</v>
      </c>
      <c r="P32939" t="s">
        <v>86</v>
      </c>
      <c r="Q32939">
        <v>45</v>
      </c>
      <c r="R32939">
        <v>45</v>
      </c>
      <c r="S32939">
        <v>46</v>
      </c>
      <c r="T32939">
        <v>46</v>
      </c>
      <c r="U32939">
        <v>46</v>
      </c>
      <c r="V32939">
        <v>46</v>
      </c>
      <c r="W32939">
        <v>46</v>
      </c>
      <c r="X32939">
        <v>46</v>
      </c>
      <c r="Y32939">
        <v>46</v>
      </c>
      <c r="Z32939">
        <v>46</v>
      </c>
      <c r="AA32939">
        <v>47</v>
      </c>
      <c r="AB32939">
        <v>47</v>
      </c>
      <c r="AC32939">
        <v>47</v>
      </c>
      <c r="AD32939">
        <v>47</v>
      </c>
      <c r="AE32939">
        <v>47</v>
      </c>
      <c r="AF32939">
        <v>47</v>
      </c>
      <c r="AG32939">
        <v>48</v>
      </c>
      <c r="AH32939">
        <v>48</v>
      </c>
      <c r="AI32939">
        <v>48</v>
      </c>
      <c r="AJ32939">
        <v>48</v>
      </c>
      <c r="AK32939">
        <v>48</v>
      </c>
      <c r="AL32939">
        <v>49</v>
      </c>
      <c r="AM32939">
        <v>49</v>
      </c>
      <c r="AN32939">
        <v>49</v>
      </c>
      <c r="AO32939">
        <v>49</v>
      </c>
      <c r="AP32939">
        <v>50</v>
      </c>
      <c r="AQ32939">
        <v>50</v>
      </c>
    </row>
    <row r="32940" spans="1:43">
      <c r="A32940" t="s">
        <v>20407</v>
      </c>
      <c r="B32940" t="s">
        <v>20408</v>
      </c>
      <c r="C32940" t="s">
        <v>20397</v>
      </c>
      <c r="D32940" t="s">
        <v>20398</v>
      </c>
      <c r="E32940" t="s">
        <v>20253</v>
      </c>
      <c r="F32940" t="s">
        <v>20254</v>
      </c>
      <c r="G32940" t="s">
        <v>20255</v>
      </c>
      <c r="H32940" t="s">
        <v>20256</v>
      </c>
      <c r="I32940" s="2">
        <v>1</v>
      </c>
      <c r="J32940" s="2">
        <v>0</v>
      </c>
      <c r="K32940" s="2">
        <v>0</v>
      </c>
      <c r="L32940" t="s">
        <v>120</v>
      </c>
      <c r="M32940" t="s">
        <v>89</v>
      </c>
      <c r="N32940" t="s">
        <v>90</v>
      </c>
      <c r="O32940" t="s">
        <v>85</v>
      </c>
      <c r="P32940" t="s">
        <v>86</v>
      </c>
      <c r="Q32940">
        <v>45</v>
      </c>
      <c r="R32940">
        <v>46</v>
      </c>
      <c r="S32940">
        <v>47</v>
      </c>
      <c r="T32940">
        <v>48</v>
      </c>
      <c r="U32940">
        <v>49</v>
      </c>
      <c r="V32940">
        <v>49</v>
      </c>
      <c r="W32940">
        <v>50</v>
      </c>
      <c r="X32940">
        <v>51</v>
      </c>
      <c r="Y32940">
        <v>52</v>
      </c>
      <c r="Z32940">
        <v>53</v>
      </c>
      <c r="AA32940">
        <v>53</v>
      </c>
      <c r="AB32940">
        <v>54</v>
      </c>
      <c r="AC32940">
        <v>55</v>
      </c>
      <c r="AD32940">
        <v>55</v>
      </c>
      <c r="AE32940">
        <v>56</v>
      </c>
      <c r="AF32940">
        <v>56</v>
      </c>
      <c r="AG32940">
        <v>56</v>
      </c>
      <c r="AH32940">
        <v>56</v>
      </c>
      <c r="AI32940">
        <v>56</v>
      </c>
      <c r="AJ32940">
        <v>56</v>
      </c>
      <c r="AK32940">
        <v>56</v>
      </c>
      <c r="AL32940">
        <v>57</v>
      </c>
      <c r="AM32940">
        <v>57</v>
      </c>
      <c r="AN32940">
        <v>57</v>
      </c>
      <c r="AO32940">
        <v>57</v>
      </c>
      <c r="AP32940">
        <v>57</v>
      </c>
      <c r="AQ32940">
        <v>57</v>
      </c>
    </row>
    <row r="32941" spans="1:43">
      <c r="A32941" t="s">
        <v>20407</v>
      </c>
      <c r="B32941" t="s">
        <v>20408</v>
      </c>
      <c r="C32941" t="s">
        <v>20397</v>
      </c>
      <c r="D32941" t="s">
        <v>20398</v>
      </c>
      <c r="E32941" t="s">
        <v>20253</v>
      </c>
      <c r="F32941" t="s">
        <v>20254</v>
      </c>
      <c r="G32941" t="s">
        <v>20255</v>
      </c>
      <c r="H32941" t="s">
        <v>20256</v>
      </c>
      <c r="I32941" s="2">
        <v>1</v>
      </c>
      <c r="J32941" s="2">
        <v>0</v>
      </c>
      <c r="K32941" s="2">
        <v>0</v>
      </c>
      <c r="L32941" t="s">
        <v>120</v>
      </c>
      <c r="M32941" t="s">
        <v>83</v>
      </c>
      <c r="N32941" t="s">
        <v>91</v>
      </c>
      <c r="O32941" t="s">
        <v>85</v>
      </c>
      <c r="P32941" t="s">
        <v>86</v>
      </c>
      <c r="Q32941">
        <v>45</v>
      </c>
      <c r="R32941">
        <v>45</v>
      </c>
      <c r="S32941">
        <v>46</v>
      </c>
      <c r="T32941">
        <v>46</v>
      </c>
      <c r="U32941">
        <v>47</v>
      </c>
      <c r="V32941">
        <v>47</v>
      </c>
      <c r="W32941">
        <v>48</v>
      </c>
      <c r="X32941">
        <v>48</v>
      </c>
      <c r="Y32941">
        <v>49</v>
      </c>
      <c r="Z32941">
        <v>49</v>
      </c>
      <c r="AA32941">
        <v>50</v>
      </c>
      <c r="AB32941">
        <v>51</v>
      </c>
      <c r="AC32941">
        <v>51</v>
      </c>
      <c r="AD32941">
        <v>52</v>
      </c>
      <c r="AE32941">
        <v>52</v>
      </c>
      <c r="AF32941">
        <v>53</v>
      </c>
      <c r="AG32941">
        <v>53</v>
      </c>
      <c r="AH32941">
        <v>54</v>
      </c>
      <c r="AI32941">
        <v>54</v>
      </c>
      <c r="AJ32941">
        <v>55</v>
      </c>
      <c r="AK32941">
        <v>56</v>
      </c>
      <c r="AL32941">
        <v>56</v>
      </c>
      <c r="AM32941">
        <v>56</v>
      </c>
      <c r="AN32941">
        <v>56</v>
      </c>
      <c r="AO32941">
        <v>56</v>
      </c>
      <c r="AP32941">
        <v>56</v>
      </c>
      <c r="AQ32941">
        <v>57</v>
      </c>
    </row>
    <row r="32942" spans="1:43">
      <c r="A32942" t="s">
        <v>20409</v>
      </c>
      <c r="B32942" t="s">
        <v>20410</v>
      </c>
      <c r="C32942" t="s">
        <v>20411</v>
      </c>
      <c r="D32942" t="s">
        <v>20412</v>
      </c>
      <c r="E32942" t="s">
        <v>20253</v>
      </c>
      <c r="F32942" t="s">
        <v>20254</v>
      </c>
      <c r="G32942" t="s">
        <v>20255</v>
      </c>
      <c r="H32942" t="s">
        <v>20256</v>
      </c>
      <c r="I32942" s="2">
        <v>1</v>
      </c>
      <c r="J32942" s="2">
        <v>0</v>
      </c>
      <c r="K32942" s="2">
        <v>0</v>
      </c>
      <c r="L32942" t="s">
        <v>120</v>
      </c>
      <c r="M32942" t="s">
        <v>83</v>
      </c>
      <c r="N32942" t="s">
        <v>84</v>
      </c>
      <c r="O32942" t="s">
        <v>85</v>
      </c>
      <c r="P32942" t="s">
        <v>86</v>
      </c>
      <c r="Q32942">
        <v>19</v>
      </c>
      <c r="R32942">
        <v>19</v>
      </c>
      <c r="S32942">
        <v>19</v>
      </c>
      <c r="T32942">
        <v>20</v>
      </c>
      <c r="U32942">
        <v>20</v>
      </c>
      <c r="V32942">
        <v>20</v>
      </c>
      <c r="W32942">
        <v>20</v>
      </c>
      <c r="X32942">
        <v>21</v>
      </c>
      <c r="Y32942">
        <v>21</v>
      </c>
      <c r="Z32942">
        <v>21</v>
      </c>
      <c r="AA32942">
        <v>21</v>
      </c>
      <c r="AB32942">
        <v>22</v>
      </c>
      <c r="AC32942">
        <v>22</v>
      </c>
      <c r="AD32942">
        <v>22</v>
      </c>
      <c r="AE32942">
        <v>22</v>
      </c>
      <c r="AF32942">
        <v>23</v>
      </c>
      <c r="AG32942">
        <v>23</v>
      </c>
      <c r="AH32942">
        <v>23</v>
      </c>
      <c r="AI32942">
        <v>24</v>
      </c>
      <c r="AJ32942">
        <v>24</v>
      </c>
      <c r="AK32942">
        <v>24</v>
      </c>
      <c r="AL32942">
        <v>24</v>
      </c>
      <c r="AM32942">
        <v>24</v>
      </c>
      <c r="AN32942">
        <v>24</v>
      </c>
      <c r="AO32942">
        <v>25</v>
      </c>
      <c r="AP32942">
        <v>25</v>
      </c>
      <c r="AQ32942">
        <v>25</v>
      </c>
    </row>
    <row r="32943" spans="1:43">
      <c r="A32943" t="s">
        <v>20409</v>
      </c>
      <c r="B32943" t="s">
        <v>20410</v>
      </c>
      <c r="C32943" t="s">
        <v>20411</v>
      </c>
      <c r="D32943" t="s">
        <v>20412</v>
      </c>
      <c r="E32943" t="s">
        <v>20253</v>
      </c>
      <c r="F32943" t="s">
        <v>20254</v>
      </c>
      <c r="G32943" t="s">
        <v>20255</v>
      </c>
      <c r="H32943" t="s">
        <v>20256</v>
      </c>
      <c r="I32943" s="2">
        <v>1</v>
      </c>
      <c r="J32943" s="2">
        <v>0</v>
      </c>
      <c r="K32943" s="2">
        <v>0</v>
      </c>
      <c r="L32943" t="s">
        <v>120</v>
      </c>
      <c r="M32943" t="s">
        <v>87</v>
      </c>
      <c r="N32943" t="s">
        <v>88</v>
      </c>
      <c r="O32943" t="s">
        <v>85</v>
      </c>
      <c r="P32943" t="s">
        <v>86</v>
      </c>
      <c r="Q32943">
        <v>19</v>
      </c>
      <c r="R32943">
        <v>19</v>
      </c>
      <c r="S32943">
        <v>19</v>
      </c>
      <c r="T32943">
        <v>19</v>
      </c>
      <c r="U32943">
        <v>19</v>
      </c>
      <c r="V32943">
        <v>19</v>
      </c>
      <c r="W32943">
        <v>19</v>
      </c>
      <c r="X32943">
        <v>19</v>
      </c>
      <c r="Y32943">
        <v>19</v>
      </c>
      <c r="Z32943">
        <v>20</v>
      </c>
      <c r="AA32943">
        <v>20</v>
      </c>
      <c r="AB32943">
        <v>20</v>
      </c>
      <c r="AC32943">
        <v>20</v>
      </c>
      <c r="AD32943">
        <v>20</v>
      </c>
      <c r="AE32943">
        <v>20</v>
      </c>
      <c r="AF32943">
        <v>20</v>
      </c>
      <c r="AG32943">
        <v>20</v>
      </c>
      <c r="AH32943">
        <v>20</v>
      </c>
      <c r="AI32943">
        <v>20</v>
      </c>
      <c r="AJ32943">
        <v>20</v>
      </c>
      <c r="AK32943">
        <v>21</v>
      </c>
      <c r="AL32943">
        <v>21</v>
      </c>
      <c r="AM32943">
        <v>21</v>
      </c>
      <c r="AN32943">
        <v>21</v>
      </c>
      <c r="AO32943">
        <v>21</v>
      </c>
      <c r="AP32943">
        <v>21</v>
      </c>
      <c r="AQ32943">
        <v>21</v>
      </c>
    </row>
    <row r="32944" spans="1:43">
      <c r="A32944" t="s">
        <v>20409</v>
      </c>
      <c r="B32944" t="s">
        <v>20410</v>
      </c>
      <c r="C32944" t="s">
        <v>20411</v>
      </c>
      <c r="D32944" t="s">
        <v>20412</v>
      </c>
      <c r="E32944" t="s">
        <v>20253</v>
      </c>
      <c r="F32944" t="s">
        <v>20254</v>
      </c>
      <c r="G32944" t="s">
        <v>20255</v>
      </c>
      <c r="H32944" t="s">
        <v>20256</v>
      </c>
      <c r="I32944" s="2">
        <v>1</v>
      </c>
      <c r="J32944" s="2">
        <v>0</v>
      </c>
      <c r="K32944" s="2">
        <v>0</v>
      </c>
      <c r="L32944" t="s">
        <v>120</v>
      </c>
      <c r="M32944" t="s">
        <v>89</v>
      </c>
      <c r="N32944" t="s">
        <v>90</v>
      </c>
      <c r="O32944" t="s">
        <v>85</v>
      </c>
      <c r="P32944" t="s">
        <v>86</v>
      </c>
      <c r="Q32944">
        <v>19</v>
      </c>
      <c r="R32944">
        <v>20</v>
      </c>
      <c r="S32944">
        <v>20</v>
      </c>
      <c r="T32944">
        <v>20</v>
      </c>
      <c r="U32944">
        <v>21</v>
      </c>
      <c r="V32944">
        <v>21</v>
      </c>
      <c r="W32944">
        <v>21</v>
      </c>
      <c r="X32944">
        <v>22</v>
      </c>
      <c r="Y32944">
        <v>22</v>
      </c>
      <c r="Z32944">
        <v>22</v>
      </c>
      <c r="AA32944">
        <v>23</v>
      </c>
      <c r="AB32944">
        <v>23</v>
      </c>
      <c r="AC32944">
        <v>23</v>
      </c>
      <c r="AD32944">
        <v>24</v>
      </c>
      <c r="AE32944">
        <v>24</v>
      </c>
      <c r="AF32944">
        <v>24</v>
      </c>
      <c r="AG32944">
        <v>24</v>
      </c>
      <c r="AH32944">
        <v>24</v>
      </c>
      <c r="AI32944">
        <v>24</v>
      </c>
      <c r="AJ32944">
        <v>24</v>
      </c>
      <c r="AK32944">
        <v>24</v>
      </c>
      <c r="AL32944">
        <v>25</v>
      </c>
      <c r="AM32944">
        <v>25</v>
      </c>
      <c r="AN32944">
        <v>25</v>
      </c>
      <c r="AO32944">
        <v>25</v>
      </c>
      <c r="AP32944">
        <v>25</v>
      </c>
      <c r="AQ32944">
        <v>25</v>
      </c>
    </row>
    <row r="32945" spans="1:43">
      <c r="A32945" t="s">
        <v>20409</v>
      </c>
      <c r="B32945" t="s">
        <v>20410</v>
      </c>
      <c r="C32945" t="s">
        <v>20411</v>
      </c>
      <c r="D32945" t="s">
        <v>20412</v>
      </c>
      <c r="E32945" t="s">
        <v>20253</v>
      </c>
      <c r="F32945" t="s">
        <v>20254</v>
      </c>
      <c r="G32945" t="s">
        <v>20255</v>
      </c>
      <c r="H32945" t="s">
        <v>20256</v>
      </c>
      <c r="I32945" s="2">
        <v>1</v>
      </c>
      <c r="J32945" s="2">
        <v>0</v>
      </c>
      <c r="K32945" s="2">
        <v>0</v>
      </c>
      <c r="L32945" t="s">
        <v>120</v>
      </c>
      <c r="M32945" t="s">
        <v>83</v>
      </c>
      <c r="N32945" t="s">
        <v>91</v>
      </c>
      <c r="O32945" t="s">
        <v>85</v>
      </c>
      <c r="P32945" t="s">
        <v>86</v>
      </c>
      <c r="Q32945">
        <v>19</v>
      </c>
      <c r="R32945">
        <v>19</v>
      </c>
      <c r="S32945">
        <v>19</v>
      </c>
      <c r="T32945">
        <v>20</v>
      </c>
      <c r="U32945">
        <v>20</v>
      </c>
      <c r="V32945">
        <v>20</v>
      </c>
      <c r="W32945">
        <v>20</v>
      </c>
      <c r="X32945">
        <v>21</v>
      </c>
      <c r="Y32945">
        <v>21</v>
      </c>
      <c r="Z32945">
        <v>21</v>
      </c>
      <c r="AA32945">
        <v>21</v>
      </c>
      <c r="AB32945">
        <v>22</v>
      </c>
      <c r="AC32945">
        <v>22</v>
      </c>
      <c r="AD32945">
        <v>22</v>
      </c>
      <c r="AE32945">
        <v>22</v>
      </c>
      <c r="AF32945">
        <v>23</v>
      </c>
      <c r="AG32945">
        <v>23</v>
      </c>
      <c r="AH32945">
        <v>23</v>
      </c>
      <c r="AI32945">
        <v>24</v>
      </c>
      <c r="AJ32945">
        <v>24</v>
      </c>
      <c r="AK32945">
        <v>24</v>
      </c>
      <c r="AL32945">
        <v>24</v>
      </c>
      <c r="AM32945">
        <v>24</v>
      </c>
      <c r="AN32945">
        <v>24</v>
      </c>
      <c r="AO32945">
        <v>25</v>
      </c>
      <c r="AP32945">
        <v>25</v>
      </c>
      <c r="AQ32945">
        <v>25</v>
      </c>
    </row>
    <row r="32946" spans="1:43">
      <c r="A32946" t="s">
        <v>20413</v>
      </c>
      <c r="B32946" t="s">
        <v>20414</v>
      </c>
      <c r="C32946" t="s">
        <v>20411</v>
      </c>
      <c r="D32946" t="s">
        <v>20412</v>
      </c>
      <c r="E32946" t="s">
        <v>20253</v>
      </c>
      <c r="F32946" t="s">
        <v>20254</v>
      </c>
      <c r="G32946" t="s">
        <v>20255</v>
      </c>
      <c r="H32946" t="s">
        <v>20256</v>
      </c>
      <c r="I32946" s="2">
        <v>1</v>
      </c>
      <c r="J32946" s="2">
        <v>0</v>
      </c>
      <c r="K32946" s="2">
        <v>0</v>
      </c>
      <c r="L32946" t="s">
        <v>120</v>
      </c>
      <c r="M32946" t="s">
        <v>83</v>
      </c>
      <c r="N32946" t="s">
        <v>84</v>
      </c>
      <c r="O32946" t="s">
        <v>85</v>
      </c>
      <c r="P32946" t="s">
        <v>86</v>
      </c>
      <c r="Q32946">
        <v>39</v>
      </c>
      <c r="R32946">
        <v>40</v>
      </c>
      <c r="S32946">
        <v>40</v>
      </c>
      <c r="T32946">
        <v>41</v>
      </c>
      <c r="U32946">
        <v>41</v>
      </c>
      <c r="V32946">
        <v>42</v>
      </c>
      <c r="W32946">
        <v>42</v>
      </c>
      <c r="X32946">
        <v>43</v>
      </c>
      <c r="Y32946">
        <v>43</v>
      </c>
      <c r="Z32946">
        <v>44</v>
      </c>
      <c r="AA32946">
        <v>44</v>
      </c>
      <c r="AB32946">
        <v>45</v>
      </c>
      <c r="AC32946">
        <v>45</v>
      </c>
      <c r="AD32946">
        <v>46</v>
      </c>
      <c r="AE32946">
        <v>46</v>
      </c>
      <c r="AF32946">
        <v>47</v>
      </c>
      <c r="AG32946">
        <v>47</v>
      </c>
      <c r="AH32946">
        <v>48</v>
      </c>
      <c r="AI32946">
        <v>49</v>
      </c>
      <c r="AJ32946">
        <v>49</v>
      </c>
      <c r="AK32946">
        <v>50</v>
      </c>
      <c r="AL32946">
        <v>50</v>
      </c>
      <c r="AM32946">
        <v>50</v>
      </c>
      <c r="AN32946">
        <v>50</v>
      </c>
      <c r="AO32946">
        <v>51</v>
      </c>
      <c r="AP32946">
        <v>51</v>
      </c>
      <c r="AQ32946">
        <v>51</v>
      </c>
    </row>
    <row r="32947" spans="1:43">
      <c r="A32947" t="s">
        <v>20413</v>
      </c>
      <c r="B32947" t="s">
        <v>20414</v>
      </c>
      <c r="C32947" t="s">
        <v>20411</v>
      </c>
      <c r="D32947" t="s">
        <v>20412</v>
      </c>
      <c r="E32947" t="s">
        <v>20253</v>
      </c>
      <c r="F32947" t="s">
        <v>20254</v>
      </c>
      <c r="G32947" t="s">
        <v>20255</v>
      </c>
      <c r="H32947" t="s">
        <v>20256</v>
      </c>
      <c r="I32947" s="2">
        <v>1</v>
      </c>
      <c r="J32947" s="2">
        <v>0</v>
      </c>
      <c r="K32947" s="2">
        <v>0</v>
      </c>
      <c r="L32947" t="s">
        <v>120</v>
      </c>
      <c r="M32947" t="s">
        <v>87</v>
      </c>
      <c r="N32947" t="s">
        <v>88</v>
      </c>
      <c r="O32947" t="s">
        <v>85</v>
      </c>
      <c r="P32947" t="s">
        <v>86</v>
      </c>
      <c r="Q32947">
        <v>39</v>
      </c>
      <c r="R32947">
        <v>39</v>
      </c>
      <c r="S32947">
        <v>39</v>
      </c>
      <c r="T32947">
        <v>39</v>
      </c>
      <c r="U32947">
        <v>39</v>
      </c>
      <c r="V32947">
        <v>40</v>
      </c>
      <c r="W32947">
        <v>40</v>
      </c>
      <c r="X32947">
        <v>40</v>
      </c>
      <c r="Y32947">
        <v>40</v>
      </c>
      <c r="Z32947">
        <v>40</v>
      </c>
      <c r="AA32947">
        <v>40</v>
      </c>
      <c r="AB32947">
        <v>41</v>
      </c>
      <c r="AC32947">
        <v>41</v>
      </c>
      <c r="AD32947">
        <v>41</v>
      </c>
      <c r="AE32947">
        <v>41</v>
      </c>
      <c r="AF32947">
        <v>41</v>
      </c>
      <c r="AG32947">
        <v>42</v>
      </c>
      <c r="AH32947">
        <v>42</v>
      </c>
      <c r="AI32947">
        <v>42</v>
      </c>
      <c r="AJ32947">
        <v>42</v>
      </c>
      <c r="AK32947">
        <v>43</v>
      </c>
      <c r="AL32947">
        <v>43</v>
      </c>
      <c r="AM32947">
        <v>43</v>
      </c>
      <c r="AN32947">
        <v>43</v>
      </c>
      <c r="AO32947">
        <v>44</v>
      </c>
      <c r="AP32947">
        <v>44</v>
      </c>
      <c r="AQ32947">
        <v>44</v>
      </c>
    </row>
    <row r="32948" spans="1:43">
      <c r="A32948" t="s">
        <v>20413</v>
      </c>
      <c r="B32948" t="s">
        <v>20414</v>
      </c>
      <c r="C32948" t="s">
        <v>20411</v>
      </c>
      <c r="D32948" t="s">
        <v>20412</v>
      </c>
      <c r="E32948" t="s">
        <v>20253</v>
      </c>
      <c r="F32948" t="s">
        <v>20254</v>
      </c>
      <c r="G32948" t="s">
        <v>20255</v>
      </c>
      <c r="H32948" t="s">
        <v>20256</v>
      </c>
      <c r="I32948" s="2">
        <v>1</v>
      </c>
      <c r="J32948" s="2">
        <v>0</v>
      </c>
      <c r="K32948" s="2">
        <v>0</v>
      </c>
      <c r="L32948" t="s">
        <v>120</v>
      </c>
      <c r="M32948" t="s">
        <v>89</v>
      </c>
      <c r="N32948" t="s">
        <v>90</v>
      </c>
      <c r="O32948" t="s">
        <v>85</v>
      </c>
      <c r="P32948" t="s">
        <v>86</v>
      </c>
      <c r="Q32948">
        <v>39</v>
      </c>
      <c r="R32948">
        <v>39</v>
      </c>
      <c r="S32948">
        <v>40</v>
      </c>
      <c r="T32948">
        <v>41</v>
      </c>
      <c r="U32948">
        <v>42</v>
      </c>
      <c r="V32948">
        <v>43</v>
      </c>
      <c r="W32948">
        <v>43</v>
      </c>
      <c r="X32948">
        <v>44</v>
      </c>
      <c r="Y32948">
        <v>45</v>
      </c>
      <c r="Z32948">
        <v>45</v>
      </c>
      <c r="AA32948">
        <v>46</v>
      </c>
      <c r="AB32948">
        <v>47</v>
      </c>
      <c r="AC32948">
        <v>48</v>
      </c>
      <c r="AD32948">
        <v>48</v>
      </c>
      <c r="AE32948">
        <v>49</v>
      </c>
      <c r="AF32948">
        <v>49</v>
      </c>
      <c r="AG32948">
        <v>49</v>
      </c>
      <c r="AH32948">
        <v>49</v>
      </c>
      <c r="AI32948">
        <v>49</v>
      </c>
      <c r="AJ32948">
        <v>49</v>
      </c>
      <c r="AK32948">
        <v>50</v>
      </c>
      <c r="AL32948">
        <v>50</v>
      </c>
      <c r="AM32948">
        <v>50</v>
      </c>
      <c r="AN32948">
        <v>50</v>
      </c>
      <c r="AO32948">
        <v>50</v>
      </c>
      <c r="AP32948">
        <v>51</v>
      </c>
      <c r="AQ32948">
        <v>51</v>
      </c>
    </row>
    <row r="32949" spans="1:43">
      <c r="A32949" t="s">
        <v>20413</v>
      </c>
      <c r="B32949" t="s">
        <v>20414</v>
      </c>
      <c r="C32949" t="s">
        <v>20411</v>
      </c>
      <c r="D32949" t="s">
        <v>20412</v>
      </c>
      <c r="E32949" t="s">
        <v>20253</v>
      </c>
      <c r="F32949" t="s">
        <v>20254</v>
      </c>
      <c r="G32949" t="s">
        <v>20255</v>
      </c>
      <c r="H32949" t="s">
        <v>20256</v>
      </c>
      <c r="I32949" s="2">
        <v>1</v>
      </c>
      <c r="J32949" s="2">
        <v>0</v>
      </c>
      <c r="K32949" s="2">
        <v>0</v>
      </c>
      <c r="L32949" t="s">
        <v>120</v>
      </c>
      <c r="M32949" t="s">
        <v>83</v>
      </c>
      <c r="N32949" t="s">
        <v>91</v>
      </c>
      <c r="O32949" t="s">
        <v>85</v>
      </c>
      <c r="P32949" t="s">
        <v>86</v>
      </c>
      <c r="Q32949">
        <v>39</v>
      </c>
      <c r="R32949">
        <v>40</v>
      </c>
      <c r="S32949">
        <v>40</v>
      </c>
      <c r="T32949">
        <v>41</v>
      </c>
      <c r="U32949">
        <v>41</v>
      </c>
      <c r="V32949">
        <v>42</v>
      </c>
      <c r="W32949">
        <v>42</v>
      </c>
      <c r="X32949">
        <v>43</v>
      </c>
      <c r="Y32949">
        <v>43</v>
      </c>
      <c r="Z32949">
        <v>44</v>
      </c>
      <c r="AA32949">
        <v>44</v>
      </c>
      <c r="AB32949">
        <v>45</v>
      </c>
      <c r="AC32949">
        <v>45</v>
      </c>
      <c r="AD32949">
        <v>46</v>
      </c>
      <c r="AE32949">
        <v>46</v>
      </c>
      <c r="AF32949">
        <v>47</v>
      </c>
      <c r="AG32949">
        <v>47</v>
      </c>
      <c r="AH32949">
        <v>48</v>
      </c>
      <c r="AI32949">
        <v>49</v>
      </c>
      <c r="AJ32949">
        <v>49</v>
      </c>
      <c r="AK32949">
        <v>50</v>
      </c>
      <c r="AL32949">
        <v>50</v>
      </c>
      <c r="AM32949">
        <v>50</v>
      </c>
      <c r="AN32949">
        <v>50</v>
      </c>
      <c r="AO32949">
        <v>51</v>
      </c>
      <c r="AP32949">
        <v>51</v>
      </c>
      <c r="AQ32949">
        <v>51</v>
      </c>
    </row>
    <row r="32950" spans="1:43">
      <c r="A32950" t="s">
        <v>20415</v>
      </c>
      <c r="B32950" t="s">
        <v>20416</v>
      </c>
      <c r="C32950" t="s">
        <v>20411</v>
      </c>
      <c r="D32950" t="s">
        <v>20412</v>
      </c>
      <c r="E32950" t="s">
        <v>20253</v>
      </c>
      <c r="F32950" t="s">
        <v>20254</v>
      </c>
      <c r="G32950" t="s">
        <v>20255</v>
      </c>
      <c r="H32950" t="s">
        <v>20256</v>
      </c>
      <c r="I32950" s="2">
        <v>1</v>
      </c>
      <c r="J32950" s="2">
        <v>0</v>
      </c>
      <c r="K32950" s="2">
        <v>0</v>
      </c>
      <c r="L32950" t="s">
        <v>120</v>
      </c>
      <c r="M32950" t="s">
        <v>83</v>
      </c>
      <c r="N32950" t="s">
        <v>84</v>
      </c>
      <c r="O32950" t="s">
        <v>85</v>
      </c>
      <c r="P32950" t="s">
        <v>86</v>
      </c>
      <c r="Q32950">
        <v>74</v>
      </c>
      <c r="R32950">
        <v>75</v>
      </c>
      <c r="S32950">
        <v>76</v>
      </c>
      <c r="T32950">
        <v>77</v>
      </c>
      <c r="U32950">
        <v>78</v>
      </c>
      <c r="V32950">
        <v>79</v>
      </c>
      <c r="W32950">
        <v>80</v>
      </c>
      <c r="X32950">
        <v>81</v>
      </c>
      <c r="Y32950">
        <v>82</v>
      </c>
      <c r="Z32950">
        <v>83</v>
      </c>
      <c r="AA32950">
        <v>84</v>
      </c>
      <c r="AB32950">
        <v>85</v>
      </c>
      <c r="AC32950">
        <v>86</v>
      </c>
      <c r="AD32950">
        <v>87</v>
      </c>
      <c r="AE32950">
        <v>88</v>
      </c>
      <c r="AF32950">
        <v>89</v>
      </c>
      <c r="AG32950">
        <v>90</v>
      </c>
      <c r="AH32950">
        <v>91</v>
      </c>
      <c r="AI32950">
        <v>92</v>
      </c>
      <c r="AJ32950">
        <v>93</v>
      </c>
      <c r="AK32950">
        <v>94</v>
      </c>
      <c r="AL32950">
        <v>95</v>
      </c>
      <c r="AM32950">
        <v>95</v>
      </c>
      <c r="AN32950">
        <v>96</v>
      </c>
      <c r="AO32950">
        <v>96</v>
      </c>
      <c r="AP32950">
        <v>97</v>
      </c>
      <c r="AQ32950">
        <v>97</v>
      </c>
    </row>
    <row r="32951" spans="1:43">
      <c r="A32951" t="s">
        <v>20415</v>
      </c>
      <c r="B32951" t="s">
        <v>20416</v>
      </c>
      <c r="C32951" t="s">
        <v>20411</v>
      </c>
      <c r="D32951" t="s">
        <v>20412</v>
      </c>
      <c r="E32951" t="s">
        <v>20253</v>
      </c>
      <c r="F32951" t="s">
        <v>20254</v>
      </c>
      <c r="G32951" t="s">
        <v>20255</v>
      </c>
      <c r="H32951" t="s">
        <v>20256</v>
      </c>
      <c r="I32951" s="2">
        <v>1</v>
      </c>
      <c r="J32951" s="2">
        <v>0</v>
      </c>
      <c r="K32951" s="2">
        <v>0</v>
      </c>
      <c r="L32951" t="s">
        <v>120</v>
      </c>
      <c r="M32951" t="s">
        <v>87</v>
      </c>
      <c r="N32951" t="s">
        <v>88</v>
      </c>
      <c r="O32951" t="s">
        <v>85</v>
      </c>
      <c r="P32951" t="s">
        <v>86</v>
      </c>
      <c r="Q32951">
        <v>74</v>
      </c>
      <c r="R32951">
        <v>74</v>
      </c>
      <c r="S32951">
        <v>74</v>
      </c>
      <c r="T32951">
        <v>75</v>
      </c>
      <c r="U32951">
        <v>75</v>
      </c>
      <c r="V32951">
        <v>75</v>
      </c>
      <c r="W32951">
        <v>76</v>
      </c>
      <c r="X32951">
        <v>76</v>
      </c>
      <c r="Y32951">
        <v>76</v>
      </c>
      <c r="Z32951">
        <v>77</v>
      </c>
      <c r="AA32951">
        <v>77</v>
      </c>
      <c r="AB32951">
        <v>77</v>
      </c>
      <c r="AC32951">
        <v>78</v>
      </c>
      <c r="AD32951">
        <v>78</v>
      </c>
      <c r="AE32951">
        <v>78</v>
      </c>
      <c r="AF32951">
        <v>79</v>
      </c>
      <c r="AG32951">
        <v>79</v>
      </c>
      <c r="AH32951">
        <v>80</v>
      </c>
      <c r="AI32951">
        <v>80</v>
      </c>
      <c r="AJ32951">
        <v>80</v>
      </c>
      <c r="AK32951">
        <v>81</v>
      </c>
      <c r="AL32951">
        <v>81</v>
      </c>
      <c r="AM32951">
        <v>82</v>
      </c>
      <c r="AN32951">
        <v>82</v>
      </c>
      <c r="AO32951">
        <v>83</v>
      </c>
      <c r="AP32951">
        <v>84</v>
      </c>
      <c r="AQ32951">
        <v>84</v>
      </c>
    </row>
    <row r="32952" spans="1:43">
      <c r="A32952" t="s">
        <v>20415</v>
      </c>
      <c r="B32952" t="s">
        <v>20416</v>
      </c>
      <c r="C32952" t="s">
        <v>20411</v>
      </c>
      <c r="D32952" t="s">
        <v>20412</v>
      </c>
      <c r="E32952" t="s">
        <v>20253</v>
      </c>
      <c r="F32952" t="s">
        <v>20254</v>
      </c>
      <c r="G32952" t="s">
        <v>20255</v>
      </c>
      <c r="H32952" t="s">
        <v>20256</v>
      </c>
      <c r="I32952" s="2">
        <v>1</v>
      </c>
      <c r="J32952" s="2">
        <v>0</v>
      </c>
      <c r="K32952" s="2">
        <v>0</v>
      </c>
      <c r="L32952" t="s">
        <v>120</v>
      </c>
      <c r="M32952" t="s">
        <v>89</v>
      </c>
      <c r="N32952" t="s">
        <v>90</v>
      </c>
      <c r="O32952" t="s">
        <v>85</v>
      </c>
      <c r="P32952" t="s">
        <v>86</v>
      </c>
      <c r="Q32952">
        <v>74</v>
      </c>
      <c r="R32952">
        <v>76</v>
      </c>
      <c r="S32952">
        <v>77</v>
      </c>
      <c r="T32952">
        <v>79</v>
      </c>
      <c r="U32952">
        <v>81</v>
      </c>
      <c r="V32952">
        <v>82</v>
      </c>
      <c r="W32952">
        <v>83</v>
      </c>
      <c r="X32952">
        <v>85</v>
      </c>
      <c r="Y32952">
        <v>86</v>
      </c>
      <c r="Z32952">
        <v>87</v>
      </c>
      <c r="AA32952">
        <v>89</v>
      </c>
      <c r="AB32952">
        <v>90</v>
      </c>
      <c r="AC32952">
        <v>91</v>
      </c>
      <c r="AD32952">
        <v>93</v>
      </c>
      <c r="AE32952">
        <v>93</v>
      </c>
      <c r="AF32952">
        <v>94</v>
      </c>
      <c r="AG32952">
        <v>94</v>
      </c>
      <c r="AH32952">
        <v>94</v>
      </c>
      <c r="AI32952">
        <v>94</v>
      </c>
      <c r="AJ32952">
        <v>95</v>
      </c>
      <c r="AK32952">
        <v>95</v>
      </c>
      <c r="AL32952">
        <v>96</v>
      </c>
      <c r="AM32952">
        <v>96</v>
      </c>
      <c r="AN32952">
        <v>96</v>
      </c>
      <c r="AO32952">
        <v>97</v>
      </c>
      <c r="AP32952">
        <v>97</v>
      </c>
      <c r="AQ32952">
        <v>98</v>
      </c>
    </row>
    <row r="32953" spans="1:43">
      <c r="A32953" t="s">
        <v>20415</v>
      </c>
      <c r="B32953" t="s">
        <v>20416</v>
      </c>
      <c r="C32953" t="s">
        <v>20411</v>
      </c>
      <c r="D32953" t="s">
        <v>20412</v>
      </c>
      <c r="E32953" t="s">
        <v>20253</v>
      </c>
      <c r="F32953" t="s">
        <v>20254</v>
      </c>
      <c r="G32953" t="s">
        <v>20255</v>
      </c>
      <c r="H32953" t="s">
        <v>20256</v>
      </c>
      <c r="I32953" s="2">
        <v>1</v>
      </c>
      <c r="J32953" s="2">
        <v>0</v>
      </c>
      <c r="K32953" s="2">
        <v>0</v>
      </c>
      <c r="L32953" t="s">
        <v>120</v>
      </c>
      <c r="M32953" t="s">
        <v>83</v>
      </c>
      <c r="N32953" t="s">
        <v>91</v>
      </c>
      <c r="O32953" t="s">
        <v>85</v>
      </c>
      <c r="P32953" t="s">
        <v>86</v>
      </c>
      <c r="Q32953">
        <v>74</v>
      </c>
      <c r="R32953">
        <v>75</v>
      </c>
      <c r="S32953">
        <v>76</v>
      </c>
      <c r="T32953">
        <v>77</v>
      </c>
      <c r="U32953">
        <v>78</v>
      </c>
      <c r="V32953">
        <v>79</v>
      </c>
      <c r="W32953">
        <v>80</v>
      </c>
      <c r="X32953">
        <v>81</v>
      </c>
      <c r="Y32953">
        <v>82</v>
      </c>
      <c r="Z32953">
        <v>83</v>
      </c>
      <c r="AA32953">
        <v>84</v>
      </c>
      <c r="AB32953">
        <v>85</v>
      </c>
      <c r="AC32953">
        <v>86</v>
      </c>
      <c r="AD32953">
        <v>87</v>
      </c>
      <c r="AE32953">
        <v>88</v>
      </c>
      <c r="AF32953">
        <v>89</v>
      </c>
      <c r="AG32953">
        <v>90</v>
      </c>
      <c r="AH32953">
        <v>91</v>
      </c>
      <c r="AI32953">
        <v>92</v>
      </c>
      <c r="AJ32953">
        <v>93</v>
      </c>
      <c r="AK32953">
        <v>94</v>
      </c>
      <c r="AL32953">
        <v>95</v>
      </c>
      <c r="AM32953">
        <v>95</v>
      </c>
      <c r="AN32953">
        <v>96</v>
      </c>
      <c r="AO32953">
        <v>96</v>
      </c>
      <c r="AP32953">
        <v>97</v>
      </c>
      <c r="AQ32953">
        <v>97</v>
      </c>
    </row>
    <row r="32954" spans="1:43">
      <c r="A32954" t="s">
        <v>20417</v>
      </c>
      <c r="B32954" t="s">
        <v>20418</v>
      </c>
      <c r="C32954" t="s">
        <v>20411</v>
      </c>
      <c r="D32954" t="s">
        <v>20412</v>
      </c>
      <c r="E32954" t="s">
        <v>20253</v>
      </c>
      <c r="F32954" t="s">
        <v>20254</v>
      </c>
      <c r="G32954" t="s">
        <v>20255</v>
      </c>
      <c r="H32954" t="s">
        <v>20256</v>
      </c>
      <c r="I32954" s="2">
        <v>1</v>
      </c>
      <c r="J32954" s="2">
        <v>0</v>
      </c>
      <c r="K32954" s="2">
        <v>0</v>
      </c>
      <c r="L32954" t="s">
        <v>120</v>
      </c>
      <c r="M32954" t="s">
        <v>83</v>
      </c>
      <c r="N32954" t="s">
        <v>84</v>
      </c>
      <c r="O32954" t="s">
        <v>85</v>
      </c>
      <c r="P32954" t="s">
        <v>86</v>
      </c>
      <c r="Q32954">
        <v>9</v>
      </c>
      <c r="R32954">
        <v>9</v>
      </c>
      <c r="S32954">
        <v>9</v>
      </c>
      <c r="T32954">
        <v>9</v>
      </c>
      <c r="U32954">
        <v>9</v>
      </c>
      <c r="V32954">
        <v>9</v>
      </c>
      <c r="W32954">
        <v>9</v>
      </c>
      <c r="X32954">
        <v>9</v>
      </c>
      <c r="Y32954">
        <v>10</v>
      </c>
      <c r="Z32954">
        <v>10</v>
      </c>
      <c r="AA32954">
        <v>10</v>
      </c>
      <c r="AB32954">
        <v>10</v>
      </c>
      <c r="AC32954">
        <v>10</v>
      </c>
      <c r="AD32954">
        <v>10</v>
      </c>
      <c r="AE32954">
        <v>10</v>
      </c>
      <c r="AF32954">
        <v>10</v>
      </c>
      <c r="AG32954">
        <v>10</v>
      </c>
      <c r="AH32954">
        <v>11</v>
      </c>
      <c r="AI32954">
        <v>11</v>
      </c>
      <c r="AJ32954">
        <v>11</v>
      </c>
      <c r="AK32954">
        <v>11</v>
      </c>
      <c r="AL32954">
        <v>11</v>
      </c>
      <c r="AM32954">
        <v>11</v>
      </c>
      <c r="AN32954">
        <v>11</v>
      </c>
      <c r="AO32954">
        <v>11</v>
      </c>
      <c r="AP32954">
        <v>11</v>
      </c>
      <c r="AQ32954">
        <v>11</v>
      </c>
    </row>
    <row r="32955" spans="1:43">
      <c r="A32955" t="s">
        <v>20417</v>
      </c>
      <c r="B32955" t="s">
        <v>20418</v>
      </c>
      <c r="C32955" t="s">
        <v>20411</v>
      </c>
      <c r="D32955" t="s">
        <v>20412</v>
      </c>
      <c r="E32955" t="s">
        <v>20253</v>
      </c>
      <c r="F32955" t="s">
        <v>20254</v>
      </c>
      <c r="G32955" t="s">
        <v>20255</v>
      </c>
      <c r="H32955" t="s">
        <v>20256</v>
      </c>
      <c r="I32955" s="2">
        <v>1</v>
      </c>
      <c r="J32955" s="2">
        <v>0</v>
      </c>
      <c r="K32955" s="2">
        <v>0</v>
      </c>
      <c r="L32955" t="s">
        <v>120</v>
      </c>
      <c r="M32955" t="s">
        <v>87</v>
      </c>
      <c r="N32955" t="s">
        <v>88</v>
      </c>
      <c r="O32955" t="s">
        <v>85</v>
      </c>
      <c r="P32955" t="s">
        <v>86</v>
      </c>
      <c r="Q32955">
        <v>9</v>
      </c>
      <c r="R32955">
        <v>9</v>
      </c>
      <c r="S32955">
        <v>9</v>
      </c>
      <c r="T32955">
        <v>9</v>
      </c>
      <c r="U32955">
        <v>9</v>
      </c>
      <c r="V32955">
        <v>9</v>
      </c>
      <c r="W32955">
        <v>9</v>
      </c>
      <c r="X32955">
        <v>9</v>
      </c>
      <c r="Y32955">
        <v>9</v>
      </c>
      <c r="Z32955">
        <v>9</v>
      </c>
      <c r="AA32955">
        <v>9</v>
      </c>
      <c r="AB32955">
        <v>9</v>
      </c>
      <c r="AC32955">
        <v>9</v>
      </c>
      <c r="AD32955">
        <v>9</v>
      </c>
      <c r="AE32955">
        <v>9</v>
      </c>
      <c r="AF32955">
        <v>9</v>
      </c>
      <c r="AG32955">
        <v>9</v>
      </c>
      <c r="AH32955">
        <v>9</v>
      </c>
      <c r="AI32955">
        <v>9</v>
      </c>
      <c r="AJ32955">
        <v>9</v>
      </c>
      <c r="AK32955">
        <v>9</v>
      </c>
      <c r="AL32955">
        <v>9</v>
      </c>
      <c r="AM32955">
        <v>9</v>
      </c>
      <c r="AN32955">
        <v>10</v>
      </c>
      <c r="AO32955">
        <v>10</v>
      </c>
      <c r="AP32955">
        <v>10</v>
      </c>
      <c r="AQ32955">
        <v>10</v>
      </c>
    </row>
    <row r="32956" spans="1:43">
      <c r="A32956" t="s">
        <v>20417</v>
      </c>
      <c r="B32956" t="s">
        <v>20418</v>
      </c>
      <c r="C32956" t="s">
        <v>20411</v>
      </c>
      <c r="D32956" t="s">
        <v>20412</v>
      </c>
      <c r="E32956" t="s">
        <v>20253</v>
      </c>
      <c r="F32956" t="s">
        <v>20254</v>
      </c>
      <c r="G32956" t="s">
        <v>20255</v>
      </c>
      <c r="H32956" t="s">
        <v>20256</v>
      </c>
      <c r="I32956" s="2">
        <v>1</v>
      </c>
      <c r="J32956" s="2">
        <v>0</v>
      </c>
      <c r="K32956" s="2">
        <v>0</v>
      </c>
      <c r="L32956" t="s">
        <v>120</v>
      </c>
      <c r="M32956" t="s">
        <v>89</v>
      </c>
      <c r="N32956" t="s">
        <v>90</v>
      </c>
      <c r="O32956" t="s">
        <v>85</v>
      </c>
      <c r="P32956" t="s">
        <v>86</v>
      </c>
      <c r="Q32956">
        <v>9</v>
      </c>
      <c r="R32956">
        <v>9</v>
      </c>
      <c r="S32956">
        <v>9</v>
      </c>
      <c r="T32956">
        <v>9</v>
      </c>
      <c r="U32956">
        <v>9</v>
      </c>
      <c r="V32956">
        <v>10</v>
      </c>
      <c r="W32956">
        <v>10</v>
      </c>
      <c r="X32956">
        <v>10</v>
      </c>
      <c r="Y32956">
        <v>10</v>
      </c>
      <c r="Z32956">
        <v>10</v>
      </c>
      <c r="AA32956">
        <v>10</v>
      </c>
      <c r="AB32956">
        <v>11</v>
      </c>
      <c r="AC32956">
        <v>11</v>
      </c>
      <c r="AD32956">
        <v>11</v>
      </c>
      <c r="AE32956">
        <v>11</v>
      </c>
      <c r="AF32956">
        <v>11</v>
      </c>
      <c r="AG32956">
        <v>11</v>
      </c>
      <c r="AH32956">
        <v>11</v>
      </c>
      <c r="AI32956">
        <v>11</v>
      </c>
      <c r="AJ32956">
        <v>11</v>
      </c>
      <c r="AK32956">
        <v>11</v>
      </c>
      <c r="AL32956">
        <v>11</v>
      </c>
      <c r="AM32956">
        <v>11</v>
      </c>
      <c r="AN32956">
        <v>11</v>
      </c>
      <c r="AO32956">
        <v>11</v>
      </c>
      <c r="AP32956">
        <v>11</v>
      </c>
      <c r="AQ32956">
        <v>11</v>
      </c>
    </row>
    <row r="32957" spans="1:43">
      <c r="A32957" t="s">
        <v>20417</v>
      </c>
      <c r="B32957" t="s">
        <v>20418</v>
      </c>
      <c r="C32957" t="s">
        <v>20411</v>
      </c>
      <c r="D32957" t="s">
        <v>20412</v>
      </c>
      <c r="E32957" t="s">
        <v>20253</v>
      </c>
      <c r="F32957" t="s">
        <v>20254</v>
      </c>
      <c r="G32957" t="s">
        <v>20255</v>
      </c>
      <c r="H32957" t="s">
        <v>20256</v>
      </c>
      <c r="I32957" s="2">
        <v>1</v>
      </c>
      <c r="J32957" s="2">
        <v>0</v>
      </c>
      <c r="K32957" s="2">
        <v>0</v>
      </c>
      <c r="L32957" t="s">
        <v>120</v>
      </c>
      <c r="M32957" t="s">
        <v>83</v>
      </c>
      <c r="N32957" t="s">
        <v>91</v>
      </c>
      <c r="O32957" t="s">
        <v>85</v>
      </c>
      <c r="P32957" t="s">
        <v>86</v>
      </c>
      <c r="Q32957">
        <v>9</v>
      </c>
      <c r="R32957">
        <v>9</v>
      </c>
      <c r="S32957">
        <v>9</v>
      </c>
      <c r="T32957">
        <v>9</v>
      </c>
      <c r="U32957">
        <v>9</v>
      </c>
      <c r="V32957">
        <v>9</v>
      </c>
      <c r="W32957">
        <v>9</v>
      </c>
      <c r="X32957">
        <v>9</v>
      </c>
      <c r="Y32957">
        <v>10</v>
      </c>
      <c r="Z32957">
        <v>10</v>
      </c>
      <c r="AA32957">
        <v>10</v>
      </c>
      <c r="AB32957">
        <v>10</v>
      </c>
      <c r="AC32957">
        <v>10</v>
      </c>
      <c r="AD32957">
        <v>10</v>
      </c>
      <c r="AE32957">
        <v>10</v>
      </c>
      <c r="AF32957">
        <v>10</v>
      </c>
      <c r="AG32957">
        <v>10</v>
      </c>
      <c r="AH32957">
        <v>11</v>
      </c>
      <c r="AI32957">
        <v>11</v>
      </c>
      <c r="AJ32957">
        <v>11</v>
      </c>
      <c r="AK32957">
        <v>11</v>
      </c>
      <c r="AL32957">
        <v>11</v>
      </c>
      <c r="AM32957">
        <v>11</v>
      </c>
      <c r="AN32957">
        <v>11</v>
      </c>
      <c r="AO32957">
        <v>11</v>
      </c>
      <c r="AP32957">
        <v>11</v>
      </c>
      <c r="AQ32957">
        <v>11</v>
      </c>
    </row>
    <row r="32958" spans="1:43">
      <c r="A32958" t="s">
        <v>20419</v>
      </c>
      <c r="B32958" t="s">
        <v>20420</v>
      </c>
      <c r="C32958" t="s">
        <v>20411</v>
      </c>
      <c r="D32958" t="s">
        <v>20412</v>
      </c>
      <c r="E32958" t="s">
        <v>20253</v>
      </c>
      <c r="F32958" t="s">
        <v>20254</v>
      </c>
      <c r="G32958" t="s">
        <v>20255</v>
      </c>
      <c r="H32958" t="s">
        <v>20256</v>
      </c>
      <c r="I32958" s="2">
        <v>1</v>
      </c>
      <c r="J32958" s="2">
        <v>0</v>
      </c>
      <c r="K32958" s="2">
        <v>0</v>
      </c>
      <c r="L32958" t="s">
        <v>120</v>
      </c>
      <c r="M32958" t="s">
        <v>83</v>
      </c>
      <c r="N32958" t="s">
        <v>84</v>
      </c>
      <c r="O32958" t="s">
        <v>85</v>
      </c>
      <c r="P32958" t="s">
        <v>86</v>
      </c>
      <c r="Q32958">
        <v>19</v>
      </c>
      <c r="R32958">
        <v>19</v>
      </c>
      <c r="S32958">
        <v>19</v>
      </c>
      <c r="T32958">
        <v>20</v>
      </c>
      <c r="U32958">
        <v>20</v>
      </c>
      <c r="V32958">
        <v>20</v>
      </c>
      <c r="W32958">
        <v>20</v>
      </c>
      <c r="X32958">
        <v>21</v>
      </c>
      <c r="Y32958">
        <v>21</v>
      </c>
      <c r="Z32958">
        <v>21</v>
      </c>
      <c r="AA32958">
        <v>21</v>
      </c>
      <c r="AB32958">
        <v>22</v>
      </c>
      <c r="AC32958">
        <v>22</v>
      </c>
      <c r="AD32958">
        <v>22</v>
      </c>
      <c r="AE32958">
        <v>22</v>
      </c>
      <c r="AF32958">
        <v>23</v>
      </c>
      <c r="AG32958">
        <v>23</v>
      </c>
      <c r="AH32958">
        <v>23</v>
      </c>
      <c r="AI32958">
        <v>23</v>
      </c>
      <c r="AJ32958">
        <v>24</v>
      </c>
      <c r="AK32958">
        <v>24</v>
      </c>
      <c r="AL32958">
        <v>24</v>
      </c>
      <c r="AM32958">
        <v>24</v>
      </c>
      <c r="AN32958">
        <v>24</v>
      </c>
      <c r="AO32958">
        <v>24</v>
      </c>
      <c r="AP32958">
        <v>25</v>
      </c>
      <c r="AQ32958">
        <v>25</v>
      </c>
    </row>
    <row r="32959" spans="1:43">
      <c r="A32959" t="s">
        <v>20419</v>
      </c>
      <c r="B32959" t="s">
        <v>20420</v>
      </c>
      <c r="C32959" t="s">
        <v>20411</v>
      </c>
      <c r="D32959" t="s">
        <v>20412</v>
      </c>
      <c r="E32959" t="s">
        <v>20253</v>
      </c>
      <c r="F32959" t="s">
        <v>20254</v>
      </c>
      <c r="G32959" t="s">
        <v>20255</v>
      </c>
      <c r="H32959" t="s">
        <v>20256</v>
      </c>
      <c r="I32959" s="2">
        <v>1</v>
      </c>
      <c r="J32959" s="2">
        <v>0</v>
      </c>
      <c r="K32959" s="2">
        <v>0</v>
      </c>
      <c r="L32959" t="s">
        <v>120</v>
      </c>
      <c r="M32959" t="s">
        <v>87</v>
      </c>
      <c r="N32959" t="s">
        <v>88</v>
      </c>
      <c r="O32959" t="s">
        <v>85</v>
      </c>
      <c r="P32959" t="s">
        <v>86</v>
      </c>
      <c r="Q32959">
        <v>19</v>
      </c>
      <c r="R32959">
        <v>19</v>
      </c>
      <c r="S32959">
        <v>19</v>
      </c>
      <c r="T32959">
        <v>19</v>
      </c>
      <c r="U32959">
        <v>19</v>
      </c>
      <c r="V32959">
        <v>19</v>
      </c>
      <c r="W32959">
        <v>19</v>
      </c>
      <c r="X32959">
        <v>19</v>
      </c>
      <c r="Y32959">
        <v>19</v>
      </c>
      <c r="Z32959">
        <v>19</v>
      </c>
      <c r="AA32959">
        <v>20</v>
      </c>
      <c r="AB32959">
        <v>20</v>
      </c>
      <c r="AC32959">
        <v>20</v>
      </c>
      <c r="AD32959">
        <v>20</v>
      </c>
      <c r="AE32959">
        <v>20</v>
      </c>
      <c r="AF32959">
        <v>20</v>
      </c>
      <c r="AG32959">
        <v>20</v>
      </c>
      <c r="AH32959">
        <v>20</v>
      </c>
      <c r="AI32959">
        <v>20</v>
      </c>
      <c r="AJ32959">
        <v>20</v>
      </c>
      <c r="AK32959">
        <v>21</v>
      </c>
      <c r="AL32959">
        <v>21</v>
      </c>
      <c r="AM32959">
        <v>21</v>
      </c>
      <c r="AN32959">
        <v>21</v>
      </c>
      <c r="AO32959">
        <v>21</v>
      </c>
      <c r="AP32959">
        <v>21</v>
      </c>
      <c r="AQ32959">
        <v>21</v>
      </c>
    </row>
    <row r="32960" spans="1:43">
      <c r="A32960" t="s">
        <v>20419</v>
      </c>
      <c r="B32960" t="s">
        <v>20420</v>
      </c>
      <c r="C32960" t="s">
        <v>20411</v>
      </c>
      <c r="D32960" t="s">
        <v>20412</v>
      </c>
      <c r="E32960" t="s">
        <v>20253</v>
      </c>
      <c r="F32960" t="s">
        <v>20254</v>
      </c>
      <c r="G32960" t="s">
        <v>20255</v>
      </c>
      <c r="H32960" t="s">
        <v>20256</v>
      </c>
      <c r="I32960" s="2">
        <v>1</v>
      </c>
      <c r="J32960" s="2">
        <v>0</v>
      </c>
      <c r="K32960" s="2">
        <v>0</v>
      </c>
      <c r="L32960" t="s">
        <v>120</v>
      </c>
      <c r="M32960" t="s">
        <v>89</v>
      </c>
      <c r="N32960" t="s">
        <v>90</v>
      </c>
      <c r="O32960" t="s">
        <v>85</v>
      </c>
      <c r="P32960" t="s">
        <v>86</v>
      </c>
      <c r="Q32960">
        <v>19</v>
      </c>
      <c r="R32960">
        <v>20</v>
      </c>
      <c r="S32960">
        <v>20</v>
      </c>
      <c r="T32960">
        <v>20</v>
      </c>
      <c r="U32960">
        <v>21</v>
      </c>
      <c r="V32960">
        <v>21</v>
      </c>
      <c r="W32960">
        <v>21</v>
      </c>
      <c r="X32960">
        <v>22</v>
      </c>
      <c r="Y32960">
        <v>22</v>
      </c>
      <c r="Z32960">
        <v>22</v>
      </c>
      <c r="AA32960">
        <v>23</v>
      </c>
      <c r="AB32960">
        <v>23</v>
      </c>
      <c r="AC32960">
        <v>23</v>
      </c>
      <c r="AD32960">
        <v>24</v>
      </c>
      <c r="AE32960">
        <v>24</v>
      </c>
      <c r="AF32960">
        <v>24</v>
      </c>
      <c r="AG32960">
        <v>24</v>
      </c>
      <c r="AH32960">
        <v>24</v>
      </c>
      <c r="AI32960">
        <v>24</v>
      </c>
      <c r="AJ32960">
        <v>24</v>
      </c>
      <c r="AK32960">
        <v>24</v>
      </c>
      <c r="AL32960">
        <v>25</v>
      </c>
      <c r="AM32960">
        <v>25</v>
      </c>
      <c r="AN32960">
        <v>25</v>
      </c>
      <c r="AO32960">
        <v>25</v>
      </c>
      <c r="AP32960">
        <v>25</v>
      </c>
      <c r="AQ32960">
        <v>25</v>
      </c>
    </row>
    <row r="32961" spans="1:43">
      <c r="A32961" t="s">
        <v>20419</v>
      </c>
      <c r="B32961" t="s">
        <v>20420</v>
      </c>
      <c r="C32961" t="s">
        <v>20411</v>
      </c>
      <c r="D32961" t="s">
        <v>20412</v>
      </c>
      <c r="E32961" t="s">
        <v>20253</v>
      </c>
      <c r="F32961" t="s">
        <v>20254</v>
      </c>
      <c r="G32961" t="s">
        <v>20255</v>
      </c>
      <c r="H32961" t="s">
        <v>20256</v>
      </c>
      <c r="I32961" s="2">
        <v>1</v>
      </c>
      <c r="J32961" s="2">
        <v>0</v>
      </c>
      <c r="K32961" s="2">
        <v>0</v>
      </c>
      <c r="L32961" t="s">
        <v>120</v>
      </c>
      <c r="M32961" t="s">
        <v>83</v>
      </c>
      <c r="N32961" t="s">
        <v>91</v>
      </c>
      <c r="O32961" t="s">
        <v>85</v>
      </c>
      <c r="P32961" t="s">
        <v>86</v>
      </c>
      <c r="Q32961">
        <v>19</v>
      </c>
      <c r="R32961">
        <v>19</v>
      </c>
      <c r="S32961">
        <v>19</v>
      </c>
      <c r="T32961">
        <v>20</v>
      </c>
      <c r="U32961">
        <v>20</v>
      </c>
      <c r="V32961">
        <v>20</v>
      </c>
      <c r="W32961">
        <v>20</v>
      </c>
      <c r="X32961">
        <v>21</v>
      </c>
      <c r="Y32961">
        <v>21</v>
      </c>
      <c r="Z32961">
        <v>21</v>
      </c>
      <c r="AA32961">
        <v>21</v>
      </c>
      <c r="AB32961">
        <v>22</v>
      </c>
      <c r="AC32961">
        <v>22</v>
      </c>
      <c r="AD32961">
        <v>22</v>
      </c>
      <c r="AE32961">
        <v>22</v>
      </c>
      <c r="AF32961">
        <v>23</v>
      </c>
      <c r="AG32961">
        <v>23</v>
      </c>
      <c r="AH32961">
        <v>23</v>
      </c>
      <c r="AI32961">
        <v>23</v>
      </c>
      <c r="AJ32961">
        <v>24</v>
      </c>
      <c r="AK32961">
        <v>24</v>
      </c>
      <c r="AL32961">
        <v>24</v>
      </c>
      <c r="AM32961">
        <v>24</v>
      </c>
      <c r="AN32961">
        <v>24</v>
      </c>
      <c r="AO32961">
        <v>24</v>
      </c>
      <c r="AP32961">
        <v>25</v>
      </c>
      <c r="AQ32961">
        <v>25</v>
      </c>
    </row>
    <row r="32962" spans="1:43">
      <c r="A32962" t="s">
        <v>20421</v>
      </c>
      <c r="B32962" t="s">
        <v>20422</v>
      </c>
      <c r="C32962" t="s">
        <v>20251</v>
      </c>
      <c r="D32962" t="s">
        <v>20252</v>
      </c>
      <c r="E32962" t="s">
        <v>20253</v>
      </c>
      <c r="F32962" t="s">
        <v>20254</v>
      </c>
      <c r="G32962" t="s">
        <v>20255</v>
      </c>
      <c r="H32962" t="s">
        <v>20256</v>
      </c>
      <c r="I32962" s="2">
        <v>1</v>
      </c>
      <c r="J32962" s="2">
        <v>0</v>
      </c>
      <c r="K32962" s="2">
        <v>0</v>
      </c>
      <c r="L32962" t="s">
        <v>120</v>
      </c>
      <c r="M32962" t="s">
        <v>83</v>
      </c>
      <c r="N32962" t="s">
        <v>84</v>
      </c>
      <c r="O32962" t="s">
        <v>85</v>
      </c>
      <c r="P32962" t="s">
        <v>86</v>
      </c>
      <c r="Q32962">
        <v>52</v>
      </c>
      <c r="R32962">
        <v>53</v>
      </c>
      <c r="S32962">
        <v>54</v>
      </c>
      <c r="T32962">
        <v>54</v>
      </c>
      <c r="U32962">
        <v>55</v>
      </c>
      <c r="V32962">
        <v>56</v>
      </c>
      <c r="W32962">
        <v>56</v>
      </c>
      <c r="X32962">
        <v>57</v>
      </c>
      <c r="Y32962">
        <v>57</v>
      </c>
      <c r="Z32962">
        <v>58</v>
      </c>
      <c r="AA32962">
        <v>59</v>
      </c>
      <c r="AB32962">
        <v>59</v>
      </c>
      <c r="AC32962">
        <v>60</v>
      </c>
      <c r="AD32962">
        <v>60</v>
      </c>
      <c r="AE32962">
        <v>61</v>
      </c>
      <c r="AF32962">
        <v>62</v>
      </c>
      <c r="AG32962">
        <v>62</v>
      </c>
      <c r="AH32962">
        <v>63</v>
      </c>
      <c r="AI32962">
        <v>64</v>
      </c>
      <c r="AJ32962">
        <v>64</v>
      </c>
      <c r="AK32962">
        <v>65</v>
      </c>
      <c r="AL32962">
        <v>65</v>
      </c>
      <c r="AM32962">
        <v>65</v>
      </c>
      <c r="AN32962">
        <v>65</v>
      </c>
      <c r="AO32962">
        <v>66</v>
      </c>
      <c r="AP32962">
        <v>66</v>
      </c>
      <c r="AQ32962">
        <v>66</v>
      </c>
    </row>
    <row r="32963" spans="1:43">
      <c r="A32963" t="s">
        <v>20421</v>
      </c>
      <c r="B32963" t="s">
        <v>20422</v>
      </c>
      <c r="C32963" t="s">
        <v>20251</v>
      </c>
      <c r="D32963" t="s">
        <v>20252</v>
      </c>
      <c r="E32963" t="s">
        <v>20253</v>
      </c>
      <c r="F32963" t="s">
        <v>20254</v>
      </c>
      <c r="G32963" t="s">
        <v>20255</v>
      </c>
      <c r="H32963" t="s">
        <v>20256</v>
      </c>
      <c r="I32963" s="2">
        <v>1</v>
      </c>
      <c r="J32963" s="2">
        <v>0</v>
      </c>
      <c r="K32963" s="2">
        <v>0</v>
      </c>
      <c r="L32963" t="s">
        <v>120</v>
      </c>
      <c r="M32963" t="s">
        <v>87</v>
      </c>
      <c r="N32963" t="s">
        <v>88</v>
      </c>
      <c r="O32963" t="s">
        <v>85</v>
      </c>
      <c r="P32963" t="s">
        <v>86</v>
      </c>
      <c r="Q32963">
        <v>52</v>
      </c>
      <c r="R32963">
        <v>52</v>
      </c>
      <c r="S32963">
        <v>52</v>
      </c>
      <c r="T32963">
        <v>52</v>
      </c>
      <c r="U32963">
        <v>52</v>
      </c>
      <c r="V32963">
        <v>53</v>
      </c>
      <c r="W32963">
        <v>53</v>
      </c>
      <c r="X32963">
        <v>53</v>
      </c>
      <c r="Y32963">
        <v>53</v>
      </c>
      <c r="Z32963">
        <v>53</v>
      </c>
      <c r="AA32963">
        <v>53</v>
      </c>
      <c r="AB32963">
        <v>53</v>
      </c>
      <c r="AC32963">
        <v>54</v>
      </c>
      <c r="AD32963">
        <v>54</v>
      </c>
      <c r="AE32963">
        <v>54</v>
      </c>
      <c r="AF32963">
        <v>54</v>
      </c>
      <c r="AG32963">
        <v>54</v>
      </c>
      <c r="AH32963">
        <v>55</v>
      </c>
      <c r="AI32963">
        <v>55</v>
      </c>
      <c r="AJ32963">
        <v>55</v>
      </c>
      <c r="AK32963">
        <v>55</v>
      </c>
      <c r="AL32963">
        <v>56</v>
      </c>
      <c r="AM32963">
        <v>56</v>
      </c>
      <c r="AN32963">
        <v>56</v>
      </c>
      <c r="AO32963">
        <v>56</v>
      </c>
      <c r="AP32963">
        <v>57</v>
      </c>
      <c r="AQ32963">
        <v>57</v>
      </c>
    </row>
    <row r="32964" spans="1:43">
      <c r="A32964" t="s">
        <v>20421</v>
      </c>
      <c r="B32964" t="s">
        <v>20422</v>
      </c>
      <c r="C32964" t="s">
        <v>20251</v>
      </c>
      <c r="D32964" t="s">
        <v>20252</v>
      </c>
      <c r="E32964" t="s">
        <v>20253</v>
      </c>
      <c r="F32964" t="s">
        <v>20254</v>
      </c>
      <c r="G32964" t="s">
        <v>20255</v>
      </c>
      <c r="H32964" t="s">
        <v>20256</v>
      </c>
      <c r="I32964" s="2">
        <v>1</v>
      </c>
      <c r="J32964" s="2">
        <v>0</v>
      </c>
      <c r="K32964" s="2">
        <v>0</v>
      </c>
      <c r="L32964" t="s">
        <v>120</v>
      </c>
      <c r="M32964" t="s">
        <v>89</v>
      </c>
      <c r="N32964" t="s">
        <v>90</v>
      </c>
      <c r="O32964" t="s">
        <v>85</v>
      </c>
      <c r="P32964" t="s">
        <v>86</v>
      </c>
      <c r="Q32964">
        <v>52</v>
      </c>
      <c r="R32964">
        <v>53</v>
      </c>
      <c r="S32964">
        <v>54</v>
      </c>
      <c r="T32964">
        <v>55</v>
      </c>
      <c r="U32964">
        <v>56</v>
      </c>
      <c r="V32964">
        <v>57</v>
      </c>
      <c r="W32964">
        <v>58</v>
      </c>
      <c r="X32964">
        <v>59</v>
      </c>
      <c r="Y32964">
        <v>60</v>
      </c>
      <c r="Z32964">
        <v>61</v>
      </c>
      <c r="AA32964">
        <v>61</v>
      </c>
      <c r="AB32964">
        <v>62</v>
      </c>
      <c r="AC32964">
        <v>63</v>
      </c>
      <c r="AD32964">
        <v>64</v>
      </c>
      <c r="AE32964">
        <v>64</v>
      </c>
      <c r="AF32964">
        <v>65</v>
      </c>
      <c r="AG32964">
        <v>65</v>
      </c>
      <c r="AH32964">
        <v>65</v>
      </c>
      <c r="AI32964">
        <v>65</v>
      </c>
      <c r="AJ32964">
        <v>65</v>
      </c>
      <c r="AK32964">
        <v>65</v>
      </c>
      <c r="AL32964">
        <v>65</v>
      </c>
      <c r="AM32964">
        <v>65</v>
      </c>
      <c r="AN32964">
        <v>65</v>
      </c>
      <c r="AO32964">
        <v>66</v>
      </c>
      <c r="AP32964">
        <v>66</v>
      </c>
      <c r="AQ32964">
        <v>66</v>
      </c>
    </row>
    <row r="32965" spans="1:43">
      <c r="A32965" t="s">
        <v>20421</v>
      </c>
      <c r="B32965" t="s">
        <v>20422</v>
      </c>
      <c r="C32965" t="s">
        <v>20251</v>
      </c>
      <c r="D32965" t="s">
        <v>20252</v>
      </c>
      <c r="E32965" t="s">
        <v>20253</v>
      </c>
      <c r="F32965" t="s">
        <v>20254</v>
      </c>
      <c r="G32965" t="s">
        <v>20255</v>
      </c>
      <c r="H32965" t="s">
        <v>20256</v>
      </c>
      <c r="I32965" s="2">
        <v>1</v>
      </c>
      <c r="J32965" s="2">
        <v>0</v>
      </c>
      <c r="K32965" s="2">
        <v>0</v>
      </c>
      <c r="L32965" t="s">
        <v>120</v>
      </c>
      <c r="M32965" t="s">
        <v>83</v>
      </c>
      <c r="N32965" t="s">
        <v>91</v>
      </c>
      <c r="O32965" t="s">
        <v>85</v>
      </c>
      <c r="P32965" t="s">
        <v>86</v>
      </c>
      <c r="Q32965">
        <v>52</v>
      </c>
      <c r="R32965">
        <v>53</v>
      </c>
      <c r="S32965">
        <v>54</v>
      </c>
      <c r="T32965">
        <v>54</v>
      </c>
      <c r="U32965">
        <v>55</v>
      </c>
      <c r="V32965">
        <v>56</v>
      </c>
      <c r="W32965">
        <v>56</v>
      </c>
      <c r="X32965">
        <v>57</v>
      </c>
      <c r="Y32965">
        <v>57</v>
      </c>
      <c r="Z32965">
        <v>58</v>
      </c>
      <c r="AA32965">
        <v>59</v>
      </c>
      <c r="AB32965">
        <v>59</v>
      </c>
      <c r="AC32965">
        <v>60</v>
      </c>
      <c r="AD32965">
        <v>60</v>
      </c>
      <c r="AE32965">
        <v>61</v>
      </c>
      <c r="AF32965">
        <v>62</v>
      </c>
      <c r="AG32965">
        <v>62</v>
      </c>
      <c r="AH32965">
        <v>63</v>
      </c>
      <c r="AI32965">
        <v>64</v>
      </c>
      <c r="AJ32965">
        <v>64</v>
      </c>
      <c r="AK32965">
        <v>65</v>
      </c>
      <c r="AL32965">
        <v>65</v>
      </c>
      <c r="AM32965">
        <v>65</v>
      </c>
      <c r="AN32965">
        <v>65</v>
      </c>
      <c r="AO32965">
        <v>66</v>
      </c>
      <c r="AP32965">
        <v>66</v>
      </c>
      <c r="AQ32965">
        <v>66</v>
      </c>
    </row>
    <row r="32966" spans="1:43">
      <c r="A32966" t="s">
        <v>20423</v>
      </c>
      <c r="B32966" t="s">
        <v>20424</v>
      </c>
      <c r="C32966" t="s">
        <v>20269</v>
      </c>
      <c r="D32966" t="s">
        <v>20270</v>
      </c>
      <c r="E32966" t="s">
        <v>20253</v>
      </c>
      <c r="F32966" t="s">
        <v>20254</v>
      </c>
      <c r="G32966" t="s">
        <v>20255</v>
      </c>
      <c r="H32966" t="s">
        <v>20256</v>
      </c>
      <c r="I32966" s="2">
        <v>1</v>
      </c>
      <c r="J32966" s="2">
        <v>0</v>
      </c>
      <c r="K32966" s="2">
        <v>0</v>
      </c>
      <c r="L32966" t="s">
        <v>120</v>
      </c>
      <c r="M32966" t="s">
        <v>83</v>
      </c>
      <c r="N32966" t="s">
        <v>84</v>
      </c>
      <c r="O32966" t="s">
        <v>85</v>
      </c>
      <c r="P32966" t="s">
        <v>86</v>
      </c>
      <c r="Q32966">
        <v>9</v>
      </c>
      <c r="R32966">
        <v>9</v>
      </c>
      <c r="S32966">
        <v>10</v>
      </c>
      <c r="T32966">
        <v>10</v>
      </c>
      <c r="U32966">
        <v>10</v>
      </c>
      <c r="V32966">
        <v>10</v>
      </c>
      <c r="W32966">
        <v>10</v>
      </c>
      <c r="X32966">
        <v>10</v>
      </c>
      <c r="Y32966">
        <v>10</v>
      </c>
      <c r="Z32966">
        <v>10</v>
      </c>
      <c r="AA32966">
        <v>11</v>
      </c>
      <c r="AB32966">
        <v>11</v>
      </c>
      <c r="AC32966">
        <v>11</v>
      </c>
      <c r="AD32966">
        <v>11</v>
      </c>
      <c r="AE32966">
        <v>11</v>
      </c>
      <c r="AF32966">
        <v>11</v>
      </c>
      <c r="AG32966">
        <v>11</v>
      </c>
      <c r="AH32966">
        <v>11</v>
      </c>
      <c r="AI32966">
        <v>12</v>
      </c>
      <c r="AJ32966">
        <v>12</v>
      </c>
      <c r="AK32966">
        <v>12</v>
      </c>
      <c r="AL32966">
        <v>12</v>
      </c>
      <c r="AM32966">
        <v>12</v>
      </c>
      <c r="AN32966">
        <v>12</v>
      </c>
      <c r="AO32966">
        <v>12</v>
      </c>
      <c r="AP32966">
        <v>12</v>
      </c>
      <c r="AQ32966">
        <v>12</v>
      </c>
    </row>
    <row r="32967" spans="1:43">
      <c r="A32967" t="s">
        <v>20423</v>
      </c>
      <c r="B32967" t="s">
        <v>20424</v>
      </c>
      <c r="C32967" t="s">
        <v>20269</v>
      </c>
      <c r="D32967" t="s">
        <v>20270</v>
      </c>
      <c r="E32967" t="s">
        <v>20253</v>
      </c>
      <c r="F32967" t="s">
        <v>20254</v>
      </c>
      <c r="G32967" t="s">
        <v>20255</v>
      </c>
      <c r="H32967" t="s">
        <v>20256</v>
      </c>
      <c r="I32967" s="2">
        <v>1</v>
      </c>
      <c r="J32967" s="2">
        <v>0</v>
      </c>
      <c r="K32967" s="2">
        <v>0</v>
      </c>
      <c r="L32967" t="s">
        <v>120</v>
      </c>
      <c r="M32967" t="s">
        <v>87</v>
      </c>
      <c r="N32967" t="s">
        <v>88</v>
      </c>
      <c r="O32967" t="s">
        <v>85</v>
      </c>
      <c r="P32967" t="s">
        <v>86</v>
      </c>
      <c r="Q32967">
        <v>9</v>
      </c>
      <c r="R32967">
        <v>9</v>
      </c>
      <c r="S32967">
        <v>9</v>
      </c>
      <c r="T32967">
        <v>9</v>
      </c>
      <c r="U32967">
        <v>9</v>
      </c>
      <c r="V32967">
        <v>9</v>
      </c>
      <c r="W32967">
        <v>10</v>
      </c>
      <c r="X32967">
        <v>10</v>
      </c>
      <c r="Y32967">
        <v>10</v>
      </c>
      <c r="Z32967">
        <v>10</v>
      </c>
      <c r="AA32967">
        <v>10</v>
      </c>
      <c r="AB32967">
        <v>10</v>
      </c>
      <c r="AC32967">
        <v>10</v>
      </c>
      <c r="AD32967">
        <v>10</v>
      </c>
      <c r="AE32967">
        <v>10</v>
      </c>
      <c r="AF32967">
        <v>10</v>
      </c>
      <c r="AG32967">
        <v>10</v>
      </c>
      <c r="AH32967">
        <v>10</v>
      </c>
      <c r="AI32967">
        <v>10</v>
      </c>
      <c r="AJ32967">
        <v>10</v>
      </c>
      <c r="AK32967">
        <v>10</v>
      </c>
      <c r="AL32967">
        <v>10</v>
      </c>
      <c r="AM32967">
        <v>10</v>
      </c>
      <c r="AN32967">
        <v>10</v>
      </c>
      <c r="AO32967">
        <v>10</v>
      </c>
      <c r="AP32967">
        <v>11</v>
      </c>
      <c r="AQ32967">
        <v>11</v>
      </c>
    </row>
    <row r="32968" spans="1:43">
      <c r="A32968" t="s">
        <v>20423</v>
      </c>
      <c r="B32968" t="s">
        <v>20424</v>
      </c>
      <c r="C32968" t="s">
        <v>20269</v>
      </c>
      <c r="D32968" t="s">
        <v>20270</v>
      </c>
      <c r="E32968" t="s">
        <v>20253</v>
      </c>
      <c r="F32968" t="s">
        <v>20254</v>
      </c>
      <c r="G32968" t="s">
        <v>20255</v>
      </c>
      <c r="H32968" t="s">
        <v>20256</v>
      </c>
      <c r="I32968" s="2">
        <v>1</v>
      </c>
      <c r="J32968" s="2">
        <v>0</v>
      </c>
      <c r="K32968" s="2">
        <v>0</v>
      </c>
      <c r="L32968" t="s">
        <v>120</v>
      </c>
      <c r="M32968" t="s">
        <v>89</v>
      </c>
      <c r="N32968" t="s">
        <v>90</v>
      </c>
      <c r="O32968" t="s">
        <v>85</v>
      </c>
      <c r="P32968" t="s">
        <v>86</v>
      </c>
      <c r="Q32968">
        <v>9</v>
      </c>
      <c r="R32968">
        <v>10</v>
      </c>
      <c r="S32968">
        <v>10</v>
      </c>
      <c r="T32968">
        <v>10</v>
      </c>
      <c r="U32968">
        <v>10</v>
      </c>
      <c r="V32968">
        <v>10</v>
      </c>
      <c r="W32968">
        <v>11</v>
      </c>
      <c r="X32968">
        <v>11</v>
      </c>
      <c r="Y32968">
        <v>11</v>
      </c>
      <c r="Z32968">
        <v>11</v>
      </c>
      <c r="AA32968">
        <v>11</v>
      </c>
      <c r="AB32968">
        <v>11</v>
      </c>
      <c r="AC32968">
        <v>12</v>
      </c>
      <c r="AD32968">
        <v>12</v>
      </c>
      <c r="AE32968">
        <v>12</v>
      </c>
      <c r="AF32968">
        <v>12</v>
      </c>
      <c r="AG32968">
        <v>12</v>
      </c>
      <c r="AH32968">
        <v>12</v>
      </c>
      <c r="AI32968">
        <v>12</v>
      </c>
      <c r="AJ32968">
        <v>12</v>
      </c>
      <c r="AK32968">
        <v>12</v>
      </c>
      <c r="AL32968">
        <v>12</v>
      </c>
      <c r="AM32968">
        <v>12</v>
      </c>
      <c r="AN32968">
        <v>12</v>
      </c>
      <c r="AO32968">
        <v>12</v>
      </c>
      <c r="AP32968">
        <v>12</v>
      </c>
      <c r="AQ32968">
        <v>12</v>
      </c>
    </row>
    <row r="32969" spans="1:43">
      <c r="A32969" t="s">
        <v>20423</v>
      </c>
      <c r="B32969" t="s">
        <v>20424</v>
      </c>
      <c r="C32969" t="s">
        <v>20269</v>
      </c>
      <c r="D32969" t="s">
        <v>20270</v>
      </c>
      <c r="E32969" t="s">
        <v>20253</v>
      </c>
      <c r="F32969" t="s">
        <v>20254</v>
      </c>
      <c r="G32969" t="s">
        <v>20255</v>
      </c>
      <c r="H32969" t="s">
        <v>20256</v>
      </c>
      <c r="I32969" s="2">
        <v>1</v>
      </c>
      <c r="J32969" s="2">
        <v>0</v>
      </c>
      <c r="K32969" s="2">
        <v>0</v>
      </c>
      <c r="L32969" t="s">
        <v>120</v>
      </c>
      <c r="M32969" t="s">
        <v>83</v>
      </c>
      <c r="N32969" t="s">
        <v>91</v>
      </c>
      <c r="O32969" t="s">
        <v>85</v>
      </c>
      <c r="P32969" t="s">
        <v>86</v>
      </c>
      <c r="Q32969">
        <v>9</v>
      </c>
      <c r="R32969">
        <v>9</v>
      </c>
      <c r="S32969">
        <v>10</v>
      </c>
      <c r="T32969">
        <v>10</v>
      </c>
      <c r="U32969">
        <v>10</v>
      </c>
      <c r="V32969">
        <v>10</v>
      </c>
      <c r="W32969">
        <v>10</v>
      </c>
      <c r="X32969">
        <v>10</v>
      </c>
      <c r="Y32969">
        <v>10</v>
      </c>
      <c r="Z32969">
        <v>10</v>
      </c>
      <c r="AA32969">
        <v>11</v>
      </c>
      <c r="AB32969">
        <v>11</v>
      </c>
      <c r="AC32969">
        <v>11</v>
      </c>
      <c r="AD32969">
        <v>11</v>
      </c>
      <c r="AE32969">
        <v>11</v>
      </c>
      <c r="AF32969">
        <v>11</v>
      </c>
      <c r="AG32969">
        <v>11</v>
      </c>
      <c r="AH32969">
        <v>11</v>
      </c>
      <c r="AI32969">
        <v>12</v>
      </c>
      <c r="AJ32969">
        <v>12</v>
      </c>
      <c r="AK32969">
        <v>12</v>
      </c>
      <c r="AL32969">
        <v>12</v>
      </c>
      <c r="AM32969">
        <v>12</v>
      </c>
      <c r="AN32969">
        <v>12</v>
      </c>
      <c r="AO32969">
        <v>12</v>
      </c>
      <c r="AP32969">
        <v>12</v>
      </c>
      <c r="AQ32969">
        <v>12</v>
      </c>
    </row>
    <row r="32970" spans="1:43">
      <c r="A32970" t="s">
        <v>20425</v>
      </c>
      <c r="B32970" t="s">
        <v>20426</v>
      </c>
      <c r="C32970" t="s">
        <v>20269</v>
      </c>
      <c r="D32970" t="s">
        <v>20270</v>
      </c>
      <c r="E32970" t="s">
        <v>20253</v>
      </c>
      <c r="F32970" t="s">
        <v>20254</v>
      </c>
      <c r="G32970" t="s">
        <v>20255</v>
      </c>
      <c r="H32970" t="s">
        <v>20256</v>
      </c>
      <c r="I32970" s="2">
        <v>1</v>
      </c>
      <c r="J32970" s="2">
        <v>0</v>
      </c>
      <c r="K32970" s="2">
        <v>0</v>
      </c>
      <c r="L32970" t="s">
        <v>120</v>
      </c>
      <c r="M32970" t="s">
        <v>83</v>
      </c>
      <c r="N32970" t="s">
        <v>84</v>
      </c>
      <c r="O32970" t="s">
        <v>85</v>
      </c>
      <c r="P32970" t="s">
        <v>86</v>
      </c>
      <c r="Q32970">
        <v>27</v>
      </c>
      <c r="R32970">
        <v>27</v>
      </c>
      <c r="S32970">
        <v>28</v>
      </c>
      <c r="T32970">
        <v>28</v>
      </c>
      <c r="U32970">
        <v>28</v>
      </c>
      <c r="V32970">
        <v>29</v>
      </c>
      <c r="W32970">
        <v>29</v>
      </c>
      <c r="X32970">
        <v>29</v>
      </c>
      <c r="Y32970">
        <v>30</v>
      </c>
      <c r="Z32970">
        <v>30</v>
      </c>
      <c r="AA32970">
        <v>30</v>
      </c>
      <c r="AB32970">
        <v>31</v>
      </c>
      <c r="AC32970">
        <v>31</v>
      </c>
      <c r="AD32970">
        <v>31</v>
      </c>
      <c r="AE32970">
        <v>32</v>
      </c>
      <c r="AF32970">
        <v>32</v>
      </c>
      <c r="AG32970">
        <v>32</v>
      </c>
      <c r="AH32970">
        <v>33</v>
      </c>
      <c r="AI32970">
        <v>33</v>
      </c>
      <c r="AJ32970">
        <v>34</v>
      </c>
      <c r="AK32970">
        <v>34</v>
      </c>
      <c r="AL32970">
        <v>34</v>
      </c>
      <c r="AM32970">
        <v>34</v>
      </c>
      <c r="AN32970">
        <v>35</v>
      </c>
      <c r="AO32970">
        <v>35</v>
      </c>
      <c r="AP32970">
        <v>35</v>
      </c>
      <c r="AQ32970">
        <v>35</v>
      </c>
    </row>
    <row r="32971" spans="1:43">
      <c r="A32971" t="s">
        <v>20425</v>
      </c>
      <c r="B32971" t="s">
        <v>20426</v>
      </c>
      <c r="C32971" t="s">
        <v>20269</v>
      </c>
      <c r="D32971" t="s">
        <v>20270</v>
      </c>
      <c r="E32971" t="s">
        <v>20253</v>
      </c>
      <c r="F32971" t="s">
        <v>20254</v>
      </c>
      <c r="G32971" t="s">
        <v>20255</v>
      </c>
      <c r="H32971" t="s">
        <v>20256</v>
      </c>
      <c r="I32971" s="2">
        <v>1</v>
      </c>
      <c r="J32971" s="2">
        <v>0</v>
      </c>
      <c r="K32971" s="2">
        <v>0</v>
      </c>
      <c r="L32971" t="s">
        <v>120</v>
      </c>
      <c r="M32971" t="s">
        <v>87</v>
      </c>
      <c r="N32971" t="s">
        <v>88</v>
      </c>
      <c r="O32971" t="s">
        <v>85</v>
      </c>
      <c r="P32971" t="s">
        <v>86</v>
      </c>
      <c r="Q32971">
        <v>27</v>
      </c>
      <c r="R32971">
        <v>27</v>
      </c>
      <c r="S32971">
        <v>27</v>
      </c>
      <c r="T32971">
        <v>27</v>
      </c>
      <c r="U32971">
        <v>27</v>
      </c>
      <c r="V32971">
        <v>27</v>
      </c>
      <c r="W32971">
        <v>27</v>
      </c>
      <c r="X32971">
        <v>27</v>
      </c>
      <c r="Y32971">
        <v>27</v>
      </c>
      <c r="Z32971">
        <v>28</v>
      </c>
      <c r="AA32971">
        <v>28</v>
      </c>
      <c r="AB32971">
        <v>28</v>
      </c>
      <c r="AC32971">
        <v>28</v>
      </c>
      <c r="AD32971">
        <v>28</v>
      </c>
      <c r="AE32971">
        <v>28</v>
      </c>
      <c r="AF32971">
        <v>28</v>
      </c>
      <c r="AG32971">
        <v>28</v>
      </c>
      <c r="AH32971">
        <v>29</v>
      </c>
      <c r="AI32971">
        <v>29</v>
      </c>
      <c r="AJ32971">
        <v>29</v>
      </c>
      <c r="AK32971">
        <v>29</v>
      </c>
      <c r="AL32971">
        <v>29</v>
      </c>
      <c r="AM32971">
        <v>29</v>
      </c>
      <c r="AN32971">
        <v>30</v>
      </c>
      <c r="AO32971">
        <v>30</v>
      </c>
      <c r="AP32971">
        <v>30</v>
      </c>
      <c r="AQ32971">
        <v>30</v>
      </c>
    </row>
    <row r="32972" spans="1:43">
      <c r="A32972" t="s">
        <v>20425</v>
      </c>
      <c r="B32972" t="s">
        <v>20426</v>
      </c>
      <c r="C32972" t="s">
        <v>20269</v>
      </c>
      <c r="D32972" t="s">
        <v>20270</v>
      </c>
      <c r="E32972" t="s">
        <v>20253</v>
      </c>
      <c r="F32972" t="s">
        <v>20254</v>
      </c>
      <c r="G32972" t="s">
        <v>20255</v>
      </c>
      <c r="H32972" t="s">
        <v>20256</v>
      </c>
      <c r="I32972" s="2">
        <v>1</v>
      </c>
      <c r="J32972" s="2">
        <v>0</v>
      </c>
      <c r="K32972" s="2">
        <v>0</v>
      </c>
      <c r="L32972" t="s">
        <v>120</v>
      </c>
      <c r="M32972" t="s">
        <v>89</v>
      </c>
      <c r="N32972" t="s">
        <v>90</v>
      </c>
      <c r="O32972" t="s">
        <v>85</v>
      </c>
      <c r="P32972" t="s">
        <v>86</v>
      </c>
      <c r="Q32972">
        <v>27</v>
      </c>
      <c r="R32972">
        <v>28</v>
      </c>
      <c r="S32972">
        <v>28</v>
      </c>
      <c r="T32972">
        <v>29</v>
      </c>
      <c r="U32972">
        <v>29</v>
      </c>
      <c r="V32972">
        <v>30</v>
      </c>
      <c r="W32972">
        <v>30</v>
      </c>
      <c r="X32972">
        <v>31</v>
      </c>
      <c r="Y32972">
        <v>31</v>
      </c>
      <c r="Z32972">
        <v>32</v>
      </c>
      <c r="AA32972">
        <v>32</v>
      </c>
      <c r="AB32972">
        <v>33</v>
      </c>
      <c r="AC32972">
        <v>33</v>
      </c>
      <c r="AD32972">
        <v>34</v>
      </c>
      <c r="AE32972">
        <v>34</v>
      </c>
      <c r="AF32972">
        <v>34</v>
      </c>
      <c r="AG32972">
        <v>34</v>
      </c>
      <c r="AH32972">
        <v>34</v>
      </c>
      <c r="AI32972">
        <v>34</v>
      </c>
      <c r="AJ32972">
        <v>35</v>
      </c>
      <c r="AK32972">
        <v>35</v>
      </c>
      <c r="AL32972">
        <v>35</v>
      </c>
      <c r="AM32972">
        <v>35</v>
      </c>
      <c r="AN32972">
        <v>35</v>
      </c>
      <c r="AO32972">
        <v>35</v>
      </c>
      <c r="AP32972">
        <v>35</v>
      </c>
      <c r="AQ32972">
        <v>36</v>
      </c>
    </row>
    <row r="32973" spans="1:43">
      <c r="A32973" t="s">
        <v>20425</v>
      </c>
      <c r="B32973" t="s">
        <v>20426</v>
      </c>
      <c r="C32973" t="s">
        <v>20269</v>
      </c>
      <c r="D32973" t="s">
        <v>20270</v>
      </c>
      <c r="E32973" t="s">
        <v>20253</v>
      </c>
      <c r="F32973" t="s">
        <v>20254</v>
      </c>
      <c r="G32973" t="s">
        <v>20255</v>
      </c>
      <c r="H32973" t="s">
        <v>20256</v>
      </c>
      <c r="I32973" s="2">
        <v>1</v>
      </c>
      <c r="J32973" s="2">
        <v>0</v>
      </c>
      <c r="K32973" s="2">
        <v>0</v>
      </c>
      <c r="L32973" t="s">
        <v>120</v>
      </c>
      <c r="M32973" t="s">
        <v>83</v>
      </c>
      <c r="N32973" t="s">
        <v>91</v>
      </c>
      <c r="O32973" t="s">
        <v>85</v>
      </c>
      <c r="P32973" t="s">
        <v>86</v>
      </c>
      <c r="Q32973">
        <v>27</v>
      </c>
      <c r="R32973">
        <v>27</v>
      </c>
      <c r="S32973">
        <v>28</v>
      </c>
      <c r="T32973">
        <v>28</v>
      </c>
      <c r="U32973">
        <v>28</v>
      </c>
      <c r="V32973">
        <v>29</v>
      </c>
      <c r="W32973">
        <v>29</v>
      </c>
      <c r="X32973">
        <v>29</v>
      </c>
      <c r="Y32973">
        <v>30</v>
      </c>
      <c r="Z32973">
        <v>30</v>
      </c>
      <c r="AA32973">
        <v>30</v>
      </c>
      <c r="AB32973">
        <v>31</v>
      </c>
      <c r="AC32973">
        <v>31</v>
      </c>
      <c r="AD32973">
        <v>31</v>
      </c>
      <c r="AE32973">
        <v>32</v>
      </c>
      <c r="AF32973">
        <v>32</v>
      </c>
      <c r="AG32973">
        <v>32</v>
      </c>
      <c r="AH32973">
        <v>33</v>
      </c>
      <c r="AI32973">
        <v>33</v>
      </c>
      <c r="AJ32973">
        <v>34</v>
      </c>
      <c r="AK32973">
        <v>34</v>
      </c>
      <c r="AL32973">
        <v>34</v>
      </c>
      <c r="AM32973">
        <v>34</v>
      </c>
      <c r="AN32973">
        <v>35</v>
      </c>
      <c r="AO32973">
        <v>35</v>
      </c>
      <c r="AP32973">
        <v>35</v>
      </c>
      <c r="AQ32973">
        <v>35</v>
      </c>
    </row>
    <row r="32974" spans="1:43">
      <c r="A32974" t="s">
        <v>20427</v>
      </c>
      <c r="B32974" t="s">
        <v>20428</v>
      </c>
      <c r="C32974" t="s">
        <v>20309</v>
      </c>
      <c r="D32974" t="s">
        <v>20310</v>
      </c>
      <c r="E32974" t="s">
        <v>20253</v>
      </c>
      <c r="F32974" t="s">
        <v>20254</v>
      </c>
      <c r="G32974" t="s">
        <v>20255</v>
      </c>
      <c r="H32974" t="s">
        <v>20256</v>
      </c>
      <c r="I32974" s="2">
        <v>1</v>
      </c>
      <c r="J32974" s="2">
        <v>0</v>
      </c>
      <c r="K32974" s="2">
        <v>0</v>
      </c>
      <c r="L32974" t="s">
        <v>120</v>
      </c>
      <c r="M32974" t="s">
        <v>83</v>
      </c>
      <c r="N32974" t="s">
        <v>84</v>
      </c>
      <c r="O32974" t="s">
        <v>85</v>
      </c>
      <c r="P32974" t="s">
        <v>86</v>
      </c>
      <c r="Q32974">
        <v>55</v>
      </c>
      <c r="R32974">
        <v>55</v>
      </c>
      <c r="S32974">
        <v>56</v>
      </c>
      <c r="T32974">
        <v>57</v>
      </c>
      <c r="U32974">
        <v>57</v>
      </c>
      <c r="V32974">
        <v>58</v>
      </c>
      <c r="W32974">
        <v>59</v>
      </c>
      <c r="X32974">
        <v>59</v>
      </c>
      <c r="Y32974">
        <v>60</v>
      </c>
      <c r="Z32974">
        <v>61</v>
      </c>
      <c r="AA32974">
        <v>61</v>
      </c>
      <c r="AB32974">
        <v>62</v>
      </c>
      <c r="AC32974">
        <v>62</v>
      </c>
      <c r="AD32974">
        <v>63</v>
      </c>
      <c r="AE32974">
        <v>64</v>
      </c>
      <c r="AF32974">
        <v>64</v>
      </c>
      <c r="AG32974">
        <v>65</v>
      </c>
      <c r="AH32974">
        <v>66</v>
      </c>
      <c r="AI32974">
        <v>66</v>
      </c>
      <c r="AJ32974">
        <v>67</v>
      </c>
      <c r="AK32974">
        <v>68</v>
      </c>
      <c r="AL32974">
        <v>68</v>
      </c>
      <c r="AM32974">
        <v>68</v>
      </c>
      <c r="AN32974">
        <v>69</v>
      </c>
      <c r="AO32974">
        <v>69</v>
      </c>
      <c r="AP32974">
        <v>69</v>
      </c>
      <c r="AQ32974">
        <v>69</v>
      </c>
    </row>
    <row r="32975" spans="1:43">
      <c r="A32975" t="s">
        <v>20427</v>
      </c>
      <c r="B32975" t="s">
        <v>20428</v>
      </c>
      <c r="C32975" t="s">
        <v>20309</v>
      </c>
      <c r="D32975" t="s">
        <v>20310</v>
      </c>
      <c r="E32975" t="s">
        <v>20253</v>
      </c>
      <c r="F32975" t="s">
        <v>20254</v>
      </c>
      <c r="G32975" t="s">
        <v>20255</v>
      </c>
      <c r="H32975" t="s">
        <v>20256</v>
      </c>
      <c r="I32975" s="2">
        <v>1</v>
      </c>
      <c r="J32975" s="2">
        <v>0</v>
      </c>
      <c r="K32975" s="2">
        <v>0</v>
      </c>
      <c r="L32975" t="s">
        <v>120</v>
      </c>
      <c r="M32975" t="s">
        <v>87</v>
      </c>
      <c r="N32975" t="s">
        <v>88</v>
      </c>
      <c r="O32975" t="s">
        <v>85</v>
      </c>
      <c r="P32975" t="s">
        <v>86</v>
      </c>
      <c r="Q32975">
        <v>55</v>
      </c>
      <c r="R32975">
        <v>55</v>
      </c>
      <c r="S32975">
        <v>56</v>
      </c>
      <c r="T32975">
        <v>56</v>
      </c>
      <c r="U32975">
        <v>56</v>
      </c>
      <c r="V32975">
        <v>56</v>
      </c>
      <c r="W32975">
        <v>56</v>
      </c>
      <c r="X32975">
        <v>56</v>
      </c>
      <c r="Y32975">
        <v>56</v>
      </c>
      <c r="Z32975">
        <v>57</v>
      </c>
      <c r="AA32975">
        <v>57</v>
      </c>
      <c r="AB32975">
        <v>57</v>
      </c>
      <c r="AC32975">
        <v>57</v>
      </c>
      <c r="AD32975">
        <v>57</v>
      </c>
      <c r="AE32975">
        <v>58</v>
      </c>
      <c r="AF32975">
        <v>58</v>
      </c>
      <c r="AG32975">
        <v>58</v>
      </c>
      <c r="AH32975">
        <v>58</v>
      </c>
      <c r="AI32975">
        <v>58</v>
      </c>
      <c r="AJ32975">
        <v>59</v>
      </c>
      <c r="AK32975">
        <v>59</v>
      </c>
      <c r="AL32975">
        <v>59</v>
      </c>
      <c r="AM32975">
        <v>60</v>
      </c>
      <c r="AN32975">
        <v>60</v>
      </c>
      <c r="AO32975">
        <v>60</v>
      </c>
      <c r="AP32975">
        <v>60</v>
      </c>
      <c r="AQ32975">
        <v>61</v>
      </c>
    </row>
    <row r="32976" spans="1:43">
      <c r="A32976" t="s">
        <v>20427</v>
      </c>
      <c r="B32976" t="s">
        <v>20428</v>
      </c>
      <c r="C32976" t="s">
        <v>20309</v>
      </c>
      <c r="D32976" t="s">
        <v>20310</v>
      </c>
      <c r="E32976" t="s">
        <v>20253</v>
      </c>
      <c r="F32976" t="s">
        <v>20254</v>
      </c>
      <c r="G32976" t="s">
        <v>20255</v>
      </c>
      <c r="H32976" t="s">
        <v>20256</v>
      </c>
      <c r="I32976" s="2">
        <v>1</v>
      </c>
      <c r="J32976" s="2">
        <v>0</v>
      </c>
      <c r="K32976" s="2">
        <v>0</v>
      </c>
      <c r="L32976" t="s">
        <v>120</v>
      </c>
      <c r="M32976" t="s">
        <v>89</v>
      </c>
      <c r="N32976" t="s">
        <v>90</v>
      </c>
      <c r="O32976" t="s">
        <v>85</v>
      </c>
      <c r="P32976" t="s">
        <v>86</v>
      </c>
      <c r="Q32976">
        <v>55</v>
      </c>
      <c r="R32976">
        <v>56</v>
      </c>
      <c r="S32976">
        <v>57</v>
      </c>
      <c r="T32976">
        <v>59</v>
      </c>
      <c r="U32976">
        <v>60</v>
      </c>
      <c r="V32976">
        <v>61</v>
      </c>
      <c r="W32976">
        <v>62</v>
      </c>
      <c r="X32976">
        <v>62</v>
      </c>
      <c r="Y32976">
        <v>63</v>
      </c>
      <c r="Z32976">
        <v>64</v>
      </c>
      <c r="AA32976">
        <v>65</v>
      </c>
      <c r="AB32976">
        <v>66</v>
      </c>
      <c r="AC32976">
        <v>67</v>
      </c>
      <c r="AD32976">
        <v>68</v>
      </c>
      <c r="AE32976">
        <v>68</v>
      </c>
      <c r="AF32976">
        <v>69</v>
      </c>
      <c r="AG32976">
        <v>69</v>
      </c>
      <c r="AH32976">
        <v>69</v>
      </c>
      <c r="AI32976">
        <v>69</v>
      </c>
      <c r="AJ32976">
        <v>69</v>
      </c>
      <c r="AK32976">
        <v>69</v>
      </c>
      <c r="AL32976">
        <v>69</v>
      </c>
      <c r="AM32976">
        <v>69</v>
      </c>
      <c r="AN32976">
        <v>69</v>
      </c>
      <c r="AO32976">
        <v>70</v>
      </c>
      <c r="AP32976">
        <v>70</v>
      </c>
      <c r="AQ32976">
        <v>70</v>
      </c>
    </row>
    <row r="32977" spans="1:43">
      <c r="A32977" t="s">
        <v>20427</v>
      </c>
      <c r="B32977" t="s">
        <v>20428</v>
      </c>
      <c r="C32977" t="s">
        <v>20309</v>
      </c>
      <c r="D32977" t="s">
        <v>20310</v>
      </c>
      <c r="E32977" t="s">
        <v>20253</v>
      </c>
      <c r="F32977" t="s">
        <v>20254</v>
      </c>
      <c r="G32977" t="s">
        <v>20255</v>
      </c>
      <c r="H32977" t="s">
        <v>20256</v>
      </c>
      <c r="I32977" s="2">
        <v>1</v>
      </c>
      <c r="J32977" s="2">
        <v>0</v>
      </c>
      <c r="K32977" s="2">
        <v>0</v>
      </c>
      <c r="L32977" t="s">
        <v>120</v>
      </c>
      <c r="M32977" t="s">
        <v>83</v>
      </c>
      <c r="N32977" t="s">
        <v>91</v>
      </c>
      <c r="O32977" t="s">
        <v>85</v>
      </c>
      <c r="P32977" t="s">
        <v>86</v>
      </c>
      <c r="Q32977">
        <v>55</v>
      </c>
      <c r="R32977">
        <v>55</v>
      </c>
      <c r="S32977">
        <v>56</v>
      </c>
      <c r="T32977">
        <v>57</v>
      </c>
      <c r="U32977">
        <v>57</v>
      </c>
      <c r="V32977">
        <v>58</v>
      </c>
      <c r="W32977">
        <v>59</v>
      </c>
      <c r="X32977">
        <v>59</v>
      </c>
      <c r="Y32977">
        <v>60</v>
      </c>
      <c r="Z32977">
        <v>61</v>
      </c>
      <c r="AA32977">
        <v>61</v>
      </c>
      <c r="AB32977">
        <v>62</v>
      </c>
      <c r="AC32977">
        <v>62</v>
      </c>
      <c r="AD32977">
        <v>63</v>
      </c>
      <c r="AE32977">
        <v>64</v>
      </c>
      <c r="AF32977">
        <v>64</v>
      </c>
      <c r="AG32977">
        <v>65</v>
      </c>
      <c r="AH32977">
        <v>66</v>
      </c>
      <c r="AI32977">
        <v>66</v>
      </c>
      <c r="AJ32977">
        <v>67</v>
      </c>
      <c r="AK32977">
        <v>68</v>
      </c>
      <c r="AL32977">
        <v>68</v>
      </c>
      <c r="AM32977">
        <v>68</v>
      </c>
      <c r="AN32977">
        <v>69</v>
      </c>
      <c r="AO32977">
        <v>69</v>
      </c>
      <c r="AP32977">
        <v>69</v>
      </c>
      <c r="AQ32977">
        <v>69</v>
      </c>
    </row>
    <row r="32978" spans="1:43">
      <c r="A32978" t="s">
        <v>20429</v>
      </c>
      <c r="B32978" t="s">
        <v>20430</v>
      </c>
      <c r="C32978" t="s">
        <v>20303</v>
      </c>
      <c r="D32978" t="s">
        <v>20304</v>
      </c>
      <c r="E32978" t="s">
        <v>20253</v>
      </c>
      <c r="F32978" t="s">
        <v>20254</v>
      </c>
      <c r="G32978" t="s">
        <v>20255</v>
      </c>
      <c r="H32978" t="s">
        <v>20256</v>
      </c>
      <c r="I32978" s="2">
        <v>1</v>
      </c>
      <c r="J32978" s="2">
        <v>0</v>
      </c>
      <c r="K32978" s="2">
        <v>0</v>
      </c>
      <c r="L32978" t="s">
        <v>120</v>
      </c>
      <c r="M32978" t="s">
        <v>83</v>
      </c>
      <c r="N32978" t="s">
        <v>84</v>
      </c>
      <c r="O32978" t="s">
        <v>85</v>
      </c>
      <c r="P32978" t="s">
        <v>86</v>
      </c>
      <c r="Q32978">
        <v>17</v>
      </c>
      <c r="R32978">
        <v>17</v>
      </c>
      <c r="S32978">
        <v>18</v>
      </c>
      <c r="T32978">
        <v>18</v>
      </c>
      <c r="U32978">
        <v>18</v>
      </c>
      <c r="V32978">
        <v>18</v>
      </c>
      <c r="W32978">
        <v>18</v>
      </c>
      <c r="X32978">
        <v>19</v>
      </c>
      <c r="Y32978">
        <v>19</v>
      </c>
      <c r="Z32978">
        <v>19</v>
      </c>
      <c r="AA32978">
        <v>19</v>
      </c>
      <c r="AB32978">
        <v>19</v>
      </c>
      <c r="AC32978">
        <v>19</v>
      </c>
      <c r="AD32978">
        <v>20</v>
      </c>
      <c r="AE32978">
        <v>20</v>
      </c>
      <c r="AF32978">
        <v>20</v>
      </c>
      <c r="AG32978">
        <v>20</v>
      </c>
      <c r="AH32978">
        <v>20</v>
      </c>
      <c r="AI32978">
        <v>21</v>
      </c>
      <c r="AJ32978">
        <v>21</v>
      </c>
      <c r="AK32978">
        <v>21</v>
      </c>
      <c r="AL32978">
        <v>21</v>
      </c>
      <c r="AM32978">
        <v>21</v>
      </c>
      <c r="AN32978">
        <v>21</v>
      </c>
      <c r="AO32978">
        <v>21</v>
      </c>
      <c r="AP32978">
        <v>21</v>
      </c>
      <c r="AQ32978">
        <v>21</v>
      </c>
    </row>
    <row r="32979" spans="1:43">
      <c r="A32979" t="s">
        <v>20429</v>
      </c>
      <c r="B32979" t="s">
        <v>20430</v>
      </c>
      <c r="C32979" t="s">
        <v>20303</v>
      </c>
      <c r="D32979" t="s">
        <v>20304</v>
      </c>
      <c r="E32979" t="s">
        <v>20253</v>
      </c>
      <c r="F32979" t="s">
        <v>20254</v>
      </c>
      <c r="G32979" t="s">
        <v>20255</v>
      </c>
      <c r="H32979" t="s">
        <v>20256</v>
      </c>
      <c r="I32979" s="2">
        <v>1</v>
      </c>
      <c r="J32979" s="2">
        <v>0</v>
      </c>
      <c r="K32979" s="2">
        <v>0</v>
      </c>
      <c r="L32979" t="s">
        <v>120</v>
      </c>
      <c r="M32979" t="s">
        <v>87</v>
      </c>
      <c r="N32979" t="s">
        <v>88</v>
      </c>
      <c r="O32979" t="s">
        <v>85</v>
      </c>
      <c r="P32979" t="s">
        <v>86</v>
      </c>
      <c r="Q32979">
        <v>17</v>
      </c>
      <c r="R32979">
        <v>17</v>
      </c>
      <c r="S32979">
        <v>17</v>
      </c>
      <c r="T32979">
        <v>17</v>
      </c>
      <c r="U32979">
        <v>17</v>
      </c>
      <c r="V32979">
        <v>17</v>
      </c>
      <c r="W32979">
        <v>17</v>
      </c>
      <c r="X32979">
        <v>17</v>
      </c>
      <c r="Y32979">
        <v>17</v>
      </c>
      <c r="Z32979">
        <v>17</v>
      </c>
      <c r="AA32979">
        <v>17</v>
      </c>
      <c r="AB32979">
        <v>17</v>
      </c>
      <c r="AC32979">
        <v>17</v>
      </c>
      <c r="AD32979">
        <v>18</v>
      </c>
      <c r="AE32979">
        <v>18</v>
      </c>
      <c r="AF32979">
        <v>18</v>
      </c>
      <c r="AG32979">
        <v>18</v>
      </c>
      <c r="AH32979">
        <v>18</v>
      </c>
      <c r="AI32979">
        <v>18</v>
      </c>
      <c r="AJ32979">
        <v>18</v>
      </c>
      <c r="AK32979">
        <v>18</v>
      </c>
      <c r="AL32979">
        <v>18</v>
      </c>
      <c r="AM32979">
        <v>18</v>
      </c>
      <c r="AN32979">
        <v>18</v>
      </c>
      <c r="AO32979">
        <v>18</v>
      </c>
      <c r="AP32979">
        <v>18</v>
      </c>
      <c r="AQ32979">
        <v>18</v>
      </c>
    </row>
    <row r="32980" spans="1:43">
      <c r="A32980" t="s">
        <v>20429</v>
      </c>
      <c r="B32980" t="s">
        <v>20430</v>
      </c>
      <c r="C32980" t="s">
        <v>20303</v>
      </c>
      <c r="D32980" t="s">
        <v>20304</v>
      </c>
      <c r="E32980" t="s">
        <v>20253</v>
      </c>
      <c r="F32980" t="s">
        <v>20254</v>
      </c>
      <c r="G32980" t="s">
        <v>20255</v>
      </c>
      <c r="H32980" t="s">
        <v>20256</v>
      </c>
      <c r="I32980" s="2">
        <v>1</v>
      </c>
      <c r="J32980" s="2">
        <v>0</v>
      </c>
      <c r="K32980" s="2">
        <v>0</v>
      </c>
      <c r="L32980" t="s">
        <v>120</v>
      </c>
      <c r="M32980" t="s">
        <v>89</v>
      </c>
      <c r="N32980" t="s">
        <v>90</v>
      </c>
      <c r="O32980" t="s">
        <v>85</v>
      </c>
      <c r="P32980" t="s">
        <v>86</v>
      </c>
      <c r="Q32980">
        <v>17</v>
      </c>
      <c r="R32980">
        <v>18</v>
      </c>
      <c r="S32980">
        <v>18</v>
      </c>
      <c r="T32980">
        <v>18</v>
      </c>
      <c r="U32980">
        <v>19</v>
      </c>
      <c r="V32980">
        <v>19</v>
      </c>
      <c r="W32980">
        <v>19</v>
      </c>
      <c r="X32980">
        <v>20</v>
      </c>
      <c r="Y32980">
        <v>20</v>
      </c>
      <c r="Z32980">
        <v>20</v>
      </c>
      <c r="AA32980">
        <v>20</v>
      </c>
      <c r="AB32980">
        <v>21</v>
      </c>
      <c r="AC32980">
        <v>21</v>
      </c>
      <c r="AD32980">
        <v>21</v>
      </c>
      <c r="AE32980">
        <v>21</v>
      </c>
      <c r="AF32980">
        <v>21</v>
      </c>
      <c r="AG32980">
        <v>21</v>
      </c>
      <c r="AH32980">
        <v>21</v>
      </c>
      <c r="AI32980">
        <v>21</v>
      </c>
      <c r="AJ32980">
        <v>21</v>
      </c>
      <c r="AK32980">
        <v>21</v>
      </c>
      <c r="AL32980">
        <v>21</v>
      </c>
      <c r="AM32980">
        <v>21</v>
      </c>
      <c r="AN32980">
        <v>21</v>
      </c>
      <c r="AO32980">
        <v>22</v>
      </c>
      <c r="AP32980">
        <v>22</v>
      </c>
      <c r="AQ32980">
        <v>22</v>
      </c>
    </row>
    <row r="32981" spans="1:43">
      <c r="A32981" t="s">
        <v>20429</v>
      </c>
      <c r="B32981" t="s">
        <v>20430</v>
      </c>
      <c r="C32981" t="s">
        <v>20303</v>
      </c>
      <c r="D32981" t="s">
        <v>20304</v>
      </c>
      <c r="E32981" t="s">
        <v>20253</v>
      </c>
      <c r="F32981" t="s">
        <v>20254</v>
      </c>
      <c r="G32981" t="s">
        <v>20255</v>
      </c>
      <c r="H32981" t="s">
        <v>20256</v>
      </c>
      <c r="I32981" s="2">
        <v>1</v>
      </c>
      <c r="J32981" s="2">
        <v>0</v>
      </c>
      <c r="K32981" s="2">
        <v>0</v>
      </c>
      <c r="L32981" t="s">
        <v>120</v>
      </c>
      <c r="M32981" t="s">
        <v>83</v>
      </c>
      <c r="N32981" t="s">
        <v>91</v>
      </c>
      <c r="O32981" t="s">
        <v>85</v>
      </c>
      <c r="P32981" t="s">
        <v>86</v>
      </c>
      <c r="Q32981">
        <v>17</v>
      </c>
      <c r="R32981">
        <v>17</v>
      </c>
      <c r="S32981">
        <v>18</v>
      </c>
      <c r="T32981">
        <v>18</v>
      </c>
      <c r="U32981">
        <v>18</v>
      </c>
      <c r="V32981">
        <v>18</v>
      </c>
      <c r="W32981">
        <v>18</v>
      </c>
      <c r="X32981">
        <v>19</v>
      </c>
      <c r="Y32981">
        <v>19</v>
      </c>
      <c r="Z32981">
        <v>19</v>
      </c>
      <c r="AA32981">
        <v>19</v>
      </c>
      <c r="AB32981">
        <v>19</v>
      </c>
      <c r="AC32981">
        <v>19</v>
      </c>
      <c r="AD32981">
        <v>20</v>
      </c>
      <c r="AE32981">
        <v>20</v>
      </c>
      <c r="AF32981">
        <v>20</v>
      </c>
      <c r="AG32981">
        <v>20</v>
      </c>
      <c r="AH32981">
        <v>20</v>
      </c>
      <c r="AI32981">
        <v>21</v>
      </c>
      <c r="AJ32981">
        <v>21</v>
      </c>
      <c r="AK32981">
        <v>21</v>
      </c>
      <c r="AL32981">
        <v>21</v>
      </c>
      <c r="AM32981">
        <v>21</v>
      </c>
      <c r="AN32981">
        <v>21</v>
      </c>
      <c r="AO32981">
        <v>21</v>
      </c>
      <c r="AP32981">
        <v>21</v>
      </c>
      <c r="AQ32981">
        <v>21</v>
      </c>
    </row>
    <row r="32982" spans="1:43">
      <c r="A32982" t="s">
        <v>20431</v>
      </c>
      <c r="B32982" t="s">
        <v>20432</v>
      </c>
      <c r="C32982" t="s">
        <v>20303</v>
      </c>
      <c r="D32982" t="s">
        <v>20304</v>
      </c>
      <c r="E32982" t="s">
        <v>20253</v>
      </c>
      <c r="F32982" t="s">
        <v>20254</v>
      </c>
      <c r="G32982" t="s">
        <v>20255</v>
      </c>
      <c r="H32982" t="s">
        <v>20256</v>
      </c>
      <c r="I32982" s="2">
        <v>1</v>
      </c>
      <c r="J32982" s="2">
        <v>0</v>
      </c>
      <c r="K32982" s="2">
        <v>0</v>
      </c>
      <c r="L32982" t="s">
        <v>120</v>
      </c>
      <c r="M32982" t="s">
        <v>83</v>
      </c>
      <c r="N32982" t="s">
        <v>84</v>
      </c>
      <c r="O32982" t="s">
        <v>85</v>
      </c>
      <c r="P32982" t="s">
        <v>86</v>
      </c>
      <c r="Q32982">
        <v>25</v>
      </c>
      <c r="R32982">
        <v>25</v>
      </c>
      <c r="S32982">
        <v>26</v>
      </c>
      <c r="T32982">
        <v>26</v>
      </c>
      <c r="U32982">
        <v>26</v>
      </c>
      <c r="V32982">
        <v>26</v>
      </c>
      <c r="W32982">
        <v>27</v>
      </c>
      <c r="X32982">
        <v>27</v>
      </c>
      <c r="Y32982">
        <v>27</v>
      </c>
      <c r="Z32982">
        <v>28</v>
      </c>
      <c r="AA32982">
        <v>28</v>
      </c>
      <c r="AB32982">
        <v>28</v>
      </c>
      <c r="AC32982">
        <v>28</v>
      </c>
      <c r="AD32982">
        <v>29</v>
      </c>
      <c r="AE32982">
        <v>29</v>
      </c>
      <c r="AF32982">
        <v>29</v>
      </c>
      <c r="AG32982">
        <v>30</v>
      </c>
      <c r="AH32982">
        <v>30</v>
      </c>
      <c r="AI32982">
        <v>30</v>
      </c>
      <c r="AJ32982">
        <v>31</v>
      </c>
      <c r="AK32982">
        <v>31</v>
      </c>
      <c r="AL32982">
        <v>31</v>
      </c>
      <c r="AM32982">
        <v>31</v>
      </c>
      <c r="AN32982">
        <v>31</v>
      </c>
      <c r="AO32982">
        <v>31</v>
      </c>
      <c r="AP32982">
        <v>31</v>
      </c>
      <c r="AQ32982">
        <v>31</v>
      </c>
    </row>
    <row r="32983" spans="1:43">
      <c r="A32983" t="s">
        <v>20431</v>
      </c>
      <c r="B32983" t="s">
        <v>20432</v>
      </c>
      <c r="C32983" t="s">
        <v>20303</v>
      </c>
      <c r="D32983" t="s">
        <v>20304</v>
      </c>
      <c r="E32983" t="s">
        <v>20253</v>
      </c>
      <c r="F32983" t="s">
        <v>20254</v>
      </c>
      <c r="G32983" t="s">
        <v>20255</v>
      </c>
      <c r="H32983" t="s">
        <v>20256</v>
      </c>
      <c r="I32983" s="2">
        <v>1</v>
      </c>
      <c r="J32983" s="2">
        <v>0</v>
      </c>
      <c r="K32983" s="2">
        <v>0</v>
      </c>
      <c r="L32983" t="s">
        <v>120</v>
      </c>
      <c r="M32983" t="s">
        <v>87</v>
      </c>
      <c r="N32983" t="s">
        <v>88</v>
      </c>
      <c r="O32983" t="s">
        <v>85</v>
      </c>
      <c r="P32983" t="s">
        <v>86</v>
      </c>
      <c r="Q32983">
        <v>25</v>
      </c>
      <c r="R32983">
        <v>25</v>
      </c>
      <c r="S32983">
        <v>25</v>
      </c>
      <c r="T32983">
        <v>25</v>
      </c>
      <c r="U32983">
        <v>25</v>
      </c>
      <c r="V32983">
        <v>25</v>
      </c>
      <c r="W32983">
        <v>25</v>
      </c>
      <c r="X32983">
        <v>25</v>
      </c>
      <c r="Y32983">
        <v>25</v>
      </c>
      <c r="Z32983">
        <v>25</v>
      </c>
      <c r="AA32983">
        <v>25</v>
      </c>
      <c r="AB32983">
        <v>26</v>
      </c>
      <c r="AC32983">
        <v>26</v>
      </c>
      <c r="AD32983">
        <v>26</v>
      </c>
      <c r="AE32983">
        <v>26</v>
      </c>
      <c r="AF32983">
        <v>26</v>
      </c>
      <c r="AG32983">
        <v>26</v>
      </c>
      <c r="AH32983">
        <v>26</v>
      </c>
      <c r="AI32983">
        <v>26</v>
      </c>
      <c r="AJ32983">
        <v>26</v>
      </c>
      <c r="AK32983">
        <v>26</v>
      </c>
      <c r="AL32983">
        <v>26</v>
      </c>
      <c r="AM32983">
        <v>27</v>
      </c>
      <c r="AN32983">
        <v>27</v>
      </c>
      <c r="AO32983">
        <v>27</v>
      </c>
      <c r="AP32983">
        <v>27</v>
      </c>
      <c r="AQ32983">
        <v>27</v>
      </c>
    </row>
    <row r="32984" spans="1:43">
      <c r="A32984" t="s">
        <v>20431</v>
      </c>
      <c r="B32984" t="s">
        <v>20432</v>
      </c>
      <c r="C32984" t="s">
        <v>20303</v>
      </c>
      <c r="D32984" t="s">
        <v>20304</v>
      </c>
      <c r="E32984" t="s">
        <v>20253</v>
      </c>
      <c r="F32984" t="s">
        <v>20254</v>
      </c>
      <c r="G32984" t="s">
        <v>20255</v>
      </c>
      <c r="H32984" t="s">
        <v>20256</v>
      </c>
      <c r="I32984" s="2">
        <v>1</v>
      </c>
      <c r="J32984" s="2">
        <v>0</v>
      </c>
      <c r="K32984" s="2">
        <v>0</v>
      </c>
      <c r="L32984" t="s">
        <v>120</v>
      </c>
      <c r="M32984" t="s">
        <v>89</v>
      </c>
      <c r="N32984" t="s">
        <v>90</v>
      </c>
      <c r="O32984" t="s">
        <v>85</v>
      </c>
      <c r="P32984" t="s">
        <v>86</v>
      </c>
      <c r="Q32984">
        <v>25</v>
      </c>
      <c r="R32984">
        <v>26</v>
      </c>
      <c r="S32984">
        <v>26</v>
      </c>
      <c r="T32984">
        <v>27</v>
      </c>
      <c r="U32984">
        <v>27</v>
      </c>
      <c r="V32984">
        <v>28</v>
      </c>
      <c r="W32984">
        <v>28</v>
      </c>
      <c r="X32984">
        <v>29</v>
      </c>
      <c r="Y32984">
        <v>29</v>
      </c>
      <c r="Z32984">
        <v>29</v>
      </c>
      <c r="AA32984">
        <v>30</v>
      </c>
      <c r="AB32984">
        <v>30</v>
      </c>
      <c r="AC32984">
        <v>31</v>
      </c>
      <c r="AD32984">
        <v>31</v>
      </c>
      <c r="AE32984">
        <v>31</v>
      </c>
      <c r="AF32984">
        <v>31</v>
      </c>
      <c r="AG32984">
        <v>31</v>
      </c>
      <c r="AH32984">
        <v>31</v>
      </c>
      <c r="AI32984">
        <v>31</v>
      </c>
      <c r="AJ32984">
        <v>31</v>
      </c>
      <c r="AK32984">
        <v>31</v>
      </c>
      <c r="AL32984">
        <v>31</v>
      </c>
      <c r="AM32984">
        <v>31</v>
      </c>
      <c r="AN32984">
        <v>31</v>
      </c>
      <c r="AO32984">
        <v>32</v>
      </c>
      <c r="AP32984">
        <v>32</v>
      </c>
      <c r="AQ32984">
        <v>32</v>
      </c>
    </row>
    <row r="32985" spans="1:43">
      <c r="A32985" t="s">
        <v>20431</v>
      </c>
      <c r="B32985" t="s">
        <v>20432</v>
      </c>
      <c r="C32985" t="s">
        <v>20303</v>
      </c>
      <c r="D32985" t="s">
        <v>20304</v>
      </c>
      <c r="E32985" t="s">
        <v>20253</v>
      </c>
      <c r="F32985" t="s">
        <v>20254</v>
      </c>
      <c r="G32985" t="s">
        <v>20255</v>
      </c>
      <c r="H32985" t="s">
        <v>20256</v>
      </c>
      <c r="I32985" s="2">
        <v>1</v>
      </c>
      <c r="J32985" s="2">
        <v>0</v>
      </c>
      <c r="K32985" s="2">
        <v>0</v>
      </c>
      <c r="L32985" t="s">
        <v>120</v>
      </c>
      <c r="M32985" t="s">
        <v>83</v>
      </c>
      <c r="N32985" t="s">
        <v>91</v>
      </c>
      <c r="O32985" t="s">
        <v>85</v>
      </c>
      <c r="P32985" t="s">
        <v>86</v>
      </c>
      <c r="Q32985">
        <v>25</v>
      </c>
      <c r="R32985">
        <v>25</v>
      </c>
      <c r="S32985">
        <v>26</v>
      </c>
      <c r="T32985">
        <v>26</v>
      </c>
      <c r="U32985">
        <v>26</v>
      </c>
      <c r="V32985">
        <v>26</v>
      </c>
      <c r="W32985">
        <v>27</v>
      </c>
      <c r="X32985">
        <v>27</v>
      </c>
      <c r="Y32985">
        <v>27</v>
      </c>
      <c r="Z32985">
        <v>28</v>
      </c>
      <c r="AA32985">
        <v>28</v>
      </c>
      <c r="AB32985">
        <v>28</v>
      </c>
      <c r="AC32985">
        <v>28</v>
      </c>
      <c r="AD32985">
        <v>29</v>
      </c>
      <c r="AE32985">
        <v>29</v>
      </c>
      <c r="AF32985">
        <v>29</v>
      </c>
      <c r="AG32985">
        <v>30</v>
      </c>
      <c r="AH32985">
        <v>30</v>
      </c>
      <c r="AI32985">
        <v>30</v>
      </c>
      <c r="AJ32985">
        <v>31</v>
      </c>
      <c r="AK32985">
        <v>31</v>
      </c>
      <c r="AL32985">
        <v>31</v>
      </c>
      <c r="AM32985">
        <v>31</v>
      </c>
      <c r="AN32985">
        <v>31</v>
      </c>
      <c r="AO32985">
        <v>31</v>
      </c>
      <c r="AP32985">
        <v>31</v>
      </c>
      <c r="AQ32985">
        <v>31</v>
      </c>
    </row>
    <row r="32986" spans="1:43">
      <c r="A32986" t="s">
        <v>20433</v>
      </c>
      <c r="B32986" t="s">
        <v>20434</v>
      </c>
      <c r="C32986" t="s">
        <v>20435</v>
      </c>
      <c r="D32986" t="s">
        <v>20436</v>
      </c>
      <c r="E32986" t="s">
        <v>20437</v>
      </c>
      <c r="F32986" t="s">
        <v>20438</v>
      </c>
      <c r="G32986" t="s">
        <v>20255</v>
      </c>
      <c r="H32986" t="s">
        <v>20256</v>
      </c>
      <c r="I32986" s="2">
        <v>1</v>
      </c>
      <c r="J32986" s="2">
        <v>0</v>
      </c>
      <c r="K32986" s="2">
        <v>0</v>
      </c>
      <c r="L32986" t="s">
        <v>120</v>
      </c>
      <c r="M32986" t="s">
        <v>83</v>
      </c>
      <c r="N32986" t="s">
        <v>84</v>
      </c>
      <c r="O32986" t="s">
        <v>85</v>
      </c>
      <c r="P32986" t="s">
        <v>86</v>
      </c>
      <c r="Q32986">
        <v>17</v>
      </c>
      <c r="R32986">
        <v>17</v>
      </c>
      <c r="S32986">
        <v>18</v>
      </c>
      <c r="T32986">
        <v>18</v>
      </c>
      <c r="U32986">
        <v>18</v>
      </c>
      <c r="V32986">
        <v>19</v>
      </c>
      <c r="W32986">
        <v>19</v>
      </c>
      <c r="X32986">
        <v>19</v>
      </c>
      <c r="Y32986">
        <v>20</v>
      </c>
      <c r="Z32986">
        <v>20</v>
      </c>
      <c r="AA32986">
        <v>20</v>
      </c>
      <c r="AB32986">
        <v>21</v>
      </c>
      <c r="AC32986">
        <v>21</v>
      </c>
      <c r="AD32986">
        <v>21</v>
      </c>
      <c r="AE32986">
        <v>22</v>
      </c>
      <c r="AF32986">
        <v>22</v>
      </c>
      <c r="AG32986">
        <v>23</v>
      </c>
      <c r="AH32986">
        <v>23</v>
      </c>
      <c r="AI32986">
        <v>23</v>
      </c>
      <c r="AJ32986">
        <v>24</v>
      </c>
      <c r="AK32986">
        <v>24</v>
      </c>
      <c r="AL32986">
        <v>24</v>
      </c>
      <c r="AM32986">
        <v>24</v>
      </c>
      <c r="AN32986">
        <v>25</v>
      </c>
      <c r="AO32986">
        <v>25</v>
      </c>
      <c r="AP32986">
        <v>25</v>
      </c>
      <c r="AQ32986">
        <v>25</v>
      </c>
    </row>
    <row r="32987" spans="1:43">
      <c r="A32987" t="s">
        <v>20433</v>
      </c>
      <c r="B32987" t="s">
        <v>20434</v>
      </c>
      <c r="C32987" t="s">
        <v>20435</v>
      </c>
      <c r="D32987" t="s">
        <v>20436</v>
      </c>
      <c r="E32987" t="s">
        <v>20437</v>
      </c>
      <c r="F32987" t="s">
        <v>20438</v>
      </c>
      <c r="G32987" t="s">
        <v>20255</v>
      </c>
      <c r="H32987" t="s">
        <v>20256</v>
      </c>
      <c r="I32987" s="2">
        <v>1</v>
      </c>
      <c r="J32987" s="2">
        <v>0</v>
      </c>
      <c r="K32987" s="2">
        <v>0</v>
      </c>
      <c r="L32987" t="s">
        <v>120</v>
      </c>
      <c r="M32987" t="s">
        <v>87</v>
      </c>
      <c r="N32987" t="s">
        <v>88</v>
      </c>
      <c r="O32987" t="s">
        <v>85</v>
      </c>
      <c r="P32987" t="s">
        <v>86</v>
      </c>
      <c r="Q32987">
        <v>17</v>
      </c>
      <c r="R32987">
        <v>17</v>
      </c>
      <c r="S32987">
        <v>17</v>
      </c>
      <c r="T32987">
        <v>17</v>
      </c>
      <c r="U32987">
        <v>18</v>
      </c>
      <c r="V32987">
        <v>18</v>
      </c>
      <c r="W32987">
        <v>18</v>
      </c>
      <c r="X32987">
        <v>18</v>
      </c>
      <c r="Y32987">
        <v>18</v>
      </c>
      <c r="Z32987">
        <v>18</v>
      </c>
      <c r="AA32987">
        <v>19</v>
      </c>
      <c r="AB32987">
        <v>19</v>
      </c>
      <c r="AC32987">
        <v>19</v>
      </c>
      <c r="AD32987">
        <v>19</v>
      </c>
      <c r="AE32987">
        <v>19</v>
      </c>
      <c r="AF32987">
        <v>20</v>
      </c>
      <c r="AG32987">
        <v>20</v>
      </c>
      <c r="AH32987">
        <v>20</v>
      </c>
      <c r="AI32987">
        <v>20</v>
      </c>
      <c r="AJ32987">
        <v>20</v>
      </c>
      <c r="AK32987">
        <v>21</v>
      </c>
      <c r="AL32987">
        <v>21</v>
      </c>
      <c r="AM32987">
        <v>21</v>
      </c>
      <c r="AN32987">
        <v>21</v>
      </c>
      <c r="AO32987">
        <v>22</v>
      </c>
      <c r="AP32987">
        <v>22</v>
      </c>
      <c r="AQ32987">
        <v>22</v>
      </c>
    </row>
    <row r="32988" spans="1:43">
      <c r="A32988" t="s">
        <v>20433</v>
      </c>
      <c r="B32988" t="s">
        <v>20434</v>
      </c>
      <c r="C32988" t="s">
        <v>20435</v>
      </c>
      <c r="D32988" t="s">
        <v>20436</v>
      </c>
      <c r="E32988" t="s">
        <v>20437</v>
      </c>
      <c r="F32988" t="s">
        <v>20438</v>
      </c>
      <c r="G32988" t="s">
        <v>20255</v>
      </c>
      <c r="H32988" t="s">
        <v>20256</v>
      </c>
      <c r="I32988" s="2">
        <v>1</v>
      </c>
      <c r="J32988" s="2">
        <v>0</v>
      </c>
      <c r="K32988" s="2">
        <v>0</v>
      </c>
      <c r="L32988" t="s">
        <v>120</v>
      </c>
      <c r="M32988" t="s">
        <v>89</v>
      </c>
      <c r="N32988" t="s">
        <v>90</v>
      </c>
      <c r="O32988" t="s">
        <v>85</v>
      </c>
      <c r="P32988" t="s">
        <v>86</v>
      </c>
      <c r="Q32988">
        <v>17</v>
      </c>
      <c r="R32988">
        <v>18</v>
      </c>
      <c r="S32988">
        <v>18</v>
      </c>
      <c r="T32988">
        <v>19</v>
      </c>
      <c r="U32988">
        <v>19</v>
      </c>
      <c r="V32988">
        <v>20</v>
      </c>
      <c r="W32988">
        <v>20</v>
      </c>
      <c r="X32988">
        <v>20</v>
      </c>
      <c r="Y32988">
        <v>21</v>
      </c>
      <c r="Z32988">
        <v>21</v>
      </c>
      <c r="AA32988">
        <v>22</v>
      </c>
      <c r="AB32988">
        <v>22</v>
      </c>
      <c r="AC32988">
        <v>23</v>
      </c>
      <c r="AD32988">
        <v>23</v>
      </c>
      <c r="AE32988">
        <v>23</v>
      </c>
      <c r="AF32988">
        <v>23</v>
      </c>
      <c r="AG32988">
        <v>24</v>
      </c>
      <c r="AH32988">
        <v>24</v>
      </c>
      <c r="AI32988">
        <v>24</v>
      </c>
      <c r="AJ32988">
        <v>24</v>
      </c>
      <c r="AK32988">
        <v>24</v>
      </c>
      <c r="AL32988">
        <v>25</v>
      </c>
      <c r="AM32988">
        <v>25</v>
      </c>
      <c r="AN32988">
        <v>25</v>
      </c>
      <c r="AO32988">
        <v>25</v>
      </c>
      <c r="AP32988">
        <v>25</v>
      </c>
      <c r="AQ32988">
        <v>26</v>
      </c>
    </row>
    <row r="32989" spans="1:43">
      <c r="A32989" t="s">
        <v>20433</v>
      </c>
      <c r="B32989" t="s">
        <v>20434</v>
      </c>
      <c r="C32989" t="s">
        <v>20435</v>
      </c>
      <c r="D32989" t="s">
        <v>20436</v>
      </c>
      <c r="E32989" t="s">
        <v>20437</v>
      </c>
      <c r="F32989" t="s">
        <v>20438</v>
      </c>
      <c r="G32989" t="s">
        <v>20255</v>
      </c>
      <c r="H32989" t="s">
        <v>20256</v>
      </c>
      <c r="I32989" s="2">
        <v>1</v>
      </c>
      <c r="J32989" s="2">
        <v>0</v>
      </c>
      <c r="K32989" s="2">
        <v>0</v>
      </c>
      <c r="L32989" t="s">
        <v>120</v>
      </c>
      <c r="M32989" t="s">
        <v>83</v>
      </c>
      <c r="N32989" t="s">
        <v>91</v>
      </c>
      <c r="O32989" t="s">
        <v>85</v>
      </c>
      <c r="P32989" t="s">
        <v>86</v>
      </c>
      <c r="Q32989">
        <v>17</v>
      </c>
      <c r="R32989">
        <v>17</v>
      </c>
      <c r="S32989">
        <v>18</v>
      </c>
      <c r="T32989">
        <v>18</v>
      </c>
      <c r="U32989">
        <v>18</v>
      </c>
      <c r="V32989">
        <v>19</v>
      </c>
      <c r="W32989">
        <v>19</v>
      </c>
      <c r="X32989">
        <v>19</v>
      </c>
      <c r="Y32989">
        <v>20</v>
      </c>
      <c r="Z32989">
        <v>20</v>
      </c>
      <c r="AA32989">
        <v>20</v>
      </c>
      <c r="AB32989">
        <v>21</v>
      </c>
      <c r="AC32989">
        <v>21</v>
      </c>
      <c r="AD32989">
        <v>21</v>
      </c>
      <c r="AE32989">
        <v>22</v>
      </c>
      <c r="AF32989">
        <v>22</v>
      </c>
      <c r="AG32989">
        <v>23</v>
      </c>
      <c r="AH32989">
        <v>23</v>
      </c>
      <c r="AI32989">
        <v>23</v>
      </c>
      <c r="AJ32989">
        <v>24</v>
      </c>
      <c r="AK32989">
        <v>24</v>
      </c>
      <c r="AL32989">
        <v>24</v>
      </c>
      <c r="AM32989">
        <v>24</v>
      </c>
      <c r="AN32989">
        <v>25</v>
      </c>
      <c r="AO32989">
        <v>25</v>
      </c>
      <c r="AP32989">
        <v>25</v>
      </c>
      <c r="AQ32989">
        <v>25</v>
      </c>
    </row>
    <row r="32990" spans="1:43">
      <c r="A32990" t="s">
        <v>20439</v>
      </c>
      <c r="B32990" t="s">
        <v>20440</v>
      </c>
      <c r="C32990" t="s">
        <v>20435</v>
      </c>
      <c r="D32990" t="s">
        <v>20436</v>
      </c>
      <c r="E32990" t="s">
        <v>20437</v>
      </c>
      <c r="F32990" t="s">
        <v>20438</v>
      </c>
      <c r="G32990" t="s">
        <v>20255</v>
      </c>
      <c r="H32990" t="s">
        <v>20256</v>
      </c>
      <c r="I32990" s="2">
        <v>1</v>
      </c>
      <c r="J32990" s="2">
        <v>0</v>
      </c>
      <c r="K32990" s="2">
        <v>0</v>
      </c>
      <c r="L32990" t="s">
        <v>120</v>
      </c>
      <c r="M32990" t="s">
        <v>83</v>
      </c>
      <c r="N32990" t="s">
        <v>84</v>
      </c>
      <c r="O32990" t="s">
        <v>85</v>
      </c>
      <c r="P32990" t="s">
        <v>86</v>
      </c>
      <c r="Q32990">
        <v>47</v>
      </c>
      <c r="R32990">
        <v>48</v>
      </c>
      <c r="S32990">
        <v>49</v>
      </c>
      <c r="T32990">
        <v>49</v>
      </c>
      <c r="U32990">
        <v>50</v>
      </c>
      <c r="V32990">
        <v>51</v>
      </c>
      <c r="W32990">
        <v>52</v>
      </c>
      <c r="X32990">
        <v>53</v>
      </c>
      <c r="Y32990">
        <v>54</v>
      </c>
      <c r="Z32990">
        <v>55</v>
      </c>
      <c r="AA32990">
        <v>56</v>
      </c>
      <c r="AB32990">
        <v>57</v>
      </c>
      <c r="AC32990">
        <v>58</v>
      </c>
      <c r="AD32990">
        <v>59</v>
      </c>
      <c r="AE32990">
        <v>60</v>
      </c>
      <c r="AF32990">
        <v>61</v>
      </c>
      <c r="AG32990">
        <v>62</v>
      </c>
      <c r="AH32990">
        <v>63</v>
      </c>
      <c r="AI32990">
        <v>64</v>
      </c>
      <c r="AJ32990">
        <v>65</v>
      </c>
      <c r="AK32990">
        <v>66</v>
      </c>
      <c r="AL32990">
        <v>67</v>
      </c>
      <c r="AM32990">
        <v>67</v>
      </c>
      <c r="AN32990">
        <v>68</v>
      </c>
      <c r="AO32990">
        <v>68</v>
      </c>
      <c r="AP32990">
        <v>69</v>
      </c>
      <c r="AQ32990">
        <v>70</v>
      </c>
    </row>
    <row r="32991" spans="1:43">
      <c r="A32991" t="s">
        <v>20439</v>
      </c>
      <c r="B32991" t="s">
        <v>20440</v>
      </c>
      <c r="C32991" t="s">
        <v>20435</v>
      </c>
      <c r="D32991" t="s">
        <v>20436</v>
      </c>
      <c r="E32991" t="s">
        <v>20437</v>
      </c>
      <c r="F32991" t="s">
        <v>20438</v>
      </c>
      <c r="G32991" t="s">
        <v>20255</v>
      </c>
      <c r="H32991" t="s">
        <v>20256</v>
      </c>
      <c r="I32991" s="2">
        <v>1</v>
      </c>
      <c r="J32991" s="2">
        <v>0</v>
      </c>
      <c r="K32991" s="2">
        <v>0</v>
      </c>
      <c r="L32991" t="s">
        <v>120</v>
      </c>
      <c r="M32991" t="s">
        <v>87</v>
      </c>
      <c r="N32991" t="s">
        <v>88</v>
      </c>
      <c r="O32991" t="s">
        <v>85</v>
      </c>
      <c r="P32991" t="s">
        <v>86</v>
      </c>
      <c r="Q32991">
        <v>47</v>
      </c>
      <c r="R32991">
        <v>48</v>
      </c>
      <c r="S32991">
        <v>48</v>
      </c>
      <c r="T32991">
        <v>49</v>
      </c>
      <c r="U32991">
        <v>49</v>
      </c>
      <c r="V32991">
        <v>50</v>
      </c>
      <c r="W32991">
        <v>50</v>
      </c>
      <c r="X32991">
        <v>51</v>
      </c>
      <c r="Y32991">
        <v>51</v>
      </c>
      <c r="Z32991">
        <v>52</v>
      </c>
      <c r="AA32991">
        <v>52</v>
      </c>
      <c r="AB32991">
        <v>53</v>
      </c>
      <c r="AC32991">
        <v>53</v>
      </c>
      <c r="AD32991">
        <v>54</v>
      </c>
      <c r="AE32991">
        <v>54</v>
      </c>
      <c r="AF32991">
        <v>55</v>
      </c>
      <c r="AG32991">
        <v>55</v>
      </c>
      <c r="AH32991">
        <v>56</v>
      </c>
      <c r="AI32991">
        <v>57</v>
      </c>
      <c r="AJ32991">
        <v>57</v>
      </c>
      <c r="AK32991">
        <v>58</v>
      </c>
      <c r="AL32991">
        <v>58</v>
      </c>
      <c r="AM32991">
        <v>59</v>
      </c>
      <c r="AN32991">
        <v>60</v>
      </c>
      <c r="AO32991">
        <v>60</v>
      </c>
      <c r="AP32991">
        <v>61</v>
      </c>
      <c r="AQ32991">
        <v>62</v>
      </c>
    </row>
    <row r="32992" spans="1:43">
      <c r="A32992" t="s">
        <v>20439</v>
      </c>
      <c r="B32992" t="s">
        <v>20440</v>
      </c>
      <c r="C32992" t="s">
        <v>20435</v>
      </c>
      <c r="D32992" t="s">
        <v>20436</v>
      </c>
      <c r="E32992" t="s">
        <v>20437</v>
      </c>
      <c r="F32992" t="s">
        <v>20438</v>
      </c>
      <c r="G32992" t="s">
        <v>20255</v>
      </c>
      <c r="H32992" t="s">
        <v>20256</v>
      </c>
      <c r="I32992" s="2">
        <v>1</v>
      </c>
      <c r="J32992" s="2">
        <v>0</v>
      </c>
      <c r="K32992" s="2">
        <v>0</v>
      </c>
      <c r="L32992" t="s">
        <v>120</v>
      </c>
      <c r="M32992" t="s">
        <v>89</v>
      </c>
      <c r="N32992" t="s">
        <v>90</v>
      </c>
      <c r="O32992" t="s">
        <v>85</v>
      </c>
      <c r="P32992" t="s">
        <v>86</v>
      </c>
      <c r="Q32992">
        <v>47</v>
      </c>
      <c r="R32992">
        <v>48</v>
      </c>
      <c r="S32992">
        <v>50</v>
      </c>
      <c r="T32992">
        <v>51</v>
      </c>
      <c r="U32992">
        <v>52</v>
      </c>
      <c r="V32992">
        <v>54</v>
      </c>
      <c r="W32992">
        <v>55</v>
      </c>
      <c r="X32992">
        <v>56</v>
      </c>
      <c r="Y32992">
        <v>57</v>
      </c>
      <c r="Z32992">
        <v>58</v>
      </c>
      <c r="AA32992">
        <v>59</v>
      </c>
      <c r="AB32992">
        <v>61</v>
      </c>
      <c r="AC32992">
        <v>62</v>
      </c>
      <c r="AD32992">
        <v>63</v>
      </c>
      <c r="AE32992">
        <v>64</v>
      </c>
      <c r="AF32992">
        <v>65</v>
      </c>
      <c r="AG32992">
        <v>65</v>
      </c>
      <c r="AH32992">
        <v>65</v>
      </c>
      <c r="AI32992">
        <v>66</v>
      </c>
      <c r="AJ32992">
        <v>67</v>
      </c>
      <c r="AK32992">
        <v>67</v>
      </c>
      <c r="AL32992">
        <v>68</v>
      </c>
      <c r="AM32992">
        <v>68</v>
      </c>
      <c r="AN32992">
        <v>69</v>
      </c>
      <c r="AO32992">
        <v>69</v>
      </c>
      <c r="AP32992">
        <v>70</v>
      </c>
      <c r="AQ32992">
        <v>70</v>
      </c>
    </row>
    <row r="32993" spans="1:43">
      <c r="A32993" t="s">
        <v>20439</v>
      </c>
      <c r="B32993" t="s">
        <v>20440</v>
      </c>
      <c r="C32993" t="s">
        <v>20435</v>
      </c>
      <c r="D32993" t="s">
        <v>20436</v>
      </c>
      <c r="E32993" t="s">
        <v>20437</v>
      </c>
      <c r="F32993" t="s">
        <v>20438</v>
      </c>
      <c r="G32993" t="s">
        <v>20255</v>
      </c>
      <c r="H32993" t="s">
        <v>20256</v>
      </c>
      <c r="I32993" s="2">
        <v>1</v>
      </c>
      <c r="J32993" s="2">
        <v>0</v>
      </c>
      <c r="K32993" s="2">
        <v>0</v>
      </c>
      <c r="L32993" t="s">
        <v>120</v>
      </c>
      <c r="M32993" t="s">
        <v>83</v>
      </c>
      <c r="N32993" t="s">
        <v>91</v>
      </c>
      <c r="O32993" t="s">
        <v>85</v>
      </c>
      <c r="P32993" t="s">
        <v>86</v>
      </c>
      <c r="Q32993">
        <v>47</v>
      </c>
      <c r="R32993">
        <v>48</v>
      </c>
      <c r="S32993">
        <v>49</v>
      </c>
      <c r="T32993">
        <v>49</v>
      </c>
      <c r="U32993">
        <v>50</v>
      </c>
      <c r="V32993">
        <v>51</v>
      </c>
      <c r="W32993">
        <v>52</v>
      </c>
      <c r="X32993">
        <v>53</v>
      </c>
      <c r="Y32993">
        <v>54</v>
      </c>
      <c r="Z32993">
        <v>55</v>
      </c>
      <c r="AA32993">
        <v>56</v>
      </c>
      <c r="AB32993">
        <v>57</v>
      </c>
      <c r="AC32993">
        <v>58</v>
      </c>
      <c r="AD32993">
        <v>59</v>
      </c>
      <c r="AE32993">
        <v>60</v>
      </c>
      <c r="AF32993">
        <v>61</v>
      </c>
      <c r="AG32993">
        <v>62</v>
      </c>
      <c r="AH32993">
        <v>63</v>
      </c>
      <c r="AI32993">
        <v>64</v>
      </c>
      <c r="AJ32993">
        <v>65</v>
      </c>
      <c r="AK32993">
        <v>66</v>
      </c>
      <c r="AL32993">
        <v>67</v>
      </c>
      <c r="AM32993">
        <v>67</v>
      </c>
      <c r="AN32993">
        <v>68</v>
      </c>
      <c r="AO32993">
        <v>68</v>
      </c>
      <c r="AP32993">
        <v>69</v>
      </c>
      <c r="AQ32993">
        <v>70</v>
      </c>
    </row>
    <row r="32994" spans="1:43">
      <c r="A32994" t="s">
        <v>20441</v>
      </c>
      <c r="B32994" t="s">
        <v>20442</v>
      </c>
      <c r="C32994" t="s">
        <v>20443</v>
      </c>
      <c r="D32994" t="s">
        <v>20444</v>
      </c>
      <c r="E32994" t="s">
        <v>20437</v>
      </c>
      <c r="F32994" t="s">
        <v>20438</v>
      </c>
      <c r="G32994" t="s">
        <v>20255</v>
      </c>
      <c r="H32994" t="s">
        <v>20256</v>
      </c>
      <c r="I32994" s="2">
        <v>1</v>
      </c>
      <c r="J32994" s="2">
        <v>0</v>
      </c>
      <c r="K32994" s="2">
        <v>0</v>
      </c>
      <c r="L32994" t="s">
        <v>120</v>
      </c>
      <c r="M32994" t="s">
        <v>83</v>
      </c>
      <c r="N32994" t="s">
        <v>84</v>
      </c>
      <c r="O32994" t="s">
        <v>85</v>
      </c>
      <c r="P32994" t="s">
        <v>86</v>
      </c>
      <c r="Q32994">
        <v>61</v>
      </c>
      <c r="R32994">
        <v>63</v>
      </c>
      <c r="S32994">
        <v>64</v>
      </c>
      <c r="T32994">
        <v>65</v>
      </c>
      <c r="U32994">
        <v>66</v>
      </c>
      <c r="V32994">
        <v>68</v>
      </c>
      <c r="W32994">
        <v>69</v>
      </c>
      <c r="X32994">
        <v>70</v>
      </c>
      <c r="Y32994">
        <v>71</v>
      </c>
      <c r="Z32994">
        <v>73</v>
      </c>
      <c r="AA32994">
        <v>74</v>
      </c>
      <c r="AB32994">
        <v>75</v>
      </c>
      <c r="AC32994">
        <v>76</v>
      </c>
      <c r="AD32994">
        <v>78</v>
      </c>
      <c r="AE32994">
        <v>79</v>
      </c>
      <c r="AF32994">
        <v>80</v>
      </c>
      <c r="AG32994">
        <v>82</v>
      </c>
      <c r="AH32994">
        <v>83</v>
      </c>
      <c r="AI32994">
        <v>84</v>
      </c>
      <c r="AJ32994">
        <v>86</v>
      </c>
      <c r="AK32994">
        <v>87</v>
      </c>
      <c r="AL32994">
        <v>88</v>
      </c>
      <c r="AM32994">
        <v>89</v>
      </c>
      <c r="AN32994">
        <v>90</v>
      </c>
      <c r="AO32994">
        <v>90</v>
      </c>
      <c r="AP32994">
        <v>91</v>
      </c>
      <c r="AQ32994">
        <v>92</v>
      </c>
    </row>
    <row r="32995" spans="1:43">
      <c r="A32995" t="s">
        <v>20441</v>
      </c>
      <c r="B32995" t="s">
        <v>20442</v>
      </c>
      <c r="C32995" t="s">
        <v>20443</v>
      </c>
      <c r="D32995" t="s">
        <v>20444</v>
      </c>
      <c r="E32995" t="s">
        <v>20437</v>
      </c>
      <c r="F32995" t="s">
        <v>20438</v>
      </c>
      <c r="G32995" t="s">
        <v>20255</v>
      </c>
      <c r="H32995" t="s">
        <v>20256</v>
      </c>
      <c r="I32995" s="2">
        <v>1</v>
      </c>
      <c r="J32995" s="2">
        <v>0</v>
      </c>
      <c r="K32995" s="2">
        <v>0</v>
      </c>
      <c r="L32995" t="s">
        <v>120</v>
      </c>
      <c r="M32995" t="s">
        <v>87</v>
      </c>
      <c r="N32995" t="s">
        <v>88</v>
      </c>
      <c r="O32995" t="s">
        <v>85</v>
      </c>
      <c r="P32995" t="s">
        <v>86</v>
      </c>
      <c r="Q32995">
        <v>61</v>
      </c>
      <c r="R32995">
        <v>61</v>
      </c>
      <c r="S32995">
        <v>62</v>
      </c>
      <c r="T32995">
        <v>63</v>
      </c>
      <c r="U32995">
        <v>63</v>
      </c>
      <c r="V32995">
        <v>64</v>
      </c>
      <c r="W32995">
        <v>65</v>
      </c>
      <c r="X32995">
        <v>65</v>
      </c>
      <c r="Y32995">
        <v>66</v>
      </c>
      <c r="Z32995">
        <v>67</v>
      </c>
      <c r="AA32995">
        <v>67</v>
      </c>
      <c r="AB32995">
        <v>68</v>
      </c>
      <c r="AC32995">
        <v>69</v>
      </c>
      <c r="AD32995">
        <v>69</v>
      </c>
      <c r="AE32995">
        <v>70</v>
      </c>
      <c r="AF32995">
        <v>71</v>
      </c>
      <c r="AG32995">
        <v>72</v>
      </c>
      <c r="AH32995">
        <v>72</v>
      </c>
      <c r="AI32995">
        <v>73</v>
      </c>
      <c r="AJ32995">
        <v>74</v>
      </c>
      <c r="AK32995">
        <v>75</v>
      </c>
      <c r="AL32995">
        <v>76</v>
      </c>
      <c r="AM32995">
        <v>77</v>
      </c>
      <c r="AN32995">
        <v>77</v>
      </c>
      <c r="AO32995">
        <v>78</v>
      </c>
      <c r="AP32995">
        <v>79</v>
      </c>
      <c r="AQ32995">
        <v>80</v>
      </c>
    </row>
    <row r="32996" spans="1:43">
      <c r="A32996" t="s">
        <v>20441</v>
      </c>
      <c r="B32996" t="s">
        <v>20442</v>
      </c>
      <c r="C32996" t="s">
        <v>20443</v>
      </c>
      <c r="D32996" t="s">
        <v>20444</v>
      </c>
      <c r="E32996" t="s">
        <v>20437</v>
      </c>
      <c r="F32996" t="s">
        <v>20438</v>
      </c>
      <c r="G32996" t="s">
        <v>20255</v>
      </c>
      <c r="H32996" t="s">
        <v>20256</v>
      </c>
      <c r="I32996" s="2">
        <v>1</v>
      </c>
      <c r="J32996" s="2">
        <v>0</v>
      </c>
      <c r="K32996" s="2">
        <v>0</v>
      </c>
      <c r="L32996" t="s">
        <v>120</v>
      </c>
      <c r="M32996" t="s">
        <v>89</v>
      </c>
      <c r="N32996" t="s">
        <v>90</v>
      </c>
      <c r="O32996" t="s">
        <v>85</v>
      </c>
      <c r="P32996" t="s">
        <v>86</v>
      </c>
      <c r="Q32996">
        <v>61</v>
      </c>
      <c r="R32996">
        <v>63</v>
      </c>
      <c r="S32996">
        <v>64</v>
      </c>
      <c r="T32996">
        <v>66</v>
      </c>
      <c r="U32996">
        <v>68</v>
      </c>
      <c r="V32996">
        <v>70</v>
      </c>
      <c r="W32996">
        <v>71</v>
      </c>
      <c r="X32996">
        <v>73</v>
      </c>
      <c r="Y32996">
        <v>74</v>
      </c>
      <c r="Z32996">
        <v>76</v>
      </c>
      <c r="AA32996">
        <v>77</v>
      </c>
      <c r="AB32996">
        <v>79</v>
      </c>
      <c r="AC32996">
        <v>80</v>
      </c>
      <c r="AD32996">
        <v>82</v>
      </c>
      <c r="AE32996">
        <v>83</v>
      </c>
      <c r="AF32996">
        <v>84</v>
      </c>
      <c r="AG32996">
        <v>85</v>
      </c>
      <c r="AH32996">
        <v>85</v>
      </c>
      <c r="AI32996">
        <v>86</v>
      </c>
      <c r="AJ32996">
        <v>87</v>
      </c>
      <c r="AK32996">
        <v>87</v>
      </c>
      <c r="AL32996">
        <v>88</v>
      </c>
      <c r="AM32996">
        <v>89</v>
      </c>
      <c r="AN32996">
        <v>90</v>
      </c>
      <c r="AO32996">
        <v>90</v>
      </c>
      <c r="AP32996">
        <v>91</v>
      </c>
      <c r="AQ32996">
        <v>92</v>
      </c>
    </row>
    <row r="32997" spans="1:43">
      <c r="A32997" t="s">
        <v>20441</v>
      </c>
      <c r="B32997" t="s">
        <v>20442</v>
      </c>
      <c r="C32997" t="s">
        <v>20443</v>
      </c>
      <c r="D32997" t="s">
        <v>20444</v>
      </c>
      <c r="E32997" t="s">
        <v>20437</v>
      </c>
      <c r="F32997" t="s">
        <v>20438</v>
      </c>
      <c r="G32997" t="s">
        <v>20255</v>
      </c>
      <c r="H32997" t="s">
        <v>20256</v>
      </c>
      <c r="I32997" s="2">
        <v>1</v>
      </c>
      <c r="J32997" s="2">
        <v>0</v>
      </c>
      <c r="K32997" s="2">
        <v>0</v>
      </c>
      <c r="L32997" t="s">
        <v>120</v>
      </c>
      <c r="M32997" t="s">
        <v>83</v>
      </c>
      <c r="N32997" t="s">
        <v>91</v>
      </c>
      <c r="O32997" t="s">
        <v>85</v>
      </c>
      <c r="P32997" t="s">
        <v>86</v>
      </c>
      <c r="Q32997">
        <v>61</v>
      </c>
      <c r="R32997">
        <v>63</v>
      </c>
      <c r="S32997">
        <v>64</v>
      </c>
      <c r="T32997">
        <v>65</v>
      </c>
      <c r="U32997">
        <v>66</v>
      </c>
      <c r="V32997">
        <v>68</v>
      </c>
      <c r="W32997">
        <v>69</v>
      </c>
      <c r="X32997">
        <v>70</v>
      </c>
      <c r="Y32997">
        <v>71</v>
      </c>
      <c r="Z32997">
        <v>73</v>
      </c>
      <c r="AA32997">
        <v>74</v>
      </c>
      <c r="AB32997">
        <v>75</v>
      </c>
      <c r="AC32997">
        <v>76</v>
      </c>
      <c r="AD32997">
        <v>78</v>
      </c>
      <c r="AE32997">
        <v>79</v>
      </c>
      <c r="AF32997">
        <v>80</v>
      </c>
      <c r="AG32997">
        <v>82</v>
      </c>
      <c r="AH32997">
        <v>83</v>
      </c>
      <c r="AI32997">
        <v>84</v>
      </c>
      <c r="AJ32997">
        <v>86</v>
      </c>
      <c r="AK32997">
        <v>87</v>
      </c>
      <c r="AL32997">
        <v>88</v>
      </c>
      <c r="AM32997">
        <v>89</v>
      </c>
      <c r="AN32997">
        <v>90</v>
      </c>
      <c r="AO32997">
        <v>90</v>
      </c>
      <c r="AP32997">
        <v>91</v>
      </c>
      <c r="AQ32997">
        <v>92</v>
      </c>
    </row>
    <row r="32998" spans="1:43">
      <c r="A32998" t="s">
        <v>20445</v>
      </c>
      <c r="B32998" t="s">
        <v>20446</v>
      </c>
      <c r="C32998" t="s">
        <v>20443</v>
      </c>
      <c r="D32998" t="s">
        <v>20444</v>
      </c>
      <c r="E32998" t="s">
        <v>20437</v>
      </c>
      <c r="F32998" t="s">
        <v>20438</v>
      </c>
      <c r="G32998" t="s">
        <v>20255</v>
      </c>
      <c r="H32998" t="s">
        <v>20256</v>
      </c>
      <c r="I32998" s="2">
        <v>1</v>
      </c>
      <c r="J32998" s="2">
        <v>0</v>
      </c>
      <c r="K32998" s="2">
        <v>0</v>
      </c>
      <c r="L32998" t="s">
        <v>120</v>
      </c>
      <c r="M32998" t="s">
        <v>83</v>
      </c>
      <c r="N32998" t="s">
        <v>84</v>
      </c>
      <c r="O32998" t="s">
        <v>85</v>
      </c>
      <c r="P32998" t="s">
        <v>86</v>
      </c>
      <c r="Q32998">
        <v>14</v>
      </c>
      <c r="R32998">
        <v>14</v>
      </c>
      <c r="S32998">
        <v>14</v>
      </c>
      <c r="T32998">
        <v>15</v>
      </c>
      <c r="U32998">
        <v>15</v>
      </c>
      <c r="V32998">
        <v>15</v>
      </c>
      <c r="W32998">
        <v>16</v>
      </c>
      <c r="X32998">
        <v>16</v>
      </c>
      <c r="Y32998">
        <v>16</v>
      </c>
      <c r="Z32998">
        <v>16</v>
      </c>
      <c r="AA32998">
        <v>17</v>
      </c>
      <c r="AB32998">
        <v>17</v>
      </c>
      <c r="AC32998">
        <v>17</v>
      </c>
      <c r="AD32998">
        <v>18</v>
      </c>
      <c r="AE32998">
        <v>18</v>
      </c>
      <c r="AF32998">
        <v>18</v>
      </c>
      <c r="AG32998">
        <v>18</v>
      </c>
      <c r="AH32998">
        <v>19</v>
      </c>
      <c r="AI32998">
        <v>19</v>
      </c>
      <c r="AJ32998">
        <v>19</v>
      </c>
      <c r="AK32998">
        <v>20</v>
      </c>
      <c r="AL32998">
        <v>20</v>
      </c>
      <c r="AM32998">
        <v>20</v>
      </c>
      <c r="AN32998">
        <v>20</v>
      </c>
      <c r="AO32998">
        <v>20</v>
      </c>
      <c r="AP32998">
        <v>21</v>
      </c>
      <c r="AQ32998">
        <v>21</v>
      </c>
    </row>
    <row r="32999" spans="1:43">
      <c r="A32999" t="s">
        <v>20445</v>
      </c>
      <c r="B32999" t="s">
        <v>20446</v>
      </c>
      <c r="C32999" t="s">
        <v>20443</v>
      </c>
      <c r="D32999" t="s">
        <v>20444</v>
      </c>
      <c r="E32999" t="s">
        <v>20437</v>
      </c>
      <c r="F32999" t="s">
        <v>20438</v>
      </c>
      <c r="G32999" t="s">
        <v>20255</v>
      </c>
      <c r="H32999" t="s">
        <v>20256</v>
      </c>
      <c r="I32999" s="2">
        <v>1</v>
      </c>
      <c r="J32999" s="2">
        <v>0</v>
      </c>
      <c r="K32999" s="2">
        <v>0</v>
      </c>
      <c r="L32999" t="s">
        <v>120</v>
      </c>
      <c r="M32999" t="s">
        <v>87</v>
      </c>
      <c r="N32999" t="s">
        <v>88</v>
      </c>
      <c r="O32999" t="s">
        <v>85</v>
      </c>
      <c r="P32999" t="s">
        <v>86</v>
      </c>
      <c r="Q32999">
        <v>14</v>
      </c>
      <c r="R32999">
        <v>14</v>
      </c>
      <c r="S32999">
        <v>14</v>
      </c>
      <c r="T32999">
        <v>14</v>
      </c>
      <c r="U32999">
        <v>14</v>
      </c>
      <c r="V32999">
        <v>15</v>
      </c>
      <c r="W32999">
        <v>15</v>
      </c>
      <c r="X32999">
        <v>15</v>
      </c>
      <c r="Y32999">
        <v>15</v>
      </c>
      <c r="Z32999">
        <v>15</v>
      </c>
      <c r="AA32999">
        <v>15</v>
      </c>
      <c r="AB32999">
        <v>15</v>
      </c>
      <c r="AC32999">
        <v>16</v>
      </c>
      <c r="AD32999">
        <v>16</v>
      </c>
      <c r="AE32999">
        <v>16</v>
      </c>
      <c r="AF32999">
        <v>16</v>
      </c>
      <c r="AG32999">
        <v>16</v>
      </c>
      <c r="AH32999">
        <v>16</v>
      </c>
      <c r="AI32999">
        <v>17</v>
      </c>
      <c r="AJ32999">
        <v>17</v>
      </c>
      <c r="AK32999">
        <v>17</v>
      </c>
      <c r="AL32999">
        <v>17</v>
      </c>
      <c r="AM32999">
        <v>17</v>
      </c>
      <c r="AN32999">
        <v>18</v>
      </c>
      <c r="AO32999">
        <v>18</v>
      </c>
      <c r="AP32999">
        <v>18</v>
      </c>
      <c r="AQ32999">
        <v>18</v>
      </c>
    </row>
    <row r="33000" spans="1:43">
      <c r="A33000" t="s">
        <v>20445</v>
      </c>
      <c r="B33000" t="s">
        <v>20446</v>
      </c>
      <c r="C33000" t="s">
        <v>20443</v>
      </c>
      <c r="D33000" t="s">
        <v>20444</v>
      </c>
      <c r="E33000" t="s">
        <v>20437</v>
      </c>
      <c r="F33000" t="s">
        <v>20438</v>
      </c>
      <c r="G33000" t="s">
        <v>20255</v>
      </c>
      <c r="H33000" t="s">
        <v>20256</v>
      </c>
      <c r="I33000" s="2">
        <v>1</v>
      </c>
      <c r="J33000" s="2">
        <v>0</v>
      </c>
      <c r="K33000" s="2">
        <v>0</v>
      </c>
      <c r="L33000" t="s">
        <v>120</v>
      </c>
      <c r="M33000" t="s">
        <v>89</v>
      </c>
      <c r="N33000" t="s">
        <v>90</v>
      </c>
      <c r="O33000" t="s">
        <v>85</v>
      </c>
      <c r="P33000" t="s">
        <v>86</v>
      </c>
      <c r="Q33000">
        <v>14</v>
      </c>
      <c r="R33000">
        <v>14</v>
      </c>
      <c r="S33000">
        <v>15</v>
      </c>
      <c r="T33000">
        <v>15</v>
      </c>
      <c r="U33000">
        <v>16</v>
      </c>
      <c r="V33000">
        <v>16</v>
      </c>
      <c r="W33000">
        <v>16</v>
      </c>
      <c r="X33000">
        <v>17</v>
      </c>
      <c r="Y33000">
        <v>17</v>
      </c>
      <c r="Z33000">
        <v>17</v>
      </c>
      <c r="AA33000">
        <v>18</v>
      </c>
      <c r="AB33000">
        <v>18</v>
      </c>
      <c r="AC33000">
        <v>18</v>
      </c>
      <c r="AD33000">
        <v>19</v>
      </c>
      <c r="AE33000">
        <v>19</v>
      </c>
      <c r="AF33000">
        <v>19</v>
      </c>
      <c r="AG33000">
        <v>19</v>
      </c>
      <c r="AH33000">
        <v>20</v>
      </c>
      <c r="AI33000">
        <v>20</v>
      </c>
      <c r="AJ33000">
        <v>20</v>
      </c>
      <c r="AK33000">
        <v>20</v>
      </c>
      <c r="AL33000">
        <v>20</v>
      </c>
      <c r="AM33000">
        <v>20</v>
      </c>
      <c r="AN33000">
        <v>21</v>
      </c>
      <c r="AO33000">
        <v>21</v>
      </c>
      <c r="AP33000">
        <v>21</v>
      </c>
      <c r="AQ33000">
        <v>21</v>
      </c>
    </row>
    <row r="33001" spans="1:43">
      <c r="A33001" t="s">
        <v>20445</v>
      </c>
      <c r="B33001" t="s">
        <v>20446</v>
      </c>
      <c r="C33001" t="s">
        <v>20443</v>
      </c>
      <c r="D33001" t="s">
        <v>20444</v>
      </c>
      <c r="E33001" t="s">
        <v>20437</v>
      </c>
      <c r="F33001" t="s">
        <v>20438</v>
      </c>
      <c r="G33001" t="s">
        <v>20255</v>
      </c>
      <c r="H33001" t="s">
        <v>20256</v>
      </c>
      <c r="I33001" s="2">
        <v>1</v>
      </c>
      <c r="J33001" s="2">
        <v>0</v>
      </c>
      <c r="K33001" s="2">
        <v>0</v>
      </c>
      <c r="L33001" t="s">
        <v>120</v>
      </c>
      <c r="M33001" t="s">
        <v>83</v>
      </c>
      <c r="N33001" t="s">
        <v>91</v>
      </c>
      <c r="O33001" t="s">
        <v>85</v>
      </c>
      <c r="P33001" t="s">
        <v>86</v>
      </c>
      <c r="Q33001">
        <v>14</v>
      </c>
      <c r="R33001">
        <v>14</v>
      </c>
      <c r="S33001">
        <v>14</v>
      </c>
      <c r="T33001">
        <v>15</v>
      </c>
      <c r="U33001">
        <v>15</v>
      </c>
      <c r="V33001">
        <v>15</v>
      </c>
      <c r="W33001">
        <v>16</v>
      </c>
      <c r="X33001">
        <v>16</v>
      </c>
      <c r="Y33001">
        <v>16</v>
      </c>
      <c r="Z33001">
        <v>16</v>
      </c>
      <c r="AA33001">
        <v>17</v>
      </c>
      <c r="AB33001">
        <v>17</v>
      </c>
      <c r="AC33001">
        <v>17</v>
      </c>
      <c r="AD33001">
        <v>18</v>
      </c>
      <c r="AE33001">
        <v>18</v>
      </c>
      <c r="AF33001">
        <v>18</v>
      </c>
      <c r="AG33001">
        <v>18</v>
      </c>
      <c r="AH33001">
        <v>19</v>
      </c>
      <c r="AI33001">
        <v>19</v>
      </c>
      <c r="AJ33001">
        <v>19</v>
      </c>
      <c r="AK33001">
        <v>20</v>
      </c>
      <c r="AL33001">
        <v>20</v>
      </c>
      <c r="AM33001">
        <v>20</v>
      </c>
      <c r="AN33001">
        <v>20</v>
      </c>
      <c r="AO33001">
        <v>20</v>
      </c>
      <c r="AP33001">
        <v>21</v>
      </c>
      <c r="AQ33001">
        <v>21</v>
      </c>
    </row>
    <row r="33002" spans="1:43">
      <c r="A33002" t="s">
        <v>20447</v>
      </c>
      <c r="B33002" t="s">
        <v>20448</v>
      </c>
      <c r="C33002" t="s">
        <v>20443</v>
      </c>
      <c r="D33002" t="s">
        <v>20444</v>
      </c>
      <c r="E33002" t="s">
        <v>20437</v>
      </c>
      <c r="F33002" t="s">
        <v>20438</v>
      </c>
      <c r="G33002" t="s">
        <v>20255</v>
      </c>
      <c r="H33002" t="s">
        <v>20256</v>
      </c>
      <c r="I33002" s="2">
        <v>1</v>
      </c>
      <c r="J33002" s="2">
        <v>0</v>
      </c>
      <c r="K33002" s="2">
        <v>0</v>
      </c>
      <c r="L33002" t="s">
        <v>120</v>
      </c>
      <c r="M33002" t="s">
        <v>83</v>
      </c>
      <c r="N33002" t="s">
        <v>84</v>
      </c>
      <c r="O33002" t="s">
        <v>85</v>
      </c>
      <c r="P33002" t="s">
        <v>86</v>
      </c>
      <c r="Q33002">
        <v>32</v>
      </c>
      <c r="R33002">
        <v>32</v>
      </c>
      <c r="S33002">
        <v>33</v>
      </c>
      <c r="T33002">
        <v>34</v>
      </c>
      <c r="U33002">
        <v>34</v>
      </c>
      <c r="V33002">
        <v>35</v>
      </c>
      <c r="W33002">
        <v>35</v>
      </c>
      <c r="X33002">
        <v>36</v>
      </c>
      <c r="Y33002">
        <v>37</v>
      </c>
      <c r="Z33002">
        <v>37</v>
      </c>
      <c r="AA33002">
        <v>38</v>
      </c>
      <c r="AB33002">
        <v>38</v>
      </c>
      <c r="AC33002">
        <v>39</v>
      </c>
      <c r="AD33002">
        <v>40</v>
      </c>
      <c r="AE33002">
        <v>40</v>
      </c>
      <c r="AF33002">
        <v>41</v>
      </c>
      <c r="AG33002">
        <v>42</v>
      </c>
      <c r="AH33002">
        <v>42</v>
      </c>
      <c r="AI33002">
        <v>43</v>
      </c>
      <c r="AJ33002">
        <v>43</v>
      </c>
      <c r="AK33002">
        <v>44</v>
      </c>
      <c r="AL33002">
        <v>45</v>
      </c>
      <c r="AM33002">
        <v>45</v>
      </c>
      <c r="AN33002">
        <v>45</v>
      </c>
      <c r="AO33002">
        <v>46</v>
      </c>
      <c r="AP33002">
        <v>46</v>
      </c>
      <c r="AQ33002">
        <v>46</v>
      </c>
    </row>
    <row r="33003" spans="1:43">
      <c r="A33003" t="s">
        <v>20447</v>
      </c>
      <c r="B33003" t="s">
        <v>20448</v>
      </c>
      <c r="C33003" t="s">
        <v>20443</v>
      </c>
      <c r="D33003" t="s">
        <v>20444</v>
      </c>
      <c r="E33003" t="s">
        <v>20437</v>
      </c>
      <c r="F33003" t="s">
        <v>20438</v>
      </c>
      <c r="G33003" t="s">
        <v>20255</v>
      </c>
      <c r="H33003" t="s">
        <v>20256</v>
      </c>
      <c r="I33003" s="2">
        <v>1</v>
      </c>
      <c r="J33003" s="2">
        <v>0</v>
      </c>
      <c r="K33003" s="2">
        <v>0</v>
      </c>
      <c r="L33003" t="s">
        <v>120</v>
      </c>
      <c r="M33003" t="s">
        <v>87</v>
      </c>
      <c r="N33003" t="s">
        <v>88</v>
      </c>
      <c r="O33003" t="s">
        <v>85</v>
      </c>
      <c r="P33003" t="s">
        <v>86</v>
      </c>
      <c r="Q33003">
        <v>32</v>
      </c>
      <c r="R33003">
        <v>32</v>
      </c>
      <c r="S33003">
        <v>32</v>
      </c>
      <c r="T33003">
        <v>32</v>
      </c>
      <c r="U33003">
        <v>33</v>
      </c>
      <c r="V33003">
        <v>33</v>
      </c>
      <c r="W33003">
        <v>33</v>
      </c>
      <c r="X33003">
        <v>34</v>
      </c>
      <c r="Y33003">
        <v>34</v>
      </c>
      <c r="Z33003">
        <v>34</v>
      </c>
      <c r="AA33003">
        <v>34</v>
      </c>
      <c r="AB33003">
        <v>35</v>
      </c>
      <c r="AC33003">
        <v>35</v>
      </c>
      <c r="AD33003">
        <v>35</v>
      </c>
      <c r="AE33003">
        <v>36</v>
      </c>
      <c r="AF33003">
        <v>36</v>
      </c>
      <c r="AG33003">
        <v>36</v>
      </c>
      <c r="AH33003">
        <v>37</v>
      </c>
      <c r="AI33003">
        <v>37</v>
      </c>
      <c r="AJ33003">
        <v>37</v>
      </c>
      <c r="AK33003">
        <v>38</v>
      </c>
      <c r="AL33003">
        <v>38</v>
      </c>
      <c r="AM33003">
        <v>38</v>
      </c>
      <c r="AN33003">
        <v>39</v>
      </c>
      <c r="AO33003">
        <v>39</v>
      </c>
      <c r="AP33003">
        <v>40</v>
      </c>
      <c r="AQ33003">
        <v>40</v>
      </c>
    </row>
    <row r="33004" spans="1:43">
      <c r="A33004" t="s">
        <v>20447</v>
      </c>
      <c r="B33004" t="s">
        <v>20448</v>
      </c>
      <c r="C33004" t="s">
        <v>20443</v>
      </c>
      <c r="D33004" t="s">
        <v>20444</v>
      </c>
      <c r="E33004" t="s">
        <v>20437</v>
      </c>
      <c r="F33004" t="s">
        <v>20438</v>
      </c>
      <c r="G33004" t="s">
        <v>20255</v>
      </c>
      <c r="H33004" t="s">
        <v>20256</v>
      </c>
      <c r="I33004" s="2">
        <v>1</v>
      </c>
      <c r="J33004" s="2">
        <v>0</v>
      </c>
      <c r="K33004" s="2">
        <v>0</v>
      </c>
      <c r="L33004" t="s">
        <v>120</v>
      </c>
      <c r="M33004" t="s">
        <v>89</v>
      </c>
      <c r="N33004" t="s">
        <v>90</v>
      </c>
      <c r="O33004" t="s">
        <v>85</v>
      </c>
      <c r="P33004" t="s">
        <v>86</v>
      </c>
      <c r="Q33004">
        <v>32</v>
      </c>
      <c r="R33004">
        <v>33</v>
      </c>
      <c r="S33004">
        <v>34</v>
      </c>
      <c r="T33004">
        <v>35</v>
      </c>
      <c r="U33004">
        <v>36</v>
      </c>
      <c r="V33004">
        <v>36</v>
      </c>
      <c r="W33004">
        <v>37</v>
      </c>
      <c r="X33004">
        <v>38</v>
      </c>
      <c r="Y33004">
        <v>39</v>
      </c>
      <c r="Z33004">
        <v>39</v>
      </c>
      <c r="AA33004">
        <v>40</v>
      </c>
      <c r="AB33004">
        <v>41</v>
      </c>
      <c r="AC33004">
        <v>42</v>
      </c>
      <c r="AD33004">
        <v>43</v>
      </c>
      <c r="AE33004">
        <v>43</v>
      </c>
      <c r="AF33004">
        <v>43</v>
      </c>
      <c r="AG33004">
        <v>44</v>
      </c>
      <c r="AH33004">
        <v>44</v>
      </c>
      <c r="AI33004">
        <v>44</v>
      </c>
      <c r="AJ33004">
        <v>45</v>
      </c>
      <c r="AK33004">
        <v>45</v>
      </c>
      <c r="AL33004">
        <v>45</v>
      </c>
      <c r="AM33004">
        <v>45</v>
      </c>
      <c r="AN33004">
        <v>46</v>
      </c>
      <c r="AO33004">
        <v>46</v>
      </c>
      <c r="AP33004">
        <v>46</v>
      </c>
      <c r="AQ33004">
        <v>47</v>
      </c>
    </row>
    <row r="33005" spans="1:43">
      <c r="A33005" t="s">
        <v>20447</v>
      </c>
      <c r="B33005" t="s">
        <v>20448</v>
      </c>
      <c r="C33005" t="s">
        <v>20443</v>
      </c>
      <c r="D33005" t="s">
        <v>20444</v>
      </c>
      <c r="E33005" t="s">
        <v>20437</v>
      </c>
      <c r="F33005" t="s">
        <v>20438</v>
      </c>
      <c r="G33005" t="s">
        <v>20255</v>
      </c>
      <c r="H33005" t="s">
        <v>20256</v>
      </c>
      <c r="I33005" s="2">
        <v>1</v>
      </c>
      <c r="J33005" s="2">
        <v>0</v>
      </c>
      <c r="K33005" s="2">
        <v>0</v>
      </c>
      <c r="L33005" t="s">
        <v>120</v>
      </c>
      <c r="M33005" t="s">
        <v>83</v>
      </c>
      <c r="N33005" t="s">
        <v>91</v>
      </c>
      <c r="O33005" t="s">
        <v>85</v>
      </c>
      <c r="P33005" t="s">
        <v>86</v>
      </c>
      <c r="Q33005">
        <v>32</v>
      </c>
      <c r="R33005">
        <v>32</v>
      </c>
      <c r="S33005">
        <v>33</v>
      </c>
      <c r="T33005">
        <v>34</v>
      </c>
      <c r="U33005">
        <v>34</v>
      </c>
      <c r="V33005">
        <v>35</v>
      </c>
      <c r="W33005">
        <v>35</v>
      </c>
      <c r="X33005">
        <v>36</v>
      </c>
      <c r="Y33005">
        <v>37</v>
      </c>
      <c r="Z33005">
        <v>37</v>
      </c>
      <c r="AA33005">
        <v>38</v>
      </c>
      <c r="AB33005">
        <v>38</v>
      </c>
      <c r="AC33005">
        <v>39</v>
      </c>
      <c r="AD33005">
        <v>40</v>
      </c>
      <c r="AE33005">
        <v>40</v>
      </c>
      <c r="AF33005">
        <v>41</v>
      </c>
      <c r="AG33005">
        <v>42</v>
      </c>
      <c r="AH33005">
        <v>42</v>
      </c>
      <c r="AI33005">
        <v>43</v>
      </c>
      <c r="AJ33005">
        <v>43</v>
      </c>
      <c r="AK33005">
        <v>44</v>
      </c>
      <c r="AL33005">
        <v>45</v>
      </c>
      <c r="AM33005">
        <v>45</v>
      </c>
      <c r="AN33005">
        <v>45</v>
      </c>
      <c r="AO33005">
        <v>46</v>
      </c>
      <c r="AP33005">
        <v>46</v>
      </c>
      <c r="AQ33005">
        <v>46</v>
      </c>
    </row>
    <row r="33006" spans="1:43">
      <c r="A33006" t="s">
        <v>20449</v>
      </c>
      <c r="B33006" t="s">
        <v>20450</v>
      </c>
      <c r="C33006" t="s">
        <v>20443</v>
      </c>
      <c r="D33006" t="s">
        <v>20444</v>
      </c>
      <c r="E33006" t="s">
        <v>20437</v>
      </c>
      <c r="F33006" t="s">
        <v>20438</v>
      </c>
      <c r="G33006" t="s">
        <v>20255</v>
      </c>
      <c r="H33006" t="s">
        <v>20256</v>
      </c>
      <c r="I33006" s="2">
        <v>1</v>
      </c>
      <c r="J33006" s="2">
        <v>0</v>
      </c>
      <c r="K33006" s="2">
        <v>0</v>
      </c>
      <c r="L33006" t="s">
        <v>120</v>
      </c>
      <c r="M33006" t="s">
        <v>83</v>
      </c>
      <c r="N33006" t="s">
        <v>84</v>
      </c>
      <c r="O33006" t="s">
        <v>85</v>
      </c>
      <c r="P33006" t="s">
        <v>86</v>
      </c>
      <c r="Q33006">
        <v>34</v>
      </c>
      <c r="R33006">
        <v>35</v>
      </c>
      <c r="S33006">
        <v>35</v>
      </c>
      <c r="T33006">
        <v>36</v>
      </c>
      <c r="U33006">
        <v>37</v>
      </c>
      <c r="V33006">
        <v>37</v>
      </c>
      <c r="W33006">
        <v>38</v>
      </c>
      <c r="X33006">
        <v>39</v>
      </c>
      <c r="Y33006">
        <v>40</v>
      </c>
      <c r="Z33006">
        <v>40</v>
      </c>
      <c r="AA33006">
        <v>41</v>
      </c>
      <c r="AB33006">
        <v>42</v>
      </c>
      <c r="AC33006">
        <v>42</v>
      </c>
      <c r="AD33006">
        <v>43</v>
      </c>
      <c r="AE33006">
        <v>44</v>
      </c>
      <c r="AF33006">
        <v>44</v>
      </c>
      <c r="AG33006">
        <v>45</v>
      </c>
      <c r="AH33006">
        <v>46</v>
      </c>
      <c r="AI33006">
        <v>47</v>
      </c>
      <c r="AJ33006">
        <v>48</v>
      </c>
      <c r="AK33006">
        <v>48</v>
      </c>
      <c r="AL33006">
        <v>49</v>
      </c>
      <c r="AM33006">
        <v>49</v>
      </c>
      <c r="AN33006">
        <v>50</v>
      </c>
      <c r="AO33006">
        <v>50</v>
      </c>
      <c r="AP33006">
        <v>51</v>
      </c>
      <c r="AQ33006">
        <v>51</v>
      </c>
    </row>
    <row r="33007" spans="1:43">
      <c r="A33007" t="s">
        <v>20449</v>
      </c>
      <c r="B33007" t="s">
        <v>20450</v>
      </c>
      <c r="C33007" t="s">
        <v>20443</v>
      </c>
      <c r="D33007" t="s">
        <v>20444</v>
      </c>
      <c r="E33007" t="s">
        <v>20437</v>
      </c>
      <c r="F33007" t="s">
        <v>20438</v>
      </c>
      <c r="G33007" t="s">
        <v>20255</v>
      </c>
      <c r="H33007" t="s">
        <v>20256</v>
      </c>
      <c r="I33007" s="2">
        <v>1</v>
      </c>
      <c r="J33007" s="2">
        <v>0</v>
      </c>
      <c r="K33007" s="2">
        <v>0</v>
      </c>
      <c r="L33007" t="s">
        <v>120</v>
      </c>
      <c r="M33007" t="s">
        <v>87</v>
      </c>
      <c r="N33007" t="s">
        <v>88</v>
      </c>
      <c r="O33007" t="s">
        <v>85</v>
      </c>
      <c r="P33007" t="s">
        <v>86</v>
      </c>
      <c r="Q33007">
        <v>34</v>
      </c>
      <c r="R33007">
        <v>34</v>
      </c>
      <c r="S33007">
        <v>34</v>
      </c>
      <c r="T33007">
        <v>35</v>
      </c>
      <c r="U33007">
        <v>35</v>
      </c>
      <c r="V33007">
        <v>36</v>
      </c>
      <c r="W33007">
        <v>36</v>
      </c>
      <c r="X33007">
        <v>36</v>
      </c>
      <c r="Y33007">
        <v>37</v>
      </c>
      <c r="Z33007">
        <v>37</v>
      </c>
      <c r="AA33007">
        <v>37</v>
      </c>
      <c r="AB33007">
        <v>38</v>
      </c>
      <c r="AC33007">
        <v>38</v>
      </c>
      <c r="AD33007">
        <v>39</v>
      </c>
      <c r="AE33007">
        <v>39</v>
      </c>
      <c r="AF33007">
        <v>39</v>
      </c>
      <c r="AG33007">
        <v>40</v>
      </c>
      <c r="AH33007">
        <v>40</v>
      </c>
      <c r="AI33007">
        <v>41</v>
      </c>
      <c r="AJ33007">
        <v>41</v>
      </c>
      <c r="AK33007">
        <v>42</v>
      </c>
      <c r="AL33007">
        <v>42</v>
      </c>
      <c r="AM33007">
        <v>42</v>
      </c>
      <c r="AN33007">
        <v>43</v>
      </c>
      <c r="AO33007">
        <v>43</v>
      </c>
      <c r="AP33007">
        <v>44</v>
      </c>
      <c r="AQ33007">
        <v>44</v>
      </c>
    </row>
    <row r="33008" spans="1:43">
      <c r="A33008" t="s">
        <v>20449</v>
      </c>
      <c r="B33008" t="s">
        <v>20450</v>
      </c>
      <c r="C33008" t="s">
        <v>20443</v>
      </c>
      <c r="D33008" t="s">
        <v>20444</v>
      </c>
      <c r="E33008" t="s">
        <v>20437</v>
      </c>
      <c r="F33008" t="s">
        <v>20438</v>
      </c>
      <c r="G33008" t="s">
        <v>20255</v>
      </c>
      <c r="H33008" t="s">
        <v>20256</v>
      </c>
      <c r="I33008" s="2">
        <v>1</v>
      </c>
      <c r="J33008" s="2">
        <v>0</v>
      </c>
      <c r="K33008" s="2">
        <v>0</v>
      </c>
      <c r="L33008" t="s">
        <v>120</v>
      </c>
      <c r="M33008" t="s">
        <v>89</v>
      </c>
      <c r="N33008" t="s">
        <v>90</v>
      </c>
      <c r="O33008" t="s">
        <v>85</v>
      </c>
      <c r="P33008" t="s">
        <v>86</v>
      </c>
      <c r="Q33008">
        <v>34</v>
      </c>
      <c r="R33008">
        <v>35</v>
      </c>
      <c r="S33008">
        <v>36</v>
      </c>
      <c r="T33008">
        <v>37</v>
      </c>
      <c r="U33008">
        <v>38</v>
      </c>
      <c r="V33008">
        <v>39</v>
      </c>
      <c r="W33008">
        <v>40</v>
      </c>
      <c r="X33008">
        <v>41</v>
      </c>
      <c r="Y33008">
        <v>42</v>
      </c>
      <c r="Z33008">
        <v>43</v>
      </c>
      <c r="AA33008">
        <v>43</v>
      </c>
      <c r="AB33008">
        <v>44</v>
      </c>
      <c r="AC33008">
        <v>45</v>
      </c>
      <c r="AD33008">
        <v>46</v>
      </c>
      <c r="AE33008">
        <v>47</v>
      </c>
      <c r="AF33008">
        <v>47</v>
      </c>
      <c r="AG33008">
        <v>48</v>
      </c>
      <c r="AH33008">
        <v>48</v>
      </c>
      <c r="AI33008">
        <v>48</v>
      </c>
      <c r="AJ33008">
        <v>49</v>
      </c>
      <c r="AK33008">
        <v>49</v>
      </c>
      <c r="AL33008">
        <v>49</v>
      </c>
      <c r="AM33008">
        <v>50</v>
      </c>
      <c r="AN33008">
        <v>50</v>
      </c>
      <c r="AO33008">
        <v>51</v>
      </c>
      <c r="AP33008">
        <v>51</v>
      </c>
      <c r="AQ33008">
        <v>52</v>
      </c>
    </row>
    <row r="33009" spans="1:43">
      <c r="A33009" t="s">
        <v>20449</v>
      </c>
      <c r="B33009" t="s">
        <v>20450</v>
      </c>
      <c r="C33009" t="s">
        <v>20443</v>
      </c>
      <c r="D33009" t="s">
        <v>20444</v>
      </c>
      <c r="E33009" t="s">
        <v>20437</v>
      </c>
      <c r="F33009" t="s">
        <v>20438</v>
      </c>
      <c r="G33009" t="s">
        <v>20255</v>
      </c>
      <c r="H33009" t="s">
        <v>20256</v>
      </c>
      <c r="I33009" s="2">
        <v>1</v>
      </c>
      <c r="J33009" s="2">
        <v>0</v>
      </c>
      <c r="K33009" s="2">
        <v>0</v>
      </c>
      <c r="L33009" t="s">
        <v>120</v>
      </c>
      <c r="M33009" t="s">
        <v>83</v>
      </c>
      <c r="N33009" t="s">
        <v>91</v>
      </c>
      <c r="O33009" t="s">
        <v>85</v>
      </c>
      <c r="P33009" t="s">
        <v>86</v>
      </c>
      <c r="Q33009">
        <v>34</v>
      </c>
      <c r="R33009">
        <v>35</v>
      </c>
      <c r="S33009">
        <v>35</v>
      </c>
      <c r="T33009">
        <v>36</v>
      </c>
      <c r="U33009">
        <v>37</v>
      </c>
      <c r="V33009">
        <v>37</v>
      </c>
      <c r="W33009">
        <v>38</v>
      </c>
      <c r="X33009">
        <v>39</v>
      </c>
      <c r="Y33009">
        <v>40</v>
      </c>
      <c r="Z33009">
        <v>40</v>
      </c>
      <c r="AA33009">
        <v>41</v>
      </c>
      <c r="AB33009">
        <v>42</v>
      </c>
      <c r="AC33009">
        <v>42</v>
      </c>
      <c r="AD33009">
        <v>43</v>
      </c>
      <c r="AE33009">
        <v>44</v>
      </c>
      <c r="AF33009">
        <v>44</v>
      </c>
      <c r="AG33009">
        <v>45</v>
      </c>
      <c r="AH33009">
        <v>46</v>
      </c>
      <c r="AI33009">
        <v>47</v>
      </c>
      <c r="AJ33009">
        <v>48</v>
      </c>
      <c r="AK33009">
        <v>48</v>
      </c>
      <c r="AL33009">
        <v>49</v>
      </c>
      <c r="AM33009">
        <v>49</v>
      </c>
      <c r="AN33009">
        <v>50</v>
      </c>
      <c r="AO33009">
        <v>50</v>
      </c>
      <c r="AP33009">
        <v>51</v>
      </c>
      <c r="AQ33009">
        <v>51</v>
      </c>
    </row>
    <row r="33010" spans="1:43">
      <c r="A33010" t="s">
        <v>20451</v>
      </c>
      <c r="B33010" t="s">
        <v>20452</v>
      </c>
      <c r="C33010" t="s">
        <v>20443</v>
      </c>
      <c r="D33010" t="s">
        <v>20444</v>
      </c>
      <c r="E33010" t="s">
        <v>20437</v>
      </c>
      <c r="F33010" t="s">
        <v>20438</v>
      </c>
      <c r="G33010" t="s">
        <v>20255</v>
      </c>
      <c r="H33010" t="s">
        <v>20256</v>
      </c>
      <c r="I33010" s="2">
        <v>1</v>
      </c>
      <c r="J33010" s="2">
        <v>0</v>
      </c>
      <c r="K33010" s="2">
        <v>0</v>
      </c>
      <c r="L33010" t="s">
        <v>120</v>
      </c>
      <c r="M33010" t="s">
        <v>83</v>
      </c>
      <c r="N33010" t="s">
        <v>84</v>
      </c>
      <c r="O33010" t="s">
        <v>85</v>
      </c>
      <c r="P33010" t="s">
        <v>86</v>
      </c>
      <c r="Q33010">
        <v>37</v>
      </c>
      <c r="R33010">
        <v>38</v>
      </c>
      <c r="S33010">
        <v>38</v>
      </c>
      <c r="T33010">
        <v>39</v>
      </c>
      <c r="U33010">
        <v>40</v>
      </c>
      <c r="V33010">
        <v>40</v>
      </c>
      <c r="W33010">
        <v>41</v>
      </c>
      <c r="X33010">
        <v>42</v>
      </c>
      <c r="Y33010">
        <v>42</v>
      </c>
      <c r="Z33010">
        <v>43</v>
      </c>
      <c r="AA33010">
        <v>44</v>
      </c>
      <c r="AB33010">
        <v>44</v>
      </c>
      <c r="AC33010">
        <v>45</v>
      </c>
      <c r="AD33010">
        <v>46</v>
      </c>
      <c r="AE33010">
        <v>46</v>
      </c>
      <c r="AF33010">
        <v>47</v>
      </c>
      <c r="AG33010">
        <v>48</v>
      </c>
      <c r="AH33010">
        <v>49</v>
      </c>
      <c r="AI33010">
        <v>49</v>
      </c>
      <c r="AJ33010">
        <v>50</v>
      </c>
      <c r="AK33010">
        <v>51</v>
      </c>
      <c r="AL33010">
        <v>51</v>
      </c>
      <c r="AM33010">
        <v>52</v>
      </c>
      <c r="AN33010">
        <v>52</v>
      </c>
      <c r="AO33010">
        <v>52</v>
      </c>
      <c r="AP33010">
        <v>53</v>
      </c>
      <c r="AQ33010">
        <v>53</v>
      </c>
    </row>
    <row r="33011" spans="1:43">
      <c r="A33011" t="s">
        <v>20451</v>
      </c>
      <c r="B33011" t="s">
        <v>20452</v>
      </c>
      <c r="C33011" t="s">
        <v>20443</v>
      </c>
      <c r="D33011" t="s">
        <v>20444</v>
      </c>
      <c r="E33011" t="s">
        <v>20437</v>
      </c>
      <c r="F33011" t="s">
        <v>20438</v>
      </c>
      <c r="G33011" t="s">
        <v>20255</v>
      </c>
      <c r="H33011" t="s">
        <v>20256</v>
      </c>
      <c r="I33011" s="2">
        <v>1</v>
      </c>
      <c r="J33011" s="2">
        <v>0</v>
      </c>
      <c r="K33011" s="2">
        <v>0</v>
      </c>
      <c r="L33011" t="s">
        <v>120</v>
      </c>
      <c r="M33011" t="s">
        <v>87</v>
      </c>
      <c r="N33011" t="s">
        <v>88</v>
      </c>
      <c r="O33011" t="s">
        <v>85</v>
      </c>
      <c r="P33011" t="s">
        <v>86</v>
      </c>
      <c r="Q33011">
        <v>37</v>
      </c>
      <c r="R33011">
        <v>37</v>
      </c>
      <c r="S33011">
        <v>37</v>
      </c>
      <c r="T33011">
        <v>38</v>
      </c>
      <c r="U33011">
        <v>38</v>
      </c>
      <c r="V33011">
        <v>38</v>
      </c>
      <c r="W33011">
        <v>39</v>
      </c>
      <c r="X33011">
        <v>39</v>
      </c>
      <c r="Y33011">
        <v>39</v>
      </c>
      <c r="Z33011">
        <v>40</v>
      </c>
      <c r="AA33011">
        <v>40</v>
      </c>
      <c r="AB33011">
        <v>40</v>
      </c>
      <c r="AC33011">
        <v>41</v>
      </c>
      <c r="AD33011">
        <v>41</v>
      </c>
      <c r="AE33011">
        <v>41</v>
      </c>
      <c r="AF33011">
        <v>42</v>
      </c>
      <c r="AG33011">
        <v>42</v>
      </c>
      <c r="AH33011">
        <v>43</v>
      </c>
      <c r="AI33011">
        <v>43</v>
      </c>
      <c r="AJ33011">
        <v>43</v>
      </c>
      <c r="AK33011">
        <v>44</v>
      </c>
      <c r="AL33011">
        <v>44</v>
      </c>
      <c r="AM33011">
        <v>45</v>
      </c>
      <c r="AN33011">
        <v>45</v>
      </c>
      <c r="AO33011">
        <v>46</v>
      </c>
      <c r="AP33011">
        <v>46</v>
      </c>
      <c r="AQ33011">
        <v>46</v>
      </c>
    </row>
    <row r="33012" spans="1:43">
      <c r="A33012" t="s">
        <v>20451</v>
      </c>
      <c r="B33012" t="s">
        <v>20452</v>
      </c>
      <c r="C33012" t="s">
        <v>20443</v>
      </c>
      <c r="D33012" t="s">
        <v>20444</v>
      </c>
      <c r="E33012" t="s">
        <v>20437</v>
      </c>
      <c r="F33012" t="s">
        <v>20438</v>
      </c>
      <c r="G33012" t="s">
        <v>20255</v>
      </c>
      <c r="H33012" t="s">
        <v>20256</v>
      </c>
      <c r="I33012" s="2">
        <v>1</v>
      </c>
      <c r="J33012" s="2">
        <v>0</v>
      </c>
      <c r="K33012" s="2">
        <v>0</v>
      </c>
      <c r="L33012" t="s">
        <v>120</v>
      </c>
      <c r="M33012" t="s">
        <v>89</v>
      </c>
      <c r="N33012" t="s">
        <v>90</v>
      </c>
      <c r="O33012" t="s">
        <v>85</v>
      </c>
      <c r="P33012" t="s">
        <v>86</v>
      </c>
      <c r="Q33012">
        <v>37</v>
      </c>
      <c r="R33012">
        <v>38</v>
      </c>
      <c r="S33012">
        <v>39</v>
      </c>
      <c r="T33012">
        <v>40</v>
      </c>
      <c r="U33012">
        <v>41</v>
      </c>
      <c r="V33012">
        <v>42</v>
      </c>
      <c r="W33012">
        <v>43</v>
      </c>
      <c r="X33012">
        <v>44</v>
      </c>
      <c r="Y33012">
        <v>45</v>
      </c>
      <c r="Z33012">
        <v>46</v>
      </c>
      <c r="AA33012">
        <v>46</v>
      </c>
      <c r="AB33012">
        <v>47</v>
      </c>
      <c r="AC33012">
        <v>48</v>
      </c>
      <c r="AD33012">
        <v>49</v>
      </c>
      <c r="AE33012">
        <v>50</v>
      </c>
      <c r="AF33012">
        <v>50</v>
      </c>
      <c r="AG33012">
        <v>50</v>
      </c>
      <c r="AH33012">
        <v>51</v>
      </c>
      <c r="AI33012">
        <v>51</v>
      </c>
      <c r="AJ33012">
        <v>51</v>
      </c>
      <c r="AK33012">
        <v>52</v>
      </c>
      <c r="AL33012">
        <v>52</v>
      </c>
      <c r="AM33012">
        <v>52</v>
      </c>
      <c r="AN33012">
        <v>53</v>
      </c>
      <c r="AO33012">
        <v>53</v>
      </c>
      <c r="AP33012">
        <v>53</v>
      </c>
      <c r="AQ33012">
        <v>54</v>
      </c>
    </row>
    <row r="33013" spans="1:43">
      <c r="A33013" t="s">
        <v>20451</v>
      </c>
      <c r="B33013" t="s">
        <v>20452</v>
      </c>
      <c r="C33013" t="s">
        <v>20443</v>
      </c>
      <c r="D33013" t="s">
        <v>20444</v>
      </c>
      <c r="E33013" t="s">
        <v>20437</v>
      </c>
      <c r="F33013" t="s">
        <v>20438</v>
      </c>
      <c r="G33013" t="s">
        <v>20255</v>
      </c>
      <c r="H33013" t="s">
        <v>20256</v>
      </c>
      <c r="I33013" s="2">
        <v>1</v>
      </c>
      <c r="J33013" s="2">
        <v>0</v>
      </c>
      <c r="K33013" s="2">
        <v>0</v>
      </c>
      <c r="L33013" t="s">
        <v>120</v>
      </c>
      <c r="M33013" t="s">
        <v>83</v>
      </c>
      <c r="N33013" t="s">
        <v>91</v>
      </c>
      <c r="O33013" t="s">
        <v>85</v>
      </c>
      <c r="P33013" t="s">
        <v>86</v>
      </c>
      <c r="Q33013">
        <v>37</v>
      </c>
      <c r="R33013">
        <v>38</v>
      </c>
      <c r="S33013">
        <v>38</v>
      </c>
      <c r="T33013">
        <v>39</v>
      </c>
      <c r="U33013">
        <v>40</v>
      </c>
      <c r="V33013">
        <v>40</v>
      </c>
      <c r="W33013">
        <v>41</v>
      </c>
      <c r="X33013">
        <v>42</v>
      </c>
      <c r="Y33013">
        <v>42</v>
      </c>
      <c r="Z33013">
        <v>43</v>
      </c>
      <c r="AA33013">
        <v>44</v>
      </c>
      <c r="AB33013">
        <v>44</v>
      </c>
      <c r="AC33013">
        <v>45</v>
      </c>
      <c r="AD33013">
        <v>46</v>
      </c>
      <c r="AE33013">
        <v>46</v>
      </c>
      <c r="AF33013">
        <v>47</v>
      </c>
      <c r="AG33013">
        <v>48</v>
      </c>
      <c r="AH33013">
        <v>49</v>
      </c>
      <c r="AI33013">
        <v>49</v>
      </c>
      <c r="AJ33013">
        <v>50</v>
      </c>
      <c r="AK33013">
        <v>51</v>
      </c>
      <c r="AL33013">
        <v>51</v>
      </c>
      <c r="AM33013">
        <v>52</v>
      </c>
      <c r="AN33013">
        <v>52</v>
      </c>
      <c r="AO33013">
        <v>52</v>
      </c>
      <c r="AP33013">
        <v>53</v>
      </c>
      <c r="AQ33013">
        <v>53</v>
      </c>
    </row>
    <row r="33014" spans="1:43">
      <c r="A33014" t="s">
        <v>20453</v>
      </c>
      <c r="B33014" t="s">
        <v>20454</v>
      </c>
      <c r="C33014" t="s">
        <v>20455</v>
      </c>
      <c r="D33014" t="s">
        <v>20456</v>
      </c>
      <c r="E33014" t="s">
        <v>20437</v>
      </c>
      <c r="F33014" t="s">
        <v>20438</v>
      </c>
      <c r="G33014" t="s">
        <v>20255</v>
      </c>
      <c r="H33014" t="s">
        <v>20256</v>
      </c>
      <c r="I33014" s="2">
        <v>1</v>
      </c>
      <c r="J33014" s="2">
        <v>0</v>
      </c>
      <c r="K33014" s="2">
        <v>0</v>
      </c>
      <c r="L33014" t="s">
        <v>120</v>
      </c>
      <c r="M33014" t="s">
        <v>83</v>
      </c>
      <c r="N33014" t="s">
        <v>84</v>
      </c>
      <c r="O33014" t="s">
        <v>85</v>
      </c>
      <c r="P33014" t="s">
        <v>86</v>
      </c>
      <c r="Q33014">
        <v>44</v>
      </c>
      <c r="R33014">
        <v>45</v>
      </c>
      <c r="S33014">
        <v>46</v>
      </c>
      <c r="T33014">
        <v>47</v>
      </c>
      <c r="U33014">
        <v>48</v>
      </c>
      <c r="V33014">
        <v>49</v>
      </c>
      <c r="W33014">
        <v>49</v>
      </c>
      <c r="X33014">
        <v>50</v>
      </c>
      <c r="Y33014">
        <v>51</v>
      </c>
      <c r="Z33014">
        <v>52</v>
      </c>
      <c r="AA33014">
        <v>53</v>
      </c>
      <c r="AB33014">
        <v>54</v>
      </c>
      <c r="AC33014">
        <v>54</v>
      </c>
      <c r="AD33014">
        <v>55</v>
      </c>
      <c r="AE33014">
        <v>56</v>
      </c>
      <c r="AF33014">
        <v>57</v>
      </c>
      <c r="AG33014">
        <v>58</v>
      </c>
      <c r="AH33014">
        <v>59</v>
      </c>
      <c r="AI33014">
        <v>60</v>
      </c>
      <c r="AJ33014">
        <v>61</v>
      </c>
      <c r="AK33014">
        <v>62</v>
      </c>
      <c r="AL33014">
        <v>62</v>
      </c>
      <c r="AM33014">
        <v>63</v>
      </c>
      <c r="AN33014">
        <v>63</v>
      </c>
      <c r="AO33014">
        <v>64</v>
      </c>
      <c r="AP33014">
        <v>64</v>
      </c>
      <c r="AQ33014">
        <v>65</v>
      </c>
    </row>
    <row r="33015" spans="1:43">
      <c r="A33015" t="s">
        <v>20453</v>
      </c>
      <c r="B33015" t="s">
        <v>20454</v>
      </c>
      <c r="C33015" t="s">
        <v>20455</v>
      </c>
      <c r="D33015" t="s">
        <v>20456</v>
      </c>
      <c r="E33015" t="s">
        <v>20437</v>
      </c>
      <c r="F33015" t="s">
        <v>20438</v>
      </c>
      <c r="G33015" t="s">
        <v>20255</v>
      </c>
      <c r="H33015" t="s">
        <v>20256</v>
      </c>
      <c r="I33015" s="2">
        <v>1</v>
      </c>
      <c r="J33015" s="2">
        <v>0</v>
      </c>
      <c r="K33015" s="2">
        <v>0</v>
      </c>
      <c r="L33015" t="s">
        <v>120</v>
      </c>
      <c r="M33015" t="s">
        <v>87</v>
      </c>
      <c r="N33015" t="s">
        <v>88</v>
      </c>
      <c r="O33015" t="s">
        <v>85</v>
      </c>
      <c r="P33015" t="s">
        <v>86</v>
      </c>
      <c r="Q33015">
        <v>44</v>
      </c>
      <c r="R33015">
        <v>44</v>
      </c>
      <c r="S33015">
        <v>45</v>
      </c>
      <c r="T33015">
        <v>45</v>
      </c>
      <c r="U33015">
        <v>46</v>
      </c>
      <c r="V33015">
        <v>46</v>
      </c>
      <c r="W33015">
        <v>46</v>
      </c>
      <c r="X33015">
        <v>47</v>
      </c>
      <c r="Y33015">
        <v>47</v>
      </c>
      <c r="Z33015">
        <v>48</v>
      </c>
      <c r="AA33015">
        <v>48</v>
      </c>
      <c r="AB33015">
        <v>48</v>
      </c>
      <c r="AC33015">
        <v>49</v>
      </c>
      <c r="AD33015">
        <v>49</v>
      </c>
      <c r="AE33015">
        <v>50</v>
      </c>
      <c r="AF33015">
        <v>50</v>
      </c>
      <c r="AG33015">
        <v>51</v>
      </c>
      <c r="AH33015">
        <v>51</v>
      </c>
      <c r="AI33015">
        <v>52</v>
      </c>
      <c r="AJ33015">
        <v>52</v>
      </c>
      <c r="AK33015">
        <v>53</v>
      </c>
      <c r="AL33015">
        <v>53</v>
      </c>
      <c r="AM33015">
        <v>54</v>
      </c>
      <c r="AN33015">
        <v>54</v>
      </c>
      <c r="AO33015">
        <v>55</v>
      </c>
      <c r="AP33015">
        <v>55</v>
      </c>
      <c r="AQ33015">
        <v>56</v>
      </c>
    </row>
    <row r="33016" spans="1:43">
      <c r="A33016" t="s">
        <v>20453</v>
      </c>
      <c r="B33016" t="s">
        <v>20454</v>
      </c>
      <c r="C33016" t="s">
        <v>20455</v>
      </c>
      <c r="D33016" t="s">
        <v>20456</v>
      </c>
      <c r="E33016" t="s">
        <v>20437</v>
      </c>
      <c r="F33016" t="s">
        <v>20438</v>
      </c>
      <c r="G33016" t="s">
        <v>20255</v>
      </c>
      <c r="H33016" t="s">
        <v>20256</v>
      </c>
      <c r="I33016" s="2">
        <v>1</v>
      </c>
      <c r="J33016" s="2">
        <v>0</v>
      </c>
      <c r="K33016" s="2">
        <v>0</v>
      </c>
      <c r="L33016" t="s">
        <v>120</v>
      </c>
      <c r="M33016" t="s">
        <v>89</v>
      </c>
      <c r="N33016" t="s">
        <v>90</v>
      </c>
      <c r="O33016" t="s">
        <v>85</v>
      </c>
      <c r="P33016" t="s">
        <v>86</v>
      </c>
      <c r="Q33016">
        <v>44</v>
      </c>
      <c r="R33016">
        <v>45</v>
      </c>
      <c r="S33016">
        <v>46</v>
      </c>
      <c r="T33016">
        <v>47</v>
      </c>
      <c r="U33016">
        <v>49</v>
      </c>
      <c r="V33016">
        <v>50</v>
      </c>
      <c r="W33016">
        <v>51</v>
      </c>
      <c r="X33016">
        <v>52</v>
      </c>
      <c r="Y33016">
        <v>53</v>
      </c>
      <c r="Z33016">
        <v>54</v>
      </c>
      <c r="AA33016">
        <v>55</v>
      </c>
      <c r="AB33016">
        <v>56</v>
      </c>
      <c r="AC33016">
        <v>57</v>
      </c>
      <c r="AD33016">
        <v>58</v>
      </c>
      <c r="AE33016">
        <v>59</v>
      </c>
      <c r="AF33016">
        <v>60</v>
      </c>
      <c r="AG33016">
        <v>60</v>
      </c>
      <c r="AH33016">
        <v>61</v>
      </c>
      <c r="AI33016">
        <v>61</v>
      </c>
      <c r="AJ33016">
        <v>61</v>
      </c>
      <c r="AK33016">
        <v>62</v>
      </c>
      <c r="AL33016">
        <v>62</v>
      </c>
      <c r="AM33016">
        <v>63</v>
      </c>
      <c r="AN33016">
        <v>63</v>
      </c>
      <c r="AO33016">
        <v>63</v>
      </c>
      <c r="AP33016">
        <v>64</v>
      </c>
      <c r="AQ33016">
        <v>64</v>
      </c>
    </row>
    <row r="33017" spans="1:43">
      <c r="A33017" t="s">
        <v>20453</v>
      </c>
      <c r="B33017" t="s">
        <v>20454</v>
      </c>
      <c r="C33017" t="s">
        <v>20455</v>
      </c>
      <c r="D33017" t="s">
        <v>20456</v>
      </c>
      <c r="E33017" t="s">
        <v>20437</v>
      </c>
      <c r="F33017" t="s">
        <v>20438</v>
      </c>
      <c r="G33017" t="s">
        <v>20255</v>
      </c>
      <c r="H33017" t="s">
        <v>20256</v>
      </c>
      <c r="I33017" s="2">
        <v>1</v>
      </c>
      <c r="J33017" s="2">
        <v>0</v>
      </c>
      <c r="K33017" s="2">
        <v>0</v>
      </c>
      <c r="L33017" t="s">
        <v>120</v>
      </c>
      <c r="M33017" t="s">
        <v>83</v>
      </c>
      <c r="N33017" t="s">
        <v>91</v>
      </c>
      <c r="O33017" t="s">
        <v>85</v>
      </c>
      <c r="P33017" t="s">
        <v>86</v>
      </c>
      <c r="Q33017">
        <v>44</v>
      </c>
      <c r="R33017">
        <v>45</v>
      </c>
      <c r="S33017">
        <v>46</v>
      </c>
      <c r="T33017">
        <v>47</v>
      </c>
      <c r="U33017">
        <v>48</v>
      </c>
      <c r="V33017">
        <v>49</v>
      </c>
      <c r="W33017">
        <v>49</v>
      </c>
      <c r="X33017">
        <v>50</v>
      </c>
      <c r="Y33017">
        <v>51</v>
      </c>
      <c r="Z33017">
        <v>52</v>
      </c>
      <c r="AA33017">
        <v>53</v>
      </c>
      <c r="AB33017">
        <v>54</v>
      </c>
      <c r="AC33017">
        <v>54</v>
      </c>
      <c r="AD33017">
        <v>55</v>
      </c>
      <c r="AE33017">
        <v>56</v>
      </c>
      <c r="AF33017">
        <v>57</v>
      </c>
      <c r="AG33017">
        <v>58</v>
      </c>
      <c r="AH33017">
        <v>59</v>
      </c>
      <c r="AI33017">
        <v>60</v>
      </c>
      <c r="AJ33017">
        <v>61</v>
      </c>
      <c r="AK33017">
        <v>62</v>
      </c>
      <c r="AL33017">
        <v>62</v>
      </c>
      <c r="AM33017">
        <v>63</v>
      </c>
      <c r="AN33017">
        <v>63</v>
      </c>
      <c r="AO33017">
        <v>64</v>
      </c>
      <c r="AP33017">
        <v>64</v>
      </c>
      <c r="AQ33017">
        <v>65</v>
      </c>
    </row>
    <row r="33018" spans="1:43">
      <c r="A33018" t="s">
        <v>20457</v>
      </c>
      <c r="B33018" t="s">
        <v>20458</v>
      </c>
      <c r="C33018" t="s">
        <v>20455</v>
      </c>
      <c r="D33018" t="s">
        <v>20456</v>
      </c>
      <c r="E33018" t="s">
        <v>20437</v>
      </c>
      <c r="F33018" t="s">
        <v>20438</v>
      </c>
      <c r="G33018" t="s">
        <v>20255</v>
      </c>
      <c r="H33018" t="s">
        <v>20256</v>
      </c>
      <c r="I33018" s="2">
        <v>1</v>
      </c>
      <c r="J33018" s="2">
        <v>0</v>
      </c>
      <c r="K33018" s="2">
        <v>0</v>
      </c>
      <c r="L33018" t="s">
        <v>120</v>
      </c>
      <c r="M33018" t="s">
        <v>83</v>
      </c>
      <c r="N33018" t="s">
        <v>84</v>
      </c>
      <c r="O33018" t="s">
        <v>85</v>
      </c>
      <c r="P33018" t="s">
        <v>86</v>
      </c>
      <c r="Q33018">
        <v>26</v>
      </c>
      <c r="R33018">
        <v>26</v>
      </c>
      <c r="S33018">
        <v>27</v>
      </c>
      <c r="T33018">
        <v>27</v>
      </c>
      <c r="U33018">
        <v>27</v>
      </c>
      <c r="V33018">
        <v>28</v>
      </c>
      <c r="W33018">
        <v>28</v>
      </c>
      <c r="X33018">
        <v>29</v>
      </c>
      <c r="Y33018">
        <v>29</v>
      </c>
      <c r="Z33018">
        <v>30</v>
      </c>
      <c r="AA33018">
        <v>30</v>
      </c>
      <c r="AB33018">
        <v>31</v>
      </c>
      <c r="AC33018">
        <v>31</v>
      </c>
      <c r="AD33018">
        <v>32</v>
      </c>
      <c r="AE33018">
        <v>32</v>
      </c>
      <c r="AF33018">
        <v>33</v>
      </c>
      <c r="AG33018">
        <v>33</v>
      </c>
      <c r="AH33018">
        <v>34</v>
      </c>
      <c r="AI33018">
        <v>34</v>
      </c>
      <c r="AJ33018">
        <v>35</v>
      </c>
      <c r="AK33018">
        <v>35</v>
      </c>
      <c r="AL33018">
        <v>36</v>
      </c>
      <c r="AM33018">
        <v>36</v>
      </c>
      <c r="AN33018">
        <v>36</v>
      </c>
      <c r="AO33018">
        <v>36</v>
      </c>
      <c r="AP33018">
        <v>37</v>
      </c>
      <c r="AQ33018">
        <v>37</v>
      </c>
    </row>
    <row r="33019" spans="1:43">
      <c r="A33019" t="s">
        <v>20457</v>
      </c>
      <c r="B33019" t="s">
        <v>20458</v>
      </c>
      <c r="C33019" t="s">
        <v>20455</v>
      </c>
      <c r="D33019" t="s">
        <v>20456</v>
      </c>
      <c r="E33019" t="s">
        <v>20437</v>
      </c>
      <c r="F33019" t="s">
        <v>20438</v>
      </c>
      <c r="G33019" t="s">
        <v>20255</v>
      </c>
      <c r="H33019" t="s">
        <v>20256</v>
      </c>
      <c r="I33019" s="2">
        <v>1</v>
      </c>
      <c r="J33019" s="2">
        <v>0</v>
      </c>
      <c r="K33019" s="2">
        <v>0</v>
      </c>
      <c r="L33019" t="s">
        <v>120</v>
      </c>
      <c r="M33019" t="s">
        <v>87</v>
      </c>
      <c r="N33019" t="s">
        <v>88</v>
      </c>
      <c r="O33019" t="s">
        <v>85</v>
      </c>
      <c r="P33019" t="s">
        <v>86</v>
      </c>
      <c r="Q33019">
        <v>26</v>
      </c>
      <c r="R33019">
        <v>27</v>
      </c>
      <c r="S33019">
        <v>27</v>
      </c>
      <c r="T33019">
        <v>27</v>
      </c>
      <c r="U33019">
        <v>27</v>
      </c>
      <c r="V33019">
        <v>27</v>
      </c>
      <c r="W33019">
        <v>28</v>
      </c>
      <c r="X33019">
        <v>28</v>
      </c>
      <c r="Y33019">
        <v>28</v>
      </c>
      <c r="Z33019">
        <v>28</v>
      </c>
      <c r="AA33019">
        <v>29</v>
      </c>
      <c r="AB33019">
        <v>29</v>
      </c>
      <c r="AC33019">
        <v>29</v>
      </c>
      <c r="AD33019">
        <v>29</v>
      </c>
      <c r="AE33019">
        <v>30</v>
      </c>
      <c r="AF33019">
        <v>30</v>
      </c>
      <c r="AG33019">
        <v>30</v>
      </c>
      <c r="AH33019">
        <v>30</v>
      </c>
      <c r="AI33019">
        <v>31</v>
      </c>
      <c r="AJ33019">
        <v>31</v>
      </c>
      <c r="AK33019">
        <v>31</v>
      </c>
      <c r="AL33019">
        <v>32</v>
      </c>
      <c r="AM33019">
        <v>32</v>
      </c>
      <c r="AN33019">
        <v>32</v>
      </c>
      <c r="AO33019">
        <v>32</v>
      </c>
      <c r="AP33019">
        <v>33</v>
      </c>
      <c r="AQ33019">
        <v>33</v>
      </c>
    </row>
    <row r="33020" spans="1:43">
      <c r="A33020" t="s">
        <v>20457</v>
      </c>
      <c r="B33020" t="s">
        <v>20458</v>
      </c>
      <c r="C33020" t="s">
        <v>20455</v>
      </c>
      <c r="D33020" t="s">
        <v>20456</v>
      </c>
      <c r="E33020" t="s">
        <v>20437</v>
      </c>
      <c r="F33020" t="s">
        <v>20438</v>
      </c>
      <c r="G33020" t="s">
        <v>20255</v>
      </c>
      <c r="H33020" t="s">
        <v>20256</v>
      </c>
      <c r="I33020" s="2">
        <v>1</v>
      </c>
      <c r="J33020" s="2">
        <v>0</v>
      </c>
      <c r="K33020" s="2">
        <v>0</v>
      </c>
      <c r="L33020" t="s">
        <v>120</v>
      </c>
      <c r="M33020" t="s">
        <v>89</v>
      </c>
      <c r="N33020" t="s">
        <v>90</v>
      </c>
      <c r="O33020" t="s">
        <v>85</v>
      </c>
      <c r="P33020" t="s">
        <v>86</v>
      </c>
      <c r="Q33020">
        <v>26</v>
      </c>
      <c r="R33020">
        <v>27</v>
      </c>
      <c r="S33020">
        <v>27</v>
      </c>
      <c r="T33020">
        <v>28</v>
      </c>
      <c r="U33020">
        <v>29</v>
      </c>
      <c r="V33020">
        <v>29</v>
      </c>
      <c r="W33020">
        <v>30</v>
      </c>
      <c r="X33020">
        <v>30</v>
      </c>
      <c r="Y33020">
        <v>31</v>
      </c>
      <c r="Z33020">
        <v>32</v>
      </c>
      <c r="AA33020">
        <v>32</v>
      </c>
      <c r="AB33020">
        <v>33</v>
      </c>
      <c r="AC33020">
        <v>33</v>
      </c>
      <c r="AD33020">
        <v>34</v>
      </c>
      <c r="AE33020">
        <v>35</v>
      </c>
      <c r="AF33020">
        <v>35</v>
      </c>
      <c r="AG33020">
        <v>35</v>
      </c>
      <c r="AH33020">
        <v>35</v>
      </c>
      <c r="AI33020">
        <v>35</v>
      </c>
      <c r="AJ33020">
        <v>36</v>
      </c>
      <c r="AK33020">
        <v>36</v>
      </c>
      <c r="AL33020">
        <v>36</v>
      </c>
      <c r="AM33020">
        <v>36</v>
      </c>
      <c r="AN33020">
        <v>37</v>
      </c>
      <c r="AO33020">
        <v>37</v>
      </c>
      <c r="AP33020">
        <v>37</v>
      </c>
      <c r="AQ33020">
        <v>37</v>
      </c>
    </row>
    <row r="33021" spans="1:43">
      <c r="A33021" t="s">
        <v>20457</v>
      </c>
      <c r="B33021" t="s">
        <v>20458</v>
      </c>
      <c r="C33021" t="s">
        <v>20455</v>
      </c>
      <c r="D33021" t="s">
        <v>20456</v>
      </c>
      <c r="E33021" t="s">
        <v>20437</v>
      </c>
      <c r="F33021" t="s">
        <v>20438</v>
      </c>
      <c r="G33021" t="s">
        <v>20255</v>
      </c>
      <c r="H33021" t="s">
        <v>20256</v>
      </c>
      <c r="I33021" s="2">
        <v>1</v>
      </c>
      <c r="J33021" s="2">
        <v>0</v>
      </c>
      <c r="K33021" s="2">
        <v>0</v>
      </c>
      <c r="L33021" t="s">
        <v>120</v>
      </c>
      <c r="M33021" t="s">
        <v>83</v>
      </c>
      <c r="N33021" t="s">
        <v>91</v>
      </c>
      <c r="O33021" t="s">
        <v>85</v>
      </c>
      <c r="P33021" t="s">
        <v>86</v>
      </c>
      <c r="Q33021">
        <v>26</v>
      </c>
      <c r="R33021">
        <v>26</v>
      </c>
      <c r="S33021">
        <v>27</v>
      </c>
      <c r="T33021">
        <v>27</v>
      </c>
      <c r="U33021">
        <v>27</v>
      </c>
      <c r="V33021">
        <v>28</v>
      </c>
      <c r="W33021">
        <v>28</v>
      </c>
      <c r="X33021">
        <v>29</v>
      </c>
      <c r="Y33021">
        <v>29</v>
      </c>
      <c r="Z33021">
        <v>30</v>
      </c>
      <c r="AA33021">
        <v>30</v>
      </c>
      <c r="AB33021">
        <v>31</v>
      </c>
      <c r="AC33021">
        <v>31</v>
      </c>
      <c r="AD33021">
        <v>32</v>
      </c>
      <c r="AE33021">
        <v>32</v>
      </c>
      <c r="AF33021">
        <v>33</v>
      </c>
      <c r="AG33021">
        <v>33</v>
      </c>
      <c r="AH33021">
        <v>34</v>
      </c>
      <c r="AI33021">
        <v>34</v>
      </c>
      <c r="AJ33021">
        <v>35</v>
      </c>
      <c r="AK33021">
        <v>35</v>
      </c>
      <c r="AL33021">
        <v>36</v>
      </c>
      <c r="AM33021">
        <v>36</v>
      </c>
      <c r="AN33021">
        <v>36</v>
      </c>
      <c r="AO33021">
        <v>36</v>
      </c>
      <c r="AP33021">
        <v>37</v>
      </c>
      <c r="AQ33021">
        <v>37</v>
      </c>
    </row>
    <row r="33022" spans="1:43">
      <c r="A33022" t="s">
        <v>20459</v>
      </c>
      <c r="B33022" t="s">
        <v>20460</v>
      </c>
      <c r="C33022" t="s">
        <v>20455</v>
      </c>
      <c r="D33022" t="s">
        <v>20456</v>
      </c>
      <c r="E33022" t="s">
        <v>20437</v>
      </c>
      <c r="F33022" t="s">
        <v>20438</v>
      </c>
      <c r="G33022" t="s">
        <v>20255</v>
      </c>
      <c r="H33022" t="s">
        <v>20256</v>
      </c>
      <c r="I33022" s="2">
        <v>1</v>
      </c>
      <c r="J33022" s="2">
        <v>0</v>
      </c>
      <c r="K33022" s="2">
        <v>0</v>
      </c>
      <c r="L33022" t="s">
        <v>120</v>
      </c>
      <c r="M33022" t="s">
        <v>83</v>
      </c>
      <c r="N33022" t="s">
        <v>84</v>
      </c>
      <c r="O33022" t="s">
        <v>85</v>
      </c>
      <c r="P33022" t="s">
        <v>86</v>
      </c>
      <c r="Q33022">
        <v>14</v>
      </c>
      <c r="R33022">
        <v>14</v>
      </c>
      <c r="S33022">
        <v>14</v>
      </c>
      <c r="T33022">
        <v>15</v>
      </c>
      <c r="U33022">
        <v>15</v>
      </c>
      <c r="V33022">
        <v>15</v>
      </c>
      <c r="W33022">
        <v>15</v>
      </c>
      <c r="X33022">
        <v>16</v>
      </c>
      <c r="Y33022">
        <v>16</v>
      </c>
      <c r="Z33022">
        <v>16</v>
      </c>
      <c r="AA33022">
        <v>16</v>
      </c>
      <c r="AB33022">
        <v>17</v>
      </c>
      <c r="AC33022">
        <v>17</v>
      </c>
      <c r="AD33022">
        <v>17</v>
      </c>
      <c r="AE33022">
        <v>17</v>
      </c>
      <c r="AF33022">
        <v>18</v>
      </c>
      <c r="AG33022">
        <v>18</v>
      </c>
      <c r="AH33022">
        <v>18</v>
      </c>
      <c r="AI33022">
        <v>18</v>
      </c>
      <c r="AJ33022">
        <v>19</v>
      </c>
      <c r="AK33022">
        <v>19</v>
      </c>
      <c r="AL33022">
        <v>19</v>
      </c>
      <c r="AM33022">
        <v>19</v>
      </c>
      <c r="AN33022">
        <v>19</v>
      </c>
      <c r="AO33022">
        <v>20</v>
      </c>
      <c r="AP33022">
        <v>20</v>
      </c>
      <c r="AQ33022">
        <v>20</v>
      </c>
    </row>
    <row r="33023" spans="1:43">
      <c r="A33023" t="s">
        <v>20459</v>
      </c>
      <c r="B33023" t="s">
        <v>20460</v>
      </c>
      <c r="C33023" t="s">
        <v>20455</v>
      </c>
      <c r="D33023" t="s">
        <v>20456</v>
      </c>
      <c r="E33023" t="s">
        <v>20437</v>
      </c>
      <c r="F33023" t="s">
        <v>20438</v>
      </c>
      <c r="G33023" t="s">
        <v>20255</v>
      </c>
      <c r="H33023" t="s">
        <v>20256</v>
      </c>
      <c r="I33023" s="2">
        <v>1</v>
      </c>
      <c r="J33023" s="2">
        <v>0</v>
      </c>
      <c r="K33023" s="2">
        <v>0</v>
      </c>
      <c r="L33023" t="s">
        <v>120</v>
      </c>
      <c r="M33023" t="s">
        <v>87</v>
      </c>
      <c r="N33023" t="s">
        <v>88</v>
      </c>
      <c r="O33023" t="s">
        <v>85</v>
      </c>
      <c r="P33023" t="s">
        <v>86</v>
      </c>
      <c r="Q33023">
        <v>14</v>
      </c>
      <c r="R33023">
        <v>14</v>
      </c>
      <c r="S33023">
        <v>14</v>
      </c>
      <c r="T33023">
        <v>14</v>
      </c>
      <c r="U33023">
        <v>14</v>
      </c>
      <c r="V33023">
        <v>14</v>
      </c>
      <c r="W33023">
        <v>14</v>
      </c>
      <c r="X33023">
        <v>15</v>
      </c>
      <c r="Y33023">
        <v>15</v>
      </c>
      <c r="Z33023">
        <v>15</v>
      </c>
      <c r="AA33023">
        <v>15</v>
      </c>
      <c r="AB33023">
        <v>15</v>
      </c>
      <c r="AC33023">
        <v>15</v>
      </c>
      <c r="AD33023">
        <v>15</v>
      </c>
      <c r="AE33023">
        <v>15</v>
      </c>
      <c r="AF33023">
        <v>16</v>
      </c>
      <c r="AG33023">
        <v>16</v>
      </c>
      <c r="AH33023">
        <v>16</v>
      </c>
      <c r="AI33023">
        <v>16</v>
      </c>
      <c r="AJ33023">
        <v>16</v>
      </c>
      <c r="AK33023">
        <v>16</v>
      </c>
      <c r="AL33023">
        <v>16</v>
      </c>
      <c r="AM33023">
        <v>17</v>
      </c>
      <c r="AN33023">
        <v>17</v>
      </c>
      <c r="AO33023">
        <v>17</v>
      </c>
      <c r="AP33023">
        <v>17</v>
      </c>
      <c r="AQ33023">
        <v>17</v>
      </c>
    </row>
    <row r="33024" spans="1:43">
      <c r="A33024" t="s">
        <v>20459</v>
      </c>
      <c r="B33024" t="s">
        <v>20460</v>
      </c>
      <c r="C33024" t="s">
        <v>20455</v>
      </c>
      <c r="D33024" t="s">
        <v>20456</v>
      </c>
      <c r="E33024" t="s">
        <v>20437</v>
      </c>
      <c r="F33024" t="s">
        <v>20438</v>
      </c>
      <c r="G33024" t="s">
        <v>20255</v>
      </c>
      <c r="H33024" t="s">
        <v>20256</v>
      </c>
      <c r="I33024" s="2">
        <v>1</v>
      </c>
      <c r="J33024" s="2">
        <v>0</v>
      </c>
      <c r="K33024" s="2">
        <v>0</v>
      </c>
      <c r="L33024" t="s">
        <v>120</v>
      </c>
      <c r="M33024" t="s">
        <v>89</v>
      </c>
      <c r="N33024" t="s">
        <v>90</v>
      </c>
      <c r="O33024" t="s">
        <v>85</v>
      </c>
      <c r="P33024" t="s">
        <v>86</v>
      </c>
      <c r="Q33024">
        <v>14</v>
      </c>
      <c r="R33024">
        <v>14</v>
      </c>
      <c r="S33024">
        <v>15</v>
      </c>
      <c r="T33024">
        <v>15</v>
      </c>
      <c r="U33024">
        <v>15</v>
      </c>
      <c r="V33024">
        <v>16</v>
      </c>
      <c r="W33024">
        <v>16</v>
      </c>
      <c r="X33024">
        <v>16</v>
      </c>
      <c r="Y33024">
        <v>17</v>
      </c>
      <c r="Z33024">
        <v>17</v>
      </c>
      <c r="AA33024">
        <v>17</v>
      </c>
      <c r="AB33024">
        <v>18</v>
      </c>
      <c r="AC33024">
        <v>18</v>
      </c>
      <c r="AD33024">
        <v>18</v>
      </c>
      <c r="AE33024">
        <v>19</v>
      </c>
      <c r="AF33024">
        <v>19</v>
      </c>
      <c r="AG33024">
        <v>19</v>
      </c>
      <c r="AH33024">
        <v>19</v>
      </c>
      <c r="AI33024">
        <v>19</v>
      </c>
      <c r="AJ33024">
        <v>19</v>
      </c>
      <c r="AK33024">
        <v>19</v>
      </c>
      <c r="AL33024">
        <v>19</v>
      </c>
      <c r="AM33024">
        <v>20</v>
      </c>
      <c r="AN33024">
        <v>20</v>
      </c>
      <c r="AO33024">
        <v>20</v>
      </c>
      <c r="AP33024">
        <v>20</v>
      </c>
      <c r="AQ33024">
        <v>20</v>
      </c>
    </row>
    <row r="33025" spans="1:43">
      <c r="A33025" t="s">
        <v>20459</v>
      </c>
      <c r="B33025" t="s">
        <v>20460</v>
      </c>
      <c r="C33025" t="s">
        <v>20455</v>
      </c>
      <c r="D33025" t="s">
        <v>20456</v>
      </c>
      <c r="E33025" t="s">
        <v>20437</v>
      </c>
      <c r="F33025" t="s">
        <v>20438</v>
      </c>
      <c r="G33025" t="s">
        <v>20255</v>
      </c>
      <c r="H33025" t="s">
        <v>20256</v>
      </c>
      <c r="I33025" s="2">
        <v>1</v>
      </c>
      <c r="J33025" s="2">
        <v>0</v>
      </c>
      <c r="K33025" s="2">
        <v>0</v>
      </c>
      <c r="L33025" t="s">
        <v>120</v>
      </c>
      <c r="M33025" t="s">
        <v>83</v>
      </c>
      <c r="N33025" t="s">
        <v>91</v>
      </c>
      <c r="O33025" t="s">
        <v>85</v>
      </c>
      <c r="P33025" t="s">
        <v>86</v>
      </c>
      <c r="Q33025">
        <v>14</v>
      </c>
      <c r="R33025">
        <v>14</v>
      </c>
      <c r="S33025">
        <v>14</v>
      </c>
      <c r="T33025">
        <v>15</v>
      </c>
      <c r="U33025">
        <v>15</v>
      </c>
      <c r="V33025">
        <v>15</v>
      </c>
      <c r="W33025">
        <v>15</v>
      </c>
      <c r="X33025">
        <v>16</v>
      </c>
      <c r="Y33025">
        <v>16</v>
      </c>
      <c r="Z33025">
        <v>16</v>
      </c>
      <c r="AA33025">
        <v>16</v>
      </c>
      <c r="AB33025">
        <v>17</v>
      </c>
      <c r="AC33025">
        <v>17</v>
      </c>
      <c r="AD33025">
        <v>17</v>
      </c>
      <c r="AE33025">
        <v>17</v>
      </c>
      <c r="AF33025">
        <v>18</v>
      </c>
      <c r="AG33025">
        <v>18</v>
      </c>
      <c r="AH33025">
        <v>18</v>
      </c>
      <c r="AI33025">
        <v>18</v>
      </c>
      <c r="AJ33025">
        <v>19</v>
      </c>
      <c r="AK33025">
        <v>19</v>
      </c>
      <c r="AL33025">
        <v>19</v>
      </c>
      <c r="AM33025">
        <v>19</v>
      </c>
      <c r="AN33025">
        <v>19</v>
      </c>
      <c r="AO33025">
        <v>20</v>
      </c>
      <c r="AP33025">
        <v>20</v>
      </c>
      <c r="AQ33025">
        <v>20</v>
      </c>
    </row>
    <row r="33026" spans="1:43">
      <c r="A33026" t="s">
        <v>20461</v>
      </c>
      <c r="B33026" t="s">
        <v>20462</v>
      </c>
      <c r="C33026" t="s">
        <v>20455</v>
      </c>
      <c r="D33026" t="s">
        <v>20456</v>
      </c>
      <c r="E33026" t="s">
        <v>20437</v>
      </c>
      <c r="F33026" t="s">
        <v>20438</v>
      </c>
      <c r="G33026" t="s">
        <v>20255</v>
      </c>
      <c r="H33026" t="s">
        <v>20256</v>
      </c>
      <c r="I33026" s="2">
        <v>1</v>
      </c>
      <c r="J33026" s="2">
        <v>0</v>
      </c>
      <c r="K33026" s="2">
        <v>0</v>
      </c>
      <c r="L33026" t="s">
        <v>120</v>
      </c>
      <c r="M33026" t="s">
        <v>83</v>
      </c>
      <c r="N33026" t="s">
        <v>84</v>
      </c>
      <c r="O33026" t="s">
        <v>85</v>
      </c>
      <c r="P33026" t="s">
        <v>86</v>
      </c>
      <c r="Q33026">
        <v>17</v>
      </c>
      <c r="R33026">
        <v>18</v>
      </c>
      <c r="S33026">
        <v>18</v>
      </c>
      <c r="T33026">
        <v>18</v>
      </c>
      <c r="U33026">
        <v>19</v>
      </c>
      <c r="V33026">
        <v>19</v>
      </c>
      <c r="W33026">
        <v>19</v>
      </c>
      <c r="X33026">
        <v>19</v>
      </c>
      <c r="Y33026">
        <v>20</v>
      </c>
      <c r="Z33026">
        <v>20</v>
      </c>
      <c r="AA33026">
        <v>20</v>
      </c>
      <c r="AB33026">
        <v>21</v>
      </c>
      <c r="AC33026">
        <v>21</v>
      </c>
      <c r="AD33026">
        <v>21</v>
      </c>
      <c r="AE33026">
        <v>22</v>
      </c>
      <c r="AF33026">
        <v>22</v>
      </c>
      <c r="AG33026">
        <v>22</v>
      </c>
      <c r="AH33026">
        <v>23</v>
      </c>
      <c r="AI33026">
        <v>23</v>
      </c>
      <c r="AJ33026">
        <v>23</v>
      </c>
      <c r="AK33026">
        <v>24</v>
      </c>
      <c r="AL33026">
        <v>24</v>
      </c>
      <c r="AM33026">
        <v>24</v>
      </c>
      <c r="AN33026">
        <v>24</v>
      </c>
      <c r="AO33026">
        <v>25</v>
      </c>
      <c r="AP33026">
        <v>25</v>
      </c>
      <c r="AQ33026">
        <v>25</v>
      </c>
    </row>
    <row r="33027" spans="1:43">
      <c r="A33027" t="s">
        <v>20461</v>
      </c>
      <c r="B33027" t="s">
        <v>20462</v>
      </c>
      <c r="C33027" t="s">
        <v>20455</v>
      </c>
      <c r="D33027" t="s">
        <v>20456</v>
      </c>
      <c r="E33027" t="s">
        <v>20437</v>
      </c>
      <c r="F33027" t="s">
        <v>20438</v>
      </c>
      <c r="G33027" t="s">
        <v>20255</v>
      </c>
      <c r="H33027" t="s">
        <v>20256</v>
      </c>
      <c r="I33027" s="2">
        <v>1</v>
      </c>
      <c r="J33027" s="2">
        <v>0</v>
      </c>
      <c r="K33027" s="2">
        <v>0</v>
      </c>
      <c r="L33027" t="s">
        <v>120</v>
      </c>
      <c r="M33027" t="s">
        <v>87</v>
      </c>
      <c r="N33027" t="s">
        <v>88</v>
      </c>
      <c r="O33027" t="s">
        <v>85</v>
      </c>
      <c r="P33027" t="s">
        <v>86</v>
      </c>
      <c r="Q33027">
        <v>17</v>
      </c>
      <c r="R33027">
        <v>17</v>
      </c>
      <c r="S33027">
        <v>17</v>
      </c>
      <c r="T33027">
        <v>18</v>
      </c>
      <c r="U33027">
        <v>18</v>
      </c>
      <c r="V33027">
        <v>18</v>
      </c>
      <c r="W33027">
        <v>18</v>
      </c>
      <c r="X33027">
        <v>18</v>
      </c>
      <c r="Y33027">
        <v>18</v>
      </c>
      <c r="Z33027">
        <v>18</v>
      </c>
      <c r="AA33027">
        <v>19</v>
      </c>
      <c r="AB33027">
        <v>19</v>
      </c>
      <c r="AC33027">
        <v>19</v>
      </c>
      <c r="AD33027">
        <v>19</v>
      </c>
      <c r="AE33027">
        <v>19</v>
      </c>
      <c r="AF33027">
        <v>19</v>
      </c>
      <c r="AG33027">
        <v>20</v>
      </c>
      <c r="AH33027">
        <v>20</v>
      </c>
      <c r="AI33027">
        <v>20</v>
      </c>
      <c r="AJ33027">
        <v>20</v>
      </c>
      <c r="AK33027">
        <v>20</v>
      </c>
      <c r="AL33027">
        <v>21</v>
      </c>
      <c r="AM33027">
        <v>21</v>
      </c>
      <c r="AN33027">
        <v>21</v>
      </c>
      <c r="AO33027">
        <v>21</v>
      </c>
      <c r="AP33027">
        <v>21</v>
      </c>
      <c r="AQ33027">
        <v>22</v>
      </c>
    </row>
    <row r="33028" spans="1:43">
      <c r="A33028" t="s">
        <v>20461</v>
      </c>
      <c r="B33028" t="s">
        <v>20462</v>
      </c>
      <c r="C33028" t="s">
        <v>20455</v>
      </c>
      <c r="D33028" t="s">
        <v>20456</v>
      </c>
      <c r="E33028" t="s">
        <v>20437</v>
      </c>
      <c r="F33028" t="s">
        <v>20438</v>
      </c>
      <c r="G33028" t="s">
        <v>20255</v>
      </c>
      <c r="H33028" t="s">
        <v>20256</v>
      </c>
      <c r="I33028" s="2">
        <v>1</v>
      </c>
      <c r="J33028" s="2">
        <v>0</v>
      </c>
      <c r="K33028" s="2">
        <v>0</v>
      </c>
      <c r="L33028" t="s">
        <v>120</v>
      </c>
      <c r="M33028" t="s">
        <v>89</v>
      </c>
      <c r="N33028" t="s">
        <v>90</v>
      </c>
      <c r="O33028" t="s">
        <v>85</v>
      </c>
      <c r="P33028" t="s">
        <v>86</v>
      </c>
      <c r="Q33028">
        <v>17</v>
      </c>
      <c r="R33028">
        <v>18</v>
      </c>
      <c r="S33028">
        <v>18</v>
      </c>
      <c r="T33028">
        <v>19</v>
      </c>
      <c r="U33028">
        <v>19</v>
      </c>
      <c r="V33028">
        <v>20</v>
      </c>
      <c r="W33028">
        <v>20</v>
      </c>
      <c r="X33028">
        <v>21</v>
      </c>
      <c r="Y33028">
        <v>21</v>
      </c>
      <c r="Z33028">
        <v>21</v>
      </c>
      <c r="AA33028">
        <v>22</v>
      </c>
      <c r="AB33028">
        <v>22</v>
      </c>
      <c r="AC33028">
        <v>23</v>
      </c>
      <c r="AD33028">
        <v>23</v>
      </c>
      <c r="AE33028">
        <v>23</v>
      </c>
      <c r="AF33028">
        <v>23</v>
      </c>
      <c r="AG33028">
        <v>24</v>
      </c>
      <c r="AH33028">
        <v>24</v>
      </c>
      <c r="AI33028">
        <v>24</v>
      </c>
      <c r="AJ33028">
        <v>24</v>
      </c>
      <c r="AK33028">
        <v>24</v>
      </c>
      <c r="AL33028">
        <v>24</v>
      </c>
      <c r="AM33028">
        <v>24</v>
      </c>
      <c r="AN33028">
        <v>25</v>
      </c>
      <c r="AO33028">
        <v>25</v>
      </c>
      <c r="AP33028">
        <v>25</v>
      </c>
      <c r="AQ33028">
        <v>25</v>
      </c>
    </row>
    <row r="33029" spans="1:43">
      <c r="A33029" t="s">
        <v>20461</v>
      </c>
      <c r="B33029" t="s">
        <v>20462</v>
      </c>
      <c r="C33029" t="s">
        <v>20455</v>
      </c>
      <c r="D33029" t="s">
        <v>20456</v>
      </c>
      <c r="E33029" t="s">
        <v>20437</v>
      </c>
      <c r="F33029" t="s">
        <v>20438</v>
      </c>
      <c r="G33029" t="s">
        <v>20255</v>
      </c>
      <c r="H33029" t="s">
        <v>20256</v>
      </c>
      <c r="I33029" s="2">
        <v>1</v>
      </c>
      <c r="J33029" s="2">
        <v>0</v>
      </c>
      <c r="K33029" s="2">
        <v>0</v>
      </c>
      <c r="L33029" t="s">
        <v>120</v>
      </c>
      <c r="M33029" t="s">
        <v>83</v>
      </c>
      <c r="N33029" t="s">
        <v>91</v>
      </c>
      <c r="O33029" t="s">
        <v>85</v>
      </c>
      <c r="P33029" t="s">
        <v>86</v>
      </c>
      <c r="Q33029">
        <v>17</v>
      </c>
      <c r="R33029">
        <v>18</v>
      </c>
      <c r="S33029">
        <v>18</v>
      </c>
      <c r="T33029">
        <v>18</v>
      </c>
      <c r="U33029">
        <v>19</v>
      </c>
      <c r="V33029">
        <v>19</v>
      </c>
      <c r="W33029">
        <v>19</v>
      </c>
      <c r="X33029">
        <v>19</v>
      </c>
      <c r="Y33029">
        <v>20</v>
      </c>
      <c r="Z33029">
        <v>20</v>
      </c>
      <c r="AA33029">
        <v>20</v>
      </c>
      <c r="AB33029">
        <v>21</v>
      </c>
      <c r="AC33029">
        <v>21</v>
      </c>
      <c r="AD33029">
        <v>21</v>
      </c>
      <c r="AE33029">
        <v>22</v>
      </c>
      <c r="AF33029">
        <v>22</v>
      </c>
      <c r="AG33029">
        <v>22</v>
      </c>
      <c r="AH33029">
        <v>23</v>
      </c>
      <c r="AI33029">
        <v>23</v>
      </c>
      <c r="AJ33029">
        <v>23</v>
      </c>
      <c r="AK33029">
        <v>24</v>
      </c>
      <c r="AL33029">
        <v>24</v>
      </c>
      <c r="AM33029">
        <v>24</v>
      </c>
      <c r="AN33029">
        <v>24</v>
      </c>
      <c r="AO33029">
        <v>25</v>
      </c>
      <c r="AP33029">
        <v>25</v>
      </c>
      <c r="AQ33029">
        <v>25</v>
      </c>
    </row>
    <row r="33030" spans="1:43">
      <c r="A33030" t="s">
        <v>20463</v>
      </c>
      <c r="B33030" t="s">
        <v>20464</v>
      </c>
      <c r="C33030" t="s">
        <v>20465</v>
      </c>
      <c r="D33030" t="s">
        <v>20466</v>
      </c>
      <c r="E33030" t="s">
        <v>20437</v>
      </c>
      <c r="F33030" t="s">
        <v>20438</v>
      </c>
      <c r="G33030" t="s">
        <v>20255</v>
      </c>
      <c r="H33030" t="s">
        <v>20256</v>
      </c>
      <c r="I33030" s="2">
        <v>1</v>
      </c>
      <c r="J33030" s="2">
        <v>0</v>
      </c>
      <c r="K33030" s="2">
        <v>0</v>
      </c>
      <c r="L33030" t="s">
        <v>120</v>
      </c>
      <c r="M33030" t="s">
        <v>83</v>
      </c>
      <c r="N33030" t="s">
        <v>84</v>
      </c>
      <c r="O33030" t="s">
        <v>85</v>
      </c>
      <c r="P33030" t="s">
        <v>86</v>
      </c>
      <c r="Q33030">
        <v>11</v>
      </c>
      <c r="R33030">
        <v>11</v>
      </c>
      <c r="S33030">
        <v>12</v>
      </c>
      <c r="T33030">
        <v>12</v>
      </c>
      <c r="U33030">
        <v>12</v>
      </c>
      <c r="V33030">
        <v>12</v>
      </c>
      <c r="W33030">
        <v>12</v>
      </c>
      <c r="X33030">
        <v>13</v>
      </c>
      <c r="Y33030">
        <v>13</v>
      </c>
      <c r="Z33030">
        <v>13</v>
      </c>
      <c r="AA33030">
        <v>13</v>
      </c>
      <c r="AB33030">
        <v>14</v>
      </c>
      <c r="AC33030">
        <v>14</v>
      </c>
      <c r="AD33030">
        <v>14</v>
      </c>
      <c r="AE33030">
        <v>14</v>
      </c>
      <c r="AF33030">
        <v>15</v>
      </c>
      <c r="AG33030">
        <v>15</v>
      </c>
      <c r="AH33030">
        <v>15</v>
      </c>
      <c r="AI33030">
        <v>15</v>
      </c>
      <c r="AJ33030">
        <v>15</v>
      </c>
      <c r="AK33030">
        <v>16</v>
      </c>
      <c r="AL33030">
        <v>16</v>
      </c>
      <c r="AM33030">
        <v>16</v>
      </c>
      <c r="AN33030">
        <v>16</v>
      </c>
      <c r="AO33030">
        <v>16</v>
      </c>
      <c r="AP33030">
        <v>16</v>
      </c>
      <c r="AQ33030">
        <v>17</v>
      </c>
    </row>
    <row r="33031" spans="1:43">
      <c r="A33031" t="s">
        <v>20463</v>
      </c>
      <c r="B33031" t="s">
        <v>20464</v>
      </c>
      <c r="C33031" t="s">
        <v>20465</v>
      </c>
      <c r="D33031" t="s">
        <v>20466</v>
      </c>
      <c r="E33031" t="s">
        <v>20437</v>
      </c>
      <c r="F33031" t="s">
        <v>20438</v>
      </c>
      <c r="G33031" t="s">
        <v>20255</v>
      </c>
      <c r="H33031" t="s">
        <v>20256</v>
      </c>
      <c r="I33031" s="2">
        <v>1</v>
      </c>
      <c r="J33031" s="2">
        <v>0</v>
      </c>
      <c r="K33031" s="2">
        <v>0</v>
      </c>
      <c r="L33031" t="s">
        <v>120</v>
      </c>
      <c r="M33031" t="s">
        <v>87</v>
      </c>
      <c r="N33031" t="s">
        <v>88</v>
      </c>
      <c r="O33031" t="s">
        <v>85</v>
      </c>
      <c r="P33031" t="s">
        <v>86</v>
      </c>
      <c r="Q33031">
        <v>11</v>
      </c>
      <c r="R33031">
        <v>11</v>
      </c>
      <c r="S33031">
        <v>11</v>
      </c>
      <c r="T33031">
        <v>11</v>
      </c>
      <c r="U33031">
        <v>12</v>
      </c>
      <c r="V33031">
        <v>12</v>
      </c>
      <c r="W33031">
        <v>12</v>
      </c>
      <c r="X33031">
        <v>12</v>
      </c>
      <c r="Y33031">
        <v>12</v>
      </c>
      <c r="Z33031">
        <v>12</v>
      </c>
      <c r="AA33031">
        <v>12</v>
      </c>
      <c r="AB33031">
        <v>12</v>
      </c>
      <c r="AC33031">
        <v>12</v>
      </c>
      <c r="AD33031">
        <v>13</v>
      </c>
      <c r="AE33031">
        <v>13</v>
      </c>
      <c r="AF33031">
        <v>13</v>
      </c>
      <c r="AG33031">
        <v>13</v>
      </c>
      <c r="AH33031">
        <v>13</v>
      </c>
      <c r="AI33031">
        <v>13</v>
      </c>
      <c r="AJ33031">
        <v>13</v>
      </c>
      <c r="AK33031">
        <v>14</v>
      </c>
      <c r="AL33031">
        <v>14</v>
      </c>
      <c r="AM33031">
        <v>14</v>
      </c>
      <c r="AN33031">
        <v>14</v>
      </c>
      <c r="AO33031">
        <v>14</v>
      </c>
      <c r="AP33031">
        <v>14</v>
      </c>
      <c r="AQ33031">
        <v>14</v>
      </c>
    </row>
    <row r="33032" spans="1:43">
      <c r="A33032" t="s">
        <v>20463</v>
      </c>
      <c r="B33032" t="s">
        <v>20464</v>
      </c>
      <c r="C33032" t="s">
        <v>20465</v>
      </c>
      <c r="D33032" t="s">
        <v>20466</v>
      </c>
      <c r="E33032" t="s">
        <v>20437</v>
      </c>
      <c r="F33032" t="s">
        <v>20438</v>
      </c>
      <c r="G33032" t="s">
        <v>20255</v>
      </c>
      <c r="H33032" t="s">
        <v>20256</v>
      </c>
      <c r="I33032" s="2">
        <v>1</v>
      </c>
      <c r="J33032" s="2">
        <v>0</v>
      </c>
      <c r="K33032" s="2">
        <v>0</v>
      </c>
      <c r="L33032" t="s">
        <v>120</v>
      </c>
      <c r="M33032" t="s">
        <v>89</v>
      </c>
      <c r="N33032" t="s">
        <v>90</v>
      </c>
      <c r="O33032" t="s">
        <v>85</v>
      </c>
      <c r="P33032" t="s">
        <v>86</v>
      </c>
      <c r="Q33032">
        <v>11</v>
      </c>
      <c r="R33032">
        <v>12</v>
      </c>
      <c r="S33032">
        <v>12</v>
      </c>
      <c r="T33032">
        <v>12</v>
      </c>
      <c r="U33032">
        <v>13</v>
      </c>
      <c r="V33032">
        <v>13</v>
      </c>
      <c r="W33032">
        <v>13</v>
      </c>
      <c r="X33032">
        <v>13</v>
      </c>
      <c r="Y33032">
        <v>14</v>
      </c>
      <c r="Z33032">
        <v>14</v>
      </c>
      <c r="AA33032">
        <v>14</v>
      </c>
      <c r="AB33032">
        <v>14</v>
      </c>
      <c r="AC33032">
        <v>15</v>
      </c>
      <c r="AD33032">
        <v>15</v>
      </c>
      <c r="AE33032">
        <v>15</v>
      </c>
      <c r="AF33032">
        <v>15</v>
      </c>
      <c r="AG33032">
        <v>15</v>
      </c>
      <c r="AH33032">
        <v>16</v>
      </c>
      <c r="AI33032">
        <v>16</v>
      </c>
      <c r="AJ33032">
        <v>16</v>
      </c>
      <c r="AK33032">
        <v>16</v>
      </c>
      <c r="AL33032">
        <v>16</v>
      </c>
      <c r="AM33032">
        <v>16</v>
      </c>
      <c r="AN33032">
        <v>16</v>
      </c>
      <c r="AO33032">
        <v>16</v>
      </c>
      <c r="AP33032">
        <v>17</v>
      </c>
      <c r="AQ33032">
        <v>17</v>
      </c>
    </row>
    <row r="33033" spans="1:43">
      <c r="A33033" t="s">
        <v>20463</v>
      </c>
      <c r="B33033" t="s">
        <v>20464</v>
      </c>
      <c r="C33033" t="s">
        <v>20465</v>
      </c>
      <c r="D33033" t="s">
        <v>20466</v>
      </c>
      <c r="E33033" t="s">
        <v>20437</v>
      </c>
      <c r="F33033" t="s">
        <v>20438</v>
      </c>
      <c r="G33033" t="s">
        <v>20255</v>
      </c>
      <c r="H33033" t="s">
        <v>20256</v>
      </c>
      <c r="I33033" s="2">
        <v>1</v>
      </c>
      <c r="J33033" s="2">
        <v>0</v>
      </c>
      <c r="K33033" s="2">
        <v>0</v>
      </c>
      <c r="L33033" t="s">
        <v>120</v>
      </c>
      <c r="M33033" t="s">
        <v>83</v>
      </c>
      <c r="N33033" t="s">
        <v>91</v>
      </c>
      <c r="O33033" t="s">
        <v>85</v>
      </c>
      <c r="P33033" t="s">
        <v>86</v>
      </c>
      <c r="Q33033">
        <v>11</v>
      </c>
      <c r="R33033">
        <v>11</v>
      </c>
      <c r="S33033">
        <v>12</v>
      </c>
      <c r="T33033">
        <v>12</v>
      </c>
      <c r="U33033">
        <v>12</v>
      </c>
      <c r="V33033">
        <v>12</v>
      </c>
      <c r="W33033">
        <v>12</v>
      </c>
      <c r="X33033">
        <v>13</v>
      </c>
      <c r="Y33033">
        <v>13</v>
      </c>
      <c r="Z33033">
        <v>13</v>
      </c>
      <c r="AA33033">
        <v>13</v>
      </c>
      <c r="AB33033">
        <v>14</v>
      </c>
      <c r="AC33033">
        <v>14</v>
      </c>
      <c r="AD33033">
        <v>14</v>
      </c>
      <c r="AE33033">
        <v>14</v>
      </c>
      <c r="AF33033">
        <v>15</v>
      </c>
      <c r="AG33033">
        <v>15</v>
      </c>
      <c r="AH33033">
        <v>15</v>
      </c>
      <c r="AI33033">
        <v>15</v>
      </c>
      <c r="AJ33033">
        <v>15</v>
      </c>
      <c r="AK33033">
        <v>16</v>
      </c>
      <c r="AL33033">
        <v>16</v>
      </c>
      <c r="AM33033">
        <v>16</v>
      </c>
      <c r="AN33033">
        <v>16</v>
      </c>
      <c r="AO33033">
        <v>16</v>
      </c>
      <c r="AP33033">
        <v>16</v>
      </c>
      <c r="AQ33033">
        <v>17</v>
      </c>
    </row>
    <row r="33034" spans="1:43">
      <c r="A33034" t="s">
        <v>20467</v>
      </c>
      <c r="B33034" t="s">
        <v>20468</v>
      </c>
      <c r="C33034" t="s">
        <v>20465</v>
      </c>
      <c r="D33034" t="s">
        <v>20466</v>
      </c>
      <c r="E33034" t="s">
        <v>20437</v>
      </c>
      <c r="F33034" t="s">
        <v>20438</v>
      </c>
      <c r="G33034" t="s">
        <v>20255</v>
      </c>
      <c r="H33034" t="s">
        <v>20256</v>
      </c>
      <c r="I33034" s="2">
        <v>1</v>
      </c>
      <c r="J33034" s="2">
        <v>0</v>
      </c>
      <c r="K33034" s="2">
        <v>0</v>
      </c>
      <c r="L33034" t="s">
        <v>120</v>
      </c>
      <c r="M33034" t="s">
        <v>83</v>
      </c>
      <c r="N33034" t="s">
        <v>84</v>
      </c>
      <c r="O33034" t="s">
        <v>85</v>
      </c>
      <c r="P33034" t="s">
        <v>86</v>
      </c>
      <c r="Q33034">
        <v>40</v>
      </c>
      <c r="R33034">
        <v>41</v>
      </c>
      <c r="S33034">
        <v>42</v>
      </c>
      <c r="T33034">
        <v>43</v>
      </c>
      <c r="U33034">
        <v>44</v>
      </c>
      <c r="V33034">
        <v>44</v>
      </c>
      <c r="W33034">
        <v>45</v>
      </c>
      <c r="X33034">
        <v>46</v>
      </c>
      <c r="Y33034">
        <v>47</v>
      </c>
      <c r="Z33034">
        <v>48</v>
      </c>
      <c r="AA33034">
        <v>48</v>
      </c>
      <c r="AB33034">
        <v>49</v>
      </c>
      <c r="AC33034">
        <v>50</v>
      </c>
      <c r="AD33034">
        <v>51</v>
      </c>
      <c r="AE33034">
        <v>52</v>
      </c>
      <c r="AF33034">
        <v>53</v>
      </c>
      <c r="AG33034">
        <v>53</v>
      </c>
      <c r="AH33034">
        <v>54</v>
      </c>
      <c r="AI33034">
        <v>55</v>
      </c>
      <c r="AJ33034">
        <v>56</v>
      </c>
      <c r="AK33034">
        <v>57</v>
      </c>
      <c r="AL33034">
        <v>58</v>
      </c>
      <c r="AM33034">
        <v>58</v>
      </c>
      <c r="AN33034">
        <v>59</v>
      </c>
      <c r="AO33034">
        <v>59</v>
      </c>
      <c r="AP33034">
        <v>59</v>
      </c>
      <c r="AQ33034">
        <v>60</v>
      </c>
    </row>
    <row r="33035" spans="1:43">
      <c r="A33035" t="s">
        <v>20467</v>
      </c>
      <c r="B33035" t="s">
        <v>20468</v>
      </c>
      <c r="C33035" t="s">
        <v>20465</v>
      </c>
      <c r="D33035" t="s">
        <v>20466</v>
      </c>
      <c r="E33035" t="s">
        <v>20437</v>
      </c>
      <c r="F33035" t="s">
        <v>20438</v>
      </c>
      <c r="G33035" t="s">
        <v>20255</v>
      </c>
      <c r="H33035" t="s">
        <v>20256</v>
      </c>
      <c r="I33035" s="2">
        <v>1</v>
      </c>
      <c r="J33035" s="2">
        <v>0</v>
      </c>
      <c r="K33035" s="2">
        <v>0</v>
      </c>
      <c r="L33035" t="s">
        <v>120</v>
      </c>
      <c r="M33035" t="s">
        <v>87</v>
      </c>
      <c r="N33035" t="s">
        <v>88</v>
      </c>
      <c r="O33035" t="s">
        <v>85</v>
      </c>
      <c r="P33035" t="s">
        <v>86</v>
      </c>
      <c r="Q33035">
        <v>40</v>
      </c>
      <c r="R33035">
        <v>40</v>
      </c>
      <c r="S33035">
        <v>41</v>
      </c>
      <c r="T33035">
        <v>41</v>
      </c>
      <c r="U33035">
        <v>42</v>
      </c>
      <c r="V33035">
        <v>42</v>
      </c>
      <c r="W33035">
        <v>43</v>
      </c>
      <c r="X33035">
        <v>43</v>
      </c>
      <c r="Y33035">
        <v>43</v>
      </c>
      <c r="Z33035">
        <v>44</v>
      </c>
      <c r="AA33035">
        <v>44</v>
      </c>
      <c r="AB33035">
        <v>45</v>
      </c>
      <c r="AC33035">
        <v>45</v>
      </c>
      <c r="AD33035">
        <v>46</v>
      </c>
      <c r="AE33035">
        <v>46</v>
      </c>
      <c r="AF33035">
        <v>47</v>
      </c>
      <c r="AG33035">
        <v>47</v>
      </c>
      <c r="AH33035">
        <v>48</v>
      </c>
      <c r="AI33035">
        <v>48</v>
      </c>
      <c r="AJ33035">
        <v>49</v>
      </c>
      <c r="AK33035">
        <v>49</v>
      </c>
      <c r="AL33035">
        <v>50</v>
      </c>
      <c r="AM33035">
        <v>50</v>
      </c>
      <c r="AN33035">
        <v>51</v>
      </c>
      <c r="AO33035">
        <v>51</v>
      </c>
      <c r="AP33035">
        <v>52</v>
      </c>
      <c r="AQ33035">
        <v>52</v>
      </c>
    </row>
    <row r="33036" spans="1:43">
      <c r="A33036" t="s">
        <v>20467</v>
      </c>
      <c r="B33036" t="s">
        <v>20468</v>
      </c>
      <c r="C33036" t="s">
        <v>20465</v>
      </c>
      <c r="D33036" t="s">
        <v>20466</v>
      </c>
      <c r="E33036" t="s">
        <v>20437</v>
      </c>
      <c r="F33036" t="s">
        <v>20438</v>
      </c>
      <c r="G33036" t="s">
        <v>20255</v>
      </c>
      <c r="H33036" t="s">
        <v>20256</v>
      </c>
      <c r="I33036" s="2">
        <v>1</v>
      </c>
      <c r="J33036" s="2">
        <v>0</v>
      </c>
      <c r="K33036" s="2">
        <v>0</v>
      </c>
      <c r="L33036" t="s">
        <v>120</v>
      </c>
      <c r="M33036" t="s">
        <v>89</v>
      </c>
      <c r="N33036" t="s">
        <v>90</v>
      </c>
      <c r="O33036" t="s">
        <v>85</v>
      </c>
      <c r="P33036" t="s">
        <v>86</v>
      </c>
      <c r="Q33036">
        <v>40</v>
      </c>
      <c r="R33036">
        <v>41</v>
      </c>
      <c r="S33036">
        <v>42</v>
      </c>
      <c r="T33036">
        <v>43</v>
      </c>
      <c r="U33036">
        <v>44</v>
      </c>
      <c r="V33036">
        <v>45</v>
      </c>
      <c r="W33036">
        <v>46</v>
      </c>
      <c r="X33036">
        <v>47</v>
      </c>
      <c r="Y33036">
        <v>48</v>
      </c>
      <c r="Z33036">
        <v>49</v>
      </c>
      <c r="AA33036">
        <v>50</v>
      </c>
      <c r="AB33036">
        <v>51</v>
      </c>
      <c r="AC33036">
        <v>53</v>
      </c>
      <c r="AD33036">
        <v>54</v>
      </c>
      <c r="AE33036">
        <v>54</v>
      </c>
      <c r="AF33036">
        <v>55</v>
      </c>
      <c r="AG33036">
        <v>55</v>
      </c>
      <c r="AH33036">
        <v>55</v>
      </c>
      <c r="AI33036">
        <v>56</v>
      </c>
      <c r="AJ33036">
        <v>56</v>
      </c>
      <c r="AK33036">
        <v>57</v>
      </c>
      <c r="AL33036">
        <v>57</v>
      </c>
      <c r="AM33036">
        <v>58</v>
      </c>
      <c r="AN33036">
        <v>58</v>
      </c>
      <c r="AO33036">
        <v>58</v>
      </c>
      <c r="AP33036">
        <v>59</v>
      </c>
      <c r="AQ33036">
        <v>59</v>
      </c>
    </row>
    <row r="33037" spans="1:43">
      <c r="A33037" t="s">
        <v>20467</v>
      </c>
      <c r="B33037" t="s">
        <v>20468</v>
      </c>
      <c r="C33037" t="s">
        <v>20465</v>
      </c>
      <c r="D33037" t="s">
        <v>20466</v>
      </c>
      <c r="E33037" t="s">
        <v>20437</v>
      </c>
      <c r="F33037" t="s">
        <v>20438</v>
      </c>
      <c r="G33037" t="s">
        <v>20255</v>
      </c>
      <c r="H33037" t="s">
        <v>20256</v>
      </c>
      <c r="I33037" s="2">
        <v>1</v>
      </c>
      <c r="J33037" s="2">
        <v>0</v>
      </c>
      <c r="K33037" s="2">
        <v>0</v>
      </c>
      <c r="L33037" t="s">
        <v>120</v>
      </c>
      <c r="M33037" t="s">
        <v>83</v>
      </c>
      <c r="N33037" t="s">
        <v>91</v>
      </c>
      <c r="O33037" t="s">
        <v>85</v>
      </c>
      <c r="P33037" t="s">
        <v>86</v>
      </c>
      <c r="Q33037">
        <v>40</v>
      </c>
      <c r="R33037">
        <v>41</v>
      </c>
      <c r="S33037">
        <v>42</v>
      </c>
      <c r="T33037">
        <v>43</v>
      </c>
      <c r="U33037">
        <v>44</v>
      </c>
      <c r="V33037">
        <v>44</v>
      </c>
      <c r="W33037">
        <v>45</v>
      </c>
      <c r="X33037">
        <v>46</v>
      </c>
      <c r="Y33037">
        <v>47</v>
      </c>
      <c r="Z33037">
        <v>48</v>
      </c>
      <c r="AA33037">
        <v>48</v>
      </c>
      <c r="AB33037">
        <v>49</v>
      </c>
      <c r="AC33037">
        <v>50</v>
      </c>
      <c r="AD33037">
        <v>51</v>
      </c>
      <c r="AE33037">
        <v>52</v>
      </c>
      <c r="AF33037">
        <v>53</v>
      </c>
      <c r="AG33037">
        <v>53</v>
      </c>
      <c r="AH33037">
        <v>54</v>
      </c>
      <c r="AI33037">
        <v>55</v>
      </c>
      <c r="AJ33037">
        <v>56</v>
      </c>
      <c r="AK33037">
        <v>57</v>
      </c>
      <c r="AL33037">
        <v>58</v>
      </c>
      <c r="AM33037">
        <v>58</v>
      </c>
      <c r="AN33037">
        <v>59</v>
      </c>
      <c r="AO33037">
        <v>59</v>
      </c>
      <c r="AP33037">
        <v>59</v>
      </c>
      <c r="AQ33037">
        <v>60</v>
      </c>
    </row>
    <row r="33038" spans="1:43">
      <c r="A33038" t="s">
        <v>20469</v>
      </c>
      <c r="B33038" t="s">
        <v>20470</v>
      </c>
      <c r="C33038" t="s">
        <v>20465</v>
      </c>
      <c r="D33038" t="s">
        <v>20466</v>
      </c>
      <c r="E33038" t="s">
        <v>20437</v>
      </c>
      <c r="F33038" t="s">
        <v>20438</v>
      </c>
      <c r="G33038" t="s">
        <v>20255</v>
      </c>
      <c r="H33038" t="s">
        <v>20256</v>
      </c>
      <c r="I33038" s="2">
        <v>1</v>
      </c>
      <c r="J33038" s="2">
        <v>0</v>
      </c>
      <c r="K33038" s="2">
        <v>0</v>
      </c>
      <c r="L33038" t="s">
        <v>120</v>
      </c>
      <c r="M33038" t="s">
        <v>83</v>
      </c>
      <c r="N33038" t="s">
        <v>84</v>
      </c>
      <c r="O33038" t="s">
        <v>85</v>
      </c>
      <c r="P33038" t="s">
        <v>86</v>
      </c>
      <c r="Q33038">
        <v>51</v>
      </c>
      <c r="R33038">
        <v>52</v>
      </c>
      <c r="S33038">
        <v>53</v>
      </c>
      <c r="T33038">
        <v>54</v>
      </c>
      <c r="U33038">
        <v>55</v>
      </c>
      <c r="V33038">
        <v>56</v>
      </c>
      <c r="W33038">
        <v>57</v>
      </c>
      <c r="X33038">
        <v>58</v>
      </c>
      <c r="Y33038">
        <v>59</v>
      </c>
      <c r="Z33038">
        <v>60</v>
      </c>
      <c r="AA33038">
        <v>61</v>
      </c>
      <c r="AB33038">
        <v>62</v>
      </c>
      <c r="AC33038">
        <v>63</v>
      </c>
      <c r="AD33038">
        <v>64</v>
      </c>
      <c r="AE33038">
        <v>65</v>
      </c>
      <c r="AF33038">
        <v>67</v>
      </c>
      <c r="AG33038">
        <v>68</v>
      </c>
      <c r="AH33038">
        <v>69</v>
      </c>
      <c r="AI33038">
        <v>70</v>
      </c>
      <c r="AJ33038">
        <v>71</v>
      </c>
      <c r="AK33038">
        <v>72</v>
      </c>
      <c r="AL33038">
        <v>73</v>
      </c>
      <c r="AM33038">
        <v>73</v>
      </c>
      <c r="AN33038">
        <v>74</v>
      </c>
      <c r="AO33038">
        <v>75</v>
      </c>
      <c r="AP33038">
        <v>75</v>
      </c>
      <c r="AQ33038">
        <v>76</v>
      </c>
    </row>
    <row r="33039" spans="1:43">
      <c r="A33039" t="s">
        <v>20469</v>
      </c>
      <c r="B33039" t="s">
        <v>20470</v>
      </c>
      <c r="C33039" t="s">
        <v>20465</v>
      </c>
      <c r="D33039" t="s">
        <v>20466</v>
      </c>
      <c r="E33039" t="s">
        <v>20437</v>
      </c>
      <c r="F33039" t="s">
        <v>20438</v>
      </c>
      <c r="G33039" t="s">
        <v>20255</v>
      </c>
      <c r="H33039" t="s">
        <v>20256</v>
      </c>
      <c r="I33039" s="2">
        <v>1</v>
      </c>
      <c r="J33039" s="2">
        <v>0</v>
      </c>
      <c r="K33039" s="2">
        <v>0</v>
      </c>
      <c r="L33039" t="s">
        <v>120</v>
      </c>
      <c r="M33039" t="s">
        <v>87</v>
      </c>
      <c r="N33039" t="s">
        <v>88</v>
      </c>
      <c r="O33039" t="s">
        <v>85</v>
      </c>
      <c r="P33039" t="s">
        <v>86</v>
      </c>
      <c r="Q33039">
        <v>51</v>
      </c>
      <c r="R33039">
        <v>51</v>
      </c>
      <c r="S33039">
        <v>52</v>
      </c>
      <c r="T33039">
        <v>52</v>
      </c>
      <c r="U33039">
        <v>53</v>
      </c>
      <c r="V33039">
        <v>53</v>
      </c>
      <c r="W33039">
        <v>54</v>
      </c>
      <c r="X33039">
        <v>54</v>
      </c>
      <c r="Y33039">
        <v>55</v>
      </c>
      <c r="Z33039">
        <v>55</v>
      </c>
      <c r="AA33039">
        <v>56</v>
      </c>
      <c r="AB33039">
        <v>56</v>
      </c>
      <c r="AC33039">
        <v>57</v>
      </c>
      <c r="AD33039">
        <v>58</v>
      </c>
      <c r="AE33039">
        <v>58</v>
      </c>
      <c r="AF33039">
        <v>59</v>
      </c>
      <c r="AG33039">
        <v>59</v>
      </c>
      <c r="AH33039">
        <v>60</v>
      </c>
      <c r="AI33039">
        <v>61</v>
      </c>
      <c r="AJ33039">
        <v>61</v>
      </c>
      <c r="AK33039">
        <v>62</v>
      </c>
      <c r="AL33039">
        <v>63</v>
      </c>
      <c r="AM33039">
        <v>63</v>
      </c>
      <c r="AN33039">
        <v>64</v>
      </c>
      <c r="AO33039">
        <v>65</v>
      </c>
      <c r="AP33039">
        <v>65</v>
      </c>
      <c r="AQ33039">
        <v>66</v>
      </c>
    </row>
    <row r="33040" spans="1:43">
      <c r="A33040" t="s">
        <v>20469</v>
      </c>
      <c r="B33040" t="s">
        <v>20470</v>
      </c>
      <c r="C33040" t="s">
        <v>20465</v>
      </c>
      <c r="D33040" t="s">
        <v>20466</v>
      </c>
      <c r="E33040" t="s">
        <v>20437</v>
      </c>
      <c r="F33040" t="s">
        <v>20438</v>
      </c>
      <c r="G33040" t="s">
        <v>20255</v>
      </c>
      <c r="H33040" t="s">
        <v>20256</v>
      </c>
      <c r="I33040" s="2">
        <v>1</v>
      </c>
      <c r="J33040" s="2">
        <v>0</v>
      </c>
      <c r="K33040" s="2">
        <v>0</v>
      </c>
      <c r="L33040" t="s">
        <v>120</v>
      </c>
      <c r="M33040" t="s">
        <v>89</v>
      </c>
      <c r="N33040" t="s">
        <v>90</v>
      </c>
      <c r="O33040" t="s">
        <v>85</v>
      </c>
      <c r="P33040" t="s">
        <v>86</v>
      </c>
      <c r="Q33040">
        <v>51</v>
      </c>
      <c r="R33040">
        <v>52</v>
      </c>
      <c r="S33040">
        <v>54</v>
      </c>
      <c r="T33040">
        <v>55</v>
      </c>
      <c r="U33040">
        <v>56</v>
      </c>
      <c r="V33040">
        <v>58</v>
      </c>
      <c r="W33040">
        <v>59</v>
      </c>
      <c r="X33040">
        <v>60</v>
      </c>
      <c r="Y33040">
        <v>62</v>
      </c>
      <c r="Z33040">
        <v>63</v>
      </c>
      <c r="AA33040">
        <v>64</v>
      </c>
      <c r="AB33040">
        <v>65</v>
      </c>
      <c r="AC33040">
        <v>67</v>
      </c>
      <c r="AD33040">
        <v>68</v>
      </c>
      <c r="AE33040">
        <v>69</v>
      </c>
      <c r="AF33040">
        <v>69</v>
      </c>
      <c r="AG33040">
        <v>70</v>
      </c>
      <c r="AH33040">
        <v>70</v>
      </c>
      <c r="AI33040">
        <v>71</v>
      </c>
      <c r="AJ33040">
        <v>71</v>
      </c>
      <c r="AK33040">
        <v>72</v>
      </c>
      <c r="AL33040">
        <v>72</v>
      </c>
      <c r="AM33040">
        <v>73</v>
      </c>
      <c r="AN33040">
        <v>74</v>
      </c>
      <c r="AO33040">
        <v>74</v>
      </c>
      <c r="AP33040">
        <v>75</v>
      </c>
      <c r="AQ33040">
        <v>75</v>
      </c>
    </row>
    <row r="33041" spans="1:43">
      <c r="A33041" t="s">
        <v>20469</v>
      </c>
      <c r="B33041" t="s">
        <v>20470</v>
      </c>
      <c r="C33041" t="s">
        <v>20465</v>
      </c>
      <c r="D33041" t="s">
        <v>20466</v>
      </c>
      <c r="E33041" t="s">
        <v>20437</v>
      </c>
      <c r="F33041" t="s">
        <v>20438</v>
      </c>
      <c r="G33041" t="s">
        <v>20255</v>
      </c>
      <c r="H33041" t="s">
        <v>20256</v>
      </c>
      <c r="I33041" s="2">
        <v>1</v>
      </c>
      <c r="J33041" s="2">
        <v>0</v>
      </c>
      <c r="K33041" s="2">
        <v>0</v>
      </c>
      <c r="L33041" t="s">
        <v>120</v>
      </c>
      <c r="M33041" t="s">
        <v>83</v>
      </c>
      <c r="N33041" t="s">
        <v>91</v>
      </c>
      <c r="O33041" t="s">
        <v>85</v>
      </c>
      <c r="P33041" t="s">
        <v>86</v>
      </c>
      <c r="Q33041">
        <v>51</v>
      </c>
      <c r="R33041">
        <v>52</v>
      </c>
      <c r="S33041">
        <v>53</v>
      </c>
      <c r="T33041">
        <v>54</v>
      </c>
      <c r="U33041">
        <v>55</v>
      </c>
      <c r="V33041">
        <v>56</v>
      </c>
      <c r="W33041">
        <v>57</v>
      </c>
      <c r="X33041">
        <v>58</v>
      </c>
      <c r="Y33041">
        <v>59</v>
      </c>
      <c r="Z33041">
        <v>60</v>
      </c>
      <c r="AA33041">
        <v>61</v>
      </c>
      <c r="AB33041">
        <v>62</v>
      </c>
      <c r="AC33041">
        <v>63</v>
      </c>
      <c r="AD33041">
        <v>64</v>
      </c>
      <c r="AE33041">
        <v>65</v>
      </c>
      <c r="AF33041">
        <v>67</v>
      </c>
      <c r="AG33041">
        <v>68</v>
      </c>
      <c r="AH33041">
        <v>69</v>
      </c>
      <c r="AI33041">
        <v>70</v>
      </c>
      <c r="AJ33041">
        <v>71</v>
      </c>
      <c r="AK33041">
        <v>72</v>
      </c>
      <c r="AL33041">
        <v>73</v>
      </c>
      <c r="AM33041">
        <v>73</v>
      </c>
      <c r="AN33041">
        <v>74</v>
      </c>
      <c r="AO33041">
        <v>75</v>
      </c>
      <c r="AP33041">
        <v>75</v>
      </c>
      <c r="AQ33041">
        <v>76</v>
      </c>
    </row>
    <row r="33042" spans="1:43">
      <c r="A33042" t="s">
        <v>20471</v>
      </c>
      <c r="B33042" t="s">
        <v>20472</v>
      </c>
      <c r="C33042" t="s">
        <v>20465</v>
      </c>
      <c r="D33042" t="s">
        <v>20466</v>
      </c>
      <c r="E33042" t="s">
        <v>20437</v>
      </c>
      <c r="F33042" t="s">
        <v>20438</v>
      </c>
      <c r="G33042" t="s">
        <v>20255</v>
      </c>
      <c r="H33042" t="s">
        <v>20256</v>
      </c>
      <c r="I33042" s="2">
        <v>1</v>
      </c>
      <c r="J33042" s="2">
        <v>0</v>
      </c>
      <c r="K33042" s="2">
        <v>0</v>
      </c>
      <c r="L33042" t="s">
        <v>120</v>
      </c>
      <c r="M33042" t="s">
        <v>83</v>
      </c>
      <c r="N33042" t="s">
        <v>84</v>
      </c>
      <c r="O33042" t="s">
        <v>85</v>
      </c>
      <c r="P33042" t="s">
        <v>86</v>
      </c>
      <c r="Q33042">
        <v>24</v>
      </c>
      <c r="R33042">
        <v>25</v>
      </c>
      <c r="S33042">
        <v>25</v>
      </c>
      <c r="T33042">
        <v>26</v>
      </c>
      <c r="U33042">
        <v>26</v>
      </c>
      <c r="V33042">
        <v>27</v>
      </c>
      <c r="W33042">
        <v>27</v>
      </c>
      <c r="X33042">
        <v>28</v>
      </c>
      <c r="Y33042">
        <v>28</v>
      </c>
      <c r="Z33042">
        <v>28</v>
      </c>
      <c r="AA33042">
        <v>29</v>
      </c>
      <c r="AB33042">
        <v>29</v>
      </c>
      <c r="AC33042">
        <v>30</v>
      </c>
      <c r="AD33042">
        <v>30</v>
      </c>
      <c r="AE33042">
        <v>31</v>
      </c>
      <c r="AF33042">
        <v>31</v>
      </c>
      <c r="AG33042">
        <v>32</v>
      </c>
      <c r="AH33042">
        <v>32</v>
      </c>
      <c r="AI33042">
        <v>33</v>
      </c>
      <c r="AJ33042">
        <v>34</v>
      </c>
      <c r="AK33042">
        <v>34</v>
      </c>
      <c r="AL33042">
        <v>34</v>
      </c>
      <c r="AM33042">
        <v>35</v>
      </c>
      <c r="AN33042">
        <v>35</v>
      </c>
      <c r="AO33042">
        <v>35</v>
      </c>
      <c r="AP33042">
        <v>36</v>
      </c>
      <c r="AQ33042">
        <v>36</v>
      </c>
    </row>
    <row r="33043" spans="1:43">
      <c r="A33043" t="s">
        <v>20471</v>
      </c>
      <c r="B33043" t="s">
        <v>20472</v>
      </c>
      <c r="C33043" t="s">
        <v>20465</v>
      </c>
      <c r="D33043" t="s">
        <v>20466</v>
      </c>
      <c r="E33043" t="s">
        <v>20437</v>
      </c>
      <c r="F33043" t="s">
        <v>20438</v>
      </c>
      <c r="G33043" t="s">
        <v>20255</v>
      </c>
      <c r="H33043" t="s">
        <v>20256</v>
      </c>
      <c r="I33043" s="2">
        <v>1</v>
      </c>
      <c r="J33043" s="2">
        <v>0</v>
      </c>
      <c r="K33043" s="2">
        <v>0</v>
      </c>
      <c r="L33043" t="s">
        <v>120</v>
      </c>
      <c r="M33043" t="s">
        <v>87</v>
      </c>
      <c r="N33043" t="s">
        <v>88</v>
      </c>
      <c r="O33043" t="s">
        <v>85</v>
      </c>
      <c r="P33043" t="s">
        <v>86</v>
      </c>
      <c r="Q33043">
        <v>24</v>
      </c>
      <c r="R33043">
        <v>24</v>
      </c>
      <c r="S33043">
        <v>24</v>
      </c>
      <c r="T33043">
        <v>25</v>
      </c>
      <c r="U33043">
        <v>25</v>
      </c>
      <c r="V33043">
        <v>25</v>
      </c>
      <c r="W33043">
        <v>25</v>
      </c>
      <c r="X33043">
        <v>26</v>
      </c>
      <c r="Y33043">
        <v>26</v>
      </c>
      <c r="Z33043">
        <v>26</v>
      </c>
      <c r="AA33043">
        <v>26</v>
      </c>
      <c r="AB33043">
        <v>27</v>
      </c>
      <c r="AC33043">
        <v>27</v>
      </c>
      <c r="AD33043">
        <v>27</v>
      </c>
      <c r="AE33043">
        <v>28</v>
      </c>
      <c r="AF33043">
        <v>28</v>
      </c>
      <c r="AG33043">
        <v>28</v>
      </c>
      <c r="AH33043">
        <v>28</v>
      </c>
      <c r="AI33043">
        <v>29</v>
      </c>
      <c r="AJ33043">
        <v>29</v>
      </c>
      <c r="AK33043">
        <v>29</v>
      </c>
      <c r="AL33043">
        <v>30</v>
      </c>
      <c r="AM33043">
        <v>30</v>
      </c>
      <c r="AN33043">
        <v>30</v>
      </c>
      <c r="AO33043">
        <v>31</v>
      </c>
      <c r="AP33043">
        <v>31</v>
      </c>
      <c r="AQ33043">
        <v>31</v>
      </c>
    </row>
    <row r="33044" spans="1:43">
      <c r="A33044" t="s">
        <v>20471</v>
      </c>
      <c r="B33044" t="s">
        <v>20472</v>
      </c>
      <c r="C33044" t="s">
        <v>20465</v>
      </c>
      <c r="D33044" t="s">
        <v>20466</v>
      </c>
      <c r="E33044" t="s">
        <v>20437</v>
      </c>
      <c r="F33044" t="s">
        <v>20438</v>
      </c>
      <c r="G33044" t="s">
        <v>20255</v>
      </c>
      <c r="H33044" t="s">
        <v>20256</v>
      </c>
      <c r="I33044" s="2">
        <v>1</v>
      </c>
      <c r="J33044" s="2">
        <v>0</v>
      </c>
      <c r="K33044" s="2">
        <v>0</v>
      </c>
      <c r="L33044" t="s">
        <v>120</v>
      </c>
      <c r="M33044" t="s">
        <v>89</v>
      </c>
      <c r="N33044" t="s">
        <v>90</v>
      </c>
      <c r="O33044" t="s">
        <v>85</v>
      </c>
      <c r="P33044" t="s">
        <v>86</v>
      </c>
      <c r="Q33044">
        <v>24</v>
      </c>
      <c r="R33044">
        <v>25</v>
      </c>
      <c r="S33044">
        <v>26</v>
      </c>
      <c r="T33044">
        <v>26</v>
      </c>
      <c r="U33044">
        <v>27</v>
      </c>
      <c r="V33044">
        <v>28</v>
      </c>
      <c r="W33044">
        <v>28</v>
      </c>
      <c r="X33044">
        <v>29</v>
      </c>
      <c r="Y33044">
        <v>30</v>
      </c>
      <c r="Z33044">
        <v>30</v>
      </c>
      <c r="AA33044">
        <v>31</v>
      </c>
      <c r="AB33044">
        <v>31</v>
      </c>
      <c r="AC33044">
        <v>32</v>
      </c>
      <c r="AD33044">
        <v>33</v>
      </c>
      <c r="AE33044">
        <v>33</v>
      </c>
      <c r="AF33044">
        <v>33</v>
      </c>
      <c r="AG33044">
        <v>34</v>
      </c>
      <c r="AH33044">
        <v>34</v>
      </c>
      <c r="AI33044">
        <v>34</v>
      </c>
      <c r="AJ33044">
        <v>34</v>
      </c>
      <c r="AK33044">
        <v>35</v>
      </c>
      <c r="AL33044">
        <v>35</v>
      </c>
      <c r="AM33044">
        <v>35</v>
      </c>
      <c r="AN33044">
        <v>35</v>
      </c>
      <c r="AO33044">
        <v>36</v>
      </c>
      <c r="AP33044">
        <v>36</v>
      </c>
      <c r="AQ33044">
        <v>36</v>
      </c>
    </row>
    <row r="33045" spans="1:43">
      <c r="A33045" t="s">
        <v>20471</v>
      </c>
      <c r="B33045" t="s">
        <v>20472</v>
      </c>
      <c r="C33045" t="s">
        <v>20465</v>
      </c>
      <c r="D33045" t="s">
        <v>20466</v>
      </c>
      <c r="E33045" t="s">
        <v>20437</v>
      </c>
      <c r="F33045" t="s">
        <v>20438</v>
      </c>
      <c r="G33045" t="s">
        <v>20255</v>
      </c>
      <c r="H33045" t="s">
        <v>20256</v>
      </c>
      <c r="I33045" s="2">
        <v>1</v>
      </c>
      <c r="J33045" s="2">
        <v>0</v>
      </c>
      <c r="K33045" s="2">
        <v>0</v>
      </c>
      <c r="L33045" t="s">
        <v>120</v>
      </c>
      <c r="M33045" t="s">
        <v>83</v>
      </c>
      <c r="N33045" t="s">
        <v>91</v>
      </c>
      <c r="O33045" t="s">
        <v>85</v>
      </c>
      <c r="P33045" t="s">
        <v>86</v>
      </c>
      <c r="Q33045">
        <v>24</v>
      </c>
      <c r="R33045">
        <v>25</v>
      </c>
      <c r="S33045">
        <v>25</v>
      </c>
      <c r="T33045">
        <v>26</v>
      </c>
      <c r="U33045">
        <v>26</v>
      </c>
      <c r="V33045">
        <v>27</v>
      </c>
      <c r="W33045">
        <v>27</v>
      </c>
      <c r="X33045">
        <v>28</v>
      </c>
      <c r="Y33045">
        <v>28</v>
      </c>
      <c r="Z33045">
        <v>28</v>
      </c>
      <c r="AA33045">
        <v>29</v>
      </c>
      <c r="AB33045">
        <v>29</v>
      </c>
      <c r="AC33045">
        <v>30</v>
      </c>
      <c r="AD33045">
        <v>30</v>
      </c>
      <c r="AE33045">
        <v>31</v>
      </c>
      <c r="AF33045">
        <v>31</v>
      </c>
      <c r="AG33045">
        <v>32</v>
      </c>
      <c r="AH33045">
        <v>32</v>
      </c>
      <c r="AI33045">
        <v>33</v>
      </c>
      <c r="AJ33045">
        <v>34</v>
      </c>
      <c r="AK33045">
        <v>34</v>
      </c>
      <c r="AL33045">
        <v>34</v>
      </c>
      <c r="AM33045">
        <v>35</v>
      </c>
      <c r="AN33045">
        <v>35</v>
      </c>
      <c r="AO33045">
        <v>35</v>
      </c>
      <c r="AP33045">
        <v>36</v>
      </c>
      <c r="AQ33045">
        <v>36</v>
      </c>
    </row>
    <row r="33046" spans="1:43">
      <c r="A33046" t="s">
        <v>20473</v>
      </c>
      <c r="B33046" t="s">
        <v>20474</v>
      </c>
      <c r="C33046" t="s">
        <v>20455</v>
      </c>
      <c r="D33046" t="s">
        <v>20456</v>
      </c>
      <c r="E33046" t="s">
        <v>20437</v>
      </c>
      <c r="F33046" t="s">
        <v>20438</v>
      </c>
      <c r="G33046" t="s">
        <v>20255</v>
      </c>
      <c r="H33046" t="s">
        <v>20256</v>
      </c>
      <c r="I33046" s="2">
        <v>1</v>
      </c>
      <c r="J33046" s="2">
        <v>0</v>
      </c>
      <c r="K33046" s="2">
        <v>0</v>
      </c>
      <c r="L33046" t="s">
        <v>120</v>
      </c>
      <c r="M33046" t="s">
        <v>83</v>
      </c>
      <c r="N33046" t="s">
        <v>84</v>
      </c>
      <c r="O33046" t="s">
        <v>85</v>
      </c>
      <c r="P33046" t="s">
        <v>86</v>
      </c>
      <c r="Q33046">
        <v>22</v>
      </c>
      <c r="R33046">
        <v>22</v>
      </c>
      <c r="S33046">
        <v>22</v>
      </c>
      <c r="T33046">
        <v>23</v>
      </c>
      <c r="U33046">
        <v>23</v>
      </c>
      <c r="V33046">
        <v>24</v>
      </c>
      <c r="W33046">
        <v>24</v>
      </c>
      <c r="X33046">
        <v>24</v>
      </c>
      <c r="Y33046">
        <v>25</v>
      </c>
      <c r="Z33046">
        <v>25</v>
      </c>
      <c r="AA33046">
        <v>26</v>
      </c>
      <c r="AB33046">
        <v>26</v>
      </c>
      <c r="AC33046">
        <v>26</v>
      </c>
      <c r="AD33046">
        <v>27</v>
      </c>
      <c r="AE33046">
        <v>27</v>
      </c>
      <c r="AF33046">
        <v>28</v>
      </c>
      <c r="AG33046">
        <v>28</v>
      </c>
      <c r="AH33046">
        <v>29</v>
      </c>
      <c r="AI33046">
        <v>29</v>
      </c>
      <c r="AJ33046">
        <v>29</v>
      </c>
      <c r="AK33046">
        <v>30</v>
      </c>
      <c r="AL33046">
        <v>30</v>
      </c>
      <c r="AM33046">
        <v>30</v>
      </c>
      <c r="AN33046">
        <v>31</v>
      </c>
      <c r="AO33046">
        <v>31</v>
      </c>
      <c r="AP33046">
        <v>31</v>
      </c>
      <c r="AQ33046">
        <v>31</v>
      </c>
    </row>
    <row r="33047" spans="1:43">
      <c r="A33047" t="s">
        <v>20473</v>
      </c>
      <c r="B33047" t="s">
        <v>20474</v>
      </c>
      <c r="C33047" t="s">
        <v>20455</v>
      </c>
      <c r="D33047" t="s">
        <v>20456</v>
      </c>
      <c r="E33047" t="s">
        <v>20437</v>
      </c>
      <c r="F33047" t="s">
        <v>20438</v>
      </c>
      <c r="G33047" t="s">
        <v>20255</v>
      </c>
      <c r="H33047" t="s">
        <v>20256</v>
      </c>
      <c r="I33047" s="2">
        <v>1</v>
      </c>
      <c r="J33047" s="2">
        <v>0</v>
      </c>
      <c r="K33047" s="2">
        <v>0</v>
      </c>
      <c r="L33047" t="s">
        <v>120</v>
      </c>
      <c r="M33047" t="s">
        <v>87</v>
      </c>
      <c r="N33047" t="s">
        <v>88</v>
      </c>
      <c r="O33047" t="s">
        <v>85</v>
      </c>
      <c r="P33047" t="s">
        <v>86</v>
      </c>
      <c r="Q33047">
        <v>22</v>
      </c>
      <c r="R33047">
        <v>23</v>
      </c>
      <c r="S33047">
        <v>23</v>
      </c>
      <c r="T33047">
        <v>23</v>
      </c>
      <c r="U33047">
        <v>23</v>
      </c>
      <c r="V33047">
        <v>23</v>
      </c>
      <c r="W33047">
        <v>24</v>
      </c>
      <c r="X33047">
        <v>24</v>
      </c>
      <c r="Y33047">
        <v>24</v>
      </c>
      <c r="Z33047">
        <v>24</v>
      </c>
      <c r="AA33047">
        <v>24</v>
      </c>
      <c r="AB33047">
        <v>25</v>
      </c>
      <c r="AC33047">
        <v>25</v>
      </c>
      <c r="AD33047">
        <v>25</v>
      </c>
      <c r="AE33047">
        <v>25</v>
      </c>
      <c r="AF33047">
        <v>25</v>
      </c>
      <c r="AG33047">
        <v>26</v>
      </c>
      <c r="AH33047">
        <v>26</v>
      </c>
      <c r="AI33047">
        <v>26</v>
      </c>
      <c r="AJ33047">
        <v>26</v>
      </c>
      <c r="AK33047">
        <v>27</v>
      </c>
      <c r="AL33047">
        <v>27</v>
      </c>
      <c r="AM33047">
        <v>27</v>
      </c>
      <c r="AN33047">
        <v>27</v>
      </c>
      <c r="AO33047">
        <v>28</v>
      </c>
      <c r="AP33047">
        <v>28</v>
      </c>
      <c r="AQ33047">
        <v>28</v>
      </c>
    </row>
    <row r="33048" spans="1:43">
      <c r="A33048" t="s">
        <v>20473</v>
      </c>
      <c r="B33048" t="s">
        <v>20474</v>
      </c>
      <c r="C33048" t="s">
        <v>20455</v>
      </c>
      <c r="D33048" t="s">
        <v>20456</v>
      </c>
      <c r="E33048" t="s">
        <v>20437</v>
      </c>
      <c r="F33048" t="s">
        <v>20438</v>
      </c>
      <c r="G33048" t="s">
        <v>20255</v>
      </c>
      <c r="H33048" t="s">
        <v>20256</v>
      </c>
      <c r="I33048" s="2">
        <v>1</v>
      </c>
      <c r="J33048" s="2">
        <v>0</v>
      </c>
      <c r="K33048" s="2">
        <v>0</v>
      </c>
      <c r="L33048" t="s">
        <v>120</v>
      </c>
      <c r="M33048" t="s">
        <v>89</v>
      </c>
      <c r="N33048" t="s">
        <v>90</v>
      </c>
      <c r="O33048" t="s">
        <v>85</v>
      </c>
      <c r="P33048" t="s">
        <v>86</v>
      </c>
      <c r="Q33048">
        <v>22</v>
      </c>
      <c r="R33048">
        <v>22</v>
      </c>
      <c r="S33048">
        <v>23</v>
      </c>
      <c r="T33048">
        <v>24</v>
      </c>
      <c r="U33048">
        <v>24</v>
      </c>
      <c r="V33048">
        <v>25</v>
      </c>
      <c r="W33048">
        <v>25</v>
      </c>
      <c r="X33048">
        <v>26</v>
      </c>
      <c r="Y33048">
        <v>26</v>
      </c>
      <c r="Z33048">
        <v>27</v>
      </c>
      <c r="AA33048">
        <v>27</v>
      </c>
      <c r="AB33048">
        <v>28</v>
      </c>
      <c r="AC33048">
        <v>28</v>
      </c>
      <c r="AD33048">
        <v>29</v>
      </c>
      <c r="AE33048">
        <v>29</v>
      </c>
      <c r="AF33048">
        <v>29</v>
      </c>
      <c r="AG33048">
        <v>30</v>
      </c>
      <c r="AH33048">
        <v>30</v>
      </c>
      <c r="AI33048">
        <v>30</v>
      </c>
      <c r="AJ33048">
        <v>30</v>
      </c>
      <c r="AK33048">
        <v>30</v>
      </c>
      <c r="AL33048">
        <v>30</v>
      </c>
      <c r="AM33048">
        <v>31</v>
      </c>
      <c r="AN33048">
        <v>31</v>
      </c>
      <c r="AO33048">
        <v>31</v>
      </c>
      <c r="AP33048">
        <v>31</v>
      </c>
      <c r="AQ33048">
        <v>31</v>
      </c>
    </row>
    <row r="33049" spans="1:43">
      <c r="A33049" t="s">
        <v>20473</v>
      </c>
      <c r="B33049" t="s">
        <v>20474</v>
      </c>
      <c r="C33049" t="s">
        <v>20455</v>
      </c>
      <c r="D33049" t="s">
        <v>20456</v>
      </c>
      <c r="E33049" t="s">
        <v>20437</v>
      </c>
      <c r="F33049" t="s">
        <v>20438</v>
      </c>
      <c r="G33049" t="s">
        <v>20255</v>
      </c>
      <c r="H33049" t="s">
        <v>20256</v>
      </c>
      <c r="I33049" s="2">
        <v>1</v>
      </c>
      <c r="J33049" s="2">
        <v>0</v>
      </c>
      <c r="K33049" s="2">
        <v>0</v>
      </c>
      <c r="L33049" t="s">
        <v>120</v>
      </c>
      <c r="M33049" t="s">
        <v>83</v>
      </c>
      <c r="N33049" t="s">
        <v>91</v>
      </c>
      <c r="O33049" t="s">
        <v>85</v>
      </c>
      <c r="P33049" t="s">
        <v>86</v>
      </c>
      <c r="Q33049">
        <v>22</v>
      </c>
      <c r="R33049">
        <v>22</v>
      </c>
      <c r="S33049">
        <v>22</v>
      </c>
      <c r="T33049">
        <v>23</v>
      </c>
      <c r="U33049">
        <v>23</v>
      </c>
      <c r="V33049">
        <v>24</v>
      </c>
      <c r="W33049">
        <v>24</v>
      </c>
      <c r="X33049">
        <v>24</v>
      </c>
      <c r="Y33049">
        <v>25</v>
      </c>
      <c r="Z33049">
        <v>25</v>
      </c>
      <c r="AA33049">
        <v>26</v>
      </c>
      <c r="AB33049">
        <v>26</v>
      </c>
      <c r="AC33049">
        <v>26</v>
      </c>
      <c r="AD33049">
        <v>27</v>
      </c>
      <c r="AE33049">
        <v>27</v>
      </c>
      <c r="AF33049">
        <v>28</v>
      </c>
      <c r="AG33049">
        <v>28</v>
      </c>
      <c r="AH33049">
        <v>29</v>
      </c>
      <c r="AI33049">
        <v>29</v>
      </c>
      <c r="AJ33049">
        <v>29</v>
      </c>
      <c r="AK33049">
        <v>30</v>
      </c>
      <c r="AL33049">
        <v>30</v>
      </c>
      <c r="AM33049">
        <v>30</v>
      </c>
      <c r="AN33049">
        <v>31</v>
      </c>
      <c r="AO33049">
        <v>31</v>
      </c>
      <c r="AP33049">
        <v>31</v>
      </c>
      <c r="AQ33049">
        <v>31</v>
      </c>
    </row>
    <row r="33050" spans="1:43">
      <c r="A33050" t="s">
        <v>20475</v>
      </c>
      <c r="B33050" t="s">
        <v>20476</v>
      </c>
      <c r="C33050" t="s">
        <v>20455</v>
      </c>
      <c r="D33050" t="s">
        <v>20456</v>
      </c>
      <c r="E33050" t="s">
        <v>20437</v>
      </c>
      <c r="F33050" t="s">
        <v>20438</v>
      </c>
      <c r="G33050" t="s">
        <v>20255</v>
      </c>
      <c r="H33050" t="s">
        <v>20256</v>
      </c>
      <c r="I33050" s="2">
        <v>1</v>
      </c>
      <c r="J33050" s="2">
        <v>0</v>
      </c>
      <c r="K33050" s="2">
        <v>0</v>
      </c>
      <c r="L33050" t="s">
        <v>120</v>
      </c>
      <c r="M33050" t="s">
        <v>83</v>
      </c>
      <c r="N33050" t="s">
        <v>84</v>
      </c>
      <c r="O33050" t="s">
        <v>85</v>
      </c>
      <c r="P33050" t="s">
        <v>86</v>
      </c>
      <c r="Q33050">
        <v>10</v>
      </c>
      <c r="R33050">
        <v>10</v>
      </c>
      <c r="S33050">
        <v>10</v>
      </c>
      <c r="T33050">
        <v>10</v>
      </c>
      <c r="U33050">
        <v>11</v>
      </c>
      <c r="V33050">
        <v>11</v>
      </c>
      <c r="W33050">
        <v>11</v>
      </c>
      <c r="X33050">
        <v>11</v>
      </c>
      <c r="Y33050">
        <v>11</v>
      </c>
      <c r="Z33050">
        <v>11</v>
      </c>
      <c r="AA33050">
        <v>12</v>
      </c>
      <c r="AB33050">
        <v>12</v>
      </c>
      <c r="AC33050">
        <v>12</v>
      </c>
      <c r="AD33050">
        <v>12</v>
      </c>
      <c r="AE33050">
        <v>12</v>
      </c>
      <c r="AF33050">
        <v>13</v>
      </c>
      <c r="AG33050">
        <v>13</v>
      </c>
      <c r="AH33050">
        <v>13</v>
      </c>
      <c r="AI33050">
        <v>13</v>
      </c>
      <c r="AJ33050">
        <v>13</v>
      </c>
      <c r="AK33050">
        <v>14</v>
      </c>
      <c r="AL33050">
        <v>14</v>
      </c>
      <c r="AM33050">
        <v>14</v>
      </c>
      <c r="AN33050">
        <v>14</v>
      </c>
      <c r="AO33050">
        <v>14</v>
      </c>
      <c r="AP33050">
        <v>14</v>
      </c>
      <c r="AQ33050">
        <v>14</v>
      </c>
    </row>
    <row r="33051" spans="1:43">
      <c r="A33051" t="s">
        <v>20475</v>
      </c>
      <c r="B33051" t="s">
        <v>20476</v>
      </c>
      <c r="C33051" t="s">
        <v>20455</v>
      </c>
      <c r="D33051" t="s">
        <v>20456</v>
      </c>
      <c r="E33051" t="s">
        <v>20437</v>
      </c>
      <c r="F33051" t="s">
        <v>20438</v>
      </c>
      <c r="G33051" t="s">
        <v>20255</v>
      </c>
      <c r="H33051" t="s">
        <v>20256</v>
      </c>
      <c r="I33051" s="2">
        <v>1</v>
      </c>
      <c r="J33051" s="2">
        <v>0</v>
      </c>
      <c r="K33051" s="2">
        <v>0</v>
      </c>
      <c r="L33051" t="s">
        <v>120</v>
      </c>
      <c r="M33051" t="s">
        <v>87</v>
      </c>
      <c r="N33051" t="s">
        <v>88</v>
      </c>
      <c r="O33051" t="s">
        <v>85</v>
      </c>
      <c r="P33051" t="s">
        <v>86</v>
      </c>
      <c r="Q33051">
        <v>10</v>
      </c>
      <c r="R33051">
        <v>10</v>
      </c>
      <c r="S33051">
        <v>10</v>
      </c>
      <c r="T33051">
        <v>10</v>
      </c>
      <c r="U33051">
        <v>10</v>
      </c>
      <c r="V33051">
        <v>10</v>
      </c>
      <c r="W33051">
        <v>10</v>
      </c>
      <c r="X33051">
        <v>10</v>
      </c>
      <c r="Y33051">
        <v>10</v>
      </c>
      <c r="Z33051">
        <v>11</v>
      </c>
      <c r="AA33051">
        <v>11</v>
      </c>
      <c r="AB33051">
        <v>11</v>
      </c>
      <c r="AC33051">
        <v>11</v>
      </c>
      <c r="AD33051">
        <v>11</v>
      </c>
      <c r="AE33051">
        <v>11</v>
      </c>
      <c r="AF33051">
        <v>11</v>
      </c>
      <c r="AG33051">
        <v>11</v>
      </c>
      <c r="AH33051">
        <v>11</v>
      </c>
      <c r="AI33051">
        <v>11</v>
      </c>
      <c r="AJ33051">
        <v>11</v>
      </c>
      <c r="AK33051">
        <v>12</v>
      </c>
      <c r="AL33051">
        <v>12</v>
      </c>
      <c r="AM33051">
        <v>12</v>
      </c>
      <c r="AN33051">
        <v>12</v>
      </c>
      <c r="AO33051">
        <v>12</v>
      </c>
      <c r="AP33051">
        <v>12</v>
      </c>
      <c r="AQ33051">
        <v>12</v>
      </c>
    </row>
    <row r="33052" spans="1:43">
      <c r="A33052" t="s">
        <v>20475</v>
      </c>
      <c r="B33052" t="s">
        <v>20476</v>
      </c>
      <c r="C33052" t="s">
        <v>20455</v>
      </c>
      <c r="D33052" t="s">
        <v>20456</v>
      </c>
      <c r="E33052" t="s">
        <v>20437</v>
      </c>
      <c r="F33052" t="s">
        <v>20438</v>
      </c>
      <c r="G33052" t="s">
        <v>20255</v>
      </c>
      <c r="H33052" t="s">
        <v>20256</v>
      </c>
      <c r="I33052" s="2">
        <v>1</v>
      </c>
      <c r="J33052" s="2">
        <v>0</v>
      </c>
      <c r="K33052" s="2">
        <v>0</v>
      </c>
      <c r="L33052" t="s">
        <v>120</v>
      </c>
      <c r="M33052" t="s">
        <v>89</v>
      </c>
      <c r="N33052" t="s">
        <v>90</v>
      </c>
      <c r="O33052" t="s">
        <v>85</v>
      </c>
      <c r="P33052" t="s">
        <v>86</v>
      </c>
      <c r="Q33052">
        <v>10</v>
      </c>
      <c r="R33052">
        <v>10</v>
      </c>
      <c r="S33052">
        <v>10</v>
      </c>
      <c r="T33052">
        <v>11</v>
      </c>
      <c r="U33052">
        <v>11</v>
      </c>
      <c r="V33052">
        <v>11</v>
      </c>
      <c r="W33052">
        <v>11</v>
      </c>
      <c r="X33052">
        <v>12</v>
      </c>
      <c r="Y33052">
        <v>12</v>
      </c>
      <c r="Z33052">
        <v>12</v>
      </c>
      <c r="AA33052">
        <v>12</v>
      </c>
      <c r="AB33052">
        <v>13</v>
      </c>
      <c r="AC33052">
        <v>13</v>
      </c>
      <c r="AD33052">
        <v>13</v>
      </c>
      <c r="AE33052">
        <v>13</v>
      </c>
      <c r="AF33052">
        <v>13</v>
      </c>
      <c r="AG33052">
        <v>13</v>
      </c>
      <c r="AH33052">
        <v>13</v>
      </c>
      <c r="AI33052">
        <v>14</v>
      </c>
      <c r="AJ33052">
        <v>14</v>
      </c>
      <c r="AK33052">
        <v>14</v>
      </c>
      <c r="AL33052">
        <v>14</v>
      </c>
      <c r="AM33052">
        <v>14</v>
      </c>
      <c r="AN33052">
        <v>14</v>
      </c>
      <c r="AO33052">
        <v>14</v>
      </c>
      <c r="AP33052">
        <v>14</v>
      </c>
      <c r="AQ33052">
        <v>14</v>
      </c>
    </row>
    <row r="33053" spans="1:43">
      <c r="A33053" t="s">
        <v>20475</v>
      </c>
      <c r="B33053" t="s">
        <v>20476</v>
      </c>
      <c r="C33053" t="s">
        <v>20455</v>
      </c>
      <c r="D33053" t="s">
        <v>20456</v>
      </c>
      <c r="E33053" t="s">
        <v>20437</v>
      </c>
      <c r="F33053" t="s">
        <v>20438</v>
      </c>
      <c r="G33053" t="s">
        <v>20255</v>
      </c>
      <c r="H33053" t="s">
        <v>20256</v>
      </c>
      <c r="I33053" s="2">
        <v>1</v>
      </c>
      <c r="J33053" s="2">
        <v>0</v>
      </c>
      <c r="K33053" s="2">
        <v>0</v>
      </c>
      <c r="L33053" t="s">
        <v>120</v>
      </c>
      <c r="M33053" t="s">
        <v>83</v>
      </c>
      <c r="N33053" t="s">
        <v>91</v>
      </c>
      <c r="O33053" t="s">
        <v>85</v>
      </c>
      <c r="P33053" t="s">
        <v>86</v>
      </c>
      <c r="Q33053">
        <v>10</v>
      </c>
      <c r="R33053">
        <v>10</v>
      </c>
      <c r="S33053">
        <v>10</v>
      </c>
      <c r="T33053">
        <v>10</v>
      </c>
      <c r="U33053">
        <v>11</v>
      </c>
      <c r="V33053">
        <v>11</v>
      </c>
      <c r="W33053">
        <v>11</v>
      </c>
      <c r="X33053">
        <v>11</v>
      </c>
      <c r="Y33053">
        <v>11</v>
      </c>
      <c r="Z33053">
        <v>11</v>
      </c>
      <c r="AA33053">
        <v>12</v>
      </c>
      <c r="AB33053">
        <v>12</v>
      </c>
      <c r="AC33053">
        <v>12</v>
      </c>
      <c r="AD33053">
        <v>12</v>
      </c>
      <c r="AE33053">
        <v>12</v>
      </c>
      <c r="AF33053">
        <v>13</v>
      </c>
      <c r="AG33053">
        <v>13</v>
      </c>
      <c r="AH33053">
        <v>13</v>
      </c>
      <c r="AI33053">
        <v>13</v>
      </c>
      <c r="AJ33053">
        <v>13</v>
      </c>
      <c r="AK33053">
        <v>14</v>
      </c>
      <c r="AL33053">
        <v>14</v>
      </c>
      <c r="AM33053">
        <v>14</v>
      </c>
      <c r="AN33053">
        <v>14</v>
      </c>
      <c r="AO33053">
        <v>14</v>
      </c>
      <c r="AP33053">
        <v>14</v>
      </c>
      <c r="AQ33053">
        <v>14</v>
      </c>
    </row>
    <row r="33054" spans="1:43">
      <c r="A33054" t="s">
        <v>20477</v>
      </c>
      <c r="B33054" t="s">
        <v>20478</v>
      </c>
      <c r="C33054" t="s">
        <v>20479</v>
      </c>
      <c r="D33054" t="s">
        <v>20480</v>
      </c>
      <c r="E33054" t="s">
        <v>20437</v>
      </c>
      <c r="F33054" t="s">
        <v>20438</v>
      </c>
      <c r="G33054" t="s">
        <v>20255</v>
      </c>
      <c r="H33054" t="s">
        <v>20256</v>
      </c>
      <c r="I33054" s="2">
        <v>1</v>
      </c>
      <c r="J33054" s="2">
        <v>0</v>
      </c>
      <c r="K33054" s="2">
        <v>0</v>
      </c>
      <c r="L33054" t="s">
        <v>120</v>
      </c>
      <c r="M33054" t="s">
        <v>83</v>
      </c>
      <c r="N33054" t="s">
        <v>84</v>
      </c>
      <c r="O33054" t="s">
        <v>85</v>
      </c>
      <c r="P33054" t="s">
        <v>86</v>
      </c>
      <c r="Q33054">
        <v>21</v>
      </c>
      <c r="R33054">
        <v>21</v>
      </c>
      <c r="S33054">
        <v>22</v>
      </c>
      <c r="T33054">
        <v>22</v>
      </c>
      <c r="U33054">
        <v>23</v>
      </c>
      <c r="V33054">
        <v>23</v>
      </c>
      <c r="W33054">
        <v>23</v>
      </c>
      <c r="X33054">
        <v>24</v>
      </c>
      <c r="Y33054">
        <v>24</v>
      </c>
      <c r="Z33054">
        <v>25</v>
      </c>
      <c r="AA33054">
        <v>25</v>
      </c>
      <c r="AB33054">
        <v>25</v>
      </c>
      <c r="AC33054">
        <v>26</v>
      </c>
      <c r="AD33054">
        <v>26</v>
      </c>
      <c r="AE33054">
        <v>27</v>
      </c>
      <c r="AF33054">
        <v>27</v>
      </c>
      <c r="AG33054">
        <v>27</v>
      </c>
      <c r="AH33054">
        <v>28</v>
      </c>
      <c r="AI33054">
        <v>28</v>
      </c>
      <c r="AJ33054">
        <v>29</v>
      </c>
      <c r="AK33054">
        <v>29</v>
      </c>
      <c r="AL33054">
        <v>29</v>
      </c>
      <c r="AM33054">
        <v>30</v>
      </c>
      <c r="AN33054">
        <v>30</v>
      </c>
      <c r="AO33054">
        <v>30</v>
      </c>
      <c r="AP33054">
        <v>30</v>
      </c>
      <c r="AQ33054">
        <v>30</v>
      </c>
    </row>
    <row r="33055" spans="1:43">
      <c r="A33055" t="s">
        <v>20477</v>
      </c>
      <c r="B33055" t="s">
        <v>20478</v>
      </c>
      <c r="C33055" t="s">
        <v>20479</v>
      </c>
      <c r="D33055" t="s">
        <v>20480</v>
      </c>
      <c r="E33055" t="s">
        <v>20437</v>
      </c>
      <c r="F33055" t="s">
        <v>20438</v>
      </c>
      <c r="G33055" t="s">
        <v>20255</v>
      </c>
      <c r="H33055" t="s">
        <v>20256</v>
      </c>
      <c r="I33055" s="2">
        <v>1</v>
      </c>
      <c r="J33055" s="2">
        <v>0</v>
      </c>
      <c r="K33055" s="2">
        <v>0</v>
      </c>
      <c r="L33055" t="s">
        <v>120</v>
      </c>
      <c r="M33055" t="s">
        <v>87</v>
      </c>
      <c r="N33055" t="s">
        <v>88</v>
      </c>
      <c r="O33055" t="s">
        <v>85</v>
      </c>
      <c r="P33055" t="s">
        <v>86</v>
      </c>
      <c r="Q33055">
        <v>21</v>
      </c>
      <c r="R33055">
        <v>21</v>
      </c>
      <c r="S33055">
        <v>21</v>
      </c>
      <c r="T33055">
        <v>21</v>
      </c>
      <c r="U33055">
        <v>22</v>
      </c>
      <c r="V33055">
        <v>22</v>
      </c>
      <c r="W33055">
        <v>22</v>
      </c>
      <c r="X33055">
        <v>22</v>
      </c>
      <c r="Y33055">
        <v>22</v>
      </c>
      <c r="Z33055">
        <v>23</v>
      </c>
      <c r="AA33055">
        <v>23</v>
      </c>
      <c r="AB33055">
        <v>23</v>
      </c>
      <c r="AC33055">
        <v>23</v>
      </c>
      <c r="AD33055">
        <v>23</v>
      </c>
      <c r="AE33055">
        <v>24</v>
      </c>
      <c r="AF33055">
        <v>24</v>
      </c>
      <c r="AG33055">
        <v>24</v>
      </c>
      <c r="AH33055">
        <v>24</v>
      </c>
      <c r="AI33055">
        <v>24</v>
      </c>
      <c r="AJ33055">
        <v>25</v>
      </c>
      <c r="AK33055">
        <v>25</v>
      </c>
      <c r="AL33055">
        <v>25</v>
      </c>
      <c r="AM33055">
        <v>25</v>
      </c>
      <c r="AN33055">
        <v>26</v>
      </c>
      <c r="AO33055">
        <v>26</v>
      </c>
      <c r="AP33055">
        <v>26</v>
      </c>
      <c r="AQ33055">
        <v>26</v>
      </c>
    </row>
    <row r="33056" spans="1:43">
      <c r="A33056" t="s">
        <v>20477</v>
      </c>
      <c r="B33056" t="s">
        <v>20478</v>
      </c>
      <c r="C33056" t="s">
        <v>20479</v>
      </c>
      <c r="D33056" t="s">
        <v>20480</v>
      </c>
      <c r="E33056" t="s">
        <v>20437</v>
      </c>
      <c r="F33056" t="s">
        <v>20438</v>
      </c>
      <c r="G33056" t="s">
        <v>20255</v>
      </c>
      <c r="H33056" t="s">
        <v>20256</v>
      </c>
      <c r="I33056" s="2">
        <v>1</v>
      </c>
      <c r="J33056" s="2">
        <v>0</v>
      </c>
      <c r="K33056" s="2">
        <v>0</v>
      </c>
      <c r="L33056" t="s">
        <v>120</v>
      </c>
      <c r="M33056" t="s">
        <v>89</v>
      </c>
      <c r="N33056" t="s">
        <v>90</v>
      </c>
      <c r="O33056" t="s">
        <v>85</v>
      </c>
      <c r="P33056" t="s">
        <v>86</v>
      </c>
      <c r="Q33056">
        <v>21</v>
      </c>
      <c r="R33056">
        <v>22</v>
      </c>
      <c r="S33056">
        <v>22</v>
      </c>
      <c r="T33056">
        <v>23</v>
      </c>
      <c r="U33056">
        <v>23</v>
      </c>
      <c r="V33056">
        <v>24</v>
      </c>
      <c r="W33056">
        <v>25</v>
      </c>
      <c r="X33056">
        <v>25</v>
      </c>
      <c r="Y33056">
        <v>26</v>
      </c>
      <c r="Z33056">
        <v>26</v>
      </c>
      <c r="AA33056">
        <v>27</v>
      </c>
      <c r="AB33056">
        <v>27</v>
      </c>
      <c r="AC33056">
        <v>28</v>
      </c>
      <c r="AD33056">
        <v>28</v>
      </c>
      <c r="AE33056">
        <v>28</v>
      </c>
      <c r="AF33056">
        <v>29</v>
      </c>
      <c r="AG33056">
        <v>29</v>
      </c>
      <c r="AH33056">
        <v>29</v>
      </c>
      <c r="AI33056">
        <v>29</v>
      </c>
      <c r="AJ33056">
        <v>29</v>
      </c>
      <c r="AK33056">
        <v>29</v>
      </c>
      <c r="AL33056">
        <v>30</v>
      </c>
      <c r="AM33056">
        <v>30</v>
      </c>
      <c r="AN33056">
        <v>30</v>
      </c>
      <c r="AO33056">
        <v>30</v>
      </c>
      <c r="AP33056">
        <v>30</v>
      </c>
      <c r="AQ33056">
        <v>31</v>
      </c>
    </row>
    <row r="33057" spans="1:43">
      <c r="A33057" t="s">
        <v>20477</v>
      </c>
      <c r="B33057" t="s">
        <v>20478</v>
      </c>
      <c r="C33057" t="s">
        <v>20479</v>
      </c>
      <c r="D33057" t="s">
        <v>20480</v>
      </c>
      <c r="E33057" t="s">
        <v>20437</v>
      </c>
      <c r="F33057" t="s">
        <v>20438</v>
      </c>
      <c r="G33057" t="s">
        <v>20255</v>
      </c>
      <c r="H33057" t="s">
        <v>20256</v>
      </c>
      <c r="I33057" s="2">
        <v>1</v>
      </c>
      <c r="J33057" s="2">
        <v>0</v>
      </c>
      <c r="K33057" s="2">
        <v>0</v>
      </c>
      <c r="L33057" t="s">
        <v>120</v>
      </c>
      <c r="M33057" t="s">
        <v>83</v>
      </c>
      <c r="N33057" t="s">
        <v>91</v>
      </c>
      <c r="O33057" t="s">
        <v>85</v>
      </c>
      <c r="P33057" t="s">
        <v>86</v>
      </c>
      <c r="Q33057">
        <v>21</v>
      </c>
      <c r="R33057">
        <v>21</v>
      </c>
      <c r="S33057">
        <v>22</v>
      </c>
      <c r="T33057">
        <v>22</v>
      </c>
      <c r="U33057">
        <v>23</v>
      </c>
      <c r="V33057">
        <v>23</v>
      </c>
      <c r="W33057">
        <v>23</v>
      </c>
      <c r="X33057">
        <v>24</v>
      </c>
      <c r="Y33057">
        <v>24</v>
      </c>
      <c r="Z33057">
        <v>25</v>
      </c>
      <c r="AA33057">
        <v>25</v>
      </c>
      <c r="AB33057">
        <v>25</v>
      </c>
      <c r="AC33057">
        <v>26</v>
      </c>
      <c r="AD33057">
        <v>26</v>
      </c>
      <c r="AE33057">
        <v>27</v>
      </c>
      <c r="AF33057">
        <v>27</v>
      </c>
      <c r="AG33057">
        <v>27</v>
      </c>
      <c r="AH33057">
        <v>28</v>
      </c>
      <c r="AI33057">
        <v>28</v>
      </c>
      <c r="AJ33057">
        <v>29</v>
      </c>
      <c r="AK33057">
        <v>29</v>
      </c>
      <c r="AL33057">
        <v>29</v>
      </c>
      <c r="AM33057">
        <v>30</v>
      </c>
      <c r="AN33057">
        <v>30</v>
      </c>
      <c r="AO33057">
        <v>30</v>
      </c>
      <c r="AP33057">
        <v>30</v>
      </c>
      <c r="AQ33057">
        <v>30</v>
      </c>
    </row>
    <row r="33058" spans="1:43">
      <c r="A33058" t="s">
        <v>20481</v>
      </c>
      <c r="B33058" t="s">
        <v>20482</v>
      </c>
      <c r="C33058" t="s">
        <v>20479</v>
      </c>
      <c r="D33058" t="s">
        <v>20480</v>
      </c>
      <c r="E33058" t="s">
        <v>20437</v>
      </c>
      <c r="F33058" t="s">
        <v>20438</v>
      </c>
      <c r="G33058" t="s">
        <v>20255</v>
      </c>
      <c r="H33058" t="s">
        <v>20256</v>
      </c>
      <c r="I33058" s="2">
        <v>1</v>
      </c>
      <c r="J33058" s="2">
        <v>0</v>
      </c>
      <c r="K33058" s="2">
        <v>0</v>
      </c>
      <c r="L33058" t="s">
        <v>120</v>
      </c>
      <c r="M33058" t="s">
        <v>83</v>
      </c>
      <c r="N33058" t="s">
        <v>84</v>
      </c>
      <c r="O33058" t="s">
        <v>85</v>
      </c>
      <c r="P33058" t="s">
        <v>86</v>
      </c>
      <c r="Q33058">
        <v>21</v>
      </c>
      <c r="R33058">
        <v>21</v>
      </c>
      <c r="S33058">
        <v>21</v>
      </c>
      <c r="T33058">
        <v>22</v>
      </c>
      <c r="U33058">
        <v>22</v>
      </c>
      <c r="V33058">
        <v>23</v>
      </c>
      <c r="W33058">
        <v>23</v>
      </c>
      <c r="X33058">
        <v>23</v>
      </c>
      <c r="Y33058">
        <v>24</v>
      </c>
      <c r="Z33058">
        <v>24</v>
      </c>
      <c r="AA33058">
        <v>25</v>
      </c>
      <c r="AB33058">
        <v>25</v>
      </c>
      <c r="AC33058">
        <v>25</v>
      </c>
      <c r="AD33058">
        <v>26</v>
      </c>
      <c r="AE33058">
        <v>26</v>
      </c>
      <c r="AF33058">
        <v>27</v>
      </c>
      <c r="AG33058">
        <v>27</v>
      </c>
      <c r="AH33058">
        <v>28</v>
      </c>
      <c r="AI33058">
        <v>28</v>
      </c>
      <c r="AJ33058">
        <v>29</v>
      </c>
      <c r="AK33058">
        <v>29</v>
      </c>
      <c r="AL33058">
        <v>29</v>
      </c>
      <c r="AM33058">
        <v>30</v>
      </c>
      <c r="AN33058">
        <v>30</v>
      </c>
      <c r="AO33058">
        <v>30</v>
      </c>
      <c r="AP33058">
        <v>30</v>
      </c>
      <c r="AQ33058">
        <v>31</v>
      </c>
    </row>
    <row r="33059" spans="1:43">
      <c r="A33059" t="s">
        <v>20481</v>
      </c>
      <c r="B33059" t="s">
        <v>20482</v>
      </c>
      <c r="C33059" t="s">
        <v>20479</v>
      </c>
      <c r="D33059" t="s">
        <v>20480</v>
      </c>
      <c r="E33059" t="s">
        <v>20437</v>
      </c>
      <c r="F33059" t="s">
        <v>20438</v>
      </c>
      <c r="G33059" t="s">
        <v>20255</v>
      </c>
      <c r="H33059" t="s">
        <v>20256</v>
      </c>
      <c r="I33059" s="2">
        <v>1</v>
      </c>
      <c r="J33059" s="2">
        <v>0</v>
      </c>
      <c r="K33059" s="2">
        <v>0</v>
      </c>
      <c r="L33059" t="s">
        <v>120</v>
      </c>
      <c r="M33059" t="s">
        <v>87</v>
      </c>
      <c r="N33059" t="s">
        <v>88</v>
      </c>
      <c r="O33059" t="s">
        <v>85</v>
      </c>
      <c r="P33059" t="s">
        <v>86</v>
      </c>
      <c r="Q33059">
        <v>21</v>
      </c>
      <c r="R33059">
        <v>22</v>
      </c>
      <c r="S33059">
        <v>22</v>
      </c>
      <c r="T33059">
        <v>22</v>
      </c>
      <c r="U33059">
        <v>22</v>
      </c>
      <c r="V33059">
        <v>22</v>
      </c>
      <c r="W33059">
        <v>23</v>
      </c>
      <c r="X33059">
        <v>23</v>
      </c>
      <c r="Y33059">
        <v>23</v>
      </c>
      <c r="Z33059">
        <v>23</v>
      </c>
      <c r="AA33059">
        <v>23</v>
      </c>
      <c r="AB33059">
        <v>24</v>
      </c>
      <c r="AC33059">
        <v>24</v>
      </c>
      <c r="AD33059">
        <v>24</v>
      </c>
      <c r="AE33059">
        <v>24</v>
      </c>
      <c r="AF33059">
        <v>25</v>
      </c>
      <c r="AG33059">
        <v>25</v>
      </c>
      <c r="AH33059">
        <v>25</v>
      </c>
      <c r="AI33059">
        <v>25</v>
      </c>
      <c r="AJ33059">
        <v>26</v>
      </c>
      <c r="AK33059">
        <v>26</v>
      </c>
      <c r="AL33059">
        <v>26</v>
      </c>
      <c r="AM33059">
        <v>27</v>
      </c>
      <c r="AN33059">
        <v>27</v>
      </c>
      <c r="AO33059">
        <v>27</v>
      </c>
      <c r="AP33059">
        <v>27</v>
      </c>
      <c r="AQ33059">
        <v>28</v>
      </c>
    </row>
    <row r="33060" spans="1:43">
      <c r="A33060" t="s">
        <v>20481</v>
      </c>
      <c r="B33060" t="s">
        <v>20482</v>
      </c>
      <c r="C33060" t="s">
        <v>20479</v>
      </c>
      <c r="D33060" t="s">
        <v>20480</v>
      </c>
      <c r="E33060" t="s">
        <v>20437</v>
      </c>
      <c r="F33060" t="s">
        <v>20438</v>
      </c>
      <c r="G33060" t="s">
        <v>20255</v>
      </c>
      <c r="H33060" t="s">
        <v>20256</v>
      </c>
      <c r="I33060" s="2">
        <v>1</v>
      </c>
      <c r="J33060" s="2">
        <v>0</v>
      </c>
      <c r="K33060" s="2">
        <v>0</v>
      </c>
      <c r="L33060" t="s">
        <v>120</v>
      </c>
      <c r="M33060" t="s">
        <v>89</v>
      </c>
      <c r="N33060" t="s">
        <v>90</v>
      </c>
      <c r="O33060" t="s">
        <v>85</v>
      </c>
      <c r="P33060" t="s">
        <v>86</v>
      </c>
      <c r="Q33060">
        <v>21</v>
      </c>
      <c r="R33060">
        <v>21</v>
      </c>
      <c r="S33060">
        <v>22</v>
      </c>
      <c r="T33060">
        <v>22</v>
      </c>
      <c r="U33060">
        <v>23</v>
      </c>
      <c r="V33060">
        <v>24</v>
      </c>
      <c r="W33060">
        <v>24</v>
      </c>
      <c r="X33060">
        <v>25</v>
      </c>
      <c r="Y33060">
        <v>25</v>
      </c>
      <c r="Z33060">
        <v>26</v>
      </c>
      <c r="AA33060">
        <v>26</v>
      </c>
      <c r="AB33060">
        <v>27</v>
      </c>
      <c r="AC33060">
        <v>27</v>
      </c>
      <c r="AD33060">
        <v>28</v>
      </c>
      <c r="AE33060">
        <v>28</v>
      </c>
      <c r="AF33060">
        <v>28</v>
      </c>
      <c r="AG33060">
        <v>29</v>
      </c>
      <c r="AH33060">
        <v>29</v>
      </c>
      <c r="AI33060">
        <v>29</v>
      </c>
      <c r="AJ33060">
        <v>29</v>
      </c>
      <c r="AK33060">
        <v>29</v>
      </c>
      <c r="AL33060">
        <v>30</v>
      </c>
      <c r="AM33060">
        <v>30</v>
      </c>
      <c r="AN33060">
        <v>30</v>
      </c>
      <c r="AO33060">
        <v>30</v>
      </c>
      <c r="AP33060">
        <v>31</v>
      </c>
      <c r="AQ33060">
        <v>31</v>
      </c>
    </row>
    <row r="33061" spans="1:43">
      <c r="A33061" t="s">
        <v>20481</v>
      </c>
      <c r="B33061" t="s">
        <v>20482</v>
      </c>
      <c r="C33061" t="s">
        <v>20479</v>
      </c>
      <c r="D33061" t="s">
        <v>20480</v>
      </c>
      <c r="E33061" t="s">
        <v>20437</v>
      </c>
      <c r="F33061" t="s">
        <v>20438</v>
      </c>
      <c r="G33061" t="s">
        <v>20255</v>
      </c>
      <c r="H33061" t="s">
        <v>20256</v>
      </c>
      <c r="I33061" s="2">
        <v>1</v>
      </c>
      <c r="J33061" s="2">
        <v>0</v>
      </c>
      <c r="K33061" s="2">
        <v>0</v>
      </c>
      <c r="L33061" t="s">
        <v>120</v>
      </c>
      <c r="M33061" t="s">
        <v>83</v>
      </c>
      <c r="N33061" t="s">
        <v>91</v>
      </c>
      <c r="O33061" t="s">
        <v>85</v>
      </c>
      <c r="P33061" t="s">
        <v>86</v>
      </c>
      <c r="Q33061">
        <v>21</v>
      </c>
      <c r="R33061">
        <v>21</v>
      </c>
      <c r="S33061">
        <v>21</v>
      </c>
      <c r="T33061">
        <v>22</v>
      </c>
      <c r="U33061">
        <v>22</v>
      </c>
      <c r="V33061">
        <v>23</v>
      </c>
      <c r="W33061">
        <v>23</v>
      </c>
      <c r="X33061">
        <v>23</v>
      </c>
      <c r="Y33061">
        <v>24</v>
      </c>
      <c r="Z33061">
        <v>24</v>
      </c>
      <c r="AA33061">
        <v>25</v>
      </c>
      <c r="AB33061">
        <v>25</v>
      </c>
      <c r="AC33061">
        <v>25</v>
      </c>
      <c r="AD33061">
        <v>26</v>
      </c>
      <c r="AE33061">
        <v>26</v>
      </c>
      <c r="AF33061">
        <v>27</v>
      </c>
      <c r="AG33061">
        <v>27</v>
      </c>
      <c r="AH33061">
        <v>28</v>
      </c>
      <c r="AI33061">
        <v>28</v>
      </c>
      <c r="AJ33061">
        <v>29</v>
      </c>
      <c r="AK33061">
        <v>29</v>
      </c>
      <c r="AL33061">
        <v>29</v>
      </c>
      <c r="AM33061">
        <v>30</v>
      </c>
      <c r="AN33061">
        <v>30</v>
      </c>
      <c r="AO33061">
        <v>30</v>
      </c>
      <c r="AP33061">
        <v>30</v>
      </c>
      <c r="AQ33061">
        <v>31</v>
      </c>
    </row>
    <row r="33062" spans="1:43">
      <c r="A33062" t="s">
        <v>20483</v>
      </c>
      <c r="B33062" t="s">
        <v>20484</v>
      </c>
      <c r="C33062" t="s">
        <v>20479</v>
      </c>
      <c r="D33062" t="s">
        <v>20480</v>
      </c>
      <c r="E33062" t="s">
        <v>20437</v>
      </c>
      <c r="F33062" t="s">
        <v>20438</v>
      </c>
      <c r="G33062" t="s">
        <v>20255</v>
      </c>
      <c r="H33062" t="s">
        <v>20256</v>
      </c>
      <c r="I33062" s="2">
        <v>1</v>
      </c>
      <c r="J33062" s="2">
        <v>0</v>
      </c>
      <c r="K33062" s="2">
        <v>0</v>
      </c>
      <c r="L33062" t="s">
        <v>120</v>
      </c>
      <c r="M33062" t="s">
        <v>83</v>
      </c>
      <c r="N33062" t="s">
        <v>84</v>
      </c>
      <c r="O33062" t="s">
        <v>85</v>
      </c>
      <c r="P33062" t="s">
        <v>86</v>
      </c>
      <c r="Q33062">
        <v>26</v>
      </c>
      <c r="R33062">
        <v>26</v>
      </c>
      <c r="S33062">
        <v>27</v>
      </c>
      <c r="T33062">
        <v>27</v>
      </c>
      <c r="U33062">
        <v>28</v>
      </c>
      <c r="V33062">
        <v>28</v>
      </c>
      <c r="W33062">
        <v>29</v>
      </c>
      <c r="X33062">
        <v>29</v>
      </c>
      <c r="Y33062">
        <v>30</v>
      </c>
      <c r="Z33062">
        <v>31</v>
      </c>
      <c r="AA33062">
        <v>31</v>
      </c>
      <c r="AB33062">
        <v>32</v>
      </c>
      <c r="AC33062">
        <v>32</v>
      </c>
      <c r="AD33062">
        <v>33</v>
      </c>
      <c r="AE33062">
        <v>33</v>
      </c>
      <c r="AF33062">
        <v>34</v>
      </c>
      <c r="AG33062">
        <v>34</v>
      </c>
      <c r="AH33062">
        <v>35</v>
      </c>
      <c r="AI33062">
        <v>35</v>
      </c>
      <c r="AJ33062">
        <v>36</v>
      </c>
      <c r="AK33062">
        <v>37</v>
      </c>
      <c r="AL33062">
        <v>37</v>
      </c>
      <c r="AM33062">
        <v>37</v>
      </c>
      <c r="AN33062">
        <v>38</v>
      </c>
      <c r="AO33062">
        <v>38</v>
      </c>
      <c r="AP33062">
        <v>38</v>
      </c>
      <c r="AQ33062">
        <v>39</v>
      </c>
    </row>
    <row r="33063" spans="1:43">
      <c r="A33063" t="s">
        <v>20483</v>
      </c>
      <c r="B33063" t="s">
        <v>20484</v>
      </c>
      <c r="C33063" t="s">
        <v>20479</v>
      </c>
      <c r="D33063" t="s">
        <v>20480</v>
      </c>
      <c r="E33063" t="s">
        <v>20437</v>
      </c>
      <c r="F33063" t="s">
        <v>20438</v>
      </c>
      <c r="G33063" t="s">
        <v>20255</v>
      </c>
      <c r="H33063" t="s">
        <v>20256</v>
      </c>
      <c r="I33063" s="2">
        <v>1</v>
      </c>
      <c r="J33063" s="2">
        <v>0</v>
      </c>
      <c r="K33063" s="2">
        <v>0</v>
      </c>
      <c r="L33063" t="s">
        <v>120</v>
      </c>
      <c r="M33063" t="s">
        <v>87</v>
      </c>
      <c r="N33063" t="s">
        <v>88</v>
      </c>
      <c r="O33063" t="s">
        <v>85</v>
      </c>
      <c r="P33063" t="s">
        <v>86</v>
      </c>
      <c r="Q33063">
        <v>26</v>
      </c>
      <c r="R33063">
        <v>26</v>
      </c>
      <c r="S33063">
        <v>26</v>
      </c>
      <c r="T33063">
        <v>26</v>
      </c>
      <c r="U33063">
        <v>27</v>
      </c>
      <c r="V33063">
        <v>27</v>
      </c>
      <c r="W33063">
        <v>27</v>
      </c>
      <c r="X33063">
        <v>27</v>
      </c>
      <c r="Y33063">
        <v>28</v>
      </c>
      <c r="Z33063">
        <v>28</v>
      </c>
      <c r="AA33063">
        <v>28</v>
      </c>
      <c r="AB33063">
        <v>29</v>
      </c>
      <c r="AC33063">
        <v>29</v>
      </c>
      <c r="AD33063">
        <v>29</v>
      </c>
      <c r="AE33063">
        <v>30</v>
      </c>
      <c r="AF33063">
        <v>30</v>
      </c>
      <c r="AG33063">
        <v>30</v>
      </c>
      <c r="AH33063">
        <v>31</v>
      </c>
      <c r="AI33063">
        <v>31</v>
      </c>
      <c r="AJ33063">
        <v>31</v>
      </c>
      <c r="AK33063">
        <v>32</v>
      </c>
      <c r="AL33063">
        <v>32</v>
      </c>
      <c r="AM33063">
        <v>32</v>
      </c>
      <c r="AN33063">
        <v>33</v>
      </c>
      <c r="AO33063">
        <v>33</v>
      </c>
      <c r="AP33063">
        <v>33</v>
      </c>
      <c r="AQ33063">
        <v>34</v>
      </c>
    </row>
    <row r="33064" spans="1:43">
      <c r="A33064" t="s">
        <v>20483</v>
      </c>
      <c r="B33064" t="s">
        <v>20484</v>
      </c>
      <c r="C33064" t="s">
        <v>20479</v>
      </c>
      <c r="D33064" t="s">
        <v>20480</v>
      </c>
      <c r="E33064" t="s">
        <v>20437</v>
      </c>
      <c r="F33064" t="s">
        <v>20438</v>
      </c>
      <c r="G33064" t="s">
        <v>20255</v>
      </c>
      <c r="H33064" t="s">
        <v>20256</v>
      </c>
      <c r="I33064" s="2">
        <v>1</v>
      </c>
      <c r="J33064" s="2">
        <v>0</v>
      </c>
      <c r="K33064" s="2">
        <v>0</v>
      </c>
      <c r="L33064" t="s">
        <v>120</v>
      </c>
      <c r="M33064" t="s">
        <v>89</v>
      </c>
      <c r="N33064" t="s">
        <v>90</v>
      </c>
      <c r="O33064" t="s">
        <v>85</v>
      </c>
      <c r="P33064" t="s">
        <v>86</v>
      </c>
      <c r="Q33064">
        <v>26</v>
      </c>
      <c r="R33064">
        <v>27</v>
      </c>
      <c r="S33064">
        <v>28</v>
      </c>
      <c r="T33064">
        <v>28</v>
      </c>
      <c r="U33064">
        <v>29</v>
      </c>
      <c r="V33064">
        <v>30</v>
      </c>
      <c r="W33064">
        <v>30</v>
      </c>
      <c r="X33064">
        <v>31</v>
      </c>
      <c r="Y33064">
        <v>32</v>
      </c>
      <c r="Z33064">
        <v>32</v>
      </c>
      <c r="AA33064">
        <v>33</v>
      </c>
      <c r="AB33064">
        <v>34</v>
      </c>
      <c r="AC33064">
        <v>34</v>
      </c>
      <c r="AD33064">
        <v>35</v>
      </c>
      <c r="AE33064">
        <v>35</v>
      </c>
      <c r="AF33064">
        <v>36</v>
      </c>
      <c r="AG33064">
        <v>36</v>
      </c>
      <c r="AH33064">
        <v>36</v>
      </c>
      <c r="AI33064">
        <v>37</v>
      </c>
      <c r="AJ33064">
        <v>37</v>
      </c>
      <c r="AK33064">
        <v>37</v>
      </c>
      <c r="AL33064">
        <v>37</v>
      </c>
      <c r="AM33064">
        <v>38</v>
      </c>
      <c r="AN33064">
        <v>38</v>
      </c>
      <c r="AO33064">
        <v>38</v>
      </c>
      <c r="AP33064">
        <v>39</v>
      </c>
      <c r="AQ33064">
        <v>39</v>
      </c>
    </row>
    <row r="33065" spans="1:43">
      <c r="A33065" t="s">
        <v>20483</v>
      </c>
      <c r="B33065" t="s">
        <v>20484</v>
      </c>
      <c r="C33065" t="s">
        <v>20479</v>
      </c>
      <c r="D33065" t="s">
        <v>20480</v>
      </c>
      <c r="E33065" t="s">
        <v>20437</v>
      </c>
      <c r="F33065" t="s">
        <v>20438</v>
      </c>
      <c r="G33065" t="s">
        <v>20255</v>
      </c>
      <c r="H33065" t="s">
        <v>20256</v>
      </c>
      <c r="I33065" s="2">
        <v>1</v>
      </c>
      <c r="J33065" s="2">
        <v>0</v>
      </c>
      <c r="K33065" s="2">
        <v>0</v>
      </c>
      <c r="L33065" t="s">
        <v>120</v>
      </c>
      <c r="M33065" t="s">
        <v>83</v>
      </c>
      <c r="N33065" t="s">
        <v>91</v>
      </c>
      <c r="O33065" t="s">
        <v>85</v>
      </c>
      <c r="P33065" t="s">
        <v>86</v>
      </c>
      <c r="Q33065">
        <v>26</v>
      </c>
      <c r="R33065">
        <v>26</v>
      </c>
      <c r="S33065">
        <v>27</v>
      </c>
      <c r="T33065">
        <v>27</v>
      </c>
      <c r="U33065">
        <v>28</v>
      </c>
      <c r="V33065">
        <v>28</v>
      </c>
      <c r="W33065">
        <v>29</v>
      </c>
      <c r="X33065">
        <v>29</v>
      </c>
      <c r="Y33065">
        <v>30</v>
      </c>
      <c r="Z33065">
        <v>31</v>
      </c>
      <c r="AA33065">
        <v>31</v>
      </c>
      <c r="AB33065">
        <v>32</v>
      </c>
      <c r="AC33065">
        <v>32</v>
      </c>
      <c r="AD33065">
        <v>33</v>
      </c>
      <c r="AE33065">
        <v>33</v>
      </c>
      <c r="AF33065">
        <v>34</v>
      </c>
      <c r="AG33065">
        <v>34</v>
      </c>
      <c r="AH33065">
        <v>35</v>
      </c>
      <c r="AI33065">
        <v>35</v>
      </c>
      <c r="AJ33065">
        <v>36</v>
      </c>
      <c r="AK33065">
        <v>37</v>
      </c>
      <c r="AL33065">
        <v>37</v>
      </c>
      <c r="AM33065">
        <v>37</v>
      </c>
      <c r="AN33065">
        <v>38</v>
      </c>
      <c r="AO33065">
        <v>38</v>
      </c>
      <c r="AP33065">
        <v>38</v>
      </c>
      <c r="AQ33065">
        <v>39</v>
      </c>
    </row>
    <row r="33066" spans="1:43">
      <c r="A33066" t="s">
        <v>20485</v>
      </c>
      <c r="B33066" t="s">
        <v>20486</v>
      </c>
      <c r="C33066" t="s">
        <v>20479</v>
      </c>
      <c r="D33066" t="s">
        <v>20480</v>
      </c>
      <c r="E33066" t="s">
        <v>20437</v>
      </c>
      <c r="F33066" t="s">
        <v>20438</v>
      </c>
      <c r="G33066" t="s">
        <v>20255</v>
      </c>
      <c r="H33066" t="s">
        <v>20256</v>
      </c>
      <c r="I33066" s="2">
        <v>1</v>
      </c>
      <c r="J33066" s="2">
        <v>0</v>
      </c>
      <c r="K33066" s="2">
        <v>0</v>
      </c>
      <c r="L33066" t="s">
        <v>120</v>
      </c>
      <c r="M33066" t="s">
        <v>83</v>
      </c>
      <c r="N33066" t="s">
        <v>84</v>
      </c>
      <c r="O33066" t="s">
        <v>85</v>
      </c>
      <c r="P33066" t="s">
        <v>86</v>
      </c>
      <c r="Q33066">
        <v>24</v>
      </c>
      <c r="R33066">
        <v>25</v>
      </c>
      <c r="S33066">
        <v>25</v>
      </c>
      <c r="T33066">
        <v>26</v>
      </c>
      <c r="U33066">
        <v>26</v>
      </c>
      <c r="V33066">
        <v>27</v>
      </c>
      <c r="W33066">
        <v>27</v>
      </c>
      <c r="X33066">
        <v>28</v>
      </c>
      <c r="Y33066">
        <v>28</v>
      </c>
      <c r="Z33066">
        <v>29</v>
      </c>
      <c r="AA33066">
        <v>29</v>
      </c>
      <c r="AB33066">
        <v>30</v>
      </c>
      <c r="AC33066">
        <v>30</v>
      </c>
      <c r="AD33066">
        <v>31</v>
      </c>
      <c r="AE33066">
        <v>31</v>
      </c>
      <c r="AF33066">
        <v>32</v>
      </c>
      <c r="AG33066">
        <v>32</v>
      </c>
      <c r="AH33066">
        <v>33</v>
      </c>
      <c r="AI33066">
        <v>33</v>
      </c>
      <c r="AJ33066">
        <v>34</v>
      </c>
      <c r="AK33066">
        <v>34</v>
      </c>
      <c r="AL33066">
        <v>35</v>
      </c>
      <c r="AM33066">
        <v>35</v>
      </c>
      <c r="AN33066">
        <v>35</v>
      </c>
      <c r="AO33066">
        <v>36</v>
      </c>
      <c r="AP33066">
        <v>36</v>
      </c>
      <c r="AQ33066">
        <v>36</v>
      </c>
    </row>
    <row r="33067" spans="1:43">
      <c r="A33067" t="s">
        <v>20485</v>
      </c>
      <c r="B33067" t="s">
        <v>20486</v>
      </c>
      <c r="C33067" t="s">
        <v>20479</v>
      </c>
      <c r="D33067" t="s">
        <v>20480</v>
      </c>
      <c r="E33067" t="s">
        <v>20437</v>
      </c>
      <c r="F33067" t="s">
        <v>20438</v>
      </c>
      <c r="G33067" t="s">
        <v>20255</v>
      </c>
      <c r="H33067" t="s">
        <v>20256</v>
      </c>
      <c r="I33067" s="2">
        <v>1</v>
      </c>
      <c r="J33067" s="2">
        <v>0</v>
      </c>
      <c r="K33067" s="2">
        <v>0</v>
      </c>
      <c r="L33067" t="s">
        <v>120</v>
      </c>
      <c r="M33067" t="s">
        <v>87</v>
      </c>
      <c r="N33067" t="s">
        <v>88</v>
      </c>
      <c r="O33067" t="s">
        <v>85</v>
      </c>
      <c r="P33067" t="s">
        <v>86</v>
      </c>
      <c r="Q33067">
        <v>24</v>
      </c>
      <c r="R33067">
        <v>24</v>
      </c>
      <c r="S33067">
        <v>24</v>
      </c>
      <c r="T33067">
        <v>25</v>
      </c>
      <c r="U33067">
        <v>25</v>
      </c>
      <c r="V33067">
        <v>25</v>
      </c>
      <c r="W33067">
        <v>26</v>
      </c>
      <c r="X33067">
        <v>26</v>
      </c>
      <c r="Y33067">
        <v>26</v>
      </c>
      <c r="Z33067">
        <v>26</v>
      </c>
      <c r="AA33067">
        <v>27</v>
      </c>
      <c r="AB33067">
        <v>27</v>
      </c>
      <c r="AC33067">
        <v>27</v>
      </c>
      <c r="AD33067">
        <v>27</v>
      </c>
      <c r="AE33067">
        <v>28</v>
      </c>
      <c r="AF33067">
        <v>28</v>
      </c>
      <c r="AG33067">
        <v>28</v>
      </c>
      <c r="AH33067">
        <v>29</v>
      </c>
      <c r="AI33067">
        <v>29</v>
      </c>
      <c r="AJ33067">
        <v>29</v>
      </c>
      <c r="AK33067">
        <v>30</v>
      </c>
      <c r="AL33067">
        <v>30</v>
      </c>
      <c r="AM33067">
        <v>30</v>
      </c>
      <c r="AN33067">
        <v>31</v>
      </c>
      <c r="AO33067">
        <v>31</v>
      </c>
      <c r="AP33067">
        <v>31</v>
      </c>
      <c r="AQ33067">
        <v>32</v>
      </c>
    </row>
    <row r="33068" spans="1:43">
      <c r="A33068" t="s">
        <v>20485</v>
      </c>
      <c r="B33068" t="s">
        <v>20486</v>
      </c>
      <c r="C33068" t="s">
        <v>20479</v>
      </c>
      <c r="D33068" t="s">
        <v>20480</v>
      </c>
      <c r="E33068" t="s">
        <v>20437</v>
      </c>
      <c r="F33068" t="s">
        <v>20438</v>
      </c>
      <c r="G33068" t="s">
        <v>20255</v>
      </c>
      <c r="H33068" t="s">
        <v>20256</v>
      </c>
      <c r="I33068" s="2">
        <v>1</v>
      </c>
      <c r="J33068" s="2">
        <v>0</v>
      </c>
      <c r="K33068" s="2">
        <v>0</v>
      </c>
      <c r="L33068" t="s">
        <v>120</v>
      </c>
      <c r="M33068" t="s">
        <v>89</v>
      </c>
      <c r="N33068" t="s">
        <v>90</v>
      </c>
      <c r="O33068" t="s">
        <v>85</v>
      </c>
      <c r="P33068" t="s">
        <v>86</v>
      </c>
      <c r="Q33068">
        <v>24</v>
      </c>
      <c r="R33068">
        <v>25</v>
      </c>
      <c r="S33068">
        <v>26</v>
      </c>
      <c r="T33068">
        <v>27</v>
      </c>
      <c r="U33068">
        <v>27</v>
      </c>
      <c r="V33068">
        <v>28</v>
      </c>
      <c r="W33068">
        <v>28</v>
      </c>
      <c r="X33068">
        <v>29</v>
      </c>
      <c r="Y33068">
        <v>30</v>
      </c>
      <c r="Z33068">
        <v>30</v>
      </c>
      <c r="AA33068">
        <v>31</v>
      </c>
      <c r="AB33068">
        <v>31</v>
      </c>
      <c r="AC33068">
        <v>32</v>
      </c>
      <c r="AD33068">
        <v>33</v>
      </c>
      <c r="AE33068">
        <v>33</v>
      </c>
      <c r="AF33068">
        <v>33</v>
      </c>
      <c r="AG33068">
        <v>34</v>
      </c>
      <c r="AH33068">
        <v>34</v>
      </c>
      <c r="AI33068">
        <v>34</v>
      </c>
      <c r="AJ33068">
        <v>35</v>
      </c>
      <c r="AK33068">
        <v>35</v>
      </c>
      <c r="AL33068">
        <v>35</v>
      </c>
      <c r="AM33068">
        <v>35</v>
      </c>
      <c r="AN33068">
        <v>36</v>
      </c>
      <c r="AO33068">
        <v>36</v>
      </c>
      <c r="AP33068">
        <v>36</v>
      </c>
      <c r="AQ33068">
        <v>37</v>
      </c>
    </row>
    <row r="33069" spans="1:43">
      <c r="A33069" t="s">
        <v>20485</v>
      </c>
      <c r="B33069" t="s">
        <v>20486</v>
      </c>
      <c r="C33069" t="s">
        <v>20479</v>
      </c>
      <c r="D33069" t="s">
        <v>20480</v>
      </c>
      <c r="E33069" t="s">
        <v>20437</v>
      </c>
      <c r="F33069" t="s">
        <v>20438</v>
      </c>
      <c r="G33069" t="s">
        <v>20255</v>
      </c>
      <c r="H33069" t="s">
        <v>20256</v>
      </c>
      <c r="I33069" s="2">
        <v>1</v>
      </c>
      <c r="J33069" s="2">
        <v>0</v>
      </c>
      <c r="K33069" s="2">
        <v>0</v>
      </c>
      <c r="L33069" t="s">
        <v>120</v>
      </c>
      <c r="M33069" t="s">
        <v>83</v>
      </c>
      <c r="N33069" t="s">
        <v>91</v>
      </c>
      <c r="O33069" t="s">
        <v>85</v>
      </c>
      <c r="P33069" t="s">
        <v>86</v>
      </c>
      <c r="Q33069">
        <v>24</v>
      </c>
      <c r="R33069">
        <v>25</v>
      </c>
      <c r="S33069">
        <v>25</v>
      </c>
      <c r="T33069">
        <v>26</v>
      </c>
      <c r="U33069">
        <v>26</v>
      </c>
      <c r="V33069">
        <v>27</v>
      </c>
      <c r="W33069">
        <v>27</v>
      </c>
      <c r="X33069">
        <v>28</v>
      </c>
      <c r="Y33069">
        <v>28</v>
      </c>
      <c r="Z33069">
        <v>29</v>
      </c>
      <c r="AA33069">
        <v>29</v>
      </c>
      <c r="AB33069">
        <v>30</v>
      </c>
      <c r="AC33069">
        <v>30</v>
      </c>
      <c r="AD33069">
        <v>31</v>
      </c>
      <c r="AE33069">
        <v>31</v>
      </c>
      <c r="AF33069">
        <v>32</v>
      </c>
      <c r="AG33069">
        <v>32</v>
      </c>
      <c r="AH33069">
        <v>33</v>
      </c>
      <c r="AI33069">
        <v>33</v>
      </c>
      <c r="AJ33069">
        <v>34</v>
      </c>
      <c r="AK33069">
        <v>34</v>
      </c>
      <c r="AL33069">
        <v>35</v>
      </c>
      <c r="AM33069">
        <v>35</v>
      </c>
      <c r="AN33069">
        <v>35</v>
      </c>
      <c r="AO33069">
        <v>36</v>
      </c>
      <c r="AP33069">
        <v>36</v>
      </c>
      <c r="AQ33069">
        <v>36</v>
      </c>
    </row>
    <row r="33070" spans="1:43">
      <c r="A33070" t="s">
        <v>20487</v>
      </c>
      <c r="B33070" t="s">
        <v>20488</v>
      </c>
      <c r="C33070" t="s">
        <v>20489</v>
      </c>
      <c r="D33070" t="s">
        <v>20490</v>
      </c>
      <c r="E33070" t="s">
        <v>20437</v>
      </c>
      <c r="F33070" t="s">
        <v>20438</v>
      </c>
      <c r="G33070" t="s">
        <v>20255</v>
      </c>
      <c r="H33070" t="s">
        <v>20256</v>
      </c>
      <c r="I33070" s="2">
        <v>1</v>
      </c>
      <c r="J33070" s="2">
        <v>0</v>
      </c>
      <c r="K33070" s="2">
        <v>0</v>
      </c>
      <c r="L33070" t="s">
        <v>120</v>
      </c>
      <c r="M33070" t="s">
        <v>83</v>
      </c>
      <c r="N33070" t="s">
        <v>84</v>
      </c>
      <c r="O33070" t="s">
        <v>85</v>
      </c>
      <c r="P33070" t="s">
        <v>86</v>
      </c>
      <c r="Q33070">
        <v>5</v>
      </c>
      <c r="R33070">
        <v>5</v>
      </c>
      <c r="S33070">
        <v>6</v>
      </c>
      <c r="T33070">
        <v>6</v>
      </c>
      <c r="U33070">
        <v>6</v>
      </c>
      <c r="V33070">
        <v>6</v>
      </c>
      <c r="W33070">
        <v>6</v>
      </c>
      <c r="X33070">
        <v>6</v>
      </c>
      <c r="Y33070">
        <v>6</v>
      </c>
      <c r="Z33070">
        <v>6</v>
      </c>
      <c r="AA33070">
        <v>6</v>
      </c>
      <c r="AB33070">
        <v>6</v>
      </c>
      <c r="AC33070">
        <v>7</v>
      </c>
      <c r="AD33070">
        <v>7</v>
      </c>
      <c r="AE33070">
        <v>7</v>
      </c>
      <c r="AF33070">
        <v>7</v>
      </c>
      <c r="AG33070">
        <v>7</v>
      </c>
      <c r="AH33070">
        <v>7</v>
      </c>
      <c r="AI33070">
        <v>7</v>
      </c>
      <c r="AJ33070">
        <v>7</v>
      </c>
      <c r="AK33070">
        <v>8</v>
      </c>
      <c r="AL33070">
        <v>8</v>
      </c>
      <c r="AM33070">
        <v>8</v>
      </c>
      <c r="AN33070">
        <v>8</v>
      </c>
      <c r="AO33070">
        <v>8</v>
      </c>
      <c r="AP33070">
        <v>8</v>
      </c>
      <c r="AQ33070">
        <v>8</v>
      </c>
    </row>
    <row r="33071" spans="1:43">
      <c r="A33071" t="s">
        <v>20487</v>
      </c>
      <c r="B33071" t="s">
        <v>20488</v>
      </c>
      <c r="C33071" t="s">
        <v>20489</v>
      </c>
      <c r="D33071" t="s">
        <v>20490</v>
      </c>
      <c r="E33071" t="s">
        <v>20437</v>
      </c>
      <c r="F33071" t="s">
        <v>20438</v>
      </c>
      <c r="G33071" t="s">
        <v>20255</v>
      </c>
      <c r="H33071" t="s">
        <v>20256</v>
      </c>
      <c r="I33071" s="2">
        <v>1</v>
      </c>
      <c r="J33071" s="2">
        <v>0</v>
      </c>
      <c r="K33071" s="2">
        <v>0</v>
      </c>
      <c r="L33071" t="s">
        <v>120</v>
      </c>
      <c r="M33071" t="s">
        <v>87</v>
      </c>
      <c r="N33071" t="s">
        <v>88</v>
      </c>
      <c r="O33071" t="s">
        <v>85</v>
      </c>
      <c r="P33071" t="s">
        <v>86</v>
      </c>
      <c r="Q33071">
        <v>5</v>
      </c>
      <c r="R33071">
        <v>5</v>
      </c>
      <c r="S33071">
        <v>5</v>
      </c>
      <c r="T33071">
        <v>5</v>
      </c>
      <c r="U33071">
        <v>5</v>
      </c>
      <c r="V33071">
        <v>6</v>
      </c>
      <c r="W33071">
        <v>6</v>
      </c>
      <c r="X33071">
        <v>6</v>
      </c>
      <c r="Y33071">
        <v>6</v>
      </c>
      <c r="Z33071">
        <v>6</v>
      </c>
      <c r="AA33071">
        <v>6</v>
      </c>
      <c r="AB33071">
        <v>6</v>
      </c>
      <c r="AC33071">
        <v>6</v>
      </c>
      <c r="AD33071">
        <v>6</v>
      </c>
      <c r="AE33071">
        <v>6</v>
      </c>
      <c r="AF33071">
        <v>6</v>
      </c>
      <c r="AG33071">
        <v>6</v>
      </c>
      <c r="AH33071">
        <v>6</v>
      </c>
      <c r="AI33071">
        <v>6</v>
      </c>
      <c r="AJ33071">
        <v>6</v>
      </c>
      <c r="AK33071">
        <v>6</v>
      </c>
      <c r="AL33071">
        <v>7</v>
      </c>
      <c r="AM33071">
        <v>7</v>
      </c>
      <c r="AN33071">
        <v>7</v>
      </c>
      <c r="AO33071">
        <v>7</v>
      </c>
      <c r="AP33071">
        <v>7</v>
      </c>
      <c r="AQ33071">
        <v>7</v>
      </c>
    </row>
    <row r="33072" spans="1:43">
      <c r="A33072" t="s">
        <v>20487</v>
      </c>
      <c r="B33072" t="s">
        <v>20488</v>
      </c>
      <c r="C33072" t="s">
        <v>20489</v>
      </c>
      <c r="D33072" t="s">
        <v>20490</v>
      </c>
      <c r="E33072" t="s">
        <v>20437</v>
      </c>
      <c r="F33072" t="s">
        <v>20438</v>
      </c>
      <c r="G33072" t="s">
        <v>20255</v>
      </c>
      <c r="H33072" t="s">
        <v>20256</v>
      </c>
      <c r="I33072" s="2">
        <v>1</v>
      </c>
      <c r="J33072" s="2">
        <v>0</v>
      </c>
      <c r="K33072" s="2">
        <v>0</v>
      </c>
      <c r="L33072" t="s">
        <v>120</v>
      </c>
      <c r="M33072" t="s">
        <v>89</v>
      </c>
      <c r="N33072" t="s">
        <v>90</v>
      </c>
      <c r="O33072" t="s">
        <v>85</v>
      </c>
      <c r="P33072" t="s">
        <v>86</v>
      </c>
      <c r="Q33072">
        <v>5</v>
      </c>
      <c r="R33072">
        <v>5</v>
      </c>
      <c r="S33072">
        <v>6</v>
      </c>
      <c r="T33072">
        <v>6</v>
      </c>
      <c r="U33072">
        <v>6</v>
      </c>
      <c r="V33072">
        <v>6</v>
      </c>
      <c r="W33072">
        <v>6</v>
      </c>
      <c r="X33072">
        <v>6</v>
      </c>
      <c r="Y33072">
        <v>6</v>
      </c>
      <c r="Z33072">
        <v>7</v>
      </c>
      <c r="AA33072">
        <v>7</v>
      </c>
      <c r="AB33072">
        <v>7</v>
      </c>
      <c r="AC33072">
        <v>7</v>
      </c>
      <c r="AD33072">
        <v>7</v>
      </c>
      <c r="AE33072">
        <v>7</v>
      </c>
      <c r="AF33072">
        <v>7</v>
      </c>
      <c r="AG33072">
        <v>7</v>
      </c>
      <c r="AH33072">
        <v>7</v>
      </c>
      <c r="AI33072">
        <v>7</v>
      </c>
      <c r="AJ33072">
        <v>8</v>
      </c>
      <c r="AK33072">
        <v>8</v>
      </c>
      <c r="AL33072">
        <v>8</v>
      </c>
      <c r="AM33072">
        <v>8</v>
      </c>
      <c r="AN33072">
        <v>8</v>
      </c>
      <c r="AO33072">
        <v>8</v>
      </c>
      <c r="AP33072">
        <v>8</v>
      </c>
      <c r="AQ33072">
        <v>8</v>
      </c>
    </row>
    <row r="33073" spans="1:43">
      <c r="A33073" t="s">
        <v>20487</v>
      </c>
      <c r="B33073" t="s">
        <v>20488</v>
      </c>
      <c r="C33073" t="s">
        <v>20489</v>
      </c>
      <c r="D33073" t="s">
        <v>20490</v>
      </c>
      <c r="E33073" t="s">
        <v>20437</v>
      </c>
      <c r="F33073" t="s">
        <v>20438</v>
      </c>
      <c r="G33073" t="s">
        <v>20255</v>
      </c>
      <c r="H33073" t="s">
        <v>20256</v>
      </c>
      <c r="I33073" s="2">
        <v>1</v>
      </c>
      <c r="J33073" s="2">
        <v>0</v>
      </c>
      <c r="K33073" s="2">
        <v>0</v>
      </c>
      <c r="L33073" t="s">
        <v>120</v>
      </c>
      <c r="M33073" t="s">
        <v>83</v>
      </c>
      <c r="N33073" t="s">
        <v>91</v>
      </c>
      <c r="O33073" t="s">
        <v>85</v>
      </c>
      <c r="P33073" t="s">
        <v>86</v>
      </c>
      <c r="Q33073">
        <v>5</v>
      </c>
      <c r="R33073">
        <v>5</v>
      </c>
      <c r="S33073">
        <v>6</v>
      </c>
      <c r="T33073">
        <v>6</v>
      </c>
      <c r="U33073">
        <v>6</v>
      </c>
      <c r="V33073">
        <v>6</v>
      </c>
      <c r="W33073">
        <v>6</v>
      </c>
      <c r="X33073">
        <v>6</v>
      </c>
      <c r="Y33073">
        <v>6</v>
      </c>
      <c r="Z33073">
        <v>6</v>
      </c>
      <c r="AA33073">
        <v>6</v>
      </c>
      <c r="AB33073">
        <v>6</v>
      </c>
      <c r="AC33073">
        <v>7</v>
      </c>
      <c r="AD33073">
        <v>7</v>
      </c>
      <c r="AE33073">
        <v>7</v>
      </c>
      <c r="AF33073">
        <v>7</v>
      </c>
      <c r="AG33073">
        <v>7</v>
      </c>
      <c r="AH33073">
        <v>7</v>
      </c>
      <c r="AI33073">
        <v>7</v>
      </c>
      <c r="AJ33073">
        <v>7</v>
      </c>
      <c r="AK33073">
        <v>8</v>
      </c>
      <c r="AL33073">
        <v>8</v>
      </c>
      <c r="AM33073">
        <v>8</v>
      </c>
      <c r="AN33073">
        <v>8</v>
      </c>
      <c r="AO33073">
        <v>8</v>
      </c>
      <c r="AP33073">
        <v>8</v>
      </c>
      <c r="AQ33073">
        <v>8</v>
      </c>
    </row>
    <row r="33074" spans="1:43">
      <c r="A33074" t="s">
        <v>20491</v>
      </c>
      <c r="B33074" t="s">
        <v>20492</v>
      </c>
      <c r="C33074" t="s">
        <v>20489</v>
      </c>
      <c r="D33074" t="s">
        <v>20490</v>
      </c>
      <c r="E33074" t="s">
        <v>20437</v>
      </c>
      <c r="F33074" t="s">
        <v>20438</v>
      </c>
      <c r="G33074" t="s">
        <v>20255</v>
      </c>
      <c r="H33074" t="s">
        <v>20256</v>
      </c>
      <c r="I33074" s="2">
        <v>1</v>
      </c>
      <c r="J33074" s="2">
        <v>0</v>
      </c>
      <c r="K33074" s="2">
        <v>0</v>
      </c>
      <c r="L33074" t="s">
        <v>120</v>
      </c>
      <c r="M33074" t="s">
        <v>83</v>
      </c>
      <c r="N33074" t="s">
        <v>84</v>
      </c>
      <c r="O33074" t="s">
        <v>85</v>
      </c>
      <c r="P33074" t="s">
        <v>86</v>
      </c>
      <c r="Q33074">
        <v>16</v>
      </c>
      <c r="R33074">
        <v>16</v>
      </c>
      <c r="S33074">
        <v>16</v>
      </c>
      <c r="T33074">
        <v>17</v>
      </c>
      <c r="U33074">
        <v>17</v>
      </c>
      <c r="V33074">
        <v>17</v>
      </c>
      <c r="W33074">
        <v>18</v>
      </c>
      <c r="X33074">
        <v>18</v>
      </c>
      <c r="Y33074">
        <v>18</v>
      </c>
      <c r="Z33074">
        <v>19</v>
      </c>
      <c r="AA33074">
        <v>19</v>
      </c>
      <c r="AB33074">
        <v>19</v>
      </c>
      <c r="AC33074">
        <v>20</v>
      </c>
      <c r="AD33074">
        <v>20</v>
      </c>
      <c r="AE33074">
        <v>20</v>
      </c>
      <c r="AF33074">
        <v>21</v>
      </c>
      <c r="AG33074">
        <v>21</v>
      </c>
      <c r="AH33074">
        <v>21</v>
      </c>
      <c r="AI33074">
        <v>22</v>
      </c>
      <c r="AJ33074">
        <v>22</v>
      </c>
      <c r="AK33074">
        <v>22</v>
      </c>
      <c r="AL33074">
        <v>23</v>
      </c>
      <c r="AM33074">
        <v>23</v>
      </c>
      <c r="AN33074">
        <v>23</v>
      </c>
      <c r="AO33074">
        <v>23</v>
      </c>
      <c r="AP33074">
        <v>23</v>
      </c>
      <c r="AQ33074">
        <v>24</v>
      </c>
    </row>
    <row r="33075" spans="1:43">
      <c r="A33075" t="s">
        <v>20491</v>
      </c>
      <c r="B33075" t="s">
        <v>20492</v>
      </c>
      <c r="C33075" t="s">
        <v>20489</v>
      </c>
      <c r="D33075" t="s">
        <v>20490</v>
      </c>
      <c r="E33075" t="s">
        <v>20437</v>
      </c>
      <c r="F33075" t="s">
        <v>20438</v>
      </c>
      <c r="G33075" t="s">
        <v>20255</v>
      </c>
      <c r="H33075" t="s">
        <v>20256</v>
      </c>
      <c r="I33075" s="2">
        <v>1</v>
      </c>
      <c r="J33075" s="2">
        <v>0</v>
      </c>
      <c r="K33075" s="2">
        <v>0</v>
      </c>
      <c r="L33075" t="s">
        <v>120</v>
      </c>
      <c r="M33075" t="s">
        <v>87</v>
      </c>
      <c r="N33075" t="s">
        <v>88</v>
      </c>
      <c r="O33075" t="s">
        <v>85</v>
      </c>
      <c r="P33075" t="s">
        <v>86</v>
      </c>
      <c r="Q33075">
        <v>16</v>
      </c>
      <c r="R33075">
        <v>16</v>
      </c>
      <c r="S33075">
        <v>16</v>
      </c>
      <c r="T33075">
        <v>16</v>
      </c>
      <c r="U33075">
        <v>16</v>
      </c>
      <c r="V33075">
        <v>17</v>
      </c>
      <c r="W33075">
        <v>17</v>
      </c>
      <c r="X33075">
        <v>17</v>
      </c>
      <c r="Y33075">
        <v>17</v>
      </c>
      <c r="Z33075">
        <v>17</v>
      </c>
      <c r="AA33075">
        <v>17</v>
      </c>
      <c r="AB33075">
        <v>18</v>
      </c>
      <c r="AC33075">
        <v>18</v>
      </c>
      <c r="AD33075">
        <v>18</v>
      </c>
      <c r="AE33075">
        <v>18</v>
      </c>
      <c r="AF33075">
        <v>18</v>
      </c>
      <c r="AG33075">
        <v>19</v>
      </c>
      <c r="AH33075">
        <v>19</v>
      </c>
      <c r="AI33075">
        <v>19</v>
      </c>
      <c r="AJ33075">
        <v>19</v>
      </c>
      <c r="AK33075">
        <v>19</v>
      </c>
      <c r="AL33075">
        <v>20</v>
      </c>
      <c r="AM33075">
        <v>20</v>
      </c>
      <c r="AN33075">
        <v>20</v>
      </c>
      <c r="AO33075">
        <v>20</v>
      </c>
      <c r="AP33075">
        <v>21</v>
      </c>
      <c r="AQ33075">
        <v>21</v>
      </c>
    </row>
    <row r="33076" spans="1:43">
      <c r="A33076" t="s">
        <v>20491</v>
      </c>
      <c r="B33076" t="s">
        <v>20492</v>
      </c>
      <c r="C33076" t="s">
        <v>20489</v>
      </c>
      <c r="D33076" t="s">
        <v>20490</v>
      </c>
      <c r="E33076" t="s">
        <v>20437</v>
      </c>
      <c r="F33076" t="s">
        <v>20438</v>
      </c>
      <c r="G33076" t="s">
        <v>20255</v>
      </c>
      <c r="H33076" t="s">
        <v>20256</v>
      </c>
      <c r="I33076" s="2">
        <v>1</v>
      </c>
      <c r="J33076" s="2">
        <v>0</v>
      </c>
      <c r="K33076" s="2">
        <v>0</v>
      </c>
      <c r="L33076" t="s">
        <v>120</v>
      </c>
      <c r="M33076" t="s">
        <v>89</v>
      </c>
      <c r="N33076" t="s">
        <v>90</v>
      </c>
      <c r="O33076" t="s">
        <v>85</v>
      </c>
      <c r="P33076" t="s">
        <v>86</v>
      </c>
      <c r="Q33076">
        <v>16</v>
      </c>
      <c r="R33076">
        <v>16</v>
      </c>
      <c r="S33076">
        <v>17</v>
      </c>
      <c r="T33076">
        <v>17</v>
      </c>
      <c r="U33076">
        <v>18</v>
      </c>
      <c r="V33076">
        <v>18</v>
      </c>
      <c r="W33076">
        <v>19</v>
      </c>
      <c r="X33076">
        <v>19</v>
      </c>
      <c r="Y33076">
        <v>19</v>
      </c>
      <c r="Z33076">
        <v>20</v>
      </c>
      <c r="AA33076">
        <v>20</v>
      </c>
      <c r="AB33076">
        <v>21</v>
      </c>
      <c r="AC33076">
        <v>21</v>
      </c>
      <c r="AD33076">
        <v>21</v>
      </c>
      <c r="AE33076">
        <v>22</v>
      </c>
      <c r="AF33076">
        <v>22</v>
      </c>
      <c r="AG33076">
        <v>22</v>
      </c>
      <c r="AH33076">
        <v>22</v>
      </c>
      <c r="AI33076">
        <v>22</v>
      </c>
      <c r="AJ33076">
        <v>23</v>
      </c>
      <c r="AK33076">
        <v>23</v>
      </c>
      <c r="AL33076">
        <v>23</v>
      </c>
      <c r="AM33076">
        <v>23</v>
      </c>
      <c r="AN33076">
        <v>23</v>
      </c>
      <c r="AO33076">
        <v>23</v>
      </c>
      <c r="AP33076">
        <v>24</v>
      </c>
      <c r="AQ33076">
        <v>24</v>
      </c>
    </row>
    <row r="33077" spans="1:43">
      <c r="A33077" t="s">
        <v>20491</v>
      </c>
      <c r="B33077" t="s">
        <v>20492</v>
      </c>
      <c r="C33077" t="s">
        <v>20489</v>
      </c>
      <c r="D33077" t="s">
        <v>20490</v>
      </c>
      <c r="E33077" t="s">
        <v>20437</v>
      </c>
      <c r="F33077" t="s">
        <v>20438</v>
      </c>
      <c r="G33077" t="s">
        <v>20255</v>
      </c>
      <c r="H33077" t="s">
        <v>20256</v>
      </c>
      <c r="I33077" s="2">
        <v>1</v>
      </c>
      <c r="J33077" s="2">
        <v>0</v>
      </c>
      <c r="K33077" s="2">
        <v>0</v>
      </c>
      <c r="L33077" t="s">
        <v>120</v>
      </c>
      <c r="M33077" t="s">
        <v>83</v>
      </c>
      <c r="N33077" t="s">
        <v>91</v>
      </c>
      <c r="O33077" t="s">
        <v>85</v>
      </c>
      <c r="P33077" t="s">
        <v>86</v>
      </c>
      <c r="Q33077">
        <v>16</v>
      </c>
      <c r="R33077">
        <v>16</v>
      </c>
      <c r="S33077">
        <v>16</v>
      </c>
      <c r="T33077">
        <v>17</v>
      </c>
      <c r="U33077">
        <v>17</v>
      </c>
      <c r="V33077">
        <v>17</v>
      </c>
      <c r="W33077">
        <v>18</v>
      </c>
      <c r="X33077">
        <v>18</v>
      </c>
      <c r="Y33077">
        <v>18</v>
      </c>
      <c r="Z33077">
        <v>19</v>
      </c>
      <c r="AA33077">
        <v>19</v>
      </c>
      <c r="AB33077">
        <v>19</v>
      </c>
      <c r="AC33077">
        <v>20</v>
      </c>
      <c r="AD33077">
        <v>20</v>
      </c>
      <c r="AE33077">
        <v>20</v>
      </c>
      <c r="AF33077">
        <v>21</v>
      </c>
      <c r="AG33077">
        <v>21</v>
      </c>
      <c r="AH33077">
        <v>21</v>
      </c>
      <c r="AI33077">
        <v>22</v>
      </c>
      <c r="AJ33077">
        <v>22</v>
      </c>
      <c r="AK33077">
        <v>22</v>
      </c>
      <c r="AL33077">
        <v>23</v>
      </c>
      <c r="AM33077">
        <v>23</v>
      </c>
      <c r="AN33077">
        <v>23</v>
      </c>
      <c r="AO33077">
        <v>23</v>
      </c>
      <c r="AP33077">
        <v>23</v>
      </c>
      <c r="AQ33077">
        <v>24</v>
      </c>
    </row>
    <row r="33078" spans="1:43">
      <c r="A33078" t="s">
        <v>20493</v>
      </c>
      <c r="B33078" t="s">
        <v>20494</v>
      </c>
      <c r="C33078" t="s">
        <v>20489</v>
      </c>
      <c r="D33078" t="s">
        <v>20490</v>
      </c>
      <c r="E33078" t="s">
        <v>20437</v>
      </c>
      <c r="F33078" t="s">
        <v>20438</v>
      </c>
      <c r="G33078" t="s">
        <v>20255</v>
      </c>
      <c r="H33078" t="s">
        <v>20256</v>
      </c>
      <c r="I33078" s="2">
        <v>1</v>
      </c>
      <c r="J33078" s="2">
        <v>0</v>
      </c>
      <c r="K33078" s="2">
        <v>0</v>
      </c>
      <c r="L33078" t="s">
        <v>120</v>
      </c>
      <c r="M33078" t="s">
        <v>83</v>
      </c>
      <c r="N33078" t="s">
        <v>84</v>
      </c>
      <c r="O33078" t="s">
        <v>85</v>
      </c>
      <c r="P33078" t="s">
        <v>86</v>
      </c>
      <c r="Q33078">
        <v>20</v>
      </c>
      <c r="R33078">
        <v>20</v>
      </c>
      <c r="S33078">
        <v>21</v>
      </c>
      <c r="T33078">
        <v>21</v>
      </c>
      <c r="U33078">
        <v>22</v>
      </c>
      <c r="V33078">
        <v>22</v>
      </c>
      <c r="W33078">
        <v>22</v>
      </c>
      <c r="X33078">
        <v>23</v>
      </c>
      <c r="Y33078">
        <v>23</v>
      </c>
      <c r="Z33078">
        <v>24</v>
      </c>
      <c r="AA33078">
        <v>24</v>
      </c>
      <c r="AB33078">
        <v>24</v>
      </c>
      <c r="AC33078">
        <v>25</v>
      </c>
      <c r="AD33078">
        <v>25</v>
      </c>
      <c r="AE33078">
        <v>26</v>
      </c>
      <c r="AF33078">
        <v>26</v>
      </c>
      <c r="AG33078">
        <v>26</v>
      </c>
      <c r="AH33078">
        <v>27</v>
      </c>
      <c r="AI33078">
        <v>27</v>
      </c>
      <c r="AJ33078">
        <v>28</v>
      </c>
      <c r="AK33078">
        <v>28</v>
      </c>
      <c r="AL33078">
        <v>29</v>
      </c>
      <c r="AM33078">
        <v>29</v>
      </c>
      <c r="AN33078">
        <v>29</v>
      </c>
      <c r="AO33078">
        <v>29</v>
      </c>
      <c r="AP33078">
        <v>30</v>
      </c>
      <c r="AQ33078">
        <v>30</v>
      </c>
    </row>
    <row r="33079" spans="1:43">
      <c r="A33079" t="s">
        <v>20493</v>
      </c>
      <c r="B33079" t="s">
        <v>20494</v>
      </c>
      <c r="C33079" t="s">
        <v>20489</v>
      </c>
      <c r="D33079" t="s">
        <v>20490</v>
      </c>
      <c r="E33079" t="s">
        <v>20437</v>
      </c>
      <c r="F33079" t="s">
        <v>20438</v>
      </c>
      <c r="G33079" t="s">
        <v>20255</v>
      </c>
      <c r="H33079" t="s">
        <v>20256</v>
      </c>
      <c r="I33079" s="2">
        <v>1</v>
      </c>
      <c r="J33079" s="2">
        <v>0</v>
      </c>
      <c r="K33079" s="2">
        <v>0</v>
      </c>
      <c r="L33079" t="s">
        <v>120</v>
      </c>
      <c r="M33079" t="s">
        <v>87</v>
      </c>
      <c r="N33079" t="s">
        <v>88</v>
      </c>
      <c r="O33079" t="s">
        <v>85</v>
      </c>
      <c r="P33079" t="s">
        <v>86</v>
      </c>
      <c r="Q33079">
        <v>20</v>
      </c>
      <c r="R33079">
        <v>20</v>
      </c>
      <c r="S33079">
        <v>20</v>
      </c>
      <c r="T33079">
        <v>20</v>
      </c>
      <c r="U33079">
        <v>21</v>
      </c>
      <c r="V33079">
        <v>21</v>
      </c>
      <c r="W33079">
        <v>21</v>
      </c>
      <c r="X33079">
        <v>21</v>
      </c>
      <c r="Y33079">
        <v>21</v>
      </c>
      <c r="Z33079">
        <v>22</v>
      </c>
      <c r="AA33079">
        <v>22</v>
      </c>
      <c r="AB33079">
        <v>22</v>
      </c>
      <c r="AC33079">
        <v>22</v>
      </c>
      <c r="AD33079">
        <v>23</v>
      </c>
      <c r="AE33079">
        <v>23</v>
      </c>
      <c r="AF33079">
        <v>23</v>
      </c>
      <c r="AG33079">
        <v>23</v>
      </c>
      <c r="AH33079">
        <v>24</v>
      </c>
      <c r="AI33079">
        <v>24</v>
      </c>
      <c r="AJ33079">
        <v>24</v>
      </c>
      <c r="AK33079">
        <v>24</v>
      </c>
      <c r="AL33079">
        <v>25</v>
      </c>
      <c r="AM33079">
        <v>25</v>
      </c>
      <c r="AN33079">
        <v>25</v>
      </c>
      <c r="AO33079">
        <v>26</v>
      </c>
      <c r="AP33079">
        <v>26</v>
      </c>
      <c r="AQ33079">
        <v>26</v>
      </c>
    </row>
    <row r="33080" spans="1:43">
      <c r="A33080" t="s">
        <v>20493</v>
      </c>
      <c r="B33080" t="s">
        <v>20494</v>
      </c>
      <c r="C33080" t="s">
        <v>20489</v>
      </c>
      <c r="D33080" t="s">
        <v>20490</v>
      </c>
      <c r="E33080" t="s">
        <v>20437</v>
      </c>
      <c r="F33080" t="s">
        <v>20438</v>
      </c>
      <c r="G33080" t="s">
        <v>20255</v>
      </c>
      <c r="H33080" t="s">
        <v>20256</v>
      </c>
      <c r="I33080" s="2">
        <v>1</v>
      </c>
      <c r="J33080" s="2">
        <v>0</v>
      </c>
      <c r="K33080" s="2">
        <v>0</v>
      </c>
      <c r="L33080" t="s">
        <v>120</v>
      </c>
      <c r="M33080" t="s">
        <v>89</v>
      </c>
      <c r="N33080" t="s">
        <v>90</v>
      </c>
      <c r="O33080" t="s">
        <v>85</v>
      </c>
      <c r="P33080" t="s">
        <v>86</v>
      </c>
      <c r="Q33080">
        <v>20</v>
      </c>
      <c r="R33080">
        <v>21</v>
      </c>
      <c r="S33080">
        <v>21</v>
      </c>
      <c r="T33080">
        <v>22</v>
      </c>
      <c r="U33080">
        <v>22</v>
      </c>
      <c r="V33080">
        <v>23</v>
      </c>
      <c r="W33080">
        <v>23</v>
      </c>
      <c r="X33080">
        <v>24</v>
      </c>
      <c r="Y33080">
        <v>24</v>
      </c>
      <c r="Z33080">
        <v>25</v>
      </c>
      <c r="AA33080">
        <v>25</v>
      </c>
      <c r="AB33080">
        <v>26</v>
      </c>
      <c r="AC33080">
        <v>26</v>
      </c>
      <c r="AD33080">
        <v>27</v>
      </c>
      <c r="AE33080">
        <v>27</v>
      </c>
      <c r="AF33080">
        <v>28</v>
      </c>
      <c r="AG33080">
        <v>28</v>
      </c>
      <c r="AH33080">
        <v>28</v>
      </c>
      <c r="AI33080">
        <v>28</v>
      </c>
      <c r="AJ33080">
        <v>28</v>
      </c>
      <c r="AK33080">
        <v>29</v>
      </c>
      <c r="AL33080">
        <v>29</v>
      </c>
      <c r="AM33080">
        <v>29</v>
      </c>
      <c r="AN33080">
        <v>29</v>
      </c>
      <c r="AO33080">
        <v>30</v>
      </c>
      <c r="AP33080">
        <v>30</v>
      </c>
      <c r="AQ33080">
        <v>30</v>
      </c>
    </row>
    <row r="33081" spans="1:43">
      <c r="A33081" t="s">
        <v>20493</v>
      </c>
      <c r="B33081" t="s">
        <v>20494</v>
      </c>
      <c r="C33081" t="s">
        <v>20489</v>
      </c>
      <c r="D33081" t="s">
        <v>20490</v>
      </c>
      <c r="E33081" t="s">
        <v>20437</v>
      </c>
      <c r="F33081" t="s">
        <v>20438</v>
      </c>
      <c r="G33081" t="s">
        <v>20255</v>
      </c>
      <c r="H33081" t="s">
        <v>20256</v>
      </c>
      <c r="I33081" s="2">
        <v>1</v>
      </c>
      <c r="J33081" s="2">
        <v>0</v>
      </c>
      <c r="K33081" s="2">
        <v>0</v>
      </c>
      <c r="L33081" t="s">
        <v>120</v>
      </c>
      <c r="M33081" t="s">
        <v>83</v>
      </c>
      <c r="N33081" t="s">
        <v>91</v>
      </c>
      <c r="O33081" t="s">
        <v>85</v>
      </c>
      <c r="P33081" t="s">
        <v>86</v>
      </c>
      <c r="Q33081">
        <v>20</v>
      </c>
      <c r="R33081">
        <v>20</v>
      </c>
      <c r="S33081">
        <v>21</v>
      </c>
      <c r="T33081">
        <v>21</v>
      </c>
      <c r="U33081">
        <v>22</v>
      </c>
      <c r="V33081">
        <v>22</v>
      </c>
      <c r="W33081">
        <v>22</v>
      </c>
      <c r="X33081">
        <v>23</v>
      </c>
      <c r="Y33081">
        <v>23</v>
      </c>
      <c r="Z33081">
        <v>24</v>
      </c>
      <c r="AA33081">
        <v>24</v>
      </c>
      <c r="AB33081">
        <v>24</v>
      </c>
      <c r="AC33081">
        <v>25</v>
      </c>
      <c r="AD33081">
        <v>25</v>
      </c>
      <c r="AE33081">
        <v>26</v>
      </c>
      <c r="AF33081">
        <v>26</v>
      </c>
      <c r="AG33081">
        <v>26</v>
      </c>
      <c r="AH33081">
        <v>27</v>
      </c>
      <c r="AI33081">
        <v>27</v>
      </c>
      <c r="AJ33081">
        <v>28</v>
      </c>
      <c r="AK33081">
        <v>28</v>
      </c>
      <c r="AL33081">
        <v>29</v>
      </c>
      <c r="AM33081">
        <v>29</v>
      </c>
      <c r="AN33081">
        <v>29</v>
      </c>
      <c r="AO33081">
        <v>29</v>
      </c>
      <c r="AP33081">
        <v>30</v>
      </c>
      <c r="AQ33081">
        <v>30</v>
      </c>
    </row>
    <row r="33082" spans="1:43">
      <c r="A33082" t="s">
        <v>20495</v>
      </c>
      <c r="B33082" t="s">
        <v>20496</v>
      </c>
      <c r="C33082" t="s">
        <v>20489</v>
      </c>
      <c r="D33082" t="s">
        <v>20490</v>
      </c>
      <c r="E33082" t="s">
        <v>20437</v>
      </c>
      <c r="F33082" t="s">
        <v>20438</v>
      </c>
      <c r="G33082" t="s">
        <v>20255</v>
      </c>
      <c r="H33082" t="s">
        <v>20256</v>
      </c>
      <c r="I33082" s="2">
        <v>1</v>
      </c>
      <c r="J33082" s="2">
        <v>0</v>
      </c>
      <c r="K33082" s="2">
        <v>0</v>
      </c>
      <c r="L33082" t="s">
        <v>120</v>
      </c>
      <c r="M33082" t="s">
        <v>83</v>
      </c>
      <c r="N33082" t="s">
        <v>84</v>
      </c>
      <c r="O33082" t="s">
        <v>85</v>
      </c>
      <c r="P33082" t="s">
        <v>86</v>
      </c>
      <c r="Q33082">
        <v>29</v>
      </c>
      <c r="R33082">
        <v>30</v>
      </c>
      <c r="S33082">
        <v>30</v>
      </c>
      <c r="T33082">
        <v>31</v>
      </c>
      <c r="U33082">
        <v>31</v>
      </c>
      <c r="V33082">
        <v>32</v>
      </c>
      <c r="W33082">
        <v>33</v>
      </c>
      <c r="X33082">
        <v>33</v>
      </c>
      <c r="Y33082">
        <v>34</v>
      </c>
      <c r="Z33082">
        <v>34</v>
      </c>
      <c r="AA33082">
        <v>35</v>
      </c>
      <c r="AB33082">
        <v>36</v>
      </c>
      <c r="AC33082">
        <v>36</v>
      </c>
      <c r="AD33082">
        <v>37</v>
      </c>
      <c r="AE33082">
        <v>37</v>
      </c>
      <c r="AF33082">
        <v>38</v>
      </c>
      <c r="AG33082">
        <v>39</v>
      </c>
      <c r="AH33082">
        <v>39</v>
      </c>
      <c r="AI33082">
        <v>40</v>
      </c>
      <c r="AJ33082">
        <v>40</v>
      </c>
      <c r="AK33082">
        <v>41</v>
      </c>
      <c r="AL33082">
        <v>42</v>
      </c>
      <c r="AM33082">
        <v>42</v>
      </c>
      <c r="AN33082">
        <v>42</v>
      </c>
      <c r="AO33082">
        <v>43</v>
      </c>
      <c r="AP33082">
        <v>43</v>
      </c>
      <c r="AQ33082">
        <v>43</v>
      </c>
    </row>
    <row r="33083" spans="1:43">
      <c r="A33083" t="s">
        <v>20495</v>
      </c>
      <c r="B33083" t="s">
        <v>20496</v>
      </c>
      <c r="C33083" t="s">
        <v>20489</v>
      </c>
      <c r="D33083" t="s">
        <v>20490</v>
      </c>
      <c r="E33083" t="s">
        <v>20437</v>
      </c>
      <c r="F33083" t="s">
        <v>20438</v>
      </c>
      <c r="G33083" t="s">
        <v>20255</v>
      </c>
      <c r="H33083" t="s">
        <v>20256</v>
      </c>
      <c r="I33083" s="2">
        <v>1</v>
      </c>
      <c r="J33083" s="2">
        <v>0</v>
      </c>
      <c r="K33083" s="2">
        <v>0</v>
      </c>
      <c r="L33083" t="s">
        <v>120</v>
      </c>
      <c r="M33083" t="s">
        <v>87</v>
      </c>
      <c r="N33083" t="s">
        <v>88</v>
      </c>
      <c r="O33083" t="s">
        <v>85</v>
      </c>
      <c r="P33083" t="s">
        <v>86</v>
      </c>
      <c r="Q33083">
        <v>29</v>
      </c>
      <c r="R33083">
        <v>29</v>
      </c>
      <c r="S33083">
        <v>29</v>
      </c>
      <c r="T33083">
        <v>30</v>
      </c>
      <c r="U33083">
        <v>30</v>
      </c>
      <c r="V33083">
        <v>30</v>
      </c>
      <c r="W33083">
        <v>31</v>
      </c>
      <c r="X33083">
        <v>31</v>
      </c>
      <c r="Y33083">
        <v>31</v>
      </c>
      <c r="Z33083">
        <v>32</v>
      </c>
      <c r="AA33083">
        <v>32</v>
      </c>
      <c r="AB33083">
        <v>32</v>
      </c>
      <c r="AC33083">
        <v>33</v>
      </c>
      <c r="AD33083">
        <v>33</v>
      </c>
      <c r="AE33083">
        <v>33</v>
      </c>
      <c r="AF33083">
        <v>34</v>
      </c>
      <c r="AG33083">
        <v>34</v>
      </c>
      <c r="AH33083">
        <v>34</v>
      </c>
      <c r="AI33083">
        <v>35</v>
      </c>
      <c r="AJ33083">
        <v>35</v>
      </c>
      <c r="AK33083">
        <v>36</v>
      </c>
      <c r="AL33083">
        <v>36</v>
      </c>
      <c r="AM33083">
        <v>36</v>
      </c>
      <c r="AN33083">
        <v>37</v>
      </c>
      <c r="AO33083">
        <v>37</v>
      </c>
      <c r="AP33083">
        <v>38</v>
      </c>
      <c r="AQ33083">
        <v>38</v>
      </c>
    </row>
    <row r="33084" spans="1:43">
      <c r="A33084" t="s">
        <v>20495</v>
      </c>
      <c r="B33084" t="s">
        <v>20496</v>
      </c>
      <c r="C33084" t="s">
        <v>20489</v>
      </c>
      <c r="D33084" t="s">
        <v>20490</v>
      </c>
      <c r="E33084" t="s">
        <v>20437</v>
      </c>
      <c r="F33084" t="s">
        <v>20438</v>
      </c>
      <c r="G33084" t="s">
        <v>20255</v>
      </c>
      <c r="H33084" t="s">
        <v>20256</v>
      </c>
      <c r="I33084" s="2">
        <v>1</v>
      </c>
      <c r="J33084" s="2">
        <v>0</v>
      </c>
      <c r="K33084" s="2">
        <v>0</v>
      </c>
      <c r="L33084" t="s">
        <v>120</v>
      </c>
      <c r="M33084" t="s">
        <v>89</v>
      </c>
      <c r="N33084" t="s">
        <v>90</v>
      </c>
      <c r="O33084" t="s">
        <v>85</v>
      </c>
      <c r="P33084" t="s">
        <v>86</v>
      </c>
      <c r="Q33084">
        <v>29</v>
      </c>
      <c r="R33084">
        <v>30</v>
      </c>
      <c r="S33084">
        <v>31</v>
      </c>
      <c r="T33084">
        <v>32</v>
      </c>
      <c r="U33084">
        <v>33</v>
      </c>
      <c r="V33084">
        <v>33</v>
      </c>
      <c r="W33084">
        <v>34</v>
      </c>
      <c r="X33084">
        <v>35</v>
      </c>
      <c r="Y33084">
        <v>36</v>
      </c>
      <c r="Z33084">
        <v>36</v>
      </c>
      <c r="AA33084">
        <v>37</v>
      </c>
      <c r="AB33084">
        <v>38</v>
      </c>
      <c r="AC33084">
        <v>38</v>
      </c>
      <c r="AD33084">
        <v>39</v>
      </c>
      <c r="AE33084">
        <v>40</v>
      </c>
      <c r="AF33084">
        <v>40</v>
      </c>
      <c r="AG33084">
        <v>40</v>
      </c>
      <c r="AH33084">
        <v>41</v>
      </c>
      <c r="AI33084">
        <v>41</v>
      </c>
      <c r="AJ33084">
        <v>41</v>
      </c>
      <c r="AK33084">
        <v>42</v>
      </c>
      <c r="AL33084">
        <v>42</v>
      </c>
      <c r="AM33084">
        <v>42</v>
      </c>
      <c r="AN33084">
        <v>43</v>
      </c>
      <c r="AO33084">
        <v>43</v>
      </c>
      <c r="AP33084">
        <v>43</v>
      </c>
      <c r="AQ33084">
        <v>44</v>
      </c>
    </row>
    <row r="33085" spans="1:43">
      <c r="A33085" t="s">
        <v>20495</v>
      </c>
      <c r="B33085" t="s">
        <v>20496</v>
      </c>
      <c r="C33085" t="s">
        <v>20489</v>
      </c>
      <c r="D33085" t="s">
        <v>20490</v>
      </c>
      <c r="E33085" t="s">
        <v>20437</v>
      </c>
      <c r="F33085" t="s">
        <v>20438</v>
      </c>
      <c r="G33085" t="s">
        <v>20255</v>
      </c>
      <c r="H33085" t="s">
        <v>20256</v>
      </c>
      <c r="I33085" s="2">
        <v>1</v>
      </c>
      <c r="J33085" s="2">
        <v>0</v>
      </c>
      <c r="K33085" s="2">
        <v>0</v>
      </c>
      <c r="L33085" t="s">
        <v>120</v>
      </c>
      <c r="M33085" t="s">
        <v>83</v>
      </c>
      <c r="N33085" t="s">
        <v>91</v>
      </c>
      <c r="O33085" t="s">
        <v>85</v>
      </c>
      <c r="P33085" t="s">
        <v>86</v>
      </c>
      <c r="Q33085">
        <v>29</v>
      </c>
      <c r="R33085">
        <v>30</v>
      </c>
      <c r="S33085">
        <v>30</v>
      </c>
      <c r="T33085">
        <v>31</v>
      </c>
      <c r="U33085">
        <v>31</v>
      </c>
      <c r="V33085">
        <v>32</v>
      </c>
      <c r="W33085">
        <v>33</v>
      </c>
      <c r="X33085">
        <v>33</v>
      </c>
      <c r="Y33085">
        <v>34</v>
      </c>
      <c r="Z33085">
        <v>34</v>
      </c>
      <c r="AA33085">
        <v>35</v>
      </c>
      <c r="AB33085">
        <v>36</v>
      </c>
      <c r="AC33085">
        <v>36</v>
      </c>
      <c r="AD33085">
        <v>37</v>
      </c>
      <c r="AE33085">
        <v>37</v>
      </c>
      <c r="AF33085">
        <v>38</v>
      </c>
      <c r="AG33085">
        <v>39</v>
      </c>
      <c r="AH33085">
        <v>39</v>
      </c>
      <c r="AI33085">
        <v>40</v>
      </c>
      <c r="AJ33085">
        <v>40</v>
      </c>
      <c r="AK33085">
        <v>41</v>
      </c>
      <c r="AL33085">
        <v>42</v>
      </c>
      <c r="AM33085">
        <v>42</v>
      </c>
      <c r="AN33085">
        <v>42</v>
      </c>
      <c r="AO33085">
        <v>43</v>
      </c>
      <c r="AP33085">
        <v>43</v>
      </c>
      <c r="AQ33085">
        <v>43</v>
      </c>
    </row>
    <row r="33086" spans="1:43">
      <c r="A33086" t="s">
        <v>20497</v>
      </c>
      <c r="B33086" t="s">
        <v>20498</v>
      </c>
      <c r="C33086" t="s">
        <v>20499</v>
      </c>
      <c r="D33086" t="s">
        <v>20500</v>
      </c>
      <c r="E33086" t="s">
        <v>20437</v>
      </c>
      <c r="F33086" t="s">
        <v>20438</v>
      </c>
      <c r="G33086" t="s">
        <v>20255</v>
      </c>
      <c r="H33086" t="s">
        <v>20256</v>
      </c>
      <c r="I33086" s="2">
        <v>1</v>
      </c>
      <c r="J33086" s="2">
        <v>0</v>
      </c>
      <c r="K33086" s="2">
        <v>0</v>
      </c>
      <c r="L33086" t="s">
        <v>120</v>
      </c>
      <c r="M33086" t="s">
        <v>83</v>
      </c>
      <c r="N33086" t="s">
        <v>84</v>
      </c>
      <c r="O33086" t="s">
        <v>85</v>
      </c>
      <c r="P33086" t="s">
        <v>86</v>
      </c>
      <c r="Q33086">
        <v>37</v>
      </c>
      <c r="R33086">
        <v>37</v>
      </c>
      <c r="S33086">
        <v>38</v>
      </c>
      <c r="T33086">
        <v>39</v>
      </c>
      <c r="U33086">
        <v>39</v>
      </c>
      <c r="V33086">
        <v>40</v>
      </c>
      <c r="W33086">
        <v>41</v>
      </c>
      <c r="X33086">
        <v>41</v>
      </c>
      <c r="Y33086">
        <v>42</v>
      </c>
      <c r="Z33086">
        <v>43</v>
      </c>
      <c r="AA33086">
        <v>43</v>
      </c>
      <c r="AB33086">
        <v>44</v>
      </c>
      <c r="AC33086">
        <v>45</v>
      </c>
      <c r="AD33086">
        <v>45</v>
      </c>
      <c r="AE33086">
        <v>46</v>
      </c>
      <c r="AF33086">
        <v>47</v>
      </c>
      <c r="AG33086">
        <v>48</v>
      </c>
      <c r="AH33086">
        <v>48</v>
      </c>
      <c r="AI33086">
        <v>49</v>
      </c>
      <c r="AJ33086">
        <v>50</v>
      </c>
      <c r="AK33086">
        <v>51</v>
      </c>
      <c r="AL33086">
        <v>51</v>
      </c>
      <c r="AM33086">
        <v>51</v>
      </c>
      <c r="AN33086">
        <v>52</v>
      </c>
      <c r="AO33086">
        <v>52</v>
      </c>
      <c r="AP33086">
        <v>52</v>
      </c>
      <c r="AQ33086">
        <v>53</v>
      </c>
    </row>
    <row r="33087" spans="1:43">
      <c r="A33087" t="s">
        <v>20497</v>
      </c>
      <c r="B33087" t="s">
        <v>20498</v>
      </c>
      <c r="C33087" t="s">
        <v>20499</v>
      </c>
      <c r="D33087" t="s">
        <v>20500</v>
      </c>
      <c r="E33087" t="s">
        <v>20437</v>
      </c>
      <c r="F33087" t="s">
        <v>20438</v>
      </c>
      <c r="G33087" t="s">
        <v>20255</v>
      </c>
      <c r="H33087" t="s">
        <v>20256</v>
      </c>
      <c r="I33087" s="2">
        <v>1</v>
      </c>
      <c r="J33087" s="2">
        <v>0</v>
      </c>
      <c r="K33087" s="2">
        <v>0</v>
      </c>
      <c r="L33087" t="s">
        <v>120</v>
      </c>
      <c r="M33087" t="s">
        <v>87</v>
      </c>
      <c r="N33087" t="s">
        <v>88</v>
      </c>
      <c r="O33087" t="s">
        <v>85</v>
      </c>
      <c r="P33087" t="s">
        <v>86</v>
      </c>
      <c r="Q33087">
        <v>37</v>
      </c>
      <c r="R33087">
        <v>38</v>
      </c>
      <c r="S33087">
        <v>38</v>
      </c>
      <c r="T33087">
        <v>38</v>
      </c>
      <c r="U33087">
        <v>38</v>
      </c>
      <c r="V33087">
        <v>39</v>
      </c>
      <c r="W33087">
        <v>39</v>
      </c>
      <c r="X33087">
        <v>39</v>
      </c>
      <c r="Y33087">
        <v>40</v>
      </c>
      <c r="Z33087">
        <v>40</v>
      </c>
      <c r="AA33087">
        <v>40</v>
      </c>
      <c r="AB33087">
        <v>41</v>
      </c>
      <c r="AC33087">
        <v>41</v>
      </c>
      <c r="AD33087">
        <v>41</v>
      </c>
      <c r="AE33087">
        <v>42</v>
      </c>
      <c r="AF33087">
        <v>42</v>
      </c>
      <c r="AG33087">
        <v>43</v>
      </c>
      <c r="AH33087">
        <v>43</v>
      </c>
      <c r="AI33087">
        <v>43</v>
      </c>
      <c r="AJ33087">
        <v>44</v>
      </c>
      <c r="AK33087">
        <v>44</v>
      </c>
      <c r="AL33087">
        <v>45</v>
      </c>
      <c r="AM33087">
        <v>45</v>
      </c>
      <c r="AN33087">
        <v>45</v>
      </c>
      <c r="AO33087">
        <v>46</v>
      </c>
      <c r="AP33087">
        <v>46</v>
      </c>
      <c r="AQ33087">
        <v>47</v>
      </c>
    </row>
    <row r="33088" spans="1:43">
      <c r="A33088" t="s">
        <v>20497</v>
      </c>
      <c r="B33088" t="s">
        <v>20498</v>
      </c>
      <c r="C33088" t="s">
        <v>20499</v>
      </c>
      <c r="D33088" t="s">
        <v>20500</v>
      </c>
      <c r="E33088" t="s">
        <v>20437</v>
      </c>
      <c r="F33088" t="s">
        <v>20438</v>
      </c>
      <c r="G33088" t="s">
        <v>20255</v>
      </c>
      <c r="H33088" t="s">
        <v>20256</v>
      </c>
      <c r="I33088" s="2">
        <v>1</v>
      </c>
      <c r="J33088" s="2">
        <v>0</v>
      </c>
      <c r="K33088" s="2">
        <v>0</v>
      </c>
      <c r="L33088" t="s">
        <v>120</v>
      </c>
      <c r="M33088" t="s">
        <v>89</v>
      </c>
      <c r="N33088" t="s">
        <v>90</v>
      </c>
      <c r="O33088" t="s">
        <v>85</v>
      </c>
      <c r="P33088" t="s">
        <v>86</v>
      </c>
      <c r="Q33088">
        <v>37</v>
      </c>
      <c r="R33088">
        <v>38</v>
      </c>
      <c r="S33088">
        <v>39</v>
      </c>
      <c r="T33088">
        <v>40</v>
      </c>
      <c r="U33088">
        <v>41</v>
      </c>
      <c r="V33088">
        <v>42</v>
      </c>
      <c r="W33088">
        <v>43</v>
      </c>
      <c r="X33088">
        <v>43</v>
      </c>
      <c r="Y33088">
        <v>44</v>
      </c>
      <c r="Z33088">
        <v>45</v>
      </c>
      <c r="AA33088">
        <v>46</v>
      </c>
      <c r="AB33088">
        <v>47</v>
      </c>
      <c r="AC33088">
        <v>48</v>
      </c>
      <c r="AD33088">
        <v>49</v>
      </c>
      <c r="AE33088">
        <v>49</v>
      </c>
      <c r="AF33088">
        <v>50</v>
      </c>
      <c r="AG33088">
        <v>50</v>
      </c>
      <c r="AH33088">
        <v>50</v>
      </c>
      <c r="AI33088">
        <v>51</v>
      </c>
      <c r="AJ33088">
        <v>51</v>
      </c>
      <c r="AK33088">
        <v>51</v>
      </c>
      <c r="AL33088">
        <v>52</v>
      </c>
      <c r="AM33088">
        <v>52</v>
      </c>
      <c r="AN33088">
        <v>52</v>
      </c>
      <c r="AO33088">
        <v>53</v>
      </c>
      <c r="AP33088">
        <v>53</v>
      </c>
      <c r="AQ33088">
        <v>53</v>
      </c>
    </row>
    <row r="33089" spans="1:43">
      <c r="A33089" t="s">
        <v>20497</v>
      </c>
      <c r="B33089" t="s">
        <v>20498</v>
      </c>
      <c r="C33089" t="s">
        <v>20499</v>
      </c>
      <c r="D33089" t="s">
        <v>20500</v>
      </c>
      <c r="E33089" t="s">
        <v>20437</v>
      </c>
      <c r="F33089" t="s">
        <v>20438</v>
      </c>
      <c r="G33089" t="s">
        <v>20255</v>
      </c>
      <c r="H33089" t="s">
        <v>20256</v>
      </c>
      <c r="I33089" s="2">
        <v>1</v>
      </c>
      <c r="J33089" s="2">
        <v>0</v>
      </c>
      <c r="K33089" s="2">
        <v>0</v>
      </c>
      <c r="L33089" t="s">
        <v>120</v>
      </c>
      <c r="M33089" t="s">
        <v>83</v>
      </c>
      <c r="N33089" t="s">
        <v>91</v>
      </c>
      <c r="O33089" t="s">
        <v>85</v>
      </c>
      <c r="P33089" t="s">
        <v>86</v>
      </c>
      <c r="Q33089">
        <v>37</v>
      </c>
      <c r="R33089">
        <v>37</v>
      </c>
      <c r="S33089">
        <v>38</v>
      </c>
      <c r="T33089">
        <v>39</v>
      </c>
      <c r="U33089">
        <v>39</v>
      </c>
      <c r="V33089">
        <v>40</v>
      </c>
      <c r="W33089">
        <v>41</v>
      </c>
      <c r="X33089">
        <v>41</v>
      </c>
      <c r="Y33089">
        <v>42</v>
      </c>
      <c r="Z33089">
        <v>43</v>
      </c>
      <c r="AA33089">
        <v>43</v>
      </c>
      <c r="AB33089">
        <v>44</v>
      </c>
      <c r="AC33089">
        <v>45</v>
      </c>
      <c r="AD33089">
        <v>45</v>
      </c>
      <c r="AE33089">
        <v>46</v>
      </c>
      <c r="AF33089">
        <v>47</v>
      </c>
      <c r="AG33089">
        <v>48</v>
      </c>
      <c r="AH33089">
        <v>48</v>
      </c>
      <c r="AI33089">
        <v>49</v>
      </c>
      <c r="AJ33089">
        <v>50</v>
      </c>
      <c r="AK33089">
        <v>51</v>
      </c>
      <c r="AL33089">
        <v>51</v>
      </c>
      <c r="AM33089">
        <v>51</v>
      </c>
      <c r="AN33089">
        <v>52</v>
      </c>
      <c r="AO33089">
        <v>52</v>
      </c>
      <c r="AP33089">
        <v>52</v>
      </c>
      <c r="AQ33089">
        <v>53</v>
      </c>
    </row>
    <row r="33090" spans="1:43">
      <c r="A33090" t="s">
        <v>20501</v>
      </c>
      <c r="B33090" t="s">
        <v>20502</v>
      </c>
      <c r="C33090" t="s">
        <v>20499</v>
      </c>
      <c r="D33090" t="s">
        <v>20500</v>
      </c>
      <c r="E33090" t="s">
        <v>20437</v>
      </c>
      <c r="F33090" t="s">
        <v>20438</v>
      </c>
      <c r="G33090" t="s">
        <v>20255</v>
      </c>
      <c r="H33090" t="s">
        <v>20256</v>
      </c>
      <c r="I33090" s="2">
        <v>1</v>
      </c>
      <c r="J33090" s="2">
        <v>0</v>
      </c>
      <c r="K33090" s="2">
        <v>0</v>
      </c>
      <c r="L33090" t="s">
        <v>120</v>
      </c>
      <c r="M33090" t="s">
        <v>83</v>
      </c>
      <c r="N33090" t="s">
        <v>84</v>
      </c>
      <c r="O33090" t="s">
        <v>85</v>
      </c>
      <c r="P33090" t="s">
        <v>86</v>
      </c>
      <c r="Q33090">
        <v>50</v>
      </c>
      <c r="R33090">
        <v>51</v>
      </c>
      <c r="S33090">
        <v>52</v>
      </c>
      <c r="T33090">
        <v>52</v>
      </c>
      <c r="U33090">
        <v>53</v>
      </c>
      <c r="V33090">
        <v>54</v>
      </c>
      <c r="W33090">
        <v>55</v>
      </c>
      <c r="X33090">
        <v>56</v>
      </c>
      <c r="Y33090">
        <v>57</v>
      </c>
      <c r="Z33090">
        <v>57</v>
      </c>
      <c r="AA33090">
        <v>58</v>
      </c>
      <c r="AB33090">
        <v>59</v>
      </c>
      <c r="AC33090">
        <v>60</v>
      </c>
      <c r="AD33090">
        <v>61</v>
      </c>
      <c r="AE33090">
        <v>62</v>
      </c>
      <c r="AF33090">
        <v>63</v>
      </c>
      <c r="AG33090">
        <v>63</v>
      </c>
      <c r="AH33090">
        <v>64</v>
      </c>
      <c r="AI33090">
        <v>65</v>
      </c>
      <c r="AJ33090">
        <v>66</v>
      </c>
      <c r="AK33090">
        <v>67</v>
      </c>
      <c r="AL33090">
        <v>68</v>
      </c>
      <c r="AM33090">
        <v>68</v>
      </c>
      <c r="AN33090">
        <v>68</v>
      </c>
      <c r="AO33090">
        <v>69</v>
      </c>
      <c r="AP33090">
        <v>69</v>
      </c>
      <c r="AQ33090">
        <v>70</v>
      </c>
    </row>
    <row r="33091" spans="1:43">
      <c r="A33091" t="s">
        <v>20501</v>
      </c>
      <c r="B33091" t="s">
        <v>20502</v>
      </c>
      <c r="C33091" t="s">
        <v>20499</v>
      </c>
      <c r="D33091" t="s">
        <v>20500</v>
      </c>
      <c r="E33091" t="s">
        <v>20437</v>
      </c>
      <c r="F33091" t="s">
        <v>20438</v>
      </c>
      <c r="G33091" t="s">
        <v>20255</v>
      </c>
      <c r="H33091" t="s">
        <v>20256</v>
      </c>
      <c r="I33091" s="2">
        <v>1</v>
      </c>
      <c r="J33091" s="2">
        <v>0</v>
      </c>
      <c r="K33091" s="2">
        <v>0</v>
      </c>
      <c r="L33091" t="s">
        <v>120</v>
      </c>
      <c r="M33091" t="s">
        <v>87</v>
      </c>
      <c r="N33091" t="s">
        <v>88</v>
      </c>
      <c r="O33091" t="s">
        <v>85</v>
      </c>
      <c r="P33091" t="s">
        <v>86</v>
      </c>
      <c r="Q33091">
        <v>50</v>
      </c>
      <c r="R33091">
        <v>51</v>
      </c>
      <c r="S33091">
        <v>51</v>
      </c>
      <c r="T33091">
        <v>52</v>
      </c>
      <c r="U33091">
        <v>52</v>
      </c>
      <c r="V33091">
        <v>52</v>
      </c>
      <c r="W33091">
        <v>53</v>
      </c>
      <c r="X33091">
        <v>53</v>
      </c>
      <c r="Y33091">
        <v>53</v>
      </c>
      <c r="Z33091">
        <v>54</v>
      </c>
      <c r="AA33091">
        <v>54</v>
      </c>
      <c r="AB33091">
        <v>55</v>
      </c>
      <c r="AC33091">
        <v>55</v>
      </c>
      <c r="AD33091">
        <v>55</v>
      </c>
      <c r="AE33091">
        <v>56</v>
      </c>
      <c r="AF33091">
        <v>56</v>
      </c>
      <c r="AG33091">
        <v>57</v>
      </c>
      <c r="AH33091">
        <v>57</v>
      </c>
      <c r="AI33091">
        <v>57</v>
      </c>
      <c r="AJ33091">
        <v>58</v>
      </c>
      <c r="AK33091">
        <v>58</v>
      </c>
      <c r="AL33091">
        <v>59</v>
      </c>
      <c r="AM33091">
        <v>59</v>
      </c>
      <c r="AN33091">
        <v>60</v>
      </c>
      <c r="AO33091">
        <v>60</v>
      </c>
      <c r="AP33091">
        <v>61</v>
      </c>
      <c r="AQ33091">
        <v>61</v>
      </c>
    </row>
    <row r="33092" spans="1:43">
      <c r="A33092" t="s">
        <v>20501</v>
      </c>
      <c r="B33092" t="s">
        <v>20502</v>
      </c>
      <c r="C33092" t="s">
        <v>20499</v>
      </c>
      <c r="D33092" t="s">
        <v>20500</v>
      </c>
      <c r="E33092" t="s">
        <v>20437</v>
      </c>
      <c r="F33092" t="s">
        <v>20438</v>
      </c>
      <c r="G33092" t="s">
        <v>20255</v>
      </c>
      <c r="H33092" t="s">
        <v>20256</v>
      </c>
      <c r="I33092" s="2">
        <v>1</v>
      </c>
      <c r="J33092" s="2">
        <v>0</v>
      </c>
      <c r="K33092" s="2">
        <v>0</v>
      </c>
      <c r="L33092" t="s">
        <v>120</v>
      </c>
      <c r="M33092" t="s">
        <v>89</v>
      </c>
      <c r="N33092" t="s">
        <v>90</v>
      </c>
      <c r="O33092" t="s">
        <v>85</v>
      </c>
      <c r="P33092" t="s">
        <v>86</v>
      </c>
      <c r="Q33092">
        <v>50</v>
      </c>
      <c r="R33092">
        <v>52</v>
      </c>
      <c r="S33092">
        <v>53</v>
      </c>
      <c r="T33092">
        <v>54</v>
      </c>
      <c r="U33092">
        <v>55</v>
      </c>
      <c r="V33092">
        <v>56</v>
      </c>
      <c r="W33092">
        <v>58</v>
      </c>
      <c r="X33092">
        <v>59</v>
      </c>
      <c r="Y33092">
        <v>60</v>
      </c>
      <c r="Z33092">
        <v>61</v>
      </c>
      <c r="AA33092">
        <v>62</v>
      </c>
      <c r="AB33092">
        <v>63</v>
      </c>
      <c r="AC33092">
        <v>64</v>
      </c>
      <c r="AD33092">
        <v>65</v>
      </c>
      <c r="AE33092">
        <v>66</v>
      </c>
      <c r="AF33092">
        <v>66</v>
      </c>
      <c r="AG33092">
        <v>67</v>
      </c>
      <c r="AH33092">
        <v>67</v>
      </c>
      <c r="AI33092">
        <v>67</v>
      </c>
      <c r="AJ33092">
        <v>68</v>
      </c>
      <c r="AK33092">
        <v>68</v>
      </c>
      <c r="AL33092">
        <v>68</v>
      </c>
      <c r="AM33092">
        <v>69</v>
      </c>
      <c r="AN33092">
        <v>69</v>
      </c>
      <c r="AO33092">
        <v>69</v>
      </c>
      <c r="AP33092">
        <v>70</v>
      </c>
      <c r="AQ33092">
        <v>70</v>
      </c>
    </row>
    <row r="33093" spans="1:43">
      <c r="A33093" t="s">
        <v>20501</v>
      </c>
      <c r="B33093" t="s">
        <v>20502</v>
      </c>
      <c r="C33093" t="s">
        <v>20499</v>
      </c>
      <c r="D33093" t="s">
        <v>20500</v>
      </c>
      <c r="E33093" t="s">
        <v>20437</v>
      </c>
      <c r="F33093" t="s">
        <v>20438</v>
      </c>
      <c r="G33093" t="s">
        <v>20255</v>
      </c>
      <c r="H33093" t="s">
        <v>20256</v>
      </c>
      <c r="I33093" s="2">
        <v>1</v>
      </c>
      <c r="J33093" s="2">
        <v>0</v>
      </c>
      <c r="K33093" s="2">
        <v>0</v>
      </c>
      <c r="L33093" t="s">
        <v>120</v>
      </c>
      <c r="M33093" t="s">
        <v>83</v>
      </c>
      <c r="N33093" t="s">
        <v>91</v>
      </c>
      <c r="O33093" t="s">
        <v>85</v>
      </c>
      <c r="P33093" t="s">
        <v>86</v>
      </c>
      <c r="Q33093">
        <v>50</v>
      </c>
      <c r="R33093">
        <v>51</v>
      </c>
      <c r="S33093">
        <v>52</v>
      </c>
      <c r="T33093">
        <v>52</v>
      </c>
      <c r="U33093">
        <v>53</v>
      </c>
      <c r="V33093">
        <v>54</v>
      </c>
      <c r="W33093">
        <v>55</v>
      </c>
      <c r="X33093">
        <v>56</v>
      </c>
      <c r="Y33093">
        <v>57</v>
      </c>
      <c r="Z33093">
        <v>57</v>
      </c>
      <c r="AA33093">
        <v>58</v>
      </c>
      <c r="AB33093">
        <v>59</v>
      </c>
      <c r="AC33093">
        <v>60</v>
      </c>
      <c r="AD33093">
        <v>61</v>
      </c>
      <c r="AE33093">
        <v>62</v>
      </c>
      <c r="AF33093">
        <v>63</v>
      </c>
      <c r="AG33093">
        <v>63</v>
      </c>
      <c r="AH33093">
        <v>64</v>
      </c>
      <c r="AI33093">
        <v>65</v>
      </c>
      <c r="AJ33093">
        <v>66</v>
      </c>
      <c r="AK33093">
        <v>67</v>
      </c>
      <c r="AL33093">
        <v>68</v>
      </c>
      <c r="AM33093">
        <v>68</v>
      </c>
      <c r="AN33093">
        <v>68</v>
      </c>
      <c r="AO33093">
        <v>69</v>
      </c>
      <c r="AP33093">
        <v>69</v>
      </c>
      <c r="AQ33093">
        <v>70</v>
      </c>
    </row>
    <row r="33094" spans="1:43">
      <c r="A33094" t="s">
        <v>20503</v>
      </c>
      <c r="B33094" t="s">
        <v>20504</v>
      </c>
      <c r="C33094" t="s">
        <v>20499</v>
      </c>
      <c r="D33094" t="s">
        <v>20500</v>
      </c>
      <c r="E33094" t="s">
        <v>20437</v>
      </c>
      <c r="F33094" t="s">
        <v>20438</v>
      </c>
      <c r="G33094" t="s">
        <v>20255</v>
      </c>
      <c r="H33094" t="s">
        <v>20256</v>
      </c>
      <c r="I33094" s="2">
        <v>1</v>
      </c>
      <c r="J33094" s="2">
        <v>0</v>
      </c>
      <c r="K33094" s="2">
        <v>0</v>
      </c>
      <c r="L33094" t="s">
        <v>120</v>
      </c>
      <c r="M33094" t="s">
        <v>83</v>
      </c>
      <c r="N33094" t="s">
        <v>84</v>
      </c>
      <c r="O33094" t="s">
        <v>85</v>
      </c>
      <c r="P33094" t="s">
        <v>86</v>
      </c>
      <c r="Q33094">
        <v>61</v>
      </c>
      <c r="R33094">
        <v>62</v>
      </c>
      <c r="S33094">
        <v>63</v>
      </c>
      <c r="T33094">
        <v>64</v>
      </c>
      <c r="U33094">
        <v>66</v>
      </c>
      <c r="V33094">
        <v>67</v>
      </c>
      <c r="W33094">
        <v>68</v>
      </c>
      <c r="X33094">
        <v>69</v>
      </c>
      <c r="Y33094">
        <v>70</v>
      </c>
      <c r="Z33094">
        <v>71</v>
      </c>
      <c r="AA33094">
        <v>73</v>
      </c>
      <c r="AB33094">
        <v>74</v>
      </c>
      <c r="AC33094">
        <v>75</v>
      </c>
      <c r="AD33094">
        <v>76</v>
      </c>
      <c r="AE33094">
        <v>77</v>
      </c>
      <c r="AF33094">
        <v>79</v>
      </c>
      <c r="AG33094">
        <v>80</v>
      </c>
      <c r="AH33094">
        <v>81</v>
      </c>
      <c r="AI33094">
        <v>83</v>
      </c>
      <c r="AJ33094">
        <v>84</v>
      </c>
      <c r="AK33094">
        <v>85</v>
      </c>
      <c r="AL33094">
        <v>86</v>
      </c>
      <c r="AM33094">
        <v>87</v>
      </c>
      <c r="AN33094">
        <v>87</v>
      </c>
      <c r="AO33094">
        <v>88</v>
      </c>
      <c r="AP33094">
        <v>89</v>
      </c>
      <c r="AQ33094">
        <v>89</v>
      </c>
    </row>
    <row r="33095" spans="1:43">
      <c r="A33095" t="s">
        <v>20503</v>
      </c>
      <c r="B33095" t="s">
        <v>20504</v>
      </c>
      <c r="C33095" t="s">
        <v>20499</v>
      </c>
      <c r="D33095" t="s">
        <v>20500</v>
      </c>
      <c r="E33095" t="s">
        <v>20437</v>
      </c>
      <c r="F33095" t="s">
        <v>20438</v>
      </c>
      <c r="G33095" t="s">
        <v>20255</v>
      </c>
      <c r="H33095" t="s">
        <v>20256</v>
      </c>
      <c r="I33095" s="2">
        <v>1</v>
      </c>
      <c r="J33095" s="2">
        <v>0</v>
      </c>
      <c r="K33095" s="2">
        <v>0</v>
      </c>
      <c r="L33095" t="s">
        <v>120</v>
      </c>
      <c r="M33095" t="s">
        <v>87</v>
      </c>
      <c r="N33095" t="s">
        <v>88</v>
      </c>
      <c r="O33095" t="s">
        <v>85</v>
      </c>
      <c r="P33095" t="s">
        <v>86</v>
      </c>
      <c r="Q33095">
        <v>61</v>
      </c>
      <c r="R33095">
        <v>62</v>
      </c>
      <c r="S33095">
        <v>63</v>
      </c>
      <c r="T33095">
        <v>63</v>
      </c>
      <c r="U33095">
        <v>64</v>
      </c>
      <c r="V33095">
        <v>64</v>
      </c>
      <c r="W33095">
        <v>65</v>
      </c>
      <c r="X33095">
        <v>65</v>
      </c>
      <c r="Y33095">
        <v>66</v>
      </c>
      <c r="Z33095">
        <v>67</v>
      </c>
      <c r="AA33095">
        <v>67</v>
      </c>
      <c r="AB33095">
        <v>68</v>
      </c>
      <c r="AC33095">
        <v>68</v>
      </c>
      <c r="AD33095">
        <v>69</v>
      </c>
      <c r="AE33095">
        <v>70</v>
      </c>
      <c r="AF33095">
        <v>70</v>
      </c>
      <c r="AG33095">
        <v>71</v>
      </c>
      <c r="AH33095">
        <v>71</v>
      </c>
      <c r="AI33095">
        <v>72</v>
      </c>
      <c r="AJ33095">
        <v>73</v>
      </c>
      <c r="AK33095">
        <v>74</v>
      </c>
      <c r="AL33095">
        <v>74</v>
      </c>
      <c r="AM33095">
        <v>75</v>
      </c>
      <c r="AN33095">
        <v>76</v>
      </c>
      <c r="AO33095">
        <v>76</v>
      </c>
      <c r="AP33095">
        <v>77</v>
      </c>
      <c r="AQ33095">
        <v>78</v>
      </c>
    </row>
    <row r="33096" spans="1:43">
      <c r="A33096" t="s">
        <v>20503</v>
      </c>
      <c r="B33096" t="s">
        <v>20504</v>
      </c>
      <c r="C33096" t="s">
        <v>20499</v>
      </c>
      <c r="D33096" t="s">
        <v>20500</v>
      </c>
      <c r="E33096" t="s">
        <v>20437</v>
      </c>
      <c r="F33096" t="s">
        <v>20438</v>
      </c>
      <c r="G33096" t="s">
        <v>20255</v>
      </c>
      <c r="H33096" t="s">
        <v>20256</v>
      </c>
      <c r="I33096" s="2">
        <v>1</v>
      </c>
      <c r="J33096" s="2">
        <v>0</v>
      </c>
      <c r="K33096" s="2">
        <v>0</v>
      </c>
      <c r="L33096" t="s">
        <v>120</v>
      </c>
      <c r="M33096" t="s">
        <v>89</v>
      </c>
      <c r="N33096" t="s">
        <v>90</v>
      </c>
      <c r="O33096" t="s">
        <v>85</v>
      </c>
      <c r="P33096" t="s">
        <v>86</v>
      </c>
      <c r="Q33096">
        <v>61</v>
      </c>
      <c r="R33096">
        <v>62</v>
      </c>
      <c r="S33096">
        <v>64</v>
      </c>
      <c r="T33096">
        <v>66</v>
      </c>
      <c r="U33096">
        <v>67</v>
      </c>
      <c r="V33096">
        <v>69</v>
      </c>
      <c r="W33096">
        <v>70</v>
      </c>
      <c r="X33096">
        <v>72</v>
      </c>
      <c r="Y33096">
        <v>73</v>
      </c>
      <c r="Z33096">
        <v>75</v>
      </c>
      <c r="AA33096">
        <v>76</v>
      </c>
      <c r="AB33096">
        <v>78</v>
      </c>
      <c r="AC33096">
        <v>79</v>
      </c>
      <c r="AD33096">
        <v>81</v>
      </c>
      <c r="AE33096">
        <v>82</v>
      </c>
      <c r="AF33096">
        <v>83</v>
      </c>
      <c r="AG33096">
        <v>83</v>
      </c>
      <c r="AH33096">
        <v>84</v>
      </c>
      <c r="AI33096">
        <v>84</v>
      </c>
      <c r="AJ33096">
        <v>85</v>
      </c>
      <c r="AK33096">
        <v>85</v>
      </c>
      <c r="AL33096">
        <v>86</v>
      </c>
      <c r="AM33096">
        <v>87</v>
      </c>
      <c r="AN33096">
        <v>87</v>
      </c>
      <c r="AO33096">
        <v>88</v>
      </c>
      <c r="AP33096">
        <v>89</v>
      </c>
      <c r="AQ33096">
        <v>89</v>
      </c>
    </row>
    <row r="33097" spans="1:43">
      <c r="A33097" t="s">
        <v>20503</v>
      </c>
      <c r="B33097" t="s">
        <v>20504</v>
      </c>
      <c r="C33097" t="s">
        <v>20499</v>
      </c>
      <c r="D33097" t="s">
        <v>20500</v>
      </c>
      <c r="E33097" t="s">
        <v>20437</v>
      </c>
      <c r="F33097" t="s">
        <v>20438</v>
      </c>
      <c r="G33097" t="s">
        <v>20255</v>
      </c>
      <c r="H33097" t="s">
        <v>20256</v>
      </c>
      <c r="I33097" s="2">
        <v>1</v>
      </c>
      <c r="J33097" s="2">
        <v>0</v>
      </c>
      <c r="K33097" s="2">
        <v>0</v>
      </c>
      <c r="L33097" t="s">
        <v>120</v>
      </c>
      <c r="M33097" t="s">
        <v>83</v>
      </c>
      <c r="N33097" t="s">
        <v>91</v>
      </c>
      <c r="O33097" t="s">
        <v>85</v>
      </c>
      <c r="P33097" t="s">
        <v>86</v>
      </c>
      <c r="Q33097">
        <v>61</v>
      </c>
      <c r="R33097">
        <v>62</v>
      </c>
      <c r="S33097">
        <v>63</v>
      </c>
      <c r="T33097">
        <v>64</v>
      </c>
      <c r="U33097">
        <v>66</v>
      </c>
      <c r="V33097">
        <v>67</v>
      </c>
      <c r="W33097">
        <v>68</v>
      </c>
      <c r="X33097">
        <v>69</v>
      </c>
      <c r="Y33097">
        <v>70</v>
      </c>
      <c r="Z33097">
        <v>71</v>
      </c>
      <c r="AA33097">
        <v>73</v>
      </c>
      <c r="AB33097">
        <v>74</v>
      </c>
      <c r="AC33097">
        <v>75</v>
      </c>
      <c r="AD33097">
        <v>76</v>
      </c>
      <c r="AE33097">
        <v>77</v>
      </c>
      <c r="AF33097">
        <v>79</v>
      </c>
      <c r="AG33097">
        <v>80</v>
      </c>
      <c r="AH33097">
        <v>81</v>
      </c>
      <c r="AI33097">
        <v>83</v>
      </c>
      <c r="AJ33097">
        <v>84</v>
      </c>
      <c r="AK33097">
        <v>85</v>
      </c>
      <c r="AL33097">
        <v>86</v>
      </c>
      <c r="AM33097">
        <v>87</v>
      </c>
      <c r="AN33097">
        <v>87</v>
      </c>
      <c r="AO33097">
        <v>88</v>
      </c>
      <c r="AP33097">
        <v>89</v>
      </c>
      <c r="AQ33097">
        <v>89</v>
      </c>
    </row>
    <row r="33098" spans="1:43">
      <c r="A33098" t="s">
        <v>20505</v>
      </c>
      <c r="B33098" t="s">
        <v>20506</v>
      </c>
      <c r="C33098" t="s">
        <v>20499</v>
      </c>
      <c r="D33098" t="s">
        <v>20500</v>
      </c>
      <c r="E33098" t="s">
        <v>20437</v>
      </c>
      <c r="F33098" t="s">
        <v>20438</v>
      </c>
      <c r="G33098" t="s">
        <v>20255</v>
      </c>
      <c r="H33098" t="s">
        <v>20256</v>
      </c>
      <c r="I33098" s="2">
        <v>1</v>
      </c>
      <c r="J33098" s="2">
        <v>0</v>
      </c>
      <c r="K33098" s="2">
        <v>0</v>
      </c>
      <c r="L33098" t="s">
        <v>120</v>
      </c>
      <c r="M33098" t="s">
        <v>83</v>
      </c>
      <c r="N33098" t="s">
        <v>84</v>
      </c>
      <c r="O33098" t="s">
        <v>85</v>
      </c>
      <c r="P33098" t="s">
        <v>86</v>
      </c>
      <c r="Q33098">
        <v>38</v>
      </c>
      <c r="R33098">
        <v>38</v>
      </c>
      <c r="S33098">
        <v>39</v>
      </c>
      <c r="T33098">
        <v>40</v>
      </c>
      <c r="U33098">
        <v>40</v>
      </c>
      <c r="V33098">
        <v>41</v>
      </c>
      <c r="W33098">
        <v>42</v>
      </c>
      <c r="X33098">
        <v>42</v>
      </c>
      <c r="Y33098">
        <v>43</v>
      </c>
      <c r="Z33098">
        <v>44</v>
      </c>
      <c r="AA33098">
        <v>45</v>
      </c>
      <c r="AB33098">
        <v>45</v>
      </c>
      <c r="AC33098">
        <v>46</v>
      </c>
      <c r="AD33098">
        <v>47</v>
      </c>
      <c r="AE33098">
        <v>47</v>
      </c>
      <c r="AF33098">
        <v>48</v>
      </c>
      <c r="AG33098">
        <v>49</v>
      </c>
      <c r="AH33098">
        <v>50</v>
      </c>
      <c r="AI33098">
        <v>51</v>
      </c>
      <c r="AJ33098">
        <v>51</v>
      </c>
      <c r="AK33098">
        <v>52</v>
      </c>
      <c r="AL33098">
        <v>53</v>
      </c>
      <c r="AM33098">
        <v>53</v>
      </c>
      <c r="AN33098">
        <v>53</v>
      </c>
      <c r="AO33098">
        <v>54</v>
      </c>
      <c r="AP33098">
        <v>54</v>
      </c>
      <c r="AQ33098">
        <v>55</v>
      </c>
    </row>
    <row r="33099" spans="1:43">
      <c r="A33099" t="s">
        <v>20505</v>
      </c>
      <c r="B33099" t="s">
        <v>20506</v>
      </c>
      <c r="C33099" t="s">
        <v>20499</v>
      </c>
      <c r="D33099" t="s">
        <v>20500</v>
      </c>
      <c r="E33099" t="s">
        <v>20437</v>
      </c>
      <c r="F33099" t="s">
        <v>20438</v>
      </c>
      <c r="G33099" t="s">
        <v>20255</v>
      </c>
      <c r="H33099" t="s">
        <v>20256</v>
      </c>
      <c r="I33099" s="2">
        <v>1</v>
      </c>
      <c r="J33099" s="2">
        <v>0</v>
      </c>
      <c r="K33099" s="2">
        <v>0</v>
      </c>
      <c r="L33099" t="s">
        <v>120</v>
      </c>
      <c r="M33099" t="s">
        <v>87</v>
      </c>
      <c r="N33099" t="s">
        <v>88</v>
      </c>
      <c r="O33099" t="s">
        <v>85</v>
      </c>
      <c r="P33099" t="s">
        <v>86</v>
      </c>
      <c r="Q33099">
        <v>38</v>
      </c>
      <c r="R33099">
        <v>39</v>
      </c>
      <c r="S33099">
        <v>39</v>
      </c>
      <c r="T33099">
        <v>39</v>
      </c>
      <c r="U33099">
        <v>40</v>
      </c>
      <c r="V33099">
        <v>40</v>
      </c>
      <c r="W33099">
        <v>40</v>
      </c>
      <c r="X33099">
        <v>41</v>
      </c>
      <c r="Y33099">
        <v>41</v>
      </c>
      <c r="Z33099">
        <v>41</v>
      </c>
      <c r="AA33099">
        <v>42</v>
      </c>
      <c r="AB33099">
        <v>42</v>
      </c>
      <c r="AC33099">
        <v>42</v>
      </c>
      <c r="AD33099">
        <v>43</v>
      </c>
      <c r="AE33099">
        <v>43</v>
      </c>
      <c r="AF33099">
        <v>43</v>
      </c>
      <c r="AG33099">
        <v>44</v>
      </c>
      <c r="AH33099">
        <v>44</v>
      </c>
      <c r="AI33099">
        <v>45</v>
      </c>
      <c r="AJ33099">
        <v>45</v>
      </c>
      <c r="AK33099">
        <v>46</v>
      </c>
      <c r="AL33099">
        <v>46</v>
      </c>
      <c r="AM33099">
        <v>46</v>
      </c>
      <c r="AN33099">
        <v>47</v>
      </c>
      <c r="AO33099">
        <v>47</v>
      </c>
      <c r="AP33099">
        <v>48</v>
      </c>
      <c r="AQ33099">
        <v>48</v>
      </c>
    </row>
    <row r="33100" spans="1:43">
      <c r="A33100" t="s">
        <v>20505</v>
      </c>
      <c r="B33100" t="s">
        <v>20506</v>
      </c>
      <c r="C33100" t="s">
        <v>20499</v>
      </c>
      <c r="D33100" t="s">
        <v>20500</v>
      </c>
      <c r="E33100" t="s">
        <v>20437</v>
      </c>
      <c r="F33100" t="s">
        <v>20438</v>
      </c>
      <c r="G33100" t="s">
        <v>20255</v>
      </c>
      <c r="H33100" t="s">
        <v>20256</v>
      </c>
      <c r="I33100" s="2">
        <v>1</v>
      </c>
      <c r="J33100" s="2">
        <v>0</v>
      </c>
      <c r="K33100" s="2">
        <v>0</v>
      </c>
      <c r="L33100" t="s">
        <v>120</v>
      </c>
      <c r="M33100" t="s">
        <v>89</v>
      </c>
      <c r="N33100" t="s">
        <v>90</v>
      </c>
      <c r="O33100" t="s">
        <v>85</v>
      </c>
      <c r="P33100" t="s">
        <v>86</v>
      </c>
      <c r="Q33100">
        <v>38</v>
      </c>
      <c r="R33100">
        <v>39</v>
      </c>
      <c r="S33100">
        <v>40</v>
      </c>
      <c r="T33100">
        <v>41</v>
      </c>
      <c r="U33100">
        <v>42</v>
      </c>
      <c r="V33100">
        <v>43</v>
      </c>
      <c r="W33100">
        <v>44</v>
      </c>
      <c r="X33100">
        <v>45</v>
      </c>
      <c r="Y33100">
        <v>46</v>
      </c>
      <c r="Z33100">
        <v>47</v>
      </c>
      <c r="AA33100">
        <v>47</v>
      </c>
      <c r="AB33100">
        <v>48</v>
      </c>
      <c r="AC33100">
        <v>49</v>
      </c>
      <c r="AD33100">
        <v>50</v>
      </c>
      <c r="AE33100">
        <v>51</v>
      </c>
      <c r="AF33100">
        <v>51</v>
      </c>
      <c r="AG33100">
        <v>52</v>
      </c>
      <c r="AH33100">
        <v>52</v>
      </c>
      <c r="AI33100">
        <v>52</v>
      </c>
      <c r="AJ33100">
        <v>53</v>
      </c>
      <c r="AK33100">
        <v>53</v>
      </c>
      <c r="AL33100">
        <v>53</v>
      </c>
      <c r="AM33100">
        <v>54</v>
      </c>
      <c r="AN33100">
        <v>54</v>
      </c>
      <c r="AO33100">
        <v>54</v>
      </c>
      <c r="AP33100">
        <v>55</v>
      </c>
      <c r="AQ33100">
        <v>55</v>
      </c>
    </row>
    <row r="33101" spans="1:43">
      <c r="A33101" t="s">
        <v>20505</v>
      </c>
      <c r="B33101" t="s">
        <v>20506</v>
      </c>
      <c r="C33101" t="s">
        <v>20499</v>
      </c>
      <c r="D33101" t="s">
        <v>20500</v>
      </c>
      <c r="E33101" t="s">
        <v>20437</v>
      </c>
      <c r="F33101" t="s">
        <v>20438</v>
      </c>
      <c r="G33101" t="s">
        <v>20255</v>
      </c>
      <c r="H33101" t="s">
        <v>20256</v>
      </c>
      <c r="I33101" s="2">
        <v>1</v>
      </c>
      <c r="J33101" s="2">
        <v>0</v>
      </c>
      <c r="K33101" s="2">
        <v>0</v>
      </c>
      <c r="L33101" t="s">
        <v>120</v>
      </c>
      <c r="M33101" t="s">
        <v>83</v>
      </c>
      <c r="N33101" t="s">
        <v>91</v>
      </c>
      <c r="O33101" t="s">
        <v>85</v>
      </c>
      <c r="P33101" t="s">
        <v>86</v>
      </c>
      <c r="Q33101">
        <v>38</v>
      </c>
      <c r="R33101">
        <v>38</v>
      </c>
      <c r="S33101">
        <v>39</v>
      </c>
      <c r="T33101">
        <v>40</v>
      </c>
      <c r="U33101">
        <v>40</v>
      </c>
      <c r="V33101">
        <v>41</v>
      </c>
      <c r="W33101">
        <v>42</v>
      </c>
      <c r="X33101">
        <v>42</v>
      </c>
      <c r="Y33101">
        <v>43</v>
      </c>
      <c r="Z33101">
        <v>44</v>
      </c>
      <c r="AA33101">
        <v>45</v>
      </c>
      <c r="AB33101">
        <v>45</v>
      </c>
      <c r="AC33101">
        <v>46</v>
      </c>
      <c r="AD33101">
        <v>47</v>
      </c>
      <c r="AE33101">
        <v>47</v>
      </c>
      <c r="AF33101">
        <v>48</v>
      </c>
      <c r="AG33101">
        <v>49</v>
      </c>
      <c r="AH33101">
        <v>50</v>
      </c>
      <c r="AI33101">
        <v>51</v>
      </c>
      <c r="AJ33101">
        <v>51</v>
      </c>
      <c r="AK33101">
        <v>52</v>
      </c>
      <c r="AL33101">
        <v>53</v>
      </c>
      <c r="AM33101">
        <v>53</v>
      </c>
      <c r="AN33101">
        <v>53</v>
      </c>
      <c r="AO33101">
        <v>54</v>
      </c>
      <c r="AP33101">
        <v>54</v>
      </c>
      <c r="AQ33101">
        <v>55</v>
      </c>
    </row>
    <row r="33102" spans="1:43">
      <c r="A33102" t="s">
        <v>20507</v>
      </c>
      <c r="B33102" t="s">
        <v>20508</v>
      </c>
      <c r="C33102" t="s">
        <v>20509</v>
      </c>
      <c r="D33102" t="s">
        <v>20510</v>
      </c>
      <c r="E33102" t="s">
        <v>20437</v>
      </c>
      <c r="F33102" t="s">
        <v>20438</v>
      </c>
      <c r="G33102" t="s">
        <v>20255</v>
      </c>
      <c r="H33102" t="s">
        <v>20256</v>
      </c>
      <c r="I33102" s="2">
        <v>1</v>
      </c>
      <c r="J33102" s="2">
        <v>0</v>
      </c>
      <c r="K33102" s="2">
        <v>0</v>
      </c>
      <c r="L33102" t="s">
        <v>120</v>
      </c>
      <c r="M33102" t="s">
        <v>83</v>
      </c>
      <c r="N33102" t="s">
        <v>84</v>
      </c>
      <c r="O33102" t="s">
        <v>85</v>
      </c>
      <c r="P33102" t="s">
        <v>86</v>
      </c>
      <c r="Q33102">
        <v>5</v>
      </c>
      <c r="R33102">
        <v>5</v>
      </c>
      <c r="S33102">
        <v>5</v>
      </c>
      <c r="T33102">
        <v>5</v>
      </c>
      <c r="U33102">
        <v>6</v>
      </c>
      <c r="V33102">
        <v>6</v>
      </c>
      <c r="W33102">
        <v>6</v>
      </c>
      <c r="X33102">
        <v>6</v>
      </c>
      <c r="Y33102">
        <v>6</v>
      </c>
      <c r="Z33102">
        <v>6</v>
      </c>
      <c r="AA33102">
        <v>6</v>
      </c>
      <c r="AB33102">
        <v>6</v>
      </c>
      <c r="AC33102">
        <v>6</v>
      </c>
      <c r="AD33102">
        <v>6</v>
      </c>
      <c r="AE33102">
        <v>7</v>
      </c>
      <c r="AF33102">
        <v>7</v>
      </c>
      <c r="AG33102">
        <v>7</v>
      </c>
      <c r="AH33102">
        <v>7</v>
      </c>
      <c r="AI33102">
        <v>7</v>
      </c>
      <c r="AJ33102">
        <v>7</v>
      </c>
      <c r="AK33102">
        <v>7</v>
      </c>
      <c r="AL33102">
        <v>7</v>
      </c>
      <c r="AM33102">
        <v>7</v>
      </c>
      <c r="AN33102">
        <v>7</v>
      </c>
      <c r="AO33102">
        <v>8</v>
      </c>
      <c r="AP33102">
        <v>8</v>
      </c>
      <c r="AQ33102">
        <v>8</v>
      </c>
    </row>
    <row r="33103" spans="1:43">
      <c r="A33103" t="s">
        <v>20507</v>
      </c>
      <c r="B33103" t="s">
        <v>20508</v>
      </c>
      <c r="C33103" t="s">
        <v>20509</v>
      </c>
      <c r="D33103" t="s">
        <v>20510</v>
      </c>
      <c r="E33103" t="s">
        <v>20437</v>
      </c>
      <c r="F33103" t="s">
        <v>20438</v>
      </c>
      <c r="G33103" t="s">
        <v>20255</v>
      </c>
      <c r="H33103" t="s">
        <v>20256</v>
      </c>
      <c r="I33103" s="2">
        <v>1</v>
      </c>
      <c r="J33103" s="2">
        <v>0</v>
      </c>
      <c r="K33103" s="2">
        <v>0</v>
      </c>
      <c r="L33103" t="s">
        <v>120</v>
      </c>
      <c r="M33103" t="s">
        <v>87</v>
      </c>
      <c r="N33103" t="s">
        <v>88</v>
      </c>
      <c r="O33103" t="s">
        <v>85</v>
      </c>
      <c r="P33103" t="s">
        <v>86</v>
      </c>
      <c r="Q33103">
        <v>5</v>
      </c>
      <c r="R33103">
        <v>5</v>
      </c>
      <c r="S33103">
        <v>5</v>
      </c>
      <c r="T33103">
        <v>5</v>
      </c>
      <c r="U33103">
        <v>5</v>
      </c>
      <c r="V33103">
        <v>5</v>
      </c>
      <c r="W33103">
        <v>5</v>
      </c>
      <c r="X33103">
        <v>5</v>
      </c>
      <c r="Y33103">
        <v>5</v>
      </c>
      <c r="Z33103">
        <v>6</v>
      </c>
      <c r="AA33103">
        <v>6</v>
      </c>
      <c r="AB33103">
        <v>6</v>
      </c>
      <c r="AC33103">
        <v>6</v>
      </c>
      <c r="AD33103">
        <v>6</v>
      </c>
      <c r="AE33103">
        <v>6</v>
      </c>
      <c r="AF33103">
        <v>6</v>
      </c>
      <c r="AG33103">
        <v>6</v>
      </c>
      <c r="AH33103">
        <v>6</v>
      </c>
      <c r="AI33103">
        <v>6</v>
      </c>
      <c r="AJ33103">
        <v>6</v>
      </c>
      <c r="AK33103">
        <v>6</v>
      </c>
      <c r="AL33103">
        <v>6</v>
      </c>
      <c r="AM33103">
        <v>6</v>
      </c>
      <c r="AN33103">
        <v>6</v>
      </c>
      <c r="AO33103">
        <v>6</v>
      </c>
      <c r="AP33103">
        <v>7</v>
      </c>
      <c r="AQ33103">
        <v>7</v>
      </c>
    </row>
    <row r="33104" spans="1:43">
      <c r="A33104" t="s">
        <v>20507</v>
      </c>
      <c r="B33104" t="s">
        <v>20508</v>
      </c>
      <c r="C33104" t="s">
        <v>20509</v>
      </c>
      <c r="D33104" t="s">
        <v>20510</v>
      </c>
      <c r="E33104" t="s">
        <v>20437</v>
      </c>
      <c r="F33104" t="s">
        <v>20438</v>
      </c>
      <c r="G33104" t="s">
        <v>20255</v>
      </c>
      <c r="H33104" t="s">
        <v>20256</v>
      </c>
      <c r="I33104" s="2">
        <v>1</v>
      </c>
      <c r="J33104" s="2">
        <v>0</v>
      </c>
      <c r="K33104" s="2">
        <v>0</v>
      </c>
      <c r="L33104" t="s">
        <v>120</v>
      </c>
      <c r="M33104" t="s">
        <v>89</v>
      </c>
      <c r="N33104" t="s">
        <v>90</v>
      </c>
      <c r="O33104" t="s">
        <v>85</v>
      </c>
      <c r="P33104" t="s">
        <v>86</v>
      </c>
      <c r="Q33104">
        <v>5</v>
      </c>
      <c r="R33104">
        <v>5</v>
      </c>
      <c r="S33104">
        <v>5</v>
      </c>
      <c r="T33104">
        <v>6</v>
      </c>
      <c r="U33104">
        <v>6</v>
      </c>
      <c r="V33104">
        <v>6</v>
      </c>
      <c r="W33104">
        <v>6</v>
      </c>
      <c r="X33104">
        <v>6</v>
      </c>
      <c r="Y33104">
        <v>6</v>
      </c>
      <c r="Z33104">
        <v>6</v>
      </c>
      <c r="AA33104">
        <v>7</v>
      </c>
      <c r="AB33104">
        <v>7</v>
      </c>
      <c r="AC33104">
        <v>7</v>
      </c>
      <c r="AD33104">
        <v>7</v>
      </c>
      <c r="AE33104">
        <v>7</v>
      </c>
      <c r="AF33104">
        <v>7</v>
      </c>
      <c r="AG33104">
        <v>7</v>
      </c>
      <c r="AH33104">
        <v>7</v>
      </c>
      <c r="AI33104">
        <v>7</v>
      </c>
      <c r="AJ33104">
        <v>7</v>
      </c>
      <c r="AK33104">
        <v>7</v>
      </c>
      <c r="AL33104">
        <v>7</v>
      </c>
      <c r="AM33104">
        <v>7</v>
      </c>
      <c r="AN33104">
        <v>8</v>
      </c>
      <c r="AO33104">
        <v>8</v>
      </c>
      <c r="AP33104">
        <v>8</v>
      </c>
      <c r="AQ33104">
        <v>8</v>
      </c>
    </row>
    <row r="33105" spans="1:43">
      <c r="A33105" t="s">
        <v>20507</v>
      </c>
      <c r="B33105" t="s">
        <v>20508</v>
      </c>
      <c r="C33105" t="s">
        <v>20509</v>
      </c>
      <c r="D33105" t="s">
        <v>20510</v>
      </c>
      <c r="E33105" t="s">
        <v>20437</v>
      </c>
      <c r="F33105" t="s">
        <v>20438</v>
      </c>
      <c r="G33105" t="s">
        <v>20255</v>
      </c>
      <c r="H33105" t="s">
        <v>20256</v>
      </c>
      <c r="I33105" s="2">
        <v>1</v>
      </c>
      <c r="J33105" s="2">
        <v>0</v>
      </c>
      <c r="K33105" s="2">
        <v>0</v>
      </c>
      <c r="L33105" t="s">
        <v>120</v>
      </c>
      <c r="M33105" t="s">
        <v>83</v>
      </c>
      <c r="N33105" t="s">
        <v>91</v>
      </c>
      <c r="O33105" t="s">
        <v>85</v>
      </c>
      <c r="P33105" t="s">
        <v>86</v>
      </c>
      <c r="Q33105">
        <v>5</v>
      </c>
      <c r="R33105">
        <v>5</v>
      </c>
      <c r="S33105">
        <v>5</v>
      </c>
      <c r="T33105">
        <v>5</v>
      </c>
      <c r="U33105">
        <v>6</v>
      </c>
      <c r="V33105">
        <v>6</v>
      </c>
      <c r="W33105">
        <v>6</v>
      </c>
      <c r="X33105">
        <v>6</v>
      </c>
      <c r="Y33105">
        <v>6</v>
      </c>
      <c r="Z33105">
        <v>6</v>
      </c>
      <c r="AA33105">
        <v>6</v>
      </c>
      <c r="AB33105">
        <v>6</v>
      </c>
      <c r="AC33105">
        <v>6</v>
      </c>
      <c r="AD33105">
        <v>6</v>
      </c>
      <c r="AE33105">
        <v>7</v>
      </c>
      <c r="AF33105">
        <v>7</v>
      </c>
      <c r="AG33105">
        <v>7</v>
      </c>
      <c r="AH33105">
        <v>7</v>
      </c>
      <c r="AI33105">
        <v>7</v>
      </c>
      <c r="AJ33105">
        <v>7</v>
      </c>
      <c r="AK33105">
        <v>7</v>
      </c>
      <c r="AL33105">
        <v>7</v>
      </c>
      <c r="AM33105">
        <v>7</v>
      </c>
      <c r="AN33105">
        <v>7</v>
      </c>
      <c r="AO33105">
        <v>8</v>
      </c>
      <c r="AP33105">
        <v>8</v>
      </c>
      <c r="AQ33105">
        <v>8</v>
      </c>
    </row>
    <row r="33106" spans="1:43">
      <c r="A33106" t="s">
        <v>20511</v>
      </c>
      <c r="B33106" t="s">
        <v>20512</v>
      </c>
      <c r="C33106" t="s">
        <v>20509</v>
      </c>
      <c r="D33106" t="s">
        <v>20510</v>
      </c>
      <c r="E33106" t="s">
        <v>20437</v>
      </c>
      <c r="F33106" t="s">
        <v>20438</v>
      </c>
      <c r="G33106" t="s">
        <v>20255</v>
      </c>
      <c r="H33106" t="s">
        <v>20256</v>
      </c>
      <c r="I33106" s="2">
        <v>1</v>
      </c>
      <c r="J33106" s="2">
        <v>0</v>
      </c>
      <c r="K33106" s="2">
        <v>0</v>
      </c>
      <c r="L33106" t="s">
        <v>120</v>
      </c>
      <c r="M33106" t="s">
        <v>83</v>
      </c>
      <c r="N33106" t="s">
        <v>84</v>
      </c>
      <c r="O33106" t="s">
        <v>85</v>
      </c>
      <c r="P33106" t="s">
        <v>86</v>
      </c>
      <c r="Q33106">
        <v>14</v>
      </c>
      <c r="R33106">
        <v>14</v>
      </c>
      <c r="S33106">
        <v>15</v>
      </c>
      <c r="T33106">
        <v>15</v>
      </c>
      <c r="U33106">
        <v>15</v>
      </c>
      <c r="V33106">
        <v>15</v>
      </c>
      <c r="W33106">
        <v>16</v>
      </c>
      <c r="X33106">
        <v>16</v>
      </c>
      <c r="Y33106">
        <v>16</v>
      </c>
      <c r="Z33106">
        <v>17</v>
      </c>
      <c r="AA33106">
        <v>17</v>
      </c>
      <c r="AB33106">
        <v>17</v>
      </c>
      <c r="AC33106">
        <v>17</v>
      </c>
      <c r="AD33106">
        <v>18</v>
      </c>
      <c r="AE33106">
        <v>18</v>
      </c>
      <c r="AF33106">
        <v>18</v>
      </c>
      <c r="AG33106">
        <v>19</v>
      </c>
      <c r="AH33106">
        <v>19</v>
      </c>
      <c r="AI33106">
        <v>19</v>
      </c>
      <c r="AJ33106">
        <v>20</v>
      </c>
      <c r="AK33106">
        <v>20</v>
      </c>
      <c r="AL33106">
        <v>20</v>
      </c>
      <c r="AM33106">
        <v>20</v>
      </c>
      <c r="AN33106">
        <v>20</v>
      </c>
      <c r="AO33106">
        <v>21</v>
      </c>
      <c r="AP33106">
        <v>21</v>
      </c>
      <c r="AQ33106">
        <v>21</v>
      </c>
    </row>
    <row r="33107" spans="1:43">
      <c r="A33107" t="s">
        <v>20511</v>
      </c>
      <c r="B33107" t="s">
        <v>20512</v>
      </c>
      <c r="C33107" t="s">
        <v>20509</v>
      </c>
      <c r="D33107" t="s">
        <v>20510</v>
      </c>
      <c r="E33107" t="s">
        <v>20437</v>
      </c>
      <c r="F33107" t="s">
        <v>20438</v>
      </c>
      <c r="G33107" t="s">
        <v>20255</v>
      </c>
      <c r="H33107" t="s">
        <v>20256</v>
      </c>
      <c r="I33107" s="2">
        <v>1</v>
      </c>
      <c r="J33107" s="2">
        <v>0</v>
      </c>
      <c r="K33107" s="2">
        <v>0</v>
      </c>
      <c r="L33107" t="s">
        <v>120</v>
      </c>
      <c r="M33107" t="s">
        <v>87</v>
      </c>
      <c r="N33107" t="s">
        <v>88</v>
      </c>
      <c r="O33107" t="s">
        <v>85</v>
      </c>
      <c r="P33107" t="s">
        <v>86</v>
      </c>
      <c r="Q33107">
        <v>14</v>
      </c>
      <c r="R33107">
        <v>14</v>
      </c>
      <c r="S33107">
        <v>14</v>
      </c>
      <c r="T33107">
        <v>14</v>
      </c>
      <c r="U33107">
        <v>14</v>
      </c>
      <c r="V33107">
        <v>15</v>
      </c>
      <c r="W33107">
        <v>15</v>
      </c>
      <c r="X33107">
        <v>15</v>
      </c>
      <c r="Y33107">
        <v>15</v>
      </c>
      <c r="Z33107">
        <v>15</v>
      </c>
      <c r="AA33107">
        <v>15</v>
      </c>
      <c r="AB33107">
        <v>15</v>
      </c>
      <c r="AC33107">
        <v>16</v>
      </c>
      <c r="AD33107">
        <v>16</v>
      </c>
      <c r="AE33107">
        <v>16</v>
      </c>
      <c r="AF33107">
        <v>16</v>
      </c>
      <c r="AG33107">
        <v>16</v>
      </c>
      <c r="AH33107">
        <v>16</v>
      </c>
      <c r="AI33107">
        <v>17</v>
      </c>
      <c r="AJ33107">
        <v>17</v>
      </c>
      <c r="AK33107">
        <v>17</v>
      </c>
      <c r="AL33107">
        <v>17</v>
      </c>
      <c r="AM33107">
        <v>17</v>
      </c>
      <c r="AN33107">
        <v>18</v>
      </c>
      <c r="AO33107">
        <v>18</v>
      </c>
      <c r="AP33107">
        <v>18</v>
      </c>
      <c r="AQ33107">
        <v>18</v>
      </c>
    </row>
    <row r="33108" spans="1:43">
      <c r="A33108" t="s">
        <v>20511</v>
      </c>
      <c r="B33108" t="s">
        <v>20512</v>
      </c>
      <c r="C33108" t="s">
        <v>20509</v>
      </c>
      <c r="D33108" t="s">
        <v>20510</v>
      </c>
      <c r="E33108" t="s">
        <v>20437</v>
      </c>
      <c r="F33108" t="s">
        <v>20438</v>
      </c>
      <c r="G33108" t="s">
        <v>20255</v>
      </c>
      <c r="H33108" t="s">
        <v>20256</v>
      </c>
      <c r="I33108" s="2">
        <v>1</v>
      </c>
      <c r="J33108" s="2">
        <v>0</v>
      </c>
      <c r="K33108" s="2">
        <v>0</v>
      </c>
      <c r="L33108" t="s">
        <v>120</v>
      </c>
      <c r="M33108" t="s">
        <v>89</v>
      </c>
      <c r="N33108" t="s">
        <v>90</v>
      </c>
      <c r="O33108" t="s">
        <v>85</v>
      </c>
      <c r="P33108" t="s">
        <v>86</v>
      </c>
      <c r="Q33108">
        <v>14</v>
      </c>
      <c r="R33108">
        <v>15</v>
      </c>
      <c r="S33108">
        <v>15</v>
      </c>
      <c r="T33108">
        <v>15</v>
      </c>
      <c r="U33108">
        <v>16</v>
      </c>
      <c r="V33108">
        <v>16</v>
      </c>
      <c r="W33108">
        <v>16</v>
      </c>
      <c r="X33108">
        <v>17</v>
      </c>
      <c r="Y33108">
        <v>17</v>
      </c>
      <c r="Z33108">
        <v>18</v>
      </c>
      <c r="AA33108">
        <v>18</v>
      </c>
      <c r="AB33108">
        <v>18</v>
      </c>
      <c r="AC33108">
        <v>19</v>
      </c>
      <c r="AD33108">
        <v>19</v>
      </c>
      <c r="AE33108">
        <v>19</v>
      </c>
      <c r="AF33108">
        <v>19</v>
      </c>
      <c r="AG33108">
        <v>20</v>
      </c>
      <c r="AH33108">
        <v>20</v>
      </c>
      <c r="AI33108">
        <v>20</v>
      </c>
      <c r="AJ33108">
        <v>20</v>
      </c>
      <c r="AK33108">
        <v>20</v>
      </c>
      <c r="AL33108">
        <v>20</v>
      </c>
      <c r="AM33108">
        <v>21</v>
      </c>
      <c r="AN33108">
        <v>21</v>
      </c>
      <c r="AO33108">
        <v>21</v>
      </c>
      <c r="AP33108">
        <v>21</v>
      </c>
      <c r="AQ33108">
        <v>21</v>
      </c>
    </row>
    <row r="33109" spans="1:43">
      <c r="A33109" t="s">
        <v>20511</v>
      </c>
      <c r="B33109" t="s">
        <v>20512</v>
      </c>
      <c r="C33109" t="s">
        <v>20509</v>
      </c>
      <c r="D33109" t="s">
        <v>20510</v>
      </c>
      <c r="E33109" t="s">
        <v>20437</v>
      </c>
      <c r="F33109" t="s">
        <v>20438</v>
      </c>
      <c r="G33109" t="s">
        <v>20255</v>
      </c>
      <c r="H33109" t="s">
        <v>20256</v>
      </c>
      <c r="I33109" s="2">
        <v>1</v>
      </c>
      <c r="J33109" s="2">
        <v>0</v>
      </c>
      <c r="K33109" s="2">
        <v>0</v>
      </c>
      <c r="L33109" t="s">
        <v>120</v>
      </c>
      <c r="M33109" t="s">
        <v>83</v>
      </c>
      <c r="N33109" t="s">
        <v>91</v>
      </c>
      <c r="O33109" t="s">
        <v>85</v>
      </c>
      <c r="P33109" t="s">
        <v>86</v>
      </c>
      <c r="Q33109">
        <v>14</v>
      </c>
      <c r="R33109">
        <v>14</v>
      </c>
      <c r="S33109">
        <v>15</v>
      </c>
      <c r="T33109">
        <v>15</v>
      </c>
      <c r="U33109">
        <v>15</v>
      </c>
      <c r="V33109">
        <v>15</v>
      </c>
      <c r="W33109">
        <v>16</v>
      </c>
      <c r="X33109">
        <v>16</v>
      </c>
      <c r="Y33109">
        <v>16</v>
      </c>
      <c r="Z33109">
        <v>17</v>
      </c>
      <c r="AA33109">
        <v>17</v>
      </c>
      <c r="AB33109">
        <v>17</v>
      </c>
      <c r="AC33109">
        <v>17</v>
      </c>
      <c r="AD33109">
        <v>18</v>
      </c>
      <c r="AE33109">
        <v>18</v>
      </c>
      <c r="AF33109">
        <v>18</v>
      </c>
      <c r="AG33109">
        <v>19</v>
      </c>
      <c r="AH33109">
        <v>19</v>
      </c>
      <c r="AI33109">
        <v>19</v>
      </c>
      <c r="AJ33109">
        <v>20</v>
      </c>
      <c r="AK33109">
        <v>20</v>
      </c>
      <c r="AL33109">
        <v>20</v>
      </c>
      <c r="AM33109">
        <v>20</v>
      </c>
      <c r="AN33109">
        <v>20</v>
      </c>
      <c r="AO33109">
        <v>21</v>
      </c>
      <c r="AP33109">
        <v>21</v>
      </c>
      <c r="AQ33109">
        <v>21</v>
      </c>
    </row>
    <row r="33110" spans="1:43">
      <c r="A33110" t="s">
        <v>20513</v>
      </c>
      <c r="B33110" t="s">
        <v>20514</v>
      </c>
      <c r="C33110" t="s">
        <v>20509</v>
      </c>
      <c r="D33110" t="s">
        <v>20510</v>
      </c>
      <c r="E33110" t="s">
        <v>20437</v>
      </c>
      <c r="F33110" t="s">
        <v>20438</v>
      </c>
      <c r="G33110" t="s">
        <v>20255</v>
      </c>
      <c r="H33110" t="s">
        <v>20256</v>
      </c>
      <c r="I33110" s="2">
        <v>1</v>
      </c>
      <c r="J33110" s="2">
        <v>0</v>
      </c>
      <c r="K33110" s="2">
        <v>0</v>
      </c>
      <c r="L33110" t="s">
        <v>120</v>
      </c>
      <c r="M33110" t="s">
        <v>83</v>
      </c>
      <c r="N33110" t="s">
        <v>84</v>
      </c>
      <c r="O33110" t="s">
        <v>85</v>
      </c>
      <c r="P33110" t="s">
        <v>86</v>
      </c>
      <c r="Q33110">
        <v>16</v>
      </c>
      <c r="R33110">
        <v>17</v>
      </c>
      <c r="S33110">
        <v>17</v>
      </c>
      <c r="T33110">
        <v>17</v>
      </c>
      <c r="U33110">
        <v>18</v>
      </c>
      <c r="V33110">
        <v>18</v>
      </c>
      <c r="W33110">
        <v>18</v>
      </c>
      <c r="X33110">
        <v>19</v>
      </c>
      <c r="Y33110">
        <v>19</v>
      </c>
      <c r="Z33110">
        <v>19</v>
      </c>
      <c r="AA33110">
        <v>20</v>
      </c>
      <c r="AB33110">
        <v>20</v>
      </c>
      <c r="AC33110">
        <v>20</v>
      </c>
      <c r="AD33110">
        <v>21</v>
      </c>
      <c r="AE33110">
        <v>21</v>
      </c>
      <c r="AF33110">
        <v>21</v>
      </c>
      <c r="AG33110">
        <v>22</v>
      </c>
      <c r="AH33110">
        <v>22</v>
      </c>
      <c r="AI33110">
        <v>23</v>
      </c>
      <c r="AJ33110">
        <v>23</v>
      </c>
      <c r="AK33110">
        <v>23</v>
      </c>
      <c r="AL33110">
        <v>24</v>
      </c>
      <c r="AM33110">
        <v>24</v>
      </c>
      <c r="AN33110">
        <v>24</v>
      </c>
      <c r="AO33110">
        <v>24</v>
      </c>
      <c r="AP33110">
        <v>24</v>
      </c>
      <c r="AQ33110">
        <v>25</v>
      </c>
    </row>
    <row r="33111" spans="1:43">
      <c r="A33111" t="s">
        <v>20513</v>
      </c>
      <c r="B33111" t="s">
        <v>20514</v>
      </c>
      <c r="C33111" t="s">
        <v>20509</v>
      </c>
      <c r="D33111" t="s">
        <v>20510</v>
      </c>
      <c r="E33111" t="s">
        <v>20437</v>
      </c>
      <c r="F33111" t="s">
        <v>20438</v>
      </c>
      <c r="G33111" t="s">
        <v>20255</v>
      </c>
      <c r="H33111" t="s">
        <v>20256</v>
      </c>
      <c r="I33111" s="2">
        <v>1</v>
      </c>
      <c r="J33111" s="2">
        <v>0</v>
      </c>
      <c r="K33111" s="2">
        <v>0</v>
      </c>
      <c r="L33111" t="s">
        <v>120</v>
      </c>
      <c r="M33111" t="s">
        <v>87</v>
      </c>
      <c r="N33111" t="s">
        <v>88</v>
      </c>
      <c r="O33111" t="s">
        <v>85</v>
      </c>
      <c r="P33111" t="s">
        <v>86</v>
      </c>
      <c r="Q33111">
        <v>16</v>
      </c>
      <c r="R33111">
        <v>16</v>
      </c>
      <c r="S33111">
        <v>17</v>
      </c>
      <c r="T33111">
        <v>17</v>
      </c>
      <c r="U33111">
        <v>17</v>
      </c>
      <c r="V33111">
        <v>17</v>
      </c>
      <c r="W33111">
        <v>17</v>
      </c>
      <c r="X33111">
        <v>17</v>
      </c>
      <c r="Y33111">
        <v>18</v>
      </c>
      <c r="Z33111">
        <v>18</v>
      </c>
      <c r="AA33111">
        <v>18</v>
      </c>
      <c r="AB33111">
        <v>18</v>
      </c>
      <c r="AC33111">
        <v>18</v>
      </c>
      <c r="AD33111">
        <v>19</v>
      </c>
      <c r="AE33111">
        <v>19</v>
      </c>
      <c r="AF33111">
        <v>19</v>
      </c>
      <c r="AG33111">
        <v>19</v>
      </c>
      <c r="AH33111">
        <v>19</v>
      </c>
      <c r="AI33111">
        <v>20</v>
      </c>
      <c r="AJ33111">
        <v>20</v>
      </c>
      <c r="AK33111">
        <v>20</v>
      </c>
      <c r="AL33111">
        <v>20</v>
      </c>
      <c r="AM33111">
        <v>20</v>
      </c>
      <c r="AN33111">
        <v>21</v>
      </c>
      <c r="AO33111">
        <v>21</v>
      </c>
      <c r="AP33111">
        <v>21</v>
      </c>
      <c r="AQ33111">
        <v>21</v>
      </c>
    </row>
    <row r="33112" spans="1:43">
      <c r="A33112" t="s">
        <v>20513</v>
      </c>
      <c r="B33112" t="s">
        <v>20514</v>
      </c>
      <c r="C33112" t="s">
        <v>20509</v>
      </c>
      <c r="D33112" t="s">
        <v>20510</v>
      </c>
      <c r="E33112" t="s">
        <v>20437</v>
      </c>
      <c r="F33112" t="s">
        <v>20438</v>
      </c>
      <c r="G33112" t="s">
        <v>20255</v>
      </c>
      <c r="H33112" t="s">
        <v>20256</v>
      </c>
      <c r="I33112" s="2">
        <v>1</v>
      </c>
      <c r="J33112" s="2">
        <v>0</v>
      </c>
      <c r="K33112" s="2">
        <v>0</v>
      </c>
      <c r="L33112" t="s">
        <v>120</v>
      </c>
      <c r="M33112" t="s">
        <v>89</v>
      </c>
      <c r="N33112" t="s">
        <v>90</v>
      </c>
      <c r="O33112" t="s">
        <v>85</v>
      </c>
      <c r="P33112" t="s">
        <v>86</v>
      </c>
      <c r="Q33112">
        <v>16</v>
      </c>
      <c r="R33112">
        <v>16</v>
      </c>
      <c r="S33112">
        <v>17</v>
      </c>
      <c r="T33112">
        <v>17</v>
      </c>
      <c r="U33112">
        <v>17</v>
      </c>
      <c r="V33112">
        <v>18</v>
      </c>
      <c r="W33112">
        <v>18</v>
      </c>
      <c r="X33112">
        <v>19</v>
      </c>
      <c r="Y33112">
        <v>19</v>
      </c>
      <c r="Z33112">
        <v>20</v>
      </c>
      <c r="AA33112">
        <v>20</v>
      </c>
      <c r="AB33112">
        <v>20</v>
      </c>
      <c r="AC33112">
        <v>21</v>
      </c>
      <c r="AD33112">
        <v>21</v>
      </c>
      <c r="AE33112">
        <v>22</v>
      </c>
      <c r="AF33112">
        <v>22</v>
      </c>
      <c r="AG33112">
        <v>22</v>
      </c>
      <c r="AH33112">
        <v>22</v>
      </c>
      <c r="AI33112">
        <v>22</v>
      </c>
      <c r="AJ33112">
        <v>22</v>
      </c>
      <c r="AK33112">
        <v>23</v>
      </c>
      <c r="AL33112">
        <v>23</v>
      </c>
      <c r="AM33112">
        <v>23</v>
      </c>
      <c r="AN33112">
        <v>23</v>
      </c>
      <c r="AO33112">
        <v>23</v>
      </c>
      <c r="AP33112">
        <v>24</v>
      </c>
      <c r="AQ33112">
        <v>24</v>
      </c>
    </row>
    <row r="33113" spans="1:43">
      <c r="A33113" t="s">
        <v>20513</v>
      </c>
      <c r="B33113" t="s">
        <v>20514</v>
      </c>
      <c r="C33113" t="s">
        <v>20509</v>
      </c>
      <c r="D33113" t="s">
        <v>20510</v>
      </c>
      <c r="E33113" t="s">
        <v>20437</v>
      </c>
      <c r="F33113" t="s">
        <v>20438</v>
      </c>
      <c r="G33113" t="s">
        <v>20255</v>
      </c>
      <c r="H33113" t="s">
        <v>20256</v>
      </c>
      <c r="I33113" s="2">
        <v>1</v>
      </c>
      <c r="J33113" s="2">
        <v>0</v>
      </c>
      <c r="K33113" s="2">
        <v>0</v>
      </c>
      <c r="L33113" t="s">
        <v>120</v>
      </c>
      <c r="M33113" t="s">
        <v>83</v>
      </c>
      <c r="N33113" t="s">
        <v>91</v>
      </c>
      <c r="O33113" t="s">
        <v>85</v>
      </c>
      <c r="P33113" t="s">
        <v>86</v>
      </c>
      <c r="Q33113">
        <v>16</v>
      </c>
      <c r="R33113">
        <v>17</v>
      </c>
      <c r="S33113">
        <v>17</v>
      </c>
      <c r="T33113">
        <v>17</v>
      </c>
      <c r="U33113">
        <v>18</v>
      </c>
      <c r="V33113">
        <v>18</v>
      </c>
      <c r="W33113">
        <v>18</v>
      </c>
      <c r="X33113">
        <v>19</v>
      </c>
      <c r="Y33113">
        <v>19</v>
      </c>
      <c r="Z33113">
        <v>19</v>
      </c>
      <c r="AA33113">
        <v>20</v>
      </c>
      <c r="AB33113">
        <v>20</v>
      </c>
      <c r="AC33113">
        <v>20</v>
      </c>
      <c r="AD33113">
        <v>21</v>
      </c>
      <c r="AE33113">
        <v>21</v>
      </c>
      <c r="AF33113">
        <v>21</v>
      </c>
      <c r="AG33113">
        <v>22</v>
      </c>
      <c r="AH33113">
        <v>22</v>
      </c>
      <c r="AI33113">
        <v>23</v>
      </c>
      <c r="AJ33113">
        <v>23</v>
      </c>
      <c r="AK33113">
        <v>23</v>
      </c>
      <c r="AL33113">
        <v>24</v>
      </c>
      <c r="AM33113">
        <v>24</v>
      </c>
      <c r="AN33113">
        <v>24</v>
      </c>
      <c r="AO33113">
        <v>24</v>
      </c>
      <c r="AP33113">
        <v>24</v>
      </c>
      <c r="AQ33113">
        <v>25</v>
      </c>
    </row>
    <row r="33114" spans="1:43">
      <c r="A33114" t="s">
        <v>20515</v>
      </c>
      <c r="B33114" t="s">
        <v>20516</v>
      </c>
      <c r="C33114" t="s">
        <v>20509</v>
      </c>
      <c r="D33114" t="s">
        <v>20510</v>
      </c>
      <c r="E33114" t="s">
        <v>20437</v>
      </c>
      <c r="F33114" t="s">
        <v>20438</v>
      </c>
      <c r="G33114" t="s">
        <v>20255</v>
      </c>
      <c r="H33114" t="s">
        <v>20256</v>
      </c>
      <c r="I33114" s="2">
        <v>1</v>
      </c>
      <c r="J33114" s="2">
        <v>0</v>
      </c>
      <c r="K33114" s="2">
        <v>0</v>
      </c>
      <c r="L33114" t="s">
        <v>120</v>
      </c>
      <c r="M33114" t="s">
        <v>83</v>
      </c>
      <c r="N33114" t="s">
        <v>84</v>
      </c>
      <c r="O33114" t="s">
        <v>85</v>
      </c>
      <c r="P33114" t="s">
        <v>86</v>
      </c>
      <c r="Q33114">
        <v>65</v>
      </c>
      <c r="R33114">
        <v>67</v>
      </c>
      <c r="S33114">
        <v>68</v>
      </c>
      <c r="T33114">
        <v>69</v>
      </c>
      <c r="U33114">
        <v>70</v>
      </c>
      <c r="V33114">
        <v>72</v>
      </c>
      <c r="W33114">
        <v>73</v>
      </c>
      <c r="X33114">
        <v>74</v>
      </c>
      <c r="Y33114">
        <v>76</v>
      </c>
      <c r="Z33114">
        <v>77</v>
      </c>
      <c r="AA33114">
        <v>78</v>
      </c>
      <c r="AB33114">
        <v>80</v>
      </c>
      <c r="AC33114">
        <v>81</v>
      </c>
      <c r="AD33114">
        <v>82</v>
      </c>
      <c r="AE33114">
        <v>84</v>
      </c>
      <c r="AF33114">
        <v>85</v>
      </c>
      <c r="AG33114">
        <v>87</v>
      </c>
      <c r="AH33114">
        <v>88</v>
      </c>
      <c r="AI33114">
        <v>90</v>
      </c>
      <c r="AJ33114">
        <v>91</v>
      </c>
      <c r="AK33114">
        <v>93</v>
      </c>
      <c r="AL33114">
        <v>94</v>
      </c>
      <c r="AM33114">
        <v>94</v>
      </c>
      <c r="AN33114">
        <v>95</v>
      </c>
      <c r="AO33114">
        <v>96</v>
      </c>
      <c r="AP33114">
        <v>97</v>
      </c>
      <c r="AQ33114">
        <v>98</v>
      </c>
    </row>
    <row r="33115" spans="1:43">
      <c r="A33115" t="s">
        <v>20515</v>
      </c>
      <c r="B33115" t="s">
        <v>20516</v>
      </c>
      <c r="C33115" t="s">
        <v>20509</v>
      </c>
      <c r="D33115" t="s">
        <v>20510</v>
      </c>
      <c r="E33115" t="s">
        <v>20437</v>
      </c>
      <c r="F33115" t="s">
        <v>20438</v>
      </c>
      <c r="G33115" t="s">
        <v>20255</v>
      </c>
      <c r="H33115" t="s">
        <v>20256</v>
      </c>
      <c r="I33115" s="2">
        <v>1</v>
      </c>
      <c r="J33115" s="2">
        <v>0</v>
      </c>
      <c r="K33115" s="2">
        <v>0</v>
      </c>
      <c r="L33115" t="s">
        <v>120</v>
      </c>
      <c r="M33115" t="s">
        <v>87</v>
      </c>
      <c r="N33115" t="s">
        <v>88</v>
      </c>
      <c r="O33115" t="s">
        <v>85</v>
      </c>
      <c r="P33115" t="s">
        <v>86</v>
      </c>
      <c r="Q33115">
        <v>65</v>
      </c>
      <c r="R33115">
        <v>65</v>
      </c>
      <c r="S33115">
        <v>66</v>
      </c>
      <c r="T33115">
        <v>67</v>
      </c>
      <c r="U33115">
        <v>67</v>
      </c>
      <c r="V33115">
        <v>68</v>
      </c>
      <c r="W33115">
        <v>69</v>
      </c>
      <c r="X33115">
        <v>69</v>
      </c>
      <c r="Y33115">
        <v>70</v>
      </c>
      <c r="Z33115">
        <v>71</v>
      </c>
      <c r="AA33115">
        <v>71</v>
      </c>
      <c r="AB33115">
        <v>72</v>
      </c>
      <c r="AC33115">
        <v>73</v>
      </c>
      <c r="AD33115">
        <v>74</v>
      </c>
      <c r="AE33115">
        <v>74</v>
      </c>
      <c r="AF33115">
        <v>75</v>
      </c>
      <c r="AG33115">
        <v>76</v>
      </c>
      <c r="AH33115">
        <v>77</v>
      </c>
      <c r="AI33115">
        <v>78</v>
      </c>
      <c r="AJ33115">
        <v>78</v>
      </c>
      <c r="AK33115">
        <v>79</v>
      </c>
      <c r="AL33115">
        <v>80</v>
      </c>
      <c r="AM33115">
        <v>81</v>
      </c>
      <c r="AN33115">
        <v>82</v>
      </c>
      <c r="AO33115">
        <v>83</v>
      </c>
      <c r="AP33115">
        <v>84</v>
      </c>
      <c r="AQ33115">
        <v>85</v>
      </c>
    </row>
    <row r="33116" spans="1:43">
      <c r="A33116" t="s">
        <v>20515</v>
      </c>
      <c r="B33116" t="s">
        <v>20516</v>
      </c>
      <c r="C33116" t="s">
        <v>20509</v>
      </c>
      <c r="D33116" t="s">
        <v>20510</v>
      </c>
      <c r="E33116" t="s">
        <v>20437</v>
      </c>
      <c r="F33116" t="s">
        <v>20438</v>
      </c>
      <c r="G33116" t="s">
        <v>20255</v>
      </c>
      <c r="H33116" t="s">
        <v>20256</v>
      </c>
      <c r="I33116" s="2">
        <v>1</v>
      </c>
      <c r="J33116" s="2">
        <v>0</v>
      </c>
      <c r="K33116" s="2">
        <v>0</v>
      </c>
      <c r="L33116" t="s">
        <v>120</v>
      </c>
      <c r="M33116" t="s">
        <v>89</v>
      </c>
      <c r="N33116" t="s">
        <v>90</v>
      </c>
      <c r="O33116" t="s">
        <v>85</v>
      </c>
      <c r="P33116" t="s">
        <v>86</v>
      </c>
      <c r="Q33116">
        <v>65</v>
      </c>
      <c r="R33116">
        <v>67</v>
      </c>
      <c r="S33116">
        <v>69</v>
      </c>
      <c r="T33116">
        <v>70</v>
      </c>
      <c r="U33116">
        <v>72</v>
      </c>
      <c r="V33116">
        <v>74</v>
      </c>
      <c r="W33116">
        <v>76</v>
      </c>
      <c r="X33116">
        <v>77</v>
      </c>
      <c r="Y33116">
        <v>79</v>
      </c>
      <c r="Z33116">
        <v>81</v>
      </c>
      <c r="AA33116">
        <v>82</v>
      </c>
      <c r="AB33116">
        <v>84</v>
      </c>
      <c r="AC33116">
        <v>86</v>
      </c>
      <c r="AD33116">
        <v>87</v>
      </c>
      <c r="AE33116">
        <v>89</v>
      </c>
      <c r="AF33116">
        <v>89</v>
      </c>
      <c r="AG33116">
        <v>90</v>
      </c>
      <c r="AH33116">
        <v>91</v>
      </c>
      <c r="AI33116">
        <v>92</v>
      </c>
      <c r="AJ33116">
        <v>92</v>
      </c>
      <c r="AK33116">
        <v>93</v>
      </c>
      <c r="AL33116">
        <v>94</v>
      </c>
      <c r="AM33116">
        <v>95</v>
      </c>
      <c r="AN33116">
        <v>95</v>
      </c>
      <c r="AO33116">
        <v>96</v>
      </c>
      <c r="AP33116">
        <v>97</v>
      </c>
      <c r="AQ33116">
        <v>98</v>
      </c>
    </row>
    <row r="33117" spans="1:43">
      <c r="A33117" t="s">
        <v>20515</v>
      </c>
      <c r="B33117" t="s">
        <v>20516</v>
      </c>
      <c r="C33117" t="s">
        <v>20509</v>
      </c>
      <c r="D33117" t="s">
        <v>20510</v>
      </c>
      <c r="E33117" t="s">
        <v>20437</v>
      </c>
      <c r="F33117" t="s">
        <v>20438</v>
      </c>
      <c r="G33117" t="s">
        <v>20255</v>
      </c>
      <c r="H33117" t="s">
        <v>20256</v>
      </c>
      <c r="I33117" s="2">
        <v>1</v>
      </c>
      <c r="J33117" s="2">
        <v>0</v>
      </c>
      <c r="K33117" s="2">
        <v>0</v>
      </c>
      <c r="L33117" t="s">
        <v>120</v>
      </c>
      <c r="M33117" t="s">
        <v>83</v>
      </c>
      <c r="N33117" t="s">
        <v>91</v>
      </c>
      <c r="O33117" t="s">
        <v>85</v>
      </c>
      <c r="P33117" t="s">
        <v>86</v>
      </c>
      <c r="Q33117">
        <v>65</v>
      </c>
      <c r="R33117">
        <v>67</v>
      </c>
      <c r="S33117">
        <v>68</v>
      </c>
      <c r="T33117">
        <v>69</v>
      </c>
      <c r="U33117">
        <v>70</v>
      </c>
      <c r="V33117">
        <v>72</v>
      </c>
      <c r="W33117">
        <v>73</v>
      </c>
      <c r="X33117">
        <v>74</v>
      </c>
      <c r="Y33117">
        <v>76</v>
      </c>
      <c r="Z33117">
        <v>77</v>
      </c>
      <c r="AA33117">
        <v>78</v>
      </c>
      <c r="AB33117">
        <v>80</v>
      </c>
      <c r="AC33117">
        <v>81</v>
      </c>
      <c r="AD33117">
        <v>82</v>
      </c>
      <c r="AE33117">
        <v>84</v>
      </c>
      <c r="AF33117">
        <v>85</v>
      </c>
      <c r="AG33117">
        <v>87</v>
      </c>
      <c r="AH33117">
        <v>88</v>
      </c>
      <c r="AI33117">
        <v>90</v>
      </c>
      <c r="AJ33117">
        <v>91</v>
      </c>
      <c r="AK33117">
        <v>93</v>
      </c>
      <c r="AL33117">
        <v>94</v>
      </c>
      <c r="AM33117">
        <v>94</v>
      </c>
      <c r="AN33117">
        <v>95</v>
      </c>
      <c r="AO33117">
        <v>96</v>
      </c>
      <c r="AP33117">
        <v>97</v>
      </c>
      <c r="AQ33117">
        <v>98</v>
      </c>
    </row>
    <row r="33118" spans="1:43">
      <c r="A33118" t="s">
        <v>20517</v>
      </c>
      <c r="B33118" t="s">
        <v>20518</v>
      </c>
      <c r="C33118" t="s">
        <v>20519</v>
      </c>
      <c r="D33118" t="s">
        <v>20520</v>
      </c>
      <c r="E33118" t="s">
        <v>20437</v>
      </c>
      <c r="F33118" t="s">
        <v>20438</v>
      </c>
      <c r="G33118" t="s">
        <v>20255</v>
      </c>
      <c r="H33118" t="s">
        <v>20256</v>
      </c>
      <c r="I33118" s="2">
        <v>1</v>
      </c>
      <c r="J33118" s="2">
        <v>0</v>
      </c>
      <c r="K33118" s="2">
        <v>0</v>
      </c>
      <c r="L33118" t="s">
        <v>120</v>
      </c>
      <c r="M33118" t="s">
        <v>83</v>
      </c>
      <c r="N33118" t="s">
        <v>84</v>
      </c>
      <c r="O33118" t="s">
        <v>85</v>
      </c>
      <c r="P33118" t="s">
        <v>86</v>
      </c>
      <c r="Q33118">
        <v>48</v>
      </c>
      <c r="R33118">
        <v>49</v>
      </c>
      <c r="S33118">
        <v>50</v>
      </c>
      <c r="T33118">
        <v>51</v>
      </c>
      <c r="U33118">
        <v>52</v>
      </c>
      <c r="V33118">
        <v>53</v>
      </c>
      <c r="W33118">
        <v>53</v>
      </c>
      <c r="X33118">
        <v>54</v>
      </c>
      <c r="Y33118">
        <v>55</v>
      </c>
      <c r="Z33118">
        <v>56</v>
      </c>
      <c r="AA33118">
        <v>57</v>
      </c>
      <c r="AB33118">
        <v>58</v>
      </c>
      <c r="AC33118">
        <v>59</v>
      </c>
      <c r="AD33118">
        <v>60</v>
      </c>
      <c r="AE33118">
        <v>61</v>
      </c>
      <c r="AF33118">
        <v>62</v>
      </c>
      <c r="AG33118">
        <v>63</v>
      </c>
      <c r="AH33118">
        <v>64</v>
      </c>
      <c r="AI33118">
        <v>65</v>
      </c>
      <c r="AJ33118">
        <v>67</v>
      </c>
      <c r="AK33118">
        <v>68</v>
      </c>
      <c r="AL33118">
        <v>68</v>
      </c>
      <c r="AM33118">
        <v>69</v>
      </c>
      <c r="AN33118">
        <v>69</v>
      </c>
      <c r="AO33118">
        <v>70</v>
      </c>
      <c r="AP33118">
        <v>71</v>
      </c>
      <c r="AQ33118">
        <v>71</v>
      </c>
    </row>
    <row r="33119" spans="1:43">
      <c r="A33119" t="s">
        <v>20517</v>
      </c>
      <c r="B33119" t="s">
        <v>20518</v>
      </c>
      <c r="C33119" t="s">
        <v>20519</v>
      </c>
      <c r="D33119" t="s">
        <v>20520</v>
      </c>
      <c r="E33119" t="s">
        <v>20437</v>
      </c>
      <c r="F33119" t="s">
        <v>20438</v>
      </c>
      <c r="G33119" t="s">
        <v>20255</v>
      </c>
      <c r="H33119" t="s">
        <v>20256</v>
      </c>
      <c r="I33119" s="2">
        <v>1</v>
      </c>
      <c r="J33119" s="2">
        <v>0</v>
      </c>
      <c r="K33119" s="2">
        <v>0</v>
      </c>
      <c r="L33119" t="s">
        <v>120</v>
      </c>
      <c r="M33119" t="s">
        <v>87</v>
      </c>
      <c r="N33119" t="s">
        <v>88</v>
      </c>
      <c r="O33119" t="s">
        <v>85</v>
      </c>
      <c r="P33119" t="s">
        <v>86</v>
      </c>
      <c r="Q33119">
        <v>48</v>
      </c>
      <c r="R33119">
        <v>49</v>
      </c>
      <c r="S33119">
        <v>49</v>
      </c>
      <c r="T33119">
        <v>50</v>
      </c>
      <c r="U33119">
        <v>50</v>
      </c>
      <c r="V33119">
        <v>51</v>
      </c>
      <c r="W33119">
        <v>51</v>
      </c>
      <c r="X33119">
        <v>52</v>
      </c>
      <c r="Y33119">
        <v>52</v>
      </c>
      <c r="Z33119">
        <v>53</v>
      </c>
      <c r="AA33119">
        <v>53</v>
      </c>
      <c r="AB33119">
        <v>54</v>
      </c>
      <c r="AC33119">
        <v>54</v>
      </c>
      <c r="AD33119">
        <v>55</v>
      </c>
      <c r="AE33119">
        <v>55</v>
      </c>
      <c r="AF33119">
        <v>56</v>
      </c>
      <c r="AG33119">
        <v>56</v>
      </c>
      <c r="AH33119">
        <v>57</v>
      </c>
      <c r="AI33119">
        <v>57</v>
      </c>
      <c r="AJ33119">
        <v>58</v>
      </c>
      <c r="AK33119">
        <v>59</v>
      </c>
      <c r="AL33119">
        <v>59</v>
      </c>
      <c r="AM33119">
        <v>60</v>
      </c>
      <c r="AN33119">
        <v>60</v>
      </c>
      <c r="AO33119">
        <v>61</v>
      </c>
      <c r="AP33119">
        <v>62</v>
      </c>
      <c r="AQ33119">
        <v>62</v>
      </c>
    </row>
    <row r="33120" spans="1:43">
      <c r="A33120" t="s">
        <v>20517</v>
      </c>
      <c r="B33120" t="s">
        <v>20518</v>
      </c>
      <c r="C33120" t="s">
        <v>20519</v>
      </c>
      <c r="D33120" t="s">
        <v>20520</v>
      </c>
      <c r="E33120" t="s">
        <v>20437</v>
      </c>
      <c r="F33120" t="s">
        <v>20438</v>
      </c>
      <c r="G33120" t="s">
        <v>20255</v>
      </c>
      <c r="H33120" t="s">
        <v>20256</v>
      </c>
      <c r="I33120" s="2">
        <v>1</v>
      </c>
      <c r="J33120" s="2">
        <v>0</v>
      </c>
      <c r="K33120" s="2">
        <v>0</v>
      </c>
      <c r="L33120" t="s">
        <v>120</v>
      </c>
      <c r="M33120" t="s">
        <v>89</v>
      </c>
      <c r="N33120" t="s">
        <v>90</v>
      </c>
      <c r="O33120" t="s">
        <v>85</v>
      </c>
      <c r="P33120" t="s">
        <v>86</v>
      </c>
      <c r="Q33120">
        <v>48</v>
      </c>
      <c r="R33120">
        <v>50</v>
      </c>
      <c r="S33120">
        <v>51</v>
      </c>
      <c r="T33120">
        <v>52</v>
      </c>
      <c r="U33120">
        <v>54</v>
      </c>
      <c r="V33120">
        <v>55</v>
      </c>
      <c r="W33120">
        <v>56</v>
      </c>
      <c r="X33120">
        <v>57</v>
      </c>
      <c r="Y33120">
        <v>59</v>
      </c>
      <c r="Z33120">
        <v>60</v>
      </c>
      <c r="AA33120">
        <v>61</v>
      </c>
      <c r="AB33120">
        <v>62</v>
      </c>
      <c r="AC33120">
        <v>64</v>
      </c>
      <c r="AD33120">
        <v>65</v>
      </c>
      <c r="AE33120">
        <v>66</v>
      </c>
      <c r="AF33120">
        <v>66</v>
      </c>
      <c r="AG33120">
        <v>67</v>
      </c>
      <c r="AH33120">
        <v>67</v>
      </c>
      <c r="AI33120">
        <v>68</v>
      </c>
      <c r="AJ33120">
        <v>68</v>
      </c>
      <c r="AK33120">
        <v>69</v>
      </c>
      <c r="AL33120">
        <v>69</v>
      </c>
      <c r="AM33120">
        <v>70</v>
      </c>
      <c r="AN33120">
        <v>70</v>
      </c>
      <c r="AO33120">
        <v>71</v>
      </c>
      <c r="AP33120">
        <v>71</v>
      </c>
      <c r="AQ33120">
        <v>72</v>
      </c>
    </row>
    <row r="33121" spans="1:43">
      <c r="A33121" t="s">
        <v>20517</v>
      </c>
      <c r="B33121" t="s">
        <v>20518</v>
      </c>
      <c r="C33121" t="s">
        <v>20519</v>
      </c>
      <c r="D33121" t="s">
        <v>20520</v>
      </c>
      <c r="E33121" t="s">
        <v>20437</v>
      </c>
      <c r="F33121" t="s">
        <v>20438</v>
      </c>
      <c r="G33121" t="s">
        <v>20255</v>
      </c>
      <c r="H33121" t="s">
        <v>20256</v>
      </c>
      <c r="I33121" s="2">
        <v>1</v>
      </c>
      <c r="J33121" s="2">
        <v>0</v>
      </c>
      <c r="K33121" s="2">
        <v>0</v>
      </c>
      <c r="L33121" t="s">
        <v>120</v>
      </c>
      <c r="M33121" t="s">
        <v>83</v>
      </c>
      <c r="N33121" t="s">
        <v>91</v>
      </c>
      <c r="O33121" t="s">
        <v>85</v>
      </c>
      <c r="P33121" t="s">
        <v>86</v>
      </c>
      <c r="Q33121">
        <v>48</v>
      </c>
      <c r="R33121">
        <v>49</v>
      </c>
      <c r="S33121">
        <v>50</v>
      </c>
      <c r="T33121">
        <v>51</v>
      </c>
      <c r="U33121">
        <v>52</v>
      </c>
      <c r="V33121">
        <v>53</v>
      </c>
      <c r="W33121">
        <v>53</v>
      </c>
      <c r="X33121">
        <v>54</v>
      </c>
      <c r="Y33121">
        <v>55</v>
      </c>
      <c r="Z33121">
        <v>56</v>
      </c>
      <c r="AA33121">
        <v>57</v>
      </c>
      <c r="AB33121">
        <v>58</v>
      </c>
      <c r="AC33121">
        <v>59</v>
      </c>
      <c r="AD33121">
        <v>60</v>
      </c>
      <c r="AE33121">
        <v>61</v>
      </c>
      <c r="AF33121">
        <v>62</v>
      </c>
      <c r="AG33121">
        <v>63</v>
      </c>
      <c r="AH33121">
        <v>64</v>
      </c>
      <c r="AI33121">
        <v>65</v>
      </c>
      <c r="AJ33121">
        <v>67</v>
      </c>
      <c r="AK33121">
        <v>68</v>
      </c>
      <c r="AL33121">
        <v>68</v>
      </c>
      <c r="AM33121">
        <v>69</v>
      </c>
      <c r="AN33121">
        <v>69</v>
      </c>
      <c r="AO33121">
        <v>70</v>
      </c>
      <c r="AP33121">
        <v>71</v>
      </c>
      <c r="AQ33121">
        <v>71</v>
      </c>
    </row>
    <row r="33122" spans="1:43">
      <c r="A33122" t="s">
        <v>20521</v>
      </c>
      <c r="B33122" t="s">
        <v>20522</v>
      </c>
      <c r="C33122" t="s">
        <v>20519</v>
      </c>
      <c r="D33122" t="s">
        <v>20520</v>
      </c>
      <c r="E33122" t="s">
        <v>20437</v>
      </c>
      <c r="F33122" t="s">
        <v>20438</v>
      </c>
      <c r="G33122" t="s">
        <v>20255</v>
      </c>
      <c r="H33122" t="s">
        <v>20256</v>
      </c>
      <c r="I33122" s="2">
        <v>1</v>
      </c>
      <c r="J33122" s="2">
        <v>0</v>
      </c>
      <c r="K33122" s="2">
        <v>0</v>
      </c>
      <c r="L33122" t="s">
        <v>120</v>
      </c>
      <c r="M33122" t="s">
        <v>83</v>
      </c>
      <c r="N33122" t="s">
        <v>84</v>
      </c>
      <c r="O33122" t="s">
        <v>85</v>
      </c>
      <c r="P33122" t="s">
        <v>86</v>
      </c>
      <c r="Q33122">
        <v>19</v>
      </c>
      <c r="R33122">
        <v>20</v>
      </c>
      <c r="S33122">
        <v>20</v>
      </c>
      <c r="T33122">
        <v>21</v>
      </c>
      <c r="U33122">
        <v>21</v>
      </c>
      <c r="V33122">
        <v>21</v>
      </c>
      <c r="W33122">
        <v>22</v>
      </c>
      <c r="X33122">
        <v>22</v>
      </c>
      <c r="Y33122">
        <v>23</v>
      </c>
      <c r="Z33122">
        <v>23</v>
      </c>
      <c r="AA33122">
        <v>23</v>
      </c>
      <c r="AB33122">
        <v>24</v>
      </c>
      <c r="AC33122">
        <v>24</v>
      </c>
      <c r="AD33122">
        <v>25</v>
      </c>
      <c r="AE33122">
        <v>25</v>
      </c>
      <c r="AF33122">
        <v>25</v>
      </c>
      <c r="AG33122">
        <v>26</v>
      </c>
      <c r="AH33122">
        <v>26</v>
      </c>
      <c r="AI33122">
        <v>27</v>
      </c>
      <c r="AJ33122">
        <v>27</v>
      </c>
      <c r="AK33122">
        <v>28</v>
      </c>
      <c r="AL33122">
        <v>28</v>
      </c>
      <c r="AM33122">
        <v>28</v>
      </c>
      <c r="AN33122">
        <v>28</v>
      </c>
      <c r="AO33122">
        <v>29</v>
      </c>
      <c r="AP33122">
        <v>29</v>
      </c>
      <c r="AQ33122">
        <v>29</v>
      </c>
    </row>
    <row r="33123" spans="1:43">
      <c r="A33123" t="s">
        <v>20521</v>
      </c>
      <c r="B33123" t="s">
        <v>20522</v>
      </c>
      <c r="C33123" t="s">
        <v>20519</v>
      </c>
      <c r="D33123" t="s">
        <v>20520</v>
      </c>
      <c r="E33123" t="s">
        <v>20437</v>
      </c>
      <c r="F33123" t="s">
        <v>20438</v>
      </c>
      <c r="G33123" t="s">
        <v>20255</v>
      </c>
      <c r="H33123" t="s">
        <v>20256</v>
      </c>
      <c r="I33123" s="2">
        <v>1</v>
      </c>
      <c r="J33123" s="2">
        <v>0</v>
      </c>
      <c r="K33123" s="2">
        <v>0</v>
      </c>
      <c r="L33123" t="s">
        <v>120</v>
      </c>
      <c r="M33123" t="s">
        <v>87</v>
      </c>
      <c r="N33123" t="s">
        <v>88</v>
      </c>
      <c r="O33123" t="s">
        <v>85</v>
      </c>
      <c r="P33123" t="s">
        <v>86</v>
      </c>
      <c r="Q33123">
        <v>19</v>
      </c>
      <c r="R33123">
        <v>19</v>
      </c>
      <c r="S33123">
        <v>20</v>
      </c>
      <c r="T33123">
        <v>20</v>
      </c>
      <c r="U33123">
        <v>20</v>
      </c>
      <c r="V33123">
        <v>20</v>
      </c>
      <c r="W33123">
        <v>20</v>
      </c>
      <c r="X33123">
        <v>21</v>
      </c>
      <c r="Y33123">
        <v>21</v>
      </c>
      <c r="Z33123">
        <v>21</v>
      </c>
      <c r="AA33123">
        <v>21</v>
      </c>
      <c r="AB33123">
        <v>22</v>
      </c>
      <c r="AC33123">
        <v>22</v>
      </c>
      <c r="AD33123">
        <v>22</v>
      </c>
      <c r="AE33123">
        <v>22</v>
      </c>
      <c r="AF33123">
        <v>22</v>
      </c>
      <c r="AG33123">
        <v>23</v>
      </c>
      <c r="AH33123">
        <v>23</v>
      </c>
      <c r="AI33123">
        <v>23</v>
      </c>
      <c r="AJ33123">
        <v>23</v>
      </c>
      <c r="AK33123">
        <v>24</v>
      </c>
      <c r="AL33123">
        <v>24</v>
      </c>
      <c r="AM33123">
        <v>24</v>
      </c>
      <c r="AN33123">
        <v>24</v>
      </c>
      <c r="AO33123">
        <v>25</v>
      </c>
      <c r="AP33123">
        <v>25</v>
      </c>
      <c r="AQ33123">
        <v>25</v>
      </c>
    </row>
    <row r="33124" spans="1:43">
      <c r="A33124" t="s">
        <v>20521</v>
      </c>
      <c r="B33124" t="s">
        <v>20522</v>
      </c>
      <c r="C33124" t="s">
        <v>20519</v>
      </c>
      <c r="D33124" t="s">
        <v>20520</v>
      </c>
      <c r="E33124" t="s">
        <v>20437</v>
      </c>
      <c r="F33124" t="s">
        <v>20438</v>
      </c>
      <c r="G33124" t="s">
        <v>20255</v>
      </c>
      <c r="H33124" t="s">
        <v>20256</v>
      </c>
      <c r="I33124" s="2">
        <v>1</v>
      </c>
      <c r="J33124" s="2">
        <v>0</v>
      </c>
      <c r="K33124" s="2">
        <v>0</v>
      </c>
      <c r="L33124" t="s">
        <v>120</v>
      </c>
      <c r="M33124" t="s">
        <v>89</v>
      </c>
      <c r="N33124" t="s">
        <v>90</v>
      </c>
      <c r="O33124" t="s">
        <v>85</v>
      </c>
      <c r="P33124" t="s">
        <v>86</v>
      </c>
      <c r="Q33124">
        <v>19</v>
      </c>
      <c r="R33124">
        <v>19</v>
      </c>
      <c r="S33124">
        <v>20</v>
      </c>
      <c r="T33124">
        <v>20</v>
      </c>
      <c r="U33124">
        <v>21</v>
      </c>
      <c r="V33124">
        <v>21</v>
      </c>
      <c r="W33124">
        <v>22</v>
      </c>
      <c r="X33124">
        <v>22</v>
      </c>
      <c r="Y33124">
        <v>23</v>
      </c>
      <c r="Z33124">
        <v>23</v>
      </c>
      <c r="AA33124">
        <v>24</v>
      </c>
      <c r="AB33124">
        <v>24</v>
      </c>
      <c r="AC33124">
        <v>25</v>
      </c>
      <c r="AD33124">
        <v>25</v>
      </c>
      <c r="AE33124">
        <v>26</v>
      </c>
      <c r="AF33124">
        <v>26</v>
      </c>
      <c r="AG33124">
        <v>26</v>
      </c>
      <c r="AH33124">
        <v>26</v>
      </c>
      <c r="AI33124">
        <v>27</v>
      </c>
      <c r="AJ33124">
        <v>27</v>
      </c>
      <c r="AK33124">
        <v>27</v>
      </c>
      <c r="AL33124">
        <v>27</v>
      </c>
      <c r="AM33124">
        <v>27</v>
      </c>
      <c r="AN33124">
        <v>28</v>
      </c>
      <c r="AO33124">
        <v>28</v>
      </c>
      <c r="AP33124">
        <v>28</v>
      </c>
      <c r="AQ33124">
        <v>28</v>
      </c>
    </row>
    <row r="33125" spans="1:43">
      <c r="A33125" t="s">
        <v>20521</v>
      </c>
      <c r="B33125" t="s">
        <v>20522</v>
      </c>
      <c r="C33125" t="s">
        <v>20519</v>
      </c>
      <c r="D33125" t="s">
        <v>20520</v>
      </c>
      <c r="E33125" t="s">
        <v>20437</v>
      </c>
      <c r="F33125" t="s">
        <v>20438</v>
      </c>
      <c r="G33125" t="s">
        <v>20255</v>
      </c>
      <c r="H33125" t="s">
        <v>20256</v>
      </c>
      <c r="I33125" s="2">
        <v>1</v>
      </c>
      <c r="J33125" s="2">
        <v>0</v>
      </c>
      <c r="K33125" s="2">
        <v>0</v>
      </c>
      <c r="L33125" t="s">
        <v>120</v>
      </c>
      <c r="M33125" t="s">
        <v>83</v>
      </c>
      <c r="N33125" t="s">
        <v>91</v>
      </c>
      <c r="O33125" t="s">
        <v>85</v>
      </c>
      <c r="P33125" t="s">
        <v>86</v>
      </c>
      <c r="Q33125">
        <v>19</v>
      </c>
      <c r="R33125">
        <v>20</v>
      </c>
      <c r="S33125">
        <v>20</v>
      </c>
      <c r="T33125">
        <v>21</v>
      </c>
      <c r="U33125">
        <v>21</v>
      </c>
      <c r="V33125">
        <v>21</v>
      </c>
      <c r="W33125">
        <v>22</v>
      </c>
      <c r="X33125">
        <v>22</v>
      </c>
      <c r="Y33125">
        <v>23</v>
      </c>
      <c r="Z33125">
        <v>23</v>
      </c>
      <c r="AA33125">
        <v>23</v>
      </c>
      <c r="AB33125">
        <v>24</v>
      </c>
      <c r="AC33125">
        <v>24</v>
      </c>
      <c r="AD33125">
        <v>25</v>
      </c>
      <c r="AE33125">
        <v>25</v>
      </c>
      <c r="AF33125">
        <v>25</v>
      </c>
      <c r="AG33125">
        <v>26</v>
      </c>
      <c r="AH33125">
        <v>26</v>
      </c>
      <c r="AI33125">
        <v>27</v>
      </c>
      <c r="AJ33125">
        <v>27</v>
      </c>
      <c r="AK33125">
        <v>28</v>
      </c>
      <c r="AL33125">
        <v>28</v>
      </c>
      <c r="AM33125">
        <v>28</v>
      </c>
      <c r="AN33125">
        <v>28</v>
      </c>
      <c r="AO33125">
        <v>29</v>
      </c>
      <c r="AP33125">
        <v>29</v>
      </c>
      <c r="AQ33125">
        <v>29</v>
      </c>
    </row>
    <row r="33126" spans="1:43">
      <c r="A33126" t="s">
        <v>20523</v>
      </c>
      <c r="B33126" t="s">
        <v>20524</v>
      </c>
      <c r="C33126" t="s">
        <v>20519</v>
      </c>
      <c r="D33126" t="s">
        <v>20520</v>
      </c>
      <c r="E33126" t="s">
        <v>20437</v>
      </c>
      <c r="F33126" t="s">
        <v>20438</v>
      </c>
      <c r="G33126" t="s">
        <v>20255</v>
      </c>
      <c r="H33126" t="s">
        <v>20256</v>
      </c>
      <c r="I33126" s="2">
        <v>1</v>
      </c>
      <c r="J33126" s="2">
        <v>0</v>
      </c>
      <c r="K33126" s="2">
        <v>0</v>
      </c>
      <c r="L33126" t="s">
        <v>120</v>
      </c>
      <c r="M33126" t="s">
        <v>83</v>
      </c>
      <c r="N33126" t="s">
        <v>84</v>
      </c>
      <c r="O33126" t="s">
        <v>85</v>
      </c>
      <c r="P33126" t="s">
        <v>86</v>
      </c>
      <c r="Q33126">
        <v>13</v>
      </c>
      <c r="R33126">
        <v>13</v>
      </c>
      <c r="S33126">
        <v>14</v>
      </c>
      <c r="T33126">
        <v>14</v>
      </c>
      <c r="U33126">
        <v>14</v>
      </c>
      <c r="V33126">
        <v>14</v>
      </c>
      <c r="W33126">
        <v>15</v>
      </c>
      <c r="X33126">
        <v>15</v>
      </c>
      <c r="Y33126">
        <v>15</v>
      </c>
      <c r="Z33126">
        <v>15</v>
      </c>
      <c r="AA33126">
        <v>16</v>
      </c>
      <c r="AB33126">
        <v>16</v>
      </c>
      <c r="AC33126">
        <v>16</v>
      </c>
      <c r="AD33126">
        <v>16</v>
      </c>
      <c r="AE33126">
        <v>17</v>
      </c>
      <c r="AF33126">
        <v>17</v>
      </c>
      <c r="AG33126">
        <v>17</v>
      </c>
      <c r="AH33126">
        <v>18</v>
      </c>
      <c r="AI33126">
        <v>18</v>
      </c>
      <c r="AJ33126">
        <v>18</v>
      </c>
      <c r="AK33126">
        <v>19</v>
      </c>
      <c r="AL33126">
        <v>19</v>
      </c>
      <c r="AM33126">
        <v>19</v>
      </c>
      <c r="AN33126">
        <v>19</v>
      </c>
      <c r="AO33126">
        <v>19</v>
      </c>
      <c r="AP33126">
        <v>19</v>
      </c>
      <c r="AQ33126">
        <v>20</v>
      </c>
    </row>
    <row r="33127" spans="1:43">
      <c r="A33127" t="s">
        <v>20523</v>
      </c>
      <c r="B33127" t="s">
        <v>20524</v>
      </c>
      <c r="C33127" t="s">
        <v>20519</v>
      </c>
      <c r="D33127" t="s">
        <v>20520</v>
      </c>
      <c r="E33127" t="s">
        <v>20437</v>
      </c>
      <c r="F33127" t="s">
        <v>20438</v>
      </c>
      <c r="G33127" t="s">
        <v>20255</v>
      </c>
      <c r="H33127" t="s">
        <v>20256</v>
      </c>
      <c r="I33127" s="2">
        <v>1</v>
      </c>
      <c r="J33127" s="2">
        <v>0</v>
      </c>
      <c r="K33127" s="2">
        <v>0</v>
      </c>
      <c r="L33127" t="s">
        <v>120</v>
      </c>
      <c r="M33127" t="s">
        <v>87</v>
      </c>
      <c r="N33127" t="s">
        <v>88</v>
      </c>
      <c r="O33127" t="s">
        <v>85</v>
      </c>
      <c r="P33127" t="s">
        <v>86</v>
      </c>
      <c r="Q33127">
        <v>13</v>
      </c>
      <c r="R33127">
        <v>13</v>
      </c>
      <c r="S33127">
        <v>13</v>
      </c>
      <c r="T33127">
        <v>13</v>
      </c>
      <c r="U33127">
        <v>13</v>
      </c>
      <c r="V33127">
        <v>14</v>
      </c>
      <c r="W33127">
        <v>14</v>
      </c>
      <c r="X33127">
        <v>14</v>
      </c>
      <c r="Y33127">
        <v>14</v>
      </c>
      <c r="Z33127">
        <v>14</v>
      </c>
      <c r="AA33127">
        <v>14</v>
      </c>
      <c r="AB33127">
        <v>14</v>
      </c>
      <c r="AC33127">
        <v>15</v>
      </c>
      <c r="AD33127">
        <v>15</v>
      </c>
      <c r="AE33127">
        <v>15</v>
      </c>
      <c r="AF33127">
        <v>15</v>
      </c>
      <c r="AG33127">
        <v>15</v>
      </c>
      <c r="AH33127">
        <v>15</v>
      </c>
      <c r="AI33127">
        <v>16</v>
      </c>
      <c r="AJ33127">
        <v>16</v>
      </c>
      <c r="AK33127">
        <v>16</v>
      </c>
      <c r="AL33127">
        <v>16</v>
      </c>
      <c r="AM33127">
        <v>16</v>
      </c>
      <c r="AN33127">
        <v>16</v>
      </c>
      <c r="AO33127">
        <v>17</v>
      </c>
      <c r="AP33127">
        <v>17</v>
      </c>
      <c r="AQ33127">
        <v>17</v>
      </c>
    </row>
    <row r="33128" spans="1:43">
      <c r="A33128" t="s">
        <v>20523</v>
      </c>
      <c r="B33128" t="s">
        <v>20524</v>
      </c>
      <c r="C33128" t="s">
        <v>20519</v>
      </c>
      <c r="D33128" t="s">
        <v>20520</v>
      </c>
      <c r="E33128" t="s">
        <v>20437</v>
      </c>
      <c r="F33128" t="s">
        <v>20438</v>
      </c>
      <c r="G33128" t="s">
        <v>20255</v>
      </c>
      <c r="H33128" t="s">
        <v>20256</v>
      </c>
      <c r="I33128" s="2">
        <v>1</v>
      </c>
      <c r="J33128" s="2">
        <v>0</v>
      </c>
      <c r="K33128" s="2">
        <v>0</v>
      </c>
      <c r="L33128" t="s">
        <v>120</v>
      </c>
      <c r="M33128" t="s">
        <v>89</v>
      </c>
      <c r="N33128" t="s">
        <v>90</v>
      </c>
      <c r="O33128" t="s">
        <v>85</v>
      </c>
      <c r="P33128" t="s">
        <v>86</v>
      </c>
      <c r="Q33128">
        <v>13</v>
      </c>
      <c r="R33128">
        <v>14</v>
      </c>
      <c r="S33128">
        <v>14</v>
      </c>
      <c r="T33128">
        <v>14</v>
      </c>
      <c r="U33128">
        <v>15</v>
      </c>
      <c r="V33128">
        <v>15</v>
      </c>
      <c r="W33128">
        <v>15</v>
      </c>
      <c r="X33128">
        <v>16</v>
      </c>
      <c r="Y33128">
        <v>16</v>
      </c>
      <c r="Z33128">
        <v>16</v>
      </c>
      <c r="AA33128">
        <v>17</v>
      </c>
      <c r="AB33128">
        <v>17</v>
      </c>
      <c r="AC33128">
        <v>17</v>
      </c>
      <c r="AD33128">
        <v>18</v>
      </c>
      <c r="AE33128">
        <v>18</v>
      </c>
      <c r="AF33128">
        <v>18</v>
      </c>
      <c r="AG33128">
        <v>18</v>
      </c>
      <c r="AH33128">
        <v>18</v>
      </c>
      <c r="AI33128">
        <v>19</v>
      </c>
      <c r="AJ33128">
        <v>19</v>
      </c>
      <c r="AK33128">
        <v>19</v>
      </c>
      <c r="AL33128">
        <v>19</v>
      </c>
      <c r="AM33128">
        <v>19</v>
      </c>
      <c r="AN33128">
        <v>19</v>
      </c>
      <c r="AO33128">
        <v>19</v>
      </c>
      <c r="AP33128">
        <v>20</v>
      </c>
      <c r="AQ33128">
        <v>20</v>
      </c>
    </row>
    <row r="33129" spans="1:43">
      <c r="A33129" t="s">
        <v>20523</v>
      </c>
      <c r="B33129" t="s">
        <v>20524</v>
      </c>
      <c r="C33129" t="s">
        <v>20519</v>
      </c>
      <c r="D33129" t="s">
        <v>20520</v>
      </c>
      <c r="E33129" t="s">
        <v>20437</v>
      </c>
      <c r="F33129" t="s">
        <v>20438</v>
      </c>
      <c r="G33129" t="s">
        <v>20255</v>
      </c>
      <c r="H33129" t="s">
        <v>20256</v>
      </c>
      <c r="I33129" s="2">
        <v>1</v>
      </c>
      <c r="J33129" s="2">
        <v>0</v>
      </c>
      <c r="K33129" s="2">
        <v>0</v>
      </c>
      <c r="L33129" t="s">
        <v>120</v>
      </c>
      <c r="M33129" t="s">
        <v>83</v>
      </c>
      <c r="N33129" t="s">
        <v>91</v>
      </c>
      <c r="O33129" t="s">
        <v>85</v>
      </c>
      <c r="P33129" t="s">
        <v>86</v>
      </c>
      <c r="Q33129">
        <v>13</v>
      </c>
      <c r="R33129">
        <v>13</v>
      </c>
      <c r="S33129">
        <v>14</v>
      </c>
      <c r="T33129">
        <v>14</v>
      </c>
      <c r="U33129">
        <v>14</v>
      </c>
      <c r="V33129">
        <v>14</v>
      </c>
      <c r="W33129">
        <v>15</v>
      </c>
      <c r="X33129">
        <v>15</v>
      </c>
      <c r="Y33129">
        <v>15</v>
      </c>
      <c r="Z33129">
        <v>15</v>
      </c>
      <c r="AA33129">
        <v>16</v>
      </c>
      <c r="AB33129">
        <v>16</v>
      </c>
      <c r="AC33129">
        <v>16</v>
      </c>
      <c r="AD33129">
        <v>16</v>
      </c>
      <c r="AE33129">
        <v>17</v>
      </c>
      <c r="AF33129">
        <v>17</v>
      </c>
      <c r="AG33129">
        <v>17</v>
      </c>
      <c r="AH33129">
        <v>18</v>
      </c>
      <c r="AI33129">
        <v>18</v>
      </c>
      <c r="AJ33129">
        <v>18</v>
      </c>
      <c r="AK33129">
        <v>19</v>
      </c>
      <c r="AL33129">
        <v>19</v>
      </c>
      <c r="AM33129">
        <v>19</v>
      </c>
      <c r="AN33129">
        <v>19</v>
      </c>
      <c r="AO33129">
        <v>19</v>
      </c>
      <c r="AP33129">
        <v>19</v>
      </c>
      <c r="AQ33129">
        <v>20</v>
      </c>
    </row>
    <row r="33130" spans="1:43">
      <c r="A33130" t="s">
        <v>20525</v>
      </c>
      <c r="B33130" t="s">
        <v>20526</v>
      </c>
      <c r="C33130" t="s">
        <v>20527</v>
      </c>
      <c r="D33130" t="s">
        <v>20528</v>
      </c>
      <c r="E33130" t="s">
        <v>20437</v>
      </c>
      <c r="F33130" t="s">
        <v>20438</v>
      </c>
      <c r="G33130" t="s">
        <v>20255</v>
      </c>
      <c r="H33130" t="s">
        <v>20256</v>
      </c>
      <c r="I33130" s="2">
        <v>1</v>
      </c>
      <c r="J33130" s="2">
        <v>0</v>
      </c>
      <c r="K33130" s="2">
        <v>0</v>
      </c>
      <c r="L33130" t="s">
        <v>120</v>
      </c>
      <c r="M33130" t="s">
        <v>83</v>
      </c>
      <c r="N33130" t="s">
        <v>84</v>
      </c>
      <c r="O33130" t="s">
        <v>85</v>
      </c>
      <c r="P33130" t="s">
        <v>86</v>
      </c>
      <c r="Q33130">
        <v>21</v>
      </c>
      <c r="R33130">
        <v>22</v>
      </c>
      <c r="S33130">
        <v>22</v>
      </c>
      <c r="T33130">
        <v>22</v>
      </c>
      <c r="U33130">
        <v>23</v>
      </c>
      <c r="V33130">
        <v>23</v>
      </c>
      <c r="W33130">
        <v>23</v>
      </c>
      <c r="X33130">
        <v>24</v>
      </c>
      <c r="Y33130">
        <v>24</v>
      </c>
      <c r="Z33130">
        <v>24</v>
      </c>
      <c r="AA33130">
        <v>25</v>
      </c>
      <c r="AB33130">
        <v>25</v>
      </c>
      <c r="AC33130">
        <v>25</v>
      </c>
      <c r="AD33130">
        <v>25</v>
      </c>
      <c r="AE33130">
        <v>26</v>
      </c>
      <c r="AF33130">
        <v>26</v>
      </c>
      <c r="AG33130">
        <v>26</v>
      </c>
      <c r="AH33130">
        <v>27</v>
      </c>
      <c r="AI33130">
        <v>27</v>
      </c>
      <c r="AJ33130">
        <v>27</v>
      </c>
      <c r="AK33130">
        <v>28</v>
      </c>
      <c r="AL33130">
        <v>28</v>
      </c>
      <c r="AM33130">
        <v>28</v>
      </c>
      <c r="AN33130">
        <v>28</v>
      </c>
      <c r="AO33130">
        <v>28</v>
      </c>
      <c r="AP33130">
        <v>28</v>
      </c>
      <c r="AQ33130">
        <v>28</v>
      </c>
    </row>
    <row r="33131" spans="1:43">
      <c r="A33131" t="s">
        <v>20525</v>
      </c>
      <c r="B33131" t="s">
        <v>20526</v>
      </c>
      <c r="C33131" t="s">
        <v>20527</v>
      </c>
      <c r="D33131" t="s">
        <v>20528</v>
      </c>
      <c r="E33131" t="s">
        <v>20437</v>
      </c>
      <c r="F33131" t="s">
        <v>20438</v>
      </c>
      <c r="G33131" t="s">
        <v>20255</v>
      </c>
      <c r="H33131" t="s">
        <v>20256</v>
      </c>
      <c r="I33131" s="2">
        <v>1</v>
      </c>
      <c r="J33131" s="2">
        <v>0</v>
      </c>
      <c r="K33131" s="2">
        <v>0</v>
      </c>
      <c r="L33131" t="s">
        <v>120</v>
      </c>
      <c r="M33131" t="s">
        <v>87</v>
      </c>
      <c r="N33131" t="s">
        <v>88</v>
      </c>
      <c r="O33131" t="s">
        <v>85</v>
      </c>
      <c r="P33131" t="s">
        <v>86</v>
      </c>
      <c r="Q33131">
        <v>21</v>
      </c>
      <c r="R33131">
        <v>21</v>
      </c>
      <c r="S33131">
        <v>21</v>
      </c>
      <c r="T33131">
        <v>22</v>
      </c>
      <c r="U33131">
        <v>22</v>
      </c>
      <c r="V33131">
        <v>22</v>
      </c>
      <c r="W33131">
        <v>22</v>
      </c>
      <c r="X33131">
        <v>22</v>
      </c>
      <c r="Y33131">
        <v>22</v>
      </c>
      <c r="Z33131">
        <v>22</v>
      </c>
      <c r="AA33131">
        <v>22</v>
      </c>
      <c r="AB33131">
        <v>23</v>
      </c>
      <c r="AC33131">
        <v>23</v>
      </c>
      <c r="AD33131">
        <v>23</v>
      </c>
      <c r="AE33131">
        <v>23</v>
      </c>
      <c r="AF33131">
        <v>23</v>
      </c>
      <c r="AG33131">
        <v>23</v>
      </c>
      <c r="AH33131">
        <v>23</v>
      </c>
      <c r="AI33131">
        <v>23</v>
      </c>
      <c r="AJ33131">
        <v>24</v>
      </c>
      <c r="AK33131">
        <v>24</v>
      </c>
      <c r="AL33131">
        <v>24</v>
      </c>
      <c r="AM33131">
        <v>24</v>
      </c>
      <c r="AN33131">
        <v>24</v>
      </c>
      <c r="AO33131">
        <v>24</v>
      </c>
      <c r="AP33131">
        <v>24</v>
      </c>
      <c r="AQ33131">
        <v>25</v>
      </c>
    </row>
    <row r="33132" spans="1:43">
      <c r="A33132" t="s">
        <v>20525</v>
      </c>
      <c r="B33132" t="s">
        <v>20526</v>
      </c>
      <c r="C33132" t="s">
        <v>20527</v>
      </c>
      <c r="D33132" t="s">
        <v>20528</v>
      </c>
      <c r="E33132" t="s">
        <v>20437</v>
      </c>
      <c r="F33132" t="s">
        <v>20438</v>
      </c>
      <c r="G33132" t="s">
        <v>20255</v>
      </c>
      <c r="H33132" t="s">
        <v>20256</v>
      </c>
      <c r="I33132" s="2">
        <v>1</v>
      </c>
      <c r="J33132" s="2">
        <v>0</v>
      </c>
      <c r="K33132" s="2">
        <v>0</v>
      </c>
      <c r="L33132" t="s">
        <v>120</v>
      </c>
      <c r="M33132" t="s">
        <v>89</v>
      </c>
      <c r="N33132" t="s">
        <v>90</v>
      </c>
      <c r="O33132" t="s">
        <v>85</v>
      </c>
      <c r="P33132" t="s">
        <v>86</v>
      </c>
      <c r="Q33132">
        <v>21</v>
      </c>
      <c r="R33132">
        <v>21</v>
      </c>
      <c r="S33132">
        <v>22</v>
      </c>
      <c r="T33132">
        <v>22</v>
      </c>
      <c r="U33132">
        <v>23</v>
      </c>
      <c r="V33132">
        <v>23</v>
      </c>
      <c r="W33132">
        <v>23</v>
      </c>
      <c r="X33132">
        <v>24</v>
      </c>
      <c r="Y33132">
        <v>24</v>
      </c>
      <c r="Z33132">
        <v>25</v>
      </c>
      <c r="AA33132">
        <v>25</v>
      </c>
      <c r="AB33132">
        <v>25</v>
      </c>
      <c r="AC33132">
        <v>26</v>
      </c>
      <c r="AD33132">
        <v>26</v>
      </c>
      <c r="AE33132">
        <v>26</v>
      </c>
      <c r="AF33132">
        <v>27</v>
      </c>
      <c r="AG33132">
        <v>27</v>
      </c>
      <c r="AH33132">
        <v>27</v>
      </c>
      <c r="AI33132">
        <v>27</v>
      </c>
      <c r="AJ33132">
        <v>27</v>
      </c>
      <c r="AK33132">
        <v>27</v>
      </c>
      <c r="AL33132">
        <v>27</v>
      </c>
      <c r="AM33132">
        <v>27</v>
      </c>
      <c r="AN33132">
        <v>27</v>
      </c>
      <c r="AO33132">
        <v>27</v>
      </c>
      <c r="AP33132">
        <v>27</v>
      </c>
      <c r="AQ33132">
        <v>27</v>
      </c>
    </row>
    <row r="33133" spans="1:43">
      <c r="A33133" t="s">
        <v>20525</v>
      </c>
      <c r="B33133" t="s">
        <v>20526</v>
      </c>
      <c r="C33133" t="s">
        <v>20527</v>
      </c>
      <c r="D33133" t="s">
        <v>20528</v>
      </c>
      <c r="E33133" t="s">
        <v>20437</v>
      </c>
      <c r="F33133" t="s">
        <v>20438</v>
      </c>
      <c r="G33133" t="s">
        <v>20255</v>
      </c>
      <c r="H33133" t="s">
        <v>20256</v>
      </c>
      <c r="I33133" s="2">
        <v>1</v>
      </c>
      <c r="J33133" s="2">
        <v>0</v>
      </c>
      <c r="K33133" s="2">
        <v>0</v>
      </c>
      <c r="L33133" t="s">
        <v>120</v>
      </c>
      <c r="M33133" t="s">
        <v>83</v>
      </c>
      <c r="N33133" t="s">
        <v>91</v>
      </c>
      <c r="O33133" t="s">
        <v>85</v>
      </c>
      <c r="P33133" t="s">
        <v>86</v>
      </c>
      <c r="Q33133">
        <v>21</v>
      </c>
      <c r="R33133">
        <v>22</v>
      </c>
      <c r="S33133">
        <v>22</v>
      </c>
      <c r="T33133">
        <v>22</v>
      </c>
      <c r="U33133">
        <v>23</v>
      </c>
      <c r="V33133">
        <v>23</v>
      </c>
      <c r="W33133">
        <v>23</v>
      </c>
      <c r="X33133">
        <v>24</v>
      </c>
      <c r="Y33133">
        <v>24</v>
      </c>
      <c r="Z33133">
        <v>24</v>
      </c>
      <c r="AA33133">
        <v>25</v>
      </c>
      <c r="AB33133">
        <v>25</v>
      </c>
      <c r="AC33133">
        <v>25</v>
      </c>
      <c r="AD33133">
        <v>25</v>
      </c>
      <c r="AE33133">
        <v>26</v>
      </c>
      <c r="AF33133">
        <v>26</v>
      </c>
      <c r="AG33133">
        <v>26</v>
      </c>
      <c r="AH33133">
        <v>27</v>
      </c>
      <c r="AI33133">
        <v>27</v>
      </c>
      <c r="AJ33133">
        <v>27</v>
      </c>
      <c r="AK33133">
        <v>28</v>
      </c>
      <c r="AL33133">
        <v>28</v>
      </c>
      <c r="AM33133">
        <v>28</v>
      </c>
      <c r="AN33133">
        <v>28</v>
      </c>
      <c r="AO33133">
        <v>28</v>
      </c>
      <c r="AP33133">
        <v>28</v>
      </c>
      <c r="AQ33133">
        <v>28</v>
      </c>
    </row>
    <row r="33134" spans="1:43">
      <c r="A33134" t="s">
        <v>20529</v>
      </c>
      <c r="B33134" t="s">
        <v>20530</v>
      </c>
      <c r="C33134" t="s">
        <v>20527</v>
      </c>
      <c r="D33134" t="s">
        <v>20528</v>
      </c>
      <c r="E33134" t="s">
        <v>20437</v>
      </c>
      <c r="F33134" t="s">
        <v>20438</v>
      </c>
      <c r="G33134" t="s">
        <v>20255</v>
      </c>
      <c r="H33134" t="s">
        <v>20256</v>
      </c>
      <c r="I33134" s="2">
        <v>1</v>
      </c>
      <c r="J33134" s="2">
        <v>0</v>
      </c>
      <c r="K33134" s="2">
        <v>0</v>
      </c>
      <c r="L33134" t="s">
        <v>120</v>
      </c>
      <c r="M33134" t="s">
        <v>83</v>
      </c>
      <c r="N33134" t="s">
        <v>84</v>
      </c>
      <c r="O33134" t="s">
        <v>85</v>
      </c>
      <c r="P33134" t="s">
        <v>86</v>
      </c>
      <c r="Q33134">
        <v>43</v>
      </c>
      <c r="R33134">
        <v>44</v>
      </c>
      <c r="S33134">
        <v>44</v>
      </c>
      <c r="T33134">
        <v>45</v>
      </c>
      <c r="U33134">
        <v>46</v>
      </c>
      <c r="V33134">
        <v>46</v>
      </c>
      <c r="W33134">
        <v>47</v>
      </c>
      <c r="X33134">
        <v>47</v>
      </c>
      <c r="Y33134">
        <v>48</v>
      </c>
      <c r="Z33134">
        <v>48</v>
      </c>
      <c r="AA33134">
        <v>49</v>
      </c>
      <c r="AB33134">
        <v>50</v>
      </c>
      <c r="AC33134">
        <v>50</v>
      </c>
      <c r="AD33134">
        <v>51</v>
      </c>
      <c r="AE33134">
        <v>51</v>
      </c>
      <c r="AF33134">
        <v>52</v>
      </c>
      <c r="AG33134">
        <v>52</v>
      </c>
      <c r="AH33134">
        <v>53</v>
      </c>
      <c r="AI33134">
        <v>54</v>
      </c>
      <c r="AJ33134">
        <v>54</v>
      </c>
      <c r="AK33134">
        <v>55</v>
      </c>
      <c r="AL33134">
        <v>55</v>
      </c>
      <c r="AM33134">
        <v>55</v>
      </c>
      <c r="AN33134">
        <v>55</v>
      </c>
      <c r="AO33134">
        <v>55</v>
      </c>
      <c r="AP33134">
        <v>55</v>
      </c>
      <c r="AQ33134">
        <v>55</v>
      </c>
    </row>
    <row r="33135" spans="1:43">
      <c r="A33135" t="s">
        <v>20529</v>
      </c>
      <c r="B33135" t="s">
        <v>20530</v>
      </c>
      <c r="C33135" t="s">
        <v>20527</v>
      </c>
      <c r="D33135" t="s">
        <v>20528</v>
      </c>
      <c r="E33135" t="s">
        <v>20437</v>
      </c>
      <c r="F33135" t="s">
        <v>20438</v>
      </c>
      <c r="G33135" t="s">
        <v>20255</v>
      </c>
      <c r="H33135" t="s">
        <v>20256</v>
      </c>
      <c r="I33135" s="2">
        <v>1</v>
      </c>
      <c r="J33135" s="2">
        <v>0</v>
      </c>
      <c r="K33135" s="2">
        <v>0</v>
      </c>
      <c r="L33135" t="s">
        <v>120</v>
      </c>
      <c r="M33135" t="s">
        <v>87</v>
      </c>
      <c r="N33135" t="s">
        <v>88</v>
      </c>
      <c r="O33135" t="s">
        <v>85</v>
      </c>
      <c r="P33135" t="s">
        <v>86</v>
      </c>
      <c r="Q33135">
        <v>43</v>
      </c>
      <c r="R33135">
        <v>43</v>
      </c>
      <c r="S33135">
        <v>43</v>
      </c>
      <c r="T33135">
        <v>43</v>
      </c>
      <c r="U33135">
        <v>43</v>
      </c>
      <c r="V33135">
        <v>44</v>
      </c>
      <c r="W33135">
        <v>44</v>
      </c>
      <c r="X33135">
        <v>44</v>
      </c>
      <c r="Y33135">
        <v>44</v>
      </c>
      <c r="Z33135">
        <v>44</v>
      </c>
      <c r="AA33135">
        <v>45</v>
      </c>
      <c r="AB33135">
        <v>45</v>
      </c>
      <c r="AC33135">
        <v>45</v>
      </c>
      <c r="AD33135">
        <v>45</v>
      </c>
      <c r="AE33135">
        <v>45</v>
      </c>
      <c r="AF33135">
        <v>46</v>
      </c>
      <c r="AG33135">
        <v>46</v>
      </c>
      <c r="AH33135">
        <v>46</v>
      </c>
      <c r="AI33135">
        <v>46</v>
      </c>
      <c r="AJ33135">
        <v>47</v>
      </c>
      <c r="AK33135">
        <v>47</v>
      </c>
      <c r="AL33135">
        <v>47</v>
      </c>
      <c r="AM33135">
        <v>47</v>
      </c>
      <c r="AN33135">
        <v>47</v>
      </c>
      <c r="AO33135">
        <v>48</v>
      </c>
      <c r="AP33135">
        <v>48</v>
      </c>
      <c r="AQ33135">
        <v>48</v>
      </c>
    </row>
    <row r="33136" spans="1:43">
      <c r="A33136" t="s">
        <v>20529</v>
      </c>
      <c r="B33136" t="s">
        <v>20530</v>
      </c>
      <c r="C33136" t="s">
        <v>20527</v>
      </c>
      <c r="D33136" t="s">
        <v>20528</v>
      </c>
      <c r="E33136" t="s">
        <v>20437</v>
      </c>
      <c r="F33136" t="s">
        <v>20438</v>
      </c>
      <c r="G33136" t="s">
        <v>20255</v>
      </c>
      <c r="H33136" t="s">
        <v>20256</v>
      </c>
      <c r="I33136" s="2">
        <v>1</v>
      </c>
      <c r="J33136" s="2">
        <v>0</v>
      </c>
      <c r="K33136" s="2">
        <v>0</v>
      </c>
      <c r="L33136" t="s">
        <v>120</v>
      </c>
      <c r="M33136" t="s">
        <v>89</v>
      </c>
      <c r="N33136" t="s">
        <v>90</v>
      </c>
      <c r="O33136" t="s">
        <v>85</v>
      </c>
      <c r="P33136" t="s">
        <v>86</v>
      </c>
      <c r="Q33136">
        <v>43</v>
      </c>
      <c r="R33136">
        <v>43</v>
      </c>
      <c r="S33136">
        <v>44</v>
      </c>
      <c r="T33136">
        <v>45</v>
      </c>
      <c r="U33136">
        <v>46</v>
      </c>
      <c r="V33136">
        <v>47</v>
      </c>
      <c r="W33136">
        <v>48</v>
      </c>
      <c r="X33136">
        <v>49</v>
      </c>
      <c r="Y33136">
        <v>50</v>
      </c>
      <c r="Z33136">
        <v>50</v>
      </c>
      <c r="AA33136">
        <v>51</v>
      </c>
      <c r="AB33136">
        <v>52</v>
      </c>
      <c r="AC33136">
        <v>53</v>
      </c>
      <c r="AD33136">
        <v>54</v>
      </c>
      <c r="AE33136">
        <v>54</v>
      </c>
      <c r="AF33136">
        <v>54</v>
      </c>
      <c r="AG33136">
        <v>54</v>
      </c>
      <c r="AH33136">
        <v>54</v>
      </c>
      <c r="AI33136">
        <v>54</v>
      </c>
      <c r="AJ33136">
        <v>54</v>
      </c>
      <c r="AK33136">
        <v>54</v>
      </c>
      <c r="AL33136">
        <v>55</v>
      </c>
      <c r="AM33136">
        <v>55</v>
      </c>
      <c r="AN33136">
        <v>55</v>
      </c>
      <c r="AO33136">
        <v>55</v>
      </c>
      <c r="AP33136">
        <v>55</v>
      </c>
      <c r="AQ33136">
        <v>55</v>
      </c>
    </row>
    <row r="33137" spans="1:43">
      <c r="A33137" t="s">
        <v>20529</v>
      </c>
      <c r="B33137" t="s">
        <v>20530</v>
      </c>
      <c r="C33137" t="s">
        <v>20527</v>
      </c>
      <c r="D33137" t="s">
        <v>20528</v>
      </c>
      <c r="E33137" t="s">
        <v>20437</v>
      </c>
      <c r="F33137" t="s">
        <v>20438</v>
      </c>
      <c r="G33137" t="s">
        <v>20255</v>
      </c>
      <c r="H33137" t="s">
        <v>20256</v>
      </c>
      <c r="I33137" s="2">
        <v>1</v>
      </c>
      <c r="J33137" s="2">
        <v>0</v>
      </c>
      <c r="K33137" s="2">
        <v>0</v>
      </c>
      <c r="L33137" t="s">
        <v>120</v>
      </c>
      <c r="M33137" t="s">
        <v>83</v>
      </c>
      <c r="N33137" t="s">
        <v>91</v>
      </c>
      <c r="O33137" t="s">
        <v>85</v>
      </c>
      <c r="P33137" t="s">
        <v>86</v>
      </c>
      <c r="Q33137">
        <v>43</v>
      </c>
      <c r="R33137">
        <v>44</v>
      </c>
      <c r="S33137">
        <v>44</v>
      </c>
      <c r="T33137">
        <v>45</v>
      </c>
      <c r="U33137">
        <v>46</v>
      </c>
      <c r="V33137">
        <v>46</v>
      </c>
      <c r="W33137">
        <v>47</v>
      </c>
      <c r="X33137">
        <v>47</v>
      </c>
      <c r="Y33137">
        <v>48</v>
      </c>
      <c r="Z33137">
        <v>48</v>
      </c>
      <c r="AA33137">
        <v>49</v>
      </c>
      <c r="AB33137">
        <v>50</v>
      </c>
      <c r="AC33137">
        <v>50</v>
      </c>
      <c r="AD33137">
        <v>51</v>
      </c>
      <c r="AE33137">
        <v>51</v>
      </c>
      <c r="AF33137">
        <v>52</v>
      </c>
      <c r="AG33137">
        <v>52</v>
      </c>
      <c r="AH33137">
        <v>53</v>
      </c>
      <c r="AI33137">
        <v>54</v>
      </c>
      <c r="AJ33137">
        <v>54</v>
      </c>
      <c r="AK33137">
        <v>55</v>
      </c>
      <c r="AL33137">
        <v>55</v>
      </c>
      <c r="AM33137">
        <v>55</v>
      </c>
      <c r="AN33137">
        <v>55</v>
      </c>
      <c r="AO33137">
        <v>55</v>
      </c>
      <c r="AP33137">
        <v>55</v>
      </c>
      <c r="AQ33137">
        <v>55</v>
      </c>
    </row>
    <row r="33138" spans="1:43">
      <c r="A33138" t="s">
        <v>20531</v>
      </c>
      <c r="B33138" t="s">
        <v>20532</v>
      </c>
      <c r="C33138" t="s">
        <v>20527</v>
      </c>
      <c r="D33138" t="s">
        <v>20528</v>
      </c>
      <c r="E33138" t="s">
        <v>20437</v>
      </c>
      <c r="F33138" t="s">
        <v>20438</v>
      </c>
      <c r="G33138" t="s">
        <v>20255</v>
      </c>
      <c r="H33138" t="s">
        <v>20256</v>
      </c>
      <c r="I33138" s="2">
        <v>1</v>
      </c>
      <c r="J33138" s="2">
        <v>0</v>
      </c>
      <c r="K33138" s="2">
        <v>0</v>
      </c>
      <c r="L33138" t="s">
        <v>120</v>
      </c>
      <c r="M33138" t="s">
        <v>83</v>
      </c>
      <c r="N33138" t="s">
        <v>84</v>
      </c>
      <c r="O33138" t="s">
        <v>85</v>
      </c>
      <c r="P33138" t="s">
        <v>86</v>
      </c>
      <c r="Q33138">
        <v>36</v>
      </c>
      <c r="R33138">
        <v>36</v>
      </c>
      <c r="S33138">
        <v>37</v>
      </c>
      <c r="T33138">
        <v>38</v>
      </c>
      <c r="U33138">
        <v>38</v>
      </c>
      <c r="V33138">
        <v>39</v>
      </c>
      <c r="W33138">
        <v>40</v>
      </c>
      <c r="X33138">
        <v>40</v>
      </c>
      <c r="Y33138">
        <v>41</v>
      </c>
      <c r="Z33138">
        <v>42</v>
      </c>
      <c r="AA33138">
        <v>42</v>
      </c>
      <c r="AB33138">
        <v>43</v>
      </c>
      <c r="AC33138">
        <v>44</v>
      </c>
      <c r="AD33138">
        <v>44</v>
      </c>
      <c r="AE33138">
        <v>45</v>
      </c>
      <c r="AF33138">
        <v>46</v>
      </c>
      <c r="AG33138">
        <v>46</v>
      </c>
      <c r="AH33138">
        <v>47</v>
      </c>
      <c r="AI33138">
        <v>48</v>
      </c>
      <c r="AJ33138">
        <v>48</v>
      </c>
      <c r="AK33138">
        <v>49</v>
      </c>
      <c r="AL33138">
        <v>50</v>
      </c>
      <c r="AM33138">
        <v>50</v>
      </c>
      <c r="AN33138">
        <v>50</v>
      </c>
      <c r="AO33138">
        <v>51</v>
      </c>
      <c r="AP33138">
        <v>51</v>
      </c>
      <c r="AQ33138">
        <v>51</v>
      </c>
    </row>
    <row r="33139" spans="1:43">
      <c r="A33139" t="s">
        <v>20531</v>
      </c>
      <c r="B33139" t="s">
        <v>20532</v>
      </c>
      <c r="C33139" t="s">
        <v>20527</v>
      </c>
      <c r="D33139" t="s">
        <v>20528</v>
      </c>
      <c r="E33139" t="s">
        <v>20437</v>
      </c>
      <c r="F33139" t="s">
        <v>20438</v>
      </c>
      <c r="G33139" t="s">
        <v>20255</v>
      </c>
      <c r="H33139" t="s">
        <v>20256</v>
      </c>
      <c r="I33139" s="2">
        <v>1</v>
      </c>
      <c r="J33139" s="2">
        <v>0</v>
      </c>
      <c r="K33139" s="2">
        <v>0</v>
      </c>
      <c r="L33139" t="s">
        <v>120</v>
      </c>
      <c r="M33139" t="s">
        <v>87</v>
      </c>
      <c r="N33139" t="s">
        <v>88</v>
      </c>
      <c r="O33139" t="s">
        <v>85</v>
      </c>
      <c r="P33139" t="s">
        <v>86</v>
      </c>
      <c r="Q33139">
        <v>36</v>
      </c>
      <c r="R33139">
        <v>37</v>
      </c>
      <c r="S33139">
        <v>37</v>
      </c>
      <c r="T33139">
        <v>37</v>
      </c>
      <c r="U33139">
        <v>38</v>
      </c>
      <c r="V33139">
        <v>38</v>
      </c>
      <c r="W33139">
        <v>38</v>
      </c>
      <c r="X33139">
        <v>39</v>
      </c>
      <c r="Y33139">
        <v>39</v>
      </c>
      <c r="Z33139">
        <v>39</v>
      </c>
      <c r="AA33139">
        <v>40</v>
      </c>
      <c r="AB33139">
        <v>40</v>
      </c>
      <c r="AC33139">
        <v>40</v>
      </c>
      <c r="AD33139">
        <v>41</v>
      </c>
      <c r="AE33139">
        <v>41</v>
      </c>
      <c r="AF33139">
        <v>41</v>
      </c>
      <c r="AG33139">
        <v>42</v>
      </c>
      <c r="AH33139">
        <v>42</v>
      </c>
      <c r="AI33139">
        <v>42</v>
      </c>
      <c r="AJ33139">
        <v>43</v>
      </c>
      <c r="AK33139">
        <v>43</v>
      </c>
      <c r="AL33139">
        <v>43</v>
      </c>
      <c r="AM33139">
        <v>44</v>
      </c>
      <c r="AN33139">
        <v>44</v>
      </c>
      <c r="AO33139">
        <v>45</v>
      </c>
      <c r="AP33139">
        <v>45</v>
      </c>
      <c r="AQ33139">
        <v>46</v>
      </c>
    </row>
    <row r="33140" spans="1:43">
      <c r="A33140" t="s">
        <v>20531</v>
      </c>
      <c r="B33140" t="s">
        <v>20532</v>
      </c>
      <c r="C33140" t="s">
        <v>20527</v>
      </c>
      <c r="D33140" t="s">
        <v>20528</v>
      </c>
      <c r="E33140" t="s">
        <v>20437</v>
      </c>
      <c r="F33140" t="s">
        <v>20438</v>
      </c>
      <c r="G33140" t="s">
        <v>20255</v>
      </c>
      <c r="H33140" t="s">
        <v>20256</v>
      </c>
      <c r="I33140" s="2">
        <v>1</v>
      </c>
      <c r="J33140" s="2">
        <v>0</v>
      </c>
      <c r="K33140" s="2">
        <v>0</v>
      </c>
      <c r="L33140" t="s">
        <v>120</v>
      </c>
      <c r="M33140" t="s">
        <v>89</v>
      </c>
      <c r="N33140" t="s">
        <v>90</v>
      </c>
      <c r="O33140" t="s">
        <v>85</v>
      </c>
      <c r="P33140" t="s">
        <v>86</v>
      </c>
      <c r="Q33140">
        <v>36</v>
      </c>
      <c r="R33140">
        <v>37</v>
      </c>
      <c r="S33140">
        <v>38</v>
      </c>
      <c r="T33140">
        <v>39</v>
      </c>
      <c r="U33140">
        <v>40</v>
      </c>
      <c r="V33140">
        <v>41</v>
      </c>
      <c r="W33140">
        <v>42</v>
      </c>
      <c r="X33140">
        <v>42</v>
      </c>
      <c r="Y33140">
        <v>43</v>
      </c>
      <c r="Z33140">
        <v>44</v>
      </c>
      <c r="AA33140">
        <v>45</v>
      </c>
      <c r="AB33140">
        <v>46</v>
      </c>
      <c r="AC33140">
        <v>47</v>
      </c>
      <c r="AD33140">
        <v>47</v>
      </c>
      <c r="AE33140">
        <v>48</v>
      </c>
      <c r="AF33140">
        <v>48</v>
      </c>
      <c r="AG33140">
        <v>49</v>
      </c>
      <c r="AH33140">
        <v>49</v>
      </c>
      <c r="AI33140">
        <v>49</v>
      </c>
      <c r="AJ33140">
        <v>50</v>
      </c>
      <c r="AK33140">
        <v>50</v>
      </c>
      <c r="AL33140">
        <v>50</v>
      </c>
      <c r="AM33140">
        <v>51</v>
      </c>
      <c r="AN33140">
        <v>51</v>
      </c>
      <c r="AO33140">
        <v>51</v>
      </c>
      <c r="AP33140">
        <v>52</v>
      </c>
      <c r="AQ33140">
        <v>52</v>
      </c>
    </row>
    <row r="33141" spans="1:43">
      <c r="A33141" t="s">
        <v>20531</v>
      </c>
      <c r="B33141" t="s">
        <v>20532</v>
      </c>
      <c r="C33141" t="s">
        <v>20527</v>
      </c>
      <c r="D33141" t="s">
        <v>20528</v>
      </c>
      <c r="E33141" t="s">
        <v>20437</v>
      </c>
      <c r="F33141" t="s">
        <v>20438</v>
      </c>
      <c r="G33141" t="s">
        <v>20255</v>
      </c>
      <c r="H33141" t="s">
        <v>20256</v>
      </c>
      <c r="I33141" s="2">
        <v>1</v>
      </c>
      <c r="J33141" s="2">
        <v>0</v>
      </c>
      <c r="K33141" s="2">
        <v>0</v>
      </c>
      <c r="L33141" t="s">
        <v>120</v>
      </c>
      <c r="M33141" t="s">
        <v>83</v>
      </c>
      <c r="N33141" t="s">
        <v>91</v>
      </c>
      <c r="O33141" t="s">
        <v>85</v>
      </c>
      <c r="P33141" t="s">
        <v>86</v>
      </c>
      <c r="Q33141">
        <v>36</v>
      </c>
      <c r="R33141">
        <v>36</v>
      </c>
      <c r="S33141">
        <v>37</v>
      </c>
      <c r="T33141">
        <v>38</v>
      </c>
      <c r="U33141">
        <v>38</v>
      </c>
      <c r="V33141">
        <v>39</v>
      </c>
      <c r="W33141">
        <v>40</v>
      </c>
      <c r="X33141">
        <v>40</v>
      </c>
      <c r="Y33141">
        <v>41</v>
      </c>
      <c r="Z33141">
        <v>42</v>
      </c>
      <c r="AA33141">
        <v>42</v>
      </c>
      <c r="AB33141">
        <v>43</v>
      </c>
      <c r="AC33141">
        <v>44</v>
      </c>
      <c r="AD33141">
        <v>44</v>
      </c>
      <c r="AE33141">
        <v>45</v>
      </c>
      <c r="AF33141">
        <v>46</v>
      </c>
      <c r="AG33141">
        <v>46</v>
      </c>
      <c r="AH33141">
        <v>47</v>
      </c>
      <c r="AI33141">
        <v>48</v>
      </c>
      <c r="AJ33141">
        <v>48</v>
      </c>
      <c r="AK33141">
        <v>49</v>
      </c>
      <c r="AL33141">
        <v>50</v>
      </c>
      <c r="AM33141">
        <v>50</v>
      </c>
      <c r="AN33141">
        <v>50</v>
      </c>
      <c r="AO33141">
        <v>51</v>
      </c>
      <c r="AP33141">
        <v>51</v>
      </c>
      <c r="AQ33141">
        <v>51</v>
      </c>
    </row>
    <row r="33142" spans="1:43">
      <c r="A33142" t="s">
        <v>20533</v>
      </c>
      <c r="B33142" t="s">
        <v>20534</v>
      </c>
      <c r="C33142" t="s">
        <v>20527</v>
      </c>
      <c r="D33142" t="s">
        <v>20528</v>
      </c>
      <c r="E33142" t="s">
        <v>20437</v>
      </c>
      <c r="F33142" t="s">
        <v>20438</v>
      </c>
      <c r="G33142" t="s">
        <v>20255</v>
      </c>
      <c r="H33142" t="s">
        <v>20256</v>
      </c>
      <c r="I33142" s="2">
        <v>1</v>
      </c>
      <c r="J33142" s="2">
        <v>0</v>
      </c>
      <c r="K33142" s="2">
        <v>0</v>
      </c>
      <c r="L33142" t="s">
        <v>120</v>
      </c>
      <c r="M33142" t="s">
        <v>83</v>
      </c>
      <c r="N33142" t="s">
        <v>84</v>
      </c>
      <c r="O33142" t="s">
        <v>85</v>
      </c>
      <c r="P33142" t="s">
        <v>86</v>
      </c>
      <c r="Q33142">
        <v>33</v>
      </c>
      <c r="R33142">
        <v>34</v>
      </c>
      <c r="S33142">
        <v>34</v>
      </c>
      <c r="T33142">
        <v>35</v>
      </c>
      <c r="U33142">
        <v>36</v>
      </c>
      <c r="V33142">
        <v>36</v>
      </c>
      <c r="W33142">
        <v>37</v>
      </c>
      <c r="X33142">
        <v>38</v>
      </c>
      <c r="Y33142">
        <v>38</v>
      </c>
      <c r="Z33142">
        <v>39</v>
      </c>
      <c r="AA33142">
        <v>40</v>
      </c>
      <c r="AB33142">
        <v>40</v>
      </c>
      <c r="AC33142">
        <v>41</v>
      </c>
      <c r="AD33142">
        <v>42</v>
      </c>
      <c r="AE33142">
        <v>42</v>
      </c>
      <c r="AF33142">
        <v>43</v>
      </c>
      <c r="AG33142">
        <v>44</v>
      </c>
      <c r="AH33142">
        <v>44</v>
      </c>
      <c r="AI33142">
        <v>45</v>
      </c>
      <c r="AJ33142">
        <v>46</v>
      </c>
      <c r="AK33142">
        <v>47</v>
      </c>
      <c r="AL33142">
        <v>47</v>
      </c>
      <c r="AM33142">
        <v>47</v>
      </c>
      <c r="AN33142">
        <v>48</v>
      </c>
      <c r="AO33142">
        <v>48</v>
      </c>
      <c r="AP33142">
        <v>49</v>
      </c>
      <c r="AQ33142">
        <v>49</v>
      </c>
    </row>
    <row r="33143" spans="1:43">
      <c r="A33143" t="s">
        <v>20533</v>
      </c>
      <c r="B33143" t="s">
        <v>20534</v>
      </c>
      <c r="C33143" t="s">
        <v>20527</v>
      </c>
      <c r="D33143" t="s">
        <v>20528</v>
      </c>
      <c r="E33143" t="s">
        <v>20437</v>
      </c>
      <c r="F33143" t="s">
        <v>20438</v>
      </c>
      <c r="G33143" t="s">
        <v>20255</v>
      </c>
      <c r="H33143" t="s">
        <v>20256</v>
      </c>
      <c r="I33143" s="2">
        <v>1</v>
      </c>
      <c r="J33143" s="2">
        <v>0</v>
      </c>
      <c r="K33143" s="2">
        <v>0</v>
      </c>
      <c r="L33143" t="s">
        <v>120</v>
      </c>
      <c r="M33143" t="s">
        <v>87</v>
      </c>
      <c r="N33143" t="s">
        <v>88</v>
      </c>
      <c r="O33143" t="s">
        <v>85</v>
      </c>
      <c r="P33143" t="s">
        <v>86</v>
      </c>
      <c r="Q33143">
        <v>33</v>
      </c>
      <c r="R33143">
        <v>33</v>
      </c>
      <c r="S33143">
        <v>33</v>
      </c>
      <c r="T33143">
        <v>34</v>
      </c>
      <c r="U33143">
        <v>34</v>
      </c>
      <c r="V33143">
        <v>34</v>
      </c>
      <c r="W33143">
        <v>35</v>
      </c>
      <c r="X33143">
        <v>35</v>
      </c>
      <c r="Y33143">
        <v>35</v>
      </c>
      <c r="Z33143">
        <v>36</v>
      </c>
      <c r="AA33143">
        <v>36</v>
      </c>
      <c r="AB33143">
        <v>36</v>
      </c>
      <c r="AC33143">
        <v>37</v>
      </c>
      <c r="AD33143">
        <v>37</v>
      </c>
      <c r="AE33143">
        <v>38</v>
      </c>
      <c r="AF33143">
        <v>38</v>
      </c>
      <c r="AG33143">
        <v>38</v>
      </c>
      <c r="AH33143">
        <v>39</v>
      </c>
      <c r="AI33143">
        <v>39</v>
      </c>
      <c r="AJ33143">
        <v>40</v>
      </c>
      <c r="AK33143">
        <v>40</v>
      </c>
      <c r="AL33143">
        <v>41</v>
      </c>
      <c r="AM33143">
        <v>41</v>
      </c>
      <c r="AN33143">
        <v>42</v>
      </c>
      <c r="AO33143">
        <v>42</v>
      </c>
      <c r="AP33143">
        <v>43</v>
      </c>
      <c r="AQ33143">
        <v>43</v>
      </c>
    </row>
    <row r="33144" spans="1:43">
      <c r="A33144" t="s">
        <v>20533</v>
      </c>
      <c r="B33144" t="s">
        <v>20534</v>
      </c>
      <c r="C33144" t="s">
        <v>20527</v>
      </c>
      <c r="D33144" t="s">
        <v>20528</v>
      </c>
      <c r="E33144" t="s">
        <v>20437</v>
      </c>
      <c r="F33144" t="s">
        <v>20438</v>
      </c>
      <c r="G33144" t="s">
        <v>20255</v>
      </c>
      <c r="H33144" t="s">
        <v>20256</v>
      </c>
      <c r="I33144" s="2">
        <v>1</v>
      </c>
      <c r="J33144" s="2">
        <v>0</v>
      </c>
      <c r="K33144" s="2">
        <v>0</v>
      </c>
      <c r="L33144" t="s">
        <v>120</v>
      </c>
      <c r="M33144" t="s">
        <v>89</v>
      </c>
      <c r="N33144" t="s">
        <v>90</v>
      </c>
      <c r="O33144" t="s">
        <v>85</v>
      </c>
      <c r="P33144" t="s">
        <v>86</v>
      </c>
      <c r="Q33144">
        <v>33</v>
      </c>
      <c r="R33144">
        <v>34</v>
      </c>
      <c r="S33144">
        <v>35</v>
      </c>
      <c r="T33144">
        <v>36</v>
      </c>
      <c r="U33144">
        <v>37</v>
      </c>
      <c r="V33144">
        <v>38</v>
      </c>
      <c r="W33144">
        <v>39</v>
      </c>
      <c r="X33144">
        <v>39</v>
      </c>
      <c r="Y33144">
        <v>40</v>
      </c>
      <c r="Z33144">
        <v>41</v>
      </c>
      <c r="AA33144">
        <v>42</v>
      </c>
      <c r="AB33144">
        <v>43</v>
      </c>
      <c r="AC33144">
        <v>44</v>
      </c>
      <c r="AD33144">
        <v>44</v>
      </c>
      <c r="AE33144">
        <v>45</v>
      </c>
      <c r="AF33144">
        <v>45</v>
      </c>
      <c r="AG33144">
        <v>46</v>
      </c>
      <c r="AH33144">
        <v>46</v>
      </c>
      <c r="AI33144">
        <v>46</v>
      </c>
      <c r="AJ33144">
        <v>47</v>
      </c>
      <c r="AK33144">
        <v>47</v>
      </c>
      <c r="AL33144">
        <v>48</v>
      </c>
      <c r="AM33144">
        <v>48</v>
      </c>
      <c r="AN33144">
        <v>48</v>
      </c>
      <c r="AO33144">
        <v>49</v>
      </c>
      <c r="AP33144">
        <v>49</v>
      </c>
      <c r="AQ33144">
        <v>50</v>
      </c>
    </row>
    <row r="33145" spans="1:43">
      <c r="A33145" t="s">
        <v>20533</v>
      </c>
      <c r="B33145" t="s">
        <v>20534</v>
      </c>
      <c r="C33145" t="s">
        <v>20527</v>
      </c>
      <c r="D33145" t="s">
        <v>20528</v>
      </c>
      <c r="E33145" t="s">
        <v>20437</v>
      </c>
      <c r="F33145" t="s">
        <v>20438</v>
      </c>
      <c r="G33145" t="s">
        <v>20255</v>
      </c>
      <c r="H33145" t="s">
        <v>20256</v>
      </c>
      <c r="I33145" s="2">
        <v>1</v>
      </c>
      <c r="J33145" s="2">
        <v>0</v>
      </c>
      <c r="K33145" s="2">
        <v>0</v>
      </c>
      <c r="L33145" t="s">
        <v>120</v>
      </c>
      <c r="M33145" t="s">
        <v>83</v>
      </c>
      <c r="N33145" t="s">
        <v>91</v>
      </c>
      <c r="O33145" t="s">
        <v>85</v>
      </c>
      <c r="P33145" t="s">
        <v>86</v>
      </c>
      <c r="Q33145">
        <v>33</v>
      </c>
      <c r="R33145">
        <v>34</v>
      </c>
      <c r="S33145">
        <v>34</v>
      </c>
      <c r="T33145">
        <v>35</v>
      </c>
      <c r="U33145">
        <v>36</v>
      </c>
      <c r="V33145">
        <v>36</v>
      </c>
      <c r="W33145">
        <v>37</v>
      </c>
      <c r="X33145">
        <v>38</v>
      </c>
      <c r="Y33145">
        <v>38</v>
      </c>
      <c r="Z33145">
        <v>39</v>
      </c>
      <c r="AA33145">
        <v>40</v>
      </c>
      <c r="AB33145">
        <v>40</v>
      </c>
      <c r="AC33145">
        <v>41</v>
      </c>
      <c r="AD33145">
        <v>42</v>
      </c>
      <c r="AE33145">
        <v>42</v>
      </c>
      <c r="AF33145">
        <v>43</v>
      </c>
      <c r="AG33145">
        <v>44</v>
      </c>
      <c r="AH33145">
        <v>44</v>
      </c>
      <c r="AI33145">
        <v>45</v>
      </c>
      <c r="AJ33145">
        <v>46</v>
      </c>
      <c r="AK33145">
        <v>47</v>
      </c>
      <c r="AL33145">
        <v>47</v>
      </c>
      <c r="AM33145">
        <v>47</v>
      </c>
      <c r="AN33145">
        <v>48</v>
      </c>
      <c r="AO33145">
        <v>48</v>
      </c>
      <c r="AP33145">
        <v>49</v>
      </c>
      <c r="AQ33145">
        <v>49</v>
      </c>
    </row>
    <row r="33146" spans="1:43">
      <c r="A33146" t="s">
        <v>20535</v>
      </c>
      <c r="B33146" t="s">
        <v>20536</v>
      </c>
      <c r="C33146" t="s">
        <v>20527</v>
      </c>
      <c r="D33146" t="s">
        <v>20528</v>
      </c>
      <c r="E33146" t="s">
        <v>20437</v>
      </c>
      <c r="F33146" t="s">
        <v>20438</v>
      </c>
      <c r="G33146" t="s">
        <v>20255</v>
      </c>
      <c r="H33146" t="s">
        <v>20256</v>
      </c>
      <c r="I33146" s="2">
        <v>1</v>
      </c>
      <c r="J33146" s="2">
        <v>0</v>
      </c>
      <c r="K33146" s="2">
        <v>0</v>
      </c>
      <c r="L33146" t="s">
        <v>120</v>
      </c>
      <c r="M33146" t="s">
        <v>83</v>
      </c>
      <c r="N33146" t="s">
        <v>84</v>
      </c>
      <c r="O33146" t="s">
        <v>85</v>
      </c>
      <c r="P33146" t="s">
        <v>86</v>
      </c>
      <c r="Q33146">
        <v>9</v>
      </c>
      <c r="R33146">
        <v>9</v>
      </c>
      <c r="S33146">
        <v>9</v>
      </c>
      <c r="T33146">
        <v>10</v>
      </c>
      <c r="U33146">
        <v>10</v>
      </c>
      <c r="V33146">
        <v>10</v>
      </c>
      <c r="W33146">
        <v>10</v>
      </c>
      <c r="X33146">
        <v>10</v>
      </c>
      <c r="Y33146">
        <v>10</v>
      </c>
      <c r="Z33146">
        <v>11</v>
      </c>
      <c r="AA33146">
        <v>11</v>
      </c>
      <c r="AB33146">
        <v>11</v>
      </c>
      <c r="AC33146">
        <v>11</v>
      </c>
      <c r="AD33146">
        <v>11</v>
      </c>
      <c r="AE33146">
        <v>12</v>
      </c>
      <c r="AF33146">
        <v>12</v>
      </c>
      <c r="AG33146">
        <v>12</v>
      </c>
      <c r="AH33146">
        <v>12</v>
      </c>
      <c r="AI33146">
        <v>12</v>
      </c>
      <c r="AJ33146">
        <v>13</v>
      </c>
      <c r="AK33146">
        <v>13</v>
      </c>
      <c r="AL33146">
        <v>13</v>
      </c>
      <c r="AM33146">
        <v>13</v>
      </c>
      <c r="AN33146">
        <v>13</v>
      </c>
      <c r="AO33146">
        <v>13</v>
      </c>
      <c r="AP33146">
        <v>13</v>
      </c>
      <c r="AQ33146">
        <v>13</v>
      </c>
    </row>
    <row r="33147" spans="1:43">
      <c r="A33147" t="s">
        <v>20535</v>
      </c>
      <c r="B33147" t="s">
        <v>20536</v>
      </c>
      <c r="C33147" t="s">
        <v>20527</v>
      </c>
      <c r="D33147" t="s">
        <v>20528</v>
      </c>
      <c r="E33147" t="s">
        <v>20437</v>
      </c>
      <c r="F33147" t="s">
        <v>20438</v>
      </c>
      <c r="G33147" t="s">
        <v>20255</v>
      </c>
      <c r="H33147" t="s">
        <v>20256</v>
      </c>
      <c r="I33147" s="2">
        <v>1</v>
      </c>
      <c r="J33147" s="2">
        <v>0</v>
      </c>
      <c r="K33147" s="2">
        <v>0</v>
      </c>
      <c r="L33147" t="s">
        <v>120</v>
      </c>
      <c r="M33147" t="s">
        <v>87</v>
      </c>
      <c r="N33147" t="s">
        <v>88</v>
      </c>
      <c r="O33147" t="s">
        <v>85</v>
      </c>
      <c r="P33147" t="s">
        <v>86</v>
      </c>
      <c r="Q33147">
        <v>9</v>
      </c>
      <c r="R33147">
        <v>9</v>
      </c>
      <c r="S33147">
        <v>9</v>
      </c>
      <c r="T33147">
        <v>9</v>
      </c>
      <c r="U33147">
        <v>9</v>
      </c>
      <c r="V33147">
        <v>9</v>
      </c>
      <c r="W33147">
        <v>10</v>
      </c>
      <c r="X33147">
        <v>10</v>
      </c>
      <c r="Y33147">
        <v>10</v>
      </c>
      <c r="Z33147">
        <v>10</v>
      </c>
      <c r="AA33147">
        <v>10</v>
      </c>
      <c r="AB33147">
        <v>10</v>
      </c>
      <c r="AC33147">
        <v>10</v>
      </c>
      <c r="AD33147">
        <v>10</v>
      </c>
      <c r="AE33147">
        <v>10</v>
      </c>
      <c r="AF33147">
        <v>10</v>
      </c>
      <c r="AG33147">
        <v>11</v>
      </c>
      <c r="AH33147">
        <v>11</v>
      </c>
      <c r="AI33147">
        <v>11</v>
      </c>
      <c r="AJ33147">
        <v>11</v>
      </c>
      <c r="AK33147">
        <v>11</v>
      </c>
      <c r="AL33147">
        <v>11</v>
      </c>
      <c r="AM33147">
        <v>11</v>
      </c>
      <c r="AN33147">
        <v>11</v>
      </c>
      <c r="AO33147">
        <v>12</v>
      </c>
      <c r="AP33147">
        <v>12</v>
      </c>
      <c r="AQ33147">
        <v>12</v>
      </c>
    </row>
    <row r="33148" spans="1:43">
      <c r="A33148" t="s">
        <v>20535</v>
      </c>
      <c r="B33148" t="s">
        <v>20536</v>
      </c>
      <c r="C33148" t="s">
        <v>20527</v>
      </c>
      <c r="D33148" t="s">
        <v>20528</v>
      </c>
      <c r="E33148" t="s">
        <v>20437</v>
      </c>
      <c r="F33148" t="s">
        <v>20438</v>
      </c>
      <c r="G33148" t="s">
        <v>20255</v>
      </c>
      <c r="H33148" t="s">
        <v>20256</v>
      </c>
      <c r="I33148" s="2">
        <v>1</v>
      </c>
      <c r="J33148" s="2">
        <v>0</v>
      </c>
      <c r="K33148" s="2">
        <v>0</v>
      </c>
      <c r="L33148" t="s">
        <v>120</v>
      </c>
      <c r="M33148" t="s">
        <v>89</v>
      </c>
      <c r="N33148" t="s">
        <v>90</v>
      </c>
      <c r="O33148" t="s">
        <v>85</v>
      </c>
      <c r="P33148" t="s">
        <v>86</v>
      </c>
      <c r="Q33148">
        <v>9</v>
      </c>
      <c r="R33148">
        <v>9</v>
      </c>
      <c r="S33148">
        <v>10</v>
      </c>
      <c r="T33148">
        <v>10</v>
      </c>
      <c r="U33148">
        <v>10</v>
      </c>
      <c r="V33148">
        <v>10</v>
      </c>
      <c r="W33148">
        <v>11</v>
      </c>
      <c r="X33148">
        <v>11</v>
      </c>
      <c r="Y33148">
        <v>11</v>
      </c>
      <c r="Z33148">
        <v>11</v>
      </c>
      <c r="AA33148">
        <v>12</v>
      </c>
      <c r="AB33148">
        <v>12</v>
      </c>
      <c r="AC33148">
        <v>12</v>
      </c>
      <c r="AD33148">
        <v>12</v>
      </c>
      <c r="AE33148">
        <v>12</v>
      </c>
      <c r="AF33148">
        <v>12</v>
      </c>
      <c r="AG33148">
        <v>13</v>
      </c>
      <c r="AH33148">
        <v>13</v>
      </c>
      <c r="AI33148">
        <v>13</v>
      </c>
      <c r="AJ33148">
        <v>13</v>
      </c>
      <c r="AK33148">
        <v>13</v>
      </c>
      <c r="AL33148">
        <v>13</v>
      </c>
      <c r="AM33148">
        <v>13</v>
      </c>
      <c r="AN33148">
        <v>13</v>
      </c>
      <c r="AO33148">
        <v>13</v>
      </c>
      <c r="AP33148">
        <v>13</v>
      </c>
      <c r="AQ33148">
        <v>14</v>
      </c>
    </row>
    <row r="33149" spans="1:43">
      <c r="A33149" t="s">
        <v>20535</v>
      </c>
      <c r="B33149" t="s">
        <v>20536</v>
      </c>
      <c r="C33149" t="s">
        <v>20527</v>
      </c>
      <c r="D33149" t="s">
        <v>20528</v>
      </c>
      <c r="E33149" t="s">
        <v>20437</v>
      </c>
      <c r="F33149" t="s">
        <v>20438</v>
      </c>
      <c r="G33149" t="s">
        <v>20255</v>
      </c>
      <c r="H33149" t="s">
        <v>20256</v>
      </c>
      <c r="I33149" s="2">
        <v>1</v>
      </c>
      <c r="J33149" s="2">
        <v>0</v>
      </c>
      <c r="K33149" s="2">
        <v>0</v>
      </c>
      <c r="L33149" t="s">
        <v>120</v>
      </c>
      <c r="M33149" t="s">
        <v>83</v>
      </c>
      <c r="N33149" t="s">
        <v>91</v>
      </c>
      <c r="O33149" t="s">
        <v>85</v>
      </c>
      <c r="P33149" t="s">
        <v>86</v>
      </c>
      <c r="Q33149">
        <v>9</v>
      </c>
      <c r="R33149">
        <v>9</v>
      </c>
      <c r="S33149">
        <v>9</v>
      </c>
      <c r="T33149">
        <v>10</v>
      </c>
      <c r="U33149">
        <v>10</v>
      </c>
      <c r="V33149">
        <v>10</v>
      </c>
      <c r="W33149">
        <v>10</v>
      </c>
      <c r="X33149">
        <v>10</v>
      </c>
      <c r="Y33149">
        <v>10</v>
      </c>
      <c r="Z33149">
        <v>11</v>
      </c>
      <c r="AA33149">
        <v>11</v>
      </c>
      <c r="AB33149">
        <v>11</v>
      </c>
      <c r="AC33149">
        <v>11</v>
      </c>
      <c r="AD33149">
        <v>11</v>
      </c>
      <c r="AE33149">
        <v>12</v>
      </c>
      <c r="AF33149">
        <v>12</v>
      </c>
      <c r="AG33149">
        <v>12</v>
      </c>
      <c r="AH33149">
        <v>12</v>
      </c>
      <c r="AI33149">
        <v>12</v>
      </c>
      <c r="AJ33149">
        <v>13</v>
      </c>
      <c r="AK33149">
        <v>13</v>
      </c>
      <c r="AL33149">
        <v>13</v>
      </c>
      <c r="AM33149">
        <v>13</v>
      </c>
      <c r="AN33149">
        <v>13</v>
      </c>
      <c r="AO33149">
        <v>13</v>
      </c>
      <c r="AP33149">
        <v>13</v>
      </c>
      <c r="AQ33149">
        <v>13</v>
      </c>
    </row>
    <row r="33150" spans="1:43">
      <c r="A33150" t="s">
        <v>20537</v>
      </c>
      <c r="B33150" t="s">
        <v>20538</v>
      </c>
      <c r="C33150" t="s">
        <v>20435</v>
      </c>
      <c r="D33150" t="s">
        <v>20436</v>
      </c>
      <c r="E33150" t="s">
        <v>20437</v>
      </c>
      <c r="F33150" t="s">
        <v>20438</v>
      </c>
      <c r="G33150" t="s">
        <v>20255</v>
      </c>
      <c r="H33150" t="s">
        <v>20256</v>
      </c>
      <c r="I33150" s="2">
        <v>1</v>
      </c>
      <c r="J33150" s="2">
        <v>0</v>
      </c>
      <c r="K33150" s="2">
        <v>0</v>
      </c>
      <c r="L33150" t="s">
        <v>120</v>
      </c>
      <c r="M33150" t="s">
        <v>83</v>
      </c>
      <c r="N33150" t="s">
        <v>84</v>
      </c>
      <c r="O33150" t="s">
        <v>85</v>
      </c>
      <c r="P33150" t="s">
        <v>86</v>
      </c>
      <c r="Q33150">
        <v>33</v>
      </c>
      <c r="R33150">
        <v>34</v>
      </c>
      <c r="S33150">
        <v>34</v>
      </c>
      <c r="T33150">
        <v>35</v>
      </c>
      <c r="U33150">
        <v>36</v>
      </c>
      <c r="V33150">
        <v>36</v>
      </c>
      <c r="W33150">
        <v>37</v>
      </c>
      <c r="X33150">
        <v>38</v>
      </c>
      <c r="Y33150">
        <v>38</v>
      </c>
      <c r="Z33150">
        <v>39</v>
      </c>
      <c r="AA33150">
        <v>40</v>
      </c>
      <c r="AB33150">
        <v>40</v>
      </c>
      <c r="AC33150">
        <v>41</v>
      </c>
      <c r="AD33150">
        <v>42</v>
      </c>
      <c r="AE33150">
        <v>42</v>
      </c>
      <c r="AF33150">
        <v>43</v>
      </c>
      <c r="AG33150">
        <v>44</v>
      </c>
      <c r="AH33150">
        <v>44</v>
      </c>
      <c r="AI33150">
        <v>45</v>
      </c>
      <c r="AJ33150">
        <v>46</v>
      </c>
      <c r="AK33150">
        <v>47</v>
      </c>
      <c r="AL33150">
        <v>47</v>
      </c>
      <c r="AM33150">
        <v>47</v>
      </c>
      <c r="AN33150">
        <v>48</v>
      </c>
      <c r="AO33150">
        <v>48</v>
      </c>
      <c r="AP33150">
        <v>49</v>
      </c>
      <c r="AQ33150">
        <v>49</v>
      </c>
    </row>
    <row r="33151" spans="1:43">
      <c r="A33151" t="s">
        <v>20537</v>
      </c>
      <c r="B33151" t="s">
        <v>20538</v>
      </c>
      <c r="C33151" t="s">
        <v>20435</v>
      </c>
      <c r="D33151" t="s">
        <v>20436</v>
      </c>
      <c r="E33151" t="s">
        <v>20437</v>
      </c>
      <c r="F33151" t="s">
        <v>20438</v>
      </c>
      <c r="G33151" t="s">
        <v>20255</v>
      </c>
      <c r="H33151" t="s">
        <v>20256</v>
      </c>
      <c r="I33151" s="2">
        <v>1</v>
      </c>
      <c r="J33151" s="2">
        <v>0</v>
      </c>
      <c r="K33151" s="2">
        <v>0</v>
      </c>
      <c r="L33151" t="s">
        <v>120</v>
      </c>
      <c r="M33151" t="s">
        <v>87</v>
      </c>
      <c r="N33151" t="s">
        <v>88</v>
      </c>
      <c r="O33151" t="s">
        <v>85</v>
      </c>
      <c r="P33151" t="s">
        <v>86</v>
      </c>
      <c r="Q33151">
        <v>33</v>
      </c>
      <c r="R33151">
        <v>33</v>
      </c>
      <c r="S33151">
        <v>33</v>
      </c>
      <c r="T33151">
        <v>34</v>
      </c>
      <c r="U33151">
        <v>34</v>
      </c>
      <c r="V33151">
        <v>34</v>
      </c>
      <c r="W33151">
        <v>35</v>
      </c>
      <c r="X33151">
        <v>35</v>
      </c>
      <c r="Y33151">
        <v>35</v>
      </c>
      <c r="Z33151">
        <v>36</v>
      </c>
      <c r="AA33151">
        <v>36</v>
      </c>
      <c r="AB33151">
        <v>36</v>
      </c>
      <c r="AC33151">
        <v>37</v>
      </c>
      <c r="AD33151">
        <v>37</v>
      </c>
      <c r="AE33151">
        <v>38</v>
      </c>
      <c r="AF33151">
        <v>38</v>
      </c>
      <c r="AG33151">
        <v>38</v>
      </c>
      <c r="AH33151">
        <v>39</v>
      </c>
      <c r="AI33151">
        <v>39</v>
      </c>
      <c r="AJ33151">
        <v>40</v>
      </c>
      <c r="AK33151">
        <v>40</v>
      </c>
      <c r="AL33151">
        <v>40</v>
      </c>
      <c r="AM33151">
        <v>41</v>
      </c>
      <c r="AN33151">
        <v>41</v>
      </c>
      <c r="AO33151">
        <v>42</v>
      </c>
      <c r="AP33151">
        <v>42</v>
      </c>
      <c r="AQ33151">
        <v>43</v>
      </c>
    </row>
    <row r="33152" spans="1:43">
      <c r="A33152" t="s">
        <v>20537</v>
      </c>
      <c r="B33152" t="s">
        <v>20538</v>
      </c>
      <c r="C33152" t="s">
        <v>20435</v>
      </c>
      <c r="D33152" t="s">
        <v>20436</v>
      </c>
      <c r="E33152" t="s">
        <v>20437</v>
      </c>
      <c r="F33152" t="s">
        <v>20438</v>
      </c>
      <c r="G33152" t="s">
        <v>20255</v>
      </c>
      <c r="H33152" t="s">
        <v>20256</v>
      </c>
      <c r="I33152" s="2">
        <v>1</v>
      </c>
      <c r="J33152" s="2">
        <v>0</v>
      </c>
      <c r="K33152" s="2">
        <v>0</v>
      </c>
      <c r="L33152" t="s">
        <v>120</v>
      </c>
      <c r="M33152" t="s">
        <v>89</v>
      </c>
      <c r="N33152" t="s">
        <v>90</v>
      </c>
      <c r="O33152" t="s">
        <v>85</v>
      </c>
      <c r="P33152" t="s">
        <v>86</v>
      </c>
      <c r="Q33152">
        <v>33</v>
      </c>
      <c r="R33152">
        <v>34</v>
      </c>
      <c r="S33152">
        <v>35</v>
      </c>
      <c r="T33152">
        <v>36</v>
      </c>
      <c r="U33152">
        <v>37</v>
      </c>
      <c r="V33152">
        <v>38</v>
      </c>
      <c r="W33152">
        <v>39</v>
      </c>
      <c r="X33152">
        <v>40</v>
      </c>
      <c r="Y33152">
        <v>40</v>
      </c>
      <c r="Z33152">
        <v>41</v>
      </c>
      <c r="AA33152">
        <v>42</v>
      </c>
      <c r="AB33152">
        <v>43</v>
      </c>
      <c r="AC33152">
        <v>44</v>
      </c>
      <c r="AD33152">
        <v>45</v>
      </c>
      <c r="AE33152">
        <v>45</v>
      </c>
      <c r="AF33152">
        <v>46</v>
      </c>
      <c r="AG33152">
        <v>46</v>
      </c>
      <c r="AH33152">
        <v>46</v>
      </c>
      <c r="AI33152">
        <v>47</v>
      </c>
      <c r="AJ33152">
        <v>47</v>
      </c>
      <c r="AK33152">
        <v>47</v>
      </c>
      <c r="AL33152">
        <v>48</v>
      </c>
      <c r="AM33152">
        <v>48</v>
      </c>
      <c r="AN33152">
        <v>48</v>
      </c>
      <c r="AO33152">
        <v>49</v>
      </c>
      <c r="AP33152">
        <v>49</v>
      </c>
      <c r="AQ33152">
        <v>50</v>
      </c>
    </row>
    <row r="33153" spans="1:43">
      <c r="A33153" t="s">
        <v>20537</v>
      </c>
      <c r="B33153" t="s">
        <v>20538</v>
      </c>
      <c r="C33153" t="s">
        <v>20435</v>
      </c>
      <c r="D33153" t="s">
        <v>20436</v>
      </c>
      <c r="E33153" t="s">
        <v>20437</v>
      </c>
      <c r="F33153" t="s">
        <v>20438</v>
      </c>
      <c r="G33153" t="s">
        <v>20255</v>
      </c>
      <c r="H33153" t="s">
        <v>20256</v>
      </c>
      <c r="I33153" s="2">
        <v>1</v>
      </c>
      <c r="J33153" s="2">
        <v>0</v>
      </c>
      <c r="K33153" s="2">
        <v>0</v>
      </c>
      <c r="L33153" t="s">
        <v>120</v>
      </c>
      <c r="M33153" t="s">
        <v>83</v>
      </c>
      <c r="N33153" t="s">
        <v>91</v>
      </c>
      <c r="O33153" t="s">
        <v>85</v>
      </c>
      <c r="P33153" t="s">
        <v>86</v>
      </c>
      <c r="Q33153">
        <v>33</v>
      </c>
      <c r="R33153">
        <v>34</v>
      </c>
      <c r="S33153">
        <v>34</v>
      </c>
      <c r="T33153">
        <v>35</v>
      </c>
      <c r="U33153">
        <v>36</v>
      </c>
      <c r="V33153">
        <v>36</v>
      </c>
      <c r="W33153">
        <v>37</v>
      </c>
      <c r="X33153">
        <v>38</v>
      </c>
      <c r="Y33153">
        <v>38</v>
      </c>
      <c r="Z33153">
        <v>39</v>
      </c>
      <c r="AA33153">
        <v>40</v>
      </c>
      <c r="AB33153">
        <v>40</v>
      </c>
      <c r="AC33153">
        <v>41</v>
      </c>
      <c r="AD33153">
        <v>42</v>
      </c>
      <c r="AE33153">
        <v>42</v>
      </c>
      <c r="AF33153">
        <v>43</v>
      </c>
      <c r="AG33153">
        <v>44</v>
      </c>
      <c r="AH33153">
        <v>44</v>
      </c>
      <c r="AI33153">
        <v>45</v>
      </c>
      <c r="AJ33153">
        <v>46</v>
      </c>
      <c r="AK33153">
        <v>47</v>
      </c>
      <c r="AL33153">
        <v>47</v>
      </c>
      <c r="AM33153">
        <v>47</v>
      </c>
      <c r="AN33153">
        <v>48</v>
      </c>
      <c r="AO33153">
        <v>48</v>
      </c>
      <c r="AP33153">
        <v>49</v>
      </c>
      <c r="AQ33153">
        <v>49</v>
      </c>
    </row>
    <row r="33154" spans="1:43">
      <c r="A33154" t="s">
        <v>20539</v>
      </c>
      <c r="B33154" t="s">
        <v>20540</v>
      </c>
      <c r="C33154" t="s">
        <v>20435</v>
      </c>
      <c r="D33154" t="s">
        <v>20436</v>
      </c>
      <c r="E33154" t="s">
        <v>20437</v>
      </c>
      <c r="F33154" t="s">
        <v>20438</v>
      </c>
      <c r="G33154" t="s">
        <v>20255</v>
      </c>
      <c r="H33154" t="s">
        <v>20256</v>
      </c>
      <c r="I33154" s="2">
        <v>1</v>
      </c>
      <c r="J33154" s="2">
        <v>0</v>
      </c>
      <c r="K33154" s="2">
        <v>0</v>
      </c>
      <c r="L33154" t="s">
        <v>120</v>
      </c>
      <c r="M33154" t="s">
        <v>83</v>
      </c>
      <c r="N33154" t="s">
        <v>84</v>
      </c>
      <c r="O33154" t="s">
        <v>85</v>
      </c>
      <c r="P33154" t="s">
        <v>86</v>
      </c>
      <c r="Q33154">
        <v>25</v>
      </c>
      <c r="R33154">
        <v>26</v>
      </c>
      <c r="S33154">
        <v>26</v>
      </c>
      <c r="T33154">
        <v>27</v>
      </c>
      <c r="U33154">
        <v>27</v>
      </c>
      <c r="V33154">
        <v>28</v>
      </c>
      <c r="W33154">
        <v>28</v>
      </c>
      <c r="X33154">
        <v>29</v>
      </c>
      <c r="Y33154">
        <v>29</v>
      </c>
      <c r="Z33154">
        <v>30</v>
      </c>
      <c r="AA33154">
        <v>30</v>
      </c>
      <c r="AB33154">
        <v>31</v>
      </c>
      <c r="AC33154">
        <v>31</v>
      </c>
      <c r="AD33154">
        <v>32</v>
      </c>
      <c r="AE33154">
        <v>32</v>
      </c>
      <c r="AF33154">
        <v>33</v>
      </c>
      <c r="AG33154">
        <v>34</v>
      </c>
      <c r="AH33154">
        <v>34</v>
      </c>
      <c r="AI33154">
        <v>35</v>
      </c>
      <c r="AJ33154">
        <v>35</v>
      </c>
      <c r="AK33154">
        <v>36</v>
      </c>
      <c r="AL33154">
        <v>36</v>
      </c>
      <c r="AM33154">
        <v>37</v>
      </c>
      <c r="AN33154">
        <v>37</v>
      </c>
      <c r="AO33154">
        <v>37</v>
      </c>
      <c r="AP33154">
        <v>37</v>
      </c>
      <c r="AQ33154">
        <v>38</v>
      </c>
    </row>
    <row r="33155" spans="1:43">
      <c r="A33155" t="s">
        <v>20539</v>
      </c>
      <c r="B33155" t="s">
        <v>20540</v>
      </c>
      <c r="C33155" t="s">
        <v>20435</v>
      </c>
      <c r="D33155" t="s">
        <v>20436</v>
      </c>
      <c r="E33155" t="s">
        <v>20437</v>
      </c>
      <c r="F33155" t="s">
        <v>20438</v>
      </c>
      <c r="G33155" t="s">
        <v>20255</v>
      </c>
      <c r="H33155" t="s">
        <v>20256</v>
      </c>
      <c r="I33155" s="2">
        <v>1</v>
      </c>
      <c r="J33155" s="2">
        <v>0</v>
      </c>
      <c r="K33155" s="2">
        <v>0</v>
      </c>
      <c r="L33155" t="s">
        <v>120</v>
      </c>
      <c r="M33155" t="s">
        <v>87</v>
      </c>
      <c r="N33155" t="s">
        <v>88</v>
      </c>
      <c r="O33155" t="s">
        <v>85</v>
      </c>
      <c r="P33155" t="s">
        <v>86</v>
      </c>
      <c r="Q33155">
        <v>25</v>
      </c>
      <c r="R33155">
        <v>25</v>
      </c>
      <c r="S33155">
        <v>26</v>
      </c>
      <c r="T33155">
        <v>26</v>
      </c>
      <c r="U33155">
        <v>26</v>
      </c>
      <c r="V33155">
        <v>26</v>
      </c>
      <c r="W33155">
        <v>27</v>
      </c>
      <c r="X33155">
        <v>27</v>
      </c>
      <c r="Y33155">
        <v>27</v>
      </c>
      <c r="Z33155">
        <v>27</v>
      </c>
      <c r="AA33155">
        <v>28</v>
      </c>
      <c r="AB33155">
        <v>28</v>
      </c>
      <c r="AC33155">
        <v>28</v>
      </c>
      <c r="AD33155">
        <v>29</v>
      </c>
      <c r="AE33155">
        <v>29</v>
      </c>
      <c r="AF33155">
        <v>29</v>
      </c>
      <c r="AG33155">
        <v>30</v>
      </c>
      <c r="AH33155">
        <v>30</v>
      </c>
      <c r="AI33155">
        <v>30</v>
      </c>
      <c r="AJ33155">
        <v>30</v>
      </c>
      <c r="AK33155">
        <v>31</v>
      </c>
      <c r="AL33155">
        <v>31</v>
      </c>
      <c r="AM33155">
        <v>31</v>
      </c>
      <c r="AN33155">
        <v>32</v>
      </c>
      <c r="AO33155">
        <v>32</v>
      </c>
      <c r="AP33155">
        <v>33</v>
      </c>
      <c r="AQ33155">
        <v>33</v>
      </c>
    </row>
    <row r="33156" spans="1:43">
      <c r="A33156" t="s">
        <v>20539</v>
      </c>
      <c r="B33156" t="s">
        <v>20540</v>
      </c>
      <c r="C33156" t="s">
        <v>20435</v>
      </c>
      <c r="D33156" t="s">
        <v>20436</v>
      </c>
      <c r="E33156" t="s">
        <v>20437</v>
      </c>
      <c r="F33156" t="s">
        <v>20438</v>
      </c>
      <c r="G33156" t="s">
        <v>20255</v>
      </c>
      <c r="H33156" t="s">
        <v>20256</v>
      </c>
      <c r="I33156" s="2">
        <v>1</v>
      </c>
      <c r="J33156" s="2">
        <v>0</v>
      </c>
      <c r="K33156" s="2">
        <v>0</v>
      </c>
      <c r="L33156" t="s">
        <v>120</v>
      </c>
      <c r="M33156" t="s">
        <v>89</v>
      </c>
      <c r="N33156" t="s">
        <v>90</v>
      </c>
      <c r="O33156" t="s">
        <v>85</v>
      </c>
      <c r="P33156" t="s">
        <v>86</v>
      </c>
      <c r="Q33156">
        <v>25</v>
      </c>
      <c r="R33156">
        <v>25</v>
      </c>
      <c r="S33156">
        <v>26</v>
      </c>
      <c r="T33156">
        <v>27</v>
      </c>
      <c r="U33156">
        <v>27</v>
      </c>
      <c r="V33156">
        <v>28</v>
      </c>
      <c r="W33156">
        <v>29</v>
      </c>
      <c r="X33156">
        <v>29</v>
      </c>
      <c r="Y33156">
        <v>30</v>
      </c>
      <c r="Z33156">
        <v>31</v>
      </c>
      <c r="AA33156">
        <v>31</v>
      </c>
      <c r="AB33156">
        <v>32</v>
      </c>
      <c r="AC33156">
        <v>33</v>
      </c>
      <c r="AD33156">
        <v>33</v>
      </c>
      <c r="AE33156">
        <v>34</v>
      </c>
      <c r="AF33156">
        <v>34</v>
      </c>
      <c r="AG33156">
        <v>34</v>
      </c>
      <c r="AH33156">
        <v>35</v>
      </c>
      <c r="AI33156">
        <v>35</v>
      </c>
      <c r="AJ33156">
        <v>35</v>
      </c>
      <c r="AK33156">
        <v>35</v>
      </c>
      <c r="AL33156">
        <v>36</v>
      </c>
      <c r="AM33156">
        <v>36</v>
      </c>
      <c r="AN33156">
        <v>36</v>
      </c>
      <c r="AO33156">
        <v>37</v>
      </c>
      <c r="AP33156">
        <v>37</v>
      </c>
      <c r="AQ33156">
        <v>37</v>
      </c>
    </row>
    <row r="33157" spans="1:43">
      <c r="A33157" t="s">
        <v>20539</v>
      </c>
      <c r="B33157" t="s">
        <v>20540</v>
      </c>
      <c r="C33157" t="s">
        <v>20435</v>
      </c>
      <c r="D33157" t="s">
        <v>20436</v>
      </c>
      <c r="E33157" t="s">
        <v>20437</v>
      </c>
      <c r="F33157" t="s">
        <v>20438</v>
      </c>
      <c r="G33157" t="s">
        <v>20255</v>
      </c>
      <c r="H33157" t="s">
        <v>20256</v>
      </c>
      <c r="I33157" s="2">
        <v>1</v>
      </c>
      <c r="J33157" s="2">
        <v>0</v>
      </c>
      <c r="K33157" s="2">
        <v>0</v>
      </c>
      <c r="L33157" t="s">
        <v>120</v>
      </c>
      <c r="M33157" t="s">
        <v>83</v>
      </c>
      <c r="N33157" t="s">
        <v>91</v>
      </c>
      <c r="O33157" t="s">
        <v>85</v>
      </c>
      <c r="P33157" t="s">
        <v>86</v>
      </c>
      <c r="Q33157">
        <v>25</v>
      </c>
      <c r="R33157">
        <v>26</v>
      </c>
      <c r="S33157">
        <v>26</v>
      </c>
      <c r="T33157">
        <v>27</v>
      </c>
      <c r="U33157">
        <v>27</v>
      </c>
      <c r="V33157">
        <v>28</v>
      </c>
      <c r="W33157">
        <v>28</v>
      </c>
      <c r="X33157">
        <v>29</v>
      </c>
      <c r="Y33157">
        <v>29</v>
      </c>
      <c r="Z33157">
        <v>30</v>
      </c>
      <c r="AA33157">
        <v>30</v>
      </c>
      <c r="AB33157">
        <v>31</v>
      </c>
      <c r="AC33157">
        <v>31</v>
      </c>
      <c r="AD33157">
        <v>32</v>
      </c>
      <c r="AE33157">
        <v>32</v>
      </c>
      <c r="AF33157">
        <v>33</v>
      </c>
      <c r="AG33157">
        <v>34</v>
      </c>
      <c r="AH33157">
        <v>34</v>
      </c>
      <c r="AI33157">
        <v>35</v>
      </c>
      <c r="AJ33157">
        <v>35</v>
      </c>
      <c r="AK33157">
        <v>36</v>
      </c>
      <c r="AL33157">
        <v>36</v>
      </c>
      <c r="AM33157">
        <v>37</v>
      </c>
      <c r="AN33157">
        <v>37</v>
      </c>
      <c r="AO33157">
        <v>37</v>
      </c>
      <c r="AP33157">
        <v>37</v>
      </c>
      <c r="AQ33157">
        <v>38</v>
      </c>
    </row>
    <row r="33158" spans="1:43">
      <c r="A33158" t="s">
        <v>20541</v>
      </c>
      <c r="B33158" t="s">
        <v>20542</v>
      </c>
      <c r="C33158" t="s">
        <v>20543</v>
      </c>
      <c r="D33158" t="s">
        <v>20544</v>
      </c>
      <c r="E33158" t="s">
        <v>20437</v>
      </c>
      <c r="F33158" t="s">
        <v>20438</v>
      </c>
      <c r="G33158" t="s">
        <v>20255</v>
      </c>
      <c r="H33158" t="s">
        <v>20256</v>
      </c>
      <c r="I33158" s="2">
        <v>1</v>
      </c>
      <c r="J33158" s="2">
        <v>0</v>
      </c>
      <c r="K33158" s="2">
        <v>0</v>
      </c>
      <c r="L33158" t="s">
        <v>120</v>
      </c>
      <c r="M33158" t="s">
        <v>83</v>
      </c>
      <c r="N33158" t="s">
        <v>84</v>
      </c>
      <c r="O33158" t="s">
        <v>85</v>
      </c>
      <c r="P33158" t="s">
        <v>86</v>
      </c>
      <c r="Q33158">
        <v>11</v>
      </c>
      <c r="R33158">
        <v>11</v>
      </c>
      <c r="S33158">
        <v>11</v>
      </c>
      <c r="T33158">
        <v>11</v>
      </c>
      <c r="U33158">
        <v>12</v>
      </c>
      <c r="V33158">
        <v>12</v>
      </c>
      <c r="W33158">
        <v>12</v>
      </c>
      <c r="X33158">
        <v>12</v>
      </c>
      <c r="Y33158">
        <v>12</v>
      </c>
      <c r="Z33158">
        <v>13</v>
      </c>
      <c r="AA33158">
        <v>13</v>
      </c>
      <c r="AB33158">
        <v>13</v>
      </c>
      <c r="AC33158">
        <v>13</v>
      </c>
      <c r="AD33158">
        <v>13</v>
      </c>
      <c r="AE33158">
        <v>14</v>
      </c>
      <c r="AF33158">
        <v>14</v>
      </c>
      <c r="AG33158">
        <v>14</v>
      </c>
      <c r="AH33158">
        <v>14</v>
      </c>
      <c r="AI33158">
        <v>15</v>
      </c>
      <c r="AJ33158">
        <v>15</v>
      </c>
      <c r="AK33158">
        <v>15</v>
      </c>
      <c r="AL33158">
        <v>15</v>
      </c>
      <c r="AM33158">
        <v>15</v>
      </c>
      <c r="AN33158">
        <v>16</v>
      </c>
      <c r="AO33158">
        <v>16</v>
      </c>
      <c r="AP33158">
        <v>16</v>
      </c>
      <c r="AQ33158">
        <v>16</v>
      </c>
    </row>
    <row r="33159" spans="1:43">
      <c r="A33159" t="s">
        <v>20541</v>
      </c>
      <c r="B33159" t="s">
        <v>20542</v>
      </c>
      <c r="C33159" t="s">
        <v>20543</v>
      </c>
      <c r="D33159" t="s">
        <v>20544</v>
      </c>
      <c r="E33159" t="s">
        <v>20437</v>
      </c>
      <c r="F33159" t="s">
        <v>20438</v>
      </c>
      <c r="G33159" t="s">
        <v>20255</v>
      </c>
      <c r="H33159" t="s">
        <v>20256</v>
      </c>
      <c r="I33159" s="2">
        <v>1</v>
      </c>
      <c r="J33159" s="2">
        <v>0</v>
      </c>
      <c r="K33159" s="2">
        <v>0</v>
      </c>
      <c r="L33159" t="s">
        <v>120</v>
      </c>
      <c r="M33159" t="s">
        <v>87</v>
      </c>
      <c r="N33159" t="s">
        <v>88</v>
      </c>
      <c r="O33159" t="s">
        <v>85</v>
      </c>
      <c r="P33159" t="s">
        <v>86</v>
      </c>
      <c r="Q33159">
        <v>11</v>
      </c>
      <c r="R33159">
        <v>11</v>
      </c>
      <c r="S33159">
        <v>11</v>
      </c>
      <c r="T33159">
        <v>11</v>
      </c>
      <c r="U33159">
        <v>11</v>
      </c>
      <c r="V33159">
        <v>11</v>
      </c>
      <c r="W33159">
        <v>11</v>
      </c>
      <c r="X33159">
        <v>11</v>
      </c>
      <c r="Y33159">
        <v>11</v>
      </c>
      <c r="Z33159">
        <v>12</v>
      </c>
      <c r="AA33159">
        <v>12</v>
      </c>
      <c r="AB33159">
        <v>12</v>
      </c>
      <c r="AC33159">
        <v>12</v>
      </c>
      <c r="AD33159">
        <v>12</v>
      </c>
      <c r="AE33159">
        <v>12</v>
      </c>
      <c r="AF33159">
        <v>12</v>
      </c>
      <c r="AG33159">
        <v>12</v>
      </c>
      <c r="AH33159">
        <v>13</v>
      </c>
      <c r="AI33159">
        <v>13</v>
      </c>
      <c r="AJ33159">
        <v>13</v>
      </c>
      <c r="AK33159">
        <v>13</v>
      </c>
      <c r="AL33159">
        <v>13</v>
      </c>
      <c r="AM33159">
        <v>13</v>
      </c>
      <c r="AN33159">
        <v>13</v>
      </c>
      <c r="AO33159">
        <v>14</v>
      </c>
      <c r="AP33159">
        <v>14</v>
      </c>
      <c r="AQ33159">
        <v>14</v>
      </c>
    </row>
    <row r="33160" spans="1:43">
      <c r="A33160" t="s">
        <v>20541</v>
      </c>
      <c r="B33160" t="s">
        <v>20542</v>
      </c>
      <c r="C33160" t="s">
        <v>20543</v>
      </c>
      <c r="D33160" t="s">
        <v>20544</v>
      </c>
      <c r="E33160" t="s">
        <v>20437</v>
      </c>
      <c r="F33160" t="s">
        <v>20438</v>
      </c>
      <c r="G33160" t="s">
        <v>20255</v>
      </c>
      <c r="H33160" t="s">
        <v>20256</v>
      </c>
      <c r="I33160" s="2">
        <v>1</v>
      </c>
      <c r="J33160" s="2">
        <v>0</v>
      </c>
      <c r="K33160" s="2">
        <v>0</v>
      </c>
      <c r="L33160" t="s">
        <v>120</v>
      </c>
      <c r="M33160" t="s">
        <v>89</v>
      </c>
      <c r="N33160" t="s">
        <v>90</v>
      </c>
      <c r="O33160" t="s">
        <v>85</v>
      </c>
      <c r="P33160" t="s">
        <v>86</v>
      </c>
      <c r="Q33160">
        <v>11</v>
      </c>
      <c r="R33160">
        <v>11</v>
      </c>
      <c r="S33160">
        <v>11</v>
      </c>
      <c r="T33160">
        <v>12</v>
      </c>
      <c r="U33160">
        <v>12</v>
      </c>
      <c r="V33160">
        <v>12</v>
      </c>
      <c r="W33160">
        <v>13</v>
      </c>
      <c r="X33160">
        <v>13</v>
      </c>
      <c r="Y33160">
        <v>13</v>
      </c>
      <c r="Z33160">
        <v>13</v>
      </c>
      <c r="AA33160">
        <v>14</v>
      </c>
      <c r="AB33160">
        <v>14</v>
      </c>
      <c r="AC33160">
        <v>14</v>
      </c>
      <c r="AD33160">
        <v>14</v>
      </c>
      <c r="AE33160">
        <v>15</v>
      </c>
      <c r="AF33160">
        <v>15</v>
      </c>
      <c r="AG33160">
        <v>15</v>
      </c>
      <c r="AH33160">
        <v>15</v>
      </c>
      <c r="AI33160">
        <v>15</v>
      </c>
      <c r="AJ33160">
        <v>15</v>
      </c>
      <c r="AK33160">
        <v>15</v>
      </c>
      <c r="AL33160">
        <v>15</v>
      </c>
      <c r="AM33160">
        <v>16</v>
      </c>
      <c r="AN33160">
        <v>16</v>
      </c>
      <c r="AO33160">
        <v>16</v>
      </c>
      <c r="AP33160">
        <v>16</v>
      </c>
      <c r="AQ33160">
        <v>16</v>
      </c>
    </row>
    <row r="33161" spans="1:43">
      <c r="A33161" t="s">
        <v>20541</v>
      </c>
      <c r="B33161" t="s">
        <v>20542</v>
      </c>
      <c r="C33161" t="s">
        <v>20543</v>
      </c>
      <c r="D33161" t="s">
        <v>20544</v>
      </c>
      <c r="E33161" t="s">
        <v>20437</v>
      </c>
      <c r="F33161" t="s">
        <v>20438</v>
      </c>
      <c r="G33161" t="s">
        <v>20255</v>
      </c>
      <c r="H33161" t="s">
        <v>20256</v>
      </c>
      <c r="I33161" s="2">
        <v>1</v>
      </c>
      <c r="J33161" s="2">
        <v>0</v>
      </c>
      <c r="K33161" s="2">
        <v>0</v>
      </c>
      <c r="L33161" t="s">
        <v>120</v>
      </c>
      <c r="M33161" t="s">
        <v>83</v>
      </c>
      <c r="N33161" t="s">
        <v>91</v>
      </c>
      <c r="O33161" t="s">
        <v>85</v>
      </c>
      <c r="P33161" t="s">
        <v>86</v>
      </c>
      <c r="Q33161">
        <v>11</v>
      </c>
      <c r="R33161">
        <v>11</v>
      </c>
      <c r="S33161">
        <v>11</v>
      </c>
      <c r="T33161">
        <v>11</v>
      </c>
      <c r="U33161">
        <v>12</v>
      </c>
      <c r="V33161">
        <v>12</v>
      </c>
      <c r="W33161">
        <v>12</v>
      </c>
      <c r="X33161">
        <v>12</v>
      </c>
      <c r="Y33161">
        <v>12</v>
      </c>
      <c r="Z33161">
        <v>13</v>
      </c>
      <c r="AA33161">
        <v>13</v>
      </c>
      <c r="AB33161">
        <v>13</v>
      </c>
      <c r="AC33161">
        <v>13</v>
      </c>
      <c r="AD33161">
        <v>13</v>
      </c>
      <c r="AE33161">
        <v>14</v>
      </c>
      <c r="AF33161">
        <v>14</v>
      </c>
      <c r="AG33161">
        <v>14</v>
      </c>
      <c r="AH33161">
        <v>14</v>
      </c>
      <c r="AI33161">
        <v>15</v>
      </c>
      <c r="AJ33161">
        <v>15</v>
      </c>
      <c r="AK33161">
        <v>15</v>
      </c>
      <c r="AL33161">
        <v>15</v>
      </c>
      <c r="AM33161">
        <v>15</v>
      </c>
      <c r="AN33161">
        <v>16</v>
      </c>
      <c r="AO33161">
        <v>16</v>
      </c>
      <c r="AP33161">
        <v>16</v>
      </c>
      <c r="AQ33161">
        <v>16</v>
      </c>
    </row>
    <row r="33162" spans="1:43">
      <c r="A33162" t="s">
        <v>20545</v>
      </c>
      <c r="B33162" t="s">
        <v>20546</v>
      </c>
      <c r="C33162" t="s">
        <v>20543</v>
      </c>
      <c r="D33162" t="s">
        <v>20544</v>
      </c>
      <c r="E33162" t="s">
        <v>20437</v>
      </c>
      <c r="F33162" t="s">
        <v>20438</v>
      </c>
      <c r="G33162" t="s">
        <v>20255</v>
      </c>
      <c r="H33162" t="s">
        <v>20256</v>
      </c>
      <c r="I33162" s="2">
        <v>1</v>
      </c>
      <c r="J33162" s="2">
        <v>0</v>
      </c>
      <c r="K33162" s="2">
        <v>0</v>
      </c>
      <c r="L33162" t="s">
        <v>120</v>
      </c>
      <c r="M33162" t="s">
        <v>83</v>
      </c>
      <c r="N33162" t="s">
        <v>84</v>
      </c>
      <c r="O33162" t="s">
        <v>85</v>
      </c>
      <c r="P33162" t="s">
        <v>86</v>
      </c>
      <c r="Q33162">
        <v>14</v>
      </c>
      <c r="R33162">
        <v>14</v>
      </c>
      <c r="S33162">
        <v>14</v>
      </c>
      <c r="T33162">
        <v>15</v>
      </c>
      <c r="U33162">
        <v>15</v>
      </c>
      <c r="V33162">
        <v>15</v>
      </c>
      <c r="W33162">
        <v>15</v>
      </c>
      <c r="X33162">
        <v>16</v>
      </c>
      <c r="Y33162">
        <v>16</v>
      </c>
      <c r="Z33162">
        <v>16</v>
      </c>
      <c r="AA33162">
        <v>16</v>
      </c>
      <c r="AB33162">
        <v>17</v>
      </c>
      <c r="AC33162">
        <v>17</v>
      </c>
      <c r="AD33162">
        <v>17</v>
      </c>
      <c r="AE33162">
        <v>18</v>
      </c>
      <c r="AF33162">
        <v>18</v>
      </c>
      <c r="AG33162">
        <v>18</v>
      </c>
      <c r="AH33162">
        <v>19</v>
      </c>
      <c r="AI33162">
        <v>19</v>
      </c>
      <c r="AJ33162">
        <v>19</v>
      </c>
      <c r="AK33162">
        <v>19</v>
      </c>
      <c r="AL33162">
        <v>20</v>
      </c>
      <c r="AM33162">
        <v>20</v>
      </c>
      <c r="AN33162">
        <v>20</v>
      </c>
      <c r="AO33162">
        <v>20</v>
      </c>
      <c r="AP33162">
        <v>20</v>
      </c>
      <c r="AQ33162">
        <v>20</v>
      </c>
    </row>
    <row r="33163" spans="1:43">
      <c r="A33163" t="s">
        <v>20545</v>
      </c>
      <c r="B33163" t="s">
        <v>20546</v>
      </c>
      <c r="C33163" t="s">
        <v>20543</v>
      </c>
      <c r="D33163" t="s">
        <v>20544</v>
      </c>
      <c r="E33163" t="s">
        <v>20437</v>
      </c>
      <c r="F33163" t="s">
        <v>20438</v>
      </c>
      <c r="G33163" t="s">
        <v>20255</v>
      </c>
      <c r="H33163" t="s">
        <v>20256</v>
      </c>
      <c r="I33163" s="2">
        <v>1</v>
      </c>
      <c r="J33163" s="2">
        <v>0</v>
      </c>
      <c r="K33163" s="2">
        <v>0</v>
      </c>
      <c r="L33163" t="s">
        <v>120</v>
      </c>
      <c r="M33163" t="s">
        <v>87</v>
      </c>
      <c r="N33163" t="s">
        <v>88</v>
      </c>
      <c r="O33163" t="s">
        <v>85</v>
      </c>
      <c r="P33163" t="s">
        <v>86</v>
      </c>
      <c r="Q33163">
        <v>14</v>
      </c>
      <c r="R33163">
        <v>14</v>
      </c>
      <c r="S33163">
        <v>14</v>
      </c>
      <c r="T33163">
        <v>14</v>
      </c>
      <c r="U33163">
        <v>14</v>
      </c>
      <c r="V33163">
        <v>14</v>
      </c>
      <c r="W33163">
        <v>14</v>
      </c>
      <c r="X33163">
        <v>15</v>
      </c>
      <c r="Y33163">
        <v>15</v>
      </c>
      <c r="Z33163">
        <v>15</v>
      </c>
      <c r="AA33163">
        <v>15</v>
      </c>
      <c r="AB33163">
        <v>15</v>
      </c>
      <c r="AC33163">
        <v>15</v>
      </c>
      <c r="AD33163">
        <v>16</v>
      </c>
      <c r="AE33163">
        <v>16</v>
      </c>
      <c r="AF33163">
        <v>16</v>
      </c>
      <c r="AG33163">
        <v>16</v>
      </c>
      <c r="AH33163">
        <v>16</v>
      </c>
      <c r="AI33163">
        <v>16</v>
      </c>
      <c r="AJ33163">
        <v>17</v>
      </c>
      <c r="AK33163">
        <v>17</v>
      </c>
      <c r="AL33163">
        <v>17</v>
      </c>
      <c r="AM33163">
        <v>17</v>
      </c>
      <c r="AN33163">
        <v>17</v>
      </c>
      <c r="AO33163">
        <v>17</v>
      </c>
      <c r="AP33163">
        <v>18</v>
      </c>
      <c r="AQ33163">
        <v>18</v>
      </c>
    </row>
    <row r="33164" spans="1:43">
      <c r="A33164" t="s">
        <v>20545</v>
      </c>
      <c r="B33164" t="s">
        <v>20546</v>
      </c>
      <c r="C33164" t="s">
        <v>20543</v>
      </c>
      <c r="D33164" t="s">
        <v>20544</v>
      </c>
      <c r="E33164" t="s">
        <v>20437</v>
      </c>
      <c r="F33164" t="s">
        <v>20438</v>
      </c>
      <c r="G33164" t="s">
        <v>20255</v>
      </c>
      <c r="H33164" t="s">
        <v>20256</v>
      </c>
      <c r="I33164" s="2">
        <v>1</v>
      </c>
      <c r="J33164" s="2">
        <v>0</v>
      </c>
      <c r="K33164" s="2">
        <v>0</v>
      </c>
      <c r="L33164" t="s">
        <v>120</v>
      </c>
      <c r="M33164" t="s">
        <v>89</v>
      </c>
      <c r="N33164" t="s">
        <v>90</v>
      </c>
      <c r="O33164" t="s">
        <v>85</v>
      </c>
      <c r="P33164" t="s">
        <v>86</v>
      </c>
      <c r="Q33164">
        <v>14</v>
      </c>
      <c r="R33164">
        <v>14</v>
      </c>
      <c r="S33164">
        <v>15</v>
      </c>
      <c r="T33164">
        <v>15</v>
      </c>
      <c r="U33164">
        <v>15</v>
      </c>
      <c r="V33164">
        <v>16</v>
      </c>
      <c r="W33164">
        <v>16</v>
      </c>
      <c r="X33164">
        <v>16</v>
      </c>
      <c r="Y33164">
        <v>17</v>
      </c>
      <c r="Z33164">
        <v>17</v>
      </c>
      <c r="AA33164">
        <v>17</v>
      </c>
      <c r="AB33164">
        <v>18</v>
      </c>
      <c r="AC33164">
        <v>18</v>
      </c>
      <c r="AD33164">
        <v>19</v>
      </c>
      <c r="AE33164">
        <v>19</v>
      </c>
      <c r="AF33164">
        <v>19</v>
      </c>
      <c r="AG33164">
        <v>19</v>
      </c>
      <c r="AH33164">
        <v>19</v>
      </c>
      <c r="AI33164">
        <v>19</v>
      </c>
      <c r="AJ33164">
        <v>20</v>
      </c>
      <c r="AK33164">
        <v>20</v>
      </c>
      <c r="AL33164">
        <v>20</v>
      </c>
      <c r="AM33164">
        <v>20</v>
      </c>
      <c r="AN33164">
        <v>20</v>
      </c>
      <c r="AO33164">
        <v>20</v>
      </c>
      <c r="AP33164">
        <v>20</v>
      </c>
      <c r="AQ33164">
        <v>21</v>
      </c>
    </row>
    <row r="33165" spans="1:43">
      <c r="A33165" t="s">
        <v>20545</v>
      </c>
      <c r="B33165" t="s">
        <v>20546</v>
      </c>
      <c r="C33165" t="s">
        <v>20543</v>
      </c>
      <c r="D33165" t="s">
        <v>20544</v>
      </c>
      <c r="E33165" t="s">
        <v>20437</v>
      </c>
      <c r="F33165" t="s">
        <v>20438</v>
      </c>
      <c r="G33165" t="s">
        <v>20255</v>
      </c>
      <c r="H33165" t="s">
        <v>20256</v>
      </c>
      <c r="I33165" s="2">
        <v>1</v>
      </c>
      <c r="J33165" s="2">
        <v>0</v>
      </c>
      <c r="K33165" s="2">
        <v>0</v>
      </c>
      <c r="L33165" t="s">
        <v>120</v>
      </c>
      <c r="M33165" t="s">
        <v>83</v>
      </c>
      <c r="N33165" t="s">
        <v>91</v>
      </c>
      <c r="O33165" t="s">
        <v>85</v>
      </c>
      <c r="P33165" t="s">
        <v>86</v>
      </c>
      <c r="Q33165">
        <v>14</v>
      </c>
      <c r="R33165">
        <v>14</v>
      </c>
      <c r="S33165">
        <v>14</v>
      </c>
      <c r="T33165">
        <v>15</v>
      </c>
      <c r="U33165">
        <v>15</v>
      </c>
      <c r="V33165">
        <v>15</v>
      </c>
      <c r="W33165">
        <v>15</v>
      </c>
      <c r="X33165">
        <v>16</v>
      </c>
      <c r="Y33165">
        <v>16</v>
      </c>
      <c r="Z33165">
        <v>16</v>
      </c>
      <c r="AA33165">
        <v>16</v>
      </c>
      <c r="AB33165">
        <v>17</v>
      </c>
      <c r="AC33165">
        <v>17</v>
      </c>
      <c r="AD33165">
        <v>17</v>
      </c>
      <c r="AE33165">
        <v>18</v>
      </c>
      <c r="AF33165">
        <v>18</v>
      </c>
      <c r="AG33165">
        <v>18</v>
      </c>
      <c r="AH33165">
        <v>19</v>
      </c>
      <c r="AI33165">
        <v>19</v>
      </c>
      <c r="AJ33165">
        <v>19</v>
      </c>
      <c r="AK33165">
        <v>19</v>
      </c>
      <c r="AL33165">
        <v>20</v>
      </c>
      <c r="AM33165">
        <v>20</v>
      </c>
      <c r="AN33165">
        <v>20</v>
      </c>
      <c r="AO33165">
        <v>20</v>
      </c>
      <c r="AP33165">
        <v>20</v>
      </c>
      <c r="AQ33165">
        <v>20</v>
      </c>
    </row>
    <row r="33166" spans="1:43">
      <c r="A33166" t="s">
        <v>20547</v>
      </c>
      <c r="B33166" t="s">
        <v>20548</v>
      </c>
      <c r="C33166" t="s">
        <v>20543</v>
      </c>
      <c r="D33166" t="s">
        <v>20544</v>
      </c>
      <c r="E33166" t="s">
        <v>20437</v>
      </c>
      <c r="F33166" t="s">
        <v>20438</v>
      </c>
      <c r="G33166" t="s">
        <v>20255</v>
      </c>
      <c r="H33166" t="s">
        <v>20256</v>
      </c>
      <c r="I33166" s="2">
        <v>1</v>
      </c>
      <c r="J33166" s="2">
        <v>0</v>
      </c>
      <c r="K33166" s="2">
        <v>0</v>
      </c>
      <c r="L33166" t="s">
        <v>120</v>
      </c>
      <c r="M33166" t="s">
        <v>83</v>
      </c>
      <c r="N33166" t="s">
        <v>84</v>
      </c>
      <c r="O33166" t="s">
        <v>85</v>
      </c>
      <c r="P33166" t="s">
        <v>86</v>
      </c>
      <c r="Q33166">
        <v>8</v>
      </c>
      <c r="R33166">
        <v>8</v>
      </c>
      <c r="S33166">
        <v>8</v>
      </c>
      <c r="T33166">
        <v>8</v>
      </c>
      <c r="U33166">
        <v>8</v>
      </c>
      <c r="V33166">
        <v>8</v>
      </c>
      <c r="W33166">
        <v>8</v>
      </c>
      <c r="X33166">
        <v>9</v>
      </c>
      <c r="Y33166">
        <v>9</v>
      </c>
      <c r="Z33166">
        <v>9</v>
      </c>
      <c r="AA33166">
        <v>9</v>
      </c>
      <c r="AB33166">
        <v>9</v>
      </c>
      <c r="AC33166">
        <v>9</v>
      </c>
      <c r="AD33166">
        <v>10</v>
      </c>
      <c r="AE33166">
        <v>10</v>
      </c>
      <c r="AF33166">
        <v>10</v>
      </c>
      <c r="AG33166">
        <v>10</v>
      </c>
      <c r="AH33166">
        <v>10</v>
      </c>
      <c r="AI33166">
        <v>10</v>
      </c>
      <c r="AJ33166">
        <v>11</v>
      </c>
      <c r="AK33166">
        <v>11</v>
      </c>
      <c r="AL33166">
        <v>11</v>
      </c>
      <c r="AM33166">
        <v>11</v>
      </c>
      <c r="AN33166">
        <v>11</v>
      </c>
      <c r="AO33166">
        <v>11</v>
      </c>
      <c r="AP33166">
        <v>11</v>
      </c>
      <c r="AQ33166">
        <v>11</v>
      </c>
    </row>
    <row r="33167" spans="1:43">
      <c r="A33167" t="s">
        <v>20547</v>
      </c>
      <c r="B33167" t="s">
        <v>20548</v>
      </c>
      <c r="C33167" t="s">
        <v>20543</v>
      </c>
      <c r="D33167" t="s">
        <v>20544</v>
      </c>
      <c r="E33167" t="s">
        <v>20437</v>
      </c>
      <c r="F33167" t="s">
        <v>20438</v>
      </c>
      <c r="G33167" t="s">
        <v>20255</v>
      </c>
      <c r="H33167" t="s">
        <v>20256</v>
      </c>
      <c r="I33167" s="2">
        <v>1</v>
      </c>
      <c r="J33167" s="2">
        <v>0</v>
      </c>
      <c r="K33167" s="2">
        <v>0</v>
      </c>
      <c r="L33167" t="s">
        <v>120</v>
      </c>
      <c r="M33167" t="s">
        <v>87</v>
      </c>
      <c r="N33167" t="s">
        <v>88</v>
      </c>
      <c r="O33167" t="s">
        <v>85</v>
      </c>
      <c r="P33167" t="s">
        <v>86</v>
      </c>
      <c r="Q33167">
        <v>8</v>
      </c>
      <c r="R33167">
        <v>9</v>
      </c>
      <c r="S33167">
        <v>9</v>
      </c>
      <c r="T33167">
        <v>9</v>
      </c>
      <c r="U33167">
        <v>9</v>
      </c>
      <c r="V33167">
        <v>9</v>
      </c>
      <c r="W33167">
        <v>9</v>
      </c>
      <c r="X33167">
        <v>9</v>
      </c>
      <c r="Y33167">
        <v>9</v>
      </c>
      <c r="Z33167">
        <v>9</v>
      </c>
      <c r="AA33167">
        <v>9</v>
      </c>
      <c r="AB33167">
        <v>9</v>
      </c>
      <c r="AC33167">
        <v>9</v>
      </c>
      <c r="AD33167">
        <v>10</v>
      </c>
      <c r="AE33167">
        <v>10</v>
      </c>
      <c r="AF33167">
        <v>10</v>
      </c>
      <c r="AG33167">
        <v>10</v>
      </c>
      <c r="AH33167">
        <v>10</v>
      </c>
      <c r="AI33167">
        <v>10</v>
      </c>
      <c r="AJ33167">
        <v>10</v>
      </c>
      <c r="AK33167">
        <v>10</v>
      </c>
      <c r="AL33167">
        <v>10</v>
      </c>
      <c r="AM33167">
        <v>10</v>
      </c>
      <c r="AN33167">
        <v>11</v>
      </c>
      <c r="AO33167">
        <v>11</v>
      </c>
      <c r="AP33167">
        <v>11</v>
      </c>
      <c r="AQ33167">
        <v>11</v>
      </c>
    </row>
    <row r="33168" spans="1:43">
      <c r="A33168" t="s">
        <v>20547</v>
      </c>
      <c r="B33168" t="s">
        <v>20548</v>
      </c>
      <c r="C33168" t="s">
        <v>20543</v>
      </c>
      <c r="D33168" t="s">
        <v>20544</v>
      </c>
      <c r="E33168" t="s">
        <v>20437</v>
      </c>
      <c r="F33168" t="s">
        <v>20438</v>
      </c>
      <c r="G33168" t="s">
        <v>20255</v>
      </c>
      <c r="H33168" t="s">
        <v>20256</v>
      </c>
      <c r="I33168" s="2">
        <v>1</v>
      </c>
      <c r="J33168" s="2">
        <v>0</v>
      </c>
      <c r="K33168" s="2">
        <v>0</v>
      </c>
      <c r="L33168" t="s">
        <v>120</v>
      </c>
      <c r="M33168" t="s">
        <v>89</v>
      </c>
      <c r="N33168" t="s">
        <v>90</v>
      </c>
      <c r="O33168" t="s">
        <v>85</v>
      </c>
      <c r="P33168" t="s">
        <v>86</v>
      </c>
      <c r="Q33168">
        <v>8</v>
      </c>
      <c r="R33168">
        <v>8</v>
      </c>
      <c r="S33168">
        <v>8</v>
      </c>
      <c r="T33168">
        <v>8</v>
      </c>
      <c r="U33168">
        <v>9</v>
      </c>
      <c r="V33168">
        <v>9</v>
      </c>
      <c r="W33168">
        <v>9</v>
      </c>
      <c r="X33168">
        <v>9</v>
      </c>
      <c r="Y33168">
        <v>9</v>
      </c>
      <c r="Z33168">
        <v>9</v>
      </c>
      <c r="AA33168">
        <v>10</v>
      </c>
      <c r="AB33168">
        <v>10</v>
      </c>
      <c r="AC33168">
        <v>10</v>
      </c>
      <c r="AD33168">
        <v>10</v>
      </c>
      <c r="AE33168">
        <v>10</v>
      </c>
      <c r="AF33168">
        <v>10</v>
      </c>
      <c r="AG33168">
        <v>11</v>
      </c>
      <c r="AH33168">
        <v>11</v>
      </c>
      <c r="AI33168">
        <v>11</v>
      </c>
      <c r="AJ33168">
        <v>11</v>
      </c>
      <c r="AK33168">
        <v>11</v>
      </c>
      <c r="AL33168">
        <v>11</v>
      </c>
      <c r="AM33168">
        <v>11</v>
      </c>
      <c r="AN33168">
        <v>11</v>
      </c>
      <c r="AO33168">
        <v>11</v>
      </c>
      <c r="AP33168">
        <v>11</v>
      </c>
      <c r="AQ33168">
        <v>11</v>
      </c>
    </row>
    <row r="33169" spans="1:43">
      <c r="A33169" t="s">
        <v>20547</v>
      </c>
      <c r="B33169" t="s">
        <v>20548</v>
      </c>
      <c r="C33169" t="s">
        <v>20543</v>
      </c>
      <c r="D33169" t="s">
        <v>20544</v>
      </c>
      <c r="E33169" t="s">
        <v>20437</v>
      </c>
      <c r="F33169" t="s">
        <v>20438</v>
      </c>
      <c r="G33169" t="s">
        <v>20255</v>
      </c>
      <c r="H33169" t="s">
        <v>20256</v>
      </c>
      <c r="I33169" s="2">
        <v>1</v>
      </c>
      <c r="J33169" s="2">
        <v>0</v>
      </c>
      <c r="K33169" s="2">
        <v>0</v>
      </c>
      <c r="L33169" t="s">
        <v>120</v>
      </c>
      <c r="M33169" t="s">
        <v>83</v>
      </c>
      <c r="N33169" t="s">
        <v>91</v>
      </c>
      <c r="O33169" t="s">
        <v>85</v>
      </c>
      <c r="P33169" t="s">
        <v>86</v>
      </c>
      <c r="Q33169">
        <v>8</v>
      </c>
      <c r="R33169">
        <v>8</v>
      </c>
      <c r="S33169">
        <v>8</v>
      </c>
      <c r="T33169">
        <v>8</v>
      </c>
      <c r="U33169">
        <v>8</v>
      </c>
      <c r="V33169">
        <v>8</v>
      </c>
      <c r="W33169">
        <v>8</v>
      </c>
      <c r="X33169">
        <v>9</v>
      </c>
      <c r="Y33169">
        <v>9</v>
      </c>
      <c r="Z33169">
        <v>9</v>
      </c>
      <c r="AA33169">
        <v>9</v>
      </c>
      <c r="AB33169">
        <v>9</v>
      </c>
      <c r="AC33169">
        <v>9</v>
      </c>
      <c r="AD33169">
        <v>10</v>
      </c>
      <c r="AE33169">
        <v>10</v>
      </c>
      <c r="AF33169">
        <v>10</v>
      </c>
      <c r="AG33169">
        <v>10</v>
      </c>
      <c r="AH33169">
        <v>10</v>
      </c>
      <c r="AI33169">
        <v>10</v>
      </c>
      <c r="AJ33169">
        <v>11</v>
      </c>
      <c r="AK33169">
        <v>11</v>
      </c>
      <c r="AL33169">
        <v>11</v>
      </c>
      <c r="AM33169">
        <v>11</v>
      </c>
      <c r="AN33169">
        <v>11</v>
      </c>
      <c r="AO33169">
        <v>11</v>
      </c>
      <c r="AP33169">
        <v>11</v>
      </c>
      <c r="AQ33169">
        <v>11</v>
      </c>
    </row>
    <row r="33170" spans="1:43">
      <c r="A33170" t="s">
        <v>20549</v>
      </c>
      <c r="B33170" t="s">
        <v>20550</v>
      </c>
      <c r="C33170" t="s">
        <v>20543</v>
      </c>
      <c r="D33170" t="s">
        <v>20544</v>
      </c>
      <c r="E33170" t="s">
        <v>20437</v>
      </c>
      <c r="F33170" t="s">
        <v>20438</v>
      </c>
      <c r="G33170" t="s">
        <v>20255</v>
      </c>
      <c r="H33170" t="s">
        <v>20256</v>
      </c>
      <c r="I33170" s="2">
        <v>1</v>
      </c>
      <c r="J33170" s="2">
        <v>0</v>
      </c>
      <c r="K33170" s="2">
        <v>0</v>
      </c>
      <c r="L33170" t="s">
        <v>120</v>
      </c>
      <c r="M33170" t="s">
        <v>83</v>
      </c>
      <c r="N33170" t="s">
        <v>84</v>
      </c>
      <c r="O33170" t="s">
        <v>85</v>
      </c>
      <c r="P33170" t="s">
        <v>86</v>
      </c>
      <c r="Q33170">
        <v>14</v>
      </c>
      <c r="R33170">
        <v>14</v>
      </c>
      <c r="S33170">
        <v>15</v>
      </c>
      <c r="T33170">
        <v>15</v>
      </c>
      <c r="U33170">
        <v>15</v>
      </c>
      <c r="V33170">
        <v>16</v>
      </c>
      <c r="W33170">
        <v>16</v>
      </c>
      <c r="X33170">
        <v>16</v>
      </c>
      <c r="Y33170">
        <v>16</v>
      </c>
      <c r="Z33170">
        <v>17</v>
      </c>
      <c r="AA33170">
        <v>17</v>
      </c>
      <c r="AB33170">
        <v>17</v>
      </c>
      <c r="AC33170">
        <v>18</v>
      </c>
      <c r="AD33170">
        <v>18</v>
      </c>
      <c r="AE33170">
        <v>18</v>
      </c>
      <c r="AF33170">
        <v>19</v>
      </c>
      <c r="AG33170">
        <v>19</v>
      </c>
      <c r="AH33170">
        <v>19</v>
      </c>
      <c r="AI33170">
        <v>19</v>
      </c>
      <c r="AJ33170">
        <v>20</v>
      </c>
      <c r="AK33170">
        <v>20</v>
      </c>
      <c r="AL33170">
        <v>20</v>
      </c>
      <c r="AM33170">
        <v>21</v>
      </c>
      <c r="AN33170">
        <v>21</v>
      </c>
      <c r="AO33170">
        <v>21</v>
      </c>
      <c r="AP33170">
        <v>21</v>
      </c>
      <c r="AQ33170">
        <v>21</v>
      </c>
    </row>
    <row r="33171" spans="1:43">
      <c r="A33171" t="s">
        <v>20549</v>
      </c>
      <c r="B33171" t="s">
        <v>20550</v>
      </c>
      <c r="C33171" t="s">
        <v>20543</v>
      </c>
      <c r="D33171" t="s">
        <v>20544</v>
      </c>
      <c r="E33171" t="s">
        <v>20437</v>
      </c>
      <c r="F33171" t="s">
        <v>20438</v>
      </c>
      <c r="G33171" t="s">
        <v>20255</v>
      </c>
      <c r="H33171" t="s">
        <v>20256</v>
      </c>
      <c r="I33171" s="2">
        <v>1</v>
      </c>
      <c r="J33171" s="2">
        <v>0</v>
      </c>
      <c r="K33171" s="2">
        <v>0</v>
      </c>
      <c r="L33171" t="s">
        <v>120</v>
      </c>
      <c r="M33171" t="s">
        <v>87</v>
      </c>
      <c r="N33171" t="s">
        <v>88</v>
      </c>
      <c r="O33171" t="s">
        <v>85</v>
      </c>
      <c r="P33171" t="s">
        <v>86</v>
      </c>
      <c r="Q33171">
        <v>14</v>
      </c>
      <c r="R33171">
        <v>14</v>
      </c>
      <c r="S33171">
        <v>14</v>
      </c>
      <c r="T33171">
        <v>15</v>
      </c>
      <c r="U33171">
        <v>15</v>
      </c>
      <c r="V33171">
        <v>15</v>
      </c>
      <c r="W33171">
        <v>15</v>
      </c>
      <c r="X33171">
        <v>15</v>
      </c>
      <c r="Y33171">
        <v>15</v>
      </c>
      <c r="Z33171">
        <v>15</v>
      </c>
      <c r="AA33171">
        <v>16</v>
      </c>
      <c r="AB33171">
        <v>16</v>
      </c>
      <c r="AC33171">
        <v>16</v>
      </c>
      <c r="AD33171">
        <v>16</v>
      </c>
      <c r="AE33171">
        <v>16</v>
      </c>
      <c r="AF33171">
        <v>16</v>
      </c>
      <c r="AG33171">
        <v>17</v>
      </c>
      <c r="AH33171">
        <v>17</v>
      </c>
      <c r="AI33171">
        <v>17</v>
      </c>
      <c r="AJ33171">
        <v>17</v>
      </c>
      <c r="AK33171">
        <v>17</v>
      </c>
      <c r="AL33171">
        <v>17</v>
      </c>
      <c r="AM33171">
        <v>18</v>
      </c>
      <c r="AN33171">
        <v>18</v>
      </c>
      <c r="AO33171">
        <v>18</v>
      </c>
      <c r="AP33171">
        <v>18</v>
      </c>
      <c r="AQ33171">
        <v>19</v>
      </c>
    </row>
    <row r="33172" spans="1:43">
      <c r="A33172" t="s">
        <v>20549</v>
      </c>
      <c r="B33172" t="s">
        <v>20550</v>
      </c>
      <c r="C33172" t="s">
        <v>20543</v>
      </c>
      <c r="D33172" t="s">
        <v>20544</v>
      </c>
      <c r="E33172" t="s">
        <v>20437</v>
      </c>
      <c r="F33172" t="s">
        <v>20438</v>
      </c>
      <c r="G33172" t="s">
        <v>20255</v>
      </c>
      <c r="H33172" t="s">
        <v>20256</v>
      </c>
      <c r="I33172" s="2">
        <v>1</v>
      </c>
      <c r="J33172" s="2">
        <v>0</v>
      </c>
      <c r="K33172" s="2">
        <v>0</v>
      </c>
      <c r="L33172" t="s">
        <v>120</v>
      </c>
      <c r="M33172" t="s">
        <v>89</v>
      </c>
      <c r="N33172" t="s">
        <v>90</v>
      </c>
      <c r="O33172" t="s">
        <v>85</v>
      </c>
      <c r="P33172" t="s">
        <v>86</v>
      </c>
      <c r="Q33172">
        <v>14</v>
      </c>
      <c r="R33172">
        <v>15</v>
      </c>
      <c r="S33172">
        <v>15</v>
      </c>
      <c r="T33172">
        <v>16</v>
      </c>
      <c r="U33172">
        <v>16</v>
      </c>
      <c r="V33172">
        <v>16</v>
      </c>
      <c r="W33172">
        <v>17</v>
      </c>
      <c r="X33172">
        <v>17</v>
      </c>
      <c r="Y33172">
        <v>17</v>
      </c>
      <c r="Z33172">
        <v>18</v>
      </c>
      <c r="AA33172">
        <v>18</v>
      </c>
      <c r="AB33172">
        <v>18</v>
      </c>
      <c r="AC33172">
        <v>19</v>
      </c>
      <c r="AD33172">
        <v>19</v>
      </c>
      <c r="AE33172">
        <v>19</v>
      </c>
      <c r="AF33172">
        <v>20</v>
      </c>
      <c r="AG33172">
        <v>20</v>
      </c>
      <c r="AH33172">
        <v>20</v>
      </c>
      <c r="AI33172">
        <v>20</v>
      </c>
      <c r="AJ33172">
        <v>20</v>
      </c>
      <c r="AK33172">
        <v>20</v>
      </c>
      <c r="AL33172">
        <v>21</v>
      </c>
      <c r="AM33172">
        <v>21</v>
      </c>
      <c r="AN33172">
        <v>21</v>
      </c>
      <c r="AO33172">
        <v>21</v>
      </c>
      <c r="AP33172">
        <v>21</v>
      </c>
      <c r="AQ33172">
        <v>21</v>
      </c>
    </row>
    <row r="33173" spans="1:43">
      <c r="A33173" t="s">
        <v>20549</v>
      </c>
      <c r="B33173" t="s">
        <v>20550</v>
      </c>
      <c r="C33173" t="s">
        <v>20543</v>
      </c>
      <c r="D33173" t="s">
        <v>20544</v>
      </c>
      <c r="E33173" t="s">
        <v>20437</v>
      </c>
      <c r="F33173" t="s">
        <v>20438</v>
      </c>
      <c r="G33173" t="s">
        <v>20255</v>
      </c>
      <c r="H33173" t="s">
        <v>20256</v>
      </c>
      <c r="I33173" s="2">
        <v>1</v>
      </c>
      <c r="J33173" s="2">
        <v>0</v>
      </c>
      <c r="K33173" s="2">
        <v>0</v>
      </c>
      <c r="L33173" t="s">
        <v>120</v>
      </c>
      <c r="M33173" t="s">
        <v>83</v>
      </c>
      <c r="N33173" t="s">
        <v>91</v>
      </c>
      <c r="O33173" t="s">
        <v>85</v>
      </c>
      <c r="P33173" t="s">
        <v>86</v>
      </c>
      <c r="Q33173">
        <v>14</v>
      </c>
      <c r="R33173">
        <v>14</v>
      </c>
      <c r="S33173">
        <v>15</v>
      </c>
      <c r="T33173">
        <v>15</v>
      </c>
      <c r="U33173">
        <v>15</v>
      </c>
      <c r="V33173">
        <v>16</v>
      </c>
      <c r="W33173">
        <v>16</v>
      </c>
      <c r="X33173">
        <v>16</v>
      </c>
      <c r="Y33173">
        <v>16</v>
      </c>
      <c r="Z33173">
        <v>17</v>
      </c>
      <c r="AA33173">
        <v>17</v>
      </c>
      <c r="AB33173">
        <v>17</v>
      </c>
      <c r="AC33173">
        <v>18</v>
      </c>
      <c r="AD33173">
        <v>18</v>
      </c>
      <c r="AE33173">
        <v>18</v>
      </c>
      <c r="AF33173">
        <v>19</v>
      </c>
      <c r="AG33173">
        <v>19</v>
      </c>
      <c r="AH33173">
        <v>19</v>
      </c>
      <c r="AI33173">
        <v>19</v>
      </c>
      <c r="AJ33173">
        <v>20</v>
      </c>
      <c r="AK33173">
        <v>20</v>
      </c>
      <c r="AL33173">
        <v>20</v>
      </c>
      <c r="AM33173">
        <v>21</v>
      </c>
      <c r="AN33173">
        <v>21</v>
      </c>
      <c r="AO33173">
        <v>21</v>
      </c>
      <c r="AP33173">
        <v>21</v>
      </c>
      <c r="AQ33173">
        <v>21</v>
      </c>
    </row>
    <row r="33174" spans="1:43">
      <c r="A33174" t="s">
        <v>20551</v>
      </c>
      <c r="B33174" t="s">
        <v>20552</v>
      </c>
      <c r="C33174" t="s">
        <v>20543</v>
      </c>
      <c r="D33174" t="s">
        <v>20544</v>
      </c>
      <c r="E33174" t="s">
        <v>20437</v>
      </c>
      <c r="F33174" t="s">
        <v>20438</v>
      </c>
      <c r="G33174" t="s">
        <v>20255</v>
      </c>
      <c r="H33174" t="s">
        <v>20256</v>
      </c>
      <c r="I33174" s="2">
        <v>1</v>
      </c>
      <c r="J33174" s="2">
        <v>0</v>
      </c>
      <c r="K33174" s="2">
        <v>0</v>
      </c>
      <c r="L33174" t="s">
        <v>120</v>
      </c>
      <c r="M33174" t="s">
        <v>83</v>
      </c>
      <c r="N33174" t="s">
        <v>84</v>
      </c>
      <c r="O33174" t="s">
        <v>85</v>
      </c>
      <c r="P33174" t="s">
        <v>86</v>
      </c>
      <c r="Q33174">
        <v>8</v>
      </c>
      <c r="R33174">
        <v>8</v>
      </c>
      <c r="S33174">
        <v>8</v>
      </c>
      <c r="T33174">
        <v>8</v>
      </c>
      <c r="U33174">
        <v>9</v>
      </c>
      <c r="V33174">
        <v>9</v>
      </c>
      <c r="W33174">
        <v>9</v>
      </c>
      <c r="X33174">
        <v>9</v>
      </c>
      <c r="Y33174">
        <v>9</v>
      </c>
      <c r="Z33174">
        <v>9</v>
      </c>
      <c r="AA33174">
        <v>9</v>
      </c>
      <c r="AB33174">
        <v>10</v>
      </c>
      <c r="AC33174">
        <v>10</v>
      </c>
      <c r="AD33174">
        <v>10</v>
      </c>
      <c r="AE33174">
        <v>10</v>
      </c>
      <c r="AF33174">
        <v>10</v>
      </c>
      <c r="AG33174">
        <v>10</v>
      </c>
      <c r="AH33174">
        <v>11</v>
      </c>
      <c r="AI33174">
        <v>11</v>
      </c>
      <c r="AJ33174">
        <v>11</v>
      </c>
      <c r="AK33174">
        <v>11</v>
      </c>
      <c r="AL33174">
        <v>11</v>
      </c>
      <c r="AM33174">
        <v>11</v>
      </c>
      <c r="AN33174">
        <v>11</v>
      </c>
      <c r="AO33174">
        <v>12</v>
      </c>
      <c r="AP33174">
        <v>12</v>
      </c>
      <c r="AQ33174">
        <v>12</v>
      </c>
    </row>
    <row r="33175" spans="1:43">
      <c r="A33175" t="s">
        <v>20551</v>
      </c>
      <c r="B33175" t="s">
        <v>20552</v>
      </c>
      <c r="C33175" t="s">
        <v>20543</v>
      </c>
      <c r="D33175" t="s">
        <v>20544</v>
      </c>
      <c r="E33175" t="s">
        <v>20437</v>
      </c>
      <c r="F33175" t="s">
        <v>20438</v>
      </c>
      <c r="G33175" t="s">
        <v>20255</v>
      </c>
      <c r="H33175" t="s">
        <v>20256</v>
      </c>
      <c r="I33175" s="2">
        <v>1</v>
      </c>
      <c r="J33175" s="2">
        <v>0</v>
      </c>
      <c r="K33175" s="2">
        <v>0</v>
      </c>
      <c r="L33175" t="s">
        <v>120</v>
      </c>
      <c r="M33175" t="s">
        <v>87</v>
      </c>
      <c r="N33175" t="s">
        <v>88</v>
      </c>
      <c r="O33175" t="s">
        <v>85</v>
      </c>
      <c r="P33175" t="s">
        <v>86</v>
      </c>
      <c r="Q33175">
        <v>8</v>
      </c>
      <c r="R33175">
        <v>8</v>
      </c>
      <c r="S33175">
        <v>8</v>
      </c>
      <c r="T33175">
        <v>8</v>
      </c>
      <c r="U33175">
        <v>8</v>
      </c>
      <c r="V33175">
        <v>8</v>
      </c>
      <c r="W33175">
        <v>8</v>
      </c>
      <c r="X33175">
        <v>8</v>
      </c>
      <c r="Y33175">
        <v>8</v>
      </c>
      <c r="Z33175">
        <v>9</v>
      </c>
      <c r="AA33175">
        <v>9</v>
      </c>
      <c r="AB33175">
        <v>9</v>
      </c>
      <c r="AC33175">
        <v>9</v>
      </c>
      <c r="AD33175">
        <v>9</v>
      </c>
      <c r="AE33175">
        <v>9</v>
      </c>
      <c r="AF33175">
        <v>9</v>
      </c>
      <c r="AG33175">
        <v>9</v>
      </c>
      <c r="AH33175">
        <v>9</v>
      </c>
      <c r="AI33175">
        <v>9</v>
      </c>
      <c r="AJ33175">
        <v>10</v>
      </c>
      <c r="AK33175">
        <v>10</v>
      </c>
      <c r="AL33175">
        <v>10</v>
      </c>
      <c r="AM33175">
        <v>10</v>
      </c>
      <c r="AN33175">
        <v>10</v>
      </c>
      <c r="AO33175">
        <v>10</v>
      </c>
      <c r="AP33175">
        <v>10</v>
      </c>
      <c r="AQ33175">
        <v>10</v>
      </c>
    </row>
    <row r="33176" spans="1:43">
      <c r="A33176" t="s">
        <v>20551</v>
      </c>
      <c r="B33176" t="s">
        <v>20552</v>
      </c>
      <c r="C33176" t="s">
        <v>20543</v>
      </c>
      <c r="D33176" t="s">
        <v>20544</v>
      </c>
      <c r="E33176" t="s">
        <v>20437</v>
      </c>
      <c r="F33176" t="s">
        <v>20438</v>
      </c>
      <c r="G33176" t="s">
        <v>20255</v>
      </c>
      <c r="H33176" t="s">
        <v>20256</v>
      </c>
      <c r="I33176" s="2">
        <v>1</v>
      </c>
      <c r="J33176" s="2">
        <v>0</v>
      </c>
      <c r="K33176" s="2">
        <v>0</v>
      </c>
      <c r="L33176" t="s">
        <v>120</v>
      </c>
      <c r="M33176" t="s">
        <v>89</v>
      </c>
      <c r="N33176" t="s">
        <v>90</v>
      </c>
      <c r="O33176" t="s">
        <v>85</v>
      </c>
      <c r="P33176" t="s">
        <v>86</v>
      </c>
      <c r="Q33176">
        <v>8</v>
      </c>
      <c r="R33176">
        <v>8</v>
      </c>
      <c r="S33176">
        <v>8</v>
      </c>
      <c r="T33176">
        <v>9</v>
      </c>
      <c r="U33176">
        <v>9</v>
      </c>
      <c r="V33176">
        <v>9</v>
      </c>
      <c r="W33176">
        <v>9</v>
      </c>
      <c r="X33176">
        <v>9</v>
      </c>
      <c r="Y33176">
        <v>10</v>
      </c>
      <c r="Z33176">
        <v>10</v>
      </c>
      <c r="AA33176">
        <v>10</v>
      </c>
      <c r="AB33176">
        <v>10</v>
      </c>
      <c r="AC33176">
        <v>10</v>
      </c>
      <c r="AD33176">
        <v>11</v>
      </c>
      <c r="AE33176">
        <v>11</v>
      </c>
      <c r="AF33176">
        <v>11</v>
      </c>
      <c r="AG33176">
        <v>11</v>
      </c>
      <c r="AH33176">
        <v>11</v>
      </c>
      <c r="AI33176">
        <v>11</v>
      </c>
      <c r="AJ33176">
        <v>11</v>
      </c>
      <c r="AK33176">
        <v>11</v>
      </c>
      <c r="AL33176">
        <v>11</v>
      </c>
      <c r="AM33176">
        <v>11</v>
      </c>
      <c r="AN33176">
        <v>12</v>
      </c>
      <c r="AO33176">
        <v>12</v>
      </c>
      <c r="AP33176">
        <v>12</v>
      </c>
      <c r="AQ33176">
        <v>12</v>
      </c>
    </row>
    <row r="33177" spans="1:43">
      <c r="A33177" t="s">
        <v>20551</v>
      </c>
      <c r="B33177" t="s">
        <v>20552</v>
      </c>
      <c r="C33177" t="s">
        <v>20543</v>
      </c>
      <c r="D33177" t="s">
        <v>20544</v>
      </c>
      <c r="E33177" t="s">
        <v>20437</v>
      </c>
      <c r="F33177" t="s">
        <v>20438</v>
      </c>
      <c r="G33177" t="s">
        <v>20255</v>
      </c>
      <c r="H33177" t="s">
        <v>20256</v>
      </c>
      <c r="I33177" s="2">
        <v>1</v>
      </c>
      <c r="J33177" s="2">
        <v>0</v>
      </c>
      <c r="K33177" s="2">
        <v>0</v>
      </c>
      <c r="L33177" t="s">
        <v>120</v>
      </c>
      <c r="M33177" t="s">
        <v>83</v>
      </c>
      <c r="N33177" t="s">
        <v>91</v>
      </c>
      <c r="O33177" t="s">
        <v>85</v>
      </c>
      <c r="P33177" t="s">
        <v>86</v>
      </c>
      <c r="Q33177">
        <v>8</v>
      </c>
      <c r="R33177">
        <v>8</v>
      </c>
      <c r="S33177">
        <v>8</v>
      </c>
      <c r="T33177">
        <v>8</v>
      </c>
      <c r="U33177">
        <v>9</v>
      </c>
      <c r="V33177">
        <v>9</v>
      </c>
      <c r="W33177">
        <v>9</v>
      </c>
      <c r="X33177">
        <v>9</v>
      </c>
      <c r="Y33177">
        <v>9</v>
      </c>
      <c r="Z33177">
        <v>9</v>
      </c>
      <c r="AA33177">
        <v>9</v>
      </c>
      <c r="AB33177">
        <v>10</v>
      </c>
      <c r="AC33177">
        <v>10</v>
      </c>
      <c r="AD33177">
        <v>10</v>
      </c>
      <c r="AE33177">
        <v>10</v>
      </c>
      <c r="AF33177">
        <v>10</v>
      </c>
      <c r="AG33177">
        <v>10</v>
      </c>
      <c r="AH33177">
        <v>11</v>
      </c>
      <c r="AI33177">
        <v>11</v>
      </c>
      <c r="AJ33177">
        <v>11</v>
      </c>
      <c r="AK33177">
        <v>11</v>
      </c>
      <c r="AL33177">
        <v>11</v>
      </c>
      <c r="AM33177">
        <v>11</v>
      </c>
      <c r="AN33177">
        <v>11</v>
      </c>
      <c r="AO33177">
        <v>12</v>
      </c>
      <c r="AP33177">
        <v>12</v>
      </c>
      <c r="AQ33177">
        <v>12</v>
      </c>
    </row>
    <row r="33178" spans="1:43">
      <c r="A33178" t="s">
        <v>20553</v>
      </c>
      <c r="B33178" t="s">
        <v>20554</v>
      </c>
      <c r="C33178" t="s">
        <v>20555</v>
      </c>
      <c r="D33178" t="s">
        <v>20556</v>
      </c>
      <c r="E33178" t="s">
        <v>20437</v>
      </c>
      <c r="F33178" t="s">
        <v>20438</v>
      </c>
      <c r="G33178" t="s">
        <v>20255</v>
      </c>
      <c r="H33178" t="s">
        <v>20256</v>
      </c>
      <c r="I33178" s="2">
        <v>1</v>
      </c>
      <c r="J33178" s="2">
        <v>0</v>
      </c>
      <c r="K33178" s="2">
        <v>0</v>
      </c>
      <c r="L33178" t="s">
        <v>120</v>
      </c>
      <c r="M33178" t="s">
        <v>83</v>
      </c>
      <c r="N33178" t="s">
        <v>84</v>
      </c>
      <c r="O33178" t="s">
        <v>85</v>
      </c>
      <c r="P33178" t="s">
        <v>86</v>
      </c>
      <c r="Q33178">
        <v>10</v>
      </c>
      <c r="R33178">
        <v>10</v>
      </c>
      <c r="S33178">
        <v>11</v>
      </c>
      <c r="T33178">
        <v>11</v>
      </c>
      <c r="U33178">
        <v>11</v>
      </c>
      <c r="V33178">
        <v>11</v>
      </c>
      <c r="W33178">
        <v>11</v>
      </c>
      <c r="X33178">
        <v>12</v>
      </c>
      <c r="Y33178">
        <v>12</v>
      </c>
      <c r="Z33178">
        <v>12</v>
      </c>
      <c r="AA33178">
        <v>12</v>
      </c>
      <c r="AB33178">
        <v>12</v>
      </c>
      <c r="AC33178">
        <v>13</v>
      </c>
      <c r="AD33178">
        <v>13</v>
      </c>
      <c r="AE33178">
        <v>13</v>
      </c>
      <c r="AF33178">
        <v>13</v>
      </c>
      <c r="AG33178">
        <v>14</v>
      </c>
      <c r="AH33178">
        <v>14</v>
      </c>
      <c r="AI33178">
        <v>14</v>
      </c>
      <c r="AJ33178">
        <v>14</v>
      </c>
      <c r="AK33178">
        <v>14</v>
      </c>
      <c r="AL33178">
        <v>15</v>
      </c>
      <c r="AM33178">
        <v>15</v>
      </c>
      <c r="AN33178">
        <v>15</v>
      </c>
      <c r="AO33178">
        <v>15</v>
      </c>
      <c r="AP33178">
        <v>15</v>
      </c>
      <c r="AQ33178">
        <v>15</v>
      </c>
    </row>
    <row r="33179" spans="1:43">
      <c r="A33179" t="s">
        <v>20553</v>
      </c>
      <c r="B33179" t="s">
        <v>20554</v>
      </c>
      <c r="C33179" t="s">
        <v>20555</v>
      </c>
      <c r="D33179" t="s">
        <v>20556</v>
      </c>
      <c r="E33179" t="s">
        <v>20437</v>
      </c>
      <c r="F33179" t="s">
        <v>20438</v>
      </c>
      <c r="G33179" t="s">
        <v>20255</v>
      </c>
      <c r="H33179" t="s">
        <v>20256</v>
      </c>
      <c r="I33179" s="2">
        <v>1</v>
      </c>
      <c r="J33179" s="2">
        <v>0</v>
      </c>
      <c r="K33179" s="2">
        <v>0</v>
      </c>
      <c r="L33179" t="s">
        <v>120</v>
      </c>
      <c r="M33179" t="s">
        <v>87</v>
      </c>
      <c r="N33179" t="s">
        <v>88</v>
      </c>
      <c r="O33179" t="s">
        <v>85</v>
      </c>
      <c r="P33179" t="s">
        <v>86</v>
      </c>
      <c r="Q33179">
        <v>10</v>
      </c>
      <c r="R33179">
        <v>10</v>
      </c>
      <c r="S33179">
        <v>10</v>
      </c>
      <c r="T33179">
        <v>10</v>
      </c>
      <c r="U33179">
        <v>11</v>
      </c>
      <c r="V33179">
        <v>11</v>
      </c>
      <c r="W33179">
        <v>11</v>
      </c>
      <c r="X33179">
        <v>11</v>
      </c>
      <c r="Y33179">
        <v>11</v>
      </c>
      <c r="Z33179">
        <v>11</v>
      </c>
      <c r="AA33179">
        <v>11</v>
      </c>
      <c r="AB33179">
        <v>11</v>
      </c>
      <c r="AC33179">
        <v>11</v>
      </c>
      <c r="AD33179">
        <v>12</v>
      </c>
      <c r="AE33179">
        <v>12</v>
      </c>
      <c r="AF33179">
        <v>12</v>
      </c>
      <c r="AG33179">
        <v>12</v>
      </c>
      <c r="AH33179">
        <v>12</v>
      </c>
      <c r="AI33179">
        <v>12</v>
      </c>
      <c r="AJ33179">
        <v>12</v>
      </c>
      <c r="AK33179">
        <v>12</v>
      </c>
      <c r="AL33179">
        <v>13</v>
      </c>
      <c r="AM33179">
        <v>13</v>
      </c>
      <c r="AN33179">
        <v>13</v>
      </c>
      <c r="AO33179">
        <v>13</v>
      </c>
      <c r="AP33179">
        <v>13</v>
      </c>
      <c r="AQ33179">
        <v>13</v>
      </c>
    </row>
    <row r="33180" spans="1:43">
      <c r="A33180" t="s">
        <v>20553</v>
      </c>
      <c r="B33180" t="s">
        <v>20554</v>
      </c>
      <c r="C33180" t="s">
        <v>20555</v>
      </c>
      <c r="D33180" t="s">
        <v>20556</v>
      </c>
      <c r="E33180" t="s">
        <v>20437</v>
      </c>
      <c r="F33180" t="s">
        <v>20438</v>
      </c>
      <c r="G33180" t="s">
        <v>20255</v>
      </c>
      <c r="H33180" t="s">
        <v>20256</v>
      </c>
      <c r="I33180" s="2">
        <v>1</v>
      </c>
      <c r="J33180" s="2">
        <v>0</v>
      </c>
      <c r="K33180" s="2">
        <v>0</v>
      </c>
      <c r="L33180" t="s">
        <v>120</v>
      </c>
      <c r="M33180" t="s">
        <v>89</v>
      </c>
      <c r="N33180" t="s">
        <v>90</v>
      </c>
      <c r="O33180" t="s">
        <v>85</v>
      </c>
      <c r="P33180" t="s">
        <v>86</v>
      </c>
      <c r="Q33180">
        <v>10</v>
      </c>
      <c r="R33180">
        <v>11</v>
      </c>
      <c r="S33180">
        <v>11</v>
      </c>
      <c r="T33180">
        <v>11</v>
      </c>
      <c r="U33180">
        <v>11</v>
      </c>
      <c r="V33180">
        <v>12</v>
      </c>
      <c r="W33180">
        <v>12</v>
      </c>
      <c r="X33180">
        <v>12</v>
      </c>
      <c r="Y33180">
        <v>13</v>
      </c>
      <c r="Z33180">
        <v>13</v>
      </c>
      <c r="AA33180">
        <v>13</v>
      </c>
      <c r="AB33180">
        <v>13</v>
      </c>
      <c r="AC33180">
        <v>14</v>
      </c>
      <c r="AD33180">
        <v>14</v>
      </c>
      <c r="AE33180">
        <v>14</v>
      </c>
      <c r="AF33180">
        <v>14</v>
      </c>
      <c r="AG33180">
        <v>14</v>
      </c>
      <c r="AH33180">
        <v>14</v>
      </c>
      <c r="AI33180">
        <v>14</v>
      </c>
      <c r="AJ33180">
        <v>14</v>
      </c>
      <c r="AK33180">
        <v>15</v>
      </c>
      <c r="AL33180">
        <v>15</v>
      </c>
      <c r="AM33180">
        <v>15</v>
      </c>
      <c r="AN33180">
        <v>15</v>
      </c>
      <c r="AO33180">
        <v>15</v>
      </c>
      <c r="AP33180">
        <v>15</v>
      </c>
      <c r="AQ33180">
        <v>15</v>
      </c>
    </row>
    <row r="33181" spans="1:43">
      <c r="A33181" t="s">
        <v>20553</v>
      </c>
      <c r="B33181" t="s">
        <v>20554</v>
      </c>
      <c r="C33181" t="s">
        <v>20555</v>
      </c>
      <c r="D33181" t="s">
        <v>20556</v>
      </c>
      <c r="E33181" t="s">
        <v>20437</v>
      </c>
      <c r="F33181" t="s">
        <v>20438</v>
      </c>
      <c r="G33181" t="s">
        <v>20255</v>
      </c>
      <c r="H33181" t="s">
        <v>20256</v>
      </c>
      <c r="I33181" s="2">
        <v>1</v>
      </c>
      <c r="J33181" s="2">
        <v>0</v>
      </c>
      <c r="K33181" s="2">
        <v>0</v>
      </c>
      <c r="L33181" t="s">
        <v>120</v>
      </c>
      <c r="M33181" t="s">
        <v>83</v>
      </c>
      <c r="N33181" t="s">
        <v>91</v>
      </c>
      <c r="O33181" t="s">
        <v>85</v>
      </c>
      <c r="P33181" t="s">
        <v>86</v>
      </c>
      <c r="Q33181">
        <v>10</v>
      </c>
      <c r="R33181">
        <v>10</v>
      </c>
      <c r="S33181">
        <v>11</v>
      </c>
      <c r="T33181">
        <v>11</v>
      </c>
      <c r="U33181">
        <v>11</v>
      </c>
      <c r="V33181">
        <v>11</v>
      </c>
      <c r="W33181">
        <v>11</v>
      </c>
      <c r="X33181">
        <v>12</v>
      </c>
      <c r="Y33181">
        <v>12</v>
      </c>
      <c r="Z33181">
        <v>12</v>
      </c>
      <c r="AA33181">
        <v>12</v>
      </c>
      <c r="AB33181">
        <v>12</v>
      </c>
      <c r="AC33181">
        <v>13</v>
      </c>
      <c r="AD33181">
        <v>13</v>
      </c>
      <c r="AE33181">
        <v>13</v>
      </c>
      <c r="AF33181">
        <v>13</v>
      </c>
      <c r="AG33181">
        <v>14</v>
      </c>
      <c r="AH33181">
        <v>14</v>
      </c>
      <c r="AI33181">
        <v>14</v>
      </c>
      <c r="AJ33181">
        <v>14</v>
      </c>
      <c r="AK33181">
        <v>14</v>
      </c>
      <c r="AL33181">
        <v>15</v>
      </c>
      <c r="AM33181">
        <v>15</v>
      </c>
      <c r="AN33181">
        <v>15</v>
      </c>
      <c r="AO33181">
        <v>15</v>
      </c>
      <c r="AP33181">
        <v>15</v>
      </c>
      <c r="AQ33181">
        <v>15</v>
      </c>
    </row>
    <row r="33182" spans="1:43">
      <c r="A33182" t="s">
        <v>20557</v>
      </c>
      <c r="B33182" t="s">
        <v>20558</v>
      </c>
      <c r="C33182" t="s">
        <v>20555</v>
      </c>
      <c r="D33182" t="s">
        <v>20556</v>
      </c>
      <c r="E33182" t="s">
        <v>20437</v>
      </c>
      <c r="F33182" t="s">
        <v>20438</v>
      </c>
      <c r="G33182" t="s">
        <v>20255</v>
      </c>
      <c r="H33182" t="s">
        <v>20256</v>
      </c>
      <c r="I33182" s="2">
        <v>1</v>
      </c>
      <c r="J33182" s="2">
        <v>0</v>
      </c>
      <c r="K33182" s="2">
        <v>0</v>
      </c>
      <c r="L33182" t="s">
        <v>120</v>
      </c>
      <c r="M33182" t="s">
        <v>83</v>
      </c>
      <c r="N33182" t="s">
        <v>84</v>
      </c>
      <c r="O33182" t="s">
        <v>85</v>
      </c>
      <c r="P33182" t="s">
        <v>86</v>
      </c>
      <c r="Q33182">
        <v>25</v>
      </c>
      <c r="R33182">
        <v>26</v>
      </c>
      <c r="S33182">
        <v>26</v>
      </c>
      <c r="T33182">
        <v>27</v>
      </c>
      <c r="U33182">
        <v>27</v>
      </c>
      <c r="V33182">
        <v>28</v>
      </c>
      <c r="W33182">
        <v>28</v>
      </c>
      <c r="X33182">
        <v>29</v>
      </c>
      <c r="Y33182">
        <v>29</v>
      </c>
      <c r="Z33182">
        <v>30</v>
      </c>
      <c r="AA33182">
        <v>30</v>
      </c>
      <c r="AB33182">
        <v>31</v>
      </c>
      <c r="AC33182">
        <v>31</v>
      </c>
      <c r="AD33182">
        <v>32</v>
      </c>
      <c r="AE33182">
        <v>32</v>
      </c>
      <c r="AF33182">
        <v>33</v>
      </c>
      <c r="AG33182">
        <v>33</v>
      </c>
      <c r="AH33182">
        <v>34</v>
      </c>
      <c r="AI33182">
        <v>34</v>
      </c>
      <c r="AJ33182">
        <v>35</v>
      </c>
      <c r="AK33182">
        <v>36</v>
      </c>
      <c r="AL33182">
        <v>36</v>
      </c>
      <c r="AM33182">
        <v>36</v>
      </c>
      <c r="AN33182">
        <v>36</v>
      </c>
      <c r="AO33182">
        <v>37</v>
      </c>
      <c r="AP33182">
        <v>37</v>
      </c>
      <c r="AQ33182">
        <v>37</v>
      </c>
    </row>
    <row r="33183" spans="1:43">
      <c r="A33183" t="s">
        <v>20557</v>
      </c>
      <c r="B33183" t="s">
        <v>20558</v>
      </c>
      <c r="C33183" t="s">
        <v>20555</v>
      </c>
      <c r="D33183" t="s">
        <v>20556</v>
      </c>
      <c r="E33183" t="s">
        <v>20437</v>
      </c>
      <c r="F33183" t="s">
        <v>20438</v>
      </c>
      <c r="G33183" t="s">
        <v>20255</v>
      </c>
      <c r="H33183" t="s">
        <v>20256</v>
      </c>
      <c r="I33183" s="2">
        <v>1</v>
      </c>
      <c r="J33183" s="2">
        <v>0</v>
      </c>
      <c r="K33183" s="2">
        <v>0</v>
      </c>
      <c r="L33183" t="s">
        <v>120</v>
      </c>
      <c r="M33183" t="s">
        <v>87</v>
      </c>
      <c r="N33183" t="s">
        <v>88</v>
      </c>
      <c r="O33183" t="s">
        <v>85</v>
      </c>
      <c r="P33183" t="s">
        <v>86</v>
      </c>
      <c r="Q33183">
        <v>25</v>
      </c>
      <c r="R33183">
        <v>25</v>
      </c>
      <c r="S33183">
        <v>25</v>
      </c>
      <c r="T33183">
        <v>26</v>
      </c>
      <c r="U33183">
        <v>26</v>
      </c>
      <c r="V33183">
        <v>26</v>
      </c>
      <c r="W33183">
        <v>26</v>
      </c>
      <c r="X33183">
        <v>27</v>
      </c>
      <c r="Y33183">
        <v>27</v>
      </c>
      <c r="Z33183">
        <v>27</v>
      </c>
      <c r="AA33183">
        <v>28</v>
      </c>
      <c r="AB33183">
        <v>28</v>
      </c>
      <c r="AC33183">
        <v>28</v>
      </c>
      <c r="AD33183">
        <v>28</v>
      </c>
      <c r="AE33183">
        <v>29</v>
      </c>
      <c r="AF33183">
        <v>29</v>
      </c>
      <c r="AG33183">
        <v>29</v>
      </c>
      <c r="AH33183">
        <v>30</v>
      </c>
      <c r="AI33183">
        <v>30</v>
      </c>
      <c r="AJ33183">
        <v>30</v>
      </c>
      <c r="AK33183">
        <v>30</v>
      </c>
      <c r="AL33183">
        <v>31</v>
      </c>
      <c r="AM33183">
        <v>31</v>
      </c>
      <c r="AN33183">
        <v>31</v>
      </c>
      <c r="AO33183">
        <v>32</v>
      </c>
      <c r="AP33183">
        <v>32</v>
      </c>
      <c r="AQ33183">
        <v>33</v>
      </c>
    </row>
    <row r="33184" spans="1:43">
      <c r="A33184" t="s">
        <v>20557</v>
      </c>
      <c r="B33184" t="s">
        <v>20558</v>
      </c>
      <c r="C33184" t="s">
        <v>20555</v>
      </c>
      <c r="D33184" t="s">
        <v>20556</v>
      </c>
      <c r="E33184" t="s">
        <v>20437</v>
      </c>
      <c r="F33184" t="s">
        <v>20438</v>
      </c>
      <c r="G33184" t="s">
        <v>20255</v>
      </c>
      <c r="H33184" t="s">
        <v>20256</v>
      </c>
      <c r="I33184" s="2">
        <v>1</v>
      </c>
      <c r="J33184" s="2">
        <v>0</v>
      </c>
      <c r="K33184" s="2">
        <v>0</v>
      </c>
      <c r="L33184" t="s">
        <v>120</v>
      </c>
      <c r="M33184" t="s">
        <v>89</v>
      </c>
      <c r="N33184" t="s">
        <v>90</v>
      </c>
      <c r="O33184" t="s">
        <v>85</v>
      </c>
      <c r="P33184" t="s">
        <v>86</v>
      </c>
      <c r="Q33184">
        <v>25</v>
      </c>
      <c r="R33184">
        <v>26</v>
      </c>
      <c r="S33184">
        <v>27</v>
      </c>
      <c r="T33184">
        <v>28</v>
      </c>
      <c r="U33184">
        <v>28</v>
      </c>
      <c r="V33184">
        <v>29</v>
      </c>
      <c r="W33184">
        <v>29</v>
      </c>
      <c r="X33184">
        <v>30</v>
      </c>
      <c r="Y33184">
        <v>31</v>
      </c>
      <c r="Z33184">
        <v>31</v>
      </c>
      <c r="AA33184">
        <v>32</v>
      </c>
      <c r="AB33184">
        <v>33</v>
      </c>
      <c r="AC33184">
        <v>33</v>
      </c>
      <c r="AD33184">
        <v>34</v>
      </c>
      <c r="AE33184">
        <v>34</v>
      </c>
      <c r="AF33184">
        <v>35</v>
      </c>
      <c r="AG33184">
        <v>35</v>
      </c>
      <c r="AH33184">
        <v>35</v>
      </c>
      <c r="AI33184">
        <v>35</v>
      </c>
      <c r="AJ33184">
        <v>36</v>
      </c>
      <c r="AK33184">
        <v>36</v>
      </c>
      <c r="AL33184">
        <v>36</v>
      </c>
      <c r="AM33184">
        <v>36</v>
      </c>
      <c r="AN33184">
        <v>37</v>
      </c>
      <c r="AO33184">
        <v>37</v>
      </c>
      <c r="AP33184">
        <v>37</v>
      </c>
      <c r="AQ33184">
        <v>38</v>
      </c>
    </row>
    <row r="33185" spans="1:43">
      <c r="A33185" t="s">
        <v>20557</v>
      </c>
      <c r="B33185" t="s">
        <v>20558</v>
      </c>
      <c r="C33185" t="s">
        <v>20555</v>
      </c>
      <c r="D33185" t="s">
        <v>20556</v>
      </c>
      <c r="E33185" t="s">
        <v>20437</v>
      </c>
      <c r="F33185" t="s">
        <v>20438</v>
      </c>
      <c r="G33185" t="s">
        <v>20255</v>
      </c>
      <c r="H33185" t="s">
        <v>20256</v>
      </c>
      <c r="I33185" s="2">
        <v>1</v>
      </c>
      <c r="J33185" s="2">
        <v>0</v>
      </c>
      <c r="K33185" s="2">
        <v>0</v>
      </c>
      <c r="L33185" t="s">
        <v>120</v>
      </c>
      <c r="M33185" t="s">
        <v>83</v>
      </c>
      <c r="N33185" t="s">
        <v>91</v>
      </c>
      <c r="O33185" t="s">
        <v>85</v>
      </c>
      <c r="P33185" t="s">
        <v>86</v>
      </c>
      <c r="Q33185">
        <v>25</v>
      </c>
      <c r="R33185">
        <v>26</v>
      </c>
      <c r="S33185">
        <v>26</v>
      </c>
      <c r="T33185">
        <v>27</v>
      </c>
      <c r="U33185">
        <v>27</v>
      </c>
      <c r="V33185">
        <v>28</v>
      </c>
      <c r="W33185">
        <v>28</v>
      </c>
      <c r="X33185">
        <v>29</v>
      </c>
      <c r="Y33185">
        <v>29</v>
      </c>
      <c r="Z33185">
        <v>30</v>
      </c>
      <c r="AA33185">
        <v>30</v>
      </c>
      <c r="AB33185">
        <v>31</v>
      </c>
      <c r="AC33185">
        <v>31</v>
      </c>
      <c r="AD33185">
        <v>32</v>
      </c>
      <c r="AE33185">
        <v>32</v>
      </c>
      <c r="AF33185">
        <v>33</v>
      </c>
      <c r="AG33185">
        <v>33</v>
      </c>
      <c r="AH33185">
        <v>34</v>
      </c>
      <c r="AI33185">
        <v>34</v>
      </c>
      <c r="AJ33185">
        <v>35</v>
      </c>
      <c r="AK33185">
        <v>36</v>
      </c>
      <c r="AL33185">
        <v>36</v>
      </c>
      <c r="AM33185">
        <v>36</v>
      </c>
      <c r="AN33185">
        <v>36</v>
      </c>
      <c r="AO33185">
        <v>37</v>
      </c>
      <c r="AP33185">
        <v>37</v>
      </c>
      <c r="AQ33185">
        <v>37</v>
      </c>
    </row>
    <row r="33186" spans="1:43">
      <c r="A33186" t="s">
        <v>20559</v>
      </c>
      <c r="B33186" t="s">
        <v>20560</v>
      </c>
      <c r="C33186" t="s">
        <v>20499</v>
      </c>
      <c r="D33186" t="s">
        <v>20500</v>
      </c>
      <c r="E33186" t="s">
        <v>20437</v>
      </c>
      <c r="F33186" t="s">
        <v>20438</v>
      </c>
      <c r="G33186" t="s">
        <v>20255</v>
      </c>
      <c r="H33186" t="s">
        <v>20256</v>
      </c>
      <c r="I33186" s="2">
        <v>1</v>
      </c>
      <c r="J33186" s="2">
        <v>0</v>
      </c>
      <c r="K33186" s="2">
        <v>0</v>
      </c>
      <c r="L33186" t="s">
        <v>120</v>
      </c>
      <c r="M33186" t="s">
        <v>83</v>
      </c>
      <c r="N33186" t="s">
        <v>84</v>
      </c>
      <c r="O33186" t="s">
        <v>85</v>
      </c>
      <c r="P33186" t="s">
        <v>86</v>
      </c>
      <c r="Q33186">
        <v>48</v>
      </c>
      <c r="R33186">
        <v>49</v>
      </c>
      <c r="S33186">
        <v>50</v>
      </c>
      <c r="T33186">
        <v>51</v>
      </c>
      <c r="U33186">
        <v>52</v>
      </c>
      <c r="V33186">
        <v>52</v>
      </c>
      <c r="W33186">
        <v>53</v>
      </c>
      <c r="X33186">
        <v>54</v>
      </c>
      <c r="Y33186">
        <v>55</v>
      </c>
      <c r="Z33186">
        <v>56</v>
      </c>
      <c r="AA33186">
        <v>57</v>
      </c>
      <c r="AB33186">
        <v>58</v>
      </c>
      <c r="AC33186">
        <v>59</v>
      </c>
      <c r="AD33186">
        <v>59</v>
      </c>
      <c r="AE33186">
        <v>60</v>
      </c>
      <c r="AF33186">
        <v>61</v>
      </c>
      <c r="AG33186">
        <v>62</v>
      </c>
      <c r="AH33186">
        <v>63</v>
      </c>
      <c r="AI33186">
        <v>64</v>
      </c>
      <c r="AJ33186">
        <v>65</v>
      </c>
      <c r="AK33186">
        <v>66</v>
      </c>
      <c r="AL33186">
        <v>67</v>
      </c>
      <c r="AM33186">
        <v>67</v>
      </c>
      <c r="AN33186">
        <v>68</v>
      </c>
      <c r="AO33186">
        <v>68</v>
      </c>
      <c r="AP33186">
        <v>69</v>
      </c>
      <c r="AQ33186">
        <v>69</v>
      </c>
    </row>
    <row r="33187" spans="1:43">
      <c r="A33187" t="s">
        <v>20559</v>
      </c>
      <c r="B33187" t="s">
        <v>20560</v>
      </c>
      <c r="C33187" t="s">
        <v>20499</v>
      </c>
      <c r="D33187" t="s">
        <v>20500</v>
      </c>
      <c r="E33187" t="s">
        <v>20437</v>
      </c>
      <c r="F33187" t="s">
        <v>20438</v>
      </c>
      <c r="G33187" t="s">
        <v>20255</v>
      </c>
      <c r="H33187" t="s">
        <v>20256</v>
      </c>
      <c r="I33187" s="2">
        <v>1</v>
      </c>
      <c r="J33187" s="2">
        <v>0</v>
      </c>
      <c r="K33187" s="2">
        <v>0</v>
      </c>
      <c r="L33187" t="s">
        <v>120</v>
      </c>
      <c r="M33187" t="s">
        <v>87</v>
      </c>
      <c r="N33187" t="s">
        <v>88</v>
      </c>
      <c r="O33187" t="s">
        <v>85</v>
      </c>
      <c r="P33187" t="s">
        <v>86</v>
      </c>
      <c r="Q33187">
        <v>48</v>
      </c>
      <c r="R33187">
        <v>48</v>
      </c>
      <c r="S33187">
        <v>48</v>
      </c>
      <c r="T33187">
        <v>49</v>
      </c>
      <c r="U33187">
        <v>49</v>
      </c>
      <c r="V33187">
        <v>50</v>
      </c>
      <c r="W33187">
        <v>50</v>
      </c>
      <c r="X33187">
        <v>50</v>
      </c>
      <c r="Y33187">
        <v>51</v>
      </c>
      <c r="Z33187">
        <v>51</v>
      </c>
      <c r="AA33187">
        <v>52</v>
      </c>
      <c r="AB33187">
        <v>52</v>
      </c>
      <c r="AC33187">
        <v>53</v>
      </c>
      <c r="AD33187">
        <v>53</v>
      </c>
      <c r="AE33187">
        <v>54</v>
      </c>
      <c r="AF33187">
        <v>54</v>
      </c>
      <c r="AG33187">
        <v>55</v>
      </c>
      <c r="AH33187">
        <v>55</v>
      </c>
      <c r="AI33187">
        <v>56</v>
      </c>
      <c r="AJ33187">
        <v>56</v>
      </c>
      <c r="AK33187">
        <v>57</v>
      </c>
      <c r="AL33187">
        <v>57</v>
      </c>
      <c r="AM33187">
        <v>58</v>
      </c>
      <c r="AN33187">
        <v>58</v>
      </c>
      <c r="AO33187">
        <v>59</v>
      </c>
      <c r="AP33187">
        <v>59</v>
      </c>
      <c r="AQ33187">
        <v>60</v>
      </c>
    </row>
    <row r="33188" spans="1:43">
      <c r="A33188" t="s">
        <v>20559</v>
      </c>
      <c r="B33188" t="s">
        <v>20560</v>
      </c>
      <c r="C33188" t="s">
        <v>20499</v>
      </c>
      <c r="D33188" t="s">
        <v>20500</v>
      </c>
      <c r="E33188" t="s">
        <v>20437</v>
      </c>
      <c r="F33188" t="s">
        <v>20438</v>
      </c>
      <c r="G33188" t="s">
        <v>20255</v>
      </c>
      <c r="H33188" t="s">
        <v>20256</v>
      </c>
      <c r="I33188" s="2">
        <v>1</v>
      </c>
      <c r="J33188" s="2">
        <v>0</v>
      </c>
      <c r="K33188" s="2">
        <v>0</v>
      </c>
      <c r="L33188" t="s">
        <v>120</v>
      </c>
      <c r="M33188" t="s">
        <v>89</v>
      </c>
      <c r="N33188" t="s">
        <v>90</v>
      </c>
      <c r="O33188" t="s">
        <v>85</v>
      </c>
      <c r="P33188" t="s">
        <v>86</v>
      </c>
      <c r="Q33188">
        <v>48</v>
      </c>
      <c r="R33188">
        <v>50</v>
      </c>
      <c r="S33188">
        <v>51</v>
      </c>
      <c r="T33188">
        <v>52</v>
      </c>
      <c r="U33188">
        <v>54</v>
      </c>
      <c r="V33188">
        <v>55</v>
      </c>
      <c r="W33188">
        <v>56</v>
      </c>
      <c r="X33188">
        <v>57</v>
      </c>
      <c r="Y33188">
        <v>58</v>
      </c>
      <c r="Z33188">
        <v>59</v>
      </c>
      <c r="AA33188">
        <v>60</v>
      </c>
      <c r="AB33188">
        <v>61</v>
      </c>
      <c r="AC33188">
        <v>63</v>
      </c>
      <c r="AD33188">
        <v>64</v>
      </c>
      <c r="AE33188">
        <v>65</v>
      </c>
      <c r="AF33188">
        <v>65</v>
      </c>
      <c r="AG33188">
        <v>66</v>
      </c>
      <c r="AH33188">
        <v>66</v>
      </c>
      <c r="AI33188">
        <v>66</v>
      </c>
      <c r="AJ33188">
        <v>67</v>
      </c>
      <c r="AK33188">
        <v>67</v>
      </c>
      <c r="AL33188">
        <v>68</v>
      </c>
      <c r="AM33188">
        <v>68</v>
      </c>
      <c r="AN33188">
        <v>69</v>
      </c>
      <c r="AO33188">
        <v>69</v>
      </c>
      <c r="AP33188">
        <v>70</v>
      </c>
      <c r="AQ33188">
        <v>70</v>
      </c>
    </row>
    <row r="33189" spans="1:43">
      <c r="A33189" t="s">
        <v>20559</v>
      </c>
      <c r="B33189" t="s">
        <v>20560</v>
      </c>
      <c r="C33189" t="s">
        <v>20499</v>
      </c>
      <c r="D33189" t="s">
        <v>20500</v>
      </c>
      <c r="E33189" t="s">
        <v>20437</v>
      </c>
      <c r="F33189" t="s">
        <v>20438</v>
      </c>
      <c r="G33189" t="s">
        <v>20255</v>
      </c>
      <c r="H33189" t="s">
        <v>20256</v>
      </c>
      <c r="I33189" s="2">
        <v>1</v>
      </c>
      <c r="J33189" s="2">
        <v>0</v>
      </c>
      <c r="K33189" s="2">
        <v>0</v>
      </c>
      <c r="L33189" t="s">
        <v>120</v>
      </c>
      <c r="M33189" t="s">
        <v>83</v>
      </c>
      <c r="N33189" t="s">
        <v>91</v>
      </c>
      <c r="O33189" t="s">
        <v>85</v>
      </c>
      <c r="P33189" t="s">
        <v>86</v>
      </c>
      <c r="Q33189">
        <v>48</v>
      </c>
      <c r="R33189">
        <v>49</v>
      </c>
      <c r="S33189">
        <v>50</v>
      </c>
      <c r="T33189">
        <v>51</v>
      </c>
      <c r="U33189">
        <v>52</v>
      </c>
      <c r="V33189">
        <v>52</v>
      </c>
      <c r="W33189">
        <v>53</v>
      </c>
      <c r="X33189">
        <v>54</v>
      </c>
      <c r="Y33189">
        <v>55</v>
      </c>
      <c r="Z33189">
        <v>56</v>
      </c>
      <c r="AA33189">
        <v>57</v>
      </c>
      <c r="AB33189">
        <v>58</v>
      </c>
      <c r="AC33189">
        <v>59</v>
      </c>
      <c r="AD33189">
        <v>59</v>
      </c>
      <c r="AE33189">
        <v>60</v>
      </c>
      <c r="AF33189">
        <v>61</v>
      </c>
      <c r="AG33189">
        <v>62</v>
      </c>
      <c r="AH33189">
        <v>63</v>
      </c>
      <c r="AI33189">
        <v>64</v>
      </c>
      <c r="AJ33189">
        <v>65</v>
      </c>
      <c r="AK33189">
        <v>66</v>
      </c>
      <c r="AL33189">
        <v>67</v>
      </c>
      <c r="AM33189">
        <v>67</v>
      </c>
      <c r="AN33189">
        <v>68</v>
      </c>
      <c r="AO33189">
        <v>68</v>
      </c>
      <c r="AP33189">
        <v>69</v>
      </c>
      <c r="AQ33189">
        <v>69</v>
      </c>
    </row>
    <row r="33190" spans="1:43">
      <c r="A33190" t="s">
        <v>20561</v>
      </c>
      <c r="B33190" t="s">
        <v>20562</v>
      </c>
      <c r="C33190" t="s">
        <v>20499</v>
      </c>
      <c r="D33190" t="s">
        <v>20500</v>
      </c>
      <c r="E33190" t="s">
        <v>20437</v>
      </c>
      <c r="F33190" t="s">
        <v>20438</v>
      </c>
      <c r="G33190" t="s">
        <v>20255</v>
      </c>
      <c r="H33190" t="s">
        <v>20256</v>
      </c>
      <c r="I33190" s="2">
        <v>1</v>
      </c>
      <c r="J33190" s="2">
        <v>0</v>
      </c>
      <c r="K33190" s="2">
        <v>0</v>
      </c>
      <c r="L33190" t="s">
        <v>120</v>
      </c>
      <c r="M33190" t="s">
        <v>83</v>
      </c>
      <c r="N33190" t="s">
        <v>84</v>
      </c>
      <c r="O33190" t="s">
        <v>85</v>
      </c>
      <c r="P33190" t="s">
        <v>86</v>
      </c>
      <c r="Q33190">
        <v>6</v>
      </c>
      <c r="R33190">
        <v>6</v>
      </c>
      <c r="S33190">
        <v>6</v>
      </c>
      <c r="T33190">
        <v>7</v>
      </c>
      <c r="U33190">
        <v>7</v>
      </c>
      <c r="V33190">
        <v>7</v>
      </c>
      <c r="W33190">
        <v>7</v>
      </c>
      <c r="X33190">
        <v>7</v>
      </c>
      <c r="Y33190">
        <v>7</v>
      </c>
      <c r="Z33190">
        <v>7</v>
      </c>
      <c r="AA33190">
        <v>7</v>
      </c>
      <c r="AB33190">
        <v>7</v>
      </c>
      <c r="AC33190">
        <v>8</v>
      </c>
      <c r="AD33190">
        <v>8</v>
      </c>
      <c r="AE33190">
        <v>8</v>
      </c>
      <c r="AF33190">
        <v>8</v>
      </c>
      <c r="AG33190">
        <v>8</v>
      </c>
      <c r="AH33190">
        <v>8</v>
      </c>
      <c r="AI33190">
        <v>8</v>
      </c>
      <c r="AJ33190">
        <v>8</v>
      </c>
      <c r="AK33190">
        <v>9</v>
      </c>
      <c r="AL33190">
        <v>9</v>
      </c>
      <c r="AM33190">
        <v>9</v>
      </c>
      <c r="AN33190">
        <v>9</v>
      </c>
      <c r="AO33190">
        <v>9</v>
      </c>
      <c r="AP33190">
        <v>9</v>
      </c>
      <c r="AQ33190">
        <v>9</v>
      </c>
    </row>
    <row r="33191" spans="1:43">
      <c r="A33191" t="s">
        <v>20561</v>
      </c>
      <c r="B33191" t="s">
        <v>20562</v>
      </c>
      <c r="C33191" t="s">
        <v>20499</v>
      </c>
      <c r="D33191" t="s">
        <v>20500</v>
      </c>
      <c r="E33191" t="s">
        <v>20437</v>
      </c>
      <c r="F33191" t="s">
        <v>20438</v>
      </c>
      <c r="G33191" t="s">
        <v>20255</v>
      </c>
      <c r="H33191" t="s">
        <v>20256</v>
      </c>
      <c r="I33191" s="2">
        <v>1</v>
      </c>
      <c r="J33191" s="2">
        <v>0</v>
      </c>
      <c r="K33191" s="2">
        <v>0</v>
      </c>
      <c r="L33191" t="s">
        <v>120</v>
      </c>
      <c r="M33191" t="s">
        <v>87</v>
      </c>
      <c r="N33191" t="s">
        <v>88</v>
      </c>
      <c r="O33191" t="s">
        <v>85</v>
      </c>
      <c r="P33191" t="s">
        <v>86</v>
      </c>
      <c r="Q33191">
        <v>6</v>
      </c>
      <c r="R33191">
        <v>6</v>
      </c>
      <c r="S33191">
        <v>6</v>
      </c>
      <c r="T33191">
        <v>6</v>
      </c>
      <c r="U33191">
        <v>6</v>
      </c>
      <c r="V33191">
        <v>6</v>
      </c>
      <c r="W33191">
        <v>6</v>
      </c>
      <c r="X33191">
        <v>7</v>
      </c>
      <c r="Y33191">
        <v>7</v>
      </c>
      <c r="Z33191">
        <v>7</v>
      </c>
      <c r="AA33191">
        <v>7</v>
      </c>
      <c r="AB33191">
        <v>7</v>
      </c>
      <c r="AC33191">
        <v>7</v>
      </c>
      <c r="AD33191">
        <v>7</v>
      </c>
      <c r="AE33191">
        <v>7</v>
      </c>
      <c r="AF33191">
        <v>7</v>
      </c>
      <c r="AG33191">
        <v>7</v>
      </c>
      <c r="AH33191">
        <v>7</v>
      </c>
      <c r="AI33191">
        <v>7</v>
      </c>
      <c r="AJ33191">
        <v>7</v>
      </c>
      <c r="AK33191">
        <v>7</v>
      </c>
      <c r="AL33191">
        <v>7</v>
      </c>
      <c r="AM33191">
        <v>7</v>
      </c>
      <c r="AN33191">
        <v>8</v>
      </c>
      <c r="AO33191">
        <v>8</v>
      </c>
      <c r="AP33191">
        <v>8</v>
      </c>
      <c r="AQ33191">
        <v>8</v>
      </c>
    </row>
    <row r="33192" spans="1:43">
      <c r="A33192" t="s">
        <v>20561</v>
      </c>
      <c r="B33192" t="s">
        <v>20562</v>
      </c>
      <c r="C33192" t="s">
        <v>20499</v>
      </c>
      <c r="D33192" t="s">
        <v>20500</v>
      </c>
      <c r="E33192" t="s">
        <v>20437</v>
      </c>
      <c r="F33192" t="s">
        <v>20438</v>
      </c>
      <c r="G33192" t="s">
        <v>20255</v>
      </c>
      <c r="H33192" t="s">
        <v>20256</v>
      </c>
      <c r="I33192" s="2">
        <v>1</v>
      </c>
      <c r="J33192" s="2">
        <v>0</v>
      </c>
      <c r="K33192" s="2">
        <v>0</v>
      </c>
      <c r="L33192" t="s">
        <v>120</v>
      </c>
      <c r="M33192" t="s">
        <v>89</v>
      </c>
      <c r="N33192" t="s">
        <v>90</v>
      </c>
      <c r="O33192" t="s">
        <v>85</v>
      </c>
      <c r="P33192" t="s">
        <v>86</v>
      </c>
      <c r="Q33192">
        <v>6</v>
      </c>
      <c r="R33192">
        <v>6</v>
      </c>
      <c r="S33192">
        <v>7</v>
      </c>
      <c r="T33192">
        <v>7</v>
      </c>
      <c r="U33192">
        <v>7</v>
      </c>
      <c r="V33192">
        <v>7</v>
      </c>
      <c r="W33192">
        <v>7</v>
      </c>
      <c r="X33192">
        <v>7</v>
      </c>
      <c r="Y33192">
        <v>8</v>
      </c>
      <c r="Z33192">
        <v>8</v>
      </c>
      <c r="AA33192">
        <v>8</v>
      </c>
      <c r="AB33192">
        <v>8</v>
      </c>
      <c r="AC33192">
        <v>8</v>
      </c>
      <c r="AD33192">
        <v>8</v>
      </c>
      <c r="AE33192">
        <v>8</v>
      </c>
      <c r="AF33192">
        <v>8</v>
      </c>
      <c r="AG33192">
        <v>8</v>
      </c>
      <c r="AH33192">
        <v>9</v>
      </c>
      <c r="AI33192">
        <v>9</v>
      </c>
      <c r="AJ33192">
        <v>9</v>
      </c>
      <c r="AK33192">
        <v>9</v>
      </c>
      <c r="AL33192">
        <v>9</v>
      </c>
      <c r="AM33192">
        <v>9</v>
      </c>
      <c r="AN33192">
        <v>9</v>
      </c>
      <c r="AO33192">
        <v>9</v>
      </c>
      <c r="AP33192">
        <v>9</v>
      </c>
      <c r="AQ33192">
        <v>9</v>
      </c>
    </row>
    <row r="33193" spans="1:43">
      <c r="A33193" t="s">
        <v>20561</v>
      </c>
      <c r="B33193" t="s">
        <v>20562</v>
      </c>
      <c r="C33193" t="s">
        <v>20499</v>
      </c>
      <c r="D33193" t="s">
        <v>20500</v>
      </c>
      <c r="E33193" t="s">
        <v>20437</v>
      </c>
      <c r="F33193" t="s">
        <v>20438</v>
      </c>
      <c r="G33193" t="s">
        <v>20255</v>
      </c>
      <c r="H33193" t="s">
        <v>20256</v>
      </c>
      <c r="I33193" s="2">
        <v>1</v>
      </c>
      <c r="J33193" s="2">
        <v>0</v>
      </c>
      <c r="K33193" s="2">
        <v>0</v>
      </c>
      <c r="L33193" t="s">
        <v>120</v>
      </c>
      <c r="M33193" t="s">
        <v>83</v>
      </c>
      <c r="N33193" t="s">
        <v>91</v>
      </c>
      <c r="O33193" t="s">
        <v>85</v>
      </c>
      <c r="P33193" t="s">
        <v>86</v>
      </c>
      <c r="Q33193">
        <v>6</v>
      </c>
      <c r="R33193">
        <v>6</v>
      </c>
      <c r="S33193">
        <v>6</v>
      </c>
      <c r="T33193">
        <v>7</v>
      </c>
      <c r="U33193">
        <v>7</v>
      </c>
      <c r="V33193">
        <v>7</v>
      </c>
      <c r="W33193">
        <v>7</v>
      </c>
      <c r="X33193">
        <v>7</v>
      </c>
      <c r="Y33193">
        <v>7</v>
      </c>
      <c r="Z33193">
        <v>7</v>
      </c>
      <c r="AA33193">
        <v>7</v>
      </c>
      <c r="AB33193">
        <v>7</v>
      </c>
      <c r="AC33193">
        <v>8</v>
      </c>
      <c r="AD33193">
        <v>8</v>
      </c>
      <c r="AE33193">
        <v>8</v>
      </c>
      <c r="AF33193">
        <v>8</v>
      </c>
      <c r="AG33193">
        <v>8</v>
      </c>
      <c r="AH33193">
        <v>8</v>
      </c>
      <c r="AI33193">
        <v>8</v>
      </c>
      <c r="AJ33193">
        <v>8</v>
      </c>
      <c r="AK33193">
        <v>9</v>
      </c>
      <c r="AL33193">
        <v>9</v>
      </c>
      <c r="AM33193">
        <v>9</v>
      </c>
      <c r="AN33193">
        <v>9</v>
      </c>
      <c r="AO33193">
        <v>9</v>
      </c>
      <c r="AP33193">
        <v>9</v>
      </c>
      <c r="AQ33193">
        <v>9</v>
      </c>
    </row>
    <row r="33194" spans="1:43">
      <c r="A33194" t="s">
        <v>20563</v>
      </c>
      <c r="B33194" t="s">
        <v>20564</v>
      </c>
      <c r="C33194" t="s">
        <v>20565</v>
      </c>
      <c r="D33194" t="s">
        <v>20566</v>
      </c>
      <c r="E33194" t="s">
        <v>20437</v>
      </c>
      <c r="F33194" t="s">
        <v>20438</v>
      </c>
      <c r="G33194" t="s">
        <v>20255</v>
      </c>
      <c r="H33194" t="s">
        <v>20256</v>
      </c>
      <c r="I33194" s="2">
        <v>1</v>
      </c>
      <c r="J33194" s="2">
        <v>0</v>
      </c>
      <c r="K33194" s="2">
        <v>0</v>
      </c>
      <c r="L33194" t="s">
        <v>120</v>
      </c>
      <c r="M33194" t="s">
        <v>83</v>
      </c>
      <c r="N33194" t="s">
        <v>84</v>
      </c>
      <c r="O33194" t="s">
        <v>85</v>
      </c>
      <c r="P33194" t="s">
        <v>86</v>
      </c>
      <c r="Q33194">
        <v>40</v>
      </c>
      <c r="R33194">
        <v>40</v>
      </c>
      <c r="S33194">
        <v>41</v>
      </c>
      <c r="T33194">
        <v>42</v>
      </c>
      <c r="U33194">
        <v>43</v>
      </c>
      <c r="V33194">
        <v>44</v>
      </c>
      <c r="W33194">
        <v>45</v>
      </c>
      <c r="X33194">
        <v>45</v>
      </c>
      <c r="Y33194">
        <v>46</v>
      </c>
      <c r="Z33194">
        <v>47</v>
      </c>
      <c r="AA33194">
        <v>48</v>
      </c>
      <c r="AB33194">
        <v>48</v>
      </c>
      <c r="AC33194">
        <v>49</v>
      </c>
      <c r="AD33194">
        <v>50</v>
      </c>
      <c r="AE33194">
        <v>51</v>
      </c>
      <c r="AF33194">
        <v>52</v>
      </c>
      <c r="AG33194">
        <v>53</v>
      </c>
      <c r="AH33194">
        <v>54</v>
      </c>
      <c r="AI33194">
        <v>54</v>
      </c>
      <c r="AJ33194">
        <v>55</v>
      </c>
      <c r="AK33194">
        <v>56</v>
      </c>
      <c r="AL33194">
        <v>57</v>
      </c>
      <c r="AM33194">
        <v>57</v>
      </c>
      <c r="AN33194">
        <v>58</v>
      </c>
      <c r="AO33194">
        <v>58</v>
      </c>
      <c r="AP33194">
        <v>59</v>
      </c>
      <c r="AQ33194">
        <v>59</v>
      </c>
    </row>
    <row r="33195" spans="1:43">
      <c r="A33195" t="s">
        <v>20563</v>
      </c>
      <c r="B33195" t="s">
        <v>20564</v>
      </c>
      <c r="C33195" t="s">
        <v>20565</v>
      </c>
      <c r="D33195" t="s">
        <v>20566</v>
      </c>
      <c r="E33195" t="s">
        <v>20437</v>
      </c>
      <c r="F33195" t="s">
        <v>20438</v>
      </c>
      <c r="G33195" t="s">
        <v>20255</v>
      </c>
      <c r="H33195" t="s">
        <v>20256</v>
      </c>
      <c r="I33195" s="2">
        <v>1</v>
      </c>
      <c r="J33195" s="2">
        <v>0</v>
      </c>
      <c r="K33195" s="2">
        <v>0</v>
      </c>
      <c r="L33195" t="s">
        <v>120</v>
      </c>
      <c r="M33195" t="s">
        <v>87</v>
      </c>
      <c r="N33195" t="s">
        <v>88</v>
      </c>
      <c r="O33195" t="s">
        <v>85</v>
      </c>
      <c r="P33195" t="s">
        <v>86</v>
      </c>
      <c r="Q33195">
        <v>40</v>
      </c>
      <c r="R33195">
        <v>41</v>
      </c>
      <c r="S33195">
        <v>41</v>
      </c>
      <c r="T33195">
        <v>42</v>
      </c>
      <c r="U33195">
        <v>42</v>
      </c>
      <c r="V33195">
        <v>42</v>
      </c>
      <c r="W33195">
        <v>43</v>
      </c>
      <c r="X33195">
        <v>43</v>
      </c>
      <c r="Y33195">
        <v>44</v>
      </c>
      <c r="Z33195">
        <v>44</v>
      </c>
      <c r="AA33195">
        <v>45</v>
      </c>
      <c r="AB33195">
        <v>45</v>
      </c>
      <c r="AC33195">
        <v>45</v>
      </c>
      <c r="AD33195">
        <v>46</v>
      </c>
      <c r="AE33195">
        <v>46</v>
      </c>
      <c r="AF33195">
        <v>47</v>
      </c>
      <c r="AG33195">
        <v>47</v>
      </c>
      <c r="AH33195">
        <v>48</v>
      </c>
      <c r="AI33195">
        <v>48</v>
      </c>
      <c r="AJ33195">
        <v>49</v>
      </c>
      <c r="AK33195">
        <v>49</v>
      </c>
      <c r="AL33195">
        <v>50</v>
      </c>
      <c r="AM33195">
        <v>51</v>
      </c>
      <c r="AN33195">
        <v>51</v>
      </c>
      <c r="AO33195">
        <v>52</v>
      </c>
      <c r="AP33195">
        <v>52</v>
      </c>
      <c r="AQ33195">
        <v>53</v>
      </c>
    </row>
    <row r="33196" spans="1:43">
      <c r="A33196" t="s">
        <v>20563</v>
      </c>
      <c r="B33196" t="s">
        <v>20564</v>
      </c>
      <c r="C33196" t="s">
        <v>20565</v>
      </c>
      <c r="D33196" t="s">
        <v>20566</v>
      </c>
      <c r="E33196" t="s">
        <v>20437</v>
      </c>
      <c r="F33196" t="s">
        <v>20438</v>
      </c>
      <c r="G33196" t="s">
        <v>20255</v>
      </c>
      <c r="H33196" t="s">
        <v>20256</v>
      </c>
      <c r="I33196" s="2">
        <v>1</v>
      </c>
      <c r="J33196" s="2">
        <v>0</v>
      </c>
      <c r="K33196" s="2">
        <v>0</v>
      </c>
      <c r="L33196" t="s">
        <v>120</v>
      </c>
      <c r="M33196" t="s">
        <v>89</v>
      </c>
      <c r="N33196" t="s">
        <v>90</v>
      </c>
      <c r="O33196" t="s">
        <v>85</v>
      </c>
      <c r="P33196" t="s">
        <v>86</v>
      </c>
      <c r="Q33196">
        <v>40</v>
      </c>
      <c r="R33196">
        <v>41</v>
      </c>
      <c r="S33196">
        <v>42</v>
      </c>
      <c r="T33196">
        <v>43</v>
      </c>
      <c r="U33196">
        <v>45</v>
      </c>
      <c r="V33196">
        <v>46</v>
      </c>
      <c r="W33196">
        <v>47</v>
      </c>
      <c r="X33196">
        <v>48</v>
      </c>
      <c r="Y33196">
        <v>49</v>
      </c>
      <c r="Z33196">
        <v>50</v>
      </c>
      <c r="AA33196">
        <v>51</v>
      </c>
      <c r="AB33196">
        <v>52</v>
      </c>
      <c r="AC33196">
        <v>53</v>
      </c>
      <c r="AD33196">
        <v>54</v>
      </c>
      <c r="AE33196">
        <v>54</v>
      </c>
      <c r="AF33196">
        <v>55</v>
      </c>
      <c r="AG33196">
        <v>55</v>
      </c>
      <c r="AH33196">
        <v>56</v>
      </c>
      <c r="AI33196">
        <v>56</v>
      </c>
      <c r="AJ33196">
        <v>56</v>
      </c>
      <c r="AK33196">
        <v>57</v>
      </c>
      <c r="AL33196">
        <v>57</v>
      </c>
      <c r="AM33196">
        <v>58</v>
      </c>
      <c r="AN33196">
        <v>58</v>
      </c>
      <c r="AO33196">
        <v>59</v>
      </c>
      <c r="AP33196">
        <v>59</v>
      </c>
      <c r="AQ33196">
        <v>60</v>
      </c>
    </row>
    <row r="33197" spans="1:43">
      <c r="A33197" t="s">
        <v>20563</v>
      </c>
      <c r="B33197" t="s">
        <v>20564</v>
      </c>
      <c r="C33197" t="s">
        <v>20565</v>
      </c>
      <c r="D33197" t="s">
        <v>20566</v>
      </c>
      <c r="E33197" t="s">
        <v>20437</v>
      </c>
      <c r="F33197" t="s">
        <v>20438</v>
      </c>
      <c r="G33197" t="s">
        <v>20255</v>
      </c>
      <c r="H33197" t="s">
        <v>20256</v>
      </c>
      <c r="I33197" s="2">
        <v>1</v>
      </c>
      <c r="J33197" s="2">
        <v>0</v>
      </c>
      <c r="K33197" s="2">
        <v>0</v>
      </c>
      <c r="L33197" t="s">
        <v>120</v>
      </c>
      <c r="M33197" t="s">
        <v>83</v>
      </c>
      <c r="N33197" t="s">
        <v>91</v>
      </c>
      <c r="O33197" t="s">
        <v>85</v>
      </c>
      <c r="P33197" t="s">
        <v>86</v>
      </c>
      <c r="Q33197">
        <v>40</v>
      </c>
      <c r="R33197">
        <v>40</v>
      </c>
      <c r="S33197">
        <v>41</v>
      </c>
      <c r="T33197">
        <v>42</v>
      </c>
      <c r="U33197">
        <v>43</v>
      </c>
      <c r="V33197">
        <v>44</v>
      </c>
      <c r="W33197">
        <v>45</v>
      </c>
      <c r="X33197">
        <v>45</v>
      </c>
      <c r="Y33197">
        <v>46</v>
      </c>
      <c r="Z33197">
        <v>47</v>
      </c>
      <c r="AA33197">
        <v>48</v>
      </c>
      <c r="AB33197">
        <v>48</v>
      </c>
      <c r="AC33197">
        <v>49</v>
      </c>
      <c r="AD33197">
        <v>50</v>
      </c>
      <c r="AE33197">
        <v>51</v>
      </c>
      <c r="AF33197">
        <v>52</v>
      </c>
      <c r="AG33197">
        <v>53</v>
      </c>
      <c r="AH33197">
        <v>54</v>
      </c>
      <c r="AI33197">
        <v>54</v>
      </c>
      <c r="AJ33197">
        <v>55</v>
      </c>
      <c r="AK33197">
        <v>56</v>
      </c>
      <c r="AL33197">
        <v>57</v>
      </c>
      <c r="AM33197">
        <v>57</v>
      </c>
      <c r="AN33197">
        <v>58</v>
      </c>
      <c r="AO33197">
        <v>58</v>
      </c>
      <c r="AP33197">
        <v>59</v>
      </c>
      <c r="AQ33197">
        <v>59</v>
      </c>
    </row>
    <row r="33198" spans="1:43">
      <c r="A33198" t="s">
        <v>20567</v>
      </c>
      <c r="B33198" t="s">
        <v>20568</v>
      </c>
      <c r="C33198" t="s">
        <v>20565</v>
      </c>
      <c r="D33198" t="s">
        <v>20566</v>
      </c>
      <c r="E33198" t="s">
        <v>20437</v>
      </c>
      <c r="F33198" t="s">
        <v>20438</v>
      </c>
      <c r="G33198" t="s">
        <v>20255</v>
      </c>
      <c r="H33198" t="s">
        <v>20256</v>
      </c>
      <c r="I33198" s="2">
        <v>1</v>
      </c>
      <c r="J33198" s="2">
        <v>0</v>
      </c>
      <c r="K33198" s="2">
        <v>0</v>
      </c>
      <c r="L33198" t="s">
        <v>120</v>
      </c>
      <c r="M33198" t="s">
        <v>83</v>
      </c>
      <c r="N33198" t="s">
        <v>84</v>
      </c>
      <c r="O33198" t="s">
        <v>85</v>
      </c>
      <c r="P33198" t="s">
        <v>86</v>
      </c>
      <c r="Q33198">
        <v>7</v>
      </c>
      <c r="R33198">
        <v>7</v>
      </c>
      <c r="S33198">
        <v>7</v>
      </c>
      <c r="T33198">
        <v>7</v>
      </c>
      <c r="U33198">
        <v>7</v>
      </c>
      <c r="V33198">
        <v>7</v>
      </c>
      <c r="W33198">
        <v>7</v>
      </c>
      <c r="X33198">
        <v>8</v>
      </c>
      <c r="Y33198">
        <v>8</v>
      </c>
      <c r="Z33198">
        <v>8</v>
      </c>
      <c r="AA33198">
        <v>8</v>
      </c>
      <c r="AB33198">
        <v>8</v>
      </c>
      <c r="AC33198">
        <v>8</v>
      </c>
      <c r="AD33198">
        <v>8</v>
      </c>
      <c r="AE33198">
        <v>8</v>
      </c>
      <c r="AF33198">
        <v>9</v>
      </c>
      <c r="AG33198">
        <v>9</v>
      </c>
      <c r="AH33198">
        <v>9</v>
      </c>
      <c r="AI33198">
        <v>9</v>
      </c>
      <c r="AJ33198">
        <v>9</v>
      </c>
      <c r="AK33198">
        <v>9</v>
      </c>
      <c r="AL33198">
        <v>9</v>
      </c>
      <c r="AM33198">
        <v>10</v>
      </c>
      <c r="AN33198">
        <v>10</v>
      </c>
      <c r="AO33198">
        <v>10</v>
      </c>
      <c r="AP33198">
        <v>10</v>
      </c>
      <c r="AQ33198">
        <v>10</v>
      </c>
    </row>
    <row r="33199" spans="1:43">
      <c r="A33199" t="s">
        <v>20567</v>
      </c>
      <c r="B33199" t="s">
        <v>20568</v>
      </c>
      <c r="C33199" t="s">
        <v>20565</v>
      </c>
      <c r="D33199" t="s">
        <v>20566</v>
      </c>
      <c r="E33199" t="s">
        <v>20437</v>
      </c>
      <c r="F33199" t="s">
        <v>20438</v>
      </c>
      <c r="G33199" t="s">
        <v>20255</v>
      </c>
      <c r="H33199" t="s">
        <v>20256</v>
      </c>
      <c r="I33199" s="2">
        <v>1</v>
      </c>
      <c r="J33199" s="2">
        <v>0</v>
      </c>
      <c r="K33199" s="2">
        <v>0</v>
      </c>
      <c r="L33199" t="s">
        <v>120</v>
      </c>
      <c r="M33199" t="s">
        <v>87</v>
      </c>
      <c r="N33199" t="s">
        <v>88</v>
      </c>
      <c r="O33199" t="s">
        <v>85</v>
      </c>
      <c r="P33199" t="s">
        <v>86</v>
      </c>
      <c r="Q33199">
        <v>7</v>
      </c>
      <c r="R33199">
        <v>7</v>
      </c>
      <c r="S33199">
        <v>7</v>
      </c>
      <c r="T33199">
        <v>7</v>
      </c>
      <c r="U33199">
        <v>7</v>
      </c>
      <c r="V33199">
        <v>7</v>
      </c>
      <c r="W33199">
        <v>7</v>
      </c>
      <c r="X33199">
        <v>7</v>
      </c>
      <c r="Y33199">
        <v>7</v>
      </c>
      <c r="Z33199">
        <v>7</v>
      </c>
      <c r="AA33199">
        <v>7</v>
      </c>
      <c r="AB33199">
        <v>7</v>
      </c>
      <c r="AC33199">
        <v>7</v>
      </c>
      <c r="AD33199">
        <v>8</v>
      </c>
      <c r="AE33199">
        <v>8</v>
      </c>
      <c r="AF33199">
        <v>8</v>
      </c>
      <c r="AG33199">
        <v>8</v>
      </c>
      <c r="AH33199">
        <v>8</v>
      </c>
      <c r="AI33199">
        <v>8</v>
      </c>
      <c r="AJ33199">
        <v>8</v>
      </c>
      <c r="AK33199">
        <v>8</v>
      </c>
      <c r="AL33199">
        <v>8</v>
      </c>
      <c r="AM33199">
        <v>8</v>
      </c>
      <c r="AN33199">
        <v>8</v>
      </c>
      <c r="AO33199">
        <v>8</v>
      </c>
      <c r="AP33199">
        <v>9</v>
      </c>
      <c r="AQ33199">
        <v>9</v>
      </c>
    </row>
    <row r="33200" spans="1:43">
      <c r="A33200" t="s">
        <v>20567</v>
      </c>
      <c r="B33200" t="s">
        <v>20568</v>
      </c>
      <c r="C33200" t="s">
        <v>20565</v>
      </c>
      <c r="D33200" t="s">
        <v>20566</v>
      </c>
      <c r="E33200" t="s">
        <v>20437</v>
      </c>
      <c r="F33200" t="s">
        <v>20438</v>
      </c>
      <c r="G33200" t="s">
        <v>20255</v>
      </c>
      <c r="H33200" t="s">
        <v>20256</v>
      </c>
      <c r="I33200" s="2">
        <v>1</v>
      </c>
      <c r="J33200" s="2">
        <v>0</v>
      </c>
      <c r="K33200" s="2">
        <v>0</v>
      </c>
      <c r="L33200" t="s">
        <v>120</v>
      </c>
      <c r="M33200" t="s">
        <v>89</v>
      </c>
      <c r="N33200" t="s">
        <v>90</v>
      </c>
      <c r="O33200" t="s">
        <v>85</v>
      </c>
      <c r="P33200" t="s">
        <v>86</v>
      </c>
      <c r="Q33200">
        <v>7</v>
      </c>
      <c r="R33200">
        <v>7</v>
      </c>
      <c r="S33200">
        <v>7</v>
      </c>
      <c r="T33200">
        <v>7</v>
      </c>
      <c r="U33200">
        <v>7</v>
      </c>
      <c r="V33200">
        <v>8</v>
      </c>
      <c r="W33200">
        <v>8</v>
      </c>
      <c r="X33200">
        <v>8</v>
      </c>
      <c r="Y33200">
        <v>8</v>
      </c>
      <c r="Z33200">
        <v>8</v>
      </c>
      <c r="AA33200">
        <v>8</v>
      </c>
      <c r="AB33200">
        <v>9</v>
      </c>
      <c r="AC33200">
        <v>9</v>
      </c>
      <c r="AD33200">
        <v>9</v>
      </c>
      <c r="AE33200">
        <v>9</v>
      </c>
      <c r="AF33200">
        <v>9</v>
      </c>
      <c r="AG33200">
        <v>9</v>
      </c>
      <c r="AH33200">
        <v>9</v>
      </c>
      <c r="AI33200">
        <v>9</v>
      </c>
      <c r="AJ33200">
        <v>9</v>
      </c>
      <c r="AK33200">
        <v>10</v>
      </c>
      <c r="AL33200">
        <v>10</v>
      </c>
      <c r="AM33200">
        <v>10</v>
      </c>
      <c r="AN33200">
        <v>10</v>
      </c>
      <c r="AO33200">
        <v>10</v>
      </c>
      <c r="AP33200">
        <v>10</v>
      </c>
      <c r="AQ33200">
        <v>10</v>
      </c>
    </row>
    <row r="33201" spans="1:43">
      <c r="A33201" t="s">
        <v>20567</v>
      </c>
      <c r="B33201" t="s">
        <v>20568</v>
      </c>
      <c r="C33201" t="s">
        <v>20565</v>
      </c>
      <c r="D33201" t="s">
        <v>20566</v>
      </c>
      <c r="E33201" t="s">
        <v>20437</v>
      </c>
      <c r="F33201" t="s">
        <v>20438</v>
      </c>
      <c r="G33201" t="s">
        <v>20255</v>
      </c>
      <c r="H33201" t="s">
        <v>20256</v>
      </c>
      <c r="I33201" s="2">
        <v>1</v>
      </c>
      <c r="J33201" s="2">
        <v>0</v>
      </c>
      <c r="K33201" s="2">
        <v>0</v>
      </c>
      <c r="L33201" t="s">
        <v>120</v>
      </c>
      <c r="M33201" t="s">
        <v>83</v>
      </c>
      <c r="N33201" t="s">
        <v>91</v>
      </c>
      <c r="O33201" t="s">
        <v>85</v>
      </c>
      <c r="P33201" t="s">
        <v>86</v>
      </c>
      <c r="Q33201">
        <v>7</v>
      </c>
      <c r="R33201">
        <v>7</v>
      </c>
      <c r="S33201">
        <v>7</v>
      </c>
      <c r="T33201">
        <v>7</v>
      </c>
      <c r="U33201">
        <v>7</v>
      </c>
      <c r="V33201">
        <v>7</v>
      </c>
      <c r="W33201">
        <v>7</v>
      </c>
      <c r="X33201">
        <v>8</v>
      </c>
      <c r="Y33201">
        <v>8</v>
      </c>
      <c r="Z33201">
        <v>8</v>
      </c>
      <c r="AA33201">
        <v>8</v>
      </c>
      <c r="AB33201">
        <v>8</v>
      </c>
      <c r="AC33201">
        <v>8</v>
      </c>
      <c r="AD33201">
        <v>8</v>
      </c>
      <c r="AE33201">
        <v>8</v>
      </c>
      <c r="AF33201">
        <v>9</v>
      </c>
      <c r="AG33201">
        <v>9</v>
      </c>
      <c r="AH33201">
        <v>9</v>
      </c>
      <c r="AI33201">
        <v>9</v>
      </c>
      <c r="AJ33201">
        <v>9</v>
      </c>
      <c r="AK33201">
        <v>9</v>
      </c>
      <c r="AL33201">
        <v>9</v>
      </c>
      <c r="AM33201">
        <v>10</v>
      </c>
      <c r="AN33201">
        <v>10</v>
      </c>
      <c r="AO33201">
        <v>10</v>
      </c>
      <c r="AP33201">
        <v>10</v>
      </c>
      <c r="AQ33201">
        <v>10</v>
      </c>
    </row>
    <row r="33202" spans="1:43">
      <c r="A33202" t="s">
        <v>20569</v>
      </c>
      <c r="B33202" t="s">
        <v>20570</v>
      </c>
      <c r="C33202" t="s">
        <v>20565</v>
      </c>
      <c r="D33202" t="s">
        <v>20566</v>
      </c>
      <c r="E33202" t="s">
        <v>20437</v>
      </c>
      <c r="F33202" t="s">
        <v>20438</v>
      </c>
      <c r="G33202" t="s">
        <v>20255</v>
      </c>
      <c r="H33202" t="s">
        <v>20256</v>
      </c>
      <c r="I33202" s="2">
        <v>1</v>
      </c>
      <c r="J33202" s="2">
        <v>0</v>
      </c>
      <c r="K33202" s="2">
        <v>0</v>
      </c>
      <c r="L33202" t="s">
        <v>120</v>
      </c>
      <c r="M33202" t="s">
        <v>83</v>
      </c>
      <c r="N33202" t="s">
        <v>84</v>
      </c>
      <c r="O33202" t="s">
        <v>85</v>
      </c>
      <c r="P33202" t="s">
        <v>86</v>
      </c>
      <c r="Q33202">
        <v>9</v>
      </c>
      <c r="R33202">
        <v>10</v>
      </c>
      <c r="S33202">
        <v>10</v>
      </c>
      <c r="T33202">
        <v>10</v>
      </c>
      <c r="U33202">
        <v>10</v>
      </c>
      <c r="V33202">
        <v>10</v>
      </c>
      <c r="W33202">
        <v>11</v>
      </c>
      <c r="X33202">
        <v>11</v>
      </c>
      <c r="Y33202">
        <v>11</v>
      </c>
      <c r="Z33202">
        <v>11</v>
      </c>
      <c r="AA33202">
        <v>11</v>
      </c>
      <c r="AB33202">
        <v>11</v>
      </c>
      <c r="AC33202">
        <v>12</v>
      </c>
      <c r="AD33202">
        <v>12</v>
      </c>
      <c r="AE33202">
        <v>12</v>
      </c>
      <c r="AF33202">
        <v>12</v>
      </c>
      <c r="AG33202">
        <v>12</v>
      </c>
      <c r="AH33202">
        <v>13</v>
      </c>
      <c r="AI33202">
        <v>13</v>
      </c>
      <c r="AJ33202">
        <v>13</v>
      </c>
      <c r="AK33202">
        <v>13</v>
      </c>
      <c r="AL33202">
        <v>13</v>
      </c>
      <c r="AM33202">
        <v>14</v>
      </c>
      <c r="AN33202">
        <v>14</v>
      </c>
      <c r="AO33202">
        <v>14</v>
      </c>
      <c r="AP33202">
        <v>14</v>
      </c>
      <c r="AQ33202">
        <v>14</v>
      </c>
    </row>
    <row r="33203" spans="1:43">
      <c r="A33203" t="s">
        <v>20569</v>
      </c>
      <c r="B33203" t="s">
        <v>20570</v>
      </c>
      <c r="C33203" t="s">
        <v>20565</v>
      </c>
      <c r="D33203" t="s">
        <v>20566</v>
      </c>
      <c r="E33203" t="s">
        <v>20437</v>
      </c>
      <c r="F33203" t="s">
        <v>20438</v>
      </c>
      <c r="G33203" t="s">
        <v>20255</v>
      </c>
      <c r="H33203" t="s">
        <v>20256</v>
      </c>
      <c r="I33203" s="2">
        <v>1</v>
      </c>
      <c r="J33203" s="2">
        <v>0</v>
      </c>
      <c r="K33203" s="2">
        <v>0</v>
      </c>
      <c r="L33203" t="s">
        <v>120</v>
      </c>
      <c r="M33203" t="s">
        <v>87</v>
      </c>
      <c r="N33203" t="s">
        <v>88</v>
      </c>
      <c r="O33203" t="s">
        <v>85</v>
      </c>
      <c r="P33203" t="s">
        <v>86</v>
      </c>
      <c r="Q33203">
        <v>9</v>
      </c>
      <c r="R33203">
        <v>9</v>
      </c>
      <c r="S33203">
        <v>10</v>
      </c>
      <c r="T33203">
        <v>10</v>
      </c>
      <c r="U33203">
        <v>10</v>
      </c>
      <c r="V33203">
        <v>10</v>
      </c>
      <c r="W33203">
        <v>10</v>
      </c>
      <c r="X33203">
        <v>10</v>
      </c>
      <c r="Y33203">
        <v>10</v>
      </c>
      <c r="Z33203">
        <v>10</v>
      </c>
      <c r="AA33203">
        <v>10</v>
      </c>
      <c r="AB33203">
        <v>10</v>
      </c>
      <c r="AC33203">
        <v>11</v>
      </c>
      <c r="AD33203">
        <v>11</v>
      </c>
      <c r="AE33203">
        <v>11</v>
      </c>
      <c r="AF33203">
        <v>11</v>
      </c>
      <c r="AG33203">
        <v>11</v>
      </c>
      <c r="AH33203">
        <v>11</v>
      </c>
      <c r="AI33203">
        <v>11</v>
      </c>
      <c r="AJ33203">
        <v>11</v>
      </c>
      <c r="AK33203">
        <v>11</v>
      </c>
      <c r="AL33203">
        <v>12</v>
      </c>
      <c r="AM33203">
        <v>12</v>
      </c>
      <c r="AN33203">
        <v>12</v>
      </c>
      <c r="AO33203">
        <v>12</v>
      </c>
      <c r="AP33203">
        <v>12</v>
      </c>
      <c r="AQ33203">
        <v>12</v>
      </c>
    </row>
    <row r="33204" spans="1:43">
      <c r="A33204" t="s">
        <v>20569</v>
      </c>
      <c r="B33204" t="s">
        <v>20570</v>
      </c>
      <c r="C33204" t="s">
        <v>20565</v>
      </c>
      <c r="D33204" t="s">
        <v>20566</v>
      </c>
      <c r="E33204" t="s">
        <v>20437</v>
      </c>
      <c r="F33204" t="s">
        <v>20438</v>
      </c>
      <c r="G33204" t="s">
        <v>20255</v>
      </c>
      <c r="H33204" t="s">
        <v>20256</v>
      </c>
      <c r="I33204" s="2">
        <v>1</v>
      </c>
      <c r="J33204" s="2">
        <v>0</v>
      </c>
      <c r="K33204" s="2">
        <v>0</v>
      </c>
      <c r="L33204" t="s">
        <v>120</v>
      </c>
      <c r="M33204" t="s">
        <v>89</v>
      </c>
      <c r="N33204" t="s">
        <v>90</v>
      </c>
      <c r="O33204" t="s">
        <v>85</v>
      </c>
      <c r="P33204" t="s">
        <v>86</v>
      </c>
      <c r="Q33204">
        <v>9</v>
      </c>
      <c r="R33204">
        <v>10</v>
      </c>
      <c r="S33204">
        <v>10</v>
      </c>
      <c r="T33204">
        <v>10</v>
      </c>
      <c r="U33204">
        <v>11</v>
      </c>
      <c r="V33204">
        <v>11</v>
      </c>
      <c r="W33204">
        <v>11</v>
      </c>
      <c r="X33204">
        <v>11</v>
      </c>
      <c r="Y33204">
        <v>12</v>
      </c>
      <c r="Z33204">
        <v>12</v>
      </c>
      <c r="AA33204">
        <v>12</v>
      </c>
      <c r="AB33204">
        <v>12</v>
      </c>
      <c r="AC33204">
        <v>12</v>
      </c>
      <c r="AD33204">
        <v>13</v>
      </c>
      <c r="AE33204">
        <v>13</v>
      </c>
      <c r="AF33204">
        <v>13</v>
      </c>
      <c r="AG33204">
        <v>13</v>
      </c>
      <c r="AH33204">
        <v>13</v>
      </c>
      <c r="AI33204">
        <v>13</v>
      </c>
      <c r="AJ33204">
        <v>13</v>
      </c>
      <c r="AK33204">
        <v>13</v>
      </c>
      <c r="AL33204">
        <v>14</v>
      </c>
      <c r="AM33204">
        <v>14</v>
      </c>
      <c r="AN33204">
        <v>14</v>
      </c>
      <c r="AO33204">
        <v>14</v>
      </c>
      <c r="AP33204">
        <v>14</v>
      </c>
      <c r="AQ33204">
        <v>14</v>
      </c>
    </row>
    <row r="33205" spans="1:43">
      <c r="A33205" t="s">
        <v>20569</v>
      </c>
      <c r="B33205" t="s">
        <v>20570</v>
      </c>
      <c r="C33205" t="s">
        <v>20565</v>
      </c>
      <c r="D33205" t="s">
        <v>20566</v>
      </c>
      <c r="E33205" t="s">
        <v>20437</v>
      </c>
      <c r="F33205" t="s">
        <v>20438</v>
      </c>
      <c r="G33205" t="s">
        <v>20255</v>
      </c>
      <c r="H33205" t="s">
        <v>20256</v>
      </c>
      <c r="I33205" s="2">
        <v>1</v>
      </c>
      <c r="J33205" s="2">
        <v>0</v>
      </c>
      <c r="K33205" s="2">
        <v>0</v>
      </c>
      <c r="L33205" t="s">
        <v>120</v>
      </c>
      <c r="M33205" t="s">
        <v>83</v>
      </c>
      <c r="N33205" t="s">
        <v>91</v>
      </c>
      <c r="O33205" t="s">
        <v>85</v>
      </c>
      <c r="P33205" t="s">
        <v>86</v>
      </c>
      <c r="Q33205">
        <v>9</v>
      </c>
      <c r="R33205">
        <v>10</v>
      </c>
      <c r="S33205">
        <v>10</v>
      </c>
      <c r="T33205">
        <v>10</v>
      </c>
      <c r="U33205">
        <v>10</v>
      </c>
      <c r="V33205">
        <v>10</v>
      </c>
      <c r="W33205">
        <v>11</v>
      </c>
      <c r="X33205">
        <v>11</v>
      </c>
      <c r="Y33205">
        <v>11</v>
      </c>
      <c r="Z33205">
        <v>11</v>
      </c>
      <c r="AA33205">
        <v>11</v>
      </c>
      <c r="AB33205">
        <v>11</v>
      </c>
      <c r="AC33205">
        <v>12</v>
      </c>
      <c r="AD33205">
        <v>12</v>
      </c>
      <c r="AE33205">
        <v>12</v>
      </c>
      <c r="AF33205">
        <v>12</v>
      </c>
      <c r="AG33205">
        <v>12</v>
      </c>
      <c r="AH33205">
        <v>13</v>
      </c>
      <c r="AI33205">
        <v>13</v>
      </c>
      <c r="AJ33205">
        <v>13</v>
      </c>
      <c r="AK33205">
        <v>13</v>
      </c>
      <c r="AL33205">
        <v>13</v>
      </c>
      <c r="AM33205">
        <v>14</v>
      </c>
      <c r="AN33205">
        <v>14</v>
      </c>
      <c r="AO33205">
        <v>14</v>
      </c>
      <c r="AP33205">
        <v>14</v>
      </c>
      <c r="AQ33205">
        <v>14</v>
      </c>
    </row>
    <row r="33206" spans="1:43">
      <c r="A33206" t="s">
        <v>20571</v>
      </c>
      <c r="B33206" t="s">
        <v>20572</v>
      </c>
      <c r="C33206" t="s">
        <v>20565</v>
      </c>
      <c r="D33206" t="s">
        <v>20566</v>
      </c>
      <c r="E33206" t="s">
        <v>20437</v>
      </c>
      <c r="F33206" t="s">
        <v>20438</v>
      </c>
      <c r="G33206" t="s">
        <v>20255</v>
      </c>
      <c r="H33206" t="s">
        <v>20256</v>
      </c>
      <c r="I33206" s="2">
        <v>1</v>
      </c>
      <c r="J33206" s="2">
        <v>0</v>
      </c>
      <c r="K33206" s="2">
        <v>0</v>
      </c>
      <c r="L33206" t="s">
        <v>120</v>
      </c>
      <c r="M33206" t="s">
        <v>83</v>
      </c>
      <c r="N33206" t="s">
        <v>84</v>
      </c>
      <c r="O33206" t="s">
        <v>85</v>
      </c>
      <c r="P33206" t="s">
        <v>86</v>
      </c>
      <c r="Q33206">
        <v>8</v>
      </c>
      <c r="R33206">
        <v>8</v>
      </c>
      <c r="S33206">
        <v>9</v>
      </c>
      <c r="T33206">
        <v>9</v>
      </c>
      <c r="U33206">
        <v>9</v>
      </c>
      <c r="V33206">
        <v>9</v>
      </c>
      <c r="W33206">
        <v>9</v>
      </c>
      <c r="X33206">
        <v>9</v>
      </c>
      <c r="Y33206">
        <v>10</v>
      </c>
      <c r="Z33206">
        <v>10</v>
      </c>
      <c r="AA33206">
        <v>10</v>
      </c>
      <c r="AB33206">
        <v>10</v>
      </c>
      <c r="AC33206">
        <v>10</v>
      </c>
      <c r="AD33206">
        <v>10</v>
      </c>
      <c r="AE33206">
        <v>11</v>
      </c>
      <c r="AF33206">
        <v>11</v>
      </c>
      <c r="AG33206">
        <v>11</v>
      </c>
      <c r="AH33206">
        <v>11</v>
      </c>
      <c r="AI33206">
        <v>11</v>
      </c>
      <c r="AJ33206">
        <v>11</v>
      </c>
      <c r="AK33206">
        <v>12</v>
      </c>
      <c r="AL33206">
        <v>12</v>
      </c>
      <c r="AM33206">
        <v>12</v>
      </c>
      <c r="AN33206">
        <v>12</v>
      </c>
      <c r="AO33206">
        <v>12</v>
      </c>
      <c r="AP33206">
        <v>12</v>
      </c>
      <c r="AQ33206">
        <v>12</v>
      </c>
    </row>
    <row r="33207" spans="1:43">
      <c r="A33207" t="s">
        <v>20571</v>
      </c>
      <c r="B33207" t="s">
        <v>20572</v>
      </c>
      <c r="C33207" t="s">
        <v>20565</v>
      </c>
      <c r="D33207" t="s">
        <v>20566</v>
      </c>
      <c r="E33207" t="s">
        <v>20437</v>
      </c>
      <c r="F33207" t="s">
        <v>20438</v>
      </c>
      <c r="G33207" t="s">
        <v>20255</v>
      </c>
      <c r="H33207" t="s">
        <v>20256</v>
      </c>
      <c r="I33207" s="2">
        <v>1</v>
      </c>
      <c r="J33207" s="2">
        <v>0</v>
      </c>
      <c r="K33207" s="2">
        <v>0</v>
      </c>
      <c r="L33207" t="s">
        <v>120</v>
      </c>
      <c r="M33207" t="s">
        <v>87</v>
      </c>
      <c r="N33207" t="s">
        <v>88</v>
      </c>
      <c r="O33207" t="s">
        <v>85</v>
      </c>
      <c r="P33207" t="s">
        <v>86</v>
      </c>
      <c r="Q33207">
        <v>8</v>
      </c>
      <c r="R33207">
        <v>8</v>
      </c>
      <c r="S33207">
        <v>8</v>
      </c>
      <c r="T33207">
        <v>8</v>
      </c>
      <c r="U33207">
        <v>9</v>
      </c>
      <c r="V33207">
        <v>9</v>
      </c>
      <c r="W33207">
        <v>9</v>
      </c>
      <c r="X33207">
        <v>9</v>
      </c>
      <c r="Y33207">
        <v>9</v>
      </c>
      <c r="Z33207">
        <v>9</v>
      </c>
      <c r="AA33207">
        <v>9</v>
      </c>
      <c r="AB33207">
        <v>9</v>
      </c>
      <c r="AC33207">
        <v>9</v>
      </c>
      <c r="AD33207">
        <v>9</v>
      </c>
      <c r="AE33207">
        <v>9</v>
      </c>
      <c r="AF33207">
        <v>10</v>
      </c>
      <c r="AG33207">
        <v>10</v>
      </c>
      <c r="AH33207">
        <v>10</v>
      </c>
      <c r="AI33207">
        <v>10</v>
      </c>
      <c r="AJ33207">
        <v>10</v>
      </c>
      <c r="AK33207">
        <v>10</v>
      </c>
      <c r="AL33207">
        <v>10</v>
      </c>
      <c r="AM33207">
        <v>10</v>
      </c>
      <c r="AN33207">
        <v>10</v>
      </c>
      <c r="AO33207">
        <v>11</v>
      </c>
      <c r="AP33207">
        <v>11</v>
      </c>
      <c r="AQ33207">
        <v>11</v>
      </c>
    </row>
    <row r="33208" spans="1:43">
      <c r="A33208" t="s">
        <v>20571</v>
      </c>
      <c r="B33208" t="s">
        <v>20572</v>
      </c>
      <c r="C33208" t="s">
        <v>20565</v>
      </c>
      <c r="D33208" t="s">
        <v>20566</v>
      </c>
      <c r="E33208" t="s">
        <v>20437</v>
      </c>
      <c r="F33208" t="s">
        <v>20438</v>
      </c>
      <c r="G33208" t="s">
        <v>20255</v>
      </c>
      <c r="H33208" t="s">
        <v>20256</v>
      </c>
      <c r="I33208" s="2">
        <v>1</v>
      </c>
      <c r="J33208" s="2">
        <v>0</v>
      </c>
      <c r="K33208" s="2">
        <v>0</v>
      </c>
      <c r="L33208" t="s">
        <v>120</v>
      </c>
      <c r="M33208" t="s">
        <v>89</v>
      </c>
      <c r="N33208" t="s">
        <v>90</v>
      </c>
      <c r="O33208" t="s">
        <v>85</v>
      </c>
      <c r="P33208" t="s">
        <v>86</v>
      </c>
      <c r="Q33208">
        <v>8</v>
      </c>
      <c r="R33208">
        <v>9</v>
      </c>
      <c r="S33208">
        <v>9</v>
      </c>
      <c r="T33208">
        <v>9</v>
      </c>
      <c r="U33208">
        <v>9</v>
      </c>
      <c r="V33208">
        <v>9</v>
      </c>
      <c r="W33208">
        <v>10</v>
      </c>
      <c r="X33208">
        <v>10</v>
      </c>
      <c r="Y33208">
        <v>10</v>
      </c>
      <c r="Z33208">
        <v>10</v>
      </c>
      <c r="AA33208">
        <v>11</v>
      </c>
      <c r="AB33208">
        <v>11</v>
      </c>
      <c r="AC33208">
        <v>11</v>
      </c>
      <c r="AD33208">
        <v>11</v>
      </c>
      <c r="AE33208">
        <v>11</v>
      </c>
      <c r="AF33208">
        <v>11</v>
      </c>
      <c r="AG33208">
        <v>11</v>
      </c>
      <c r="AH33208">
        <v>12</v>
      </c>
      <c r="AI33208">
        <v>12</v>
      </c>
      <c r="AJ33208">
        <v>12</v>
      </c>
      <c r="AK33208">
        <v>12</v>
      </c>
      <c r="AL33208">
        <v>12</v>
      </c>
      <c r="AM33208">
        <v>12</v>
      </c>
      <c r="AN33208">
        <v>12</v>
      </c>
      <c r="AO33208">
        <v>12</v>
      </c>
      <c r="AP33208">
        <v>12</v>
      </c>
      <c r="AQ33208">
        <v>12</v>
      </c>
    </row>
    <row r="33209" spans="1:43">
      <c r="A33209" t="s">
        <v>20571</v>
      </c>
      <c r="B33209" t="s">
        <v>20572</v>
      </c>
      <c r="C33209" t="s">
        <v>20565</v>
      </c>
      <c r="D33209" t="s">
        <v>20566</v>
      </c>
      <c r="E33209" t="s">
        <v>20437</v>
      </c>
      <c r="F33209" t="s">
        <v>20438</v>
      </c>
      <c r="G33209" t="s">
        <v>20255</v>
      </c>
      <c r="H33209" t="s">
        <v>20256</v>
      </c>
      <c r="I33209" s="2">
        <v>1</v>
      </c>
      <c r="J33209" s="2">
        <v>0</v>
      </c>
      <c r="K33209" s="2">
        <v>0</v>
      </c>
      <c r="L33209" t="s">
        <v>120</v>
      </c>
      <c r="M33209" t="s">
        <v>83</v>
      </c>
      <c r="N33209" t="s">
        <v>91</v>
      </c>
      <c r="O33209" t="s">
        <v>85</v>
      </c>
      <c r="P33209" t="s">
        <v>86</v>
      </c>
      <c r="Q33209">
        <v>8</v>
      </c>
      <c r="R33209">
        <v>8</v>
      </c>
      <c r="S33209">
        <v>9</v>
      </c>
      <c r="T33209">
        <v>9</v>
      </c>
      <c r="U33209">
        <v>9</v>
      </c>
      <c r="V33209">
        <v>9</v>
      </c>
      <c r="W33209">
        <v>9</v>
      </c>
      <c r="X33209">
        <v>9</v>
      </c>
      <c r="Y33209">
        <v>10</v>
      </c>
      <c r="Z33209">
        <v>10</v>
      </c>
      <c r="AA33209">
        <v>10</v>
      </c>
      <c r="AB33209">
        <v>10</v>
      </c>
      <c r="AC33209">
        <v>10</v>
      </c>
      <c r="AD33209">
        <v>10</v>
      </c>
      <c r="AE33209">
        <v>11</v>
      </c>
      <c r="AF33209">
        <v>11</v>
      </c>
      <c r="AG33209">
        <v>11</v>
      </c>
      <c r="AH33209">
        <v>11</v>
      </c>
      <c r="AI33209">
        <v>11</v>
      </c>
      <c r="AJ33209">
        <v>11</v>
      </c>
      <c r="AK33209">
        <v>12</v>
      </c>
      <c r="AL33209">
        <v>12</v>
      </c>
      <c r="AM33209">
        <v>12</v>
      </c>
      <c r="AN33209">
        <v>12</v>
      </c>
      <c r="AO33209">
        <v>12</v>
      </c>
      <c r="AP33209">
        <v>12</v>
      </c>
      <c r="AQ33209">
        <v>12</v>
      </c>
    </row>
    <row r="33210" spans="1:43">
      <c r="A33210" t="s">
        <v>20573</v>
      </c>
      <c r="B33210" t="s">
        <v>20574</v>
      </c>
      <c r="C33210" t="s">
        <v>20575</v>
      </c>
      <c r="D33210" t="s">
        <v>20576</v>
      </c>
      <c r="E33210" t="s">
        <v>20437</v>
      </c>
      <c r="F33210" t="s">
        <v>20438</v>
      </c>
      <c r="G33210" t="s">
        <v>20255</v>
      </c>
      <c r="H33210" t="s">
        <v>20256</v>
      </c>
      <c r="I33210" s="2">
        <v>1</v>
      </c>
      <c r="J33210" s="2">
        <v>0</v>
      </c>
      <c r="K33210" s="2">
        <v>0</v>
      </c>
      <c r="L33210" t="s">
        <v>120</v>
      </c>
      <c r="M33210" t="s">
        <v>83</v>
      </c>
      <c r="N33210" t="s">
        <v>84</v>
      </c>
      <c r="O33210" t="s">
        <v>85</v>
      </c>
      <c r="P33210" t="s">
        <v>86</v>
      </c>
      <c r="Q33210">
        <v>9</v>
      </c>
      <c r="R33210">
        <v>9</v>
      </c>
      <c r="S33210">
        <v>9</v>
      </c>
      <c r="T33210">
        <v>9</v>
      </c>
      <c r="U33210">
        <v>10</v>
      </c>
      <c r="V33210">
        <v>10</v>
      </c>
      <c r="W33210">
        <v>10</v>
      </c>
      <c r="X33210">
        <v>10</v>
      </c>
      <c r="Y33210">
        <v>10</v>
      </c>
      <c r="Z33210">
        <v>11</v>
      </c>
      <c r="AA33210">
        <v>11</v>
      </c>
      <c r="AB33210">
        <v>11</v>
      </c>
      <c r="AC33210">
        <v>11</v>
      </c>
      <c r="AD33210">
        <v>11</v>
      </c>
      <c r="AE33210">
        <v>11</v>
      </c>
      <c r="AF33210">
        <v>12</v>
      </c>
      <c r="AG33210">
        <v>12</v>
      </c>
      <c r="AH33210">
        <v>12</v>
      </c>
      <c r="AI33210">
        <v>12</v>
      </c>
      <c r="AJ33210">
        <v>12</v>
      </c>
      <c r="AK33210">
        <v>13</v>
      </c>
      <c r="AL33210">
        <v>13</v>
      </c>
      <c r="AM33210">
        <v>13</v>
      </c>
      <c r="AN33210">
        <v>13</v>
      </c>
      <c r="AO33210">
        <v>13</v>
      </c>
      <c r="AP33210">
        <v>13</v>
      </c>
      <c r="AQ33210">
        <v>13</v>
      </c>
    </row>
    <row r="33211" spans="1:43">
      <c r="A33211" t="s">
        <v>20573</v>
      </c>
      <c r="B33211" t="s">
        <v>20574</v>
      </c>
      <c r="C33211" t="s">
        <v>20575</v>
      </c>
      <c r="D33211" t="s">
        <v>20576</v>
      </c>
      <c r="E33211" t="s">
        <v>20437</v>
      </c>
      <c r="F33211" t="s">
        <v>20438</v>
      </c>
      <c r="G33211" t="s">
        <v>20255</v>
      </c>
      <c r="H33211" t="s">
        <v>20256</v>
      </c>
      <c r="I33211" s="2">
        <v>1</v>
      </c>
      <c r="J33211" s="2">
        <v>0</v>
      </c>
      <c r="K33211" s="2">
        <v>0</v>
      </c>
      <c r="L33211" t="s">
        <v>120</v>
      </c>
      <c r="M33211" t="s">
        <v>87</v>
      </c>
      <c r="N33211" t="s">
        <v>88</v>
      </c>
      <c r="O33211" t="s">
        <v>85</v>
      </c>
      <c r="P33211" t="s">
        <v>86</v>
      </c>
      <c r="Q33211">
        <v>9</v>
      </c>
      <c r="R33211">
        <v>9</v>
      </c>
      <c r="S33211">
        <v>9</v>
      </c>
      <c r="T33211">
        <v>9</v>
      </c>
      <c r="U33211">
        <v>9</v>
      </c>
      <c r="V33211">
        <v>9</v>
      </c>
      <c r="W33211">
        <v>9</v>
      </c>
      <c r="X33211">
        <v>9</v>
      </c>
      <c r="Y33211">
        <v>10</v>
      </c>
      <c r="Z33211">
        <v>10</v>
      </c>
      <c r="AA33211">
        <v>10</v>
      </c>
      <c r="AB33211">
        <v>10</v>
      </c>
      <c r="AC33211">
        <v>10</v>
      </c>
      <c r="AD33211">
        <v>10</v>
      </c>
      <c r="AE33211">
        <v>10</v>
      </c>
      <c r="AF33211">
        <v>10</v>
      </c>
      <c r="AG33211">
        <v>10</v>
      </c>
      <c r="AH33211">
        <v>11</v>
      </c>
      <c r="AI33211">
        <v>11</v>
      </c>
      <c r="AJ33211">
        <v>11</v>
      </c>
      <c r="AK33211">
        <v>11</v>
      </c>
      <c r="AL33211">
        <v>11</v>
      </c>
      <c r="AM33211">
        <v>11</v>
      </c>
      <c r="AN33211">
        <v>11</v>
      </c>
      <c r="AO33211">
        <v>11</v>
      </c>
      <c r="AP33211">
        <v>11</v>
      </c>
      <c r="AQ33211">
        <v>12</v>
      </c>
    </row>
    <row r="33212" spans="1:43">
      <c r="A33212" t="s">
        <v>20573</v>
      </c>
      <c r="B33212" t="s">
        <v>20574</v>
      </c>
      <c r="C33212" t="s">
        <v>20575</v>
      </c>
      <c r="D33212" t="s">
        <v>20576</v>
      </c>
      <c r="E33212" t="s">
        <v>20437</v>
      </c>
      <c r="F33212" t="s">
        <v>20438</v>
      </c>
      <c r="G33212" t="s">
        <v>20255</v>
      </c>
      <c r="H33212" t="s">
        <v>20256</v>
      </c>
      <c r="I33212" s="2">
        <v>1</v>
      </c>
      <c r="J33212" s="2">
        <v>0</v>
      </c>
      <c r="K33212" s="2">
        <v>0</v>
      </c>
      <c r="L33212" t="s">
        <v>120</v>
      </c>
      <c r="M33212" t="s">
        <v>89</v>
      </c>
      <c r="N33212" t="s">
        <v>90</v>
      </c>
      <c r="O33212" t="s">
        <v>85</v>
      </c>
      <c r="P33212" t="s">
        <v>86</v>
      </c>
      <c r="Q33212">
        <v>9</v>
      </c>
      <c r="R33212">
        <v>9</v>
      </c>
      <c r="S33212">
        <v>10</v>
      </c>
      <c r="T33212">
        <v>10</v>
      </c>
      <c r="U33212">
        <v>10</v>
      </c>
      <c r="V33212">
        <v>10</v>
      </c>
      <c r="W33212">
        <v>10</v>
      </c>
      <c r="X33212">
        <v>11</v>
      </c>
      <c r="Y33212">
        <v>11</v>
      </c>
      <c r="Z33212">
        <v>11</v>
      </c>
      <c r="AA33212">
        <v>11</v>
      </c>
      <c r="AB33212">
        <v>12</v>
      </c>
      <c r="AC33212">
        <v>12</v>
      </c>
      <c r="AD33212">
        <v>12</v>
      </c>
      <c r="AE33212">
        <v>12</v>
      </c>
      <c r="AF33212">
        <v>12</v>
      </c>
      <c r="AG33212">
        <v>12</v>
      </c>
      <c r="AH33212">
        <v>12</v>
      </c>
      <c r="AI33212">
        <v>13</v>
      </c>
      <c r="AJ33212">
        <v>13</v>
      </c>
      <c r="AK33212">
        <v>13</v>
      </c>
      <c r="AL33212">
        <v>13</v>
      </c>
      <c r="AM33212">
        <v>13</v>
      </c>
      <c r="AN33212">
        <v>13</v>
      </c>
      <c r="AO33212">
        <v>13</v>
      </c>
      <c r="AP33212">
        <v>13</v>
      </c>
      <c r="AQ33212">
        <v>13</v>
      </c>
    </row>
    <row r="33213" spans="1:43">
      <c r="A33213" t="s">
        <v>20573</v>
      </c>
      <c r="B33213" t="s">
        <v>20574</v>
      </c>
      <c r="C33213" t="s">
        <v>20575</v>
      </c>
      <c r="D33213" t="s">
        <v>20576</v>
      </c>
      <c r="E33213" t="s">
        <v>20437</v>
      </c>
      <c r="F33213" t="s">
        <v>20438</v>
      </c>
      <c r="G33213" t="s">
        <v>20255</v>
      </c>
      <c r="H33213" t="s">
        <v>20256</v>
      </c>
      <c r="I33213" s="2">
        <v>1</v>
      </c>
      <c r="J33213" s="2">
        <v>0</v>
      </c>
      <c r="K33213" s="2">
        <v>0</v>
      </c>
      <c r="L33213" t="s">
        <v>120</v>
      </c>
      <c r="M33213" t="s">
        <v>83</v>
      </c>
      <c r="N33213" t="s">
        <v>91</v>
      </c>
      <c r="O33213" t="s">
        <v>85</v>
      </c>
      <c r="P33213" t="s">
        <v>86</v>
      </c>
      <c r="Q33213">
        <v>9</v>
      </c>
      <c r="R33213">
        <v>9</v>
      </c>
      <c r="S33213">
        <v>9</v>
      </c>
      <c r="T33213">
        <v>9</v>
      </c>
      <c r="U33213">
        <v>10</v>
      </c>
      <c r="V33213">
        <v>10</v>
      </c>
      <c r="W33213">
        <v>10</v>
      </c>
      <c r="X33213">
        <v>10</v>
      </c>
      <c r="Y33213">
        <v>10</v>
      </c>
      <c r="Z33213">
        <v>11</v>
      </c>
      <c r="AA33213">
        <v>11</v>
      </c>
      <c r="AB33213">
        <v>11</v>
      </c>
      <c r="AC33213">
        <v>11</v>
      </c>
      <c r="AD33213">
        <v>11</v>
      </c>
      <c r="AE33213">
        <v>11</v>
      </c>
      <c r="AF33213">
        <v>12</v>
      </c>
      <c r="AG33213">
        <v>12</v>
      </c>
      <c r="AH33213">
        <v>12</v>
      </c>
      <c r="AI33213">
        <v>12</v>
      </c>
      <c r="AJ33213">
        <v>12</v>
      </c>
      <c r="AK33213">
        <v>13</v>
      </c>
      <c r="AL33213">
        <v>13</v>
      </c>
      <c r="AM33213">
        <v>13</v>
      </c>
      <c r="AN33213">
        <v>13</v>
      </c>
      <c r="AO33213">
        <v>13</v>
      </c>
      <c r="AP33213">
        <v>13</v>
      </c>
      <c r="AQ33213">
        <v>13</v>
      </c>
    </row>
    <row r="33214" spans="1:43">
      <c r="A33214" t="s">
        <v>20577</v>
      </c>
      <c r="B33214" t="s">
        <v>20578</v>
      </c>
      <c r="C33214" t="s">
        <v>20575</v>
      </c>
      <c r="D33214" t="s">
        <v>20576</v>
      </c>
      <c r="E33214" t="s">
        <v>20437</v>
      </c>
      <c r="F33214" t="s">
        <v>20438</v>
      </c>
      <c r="G33214" t="s">
        <v>20255</v>
      </c>
      <c r="H33214" t="s">
        <v>20256</v>
      </c>
      <c r="I33214" s="2">
        <v>1</v>
      </c>
      <c r="J33214" s="2">
        <v>0</v>
      </c>
      <c r="K33214" s="2">
        <v>0</v>
      </c>
      <c r="L33214" t="s">
        <v>120</v>
      </c>
      <c r="M33214" t="s">
        <v>83</v>
      </c>
      <c r="N33214" t="s">
        <v>84</v>
      </c>
      <c r="O33214" t="s">
        <v>85</v>
      </c>
      <c r="P33214" t="s">
        <v>86</v>
      </c>
      <c r="Q33214">
        <v>10</v>
      </c>
      <c r="R33214">
        <v>10</v>
      </c>
      <c r="S33214">
        <v>11</v>
      </c>
      <c r="T33214">
        <v>11</v>
      </c>
      <c r="U33214">
        <v>11</v>
      </c>
      <c r="V33214">
        <v>11</v>
      </c>
      <c r="W33214">
        <v>11</v>
      </c>
      <c r="X33214">
        <v>12</v>
      </c>
      <c r="Y33214">
        <v>12</v>
      </c>
      <c r="Z33214">
        <v>12</v>
      </c>
      <c r="AA33214">
        <v>12</v>
      </c>
      <c r="AB33214">
        <v>12</v>
      </c>
      <c r="AC33214">
        <v>13</v>
      </c>
      <c r="AD33214">
        <v>13</v>
      </c>
      <c r="AE33214">
        <v>13</v>
      </c>
      <c r="AF33214">
        <v>13</v>
      </c>
      <c r="AG33214">
        <v>13</v>
      </c>
      <c r="AH33214">
        <v>14</v>
      </c>
      <c r="AI33214">
        <v>14</v>
      </c>
      <c r="AJ33214">
        <v>14</v>
      </c>
      <c r="AK33214">
        <v>14</v>
      </c>
      <c r="AL33214">
        <v>14</v>
      </c>
      <c r="AM33214">
        <v>15</v>
      </c>
      <c r="AN33214">
        <v>15</v>
      </c>
      <c r="AO33214">
        <v>15</v>
      </c>
      <c r="AP33214">
        <v>15</v>
      </c>
      <c r="AQ33214">
        <v>15</v>
      </c>
    </row>
    <row r="33215" spans="1:43">
      <c r="A33215" t="s">
        <v>20577</v>
      </c>
      <c r="B33215" t="s">
        <v>20578</v>
      </c>
      <c r="C33215" t="s">
        <v>20575</v>
      </c>
      <c r="D33215" t="s">
        <v>20576</v>
      </c>
      <c r="E33215" t="s">
        <v>20437</v>
      </c>
      <c r="F33215" t="s">
        <v>20438</v>
      </c>
      <c r="G33215" t="s">
        <v>20255</v>
      </c>
      <c r="H33215" t="s">
        <v>20256</v>
      </c>
      <c r="I33215" s="2">
        <v>1</v>
      </c>
      <c r="J33215" s="2">
        <v>0</v>
      </c>
      <c r="K33215" s="2">
        <v>0</v>
      </c>
      <c r="L33215" t="s">
        <v>120</v>
      </c>
      <c r="M33215" t="s">
        <v>87</v>
      </c>
      <c r="N33215" t="s">
        <v>88</v>
      </c>
      <c r="O33215" t="s">
        <v>85</v>
      </c>
      <c r="P33215" t="s">
        <v>86</v>
      </c>
      <c r="Q33215">
        <v>10</v>
      </c>
      <c r="R33215">
        <v>10</v>
      </c>
      <c r="S33215">
        <v>10</v>
      </c>
      <c r="T33215">
        <v>10</v>
      </c>
      <c r="U33215">
        <v>10</v>
      </c>
      <c r="V33215">
        <v>11</v>
      </c>
      <c r="W33215">
        <v>11</v>
      </c>
      <c r="X33215">
        <v>11</v>
      </c>
      <c r="Y33215">
        <v>11</v>
      </c>
      <c r="Z33215">
        <v>11</v>
      </c>
      <c r="AA33215">
        <v>11</v>
      </c>
      <c r="AB33215">
        <v>11</v>
      </c>
      <c r="AC33215">
        <v>11</v>
      </c>
      <c r="AD33215">
        <v>11</v>
      </c>
      <c r="AE33215">
        <v>12</v>
      </c>
      <c r="AF33215">
        <v>12</v>
      </c>
      <c r="AG33215">
        <v>12</v>
      </c>
      <c r="AH33215">
        <v>12</v>
      </c>
      <c r="AI33215">
        <v>12</v>
      </c>
      <c r="AJ33215">
        <v>12</v>
      </c>
      <c r="AK33215">
        <v>12</v>
      </c>
      <c r="AL33215">
        <v>12</v>
      </c>
      <c r="AM33215">
        <v>13</v>
      </c>
      <c r="AN33215">
        <v>13</v>
      </c>
      <c r="AO33215">
        <v>13</v>
      </c>
      <c r="AP33215">
        <v>13</v>
      </c>
      <c r="AQ33215">
        <v>13</v>
      </c>
    </row>
    <row r="33216" spans="1:43">
      <c r="A33216" t="s">
        <v>20577</v>
      </c>
      <c r="B33216" t="s">
        <v>20578</v>
      </c>
      <c r="C33216" t="s">
        <v>20575</v>
      </c>
      <c r="D33216" t="s">
        <v>20576</v>
      </c>
      <c r="E33216" t="s">
        <v>20437</v>
      </c>
      <c r="F33216" t="s">
        <v>20438</v>
      </c>
      <c r="G33216" t="s">
        <v>20255</v>
      </c>
      <c r="H33216" t="s">
        <v>20256</v>
      </c>
      <c r="I33216" s="2">
        <v>1</v>
      </c>
      <c r="J33216" s="2">
        <v>0</v>
      </c>
      <c r="K33216" s="2">
        <v>0</v>
      </c>
      <c r="L33216" t="s">
        <v>120</v>
      </c>
      <c r="M33216" t="s">
        <v>89</v>
      </c>
      <c r="N33216" t="s">
        <v>90</v>
      </c>
      <c r="O33216" t="s">
        <v>85</v>
      </c>
      <c r="P33216" t="s">
        <v>86</v>
      </c>
      <c r="Q33216">
        <v>10</v>
      </c>
      <c r="R33216">
        <v>10</v>
      </c>
      <c r="S33216">
        <v>11</v>
      </c>
      <c r="T33216">
        <v>11</v>
      </c>
      <c r="U33216">
        <v>11</v>
      </c>
      <c r="V33216">
        <v>12</v>
      </c>
      <c r="W33216">
        <v>12</v>
      </c>
      <c r="X33216">
        <v>12</v>
      </c>
      <c r="Y33216">
        <v>12</v>
      </c>
      <c r="Z33216">
        <v>13</v>
      </c>
      <c r="AA33216">
        <v>13</v>
      </c>
      <c r="AB33216">
        <v>13</v>
      </c>
      <c r="AC33216">
        <v>13</v>
      </c>
      <c r="AD33216">
        <v>14</v>
      </c>
      <c r="AE33216">
        <v>14</v>
      </c>
      <c r="AF33216">
        <v>14</v>
      </c>
      <c r="AG33216">
        <v>14</v>
      </c>
      <c r="AH33216">
        <v>14</v>
      </c>
      <c r="AI33216">
        <v>14</v>
      </c>
      <c r="AJ33216">
        <v>14</v>
      </c>
      <c r="AK33216">
        <v>14</v>
      </c>
      <c r="AL33216">
        <v>15</v>
      </c>
      <c r="AM33216">
        <v>15</v>
      </c>
      <c r="AN33216">
        <v>15</v>
      </c>
      <c r="AO33216">
        <v>15</v>
      </c>
      <c r="AP33216">
        <v>15</v>
      </c>
      <c r="AQ33216">
        <v>15</v>
      </c>
    </row>
    <row r="33217" spans="1:43">
      <c r="A33217" t="s">
        <v>20577</v>
      </c>
      <c r="B33217" t="s">
        <v>20578</v>
      </c>
      <c r="C33217" t="s">
        <v>20575</v>
      </c>
      <c r="D33217" t="s">
        <v>20576</v>
      </c>
      <c r="E33217" t="s">
        <v>20437</v>
      </c>
      <c r="F33217" t="s">
        <v>20438</v>
      </c>
      <c r="G33217" t="s">
        <v>20255</v>
      </c>
      <c r="H33217" t="s">
        <v>20256</v>
      </c>
      <c r="I33217" s="2">
        <v>1</v>
      </c>
      <c r="J33217" s="2">
        <v>0</v>
      </c>
      <c r="K33217" s="2">
        <v>0</v>
      </c>
      <c r="L33217" t="s">
        <v>120</v>
      </c>
      <c r="M33217" t="s">
        <v>83</v>
      </c>
      <c r="N33217" t="s">
        <v>91</v>
      </c>
      <c r="O33217" t="s">
        <v>85</v>
      </c>
      <c r="P33217" t="s">
        <v>86</v>
      </c>
      <c r="Q33217">
        <v>10</v>
      </c>
      <c r="R33217">
        <v>10</v>
      </c>
      <c r="S33217">
        <v>11</v>
      </c>
      <c r="T33217">
        <v>11</v>
      </c>
      <c r="U33217">
        <v>11</v>
      </c>
      <c r="V33217">
        <v>11</v>
      </c>
      <c r="W33217">
        <v>11</v>
      </c>
      <c r="X33217">
        <v>12</v>
      </c>
      <c r="Y33217">
        <v>12</v>
      </c>
      <c r="Z33217">
        <v>12</v>
      </c>
      <c r="AA33217">
        <v>12</v>
      </c>
      <c r="AB33217">
        <v>12</v>
      </c>
      <c r="AC33217">
        <v>13</v>
      </c>
      <c r="AD33217">
        <v>13</v>
      </c>
      <c r="AE33217">
        <v>13</v>
      </c>
      <c r="AF33217">
        <v>13</v>
      </c>
      <c r="AG33217">
        <v>13</v>
      </c>
      <c r="AH33217">
        <v>14</v>
      </c>
      <c r="AI33217">
        <v>14</v>
      </c>
      <c r="AJ33217">
        <v>14</v>
      </c>
      <c r="AK33217">
        <v>14</v>
      </c>
      <c r="AL33217">
        <v>14</v>
      </c>
      <c r="AM33217">
        <v>15</v>
      </c>
      <c r="AN33217">
        <v>15</v>
      </c>
      <c r="AO33217">
        <v>15</v>
      </c>
      <c r="AP33217">
        <v>15</v>
      </c>
      <c r="AQ33217">
        <v>15</v>
      </c>
    </row>
    <row r="33218" spans="1:43">
      <c r="A33218" t="s">
        <v>20579</v>
      </c>
      <c r="B33218" t="s">
        <v>20580</v>
      </c>
      <c r="C33218" t="s">
        <v>20575</v>
      </c>
      <c r="D33218" t="s">
        <v>20576</v>
      </c>
      <c r="E33218" t="s">
        <v>20437</v>
      </c>
      <c r="F33218" t="s">
        <v>20438</v>
      </c>
      <c r="G33218" t="s">
        <v>20255</v>
      </c>
      <c r="H33218" t="s">
        <v>20256</v>
      </c>
      <c r="I33218" s="2">
        <v>1</v>
      </c>
      <c r="J33218" s="2">
        <v>0</v>
      </c>
      <c r="K33218" s="2">
        <v>0</v>
      </c>
      <c r="L33218" t="s">
        <v>120</v>
      </c>
      <c r="M33218" t="s">
        <v>83</v>
      </c>
      <c r="N33218" t="s">
        <v>84</v>
      </c>
      <c r="O33218" t="s">
        <v>85</v>
      </c>
      <c r="P33218" t="s">
        <v>86</v>
      </c>
      <c r="Q33218">
        <v>8</v>
      </c>
      <c r="R33218">
        <v>8</v>
      </c>
      <c r="S33218">
        <v>8</v>
      </c>
      <c r="T33218">
        <v>8</v>
      </c>
      <c r="U33218">
        <v>8</v>
      </c>
      <c r="V33218">
        <v>8</v>
      </c>
      <c r="W33218">
        <v>9</v>
      </c>
      <c r="X33218">
        <v>9</v>
      </c>
      <c r="Y33218">
        <v>9</v>
      </c>
      <c r="Z33218">
        <v>9</v>
      </c>
      <c r="AA33218">
        <v>9</v>
      </c>
      <c r="AB33218">
        <v>9</v>
      </c>
      <c r="AC33218">
        <v>10</v>
      </c>
      <c r="AD33218">
        <v>10</v>
      </c>
      <c r="AE33218">
        <v>10</v>
      </c>
      <c r="AF33218">
        <v>10</v>
      </c>
      <c r="AG33218">
        <v>10</v>
      </c>
      <c r="AH33218">
        <v>10</v>
      </c>
      <c r="AI33218">
        <v>11</v>
      </c>
      <c r="AJ33218">
        <v>11</v>
      </c>
      <c r="AK33218">
        <v>11</v>
      </c>
      <c r="AL33218">
        <v>11</v>
      </c>
      <c r="AM33218">
        <v>11</v>
      </c>
      <c r="AN33218">
        <v>11</v>
      </c>
      <c r="AO33218">
        <v>11</v>
      </c>
      <c r="AP33218">
        <v>11</v>
      </c>
      <c r="AQ33218">
        <v>11</v>
      </c>
    </row>
    <row r="33219" spans="1:43">
      <c r="A33219" t="s">
        <v>20579</v>
      </c>
      <c r="B33219" t="s">
        <v>20580</v>
      </c>
      <c r="C33219" t="s">
        <v>20575</v>
      </c>
      <c r="D33219" t="s">
        <v>20576</v>
      </c>
      <c r="E33219" t="s">
        <v>20437</v>
      </c>
      <c r="F33219" t="s">
        <v>20438</v>
      </c>
      <c r="G33219" t="s">
        <v>20255</v>
      </c>
      <c r="H33219" t="s">
        <v>20256</v>
      </c>
      <c r="I33219" s="2">
        <v>1</v>
      </c>
      <c r="J33219" s="2">
        <v>0</v>
      </c>
      <c r="K33219" s="2">
        <v>0</v>
      </c>
      <c r="L33219" t="s">
        <v>120</v>
      </c>
      <c r="M33219" t="s">
        <v>87</v>
      </c>
      <c r="N33219" t="s">
        <v>88</v>
      </c>
      <c r="O33219" t="s">
        <v>85</v>
      </c>
      <c r="P33219" t="s">
        <v>86</v>
      </c>
      <c r="Q33219">
        <v>8</v>
      </c>
      <c r="R33219">
        <v>8</v>
      </c>
      <c r="S33219">
        <v>8</v>
      </c>
      <c r="T33219">
        <v>8</v>
      </c>
      <c r="U33219">
        <v>8</v>
      </c>
      <c r="V33219">
        <v>8</v>
      </c>
      <c r="W33219">
        <v>8</v>
      </c>
      <c r="X33219">
        <v>8</v>
      </c>
      <c r="Y33219">
        <v>8</v>
      </c>
      <c r="Z33219">
        <v>8</v>
      </c>
      <c r="AA33219">
        <v>8</v>
      </c>
      <c r="AB33219">
        <v>9</v>
      </c>
      <c r="AC33219">
        <v>9</v>
      </c>
      <c r="AD33219">
        <v>9</v>
      </c>
      <c r="AE33219">
        <v>9</v>
      </c>
      <c r="AF33219">
        <v>9</v>
      </c>
      <c r="AG33219">
        <v>9</v>
      </c>
      <c r="AH33219">
        <v>9</v>
      </c>
      <c r="AI33219">
        <v>9</v>
      </c>
      <c r="AJ33219">
        <v>9</v>
      </c>
      <c r="AK33219">
        <v>9</v>
      </c>
      <c r="AL33219">
        <v>10</v>
      </c>
      <c r="AM33219">
        <v>10</v>
      </c>
      <c r="AN33219">
        <v>10</v>
      </c>
      <c r="AO33219">
        <v>10</v>
      </c>
      <c r="AP33219">
        <v>10</v>
      </c>
      <c r="AQ33219">
        <v>10</v>
      </c>
    </row>
    <row r="33220" spans="1:43">
      <c r="A33220" t="s">
        <v>20579</v>
      </c>
      <c r="B33220" t="s">
        <v>20580</v>
      </c>
      <c r="C33220" t="s">
        <v>20575</v>
      </c>
      <c r="D33220" t="s">
        <v>20576</v>
      </c>
      <c r="E33220" t="s">
        <v>20437</v>
      </c>
      <c r="F33220" t="s">
        <v>20438</v>
      </c>
      <c r="G33220" t="s">
        <v>20255</v>
      </c>
      <c r="H33220" t="s">
        <v>20256</v>
      </c>
      <c r="I33220" s="2">
        <v>1</v>
      </c>
      <c r="J33220" s="2">
        <v>0</v>
      </c>
      <c r="K33220" s="2">
        <v>0</v>
      </c>
      <c r="L33220" t="s">
        <v>120</v>
      </c>
      <c r="M33220" t="s">
        <v>89</v>
      </c>
      <c r="N33220" t="s">
        <v>90</v>
      </c>
      <c r="O33220" t="s">
        <v>85</v>
      </c>
      <c r="P33220" t="s">
        <v>86</v>
      </c>
      <c r="Q33220">
        <v>8</v>
      </c>
      <c r="R33220">
        <v>8</v>
      </c>
      <c r="S33220">
        <v>8</v>
      </c>
      <c r="T33220">
        <v>8</v>
      </c>
      <c r="U33220">
        <v>9</v>
      </c>
      <c r="V33220">
        <v>9</v>
      </c>
      <c r="W33220">
        <v>9</v>
      </c>
      <c r="X33220">
        <v>9</v>
      </c>
      <c r="Y33220">
        <v>9</v>
      </c>
      <c r="Z33220">
        <v>10</v>
      </c>
      <c r="AA33220">
        <v>10</v>
      </c>
      <c r="AB33220">
        <v>10</v>
      </c>
      <c r="AC33220">
        <v>10</v>
      </c>
      <c r="AD33220">
        <v>10</v>
      </c>
      <c r="AE33220">
        <v>11</v>
      </c>
      <c r="AF33220">
        <v>11</v>
      </c>
      <c r="AG33220">
        <v>11</v>
      </c>
      <c r="AH33220">
        <v>11</v>
      </c>
      <c r="AI33220">
        <v>11</v>
      </c>
      <c r="AJ33220">
        <v>11</v>
      </c>
      <c r="AK33220">
        <v>11</v>
      </c>
      <c r="AL33220">
        <v>11</v>
      </c>
      <c r="AM33220">
        <v>11</v>
      </c>
      <c r="AN33220">
        <v>11</v>
      </c>
      <c r="AO33220">
        <v>11</v>
      </c>
      <c r="AP33220">
        <v>11</v>
      </c>
      <c r="AQ33220">
        <v>12</v>
      </c>
    </row>
    <row r="33221" spans="1:43">
      <c r="A33221" t="s">
        <v>20579</v>
      </c>
      <c r="B33221" t="s">
        <v>20580</v>
      </c>
      <c r="C33221" t="s">
        <v>20575</v>
      </c>
      <c r="D33221" t="s">
        <v>20576</v>
      </c>
      <c r="E33221" t="s">
        <v>20437</v>
      </c>
      <c r="F33221" t="s">
        <v>20438</v>
      </c>
      <c r="G33221" t="s">
        <v>20255</v>
      </c>
      <c r="H33221" t="s">
        <v>20256</v>
      </c>
      <c r="I33221" s="2">
        <v>1</v>
      </c>
      <c r="J33221" s="2">
        <v>0</v>
      </c>
      <c r="K33221" s="2">
        <v>0</v>
      </c>
      <c r="L33221" t="s">
        <v>120</v>
      </c>
      <c r="M33221" t="s">
        <v>83</v>
      </c>
      <c r="N33221" t="s">
        <v>91</v>
      </c>
      <c r="O33221" t="s">
        <v>85</v>
      </c>
      <c r="P33221" t="s">
        <v>86</v>
      </c>
      <c r="Q33221">
        <v>8</v>
      </c>
      <c r="R33221">
        <v>8</v>
      </c>
      <c r="S33221">
        <v>8</v>
      </c>
      <c r="T33221">
        <v>8</v>
      </c>
      <c r="U33221">
        <v>8</v>
      </c>
      <c r="V33221">
        <v>8</v>
      </c>
      <c r="W33221">
        <v>9</v>
      </c>
      <c r="X33221">
        <v>9</v>
      </c>
      <c r="Y33221">
        <v>9</v>
      </c>
      <c r="Z33221">
        <v>9</v>
      </c>
      <c r="AA33221">
        <v>9</v>
      </c>
      <c r="AB33221">
        <v>9</v>
      </c>
      <c r="AC33221">
        <v>10</v>
      </c>
      <c r="AD33221">
        <v>10</v>
      </c>
      <c r="AE33221">
        <v>10</v>
      </c>
      <c r="AF33221">
        <v>10</v>
      </c>
      <c r="AG33221">
        <v>10</v>
      </c>
      <c r="AH33221">
        <v>10</v>
      </c>
      <c r="AI33221">
        <v>11</v>
      </c>
      <c r="AJ33221">
        <v>11</v>
      </c>
      <c r="AK33221">
        <v>11</v>
      </c>
      <c r="AL33221">
        <v>11</v>
      </c>
      <c r="AM33221">
        <v>11</v>
      </c>
      <c r="AN33221">
        <v>11</v>
      </c>
      <c r="AO33221">
        <v>11</v>
      </c>
      <c r="AP33221">
        <v>11</v>
      </c>
      <c r="AQ33221">
        <v>11</v>
      </c>
    </row>
    <row r="33222" spans="1:43">
      <c r="A33222" t="s">
        <v>20581</v>
      </c>
      <c r="B33222" t="s">
        <v>20582</v>
      </c>
      <c r="C33222" t="s">
        <v>20575</v>
      </c>
      <c r="D33222" t="s">
        <v>20576</v>
      </c>
      <c r="E33222" t="s">
        <v>20437</v>
      </c>
      <c r="F33222" t="s">
        <v>20438</v>
      </c>
      <c r="G33222" t="s">
        <v>20255</v>
      </c>
      <c r="H33222" t="s">
        <v>20256</v>
      </c>
      <c r="I33222" s="2">
        <v>1</v>
      </c>
      <c r="J33222" s="2">
        <v>0</v>
      </c>
      <c r="K33222" s="2">
        <v>0</v>
      </c>
      <c r="L33222" t="s">
        <v>120</v>
      </c>
      <c r="M33222" t="s">
        <v>83</v>
      </c>
      <c r="N33222" t="s">
        <v>84</v>
      </c>
      <c r="O33222" t="s">
        <v>85</v>
      </c>
      <c r="P33222" t="s">
        <v>86</v>
      </c>
      <c r="Q33222">
        <v>11</v>
      </c>
      <c r="R33222">
        <v>11</v>
      </c>
      <c r="S33222">
        <v>12</v>
      </c>
      <c r="T33222">
        <v>12</v>
      </c>
      <c r="U33222">
        <v>12</v>
      </c>
      <c r="V33222">
        <v>12</v>
      </c>
      <c r="W33222">
        <v>13</v>
      </c>
      <c r="X33222">
        <v>13</v>
      </c>
      <c r="Y33222">
        <v>13</v>
      </c>
      <c r="Z33222">
        <v>13</v>
      </c>
      <c r="AA33222">
        <v>13</v>
      </c>
      <c r="AB33222">
        <v>14</v>
      </c>
      <c r="AC33222">
        <v>14</v>
      </c>
      <c r="AD33222">
        <v>14</v>
      </c>
      <c r="AE33222">
        <v>14</v>
      </c>
      <c r="AF33222">
        <v>15</v>
      </c>
      <c r="AG33222">
        <v>15</v>
      </c>
      <c r="AH33222">
        <v>15</v>
      </c>
      <c r="AI33222">
        <v>15</v>
      </c>
      <c r="AJ33222">
        <v>16</v>
      </c>
      <c r="AK33222">
        <v>16</v>
      </c>
      <c r="AL33222">
        <v>16</v>
      </c>
      <c r="AM33222">
        <v>16</v>
      </c>
      <c r="AN33222">
        <v>16</v>
      </c>
      <c r="AO33222">
        <v>16</v>
      </c>
      <c r="AP33222">
        <v>17</v>
      </c>
      <c r="AQ33222">
        <v>17</v>
      </c>
    </row>
    <row r="33223" spans="1:43">
      <c r="A33223" t="s">
        <v>20581</v>
      </c>
      <c r="B33223" t="s">
        <v>20582</v>
      </c>
      <c r="C33223" t="s">
        <v>20575</v>
      </c>
      <c r="D33223" t="s">
        <v>20576</v>
      </c>
      <c r="E33223" t="s">
        <v>20437</v>
      </c>
      <c r="F33223" t="s">
        <v>20438</v>
      </c>
      <c r="G33223" t="s">
        <v>20255</v>
      </c>
      <c r="H33223" t="s">
        <v>20256</v>
      </c>
      <c r="I33223" s="2">
        <v>1</v>
      </c>
      <c r="J33223" s="2">
        <v>0</v>
      </c>
      <c r="K33223" s="2">
        <v>0</v>
      </c>
      <c r="L33223" t="s">
        <v>120</v>
      </c>
      <c r="M33223" t="s">
        <v>87</v>
      </c>
      <c r="N33223" t="s">
        <v>88</v>
      </c>
      <c r="O33223" t="s">
        <v>85</v>
      </c>
      <c r="P33223" t="s">
        <v>86</v>
      </c>
      <c r="Q33223">
        <v>11</v>
      </c>
      <c r="R33223">
        <v>11</v>
      </c>
      <c r="S33223">
        <v>11</v>
      </c>
      <c r="T33223">
        <v>11</v>
      </c>
      <c r="U33223">
        <v>12</v>
      </c>
      <c r="V33223">
        <v>12</v>
      </c>
      <c r="W33223">
        <v>12</v>
      </c>
      <c r="X33223">
        <v>12</v>
      </c>
      <c r="Y33223">
        <v>12</v>
      </c>
      <c r="Z33223">
        <v>12</v>
      </c>
      <c r="AA33223">
        <v>12</v>
      </c>
      <c r="AB33223">
        <v>12</v>
      </c>
      <c r="AC33223">
        <v>13</v>
      </c>
      <c r="AD33223">
        <v>13</v>
      </c>
      <c r="AE33223">
        <v>13</v>
      </c>
      <c r="AF33223">
        <v>13</v>
      </c>
      <c r="AG33223">
        <v>13</v>
      </c>
      <c r="AH33223">
        <v>13</v>
      </c>
      <c r="AI33223">
        <v>13</v>
      </c>
      <c r="AJ33223">
        <v>13</v>
      </c>
      <c r="AK33223">
        <v>14</v>
      </c>
      <c r="AL33223">
        <v>14</v>
      </c>
      <c r="AM33223">
        <v>14</v>
      </c>
      <c r="AN33223">
        <v>14</v>
      </c>
      <c r="AO33223">
        <v>14</v>
      </c>
      <c r="AP33223">
        <v>14</v>
      </c>
      <c r="AQ33223">
        <v>15</v>
      </c>
    </row>
    <row r="33224" spans="1:43">
      <c r="A33224" t="s">
        <v>20581</v>
      </c>
      <c r="B33224" t="s">
        <v>20582</v>
      </c>
      <c r="C33224" t="s">
        <v>20575</v>
      </c>
      <c r="D33224" t="s">
        <v>20576</v>
      </c>
      <c r="E33224" t="s">
        <v>20437</v>
      </c>
      <c r="F33224" t="s">
        <v>20438</v>
      </c>
      <c r="G33224" t="s">
        <v>20255</v>
      </c>
      <c r="H33224" t="s">
        <v>20256</v>
      </c>
      <c r="I33224" s="2">
        <v>1</v>
      </c>
      <c r="J33224" s="2">
        <v>0</v>
      </c>
      <c r="K33224" s="2">
        <v>0</v>
      </c>
      <c r="L33224" t="s">
        <v>120</v>
      </c>
      <c r="M33224" t="s">
        <v>89</v>
      </c>
      <c r="N33224" t="s">
        <v>90</v>
      </c>
      <c r="O33224" t="s">
        <v>85</v>
      </c>
      <c r="P33224" t="s">
        <v>86</v>
      </c>
      <c r="Q33224">
        <v>11</v>
      </c>
      <c r="R33224">
        <v>12</v>
      </c>
      <c r="S33224">
        <v>12</v>
      </c>
      <c r="T33224">
        <v>12</v>
      </c>
      <c r="U33224">
        <v>13</v>
      </c>
      <c r="V33224">
        <v>13</v>
      </c>
      <c r="W33224">
        <v>13</v>
      </c>
      <c r="X33224">
        <v>13</v>
      </c>
      <c r="Y33224">
        <v>14</v>
      </c>
      <c r="Z33224">
        <v>14</v>
      </c>
      <c r="AA33224">
        <v>14</v>
      </c>
      <c r="AB33224">
        <v>15</v>
      </c>
      <c r="AC33224">
        <v>15</v>
      </c>
      <c r="AD33224">
        <v>15</v>
      </c>
      <c r="AE33224">
        <v>15</v>
      </c>
      <c r="AF33224">
        <v>15</v>
      </c>
      <c r="AG33224">
        <v>16</v>
      </c>
      <c r="AH33224">
        <v>16</v>
      </c>
      <c r="AI33224">
        <v>16</v>
      </c>
      <c r="AJ33224">
        <v>16</v>
      </c>
      <c r="AK33224">
        <v>16</v>
      </c>
      <c r="AL33224">
        <v>16</v>
      </c>
      <c r="AM33224">
        <v>16</v>
      </c>
      <c r="AN33224">
        <v>16</v>
      </c>
      <c r="AO33224">
        <v>17</v>
      </c>
      <c r="AP33224">
        <v>17</v>
      </c>
      <c r="AQ33224">
        <v>17</v>
      </c>
    </row>
    <row r="33225" spans="1:43">
      <c r="A33225" t="s">
        <v>20581</v>
      </c>
      <c r="B33225" t="s">
        <v>20582</v>
      </c>
      <c r="C33225" t="s">
        <v>20575</v>
      </c>
      <c r="D33225" t="s">
        <v>20576</v>
      </c>
      <c r="E33225" t="s">
        <v>20437</v>
      </c>
      <c r="F33225" t="s">
        <v>20438</v>
      </c>
      <c r="G33225" t="s">
        <v>20255</v>
      </c>
      <c r="H33225" t="s">
        <v>20256</v>
      </c>
      <c r="I33225" s="2">
        <v>1</v>
      </c>
      <c r="J33225" s="2">
        <v>0</v>
      </c>
      <c r="K33225" s="2">
        <v>0</v>
      </c>
      <c r="L33225" t="s">
        <v>120</v>
      </c>
      <c r="M33225" t="s">
        <v>83</v>
      </c>
      <c r="N33225" t="s">
        <v>91</v>
      </c>
      <c r="O33225" t="s">
        <v>85</v>
      </c>
      <c r="P33225" t="s">
        <v>86</v>
      </c>
      <c r="Q33225">
        <v>11</v>
      </c>
      <c r="R33225">
        <v>11</v>
      </c>
      <c r="S33225">
        <v>12</v>
      </c>
      <c r="T33225">
        <v>12</v>
      </c>
      <c r="U33225">
        <v>12</v>
      </c>
      <c r="V33225">
        <v>12</v>
      </c>
      <c r="W33225">
        <v>13</v>
      </c>
      <c r="X33225">
        <v>13</v>
      </c>
      <c r="Y33225">
        <v>13</v>
      </c>
      <c r="Z33225">
        <v>13</v>
      </c>
      <c r="AA33225">
        <v>13</v>
      </c>
      <c r="AB33225">
        <v>14</v>
      </c>
      <c r="AC33225">
        <v>14</v>
      </c>
      <c r="AD33225">
        <v>14</v>
      </c>
      <c r="AE33225">
        <v>14</v>
      </c>
      <c r="AF33225">
        <v>15</v>
      </c>
      <c r="AG33225">
        <v>15</v>
      </c>
      <c r="AH33225">
        <v>15</v>
      </c>
      <c r="AI33225">
        <v>15</v>
      </c>
      <c r="AJ33225">
        <v>16</v>
      </c>
      <c r="AK33225">
        <v>16</v>
      </c>
      <c r="AL33225">
        <v>16</v>
      </c>
      <c r="AM33225">
        <v>16</v>
      </c>
      <c r="AN33225">
        <v>16</v>
      </c>
      <c r="AO33225">
        <v>16</v>
      </c>
      <c r="AP33225">
        <v>17</v>
      </c>
      <c r="AQ33225">
        <v>17</v>
      </c>
    </row>
    <row r="33226" spans="1:43">
      <c r="A33226" t="s">
        <v>20583</v>
      </c>
      <c r="B33226" t="s">
        <v>20584</v>
      </c>
      <c r="C33226" t="s">
        <v>20585</v>
      </c>
      <c r="D33226" t="s">
        <v>20586</v>
      </c>
      <c r="E33226" t="s">
        <v>20437</v>
      </c>
      <c r="F33226" t="s">
        <v>20438</v>
      </c>
      <c r="G33226" t="s">
        <v>20255</v>
      </c>
      <c r="H33226" t="s">
        <v>20256</v>
      </c>
      <c r="I33226" s="2">
        <v>1</v>
      </c>
      <c r="J33226" s="2">
        <v>0</v>
      </c>
      <c r="K33226" s="2">
        <v>0</v>
      </c>
      <c r="L33226" t="s">
        <v>120</v>
      </c>
      <c r="M33226" t="s">
        <v>83</v>
      </c>
      <c r="N33226" t="s">
        <v>84</v>
      </c>
      <c r="O33226" t="s">
        <v>85</v>
      </c>
      <c r="P33226" t="s">
        <v>86</v>
      </c>
      <c r="Q33226">
        <v>19</v>
      </c>
      <c r="R33226">
        <v>19</v>
      </c>
      <c r="S33226">
        <v>20</v>
      </c>
      <c r="T33226">
        <v>20</v>
      </c>
      <c r="U33226">
        <v>20</v>
      </c>
      <c r="V33226">
        <v>21</v>
      </c>
      <c r="W33226">
        <v>21</v>
      </c>
      <c r="X33226">
        <v>22</v>
      </c>
      <c r="Y33226">
        <v>22</v>
      </c>
      <c r="Z33226">
        <v>22</v>
      </c>
      <c r="AA33226">
        <v>23</v>
      </c>
      <c r="AB33226">
        <v>23</v>
      </c>
      <c r="AC33226">
        <v>23</v>
      </c>
      <c r="AD33226">
        <v>24</v>
      </c>
      <c r="AE33226">
        <v>24</v>
      </c>
      <c r="AF33226">
        <v>25</v>
      </c>
      <c r="AG33226">
        <v>25</v>
      </c>
      <c r="AH33226">
        <v>25</v>
      </c>
      <c r="AI33226">
        <v>26</v>
      </c>
      <c r="AJ33226">
        <v>26</v>
      </c>
      <c r="AK33226">
        <v>27</v>
      </c>
      <c r="AL33226">
        <v>27</v>
      </c>
      <c r="AM33226">
        <v>27</v>
      </c>
      <c r="AN33226">
        <v>27</v>
      </c>
      <c r="AO33226">
        <v>28</v>
      </c>
      <c r="AP33226">
        <v>28</v>
      </c>
      <c r="AQ33226">
        <v>28</v>
      </c>
    </row>
    <row r="33227" spans="1:43">
      <c r="A33227" t="s">
        <v>20583</v>
      </c>
      <c r="B33227" t="s">
        <v>20584</v>
      </c>
      <c r="C33227" t="s">
        <v>20585</v>
      </c>
      <c r="D33227" t="s">
        <v>20586</v>
      </c>
      <c r="E33227" t="s">
        <v>20437</v>
      </c>
      <c r="F33227" t="s">
        <v>20438</v>
      </c>
      <c r="G33227" t="s">
        <v>20255</v>
      </c>
      <c r="H33227" t="s">
        <v>20256</v>
      </c>
      <c r="I33227" s="2">
        <v>1</v>
      </c>
      <c r="J33227" s="2">
        <v>0</v>
      </c>
      <c r="K33227" s="2">
        <v>0</v>
      </c>
      <c r="L33227" t="s">
        <v>120</v>
      </c>
      <c r="M33227" t="s">
        <v>87</v>
      </c>
      <c r="N33227" t="s">
        <v>88</v>
      </c>
      <c r="O33227" t="s">
        <v>85</v>
      </c>
      <c r="P33227" t="s">
        <v>86</v>
      </c>
      <c r="Q33227">
        <v>19</v>
      </c>
      <c r="R33227">
        <v>19</v>
      </c>
      <c r="S33227">
        <v>19</v>
      </c>
      <c r="T33227">
        <v>19</v>
      </c>
      <c r="U33227">
        <v>20</v>
      </c>
      <c r="V33227">
        <v>20</v>
      </c>
      <c r="W33227">
        <v>20</v>
      </c>
      <c r="X33227">
        <v>20</v>
      </c>
      <c r="Y33227">
        <v>20</v>
      </c>
      <c r="Z33227">
        <v>21</v>
      </c>
      <c r="AA33227">
        <v>21</v>
      </c>
      <c r="AB33227">
        <v>21</v>
      </c>
      <c r="AC33227">
        <v>21</v>
      </c>
      <c r="AD33227">
        <v>21</v>
      </c>
      <c r="AE33227">
        <v>22</v>
      </c>
      <c r="AF33227">
        <v>22</v>
      </c>
      <c r="AG33227">
        <v>22</v>
      </c>
      <c r="AH33227">
        <v>22</v>
      </c>
      <c r="AI33227">
        <v>23</v>
      </c>
      <c r="AJ33227">
        <v>23</v>
      </c>
      <c r="AK33227">
        <v>23</v>
      </c>
      <c r="AL33227">
        <v>23</v>
      </c>
      <c r="AM33227">
        <v>24</v>
      </c>
      <c r="AN33227">
        <v>24</v>
      </c>
      <c r="AO33227">
        <v>24</v>
      </c>
      <c r="AP33227">
        <v>24</v>
      </c>
      <c r="AQ33227">
        <v>25</v>
      </c>
    </row>
    <row r="33228" spans="1:43">
      <c r="A33228" t="s">
        <v>20583</v>
      </c>
      <c r="B33228" t="s">
        <v>20584</v>
      </c>
      <c r="C33228" t="s">
        <v>20585</v>
      </c>
      <c r="D33228" t="s">
        <v>20586</v>
      </c>
      <c r="E33228" t="s">
        <v>20437</v>
      </c>
      <c r="F33228" t="s">
        <v>20438</v>
      </c>
      <c r="G33228" t="s">
        <v>20255</v>
      </c>
      <c r="H33228" t="s">
        <v>20256</v>
      </c>
      <c r="I33228" s="2">
        <v>1</v>
      </c>
      <c r="J33228" s="2">
        <v>0</v>
      </c>
      <c r="K33228" s="2">
        <v>0</v>
      </c>
      <c r="L33228" t="s">
        <v>120</v>
      </c>
      <c r="M33228" t="s">
        <v>89</v>
      </c>
      <c r="N33228" t="s">
        <v>90</v>
      </c>
      <c r="O33228" t="s">
        <v>85</v>
      </c>
      <c r="P33228" t="s">
        <v>86</v>
      </c>
      <c r="Q33228">
        <v>19</v>
      </c>
      <c r="R33228">
        <v>20</v>
      </c>
      <c r="S33228">
        <v>20</v>
      </c>
      <c r="T33228">
        <v>21</v>
      </c>
      <c r="U33228">
        <v>21</v>
      </c>
      <c r="V33228">
        <v>22</v>
      </c>
      <c r="W33228">
        <v>22</v>
      </c>
      <c r="X33228">
        <v>23</v>
      </c>
      <c r="Y33228">
        <v>23</v>
      </c>
      <c r="Z33228">
        <v>24</v>
      </c>
      <c r="AA33228">
        <v>24</v>
      </c>
      <c r="AB33228">
        <v>25</v>
      </c>
      <c r="AC33228">
        <v>25</v>
      </c>
      <c r="AD33228">
        <v>26</v>
      </c>
      <c r="AE33228">
        <v>26</v>
      </c>
      <c r="AF33228">
        <v>26</v>
      </c>
      <c r="AG33228">
        <v>26</v>
      </c>
      <c r="AH33228">
        <v>26</v>
      </c>
      <c r="AI33228">
        <v>27</v>
      </c>
      <c r="AJ33228">
        <v>27</v>
      </c>
      <c r="AK33228">
        <v>27</v>
      </c>
      <c r="AL33228">
        <v>27</v>
      </c>
      <c r="AM33228">
        <v>27</v>
      </c>
      <c r="AN33228">
        <v>28</v>
      </c>
      <c r="AO33228">
        <v>28</v>
      </c>
      <c r="AP33228">
        <v>28</v>
      </c>
      <c r="AQ33228">
        <v>28</v>
      </c>
    </row>
    <row r="33229" spans="1:43">
      <c r="A33229" t="s">
        <v>20583</v>
      </c>
      <c r="B33229" t="s">
        <v>20584</v>
      </c>
      <c r="C33229" t="s">
        <v>20585</v>
      </c>
      <c r="D33229" t="s">
        <v>20586</v>
      </c>
      <c r="E33229" t="s">
        <v>20437</v>
      </c>
      <c r="F33229" t="s">
        <v>20438</v>
      </c>
      <c r="G33229" t="s">
        <v>20255</v>
      </c>
      <c r="H33229" t="s">
        <v>20256</v>
      </c>
      <c r="I33229" s="2">
        <v>1</v>
      </c>
      <c r="J33229" s="2">
        <v>0</v>
      </c>
      <c r="K33229" s="2">
        <v>0</v>
      </c>
      <c r="L33229" t="s">
        <v>120</v>
      </c>
      <c r="M33229" t="s">
        <v>83</v>
      </c>
      <c r="N33229" t="s">
        <v>91</v>
      </c>
      <c r="O33229" t="s">
        <v>85</v>
      </c>
      <c r="P33229" t="s">
        <v>86</v>
      </c>
      <c r="Q33229">
        <v>19</v>
      </c>
      <c r="R33229">
        <v>19</v>
      </c>
      <c r="S33229">
        <v>20</v>
      </c>
      <c r="T33229">
        <v>20</v>
      </c>
      <c r="U33229">
        <v>20</v>
      </c>
      <c r="V33229">
        <v>21</v>
      </c>
      <c r="W33229">
        <v>21</v>
      </c>
      <c r="X33229">
        <v>22</v>
      </c>
      <c r="Y33229">
        <v>22</v>
      </c>
      <c r="Z33229">
        <v>22</v>
      </c>
      <c r="AA33229">
        <v>23</v>
      </c>
      <c r="AB33229">
        <v>23</v>
      </c>
      <c r="AC33229">
        <v>23</v>
      </c>
      <c r="AD33229">
        <v>24</v>
      </c>
      <c r="AE33229">
        <v>24</v>
      </c>
      <c r="AF33229">
        <v>25</v>
      </c>
      <c r="AG33229">
        <v>25</v>
      </c>
      <c r="AH33229">
        <v>25</v>
      </c>
      <c r="AI33229">
        <v>26</v>
      </c>
      <c r="AJ33229">
        <v>26</v>
      </c>
      <c r="AK33229">
        <v>27</v>
      </c>
      <c r="AL33229">
        <v>27</v>
      </c>
      <c r="AM33229">
        <v>27</v>
      </c>
      <c r="AN33229">
        <v>27</v>
      </c>
      <c r="AO33229">
        <v>28</v>
      </c>
      <c r="AP33229">
        <v>28</v>
      </c>
      <c r="AQ33229">
        <v>28</v>
      </c>
    </row>
    <row r="33230" spans="1:43">
      <c r="A33230" t="s">
        <v>20587</v>
      </c>
      <c r="B33230" t="s">
        <v>20588</v>
      </c>
      <c r="C33230" t="s">
        <v>20585</v>
      </c>
      <c r="D33230" t="s">
        <v>20586</v>
      </c>
      <c r="E33230" t="s">
        <v>20437</v>
      </c>
      <c r="F33230" t="s">
        <v>20438</v>
      </c>
      <c r="G33230" t="s">
        <v>20255</v>
      </c>
      <c r="H33230" t="s">
        <v>20256</v>
      </c>
      <c r="I33230" s="2">
        <v>1</v>
      </c>
      <c r="J33230" s="2">
        <v>0</v>
      </c>
      <c r="K33230" s="2">
        <v>0</v>
      </c>
      <c r="L33230" t="s">
        <v>120</v>
      </c>
      <c r="M33230" t="s">
        <v>83</v>
      </c>
      <c r="N33230" t="s">
        <v>84</v>
      </c>
      <c r="O33230" t="s">
        <v>85</v>
      </c>
      <c r="P33230" t="s">
        <v>86</v>
      </c>
      <c r="Q33230">
        <v>13</v>
      </c>
      <c r="R33230">
        <v>13</v>
      </c>
      <c r="S33230">
        <v>13</v>
      </c>
      <c r="T33230">
        <v>13</v>
      </c>
      <c r="U33230">
        <v>14</v>
      </c>
      <c r="V33230">
        <v>14</v>
      </c>
      <c r="W33230">
        <v>14</v>
      </c>
      <c r="X33230">
        <v>15</v>
      </c>
      <c r="Y33230">
        <v>15</v>
      </c>
      <c r="Z33230">
        <v>15</v>
      </c>
      <c r="AA33230">
        <v>15</v>
      </c>
      <c r="AB33230">
        <v>16</v>
      </c>
      <c r="AC33230">
        <v>16</v>
      </c>
      <c r="AD33230">
        <v>16</v>
      </c>
      <c r="AE33230">
        <v>16</v>
      </c>
      <c r="AF33230">
        <v>17</v>
      </c>
      <c r="AG33230">
        <v>17</v>
      </c>
      <c r="AH33230">
        <v>17</v>
      </c>
      <c r="AI33230">
        <v>17</v>
      </c>
      <c r="AJ33230">
        <v>18</v>
      </c>
      <c r="AK33230">
        <v>18</v>
      </c>
      <c r="AL33230">
        <v>18</v>
      </c>
      <c r="AM33230">
        <v>18</v>
      </c>
      <c r="AN33230">
        <v>19</v>
      </c>
      <c r="AO33230">
        <v>19</v>
      </c>
      <c r="AP33230">
        <v>19</v>
      </c>
      <c r="AQ33230">
        <v>19</v>
      </c>
    </row>
    <row r="33231" spans="1:43">
      <c r="A33231" t="s">
        <v>20587</v>
      </c>
      <c r="B33231" t="s">
        <v>20588</v>
      </c>
      <c r="C33231" t="s">
        <v>20585</v>
      </c>
      <c r="D33231" t="s">
        <v>20586</v>
      </c>
      <c r="E33231" t="s">
        <v>20437</v>
      </c>
      <c r="F33231" t="s">
        <v>20438</v>
      </c>
      <c r="G33231" t="s">
        <v>20255</v>
      </c>
      <c r="H33231" t="s">
        <v>20256</v>
      </c>
      <c r="I33231" s="2">
        <v>1</v>
      </c>
      <c r="J33231" s="2">
        <v>0</v>
      </c>
      <c r="K33231" s="2">
        <v>0</v>
      </c>
      <c r="L33231" t="s">
        <v>120</v>
      </c>
      <c r="M33231" t="s">
        <v>87</v>
      </c>
      <c r="N33231" t="s">
        <v>88</v>
      </c>
      <c r="O33231" t="s">
        <v>85</v>
      </c>
      <c r="P33231" t="s">
        <v>86</v>
      </c>
      <c r="Q33231">
        <v>13</v>
      </c>
      <c r="R33231">
        <v>13</v>
      </c>
      <c r="S33231">
        <v>13</v>
      </c>
      <c r="T33231">
        <v>13</v>
      </c>
      <c r="U33231">
        <v>13</v>
      </c>
      <c r="V33231">
        <v>13</v>
      </c>
      <c r="W33231">
        <v>13</v>
      </c>
      <c r="X33231">
        <v>14</v>
      </c>
      <c r="Y33231">
        <v>14</v>
      </c>
      <c r="Z33231">
        <v>14</v>
      </c>
      <c r="AA33231">
        <v>14</v>
      </c>
      <c r="AB33231">
        <v>14</v>
      </c>
      <c r="AC33231">
        <v>14</v>
      </c>
      <c r="AD33231">
        <v>14</v>
      </c>
      <c r="AE33231">
        <v>15</v>
      </c>
      <c r="AF33231">
        <v>15</v>
      </c>
      <c r="AG33231">
        <v>15</v>
      </c>
      <c r="AH33231">
        <v>15</v>
      </c>
      <c r="AI33231">
        <v>15</v>
      </c>
      <c r="AJ33231">
        <v>15</v>
      </c>
      <c r="AK33231">
        <v>16</v>
      </c>
      <c r="AL33231">
        <v>16</v>
      </c>
      <c r="AM33231">
        <v>16</v>
      </c>
      <c r="AN33231">
        <v>16</v>
      </c>
      <c r="AO33231">
        <v>16</v>
      </c>
      <c r="AP33231">
        <v>16</v>
      </c>
      <c r="AQ33231">
        <v>17</v>
      </c>
    </row>
    <row r="33232" spans="1:43">
      <c r="A33232" t="s">
        <v>20587</v>
      </c>
      <c r="B33232" t="s">
        <v>20588</v>
      </c>
      <c r="C33232" t="s">
        <v>20585</v>
      </c>
      <c r="D33232" t="s">
        <v>20586</v>
      </c>
      <c r="E33232" t="s">
        <v>20437</v>
      </c>
      <c r="F33232" t="s">
        <v>20438</v>
      </c>
      <c r="G33232" t="s">
        <v>20255</v>
      </c>
      <c r="H33232" t="s">
        <v>20256</v>
      </c>
      <c r="I33232" s="2">
        <v>1</v>
      </c>
      <c r="J33232" s="2">
        <v>0</v>
      </c>
      <c r="K33232" s="2">
        <v>0</v>
      </c>
      <c r="L33232" t="s">
        <v>120</v>
      </c>
      <c r="M33232" t="s">
        <v>89</v>
      </c>
      <c r="N33232" t="s">
        <v>90</v>
      </c>
      <c r="O33232" t="s">
        <v>85</v>
      </c>
      <c r="P33232" t="s">
        <v>86</v>
      </c>
      <c r="Q33232">
        <v>13</v>
      </c>
      <c r="R33232">
        <v>13</v>
      </c>
      <c r="S33232">
        <v>14</v>
      </c>
      <c r="T33232">
        <v>14</v>
      </c>
      <c r="U33232">
        <v>14</v>
      </c>
      <c r="V33232">
        <v>15</v>
      </c>
      <c r="W33232">
        <v>15</v>
      </c>
      <c r="X33232">
        <v>15</v>
      </c>
      <c r="Y33232">
        <v>16</v>
      </c>
      <c r="Z33232">
        <v>16</v>
      </c>
      <c r="AA33232">
        <v>16</v>
      </c>
      <c r="AB33232">
        <v>16</v>
      </c>
      <c r="AC33232">
        <v>17</v>
      </c>
      <c r="AD33232">
        <v>17</v>
      </c>
      <c r="AE33232">
        <v>17</v>
      </c>
      <c r="AF33232">
        <v>18</v>
      </c>
      <c r="AG33232">
        <v>18</v>
      </c>
      <c r="AH33232">
        <v>18</v>
      </c>
      <c r="AI33232">
        <v>18</v>
      </c>
      <c r="AJ33232">
        <v>18</v>
      </c>
      <c r="AK33232">
        <v>18</v>
      </c>
      <c r="AL33232">
        <v>18</v>
      </c>
      <c r="AM33232">
        <v>19</v>
      </c>
      <c r="AN33232">
        <v>19</v>
      </c>
      <c r="AO33232">
        <v>19</v>
      </c>
      <c r="AP33232">
        <v>19</v>
      </c>
      <c r="AQ33232">
        <v>19</v>
      </c>
    </row>
    <row r="33233" spans="1:43">
      <c r="A33233" t="s">
        <v>20587</v>
      </c>
      <c r="B33233" t="s">
        <v>20588</v>
      </c>
      <c r="C33233" t="s">
        <v>20585</v>
      </c>
      <c r="D33233" t="s">
        <v>20586</v>
      </c>
      <c r="E33233" t="s">
        <v>20437</v>
      </c>
      <c r="F33233" t="s">
        <v>20438</v>
      </c>
      <c r="G33233" t="s">
        <v>20255</v>
      </c>
      <c r="H33233" t="s">
        <v>20256</v>
      </c>
      <c r="I33233" s="2">
        <v>1</v>
      </c>
      <c r="J33233" s="2">
        <v>0</v>
      </c>
      <c r="K33233" s="2">
        <v>0</v>
      </c>
      <c r="L33233" t="s">
        <v>120</v>
      </c>
      <c r="M33233" t="s">
        <v>83</v>
      </c>
      <c r="N33233" t="s">
        <v>91</v>
      </c>
      <c r="O33233" t="s">
        <v>85</v>
      </c>
      <c r="P33233" t="s">
        <v>86</v>
      </c>
      <c r="Q33233">
        <v>13</v>
      </c>
      <c r="R33233">
        <v>13</v>
      </c>
      <c r="S33233">
        <v>13</v>
      </c>
      <c r="T33233">
        <v>13</v>
      </c>
      <c r="U33233">
        <v>14</v>
      </c>
      <c r="V33233">
        <v>14</v>
      </c>
      <c r="W33233">
        <v>14</v>
      </c>
      <c r="X33233">
        <v>15</v>
      </c>
      <c r="Y33233">
        <v>15</v>
      </c>
      <c r="Z33233">
        <v>15</v>
      </c>
      <c r="AA33233">
        <v>15</v>
      </c>
      <c r="AB33233">
        <v>16</v>
      </c>
      <c r="AC33233">
        <v>16</v>
      </c>
      <c r="AD33233">
        <v>16</v>
      </c>
      <c r="AE33233">
        <v>16</v>
      </c>
      <c r="AF33233">
        <v>17</v>
      </c>
      <c r="AG33233">
        <v>17</v>
      </c>
      <c r="AH33233">
        <v>17</v>
      </c>
      <c r="AI33233">
        <v>17</v>
      </c>
      <c r="AJ33233">
        <v>18</v>
      </c>
      <c r="AK33233">
        <v>18</v>
      </c>
      <c r="AL33233">
        <v>18</v>
      </c>
      <c r="AM33233">
        <v>18</v>
      </c>
      <c r="AN33233">
        <v>19</v>
      </c>
      <c r="AO33233">
        <v>19</v>
      </c>
      <c r="AP33233">
        <v>19</v>
      </c>
      <c r="AQ33233">
        <v>19</v>
      </c>
    </row>
    <row r="33234" spans="1:43">
      <c r="A33234" t="s">
        <v>20589</v>
      </c>
      <c r="B33234" t="s">
        <v>20590</v>
      </c>
      <c r="C33234" t="s">
        <v>20585</v>
      </c>
      <c r="D33234" t="s">
        <v>20586</v>
      </c>
      <c r="E33234" t="s">
        <v>20437</v>
      </c>
      <c r="F33234" t="s">
        <v>20438</v>
      </c>
      <c r="G33234" t="s">
        <v>20255</v>
      </c>
      <c r="H33234" t="s">
        <v>20256</v>
      </c>
      <c r="I33234" s="2">
        <v>1</v>
      </c>
      <c r="J33234" s="2">
        <v>0</v>
      </c>
      <c r="K33234" s="2">
        <v>0</v>
      </c>
      <c r="L33234" t="s">
        <v>120</v>
      </c>
      <c r="M33234" t="s">
        <v>83</v>
      </c>
      <c r="N33234" t="s">
        <v>84</v>
      </c>
      <c r="O33234" t="s">
        <v>85</v>
      </c>
      <c r="P33234" t="s">
        <v>86</v>
      </c>
      <c r="Q33234">
        <v>40</v>
      </c>
      <c r="R33234">
        <v>41</v>
      </c>
      <c r="S33234">
        <v>41</v>
      </c>
      <c r="T33234">
        <v>42</v>
      </c>
      <c r="U33234">
        <v>43</v>
      </c>
      <c r="V33234">
        <v>44</v>
      </c>
      <c r="W33234">
        <v>45</v>
      </c>
      <c r="X33234">
        <v>45</v>
      </c>
      <c r="Y33234">
        <v>46</v>
      </c>
      <c r="Z33234">
        <v>47</v>
      </c>
      <c r="AA33234">
        <v>48</v>
      </c>
      <c r="AB33234">
        <v>49</v>
      </c>
      <c r="AC33234">
        <v>49</v>
      </c>
      <c r="AD33234">
        <v>50</v>
      </c>
      <c r="AE33234">
        <v>51</v>
      </c>
      <c r="AF33234">
        <v>52</v>
      </c>
      <c r="AG33234">
        <v>53</v>
      </c>
      <c r="AH33234">
        <v>54</v>
      </c>
      <c r="AI33234">
        <v>55</v>
      </c>
      <c r="AJ33234">
        <v>55</v>
      </c>
      <c r="AK33234">
        <v>56</v>
      </c>
      <c r="AL33234">
        <v>57</v>
      </c>
      <c r="AM33234">
        <v>57</v>
      </c>
      <c r="AN33234">
        <v>58</v>
      </c>
      <c r="AO33234">
        <v>58</v>
      </c>
      <c r="AP33234">
        <v>59</v>
      </c>
      <c r="AQ33234">
        <v>59</v>
      </c>
    </row>
    <row r="33235" spans="1:43">
      <c r="A33235" t="s">
        <v>20589</v>
      </c>
      <c r="B33235" t="s">
        <v>20590</v>
      </c>
      <c r="C33235" t="s">
        <v>20585</v>
      </c>
      <c r="D33235" t="s">
        <v>20586</v>
      </c>
      <c r="E33235" t="s">
        <v>20437</v>
      </c>
      <c r="F33235" t="s">
        <v>20438</v>
      </c>
      <c r="G33235" t="s">
        <v>20255</v>
      </c>
      <c r="H33235" t="s">
        <v>20256</v>
      </c>
      <c r="I33235" s="2">
        <v>1</v>
      </c>
      <c r="J33235" s="2">
        <v>0</v>
      </c>
      <c r="K33235" s="2">
        <v>0</v>
      </c>
      <c r="L33235" t="s">
        <v>120</v>
      </c>
      <c r="M33235" t="s">
        <v>87</v>
      </c>
      <c r="N33235" t="s">
        <v>88</v>
      </c>
      <c r="O33235" t="s">
        <v>85</v>
      </c>
      <c r="P33235" t="s">
        <v>86</v>
      </c>
      <c r="Q33235">
        <v>40</v>
      </c>
      <c r="R33235">
        <v>41</v>
      </c>
      <c r="S33235">
        <v>41</v>
      </c>
      <c r="T33235">
        <v>42</v>
      </c>
      <c r="U33235">
        <v>42</v>
      </c>
      <c r="V33235">
        <v>43</v>
      </c>
      <c r="W33235">
        <v>43</v>
      </c>
      <c r="X33235">
        <v>43</v>
      </c>
      <c r="Y33235">
        <v>44</v>
      </c>
      <c r="Z33235">
        <v>44</v>
      </c>
      <c r="AA33235">
        <v>45</v>
      </c>
      <c r="AB33235">
        <v>45</v>
      </c>
      <c r="AC33235">
        <v>46</v>
      </c>
      <c r="AD33235">
        <v>46</v>
      </c>
      <c r="AE33235">
        <v>47</v>
      </c>
      <c r="AF33235">
        <v>47</v>
      </c>
      <c r="AG33235">
        <v>48</v>
      </c>
      <c r="AH33235">
        <v>48</v>
      </c>
      <c r="AI33235">
        <v>49</v>
      </c>
      <c r="AJ33235">
        <v>49</v>
      </c>
      <c r="AK33235">
        <v>50</v>
      </c>
      <c r="AL33235">
        <v>50</v>
      </c>
      <c r="AM33235">
        <v>51</v>
      </c>
      <c r="AN33235">
        <v>51</v>
      </c>
      <c r="AO33235">
        <v>52</v>
      </c>
      <c r="AP33235">
        <v>52</v>
      </c>
      <c r="AQ33235">
        <v>53</v>
      </c>
    </row>
    <row r="33236" spans="1:43">
      <c r="A33236" t="s">
        <v>20589</v>
      </c>
      <c r="B33236" t="s">
        <v>20590</v>
      </c>
      <c r="C33236" t="s">
        <v>20585</v>
      </c>
      <c r="D33236" t="s">
        <v>20586</v>
      </c>
      <c r="E33236" t="s">
        <v>20437</v>
      </c>
      <c r="F33236" t="s">
        <v>20438</v>
      </c>
      <c r="G33236" t="s">
        <v>20255</v>
      </c>
      <c r="H33236" t="s">
        <v>20256</v>
      </c>
      <c r="I33236" s="2">
        <v>1</v>
      </c>
      <c r="J33236" s="2">
        <v>0</v>
      </c>
      <c r="K33236" s="2">
        <v>0</v>
      </c>
      <c r="L33236" t="s">
        <v>120</v>
      </c>
      <c r="M33236" t="s">
        <v>89</v>
      </c>
      <c r="N33236" t="s">
        <v>90</v>
      </c>
      <c r="O33236" t="s">
        <v>85</v>
      </c>
      <c r="P33236" t="s">
        <v>86</v>
      </c>
      <c r="Q33236">
        <v>40</v>
      </c>
      <c r="R33236">
        <v>41</v>
      </c>
      <c r="S33236">
        <v>42</v>
      </c>
      <c r="T33236">
        <v>44</v>
      </c>
      <c r="U33236">
        <v>45</v>
      </c>
      <c r="V33236">
        <v>46</v>
      </c>
      <c r="W33236">
        <v>47</v>
      </c>
      <c r="X33236">
        <v>48</v>
      </c>
      <c r="Y33236">
        <v>49</v>
      </c>
      <c r="Z33236">
        <v>50</v>
      </c>
      <c r="AA33236">
        <v>51</v>
      </c>
      <c r="AB33236">
        <v>52</v>
      </c>
      <c r="AC33236">
        <v>53</v>
      </c>
      <c r="AD33236">
        <v>54</v>
      </c>
      <c r="AE33236">
        <v>55</v>
      </c>
      <c r="AF33236">
        <v>55</v>
      </c>
      <c r="AG33236">
        <v>55</v>
      </c>
      <c r="AH33236">
        <v>56</v>
      </c>
      <c r="AI33236">
        <v>56</v>
      </c>
      <c r="AJ33236">
        <v>57</v>
      </c>
      <c r="AK33236">
        <v>57</v>
      </c>
      <c r="AL33236">
        <v>58</v>
      </c>
      <c r="AM33236">
        <v>58</v>
      </c>
      <c r="AN33236">
        <v>58</v>
      </c>
      <c r="AO33236">
        <v>59</v>
      </c>
      <c r="AP33236">
        <v>59</v>
      </c>
      <c r="AQ33236">
        <v>60</v>
      </c>
    </row>
    <row r="33237" spans="1:43">
      <c r="A33237" t="s">
        <v>20589</v>
      </c>
      <c r="B33237" t="s">
        <v>20590</v>
      </c>
      <c r="C33237" t="s">
        <v>20585</v>
      </c>
      <c r="D33237" t="s">
        <v>20586</v>
      </c>
      <c r="E33237" t="s">
        <v>20437</v>
      </c>
      <c r="F33237" t="s">
        <v>20438</v>
      </c>
      <c r="G33237" t="s">
        <v>20255</v>
      </c>
      <c r="H33237" t="s">
        <v>20256</v>
      </c>
      <c r="I33237" s="2">
        <v>1</v>
      </c>
      <c r="J33237" s="2">
        <v>0</v>
      </c>
      <c r="K33237" s="2">
        <v>0</v>
      </c>
      <c r="L33237" t="s">
        <v>120</v>
      </c>
      <c r="M33237" t="s">
        <v>83</v>
      </c>
      <c r="N33237" t="s">
        <v>91</v>
      </c>
      <c r="O33237" t="s">
        <v>85</v>
      </c>
      <c r="P33237" t="s">
        <v>86</v>
      </c>
      <c r="Q33237">
        <v>40</v>
      </c>
      <c r="R33237">
        <v>41</v>
      </c>
      <c r="S33237">
        <v>41</v>
      </c>
      <c r="T33237">
        <v>42</v>
      </c>
      <c r="U33237">
        <v>43</v>
      </c>
      <c r="V33237">
        <v>44</v>
      </c>
      <c r="W33237">
        <v>45</v>
      </c>
      <c r="X33237">
        <v>45</v>
      </c>
      <c r="Y33237">
        <v>46</v>
      </c>
      <c r="Z33237">
        <v>47</v>
      </c>
      <c r="AA33237">
        <v>48</v>
      </c>
      <c r="AB33237">
        <v>49</v>
      </c>
      <c r="AC33237">
        <v>49</v>
      </c>
      <c r="AD33237">
        <v>50</v>
      </c>
      <c r="AE33237">
        <v>51</v>
      </c>
      <c r="AF33237">
        <v>52</v>
      </c>
      <c r="AG33237">
        <v>53</v>
      </c>
      <c r="AH33237">
        <v>54</v>
      </c>
      <c r="AI33237">
        <v>55</v>
      </c>
      <c r="AJ33237">
        <v>55</v>
      </c>
      <c r="AK33237">
        <v>56</v>
      </c>
      <c r="AL33237">
        <v>57</v>
      </c>
      <c r="AM33237">
        <v>57</v>
      </c>
      <c r="AN33237">
        <v>58</v>
      </c>
      <c r="AO33237">
        <v>58</v>
      </c>
      <c r="AP33237">
        <v>59</v>
      </c>
      <c r="AQ33237">
        <v>59</v>
      </c>
    </row>
    <row r="33238" spans="1:43">
      <c r="A33238" t="s">
        <v>20591</v>
      </c>
      <c r="B33238" t="s">
        <v>20592</v>
      </c>
      <c r="C33238" t="s">
        <v>20585</v>
      </c>
      <c r="D33238" t="s">
        <v>20586</v>
      </c>
      <c r="E33238" t="s">
        <v>20437</v>
      </c>
      <c r="F33238" t="s">
        <v>20438</v>
      </c>
      <c r="G33238" t="s">
        <v>20255</v>
      </c>
      <c r="H33238" t="s">
        <v>20256</v>
      </c>
      <c r="I33238" s="2">
        <v>1</v>
      </c>
      <c r="J33238" s="2">
        <v>0</v>
      </c>
      <c r="K33238" s="2">
        <v>0</v>
      </c>
      <c r="L33238" t="s">
        <v>120</v>
      </c>
      <c r="M33238" t="s">
        <v>83</v>
      </c>
      <c r="N33238" t="s">
        <v>84</v>
      </c>
      <c r="O33238" t="s">
        <v>85</v>
      </c>
      <c r="P33238" t="s">
        <v>86</v>
      </c>
      <c r="Q33238">
        <v>24</v>
      </c>
      <c r="R33238">
        <v>24</v>
      </c>
      <c r="S33238">
        <v>25</v>
      </c>
      <c r="T33238">
        <v>25</v>
      </c>
      <c r="U33238">
        <v>26</v>
      </c>
      <c r="V33238">
        <v>26</v>
      </c>
      <c r="W33238">
        <v>27</v>
      </c>
      <c r="X33238">
        <v>27</v>
      </c>
      <c r="Y33238">
        <v>27</v>
      </c>
      <c r="Z33238">
        <v>28</v>
      </c>
      <c r="AA33238">
        <v>28</v>
      </c>
      <c r="AB33238">
        <v>29</v>
      </c>
      <c r="AC33238">
        <v>29</v>
      </c>
      <c r="AD33238">
        <v>30</v>
      </c>
      <c r="AE33238">
        <v>30</v>
      </c>
      <c r="AF33238">
        <v>31</v>
      </c>
      <c r="AG33238">
        <v>31</v>
      </c>
      <c r="AH33238">
        <v>32</v>
      </c>
      <c r="AI33238">
        <v>32</v>
      </c>
      <c r="AJ33238">
        <v>33</v>
      </c>
      <c r="AK33238">
        <v>33</v>
      </c>
      <c r="AL33238">
        <v>34</v>
      </c>
      <c r="AM33238">
        <v>34</v>
      </c>
      <c r="AN33238">
        <v>34</v>
      </c>
      <c r="AO33238">
        <v>35</v>
      </c>
      <c r="AP33238">
        <v>35</v>
      </c>
      <c r="AQ33238">
        <v>35</v>
      </c>
    </row>
    <row r="33239" spans="1:43">
      <c r="A33239" t="s">
        <v>20591</v>
      </c>
      <c r="B33239" t="s">
        <v>20592</v>
      </c>
      <c r="C33239" t="s">
        <v>20585</v>
      </c>
      <c r="D33239" t="s">
        <v>20586</v>
      </c>
      <c r="E33239" t="s">
        <v>20437</v>
      </c>
      <c r="F33239" t="s">
        <v>20438</v>
      </c>
      <c r="G33239" t="s">
        <v>20255</v>
      </c>
      <c r="H33239" t="s">
        <v>20256</v>
      </c>
      <c r="I33239" s="2">
        <v>1</v>
      </c>
      <c r="J33239" s="2">
        <v>0</v>
      </c>
      <c r="K33239" s="2">
        <v>0</v>
      </c>
      <c r="L33239" t="s">
        <v>120</v>
      </c>
      <c r="M33239" t="s">
        <v>87</v>
      </c>
      <c r="N33239" t="s">
        <v>88</v>
      </c>
      <c r="O33239" t="s">
        <v>85</v>
      </c>
      <c r="P33239" t="s">
        <v>86</v>
      </c>
      <c r="Q33239">
        <v>24</v>
      </c>
      <c r="R33239">
        <v>25</v>
      </c>
      <c r="S33239">
        <v>25</v>
      </c>
      <c r="T33239">
        <v>25</v>
      </c>
      <c r="U33239">
        <v>25</v>
      </c>
      <c r="V33239">
        <v>26</v>
      </c>
      <c r="W33239">
        <v>26</v>
      </c>
      <c r="X33239">
        <v>26</v>
      </c>
      <c r="Y33239">
        <v>26</v>
      </c>
      <c r="Z33239">
        <v>27</v>
      </c>
      <c r="AA33239">
        <v>27</v>
      </c>
      <c r="AB33239">
        <v>27</v>
      </c>
      <c r="AC33239">
        <v>27</v>
      </c>
      <c r="AD33239">
        <v>28</v>
      </c>
      <c r="AE33239">
        <v>28</v>
      </c>
      <c r="AF33239">
        <v>28</v>
      </c>
      <c r="AG33239">
        <v>29</v>
      </c>
      <c r="AH33239">
        <v>29</v>
      </c>
      <c r="AI33239">
        <v>29</v>
      </c>
      <c r="AJ33239">
        <v>30</v>
      </c>
      <c r="AK33239">
        <v>30</v>
      </c>
      <c r="AL33239">
        <v>30</v>
      </c>
      <c r="AM33239">
        <v>31</v>
      </c>
      <c r="AN33239">
        <v>31</v>
      </c>
      <c r="AO33239">
        <v>31</v>
      </c>
      <c r="AP33239">
        <v>32</v>
      </c>
      <c r="AQ33239">
        <v>32</v>
      </c>
    </row>
    <row r="33240" spans="1:43">
      <c r="A33240" t="s">
        <v>20591</v>
      </c>
      <c r="B33240" t="s">
        <v>20592</v>
      </c>
      <c r="C33240" t="s">
        <v>20585</v>
      </c>
      <c r="D33240" t="s">
        <v>20586</v>
      </c>
      <c r="E33240" t="s">
        <v>20437</v>
      </c>
      <c r="F33240" t="s">
        <v>20438</v>
      </c>
      <c r="G33240" t="s">
        <v>20255</v>
      </c>
      <c r="H33240" t="s">
        <v>20256</v>
      </c>
      <c r="I33240" s="2">
        <v>1</v>
      </c>
      <c r="J33240" s="2">
        <v>0</v>
      </c>
      <c r="K33240" s="2">
        <v>0</v>
      </c>
      <c r="L33240" t="s">
        <v>120</v>
      </c>
      <c r="M33240" t="s">
        <v>89</v>
      </c>
      <c r="N33240" t="s">
        <v>90</v>
      </c>
      <c r="O33240" t="s">
        <v>85</v>
      </c>
      <c r="P33240" t="s">
        <v>86</v>
      </c>
      <c r="Q33240">
        <v>24</v>
      </c>
      <c r="R33240">
        <v>24</v>
      </c>
      <c r="S33240">
        <v>25</v>
      </c>
      <c r="T33240">
        <v>26</v>
      </c>
      <c r="U33240">
        <v>27</v>
      </c>
      <c r="V33240">
        <v>27</v>
      </c>
      <c r="W33240">
        <v>28</v>
      </c>
      <c r="X33240">
        <v>28</v>
      </c>
      <c r="Y33240">
        <v>29</v>
      </c>
      <c r="Z33240">
        <v>30</v>
      </c>
      <c r="AA33240">
        <v>30</v>
      </c>
      <c r="AB33240">
        <v>31</v>
      </c>
      <c r="AC33240">
        <v>31</v>
      </c>
      <c r="AD33240">
        <v>32</v>
      </c>
      <c r="AE33240">
        <v>32</v>
      </c>
      <c r="AF33240">
        <v>33</v>
      </c>
      <c r="AG33240">
        <v>33</v>
      </c>
      <c r="AH33240">
        <v>33</v>
      </c>
      <c r="AI33240">
        <v>33</v>
      </c>
      <c r="AJ33240">
        <v>34</v>
      </c>
      <c r="AK33240">
        <v>34</v>
      </c>
      <c r="AL33240">
        <v>34</v>
      </c>
      <c r="AM33240">
        <v>35</v>
      </c>
      <c r="AN33240">
        <v>35</v>
      </c>
      <c r="AO33240">
        <v>35</v>
      </c>
      <c r="AP33240">
        <v>35</v>
      </c>
      <c r="AQ33240">
        <v>36</v>
      </c>
    </row>
    <row r="33241" spans="1:43">
      <c r="A33241" t="s">
        <v>20591</v>
      </c>
      <c r="B33241" t="s">
        <v>20592</v>
      </c>
      <c r="C33241" t="s">
        <v>20585</v>
      </c>
      <c r="D33241" t="s">
        <v>20586</v>
      </c>
      <c r="E33241" t="s">
        <v>20437</v>
      </c>
      <c r="F33241" t="s">
        <v>20438</v>
      </c>
      <c r="G33241" t="s">
        <v>20255</v>
      </c>
      <c r="H33241" t="s">
        <v>20256</v>
      </c>
      <c r="I33241" s="2">
        <v>1</v>
      </c>
      <c r="J33241" s="2">
        <v>0</v>
      </c>
      <c r="K33241" s="2">
        <v>0</v>
      </c>
      <c r="L33241" t="s">
        <v>120</v>
      </c>
      <c r="M33241" t="s">
        <v>83</v>
      </c>
      <c r="N33241" t="s">
        <v>91</v>
      </c>
      <c r="O33241" t="s">
        <v>85</v>
      </c>
      <c r="P33241" t="s">
        <v>86</v>
      </c>
      <c r="Q33241">
        <v>24</v>
      </c>
      <c r="R33241">
        <v>24</v>
      </c>
      <c r="S33241">
        <v>25</v>
      </c>
      <c r="T33241">
        <v>25</v>
      </c>
      <c r="U33241">
        <v>26</v>
      </c>
      <c r="V33241">
        <v>26</v>
      </c>
      <c r="W33241">
        <v>27</v>
      </c>
      <c r="X33241">
        <v>27</v>
      </c>
      <c r="Y33241">
        <v>27</v>
      </c>
      <c r="Z33241">
        <v>28</v>
      </c>
      <c r="AA33241">
        <v>28</v>
      </c>
      <c r="AB33241">
        <v>29</v>
      </c>
      <c r="AC33241">
        <v>29</v>
      </c>
      <c r="AD33241">
        <v>30</v>
      </c>
      <c r="AE33241">
        <v>30</v>
      </c>
      <c r="AF33241">
        <v>31</v>
      </c>
      <c r="AG33241">
        <v>31</v>
      </c>
      <c r="AH33241">
        <v>32</v>
      </c>
      <c r="AI33241">
        <v>32</v>
      </c>
      <c r="AJ33241">
        <v>33</v>
      </c>
      <c r="AK33241">
        <v>33</v>
      </c>
      <c r="AL33241">
        <v>34</v>
      </c>
      <c r="AM33241">
        <v>34</v>
      </c>
      <c r="AN33241">
        <v>34</v>
      </c>
      <c r="AO33241">
        <v>35</v>
      </c>
      <c r="AP33241">
        <v>35</v>
      </c>
      <c r="AQ33241">
        <v>35</v>
      </c>
    </row>
    <row r="33242" spans="1:43">
      <c r="A33242" t="s">
        <v>20593</v>
      </c>
      <c r="B33242" t="s">
        <v>20594</v>
      </c>
      <c r="C33242" t="s">
        <v>20595</v>
      </c>
      <c r="D33242" t="s">
        <v>20596</v>
      </c>
      <c r="E33242" t="s">
        <v>20437</v>
      </c>
      <c r="F33242" t="s">
        <v>20438</v>
      </c>
      <c r="G33242" t="s">
        <v>20255</v>
      </c>
      <c r="H33242" t="s">
        <v>20256</v>
      </c>
      <c r="I33242" s="2">
        <v>1</v>
      </c>
      <c r="J33242" s="2">
        <v>0</v>
      </c>
      <c r="K33242" s="2">
        <v>0</v>
      </c>
      <c r="L33242" t="s">
        <v>120</v>
      </c>
      <c r="M33242" t="s">
        <v>83</v>
      </c>
      <c r="N33242" t="s">
        <v>84</v>
      </c>
      <c r="O33242" t="s">
        <v>85</v>
      </c>
      <c r="P33242" t="s">
        <v>86</v>
      </c>
      <c r="Q33242">
        <v>8</v>
      </c>
      <c r="R33242">
        <v>8</v>
      </c>
      <c r="S33242">
        <v>9</v>
      </c>
      <c r="T33242">
        <v>9</v>
      </c>
      <c r="U33242">
        <v>9</v>
      </c>
      <c r="V33242">
        <v>9</v>
      </c>
      <c r="W33242">
        <v>9</v>
      </c>
      <c r="X33242">
        <v>9</v>
      </c>
      <c r="Y33242">
        <v>10</v>
      </c>
      <c r="Z33242">
        <v>10</v>
      </c>
      <c r="AA33242">
        <v>10</v>
      </c>
      <c r="AB33242">
        <v>10</v>
      </c>
      <c r="AC33242">
        <v>10</v>
      </c>
      <c r="AD33242">
        <v>10</v>
      </c>
      <c r="AE33242">
        <v>11</v>
      </c>
      <c r="AF33242">
        <v>11</v>
      </c>
      <c r="AG33242">
        <v>11</v>
      </c>
      <c r="AH33242">
        <v>11</v>
      </c>
      <c r="AI33242">
        <v>11</v>
      </c>
      <c r="AJ33242">
        <v>11</v>
      </c>
      <c r="AK33242">
        <v>12</v>
      </c>
      <c r="AL33242">
        <v>12</v>
      </c>
      <c r="AM33242">
        <v>12</v>
      </c>
      <c r="AN33242">
        <v>12</v>
      </c>
      <c r="AO33242">
        <v>12</v>
      </c>
      <c r="AP33242">
        <v>12</v>
      </c>
      <c r="AQ33242">
        <v>12</v>
      </c>
    </row>
    <row r="33243" spans="1:43">
      <c r="A33243" t="s">
        <v>20593</v>
      </c>
      <c r="B33243" t="s">
        <v>20594</v>
      </c>
      <c r="C33243" t="s">
        <v>20595</v>
      </c>
      <c r="D33243" t="s">
        <v>20596</v>
      </c>
      <c r="E33243" t="s">
        <v>20437</v>
      </c>
      <c r="F33243" t="s">
        <v>20438</v>
      </c>
      <c r="G33243" t="s">
        <v>20255</v>
      </c>
      <c r="H33243" t="s">
        <v>20256</v>
      </c>
      <c r="I33243" s="2">
        <v>1</v>
      </c>
      <c r="J33243" s="2">
        <v>0</v>
      </c>
      <c r="K33243" s="2">
        <v>0</v>
      </c>
      <c r="L33243" t="s">
        <v>120</v>
      </c>
      <c r="M33243" t="s">
        <v>87</v>
      </c>
      <c r="N33243" t="s">
        <v>88</v>
      </c>
      <c r="O33243" t="s">
        <v>85</v>
      </c>
      <c r="P33243" t="s">
        <v>86</v>
      </c>
      <c r="Q33243">
        <v>8</v>
      </c>
      <c r="R33243">
        <v>8</v>
      </c>
      <c r="S33243">
        <v>8</v>
      </c>
      <c r="T33243">
        <v>8</v>
      </c>
      <c r="U33243">
        <v>8</v>
      </c>
      <c r="V33243">
        <v>9</v>
      </c>
      <c r="W33243">
        <v>9</v>
      </c>
      <c r="X33243">
        <v>9</v>
      </c>
      <c r="Y33243">
        <v>9</v>
      </c>
      <c r="Z33243">
        <v>9</v>
      </c>
      <c r="AA33243">
        <v>9</v>
      </c>
      <c r="AB33243">
        <v>9</v>
      </c>
      <c r="AC33243">
        <v>9</v>
      </c>
      <c r="AD33243">
        <v>9</v>
      </c>
      <c r="AE33243">
        <v>9</v>
      </c>
      <c r="AF33243">
        <v>10</v>
      </c>
      <c r="AG33243">
        <v>10</v>
      </c>
      <c r="AH33243">
        <v>10</v>
      </c>
      <c r="AI33243">
        <v>10</v>
      </c>
      <c r="AJ33243">
        <v>10</v>
      </c>
      <c r="AK33243">
        <v>10</v>
      </c>
      <c r="AL33243">
        <v>10</v>
      </c>
      <c r="AM33243">
        <v>10</v>
      </c>
      <c r="AN33243">
        <v>10</v>
      </c>
      <c r="AO33243">
        <v>11</v>
      </c>
      <c r="AP33243">
        <v>11</v>
      </c>
      <c r="AQ33243">
        <v>11</v>
      </c>
    </row>
    <row r="33244" spans="1:43">
      <c r="A33244" t="s">
        <v>20593</v>
      </c>
      <c r="B33244" t="s">
        <v>20594</v>
      </c>
      <c r="C33244" t="s">
        <v>20595</v>
      </c>
      <c r="D33244" t="s">
        <v>20596</v>
      </c>
      <c r="E33244" t="s">
        <v>20437</v>
      </c>
      <c r="F33244" t="s">
        <v>20438</v>
      </c>
      <c r="G33244" t="s">
        <v>20255</v>
      </c>
      <c r="H33244" t="s">
        <v>20256</v>
      </c>
      <c r="I33244" s="2">
        <v>1</v>
      </c>
      <c r="J33244" s="2">
        <v>0</v>
      </c>
      <c r="K33244" s="2">
        <v>0</v>
      </c>
      <c r="L33244" t="s">
        <v>120</v>
      </c>
      <c r="M33244" t="s">
        <v>89</v>
      </c>
      <c r="N33244" t="s">
        <v>90</v>
      </c>
      <c r="O33244" t="s">
        <v>85</v>
      </c>
      <c r="P33244" t="s">
        <v>86</v>
      </c>
      <c r="Q33244">
        <v>8</v>
      </c>
      <c r="R33244">
        <v>9</v>
      </c>
      <c r="S33244">
        <v>9</v>
      </c>
      <c r="T33244">
        <v>9</v>
      </c>
      <c r="U33244">
        <v>9</v>
      </c>
      <c r="V33244">
        <v>9</v>
      </c>
      <c r="W33244">
        <v>10</v>
      </c>
      <c r="X33244">
        <v>10</v>
      </c>
      <c r="Y33244">
        <v>10</v>
      </c>
      <c r="Z33244">
        <v>10</v>
      </c>
      <c r="AA33244">
        <v>10</v>
      </c>
      <c r="AB33244">
        <v>11</v>
      </c>
      <c r="AC33244">
        <v>11</v>
      </c>
      <c r="AD33244">
        <v>11</v>
      </c>
      <c r="AE33244">
        <v>11</v>
      </c>
      <c r="AF33244">
        <v>11</v>
      </c>
      <c r="AG33244">
        <v>11</v>
      </c>
      <c r="AH33244">
        <v>11</v>
      </c>
      <c r="AI33244">
        <v>12</v>
      </c>
      <c r="AJ33244">
        <v>12</v>
      </c>
      <c r="AK33244">
        <v>12</v>
      </c>
      <c r="AL33244">
        <v>12</v>
      </c>
      <c r="AM33244">
        <v>12</v>
      </c>
      <c r="AN33244">
        <v>12</v>
      </c>
      <c r="AO33244">
        <v>12</v>
      </c>
      <c r="AP33244">
        <v>12</v>
      </c>
      <c r="AQ33244">
        <v>12</v>
      </c>
    </row>
    <row r="33245" spans="1:43">
      <c r="A33245" t="s">
        <v>20593</v>
      </c>
      <c r="B33245" t="s">
        <v>20594</v>
      </c>
      <c r="C33245" t="s">
        <v>20595</v>
      </c>
      <c r="D33245" t="s">
        <v>20596</v>
      </c>
      <c r="E33245" t="s">
        <v>20437</v>
      </c>
      <c r="F33245" t="s">
        <v>20438</v>
      </c>
      <c r="G33245" t="s">
        <v>20255</v>
      </c>
      <c r="H33245" t="s">
        <v>20256</v>
      </c>
      <c r="I33245" s="2">
        <v>1</v>
      </c>
      <c r="J33245" s="2">
        <v>0</v>
      </c>
      <c r="K33245" s="2">
        <v>0</v>
      </c>
      <c r="L33245" t="s">
        <v>120</v>
      </c>
      <c r="M33245" t="s">
        <v>83</v>
      </c>
      <c r="N33245" t="s">
        <v>91</v>
      </c>
      <c r="O33245" t="s">
        <v>85</v>
      </c>
      <c r="P33245" t="s">
        <v>86</v>
      </c>
      <c r="Q33245">
        <v>8</v>
      </c>
      <c r="R33245">
        <v>8</v>
      </c>
      <c r="S33245">
        <v>9</v>
      </c>
      <c r="T33245">
        <v>9</v>
      </c>
      <c r="U33245">
        <v>9</v>
      </c>
      <c r="V33245">
        <v>9</v>
      </c>
      <c r="W33245">
        <v>9</v>
      </c>
      <c r="X33245">
        <v>9</v>
      </c>
      <c r="Y33245">
        <v>10</v>
      </c>
      <c r="Z33245">
        <v>10</v>
      </c>
      <c r="AA33245">
        <v>10</v>
      </c>
      <c r="AB33245">
        <v>10</v>
      </c>
      <c r="AC33245">
        <v>10</v>
      </c>
      <c r="AD33245">
        <v>10</v>
      </c>
      <c r="AE33245">
        <v>11</v>
      </c>
      <c r="AF33245">
        <v>11</v>
      </c>
      <c r="AG33245">
        <v>11</v>
      </c>
      <c r="AH33245">
        <v>11</v>
      </c>
      <c r="AI33245">
        <v>11</v>
      </c>
      <c r="AJ33245">
        <v>11</v>
      </c>
      <c r="AK33245">
        <v>12</v>
      </c>
      <c r="AL33245">
        <v>12</v>
      </c>
      <c r="AM33245">
        <v>12</v>
      </c>
      <c r="AN33245">
        <v>12</v>
      </c>
      <c r="AO33245">
        <v>12</v>
      </c>
      <c r="AP33245">
        <v>12</v>
      </c>
      <c r="AQ33245">
        <v>12</v>
      </c>
    </row>
    <row r="33246" spans="1:43">
      <c r="A33246" t="s">
        <v>20597</v>
      </c>
      <c r="B33246" t="s">
        <v>20598</v>
      </c>
      <c r="C33246" t="s">
        <v>20595</v>
      </c>
      <c r="D33246" t="s">
        <v>20596</v>
      </c>
      <c r="E33246" t="s">
        <v>20437</v>
      </c>
      <c r="F33246" t="s">
        <v>20438</v>
      </c>
      <c r="G33246" t="s">
        <v>20255</v>
      </c>
      <c r="H33246" t="s">
        <v>20256</v>
      </c>
      <c r="I33246" s="2">
        <v>1</v>
      </c>
      <c r="J33246" s="2">
        <v>0</v>
      </c>
      <c r="K33246" s="2">
        <v>0</v>
      </c>
      <c r="L33246" t="s">
        <v>120</v>
      </c>
      <c r="M33246" t="s">
        <v>83</v>
      </c>
      <c r="N33246" t="s">
        <v>84</v>
      </c>
      <c r="O33246" t="s">
        <v>85</v>
      </c>
      <c r="P33246" t="s">
        <v>86</v>
      </c>
      <c r="Q33246">
        <v>4</v>
      </c>
      <c r="R33246">
        <v>4</v>
      </c>
      <c r="S33246">
        <v>4</v>
      </c>
      <c r="T33246">
        <v>4</v>
      </c>
      <c r="U33246">
        <v>4</v>
      </c>
      <c r="V33246">
        <v>4</v>
      </c>
      <c r="W33246">
        <v>4</v>
      </c>
      <c r="X33246">
        <v>5</v>
      </c>
      <c r="Y33246">
        <v>5</v>
      </c>
      <c r="Z33246">
        <v>5</v>
      </c>
      <c r="AA33246">
        <v>5</v>
      </c>
      <c r="AB33246">
        <v>5</v>
      </c>
      <c r="AC33246">
        <v>5</v>
      </c>
      <c r="AD33246">
        <v>5</v>
      </c>
      <c r="AE33246">
        <v>5</v>
      </c>
      <c r="AF33246">
        <v>5</v>
      </c>
      <c r="AG33246">
        <v>5</v>
      </c>
      <c r="AH33246">
        <v>5</v>
      </c>
      <c r="AI33246">
        <v>5</v>
      </c>
      <c r="AJ33246">
        <v>6</v>
      </c>
      <c r="AK33246">
        <v>6</v>
      </c>
      <c r="AL33246">
        <v>6</v>
      </c>
      <c r="AM33246">
        <v>6</v>
      </c>
      <c r="AN33246">
        <v>6</v>
      </c>
      <c r="AO33246">
        <v>6</v>
      </c>
      <c r="AP33246">
        <v>6</v>
      </c>
      <c r="AQ33246">
        <v>6</v>
      </c>
    </row>
    <row r="33247" spans="1:43">
      <c r="A33247" t="s">
        <v>20597</v>
      </c>
      <c r="B33247" t="s">
        <v>20598</v>
      </c>
      <c r="C33247" t="s">
        <v>20595</v>
      </c>
      <c r="D33247" t="s">
        <v>20596</v>
      </c>
      <c r="E33247" t="s">
        <v>20437</v>
      </c>
      <c r="F33247" t="s">
        <v>20438</v>
      </c>
      <c r="G33247" t="s">
        <v>20255</v>
      </c>
      <c r="H33247" t="s">
        <v>20256</v>
      </c>
      <c r="I33247" s="2">
        <v>1</v>
      </c>
      <c r="J33247" s="2">
        <v>0</v>
      </c>
      <c r="K33247" s="2">
        <v>0</v>
      </c>
      <c r="L33247" t="s">
        <v>120</v>
      </c>
      <c r="M33247" t="s">
        <v>87</v>
      </c>
      <c r="N33247" t="s">
        <v>88</v>
      </c>
      <c r="O33247" t="s">
        <v>85</v>
      </c>
      <c r="P33247" t="s">
        <v>86</v>
      </c>
      <c r="Q33247">
        <v>4</v>
      </c>
      <c r="R33247">
        <v>4</v>
      </c>
      <c r="S33247">
        <v>4</v>
      </c>
      <c r="T33247">
        <v>4</v>
      </c>
      <c r="U33247">
        <v>4</v>
      </c>
      <c r="V33247">
        <v>4</v>
      </c>
      <c r="W33247">
        <v>4</v>
      </c>
      <c r="X33247">
        <v>4</v>
      </c>
      <c r="Y33247">
        <v>4</v>
      </c>
      <c r="Z33247">
        <v>4</v>
      </c>
      <c r="AA33247">
        <v>4</v>
      </c>
      <c r="AB33247">
        <v>4</v>
      </c>
      <c r="AC33247">
        <v>4</v>
      </c>
      <c r="AD33247">
        <v>5</v>
      </c>
      <c r="AE33247">
        <v>5</v>
      </c>
      <c r="AF33247">
        <v>5</v>
      </c>
      <c r="AG33247">
        <v>5</v>
      </c>
      <c r="AH33247">
        <v>5</v>
      </c>
      <c r="AI33247">
        <v>5</v>
      </c>
      <c r="AJ33247">
        <v>5</v>
      </c>
      <c r="AK33247">
        <v>5</v>
      </c>
      <c r="AL33247">
        <v>5</v>
      </c>
      <c r="AM33247">
        <v>5</v>
      </c>
      <c r="AN33247">
        <v>5</v>
      </c>
      <c r="AO33247">
        <v>5</v>
      </c>
      <c r="AP33247">
        <v>5</v>
      </c>
      <c r="AQ33247">
        <v>5</v>
      </c>
    </row>
    <row r="33248" spans="1:43">
      <c r="A33248" t="s">
        <v>20597</v>
      </c>
      <c r="B33248" t="s">
        <v>20598</v>
      </c>
      <c r="C33248" t="s">
        <v>20595</v>
      </c>
      <c r="D33248" t="s">
        <v>20596</v>
      </c>
      <c r="E33248" t="s">
        <v>20437</v>
      </c>
      <c r="F33248" t="s">
        <v>20438</v>
      </c>
      <c r="G33248" t="s">
        <v>20255</v>
      </c>
      <c r="H33248" t="s">
        <v>20256</v>
      </c>
      <c r="I33248" s="2">
        <v>1</v>
      </c>
      <c r="J33248" s="2">
        <v>0</v>
      </c>
      <c r="K33248" s="2">
        <v>0</v>
      </c>
      <c r="L33248" t="s">
        <v>120</v>
      </c>
      <c r="M33248" t="s">
        <v>89</v>
      </c>
      <c r="N33248" t="s">
        <v>90</v>
      </c>
      <c r="O33248" t="s">
        <v>85</v>
      </c>
      <c r="P33248" t="s">
        <v>86</v>
      </c>
      <c r="Q33248">
        <v>4</v>
      </c>
      <c r="R33248">
        <v>4</v>
      </c>
      <c r="S33248">
        <v>4</v>
      </c>
      <c r="T33248">
        <v>4</v>
      </c>
      <c r="U33248">
        <v>4</v>
      </c>
      <c r="V33248">
        <v>5</v>
      </c>
      <c r="W33248">
        <v>5</v>
      </c>
      <c r="X33248">
        <v>5</v>
      </c>
      <c r="Y33248">
        <v>5</v>
      </c>
      <c r="Z33248">
        <v>5</v>
      </c>
      <c r="AA33248">
        <v>5</v>
      </c>
      <c r="AB33248">
        <v>5</v>
      </c>
      <c r="AC33248">
        <v>5</v>
      </c>
      <c r="AD33248">
        <v>5</v>
      </c>
      <c r="AE33248">
        <v>5</v>
      </c>
      <c r="AF33248">
        <v>6</v>
      </c>
      <c r="AG33248">
        <v>6</v>
      </c>
      <c r="AH33248">
        <v>6</v>
      </c>
      <c r="AI33248">
        <v>6</v>
      </c>
      <c r="AJ33248">
        <v>6</v>
      </c>
      <c r="AK33248">
        <v>6</v>
      </c>
      <c r="AL33248">
        <v>6</v>
      </c>
      <c r="AM33248">
        <v>6</v>
      </c>
      <c r="AN33248">
        <v>6</v>
      </c>
      <c r="AO33248">
        <v>6</v>
      </c>
      <c r="AP33248">
        <v>6</v>
      </c>
      <c r="AQ33248">
        <v>6</v>
      </c>
    </row>
    <row r="33249" spans="1:43">
      <c r="A33249" t="s">
        <v>20597</v>
      </c>
      <c r="B33249" t="s">
        <v>20598</v>
      </c>
      <c r="C33249" t="s">
        <v>20595</v>
      </c>
      <c r="D33249" t="s">
        <v>20596</v>
      </c>
      <c r="E33249" t="s">
        <v>20437</v>
      </c>
      <c r="F33249" t="s">
        <v>20438</v>
      </c>
      <c r="G33249" t="s">
        <v>20255</v>
      </c>
      <c r="H33249" t="s">
        <v>20256</v>
      </c>
      <c r="I33249" s="2">
        <v>1</v>
      </c>
      <c r="J33249" s="2">
        <v>0</v>
      </c>
      <c r="K33249" s="2">
        <v>0</v>
      </c>
      <c r="L33249" t="s">
        <v>120</v>
      </c>
      <c r="M33249" t="s">
        <v>83</v>
      </c>
      <c r="N33249" t="s">
        <v>91</v>
      </c>
      <c r="O33249" t="s">
        <v>85</v>
      </c>
      <c r="P33249" t="s">
        <v>86</v>
      </c>
      <c r="Q33249">
        <v>4</v>
      </c>
      <c r="R33249">
        <v>4</v>
      </c>
      <c r="S33249">
        <v>4</v>
      </c>
      <c r="T33249">
        <v>4</v>
      </c>
      <c r="U33249">
        <v>4</v>
      </c>
      <c r="V33249">
        <v>4</v>
      </c>
      <c r="W33249">
        <v>4</v>
      </c>
      <c r="X33249">
        <v>5</v>
      </c>
      <c r="Y33249">
        <v>5</v>
      </c>
      <c r="Z33249">
        <v>5</v>
      </c>
      <c r="AA33249">
        <v>5</v>
      </c>
      <c r="AB33249">
        <v>5</v>
      </c>
      <c r="AC33249">
        <v>5</v>
      </c>
      <c r="AD33249">
        <v>5</v>
      </c>
      <c r="AE33249">
        <v>5</v>
      </c>
      <c r="AF33249">
        <v>5</v>
      </c>
      <c r="AG33249">
        <v>5</v>
      </c>
      <c r="AH33249">
        <v>5</v>
      </c>
      <c r="AI33249">
        <v>5</v>
      </c>
      <c r="AJ33249">
        <v>6</v>
      </c>
      <c r="AK33249">
        <v>6</v>
      </c>
      <c r="AL33249">
        <v>6</v>
      </c>
      <c r="AM33249">
        <v>6</v>
      </c>
      <c r="AN33249">
        <v>6</v>
      </c>
      <c r="AO33249">
        <v>6</v>
      </c>
      <c r="AP33249">
        <v>6</v>
      </c>
      <c r="AQ33249">
        <v>6</v>
      </c>
    </row>
    <row r="33250" spans="1:43">
      <c r="A33250" t="s">
        <v>20599</v>
      </c>
      <c r="B33250" t="s">
        <v>20600</v>
      </c>
      <c r="C33250" t="s">
        <v>20595</v>
      </c>
      <c r="D33250" t="s">
        <v>20596</v>
      </c>
      <c r="E33250" t="s">
        <v>20437</v>
      </c>
      <c r="F33250" t="s">
        <v>20438</v>
      </c>
      <c r="G33250" t="s">
        <v>20255</v>
      </c>
      <c r="H33250" t="s">
        <v>20256</v>
      </c>
      <c r="I33250" s="2">
        <v>1</v>
      </c>
      <c r="J33250" s="2">
        <v>0</v>
      </c>
      <c r="K33250" s="2">
        <v>0</v>
      </c>
      <c r="L33250" t="s">
        <v>120</v>
      </c>
      <c r="M33250" t="s">
        <v>83</v>
      </c>
      <c r="N33250" t="s">
        <v>84</v>
      </c>
      <c r="O33250" t="s">
        <v>85</v>
      </c>
      <c r="P33250" t="s">
        <v>86</v>
      </c>
      <c r="Q33250">
        <v>25</v>
      </c>
      <c r="R33250">
        <v>26</v>
      </c>
      <c r="S33250">
        <v>26</v>
      </c>
      <c r="T33250">
        <v>27</v>
      </c>
      <c r="U33250">
        <v>27</v>
      </c>
      <c r="V33250">
        <v>28</v>
      </c>
      <c r="W33250">
        <v>28</v>
      </c>
      <c r="X33250">
        <v>29</v>
      </c>
      <c r="Y33250">
        <v>29</v>
      </c>
      <c r="Z33250">
        <v>30</v>
      </c>
      <c r="AA33250">
        <v>30</v>
      </c>
      <c r="AB33250">
        <v>31</v>
      </c>
      <c r="AC33250">
        <v>31</v>
      </c>
      <c r="AD33250">
        <v>32</v>
      </c>
      <c r="AE33250">
        <v>32</v>
      </c>
      <c r="AF33250">
        <v>33</v>
      </c>
      <c r="AG33250">
        <v>33</v>
      </c>
      <c r="AH33250">
        <v>34</v>
      </c>
      <c r="AI33250">
        <v>34</v>
      </c>
      <c r="AJ33250">
        <v>35</v>
      </c>
      <c r="AK33250">
        <v>36</v>
      </c>
      <c r="AL33250">
        <v>36</v>
      </c>
      <c r="AM33250">
        <v>36</v>
      </c>
      <c r="AN33250">
        <v>37</v>
      </c>
      <c r="AO33250">
        <v>37</v>
      </c>
      <c r="AP33250">
        <v>37</v>
      </c>
      <c r="AQ33250">
        <v>37</v>
      </c>
    </row>
    <row r="33251" spans="1:43">
      <c r="A33251" t="s">
        <v>20599</v>
      </c>
      <c r="B33251" t="s">
        <v>20600</v>
      </c>
      <c r="C33251" t="s">
        <v>20595</v>
      </c>
      <c r="D33251" t="s">
        <v>20596</v>
      </c>
      <c r="E33251" t="s">
        <v>20437</v>
      </c>
      <c r="F33251" t="s">
        <v>20438</v>
      </c>
      <c r="G33251" t="s">
        <v>20255</v>
      </c>
      <c r="H33251" t="s">
        <v>20256</v>
      </c>
      <c r="I33251" s="2">
        <v>1</v>
      </c>
      <c r="J33251" s="2">
        <v>0</v>
      </c>
      <c r="K33251" s="2">
        <v>0</v>
      </c>
      <c r="L33251" t="s">
        <v>120</v>
      </c>
      <c r="M33251" t="s">
        <v>87</v>
      </c>
      <c r="N33251" t="s">
        <v>88</v>
      </c>
      <c r="O33251" t="s">
        <v>85</v>
      </c>
      <c r="P33251" t="s">
        <v>86</v>
      </c>
      <c r="Q33251">
        <v>25</v>
      </c>
      <c r="R33251">
        <v>25</v>
      </c>
      <c r="S33251">
        <v>25</v>
      </c>
      <c r="T33251">
        <v>26</v>
      </c>
      <c r="U33251">
        <v>26</v>
      </c>
      <c r="V33251">
        <v>26</v>
      </c>
      <c r="W33251">
        <v>26</v>
      </c>
      <c r="X33251">
        <v>27</v>
      </c>
      <c r="Y33251">
        <v>27</v>
      </c>
      <c r="Z33251">
        <v>27</v>
      </c>
      <c r="AA33251">
        <v>28</v>
      </c>
      <c r="AB33251">
        <v>28</v>
      </c>
      <c r="AC33251">
        <v>28</v>
      </c>
      <c r="AD33251">
        <v>28</v>
      </c>
      <c r="AE33251">
        <v>29</v>
      </c>
      <c r="AF33251">
        <v>29</v>
      </c>
      <c r="AG33251">
        <v>29</v>
      </c>
      <c r="AH33251">
        <v>30</v>
      </c>
      <c r="AI33251">
        <v>30</v>
      </c>
      <c r="AJ33251">
        <v>30</v>
      </c>
      <c r="AK33251">
        <v>31</v>
      </c>
      <c r="AL33251">
        <v>31</v>
      </c>
      <c r="AM33251">
        <v>31</v>
      </c>
      <c r="AN33251">
        <v>32</v>
      </c>
      <c r="AO33251">
        <v>32</v>
      </c>
      <c r="AP33251">
        <v>33</v>
      </c>
      <c r="AQ33251">
        <v>33</v>
      </c>
    </row>
    <row r="33252" spans="1:43">
      <c r="A33252" t="s">
        <v>20599</v>
      </c>
      <c r="B33252" t="s">
        <v>20600</v>
      </c>
      <c r="C33252" t="s">
        <v>20595</v>
      </c>
      <c r="D33252" t="s">
        <v>20596</v>
      </c>
      <c r="E33252" t="s">
        <v>20437</v>
      </c>
      <c r="F33252" t="s">
        <v>20438</v>
      </c>
      <c r="G33252" t="s">
        <v>20255</v>
      </c>
      <c r="H33252" t="s">
        <v>20256</v>
      </c>
      <c r="I33252" s="2">
        <v>1</v>
      </c>
      <c r="J33252" s="2">
        <v>0</v>
      </c>
      <c r="K33252" s="2">
        <v>0</v>
      </c>
      <c r="L33252" t="s">
        <v>120</v>
      </c>
      <c r="M33252" t="s">
        <v>89</v>
      </c>
      <c r="N33252" t="s">
        <v>90</v>
      </c>
      <c r="O33252" t="s">
        <v>85</v>
      </c>
      <c r="P33252" t="s">
        <v>86</v>
      </c>
      <c r="Q33252">
        <v>25</v>
      </c>
      <c r="R33252">
        <v>26</v>
      </c>
      <c r="S33252">
        <v>27</v>
      </c>
      <c r="T33252">
        <v>28</v>
      </c>
      <c r="U33252">
        <v>28</v>
      </c>
      <c r="V33252">
        <v>29</v>
      </c>
      <c r="W33252">
        <v>29</v>
      </c>
      <c r="X33252">
        <v>30</v>
      </c>
      <c r="Y33252">
        <v>31</v>
      </c>
      <c r="Z33252">
        <v>31</v>
      </c>
      <c r="AA33252">
        <v>32</v>
      </c>
      <c r="AB33252">
        <v>33</v>
      </c>
      <c r="AC33252">
        <v>33</v>
      </c>
      <c r="AD33252">
        <v>34</v>
      </c>
      <c r="AE33252">
        <v>34</v>
      </c>
      <c r="AF33252">
        <v>35</v>
      </c>
      <c r="AG33252">
        <v>35</v>
      </c>
      <c r="AH33252">
        <v>35</v>
      </c>
      <c r="AI33252">
        <v>35</v>
      </c>
      <c r="AJ33252">
        <v>36</v>
      </c>
      <c r="AK33252">
        <v>36</v>
      </c>
      <c r="AL33252">
        <v>36</v>
      </c>
      <c r="AM33252">
        <v>37</v>
      </c>
      <c r="AN33252">
        <v>37</v>
      </c>
      <c r="AO33252">
        <v>37</v>
      </c>
      <c r="AP33252">
        <v>37</v>
      </c>
      <c r="AQ33252">
        <v>38</v>
      </c>
    </row>
    <row r="33253" spans="1:43">
      <c r="A33253" t="s">
        <v>20599</v>
      </c>
      <c r="B33253" t="s">
        <v>20600</v>
      </c>
      <c r="C33253" t="s">
        <v>20595</v>
      </c>
      <c r="D33253" t="s">
        <v>20596</v>
      </c>
      <c r="E33253" t="s">
        <v>20437</v>
      </c>
      <c r="F33253" t="s">
        <v>20438</v>
      </c>
      <c r="G33253" t="s">
        <v>20255</v>
      </c>
      <c r="H33253" t="s">
        <v>20256</v>
      </c>
      <c r="I33253" s="2">
        <v>1</v>
      </c>
      <c r="J33253" s="2">
        <v>0</v>
      </c>
      <c r="K33253" s="2">
        <v>0</v>
      </c>
      <c r="L33253" t="s">
        <v>120</v>
      </c>
      <c r="M33253" t="s">
        <v>83</v>
      </c>
      <c r="N33253" t="s">
        <v>91</v>
      </c>
      <c r="O33253" t="s">
        <v>85</v>
      </c>
      <c r="P33253" t="s">
        <v>86</v>
      </c>
      <c r="Q33253">
        <v>25</v>
      </c>
      <c r="R33253">
        <v>26</v>
      </c>
      <c r="S33253">
        <v>26</v>
      </c>
      <c r="T33253">
        <v>27</v>
      </c>
      <c r="U33253">
        <v>27</v>
      </c>
      <c r="V33253">
        <v>28</v>
      </c>
      <c r="W33253">
        <v>28</v>
      </c>
      <c r="X33253">
        <v>29</v>
      </c>
      <c r="Y33253">
        <v>29</v>
      </c>
      <c r="Z33253">
        <v>30</v>
      </c>
      <c r="AA33253">
        <v>30</v>
      </c>
      <c r="AB33253">
        <v>31</v>
      </c>
      <c r="AC33253">
        <v>31</v>
      </c>
      <c r="AD33253">
        <v>32</v>
      </c>
      <c r="AE33253">
        <v>32</v>
      </c>
      <c r="AF33253">
        <v>33</v>
      </c>
      <c r="AG33253">
        <v>33</v>
      </c>
      <c r="AH33253">
        <v>34</v>
      </c>
      <c r="AI33253">
        <v>34</v>
      </c>
      <c r="AJ33253">
        <v>35</v>
      </c>
      <c r="AK33253">
        <v>36</v>
      </c>
      <c r="AL33253">
        <v>36</v>
      </c>
      <c r="AM33253">
        <v>36</v>
      </c>
      <c r="AN33253">
        <v>37</v>
      </c>
      <c r="AO33253">
        <v>37</v>
      </c>
      <c r="AP33253">
        <v>37</v>
      </c>
      <c r="AQ33253">
        <v>37</v>
      </c>
    </row>
    <row r="33254" spans="1:43">
      <c r="A33254" t="s">
        <v>20601</v>
      </c>
      <c r="B33254" t="s">
        <v>20602</v>
      </c>
      <c r="C33254" t="s">
        <v>20595</v>
      </c>
      <c r="D33254" t="s">
        <v>20596</v>
      </c>
      <c r="E33254" t="s">
        <v>20437</v>
      </c>
      <c r="F33254" t="s">
        <v>20438</v>
      </c>
      <c r="G33254" t="s">
        <v>20255</v>
      </c>
      <c r="H33254" t="s">
        <v>20256</v>
      </c>
      <c r="I33254" s="2">
        <v>1</v>
      </c>
      <c r="J33254" s="2">
        <v>0</v>
      </c>
      <c r="K33254" s="2">
        <v>0</v>
      </c>
      <c r="L33254" t="s">
        <v>120</v>
      </c>
      <c r="M33254" t="s">
        <v>83</v>
      </c>
      <c r="N33254" t="s">
        <v>84</v>
      </c>
      <c r="O33254" t="s">
        <v>85</v>
      </c>
      <c r="P33254" t="s">
        <v>86</v>
      </c>
      <c r="Q33254">
        <v>2</v>
      </c>
      <c r="R33254">
        <v>2</v>
      </c>
      <c r="S33254">
        <v>2</v>
      </c>
      <c r="T33254">
        <v>2</v>
      </c>
      <c r="U33254">
        <v>2</v>
      </c>
      <c r="V33254">
        <v>2</v>
      </c>
      <c r="W33254">
        <v>2</v>
      </c>
      <c r="X33254">
        <v>2</v>
      </c>
      <c r="Y33254">
        <v>2</v>
      </c>
      <c r="Z33254">
        <v>2</v>
      </c>
      <c r="AA33254">
        <v>2</v>
      </c>
      <c r="AB33254">
        <v>2</v>
      </c>
      <c r="AC33254">
        <v>3</v>
      </c>
      <c r="AD33254">
        <v>3</v>
      </c>
      <c r="AE33254">
        <v>3</v>
      </c>
      <c r="AF33254">
        <v>3</v>
      </c>
      <c r="AG33254">
        <v>3</v>
      </c>
      <c r="AH33254">
        <v>3</v>
      </c>
      <c r="AI33254">
        <v>3</v>
      </c>
      <c r="AJ33254">
        <v>3</v>
      </c>
      <c r="AK33254">
        <v>3</v>
      </c>
      <c r="AL33254">
        <v>3</v>
      </c>
      <c r="AM33254">
        <v>3</v>
      </c>
      <c r="AN33254">
        <v>3</v>
      </c>
      <c r="AO33254">
        <v>3</v>
      </c>
      <c r="AP33254">
        <v>3</v>
      </c>
      <c r="AQ33254">
        <v>3</v>
      </c>
    </row>
    <row r="33255" spans="1:43">
      <c r="A33255" t="s">
        <v>20601</v>
      </c>
      <c r="B33255" t="s">
        <v>20602</v>
      </c>
      <c r="C33255" t="s">
        <v>20595</v>
      </c>
      <c r="D33255" t="s">
        <v>20596</v>
      </c>
      <c r="E33255" t="s">
        <v>20437</v>
      </c>
      <c r="F33255" t="s">
        <v>20438</v>
      </c>
      <c r="G33255" t="s">
        <v>20255</v>
      </c>
      <c r="H33255" t="s">
        <v>20256</v>
      </c>
      <c r="I33255" s="2">
        <v>1</v>
      </c>
      <c r="J33255" s="2">
        <v>0</v>
      </c>
      <c r="K33255" s="2">
        <v>0</v>
      </c>
      <c r="L33255" t="s">
        <v>120</v>
      </c>
      <c r="M33255" t="s">
        <v>87</v>
      </c>
      <c r="N33255" t="s">
        <v>88</v>
      </c>
      <c r="O33255" t="s">
        <v>85</v>
      </c>
      <c r="P33255" t="s">
        <v>86</v>
      </c>
      <c r="Q33255">
        <v>2</v>
      </c>
      <c r="R33255">
        <v>2</v>
      </c>
      <c r="S33255">
        <v>2</v>
      </c>
      <c r="T33255">
        <v>2</v>
      </c>
      <c r="U33255">
        <v>2</v>
      </c>
      <c r="V33255">
        <v>2</v>
      </c>
      <c r="W33255">
        <v>2</v>
      </c>
      <c r="X33255">
        <v>2</v>
      </c>
      <c r="Y33255">
        <v>2</v>
      </c>
      <c r="Z33255">
        <v>2</v>
      </c>
      <c r="AA33255">
        <v>2</v>
      </c>
      <c r="AB33255">
        <v>2</v>
      </c>
      <c r="AC33255">
        <v>2</v>
      </c>
      <c r="AD33255">
        <v>2</v>
      </c>
      <c r="AE33255">
        <v>2</v>
      </c>
      <c r="AF33255">
        <v>2</v>
      </c>
      <c r="AG33255">
        <v>2</v>
      </c>
      <c r="AH33255">
        <v>2</v>
      </c>
      <c r="AI33255">
        <v>2</v>
      </c>
      <c r="AJ33255">
        <v>2</v>
      </c>
      <c r="AK33255">
        <v>2</v>
      </c>
      <c r="AL33255">
        <v>3</v>
      </c>
      <c r="AM33255">
        <v>3</v>
      </c>
      <c r="AN33255">
        <v>3</v>
      </c>
      <c r="AO33255">
        <v>3</v>
      </c>
      <c r="AP33255">
        <v>3</v>
      </c>
      <c r="AQ33255">
        <v>3</v>
      </c>
    </row>
    <row r="33256" spans="1:43">
      <c r="A33256" t="s">
        <v>20601</v>
      </c>
      <c r="B33256" t="s">
        <v>20602</v>
      </c>
      <c r="C33256" t="s">
        <v>20595</v>
      </c>
      <c r="D33256" t="s">
        <v>20596</v>
      </c>
      <c r="E33256" t="s">
        <v>20437</v>
      </c>
      <c r="F33256" t="s">
        <v>20438</v>
      </c>
      <c r="G33256" t="s">
        <v>20255</v>
      </c>
      <c r="H33256" t="s">
        <v>20256</v>
      </c>
      <c r="I33256" s="2">
        <v>1</v>
      </c>
      <c r="J33256" s="2">
        <v>0</v>
      </c>
      <c r="K33256" s="2">
        <v>0</v>
      </c>
      <c r="L33256" t="s">
        <v>120</v>
      </c>
      <c r="M33256" t="s">
        <v>89</v>
      </c>
      <c r="N33256" t="s">
        <v>90</v>
      </c>
      <c r="O33256" t="s">
        <v>85</v>
      </c>
      <c r="P33256" t="s">
        <v>86</v>
      </c>
      <c r="Q33256">
        <v>2</v>
      </c>
      <c r="R33256">
        <v>2</v>
      </c>
      <c r="S33256">
        <v>2</v>
      </c>
      <c r="T33256">
        <v>2</v>
      </c>
      <c r="U33256">
        <v>2</v>
      </c>
      <c r="V33256">
        <v>2</v>
      </c>
      <c r="W33256">
        <v>2</v>
      </c>
      <c r="X33256">
        <v>2</v>
      </c>
      <c r="Y33256">
        <v>2</v>
      </c>
      <c r="Z33256">
        <v>3</v>
      </c>
      <c r="AA33256">
        <v>3</v>
      </c>
      <c r="AB33256">
        <v>3</v>
      </c>
      <c r="AC33256">
        <v>3</v>
      </c>
      <c r="AD33256">
        <v>3</v>
      </c>
      <c r="AE33256">
        <v>3</v>
      </c>
      <c r="AF33256">
        <v>3</v>
      </c>
      <c r="AG33256">
        <v>3</v>
      </c>
      <c r="AH33256">
        <v>3</v>
      </c>
      <c r="AI33256">
        <v>3</v>
      </c>
      <c r="AJ33256">
        <v>3</v>
      </c>
      <c r="AK33256">
        <v>3</v>
      </c>
      <c r="AL33256">
        <v>3</v>
      </c>
      <c r="AM33256">
        <v>3</v>
      </c>
      <c r="AN33256">
        <v>3</v>
      </c>
      <c r="AO33256">
        <v>3</v>
      </c>
      <c r="AP33256">
        <v>3</v>
      </c>
      <c r="AQ33256">
        <v>3</v>
      </c>
    </row>
    <row r="33257" spans="1:43">
      <c r="A33257" t="s">
        <v>20601</v>
      </c>
      <c r="B33257" t="s">
        <v>20602</v>
      </c>
      <c r="C33257" t="s">
        <v>20595</v>
      </c>
      <c r="D33257" t="s">
        <v>20596</v>
      </c>
      <c r="E33257" t="s">
        <v>20437</v>
      </c>
      <c r="F33257" t="s">
        <v>20438</v>
      </c>
      <c r="G33257" t="s">
        <v>20255</v>
      </c>
      <c r="H33257" t="s">
        <v>20256</v>
      </c>
      <c r="I33257" s="2">
        <v>1</v>
      </c>
      <c r="J33257" s="2">
        <v>0</v>
      </c>
      <c r="K33257" s="2">
        <v>0</v>
      </c>
      <c r="L33257" t="s">
        <v>120</v>
      </c>
      <c r="M33257" t="s">
        <v>83</v>
      </c>
      <c r="N33257" t="s">
        <v>91</v>
      </c>
      <c r="O33257" t="s">
        <v>85</v>
      </c>
      <c r="P33257" t="s">
        <v>86</v>
      </c>
      <c r="Q33257">
        <v>2</v>
      </c>
      <c r="R33257">
        <v>2</v>
      </c>
      <c r="S33257">
        <v>2</v>
      </c>
      <c r="T33257">
        <v>2</v>
      </c>
      <c r="U33257">
        <v>2</v>
      </c>
      <c r="V33257">
        <v>2</v>
      </c>
      <c r="W33257">
        <v>2</v>
      </c>
      <c r="X33257">
        <v>2</v>
      </c>
      <c r="Y33257">
        <v>2</v>
      </c>
      <c r="Z33257">
        <v>2</v>
      </c>
      <c r="AA33257">
        <v>2</v>
      </c>
      <c r="AB33257">
        <v>2</v>
      </c>
      <c r="AC33257">
        <v>3</v>
      </c>
      <c r="AD33257">
        <v>3</v>
      </c>
      <c r="AE33257">
        <v>3</v>
      </c>
      <c r="AF33257">
        <v>3</v>
      </c>
      <c r="AG33257">
        <v>3</v>
      </c>
      <c r="AH33257">
        <v>3</v>
      </c>
      <c r="AI33257">
        <v>3</v>
      </c>
      <c r="AJ33257">
        <v>3</v>
      </c>
      <c r="AK33257">
        <v>3</v>
      </c>
      <c r="AL33257">
        <v>3</v>
      </c>
      <c r="AM33257">
        <v>3</v>
      </c>
      <c r="AN33257">
        <v>3</v>
      </c>
      <c r="AO33257">
        <v>3</v>
      </c>
      <c r="AP33257">
        <v>3</v>
      </c>
      <c r="AQ33257">
        <v>3</v>
      </c>
    </row>
    <row r="33258" spans="1:43">
      <c r="A33258" t="s">
        <v>20603</v>
      </c>
      <c r="B33258" t="s">
        <v>20604</v>
      </c>
      <c r="C33258" t="s">
        <v>20595</v>
      </c>
      <c r="D33258" t="s">
        <v>20596</v>
      </c>
      <c r="E33258" t="s">
        <v>20437</v>
      </c>
      <c r="F33258" t="s">
        <v>20438</v>
      </c>
      <c r="G33258" t="s">
        <v>20255</v>
      </c>
      <c r="H33258" t="s">
        <v>20256</v>
      </c>
      <c r="I33258" s="2">
        <v>1</v>
      </c>
      <c r="J33258" s="2">
        <v>0</v>
      </c>
      <c r="K33258" s="2">
        <v>0</v>
      </c>
      <c r="L33258" t="s">
        <v>120</v>
      </c>
      <c r="M33258" t="s">
        <v>83</v>
      </c>
      <c r="N33258" t="s">
        <v>84</v>
      </c>
      <c r="O33258" t="s">
        <v>85</v>
      </c>
      <c r="P33258" t="s">
        <v>86</v>
      </c>
      <c r="Q33258">
        <v>21</v>
      </c>
      <c r="R33258">
        <v>22</v>
      </c>
      <c r="S33258">
        <v>22</v>
      </c>
      <c r="T33258">
        <v>22</v>
      </c>
      <c r="U33258">
        <v>23</v>
      </c>
      <c r="V33258">
        <v>23</v>
      </c>
      <c r="W33258">
        <v>24</v>
      </c>
      <c r="X33258">
        <v>24</v>
      </c>
      <c r="Y33258">
        <v>25</v>
      </c>
      <c r="Z33258">
        <v>25</v>
      </c>
      <c r="AA33258">
        <v>25</v>
      </c>
      <c r="AB33258">
        <v>26</v>
      </c>
      <c r="AC33258">
        <v>26</v>
      </c>
      <c r="AD33258">
        <v>27</v>
      </c>
      <c r="AE33258">
        <v>27</v>
      </c>
      <c r="AF33258">
        <v>28</v>
      </c>
      <c r="AG33258">
        <v>28</v>
      </c>
      <c r="AH33258">
        <v>29</v>
      </c>
      <c r="AI33258">
        <v>29</v>
      </c>
      <c r="AJ33258">
        <v>29</v>
      </c>
      <c r="AK33258">
        <v>30</v>
      </c>
      <c r="AL33258">
        <v>30</v>
      </c>
      <c r="AM33258">
        <v>31</v>
      </c>
      <c r="AN33258">
        <v>31</v>
      </c>
      <c r="AO33258">
        <v>31</v>
      </c>
      <c r="AP33258">
        <v>31</v>
      </c>
      <c r="AQ33258">
        <v>32</v>
      </c>
    </row>
    <row r="33259" spans="1:43">
      <c r="A33259" t="s">
        <v>20603</v>
      </c>
      <c r="B33259" t="s">
        <v>20604</v>
      </c>
      <c r="C33259" t="s">
        <v>20595</v>
      </c>
      <c r="D33259" t="s">
        <v>20596</v>
      </c>
      <c r="E33259" t="s">
        <v>20437</v>
      </c>
      <c r="F33259" t="s">
        <v>20438</v>
      </c>
      <c r="G33259" t="s">
        <v>20255</v>
      </c>
      <c r="H33259" t="s">
        <v>20256</v>
      </c>
      <c r="I33259" s="2">
        <v>1</v>
      </c>
      <c r="J33259" s="2">
        <v>0</v>
      </c>
      <c r="K33259" s="2">
        <v>0</v>
      </c>
      <c r="L33259" t="s">
        <v>120</v>
      </c>
      <c r="M33259" t="s">
        <v>87</v>
      </c>
      <c r="N33259" t="s">
        <v>88</v>
      </c>
      <c r="O33259" t="s">
        <v>85</v>
      </c>
      <c r="P33259" t="s">
        <v>86</v>
      </c>
      <c r="Q33259">
        <v>21</v>
      </c>
      <c r="R33259">
        <v>21</v>
      </c>
      <c r="S33259">
        <v>21</v>
      </c>
      <c r="T33259">
        <v>22</v>
      </c>
      <c r="U33259">
        <v>22</v>
      </c>
      <c r="V33259">
        <v>22</v>
      </c>
      <c r="W33259">
        <v>22</v>
      </c>
      <c r="X33259">
        <v>23</v>
      </c>
      <c r="Y33259">
        <v>23</v>
      </c>
      <c r="Z33259">
        <v>23</v>
      </c>
      <c r="AA33259">
        <v>23</v>
      </c>
      <c r="AB33259">
        <v>24</v>
      </c>
      <c r="AC33259">
        <v>24</v>
      </c>
      <c r="AD33259">
        <v>24</v>
      </c>
      <c r="AE33259">
        <v>24</v>
      </c>
      <c r="AF33259">
        <v>25</v>
      </c>
      <c r="AG33259">
        <v>25</v>
      </c>
      <c r="AH33259">
        <v>25</v>
      </c>
      <c r="AI33259">
        <v>25</v>
      </c>
      <c r="AJ33259">
        <v>26</v>
      </c>
      <c r="AK33259">
        <v>26</v>
      </c>
      <c r="AL33259">
        <v>26</v>
      </c>
      <c r="AM33259">
        <v>27</v>
      </c>
      <c r="AN33259">
        <v>27</v>
      </c>
      <c r="AO33259">
        <v>27</v>
      </c>
      <c r="AP33259">
        <v>27</v>
      </c>
      <c r="AQ33259">
        <v>28</v>
      </c>
    </row>
    <row r="33260" spans="1:43">
      <c r="A33260" t="s">
        <v>20603</v>
      </c>
      <c r="B33260" t="s">
        <v>20604</v>
      </c>
      <c r="C33260" t="s">
        <v>20595</v>
      </c>
      <c r="D33260" t="s">
        <v>20596</v>
      </c>
      <c r="E33260" t="s">
        <v>20437</v>
      </c>
      <c r="F33260" t="s">
        <v>20438</v>
      </c>
      <c r="G33260" t="s">
        <v>20255</v>
      </c>
      <c r="H33260" t="s">
        <v>20256</v>
      </c>
      <c r="I33260" s="2">
        <v>1</v>
      </c>
      <c r="J33260" s="2">
        <v>0</v>
      </c>
      <c r="K33260" s="2">
        <v>0</v>
      </c>
      <c r="L33260" t="s">
        <v>120</v>
      </c>
      <c r="M33260" t="s">
        <v>89</v>
      </c>
      <c r="N33260" t="s">
        <v>90</v>
      </c>
      <c r="O33260" t="s">
        <v>85</v>
      </c>
      <c r="P33260" t="s">
        <v>86</v>
      </c>
      <c r="Q33260">
        <v>21</v>
      </c>
      <c r="R33260">
        <v>22</v>
      </c>
      <c r="S33260">
        <v>23</v>
      </c>
      <c r="T33260">
        <v>23</v>
      </c>
      <c r="U33260">
        <v>24</v>
      </c>
      <c r="V33260">
        <v>24</v>
      </c>
      <c r="W33260">
        <v>25</v>
      </c>
      <c r="X33260">
        <v>25</v>
      </c>
      <c r="Y33260">
        <v>26</v>
      </c>
      <c r="Z33260">
        <v>26</v>
      </c>
      <c r="AA33260">
        <v>27</v>
      </c>
      <c r="AB33260">
        <v>27</v>
      </c>
      <c r="AC33260">
        <v>28</v>
      </c>
      <c r="AD33260">
        <v>29</v>
      </c>
      <c r="AE33260">
        <v>29</v>
      </c>
      <c r="AF33260">
        <v>29</v>
      </c>
      <c r="AG33260">
        <v>29</v>
      </c>
      <c r="AH33260">
        <v>30</v>
      </c>
      <c r="AI33260">
        <v>30</v>
      </c>
      <c r="AJ33260">
        <v>30</v>
      </c>
      <c r="AK33260">
        <v>30</v>
      </c>
      <c r="AL33260">
        <v>31</v>
      </c>
      <c r="AM33260">
        <v>31</v>
      </c>
      <c r="AN33260">
        <v>31</v>
      </c>
      <c r="AO33260">
        <v>31</v>
      </c>
      <c r="AP33260">
        <v>32</v>
      </c>
      <c r="AQ33260">
        <v>32</v>
      </c>
    </row>
    <row r="33261" spans="1:43">
      <c r="A33261" t="s">
        <v>20603</v>
      </c>
      <c r="B33261" t="s">
        <v>20604</v>
      </c>
      <c r="C33261" t="s">
        <v>20595</v>
      </c>
      <c r="D33261" t="s">
        <v>20596</v>
      </c>
      <c r="E33261" t="s">
        <v>20437</v>
      </c>
      <c r="F33261" t="s">
        <v>20438</v>
      </c>
      <c r="G33261" t="s">
        <v>20255</v>
      </c>
      <c r="H33261" t="s">
        <v>20256</v>
      </c>
      <c r="I33261" s="2">
        <v>1</v>
      </c>
      <c r="J33261" s="2">
        <v>0</v>
      </c>
      <c r="K33261" s="2">
        <v>0</v>
      </c>
      <c r="L33261" t="s">
        <v>120</v>
      </c>
      <c r="M33261" t="s">
        <v>83</v>
      </c>
      <c r="N33261" t="s">
        <v>91</v>
      </c>
      <c r="O33261" t="s">
        <v>85</v>
      </c>
      <c r="P33261" t="s">
        <v>86</v>
      </c>
      <c r="Q33261">
        <v>21</v>
      </c>
      <c r="R33261">
        <v>22</v>
      </c>
      <c r="S33261">
        <v>22</v>
      </c>
      <c r="T33261">
        <v>22</v>
      </c>
      <c r="U33261">
        <v>23</v>
      </c>
      <c r="V33261">
        <v>23</v>
      </c>
      <c r="W33261">
        <v>24</v>
      </c>
      <c r="X33261">
        <v>24</v>
      </c>
      <c r="Y33261">
        <v>25</v>
      </c>
      <c r="Z33261">
        <v>25</v>
      </c>
      <c r="AA33261">
        <v>25</v>
      </c>
      <c r="AB33261">
        <v>26</v>
      </c>
      <c r="AC33261">
        <v>26</v>
      </c>
      <c r="AD33261">
        <v>27</v>
      </c>
      <c r="AE33261">
        <v>27</v>
      </c>
      <c r="AF33261">
        <v>28</v>
      </c>
      <c r="AG33261">
        <v>28</v>
      </c>
      <c r="AH33261">
        <v>29</v>
      </c>
      <c r="AI33261">
        <v>29</v>
      </c>
      <c r="AJ33261">
        <v>29</v>
      </c>
      <c r="AK33261">
        <v>30</v>
      </c>
      <c r="AL33261">
        <v>30</v>
      </c>
      <c r="AM33261">
        <v>31</v>
      </c>
      <c r="AN33261">
        <v>31</v>
      </c>
      <c r="AO33261">
        <v>31</v>
      </c>
      <c r="AP33261">
        <v>31</v>
      </c>
      <c r="AQ33261">
        <v>32</v>
      </c>
    </row>
    <row r="33262" spans="1:43">
      <c r="A33262" t="s">
        <v>20605</v>
      </c>
      <c r="B33262" t="s">
        <v>20606</v>
      </c>
      <c r="C33262" t="s">
        <v>20595</v>
      </c>
      <c r="D33262" t="s">
        <v>20596</v>
      </c>
      <c r="E33262" t="s">
        <v>20437</v>
      </c>
      <c r="F33262" t="s">
        <v>20438</v>
      </c>
      <c r="G33262" t="s">
        <v>20255</v>
      </c>
      <c r="H33262" t="s">
        <v>20256</v>
      </c>
      <c r="I33262" s="2">
        <v>1</v>
      </c>
      <c r="J33262" s="2">
        <v>0</v>
      </c>
      <c r="K33262" s="2">
        <v>0</v>
      </c>
      <c r="L33262" t="s">
        <v>120</v>
      </c>
      <c r="M33262" t="s">
        <v>83</v>
      </c>
      <c r="N33262" t="s">
        <v>84</v>
      </c>
      <c r="O33262" t="s">
        <v>85</v>
      </c>
      <c r="P33262" t="s">
        <v>86</v>
      </c>
      <c r="Q33262">
        <v>22</v>
      </c>
      <c r="R33262">
        <v>22</v>
      </c>
      <c r="S33262">
        <v>23</v>
      </c>
      <c r="T33262">
        <v>23</v>
      </c>
      <c r="U33262">
        <v>24</v>
      </c>
      <c r="V33262">
        <v>24</v>
      </c>
      <c r="W33262">
        <v>25</v>
      </c>
      <c r="X33262">
        <v>25</v>
      </c>
      <c r="Y33262">
        <v>25</v>
      </c>
      <c r="Z33262">
        <v>26</v>
      </c>
      <c r="AA33262">
        <v>26</v>
      </c>
      <c r="AB33262">
        <v>27</v>
      </c>
      <c r="AC33262">
        <v>27</v>
      </c>
      <c r="AD33262">
        <v>28</v>
      </c>
      <c r="AE33262">
        <v>28</v>
      </c>
      <c r="AF33262">
        <v>29</v>
      </c>
      <c r="AG33262">
        <v>29</v>
      </c>
      <c r="AH33262">
        <v>30</v>
      </c>
      <c r="AI33262">
        <v>30</v>
      </c>
      <c r="AJ33262">
        <v>30</v>
      </c>
      <c r="AK33262">
        <v>31</v>
      </c>
      <c r="AL33262">
        <v>31</v>
      </c>
      <c r="AM33262">
        <v>32</v>
      </c>
      <c r="AN33262">
        <v>32</v>
      </c>
      <c r="AO33262">
        <v>32</v>
      </c>
      <c r="AP33262">
        <v>32</v>
      </c>
      <c r="AQ33262">
        <v>33</v>
      </c>
    </row>
    <row r="33263" spans="1:43">
      <c r="A33263" t="s">
        <v>20605</v>
      </c>
      <c r="B33263" t="s">
        <v>20606</v>
      </c>
      <c r="C33263" t="s">
        <v>20595</v>
      </c>
      <c r="D33263" t="s">
        <v>20596</v>
      </c>
      <c r="E33263" t="s">
        <v>20437</v>
      </c>
      <c r="F33263" t="s">
        <v>20438</v>
      </c>
      <c r="G33263" t="s">
        <v>20255</v>
      </c>
      <c r="H33263" t="s">
        <v>20256</v>
      </c>
      <c r="I33263" s="2">
        <v>1</v>
      </c>
      <c r="J33263" s="2">
        <v>0</v>
      </c>
      <c r="K33263" s="2">
        <v>0</v>
      </c>
      <c r="L33263" t="s">
        <v>120</v>
      </c>
      <c r="M33263" t="s">
        <v>87</v>
      </c>
      <c r="N33263" t="s">
        <v>88</v>
      </c>
      <c r="O33263" t="s">
        <v>85</v>
      </c>
      <c r="P33263" t="s">
        <v>86</v>
      </c>
      <c r="Q33263">
        <v>22</v>
      </c>
      <c r="R33263">
        <v>22</v>
      </c>
      <c r="S33263">
        <v>22</v>
      </c>
      <c r="T33263">
        <v>22</v>
      </c>
      <c r="U33263">
        <v>23</v>
      </c>
      <c r="V33263">
        <v>23</v>
      </c>
      <c r="W33263">
        <v>23</v>
      </c>
      <c r="X33263">
        <v>23</v>
      </c>
      <c r="Y33263">
        <v>24</v>
      </c>
      <c r="Z33263">
        <v>24</v>
      </c>
      <c r="AA33263">
        <v>24</v>
      </c>
      <c r="AB33263">
        <v>24</v>
      </c>
      <c r="AC33263">
        <v>25</v>
      </c>
      <c r="AD33263">
        <v>25</v>
      </c>
      <c r="AE33263">
        <v>25</v>
      </c>
      <c r="AF33263">
        <v>25</v>
      </c>
      <c r="AG33263">
        <v>26</v>
      </c>
      <c r="AH33263">
        <v>26</v>
      </c>
      <c r="AI33263">
        <v>26</v>
      </c>
      <c r="AJ33263">
        <v>27</v>
      </c>
      <c r="AK33263">
        <v>27</v>
      </c>
      <c r="AL33263">
        <v>27</v>
      </c>
      <c r="AM33263">
        <v>27</v>
      </c>
      <c r="AN33263">
        <v>28</v>
      </c>
      <c r="AO33263">
        <v>28</v>
      </c>
      <c r="AP33263">
        <v>28</v>
      </c>
      <c r="AQ33263">
        <v>29</v>
      </c>
    </row>
    <row r="33264" spans="1:43">
      <c r="A33264" t="s">
        <v>20605</v>
      </c>
      <c r="B33264" t="s">
        <v>20606</v>
      </c>
      <c r="C33264" t="s">
        <v>20595</v>
      </c>
      <c r="D33264" t="s">
        <v>20596</v>
      </c>
      <c r="E33264" t="s">
        <v>20437</v>
      </c>
      <c r="F33264" t="s">
        <v>20438</v>
      </c>
      <c r="G33264" t="s">
        <v>20255</v>
      </c>
      <c r="H33264" t="s">
        <v>20256</v>
      </c>
      <c r="I33264" s="2">
        <v>1</v>
      </c>
      <c r="J33264" s="2">
        <v>0</v>
      </c>
      <c r="K33264" s="2">
        <v>0</v>
      </c>
      <c r="L33264" t="s">
        <v>120</v>
      </c>
      <c r="M33264" t="s">
        <v>89</v>
      </c>
      <c r="N33264" t="s">
        <v>90</v>
      </c>
      <c r="O33264" t="s">
        <v>85</v>
      </c>
      <c r="P33264" t="s">
        <v>86</v>
      </c>
      <c r="Q33264">
        <v>22</v>
      </c>
      <c r="R33264">
        <v>23</v>
      </c>
      <c r="S33264">
        <v>23</v>
      </c>
      <c r="T33264">
        <v>24</v>
      </c>
      <c r="U33264">
        <v>25</v>
      </c>
      <c r="V33264">
        <v>25</v>
      </c>
      <c r="W33264">
        <v>26</v>
      </c>
      <c r="X33264">
        <v>26</v>
      </c>
      <c r="Y33264">
        <v>27</v>
      </c>
      <c r="Z33264">
        <v>27</v>
      </c>
      <c r="AA33264">
        <v>28</v>
      </c>
      <c r="AB33264">
        <v>28</v>
      </c>
      <c r="AC33264">
        <v>29</v>
      </c>
      <c r="AD33264">
        <v>30</v>
      </c>
      <c r="AE33264">
        <v>30</v>
      </c>
      <c r="AF33264">
        <v>30</v>
      </c>
      <c r="AG33264">
        <v>30</v>
      </c>
      <c r="AH33264">
        <v>31</v>
      </c>
      <c r="AI33264">
        <v>31</v>
      </c>
      <c r="AJ33264">
        <v>31</v>
      </c>
      <c r="AK33264">
        <v>31</v>
      </c>
      <c r="AL33264">
        <v>32</v>
      </c>
      <c r="AM33264">
        <v>32</v>
      </c>
      <c r="AN33264">
        <v>32</v>
      </c>
      <c r="AO33264">
        <v>32</v>
      </c>
      <c r="AP33264">
        <v>33</v>
      </c>
      <c r="AQ33264">
        <v>33</v>
      </c>
    </row>
    <row r="33265" spans="1:43">
      <c r="A33265" t="s">
        <v>20605</v>
      </c>
      <c r="B33265" t="s">
        <v>20606</v>
      </c>
      <c r="C33265" t="s">
        <v>20595</v>
      </c>
      <c r="D33265" t="s">
        <v>20596</v>
      </c>
      <c r="E33265" t="s">
        <v>20437</v>
      </c>
      <c r="F33265" t="s">
        <v>20438</v>
      </c>
      <c r="G33265" t="s">
        <v>20255</v>
      </c>
      <c r="H33265" t="s">
        <v>20256</v>
      </c>
      <c r="I33265" s="2">
        <v>1</v>
      </c>
      <c r="J33265" s="2">
        <v>0</v>
      </c>
      <c r="K33265" s="2">
        <v>0</v>
      </c>
      <c r="L33265" t="s">
        <v>120</v>
      </c>
      <c r="M33265" t="s">
        <v>83</v>
      </c>
      <c r="N33265" t="s">
        <v>91</v>
      </c>
      <c r="O33265" t="s">
        <v>85</v>
      </c>
      <c r="P33265" t="s">
        <v>86</v>
      </c>
      <c r="Q33265">
        <v>22</v>
      </c>
      <c r="R33265">
        <v>22</v>
      </c>
      <c r="S33265">
        <v>23</v>
      </c>
      <c r="T33265">
        <v>23</v>
      </c>
      <c r="U33265">
        <v>24</v>
      </c>
      <c r="V33265">
        <v>24</v>
      </c>
      <c r="W33265">
        <v>25</v>
      </c>
      <c r="X33265">
        <v>25</v>
      </c>
      <c r="Y33265">
        <v>25</v>
      </c>
      <c r="Z33265">
        <v>26</v>
      </c>
      <c r="AA33265">
        <v>26</v>
      </c>
      <c r="AB33265">
        <v>27</v>
      </c>
      <c r="AC33265">
        <v>27</v>
      </c>
      <c r="AD33265">
        <v>28</v>
      </c>
      <c r="AE33265">
        <v>28</v>
      </c>
      <c r="AF33265">
        <v>29</v>
      </c>
      <c r="AG33265">
        <v>29</v>
      </c>
      <c r="AH33265">
        <v>30</v>
      </c>
      <c r="AI33265">
        <v>30</v>
      </c>
      <c r="AJ33265">
        <v>30</v>
      </c>
      <c r="AK33265">
        <v>31</v>
      </c>
      <c r="AL33265">
        <v>31</v>
      </c>
      <c r="AM33265">
        <v>32</v>
      </c>
      <c r="AN33265">
        <v>32</v>
      </c>
      <c r="AO33265">
        <v>32</v>
      </c>
      <c r="AP33265">
        <v>32</v>
      </c>
      <c r="AQ33265">
        <v>33</v>
      </c>
    </row>
    <row r="33266" spans="1:43">
      <c r="A33266" t="s">
        <v>20607</v>
      </c>
      <c r="B33266" t="s">
        <v>20608</v>
      </c>
      <c r="C33266" t="s">
        <v>20595</v>
      </c>
      <c r="D33266" t="s">
        <v>20596</v>
      </c>
      <c r="E33266" t="s">
        <v>20437</v>
      </c>
      <c r="F33266" t="s">
        <v>20438</v>
      </c>
      <c r="G33266" t="s">
        <v>20255</v>
      </c>
      <c r="H33266" t="s">
        <v>20256</v>
      </c>
      <c r="I33266" s="2">
        <v>1</v>
      </c>
      <c r="J33266" s="2">
        <v>0</v>
      </c>
      <c r="K33266" s="2">
        <v>0</v>
      </c>
      <c r="L33266" t="s">
        <v>120</v>
      </c>
      <c r="M33266" t="s">
        <v>83</v>
      </c>
      <c r="N33266" t="s">
        <v>84</v>
      </c>
      <c r="O33266" t="s">
        <v>85</v>
      </c>
      <c r="P33266" t="s">
        <v>86</v>
      </c>
      <c r="Q33266">
        <v>5</v>
      </c>
      <c r="R33266">
        <v>5</v>
      </c>
      <c r="S33266">
        <v>5</v>
      </c>
      <c r="T33266">
        <v>5</v>
      </c>
      <c r="U33266">
        <v>5</v>
      </c>
      <c r="V33266">
        <v>5</v>
      </c>
      <c r="W33266">
        <v>6</v>
      </c>
      <c r="X33266">
        <v>6</v>
      </c>
      <c r="Y33266">
        <v>6</v>
      </c>
      <c r="Z33266">
        <v>6</v>
      </c>
      <c r="AA33266">
        <v>6</v>
      </c>
      <c r="AB33266">
        <v>6</v>
      </c>
      <c r="AC33266">
        <v>6</v>
      </c>
      <c r="AD33266">
        <v>6</v>
      </c>
      <c r="AE33266">
        <v>6</v>
      </c>
      <c r="AF33266">
        <v>7</v>
      </c>
      <c r="AG33266">
        <v>7</v>
      </c>
      <c r="AH33266">
        <v>7</v>
      </c>
      <c r="AI33266">
        <v>7</v>
      </c>
      <c r="AJ33266">
        <v>7</v>
      </c>
      <c r="AK33266">
        <v>7</v>
      </c>
      <c r="AL33266">
        <v>7</v>
      </c>
      <c r="AM33266">
        <v>7</v>
      </c>
      <c r="AN33266">
        <v>7</v>
      </c>
      <c r="AO33266">
        <v>7</v>
      </c>
      <c r="AP33266">
        <v>7</v>
      </c>
      <c r="AQ33266">
        <v>7</v>
      </c>
    </row>
    <row r="33267" spans="1:43">
      <c r="A33267" t="s">
        <v>20607</v>
      </c>
      <c r="B33267" t="s">
        <v>20608</v>
      </c>
      <c r="C33267" t="s">
        <v>20595</v>
      </c>
      <c r="D33267" t="s">
        <v>20596</v>
      </c>
      <c r="E33267" t="s">
        <v>20437</v>
      </c>
      <c r="F33267" t="s">
        <v>20438</v>
      </c>
      <c r="G33267" t="s">
        <v>20255</v>
      </c>
      <c r="H33267" t="s">
        <v>20256</v>
      </c>
      <c r="I33267" s="2">
        <v>1</v>
      </c>
      <c r="J33267" s="2">
        <v>0</v>
      </c>
      <c r="K33267" s="2">
        <v>0</v>
      </c>
      <c r="L33267" t="s">
        <v>120</v>
      </c>
      <c r="M33267" t="s">
        <v>87</v>
      </c>
      <c r="N33267" t="s">
        <v>88</v>
      </c>
      <c r="O33267" t="s">
        <v>85</v>
      </c>
      <c r="P33267" t="s">
        <v>86</v>
      </c>
      <c r="Q33267">
        <v>5</v>
      </c>
      <c r="R33267">
        <v>5</v>
      </c>
      <c r="S33267">
        <v>5</v>
      </c>
      <c r="T33267">
        <v>5</v>
      </c>
      <c r="U33267">
        <v>5</v>
      </c>
      <c r="V33267">
        <v>5</v>
      </c>
      <c r="W33267">
        <v>5</v>
      </c>
      <c r="X33267">
        <v>5</v>
      </c>
      <c r="Y33267">
        <v>5</v>
      </c>
      <c r="Z33267">
        <v>5</v>
      </c>
      <c r="AA33267">
        <v>5</v>
      </c>
      <c r="AB33267">
        <v>6</v>
      </c>
      <c r="AC33267">
        <v>6</v>
      </c>
      <c r="AD33267">
        <v>6</v>
      </c>
      <c r="AE33267">
        <v>6</v>
      </c>
      <c r="AF33267">
        <v>6</v>
      </c>
      <c r="AG33267">
        <v>6</v>
      </c>
      <c r="AH33267">
        <v>6</v>
      </c>
      <c r="AI33267">
        <v>6</v>
      </c>
      <c r="AJ33267">
        <v>6</v>
      </c>
      <c r="AK33267">
        <v>6</v>
      </c>
      <c r="AL33267">
        <v>6</v>
      </c>
      <c r="AM33267">
        <v>6</v>
      </c>
      <c r="AN33267">
        <v>6</v>
      </c>
      <c r="AO33267">
        <v>6</v>
      </c>
      <c r="AP33267">
        <v>6</v>
      </c>
      <c r="AQ33267">
        <v>7</v>
      </c>
    </row>
    <row r="33268" spans="1:43">
      <c r="A33268" t="s">
        <v>20607</v>
      </c>
      <c r="B33268" t="s">
        <v>20608</v>
      </c>
      <c r="C33268" t="s">
        <v>20595</v>
      </c>
      <c r="D33268" t="s">
        <v>20596</v>
      </c>
      <c r="E33268" t="s">
        <v>20437</v>
      </c>
      <c r="F33268" t="s">
        <v>20438</v>
      </c>
      <c r="G33268" t="s">
        <v>20255</v>
      </c>
      <c r="H33268" t="s">
        <v>20256</v>
      </c>
      <c r="I33268" s="2">
        <v>1</v>
      </c>
      <c r="J33268" s="2">
        <v>0</v>
      </c>
      <c r="K33268" s="2">
        <v>0</v>
      </c>
      <c r="L33268" t="s">
        <v>120</v>
      </c>
      <c r="M33268" t="s">
        <v>89</v>
      </c>
      <c r="N33268" t="s">
        <v>90</v>
      </c>
      <c r="O33268" t="s">
        <v>85</v>
      </c>
      <c r="P33268" t="s">
        <v>86</v>
      </c>
      <c r="Q33268">
        <v>5</v>
      </c>
      <c r="R33268">
        <v>5</v>
      </c>
      <c r="S33268">
        <v>5</v>
      </c>
      <c r="T33268">
        <v>5</v>
      </c>
      <c r="U33268">
        <v>6</v>
      </c>
      <c r="V33268">
        <v>6</v>
      </c>
      <c r="W33268">
        <v>6</v>
      </c>
      <c r="X33268">
        <v>6</v>
      </c>
      <c r="Y33268">
        <v>6</v>
      </c>
      <c r="Z33268">
        <v>6</v>
      </c>
      <c r="AA33268">
        <v>6</v>
      </c>
      <c r="AB33268">
        <v>6</v>
      </c>
      <c r="AC33268">
        <v>7</v>
      </c>
      <c r="AD33268">
        <v>7</v>
      </c>
      <c r="AE33268">
        <v>7</v>
      </c>
      <c r="AF33268">
        <v>7</v>
      </c>
      <c r="AG33268">
        <v>7</v>
      </c>
      <c r="AH33268">
        <v>7</v>
      </c>
      <c r="AI33268">
        <v>7</v>
      </c>
      <c r="AJ33268">
        <v>7</v>
      </c>
      <c r="AK33268">
        <v>7</v>
      </c>
      <c r="AL33268">
        <v>7</v>
      </c>
      <c r="AM33268">
        <v>7</v>
      </c>
      <c r="AN33268">
        <v>7</v>
      </c>
      <c r="AO33268">
        <v>7</v>
      </c>
      <c r="AP33268">
        <v>7</v>
      </c>
      <c r="AQ33268">
        <v>8</v>
      </c>
    </row>
    <row r="33269" spans="1:43">
      <c r="A33269" t="s">
        <v>20607</v>
      </c>
      <c r="B33269" t="s">
        <v>20608</v>
      </c>
      <c r="C33269" t="s">
        <v>20595</v>
      </c>
      <c r="D33269" t="s">
        <v>20596</v>
      </c>
      <c r="E33269" t="s">
        <v>20437</v>
      </c>
      <c r="F33269" t="s">
        <v>20438</v>
      </c>
      <c r="G33269" t="s">
        <v>20255</v>
      </c>
      <c r="H33269" t="s">
        <v>20256</v>
      </c>
      <c r="I33269" s="2">
        <v>1</v>
      </c>
      <c r="J33269" s="2">
        <v>0</v>
      </c>
      <c r="K33269" s="2">
        <v>0</v>
      </c>
      <c r="L33269" t="s">
        <v>120</v>
      </c>
      <c r="M33269" t="s">
        <v>83</v>
      </c>
      <c r="N33269" t="s">
        <v>91</v>
      </c>
      <c r="O33269" t="s">
        <v>85</v>
      </c>
      <c r="P33269" t="s">
        <v>86</v>
      </c>
      <c r="Q33269">
        <v>5</v>
      </c>
      <c r="R33269">
        <v>5</v>
      </c>
      <c r="S33269">
        <v>5</v>
      </c>
      <c r="T33269">
        <v>5</v>
      </c>
      <c r="U33269">
        <v>5</v>
      </c>
      <c r="V33269">
        <v>5</v>
      </c>
      <c r="W33269">
        <v>6</v>
      </c>
      <c r="X33269">
        <v>6</v>
      </c>
      <c r="Y33269">
        <v>6</v>
      </c>
      <c r="Z33269">
        <v>6</v>
      </c>
      <c r="AA33269">
        <v>6</v>
      </c>
      <c r="AB33269">
        <v>6</v>
      </c>
      <c r="AC33269">
        <v>6</v>
      </c>
      <c r="AD33269">
        <v>6</v>
      </c>
      <c r="AE33269">
        <v>6</v>
      </c>
      <c r="AF33269">
        <v>7</v>
      </c>
      <c r="AG33269">
        <v>7</v>
      </c>
      <c r="AH33269">
        <v>7</v>
      </c>
      <c r="AI33269">
        <v>7</v>
      </c>
      <c r="AJ33269">
        <v>7</v>
      </c>
      <c r="AK33269">
        <v>7</v>
      </c>
      <c r="AL33269">
        <v>7</v>
      </c>
      <c r="AM33269">
        <v>7</v>
      </c>
      <c r="AN33269">
        <v>7</v>
      </c>
      <c r="AO33269">
        <v>7</v>
      </c>
      <c r="AP33269">
        <v>7</v>
      </c>
      <c r="AQ33269">
        <v>7</v>
      </c>
    </row>
    <row r="33270" spans="1:43">
      <c r="A33270" t="s">
        <v>20609</v>
      </c>
      <c r="B33270" t="s">
        <v>20610</v>
      </c>
      <c r="C33270" t="s">
        <v>20611</v>
      </c>
      <c r="D33270" t="s">
        <v>20612</v>
      </c>
      <c r="E33270" t="s">
        <v>20437</v>
      </c>
      <c r="F33270" t="s">
        <v>20438</v>
      </c>
      <c r="G33270" t="s">
        <v>20255</v>
      </c>
      <c r="H33270" t="s">
        <v>20256</v>
      </c>
      <c r="I33270" s="2">
        <v>1</v>
      </c>
      <c r="J33270" s="2">
        <v>0</v>
      </c>
      <c r="K33270" s="2">
        <v>0</v>
      </c>
      <c r="L33270" t="s">
        <v>120</v>
      </c>
      <c r="M33270" t="s">
        <v>83</v>
      </c>
      <c r="N33270" t="s">
        <v>84</v>
      </c>
      <c r="O33270" t="s">
        <v>85</v>
      </c>
      <c r="P33270" t="s">
        <v>86</v>
      </c>
      <c r="Q33270">
        <v>7</v>
      </c>
      <c r="R33270">
        <v>7</v>
      </c>
      <c r="S33270">
        <v>7</v>
      </c>
      <c r="T33270">
        <v>7</v>
      </c>
      <c r="U33270">
        <v>8</v>
      </c>
      <c r="V33270">
        <v>8</v>
      </c>
      <c r="W33270">
        <v>8</v>
      </c>
      <c r="X33270">
        <v>8</v>
      </c>
      <c r="Y33270">
        <v>8</v>
      </c>
      <c r="Z33270">
        <v>8</v>
      </c>
      <c r="AA33270">
        <v>8</v>
      </c>
      <c r="AB33270">
        <v>8</v>
      </c>
      <c r="AC33270">
        <v>8</v>
      </c>
      <c r="AD33270">
        <v>9</v>
      </c>
      <c r="AE33270">
        <v>9</v>
      </c>
      <c r="AF33270">
        <v>9</v>
      </c>
      <c r="AG33270">
        <v>9</v>
      </c>
      <c r="AH33270">
        <v>9</v>
      </c>
      <c r="AI33270">
        <v>9</v>
      </c>
      <c r="AJ33270">
        <v>9</v>
      </c>
      <c r="AK33270">
        <v>9</v>
      </c>
      <c r="AL33270">
        <v>9</v>
      </c>
      <c r="AM33270">
        <v>9</v>
      </c>
      <c r="AN33270">
        <v>9</v>
      </c>
      <c r="AO33270">
        <v>9</v>
      </c>
      <c r="AP33270">
        <v>10</v>
      </c>
      <c r="AQ33270">
        <v>10</v>
      </c>
    </row>
    <row r="33271" spans="1:43">
      <c r="A33271" t="s">
        <v>20609</v>
      </c>
      <c r="B33271" t="s">
        <v>20610</v>
      </c>
      <c r="C33271" t="s">
        <v>20611</v>
      </c>
      <c r="D33271" t="s">
        <v>20612</v>
      </c>
      <c r="E33271" t="s">
        <v>20437</v>
      </c>
      <c r="F33271" t="s">
        <v>20438</v>
      </c>
      <c r="G33271" t="s">
        <v>20255</v>
      </c>
      <c r="H33271" t="s">
        <v>20256</v>
      </c>
      <c r="I33271" s="2">
        <v>1</v>
      </c>
      <c r="J33271" s="2">
        <v>0</v>
      </c>
      <c r="K33271" s="2">
        <v>0</v>
      </c>
      <c r="L33271" t="s">
        <v>120</v>
      </c>
      <c r="M33271" t="s">
        <v>87</v>
      </c>
      <c r="N33271" t="s">
        <v>88</v>
      </c>
      <c r="O33271" t="s">
        <v>85</v>
      </c>
      <c r="P33271" t="s">
        <v>86</v>
      </c>
      <c r="Q33271">
        <v>7</v>
      </c>
      <c r="R33271">
        <v>7</v>
      </c>
      <c r="S33271">
        <v>7</v>
      </c>
      <c r="T33271">
        <v>7</v>
      </c>
      <c r="U33271">
        <v>7</v>
      </c>
      <c r="V33271">
        <v>7</v>
      </c>
      <c r="W33271">
        <v>7</v>
      </c>
      <c r="X33271">
        <v>7</v>
      </c>
      <c r="Y33271">
        <v>7</v>
      </c>
      <c r="Z33271">
        <v>7</v>
      </c>
      <c r="AA33271">
        <v>8</v>
      </c>
      <c r="AB33271">
        <v>8</v>
      </c>
      <c r="AC33271">
        <v>8</v>
      </c>
      <c r="AD33271">
        <v>8</v>
      </c>
      <c r="AE33271">
        <v>8</v>
      </c>
      <c r="AF33271">
        <v>8</v>
      </c>
      <c r="AG33271">
        <v>8</v>
      </c>
      <c r="AH33271">
        <v>8</v>
      </c>
      <c r="AI33271">
        <v>8</v>
      </c>
      <c r="AJ33271">
        <v>8</v>
      </c>
      <c r="AK33271">
        <v>8</v>
      </c>
      <c r="AL33271">
        <v>8</v>
      </c>
      <c r="AM33271">
        <v>8</v>
      </c>
      <c r="AN33271">
        <v>8</v>
      </c>
      <c r="AO33271">
        <v>8</v>
      </c>
      <c r="AP33271">
        <v>8</v>
      </c>
      <c r="AQ33271">
        <v>8</v>
      </c>
    </row>
    <row r="33272" spans="1:43">
      <c r="A33272" t="s">
        <v>20609</v>
      </c>
      <c r="B33272" t="s">
        <v>20610</v>
      </c>
      <c r="C33272" t="s">
        <v>20611</v>
      </c>
      <c r="D33272" t="s">
        <v>20612</v>
      </c>
      <c r="E33272" t="s">
        <v>20437</v>
      </c>
      <c r="F33272" t="s">
        <v>20438</v>
      </c>
      <c r="G33272" t="s">
        <v>20255</v>
      </c>
      <c r="H33272" t="s">
        <v>20256</v>
      </c>
      <c r="I33272" s="2">
        <v>1</v>
      </c>
      <c r="J33272" s="2">
        <v>0</v>
      </c>
      <c r="K33272" s="2">
        <v>0</v>
      </c>
      <c r="L33272" t="s">
        <v>120</v>
      </c>
      <c r="M33272" t="s">
        <v>89</v>
      </c>
      <c r="N33272" t="s">
        <v>90</v>
      </c>
      <c r="O33272" t="s">
        <v>85</v>
      </c>
      <c r="P33272" t="s">
        <v>86</v>
      </c>
      <c r="Q33272">
        <v>7</v>
      </c>
      <c r="R33272">
        <v>7</v>
      </c>
      <c r="S33272">
        <v>8</v>
      </c>
      <c r="T33272">
        <v>8</v>
      </c>
      <c r="U33272">
        <v>8</v>
      </c>
      <c r="V33272">
        <v>8</v>
      </c>
      <c r="W33272">
        <v>8</v>
      </c>
      <c r="X33272">
        <v>8</v>
      </c>
      <c r="Y33272">
        <v>8</v>
      </c>
      <c r="Z33272">
        <v>9</v>
      </c>
      <c r="AA33272">
        <v>9</v>
      </c>
      <c r="AB33272">
        <v>9</v>
      </c>
      <c r="AC33272">
        <v>9</v>
      </c>
      <c r="AD33272">
        <v>9</v>
      </c>
      <c r="AE33272">
        <v>9</v>
      </c>
      <c r="AF33272">
        <v>9</v>
      </c>
      <c r="AG33272">
        <v>9</v>
      </c>
      <c r="AH33272">
        <v>9</v>
      </c>
      <c r="AI33272">
        <v>9</v>
      </c>
      <c r="AJ33272">
        <v>9</v>
      </c>
      <c r="AK33272">
        <v>9</v>
      </c>
      <c r="AL33272">
        <v>10</v>
      </c>
      <c r="AM33272">
        <v>10</v>
      </c>
      <c r="AN33272">
        <v>10</v>
      </c>
      <c r="AO33272">
        <v>10</v>
      </c>
      <c r="AP33272">
        <v>10</v>
      </c>
      <c r="AQ33272">
        <v>10</v>
      </c>
    </row>
    <row r="33273" spans="1:43">
      <c r="A33273" t="s">
        <v>20609</v>
      </c>
      <c r="B33273" t="s">
        <v>20610</v>
      </c>
      <c r="C33273" t="s">
        <v>20611</v>
      </c>
      <c r="D33273" t="s">
        <v>20612</v>
      </c>
      <c r="E33273" t="s">
        <v>20437</v>
      </c>
      <c r="F33273" t="s">
        <v>20438</v>
      </c>
      <c r="G33273" t="s">
        <v>20255</v>
      </c>
      <c r="H33273" t="s">
        <v>20256</v>
      </c>
      <c r="I33273" s="2">
        <v>1</v>
      </c>
      <c r="J33273" s="2">
        <v>0</v>
      </c>
      <c r="K33273" s="2">
        <v>0</v>
      </c>
      <c r="L33273" t="s">
        <v>120</v>
      </c>
      <c r="M33273" t="s">
        <v>83</v>
      </c>
      <c r="N33273" t="s">
        <v>91</v>
      </c>
      <c r="O33273" t="s">
        <v>85</v>
      </c>
      <c r="P33273" t="s">
        <v>86</v>
      </c>
      <c r="Q33273">
        <v>7</v>
      </c>
      <c r="R33273">
        <v>7</v>
      </c>
      <c r="S33273">
        <v>7</v>
      </c>
      <c r="T33273">
        <v>7</v>
      </c>
      <c r="U33273">
        <v>8</v>
      </c>
      <c r="V33273">
        <v>8</v>
      </c>
      <c r="W33273">
        <v>8</v>
      </c>
      <c r="X33273">
        <v>8</v>
      </c>
      <c r="Y33273">
        <v>8</v>
      </c>
      <c r="Z33273">
        <v>8</v>
      </c>
      <c r="AA33273">
        <v>8</v>
      </c>
      <c r="AB33273">
        <v>8</v>
      </c>
      <c r="AC33273">
        <v>8</v>
      </c>
      <c r="AD33273">
        <v>9</v>
      </c>
      <c r="AE33273">
        <v>9</v>
      </c>
      <c r="AF33273">
        <v>9</v>
      </c>
      <c r="AG33273">
        <v>9</v>
      </c>
      <c r="AH33273">
        <v>9</v>
      </c>
      <c r="AI33273">
        <v>9</v>
      </c>
      <c r="AJ33273">
        <v>9</v>
      </c>
      <c r="AK33273">
        <v>9</v>
      </c>
      <c r="AL33273">
        <v>9</v>
      </c>
      <c r="AM33273">
        <v>9</v>
      </c>
      <c r="AN33273">
        <v>9</v>
      </c>
      <c r="AO33273">
        <v>9</v>
      </c>
      <c r="AP33273">
        <v>10</v>
      </c>
      <c r="AQ33273">
        <v>10</v>
      </c>
    </row>
    <row r="33274" spans="1:43">
      <c r="A33274" t="s">
        <v>20613</v>
      </c>
      <c r="B33274" t="s">
        <v>20614</v>
      </c>
      <c r="C33274" t="s">
        <v>20611</v>
      </c>
      <c r="D33274" t="s">
        <v>20612</v>
      </c>
      <c r="E33274" t="s">
        <v>20437</v>
      </c>
      <c r="F33274" t="s">
        <v>20438</v>
      </c>
      <c r="G33274" t="s">
        <v>20255</v>
      </c>
      <c r="H33274" t="s">
        <v>20256</v>
      </c>
      <c r="I33274" s="2">
        <v>1</v>
      </c>
      <c r="J33274" s="2">
        <v>0</v>
      </c>
      <c r="K33274" s="2">
        <v>0</v>
      </c>
      <c r="L33274" t="s">
        <v>120</v>
      </c>
      <c r="M33274" t="s">
        <v>83</v>
      </c>
      <c r="N33274" t="s">
        <v>84</v>
      </c>
      <c r="O33274" t="s">
        <v>85</v>
      </c>
      <c r="P33274" t="s">
        <v>86</v>
      </c>
      <c r="Q33274">
        <v>18</v>
      </c>
      <c r="R33274">
        <v>19</v>
      </c>
      <c r="S33274">
        <v>19</v>
      </c>
      <c r="T33274">
        <v>19</v>
      </c>
      <c r="U33274">
        <v>19</v>
      </c>
      <c r="V33274">
        <v>20</v>
      </c>
      <c r="W33274">
        <v>20</v>
      </c>
      <c r="X33274">
        <v>20</v>
      </c>
      <c r="Y33274">
        <v>20</v>
      </c>
      <c r="Z33274">
        <v>21</v>
      </c>
      <c r="AA33274">
        <v>21</v>
      </c>
      <c r="AB33274">
        <v>21</v>
      </c>
      <c r="AC33274">
        <v>21</v>
      </c>
      <c r="AD33274">
        <v>22</v>
      </c>
      <c r="AE33274">
        <v>22</v>
      </c>
      <c r="AF33274">
        <v>22</v>
      </c>
      <c r="AG33274">
        <v>22</v>
      </c>
      <c r="AH33274">
        <v>23</v>
      </c>
      <c r="AI33274">
        <v>23</v>
      </c>
      <c r="AJ33274">
        <v>23</v>
      </c>
      <c r="AK33274">
        <v>23</v>
      </c>
      <c r="AL33274">
        <v>23</v>
      </c>
      <c r="AM33274">
        <v>23</v>
      </c>
      <c r="AN33274">
        <v>24</v>
      </c>
      <c r="AO33274">
        <v>24</v>
      </c>
      <c r="AP33274">
        <v>24</v>
      </c>
      <c r="AQ33274">
        <v>24</v>
      </c>
    </row>
    <row r="33275" spans="1:43">
      <c r="A33275" t="s">
        <v>20613</v>
      </c>
      <c r="B33275" t="s">
        <v>20614</v>
      </c>
      <c r="C33275" t="s">
        <v>20611</v>
      </c>
      <c r="D33275" t="s">
        <v>20612</v>
      </c>
      <c r="E33275" t="s">
        <v>20437</v>
      </c>
      <c r="F33275" t="s">
        <v>20438</v>
      </c>
      <c r="G33275" t="s">
        <v>20255</v>
      </c>
      <c r="H33275" t="s">
        <v>20256</v>
      </c>
      <c r="I33275" s="2">
        <v>1</v>
      </c>
      <c r="J33275" s="2">
        <v>0</v>
      </c>
      <c r="K33275" s="2">
        <v>0</v>
      </c>
      <c r="L33275" t="s">
        <v>120</v>
      </c>
      <c r="M33275" t="s">
        <v>87</v>
      </c>
      <c r="N33275" t="s">
        <v>88</v>
      </c>
      <c r="O33275" t="s">
        <v>85</v>
      </c>
      <c r="P33275" t="s">
        <v>86</v>
      </c>
      <c r="Q33275">
        <v>18</v>
      </c>
      <c r="R33275">
        <v>18</v>
      </c>
      <c r="S33275">
        <v>18</v>
      </c>
      <c r="T33275">
        <v>18</v>
      </c>
      <c r="U33275">
        <v>18</v>
      </c>
      <c r="V33275">
        <v>19</v>
      </c>
      <c r="W33275">
        <v>19</v>
      </c>
      <c r="X33275">
        <v>19</v>
      </c>
      <c r="Y33275">
        <v>19</v>
      </c>
      <c r="Z33275">
        <v>19</v>
      </c>
      <c r="AA33275">
        <v>19</v>
      </c>
      <c r="AB33275">
        <v>19</v>
      </c>
      <c r="AC33275">
        <v>19</v>
      </c>
      <c r="AD33275">
        <v>19</v>
      </c>
      <c r="AE33275">
        <v>19</v>
      </c>
      <c r="AF33275">
        <v>20</v>
      </c>
      <c r="AG33275">
        <v>20</v>
      </c>
      <c r="AH33275">
        <v>20</v>
      </c>
      <c r="AI33275">
        <v>20</v>
      </c>
      <c r="AJ33275">
        <v>20</v>
      </c>
      <c r="AK33275">
        <v>20</v>
      </c>
      <c r="AL33275">
        <v>20</v>
      </c>
      <c r="AM33275">
        <v>20</v>
      </c>
      <c r="AN33275">
        <v>20</v>
      </c>
      <c r="AO33275">
        <v>21</v>
      </c>
      <c r="AP33275">
        <v>21</v>
      </c>
      <c r="AQ33275">
        <v>21</v>
      </c>
    </row>
    <row r="33276" spans="1:43">
      <c r="A33276" t="s">
        <v>20613</v>
      </c>
      <c r="B33276" t="s">
        <v>20614</v>
      </c>
      <c r="C33276" t="s">
        <v>20611</v>
      </c>
      <c r="D33276" t="s">
        <v>20612</v>
      </c>
      <c r="E33276" t="s">
        <v>20437</v>
      </c>
      <c r="F33276" t="s">
        <v>20438</v>
      </c>
      <c r="G33276" t="s">
        <v>20255</v>
      </c>
      <c r="H33276" t="s">
        <v>20256</v>
      </c>
      <c r="I33276" s="2">
        <v>1</v>
      </c>
      <c r="J33276" s="2">
        <v>0</v>
      </c>
      <c r="K33276" s="2">
        <v>0</v>
      </c>
      <c r="L33276" t="s">
        <v>120</v>
      </c>
      <c r="M33276" t="s">
        <v>89</v>
      </c>
      <c r="N33276" t="s">
        <v>90</v>
      </c>
      <c r="O33276" t="s">
        <v>85</v>
      </c>
      <c r="P33276" t="s">
        <v>86</v>
      </c>
      <c r="Q33276">
        <v>18</v>
      </c>
      <c r="R33276">
        <v>19</v>
      </c>
      <c r="S33276">
        <v>19</v>
      </c>
      <c r="T33276">
        <v>20</v>
      </c>
      <c r="U33276">
        <v>20</v>
      </c>
      <c r="V33276">
        <v>20</v>
      </c>
      <c r="W33276">
        <v>21</v>
      </c>
      <c r="X33276">
        <v>21</v>
      </c>
      <c r="Y33276">
        <v>22</v>
      </c>
      <c r="Z33276">
        <v>22</v>
      </c>
      <c r="AA33276">
        <v>22</v>
      </c>
      <c r="AB33276">
        <v>22</v>
      </c>
      <c r="AC33276">
        <v>23</v>
      </c>
      <c r="AD33276">
        <v>23</v>
      </c>
      <c r="AE33276">
        <v>23</v>
      </c>
      <c r="AF33276">
        <v>23</v>
      </c>
      <c r="AG33276">
        <v>23</v>
      </c>
      <c r="AH33276">
        <v>23</v>
      </c>
      <c r="AI33276">
        <v>24</v>
      </c>
      <c r="AJ33276">
        <v>24</v>
      </c>
      <c r="AK33276">
        <v>24</v>
      </c>
      <c r="AL33276">
        <v>24</v>
      </c>
      <c r="AM33276">
        <v>24</v>
      </c>
      <c r="AN33276">
        <v>24</v>
      </c>
      <c r="AO33276">
        <v>24</v>
      </c>
      <c r="AP33276">
        <v>24</v>
      </c>
      <c r="AQ33276">
        <v>24</v>
      </c>
    </row>
    <row r="33277" spans="1:43">
      <c r="A33277" t="s">
        <v>20613</v>
      </c>
      <c r="B33277" t="s">
        <v>20614</v>
      </c>
      <c r="C33277" t="s">
        <v>20611</v>
      </c>
      <c r="D33277" t="s">
        <v>20612</v>
      </c>
      <c r="E33277" t="s">
        <v>20437</v>
      </c>
      <c r="F33277" t="s">
        <v>20438</v>
      </c>
      <c r="G33277" t="s">
        <v>20255</v>
      </c>
      <c r="H33277" t="s">
        <v>20256</v>
      </c>
      <c r="I33277" s="2">
        <v>1</v>
      </c>
      <c r="J33277" s="2">
        <v>0</v>
      </c>
      <c r="K33277" s="2">
        <v>0</v>
      </c>
      <c r="L33277" t="s">
        <v>120</v>
      </c>
      <c r="M33277" t="s">
        <v>83</v>
      </c>
      <c r="N33277" t="s">
        <v>91</v>
      </c>
      <c r="O33277" t="s">
        <v>85</v>
      </c>
      <c r="P33277" t="s">
        <v>86</v>
      </c>
      <c r="Q33277">
        <v>18</v>
      </c>
      <c r="R33277">
        <v>19</v>
      </c>
      <c r="S33277">
        <v>19</v>
      </c>
      <c r="T33277">
        <v>19</v>
      </c>
      <c r="U33277">
        <v>19</v>
      </c>
      <c r="V33277">
        <v>20</v>
      </c>
      <c r="W33277">
        <v>20</v>
      </c>
      <c r="X33277">
        <v>20</v>
      </c>
      <c r="Y33277">
        <v>20</v>
      </c>
      <c r="Z33277">
        <v>21</v>
      </c>
      <c r="AA33277">
        <v>21</v>
      </c>
      <c r="AB33277">
        <v>21</v>
      </c>
      <c r="AC33277">
        <v>21</v>
      </c>
      <c r="AD33277">
        <v>22</v>
      </c>
      <c r="AE33277">
        <v>22</v>
      </c>
      <c r="AF33277">
        <v>22</v>
      </c>
      <c r="AG33277">
        <v>22</v>
      </c>
      <c r="AH33277">
        <v>23</v>
      </c>
      <c r="AI33277">
        <v>23</v>
      </c>
      <c r="AJ33277">
        <v>23</v>
      </c>
      <c r="AK33277">
        <v>23</v>
      </c>
      <c r="AL33277">
        <v>23</v>
      </c>
      <c r="AM33277">
        <v>23</v>
      </c>
      <c r="AN33277">
        <v>24</v>
      </c>
      <c r="AO33277">
        <v>24</v>
      </c>
      <c r="AP33277">
        <v>24</v>
      </c>
      <c r="AQ33277">
        <v>24</v>
      </c>
    </row>
    <row r="33278" spans="1:43">
      <c r="A33278" t="s">
        <v>20615</v>
      </c>
      <c r="B33278" t="s">
        <v>20616</v>
      </c>
      <c r="C33278" t="s">
        <v>20611</v>
      </c>
      <c r="D33278" t="s">
        <v>20612</v>
      </c>
      <c r="E33278" t="s">
        <v>20437</v>
      </c>
      <c r="F33278" t="s">
        <v>20438</v>
      </c>
      <c r="G33278" t="s">
        <v>20255</v>
      </c>
      <c r="H33278" t="s">
        <v>20256</v>
      </c>
      <c r="I33278" s="2">
        <v>1</v>
      </c>
      <c r="J33278" s="2">
        <v>0</v>
      </c>
      <c r="K33278" s="2">
        <v>0</v>
      </c>
      <c r="L33278" t="s">
        <v>120</v>
      </c>
      <c r="M33278" t="s">
        <v>83</v>
      </c>
      <c r="N33278" t="s">
        <v>84</v>
      </c>
      <c r="O33278" t="s">
        <v>85</v>
      </c>
      <c r="P33278" t="s">
        <v>86</v>
      </c>
      <c r="Q33278">
        <v>19</v>
      </c>
      <c r="R33278">
        <v>19</v>
      </c>
      <c r="S33278">
        <v>19</v>
      </c>
      <c r="T33278">
        <v>20</v>
      </c>
      <c r="U33278">
        <v>20</v>
      </c>
      <c r="V33278">
        <v>20</v>
      </c>
      <c r="W33278">
        <v>21</v>
      </c>
      <c r="X33278">
        <v>21</v>
      </c>
      <c r="Y33278">
        <v>21</v>
      </c>
      <c r="Z33278">
        <v>21</v>
      </c>
      <c r="AA33278">
        <v>22</v>
      </c>
      <c r="AB33278">
        <v>22</v>
      </c>
      <c r="AC33278">
        <v>22</v>
      </c>
      <c r="AD33278">
        <v>22</v>
      </c>
      <c r="AE33278">
        <v>23</v>
      </c>
      <c r="AF33278">
        <v>23</v>
      </c>
      <c r="AG33278">
        <v>23</v>
      </c>
      <c r="AH33278">
        <v>23</v>
      </c>
      <c r="AI33278">
        <v>24</v>
      </c>
      <c r="AJ33278">
        <v>24</v>
      </c>
      <c r="AK33278">
        <v>24</v>
      </c>
      <c r="AL33278">
        <v>24</v>
      </c>
      <c r="AM33278">
        <v>24</v>
      </c>
      <c r="AN33278">
        <v>24</v>
      </c>
      <c r="AO33278">
        <v>24</v>
      </c>
      <c r="AP33278">
        <v>25</v>
      </c>
      <c r="AQ33278">
        <v>25</v>
      </c>
    </row>
    <row r="33279" spans="1:43">
      <c r="A33279" t="s">
        <v>20615</v>
      </c>
      <c r="B33279" t="s">
        <v>20616</v>
      </c>
      <c r="C33279" t="s">
        <v>20611</v>
      </c>
      <c r="D33279" t="s">
        <v>20612</v>
      </c>
      <c r="E33279" t="s">
        <v>20437</v>
      </c>
      <c r="F33279" t="s">
        <v>20438</v>
      </c>
      <c r="G33279" t="s">
        <v>20255</v>
      </c>
      <c r="H33279" t="s">
        <v>20256</v>
      </c>
      <c r="I33279" s="2">
        <v>1</v>
      </c>
      <c r="J33279" s="2">
        <v>0</v>
      </c>
      <c r="K33279" s="2">
        <v>0</v>
      </c>
      <c r="L33279" t="s">
        <v>120</v>
      </c>
      <c r="M33279" t="s">
        <v>87</v>
      </c>
      <c r="N33279" t="s">
        <v>88</v>
      </c>
      <c r="O33279" t="s">
        <v>85</v>
      </c>
      <c r="P33279" t="s">
        <v>86</v>
      </c>
      <c r="Q33279">
        <v>19</v>
      </c>
      <c r="R33279">
        <v>19</v>
      </c>
      <c r="S33279">
        <v>19</v>
      </c>
      <c r="T33279">
        <v>19</v>
      </c>
      <c r="U33279">
        <v>19</v>
      </c>
      <c r="V33279">
        <v>19</v>
      </c>
      <c r="W33279">
        <v>19</v>
      </c>
      <c r="X33279">
        <v>19</v>
      </c>
      <c r="Y33279">
        <v>20</v>
      </c>
      <c r="Z33279">
        <v>20</v>
      </c>
      <c r="AA33279">
        <v>20</v>
      </c>
      <c r="AB33279">
        <v>20</v>
      </c>
      <c r="AC33279">
        <v>20</v>
      </c>
      <c r="AD33279">
        <v>20</v>
      </c>
      <c r="AE33279">
        <v>20</v>
      </c>
      <c r="AF33279">
        <v>20</v>
      </c>
      <c r="AG33279">
        <v>20</v>
      </c>
      <c r="AH33279">
        <v>20</v>
      </c>
      <c r="AI33279">
        <v>21</v>
      </c>
      <c r="AJ33279">
        <v>21</v>
      </c>
      <c r="AK33279">
        <v>21</v>
      </c>
      <c r="AL33279">
        <v>21</v>
      </c>
      <c r="AM33279">
        <v>21</v>
      </c>
      <c r="AN33279">
        <v>21</v>
      </c>
      <c r="AO33279">
        <v>21</v>
      </c>
      <c r="AP33279">
        <v>21</v>
      </c>
      <c r="AQ33279">
        <v>22</v>
      </c>
    </row>
    <row r="33280" spans="1:43">
      <c r="A33280" t="s">
        <v>20615</v>
      </c>
      <c r="B33280" t="s">
        <v>20616</v>
      </c>
      <c r="C33280" t="s">
        <v>20611</v>
      </c>
      <c r="D33280" t="s">
        <v>20612</v>
      </c>
      <c r="E33280" t="s">
        <v>20437</v>
      </c>
      <c r="F33280" t="s">
        <v>20438</v>
      </c>
      <c r="G33280" t="s">
        <v>20255</v>
      </c>
      <c r="H33280" t="s">
        <v>20256</v>
      </c>
      <c r="I33280" s="2">
        <v>1</v>
      </c>
      <c r="J33280" s="2">
        <v>0</v>
      </c>
      <c r="K33280" s="2">
        <v>0</v>
      </c>
      <c r="L33280" t="s">
        <v>120</v>
      </c>
      <c r="M33280" t="s">
        <v>89</v>
      </c>
      <c r="N33280" t="s">
        <v>90</v>
      </c>
      <c r="O33280" t="s">
        <v>85</v>
      </c>
      <c r="P33280" t="s">
        <v>86</v>
      </c>
      <c r="Q33280">
        <v>19</v>
      </c>
      <c r="R33280">
        <v>19</v>
      </c>
      <c r="S33280">
        <v>20</v>
      </c>
      <c r="T33280">
        <v>20</v>
      </c>
      <c r="U33280">
        <v>21</v>
      </c>
      <c r="V33280">
        <v>21</v>
      </c>
      <c r="W33280">
        <v>22</v>
      </c>
      <c r="X33280">
        <v>22</v>
      </c>
      <c r="Y33280">
        <v>22</v>
      </c>
      <c r="Z33280">
        <v>23</v>
      </c>
      <c r="AA33280">
        <v>23</v>
      </c>
      <c r="AB33280">
        <v>23</v>
      </c>
      <c r="AC33280">
        <v>24</v>
      </c>
      <c r="AD33280">
        <v>24</v>
      </c>
      <c r="AE33280">
        <v>24</v>
      </c>
      <c r="AF33280">
        <v>24</v>
      </c>
      <c r="AG33280">
        <v>24</v>
      </c>
      <c r="AH33280">
        <v>24</v>
      </c>
      <c r="AI33280">
        <v>24</v>
      </c>
      <c r="AJ33280">
        <v>24</v>
      </c>
      <c r="AK33280">
        <v>24</v>
      </c>
      <c r="AL33280">
        <v>25</v>
      </c>
      <c r="AM33280">
        <v>25</v>
      </c>
      <c r="AN33280">
        <v>25</v>
      </c>
      <c r="AO33280">
        <v>25</v>
      </c>
      <c r="AP33280">
        <v>25</v>
      </c>
      <c r="AQ33280">
        <v>25</v>
      </c>
    </row>
    <row r="33281" spans="1:43">
      <c r="A33281" t="s">
        <v>20615</v>
      </c>
      <c r="B33281" t="s">
        <v>20616</v>
      </c>
      <c r="C33281" t="s">
        <v>20611</v>
      </c>
      <c r="D33281" t="s">
        <v>20612</v>
      </c>
      <c r="E33281" t="s">
        <v>20437</v>
      </c>
      <c r="F33281" t="s">
        <v>20438</v>
      </c>
      <c r="G33281" t="s">
        <v>20255</v>
      </c>
      <c r="H33281" t="s">
        <v>20256</v>
      </c>
      <c r="I33281" s="2">
        <v>1</v>
      </c>
      <c r="J33281" s="2">
        <v>0</v>
      </c>
      <c r="K33281" s="2">
        <v>0</v>
      </c>
      <c r="L33281" t="s">
        <v>120</v>
      </c>
      <c r="M33281" t="s">
        <v>83</v>
      </c>
      <c r="N33281" t="s">
        <v>91</v>
      </c>
      <c r="O33281" t="s">
        <v>85</v>
      </c>
      <c r="P33281" t="s">
        <v>86</v>
      </c>
      <c r="Q33281">
        <v>19</v>
      </c>
      <c r="R33281">
        <v>19</v>
      </c>
      <c r="S33281">
        <v>19</v>
      </c>
      <c r="T33281">
        <v>20</v>
      </c>
      <c r="U33281">
        <v>20</v>
      </c>
      <c r="V33281">
        <v>20</v>
      </c>
      <c r="W33281">
        <v>21</v>
      </c>
      <c r="X33281">
        <v>21</v>
      </c>
      <c r="Y33281">
        <v>21</v>
      </c>
      <c r="Z33281">
        <v>21</v>
      </c>
      <c r="AA33281">
        <v>22</v>
      </c>
      <c r="AB33281">
        <v>22</v>
      </c>
      <c r="AC33281">
        <v>22</v>
      </c>
      <c r="AD33281">
        <v>22</v>
      </c>
      <c r="AE33281">
        <v>23</v>
      </c>
      <c r="AF33281">
        <v>23</v>
      </c>
      <c r="AG33281">
        <v>23</v>
      </c>
      <c r="AH33281">
        <v>23</v>
      </c>
      <c r="AI33281">
        <v>24</v>
      </c>
      <c r="AJ33281">
        <v>24</v>
      </c>
      <c r="AK33281">
        <v>24</v>
      </c>
      <c r="AL33281">
        <v>24</v>
      </c>
      <c r="AM33281">
        <v>24</v>
      </c>
      <c r="AN33281">
        <v>24</v>
      </c>
      <c r="AO33281">
        <v>24</v>
      </c>
      <c r="AP33281">
        <v>25</v>
      </c>
      <c r="AQ33281">
        <v>25</v>
      </c>
    </row>
    <row r="33282" spans="1:43">
      <c r="A33282" t="s">
        <v>20617</v>
      </c>
      <c r="B33282" t="s">
        <v>20618</v>
      </c>
      <c r="C33282" t="s">
        <v>20611</v>
      </c>
      <c r="D33282" t="s">
        <v>20612</v>
      </c>
      <c r="E33282" t="s">
        <v>20437</v>
      </c>
      <c r="F33282" t="s">
        <v>20438</v>
      </c>
      <c r="G33282" t="s">
        <v>20255</v>
      </c>
      <c r="H33282" t="s">
        <v>20256</v>
      </c>
      <c r="I33282" s="2">
        <v>1</v>
      </c>
      <c r="J33282" s="2">
        <v>0</v>
      </c>
      <c r="K33282" s="2">
        <v>0</v>
      </c>
      <c r="L33282" t="s">
        <v>120</v>
      </c>
      <c r="M33282" t="s">
        <v>83</v>
      </c>
      <c r="N33282" t="s">
        <v>84</v>
      </c>
      <c r="O33282" t="s">
        <v>85</v>
      </c>
      <c r="P33282" t="s">
        <v>86</v>
      </c>
      <c r="Q33282">
        <v>8</v>
      </c>
      <c r="R33282">
        <v>8</v>
      </c>
      <c r="S33282">
        <v>9</v>
      </c>
      <c r="T33282">
        <v>9</v>
      </c>
      <c r="U33282">
        <v>9</v>
      </c>
      <c r="V33282">
        <v>9</v>
      </c>
      <c r="W33282">
        <v>9</v>
      </c>
      <c r="X33282">
        <v>9</v>
      </c>
      <c r="Y33282">
        <v>9</v>
      </c>
      <c r="Z33282">
        <v>9</v>
      </c>
      <c r="AA33282">
        <v>9</v>
      </c>
      <c r="AB33282">
        <v>10</v>
      </c>
      <c r="AC33282">
        <v>10</v>
      </c>
      <c r="AD33282">
        <v>10</v>
      </c>
      <c r="AE33282">
        <v>10</v>
      </c>
      <c r="AF33282">
        <v>10</v>
      </c>
      <c r="AG33282">
        <v>10</v>
      </c>
      <c r="AH33282">
        <v>10</v>
      </c>
      <c r="AI33282">
        <v>10</v>
      </c>
      <c r="AJ33282">
        <v>10</v>
      </c>
      <c r="AK33282">
        <v>11</v>
      </c>
      <c r="AL33282">
        <v>11</v>
      </c>
      <c r="AM33282">
        <v>11</v>
      </c>
      <c r="AN33282">
        <v>11</v>
      </c>
      <c r="AO33282">
        <v>11</v>
      </c>
      <c r="AP33282">
        <v>11</v>
      </c>
      <c r="AQ33282">
        <v>11</v>
      </c>
    </row>
    <row r="33283" spans="1:43">
      <c r="A33283" t="s">
        <v>20617</v>
      </c>
      <c r="B33283" t="s">
        <v>20618</v>
      </c>
      <c r="C33283" t="s">
        <v>20611</v>
      </c>
      <c r="D33283" t="s">
        <v>20612</v>
      </c>
      <c r="E33283" t="s">
        <v>20437</v>
      </c>
      <c r="F33283" t="s">
        <v>20438</v>
      </c>
      <c r="G33283" t="s">
        <v>20255</v>
      </c>
      <c r="H33283" t="s">
        <v>20256</v>
      </c>
      <c r="I33283" s="2">
        <v>1</v>
      </c>
      <c r="J33283" s="2">
        <v>0</v>
      </c>
      <c r="K33283" s="2">
        <v>0</v>
      </c>
      <c r="L33283" t="s">
        <v>120</v>
      </c>
      <c r="M33283" t="s">
        <v>87</v>
      </c>
      <c r="N33283" t="s">
        <v>88</v>
      </c>
      <c r="O33283" t="s">
        <v>85</v>
      </c>
      <c r="P33283" t="s">
        <v>86</v>
      </c>
      <c r="Q33283">
        <v>8</v>
      </c>
      <c r="R33283">
        <v>8</v>
      </c>
      <c r="S33283">
        <v>8</v>
      </c>
      <c r="T33283">
        <v>8</v>
      </c>
      <c r="U33283">
        <v>8</v>
      </c>
      <c r="V33283">
        <v>8</v>
      </c>
      <c r="W33283">
        <v>8</v>
      </c>
      <c r="X33283">
        <v>9</v>
      </c>
      <c r="Y33283">
        <v>9</v>
      </c>
      <c r="Z33283">
        <v>9</v>
      </c>
      <c r="AA33283">
        <v>9</v>
      </c>
      <c r="AB33283">
        <v>9</v>
      </c>
      <c r="AC33283">
        <v>9</v>
      </c>
      <c r="AD33283">
        <v>9</v>
      </c>
      <c r="AE33283">
        <v>9</v>
      </c>
      <c r="AF33283">
        <v>9</v>
      </c>
      <c r="AG33283">
        <v>9</v>
      </c>
      <c r="AH33283">
        <v>9</v>
      </c>
      <c r="AI33283">
        <v>9</v>
      </c>
      <c r="AJ33283">
        <v>9</v>
      </c>
      <c r="AK33283">
        <v>9</v>
      </c>
      <c r="AL33283">
        <v>9</v>
      </c>
      <c r="AM33283">
        <v>9</v>
      </c>
      <c r="AN33283">
        <v>9</v>
      </c>
      <c r="AO33283">
        <v>9</v>
      </c>
      <c r="AP33283">
        <v>9</v>
      </c>
      <c r="AQ33283">
        <v>9</v>
      </c>
    </row>
    <row r="33284" spans="1:43">
      <c r="A33284" t="s">
        <v>20617</v>
      </c>
      <c r="B33284" t="s">
        <v>20618</v>
      </c>
      <c r="C33284" t="s">
        <v>20611</v>
      </c>
      <c r="D33284" t="s">
        <v>20612</v>
      </c>
      <c r="E33284" t="s">
        <v>20437</v>
      </c>
      <c r="F33284" t="s">
        <v>20438</v>
      </c>
      <c r="G33284" t="s">
        <v>20255</v>
      </c>
      <c r="H33284" t="s">
        <v>20256</v>
      </c>
      <c r="I33284" s="2">
        <v>1</v>
      </c>
      <c r="J33284" s="2">
        <v>0</v>
      </c>
      <c r="K33284" s="2">
        <v>0</v>
      </c>
      <c r="L33284" t="s">
        <v>120</v>
      </c>
      <c r="M33284" t="s">
        <v>89</v>
      </c>
      <c r="N33284" t="s">
        <v>90</v>
      </c>
      <c r="O33284" t="s">
        <v>85</v>
      </c>
      <c r="P33284" t="s">
        <v>86</v>
      </c>
      <c r="Q33284">
        <v>8</v>
      </c>
      <c r="R33284">
        <v>9</v>
      </c>
      <c r="S33284">
        <v>9</v>
      </c>
      <c r="T33284">
        <v>9</v>
      </c>
      <c r="U33284">
        <v>9</v>
      </c>
      <c r="V33284">
        <v>9</v>
      </c>
      <c r="W33284">
        <v>9</v>
      </c>
      <c r="X33284">
        <v>10</v>
      </c>
      <c r="Y33284">
        <v>10</v>
      </c>
      <c r="Z33284">
        <v>10</v>
      </c>
      <c r="AA33284">
        <v>10</v>
      </c>
      <c r="AB33284">
        <v>10</v>
      </c>
      <c r="AC33284">
        <v>10</v>
      </c>
      <c r="AD33284">
        <v>11</v>
      </c>
      <c r="AE33284">
        <v>11</v>
      </c>
      <c r="AF33284">
        <v>11</v>
      </c>
      <c r="AG33284">
        <v>11</v>
      </c>
      <c r="AH33284">
        <v>11</v>
      </c>
      <c r="AI33284">
        <v>11</v>
      </c>
      <c r="AJ33284">
        <v>11</v>
      </c>
      <c r="AK33284">
        <v>11</v>
      </c>
      <c r="AL33284">
        <v>11</v>
      </c>
      <c r="AM33284">
        <v>11</v>
      </c>
      <c r="AN33284">
        <v>11</v>
      </c>
      <c r="AO33284">
        <v>11</v>
      </c>
      <c r="AP33284">
        <v>11</v>
      </c>
      <c r="AQ33284">
        <v>11</v>
      </c>
    </row>
    <row r="33285" spans="1:43">
      <c r="A33285" t="s">
        <v>20617</v>
      </c>
      <c r="B33285" t="s">
        <v>20618</v>
      </c>
      <c r="C33285" t="s">
        <v>20611</v>
      </c>
      <c r="D33285" t="s">
        <v>20612</v>
      </c>
      <c r="E33285" t="s">
        <v>20437</v>
      </c>
      <c r="F33285" t="s">
        <v>20438</v>
      </c>
      <c r="G33285" t="s">
        <v>20255</v>
      </c>
      <c r="H33285" t="s">
        <v>20256</v>
      </c>
      <c r="I33285" s="2">
        <v>1</v>
      </c>
      <c r="J33285" s="2">
        <v>0</v>
      </c>
      <c r="K33285" s="2">
        <v>0</v>
      </c>
      <c r="L33285" t="s">
        <v>120</v>
      </c>
      <c r="M33285" t="s">
        <v>83</v>
      </c>
      <c r="N33285" t="s">
        <v>91</v>
      </c>
      <c r="O33285" t="s">
        <v>85</v>
      </c>
      <c r="P33285" t="s">
        <v>86</v>
      </c>
      <c r="Q33285">
        <v>8</v>
      </c>
      <c r="R33285">
        <v>8</v>
      </c>
      <c r="S33285">
        <v>9</v>
      </c>
      <c r="T33285">
        <v>9</v>
      </c>
      <c r="U33285">
        <v>9</v>
      </c>
      <c r="V33285">
        <v>9</v>
      </c>
      <c r="W33285">
        <v>9</v>
      </c>
      <c r="X33285">
        <v>9</v>
      </c>
      <c r="Y33285">
        <v>9</v>
      </c>
      <c r="Z33285">
        <v>9</v>
      </c>
      <c r="AA33285">
        <v>9</v>
      </c>
      <c r="AB33285">
        <v>10</v>
      </c>
      <c r="AC33285">
        <v>10</v>
      </c>
      <c r="AD33285">
        <v>10</v>
      </c>
      <c r="AE33285">
        <v>10</v>
      </c>
      <c r="AF33285">
        <v>10</v>
      </c>
      <c r="AG33285">
        <v>10</v>
      </c>
      <c r="AH33285">
        <v>10</v>
      </c>
      <c r="AI33285">
        <v>10</v>
      </c>
      <c r="AJ33285">
        <v>10</v>
      </c>
      <c r="AK33285">
        <v>11</v>
      </c>
      <c r="AL33285">
        <v>11</v>
      </c>
      <c r="AM33285">
        <v>11</v>
      </c>
      <c r="AN33285">
        <v>11</v>
      </c>
      <c r="AO33285">
        <v>11</v>
      </c>
      <c r="AP33285">
        <v>11</v>
      </c>
      <c r="AQ33285">
        <v>11</v>
      </c>
    </row>
    <row r="33286" spans="1:43">
      <c r="A33286" t="s">
        <v>20619</v>
      </c>
      <c r="B33286" t="s">
        <v>20620</v>
      </c>
      <c r="C33286" t="s">
        <v>20611</v>
      </c>
      <c r="D33286" t="s">
        <v>20612</v>
      </c>
      <c r="E33286" t="s">
        <v>20437</v>
      </c>
      <c r="F33286" t="s">
        <v>20438</v>
      </c>
      <c r="G33286" t="s">
        <v>20255</v>
      </c>
      <c r="H33286" t="s">
        <v>20256</v>
      </c>
      <c r="I33286" s="2">
        <v>1</v>
      </c>
      <c r="J33286" s="2">
        <v>0</v>
      </c>
      <c r="K33286" s="2">
        <v>0</v>
      </c>
      <c r="L33286" t="s">
        <v>120</v>
      </c>
      <c r="M33286" t="s">
        <v>83</v>
      </c>
      <c r="N33286" t="s">
        <v>84</v>
      </c>
      <c r="O33286" t="s">
        <v>85</v>
      </c>
      <c r="P33286" t="s">
        <v>86</v>
      </c>
      <c r="Q33286">
        <v>15</v>
      </c>
      <c r="R33286">
        <v>15</v>
      </c>
      <c r="S33286">
        <v>16</v>
      </c>
      <c r="T33286">
        <v>16</v>
      </c>
      <c r="U33286">
        <v>16</v>
      </c>
      <c r="V33286">
        <v>16</v>
      </c>
      <c r="W33286">
        <v>16</v>
      </c>
      <c r="X33286">
        <v>17</v>
      </c>
      <c r="Y33286">
        <v>17</v>
      </c>
      <c r="Z33286">
        <v>17</v>
      </c>
      <c r="AA33286">
        <v>17</v>
      </c>
      <c r="AB33286">
        <v>17</v>
      </c>
      <c r="AC33286">
        <v>18</v>
      </c>
      <c r="AD33286">
        <v>18</v>
      </c>
      <c r="AE33286">
        <v>18</v>
      </c>
      <c r="AF33286">
        <v>18</v>
      </c>
      <c r="AG33286">
        <v>18</v>
      </c>
      <c r="AH33286">
        <v>19</v>
      </c>
      <c r="AI33286">
        <v>19</v>
      </c>
      <c r="AJ33286">
        <v>19</v>
      </c>
      <c r="AK33286">
        <v>19</v>
      </c>
      <c r="AL33286">
        <v>19</v>
      </c>
      <c r="AM33286">
        <v>19</v>
      </c>
      <c r="AN33286">
        <v>19</v>
      </c>
      <c r="AO33286">
        <v>20</v>
      </c>
      <c r="AP33286">
        <v>20</v>
      </c>
      <c r="AQ33286">
        <v>20</v>
      </c>
    </row>
    <row r="33287" spans="1:43">
      <c r="A33287" t="s">
        <v>20619</v>
      </c>
      <c r="B33287" t="s">
        <v>20620</v>
      </c>
      <c r="C33287" t="s">
        <v>20611</v>
      </c>
      <c r="D33287" t="s">
        <v>20612</v>
      </c>
      <c r="E33287" t="s">
        <v>20437</v>
      </c>
      <c r="F33287" t="s">
        <v>20438</v>
      </c>
      <c r="G33287" t="s">
        <v>20255</v>
      </c>
      <c r="H33287" t="s">
        <v>20256</v>
      </c>
      <c r="I33287" s="2">
        <v>1</v>
      </c>
      <c r="J33287" s="2">
        <v>0</v>
      </c>
      <c r="K33287" s="2">
        <v>0</v>
      </c>
      <c r="L33287" t="s">
        <v>120</v>
      </c>
      <c r="M33287" t="s">
        <v>87</v>
      </c>
      <c r="N33287" t="s">
        <v>88</v>
      </c>
      <c r="O33287" t="s">
        <v>85</v>
      </c>
      <c r="P33287" t="s">
        <v>86</v>
      </c>
      <c r="Q33287">
        <v>15</v>
      </c>
      <c r="R33287">
        <v>15</v>
      </c>
      <c r="S33287">
        <v>15</v>
      </c>
      <c r="T33287">
        <v>15</v>
      </c>
      <c r="U33287">
        <v>15</v>
      </c>
      <c r="V33287">
        <v>15</v>
      </c>
      <c r="W33287">
        <v>15</v>
      </c>
      <c r="X33287">
        <v>16</v>
      </c>
      <c r="Y33287">
        <v>16</v>
      </c>
      <c r="Z33287">
        <v>16</v>
      </c>
      <c r="AA33287">
        <v>16</v>
      </c>
      <c r="AB33287">
        <v>16</v>
      </c>
      <c r="AC33287">
        <v>16</v>
      </c>
      <c r="AD33287">
        <v>16</v>
      </c>
      <c r="AE33287">
        <v>16</v>
      </c>
      <c r="AF33287">
        <v>16</v>
      </c>
      <c r="AG33287">
        <v>16</v>
      </c>
      <c r="AH33287">
        <v>16</v>
      </c>
      <c r="AI33287">
        <v>16</v>
      </c>
      <c r="AJ33287">
        <v>17</v>
      </c>
      <c r="AK33287">
        <v>17</v>
      </c>
      <c r="AL33287">
        <v>17</v>
      </c>
      <c r="AM33287">
        <v>17</v>
      </c>
      <c r="AN33287">
        <v>17</v>
      </c>
      <c r="AO33287">
        <v>17</v>
      </c>
      <c r="AP33287">
        <v>17</v>
      </c>
      <c r="AQ33287">
        <v>17</v>
      </c>
    </row>
    <row r="33288" spans="1:43">
      <c r="A33288" t="s">
        <v>20619</v>
      </c>
      <c r="B33288" t="s">
        <v>20620</v>
      </c>
      <c r="C33288" t="s">
        <v>20611</v>
      </c>
      <c r="D33288" t="s">
        <v>20612</v>
      </c>
      <c r="E33288" t="s">
        <v>20437</v>
      </c>
      <c r="F33288" t="s">
        <v>20438</v>
      </c>
      <c r="G33288" t="s">
        <v>20255</v>
      </c>
      <c r="H33288" t="s">
        <v>20256</v>
      </c>
      <c r="I33288" s="2">
        <v>1</v>
      </c>
      <c r="J33288" s="2">
        <v>0</v>
      </c>
      <c r="K33288" s="2">
        <v>0</v>
      </c>
      <c r="L33288" t="s">
        <v>120</v>
      </c>
      <c r="M33288" t="s">
        <v>89</v>
      </c>
      <c r="N33288" t="s">
        <v>90</v>
      </c>
      <c r="O33288" t="s">
        <v>85</v>
      </c>
      <c r="P33288" t="s">
        <v>86</v>
      </c>
      <c r="Q33288">
        <v>15</v>
      </c>
      <c r="R33288">
        <v>16</v>
      </c>
      <c r="S33288">
        <v>16</v>
      </c>
      <c r="T33288">
        <v>16</v>
      </c>
      <c r="U33288">
        <v>17</v>
      </c>
      <c r="V33288">
        <v>17</v>
      </c>
      <c r="W33288">
        <v>17</v>
      </c>
      <c r="X33288">
        <v>18</v>
      </c>
      <c r="Y33288">
        <v>18</v>
      </c>
      <c r="Z33288">
        <v>18</v>
      </c>
      <c r="AA33288">
        <v>18</v>
      </c>
      <c r="AB33288">
        <v>19</v>
      </c>
      <c r="AC33288">
        <v>19</v>
      </c>
      <c r="AD33288">
        <v>19</v>
      </c>
      <c r="AE33288">
        <v>19</v>
      </c>
      <c r="AF33288">
        <v>19</v>
      </c>
      <c r="AG33288">
        <v>19</v>
      </c>
      <c r="AH33288">
        <v>19</v>
      </c>
      <c r="AI33288">
        <v>19</v>
      </c>
      <c r="AJ33288">
        <v>19</v>
      </c>
      <c r="AK33288">
        <v>20</v>
      </c>
      <c r="AL33288">
        <v>20</v>
      </c>
      <c r="AM33288">
        <v>20</v>
      </c>
      <c r="AN33288">
        <v>20</v>
      </c>
      <c r="AO33288">
        <v>20</v>
      </c>
      <c r="AP33288">
        <v>20</v>
      </c>
      <c r="AQ33288">
        <v>20</v>
      </c>
    </row>
    <row r="33289" spans="1:43">
      <c r="A33289" t="s">
        <v>20619</v>
      </c>
      <c r="B33289" t="s">
        <v>20620</v>
      </c>
      <c r="C33289" t="s">
        <v>20611</v>
      </c>
      <c r="D33289" t="s">
        <v>20612</v>
      </c>
      <c r="E33289" t="s">
        <v>20437</v>
      </c>
      <c r="F33289" t="s">
        <v>20438</v>
      </c>
      <c r="G33289" t="s">
        <v>20255</v>
      </c>
      <c r="H33289" t="s">
        <v>20256</v>
      </c>
      <c r="I33289" s="2">
        <v>1</v>
      </c>
      <c r="J33289" s="2">
        <v>0</v>
      </c>
      <c r="K33289" s="2">
        <v>0</v>
      </c>
      <c r="L33289" t="s">
        <v>120</v>
      </c>
      <c r="M33289" t="s">
        <v>83</v>
      </c>
      <c r="N33289" t="s">
        <v>91</v>
      </c>
      <c r="O33289" t="s">
        <v>85</v>
      </c>
      <c r="P33289" t="s">
        <v>86</v>
      </c>
      <c r="Q33289">
        <v>15</v>
      </c>
      <c r="R33289">
        <v>15</v>
      </c>
      <c r="S33289">
        <v>16</v>
      </c>
      <c r="T33289">
        <v>16</v>
      </c>
      <c r="U33289">
        <v>16</v>
      </c>
      <c r="V33289">
        <v>16</v>
      </c>
      <c r="W33289">
        <v>16</v>
      </c>
      <c r="X33289">
        <v>17</v>
      </c>
      <c r="Y33289">
        <v>17</v>
      </c>
      <c r="Z33289">
        <v>17</v>
      </c>
      <c r="AA33289">
        <v>17</v>
      </c>
      <c r="AB33289">
        <v>17</v>
      </c>
      <c r="AC33289">
        <v>18</v>
      </c>
      <c r="AD33289">
        <v>18</v>
      </c>
      <c r="AE33289">
        <v>18</v>
      </c>
      <c r="AF33289">
        <v>18</v>
      </c>
      <c r="AG33289">
        <v>18</v>
      </c>
      <c r="AH33289">
        <v>19</v>
      </c>
      <c r="AI33289">
        <v>19</v>
      </c>
      <c r="AJ33289">
        <v>19</v>
      </c>
      <c r="AK33289">
        <v>19</v>
      </c>
      <c r="AL33289">
        <v>19</v>
      </c>
      <c r="AM33289">
        <v>19</v>
      </c>
      <c r="AN33289">
        <v>19</v>
      </c>
      <c r="AO33289">
        <v>20</v>
      </c>
      <c r="AP33289">
        <v>20</v>
      </c>
      <c r="AQ33289">
        <v>20</v>
      </c>
    </row>
    <row r="33290" spans="1:43">
      <c r="A33290" t="s">
        <v>20621</v>
      </c>
      <c r="B33290" t="s">
        <v>20622</v>
      </c>
      <c r="C33290" t="s">
        <v>20623</v>
      </c>
      <c r="D33290" t="s">
        <v>20624</v>
      </c>
      <c r="E33290" t="s">
        <v>20437</v>
      </c>
      <c r="F33290" t="s">
        <v>20438</v>
      </c>
      <c r="G33290" t="s">
        <v>20255</v>
      </c>
      <c r="H33290" t="s">
        <v>20256</v>
      </c>
      <c r="I33290" s="2">
        <v>1</v>
      </c>
      <c r="J33290" s="2">
        <v>0</v>
      </c>
      <c r="K33290" s="2">
        <v>0</v>
      </c>
      <c r="L33290" t="s">
        <v>120</v>
      </c>
      <c r="M33290" t="s">
        <v>83</v>
      </c>
      <c r="N33290" t="s">
        <v>84</v>
      </c>
      <c r="O33290" t="s">
        <v>85</v>
      </c>
      <c r="P33290" t="s">
        <v>86</v>
      </c>
      <c r="Q33290">
        <v>8</v>
      </c>
      <c r="R33290">
        <v>8</v>
      </c>
      <c r="S33290">
        <v>8</v>
      </c>
      <c r="T33290">
        <v>8</v>
      </c>
      <c r="U33290">
        <v>9</v>
      </c>
      <c r="V33290">
        <v>9</v>
      </c>
      <c r="W33290">
        <v>9</v>
      </c>
      <c r="X33290">
        <v>9</v>
      </c>
      <c r="Y33290">
        <v>9</v>
      </c>
      <c r="Z33290">
        <v>9</v>
      </c>
      <c r="AA33290">
        <v>10</v>
      </c>
      <c r="AB33290">
        <v>10</v>
      </c>
      <c r="AC33290">
        <v>10</v>
      </c>
      <c r="AD33290">
        <v>10</v>
      </c>
      <c r="AE33290">
        <v>10</v>
      </c>
      <c r="AF33290">
        <v>10</v>
      </c>
      <c r="AG33290">
        <v>11</v>
      </c>
      <c r="AH33290">
        <v>11</v>
      </c>
      <c r="AI33290">
        <v>11</v>
      </c>
      <c r="AJ33290">
        <v>11</v>
      </c>
      <c r="AK33290">
        <v>11</v>
      </c>
      <c r="AL33290">
        <v>11</v>
      </c>
      <c r="AM33290">
        <v>11</v>
      </c>
      <c r="AN33290">
        <v>12</v>
      </c>
      <c r="AO33290">
        <v>12</v>
      </c>
      <c r="AP33290">
        <v>12</v>
      </c>
      <c r="AQ33290">
        <v>12</v>
      </c>
    </row>
    <row r="33291" spans="1:43">
      <c r="A33291" t="s">
        <v>20621</v>
      </c>
      <c r="B33291" t="s">
        <v>20622</v>
      </c>
      <c r="C33291" t="s">
        <v>20623</v>
      </c>
      <c r="D33291" t="s">
        <v>20624</v>
      </c>
      <c r="E33291" t="s">
        <v>20437</v>
      </c>
      <c r="F33291" t="s">
        <v>20438</v>
      </c>
      <c r="G33291" t="s">
        <v>20255</v>
      </c>
      <c r="H33291" t="s">
        <v>20256</v>
      </c>
      <c r="I33291" s="2">
        <v>1</v>
      </c>
      <c r="J33291" s="2">
        <v>0</v>
      </c>
      <c r="K33291" s="2">
        <v>0</v>
      </c>
      <c r="L33291" t="s">
        <v>120</v>
      </c>
      <c r="M33291" t="s">
        <v>87</v>
      </c>
      <c r="N33291" t="s">
        <v>88</v>
      </c>
      <c r="O33291" t="s">
        <v>85</v>
      </c>
      <c r="P33291" t="s">
        <v>86</v>
      </c>
      <c r="Q33291">
        <v>8</v>
      </c>
      <c r="R33291">
        <v>8</v>
      </c>
      <c r="S33291">
        <v>8</v>
      </c>
      <c r="T33291">
        <v>8</v>
      </c>
      <c r="U33291">
        <v>8</v>
      </c>
      <c r="V33291">
        <v>8</v>
      </c>
      <c r="W33291">
        <v>8</v>
      </c>
      <c r="X33291">
        <v>8</v>
      </c>
      <c r="Y33291">
        <v>9</v>
      </c>
      <c r="Z33291">
        <v>9</v>
      </c>
      <c r="AA33291">
        <v>9</v>
      </c>
      <c r="AB33291">
        <v>9</v>
      </c>
      <c r="AC33291">
        <v>9</v>
      </c>
      <c r="AD33291">
        <v>9</v>
      </c>
      <c r="AE33291">
        <v>9</v>
      </c>
      <c r="AF33291">
        <v>9</v>
      </c>
      <c r="AG33291">
        <v>9</v>
      </c>
      <c r="AH33291">
        <v>9</v>
      </c>
      <c r="AI33291">
        <v>9</v>
      </c>
      <c r="AJ33291">
        <v>10</v>
      </c>
      <c r="AK33291">
        <v>10</v>
      </c>
      <c r="AL33291">
        <v>10</v>
      </c>
      <c r="AM33291">
        <v>10</v>
      </c>
      <c r="AN33291">
        <v>10</v>
      </c>
      <c r="AO33291">
        <v>10</v>
      </c>
      <c r="AP33291">
        <v>10</v>
      </c>
      <c r="AQ33291">
        <v>10</v>
      </c>
    </row>
    <row r="33292" spans="1:43">
      <c r="A33292" t="s">
        <v>20621</v>
      </c>
      <c r="B33292" t="s">
        <v>20622</v>
      </c>
      <c r="C33292" t="s">
        <v>20623</v>
      </c>
      <c r="D33292" t="s">
        <v>20624</v>
      </c>
      <c r="E33292" t="s">
        <v>20437</v>
      </c>
      <c r="F33292" t="s">
        <v>20438</v>
      </c>
      <c r="G33292" t="s">
        <v>20255</v>
      </c>
      <c r="H33292" t="s">
        <v>20256</v>
      </c>
      <c r="I33292" s="2">
        <v>1</v>
      </c>
      <c r="J33292" s="2">
        <v>0</v>
      </c>
      <c r="K33292" s="2">
        <v>0</v>
      </c>
      <c r="L33292" t="s">
        <v>120</v>
      </c>
      <c r="M33292" t="s">
        <v>89</v>
      </c>
      <c r="N33292" t="s">
        <v>90</v>
      </c>
      <c r="O33292" t="s">
        <v>85</v>
      </c>
      <c r="P33292" t="s">
        <v>86</v>
      </c>
      <c r="Q33292">
        <v>8</v>
      </c>
      <c r="R33292">
        <v>8</v>
      </c>
      <c r="S33292">
        <v>8</v>
      </c>
      <c r="T33292">
        <v>9</v>
      </c>
      <c r="U33292">
        <v>9</v>
      </c>
      <c r="V33292">
        <v>9</v>
      </c>
      <c r="W33292">
        <v>9</v>
      </c>
      <c r="X33292">
        <v>10</v>
      </c>
      <c r="Y33292">
        <v>10</v>
      </c>
      <c r="Z33292">
        <v>10</v>
      </c>
      <c r="AA33292">
        <v>10</v>
      </c>
      <c r="AB33292">
        <v>10</v>
      </c>
      <c r="AC33292">
        <v>11</v>
      </c>
      <c r="AD33292">
        <v>11</v>
      </c>
      <c r="AE33292">
        <v>11</v>
      </c>
      <c r="AF33292">
        <v>11</v>
      </c>
      <c r="AG33292">
        <v>11</v>
      </c>
      <c r="AH33292">
        <v>11</v>
      </c>
      <c r="AI33292">
        <v>11</v>
      </c>
      <c r="AJ33292">
        <v>11</v>
      </c>
      <c r="AK33292">
        <v>11</v>
      </c>
      <c r="AL33292">
        <v>11</v>
      </c>
      <c r="AM33292">
        <v>12</v>
      </c>
      <c r="AN33292">
        <v>12</v>
      </c>
      <c r="AO33292">
        <v>12</v>
      </c>
      <c r="AP33292">
        <v>12</v>
      </c>
      <c r="AQ33292">
        <v>12</v>
      </c>
    </row>
    <row r="33293" spans="1:43">
      <c r="A33293" t="s">
        <v>20621</v>
      </c>
      <c r="B33293" t="s">
        <v>20622</v>
      </c>
      <c r="C33293" t="s">
        <v>20623</v>
      </c>
      <c r="D33293" t="s">
        <v>20624</v>
      </c>
      <c r="E33293" t="s">
        <v>20437</v>
      </c>
      <c r="F33293" t="s">
        <v>20438</v>
      </c>
      <c r="G33293" t="s">
        <v>20255</v>
      </c>
      <c r="H33293" t="s">
        <v>20256</v>
      </c>
      <c r="I33293" s="2">
        <v>1</v>
      </c>
      <c r="J33293" s="2">
        <v>0</v>
      </c>
      <c r="K33293" s="2">
        <v>0</v>
      </c>
      <c r="L33293" t="s">
        <v>120</v>
      </c>
      <c r="M33293" t="s">
        <v>83</v>
      </c>
      <c r="N33293" t="s">
        <v>91</v>
      </c>
      <c r="O33293" t="s">
        <v>85</v>
      </c>
      <c r="P33293" t="s">
        <v>86</v>
      </c>
      <c r="Q33293">
        <v>8</v>
      </c>
      <c r="R33293">
        <v>8</v>
      </c>
      <c r="S33293">
        <v>8</v>
      </c>
      <c r="T33293">
        <v>8</v>
      </c>
      <c r="U33293">
        <v>9</v>
      </c>
      <c r="V33293">
        <v>9</v>
      </c>
      <c r="W33293">
        <v>9</v>
      </c>
      <c r="X33293">
        <v>9</v>
      </c>
      <c r="Y33293">
        <v>9</v>
      </c>
      <c r="Z33293">
        <v>9</v>
      </c>
      <c r="AA33293">
        <v>10</v>
      </c>
      <c r="AB33293">
        <v>10</v>
      </c>
      <c r="AC33293">
        <v>10</v>
      </c>
      <c r="AD33293">
        <v>10</v>
      </c>
      <c r="AE33293">
        <v>10</v>
      </c>
      <c r="AF33293">
        <v>10</v>
      </c>
      <c r="AG33293">
        <v>11</v>
      </c>
      <c r="AH33293">
        <v>11</v>
      </c>
      <c r="AI33293">
        <v>11</v>
      </c>
      <c r="AJ33293">
        <v>11</v>
      </c>
      <c r="AK33293">
        <v>11</v>
      </c>
      <c r="AL33293">
        <v>11</v>
      </c>
      <c r="AM33293">
        <v>11</v>
      </c>
      <c r="AN33293">
        <v>12</v>
      </c>
      <c r="AO33293">
        <v>12</v>
      </c>
      <c r="AP33293">
        <v>12</v>
      </c>
      <c r="AQ33293">
        <v>12</v>
      </c>
    </row>
    <row r="33294" spans="1:43">
      <c r="A33294" t="s">
        <v>20625</v>
      </c>
      <c r="B33294" t="s">
        <v>20626</v>
      </c>
      <c r="C33294" t="s">
        <v>20623</v>
      </c>
      <c r="D33294" t="s">
        <v>20624</v>
      </c>
      <c r="E33294" t="s">
        <v>20437</v>
      </c>
      <c r="F33294" t="s">
        <v>20438</v>
      </c>
      <c r="G33294" t="s">
        <v>20255</v>
      </c>
      <c r="H33294" t="s">
        <v>20256</v>
      </c>
      <c r="I33294" s="2">
        <v>1</v>
      </c>
      <c r="J33294" s="2">
        <v>0</v>
      </c>
      <c r="K33294" s="2">
        <v>0</v>
      </c>
      <c r="L33294" t="s">
        <v>120</v>
      </c>
      <c r="M33294" t="s">
        <v>83</v>
      </c>
      <c r="N33294" t="s">
        <v>84</v>
      </c>
      <c r="O33294" t="s">
        <v>85</v>
      </c>
      <c r="P33294" t="s">
        <v>86</v>
      </c>
      <c r="Q33294">
        <v>29</v>
      </c>
      <c r="R33294">
        <v>29</v>
      </c>
      <c r="S33294">
        <v>30</v>
      </c>
      <c r="T33294">
        <v>30</v>
      </c>
      <c r="U33294">
        <v>31</v>
      </c>
      <c r="V33294">
        <v>32</v>
      </c>
      <c r="W33294">
        <v>32</v>
      </c>
      <c r="X33294">
        <v>33</v>
      </c>
      <c r="Y33294">
        <v>33</v>
      </c>
      <c r="Z33294">
        <v>34</v>
      </c>
      <c r="AA33294">
        <v>34</v>
      </c>
      <c r="AB33294">
        <v>35</v>
      </c>
      <c r="AC33294">
        <v>36</v>
      </c>
      <c r="AD33294">
        <v>36</v>
      </c>
      <c r="AE33294">
        <v>37</v>
      </c>
      <c r="AF33294">
        <v>37</v>
      </c>
      <c r="AG33294">
        <v>38</v>
      </c>
      <c r="AH33294">
        <v>39</v>
      </c>
      <c r="AI33294">
        <v>39</v>
      </c>
      <c r="AJ33294">
        <v>40</v>
      </c>
      <c r="AK33294">
        <v>41</v>
      </c>
      <c r="AL33294">
        <v>41</v>
      </c>
      <c r="AM33294">
        <v>41</v>
      </c>
      <c r="AN33294">
        <v>42</v>
      </c>
      <c r="AO33294">
        <v>42</v>
      </c>
      <c r="AP33294">
        <v>42</v>
      </c>
      <c r="AQ33294">
        <v>43</v>
      </c>
    </row>
    <row r="33295" spans="1:43">
      <c r="A33295" t="s">
        <v>20625</v>
      </c>
      <c r="B33295" t="s">
        <v>20626</v>
      </c>
      <c r="C33295" t="s">
        <v>20623</v>
      </c>
      <c r="D33295" t="s">
        <v>20624</v>
      </c>
      <c r="E33295" t="s">
        <v>20437</v>
      </c>
      <c r="F33295" t="s">
        <v>20438</v>
      </c>
      <c r="G33295" t="s">
        <v>20255</v>
      </c>
      <c r="H33295" t="s">
        <v>20256</v>
      </c>
      <c r="I33295" s="2">
        <v>1</v>
      </c>
      <c r="J33295" s="2">
        <v>0</v>
      </c>
      <c r="K33295" s="2">
        <v>0</v>
      </c>
      <c r="L33295" t="s">
        <v>120</v>
      </c>
      <c r="M33295" t="s">
        <v>87</v>
      </c>
      <c r="N33295" t="s">
        <v>88</v>
      </c>
      <c r="O33295" t="s">
        <v>85</v>
      </c>
      <c r="P33295" t="s">
        <v>86</v>
      </c>
      <c r="Q33295">
        <v>29</v>
      </c>
      <c r="R33295">
        <v>30</v>
      </c>
      <c r="S33295">
        <v>30</v>
      </c>
      <c r="T33295">
        <v>30</v>
      </c>
      <c r="U33295">
        <v>31</v>
      </c>
      <c r="V33295">
        <v>31</v>
      </c>
      <c r="W33295">
        <v>31</v>
      </c>
      <c r="X33295">
        <v>32</v>
      </c>
      <c r="Y33295">
        <v>32</v>
      </c>
      <c r="Z33295">
        <v>32</v>
      </c>
      <c r="AA33295">
        <v>32</v>
      </c>
      <c r="AB33295">
        <v>33</v>
      </c>
      <c r="AC33295">
        <v>33</v>
      </c>
      <c r="AD33295">
        <v>33</v>
      </c>
      <c r="AE33295">
        <v>34</v>
      </c>
      <c r="AF33295">
        <v>34</v>
      </c>
      <c r="AG33295">
        <v>34</v>
      </c>
      <c r="AH33295">
        <v>35</v>
      </c>
      <c r="AI33295">
        <v>35</v>
      </c>
      <c r="AJ33295">
        <v>36</v>
      </c>
      <c r="AK33295">
        <v>36</v>
      </c>
      <c r="AL33295">
        <v>36</v>
      </c>
      <c r="AM33295">
        <v>37</v>
      </c>
      <c r="AN33295">
        <v>37</v>
      </c>
      <c r="AO33295">
        <v>37</v>
      </c>
      <c r="AP33295">
        <v>38</v>
      </c>
      <c r="AQ33295">
        <v>38</v>
      </c>
    </row>
    <row r="33296" spans="1:43">
      <c r="A33296" t="s">
        <v>20625</v>
      </c>
      <c r="B33296" t="s">
        <v>20626</v>
      </c>
      <c r="C33296" t="s">
        <v>20623</v>
      </c>
      <c r="D33296" t="s">
        <v>20624</v>
      </c>
      <c r="E33296" t="s">
        <v>20437</v>
      </c>
      <c r="F33296" t="s">
        <v>20438</v>
      </c>
      <c r="G33296" t="s">
        <v>20255</v>
      </c>
      <c r="H33296" t="s">
        <v>20256</v>
      </c>
      <c r="I33296" s="2">
        <v>1</v>
      </c>
      <c r="J33296" s="2">
        <v>0</v>
      </c>
      <c r="K33296" s="2">
        <v>0</v>
      </c>
      <c r="L33296" t="s">
        <v>120</v>
      </c>
      <c r="M33296" t="s">
        <v>89</v>
      </c>
      <c r="N33296" t="s">
        <v>90</v>
      </c>
      <c r="O33296" t="s">
        <v>85</v>
      </c>
      <c r="P33296" t="s">
        <v>86</v>
      </c>
      <c r="Q33296">
        <v>29</v>
      </c>
      <c r="R33296">
        <v>30</v>
      </c>
      <c r="S33296">
        <v>31</v>
      </c>
      <c r="T33296">
        <v>31</v>
      </c>
      <c r="U33296">
        <v>32</v>
      </c>
      <c r="V33296">
        <v>33</v>
      </c>
      <c r="W33296">
        <v>34</v>
      </c>
      <c r="X33296">
        <v>34</v>
      </c>
      <c r="Y33296">
        <v>35</v>
      </c>
      <c r="Z33296">
        <v>36</v>
      </c>
      <c r="AA33296">
        <v>37</v>
      </c>
      <c r="AB33296">
        <v>37</v>
      </c>
      <c r="AC33296">
        <v>38</v>
      </c>
      <c r="AD33296">
        <v>39</v>
      </c>
      <c r="AE33296">
        <v>39</v>
      </c>
      <c r="AF33296">
        <v>40</v>
      </c>
      <c r="AG33296">
        <v>40</v>
      </c>
      <c r="AH33296">
        <v>40</v>
      </c>
      <c r="AI33296">
        <v>40</v>
      </c>
      <c r="AJ33296">
        <v>41</v>
      </c>
      <c r="AK33296">
        <v>41</v>
      </c>
      <c r="AL33296">
        <v>41</v>
      </c>
      <c r="AM33296">
        <v>42</v>
      </c>
      <c r="AN33296">
        <v>42</v>
      </c>
      <c r="AO33296">
        <v>42</v>
      </c>
      <c r="AP33296">
        <v>43</v>
      </c>
      <c r="AQ33296">
        <v>43</v>
      </c>
    </row>
    <row r="33297" spans="1:43">
      <c r="A33297" t="s">
        <v>20625</v>
      </c>
      <c r="B33297" t="s">
        <v>20626</v>
      </c>
      <c r="C33297" t="s">
        <v>20623</v>
      </c>
      <c r="D33297" t="s">
        <v>20624</v>
      </c>
      <c r="E33297" t="s">
        <v>20437</v>
      </c>
      <c r="F33297" t="s">
        <v>20438</v>
      </c>
      <c r="G33297" t="s">
        <v>20255</v>
      </c>
      <c r="H33297" t="s">
        <v>20256</v>
      </c>
      <c r="I33297" s="2">
        <v>1</v>
      </c>
      <c r="J33297" s="2">
        <v>0</v>
      </c>
      <c r="K33297" s="2">
        <v>0</v>
      </c>
      <c r="L33297" t="s">
        <v>120</v>
      </c>
      <c r="M33297" t="s">
        <v>83</v>
      </c>
      <c r="N33297" t="s">
        <v>91</v>
      </c>
      <c r="O33297" t="s">
        <v>85</v>
      </c>
      <c r="P33297" t="s">
        <v>86</v>
      </c>
      <c r="Q33297">
        <v>29</v>
      </c>
      <c r="R33297">
        <v>29</v>
      </c>
      <c r="S33297">
        <v>30</v>
      </c>
      <c r="T33297">
        <v>30</v>
      </c>
      <c r="U33297">
        <v>31</v>
      </c>
      <c r="V33297">
        <v>32</v>
      </c>
      <c r="W33297">
        <v>32</v>
      </c>
      <c r="X33297">
        <v>33</v>
      </c>
      <c r="Y33297">
        <v>33</v>
      </c>
      <c r="Z33297">
        <v>34</v>
      </c>
      <c r="AA33297">
        <v>34</v>
      </c>
      <c r="AB33297">
        <v>35</v>
      </c>
      <c r="AC33297">
        <v>36</v>
      </c>
      <c r="AD33297">
        <v>36</v>
      </c>
      <c r="AE33297">
        <v>37</v>
      </c>
      <c r="AF33297">
        <v>37</v>
      </c>
      <c r="AG33297">
        <v>38</v>
      </c>
      <c r="AH33297">
        <v>39</v>
      </c>
      <c r="AI33297">
        <v>39</v>
      </c>
      <c r="AJ33297">
        <v>40</v>
      </c>
      <c r="AK33297">
        <v>41</v>
      </c>
      <c r="AL33297">
        <v>41</v>
      </c>
      <c r="AM33297">
        <v>41</v>
      </c>
      <c r="AN33297">
        <v>42</v>
      </c>
      <c r="AO33297">
        <v>42</v>
      </c>
      <c r="AP33297">
        <v>42</v>
      </c>
      <c r="AQ33297">
        <v>43</v>
      </c>
    </row>
    <row r="33298" spans="1:43">
      <c r="A33298" t="s">
        <v>20627</v>
      </c>
      <c r="B33298" t="s">
        <v>20628</v>
      </c>
      <c r="C33298" t="s">
        <v>20623</v>
      </c>
      <c r="D33298" t="s">
        <v>20624</v>
      </c>
      <c r="E33298" t="s">
        <v>20437</v>
      </c>
      <c r="F33298" t="s">
        <v>20438</v>
      </c>
      <c r="G33298" t="s">
        <v>20255</v>
      </c>
      <c r="H33298" t="s">
        <v>20256</v>
      </c>
      <c r="I33298" s="2">
        <v>1</v>
      </c>
      <c r="J33298" s="2">
        <v>0</v>
      </c>
      <c r="K33298" s="2">
        <v>0</v>
      </c>
      <c r="L33298" t="s">
        <v>120</v>
      </c>
      <c r="M33298" t="s">
        <v>83</v>
      </c>
      <c r="N33298" t="s">
        <v>84</v>
      </c>
      <c r="O33298" t="s">
        <v>85</v>
      </c>
      <c r="P33298" t="s">
        <v>86</v>
      </c>
      <c r="Q33298">
        <v>8</v>
      </c>
      <c r="R33298">
        <v>9</v>
      </c>
      <c r="S33298">
        <v>9</v>
      </c>
      <c r="T33298">
        <v>9</v>
      </c>
      <c r="U33298">
        <v>9</v>
      </c>
      <c r="V33298">
        <v>9</v>
      </c>
      <c r="W33298">
        <v>10</v>
      </c>
      <c r="X33298">
        <v>10</v>
      </c>
      <c r="Y33298">
        <v>10</v>
      </c>
      <c r="Z33298">
        <v>10</v>
      </c>
      <c r="AA33298">
        <v>10</v>
      </c>
      <c r="AB33298">
        <v>10</v>
      </c>
      <c r="AC33298">
        <v>11</v>
      </c>
      <c r="AD33298">
        <v>11</v>
      </c>
      <c r="AE33298">
        <v>11</v>
      </c>
      <c r="AF33298">
        <v>11</v>
      </c>
      <c r="AG33298">
        <v>11</v>
      </c>
      <c r="AH33298">
        <v>11</v>
      </c>
      <c r="AI33298">
        <v>12</v>
      </c>
      <c r="AJ33298">
        <v>12</v>
      </c>
      <c r="AK33298">
        <v>12</v>
      </c>
      <c r="AL33298">
        <v>12</v>
      </c>
      <c r="AM33298">
        <v>12</v>
      </c>
      <c r="AN33298">
        <v>12</v>
      </c>
      <c r="AO33298">
        <v>12</v>
      </c>
      <c r="AP33298">
        <v>12</v>
      </c>
      <c r="AQ33298">
        <v>13</v>
      </c>
    </row>
    <row r="33299" spans="1:43">
      <c r="A33299" t="s">
        <v>20627</v>
      </c>
      <c r="B33299" t="s">
        <v>20628</v>
      </c>
      <c r="C33299" t="s">
        <v>20623</v>
      </c>
      <c r="D33299" t="s">
        <v>20624</v>
      </c>
      <c r="E33299" t="s">
        <v>20437</v>
      </c>
      <c r="F33299" t="s">
        <v>20438</v>
      </c>
      <c r="G33299" t="s">
        <v>20255</v>
      </c>
      <c r="H33299" t="s">
        <v>20256</v>
      </c>
      <c r="I33299" s="2">
        <v>1</v>
      </c>
      <c r="J33299" s="2">
        <v>0</v>
      </c>
      <c r="K33299" s="2">
        <v>0</v>
      </c>
      <c r="L33299" t="s">
        <v>120</v>
      </c>
      <c r="M33299" t="s">
        <v>87</v>
      </c>
      <c r="N33299" t="s">
        <v>88</v>
      </c>
      <c r="O33299" t="s">
        <v>85</v>
      </c>
      <c r="P33299" t="s">
        <v>86</v>
      </c>
      <c r="Q33299">
        <v>8</v>
      </c>
      <c r="R33299">
        <v>8</v>
      </c>
      <c r="S33299">
        <v>9</v>
      </c>
      <c r="T33299">
        <v>9</v>
      </c>
      <c r="U33299">
        <v>9</v>
      </c>
      <c r="V33299">
        <v>9</v>
      </c>
      <c r="W33299">
        <v>9</v>
      </c>
      <c r="X33299">
        <v>9</v>
      </c>
      <c r="Y33299">
        <v>9</v>
      </c>
      <c r="Z33299">
        <v>9</v>
      </c>
      <c r="AA33299">
        <v>9</v>
      </c>
      <c r="AB33299">
        <v>9</v>
      </c>
      <c r="AC33299">
        <v>9</v>
      </c>
      <c r="AD33299">
        <v>10</v>
      </c>
      <c r="AE33299">
        <v>10</v>
      </c>
      <c r="AF33299">
        <v>10</v>
      </c>
      <c r="AG33299">
        <v>10</v>
      </c>
      <c r="AH33299">
        <v>10</v>
      </c>
      <c r="AI33299">
        <v>10</v>
      </c>
      <c r="AJ33299">
        <v>10</v>
      </c>
      <c r="AK33299">
        <v>10</v>
      </c>
      <c r="AL33299">
        <v>10</v>
      </c>
      <c r="AM33299">
        <v>11</v>
      </c>
      <c r="AN33299">
        <v>11</v>
      </c>
      <c r="AO33299">
        <v>11</v>
      </c>
      <c r="AP33299">
        <v>11</v>
      </c>
      <c r="AQ33299">
        <v>11</v>
      </c>
    </row>
    <row r="33300" spans="1:43">
      <c r="A33300" t="s">
        <v>20627</v>
      </c>
      <c r="B33300" t="s">
        <v>20628</v>
      </c>
      <c r="C33300" t="s">
        <v>20623</v>
      </c>
      <c r="D33300" t="s">
        <v>20624</v>
      </c>
      <c r="E33300" t="s">
        <v>20437</v>
      </c>
      <c r="F33300" t="s">
        <v>20438</v>
      </c>
      <c r="G33300" t="s">
        <v>20255</v>
      </c>
      <c r="H33300" t="s">
        <v>20256</v>
      </c>
      <c r="I33300" s="2">
        <v>1</v>
      </c>
      <c r="J33300" s="2">
        <v>0</v>
      </c>
      <c r="K33300" s="2">
        <v>0</v>
      </c>
      <c r="L33300" t="s">
        <v>120</v>
      </c>
      <c r="M33300" t="s">
        <v>89</v>
      </c>
      <c r="N33300" t="s">
        <v>90</v>
      </c>
      <c r="O33300" t="s">
        <v>85</v>
      </c>
      <c r="P33300" t="s">
        <v>86</v>
      </c>
      <c r="Q33300">
        <v>8</v>
      </c>
      <c r="R33300">
        <v>8</v>
      </c>
      <c r="S33300">
        <v>8</v>
      </c>
      <c r="T33300">
        <v>8</v>
      </c>
      <c r="U33300">
        <v>9</v>
      </c>
      <c r="V33300">
        <v>9</v>
      </c>
      <c r="W33300">
        <v>9</v>
      </c>
      <c r="X33300">
        <v>9</v>
      </c>
      <c r="Y33300">
        <v>9</v>
      </c>
      <c r="Z33300">
        <v>10</v>
      </c>
      <c r="AA33300">
        <v>10</v>
      </c>
      <c r="AB33300">
        <v>10</v>
      </c>
      <c r="AC33300">
        <v>10</v>
      </c>
      <c r="AD33300">
        <v>10</v>
      </c>
      <c r="AE33300">
        <v>11</v>
      </c>
      <c r="AF33300">
        <v>11</v>
      </c>
      <c r="AG33300">
        <v>11</v>
      </c>
      <c r="AH33300">
        <v>11</v>
      </c>
      <c r="AI33300">
        <v>11</v>
      </c>
      <c r="AJ33300">
        <v>11</v>
      </c>
      <c r="AK33300">
        <v>11</v>
      </c>
      <c r="AL33300">
        <v>11</v>
      </c>
      <c r="AM33300">
        <v>11</v>
      </c>
      <c r="AN33300">
        <v>11</v>
      </c>
      <c r="AO33300">
        <v>11</v>
      </c>
      <c r="AP33300">
        <v>12</v>
      </c>
      <c r="AQ33300">
        <v>12</v>
      </c>
    </row>
    <row r="33301" spans="1:43">
      <c r="A33301" t="s">
        <v>20627</v>
      </c>
      <c r="B33301" t="s">
        <v>20628</v>
      </c>
      <c r="C33301" t="s">
        <v>20623</v>
      </c>
      <c r="D33301" t="s">
        <v>20624</v>
      </c>
      <c r="E33301" t="s">
        <v>20437</v>
      </c>
      <c r="F33301" t="s">
        <v>20438</v>
      </c>
      <c r="G33301" t="s">
        <v>20255</v>
      </c>
      <c r="H33301" t="s">
        <v>20256</v>
      </c>
      <c r="I33301" s="2">
        <v>1</v>
      </c>
      <c r="J33301" s="2">
        <v>0</v>
      </c>
      <c r="K33301" s="2">
        <v>0</v>
      </c>
      <c r="L33301" t="s">
        <v>120</v>
      </c>
      <c r="M33301" t="s">
        <v>83</v>
      </c>
      <c r="N33301" t="s">
        <v>91</v>
      </c>
      <c r="O33301" t="s">
        <v>85</v>
      </c>
      <c r="P33301" t="s">
        <v>86</v>
      </c>
      <c r="Q33301">
        <v>8</v>
      </c>
      <c r="R33301">
        <v>9</v>
      </c>
      <c r="S33301">
        <v>9</v>
      </c>
      <c r="T33301">
        <v>9</v>
      </c>
      <c r="U33301">
        <v>9</v>
      </c>
      <c r="V33301">
        <v>9</v>
      </c>
      <c r="W33301">
        <v>10</v>
      </c>
      <c r="X33301">
        <v>10</v>
      </c>
      <c r="Y33301">
        <v>10</v>
      </c>
      <c r="Z33301">
        <v>10</v>
      </c>
      <c r="AA33301">
        <v>10</v>
      </c>
      <c r="AB33301">
        <v>10</v>
      </c>
      <c r="AC33301">
        <v>11</v>
      </c>
      <c r="AD33301">
        <v>11</v>
      </c>
      <c r="AE33301">
        <v>11</v>
      </c>
      <c r="AF33301">
        <v>11</v>
      </c>
      <c r="AG33301">
        <v>11</v>
      </c>
      <c r="AH33301">
        <v>11</v>
      </c>
      <c r="AI33301">
        <v>12</v>
      </c>
      <c r="AJ33301">
        <v>12</v>
      </c>
      <c r="AK33301">
        <v>12</v>
      </c>
      <c r="AL33301">
        <v>12</v>
      </c>
      <c r="AM33301">
        <v>12</v>
      </c>
      <c r="AN33301">
        <v>12</v>
      </c>
      <c r="AO33301">
        <v>12</v>
      </c>
      <c r="AP33301">
        <v>12</v>
      </c>
      <c r="AQ33301">
        <v>13</v>
      </c>
    </row>
    <row r="33302" spans="1:43">
      <c r="A33302" t="s">
        <v>20629</v>
      </c>
      <c r="B33302" t="s">
        <v>20630</v>
      </c>
      <c r="C33302" t="s">
        <v>20623</v>
      </c>
      <c r="D33302" t="s">
        <v>20624</v>
      </c>
      <c r="E33302" t="s">
        <v>20437</v>
      </c>
      <c r="F33302" t="s">
        <v>20438</v>
      </c>
      <c r="G33302" t="s">
        <v>20255</v>
      </c>
      <c r="H33302" t="s">
        <v>20256</v>
      </c>
      <c r="I33302" s="2">
        <v>1</v>
      </c>
      <c r="J33302" s="2">
        <v>0</v>
      </c>
      <c r="K33302" s="2">
        <v>0</v>
      </c>
      <c r="L33302" t="s">
        <v>120</v>
      </c>
      <c r="M33302" t="s">
        <v>83</v>
      </c>
      <c r="N33302" t="s">
        <v>84</v>
      </c>
      <c r="O33302" t="s">
        <v>85</v>
      </c>
      <c r="P33302" t="s">
        <v>86</v>
      </c>
      <c r="Q33302">
        <v>36</v>
      </c>
      <c r="R33302">
        <v>37</v>
      </c>
      <c r="S33302">
        <v>38</v>
      </c>
      <c r="T33302">
        <v>39</v>
      </c>
      <c r="U33302">
        <v>39</v>
      </c>
      <c r="V33302">
        <v>40</v>
      </c>
      <c r="W33302">
        <v>41</v>
      </c>
      <c r="X33302">
        <v>42</v>
      </c>
      <c r="Y33302">
        <v>42</v>
      </c>
      <c r="Z33302">
        <v>43</v>
      </c>
      <c r="AA33302">
        <v>44</v>
      </c>
      <c r="AB33302">
        <v>44</v>
      </c>
      <c r="AC33302">
        <v>45</v>
      </c>
      <c r="AD33302">
        <v>46</v>
      </c>
      <c r="AE33302">
        <v>47</v>
      </c>
      <c r="AF33302">
        <v>47</v>
      </c>
      <c r="AG33302">
        <v>48</v>
      </c>
      <c r="AH33302">
        <v>49</v>
      </c>
      <c r="AI33302">
        <v>50</v>
      </c>
      <c r="AJ33302">
        <v>51</v>
      </c>
      <c r="AK33302">
        <v>51</v>
      </c>
      <c r="AL33302">
        <v>52</v>
      </c>
      <c r="AM33302">
        <v>52</v>
      </c>
      <c r="AN33302">
        <v>53</v>
      </c>
      <c r="AO33302">
        <v>53</v>
      </c>
      <c r="AP33302">
        <v>54</v>
      </c>
      <c r="AQ33302">
        <v>54</v>
      </c>
    </row>
    <row r="33303" spans="1:43">
      <c r="A33303" t="s">
        <v>20629</v>
      </c>
      <c r="B33303" t="s">
        <v>20630</v>
      </c>
      <c r="C33303" t="s">
        <v>20623</v>
      </c>
      <c r="D33303" t="s">
        <v>20624</v>
      </c>
      <c r="E33303" t="s">
        <v>20437</v>
      </c>
      <c r="F33303" t="s">
        <v>20438</v>
      </c>
      <c r="G33303" t="s">
        <v>20255</v>
      </c>
      <c r="H33303" t="s">
        <v>20256</v>
      </c>
      <c r="I33303" s="2">
        <v>1</v>
      </c>
      <c r="J33303" s="2">
        <v>0</v>
      </c>
      <c r="K33303" s="2">
        <v>0</v>
      </c>
      <c r="L33303" t="s">
        <v>120</v>
      </c>
      <c r="M33303" t="s">
        <v>87</v>
      </c>
      <c r="N33303" t="s">
        <v>88</v>
      </c>
      <c r="O33303" t="s">
        <v>85</v>
      </c>
      <c r="P33303" t="s">
        <v>86</v>
      </c>
      <c r="Q33303">
        <v>36</v>
      </c>
      <c r="R33303">
        <v>36</v>
      </c>
      <c r="S33303">
        <v>37</v>
      </c>
      <c r="T33303">
        <v>37</v>
      </c>
      <c r="U33303">
        <v>38</v>
      </c>
      <c r="V33303">
        <v>38</v>
      </c>
      <c r="W33303">
        <v>38</v>
      </c>
      <c r="X33303">
        <v>39</v>
      </c>
      <c r="Y33303">
        <v>39</v>
      </c>
      <c r="Z33303">
        <v>39</v>
      </c>
      <c r="AA33303">
        <v>40</v>
      </c>
      <c r="AB33303">
        <v>40</v>
      </c>
      <c r="AC33303">
        <v>41</v>
      </c>
      <c r="AD33303">
        <v>41</v>
      </c>
      <c r="AE33303">
        <v>42</v>
      </c>
      <c r="AF33303">
        <v>42</v>
      </c>
      <c r="AG33303">
        <v>42</v>
      </c>
      <c r="AH33303">
        <v>43</v>
      </c>
      <c r="AI33303">
        <v>43</v>
      </c>
      <c r="AJ33303">
        <v>44</v>
      </c>
      <c r="AK33303">
        <v>44</v>
      </c>
      <c r="AL33303">
        <v>45</v>
      </c>
      <c r="AM33303">
        <v>45</v>
      </c>
      <c r="AN33303">
        <v>46</v>
      </c>
      <c r="AO33303">
        <v>46</v>
      </c>
      <c r="AP33303">
        <v>47</v>
      </c>
      <c r="AQ33303">
        <v>47</v>
      </c>
    </row>
    <row r="33304" spans="1:43">
      <c r="A33304" t="s">
        <v>20629</v>
      </c>
      <c r="B33304" t="s">
        <v>20630</v>
      </c>
      <c r="C33304" t="s">
        <v>20623</v>
      </c>
      <c r="D33304" t="s">
        <v>20624</v>
      </c>
      <c r="E33304" t="s">
        <v>20437</v>
      </c>
      <c r="F33304" t="s">
        <v>20438</v>
      </c>
      <c r="G33304" t="s">
        <v>20255</v>
      </c>
      <c r="H33304" t="s">
        <v>20256</v>
      </c>
      <c r="I33304" s="2">
        <v>1</v>
      </c>
      <c r="J33304" s="2">
        <v>0</v>
      </c>
      <c r="K33304" s="2">
        <v>0</v>
      </c>
      <c r="L33304" t="s">
        <v>120</v>
      </c>
      <c r="M33304" t="s">
        <v>89</v>
      </c>
      <c r="N33304" t="s">
        <v>90</v>
      </c>
      <c r="O33304" t="s">
        <v>85</v>
      </c>
      <c r="P33304" t="s">
        <v>86</v>
      </c>
      <c r="Q33304">
        <v>36</v>
      </c>
      <c r="R33304">
        <v>37</v>
      </c>
      <c r="S33304">
        <v>38</v>
      </c>
      <c r="T33304">
        <v>39</v>
      </c>
      <c r="U33304">
        <v>40</v>
      </c>
      <c r="V33304">
        <v>41</v>
      </c>
      <c r="W33304">
        <v>42</v>
      </c>
      <c r="X33304">
        <v>43</v>
      </c>
      <c r="Y33304">
        <v>44</v>
      </c>
      <c r="Z33304">
        <v>44</v>
      </c>
      <c r="AA33304">
        <v>45</v>
      </c>
      <c r="AB33304">
        <v>46</v>
      </c>
      <c r="AC33304">
        <v>47</v>
      </c>
      <c r="AD33304">
        <v>48</v>
      </c>
      <c r="AE33304">
        <v>49</v>
      </c>
      <c r="AF33304">
        <v>49</v>
      </c>
      <c r="AG33304">
        <v>50</v>
      </c>
      <c r="AH33304">
        <v>50</v>
      </c>
      <c r="AI33304">
        <v>50</v>
      </c>
      <c r="AJ33304">
        <v>51</v>
      </c>
      <c r="AK33304">
        <v>51</v>
      </c>
      <c r="AL33304">
        <v>51</v>
      </c>
      <c r="AM33304">
        <v>52</v>
      </c>
      <c r="AN33304">
        <v>52</v>
      </c>
      <c r="AO33304">
        <v>53</v>
      </c>
      <c r="AP33304">
        <v>53</v>
      </c>
      <c r="AQ33304">
        <v>53</v>
      </c>
    </row>
    <row r="33305" spans="1:43">
      <c r="A33305" t="s">
        <v>20629</v>
      </c>
      <c r="B33305" t="s">
        <v>20630</v>
      </c>
      <c r="C33305" t="s">
        <v>20623</v>
      </c>
      <c r="D33305" t="s">
        <v>20624</v>
      </c>
      <c r="E33305" t="s">
        <v>20437</v>
      </c>
      <c r="F33305" t="s">
        <v>20438</v>
      </c>
      <c r="G33305" t="s">
        <v>20255</v>
      </c>
      <c r="H33305" t="s">
        <v>20256</v>
      </c>
      <c r="I33305" s="2">
        <v>1</v>
      </c>
      <c r="J33305" s="2">
        <v>0</v>
      </c>
      <c r="K33305" s="2">
        <v>0</v>
      </c>
      <c r="L33305" t="s">
        <v>120</v>
      </c>
      <c r="M33305" t="s">
        <v>83</v>
      </c>
      <c r="N33305" t="s">
        <v>91</v>
      </c>
      <c r="O33305" t="s">
        <v>85</v>
      </c>
      <c r="P33305" t="s">
        <v>86</v>
      </c>
      <c r="Q33305">
        <v>36</v>
      </c>
      <c r="R33305">
        <v>37</v>
      </c>
      <c r="S33305">
        <v>38</v>
      </c>
      <c r="T33305">
        <v>39</v>
      </c>
      <c r="U33305">
        <v>39</v>
      </c>
      <c r="V33305">
        <v>40</v>
      </c>
      <c r="W33305">
        <v>41</v>
      </c>
      <c r="X33305">
        <v>42</v>
      </c>
      <c r="Y33305">
        <v>42</v>
      </c>
      <c r="Z33305">
        <v>43</v>
      </c>
      <c r="AA33305">
        <v>44</v>
      </c>
      <c r="AB33305">
        <v>44</v>
      </c>
      <c r="AC33305">
        <v>45</v>
      </c>
      <c r="AD33305">
        <v>46</v>
      </c>
      <c r="AE33305">
        <v>47</v>
      </c>
      <c r="AF33305">
        <v>47</v>
      </c>
      <c r="AG33305">
        <v>48</v>
      </c>
      <c r="AH33305">
        <v>49</v>
      </c>
      <c r="AI33305">
        <v>50</v>
      </c>
      <c r="AJ33305">
        <v>51</v>
      </c>
      <c r="AK33305">
        <v>51</v>
      </c>
      <c r="AL33305">
        <v>52</v>
      </c>
      <c r="AM33305">
        <v>52</v>
      </c>
      <c r="AN33305">
        <v>53</v>
      </c>
      <c r="AO33305">
        <v>53</v>
      </c>
      <c r="AP33305">
        <v>54</v>
      </c>
      <c r="AQ33305">
        <v>54</v>
      </c>
    </row>
    <row r="33306" spans="1:43">
      <c r="A33306" t="s">
        <v>20631</v>
      </c>
      <c r="B33306" t="s">
        <v>20632</v>
      </c>
      <c r="C33306" t="s">
        <v>20555</v>
      </c>
      <c r="D33306" t="s">
        <v>20556</v>
      </c>
      <c r="E33306" t="s">
        <v>20437</v>
      </c>
      <c r="F33306" t="s">
        <v>20438</v>
      </c>
      <c r="G33306" t="s">
        <v>20255</v>
      </c>
      <c r="H33306" t="s">
        <v>20256</v>
      </c>
      <c r="I33306" s="2">
        <v>1</v>
      </c>
      <c r="J33306" s="2">
        <v>0</v>
      </c>
      <c r="K33306" s="2">
        <v>0</v>
      </c>
      <c r="L33306" t="s">
        <v>120</v>
      </c>
      <c r="M33306" t="s">
        <v>83</v>
      </c>
      <c r="N33306" t="s">
        <v>84</v>
      </c>
      <c r="O33306" t="s">
        <v>85</v>
      </c>
      <c r="P33306" t="s">
        <v>86</v>
      </c>
      <c r="Q33306">
        <v>87</v>
      </c>
      <c r="R33306">
        <v>88</v>
      </c>
      <c r="S33306">
        <v>90</v>
      </c>
      <c r="T33306">
        <v>92</v>
      </c>
      <c r="U33306">
        <v>93</v>
      </c>
      <c r="V33306">
        <v>95</v>
      </c>
      <c r="W33306">
        <v>97</v>
      </c>
      <c r="X33306">
        <v>99</v>
      </c>
      <c r="Y33306">
        <v>100</v>
      </c>
      <c r="Z33306">
        <v>102</v>
      </c>
      <c r="AA33306">
        <v>104</v>
      </c>
      <c r="AB33306">
        <v>105</v>
      </c>
      <c r="AC33306">
        <v>107</v>
      </c>
      <c r="AD33306">
        <v>109</v>
      </c>
      <c r="AE33306">
        <v>111</v>
      </c>
      <c r="AF33306">
        <v>113</v>
      </c>
      <c r="AG33306">
        <v>115</v>
      </c>
      <c r="AH33306">
        <v>117</v>
      </c>
      <c r="AI33306">
        <v>118</v>
      </c>
      <c r="AJ33306">
        <v>120</v>
      </c>
      <c r="AK33306">
        <v>122</v>
      </c>
      <c r="AL33306">
        <v>124</v>
      </c>
      <c r="AM33306">
        <v>125</v>
      </c>
      <c r="AN33306">
        <v>126</v>
      </c>
      <c r="AO33306">
        <v>127</v>
      </c>
      <c r="AP33306">
        <v>128</v>
      </c>
      <c r="AQ33306">
        <v>129</v>
      </c>
    </row>
    <row r="33307" spans="1:43">
      <c r="A33307" t="s">
        <v>20631</v>
      </c>
      <c r="B33307" t="s">
        <v>20632</v>
      </c>
      <c r="C33307" t="s">
        <v>20555</v>
      </c>
      <c r="D33307" t="s">
        <v>20556</v>
      </c>
      <c r="E33307" t="s">
        <v>20437</v>
      </c>
      <c r="F33307" t="s">
        <v>20438</v>
      </c>
      <c r="G33307" t="s">
        <v>20255</v>
      </c>
      <c r="H33307" t="s">
        <v>20256</v>
      </c>
      <c r="I33307" s="2">
        <v>1</v>
      </c>
      <c r="J33307" s="2">
        <v>0</v>
      </c>
      <c r="K33307" s="2">
        <v>0</v>
      </c>
      <c r="L33307" t="s">
        <v>120</v>
      </c>
      <c r="M33307" t="s">
        <v>87</v>
      </c>
      <c r="N33307" t="s">
        <v>88</v>
      </c>
      <c r="O33307" t="s">
        <v>85</v>
      </c>
      <c r="P33307" t="s">
        <v>86</v>
      </c>
      <c r="Q33307">
        <v>87</v>
      </c>
      <c r="R33307">
        <v>88</v>
      </c>
      <c r="S33307">
        <v>89</v>
      </c>
      <c r="T33307">
        <v>89</v>
      </c>
      <c r="U33307">
        <v>90</v>
      </c>
      <c r="V33307">
        <v>91</v>
      </c>
      <c r="W33307">
        <v>92</v>
      </c>
      <c r="X33307">
        <v>93</v>
      </c>
      <c r="Y33307">
        <v>94</v>
      </c>
      <c r="Z33307">
        <v>95</v>
      </c>
      <c r="AA33307">
        <v>96</v>
      </c>
      <c r="AB33307">
        <v>96</v>
      </c>
      <c r="AC33307">
        <v>97</v>
      </c>
      <c r="AD33307">
        <v>98</v>
      </c>
      <c r="AE33307">
        <v>99</v>
      </c>
      <c r="AF33307">
        <v>100</v>
      </c>
      <c r="AG33307">
        <v>101</v>
      </c>
      <c r="AH33307">
        <v>102</v>
      </c>
      <c r="AI33307">
        <v>103</v>
      </c>
      <c r="AJ33307">
        <v>104</v>
      </c>
      <c r="AK33307">
        <v>106</v>
      </c>
      <c r="AL33307">
        <v>107</v>
      </c>
      <c r="AM33307">
        <v>108</v>
      </c>
      <c r="AN33307">
        <v>109</v>
      </c>
      <c r="AO33307">
        <v>110</v>
      </c>
      <c r="AP33307">
        <v>111</v>
      </c>
      <c r="AQ33307">
        <v>112</v>
      </c>
    </row>
    <row r="33308" spans="1:43">
      <c r="A33308" t="s">
        <v>20631</v>
      </c>
      <c r="B33308" t="s">
        <v>20632</v>
      </c>
      <c r="C33308" t="s">
        <v>20555</v>
      </c>
      <c r="D33308" t="s">
        <v>20556</v>
      </c>
      <c r="E33308" t="s">
        <v>20437</v>
      </c>
      <c r="F33308" t="s">
        <v>20438</v>
      </c>
      <c r="G33308" t="s">
        <v>20255</v>
      </c>
      <c r="H33308" t="s">
        <v>20256</v>
      </c>
      <c r="I33308" s="2">
        <v>1</v>
      </c>
      <c r="J33308" s="2">
        <v>0</v>
      </c>
      <c r="K33308" s="2">
        <v>0</v>
      </c>
      <c r="L33308" t="s">
        <v>120</v>
      </c>
      <c r="M33308" t="s">
        <v>89</v>
      </c>
      <c r="N33308" t="s">
        <v>90</v>
      </c>
      <c r="O33308" t="s">
        <v>85</v>
      </c>
      <c r="P33308" t="s">
        <v>86</v>
      </c>
      <c r="Q33308">
        <v>87</v>
      </c>
      <c r="R33308">
        <v>90</v>
      </c>
      <c r="S33308">
        <v>92</v>
      </c>
      <c r="T33308">
        <v>95</v>
      </c>
      <c r="U33308">
        <v>97</v>
      </c>
      <c r="V33308">
        <v>99</v>
      </c>
      <c r="W33308">
        <v>102</v>
      </c>
      <c r="X33308">
        <v>104</v>
      </c>
      <c r="Y33308">
        <v>106</v>
      </c>
      <c r="Z33308">
        <v>108</v>
      </c>
      <c r="AA33308">
        <v>110</v>
      </c>
      <c r="AB33308">
        <v>113</v>
      </c>
      <c r="AC33308">
        <v>115</v>
      </c>
      <c r="AD33308">
        <v>117</v>
      </c>
      <c r="AE33308">
        <v>119</v>
      </c>
      <c r="AF33308">
        <v>120</v>
      </c>
      <c r="AG33308">
        <v>121</v>
      </c>
      <c r="AH33308">
        <v>122</v>
      </c>
      <c r="AI33308">
        <v>122</v>
      </c>
      <c r="AJ33308">
        <v>123</v>
      </c>
      <c r="AK33308">
        <v>124</v>
      </c>
      <c r="AL33308">
        <v>125</v>
      </c>
      <c r="AM33308">
        <v>126</v>
      </c>
      <c r="AN33308">
        <v>127</v>
      </c>
      <c r="AO33308">
        <v>128</v>
      </c>
      <c r="AP33308">
        <v>129</v>
      </c>
      <c r="AQ33308">
        <v>130</v>
      </c>
    </row>
    <row r="33309" spans="1:43">
      <c r="A33309" t="s">
        <v>20631</v>
      </c>
      <c r="B33309" t="s">
        <v>20632</v>
      </c>
      <c r="C33309" t="s">
        <v>20555</v>
      </c>
      <c r="D33309" t="s">
        <v>20556</v>
      </c>
      <c r="E33309" t="s">
        <v>20437</v>
      </c>
      <c r="F33309" t="s">
        <v>20438</v>
      </c>
      <c r="G33309" t="s">
        <v>20255</v>
      </c>
      <c r="H33309" t="s">
        <v>20256</v>
      </c>
      <c r="I33309" s="2">
        <v>1</v>
      </c>
      <c r="J33309" s="2">
        <v>0</v>
      </c>
      <c r="K33309" s="2">
        <v>0</v>
      </c>
      <c r="L33309" t="s">
        <v>120</v>
      </c>
      <c r="M33309" t="s">
        <v>83</v>
      </c>
      <c r="N33309" t="s">
        <v>91</v>
      </c>
      <c r="O33309" t="s">
        <v>85</v>
      </c>
      <c r="P33309" t="s">
        <v>86</v>
      </c>
      <c r="Q33309">
        <v>87</v>
      </c>
      <c r="R33309">
        <v>88</v>
      </c>
      <c r="S33309">
        <v>90</v>
      </c>
      <c r="T33309">
        <v>92</v>
      </c>
      <c r="U33309">
        <v>93</v>
      </c>
      <c r="V33309">
        <v>95</v>
      </c>
      <c r="W33309">
        <v>97</v>
      </c>
      <c r="X33309">
        <v>99</v>
      </c>
      <c r="Y33309">
        <v>100</v>
      </c>
      <c r="Z33309">
        <v>102</v>
      </c>
      <c r="AA33309">
        <v>104</v>
      </c>
      <c r="AB33309">
        <v>105</v>
      </c>
      <c r="AC33309">
        <v>107</v>
      </c>
      <c r="AD33309">
        <v>109</v>
      </c>
      <c r="AE33309">
        <v>111</v>
      </c>
      <c r="AF33309">
        <v>113</v>
      </c>
      <c r="AG33309">
        <v>115</v>
      </c>
      <c r="AH33309">
        <v>117</v>
      </c>
      <c r="AI33309">
        <v>118</v>
      </c>
      <c r="AJ33309">
        <v>120</v>
      </c>
      <c r="AK33309">
        <v>122</v>
      </c>
      <c r="AL33309">
        <v>124</v>
      </c>
      <c r="AM33309">
        <v>125</v>
      </c>
      <c r="AN33309">
        <v>126</v>
      </c>
      <c r="AO33309">
        <v>127</v>
      </c>
      <c r="AP33309">
        <v>128</v>
      </c>
      <c r="AQ33309">
        <v>129</v>
      </c>
    </row>
    <row r="33310" spans="1:43">
      <c r="A33310" t="s">
        <v>20633</v>
      </c>
      <c r="B33310" t="s">
        <v>20634</v>
      </c>
      <c r="C33310" t="s">
        <v>20555</v>
      </c>
      <c r="D33310" t="s">
        <v>20556</v>
      </c>
      <c r="E33310" t="s">
        <v>20437</v>
      </c>
      <c r="F33310" t="s">
        <v>20438</v>
      </c>
      <c r="G33310" t="s">
        <v>20255</v>
      </c>
      <c r="H33310" t="s">
        <v>20256</v>
      </c>
      <c r="I33310" s="2">
        <v>1</v>
      </c>
      <c r="J33310" s="2">
        <v>0</v>
      </c>
      <c r="K33310" s="2">
        <v>0</v>
      </c>
      <c r="L33310" t="s">
        <v>120</v>
      </c>
      <c r="M33310" t="s">
        <v>83</v>
      </c>
      <c r="N33310" t="s">
        <v>84</v>
      </c>
      <c r="O33310" t="s">
        <v>85</v>
      </c>
      <c r="P33310" t="s">
        <v>86</v>
      </c>
      <c r="Q33310">
        <v>21</v>
      </c>
      <c r="R33310">
        <v>21</v>
      </c>
      <c r="S33310">
        <v>22</v>
      </c>
      <c r="T33310">
        <v>22</v>
      </c>
      <c r="U33310">
        <v>23</v>
      </c>
      <c r="V33310">
        <v>23</v>
      </c>
      <c r="W33310">
        <v>24</v>
      </c>
      <c r="X33310">
        <v>24</v>
      </c>
      <c r="Y33310">
        <v>24</v>
      </c>
      <c r="Z33310">
        <v>25</v>
      </c>
      <c r="AA33310">
        <v>25</v>
      </c>
      <c r="AB33310">
        <v>26</v>
      </c>
      <c r="AC33310">
        <v>26</v>
      </c>
      <c r="AD33310">
        <v>27</v>
      </c>
      <c r="AE33310">
        <v>27</v>
      </c>
      <c r="AF33310">
        <v>27</v>
      </c>
      <c r="AG33310">
        <v>28</v>
      </c>
      <c r="AH33310">
        <v>28</v>
      </c>
      <c r="AI33310">
        <v>29</v>
      </c>
      <c r="AJ33310">
        <v>29</v>
      </c>
      <c r="AK33310">
        <v>30</v>
      </c>
      <c r="AL33310">
        <v>30</v>
      </c>
      <c r="AM33310">
        <v>30</v>
      </c>
      <c r="AN33310">
        <v>31</v>
      </c>
      <c r="AO33310">
        <v>31</v>
      </c>
      <c r="AP33310">
        <v>31</v>
      </c>
      <c r="AQ33310">
        <v>31</v>
      </c>
    </row>
    <row r="33311" spans="1:43">
      <c r="A33311" t="s">
        <v>20633</v>
      </c>
      <c r="B33311" t="s">
        <v>20634</v>
      </c>
      <c r="C33311" t="s">
        <v>20555</v>
      </c>
      <c r="D33311" t="s">
        <v>20556</v>
      </c>
      <c r="E33311" t="s">
        <v>20437</v>
      </c>
      <c r="F33311" t="s">
        <v>20438</v>
      </c>
      <c r="G33311" t="s">
        <v>20255</v>
      </c>
      <c r="H33311" t="s">
        <v>20256</v>
      </c>
      <c r="I33311" s="2">
        <v>1</v>
      </c>
      <c r="J33311" s="2">
        <v>0</v>
      </c>
      <c r="K33311" s="2">
        <v>0</v>
      </c>
      <c r="L33311" t="s">
        <v>120</v>
      </c>
      <c r="M33311" t="s">
        <v>87</v>
      </c>
      <c r="N33311" t="s">
        <v>88</v>
      </c>
      <c r="O33311" t="s">
        <v>85</v>
      </c>
      <c r="P33311" t="s">
        <v>86</v>
      </c>
      <c r="Q33311">
        <v>21</v>
      </c>
      <c r="R33311">
        <v>21</v>
      </c>
      <c r="S33311">
        <v>21</v>
      </c>
      <c r="T33311">
        <v>22</v>
      </c>
      <c r="U33311">
        <v>22</v>
      </c>
      <c r="V33311">
        <v>22</v>
      </c>
      <c r="W33311">
        <v>22</v>
      </c>
      <c r="X33311">
        <v>22</v>
      </c>
      <c r="Y33311">
        <v>23</v>
      </c>
      <c r="Z33311">
        <v>23</v>
      </c>
      <c r="AA33311">
        <v>23</v>
      </c>
      <c r="AB33311">
        <v>23</v>
      </c>
      <c r="AC33311">
        <v>23</v>
      </c>
      <c r="AD33311">
        <v>24</v>
      </c>
      <c r="AE33311">
        <v>24</v>
      </c>
      <c r="AF33311">
        <v>24</v>
      </c>
      <c r="AG33311">
        <v>24</v>
      </c>
      <c r="AH33311">
        <v>25</v>
      </c>
      <c r="AI33311">
        <v>25</v>
      </c>
      <c r="AJ33311">
        <v>25</v>
      </c>
      <c r="AK33311">
        <v>25</v>
      </c>
      <c r="AL33311">
        <v>26</v>
      </c>
      <c r="AM33311">
        <v>26</v>
      </c>
      <c r="AN33311">
        <v>26</v>
      </c>
      <c r="AO33311">
        <v>27</v>
      </c>
      <c r="AP33311">
        <v>27</v>
      </c>
      <c r="AQ33311">
        <v>27</v>
      </c>
    </row>
    <row r="33312" spans="1:43">
      <c r="A33312" t="s">
        <v>20633</v>
      </c>
      <c r="B33312" t="s">
        <v>20634</v>
      </c>
      <c r="C33312" t="s">
        <v>20555</v>
      </c>
      <c r="D33312" t="s">
        <v>20556</v>
      </c>
      <c r="E33312" t="s">
        <v>20437</v>
      </c>
      <c r="F33312" t="s">
        <v>20438</v>
      </c>
      <c r="G33312" t="s">
        <v>20255</v>
      </c>
      <c r="H33312" t="s">
        <v>20256</v>
      </c>
      <c r="I33312" s="2">
        <v>1</v>
      </c>
      <c r="J33312" s="2">
        <v>0</v>
      </c>
      <c r="K33312" s="2">
        <v>0</v>
      </c>
      <c r="L33312" t="s">
        <v>120</v>
      </c>
      <c r="M33312" t="s">
        <v>89</v>
      </c>
      <c r="N33312" t="s">
        <v>90</v>
      </c>
      <c r="O33312" t="s">
        <v>85</v>
      </c>
      <c r="P33312" t="s">
        <v>86</v>
      </c>
      <c r="Q33312">
        <v>21</v>
      </c>
      <c r="R33312">
        <v>22</v>
      </c>
      <c r="S33312">
        <v>22</v>
      </c>
      <c r="T33312">
        <v>23</v>
      </c>
      <c r="U33312">
        <v>24</v>
      </c>
      <c r="V33312">
        <v>24</v>
      </c>
      <c r="W33312">
        <v>25</v>
      </c>
      <c r="X33312">
        <v>25</v>
      </c>
      <c r="Y33312">
        <v>26</v>
      </c>
      <c r="Z33312">
        <v>26</v>
      </c>
      <c r="AA33312">
        <v>27</v>
      </c>
      <c r="AB33312">
        <v>27</v>
      </c>
      <c r="AC33312">
        <v>28</v>
      </c>
      <c r="AD33312">
        <v>28</v>
      </c>
      <c r="AE33312">
        <v>29</v>
      </c>
      <c r="AF33312">
        <v>29</v>
      </c>
      <c r="AG33312">
        <v>29</v>
      </c>
      <c r="AH33312">
        <v>30</v>
      </c>
      <c r="AI33312">
        <v>30</v>
      </c>
      <c r="AJ33312">
        <v>30</v>
      </c>
      <c r="AK33312">
        <v>30</v>
      </c>
      <c r="AL33312">
        <v>30</v>
      </c>
      <c r="AM33312">
        <v>31</v>
      </c>
      <c r="AN33312">
        <v>31</v>
      </c>
      <c r="AO33312">
        <v>31</v>
      </c>
      <c r="AP33312">
        <v>31</v>
      </c>
      <c r="AQ33312">
        <v>32</v>
      </c>
    </row>
    <row r="33313" spans="1:43">
      <c r="A33313" t="s">
        <v>20633</v>
      </c>
      <c r="B33313" t="s">
        <v>20634</v>
      </c>
      <c r="C33313" t="s">
        <v>20555</v>
      </c>
      <c r="D33313" t="s">
        <v>20556</v>
      </c>
      <c r="E33313" t="s">
        <v>20437</v>
      </c>
      <c r="F33313" t="s">
        <v>20438</v>
      </c>
      <c r="G33313" t="s">
        <v>20255</v>
      </c>
      <c r="H33313" t="s">
        <v>20256</v>
      </c>
      <c r="I33313" s="2">
        <v>1</v>
      </c>
      <c r="J33313" s="2">
        <v>0</v>
      </c>
      <c r="K33313" s="2">
        <v>0</v>
      </c>
      <c r="L33313" t="s">
        <v>120</v>
      </c>
      <c r="M33313" t="s">
        <v>83</v>
      </c>
      <c r="N33313" t="s">
        <v>91</v>
      </c>
      <c r="O33313" t="s">
        <v>85</v>
      </c>
      <c r="P33313" t="s">
        <v>86</v>
      </c>
      <c r="Q33313">
        <v>21</v>
      </c>
      <c r="R33313">
        <v>21</v>
      </c>
      <c r="S33313">
        <v>22</v>
      </c>
      <c r="T33313">
        <v>22</v>
      </c>
      <c r="U33313">
        <v>23</v>
      </c>
      <c r="V33313">
        <v>23</v>
      </c>
      <c r="W33313">
        <v>24</v>
      </c>
      <c r="X33313">
        <v>24</v>
      </c>
      <c r="Y33313">
        <v>24</v>
      </c>
      <c r="Z33313">
        <v>25</v>
      </c>
      <c r="AA33313">
        <v>25</v>
      </c>
      <c r="AB33313">
        <v>26</v>
      </c>
      <c r="AC33313">
        <v>26</v>
      </c>
      <c r="AD33313">
        <v>27</v>
      </c>
      <c r="AE33313">
        <v>27</v>
      </c>
      <c r="AF33313">
        <v>27</v>
      </c>
      <c r="AG33313">
        <v>28</v>
      </c>
      <c r="AH33313">
        <v>28</v>
      </c>
      <c r="AI33313">
        <v>29</v>
      </c>
      <c r="AJ33313">
        <v>29</v>
      </c>
      <c r="AK33313">
        <v>30</v>
      </c>
      <c r="AL33313">
        <v>30</v>
      </c>
      <c r="AM33313">
        <v>30</v>
      </c>
      <c r="AN33313">
        <v>31</v>
      </c>
      <c r="AO33313">
        <v>31</v>
      </c>
      <c r="AP33313">
        <v>31</v>
      </c>
      <c r="AQ33313">
        <v>31</v>
      </c>
    </row>
    <row r="33314" spans="1:43">
      <c r="A33314" t="s">
        <v>20635</v>
      </c>
      <c r="B33314" t="s">
        <v>20636</v>
      </c>
      <c r="C33314" t="s">
        <v>20555</v>
      </c>
      <c r="D33314" t="s">
        <v>20556</v>
      </c>
      <c r="E33314" t="s">
        <v>20437</v>
      </c>
      <c r="F33314" t="s">
        <v>20438</v>
      </c>
      <c r="G33314" t="s">
        <v>20255</v>
      </c>
      <c r="H33314" t="s">
        <v>20256</v>
      </c>
      <c r="I33314" s="2">
        <v>1</v>
      </c>
      <c r="J33314" s="2">
        <v>0</v>
      </c>
      <c r="K33314" s="2">
        <v>0</v>
      </c>
      <c r="L33314" t="s">
        <v>120</v>
      </c>
      <c r="M33314" t="s">
        <v>83</v>
      </c>
      <c r="N33314" t="s">
        <v>84</v>
      </c>
      <c r="O33314" t="s">
        <v>85</v>
      </c>
      <c r="P33314" t="s">
        <v>86</v>
      </c>
      <c r="Q33314">
        <v>38</v>
      </c>
      <c r="R33314">
        <v>38</v>
      </c>
      <c r="S33314">
        <v>39</v>
      </c>
      <c r="T33314">
        <v>40</v>
      </c>
      <c r="U33314">
        <v>41</v>
      </c>
      <c r="V33314">
        <v>41</v>
      </c>
      <c r="W33314">
        <v>42</v>
      </c>
      <c r="X33314">
        <v>43</v>
      </c>
      <c r="Y33314">
        <v>44</v>
      </c>
      <c r="Z33314">
        <v>44</v>
      </c>
      <c r="AA33314">
        <v>45</v>
      </c>
      <c r="AB33314">
        <v>46</v>
      </c>
      <c r="AC33314">
        <v>47</v>
      </c>
      <c r="AD33314">
        <v>47</v>
      </c>
      <c r="AE33314">
        <v>48</v>
      </c>
      <c r="AF33314">
        <v>49</v>
      </c>
      <c r="AG33314">
        <v>50</v>
      </c>
      <c r="AH33314">
        <v>51</v>
      </c>
      <c r="AI33314">
        <v>52</v>
      </c>
      <c r="AJ33314">
        <v>52</v>
      </c>
      <c r="AK33314">
        <v>53</v>
      </c>
      <c r="AL33314">
        <v>54</v>
      </c>
      <c r="AM33314">
        <v>54</v>
      </c>
      <c r="AN33314">
        <v>55</v>
      </c>
      <c r="AO33314">
        <v>55</v>
      </c>
      <c r="AP33314">
        <v>56</v>
      </c>
      <c r="AQ33314">
        <v>56</v>
      </c>
    </row>
    <row r="33315" spans="1:43">
      <c r="A33315" t="s">
        <v>20635</v>
      </c>
      <c r="B33315" t="s">
        <v>20636</v>
      </c>
      <c r="C33315" t="s">
        <v>20555</v>
      </c>
      <c r="D33315" t="s">
        <v>20556</v>
      </c>
      <c r="E33315" t="s">
        <v>20437</v>
      </c>
      <c r="F33315" t="s">
        <v>20438</v>
      </c>
      <c r="G33315" t="s">
        <v>20255</v>
      </c>
      <c r="H33315" t="s">
        <v>20256</v>
      </c>
      <c r="I33315" s="2">
        <v>1</v>
      </c>
      <c r="J33315" s="2">
        <v>0</v>
      </c>
      <c r="K33315" s="2">
        <v>0</v>
      </c>
      <c r="L33315" t="s">
        <v>120</v>
      </c>
      <c r="M33315" t="s">
        <v>87</v>
      </c>
      <c r="N33315" t="s">
        <v>88</v>
      </c>
      <c r="O33315" t="s">
        <v>85</v>
      </c>
      <c r="P33315" t="s">
        <v>86</v>
      </c>
      <c r="Q33315">
        <v>38</v>
      </c>
      <c r="R33315">
        <v>39</v>
      </c>
      <c r="S33315">
        <v>39</v>
      </c>
      <c r="T33315">
        <v>39</v>
      </c>
      <c r="U33315">
        <v>40</v>
      </c>
      <c r="V33315">
        <v>40</v>
      </c>
      <c r="W33315">
        <v>41</v>
      </c>
      <c r="X33315">
        <v>41</v>
      </c>
      <c r="Y33315">
        <v>41</v>
      </c>
      <c r="Z33315">
        <v>42</v>
      </c>
      <c r="AA33315">
        <v>42</v>
      </c>
      <c r="AB33315">
        <v>43</v>
      </c>
      <c r="AC33315">
        <v>43</v>
      </c>
      <c r="AD33315">
        <v>43</v>
      </c>
      <c r="AE33315">
        <v>44</v>
      </c>
      <c r="AF33315">
        <v>44</v>
      </c>
      <c r="AG33315">
        <v>45</v>
      </c>
      <c r="AH33315">
        <v>45</v>
      </c>
      <c r="AI33315">
        <v>46</v>
      </c>
      <c r="AJ33315">
        <v>46</v>
      </c>
      <c r="AK33315">
        <v>47</v>
      </c>
      <c r="AL33315">
        <v>47</v>
      </c>
      <c r="AM33315">
        <v>48</v>
      </c>
      <c r="AN33315">
        <v>48</v>
      </c>
      <c r="AO33315">
        <v>49</v>
      </c>
      <c r="AP33315">
        <v>49</v>
      </c>
      <c r="AQ33315">
        <v>50</v>
      </c>
    </row>
    <row r="33316" spans="1:43">
      <c r="A33316" t="s">
        <v>20635</v>
      </c>
      <c r="B33316" t="s">
        <v>20636</v>
      </c>
      <c r="C33316" t="s">
        <v>20555</v>
      </c>
      <c r="D33316" t="s">
        <v>20556</v>
      </c>
      <c r="E33316" t="s">
        <v>20437</v>
      </c>
      <c r="F33316" t="s">
        <v>20438</v>
      </c>
      <c r="G33316" t="s">
        <v>20255</v>
      </c>
      <c r="H33316" t="s">
        <v>20256</v>
      </c>
      <c r="I33316" s="2">
        <v>1</v>
      </c>
      <c r="J33316" s="2">
        <v>0</v>
      </c>
      <c r="K33316" s="2">
        <v>0</v>
      </c>
      <c r="L33316" t="s">
        <v>120</v>
      </c>
      <c r="M33316" t="s">
        <v>89</v>
      </c>
      <c r="N33316" t="s">
        <v>90</v>
      </c>
      <c r="O33316" t="s">
        <v>85</v>
      </c>
      <c r="P33316" t="s">
        <v>86</v>
      </c>
      <c r="Q33316">
        <v>38</v>
      </c>
      <c r="R33316">
        <v>39</v>
      </c>
      <c r="S33316">
        <v>40</v>
      </c>
      <c r="T33316">
        <v>41</v>
      </c>
      <c r="U33316">
        <v>42</v>
      </c>
      <c r="V33316">
        <v>43</v>
      </c>
      <c r="W33316">
        <v>44</v>
      </c>
      <c r="X33316">
        <v>45</v>
      </c>
      <c r="Y33316">
        <v>46</v>
      </c>
      <c r="Z33316">
        <v>47</v>
      </c>
      <c r="AA33316">
        <v>48</v>
      </c>
      <c r="AB33316">
        <v>49</v>
      </c>
      <c r="AC33316">
        <v>50</v>
      </c>
      <c r="AD33316">
        <v>51</v>
      </c>
      <c r="AE33316">
        <v>52</v>
      </c>
      <c r="AF33316">
        <v>52</v>
      </c>
      <c r="AG33316">
        <v>53</v>
      </c>
      <c r="AH33316">
        <v>53</v>
      </c>
      <c r="AI33316">
        <v>53</v>
      </c>
      <c r="AJ33316">
        <v>54</v>
      </c>
      <c r="AK33316">
        <v>54</v>
      </c>
      <c r="AL33316">
        <v>55</v>
      </c>
      <c r="AM33316">
        <v>55</v>
      </c>
      <c r="AN33316">
        <v>55</v>
      </c>
      <c r="AO33316">
        <v>56</v>
      </c>
      <c r="AP33316">
        <v>56</v>
      </c>
      <c r="AQ33316">
        <v>57</v>
      </c>
    </row>
    <row r="33317" spans="1:43">
      <c r="A33317" t="s">
        <v>20635</v>
      </c>
      <c r="B33317" t="s">
        <v>20636</v>
      </c>
      <c r="C33317" t="s">
        <v>20555</v>
      </c>
      <c r="D33317" t="s">
        <v>20556</v>
      </c>
      <c r="E33317" t="s">
        <v>20437</v>
      </c>
      <c r="F33317" t="s">
        <v>20438</v>
      </c>
      <c r="G33317" t="s">
        <v>20255</v>
      </c>
      <c r="H33317" t="s">
        <v>20256</v>
      </c>
      <c r="I33317" s="2">
        <v>1</v>
      </c>
      <c r="J33317" s="2">
        <v>0</v>
      </c>
      <c r="K33317" s="2">
        <v>0</v>
      </c>
      <c r="L33317" t="s">
        <v>120</v>
      </c>
      <c r="M33317" t="s">
        <v>83</v>
      </c>
      <c r="N33317" t="s">
        <v>91</v>
      </c>
      <c r="O33317" t="s">
        <v>85</v>
      </c>
      <c r="P33317" t="s">
        <v>86</v>
      </c>
      <c r="Q33317">
        <v>38</v>
      </c>
      <c r="R33317">
        <v>38</v>
      </c>
      <c r="S33317">
        <v>39</v>
      </c>
      <c r="T33317">
        <v>40</v>
      </c>
      <c r="U33317">
        <v>41</v>
      </c>
      <c r="V33317">
        <v>41</v>
      </c>
      <c r="W33317">
        <v>42</v>
      </c>
      <c r="X33317">
        <v>43</v>
      </c>
      <c r="Y33317">
        <v>44</v>
      </c>
      <c r="Z33317">
        <v>44</v>
      </c>
      <c r="AA33317">
        <v>45</v>
      </c>
      <c r="AB33317">
        <v>46</v>
      </c>
      <c r="AC33317">
        <v>47</v>
      </c>
      <c r="AD33317">
        <v>47</v>
      </c>
      <c r="AE33317">
        <v>48</v>
      </c>
      <c r="AF33317">
        <v>49</v>
      </c>
      <c r="AG33317">
        <v>50</v>
      </c>
      <c r="AH33317">
        <v>51</v>
      </c>
      <c r="AI33317">
        <v>52</v>
      </c>
      <c r="AJ33317">
        <v>52</v>
      </c>
      <c r="AK33317">
        <v>53</v>
      </c>
      <c r="AL33317">
        <v>54</v>
      </c>
      <c r="AM33317">
        <v>54</v>
      </c>
      <c r="AN33317">
        <v>55</v>
      </c>
      <c r="AO33317">
        <v>55</v>
      </c>
      <c r="AP33317">
        <v>56</v>
      </c>
      <c r="AQ33317">
        <v>56</v>
      </c>
    </row>
    <row r="33318" spans="1:43">
      <c r="A33318" t="s">
        <v>20637</v>
      </c>
      <c r="B33318" t="s">
        <v>20638</v>
      </c>
      <c r="C33318" t="s">
        <v>20639</v>
      </c>
      <c r="D33318" t="s">
        <v>20640</v>
      </c>
      <c r="E33318" t="s">
        <v>20641</v>
      </c>
      <c r="F33318" t="s">
        <v>20642</v>
      </c>
      <c r="G33318" t="s">
        <v>20255</v>
      </c>
      <c r="H33318" t="s">
        <v>20256</v>
      </c>
      <c r="I33318" s="2">
        <v>1</v>
      </c>
      <c r="J33318" s="2">
        <v>0</v>
      </c>
      <c r="K33318" s="2">
        <v>0</v>
      </c>
      <c r="L33318" t="s">
        <v>120</v>
      </c>
      <c r="M33318" t="s">
        <v>83</v>
      </c>
      <c r="N33318" t="s">
        <v>84</v>
      </c>
      <c r="O33318" t="s">
        <v>85</v>
      </c>
      <c r="P33318" t="s">
        <v>86</v>
      </c>
      <c r="Q33318">
        <v>60</v>
      </c>
      <c r="R33318">
        <v>61</v>
      </c>
      <c r="S33318">
        <v>63</v>
      </c>
      <c r="T33318">
        <v>64</v>
      </c>
      <c r="U33318">
        <v>65</v>
      </c>
      <c r="V33318">
        <v>66</v>
      </c>
      <c r="W33318">
        <v>67</v>
      </c>
      <c r="X33318">
        <v>68</v>
      </c>
      <c r="Y33318">
        <v>69</v>
      </c>
      <c r="Z33318">
        <v>70</v>
      </c>
      <c r="AA33318">
        <v>71</v>
      </c>
      <c r="AB33318">
        <v>73</v>
      </c>
      <c r="AC33318">
        <v>74</v>
      </c>
      <c r="AD33318">
        <v>75</v>
      </c>
      <c r="AE33318">
        <v>76</v>
      </c>
      <c r="AF33318">
        <v>78</v>
      </c>
      <c r="AG33318">
        <v>79</v>
      </c>
      <c r="AH33318">
        <v>80</v>
      </c>
      <c r="AI33318">
        <v>82</v>
      </c>
      <c r="AJ33318">
        <v>83</v>
      </c>
      <c r="AK33318">
        <v>84</v>
      </c>
      <c r="AL33318">
        <v>85</v>
      </c>
      <c r="AM33318">
        <v>86</v>
      </c>
      <c r="AN33318">
        <v>87</v>
      </c>
      <c r="AO33318">
        <v>87</v>
      </c>
      <c r="AP33318">
        <v>88</v>
      </c>
      <c r="AQ33318">
        <v>89</v>
      </c>
    </row>
    <row r="33319" spans="1:43">
      <c r="A33319" t="s">
        <v>20637</v>
      </c>
      <c r="B33319" t="s">
        <v>20638</v>
      </c>
      <c r="C33319" t="s">
        <v>20639</v>
      </c>
      <c r="D33319" t="s">
        <v>20640</v>
      </c>
      <c r="E33319" t="s">
        <v>20641</v>
      </c>
      <c r="F33319" t="s">
        <v>20642</v>
      </c>
      <c r="G33319" t="s">
        <v>20255</v>
      </c>
      <c r="H33319" t="s">
        <v>20256</v>
      </c>
      <c r="I33319" s="2">
        <v>1</v>
      </c>
      <c r="J33319" s="2">
        <v>0</v>
      </c>
      <c r="K33319" s="2">
        <v>0</v>
      </c>
      <c r="L33319" t="s">
        <v>120</v>
      </c>
      <c r="M33319" t="s">
        <v>87</v>
      </c>
      <c r="N33319" t="s">
        <v>88</v>
      </c>
      <c r="O33319" t="s">
        <v>85</v>
      </c>
      <c r="P33319" t="s">
        <v>86</v>
      </c>
      <c r="Q33319">
        <v>60</v>
      </c>
      <c r="R33319">
        <v>60</v>
      </c>
      <c r="S33319">
        <v>61</v>
      </c>
      <c r="T33319">
        <v>61</v>
      </c>
      <c r="U33319">
        <v>62</v>
      </c>
      <c r="V33319">
        <v>62</v>
      </c>
      <c r="W33319">
        <v>63</v>
      </c>
      <c r="X33319">
        <v>63</v>
      </c>
      <c r="Y33319">
        <v>64</v>
      </c>
      <c r="Z33319">
        <v>65</v>
      </c>
      <c r="AA33319">
        <v>65</v>
      </c>
      <c r="AB33319">
        <v>66</v>
      </c>
      <c r="AC33319">
        <v>66</v>
      </c>
      <c r="AD33319">
        <v>67</v>
      </c>
      <c r="AE33319">
        <v>68</v>
      </c>
      <c r="AF33319">
        <v>68</v>
      </c>
      <c r="AG33319">
        <v>69</v>
      </c>
      <c r="AH33319">
        <v>70</v>
      </c>
      <c r="AI33319">
        <v>70</v>
      </c>
      <c r="AJ33319">
        <v>71</v>
      </c>
      <c r="AK33319">
        <v>72</v>
      </c>
      <c r="AL33319">
        <v>72</v>
      </c>
      <c r="AM33319">
        <v>73</v>
      </c>
      <c r="AN33319">
        <v>74</v>
      </c>
      <c r="AO33319">
        <v>75</v>
      </c>
      <c r="AP33319">
        <v>76</v>
      </c>
      <c r="AQ33319">
        <v>77</v>
      </c>
    </row>
    <row r="33320" spans="1:43">
      <c r="A33320" t="s">
        <v>20637</v>
      </c>
      <c r="B33320" t="s">
        <v>20638</v>
      </c>
      <c r="C33320" t="s">
        <v>20639</v>
      </c>
      <c r="D33320" t="s">
        <v>20640</v>
      </c>
      <c r="E33320" t="s">
        <v>20641</v>
      </c>
      <c r="F33320" t="s">
        <v>20642</v>
      </c>
      <c r="G33320" t="s">
        <v>20255</v>
      </c>
      <c r="H33320" t="s">
        <v>20256</v>
      </c>
      <c r="I33320" s="2">
        <v>1</v>
      </c>
      <c r="J33320" s="2">
        <v>0</v>
      </c>
      <c r="K33320" s="2">
        <v>0</v>
      </c>
      <c r="L33320" t="s">
        <v>120</v>
      </c>
      <c r="M33320" t="s">
        <v>89</v>
      </c>
      <c r="N33320" t="s">
        <v>90</v>
      </c>
      <c r="O33320" t="s">
        <v>85</v>
      </c>
      <c r="P33320" t="s">
        <v>86</v>
      </c>
      <c r="Q33320">
        <v>60</v>
      </c>
      <c r="R33320">
        <v>61</v>
      </c>
      <c r="S33320">
        <v>63</v>
      </c>
      <c r="T33320">
        <v>65</v>
      </c>
      <c r="U33320">
        <v>66</v>
      </c>
      <c r="V33320">
        <v>68</v>
      </c>
      <c r="W33320">
        <v>69</v>
      </c>
      <c r="X33320">
        <v>71</v>
      </c>
      <c r="Y33320">
        <v>72</v>
      </c>
      <c r="Z33320">
        <v>74</v>
      </c>
      <c r="AA33320">
        <v>75</v>
      </c>
      <c r="AB33320">
        <v>77</v>
      </c>
      <c r="AC33320">
        <v>78</v>
      </c>
      <c r="AD33320">
        <v>80</v>
      </c>
      <c r="AE33320">
        <v>81</v>
      </c>
      <c r="AF33320">
        <v>82</v>
      </c>
      <c r="AG33320">
        <v>82</v>
      </c>
      <c r="AH33320">
        <v>83</v>
      </c>
      <c r="AI33320">
        <v>83</v>
      </c>
      <c r="AJ33320">
        <v>84</v>
      </c>
      <c r="AK33320">
        <v>85</v>
      </c>
      <c r="AL33320">
        <v>85</v>
      </c>
      <c r="AM33320">
        <v>86</v>
      </c>
      <c r="AN33320">
        <v>87</v>
      </c>
      <c r="AO33320">
        <v>88</v>
      </c>
      <c r="AP33320">
        <v>88</v>
      </c>
      <c r="AQ33320">
        <v>89</v>
      </c>
    </row>
    <row r="33321" spans="1:43">
      <c r="A33321" t="s">
        <v>20637</v>
      </c>
      <c r="B33321" t="s">
        <v>20638</v>
      </c>
      <c r="C33321" t="s">
        <v>20639</v>
      </c>
      <c r="D33321" t="s">
        <v>20640</v>
      </c>
      <c r="E33321" t="s">
        <v>20641</v>
      </c>
      <c r="F33321" t="s">
        <v>20642</v>
      </c>
      <c r="G33321" t="s">
        <v>20255</v>
      </c>
      <c r="H33321" t="s">
        <v>20256</v>
      </c>
      <c r="I33321" s="2">
        <v>1</v>
      </c>
      <c r="J33321" s="2">
        <v>0</v>
      </c>
      <c r="K33321" s="2">
        <v>0</v>
      </c>
      <c r="L33321" t="s">
        <v>120</v>
      </c>
      <c r="M33321" t="s">
        <v>83</v>
      </c>
      <c r="N33321" t="s">
        <v>91</v>
      </c>
      <c r="O33321" t="s">
        <v>85</v>
      </c>
      <c r="P33321" t="s">
        <v>86</v>
      </c>
      <c r="Q33321">
        <v>60</v>
      </c>
      <c r="R33321">
        <v>61</v>
      </c>
      <c r="S33321">
        <v>63</v>
      </c>
      <c r="T33321">
        <v>64</v>
      </c>
      <c r="U33321">
        <v>65</v>
      </c>
      <c r="V33321">
        <v>66</v>
      </c>
      <c r="W33321">
        <v>67</v>
      </c>
      <c r="X33321">
        <v>68</v>
      </c>
      <c r="Y33321">
        <v>69</v>
      </c>
      <c r="Z33321">
        <v>70</v>
      </c>
      <c r="AA33321">
        <v>71</v>
      </c>
      <c r="AB33321">
        <v>73</v>
      </c>
      <c r="AC33321">
        <v>74</v>
      </c>
      <c r="AD33321">
        <v>75</v>
      </c>
      <c r="AE33321">
        <v>76</v>
      </c>
      <c r="AF33321">
        <v>78</v>
      </c>
      <c r="AG33321">
        <v>79</v>
      </c>
      <c r="AH33321">
        <v>80</v>
      </c>
      <c r="AI33321">
        <v>82</v>
      </c>
      <c r="AJ33321">
        <v>83</v>
      </c>
      <c r="AK33321">
        <v>84</v>
      </c>
      <c r="AL33321">
        <v>85</v>
      </c>
      <c r="AM33321">
        <v>86</v>
      </c>
      <c r="AN33321">
        <v>87</v>
      </c>
      <c r="AO33321">
        <v>87</v>
      </c>
      <c r="AP33321">
        <v>88</v>
      </c>
      <c r="AQ33321">
        <v>89</v>
      </c>
    </row>
    <row r="33322" spans="1:43">
      <c r="A33322" t="s">
        <v>20643</v>
      </c>
      <c r="B33322" t="s">
        <v>20644</v>
      </c>
      <c r="C33322" t="s">
        <v>20639</v>
      </c>
      <c r="D33322" t="s">
        <v>20640</v>
      </c>
      <c r="E33322" t="s">
        <v>20641</v>
      </c>
      <c r="F33322" t="s">
        <v>20642</v>
      </c>
      <c r="G33322" t="s">
        <v>20255</v>
      </c>
      <c r="H33322" t="s">
        <v>20256</v>
      </c>
      <c r="I33322" s="2">
        <v>1</v>
      </c>
      <c r="J33322" s="2">
        <v>0</v>
      </c>
      <c r="K33322" s="2">
        <v>0</v>
      </c>
      <c r="L33322" t="s">
        <v>120</v>
      </c>
      <c r="M33322" t="s">
        <v>83</v>
      </c>
      <c r="N33322" t="s">
        <v>84</v>
      </c>
      <c r="O33322" t="s">
        <v>85</v>
      </c>
      <c r="P33322" t="s">
        <v>86</v>
      </c>
      <c r="Q33322">
        <v>20</v>
      </c>
      <c r="R33322">
        <v>20</v>
      </c>
      <c r="S33322">
        <v>21</v>
      </c>
      <c r="T33322">
        <v>21</v>
      </c>
      <c r="U33322">
        <v>21</v>
      </c>
      <c r="V33322">
        <v>22</v>
      </c>
      <c r="W33322">
        <v>22</v>
      </c>
      <c r="X33322">
        <v>22</v>
      </c>
      <c r="Y33322">
        <v>23</v>
      </c>
      <c r="Z33322">
        <v>23</v>
      </c>
      <c r="AA33322">
        <v>24</v>
      </c>
      <c r="AB33322">
        <v>24</v>
      </c>
      <c r="AC33322">
        <v>24</v>
      </c>
      <c r="AD33322">
        <v>25</v>
      </c>
      <c r="AE33322">
        <v>25</v>
      </c>
      <c r="AF33322">
        <v>25</v>
      </c>
      <c r="AG33322">
        <v>26</v>
      </c>
      <c r="AH33322">
        <v>26</v>
      </c>
      <c r="AI33322">
        <v>27</v>
      </c>
      <c r="AJ33322">
        <v>27</v>
      </c>
      <c r="AK33322">
        <v>28</v>
      </c>
      <c r="AL33322">
        <v>28</v>
      </c>
      <c r="AM33322">
        <v>28</v>
      </c>
      <c r="AN33322">
        <v>28</v>
      </c>
      <c r="AO33322">
        <v>29</v>
      </c>
      <c r="AP33322">
        <v>29</v>
      </c>
      <c r="AQ33322">
        <v>29</v>
      </c>
    </row>
    <row r="33323" spans="1:43">
      <c r="A33323" t="s">
        <v>20643</v>
      </c>
      <c r="B33323" t="s">
        <v>20644</v>
      </c>
      <c r="C33323" t="s">
        <v>20639</v>
      </c>
      <c r="D33323" t="s">
        <v>20640</v>
      </c>
      <c r="E33323" t="s">
        <v>20641</v>
      </c>
      <c r="F33323" t="s">
        <v>20642</v>
      </c>
      <c r="G33323" t="s">
        <v>20255</v>
      </c>
      <c r="H33323" t="s">
        <v>20256</v>
      </c>
      <c r="I33323" s="2">
        <v>1</v>
      </c>
      <c r="J33323" s="2">
        <v>0</v>
      </c>
      <c r="K33323" s="2">
        <v>0</v>
      </c>
      <c r="L33323" t="s">
        <v>120</v>
      </c>
      <c r="M33323" t="s">
        <v>87</v>
      </c>
      <c r="N33323" t="s">
        <v>88</v>
      </c>
      <c r="O33323" t="s">
        <v>85</v>
      </c>
      <c r="P33323" t="s">
        <v>86</v>
      </c>
      <c r="Q33323">
        <v>20</v>
      </c>
      <c r="R33323">
        <v>20</v>
      </c>
      <c r="S33323">
        <v>20</v>
      </c>
      <c r="T33323">
        <v>20</v>
      </c>
      <c r="U33323">
        <v>20</v>
      </c>
      <c r="V33323">
        <v>21</v>
      </c>
      <c r="W33323">
        <v>21</v>
      </c>
      <c r="X33323">
        <v>21</v>
      </c>
      <c r="Y33323">
        <v>21</v>
      </c>
      <c r="Z33323">
        <v>21</v>
      </c>
      <c r="AA33323">
        <v>21</v>
      </c>
      <c r="AB33323">
        <v>22</v>
      </c>
      <c r="AC33323">
        <v>22</v>
      </c>
      <c r="AD33323">
        <v>22</v>
      </c>
      <c r="AE33323">
        <v>22</v>
      </c>
      <c r="AF33323">
        <v>22</v>
      </c>
      <c r="AG33323">
        <v>23</v>
      </c>
      <c r="AH33323">
        <v>23</v>
      </c>
      <c r="AI33323">
        <v>23</v>
      </c>
      <c r="AJ33323">
        <v>23</v>
      </c>
      <c r="AK33323">
        <v>24</v>
      </c>
      <c r="AL33323">
        <v>24</v>
      </c>
      <c r="AM33323">
        <v>24</v>
      </c>
      <c r="AN33323">
        <v>24</v>
      </c>
      <c r="AO33323">
        <v>25</v>
      </c>
      <c r="AP33323">
        <v>25</v>
      </c>
      <c r="AQ33323">
        <v>25</v>
      </c>
    </row>
    <row r="33324" spans="1:43">
      <c r="A33324" t="s">
        <v>20643</v>
      </c>
      <c r="B33324" t="s">
        <v>20644</v>
      </c>
      <c r="C33324" t="s">
        <v>20639</v>
      </c>
      <c r="D33324" t="s">
        <v>20640</v>
      </c>
      <c r="E33324" t="s">
        <v>20641</v>
      </c>
      <c r="F33324" t="s">
        <v>20642</v>
      </c>
      <c r="G33324" t="s">
        <v>20255</v>
      </c>
      <c r="H33324" t="s">
        <v>20256</v>
      </c>
      <c r="I33324" s="2">
        <v>1</v>
      </c>
      <c r="J33324" s="2">
        <v>0</v>
      </c>
      <c r="K33324" s="2">
        <v>0</v>
      </c>
      <c r="L33324" t="s">
        <v>120</v>
      </c>
      <c r="M33324" t="s">
        <v>89</v>
      </c>
      <c r="N33324" t="s">
        <v>90</v>
      </c>
      <c r="O33324" t="s">
        <v>85</v>
      </c>
      <c r="P33324" t="s">
        <v>86</v>
      </c>
      <c r="Q33324">
        <v>20</v>
      </c>
      <c r="R33324">
        <v>21</v>
      </c>
      <c r="S33324">
        <v>21</v>
      </c>
      <c r="T33324">
        <v>22</v>
      </c>
      <c r="U33324">
        <v>22</v>
      </c>
      <c r="V33324">
        <v>23</v>
      </c>
      <c r="W33324">
        <v>23</v>
      </c>
      <c r="X33324">
        <v>24</v>
      </c>
      <c r="Y33324">
        <v>24</v>
      </c>
      <c r="Z33324">
        <v>25</v>
      </c>
      <c r="AA33324">
        <v>25</v>
      </c>
      <c r="AB33324">
        <v>26</v>
      </c>
      <c r="AC33324">
        <v>26</v>
      </c>
      <c r="AD33324">
        <v>27</v>
      </c>
      <c r="AE33324">
        <v>27</v>
      </c>
      <c r="AF33324">
        <v>27</v>
      </c>
      <c r="AG33324">
        <v>27</v>
      </c>
      <c r="AH33324">
        <v>27</v>
      </c>
      <c r="AI33324">
        <v>28</v>
      </c>
      <c r="AJ33324">
        <v>28</v>
      </c>
      <c r="AK33324">
        <v>28</v>
      </c>
      <c r="AL33324">
        <v>28</v>
      </c>
      <c r="AM33324">
        <v>29</v>
      </c>
      <c r="AN33324">
        <v>29</v>
      </c>
      <c r="AO33324">
        <v>29</v>
      </c>
      <c r="AP33324">
        <v>29</v>
      </c>
      <c r="AQ33324">
        <v>29</v>
      </c>
    </row>
    <row r="33325" spans="1:43">
      <c r="A33325" t="s">
        <v>20643</v>
      </c>
      <c r="B33325" t="s">
        <v>20644</v>
      </c>
      <c r="C33325" t="s">
        <v>20639</v>
      </c>
      <c r="D33325" t="s">
        <v>20640</v>
      </c>
      <c r="E33325" t="s">
        <v>20641</v>
      </c>
      <c r="F33325" t="s">
        <v>20642</v>
      </c>
      <c r="G33325" t="s">
        <v>20255</v>
      </c>
      <c r="H33325" t="s">
        <v>20256</v>
      </c>
      <c r="I33325" s="2">
        <v>1</v>
      </c>
      <c r="J33325" s="2">
        <v>0</v>
      </c>
      <c r="K33325" s="2">
        <v>0</v>
      </c>
      <c r="L33325" t="s">
        <v>120</v>
      </c>
      <c r="M33325" t="s">
        <v>83</v>
      </c>
      <c r="N33325" t="s">
        <v>91</v>
      </c>
      <c r="O33325" t="s">
        <v>85</v>
      </c>
      <c r="P33325" t="s">
        <v>86</v>
      </c>
      <c r="Q33325">
        <v>20</v>
      </c>
      <c r="R33325">
        <v>20</v>
      </c>
      <c r="S33325">
        <v>21</v>
      </c>
      <c r="T33325">
        <v>21</v>
      </c>
      <c r="U33325">
        <v>21</v>
      </c>
      <c r="V33325">
        <v>22</v>
      </c>
      <c r="W33325">
        <v>22</v>
      </c>
      <c r="X33325">
        <v>22</v>
      </c>
      <c r="Y33325">
        <v>23</v>
      </c>
      <c r="Z33325">
        <v>23</v>
      </c>
      <c r="AA33325">
        <v>24</v>
      </c>
      <c r="AB33325">
        <v>24</v>
      </c>
      <c r="AC33325">
        <v>24</v>
      </c>
      <c r="AD33325">
        <v>25</v>
      </c>
      <c r="AE33325">
        <v>25</v>
      </c>
      <c r="AF33325">
        <v>25</v>
      </c>
      <c r="AG33325">
        <v>26</v>
      </c>
      <c r="AH33325">
        <v>26</v>
      </c>
      <c r="AI33325">
        <v>27</v>
      </c>
      <c r="AJ33325">
        <v>27</v>
      </c>
      <c r="AK33325">
        <v>28</v>
      </c>
      <c r="AL33325">
        <v>28</v>
      </c>
      <c r="AM33325">
        <v>28</v>
      </c>
      <c r="AN33325">
        <v>28</v>
      </c>
      <c r="AO33325">
        <v>29</v>
      </c>
      <c r="AP33325">
        <v>29</v>
      </c>
      <c r="AQ33325">
        <v>29</v>
      </c>
    </row>
    <row r="33326" spans="1:43">
      <c r="A33326" t="s">
        <v>20645</v>
      </c>
      <c r="B33326" t="s">
        <v>20646</v>
      </c>
      <c r="C33326" t="s">
        <v>20639</v>
      </c>
      <c r="D33326" t="s">
        <v>20640</v>
      </c>
      <c r="E33326" t="s">
        <v>20641</v>
      </c>
      <c r="F33326" t="s">
        <v>20642</v>
      </c>
      <c r="G33326" t="s">
        <v>20255</v>
      </c>
      <c r="H33326" t="s">
        <v>20256</v>
      </c>
      <c r="I33326" s="2">
        <v>1</v>
      </c>
      <c r="J33326" s="2">
        <v>0</v>
      </c>
      <c r="K33326" s="2">
        <v>0</v>
      </c>
      <c r="L33326" t="s">
        <v>120</v>
      </c>
      <c r="M33326" t="s">
        <v>83</v>
      </c>
      <c r="N33326" t="s">
        <v>84</v>
      </c>
      <c r="O33326" t="s">
        <v>85</v>
      </c>
      <c r="P33326" t="s">
        <v>86</v>
      </c>
      <c r="Q33326">
        <v>5</v>
      </c>
      <c r="R33326">
        <v>5</v>
      </c>
      <c r="S33326">
        <v>5</v>
      </c>
      <c r="T33326">
        <v>5</v>
      </c>
      <c r="U33326">
        <v>5</v>
      </c>
      <c r="V33326">
        <v>5</v>
      </c>
      <c r="W33326">
        <v>6</v>
      </c>
      <c r="X33326">
        <v>6</v>
      </c>
      <c r="Y33326">
        <v>6</v>
      </c>
      <c r="Z33326">
        <v>6</v>
      </c>
      <c r="AA33326">
        <v>6</v>
      </c>
      <c r="AB33326">
        <v>6</v>
      </c>
      <c r="AC33326">
        <v>6</v>
      </c>
      <c r="AD33326">
        <v>6</v>
      </c>
      <c r="AE33326">
        <v>6</v>
      </c>
      <c r="AF33326">
        <v>6</v>
      </c>
      <c r="AG33326">
        <v>6</v>
      </c>
      <c r="AH33326">
        <v>7</v>
      </c>
      <c r="AI33326">
        <v>7</v>
      </c>
      <c r="AJ33326">
        <v>7</v>
      </c>
      <c r="AK33326">
        <v>7</v>
      </c>
      <c r="AL33326">
        <v>7</v>
      </c>
      <c r="AM33326">
        <v>7</v>
      </c>
      <c r="AN33326">
        <v>7</v>
      </c>
      <c r="AO33326">
        <v>7</v>
      </c>
      <c r="AP33326">
        <v>7</v>
      </c>
      <c r="AQ33326">
        <v>7</v>
      </c>
    </row>
    <row r="33327" spans="1:43">
      <c r="A33327" t="s">
        <v>20645</v>
      </c>
      <c r="B33327" t="s">
        <v>20646</v>
      </c>
      <c r="C33327" t="s">
        <v>20639</v>
      </c>
      <c r="D33327" t="s">
        <v>20640</v>
      </c>
      <c r="E33327" t="s">
        <v>20641</v>
      </c>
      <c r="F33327" t="s">
        <v>20642</v>
      </c>
      <c r="G33327" t="s">
        <v>20255</v>
      </c>
      <c r="H33327" t="s">
        <v>20256</v>
      </c>
      <c r="I33327" s="2">
        <v>1</v>
      </c>
      <c r="J33327" s="2">
        <v>0</v>
      </c>
      <c r="K33327" s="2">
        <v>0</v>
      </c>
      <c r="L33327" t="s">
        <v>120</v>
      </c>
      <c r="M33327" t="s">
        <v>87</v>
      </c>
      <c r="N33327" t="s">
        <v>88</v>
      </c>
      <c r="O33327" t="s">
        <v>85</v>
      </c>
      <c r="P33327" t="s">
        <v>86</v>
      </c>
      <c r="Q33327">
        <v>5</v>
      </c>
      <c r="R33327">
        <v>5</v>
      </c>
      <c r="S33327">
        <v>5</v>
      </c>
      <c r="T33327">
        <v>5</v>
      </c>
      <c r="U33327">
        <v>5</v>
      </c>
      <c r="V33327">
        <v>5</v>
      </c>
      <c r="W33327">
        <v>5</v>
      </c>
      <c r="X33327">
        <v>5</v>
      </c>
      <c r="Y33327">
        <v>5</v>
      </c>
      <c r="Z33327">
        <v>5</v>
      </c>
      <c r="AA33327">
        <v>5</v>
      </c>
      <c r="AB33327">
        <v>5</v>
      </c>
      <c r="AC33327">
        <v>5</v>
      </c>
      <c r="AD33327">
        <v>6</v>
      </c>
      <c r="AE33327">
        <v>6</v>
      </c>
      <c r="AF33327">
        <v>6</v>
      </c>
      <c r="AG33327">
        <v>6</v>
      </c>
      <c r="AH33327">
        <v>6</v>
      </c>
      <c r="AI33327">
        <v>6</v>
      </c>
      <c r="AJ33327">
        <v>6</v>
      </c>
      <c r="AK33327">
        <v>6</v>
      </c>
      <c r="AL33327">
        <v>6</v>
      </c>
      <c r="AM33327">
        <v>6</v>
      </c>
      <c r="AN33327">
        <v>6</v>
      </c>
      <c r="AO33327">
        <v>6</v>
      </c>
      <c r="AP33327">
        <v>6</v>
      </c>
      <c r="AQ33327">
        <v>6</v>
      </c>
    </row>
    <row r="33328" spans="1:43">
      <c r="A33328" t="s">
        <v>20645</v>
      </c>
      <c r="B33328" t="s">
        <v>20646</v>
      </c>
      <c r="C33328" t="s">
        <v>20639</v>
      </c>
      <c r="D33328" t="s">
        <v>20640</v>
      </c>
      <c r="E33328" t="s">
        <v>20641</v>
      </c>
      <c r="F33328" t="s">
        <v>20642</v>
      </c>
      <c r="G33328" t="s">
        <v>20255</v>
      </c>
      <c r="H33328" t="s">
        <v>20256</v>
      </c>
      <c r="I33328" s="2">
        <v>1</v>
      </c>
      <c r="J33328" s="2">
        <v>0</v>
      </c>
      <c r="K33328" s="2">
        <v>0</v>
      </c>
      <c r="L33328" t="s">
        <v>120</v>
      </c>
      <c r="M33328" t="s">
        <v>89</v>
      </c>
      <c r="N33328" t="s">
        <v>90</v>
      </c>
      <c r="O33328" t="s">
        <v>85</v>
      </c>
      <c r="P33328" t="s">
        <v>86</v>
      </c>
      <c r="Q33328">
        <v>5</v>
      </c>
      <c r="R33328">
        <v>5</v>
      </c>
      <c r="S33328">
        <v>5</v>
      </c>
      <c r="T33328">
        <v>5</v>
      </c>
      <c r="U33328">
        <v>6</v>
      </c>
      <c r="V33328">
        <v>6</v>
      </c>
      <c r="W33328">
        <v>6</v>
      </c>
      <c r="X33328">
        <v>6</v>
      </c>
      <c r="Y33328">
        <v>6</v>
      </c>
      <c r="Z33328">
        <v>6</v>
      </c>
      <c r="AA33328">
        <v>6</v>
      </c>
      <c r="AB33328">
        <v>6</v>
      </c>
      <c r="AC33328">
        <v>7</v>
      </c>
      <c r="AD33328">
        <v>7</v>
      </c>
      <c r="AE33328">
        <v>7</v>
      </c>
      <c r="AF33328">
        <v>7</v>
      </c>
      <c r="AG33328">
        <v>7</v>
      </c>
      <c r="AH33328">
        <v>7</v>
      </c>
      <c r="AI33328">
        <v>7</v>
      </c>
      <c r="AJ33328">
        <v>7</v>
      </c>
      <c r="AK33328">
        <v>7</v>
      </c>
      <c r="AL33328">
        <v>7</v>
      </c>
      <c r="AM33328">
        <v>7</v>
      </c>
      <c r="AN33328">
        <v>7</v>
      </c>
      <c r="AO33328">
        <v>7</v>
      </c>
      <c r="AP33328">
        <v>7</v>
      </c>
      <c r="AQ33328">
        <v>7</v>
      </c>
    </row>
    <row r="33329" spans="1:43">
      <c r="A33329" t="s">
        <v>20645</v>
      </c>
      <c r="B33329" t="s">
        <v>20646</v>
      </c>
      <c r="C33329" t="s">
        <v>20639</v>
      </c>
      <c r="D33329" t="s">
        <v>20640</v>
      </c>
      <c r="E33329" t="s">
        <v>20641</v>
      </c>
      <c r="F33329" t="s">
        <v>20642</v>
      </c>
      <c r="G33329" t="s">
        <v>20255</v>
      </c>
      <c r="H33329" t="s">
        <v>20256</v>
      </c>
      <c r="I33329" s="2">
        <v>1</v>
      </c>
      <c r="J33329" s="2">
        <v>0</v>
      </c>
      <c r="K33329" s="2">
        <v>0</v>
      </c>
      <c r="L33329" t="s">
        <v>120</v>
      </c>
      <c r="M33329" t="s">
        <v>83</v>
      </c>
      <c r="N33329" t="s">
        <v>91</v>
      </c>
      <c r="O33329" t="s">
        <v>85</v>
      </c>
      <c r="P33329" t="s">
        <v>86</v>
      </c>
      <c r="Q33329">
        <v>5</v>
      </c>
      <c r="R33329">
        <v>5</v>
      </c>
      <c r="S33329">
        <v>5</v>
      </c>
      <c r="T33329">
        <v>5</v>
      </c>
      <c r="U33329">
        <v>5</v>
      </c>
      <c r="V33329">
        <v>5</v>
      </c>
      <c r="W33329">
        <v>6</v>
      </c>
      <c r="X33329">
        <v>6</v>
      </c>
      <c r="Y33329">
        <v>6</v>
      </c>
      <c r="Z33329">
        <v>6</v>
      </c>
      <c r="AA33329">
        <v>6</v>
      </c>
      <c r="AB33329">
        <v>6</v>
      </c>
      <c r="AC33329">
        <v>6</v>
      </c>
      <c r="AD33329">
        <v>6</v>
      </c>
      <c r="AE33329">
        <v>6</v>
      </c>
      <c r="AF33329">
        <v>6</v>
      </c>
      <c r="AG33329">
        <v>6</v>
      </c>
      <c r="AH33329">
        <v>7</v>
      </c>
      <c r="AI33329">
        <v>7</v>
      </c>
      <c r="AJ33329">
        <v>7</v>
      </c>
      <c r="AK33329">
        <v>7</v>
      </c>
      <c r="AL33329">
        <v>7</v>
      </c>
      <c r="AM33329">
        <v>7</v>
      </c>
      <c r="AN33329">
        <v>7</v>
      </c>
      <c r="AO33329">
        <v>7</v>
      </c>
      <c r="AP33329">
        <v>7</v>
      </c>
      <c r="AQ33329">
        <v>7</v>
      </c>
    </row>
    <row r="33330" spans="1:43">
      <c r="A33330" t="s">
        <v>20647</v>
      </c>
      <c r="B33330" t="s">
        <v>20648</v>
      </c>
      <c r="C33330" t="s">
        <v>20639</v>
      </c>
      <c r="D33330" t="s">
        <v>20640</v>
      </c>
      <c r="E33330" t="s">
        <v>20641</v>
      </c>
      <c r="F33330" t="s">
        <v>20642</v>
      </c>
      <c r="G33330" t="s">
        <v>20255</v>
      </c>
      <c r="H33330" t="s">
        <v>20256</v>
      </c>
      <c r="I33330" s="2">
        <v>1</v>
      </c>
      <c r="J33330" s="2">
        <v>0</v>
      </c>
      <c r="K33330" s="2">
        <v>0</v>
      </c>
      <c r="L33330" t="s">
        <v>120</v>
      </c>
      <c r="M33330" t="s">
        <v>83</v>
      </c>
      <c r="N33330" t="s">
        <v>84</v>
      </c>
      <c r="O33330" t="s">
        <v>85</v>
      </c>
      <c r="P33330" t="s">
        <v>86</v>
      </c>
      <c r="Q33330">
        <v>7</v>
      </c>
      <c r="R33330">
        <v>7</v>
      </c>
      <c r="S33330">
        <v>7</v>
      </c>
      <c r="T33330">
        <v>8</v>
      </c>
      <c r="U33330">
        <v>8</v>
      </c>
      <c r="V33330">
        <v>8</v>
      </c>
      <c r="W33330">
        <v>8</v>
      </c>
      <c r="X33330">
        <v>8</v>
      </c>
      <c r="Y33330">
        <v>8</v>
      </c>
      <c r="Z33330">
        <v>8</v>
      </c>
      <c r="AA33330">
        <v>8</v>
      </c>
      <c r="AB33330">
        <v>9</v>
      </c>
      <c r="AC33330">
        <v>9</v>
      </c>
      <c r="AD33330">
        <v>9</v>
      </c>
      <c r="AE33330">
        <v>9</v>
      </c>
      <c r="AF33330">
        <v>9</v>
      </c>
      <c r="AG33330">
        <v>9</v>
      </c>
      <c r="AH33330">
        <v>9</v>
      </c>
      <c r="AI33330">
        <v>10</v>
      </c>
      <c r="AJ33330">
        <v>10</v>
      </c>
      <c r="AK33330">
        <v>10</v>
      </c>
      <c r="AL33330">
        <v>10</v>
      </c>
      <c r="AM33330">
        <v>10</v>
      </c>
      <c r="AN33330">
        <v>10</v>
      </c>
      <c r="AO33330">
        <v>10</v>
      </c>
      <c r="AP33330">
        <v>10</v>
      </c>
      <c r="AQ33330">
        <v>10</v>
      </c>
    </row>
    <row r="33331" spans="1:43">
      <c r="A33331" t="s">
        <v>20647</v>
      </c>
      <c r="B33331" t="s">
        <v>20648</v>
      </c>
      <c r="C33331" t="s">
        <v>20639</v>
      </c>
      <c r="D33331" t="s">
        <v>20640</v>
      </c>
      <c r="E33331" t="s">
        <v>20641</v>
      </c>
      <c r="F33331" t="s">
        <v>20642</v>
      </c>
      <c r="G33331" t="s">
        <v>20255</v>
      </c>
      <c r="H33331" t="s">
        <v>20256</v>
      </c>
      <c r="I33331" s="2">
        <v>1</v>
      </c>
      <c r="J33331" s="2">
        <v>0</v>
      </c>
      <c r="K33331" s="2">
        <v>0</v>
      </c>
      <c r="L33331" t="s">
        <v>120</v>
      </c>
      <c r="M33331" t="s">
        <v>87</v>
      </c>
      <c r="N33331" t="s">
        <v>88</v>
      </c>
      <c r="O33331" t="s">
        <v>85</v>
      </c>
      <c r="P33331" t="s">
        <v>86</v>
      </c>
      <c r="Q33331">
        <v>7</v>
      </c>
      <c r="R33331">
        <v>7</v>
      </c>
      <c r="S33331">
        <v>7</v>
      </c>
      <c r="T33331">
        <v>7</v>
      </c>
      <c r="U33331">
        <v>7</v>
      </c>
      <c r="V33331">
        <v>7</v>
      </c>
      <c r="W33331">
        <v>7</v>
      </c>
      <c r="X33331">
        <v>8</v>
      </c>
      <c r="Y33331">
        <v>8</v>
      </c>
      <c r="Z33331">
        <v>8</v>
      </c>
      <c r="AA33331">
        <v>8</v>
      </c>
      <c r="AB33331">
        <v>8</v>
      </c>
      <c r="AC33331">
        <v>8</v>
      </c>
      <c r="AD33331">
        <v>8</v>
      </c>
      <c r="AE33331">
        <v>8</v>
      </c>
      <c r="AF33331">
        <v>8</v>
      </c>
      <c r="AG33331">
        <v>8</v>
      </c>
      <c r="AH33331">
        <v>8</v>
      </c>
      <c r="AI33331">
        <v>8</v>
      </c>
      <c r="AJ33331">
        <v>8</v>
      </c>
      <c r="AK33331">
        <v>9</v>
      </c>
      <c r="AL33331">
        <v>9</v>
      </c>
      <c r="AM33331">
        <v>9</v>
      </c>
      <c r="AN33331">
        <v>9</v>
      </c>
      <c r="AO33331">
        <v>9</v>
      </c>
      <c r="AP33331">
        <v>9</v>
      </c>
      <c r="AQ33331">
        <v>9</v>
      </c>
    </row>
    <row r="33332" spans="1:43">
      <c r="A33332" t="s">
        <v>20647</v>
      </c>
      <c r="B33332" t="s">
        <v>20648</v>
      </c>
      <c r="C33332" t="s">
        <v>20639</v>
      </c>
      <c r="D33332" t="s">
        <v>20640</v>
      </c>
      <c r="E33332" t="s">
        <v>20641</v>
      </c>
      <c r="F33332" t="s">
        <v>20642</v>
      </c>
      <c r="G33332" t="s">
        <v>20255</v>
      </c>
      <c r="H33332" t="s">
        <v>20256</v>
      </c>
      <c r="I33332" s="2">
        <v>1</v>
      </c>
      <c r="J33332" s="2">
        <v>0</v>
      </c>
      <c r="K33332" s="2">
        <v>0</v>
      </c>
      <c r="L33332" t="s">
        <v>120</v>
      </c>
      <c r="M33332" t="s">
        <v>89</v>
      </c>
      <c r="N33332" t="s">
        <v>90</v>
      </c>
      <c r="O33332" t="s">
        <v>85</v>
      </c>
      <c r="P33332" t="s">
        <v>86</v>
      </c>
      <c r="Q33332">
        <v>7</v>
      </c>
      <c r="R33332">
        <v>7</v>
      </c>
      <c r="S33332">
        <v>8</v>
      </c>
      <c r="T33332">
        <v>8</v>
      </c>
      <c r="U33332">
        <v>8</v>
      </c>
      <c r="V33332">
        <v>8</v>
      </c>
      <c r="W33332">
        <v>8</v>
      </c>
      <c r="X33332">
        <v>9</v>
      </c>
      <c r="Y33332">
        <v>9</v>
      </c>
      <c r="Z33332">
        <v>9</v>
      </c>
      <c r="AA33332">
        <v>9</v>
      </c>
      <c r="AB33332">
        <v>9</v>
      </c>
      <c r="AC33332">
        <v>9</v>
      </c>
      <c r="AD33332">
        <v>10</v>
      </c>
      <c r="AE33332">
        <v>10</v>
      </c>
      <c r="AF33332">
        <v>10</v>
      </c>
      <c r="AG33332">
        <v>10</v>
      </c>
      <c r="AH33332">
        <v>10</v>
      </c>
      <c r="AI33332">
        <v>10</v>
      </c>
      <c r="AJ33332">
        <v>10</v>
      </c>
      <c r="AK33332">
        <v>10</v>
      </c>
      <c r="AL33332">
        <v>10</v>
      </c>
      <c r="AM33332">
        <v>10</v>
      </c>
      <c r="AN33332">
        <v>10</v>
      </c>
      <c r="AO33332">
        <v>10</v>
      </c>
      <c r="AP33332">
        <v>10</v>
      </c>
      <c r="AQ33332">
        <v>11</v>
      </c>
    </row>
    <row r="33333" spans="1:43">
      <c r="A33333" t="s">
        <v>20647</v>
      </c>
      <c r="B33333" t="s">
        <v>20648</v>
      </c>
      <c r="C33333" t="s">
        <v>20639</v>
      </c>
      <c r="D33333" t="s">
        <v>20640</v>
      </c>
      <c r="E33333" t="s">
        <v>20641</v>
      </c>
      <c r="F33333" t="s">
        <v>20642</v>
      </c>
      <c r="G33333" t="s">
        <v>20255</v>
      </c>
      <c r="H33333" t="s">
        <v>20256</v>
      </c>
      <c r="I33333" s="2">
        <v>1</v>
      </c>
      <c r="J33333" s="2">
        <v>0</v>
      </c>
      <c r="K33333" s="2">
        <v>0</v>
      </c>
      <c r="L33333" t="s">
        <v>120</v>
      </c>
      <c r="M33333" t="s">
        <v>83</v>
      </c>
      <c r="N33333" t="s">
        <v>91</v>
      </c>
      <c r="O33333" t="s">
        <v>85</v>
      </c>
      <c r="P33333" t="s">
        <v>86</v>
      </c>
      <c r="Q33333">
        <v>7</v>
      </c>
      <c r="R33333">
        <v>7</v>
      </c>
      <c r="S33333">
        <v>7</v>
      </c>
      <c r="T33333">
        <v>8</v>
      </c>
      <c r="U33333">
        <v>8</v>
      </c>
      <c r="V33333">
        <v>8</v>
      </c>
      <c r="W33333">
        <v>8</v>
      </c>
      <c r="X33333">
        <v>8</v>
      </c>
      <c r="Y33333">
        <v>8</v>
      </c>
      <c r="Z33333">
        <v>8</v>
      </c>
      <c r="AA33333">
        <v>8</v>
      </c>
      <c r="AB33333">
        <v>9</v>
      </c>
      <c r="AC33333">
        <v>9</v>
      </c>
      <c r="AD33333">
        <v>9</v>
      </c>
      <c r="AE33333">
        <v>9</v>
      </c>
      <c r="AF33333">
        <v>9</v>
      </c>
      <c r="AG33333">
        <v>9</v>
      </c>
      <c r="AH33333">
        <v>9</v>
      </c>
      <c r="AI33333">
        <v>10</v>
      </c>
      <c r="AJ33333">
        <v>10</v>
      </c>
      <c r="AK33333">
        <v>10</v>
      </c>
      <c r="AL33333">
        <v>10</v>
      </c>
      <c r="AM33333">
        <v>10</v>
      </c>
      <c r="AN33333">
        <v>10</v>
      </c>
      <c r="AO33333">
        <v>10</v>
      </c>
      <c r="AP33333">
        <v>10</v>
      </c>
      <c r="AQ33333">
        <v>10</v>
      </c>
    </row>
    <row r="33334" spans="1:43">
      <c r="A33334" t="s">
        <v>20649</v>
      </c>
      <c r="B33334" t="s">
        <v>20650</v>
      </c>
      <c r="C33334" t="s">
        <v>20651</v>
      </c>
      <c r="D33334" t="s">
        <v>20652</v>
      </c>
      <c r="E33334" t="s">
        <v>20641</v>
      </c>
      <c r="F33334" t="s">
        <v>20642</v>
      </c>
      <c r="G33334" t="s">
        <v>20255</v>
      </c>
      <c r="H33334" t="s">
        <v>20256</v>
      </c>
      <c r="I33334" s="2">
        <v>1</v>
      </c>
      <c r="J33334" s="2">
        <v>0</v>
      </c>
      <c r="K33334" s="2">
        <v>0</v>
      </c>
      <c r="L33334" t="s">
        <v>120</v>
      </c>
      <c r="M33334" t="s">
        <v>83</v>
      </c>
      <c r="N33334" t="s">
        <v>84</v>
      </c>
      <c r="O33334" t="s">
        <v>85</v>
      </c>
      <c r="P33334" t="s">
        <v>86</v>
      </c>
      <c r="Q33334">
        <v>13</v>
      </c>
      <c r="R33334">
        <v>13</v>
      </c>
      <c r="S33334">
        <v>14</v>
      </c>
      <c r="T33334">
        <v>14</v>
      </c>
      <c r="U33334">
        <v>14</v>
      </c>
      <c r="V33334">
        <v>14</v>
      </c>
      <c r="W33334">
        <v>15</v>
      </c>
      <c r="X33334">
        <v>15</v>
      </c>
      <c r="Y33334">
        <v>15</v>
      </c>
      <c r="Z33334">
        <v>15</v>
      </c>
      <c r="AA33334">
        <v>16</v>
      </c>
      <c r="AB33334">
        <v>16</v>
      </c>
      <c r="AC33334">
        <v>16</v>
      </c>
      <c r="AD33334">
        <v>16</v>
      </c>
      <c r="AE33334">
        <v>17</v>
      </c>
      <c r="AF33334">
        <v>17</v>
      </c>
      <c r="AG33334">
        <v>17</v>
      </c>
      <c r="AH33334">
        <v>18</v>
      </c>
      <c r="AI33334">
        <v>18</v>
      </c>
      <c r="AJ33334">
        <v>18</v>
      </c>
      <c r="AK33334">
        <v>18</v>
      </c>
      <c r="AL33334">
        <v>19</v>
      </c>
      <c r="AM33334">
        <v>19</v>
      </c>
      <c r="AN33334">
        <v>19</v>
      </c>
      <c r="AO33334">
        <v>19</v>
      </c>
      <c r="AP33334">
        <v>19</v>
      </c>
      <c r="AQ33334">
        <v>19</v>
      </c>
    </row>
    <row r="33335" spans="1:43">
      <c r="A33335" t="s">
        <v>20649</v>
      </c>
      <c r="B33335" t="s">
        <v>20650</v>
      </c>
      <c r="C33335" t="s">
        <v>20651</v>
      </c>
      <c r="D33335" t="s">
        <v>20652</v>
      </c>
      <c r="E33335" t="s">
        <v>20641</v>
      </c>
      <c r="F33335" t="s">
        <v>20642</v>
      </c>
      <c r="G33335" t="s">
        <v>20255</v>
      </c>
      <c r="H33335" t="s">
        <v>20256</v>
      </c>
      <c r="I33335" s="2">
        <v>1</v>
      </c>
      <c r="J33335" s="2">
        <v>0</v>
      </c>
      <c r="K33335" s="2">
        <v>0</v>
      </c>
      <c r="L33335" t="s">
        <v>120</v>
      </c>
      <c r="M33335" t="s">
        <v>87</v>
      </c>
      <c r="N33335" t="s">
        <v>88</v>
      </c>
      <c r="O33335" t="s">
        <v>85</v>
      </c>
      <c r="P33335" t="s">
        <v>86</v>
      </c>
      <c r="Q33335">
        <v>13</v>
      </c>
      <c r="R33335">
        <v>13</v>
      </c>
      <c r="S33335">
        <v>13</v>
      </c>
      <c r="T33335">
        <v>13</v>
      </c>
      <c r="U33335">
        <v>14</v>
      </c>
      <c r="V33335">
        <v>14</v>
      </c>
      <c r="W33335">
        <v>14</v>
      </c>
      <c r="X33335">
        <v>14</v>
      </c>
      <c r="Y33335">
        <v>14</v>
      </c>
      <c r="Z33335">
        <v>14</v>
      </c>
      <c r="AA33335">
        <v>14</v>
      </c>
      <c r="AB33335">
        <v>14</v>
      </c>
      <c r="AC33335">
        <v>15</v>
      </c>
      <c r="AD33335">
        <v>15</v>
      </c>
      <c r="AE33335">
        <v>15</v>
      </c>
      <c r="AF33335">
        <v>15</v>
      </c>
      <c r="AG33335">
        <v>15</v>
      </c>
      <c r="AH33335">
        <v>15</v>
      </c>
      <c r="AI33335">
        <v>15</v>
      </c>
      <c r="AJ33335">
        <v>16</v>
      </c>
      <c r="AK33335">
        <v>16</v>
      </c>
      <c r="AL33335">
        <v>16</v>
      </c>
      <c r="AM33335">
        <v>16</v>
      </c>
      <c r="AN33335">
        <v>16</v>
      </c>
      <c r="AO33335">
        <v>16</v>
      </c>
      <c r="AP33335">
        <v>17</v>
      </c>
      <c r="AQ33335">
        <v>17</v>
      </c>
    </row>
    <row r="33336" spans="1:43">
      <c r="A33336" t="s">
        <v>20649</v>
      </c>
      <c r="B33336" t="s">
        <v>20650</v>
      </c>
      <c r="C33336" t="s">
        <v>20651</v>
      </c>
      <c r="D33336" t="s">
        <v>20652</v>
      </c>
      <c r="E33336" t="s">
        <v>20641</v>
      </c>
      <c r="F33336" t="s">
        <v>20642</v>
      </c>
      <c r="G33336" t="s">
        <v>20255</v>
      </c>
      <c r="H33336" t="s">
        <v>20256</v>
      </c>
      <c r="I33336" s="2">
        <v>1</v>
      </c>
      <c r="J33336" s="2">
        <v>0</v>
      </c>
      <c r="K33336" s="2">
        <v>0</v>
      </c>
      <c r="L33336" t="s">
        <v>120</v>
      </c>
      <c r="M33336" t="s">
        <v>89</v>
      </c>
      <c r="N33336" t="s">
        <v>90</v>
      </c>
      <c r="O33336" t="s">
        <v>85</v>
      </c>
      <c r="P33336" t="s">
        <v>86</v>
      </c>
      <c r="Q33336">
        <v>13</v>
      </c>
      <c r="R33336">
        <v>14</v>
      </c>
      <c r="S33336">
        <v>14</v>
      </c>
      <c r="T33336">
        <v>14</v>
      </c>
      <c r="U33336">
        <v>15</v>
      </c>
      <c r="V33336">
        <v>15</v>
      </c>
      <c r="W33336">
        <v>15</v>
      </c>
      <c r="X33336">
        <v>16</v>
      </c>
      <c r="Y33336">
        <v>16</v>
      </c>
      <c r="Z33336">
        <v>16</v>
      </c>
      <c r="AA33336">
        <v>17</v>
      </c>
      <c r="AB33336">
        <v>17</v>
      </c>
      <c r="AC33336">
        <v>17</v>
      </c>
      <c r="AD33336">
        <v>18</v>
      </c>
      <c r="AE33336">
        <v>18</v>
      </c>
      <c r="AF33336">
        <v>18</v>
      </c>
      <c r="AG33336">
        <v>18</v>
      </c>
      <c r="AH33336">
        <v>18</v>
      </c>
      <c r="AI33336">
        <v>18</v>
      </c>
      <c r="AJ33336">
        <v>18</v>
      </c>
      <c r="AK33336">
        <v>19</v>
      </c>
      <c r="AL33336">
        <v>19</v>
      </c>
      <c r="AM33336">
        <v>19</v>
      </c>
      <c r="AN33336">
        <v>19</v>
      </c>
      <c r="AO33336">
        <v>19</v>
      </c>
      <c r="AP33336">
        <v>19</v>
      </c>
      <c r="AQ33336">
        <v>19</v>
      </c>
    </row>
    <row r="33337" spans="1:43">
      <c r="A33337" t="s">
        <v>20649</v>
      </c>
      <c r="B33337" t="s">
        <v>20650</v>
      </c>
      <c r="C33337" t="s">
        <v>20651</v>
      </c>
      <c r="D33337" t="s">
        <v>20652</v>
      </c>
      <c r="E33337" t="s">
        <v>20641</v>
      </c>
      <c r="F33337" t="s">
        <v>20642</v>
      </c>
      <c r="G33337" t="s">
        <v>20255</v>
      </c>
      <c r="H33337" t="s">
        <v>20256</v>
      </c>
      <c r="I33337" s="2">
        <v>1</v>
      </c>
      <c r="J33337" s="2">
        <v>0</v>
      </c>
      <c r="K33337" s="2">
        <v>0</v>
      </c>
      <c r="L33337" t="s">
        <v>120</v>
      </c>
      <c r="M33337" t="s">
        <v>83</v>
      </c>
      <c r="N33337" t="s">
        <v>91</v>
      </c>
      <c r="O33337" t="s">
        <v>85</v>
      </c>
      <c r="P33337" t="s">
        <v>86</v>
      </c>
      <c r="Q33337">
        <v>13</v>
      </c>
      <c r="R33337">
        <v>13</v>
      </c>
      <c r="S33337">
        <v>14</v>
      </c>
      <c r="T33337">
        <v>14</v>
      </c>
      <c r="U33337">
        <v>14</v>
      </c>
      <c r="V33337">
        <v>14</v>
      </c>
      <c r="W33337">
        <v>15</v>
      </c>
      <c r="X33337">
        <v>15</v>
      </c>
      <c r="Y33337">
        <v>15</v>
      </c>
      <c r="Z33337">
        <v>15</v>
      </c>
      <c r="AA33337">
        <v>16</v>
      </c>
      <c r="AB33337">
        <v>16</v>
      </c>
      <c r="AC33337">
        <v>16</v>
      </c>
      <c r="AD33337">
        <v>16</v>
      </c>
      <c r="AE33337">
        <v>17</v>
      </c>
      <c r="AF33337">
        <v>17</v>
      </c>
      <c r="AG33337">
        <v>17</v>
      </c>
      <c r="AH33337">
        <v>18</v>
      </c>
      <c r="AI33337">
        <v>18</v>
      </c>
      <c r="AJ33337">
        <v>18</v>
      </c>
      <c r="AK33337">
        <v>18</v>
      </c>
      <c r="AL33337">
        <v>19</v>
      </c>
      <c r="AM33337">
        <v>19</v>
      </c>
      <c r="AN33337">
        <v>19</v>
      </c>
      <c r="AO33337">
        <v>19</v>
      </c>
      <c r="AP33337">
        <v>19</v>
      </c>
      <c r="AQ33337">
        <v>19</v>
      </c>
    </row>
    <row r="33338" spans="1:43">
      <c r="A33338" t="s">
        <v>20653</v>
      </c>
      <c r="B33338" t="s">
        <v>20654</v>
      </c>
      <c r="C33338" t="s">
        <v>20651</v>
      </c>
      <c r="D33338" t="s">
        <v>20652</v>
      </c>
      <c r="E33338" t="s">
        <v>20641</v>
      </c>
      <c r="F33338" t="s">
        <v>20642</v>
      </c>
      <c r="G33338" t="s">
        <v>20255</v>
      </c>
      <c r="H33338" t="s">
        <v>20256</v>
      </c>
      <c r="I33338" s="2">
        <v>1</v>
      </c>
      <c r="J33338" s="2">
        <v>0</v>
      </c>
      <c r="K33338" s="2">
        <v>0</v>
      </c>
      <c r="L33338" t="s">
        <v>120</v>
      </c>
      <c r="M33338" t="s">
        <v>83</v>
      </c>
      <c r="N33338" t="s">
        <v>84</v>
      </c>
      <c r="O33338" t="s">
        <v>85</v>
      </c>
      <c r="P33338" t="s">
        <v>86</v>
      </c>
      <c r="Q33338">
        <v>29</v>
      </c>
      <c r="R33338">
        <v>30</v>
      </c>
      <c r="S33338">
        <v>30</v>
      </c>
      <c r="T33338">
        <v>31</v>
      </c>
      <c r="U33338">
        <v>31</v>
      </c>
      <c r="V33338">
        <v>31</v>
      </c>
      <c r="W33338">
        <v>32</v>
      </c>
      <c r="X33338">
        <v>32</v>
      </c>
      <c r="Y33338">
        <v>33</v>
      </c>
      <c r="Z33338">
        <v>33</v>
      </c>
      <c r="AA33338">
        <v>33</v>
      </c>
      <c r="AB33338">
        <v>34</v>
      </c>
      <c r="AC33338">
        <v>34</v>
      </c>
      <c r="AD33338">
        <v>35</v>
      </c>
      <c r="AE33338">
        <v>35</v>
      </c>
      <c r="AF33338">
        <v>35</v>
      </c>
      <c r="AG33338">
        <v>36</v>
      </c>
      <c r="AH33338">
        <v>36</v>
      </c>
      <c r="AI33338">
        <v>37</v>
      </c>
      <c r="AJ33338">
        <v>37</v>
      </c>
      <c r="AK33338">
        <v>37</v>
      </c>
      <c r="AL33338">
        <v>38</v>
      </c>
      <c r="AM33338">
        <v>38</v>
      </c>
      <c r="AN33338">
        <v>38</v>
      </c>
      <c r="AO33338">
        <v>38</v>
      </c>
      <c r="AP33338">
        <v>38</v>
      </c>
      <c r="AQ33338">
        <v>38</v>
      </c>
    </row>
    <row r="33339" spans="1:43">
      <c r="A33339" t="s">
        <v>20653</v>
      </c>
      <c r="B33339" t="s">
        <v>20654</v>
      </c>
      <c r="C33339" t="s">
        <v>20651</v>
      </c>
      <c r="D33339" t="s">
        <v>20652</v>
      </c>
      <c r="E33339" t="s">
        <v>20641</v>
      </c>
      <c r="F33339" t="s">
        <v>20642</v>
      </c>
      <c r="G33339" t="s">
        <v>20255</v>
      </c>
      <c r="H33339" t="s">
        <v>20256</v>
      </c>
      <c r="I33339" s="2">
        <v>1</v>
      </c>
      <c r="J33339" s="2">
        <v>0</v>
      </c>
      <c r="K33339" s="2">
        <v>0</v>
      </c>
      <c r="L33339" t="s">
        <v>120</v>
      </c>
      <c r="M33339" t="s">
        <v>87</v>
      </c>
      <c r="N33339" t="s">
        <v>88</v>
      </c>
      <c r="O33339" t="s">
        <v>85</v>
      </c>
      <c r="P33339" t="s">
        <v>86</v>
      </c>
      <c r="Q33339">
        <v>29</v>
      </c>
      <c r="R33339">
        <v>29</v>
      </c>
      <c r="S33339">
        <v>29</v>
      </c>
      <c r="T33339">
        <v>29</v>
      </c>
      <c r="U33339">
        <v>30</v>
      </c>
      <c r="V33339">
        <v>30</v>
      </c>
      <c r="W33339">
        <v>30</v>
      </c>
      <c r="X33339">
        <v>30</v>
      </c>
      <c r="Y33339">
        <v>30</v>
      </c>
      <c r="Z33339">
        <v>30</v>
      </c>
      <c r="AA33339">
        <v>30</v>
      </c>
      <c r="AB33339">
        <v>31</v>
      </c>
      <c r="AC33339">
        <v>31</v>
      </c>
      <c r="AD33339">
        <v>31</v>
      </c>
      <c r="AE33339">
        <v>31</v>
      </c>
      <c r="AF33339">
        <v>31</v>
      </c>
      <c r="AG33339">
        <v>31</v>
      </c>
      <c r="AH33339">
        <v>32</v>
      </c>
      <c r="AI33339">
        <v>32</v>
      </c>
      <c r="AJ33339">
        <v>32</v>
      </c>
      <c r="AK33339">
        <v>32</v>
      </c>
      <c r="AL33339">
        <v>32</v>
      </c>
      <c r="AM33339">
        <v>32</v>
      </c>
      <c r="AN33339">
        <v>32</v>
      </c>
      <c r="AO33339">
        <v>33</v>
      </c>
      <c r="AP33339">
        <v>33</v>
      </c>
      <c r="AQ33339">
        <v>33</v>
      </c>
    </row>
    <row r="33340" spans="1:43">
      <c r="A33340" t="s">
        <v>20653</v>
      </c>
      <c r="B33340" t="s">
        <v>20654</v>
      </c>
      <c r="C33340" t="s">
        <v>20651</v>
      </c>
      <c r="D33340" t="s">
        <v>20652</v>
      </c>
      <c r="E33340" t="s">
        <v>20641</v>
      </c>
      <c r="F33340" t="s">
        <v>20642</v>
      </c>
      <c r="G33340" t="s">
        <v>20255</v>
      </c>
      <c r="H33340" t="s">
        <v>20256</v>
      </c>
      <c r="I33340" s="2">
        <v>1</v>
      </c>
      <c r="J33340" s="2">
        <v>0</v>
      </c>
      <c r="K33340" s="2">
        <v>0</v>
      </c>
      <c r="L33340" t="s">
        <v>120</v>
      </c>
      <c r="M33340" t="s">
        <v>89</v>
      </c>
      <c r="N33340" t="s">
        <v>90</v>
      </c>
      <c r="O33340" t="s">
        <v>85</v>
      </c>
      <c r="P33340" t="s">
        <v>86</v>
      </c>
      <c r="Q33340">
        <v>29</v>
      </c>
      <c r="R33340">
        <v>29</v>
      </c>
      <c r="S33340">
        <v>30</v>
      </c>
      <c r="T33340">
        <v>31</v>
      </c>
      <c r="U33340">
        <v>31</v>
      </c>
      <c r="V33340">
        <v>32</v>
      </c>
      <c r="W33340">
        <v>32</v>
      </c>
      <c r="X33340">
        <v>33</v>
      </c>
      <c r="Y33340">
        <v>33</v>
      </c>
      <c r="Z33340">
        <v>34</v>
      </c>
      <c r="AA33340">
        <v>35</v>
      </c>
      <c r="AB33340">
        <v>35</v>
      </c>
      <c r="AC33340">
        <v>36</v>
      </c>
      <c r="AD33340">
        <v>36</v>
      </c>
      <c r="AE33340">
        <v>37</v>
      </c>
      <c r="AF33340">
        <v>37</v>
      </c>
      <c r="AG33340">
        <v>37</v>
      </c>
      <c r="AH33340">
        <v>37</v>
      </c>
      <c r="AI33340">
        <v>37</v>
      </c>
      <c r="AJ33340">
        <v>37</v>
      </c>
      <c r="AK33340">
        <v>37</v>
      </c>
      <c r="AL33340">
        <v>37</v>
      </c>
      <c r="AM33340">
        <v>37</v>
      </c>
      <c r="AN33340">
        <v>37</v>
      </c>
      <c r="AO33340">
        <v>37</v>
      </c>
      <c r="AP33340">
        <v>37</v>
      </c>
      <c r="AQ33340">
        <v>37</v>
      </c>
    </row>
    <row r="33341" spans="1:43">
      <c r="A33341" t="s">
        <v>20653</v>
      </c>
      <c r="B33341" t="s">
        <v>20654</v>
      </c>
      <c r="C33341" t="s">
        <v>20651</v>
      </c>
      <c r="D33341" t="s">
        <v>20652</v>
      </c>
      <c r="E33341" t="s">
        <v>20641</v>
      </c>
      <c r="F33341" t="s">
        <v>20642</v>
      </c>
      <c r="G33341" t="s">
        <v>20255</v>
      </c>
      <c r="H33341" t="s">
        <v>20256</v>
      </c>
      <c r="I33341" s="2">
        <v>1</v>
      </c>
      <c r="J33341" s="2">
        <v>0</v>
      </c>
      <c r="K33341" s="2">
        <v>0</v>
      </c>
      <c r="L33341" t="s">
        <v>120</v>
      </c>
      <c r="M33341" t="s">
        <v>83</v>
      </c>
      <c r="N33341" t="s">
        <v>91</v>
      </c>
      <c r="O33341" t="s">
        <v>85</v>
      </c>
      <c r="P33341" t="s">
        <v>86</v>
      </c>
      <c r="Q33341">
        <v>29</v>
      </c>
      <c r="R33341">
        <v>30</v>
      </c>
      <c r="S33341">
        <v>30</v>
      </c>
      <c r="T33341">
        <v>31</v>
      </c>
      <c r="U33341">
        <v>31</v>
      </c>
      <c r="V33341">
        <v>31</v>
      </c>
      <c r="W33341">
        <v>32</v>
      </c>
      <c r="X33341">
        <v>32</v>
      </c>
      <c r="Y33341">
        <v>33</v>
      </c>
      <c r="Z33341">
        <v>33</v>
      </c>
      <c r="AA33341">
        <v>33</v>
      </c>
      <c r="AB33341">
        <v>34</v>
      </c>
      <c r="AC33341">
        <v>34</v>
      </c>
      <c r="AD33341">
        <v>35</v>
      </c>
      <c r="AE33341">
        <v>35</v>
      </c>
      <c r="AF33341">
        <v>35</v>
      </c>
      <c r="AG33341">
        <v>36</v>
      </c>
      <c r="AH33341">
        <v>36</v>
      </c>
      <c r="AI33341">
        <v>37</v>
      </c>
      <c r="AJ33341">
        <v>37</v>
      </c>
      <c r="AK33341">
        <v>37</v>
      </c>
      <c r="AL33341">
        <v>38</v>
      </c>
      <c r="AM33341">
        <v>38</v>
      </c>
      <c r="AN33341">
        <v>38</v>
      </c>
      <c r="AO33341">
        <v>38</v>
      </c>
      <c r="AP33341">
        <v>38</v>
      </c>
      <c r="AQ33341">
        <v>38</v>
      </c>
    </row>
    <row r="33342" spans="1:43">
      <c r="A33342" t="s">
        <v>20655</v>
      </c>
      <c r="B33342" t="s">
        <v>20656</v>
      </c>
      <c r="C33342" t="s">
        <v>20657</v>
      </c>
      <c r="D33342" t="s">
        <v>20658</v>
      </c>
      <c r="E33342" t="s">
        <v>20641</v>
      </c>
      <c r="F33342" t="s">
        <v>20642</v>
      </c>
      <c r="G33342" t="s">
        <v>20255</v>
      </c>
      <c r="H33342" t="s">
        <v>20256</v>
      </c>
      <c r="I33342" s="2">
        <v>1</v>
      </c>
      <c r="J33342" s="2">
        <v>0</v>
      </c>
      <c r="K33342" s="2">
        <v>0</v>
      </c>
      <c r="L33342" t="s">
        <v>120</v>
      </c>
      <c r="M33342" t="s">
        <v>83</v>
      </c>
      <c r="N33342" t="s">
        <v>84</v>
      </c>
      <c r="O33342" t="s">
        <v>85</v>
      </c>
      <c r="P33342" t="s">
        <v>86</v>
      </c>
      <c r="Q33342">
        <v>6</v>
      </c>
      <c r="R33342">
        <v>6</v>
      </c>
      <c r="S33342">
        <v>6</v>
      </c>
      <c r="T33342">
        <v>6</v>
      </c>
      <c r="U33342">
        <v>7</v>
      </c>
      <c r="V33342">
        <v>7</v>
      </c>
      <c r="W33342">
        <v>7</v>
      </c>
      <c r="X33342">
        <v>7</v>
      </c>
      <c r="Y33342">
        <v>7</v>
      </c>
      <c r="Z33342">
        <v>7</v>
      </c>
      <c r="AA33342">
        <v>7</v>
      </c>
      <c r="AB33342">
        <v>7</v>
      </c>
      <c r="AC33342">
        <v>7</v>
      </c>
      <c r="AD33342">
        <v>8</v>
      </c>
      <c r="AE33342">
        <v>8</v>
      </c>
      <c r="AF33342">
        <v>8</v>
      </c>
      <c r="AG33342">
        <v>8</v>
      </c>
      <c r="AH33342">
        <v>8</v>
      </c>
      <c r="AI33342">
        <v>8</v>
      </c>
      <c r="AJ33342">
        <v>8</v>
      </c>
      <c r="AK33342">
        <v>8</v>
      </c>
      <c r="AL33342">
        <v>9</v>
      </c>
      <c r="AM33342">
        <v>9</v>
      </c>
      <c r="AN33342">
        <v>9</v>
      </c>
      <c r="AO33342">
        <v>9</v>
      </c>
      <c r="AP33342">
        <v>9</v>
      </c>
      <c r="AQ33342">
        <v>9</v>
      </c>
    </row>
    <row r="33343" spans="1:43">
      <c r="A33343" t="s">
        <v>20655</v>
      </c>
      <c r="B33343" t="s">
        <v>20656</v>
      </c>
      <c r="C33343" t="s">
        <v>20657</v>
      </c>
      <c r="D33343" t="s">
        <v>20658</v>
      </c>
      <c r="E33343" t="s">
        <v>20641</v>
      </c>
      <c r="F33343" t="s">
        <v>20642</v>
      </c>
      <c r="G33343" t="s">
        <v>20255</v>
      </c>
      <c r="H33343" t="s">
        <v>20256</v>
      </c>
      <c r="I33343" s="2">
        <v>1</v>
      </c>
      <c r="J33343" s="2">
        <v>0</v>
      </c>
      <c r="K33343" s="2">
        <v>0</v>
      </c>
      <c r="L33343" t="s">
        <v>120</v>
      </c>
      <c r="M33343" t="s">
        <v>87</v>
      </c>
      <c r="N33343" t="s">
        <v>88</v>
      </c>
      <c r="O33343" t="s">
        <v>85</v>
      </c>
      <c r="P33343" t="s">
        <v>86</v>
      </c>
      <c r="Q33343">
        <v>6</v>
      </c>
      <c r="R33343">
        <v>6</v>
      </c>
      <c r="S33343">
        <v>6</v>
      </c>
      <c r="T33343">
        <v>6</v>
      </c>
      <c r="U33343">
        <v>6</v>
      </c>
      <c r="V33343">
        <v>6</v>
      </c>
      <c r="W33343">
        <v>6</v>
      </c>
      <c r="X33343">
        <v>6</v>
      </c>
      <c r="Y33343">
        <v>6</v>
      </c>
      <c r="Z33343">
        <v>7</v>
      </c>
      <c r="AA33343">
        <v>7</v>
      </c>
      <c r="AB33343">
        <v>7</v>
      </c>
      <c r="AC33343">
        <v>7</v>
      </c>
      <c r="AD33343">
        <v>7</v>
      </c>
      <c r="AE33343">
        <v>7</v>
      </c>
      <c r="AF33343">
        <v>7</v>
      </c>
      <c r="AG33343">
        <v>7</v>
      </c>
      <c r="AH33343">
        <v>7</v>
      </c>
      <c r="AI33343">
        <v>7</v>
      </c>
      <c r="AJ33343">
        <v>7</v>
      </c>
      <c r="AK33343">
        <v>7</v>
      </c>
      <c r="AL33343">
        <v>7</v>
      </c>
      <c r="AM33343">
        <v>7</v>
      </c>
      <c r="AN33343">
        <v>8</v>
      </c>
      <c r="AO33343">
        <v>8</v>
      </c>
      <c r="AP33343">
        <v>8</v>
      </c>
      <c r="AQ33343">
        <v>8</v>
      </c>
    </row>
    <row r="33344" spans="1:43">
      <c r="A33344" t="s">
        <v>20655</v>
      </c>
      <c r="B33344" t="s">
        <v>20656</v>
      </c>
      <c r="C33344" t="s">
        <v>20657</v>
      </c>
      <c r="D33344" t="s">
        <v>20658</v>
      </c>
      <c r="E33344" t="s">
        <v>20641</v>
      </c>
      <c r="F33344" t="s">
        <v>20642</v>
      </c>
      <c r="G33344" t="s">
        <v>20255</v>
      </c>
      <c r="H33344" t="s">
        <v>20256</v>
      </c>
      <c r="I33344" s="2">
        <v>1</v>
      </c>
      <c r="J33344" s="2">
        <v>0</v>
      </c>
      <c r="K33344" s="2">
        <v>0</v>
      </c>
      <c r="L33344" t="s">
        <v>120</v>
      </c>
      <c r="M33344" t="s">
        <v>89</v>
      </c>
      <c r="N33344" t="s">
        <v>90</v>
      </c>
      <c r="O33344" t="s">
        <v>85</v>
      </c>
      <c r="P33344" t="s">
        <v>86</v>
      </c>
      <c r="Q33344">
        <v>6</v>
      </c>
      <c r="R33344">
        <v>6</v>
      </c>
      <c r="S33344">
        <v>6</v>
      </c>
      <c r="T33344">
        <v>7</v>
      </c>
      <c r="U33344">
        <v>7</v>
      </c>
      <c r="V33344">
        <v>7</v>
      </c>
      <c r="W33344">
        <v>7</v>
      </c>
      <c r="X33344">
        <v>7</v>
      </c>
      <c r="Y33344">
        <v>7</v>
      </c>
      <c r="Z33344">
        <v>8</v>
      </c>
      <c r="AA33344">
        <v>8</v>
      </c>
      <c r="AB33344">
        <v>8</v>
      </c>
      <c r="AC33344">
        <v>8</v>
      </c>
      <c r="AD33344">
        <v>8</v>
      </c>
      <c r="AE33344">
        <v>8</v>
      </c>
      <c r="AF33344">
        <v>8</v>
      </c>
      <c r="AG33344">
        <v>8</v>
      </c>
      <c r="AH33344">
        <v>8</v>
      </c>
      <c r="AI33344">
        <v>8</v>
      </c>
      <c r="AJ33344">
        <v>9</v>
      </c>
      <c r="AK33344">
        <v>9</v>
      </c>
      <c r="AL33344">
        <v>9</v>
      </c>
      <c r="AM33344">
        <v>9</v>
      </c>
      <c r="AN33344">
        <v>9</v>
      </c>
      <c r="AO33344">
        <v>9</v>
      </c>
      <c r="AP33344">
        <v>9</v>
      </c>
      <c r="AQ33344">
        <v>9</v>
      </c>
    </row>
    <row r="33345" spans="1:43">
      <c r="A33345" t="s">
        <v>20655</v>
      </c>
      <c r="B33345" t="s">
        <v>20656</v>
      </c>
      <c r="C33345" t="s">
        <v>20657</v>
      </c>
      <c r="D33345" t="s">
        <v>20658</v>
      </c>
      <c r="E33345" t="s">
        <v>20641</v>
      </c>
      <c r="F33345" t="s">
        <v>20642</v>
      </c>
      <c r="G33345" t="s">
        <v>20255</v>
      </c>
      <c r="H33345" t="s">
        <v>20256</v>
      </c>
      <c r="I33345" s="2">
        <v>1</v>
      </c>
      <c r="J33345" s="2">
        <v>0</v>
      </c>
      <c r="K33345" s="2">
        <v>0</v>
      </c>
      <c r="L33345" t="s">
        <v>120</v>
      </c>
      <c r="M33345" t="s">
        <v>83</v>
      </c>
      <c r="N33345" t="s">
        <v>91</v>
      </c>
      <c r="O33345" t="s">
        <v>85</v>
      </c>
      <c r="P33345" t="s">
        <v>86</v>
      </c>
      <c r="Q33345">
        <v>6</v>
      </c>
      <c r="R33345">
        <v>6</v>
      </c>
      <c r="S33345">
        <v>6</v>
      </c>
      <c r="T33345">
        <v>6</v>
      </c>
      <c r="U33345">
        <v>7</v>
      </c>
      <c r="V33345">
        <v>7</v>
      </c>
      <c r="W33345">
        <v>7</v>
      </c>
      <c r="X33345">
        <v>7</v>
      </c>
      <c r="Y33345">
        <v>7</v>
      </c>
      <c r="Z33345">
        <v>7</v>
      </c>
      <c r="AA33345">
        <v>7</v>
      </c>
      <c r="AB33345">
        <v>7</v>
      </c>
      <c r="AC33345">
        <v>7</v>
      </c>
      <c r="AD33345">
        <v>8</v>
      </c>
      <c r="AE33345">
        <v>8</v>
      </c>
      <c r="AF33345">
        <v>8</v>
      </c>
      <c r="AG33345">
        <v>8</v>
      </c>
      <c r="AH33345">
        <v>8</v>
      </c>
      <c r="AI33345">
        <v>8</v>
      </c>
      <c r="AJ33345">
        <v>8</v>
      </c>
      <c r="AK33345">
        <v>8</v>
      </c>
      <c r="AL33345">
        <v>9</v>
      </c>
      <c r="AM33345">
        <v>9</v>
      </c>
      <c r="AN33345">
        <v>9</v>
      </c>
      <c r="AO33345">
        <v>9</v>
      </c>
      <c r="AP33345">
        <v>9</v>
      </c>
      <c r="AQ33345">
        <v>9</v>
      </c>
    </row>
    <row r="33346" spans="1:43">
      <c r="A33346" t="s">
        <v>20659</v>
      </c>
      <c r="B33346" t="s">
        <v>20660</v>
      </c>
      <c r="C33346" t="s">
        <v>20657</v>
      </c>
      <c r="D33346" t="s">
        <v>20658</v>
      </c>
      <c r="E33346" t="s">
        <v>20641</v>
      </c>
      <c r="F33346" t="s">
        <v>20642</v>
      </c>
      <c r="G33346" t="s">
        <v>20255</v>
      </c>
      <c r="H33346" t="s">
        <v>20256</v>
      </c>
      <c r="I33346" s="2">
        <v>1</v>
      </c>
      <c r="J33346" s="2">
        <v>0</v>
      </c>
      <c r="K33346" s="2">
        <v>0</v>
      </c>
      <c r="L33346" t="s">
        <v>120</v>
      </c>
      <c r="M33346" t="s">
        <v>83</v>
      </c>
      <c r="N33346" t="s">
        <v>84</v>
      </c>
      <c r="O33346" t="s">
        <v>85</v>
      </c>
      <c r="P33346" t="s">
        <v>86</v>
      </c>
      <c r="Q33346">
        <v>4</v>
      </c>
      <c r="R33346">
        <v>4</v>
      </c>
      <c r="S33346">
        <v>4</v>
      </c>
      <c r="T33346">
        <v>4</v>
      </c>
      <c r="U33346">
        <v>5</v>
      </c>
      <c r="V33346">
        <v>5</v>
      </c>
      <c r="W33346">
        <v>5</v>
      </c>
      <c r="X33346">
        <v>5</v>
      </c>
      <c r="Y33346">
        <v>5</v>
      </c>
      <c r="Z33346">
        <v>5</v>
      </c>
      <c r="AA33346">
        <v>5</v>
      </c>
      <c r="AB33346">
        <v>5</v>
      </c>
      <c r="AC33346">
        <v>5</v>
      </c>
      <c r="AD33346">
        <v>5</v>
      </c>
      <c r="AE33346">
        <v>5</v>
      </c>
      <c r="AF33346">
        <v>5</v>
      </c>
      <c r="AG33346">
        <v>6</v>
      </c>
      <c r="AH33346">
        <v>6</v>
      </c>
      <c r="AI33346">
        <v>6</v>
      </c>
      <c r="AJ33346">
        <v>6</v>
      </c>
      <c r="AK33346">
        <v>6</v>
      </c>
      <c r="AL33346">
        <v>6</v>
      </c>
      <c r="AM33346">
        <v>6</v>
      </c>
      <c r="AN33346">
        <v>6</v>
      </c>
      <c r="AO33346">
        <v>6</v>
      </c>
      <c r="AP33346">
        <v>6</v>
      </c>
      <c r="AQ33346">
        <v>6</v>
      </c>
    </row>
    <row r="33347" spans="1:43">
      <c r="A33347" t="s">
        <v>20659</v>
      </c>
      <c r="B33347" t="s">
        <v>20660</v>
      </c>
      <c r="C33347" t="s">
        <v>20657</v>
      </c>
      <c r="D33347" t="s">
        <v>20658</v>
      </c>
      <c r="E33347" t="s">
        <v>20641</v>
      </c>
      <c r="F33347" t="s">
        <v>20642</v>
      </c>
      <c r="G33347" t="s">
        <v>20255</v>
      </c>
      <c r="H33347" t="s">
        <v>20256</v>
      </c>
      <c r="I33347" s="2">
        <v>1</v>
      </c>
      <c r="J33347" s="2">
        <v>0</v>
      </c>
      <c r="K33347" s="2">
        <v>0</v>
      </c>
      <c r="L33347" t="s">
        <v>120</v>
      </c>
      <c r="M33347" t="s">
        <v>87</v>
      </c>
      <c r="N33347" t="s">
        <v>88</v>
      </c>
      <c r="O33347" t="s">
        <v>85</v>
      </c>
      <c r="P33347" t="s">
        <v>86</v>
      </c>
      <c r="Q33347">
        <v>4</v>
      </c>
      <c r="R33347">
        <v>4</v>
      </c>
      <c r="S33347">
        <v>4</v>
      </c>
      <c r="T33347">
        <v>4</v>
      </c>
      <c r="U33347">
        <v>4</v>
      </c>
      <c r="V33347">
        <v>4</v>
      </c>
      <c r="W33347">
        <v>4</v>
      </c>
      <c r="X33347">
        <v>4</v>
      </c>
      <c r="Y33347">
        <v>4</v>
      </c>
      <c r="Z33347">
        <v>5</v>
      </c>
      <c r="AA33347">
        <v>5</v>
      </c>
      <c r="AB33347">
        <v>5</v>
      </c>
      <c r="AC33347">
        <v>5</v>
      </c>
      <c r="AD33347">
        <v>5</v>
      </c>
      <c r="AE33347">
        <v>5</v>
      </c>
      <c r="AF33347">
        <v>5</v>
      </c>
      <c r="AG33347">
        <v>5</v>
      </c>
      <c r="AH33347">
        <v>5</v>
      </c>
      <c r="AI33347">
        <v>5</v>
      </c>
      <c r="AJ33347">
        <v>5</v>
      </c>
      <c r="AK33347">
        <v>5</v>
      </c>
      <c r="AL33347">
        <v>5</v>
      </c>
      <c r="AM33347">
        <v>5</v>
      </c>
      <c r="AN33347">
        <v>5</v>
      </c>
      <c r="AO33347">
        <v>5</v>
      </c>
      <c r="AP33347">
        <v>5</v>
      </c>
      <c r="AQ33347">
        <v>5</v>
      </c>
    </row>
    <row r="33348" spans="1:43">
      <c r="A33348" t="s">
        <v>20659</v>
      </c>
      <c r="B33348" t="s">
        <v>20660</v>
      </c>
      <c r="C33348" t="s">
        <v>20657</v>
      </c>
      <c r="D33348" t="s">
        <v>20658</v>
      </c>
      <c r="E33348" t="s">
        <v>20641</v>
      </c>
      <c r="F33348" t="s">
        <v>20642</v>
      </c>
      <c r="G33348" t="s">
        <v>20255</v>
      </c>
      <c r="H33348" t="s">
        <v>20256</v>
      </c>
      <c r="I33348" s="2">
        <v>1</v>
      </c>
      <c r="J33348" s="2">
        <v>0</v>
      </c>
      <c r="K33348" s="2">
        <v>0</v>
      </c>
      <c r="L33348" t="s">
        <v>120</v>
      </c>
      <c r="M33348" t="s">
        <v>89</v>
      </c>
      <c r="N33348" t="s">
        <v>90</v>
      </c>
      <c r="O33348" t="s">
        <v>85</v>
      </c>
      <c r="P33348" t="s">
        <v>86</v>
      </c>
      <c r="Q33348">
        <v>4</v>
      </c>
      <c r="R33348">
        <v>4</v>
      </c>
      <c r="S33348">
        <v>4</v>
      </c>
      <c r="T33348">
        <v>5</v>
      </c>
      <c r="U33348">
        <v>5</v>
      </c>
      <c r="V33348">
        <v>5</v>
      </c>
      <c r="W33348">
        <v>5</v>
      </c>
      <c r="X33348">
        <v>5</v>
      </c>
      <c r="Y33348">
        <v>5</v>
      </c>
      <c r="Z33348">
        <v>5</v>
      </c>
      <c r="AA33348">
        <v>5</v>
      </c>
      <c r="AB33348">
        <v>5</v>
      </c>
      <c r="AC33348">
        <v>6</v>
      </c>
      <c r="AD33348">
        <v>6</v>
      </c>
      <c r="AE33348">
        <v>6</v>
      </c>
      <c r="AF33348">
        <v>6</v>
      </c>
      <c r="AG33348">
        <v>6</v>
      </c>
      <c r="AH33348">
        <v>6</v>
      </c>
      <c r="AI33348">
        <v>6</v>
      </c>
      <c r="AJ33348">
        <v>6</v>
      </c>
      <c r="AK33348">
        <v>6</v>
      </c>
      <c r="AL33348">
        <v>6</v>
      </c>
      <c r="AM33348">
        <v>6</v>
      </c>
      <c r="AN33348">
        <v>6</v>
      </c>
      <c r="AO33348">
        <v>6</v>
      </c>
      <c r="AP33348">
        <v>6</v>
      </c>
      <c r="AQ33348">
        <v>6</v>
      </c>
    </row>
    <row r="33349" spans="1:43">
      <c r="A33349" t="s">
        <v>20659</v>
      </c>
      <c r="B33349" t="s">
        <v>20660</v>
      </c>
      <c r="C33349" t="s">
        <v>20657</v>
      </c>
      <c r="D33349" t="s">
        <v>20658</v>
      </c>
      <c r="E33349" t="s">
        <v>20641</v>
      </c>
      <c r="F33349" t="s">
        <v>20642</v>
      </c>
      <c r="G33349" t="s">
        <v>20255</v>
      </c>
      <c r="H33349" t="s">
        <v>20256</v>
      </c>
      <c r="I33349" s="2">
        <v>1</v>
      </c>
      <c r="J33349" s="2">
        <v>0</v>
      </c>
      <c r="K33349" s="2">
        <v>0</v>
      </c>
      <c r="L33349" t="s">
        <v>120</v>
      </c>
      <c r="M33349" t="s">
        <v>83</v>
      </c>
      <c r="N33349" t="s">
        <v>91</v>
      </c>
      <c r="O33349" t="s">
        <v>85</v>
      </c>
      <c r="P33349" t="s">
        <v>86</v>
      </c>
      <c r="Q33349">
        <v>4</v>
      </c>
      <c r="R33349">
        <v>4</v>
      </c>
      <c r="S33349">
        <v>4</v>
      </c>
      <c r="T33349">
        <v>4</v>
      </c>
      <c r="U33349">
        <v>5</v>
      </c>
      <c r="V33349">
        <v>5</v>
      </c>
      <c r="W33349">
        <v>5</v>
      </c>
      <c r="X33349">
        <v>5</v>
      </c>
      <c r="Y33349">
        <v>5</v>
      </c>
      <c r="Z33349">
        <v>5</v>
      </c>
      <c r="AA33349">
        <v>5</v>
      </c>
      <c r="AB33349">
        <v>5</v>
      </c>
      <c r="AC33349">
        <v>5</v>
      </c>
      <c r="AD33349">
        <v>5</v>
      </c>
      <c r="AE33349">
        <v>5</v>
      </c>
      <c r="AF33349">
        <v>5</v>
      </c>
      <c r="AG33349">
        <v>6</v>
      </c>
      <c r="AH33349">
        <v>6</v>
      </c>
      <c r="AI33349">
        <v>6</v>
      </c>
      <c r="AJ33349">
        <v>6</v>
      </c>
      <c r="AK33349">
        <v>6</v>
      </c>
      <c r="AL33349">
        <v>6</v>
      </c>
      <c r="AM33349">
        <v>6</v>
      </c>
      <c r="AN33349">
        <v>6</v>
      </c>
      <c r="AO33349">
        <v>6</v>
      </c>
      <c r="AP33349">
        <v>6</v>
      </c>
      <c r="AQ33349">
        <v>6</v>
      </c>
    </row>
    <row r="33350" spans="1:43">
      <c r="A33350" t="s">
        <v>20661</v>
      </c>
      <c r="B33350" t="s">
        <v>20662</v>
      </c>
      <c r="C33350" t="s">
        <v>20657</v>
      </c>
      <c r="D33350" t="s">
        <v>20658</v>
      </c>
      <c r="E33350" t="s">
        <v>20641</v>
      </c>
      <c r="F33350" t="s">
        <v>20642</v>
      </c>
      <c r="G33350" t="s">
        <v>20255</v>
      </c>
      <c r="H33350" t="s">
        <v>20256</v>
      </c>
      <c r="I33350" s="2">
        <v>0.84</v>
      </c>
      <c r="J33350" s="2">
        <v>0</v>
      </c>
      <c r="K33350" s="2">
        <v>0</v>
      </c>
      <c r="L33350" t="s">
        <v>120</v>
      </c>
      <c r="M33350" t="s">
        <v>83</v>
      </c>
      <c r="N33350" t="s">
        <v>84</v>
      </c>
      <c r="O33350" t="s">
        <v>85</v>
      </c>
      <c r="P33350" t="s">
        <v>86</v>
      </c>
      <c r="Q33350">
        <v>9</v>
      </c>
      <c r="R33350">
        <v>9</v>
      </c>
      <c r="S33350">
        <v>9</v>
      </c>
      <c r="T33350">
        <v>9</v>
      </c>
      <c r="U33350">
        <v>10</v>
      </c>
      <c r="V33350">
        <v>10</v>
      </c>
      <c r="W33350">
        <v>10</v>
      </c>
      <c r="X33350">
        <v>10</v>
      </c>
      <c r="Y33350">
        <v>10</v>
      </c>
      <c r="Z33350">
        <v>10</v>
      </c>
      <c r="AA33350">
        <v>11</v>
      </c>
      <c r="AB33350">
        <v>11</v>
      </c>
      <c r="AC33350">
        <v>11</v>
      </c>
      <c r="AD33350">
        <v>11</v>
      </c>
      <c r="AE33350">
        <v>11</v>
      </c>
      <c r="AF33350">
        <v>11</v>
      </c>
      <c r="AG33350">
        <v>12</v>
      </c>
      <c r="AH33350">
        <v>12</v>
      </c>
      <c r="AI33350">
        <v>12</v>
      </c>
      <c r="AJ33350">
        <v>12</v>
      </c>
      <c r="AK33350">
        <v>12</v>
      </c>
      <c r="AL33350">
        <v>13</v>
      </c>
      <c r="AM33350">
        <v>13</v>
      </c>
      <c r="AN33350">
        <v>13</v>
      </c>
      <c r="AO33350">
        <v>13</v>
      </c>
      <c r="AP33350">
        <v>13</v>
      </c>
      <c r="AQ33350">
        <v>13</v>
      </c>
    </row>
    <row r="33351" spans="1:43">
      <c r="A33351" t="s">
        <v>20661</v>
      </c>
      <c r="B33351" t="s">
        <v>20662</v>
      </c>
      <c r="C33351" t="s">
        <v>20657</v>
      </c>
      <c r="D33351" t="s">
        <v>20658</v>
      </c>
      <c r="E33351" t="s">
        <v>20641</v>
      </c>
      <c r="F33351" t="s">
        <v>20642</v>
      </c>
      <c r="G33351" t="s">
        <v>20255</v>
      </c>
      <c r="H33351" t="s">
        <v>20256</v>
      </c>
      <c r="I33351" s="2">
        <v>0.84</v>
      </c>
      <c r="J33351" s="2">
        <v>0</v>
      </c>
      <c r="K33351" s="2">
        <v>0</v>
      </c>
      <c r="L33351" t="s">
        <v>120</v>
      </c>
      <c r="M33351" t="s">
        <v>87</v>
      </c>
      <c r="N33351" t="s">
        <v>88</v>
      </c>
      <c r="O33351" t="s">
        <v>85</v>
      </c>
      <c r="P33351" t="s">
        <v>86</v>
      </c>
      <c r="Q33351">
        <v>9</v>
      </c>
      <c r="R33351">
        <v>9</v>
      </c>
      <c r="S33351">
        <v>9</v>
      </c>
      <c r="T33351">
        <v>9</v>
      </c>
      <c r="U33351">
        <v>9</v>
      </c>
      <c r="V33351">
        <v>9</v>
      </c>
      <c r="W33351">
        <v>9</v>
      </c>
      <c r="X33351">
        <v>9</v>
      </c>
      <c r="Y33351">
        <v>9</v>
      </c>
      <c r="Z33351">
        <v>10</v>
      </c>
      <c r="AA33351">
        <v>10</v>
      </c>
      <c r="AB33351">
        <v>10</v>
      </c>
      <c r="AC33351">
        <v>10</v>
      </c>
      <c r="AD33351">
        <v>10</v>
      </c>
      <c r="AE33351">
        <v>10</v>
      </c>
      <c r="AF33351">
        <v>10</v>
      </c>
      <c r="AG33351">
        <v>10</v>
      </c>
      <c r="AH33351">
        <v>10</v>
      </c>
      <c r="AI33351">
        <v>10</v>
      </c>
      <c r="AJ33351">
        <v>10</v>
      </c>
      <c r="AK33351">
        <v>11</v>
      </c>
      <c r="AL33351">
        <v>11</v>
      </c>
      <c r="AM33351">
        <v>11</v>
      </c>
      <c r="AN33351">
        <v>11</v>
      </c>
      <c r="AO33351">
        <v>11</v>
      </c>
      <c r="AP33351">
        <v>11</v>
      </c>
      <c r="AQ33351">
        <v>11</v>
      </c>
    </row>
    <row r="33352" spans="1:43">
      <c r="A33352" t="s">
        <v>20661</v>
      </c>
      <c r="B33352" t="s">
        <v>20662</v>
      </c>
      <c r="C33352" t="s">
        <v>20657</v>
      </c>
      <c r="D33352" t="s">
        <v>20658</v>
      </c>
      <c r="E33352" t="s">
        <v>20641</v>
      </c>
      <c r="F33352" t="s">
        <v>20642</v>
      </c>
      <c r="G33352" t="s">
        <v>20255</v>
      </c>
      <c r="H33352" t="s">
        <v>20256</v>
      </c>
      <c r="I33352" s="2">
        <v>0.84</v>
      </c>
      <c r="J33352" s="2">
        <v>0</v>
      </c>
      <c r="K33352" s="2">
        <v>0</v>
      </c>
      <c r="L33352" t="s">
        <v>120</v>
      </c>
      <c r="M33352" t="s">
        <v>89</v>
      </c>
      <c r="N33352" t="s">
        <v>90</v>
      </c>
      <c r="O33352" t="s">
        <v>85</v>
      </c>
      <c r="P33352" t="s">
        <v>86</v>
      </c>
      <c r="Q33352">
        <v>9</v>
      </c>
      <c r="R33352">
        <v>9</v>
      </c>
      <c r="S33352">
        <v>9</v>
      </c>
      <c r="T33352">
        <v>10</v>
      </c>
      <c r="U33352">
        <v>10</v>
      </c>
      <c r="V33352">
        <v>10</v>
      </c>
      <c r="W33352">
        <v>10</v>
      </c>
      <c r="X33352">
        <v>11</v>
      </c>
      <c r="Y33352">
        <v>11</v>
      </c>
      <c r="Z33352">
        <v>11</v>
      </c>
      <c r="AA33352">
        <v>11</v>
      </c>
      <c r="AB33352">
        <v>11</v>
      </c>
      <c r="AC33352">
        <v>12</v>
      </c>
      <c r="AD33352">
        <v>12</v>
      </c>
      <c r="AE33352">
        <v>12</v>
      </c>
      <c r="AF33352">
        <v>12</v>
      </c>
      <c r="AG33352">
        <v>12</v>
      </c>
      <c r="AH33352">
        <v>12</v>
      </c>
      <c r="AI33352">
        <v>12</v>
      </c>
      <c r="AJ33352">
        <v>12</v>
      </c>
      <c r="AK33352">
        <v>13</v>
      </c>
      <c r="AL33352">
        <v>13</v>
      </c>
      <c r="AM33352">
        <v>13</v>
      </c>
      <c r="AN33352">
        <v>13</v>
      </c>
      <c r="AO33352">
        <v>13</v>
      </c>
      <c r="AP33352">
        <v>13</v>
      </c>
      <c r="AQ33352">
        <v>13</v>
      </c>
    </row>
    <row r="33353" spans="1:43">
      <c r="A33353" t="s">
        <v>20661</v>
      </c>
      <c r="B33353" t="s">
        <v>20662</v>
      </c>
      <c r="C33353" t="s">
        <v>20657</v>
      </c>
      <c r="D33353" t="s">
        <v>20658</v>
      </c>
      <c r="E33353" t="s">
        <v>20641</v>
      </c>
      <c r="F33353" t="s">
        <v>20642</v>
      </c>
      <c r="G33353" t="s">
        <v>20255</v>
      </c>
      <c r="H33353" t="s">
        <v>20256</v>
      </c>
      <c r="I33353" s="2">
        <v>0.84</v>
      </c>
      <c r="J33353" s="2">
        <v>0</v>
      </c>
      <c r="K33353" s="2">
        <v>0</v>
      </c>
      <c r="L33353" t="s">
        <v>120</v>
      </c>
      <c r="M33353" t="s">
        <v>83</v>
      </c>
      <c r="N33353" t="s">
        <v>91</v>
      </c>
      <c r="O33353" t="s">
        <v>85</v>
      </c>
      <c r="P33353" t="s">
        <v>86</v>
      </c>
      <c r="Q33353">
        <v>9</v>
      </c>
      <c r="R33353">
        <v>9</v>
      </c>
      <c r="S33353">
        <v>9</v>
      </c>
      <c r="T33353">
        <v>9</v>
      </c>
      <c r="U33353">
        <v>10</v>
      </c>
      <c r="V33353">
        <v>10</v>
      </c>
      <c r="W33353">
        <v>10</v>
      </c>
      <c r="X33353">
        <v>10</v>
      </c>
      <c r="Y33353">
        <v>10</v>
      </c>
      <c r="Z33353">
        <v>10</v>
      </c>
      <c r="AA33353">
        <v>11</v>
      </c>
      <c r="AB33353">
        <v>11</v>
      </c>
      <c r="AC33353">
        <v>11</v>
      </c>
      <c r="AD33353">
        <v>11</v>
      </c>
      <c r="AE33353">
        <v>11</v>
      </c>
      <c r="AF33353">
        <v>11</v>
      </c>
      <c r="AG33353">
        <v>12</v>
      </c>
      <c r="AH33353">
        <v>12</v>
      </c>
      <c r="AI33353">
        <v>12</v>
      </c>
      <c r="AJ33353">
        <v>12</v>
      </c>
      <c r="AK33353">
        <v>12</v>
      </c>
      <c r="AL33353">
        <v>13</v>
      </c>
      <c r="AM33353">
        <v>13</v>
      </c>
      <c r="AN33353">
        <v>13</v>
      </c>
      <c r="AO33353">
        <v>13</v>
      </c>
      <c r="AP33353">
        <v>13</v>
      </c>
      <c r="AQ33353">
        <v>13</v>
      </c>
    </row>
    <row r="33354" spans="1:43">
      <c r="A33354" t="s">
        <v>20663</v>
      </c>
      <c r="B33354" t="s">
        <v>20664</v>
      </c>
      <c r="C33354" t="s">
        <v>20657</v>
      </c>
      <c r="D33354" t="s">
        <v>20658</v>
      </c>
      <c r="E33354" t="s">
        <v>20641</v>
      </c>
      <c r="F33354" t="s">
        <v>20642</v>
      </c>
      <c r="G33354" t="s">
        <v>20255</v>
      </c>
      <c r="H33354" t="s">
        <v>20256</v>
      </c>
      <c r="I33354" s="2">
        <v>1</v>
      </c>
      <c r="J33354" s="2">
        <v>0</v>
      </c>
      <c r="K33354" s="2">
        <v>0</v>
      </c>
      <c r="L33354" t="s">
        <v>120</v>
      </c>
      <c r="M33354" t="s">
        <v>83</v>
      </c>
      <c r="N33354" t="s">
        <v>84</v>
      </c>
      <c r="O33354" t="s">
        <v>85</v>
      </c>
      <c r="P33354" t="s">
        <v>86</v>
      </c>
      <c r="Q33354">
        <v>8</v>
      </c>
      <c r="R33354">
        <v>8</v>
      </c>
      <c r="S33354">
        <v>8</v>
      </c>
      <c r="T33354">
        <v>8</v>
      </c>
      <c r="U33354">
        <v>9</v>
      </c>
      <c r="V33354">
        <v>9</v>
      </c>
      <c r="W33354">
        <v>9</v>
      </c>
      <c r="X33354">
        <v>9</v>
      </c>
      <c r="Y33354">
        <v>9</v>
      </c>
      <c r="Z33354">
        <v>9</v>
      </c>
      <c r="AA33354">
        <v>9</v>
      </c>
      <c r="AB33354">
        <v>10</v>
      </c>
      <c r="AC33354">
        <v>10</v>
      </c>
      <c r="AD33354">
        <v>10</v>
      </c>
      <c r="AE33354">
        <v>10</v>
      </c>
      <c r="AF33354">
        <v>10</v>
      </c>
      <c r="AG33354">
        <v>10</v>
      </c>
      <c r="AH33354">
        <v>11</v>
      </c>
      <c r="AI33354">
        <v>11</v>
      </c>
      <c r="AJ33354">
        <v>11</v>
      </c>
      <c r="AK33354">
        <v>11</v>
      </c>
      <c r="AL33354">
        <v>11</v>
      </c>
      <c r="AM33354">
        <v>11</v>
      </c>
      <c r="AN33354">
        <v>11</v>
      </c>
      <c r="AO33354">
        <v>11</v>
      </c>
      <c r="AP33354">
        <v>12</v>
      </c>
      <c r="AQ33354">
        <v>12</v>
      </c>
    </row>
    <row r="33355" spans="1:43">
      <c r="A33355" t="s">
        <v>20663</v>
      </c>
      <c r="B33355" t="s">
        <v>20664</v>
      </c>
      <c r="C33355" t="s">
        <v>20657</v>
      </c>
      <c r="D33355" t="s">
        <v>20658</v>
      </c>
      <c r="E33355" t="s">
        <v>20641</v>
      </c>
      <c r="F33355" t="s">
        <v>20642</v>
      </c>
      <c r="G33355" t="s">
        <v>20255</v>
      </c>
      <c r="H33355" t="s">
        <v>20256</v>
      </c>
      <c r="I33355" s="2">
        <v>1</v>
      </c>
      <c r="J33355" s="2">
        <v>0</v>
      </c>
      <c r="K33355" s="2">
        <v>0</v>
      </c>
      <c r="L33355" t="s">
        <v>120</v>
      </c>
      <c r="M33355" t="s">
        <v>87</v>
      </c>
      <c r="N33355" t="s">
        <v>88</v>
      </c>
      <c r="O33355" t="s">
        <v>85</v>
      </c>
      <c r="P33355" t="s">
        <v>86</v>
      </c>
      <c r="Q33355">
        <v>8</v>
      </c>
      <c r="R33355">
        <v>8</v>
      </c>
      <c r="S33355">
        <v>8</v>
      </c>
      <c r="T33355">
        <v>8</v>
      </c>
      <c r="U33355">
        <v>8</v>
      </c>
      <c r="V33355">
        <v>8</v>
      </c>
      <c r="W33355">
        <v>8</v>
      </c>
      <c r="X33355">
        <v>8</v>
      </c>
      <c r="Y33355">
        <v>8</v>
      </c>
      <c r="Z33355">
        <v>9</v>
      </c>
      <c r="AA33355">
        <v>9</v>
      </c>
      <c r="AB33355">
        <v>9</v>
      </c>
      <c r="AC33355">
        <v>9</v>
      </c>
      <c r="AD33355">
        <v>9</v>
      </c>
      <c r="AE33355">
        <v>9</v>
      </c>
      <c r="AF33355">
        <v>9</v>
      </c>
      <c r="AG33355">
        <v>9</v>
      </c>
      <c r="AH33355">
        <v>9</v>
      </c>
      <c r="AI33355">
        <v>9</v>
      </c>
      <c r="AJ33355">
        <v>9</v>
      </c>
      <c r="AK33355">
        <v>10</v>
      </c>
      <c r="AL33355">
        <v>10</v>
      </c>
      <c r="AM33355">
        <v>10</v>
      </c>
      <c r="AN33355">
        <v>10</v>
      </c>
      <c r="AO33355">
        <v>10</v>
      </c>
      <c r="AP33355">
        <v>10</v>
      </c>
      <c r="AQ33355">
        <v>10</v>
      </c>
    </row>
    <row r="33356" spans="1:43">
      <c r="A33356" t="s">
        <v>20663</v>
      </c>
      <c r="B33356" t="s">
        <v>20664</v>
      </c>
      <c r="C33356" t="s">
        <v>20657</v>
      </c>
      <c r="D33356" t="s">
        <v>20658</v>
      </c>
      <c r="E33356" t="s">
        <v>20641</v>
      </c>
      <c r="F33356" t="s">
        <v>20642</v>
      </c>
      <c r="G33356" t="s">
        <v>20255</v>
      </c>
      <c r="H33356" t="s">
        <v>20256</v>
      </c>
      <c r="I33356" s="2">
        <v>1</v>
      </c>
      <c r="J33356" s="2">
        <v>0</v>
      </c>
      <c r="K33356" s="2">
        <v>0</v>
      </c>
      <c r="L33356" t="s">
        <v>120</v>
      </c>
      <c r="M33356" t="s">
        <v>89</v>
      </c>
      <c r="N33356" t="s">
        <v>90</v>
      </c>
      <c r="O33356" t="s">
        <v>85</v>
      </c>
      <c r="P33356" t="s">
        <v>86</v>
      </c>
      <c r="Q33356">
        <v>8</v>
      </c>
      <c r="R33356">
        <v>8</v>
      </c>
      <c r="S33356">
        <v>8</v>
      </c>
      <c r="T33356">
        <v>9</v>
      </c>
      <c r="U33356">
        <v>9</v>
      </c>
      <c r="V33356">
        <v>9</v>
      </c>
      <c r="W33356">
        <v>9</v>
      </c>
      <c r="X33356">
        <v>9</v>
      </c>
      <c r="Y33356">
        <v>10</v>
      </c>
      <c r="Z33356">
        <v>10</v>
      </c>
      <c r="AA33356">
        <v>10</v>
      </c>
      <c r="AB33356">
        <v>10</v>
      </c>
      <c r="AC33356">
        <v>10</v>
      </c>
      <c r="AD33356">
        <v>11</v>
      </c>
      <c r="AE33356">
        <v>11</v>
      </c>
      <c r="AF33356">
        <v>11</v>
      </c>
      <c r="AG33356">
        <v>11</v>
      </c>
      <c r="AH33356">
        <v>11</v>
      </c>
      <c r="AI33356">
        <v>11</v>
      </c>
      <c r="AJ33356">
        <v>11</v>
      </c>
      <c r="AK33356">
        <v>11</v>
      </c>
      <c r="AL33356">
        <v>11</v>
      </c>
      <c r="AM33356">
        <v>11</v>
      </c>
      <c r="AN33356">
        <v>12</v>
      </c>
      <c r="AO33356">
        <v>12</v>
      </c>
      <c r="AP33356">
        <v>12</v>
      </c>
      <c r="AQ33356">
        <v>12</v>
      </c>
    </row>
    <row r="33357" spans="1:43">
      <c r="A33357" t="s">
        <v>20663</v>
      </c>
      <c r="B33357" t="s">
        <v>20664</v>
      </c>
      <c r="C33357" t="s">
        <v>20657</v>
      </c>
      <c r="D33357" t="s">
        <v>20658</v>
      </c>
      <c r="E33357" t="s">
        <v>20641</v>
      </c>
      <c r="F33357" t="s">
        <v>20642</v>
      </c>
      <c r="G33357" t="s">
        <v>20255</v>
      </c>
      <c r="H33357" t="s">
        <v>20256</v>
      </c>
      <c r="I33357" s="2">
        <v>1</v>
      </c>
      <c r="J33357" s="2">
        <v>0</v>
      </c>
      <c r="K33357" s="2">
        <v>0</v>
      </c>
      <c r="L33357" t="s">
        <v>120</v>
      </c>
      <c r="M33357" t="s">
        <v>83</v>
      </c>
      <c r="N33357" t="s">
        <v>91</v>
      </c>
      <c r="O33357" t="s">
        <v>85</v>
      </c>
      <c r="P33357" t="s">
        <v>86</v>
      </c>
      <c r="Q33357">
        <v>8</v>
      </c>
      <c r="R33357">
        <v>8</v>
      </c>
      <c r="S33357">
        <v>8</v>
      </c>
      <c r="T33357">
        <v>8</v>
      </c>
      <c r="U33357">
        <v>9</v>
      </c>
      <c r="V33357">
        <v>9</v>
      </c>
      <c r="W33357">
        <v>9</v>
      </c>
      <c r="X33357">
        <v>9</v>
      </c>
      <c r="Y33357">
        <v>9</v>
      </c>
      <c r="Z33357">
        <v>9</v>
      </c>
      <c r="AA33357">
        <v>9</v>
      </c>
      <c r="AB33357">
        <v>10</v>
      </c>
      <c r="AC33357">
        <v>10</v>
      </c>
      <c r="AD33357">
        <v>10</v>
      </c>
      <c r="AE33357">
        <v>10</v>
      </c>
      <c r="AF33357">
        <v>10</v>
      </c>
      <c r="AG33357">
        <v>10</v>
      </c>
      <c r="AH33357">
        <v>11</v>
      </c>
      <c r="AI33357">
        <v>11</v>
      </c>
      <c r="AJ33357">
        <v>11</v>
      </c>
      <c r="AK33357">
        <v>11</v>
      </c>
      <c r="AL33357">
        <v>11</v>
      </c>
      <c r="AM33357">
        <v>11</v>
      </c>
      <c r="AN33357">
        <v>11</v>
      </c>
      <c r="AO33357">
        <v>11</v>
      </c>
      <c r="AP33357">
        <v>12</v>
      </c>
      <c r="AQ33357">
        <v>12</v>
      </c>
    </row>
    <row r="33358" spans="1:43">
      <c r="A33358" t="s">
        <v>20665</v>
      </c>
      <c r="B33358" t="s">
        <v>20666</v>
      </c>
      <c r="C33358" t="s">
        <v>20657</v>
      </c>
      <c r="D33358" t="s">
        <v>20658</v>
      </c>
      <c r="E33358" t="s">
        <v>20641</v>
      </c>
      <c r="F33358" t="s">
        <v>20642</v>
      </c>
      <c r="G33358" t="s">
        <v>20255</v>
      </c>
      <c r="H33358" t="s">
        <v>20256</v>
      </c>
      <c r="I33358" s="2">
        <v>1</v>
      </c>
      <c r="J33358" s="2">
        <v>0</v>
      </c>
      <c r="K33358" s="2">
        <v>0</v>
      </c>
      <c r="L33358" t="s">
        <v>120</v>
      </c>
      <c r="M33358" t="s">
        <v>83</v>
      </c>
      <c r="N33358" t="s">
        <v>84</v>
      </c>
      <c r="O33358" t="s">
        <v>85</v>
      </c>
      <c r="P33358" t="s">
        <v>86</v>
      </c>
      <c r="Q33358">
        <v>14</v>
      </c>
      <c r="R33358">
        <v>14</v>
      </c>
      <c r="S33358">
        <v>15</v>
      </c>
      <c r="T33358">
        <v>15</v>
      </c>
      <c r="U33358">
        <v>15</v>
      </c>
      <c r="V33358">
        <v>16</v>
      </c>
      <c r="W33358">
        <v>16</v>
      </c>
      <c r="X33358">
        <v>16</v>
      </c>
      <c r="Y33358">
        <v>16</v>
      </c>
      <c r="Z33358">
        <v>17</v>
      </c>
      <c r="AA33358">
        <v>17</v>
      </c>
      <c r="AB33358">
        <v>17</v>
      </c>
      <c r="AC33358">
        <v>17</v>
      </c>
      <c r="AD33358">
        <v>18</v>
      </c>
      <c r="AE33358">
        <v>18</v>
      </c>
      <c r="AF33358">
        <v>18</v>
      </c>
      <c r="AG33358">
        <v>19</v>
      </c>
      <c r="AH33358">
        <v>19</v>
      </c>
      <c r="AI33358">
        <v>19</v>
      </c>
      <c r="AJ33358">
        <v>19</v>
      </c>
      <c r="AK33358">
        <v>20</v>
      </c>
      <c r="AL33358">
        <v>20</v>
      </c>
      <c r="AM33358">
        <v>20</v>
      </c>
      <c r="AN33358">
        <v>20</v>
      </c>
      <c r="AO33358">
        <v>20</v>
      </c>
      <c r="AP33358">
        <v>21</v>
      </c>
      <c r="AQ33358">
        <v>21</v>
      </c>
    </row>
    <row r="33359" spans="1:43">
      <c r="A33359" t="s">
        <v>20665</v>
      </c>
      <c r="B33359" t="s">
        <v>20666</v>
      </c>
      <c r="C33359" t="s">
        <v>20657</v>
      </c>
      <c r="D33359" t="s">
        <v>20658</v>
      </c>
      <c r="E33359" t="s">
        <v>20641</v>
      </c>
      <c r="F33359" t="s">
        <v>20642</v>
      </c>
      <c r="G33359" t="s">
        <v>20255</v>
      </c>
      <c r="H33359" t="s">
        <v>20256</v>
      </c>
      <c r="I33359" s="2">
        <v>1</v>
      </c>
      <c r="J33359" s="2">
        <v>0</v>
      </c>
      <c r="K33359" s="2">
        <v>0</v>
      </c>
      <c r="L33359" t="s">
        <v>120</v>
      </c>
      <c r="M33359" t="s">
        <v>87</v>
      </c>
      <c r="N33359" t="s">
        <v>88</v>
      </c>
      <c r="O33359" t="s">
        <v>85</v>
      </c>
      <c r="P33359" t="s">
        <v>86</v>
      </c>
      <c r="Q33359">
        <v>14</v>
      </c>
      <c r="R33359">
        <v>14</v>
      </c>
      <c r="S33359">
        <v>14</v>
      </c>
      <c r="T33359">
        <v>14</v>
      </c>
      <c r="U33359">
        <v>15</v>
      </c>
      <c r="V33359">
        <v>15</v>
      </c>
      <c r="W33359">
        <v>15</v>
      </c>
      <c r="X33359">
        <v>15</v>
      </c>
      <c r="Y33359">
        <v>15</v>
      </c>
      <c r="Z33359">
        <v>15</v>
      </c>
      <c r="AA33359">
        <v>15</v>
      </c>
      <c r="AB33359">
        <v>16</v>
      </c>
      <c r="AC33359">
        <v>16</v>
      </c>
      <c r="AD33359">
        <v>16</v>
      </c>
      <c r="AE33359">
        <v>16</v>
      </c>
      <c r="AF33359">
        <v>16</v>
      </c>
      <c r="AG33359">
        <v>16</v>
      </c>
      <c r="AH33359">
        <v>16</v>
      </c>
      <c r="AI33359">
        <v>17</v>
      </c>
      <c r="AJ33359">
        <v>17</v>
      </c>
      <c r="AK33359">
        <v>17</v>
      </c>
      <c r="AL33359">
        <v>17</v>
      </c>
      <c r="AM33359">
        <v>17</v>
      </c>
      <c r="AN33359">
        <v>18</v>
      </c>
      <c r="AO33359">
        <v>18</v>
      </c>
      <c r="AP33359">
        <v>18</v>
      </c>
      <c r="AQ33359">
        <v>18</v>
      </c>
    </row>
    <row r="33360" spans="1:43">
      <c r="A33360" t="s">
        <v>20665</v>
      </c>
      <c r="B33360" t="s">
        <v>20666</v>
      </c>
      <c r="C33360" t="s">
        <v>20657</v>
      </c>
      <c r="D33360" t="s">
        <v>20658</v>
      </c>
      <c r="E33360" t="s">
        <v>20641</v>
      </c>
      <c r="F33360" t="s">
        <v>20642</v>
      </c>
      <c r="G33360" t="s">
        <v>20255</v>
      </c>
      <c r="H33360" t="s">
        <v>20256</v>
      </c>
      <c r="I33360" s="2">
        <v>1</v>
      </c>
      <c r="J33360" s="2">
        <v>0</v>
      </c>
      <c r="K33360" s="2">
        <v>0</v>
      </c>
      <c r="L33360" t="s">
        <v>120</v>
      </c>
      <c r="M33360" t="s">
        <v>89</v>
      </c>
      <c r="N33360" t="s">
        <v>90</v>
      </c>
      <c r="O33360" t="s">
        <v>85</v>
      </c>
      <c r="P33360" t="s">
        <v>86</v>
      </c>
      <c r="Q33360">
        <v>14</v>
      </c>
      <c r="R33360">
        <v>15</v>
      </c>
      <c r="S33360">
        <v>15</v>
      </c>
      <c r="T33360">
        <v>15</v>
      </c>
      <c r="U33360">
        <v>16</v>
      </c>
      <c r="V33360">
        <v>16</v>
      </c>
      <c r="W33360">
        <v>17</v>
      </c>
      <c r="X33360">
        <v>17</v>
      </c>
      <c r="Y33360">
        <v>17</v>
      </c>
      <c r="Z33360">
        <v>18</v>
      </c>
      <c r="AA33360">
        <v>18</v>
      </c>
      <c r="AB33360">
        <v>18</v>
      </c>
      <c r="AC33360">
        <v>19</v>
      </c>
      <c r="AD33360">
        <v>19</v>
      </c>
      <c r="AE33360">
        <v>19</v>
      </c>
      <c r="AF33360">
        <v>19</v>
      </c>
      <c r="AG33360">
        <v>20</v>
      </c>
      <c r="AH33360">
        <v>20</v>
      </c>
      <c r="AI33360">
        <v>20</v>
      </c>
      <c r="AJ33360">
        <v>20</v>
      </c>
      <c r="AK33360">
        <v>20</v>
      </c>
      <c r="AL33360">
        <v>20</v>
      </c>
      <c r="AM33360">
        <v>20</v>
      </c>
      <c r="AN33360">
        <v>21</v>
      </c>
      <c r="AO33360">
        <v>21</v>
      </c>
      <c r="AP33360">
        <v>21</v>
      </c>
      <c r="AQ33360">
        <v>21</v>
      </c>
    </row>
    <row r="33361" spans="1:43">
      <c r="A33361" t="s">
        <v>20665</v>
      </c>
      <c r="B33361" t="s">
        <v>20666</v>
      </c>
      <c r="C33361" t="s">
        <v>20657</v>
      </c>
      <c r="D33361" t="s">
        <v>20658</v>
      </c>
      <c r="E33361" t="s">
        <v>20641</v>
      </c>
      <c r="F33361" t="s">
        <v>20642</v>
      </c>
      <c r="G33361" t="s">
        <v>20255</v>
      </c>
      <c r="H33361" t="s">
        <v>20256</v>
      </c>
      <c r="I33361" s="2">
        <v>1</v>
      </c>
      <c r="J33361" s="2">
        <v>0</v>
      </c>
      <c r="K33361" s="2">
        <v>0</v>
      </c>
      <c r="L33361" t="s">
        <v>120</v>
      </c>
      <c r="M33361" t="s">
        <v>83</v>
      </c>
      <c r="N33361" t="s">
        <v>91</v>
      </c>
      <c r="O33361" t="s">
        <v>85</v>
      </c>
      <c r="P33361" t="s">
        <v>86</v>
      </c>
      <c r="Q33361">
        <v>14</v>
      </c>
      <c r="R33361">
        <v>14</v>
      </c>
      <c r="S33361">
        <v>15</v>
      </c>
      <c r="T33361">
        <v>15</v>
      </c>
      <c r="U33361">
        <v>15</v>
      </c>
      <c r="V33361">
        <v>16</v>
      </c>
      <c r="W33361">
        <v>16</v>
      </c>
      <c r="X33361">
        <v>16</v>
      </c>
      <c r="Y33361">
        <v>16</v>
      </c>
      <c r="Z33361">
        <v>17</v>
      </c>
      <c r="AA33361">
        <v>17</v>
      </c>
      <c r="AB33361">
        <v>17</v>
      </c>
      <c r="AC33361">
        <v>17</v>
      </c>
      <c r="AD33361">
        <v>18</v>
      </c>
      <c r="AE33361">
        <v>18</v>
      </c>
      <c r="AF33361">
        <v>18</v>
      </c>
      <c r="AG33361">
        <v>19</v>
      </c>
      <c r="AH33361">
        <v>19</v>
      </c>
      <c r="AI33361">
        <v>19</v>
      </c>
      <c r="AJ33361">
        <v>19</v>
      </c>
      <c r="AK33361">
        <v>20</v>
      </c>
      <c r="AL33361">
        <v>20</v>
      </c>
      <c r="AM33361">
        <v>20</v>
      </c>
      <c r="AN33361">
        <v>20</v>
      </c>
      <c r="AO33361">
        <v>20</v>
      </c>
      <c r="AP33361">
        <v>21</v>
      </c>
      <c r="AQ33361">
        <v>21</v>
      </c>
    </row>
    <row r="33362" spans="1:43">
      <c r="A33362" t="s">
        <v>20667</v>
      </c>
      <c r="B33362" t="s">
        <v>20668</v>
      </c>
      <c r="C33362" t="s">
        <v>20657</v>
      </c>
      <c r="D33362" t="s">
        <v>20658</v>
      </c>
      <c r="E33362" t="s">
        <v>20641</v>
      </c>
      <c r="F33362" t="s">
        <v>20642</v>
      </c>
      <c r="G33362" t="s">
        <v>20255</v>
      </c>
      <c r="H33362" t="s">
        <v>20256</v>
      </c>
      <c r="I33362" s="2">
        <v>1</v>
      </c>
      <c r="J33362" s="2">
        <v>0</v>
      </c>
      <c r="K33362" s="2">
        <v>0</v>
      </c>
      <c r="L33362" t="s">
        <v>120</v>
      </c>
      <c r="M33362" t="s">
        <v>83</v>
      </c>
      <c r="N33362" t="s">
        <v>84</v>
      </c>
      <c r="O33362" t="s">
        <v>85</v>
      </c>
      <c r="P33362" t="s">
        <v>86</v>
      </c>
      <c r="Q33362">
        <v>48</v>
      </c>
      <c r="R33362">
        <v>49</v>
      </c>
      <c r="S33362">
        <v>50</v>
      </c>
      <c r="T33362">
        <v>51</v>
      </c>
      <c r="U33362">
        <v>52</v>
      </c>
      <c r="V33362">
        <v>53</v>
      </c>
      <c r="W33362">
        <v>54</v>
      </c>
      <c r="X33362">
        <v>55</v>
      </c>
      <c r="Y33362">
        <v>56</v>
      </c>
      <c r="Z33362">
        <v>56</v>
      </c>
      <c r="AA33362">
        <v>57</v>
      </c>
      <c r="AB33362">
        <v>58</v>
      </c>
      <c r="AC33362">
        <v>59</v>
      </c>
      <c r="AD33362">
        <v>60</v>
      </c>
      <c r="AE33362">
        <v>61</v>
      </c>
      <c r="AF33362">
        <v>62</v>
      </c>
      <c r="AG33362">
        <v>63</v>
      </c>
      <c r="AH33362">
        <v>64</v>
      </c>
      <c r="AI33362">
        <v>65</v>
      </c>
      <c r="AJ33362">
        <v>66</v>
      </c>
      <c r="AK33362">
        <v>67</v>
      </c>
      <c r="AL33362">
        <v>68</v>
      </c>
      <c r="AM33362">
        <v>69</v>
      </c>
      <c r="AN33362">
        <v>69</v>
      </c>
      <c r="AO33362">
        <v>70</v>
      </c>
      <c r="AP33362">
        <v>70</v>
      </c>
      <c r="AQ33362">
        <v>71</v>
      </c>
    </row>
    <row r="33363" spans="1:43">
      <c r="A33363" t="s">
        <v>20667</v>
      </c>
      <c r="B33363" t="s">
        <v>20668</v>
      </c>
      <c r="C33363" t="s">
        <v>20657</v>
      </c>
      <c r="D33363" t="s">
        <v>20658</v>
      </c>
      <c r="E33363" t="s">
        <v>20641</v>
      </c>
      <c r="F33363" t="s">
        <v>20642</v>
      </c>
      <c r="G33363" t="s">
        <v>20255</v>
      </c>
      <c r="H33363" t="s">
        <v>20256</v>
      </c>
      <c r="I33363" s="2">
        <v>1</v>
      </c>
      <c r="J33363" s="2">
        <v>0</v>
      </c>
      <c r="K33363" s="2">
        <v>0</v>
      </c>
      <c r="L33363" t="s">
        <v>120</v>
      </c>
      <c r="M33363" t="s">
        <v>87</v>
      </c>
      <c r="N33363" t="s">
        <v>88</v>
      </c>
      <c r="O33363" t="s">
        <v>85</v>
      </c>
      <c r="P33363" t="s">
        <v>86</v>
      </c>
      <c r="Q33363">
        <v>48</v>
      </c>
      <c r="R33363">
        <v>48</v>
      </c>
      <c r="S33363">
        <v>49</v>
      </c>
      <c r="T33363">
        <v>49</v>
      </c>
      <c r="U33363">
        <v>50</v>
      </c>
      <c r="V33363">
        <v>50</v>
      </c>
      <c r="W33363">
        <v>51</v>
      </c>
      <c r="X33363">
        <v>51</v>
      </c>
      <c r="Y33363">
        <v>51</v>
      </c>
      <c r="Z33363">
        <v>52</v>
      </c>
      <c r="AA33363">
        <v>52</v>
      </c>
      <c r="AB33363">
        <v>53</v>
      </c>
      <c r="AC33363">
        <v>53</v>
      </c>
      <c r="AD33363">
        <v>54</v>
      </c>
      <c r="AE33363">
        <v>54</v>
      </c>
      <c r="AF33363">
        <v>55</v>
      </c>
      <c r="AG33363">
        <v>55</v>
      </c>
      <c r="AH33363">
        <v>56</v>
      </c>
      <c r="AI33363">
        <v>57</v>
      </c>
      <c r="AJ33363">
        <v>57</v>
      </c>
      <c r="AK33363">
        <v>58</v>
      </c>
      <c r="AL33363">
        <v>58</v>
      </c>
      <c r="AM33363">
        <v>59</v>
      </c>
      <c r="AN33363">
        <v>60</v>
      </c>
      <c r="AO33363">
        <v>60</v>
      </c>
      <c r="AP33363">
        <v>61</v>
      </c>
      <c r="AQ33363">
        <v>62</v>
      </c>
    </row>
    <row r="33364" spans="1:43">
      <c r="A33364" t="s">
        <v>20667</v>
      </c>
      <c r="B33364" t="s">
        <v>20668</v>
      </c>
      <c r="C33364" t="s">
        <v>20657</v>
      </c>
      <c r="D33364" t="s">
        <v>20658</v>
      </c>
      <c r="E33364" t="s">
        <v>20641</v>
      </c>
      <c r="F33364" t="s">
        <v>20642</v>
      </c>
      <c r="G33364" t="s">
        <v>20255</v>
      </c>
      <c r="H33364" t="s">
        <v>20256</v>
      </c>
      <c r="I33364" s="2">
        <v>1</v>
      </c>
      <c r="J33364" s="2">
        <v>0</v>
      </c>
      <c r="K33364" s="2">
        <v>0</v>
      </c>
      <c r="L33364" t="s">
        <v>120</v>
      </c>
      <c r="M33364" t="s">
        <v>89</v>
      </c>
      <c r="N33364" t="s">
        <v>90</v>
      </c>
      <c r="O33364" t="s">
        <v>85</v>
      </c>
      <c r="P33364" t="s">
        <v>86</v>
      </c>
      <c r="Q33364">
        <v>48</v>
      </c>
      <c r="R33364">
        <v>49</v>
      </c>
      <c r="S33364">
        <v>50</v>
      </c>
      <c r="T33364">
        <v>52</v>
      </c>
      <c r="U33364">
        <v>53</v>
      </c>
      <c r="V33364">
        <v>54</v>
      </c>
      <c r="W33364">
        <v>55</v>
      </c>
      <c r="X33364">
        <v>57</v>
      </c>
      <c r="Y33364">
        <v>58</v>
      </c>
      <c r="Z33364">
        <v>59</v>
      </c>
      <c r="AA33364">
        <v>60</v>
      </c>
      <c r="AB33364">
        <v>61</v>
      </c>
      <c r="AC33364">
        <v>62</v>
      </c>
      <c r="AD33364">
        <v>64</v>
      </c>
      <c r="AE33364">
        <v>65</v>
      </c>
      <c r="AF33364">
        <v>65</v>
      </c>
      <c r="AG33364">
        <v>65</v>
      </c>
      <c r="AH33364">
        <v>66</v>
      </c>
      <c r="AI33364">
        <v>66</v>
      </c>
      <c r="AJ33364">
        <v>67</v>
      </c>
      <c r="AK33364">
        <v>67</v>
      </c>
      <c r="AL33364">
        <v>68</v>
      </c>
      <c r="AM33364">
        <v>69</v>
      </c>
      <c r="AN33364">
        <v>69</v>
      </c>
      <c r="AO33364">
        <v>70</v>
      </c>
      <c r="AP33364">
        <v>70</v>
      </c>
      <c r="AQ33364">
        <v>71</v>
      </c>
    </row>
    <row r="33365" spans="1:43">
      <c r="A33365" t="s">
        <v>20667</v>
      </c>
      <c r="B33365" t="s">
        <v>20668</v>
      </c>
      <c r="C33365" t="s">
        <v>20657</v>
      </c>
      <c r="D33365" t="s">
        <v>20658</v>
      </c>
      <c r="E33365" t="s">
        <v>20641</v>
      </c>
      <c r="F33365" t="s">
        <v>20642</v>
      </c>
      <c r="G33365" t="s">
        <v>20255</v>
      </c>
      <c r="H33365" t="s">
        <v>20256</v>
      </c>
      <c r="I33365" s="2">
        <v>1</v>
      </c>
      <c r="J33365" s="2">
        <v>0</v>
      </c>
      <c r="K33365" s="2">
        <v>0</v>
      </c>
      <c r="L33365" t="s">
        <v>120</v>
      </c>
      <c r="M33365" t="s">
        <v>83</v>
      </c>
      <c r="N33365" t="s">
        <v>91</v>
      </c>
      <c r="O33365" t="s">
        <v>85</v>
      </c>
      <c r="P33365" t="s">
        <v>86</v>
      </c>
      <c r="Q33365">
        <v>48</v>
      </c>
      <c r="R33365">
        <v>49</v>
      </c>
      <c r="S33365">
        <v>50</v>
      </c>
      <c r="T33365">
        <v>51</v>
      </c>
      <c r="U33365">
        <v>52</v>
      </c>
      <c r="V33365">
        <v>53</v>
      </c>
      <c r="W33365">
        <v>54</v>
      </c>
      <c r="X33365">
        <v>55</v>
      </c>
      <c r="Y33365">
        <v>56</v>
      </c>
      <c r="Z33365">
        <v>56</v>
      </c>
      <c r="AA33365">
        <v>57</v>
      </c>
      <c r="AB33365">
        <v>58</v>
      </c>
      <c r="AC33365">
        <v>59</v>
      </c>
      <c r="AD33365">
        <v>60</v>
      </c>
      <c r="AE33365">
        <v>61</v>
      </c>
      <c r="AF33365">
        <v>62</v>
      </c>
      <c r="AG33365">
        <v>63</v>
      </c>
      <c r="AH33365">
        <v>64</v>
      </c>
      <c r="AI33365">
        <v>65</v>
      </c>
      <c r="AJ33365">
        <v>66</v>
      </c>
      <c r="AK33365">
        <v>67</v>
      </c>
      <c r="AL33365">
        <v>68</v>
      </c>
      <c r="AM33365">
        <v>69</v>
      </c>
      <c r="AN33365">
        <v>69</v>
      </c>
      <c r="AO33365">
        <v>70</v>
      </c>
      <c r="AP33365">
        <v>70</v>
      </c>
      <c r="AQ33365">
        <v>71</v>
      </c>
    </row>
    <row r="33366" spans="1:43">
      <c r="A33366" t="s">
        <v>20669</v>
      </c>
      <c r="B33366" t="s">
        <v>20670</v>
      </c>
      <c r="C33366" t="s">
        <v>20671</v>
      </c>
      <c r="D33366" t="s">
        <v>20672</v>
      </c>
      <c r="E33366" t="s">
        <v>20641</v>
      </c>
      <c r="F33366" t="s">
        <v>20642</v>
      </c>
      <c r="G33366" t="s">
        <v>20255</v>
      </c>
      <c r="H33366" t="s">
        <v>20256</v>
      </c>
      <c r="I33366" s="2">
        <v>1</v>
      </c>
      <c r="J33366" s="2">
        <v>0</v>
      </c>
      <c r="K33366" s="2">
        <v>0</v>
      </c>
      <c r="L33366" t="s">
        <v>120</v>
      </c>
      <c r="M33366" t="s">
        <v>83</v>
      </c>
      <c r="N33366" t="s">
        <v>84</v>
      </c>
      <c r="O33366" t="s">
        <v>85</v>
      </c>
      <c r="P33366" t="s">
        <v>86</v>
      </c>
      <c r="Q33366">
        <v>46</v>
      </c>
      <c r="R33366">
        <v>47</v>
      </c>
      <c r="S33366">
        <v>48</v>
      </c>
      <c r="T33366">
        <v>49</v>
      </c>
      <c r="U33366">
        <v>50</v>
      </c>
      <c r="V33366">
        <v>51</v>
      </c>
      <c r="W33366">
        <v>52</v>
      </c>
      <c r="X33366">
        <v>52</v>
      </c>
      <c r="Y33366">
        <v>53</v>
      </c>
      <c r="Z33366">
        <v>54</v>
      </c>
      <c r="AA33366">
        <v>55</v>
      </c>
      <c r="AB33366">
        <v>56</v>
      </c>
      <c r="AC33366">
        <v>57</v>
      </c>
      <c r="AD33366">
        <v>58</v>
      </c>
      <c r="AE33366">
        <v>59</v>
      </c>
      <c r="AF33366">
        <v>60</v>
      </c>
      <c r="AG33366">
        <v>61</v>
      </c>
      <c r="AH33366">
        <v>62</v>
      </c>
      <c r="AI33366">
        <v>63</v>
      </c>
      <c r="AJ33366">
        <v>64</v>
      </c>
      <c r="AK33366">
        <v>65</v>
      </c>
      <c r="AL33366">
        <v>66</v>
      </c>
      <c r="AM33366">
        <v>66</v>
      </c>
      <c r="AN33366">
        <v>67</v>
      </c>
      <c r="AO33366">
        <v>68</v>
      </c>
      <c r="AP33366">
        <v>68</v>
      </c>
      <c r="AQ33366">
        <v>69</v>
      </c>
    </row>
    <row r="33367" spans="1:43">
      <c r="A33367" t="s">
        <v>20669</v>
      </c>
      <c r="B33367" t="s">
        <v>20670</v>
      </c>
      <c r="C33367" t="s">
        <v>20671</v>
      </c>
      <c r="D33367" t="s">
        <v>20672</v>
      </c>
      <c r="E33367" t="s">
        <v>20641</v>
      </c>
      <c r="F33367" t="s">
        <v>20642</v>
      </c>
      <c r="G33367" t="s">
        <v>20255</v>
      </c>
      <c r="H33367" t="s">
        <v>20256</v>
      </c>
      <c r="I33367" s="2">
        <v>1</v>
      </c>
      <c r="J33367" s="2">
        <v>0</v>
      </c>
      <c r="K33367" s="2">
        <v>0</v>
      </c>
      <c r="L33367" t="s">
        <v>120</v>
      </c>
      <c r="M33367" t="s">
        <v>87</v>
      </c>
      <c r="N33367" t="s">
        <v>88</v>
      </c>
      <c r="O33367" t="s">
        <v>85</v>
      </c>
      <c r="P33367" t="s">
        <v>86</v>
      </c>
      <c r="Q33367">
        <v>46</v>
      </c>
      <c r="R33367">
        <v>46</v>
      </c>
      <c r="S33367">
        <v>47</v>
      </c>
      <c r="T33367">
        <v>47</v>
      </c>
      <c r="U33367">
        <v>48</v>
      </c>
      <c r="V33367">
        <v>48</v>
      </c>
      <c r="W33367">
        <v>48</v>
      </c>
      <c r="X33367">
        <v>49</v>
      </c>
      <c r="Y33367">
        <v>49</v>
      </c>
      <c r="Z33367">
        <v>50</v>
      </c>
      <c r="AA33367">
        <v>50</v>
      </c>
      <c r="AB33367">
        <v>51</v>
      </c>
      <c r="AC33367">
        <v>51</v>
      </c>
      <c r="AD33367">
        <v>52</v>
      </c>
      <c r="AE33367">
        <v>52</v>
      </c>
      <c r="AF33367">
        <v>53</v>
      </c>
      <c r="AG33367">
        <v>53</v>
      </c>
      <c r="AH33367">
        <v>54</v>
      </c>
      <c r="AI33367">
        <v>55</v>
      </c>
      <c r="AJ33367">
        <v>55</v>
      </c>
      <c r="AK33367">
        <v>56</v>
      </c>
      <c r="AL33367">
        <v>56</v>
      </c>
      <c r="AM33367">
        <v>57</v>
      </c>
      <c r="AN33367">
        <v>58</v>
      </c>
      <c r="AO33367">
        <v>58</v>
      </c>
      <c r="AP33367">
        <v>59</v>
      </c>
      <c r="AQ33367">
        <v>60</v>
      </c>
    </row>
    <row r="33368" spans="1:43">
      <c r="A33368" t="s">
        <v>20669</v>
      </c>
      <c r="B33368" t="s">
        <v>20670</v>
      </c>
      <c r="C33368" t="s">
        <v>20671</v>
      </c>
      <c r="D33368" t="s">
        <v>20672</v>
      </c>
      <c r="E33368" t="s">
        <v>20641</v>
      </c>
      <c r="F33368" t="s">
        <v>20642</v>
      </c>
      <c r="G33368" t="s">
        <v>20255</v>
      </c>
      <c r="H33368" t="s">
        <v>20256</v>
      </c>
      <c r="I33368" s="2">
        <v>1</v>
      </c>
      <c r="J33368" s="2">
        <v>0</v>
      </c>
      <c r="K33368" s="2">
        <v>0</v>
      </c>
      <c r="L33368" t="s">
        <v>120</v>
      </c>
      <c r="M33368" t="s">
        <v>89</v>
      </c>
      <c r="N33368" t="s">
        <v>90</v>
      </c>
      <c r="O33368" t="s">
        <v>85</v>
      </c>
      <c r="P33368" t="s">
        <v>86</v>
      </c>
      <c r="Q33368">
        <v>46</v>
      </c>
      <c r="R33368">
        <v>47</v>
      </c>
      <c r="S33368">
        <v>48</v>
      </c>
      <c r="T33368">
        <v>50</v>
      </c>
      <c r="U33368">
        <v>51</v>
      </c>
      <c r="V33368">
        <v>52</v>
      </c>
      <c r="W33368">
        <v>53</v>
      </c>
      <c r="X33368">
        <v>54</v>
      </c>
      <c r="Y33368">
        <v>55</v>
      </c>
      <c r="Z33368">
        <v>56</v>
      </c>
      <c r="AA33368">
        <v>58</v>
      </c>
      <c r="AB33368">
        <v>59</v>
      </c>
      <c r="AC33368">
        <v>60</v>
      </c>
      <c r="AD33368">
        <v>61</v>
      </c>
      <c r="AE33368">
        <v>62</v>
      </c>
      <c r="AF33368">
        <v>63</v>
      </c>
      <c r="AG33368">
        <v>63</v>
      </c>
      <c r="AH33368">
        <v>64</v>
      </c>
      <c r="AI33368">
        <v>64</v>
      </c>
      <c r="AJ33368">
        <v>65</v>
      </c>
      <c r="AK33368">
        <v>65</v>
      </c>
      <c r="AL33368">
        <v>66</v>
      </c>
      <c r="AM33368">
        <v>67</v>
      </c>
      <c r="AN33368">
        <v>67</v>
      </c>
      <c r="AO33368">
        <v>68</v>
      </c>
      <c r="AP33368">
        <v>68</v>
      </c>
      <c r="AQ33368">
        <v>69</v>
      </c>
    </row>
    <row r="33369" spans="1:43">
      <c r="A33369" t="s">
        <v>20669</v>
      </c>
      <c r="B33369" t="s">
        <v>20670</v>
      </c>
      <c r="C33369" t="s">
        <v>20671</v>
      </c>
      <c r="D33369" t="s">
        <v>20672</v>
      </c>
      <c r="E33369" t="s">
        <v>20641</v>
      </c>
      <c r="F33369" t="s">
        <v>20642</v>
      </c>
      <c r="G33369" t="s">
        <v>20255</v>
      </c>
      <c r="H33369" t="s">
        <v>20256</v>
      </c>
      <c r="I33369" s="2">
        <v>1</v>
      </c>
      <c r="J33369" s="2">
        <v>0</v>
      </c>
      <c r="K33369" s="2">
        <v>0</v>
      </c>
      <c r="L33369" t="s">
        <v>120</v>
      </c>
      <c r="M33369" t="s">
        <v>83</v>
      </c>
      <c r="N33369" t="s">
        <v>91</v>
      </c>
      <c r="O33369" t="s">
        <v>85</v>
      </c>
      <c r="P33369" t="s">
        <v>86</v>
      </c>
      <c r="Q33369">
        <v>46</v>
      </c>
      <c r="R33369">
        <v>47</v>
      </c>
      <c r="S33369">
        <v>48</v>
      </c>
      <c r="T33369">
        <v>49</v>
      </c>
      <c r="U33369">
        <v>50</v>
      </c>
      <c r="V33369">
        <v>51</v>
      </c>
      <c r="W33369">
        <v>52</v>
      </c>
      <c r="X33369">
        <v>52</v>
      </c>
      <c r="Y33369">
        <v>53</v>
      </c>
      <c r="Z33369">
        <v>54</v>
      </c>
      <c r="AA33369">
        <v>55</v>
      </c>
      <c r="AB33369">
        <v>56</v>
      </c>
      <c r="AC33369">
        <v>57</v>
      </c>
      <c r="AD33369">
        <v>58</v>
      </c>
      <c r="AE33369">
        <v>59</v>
      </c>
      <c r="AF33369">
        <v>60</v>
      </c>
      <c r="AG33369">
        <v>61</v>
      </c>
      <c r="AH33369">
        <v>62</v>
      </c>
      <c r="AI33369">
        <v>63</v>
      </c>
      <c r="AJ33369">
        <v>64</v>
      </c>
      <c r="AK33369">
        <v>65</v>
      </c>
      <c r="AL33369">
        <v>66</v>
      </c>
      <c r="AM33369">
        <v>66</v>
      </c>
      <c r="AN33369">
        <v>67</v>
      </c>
      <c r="AO33369">
        <v>68</v>
      </c>
      <c r="AP33369">
        <v>68</v>
      </c>
      <c r="AQ33369">
        <v>69</v>
      </c>
    </row>
    <row r="33370" spans="1:43">
      <c r="A33370" t="s">
        <v>20673</v>
      </c>
      <c r="B33370" t="s">
        <v>20674</v>
      </c>
      <c r="C33370" t="s">
        <v>20671</v>
      </c>
      <c r="D33370" t="s">
        <v>20672</v>
      </c>
      <c r="E33370" t="s">
        <v>20641</v>
      </c>
      <c r="F33370" t="s">
        <v>20642</v>
      </c>
      <c r="G33370" t="s">
        <v>20255</v>
      </c>
      <c r="H33370" t="s">
        <v>20256</v>
      </c>
      <c r="I33370" s="2">
        <v>1</v>
      </c>
      <c r="J33370" s="2">
        <v>0</v>
      </c>
      <c r="K33370" s="2">
        <v>0</v>
      </c>
      <c r="L33370" t="s">
        <v>120</v>
      </c>
      <c r="M33370" t="s">
        <v>83</v>
      </c>
      <c r="N33370" t="s">
        <v>84</v>
      </c>
      <c r="O33370" t="s">
        <v>85</v>
      </c>
      <c r="P33370" t="s">
        <v>86</v>
      </c>
      <c r="Q33370">
        <v>45</v>
      </c>
      <c r="R33370">
        <v>46</v>
      </c>
      <c r="S33370">
        <v>47</v>
      </c>
      <c r="T33370">
        <v>48</v>
      </c>
      <c r="U33370">
        <v>49</v>
      </c>
      <c r="V33370">
        <v>50</v>
      </c>
      <c r="W33370">
        <v>50</v>
      </c>
      <c r="X33370">
        <v>51</v>
      </c>
      <c r="Y33370">
        <v>52</v>
      </c>
      <c r="Z33370">
        <v>53</v>
      </c>
      <c r="AA33370">
        <v>54</v>
      </c>
      <c r="AB33370">
        <v>55</v>
      </c>
      <c r="AC33370">
        <v>56</v>
      </c>
      <c r="AD33370">
        <v>57</v>
      </c>
      <c r="AE33370">
        <v>58</v>
      </c>
      <c r="AF33370">
        <v>59</v>
      </c>
      <c r="AG33370">
        <v>60</v>
      </c>
      <c r="AH33370">
        <v>61</v>
      </c>
      <c r="AI33370">
        <v>62</v>
      </c>
      <c r="AJ33370">
        <v>63</v>
      </c>
      <c r="AK33370">
        <v>64</v>
      </c>
      <c r="AL33370">
        <v>64</v>
      </c>
      <c r="AM33370">
        <v>65</v>
      </c>
      <c r="AN33370">
        <v>66</v>
      </c>
      <c r="AO33370">
        <v>66</v>
      </c>
      <c r="AP33370">
        <v>67</v>
      </c>
      <c r="AQ33370">
        <v>68</v>
      </c>
    </row>
    <row r="33371" spans="1:43">
      <c r="A33371" t="s">
        <v>20673</v>
      </c>
      <c r="B33371" t="s">
        <v>20674</v>
      </c>
      <c r="C33371" t="s">
        <v>20671</v>
      </c>
      <c r="D33371" t="s">
        <v>20672</v>
      </c>
      <c r="E33371" t="s">
        <v>20641</v>
      </c>
      <c r="F33371" t="s">
        <v>20642</v>
      </c>
      <c r="G33371" t="s">
        <v>20255</v>
      </c>
      <c r="H33371" t="s">
        <v>20256</v>
      </c>
      <c r="I33371" s="2">
        <v>1</v>
      </c>
      <c r="J33371" s="2">
        <v>0</v>
      </c>
      <c r="K33371" s="2">
        <v>0</v>
      </c>
      <c r="L33371" t="s">
        <v>120</v>
      </c>
      <c r="M33371" t="s">
        <v>87</v>
      </c>
      <c r="N33371" t="s">
        <v>88</v>
      </c>
      <c r="O33371" t="s">
        <v>85</v>
      </c>
      <c r="P33371" t="s">
        <v>86</v>
      </c>
      <c r="Q33371">
        <v>45</v>
      </c>
      <c r="R33371">
        <v>45</v>
      </c>
      <c r="S33371">
        <v>46</v>
      </c>
      <c r="T33371">
        <v>46</v>
      </c>
      <c r="U33371">
        <v>46</v>
      </c>
      <c r="V33371">
        <v>47</v>
      </c>
      <c r="W33371">
        <v>47</v>
      </c>
      <c r="X33371">
        <v>48</v>
      </c>
      <c r="Y33371">
        <v>48</v>
      </c>
      <c r="Z33371">
        <v>49</v>
      </c>
      <c r="AA33371">
        <v>49</v>
      </c>
      <c r="AB33371">
        <v>50</v>
      </c>
      <c r="AC33371">
        <v>50</v>
      </c>
      <c r="AD33371">
        <v>51</v>
      </c>
      <c r="AE33371">
        <v>51</v>
      </c>
      <c r="AF33371">
        <v>52</v>
      </c>
      <c r="AG33371">
        <v>52</v>
      </c>
      <c r="AH33371">
        <v>53</v>
      </c>
      <c r="AI33371">
        <v>53</v>
      </c>
      <c r="AJ33371">
        <v>54</v>
      </c>
      <c r="AK33371">
        <v>54</v>
      </c>
      <c r="AL33371">
        <v>55</v>
      </c>
      <c r="AM33371">
        <v>56</v>
      </c>
      <c r="AN33371">
        <v>56</v>
      </c>
      <c r="AO33371">
        <v>57</v>
      </c>
      <c r="AP33371">
        <v>58</v>
      </c>
      <c r="AQ33371">
        <v>58</v>
      </c>
    </row>
    <row r="33372" spans="1:43">
      <c r="A33372" t="s">
        <v>20673</v>
      </c>
      <c r="B33372" t="s">
        <v>20674</v>
      </c>
      <c r="C33372" t="s">
        <v>20671</v>
      </c>
      <c r="D33372" t="s">
        <v>20672</v>
      </c>
      <c r="E33372" t="s">
        <v>20641</v>
      </c>
      <c r="F33372" t="s">
        <v>20642</v>
      </c>
      <c r="G33372" t="s">
        <v>20255</v>
      </c>
      <c r="H33372" t="s">
        <v>20256</v>
      </c>
      <c r="I33372" s="2">
        <v>1</v>
      </c>
      <c r="J33372" s="2">
        <v>0</v>
      </c>
      <c r="K33372" s="2">
        <v>0</v>
      </c>
      <c r="L33372" t="s">
        <v>120</v>
      </c>
      <c r="M33372" t="s">
        <v>89</v>
      </c>
      <c r="N33372" t="s">
        <v>90</v>
      </c>
      <c r="O33372" t="s">
        <v>85</v>
      </c>
      <c r="P33372" t="s">
        <v>86</v>
      </c>
      <c r="Q33372">
        <v>45</v>
      </c>
      <c r="R33372">
        <v>46</v>
      </c>
      <c r="S33372">
        <v>47</v>
      </c>
      <c r="T33372">
        <v>48</v>
      </c>
      <c r="U33372">
        <v>50</v>
      </c>
      <c r="V33372">
        <v>51</v>
      </c>
      <c r="W33372">
        <v>52</v>
      </c>
      <c r="X33372">
        <v>53</v>
      </c>
      <c r="Y33372">
        <v>54</v>
      </c>
      <c r="Z33372">
        <v>55</v>
      </c>
      <c r="AA33372">
        <v>56</v>
      </c>
      <c r="AB33372">
        <v>57</v>
      </c>
      <c r="AC33372">
        <v>59</v>
      </c>
      <c r="AD33372">
        <v>60</v>
      </c>
      <c r="AE33372">
        <v>61</v>
      </c>
      <c r="AF33372">
        <v>61</v>
      </c>
      <c r="AG33372">
        <v>62</v>
      </c>
      <c r="AH33372">
        <v>62</v>
      </c>
      <c r="AI33372">
        <v>63</v>
      </c>
      <c r="AJ33372">
        <v>64</v>
      </c>
      <c r="AK33372">
        <v>64</v>
      </c>
      <c r="AL33372">
        <v>65</v>
      </c>
      <c r="AM33372">
        <v>65</v>
      </c>
      <c r="AN33372">
        <v>66</v>
      </c>
      <c r="AO33372">
        <v>67</v>
      </c>
      <c r="AP33372">
        <v>67</v>
      </c>
      <c r="AQ33372">
        <v>68</v>
      </c>
    </row>
    <row r="33373" spans="1:43">
      <c r="A33373" t="s">
        <v>20673</v>
      </c>
      <c r="B33373" t="s">
        <v>20674</v>
      </c>
      <c r="C33373" t="s">
        <v>20671</v>
      </c>
      <c r="D33373" t="s">
        <v>20672</v>
      </c>
      <c r="E33373" t="s">
        <v>20641</v>
      </c>
      <c r="F33373" t="s">
        <v>20642</v>
      </c>
      <c r="G33373" t="s">
        <v>20255</v>
      </c>
      <c r="H33373" t="s">
        <v>20256</v>
      </c>
      <c r="I33373" s="2">
        <v>1</v>
      </c>
      <c r="J33373" s="2">
        <v>0</v>
      </c>
      <c r="K33373" s="2">
        <v>0</v>
      </c>
      <c r="L33373" t="s">
        <v>120</v>
      </c>
      <c r="M33373" t="s">
        <v>83</v>
      </c>
      <c r="N33373" t="s">
        <v>91</v>
      </c>
      <c r="O33373" t="s">
        <v>85</v>
      </c>
      <c r="P33373" t="s">
        <v>86</v>
      </c>
      <c r="Q33373">
        <v>45</v>
      </c>
      <c r="R33373">
        <v>46</v>
      </c>
      <c r="S33373">
        <v>47</v>
      </c>
      <c r="T33373">
        <v>48</v>
      </c>
      <c r="U33373">
        <v>49</v>
      </c>
      <c r="V33373">
        <v>50</v>
      </c>
      <c r="W33373">
        <v>50</v>
      </c>
      <c r="X33373">
        <v>51</v>
      </c>
      <c r="Y33373">
        <v>52</v>
      </c>
      <c r="Z33373">
        <v>53</v>
      </c>
      <c r="AA33373">
        <v>54</v>
      </c>
      <c r="AB33373">
        <v>55</v>
      </c>
      <c r="AC33373">
        <v>56</v>
      </c>
      <c r="AD33373">
        <v>57</v>
      </c>
      <c r="AE33373">
        <v>58</v>
      </c>
      <c r="AF33373">
        <v>59</v>
      </c>
      <c r="AG33373">
        <v>60</v>
      </c>
      <c r="AH33373">
        <v>61</v>
      </c>
      <c r="AI33373">
        <v>62</v>
      </c>
      <c r="AJ33373">
        <v>63</v>
      </c>
      <c r="AK33373">
        <v>64</v>
      </c>
      <c r="AL33373">
        <v>64</v>
      </c>
      <c r="AM33373">
        <v>65</v>
      </c>
      <c r="AN33373">
        <v>66</v>
      </c>
      <c r="AO33373">
        <v>66</v>
      </c>
      <c r="AP33373">
        <v>67</v>
      </c>
      <c r="AQ33373">
        <v>68</v>
      </c>
    </row>
    <row r="33374" spans="1:43">
      <c r="A33374" t="s">
        <v>20675</v>
      </c>
      <c r="B33374" t="s">
        <v>20676</v>
      </c>
      <c r="C33374" t="s">
        <v>20671</v>
      </c>
      <c r="D33374" t="s">
        <v>20672</v>
      </c>
      <c r="E33374" t="s">
        <v>20641</v>
      </c>
      <c r="F33374" t="s">
        <v>20642</v>
      </c>
      <c r="G33374" t="s">
        <v>20255</v>
      </c>
      <c r="H33374" t="s">
        <v>20256</v>
      </c>
      <c r="I33374" s="2">
        <v>1</v>
      </c>
      <c r="J33374" s="2">
        <v>0</v>
      </c>
      <c r="K33374" s="2">
        <v>0</v>
      </c>
      <c r="L33374" t="s">
        <v>120</v>
      </c>
      <c r="M33374" t="s">
        <v>83</v>
      </c>
      <c r="N33374" t="s">
        <v>84</v>
      </c>
      <c r="O33374" t="s">
        <v>85</v>
      </c>
      <c r="P33374" t="s">
        <v>86</v>
      </c>
      <c r="Q33374">
        <v>191</v>
      </c>
      <c r="R33374">
        <v>195</v>
      </c>
      <c r="S33374">
        <v>199</v>
      </c>
      <c r="T33374">
        <v>203</v>
      </c>
      <c r="U33374">
        <v>206</v>
      </c>
      <c r="V33374">
        <v>210</v>
      </c>
      <c r="W33374">
        <v>214</v>
      </c>
      <c r="X33374">
        <v>217</v>
      </c>
      <c r="Y33374">
        <v>221</v>
      </c>
      <c r="Z33374">
        <v>225</v>
      </c>
      <c r="AA33374">
        <v>229</v>
      </c>
      <c r="AB33374">
        <v>232</v>
      </c>
      <c r="AC33374">
        <v>236</v>
      </c>
      <c r="AD33374">
        <v>240</v>
      </c>
      <c r="AE33374">
        <v>244</v>
      </c>
      <c r="AF33374">
        <v>248</v>
      </c>
      <c r="AG33374">
        <v>253</v>
      </c>
      <c r="AH33374">
        <v>257</v>
      </c>
      <c r="AI33374">
        <v>261</v>
      </c>
      <c r="AJ33374">
        <v>266</v>
      </c>
      <c r="AK33374">
        <v>270</v>
      </c>
      <c r="AL33374">
        <v>274</v>
      </c>
      <c r="AM33374">
        <v>276</v>
      </c>
      <c r="AN33374">
        <v>279</v>
      </c>
      <c r="AO33374">
        <v>282</v>
      </c>
      <c r="AP33374">
        <v>285</v>
      </c>
      <c r="AQ33374">
        <v>288</v>
      </c>
    </row>
    <row r="33375" spans="1:43">
      <c r="A33375" t="s">
        <v>20675</v>
      </c>
      <c r="B33375" t="s">
        <v>20676</v>
      </c>
      <c r="C33375" t="s">
        <v>20671</v>
      </c>
      <c r="D33375" t="s">
        <v>20672</v>
      </c>
      <c r="E33375" t="s">
        <v>20641</v>
      </c>
      <c r="F33375" t="s">
        <v>20642</v>
      </c>
      <c r="G33375" t="s">
        <v>20255</v>
      </c>
      <c r="H33375" t="s">
        <v>20256</v>
      </c>
      <c r="I33375" s="2">
        <v>1</v>
      </c>
      <c r="J33375" s="2">
        <v>0</v>
      </c>
      <c r="K33375" s="2">
        <v>0</v>
      </c>
      <c r="L33375" t="s">
        <v>120</v>
      </c>
      <c r="M33375" t="s">
        <v>87</v>
      </c>
      <c r="N33375" t="s">
        <v>88</v>
      </c>
      <c r="O33375" t="s">
        <v>85</v>
      </c>
      <c r="P33375" t="s">
        <v>86</v>
      </c>
      <c r="Q33375">
        <v>191</v>
      </c>
      <c r="R33375">
        <v>192</v>
      </c>
      <c r="S33375">
        <v>195</v>
      </c>
      <c r="T33375">
        <v>196</v>
      </c>
      <c r="U33375">
        <v>198</v>
      </c>
      <c r="V33375">
        <v>200</v>
      </c>
      <c r="W33375">
        <v>202</v>
      </c>
      <c r="X33375">
        <v>204</v>
      </c>
      <c r="Y33375">
        <v>205</v>
      </c>
      <c r="Z33375">
        <v>207</v>
      </c>
      <c r="AA33375">
        <v>209</v>
      </c>
      <c r="AB33375">
        <v>211</v>
      </c>
      <c r="AC33375">
        <v>213</v>
      </c>
      <c r="AD33375">
        <v>216</v>
      </c>
      <c r="AE33375">
        <v>218</v>
      </c>
      <c r="AF33375">
        <v>220</v>
      </c>
      <c r="AG33375">
        <v>222</v>
      </c>
      <c r="AH33375">
        <v>225</v>
      </c>
      <c r="AI33375">
        <v>227</v>
      </c>
      <c r="AJ33375">
        <v>230</v>
      </c>
      <c r="AK33375">
        <v>232</v>
      </c>
      <c r="AL33375">
        <v>235</v>
      </c>
      <c r="AM33375">
        <v>237</v>
      </c>
      <c r="AN33375">
        <v>240</v>
      </c>
      <c r="AO33375">
        <v>243</v>
      </c>
      <c r="AP33375">
        <v>246</v>
      </c>
      <c r="AQ33375">
        <v>249</v>
      </c>
    </row>
    <row r="33376" spans="1:43">
      <c r="A33376" t="s">
        <v>20675</v>
      </c>
      <c r="B33376" t="s">
        <v>20676</v>
      </c>
      <c r="C33376" t="s">
        <v>20671</v>
      </c>
      <c r="D33376" t="s">
        <v>20672</v>
      </c>
      <c r="E33376" t="s">
        <v>20641</v>
      </c>
      <c r="F33376" t="s">
        <v>20642</v>
      </c>
      <c r="G33376" t="s">
        <v>20255</v>
      </c>
      <c r="H33376" t="s">
        <v>20256</v>
      </c>
      <c r="I33376" s="2">
        <v>1</v>
      </c>
      <c r="J33376" s="2">
        <v>0</v>
      </c>
      <c r="K33376" s="2">
        <v>0</v>
      </c>
      <c r="L33376" t="s">
        <v>120</v>
      </c>
      <c r="M33376" t="s">
        <v>89</v>
      </c>
      <c r="N33376" t="s">
        <v>90</v>
      </c>
      <c r="O33376" t="s">
        <v>85</v>
      </c>
      <c r="P33376" t="s">
        <v>86</v>
      </c>
      <c r="Q33376">
        <v>191</v>
      </c>
      <c r="R33376">
        <v>197</v>
      </c>
      <c r="S33376">
        <v>202</v>
      </c>
      <c r="T33376">
        <v>207</v>
      </c>
      <c r="U33376">
        <v>212</v>
      </c>
      <c r="V33376">
        <v>217</v>
      </c>
      <c r="W33376">
        <v>222</v>
      </c>
      <c r="X33376">
        <v>227</v>
      </c>
      <c r="Y33376">
        <v>232</v>
      </c>
      <c r="Z33376">
        <v>236</v>
      </c>
      <c r="AA33376">
        <v>241</v>
      </c>
      <c r="AB33376">
        <v>246</v>
      </c>
      <c r="AC33376">
        <v>251</v>
      </c>
      <c r="AD33376">
        <v>256</v>
      </c>
      <c r="AE33376">
        <v>260</v>
      </c>
      <c r="AF33376">
        <v>262</v>
      </c>
      <c r="AG33376">
        <v>265</v>
      </c>
      <c r="AH33376">
        <v>267</v>
      </c>
      <c r="AI33376">
        <v>270</v>
      </c>
      <c r="AJ33376">
        <v>272</v>
      </c>
      <c r="AK33376">
        <v>275</v>
      </c>
      <c r="AL33376">
        <v>277</v>
      </c>
      <c r="AM33376">
        <v>280</v>
      </c>
      <c r="AN33376">
        <v>283</v>
      </c>
      <c r="AO33376">
        <v>285</v>
      </c>
      <c r="AP33376">
        <v>288</v>
      </c>
      <c r="AQ33376">
        <v>291</v>
      </c>
    </row>
    <row r="33377" spans="1:43">
      <c r="A33377" t="s">
        <v>20675</v>
      </c>
      <c r="B33377" t="s">
        <v>20676</v>
      </c>
      <c r="C33377" t="s">
        <v>20671</v>
      </c>
      <c r="D33377" t="s">
        <v>20672</v>
      </c>
      <c r="E33377" t="s">
        <v>20641</v>
      </c>
      <c r="F33377" t="s">
        <v>20642</v>
      </c>
      <c r="G33377" t="s">
        <v>20255</v>
      </c>
      <c r="H33377" t="s">
        <v>20256</v>
      </c>
      <c r="I33377" s="2">
        <v>1</v>
      </c>
      <c r="J33377" s="2">
        <v>0</v>
      </c>
      <c r="K33377" s="2">
        <v>0</v>
      </c>
      <c r="L33377" t="s">
        <v>120</v>
      </c>
      <c r="M33377" t="s">
        <v>83</v>
      </c>
      <c r="N33377" t="s">
        <v>91</v>
      </c>
      <c r="O33377" t="s">
        <v>85</v>
      </c>
      <c r="P33377" t="s">
        <v>86</v>
      </c>
      <c r="Q33377">
        <v>191</v>
      </c>
      <c r="R33377">
        <v>195</v>
      </c>
      <c r="S33377">
        <v>199</v>
      </c>
      <c r="T33377">
        <v>203</v>
      </c>
      <c r="U33377">
        <v>206</v>
      </c>
      <c r="V33377">
        <v>210</v>
      </c>
      <c r="W33377">
        <v>214</v>
      </c>
      <c r="X33377">
        <v>217</v>
      </c>
      <c r="Y33377">
        <v>221</v>
      </c>
      <c r="Z33377">
        <v>225</v>
      </c>
      <c r="AA33377">
        <v>229</v>
      </c>
      <c r="AB33377">
        <v>232</v>
      </c>
      <c r="AC33377">
        <v>236</v>
      </c>
      <c r="AD33377">
        <v>240</v>
      </c>
      <c r="AE33377">
        <v>244</v>
      </c>
      <c r="AF33377">
        <v>248</v>
      </c>
      <c r="AG33377">
        <v>253</v>
      </c>
      <c r="AH33377">
        <v>257</v>
      </c>
      <c r="AI33377">
        <v>261</v>
      </c>
      <c r="AJ33377">
        <v>266</v>
      </c>
      <c r="AK33377">
        <v>270</v>
      </c>
      <c r="AL33377">
        <v>274</v>
      </c>
      <c r="AM33377">
        <v>276</v>
      </c>
      <c r="AN33377">
        <v>279</v>
      </c>
      <c r="AO33377">
        <v>282</v>
      </c>
      <c r="AP33377">
        <v>285</v>
      </c>
      <c r="AQ33377">
        <v>288</v>
      </c>
    </row>
    <row r="33378" spans="1:43">
      <c r="A33378" t="s">
        <v>20677</v>
      </c>
      <c r="B33378" t="s">
        <v>20678</v>
      </c>
      <c r="C33378" t="s">
        <v>20671</v>
      </c>
      <c r="D33378" t="s">
        <v>20672</v>
      </c>
      <c r="E33378" t="s">
        <v>20641</v>
      </c>
      <c r="F33378" t="s">
        <v>20642</v>
      </c>
      <c r="G33378" t="s">
        <v>20255</v>
      </c>
      <c r="H33378" t="s">
        <v>20256</v>
      </c>
      <c r="I33378" s="2">
        <v>0.81</v>
      </c>
      <c r="J33378" s="2">
        <v>0</v>
      </c>
      <c r="K33378" s="2">
        <v>0</v>
      </c>
      <c r="L33378" t="s">
        <v>120</v>
      </c>
      <c r="M33378" t="s">
        <v>83</v>
      </c>
      <c r="N33378" t="s">
        <v>84</v>
      </c>
      <c r="O33378" t="s">
        <v>85</v>
      </c>
      <c r="P33378" t="s">
        <v>86</v>
      </c>
      <c r="Q33378">
        <v>52</v>
      </c>
      <c r="R33378">
        <v>53</v>
      </c>
      <c r="S33378">
        <v>54</v>
      </c>
      <c r="T33378">
        <v>55</v>
      </c>
      <c r="U33378">
        <v>56</v>
      </c>
      <c r="V33378">
        <v>57</v>
      </c>
      <c r="W33378">
        <v>58</v>
      </c>
      <c r="X33378">
        <v>59</v>
      </c>
      <c r="Y33378">
        <v>60</v>
      </c>
      <c r="Z33378">
        <v>61</v>
      </c>
      <c r="AA33378">
        <v>62</v>
      </c>
      <c r="AB33378">
        <v>63</v>
      </c>
      <c r="AC33378">
        <v>64</v>
      </c>
      <c r="AD33378">
        <v>65</v>
      </c>
      <c r="AE33378">
        <v>66</v>
      </c>
      <c r="AF33378">
        <v>67</v>
      </c>
      <c r="AG33378">
        <v>68</v>
      </c>
      <c r="AH33378">
        <v>70</v>
      </c>
      <c r="AI33378">
        <v>71</v>
      </c>
      <c r="AJ33378">
        <v>72</v>
      </c>
      <c r="AK33378">
        <v>73</v>
      </c>
      <c r="AL33378">
        <v>74</v>
      </c>
      <c r="AM33378">
        <v>75</v>
      </c>
      <c r="AN33378">
        <v>75</v>
      </c>
      <c r="AO33378">
        <v>76</v>
      </c>
      <c r="AP33378">
        <v>77</v>
      </c>
      <c r="AQ33378">
        <v>78</v>
      </c>
    </row>
    <row r="33379" spans="1:43">
      <c r="A33379" t="s">
        <v>20677</v>
      </c>
      <c r="B33379" t="s">
        <v>20678</v>
      </c>
      <c r="C33379" t="s">
        <v>20671</v>
      </c>
      <c r="D33379" t="s">
        <v>20672</v>
      </c>
      <c r="E33379" t="s">
        <v>20641</v>
      </c>
      <c r="F33379" t="s">
        <v>20642</v>
      </c>
      <c r="G33379" t="s">
        <v>20255</v>
      </c>
      <c r="H33379" t="s">
        <v>20256</v>
      </c>
      <c r="I33379" s="2">
        <v>0.81</v>
      </c>
      <c r="J33379" s="2">
        <v>0</v>
      </c>
      <c r="K33379" s="2">
        <v>0</v>
      </c>
      <c r="L33379" t="s">
        <v>120</v>
      </c>
      <c r="M33379" t="s">
        <v>87</v>
      </c>
      <c r="N33379" t="s">
        <v>88</v>
      </c>
      <c r="O33379" t="s">
        <v>85</v>
      </c>
      <c r="P33379" t="s">
        <v>86</v>
      </c>
      <c r="Q33379">
        <v>52</v>
      </c>
      <c r="R33379">
        <v>53</v>
      </c>
      <c r="S33379">
        <v>53</v>
      </c>
      <c r="T33379">
        <v>54</v>
      </c>
      <c r="U33379">
        <v>54</v>
      </c>
      <c r="V33379">
        <v>55</v>
      </c>
      <c r="W33379">
        <v>55</v>
      </c>
      <c r="X33379">
        <v>56</v>
      </c>
      <c r="Y33379">
        <v>56</v>
      </c>
      <c r="Z33379">
        <v>57</v>
      </c>
      <c r="AA33379">
        <v>57</v>
      </c>
      <c r="AB33379">
        <v>58</v>
      </c>
      <c r="AC33379">
        <v>58</v>
      </c>
      <c r="AD33379">
        <v>59</v>
      </c>
      <c r="AE33379">
        <v>60</v>
      </c>
      <c r="AF33379">
        <v>60</v>
      </c>
      <c r="AG33379">
        <v>61</v>
      </c>
      <c r="AH33379">
        <v>61</v>
      </c>
      <c r="AI33379">
        <v>62</v>
      </c>
      <c r="AJ33379">
        <v>63</v>
      </c>
      <c r="AK33379">
        <v>63</v>
      </c>
      <c r="AL33379">
        <v>64</v>
      </c>
      <c r="AM33379">
        <v>65</v>
      </c>
      <c r="AN33379">
        <v>66</v>
      </c>
      <c r="AO33379">
        <v>66</v>
      </c>
      <c r="AP33379">
        <v>67</v>
      </c>
      <c r="AQ33379">
        <v>68</v>
      </c>
    </row>
    <row r="33380" spans="1:43">
      <c r="A33380" t="s">
        <v>20677</v>
      </c>
      <c r="B33380" t="s">
        <v>20678</v>
      </c>
      <c r="C33380" t="s">
        <v>20671</v>
      </c>
      <c r="D33380" t="s">
        <v>20672</v>
      </c>
      <c r="E33380" t="s">
        <v>20641</v>
      </c>
      <c r="F33380" t="s">
        <v>20642</v>
      </c>
      <c r="G33380" t="s">
        <v>20255</v>
      </c>
      <c r="H33380" t="s">
        <v>20256</v>
      </c>
      <c r="I33380" s="2">
        <v>0.81</v>
      </c>
      <c r="J33380" s="2">
        <v>0</v>
      </c>
      <c r="K33380" s="2">
        <v>0</v>
      </c>
      <c r="L33380" t="s">
        <v>120</v>
      </c>
      <c r="M33380" t="s">
        <v>89</v>
      </c>
      <c r="N33380" t="s">
        <v>90</v>
      </c>
      <c r="O33380" t="s">
        <v>85</v>
      </c>
      <c r="P33380" t="s">
        <v>86</v>
      </c>
      <c r="Q33380">
        <v>52</v>
      </c>
      <c r="R33380">
        <v>54</v>
      </c>
      <c r="S33380">
        <v>55</v>
      </c>
      <c r="T33380">
        <v>57</v>
      </c>
      <c r="U33380">
        <v>58</v>
      </c>
      <c r="V33380">
        <v>59</v>
      </c>
      <c r="W33380">
        <v>61</v>
      </c>
      <c r="X33380">
        <v>62</v>
      </c>
      <c r="Y33380">
        <v>63</v>
      </c>
      <c r="Z33380">
        <v>64</v>
      </c>
      <c r="AA33380">
        <v>66</v>
      </c>
      <c r="AB33380">
        <v>67</v>
      </c>
      <c r="AC33380">
        <v>68</v>
      </c>
      <c r="AD33380">
        <v>70</v>
      </c>
      <c r="AE33380">
        <v>71</v>
      </c>
      <c r="AF33380">
        <v>72</v>
      </c>
      <c r="AG33380">
        <v>72</v>
      </c>
      <c r="AH33380">
        <v>73</v>
      </c>
      <c r="AI33380">
        <v>74</v>
      </c>
      <c r="AJ33380">
        <v>74</v>
      </c>
      <c r="AK33380">
        <v>75</v>
      </c>
      <c r="AL33380">
        <v>76</v>
      </c>
      <c r="AM33380">
        <v>76</v>
      </c>
      <c r="AN33380">
        <v>77</v>
      </c>
      <c r="AO33380">
        <v>78</v>
      </c>
      <c r="AP33380">
        <v>79</v>
      </c>
      <c r="AQ33380">
        <v>79</v>
      </c>
    </row>
    <row r="33381" spans="1:43">
      <c r="A33381" t="s">
        <v>20677</v>
      </c>
      <c r="B33381" t="s">
        <v>20678</v>
      </c>
      <c r="C33381" t="s">
        <v>20671</v>
      </c>
      <c r="D33381" t="s">
        <v>20672</v>
      </c>
      <c r="E33381" t="s">
        <v>20641</v>
      </c>
      <c r="F33381" t="s">
        <v>20642</v>
      </c>
      <c r="G33381" t="s">
        <v>20255</v>
      </c>
      <c r="H33381" t="s">
        <v>20256</v>
      </c>
      <c r="I33381" s="2">
        <v>0.81</v>
      </c>
      <c r="J33381" s="2">
        <v>0</v>
      </c>
      <c r="K33381" s="2">
        <v>0</v>
      </c>
      <c r="L33381" t="s">
        <v>120</v>
      </c>
      <c r="M33381" t="s">
        <v>83</v>
      </c>
      <c r="N33381" t="s">
        <v>91</v>
      </c>
      <c r="O33381" t="s">
        <v>85</v>
      </c>
      <c r="P33381" t="s">
        <v>86</v>
      </c>
      <c r="Q33381">
        <v>52</v>
      </c>
      <c r="R33381">
        <v>53</v>
      </c>
      <c r="S33381">
        <v>54</v>
      </c>
      <c r="T33381">
        <v>55</v>
      </c>
      <c r="U33381">
        <v>56</v>
      </c>
      <c r="V33381">
        <v>57</v>
      </c>
      <c r="W33381">
        <v>58</v>
      </c>
      <c r="X33381">
        <v>59</v>
      </c>
      <c r="Y33381">
        <v>60</v>
      </c>
      <c r="Z33381">
        <v>61</v>
      </c>
      <c r="AA33381">
        <v>62</v>
      </c>
      <c r="AB33381">
        <v>63</v>
      </c>
      <c r="AC33381">
        <v>64</v>
      </c>
      <c r="AD33381">
        <v>65</v>
      </c>
      <c r="AE33381">
        <v>66</v>
      </c>
      <c r="AF33381">
        <v>67</v>
      </c>
      <c r="AG33381">
        <v>68</v>
      </c>
      <c r="AH33381">
        <v>70</v>
      </c>
      <c r="AI33381">
        <v>71</v>
      </c>
      <c r="AJ33381">
        <v>72</v>
      </c>
      <c r="AK33381">
        <v>73</v>
      </c>
      <c r="AL33381">
        <v>74</v>
      </c>
      <c r="AM33381">
        <v>75</v>
      </c>
      <c r="AN33381">
        <v>75</v>
      </c>
      <c r="AO33381">
        <v>76</v>
      </c>
      <c r="AP33381">
        <v>77</v>
      </c>
      <c r="AQ33381">
        <v>78</v>
      </c>
    </row>
    <row r="33382" spans="1:43">
      <c r="A33382" t="s">
        <v>20679</v>
      </c>
      <c r="B33382" t="s">
        <v>20680</v>
      </c>
      <c r="C33382" t="s">
        <v>20681</v>
      </c>
      <c r="D33382" t="s">
        <v>20682</v>
      </c>
      <c r="E33382" t="s">
        <v>20641</v>
      </c>
      <c r="F33382" t="s">
        <v>20642</v>
      </c>
      <c r="G33382" t="s">
        <v>20255</v>
      </c>
      <c r="H33382" t="s">
        <v>20256</v>
      </c>
      <c r="I33382" s="2">
        <v>1</v>
      </c>
      <c r="J33382" s="2">
        <v>0</v>
      </c>
      <c r="K33382" s="2">
        <v>0</v>
      </c>
      <c r="L33382" t="s">
        <v>120</v>
      </c>
      <c r="M33382" t="s">
        <v>83</v>
      </c>
      <c r="N33382" t="s">
        <v>84</v>
      </c>
      <c r="O33382" t="s">
        <v>85</v>
      </c>
      <c r="P33382" t="s">
        <v>86</v>
      </c>
      <c r="Q33382">
        <v>22</v>
      </c>
      <c r="R33382">
        <v>22</v>
      </c>
      <c r="S33382">
        <v>23</v>
      </c>
      <c r="T33382">
        <v>23</v>
      </c>
      <c r="U33382">
        <v>24</v>
      </c>
      <c r="V33382">
        <v>24</v>
      </c>
      <c r="W33382">
        <v>25</v>
      </c>
      <c r="X33382">
        <v>25</v>
      </c>
      <c r="Y33382">
        <v>25</v>
      </c>
      <c r="Z33382">
        <v>26</v>
      </c>
      <c r="AA33382">
        <v>26</v>
      </c>
      <c r="AB33382">
        <v>27</v>
      </c>
      <c r="AC33382">
        <v>27</v>
      </c>
      <c r="AD33382">
        <v>28</v>
      </c>
      <c r="AE33382">
        <v>28</v>
      </c>
      <c r="AF33382">
        <v>29</v>
      </c>
      <c r="AG33382">
        <v>29</v>
      </c>
      <c r="AH33382">
        <v>30</v>
      </c>
      <c r="AI33382">
        <v>30</v>
      </c>
      <c r="AJ33382">
        <v>31</v>
      </c>
      <c r="AK33382">
        <v>31</v>
      </c>
      <c r="AL33382">
        <v>31</v>
      </c>
      <c r="AM33382">
        <v>32</v>
      </c>
      <c r="AN33382">
        <v>32</v>
      </c>
      <c r="AO33382">
        <v>32</v>
      </c>
      <c r="AP33382">
        <v>33</v>
      </c>
      <c r="AQ33382">
        <v>33</v>
      </c>
    </row>
    <row r="33383" spans="1:43">
      <c r="A33383" t="s">
        <v>20679</v>
      </c>
      <c r="B33383" t="s">
        <v>20680</v>
      </c>
      <c r="C33383" t="s">
        <v>20681</v>
      </c>
      <c r="D33383" t="s">
        <v>20682</v>
      </c>
      <c r="E33383" t="s">
        <v>20641</v>
      </c>
      <c r="F33383" t="s">
        <v>20642</v>
      </c>
      <c r="G33383" t="s">
        <v>20255</v>
      </c>
      <c r="H33383" t="s">
        <v>20256</v>
      </c>
      <c r="I33383" s="2">
        <v>1</v>
      </c>
      <c r="J33383" s="2">
        <v>0</v>
      </c>
      <c r="K33383" s="2">
        <v>0</v>
      </c>
      <c r="L33383" t="s">
        <v>120</v>
      </c>
      <c r="M33383" t="s">
        <v>87</v>
      </c>
      <c r="N33383" t="s">
        <v>88</v>
      </c>
      <c r="O33383" t="s">
        <v>85</v>
      </c>
      <c r="P33383" t="s">
        <v>86</v>
      </c>
      <c r="Q33383">
        <v>22</v>
      </c>
      <c r="R33383">
        <v>22</v>
      </c>
      <c r="S33383">
        <v>22</v>
      </c>
      <c r="T33383">
        <v>23</v>
      </c>
      <c r="U33383">
        <v>23</v>
      </c>
      <c r="V33383">
        <v>23</v>
      </c>
      <c r="W33383">
        <v>23</v>
      </c>
      <c r="X33383">
        <v>23</v>
      </c>
      <c r="Y33383">
        <v>24</v>
      </c>
      <c r="Z33383">
        <v>24</v>
      </c>
      <c r="AA33383">
        <v>24</v>
      </c>
      <c r="AB33383">
        <v>24</v>
      </c>
      <c r="AC33383">
        <v>24</v>
      </c>
      <c r="AD33383">
        <v>25</v>
      </c>
      <c r="AE33383">
        <v>25</v>
      </c>
      <c r="AF33383">
        <v>25</v>
      </c>
      <c r="AG33383">
        <v>26</v>
      </c>
      <c r="AH33383">
        <v>26</v>
      </c>
      <c r="AI33383">
        <v>26</v>
      </c>
      <c r="AJ33383">
        <v>26</v>
      </c>
      <c r="AK33383">
        <v>27</v>
      </c>
      <c r="AL33383">
        <v>27</v>
      </c>
      <c r="AM33383">
        <v>27</v>
      </c>
      <c r="AN33383">
        <v>28</v>
      </c>
      <c r="AO33383">
        <v>28</v>
      </c>
      <c r="AP33383">
        <v>28</v>
      </c>
      <c r="AQ33383">
        <v>29</v>
      </c>
    </row>
    <row r="33384" spans="1:43">
      <c r="A33384" t="s">
        <v>20679</v>
      </c>
      <c r="B33384" t="s">
        <v>20680</v>
      </c>
      <c r="C33384" t="s">
        <v>20681</v>
      </c>
      <c r="D33384" t="s">
        <v>20682</v>
      </c>
      <c r="E33384" t="s">
        <v>20641</v>
      </c>
      <c r="F33384" t="s">
        <v>20642</v>
      </c>
      <c r="G33384" t="s">
        <v>20255</v>
      </c>
      <c r="H33384" t="s">
        <v>20256</v>
      </c>
      <c r="I33384" s="2">
        <v>1</v>
      </c>
      <c r="J33384" s="2">
        <v>0</v>
      </c>
      <c r="K33384" s="2">
        <v>0</v>
      </c>
      <c r="L33384" t="s">
        <v>120</v>
      </c>
      <c r="M33384" t="s">
        <v>89</v>
      </c>
      <c r="N33384" t="s">
        <v>90</v>
      </c>
      <c r="O33384" t="s">
        <v>85</v>
      </c>
      <c r="P33384" t="s">
        <v>86</v>
      </c>
      <c r="Q33384">
        <v>22</v>
      </c>
      <c r="R33384">
        <v>23</v>
      </c>
      <c r="S33384">
        <v>24</v>
      </c>
      <c r="T33384">
        <v>24</v>
      </c>
      <c r="U33384">
        <v>25</v>
      </c>
      <c r="V33384">
        <v>25</v>
      </c>
      <c r="W33384">
        <v>26</v>
      </c>
      <c r="X33384">
        <v>26</v>
      </c>
      <c r="Y33384">
        <v>27</v>
      </c>
      <c r="Z33384">
        <v>27</v>
      </c>
      <c r="AA33384">
        <v>28</v>
      </c>
      <c r="AB33384">
        <v>29</v>
      </c>
      <c r="AC33384">
        <v>29</v>
      </c>
      <c r="AD33384">
        <v>30</v>
      </c>
      <c r="AE33384">
        <v>30</v>
      </c>
      <c r="AF33384">
        <v>30</v>
      </c>
      <c r="AG33384">
        <v>31</v>
      </c>
      <c r="AH33384">
        <v>31</v>
      </c>
      <c r="AI33384">
        <v>31</v>
      </c>
      <c r="AJ33384">
        <v>31</v>
      </c>
      <c r="AK33384">
        <v>32</v>
      </c>
      <c r="AL33384">
        <v>32</v>
      </c>
      <c r="AM33384">
        <v>32</v>
      </c>
      <c r="AN33384">
        <v>33</v>
      </c>
      <c r="AO33384">
        <v>33</v>
      </c>
      <c r="AP33384">
        <v>33</v>
      </c>
      <c r="AQ33384">
        <v>33</v>
      </c>
    </row>
    <row r="33385" spans="1:43">
      <c r="A33385" t="s">
        <v>20679</v>
      </c>
      <c r="B33385" t="s">
        <v>20680</v>
      </c>
      <c r="C33385" t="s">
        <v>20681</v>
      </c>
      <c r="D33385" t="s">
        <v>20682</v>
      </c>
      <c r="E33385" t="s">
        <v>20641</v>
      </c>
      <c r="F33385" t="s">
        <v>20642</v>
      </c>
      <c r="G33385" t="s">
        <v>20255</v>
      </c>
      <c r="H33385" t="s">
        <v>20256</v>
      </c>
      <c r="I33385" s="2">
        <v>1</v>
      </c>
      <c r="J33385" s="2">
        <v>0</v>
      </c>
      <c r="K33385" s="2">
        <v>0</v>
      </c>
      <c r="L33385" t="s">
        <v>120</v>
      </c>
      <c r="M33385" t="s">
        <v>83</v>
      </c>
      <c r="N33385" t="s">
        <v>91</v>
      </c>
      <c r="O33385" t="s">
        <v>85</v>
      </c>
      <c r="P33385" t="s">
        <v>86</v>
      </c>
      <c r="Q33385">
        <v>22</v>
      </c>
      <c r="R33385">
        <v>22</v>
      </c>
      <c r="S33385">
        <v>23</v>
      </c>
      <c r="T33385">
        <v>23</v>
      </c>
      <c r="U33385">
        <v>24</v>
      </c>
      <c r="V33385">
        <v>24</v>
      </c>
      <c r="W33385">
        <v>25</v>
      </c>
      <c r="X33385">
        <v>25</v>
      </c>
      <c r="Y33385">
        <v>25</v>
      </c>
      <c r="Z33385">
        <v>26</v>
      </c>
      <c r="AA33385">
        <v>26</v>
      </c>
      <c r="AB33385">
        <v>27</v>
      </c>
      <c r="AC33385">
        <v>27</v>
      </c>
      <c r="AD33385">
        <v>28</v>
      </c>
      <c r="AE33385">
        <v>28</v>
      </c>
      <c r="AF33385">
        <v>29</v>
      </c>
      <c r="AG33385">
        <v>29</v>
      </c>
      <c r="AH33385">
        <v>30</v>
      </c>
      <c r="AI33385">
        <v>30</v>
      </c>
      <c r="AJ33385">
        <v>31</v>
      </c>
      <c r="AK33385">
        <v>31</v>
      </c>
      <c r="AL33385">
        <v>31</v>
      </c>
      <c r="AM33385">
        <v>32</v>
      </c>
      <c r="AN33385">
        <v>32</v>
      </c>
      <c r="AO33385">
        <v>32</v>
      </c>
      <c r="AP33385">
        <v>33</v>
      </c>
      <c r="AQ33385">
        <v>33</v>
      </c>
    </row>
    <row r="33386" spans="1:43">
      <c r="A33386" t="s">
        <v>20683</v>
      </c>
      <c r="B33386" t="s">
        <v>20684</v>
      </c>
      <c r="C33386" t="s">
        <v>20685</v>
      </c>
      <c r="D33386" t="s">
        <v>20686</v>
      </c>
      <c r="E33386" t="s">
        <v>20641</v>
      </c>
      <c r="F33386" t="s">
        <v>20642</v>
      </c>
      <c r="G33386" t="s">
        <v>20255</v>
      </c>
      <c r="H33386" t="s">
        <v>20256</v>
      </c>
      <c r="I33386" s="2">
        <v>1</v>
      </c>
      <c r="J33386" s="2">
        <v>0</v>
      </c>
      <c r="K33386" s="2">
        <v>0</v>
      </c>
      <c r="L33386" t="s">
        <v>120</v>
      </c>
      <c r="M33386" t="s">
        <v>83</v>
      </c>
      <c r="N33386" t="s">
        <v>84</v>
      </c>
      <c r="O33386" t="s">
        <v>85</v>
      </c>
      <c r="P33386" t="s">
        <v>86</v>
      </c>
      <c r="Q33386">
        <v>19</v>
      </c>
      <c r="R33386">
        <v>19</v>
      </c>
      <c r="S33386">
        <v>19</v>
      </c>
      <c r="T33386">
        <v>20</v>
      </c>
      <c r="U33386">
        <v>20</v>
      </c>
      <c r="V33386">
        <v>20</v>
      </c>
      <c r="W33386">
        <v>21</v>
      </c>
      <c r="X33386">
        <v>21</v>
      </c>
      <c r="Y33386">
        <v>21</v>
      </c>
      <c r="Z33386">
        <v>22</v>
      </c>
      <c r="AA33386">
        <v>22</v>
      </c>
      <c r="AB33386">
        <v>23</v>
      </c>
      <c r="AC33386">
        <v>23</v>
      </c>
      <c r="AD33386">
        <v>23</v>
      </c>
      <c r="AE33386">
        <v>24</v>
      </c>
      <c r="AF33386">
        <v>24</v>
      </c>
      <c r="AG33386">
        <v>24</v>
      </c>
      <c r="AH33386">
        <v>25</v>
      </c>
      <c r="AI33386">
        <v>25</v>
      </c>
      <c r="AJ33386">
        <v>26</v>
      </c>
      <c r="AK33386">
        <v>26</v>
      </c>
      <c r="AL33386">
        <v>26</v>
      </c>
      <c r="AM33386">
        <v>27</v>
      </c>
      <c r="AN33386">
        <v>27</v>
      </c>
      <c r="AO33386">
        <v>27</v>
      </c>
      <c r="AP33386">
        <v>27</v>
      </c>
      <c r="AQ33386">
        <v>28</v>
      </c>
    </row>
    <row r="33387" spans="1:43">
      <c r="A33387" t="s">
        <v>20683</v>
      </c>
      <c r="B33387" t="s">
        <v>20684</v>
      </c>
      <c r="C33387" t="s">
        <v>20685</v>
      </c>
      <c r="D33387" t="s">
        <v>20686</v>
      </c>
      <c r="E33387" t="s">
        <v>20641</v>
      </c>
      <c r="F33387" t="s">
        <v>20642</v>
      </c>
      <c r="G33387" t="s">
        <v>20255</v>
      </c>
      <c r="H33387" t="s">
        <v>20256</v>
      </c>
      <c r="I33387" s="2">
        <v>1</v>
      </c>
      <c r="J33387" s="2">
        <v>0</v>
      </c>
      <c r="K33387" s="2">
        <v>0</v>
      </c>
      <c r="L33387" t="s">
        <v>120</v>
      </c>
      <c r="M33387" t="s">
        <v>87</v>
      </c>
      <c r="N33387" t="s">
        <v>88</v>
      </c>
      <c r="O33387" t="s">
        <v>85</v>
      </c>
      <c r="P33387" t="s">
        <v>86</v>
      </c>
      <c r="Q33387">
        <v>19</v>
      </c>
      <c r="R33387">
        <v>19</v>
      </c>
      <c r="S33387">
        <v>19</v>
      </c>
      <c r="T33387">
        <v>19</v>
      </c>
      <c r="U33387">
        <v>19</v>
      </c>
      <c r="V33387">
        <v>19</v>
      </c>
      <c r="W33387">
        <v>20</v>
      </c>
      <c r="X33387">
        <v>20</v>
      </c>
      <c r="Y33387">
        <v>20</v>
      </c>
      <c r="Z33387">
        <v>20</v>
      </c>
      <c r="AA33387">
        <v>20</v>
      </c>
      <c r="AB33387">
        <v>20</v>
      </c>
      <c r="AC33387">
        <v>21</v>
      </c>
      <c r="AD33387">
        <v>21</v>
      </c>
      <c r="AE33387">
        <v>21</v>
      </c>
      <c r="AF33387">
        <v>21</v>
      </c>
      <c r="AG33387">
        <v>21</v>
      </c>
      <c r="AH33387">
        <v>22</v>
      </c>
      <c r="AI33387">
        <v>22</v>
      </c>
      <c r="AJ33387">
        <v>22</v>
      </c>
      <c r="AK33387">
        <v>22</v>
      </c>
      <c r="AL33387">
        <v>23</v>
      </c>
      <c r="AM33387">
        <v>23</v>
      </c>
      <c r="AN33387">
        <v>23</v>
      </c>
      <c r="AO33387">
        <v>23</v>
      </c>
      <c r="AP33387">
        <v>24</v>
      </c>
      <c r="AQ33387">
        <v>24</v>
      </c>
    </row>
    <row r="33388" spans="1:43">
      <c r="A33388" t="s">
        <v>20683</v>
      </c>
      <c r="B33388" t="s">
        <v>20684</v>
      </c>
      <c r="C33388" t="s">
        <v>20685</v>
      </c>
      <c r="D33388" t="s">
        <v>20686</v>
      </c>
      <c r="E33388" t="s">
        <v>20641</v>
      </c>
      <c r="F33388" t="s">
        <v>20642</v>
      </c>
      <c r="G33388" t="s">
        <v>20255</v>
      </c>
      <c r="H33388" t="s">
        <v>20256</v>
      </c>
      <c r="I33388" s="2">
        <v>1</v>
      </c>
      <c r="J33388" s="2">
        <v>0</v>
      </c>
      <c r="K33388" s="2">
        <v>0</v>
      </c>
      <c r="L33388" t="s">
        <v>120</v>
      </c>
      <c r="M33388" t="s">
        <v>89</v>
      </c>
      <c r="N33388" t="s">
        <v>90</v>
      </c>
      <c r="O33388" t="s">
        <v>85</v>
      </c>
      <c r="P33388" t="s">
        <v>86</v>
      </c>
      <c r="Q33388">
        <v>19</v>
      </c>
      <c r="R33388">
        <v>19</v>
      </c>
      <c r="S33388">
        <v>20</v>
      </c>
      <c r="T33388">
        <v>20</v>
      </c>
      <c r="U33388">
        <v>21</v>
      </c>
      <c r="V33388">
        <v>21</v>
      </c>
      <c r="W33388">
        <v>22</v>
      </c>
      <c r="X33388">
        <v>22</v>
      </c>
      <c r="Y33388">
        <v>23</v>
      </c>
      <c r="Z33388">
        <v>23</v>
      </c>
      <c r="AA33388">
        <v>24</v>
      </c>
      <c r="AB33388">
        <v>24</v>
      </c>
      <c r="AC33388">
        <v>25</v>
      </c>
      <c r="AD33388">
        <v>25</v>
      </c>
      <c r="AE33388">
        <v>25</v>
      </c>
      <c r="AF33388">
        <v>26</v>
      </c>
      <c r="AG33388">
        <v>26</v>
      </c>
      <c r="AH33388">
        <v>26</v>
      </c>
      <c r="AI33388">
        <v>26</v>
      </c>
      <c r="AJ33388">
        <v>26</v>
      </c>
      <c r="AK33388">
        <v>27</v>
      </c>
      <c r="AL33388">
        <v>27</v>
      </c>
      <c r="AM33388">
        <v>27</v>
      </c>
      <c r="AN33388">
        <v>27</v>
      </c>
      <c r="AO33388">
        <v>27</v>
      </c>
      <c r="AP33388">
        <v>28</v>
      </c>
      <c r="AQ33388">
        <v>28</v>
      </c>
    </row>
    <row r="33389" spans="1:43">
      <c r="A33389" t="s">
        <v>20683</v>
      </c>
      <c r="B33389" t="s">
        <v>20684</v>
      </c>
      <c r="C33389" t="s">
        <v>20685</v>
      </c>
      <c r="D33389" t="s">
        <v>20686</v>
      </c>
      <c r="E33389" t="s">
        <v>20641</v>
      </c>
      <c r="F33389" t="s">
        <v>20642</v>
      </c>
      <c r="G33389" t="s">
        <v>20255</v>
      </c>
      <c r="H33389" t="s">
        <v>20256</v>
      </c>
      <c r="I33389" s="2">
        <v>1</v>
      </c>
      <c r="J33389" s="2">
        <v>0</v>
      </c>
      <c r="K33389" s="2">
        <v>0</v>
      </c>
      <c r="L33389" t="s">
        <v>120</v>
      </c>
      <c r="M33389" t="s">
        <v>83</v>
      </c>
      <c r="N33389" t="s">
        <v>91</v>
      </c>
      <c r="O33389" t="s">
        <v>85</v>
      </c>
      <c r="P33389" t="s">
        <v>86</v>
      </c>
      <c r="Q33389">
        <v>19</v>
      </c>
      <c r="R33389">
        <v>19</v>
      </c>
      <c r="S33389">
        <v>19</v>
      </c>
      <c r="T33389">
        <v>20</v>
      </c>
      <c r="U33389">
        <v>20</v>
      </c>
      <c r="V33389">
        <v>20</v>
      </c>
      <c r="W33389">
        <v>21</v>
      </c>
      <c r="X33389">
        <v>21</v>
      </c>
      <c r="Y33389">
        <v>21</v>
      </c>
      <c r="Z33389">
        <v>22</v>
      </c>
      <c r="AA33389">
        <v>22</v>
      </c>
      <c r="AB33389">
        <v>23</v>
      </c>
      <c r="AC33389">
        <v>23</v>
      </c>
      <c r="AD33389">
        <v>23</v>
      </c>
      <c r="AE33389">
        <v>24</v>
      </c>
      <c r="AF33389">
        <v>24</v>
      </c>
      <c r="AG33389">
        <v>24</v>
      </c>
      <c r="AH33389">
        <v>25</v>
      </c>
      <c r="AI33389">
        <v>25</v>
      </c>
      <c r="AJ33389">
        <v>26</v>
      </c>
      <c r="AK33389">
        <v>26</v>
      </c>
      <c r="AL33389">
        <v>26</v>
      </c>
      <c r="AM33389">
        <v>27</v>
      </c>
      <c r="AN33389">
        <v>27</v>
      </c>
      <c r="AO33389">
        <v>27</v>
      </c>
      <c r="AP33389">
        <v>27</v>
      </c>
      <c r="AQ33389">
        <v>28</v>
      </c>
    </row>
    <row r="33390" spans="1:43">
      <c r="A33390" t="s">
        <v>20687</v>
      </c>
      <c r="B33390" t="s">
        <v>20688</v>
      </c>
      <c r="C33390" t="s">
        <v>20689</v>
      </c>
      <c r="D33390" t="s">
        <v>20690</v>
      </c>
      <c r="E33390" t="s">
        <v>20641</v>
      </c>
      <c r="F33390" t="s">
        <v>20642</v>
      </c>
      <c r="G33390" t="s">
        <v>20255</v>
      </c>
      <c r="H33390" t="s">
        <v>20256</v>
      </c>
      <c r="I33390" s="2">
        <v>1</v>
      </c>
      <c r="J33390" s="2">
        <v>0</v>
      </c>
      <c r="K33390" s="2">
        <v>0</v>
      </c>
      <c r="L33390" t="s">
        <v>120</v>
      </c>
      <c r="M33390" t="s">
        <v>83</v>
      </c>
      <c r="N33390" t="s">
        <v>84</v>
      </c>
      <c r="O33390" t="s">
        <v>85</v>
      </c>
      <c r="P33390" t="s">
        <v>86</v>
      </c>
      <c r="Q33390">
        <v>11</v>
      </c>
      <c r="R33390">
        <v>11</v>
      </c>
      <c r="S33390">
        <v>11</v>
      </c>
      <c r="T33390">
        <v>12</v>
      </c>
      <c r="U33390">
        <v>12</v>
      </c>
      <c r="V33390">
        <v>12</v>
      </c>
      <c r="W33390">
        <v>12</v>
      </c>
      <c r="X33390">
        <v>12</v>
      </c>
      <c r="Y33390">
        <v>13</v>
      </c>
      <c r="Z33390">
        <v>13</v>
      </c>
      <c r="AA33390">
        <v>13</v>
      </c>
      <c r="AB33390">
        <v>13</v>
      </c>
      <c r="AC33390">
        <v>13</v>
      </c>
      <c r="AD33390">
        <v>14</v>
      </c>
      <c r="AE33390">
        <v>14</v>
      </c>
      <c r="AF33390">
        <v>14</v>
      </c>
      <c r="AG33390">
        <v>14</v>
      </c>
      <c r="AH33390">
        <v>14</v>
      </c>
      <c r="AI33390">
        <v>15</v>
      </c>
      <c r="AJ33390">
        <v>15</v>
      </c>
      <c r="AK33390">
        <v>15</v>
      </c>
      <c r="AL33390">
        <v>15</v>
      </c>
      <c r="AM33390">
        <v>16</v>
      </c>
      <c r="AN33390">
        <v>16</v>
      </c>
      <c r="AO33390">
        <v>16</v>
      </c>
      <c r="AP33390">
        <v>16</v>
      </c>
      <c r="AQ33390">
        <v>16</v>
      </c>
    </row>
    <row r="33391" spans="1:43">
      <c r="A33391" t="s">
        <v>20687</v>
      </c>
      <c r="B33391" t="s">
        <v>20688</v>
      </c>
      <c r="C33391" t="s">
        <v>20689</v>
      </c>
      <c r="D33391" t="s">
        <v>20690</v>
      </c>
      <c r="E33391" t="s">
        <v>20641</v>
      </c>
      <c r="F33391" t="s">
        <v>20642</v>
      </c>
      <c r="G33391" t="s">
        <v>20255</v>
      </c>
      <c r="H33391" t="s">
        <v>20256</v>
      </c>
      <c r="I33391" s="2">
        <v>1</v>
      </c>
      <c r="J33391" s="2">
        <v>0</v>
      </c>
      <c r="K33391" s="2">
        <v>0</v>
      </c>
      <c r="L33391" t="s">
        <v>120</v>
      </c>
      <c r="M33391" t="s">
        <v>87</v>
      </c>
      <c r="N33391" t="s">
        <v>88</v>
      </c>
      <c r="O33391" t="s">
        <v>85</v>
      </c>
      <c r="P33391" t="s">
        <v>86</v>
      </c>
      <c r="Q33391">
        <v>11</v>
      </c>
      <c r="R33391">
        <v>11</v>
      </c>
      <c r="S33391">
        <v>11</v>
      </c>
      <c r="T33391">
        <v>11</v>
      </c>
      <c r="U33391">
        <v>11</v>
      </c>
      <c r="V33391">
        <v>11</v>
      </c>
      <c r="W33391">
        <v>11</v>
      </c>
      <c r="X33391">
        <v>11</v>
      </c>
      <c r="Y33391">
        <v>12</v>
      </c>
      <c r="Z33391">
        <v>12</v>
      </c>
      <c r="AA33391">
        <v>12</v>
      </c>
      <c r="AB33391">
        <v>12</v>
      </c>
      <c r="AC33391">
        <v>12</v>
      </c>
      <c r="AD33391">
        <v>12</v>
      </c>
      <c r="AE33391">
        <v>12</v>
      </c>
      <c r="AF33391">
        <v>12</v>
      </c>
      <c r="AG33391">
        <v>12</v>
      </c>
      <c r="AH33391">
        <v>13</v>
      </c>
      <c r="AI33391">
        <v>13</v>
      </c>
      <c r="AJ33391">
        <v>13</v>
      </c>
      <c r="AK33391">
        <v>13</v>
      </c>
      <c r="AL33391">
        <v>13</v>
      </c>
      <c r="AM33391">
        <v>13</v>
      </c>
      <c r="AN33391">
        <v>13</v>
      </c>
      <c r="AO33391">
        <v>14</v>
      </c>
      <c r="AP33391">
        <v>14</v>
      </c>
      <c r="AQ33391">
        <v>14</v>
      </c>
    </row>
    <row r="33392" spans="1:43">
      <c r="A33392" t="s">
        <v>20687</v>
      </c>
      <c r="B33392" t="s">
        <v>20688</v>
      </c>
      <c r="C33392" t="s">
        <v>20689</v>
      </c>
      <c r="D33392" t="s">
        <v>20690</v>
      </c>
      <c r="E33392" t="s">
        <v>20641</v>
      </c>
      <c r="F33392" t="s">
        <v>20642</v>
      </c>
      <c r="G33392" t="s">
        <v>20255</v>
      </c>
      <c r="H33392" t="s">
        <v>20256</v>
      </c>
      <c r="I33392" s="2">
        <v>1</v>
      </c>
      <c r="J33392" s="2">
        <v>0</v>
      </c>
      <c r="K33392" s="2">
        <v>0</v>
      </c>
      <c r="L33392" t="s">
        <v>120</v>
      </c>
      <c r="M33392" t="s">
        <v>89</v>
      </c>
      <c r="N33392" t="s">
        <v>90</v>
      </c>
      <c r="O33392" t="s">
        <v>85</v>
      </c>
      <c r="P33392" t="s">
        <v>86</v>
      </c>
      <c r="Q33392">
        <v>11</v>
      </c>
      <c r="R33392">
        <v>11</v>
      </c>
      <c r="S33392">
        <v>12</v>
      </c>
      <c r="T33392">
        <v>12</v>
      </c>
      <c r="U33392">
        <v>12</v>
      </c>
      <c r="V33392">
        <v>12</v>
      </c>
      <c r="W33392">
        <v>13</v>
      </c>
      <c r="X33392">
        <v>13</v>
      </c>
      <c r="Y33392">
        <v>13</v>
      </c>
      <c r="Z33392">
        <v>13</v>
      </c>
      <c r="AA33392">
        <v>14</v>
      </c>
      <c r="AB33392">
        <v>14</v>
      </c>
      <c r="AC33392">
        <v>14</v>
      </c>
      <c r="AD33392">
        <v>15</v>
      </c>
      <c r="AE33392">
        <v>15</v>
      </c>
      <c r="AF33392">
        <v>15</v>
      </c>
      <c r="AG33392">
        <v>15</v>
      </c>
      <c r="AH33392">
        <v>15</v>
      </c>
      <c r="AI33392">
        <v>15</v>
      </c>
      <c r="AJ33392">
        <v>15</v>
      </c>
      <c r="AK33392">
        <v>15</v>
      </c>
      <c r="AL33392">
        <v>16</v>
      </c>
      <c r="AM33392">
        <v>16</v>
      </c>
      <c r="AN33392">
        <v>16</v>
      </c>
      <c r="AO33392">
        <v>16</v>
      </c>
      <c r="AP33392">
        <v>16</v>
      </c>
      <c r="AQ33392">
        <v>16</v>
      </c>
    </row>
    <row r="33393" spans="1:43">
      <c r="A33393" t="s">
        <v>20687</v>
      </c>
      <c r="B33393" t="s">
        <v>20688</v>
      </c>
      <c r="C33393" t="s">
        <v>20689</v>
      </c>
      <c r="D33393" t="s">
        <v>20690</v>
      </c>
      <c r="E33393" t="s">
        <v>20641</v>
      </c>
      <c r="F33393" t="s">
        <v>20642</v>
      </c>
      <c r="G33393" t="s">
        <v>20255</v>
      </c>
      <c r="H33393" t="s">
        <v>20256</v>
      </c>
      <c r="I33393" s="2">
        <v>1</v>
      </c>
      <c r="J33393" s="2">
        <v>0</v>
      </c>
      <c r="K33393" s="2">
        <v>0</v>
      </c>
      <c r="L33393" t="s">
        <v>120</v>
      </c>
      <c r="M33393" t="s">
        <v>83</v>
      </c>
      <c r="N33393" t="s">
        <v>91</v>
      </c>
      <c r="O33393" t="s">
        <v>85</v>
      </c>
      <c r="P33393" t="s">
        <v>86</v>
      </c>
      <c r="Q33393">
        <v>11</v>
      </c>
      <c r="R33393">
        <v>11</v>
      </c>
      <c r="S33393">
        <v>11</v>
      </c>
      <c r="T33393">
        <v>12</v>
      </c>
      <c r="U33393">
        <v>12</v>
      </c>
      <c r="V33393">
        <v>12</v>
      </c>
      <c r="W33393">
        <v>12</v>
      </c>
      <c r="X33393">
        <v>12</v>
      </c>
      <c r="Y33393">
        <v>13</v>
      </c>
      <c r="Z33393">
        <v>13</v>
      </c>
      <c r="AA33393">
        <v>13</v>
      </c>
      <c r="AB33393">
        <v>13</v>
      </c>
      <c r="AC33393">
        <v>13</v>
      </c>
      <c r="AD33393">
        <v>14</v>
      </c>
      <c r="AE33393">
        <v>14</v>
      </c>
      <c r="AF33393">
        <v>14</v>
      </c>
      <c r="AG33393">
        <v>14</v>
      </c>
      <c r="AH33393">
        <v>14</v>
      </c>
      <c r="AI33393">
        <v>15</v>
      </c>
      <c r="AJ33393">
        <v>15</v>
      </c>
      <c r="AK33393">
        <v>15</v>
      </c>
      <c r="AL33393">
        <v>15</v>
      </c>
      <c r="AM33393">
        <v>16</v>
      </c>
      <c r="AN33393">
        <v>16</v>
      </c>
      <c r="AO33393">
        <v>16</v>
      </c>
      <c r="AP33393">
        <v>16</v>
      </c>
      <c r="AQ33393">
        <v>16</v>
      </c>
    </row>
    <row r="33394" spans="1:43">
      <c r="A33394" t="s">
        <v>20691</v>
      </c>
      <c r="B33394" t="s">
        <v>20692</v>
      </c>
      <c r="C33394" t="s">
        <v>20689</v>
      </c>
      <c r="D33394" t="s">
        <v>20690</v>
      </c>
      <c r="E33394" t="s">
        <v>20641</v>
      </c>
      <c r="F33394" t="s">
        <v>20642</v>
      </c>
      <c r="G33394" t="s">
        <v>20255</v>
      </c>
      <c r="H33394" t="s">
        <v>20256</v>
      </c>
      <c r="I33394" s="2">
        <v>1</v>
      </c>
      <c r="J33394" s="2">
        <v>0</v>
      </c>
      <c r="K33394" s="2">
        <v>0</v>
      </c>
      <c r="L33394" t="s">
        <v>120</v>
      </c>
      <c r="M33394" t="s">
        <v>83</v>
      </c>
      <c r="N33394" t="s">
        <v>84</v>
      </c>
      <c r="O33394" t="s">
        <v>85</v>
      </c>
      <c r="P33394" t="s">
        <v>86</v>
      </c>
      <c r="Q33394">
        <v>4</v>
      </c>
      <c r="R33394">
        <v>4</v>
      </c>
      <c r="S33394">
        <v>4</v>
      </c>
      <c r="T33394">
        <v>4</v>
      </c>
      <c r="U33394">
        <v>4</v>
      </c>
      <c r="V33394">
        <v>4</v>
      </c>
      <c r="W33394">
        <v>4</v>
      </c>
      <c r="X33394">
        <v>4</v>
      </c>
      <c r="Y33394">
        <v>4</v>
      </c>
      <c r="Z33394">
        <v>5</v>
      </c>
      <c r="AA33394">
        <v>5</v>
      </c>
      <c r="AB33394">
        <v>5</v>
      </c>
      <c r="AC33394">
        <v>5</v>
      </c>
      <c r="AD33394">
        <v>5</v>
      </c>
      <c r="AE33394">
        <v>5</v>
      </c>
      <c r="AF33394">
        <v>5</v>
      </c>
      <c r="AG33394">
        <v>5</v>
      </c>
      <c r="AH33394">
        <v>5</v>
      </c>
      <c r="AI33394">
        <v>5</v>
      </c>
      <c r="AJ33394">
        <v>5</v>
      </c>
      <c r="AK33394">
        <v>5</v>
      </c>
      <c r="AL33394">
        <v>5</v>
      </c>
      <c r="AM33394">
        <v>5</v>
      </c>
      <c r="AN33394">
        <v>6</v>
      </c>
      <c r="AO33394">
        <v>6</v>
      </c>
      <c r="AP33394">
        <v>6</v>
      </c>
      <c r="AQ33394">
        <v>6</v>
      </c>
    </row>
    <row r="33395" spans="1:43">
      <c r="A33395" t="s">
        <v>20691</v>
      </c>
      <c r="B33395" t="s">
        <v>20692</v>
      </c>
      <c r="C33395" t="s">
        <v>20689</v>
      </c>
      <c r="D33395" t="s">
        <v>20690</v>
      </c>
      <c r="E33395" t="s">
        <v>20641</v>
      </c>
      <c r="F33395" t="s">
        <v>20642</v>
      </c>
      <c r="G33395" t="s">
        <v>20255</v>
      </c>
      <c r="H33395" t="s">
        <v>20256</v>
      </c>
      <c r="I33395" s="2">
        <v>1</v>
      </c>
      <c r="J33395" s="2">
        <v>0</v>
      </c>
      <c r="K33395" s="2">
        <v>0</v>
      </c>
      <c r="L33395" t="s">
        <v>120</v>
      </c>
      <c r="M33395" t="s">
        <v>87</v>
      </c>
      <c r="N33395" t="s">
        <v>88</v>
      </c>
      <c r="O33395" t="s">
        <v>85</v>
      </c>
      <c r="P33395" t="s">
        <v>86</v>
      </c>
      <c r="Q33395">
        <v>4</v>
      </c>
      <c r="R33395">
        <v>4</v>
      </c>
      <c r="S33395">
        <v>4</v>
      </c>
      <c r="T33395">
        <v>4</v>
      </c>
      <c r="U33395">
        <v>4</v>
      </c>
      <c r="V33395">
        <v>4</v>
      </c>
      <c r="W33395">
        <v>4</v>
      </c>
      <c r="X33395">
        <v>4</v>
      </c>
      <c r="Y33395">
        <v>4</v>
      </c>
      <c r="Z33395">
        <v>4</v>
      </c>
      <c r="AA33395">
        <v>4</v>
      </c>
      <c r="AB33395">
        <v>4</v>
      </c>
      <c r="AC33395">
        <v>4</v>
      </c>
      <c r="AD33395">
        <v>4</v>
      </c>
      <c r="AE33395">
        <v>4</v>
      </c>
      <c r="AF33395">
        <v>4</v>
      </c>
      <c r="AG33395">
        <v>4</v>
      </c>
      <c r="AH33395">
        <v>5</v>
      </c>
      <c r="AI33395">
        <v>5</v>
      </c>
      <c r="AJ33395">
        <v>5</v>
      </c>
      <c r="AK33395">
        <v>5</v>
      </c>
      <c r="AL33395">
        <v>5</v>
      </c>
      <c r="AM33395">
        <v>5</v>
      </c>
      <c r="AN33395">
        <v>5</v>
      </c>
      <c r="AO33395">
        <v>5</v>
      </c>
      <c r="AP33395">
        <v>5</v>
      </c>
      <c r="AQ33395">
        <v>5</v>
      </c>
    </row>
    <row r="33396" spans="1:43">
      <c r="A33396" t="s">
        <v>20691</v>
      </c>
      <c r="B33396" t="s">
        <v>20692</v>
      </c>
      <c r="C33396" t="s">
        <v>20689</v>
      </c>
      <c r="D33396" t="s">
        <v>20690</v>
      </c>
      <c r="E33396" t="s">
        <v>20641</v>
      </c>
      <c r="F33396" t="s">
        <v>20642</v>
      </c>
      <c r="G33396" t="s">
        <v>20255</v>
      </c>
      <c r="H33396" t="s">
        <v>20256</v>
      </c>
      <c r="I33396" s="2">
        <v>1</v>
      </c>
      <c r="J33396" s="2">
        <v>0</v>
      </c>
      <c r="K33396" s="2">
        <v>0</v>
      </c>
      <c r="L33396" t="s">
        <v>120</v>
      </c>
      <c r="M33396" t="s">
        <v>89</v>
      </c>
      <c r="N33396" t="s">
        <v>90</v>
      </c>
      <c r="O33396" t="s">
        <v>85</v>
      </c>
      <c r="P33396" t="s">
        <v>86</v>
      </c>
      <c r="Q33396">
        <v>4</v>
      </c>
      <c r="R33396">
        <v>4</v>
      </c>
      <c r="S33396">
        <v>4</v>
      </c>
      <c r="T33396">
        <v>4</v>
      </c>
      <c r="U33396">
        <v>4</v>
      </c>
      <c r="V33396">
        <v>4</v>
      </c>
      <c r="W33396">
        <v>5</v>
      </c>
      <c r="X33396">
        <v>5</v>
      </c>
      <c r="Y33396">
        <v>5</v>
      </c>
      <c r="Z33396">
        <v>5</v>
      </c>
      <c r="AA33396">
        <v>5</v>
      </c>
      <c r="AB33396">
        <v>5</v>
      </c>
      <c r="AC33396">
        <v>5</v>
      </c>
      <c r="AD33396">
        <v>5</v>
      </c>
      <c r="AE33396">
        <v>5</v>
      </c>
      <c r="AF33396">
        <v>5</v>
      </c>
      <c r="AG33396">
        <v>5</v>
      </c>
      <c r="AH33396">
        <v>5</v>
      </c>
      <c r="AI33396">
        <v>5</v>
      </c>
      <c r="AJ33396">
        <v>5</v>
      </c>
      <c r="AK33396">
        <v>5</v>
      </c>
      <c r="AL33396">
        <v>5</v>
      </c>
      <c r="AM33396">
        <v>6</v>
      </c>
      <c r="AN33396">
        <v>6</v>
      </c>
      <c r="AO33396">
        <v>6</v>
      </c>
      <c r="AP33396">
        <v>6</v>
      </c>
      <c r="AQ33396">
        <v>6</v>
      </c>
    </row>
    <row r="33397" spans="1:43">
      <c r="A33397" t="s">
        <v>20691</v>
      </c>
      <c r="B33397" t="s">
        <v>20692</v>
      </c>
      <c r="C33397" t="s">
        <v>20689</v>
      </c>
      <c r="D33397" t="s">
        <v>20690</v>
      </c>
      <c r="E33397" t="s">
        <v>20641</v>
      </c>
      <c r="F33397" t="s">
        <v>20642</v>
      </c>
      <c r="G33397" t="s">
        <v>20255</v>
      </c>
      <c r="H33397" t="s">
        <v>20256</v>
      </c>
      <c r="I33397" s="2">
        <v>1</v>
      </c>
      <c r="J33397" s="2">
        <v>0</v>
      </c>
      <c r="K33397" s="2">
        <v>0</v>
      </c>
      <c r="L33397" t="s">
        <v>120</v>
      </c>
      <c r="M33397" t="s">
        <v>83</v>
      </c>
      <c r="N33397" t="s">
        <v>91</v>
      </c>
      <c r="O33397" t="s">
        <v>85</v>
      </c>
      <c r="P33397" t="s">
        <v>86</v>
      </c>
      <c r="Q33397">
        <v>4</v>
      </c>
      <c r="R33397">
        <v>4</v>
      </c>
      <c r="S33397">
        <v>4</v>
      </c>
      <c r="T33397">
        <v>4</v>
      </c>
      <c r="U33397">
        <v>4</v>
      </c>
      <c r="V33397">
        <v>4</v>
      </c>
      <c r="W33397">
        <v>4</v>
      </c>
      <c r="X33397">
        <v>4</v>
      </c>
      <c r="Y33397">
        <v>4</v>
      </c>
      <c r="Z33397">
        <v>5</v>
      </c>
      <c r="AA33397">
        <v>5</v>
      </c>
      <c r="AB33397">
        <v>5</v>
      </c>
      <c r="AC33397">
        <v>5</v>
      </c>
      <c r="AD33397">
        <v>5</v>
      </c>
      <c r="AE33397">
        <v>5</v>
      </c>
      <c r="AF33397">
        <v>5</v>
      </c>
      <c r="AG33397">
        <v>5</v>
      </c>
      <c r="AH33397">
        <v>5</v>
      </c>
      <c r="AI33397">
        <v>5</v>
      </c>
      <c r="AJ33397">
        <v>5</v>
      </c>
      <c r="AK33397">
        <v>5</v>
      </c>
      <c r="AL33397">
        <v>5</v>
      </c>
      <c r="AM33397">
        <v>5</v>
      </c>
      <c r="AN33397">
        <v>6</v>
      </c>
      <c r="AO33397">
        <v>6</v>
      </c>
      <c r="AP33397">
        <v>6</v>
      </c>
      <c r="AQ33397">
        <v>6</v>
      </c>
    </row>
    <row r="33398" spans="1:43">
      <c r="A33398" t="s">
        <v>20693</v>
      </c>
      <c r="B33398" t="s">
        <v>20694</v>
      </c>
      <c r="C33398" t="s">
        <v>20689</v>
      </c>
      <c r="D33398" t="s">
        <v>20690</v>
      </c>
      <c r="E33398" t="s">
        <v>20641</v>
      </c>
      <c r="F33398" t="s">
        <v>20642</v>
      </c>
      <c r="G33398" t="s">
        <v>20255</v>
      </c>
      <c r="H33398" t="s">
        <v>20256</v>
      </c>
      <c r="I33398" s="2">
        <v>1</v>
      </c>
      <c r="J33398" s="2">
        <v>0</v>
      </c>
      <c r="K33398" s="2">
        <v>0</v>
      </c>
      <c r="L33398" t="s">
        <v>120</v>
      </c>
      <c r="M33398" t="s">
        <v>83</v>
      </c>
      <c r="N33398" t="s">
        <v>84</v>
      </c>
      <c r="O33398" t="s">
        <v>85</v>
      </c>
      <c r="P33398" t="s">
        <v>86</v>
      </c>
      <c r="Q33398">
        <v>11</v>
      </c>
      <c r="R33398">
        <v>11</v>
      </c>
      <c r="S33398">
        <v>11</v>
      </c>
      <c r="T33398">
        <v>11</v>
      </c>
      <c r="U33398">
        <v>11</v>
      </c>
      <c r="V33398">
        <v>12</v>
      </c>
      <c r="W33398">
        <v>12</v>
      </c>
      <c r="X33398">
        <v>12</v>
      </c>
      <c r="Y33398">
        <v>12</v>
      </c>
      <c r="Z33398">
        <v>12</v>
      </c>
      <c r="AA33398">
        <v>13</v>
      </c>
      <c r="AB33398">
        <v>13</v>
      </c>
      <c r="AC33398">
        <v>13</v>
      </c>
      <c r="AD33398">
        <v>13</v>
      </c>
      <c r="AE33398">
        <v>14</v>
      </c>
      <c r="AF33398">
        <v>14</v>
      </c>
      <c r="AG33398">
        <v>14</v>
      </c>
      <c r="AH33398">
        <v>14</v>
      </c>
      <c r="AI33398">
        <v>14</v>
      </c>
      <c r="AJ33398">
        <v>15</v>
      </c>
      <c r="AK33398">
        <v>15</v>
      </c>
      <c r="AL33398">
        <v>15</v>
      </c>
      <c r="AM33398">
        <v>15</v>
      </c>
      <c r="AN33398">
        <v>15</v>
      </c>
      <c r="AO33398">
        <v>15</v>
      </c>
      <c r="AP33398">
        <v>15</v>
      </c>
      <c r="AQ33398">
        <v>16</v>
      </c>
    </row>
    <row r="33399" spans="1:43">
      <c r="A33399" t="s">
        <v>20693</v>
      </c>
      <c r="B33399" t="s">
        <v>20694</v>
      </c>
      <c r="C33399" t="s">
        <v>20689</v>
      </c>
      <c r="D33399" t="s">
        <v>20690</v>
      </c>
      <c r="E33399" t="s">
        <v>20641</v>
      </c>
      <c r="F33399" t="s">
        <v>20642</v>
      </c>
      <c r="G33399" t="s">
        <v>20255</v>
      </c>
      <c r="H33399" t="s">
        <v>20256</v>
      </c>
      <c r="I33399" s="2">
        <v>1</v>
      </c>
      <c r="J33399" s="2">
        <v>0</v>
      </c>
      <c r="K33399" s="2">
        <v>0</v>
      </c>
      <c r="L33399" t="s">
        <v>120</v>
      </c>
      <c r="M33399" t="s">
        <v>87</v>
      </c>
      <c r="N33399" t="s">
        <v>88</v>
      </c>
      <c r="O33399" t="s">
        <v>85</v>
      </c>
      <c r="P33399" t="s">
        <v>86</v>
      </c>
      <c r="Q33399">
        <v>11</v>
      </c>
      <c r="R33399">
        <v>11</v>
      </c>
      <c r="S33399">
        <v>11</v>
      </c>
      <c r="T33399">
        <v>11</v>
      </c>
      <c r="U33399">
        <v>11</v>
      </c>
      <c r="V33399">
        <v>11</v>
      </c>
      <c r="W33399">
        <v>11</v>
      </c>
      <c r="X33399">
        <v>11</v>
      </c>
      <c r="Y33399">
        <v>11</v>
      </c>
      <c r="Z33399">
        <v>11</v>
      </c>
      <c r="AA33399">
        <v>12</v>
      </c>
      <c r="AB33399">
        <v>12</v>
      </c>
      <c r="AC33399">
        <v>12</v>
      </c>
      <c r="AD33399">
        <v>12</v>
      </c>
      <c r="AE33399">
        <v>12</v>
      </c>
      <c r="AF33399">
        <v>12</v>
      </c>
      <c r="AG33399">
        <v>12</v>
      </c>
      <c r="AH33399">
        <v>12</v>
      </c>
      <c r="AI33399">
        <v>12</v>
      </c>
      <c r="AJ33399">
        <v>13</v>
      </c>
      <c r="AK33399">
        <v>13</v>
      </c>
      <c r="AL33399">
        <v>13</v>
      </c>
      <c r="AM33399">
        <v>13</v>
      </c>
      <c r="AN33399">
        <v>13</v>
      </c>
      <c r="AO33399">
        <v>13</v>
      </c>
      <c r="AP33399">
        <v>13</v>
      </c>
      <c r="AQ33399">
        <v>14</v>
      </c>
    </row>
    <row r="33400" spans="1:43">
      <c r="A33400" t="s">
        <v>20693</v>
      </c>
      <c r="B33400" t="s">
        <v>20694</v>
      </c>
      <c r="C33400" t="s">
        <v>20689</v>
      </c>
      <c r="D33400" t="s">
        <v>20690</v>
      </c>
      <c r="E33400" t="s">
        <v>20641</v>
      </c>
      <c r="F33400" t="s">
        <v>20642</v>
      </c>
      <c r="G33400" t="s">
        <v>20255</v>
      </c>
      <c r="H33400" t="s">
        <v>20256</v>
      </c>
      <c r="I33400" s="2">
        <v>1</v>
      </c>
      <c r="J33400" s="2">
        <v>0</v>
      </c>
      <c r="K33400" s="2">
        <v>0</v>
      </c>
      <c r="L33400" t="s">
        <v>120</v>
      </c>
      <c r="M33400" t="s">
        <v>89</v>
      </c>
      <c r="N33400" t="s">
        <v>90</v>
      </c>
      <c r="O33400" t="s">
        <v>85</v>
      </c>
      <c r="P33400" t="s">
        <v>86</v>
      </c>
      <c r="Q33400">
        <v>11</v>
      </c>
      <c r="R33400">
        <v>11</v>
      </c>
      <c r="S33400">
        <v>11</v>
      </c>
      <c r="T33400">
        <v>12</v>
      </c>
      <c r="U33400">
        <v>12</v>
      </c>
      <c r="V33400">
        <v>12</v>
      </c>
      <c r="W33400">
        <v>12</v>
      </c>
      <c r="X33400">
        <v>13</v>
      </c>
      <c r="Y33400">
        <v>13</v>
      </c>
      <c r="Z33400">
        <v>13</v>
      </c>
      <c r="AA33400">
        <v>13</v>
      </c>
      <c r="AB33400">
        <v>14</v>
      </c>
      <c r="AC33400">
        <v>14</v>
      </c>
      <c r="AD33400">
        <v>14</v>
      </c>
      <c r="AE33400">
        <v>14</v>
      </c>
      <c r="AF33400">
        <v>15</v>
      </c>
      <c r="AG33400">
        <v>15</v>
      </c>
      <c r="AH33400">
        <v>15</v>
      </c>
      <c r="AI33400">
        <v>15</v>
      </c>
      <c r="AJ33400">
        <v>15</v>
      </c>
      <c r="AK33400">
        <v>15</v>
      </c>
      <c r="AL33400">
        <v>15</v>
      </c>
      <c r="AM33400">
        <v>15</v>
      </c>
      <c r="AN33400">
        <v>15</v>
      </c>
      <c r="AO33400">
        <v>15</v>
      </c>
      <c r="AP33400">
        <v>16</v>
      </c>
      <c r="AQ33400">
        <v>16</v>
      </c>
    </row>
    <row r="33401" spans="1:43">
      <c r="A33401" t="s">
        <v>20693</v>
      </c>
      <c r="B33401" t="s">
        <v>20694</v>
      </c>
      <c r="C33401" t="s">
        <v>20689</v>
      </c>
      <c r="D33401" t="s">
        <v>20690</v>
      </c>
      <c r="E33401" t="s">
        <v>20641</v>
      </c>
      <c r="F33401" t="s">
        <v>20642</v>
      </c>
      <c r="G33401" t="s">
        <v>20255</v>
      </c>
      <c r="H33401" t="s">
        <v>20256</v>
      </c>
      <c r="I33401" s="2">
        <v>1</v>
      </c>
      <c r="J33401" s="2">
        <v>0</v>
      </c>
      <c r="K33401" s="2">
        <v>0</v>
      </c>
      <c r="L33401" t="s">
        <v>120</v>
      </c>
      <c r="M33401" t="s">
        <v>83</v>
      </c>
      <c r="N33401" t="s">
        <v>91</v>
      </c>
      <c r="O33401" t="s">
        <v>85</v>
      </c>
      <c r="P33401" t="s">
        <v>86</v>
      </c>
      <c r="Q33401">
        <v>11</v>
      </c>
      <c r="R33401">
        <v>11</v>
      </c>
      <c r="S33401">
        <v>11</v>
      </c>
      <c r="T33401">
        <v>11</v>
      </c>
      <c r="U33401">
        <v>11</v>
      </c>
      <c r="V33401">
        <v>12</v>
      </c>
      <c r="W33401">
        <v>12</v>
      </c>
      <c r="X33401">
        <v>12</v>
      </c>
      <c r="Y33401">
        <v>12</v>
      </c>
      <c r="Z33401">
        <v>12</v>
      </c>
      <c r="AA33401">
        <v>13</v>
      </c>
      <c r="AB33401">
        <v>13</v>
      </c>
      <c r="AC33401">
        <v>13</v>
      </c>
      <c r="AD33401">
        <v>13</v>
      </c>
      <c r="AE33401">
        <v>14</v>
      </c>
      <c r="AF33401">
        <v>14</v>
      </c>
      <c r="AG33401">
        <v>14</v>
      </c>
      <c r="AH33401">
        <v>14</v>
      </c>
      <c r="AI33401">
        <v>14</v>
      </c>
      <c r="AJ33401">
        <v>15</v>
      </c>
      <c r="AK33401">
        <v>15</v>
      </c>
      <c r="AL33401">
        <v>15</v>
      </c>
      <c r="AM33401">
        <v>15</v>
      </c>
      <c r="AN33401">
        <v>15</v>
      </c>
      <c r="AO33401">
        <v>15</v>
      </c>
      <c r="AP33401">
        <v>15</v>
      </c>
      <c r="AQ33401">
        <v>16</v>
      </c>
    </row>
    <row r="33402" spans="1:43">
      <c r="A33402" t="s">
        <v>20695</v>
      </c>
      <c r="B33402" t="s">
        <v>20696</v>
      </c>
      <c r="C33402" t="s">
        <v>20689</v>
      </c>
      <c r="D33402" t="s">
        <v>20690</v>
      </c>
      <c r="E33402" t="s">
        <v>20641</v>
      </c>
      <c r="F33402" t="s">
        <v>20642</v>
      </c>
      <c r="G33402" t="s">
        <v>20255</v>
      </c>
      <c r="H33402" t="s">
        <v>20256</v>
      </c>
      <c r="I33402" s="2">
        <v>1</v>
      </c>
      <c r="J33402" s="2">
        <v>0</v>
      </c>
      <c r="K33402" s="2">
        <v>0</v>
      </c>
      <c r="L33402" t="s">
        <v>120</v>
      </c>
      <c r="M33402" t="s">
        <v>83</v>
      </c>
      <c r="N33402" t="s">
        <v>84</v>
      </c>
      <c r="O33402" t="s">
        <v>85</v>
      </c>
      <c r="P33402" t="s">
        <v>86</v>
      </c>
      <c r="Q33402">
        <v>30</v>
      </c>
      <c r="R33402">
        <v>31</v>
      </c>
      <c r="S33402">
        <v>31</v>
      </c>
      <c r="T33402">
        <v>32</v>
      </c>
      <c r="U33402">
        <v>32</v>
      </c>
      <c r="V33402">
        <v>33</v>
      </c>
      <c r="W33402">
        <v>34</v>
      </c>
      <c r="X33402">
        <v>34</v>
      </c>
      <c r="Y33402">
        <v>35</v>
      </c>
      <c r="Z33402">
        <v>35</v>
      </c>
      <c r="AA33402">
        <v>36</v>
      </c>
      <c r="AB33402">
        <v>36</v>
      </c>
      <c r="AC33402">
        <v>37</v>
      </c>
      <c r="AD33402">
        <v>38</v>
      </c>
      <c r="AE33402">
        <v>38</v>
      </c>
      <c r="AF33402">
        <v>39</v>
      </c>
      <c r="AG33402">
        <v>39</v>
      </c>
      <c r="AH33402">
        <v>40</v>
      </c>
      <c r="AI33402">
        <v>41</v>
      </c>
      <c r="AJ33402">
        <v>41</v>
      </c>
      <c r="AK33402">
        <v>42</v>
      </c>
      <c r="AL33402">
        <v>42</v>
      </c>
      <c r="AM33402">
        <v>43</v>
      </c>
      <c r="AN33402">
        <v>43</v>
      </c>
      <c r="AO33402">
        <v>43</v>
      </c>
      <c r="AP33402">
        <v>44</v>
      </c>
      <c r="AQ33402">
        <v>44</v>
      </c>
    </row>
    <row r="33403" spans="1:43">
      <c r="A33403" t="s">
        <v>20695</v>
      </c>
      <c r="B33403" t="s">
        <v>20696</v>
      </c>
      <c r="C33403" t="s">
        <v>20689</v>
      </c>
      <c r="D33403" t="s">
        <v>20690</v>
      </c>
      <c r="E33403" t="s">
        <v>20641</v>
      </c>
      <c r="F33403" t="s">
        <v>20642</v>
      </c>
      <c r="G33403" t="s">
        <v>20255</v>
      </c>
      <c r="H33403" t="s">
        <v>20256</v>
      </c>
      <c r="I33403" s="2">
        <v>1</v>
      </c>
      <c r="J33403" s="2">
        <v>0</v>
      </c>
      <c r="K33403" s="2">
        <v>0</v>
      </c>
      <c r="L33403" t="s">
        <v>120</v>
      </c>
      <c r="M33403" t="s">
        <v>87</v>
      </c>
      <c r="N33403" t="s">
        <v>88</v>
      </c>
      <c r="O33403" t="s">
        <v>85</v>
      </c>
      <c r="P33403" t="s">
        <v>86</v>
      </c>
      <c r="Q33403">
        <v>30</v>
      </c>
      <c r="R33403">
        <v>30</v>
      </c>
      <c r="S33403">
        <v>30</v>
      </c>
      <c r="T33403">
        <v>31</v>
      </c>
      <c r="U33403">
        <v>31</v>
      </c>
      <c r="V33403">
        <v>31</v>
      </c>
      <c r="W33403">
        <v>32</v>
      </c>
      <c r="X33403">
        <v>32</v>
      </c>
      <c r="Y33403">
        <v>32</v>
      </c>
      <c r="Z33403">
        <v>32</v>
      </c>
      <c r="AA33403">
        <v>33</v>
      </c>
      <c r="AB33403">
        <v>33</v>
      </c>
      <c r="AC33403">
        <v>33</v>
      </c>
      <c r="AD33403">
        <v>34</v>
      </c>
      <c r="AE33403">
        <v>34</v>
      </c>
      <c r="AF33403">
        <v>34</v>
      </c>
      <c r="AG33403">
        <v>35</v>
      </c>
      <c r="AH33403">
        <v>35</v>
      </c>
      <c r="AI33403">
        <v>35</v>
      </c>
      <c r="AJ33403">
        <v>36</v>
      </c>
      <c r="AK33403">
        <v>36</v>
      </c>
      <c r="AL33403">
        <v>36</v>
      </c>
      <c r="AM33403">
        <v>37</v>
      </c>
      <c r="AN33403">
        <v>37</v>
      </c>
      <c r="AO33403">
        <v>38</v>
      </c>
      <c r="AP33403">
        <v>38</v>
      </c>
      <c r="AQ33403">
        <v>38</v>
      </c>
    </row>
    <row r="33404" spans="1:43">
      <c r="A33404" t="s">
        <v>20695</v>
      </c>
      <c r="B33404" t="s">
        <v>20696</v>
      </c>
      <c r="C33404" t="s">
        <v>20689</v>
      </c>
      <c r="D33404" t="s">
        <v>20690</v>
      </c>
      <c r="E33404" t="s">
        <v>20641</v>
      </c>
      <c r="F33404" t="s">
        <v>20642</v>
      </c>
      <c r="G33404" t="s">
        <v>20255</v>
      </c>
      <c r="H33404" t="s">
        <v>20256</v>
      </c>
      <c r="I33404" s="2">
        <v>1</v>
      </c>
      <c r="J33404" s="2">
        <v>0</v>
      </c>
      <c r="K33404" s="2">
        <v>0</v>
      </c>
      <c r="L33404" t="s">
        <v>120</v>
      </c>
      <c r="M33404" t="s">
        <v>89</v>
      </c>
      <c r="N33404" t="s">
        <v>90</v>
      </c>
      <c r="O33404" t="s">
        <v>85</v>
      </c>
      <c r="P33404" t="s">
        <v>86</v>
      </c>
      <c r="Q33404">
        <v>30</v>
      </c>
      <c r="R33404">
        <v>31</v>
      </c>
      <c r="S33404">
        <v>32</v>
      </c>
      <c r="T33404">
        <v>33</v>
      </c>
      <c r="U33404">
        <v>34</v>
      </c>
      <c r="V33404">
        <v>34</v>
      </c>
      <c r="W33404">
        <v>35</v>
      </c>
      <c r="X33404">
        <v>36</v>
      </c>
      <c r="Y33404">
        <v>37</v>
      </c>
      <c r="Z33404">
        <v>37</v>
      </c>
      <c r="AA33404">
        <v>38</v>
      </c>
      <c r="AB33404">
        <v>39</v>
      </c>
      <c r="AC33404">
        <v>40</v>
      </c>
      <c r="AD33404">
        <v>40</v>
      </c>
      <c r="AE33404">
        <v>41</v>
      </c>
      <c r="AF33404">
        <v>41</v>
      </c>
      <c r="AG33404">
        <v>41</v>
      </c>
      <c r="AH33404">
        <v>42</v>
      </c>
      <c r="AI33404">
        <v>42</v>
      </c>
      <c r="AJ33404">
        <v>42</v>
      </c>
      <c r="AK33404">
        <v>43</v>
      </c>
      <c r="AL33404">
        <v>43</v>
      </c>
      <c r="AM33404">
        <v>43</v>
      </c>
      <c r="AN33404">
        <v>43</v>
      </c>
      <c r="AO33404">
        <v>44</v>
      </c>
      <c r="AP33404">
        <v>44</v>
      </c>
      <c r="AQ33404">
        <v>44</v>
      </c>
    </row>
    <row r="33405" spans="1:43">
      <c r="A33405" t="s">
        <v>20695</v>
      </c>
      <c r="B33405" t="s">
        <v>20696</v>
      </c>
      <c r="C33405" t="s">
        <v>20689</v>
      </c>
      <c r="D33405" t="s">
        <v>20690</v>
      </c>
      <c r="E33405" t="s">
        <v>20641</v>
      </c>
      <c r="F33405" t="s">
        <v>20642</v>
      </c>
      <c r="G33405" t="s">
        <v>20255</v>
      </c>
      <c r="H33405" t="s">
        <v>20256</v>
      </c>
      <c r="I33405" s="2">
        <v>1</v>
      </c>
      <c r="J33405" s="2">
        <v>0</v>
      </c>
      <c r="K33405" s="2">
        <v>0</v>
      </c>
      <c r="L33405" t="s">
        <v>120</v>
      </c>
      <c r="M33405" t="s">
        <v>83</v>
      </c>
      <c r="N33405" t="s">
        <v>91</v>
      </c>
      <c r="O33405" t="s">
        <v>85</v>
      </c>
      <c r="P33405" t="s">
        <v>86</v>
      </c>
      <c r="Q33405">
        <v>30</v>
      </c>
      <c r="R33405">
        <v>31</v>
      </c>
      <c r="S33405">
        <v>31</v>
      </c>
      <c r="T33405">
        <v>32</v>
      </c>
      <c r="U33405">
        <v>32</v>
      </c>
      <c r="V33405">
        <v>33</v>
      </c>
      <c r="W33405">
        <v>34</v>
      </c>
      <c r="X33405">
        <v>34</v>
      </c>
      <c r="Y33405">
        <v>35</v>
      </c>
      <c r="Z33405">
        <v>35</v>
      </c>
      <c r="AA33405">
        <v>36</v>
      </c>
      <c r="AB33405">
        <v>36</v>
      </c>
      <c r="AC33405">
        <v>37</v>
      </c>
      <c r="AD33405">
        <v>38</v>
      </c>
      <c r="AE33405">
        <v>38</v>
      </c>
      <c r="AF33405">
        <v>39</v>
      </c>
      <c r="AG33405">
        <v>39</v>
      </c>
      <c r="AH33405">
        <v>40</v>
      </c>
      <c r="AI33405">
        <v>41</v>
      </c>
      <c r="AJ33405">
        <v>41</v>
      </c>
      <c r="AK33405">
        <v>42</v>
      </c>
      <c r="AL33405">
        <v>42</v>
      </c>
      <c r="AM33405">
        <v>43</v>
      </c>
      <c r="AN33405">
        <v>43</v>
      </c>
      <c r="AO33405">
        <v>43</v>
      </c>
      <c r="AP33405">
        <v>44</v>
      </c>
      <c r="AQ33405">
        <v>44</v>
      </c>
    </row>
    <row r="33406" spans="1:43">
      <c r="A33406" t="s">
        <v>20697</v>
      </c>
      <c r="B33406" t="s">
        <v>20698</v>
      </c>
      <c r="C33406" t="s">
        <v>20699</v>
      </c>
      <c r="D33406" t="s">
        <v>20700</v>
      </c>
      <c r="E33406" t="s">
        <v>20641</v>
      </c>
      <c r="F33406" t="s">
        <v>20642</v>
      </c>
      <c r="G33406" t="s">
        <v>20255</v>
      </c>
      <c r="H33406" t="s">
        <v>20256</v>
      </c>
      <c r="I33406" s="2">
        <v>1</v>
      </c>
      <c r="J33406" s="2">
        <v>0</v>
      </c>
      <c r="K33406" s="2">
        <v>0</v>
      </c>
      <c r="L33406" t="s">
        <v>120</v>
      </c>
      <c r="M33406" t="s">
        <v>83</v>
      </c>
      <c r="N33406" t="s">
        <v>84</v>
      </c>
      <c r="O33406" t="s">
        <v>85</v>
      </c>
      <c r="P33406" t="s">
        <v>86</v>
      </c>
      <c r="Q33406">
        <v>22</v>
      </c>
      <c r="R33406">
        <v>22</v>
      </c>
      <c r="S33406">
        <v>23</v>
      </c>
      <c r="T33406">
        <v>23</v>
      </c>
      <c r="U33406">
        <v>24</v>
      </c>
      <c r="V33406">
        <v>24</v>
      </c>
      <c r="W33406">
        <v>24</v>
      </c>
      <c r="X33406">
        <v>25</v>
      </c>
      <c r="Y33406">
        <v>25</v>
      </c>
      <c r="Z33406">
        <v>26</v>
      </c>
      <c r="AA33406">
        <v>26</v>
      </c>
      <c r="AB33406">
        <v>26</v>
      </c>
      <c r="AC33406">
        <v>27</v>
      </c>
      <c r="AD33406">
        <v>27</v>
      </c>
      <c r="AE33406">
        <v>28</v>
      </c>
      <c r="AF33406">
        <v>28</v>
      </c>
      <c r="AG33406">
        <v>29</v>
      </c>
      <c r="AH33406">
        <v>29</v>
      </c>
      <c r="AI33406">
        <v>30</v>
      </c>
      <c r="AJ33406">
        <v>30</v>
      </c>
      <c r="AK33406">
        <v>31</v>
      </c>
      <c r="AL33406">
        <v>31</v>
      </c>
      <c r="AM33406">
        <v>31</v>
      </c>
      <c r="AN33406">
        <v>31</v>
      </c>
      <c r="AO33406">
        <v>32</v>
      </c>
      <c r="AP33406">
        <v>32</v>
      </c>
      <c r="AQ33406">
        <v>32</v>
      </c>
    </row>
    <row r="33407" spans="1:43">
      <c r="A33407" t="s">
        <v>20697</v>
      </c>
      <c r="B33407" t="s">
        <v>20698</v>
      </c>
      <c r="C33407" t="s">
        <v>20699</v>
      </c>
      <c r="D33407" t="s">
        <v>20700</v>
      </c>
      <c r="E33407" t="s">
        <v>20641</v>
      </c>
      <c r="F33407" t="s">
        <v>20642</v>
      </c>
      <c r="G33407" t="s">
        <v>20255</v>
      </c>
      <c r="H33407" t="s">
        <v>20256</v>
      </c>
      <c r="I33407" s="2">
        <v>1</v>
      </c>
      <c r="J33407" s="2">
        <v>0</v>
      </c>
      <c r="K33407" s="2">
        <v>0</v>
      </c>
      <c r="L33407" t="s">
        <v>120</v>
      </c>
      <c r="M33407" t="s">
        <v>87</v>
      </c>
      <c r="N33407" t="s">
        <v>88</v>
      </c>
      <c r="O33407" t="s">
        <v>85</v>
      </c>
      <c r="P33407" t="s">
        <v>86</v>
      </c>
      <c r="Q33407">
        <v>22</v>
      </c>
      <c r="R33407">
        <v>22</v>
      </c>
      <c r="S33407">
        <v>22</v>
      </c>
      <c r="T33407">
        <v>22</v>
      </c>
      <c r="U33407">
        <v>22</v>
      </c>
      <c r="V33407">
        <v>23</v>
      </c>
      <c r="W33407">
        <v>23</v>
      </c>
      <c r="X33407">
        <v>23</v>
      </c>
      <c r="Y33407">
        <v>23</v>
      </c>
      <c r="Z33407">
        <v>24</v>
      </c>
      <c r="AA33407">
        <v>24</v>
      </c>
      <c r="AB33407">
        <v>24</v>
      </c>
      <c r="AC33407">
        <v>24</v>
      </c>
      <c r="AD33407">
        <v>24</v>
      </c>
      <c r="AE33407">
        <v>25</v>
      </c>
      <c r="AF33407">
        <v>25</v>
      </c>
      <c r="AG33407">
        <v>25</v>
      </c>
      <c r="AH33407">
        <v>25</v>
      </c>
      <c r="AI33407">
        <v>26</v>
      </c>
      <c r="AJ33407">
        <v>26</v>
      </c>
      <c r="AK33407">
        <v>26</v>
      </c>
      <c r="AL33407">
        <v>27</v>
      </c>
      <c r="AM33407">
        <v>27</v>
      </c>
      <c r="AN33407">
        <v>27</v>
      </c>
      <c r="AO33407">
        <v>28</v>
      </c>
      <c r="AP33407">
        <v>28</v>
      </c>
      <c r="AQ33407">
        <v>28</v>
      </c>
    </row>
    <row r="33408" spans="1:43">
      <c r="A33408" t="s">
        <v>20697</v>
      </c>
      <c r="B33408" t="s">
        <v>20698</v>
      </c>
      <c r="C33408" t="s">
        <v>20699</v>
      </c>
      <c r="D33408" t="s">
        <v>20700</v>
      </c>
      <c r="E33408" t="s">
        <v>20641</v>
      </c>
      <c r="F33408" t="s">
        <v>20642</v>
      </c>
      <c r="G33408" t="s">
        <v>20255</v>
      </c>
      <c r="H33408" t="s">
        <v>20256</v>
      </c>
      <c r="I33408" s="2">
        <v>1</v>
      </c>
      <c r="J33408" s="2">
        <v>0</v>
      </c>
      <c r="K33408" s="2">
        <v>0</v>
      </c>
      <c r="L33408" t="s">
        <v>120</v>
      </c>
      <c r="M33408" t="s">
        <v>89</v>
      </c>
      <c r="N33408" t="s">
        <v>90</v>
      </c>
      <c r="O33408" t="s">
        <v>85</v>
      </c>
      <c r="P33408" t="s">
        <v>86</v>
      </c>
      <c r="Q33408">
        <v>22</v>
      </c>
      <c r="R33408">
        <v>23</v>
      </c>
      <c r="S33408">
        <v>23</v>
      </c>
      <c r="T33408">
        <v>24</v>
      </c>
      <c r="U33408">
        <v>24</v>
      </c>
      <c r="V33408">
        <v>25</v>
      </c>
      <c r="W33408">
        <v>25</v>
      </c>
      <c r="X33408">
        <v>26</v>
      </c>
      <c r="Y33408">
        <v>27</v>
      </c>
      <c r="Z33408">
        <v>27</v>
      </c>
      <c r="AA33408">
        <v>28</v>
      </c>
      <c r="AB33408">
        <v>28</v>
      </c>
      <c r="AC33408">
        <v>29</v>
      </c>
      <c r="AD33408">
        <v>29</v>
      </c>
      <c r="AE33408">
        <v>30</v>
      </c>
      <c r="AF33408">
        <v>30</v>
      </c>
      <c r="AG33408">
        <v>30</v>
      </c>
      <c r="AH33408">
        <v>30</v>
      </c>
      <c r="AI33408">
        <v>31</v>
      </c>
      <c r="AJ33408">
        <v>31</v>
      </c>
      <c r="AK33408">
        <v>31</v>
      </c>
      <c r="AL33408">
        <v>31</v>
      </c>
      <c r="AM33408">
        <v>31</v>
      </c>
      <c r="AN33408">
        <v>32</v>
      </c>
      <c r="AO33408">
        <v>32</v>
      </c>
      <c r="AP33408">
        <v>32</v>
      </c>
      <c r="AQ33408">
        <v>33</v>
      </c>
    </row>
    <row r="33409" spans="1:43">
      <c r="A33409" t="s">
        <v>20697</v>
      </c>
      <c r="B33409" t="s">
        <v>20698</v>
      </c>
      <c r="C33409" t="s">
        <v>20699</v>
      </c>
      <c r="D33409" t="s">
        <v>20700</v>
      </c>
      <c r="E33409" t="s">
        <v>20641</v>
      </c>
      <c r="F33409" t="s">
        <v>20642</v>
      </c>
      <c r="G33409" t="s">
        <v>20255</v>
      </c>
      <c r="H33409" t="s">
        <v>20256</v>
      </c>
      <c r="I33409" s="2">
        <v>1</v>
      </c>
      <c r="J33409" s="2">
        <v>0</v>
      </c>
      <c r="K33409" s="2">
        <v>0</v>
      </c>
      <c r="L33409" t="s">
        <v>120</v>
      </c>
      <c r="M33409" t="s">
        <v>83</v>
      </c>
      <c r="N33409" t="s">
        <v>91</v>
      </c>
      <c r="O33409" t="s">
        <v>85</v>
      </c>
      <c r="P33409" t="s">
        <v>86</v>
      </c>
      <c r="Q33409">
        <v>22</v>
      </c>
      <c r="R33409">
        <v>22</v>
      </c>
      <c r="S33409">
        <v>23</v>
      </c>
      <c r="T33409">
        <v>23</v>
      </c>
      <c r="U33409">
        <v>24</v>
      </c>
      <c r="V33409">
        <v>24</v>
      </c>
      <c r="W33409">
        <v>24</v>
      </c>
      <c r="X33409">
        <v>25</v>
      </c>
      <c r="Y33409">
        <v>25</v>
      </c>
      <c r="Z33409">
        <v>26</v>
      </c>
      <c r="AA33409">
        <v>26</v>
      </c>
      <c r="AB33409">
        <v>26</v>
      </c>
      <c r="AC33409">
        <v>27</v>
      </c>
      <c r="AD33409">
        <v>27</v>
      </c>
      <c r="AE33409">
        <v>28</v>
      </c>
      <c r="AF33409">
        <v>28</v>
      </c>
      <c r="AG33409">
        <v>29</v>
      </c>
      <c r="AH33409">
        <v>29</v>
      </c>
      <c r="AI33409">
        <v>30</v>
      </c>
      <c r="AJ33409">
        <v>30</v>
      </c>
      <c r="AK33409">
        <v>31</v>
      </c>
      <c r="AL33409">
        <v>31</v>
      </c>
      <c r="AM33409">
        <v>31</v>
      </c>
      <c r="AN33409">
        <v>31</v>
      </c>
      <c r="AO33409">
        <v>32</v>
      </c>
      <c r="AP33409">
        <v>32</v>
      </c>
      <c r="AQ33409">
        <v>32</v>
      </c>
    </row>
    <row r="33410" spans="1:43">
      <c r="A33410" t="s">
        <v>20701</v>
      </c>
      <c r="B33410" t="s">
        <v>20702</v>
      </c>
      <c r="C33410" t="s">
        <v>20699</v>
      </c>
      <c r="D33410" t="s">
        <v>20700</v>
      </c>
      <c r="E33410" t="s">
        <v>20641</v>
      </c>
      <c r="F33410" t="s">
        <v>20642</v>
      </c>
      <c r="G33410" t="s">
        <v>20255</v>
      </c>
      <c r="H33410" t="s">
        <v>20256</v>
      </c>
      <c r="I33410" s="2">
        <v>1</v>
      </c>
      <c r="J33410" s="2">
        <v>0</v>
      </c>
      <c r="K33410" s="2">
        <v>0</v>
      </c>
      <c r="L33410" t="s">
        <v>120</v>
      </c>
      <c r="M33410" t="s">
        <v>83</v>
      </c>
      <c r="N33410" t="s">
        <v>84</v>
      </c>
      <c r="O33410" t="s">
        <v>85</v>
      </c>
      <c r="P33410" t="s">
        <v>86</v>
      </c>
      <c r="Q33410">
        <v>38</v>
      </c>
      <c r="R33410">
        <v>39</v>
      </c>
      <c r="S33410">
        <v>39</v>
      </c>
      <c r="T33410">
        <v>40</v>
      </c>
      <c r="U33410">
        <v>41</v>
      </c>
      <c r="V33410">
        <v>41</v>
      </c>
      <c r="W33410">
        <v>42</v>
      </c>
      <c r="X33410">
        <v>43</v>
      </c>
      <c r="Y33410">
        <v>44</v>
      </c>
      <c r="Z33410">
        <v>44</v>
      </c>
      <c r="AA33410">
        <v>45</v>
      </c>
      <c r="AB33410">
        <v>46</v>
      </c>
      <c r="AC33410">
        <v>46</v>
      </c>
      <c r="AD33410">
        <v>47</v>
      </c>
      <c r="AE33410">
        <v>48</v>
      </c>
      <c r="AF33410">
        <v>49</v>
      </c>
      <c r="AG33410">
        <v>50</v>
      </c>
      <c r="AH33410">
        <v>50</v>
      </c>
      <c r="AI33410">
        <v>51</v>
      </c>
      <c r="AJ33410">
        <v>52</v>
      </c>
      <c r="AK33410">
        <v>53</v>
      </c>
      <c r="AL33410">
        <v>54</v>
      </c>
      <c r="AM33410">
        <v>54</v>
      </c>
      <c r="AN33410">
        <v>54</v>
      </c>
      <c r="AO33410">
        <v>55</v>
      </c>
      <c r="AP33410">
        <v>55</v>
      </c>
      <c r="AQ33410">
        <v>56</v>
      </c>
    </row>
    <row r="33411" spans="1:43">
      <c r="A33411" t="s">
        <v>20701</v>
      </c>
      <c r="B33411" t="s">
        <v>20702</v>
      </c>
      <c r="C33411" t="s">
        <v>20699</v>
      </c>
      <c r="D33411" t="s">
        <v>20700</v>
      </c>
      <c r="E33411" t="s">
        <v>20641</v>
      </c>
      <c r="F33411" t="s">
        <v>20642</v>
      </c>
      <c r="G33411" t="s">
        <v>20255</v>
      </c>
      <c r="H33411" t="s">
        <v>20256</v>
      </c>
      <c r="I33411" s="2">
        <v>1</v>
      </c>
      <c r="J33411" s="2">
        <v>0</v>
      </c>
      <c r="K33411" s="2">
        <v>0</v>
      </c>
      <c r="L33411" t="s">
        <v>120</v>
      </c>
      <c r="M33411" t="s">
        <v>87</v>
      </c>
      <c r="N33411" t="s">
        <v>88</v>
      </c>
      <c r="O33411" t="s">
        <v>85</v>
      </c>
      <c r="P33411" t="s">
        <v>86</v>
      </c>
      <c r="Q33411">
        <v>38</v>
      </c>
      <c r="R33411">
        <v>39</v>
      </c>
      <c r="S33411">
        <v>39</v>
      </c>
      <c r="T33411">
        <v>40</v>
      </c>
      <c r="U33411">
        <v>40</v>
      </c>
      <c r="V33411">
        <v>40</v>
      </c>
      <c r="W33411">
        <v>41</v>
      </c>
      <c r="X33411">
        <v>41</v>
      </c>
      <c r="Y33411">
        <v>41</v>
      </c>
      <c r="Z33411">
        <v>42</v>
      </c>
      <c r="AA33411">
        <v>42</v>
      </c>
      <c r="AB33411">
        <v>43</v>
      </c>
      <c r="AC33411">
        <v>43</v>
      </c>
      <c r="AD33411">
        <v>43</v>
      </c>
      <c r="AE33411">
        <v>44</v>
      </c>
      <c r="AF33411">
        <v>44</v>
      </c>
      <c r="AG33411">
        <v>45</v>
      </c>
      <c r="AH33411">
        <v>45</v>
      </c>
      <c r="AI33411">
        <v>46</v>
      </c>
      <c r="AJ33411">
        <v>46</v>
      </c>
      <c r="AK33411">
        <v>47</v>
      </c>
      <c r="AL33411">
        <v>47</v>
      </c>
      <c r="AM33411">
        <v>48</v>
      </c>
      <c r="AN33411">
        <v>48</v>
      </c>
      <c r="AO33411">
        <v>49</v>
      </c>
      <c r="AP33411">
        <v>49</v>
      </c>
      <c r="AQ33411">
        <v>50</v>
      </c>
    </row>
    <row r="33412" spans="1:43">
      <c r="A33412" t="s">
        <v>20701</v>
      </c>
      <c r="B33412" t="s">
        <v>20702</v>
      </c>
      <c r="C33412" t="s">
        <v>20699</v>
      </c>
      <c r="D33412" t="s">
        <v>20700</v>
      </c>
      <c r="E33412" t="s">
        <v>20641</v>
      </c>
      <c r="F33412" t="s">
        <v>20642</v>
      </c>
      <c r="G33412" t="s">
        <v>20255</v>
      </c>
      <c r="H33412" t="s">
        <v>20256</v>
      </c>
      <c r="I33412" s="2">
        <v>1</v>
      </c>
      <c r="J33412" s="2">
        <v>0</v>
      </c>
      <c r="K33412" s="2">
        <v>0</v>
      </c>
      <c r="L33412" t="s">
        <v>120</v>
      </c>
      <c r="M33412" t="s">
        <v>89</v>
      </c>
      <c r="N33412" t="s">
        <v>90</v>
      </c>
      <c r="O33412" t="s">
        <v>85</v>
      </c>
      <c r="P33412" t="s">
        <v>86</v>
      </c>
      <c r="Q33412">
        <v>38</v>
      </c>
      <c r="R33412">
        <v>39</v>
      </c>
      <c r="S33412">
        <v>40</v>
      </c>
      <c r="T33412">
        <v>41</v>
      </c>
      <c r="U33412">
        <v>42</v>
      </c>
      <c r="V33412">
        <v>43</v>
      </c>
      <c r="W33412">
        <v>44</v>
      </c>
      <c r="X33412">
        <v>45</v>
      </c>
      <c r="Y33412">
        <v>46</v>
      </c>
      <c r="Z33412">
        <v>47</v>
      </c>
      <c r="AA33412">
        <v>48</v>
      </c>
      <c r="AB33412">
        <v>49</v>
      </c>
      <c r="AC33412">
        <v>50</v>
      </c>
      <c r="AD33412">
        <v>51</v>
      </c>
      <c r="AE33412">
        <v>51</v>
      </c>
      <c r="AF33412">
        <v>52</v>
      </c>
      <c r="AG33412">
        <v>52</v>
      </c>
      <c r="AH33412">
        <v>52</v>
      </c>
      <c r="AI33412">
        <v>53</v>
      </c>
      <c r="AJ33412">
        <v>53</v>
      </c>
      <c r="AK33412">
        <v>54</v>
      </c>
      <c r="AL33412">
        <v>54</v>
      </c>
      <c r="AM33412">
        <v>55</v>
      </c>
      <c r="AN33412">
        <v>55</v>
      </c>
      <c r="AO33412">
        <v>55</v>
      </c>
      <c r="AP33412">
        <v>56</v>
      </c>
      <c r="AQ33412">
        <v>56</v>
      </c>
    </row>
    <row r="33413" spans="1:43">
      <c r="A33413" t="s">
        <v>20701</v>
      </c>
      <c r="B33413" t="s">
        <v>20702</v>
      </c>
      <c r="C33413" t="s">
        <v>20699</v>
      </c>
      <c r="D33413" t="s">
        <v>20700</v>
      </c>
      <c r="E33413" t="s">
        <v>20641</v>
      </c>
      <c r="F33413" t="s">
        <v>20642</v>
      </c>
      <c r="G33413" t="s">
        <v>20255</v>
      </c>
      <c r="H33413" t="s">
        <v>20256</v>
      </c>
      <c r="I33413" s="2">
        <v>1</v>
      </c>
      <c r="J33413" s="2">
        <v>0</v>
      </c>
      <c r="K33413" s="2">
        <v>0</v>
      </c>
      <c r="L33413" t="s">
        <v>120</v>
      </c>
      <c r="M33413" t="s">
        <v>83</v>
      </c>
      <c r="N33413" t="s">
        <v>91</v>
      </c>
      <c r="O33413" t="s">
        <v>85</v>
      </c>
      <c r="P33413" t="s">
        <v>86</v>
      </c>
      <c r="Q33413">
        <v>38</v>
      </c>
      <c r="R33413">
        <v>39</v>
      </c>
      <c r="S33413">
        <v>39</v>
      </c>
      <c r="T33413">
        <v>40</v>
      </c>
      <c r="U33413">
        <v>41</v>
      </c>
      <c r="V33413">
        <v>41</v>
      </c>
      <c r="W33413">
        <v>42</v>
      </c>
      <c r="X33413">
        <v>43</v>
      </c>
      <c r="Y33413">
        <v>44</v>
      </c>
      <c r="Z33413">
        <v>44</v>
      </c>
      <c r="AA33413">
        <v>45</v>
      </c>
      <c r="AB33413">
        <v>46</v>
      </c>
      <c r="AC33413">
        <v>46</v>
      </c>
      <c r="AD33413">
        <v>47</v>
      </c>
      <c r="AE33413">
        <v>48</v>
      </c>
      <c r="AF33413">
        <v>49</v>
      </c>
      <c r="AG33413">
        <v>50</v>
      </c>
      <c r="AH33413">
        <v>50</v>
      </c>
      <c r="AI33413">
        <v>51</v>
      </c>
      <c r="AJ33413">
        <v>52</v>
      </c>
      <c r="AK33413">
        <v>53</v>
      </c>
      <c r="AL33413">
        <v>54</v>
      </c>
      <c r="AM33413">
        <v>54</v>
      </c>
      <c r="AN33413">
        <v>54</v>
      </c>
      <c r="AO33413">
        <v>55</v>
      </c>
      <c r="AP33413">
        <v>55</v>
      </c>
      <c r="AQ33413">
        <v>56</v>
      </c>
    </row>
    <row r="33414" spans="1:43">
      <c r="A33414" t="s">
        <v>20703</v>
      </c>
      <c r="B33414" t="s">
        <v>20704</v>
      </c>
      <c r="C33414" t="s">
        <v>20699</v>
      </c>
      <c r="D33414" t="s">
        <v>20700</v>
      </c>
      <c r="E33414" t="s">
        <v>20641</v>
      </c>
      <c r="F33414" t="s">
        <v>20642</v>
      </c>
      <c r="G33414" t="s">
        <v>20255</v>
      </c>
      <c r="H33414" t="s">
        <v>20256</v>
      </c>
      <c r="I33414" s="2">
        <v>1</v>
      </c>
      <c r="J33414" s="2">
        <v>0</v>
      </c>
      <c r="K33414" s="2">
        <v>0</v>
      </c>
      <c r="L33414" t="s">
        <v>120</v>
      </c>
      <c r="M33414" t="s">
        <v>83</v>
      </c>
      <c r="N33414" t="s">
        <v>84</v>
      </c>
      <c r="O33414" t="s">
        <v>85</v>
      </c>
      <c r="P33414" t="s">
        <v>86</v>
      </c>
      <c r="Q33414">
        <v>52</v>
      </c>
      <c r="R33414">
        <v>53</v>
      </c>
      <c r="S33414">
        <v>54</v>
      </c>
      <c r="T33414">
        <v>55</v>
      </c>
      <c r="U33414">
        <v>56</v>
      </c>
      <c r="V33414">
        <v>57</v>
      </c>
      <c r="W33414">
        <v>58</v>
      </c>
      <c r="X33414">
        <v>59</v>
      </c>
      <c r="Y33414">
        <v>60</v>
      </c>
      <c r="Z33414">
        <v>61</v>
      </c>
      <c r="AA33414">
        <v>61</v>
      </c>
      <c r="AB33414">
        <v>62</v>
      </c>
      <c r="AC33414">
        <v>64</v>
      </c>
      <c r="AD33414">
        <v>65</v>
      </c>
      <c r="AE33414">
        <v>66</v>
      </c>
      <c r="AF33414">
        <v>67</v>
      </c>
      <c r="AG33414">
        <v>68</v>
      </c>
      <c r="AH33414">
        <v>69</v>
      </c>
      <c r="AI33414">
        <v>70</v>
      </c>
      <c r="AJ33414">
        <v>71</v>
      </c>
      <c r="AK33414">
        <v>72</v>
      </c>
      <c r="AL33414">
        <v>73</v>
      </c>
      <c r="AM33414">
        <v>74</v>
      </c>
      <c r="AN33414">
        <v>74</v>
      </c>
      <c r="AO33414">
        <v>75</v>
      </c>
      <c r="AP33414">
        <v>76</v>
      </c>
      <c r="AQ33414">
        <v>76</v>
      </c>
    </row>
    <row r="33415" spans="1:43">
      <c r="A33415" t="s">
        <v>20703</v>
      </c>
      <c r="B33415" t="s">
        <v>20704</v>
      </c>
      <c r="C33415" t="s">
        <v>20699</v>
      </c>
      <c r="D33415" t="s">
        <v>20700</v>
      </c>
      <c r="E33415" t="s">
        <v>20641</v>
      </c>
      <c r="F33415" t="s">
        <v>20642</v>
      </c>
      <c r="G33415" t="s">
        <v>20255</v>
      </c>
      <c r="H33415" t="s">
        <v>20256</v>
      </c>
      <c r="I33415" s="2">
        <v>1</v>
      </c>
      <c r="J33415" s="2">
        <v>0</v>
      </c>
      <c r="K33415" s="2">
        <v>0</v>
      </c>
      <c r="L33415" t="s">
        <v>120</v>
      </c>
      <c r="M33415" t="s">
        <v>87</v>
      </c>
      <c r="N33415" t="s">
        <v>88</v>
      </c>
      <c r="O33415" t="s">
        <v>85</v>
      </c>
      <c r="P33415" t="s">
        <v>86</v>
      </c>
      <c r="Q33415">
        <v>52</v>
      </c>
      <c r="R33415">
        <v>53</v>
      </c>
      <c r="S33415">
        <v>53</v>
      </c>
      <c r="T33415">
        <v>54</v>
      </c>
      <c r="U33415">
        <v>54</v>
      </c>
      <c r="V33415">
        <v>55</v>
      </c>
      <c r="W33415">
        <v>55</v>
      </c>
      <c r="X33415">
        <v>56</v>
      </c>
      <c r="Y33415">
        <v>56</v>
      </c>
      <c r="Z33415">
        <v>57</v>
      </c>
      <c r="AA33415">
        <v>57</v>
      </c>
      <c r="AB33415">
        <v>58</v>
      </c>
      <c r="AC33415">
        <v>58</v>
      </c>
      <c r="AD33415">
        <v>59</v>
      </c>
      <c r="AE33415">
        <v>59</v>
      </c>
      <c r="AF33415">
        <v>60</v>
      </c>
      <c r="AG33415">
        <v>61</v>
      </c>
      <c r="AH33415">
        <v>61</v>
      </c>
      <c r="AI33415">
        <v>62</v>
      </c>
      <c r="AJ33415">
        <v>63</v>
      </c>
      <c r="AK33415">
        <v>63</v>
      </c>
      <c r="AL33415">
        <v>64</v>
      </c>
      <c r="AM33415">
        <v>65</v>
      </c>
      <c r="AN33415">
        <v>65</v>
      </c>
      <c r="AO33415">
        <v>66</v>
      </c>
      <c r="AP33415">
        <v>67</v>
      </c>
      <c r="AQ33415">
        <v>68</v>
      </c>
    </row>
    <row r="33416" spans="1:43">
      <c r="A33416" t="s">
        <v>20703</v>
      </c>
      <c r="B33416" t="s">
        <v>20704</v>
      </c>
      <c r="C33416" t="s">
        <v>20699</v>
      </c>
      <c r="D33416" t="s">
        <v>20700</v>
      </c>
      <c r="E33416" t="s">
        <v>20641</v>
      </c>
      <c r="F33416" t="s">
        <v>20642</v>
      </c>
      <c r="G33416" t="s">
        <v>20255</v>
      </c>
      <c r="H33416" t="s">
        <v>20256</v>
      </c>
      <c r="I33416" s="2">
        <v>1</v>
      </c>
      <c r="J33416" s="2">
        <v>0</v>
      </c>
      <c r="K33416" s="2">
        <v>0</v>
      </c>
      <c r="L33416" t="s">
        <v>120</v>
      </c>
      <c r="M33416" t="s">
        <v>89</v>
      </c>
      <c r="N33416" t="s">
        <v>90</v>
      </c>
      <c r="O33416" t="s">
        <v>85</v>
      </c>
      <c r="P33416" t="s">
        <v>86</v>
      </c>
      <c r="Q33416">
        <v>52</v>
      </c>
      <c r="R33416">
        <v>54</v>
      </c>
      <c r="S33416">
        <v>55</v>
      </c>
      <c r="T33416">
        <v>56</v>
      </c>
      <c r="U33416">
        <v>58</v>
      </c>
      <c r="V33416">
        <v>59</v>
      </c>
      <c r="W33416">
        <v>60</v>
      </c>
      <c r="X33416">
        <v>62</v>
      </c>
      <c r="Y33416">
        <v>63</v>
      </c>
      <c r="Z33416">
        <v>64</v>
      </c>
      <c r="AA33416">
        <v>65</v>
      </c>
      <c r="AB33416">
        <v>67</v>
      </c>
      <c r="AC33416">
        <v>68</v>
      </c>
      <c r="AD33416">
        <v>69</v>
      </c>
      <c r="AE33416">
        <v>70</v>
      </c>
      <c r="AF33416">
        <v>71</v>
      </c>
      <c r="AG33416">
        <v>71</v>
      </c>
      <c r="AH33416">
        <v>72</v>
      </c>
      <c r="AI33416">
        <v>72</v>
      </c>
      <c r="AJ33416">
        <v>73</v>
      </c>
      <c r="AK33416">
        <v>73</v>
      </c>
      <c r="AL33416">
        <v>74</v>
      </c>
      <c r="AM33416">
        <v>75</v>
      </c>
      <c r="AN33416">
        <v>75</v>
      </c>
      <c r="AO33416">
        <v>76</v>
      </c>
      <c r="AP33416">
        <v>76</v>
      </c>
      <c r="AQ33416">
        <v>77</v>
      </c>
    </row>
    <row r="33417" spans="1:43">
      <c r="A33417" t="s">
        <v>20703</v>
      </c>
      <c r="B33417" t="s">
        <v>20704</v>
      </c>
      <c r="C33417" t="s">
        <v>20699</v>
      </c>
      <c r="D33417" t="s">
        <v>20700</v>
      </c>
      <c r="E33417" t="s">
        <v>20641</v>
      </c>
      <c r="F33417" t="s">
        <v>20642</v>
      </c>
      <c r="G33417" t="s">
        <v>20255</v>
      </c>
      <c r="H33417" t="s">
        <v>20256</v>
      </c>
      <c r="I33417" s="2">
        <v>1</v>
      </c>
      <c r="J33417" s="2">
        <v>0</v>
      </c>
      <c r="K33417" s="2">
        <v>0</v>
      </c>
      <c r="L33417" t="s">
        <v>120</v>
      </c>
      <c r="M33417" t="s">
        <v>83</v>
      </c>
      <c r="N33417" t="s">
        <v>91</v>
      </c>
      <c r="O33417" t="s">
        <v>85</v>
      </c>
      <c r="P33417" t="s">
        <v>86</v>
      </c>
      <c r="Q33417">
        <v>52</v>
      </c>
      <c r="R33417">
        <v>53</v>
      </c>
      <c r="S33417">
        <v>54</v>
      </c>
      <c r="T33417">
        <v>55</v>
      </c>
      <c r="U33417">
        <v>56</v>
      </c>
      <c r="V33417">
        <v>57</v>
      </c>
      <c r="W33417">
        <v>58</v>
      </c>
      <c r="X33417">
        <v>59</v>
      </c>
      <c r="Y33417">
        <v>60</v>
      </c>
      <c r="Z33417">
        <v>61</v>
      </c>
      <c r="AA33417">
        <v>61</v>
      </c>
      <c r="AB33417">
        <v>62</v>
      </c>
      <c r="AC33417">
        <v>64</v>
      </c>
      <c r="AD33417">
        <v>65</v>
      </c>
      <c r="AE33417">
        <v>66</v>
      </c>
      <c r="AF33417">
        <v>67</v>
      </c>
      <c r="AG33417">
        <v>68</v>
      </c>
      <c r="AH33417">
        <v>69</v>
      </c>
      <c r="AI33417">
        <v>70</v>
      </c>
      <c r="AJ33417">
        <v>71</v>
      </c>
      <c r="AK33417">
        <v>72</v>
      </c>
      <c r="AL33417">
        <v>73</v>
      </c>
      <c r="AM33417">
        <v>74</v>
      </c>
      <c r="AN33417">
        <v>74</v>
      </c>
      <c r="AO33417">
        <v>75</v>
      </c>
      <c r="AP33417">
        <v>76</v>
      </c>
      <c r="AQ33417">
        <v>76</v>
      </c>
    </row>
    <row r="33418" spans="1:43">
      <c r="A33418" t="s">
        <v>20705</v>
      </c>
      <c r="B33418" t="s">
        <v>20706</v>
      </c>
      <c r="C33418" t="s">
        <v>20707</v>
      </c>
      <c r="D33418" t="s">
        <v>20708</v>
      </c>
      <c r="E33418" t="s">
        <v>20641</v>
      </c>
      <c r="F33418" t="s">
        <v>20642</v>
      </c>
      <c r="G33418" t="s">
        <v>20255</v>
      </c>
      <c r="H33418" t="s">
        <v>20256</v>
      </c>
      <c r="I33418" s="2">
        <v>1</v>
      </c>
      <c r="J33418" s="2">
        <v>0</v>
      </c>
      <c r="K33418" s="2">
        <v>0</v>
      </c>
      <c r="L33418" t="s">
        <v>120</v>
      </c>
      <c r="M33418" t="s">
        <v>83</v>
      </c>
      <c r="N33418" t="s">
        <v>84</v>
      </c>
      <c r="O33418" t="s">
        <v>85</v>
      </c>
      <c r="P33418" t="s">
        <v>86</v>
      </c>
      <c r="Q33418">
        <v>24</v>
      </c>
      <c r="R33418">
        <v>24</v>
      </c>
      <c r="S33418">
        <v>25</v>
      </c>
      <c r="T33418">
        <v>25</v>
      </c>
      <c r="U33418">
        <v>26</v>
      </c>
      <c r="V33418">
        <v>26</v>
      </c>
      <c r="W33418">
        <v>26</v>
      </c>
      <c r="X33418">
        <v>27</v>
      </c>
      <c r="Y33418">
        <v>27</v>
      </c>
      <c r="Z33418">
        <v>28</v>
      </c>
      <c r="AA33418">
        <v>28</v>
      </c>
      <c r="AB33418">
        <v>29</v>
      </c>
      <c r="AC33418">
        <v>29</v>
      </c>
      <c r="AD33418">
        <v>30</v>
      </c>
      <c r="AE33418">
        <v>30</v>
      </c>
      <c r="AF33418">
        <v>31</v>
      </c>
      <c r="AG33418">
        <v>31</v>
      </c>
      <c r="AH33418">
        <v>32</v>
      </c>
      <c r="AI33418">
        <v>32</v>
      </c>
      <c r="AJ33418">
        <v>33</v>
      </c>
      <c r="AK33418">
        <v>33</v>
      </c>
      <c r="AL33418">
        <v>34</v>
      </c>
      <c r="AM33418">
        <v>34</v>
      </c>
      <c r="AN33418">
        <v>34</v>
      </c>
      <c r="AO33418">
        <v>34</v>
      </c>
      <c r="AP33418">
        <v>35</v>
      </c>
      <c r="AQ33418">
        <v>35</v>
      </c>
    </row>
    <row r="33419" spans="1:43">
      <c r="A33419" t="s">
        <v>20705</v>
      </c>
      <c r="B33419" t="s">
        <v>20706</v>
      </c>
      <c r="C33419" t="s">
        <v>20707</v>
      </c>
      <c r="D33419" t="s">
        <v>20708</v>
      </c>
      <c r="E33419" t="s">
        <v>20641</v>
      </c>
      <c r="F33419" t="s">
        <v>20642</v>
      </c>
      <c r="G33419" t="s">
        <v>20255</v>
      </c>
      <c r="H33419" t="s">
        <v>20256</v>
      </c>
      <c r="I33419" s="2">
        <v>1</v>
      </c>
      <c r="J33419" s="2">
        <v>0</v>
      </c>
      <c r="K33419" s="2">
        <v>0</v>
      </c>
      <c r="L33419" t="s">
        <v>120</v>
      </c>
      <c r="M33419" t="s">
        <v>87</v>
      </c>
      <c r="N33419" t="s">
        <v>88</v>
      </c>
      <c r="O33419" t="s">
        <v>85</v>
      </c>
      <c r="P33419" t="s">
        <v>86</v>
      </c>
      <c r="Q33419">
        <v>24</v>
      </c>
      <c r="R33419">
        <v>24</v>
      </c>
      <c r="S33419">
        <v>24</v>
      </c>
      <c r="T33419">
        <v>24</v>
      </c>
      <c r="U33419">
        <v>24</v>
      </c>
      <c r="V33419">
        <v>25</v>
      </c>
      <c r="W33419">
        <v>25</v>
      </c>
      <c r="X33419">
        <v>25</v>
      </c>
      <c r="Y33419">
        <v>25</v>
      </c>
      <c r="Z33419">
        <v>25</v>
      </c>
      <c r="AA33419">
        <v>26</v>
      </c>
      <c r="AB33419">
        <v>26</v>
      </c>
      <c r="AC33419">
        <v>26</v>
      </c>
      <c r="AD33419">
        <v>26</v>
      </c>
      <c r="AE33419">
        <v>27</v>
      </c>
      <c r="AF33419">
        <v>27</v>
      </c>
      <c r="AG33419">
        <v>27</v>
      </c>
      <c r="AH33419">
        <v>27</v>
      </c>
      <c r="AI33419">
        <v>28</v>
      </c>
      <c r="AJ33419">
        <v>28</v>
      </c>
      <c r="AK33419">
        <v>28</v>
      </c>
      <c r="AL33419">
        <v>29</v>
      </c>
      <c r="AM33419">
        <v>29</v>
      </c>
      <c r="AN33419">
        <v>29</v>
      </c>
      <c r="AO33419">
        <v>30</v>
      </c>
      <c r="AP33419">
        <v>30</v>
      </c>
      <c r="AQ33419">
        <v>30</v>
      </c>
    </row>
    <row r="33420" spans="1:43">
      <c r="A33420" t="s">
        <v>20705</v>
      </c>
      <c r="B33420" t="s">
        <v>20706</v>
      </c>
      <c r="C33420" t="s">
        <v>20707</v>
      </c>
      <c r="D33420" t="s">
        <v>20708</v>
      </c>
      <c r="E33420" t="s">
        <v>20641</v>
      </c>
      <c r="F33420" t="s">
        <v>20642</v>
      </c>
      <c r="G33420" t="s">
        <v>20255</v>
      </c>
      <c r="H33420" t="s">
        <v>20256</v>
      </c>
      <c r="I33420" s="2">
        <v>1</v>
      </c>
      <c r="J33420" s="2">
        <v>0</v>
      </c>
      <c r="K33420" s="2">
        <v>0</v>
      </c>
      <c r="L33420" t="s">
        <v>120</v>
      </c>
      <c r="M33420" t="s">
        <v>89</v>
      </c>
      <c r="N33420" t="s">
        <v>90</v>
      </c>
      <c r="O33420" t="s">
        <v>85</v>
      </c>
      <c r="P33420" t="s">
        <v>86</v>
      </c>
      <c r="Q33420">
        <v>24</v>
      </c>
      <c r="R33420">
        <v>25</v>
      </c>
      <c r="S33420">
        <v>25</v>
      </c>
      <c r="T33420">
        <v>26</v>
      </c>
      <c r="U33420">
        <v>27</v>
      </c>
      <c r="V33420">
        <v>27</v>
      </c>
      <c r="W33420">
        <v>28</v>
      </c>
      <c r="X33420">
        <v>28</v>
      </c>
      <c r="Y33420">
        <v>29</v>
      </c>
      <c r="Z33420">
        <v>29</v>
      </c>
      <c r="AA33420">
        <v>30</v>
      </c>
      <c r="AB33420">
        <v>31</v>
      </c>
      <c r="AC33420">
        <v>31</v>
      </c>
      <c r="AD33420">
        <v>32</v>
      </c>
      <c r="AE33420">
        <v>32</v>
      </c>
      <c r="AF33420">
        <v>33</v>
      </c>
      <c r="AG33420">
        <v>33</v>
      </c>
      <c r="AH33420">
        <v>33</v>
      </c>
      <c r="AI33420">
        <v>33</v>
      </c>
      <c r="AJ33420">
        <v>33</v>
      </c>
      <c r="AK33420">
        <v>34</v>
      </c>
      <c r="AL33420">
        <v>34</v>
      </c>
      <c r="AM33420">
        <v>34</v>
      </c>
      <c r="AN33420">
        <v>35</v>
      </c>
      <c r="AO33420">
        <v>35</v>
      </c>
      <c r="AP33420">
        <v>35</v>
      </c>
      <c r="AQ33420">
        <v>35</v>
      </c>
    </row>
    <row r="33421" spans="1:43">
      <c r="A33421" t="s">
        <v>20705</v>
      </c>
      <c r="B33421" t="s">
        <v>20706</v>
      </c>
      <c r="C33421" t="s">
        <v>20707</v>
      </c>
      <c r="D33421" t="s">
        <v>20708</v>
      </c>
      <c r="E33421" t="s">
        <v>20641</v>
      </c>
      <c r="F33421" t="s">
        <v>20642</v>
      </c>
      <c r="G33421" t="s">
        <v>20255</v>
      </c>
      <c r="H33421" t="s">
        <v>20256</v>
      </c>
      <c r="I33421" s="2">
        <v>1</v>
      </c>
      <c r="J33421" s="2">
        <v>0</v>
      </c>
      <c r="K33421" s="2">
        <v>0</v>
      </c>
      <c r="L33421" t="s">
        <v>120</v>
      </c>
      <c r="M33421" t="s">
        <v>83</v>
      </c>
      <c r="N33421" t="s">
        <v>91</v>
      </c>
      <c r="O33421" t="s">
        <v>85</v>
      </c>
      <c r="P33421" t="s">
        <v>86</v>
      </c>
      <c r="Q33421">
        <v>24</v>
      </c>
      <c r="R33421">
        <v>24</v>
      </c>
      <c r="S33421">
        <v>25</v>
      </c>
      <c r="T33421">
        <v>25</v>
      </c>
      <c r="U33421">
        <v>26</v>
      </c>
      <c r="V33421">
        <v>26</v>
      </c>
      <c r="W33421">
        <v>26</v>
      </c>
      <c r="X33421">
        <v>27</v>
      </c>
      <c r="Y33421">
        <v>27</v>
      </c>
      <c r="Z33421">
        <v>28</v>
      </c>
      <c r="AA33421">
        <v>28</v>
      </c>
      <c r="AB33421">
        <v>29</v>
      </c>
      <c r="AC33421">
        <v>29</v>
      </c>
      <c r="AD33421">
        <v>30</v>
      </c>
      <c r="AE33421">
        <v>30</v>
      </c>
      <c r="AF33421">
        <v>31</v>
      </c>
      <c r="AG33421">
        <v>31</v>
      </c>
      <c r="AH33421">
        <v>32</v>
      </c>
      <c r="AI33421">
        <v>32</v>
      </c>
      <c r="AJ33421">
        <v>33</v>
      </c>
      <c r="AK33421">
        <v>33</v>
      </c>
      <c r="AL33421">
        <v>34</v>
      </c>
      <c r="AM33421">
        <v>34</v>
      </c>
      <c r="AN33421">
        <v>34</v>
      </c>
      <c r="AO33421">
        <v>34</v>
      </c>
      <c r="AP33421">
        <v>35</v>
      </c>
      <c r="AQ33421">
        <v>35</v>
      </c>
    </row>
    <row r="33422" spans="1:43">
      <c r="A33422" t="s">
        <v>20709</v>
      </c>
      <c r="B33422" t="s">
        <v>20710</v>
      </c>
      <c r="C33422" t="s">
        <v>20707</v>
      </c>
      <c r="D33422" t="s">
        <v>20708</v>
      </c>
      <c r="E33422" t="s">
        <v>20641</v>
      </c>
      <c r="F33422" t="s">
        <v>20642</v>
      </c>
      <c r="G33422" t="s">
        <v>20255</v>
      </c>
      <c r="H33422" t="s">
        <v>20256</v>
      </c>
      <c r="I33422" s="2">
        <v>1</v>
      </c>
      <c r="J33422" s="2">
        <v>0</v>
      </c>
      <c r="K33422" s="2">
        <v>0</v>
      </c>
      <c r="L33422" t="s">
        <v>120</v>
      </c>
      <c r="M33422" t="s">
        <v>83</v>
      </c>
      <c r="N33422" t="s">
        <v>84</v>
      </c>
      <c r="O33422" t="s">
        <v>85</v>
      </c>
      <c r="P33422" t="s">
        <v>86</v>
      </c>
      <c r="Q33422">
        <v>32</v>
      </c>
      <c r="R33422">
        <v>32</v>
      </c>
      <c r="S33422">
        <v>33</v>
      </c>
      <c r="T33422">
        <v>33</v>
      </c>
      <c r="U33422">
        <v>34</v>
      </c>
      <c r="V33422">
        <v>35</v>
      </c>
      <c r="W33422">
        <v>35</v>
      </c>
      <c r="X33422">
        <v>36</v>
      </c>
      <c r="Y33422">
        <v>36</v>
      </c>
      <c r="Z33422">
        <v>37</v>
      </c>
      <c r="AA33422">
        <v>38</v>
      </c>
      <c r="AB33422">
        <v>38</v>
      </c>
      <c r="AC33422">
        <v>39</v>
      </c>
      <c r="AD33422">
        <v>39</v>
      </c>
      <c r="AE33422">
        <v>40</v>
      </c>
      <c r="AF33422">
        <v>41</v>
      </c>
      <c r="AG33422">
        <v>41</v>
      </c>
      <c r="AH33422">
        <v>42</v>
      </c>
      <c r="AI33422">
        <v>43</v>
      </c>
      <c r="AJ33422">
        <v>43</v>
      </c>
      <c r="AK33422">
        <v>44</v>
      </c>
      <c r="AL33422">
        <v>45</v>
      </c>
      <c r="AM33422">
        <v>45</v>
      </c>
      <c r="AN33422">
        <v>45</v>
      </c>
      <c r="AO33422">
        <v>46</v>
      </c>
      <c r="AP33422">
        <v>46</v>
      </c>
      <c r="AQ33422">
        <v>47</v>
      </c>
    </row>
    <row r="33423" spans="1:43">
      <c r="A33423" t="s">
        <v>20709</v>
      </c>
      <c r="B33423" t="s">
        <v>20710</v>
      </c>
      <c r="C33423" t="s">
        <v>20707</v>
      </c>
      <c r="D33423" t="s">
        <v>20708</v>
      </c>
      <c r="E33423" t="s">
        <v>20641</v>
      </c>
      <c r="F33423" t="s">
        <v>20642</v>
      </c>
      <c r="G33423" t="s">
        <v>20255</v>
      </c>
      <c r="H33423" t="s">
        <v>20256</v>
      </c>
      <c r="I33423" s="2">
        <v>1</v>
      </c>
      <c r="J33423" s="2">
        <v>0</v>
      </c>
      <c r="K33423" s="2">
        <v>0</v>
      </c>
      <c r="L33423" t="s">
        <v>120</v>
      </c>
      <c r="M33423" t="s">
        <v>87</v>
      </c>
      <c r="N33423" t="s">
        <v>88</v>
      </c>
      <c r="O33423" t="s">
        <v>85</v>
      </c>
      <c r="P33423" t="s">
        <v>86</v>
      </c>
      <c r="Q33423">
        <v>32</v>
      </c>
      <c r="R33423">
        <v>33</v>
      </c>
      <c r="S33423">
        <v>33</v>
      </c>
      <c r="T33423">
        <v>33</v>
      </c>
      <c r="U33423">
        <v>33</v>
      </c>
      <c r="V33423">
        <v>34</v>
      </c>
      <c r="W33423">
        <v>34</v>
      </c>
      <c r="X33423">
        <v>34</v>
      </c>
      <c r="Y33423">
        <v>35</v>
      </c>
      <c r="Z33423">
        <v>35</v>
      </c>
      <c r="AA33423">
        <v>35</v>
      </c>
      <c r="AB33423">
        <v>36</v>
      </c>
      <c r="AC33423">
        <v>36</v>
      </c>
      <c r="AD33423">
        <v>36</v>
      </c>
      <c r="AE33423">
        <v>36</v>
      </c>
      <c r="AF33423">
        <v>37</v>
      </c>
      <c r="AG33423">
        <v>37</v>
      </c>
      <c r="AH33423">
        <v>38</v>
      </c>
      <c r="AI33423">
        <v>38</v>
      </c>
      <c r="AJ33423">
        <v>38</v>
      </c>
      <c r="AK33423">
        <v>39</v>
      </c>
      <c r="AL33423">
        <v>39</v>
      </c>
      <c r="AM33423">
        <v>40</v>
      </c>
      <c r="AN33423">
        <v>40</v>
      </c>
      <c r="AO33423">
        <v>40</v>
      </c>
      <c r="AP33423">
        <v>41</v>
      </c>
      <c r="AQ33423">
        <v>41</v>
      </c>
    </row>
    <row r="33424" spans="1:43">
      <c r="A33424" t="s">
        <v>20709</v>
      </c>
      <c r="B33424" t="s">
        <v>20710</v>
      </c>
      <c r="C33424" t="s">
        <v>20707</v>
      </c>
      <c r="D33424" t="s">
        <v>20708</v>
      </c>
      <c r="E33424" t="s">
        <v>20641</v>
      </c>
      <c r="F33424" t="s">
        <v>20642</v>
      </c>
      <c r="G33424" t="s">
        <v>20255</v>
      </c>
      <c r="H33424" t="s">
        <v>20256</v>
      </c>
      <c r="I33424" s="2">
        <v>1</v>
      </c>
      <c r="J33424" s="2">
        <v>0</v>
      </c>
      <c r="K33424" s="2">
        <v>0</v>
      </c>
      <c r="L33424" t="s">
        <v>120</v>
      </c>
      <c r="M33424" t="s">
        <v>89</v>
      </c>
      <c r="N33424" t="s">
        <v>90</v>
      </c>
      <c r="O33424" t="s">
        <v>85</v>
      </c>
      <c r="P33424" t="s">
        <v>86</v>
      </c>
      <c r="Q33424">
        <v>32</v>
      </c>
      <c r="R33424">
        <v>33</v>
      </c>
      <c r="S33424">
        <v>34</v>
      </c>
      <c r="T33424">
        <v>35</v>
      </c>
      <c r="U33424">
        <v>35</v>
      </c>
      <c r="V33424">
        <v>36</v>
      </c>
      <c r="W33424">
        <v>37</v>
      </c>
      <c r="X33424">
        <v>38</v>
      </c>
      <c r="Y33424">
        <v>38</v>
      </c>
      <c r="Z33424">
        <v>39</v>
      </c>
      <c r="AA33424">
        <v>40</v>
      </c>
      <c r="AB33424">
        <v>41</v>
      </c>
      <c r="AC33424">
        <v>42</v>
      </c>
      <c r="AD33424">
        <v>42</v>
      </c>
      <c r="AE33424">
        <v>43</v>
      </c>
      <c r="AF33424">
        <v>43</v>
      </c>
      <c r="AG33424">
        <v>44</v>
      </c>
      <c r="AH33424">
        <v>44</v>
      </c>
      <c r="AI33424">
        <v>44</v>
      </c>
      <c r="AJ33424">
        <v>45</v>
      </c>
      <c r="AK33424">
        <v>45</v>
      </c>
      <c r="AL33424">
        <v>45</v>
      </c>
      <c r="AM33424">
        <v>46</v>
      </c>
      <c r="AN33424">
        <v>46</v>
      </c>
      <c r="AO33424">
        <v>46</v>
      </c>
      <c r="AP33424">
        <v>47</v>
      </c>
      <c r="AQ33424">
        <v>47</v>
      </c>
    </row>
    <row r="33425" spans="1:43">
      <c r="A33425" t="s">
        <v>20709</v>
      </c>
      <c r="B33425" t="s">
        <v>20710</v>
      </c>
      <c r="C33425" t="s">
        <v>20707</v>
      </c>
      <c r="D33425" t="s">
        <v>20708</v>
      </c>
      <c r="E33425" t="s">
        <v>20641</v>
      </c>
      <c r="F33425" t="s">
        <v>20642</v>
      </c>
      <c r="G33425" t="s">
        <v>20255</v>
      </c>
      <c r="H33425" t="s">
        <v>20256</v>
      </c>
      <c r="I33425" s="2">
        <v>1</v>
      </c>
      <c r="J33425" s="2">
        <v>0</v>
      </c>
      <c r="K33425" s="2">
        <v>0</v>
      </c>
      <c r="L33425" t="s">
        <v>120</v>
      </c>
      <c r="M33425" t="s">
        <v>83</v>
      </c>
      <c r="N33425" t="s">
        <v>91</v>
      </c>
      <c r="O33425" t="s">
        <v>85</v>
      </c>
      <c r="P33425" t="s">
        <v>86</v>
      </c>
      <c r="Q33425">
        <v>32</v>
      </c>
      <c r="R33425">
        <v>32</v>
      </c>
      <c r="S33425">
        <v>33</v>
      </c>
      <c r="T33425">
        <v>33</v>
      </c>
      <c r="U33425">
        <v>34</v>
      </c>
      <c r="V33425">
        <v>35</v>
      </c>
      <c r="W33425">
        <v>35</v>
      </c>
      <c r="X33425">
        <v>36</v>
      </c>
      <c r="Y33425">
        <v>36</v>
      </c>
      <c r="Z33425">
        <v>37</v>
      </c>
      <c r="AA33425">
        <v>38</v>
      </c>
      <c r="AB33425">
        <v>38</v>
      </c>
      <c r="AC33425">
        <v>39</v>
      </c>
      <c r="AD33425">
        <v>39</v>
      </c>
      <c r="AE33425">
        <v>40</v>
      </c>
      <c r="AF33425">
        <v>41</v>
      </c>
      <c r="AG33425">
        <v>41</v>
      </c>
      <c r="AH33425">
        <v>42</v>
      </c>
      <c r="AI33425">
        <v>43</v>
      </c>
      <c r="AJ33425">
        <v>43</v>
      </c>
      <c r="AK33425">
        <v>44</v>
      </c>
      <c r="AL33425">
        <v>45</v>
      </c>
      <c r="AM33425">
        <v>45</v>
      </c>
      <c r="AN33425">
        <v>45</v>
      </c>
      <c r="AO33425">
        <v>46</v>
      </c>
      <c r="AP33425">
        <v>46</v>
      </c>
      <c r="AQ33425">
        <v>47</v>
      </c>
    </row>
    <row r="33426" spans="1:43">
      <c r="A33426" t="s">
        <v>20711</v>
      </c>
      <c r="B33426" t="s">
        <v>20712</v>
      </c>
      <c r="C33426" t="s">
        <v>20713</v>
      </c>
      <c r="D33426" t="s">
        <v>20714</v>
      </c>
      <c r="E33426" t="s">
        <v>20641</v>
      </c>
      <c r="F33426" t="s">
        <v>20642</v>
      </c>
      <c r="G33426" t="s">
        <v>20255</v>
      </c>
      <c r="H33426" t="s">
        <v>20256</v>
      </c>
      <c r="I33426" s="2">
        <v>1</v>
      </c>
      <c r="J33426" s="2">
        <v>0</v>
      </c>
      <c r="K33426" s="2">
        <v>0</v>
      </c>
      <c r="L33426" t="s">
        <v>120</v>
      </c>
      <c r="M33426" t="s">
        <v>83</v>
      </c>
      <c r="N33426" t="s">
        <v>84</v>
      </c>
      <c r="O33426" t="s">
        <v>85</v>
      </c>
      <c r="P33426" t="s">
        <v>86</v>
      </c>
      <c r="Q33426">
        <v>21</v>
      </c>
      <c r="R33426">
        <v>22</v>
      </c>
      <c r="S33426">
        <v>22</v>
      </c>
      <c r="T33426">
        <v>23</v>
      </c>
      <c r="U33426">
        <v>23</v>
      </c>
      <c r="V33426">
        <v>23</v>
      </c>
      <c r="W33426">
        <v>24</v>
      </c>
      <c r="X33426">
        <v>24</v>
      </c>
      <c r="Y33426">
        <v>25</v>
      </c>
      <c r="Z33426">
        <v>25</v>
      </c>
      <c r="AA33426">
        <v>25</v>
      </c>
      <c r="AB33426">
        <v>26</v>
      </c>
      <c r="AC33426">
        <v>26</v>
      </c>
      <c r="AD33426">
        <v>27</v>
      </c>
      <c r="AE33426">
        <v>27</v>
      </c>
      <c r="AF33426">
        <v>28</v>
      </c>
      <c r="AG33426">
        <v>28</v>
      </c>
      <c r="AH33426">
        <v>29</v>
      </c>
      <c r="AI33426">
        <v>29</v>
      </c>
      <c r="AJ33426">
        <v>30</v>
      </c>
      <c r="AK33426">
        <v>30</v>
      </c>
      <c r="AL33426">
        <v>30</v>
      </c>
      <c r="AM33426">
        <v>31</v>
      </c>
      <c r="AN33426">
        <v>31</v>
      </c>
      <c r="AO33426">
        <v>31</v>
      </c>
      <c r="AP33426">
        <v>32</v>
      </c>
      <c r="AQ33426">
        <v>32</v>
      </c>
    </row>
    <row r="33427" spans="1:43">
      <c r="A33427" t="s">
        <v>20711</v>
      </c>
      <c r="B33427" t="s">
        <v>20712</v>
      </c>
      <c r="C33427" t="s">
        <v>20713</v>
      </c>
      <c r="D33427" t="s">
        <v>20714</v>
      </c>
      <c r="E33427" t="s">
        <v>20641</v>
      </c>
      <c r="F33427" t="s">
        <v>20642</v>
      </c>
      <c r="G33427" t="s">
        <v>20255</v>
      </c>
      <c r="H33427" t="s">
        <v>20256</v>
      </c>
      <c r="I33427" s="2">
        <v>1</v>
      </c>
      <c r="J33427" s="2">
        <v>0</v>
      </c>
      <c r="K33427" s="2">
        <v>0</v>
      </c>
      <c r="L33427" t="s">
        <v>120</v>
      </c>
      <c r="M33427" t="s">
        <v>87</v>
      </c>
      <c r="N33427" t="s">
        <v>88</v>
      </c>
      <c r="O33427" t="s">
        <v>85</v>
      </c>
      <c r="P33427" t="s">
        <v>86</v>
      </c>
      <c r="Q33427">
        <v>21</v>
      </c>
      <c r="R33427">
        <v>21</v>
      </c>
      <c r="S33427">
        <v>22</v>
      </c>
      <c r="T33427">
        <v>22</v>
      </c>
      <c r="U33427">
        <v>22</v>
      </c>
      <c r="V33427">
        <v>22</v>
      </c>
      <c r="W33427">
        <v>22</v>
      </c>
      <c r="X33427">
        <v>23</v>
      </c>
      <c r="Y33427">
        <v>23</v>
      </c>
      <c r="Z33427">
        <v>23</v>
      </c>
      <c r="AA33427">
        <v>23</v>
      </c>
      <c r="AB33427">
        <v>24</v>
      </c>
      <c r="AC33427">
        <v>24</v>
      </c>
      <c r="AD33427">
        <v>24</v>
      </c>
      <c r="AE33427">
        <v>24</v>
      </c>
      <c r="AF33427">
        <v>25</v>
      </c>
      <c r="AG33427">
        <v>25</v>
      </c>
      <c r="AH33427">
        <v>25</v>
      </c>
      <c r="AI33427">
        <v>25</v>
      </c>
      <c r="AJ33427">
        <v>26</v>
      </c>
      <c r="AK33427">
        <v>26</v>
      </c>
      <c r="AL33427">
        <v>26</v>
      </c>
      <c r="AM33427">
        <v>26</v>
      </c>
      <c r="AN33427">
        <v>27</v>
      </c>
      <c r="AO33427">
        <v>27</v>
      </c>
      <c r="AP33427">
        <v>27</v>
      </c>
      <c r="AQ33427">
        <v>28</v>
      </c>
    </row>
    <row r="33428" spans="1:43">
      <c r="A33428" t="s">
        <v>20711</v>
      </c>
      <c r="B33428" t="s">
        <v>20712</v>
      </c>
      <c r="C33428" t="s">
        <v>20713</v>
      </c>
      <c r="D33428" t="s">
        <v>20714</v>
      </c>
      <c r="E33428" t="s">
        <v>20641</v>
      </c>
      <c r="F33428" t="s">
        <v>20642</v>
      </c>
      <c r="G33428" t="s">
        <v>20255</v>
      </c>
      <c r="H33428" t="s">
        <v>20256</v>
      </c>
      <c r="I33428" s="2">
        <v>1</v>
      </c>
      <c r="J33428" s="2">
        <v>0</v>
      </c>
      <c r="K33428" s="2">
        <v>0</v>
      </c>
      <c r="L33428" t="s">
        <v>120</v>
      </c>
      <c r="M33428" t="s">
        <v>89</v>
      </c>
      <c r="N33428" t="s">
        <v>90</v>
      </c>
      <c r="O33428" t="s">
        <v>85</v>
      </c>
      <c r="P33428" t="s">
        <v>86</v>
      </c>
      <c r="Q33428">
        <v>21</v>
      </c>
      <c r="R33428">
        <v>21</v>
      </c>
      <c r="S33428">
        <v>22</v>
      </c>
      <c r="T33428">
        <v>22</v>
      </c>
      <c r="U33428">
        <v>23</v>
      </c>
      <c r="V33428">
        <v>23</v>
      </c>
      <c r="W33428">
        <v>24</v>
      </c>
      <c r="X33428">
        <v>25</v>
      </c>
      <c r="Y33428">
        <v>25</v>
      </c>
      <c r="Z33428">
        <v>26</v>
      </c>
      <c r="AA33428">
        <v>26</v>
      </c>
      <c r="AB33428">
        <v>27</v>
      </c>
      <c r="AC33428">
        <v>27</v>
      </c>
      <c r="AD33428">
        <v>28</v>
      </c>
      <c r="AE33428">
        <v>28</v>
      </c>
      <c r="AF33428">
        <v>28</v>
      </c>
      <c r="AG33428">
        <v>29</v>
      </c>
      <c r="AH33428">
        <v>29</v>
      </c>
      <c r="AI33428">
        <v>29</v>
      </c>
      <c r="AJ33428">
        <v>29</v>
      </c>
      <c r="AK33428">
        <v>30</v>
      </c>
      <c r="AL33428">
        <v>30</v>
      </c>
      <c r="AM33428">
        <v>30</v>
      </c>
      <c r="AN33428">
        <v>30</v>
      </c>
      <c r="AO33428">
        <v>31</v>
      </c>
      <c r="AP33428">
        <v>31</v>
      </c>
      <c r="AQ33428">
        <v>31</v>
      </c>
    </row>
    <row r="33429" spans="1:43">
      <c r="A33429" t="s">
        <v>20711</v>
      </c>
      <c r="B33429" t="s">
        <v>20712</v>
      </c>
      <c r="C33429" t="s">
        <v>20713</v>
      </c>
      <c r="D33429" t="s">
        <v>20714</v>
      </c>
      <c r="E33429" t="s">
        <v>20641</v>
      </c>
      <c r="F33429" t="s">
        <v>20642</v>
      </c>
      <c r="G33429" t="s">
        <v>20255</v>
      </c>
      <c r="H33429" t="s">
        <v>20256</v>
      </c>
      <c r="I33429" s="2">
        <v>1</v>
      </c>
      <c r="J33429" s="2">
        <v>0</v>
      </c>
      <c r="K33429" s="2">
        <v>0</v>
      </c>
      <c r="L33429" t="s">
        <v>120</v>
      </c>
      <c r="M33429" t="s">
        <v>83</v>
      </c>
      <c r="N33429" t="s">
        <v>91</v>
      </c>
      <c r="O33429" t="s">
        <v>85</v>
      </c>
      <c r="P33429" t="s">
        <v>86</v>
      </c>
      <c r="Q33429">
        <v>21</v>
      </c>
      <c r="R33429">
        <v>22</v>
      </c>
      <c r="S33429">
        <v>22</v>
      </c>
      <c r="T33429">
        <v>23</v>
      </c>
      <c r="U33429">
        <v>23</v>
      </c>
      <c r="V33429">
        <v>23</v>
      </c>
      <c r="W33429">
        <v>24</v>
      </c>
      <c r="X33429">
        <v>24</v>
      </c>
      <c r="Y33429">
        <v>25</v>
      </c>
      <c r="Z33429">
        <v>25</v>
      </c>
      <c r="AA33429">
        <v>25</v>
      </c>
      <c r="AB33429">
        <v>26</v>
      </c>
      <c r="AC33429">
        <v>26</v>
      </c>
      <c r="AD33429">
        <v>27</v>
      </c>
      <c r="AE33429">
        <v>27</v>
      </c>
      <c r="AF33429">
        <v>28</v>
      </c>
      <c r="AG33429">
        <v>28</v>
      </c>
      <c r="AH33429">
        <v>29</v>
      </c>
      <c r="AI33429">
        <v>29</v>
      </c>
      <c r="AJ33429">
        <v>30</v>
      </c>
      <c r="AK33429">
        <v>30</v>
      </c>
      <c r="AL33429">
        <v>30</v>
      </c>
      <c r="AM33429">
        <v>31</v>
      </c>
      <c r="AN33429">
        <v>31</v>
      </c>
      <c r="AO33429">
        <v>31</v>
      </c>
      <c r="AP33429">
        <v>32</v>
      </c>
      <c r="AQ33429">
        <v>32</v>
      </c>
    </row>
    <row r="33430" spans="1:43">
      <c r="A33430" t="s">
        <v>20715</v>
      </c>
      <c r="B33430" t="s">
        <v>20716</v>
      </c>
      <c r="C33430" t="s">
        <v>20713</v>
      </c>
      <c r="D33430" t="s">
        <v>20714</v>
      </c>
      <c r="E33430" t="s">
        <v>20641</v>
      </c>
      <c r="F33430" t="s">
        <v>20642</v>
      </c>
      <c r="G33430" t="s">
        <v>20255</v>
      </c>
      <c r="H33430" t="s">
        <v>20256</v>
      </c>
      <c r="I33430" s="2">
        <v>1</v>
      </c>
      <c r="J33430" s="2">
        <v>0</v>
      </c>
      <c r="K33430" s="2">
        <v>0</v>
      </c>
      <c r="L33430" t="s">
        <v>120</v>
      </c>
      <c r="M33430" t="s">
        <v>83</v>
      </c>
      <c r="N33430" t="s">
        <v>84</v>
      </c>
      <c r="O33430" t="s">
        <v>85</v>
      </c>
      <c r="P33430" t="s">
        <v>86</v>
      </c>
      <c r="Q33430">
        <v>37</v>
      </c>
      <c r="R33430">
        <v>38</v>
      </c>
      <c r="S33430">
        <v>39</v>
      </c>
      <c r="T33430">
        <v>39</v>
      </c>
      <c r="U33430">
        <v>40</v>
      </c>
      <c r="V33430">
        <v>41</v>
      </c>
      <c r="W33430">
        <v>41</v>
      </c>
      <c r="X33430">
        <v>42</v>
      </c>
      <c r="Y33430">
        <v>43</v>
      </c>
      <c r="Z33430">
        <v>44</v>
      </c>
      <c r="AA33430">
        <v>44</v>
      </c>
      <c r="AB33430">
        <v>45</v>
      </c>
      <c r="AC33430">
        <v>46</v>
      </c>
      <c r="AD33430">
        <v>46</v>
      </c>
      <c r="AE33430">
        <v>47</v>
      </c>
      <c r="AF33430">
        <v>48</v>
      </c>
      <c r="AG33430">
        <v>49</v>
      </c>
      <c r="AH33430">
        <v>50</v>
      </c>
      <c r="AI33430">
        <v>50</v>
      </c>
      <c r="AJ33430">
        <v>51</v>
      </c>
      <c r="AK33430">
        <v>52</v>
      </c>
      <c r="AL33430">
        <v>53</v>
      </c>
      <c r="AM33430">
        <v>53</v>
      </c>
      <c r="AN33430">
        <v>54</v>
      </c>
      <c r="AO33430">
        <v>54</v>
      </c>
      <c r="AP33430">
        <v>55</v>
      </c>
      <c r="AQ33430">
        <v>55</v>
      </c>
    </row>
    <row r="33431" spans="1:43">
      <c r="A33431" t="s">
        <v>20715</v>
      </c>
      <c r="B33431" t="s">
        <v>20716</v>
      </c>
      <c r="C33431" t="s">
        <v>20713</v>
      </c>
      <c r="D33431" t="s">
        <v>20714</v>
      </c>
      <c r="E33431" t="s">
        <v>20641</v>
      </c>
      <c r="F33431" t="s">
        <v>20642</v>
      </c>
      <c r="G33431" t="s">
        <v>20255</v>
      </c>
      <c r="H33431" t="s">
        <v>20256</v>
      </c>
      <c r="I33431" s="2">
        <v>1</v>
      </c>
      <c r="J33431" s="2">
        <v>0</v>
      </c>
      <c r="K33431" s="2">
        <v>0</v>
      </c>
      <c r="L33431" t="s">
        <v>120</v>
      </c>
      <c r="M33431" t="s">
        <v>87</v>
      </c>
      <c r="N33431" t="s">
        <v>88</v>
      </c>
      <c r="O33431" t="s">
        <v>85</v>
      </c>
      <c r="P33431" t="s">
        <v>86</v>
      </c>
      <c r="Q33431">
        <v>37</v>
      </c>
      <c r="R33431">
        <v>37</v>
      </c>
      <c r="S33431">
        <v>38</v>
      </c>
      <c r="T33431">
        <v>38</v>
      </c>
      <c r="U33431">
        <v>38</v>
      </c>
      <c r="V33431">
        <v>39</v>
      </c>
      <c r="W33431">
        <v>39</v>
      </c>
      <c r="X33431">
        <v>39</v>
      </c>
      <c r="Y33431">
        <v>40</v>
      </c>
      <c r="Z33431">
        <v>40</v>
      </c>
      <c r="AA33431">
        <v>40</v>
      </c>
      <c r="AB33431">
        <v>41</v>
      </c>
      <c r="AC33431">
        <v>41</v>
      </c>
      <c r="AD33431">
        <v>42</v>
      </c>
      <c r="AE33431">
        <v>42</v>
      </c>
      <c r="AF33431">
        <v>43</v>
      </c>
      <c r="AG33431">
        <v>43</v>
      </c>
      <c r="AH33431">
        <v>43</v>
      </c>
      <c r="AI33431">
        <v>44</v>
      </c>
      <c r="AJ33431">
        <v>44</v>
      </c>
      <c r="AK33431">
        <v>45</v>
      </c>
      <c r="AL33431">
        <v>45</v>
      </c>
      <c r="AM33431">
        <v>46</v>
      </c>
      <c r="AN33431">
        <v>46</v>
      </c>
      <c r="AO33431">
        <v>47</v>
      </c>
      <c r="AP33431">
        <v>48</v>
      </c>
      <c r="AQ33431">
        <v>48</v>
      </c>
    </row>
    <row r="33432" spans="1:43">
      <c r="A33432" t="s">
        <v>20715</v>
      </c>
      <c r="B33432" t="s">
        <v>20716</v>
      </c>
      <c r="C33432" t="s">
        <v>20713</v>
      </c>
      <c r="D33432" t="s">
        <v>20714</v>
      </c>
      <c r="E33432" t="s">
        <v>20641</v>
      </c>
      <c r="F33432" t="s">
        <v>20642</v>
      </c>
      <c r="G33432" t="s">
        <v>20255</v>
      </c>
      <c r="H33432" t="s">
        <v>20256</v>
      </c>
      <c r="I33432" s="2">
        <v>1</v>
      </c>
      <c r="J33432" s="2">
        <v>0</v>
      </c>
      <c r="K33432" s="2">
        <v>0</v>
      </c>
      <c r="L33432" t="s">
        <v>120</v>
      </c>
      <c r="M33432" t="s">
        <v>89</v>
      </c>
      <c r="N33432" t="s">
        <v>90</v>
      </c>
      <c r="O33432" t="s">
        <v>85</v>
      </c>
      <c r="P33432" t="s">
        <v>86</v>
      </c>
      <c r="Q33432">
        <v>37</v>
      </c>
      <c r="R33432">
        <v>38</v>
      </c>
      <c r="S33432">
        <v>40</v>
      </c>
      <c r="T33432">
        <v>41</v>
      </c>
      <c r="U33432">
        <v>42</v>
      </c>
      <c r="V33432">
        <v>42</v>
      </c>
      <c r="W33432">
        <v>43</v>
      </c>
      <c r="X33432">
        <v>44</v>
      </c>
      <c r="Y33432">
        <v>45</v>
      </c>
      <c r="Z33432">
        <v>46</v>
      </c>
      <c r="AA33432">
        <v>47</v>
      </c>
      <c r="AB33432">
        <v>48</v>
      </c>
      <c r="AC33432">
        <v>49</v>
      </c>
      <c r="AD33432">
        <v>50</v>
      </c>
      <c r="AE33432">
        <v>50</v>
      </c>
      <c r="AF33432">
        <v>51</v>
      </c>
      <c r="AG33432">
        <v>51</v>
      </c>
      <c r="AH33432">
        <v>52</v>
      </c>
      <c r="AI33432">
        <v>52</v>
      </c>
      <c r="AJ33432">
        <v>53</v>
      </c>
      <c r="AK33432">
        <v>53</v>
      </c>
      <c r="AL33432">
        <v>53</v>
      </c>
      <c r="AM33432">
        <v>54</v>
      </c>
      <c r="AN33432">
        <v>54</v>
      </c>
      <c r="AO33432">
        <v>55</v>
      </c>
      <c r="AP33432">
        <v>55</v>
      </c>
      <c r="AQ33432">
        <v>56</v>
      </c>
    </row>
    <row r="33433" spans="1:43">
      <c r="A33433" t="s">
        <v>20715</v>
      </c>
      <c r="B33433" t="s">
        <v>20716</v>
      </c>
      <c r="C33433" t="s">
        <v>20713</v>
      </c>
      <c r="D33433" t="s">
        <v>20714</v>
      </c>
      <c r="E33433" t="s">
        <v>20641</v>
      </c>
      <c r="F33433" t="s">
        <v>20642</v>
      </c>
      <c r="G33433" t="s">
        <v>20255</v>
      </c>
      <c r="H33433" t="s">
        <v>20256</v>
      </c>
      <c r="I33433" s="2">
        <v>1</v>
      </c>
      <c r="J33433" s="2">
        <v>0</v>
      </c>
      <c r="K33433" s="2">
        <v>0</v>
      </c>
      <c r="L33433" t="s">
        <v>120</v>
      </c>
      <c r="M33433" t="s">
        <v>83</v>
      </c>
      <c r="N33433" t="s">
        <v>91</v>
      </c>
      <c r="O33433" t="s">
        <v>85</v>
      </c>
      <c r="P33433" t="s">
        <v>86</v>
      </c>
      <c r="Q33433">
        <v>37</v>
      </c>
      <c r="R33433">
        <v>38</v>
      </c>
      <c r="S33433">
        <v>39</v>
      </c>
      <c r="T33433">
        <v>39</v>
      </c>
      <c r="U33433">
        <v>40</v>
      </c>
      <c r="V33433">
        <v>41</v>
      </c>
      <c r="W33433">
        <v>41</v>
      </c>
      <c r="X33433">
        <v>42</v>
      </c>
      <c r="Y33433">
        <v>43</v>
      </c>
      <c r="Z33433">
        <v>44</v>
      </c>
      <c r="AA33433">
        <v>44</v>
      </c>
      <c r="AB33433">
        <v>45</v>
      </c>
      <c r="AC33433">
        <v>46</v>
      </c>
      <c r="AD33433">
        <v>46</v>
      </c>
      <c r="AE33433">
        <v>47</v>
      </c>
      <c r="AF33433">
        <v>48</v>
      </c>
      <c r="AG33433">
        <v>49</v>
      </c>
      <c r="AH33433">
        <v>50</v>
      </c>
      <c r="AI33433">
        <v>50</v>
      </c>
      <c r="AJ33433">
        <v>51</v>
      </c>
      <c r="AK33433">
        <v>52</v>
      </c>
      <c r="AL33433">
        <v>53</v>
      </c>
      <c r="AM33433">
        <v>53</v>
      </c>
      <c r="AN33433">
        <v>54</v>
      </c>
      <c r="AO33433">
        <v>54</v>
      </c>
      <c r="AP33433">
        <v>55</v>
      </c>
      <c r="AQ33433">
        <v>55</v>
      </c>
    </row>
    <row r="33434" spans="1:43">
      <c r="A33434" t="s">
        <v>20717</v>
      </c>
      <c r="B33434" t="s">
        <v>20718</v>
      </c>
      <c r="C33434" t="s">
        <v>20713</v>
      </c>
      <c r="D33434" t="s">
        <v>20714</v>
      </c>
      <c r="E33434" t="s">
        <v>20641</v>
      </c>
      <c r="F33434" t="s">
        <v>20642</v>
      </c>
      <c r="G33434" t="s">
        <v>20255</v>
      </c>
      <c r="H33434" t="s">
        <v>20256</v>
      </c>
      <c r="I33434" s="2">
        <v>1</v>
      </c>
      <c r="J33434" s="2">
        <v>0</v>
      </c>
      <c r="K33434" s="2">
        <v>0</v>
      </c>
      <c r="L33434" t="s">
        <v>120</v>
      </c>
      <c r="M33434" t="s">
        <v>83</v>
      </c>
      <c r="N33434" t="s">
        <v>84</v>
      </c>
      <c r="O33434" t="s">
        <v>85</v>
      </c>
      <c r="P33434" t="s">
        <v>86</v>
      </c>
      <c r="Q33434">
        <v>28</v>
      </c>
      <c r="R33434">
        <v>29</v>
      </c>
      <c r="S33434">
        <v>29</v>
      </c>
      <c r="T33434">
        <v>30</v>
      </c>
      <c r="U33434">
        <v>30</v>
      </c>
      <c r="V33434">
        <v>31</v>
      </c>
      <c r="W33434">
        <v>32</v>
      </c>
      <c r="X33434">
        <v>32</v>
      </c>
      <c r="Y33434">
        <v>33</v>
      </c>
      <c r="Z33434">
        <v>33</v>
      </c>
      <c r="AA33434">
        <v>34</v>
      </c>
      <c r="AB33434">
        <v>34</v>
      </c>
      <c r="AC33434">
        <v>35</v>
      </c>
      <c r="AD33434">
        <v>35</v>
      </c>
      <c r="AE33434">
        <v>36</v>
      </c>
      <c r="AF33434">
        <v>36</v>
      </c>
      <c r="AG33434">
        <v>37</v>
      </c>
      <c r="AH33434">
        <v>38</v>
      </c>
      <c r="AI33434">
        <v>38</v>
      </c>
      <c r="AJ33434">
        <v>39</v>
      </c>
      <c r="AK33434">
        <v>39</v>
      </c>
      <c r="AL33434">
        <v>40</v>
      </c>
      <c r="AM33434">
        <v>40</v>
      </c>
      <c r="AN33434">
        <v>41</v>
      </c>
      <c r="AO33434">
        <v>41</v>
      </c>
      <c r="AP33434">
        <v>41</v>
      </c>
      <c r="AQ33434">
        <v>42</v>
      </c>
    </row>
    <row r="33435" spans="1:43">
      <c r="A33435" t="s">
        <v>20717</v>
      </c>
      <c r="B33435" t="s">
        <v>20718</v>
      </c>
      <c r="C33435" t="s">
        <v>20713</v>
      </c>
      <c r="D33435" t="s">
        <v>20714</v>
      </c>
      <c r="E33435" t="s">
        <v>20641</v>
      </c>
      <c r="F33435" t="s">
        <v>20642</v>
      </c>
      <c r="G33435" t="s">
        <v>20255</v>
      </c>
      <c r="H33435" t="s">
        <v>20256</v>
      </c>
      <c r="I33435" s="2">
        <v>1</v>
      </c>
      <c r="J33435" s="2">
        <v>0</v>
      </c>
      <c r="K33435" s="2">
        <v>0</v>
      </c>
      <c r="L33435" t="s">
        <v>120</v>
      </c>
      <c r="M33435" t="s">
        <v>87</v>
      </c>
      <c r="N33435" t="s">
        <v>88</v>
      </c>
      <c r="O33435" t="s">
        <v>85</v>
      </c>
      <c r="P33435" t="s">
        <v>86</v>
      </c>
      <c r="Q33435">
        <v>28</v>
      </c>
      <c r="R33435">
        <v>28</v>
      </c>
      <c r="S33435">
        <v>29</v>
      </c>
      <c r="T33435">
        <v>29</v>
      </c>
      <c r="U33435">
        <v>29</v>
      </c>
      <c r="V33435">
        <v>29</v>
      </c>
      <c r="W33435">
        <v>30</v>
      </c>
      <c r="X33435">
        <v>30</v>
      </c>
      <c r="Y33435">
        <v>30</v>
      </c>
      <c r="Z33435">
        <v>30</v>
      </c>
      <c r="AA33435">
        <v>31</v>
      </c>
      <c r="AB33435">
        <v>31</v>
      </c>
      <c r="AC33435">
        <v>31</v>
      </c>
      <c r="AD33435">
        <v>32</v>
      </c>
      <c r="AE33435">
        <v>32</v>
      </c>
      <c r="AF33435">
        <v>32</v>
      </c>
      <c r="AG33435">
        <v>32</v>
      </c>
      <c r="AH33435">
        <v>33</v>
      </c>
      <c r="AI33435">
        <v>33</v>
      </c>
      <c r="AJ33435">
        <v>33</v>
      </c>
      <c r="AK33435">
        <v>34</v>
      </c>
      <c r="AL33435">
        <v>34</v>
      </c>
      <c r="AM33435">
        <v>35</v>
      </c>
      <c r="AN33435">
        <v>35</v>
      </c>
      <c r="AO33435">
        <v>35</v>
      </c>
      <c r="AP33435">
        <v>36</v>
      </c>
      <c r="AQ33435">
        <v>36</v>
      </c>
    </row>
    <row r="33436" spans="1:43">
      <c r="A33436" t="s">
        <v>20717</v>
      </c>
      <c r="B33436" t="s">
        <v>20718</v>
      </c>
      <c r="C33436" t="s">
        <v>20713</v>
      </c>
      <c r="D33436" t="s">
        <v>20714</v>
      </c>
      <c r="E33436" t="s">
        <v>20641</v>
      </c>
      <c r="F33436" t="s">
        <v>20642</v>
      </c>
      <c r="G33436" t="s">
        <v>20255</v>
      </c>
      <c r="H33436" t="s">
        <v>20256</v>
      </c>
      <c r="I33436" s="2">
        <v>1</v>
      </c>
      <c r="J33436" s="2">
        <v>0</v>
      </c>
      <c r="K33436" s="2">
        <v>0</v>
      </c>
      <c r="L33436" t="s">
        <v>120</v>
      </c>
      <c r="M33436" t="s">
        <v>89</v>
      </c>
      <c r="N33436" t="s">
        <v>90</v>
      </c>
      <c r="O33436" t="s">
        <v>85</v>
      </c>
      <c r="P33436" t="s">
        <v>86</v>
      </c>
      <c r="Q33436">
        <v>28</v>
      </c>
      <c r="R33436">
        <v>28</v>
      </c>
      <c r="S33436">
        <v>29</v>
      </c>
      <c r="T33436">
        <v>30</v>
      </c>
      <c r="U33436">
        <v>31</v>
      </c>
      <c r="V33436">
        <v>31</v>
      </c>
      <c r="W33436">
        <v>32</v>
      </c>
      <c r="X33436">
        <v>33</v>
      </c>
      <c r="Y33436">
        <v>33</v>
      </c>
      <c r="Z33436">
        <v>34</v>
      </c>
      <c r="AA33436">
        <v>35</v>
      </c>
      <c r="AB33436">
        <v>35</v>
      </c>
      <c r="AC33436">
        <v>36</v>
      </c>
      <c r="AD33436">
        <v>37</v>
      </c>
      <c r="AE33436">
        <v>37</v>
      </c>
      <c r="AF33436">
        <v>38</v>
      </c>
      <c r="AG33436">
        <v>38</v>
      </c>
      <c r="AH33436">
        <v>38</v>
      </c>
      <c r="AI33436">
        <v>38</v>
      </c>
      <c r="AJ33436">
        <v>39</v>
      </c>
      <c r="AK33436">
        <v>39</v>
      </c>
      <c r="AL33436">
        <v>39</v>
      </c>
      <c r="AM33436">
        <v>40</v>
      </c>
      <c r="AN33436">
        <v>40</v>
      </c>
      <c r="AO33436">
        <v>40</v>
      </c>
      <c r="AP33436">
        <v>41</v>
      </c>
      <c r="AQ33436">
        <v>41</v>
      </c>
    </row>
    <row r="33437" spans="1:43">
      <c r="A33437" t="s">
        <v>20717</v>
      </c>
      <c r="B33437" t="s">
        <v>20718</v>
      </c>
      <c r="C33437" t="s">
        <v>20713</v>
      </c>
      <c r="D33437" t="s">
        <v>20714</v>
      </c>
      <c r="E33437" t="s">
        <v>20641</v>
      </c>
      <c r="F33437" t="s">
        <v>20642</v>
      </c>
      <c r="G33437" t="s">
        <v>20255</v>
      </c>
      <c r="H33437" t="s">
        <v>20256</v>
      </c>
      <c r="I33437" s="2">
        <v>1</v>
      </c>
      <c r="J33437" s="2">
        <v>0</v>
      </c>
      <c r="K33437" s="2">
        <v>0</v>
      </c>
      <c r="L33437" t="s">
        <v>120</v>
      </c>
      <c r="M33437" t="s">
        <v>83</v>
      </c>
      <c r="N33437" t="s">
        <v>91</v>
      </c>
      <c r="O33437" t="s">
        <v>85</v>
      </c>
      <c r="P33437" t="s">
        <v>86</v>
      </c>
      <c r="Q33437">
        <v>28</v>
      </c>
      <c r="R33437">
        <v>29</v>
      </c>
      <c r="S33437">
        <v>29</v>
      </c>
      <c r="T33437">
        <v>30</v>
      </c>
      <c r="U33437">
        <v>30</v>
      </c>
      <c r="V33437">
        <v>31</v>
      </c>
      <c r="W33437">
        <v>32</v>
      </c>
      <c r="X33437">
        <v>32</v>
      </c>
      <c r="Y33437">
        <v>33</v>
      </c>
      <c r="Z33437">
        <v>33</v>
      </c>
      <c r="AA33437">
        <v>34</v>
      </c>
      <c r="AB33437">
        <v>34</v>
      </c>
      <c r="AC33437">
        <v>35</v>
      </c>
      <c r="AD33437">
        <v>35</v>
      </c>
      <c r="AE33437">
        <v>36</v>
      </c>
      <c r="AF33437">
        <v>36</v>
      </c>
      <c r="AG33437">
        <v>37</v>
      </c>
      <c r="AH33437">
        <v>38</v>
      </c>
      <c r="AI33437">
        <v>38</v>
      </c>
      <c r="AJ33437">
        <v>39</v>
      </c>
      <c r="AK33437">
        <v>39</v>
      </c>
      <c r="AL33437">
        <v>40</v>
      </c>
      <c r="AM33437">
        <v>40</v>
      </c>
      <c r="AN33437">
        <v>41</v>
      </c>
      <c r="AO33437">
        <v>41</v>
      </c>
      <c r="AP33437">
        <v>41</v>
      </c>
      <c r="AQ33437">
        <v>42</v>
      </c>
    </row>
    <row r="33438" spans="1:43">
      <c r="A33438" t="s">
        <v>20719</v>
      </c>
      <c r="B33438" t="s">
        <v>20720</v>
      </c>
      <c r="C33438" t="s">
        <v>20721</v>
      </c>
      <c r="D33438" t="s">
        <v>20722</v>
      </c>
      <c r="E33438" t="s">
        <v>20641</v>
      </c>
      <c r="F33438" t="s">
        <v>20642</v>
      </c>
      <c r="G33438" t="s">
        <v>20255</v>
      </c>
      <c r="H33438" t="s">
        <v>20256</v>
      </c>
      <c r="I33438" s="2">
        <v>1</v>
      </c>
      <c r="J33438" s="2">
        <v>0</v>
      </c>
      <c r="K33438" s="2">
        <v>0</v>
      </c>
      <c r="L33438" t="s">
        <v>120</v>
      </c>
      <c r="M33438" t="s">
        <v>83</v>
      </c>
      <c r="N33438" t="s">
        <v>84</v>
      </c>
      <c r="O33438" t="s">
        <v>85</v>
      </c>
      <c r="P33438" t="s">
        <v>86</v>
      </c>
      <c r="Q33438">
        <v>21</v>
      </c>
      <c r="R33438">
        <v>22</v>
      </c>
      <c r="S33438">
        <v>22</v>
      </c>
      <c r="T33438">
        <v>23</v>
      </c>
      <c r="U33438">
        <v>23</v>
      </c>
      <c r="V33438">
        <v>23</v>
      </c>
      <c r="W33438">
        <v>24</v>
      </c>
      <c r="X33438">
        <v>24</v>
      </c>
      <c r="Y33438">
        <v>24</v>
      </c>
      <c r="Z33438">
        <v>25</v>
      </c>
      <c r="AA33438">
        <v>25</v>
      </c>
      <c r="AB33438">
        <v>26</v>
      </c>
      <c r="AC33438">
        <v>26</v>
      </c>
      <c r="AD33438">
        <v>26</v>
      </c>
      <c r="AE33438">
        <v>27</v>
      </c>
      <c r="AF33438">
        <v>27</v>
      </c>
      <c r="AG33438">
        <v>28</v>
      </c>
      <c r="AH33438">
        <v>28</v>
      </c>
      <c r="AI33438">
        <v>28</v>
      </c>
      <c r="AJ33438">
        <v>29</v>
      </c>
      <c r="AK33438">
        <v>29</v>
      </c>
      <c r="AL33438">
        <v>30</v>
      </c>
      <c r="AM33438">
        <v>30</v>
      </c>
      <c r="AN33438">
        <v>30</v>
      </c>
      <c r="AO33438">
        <v>30</v>
      </c>
      <c r="AP33438">
        <v>30</v>
      </c>
      <c r="AQ33438">
        <v>31</v>
      </c>
    </row>
    <row r="33439" spans="1:43">
      <c r="A33439" t="s">
        <v>20719</v>
      </c>
      <c r="B33439" t="s">
        <v>20720</v>
      </c>
      <c r="C33439" t="s">
        <v>20721</v>
      </c>
      <c r="D33439" t="s">
        <v>20722</v>
      </c>
      <c r="E33439" t="s">
        <v>20641</v>
      </c>
      <c r="F33439" t="s">
        <v>20642</v>
      </c>
      <c r="G33439" t="s">
        <v>20255</v>
      </c>
      <c r="H33439" t="s">
        <v>20256</v>
      </c>
      <c r="I33439" s="2">
        <v>1</v>
      </c>
      <c r="J33439" s="2">
        <v>0</v>
      </c>
      <c r="K33439" s="2">
        <v>0</v>
      </c>
      <c r="L33439" t="s">
        <v>120</v>
      </c>
      <c r="M33439" t="s">
        <v>87</v>
      </c>
      <c r="N33439" t="s">
        <v>88</v>
      </c>
      <c r="O33439" t="s">
        <v>85</v>
      </c>
      <c r="P33439" t="s">
        <v>86</v>
      </c>
      <c r="Q33439">
        <v>21</v>
      </c>
      <c r="R33439">
        <v>21</v>
      </c>
      <c r="S33439">
        <v>22</v>
      </c>
      <c r="T33439">
        <v>22</v>
      </c>
      <c r="U33439">
        <v>22</v>
      </c>
      <c r="V33439">
        <v>22</v>
      </c>
      <c r="W33439">
        <v>22</v>
      </c>
      <c r="X33439">
        <v>22</v>
      </c>
      <c r="Y33439">
        <v>23</v>
      </c>
      <c r="Z33439">
        <v>23</v>
      </c>
      <c r="AA33439">
        <v>23</v>
      </c>
      <c r="AB33439">
        <v>23</v>
      </c>
      <c r="AC33439">
        <v>23</v>
      </c>
      <c r="AD33439">
        <v>24</v>
      </c>
      <c r="AE33439">
        <v>24</v>
      </c>
      <c r="AF33439">
        <v>24</v>
      </c>
      <c r="AG33439">
        <v>24</v>
      </c>
      <c r="AH33439">
        <v>24</v>
      </c>
      <c r="AI33439">
        <v>25</v>
      </c>
      <c r="AJ33439">
        <v>25</v>
      </c>
      <c r="AK33439">
        <v>25</v>
      </c>
      <c r="AL33439">
        <v>25</v>
      </c>
      <c r="AM33439">
        <v>26</v>
      </c>
      <c r="AN33439">
        <v>26</v>
      </c>
      <c r="AO33439">
        <v>26</v>
      </c>
      <c r="AP33439">
        <v>26</v>
      </c>
      <c r="AQ33439">
        <v>27</v>
      </c>
    </row>
    <row r="33440" spans="1:43">
      <c r="A33440" t="s">
        <v>20719</v>
      </c>
      <c r="B33440" t="s">
        <v>20720</v>
      </c>
      <c r="C33440" t="s">
        <v>20721</v>
      </c>
      <c r="D33440" t="s">
        <v>20722</v>
      </c>
      <c r="E33440" t="s">
        <v>20641</v>
      </c>
      <c r="F33440" t="s">
        <v>20642</v>
      </c>
      <c r="G33440" t="s">
        <v>20255</v>
      </c>
      <c r="H33440" t="s">
        <v>20256</v>
      </c>
      <c r="I33440" s="2">
        <v>1</v>
      </c>
      <c r="J33440" s="2">
        <v>0</v>
      </c>
      <c r="K33440" s="2">
        <v>0</v>
      </c>
      <c r="L33440" t="s">
        <v>120</v>
      </c>
      <c r="M33440" t="s">
        <v>89</v>
      </c>
      <c r="N33440" t="s">
        <v>90</v>
      </c>
      <c r="O33440" t="s">
        <v>85</v>
      </c>
      <c r="P33440" t="s">
        <v>86</v>
      </c>
      <c r="Q33440">
        <v>21</v>
      </c>
      <c r="R33440">
        <v>21</v>
      </c>
      <c r="S33440">
        <v>22</v>
      </c>
      <c r="T33440">
        <v>22</v>
      </c>
      <c r="U33440">
        <v>23</v>
      </c>
      <c r="V33440">
        <v>23</v>
      </c>
      <c r="W33440">
        <v>24</v>
      </c>
      <c r="X33440">
        <v>24</v>
      </c>
      <c r="Y33440">
        <v>25</v>
      </c>
      <c r="Z33440">
        <v>25</v>
      </c>
      <c r="AA33440">
        <v>26</v>
      </c>
      <c r="AB33440">
        <v>26</v>
      </c>
      <c r="AC33440">
        <v>27</v>
      </c>
      <c r="AD33440">
        <v>27</v>
      </c>
      <c r="AE33440">
        <v>28</v>
      </c>
      <c r="AF33440">
        <v>28</v>
      </c>
      <c r="AG33440">
        <v>28</v>
      </c>
      <c r="AH33440">
        <v>28</v>
      </c>
      <c r="AI33440">
        <v>28</v>
      </c>
      <c r="AJ33440">
        <v>29</v>
      </c>
      <c r="AK33440">
        <v>29</v>
      </c>
      <c r="AL33440">
        <v>29</v>
      </c>
      <c r="AM33440">
        <v>29</v>
      </c>
      <c r="AN33440">
        <v>29</v>
      </c>
      <c r="AO33440">
        <v>30</v>
      </c>
      <c r="AP33440">
        <v>30</v>
      </c>
      <c r="AQ33440">
        <v>30</v>
      </c>
    </row>
    <row r="33441" spans="1:43">
      <c r="A33441" t="s">
        <v>20719</v>
      </c>
      <c r="B33441" t="s">
        <v>20720</v>
      </c>
      <c r="C33441" t="s">
        <v>20721</v>
      </c>
      <c r="D33441" t="s">
        <v>20722</v>
      </c>
      <c r="E33441" t="s">
        <v>20641</v>
      </c>
      <c r="F33441" t="s">
        <v>20642</v>
      </c>
      <c r="G33441" t="s">
        <v>20255</v>
      </c>
      <c r="H33441" t="s">
        <v>20256</v>
      </c>
      <c r="I33441" s="2">
        <v>1</v>
      </c>
      <c r="J33441" s="2">
        <v>0</v>
      </c>
      <c r="K33441" s="2">
        <v>0</v>
      </c>
      <c r="L33441" t="s">
        <v>120</v>
      </c>
      <c r="M33441" t="s">
        <v>83</v>
      </c>
      <c r="N33441" t="s">
        <v>91</v>
      </c>
      <c r="O33441" t="s">
        <v>85</v>
      </c>
      <c r="P33441" t="s">
        <v>86</v>
      </c>
      <c r="Q33441">
        <v>21</v>
      </c>
      <c r="R33441">
        <v>22</v>
      </c>
      <c r="S33441">
        <v>22</v>
      </c>
      <c r="T33441">
        <v>23</v>
      </c>
      <c r="U33441">
        <v>23</v>
      </c>
      <c r="V33441">
        <v>23</v>
      </c>
      <c r="W33441">
        <v>24</v>
      </c>
      <c r="X33441">
        <v>24</v>
      </c>
      <c r="Y33441">
        <v>24</v>
      </c>
      <c r="Z33441">
        <v>25</v>
      </c>
      <c r="AA33441">
        <v>25</v>
      </c>
      <c r="AB33441">
        <v>26</v>
      </c>
      <c r="AC33441">
        <v>26</v>
      </c>
      <c r="AD33441">
        <v>26</v>
      </c>
      <c r="AE33441">
        <v>27</v>
      </c>
      <c r="AF33441">
        <v>27</v>
      </c>
      <c r="AG33441">
        <v>28</v>
      </c>
      <c r="AH33441">
        <v>28</v>
      </c>
      <c r="AI33441">
        <v>28</v>
      </c>
      <c r="AJ33441">
        <v>29</v>
      </c>
      <c r="AK33441">
        <v>29</v>
      </c>
      <c r="AL33441">
        <v>30</v>
      </c>
      <c r="AM33441">
        <v>30</v>
      </c>
      <c r="AN33441">
        <v>30</v>
      </c>
      <c r="AO33441">
        <v>30</v>
      </c>
      <c r="AP33441">
        <v>30</v>
      </c>
      <c r="AQ33441">
        <v>31</v>
      </c>
    </row>
    <row r="33442" spans="1:43">
      <c r="A33442" t="s">
        <v>20723</v>
      </c>
      <c r="B33442" t="s">
        <v>20724</v>
      </c>
      <c r="C33442" t="s">
        <v>20721</v>
      </c>
      <c r="D33442" t="s">
        <v>20722</v>
      </c>
      <c r="E33442" t="s">
        <v>20641</v>
      </c>
      <c r="F33442" t="s">
        <v>20642</v>
      </c>
      <c r="G33442" t="s">
        <v>20255</v>
      </c>
      <c r="H33442" t="s">
        <v>20256</v>
      </c>
      <c r="I33442" s="2">
        <v>1</v>
      </c>
      <c r="J33442" s="2">
        <v>0</v>
      </c>
      <c r="K33442" s="2">
        <v>0</v>
      </c>
      <c r="L33442" t="s">
        <v>120</v>
      </c>
      <c r="M33442" t="s">
        <v>83</v>
      </c>
      <c r="N33442" t="s">
        <v>84</v>
      </c>
      <c r="O33442" t="s">
        <v>85</v>
      </c>
      <c r="P33442" t="s">
        <v>86</v>
      </c>
      <c r="Q33442">
        <v>26</v>
      </c>
      <c r="R33442">
        <v>26</v>
      </c>
      <c r="S33442">
        <v>27</v>
      </c>
      <c r="T33442">
        <v>27</v>
      </c>
      <c r="U33442">
        <v>28</v>
      </c>
      <c r="V33442">
        <v>28</v>
      </c>
      <c r="W33442">
        <v>29</v>
      </c>
      <c r="X33442">
        <v>29</v>
      </c>
      <c r="Y33442">
        <v>30</v>
      </c>
      <c r="Z33442">
        <v>30</v>
      </c>
      <c r="AA33442">
        <v>30</v>
      </c>
      <c r="AB33442">
        <v>31</v>
      </c>
      <c r="AC33442">
        <v>31</v>
      </c>
      <c r="AD33442">
        <v>32</v>
      </c>
      <c r="AE33442">
        <v>32</v>
      </c>
      <c r="AF33442">
        <v>33</v>
      </c>
      <c r="AG33442">
        <v>33</v>
      </c>
      <c r="AH33442">
        <v>34</v>
      </c>
      <c r="AI33442">
        <v>34</v>
      </c>
      <c r="AJ33442">
        <v>35</v>
      </c>
      <c r="AK33442">
        <v>36</v>
      </c>
      <c r="AL33442">
        <v>36</v>
      </c>
      <c r="AM33442">
        <v>36</v>
      </c>
      <c r="AN33442">
        <v>36</v>
      </c>
      <c r="AO33442">
        <v>37</v>
      </c>
      <c r="AP33442">
        <v>37</v>
      </c>
      <c r="AQ33442">
        <v>37</v>
      </c>
    </row>
    <row r="33443" spans="1:43">
      <c r="A33443" t="s">
        <v>20723</v>
      </c>
      <c r="B33443" t="s">
        <v>20724</v>
      </c>
      <c r="C33443" t="s">
        <v>20721</v>
      </c>
      <c r="D33443" t="s">
        <v>20722</v>
      </c>
      <c r="E33443" t="s">
        <v>20641</v>
      </c>
      <c r="F33443" t="s">
        <v>20642</v>
      </c>
      <c r="G33443" t="s">
        <v>20255</v>
      </c>
      <c r="H33443" t="s">
        <v>20256</v>
      </c>
      <c r="I33443" s="2">
        <v>1</v>
      </c>
      <c r="J33443" s="2">
        <v>0</v>
      </c>
      <c r="K33443" s="2">
        <v>0</v>
      </c>
      <c r="L33443" t="s">
        <v>120</v>
      </c>
      <c r="M33443" t="s">
        <v>87</v>
      </c>
      <c r="N33443" t="s">
        <v>88</v>
      </c>
      <c r="O33443" t="s">
        <v>85</v>
      </c>
      <c r="P33443" t="s">
        <v>86</v>
      </c>
      <c r="Q33443">
        <v>26</v>
      </c>
      <c r="R33443">
        <v>26</v>
      </c>
      <c r="S33443">
        <v>26</v>
      </c>
      <c r="T33443">
        <v>26</v>
      </c>
      <c r="U33443">
        <v>27</v>
      </c>
      <c r="V33443">
        <v>27</v>
      </c>
      <c r="W33443">
        <v>27</v>
      </c>
      <c r="X33443">
        <v>27</v>
      </c>
      <c r="Y33443">
        <v>27</v>
      </c>
      <c r="Z33443">
        <v>28</v>
      </c>
      <c r="AA33443">
        <v>28</v>
      </c>
      <c r="AB33443">
        <v>28</v>
      </c>
      <c r="AC33443">
        <v>28</v>
      </c>
      <c r="AD33443">
        <v>28</v>
      </c>
      <c r="AE33443">
        <v>29</v>
      </c>
      <c r="AF33443">
        <v>29</v>
      </c>
      <c r="AG33443">
        <v>29</v>
      </c>
      <c r="AH33443">
        <v>29</v>
      </c>
      <c r="AI33443">
        <v>30</v>
      </c>
      <c r="AJ33443">
        <v>30</v>
      </c>
      <c r="AK33443">
        <v>30</v>
      </c>
      <c r="AL33443">
        <v>31</v>
      </c>
      <c r="AM33443">
        <v>31</v>
      </c>
      <c r="AN33443">
        <v>31</v>
      </c>
      <c r="AO33443">
        <v>31</v>
      </c>
      <c r="AP33443">
        <v>32</v>
      </c>
      <c r="AQ33443">
        <v>32</v>
      </c>
    </row>
    <row r="33444" spans="1:43">
      <c r="A33444" t="s">
        <v>20723</v>
      </c>
      <c r="B33444" t="s">
        <v>20724</v>
      </c>
      <c r="C33444" t="s">
        <v>20721</v>
      </c>
      <c r="D33444" t="s">
        <v>20722</v>
      </c>
      <c r="E33444" t="s">
        <v>20641</v>
      </c>
      <c r="F33444" t="s">
        <v>20642</v>
      </c>
      <c r="G33444" t="s">
        <v>20255</v>
      </c>
      <c r="H33444" t="s">
        <v>20256</v>
      </c>
      <c r="I33444" s="2">
        <v>1</v>
      </c>
      <c r="J33444" s="2">
        <v>0</v>
      </c>
      <c r="K33444" s="2">
        <v>0</v>
      </c>
      <c r="L33444" t="s">
        <v>120</v>
      </c>
      <c r="M33444" t="s">
        <v>89</v>
      </c>
      <c r="N33444" t="s">
        <v>90</v>
      </c>
      <c r="O33444" t="s">
        <v>85</v>
      </c>
      <c r="P33444" t="s">
        <v>86</v>
      </c>
      <c r="Q33444">
        <v>26</v>
      </c>
      <c r="R33444">
        <v>27</v>
      </c>
      <c r="S33444">
        <v>28</v>
      </c>
      <c r="T33444">
        <v>28</v>
      </c>
      <c r="U33444">
        <v>29</v>
      </c>
      <c r="V33444">
        <v>30</v>
      </c>
      <c r="W33444">
        <v>30</v>
      </c>
      <c r="X33444">
        <v>31</v>
      </c>
      <c r="Y33444">
        <v>31</v>
      </c>
      <c r="Z33444">
        <v>32</v>
      </c>
      <c r="AA33444">
        <v>32</v>
      </c>
      <c r="AB33444">
        <v>33</v>
      </c>
      <c r="AC33444">
        <v>34</v>
      </c>
      <c r="AD33444">
        <v>34</v>
      </c>
      <c r="AE33444">
        <v>35</v>
      </c>
      <c r="AF33444">
        <v>35</v>
      </c>
      <c r="AG33444">
        <v>35</v>
      </c>
      <c r="AH33444">
        <v>35</v>
      </c>
      <c r="AI33444">
        <v>36</v>
      </c>
      <c r="AJ33444">
        <v>36</v>
      </c>
      <c r="AK33444">
        <v>36</v>
      </c>
      <c r="AL33444">
        <v>36</v>
      </c>
      <c r="AM33444">
        <v>36</v>
      </c>
      <c r="AN33444">
        <v>37</v>
      </c>
      <c r="AO33444">
        <v>37</v>
      </c>
      <c r="AP33444">
        <v>37</v>
      </c>
      <c r="AQ33444">
        <v>37</v>
      </c>
    </row>
    <row r="33445" spans="1:43">
      <c r="A33445" t="s">
        <v>20723</v>
      </c>
      <c r="B33445" t="s">
        <v>20724</v>
      </c>
      <c r="C33445" t="s">
        <v>20721</v>
      </c>
      <c r="D33445" t="s">
        <v>20722</v>
      </c>
      <c r="E33445" t="s">
        <v>20641</v>
      </c>
      <c r="F33445" t="s">
        <v>20642</v>
      </c>
      <c r="G33445" t="s">
        <v>20255</v>
      </c>
      <c r="H33445" t="s">
        <v>20256</v>
      </c>
      <c r="I33445" s="2">
        <v>1</v>
      </c>
      <c r="J33445" s="2">
        <v>0</v>
      </c>
      <c r="K33445" s="2">
        <v>0</v>
      </c>
      <c r="L33445" t="s">
        <v>120</v>
      </c>
      <c r="M33445" t="s">
        <v>83</v>
      </c>
      <c r="N33445" t="s">
        <v>91</v>
      </c>
      <c r="O33445" t="s">
        <v>85</v>
      </c>
      <c r="P33445" t="s">
        <v>86</v>
      </c>
      <c r="Q33445">
        <v>26</v>
      </c>
      <c r="R33445">
        <v>26</v>
      </c>
      <c r="S33445">
        <v>27</v>
      </c>
      <c r="T33445">
        <v>27</v>
      </c>
      <c r="U33445">
        <v>28</v>
      </c>
      <c r="V33445">
        <v>28</v>
      </c>
      <c r="W33445">
        <v>29</v>
      </c>
      <c r="X33445">
        <v>29</v>
      </c>
      <c r="Y33445">
        <v>30</v>
      </c>
      <c r="Z33445">
        <v>30</v>
      </c>
      <c r="AA33445">
        <v>30</v>
      </c>
      <c r="AB33445">
        <v>31</v>
      </c>
      <c r="AC33445">
        <v>31</v>
      </c>
      <c r="AD33445">
        <v>32</v>
      </c>
      <c r="AE33445">
        <v>32</v>
      </c>
      <c r="AF33445">
        <v>33</v>
      </c>
      <c r="AG33445">
        <v>33</v>
      </c>
      <c r="AH33445">
        <v>34</v>
      </c>
      <c r="AI33445">
        <v>34</v>
      </c>
      <c r="AJ33445">
        <v>35</v>
      </c>
      <c r="AK33445">
        <v>36</v>
      </c>
      <c r="AL33445">
        <v>36</v>
      </c>
      <c r="AM33445">
        <v>36</v>
      </c>
      <c r="AN33445">
        <v>36</v>
      </c>
      <c r="AO33445">
        <v>37</v>
      </c>
      <c r="AP33445">
        <v>37</v>
      </c>
      <c r="AQ33445">
        <v>37</v>
      </c>
    </row>
    <row r="33446" spans="1:43">
      <c r="A33446" t="s">
        <v>20725</v>
      </c>
      <c r="B33446" t="s">
        <v>20726</v>
      </c>
      <c r="C33446" t="s">
        <v>20721</v>
      </c>
      <c r="D33446" t="s">
        <v>20722</v>
      </c>
      <c r="E33446" t="s">
        <v>20641</v>
      </c>
      <c r="F33446" t="s">
        <v>20642</v>
      </c>
      <c r="G33446" t="s">
        <v>20255</v>
      </c>
      <c r="H33446" t="s">
        <v>20256</v>
      </c>
      <c r="I33446" s="2">
        <v>1</v>
      </c>
      <c r="J33446" s="2">
        <v>0</v>
      </c>
      <c r="K33446" s="2">
        <v>0</v>
      </c>
      <c r="L33446" t="s">
        <v>120</v>
      </c>
      <c r="M33446" t="s">
        <v>83</v>
      </c>
      <c r="N33446" t="s">
        <v>84</v>
      </c>
      <c r="O33446" t="s">
        <v>85</v>
      </c>
      <c r="P33446" t="s">
        <v>86</v>
      </c>
      <c r="Q33446">
        <v>16</v>
      </c>
      <c r="R33446">
        <v>16</v>
      </c>
      <c r="S33446">
        <v>16</v>
      </c>
      <c r="T33446">
        <v>17</v>
      </c>
      <c r="U33446">
        <v>17</v>
      </c>
      <c r="V33446">
        <v>17</v>
      </c>
      <c r="W33446">
        <v>18</v>
      </c>
      <c r="X33446">
        <v>18</v>
      </c>
      <c r="Y33446">
        <v>18</v>
      </c>
      <c r="Z33446">
        <v>18</v>
      </c>
      <c r="AA33446">
        <v>19</v>
      </c>
      <c r="AB33446">
        <v>19</v>
      </c>
      <c r="AC33446">
        <v>19</v>
      </c>
      <c r="AD33446">
        <v>20</v>
      </c>
      <c r="AE33446">
        <v>20</v>
      </c>
      <c r="AF33446">
        <v>20</v>
      </c>
      <c r="AG33446">
        <v>20</v>
      </c>
      <c r="AH33446">
        <v>21</v>
      </c>
      <c r="AI33446">
        <v>21</v>
      </c>
      <c r="AJ33446">
        <v>21</v>
      </c>
      <c r="AK33446">
        <v>22</v>
      </c>
      <c r="AL33446">
        <v>22</v>
      </c>
      <c r="AM33446">
        <v>22</v>
      </c>
      <c r="AN33446">
        <v>22</v>
      </c>
      <c r="AO33446">
        <v>22</v>
      </c>
      <c r="AP33446">
        <v>23</v>
      </c>
      <c r="AQ33446">
        <v>23</v>
      </c>
    </row>
    <row r="33447" spans="1:43">
      <c r="A33447" t="s">
        <v>20725</v>
      </c>
      <c r="B33447" t="s">
        <v>20726</v>
      </c>
      <c r="C33447" t="s">
        <v>20721</v>
      </c>
      <c r="D33447" t="s">
        <v>20722</v>
      </c>
      <c r="E33447" t="s">
        <v>20641</v>
      </c>
      <c r="F33447" t="s">
        <v>20642</v>
      </c>
      <c r="G33447" t="s">
        <v>20255</v>
      </c>
      <c r="H33447" t="s">
        <v>20256</v>
      </c>
      <c r="I33447" s="2">
        <v>1</v>
      </c>
      <c r="J33447" s="2">
        <v>0</v>
      </c>
      <c r="K33447" s="2">
        <v>0</v>
      </c>
      <c r="L33447" t="s">
        <v>120</v>
      </c>
      <c r="M33447" t="s">
        <v>87</v>
      </c>
      <c r="N33447" t="s">
        <v>88</v>
      </c>
      <c r="O33447" t="s">
        <v>85</v>
      </c>
      <c r="P33447" t="s">
        <v>86</v>
      </c>
      <c r="Q33447">
        <v>16</v>
      </c>
      <c r="R33447">
        <v>16</v>
      </c>
      <c r="S33447">
        <v>16</v>
      </c>
      <c r="T33447">
        <v>16</v>
      </c>
      <c r="U33447">
        <v>16</v>
      </c>
      <c r="V33447">
        <v>16</v>
      </c>
      <c r="W33447">
        <v>16</v>
      </c>
      <c r="X33447">
        <v>17</v>
      </c>
      <c r="Y33447">
        <v>17</v>
      </c>
      <c r="Z33447">
        <v>17</v>
      </c>
      <c r="AA33447">
        <v>17</v>
      </c>
      <c r="AB33447">
        <v>17</v>
      </c>
      <c r="AC33447">
        <v>17</v>
      </c>
      <c r="AD33447">
        <v>17</v>
      </c>
      <c r="AE33447">
        <v>18</v>
      </c>
      <c r="AF33447">
        <v>18</v>
      </c>
      <c r="AG33447">
        <v>18</v>
      </c>
      <c r="AH33447">
        <v>18</v>
      </c>
      <c r="AI33447">
        <v>18</v>
      </c>
      <c r="AJ33447">
        <v>18</v>
      </c>
      <c r="AK33447">
        <v>19</v>
      </c>
      <c r="AL33447">
        <v>19</v>
      </c>
      <c r="AM33447">
        <v>19</v>
      </c>
      <c r="AN33447">
        <v>19</v>
      </c>
      <c r="AO33447">
        <v>19</v>
      </c>
      <c r="AP33447">
        <v>19</v>
      </c>
      <c r="AQ33447">
        <v>20</v>
      </c>
    </row>
    <row r="33448" spans="1:43">
      <c r="A33448" t="s">
        <v>20725</v>
      </c>
      <c r="B33448" t="s">
        <v>20726</v>
      </c>
      <c r="C33448" t="s">
        <v>20721</v>
      </c>
      <c r="D33448" t="s">
        <v>20722</v>
      </c>
      <c r="E33448" t="s">
        <v>20641</v>
      </c>
      <c r="F33448" t="s">
        <v>20642</v>
      </c>
      <c r="G33448" t="s">
        <v>20255</v>
      </c>
      <c r="H33448" t="s">
        <v>20256</v>
      </c>
      <c r="I33448" s="2">
        <v>1</v>
      </c>
      <c r="J33448" s="2">
        <v>0</v>
      </c>
      <c r="K33448" s="2">
        <v>0</v>
      </c>
      <c r="L33448" t="s">
        <v>120</v>
      </c>
      <c r="M33448" t="s">
        <v>89</v>
      </c>
      <c r="N33448" t="s">
        <v>90</v>
      </c>
      <c r="O33448" t="s">
        <v>85</v>
      </c>
      <c r="P33448" t="s">
        <v>86</v>
      </c>
      <c r="Q33448">
        <v>16</v>
      </c>
      <c r="R33448">
        <v>16</v>
      </c>
      <c r="S33448">
        <v>17</v>
      </c>
      <c r="T33448">
        <v>17</v>
      </c>
      <c r="U33448">
        <v>18</v>
      </c>
      <c r="V33448">
        <v>18</v>
      </c>
      <c r="W33448">
        <v>18</v>
      </c>
      <c r="X33448">
        <v>19</v>
      </c>
      <c r="Y33448">
        <v>19</v>
      </c>
      <c r="Z33448">
        <v>19</v>
      </c>
      <c r="AA33448">
        <v>20</v>
      </c>
      <c r="AB33448">
        <v>20</v>
      </c>
      <c r="AC33448">
        <v>21</v>
      </c>
      <c r="AD33448">
        <v>21</v>
      </c>
      <c r="AE33448">
        <v>21</v>
      </c>
      <c r="AF33448">
        <v>21</v>
      </c>
      <c r="AG33448">
        <v>21</v>
      </c>
      <c r="AH33448">
        <v>22</v>
      </c>
      <c r="AI33448">
        <v>22</v>
      </c>
      <c r="AJ33448">
        <v>22</v>
      </c>
      <c r="AK33448">
        <v>22</v>
      </c>
      <c r="AL33448">
        <v>22</v>
      </c>
      <c r="AM33448">
        <v>22</v>
      </c>
      <c r="AN33448">
        <v>22</v>
      </c>
      <c r="AO33448">
        <v>23</v>
      </c>
      <c r="AP33448">
        <v>23</v>
      </c>
      <c r="AQ33448">
        <v>23</v>
      </c>
    </row>
    <row r="33449" spans="1:43">
      <c r="A33449" t="s">
        <v>20725</v>
      </c>
      <c r="B33449" t="s">
        <v>20726</v>
      </c>
      <c r="C33449" t="s">
        <v>20721</v>
      </c>
      <c r="D33449" t="s">
        <v>20722</v>
      </c>
      <c r="E33449" t="s">
        <v>20641</v>
      </c>
      <c r="F33449" t="s">
        <v>20642</v>
      </c>
      <c r="G33449" t="s">
        <v>20255</v>
      </c>
      <c r="H33449" t="s">
        <v>20256</v>
      </c>
      <c r="I33449" s="2">
        <v>1</v>
      </c>
      <c r="J33449" s="2">
        <v>0</v>
      </c>
      <c r="K33449" s="2">
        <v>0</v>
      </c>
      <c r="L33449" t="s">
        <v>120</v>
      </c>
      <c r="M33449" t="s">
        <v>83</v>
      </c>
      <c r="N33449" t="s">
        <v>91</v>
      </c>
      <c r="O33449" t="s">
        <v>85</v>
      </c>
      <c r="P33449" t="s">
        <v>86</v>
      </c>
      <c r="Q33449">
        <v>16</v>
      </c>
      <c r="R33449">
        <v>16</v>
      </c>
      <c r="S33449">
        <v>16</v>
      </c>
      <c r="T33449">
        <v>17</v>
      </c>
      <c r="U33449">
        <v>17</v>
      </c>
      <c r="V33449">
        <v>17</v>
      </c>
      <c r="W33449">
        <v>18</v>
      </c>
      <c r="X33449">
        <v>18</v>
      </c>
      <c r="Y33449">
        <v>18</v>
      </c>
      <c r="Z33449">
        <v>18</v>
      </c>
      <c r="AA33449">
        <v>19</v>
      </c>
      <c r="AB33449">
        <v>19</v>
      </c>
      <c r="AC33449">
        <v>19</v>
      </c>
      <c r="AD33449">
        <v>20</v>
      </c>
      <c r="AE33449">
        <v>20</v>
      </c>
      <c r="AF33449">
        <v>20</v>
      </c>
      <c r="AG33449">
        <v>20</v>
      </c>
      <c r="AH33449">
        <v>21</v>
      </c>
      <c r="AI33449">
        <v>21</v>
      </c>
      <c r="AJ33449">
        <v>21</v>
      </c>
      <c r="AK33449">
        <v>22</v>
      </c>
      <c r="AL33449">
        <v>22</v>
      </c>
      <c r="AM33449">
        <v>22</v>
      </c>
      <c r="AN33449">
        <v>22</v>
      </c>
      <c r="AO33449">
        <v>22</v>
      </c>
      <c r="AP33449">
        <v>23</v>
      </c>
      <c r="AQ33449">
        <v>23</v>
      </c>
    </row>
    <row r="33450" spans="1:43">
      <c r="A33450" t="s">
        <v>20727</v>
      </c>
      <c r="B33450" t="s">
        <v>20728</v>
      </c>
      <c r="C33450" t="s">
        <v>20721</v>
      </c>
      <c r="D33450" t="s">
        <v>20722</v>
      </c>
      <c r="E33450" t="s">
        <v>20641</v>
      </c>
      <c r="F33450" t="s">
        <v>20642</v>
      </c>
      <c r="G33450" t="s">
        <v>20255</v>
      </c>
      <c r="H33450" t="s">
        <v>20256</v>
      </c>
      <c r="I33450" s="2">
        <v>1</v>
      </c>
      <c r="J33450" s="2">
        <v>0</v>
      </c>
      <c r="K33450" s="2">
        <v>0</v>
      </c>
      <c r="L33450" t="s">
        <v>120</v>
      </c>
      <c r="M33450" t="s">
        <v>83</v>
      </c>
      <c r="N33450" t="s">
        <v>84</v>
      </c>
      <c r="O33450" t="s">
        <v>85</v>
      </c>
      <c r="P33450" t="s">
        <v>86</v>
      </c>
      <c r="Q33450">
        <v>3</v>
      </c>
      <c r="R33450">
        <v>3</v>
      </c>
      <c r="S33450">
        <v>4</v>
      </c>
      <c r="T33450">
        <v>4</v>
      </c>
      <c r="U33450">
        <v>4</v>
      </c>
      <c r="V33450">
        <v>4</v>
      </c>
      <c r="W33450">
        <v>4</v>
      </c>
      <c r="X33450">
        <v>4</v>
      </c>
      <c r="Y33450">
        <v>4</v>
      </c>
      <c r="Z33450">
        <v>4</v>
      </c>
      <c r="AA33450">
        <v>4</v>
      </c>
      <c r="AB33450">
        <v>4</v>
      </c>
      <c r="AC33450">
        <v>4</v>
      </c>
      <c r="AD33450">
        <v>4</v>
      </c>
      <c r="AE33450">
        <v>4</v>
      </c>
      <c r="AF33450">
        <v>4</v>
      </c>
      <c r="AG33450">
        <v>4</v>
      </c>
      <c r="AH33450">
        <v>4</v>
      </c>
      <c r="AI33450">
        <v>4</v>
      </c>
      <c r="AJ33450">
        <v>5</v>
      </c>
      <c r="AK33450">
        <v>5</v>
      </c>
      <c r="AL33450">
        <v>5</v>
      </c>
      <c r="AM33450">
        <v>5</v>
      </c>
      <c r="AN33450">
        <v>5</v>
      </c>
      <c r="AO33450">
        <v>5</v>
      </c>
      <c r="AP33450">
        <v>5</v>
      </c>
      <c r="AQ33450">
        <v>5</v>
      </c>
    </row>
    <row r="33451" spans="1:43">
      <c r="A33451" t="s">
        <v>20727</v>
      </c>
      <c r="B33451" t="s">
        <v>20728</v>
      </c>
      <c r="C33451" t="s">
        <v>20721</v>
      </c>
      <c r="D33451" t="s">
        <v>20722</v>
      </c>
      <c r="E33451" t="s">
        <v>20641</v>
      </c>
      <c r="F33451" t="s">
        <v>20642</v>
      </c>
      <c r="G33451" t="s">
        <v>20255</v>
      </c>
      <c r="H33451" t="s">
        <v>20256</v>
      </c>
      <c r="I33451" s="2">
        <v>1</v>
      </c>
      <c r="J33451" s="2">
        <v>0</v>
      </c>
      <c r="K33451" s="2">
        <v>0</v>
      </c>
      <c r="L33451" t="s">
        <v>120</v>
      </c>
      <c r="M33451" t="s">
        <v>87</v>
      </c>
      <c r="N33451" t="s">
        <v>88</v>
      </c>
      <c r="O33451" t="s">
        <v>85</v>
      </c>
      <c r="P33451" t="s">
        <v>86</v>
      </c>
      <c r="Q33451">
        <v>3</v>
      </c>
      <c r="R33451">
        <v>3</v>
      </c>
      <c r="S33451">
        <v>3</v>
      </c>
      <c r="T33451">
        <v>3</v>
      </c>
      <c r="U33451">
        <v>3</v>
      </c>
      <c r="V33451">
        <v>3</v>
      </c>
      <c r="W33451">
        <v>4</v>
      </c>
      <c r="X33451">
        <v>4</v>
      </c>
      <c r="Y33451">
        <v>4</v>
      </c>
      <c r="Z33451">
        <v>4</v>
      </c>
      <c r="AA33451">
        <v>4</v>
      </c>
      <c r="AB33451">
        <v>4</v>
      </c>
      <c r="AC33451">
        <v>4</v>
      </c>
      <c r="AD33451">
        <v>4</v>
      </c>
      <c r="AE33451">
        <v>4</v>
      </c>
      <c r="AF33451">
        <v>4</v>
      </c>
      <c r="AG33451">
        <v>4</v>
      </c>
      <c r="AH33451">
        <v>4</v>
      </c>
      <c r="AI33451">
        <v>4</v>
      </c>
      <c r="AJ33451">
        <v>4</v>
      </c>
      <c r="AK33451">
        <v>4</v>
      </c>
      <c r="AL33451">
        <v>4</v>
      </c>
      <c r="AM33451">
        <v>4</v>
      </c>
      <c r="AN33451">
        <v>4</v>
      </c>
      <c r="AO33451">
        <v>4</v>
      </c>
      <c r="AP33451">
        <v>4</v>
      </c>
      <c r="AQ33451">
        <v>4</v>
      </c>
    </row>
    <row r="33452" spans="1:43">
      <c r="A33452" t="s">
        <v>20727</v>
      </c>
      <c r="B33452" t="s">
        <v>20728</v>
      </c>
      <c r="C33452" t="s">
        <v>20721</v>
      </c>
      <c r="D33452" t="s">
        <v>20722</v>
      </c>
      <c r="E33452" t="s">
        <v>20641</v>
      </c>
      <c r="F33452" t="s">
        <v>20642</v>
      </c>
      <c r="G33452" t="s">
        <v>20255</v>
      </c>
      <c r="H33452" t="s">
        <v>20256</v>
      </c>
      <c r="I33452" s="2">
        <v>1</v>
      </c>
      <c r="J33452" s="2">
        <v>0</v>
      </c>
      <c r="K33452" s="2">
        <v>0</v>
      </c>
      <c r="L33452" t="s">
        <v>120</v>
      </c>
      <c r="M33452" t="s">
        <v>89</v>
      </c>
      <c r="N33452" t="s">
        <v>90</v>
      </c>
      <c r="O33452" t="s">
        <v>85</v>
      </c>
      <c r="P33452" t="s">
        <v>86</v>
      </c>
      <c r="Q33452">
        <v>3</v>
      </c>
      <c r="R33452">
        <v>3</v>
      </c>
      <c r="S33452">
        <v>4</v>
      </c>
      <c r="T33452">
        <v>4</v>
      </c>
      <c r="U33452">
        <v>4</v>
      </c>
      <c r="V33452">
        <v>4</v>
      </c>
      <c r="W33452">
        <v>4</v>
      </c>
      <c r="X33452">
        <v>4</v>
      </c>
      <c r="Y33452">
        <v>4</v>
      </c>
      <c r="Z33452">
        <v>4</v>
      </c>
      <c r="AA33452">
        <v>4</v>
      </c>
      <c r="AB33452">
        <v>4</v>
      </c>
      <c r="AC33452">
        <v>4</v>
      </c>
      <c r="AD33452">
        <v>4</v>
      </c>
      <c r="AE33452">
        <v>5</v>
      </c>
      <c r="AF33452">
        <v>5</v>
      </c>
      <c r="AG33452">
        <v>5</v>
      </c>
      <c r="AH33452">
        <v>5</v>
      </c>
      <c r="AI33452">
        <v>5</v>
      </c>
      <c r="AJ33452">
        <v>5</v>
      </c>
      <c r="AK33452">
        <v>5</v>
      </c>
      <c r="AL33452">
        <v>5</v>
      </c>
      <c r="AM33452">
        <v>5</v>
      </c>
      <c r="AN33452">
        <v>5</v>
      </c>
      <c r="AO33452">
        <v>5</v>
      </c>
      <c r="AP33452">
        <v>5</v>
      </c>
      <c r="AQ33452">
        <v>5</v>
      </c>
    </row>
    <row r="33453" spans="1:43">
      <c r="A33453" t="s">
        <v>20727</v>
      </c>
      <c r="B33453" t="s">
        <v>20728</v>
      </c>
      <c r="C33453" t="s">
        <v>20721</v>
      </c>
      <c r="D33453" t="s">
        <v>20722</v>
      </c>
      <c r="E33453" t="s">
        <v>20641</v>
      </c>
      <c r="F33453" t="s">
        <v>20642</v>
      </c>
      <c r="G33453" t="s">
        <v>20255</v>
      </c>
      <c r="H33453" t="s">
        <v>20256</v>
      </c>
      <c r="I33453" s="2">
        <v>1</v>
      </c>
      <c r="J33453" s="2">
        <v>0</v>
      </c>
      <c r="K33453" s="2">
        <v>0</v>
      </c>
      <c r="L33453" t="s">
        <v>120</v>
      </c>
      <c r="M33453" t="s">
        <v>83</v>
      </c>
      <c r="N33453" t="s">
        <v>91</v>
      </c>
      <c r="O33453" t="s">
        <v>85</v>
      </c>
      <c r="P33453" t="s">
        <v>86</v>
      </c>
      <c r="Q33453">
        <v>3</v>
      </c>
      <c r="R33453">
        <v>3</v>
      </c>
      <c r="S33453">
        <v>4</v>
      </c>
      <c r="T33453">
        <v>4</v>
      </c>
      <c r="U33453">
        <v>4</v>
      </c>
      <c r="V33453">
        <v>4</v>
      </c>
      <c r="W33453">
        <v>4</v>
      </c>
      <c r="X33453">
        <v>4</v>
      </c>
      <c r="Y33453">
        <v>4</v>
      </c>
      <c r="Z33453">
        <v>4</v>
      </c>
      <c r="AA33453">
        <v>4</v>
      </c>
      <c r="AB33453">
        <v>4</v>
      </c>
      <c r="AC33453">
        <v>4</v>
      </c>
      <c r="AD33453">
        <v>4</v>
      </c>
      <c r="AE33453">
        <v>4</v>
      </c>
      <c r="AF33453">
        <v>4</v>
      </c>
      <c r="AG33453">
        <v>4</v>
      </c>
      <c r="AH33453">
        <v>4</v>
      </c>
      <c r="AI33453">
        <v>4</v>
      </c>
      <c r="AJ33453">
        <v>5</v>
      </c>
      <c r="AK33453">
        <v>5</v>
      </c>
      <c r="AL33453">
        <v>5</v>
      </c>
      <c r="AM33453">
        <v>5</v>
      </c>
      <c r="AN33453">
        <v>5</v>
      </c>
      <c r="AO33453">
        <v>5</v>
      </c>
      <c r="AP33453">
        <v>5</v>
      </c>
      <c r="AQ33453">
        <v>5</v>
      </c>
    </row>
    <row r="33454" spans="1:43">
      <c r="A33454" t="s">
        <v>20729</v>
      </c>
      <c r="B33454" t="s">
        <v>20730</v>
      </c>
      <c r="C33454" t="s">
        <v>20731</v>
      </c>
      <c r="D33454" t="s">
        <v>20732</v>
      </c>
      <c r="E33454" t="s">
        <v>20641</v>
      </c>
      <c r="F33454" t="s">
        <v>20642</v>
      </c>
      <c r="G33454" t="s">
        <v>20255</v>
      </c>
      <c r="H33454" t="s">
        <v>20256</v>
      </c>
      <c r="I33454" s="2">
        <v>1</v>
      </c>
      <c r="J33454" s="2">
        <v>0</v>
      </c>
      <c r="K33454" s="2">
        <v>0</v>
      </c>
      <c r="L33454" t="s">
        <v>120</v>
      </c>
      <c r="M33454" t="s">
        <v>83</v>
      </c>
      <c r="N33454" t="s">
        <v>84</v>
      </c>
      <c r="O33454" t="s">
        <v>85</v>
      </c>
      <c r="P33454" t="s">
        <v>86</v>
      </c>
      <c r="Q33454">
        <v>4</v>
      </c>
      <c r="R33454">
        <v>4</v>
      </c>
      <c r="S33454">
        <v>4</v>
      </c>
      <c r="T33454">
        <v>4</v>
      </c>
      <c r="U33454">
        <v>4</v>
      </c>
      <c r="V33454">
        <v>5</v>
      </c>
      <c r="W33454">
        <v>5</v>
      </c>
      <c r="X33454">
        <v>5</v>
      </c>
      <c r="Y33454">
        <v>5</v>
      </c>
      <c r="Z33454">
        <v>5</v>
      </c>
      <c r="AA33454">
        <v>5</v>
      </c>
      <c r="AB33454">
        <v>5</v>
      </c>
      <c r="AC33454">
        <v>5</v>
      </c>
      <c r="AD33454">
        <v>5</v>
      </c>
      <c r="AE33454">
        <v>5</v>
      </c>
      <c r="AF33454">
        <v>5</v>
      </c>
      <c r="AG33454">
        <v>5</v>
      </c>
      <c r="AH33454">
        <v>6</v>
      </c>
      <c r="AI33454">
        <v>6</v>
      </c>
      <c r="AJ33454">
        <v>6</v>
      </c>
      <c r="AK33454">
        <v>6</v>
      </c>
      <c r="AL33454">
        <v>6</v>
      </c>
      <c r="AM33454">
        <v>6</v>
      </c>
      <c r="AN33454">
        <v>6</v>
      </c>
      <c r="AO33454">
        <v>6</v>
      </c>
      <c r="AP33454">
        <v>6</v>
      </c>
      <c r="AQ33454">
        <v>6</v>
      </c>
    </row>
    <row r="33455" spans="1:43">
      <c r="A33455" t="s">
        <v>20729</v>
      </c>
      <c r="B33455" t="s">
        <v>20730</v>
      </c>
      <c r="C33455" t="s">
        <v>20731</v>
      </c>
      <c r="D33455" t="s">
        <v>20732</v>
      </c>
      <c r="E33455" t="s">
        <v>20641</v>
      </c>
      <c r="F33455" t="s">
        <v>20642</v>
      </c>
      <c r="G33455" t="s">
        <v>20255</v>
      </c>
      <c r="H33455" t="s">
        <v>20256</v>
      </c>
      <c r="I33455" s="2">
        <v>1</v>
      </c>
      <c r="J33455" s="2">
        <v>0</v>
      </c>
      <c r="K33455" s="2">
        <v>0</v>
      </c>
      <c r="L33455" t="s">
        <v>120</v>
      </c>
      <c r="M33455" t="s">
        <v>87</v>
      </c>
      <c r="N33455" t="s">
        <v>88</v>
      </c>
      <c r="O33455" t="s">
        <v>85</v>
      </c>
      <c r="P33455" t="s">
        <v>86</v>
      </c>
      <c r="Q33455">
        <v>4</v>
      </c>
      <c r="R33455">
        <v>4</v>
      </c>
      <c r="S33455">
        <v>4</v>
      </c>
      <c r="T33455">
        <v>4</v>
      </c>
      <c r="U33455">
        <v>4</v>
      </c>
      <c r="V33455">
        <v>4</v>
      </c>
      <c r="W33455">
        <v>4</v>
      </c>
      <c r="X33455">
        <v>4</v>
      </c>
      <c r="Y33455">
        <v>4</v>
      </c>
      <c r="Z33455">
        <v>4</v>
      </c>
      <c r="AA33455">
        <v>4</v>
      </c>
      <c r="AB33455">
        <v>5</v>
      </c>
      <c r="AC33455">
        <v>5</v>
      </c>
      <c r="AD33455">
        <v>5</v>
      </c>
      <c r="AE33455">
        <v>5</v>
      </c>
      <c r="AF33455">
        <v>5</v>
      </c>
      <c r="AG33455">
        <v>5</v>
      </c>
      <c r="AH33455">
        <v>5</v>
      </c>
      <c r="AI33455">
        <v>5</v>
      </c>
      <c r="AJ33455">
        <v>5</v>
      </c>
      <c r="AK33455">
        <v>5</v>
      </c>
      <c r="AL33455">
        <v>5</v>
      </c>
      <c r="AM33455">
        <v>5</v>
      </c>
      <c r="AN33455">
        <v>5</v>
      </c>
      <c r="AO33455">
        <v>5</v>
      </c>
      <c r="AP33455">
        <v>5</v>
      </c>
      <c r="AQ33455">
        <v>5</v>
      </c>
    </row>
    <row r="33456" spans="1:43">
      <c r="A33456" t="s">
        <v>20729</v>
      </c>
      <c r="B33456" t="s">
        <v>20730</v>
      </c>
      <c r="C33456" t="s">
        <v>20731</v>
      </c>
      <c r="D33456" t="s">
        <v>20732</v>
      </c>
      <c r="E33456" t="s">
        <v>20641</v>
      </c>
      <c r="F33456" t="s">
        <v>20642</v>
      </c>
      <c r="G33456" t="s">
        <v>20255</v>
      </c>
      <c r="H33456" t="s">
        <v>20256</v>
      </c>
      <c r="I33456" s="2">
        <v>1</v>
      </c>
      <c r="J33456" s="2">
        <v>0</v>
      </c>
      <c r="K33456" s="2">
        <v>0</v>
      </c>
      <c r="L33456" t="s">
        <v>120</v>
      </c>
      <c r="M33456" t="s">
        <v>89</v>
      </c>
      <c r="N33456" t="s">
        <v>90</v>
      </c>
      <c r="O33456" t="s">
        <v>85</v>
      </c>
      <c r="P33456" t="s">
        <v>86</v>
      </c>
      <c r="Q33456">
        <v>4</v>
      </c>
      <c r="R33456">
        <v>4</v>
      </c>
      <c r="S33456">
        <v>4</v>
      </c>
      <c r="T33456">
        <v>5</v>
      </c>
      <c r="U33456">
        <v>5</v>
      </c>
      <c r="V33456">
        <v>5</v>
      </c>
      <c r="W33456">
        <v>5</v>
      </c>
      <c r="X33456">
        <v>5</v>
      </c>
      <c r="Y33456">
        <v>5</v>
      </c>
      <c r="Z33456">
        <v>5</v>
      </c>
      <c r="AA33456">
        <v>5</v>
      </c>
      <c r="AB33456">
        <v>5</v>
      </c>
      <c r="AC33456">
        <v>5</v>
      </c>
      <c r="AD33456">
        <v>6</v>
      </c>
      <c r="AE33456">
        <v>6</v>
      </c>
      <c r="AF33456">
        <v>6</v>
      </c>
      <c r="AG33456">
        <v>6</v>
      </c>
      <c r="AH33456">
        <v>6</v>
      </c>
      <c r="AI33456">
        <v>6</v>
      </c>
      <c r="AJ33456">
        <v>6</v>
      </c>
      <c r="AK33456">
        <v>6</v>
      </c>
      <c r="AL33456">
        <v>6</v>
      </c>
      <c r="AM33456">
        <v>6</v>
      </c>
      <c r="AN33456">
        <v>6</v>
      </c>
      <c r="AO33456">
        <v>6</v>
      </c>
      <c r="AP33456">
        <v>6</v>
      </c>
      <c r="AQ33456">
        <v>6</v>
      </c>
    </row>
    <row r="33457" spans="1:43">
      <c r="A33457" t="s">
        <v>20729</v>
      </c>
      <c r="B33457" t="s">
        <v>20730</v>
      </c>
      <c r="C33457" t="s">
        <v>20731</v>
      </c>
      <c r="D33457" t="s">
        <v>20732</v>
      </c>
      <c r="E33457" t="s">
        <v>20641</v>
      </c>
      <c r="F33457" t="s">
        <v>20642</v>
      </c>
      <c r="G33457" t="s">
        <v>20255</v>
      </c>
      <c r="H33457" t="s">
        <v>20256</v>
      </c>
      <c r="I33457" s="2">
        <v>1</v>
      </c>
      <c r="J33457" s="2">
        <v>0</v>
      </c>
      <c r="K33457" s="2">
        <v>0</v>
      </c>
      <c r="L33457" t="s">
        <v>120</v>
      </c>
      <c r="M33457" t="s">
        <v>83</v>
      </c>
      <c r="N33457" t="s">
        <v>91</v>
      </c>
      <c r="O33457" t="s">
        <v>85</v>
      </c>
      <c r="P33457" t="s">
        <v>86</v>
      </c>
      <c r="Q33457">
        <v>4</v>
      </c>
      <c r="R33457">
        <v>4</v>
      </c>
      <c r="S33457">
        <v>4</v>
      </c>
      <c r="T33457">
        <v>4</v>
      </c>
      <c r="U33457">
        <v>4</v>
      </c>
      <c r="V33457">
        <v>5</v>
      </c>
      <c r="W33457">
        <v>5</v>
      </c>
      <c r="X33457">
        <v>5</v>
      </c>
      <c r="Y33457">
        <v>5</v>
      </c>
      <c r="Z33457">
        <v>5</v>
      </c>
      <c r="AA33457">
        <v>5</v>
      </c>
      <c r="AB33457">
        <v>5</v>
      </c>
      <c r="AC33457">
        <v>5</v>
      </c>
      <c r="AD33457">
        <v>5</v>
      </c>
      <c r="AE33457">
        <v>5</v>
      </c>
      <c r="AF33457">
        <v>5</v>
      </c>
      <c r="AG33457">
        <v>5</v>
      </c>
      <c r="AH33457">
        <v>6</v>
      </c>
      <c r="AI33457">
        <v>6</v>
      </c>
      <c r="AJ33457">
        <v>6</v>
      </c>
      <c r="AK33457">
        <v>6</v>
      </c>
      <c r="AL33457">
        <v>6</v>
      </c>
      <c r="AM33457">
        <v>6</v>
      </c>
      <c r="AN33457">
        <v>6</v>
      </c>
      <c r="AO33457">
        <v>6</v>
      </c>
      <c r="AP33457">
        <v>6</v>
      </c>
      <c r="AQ33457">
        <v>6</v>
      </c>
    </row>
    <row r="33458" spans="1:43">
      <c r="A33458" t="s">
        <v>20733</v>
      </c>
      <c r="B33458" t="s">
        <v>20734</v>
      </c>
      <c r="C33458" t="s">
        <v>20731</v>
      </c>
      <c r="D33458" t="s">
        <v>20732</v>
      </c>
      <c r="E33458" t="s">
        <v>20641</v>
      </c>
      <c r="F33458" t="s">
        <v>20642</v>
      </c>
      <c r="G33458" t="s">
        <v>20255</v>
      </c>
      <c r="H33458" t="s">
        <v>20256</v>
      </c>
      <c r="I33458" s="2">
        <v>1</v>
      </c>
      <c r="J33458" s="2">
        <v>0</v>
      </c>
      <c r="K33458" s="2">
        <v>0</v>
      </c>
      <c r="L33458" t="s">
        <v>120</v>
      </c>
      <c r="M33458" t="s">
        <v>83</v>
      </c>
      <c r="N33458" t="s">
        <v>84</v>
      </c>
      <c r="O33458" t="s">
        <v>85</v>
      </c>
      <c r="P33458" t="s">
        <v>86</v>
      </c>
      <c r="Q33458">
        <v>9</v>
      </c>
      <c r="R33458">
        <v>9</v>
      </c>
      <c r="S33458">
        <v>9</v>
      </c>
      <c r="T33458">
        <v>9</v>
      </c>
      <c r="U33458">
        <v>9</v>
      </c>
      <c r="V33458">
        <v>9</v>
      </c>
      <c r="W33458">
        <v>9</v>
      </c>
      <c r="X33458">
        <v>10</v>
      </c>
      <c r="Y33458">
        <v>10</v>
      </c>
      <c r="Z33458">
        <v>10</v>
      </c>
      <c r="AA33458">
        <v>10</v>
      </c>
      <c r="AB33458">
        <v>10</v>
      </c>
      <c r="AC33458">
        <v>10</v>
      </c>
      <c r="AD33458">
        <v>11</v>
      </c>
      <c r="AE33458">
        <v>11</v>
      </c>
      <c r="AF33458">
        <v>11</v>
      </c>
      <c r="AG33458">
        <v>11</v>
      </c>
      <c r="AH33458">
        <v>11</v>
      </c>
      <c r="AI33458">
        <v>12</v>
      </c>
      <c r="AJ33458">
        <v>12</v>
      </c>
      <c r="AK33458">
        <v>12</v>
      </c>
      <c r="AL33458">
        <v>12</v>
      </c>
      <c r="AM33458">
        <v>12</v>
      </c>
      <c r="AN33458">
        <v>12</v>
      </c>
      <c r="AO33458">
        <v>12</v>
      </c>
      <c r="AP33458">
        <v>12</v>
      </c>
      <c r="AQ33458">
        <v>13</v>
      </c>
    </row>
    <row r="33459" spans="1:43">
      <c r="A33459" t="s">
        <v>20733</v>
      </c>
      <c r="B33459" t="s">
        <v>20734</v>
      </c>
      <c r="C33459" t="s">
        <v>20731</v>
      </c>
      <c r="D33459" t="s">
        <v>20732</v>
      </c>
      <c r="E33459" t="s">
        <v>20641</v>
      </c>
      <c r="F33459" t="s">
        <v>20642</v>
      </c>
      <c r="G33459" t="s">
        <v>20255</v>
      </c>
      <c r="H33459" t="s">
        <v>20256</v>
      </c>
      <c r="I33459" s="2">
        <v>1</v>
      </c>
      <c r="J33459" s="2">
        <v>0</v>
      </c>
      <c r="K33459" s="2">
        <v>0</v>
      </c>
      <c r="L33459" t="s">
        <v>120</v>
      </c>
      <c r="M33459" t="s">
        <v>87</v>
      </c>
      <c r="N33459" t="s">
        <v>88</v>
      </c>
      <c r="O33459" t="s">
        <v>85</v>
      </c>
      <c r="P33459" t="s">
        <v>86</v>
      </c>
      <c r="Q33459">
        <v>9</v>
      </c>
      <c r="R33459">
        <v>10</v>
      </c>
      <c r="S33459">
        <v>10</v>
      </c>
      <c r="T33459">
        <v>10</v>
      </c>
      <c r="U33459">
        <v>10</v>
      </c>
      <c r="V33459">
        <v>10</v>
      </c>
      <c r="W33459">
        <v>10</v>
      </c>
      <c r="X33459">
        <v>10</v>
      </c>
      <c r="Y33459">
        <v>10</v>
      </c>
      <c r="Z33459">
        <v>10</v>
      </c>
      <c r="AA33459">
        <v>10</v>
      </c>
      <c r="AB33459">
        <v>10</v>
      </c>
      <c r="AC33459">
        <v>10</v>
      </c>
      <c r="AD33459">
        <v>11</v>
      </c>
      <c r="AE33459">
        <v>11</v>
      </c>
      <c r="AF33459">
        <v>11</v>
      </c>
      <c r="AG33459">
        <v>11</v>
      </c>
      <c r="AH33459">
        <v>11</v>
      </c>
      <c r="AI33459">
        <v>11</v>
      </c>
      <c r="AJ33459">
        <v>11</v>
      </c>
      <c r="AK33459">
        <v>11</v>
      </c>
      <c r="AL33459">
        <v>11</v>
      </c>
      <c r="AM33459">
        <v>11</v>
      </c>
      <c r="AN33459">
        <v>12</v>
      </c>
      <c r="AO33459">
        <v>12</v>
      </c>
      <c r="AP33459">
        <v>12</v>
      </c>
      <c r="AQ33459">
        <v>12</v>
      </c>
    </row>
    <row r="33460" spans="1:43">
      <c r="A33460" t="s">
        <v>20733</v>
      </c>
      <c r="B33460" t="s">
        <v>20734</v>
      </c>
      <c r="C33460" t="s">
        <v>20731</v>
      </c>
      <c r="D33460" t="s">
        <v>20732</v>
      </c>
      <c r="E33460" t="s">
        <v>20641</v>
      </c>
      <c r="F33460" t="s">
        <v>20642</v>
      </c>
      <c r="G33460" t="s">
        <v>20255</v>
      </c>
      <c r="H33460" t="s">
        <v>20256</v>
      </c>
      <c r="I33460" s="2">
        <v>1</v>
      </c>
      <c r="J33460" s="2">
        <v>0</v>
      </c>
      <c r="K33460" s="2">
        <v>0</v>
      </c>
      <c r="L33460" t="s">
        <v>120</v>
      </c>
      <c r="M33460" t="s">
        <v>89</v>
      </c>
      <c r="N33460" t="s">
        <v>90</v>
      </c>
      <c r="O33460" t="s">
        <v>85</v>
      </c>
      <c r="P33460" t="s">
        <v>86</v>
      </c>
      <c r="Q33460">
        <v>9</v>
      </c>
      <c r="R33460">
        <v>9</v>
      </c>
      <c r="S33460">
        <v>9</v>
      </c>
      <c r="T33460">
        <v>9</v>
      </c>
      <c r="U33460">
        <v>10</v>
      </c>
      <c r="V33460">
        <v>10</v>
      </c>
      <c r="W33460">
        <v>10</v>
      </c>
      <c r="X33460">
        <v>10</v>
      </c>
      <c r="Y33460">
        <v>10</v>
      </c>
      <c r="Z33460">
        <v>11</v>
      </c>
      <c r="AA33460">
        <v>11</v>
      </c>
      <c r="AB33460">
        <v>11</v>
      </c>
      <c r="AC33460">
        <v>11</v>
      </c>
      <c r="AD33460">
        <v>11</v>
      </c>
      <c r="AE33460">
        <v>12</v>
      </c>
      <c r="AF33460">
        <v>12</v>
      </c>
      <c r="AG33460">
        <v>12</v>
      </c>
      <c r="AH33460">
        <v>12</v>
      </c>
      <c r="AI33460">
        <v>12</v>
      </c>
      <c r="AJ33460">
        <v>12</v>
      </c>
      <c r="AK33460">
        <v>12</v>
      </c>
      <c r="AL33460">
        <v>12</v>
      </c>
      <c r="AM33460">
        <v>12</v>
      </c>
      <c r="AN33460">
        <v>12</v>
      </c>
      <c r="AO33460">
        <v>13</v>
      </c>
      <c r="AP33460">
        <v>13</v>
      </c>
      <c r="AQ33460">
        <v>13</v>
      </c>
    </row>
    <row r="33461" spans="1:43">
      <c r="A33461" t="s">
        <v>20733</v>
      </c>
      <c r="B33461" t="s">
        <v>20734</v>
      </c>
      <c r="C33461" t="s">
        <v>20731</v>
      </c>
      <c r="D33461" t="s">
        <v>20732</v>
      </c>
      <c r="E33461" t="s">
        <v>20641</v>
      </c>
      <c r="F33461" t="s">
        <v>20642</v>
      </c>
      <c r="G33461" t="s">
        <v>20255</v>
      </c>
      <c r="H33461" t="s">
        <v>20256</v>
      </c>
      <c r="I33461" s="2">
        <v>1</v>
      </c>
      <c r="J33461" s="2">
        <v>0</v>
      </c>
      <c r="K33461" s="2">
        <v>0</v>
      </c>
      <c r="L33461" t="s">
        <v>120</v>
      </c>
      <c r="M33461" t="s">
        <v>83</v>
      </c>
      <c r="N33461" t="s">
        <v>91</v>
      </c>
      <c r="O33461" t="s">
        <v>85</v>
      </c>
      <c r="P33461" t="s">
        <v>86</v>
      </c>
      <c r="Q33461">
        <v>9</v>
      </c>
      <c r="R33461">
        <v>9</v>
      </c>
      <c r="S33461">
        <v>9</v>
      </c>
      <c r="T33461">
        <v>9</v>
      </c>
      <c r="U33461">
        <v>9</v>
      </c>
      <c r="V33461">
        <v>9</v>
      </c>
      <c r="W33461">
        <v>9</v>
      </c>
      <c r="X33461">
        <v>10</v>
      </c>
      <c r="Y33461">
        <v>10</v>
      </c>
      <c r="Z33461">
        <v>10</v>
      </c>
      <c r="AA33461">
        <v>10</v>
      </c>
      <c r="AB33461">
        <v>10</v>
      </c>
      <c r="AC33461">
        <v>10</v>
      </c>
      <c r="AD33461">
        <v>11</v>
      </c>
      <c r="AE33461">
        <v>11</v>
      </c>
      <c r="AF33461">
        <v>11</v>
      </c>
      <c r="AG33461">
        <v>11</v>
      </c>
      <c r="AH33461">
        <v>11</v>
      </c>
      <c r="AI33461">
        <v>12</v>
      </c>
      <c r="AJ33461">
        <v>12</v>
      </c>
      <c r="AK33461">
        <v>12</v>
      </c>
      <c r="AL33461">
        <v>12</v>
      </c>
      <c r="AM33461">
        <v>12</v>
      </c>
      <c r="AN33461">
        <v>12</v>
      </c>
      <c r="AO33461">
        <v>12</v>
      </c>
      <c r="AP33461">
        <v>12</v>
      </c>
      <c r="AQ33461">
        <v>13</v>
      </c>
    </row>
    <row r="33462" spans="1:43">
      <c r="A33462" t="s">
        <v>20735</v>
      </c>
      <c r="B33462" t="s">
        <v>20736</v>
      </c>
      <c r="C33462" t="s">
        <v>20731</v>
      </c>
      <c r="D33462" t="s">
        <v>20732</v>
      </c>
      <c r="E33462" t="s">
        <v>20641</v>
      </c>
      <c r="F33462" t="s">
        <v>20642</v>
      </c>
      <c r="G33462" t="s">
        <v>20255</v>
      </c>
      <c r="H33462" t="s">
        <v>20256</v>
      </c>
      <c r="I33462" s="2">
        <v>1</v>
      </c>
      <c r="J33462" s="2">
        <v>0</v>
      </c>
      <c r="K33462" s="2">
        <v>0</v>
      </c>
      <c r="L33462" t="s">
        <v>120</v>
      </c>
      <c r="M33462" t="s">
        <v>83</v>
      </c>
      <c r="N33462" t="s">
        <v>84</v>
      </c>
      <c r="O33462" t="s">
        <v>85</v>
      </c>
      <c r="P33462" t="s">
        <v>86</v>
      </c>
      <c r="Q33462">
        <v>7</v>
      </c>
      <c r="R33462">
        <v>7</v>
      </c>
      <c r="S33462">
        <v>7</v>
      </c>
      <c r="T33462">
        <v>7</v>
      </c>
      <c r="U33462">
        <v>7</v>
      </c>
      <c r="V33462">
        <v>8</v>
      </c>
      <c r="W33462">
        <v>8</v>
      </c>
      <c r="X33462">
        <v>8</v>
      </c>
      <c r="Y33462">
        <v>8</v>
      </c>
      <c r="Z33462">
        <v>8</v>
      </c>
      <c r="AA33462">
        <v>8</v>
      </c>
      <c r="AB33462">
        <v>8</v>
      </c>
      <c r="AC33462">
        <v>8</v>
      </c>
      <c r="AD33462">
        <v>9</v>
      </c>
      <c r="AE33462">
        <v>9</v>
      </c>
      <c r="AF33462">
        <v>9</v>
      </c>
      <c r="AG33462">
        <v>9</v>
      </c>
      <c r="AH33462">
        <v>9</v>
      </c>
      <c r="AI33462">
        <v>9</v>
      </c>
      <c r="AJ33462">
        <v>9</v>
      </c>
      <c r="AK33462">
        <v>10</v>
      </c>
      <c r="AL33462">
        <v>10</v>
      </c>
      <c r="AM33462">
        <v>10</v>
      </c>
      <c r="AN33462">
        <v>10</v>
      </c>
      <c r="AO33462">
        <v>10</v>
      </c>
      <c r="AP33462">
        <v>10</v>
      </c>
      <c r="AQ33462">
        <v>10</v>
      </c>
    </row>
    <row r="33463" spans="1:43">
      <c r="A33463" t="s">
        <v>20735</v>
      </c>
      <c r="B33463" t="s">
        <v>20736</v>
      </c>
      <c r="C33463" t="s">
        <v>20731</v>
      </c>
      <c r="D33463" t="s">
        <v>20732</v>
      </c>
      <c r="E33463" t="s">
        <v>20641</v>
      </c>
      <c r="F33463" t="s">
        <v>20642</v>
      </c>
      <c r="G33463" t="s">
        <v>20255</v>
      </c>
      <c r="H33463" t="s">
        <v>20256</v>
      </c>
      <c r="I33463" s="2">
        <v>1</v>
      </c>
      <c r="J33463" s="2">
        <v>0</v>
      </c>
      <c r="K33463" s="2">
        <v>0</v>
      </c>
      <c r="L33463" t="s">
        <v>120</v>
      </c>
      <c r="M33463" t="s">
        <v>87</v>
      </c>
      <c r="N33463" t="s">
        <v>88</v>
      </c>
      <c r="O33463" t="s">
        <v>85</v>
      </c>
      <c r="P33463" t="s">
        <v>86</v>
      </c>
      <c r="Q33463">
        <v>7</v>
      </c>
      <c r="R33463">
        <v>7</v>
      </c>
      <c r="S33463">
        <v>7</v>
      </c>
      <c r="T33463">
        <v>7</v>
      </c>
      <c r="U33463">
        <v>7</v>
      </c>
      <c r="V33463">
        <v>7</v>
      </c>
      <c r="W33463">
        <v>7</v>
      </c>
      <c r="X33463">
        <v>7</v>
      </c>
      <c r="Y33463">
        <v>7</v>
      </c>
      <c r="Z33463">
        <v>7</v>
      </c>
      <c r="AA33463">
        <v>7</v>
      </c>
      <c r="AB33463">
        <v>8</v>
      </c>
      <c r="AC33463">
        <v>8</v>
      </c>
      <c r="AD33463">
        <v>8</v>
      </c>
      <c r="AE33463">
        <v>8</v>
      </c>
      <c r="AF33463">
        <v>8</v>
      </c>
      <c r="AG33463">
        <v>8</v>
      </c>
      <c r="AH33463">
        <v>8</v>
      </c>
      <c r="AI33463">
        <v>8</v>
      </c>
      <c r="AJ33463">
        <v>8</v>
      </c>
      <c r="AK33463">
        <v>8</v>
      </c>
      <c r="AL33463">
        <v>8</v>
      </c>
      <c r="AM33463">
        <v>8</v>
      </c>
      <c r="AN33463">
        <v>8</v>
      </c>
      <c r="AO33463">
        <v>9</v>
      </c>
      <c r="AP33463">
        <v>9</v>
      </c>
      <c r="AQ33463">
        <v>9</v>
      </c>
    </row>
    <row r="33464" spans="1:43">
      <c r="A33464" t="s">
        <v>20735</v>
      </c>
      <c r="B33464" t="s">
        <v>20736</v>
      </c>
      <c r="C33464" t="s">
        <v>20731</v>
      </c>
      <c r="D33464" t="s">
        <v>20732</v>
      </c>
      <c r="E33464" t="s">
        <v>20641</v>
      </c>
      <c r="F33464" t="s">
        <v>20642</v>
      </c>
      <c r="G33464" t="s">
        <v>20255</v>
      </c>
      <c r="H33464" t="s">
        <v>20256</v>
      </c>
      <c r="I33464" s="2">
        <v>1</v>
      </c>
      <c r="J33464" s="2">
        <v>0</v>
      </c>
      <c r="K33464" s="2">
        <v>0</v>
      </c>
      <c r="L33464" t="s">
        <v>120</v>
      </c>
      <c r="M33464" t="s">
        <v>89</v>
      </c>
      <c r="N33464" t="s">
        <v>90</v>
      </c>
      <c r="O33464" t="s">
        <v>85</v>
      </c>
      <c r="P33464" t="s">
        <v>86</v>
      </c>
      <c r="Q33464">
        <v>7</v>
      </c>
      <c r="R33464">
        <v>7</v>
      </c>
      <c r="S33464">
        <v>7</v>
      </c>
      <c r="T33464">
        <v>8</v>
      </c>
      <c r="U33464">
        <v>8</v>
      </c>
      <c r="V33464">
        <v>8</v>
      </c>
      <c r="W33464">
        <v>8</v>
      </c>
      <c r="X33464">
        <v>8</v>
      </c>
      <c r="Y33464">
        <v>8</v>
      </c>
      <c r="Z33464">
        <v>9</v>
      </c>
      <c r="AA33464">
        <v>9</v>
      </c>
      <c r="AB33464">
        <v>9</v>
      </c>
      <c r="AC33464">
        <v>9</v>
      </c>
      <c r="AD33464">
        <v>9</v>
      </c>
      <c r="AE33464">
        <v>9</v>
      </c>
      <c r="AF33464">
        <v>9</v>
      </c>
      <c r="AG33464">
        <v>9</v>
      </c>
      <c r="AH33464">
        <v>9</v>
      </c>
      <c r="AI33464">
        <v>10</v>
      </c>
      <c r="AJ33464">
        <v>10</v>
      </c>
      <c r="AK33464">
        <v>10</v>
      </c>
      <c r="AL33464">
        <v>10</v>
      </c>
      <c r="AM33464">
        <v>10</v>
      </c>
      <c r="AN33464">
        <v>10</v>
      </c>
      <c r="AO33464">
        <v>10</v>
      </c>
      <c r="AP33464">
        <v>10</v>
      </c>
      <c r="AQ33464">
        <v>10</v>
      </c>
    </row>
    <row r="33465" spans="1:43">
      <c r="A33465" t="s">
        <v>20735</v>
      </c>
      <c r="B33465" t="s">
        <v>20736</v>
      </c>
      <c r="C33465" t="s">
        <v>20731</v>
      </c>
      <c r="D33465" t="s">
        <v>20732</v>
      </c>
      <c r="E33465" t="s">
        <v>20641</v>
      </c>
      <c r="F33465" t="s">
        <v>20642</v>
      </c>
      <c r="G33465" t="s">
        <v>20255</v>
      </c>
      <c r="H33465" t="s">
        <v>20256</v>
      </c>
      <c r="I33465" s="2">
        <v>1</v>
      </c>
      <c r="J33465" s="2">
        <v>0</v>
      </c>
      <c r="K33465" s="2">
        <v>0</v>
      </c>
      <c r="L33465" t="s">
        <v>120</v>
      </c>
      <c r="M33465" t="s">
        <v>83</v>
      </c>
      <c r="N33465" t="s">
        <v>91</v>
      </c>
      <c r="O33465" t="s">
        <v>85</v>
      </c>
      <c r="P33465" t="s">
        <v>86</v>
      </c>
      <c r="Q33465">
        <v>7</v>
      </c>
      <c r="R33465">
        <v>7</v>
      </c>
      <c r="S33465">
        <v>7</v>
      </c>
      <c r="T33465">
        <v>7</v>
      </c>
      <c r="U33465">
        <v>7</v>
      </c>
      <c r="V33465">
        <v>8</v>
      </c>
      <c r="W33465">
        <v>8</v>
      </c>
      <c r="X33465">
        <v>8</v>
      </c>
      <c r="Y33465">
        <v>8</v>
      </c>
      <c r="Z33465">
        <v>8</v>
      </c>
      <c r="AA33465">
        <v>8</v>
      </c>
      <c r="AB33465">
        <v>8</v>
      </c>
      <c r="AC33465">
        <v>8</v>
      </c>
      <c r="AD33465">
        <v>9</v>
      </c>
      <c r="AE33465">
        <v>9</v>
      </c>
      <c r="AF33465">
        <v>9</v>
      </c>
      <c r="AG33465">
        <v>9</v>
      </c>
      <c r="AH33465">
        <v>9</v>
      </c>
      <c r="AI33465">
        <v>9</v>
      </c>
      <c r="AJ33465">
        <v>9</v>
      </c>
      <c r="AK33465">
        <v>10</v>
      </c>
      <c r="AL33465">
        <v>10</v>
      </c>
      <c r="AM33465">
        <v>10</v>
      </c>
      <c r="AN33465">
        <v>10</v>
      </c>
      <c r="AO33465">
        <v>10</v>
      </c>
      <c r="AP33465">
        <v>10</v>
      </c>
      <c r="AQ33465">
        <v>10</v>
      </c>
    </row>
    <row r="33466" spans="1:43">
      <c r="A33466" t="s">
        <v>20737</v>
      </c>
      <c r="B33466" t="s">
        <v>20738</v>
      </c>
      <c r="C33466" t="s">
        <v>20731</v>
      </c>
      <c r="D33466" t="s">
        <v>20732</v>
      </c>
      <c r="E33466" t="s">
        <v>20641</v>
      </c>
      <c r="F33466" t="s">
        <v>20642</v>
      </c>
      <c r="G33466" t="s">
        <v>20255</v>
      </c>
      <c r="H33466" t="s">
        <v>20256</v>
      </c>
      <c r="I33466" s="2">
        <v>1</v>
      </c>
      <c r="J33466" s="2">
        <v>0</v>
      </c>
      <c r="K33466" s="2">
        <v>0</v>
      </c>
      <c r="L33466" t="s">
        <v>120</v>
      </c>
      <c r="M33466" t="s">
        <v>83</v>
      </c>
      <c r="N33466" t="s">
        <v>84</v>
      </c>
      <c r="O33466" t="s">
        <v>85</v>
      </c>
      <c r="P33466" t="s">
        <v>86</v>
      </c>
      <c r="Q33466">
        <v>5</v>
      </c>
      <c r="R33466">
        <v>5</v>
      </c>
      <c r="S33466">
        <v>5</v>
      </c>
      <c r="T33466">
        <v>5</v>
      </c>
      <c r="U33466">
        <v>5</v>
      </c>
      <c r="V33466">
        <v>6</v>
      </c>
      <c r="W33466">
        <v>6</v>
      </c>
      <c r="X33466">
        <v>6</v>
      </c>
      <c r="Y33466">
        <v>6</v>
      </c>
      <c r="Z33466">
        <v>6</v>
      </c>
      <c r="AA33466">
        <v>6</v>
      </c>
      <c r="AB33466">
        <v>6</v>
      </c>
      <c r="AC33466">
        <v>6</v>
      </c>
      <c r="AD33466">
        <v>6</v>
      </c>
      <c r="AE33466">
        <v>6</v>
      </c>
      <c r="AF33466">
        <v>6</v>
      </c>
      <c r="AG33466">
        <v>7</v>
      </c>
      <c r="AH33466">
        <v>7</v>
      </c>
      <c r="AI33466">
        <v>7</v>
      </c>
      <c r="AJ33466">
        <v>7</v>
      </c>
      <c r="AK33466">
        <v>7</v>
      </c>
      <c r="AL33466">
        <v>7</v>
      </c>
      <c r="AM33466">
        <v>7</v>
      </c>
      <c r="AN33466">
        <v>7</v>
      </c>
      <c r="AO33466">
        <v>7</v>
      </c>
      <c r="AP33466">
        <v>7</v>
      </c>
      <c r="AQ33466">
        <v>7</v>
      </c>
    </row>
    <row r="33467" spans="1:43">
      <c r="A33467" t="s">
        <v>20737</v>
      </c>
      <c r="B33467" t="s">
        <v>20738</v>
      </c>
      <c r="C33467" t="s">
        <v>20731</v>
      </c>
      <c r="D33467" t="s">
        <v>20732</v>
      </c>
      <c r="E33467" t="s">
        <v>20641</v>
      </c>
      <c r="F33467" t="s">
        <v>20642</v>
      </c>
      <c r="G33467" t="s">
        <v>20255</v>
      </c>
      <c r="H33467" t="s">
        <v>20256</v>
      </c>
      <c r="I33467" s="2">
        <v>1</v>
      </c>
      <c r="J33467" s="2">
        <v>0</v>
      </c>
      <c r="K33467" s="2">
        <v>0</v>
      </c>
      <c r="L33467" t="s">
        <v>120</v>
      </c>
      <c r="M33467" t="s">
        <v>87</v>
      </c>
      <c r="N33467" t="s">
        <v>88</v>
      </c>
      <c r="O33467" t="s">
        <v>85</v>
      </c>
      <c r="P33467" t="s">
        <v>86</v>
      </c>
      <c r="Q33467">
        <v>5</v>
      </c>
      <c r="R33467">
        <v>5</v>
      </c>
      <c r="S33467">
        <v>5</v>
      </c>
      <c r="T33467">
        <v>5</v>
      </c>
      <c r="U33467">
        <v>5</v>
      </c>
      <c r="V33467">
        <v>5</v>
      </c>
      <c r="W33467">
        <v>5</v>
      </c>
      <c r="X33467">
        <v>5</v>
      </c>
      <c r="Y33467">
        <v>5</v>
      </c>
      <c r="Z33467">
        <v>5</v>
      </c>
      <c r="AA33467">
        <v>5</v>
      </c>
      <c r="AB33467">
        <v>6</v>
      </c>
      <c r="AC33467">
        <v>6</v>
      </c>
      <c r="AD33467">
        <v>6</v>
      </c>
      <c r="AE33467">
        <v>6</v>
      </c>
      <c r="AF33467">
        <v>6</v>
      </c>
      <c r="AG33467">
        <v>6</v>
      </c>
      <c r="AH33467">
        <v>6</v>
      </c>
      <c r="AI33467">
        <v>6</v>
      </c>
      <c r="AJ33467">
        <v>6</v>
      </c>
      <c r="AK33467">
        <v>6</v>
      </c>
      <c r="AL33467">
        <v>6</v>
      </c>
      <c r="AM33467">
        <v>6</v>
      </c>
      <c r="AN33467">
        <v>6</v>
      </c>
      <c r="AO33467">
        <v>6</v>
      </c>
      <c r="AP33467">
        <v>6</v>
      </c>
      <c r="AQ33467">
        <v>6</v>
      </c>
    </row>
    <row r="33468" spans="1:43">
      <c r="A33468" t="s">
        <v>20737</v>
      </c>
      <c r="B33468" t="s">
        <v>20738</v>
      </c>
      <c r="C33468" t="s">
        <v>20731</v>
      </c>
      <c r="D33468" t="s">
        <v>20732</v>
      </c>
      <c r="E33468" t="s">
        <v>20641</v>
      </c>
      <c r="F33468" t="s">
        <v>20642</v>
      </c>
      <c r="G33468" t="s">
        <v>20255</v>
      </c>
      <c r="H33468" t="s">
        <v>20256</v>
      </c>
      <c r="I33468" s="2">
        <v>1</v>
      </c>
      <c r="J33468" s="2">
        <v>0</v>
      </c>
      <c r="K33468" s="2">
        <v>0</v>
      </c>
      <c r="L33468" t="s">
        <v>120</v>
      </c>
      <c r="M33468" t="s">
        <v>89</v>
      </c>
      <c r="N33468" t="s">
        <v>90</v>
      </c>
      <c r="O33468" t="s">
        <v>85</v>
      </c>
      <c r="P33468" t="s">
        <v>86</v>
      </c>
      <c r="Q33468">
        <v>5</v>
      </c>
      <c r="R33468">
        <v>5</v>
      </c>
      <c r="S33468">
        <v>5</v>
      </c>
      <c r="T33468">
        <v>6</v>
      </c>
      <c r="U33468">
        <v>6</v>
      </c>
      <c r="V33468">
        <v>6</v>
      </c>
      <c r="W33468">
        <v>6</v>
      </c>
      <c r="X33468">
        <v>6</v>
      </c>
      <c r="Y33468">
        <v>6</v>
      </c>
      <c r="Z33468">
        <v>6</v>
      </c>
      <c r="AA33468">
        <v>6</v>
      </c>
      <c r="AB33468">
        <v>6</v>
      </c>
      <c r="AC33468">
        <v>7</v>
      </c>
      <c r="AD33468">
        <v>7</v>
      </c>
      <c r="AE33468">
        <v>7</v>
      </c>
      <c r="AF33468">
        <v>7</v>
      </c>
      <c r="AG33468">
        <v>7</v>
      </c>
      <c r="AH33468">
        <v>7</v>
      </c>
      <c r="AI33468">
        <v>7</v>
      </c>
      <c r="AJ33468">
        <v>7</v>
      </c>
      <c r="AK33468">
        <v>7</v>
      </c>
      <c r="AL33468">
        <v>7</v>
      </c>
      <c r="AM33468">
        <v>7</v>
      </c>
      <c r="AN33468">
        <v>7</v>
      </c>
      <c r="AO33468">
        <v>7</v>
      </c>
      <c r="AP33468">
        <v>7</v>
      </c>
      <c r="AQ33468">
        <v>7</v>
      </c>
    </row>
    <row r="33469" spans="1:43">
      <c r="A33469" t="s">
        <v>20737</v>
      </c>
      <c r="B33469" t="s">
        <v>20738</v>
      </c>
      <c r="C33469" t="s">
        <v>20731</v>
      </c>
      <c r="D33469" t="s">
        <v>20732</v>
      </c>
      <c r="E33469" t="s">
        <v>20641</v>
      </c>
      <c r="F33469" t="s">
        <v>20642</v>
      </c>
      <c r="G33469" t="s">
        <v>20255</v>
      </c>
      <c r="H33469" t="s">
        <v>20256</v>
      </c>
      <c r="I33469" s="2">
        <v>1</v>
      </c>
      <c r="J33469" s="2">
        <v>0</v>
      </c>
      <c r="K33469" s="2">
        <v>0</v>
      </c>
      <c r="L33469" t="s">
        <v>120</v>
      </c>
      <c r="M33469" t="s">
        <v>83</v>
      </c>
      <c r="N33469" t="s">
        <v>91</v>
      </c>
      <c r="O33469" t="s">
        <v>85</v>
      </c>
      <c r="P33469" t="s">
        <v>86</v>
      </c>
      <c r="Q33469">
        <v>5</v>
      </c>
      <c r="R33469">
        <v>5</v>
      </c>
      <c r="S33469">
        <v>5</v>
      </c>
      <c r="T33469">
        <v>5</v>
      </c>
      <c r="U33469">
        <v>5</v>
      </c>
      <c r="V33469">
        <v>6</v>
      </c>
      <c r="W33469">
        <v>6</v>
      </c>
      <c r="X33469">
        <v>6</v>
      </c>
      <c r="Y33469">
        <v>6</v>
      </c>
      <c r="Z33469">
        <v>6</v>
      </c>
      <c r="AA33469">
        <v>6</v>
      </c>
      <c r="AB33469">
        <v>6</v>
      </c>
      <c r="AC33469">
        <v>6</v>
      </c>
      <c r="AD33469">
        <v>6</v>
      </c>
      <c r="AE33469">
        <v>6</v>
      </c>
      <c r="AF33469">
        <v>6</v>
      </c>
      <c r="AG33469">
        <v>7</v>
      </c>
      <c r="AH33469">
        <v>7</v>
      </c>
      <c r="AI33469">
        <v>7</v>
      </c>
      <c r="AJ33469">
        <v>7</v>
      </c>
      <c r="AK33469">
        <v>7</v>
      </c>
      <c r="AL33469">
        <v>7</v>
      </c>
      <c r="AM33469">
        <v>7</v>
      </c>
      <c r="AN33469">
        <v>7</v>
      </c>
      <c r="AO33469">
        <v>7</v>
      </c>
      <c r="AP33469">
        <v>7</v>
      </c>
      <c r="AQ33469">
        <v>7</v>
      </c>
    </row>
    <row r="33470" spans="1:43">
      <c r="A33470" t="s">
        <v>20739</v>
      </c>
      <c r="B33470" t="s">
        <v>20740</v>
      </c>
      <c r="C33470" t="s">
        <v>20731</v>
      </c>
      <c r="D33470" t="s">
        <v>20732</v>
      </c>
      <c r="E33470" t="s">
        <v>20641</v>
      </c>
      <c r="F33470" t="s">
        <v>20642</v>
      </c>
      <c r="G33470" t="s">
        <v>20255</v>
      </c>
      <c r="H33470" t="s">
        <v>20256</v>
      </c>
      <c r="I33470" s="2">
        <v>1</v>
      </c>
      <c r="J33470" s="2">
        <v>0</v>
      </c>
      <c r="K33470" s="2">
        <v>0</v>
      </c>
      <c r="L33470" t="s">
        <v>120</v>
      </c>
      <c r="M33470" t="s">
        <v>83</v>
      </c>
      <c r="N33470" t="s">
        <v>84</v>
      </c>
      <c r="O33470" t="s">
        <v>85</v>
      </c>
      <c r="P33470" t="s">
        <v>86</v>
      </c>
      <c r="Q33470">
        <v>8</v>
      </c>
      <c r="R33470">
        <v>8</v>
      </c>
      <c r="S33470">
        <v>8</v>
      </c>
      <c r="T33470">
        <v>8</v>
      </c>
      <c r="U33470">
        <v>8</v>
      </c>
      <c r="V33470">
        <v>9</v>
      </c>
      <c r="W33470">
        <v>9</v>
      </c>
      <c r="X33470">
        <v>9</v>
      </c>
      <c r="Y33470">
        <v>9</v>
      </c>
      <c r="Z33470">
        <v>9</v>
      </c>
      <c r="AA33470">
        <v>9</v>
      </c>
      <c r="AB33470">
        <v>9</v>
      </c>
      <c r="AC33470">
        <v>10</v>
      </c>
      <c r="AD33470">
        <v>10</v>
      </c>
      <c r="AE33470">
        <v>10</v>
      </c>
      <c r="AF33470">
        <v>10</v>
      </c>
      <c r="AG33470">
        <v>10</v>
      </c>
      <c r="AH33470">
        <v>10</v>
      </c>
      <c r="AI33470">
        <v>11</v>
      </c>
      <c r="AJ33470">
        <v>11</v>
      </c>
      <c r="AK33470">
        <v>11</v>
      </c>
      <c r="AL33470">
        <v>11</v>
      </c>
      <c r="AM33470">
        <v>11</v>
      </c>
      <c r="AN33470">
        <v>11</v>
      </c>
      <c r="AO33470">
        <v>11</v>
      </c>
      <c r="AP33470">
        <v>11</v>
      </c>
      <c r="AQ33470">
        <v>12</v>
      </c>
    </row>
    <row r="33471" spans="1:43">
      <c r="A33471" t="s">
        <v>20739</v>
      </c>
      <c r="B33471" t="s">
        <v>20740</v>
      </c>
      <c r="C33471" t="s">
        <v>20731</v>
      </c>
      <c r="D33471" t="s">
        <v>20732</v>
      </c>
      <c r="E33471" t="s">
        <v>20641</v>
      </c>
      <c r="F33471" t="s">
        <v>20642</v>
      </c>
      <c r="G33471" t="s">
        <v>20255</v>
      </c>
      <c r="H33471" t="s">
        <v>20256</v>
      </c>
      <c r="I33471" s="2">
        <v>1</v>
      </c>
      <c r="J33471" s="2">
        <v>0</v>
      </c>
      <c r="K33471" s="2">
        <v>0</v>
      </c>
      <c r="L33471" t="s">
        <v>120</v>
      </c>
      <c r="M33471" t="s">
        <v>87</v>
      </c>
      <c r="N33471" t="s">
        <v>88</v>
      </c>
      <c r="O33471" t="s">
        <v>85</v>
      </c>
      <c r="P33471" t="s">
        <v>86</v>
      </c>
      <c r="Q33471">
        <v>8</v>
      </c>
      <c r="R33471">
        <v>8</v>
      </c>
      <c r="S33471">
        <v>8</v>
      </c>
      <c r="T33471">
        <v>8</v>
      </c>
      <c r="U33471">
        <v>8</v>
      </c>
      <c r="V33471">
        <v>8</v>
      </c>
      <c r="W33471">
        <v>8</v>
      </c>
      <c r="X33471">
        <v>8</v>
      </c>
      <c r="Y33471">
        <v>8</v>
      </c>
      <c r="Z33471">
        <v>8</v>
      </c>
      <c r="AA33471">
        <v>9</v>
      </c>
      <c r="AB33471">
        <v>9</v>
      </c>
      <c r="AC33471">
        <v>9</v>
      </c>
      <c r="AD33471">
        <v>9</v>
      </c>
      <c r="AE33471">
        <v>9</v>
      </c>
      <c r="AF33471">
        <v>9</v>
      </c>
      <c r="AG33471">
        <v>9</v>
      </c>
      <c r="AH33471">
        <v>9</v>
      </c>
      <c r="AI33471">
        <v>9</v>
      </c>
      <c r="AJ33471">
        <v>9</v>
      </c>
      <c r="AK33471">
        <v>9</v>
      </c>
      <c r="AL33471">
        <v>10</v>
      </c>
      <c r="AM33471">
        <v>10</v>
      </c>
      <c r="AN33471">
        <v>10</v>
      </c>
      <c r="AO33471">
        <v>10</v>
      </c>
      <c r="AP33471">
        <v>10</v>
      </c>
      <c r="AQ33471">
        <v>10</v>
      </c>
    </row>
    <row r="33472" spans="1:43">
      <c r="A33472" t="s">
        <v>20739</v>
      </c>
      <c r="B33472" t="s">
        <v>20740</v>
      </c>
      <c r="C33472" t="s">
        <v>20731</v>
      </c>
      <c r="D33472" t="s">
        <v>20732</v>
      </c>
      <c r="E33472" t="s">
        <v>20641</v>
      </c>
      <c r="F33472" t="s">
        <v>20642</v>
      </c>
      <c r="G33472" t="s">
        <v>20255</v>
      </c>
      <c r="H33472" t="s">
        <v>20256</v>
      </c>
      <c r="I33472" s="2">
        <v>1</v>
      </c>
      <c r="J33472" s="2">
        <v>0</v>
      </c>
      <c r="K33472" s="2">
        <v>0</v>
      </c>
      <c r="L33472" t="s">
        <v>120</v>
      </c>
      <c r="M33472" t="s">
        <v>89</v>
      </c>
      <c r="N33472" t="s">
        <v>90</v>
      </c>
      <c r="O33472" t="s">
        <v>85</v>
      </c>
      <c r="P33472" t="s">
        <v>86</v>
      </c>
      <c r="Q33472">
        <v>8</v>
      </c>
      <c r="R33472">
        <v>8</v>
      </c>
      <c r="S33472">
        <v>8</v>
      </c>
      <c r="T33472">
        <v>9</v>
      </c>
      <c r="U33472">
        <v>9</v>
      </c>
      <c r="V33472">
        <v>9</v>
      </c>
      <c r="W33472">
        <v>9</v>
      </c>
      <c r="X33472">
        <v>9</v>
      </c>
      <c r="Y33472">
        <v>10</v>
      </c>
      <c r="Z33472">
        <v>10</v>
      </c>
      <c r="AA33472">
        <v>10</v>
      </c>
      <c r="AB33472">
        <v>10</v>
      </c>
      <c r="AC33472">
        <v>10</v>
      </c>
      <c r="AD33472">
        <v>11</v>
      </c>
      <c r="AE33472">
        <v>11</v>
      </c>
      <c r="AF33472">
        <v>11</v>
      </c>
      <c r="AG33472">
        <v>11</v>
      </c>
      <c r="AH33472">
        <v>11</v>
      </c>
      <c r="AI33472">
        <v>11</v>
      </c>
      <c r="AJ33472">
        <v>11</v>
      </c>
      <c r="AK33472">
        <v>11</v>
      </c>
      <c r="AL33472">
        <v>11</v>
      </c>
      <c r="AM33472">
        <v>11</v>
      </c>
      <c r="AN33472">
        <v>11</v>
      </c>
      <c r="AO33472">
        <v>11</v>
      </c>
      <c r="AP33472">
        <v>12</v>
      </c>
      <c r="AQ33472">
        <v>12</v>
      </c>
    </row>
    <row r="33473" spans="1:43">
      <c r="A33473" t="s">
        <v>20739</v>
      </c>
      <c r="B33473" t="s">
        <v>20740</v>
      </c>
      <c r="C33473" t="s">
        <v>20731</v>
      </c>
      <c r="D33473" t="s">
        <v>20732</v>
      </c>
      <c r="E33473" t="s">
        <v>20641</v>
      </c>
      <c r="F33473" t="s">
        <v>20642</v>
      </c>
      <c r="G33473" t="s">
        <v>20255</v>
      </c>
      <c r="H33473" t="s">
        <v>20256</v>
      </c>
      <c r="I33473" s="2">
        <v>1</v>
      </c>
      <c r="J33473" s="2">
        <v>0</v>
      </c>
      <c r="K33473" s="2">
        <v>0</v>
      </c>
      <c r="L33473" t="s">
        <v>120</v>
      </c>
      <c r="M33473" t="s">
        <v>83</v>
      </c>
      <c r="N33473" t="s">
        <v>91</v>
      </c>
      <c r="O33473" t="s">
        <v>85</v>
      </c>
      <c r="P33473" t="s">
        <v>86</v>
      </c>
      <c r="Q33473">
        <v>8</v>
      </c>
      <c r="R33473">
        <v>8</v>
      </c>
      <c r="S33473">
        <v>8</v>
      </c>
      <c r="T33473">
        <v>8</v>
      </c>
      <c r="U33473">
        <v>8</v>
      </c>
      <c r="V33473">
        <v>9</v>
      </c>
      <c r="W33473">
        <v>9</v>
      </c>
      <c r="X33473">
        <v>9</v>
      </c>
      <c r="Y33473">
        <v>9</v>
      </c>
      <c r="Z33473">
        <v>9</v>
      </c>
      <c r="AA33473">
        <v>9</v>
      </c>
      <c r="AB33473">
        <v>9</v>
      </c>
      <c r="AC33473">
        <v>10</v>
      </c>
      <c r="AD33473">
        <v>10</v>
      </c>
      <c r="AE33473">
        <v>10</v>
      </c>
      <c r="AF33473">
        <v>10</v>
      </c>
      <c r="AG33473">
        <v>10</v>
      </c>
      <c r="AH33473">
        <v>10</v>
      </c>
      <c r="AI33473">
        <v>11</v>
      </c>
      <c r="AJ33473">
        <v>11</v>
      </c>
      <c r="AK33473">
        <v>11</v>
      </c>
      <c r="AL33473">
        <v>11</v>
      </c>
      <c r="AM33473">
        <v>11</v>
      </c>
      <c r="AN33473">
        <v>11</v>
      </c>
      <c r="AO33473">
        <v>11</v>
      </c>
      <c r="AP33473">
        <v>11</v>
      </c>
      <c r="AQ33473">
        <v>12</v>
      </c>
    </row>
    <row r="33474" spans="1:43">
      <c r="A33474" t="s">
        <v>20741</v>
      </c>
      <c r="B33474" t="s">
        <v>20742</v>
      </c>
      <c r="C33474" t="s">
        <v>20743</v>
      </c>
      <c r="D33474" t="s">
        <v>20744</v>
      </c>
      <c r="E33474" t="s">
        <v>20641</v>
      </c>
      <c r="F33474" t="s">
        <v>20642</v>
      </c>
      <c r="G33474" t="s">
        <v>20255</v>
      </c>
      <c r="H33474" t="s">
        <v>20256</v>
      </c>
      <c r="I33474" s="2">
        <v>1</v>
      </c>
      <c r="J33474" s="2">
        <v>0</v>
      </c>
      <c r="K33474" s="2">
        <v>0</v>
      </c>
      <c r="L33474" t="s">
        <v>120</v>
      </c>
      <c r="M33474" t="s">
        <v>83</v>
      </c>
      <c r="N33474" t="s">
        <v>84</v>
      </c>
      <c r="O33474" t="s">
        <v>85</v>
      </c>
      <c r="P33474" t="s">
        <v>86</v>
      </c>
      <c r="Q33474">
        <v>87</v>
      </c>
      <c r="R33474">
        <v>88</v>
      </c>
      <c r="S33474">
        <v>90</v>
      </c>
      <c r="T33474">
        <v>91</v>
      </c>
      <c r="U33474">
        <v>93</v>
      </c>
      <c r="V33474">
        <v>95</v>
      </c>
      <c r="W33474">
        <v>96</v>
      </c>
      <c r="X33474">
        <v>98</v>
      </c>
      <c r="Y33474">
        <v>99</v>
      </c>
      <c r="Z33474">
        <v>101</v>
      </c>
      <c r="AA33474">
        <v>102</v>
      </c>
      <c r="AB33474">
        <v>104</v>
      </c>
      <c r="AC33474">
        <v>106</v>
      </c>
      <c r="AD33474">
        <v>108</v>
      </c>
      <c r="AE33474">
        <v>109</v>
      </c>
      <c r="AF33474">
        <v>111</v>
      </c>
      <c r="AG33474">
        <v>113</v>
      </c>
      <c r="AH33474">
        <v>115</v>
      </c>
      <c r="AI33474">
        <v>117</v>
      </c>
      <c r="AJ33474">
        <v>119</v>
      </c>
      <c r="AK33474">
        <v>121</v>
      </c>
      <c r="AL33474">
        <v>122</v>
      </c>
      <c r="AM33474">
        <v>123</v>
      </c>
      <c r="AN33474">
        <v>124</v>
      </c>
      <c r="AO33474">
        <v>125</v>
      </c>
      <c r="AP33474">
        <v>126</v>
      </c>
      <c r="AQ33474">
        <v>127</v>
      </c>
    </row>
    <row r="33475" spans="1:43">
      <c r="A33475" t="s">
        <v>20741</v>
      </c>
      <c r="B33475" t="s">
        <v>20742</v>
      </c>
      <c r="C33475" t="s">
        <v>20743</v>
      </c>
      <c r="D33475" t="s">
        <v>20744</v>
      </c>
      <c r="E33475" t="s">
        <v>20641</v>
      </c>
      <c r="F33475" t="s">
        <v>20642</v>
      </c>
      <c r="G33475" t="s">
        <v>20255</v>
      </c>
      <c r="H33475" t="s">
        <v>20256</v>
      </c>
      <c r="I33475" s="2">
        <v>1</v>
      </c>
      <c r="J33475" s="2">
        <v>0</v>
      </c>
      <c r="K33475" s="2">
        <v>0</v>
      </c>
      <c r="L33475" t="s">
        <v>120</v>
      </c>
      <c r="M33475" t="s">
        <v>87</v>
      </c>
      <c r="N33475" t="s">
        <v>88</v>
      </c>
      <c r="O33475" t="s">
        <v>85</v>
      </c>
      <c r="P33475" t="s">
        <v>86</v>
      </c>
      <c r="Q33475">
        <v>87</v>
      </c>
      <c r="R33475">
        <v>88</v>
      </c>
      <c r="S33475">
        <v>88</v>
      </c>
      <c r="T33475">
        <v>89</v>
      </c>
      <c r="U33475">
        <v>90</v>
      </c>
      <c r="V33475">
        <v>91</v>
      </c>
      <c r="W33475">
        <v>91</v>
      </c>
      <c r="X33475">
        <v>92</v>
      </c>
      <c r="Y33475">
        <v>93</v>
      </c>
      <c r="Z33475">
        <v>94</v>
      </c>
      <c r="AA33475">
        <v>94</v>
      </c>
      <c r="AB33475">
        <v>95</v>
      </c>
      <c r="AC33475">
        <v>96</v>
      </c>
      <c r="AD33475">
        <v>97</v>
      </c>
      <c r="AE33475">
        <v>98</v>
      </c>
      <c r="AF33475">
        <v>99</v>
      </c>
      <c r="AG33475">
        <v>100</v>
      </c>
      <c r="AH33475">
        <v>100</v>
      </c>
      <c r="AI33475">
        <v>101</v>
      </c>
      <c r="AJ33475">
        <v>102</v>
      </c>
      <c r="AK33475">
        <v>103</v>
      </c>
      <c r="AL33475">
        <v>104</v>
      </c>
      <c r="AM33475">
        <v>106</v>
      </c>
      <c r="AN33475">
        <v>107</v>
      </c>
      <c r="AO33475">
        <v>108</v>
      </c>
      <c r="AP33475">
        <v>109</v>
      </c>
      <c r="AQ33475">
        <v>110</v>
      </c>
    </row>
    <row r="33476" spans="1:43">
      <c r="A33476" t="s">
        <v>20741</v>
      </c>
      <c r="B33476" t="s">
        <v>20742</v>
      </c>
      <c r="C33476" t="s">
        <v>20743</v>
      </c>
      <c r="D33476" t="s">
        <v>20744</v>
      </c>
      <c r="E33476" t="s">
        <v>20641</v>
      </c>
      <c r="F33476" t="s">
        <v>20642</v>
      </c>
      <c r="G33476" t="s">
        <v>20255</v>
      </c>
      <c r="H33476" t="s">
        <v>20256</v>
      </c>
      <c r="I33476" s="2">
        <v>1</v>
      </c>
      <c r="J33476" s="2">
        <v>0</v>
      </c>
      <c r="K33476" s="2">
        <v>0</v>
      </c>
      <c r="L33476" t="s">
        <v>120</v>
      </c>
      <c r="M33476" t="s">
        <v>89</v>
      </c>
      <c r="N33476" t="s">
        <v>90</v>
      </c>
      <c r="O33476" t="s">
        <v>85</v>
      </c>
      <c r="P33476" t="s">
        <v>86</v>
      </c>
      <c r="Q33476">
        <v>87</v>
      </c>
      <c r="R33476">
        <v>90</v>
      </c>
      <c r="S33476">
        <v>92</v>
      </c>
      <c r="T33476">
        <v>94</v>
      </c>
      <c r="U33476">
        <v>97</v>
      </c>
      <c r="V33476">
        <v>99</v>
      </c>
      <c r="W33476">
        <v>101</v>
      </c>
      <c r="X33476">
        <v>103</v>
      </c>
      <c r="Y33476">
        <v>105</v>
      </c>
      <c r="Z33476">
        <v>107</v>
      </c>
      <c r="AA33476">
        <v>109</v>
      </c>
      <c r="AB33476">
        <v>112</v>
      </c>
      <c r="AC33476">
        <v>114</v>
      </c>
      <c r="AD33476">
        <v>116</v>
      </c>
      <c r="AE33476">
        <v>118</v>
      </c>
      <c r="AF33476">
        <v>119</v>
      </c>
      <c r="AG33476">
        <v>119</v>
      </c>
      <c r="AH33476">
        <v>120</v>
      </c>
      <c r="AI33476">
        <v>121</v>
      </c>
      <c r="AJ33476">
        <v>122</v>
      </c>
      <c r="AK33476">
        <v>123</v>
      </c>
      <c r="AL33476">
        <v>124</v>
      </c>
      <c r="AM33476">
        <v>125</v>
      </c>
      <c r="AN33476">
        <v>126</v>
      </c>
      <c r="AO33476">
        <v>127</v>
      </c>
      <c r="AP33476">
        <v>128</v>
      </c>
      <c r="AQ33476">
        <v>129</v>
      </c>
    </row>
    <row r="33477" spans="1:43">
      <c r="A33477" t="s">
        <v>20741</v>
      </c>
      <c r="B33477" t="s">
        <v>20742</v>
      </c>
      <c r="C33477" t="s">
        <v>20743</v>
      </c>
      <c r="D33477" t="s">
        <v>20744</v>
      </c>
      <c r="E33477" t="s">
        <v>20641</v>
      </c>
      <c r="F33477" t="s">
        <v>20642</v>
      </c>
      <c r="G33477" t="s">
        <v>20255</v>
      </c>
      <c r="H33477" t="s">
        <v>20256</v>
      </c>
      <c r="I33477" s="2">
        <v>1</v>
      </c>
      <c r="J33477" s="2">
        <v>0</v>
      </c>
      <c r="K33477" s="2">
        <v>0</v>
      </c>
      <c r="L33477" t="s">
        <v>120</v>
      </c>
      <c r="M33477" t="s">
        <v>83</v>
      </c>
      <c r="N33477" t="s">
        <v>91</v>
      </c>
      <c r="O33477" t="s">
        <v>85</v>
      </c>
      <c r="P33477" t="s">
        <v>86</v>
      </c>
      <c r="Q33477">
        <v>87</v>
      </c>
      <c r="R33477">
        <v>88</v>
      </c>
      <c r="S33477">
        <v>90</v>
      </c>
      <c r="T33477">
        <v>91</v>
      </c>
      <c r="U33477">
        <v>93</v>
      </c>
      <c r="V33477">
        <v>95</v>
      </c>
      <c r="W33477">
        <v>96</v>
      </c>
      <c r="X33477">
        <v>98</v>
      </c>
      <c r="Y33477">
        <v>99</v>
      </c>
      <c r="Z33477">
        <v>101</v>
      </c>
      <c r="AA33477">
        <v>102</v>
      </c>
      <c r="AB33477">
        <v>104</v>
      </c>
      <c r="AC33477">
        <v>106</v>
      </c>
      <c r="AD33477">
        <v>108</v>
      </c>
      <c r="AE33477">
        <v>109</v>
      </c>
      <c r="AF33477">
        <v>111</v>
      </c>
      <c r="AG33477">
        <v>113</v>
      </c>
      <c r="AH33477">
        <v>115</v>
      </c>
      <c r="AI33477">
        <v>117</v>
      </c>
      <c r="AJ33477">
        <v>119</v>
      </c>
      <c r="AK33477">
        <v>121</v>
      </c>
      <c r="AL33477">
        <v>122</v>
      </c>
      <c r="AM33477">
        <v>123</v>
      </c>
      <c r="AN33477">
        <v>124</v>
      </c>
      <c r="AO33477">
        <v>125</v>
      </c>
      <c r="AP33477">
        <v>126</v>
      </c>
      <c r="AQ33477">
        <v>127</v>
      </c>
    </row>
    <row r="33478" spans="1:43">
      <c r="A33478" t="s">
        <v>20745</v>
      </c>
      <c r="B33478" t="s">
        <v>20746</v>
      </c>
      <c r="C33478" t="s">
        <v>20743</v>
      </c>
      <c r="D33478" t="s">
        <v>20744</v>
      </c>
      <c r="E33478" t="s">
        <v>20641</v>
      </c>
      <c r="F33478" t="s">
        <v>20642</v>
      </c>
      <c r="G33478" t="s">
        <v>20255</v>
      </c>
      <c r="H33478" t="s">
        <v>20256</v>
      </c>
      <c r="I33478" s="2">
        <v>1</v>
      </c>
      <c r="J33478" s="2">
        <v>0</v>
      </c>
      <c r="K33478" s="2">
        <v>0</v>
      </c>
      <c r="L33478" t="s">
        <v>120</v>
      </c>
      <c r="M33478" t="s">
        <v>83</v>
      </c>
      <c r="N33478" t="s">
        <v>84</v>
      </c>
      <c r="O33478" t="s">
        <v>85</v>
      </c>
      <c r="P33478" t="s">
        <v>86</v>
      </c>
      <c r="Q33478">
        <v>103</v>
      </c>
      <c r="R33478">
        <v>105</v>
      </c>
      <c r="S33478">
        <v>107</v>
      </c>
      <c r="T33478">
        <v>109</v>
      </c>
      <c r="U33478">
        <v>111</v>
      </c>
      <c r="V33478">
        <v>113</v>
      </c>
      <c r="W33478">
        <v>115</v>
      </c>
      <c r="X33478">
        <v>117</v>
      </c>
      <c r="Y33478">
        <v>119</v>
      </c>
      <c r="Z33478">
        <v>121</v>
      </c>
      <c r="AA33478">
        <v>123</v>
      </c>
      <c r="AB33478">
        <v>125</v>
      </c>
      <c r="AC33478">
        <v>127</v>
      </c>
      <c r="AD33478">
        <v>129</v>
      </c>
      <c r="AE33478">
        <v>132</v>
      </c>
      <c r="AF33478">
        <v>134</v>
      </c>
      <c r="AG33478">
        <v>136</v>
      </c>
      <c r="AH33478">
        <v>139</v>
      </c>
      <c r="AI33478">
        <v>141</v>
      </c>
      <c r="AJ33478">
        <v>143</v>
      </c>
      <c r="AK33478">
        <v>146</v>
      </c>
      <c r="AL33478">
        <v>148</v>
      </c>
      <c r="AM33478">
        <v>149</v>
      </c>
      <c r="AN33478">
        <v>150</v>
      </c>
      <c r="AO33478">
        <v>152</v>
      </c>
      <c r="AP33478">
        <v>154</v>
      </c>
      <c r="AQ33478">
        <v>155</v>
      </c>
    </row>
    <row r="33479" spans="1:43">
      <c r="A33479" t="s">
        <v>20745</v>
      </c>
      <c r="B33479" t="s">
        <v>20746</v>
      </c>
      <c r="C33479" t="s">
        <v>20743</v>
      </c>
      <c r="D33479" t="s">
        <v>20744</v>
      </c>
      <c r="E33479" t="s">
        <v>20641</v>
      </c>
      <c r="F33479" t="s">
        <v>20642</v>
      </c>
      <c r="G33479" t="s">
        <v>20255</v>
      </c>
      <c r="H33479" t="s">
        <v>20256</v>
      </c>
      <c r="I33479" s="2">
        <v>1</v>
      </c>
      <c r="J33479" s="2">
        <v>0</v>
      </c>
      <c r="K33479" s="2">
        <v>0</v>
      </c>
      <c r="L33479" t="s">
        <v>120</v>
      </c>
      <c r="M33479" t="s">
        <v>87</v>
      </c>
      <c r="N33479" t="s">
        <v>88</v>
      </c>
      <c r="O33479" t="s">
        <v>85</v>
      </c>
      <c r="P33479" t="s">
        <v>86</v>
      </c>
      <c r="Q33479">
        <v>103</v>
      </c>
      <c r="R33479">
        <v>104</v>
      </c>
      <c r="S33479">
        <v>105</v>
      </c>
      <c r="T33479">
        <v>106</v>
      </c>
      <c r="U33479">
        <v>107</v>
      </c>
      <c r="V33479">
        <v>108</v>
      </c>
      <c r="W33479">
        <v>109</v>
      </c>
      <c r="X33479">
        <v>110</v>
      </c>
      <c r="Y33479">
        <v>111</v>
      </c>
      <c r="Z33479">
        <v>112</v>
      </c>
      <c r="AA33479">
        <v>113</v>
      </c>
      <c r="AB33479">
        <v>114</v>
      </c>
      <c r="AC33479">
        <v>115</v>
      </c>
      <c r="AD33479">
        <v>117</v>
      </c>
      <c r="AE33479">
        <v>118</v>
      </c>
      <c r="AF33479">
        <v>119</v>
      </c>
      <c r="AG33479">
        <v>120</v>
      </c>
      <c r="AH33479">
        <v>121</v>
      </c>
      <c r="AI33479">
        <v>123</v>
      </c>
      <c r="AJ33479">
        <v>124</v>
      </c>
      <c r="AK33479">
        <v>125</v>
      </c>
      <c r="AL33479">
        <v>127</v>
      </c>
      <c r="AM33479">
        <v>128</v>
      </c>
      <c r="AN33479">
        <v>130</v>
      </c>
      <c r="AO33479">
        <v>131</v>
      </c>
      <c r="AP33479">
        <v>133</v>
      </c>
      <c r="AQ33479">
        <v>134</v>
      </c>
    </row>
    <row r="33480" spans="1:43">
      <c r="A33480" t="s">
        <v>20745</v>
      </c>
      <c r="B33480" t="s">
        <v>20746</v>
      </c>
      <c r="C33480" t="s">
        <v>20743</v>
      </c>
      <c r="D33480" t="s">
        <v>20744</v>
      </c>
      <c r="E33480" t="s">
        <v>20641</v>
      </c>
      <c r="F33480" t="s">
        <v>20642</v>
      </c>
      <c r="G33480" t="s">
        <v>20255</v>
      </c>
      <c r="H33480" t="s">
        <v>20256</v>
      </c>
      <c r="I33480" s="2">
        <v>1</v>
      </c>
      <c r="J33480" s="2">
        <v>0</v>
      </c>
      <c r="K33480" s="2">
        <v>0</v>
      </c>
      <c r="L33480" t="s">
        <v>120</v>
      </c>
      <c r="M33480" t="s">
        <v>89</v>
      </c>
      <c r="N33480" t="s">
        <v>90</v>
      </c>
      <c r="O33480" t="s">
        <v>85</v>
      </c>
      <c r="P33480" t="s">
        <v>86</v>
      </c>
      <c r="Q33480">
        <v>103</v>
      </c>
      <c r="R33480">
        <v>106</v>
      </c>
      <c r="S33480">
        <v>109</v>
      </c>
      <c r="T33480">
        <v>112</v>
      </c>
      <c r="U33480">
        <v>114</v>
      </c>
      <c r="V33480">
        <v>117</v>
      </c>
      <c r="W33480">
        <v>120</v>
      </c>
      <c r="X33480">
        <v>122</v>
      </c>
      <c r="Y33480">
        <v>125</v>
      </c>
      <c r="Z33480">
        <v>128</v>
      </c>
      <c r="AA33480">
        <v>130</v>
      </c>
      <c r="AB33480">
        <v>133</v>
      </c>
      <c r="AC33480">
        <v>135</v>
      </c>
      <c r="AD33480">
        <v>138</v>
      </c>
      <c r="AE33480">
        <v>140</v>
      </c>
      <c r="AF33480">
        <v>142</v>
      </c>
      <c r="AG33480">
        <v>143</v>
      </c>
      <c r="AH33480">
        <v>144</v>
      </c>
      <c r="AI33480">
        <v>146</v>
      </c>
      <c r="AJ33480">
        <v>147</v>
      </c>
      <c r="AK33480">
        <v>148</v>
      </c>
      <c r="AL33480">
        <v>150</v>
      </c>
      <c r="AM33480">
        <v>151</v>
      </c>
      <c r="AN33480">
        <v>153</v>
      </c>
      <c r="AO33480">
        <v>154</v>
      </c>
      <c r="AP33480">
        <v>156</v>
      </c>
      <c r="AQ33480">
        <v>157</v>
      </c>
    </row>
    <row r="33481" spans="1:43">
      <c r="A33481" t="s">
        <v>20745</v>
      </c>
      <c r="B33481" t="s">
        <v>20746</v>
      </c>
      <c r="C33481" t="s">
        <v>20743</v>
      </c>
      <c r="D33481" t="s">
        <v>20744</v>
      </c>
      <c r="E33481" t="s">
        <v>20641</v>
      </c>
      <c r="F33481" t="s">
        <v>20642</v>
      </c>
      <c r="G33481" t="s">
        <v>20255</v>
      </c>
      <c r="H33481" t="s">
        <v>20256</v>
      </c>
      <c r="I33481" s="2">
        <v>1</v>
      </c>
      <c r="J33481" s="2">
        <v>0</v>
      </c>
      <c r="K33481" s="2">
        <v>0</v>
      </c>
      <c r="L33481" t="s">
        <v>120</v>
      </c>
      <c r="M33481" t="s">
        <v>83</v>
      </c>
      <c r="N33481" t="s">
        <v>91</v>
      </c>
      <c r="O33481" t="s">
        <v>85</v>
      </c>
      <c r="P33481" t="s">
        <v>86</v>
      </c>
      <c r="Q33481">
        <v>103</v>
      </c>
      <c r="R33481">
        <v>105</v>
      </c>
      <c r="S33481">
        <v>107</v>
      </c>
      <c r="T33481">
        <v>109</v>
      </c>
      <c r="U33481">
        <v>111</v>
      </c>
      <c r="V33481">
        <v>113</v>
      </c>
      <c r="W33481">
        <v>115</v>
      </c>
      <c r="X33481">
        <v>117</v>
      </c>
      <c r="Y33481">
        <v>119</v>
      </c>
      <c r="Z33481">
        <v>121</v>
      </c>
      <c r="AA33481">
        <v>123</v>
      </c>
      <c r="AB33481">
        <v>125</v>
      </c>
      <c r="AC33481">
        <v>127</v>
      </c>
      <c r="AD33481">
        <v>129</v>
      </c>
      <c r="AE33481">
        <v>132</v>
      </c>
      <c r="AF33481">
        <v>134</v>
      </c>
      <c r="AG33481">
        <v>136</v>
      </c>
      <c r="AH33481">
        <v>139</v>
      </c>
      <c r="AI33481">
        <v>141</v>
      </c>
      <c r="AJ33481">
        <v>143</v>
      </c>
      <c r="AK33481">
        <v>146</v>
      </c>
      <c r="AL33481">
        <v>148</v>
      </c>
      <c r="AM33481">
        <v>149</v>
      </c>
      <c r="AN33481">
        <v>150</v>
      </c>
      <c r="AO33481">
        <v>152</v>
      </c>
      <c r="AP33481">
        <v>154</v>
      </c>
      <c r="AQ33481">
        <v>155</v>
      </c>
    </row>
    <row r="33482" spans="1:43">
      <c r="A33482" t="s">
        <v>20747</v>
      </c>
      <c r="B33482" t="s">
        <v>20748</v>
      </c>
      <c r="C33482" t="s">
        <v>20743</v>
      </c>
      <c r="D33482" t="s">
        <v>20744</v>
      </c>
      <c r="E33482" t="s">
        <v>20641</v>
      </c>
      <c r="F33482" t="s">
        <v>20642</v>
      </c>
      <c r="G33482" t="s">
        <v>20255</v>
      </c>
      <c r="H33482" t="s">
        <v>20256</v>
      </c>
      <c r="I33482" s="2">
        <v>1</v>
      </c>
      <c r="J33482" s="2">
        <v>0</v>
      </c>
      <c r="K33482" s="2">
        <v>0</v>
      </c>
      <c r="L33482" t="s">
        <v>120</v>
      </c>
      <c r="M33482" t="s">
        <v>83</v>
      </c>
      <c r="N33482" t="s">
        <v>84</v>
      </c>
      <c r="O33482" t="s">
        <v>85</v>
      </c>
      <c r="P33482" t="s">
        <v>86</v>
      </c>
      <c r="Q33482">
        <v>12</v>
      </c>
      <c r="R33482">
        <v>12</v>
      </c>
      <c r="S33482">
        <v>12</v>
      </c>
      <c r="T33482">
        <v>12</v>
      </c>
      <c r="U33482">
        <v>13</v>
      </c>
      <c r="V33482">
        <v>13</v>
      </c>
      <c r="W33482">
        <v>13</v>
      </c>
      <c r="X33482">
        <v>13</v>
      </c>
      <c r="Y33482">
        <v>13</v>
      </c>
      <c r="Z33482">
        <v>14</v>
      </c>
      <c r="AA33482">
        <v>14</v>
      </c>
      <c r="AB33482">
        <v>14</v>
      </c>
      <c r="AC33482">
        <v>14</v>
      </c>
      <c r="AD33482">
        <v>15</v>
      </c>
      <c r="AE33482">
        <v>15</v>
      </c>
      <c r="AF33482">
        <v>15</v>
      </c>
      <c r="AG33482">
        <v>15</v>
      </c>
      <c r="AH33482">
        <v>16</v>
      </c>
      <c r="AI33482">
        <v>16</v>
      </c>
      <c r="AJ33482">
        <v>16</v>
      </c>
      <c r="AK33482">
        <v>16</v>
      </c>
      <c r="AL33482">
        <v>17</v>
      </c>
      <c r="AM33482">
        <v>17</v>
      </c>
      <c r="AN33482">
        <v>17</v>
      </c>
      <c r="AO33482">
        <v>17</v>
      </c>
      <c r="AP33482">
        <v>17</v>
      </c>
      <c r="AQ33482">
        <v>17</v>
      </c>
    </row>
    <row r="33483" spans="1:43">
      <c r="A33483" t="s">
        <v>20747</v>
      </c>
      <c r="B33483" t="s">
        <v>20748</v>
      </c>
      <c r="C33483" t="s">
        <v>20743</v>
      </c>
      <c r="D33483" t="s">
        <v>20744</v>
      </c>
      <c r="E33483" t="s">
        <v>20641</v>
      </c>
      <c r="F33483" t="s">
        <v>20642</v>
      </c>
      <c r="G33483" t="s">
        <v>20255</v>
      </c>
      <c r="H33483" t="s">
        <v>20256</v>
      </c>
      <c r="I33483" s="2">
        <v>1</v>
      </c>
      <c r="J33483" s="2">
        <v>0</v>
      </c>
      <c r="K33483" s="2">
        <v>0</v>
      </c>
      <c r="L33483" t="s">
        <v>120</v>
      </c>
      <c r="M33483" t="s">
        <v>87</v>
      </c>
      <c r="N33483" t="s">
        <v>88</v>
      </c>
      <c r="O33483" t="s">
        <v>85</v>
      </c>
      <c r="P33483" t="s">
        <v>86</v>
      </c>
      <c r="Q33483">
        <v>12</v>
      </c>
      <c r="R33483">
        <v>12</v>
      </c>
      <c r="S33483">
        <v>12</v>
      </c>
      <c r="T33483">
        <v>12</v>
      </c>
      <c r="U33483">
        <v>12</v>
      </c>
      <c r="V33483">
        <v>12</v>
      </c>
      <c r="W33483">
        <v>12</v>
      </c>
      <c r="X33483">
        <v>12</v>
      </c>
      <c r="Y33483">
        <v>12</v>
      </c>
      <c r="Z33483">
        <v>13</v>
      </c>
      <c r="AA33483">
        <v>13</v>
      </c>
      <c r="AB33483">
        <v>13</v>
      </c>
      <c r="AC33483">
        <v>13</v>
      </c>
      <c r="AD33483">
        <v>13</v>
      </c>
      <c r="AE33483">
        <v>13</v>
      </c>
      <c r="AF33483">
        <v>13</v>
      </c>
      <c r="AG33483">
        <v>13</v>
      </c>
      <c r="AH33483">
        <v>14</v>
      </c>
      <c r="AI33483">
        <v>14</v>
      </c>
      <c r="AJ33483">
        <v>14</v>
      </c>
      <c r="AK33483">
        <v>14</v>
      </c>
      <c r="AL33483">
        <v>14</v>
      </c>
      <c r="AM33483">
        <v>14</v>
      </c>
      <c r="AN33483">
        <v>15</v>
      </c>
      <c r="AO33483">
        <v>15</v>
      </c>
      <c r="AP33483">
        <v>15</v>
      </c>
      <c r="AQ33483">
        <v>15</v>
      </c>
    </row>
    <row r="33484" spans="1:43">
      <c r="A33484" t="s">
        <v>20747</v>
      </c>
      <c r="B33484" t="s">
        <v>20748</v>
      </c>
      <c r="C33484" t="s">
        <v>20743</v>
      </c>
      <c r="D33484" t="s">
        <v>20744</v>
      </c>
      <c r="E33484" t="s">
        <v>20641</v>
      </c>
      <c r="F33484" t="s">
        <v>20642</v>
      </c>
      <c r="G33484" t="s">
        <v>20255</v>
      </c>
      <c r="H33484" t="s">
        <v>20256</v>
      </c>
      <c r="I33484" s="2">
        <v>1</v>
      </c>
      <c r="J33484" s="2">
        <v>0</v>
      </c>
      <c r="K33484" s="2">
        <v>0</v>
      </c>
      <c r="L33484" t="s">
        <v>120</v>
      </c>
      <c r="M33484" t="s">
        <v>89</v>
      </c>
      <c r="N33484" t="s">
        <v>90</v>
      </c>
      <c r="O33484" t="s">
        <v>85</v>
      </c>
      <c r="P33484" t="s">
        <v>86</v>
      </c>
      <c r="Q33484">
        <v>12</v>
      </c>
      <c r="R33484">
        <v>12</v>
      </c>
      <c r="S33484">
        <v>12</v>
      </c>
      <c r="T33484">
        <v>13</v>
      </c>
      <c r="U33484">
        <v>13</v>
      </c>
      <c r="V33484">
        <v>13</v>
      </c>
      <c r="W33484">
        <v>14</v>
      </c>
      <c r="X33484">
        <v>14</v>
      </c>
      <c r="Y33484">
        <v>14</v>
      </c>
      <c r="Z33484">
        <v>15</v>
      </c>
      <c r="AA33484">
        <v>15</v>
      </c>
      <c r="AB33484">
        <v>15</v>
      </c>
      <c r="AC33484">
        <v>15</v>
      </c>
      <c r="AD33484">
        <v>16</v>
      </c>
      <c r="AE33484">
        <v>16</v>
      </c>
      <c r="AF33484">
        <v>16</v>
      </c>
      <c r="AG33484">
        <v>16</v>
      </c>
      <c r="AH33484">
        <v>16</v>
      </c>
      <c r="AI33484">
        <v>17</v>
      </c>
      <c r="AJ33484">
        <v>17</v>
      </c>
      <c r="AK33484">
        <v>17</v>
      </c>
      <c r="AL33484">
        <v>17</v>
      </c>
      <c r="AM33484">
        <v>17</v>
      </c>
      <c r="AN33484">
        <v>17</v>
      </c>
      <c r="AO33484">
        <v>17</v>
      </c>
      <c r="AP33484">
        <v>18</v>
      </c>
      <c r="AQ33484">
        <v>18</v>
      </c>
    </row>
    <row r="33485" spans="1:43">
      <c r="A33485" t="s">
        <v>20747</v>
      </c>
      <c r="B33485" t="s">
        <v>20748</v>
      </c>
      <c r="C33485" t="s">
        <v>20743</v>
      </c>
      <c r="D33485" t="s">
        <v>20744</v>
      </c>
      <c r="E33485" t="s">
        <v>20641</v>
      </c>
      <c r="F33485" t="s">
        <v>20642</v>
      </c>
      <c r="G33485" t="s">
        <v>20255</v>
      </c>
      <c r="H33485" t="s">
        <v>20256</v>
      </c>
      <c r="I33485" s="2">
        <v>1</v>
      </c>
      <c r="J33485" s="2">
        <v>0</v>
      </c>
      <c r="K33485" s="2">
        <v>0</v>
      </c>
      <c r="L33485" t="s">
        <v>120</v>
      </c>
      <c r="M33485" t="s">
        <v>83</v>
      </c>
      <c r="N33485" t="s">
        <v>91</v>
      </c>
      <c r="O33485" t="s">
        <v>85</v>
      </c>
      <c r="P33485" t="s">
        <v>86</v>
      </c>
      <c r="Q33485">
        <v>12</v>
      </c>
      <c r="R33485">
        <v>12</v>
      </c>
      <c r="S33485">
        <v>12</v>
      </c>
      <c r="T33485">
        <v>12</v>
      </c>
      <c r="U33485">
        <v>13</v>
      </c>
      <c r="V33485">
        <v>13</v>
      </c>
      <c r="W33485">
        <v>13</v>
      </c>
      <c r="X33485">
        <v>13</v>
      </c>
      <c r="Y33485">
        <v>13</v>
      </c>
      <c r="Z33485">
        <v>14</v>
      </c>
      <c r="AA33485">
        <v>14</v>
      </c>
      <c r="AB33485">
        <v>14</v>
      </c>
      <c r="AC33485">
        <v>14</v>
      </c>
      <c r="AD33485">
        <v>15</v>
      </c>
      <c r="AE33485">
        <v>15</v>
      </c>
      <c r="AF33485">
        <v>15</v>
      </c>
      <c r="AG33485">
        <v>15</v>
      </c>
      <c r="AH33485">
        <v>16</v>
      </c>
      <c r="AI33485">
        <v>16</v>
      </c>
      <c r="AJ33485">
        <v>16</v>
      </c>
      <c r="AK33485">
        <v>16</v>
      </c>
      <c r="AL33485">
        <v>17</v>
      </c>
      <c r="AM33485">
        <v>17</v>
      </c>
      <c r="AN33485">
        <v>17</v>
      </c>
      <c r="AO33485">
        <v>17</v>
      </c>
      <c r="AP33485">
        <v>17</v>
      </c>
      <c r="AQ33485">
        <v>17</v>
      </c>
    </row>
    <row r="33486" spans="1:43">
      <c r="A33486" t="s">
        <v>20749</v>
      </c>
      <c r="B33486" t="s">
        <v>20750</v>
      </c>
      <c r="C33486" t="s">
        <v>20743</v>
      </c>
      <c r="D33486" t="s">
        <v>20744</v>
      </c>
      <c r="E33486" t="s">
        <v>20641</v>
      </c>
      <c r="F33486" t="s">
        <v>20642</v>
      </c>
      <c r="G33486" t="s">
        <v>20255</v>
      </c>
      <c r="H33486" t="s">
        <v>20256</v>
      </c>
      <c r="I33486" s="2">
        <v>1</v>
      </c>
      <c r="J33486" s="2">
        <v>0</v>
      </c>
      <c r="K33486" s="2">
        <v>0</v>
      </c>
      <c r="L33486" t="s">
        <v>120</v>
      </c>
      <c r="M33486" t="s">
        <v>83</v>
      </c>
      <c r="N33486" t="s">
        <v>84</v>
      </c>
      <c r="O33486" t="s">
        <v>85</v>
      </c>
      <c r="P33486" t="s">
        <v>86</v>
      </c>
      <c r="Q33486">
        <v>87</v>
      </c>
      <c r="R33486">
        <v>88</v>
      </c>
      <c r="S33486">
        <v>90</v>
      </c>
      <c r="T33486">
        <v>92</v>
      </c>
      <c r="U33486">
        <v>93</v>
      </c>
      <c r="V33486">
        <v>95</v>
      </c>
      <c r="W33486">
        <v>97</v>
      </c>
      <c r="X33486">
        <v>98</v>
      </c>
      <c r="Y33486">
        <v>100</v>
      </c>
      <c r="Z33486">
        <v>102</v>
      </c>
      <c r="AA33486">
        <v>103</v>
      </c>
      <c r="AB33486">
        <v>105</v>
      </c>
      <c r="AC33486">
        <v>107</v>
      </c>
      <c r="AD33486">
        <v>109</v>
      </c>
      <c r="AE33486">
        <v>111</v>
      </c>
      <c r="AF33486">
        <v>112</v>
      </c>
      <c r="AG33486">
        <v>114</v>
      </c>
      <c r="AH33486">
        <v>116</v>
      </c>
      <c r="AI33486">
        <v>118</v>
      </c>
      <c r="AJ33486">
        <v>120</v>
      </c>
      <c r="AK33486">
        <v>122</v>
      </c>
      <c r="AL33486">
        <v>124</v>
      </c>
      <c r="AM33486">
        <v>125</v>
      </c>
      <c r="AN33486">
        <v>126</v>
      </c>
      <c r="AO33486">
        <v>127</v>
      </c>
      <c r="AP33486">
        <v>129</v>
      </c>
      <c r="AQ33486">
        <v>130</v>
      </c>
    </row>
    <row r="33487" spans="1:43">
      <c r="A33487" t="s">
        <v>20749</v>
      </c>
      <c r="B33487" t="s">
        <v>20750</v>
      </c>
      <c r="C33487" t="s">
        <v>20743</v>
      </c>
      <c r="D33487" t="s">
        <v>20744</v>
      </c>
      <c r="E33487" t="s">
        <v>20641</v>
      </c>
      <c r="F33487" t="s">
        <v>20642</v>
      </c>
      <c r="G33487" t="s">
        <v>20255</v>
      </c>
      <c r="H33487" t="s">
        <v>20256</v>
      </c>
      <c r="I33487" s="2">
        <v>1</v>
      </c>
      <c r="J33487" s="2">
        <v>0</v>
      </c>
      <c r="K33487" s="2">
        <v>0</v>
      </c>
      <c r="L33487" t="s">
        <v>120</v>
      </c>
      <c r="M33487" t="s">
        <v>87</v>
      </c>
      <c r="N33487" t="s">
        <v>88</v>
      </c>
      <c r="O33487" t="s">
        <v>85</v>
      </c>
      <c r="P33487" t="s">
        <v>86</v>
      </c>
      <c r="Q33487">
        <v>87</v>
      </c>
      <c r="R33487">
        <v>88</v>
      </c>
      <c r="S33487">
        <v>89</v>
      </c>
      <c r="T33487">
        <v>90</v>
      </c>
      <c r="U33487">
        <v>90</v>
      </c>
      <c r="V33487">
        <v>91</v>
      </c>
      <c r="W33487">
        <v>92</v>
      </c>
      <c r="X33487">
        <v>93</v>
      </c>
      <c r="Y33487">
        <v>94</v>
      </c>
      <c r="Z33487">
        <v>94</v>
      </c>
      <c r="AA33487">
        <v>95</v>
      </c>
      <c r="AB33487">
        <v>96</v>
      </c>
      <c r="AC33487">
        <v>97</v>
      </c>
      <c r="AD33487">
        <v>98</v>
      </c>
      <c r="AE33487">
        <v>99</v>
      </c>
      <c r="AF33487">
        <v>100</v>
      </c>
      <c r="AG33487">
        <v>101</v>
      </c>
      <c r="AH33487">
        <v>102</v>
      </c>
      <c r="AI33487">
        <v>103</v>
      </c>
      <c r="AJ33487">
        <v>104</v>
      </c>
      <c r="AK33487">
        <v>105</v>
      </c>
      <c r="AL33487">
        <v>106</v>
      </c>
      <c r="AM33487">
        <v>108</v>
      </c>
      <c r="AN33487">
        <v>109</v>
      </c>
      <c r="AO33487">
        <v>110</v>
      </c>
      <c r="AP33487">
        <v>111</v>
      </c>
      <c r="AQ33487">
        <v>113</v>
      </c>
    </row>
    <row r="33488" spans="1:43">
      <c r="A33488" t="s">
        <v>20749</v>
      </c>
      <c r="B33488" t="s">
        <v>20750</v>
      </c>
      <c r="C33488" t="s">
        <v>20743</v>
      </c>
      <c r="D33488" t="s">
        <v>20744</v>
      </c>
      <c r="E33488" t="s">
        <v>20641</v>
      </c>
      <c r="F33488" t="s">
        <v>20642</v>
      </c>
      <c r="G33488" t="s">
        <v>20255</v>
      </c>
      <c r="H33488" t="s">
        <v>20256</v>
      </c>
      <c r="I33488" s="2">
        <v>1</v>
      </c>
      <c r="J33488" s="2">
        <v>0</v>
      </c>
      <c r="K33488" s="2">
        <v>0</v>
      </c>
      <c r="L33488" t="s">
        <v>120</v>
      </c>
      <c r="M33488" t="s">
        <v>89</v>
      </c>
      <c r="N33488" t="s">
        <v>90</v>
      </c>
      <c r="O33488" t="s">
        <v>85</v>
      </c>
      <c r="P33488" t="s">
        <v>86</v>
      </c>
      <c r="Q33488">
        <v>87</v>
      </c>
      <c r="R33488">
        <v>89</v>
      </c>
      <c r="S33488">
        <v>91</v>
      </c>
      <c r="T33488">
        <v>94</v>
      </c>
      <c r="U33488">
        <v>96</v>
      </c>
      <c r="V33488">
        <v>98</v>
      </c>
      <c r="W33488">
        <v>101</v>
      </c>
      <c r="X33488">
        <v>103</v>
      </c>
      <c r="Y33488">
        <v>105</v>
      </c>
      <c r="Z33488">
        <v>107</v>
      </c>
      <c r="AA33488">
        <v>109</v>
      </c>
      <c r="AB33488">
        <v>111</v>
      </c>
      <c r="AC33488">
        <v>114</v>
      </c>
      <c r="AD33488">
        <v>116</v>
      </c>
      <c r="AE33488">
        <v>118</v>
      </c>
      <c r="AF33488">
        <v>119</v>
      </c>
      <c r="AG33488">
        <v>120</v>
      </c>
      <c r="AH33488">
        <v>121</v>
      </c>
      <c r="AI33488">
        <v>122</v>
      </c>
      <c r="AJ33488">
        <v>123</v>
      </c>
      <c r="AK33488">
        <v>124</v>
      </c>
      <c r="AL33488">
        <v>125</v>
      </c>
      <c r="AM33488">
        <v>127</v>
      </c>
      <c r="AN33488">
        <v>128</v>
      </c>
      <c r="AO33488">
        <v>129</v>
      </c>
      <c r="AP33488">
        <v>130</v>
      </c>
      <c r="AQ33488">
        <v>131</v>
      </c>
    </row>
    <row r="33489" spans="1:43">
      <c r="A33489" t="s">
        <v>20749</v>
      </c>
      <c r="B33489" t="s">
        <v>20750</v>
      </c>
      <c r="C33489" t="s">
        <v>20743</v>
      </c>
      <c r="D33489" t="s">
        <v>20744</v>
      </c>
      <c r="E33489" t="s">
        <v>20641</v>
      </c>
      <c r="F33489" t="s">
        <v>20642</v>
      </c>
      <c r="G33489" t="s">
        <v>20255</v>
      </c>
      <c r="H33489" t="s">
        <v>20256</v>
      </c>
      <c r="I33489" s="2">
        <v>1</v>
      </c>
      <c r="J33489" s="2">
        <v>0</v>
      </c>
      <c r="K33489" s="2">
        <v>0</v>
      </c>
      <c r="L33489" t="s">
        <v>120</v>
      </c>
      <c r="M33489" t="s">
        <v>83</v>
      </c>
      <c r="N33489" t="s">
        <v>91</v>
      </c>
      <c r="O33489" t="s">
        <v>85</v>
      </c>
      <c r="P33489" t="s">
        <v>86</v>
      </c>
      <c r="Q33489">
        <v>87</v>
      </c>
      <c r="R33489">
        <v>88</v>
      </c>
      <c r="S33489">
        <v>90</v>
      </c>
      <c r="T33489">
        <v>92</v>
      </c>
      <c r="U33489">
        <v>93</v>
      </c>
      <c r="V33489">
        <v>95</v>
      </c>
      <c r="W33489">
        <v>97</v>
      </c>
      <c r="X33489">
        <v>98</v>
      </c>
      <c r="Y33489">
        <v>100</v>
      </c>
      <c r="Z33489">
        <v>102</v>
      </c>
      <c r="AA33489">
        <v>103</v>
      </c>
      <c r="AB33489">
        <v>105</v>
      </c>
      <c r="AC33489">
        <v>107</v>
      </c>
      <c r="AD33489">
        <v>109</v>
      </c>
      <c r="AE33489">
        <v>111</v>
      </c>
      <c r="AF33489">
        <v>112</v>
      </c>
      <c r="AG33489">
        <v>114</v>
      </c>
      <c r="AH33489">
        <v>116</v>
      </c>
      <c r="AI33489">
        <v>118</v>
      </c>
      <c r="AJ33489">
        <v>120</v>
      </c>
      <c r="AK33489">
        <v>122</v>
      </c>
      <c r="AL33489">
        <v>124</v>
      </c>
      <c r="AM33489">
        <v>125</v>
      </c>
      <c r="AN33489">
        <v>126</v>
      </c>
      <c r="AO33489">
        <v>127</v>
      </c>
      <c r="AP33489">
        <v>129</v>
      </c>
      <c r="AQ33489">
        <v>130</v>
      </c>
    </row>
    <row r="33490" spans="1:43">
      <c r="A33490" t="s">
        <v>20751</v>
      </c>
      <c r="B33490" t="s">
        <v>20752</v>
      </c>
      <c r="C33490" t="s">
        <v>20743</v>
      </c>
      <c r="D33490" t="s">
        <v>20744</v>
      </c>
      <c r="E33490" t="s">
        <v>20641</v>
      </c>
      <c r="F33490" t="s">
        <v>20642</v>
      </c>
      <c r="G33490" t="s">
        <v>20255</v>
      </c>
      <c r="H33490" t="s">
        <v>20256</v>
      </c>
      <c r="I33490" s="2">
        <v>1</v>
      </c>
      <c r="J33490" s="2">
        <v>0</v>
      </c>
      <c r="K33490" s="2">
        <v>0</v>
      </c>
      <c r="L33490" t="s">
        <v>120</v>
      </c>
      <c r="M33490" t="s">
        <v>83</v>
      </c>
      <c r="N33490" t="s">
        <v>84</v>
      </c>
      <c r="O33490" t="s">
        <v>85</v>
      </c>
      <c r="P33490" t="s">
        <v>86</v>
      </c>
      <c r="Q33490">
        <v>111</v>
      </c>
      <c r="R33490">
        <v>113</v>
      </c>
      <c r="S33490">
        <v>115</v>
      </c>
      <c r="T33490">
        <v>117</v>
      </c>
      <c r="U33490">
        <v>119</v>
      </c>
      <c r="V33490">
        <v>121</v>
      </c>
      <c r="W33490">
        <v>123</v>
      </c>
      <c r="X33490">
        <v>125</v>
      </c>
      <c r="Y33490">
        <v>127</v>
      </c>
      <c r="Z33490">
        <v>129</v>
      </c>
      <c r="AA33490">
        <v>131</v>
      </c>
      <c r="AB33490">
        <v>134</v>
      </c>
      <c r="AC33490">
        <v>136</v>
      </c>
      <c r="AD33490">
        <v>138</v>
      </c>
      <c r="AE33490">
        <v>140</v>
      </c>
      <c r="AF33490">
        <v>143</v>
      </c>
      <c r="AG33490">
        <v>145</v>
      </c>
      <c r="AH33490">
        <v>147</v>
      </c>
      <c r="AI33490">
        <v>150</v>
      </c>
      <c r="AJ33490">
        <v>152</v>
      </c>
      <c r="AK33490">
        <v>155</v>
      </c>
      <c r="AL33490">
        <v>157</v>
      </c>
      <c r="AM33490">
        <v>158</v>
      </c>
      <c r="AN33490">
        <v>159</v>
      </c>
      <c r="AO33490">
        <v>161</v>
      </c>
      <c r="AP33490">
        <v>162</v>
      </c>
      <c r="AQ33490">
        <v>163</v>
      </c>
    </row>
    <row r="33491" spans="1:43">
      <c r="A33491" t="s">
        <v>20751</v>
      </c>
      <c r="B33491" t="s">
        <v>20752</v>
      </c>
      <c r="C33491" t="s">
        <v>20743</v>
      </c>
      <c r="D33491" t="s">
        <v>20744</v>
      </c>
      <c r="E33491" t="s">
        <v>20641</v>
      </c>
      <c r="F33491" t="s">
        <v>20642</v>
      </c>
      <c r="G33491" t="s">
        <v>20255</v>
      </c>
      <c r="H33491" t="s">
        <v>20256</v>
      </c>
      <c r="I33491" s="2">
        <v>1</v>
      </c>
      <c r="J33491" s="2">
        <v>0</v>
      </c>
      <c r="K33491" s="2">
        <v>0</v>
      </c>
      <c r="L33491" t="s">
        <v>120</v>
      </c>
      <c r="M33491" t="s">
        <v>87</v>
      </c>
      <c r="N33491" t="s">
        <v>88</v>
      </c>
      <c r="O33491" t="s">
        <v>85</v>
      </c>
      <c r="P33491" t="s">
        <v>86</v>
      </c>
      <c r="Q33491">
        <v>111</v>
      </c>
      <c r="R33491">
        <v>112</v>
      </c>
      <c r="S33491">
        <v>113</v>
      </c>
      <c r="T33491">
        <v>114</v>
      </c>
      <c r="U33491">
        <v>115</v>
      </c>
      <c r="V33491">
        <v>116</v>
      </c>
      <c r="W33491">
        <v>117</v>
      </c>
      <c r="X33491">
        <v>118</v>
      </c>
      <c r="Y33491">
        <v>119</v>
      </c>
      <c r="Z33491">
        <v>120</v>
      </c>
      <c r="AA33491">
        <v>121</v>
      </c>
      <c r="AB33491">
        <v>122</v>
      </c>
      <c r="AC33491">
        <v>123</v>
      </c>
      <c r="AD33491">
        <v>124</v>
      </c>
      <c r="AE33491">
        <v>125</v>
      </c>
      <c r="AF33491">
        <v>126</v>
      </c>
      <c r="AG33491">
        <v>127</v>
      </c>
      <c r="AH33491">
        <v>129</v>
      </c>
      <c r="AI33491">
        <v>130</v>
      </c>
      <c r="AJ33491">
        <v>131</v>
      </c>
      <c r="AK33491">
        <v>133</v>
      </c>
      <c r="AL33491">
        <v>134</v>
      </c>
      <c r="AM33491">
        <v>135</v>
      </c>
      <c r="AN33491">
        <v>137</v>
      </c>
      <c r="AO33491">
        <v>138</v>
      </c>
      <c r="AP33491">
        <v>140</v>
      </c>
      <c r="AQ33491">
        <v>141</v>
      </c>
    </row>
    <row r="33492" spans="1:43">
      <c r="A33492" t="s">
        <v>20751</v>
      </c>
      <c r="B33492" t="s">
        <v>20752</v>
      </c>
      <c r="C33492" t="s">
        <v>20743</v>
      </c>
      <c r="D33492" t="s">
        <v>20744</v>
      </c>
      <c r="E33492" t="s">
        <v>20641</v>
      </c>
      <c r="F33492" t="s">
        <v>20642</v>
      </c>
      <c r="G33492" t="s">
        <v>20255</v>
      </c>
      <c r="H33492" t="s">
        <v>20256</v>
      </c>
      <c r="I33492" s="2">
        <v>1</v>
      </c>
      <c r="J33492" s="2">
        <v>0</v>
      </c>
      <c r="K33492" s="2">
        <v>0</v>
      </c>
      <c r="L33492" t="s">
        <v>120</v>
      </c>
      <c r="M33492" t="s">
        <v>89</v>
      </c>
      <c r="N33492" t="s">
        <v>90</v>
      </c>
      <c r="O33492" t="s">
        <v>85</v>
      </c>
      <c r="P33492" t="s">
        <v>86</v>
      </c>
      <c r="Q33492">
        <v>111</v>
      </c>
      <c r="R33492">
        <v>114</v>
      </c>
      <c r="S33492">
        <v>117</v>
      </c>
      <c r="T33492">
        <v>120</v>
      </c>
      <c r="U33492">
        <v>123</v>
      </c>
      <c r="V33492">
        <v>125</v>
      </c>
      <c r="W33492">
        <v>128</v>
      </c>
      <c r="X33492">
        <v>131</v>
      </c>
      <c r="Y33492">
        <v>134</v>
      </c>
      <c r="Z33492">
        <v>136</v>
      </c>
      <c r="AA33492">
        <v>139</v>
      </c>
      <c r="AB33492">
        <v>142</v>
      </c>
      <c r="AC33492">
        <v>145</v>
      </c>
      <c r="AD33492">
        <v>148</v>
      </c>
      <c r="AE33492">
        <v>150</v>
      </c>
      <c r="AF33492">
        <v>151</v>
      </c>
      <c r="AG33492">
        <v>152</v>
      </c>
      <c r="AH33492">
        <v>153</v>
      </c>
      <c r="AI33492">
        <v>154</v>
      </c>
      <c r="AJ33492">
        <v>156</v>
      </c>
      <c r="AK33492">
        <v>157</v>
      </c>
      <c r="AL33492">
        <v>158</v>
      </c>
      <c r="AM33492">
        <v>159</v>
      </c>
      <c r="AN33492">
        <v>161</v>
      </c>
      <c r="AO33492">
        <v>162</v>
      </c>
      <c r="AP33492">
        <v>163</v>
      </c>
      <c r="AQ33492">
        <v>165</v>
      </c>
    </row>
    <row r="33493" spans="1:43">
      <c r="A33493" t="s">
        <v>20751</v>
      </c>
      <c r="B33493" t="s">
        <v>20752</v>
      </c>
      <c r="C33493" t="s">
        <v>20743</v>
      </c>
      <c r="D33493" t="s">
        <v>20744</v>
      </c>
      <c r="E33493" t="s">
        <v>20641</v>
      </c>
      <c r="F33493" t="s">
        <v>20642</v>
      </c>
      <c r="G33493" t="s">
        <v>20255</v>
      </c>
      <c r="H33493" t="s">
        <v>20256</v>
      </c>
      <c r="I33493" s="2">
        <v>1</v>
      </c>
      <c r="J33493" s="2">
        <v>0</v>
      </c>
      <c r="K33493" s="2">
        <v>0</v>
      </c>
      <c r="L33493" t="s">
        <v>120</v>
      </c>
      <c r="M33493" t="s">
        <v>83</v>
      </c>
      <c r="N33493" t="s">
        <v>91</v>
      </c>
      <c r="O33493" t="s">
        <v>85</v>
      </c>
      <c r="P33493" t="s">
        <v>86</v>
      </c>
      <c r="Q33493">
        <v>111</v>
      </c>
      <c r="R33493">
        <v>113</v>
      </c>
      <c r="S33493">
        <v>115</v>
      </c>
      <c r="T33493">
        <v>117</v>
      </c>
      <c r="U33493">
        <v>119</v>
      </c>
      <c r="V33493">
        <v>121</v>
      </c>
      <c r="W33493">
        <v>123</v>
      </c>
      <c r="X33493">
        <v>125</v>
      </c>
      <c r="Y33493">
        <v>127</v>
      </c>
      <c r="Z33493">
        <v>129</v>
      </c>
      <c r="AA33493">
        <v>131</v>
      </c>
      <c r="AB33493">
        <v>134</v>
      </c>
      <c r="AC33493">
        <v>136</v>
      </c>
      <c r="AD33493">
        <v>138</v>
      </c>
      <c r="AE33493">
        <v>140</v>
      </c>
      <c r="AF33493">
        <v>143</v>
      </c>
      <c r="AG33493">
        <v>145</v>
      </c>
      <c r="AH33493">
        <v>147</v>
      </c>
      <c r="AI33493">
        <v>150</v>
      </c>
      <c r="AJ33493">
        <v>152</v>
      </c>
      <c r="AK33493">
        <v>155</v>
      </c>
      <c r="AL33493">
        <v>157</v>
      </c>
      <c r="AM33493">
        <v>158</v>
      </c>
      <c r="AN33493">
        <v>159</v>
      </c>
      <c r="AO33493">
        <v>161</v>
      </c>
      <c r="AP33493">
        <v>162</v>
      </c>
      <c r="AQ33493">
        <v>163</v>
      </c>
    </row>
    <row r="33494" spans="1:43">
      <c r="A33494" t="s">
        <v>20753</v>
      </c>
      <c r="B33494" t="s">
        <v>20754</v>
      </c>
      <c r="C33494" t="s">
        <v>20699</v>
      </c>
      <c r="D33494" t="s">
        <v>20700</v>
      </c>
      <c r="E33494" t="s">
        <v>20641</v>
      </c>
      <c r="F33494" t="s">
        <v>20642</v>
      </c>
      <c r="G33494" t="s">
        <v>20255</v>
      </c>
      <c r="H33494" t="s">
        <v>20256</v>
      </c>
      <c r="I33494" s="2">
        <v>1</v>
      </c>
      <c r="J33494" s="2">
        <v>0</v>
      </c>
      <c r="K33494" s="2">
        <v>0</v>
      </c>
      <c r="L33494" t="s">
        <v>120</v>
      </c>
      <c r="M33494" t="s">
        <v>83</v>
      </c>
      <c r="N33494" t="s">
        <v>84</v>
      </c>
      <c r="O33494" t="s">
        <v>85</v>
      </c>
      <c r="P33494" t="s">
        <v>86</v>
      </c>
      <c r="Q33494">
        <v>9</v>
      </c>
      <c r="R33494">
        <v>9</v>
      </c>
      <c r="S33494">
        <v>10</v>
      </c>
      <c r="T33494">
        <v>10</v>
      </c>
      <c r="U33494">
        <v>10</v>
      </c>
      <c r="V33494">
        <v>10</v>
      </c>
      <c r="W33494">
        <v>10</v>
      </c>
      <c r="X33494">
        <v>10</v>
      </c>
      <c r="Y33494">
        <v>11</v>
      </c>
      <c r="Z33494">
        <v>11</v>
      </c>
      <c r="AA33494">
        <v>11</v>
      </c>
      <c r="AB33494">
        <v>11</v>
      </c>
      <c r="AC33494">
        <v>11</v>
      </c>
      <c r="AD33494">
        <v>11</v>
      </c>
      <c r="AE33494">
        <v>12</v>
      </c>
      <c r="AF33494">
        <v>12</v>
      </c>
      <c r="AG33494">
        <v>12</v>
      </c>
      <c r="AH33494">
        <v>12</v>
      </c>
      <c r="AI33494">
        <v>12</v>
      </c>
      <c r="AJ33494">
        <v>13</v>
      </c>
      <c r="AK33494">
        <v>13</v>
      </c>
      <c r="AL33494">
        <v>13</v>
      </c>
      <c r="AM33494">
        <v>13</v>
      </c>
      <c r="AN33494">
        <v>13</v>
      </c>
      <c r="AO33494">
        <v>13</v>
      </c>
      <c r="AP33494">
        <v>13</v>
      </c>
      <c r="AQ33494">
        <v>14</v>
      </c>
    </row>
    <row r="33495" spans="1:43">
      <c r="A33495" t="s">
        <v>20753</v>
      </c>
      <c r="B33495" t="s">
        <v>20754</v>
      </c>
      <c r="C33495" t="s">
        <v>20699</v>
      </c>
      <c r="D33495" t="s">
        <v>20700</v>
      </c>
      <c r="E33495" t="s">
        <v>20641</v>
      </c>
      <c r="F33495" t="s">
        <v>20642</v>
      </c>
      <c r="G33495" t="s">
        <v>20255</v>
      </c>
      <c r="H33495" t="s">
        <v>20256</v>
      </c>
      <c r="I33495" s="2">
        <v>1</v>
      </c>
      <c r="J33495" s="2">
        <v>0</v>
      </c>
      <c r="K33495" s="2">
        <v>0</v>
      </c>
      <c r="L33495" t="s">
        <v>120</v>
      </c>
      <c r="M33495" t="s">
        <v>87</v>
      </c>
      <c r="N33495" t="s">
        <v>88</v>
      </c>
      <c r="O33495" t="s">
        <v>85</v>
      </c>
      <c r="P33495" t="s">
        <v>86</v>
      </c>
      <c r="Q33495">
        <v>9</v>
      </c>
      <c r="R33495">
        <v>9</v>
      </c>
      <c r="S33495">
        <v>9</v>
      </c>
      <c r="T33495">
        <v>9</v>
      </c>
      <c r="U33495">
        <v>9</v>
      </c>
      <c r="V33495">
        <v>9</v>
      </c>
      <c r="W33495">
        <v>10</v>
      </c>
      <c r="X33495">
        <v>10</v>
      </c>
      <c r="Y33495">
        <v>10</v>
      </c>
      <c r="Z33495">
        <v>10</v>
      </c>
      <c r="AA33495">
        <v>10</v>
      </c>
      <c r="AB33495">
        <v>10</v>
      </c>
      <c r="AC33495">
        <v>10</v>
      </c>
      <c r="AD33495">
        <v>10</v>
      </c>
      <c r="AE33495">
        <v>10</v>
      </c>
      <c r="AF33495">
        <v>10</v>
      </c>
      <c r="AG33495">
        <v>10</v>
      </c>
      <c r="AH33495">
        <v>11</v>
      </c>
      <c r="AI33495">
        <v>11</v>
      </c>
      <c r="AJ33495">
        <v>11</v>
      </c>
      <c r="AK33495">
        <v>11</v>
      </c>
      <c r="AL33495">
        <v>11</v>
      </c>
      <c r="AM33495">
        <v>11</v>
      </c>
      <c r="AN33495">
        <v>11</v>
      </c>
      <c r="AO33495">
        <v>11</v>
      </c>
      <c r="AP33495">
        <v>12</v>
      </c>
      <c r="AQ33495">
        <v>12</v>
      </c>
    </row>
    <row r="33496" spans="1:43">
      <c r="A33496" t="s">
        <v>20753</v>
      </c>
      <c r="B33496" t="s">
        <v>20754</v>
      </c>
      <c r="C33496" t="s">
        <v>20699</v>
      </c>
      <c r="D33496" t="s">
        <v>20700</v>
      </c>
      <c r="E33496" t="s">
        <v>20641</v>
      </c>
      <c r="F33496" t="s">
        <v>20642</v>
      </c>
      <c r="G33496" t="s">
        <v>20255</v>
      </c>
      <c r="H33496" t="s">
        <v>20256</v>
      </c>
      <c r="I33496" s="2">
        <v>1</v>
      </c>
      <c r="J33496" s="2">
        <v>0</v>
      </c>
      <c r="K33496" s="2">
        <v>0</v>
      </c>
      <c r="L33496" t="s">
        <v>120</v>
      </c>
      <c r="M33496" t="s">
        <v>89</v>
      </c>
      <c r="N33496" t="s">
        <v>90</v>
      </c>
      <c r="O33496" t="s">
        <v>85</v>
      </c>
      <c r="P33496" t="s">
        <v>86</v>
      </c>
      <c r="Q33496">
        <v>9</v>
      </c>
      <c r="R33496">
        <v>10</v>
      </c>
      <c r="S33496">
        <v>10</v>
      </c>
      <c r="T33496">
        <v>10</v>
      </c>
      <c r="U33496">
        <v>10</v>
      </c>
      <c r="V33496">
        <v>10</v>
      </c>
      <c r="W33496">
        <v>11</v>
      </c>
      <c r="X33496">
        <v>11</v>
      </c>
      <c r="Y33496">
        <v>11</v>
      </c>
      <c r="Z33496">
        <v>11</v>
      </c>
      <c r="AA33496">
        <v>12</v>
      </c>
      <c r="AB33496">
        <v>12</v>
      </c>
      <c r="AC33496">
        <v>12</v>
      </c>
      <c r="AD33496">
        <v>12</v>
      </c>
      <c r="AE33496">
        <v>12</v>
      </c>
      <c r="AF33496">
        <v>13</v>
      </c>
      <c r="AG33496">
        <v>13</v>
      </c>
      <c r="AH33496">
        <v>13</v>
      </c>
      <c r="AI33496">
        <v>13</v>
      </c>
      <c r="AJ33496">
        <v>13</v>
      </c>
      <c r="AK33496">
        <v>13</v>
      </c>
      <c r="AL33496">
        <v>13</v>
      </c>
      <c r="AM33496">
        <v>13</v>
      </c>
      <c r="AN33496">
        <v>13</v>
      </c>
      <c r="AO33496">
        <v>13</v>
      </c>
      <c r="AP33496">
        <v>14</v>
      </c>
      <c r="AQ33496">
        <v>14</v>
      </c>
    </row>
    <row r="33497" spans="1:43">
      <c r="A33497" t="s">
        <v>20753</v>
      </c>
      <c r="B33497" t="s">
        <v>20754</v>
      </c>
      <c r="C33497" t="s">
        <v>20699</v>
      </c>
      <c r="D33497" t="s">
        <v>20700</v>
      </c>
      <c r="E33497" t="s">
        <v>20641</v>
      </c>
      <c r="F33497" t="s">
        <v>20642</v>
      </c>
      <c r="G33497" t="s">
        <v>20255</v>
      </c>
      <c r="H33497" t="s">
        <v>20256</v>
      </c>
      <c r="I33497" s="2">
        <v>1</v>
      </c>
      <c r="J33497" s="2">
        <v>0</v>
      </c>
      <c r="K33497" s="2">
        <v>0</v>
      </c>
      <c r="L33497" t="s">
        <v>120</v>
      </c>
      <c r="M33497" t="s">
        <v>83</v>
      </c>
      <c r="N33497" t="s">
        <v>91</v>
      </c>
      <c r="O33497" t="s">
        <v>85</v>
      </c>
      <c r="P33497" t="s">
        <v>86</v>
      </c>
      <c r="Q33497">
        <v>9</v>
      </c>
      <c r="R33497">
        <v>9</v>
      </c>
      <c r="S33497">
        <v>10</v>
      </c>
      <c r="T33497">
        <v>10</v>
      </c>
      <c r="U33497">
        <v>10</v>
      </c>
      <c r="V33497">
        <v>10</v>
      </c>
      <c r="W33497">
        <v>10</v>
      </c>
      <c r="X33497">
        <v>10</v>
      </c>
      <c r="Y33497">
        <v>11</v>
      </c>
      <c r="Z33497">
        <v>11</v>
      </c>
      <c r="AA33497">
        <v>11</v>
      </c>
      <c r="AB33497">
        <v>11</v>
      </c>
      <c r="AC33497">
        <v>11</v>
      </c>
      <c r="AD33497">
        <v>11</v>
      </c>
      <c r="AE33497">
        <v>12</v>
      </c>
      <c r="AF33497">
        <v>12</v>
      </c>
      <c r="AG33497">
        <v>12</v>
      </c>
      <c r="AH33497">
        <v>12</v>
      </c>
      <c r="AI33497">
        <v>12</v>
      </c>
      <c r="AJ33497">
        <v>13</v>
      </c>
      <c r="AK33497">
        <v>13</v>
      </c>
      <c r="AL33497">
        <v>13</v>
      </c>
      <c r="AM33497">
        <v>13</v>
      </c>
      <c r="AN33497">
        <v>13</v>
      </c>
      <c r="AO33497">
        <v>13</v>
      </c>
      <c r="AP33497">
        <v>13</v>
      </c>
      <c r="AQ33497">
        <v>14</v>
      </c>
    </row>
    <row r="33498" spans="1:43">
      <c r="A33498" t="s">
        <v>20755</v>
      </c>
      <c r="B33498" t="s">
        <v>20756</v>
      </c>
      <c r="C33498" t="s">
        <v>20699</v>
      </c>
      <c r="D33498" t="s">
        <v>20700</v>
      </c>
      <c r="E33498" t="s">
        <v>20641</v>
      </c>
      <c r="F33498" t="s">
        <v>20642</v>
      </c>
      <c r="G33498" t="s">
        <v>20255</v>
      </c>
      <c r="H33498" t="s">
        <v>20256</v>
      </c>
      <c r="I33498" s="2">
        <v>0.95</v>
      </c>
      <c r="J33498" s="2">
        <v>0</v>
      </c>
      <c r="K33498" s="2">
        <v>0</v>
      </c>
      <c r="L33498" t="s">
        <v>120</v>
      </c>
      <c r="M33498" t="s">
        <v>83</v>
      </c>
      <c r="N33498" t="s">
        <v>84</v>
      </c>
      <c r="O33498" t="s">
        <v>85</v>
      </c>
      <c r="P33498" t="s">
        <v>86</v>
      </c>
      <c r="Q33498">
        <v>25</v>
      </c>
      <c r="R33498">
        <v>26</v>
      </c>
      <c r="S33498">
        <v>26</v>
      </c>
      <c r="T33498">
        <v>27</v>
      </c>
      <c r="U33498">
        <v>27</v>
      </c>
      <c r="V33498">
        <v>28</v>
      </c>
      <c r="W33498">
        <v>28</v>
      </c>
      <c r="X33498">
        <v>28</v>
      </c>
      <c r="Y33498">
        <v>29</v>
      </c>
      <c r="Z33498">
        <v>29</v>
      </c>
      <c r="AA33498">
        <v>30</v>
      </c>
      <c r="AB33498">
        <v>30</v>
      </c>
      <c r="AC33498">
        <v>31</v>
      </c>
      <c r="AD33498">
        <v>31</v>
      </c>
      <c r="AE33498">
        <v>32</v>
      </c>
      <c r="AF33498">
        <v>32</v>
      </c>
      <c r="AG33498">
        <v>33</v>
      </c>
      <c r="AH33498">
        <v>33</v>
      </c>
      <c r="AI33498">
        <v>34</v>
      </c>
      <c r="AJ33498">
        <v>35</v>
      </c>
      <c r="AK33498">
        <v>35</v>
      </c>
      <c r="AL33498">
        <v>36</v>
      </c>
      <c r="AM33498">
        <v>36</v>
      </c>
      <c r="AN33498">
        <v>36</v>
      </c>
      <c r="AO33498">
        <v>36</v>
      </c>
      <c r="AP33498">
        <v>37</v>
      </c>
      <c r="AQ33498">
        <v>37</v>
      </c>
    </row>
    <row r="33499" spans="1:43">
      <c r="A33499" t="s">
        <v>20755</v>
      </c>
      <c r="B33499" t="s">
        <v>20756</v>
      </c>
      <c r="C33499" t="s">
        <v>20699</v>
      </c>
      <c r="D33499" t="s">
        <v>20700</v>
      </c>
      <c r="E33499" t="s">
        <v>20641</v>
      </c>
      <c r="F33499" t="s">
        <v>20642</v>
      </c>
      <c r="G33499" t="s">
        <v>20255</v>
      </c>
      <c r="H33499" t="s">
        <v>20256</v>
      </c>
      <c r="I33499" s="2">
        <v>0.95</v>
      </c>
      <c r="J33499" s="2">
        <v>0</v>
      </c>
      <c r="K33499" s="2">
        <v>0</v>
      </c>
      <c r="L33499" t="s">
        <v>120</v>
      </c>
      <c r="M33499" t="s">
        <v>87</v>
      </c>
      <c r="N33499" t="s">
        <v>88</v>
      </c>
      <c r="O33499" t="s">
        <v>85</v>
      </c>
      <c r="P33499" t="s">
        <v>86</v>
      </c>
      <c r="Q33499">
        <v>25</v>
      </c>
      <c r="R33499">
        <v>25</v>
      </c>
      <c r="S33499">
        <v>25</v>
      </c>
      <c r="T33499">
        <v>26</v>
      </c>
      <c r="U33499">
        <v>26</v>
      </c>
      <c r="V33499">
        <v>26</v>
      </c>
      <c r="W33499">
        <v>26</v>
      </c>
      <c r="X33499">
        <v>27</v>
      </c>
      <c r="Y33499">
        <v>27</v>
      </c>
      <c r="Z33499">
        <v>27</v>
      </c>
      <c r="AA33499">
        <v>27</v>
      </c>
      <c r="AB33499">
        <v>27</v>
      </c>
      <c r="AC33499">
        <v>28</v>
      </c>
      <c r="AD33499">
        <v>28</v>
      </c>
      <c r="AE33499">
        <v>28</v>
      </c>
      <c r="AF33499">
        <v>29</v>
      </c>
      <c r="AG33499">
        <v>29</v>
      </c>
      <c r="AH33499">
        <v>29</v>
      </c>
      <c r="AI33499">
        <v>29</v>
      </c>
      <c r="AJ33499">
        <v>30</v>
      </c>
      <c r="AK33499">
        <v>30</v>
      </c>
      <c r="AL33499">
        <v>30</v>
      </c>
      <c r="AM33499">
        <v>31</v>
      </c>
      <c r="AN33499">
        <v>31</v>
      </c>
      <c r="AO33499">
        <v>31</v>
      </c>
      <c r="AP33499">
        <v>32</v>
      </c>
      <c r="AQ33499">
        <v>32</v>
      </c>
    </row>
    <row r="33500" spans="1:43">
      <c r="A33500" t="s">
        <v>20755</v>
      </c>
      <c r="B33500" t="s">
        <v>20756</v>
      </c>
      <c r="C33500" t="s">
        <v>20699</v>
      </c>
      <c r="D33500" t="s">
        <v>20700</v>
      </c>
      <c r="E33500" t="s">
        <v>20641</v>
      </c>
      <c r="F33500" t="s">
        <v>20642</v>
      </c>
      <c r="G33500" t="s">
        <v>20255</v>
      </c>
      <c r="H33500" t="s">
        <v>20256</v>
      </c>
      <c r="I33500" s="2">
        <v>0.95</v>
      </c>
      <c r="J33500" s="2">
        <v>0</v>
      </c>
      <c r="K33500" s="2">
        <v>0</v>
      </c>
      <c r="L33500" t="s">
        <v>120</v>
      </c>
      <c r="M33500" t="s">
        <v>89</v>
      </c>
      <c r="N33500" t="s">
        <v>90</v>
      </c>
      <c r="O33500" t="s">
        <v>85</v>
      </c>
      <c r="P33500" t="s">
        <v>86</v>
      </c>
      <c r="Q33500">
        <v>25</v>
      </c>
      <c r="R33500">
        <v>26</v>
      </c>
      <c r="S33500">
        <v>27</v>
      </c>
      <c r="T33500">
        <v>27</v>
      </c>
      <c r="U33500">
        <v>28</v>
      </c>
      <c r="V33500">
        <v>29</v>
      </c>
      <c r="W33500">
        <v>29</v>
      </c>
      <c r="X33500">
        <v>30</v>
      </c>
      <c r="Y33500">
        <v>31</v>
      </c>
      <c r="Z33500">
        <v>31</v>
      </c>
      <c r="AA33500">
        <v>32</v>
      </c>
      <c r="AB33500">
        <v>32</v>
      </c>
      <c r="AC33500">
        <v>33</v>
      </c>
      <c r="AD33500">
        <v>34</v>
      </c>
      <c r="AE33500">
        <v>34</v>
      </c>
      <c r="AF33500">
        <v>34</v>
      </c>
      <c r="AG33500">
        <v>35</v>
      </c>
      <c r="AH33500">
        <v>35</v>
      </c>
      <c r="AI33500">
        <v>35</v>
      </c>
      <c r="AJ33500">
        <v>35</v>
      </c>
      <c r="AK33500">
        <v>36</v>
      </c>
      <c r="AL33500">
        <v>36</v>
      </c>
      <c r="AM33500">
        <v>36</v>
      </c>
      <c r="AN33500">
        <v>37</v>
      </c>
      <c r="AO33500">
        <v>37</v>
      </c>
      <c r="AP33500">
        <v>37</v>
      </c>
      <c r="AQ33500">
        <v>37</v>
      </c>
    </row>
    <row r="33501" spans="1:43">
      <c r="A33501" t="s">
        <v>20755</v>
      </c>
      <c r="B33501" t="s">
        <v>20756</v>
      </c>
      <c r="C33501" t="s">
        <v>20699</v>
      </c>
      <c r="D33501" t="s">
        <v>20700</v>
      </c>
      <c r="E33501" t="s">
        <v>20641</v>
      </c>
      <c r="F33501" t="s">
        <v>20642</v>
      </c>
      <c r="G33501" t="s">
        <v>20255</v>
      </c>
      <c r="H33501" t="s">
        <v>20256</v>
      </c>
      <c r="I33501" s="2">
        <v>0.95</v>
      </c>
      <c r="J33501" s="2">
        <v>0</v>
      </c>
      <c r="K33501" s="2">
        <v>0</v>
      </c>
      <c r="L33501" t="s">
        <v>120</v>
      </c>
      <c r="M33501" t="s">
        <v>83</v>
      </c>
      <c r="N33501" t="s">
        <v>91</v>
      </c>
      <c r="O33501" t="s">
        <v>85</v>
      </c>
      <c r="P33501" t="s">
        <v>86</v>
      </c>
      <c r="Q33501">
        <v>25</v>
      </c>
      <c r="R33501">
        <v>26</v>
      </c>
      <c r="S33501">
        <v>26</v>
      </c>
      <c r="T33501">
        <v>27</v>
      </c>
      <c r="U33501">
        <v>27</v>
      </c>
      <c r="V33501">
        <v>28</v>
      </c>
      <c r="W33501">
        <v>28</v>
      </c>
      <c r="X33501">
        <v>28</v>
      </c>
      <c r="Y33501">
        <v>29</v>
      </c>
      <c r="Z33501">
        <v>29</v>
      </c>
      <c r="AA33501">
        <v>30</v>
      </c>
      <c r="AB33501">
        <v>30</v>
      </c>
      <c r="AC33501">
        <v>31</v>
      </c>
      <c r="AD33501">
        <v>31</v>
      </c>
      <c r="AE33501">
        <v>32</v>
      </c>
      <c r="AF33501">
        <v>32</v>
      </c>
      <c r="AG33501">
        <v>33</v>
      </c>
      <c r="AH33501">
        <v>33</v>
      </c>
      <c r="AI33501">
        <v>34</v>
      </c>
      <c r="AJ33501">
        <v>35</v>
      </c>
      <c r="AK33501">
        <v>35</v>
      </c>
      <c r="AL33501">
        <v>36</v>
      </c>
      <c r="AM33501">
        <v>36</v>
      </c>
      <c r="AN33501">
        <v>36</v>
      </c>
      <c r="AO33501">
        <v>36</v>
      </c>
      <c r="AP33501">
        <v>37</v>
      </c>
      <c r="AQ33501">
        <v>37</v>
      </c>
    </row>
    <row r="33502" spans="1:43">
      <c r="A33502" t="s">
        <v>20757</v>
      </c>
      <c r="B33502" t="s">
        <v>20758</v>
      </c>
      <c r="C33502" t="s">
        <v>20699</v>
      </c>
      <c r="D33502" t="s">
        <v>20700</v>
      </c>
      <c r="E33502" t="s">
        <v>20641</v>
      </c>
      <c r="F33502" t="s">
        <v>20642</v>
      </c>
      <c r="G33502" t="s">
        <v>20255</v>
      </c>
      <c r="H33502" t="s">
        <v>20256</v>
      </c>
      <c r="I33502" s="2">
        <v>1</v>
      </c>
      <c r="J33502" s="2">
        <v>0</v>
      </c>
      <c r="K33502" s="2">
        <v>0</v>
      </c>
      <c r="L33502" t="s">
        <v>120</v>
      </c>
      <c r="M33502" t="s">
        <v>83</v>
      </c>
      <c r="N33502" t="s">
        <v>84</v>
      </c>
      <c r="O33502" t="s">
        <v>85</v>
      </c>
      <c r="P33502" t="s">
        <v>86</v>
      </c>
      <c r="Q33502">
        <v>23</v>
      </c>
      <c r="R33502">
        <v>24</v>
      </c>
      <c r="S33502">
        <v>24</v>
      </c>
      <c r="T33502">
        <v>24</v>
      </c>
      <c r="U33502">
        <v>25</v>
      </c>
      <c r="V33502">
        <v>25</v>
      </c>
      <c r="W33502">
        <v>26</v>
      </c>
      <c r="X33502">
        <v>26</v>
      </c>
      <c r="Y33502">
        <v>27</v>
      </c>
      <c r="Z33502">
        <v>27</v>
      </c>
      <c r="AA33502">
        <v>27</v>
      </c>
      <c r="AB33502">
        <v>28</v>
      </c>
      <c r="AC33502">
        <v>28</v>
      </c>
      <c r="AD33502">
        <v>29</v>
      </c>
      <c r="AE33502">
        <v>29</v>
      </c>
      <c r="AF33502">
        <v>30</v>
      </c>
      <c r="AG33502">
        <v>30</v>
      </c>
      <c r="AH33502">
        <v>31</v>
      </c>
      <c r="AI33502">
        <v>31</v>
      </c>
      <c r="AJ33502">
        <v>32</v>
      </c>
      <c r="AK33502">
        <v>32</v>
      </c>
      <c r="AL33502">
        <v>33</v>
      </c>
      <c r="AM33502">
        <v>33</v>
      </c>
      <c r="AN33502">
        <v>33</v>
      </c>
      <c r="AO33502">
        <v>33</v>
      </c>
      <c r="AP33502">
        <v>34</v>
      </c>
      <c r="AQ33502">
        <v>34</v>
      </c>
    </row>
    <row r="33503" spans="1:43">
      <c r="A33503" t="s">
        <v>20757</v>
      </c>
      <c r="B33503" t="s">
        <v>20758</v>
      </c>
      <c r="C33503" t="s">
        <v>20699</v>
      </c>
      <c r="D33503" t="s">
        <v>20700</v>
      </c>
      <c r="E33503" t="s">
        <v>20641</v>
      </c>
      <c r="F33503" t="s">
        <v>20642</v>
      </c>
      <c r="G33503" t="s">
        <v>20255</v>
      </c>
      <c r="H33503" t="s">
        <v>20256</v>
      </c>
      <c r="I33503" s="2">
        <v>1</v>
      </c>
      <c r="J33503" s="2">
        <v>0</v>
      </c>
      <c r="K33503" s="2">
        <v>0</v>
      </c>
      <c r="L33503" t="s">
        <v>120</v>
      </c>
      <c r="M33503" t="s">
        <v>87</v>
      </c>
      <c r="N33503" t="s">
        <v>88</v>
      </c>
      <c r="O33503" t="s">
        <v>85</v>
      </c>
      <c r="P33503" t="s">
        <v>86</v>
      </c>
      <c r="Q33503">
        <v>23</v>
      </c>
      <c r="R33503">
        <v>23</v>
      </c>
      <c r="S33503">
        <v>23</v>
      </c>
      <c r="T33503">
        <v>24</v>
      </c>
      <c r="U33503">
        <v>24</v>
      </c>
      <c r="V33503">
        <v>24</v>
      </c>
      <c r="W33503">
        <v>24</v>
      </c>
      <c r="X33503">
        <v>24</v>
      </c>
      <c r="Y33503">
        <v>25</v>
      </c>
      <c r="Z33503">
        <v>25</v>
      </c>
      <c r="AA33503">
        <v>25</v>
      </c>
      <c r="AB33503">
        <v>25</v>
      </c>
      <c r="AC33503">
        <v>25</v>
      </c>
      <c r="AD33503">
        <v>26</v>
      </c>
      <c r="AE33503">
        <v>26</v>
      </c>
      <c r="AF33503">
        <v>26</v>
      </c>
      <c r="AG33503">
        <v>26</v>
      </c>
      <c r="AH33503">
        <v>27</v>
      </c>
      <c r="AI33503">
        <v>27</v>
      </c>
      <c r="AJ33503">
        <v>27</v>
      </c>
      <c r="AK33503">
        <v>28</v>
      </c>
      <c r="AL33503">
        <v>28</v>
      </c>
      <c r="AM33503">
        <v>28</v>
      </c>
      <c r="AN33503">
        <v>28</v>
      </c>
      <c r="AO33503">
        <v>29</v>
      </c>
      <c r="AP33503">
        <v>29</v>
      </c>
      <c r="AQ33503">
        <v>29</v>
      </c>
    </row>
    <row r="33504" spans="1:43">
      <c r="A33504" t="s">
        <v>20757</v>
      </c>
      <c r="B33504" t="s">
        <v>20758</v>
      </c>
      <c r="C33504" t="s">
        <v>20699</v>
      </c>
      <c r="D33504" t="s">
        <v>20700</v>
      </c>
      <c r="E33504" t="s">
        <v>20641</v>
      </c>
      <c r="F33504" t="s">
        <v>20642</v>
      </c>
      <c r="G33504" t="s">
        <v>20255</v>
      </c>
      <c r="H33504" t="s">
        <v>20256</v>
      </c>
      <c r="I33504" s="2">
        <v>1</v>
      </c>
      <c r="J33504" s="2">
        <v>0</v>
      </c>
      <c r="K33504" s="2">
        <v>0</v>
      </c>
      <c r="L33504" t="s">
        <v>120</v>
      </c>
      <c r="M33504" t="s">
        <v>89</v>
      </c>
      <c r="N33504" t="s">
        <v>90</v>
      </c>
      <c r="O33504" t="s">
        <v>85</v>
      </c>
      <c r="P33504" t="s">
        <v>86</v>
      </c>
      <c r="Q33504">
        <v>23</v>
      </c>
      <c r="R33504">
        <v>24</v>
      </c>
      <c r="S33504">
        <v>25</v>
      </c>
      <c r="T33504">
        <v>25</v>
      </c>
      <c r="U33504">
        <v>26</v>
      </c>
      <c r="V33504">
        <v>26</v>
      </c>
      <c r="W33504">
        <v>27</v>
      </c>
      <c r="X33504">
        <v>28</v>
      </c>
      <c r="Y33504">
        <v>28</v>
      </c>
      <c r="Z33504">
        <v>29</v>
      </c>
      <c r="AA33504">
        <v>29</v>
      </c>
      <c r="AB33504">
        <v>30</v>
      </c>
      <c r="AC33504">
        <v>30</v>
      </c>
      <c r="AD33504">
        <v>31</v>
      </c>
      <c r="AE33504">
        <v>31</v>
      </c>
      <c r="AF33504">
        <v>32</v>
      </c>
      <c r="AG33504">
        <v>32</v>
      </c>
      <c r="AH33504">
        <v>32</v>
      </c>
      <c r="AI33504">
        <v>32</v>
      </c>
      <c r="AJ33504">
        <v>33</v>
      </c>
      <c r="AK33504">
        <v>33</v>
      </c>
      <c r="AL33504">
        <v>33</v>
      </c>
      <c r="AM33504">
        <v>33</v>
      </c>
      <c r="AN33504">
        <v>34</v>
      </c>
      <c r="AO33504">
        <v>34</v>
      </c>
      <c r="AP33504">
        <v>34</v>
      </c>
      <c r="AQ33504">
        <v>34</v>
      </c>
    </row>
    <row r="33505" spans="1:43">
      <c r="A33505" t="s">
        <v>20757</v>
      </c>
      <c r="B33505" t="s">
        <v>20758</v>
      </c>
      <c r="C33505" t="s">
        <v>20699</v>
      </c>
      <c r="D33505" t="s">
        <v>20700</v>
      </c>
      <c r="E33505" t="s">
        <v>20641</v>
      </c>
      <c r="F33505" t="s">
        <v>20642</v>
      </c>
      <c r="G33505" t="s">
        <v>20255</v>
      </c>
      <c r="H33505" t="s">
        <v>20256</v>
      </c>
      <c r="I33505" s="2">
        <v>1</v>
      </c>
      <c r="J33505" s="2">
        <v>0</v>
      </c>
      <c r="K33505" s="2">
        <v>0</v>
      </c>
      <c r="L33505" t="s">
        <v>120</v>
      </c>
      <c r="M33505" t="s">
        <v>83</v>
      </c>
      <c r="N33505" t="s">
        <v>91</v>
      </c>
      <c r="O33505" t="s">
        <v>85</v>
      </c>
      <c r="P33505" t="s">
        <v>86</v>
      </c>
      <c r="Q33505">
        <v>23</v>
      </c>
      <c r="R33505">
        <v>24</v>
      </c>
      <c r="S33505">
        <v>24</v>
      </c>
      <c r="T33505">
        <v>24</v>
      </c>
      <c r="U33505">
        <v>25</v>
      </c>
      <c r="V33505">
        <v>25</v>
      </c>
      <c r="W33505">
        <v>26</v>
      </c>
      <c r="X33505">
        <v>26</v>
      </c>
      <c r="Y33505">
        <v>27</v>
      </c>
      <c r="Z33505">
        <v>27</v>
      </c>
      <c r="AA33505">
        <v>27</v>
      </c>
      <c r="AB33505">
        <v>28</v>
      </c>
      <c r="AC33505">
        <v>28</v>
      </c>
      <c r="AD33505">
        <v>29</v>
      </c>
      <c r="AE33505">
        <v>29</v>
      </c>
      <c r="AF33505">
        <v>30</v>
      </c>
      <c r="AG33505">
        <v>30</v>
      </c>
      <c r="AH33505">
        <v>31</v>
      </c>
      <c r="AI33505">
        <v>31</v>
      </c>
      <c r="AJ33505">
        <v>32</v>
      </c>
      <c r="AK33505">
        <v>32</v>
      </c>
      <c r="AL33505">
        <v>33</v>
      </c>
      <c r="AM33505">
        <v>33</v>
      </c>
      <c r="AN33505">
        <v>33</v>
      </c>
      <c r="AO33505">
        <v>33</v>
      </c>
      <c r="AP33505">
        <v>34</v>
      </c>
      <c r="AQ33505">
        <v>34</v>
      </c>
    </row>
    <row r="33506" spans="1:43">
      <c r="A33506" t="s">
        <v>20759</v>
      </c>
      <c r="B33506" t="s">
        <v>20760</v>
      </c>
      <c r="C33506" t="s">
        <v>20713</v>
      </c>
      <c r="D33506" t="s">
        <v>20714</v>
      </c>
      <c r="E33506" t="s">
        <v>20641</v>
      </c>
      <c r="F33506" t="s">
        <v>20642</v>
      </c>
      <c r="G33506" t="s">
        <v>20255</v>
      </c>
      <c r="H33506" t="s">
        <v>20256</v>
      </c>
      <c r="I33506" s="2">
        <v>1</v>
      </c>
      <c r="J33506" s="2">
        <v>0</v>
      </c>
      <c r="K33506" s="2">
        <v>0</v>
      </c>
      <c r="L33506" t="s">
        <v>120</v>
      </c>
      <c r="M33506" t="s">
        <v>83</v>
      </c>
      <c r="N33506" t="s">
        <v>84</v>
      </c>
      <c r="O33506" t="s">
        <v>85</v>
      </c>
      <c r="P33506" t="s">
        <v>86</v>
      </c>
      <c r="Q33506">
        <v>53</v>
      </c>
      <c r="R33506">
        <v>54</v>
      </c>
      <c r="S33506">
        <v>55</v>
      </c>
      <c r="T33506">
        <v>56</v>
      </c>
      <c r="U33506">
        <v>57</v>
      </c>
      <c r="V33506">
        <v>58</v>
      </c>
      <c r="W33506">
        <v>59</v>
      </c>
      <c r="X33506">
        <v>60</v>
      </c>
      <c r="Y33506">
        <v>61</v>
      </c>
      <c r="Z33506">
        <v>62</v>
      </c>
      <c r="AA33506">
        <v>63</v>
      </c>
      <c r="AB33506">
        <v>64</v>
      </c>
      <c r="AC33506">
        <v>65</v>
      </c>
      <c r="AD33506">
        <v>66</v>
      </c>
      <c r="AE33506">
        <v>67</v>
      </c>
      <c r="AF33506">
        <v>68</v>
      </c>
      <c r="AG33506">
        <v>69</v>
      </c>
      <c r="AH33506">
        <v>70</v>
      </c>
      <c r="AI33506">
        <v>71</v>
      </c>
      <c r="AJ33506">
        <v>73</v>
      </c>
      <c r="AK33506">
        <v>74</v>
      </c>
      <c r="AL33506">
        <v>75</v>
      </c>
      <c r="AM33506">
        <v>75</v>
      </c>
      <c r="AN33506">
        <v>76</v>
      </c>
      <c r="AO33506">
        <v>77</v>
      </c>
      <c r="AP33506">
        <v>77</v>
      </c>
      <c r="AQ33506">
        <v>78</v>
      </c>
    </row>
    <row r="33507" spans="1:43">
      <c r="A33507" t="s">
        <v>20759</v>
      </c>
      <c r="B33507" t="s">
        <v>20760</v>
      </c>
      <c r="C33507" t="s">
        <v>20713</v>
      </c>
      <c r="D33507" t="s">
        <v>20714</v>
      </c>
      <c r="E33507" t="s">
        <v>20641</v>
      </c>
      <c r="F33507" t="s">
        <v>20642</v>
      </c>
      <c r="G33507" t="s">
        <v>20255</v>
      </c>
      <c r="H33507" t="s">
        <v>20256</v>
      </c>
      <c r="I33507" s="2">
        <v>1</v>
      </c>
      <c r="J33507" s="2">
        <v>0</v>
      </c>
      <c r="K33507" s="2">
        <v>0</v>
      </c>
      <c r="L33507" t="s">
        <v>120</v>
      </c>
      <c r="M33507" t="s">
        <v>87</v>
      </c>
      <c r="N33507" t="s">
        <v>88</v>
      </c>
      <c r="O33507" t="s">
        <v>85</v>
      </c>
      <c r="P33507" t="s">
        <v>86</v>
      </c>
      <c r="Q33507">
        <v>53</v>
      </c>
      <c r="R33507">
        <v>54</v>
      </c>
      <c r="S33507">
        <v>54</v>
      </c>
      <c r="T33507">
        <v>55</v>
      </c>
      <c r="U33507">
        <v>55</v>
      </c>
      <c r="V33507">
        <v>56</v>
      </c>
      <c r="W33507">
        <v>56</v>
      </c>
      <c r="X33507">
        <v>57</v>
      </c>
      <c r="Y33507">
        <v>57</v>
      </c>
      <c r="Z33507">
        <v>58</v>
      </c>
      <c r="AA33507">
        <v>58</v>
      </c>
      <c r="AB33507">
        <v>59</v>
      </c>
      <c r="AC33507">
        <v>59</v>
      </c>
      <c r="AD33507">
        <v>60</v>
      </c>
      <c r="AE33507">
        <v>61</v>
      </c>
      <c r="AF33507">
        <v>61</v>
      </c>
      <c r="AG33507">
        <v>62</v>
      </c>
      <c r="AH33507">
        <v>62</v>
      </c>
      <c r="AI33507">
        <v>63</v>
      </c>
      <c r="AJ33507">
        <v>64</v>
      </c>
      <c r="AK33507">
        <v>64</v>
      </c>
      <c r="AL33507">
        <v>65</v>
      </c>
      <c r="AM33507">
        <v>66</v>
      </c>
      <c r="AN33507">
        <v>67</v>
      </c>
      <c r="AO33507">
        <v>67</v>
      </c>
      <c r="AP33507">
        <v>68</v>
      </c>
      <c r="AQ33507">
        <v>69</v>
      </c>
    </row>
    <row r="33508" spans="1:43">
      <c r="A33508" t="s">
        <v>20759</v>
      </c>
      <c r="B33508" t="s">
        <v>20760</v>
      </c>
      <c r="C33508" t="s">
        <v>20713</v>
      </c>
      <c r="D33508" t="s">
        <v>20714</v>
      </c>
      <c r="E33508" t="s">
        <v>20641</v>
      </c>
      <c r="F33508" t="s">
        <v>20642</v>
      </c>
      <c r="G33508" t="s">
        <v>20255</v>
      </c>
      <c r="H33508" t="s">
        <v>20256</v>
      </c>
      <c r="I33508" s="2">
        <v>1</v>
      </c>
      <c r="J33508" s="2">
        <v>0</v>
      </c>
      <c r="K33508" s="2">
        <v>0</v>
      </c>
      <c r="L33508" t="s">
        <v>120</v>
      </c>
      <c r="M33508" t="s">
        <v>89</v>
      </c>
      <c r="N33508" t="s">
        <v>90</v>
      </c>
      <c r="O33508" t="s">
        <v>85</v>
      </c>
      <c r="P33508" t="s">
        <v>86</v>
      </c>
      <c r="Q33508">
        <v>53</v>
      </c>
      <c r="R33508">
        <v>55</v>
      </c>
      <c r="S33508">
        <v>56</v>
      </c>
      <c r="T33508">
        <v>58</v>
      </c>
      <c r="U33508">
        <v>59</v>
      </c>
      <c r="V33508">
        <v>60</v>
      </c>
      <c r="W33508">
        <v>61</v>
      </c>
      <c r="X33508">
        <v>63</v>
      </c>
      <c r="Y33508">
        <v>64</v>
      </c>
      <c r="Z33508">
        <v>65</v>
      </c>
      <c r="AA33508">
        <v>67</v>
      </c>
      <c r="AB33508">
        <v>68</v>
      </c>
      <c r="AC33508">
        <v>69</v>
      </c>
      <c r="AD33508">
        <v>71</v>
      </c>
      <c r="AE33508">
        <v>72</v>
      </c>
      <c r="AF33508">
        <v>72</v>
      </c>
      <c r="AG33508">
        <v>73</v>
      </c>
      <c r="AH33508">
        <v>73</v>
      </c>
      <c r="AI33508">
        <v>74</v>
      </c>
      <c r="AJ33508">
        <v>74</v>
      </c>
      <c r="AK33508">
        <v>75</v>
      </c>
      <c r="AL33508">
        <v>76</v>
      </c>
      <c r="AM33508">
        <v>76</v>
      </c>
      <c r="AN33508">
        <v>77</v>
      </c>
      <c r="AO33508">
        <v>77</v>
      </c>
      <c r="AP33508">
        <v>78</v>
      </c>
      <c r="AQ33508">
        <v>79</v>
      </c>
    </row>
    <row r="33509" spans="1:43">
      <c r="A33509" t="s">
        <v>20759</v>
      </c>
      <c r="B33509" t="s">
        <v>20760</v>
      </c>
      <c r="C33509" t="s">
        <v>20713</v>
      </c>
      <c r="D33509" t="s">
        <v>20714</v>
      </c>
      <c r="E33509" t="s">
        <v>20641</v>
      </c>
      <c r="F33509" t="s">
        <v>20642</v>
      </c>
      <c r="G33509" t="s">
        <v>20255</v>
      </c>
      <c r="H33509" t="s">
        <v>20256</v>
      </c>
      <c r="I33509" s="2">
        <v>1</v>
      </c>
      <c r="J33509" s="2">
        <v>0</v>
      </c>
      <c r="K33509" s="2">
        <v>0</v>
      </c>
      <c r="L33509" t="s">
        <v>120</v>
      </c>
      <c r="M33509" t="s">
        <v>83</v>
      </c>
      <c r="N33509" t="s">
        <v>91</v>
      </c>
      <c r="O33509" t="s">
        <v>85</v>
      </c>
      <c r="P33509" t="s">
        <v>86</v>
      </c>
      <c r="Q33509">
        <v>53</v>
      </c>
      <c r="R33509">
        <v>54</v>
      </c>
      <c r="S33509">
        <v>55</v>
      </c>
      <c r="T33509">
        <v>56</v>
      </c>
      <c r="U33509">
        <v>57</v>
      </c>
      <c r="V33509">
        <v>58</v>
      </c>
      <c r="W33509">
        <v>59</v>
      </c>
      <c r="X33509">
        <v>60</v>
      </c>
      <c r="Y33509">
        <v>61</v>
      </c>
      <c r="Z33509">
        <v>62</v>
      </c>
      <c r="AA33509">
        <v>63</v>
      </c>
      <c r="AB33509">
        <v>64</v>
      </c>
      <c r="AC33509">
        <v>65</v>
      </c>
      <c r="AD33509">
        <v>66</v>
      </c>
      <c r="AE33509">
        <v>67</v>
      </c>
      <c r="AF33509">
        <v>68</v>
      </c>
      <c r="AG33509">
        <v>69</v>
      </c>
      <c r="AH33509">
        <v>70</v>
      </c>
      <c r="AI33509">
        <v>71</v>
      </c>
      <c r="AJ33509">
        <v>73</v>
      </c>
      <c r="AK33509">
        <v>74</v>
      </c>
      <c r="AL33509">
        <v>75</v>
      </c>
      <c r="AM33509">
        <v>75</v>
      </c>
      <c r="AN33509">
        <v>76</v>
      </c>
      <c r="AO33509">
        <v>77</v>
      </c>
      <c r="AP33509">
        <v>77</v>
      </c>
      <c r="AQ33509">
        <v>78</v>
      </c>
    </row>
    <row r="33510" spans="1:43">
      <c r="A33510" t="s">
        <v>20761</v>
      </c>
      <c r="B33510" t="s">
        <v>20762</v>
      </c>
      <c r="C33510" t="s">
        <v>20713</v>
      </c>
      <c r="D33510" t="s">
        <v>20714</v>
      </c>
      <c r="E33510" t="s">
        <v>20641</v>
      </c>
      <c r="F33510" t="s">
        <v>20642</v>
      </c>
      <c r="G33510" t="s">
        <v>20255</v>
      </c>
      <c r="H33510" t="s">
        <v>20256</v>
      </c>
      <c r="I33510" s="2">
        <v>0.89</v>
      </c>
      <c r="J33510" s="2">
        <v>0</v>
      </c>
      <c r="K33510" s="2">
        <v>0</v>
      </c>
      <c r="L33510" t="s">
        <v>120</v>
      </c>
      <c r="M33510" t="s">
        <v>83</v>
      </c>
      <c r="N33510" t="s">
        <v>84</v>
      </c>
      <c r="O33510" t="s">
        <v>85</v>
      </c>
      <c r="P33510" t="s">
        <v>86</v>
      </c>
      <c r="Q33510">
        <v>28</v>
      </c>
      <c r="R33510">
        <v>28</v>
      </c>
      <c r="S33510">
        <v>29</v>
      </c>
      <c r="T33510">
        <v>29</v>
      </c>
      <c r="U33510">
        <v>30</v>
      </c>
      <c r="V33510">
        <v>30</v>
      </c>
      <c r="W33510">
        <v>31</v>
      </c>
      <c r="X33510">
        <v>31</v>
      </c>
      <c r="Y33510">
        <v>32</v>
      </c>
      <c r="Z33510">
        <v>32</v>
      </c>
      <c r="AA33510">
        <v>33</v>
      </c>
      <c r="AB33510">
        <v>34</v>
      </c>
      <c r="AC33510">
        <v>34</v>
      </c>
      <c r="AD33510">
        <v>35</v>
      </c>
      <c r="AE33510">
        <v>35</v>
      </c>
      <c r="AF33510">
        <v>36</v>
      </c>
      <c r="AG33510">
        <v>36</v>
      </c>
      <c r="AH33510">
        <v>37</v>
      </c>
      <c r="AI33510">
        <v>38</v>
      </c>
      <c r="AJ33510">
        <v>38</v>
      </c>
      <c r="AK33510">
        <v>39</v>
      </c>
      <c r="AL33510">
        <v>39</v>
      </c>
      <c r="AM33510">
        <v>40</v>
      </c>
      <c r="AN33510">
        <v>40</v>
      </c>
      <c r="AO33510">
        <v>40</v>
      </c>
      <c r="AP33510">
        <v>41</v>
      </c>
      <c r="AQ33510">
        <v>41</v>
      </c>
    </row>
    <row r="33511" spans="1:43">
      <c r="A33511" t="s">
        <v>20761</v>
      </c>
      <c r="B33511" t="s">
        <v>20762</v>
      </c>
      <c r="C33511" t="s">
        <v>20713</v>
      </c>
      <c r="D33511" t="s">
        <v>20714</v>
      </c>
      <c r="E33511" t="s">
        <v>20641</v>
      </c>
      <c r="F33511" t="s">
        <v>20642</v>
      </c>
      <c r="G33511" t="s">
        <v>20255</v>
      </c>
      <c r="H33511" t="s">
        <v>20256</v>
      </c>
      <c r="I33511" s="2">
        <v>0.89</v>
      </c>
      <c r="J33511" s="2">
        <v>0</v>
      </c>
      <c r="K33511" s="2">
        <v>0</v>
      </c>
      <c r="L33511" t="s">
        <v>120</v>
      </c>
      <c r="M33511" t="s">
        <v>87</v>
      </c>
      <c r="N33511" t="s">
        <v>88</v>
      </c>
      <c r="O33511" t="s">
        <v>85</v>
      </c>
      <c r="P33511" t="s">
        <v>86</v>
      </c>
      <c r="Q33511">
        <v>28</v>
      </c>
      <c r="R33511">
        <v>29</v>
      </c>
      <c r="S33511">
        <v>29</v>
      </c>
      <c r="T33511">
        <v>29</v>
      </c>
      <c r="U33511">
        <v>30</v>
      </c>
      <c r="V33511">
        <v>30</v>
      </c>
      <c r="W33511">
        <v>30</v>
      </c>
      <c r="X33511">
        <v>30</v>
      </c>
      <c r="Y33511">
        <v>31</v>
      </c>
      <c r="Z33511">
        <v>31</v>
      </c>
      <c r="AA33511">
        <v>31</v>
      </c>
      <c r="AB33511">
        <v>31</v>
      </c>
      <c r="AC33511">
        <v>32</v>
      </c>
      <c r="AD33511">
        <v>32</v>
      </c>
      <c r="AE33511">
        <v>32</v>
      </c>
      <c r="AF33511">
        <v>33</v>
      </c>
      <c r="AG33511">
        <v>33</v>
      </c>
      <c r="AH33511">
        <v>33</v>
      </c>
      <c r="AI33511">
        <v>34</v>
      </c>
      <c r="AJ33511">
        <v>34</v>
      </c>
      <c r="AK33511">
        <v>34</v>
      </c>
      <c r="AL33511">
        <v>35</v>
      </c>
      <c r="AM33511">
        <v>35</v>
      </c>
      <c r="AN33511">
        <v>36</v>
      </c>
      <c r="AO33511">
        <v>36</v>
      </c>
      <c r="AP33511">
        <v>36</v>
      </c>
      <c r="AQ33511">
        <v>37</v>
      </c>
    </row>
    <row r="33512" spans="1:43">
      <c r="A33512" t="s">
        <v>20761</v>
      </c>
      <c r="B33512" t="s">
        <v>20762</v>
      </c>
      <c r="C33512" t="s">
        <v>20713</v>
      </c>
      <c r="D33512" t="s">
        <v>20714</v>
      </c>
      <c r="E33512" t="s">
        <v>20641</v>
      </c>
      <c r="F33512" t="s">
        <v>20642</v>
      </c>
      <c r="G33512" t="s">
        <v>20255</v>
      </c>
      <c r="H33512" t="s">
        <v>20256</v>
      </c>
      <c r="I33512" s="2">
        <v>0.89</v>
      </c>
      <c r="J33512" s="2">
        <v>0</v>
      </c>
      <c r="K33512" s="2">
        <v>0</v>
      </c>
      <c r="L33512" t="s">
        <v>120</v>
      </c>
      <c r="M33512" t="s">
        <v>89</v>
      </c>
      <c r="N33512" t="s">
        <v>90</v>
      </c>
      <c r="O33512" t="s">
        <v>85</v>
      </c>
      <c r="P33512" t="s">
        <v>86</v>
      </c>
      <c r="Q33512">
        <v>28</v>
      </c>
      <c r="R33512">
        <v>29</v>
      </c>
      <c r="S33512">
        <v>30</v>
      </c>
      <c r="T33512">
        <v>30</v>
      </c>
      <c r="U33512">
        <v>31</v>
      </c>
      <c r="V33512">
        <v>32</v>
      </c>
      <c r="W33512">
        <v>32</v>
      </c>
      <c r="X33512">
        <v>33</v>
      </c>
      <c r="Y33512">
        <v>34</v>
      </c>
      <c r="Z33512">
        <v>34</v>
      </c>
      <c r="AA33512">
        <v>35</v>
      </c>
      <c r="AB33512">
        <v>36</v>
      </c>
      <c r="AC33512">
        <v>36</v>
      </c>
      <c r="AD33512">
        <v>37</v>
      </c>
      <c r="AE33512">
        <v>38</v>
      </c>
      <c r="AF33512">
        <v>38</v>
      </c>
      <c r="AG33512">
        <v>38</v>
      </c>
      <c r="AH33512">
        <v>39</v>
      </c>
      <c r="AI33512">
        <v>39</v>
      </c>
      <c r="AJ33512">
        <v>39</v>
      </c>
      <c r="AK33512">
        <v>40</v>
      </c>
      <c r="AL33512">
        <v>40</v>
      </c>
      <c r="AM33512">
        <v>40</v>
      </c>
      <c r="AN33512">
        <v>41</v>
      </c>
      <c r="AO33512">
        <v>41</v>
      </c>
      <c r="AP33512">
        <v>41</v>
      </c>
      <c r="AQ33512">
        <v>42</v>
      </c>
    </row>
    <row r="33513" spans="1:43">
      <c r="A33513" t="s">
        <v>20761</v>
      </c>
      <c r="B33513" t="s">
        <v>20762</v>
      </c>
      <c r="C33513" t="s">
        <v>20713</v>
      </c>
      <c r="D33513" t="s">
        <v>20714</v>
      </c>
      <c r="E33513" t="s">
        <v>20641</v>
      </c>
      <c r="F33513" t="s">
        <v>20642</v>
      </c>
      <c r="G33513" t="s">
        <v>20255</v>
      </c>
      <c r="H33513" t="s">
        <v>20256</v>
      </c>
      <c r="I33513" s="2">
        <v>0.89</v>
      </c>
      <c r="J33513" s="2">
        <v>0</v>
      </c>
      <c r="K33513" s="2">
        <v>0</v>
      </c>
      <c r="L33513" t="s">
        <v>120</v>
      </c>
      <c r="M33513" t="s">
        <v>83</v>
      </c>
      <c r="N33513" t="s">
        <v>91</v>
      </c>
      <c r="O33513" t="s">
        <v>85</v>
      </c>
      <c r="P33513" t="s">
        <v>86</v>
      </c>
      <c r="Q33513">
        <v>28</v>
      </c>
      <c r="R33513">
        <v>28</v>
      </c>
      <c r="S33513">
        <v>29</v>
      </c>
      <c r="T33513">
        <v>29</v>
      </c>
      <c r="U33513">
        <v>30</v>
      </c>
      <c r="V33513">
        <v>30</v>
      </c>
      <c r="W33513">
        <v>31</v>
      </c>
      <c r="X33513">
        <v>31</v>
      </c>
      <c r="Y33513">
        <v>32</v>
      </c>
      <c r="Z33513">
        <v>32</v>
      </c>
      <c r="AA33513">
        <v>33</v>
      </c>
      <c r="AB33513">
        <v>34</v>
      </c>
      <c r="AC33513">
        <v>34</v>
      </c>
      <c r="AD33513">
        <v>35</v>
      </c>
      <c r="AE33513">
        <v>35</v>
      </c>
      <c r="AF33513">
        <v>36</v>
      </c>
      <c r="AG33513">
        <v>36</v>
      </c>
      <c r="AH33513">
        <v>37</v>
      </c>
      <c r="AI33513">
        <v>38</v>
      </c>
      <c r="AJ33513">
        <v>38</v>
      </c>
      <c r="AK33513">
        <v>39</v>
      </c>
      <c r="AL33513">
        <v>39</v>
      </c>
      <c r="AM33513">
        <v>40</v>
      </c>
      <c r="AN33513">
        <v>40</v>
      </c>
      <c r="AO33513">
        <v>40</v>
      </c>
      <c r="AP33513">
        <v>41</v>
      </c>
      <c r="AQ33513">
        <v>41</v>
      </c>
    </row>
    <row r="33514" spans="1:43">
      <c r="A33514" t="s">
        <v>20763</v>
      </c>
      <c r="B33514" t="s">
        <v>20764</v>
      </c>
      <c r="C33514" t="s">
        <v>20689</v>
      </c>
      <c r="D33514" t="s">
        <v>20690</v>
      </c>
      <c r="E33514" t="s">
        <v>20641</v>
      </c>
      <c r="F33514" t="s">
        <v>20642</v>
      </c>
      <c r="G33514" t="s">
        <v>20255</v>
      </c>
      <c r="H33514" t="s">
        <v>20256</v>
      </c>
      <c r="I33514" s="2">
        <v>1</v>
      </c>
      <c r="J33514" s="2">
        <v>0</v>
      </c>
      <c r="K33514" s="2">
        <v>0</v>
      </c>
      <c r="L33514" t="s">
        <v>120</v>
      </c>
      <c r="M33514" t="s">
        <v>83</v>
      </c>
      <c r="N33514" t="s">
        <v>84</v>
      </c>
      <c r="O33514" t="s">
        <v>85</v>
      </c>
      <c r="P33514" t="s">
        <v>86</v>
      </c>
      <c r="Q33514">
        <v>69</v>
      </c>
      <c r="R33514">
        <v>70</v>
      </c>
      <c r="S33514">
        <v>72</v>
      </c>
      <c r="T33514">
        <v>73</v>
      </c>
      <c r="U33514">
        <v>74</v>
      </c>
      <c r="V33514">
        <v>76</v>
      </c>
      <c r="W33514">
        <v>77</v>
      </c>
      <c r="X33514">
        <v>78</v>
      </c>
      <c r="Y33514">
        <v>79</v>
      </c>
      <c r="Z33514">
        <v>81</v>
      </c>
      <c r="AA33514">
        <v>82</v>
      </c>
      <c r="AB33514">
        <v>83</v>
      </c>
      <c r="AC33514">
        <v>85</v>
      </c>
      <c r="AD33514">
        <v>86</v>
      </c>
      <c r="AE33514">
        <v>88</v>
      </c>
      <c r="AF33514">
        <v>89</v>
      </c>
      <c r="AG33514">
        <v>91</v>
      </c>
      <c r="AH33514">
        <v>92</v>
      </c>
      <c r="AI33514">
        <v>94</v>
      </c>
      <c r="AJ33514">
        <v>95</v>
      </c>
      <c r="AK33514">
        <v>97</v>
      </c>
      <c r="AL33514">
        <v>98</v>
      </c>
      <c r="AM33514">
        <v>99</v>
      </c>
      <c r="AN33514">
        <v>100</v>
      </c>
      <c r="AO33514">
        <v>100</v>
      </c>
      <c r="AP33514">
        <v>101</v>
      </c>
      <c r="AQ33514">
        <v>102</v>
      </c>
    </row>
    <row r="33515" spans="1:43">
      <c r="A33515" t="s">
        <v>20763</v>
      </c>
      <c r="B33515" t="s">
        <v>20764</v>
      </c>
      <c r="C33515" t="s">
        <v>20689</v>
      </c>
      <c r="D33515" t="s">
        <v>20690</v>
      </c>
      <c r="E33515" t="s">
        <v>20641</v>
      </c>
      <c r="F33515" t="s">
        <v>20642</v>
      </c>
      <c r="G33515" t="s">
        <v>20255</v>
      </c>
      <c r="H33515" t="s">
        <v>20256</v>
      </c>
      <c r="I33515" s="2">
        <v>1</v>
      </c>
      <c r="J33515" s="2">
        <v>0</v>
      </c>
      <c r="K33515" s="2">
        <v>0</v>
      </c>
      <c r="L33515" t="s">
        <v>120</v>
      </c>
      <c r="M33515" t="s">
        <v>87</v>
      </c>
      <c r="N33515" t="s">
        <v>88</v>
      </c>
      <c r="O33515" t="s">
        <v>85</v>
      </c>
      <c r="P33515" t="s">
        <v>86</v>
      </c>
      <c r="Q33515">
        <v>69</v>
      </c>
      <c r="R33515">
        <v>70</v>
      </c>
      <c r="S33515">
        <v>71</v>
      </c>
      <c r="T33515">
        <v>71</v>
      </c>
      <c r="U33515">
        <v>72</v>
      </c>
      <c r="V33515">
        <v>73</v>
      </c>
      <c r="W33515">
        <v>73</v>
      </c>
      <c r="X33515">
        <v>74</v>
      </c>
      <c r="Y33515">
        <v>75</v>
      </c>
      <c r="Z33515">
        <v>75</v>
      </c>
      <c r="AA33515">
        <v>76</v>
      </c>
      <c r="AB33515">
        <v>77</v>
      </c>
      <c r="AC33515">
        <v>77</v>
      </c>
      <c r="AD33515">
        <v>78</v>
      </c>
      <c r="AE33515">
        <v>79</v>
      </c>
      <c r="AF33515">
        <v>80</v>
      </c>
      <c r="AG33515">
        <v>81</v>
      </c>
      <c r="AH33515">
        <v>82</v>
      </c>
      <c r="AI33515">
        <v>82</v>
      </c>
      <c r="AJ33515">
        <v>83</v>
      </c>
      <c r="AK33515">
        <v>84</v>
      </c>
      <c r="AL33515">
        <v>85</v>
      </c>
      <c r="AM33515">
        <v>86</v>
      </c>
      <c r="AN33515">
        <v>87</v>
      </c>
      <c r="AO33515">
        <v>88</v>
      </c>
      <c r="AP33515">
        <v>89</v>
      </c>
      <c r="AQ33515">
        <v>90</v>
      </c>
    </row>
    <row r="33516" spans="1:43">
      <c r="A33516" t="s">
        <v>20763</v>
      </c>
      <c r="B33516" t="s">
        <v>20764</v>
      </c>
      <c r="C33516" t="s">
        <v>20689</v>
      </c>
      <c r="D33516" t="s">
        <v>20690</v>
      </c>
      <c r="E33516" t="s">
        <v>20641</v>
      </c>
      <c r="F33516" t="s">
        <v>20642</v>
      </c>
      <c r="G33516" t="s">
        <v>20255</v>
      </c>
      <c r="H33516" t="s">
        <v>20256</v>
      </c>
      <c r="I33516" s="2">
        <v>1</v>
      </c>
      <c r="J33516" s="2">
        <v>0</v>
      </c>
      <c r="K33516" s="2">
        <v>0</v>
      </c>
      <c r="L33516" t="s">
        <v>120</v>
      </c>
      <c r="M33516" t="s">
        <v>89</v>
      </c>
      <c r="N33516" t="s">
        <v>90</v>
      </c>
      <c r="O33516" t="s">
        <v>85</v>
      </c>
      <c r="P33516" t="s">
        <v>86</v>
      </c>
      <c r="Q33516">
        <v>69</v>
      </c>
      <c r="R33516">
        <v>71</v>
      </c>
      <c r="S33516">
        <v>73</v>
      </c>
      <c r="T33516">
        <v>75</v>
      </c>
      <c r="U33516">
        <v>77</v>
      </c>
      <c r="V33516">
        <v>79</v>
      </c>
      <c r="W33516">
        <v>80</v>
      </c>
      <c r="X33516">
        <v>82</v>
      </c>
      <c r="Y33516">
        <v>84</v>
      </c>
      <c r="Z33516">
        <v>85</v>
      </c>
      <c r="AA33516">
        <v>87</v>
      </c>
      <c r="AB33516">
        <v>89</v>
      </c>
      <c r="AC33516">
        <v>91</v>
      </c>
      <c r="AD33516">
        <v>92</v>
      </c>
      <c r="AE33516">
        <v>94</v>
      </c>
      <c r="AF33516">
        <v>94</v>
      </c>
      <c r="AG33516">
        <v>95</v>
      </c>
      <c r="AH33516">
        <v>96</v>
      </c>
      <c r="AI33516">
        <v>97</v>
      </c>
      <c r="AJ33516">
        <v>97</v>
      </c>
      <c r="AK33516">
        <v>98</v>
      </c>
      <c r="AL33516">
        <v>99</v>
      </c>
      <c r="AM33516">
        <v>100</v>
      </c>
      <c r="AN33516">
        <v>101</v>
      </c>
      <c r="AO33516">
        <v>102</v>
      </c>
      <c r="AP33516">
        <v>103</v>
      </c>
      <c r="AQ33516">
        <v>104</v>
      </c>
    </row>
    <row r="33517" spans="1:43">
      <c r="A33517" t="s">
        <v>20763</v>
      </c>
      <c r="B33517" t="s">
        <v>20764</v>
      </c>
      <c r="C33517" t="s">
        <v>20689</v>
      </c>
      <c r="D33517" t="s">
        <v>20690</v>
      </c>
      <c r="E33517" t="s">
        <v>20641</v>
      </c>
      <c r="F33517" t="s">
        <v>20642</v>
      </c>
      <c r="G33517" t="s">
        <v>20255</v>
      </c>
      <c r="H33517" t="s">
        <v>20256</v>
      </c>
      <c r="I33517" s="2">
        <v>1</v>
      </c>
      <c r="J33517" s="2">
        <v>0</v>
      </c>
      <c r="K33517" s="2">
        <v>0</v>
      </c>
      <c r="L33517" t="s">
        <v>120</v>
      </c>
      <c r="M33517" t="s">
        <v>83</v>
      </c>
      <c r="N33517" t="s">
        <v>91</v>
      </c>
      <c r="O33517" t="s">
        <v>85</v>
      </c>
      <c r="P33517" t="s">
        <v>86</v>
      </c>
      <c r="Q33517">
        <v>69</v>
      </c>
      <c r="R33517">
        <v>70</v>
      </c>
      <c r="S33517">
        <v>72</v>
      </c>
      <c r="T33517">
        <v>73</v>
      </c>
      <c r="U33517">
        <v>74</v>
      </c>
      <c r="V33517">
        <v>76</v>
      </c>
      <c r="W33517">
        <v>77</v>
      </c>
      <c r="X33517">
        <v>78</v>
      </c>
      <c r="Y33517">
        <v>79</v>
      </c>
      <c r="Z33517">
        <v>81</v>
      </c>
      <c r="AA33517">
        <v>82</v>
      </c>
      <c r="AB33517">
        <v>83</v>
      </c>
      <c r="AC33517">
        <v>85</v>
      </c>
      <c r="AD33517">
        <v>86</v>
      </c>
      <c r="AE33517">
        <v>88</v>
      </c>
      <c r="AF33517">
        <v>89</v>
      </c>
      <c r="AG33517">
        <v>91</v>
      </c>
      <c r="AH33517">
        <v>92</v>
      </c>
      <c r="AI33517">
        <v>94</v>
      </c>
      <c r="AJ33517">
        <v>95</v>
      </c>
      <c r="AK33517">
        <v>97</v>
      </c>
      <c r="AL33517">
        <v>98</v>
      </c>
      <c r="AM33517">
        <v>99</v>
      </c>
      <c r="AN33517">
        <v>100</v>
      </c>
      <c r="AO33517">
        <v>100</v>
      </c>
      <c r="AP33517">
        <v>101</v>
      </c>
      <c r="AQ33517">
        <v>102</v>
      </c>
    </row>
    <row r="33518" spans="1:43">
      <c r="A33518" t="s">
        <v>20765</v>
      </c>
      <c r="B33518" t="s">
        <v>20766</v>
      </c>
      <c r="C33518" t="s">
        <v>20685</v>
      </c>
      <c r="D33518" t="s">
        <v>20686</v>
      </c>
      <c r="E33518" t="s">
        <v>20641</v>
      </c>
      <c r="F33518" t="s">
        <v>20642</v>
      </c>
      <c r="G33518" t="s">
        <v>20255</v>
      </c>
      <c r="H33518" t="s">
        <v>20256</v>
      </c>
      <c r="I33518" s="2">
        <v>1</v>
      </c>
      <c r="J33518" s="2">
        <v>0</v>
      </c>
      <c r="K33518" s="2">
        <v>0</v>
      </c>
      <c r="L33518" t="s">
        <v>120</v>
      </c>
      <c r="M33518" t="s">
        <v>83</v>
      </c>
      <c r="N33518" t="s">
        <v>84</v>
      </c>
      <c r="O33518" t="s">
        <v>85</v>
      </c>
      <c r="P33518" t="s">
        <v>86</v>
      </c>
      <c r="Q33518">
        <v>63</v>
      </c>
      <c r="R33518">
        <v>64</v>
      </c>
      <c r="S33518">
        <v>65</v>
      </c>
      <c r="T33518">
        <v>66</v>
      </c>
      <c r="U33518">
        <v>67</v>
      </c>
      <c r="V33518">
        <v>69</v>
      </c>
      <c r="W33518">
        <v>70</v>
      </c>
      <c r="X33518">
        <v>71</v>
      </c>
      <c r="Y33518">
        <v>72</v>
      </c>
      <c r="Z33518">
        <v>73</v>
      </c>
      <c r="AA33518">
        <v>74</v>
      </c>
      <c r="AB33518">
        <v>76</v>
      </c>
      <c r="AC33518">
        <v>77</v>
      </c>
      <c r="AD33518">
        <v>78</v>
      </c>
      <c r="AE33518">
        <v>80</v>
      </c>
      <c r="AF33518">
        <v>81</v>
      </c>
      <c r="AG33518">
        <v>82</v>
      </c>
      <c r="AH33518">
        <v>84</v>
      </c>
      <c r="AI33518">
        <v>85</v>
      </c>
      <c r="AJ33518">
        <v>86</v>
      </c>
      <c r="AK33518">
        <v>88</v>
      </c>
      <c r="AL33518">
        <v>89</v>
      </c>
      <c r="AM33518">
        <v>90</v>
      </c>
      <c r="AN33518">
        <v>90</v>
      </c>
      <c r="AO33518">
        <v>91</v>
      </c>
      <c r="AP33518">
        <v>92</v>
      </c>
      <c r="AQ33518">
        <v>93</v>
      </c>
    </row>
    <row r="33519" spans="1:43">
      <c r="A33519" t="s">
        <v>20765</v>
      </c>
      <c r="B33519" t="s">
        <v>20766</v>
      </c>
      <c r="C33519" t="s">
        <v>20685</v>
      </c>
      <c r="D33519" t="s">
        <v>20686</v>
      </c>
      <c r="E33519" t="s">
        <v>20641</v>
      </c>
      <c r="F33519" t="s">
        <v>20642</v>
      </c>
      <c r="G33519" t="s">
        <v>20255</v>
      </c>
      <c r="H33519" t="s">
        <v>20256</v>
      </c>
      <c r="I33519" s="2">
        <v>1</v>
      </c>
      <c r="J33519" s="2">
        <v>0</v>
      </c>
      <c r="K33519" s="2">
        <v>0</v>
      </c>
      <c r="L33519" t="s">
        <v>120</v>
      </c>
      <c r="M33519" t="s">
        <v>87</v>
      </c>
      <c r="N33519" t="s">
        <v>88</v>
      </c>
      <c r="O33519" t="s">
        <v>85</v>
      </c>
      <c r="P33519" t="s">
        <v>86</v>
      </c>
      <c r="Q33519">
        <v>63</v>
      </c>
      <c r="R33519">
        <v>64</v>
      </c>
      <c r="S33519">
        <v>64</v>
      </c>
      <c r="T33519">
        <v>65</v>
      </c>
      <c r="U33519">
        <v>65</v>
      </c>
      <c r="V33519">
        <v>66</v>
      </c>
      <c r="W33519">
        <v>67</v>
      </c>
      <c r="X33519">
        <v>67</v>
      </c>
      <c r="Y33519">
        <v>68</v>
      </c>
      <c r="Z33519">
        <v>68</v>
      </c>
      <c r="AA33519">
        <v>69</v>
      </c>
      <c r="AB33519">
        <v>69</v>
      </c>
      <c r="AC33519">
        <v>70</v>
      </c>
      <c r="AD33519">
        <v>71</v>
      </c>
      <c r="AE33519">
        <v>71</v>
      </c>
      <c r="AF33519">
        <v>72</v>
      </c>
      <c r="AG33519">
        <v>73</v>
      </c>
      <c r="AH33519">
        <v>73</v>
      </c>
      <c r="AI33519">
        <v>74</v>
      </c>
      <c r="AJ33519">
        <v>75</v>
      </c>
      <c r="AK33519">
        <v>76</v>
      </c>
      <c r="AL33519">
        <v>77</v>
      </c>
      <c r="AM33519">
        <v>77</v>
      </c>
      <c r="AN33519">
        <v>78</v>
      </c>
      <c r="AO33519">
        <v>79</v>
      </c>
      <c r="AP33519">
        <v>80</v>
      </c>
      <c r="AQ33519">
        <v>81</v>
      </c>
    </row>
    <row r="33520" spans="1:43">
      <c r="A33520" t="s">
        <v>20765</v>
      </c>
      <c r="B33520" t="s">
        <v>20766</v>
      </c>
      <c r="C33520" t="s">
        <v>20685</v>
      </c>
      <c r="D33520" t="s">
        <v>20686</v>
      </c>
      <c r="E33520" t="s">
        <v>20641</v>
      </c>
      <c r="F33520" t="s">
        <v>20642</v>
      </c>
      <c r="G33520" t="s">
        <v>20255</v>
      </c>
      <c r="H33520" t="s">
        <v>20256</v>
      </c>
      <c r="I33520" s="2">
        <v>1</v>
      </c>
      <c r="J33520" s="2">
        <v>0</v>
      </c>
      <c r="K33520" s="2">
        <v>0</v>
      </c>
      <c r="L33520" t="s">
        <v>120</v>
      </c>
      <c r="M33520" t="s">
        <v>89</v>
      </c>
      <c r="N33520" t="s">
        <v>90</v>
      </c>
      <c r="O33520" t="s">
        <v>85</v>
      </c>
      <c r="P33520" t="s">
        <v>86</v>
      </c>
      <c r="Q33520">
        <v>63</v>
      </c>
      <c r="R33520">
        <v>65</v>
      </c>
      <c r="S33520">
        <v>67</v>
      </c>
      <c r="T33520">
        <v>68</v>
      </c>
      <c r="U33520">
        <v>70</v>
      </c>
      <c r="V33520">
        <v>72</v>
      </c>
      <c r="W33520">
        <v>73</v>
      </c>
      <c r="X33520">
        <v>75</v>
      </c>
      <c r="Y33520">
        <v>76</v>
      </c>
      <c r="Z33520">
        <v>78</v>
      </c>
      <c r="AA33520">
        <v>79</v>
      </c>
      <c r="AB33520">
        <v>81</v>
      </c>
      <c r="AC33520">
        <v>83</v>
      </c>
      <c r="AD33520">
        <v>84</v>
      </c>
      <c r="AE33520">
        <v>85</v>
      </c>
      <c r="AF33520">
        <v>86</v>
      </c>
      <c r="AG33520">
        <v>87</v>
      </c>
      <c r="AH33520">
        <v>87</v>
      </c>
      <c r="AI33520">
        <v>88</v>
      </c>
      <c r="AJ33520">
        <v>89</v>
      </c>
      <c r="AK33520">
        <v>89</v>
      </c>
      <c r="AL33520">
        <v>90</v>
      </c>
      <c r="AM33520">
        <v>91</v>
      </c>
      <c r="AN33520">
        <v>92</v>
      </c>
      <c r="AO33520">
        <v>92</v>
      </c>
      <c r="AP33520">
        <v>93</v>
      </c>
      <c r="AQ33520">
        <v>94</v>
      </c>
    </row>
    <row r="33521" spans="1:43">
      <c r="A33521" t="s">
        <v>20765</v>
      </c>
      <c r="B33521" t="s">
        <v>20766</v>
      </c>
      <c r="C33521" t="s">
        <v>20685</v>
      </c>
      <c r="D33521" t="s">
        <v>20686</v>
      </c>
      <c r="E33521" t="s">
        <v>20641</v>
      </c>
      <c r="F33521" t="s">
        <v>20642</v>
      </c>
      <c r="G33521" t="s">
        <v>20255</v>
      </c>
      <c r="H33521" t="s">
        <v>20256</v>
      </c>
      <c r="I33521" s="2">
        <v>1</v>
      </c>
      <c r="J33521" s="2">
        <v>0</v>
      </c>
      <c r="K33521" s="2">
        <v>0</v>
      </c>
      <c r="L33521" t="s">
        <v>120</v>
      </c>
      <c r="M33521" t="s">
        <v>83</v>
      </c>
      <c r="N33521" t="s">
        <v>91</v>
      </c>
      <c r="O33521" t="s">
        <v>85</v>
      </c>
      <c r="P33521" t="s">
        <v>86</v>
      </c>
      <c r="Q33521">
        <v>63</v>
      </c>
      <c r="R33521">
        <v>64</v>
      </c>
      <c r="S33521">
        <v>65</v>
      </c>
      <c r="T33521">
        <v>66</v>
      </c>
      <c r="U33521">
        <v>67</v>
      </c>
      <c r="V33521">
        <v>69</v>
      </c>
      <c r="W33521">
        <v>70</v>
      </c>
      <c r="X33521">
        <v>71</v>
      </c>
      <c r="Y33521">
        <v>72</v>
      </c>
      <c r="Z33521">
        <v>73</v>
      </c>
      <c r="AA33521">
        <v>74</v>
      </c>
      <c r="AB33521">
        <v>76</v>
      </c>
      <c r="AC33521">
        <v>77</v>
      </c>
      <c r="AD33521">
        <v>78</v>
      </c>
      <c r="AE33521">
        <v>80</v>
      </c>
      <c r="AF33521">
        <v>81</v>
      </c>
      <c r="AG33521">
        <v>82</v>
      </c>
      <c r="AH33521">
        <v>84</v>
      </c>
      <c r="AI33521">
        <v>85</v>
      </c>
      <c r="AJ33521">
        <v>86</v>
      </c>
      <c r="AK33521">
        <v>88</v>
      </c>
      <c r="AL33521">
        <v>89</v>
      </c>
      <c r="AM33521">
        <v>90</v>
      </c>
      <c r="AN33521">
        <v>90</v>
      </c>
      <c r="AO33521">
        <v>91</v>
      </c>
      <c r="AP33521">
        <v>92</v>
      </c>
      <c r="AQ33521">
        <v>93</v>
      </c>
    </row>
    <row r="33522" spans="1:43">
      <c r="A33522" t="s">
        <v>20767</v>
      </c>
      <c r="B33522" t="s">
        <v>20768</v>
      </c>
      <c r="C33522" t="s">
        <v>20685</v>
      </c>
      <c r="D33522" t="s">
        <v>20686</v>
      </c>
      <c r="E33522" t="s">
        <v>20641</v>
      </c>
      <c r="F33522" t="s">
        <v>20642</v>
      </c>
      <c r="G33522" t="s">
        <v>20255</v>
      </c>
      <c r="H33522" t="s">
        <v>20256</v>
      </c>
      <c r="I33522" s="2">
        <v>1</v>
      </c>
      <c r="J33522" s="2">
        <v>0</v>
      </c>
      <c r="K33522" s="2">
        <v>0</v>
      </c>
      <c r="L33522" t="s">
        <v>120</v>
      </c>
      <c r="M33522" t="s">
        <v>83</v>
      </c>
      <c r="N33522" t="s">
        <v>84</v>
      </c>
      <c r="O33522" t="s">
        <v>85</v>
      </c>
      <c r="P33522" t="s">
        <v>86</v>
      </c>
      <c r="Q33522">
        <v>29</v>
      </c>
      <c r="R33522">
        <v>30</v>
      </c>
      <c r="S33522">
        <v>30</v>
      </c>
      <c r="T33522">
        <v>31</v>
      </c>
      <c r="U33522">
        <v>31</v>
      </c>
      <c r="V33522">
        <v>32</v>
      </c>
      <c r="W33522">
        <v>32</v>
      </c>
      <c r="X33522">
        <v>33</v>
      </c>
      <c r="Y33522">
        <v>33</v>
      </c>
      <c r="Z33522">
        <v>34</v>
      </c>
      <c r="AA33522">
        <v>34</v>
      </c>
      <c r="AB33522">
        <v>35</v>
      </c>
      <c r="AC33522">
        <v>36</v>
      </c>
      <c r="AD33522">
        <v>36</v>
      </c>
      <c r="AE33522">
        <v>37</v>
      </c>
      <c r="AF33522">
        <v>37</v>
      </c>
      <c r="AG33522">
        <v>38</v>
      </c>
      <c r="AH33522">
        <v>39</v>
      </c>
      <c r="AI33522">
        <v>39</v>
      </c>
      <c r="AJ33522">
        <v>40</v>
      </c>
      <c r="AK33522">
        <v>41</v>
      </c>
      <c r="AL33522">
        <v>41</v>
      </c>
      <c r="AM33522">
        <v>41</v>
      </c>
      <c r="AN33522">
        <v>42</v>
      </c>
      <c r="AO33522">
        <v>42</v>
      </c>
      <c r="AP33522">
        <v>43</v>
      </c>
      <c r="AQ33522">
        <v>43</v>
      </c>
    </row>
    <row r="33523" spans="1:43">
      <c r="A33523" t="s">
        <v>20767</v>
      </c>
      <c r="B33523" t="s">
        <v>20768</v>
      </c>
      <c r="C33523" t="s">
        <v>20685</v>
      </c>
      <c r="D33523" t="s">
        <v>20686</v>
      </c>
      <c r="E33523" t="s">
        <v>20641</v>
      </c>
      <c r="F33523" t="s">
        <v>20642</v>
      </c>
      <c r="G33523" t="s">
        <v>20255</v>
      </c>
      <c r="H33523" t="s">
        <v>20256</v>
      </c>
      <c r="I33523" s="2">
        <v>1</v>
      </c>
      <c r="J33523" s="2">
        <v>0</v>
      </c>
      <c r="K33523" s="2">
        <v>0</v>
      </c>
      <c r="L33523" t="s">
        <v>120</v>
      </c>
      <c r="M33523" t="s">
        <v>87</v>
      </c>
      <c r="N33523" t="s">
        <v>88</v>
      </c>
      <c r="O33523" t="s">
        <v>85</v>
      </c>
      <c r="P33523" t="s">
        <v>86</v>
      </c>
      <c r="Q33523">
        <v>29</v>
      </c>
      <c r="R33523">
        <v>29</v>
      </c>
      <c r="S33523">
        <v>29</v>
      </c>
      <c r="T33523">
        <v>30</v>
      </c>
      <c r="U33523">
        <v>30</v>
      </c>
      <c r="V33523">
        <v>30</v>
      </c>
      <c r="W33523">
        <v>30</v>
      </c>
      <c r="X33523">
        <v>31</v>
      </c>
      <c r="Y33523">
        <v>31</v>
      </c>
      <c r="Z33523">
        <v>31</v>
      </c>
      <c r="AA33523">
        <v>31</v>
      </c>
      <c r="AB33523">
        <v>32</v>
      </c>
      <c r="AC33523">
        <v>32</v>
      </c>
      <c r="AD33523">
        <v>32</v>
      </c>
      <c r="AE33523">
        <v>33</v>
      </c>
      <c r="AF33523">
        <v>33</v>
      </c>
      <c r="AG33523">
        <v>33</v>
      </c>
      <c r="AH33523">
        <v>34</v>
      </c>
      <c r="AI33523">
        <v>34</v>
      </c>
      <c r="AJ33523">
        <v>34</v>
      </c>
      <c r="AK33523">
        <v>35</v>
      </c>
      <c r="AL33523">
        <v>35</v>
      </c>
      <c r="AM33523">
        <v>35</v>
      </c>
      <c r="AN33523">
        <v>36</v>
      </c>
      <c r="AO33523">
        <v>36</v>
      </c>
      <c r="AP33523">
        <v>36</v>
      </c>
      <c r="AQ33523">
        <v>37</v>
      </c>
    </row>
    <row r="33524" spans="1:43">
      <c r="A33524" t="s">
        <v>20767</v>
      </c>
      <c r="B33524" t="s">
        <v>20768</v>
      </c>
      <c r="C33524" t="s">
        <v>20685</v>
      </c>
      <c r="D33524" t="s">
        <v>20686</v>
      </c>
      <c r="E33524" t="s">
        <v>20641</v>
      </c>
      <c r="F33524" t="s">
        <v>20642</v>
      </c>
      <c r="G33524" t="s">
        <v>20255</v>
      </c>
      <c r="H33524" t="s">
        <v>20256</v>
      </c>
      <c r="I33524" s="2">
        <v>1</v>
      </c>
      <c r="J33524" s="2">
        <v>0</v>
      </c>
      <c r="K33524" s="2">
        <v>0</v>
      </c>
      <c r="L33524" t="s">
        <v>120</v>
      </c>
      <c r="M33524" t="s">
        <v>89</v>
      </c>
      <c r="N33524" t="s">
        <v>90</v>
      </c>
      <c r="O33524" t="s">
        <v>85</v>
      </c>
      <c r="P33524" t="s">
        <v>86</v>
      </c>
      <c r="Q33524">
        <v>29</v>
      </c>
      <c r="R33524">
        <v>30</v>
      </c>
      <c r="S33524">
        <v>31</v>
      </c>
      <c r="T33524">
        <v>32</v>
      </c>
      <c r="U33524">
        <v>32</v>
      </c>
      <c r="V33524">
        <v>33</v>
      </c>
      <c r="W33524">
        <v>34</v>
      </c>
      <c r="X33524">
        <v>35</v>
      </c>
      <c r="Y33524">
        <v>35</v>
      </c>
      <c r="Z33524">
        <v>36</v>
      </c>
      <c r="AA33524">
        <v>37</v>
      </c>
      <c r="AB33524">
        <v>37</v>
      </c>
      <c r="AC33524">
        <v>38</v>
      </c>
      <c r="AD33524">
        <v>39</v>
      </c>
      <c r="AE33524">
        <v>40</v>
      </c>
      <c r="AF33524">
        <v>40</v>
      </c>
      <c r="AG33524">
        <v>40</v>
      </c>
      <c r="AH33524">
        <v>40</v>
      </c>
      <c r="AI33524">
        <v>41</v>
      </c>
      <c r="AJ33524">
        <v>41</v>
      </c>
      <c r="AK33524">
        <v>41</v>
      </c>
      <c r="AL33524">
        <v>42</v>
      </c>
      <c r="AM33524">
        <v>42</v>
      </c>
      <c r="AN33524">
        <v>42</v>
      </c>
      <c r="AO33524">
        <v>43</v>
      </c>
      <c r="AP33524">
        <v>43</v>
      </c>
      <c r="AQ33524">
        <v>43</v>
      </c>
    </row>
    <row r="33525" spans="1:43">
      <c r="A33525" t="s">
        <v>20767</v>
      </c>
      <c r="B33525" t="s">
        <v>20768</v>
      </c>
      <c r="C33525" t="s">
        <v>20685</v>
      </c>
      <c r="D33525" t="s">
        <v>20686</v>
      </c>
      <c r="E33525" t="s">
        <v>20641</v>
      </c>
      <c r="F33525" t="s">
        <v>20642</v>
      </c>
      <c r="G33525" t="s">
        <v>20255</v>
      </c>
      <c r="H33525" t="s">
        <v>20256</v>
      </c>
      <c r="I33525" s="2">
        <v>1</v>
      </c>
      <c r="J33525" s="2">
        <v>0</v>
      </c>
      <c r="K33525" s="2">
        <v>0</v>
      </c>
      <c r="L33525" t="s">
        <v>120</v>
      </c>
      <c r="M33525" t="s">
        <v>83</v>
      </c>
      <c r="N33525" t="s">
        <v>91</v>
      </c>
      <c r="O33525" t="s">
        <v>85</v>
      </c>
      <c r="P33525" t="s">
        <v>86</v>
      </c>
      <c r="Q33525">
        <v>29</v>
      </c>
      <c r="R33525">
        <v>30</v>
      </c>
      <c r="S33525">
        <v>30</v>
      </c>
      <c r="T33525">
        <v>31</v>
      </c>
      <c r="U33525">
        <v>31</v>
      </c>
      <c r="V33525">
        <v>32</v>
      </c>
      <c r="W33525">
        <v>32</v>
      </c>
      <c r="X33525">
        <v>33</v>
      </c>
      <c r="Y33525">
        <v>33</v>
      </c>
      <c r="Z33525">
        <v>34</v>
      </c>
      <c r="AA33525">
        <v>34</v>
      </c>
      <c r="AB33525">
        <v>35</v>
      </c>
      <c r="AC33525">
        <v>36</v>
      </c>
      <c r="AD33525">
        <v>36</v>
      </c>
      <c r="AE33525">
        <v>37</v>
      </c>
      <c r="AF33525">
        <v>37</v>
      </c>
      <c r="AG33525">
        <v>38</v>
      </c>
      <c r="AH33525">
        <v>39</v>
      </c>
      <c r="AI33525">
        <v>39</v>
      </c>
      <c r="AJ33525">
        <v>40</v>
      </c>
      <c r="AK33525">
        <v>41</v>
      </c>
      <c r="AL33525">
        <v>41</v>
      </c>
      <c r="AM33525">
        <v>41</v>
      </c>
      <c r="AN33525">
        <v>42</v>
      </c>
      <c r="AO33525">
        <v>42</v>
      </c>
      <c r="AP33525">
        <v>43</v>
      </c>
      <c r="AQ33525">
        <v>43</v>
      </c>
    </row>
    <row r="33526" spans="1:43">
      <c r="A33526" t="s">
        <v>20769</v>
      </c>
      <c r="B33526" t="s">
        <v>20770</v>
      </c>
      <c r="C33526" t="s">
        <v>20685</v>
      </c>
      <c r="D33526" t="s">
        <v>20686</v>
      </c>
      <c r="E33526" t="s">
        <v>20641</v>
      </c>
      <c r="F33526" t="s">
        <v>20642</v>
      </c>
      <c r="G33526" t="s">
        <v>20255</v>
      </c>
      <c r="H33526" t="s">
        <v>20256</v>
      </c>
      <c r="I33526" s="2">
        <v>1</v>
      </c>
      <c r="J33526" s="2">
        <v>0</v>
      </c>
      <c r="K33526" s="2">
        <v>0</v>
      </c>
      <c r="L33526" t="s">
        <v>120</v>
      </c>
      <c r="M33526" t="s">
        <v>83</v>
      </c>
      <c r="N33526" t="s">
        <v>84</v>
      </c>
      <c r="O33526" t="s">
        <v>85</v>
      </c>
      <c r="P33526" t="s">
        <v>86</v>
      </c>
      <c r="Q33526">
        <v>36</v>
      </c>
      <c r="R33526">
        <v>37</v>
      </c>
      <c r="S33526">
        <v>38</v>
      </c>
      <c r="T33526">
        <v>38</v>
      </c>
      <c r="U33526">
        <v>39</v>
      </c>
      <c r="V33526">
        <v>40</v>
      </c>
      <c r="W33526">
        <v>40</v>
      </c>
      <c r="X33526">
        <v>41</v>
      </c>
      <c r="Y33526">
        <v>42</v>
      </c>
      <c r="Z33526">
        <v>42</v>
      </c>
      <c r="AA33526">
        <v>43</v>
      </c>
      <c r="AB33526">
        <v>44</v>
      </c>
      <c r="AC33526">
        <v>45</v>
      </c>
      <c r="AD33526">
        <v>45</v>
      </c>
      <c r="AE33526">
        <v>46</v>
      </c>
      <c r="AF33526">
        <v>47</v>
      </c>
      <c r="AG33526">
        <v>48</v>
      </c>
      <c r="AH33526">
        <v>48</v>
      </c>
      <c r="AI33526">
        <v>49</v>
      </c>
      <c r="AJ33526">
        <v>50</v>
      </c>
      <c r="AK33526">
        <v>51</v>
      </c>
      <c r="AL33526">
        <v>51</v>
      </c>
      <c r="AM33526">
        <v>52</v>
      </c>
      <c r="AN33526">
        <v>52</v>
      </c>
      <c r="AO33526">
        <v>53</v>
      </c>
      <c r="AP33526">
        <v>53</v>
      </c>
      <c r="AQ33526">
        <v>54</v>
      </c>
    </row>
    <row r="33527" spans="1:43">
      <c r="A33527" t="s">
        <v>20769</v>
      </c>
      <c r="B33527" t="s">
        <v>20770</v>
      </c>
      <c r="C33527" t="s">
        <v>20685</v>
      </c>
      <c r="D33527" t="s">
        <v>20686</v>
      </c>
      <c r="E33527" t="s">
        <v>20641</v>
      </c>
      <c r="F33527" t="s">
        <v>20642</v>
      </c>
      <c r="G33527" t="s">
        <v>20255</v>
      </c>
      <c r="H33527" t="s">
        <v>20256</v>
      </c>
      <c r="I33527" s="2">
        <v>1</v>
      </c>
      <c r="J33527" s="2">
        <v>0</v>
      </c>
      <c r="K33527" s="2">
        <v>0</v>
      </c>
      <c r="L33527" t="s">
        <v>120</v>
      </c>
      <c r="M33527" t="s">
        <v>87</v>
      </c>
      <c r="N33527" t="s">
        <v>88</v>
      </c>
      <c r="O33527" t="s">
        <v>85</v>
      </c>
      <c r="P33527" t="s">
        <v>86</v>
      </c>
      <c r="Q33527">
        <v>36</v>
      </c>
      <c r="R33527">
        <v>36</v>
      </c>
      <c r="S33527">
        <v>37</v>
      </c>
      <c r="T33527">
        <v>37</v>
      </c>
      <c r="U33527">
        <v>37</v>
      </c>
      <c r="V33527">
        <v>38</v>
      </c>
      <c r="W33527">
        <v>38</v>
      </c>
      <c r="X33527">
        <v>38</v>
      </c>
      <c r="Y33527">
        <v>39</v>
      </c>
      <c r="Z33527">
        <v>39</v>
      </c>
      <c r="AA33527">
        <v>39</v>
      </c>
      <c r="AB33527">
        <v>40</v>
      </c>
      <c r="AC33527">
        <v>40</v>
      </c>
      <c r="AD33527">
        <v>40</v>
      </c>
      <c r="AE33527">
        <v>41</v>
      </c>
      <c r="AF33527">
        <v>41</v>
      </c>
      <c r="AG33527">
        <v>42</v>
      </c>
      <c r="AH33527">
        <v>42</v>
      </c>
      <c r="AI33527">
        <v>42</v>
      </c>
      <c r="AJ33527">
        <v>43</v>
      </c>
      <c r="AK33527">
        <v>43</v>
      </c>
      <c r="AL33527">
        <v>44</v>
      </c>
      <c r="AM33527">
        <v>44</v>
      </c>
      <c r="AN33527">
        <v>45</v>
      </c>
      <c r="AO33527">
        <v>45</v>
      </c>
      <c r="AP33527">
        <v>46</v>
      </c>
      <c r="AQ33527">
        <v>46</v>
      </c>
    </row>
    <row r="33528" spans="1:43">
      <c r="A33528" t="s">
        <v>20769</v>
      </c>
      <c r="B33528" t="s">
        <v>20770</v>
      </c>
      <c r="C33528" t="s">
        <v>20685</v>
      </c>
      <c r="D33528" t="s">
        <v>20686</v>
      </c>
      <c r="E33528" t="s">
        <v>20641</v>
      </c>
      <c r="F33528" t="s">
        <v>20642</v>
      </c>
      <c r="G33528" t="s">
        <v>20255</v>
      </c>
      <c r="H33528" t="s">
        <v>20256</v>
      </c>
      <c r="I33528" s="2">
        <v>1</v>
      </c>
      <c r="J33528" s="2">
        <v>0</v>
      </c>
      <c r="K33528" s="2">
        <v>0</v>
      </c>
      <c r="L33528" t="s">
        <v>120</v>
      </c>
      <c r="M33528" t="s">
        <v>89</v>
      </c>
      <c r="N33528" t="s">
        <v>90</v>
      </c>
      <c r="O33528" t="s">
        <v>85</v>
      </c>
      <c r="P33528" t="s">
        <v>86</v>
      </c>
      <c r="Q33528">
        <v>36</v>
      </c>
      <c r="R33528">
        <v>37</v>
      </c>
      <c r="S33528">
        <v>38</v>
      </c>
      <c r="T33528">
        <v>39</v>
      </c>
      <c r="U33528">
        <v>40</v>
      </c>
      <c r="V33528">
        <v>41</v>
      </c>
      <c r="W33528">
        <v>41</v>
      </c>
      <c r="X33528">
        <v>42</v>
      </c>
      <c r="Y33528">
        <v>43</v>
      </c>
      <c r="Z33528">
        <v>44</v>
      </c>
      <c r="AA33528">
        <v>45</v>
      </c>
      <c r="AB33528">
        <v>46</v>
      </c>
      <c r="AC33528">
        <v>47</v>
      </c>
      <c r="AD33528">
        <v>48</v>
      </c>
      <c r="AE33528">
        <v>49</v>
      </c>
      <c r="AF33528">
        <v>49</v>
      </c>
      <c r="AG33528">
        <v>49</v>
      </c>
      <c r="AH33528">
        <v>50</v>
      </c>
      <c r="AI33528">
        <v>50</v>
      </c>
      <c r="AJ33528">
        <v>50</v>
      </c>
      <c r="AK33528">
        <v>51</v>
      </c>
      <c r="AL33528">
        <v>51</v>
      </c>
      <c r="AM33528">
        <v>52</v>
      </c>
      <c r="AN33528">
        <v>52</v>
      </c>
      <c r="AO33528">
        <v>53</v>
      </c>
      <c r="AP33528">
        <v>53</v>
      </c>
      <c r="AQ33528">
        <v>53</v>
      </c>
    </row>
    <row r="33529" spans="1:43">
      <c r="A33529" t="s">
        <v>20769</v>
      </c>
      <c r="B33529" t="s">
        <v>20770</v>
      </c>
      <c r="C33529" t="s">
        <v>20685</v>
      </c>
      <c r="D33529" t="s">
        <v>20686</v>
      </c>
      <c r="E33529" t="s">
        <v>20641</v>
      </c>
      <c r="F33529" t="s">
        <v>20642</v>
      </c>
      <c r="G33529" t="s">
        <v>20255</v>
      </c>
      <c r="H33529" t="s">
        <v>20256</v>
      </c>
      <c r="I33529" s="2">
        <v>1</v>
      </c>
      <c r="J33529" s="2">
        <v>0</v>
      </c>
      <c r="K33529" s="2">
        <v>0</v>
      </c>
      <c r="L33529" t="s">
        <v>120</v>
      </c>
      <c r="M33529" t="s">
        <v>83</v>
      </c>
      <c r="N33529" t="s">
        <v>91</v>
      </c>
      <c r="O33529" t="s">
        <v>85</v>
      </c>
      <c r="P33529" t="s">
        <v>86</v>
      </c>
      <c r="Q33529">
        <v>36</v>
      </c>
      <c r="R33529">
        <v>37</v>
      </c>
      <c r="S33529">
        <v>38</v>
      </c>
      <c r="T33529">
        <v>38</v>
      </c>
      <c r="U33529">
        <v>39</v>
      </c>
      <c r="V33529">
        <v>40</v>
      </c>
      <c r="W33529">
        <v>40</v>
      </c>
      <c r="X33529">
        <v>41</v>
      </c>
      <c r="Y33529">
        <v>42</v>
      </c>
      <c r="Z33529">
        <v>42</v>
      </c>
      <c r="AA33529">
        <v>43</v>
      </c>
      <c r="AB33529">
        <v>44</v>
      </c>
      <c r="AC33529">
        <v>45</v>
      </c>
      <c r="AD33529">
        <v>45</v>
      </c>
      <c r="AE33529">
        <v>46</v>
      </c>
      <c r="AF33529">
        <v>47</v>
      </c>
      <c r="AG33529">
        <v>48</v>
      </c>
      <c r="AH33529">
        <v>48</v>
      </c>
      <c r="AI33529">
        <v>49</v>
      </c>
      <c r="AJ33529">
        <v>50</v>
      </c>
      <c r="AK33529">
        <v>51</v>
      </c>
      <c r="AL33529">
        <v>51</v>
      </c>
      <c r="AM33529">
        <v>52</v>
      </c>
      <c r="AN33529">
        <v>52</v>
      </c>
      <c r="AO33529">
        <v>53</v>
      </c>
      <c r="AP33529">
        <v>53</v>
      </c>
      <c r="AQ33529">
        <v>54</v>
      </c>
    </row>
    <row r="33530" spans="1:43">
      <c r="A33530" t="s">
        <v>20771</v>
      </c>
      <c r="B33530" t="s">
        <v>20772</v>
      </c>
      <c r="C33530" t="s">
        <v>20707</v>
      </c>
      <c r="D33530" t="s">
        <v>20708</v>
      </c>
      <c r="E33530" t="s">
        <v>20641</v>
      </c>
      <c r="F33530" t="s">
        <v>20642</v>
      </c>
      <c r="G33530" t="s">
        <v>20255</v>
      </c>
      <c r="H33530" t="s">
        <v>20256</v>
      </c>
      <c r="I33530" s="2">
        <v>1</v>
      </c>
      <c r="J33530" s="2">
        <v>0</v>
      </c>
      <c r="K33530" s="2">
        <v>0</v>
      </c>
      <c r="L33530" t="s">
        <v>120</v>
      </c>
      <c r="M33530" t="s">
        <v>83</v>
      </c>
      <c r="N33530" t="s">
        <v>84</v>
      </c>
      <c r="O33530" t="s">
        <v>85</v>
      </c>
      <c r="P33530" t="s">
        <v>86</v>
      </c>
      <c r="Q33530">
        <v>32</v>
      </c>
      <c r="R33530">
        <v>32</v>
      </c>
      <c r="S33530">
        <v>33</v>
      </c>
      <c r="T33530">
        <v>34</v>
      </c>
      <c r="U33530">
        <v>34</v>
      </c>
      <c r="V33530">
        <v>35</v>
      </c>
      <c r="W33530">
        <v>36</v>
      </c>
      <c r="X33530">
        <v>36</v>
      </c>
      <c r="Y33530">
        <v>37</v>
      </c>
      <c r="Z33530">
        <v>37</v>
      </c>
      <c r="AA33530">
        <v>38</v>
      </c>
      <c r="AB33530">
        <v>39</v>
      </c>
      <c r="AC33530">
        <v>39</v>
      </c>
      <c r="AD33530">
        <v>40</v>
      </c>
      <c r="AE33530">
        <v>41</v>
      </c>
      <c r="AF33530">
        <v>41</v>
      </c>
      <c r="AG33530">
        <v>42</v>
      </c>
      <c r="AH33530">
        <v>43</v>
      </c>
      <c r="AI33530">
        <v>43</v>
      </c>
      <c r="AJ33530">
        <v>44</v>
      </c>
      <c r="AK33530">
        <v>45</v>
      </c>
      <c r="AL33530">
        <v>45</v>
      </c>
      <c r="AM33530">
        <v>46</v>
      </c>
      <c r="AN33530">
        <v>46</v>
      </c>
      <c r="AO33530">
        <v>46</v>
      </c>
      <c r="AP33530">
        <v>47</v>
      </c>
      <c r="AQ33530">
        <v>47</v>
      </c>
    </row>
    <row r="33531" spans="1:43">
      <c r="A33531" t="s">
        <v>20771</v>
      </c>
      <c r="B33531" t="s">
        <v>20772</v>
      </c>
      <c r="C33531" t="s">
        <v>20707</v>
      </c>
      <c r="D33531" t="s">
        <v>20708</v>
      </c>
      <c r="E33531" t="s">
        <v>20641</v>
      </c>
      <c r="F33531" t="s">
        <v>20642</v>
      </c>
      <c r="G33531" t="s">
        <v>20255</v>
      </c>
      <c r="H33531" t="s">
        <v>20256</v>
      </c>
      <c r="I33531" s="2">
        <v>1</v>
      </c>
      <c r="J33531" s="2">
        <v>0</v>
      </c>
      <c r="K33531" s="2">
        <v>0</v>
      </c>
      <c r="L33531" t="s">
        <v>120</v>
      </c>
      <c r="M33531" t="s">
        <v>87</v>
      </c>
      <c r="N33531" t="s">
        <v>88</v>
      </c>
      <c r="O33531" t="s">
        <v>85</v>
      </c>
      <c r="P33531" t="s">
        <v>86</v>
      </c>
      <c r="Q33531">
        <v>32</v>
      </c>
      <c r="R33531">
        <v>32</v>
      </c>
      <c r="S33531">
        <v>32</v>
      </c>
      <c r="T33531">
        <v>33</v>
      </c>
      <c r="U33531">
        <v>33</v>
      </c>
      <c r="V33531">
        <v>33</v>
      </c>
      <c r="W33531">
        <v>33</v>
      </c>
      <c r="X33531">
        <v>34</v>
      </c>
      <c r="Y33531">
        <v>34</v>
      </c>
      <c r="Z33531">
        <v>34</v>
      </c>
      <c r="AA33531">
        <v>35</v>
      </c>
      <c r="AB33531">
        <v>35</v>
      </c>
      <c r="AC33531">
        <v>35</v>
      </c>
      <c r="AD33531">
        <v>36</v>
      </c>
      <c r="AE33531">
        <v>36</v>
      </c>
      <c r="AF33531">
        <v>36</v>
      </c>
      <c r="AG33531">
        <v>37</v>
      </c>
      <c r="AH33531">
        <v>37</v>
      </c>
      <c r="AI33531">
        <v>38</v>
      </c>
      <c r="AJ33531">
        <v>38</v>
      </c>
      <c r="AK33531">
        <v>38</v>
      </c>
      <c r="AL33531">
        <v>39</v>
      </c>
      <c r="AM33531">
        <v>39</v>
      </c>
      <c r="AN33531">
        <v>40</v>
      </c>
      <c r="AO33531">
        <v>40</v>
      </c>
      <c r="AP33531">
        <v>41</v>
      </c>
      <c r="AQ33531">
        <v>41</v>
      </c>
    </row>
    <row r="33532" spans="1:43">
      <c r="A33532" t="s">
        <v>20771</v>
      </c>
      <c r="B33532" t="s">
        <v>20772</v>
      </c>
      <c r="C33532" t="s">
        <v>20707</v>
      </c>
      <c r="D33532" t="s">
        <v>20708</v>
      </c>
      <c r="E33532" t="s">
        <v>20641</v>
      </c>
      <c r="F33532" t="s">
        <v>20642</v>
      </c>
      <c r="G33532" t="s">
        <v>20255</v>
      </c>
      <c r="H33532" t="s">
        <v>20256</v>
      </c>
      <c r="I33532" s="2">
        <v>1</v>
      </c>
      <c r="J33532" s="2">
        <v>0</v>
      </c>
      <c r="K33532" s="2">
        <v>0</v>
      </c>
      <c r="L33532" t="s">
        <v>120</v>
      </c>
      <c r="M33532" t="s">
        <v>89</v>
      </c>
      <c r="N33532" t="s">
        <v>90</v>
      </c>
      <c r="O33532" t="s">
        <v>85</v>
      </c>
      <c r="P33532" t="s">
        <v>86</v>
      </c>
      <c r="Q33532">
        <v>32</v>
      </c>
      <c r="R33532">
        <v>33</v>
      </c>
      <c r="S33532">
        <v>34</v>
      </c>
      <c r="T33532">
        <v>35</v>
      </c>
      <c r="U33532">
        <v>36</v>
      </c>
      <c r="V33532">
        <v>36</v>
      </c>
      <c r="W33532">
        <v>37</v>
      </c>
      <c r="X33532">
        <v>38</v>
      </c>
      <c r="Y33532">
        <v>39</v>
      </c>
      <c r="Z33532">
        <v>40</v>
      </c>
      <c r="AA33532">
        <v>40</v>
      </c>
      <c r="AB33532">
        <v>41</v>
      </c>
      <c r="AC33532">
        <v>42</v>
      </c>
      <c r="AD33532">
        <v>43</v>
      </c>
      <c r="AE33532">
        <v>43</v>
      </c>
      <c r="AF33532">
        <v>44</v>
      </c>
      <c r="AG33532">
        <v>44</v>
      </c>
      <c r="AH33532">
        <v>44</v>
      </c>
      <c r="AI33532">
        <v>45</v>
      </c>
      <c r="AJ33532">
        <v>45</v>
      </c>
      <c r="AK33532">
        <v>46</v>
      </c>
      <c r="AL33532">
        <v>46</v>
      </c>
      <c r="AM33532">
        <v>46</v>
      </c>
      <c r="AN33532">
        <v>47</v>
      </c>
      <c r="AO33532">
        <v>47</v>
      </c>
      <c r="AP33532">
        <v>47</v>
      </c>
      <c r="AQ33532">
        <v>48</v>
      </c>
    </row>
    <row r="33533" spans="1:43">
      <c r="A33533" t="s">
        <v>20771</v>
      </c>
      <c r="B33533" t="s">
        <v>20772</v>
      </c>
      <c r="C33533" t="s">
        <v>20707</v>
      </c>
      <c r="D33533" t="s">
        <v>20708</v>
      </c>
      <c r="E33533" t="s">
        <v>20641</v>
      </c>
      <c r="F33533" t="s">
        <v>20642</v>
      </c>
      <c r="G33533" t="s">
        <v>20255</v>
      </c>
      <c r="H33533" t="s">
        <v>20256</v>
      </c>
      <c r="I33533" s="2">
        <v>1</v>
      </c>
      <c r="J33533" s="2">
        <v>0</v>
      </c>
      <c r="K33533" s="2">
        <v>0</v>
      </c>
      <c r="L33533" t="s">
        <v>120</v>
      </c>
      <c r="M33533" t="s">
        <v>83</v>
      </c>
      <c r="N33533" t="s">
        <v>91</v>
      </c>
      <c r="O33533" t="s">
        <v>85</v>
      </c>
      <c r="P33533" t="s">
        <v>86</v>
      </c>
      <c r="Q33533">
        <v>32</v>
      </c>
      <c r="R33533">
        <v>32</v>
      </c>
      <c r="S33533">
        <v>33</v>
      </c>
      <c r="T33533">
        <v>34</v>
      </c>
      <c r="U33533">
        <v>34</v>
      </c>
      <c r="V33533">
        <v>35</v>
      </c>
      <c r="W33533">
        <v>36</v>
      </c>
      <c r="X33533">
        <v>36</v>
      </c>
      <c r="Y33533">
        <v>37</v>
      </c>
      <c r="Z33533">
        <v>37</v>
      </c>
      <c r="AA33533">
        <v>38</v>
      </c>
      <c r="AB33533">
        <v>39</v>
      </c>
      <c r="AC33533">
        <v>39</v>
      </c>
      <c r="AD33533">
        <v>40</v>
      </c>
      <c r="AE33533">
        <v>41</v>
      </c>
      <c r="AF33533">
        <v>41</v>
      </c>
      <c r="AG33533">
        <v>42</v>
      </c>
      <c r="AH33533">
        <v>43</v>
      </c>
      <c r="AI33533">
        <v>43</v>
      </c>
      <c r="AJ33533">
        <v>44</v>
      </c>
      <c r="AK33533">
        <v>45</v>
      </c>
      <c r="AL33533">
        <v>45</v>
      </c>
      <c r="AM33533">
        <v>46</v>
      </c>
      <c r="AN33533">
        <v>46</v>
      </c>
      <c r="AO33533">
        <v>46</v>
      </c>
      <c r="AP33533">
        <v>47</v>
      </c>
      <c r="AQ33533">
        <v>47</v>
      </c>
    </row>
    <row r="33534" spans="1:43">
      <c r="A33534" t="s">
        <v>20773</v>
      </c>
      <c r="B33534" t="s">
        <v>20774</v>
      </c>
      <c r="C33534" t="s">
        <v>20707</v>
      </c>
      <c r="D33534" t="s">
        <v>20708</v>
      </c>
      <c r="E33534" t="s">
        <v>20641</v>
      </c>
      <c r="F33534" t="s">
        <v>20642</v>
      </c>
      <c r="G33534" t="s">
        <v>20255</v>
      </c>
      <c r="H33534" t="s">
        <v>20256</v>
      </c>
      <c r="I33534" s="2">
        <v>1</v>
      </c>
      <c r="J33534" s="2">
        <v>0</v>
      </c>
      <c r="K33534" s="2">
        <v>0</v>
      </c>
      <c r="L33534" t="s">
        <v>120</v>
      </c>
      <c r="M33534" t="s">
        <v>83</v>
      </c>
      <c r="N33534" t="s">
        <v>84</v>
      </c>
      <c r="O33534" t="s">
        <v>85</v>
      </c>
      <c r="P33534" t="s">
        <v>86</v>
      </c>
      <c r="Q33534">
        <v>34</v>
      </c>
      <c r="R33534">
        <v>35</v>
      </c>
      <c r="S33534">
        <v>35</v>
      </c>
      <c r="T33534">
        <v>36</v>
      </c>
      <c r="U33534">
        <v>36</v>
      </c>
      <c r="V33534">
        <v>36</v>
      </c>
      <c r="W33534">
        <v>37</v>
      </c>
      <c r="X33534">
        <v>37</v>
      </c>
      <c r="Y33534">
        <v>38</v>
      </c>
      <c r="Z33534">
        <v>38</v>
      </c>
      <c r="AA33534">
        <v>39</v>
      </c>
      <c r="AB33534">
        <v>39</v>
      </c>
      <c r="AC33534">
        <v>39</v>
      </c>
      <c r="AD33534">
        <v>40</v>
      </c>
      <c r="AE33534">
        <v>40</v>
      </c>
      <c r="AF33534">
        <v>41</v>
      </c>
      <c r="AG33534">
        <v>41</v>
      </c>
      <c r="AH33534">
        <v>42</v>
      </c>
      <c r="AI33534">
        <v>42</v>
      </c>
      <c r="AJ33534">
        <v>42</v>
      </c>
      <c r="AK33534">
        <v>43</v>
      </c>
      <c r="AL33534">
        <v>43</v>
      </c>
      <c r="AM33534">
        <v>43</v>
      </c>
      <c r="AN33534">
        <v>43</v>
      </c>
      <c r="AO33534">
        <v>43</v>
      </c>
      <c r="AP33534">
        <v>43</v>
      </c>
      <c r="AQ33534">
        <v>43</v>
      </c>
    </row>
    <row r="33535" spans="1:43">
      <c r="A33535" t="s">
        <v>20773</v>
      </c>
      <c r="B33535" t="s">
        <v>20774</v>
      </c>
      <c r="C33535" t="s">
        <v>20707</v>
      </c>
      <c r="D33535" t="s">
        <v>20708</v>
      </c>
      <c r="E33535" t="s">
        <v>20641</v>
      </c>
      <c r="F33535" t="s">
        <v>20642</v>
      </c>
      <c r="G33535" t="s">
        <v>20255</v>
      </c>
      <c r="H33535" t="s">
        <v>20256</v>
      </c>
      <c r="I33535" s="2">
        <v>1</v>
      </c>
      <c r="J33535" s="2">
        <v>0</v>
      </c>
      <c r="K33535" s="2">
        <v>0</v>
      </c>
      <c r="L33535" t="s">
        <v>120</v>
      </c>
      <c r="M33535" t="s">
        <v>87</v>
      </c>
      <c r="N33535" t="s">
        <v>88</v>
      </c>
      <c r="O33535" t="s">
        <v>85</v>
      </c>
      <c r="P33535" t="s">
        <v>86</v>
      </c>
      <c r="Q33535">
        <v>34</v>
      </c>
      <c r="R33535">
        <v>34</v>
      </c>
      <c r="S33535">
        <v>34</v>
      </c>
      <c r="T33535">
        <v>34</v>
      </c>
      <c r="U33535">
        <v>34</v>
      </c>
      <c r="V33535">
        <v>35</v>
      </c>
      <c r="W33535">
        <v>35</v>
      </c>
      <c r="X33535">
        <v>35</v>
      </c>
      <c r="Y33535">
        <v>35</v>
      </c>
      <c r="Z33535">
        <v>35</v>
      </c>
      <c r="AA33535">
        <v>35</v>
      </c>
      <c r="AB33535">
        <v>35</v>
      </c>
      <c r="AC33535">
        <v>36</v>
      </c>
      <c r="AD33535">
        <v>36</v>
      </c>
      <c r="AE33535">
        <v>36</v>
      </c>
      <c r="AF33535">
        <v>36</v>
      </c>
      <c r="AG33535">
        <v>36</v>
      </c>
      <c r="AH33535">
        <v>36</v>
      </c>
      <c r="AI33535">
        <v>36</v>
      </c>
      <c r="AJ33535">
        <v>37</v>
      </c>
      <c r="AK33535">
        <v>37</v>
      </c>
      <c r="AL33535">
        <v>37</v>
      </c>
      <c r="AM33535">
        <v>37</v>
      </c>
      <c r="AN33535">
        <v>37</v>
      </c>
      <c r="AO33535">
        <v>37</v>
      </c>
      <c r="AP33535">
        <v>37</v>
      </c>
      <c r="AQ33535">
        <v>38</v>
      </c>
    </row>
    <row r="33536" spans="1:43">
      <c r="A33536" t="s">
        <v>20773</v>
      </c>
      <c r="B33536" t="s">
        <v>20774</v>
      </c>
      <c r="C33536" t="s">
        <v>20707</v>
      </c>
      <c r="D33536" t="s">
        <v>20708</v>
      </c>
      <c r="E33536" t="s">
        <v>20641</v>
      </c>
      <c r="F33536" t="s">
        <v>20642</v>
      </c>
      <c r="G33536" t="s">
        <v>20255</v>
      </c>
      <c r="H33536" t="s">
        <v>20256</v>
      </c>
      <c r="I33536" s="2">
        <v>1</v>
      </c>
      <c r="J33536" s="2">
        <v>0</v>
      </c>
      <c r="K33536" s="2">
        <v>0</v>
      </c>
      <c r="L33536" t="s">
        <v>120</v>
      </c>
      <c r="M33536" t="s">
        <v>89</v>
      </c>
      <c r="N33536" t="s">
        <v>90</v>
      </c>
      <c r="O33536" t="s">
        <v>85</v>
      </c>
      <c r="P33536" t="s">
        <v>86</v>
      </c>
      <c r="Q33536">
        <v>34</v>
      </c>
      <c r="R33536">
        <v>35</v>
      </c>
      <c r="S33536">
        <v>36</v>
      </c>
      <c r="T33536">
        <v>37</v>
      </c>
      <c r="U33536">
        <v>37</v>
      </c>
      <c r="V33536">
        <v>38</v>
      </c>
      <c r="W33536">
        <v>39</v>
      </c>
      <c r="X33536">
        <v>39</v>
      </c>
      <c r="Y33536">
        <v>40</v>
      </c>
      <c r="Z33536">
        <v>40</v>
      </c>
      <c r="AA33536">
        <v>41</v>
      </c>
      <c r="AB33536">
        <v>42</v>
      </c>
      <c r="AC33536">
        <v>42</v>
      </c>
      <c r="AD33536">
        <v>43</v>
      </c>
      <c r="AE33536">
        <v>43</v>
      </c>
      <c r="AF33536">
        <v>43</v>
      </c>
      <c r="AG33536">
        <v>43</v>
      </c>
      <c r="AH33536">
        <v>43</v>
      </c>
      <c r="AI33536">
        <v>43</v>
      </c>
      <c r="AJ33536">
        <v>43</v>
      </c>
      <c r="AK33536">
        <v>43</v>
      </c>
      <c r="AL33536">
        <v>44</v>
      </c>
      <c r="AM33536">
        <v>44</v>
      </c>
      <c r="AN33536">
        <v>44</v>
      </c>
      <c r="AO33536">
        <v>44</v>
      </c>
      <c r="AP33536">
        <v>44</v>
      </c>
      <c r="AQ33536">
        <v>44</v>
      </c>
    </row>
    <row r="33537" spans="1:43">
      <c r="A33537" t="s">
        <v>20773</v>
      </c>
      <c r="B33537" t="s">
        <v>20774</v>
      </c>
      <c r="C33537" t="s">
        <v>20707</v>
      </c>
      <c r="D33537" t="s">
        <v>20708</v>
      </c>
      <c r="E33537" t="s">
        <v>20641</v>
      </c>
      <c r="F33537" t="s">
        <v>20642</v>
      </c>
      <c r="G33537" t="s">
        <v>20255</v>
      </c>
      <c r="H33537" t="s">
        <v>20256</v>
      </c>
      <c r="I33537" s="2">
        <v>1</v>
      </c>
      <c r="J33537" s="2">
        <v>0</v>
      </c>
      <c r="K33537" s="2">
        <v>0</v>
      </c>
      <c r="L33537" t="s">
        <v>120</v>
      </c>
      <c r="M33537" t="s">
        <v>83</v>
      </c>
      <c r="N33537" t="s">
        <v>91</v>
      </c>
      <c r="O33537" t="s">
        <v>85</v>
      </c>
      <c r="P33537" t="s">
        <v>86</v>
      </c>
      <c r="Q33537">
        <v>34</v>
      </c>
      <c r="R33537">
        <v>35</v>
      </c>
      <c r="S33537">
        <v>35</v>
      </c>
      <c r="T33537">
        <v>36</v>
      </c>
      <c r="U33537">
        <v>36</v>
      </c>
      <c r="V33537">
        <v>36</v>
      </c>
      <c r="W33537">
        <v>37</v>
      </c>
      <c r="X33537">
        <v>37</v>
      </c>
      <c r="Y33537">
        <v>38</v>
      </c>
      <c r="Z33537">
        <v>38</v>
      </c>
      <c r="AA33537">
        <v>39</v>
      </c>
      <c r="AB33537">
        <v>39</v>
      </c>
      <c r="AC33537">
        <v>39</v>
      </c>
      <c r="AD33537">
        <v>40</v>
      </c>
      <c r="AE33537">
        <v>40</v>
      </c>
      <c r="AF33537">
        <v>41</v>
      </c>
      <c r="AG33537">
        <v>41</v>
      </c>
      <c r="AH33537">
        <v>42</v>
      </c>
      <c r="AI33537">
        <v>42</v>
      </c>
      <c r="AJ33537">
        <v>42</v>
      </c>
      <c r="AK33537">
        <v>43</v>
      </c>
      <c r="AL33537">
        <v>43</v>
      </c>
      <c r="AM33537">
        <v>43</v>
      </c>
      <c r="AN33537">
        <v>43</v>
      </c>
      <c r="AO33537">
        <v>43</v>
      </c>
      <c r="AP33537">
        <v>43</v>
      </c>
      <c r="AQ33537">
        <v>43</v>
      </c>
    </row>
    <row r="33538" spans="1:43">
      <c r="A33538" t="s">
        <v>20775</v>
      </c>
      <c r="B33538" t="s">
        <v>20776</v>
      </c>
      <c r="C33538" t="s">
        <v>20707</v>
      </c>
      <c r="D33538" t="s">
        <v>20708</v>
      </c>
      <c r="E33538" t="s">
        <v>20641</v>
      </c>
      <c r="F33538" t="s">
        <v>20642</v>
      </c>
      <c r="G33538" t="s">
        <v>20255</v>
      </c>
      <c r="H33538" t="s">
        <v>20256</v>
      </c>
      <c r="I33538" s="2">
        <v>1</v>
      </c>
      <c r="J33538" s="2">
        <v>0</v>
      </c>
      <c r="K33538" s="2">
        <v>0</v>
      </c>
      <c r="L33538" t="s">
        <v>120</v>
      </c>
      <c r="M33538" t="s">
        <v>83</v>
      </c>
      <c r="N33538" t="s">
        <v>84</v>
      </c>
      <c r="O33538" t="s">
        <v>85</v>
      </c>
      <c r="P33538" t="s">
        <v>86</v>
      </c>
      <c r="Q33538">
        <v>14</v>
      </c>
      <c r="R33538">
        <v>14</v>
      </c>
      <c r="S33538">
        <v>15</v>
      </c>
      <c r="T33538">
        <v>15</v>
      </c>
      <c r="U33538">
        <v>15</v>
      </c>
      <c r="V33538">
        <v>15</v>
      </c>
      <c r="W33538">
        <v>16</v>
      </c>
      <c r="X33538">
        <v>16</v>
      </c>
      <c r="Y33538">
        <v>16</v>
      </c>
      <c r="Z33538">
        <v>17</v>
      </c>
      <c r="AA33538">
        <v>17</v>
      </c>
      <c r="AB33538">
        <v>17</v>
      </c>
      <c r="AC33538">
        <v>17</v>
      </c>
      <c r="AD33538">
        <v>18</v>
      </c>
      <c r="AE33538">
        <v>18</v>
      </c>
      <c r="AF33538">
        <v>18</v>
      </c>
      <c r="AG33538">
        <v>19</v>
      </c>
      <c r="AH33538">
        <v>19</v>
      </c>
      <c r="AI33538">
        <v>19</v>
      </c>
      <c r="AJ33538">
        <v>19</v>
      </c>
      <c r="AK33538">
        <v>20</v>
      </c>
      <c r="AL33538">
        <v>20</v>
      </c>
      <c r="AM33538">
        <v>20</v>
      </c>
      <c r="AN33538">
        <v>20</v>
      </c>
      <c r="AO33538">
        <v>21</v>
      </c>
      <c r="AP33538">
        <v>21</v>
      </c>
      <c r="AQ33538">
        <v>21</v>
      </c>
    </row>
    <row r="33539" spans="1:43">
      <c r="A33539" t="s">
        <v>20775</v>
      </c>
      <c r="B33539" t="s">
        <v>20776</v>
      </c>
      <c r="C33539" t="s">
        <v>20707</v>
      </c>
      <c r="D33539" t="s">
        <v>20708</v>
      </c>
      <c r="E33539" t="s">
        <v>20641</v>
      </c>
      <c r="F33539" t="s">
        <v>20642</v>
      </c>
      <c r="G33539" t="s">
        <v>20255</v>
      </c>
      <c r="H33539" t="s">
        <v>20256</v>
      </c>
      <c r="I33539" s="2">
        <v>1</v>
      </c>
      <c r="J33539" s="2">
        <v>0</v>
      </c>
      <c r="K33539" s="2">
        <v>0</v>
      </c>
      <c r="L33539" t="s">
        <v>120</v>
      </c>
      <c r="M33539" t="s">
        <v>87</v>
      </c>
      <c r="N33539" t="s">
        <v>88</v>
      </c>
      <c r="O33539" t="s">
        <v>85</v>
      </c>
      <c r="P33539" t="s">
        <v>86</v>
      </c>
      <c r="Q33539">
        <v>14</v>
      </c>
      <c r="R33539">
        <v>14</v>
      </c>
      <c r="S33539">
        <v>14</v>
      </c>
      <c r="T33539">
        <v>14</v>
      </c>
      <c r="U33539">
        <v>15</v>
      </c>
      <c r="V33539">
        <v>15</v>
      </c>
      <c r="W33539">
        <v>15</v>
      </c>
      <c r="X33539">
        <v>15</v>
      </c>
      <c r="Y33539">
        <v>15</v>
      </c>
      <c r="Z33539">
        <v>15</v>
      </c>
      <c r="AA33539">
        <v>15</v>
      </c>
      <c r="AB33539">
        <v>16</v>
      </c>
      <c r="AC33539">
        <v>16</v>
      </c>
      <c r="AD33539">
        <v>16</v>
      </c>
      <c r="AE33539">
        <v>16</v>
      </c>
      <c r="AF33539">
        <v>16</v>
      </c>
      <c r="AG33539">
        <v>16</v>
      </c>
      <c r="AH33539">
        <v>16</v>
      </c>
      <c r="AI33539">
        <v>17</v>
      </c>
      <c r="AJ33539">
        <v>17</v>
      </c>
      <c r="AK33539">
        <v>17</v>
      </c>
      <c r="AL33539">
        <v>17</v>
      </c>
      <c r="AM33539">
        <v>17</v>
      </c>
      <c r="AN33539">
        <v>18</v>
      </c>
      <c r="AO33539">
        <v>18</v>
      </c>
      <c r="AP33539">
        <v>18</v>
      </c>
      <c r="AQ33539">
        <v>18</v>
      </c>
    </row>
    <row r="33540" spans="1:43">
      <c r="A33540" t="s">
        <v>20775</v>
      </c>
      <c r="B33540" t="s">
        <v>20776</v>
      </c>
      <c r="C33540" t="s">
        <v>20707</v>
      </c>
      <c r="D33540" t="s">
        <v>20708</v>
      </c>
      <c r="E33540" t="s">
        <v>20641</v>
      </c>
      <c r="F33540" t="s">
        <v>20642</v>
      </c>
      <c r="G33540" t="s">
        <v>20255</v>
      </c>
      <c r="H33540" t="s">
        <v>20256</v>
      </c>
      <c r="I33540" s="2">
        <v>1</v>
      </c>
      <c r="J33540" s="2">
        <v>0</v>
      </c>
      <c r="K33540" s="2">
        <v>0</v>
      </c>
      <c r="L33540" t="s">
        <v>120</v>
      </c>
      <c r="M33540" t="s">
        <v>89</v>
      </c>
      <c r="N33540" t="s">
        <v>90</v>
      </c>
      <c r="O33540" t="s">
        <v>85</v>
      </c>
      <c r="P33540" t="s">
        <v>86</v>
      </c>
      <c r="Q33540">
        <v>14</v>
      </c>
      <c r="R33540">
        <v>15</v>
      </c>
      <c r="S33540">
        <v>15</v>
      </c>
      <c r="T33540">
        <v>15</v>
      </c>
      <c r="U33540">
        <v>16</v>
      </c>
      <c r="V33540">
        <v>16</v>
      </c>
      <c r="W33540">
        <v>16</v>
      </c>
      <c r="X33540">
        <v>17</v>
      </c>
      <c r="Y33540">
        <v>17</v>
      </c>
      <c r="Z33540">
        <v>18</v>
      </c>
      <c r="AA33540">
        <v>18</v>
      </c>
      <c r="AB33540">
        <v>18</v>
      </c>
      <c r="AC33540">
        <v>19</v>
      </c>
      <c r="AD33540">
        <v>19</v>
      </c>
      <c r="AE33540">
        <v>19</v>
      </c>
      <c r="AF33540">
        <v>19</v>
      </c>
      <c r="AG33540">
        <v>19</v>
      </c>
      <c r="AH33540">
        <v>20</v>
      </c>
      <c r="AI33540">
        <v>20</v>
      </c>
      <c r="AJ33540">
        <v>20</v>
      </c>
      <c r="AK33540">
        <v>20</v>
      </c>
      <c r="AL33540">
        <v>20</v>
      </c>
      <c r="AM33540">
        <v>20</v>
      </c>
      <c r="AN33540">
        <v>21</v>
      </c>
      <c r="AO33540">
        <v>21</v>
      </c>
      <c r="AP33540">
        <v>21</v>
      </c>
      <c r="AQ33540">
        <v>21</v>
      </c>
    </row>
    <row r="33541" spans="1:43">
      <c r="A33541" t="s">
        <v>20775</v>
      </c>
      <c r="B33541" t="s">
        <v>20776</v>
      </c>
      <c r="C33541" t="s">
        <v>20707</v>
      </c>
      <c r="D33541" t="s">
        <v>20708</v>
      </c>
      <c r="E33541" t="s">
        <v>20641</v>
      </c>
      <c r="F33541" t="s">
        <v>20642</v>
      </c>
      <c r="G33541" t="s">
        <v>20255</v>
      </c>
      <c r="H33541" t="s">
        <v>20256</v>
      </c>
      <c r="I33541" s="2">
        <v>1</v>
      </c>
      <c r="J33541" s="2">
        <v>0</v>
      </c>
      <c r="K33541" s="2">
        <v>0</v>
      </c>
      <c r="L33541" t="s">
        <v>120</v>
      </c>
      <c r="M33541" t="s">
        <v>83</v>
      </c>
      <c r="N33541" t="s">
        <v>91</v>
      </c>
      <c r="O33541" t="s">
        <v>85</v>
      </c>
      <c r="P33541" t="s">
        <v>86</v>
      </c>
      <c r="Q33541">
        <v>14</v>
      </c>
      <c r="R33541">
        <v>14</v>
      </c>
      <c r="S33541">
        <v>15</v>
      </c>
      <c r="T33541">
        <v>15</v>
      </c>
      <c r="U33541">
        <v>15</v>
      </c>
      <c r="V33541">
        <v>15</v>
      </c>
      <c r="W33541">
        <v>16</v>
      </c>
      <c r="X33541">
        <v>16</v>
      </c>
      <c r="Y33541">
        <v>16</v>
      </c>
      <c r="Z33541">
        <v>17</v>
      </c>
      <c r="AA33541">
        <v>17</v>
      </c>
      <c r="AB33541">
        <v>17</v>
      </c>
      <c r="AC33541">
        <v>17</v>
      </c>
      <c r="AD33541">
        <v>18</v>
      </c>
      <c r="AE33541">
        <v>18</v>
      </c>
      <c r="AF33541">
        <v>18</v>
      </c>
      <c r="AG33541">
        <v>19</v>
      </c>
      <c r="AH33541">
        <v>19</v>
      </c>
      <c r="AI33541">
        <v>19</v>
      </c>
      <c r="AJ33541">
        <v>19</v>
      </c>
      <c r="AK33541">
        <v>20</v>
      </c>
      <c r="AL33541">
        <v>20</v>
      </c>
      <c r="AM33541">
        <v>20</v>
      </c>
      <c r="AN33541">
        <v>20</v>
      </c>
      <c r="AO33541">
        <v>21</v>
      </c>
      <c r="AP33541">
        <v>21</v>
      </c>
      <c r="AQ33541">
        <v>21</v>
      </c>
    </row>
    <row r="33542" spans="1:43">
      <c r="A33542" t="s">
        <v>20777</v>
      </c>
      <c r="B33542" t="s">
        <v>20778</v>
      </c>
      <c r="C33542" t="s">
        <v>20681</v>
      </c>
      <c r="D33542" t="s">
        <v>20682</v>
      </c>
      <c r="E33542" t="s">
        <v>20641</v>
      </c>
      <c r="F33542" t="s">
        <v>20642</v>
      </c>
      <c r="G33542" t="s">
        <v>20255</v>
      </c>
      <c r="H33542" t="s">
        <v>20256</v>
      </c>
      <c r="I33542" s="2">
        <v>1</v>
      </c>
      <c r="J33542" s="2">
        <v>0</v>
      </c>
      <c r="K33542" s="2">
        <v>0</v>
      </c>
      <c r="L33542" t="s">
        <v>120</v>
      </c>
      <c r="M33542" t="s">
        <v>83</v>
      </c>
      <c r="N33542" t="s">
        <v>84</v>
      </c>
      <c r="O33542" t="s">
        <v>85</v>
      </c>
      <c r="P33542" t="s">
        <v>86</v>
      </c>
      <c r="Q33542">
        <v>14</v>
      </c>
      <c r="R33542">
        <v>14</v>
      </c>
      <c r="S33542">
        <v>14</v>
      </c>
      <c r="T33542">
        <v>15</v>
      </c>
      <c r="U33542">
        <v>15</v>
      </c>
      <c r="V33542">
        <v>15</v>
      </c>
      <c r="W33542">
        <v>15</v>
      </c>
      <c r="X33542">
        <v>16</v>
      </c>
      <c r="Y33542">
        <v>16</v>
      </c>
      <c r="Z33542">
        <v>16</v>
      </c>
      <c r="AA33542">
        <v>16</v>
      </c>
      <c r="AB33542">
        <v>17</v>
      </c>
      <c r="AC33542">
        <v>17</v>
      </c>
      <c r="AD33542">
        <v>17</v>
      </c>
      <c r="AE33542">
        <v>17</v>
      </c>
      <c r="AF33542">
        <v>18</v>
      </c>
      <c r="AG33542">
        <v>18</v>
      </c>
      <c r="AH33542">
        <v>18</v>
      </c>
      <c r="AI33542">
        <v>19</v>
      </c>
      <c r="AJ33542">
        <v>19</v>
      </c>
      <c r="AK33542">
        <v>19</v>
      </c>
      <c r="AL33542">
        <v>20</v>
      </c>
      <c r="AM33542">
        <v>20</v>
      </c>
      <c r="AN33542">
        <v>20</v>
      </c>
      <c r="AO33542">
        <v>20</v>
      </c>
      <c r="AP33542">
        <v>20</v>
      </c>
      <c r="AQ33542">
        <v>20</v>
      </c>
    </row>
    <row r="33543" spans="1:43">
      <c r="A33543" t="s">
        <v>20777</v>
      </c>
      <c r="B33543" t="s">
        <v>20778</v>
      </c>
      <c r="C33543" t="s">
        <v>20681</v>
      </c>
      <c r="D33543" t="s">
        <v>20682</v>
      </c>
      <c r="E33543" t="s">
        <v>20641</v>
      </c>
      <c r="F33543" t="s">
        <v>20642</v>
      </c>
      <c r="G33543" t="s">
        <v>20255</v>
      </c>
      <c r="H33543" t="s">
        <v>20256</v>
      </c>
      <c r="I33543" s="2">
        <v>1</v>
      </c>
      <c r="J33543" s="2">
        <v>0</v>
      </c>
      <c r="K33543" s="2">
        <v>0</v>
      </c>
      <c r="L33543" t="s">
        <v>120</v>
      </c>
      <c r="M33543" t="s">
        <v>87</v>
      </c>
      <c r="N33543" t="s">
        <v>88</v>
      </c>
      <c r="O33543" t="s">
        <v>85</v>
      </c>
      <c r="P33543" t="s">
        <v>86</v>
      </c>
      <c r="Q33543">
        <v>14</v>
      </c>
      <c r="R33543">
        <v>14</v>
      </c>
      <c r="S33543">
        <v>14</v>
      </c>
      <c r="T33543">
        <v>14</v>
      </c>
      <c r="U33543">
        <v>14</v>
      </c>
      <c r="V33543">
        <v>14</v>
      </c>
      <c r="W33543">
        <v>14</v>
      </c>
      <c r="X33543">
        <v>15</v>
      </c>
      <c r="Y33543">
        <v>15</v>
      </c>
      <c r="Z33543">
        <v>15</v>
      </c>
      <c r="AA33543">
        <v>15</v>
      </c>
      <c r="AB33543">
        <v>15</v>
      </c>
      <c r="AC33543">
        <v>15</v>
      </c>
      <c r="AD33543">
        <v>15</v>
      </c>
      <c r="AE33543">
        <v>16</v>
      </c>
      <c r="AF33543">
        <v>16</v>
      </c>
      <c r="AG33543">
        <v>16</v>
      </c>
      <c r="AH33543">
        <v>16</v>
      </c>
      <c r="AI33543">
        <v>16</v>
      </c>
      <c r="AJ33543">
        <v>16</v>
      </c>
      <c r="AK33543">
        <v>17</v>
      </c>
      <c r="AL33543">
        <v>17</v>
      </c>
      <c r="AM33543">
        <v>17</v>
      </c>
      <c r="AN33543">
        <v>17</v>
      </c>
      <c r="AO33543">
        <v>17</v>
      </c>
      <c r="AP33543">
        <v>18</v>
      </c>
      <c r="AQ33543">
        <v>18</v>
      </c>
    </row>
    <row r="33544" spans="1:43">
      <c r="A33544" t="s">
        <v>20777</v>
      </c>
      <c r="B33544" t="s">
        <v>20778</v>
      </c>
      <c r="C33544" t="s">
        <v>20681</v>
      </c>
      <c r="D33544" t="s">
        <v>20682</v>
      </c>
      <c r="E33544" t="s">
        <v>20641</v>
      </c>
      <c r="F33544" t="s">
        <v>20642</v>
      </c>
      <c r="G33544" t="s">
        <v>20255</v>
      </c>
      <c r="H33544" t="s">
        <v>20256</v>
      </c>
      <c r="I33544" s="2">
        <v>1</v>
      </c>
      <c r="J33544" s="2">
        <v>0</v>
      </c>
      <c r="K33544" s="2">
        <v>0</v>
      </c>
      <c r="L33544" t="s">
        <v>120</v>
      </c>
      <c r="M33544" t="s">
        <v>89</v>
      </c>
      <c r="N33544" t="s">
        <v>90</v>
      </c>
      <c r="O33544" t="s">
        <v>85</v>
      </c>
      <c r="P33544" t="s">
        <v>86</v>
      </c>
      <c r="Q33544">
        <v>14</v>
      </c>
      <c r="R33544">
        <v>14</v>
      </c>
      <c r="S33544">
        <v>15</v>
      </c>
      <c r="T33544">
        <v>15</v>
      </c>
      <c r="U33544">
        <v>15</v>
      </c>
      <c r="V33544">
        <v>16</v>
      </c>
      <c r="W33544">
        <v>16</v>
      </c>
      <c r="X33544">
        <v>16</v>
      </c>
      <c r="Y33544">
        <v>17</v>
      </c>
      <c r="Z33544">
        <v>17</v>
      </c>
      <c r="AA33544">
        <v>17</v>
      </c>
      <c r="AB33544">
        <v>18</v>
      </c>
      <c r="AC33544">
        <v>18</v>
      </c>
      <c r="AD33544">
        <v>18</v>
      </c>
      <c r="AE33544">
        <v>19</v>
      </c>
      <c r="AF33544">
        <v>19</v>
      </c>
      <c r="AG33544">
        <v>19</v>
      </c>
      <c r="AH33544">
        <v>19</v>
      </c>
      <c r="AI33544">
        <v>19</v>
      </c>
      <c r="AJ33544">
        <v>19</v>
      </c>
      <c r="AK33544">
        <v>20</v>
      </c>
      <c r="AL33544">
        <v>20</v>
      </c>
      <c r="AM33544">
        <v>20</v>
      </c>
      <c r="AN33544">
        <v>20</v>
      </c>
      <c r="AO33544">
        <v>20</v>
      </c>
      <c r="AP33544">
        <v>20</v>
      </c>
      <c r="AQ33544">
        <v>21</v>
      </c>
    </row>
    <row r="33545" spans="1:43">
      <c r="A33545" t="s">
        <v>20777</v>
      </c>
      <c r="B33545" t="s">
        <v>20778</v>
      </c>
      <c r="C33545" t="s">
        <v>20681</v>
      </c>
      <c r="D33545" t="s">
        <v>20682</v>
      </c>
      <c r="E33545" t="s">
        <v>20641</v>
      </c>
      <c r="F33545" t="s">
        <v>20642</v>
      </c>
      <c r="G33545" t="s">
        <v>20255</v>
      </c>
      <c r="H33545" t="s">
        <v>20256</v>
      </c>
      <c r="I33545" s="2">
        <v>1</v>
      </c>
      <c r="J33545" s="2">
        <v>0</v>
      </c>
      <c r="K33545" s="2">
        <v>0</v>
      </c>
      <c r="L33545" t="s">
        <v>120</v>
      </c>
      <c r="M33545" t="s">
        <v>83</v>
      </c>
      <c r="N33545" t="s">
        <v>91</v>
      </c>
      <c r="O33545" t="s">
        <v>85</v>
      </c>
      <c r="P33545" t="s">
        <v>86</v>
      </c>
      <c r="Q33545">
        <v>14</v>
      </c>
      <c r="R33545">
        <v>14</v>
      </c>
      <c r="S33545">
        <v>14</v>
      </c>
      <c r="T33545">
        <v>15</v>
      </c>
      <c r="U33545">
        <v>15</v>
      </c>
      <c r="V33545">
        <v>15</v>
      </c>
      <c r="W33545">
        <v>15</v>
      </c>
      <c r="X33545">
        <v>16</v>
      </c>
      <c r="Y33545">
        <v>16</v>
      </c>
      <c r="Z33545">
        <v>16</v>
      </c>
      <c r="AA33545">
        <v>16</v>
      </c>
      <c r="AB33545">
        <v>17</v>
      </c>
      <c r="AC33545">
        <v>17</v>
      </c>
      <c r="AD33545">
        <v>17</v>
      </c>
      <c r="AE33545">
        <v>17</v>
      </c>
      <c r="AF33545">
        <v>18</v>
      </c>
      <c r="AG33545">
        <v>18</v>
      </c>
      <c r="AH33545">
        <v>18</v>
      </c>
      <c r="AI33545">
        <v>19</v>
      </c>
      <c r="AJ33545">
        <v>19</v>
      </c>
      <c r="AK33545">
        <v>19</v>
      </c>
      <c r="AL33545">
        <v>20</v>
      </c>
      <c r="AM33545">
        <v>20</v>
      </c>
      <c r="AN33545">
        <v>20</v>
      </c>
      <c r="AO33545">
        <v>20</v>
      </c>
      <c r="AP33545">
        <v>20</v>
      </c>
      <c r="AQ33545">
        <v>20</v>
      </c>
    </row>
    <row r="33546" spans="1:43">
      <c r="A33546" t="s">
        <v>20779</v>
      </c>
      <c r="B33546" t="s">
        <v>20780</v>
      </c>
      <c r="C33546" t="s">
        <v>20681</v>
      </c>
      <c r="D33546" t="s">
        <v>20682</v>
      </c>
      <c r="E33546" t="s">
        <v>20641</v>
      </c>
      <c r="F33546" t="s">
        <v>20642</v>
      </c>
      <c r="G33546" t="s">
        <v>20255</v>
      </c>
      <c r="H33546" t="s">
        <v>20256</v>
      </c>
      <c r="I33546" s="2">
        <v>1</v>
      </c>
      <c r="J33546" s="2">
        <v>0</v>
      </c>
      <c r="K33546" s="2">
        <v>0</v>
      </c>
      <c r="L33546" t="s">
        <v>120</v>
      </c>
      <c r="M33546" t="s">
        <v>83</v>
      </c>
      <c r="N33546" t="s">
        <v>84</v>
      </c>
      <c r="O33546" t="s">
        <v>85</v>
      </c>
      <c r="P33546" t="s">
        <v>86</v>
      </c>
      <c r="Q33546">
        <v>28</v>
      </c>
      <c r="R33546">
        <v>28</v>
      </c>
      <c r="S33546">
        <v>29</v>
      </c>
      <c r="T33546">
        <v>29</v>
      </c>
      <c r="U33546">
        <v>30</v>
      </c>
      <c r="V33546">
        <v>30</v>
      </c>
      <c r="W33546">
        <v>31</v>
      </c>
      <c r="X33546">
        <v>31</v>
      </c>
      <c r="Y33546">
        <v>32</v>
      </c>
      <c r="Z33546">
        <v>32</v>
      </c>
      <c r="AA33546">
        <v>33</v>
      </c>
      <c r="AB33546">
        <v>33</v>
      </c>
      <c r="AC33546">
        <v>34</v>
      </c>
      <c r="AD33546">
        <v>35</v>
      </c>
      <c r="AE33546">
        <v>35</v>
      </c>
      <c r="AF33546">
        <v>36</v>
      </c>
      <c r="AG33546">
        <v>36</v>
      </c>
      <c r="AH33546">
        <v>37</v>
      </c>
      <c r="AI33546">
        <v>38</v>
      </c>
      <c r="AJ33546">
        <v>38</v>
      </c>
      <c r="AK33546">
        <v>39</v>
      </c>
      <c r="AL33546">
        <v>39</v>
      </c>
      <c r="AM33546">
        <v>40</v>
      </c>
      <c r="AN33546">
        <v>40</v>
      </c>
      <c r="AO33546">
        <v>40</v>
      </c>
      <c r="AP33546">
        <v>41</v>
      </c>
      <c r="AQ33546">
        <v>41</v>
      </c>
    </row>
    <row r="33547" spans="1:43">
      <c r="A33547" t="s">
        <v>20779</v>
      </c>
      <c r="B33547" t="s">
        <v>20780</v>
      </c>
      <c r="C33547" t="s">
        <v>20681</v>
      </c>
      <c r="D33547" t="s">
        <v>20682</v>
      </c>
      <c r="E33547" t="s">
        <v>20641</v>
      </c>
      <c r="F33547" t="s">
        <v>20642</v>
      </c>
      <c r="G33547" t="s">
        <v>20255</v>
      </c>
      <c r="H33547" t="s">
        <v>20256</v>
      </c>
      <c r="I33547" s="2">
        <v>1</v>
      </c>
      <c r="J33547" s="2">
        <v>0</v>
      </c>
      <c r="K33547" s="2">
        <v>0</v>
      </c>
      <c r="L33547" t="s">
        <v>120</v>
      </c>
      <c r="M33547" t="s">
        <v>87</v>
      </c>
      <c r="N33547" t="s">
        <v>88</v>
      </c>
      <c r="O33547" t="s">
        <v>85</v>
      </c>
      <c r="P33547" t="s">
        <v>86</v>
      </c>
      <c r="Q33547">
        <v>28</v>
      </c>
      <c r="R33547">
        <v>29</v>
      </c>
      <c r="S33547">
        <v>29</v>
      </c>
      <c r="T33547">
        <v>29</v>
      </c>
      <c r="U33547">
        <v>29</v>
      </c>
      <c r="V33547">
        <v>30</v>
      </c>
      <c r="W33547">
        <v>30</v>
      </c>
      <c r="X33547">
        <v>30</v>
      </c>
      <c r="Y33547">
        <v>31</v>
      </c>
      <c r="Z33547">
        <v>31</v>
      </c>
      <c r="AA33547">
        <v>31</v>
      </c>
      <c r="AB33547">
        <v>31</v>
      </c>
      <c r="AC33547">
        <v>32</v>
      </c>
      <c r="AD33547">
        <v>32</v>
      </c>
      <c r="AE33547">
        <v>32</v>
      </c>
      <c r="AF33547">
        <v>33</v>
      </c>
      <c r="AG33547">
        <v>33</v>
      </c>
      <c r="AH33547">
        <v>33</v>
      </c>
      <c r="AI33547">
        <v>34</v>
      </c>
      <c r="AJ33547">
        <v>34</v>
      </c>
      <c r="AK33547">
        <v>34</v>
      </c>
      <c r="AL33547">
        <v>35</v>
      </c>
      <c r="AM33547">
        <v>35</v>
      </c>
      <c r="AN33547">
        <v>35</v>
      </c>
      <c r="AO33547">
        <v>36</v>
      </c>
      <c r="AP33547">
        <v>36</v>
      </c>
      <c r="AQ33547">
        <v>37</v>
      </c>
    </row>
    <row r="33548" spans="1:43">
      <c r="A33548" t="s">
        <v>20779</v>
      </c>
      <c r="B33548" t="s">
        <v>20780</v>
      </c>
      <c r="C33548" t="s">
        <v>20681</v>
      </c>
      <c r="D33548" t="s">
        <v>20682</v>
      </c>
      <c r="E33548" t="s">
        <v>20641</v>
      </c>
      <c r="F33548" t="s">
        <v>20642</v>
      </c>
      <c r="G33548" t="s">
        <v>20255</v>
      </c>
      <c r="H33548" t="s">
        <v>20256</v>
      </c>
      <c r="I33548" s="2">
        <v>1</v>
      </c>
      <c r="J33548" s="2">
        <v>0</v>
      </c>
      <c r="K33548" s="2">
        <v>0</v>
      </c>
      <c r="L33548" t="s">
        <v>120</v>
      </c>
      <c r="M33548" t="s">
        <v>89</v>
      </c>
      <c r="N33548" t="s">
        <v>90</v>
      </c>
      <c r="O33548" t="s">
        <v>85</v>
      </c>
      <c r="P33548" t="s">
        <v>86</v>
      </c>
      <c r="Q33548">
        <v>28</v>
      </c>
      <c r="R33548">
        <v>29</v>
      </c>
      <c r="S33548">
        <v>29</v>
      </c>
      <c r="T33548">
        <v>30</v>
      </c>
      <c r="U33548">
        <v>31</v>
      </c>
      <c r="V33548">
        <v>32</v>
      </c>
      <c r="W33548">
        <v>32</v>
      </c>
      <c r="X33548">
        <v>33</v>
      </c>
      <c r="Y33548">
        <v>34</v>
      </c>
      <c r="Z33548">
        <v>34</v>
      </c>
      <c r="AA33548">
        <v>35</v>
      </c>
      <c r="AB33548">
        <v>36</v>
      </c>
      <c r="AC33548">
        <v>36</v>
      </c>
      <c r="AD33548">
        <v>37</v>
      </c>
      <c r="AE33548">
        <v>38</v>
      </c>
      <c r="AF33548">
        <v>38</v>
      </c>
      <c r="AG33548">
        <v>38</v>
      </c>
      <c r="AH33548">
        <v>39</v>
      </c>
      <c r="AI33548">
        <v>39</v>
      </c>
      <c r="AJ33548">
        <v>39</v>
      </c>
      <c r="AK33548">
        <v>40</v>
      </c>
      <c r="AL33548">
        <v>40</v>
      </c>
      <c r="AM33548">
        <v>40</v>
      </c>
      <c r="AN33548">
        <v>41</v>
      </c>
      <c r="AO33548">
        <v>41</v>
      </c>
      <c r="AP33548">
        <v>41</v>
      </c>
      <c r="AQ33548">
        <v>42</v>
      </c>
    </row>
    <row r="33549" spans="1:43">
      <c r="A33549" t="s">
        <v>20779</v>
      </c>
      <c r="B33549" t="s">
        <v>20780</v>
      </c>
      <c r="C33549" t="s">
        <v>20681</v>
      </c>
      <c r="D33549" t="s">
        <v>20682</v>
      </c>
      <c r="E33549" t="s">
        <v>20641</v>
      </c>
      <c r="F33549" t="s">
        <v>20642</v>
      </c>
      <c r="G33549" t="s">
        <v>20255</v>
      </c>
      <c r="H33549" t="s">
        <v>20256</v>
      </c>
      <c r="I33549" s="2">
        <v>1</v>
      </c>
      <c r="J33549" s="2">
        <v>0</v>
      </c>
      <c r="K33549" s="2">
        <v>0</v>
      </c>
      <c r="L33549" t="s">
        <v>120</v>
      </c>
      <c r="M33549" t="s">
        <v>83</v>
      </c>
      <c r="N33549" t="s">
        <v>91</v>
      </c>
      <c r="O33549" t="s">
        <v>85</v>
      </c>
      <c r="P33549" t="s">
        <v>86</v>
      </c>
      <c r="Q33549">
        <v>28</v>
      </c>
      <c r="R33549">
        <v>28</v>
      </c>
      <c r="S33549">
        <v>29</v>
      </c>
      <c r="T33549">
        <v>29</v>
      </c>
      <c r="U33549">
        <v>30</v>
      </c>
      <c r="V33549">
        <v>30</v>
      </c>
      <c r="W33549">
        <v>31</v>
      </c>
      <c r="X33549">
        <v>31</v>
      </c>
      <c r="Y33549">
        <v>32</v>
      </c>
      <c r="Z33549">
        <v>32</v>
      </c>
      <c r="AA33549">
        <v>33</v>
      </c>
      <c r="AB33549">
        <v>33</v>
      </c>
      <c r="AC33549">
        <v>34</v>
      </c>
      <c r="AD33549">
        <v>35</v>
      </c>
      <c r="AE33549">
        <v>35</v>
      </c>
      <c r="AF33549">
        <v>36</v>
      </c>
      <c r="AG33549">
        <v>36</v>
      </c>
      <c r="AH33549">
        <v>37</v>
      </c>
      <c r="AI33549">
        <v>38</v>
      </c>
      <c r="AJ33549">
        <v>38</v>
      </c>
      <c r="AK33549">
        <v>39</v>
      </c>
      <c r="AL33549">
        <v>39</v>
      </c>
      <c r="AM33549">
        <v>40</v>
      </c>
      <c r="AN33549">
        <v>40</v>
      </c>
      <c r="AO33549">
        <v>40</v>
      </c>
      <c r="AP33549">
        <v>41</v>
      </c>
      <c r="AQ33549">
        <v>41</v>
      </c>
    </row>
    <row r="33550" spans="1:43">
      <c r="A33550" t="s">
        <v>20781</v>
      </c>
      <c r="B33550" t="s">
        <v>20782</v>
      </c>
      <c r="C33550" t="s">
        <v>20681</v>
      </c>
      <c r="D33550" t="s">
        <v>20682</v>
      </c>
      <c r="E33550" t="s">
        <v>20641</v>
      </c>
      <c r="F33550" t="s">
        <v>20642</v>
      </c>
      <c r="G33550" t="s">
        <v>20255</v>
      </c>
      <c r="H33550" t="s">
        <v>20256</v>
      </c>
      <c r="I33550" s="2">
        <v>1</v>
      </c>
      <c r="J33550" s="2">
        <v>0</v>
      </c>
      <c r="K33550" s="2">
        <v>0</v>
      </c>
      <c r="L33550" t="s">
        <v>120</v>
      </c>
      <c r="M33550" t="s">
        <v>83</v>
      </c>
      <c r="N33550" t="s">
        <v>84</v>
      </c>
      <c r="O33550" t="s">
        <v>85</v>
      </c>
      <c r="P33550" t="s">
        <v>86</v>
      </c>
      <c r="Q33550">
        <v>3</v>
      </c>
      <c r="R33550">
        <v>3</v>
      </c>
      <c r="S33550">
        <v>3</v>
      </c>
      <c r="T33550">
        <v>3</v>
      </c>
      <c r="U33550">
        <v>3</v>
      </c>
      <c r="V33550">
        <v>3</v>
      </c>
      <c r="W33550">
        <v>3</v>
      </c>
      <c r="X33550">
        <v>3</v>
      </c>
      <c r="Y33550">
        <v>3</v>
      </c>
      <c r="Z33550">
        <v>3</v>
      </c>
      <c r="AA33550">
        <v>3</v>
      </c>
      <c r="AB33550">
        <v>3</v>
      </c>
      <c r="AC33550">
        <v>3</v>
      </c>
      <c r="AD33550">
        <v>3</v>
      </c>
      <c r="AE33550">
        <v>3</v>
      </c>
      <c r="AF33550">
        <v>3</v>
      </c>
      <c r="AG33550">
        <v>3</v>
      </c>
      <c r="AH33550">
        <v>4</v>
      </c>
      <c r="AI33550">
        <v>4</v>
      </c>
      <c r="AJ33550">
        <v>4</v>
      </c>
      <c r="AK33550">
        <v>4</v>
      </c>
      <c r="AL33550">
        <v>4</v>
      </c>
      <c r="AM33550">
        <v>4</v>
      </c>
      <c r="AN33550">
        <v>4</v>
      </c>
      <c r="AO33550">
        <v>4</v>
      </c>
      <c r="AP33550">
        <v>4</v>
      </c>
      <c r="AQ33550">
        <v>4</v>
      </c>
    </row>
    <row r="33551" spans="1:43">
      <c r="A33551" t="s">
        <v>20781</v>
      </c>
      <c r="B33551" t="s">
        <v>20782</v>
      </c>
      <c r="C33551" t="s">
        <v>20681</v>
      </c>
      <c r="D33551" t="s">
        <v>20682</v>
      </c>
      <c r="E33551" t="s">
        <v>20641</v>
      </c>
      <c r="F33551" t="s">
        <v>20642</v>
      </c>
      <c r="G33551" t="s">
        <v>20255</v>
      </c>
      <c r="H33551" t="s">
        <v>20256</v>
      </c>
      <c r="I33551" s="2">
        <v>1</v>
      </c>
      <c r="J33551" s="2">
        <v>0</v>
      </c>
      <c r="K33551" s="2">
        <v>0</v>
      </c>
      <c r="L33551" t="s">
        <v>120</v>
      </c>
      <c r="M33551" t="s">
        <v>87</v>
      </c>
      <c r="N33551" t="s">
        <v>88</v>
      </c>
      <c r="O33551" t="s">
        <v>85</v>
      </c>
      <c r="P33551" t="s">
        <v>86</v>
      </c>
      <c r="Q33551">
        <v>3</v>
      </c>
      <c r="R33551">
        <v>3</v>
      </c>
      <c r="S33551">
        <v>3</v>
      </c>
      <c r="T33551">
        <v>3</v>
      </c>
      <c r="U33551">
        <v>3</v>
      </c>
      <c r="V33551">
        <v>3</v>
      </c>
      <c r="W33551">
        <v>3</v>
      </c>
      <c r="X33551">
        <v>3</v>
      </c>
      <c r="Y33551">
        <v>3</v>
      </c>
      <c r="Z33551">
        <v>3</v>
      </c>
      <c r="AA33551">
        <v>3</v>
      </c>
      <c r="AB33551">
        <v>3</v>
      </c>
      <c r="AC33551">
        <v>3</v>
      </c>
      <c r="AD33551">
        <v>3</v>
      </c>
      <c r="AE33551">
        <v>3</v>
      </c>
      <c r="AF33551">
        <v>3</v>
      </c>
      <c r="AG33551">
        <v>3</v>
      </c>
      <c r="AH33551">
        <v>3</v>
      </c>
      <c r="AI33551">
        <v>3</v>
      </c>
      <c r="AJ33551">
        <v>3</v>
      </c>
      <c r="AK33551">
        <v>3</v>
      </c>
      <c r="AL33551">
        <v>3</v>
      </c>
      <c r="AM33551">
        <v>3</v>
      </c>
      <c r="AN33551">
        <v>3</v>
      </c>
      <c r="AO33551">
        <v>3</v>
      </c>
      <c r="AP33551">
        <v>3</v>
      </c>
      <c r="AQ33551">
        <v>3</v>
      </c>
    </row>
    <row r="33552" spans="1:43">
      <c r="A33552" t="s">
        <v>20781</v>
      </c>
      <c r="B33552" t="s">
        <v>20782</v>
      </c>
      <c r="C33552" t="s">
        <v>20681</v>
      </c>
      <c r="D33552" t="s">
        <v>20682</v>
      </c>
      <c r="E33552" t="s">
        <v>20641</v>
      </c>
      <c r="F33552" t="s">
        <v>20642</v>
      </c>
      <c r="G33552" t="s">
        <v>20255</v>
      </c>
      <c r="H33552" t="s">
        <v>20256</v>
      </c>
      <c r="I33552" s="2">
        <v>1</v>
      </c>
      <c r="J33552" s="2">
        <v>0</v>
      </c>
      <c r="K33552" s="2">
        <v>0</v>
      </c>
      <c r="L33552" t="s">
        <v>120</v>
      </c>
      <c r="M33552" t="s">
        <v>89</v>
      </c>
      <c r="N33552" t="s">
        <v>90</v>
      </c>
      <c r="O33552" t="s">
        <v>85</v>
      </c>
      <c r="P33552" t="s">
        <v>86</v>
      </c>
      <c r="Q33552">
        <v>3</v>
      </c>
      <c r="R33552">
        <v>3</v>
      </c>
      <c r="S33552">
        <v>3</v>
      </c>
      <c r="T33552">
        <v>3</v>
      </c>
      <c r="U33552">
        <v>3</v>
      </c>
      <c r="V33552">
        <v>3</v>
      </c>
      <c r="W33552">
        <v>3</v>
      </c>
      <c r="X33552">
        <v>3</v>
      </c>
      <c r="Y33552">
        <v>3</v>
      </c>
      <c r="Z33552">
        <v>3</v>
      </c>
      <c r="AA33552">
        <v>3</v>
      </c>
      <c r="AB33552">
        <v>3</v>
      </c>
      <c r="AC33552">
        <v>3</v>
      </c>
      <c r="AD33552">
        <v>4</v>
      </c>
      <c r="AE33552">
        <v>4</v>
      </c>
      <c r="AF33552">
        <v>4</v>
      </c>
      <c r="AG33552">
        <v>4</v>
      </c>
      <c r="AH33552">
        <v>4</v>
      </c>
      <c r="AI33552">
        <v>4</v>
      </c>
      <c r="AJ33552">
        <v>4</v>
      </c>
      <c r="AK33552">
        <v>4</v>
      </c>
      <c r="AL33552">
        <v>4</v>
      </c>
      <c r="AM33552">
        <v>4</v>
      </c>
      <c r="AN33552">
        <v>4</v>
      </c>
      <c r="AO33552">
        <v>4</v>
      </c>
      <c r="AP33552">
        <v>4</v>
      </c>
      <c r="AQ33552">
        <v>4</v>
      </c>
    </row>
    <row r="33553" spans="1:43">
      <c r="A33553" t="s">
        <v>20781</v>
      </c>
      <c r="B33553" t="s">
        <v>20782</v>
      </c>
      <c r="C33553" t="s">
        <v>20681</v>
      </c>
      <c r="D33553" t="s">
        <v>20682</v>
      </c>
      <c r="E33553" t="s">
        <v>20641</v>
      </c>
      <c r="F33553" t="s">
        <v>20642</v>
      </c>
      <c r="G33553" t="s">
        <v>20255</v>
      </c>
      <c r="H33553" t="s">
        <v>20256</v>
      </c>
      <c r="I33553" s="2">
        <v>1</v>
      </c>
      <c r="J33553" s="2">
        <v>0</v>
      </c>
      <c r="K33553" s="2">
        <v>0</v>
      </c>
      <c r="L33553" t="s">
        <v>120</v>
      </c>
      <c r="M33553" t="s">
        <v>83</v>
      </c>
      <c r="N33553" t="s">
        <v>91</v>
      </c>
      <c r="O33553" t="s">
        <v>85</v>
      </c>
      <c r="P33553" t="s">
        <v>86</v>
      </c>
      <c r="Q33553">
        <v>3</v>
      </c>
      <c r="R33553">
        <v>3</v>
      </c>
      <c r="S33553">
        <v>3</v>
      </c>
      <c r="T33553">
        <v>3</v>
      </c>
      <c r="U33553">
        <v>3</v>
      </c>
      <c r="V33553">
        <v>3</v>
      </c>
      <c r="W33553">
        <v>3</v>
      </c>
      <c r="X33553">
        <v>3</v>
      </c>
      <c r="Y33553">
        <v>3</v>
      </c>
      <c r="Z33553">
        <v>3</v>
      </c>
      <c r="AA33553">
        <v>3</v>
      </c>
      <c r="AB33553">
        <v>3</v>
      </c>
      <c r="AC33553">
        <v>3</v>
      </c>
      <c r="AD33553">
        <v>3</v>
      </c>
      <c r="AE33553">
        <v>3</v>
      </c>
      <c r="AF33553">
        <v>3</v>
      </c>
      <c r="AG33553">
        <v>3</v>
      </c>
      <c r="AH33553">
        <v>4</v>
      </c>
      <c r="AI33553">
        <v>4</v>
      </c>
      <c r="AJ33553">
        <v>4</v>
      </c>
      <c r="AK33553">
        <v>4</v>
      </c>
      <c r="AL33553">
        <v>4</v>
      </c>
      <c r="AM33553">
        <v>4</v>
      </c>
      <c r="AN33553">
        <v>4</v>
      </c>
      <c r="AO33553">
        <v>4</v>
      </c>
      <c r="AP33553">
        <v>4</v>
      </c>
      <c r="AQ33553">
        <v>4</v>
      </c>
    </row>
    <row r="33554" spans="1:43">
      <c r="A33554" t="s">
        <v>20783</v>
      </c>
      <c r="B33554" t="s">
        <v>20784</v>
      </c>
      <c r="C33554" t="s">
        <v>20785</v>
      </c>
      <c r="D33554" t="s">
        <v>20786</v>
      </c>
      <c r="E33554" t="s">
        <v>20787</v>
      </c>
      <c r="F33554" t="s">
        <v>20788</v>
      </c>
      <c r="G33554" t="s">
        <v>20255</v>
      </c>
      <c r="H33554" t="s">
        <v>20256</v>
      </c>
      <c r="I33554" s="2">
        <v>1</v>
      </c>
      <c r="J33554" s="2">
        <v>0</v>
      </c>
      <c r="K33554" s="2">
        <v>0</v>
      </c>
      <c r="L33554" t="s">
        <v>120</v>
      </c>
      <c r="M33554" t="s">
        <v>83</v>
      </c>
      <c r="N33554" t="s">
        <v>84</v>
      </c>
      <c r="O33554" t="s">
        <v>85</v>
      </c>
      <c r="P33554" t="s">
        <v>86</v>
      </c>
      <c r="Q33554">
        <v>20</v>
      </c>
      <c r="R33554">
        <v>21</v>
      </c>
      <c r="S33554">
        <v>21</v>
      </c>
      <c r="T33554">
        <v>22</v>
      </c>
      <c r="U33554">
        <v>22</v>
      </c>
      <c r="V33554">
        <v>23</v>
      </c>
      <c r="W33554">
        <v>23</v>
      </c>
      <c r="X33554">
        <v>23</v>
      </c>
      <c r="Y33554">
        <v>24</v>
      </c>
      <c r="Z33554">
        <v>24</v>
      </c>
      <c r="AA33554">
        <v>25</v>
      </c>
      <c r="AB33554">
        <v>25</v>
      </c>
      <c r="AC33554">
        <v>26</v>
      </c>
      <c r="AD33554">
        <v>26</v>
      </c>
      <c r="AE33554">
        <v>27</v>
      </c>
      <c r="AF33554">
        <v>27</v>
      </c>
      <c r="AG33554">
        <v>28</v>
      </c>
      <c r="AH33554">
        <v>28</v>
      </c>
      <c r="AI33554">
        <v>29</v>
      </c>
      <c r="AJ33554">
        <v>29</v>
      </c>
      <c r="AK33554">
        <v>30</v>
      </c>
      <c r="AL33554">
        <v>30</v>
      </c>
      <c r="AM33554">
        <v>30</v>
      </c>
      <c r="AN33554">
        <v>31</v>
      </c>
      <c r="AO33554">
        <v>31</v>
      </c>
      <c r="AP33554">
        <v>31</v>
      </c>
      <c r="AQ33554">
        <v>32</v>
      </c>
    </row>
    <row r="33555" spans="1:43">
      <c r="A33555" t="s">
        <v>20783</v>
      </c>
      <c r="B33555" t="s">
        <v>20784</v>
      </c>
      <c r="C33555" t="s">
        <v>20785</v>
      </c>
      <c r="D33555" t="s">
        <v>20786</v>
      </c>
      <c r="E33555" t="s">
        <v>20787</v>
      </c>
      <c r="F33555" t="s">
        <v>20788</v>
      </c>
      <c r="G33555" t="s">
        <v>20255</v>
      </c>
      <c r="H33555" t="s">
        <v>20256</v>
      </c>
      <c r="I33555" s="2">
        <v>1</v>
      </c>
      <c r="J33555" s="2">
        <v>0</v>
      </c>
      <c r="K33555" s="2">
        <v>0</v>
      </c>
      <c r="L33555" t="s">
        <v>120</v>
      </c>
      <c r="M33555" t="s">
        <v>87</v>
      </c>
      <c r="N33555" t="s">
        <v>88</v>
      </c>
      <c r="O33555" t="s">
        <v>85</v>
      </c>
      <c r="P33555" t="s">
        <v>86</v>
      </c>
      <c r="Q33555">
        <v>20</v>
      </c>
      <c r="R33555">
        <v>20</v>
      </c>
      <c r="S33555">
        <v>21</v>
      </c>
      <c r="T33555">
        <v>21</v>
      </c>
      <c r="U33555">
        <v>21</v>
      </c>
      <c r="V33555">
        <v>21</v>
      </c>
      <c r="W33555">
        <v>22</v>
      </c>
      <c r="X33555">
        <v>22</v>
      </c>
      <c r="Y33555">
        <v>22</v>
      </c>
      <c r="Z33555">
        <v>22</v>
      </c>
      <c r="AA33555">
        <v>23</v>
      </c>
      <c r="AB33555">
        <v>23</v>
      </c>
      <c r="AC33555">
        <v>23</v>
      </c>
      <c r="AD33555">
        <v>23</v>
      </c>
      <c r="AE33555">
        <v>24</v>
      </c>
      <c r="AF33555">
        <v>24</v>
      </c>
      <c r="AG33555">
        <v>24</v>
      </c>
      <c r="AH33555">
        <v>25</v>
      </c>
      <c r="AI33555">
        <v>25</v>
      </c>
      <c r="AJ33555">
        <v>25</v>
      </c>
      <c r="AK33555">
        <v>26</v>
      </c>
      <c r="AL33555">
        <v>26</v>
      </c>
      <c r="AM33555">
        <v>26</v>
      </c>
      <c r="AN33555">
        <v>26</v>
      </c>
      <c r="AO33555">
        <v>27</v>
      </c>
      <c r="AP33555">
        <v>27</v>
      </c>
      <c r="AQ33555">
        <v>28</v>
      </c>
    </row>
    <row r="33556" spans="1:43">
      <c r="A33556" t="s">
        <v>20783</v>
      </c>
      <c r="B33556" t="s">
        <v>20784</v>
      </c>
      <c r="C33556" t="s">
        <v>20785</v>
      </c>
      <c r="D33556" t="s">
        <v>20786</v>
      </c>
      <c r="E33556" t="s">
        <v>20787</v>
      </c>
      <c r="F33556" t="s">
        <v>20788</v>
      </c>
      <c r="G33556" t="s">
        <v>20255</v>
      </c>
      <c r="H33556" t="s">
        <v>20256</v>
      </c>
      <c r="I33556" s="2">
        <v>1</v>
      </c>
      <c r="J33556" s="2">
        <v>0</v>
      </c>
      <c r="K33556" s="2">
        <v>0</v>
      </c>
      <c r="L33556" t="s">
        <v>120</v>
      </c>
      <c r="M33556" t="s">
        <v>89</v>
      </c>
      <c r="N33556" t="s">
        <v>90</v>
      </c>
      <c r="O33556" t="s">
        <v>85</v>
      </c>
      <c r="P33556" t="s">
        <v>86</v>
      </c>
      <c r="Q33556">
        <v>20</v>
      </c>
      <c r="R33556">
        <v>21</v>
      </c>
      <c r="S33556">
        <v>22</v>
      </c>
      <c r="T33556">
        <v>22</v>
      </c>
      <c r="U33556">
        <v>23</v>
      </c>
      <c r="V33556">
        <v>24</v>
      </c>
      <c r="W33556">
        <v>24</v>
      </c>
      <c r="X33556">
        <v>25</v>
      </c>
      <c r="Y33556">
        <v>25</v>
      </c>
      <c r="Z33556">
        <v>26</v>
      </c>
      <c r="AA33556">
        <v>26</v>
      </c>
      <c r="AB33556">
        <v>27</v>
      </c>
      <c r="AC33556">
        <v>27</v>
      </c>
      <c r="AD33556">
        <v>28</v>
      </c>
      <c r="AE33556">
        <v>29</v>
      </c>
      <c r="AF33556">
        <v>29</v>
      </c>
      <c r="AG33556">
        <v>29</v>
      </c>
      <c r="AH33556">
        <v>29</v>
      </c>
      <c r="AI33556">
        <v>30</v>
      </c>
      <c r="AJ33556">
        <v>30</v>
      </c>
      <c r="AK33556">
        <v>30</v>
      </c>
      <c r="AL33556">
        <v>30</v>
      </c>
      <c r="AM33556">
        <v>31</v>
      </c>
      <c r="AN33556">
        <v>31</v>
      </c>
      <c r="AO33556">
        <v>31</v>
      </c>
      <c r="AP33556">
        <v>31</v>
      </c>
      <c r="AQ33556">
        <v>32</v>
      </c>
    </row>
    <row r="33557" spans="1:43">
      <c r="A33557" t="s">
        <v>20783</v>
      </c>
      <c r="B33557" t="s">
        <v>20784</v>
      </c>
      <c r="C33557" t="s">
        <v>20785</v>
      </c>
      <c r="D33557" t="s">
        <v>20786</v>
      </c>
      <c r="E33557" t="s">
        <v>20787</v>
      </c>
      <c r="F33557" t="s">
        <v>20788</v>
      </c>
      <c r="G33557" t="s">
        <v>20255</v>
      </c>
      <c r="H33557" t="s">
        <v>20256</v>
      </c>
      <c r="I33557" s="2">
        <v>1</v>
      </c>
      <c r="J33557" s="2">
        <v>0</v>
      </c>
      <c r="K33557" s="2">
        <v>0</v>
      </c>
      <c r="L33557" t="s">
        <v>120</v>
      </c>
      <c r="M33557" t="s">
        <v>83</v>
      </c>
      <c r="N33557" t="s">
        <v>91</v>
      </c>
      <c r="O33557" t="s">
        <v>85</v>
      </c>
      <c r="P33557" t="s">
        <v>86</v>
      </c>
      <c r="Q33557">
        <v>20</v>
      </c>
      <c r="R33557">
        <v>21</v>
      </c>
      <c r="S33557">
        <v>21</v>
      </c>
      <c r="T33557">
        <v>22</v>
      </c>
      <c r="U33557">
        <v>22</v>
      </c>
      <c r="V33557">
        <v>23</v>
      </c>
      <c r="W33557">
        <v>23</v>
      </c>
      <c r="X33557">
        <v>23</v>
      </c>
      <c r="Y33557">
        <v>24</v>
      </c>
      <c r="Z33557">
        <v>24</v>
      </c>
      <c r="AA33557">
        <v>25</v>
      </c>
      <c r="AB33557">
        <v>25</v>
      </c>
      <c r="AC33557">
        <v>26</v>
      </c>
      <c r="AD33557">
        <v>26</v>
      </c>
      <c r="AE33557">
        <v>27</v>
      </c>
      <c r="AF33557">
        <v>27</v>
      </c>
      <c r="AG33557">
        <v>28</v>
      </c>
      <c r="AH33557">
        <v>28</v>
      </c>
      <c r="AI33557">
        <v>29</v>
      </c>
      <c r="AJ33557">
        <v>29</v>
      </c>
      <c r="AK33557">
        <v>30</v>
      </c>
      <c r="AL33557">
        <v>30</v>
      </c>
      <c r="AM33557">
        <v>30</v>
      </c>
      <c r="AN33557">
        <v>31</v>
      </c>
      <c r="AO33557">
        <v>31</v>
      </c>
      <c r="AP33557">
        <v>31</v>
      </c>
      <c r="AQ33557">
        <v>32</v>
      </c>
    </row>
    <row r="33558" spans="1:43">
      <c r="A33558" t="s">
        <v>20789</v>
      </c>
      <c r="B33558" t="s">
        <v>20790</v>
      </c>
      <c r="C33558" t="s">
        <v>20785</v>
      </c>
      <c r="D33558" t="s">
        <v>20786</v>
      </c>
      <c r="E33558" t="s">
        <v>20787</v>
      </c>
      <c r="F33558" t="s">
        <v>20788</v>
      </c>
      <c r="G33558" t="s">
        <v>20255</v>
      </c>
      <c r="H33558" t="s">
        <v>20256</v>
      </c>
      <c r="I33558" s="2">
        <v>1</v>
      </c>
      <c r="J33558" s="2">
        <v>0</v>
      </c>
      <c r="K33558" s="2">
        <v>0</v>
      </c>
      <c r="L33558" t="s">
        <v>120</v>
      </c>
      <c r="M33558" t="s">
        <v>83</v>
      </c>
      <c r="N33558" t="s">
        <v>84</v>
      </c>
      <c r="O33558" t="s">
        <v>85</v>
      </c>
      <c r="P33558" t="s">
        <v>86</v>
      </c>
      <c r="Q33558">
        <v>38</v>
      </c>
      <c r="R33558">
        <v>39</v>
      </c>
      <c r="S33558">
        <v>40</v>
      </c>
      <c r="T33558">
        <v>41</v>
      </c>
      <c r="U33558">
        <v>42</v>
      </c>
      <c r="V33558">
        <v>43</v>
      </c>
      <c r="W33558">
        <v>44</v>
      </c>
      <c r="X33558">
        <v>45</v>
      </c>
      <c r="Y33558">
        <v>46</v>
      </c>
      <c r="Z33558">
        <v>47</v>
      </c>
      <c r="AA33558">
        <v>47</v>
      </c>
      <c r="AB33558">
        <v>48</v>
      </c>
      <c r="AC33558">
        <v>49</v>
      </c>
      <c r="AD33558">
        <v>50</v>
      </c>
      <c r="AE33558">
        <v>51</v>
      </c>
      <c r="AF33558">
        <v>52</v>
      </c>
      <c r="AG33558">
        <v>53</v>
      </c>
      <c r="AH33558">
        <v>55</v>
      </c>
      <c r="AI33558">
        <v>56</v>
      </c>
      <c r="AJ33558">
        <v>57</v>
      </c>
      <c r="AK33558">
        <v>58</v>
      </c>
      <c r="AL33558">
        <v>59</v>
      </c>
      <c r="AM33558">
        <v>59</v>
      </c>
      <c r="AN33558">
        <v>60</v>
      </c>
      <c r="AO33558">
        <v>61</v>
      </c>
      <c r="AP33558">
        <v>61</v>
      </c>
      <c r="AQ33558">
        <v>62</v>
      </c>
    </row>
    <row r="33559" spans="1:43">
      <c r="A33559" t="s">
        <v>20789</v>
      </c>
      <c r="B33559" t="s">
        <v>20790</v>
      </c>
      <c r="C33559" t="s">
        <v>20785</v>
      </c>
      <c r="D33559" t="s">
        <v>20786</v>
      </c>
      <c r="E33559" t="s">
        <v>20787</v>
      </c>
      <c r="F33559" t="s">
        <v>20788</v>
      </c>
      <c r="G33559" t="s">
        <v>20255</v>
      </c>
      <c r="H33559" t="s">
        <v>20256</v>
      </c>
      <c r="I33559" s="2">
        <v>1</v>
      </c>
      <c r="J33559" s="2">
        <v>0</v>
      </c>
      <c r="K33559" s="2">
        <v>0</v>
      </c>
      <c r="L33559" t="s">
        <v>120</v>
      </c>
      <c r="M33559" t="s">
        <v>87</v>
      </c>
      <c r="N33559" t="s">
        <v>88</v>
      </c>
      <c r="O33559" t="s">
        <v>85</v>
      </c>
      <c r="P33559" t="s">
        <v>86</v>
      </c>
      <c r="Q33559">
        <v>38</v>
      </c>
      <c r="R33559">
        <v>38</v>
      </c>
      <c r="S33559">
        <v>39</v>
      </c>
      <c r="T33559">
        <v>40</v>
      </c>
      <c r="U33559">
        <v>40</v>
      </c>
      <c r="V33559">
        <v>41</v>
      </c>
      <c r="W33559">
        <v>41</v>
      </c>
      <c r="X33559">
        <v>42</v>
      </c>
      <c r="Y33559">
        <v>42</v>
      </c>
      <c r="Z33559">
        <v>43</v>
      </c>
      <c r="AA33559">
        <v>43</v>
      </c>
      <c r="AB33559">
        <v>44</v>
      </c>
      <c r="AC33559">
        <v>44</v>
      </c>
      <c r="AD33559">
        <v>45</v>
      </c>
      <c r="AE33559">
        <v>46</v>
      </c>
      <c r="AF33559">
        <v>46</v>
      </c>
      <c r="AG33559">
        <v>47</v>
      </c>
      <c r="AH33559">
        <v>48</v>
      </c>
      <c r="AI33559">
        <v>48</v>
      </c>
      <c r="AJ33559">
        <v>49</v>
      </c>
      <c r="AK33559">
        <v>50</v>
      </c>
      <c r="AL33559">
        <v>50</v>
      </c>
      <c r="AM33559">
        <v>51</v>
      </c>
      <c r="AN33559">
        <v>52</v>
      </c>
      <c r="AO33559">
        <v>52</v>
      </c>
      <c r="AP33559">
        <v>53</v>
      </c>
      <c r="AQ33559">
        <v>54</v>
      </c>
    </row>
    <row r="33560" spans="1:43">
      <c r="A33560" t="s">
        <v>20789</v>
      </c>
      <c r="B33560" t="s">
        <v>20790</v>
      </c>
      <c r="C33560" t="s">
        <v>20785</v>
      </c>
      <c r="D33560" t="s">
        <v>20786</v>
      </c>
      <c r="E33560" t="s">
        <v>20787</v>
      </c>
      <c r="F33560" t="s">
        <v>20788</v>
      </c>
      <c r="G33560" t="s">
        <v>20255</v>
      </c>
      <c r="H33560" t="s">
        <v>20256</v>
      </c>
      <c r="I33560" s="2">
        <v>1</v>
      </c>
      <c r="J33560" s="2">
        <v>0</v>
      </c>
      <c r="K33560" s="2">
        <v>0</v>
      </c>
      <c r="L33560" t="s">
        <v>120</v>
      </c>
      <c r="M33560" t="s">
        <v>89</v>
      </c>
      <c r="N33560" t="s">
        <v>90</v>
      </c>
      <c r="O33560" t="s">
        <v>85</v>
      </c>
      <c r="P33560" t="s">
        <v>86</v>
      </c>
      <c r="Q33560">
        <v>38</v>
      </c>
      <c r="R33560">
        <v>39</v>
      </c>
      <c r="S33560">
        <v>40</v>
      </c>
      <c r="T33560">
        <v>41</v>
      </c>
      <c r="U33560">
        <v>43</v>
      </c>
      <c r="V33560">
        <v>44</v>
      </c>
      <c r="W33560">
        <v>45</v>
      </c>
      <c r="X33560">
        <v>46</v>
      </c>
      <c r="Y33560">
        <v>47</v>
      </c>
      <c r="Z33560">
        <v>48</v>
      </c>
      <c r="AA33560">
        <v>49</v>
      </c>
      <c r="AB33560">
        <v>51</v>
      </c>
      <c r="AC33560">
        <v>52</v>
      </c>
      <c r="AD33560">
        <v>53</v>
      </c>
      <c r="AE33560">
        <v>54</v>
      </c>
      <c r="AF33560">
        <v>55</v>
      </c>
      <c r="AG33560">
        <v>55</v>
      </c>
      <c r="AH33560">
        <v>56</v>
      </c>
      <c r="AI33560">
        <v>56</v>
      </c>
      <c r="AJ33560">
        <v>57</v>
      </c>
      <c r="AK33560">
        <v>58</v>
      </c>
      <c r="AL33560">
        <v>58</v>
      </c>
      <c r="AM33560">
        <v>59</v>
      </c>
      <c r="AN33560">
        <v>60</v>
      </c>
      <c r="AO33560">
        <v>60</v>
      </c>
      <c r="AP33560">
        <v>61</v>
      </c>
      <c r="AQ33560">
        <v>62</v>
      </c>
    </row>
    <row r="33561" spans="1:43">
      <c r="A33561" t="s">
        <v>20789</v>
      </c>
      <c r="B33561" t="s">
        <v>20790</v>
      </c>
      <c r="C33561" t="s">
        <v>20785</v>
      </c>
      <c r="D33561" t="s">
        <v>20786</v>
      </c>
      <c r="E33561" t="s">
        <v>20787</v>
      </c>
      <c r="F33561" t="s">
        <v>20788</v>
      </c>
      <c r="G33561" t="s">
        <v>20255</v>
      </c>
      <c r="H33561" t="s">
        <v>20256</v>
      </c>
      <c r="I33561" s="2">
        <v>1</v>
      </c>
      <c r="J33561" s="2">
        <v>0</v>
      </c>
      <c r="K33561" s="2">
        <v>0</v>
      </c>
      <c r="L33561" t="s">
        <v>120</v>
      </c>
      <c r="M33561" t="s">
        <v>83</v>
      </c>
      <c r="N33561" t="s">
        <v>91</v>
      </c>
      <c r="O33561" t="s">
        <v>85</v>
      </c>
      <c r="P33561" t="s">
        <v>86</v>
      </c>
      <c r="Q33561">
        <v>38</v>
      </c>
      <c r="R33561">
        <v>39</v>
      </c>
      <c r="S33561">
        <v>40</v>
      </c>
      <c r="T33561">
        <v>41</v>
      </c>
      <c r="U33561">
        <v>42</v>
      </c>
      <c r="V33561">
        <v>43</v>
      </c>
      <c r="W33561">
        <v>44</v>
      </c>
      <c r="X33561">
        <v>45</v>
      </c>
      <c r="Y33561">
        <v>46</v>
      </c>
      <c r="Z33561">
        <v>47</v>
      </c>
      <c r="AA33561">
        <v>47</v>
      </c>
      <c r="AB33561">
        <v>48</v>
      </c>
      <c r="AC33561">
        <v>49</v>
      </c>
      <c r="AD33561">
        <v>50</v>
      </c>
      <c r="AE33561">
        <v>51</v>
      </c>
      <c r="AF33561">
        <v>52</v>
      </c>
      <c r="AG33561">
        <v>53</v>
      </c>
      <c r="AH33561">
        <v>55</v>
      </c>
      <c r="AI33561">
        <v>56</v>
      </c>
      <c r="AJ33561">
        <v>57</v>
      </c>
      <c r="AK33561">
        <v>58</v>
      </c>
      <c r="AL33561">
        <v>59</v>
      </c>
      <c r="AM33561">
        <v>59</v>
      </c>
      <c r="AN33561">
        <v>60</v>
      </c>
      <c r="AO33561">
        <v>61</v>
      </c>
      <c r="AP33561">
        <v>61</v>
      </c>
      <c r="AQ33561">
        <v>62</v>
      </c>
    </row>
    <row r="33562" spans="1:43">
      <c r="A33562" t="s">
        <v>20791</v>
      </c>
      <c r="B33562" t="s">
        <v>20792</v>
      </c>
      <c r="C33562" t="s">
        <v>20785</v>
      </c>
      <c r="D33562" t="s">
        <v>20786</v>
      </c>
      <c r="E33562" t="s">
        <v>20787</v>
      </c>
      <c r="F33562" t="s">
        <v>20788</v>
      </c>
      <c r="G33562" t="s">
        <v>20255</v>
      </c>
      <c r="H33562" t="s">
        <v>20256</v>
      </c>
      <c r="I33562" s="2">
        <v>1</v>
      </c>
      <c r="J33562" s="2">
        <v>0</v>
      </c>
      <c r="K33562" s="2">
        <v>0</v>
      </c>
      <c r="L33562" t="s">
        <v>120</v>
      </c>
      <c r="M33562" t="s">
        <v>83</v>
      </c>
      <c r="N33562" t="s">
        <v>84</v>
      </c>
      <c r="O33562" t="s">
        <v>85</v>
      </c>
      <c r="P33562" t="s">
        <v>86</v>
      </c>
      <c r="Q33562">
        <v>18</v>
      </c>
      <c r="R33562">
        <v>19</v>
      </c>
      <c r="S33562">
        <v>19</v>
      </c>
      <c r="T33562">
        <v>20</v>
      </c>
      <c r="U33562">
        <v>20</v>
      </c>
      <c r="V33562">
        <v>21</v>
      </c>
      <c r="W33562">
        <v>21</v>
      </c>
      <c r="X33562">
        <v>22</v>
      </c>
      <c r="Y33562">
        <v>22</v>
      </c>
      <c r="Z33562">
        <v>22</v>
      </c>
      <c r="AA33562">
        <v>23</v>
      </c>
      <c r="AB33562">
        <v>23</v>
      </c>
      <c r="AC33562">
        <v>24</v>
      </c>
      <c r="AD33562">
        <v>24</v>
      </c>
      <c r="AE33562">
        <v>25</v>
      </c>
      <c r="AF33562">
        <v>25</v>
      </c>
      <c r="AG33562">
        <v>26</v>
      </c>
      <c r="AH33562">
        <v>26</v>
      </c>
      <c r="AI33562">
        <v>27</v>
      </c>
      <c r="AJ33562">
        <v>27</v>
      </c>
      <c r="AK33562">
        <v>28</v>
      </c>
      <c r="AL33562">
        <v>28</v>
      </c>
      <c r="AM33562">
        <v>29</v>
      </c>
      <c r="AN33562">
        <v>29</v>
      </c>
      <c r="AO33562">
        <v>29</v>
      </c>
      <c r="AP33562">
        <v>29</v>
      </c>
      <c r="AQ33562">
        <v>30</v>
      </c>
    </row>
    <row r="33563" spans="1:43">
      <c r="A33563" t="s">
        <v>20791</v>
      </c>
      <c r="B33563" t="s">
        <v>20792</v>
      </c>
      <c r="C33563" t="s">
        <v>20785</v>
      </c>
      <c r="D33563" t="s">
        <v>20786</v>
      </c>
      <c r="E33563" t="s">
        <v>20787</v>
      </c>
      <c r="F33563" t="s">
        <v>20788</v>
      </c>
      <c r="G33563" t="s">
        <v>20255</v>
      </c>
      <c r="H33563" t="s">
        <v>20256</v>
      </c>
      <c r="I33563" s="2">
        <v>1</v>
      </c>
      <c r="J33563" s="2">
        <v>0</v>
      </c>
      <c r="K33563" s="2">
        <v>0</v>
      </c>
      <c r="L33563" t="s">
        <v>120</v>
      </c>
      <c r="M33563" t="s">
        <v>87</v>
      </c>
      <c r="N33563" t="s">
        <v>88</v>
      </c>
      <c r="O33563" t="s">
        <v>85</v>
      </c>
      <c r="P33563" t="s">
        <v>86</v>
      </c>
      <c r="Q33563">
        <v>18</v>
      </c>
      <c r="R33563">
        <v>19</v>
      </c>
      <c r="S33563">
        <v>19</v>
      </c>
      <c r="T33563">
        <v>19</v>
      </c>
      <c r="U33563">
        <v>19</v>
      </c>
      <c r="V33563">
        <v>20</v>
      </c>
      <c r="W33563">
        <v>20</v>
      </c>
      <c r="X33563">
        <v>20</v>
      </c>
      <c r="Y33563">
        <v>20</v>
      </c>
      <c r="Z33563">
        <v>21</v>
      </c>
      <c r="AA33563">
        <v>21</v>
      </c>
      <c r="AB33563">
        <v>21</v>
      </c>
      <c r="AC33563">
        <v>21</v>
      </c>
      <c r="AD33563">
        <v>22</v>
      </c>
      <c r="AE33563">
        <v>22</v>
      </c>
      <c r="AF33563">
        <v>22</v>
      </c>
      <c r="AG33563">
        <v>23</v>
      </c>
      <c r="AH33563">
        <v>23</v>
      </c>
      <c r="AI33563">
        <v>23</v>
      </c>
      <c r="AJ33563">
        <v>24</v>
      </c>
      <c r="AK33563">
        <v>24</v>
      </c>
      <c r="AL33563">
        <v>24</v>
      </c>
      <c r="AM33563">
        <v>25</v>
      </c>
      <c r="AN33563">
        <v>25</v>
      </c>
      <c r="AO33563">
        <v>25</v>
      </c>
      <c r="AP33563">
        <v>26</v>
      </c>
      <c r="AQ33563">
        <v>26</v>
      </c>
    </row>
    <row r="33564" spans="1:43">
      <c r="A33564" t="s">
        <v>20791</v>
      </c>
      <c r="B33564" t="s">
        <v>20792</v>
      </c>
      <c r="C33564" t="s">
        <v>20785</v>
      </c>
      <c r="D33564" t="s">
        <v>20786</v>
      </c>
      <c r="E33564" t="s">
        <v>20787</v>
      </c>
      <c r="F33564" t="s">
        <v>20788</v>
      </c>
      <c r="G33564" t="s">
        <v>20255</v>
      </c>
      <c r="H33564" t="s">
        <v>20256</v>
      </c>
      <c r="I33564" s="2">
        <v>1</v>
      </c>
      <c r="J33564" s="2">
        <v>0</v>
      </c>
      <c r="K33564" s="2">
        <v>0</v>
      </c>
      <c r="L33564" t="s">
        <v>120</v>
      </c>
      <c r="M33564" t="s">
        <v>89</v>
      </c>
      <c r="N33564" t="s">
        <v>90</v>
      </c>
      <c r="O33564" t="s">
        <v>85</v>
      </c>
      <c r="P33564" t="s">
        <v>86</v>
      </c>
      <c r="Q33564">
        <v>18</v>
      </c>
      <c r="R33564">
        <v>18</v>
      </c>
      <c r="S33564">
        <v>19</v>
      </c>
      <c r="T33564">
        <v>19</v>
      </c>
      <c r="U33564">
        <v>20</v>
      </c>
      <c r="V33564">
        <v>21</v>
      </c>
      <c r="W33564">
        <v>21</v>
      </c>
      <c r="X33564">
        <v>22</v>
      </c>
      <c r="Y33564">
        <v>22</v>
      </c>
      <c r="Z33564">
        <v>23</v>
      </c>
      <c r="AA33564">
        <v>23</v>
      </c>
      <c r="AB33564">
        <v>24</v>
      </c>
      <c r="AC33564">
        <v>24</v>
      </c>
      <c r="AD33564">
        <v>25</v>
      </c>
      <c r="AE33564">
        <v>25</v>
      </c>
      <c r="AF33564">
        <v>26</v>
      </c>
      <c r="AG33564">
        <v>26</v>
      </c>
      <c r="AH33564">
        <v>26</v>
      </c>
      <c r="AI33564">
        <v>27</v>
      </c>
      <c r="AJ33564">
        <v>27</v>
      </c>
      <c r="AK33564">
        <v>27</v>
      </c>
      <c r="AL33564">
        <v>27</v>
      </c>
      <c r="AM33564">
        <v>28</v>
      </c>
      <c r="AN33564">
        <v>28</v>
      </c>
      <c r="AO33564">
        <v>28</v>
      </c>
      <c r="AP33564">
        <v>29</v>
      </c>
      <c r="AQ33564">
        <v>29</v>
      </c>
    </row>
    <row r="33565" spans="1:43">
      <c r="A33565" t="s">
        <v>20791</v>
      </c>
      <c r="B33565" t="s">
        <v>20792</v>
      </c>
      <c r="C33565" t="s">
        <v>20785</v>
      </c>
      <c r="D33565" t="s">
        <v>20786</v>
      </c>
      <c r="E33565" t="s">
        <v>20787</v>
      </c>
      <c r="F33565" t="s">
        <v>20788</v>
      </c>
      <c r="G33565" t="s">
        <v>20255</v>
      </c>
      <c r="H33565" t="s">
        <v>20256</v>
      </c>
      <c r="I33565" s="2">
        <v>1</v>
      </c>
      <c r="J33565" s="2">
        <v>0</v>
      </c>
      <c r="K33565" s="2">
        <v>0</v>
      </c>
      <c r="L33565" t="s">
        <v>120</v>
      </c>
      <c r="M33565" t="s">
        <v>83</v>
      </c>
      <c r="N33565" t="s">
        <v>91</v>
      </c>
      <c r="O33565" t="s">
        <v>85</v>
      </c>
      <c r="P33565" t="s">
        <v>86</v>
      </c>
      <c r="Q33565">
        <v>18</v>
      </c>
      <c r="R33565">
        <v>19</v>
      </c>
      <c r="S33565">
        <v>19</v>
      </c>
      <c r="T33565">
        <v>20</v>
      </c>
      <c r="U33565">
        <v>20</v>
      </c>
      <c r="V33565">
        <v>21</v>
      </c>
      <c r="W33565">
        <v>21</v>
      </c>
      <c r="X33565">
        <v>22</v>
      </c>
      <c r="Y33565">
        <v>22</v>
      </c>
      <c r="Z33565">
        <v>22</v>
      </c>
      <c r="AA33565">
        <v>23</v>
      </c>
      <c r="AB33565">
        <v>23</v>
      </c>
      <c r="AC33565">
        <v>24</v>
      </c>
      <c r="AD33565">
        <v>24</v>
      </c>
      <c r="AE33565">
        <v>25</v>
      </c>
      <c r="AF33565">
        <v>25</v>
      </c>
      <c r="AG33565">
        <v>26</v>
      </c>
      <c r="AH33565">
        <v>26</v>
      </c>
      <c r="AI33565">
        <v>27</v>
      </c>
      <c r="AJ33565">
        <v>27</v>
      </c>
      <c r="AK33565">
        <v>28</v>
      </c>
      <c r="AL33565">
        <v>28</v>
      </c>
      <c r="AM33565">
        <v>29</v>
      </c>
      <c r="AN33565">
        <v>29</v>
      </c>
      <c r="AO33565">
        <v>29</v>
      </c>
      <c r="AP33565">
        <v>29</v>
      </c>
      <c r="AQ33565">
        <v>30</v>
      </c>
    </row>
    <row r="33566" spans="1:43">
      <c r="A33566" t="s">
        <v>20793</v>
      </c>
      <c r="B33566" t="s">
        <v>20794</v>
      </c>
      <c r="C33566" t="s">
        <v>20795</v>
      </c>
      <c r="D33566" t="s">
        <v>20796</v>
      </c>
      <c r="E33566" t="s">
        <v>20787</v>
      </c>
      <c r="F33566" t="s">
        <v>20788</v>
      </c>
      <c r="G33566" t="s">
        <v>20255</v>
      </c>
      <c r="H33566" t="s">
        <v>20256</v>
      </c>
      <c r="I33566" s="2">
        <v>1</v>
      </c>
      <c r="J33566" s="2">
        <v>0</v>
      </c>
      <c r="K33566" s="2">
        <v>0</v>
      </c>
      <c r="L33566" t="s">
        <v>120</v>
      </c>
      <c r="M33566" t="s">
        <v>83</v>
      </c>
      <c r="N33566" t="s">
        <v>84</v>
      </c>
      <c r="O33566" t="s">
        <v>85</v>
      </c>
      <c r="P33566" t="s">
        <v>86</v>
      </c>
      <c r="Q33566">
        <v>55</v>
      </c>
      <c r="R33566">
        <v>57</v>
      </c>
      <c r="S33566">
        <v>58</v>
      </c>
      <c r="T33566">
        <v>59</v>
      </c>
      <c r="U33566">
        <v>60</v>
      </c>
      <c r="V33566">
        <v>61</v>
      </c>
      <c r="W33566">
        <v>63</v>
      </c>
      <c r="X33566">
        <v>64</v>
      </c>
      <c r="Y33566">
        <v>65</v>
      </c>
      <c r="Z33566">
        <v>66</v>
      </c>
      <c r="AA33566">
        <v>68</v>
      </c>
      <c r="AB33566">
        <v>69</v>
      </c>
      <c r="AC33566">
        <v>70</v>
      </c>
      <c r="AD33566">
        <v>72</v>
      </c>
      <c r="AE33566">
        <v>73</v>
      </c>
      <c r="AF33566">
        <v>75</v>
      </c>
      <c r="AG33566">
        <v>76</v>
      </c>
      <c r="AH33566">
        <v>77</v>
      </c>
      <c r="AI33566">
        <v>79</v>
      </c>
      <c r="AJ33566">
        <v>80</v>
      </c>
      <c r="AK33566">
        <v>82</v>
      </c>
      <c r="AL33566">
        <v>83</v>
      </c>
      <c r="AM33566">
        <v>84</v>
      </c>
      <c r="AN33566">
        <v>85</v>
      </c>
      <c r="AO33566">
        <v>86</v>
      </c>
      <c r="AP33566">
        <v>87</v>
      </c>
      <c r="AQ33566">
        <v>88</v>
      </c>
    </row>
    <row r="33567" spans="1:43">
      <c r="A33567" t="s">
        <v>20793</v>
      </c>
      <c r="B33567" t="s">
        <v>20794</v>
      </c>
      <c r="C33567" t="s">
        <v>20795</v>
      </c>
      <c r="D33567" t="s">
        <v>20796</v>
      </c>
      <c r="E33567" t="s">
        <v>20787</v>
      </c>
      <c r="F33567" t="s">
        <v>20788</v>
      </c>
      <c r="G33567" t="s">
        <v>20255</v>
      </c>
      <c r="H33567" t="s">
        <v>20256</v>
      </c>
      <c r="I33567" s="2">
        <v>1</v>
      </c>
      <c r="J33567" s="2">
        <v>0</v>
      </c>
      <c r="K33567" s="2">
        <v>0</v>
      </c>
      <c r="L33567" t="s">
        <v>120</v>
      </c>
      <c r="M33567" t="s">
        <v>87</v>
      </c>
      <c r="N33567" t="s">
        <v>88</v>
      </c>
      <c r="O33567" t="s">
        <v>85</v>
      </c>
      <c r="P33567" t="s">
        <v>86</v>
      </c>
      <c r="Q33567">
        <v>55</v>
      </c>
      <c r="R33567">
        <v>55</v>
      </c>
      <c r="S33567">
        <v>56</v>
      </c>
      <c r="T33567">
        <v>57</v>
      </c>
      <c r="U33567">
        <v>58</v>
      </c>
      <c r="V33567">
        <v>58</v>
      </c>
      <c r="W33567">
        <v>59</v>
      </c>
      <c r="X33567">
        <v>60</v>
      </c>
      <c r="Y33567">
        <v>60</v>
      </c>
      <c r="Z33567">
        <v>61</v>
      </c>
      <c r="AA33567">
        <v>62</v>
      </c>
      <c r="AB33567">
        <v>63</v>
      </c>
      <c r="AC33567">
        <v>63</v>
      </c>
      <c r="AD33567">
        <v>64</v>
      </c>
      <c r="AE33567">
        <v>65</v>
      </c>
      <c r="AF33567">
        <v>66</v>
      </c>
      <c r="AG33567">
        <v>67</v>
      </c>
      <c r="AH33567">
        <v>67</v>
      </c>
      <c r="AI33567">
        <v>68</v>
      </c>
      <c r="AJ33567">
        <v>69</v>
      </c>
      <c r="AK33567">
        <v>70</v>
      </c>
      <c r="AL33567">
        <v>71</v>
      </c>
      <c r="AM33567">
        <v>72</v>
      </c>
      <c r="AN33567">
        <v>73</v>
      </c>
      <c r="AO33567">
        <v>74</v>
      </c>
      <c r="AP33567">
        <v>75</v>
      </c>
      <c r="AQ33567">
        <v>76</v>
      </c>
    </row>
    <row r="33568" spans="1:43">
      <c r="A33568" t="s">
        <v>20793</v>
      </c>
      <c r="B33568" t="s">
        <v>20794</v>
      </c>
      <c r="C33568" t="s">
        <v>20795</v>
      </c>
      <c r="D33568" t="s">
        <v>20796</v>
      </c>
      <c r="E33568" t="s">
        <v>20787</v>
      </c>
      <c r="F33568" t="s">
        <v>20788</v>
      </c>
      <c r="G33568" t="s">
        <v>20255</v>
      </c>
      <c r="H33568" t="s">
        <v>20256</v>
      </c>
      <c r="I33568" s="2">
        <v>1</v>
      </c>
      <c r="J33568" s="2">
        <v>0</v>
      </c>
      <c r="K33568" s="2">
        <v>0</v>
      </c>
      <c r="L33568" t="s">
        <v>120</v>
      </c>
      <c r="M33568" t="s">
        <v>89</v>
      </c>
      <c r="N33568" t="s">
        <v>90</v>
      </c>
      <c r="O33568" t="s">
        <v>85</v>
      </c>
      <c r="P33568" t="s">
        <v>86</v>
      </c>
      <c r="Q33568">
        <v>55</v>
      </c>
      <c r="R33568">
        <v>57</v>
      </c>
      <c r="S33568">
        <v>58</v>
      </c>
      <c r="T33568">
        <v>60</v>
      </c>
      <c r="U33568">
        <v>62</v>
      </c>
      <c r="V33568">
        <v>63</v>
      </c>
      <c r="W33568">
        <v>65</v>
      </c>
      <c r="X33568">
        <v>66</v>
      </c>
      <c r="Y33568">
        <v>68</v>
      </c>
      <c r="Z33568">
        <v>70</v>
      </c>
      <c r="AA33568">
        <v>71</v>
      </c>
      <c r="AB33568">
        <v>73</v>
      </c>
      <c r="AC33568">
        <v>74</v>
      </c>
      <c r="AD33568">
        <v>76</v>
      </c>
      <c r="AE33568">
        <v>77</v>
      </c>
      <c r="AF33568">
        <v>78</v>
      </c>
      <c r="AG33568">
        <v>79</v>
      </c>
      <c r="AH33568">
        <v>80</v>
      </c>
      <c r="AI33568">
        <v>81</v>
      </c>
      <c r="AJ33568">
        <v>82</v>
      </c>
      <c r="AK33568">
        <v>83</v>
      </c>
      <c r="AL33568">
        <v>83</v>
      </c>
      <c r="AM33568">
        <v>84</v>
      </c>
      <c r="AN33568">
        <v>85</v>
      </c>
      <c r="AO33568">
        <v>86</v>
      </c>
      <c r="AP33568">
        <v>87</v>
      </c>
      <c r="AQ33568">
        <v>88</v>
      </c>
    </row>
    <row r="33569" spans="1:43">
      <c r="A33569" t="s">
        <v>20793</v>
      </c>
      <c r="B33569" t="s">
        <v>20794</v>
      </c>
      <c r="C33569" t="s">
        <v>20795</v>
      </c>
      <c r="D33569" t="s">
        <v>20796</v>
      </c>
      <c r="E33569" t="s">
        <v>20787</v>
      </c>
      <c r="F33569" t="s">
        <v>20788</v>
      </c>
      <c r="G33569" t="s">
        <v>20255</v>
      </c>
      <c r="H33569" t="s">
        <v>20256</v>
      </c>
      <c r="I33569" s="2">
        <v>1</v>
      </c>
      <c r="J33569" s="2">
        <v>0</v>
      </c>
      <c r="K33569" s="2">
        <v>0</v>
      </c>
      <c r="L33569" t="s">
        <v>120</v>
      </c>
      <c r="M33569" t="s">
        <v>83</v>
      </c>
      <c r="N33569" t="s">
        <v>91</v>
      </c>
      <c r="O33569" t="s">
        <v>85</v>
      </c>
      <c r="P33569" t="s">
        <v>86</v>
      </c>
      <c r="Q33569">
        <v>55</v>
      </c>
      <c r="R33569">
        <v>57</v>
      </c>
      <c r="S33569">
        <v>58</v>
      </c>
      <c r="T33569">
        <v>59</v>
      </c>
      <c r="U33569">
        <v>60</v>
      </c>
      <c r="V33569">
        <v>61</v>
      </c>
      <c r="W33569">
        <v>63</v>
      </c>
      <c r="X33569">
        <v>64</v>
      </c>
      <c r="Y33569">
        <v>65</v>
      </c>
      <c r="Z33569">
        <v>66</v>
      </c>
      <c r="AA33569">
        <v>68</v>
      </c>
      <c r="AB33569">
        <v>69</v>
      </c>
      <c r="AC33569">
        <v>70</v>
      </c>
      <c r="AD33569">
        <v>72</v>
      </c>
      <c r="AE33569">
        <v>73</v>
      </c>
      <c r="AF33569">
        <v>75</v>
      </c>
      <c r="AG33569">
        <v>76</v>
      </c>
      <c r="AH33569">
        <v>77</v>
      </c>
      <c r="AI33569">
        <v>79</v>
      </c>
      <c r="AJ33569">
        <v>80</v>
      </c>
      <c r="AK33569">
        <v>82</v>
      </c>
      <c r="AL33569">
        <v>83</v>
      </c>
      <c r="AM33569">
        <v>84</v>
      </c>
      <c r="AN33569">
        <v>85</v>
      </c>
      <c r="AO33569">
        <v>86</v>
      </c>
      <c r="AP33569">
        <v>87</v>
      </c>
      <c r="AQ33569">
        <v>88</v>
      </c>
    </row>
    <row r="33570" spans="1:43">
      <c r="A33570" t="s">
        <v>20797</v>
      </c>
      <c r="B33570" t="s">
        <v>20798</v>
      </c>
      <c r="C33570" t="s">
        <v>20795</v>
      </c>
      <c r="D33570" t="s">
        <v>20796</v>
      </c>
      <c r="E33570" t="s">
        <v>20787</v>
      </c>
      <c r="F33570" t="s">
        <v>20788</v>
      </c>
      <c r="G33570" t="s">
        <v>20255</v>
      </c>
      <c r="H33570" t="s">
        <v>20256</v>
      </c>
      <c r="I33570" s="2">
        <v>1</v>
      </c>
      <c r="J33570" s="2">
        <v>0</v>
      </c>
      <c r="K33570" s="2">
        <v>0</v>
      </c>
      <c r="L33570" t="s">
        <v>120</v>
      </c>
      <c r="M33570" t="s">
        <v>83</v>
      </c>
      <c r="N33570" t="s">
        <v>84</v>
      </c>
      <c r="O33570" t="s">
        <v>85</v>
      </c>
      <c r="P33570" t="s">
        <v>86</v>
      </c>
      <c r="Q33570">
        <v>83</v>
      </c>
      <c r="R33570">
        <v>85</v>
      </c>
      <c r="S33570">
        <v>87</v>
      </c>
      <c r="T33570">
        <v>89</v>
      </c>
      <c r="U33570">
        <v>91</v>
      </c>
      <c r="V33570">
        <v>93</v>
      </c>
      <c r="W33570">
        <v>95</v>
      </c>
      <c r="X33570">
        <v>96</v>
      </c>
      <c r="Y33570">
        <v>98</v>
      </c>
      <c r="Z33570">
        <v>100</v>
      </c>
      <c r="AA33570">
        <v>102</v>
      </c>
      <c r="AB33570">
        <v>104</v>
      </c>
      <c r="AC33570">
        <v>106</v>
      </c>
      <c r="AD33570">
        <v>108</v>
      </c>
      <c r="AE33570">
        <v>110</v>
      </c>
      <c r="AF33570">
        <v>113</v>
      </c>
      <c r="AG33570">
        <v>115</v>
      </c>
      <c r="AH33570">
        <v>117</v>
      </c>
      <c r="AI33570">
        <v>119</v>
      </c>
      <c r="AJ33570">
        <v>122</v>
      </c>
      <c r="AK33570">
        <v>124</v>
      </c>
      <c r="AL33570">
        <v>126</v>
      </c>
      <c r="AM33570">
        <v>127</v>
      </c>
      <c r="AN33570">
        <v>128</v>
      </c>
      <c r="AO33570">
        <v>130</v>
      </c>
      <c r="AP33570">
        <v>131</v>
      </c>
      <c r="AQ33570">
        <v>133</v>
      </c>
    </row>
    <row r="33571" spans="1:43">
      <c r="A33571" t="s">
        <v>20797</v>
      </c>
      <c r="B33571" t="s">
        <v>20798</v>
      </c>
      <c r="C33571" t="s">
        <v>20795</v>
      </c>
      <c r="D33571" t="s">
        <v>20796</v>
      </c>
      <c r="E33571" t="s">
        <v>20787</v>
      </c>
      <c r="F33571" t="s">
        <v>20788</v>
      </c>
      <c r="G33571" t="s">
        <v>20255</v>
      </c>
      <c r="H33571" t="s">
        <v>20256</v>
      </c>
      <c r="I33571" s="2">
        <v>1</v>
      </c>
      <c r="J33571" s="2">
        <v>0</v>
      </c>
      <c r="K33571" s="2">
        <v>0</v>
      </c>
      <c r="L33571" t="s">
        <v>120</v>
      </c>
      <c r="M33571" t="s">
        <v>87</v>
      </c>
      <c r="N33571" t="s">
        <v>88</v>
      </c>
      <c r="O33571" t="s">
        <v>85</v>
      </c>
      <c r="P33571" t="s">
        <v>86</v>
      </c>
      <c r="Q33571">
        <v>83</v>
      </c>
      <c r="R33571">
        <v>85</v>
      </c>
      <c r="S33571">
        <v>86</v>
      </c>
      <c r="T33571">
        <v>87</v>
      </c>
      <c r="U33571">
        <v>88</v>
      </c>
      <c r="V33571">
        <v>89</v>
      </c>
      <c r="W33571">
        <v>90</v>
      </c>
      <c r="X33571">
        <v>91</v>
      </c>
      <c r="Y33571">
        <v>92</v>
      </c>
      <c r="Z33571">
        <v>93</v>
      </c>
      <c r="AA33571">
        <v>94</v>
      </c>
      <c r="AB33571">
        <v>95</v>
      </c>
      <c r="AC33571">
        <v>97</v>
      </c>
      <c r="AD33571">
        <v>98</v>
      </c>
      <c r="AE33571">
        <v>99</v>
      </c>
      <c r="AF33571">
        <v>100</v>
      </c>
      <c r="AG33571">
        <v>101</v>
      </c>
      <c r="AH33571">
        <v>103</v>
      </c>
      <c r="AI33571">
        <v>104</v>
      </c>
      <c r="AJ33571">
        <v>105</v>
      </c>
      <c r="AK33571">
        <v>107</v>
      </c>
      <c r="AL33571">
        <v>108</v>
      </c>
      <c r="AM33571">
        <v>110</v>
      </c>
      <c r="AN33571">
        <v>111</v>
      </c>
      <c r="AO33571">
        <v>112</v>
      </c>
      <c r="AP33571">
        <v>114</v>
      </c>
      <c r="AQ33571">
        <v>115</v>
      </c>
    </row>
    <row r="33572" spans="1:43">
      <c r="A33572" t="s">
        <v>20797</v>
      </c>
      <c r="B33572" t="s">
        <v>20798</v>
      </c>
      <c r="C33572" t="s">
        <v>20795</v>
      </c>
      <c r="D33572" t="s">
        <v>20796</v>
      </c>
      <c r="E33572" t="s">
        <v>20787</v>
      </c>
      <c r="F33572" t="s">
        <v>20788</v>
      </c>
      <c r="G33572" t="s">
        <v>20255</v>
      </c>
      <c r="H33572" t="s">
        <v>20256</v>
      </c>
      <c r="I33572" s="2">
        <v>1</v>
      </c>
      <c r="J33572" s="2">
        <v>0</v>
      </c>
      <c r="K33572" s="2">
        <v>0</v>
      </c>
      <c r="L33572" t="s">
        <v>120</v>
      </c>
      <c r="M33572" t="s">
        <v>89</v>
      </c>
      <c r="N33572" t="s">
        <v>90</v>
      </c>
      <c r="O33572" t="s">
        <v>85</v>
      </c>
      <c r="P33572" t="s">
        <v>86</v>
      </c>
      <c r="Q33572">
        <v>83</v>
      </c>
      <c r="R33572">
        <v>86</v>
      </c>
      <c r="S33572">
        <v>88</v>
      </c>
      <c r="T33572">
        <v>91</v>
      </c>
      <c r="U33572">
        <v>93</v>
      </c>
      <c r="V33572">
        <v>96</v>
      </c>
      <c r="W33572">
        <v>98</v>
      </c>
      <c r="X33572">
        <v>101</v>
      </c>
      <c r="Y33572">
        <v>103</v>
      </c>
      <c r="Z33572">
        <v>105</v>
      </c>
      <c r="AA33572">
        <v>108</v>
      </c>
      <c r="AB33572">
        <v>110</v>
      </c>
      <c r="AC33572">
        <v>113</v>
      </c>
      <c r="AD33572">
        <v>115</v>
      </c>
      <c r="AE33572">
        <v>117</v>
      </c>
      <c r="AF33572">
        <v>119</v>
      </c>
      <c r="AG33572">
        <v>120</v>
      </c>
      <c r="AH33572">
        <v>121</v>
      </c>
      <c r="AI33572">
        <v>123</v>
      </c>
      <c r="AJ33572">
        <v>124</v>
      </c>
      <c r="AK33572">
        <v>125</v>
      </c>
      <c r="AL33572">
        <v>127</v>
      </c>
      <c r="AM33572">
        <v>128</v>
      </c>
      <c r="AN33572">
        <v>129</v>
      </c>
      <c r="AO33572">
        <v>131</v>
      </c>
      <c r="AP33572">
        <v>132</v>
      </c>
      <c r="AQ33572">
        <v>134</v>
      </c>
    </row>
    <row r="33573" spans="1:43">
      <c r="A33573" t="s">
        <v>20797</v>
      </c>
      <c r="B33573" t="s">
        <v>20798</v>
      </c>
      <c r="C33573" t="s">
        <v>20795</v>
      </c>
      <c r="D33573" t="s">
        <v>20796</v>
      </c>
      <c r="E33573" t="s">
        <v>20787</v>
      </c>
      <c r="F33573" t="s">
        <v>20788</v>
      </c>
      <c r="G33573" t="s">
        <v>20255</v>
      </c>
      <c r="H33573" t="s">
        <v>20256</v>
      </c>
      <c r="I33573" s="2">
        <v>1</v>
      </c>
      <c r="J33573" s="2">
        <v>0</v>
      </c>
      <c r="K33573" s="2">
        <v>0</v>
      </c>
      <c r="L33573" t="s">
        <v>120</v>
      </c>
      <c r="M33573" t="s">
        <v>83</v>
      </c>
      <c r="N33573" t="s">
        <v>91</v>
      </c>
      <c r="O33573" t="s">
        <v>85</v>
      </c>
      <c r="P33573" t="s">
        <v>86</v>
      </c>
      <c r="Q33573">
        <v>83</v>
      </c>
      <c r="R33573">
        <v>85</v>
      </c>
      <c r="S33573">
        <v>87</v>
      </c>
      <c r="T33573">
        <v>89</v>
      </c>
      <c r="U33573">
        <v>91</v>
      </c>
      <c r="V33573">
        <v>93</v>
      </c>
      <c r="W33573">
        <v>95</v>
      </c>
      <c r="X33573">
        <v>96</v>
      </c>
      <c r="Y33573">
        <v>98</v>
      </c>
      <c r="Z33573">
        <v>100</v>
      </c>
      <c r="AA33573">
        <v>102</v>
      </c>
      <c r="AB33573">
        <v>104</v>
      </c>
      <c r="AC33573">
        <v>106</v>
      </c>
      <c r="AD33573">
        <v>108</v>
      </c>
      <c r="AE33573">
        <v>110</v>
      </c>
      <c r="AF33573">
        <v>113</v>
      </c>
      <c r="AG33573">
        <v>115</v>
      </c>
      <c r="AH33573">
        <v>117</v>
      </c>
      <c r="AI33573">
        <v>119</v>
      </c>
      <c r="AJ33573">
        <v>122</v>
      </c>
      <c r="AK33573">
        <v>124</v>
      </c>
      <c r="AL33573">
        <v>126</v>
      </c>
      <c r="AM33573">
        <v>127</v>
      </c>
      <c r="AN33573">
        <v>128</v>
      </c>
      <c r="AO33573">
        <v>130</v>
      </c>
      <c r="AP33573">
        <v>131</v>
      </c>
      <c r="AQ33573">
        <v>133</v>
      </c>
    </row>
    <row r="33574" spans="1:43">
      <c r="A33574" t="s">
        <v>20799</v>
      </c>
      <c r="B33574" t="s">
        <v>20800</v>
      </c>
      <c r="C33574" t="s">
        <v>20801</v>
      </c>
      <c r="D33574" t="s">
        <v>20802</v>
      </c>
      <c r="E33574" t="s">
        <v>20787</v>
      </c>
      <c r="F33574" t="s">
        <v>20788</v>
      </c>
      <c r="G33574" t="s">
        <v>20255</v>
      </c>
      <c r="H33574" t="s">
        <v>20256</v>
      </c>
      <c r="I33574" s="2">
        <v>0.94</v>
      </c>
      <c r="J33574" s="2">
        <v>0</v>
      </c>
      <c r="K33574" s="2">
        <v>0</v>
      </c>
      <c r="L33574" t="s">
        <v>120</v>
      </c>
      <c r="M33574" t="s">
        <v>83</v>
      </c>
      <c r="N33574" t="s">
        <v>84</v>
      </c>
      <c r="O33574" t="s">
        <v>85</v>
      </c>
      <c r="P33574" t="s">
        <v>86</v>
      </c>
      <c r="Q33574">
        <v>22</v>
      </c>
      <c r="R33574">
        <v>23</v>
      </c>
      <c r="S33574">
        <v>23</v>
      </c>
      <c r="T33574">
        <v>24</v>
      </c>
      <c r="U33574">
        <v>24</v>
      </c>
      <c r="V33574">
        <v>25</v>
      </c>
      <c r="W33574">
        <v>25</v>
      </c>
      <c r="X33574">
        <v>26</v>
      </c>
      <c r="Y33574">
        <v>26</v>
      </c>
      <c r="Z33574">
        <v>27</v>
      </c>
      <c r="AA33574">
        <v>27</v>
      </c>
      <c r="AB33574">
        <v>28</v>
      </c>
      <c r="AC33574">
        <v>28</v>
      </c>
      <c r="AD33574">
        <v>29</v>
      </c>
      <c r="AE33574">
        <v>29</v>
      </c>
      <c r="AF33574">
        <v>30</v>
      </c>
      <c r="AG33574">
        <v>30</v>
      </c>
      <c r="AH33574">
        <v>31</v>
      </c>
      <c r="AI33574">
        <v>32</v>
      </c>
      <c r="AJ33574">
        <v>32</v>
      </c>
      <c r="AK33574">
        <v>33</v>
      </c>
      <c r="AL33574">
        <v>33</v>
      </c>
      <c r="AM33574">
        <v>34</v>
      </c>
      <c r="AN33574">
        <v>34</v>
      </c>
      <c r="AO33574">
        <v>34</v>
      </c>
      <c r="AP33574">
        <v>35</v>
      </c>
      <c r="AQ33574">
        <v>35</v>
      </c>
    </row>
    <row r="33575" spans="1:43">
      <c r="A33575" t="s">
        <v>20799</v>
      </c>
      <c r="B33575" t="s">
        <v>20800</v>
      </c>
      <c r="C33575" t="s">
        <v>20801</v>
      </c>
      <c r="D33575" t="s">
        <v>20802</v>
      </c>
      <c r="E33575" t="s">
        <v>20787</v>
      </c>
      <c r="F33575" t="s">
        <v>20788</v>
      </c>
      <c r="G33575" t="s">
        <v>20255</v>
      </c>
      <c r="H33575" t="s">
        <v>20256</v>
      </c>
      <c r="I33575" s="2">
        <v>0.94</v>
      </c>
      <c r="J33575" s="2">
        <v>0</v>
      </c>
      <c r="K33575" s="2">
        <v>0</v>
      </c>
      <c r="L33575" t="s">
        <v>120</v>
      </c>
      <c r="M33575" t="s">
        <v>87</v>
      </c>
      <c r="N33575" t="s">
        <v>88</v>
      </c>
      <c r="O33575" t="s">
        <v>85</v>
      </c>
      <c r="P33575" t="s">
        <v>86</v>
      </c>
      <c r="Q33575">
        <v>22</v>
      </c>
      <c r="R33575">
        <v>22</v>
      </c>
      <c r="S33575">
        <v>22</v>
      </c>
      <c r="T33575">
        <v>23</v>
      </c>
      <c r="U33575">
        <v>23</v>
      </c>
      <c r="V33575">
        <v>23</v>
      </c>
      <c r="W33575">
        <v>24</v>
      </c>
      <c r="X33575">
        <v>24</v>
      </c>
      <c r="Y33575">
        <v>24</v>
      </c>
      <c r="Z33575">
        <v>24</v>
      </c>
      <c r="AA33575">
        <v>25</v>
      </c>
      <c r="AB33575">
        <v>25</v>
      </c>
      <c r="AC33575">
        <v>25</v>
      </c>
      <c r="AD33575">
        <v>26</v>
      </c>
      <c r="AE33575">
        <v>26</v>
      </c>
      <c r="AF33575">
        <v>26</v>
      </c>
      <c r="AG33575">
        <v>27</v>
      </c>
      <c r="AH33575">
        <v>27</v>
      </c>
      <c r="AI33575">
        <v>27</v>
      </c>
      <c r="AJ33575">
        <v>28</v>
      </c>
      <c r="AK33575">
        <v>28</v>
      </c>
      <c r="AL33575">
        <v>28</v>
      </c>
      <c r="AM33575">
        <v>29</v>
      </c>
      <c r="AN33575">
        <v>29</v>
      </c>
      <c r="AO33575">
        <v>29</v>
      </c>
      <c r="AP33575">
        <v>30</v>
      </c>
      <c r="AQ33575">
        <v>30</v>
      </c>
    </row>
    <row r="33576" spans="1:43">
      <c r="A33576" t="s">
        <v>20799</v>
      </c>
      <c r="B33576" t="s">
        <v>20800</v>
      </c>
      <c r="C33576" t="s">
        <v>20801</v>
      </c>
      <c r="D33576" t="s">
        <v>20802</v>
      </c>
      <c r="E33576" t="s">
        <v>20787</v>
      </c>
      <c r="F33576" t="s">
        <v>20788</v>
      </c>
      <c r="G33576" t="s">
        <v>20255</v>
      </c>
      <c r="H33576" t="s">
        <v>20256</v>
      </c>
      <c r="I33576" s="2">
        <v>0.94</v>
      </c>
      <c r="J33576" s="2">
        <v>0</v>
      </c>
      <c r="K33576" s="2">
        <v>0</v>
      </c>
      <c r="L33576" t="s">
        <v>120</v>
      </c>
      <c r="M33576" t="s">
        <v>89</v>
      </c>
      <c r="N33576" t="s">
        <v>90</v>
      </c>
      <c r="O33576" t="s">
        <v>85</v>
      </c>
      <c r="P33576" t="s">
        <v>86</v>
      </c>
      <c r="Q33576">
        <v>22</v>
      </c>
      <c r="R33576">
        <v>23</v>
      </c>
      <c r="S33576">
        <v>24</v>
      </c>
      <c r="T33576">
        <v>24</v>
      </c>
      <c r="U33576">
        <v>25</v>
      </c>
      <c r="V33576">
        <v>26</v>
      </c>
      <c r="W33576">
        <v>26</v>
      </c>
      <c r="X33576">
        <v>27</v>
      </c>
      <c r="Y33576">
        <v>28</v>
      </c>
      <c r="Z33576">
        <v>28</v>
      </c>
      <c r="AA33576">
        <v>29</v>
      </c>
      <c r="AB33576">
        <v>30</v>
      </c>
      <c r="AC33576">
        <v>30</v>
      </c>
      <c r="AD33576">
        <v>31</v>
      </c>
      <c r="AE33576">
        <v>31</v>
      </c>
      <c r="AF33576">
        <v>32</v>
      </c>
      <c r="AG33576">
        <v>32</v>
      </c>
      <c r="AH33576">
        <v>32</v>
      </c>
      <c r="AI33576">
        <v>33</v>
      </c>
      <c r="AJ33576">
        <v>33</v>
      </c>
      <c r="AK33576">
        <v>33</v>
      </c>
      <c r="AL33576">
        <v>34</v>
      </c>
      <c r="AM33576">
        <v>34</v>
      </c>
      <c r="AN33576">
        <v>34</v>
      </c>
      <c r="AO33576">
        <v>35</v>
      </c>
      <c r="AP33576">
        <v>35</v>
      </c>
      <c r="AQ33576">
        <v>35</v>
      </c>
    </row>
    <row r="33577" spans="1:43">
      <c r="A33577" t="s">
        <v>20799</v>
      </c>
      <c r="B33577" t="s">
        <v>20800</v>
      </c>
      <c r="C33577" t="s">
        <v>20801</v>
      </c>
      <c r="D33577" t="s">
        <v>20802</v>
      </c>
      <c r="E33577" t="s">
        <v>20787</v>
      </c>
      <c r="F33577" t="s">
        <v>20788</v>
      </c>
      <c r="G33577" t="s">
        <v>20255</v>
      </c>
      <c r="H33577" t="s">
        <v>20256</v>
      </c>
      <c r="I33577" s="2">
        <v>0.94</v>
      </c>
      <c r="J33577" s="2">
        <v>0</v>
      </c>
      <c r="K33577" s="2">
        <v>0</v>
      </c>
      <c r="L33577" t="s">
        <v>120</v>
      </c>
      <c r="M33577" t="s">
        <v>83</v>
      </c>
      <c r="N33577" t="s">
        <v>91</v>
      </c>
      <c r="O33577" t="s">
        <v>85</v>
      </c>
      <c r="P33577" t="s">
        <v>86</v>
      </c>
      <c r="Q33577">
        <v>22</v>
      </c>
      <c r="R33577">
        <v>23</v>
      </c>
      <c r="S33577">
        <v>23</v>
      </c>
      <c r="T33577">
        <v>24</v>
      </c>
      <c r="U33577">
        <v>24</v>
      </c>
      <c r="V33577">
        <v>25</v>
      </c>
      <c r="W33577">
        <v>25</v>
      </c>
      <c r="X33577">
        <v>26</v>
      </c>
      <c r="Y33577">
        <v>26</v>
      </c>
      <c r="Z33577">
        <v>27</v>
      </c>
      <c r="AA33577">
        <v>27</v>
      </c>
      <c r="AB33577">
        <v>28</v>
      </c>
      <c r="AC33577">
        <v>28</v>
      </c>
      <c r="AD33577">
        <v>29</v>
      </c>
      <c r="AE33577">
        <v>29</v>
      </c>
      <c r="AF33577">
        <v>30</v>
      </c>
      <c r="AG33577">
        <v>30</v>
      </c>
      <c r="AH33577">
        <v>31</v>
      </c>
      <c r="AI33577">
        <v>32</v>
      </c>
      <c r="AJ33577">
        <v>32</v>
      </c>
      <c r="AK33577">
        <v>33</v>
      </c>
      <c r="AL33577">
        <v>33</v>
      </c>
      <c r="AM33577">
        <v>34</v>
      </c>
      <c r="AN33577">
        <v>34</v>
      </c>
      <c r="AO33577">
        <v>34</v>
      </c>
      <c r="AP33577">
        <v>35</v>
      </c>
      <c r="AQ33577">
        <v>35</v>
      </c>
    </row>
    <row r="33578" spans="1:43">
      <c r="A33578" t="s">
        <v>20803</v>
      </c>
      <c r="B33578" t="s">
        <v>20804</v>
      </c>
      <c r="C33578" t="s">
        <v>20805</v>
      </c>
      <c r="D33578" t="s">
        <v>20806</v>
      </c>
      <c r="E33578" t="s">
        <v>20787</v>
      </c>
      <c r="F33578" t="s">
        <v>20788</v>
      </c>
      <c r="G33578" t="s">
        <v>20255</v>
      </c>
      <c r="H33578" t="s">
        <v>20256</v>
      </c>
      <c r="I33578" s="2">
        <v>1</v>
      </c>
      <c r="J33578" s="2">
        <v>0</v>
      </c>
      <c r="K33578" s="2">
        <v>0</v>
      </c>
      <c r="L33578" t="s">
        <v>120</v>
      </c>
      <c r="M33578" t="s">
        <v>83</v>
      </c>
      <c r="N33578" t="s">
        <v>84</v>
      </c>
      <c r="O33578" t="s">
        <v>85</v>
      </c>
      <c r="P33578" t="s">
        <v>86</v>
      </c>
      <c r="Q33578">
        <v>20</v>
      </c>
      <c r="R33578">
        <v>20</v>
      </c>
      <c r="S33578">
        <v>21</v>
      </c>
      <c r="T33578">
        <v>21</v>
      </c>
      <c r="U33578">
        <v>21</v>
      </c>
      <c r="V33578">
        <v>21</v>
      </c>
      <c r="W33578">
        <v>22</v>
      </c>
      <c r="X33578">
        <v>22</v>
      </c>
      <c r="Y33578">
        <v>22</v>
      </c>
      <c r="Z33578">
        <v>22</v>
      </c>
      <c r="AA33578">
        <v>23</v>
      </c>
      <c r="AB33578">
        <v>23</v>
      </c>
      <c r="AC33578">
        <v>23</v>
      </c>
      <c r="AD33578">
        <v>23</v>
      </c>
      <c r="AE33578">
        <v>24</v>
      </c>
      <c r="AF33578">
        <v>24</v>
      </c>
      <c r="AG33578">
        <v>24</v>
      </c>
      <c r="AH33578">
        <v>24</v>
      </c>
      <c r="AI33578">
        <v>24</v>
      </c>
      <c r="AJ33578">
        <v>25</v>
      </c>
      <c r="AK33578">
        <v>25</v>
      </c>
      <c r="AL33578">
        <v>25</v>
      </c>
      <c r="AM33578">
        <v>25</v>
      </c>
      <c r="AN33578">
        <v>25</v>
      </c>
      <c r="AO33578">
        <v>25</v>
      </c>
      <c r="AP33578">
        <v>25</v>
      </c>
      <c r="AQ33578">
        <v>25</v>
      </c>
    </row>
    <row r="33579" spans="1:43">
      <c r="A33579" t="s">
        <v>20803</v>
      </c>
      <c r="B33579" t="s">
        <v>20804</v>
      </c>
      <c r="C33579" t="s">
        <v>20805</v>
      </c>
      <c r="D33579" t="s">
        <v>20806</v>
      </c>
      <c r="E33579" t="s">
        <v>20787</v>
      </c>
      <c r="F33579" t="s">
        <v>20788</v>
      </c>
      <c r="G33579" t="s">
        <v>20255</v>
      </c>
      <c r="H33579" t="s">
        <v>20256</v>
      </c>
      <c r="I33579" s="2">
        <v>1</v>
      </c>
      <c r="J33579" s="2">
        <v>0</v>
      </c>
      <c r="K33579" s="2">
        <v>0</v>
      </c>
      <c r="L33579" t="s">
        <v>120</v>
      </c>
      <c r="M33579" t="s">
        <v>87</v>
      </c>
      <c r="N33579" t="s">
        <v>88</v>
      </c>
      <c r="O33579" t="s">
        <v>85</v>
      </c>
      <c r="P33579" t="s">
        <v>86</v>
      </c>
      <c r="Q33579">
        <v>20</v>
      </c>
      <c r="R33579">
        <v>20</v>
      </c>
      <c r="S33579">
        <v>20</v>
      </c>
      <c r="T33579">
        <v>20</v>
      </c>
      <c r="U33579">
        <v>20</v>
      </c>
      <c r="V33579">
        <v>20</v>
      </c>
      <c r="W33579">
        <v>20</v>
      </c>
      <c r="X33579">
        <v>20</v>
      </c>
      <c r="Y33579">
        <v>21</v>
      </c>
      <c r="Z33579">
        <v>21</v>
      </c>
      <c r="AA33579">
        <v>21</v>
      </c>
      <c r="AB33579">
        <v>21</v>
      </c>
      <c r="AC33579">
        <v>21</v>
      </c>
      <c r="AD33579">
        <v>21</v>
      </c>
      <c r="AE33579">
        <v>21</v>
      </c>
      <c r="AF33579">
        <v>21</v>
      </c>
      <c r="AG33579">
        <v>21</v>
      </c>
      <c r="AH33579">
        <v>21</v>
      </c>
      <c r="AI33579">
        <v>21</v>
      </c>
      <c r="AJ33579">
        <v>21</v>
      </c>
      <c r="AK33579">
        <v>21</v>
      </c>
      <c r="AL33579">
        <v>21</v>
      </c>
      <c r="AM33579">
        <v>21</v>
      </c>
      <c r="AN33579">
        <v>21</v>
      </c>
      <c r="AO33579">
        <v>21</v>
      </c>
      <c r="AP33579">
        <v>21</v>
      </c>
      <c r="AQ33579">
        <v>21</v>
      </c>
    </row>
    <row r="33580" spans="1:43">
      <c r="A33580" t="s">
        <v>20803</v>
      </c>
      <c r="B33580" t="s">
        <v>20804</v>
      </c>
      <c r="C33580" t="s">
        <v>20805</v>
      </c>
      <c r="D33580" t="s">
        <v>20806</v>
      </c>
      <c r="E33580" t="s">
        <v>20787</v>
      </c>
      <c r="F33580" t="s">
        <v>20788</v>
      </c>
      <c r="G33580" t="s">
        <v>20255</v>
      </c>
      <c r="H33580" t="s">
        <v>20256</v>
      </c>
      <c r="I33580" s="2">
        <v>1</v>
      </c>
      <c r="J33580" s="2">
        <v>0</v>
      </c>
      <c r="K33580" s="2">
        <v>0</v>
      </c>
      <c r="L33580" t="s">
        <v>120</v>
      </c>
      <c r="M33580" t="s">
        <v>89</v>
      </c>
      <c r="N33580" t="s">
        <v>90</v>
      </c>
      <c r="O33580" t="s">
        <v>85</v>
      </c>
      <c r="P33580" t="s">
        <v>86</v>
      </c>
      <c r="Q33580">
        <v>20</v>
      </c>
      <c r="R33580">
        <v>21</v>
      </c>
      <c r="S33580">
        <v>21</v>
      </c>
      <c r="T33580">
        <v>22</v>
      </c>
      <c r="U33580">
        <v>22</v>
      </c>
      <c r="V33580">
        <v>22</v>
      </c>
      <c r="W33580">
        <v>23</v>
      </c>
      <c r="X33580">
        <v>23</v>
      </c>
      <c r="Y33580">
        <v>23</v>
      </c>
      <c r="Z33580">
        <v>24</v>
      </c>
      <c r="AA33580">
        <v>24</v>
      </c>
      <c r="AB33580">
        <v>24</v>
      </c>
      <c r="AC33580">
        <v>25</v>
      </c>
      <c r="AD33580">
        <v>25</v>
      </c>
      <c r="AE33580">
        <v>25</v>
      </c>
      <c r="AF33580">
        <v>25</v>
      </c>
      <c r="AG33580">
        <v>25</v>
      </c>
      <c r="AH33580">
        <v>25</v>
      </c>
      <c r="AI33580">
        <v>25</v>
      </c>
      <c r="AJ33580">
        <v>25</v>
      </c>
      <c r="AK33580">
        <v>25</v>
      </c>
      <c r="AL33580">
        <v>25</v>
      </c>
      <c r="AM33580">
        <v>25</v>
      </c>
      <c r="AN33580">
        <v>25</v>
      </c>
      <c r="AO33580">
        <v>25</v>
      </c>
      <c r="AP33580">
        <v>25</v>
      </c>
      <c r="AQ33580">
        <v>25</v>
      </c>
    </row>
    <row r="33581" spans="1:43">
      <c r="A33581" t="s">
        <v>20803</v>
      </c>
      <c r="B33581" t="s">
        <v>20804</v>
      </c>
      <c r="C33581" t="s">
        <v>20805</v>
      </c>
      <c r="D33581" t="s">
        <v>20806</v>
      </c>
      <c r="E33581" t="s">
        <v>20787</v>
      </c>
      <c r="F33581" t="s">
        <v>20788</v>
      </c>
      <c r="G33581" t="s">
        <v>20255</v>
      </c>
      <c r="H33581" t="s">
        <v>20256</v>
      </c>
      <c r="I33581" s="2">
        <v>1</v>
      </c>
      <c r="J33581" s="2">
        <v>0</v>
      </c>
      <c r="K33581" s="2">
        <v>0</v>
      </c>
      <c r="L33581" t="s">
        <v>120</v>
      </c>
      <c r="M33581" t="s">
        <v>83</v>
      </c>
      <c r="N33581" t="s">
        <v>91</v>
      </c>
      <c r="O33581" t="s">
        <v>85</v>
      </c>
      <c r="P33581" t="s">
        <v>86</v>
      </c>
      <c r="Q33581">
        <v>20</v>
      </c>
      <c r="R33581">
        <v>20</v>
      </c>
      <c r="S33581">
        <v>21</v>
      </c>
      <c r="T33581">
        <v>21</v>
      </c>
      <c r="U33581">
        <v>21</v>
      </c>
      <c r="V33581">
        <v>21</v>
      </c>
      <c r="W33581">
        <v>22</v>
      </c>
      <c r="X33581">
        <v>22</v>
      </c>
      <c r="Y33581">
        <v>22</v>
      </c>
      <c r="Z33581">
        <v>22</v>
      </c>
      <c r="AA33581">
        <v>23</v>
      </c>
      <c r="AB33581">
        <v>23</v>
      </c>
      <c r="AC33581">
        <v>23</v>
      </c>
      <c r="AD33581">
        <v>23</v>
      </c>
      <c r="AE33581">
        <v>24</v>
      </c>
      <c r="AF33581">
        <v>24</v>
      </c>
      <c r="AG33581">
        <v>24</v>
      </c>
      <c r="AH33581">
        <v>24</v>
      </c>
      <c r="AI33581">
        <v>24</v>
      </c>
      <c r="AJ33581">
        <v>25</v>
      </c>
      <c r="AK33581">
        <v>25</v>
      </c>
      <c r="AL33581">
        <v>25</v>
      </c>
      <c r="AM33581">
        <v>25</v>
      </c>
      <c r="AN33581">
        <v>25</v>
      </c>
      <c r="AO33581">
        <v>25</v>
      </c>
      <c r="AP33581">
        <v>25</v>
      </c>
      <c r="AQ33581">
        <v>25</v>
      </c>
    </row>
    <row r="33582" spans="1:43">
      <c r="A33582" t="s">
        <v>20807</v>
      </c>
      <c r="B33582" t="s">
        <v>20808</v>
      </c>
      <c r="C33582" t="s">
        <v>20805</v>
      </c>
      <c r="D33582" t="s">
        <v>20806</v>
      </c>
      <c r="E33582" t="s">
        <v>20787</v>
      </c>
      <c r="F33582" t="s">
        <v>20788</v>
      </c>
      <c r="G33582" t="s">
        <v>20255</v>
      </c>
      <c r="H33582" t="s">
        <v>20256</v>
      </c>
      <c r="I33582" s="2">
        <v>1</v>
      </c>
      <c r="J33582" s="2">
        <v>0</v>
      </c>
      <c r="K33582" s="2">
        <v>0</v>
      </c>
      <c r="L33582" t="s">
        <v>120</v>
      </c>
      <c r="M33582" t="s">
        <v>83</v>
      </c>
      <c r="N33582" t="s">
        <v>84</v>
      </c>
      <c r="O33582" t="s">
        <v>85</v>
      </c>
      <c r="P33582" t="s">
        <v>86</v>
      </c>
      <c r="Q33582">
        <v>27</v>
      </c>
      <c r="R33582">
        <v>28</v>
      </c>
      <c r="S33582">
        <v>28</v>
      </c>
      <c r="T33582">
        <v>29</v>
      </c>
      <c r="U33582">
        <v>29</v>
      </c>
      <c r="V33582">
        <v>30</v>
      </c>
      <c r="W33582">
        <v>31</v>
      </c>
      <c r="X33582">
        <v>31</v>
      </c>
      <c r="Y33582">
        <v>32</v>
      </c>
      <c r="Z33582">
        <v>33</v>
      </c>
      <c r="AA33582">
        <v>33</v>
      </c>
      <c r="AB33582">
        <v>34</v>
      </c>
      <c r="AC33582">
        <v>35</v>
      </c>
      <c r="AD33582">
        <v>35</v>
      </c>
      <c r="AE33582">
        <v>36</v>
      </c>
      <c r="AF33582">
        <v>37</v>
      </c>
      <c r="AG33582">
        <v>37</v>
      </c>
      <c r="AH33582">
        <v>38</v>
      </c>
      <c r="AI33582">
        <v>39</v>
      </c>
      <c r="AJ33582">
        <v>40</v>
      </c>
      <c r="AK33582">
        <v>40</v>
      </c>
      <c r="AL33582">
        <v>41</v>
      </c>
      <c r="AM33582">
        <v>41</v>
      </c>
      <c r="AN33582">
        <v>42</v>
      </c>
      <c r="AO33582">
        <v>42</v>
      </c>
      <c r="AP33582">
        <v>43</v>
      </c>
      <c r="AQ33582">
        <v>43</v>
      </c>
    </row>
    <row r="33583" spans="1:43">
      <c r="A33583" t="s">
        <v>20807</v>
      </c>
      <c r="B33583" t="s">
        <v>20808</v>
      </c>
      <c r="C33583" t="s">
        <v>20805</v>
      </c>
      <c r="D33583" t="s">
        <v>20806</v>
      </c>
      <c r="E33583" t="s">
        <v>20787</v>
      </c>
      <c r="F33583" t="s">
        <v>20788</v>
      </c>
      <c r="G33583" t="s">
        <v>20255</v>
      </c>
      <c r="H33583" t="s">
        <v>20256</v>
      </c>
      <c r="I33583" s="2">
        <v>1</v>
      </c>
      <c r="J33583" s="2">
        <v>0</v>
      </c>
      <c r="K33583" s="2">
        <v>0</v>
      </c>
      <c r="L33583" t="s">
        <v>120</v>
      </c>
      <c r="M33583" t="s">
        <v>87</v>
      </c>
      <c r="N33583" t="s">
        <v>88</v>
      </c>
      <c r="O33583" t="s">
        <v>85</v>
      </c>
      <c r="P33583" t="s">
        <v>86</v>
      </c>
      <c r="Q33583">
        <v>27</v>
      </c>
      <c r="R33583">
        <v>27</v>
      </c>
      <c r="S33583">
        <v>27</v>
      </c>
      <c r="T33583">
        <v>28</v>
      </c>
      <c r="U33583">
        <v>28</v>
      </c>
      <c r="V33583">
        <v>28</v>
      </c>
      <c r="W33583">
        <v>29</v>
      </c>
      <c r="X33583">
        <v>29</v>
      </c>
      <c r="Y33583">
        <v>30</v>
      </c>
      <c r="Z33583">
        <v>30</v>
      </c>
      <c r="AA33583">
        <v>30</v>
      </c>
      <c r="AB33583">
        <v>31</v>
      </c>
      <c r="AC33583">
        <v>31</v>
      </c>
      <c r="AD33583">
        <v>31</v>
      </c>
      <c r="AE33583">
        <v>32</v>
      </c>
      <c r="AF33583">
        <v>32</v>
      </c>
      <c r="AG33583">
        <v>33</v>
      </c>
      <c r="AH33583">
        <v>33</v>
      </c>
      <c r="AI33583">
        <v>33</v>
      </c>
      <c r="AJ33583">
        <v>34</v>
      </c>
      <c r="AK33583">
        <v>34</v>
      </c>
      <c r="AL33583">
        <v>35</v>
      </c>
      <c r="AM33583">
        <v>35</v>
      </c>
      <c r="AN33583">
        <v>36</v>
      </c>
      <c r="AO33583">
        <v>36</v>
      </c>
      <c r="AP33583">
        <v>37</v>
      </c>
      <c r="AQ33583">
        <v>37</v>
      </c>
    </row>
    <row r="33584" spans="1:43">
      <c r="A33584" t="s">
        <v>20807</v>
      </c>
      <c r="B33584" t="s">
        <v>20808</v>
      </c>
      <c r="C33584" t="s">
        <v>20805</v>
      </c>
      <c r="D33584" t="s">
        <v>20806</v>
      </c>
      <c r="E33584" t="s">
        <v>20787</v>
      </c>
      <c r="F33584" t="s">
        <v>20788</v>
      </c>
      <c r="G33584" t="s">
        <v>20255</v>
      </c>
      <c r="H33584" t="s">
        <v>20256</v>
      </c>
      <c r="I33584" s="2">
        <v>1</v>
      </c>
      <c r="J33584" s="2">
        <v>0</v>
      </c>
      <c r="K33584" s="2">
        <v>0</v>
      </c>
      <c r="L33584" t="s">
        <v>120</v>
      </c>
      <c r="M33584" t="s">
        <v>89</v>
      </c>
      <c r="N33584" t="s">
        <v>90</v>
      </c>
      <c r="O33584" t="s">
        <v>85</v>
      </c>
      <c r="P33584" t="s">
        <v>86</v>
      </c>
      <c r="Q33584">
        <v>27</v>
      </c>
      <c r="R33584">
        <v>28</v>
      </c>
      <c r="S33584">
        <v>29</v>
      </c>
      <c r="T33584">
        <v>30</v>
      </c>
      <c r="U33584">
        <v>31</v>
      </c>
      <c r="V33584">
        <v>31</v>
      </c>
      <c r="W33584">
        <v>32</v>
      </c>
      <c r="X33584">
        <v>33</v>
      </c>
      <c r="Y33584">
        <v>34</v>
      </c>
      <c r="Z33584">
        <v>35</v>
      </c>
      <c r="AA33584">
        <v>35</v>
      </c>
      <c r="AB33584">
        <v>36</v>
      </c>
      <c r="AC33584">
        <v>37</v>
      </c>
      <c r="AD33584">
        <v>38</v>
      </c>
      <c r="AE33584">
        <v>39</v>
      </c>
      <c r="AF33584">
        <v>39</v>
      </c>
      <c r="AG33584">
        <v>39</v>
      </c>
      <c r="AH33584">
        <v>40</v>
      </c>
      <c r="AI33584">
        <v>40</v>
      </c>
      <c r="AJ33584">
        <v>41</v>
      </c>
      <c r="AK33584">
        <v>41</v>
      </c>
      <c r="AL33584">
        <v>41</v>
      </c>
      <c r="AM33584">
        <v>42</v>
      </c>
      <c r="AN33584">
        <v>42</v>
      </c>
      <c r="AO33584">
        <v>43</v>
      </c>
      <c r="AP33584">
        <v>43</v>
      </c>
      <c r="AQ33584">
        <v>44</v>
      </c>
    </row>
    <row r="33585" spans="1:43">
      <c r="A33585" t="s">
        <v>20807</v>
      </c>
      <c r="B33585" t="s">
        <v>20808</v>
      </c>
      <c r="C33585" t="s">
        <v>20805</v>
      </c>
      <c r="D33585" t="s">
        <v>20806</v>
      </c>
      <c r="E33585" t="s">
        <v>20787</v>
      </c>
      <c r="F33585" t="s">
        <v>20788</v>
      </c>
      <c r="G33585" t="s">
        <v>20255</v>
      </c>
      <c r="H33585" t="s">
        <v>20256</v>
      </c>
      <c r="I33585" s="2">
        <v>1</v>
      </c>
      <c r="J33585" s="2">
        <v>0</v>
      </c>
      <c r="K33585" s="2">
        <v>0</v>
      </c>
      <c r="L33585" t="s">
        <v>120</v>
      </c>
      <c r="M33585" t="s">
        <v>83</v>
      </c>
      <c r="N33585" t="s">
        <v>91</v>
      </c>
      <c r="O33585" t="s">
        <v>85</v>
      </c>
      <c r="P33585" t="s">
        <v>86</v>
      </c>
      <c r="Q33585">
        <v>27</v>
      </c>
      <c r="R33585">
        <v>28</v>
      </c>
      <c r="S33585">
        <v>28</v>
      </c>
      <c r="T33585">
        <v>29</v>
      </c>
      <c r="U33585">
        <v>29</v>
      </c>
      <c r="V33585">
        <v>30</v>
      </c>
      <c r="W33585">
        <v>31</v>
      </c>
      <c r="X33585">
        <v>31</v>
      </c>
      <c r="Y33585">
        <v>32</v>
      </c>
      <c r="Z33585">
        <v>33</v>
      </c>
      <c r="AA33585">
        <v>33</v>
      </c>
      <c r="AB33585">
        <v>34</v>
      </c>
      <c r="AC33585">
        <v>35</v>
      </c>
      <c r="AD33585">
        <v>35</v>
      </c>
      <c r="AE33585">
        <v>36</v>
      </c>
      <c r="AF33585">
        <v>37</v>
      </c>
      <c r="AG33585">
        <v>37</v>
      </c>
      <c r="AH33585">
        <v>38</v>
      </c>
      <c r="AI33585">
        <v>39</v>
      </c>
      <c r="AJ33585">
        <v>40</v>
      </c>
      <c r="AK33585">
        <v>40</v>
      </c>
      <c r="AL33585">
        <v>41</v>
      </c>
      <c r="AM33585">
        <v>41</v>
      </c>
      <c r="AN33585">
        <v>42</v>
      </c>
      <c r="AO33585">
        <v>42</v>
      </c>
      <c r="AP33585">
        <v>43</v>
      </c>
      <c r="AQ33585">
        <v>43</v>
      </c>
    </row>
    <row r="33586" spans="1:43">
      <c r="A33586" t="s">
        <v>20809</v>
      </c>
      <c r="B33586" t="s">
        <v>20810</v>
      </c>
      <c r="C33586" t="s">
        <v>20805</v>
      </c>
      <c r="D33586" t="s">
        <v>20806</v>
      </c>
      <c r="E33586" t="s">
        <v>20787</v>
      </c>
      <c r="F33586" t="s">
        <v>20788</v>
      </c>
      <c r="G33586" t="s">
        <v>20255</v>
      </c>
      <c r="H33586" t="s">
        <v>20256</v>
      </c>
      <c r="I33586" s="2">
        <v>1</v>
      </c>
      <c r="J33586" s="2">
        <v>0</v>
      </c>
      <c r="K33586" s="2">
        <v>0</v>
      </c>
      <c r="L33586" t="s">
        <v>120</v>
      </c>
      <c r="M33586" t="s">
        <v>83</v>
      </c>
      <c r="N33586" t="s">
        <v>84</v>
      </c>
      <c r="O33586" t="s">
        <v>85</v>
      </c>
      <c r="P33586" t="s">
        <v>86</v>
      </c>
      <c r="Q33586">
        <v>61</v>
      </c>
      <c r="R33586">
        <v>63</v>
      </c>
      <c r="S33586">
        <v>64</v>
      </c>
      <c r="T33586">
        <v>65</v>
      </c>
      <c r="U33586">
        <v>67</v>
      </c>
      <c r="V33586">
        <v>68</v>
      </c>
      <c r="W33586">
        <v>70</v>
      </c>
      <c r="X33586">
        <v>71</v>
      </c>
      <c r="Y33586">
        <v>72</v>
      </c>
      <c r="Z33586">
        <v>74</v>
      </c>
      <c r="AA33586">
        <v>75</v>
      </c>
      <c r="AB33586">
        <v>77</v>
      </c>
      <c r="AC33586">
        <v>78</v>
      </c>
      <c r="AD33586">
        <v>80</v>
      </c>
      <c r="AE33586">
        <v>81</v>
      </c>
      <c r="AF33586">
        <v>83</v>
      </c>
      <c r="AG33586">
        <v>85</v>
      </c>
      <c r="AH33586">
        <v>86</v>
      </c>
      <c r="AI33586">
        <v>88</v>
      </c>
      <c r="AJ33586">
        <v>90</v>
      </c>
      <c r="AK33586">
        <v>91</v>
      </c>
      <c r="AL33586">
        <v>93</v>
      </c>
      <c r="AM33586">
        <v>94</v>
      </c>
      <c r="AN33586">
        <v>95</v>
      </c>
      <c r="AO33586">
        <v>96</v>
      </c>
      <c r="AP33586">
        <v>97</v>
      </c>
      <c r="AQ33586">
        <v>98</v>
      </c>
    </row>
    <row r="33587" spans="1:43">
      <c r="A33587" t="s">
        <v>20809</v>
      </c>
      <c r="B33587" t="s">
        <v>20810</v>
      </c>
      <c r="C33587" t="s">
        <v>20805</v>
      </c>
      <c r="D33587" t="s">
        <v>20806</v>
      </c>
      <c r="E33587" t="s">
        <v>20787</v>
      </c>
      <c r="F33587" t="s">
        <v>20788</v>
      </c>
      <c r="G33587" t="s">
        <v>20255</v>
      </c>
      <c r="H33587" t="s">
        <v>20256</v>
      </c>
      <c r="I33587" s="2">
        <v>1</v>
      </c>
      <c r="J33587" s="2">
        <v>0</v>
      </c>
      <c r="K33587" s="2">
        <v>0</v>
      </c>
      <c r="L33587" t="s">
        <v>120</v>
      </c>
      <c r="M33587" t="s">
        <v>87</v>
      </c>
      <c r="N33587" t="s">
        <v>88</v>
      </c>
      <c r="O33587" t="s">
        <v>85</v>
      </c>
      <c r="P33587" t="s">
        <v>86</v>
      </c>
      <c r="Q33587">
        <v>61</v>
      </c>
      <c r="R33587">
        <v>61</v>
      </c>
      <c r="S33587">
        <v>62</v>
      </c>
      <c r="T33587">
        <v>63</v>
      </c>
      <c r="U33587">
        <v>64</v>
      </c>
      <c r="V33587">
        <v>65</v>
      </c>
      <c r="W33587">
        <v>65</v>
      </c>
      <c r="X33587">
        <v>66</v>
      </c>
      <c r="Y33587">
        <v>67</v>
      </c>
      <c r="Z33587">
        <v>68</v>
      </c>
      <c r="AA33587">
        <v>69</v>
      </c>
      <c r="AB33587">
        <v>69</v>
      </c>
      <c r="AC33587">
        <v>70</v>
      </c>
      <c r="AD33587">
        <v>71</v>
      </c>
      <c r="AE33587">
        <v>72</v>
      </c>
      <c r="AF33587">
        <v>73</v>
      </c>
      <c r="AG33587">
        <v>74</v>
      </c>
      <c r="AH33587">
        <v>75</v>
      </c>
      <c r="AI33587">
        <v>76</v>
      </c>
      <c r="AJ33587">
        <v>77</v>
      </c>
      <c r="AK33587">
        <v>78</v>
      </c>
      <c r="AL33587">
        <v>79</v>
      </c>
      <c r="AM33587">
        <v>80</v>
      </c>
      <c r="AN33587">
        <v>81</v>
      </c>
      <c r="AO33587">
        <v>82</v>
      </c>
      <c r="AP33587">
        <v>83</v>
      </c>
      <c r="AQ33587">
        <v>84</v>
      </c>
    </row>
    <row r="33588" spans="1:43">
      <c r="A33588" t="s">
        <v>20809</v>
      </c>
      <c r="B33588" t="s">
        <v>20810</v>
      </c>
      <c r="C33588" t="s">
        <v>20805</v>
      </c>
      <c r="D33588" t="s">
        <v>20806</v>
      </c>
      <c r="E33588" t="s">
        <v>20787</v>
      </c>
      <c r="F33588" t="s">
        <v>20788</v>
      </c>
      <c r="G33588" t="s">
        <v>20255</v>
      </c>
      <c r="H33588" t="s">
        <v>20256</v>
      </c>
      <c r="I33588" s="2">
        <v>1</v>
      </c>
      <c r="J33588" s="2">
        <v>0</v>
      </c>
      <c r="K33588" s="2">
        <v>0</v>
      </c>
      <c r="L33588" t="s">
        <v>120</v>
      </c>
      <c r="M33588" t="s">
        <v>89</v>
      </c>
      <c r="N33588" t="s">
        <v>90</v>
      </c>
      <c r="O33588" t="s">
        <v>85</v>
      </c>
      <c r="P33588" t="s">
        <v>86</v>
      </c>
      <c r="Q33588">
        <v>61</v>
      </c>
      <c r="R33588">
        <v>63</v>
      </c>
      <c r="S33588">
        <v>65</v>
      </c>
      <c r="T33588">
        <v>66</v>
      </c>
      <c r="U33588">
        <v>68</v>
      </c>
      <c r="V33588">
        <v>70</v>
      </c>
      <c r="W33588">
        <v>72</v>
      </c>
      <c r="X33588">
        <v>74</v>
      </c>
      <c r="Y33588">
        <v>76</v>
      </c>
      <c r="Z33588">
        <v>77</v>
      </c>
      <c r="AA33588">
        <v>79</v>
      </c>
      <c r="AB33588">
        <v>81</v>
      </c>
      <c r="AC33588">
        <v>83</v>
      </c>
      <c r="AD33588">
        <v>85</v>
      </c>
      <c r="AE33588">
        <v>86</v>
      </c>
      <c r="AF33588">
        <v>87</v>
      </c>
      <c r="AG33588">
        <v>88</v>
      </c>
      <c r="AH33588">
        <v>89</v>
      </c>
      <c r="AI33588">
        <v>90</v>
      </c>
      <c r="AJ33588">
        <v>91</v>
      </c>
      <c r="AK33588">
        <v>92</v>
      </c>
      <c r="AL33588">
        <v>93</v>
      </c>
      <c r="AM33588">
        <v>94</v>
      </c>
      <c r="AN33588">
        <v>95</v>
      </c>
      <c r="AO33588">
        <v>96</v>
      </c>
      <c r="AP33588">
        <v>97</v>
      </c>
      <c r="AQ33588">
        <v>98</v>
      </c>
    </row>
    <row r="33589" spans="1:43">
      <c r="A33589" t="s">
        <v>20809</v>
      </c>
      <c r="B33589" t="s">
        <v>20810</v>
      </c>
      <c r="C33589" t="s">
        <v>20805</v>
      </c>
      <c r="D33589" t="s">
        <v>20806</v>
      </c>
      <c r="E33589" t="s">
        <v>20787</v>
      </c>
      <c r="F33589" t="s">
        <v>20788</v>
      </c>
      <c r="G33589" t="s">
        <v>20255</v>
      </c>
      <c r="H33589" t="s">
        <v>20256</v>
      </c>
      <c r="I33589" s="2">
        <v>1</v>
      </c>
      <c r="J33589" s="2">
        <v>0</v>
      </c>
      <c r="K33589" s="2">
        <v>0</v>
      </c>
      <c r="L33589" t="s">
        <v>120</v>
      </c>
      <c r="M33589" t="s">
        <v>83</v>
      </c>
      <c r="N33589" t="s">
        <v>91</v>
      </c>
      <c r="O33589" t="s">
        <v>85</v>
      </c>
      <c r="P33589" t="s">
        <v>86</v>
      </c>
      <c r="Q33589">
        <v>61</v>
      </c>
      <c r="R33589">
        <v>63</v>
      </c>
      <c r="S33589">
        <v>64</v>
      </c>
      <c r="T33589">
        <v>65</v>
      </c>
      <c r="U33589">
        <v>67</v>
      </c>
      <c r="V33589">
        <v>68</v>
      </c>
      <c r="W33589">
        <v>70</v>
      </c>
      <c r="X33589">
        <v>71</v>
      </c>
      <c r="Y33589">
        <v>72</v>
      </c>
      <c r="Z33589">
        <v>74</v>
      </c>
      <c r="AA33589">
        <v>75</v>
      </c>
      <c r="AB33589">
        <v>77</v>
      </c>
      <c r="AC33589">
        <v>78</v>
      </c>
      <c r="AD33589">
        <v>80</v>
      </c>
      <c r="AE33589">
        <v>81</v>
      </c>
      <c r="AF33589">
        <v>83</v>
      </c>
      <c r="AG33589">
        <v>85</v>
      </c>
      <c r="AH33589">
        <v>86</v>
      </c>
      <c r="AI33589">
        <v>88</v>
      </c>
      <c r="AJ33589">
        <v>90</v>
      </c>
      <c r="AK33589">
        <v>91</v>
      </c>
      <c r="AL33589">
        <v>93</v>
      </c>
      <c r="AM33589">
        <v>94</v>
      </c>
      <c r="AN33589">
        <v>95</v>
      </c>
      <c r="AO33589">
        <v>96</v>
      </c>
      <c r="AP33589">
        <v>97</v>
      </c>
      <c r="AQ33589">
        <v>98</v>
      </c>
    </row>
    <row r="33590" spans="1:43">
      <c r="A33590" t="s">
        <v>20811</v>
      </c>
      <c r="B33590" t="s">
        <v>20812</v>
      </c>
      <c r="C33590" t="s">
        <v>20805</v>
      </c>
      <c r="D33590" t="s">
        <v>20806</v>
      </c>
      <c r="E33590" t="s">
        <v>20787</v>
      </c>
      <c r="F33590" t="s">
        <v>20788</v>
      </c>
      <c r="G33590" t="s">
        <v>20255</v>
      </c>
      <c r="H33590" t="s">
        <v>20256</v>
      </c>
      <c r="I33590" s="2">
        <v>1</v>
      </c>
      <c r="J33590" s="2">
        <v>0</v>
      </c>
      <c r="K33590" s="2">
        <v>0</v>
      </c>
      <c r="L33590" t="s">
        <v>120</v>
      </c>
      <c r="M33590" t="s">
        <v>83</v>
      </c>
      <c r="N33590" t="s">
        <v>84</v>
      </c>
      <c r="O33590" t="s">
        <v>85</v>
      </c>
      <c r="P33590" t="s">
        <v>86</v>
      </c>
      <c r="Q33590">
        <v>50</v>
      </c>
      <c r="R33590">
        <v>51</v>
      </c>
      <c r="S33590">
        <v>51</v>
      </c>
      <c r="T33590">
        <v>52</v>
      </c>
      <c r="U33590">
        <v>53</v>
      </c>
      <c r="V33590">
        <v>53</v>
      </c>
      <c r="W33590">
        <v>54</v>
      </c>
      <c r="X33590">
        <v>55</v>
      </c>
      <c r="Y33590">
        <v>55</v>
      </c>
      <c r="Z33590">
        <v>56</v>
      </c>
      <c r="AA33590">
        <v>57</v>
      </c>
      <c r="AB33590">
        <v>58</v>
      </c>
      <c r="AC33590">
        <v>58</v>
      </c>
      <c r="AD33590">
        <v>59</v>
      </c>
      <c r="AE33590">
        <v>60</v>
      </c>
      <c r="AF33590">
        <v>60</v>
      </c>
      <c r="AG33590">
        <v>61</v>
      </c>
      <c r="AH33590">
        <v>62</v>
      </c>
      <c r="AI33590">
        <v>62</v>
      </c>
      <c r="AJ33590">
        <v>63</v>
      </c>
      <c r="AK33590">
        <v>64</v>
      </c>
      <c r="AL33590">
        <v>64</v>
      </c>
      <c r="AM33590">
        <v>64</v>
      </c>
      <c r="AN33590">
        <v>65</v>
      </c>
      <c r="AO33590">
        <v>65</v>
      </c>
      <c r="AP33590">
        <v>65</v>
      </c>
      <c r="AQ33590">
        <v>65</v>
      </c>
    </row>
    <row r="33591" spans="1:43">
      <c r="A33591" t="s">
        <v>20811</v>
      </c>
      <c r="B33591" t="s">
        <v>20812</v>
      </c>
      <c r="C33591" t="s">
        <v>20805</v>
      </c>
      <c r="D33591" t="s">
        <v>20806</v>
      </c>
      <c r="E33591" t="s">
        <v>20787</v>
      </c>
      <c r="F33591" t="s">
        <v>20788</v>
      </c>
      <c r="G33591" t="s">
        <v>20255</v>
      </c>
      <c r="H33591" t="s">
        <v>20256</v>
      </c>
      <c r="I33591" s="2">
        <v>1</v>
      </c>
      <c r="J33591" s="2">
        <v>0</v>
      </c>
      <c r="K33591" s="2">
        <v>0</v>
      </c>
      <c r="L33591" t="s">
        <v>120</v>
      </c>
      <c r="M33591" t="s">
        <v>87</v>
      </c>
      <c r="N33591" t="s">
        <v>88</v>
      </c>
      <c r="O33591" t="s">
        <v>85</v>
      </c>
      <c r="P33591" t="s">
        <v>86</v>
      </c>
      <c r="Q33591">
        <v>50</v>
      </c>
      <c r="R33591">
        <v>51</v>
      </c>
      <c r="S33591">
        <v>51</v>
      </c>
      <c r="T33591">
        <v>51</v>
      </c>
      <c r="U33591">
        <v>51</v>
      </c>
      <c r="V33591">
        <v>52</v>
      </c>
      <c r="W33591">
        <v>52</v>
      </c>
      <c r="X33591">
        <v>52</v>
      </c>
      <c r="Y33591">
        <v>52</v>
      </c>
      <c r="Z33591">
        <v>53</v>
      </c>
      <c r="AA33591">
        <v>53</v>
      </c>
      <c r="AB33591">
        <v>53</v>
      </c>
      <c r="AC33591">
        <v>53</v>
      </c>
      <c r="AD33591">
        <v>54</v>
      </c>
      <c r="AE33591">
        <v>54</v>
      </c>
      <c r="AF33591">
        <v>54</v>
      </c>
      <c r="AG33591">
        <v>54</v>
      </c>
      <c r="AH33591">
        <v>55</v>
      </c>
      <c r="AI33591">
        <v>55</v>
      </c>
      <c r="AJ33591">
        <v>55</v>
      </c>
      <c r="AK33591">
        <v>55</v>
      </c>
      <c r="AL33591">
        <v>56</v>
      </c>
      <c r="AM33591">
        <v>56</v>
      </c>
      <c r="AN33591">
        <v>56</v>
      </c>
      <c r="AO33591">
        <v>57</v>
      </c>
      <c r="AP33591">
        <v>57</v>
      </c>
      <c r="AQ33591">
        <v>57</v>
      </c>
    </row>
    <row r="33592" spans="1:43">
      <c r="A33592" t="s">
        <v>20811</v>
      </c>
      <c r="B33592" t="s">
        <v>20812</v>
      </c>
      <c r="C33592" t="s">
        <v>20805</v>
      </c>
      <c r="D33592" t="s">
        <v>20806</v>
      </c>
      <c r="E33592" t="s">
        <v>20787</v>
      </c>
      <c r="F33592" t="s">
        <v>20788</v>
      </c>
      <c r="G33592" t="s">
        <v>20255</v>
      </c>
      <c r="H33592" t="s">
        <v>20256</v>
      </c>
      <c r="I33592" s="2">
        <v>1</v>
      </c>
      <c r="J33592" s="2">
        <v>0</v>
      </c>
      <c r="K33592" s="2">
        <v>0</v>
      </c>
      <c r="L33592" t="s">
        <v>120</v>
      </c>
      <c r="M33592" t="s">
        <v>89</v>
      </c>
      <c r="N33592" t="s">
        <v>90</v>
      </c>
      <c r="O33592" t="s">
        <v>85</v>
      </c>
      <c r="P33592" t="s">
        <v>86</v>
      </c>
      <c r="Q33592">
        <v>50</v>
      </c>
      <c r="R33592">
        <v>51</v>
      </c>
      <c r="S33592">
        <v>53</v>
      </c>
      <c r="T33592">
        <v>54</v>
      </c>
      <c r="U33592">
        <v>55</v>
      </c>
      <c r="V33592">
        <v>56</v>
      </c>
      <c r="W33592">
        <v>57</v>
      </c>
      <c r="X33592">
        <v>58</v>
      </c>
      <c r="Y33592">
        <v>59</v>
      </c>
      <c r="Z33592">
        <v>60</v>
      </c>
      <c r="AA33592">
        <v>61</v>
      </c>
      <c r="AB33592">
        <v>61</v>
      </c>
      <c r="AC33592">
        <v>62</v>
      </c>
      <c r="AD33592">
        <v>63</v>
      </c>
      <c r="AE33592">
        <v>64</v>
      </c>
      <c r="AF33592">
        <v>64</v>
      </c>
      <c r="AG33592">
        <v>64</v>
      </c>
      <c r="AH33592">
        <v>65</v>
      </c>
      <c r="AI33592">
        <v>65</v>
      </c>
      <c r="AJ33592">
        <v>65</v>
      </c>
      <c r="AK33592">
        <v>65</v>
      </c>
      <c r="AL33592">
        <v>65</v>
      </c>
      <c r="AM33592">
        <v>65</v>
      </c>
      <c r="AN33592">
        <v>66</v>
      </c>
      <c r="AO33592">
        <v>66</v>
      </c>
      <c r="AP33592">
        <v>66</v>
      </c>
      <c r="AQ33592">
        <v>66</v>
      </c>
    </row>
    <row r="33593" spans="1:43">
      <c r="A33593" t="s">
        <v>20811</v>
      </c>
      <c r="B33593" t="s">
        <v>20812</v>
      </c>
      <c r="C33593" t="s">
        <v>20805</v>
      </c>
      <c r="D33593" t="s">
        <v>20806</v>
      </c>
      <c r="E33593" t="s">
        <v>20787</v>
      </c>
      <c r="F33593" t="s">
        <v>20788</v>
      </c>
      <c r="G33593" t="s">
        <v>20255</v>
      </c>
      <c r="H33593" t="s">
        <v>20256</v>
      </c>
      <c r="I33593" s="2">
        <v>1</v>
      </c>
      <c r="J33593" s="2">
        <v>0</v>
      </c>
      <c r="K33593" s="2">
        <v>0</v>
      </c>
      <c r="L33593" t="s">
        <v>120</v>
      </c>
      <c r="M33593" t="s">
        <v>83</v>
      </c>
      <c r="N33593" t="s">
        <v>91</v>
      </c>
      <c r="O33593" t="s">
        <v>85</v>
      </c>
      <c r="P33593" t="s">
        <v>86</v>
      </c>
      <c r="Q33593">
        <v>50</v>
      </c>
      <c r="R33593">
        <v>51</v>
      </c>
      <c r="S33593">
        <v>51</v>
      </c>
      <c r="T33593">
        <v>52</v>
      </c>
      <c r="U33593">
        <v>53</v>
      </c>
      <c r="V33593">
        <v>53</v>
      </c>
      <c r="W33593">
        <v>54</v>
      </c>
      <c r="X33593">
        <v>55</v>
      </c>
      <c r="Y33593">
        <v>55</v>
      </c>
      <c r="Z33593">
        <v>56</v>
      </c>
      <c r="AA33593">
        <v>57</v>
      </c>
      <c r="AB33593">
        <v>58</v>
      </c>
      <c r="AC33593">
        <v>58</v>
      </c>
      <c r="AD33593">
        <v>59</v>
      </c>
      <c r="AE33593">
        <v>60</v>
      </c>
      <c r="AF33593">
        <v>60</v>
      </c>
      <c r="AG33593">
        <v>61</v>
      </c>
      <c r="AH33593">
        <v>62</v>
      </c>
      <c r="AI33593">
        <v>62</v>
      </c>
      <c r="AJ33593">
        <v>63</v>
      </c>
      <c r="AK33593">
        <v>64</v>
      </c>
      <c r="AL33593">
        <v>64</v>
      </c>
      <c r="AM33593">
        <v>64</v>
      </c>
      <c r="AN33593">
        <v>65</v>
      </c>
      <c r="AO33593">
        <v>65</v>
      </c>
      <c r="AP33593">
        <v>65</v>
      </c>
      <c r="AQ33593">
        <v>65</v>
      </c>
    </row>
    <row r="33594" spans="1:43">
      <c r="A33594" t="s">
        <v>20813</v>
      </c>
      <c r="B33594" t="s">
        <v>20814</v>
      </c>
      <c r="C33594" t="s">
        <v>20805</v>
      </c>
      <c r="D33594" t="s">
        <v>20806</v>
      </c>
      <c r="E33594" t="s">
        <v>20787</v>
      </c>
      <c r="F33594" t="s">
        <v>20788</v>
      </c>
      <c r="G33594" t="s">
        <v>20255</v>
      </c>
      <c r="H33594" t="s">
        <v>20256</v>
      </c>
      <c r="I33594" s="2">
        <v>1</v>
      </c>
      <c r="J33594" s="2">
        <v>0</v>
      </c>
      <c r="K33594" s="2">
        <v>0</v>
      </c>
      <c r="L33594" t="s">
        <v>120</v>
      </c>
      <c r="M33594" t="s">
        <v>83</v>
      </c>
      <c r="N33594" t="s">
        <v>84</v>
      </c>
      <c r="O33594" t="s">
        <v>85</v>
      </c>
      <c r="P33594" t="s">
        <v>86</v>
      </c>
      <c r="Q33594">
        <v>25</v>
      </c>
      <c r="R33594">
        <v>26</v>
      </c>
      <c r="S33594">
        <v>26</v>
      </c>
      <c r="T33594">
        <v>27</v>
      </c>
      <c r="U33594">
        <v>27</v>
      </c>
      <c r="V33594">
        <v>28</v>
      </c>
      <c r="W33594">
        <v>28</v>
      </c>
      <c r="X33594">
        <v>29</v>
      </c>
      <c r="Y33594">
        <v>30</v>
      </c>
      <c r="Z33594">
        <v>30</v>
      </c>
      <c r="AA33594">
        <v>31</v>
      </c>
      <c r="AB33594">
        <v>32</v>
      </c>
      <c r="AC33594">
        <v>32</v>
      </c>
      <c r="AD33594">
        <v>33</v>
      </c>
      <c r="AE33594">
        <v>33</v>
      </c>
      <c r="AF33594">
        <v>34</v>
      </c>
      <c r="AG33594">
        <v>35</v>
      </c>
      <c r="AH33594">
        <v>36</v>
      </c>
      <c r="AI33594">
        <v>36</v>
      </c>
      <c r="AJ33594">
        <v>37</v>
      </c>
      <c r="AK33594">
        <v>38</v>
      </c>
      <c r="AL33594">
        <v>38</v>
      </c>
      <c r="AM33594">
        <v>39</v>
      </c>
      <c r="AN33594">
        <v>39</v>
      </c>
      <c r="AO33594">
        <v>40</v>
      </c>
      <c r="AP33594">
        <v>40</v>
      </c>
      <c r="AQ33594">
        <v>40</v>
      </c>
    </row>
    <row r="33595" spans="1:43">
      <c r="A33595" t="s">
        <v>20813</v>
      </c>
      <c r="B33595" t="s">
        <v>20814</v>
      </c>
      <c r="C33595" t="s">
        <v>20805</v>
      </c>
      <c r="D33595" t="s">
        <v>20806</v>
      </c>
      <c r="E33595" t="s">
        <v>20787</v>
      </c>
      <c r="F33595" t="s">
        <v>20788</v>
      </c>
      <c r="G33595" t="s">
        <v>20255</v>
      </c>
      <c r="H33595" t="s">
        <v>20256</v>
      </c>
      <c r="I33595" s="2">
        <v>1</v>
      </c>
      <c r="J33595" s="2">
        <v>0</v>
      </c>
      <c r="K33595" s="2">
        <v>0</v>
      </c>
      <c r="L33595" t="s">
        <v>120</v>
      </c>
      <c r="M33595" t="s">
        <v>87</v>
      </c>
      <c r="N33595" t="s">
        <v>88</v>
      </c>
      <c r="O33595" t="s">
        <v>85</v>
      </c>
      <c r="P33595" t="s">
        <v>86</v>
      </c>
      <c r="Q33595">
        <v>25</v>
      </c>
      <c r="R33595">
        <v>25</v>
      </c>
      <c r="S33595">
        <v>25</v>
      </c>
      <c r="T33595">
        <v>26</v>
      </c>
      <c r="U33595">
        <v>26</v>
      </c>
      <c r="V33595">
        <v>26</v>
      </c>
      <c r="W33595">
        <v>27</v>
      </c>
      <c r="X33595">
        <v>27</v>
      </c>
      <c r="Y33595">
        <v>27</v>
      </c>
      <c r="Z33595">
        <v>28</v>
      </c>
      <c r="AA33595">
        <v>28</v>
      </c>
      <c r="AB33595">
        <v>28</v>
      </c>
      <c r="AC33595">
        <v>29</v>
      </c>
      <c r="AD33595">
        <v>29</v>
      </c>
      <c r="AE33595">
        <v>30</v>
      </c>
      <c r="AF33595">
        <v>30</v>
      </c>
      <c r="AG33595">
        <v>30</v>
      </c>
      <c r="AH33595">
        <v>31</v>
      </c>
      <c r="AI33595">
        <v>31</v>
      </c>
      <c r="AJ33595">
        <v>32</v>
      </c>
      <c r="AK33595">
        <v>32</v>
      </c>
      <c r="AL33595">
        <v>32</v>
      </c>
      <c r="AM33595">
        <v>33</v>
      </c>
      <c r="AN33595">
        <v>33</v>
      </c>
      <c r="AO33595">
        <v>34</v>
      </c>
      <c r="AP33595">
        <v>34</v>
      </c>
      <c r="AQ33595">
        <v>35</v>
      </c>
    </row>
    <row r="33596" spans="1:43">
      <c r="A33596" t="s">
        <v>20813</v>
      </c>
      <c r="B33596" t="s">
        <v>20814</v>
      </c>
      <c r="C33596" t="s">
        <v>20805</v>
      </c>
      <c r="D33596" t="s">
        <v>20806</v>
      </c>
      <c r="E33596" t="s">
        <v>20787</v>
      </c>
      <c r="F33596" t="s">
        <v>20788</v>
      </c>
      <c r="G33596" t="s">
        <v>20255</v>
      </c>
      <c r="H33596" t="s">
        <v>20256</v>
      </c>
      <c r="I33596" s="2">
        <v>1</v>
      </c>
      <c r="J33596" s="2">
        <v>0</v>
      </c>
      <c r="K33596" s="2">
        <v>0</v>
      </c>
      <c r="L33596" t="s">
        <v>120</v>
      </c>
      <c r="M33596" t="s">
        <v>89</v>
      </c>
      <c r="N33596" t="s">
        <v>90</v>
      </c>
      <c r="O33596" t="s">
        <v>85</v>
      </c>
      <c r="P33596" t="s">
        <v>86</v>
      </c>
      <c r="Q33596">
        <v>25</v>
      </c>
      <c r="R33596">
        <v>26</v>
      </c>
      <c r="S33596">
        <v>27</v>
      </c>
      <c r="T33596">
        <v>28</v>
      </c>
      <c r="U33596">
        <v>28</v>
      </c>
      <c r="V33596">
        <v>29</v>
      </c>
      <c r="W33596">
        <v>30</v>
      </c>
      <c r="X33596">
        <v>31</v>
      </c>
      <c r="Y33596">
        <v>31</v>
      </c>
      <c r="Z33596">
        <v>32</v>
      </c>
      <c r="AA33596">
        <v>33</v>
      </c>
      <c r="AB33596">
        <v>34</v>
      </c>
      <c r="AC33596">
        <v>35</v>
      </c>
      <c r="AD33596">
        <v>35</v>
      </c>
      <c r="AE33596">
        <v>36</v>
      </c>
      <c r="AF33596">
        <v>36</v>
      </c>
      <c r="AG33596">
        <v>37</v>
      </c>
      <c r="AH33596">
        <v>37</v>
      </c>
      <c r="AI33596">
        <v>38</v>
      </c>
      <c r="AJ33596">
        <v>38</v>
      </c>
      <c r="AK33596">
        <v>38</v>
      </c>
      <c r="AL33596">
        <v>39</v>
      </c>
      <c r="AM33596">
        <v>39</v>
      </c>
      <c r="AN33596">
        <v>40</v>
      </c>
      <c r="AO33596">
        <v>40</v>
      </c>
      <c r="AP33596">
        <v>40</v>
      </c>
      <c r="AQ33596">
        <v>41</v>
      </c>
    </row>
    <row r="33597" spans="1:43">
      <c r="A33597" t="s">
        <v>20813</v>
      </c>
      <c r="B33597" t="s">
        <v>20814</v>
      </c>
      <c r="C33597" t="s">
        <v>20805</v>
      </c>
      <c r="D33597" t="s">
        <v>20806</v>
      </c>
      <c r="E33597" t="s">
        <v>20787</v>
      </c>
      <c r="F33597" t="s">
        <v>20788</v>
      </c>
      <c r="G33597" t="s">
        <v>20255</v>
      </c>
      <c r="H33597" t="s">
        <v>20256</v>
      </c>
      <c r="I33597" s="2">
        <v>1</v>
      </c>
      <c r="J33597" s="2">
        <v>0</v>
      </c>
      <c r="K33597" s="2">
        <v>0</v>
      </c>
      <c r="L33597" t="s">
        <v>120</v>
      </c>
      <c r="M33597" t="s">
        <v>83</v>
      </c>
      <c r="N33597" t="s">
        <v>91</v>
      </c>
      <c r="O33597" t="s">
        <v>85</v>
      </c>
      <c r="P33597" t="s">
        <v>86</v>
      </c>
      <c r="Q33597">
        <v>25</v>
      </c>
      <c r="R33597">
        <v>26</v>
      </c>
      <c r="S33597">
        <v>26</v>
      </c>
      <c r="T33597">
        <v>27</v>
      </c>
      <c r="U33597">
        <v>27</v>
      </c>
      <c r="V33597">
        <v>28</v>
      </c>
      <c r="W33597">
        <v>28</v>
      </c>
      <c r="X33597">
        <v>29</v>
      </c>
      <c r="Y33597">
        <v>30</v>
      </c>
      <c r="Z33597">
        <v>30</v>
      </c>
      <c r="AA33597">
        <v>31</v>
      </c>
      <c r="AB33597">
        <v>32</v>
      </c>
      <c r="AC33597">
        <v>32</v>
      </c>
      <c r="AD33597">
        <v>33</v>
      </c>
      <c r="AE33597">
        <v>33</v>
      </c>
      <c r="AF33597">
        <v>34</v>
      </c>
      <c r="AG33597">
        <v>35</v>
      </c>
      <c r="AH33597">
        <v>36</v>
      </c>
      <c r="AI33597">
        <v>36</v>
      </c>
      <c r="AJ33597">
        <v>37</v>
      </c>
      <c r="AK33597">
        <v>38</v>
      </c>
      <c r="AL33597">
        <v>38</v>
      </c>
      <c r="AM33597">
        <v>39</v>
      </c>
      <c r="AN33597">
        <v>39</v>
      </c>
      <c r="AO33597">
        <v>40</v>
      </c>
      <c r="AP33597">
        <v>40</v>
      </c>
      <c r="AQ33597">
        <v>40</v>
      </c>
    </row>
    <row r="33598" spans="1:43">
      <c r="A33598" t="s">
        <v>20815</v>
      </c>
      <c r="B33598" t="s">
        <v>20816</v>
      </c>
      <c r="C33598" t="s">
        <v>20817</v>
      </c>
      <c r="D33598" t="s">
        <v>20818</v>
      </c>
      <c r="E33598" t="s">
        <v>20787</v>
      </c>
      <c r="F33598" t="s">
        <v>20788</v>
      </c>
      <c r="G33598" t="s">
        <v>20255</v>
      </c>
      <c r="H33598" t="s">
        <v>20256</v>
      </c>
      <c r="I33598" s="2">
        <v>1</v>
      </c>
      <c r="J33598" s="2">
        <v>0</v>
      </c>
      <c r="K33598" s="2">
        <v>0</v>
      </c>
      <c r="L33598" t="s">
        <v>120</v>
      </c>
      <c r="M33598" t="s">
        <v>83</v>
      </c>
      <c r="N33598" t="s">
        <v>84</v>
      </c>
      <c r="O33598" t="s">
        <v>85</v>
      </c>
      <c r="P33598" t="s">
        <v>86</v>
      </c>
      <c r="Q33598">
        <v>13</v>
      </c>
      <c r="R33598">
        <v>13</v>
      </c>
      <c r="S33598">
        <v>13</v>
      </c>
      <c r="T33598">
        <v>13</v>
      </c>
      <c r="U33598">
        <v>14</v>
      </c>
      <c r="V33598">
        <v>14</v>
      </c>
      <c r="W33598">
        <v>14</v>
      </c>
      <c r="X33598">
        <v>14</v>
      </c>
      <c r="Y33598">
        <v>15</v>
      </c>
      <c r="Z33598">
        <v>15</v>
      </c>
      <c r="AA33598">
        <v>15</v>
      </c>
      <c r="AB33598">
        <v>15</v>
      </c>
      <c r="AC33598">
        <v>15</v>
      </c>
      <c r="AD33598">
        <v>16</v>
      </c>
      <c r="AE33598">
        <v>16</v>
      </c>
      <c r="AF33598">
        <v>16</v>
      </c>
      <c r="AG33598">
        <v>16</v>
      </c>
      <c r="AH33598">
        <v>16</v>
      </c>
      <c r="AI33598">
        <v>17</v>
      </c>
      <c r="AJ33598">
        <v>17</v>
      </c>
      <c r="AK33598">
        <v>17</v>
      </c>
      <c r="AL33598">
        <v>17</v>
      </c>
      <c r="AM33598">
        <v>17</v>
      </c>
      <c r="AN33598">
        <v>17</v>
      </c>
      <c r="AO33598">
        <v>17</v>
      </c>
      <c r="AP33598">
        <v>17</v>
      </c>
      <c r="AQ33598">
        <v>18</v>
      </c>
    </row>
    <row r="33599" spans="1:43">
      <c r="A33599" t="s">
        <v>20815</v>
      </c>
      <c r="B33599" t="s">
        <v>20816</v>
      </c>
      <c r="C33599" t="s">
        <v>20817</v>
      </c>
      <c r="D33599" t="s">
        <v>20818</v>
      </c>
      <c r="E33599" t="s">
        <v>20787</v>
      </c>
      <c r="F33599" t="s">
        <v>20788</v>
      </c>
      <c r="G33599" t="s">
        <v>20255</v>
      </c>
      <c r="H33599" t="s">
        <v>20256</v>
      </c>
      <c r="I33599" s="2">
        <v>1</v>
      </c>
      <c r="J33599" s="2">
        <v>0</v>
      </c>
      <c r="K33599" s="2">
        <v>0</v>
      </c>
      <c r="L33599" t="s">
        <v>120</v>
      </c>
      <c r="M33599" t="s">
        <v>87</v>
      </c>
      <c r="N33599" t="s">
        <v>88</v>
      </c>
      <c r="O33599" t="s">
        <v>85</v>
      </c>
      <c r="P33599" t="s">
        <v>86</v>
      </c>
      <c r="Q33599">
        <v>13</v>
      </c>
      <c r="R33599">
        <v>13</v>
      </c>
      <c r="S33599">
        <v>13</v>
      </c>
      <c r="T33599">
        <v>13</v>
      </c>
      <c r="U33599">
        <v>13</v>
      </c>
      <c r="V33599">
        <v>13</v>
      </c>
      <c r="W33599">
        <v>13</v>
      </c>
      <c r="X33599">
        <v>13</v>
      </c>
      <c r="Y33599">
        <v>13</v>
      </c>
      <c r="Z33599">
        <v>14</v>
      </c>
      <c r="AA33599">
        <v>14</v>
      </c>
      <c r="AB33599">
        <v>14</v>
      </c>
      <c r="AC33599">
        <v>14</v>
      </c>
      <c r="AD33599">
        <v>14</v>
      </c>
      <c r="AE33599">
        <v>14</v>
      </c>
      <c r="AF33599">
        <v>14</v>
      </c>
      <c r="AG33599">
        <v>14</v>
      </c>
      <c r="AH33599">
        <v>14</v>
      </c>
      <c r="AI33599">
        <v>14</v>
      </c>
      <c r="AJ33599">
        <v>15</v>
      </c>
      <c r="AK33599">
        <v>15</v>
      </c>
      <c r="AL33599">
        <v>15</v>
      </c>
      <c r="AM33599">
        <v>15</v>
      </c>
      <c r="AN33599">
        <v>15</v>
      </c>
      <c r="AO33599">
        <v>15</v>
      </c>
      <c r="AP33599">
        <v>15</v>
      </c>
      <c r="AQ33599">
        <v>15</v>
      </c>
    </row>
    <row r="33600" spans="1:43">
      <c r="A33600" t="s">
        <v>20815</v>
      </c>
      <c r="B33600" t="s">
        <v>20816</v>
      </c>
      <c r="C33600" t="s">
        <v>20817</v>
      </c>
      <c r="D33600" t="s">
        <v>20818</v>
      </c>
      <c r="E33600" t="s">
        <v>20787</v>
      </c>
      <c r="F33600" t="s">
        <v>20788</v>
      </c>
      <c r="G33600" t="s">
        <v>20255</v>
      </c>
      <c r="H33600" t="s">
        <v>20256</v>
      </c>
      <c r="I33600" s="2">
        <v>1</v>
      </c>
      <c r="J33600" s="2">
        <v>0</v>
      </c>
      <c r="K33600" s="2">
        <v>0</v>
      </c>
      <c r="L33600" t="s">
        <v>120</v>
      </c>
      <c r="M33600" t="s">
        <v>89</v>
      </c>
      <c r="N33600" t="s">
        <v>90</v>
      </c>
      <c r="O33600" t="s">
        <v>85</v>
      </c>
      <c r="P33600" t="s">
        <v>86</v>
      </c>
      <c r="Q33600">
        <v>13</v>
      </c>
      <c r="R33600">
        <v>13</v>
      </c>
      <c r="S33600">
        <v>14</v>
      </c>
      <c r="T33600">
        <v>14</v>
      </c>
      <c r="U33600">
        <v>14</v>
      </c>
      <c r="V33600">
        <v>15</v>
      </c>
      <c r="W33600">
        <v>15</v>
      </c>
      <c r="X33600">
        <v>15</v>
      </c>
      <c r="Y33600">
        <v>15</v>
      </c>
      <c r="Z33600">
        <v>16</v>
      </c>
      <c r="AA33600">
        <v>16</v>
      </c>
      <c r="AB33600">
        <v>16</v>
      </c>
      <c r="AC33600">
        <v>16</v>
      </c>
      <c r="AD33600">
        <v>17</v>
      </c>
      <c r="AE33600">
        <v>17</v>
      </c>
      <c r="AF33600">
        <v>17</v>
      </c>
      <c r="AG33600">
        <v>17</v>
      </c>
      <c r="AH33600">
        <v>17</v>
      </c>
      <c r="AI33600">
        <v>17</v>
      </c>
      <c r="AJ33600">
        <v>17</v>
      </c>
      <c r="AK33600">
        <v>17</v>
      </c>
      <c r="AL33600">
        <v>17</v>
      </c>
      <c r="AM33600">
        <v>17</v>
      </c>
      <c r="AN33600">
        <v>18</v>
      </c>
      <c r="AO33600">
        <v>18</v>
      </c>
      <c r="AP33600">
        <v>18</v>
      </c>
      <c r="AQ33600">
        <v>18</v>
      </c>
    </row>
    <row r="33601" spans="1:43">
      <c r="A33601" t="s">
        <v>20815</v>
      </c>
      <c r="B33601" t="s">
        <v>20816</v>
      </c>
      <c r="C33601" t="s">
        <v>20817</v>
      </c>
      <c r="D33601" t="s">
        <v>20818</v>
      </c>
      <c r="E33601" t="s">
        <v>20787</v>
      </c>
      <c r="F33601" t="s">
        <v>20788</v>
      </c>
      <c r="G33601" t="s">
        <v>20255</v>
      </c>
      <c r="H33601" t="s">
        <v>20256</v>
      </c>
      <c r="I33601" s="2">
        <v>1</v>
      </c>
      <c r="J33601" s="2">
        <v>0</v>
      </c>
      <c r="K33601" s="2">
        <v>0</v>
      </c>
      <c r="L33601" t="s">
        <v>120</v>
      </c>
      <c r="M33601" t="s">
        <v>83</v>
      </c>
      <c r="N33601" t="s">
        <v>91</v>
      </c>
      <c r="O33601" t="s">
        <v>85</v>
      </c>
      <c r="P33601" t="s">
        <v>86</v>
      </c>
      <c r="Q33601">
        <v>13</v>
      </c>
      <c r="R33601">
        <v>13</v>
      </c>
      <c r="S33601">
        <v>13</v>
      </c>
      <c r="T33601">
        <v>13</v>
      </c>
      <c r="U33601">
        <v>14</v>
      </c>
      <c r="V33601">
        <v>14</v>
      </c>
      <c r="W33601">
        <v>14</v>
      </c>
      <c r="X33601">
        <v>14</v>
      </c>
      <c r="Y33601">
        <v>15</v>
      </c>
      <c r="Z33601">
        <v>15</v>
      </c>
      <c r="AA33601">
        <v>15</v>
      </c>
      <c r="AB33601">
        <v>15</v>
      </c>
      <c r="AC33601">
        <v>15</v>
      </c>
      <c r="AD33601">
        <v>16</v>
      </c>
      <c r="AE33601">
        <v>16</v>
      </c>
      <c r="AF33601">
        <v>16</v>
      </c>
      <c r="AG33601">
        <v>16</v>
      </c>
      <c r="AH33601">
        <v>16</v>
      </c>
      <c r="AI33601">
        <v>17</v>
      </c>
      <c r="AJ33601">
        <v>17</v>
      </c>
      <c r="AK33601">
        <v>17</v>
      </c>
      <c r="AL33601">
        <v>17</v>
      </c>
      <c r="AM33601">
        <v>17</v>
      </c>
      <c r="AN33601">
        <v>17</v>
      </c>
      <c r="AO33601">
        <v>17</v>
      </c>
      <c r="AP33601">
        <v>17</v>
      </c>
      <c r="AQ33601">
        <v>18</v>
      </c>
    </row>
    <row r="33602" spans="1:43">
      <c r="A33602" t="s">
        <v>20819</v>
      </c>
      <c r="B33602" t="s">
        <v>20820</v>
      </c>
      <c r="C33602" t="s">
        <v>20817</v>
      </c>
      <c r="D33602" t="s">
        <v>20818</v>
      </c>
      <c r="E33602" t="s">
        <v>20787</v>
      </c>
      <c r="F33602" t="s">
        <v>20788</v>
      </c>
      <c r="G33602" t="s">
        <v>20255</v>
      </c>
      <c r="H33602" t="s">
        <v>20256</v>
      </c>
      <c r="I33602" s="2">
        <v>1</v>
      </c>
      <c r="J33602" s="2">
        <v>0</v>
      </c>
      <c r="K33602" s="2">
        <v>0</v>
      </c>
      <c r="L33602" t="s">
        <v>120</v>
      </c>
      <c r="M33602" t="s">
        <v>83</v>
      </c>
      <c r="N33602" t="s">
        <v>84</v>
      </c>
      <c r="O33602" t="s">
        <v>85</v>
      </c>
      <c r="P33602" t="s">
        <v>86</v>
      </c>
      <c r="Q33602">
        <v>27</v>
      </c>
      <c r="R33602">
        <v>27</v>
      </c>
      <c r="S33602">
        <v>28</v>
      </c>
      <c r="T33602">
        <v>28</v>
      </c>
      <c r="U33602">
        <v>29</v>
      </c>
      <c r="V33602">
        <v>30</v>
      </c>
      <c r="W33602">
        <v>30</v>
      </c>
      <c r="X33602">
        <v>31</v>
      </c>
      <c r="Y33602">
        <v>32</v>
      </c>
      <c r="Z33602">
        <v>32</v>
      </c>
      <c r="AA33602">
        <v>33</v>
      </c>
      <c r="AB33602">
        <v>34</v>
      </c>
      <c r="AC33602">
        <v>34</v>
      </c>
      <c r="AD33602">
        <v>35</v>
      </c>
      <c r="AE33602">
        <v>36</v>
      </c>
      <c r="AF33602">
        <v>36</v>
      </c>
      <c r="AG33602">
        <v>37</v>
      </c>
      <c r="AH33602">
        <v>38</v>
      </c>
      <c r="AI33602">
        <v>39</v>
      </c>
      <c r="AJ33602">
        <v>39</v>
      </c>
      <c r="AK33602">
        <v>40</v>
      </c>
      <c r="AL33602">
        <v>41</v>
      </c>
      <c r="AM33602">
        <v>41</v>
      </c>
      <c r="AN33602">
        <v>42</v>
      </c>
      <c r="AO33602">
        <v>42</v>
      </c>
      <c r="AP33602">
        <v>43</v>
      </c>
      <c r="AQ33602">
        <v>43</v>
      </c>
    </row>
    <row r="33603" spans="1:43">
      <c r="A33603" t="s">
        <v>20819</v>
      </c>
      <c r="B33603" t="s">
        <v>20820</v>
      </c>
      <c r="C33603" t="s">
        <v>20817</v>
      </c>
      <c r="D33603" t="s">
        <v>20818</v>
      </c>
      <c r="E33603" t="s">
        <v>20787</v>
      </c>
      <c r="F33603" t="s">
        <v>20788</v>
      </c>
      <c r="G33603" t="s">
        <v>20255</v>
      </c>
      <c r="H33603" t="s">
        <v>20256</v>
      </c>
      <c r="I33603" s="2">
        <v>1</v>
      </c>
      <c r="J33603" s="2">
        <v>0</v>
      </c>
      <c r="K33603" s="2">
        <v>0</v>
      </c>
      <c r="L33603" t="s">
        <v>120</v>
      </c>
      <c r="M33603" t="s">
        <v>87</v>
      </c>
      <c r="N33603" t="s">
        <v>88</v>
      </c>
      <c r="O33603" t="s">
        <v>85</v>
      </c>
      <c r="P33603" t="s">
        <v>86</v>
      </c>
      <c r="Q33603">
        <v>27</v>
      </c>
      <c r="R33603">
        <v>28</v>
      </c>
      <c r="S33603">
        <v>28</v>
      </c>
      <c r="T33603">
        <v>28</v>
      </c>
      <c r="U33603">
        <v>29</v>
      </c>
      <c r="V33603">
        <v>29</v>
      </c>
      <c r="W33603">
        <v>30</v>
      </c>
      <c r="X33603">
        <v>30</v>
      </c>
      <c r="Y33603">
        <v>30</v>
      </c>
      <c r="Z33603">
        <v>31</v>
      </c>
      <c r="AA33603">
        <v>31</v>
      </c>
      <c r="AB33603">
        <v>31</v>
      </c>
      <c r="AC33603">
        <v>32</v>
      </c>
      <c r="AD33603">
        <v>32</v>
      </c>
      <c r="AE33603">
        <v>33</v>
      </c>
      <c r="AF33603">
        <v>33</v>
      </c>
      <c r="AG33603">
        <v>34</v>
      </c>
      <c r="AH33603">
        <v>34</v>
      </c>
      <c r="AI33603">
        <v>35</v>
      </c>
      <c r="AJ33603">
        <v>35</v>
      </c>
      <c r="AK33603">
        <v>36</v>
      </c>
      <c r="AL33603">
        <v>36</v>
      </c>
      <c r="AM33603">
        <v>37</v>
      </c>
      <c r="AN33603">
        <v>37</v>
      </c>
      <c r="AO33603">
        <v>38</v>
      </c>
      <c r="AP33603">
        <v>38</v>
      </c>
      <c r="AQ33603">
        <v>39</v>
      </c>
    </row>
    <row r="33604" spans="1:43">
      <c r="A33604" t="s">
        <v>20819</v>
      </c>
      <c r="B33604" t="s">
        <v>20820</v>
      </c>
      <c r="C33604" t="s">
        <v>20817</v>
      </c>
      <c r="D33604" t="s">
        <v>20818</v>
      </c>
      <c r="E33604" t="s">
        <v>20787</v>
      </c>
      <c r="F33604" t="s">
        <v>20788</v>
      </c>
      <c r="G33604" t="s">
        <v>20255</v>
      </c>
      <c r="H33604" t="s">
        <v>20256</v>
      </c>
      <c r="I33604" s="2">
        <v>1</v>
      </c>
      <c r="J33604" s="2">
        <v>0</v>
      </c>
      <c r="K33604" s="2">
        <v>0</v>
      </c>
      <c r="L33604" t="s">
        <v>120</v>
      </c>
      <c r="M33604" t="s">
        <v>89</v>
      </c>
      <c r="N33604" t="s">
        <v>90</v>
      </c>
      <c r="O33604" t="s">
        <v>85</v>
      </c>
      <c r="P33604" t="s">
        <v>86</v>
      </c>
      <c r="Q33604">
        <v>27</v>
      </c>
      <c r="R33604">
        <v>28</v>
      </c>
      <c r="S33604">
        <v>28</v>
      </c>
      <c r="T33604">
        <v>29</v>
      </c>
      <c r="U33604">
        <v>30</v>
      </c>
      <c r="V33604">
        <v>31</v>
      </c>
      <c r="W33604">
        <v>32</v>
      </c>
      <c r="X33604">
        <v>33</v>
      </c>
      <c r="Y33604">
        <v>33</v>
      </c>
      <c r="Z33604">
        <v>34</v>
      </c>
      <c r="AA33604">
        <v>35</v>
      </c>
      <c r="AB33604">
        <v>36</v>
      </c>
      <c r="AC33604">
        <v>37</v>
      </c>
      <c r="AD33604">
        <v>37</v>
      </c>
      <c r="AE33604">
        <v>38</v>
      </c>
      <c r="AF33604">
        <v>39</v>
      </c>
      <c r="AG33604">
        <v>39</v>
      </c>
      <c r="AH33604">
        <v>40</v>
      </c>
      <c r="AI33604">
        <v>40</v>
      </c>
      <c r="AJ33604">
        <v>40</v>
      </c>
      <c r="AK33604">
        <v>41</v>
      </c>
      <c r="AL33604">
        <v>41</v>
      </c>
      <c r="AM33604">
        <v>42</v>
      </c>
      <c r="AN33604">
        <v>42</v>
      </c>
      <c r="AO33604">
        <v>43</v>
      </c>
      <c r="AP33604">
        <v>43</v>
      </c>
      <c r="AQ33604">
        <v>44</v>
      </c>
    </row>
    <row r="33605" spans="1:43">
      <c r="A33605" t="s">
        <v>20819</v>
      </c>
      <c r="B33605" t="s">
        <v>20820</v>
      </c>
      <c r="C33605" t="s">
        <v>20817</v>
      </c>
      <c r="D33605" t="s">
        <v>20818</v>
      </c>
      <c r="E33605" t="s">
        <v>20787</v>
      </c>
      <c r="F33605" t="s">
        <v>20788</v>
      </c>
      <c r="G33605" t="s">
        <v>20255</v>
      </c>
      <c r="H33605" t="s">
        <v>20256</v>
      </c>
      <c r="I33605" s="2">
        <v>1</v>
      </c>
      <c r="J33605" s="2">
        <v>0</v>
      </c>
      <c r="K33605" s="2">
        <v>0</v>
      </c>
      <c r="L33605" t="s">
        <v>120</v>
      </c>
      <c r="M33605" t="s">
        <v>83</v>
      </c>
      <c r="N33605" t="s">
        <v>91</v>
      </c>
      <c r="O33605" t="s">
        <v>85</v>
      </c>
      <c r="P33605" t="s">
        <v>86</v>
      </c>
      <c r="Q33605">
        <v>27</v>
      </c>
      <c r="R33605">
        <v>27</v>
      </c>
      <c r="S33605">
        <v>28</v>
      </c>
      <c r="T33605">
        <v>28</v>
      </c>
      <c r="U33605">
        <v>29</v>
      </c>
      <c r="V33605">
        <v>30</v>
      </c>
      <c r="W33605">
        <v>30</v>
      </c>
      <c r="X33605">
        <v>31</v>
      </c>
      <c r="Y33605">
        <v>32</v>
      </c>
      <c r="Z33605">
        <v>32</v>
      </c>
      <c r="AA33605">
        <v>33</v>
      </c>
      <c r="AB33605">
        <v>34</v>
      </c>
      <c r="AC33605">
        <v>34</v>
      </c>
      <c r="AD33605">
        <v>35</v>
      </c>
      <c r="AE33605">
        <v>36</v>
      </c>
      <c r="AF33605">
        <v>36</v>
      </c>
      <c r="AG33605">
        <v>37</v>
      </c>
      <c r="AH33605">
        <v>38</v>
      </c>
      <c r="AI33605">
        <v>39</v>
      </c>
      <c r="AJ33605">
        <v>39</v>
      </c>
      <c r="AK33605">
        <v>40</v>
      </c>
      <c r="AL33605">
        <v>41</v>
      </c>
      <c r="AM33605">
        <v>41</v>
      </c>
      <c r="AN33605">
        <v>42</v>
      </c>
      <c r="AO33605">
        <v>42</v>
      </c>
      <c r="AP33605">
        <v>43</v>
      </c>
      <c r="AQ33605">
        <v>43</v>
      </c>
    </row>
    <row r="33606" spans="1:43">
      <c r="A33606" t="s">
        <v>20821</v>
      </c>
      <c r="B33606" t="s">
        <v>20822</v>
      </c>
      <c r="C33606" t="s">
        <v>20817</v>
      </c>
      <c r="D33606" t="s">
        <v>20818</v>
      </c>
      <c r="E33606" t="s">
        <v>20787</v>
      </c>
      <c r="F33606" t="s">
        <v>20788</v>
      </c>
      <c r="G33606" t="s">
        <v>20255</v>
      </c>
      <c r="H33606" t="s">
        <v>20256</v>
      </c>
      <c r="I33606" s="2">
        <v>1</v>
      </c>
      <c r="J33606" s="2">
        <v>0</v>
      </c>
      <c r="K33606" s="2">
        <v>0</v>
      </c>
      <c r="L33606" t="s">
        <v>120</v>
      </c>
      <c r="M33606" t="s">
        <v>83</v>
      </c>
      <c r="N33606" t="s">
        <v>84</v>
      </c>
      <c r="O33606" t="s">
        <v>85</v>
      </c>
      <c r="P33606" t="s">
        <v>86</v>
      </c>
      <c r="Q33606">
        <v>16</v>
      </c>
      <c r="R33606">
        <v>17</v>
      </c>
      <c r="S33606">
        <v>17</v>
      </c>
      <c r="T33606">
        <v>17</v>
      </c>
      <c r="U33606">
        <v>18</v>
      </c>
      <c r="V33606">
        <v>18</v>
      </c>
      <c r="W33606">
        <v>19</v>
      </c>
      <c r="X33606">
        <v>19</v>
      </c>
      <c r="Y33606">
        <v>19</v>
      </c>
      <c r="Z33606">
        <v>20</v>
      </c>
      <c r="AA33606">
        <v>20</v>
      </c>
      <c r="AB33606">
        <v>21</v>
      </c>
      <c r="AC33606">
        <v>21</v>
      </c>
      <c r="AD33606">
        <v>21</v>
      </c>
      <c r="AE33606">
        <v>22</v>
      </c>
      <c r="AF33606">
        <v>22</v>
      </c>
      <c r="AG33606">
        <v>23</v>
      </c>
      <c r="AH33606">
        <v>23</v>
      </c>
      <c r="AI33606">
        <v>24</v>
      </c>
      <c r="AJ33606">
        <v>24</v>
      </c>
      <c r="AK33606">
        <v>25</v>
      </c>
      <c r="AL33606">
        <v>25</v>
      </c>
      <c r="AM33606">
        <v>25</v>
      </c>
      <c r="AN33606">
        <v>26</v>
      </c>
      <c r="AO33606">
        <v>26</v>
      </c>
      <c r="AP33606">
        <v>26</v>
      </c>
      <c r="AQ33606">
        <v>26</v>
      </c>
    </row>
    <row r="33607" spans="1:43">
      <c r="A33607" t="s">
        <v>20821</v>
      </c>
      <c r="B33607" t="s">
        <v>20822</v>
      </c>
      <c r="C33607" t="s">
        <v>20817</v>
      </c>
      <c r="D33607" t="s">
        <v>20818</v>
      </c>
      <c r="E33607" t="s">
        <v>20787</v>
      </c>
      <c r="F33607" t="s">
        <v>20788</v>
      </c>
      <c r="G33607" t="s">
        <v>20255</v>
      </c>
      <c r="H33607" t="s">
        <v>20256</v>
      </c>
      <c r="I33607" s="2">
        <v>1</v>
      </c>
      <c r="J33607" s="2">
        <v>0</v>
      </c>
      <c r="K33607" s="2">
        <v>0</v>
      </c>
      <c r="L33607" t="s">
        <v>120</v>
      </c>
      <c r="M33607" t="s">
        <v>87</v>
      </c>
      <c r="N33607" t="s">
        <v>88</v>
      </c>
      <c r="O33607" t="s">
        <v>85</v>
      </c>
      <c r="P33607" t="s">
        <v>86</v>
      </c>
      <c r="Q33607">
        <v>16</v>
      </c>
      <c r="R33607">
        <v>16</v>
      </c>
      <c r="S33607">
        <v>17</v>
      </c>
      <c r="T33607">
        <v>17</v>
      </c>
      <c r="U33607">
        <v>17</v>
      </c>
      <c r="V33607">
        <v>17</v>
      </c>
      <c r="W33607">
        <v>17</v>
      </c>
      <c r="X33607">
        <v>18</v>
      </c>
      <c r="Y33607">
        <v>18</v>
      </c>
      <c r="Z33607">
        <v>18</v>
      </c>
      <c r="AA33607">
        <v>18</v>
      </c>
      <c r="AB33607">
        <v>19</v>
      </c>
      <c r="AC33607">
        <v>19</v>
      </c>
      <c r="AD33607">
        <v>19</v>
      </c>
      <c r="AE33607">
        <v>19</v>
      </c>
      <c r="AF33607">
        <v>20</v>
      </c>
      <c r="AG33607">
        <v>20</v>
      </c>
      <c r="AH33607">
        <v>20</v>
      </c>
      <c r="AI33607">
        <v>21</v>
      </c>
      <c r="AJ33607">
        <v>21</v>
      </c>
      <c r="AK33607">
        <v>21</v>
      </c>
      <c r="AL33607">
        <v>21</v>
      </c>
      <c r="AM33607">
        <v>22</v>
      </c>
      <c r="AN33607">
        <v>22</v>
      </c>
      <c r="AO33607">
        <v>22</v>
      </c>
      <c r="AP33607">
        <v>23</v>
      </c>
      <c r="AQ33607">
        <v>23</v>
      </c>
    </row>
    <row r="33608" spans="1:43">
      <c r="A33608" t="s">
        <v>20821</v>
      </c>
      <c r="B33608" t="s">
        <v>20822</v>
      </c>
      <c r="C33608" t="s">
        <v>20817</v>
      </c>
      <c r="D33608" t="s">
        <v>20818</v>
      </c>
      <c r="E33608" t="s">
        <v>20787</v>
      </c>
      <c r="F33608" t="s">
        <v>20788</v>
      </c>
      <c r="G33608" t="s">
        <v>20255</v>
      </c>
      <c r="H33608" t="s">
        <v>20256</v>
      </c>
      <c r="I33608" s="2">
        <v>1</v>
      </c>
      <c r="J33608" s="2">
        <v>0</v>
      </c>
      <c r="K33608" s="2">
        <v>0</v>
      </c>
      <c r="L33608" t="s">
        <v>120</v>
      </c>
      <c r="M33608" t="s">
        <v>89</v>
      </c>
      <c r="N33608" t="s">
        <v>90</v>
      </c>
      <c r="O33608" t="s">
        <v>85</v>
      </c>
      <c r="P33608" t="s">
        <v>86</v>
      </c>
      <c r="Q33608">
        <v>16</v>
      </c>
      <c r="R33608">
        <v>17</v>
      </c>
      <c r="S33608">
        <v>17</v>
      </c>
      <c r="T33608">
        <v>18</v>
      </c>
      <c r="U33608">
        <v>18</v>
      </c>
      <c r="V33608">
        <v>19</v>
      </c>
      <c r="W33608">
        <v>19</v>
      </c>
      <c r="X33608">
        <v>20</v>
      </c>
      <c r="Y33608">
        <v>20</v>
      </c>
      <c r="Z33608">
        <v>21</v>
      </c>
      <c r="AA33608">
        <v>21</v>
      </c>
      <c r="AB33608">
        <v>22</v>
      </c>
      <c r="AC33608">
        <v>22</v>
      </c>
      <c r="AD33608">
        <v>23</v>
      </c>
      <c r="AE33608">
        <v>23</v>
      </c>
      <c r="AF33608">
        <v>24</v>
      </c>
      <c r="AG33608">
        <v>24</v>
      </c>
      <c r="AH33608">
        <v>24</v>
      </c>
      <c r="AI33608">
        <v>24</v>
      </c>
      <c r="AJ33608">
        <v>25</v>
      </c>
      <c r="AK33608">
        <v>25</v>
      </c>
      <c r="AL33608">
        <v>25</v>
      </c>
      <c r="AM33608">
        <v>26</v>
      </c>
      <c r="AN33608">
        <v>26</v>
      </c>
      <c r="AO33608">
        <v>26</v>
      </c>
      <c r="AP33608">
        <v>26</v>
      </c>
      <c r="AQ33608">
        <v>27</v>
      </c>
    </row>
    <row r="33609" spans="1:43">
      <c r="A33609" t="s">
        <v>20821</v>
      </c>
      <c r="B33609" t="s">
        <v>20822</v>
      </c>
      <c r="C33609" t="s">
        <v>20817</v>
      </c>
      <c r="D33609" t="s">
        <v>20818</v>
      </c>
      <c r="E33609" t="s">
        <v>20787</v>
      </c>
      <c r="F33609" t="s">
        <v>20788</v>
      </c>
      <c r="G33609" t="s">
        <v>20255</v>
      </c>
      <c r="H33609" t="s">
        <v>20256</v>
      </c>
      <c r="I33609" s="2">
        <v>1</v>
      </c>
      <c r="J33609" s="2">
        <v>0</v>
      </c>
      <c r="K33609" s="2">
        <v>0</v>
      </c>
      <c r="L33609" t="s">
        <v>120</v>
      </c>
      <c r="M33609" t="s">
        <v>83</v>
      </c>
      <c r="N33609" t="s">
        <v>91</v>
      </c>
      <c r="O33609" t="s">
        <v>85</v>
      </c>
      <c r="P33609" t="s">
        <v>86</v>
      </c>
      <c r="Q33609">
        <v>16</v>
      </c>
      <c r="R33609">
        <v>17</v>
      </c>
      <c r="S33609">
        <v>17</v>
      </c>
      <c r="T33609">
        <v>17</v>
      </c>
      <c r="U33609">
        <v>18</v>
      </c>
      <c r="V33609">
        <v>18</v>
      </c>
      <c r="W33609">
        <v>19</v>
      </c>
      <c r="X33609">
        <v>19</v>
      </c>
      <c r="Y33609">
        <v>19</v>
      </c>
      <c r="Z33609">
        <v>20</v>
      </c>
      <c r="AA33609">
        <v>20</v>
      </c>
      <c r="AB33609">
        <v>21</v>
      </c>
      <c r="AC33609">
        <v>21</v>
      </c>
      <c r="AD33609">
        <v>21</v>
      </c>
      <c r="AE33609">
        <v>22</v>
      </c>
      <c r="AF33609">
        <v>22</v>
      </c>
      <c r="AG33609">
        <v>23</v>
      </c>
      <c r="AH33609">
        <v>23</v>
      </c>
      <c r="AI33609">
        <v>24</v>
      </c>
      <c r="AJ33609">
        <v>24</v>
      </c>
      <c r="AK33609">
        <v>25</v>
      </c>
      <c r="AL33609">
        <v>25</v>
      </c>
      <c r="AM33609">
        <v>25</v>
      </c>
      <c r="AN33609">
        <v>26</v>
      </c>
      <c r="AO33609">
        <v>26</v>
      </c>
      <c r="AP33609">
        <v>26</v>
      </c>
      <c r="AQ33609">
        <v>26</v>
      </c>
    </row>
    <row r="33610" spans="1:43">
      <c r="A33610" t="s">
        <v>20823</v>
      </c>
      <c r="B33610" t="s">
        <v>20824</v>
      </c>
      <c r="C33610" t="s">
        <v>20795</v>
      </c>
      <c r="D33610" t="s">
        <v>20796</v>
      </c>
      <c r="E33610" t="s">
        <v>20787</v>
      </c>
      <c r="F33610" t="s">
        <v>20788</v>
      </c>
      <c r="G33610" t="s">
        <v>20255</v>
      </c>
      <c r="H33610" t="s">
        <v>20256</v>
      </c>
      <c r="I33610" s="2">
        <v>1</v>
      </c>
      <c r="J33610" s="2">
        <v>0</v>
      </c>
      <c r="K33610" s="2">
        <v>0</v>
      </c>
      <c r="L33610" t="s">
        <v>120</v>
      </c>
      <c r="M33610" t="s">
        <v>83</v>
      </c>
      <c r="N33610" t="s">
        <v>84</v>
      </c>
      <c r="O33610" t="s">
        <v>85</v>
      </c>
      <c r="P33610" t="s">
        <v>86</v>
      </c>
      <c r="Q33610">
        <v>46</v>
      </c>
      <c r="R33610">
        <v>47</v>
      </c>
      <c r="S33610">
        <v>48</v>
      </c>
      <c r="T33610">
        <v>49</v>
      </c>
      <c r="U33610">
        <v>49</v>
      </c>
      <c r="V33610">
        <v>50</v>
      </c>
      <c r="W33610">
        <v>51</v>
      </c>
      <c r="X33610">
        <v>52</v>
      </c>
      <c r="Y33610">
        <v>53</v>
      </c>
      <c r="Z33610">
        <v>54</v>
      </c>
      <c r="AA33610">
        <v>55</v>
      </c>
      <c r="AB33610">
        <v>56</v>
      </c>
      <c r="AC33610">
        <v>57</v>
      </c>
      <c r="AD33610">
        <v>58</v>
      </c>
      <c r="AE33610">
        <v>59</v>
      </c>
      <c r="AF33610">
        <v>60</v>
      </c>
      <c r="AG33610">
        <v>60</v>
      </c>
      <c r="AH33610">
        <v>61</v>
      </c>
      <c r="AI33610">
        <v>63</v>
      </c>
      <c r="AJ33610">
        <v>64</v>
      </c>
      <c r="AK33610">
        <v>65</v>
      </c>
      <c r="AL33610">
        <v>65</v>
      </c>
      <c r="AM33610">
        <v>66</v>
      </c>
      <c r="AN33610">
        <v>66</v>
      </c>
      <c r="AO33610">
        <v>67</v>
      </c>
      <c r="AP33610">
        <v>67</v>
      </c>
      <c r="AQ33610">
        <v>68</v>
      </c>
    </row>
    <row r="33611" spans="1:43">
      <c r="A33611" t="s">
        <v>20823</v>
      </c>
      <c r="B33611" t="s">
        <v>20824</v>
      </c>
      <c r="C33611" t="s">
        <v>20795</v>
      </c>
      <c r="D33611" t="s">
        <v>20796</v>
      </c>
      <c r="E33611" t="s">
        <v>20787</v>
      </c>
      <c r="F33611" t="s">
        <v>20788</v>
      </c>
      <c r="G33611" t="s">
        <v>20255</v>
      </c>
      <c r="H33611" t="s">
        <v>20256</v>
      </c>
      <c r="I33611" s="2">
        <v>1</v>
      </c>
      <c r="J33611" s="2">
        <v>0</v>
      </c>
      <c r="K33611" s="2">
        <v>0</v>
      </c>
      <c r="L33611" t="s">
        <v>120</v>
      </c>
      <c r="M33611" t="s">
        <v>87</v>
      </c>
      <c r="N33611" t="s">
        <v>88</v>
      </c>
      <c r="O33611" t="s">
        <v>85</v>
      </c>
      <c r="P33611" t="s">
        <v>86</v>
      </c>
      <c r="Q33611">
        <v>46</v>
      </c>
      <c r="R33611">
        <v>47</v>
      </c>
      <c r="S33611">
        <v>47</v>
      </c>
      <c r="T33611">
        <v>48</v>
      </c>
      <c r="U33611">
        <v>48</v>
      </c>
      <c r="V33611">
        <v>49</v>
      </c>
      <c r="W33611">
        <v>49</v>
      </c>
      <c r="X33611">
        <v>50</v>
      </c>
      <c r="Y33611">
        <v>50</v>
      </c>
      <c r="Z33611">
        <v>51</v>
      </c>
      <c r="AA33611">
        <v>51</v>
      </c>
      <c r="AB33611">
        <v>51</v>
      </c>
      <c r="AC33611">
        <v>52</v>
      </c>
      <c r="AD33611">
        <v>52</v>
      </c>
      <c r="AE33611">
        <v>53</v>
      </c>
      <c r="AF33611">
        <v>54</v>
      </c>
      <c r="AG33611">
        <v>54</v>
      </c>
      <c r="AH33611">
        <v>55</v>
      </c>
      <c r="AI33611">
        <v>55</v>
      </c>
      <c r="AJ33611">
        <v>56</v>
      </c>
      <c r="AK33611">
        <v>56</v>
      </c>
      <c r="AL33611">
        <v>57</v>
      </c>
      <c r="AM33611">
        <v>57</v>
      </c>
      <c r="AN33611">
        <v>58</v>
      </c>
      <c r="AO33611">
        <v>59</v>
      </c>
      <c r="AP33611">
        <v>59</v>
      </c>
      <c r="AQ33611">
        <v>60</v>
      </c>
    </row>
    <row r="33612" spans="1:43">
      <c r="A33612" t="s">
        <v>20823</v>
      </c>
      <c r="B33612" t="s">
        <v>20824</v>
      </c>
      <c r="C33612" t="s">
        <v>20795</v>
      </c>
      <c r="D33612" t="s">
        <v>20796</v>
      </c>
      <c r="E33612" t="s">
        <v>20787</v>
      </c>
      <c r="F33612" t="s">
        <v>20788</v>
      </c>
      <c r="G33612" t="s">
        <v>20255</v>
      </c>
      <c r="H33612" t="s">
        <v>20256</v>
      </c>
      <c r="I33612" s="2">
        <v>1</v>
      </c>
      <c r="J33612" s="2">
        <v>0</v>
      </c>
      <c r="K33612" s="2">
        <v>0</v>
      </c>
      <c r="L33612" t="s">
        <v>120</v>
      </c>
      <c r="M33612" t="s">
        <v>89</v>
      </c>
      <c r="N33612" t="s">
        <v>90</v>
      </c>
      <c r="O33612" t="s">
        <v>85</v>
      </c>
      <c r="P33612" t="s">
        <v>86</v>
      </c>
      <c r="Q33612">
        <v>46</v>
      </c>
      <c r="R33612">
        <v>48</v>
      </c>
      <c r="S33612">
        <v>49</v>
      </c>
      <c r="T33612">
        <v>50</v>
      </c>
      <c r="U33612">
        <v>51</v>
      </c>
      <c r="V33612">
        <v>53</v>
      </c>
      <c r="W33612">
        <v>54</v>
      </c>
      <c r="X33612">
        <v>55</v>
      </c>
      <c r="Y33612">
        <v>56</v>
      </c>
      <c r="Z33612">
        <v>57</v>
      </c>
      <c r="AA33612">
        <v>58</v>
      </c>
      <c r="AB33612">
        <v>59</v>
      </c>
      <c r="AC33612">
        <v>61</v>
      </c>
      <c r="AD33612">
        <v>62</v>
      </c>
      <c r="AE33612">
        <v>63</v>
      </c>
      <c r="AF33612">
        <v>63</v>
      </c>
      <c r="AG33612">
        <v>64</v>
      </c>
      <c r="AH33612">
        <v>64</v>
      </c>
      <c r="AI33612">
        <v>65</v>
      </c>
      <c r="AJ33612">
        <v>65</v>
      </c>
      <c r="AK33612">
        <v>66</v>
      </c>
      <c r="AL33612">
        <v>66</v>
      </c>
      <c r="AM33612">
        <v>67</v>
      </c>
      <c r="AN33612">
        <v>67</v>
      </c>
      <c r="AO33612">
        <v>68</v>
      </c>
      <c r="AP33612">
        <v>68</v>
      </c>
      <c r="AQ33612">
        <v>69</v>
      </c>
    </row>
    <row r="33613" spans="1:43">
      <c r="A33613" t="s">
        <v>20823</v>
      </c>
      <c r="B33613" t="s">
        <v>20824</v>
      </c>
      <c r="C33613" t="s">
        <v>20795</v>
      </c>
      <c r="D33613" t="s">
        <v>20796</v>
      </c>
      <c r="E33613" t="s">
        <v>20787</v>
      </c>
      <c r="F33613" t="s">
        <v>20788</v>
      </c>
      <c r="G33613" t="s">
        <v>20255</v>
      </c>
      <c r="H33613" t="s">
        <v>20256</v>
      </c>
      <c r="I33613" s="2">
        <v>1</v>
      </c>
      <c r="J33613" s="2">
        <v>0</v>
      </c>
      <c r="K33613" s="2">
        <v>0</v>
      </c>
      <c r="L33613" t="s">
        <v>120</v>
      </c>
      <c r="M33613" t="s">
        <v>83</v>
      </c>
      <c r="N33613" t="s">
        <v>91</v>
      </c>
      <c r="O33613" t="s">
        <v>85</v>
      </c>
      <c r="P33613" t="s">
        <v>86</v>
      </c>
      <c r="Q33613">
        <v>46</v>
      </c>
      <c r="R33613">
        <v>47</v>
      </c>
      <c r="S33613">
        <v>48</v>
      </c>
      <c r="T33613">
        <v>49</v>
      </c>
      <c r="U33613">
        <v>49</v>
      </c>
      <c r="V33613">
        <v>50</v>
      </c>
      <c r="W33613">
        <v>51</v>
      </c>
      <c r="X33613">
        <v>52</v>
      </c>
      <c r="Y33613">
        <v>53</v>
      </c>
      <c r="Z33613">
        <v>54</v>
      </c>
      <c r="AA33613">
        <v>55</v>
      </c>
      <c r="AB33613">
        <v>56</v>
      </c>
      <c r="AC33613">
        <v>57</v>
      </c>
      <c r="AD33613">
        <v>58</v>
      </c>
      <c r="AE33613">
        <v>59</v>
      </c>
      <c r="AF33613">
        <v>60</v>
      </c>
      <c r="AG33613">
        <v>60</v>
      </c>
      <c r="AH33613">
        <v>61</v>
      </c>
      <c r="AI33613">
        <v>63</v>
      </c>
      <c r="AJ33613">
        <v>64</v>
      </c>
      <c r="AK33613">
        <v>65</v>
      </c>
      <c r="AL33613">
        <v>65</v>
      </c>
      <c r="AM33613">
        <v>66</v>
      </c>
      <c r="AN33613">
        <v>66</v>
      </c>
      <c r="AO33613">
        <v>67</v>
      </c>
      <c r="AP33613">
        <v>67</v>
      </c>
      <c r="AQ33613">
        <v>68</v>
      </c>
    </row>
    <row r="33614" spans="1:43">
      <c r="A33614" t="s">
        <v>20825</v>
      </c>
      <c r="B33614" t="s">
        <v>20826</v>
      </c>
      <c r="C33614" t="s">
        <v>20827</v>
      </c>
      <c r="D33614" t="s">
        <v>20828</v>
      </c>
      <c r="E33614" t="s">
        <v>20787</v>
      </c>
      <c r="F33614" t="s">
        <v>20788</v>
      </c>
      <c r="G33614" t="s">
        <v>20255</v>
      </c>
      <c r="H33614" t="s">
        <v>20256</v>
      </c>
      <c r="I33614" s="2">
        <v>1</v>
      </c>
      <c r="J33614" s="2">
        <v>0</v>
      </c>
      <c r="K33614" s="2">
        <v>0</v>
      </c>
      <c r="L33614" t="s">
        <v>120</v>
      </c>
      <c r="M33614" t="s">
        <v>83</v>
      </c>
      <c r="N33614" t="s">
        <v>84</v>
      </c>
      <c r="O33614" t="s">
        <v>85</v>
      </c>
      <c r="P33614" t="s">
        <v>86</v>
      </c>
      <c r="Q33614">
        <v>25</v>
      </c>
      <c r="R33614">
        <v>25</v>
      </c>
      <c r="S33614">
        <v>26</v>
      </c>
      <c r="T33614">
        <v>26</v>
      </c>
      <c r="U33614">
        <v>27</v>
      </c>
      <c r="V33614">
        <v>27</v>
      </c>
      <c r="W33614">
        <v>28</v>
      </c>
      <c r="X33614">
        <v>29</v>
      </c>
      <c r="Y33614">
        <v>29</v>
      </c>
      <c r="Z33614">
        <v>30</v>
      </c>
      <c r="AA33614">
        <v>30</v>
      </c>
      <c r="AB33614">
        <v>31</v>
      </c>
      <c r="AC33614">
        <v>31</v>
      </c>
      <c r="AD33614">
        <v>32</v>
      </c>
      <c r="AE33614">
        <v>33</v>
      </c>
      <c r="AF33614">
        <v>33</v>
      </c>
      <c r="AG33614">
        <v>34</v>
      </c>
      <c r="AH33614">
        <v>35</v>
      </c>
      <c r="AI33614">
        <v>35</v>
      </c>
      <c r="AJ33614">
        <v>36</v>
      </c>
      <c r="AK33614">
        <v>37</v>
      </c>
      <c r="AL33614">
        <v>37</v>
      </c>
      <c r="AM33614">
        <v>38</v>
      </c>
      <c r="AN33614">
        <v>38</v>
      </c>
      <c r="AO33614">
        <v>39</v>
      </c>
      <c r="AP33614">
        <v>39</v>
      </c>
      <c r="AQ33614">
        <v>39</v>
      </c>
    </row>
    <row r="33615" spans="1:43">
      <c r="A33615" t="s">
        <v>20825</v>
      </c>
      <c r="B33615" t="s">
        <v>20826</v>
      </c>
      <c r="C33615" t="s">
        <v>20827</v>
      </c>
      <c r="D33615" t="s">
        <v>20828</v>
      </c>
      <c r="E33615" t="s">
        <v>20787</v>
      </c>
      <c r="F33615" t="s">
        <v>20788</v>
      </c>
      <c r="G33615" t="s">
        <v>20255</v>
      </c>
      <c r="H33615" t="s">
        <v>20256</v>
      </c>
      <c r="I33615" s="2">
        <v>1</v>
      </c>
      <c r="J33615" s="2">
        <v>0</v>
      </c>
      <c r="K33615" s="2">
        <v>0</v>
      </c>
      <c r="L33615" t="s">
        <v>120</v>
      </c>
      <c r="M33615" t="s">
        <v>87</v>
      </c>
      <c r="N33615" t="s">
        <v>88</v>
      </c>
      <c r="O33615" t="s">
        <v>85</v>
      </c>
      <c r="P33615" t="s">
        <v>86</v>
      </c>
      <c r="Q33615">
        <v>25</v>
      </c>
      <c r="R33615">
        <v>26</v>
      </c>
      <c r="S33615">
        <v>26</v>
      </c>
      <c r="T33615">
        <v>26</v>
      </c>
      <c r="U33615">
        <v>27</v>
      </c>
      <c r="V33615">
        <v>27</v>
      </c>
      <c r="W33615">
        <v>27</v>
      </c>
      <c r="X33615">
        <v>28</v>
      </c>
      <c r="Y33615">
        <v>28</v>
      </c>
      <c r="Z33615">
        <v>28</v>
      </c>
      <c r="AA33615">
        <v>29</v>
      </c>
      <c r="AB33615">
        <v>29</v>
      </c>
      <c r="AC33615">
        <v>29</v>
      </c>
      <c r="AD33615">
        <v>30</v>
      </c>
      <c r="AE33615">
        <v>30</v>
      </c>
      <c r="AF33615">
        <v>30</v>
      </c>
      <c r="AG33615">
        <v>31</v>
      </c>
      <c r="AH33615">
        <v>31</v>
      </c>
      <c r="AI33615">
        <v>32</v>
      </c>
      <c r="AJ33615">
        <v>32</v>
      </c>
      <c r="AK33615">
        <v>32</v>
      </c>
      <c r="AL33615">
        <v>33</v>
      </c>
      <c r="AM33615">
        <v>33</v>
      </c>
      <c r="AN33615">
        <v>34</v>
      </c>
      <c r="AO33615">
        <v>34</v>
      </c>
      <c r="AP33615">
        <v>34</v>
      </c>
      <c r="AQ33615">
        <v>35</v>
      </c>
    </row>
    <row r="33616" spans="1:43">
      <c r="A33616" t="s">
        <v>20825</v>
      </c>
      <c r="B33616" t="s">
        <v>20826</v>
      </c>
      <c r="C33616" t="s">
        <v>20827</v>
      </c>
      <c r="D33616" t="s">
        <v>20828</v>
      </c>
      <c r="E33616" t="s">
        <v>20787</v>
      </c>
      <c r="F33616" t="s">
        <v>20788</v>
      </c>
      <c r="G33616" t="s">
        <v>20255</v>
      </c>
      <c r="H33616" t="s">
        <v>20256</v>
      </c>
      <c r="I33616" s="2">
        <v>1</v>
      </c>
      <c r="J33616" s="2">
        <v>0</v>
      </c>
      <c r="K33616" s="2">
        <v>0</v>
      </c>
      <c r="L33616" t="s">
        <v>120</v>
      </c>
      <c r="M33616" t="s">
        <v>89</v>
      </c>
      <c r="N33616" t="s">
        <v>90</v>
      </c>
      <c r="O33616" t="s">
        <v>85</v>
      </c>
      <c r="P33616" t="s">
        <v>86</v>
      </c>
      <c r="Q33616">
        <v>25</v>
      </c>
      <c r="R33616">
        <v>26</v>
      </c>
      <c r="S33616">
        <v>26</v>
      </c>
      <c r="T33616">
        <v>27</v>
      </c>
      <c r="U33616">
        <v>28</v>
      </c>
      <c r="V33616">
        <v>29</v>
      </c>
      <c r="W33616">
        <v>29</v>
      </c>
      <c r="X33616">
        <v>30</v>
      </c>
      <c r="Y33616">
        <v>31</v>
      </c>
      <c r="Z33616">
        <v>32</v>
      </c>
      <c r="AA33616">
        <v>32</v>
      </c>
      <c r="AB33616">
        <v>33</v>
      </c>
      <c r="AC33616">
        <v>34</v>
      </c>
      <c r="AD33616">
        <v>35</v>
      </c>
      <c r="AE33616">
        <v>35</v>
      </c>
      <c r="AF33616">
        <v>35</v>
      </c>
      <c r="AG33616">
        <v>36</v>
      </c>
      <c r="AH33616">
        <v>36</v>
      </c>
      <c r="AI33616">
        <v>37</v>
      </c>
      <c r="AJ33616">
        <v>37</v>
      </c>
      <c r="AK33616">
        <v>37</v>
      </c>
      <c r="AL33616">
        <v>38</v>
      </c>
      <c r="AM33616">
        <v>38</v>
      </c>
      <c r="AN33616">
        <v>39</v>
      </c>
      <c r="AO33616">
        <v>39</v>
      </c>
      <c r="AP33616">
        <v>39</v>
      </c>
      <c r="AQ33616">
        <v>40</v>
      </c>
    </row>
    <row r="33617" spans="1:43">
      <c r="A33617" t="s">
        <v>20825</v>
      </c>
      <c r="B33617" t="s">
        <v>20826</v>
      </c>
      <c r="C33617" t="s">
        <v>20827</v>
      </c>
      <c r="D33617" t="s">
        <v>20828</v>
      </c>
      <c r="E33617" t="s">
        <v>20787</v>
      </c>
      <c r="F33617" t="s">
        <v>20788</v>
      </c>
      <c r="G33617" t="s">
        <v>20255</v>
      </c>
      <c r="H33617" t="s">
        <v>20256</v>
      </c>
      <c r="I33617" s="2">
        <v>1</v>
      </c>
      <c r="J33617" s="2">
        <v>0</v>
      </c>
      <c r="K33617" s="2">
        <v>0</v>
      </c>
      <c r="L33617" t="s">
        <v>120</v>
      </c>
      <c r="M33617" t="s">
        <v>83</v>
      </c>
      <c r="N33617" t="s">
        <v>91</v>
      </c>
      <c r="O33617" t="s">
        <v>85</v>
      </c>
      <c r="P33617" t="s">
        <v>86</v>
      </c>
      <c r="Q33617">
        <v>25</v>
      </c>
      <c r="R33617">
        <v>25</v>
      </c>
      <c r="S33617">
        <v>26</v>
      </c>
      <c r="T33617">
        <v>26</v>
      </c>
      <c r="U33617">
        <v>27</v>
      </c>
      <c r="V33617">
        <v>27</v>
      </c>
      <c r="W33617">
        <v>28</v>
      </c>
      <c r="X33617">
        <v>29</v>
      </c>
      <c r="Y33617">
        <v>29</v>
      </c>
      <c r="Z33617">
        <v>30</v>
      </c>
      <c r="AA33617">
        <v>30</v>
      </c>
      <c r="AB33617">
        <v>31</v>
      </c>
      <c r="AC33617">
        <v>31</v>
      </c>
      <c r="AD33617">
        <v>32</v>
      </c>
      <c r="AE33617">
        <v>33</v>
      </c>
      <c r="AF33617">
        <v>33</v>
      </c>
      <c r="AG33617">
        <v>34</v>
      </c>
      <c r="AH33617">
        <v>35</v>
      </c>
      <c r="AI33617">
        <v>35</v>
      </c>
      <c r="AJ33617">
        <v>36</v>
      </c>
      <c r="AK33617">
        <v>37</v>
      </c>
      <c r="AL33617">
        <v>37</v>
      </c>
      <c r="AM33617">
        <v>38</v>
      </c>
      <c r="AN33617">
        <v>38</v>
      </c>
      <c r="AO33617">
        <v>39</v>
      </c>
      <c r="AP33617">
        <v>39</v>
      </c>
      <c r="AQ33617">
        <v>39</v>
      </c>
    </row>
    <row r="33618" spans="1:43">
      <c r="A33618" t="s">
        <v>20829</v>
      </c>
      <c r="B33618" t="s">
        <v>20830</v>
      </c>
      <c r="C33618" t="s">
        <v>20827</v>
      </c>
      <c r="D33618" t="s">
        <v>20828</v>
      </c>
      <c r="E33618" t="s">
        <v>20787</v>
      </c>
      <c r="F33618" t="s">
        <v>20788</v>
      </c>
      <c r="G33618" t="s">
        <v>20255</v>
      </c>
      <c r="H33618" t="s">
        <v>20256</v>
      </c>
      <c r="I33618" s="2">
        <v>1</v>
      </c>
      <c r="J33618" s="2">
        <v>0</v>
      </c>
      <c r="K33618" s="2">
        <v>0</v>
      </c>
      <c r="L33618" t="s">
        <v>120</v>
      </c>
      <c r="M33618" t="s">
        <v>83</v>
      </c>
      <c r="N33618" t="s">
        <v>84</v>
      </c>
      <c r="O33618" t="s">
        <v>85</v>
      </c>
      <c r="P33618" t="s">
        <v>86</v>
      </c>
      <c r="Q33618">
        <v>16</v>
      </c>
      <c r="R33618">
        <v>16</v>
      </c>
      <c r="S33618">
        <v>16</v>
      </c>
      <c r="T33618">
        <v>17</v>
      </c>
      <c r="U33618">
        <v>17</v>
      </c>
      <c r="V33618">
        <v>18</v>
      </c>
      <c r="W33618">
        <v>18</v>
      </c>
      <c r="X33618">
        <v>18</v>
      </c>
      <c r="Y33618">
        <v>19</v>
      </c>
      <c r="Z33618">
        <v>19</v>
      </c>
      <c r="AA33618">
        <v>19</v>
      </c>
      <c r="AB33618">
        <v>20</v>
      </c>
      <c r="AC33618">
        <v>20</v>
      </c>
      <c r="AD33618">
        <v>21</v>
      </c>
      <c r="AE33618">
        <v>21</v>
      </c>
      <c r="AF33618">
        <v>21</v>
      </c>
      <c r="AG33618">
        <v>22</v>
      </c>
      <c r="AH33618">
        <v>22</v>
      </c>
      <c r="AI33618">
        <v>23</v>
      </c>
      <c r="AJ33618">
        <v>23</v>
      </c>
      <c r="AK33618">
        <v>24</v>
      </c>
      <c r="AL33618">
        <v>24</v>
      </c>
      <c r="AM33618">
        <v>24</v>
      </c>
      <c r="AN33618">
        <v>25</v>
      </c>
      <c r="AO33618">
        <v>25</v>
      </c>
      <c r="AP33618">
        <v>25</v>
      </c>
      <c r="AQ33618">
        <v>25</v>
      </c>
    </row>
    <row r="33619" spans="1:43">
      <c r="A33619" t="s">
        <v>20829</v>
      </c>
      <c r="B33619" t="s">
        <v>20830</v>
      </c>
      <c r="C33619" t="s">
        <v>20827</v>
      </c>
      <c r="D33619" t="s">
        <v>20828</v>
      </c>
      <c r="E33619" t="s">
        <v>20787</v>
      </c>
      <c r="F33619" t="s">
        <v>20788</v>
      </c>
      <c r="G33619" t="s">
        <v>20255</v>
      </c>
      <c r="H33619" t="s">
        <v>20256</v>
      </c>
      <c r="I33619" s="2">
        <v>1</v>
      </c>
      <c r="J33619" s="2">
        <v>0</v>
      </c>
      <c r="K33619" s="2">
        <v>0</v>
      </c>
      <c r="L33619" t="s">
        <v>120</v>
      </c>
      <c r="M33619" t="s">
        <v>87</v>
      </c>
      <c r="N33619" t="s">
        <v>88</v>
      </c>
      <c r="O33619" t="s">
        <v>85</v>
      </c>
      <c r="P33619" t="s">
        <v>86</v>
      </c>
      <c r="Q33619">
        <v>16</v>
      </c>
      <c r="R33619">
        <v>16</v>
      </c>
      <c r="S33619">
        <v>16</v>
      </c>
      <c r="T33619">
        <v>16</v>
      </c>
      <c r="U33619">
        <v>16</v>
      </c>
      <c r="V33619">
        <v>17</v>
      </c>
      <c r="W33619">
        <v>17</v>
      </c>
      <c r="X33619">
        <v>17</v>
      </c>
      <c r="Y33619">
        <v>17</v>
      </c>
      <c r="Z33619">
        <v>17</v>
      </c>
      <c r="AA33619">
        <v>18</v>
      </c>
      <c r="AB33619">
        <v>18</v>
      </c>
      <c r="AC33619">
        <v>18</v>
      </c>
      <c r="AD33619">
        <v>18</v>
      </c>
      <c r="AE33619">
        <v>19</v>
      </c>
      <c r="AF33619">
        <v>19</v>
      </c>
      <c r="AG33619">
        <v>19</v>
      </c>
      <c r="AH33619">
        <v>19</v>
      </c>
      <c r="AI33619">
        <v>20</v>
      </c>
      <c r="AJ33619">
        <v>20</v>
      </c>
      <c r="AK33619">
        <v>20</v>
      </c>
      <c r="AL33619">
        <v>20</v>
      </c>
      <c r="AM33619">
        <v>21</v>
      </c>
      <c r="AN33619">
        <v>21</v>
      </c>
      <c r="AO33619">
        <v>21</v>
      </c>
      <c r="AP33619">
        <v>22</v>
      </c>
      <c r="AQ33619">
        <v>22</v>
      </c>
    </row>
    <row r="33620" spans="1:43">
      <c r="A33620" t="s">
        <v>20829</v>
      </c>
      <c r="B33620" t="s">
        <v>20830</v>
      </c>
      <c r="C33620" t="s">
        <v>20827</v>
      </c>
      <c r="D33620" t="s">
        <v>20828</v>
      </c>
      <c r="E33620" t="s">
        <v>20787</v>
      </c>
      <c r="F33620" t="s">
        <v>20788</v>
      </c>
      <c r="G33620" t="s">
        <v>20255</v>
      </c>
      <c r="H33620" t="s">
        <v>20256</v>
      </c>
      <c r="I33620" s="2">
        <v>1</v>
      </c>
      <c r="J33620" s="2">
        <v>0</v>
      </c>
      <c r="K33620" s="2">
        <v>0</v>
      </c>
      <c r="L33620" t="s">
        <v>120</v>
      </c>
      <c r="M33620" t="s">
        <v>89</v>
      </c>
      <c r="N33620" t="s">
        <v>90</v>
      </c>
      <c r="O33620" t="s">
        <v>85</v>
      </c>
      <c r="P33620" t="s">
        <v>86</v>
      </c>
      <c r="Q33620">
        <v>16</v>
      </c>
      <c r="R33620">
        <v>16</v>
      </c>
      <c r="S33620">
        <v>17</v>
      </c>
      <c r="T33620">
        <v>17</v>
      </c>
      <c r="U33620">
        <v>18</v>
      </c>
      <c r="V33620">
        <v>18</v>
      </c>
      <c r="W33620">
        <v>19</v>
      </c>
      <c r="X33620">
        <v>19</v>
      </c>
      <c r="Y33620">
        <v>20</v>
      </c>
      <c r="Z33620">
        <v>20</v>
      </c>
      <c r="AA33620">
        <v>21</v>
      </c>
      <c r="AB33620">
        <v>21</v>
      </c>
      <c r="AC33620">
        <v>22</v>
      </c>
      <c r="AD33620">
        <v>22</v>
      </c>
      <c r="AE33620">
        <v>23</v>
      </c>
      <c r="AF33620">
        <v>23</v>
      </c>
      <c r="AG33620">
        <v>23</v>
      </c>
      <c r="AH33620">
        <v>23</v>
      </c>
      <c r="AI33620">
        <v>24</v>
      </c>
      <c r="AJ33620">
        <v>24</v>
      </c>
      <c r="AK33620">
        <v>24</v>
      </c>
      <c r="AL33620">
        <v>24</v>
      </c>
      <c r="AM33620">
        <v>25</v>
      </c>
      <c r="AN33620">
        <v>25</v>
      </c>
      <c r="AO33620">
        <v>25</v>
      </c>
      <c r="AP33620">
        <v>25</v>
      </c>
      <c r="AQ33620">
        <v>26</v>
      </c>
    </row>
    <row r="33621" spans="1:43">
      <c r="A33621" t="s">
        <v>20829</v>
      </c>
      <c r="B33621" t="s">
        <v>20830</v>
      </c>
      <c r="C33621" t="s">
        <v>20827</v>
      </c>
      <c r="D33621" t="s">
        <v>20828</v>
      </c>
      <c r="E33621" t="s">
        <v>20787</v>
      </c>
      <c r="F33621" t="s">
        <v>20788</v>
      </c>
      <c r="G33621" t="s">
        <v>20255</v>
      </c>
      <c r="H33621" t="s">
        <v>20256</v>
      </c>
      <c r="I33621" s="2">
        <v>1</v>
      </c>
      <c r="J33621" s="2">
        <v>0</v>
      </c>
      <c r="K33621" s="2">
        <v>0</v>
      </c>
      <c r="L33621" t="s">
        <v>120</v>
      </c>
      <c r="M33621" t="s">
        <v>83</v>
      </c>
      <c r="N33621" t="s">
        <v>91</v>
      </c>
      <c r="O33621" t="s">
        <v>85</v>
      </c>
      <c r="P33621" t="s">
        <v>86</v>
      </c>
      <c r="Q33621">
        <v>16</v>
      </c>
      <c r="R33621">
        <v>16</v>
      </c>
      <c r="S33621">
        <v>16</v>
      </c>
      <c r="T33621">
        <v>17</v>
      </c>
      <c r="U33621">
        <v>17</v>
      </c>
      <c r="V33621">
        <v>18</v>
      </c>
      <c r="W33621">
        <v>18</v>
      </c>
      <c r="X33621">
        <v>18</v>
      </c>
      <c r="Y33621">
        <v>19</v>
      </c>
      <c r="Z33621">
        <v>19</v>
      </c>
      <c r="AA33621">
        <v>19</v>
      </c>
      <c r="AB33621">
        <v>20</v>
      </c>
      <c r="AC33621">
        <v>20</v>
      </c>
      <c r="AD33621">
        <v>21</v>
      </c>
      <c r="AE33621">
        <v>21</v>
      </c>
      <c r="AF33621">
        <v>21</v>
      </c>
      <c r="AG33621">
        <v>22</v>
      </c>
      <c r="AH33621">
        <v>22</v>
      </c>
      <c r="AI33621">
        <v>23</v>
      </c>
      <c r="AJ33621">
        <v>23</v>
      </c>
      <c r="AK33621">
        <v>24</v>
      </c>
      <c r="AL33621">
        <v>24</v>
      </c>
      <c r="AM33621">
        <v>24</v>
      </c>
      <c r="AN33621">
        <v>25</v>
      </c>
      <c r="AO33621">
        <v>25</v>
      </c>
      <c r="AP33621">
        <v>25</v>
      </c>
      <c r="AQ33621">
        <v>25</v>
      </c>
    </row>
    <row r="33622" spans="1:43">
      <c r="A33622" t="s">
        <v>20831</v>
      </c>
      <c r="B33622" t="s">
        <v>20832</v>
      </c>
      <c r="C33622" t="s">
        <v>20827</v>
      </c>
      <c r="D33622" t="s">
        <v>20828</v>
      </c>
      <c r="E33622" t="s">
        <v>20787</v>
      </c>
      <c r="F33622" t="s">
        <v>20788</v>
      </c>
      <c r="G33622" t="s">
        <v>20255</v>
      </c>
      <c r="H33622" t="s">
        <v>20256</v>
      </c>
      <c r="I33622" s="2">
        <v>1</v>
      </c>
      <c r="J33622" s="2">
        <v>0</v>
      </c>
      <c r="K33622" s="2">
        <v>0</v>
      </c>
      <c r="L33622" t="s">
        <v>120</v>
      </c>
      <c r="M33622" t="s">
        <v>83</v>
      </c>
      <c r="N33622" t="s">
        <v>84</v>
      </c>
      <c r="O33622" t="s">
        <v>85</v>
      </c>
      <c r="P33622" t="s">
        <v>86</v>
      </c>
      <c r="Q33622">
        <v>22</v>
      </c>
      <c r="R33622">
        <v>22</v>
      </c>
      <c r="S33622">
        <v>23</v>
      </c>
      <c r="T33622">
        <v>23</v>
      </c>
      <c r="U33622">
        <v>24</v>
      </c>
      <c r="V33622">
        <v>24</v>
      </c>
      <c r="W33622">
        <v>25</v>
      </c>
      <c r="X33622">
        <v>25</v>
      </c>
      <c r="Y33622">
        <v>26</v>
      </c>
      <c r="Z33622">
        <v>26</v>
      </c>
      <c r="AA33622">
        <v>27</v>
      </c>
      <c r="AB33622">
        <v>28</v>
      </c>
      <c r="AC33622">
        <v>28</v>
      </c>
      <c r="AD33622">
        <v>29</v>
      </c>
      <c r="AE33622">
        <v>29</v>
      </c>
      <c r="AF33622">
        <v>30</v>
      </c>
      <c r="AG33622">
        <v>30</v>
      </c>
      <c r="AH33622">
        <v>31</v>
      </c>
      <c r="AI33622">
        <v>32</v>
      </c>
      <c r="AJ33622">
        <v>32</v>
      </c>
      <c r="AK33622">
        <v>33</v>
      </c>
      <c r="AL33622">
        <v>33</v>
      </c>
      <c r="AM33622">
        <v>34</v>
      </c>
      <c r="AN33622">
        <v>34</v>
      </c>
      <c r="AO33622">
        <v>34</v>
      </c>
      <c r="AP33622">
        <v>35</v>
      </c>
      <c r="AQ33622">
        <v>35</v>
      </c>
    </row>
    <row r="33623" spans="1:43">
      <c r="A33623" t="s">
        <v>20831</v>
      </c>
      <c r="B33623" t="s">
        <v>20832</v>
      </c>
      <c r="C33623" t="s">
        <v>20827</v>
      </c>
      <c r="D33623" t="s">
        <v>20828</v>
      </c>
      <c r="E33623" t="s">
        <v>20787</v>
      </c>
      <c r="F33623" t="s">
        <v>20788</v>
      </c>
      <c r="G33623" t="s">
        <v>20255</v>
      </c>
      <c r="H33623" t="s">
        <v>20256</v>
      </c>
      <c r="I33623" s="2">
        <v>1</v>
      </c>
      <c r="J33623" s="2">
        <v>0</v>
      </c>
      <c r="K33623" s="2">
        <v>0</v>
      </c>
      <c r="L33623" t="s">
        <v>120</v>
      </c>
      <c r="M33623" t="s">
        <v>87</v>
      </c>
      <c r="N33623" t="s">
        <v>88</v>
      </c>
      <c r="O33623" t="s">
        <v>85</v>
      </c>
      <c r="P33623" t="s">
        <v>86</v>
      </c>
      <c r="Q33623">
        <v>22</v>
      </c>
      <c r="R33623">
        <v>22</v>
      </c>
      <c r="S33623">
        <v>22</v>
      </c>
      <c r="T33623">
        <v>23</v>
      </c>
      <c r="U33623">
        <v>23</v>
      </c>
      <c r="V33623">
        <v>23</v>
      </c>
      <c r="W33623">
        <v>23</v>
      </c>
      <c r="X33623">
        <v>24</v>
      </c>
      <c r="Y33623">
        <v>24</v>
      </c>
      <c r="Z33623">
        <v>24</v>
      </c>
      <c r="AA33623">
        <v>25</v>
      </c>
      <c r="AB33623">
        <v>25</v>
      </c>
      <c r="AC33623">
        <v>25</v>
      </c>
      <c r="AD33623">
        <v>26</v>
      </c>
      <c r="AE33623">
        <v>26</v>
      </c>
      <c r="AF33623">
        <v>26</v>
      </c>
      <c r="AG33623">
        <v>27</v>
      </c>
      <c r="AH33623">
        <v>27</v>
      </c>
      <c r="AI33623">
        <v>27</v>
      </c>
      <c r="AJ33623">
        <v>28</v>
      </c>
      <c r="AK33623">
        <v>28</v>
      </c>
      <c r="AL33623">
        <v>28</v>
      </c>
      <c r="AM33623">
        <v>29</v>
      </c>
      <c r="AN33623">
        <v>29</v>
      </c>
      <c r="AO33623">
        <v>29</v>
      </c>
      <c r="AP33623">
        <v>30</v>
      </c>
      <c r="AQ33623">
        <v>30</v>
      </c>
    </row>
    <row r="33624" spans="1:43">
      <c r="A33624" t="s">
        <v>20831</v>
      </c>
      <c r="B33624" t="s">
        <v>20832</v>
      </c>
      <c r="C33624" t="s">
        <v>20827</v>
      </c>
      <c r="D33624" t="s">
        <v>20828</v>
      </c>
      <c r="E33624" t="s">
        <v>20787</v>
      </c>
      <c r="F33624" t="s">
        <v>20788</v>
      </c>
      <c r="G33624" t="s">
        <v>20255</v>
      </c>
      <c r="H33624" t="s">
        <v>20256</v>
      </c>
      <c r="I33624" s="2">
        <v>1</v>
      </c>
      <c r="J33624" s="2">
        <v>0</v>
      </c>
      <c r="K33624" s="2">
        <v>0</v>
      </c>
      <c r="L33624" t="s">
        <v>120</v>
      </c>
      <c r="M33624" t="s">
        <v>89</v>
      </c>
      <c r="N33624" t="s">
        <v>90</v>
      </c>
      <c r="O33624" t="s">
        <v>85</v>
      </c>
      <c r="P33624" t="s">
        <v>86</v>
      </c>
      <c r="Q33624">
        <v>22</v>
      </c>
      <c r="R33624">
        <v>23</v>
      </c>
      <c r="S33624">
        <v>24</v>
      </c>
      <c r="T33624">
        <v>24</v>
      </c>
      <c r="U33624">
        <v>25</v>
      </c>
      <c r="V33624">
        <v>26</v>
      </c>
      <c r="W33624">
        <v>26</v>
      </c>
      <c r="X33624">
        <v>27</v>
      </c>
      <c r="Y33624">
        <v>27</v>
      </c>
      <c r="Z33624">
        <v>28</v>
      </c>
      <c r="AA33624">
        <v>29</v>
      </c>
      <c r="AB33624">
        <v>29</v>
      </c>
      <c r="AC33624">
        <v>30</v>
      </c>
      <c r="AD33624">
        <v>31</v>
      </c>
      <c r="AE33624">
        <v>31</v>
      </c>
      <c r="AF33624">
        <v>32</v>
      </c>
      <c r="AG33624">
        <v>32</v>
      </c>
      <c r="AH33624">
        <v>32</v>
      </c>
      <c r="AI33624">
        <v>33</v>
      </c>
      <c r="AJ33624">
        <v>33</v>
      </c>
      <c r="AK33624">
        <v>33</v>
      </c>
      <c r="AL33624">
        <v>34</v>
      </c>
      <c r="AM33624">
        <v>34</v>
      </c>
      <c r="AN33624">
        <v>34</v>
      </c>
      <c r="AO33624">
        <v>35</v>
      </c>
      <c r="AP33624">
        <v>35</v>
      </c>
      <c r="AQ33624">
        <v>36</v>
      </c>
    </row>
    <row r="33625" spans="1:43">
      <c r="A33625" t="s">
        <v>20831</v>
      </c>
      <c r="B33625" t="s">
        <v>20832</v>
      </c>
      <c r="C33625" t="s">
        <v>20827</v>
      </c>
      <c r="D33625" t="s">
        <v>20828</v>
      </c>
      <c r="E33625" t="s">
        <v>20787</v>
      </c>
      <c r="F33625" t="s">
        <v>20788</v>
      </c>
      <c r="G33625" t="s">
        <v>20255</v>
      </c>
      <c r="H33625" t="s">
        <v>20256</v>
      </c>
      <c r="I33625" s="2">
        <v>1</v>
      </c>
      <c r="J33625" s="2">
        <v>0</v>
      </c>
      <c r="K33625" s="2">
        <v>0</v>
      </c>
      <c r="L33625" t="s">
        <v>120</v>
      </c>
      <c r="M33625" t="s">
        <v>83</v>
      </c>
      <c r="N33625" t="s">
        <v>91</v>
      </c>
      <c r="O33625" t="s">
        <v>85</v>
      </c>
      <c r="P33625" t="s">
        <v>86</v>
      </c>
      <c r="Q33625">
        <v>22</v>
      </c>
      <c r="R33625">
        <v>22</v>
      </c>
      <c r="S33625">
        <v>23</v>
      </c>
      <c r="T33625">
        <v>23</v>
      </c>
      <c r="U33625">
        <v>24</v>
      </c>
      <c r="V33625">
        <v>24</v>
      </c>
      <c r="W33625">
        <v>25</v>
      </c>
      <c r="X33625">
        <v>25</v>
      </c>
      <c r="Y33625">
        <v>26</v>
      </c>
      <c r="Z33625">
        <v>26</v>
      </c>
      <c r="AA33625">
        <v>27</v>
      </c>
      <c r="AB33625">
        <v>28</v>
      </c>
      <c r="AC33625">
        <v>28</v>
      </c>
      <c r="AD33625">
        <v>29</v>
      </c>
      <c r="AE33625">
        <v>29</v>
      </c>
      <c r="AF33625">
        <v>30</v>
      </c>
      <c r="AG33625">
        <v>30</v>
      </c>
      <c r="AH33625">
        <v>31</v>
      </c>
      <c r="AI33625">
        <v>32</v>
      </c>
      <c r="AJ33625">
        <v>32</v>
      </c>
      <c r="AK33625">
        <v>33</v>
      </c>
      <c r="AL33625">
        <v>33</v>
      </c>
      <c r="AM33625">
        <v>34</v>
      </c>
      <c r="AN33625">
        <v>34</v>
      </c>
      <c r="AO33625">
        <v>34</v>
      </c>
      <c r="AP33625">
        <v>35</v>
      </c>
      <c r="AQ33625">
        <v>35</v>
      </c>
    </row>
    <row r="33626" spans="1:43">
      <c r="A33626" t="s">
        <v>20833</v>
      </c>
      <c r="B33626" t="s">
        <v>20834</v>
      </c>
      <c r="C33626" t="s">
        <v>20835</v>
      </c>
      <c r="D33626" t="s">
        <v>20836</v>
      </c>
      <c r="E33626" t="s">
        <v>20787</v>
      </c>
      <c r="F33626" t="s">
        <v>20788</v>
      </c>
      <c r="G33626" t="s">
        <v>20255</v>
      </c>
      <c r="H33626" t="s">
        <v>20256</v>
      </c>
      <c r="I33626" s="2">
        <v>1</v>
      </c>
      <c r="J33626" s="2">
        <v>0</v>
      </c>
      <c r="K33626" s="2">
        <v>0</v>
      </c>
      <c r="L33626" t="s">
        <v>120</v>
      </c>
      <c r="M33626" t="s">
        <v>83</v>
      </c>
      <c r="N33626" t="s">
        <v>84</v>
      </c>
      <c r="O33626" t="s">
        <v>85</v>
      </c>
      <c r="P33626" t="s">
        <v>86</v>
      </c>
      <c r="Q33626">
        <v>10</v>
      </c>
      <c r="R33626">
        <v>10</v>
      </c>
      <c r="S33626">
        <v>11</v>
      </c>
      <c r="T33626">
        <v>11</v>
      </c>
      <c r="U33626">
        <v>11</v>
      </c>
      <c r="V33626">
        <v>11</v>
      </c>
      <c r="W33626">
        <v>12</v>
      </c>
      <c r="X33626">
        <v>12</v>
      </c>
      <c r="Y33626">
        <v>12</v>
      </c>
      <c r="Z33626">
        <v>12</v>
      </c>
      <c r="AA33626">
        <v>13</v>
      </c>
      <c r="AB33626">
        <v>13</v>
      </c>
      <c r="AC33626">
        <v>13</v>
      </c>
      <c r="AD33626">
        <v>14</v>
      </c>
      <c r="AE33626">
        <v>14</v>
      </c>
      <c r="AF33626">
        <v>14</v>
      </c>
      <c r="AG33626">
        <v>14</v>
      </c>
      <c r="AH33626">
        <v>15</v>
      </c>
      <c r="AI33626">
        <v>15</v>
      </c>
      <c r="AJ33626">
        <v>15</v>
      </c>
      <c r="AK33626">
        <v>16</v>
      </c>
      <c r="AL33626">
        <v>16</v>
      </c>
      <c r="AM33626">
        <v>16</v>
      </c>
      <c r="AN33626">
        <v>16</v>
      </c>
      <c r="AO33626">
        <v>16</v>
      </c>
      <c r="AP33626">
        <v>17</v>
      </c>
      <c r="AQ33626">
        <v>17</v>
      </c>
    </row>
    <row r="33627" spans="1:43">
      <c r="A33627" t="s">
        <v>20833</v>
      </c>
      <c r="B33627" t="s">
        <v>20834</v>
      </c>
      <c r="C33627" t="s">
        <v>20835</v>
      </c>
      <c r="D33627" t="s">
        <v>20836</v>
      </c>
      <c r="E33627" t="s">
        <v>20787</v>
      </c>
      <c r="F33627" t="s">
        <v>20788</v>
      </c>
      <c r="G33627" t="s">
        <v>20255</v>
      </c>
      <c r="H33627" t="s">
        <v>20256</v>
      </c>
      <c r="I33627" s="2">
        <v>1</v>
      </c>
      <c r="J33627" s="2">
        <v>0</v>
      </c>
      <c r="K33627" s="2">
        <v>0</v>
      </c>
      <c r="L33627" t="s">
        <v>120</v>
      </c>
      <c r="M33627" t="s">
        <v>87</v>
      </c>
      <c r="N33627" t="s">
        <v>88</v>
      </c>
      <c r="O33627" t="s">
        <v>85</v>
      </c>
      <c r="P33627" t="s">
        <v>86</v>
      </c>
      <c r="Q33627">
        <v>10</v>
      </c>
      <c r="R33627">
        <v>10</v>
      </c>
      <c r="S33627">
        <v>10</v>
      </c>
      <c r="T33627">
        <v>11</v>
      </c>
      <c r="U33627">
        <v>11</v>
      </c>
      <c r="V33627">
        <v>11</v>
      </c>
      <c r="W33627">
        <v>11</v>
      </c>
      <c r="X33627">
        <v>11</v>
      </c>
      <c r="Y33627">
        <v>11</v>
      </c>
      <c r="Z33627">
        <v>11</v>
      </c>
      <c r="AA33627">
        <v>12</v>
      </c>
      <c r="AB33627">
        <v>12</v>
      </c>
      <c r="AC33627">
        <v>12</v>
      </c>
      <c r="AD33627">
        <v>12</v>
      </c>
      <c r="AE33627">
        <v>12</v>
      </c>
      <c r="AF33627">
        <v>12</v>
      </c>
      <c r="AG33627">
        <v>13</v>
      </c>
      <c r="AH33627">
        <v>13</v>
      </c>
      <c r="AI33627">
        <v>13</v>
      </c>
      <c r="AJ33627">
        <v>13</v>
      </c>
      <c r="AK33627">
        <v>13</v>
      </c>
      <c r="AL33627">
        <v>14</v>
      </c>
      <c r="AM33627">
        <v>14</v>
      </c>
      <c r="AN33627">
        <v>14</v>
      </c>
      <c r="AO33627">
        <v>14</v>
      </c>
      <c r="AP33627">
        <v>14</v>
      </c>
      <c r="AQ33627">
        <v>15</v>
      </c>
    </row>
    <row r="33628" spans="1:43">
      <c r="A33628" t="s">
        <v>20833</v>
      </c>
      <c r="B33628" t="s">
        <v>20834</v>
      </c>
      <c r="C33628" t="s">
        <v>20835</v>
      </c>
      <c r="D33628" t="s">
        <v>20836</v>
      </c>
      <c r="E33628" t="s">
        <v>20787</v>
      </c>
      <c r="F33628" t="s">
        <v>20788</v>
      </c>
      <c r="G33628" t="s">
        <v>20255</v>
      </c>
      <c r="H33628" t="s">
        <v>20256</v>
      </c>
      <c r="I33628" s="2">
        <v>1</v>
      </c>
      <c r="J33628" s="2">
        <v>0</v>
      </c>
      <c r="K33628" s="2">
        <v>0</v>
      </c>
      <c r="L33628" t="s">
        <v>120</v>
      </c>
      <c r="M33628" t="s">
        <v>89</v>
      </c>
      <c r="N33628" t="s">
        <v>90</v>
      </c>
      <c r="O33628" t="s">
        <v>85</v>
      </c>
      <c r="P33628" t="s">
        <v>86</v>
      </c>
      <c r="Q33628">
        <v>10</v>
      </c>
      <c r="R33628">
        <v>11</v>
      </c>
      <c r="S33628">
        <v>11</v>
      </c>
      <c r="T33628">
        <v>11</v>
      </c>
      <c r="U33628">
        <v>12</v>
      </c>
      <c r="V33628">
        <v>12</v>
      </c>
      <c r="W33628">
        <v>12</v>
      </c>
      <c r="X33628">
        <v>13</v>
      </c>
      <c r="Y33628">
        <v>13</v>
      </c>
      <c r="Z33628">
        <v>13</v>
      </c>
      <c r="AA33628">
        <v>14</v>
      </c>
      <c r="AB33628">
        <v>14</v>
      </c>
      <c r="AC33628">
        <v>14</v>
      </c>
      <c r="AD33628">
        <v>15</v>
      </c>
      <c r="AE33628">
        <v>15</v>
      </c>
      <c r="AF33628">
        <v>15</v>
      </c>
      <c r="AG33628">
        <v>15</v>
      </c>
      <c r="AH33628">
        <v>15</v>
      </c>
      <c r="AI33628">
        <v>15</v>
      </c>
      <c r="AJ33628">
        <v>16</v>
      </c>
      <c r="AK33628">
        <v>16</v>
      </c>
      <c r="AL33628">
        <v>16</v>
      </c>
      <c r="AM33628">
        <v>16</v>
      </c>
      <c r="AN33628">
        <v>16</v>
      </c>
      <c r="AO33628">
        <v>17</v>
      </c>
      <c r="AP33628">
        <v>17</v>
      </c>
      <c r="AQ33628">
        <v>17</v>
      </c>
    </row>
    <row r="33629" spans="1:43">
      <c r="A33629" t="s">
        <v>20833</v>
      </c>
      <c r="B33629" t="s">
        <v>20834</v>
      </c>
      <c r="C33629" t="s">
        <v>20835</v>
      </c>
      <c r="D33629" t="s">
        <v>20836</v>
      </c>
      <c r="E33629" t="s">
        <v>20787</v>
      </c>
      <c r="F33629" t="s">
        <v>20788</v>
      </c>
      <c r="G33629" t="s">
        <v>20255</v>
      </c>
      <c r="H33629" t="s">
        <v>20256</v>
      </c>
      <c r="I33629" s="2">
        <v>1</v>
      </c>
      <c r="J33629" s="2">
        <v>0</v>
      </c>
      <c r="K33629" s="2">
        <v>0</v>
      </c>
      <c r="L33629" t="s">
        <v>120</v>
      </c>
      <c r="M33629" t="s">
        <v>83</v>
      </c>
      <c r="N33629" t="s">
        <v>91</v>
      </c>
      <c r="O33629" t="s">
        <v>85</v>
      </c>
      <c r="P33629" t="s">
        <v>86</v>
      </c>
      <c r="Q33629">
        <v>10</v>
      </c>
      <c r="R33629">
        <v>10</v>
      </c>
      <c r="S33629">
        <v>11</v>
      </c>
      <c r="T33629">
        <v>11</v>
      </c>
      <c r="U33629">
        <v>11</v>
      </c>
      <c r="V33629">
        <v>11</v>
      </c>
      <c r="W33629">
        <v>12</v>
      </c>
      <c r="X33629">
        <v>12</v>
      </c>
      <c r="Y33629">
        <v>12</v>
      </c>
      <c r="Z33629">
        <v>12</v>
      </c>
      <c r="AA33629">
        <v>13</v>
      </c>
      <c r="AB33629">
        <v>13</v>
      </c>
      <c r="AC33629">
        <v>13</v>
      </c>
      <c r="AD33629">
        <v>14</v>
      </c>
      <c r="AE33629">
        <v>14</v>
      </c>
      <c r="AF33629">
        <v>14</v>
      </c>
      <c r="AG33629">
        <v>14</v>
      </c>
      <c r="AH33629">
        <v>15</v>
      </c>
      <c r="AI33629">
        <v>15</v>
      </c>
      <c r="AJ33629">
        <v>15</v>
      </c>
      <c r="AK33629">
        <v>16</v>
      </c>
      <c r="AL33629">
        <v>16</v>
      </c>
      <c r="AM33629">
        <v>16</v>
      </c>
      <c r="AN33629">
        <v>16</v>
      </c>
      <c r="AO33629">
        <v>16</v>
      </c>
      <c r="AP33629">
        <v>17</v>
      </c>
      <c r="AQ33629">
        <v>17</v>
      </c>
    </row>
    <row r="33630" spans="1:43">
      <c r="A33630" t="s">
        <v>20837</v>
      </c>
      <c r="B33630" t="s">
        <v>20838</v>
      </c>
      <c r="C33630" t="s">
        <v>20835</v>
      </c>
      <c r="D33630" t="s">
        <v>20836</v>
      </c>
      <c r="E33630" t="s">
        <v>20787</v>
      </c>
      <c r="F33630" t="s">
        <v>20788</v>
      </c>
      <c r="G33630" t="s">
        <v>20255</v>
      </c>
      <c r="H33630" t="s">
        <v>20256</v>
      </c>
      <c r="I33630" s="2">
        <v>1</v>
      </c>
      <c r="J33630" s="2">
        <v>0</v>
      </c>
      <c r="K33630" s="2">
        <v>0</v>
      </c>
      <c r="L33630" t="s">
        <v>120</v>
      </c>
      <c r="M33630" t="s">
        <v>83</v>
      </c>
      <c r="N33630" t="s">
        <v>84</v>
      </c>
      <c r="O33630" t="s">
        <v>85</v>
      </c>
      <c r="P33630" t="s">
        <v>86</v>
      </c>
      <c r="Q33630">
        <v>13</v>
      </c>
      <c r="R33630">
        <v>13</v>
      </c>
      <c r="S33630">
        <v>13</v>
      </c>
      <c r="T33630">
        <v>13</v>
      </c>
      <c r="U33630">
        <v>14</v>
      </c>
      <c r="V33630">
        <v>14</v>
      </c>
      <c r="W33630">
        <v>14</v>
      </c>
      <c r="X33630">
        <v>15</v>
      </c>
      <c r="Y33630">
        <v>15</v>
      </c>
      <c r="Z33630">
        <v>15</v>
      </c>
      <c r="AA33630">
        <v>16</v>
      </c>
      <c r="AB33630">
        <v>16</v>
      </c>
      <c r="AC33630">
        <v>16</v>
      </c>
      <c r="AD33630">
        <v>17</v>
      </c>
      <c r="AE33630">
        <v>17</v>
      </c>
      <c r="AF33630">
        <v>17</v>
      </c>
      <c r="AG33630">
        <v>18</v>
      </c>
      <c r="AH33630">
        <v>18</v>
      </c>
      <c r="AI33630">
        <v>18</v>
      </c>
      <c r="AJ33630">
        <v>19</v>
      </c>
      <c r="AK33630">
        <v>19</v>
      </c>
      <c r="AL33630">
        <v>19</v>
      </c>
      <c r="AM33630">
        <v>20</v>
      </c>
      <c r="AN33630">
        <v>20</v>
      </c>
      <c r="AO33630">
        <v>20</v>
      </c>
      <c r="AP33630">
        <v>20</v>
      </c>
      <c r="AQ33630">
        <v>21</v>
      </c>
    </row>
    <row r="33631" spans="1:43">
      <c r="A33631" t="s">
        <v>20837</v>
      </c>
      <c r="B33631" t="s">
        <v>20838</v>
      </c>
      <c r="C33631" t="s">
        <v>20835</v>
      </c>
      <c r="D33631" t="s">
        <v>20836</v>
      </c>
      <c r="E33631" t="s">
        <v>20787</v>
      </c>
      <c r="F33631" t="s">
        <v>20788</v>
      </c>
      <c r="G33631" t="s">
        <v>20255</v>
      </c>
      <c r="H33631" t="s">
        <v>20256</v>
      </c>
      <c r="I33631" s="2">
        <v>1</v>
      </c>
      <c r="J33631" s="2">
        <v>0</v>
      </c>
      <c r="K33631" s="2">
        <v>0</v>
      </c>
      <c r="L33631" t="s">
        <v>120</v>
      </c>
      <c r="M33631" t="s">
        <v>87</v>
      </c>
      <c r="N33631" t="s">
        <v>88</v>
      </c>
      <c r="O33631" t="s">
        <v>85</v>
      </c>
      <c r="P33631" t="s">
        <v>86</v>
      </c>
      <c r="Q33631">
        <v>13</v>
      </c>
      <c r="R33631">
        <v>14</v>
      </c>
      <c r="S33631">
        <v>14</v>
      </c>
      <c r="T33631">
        <v>14</v>
      </c>
      <c r="U33631">
        <v>14</v>
      </c>
      <c r="V33631">
        <v>14</v>
      </c>
      <c r="W33631">
        <v>15</v>
      </c>
      <c r="X33631">
        <v>15</v>
      </c>
      <c r="Y33631">
        <v>15</v>
      </c>
      <c r="Z33631">
        <v>15</v>
      </c>
      <c r="AA33631">
        <v>15</v>
      </c>
      <c r="AB33631">
        <v>15</v>
      </c>
      <c r="AC33631">
        <v>16</v>
      </c>
      <c r="AD33631">
        <v>16</v>
      </c>
      <c r="AE33631">
        <v>16</v>
      </c>
      <c r="AF33631">
        <v>16</v>
      </c>
      <c r="AG33631">
        <v>17</v>
      </c>
      <c r="AH33631">
        <v>17</v>
      </c>
      <c r="AI33631">
        <v>17</v>
      </c>
      <c r="AJ33631">
        <v>17</v>
      </c>
      <c r="AK33631">
        <v>17</v>
      </c>
      <c r="AL33631">
        <v>18</v>
      </c>
      <c r="AM33631">
        <v>18</v>
      </c>
      <c r="AN33631">
        <v>18</v>
      </c>
      <c r="AO33631">
        <v>18</v>
      </c>
      <c r="AP33631">
        <v>19</v>
      </c>
      <c r="AQ33631">
        <v>19</v>
      </c>
    </row>
    <row r="33632" spans="1:43">
      <c r="A33632" t="s">
        <v>20837</v>
      </c>
      <c r="B33632" t="s">
        <v>20838</v>
      </c>
      <c r="C33632" t="s">
        <v>20835</v>
      </c>
      <c r="D33632" t="s">
        <v>20836</v>
      </c>
      <c r="E33632" t="s">
        <v>20787</v>
      </c>
      <c r="F33632" t="s">
        <v>20788</v>
      </c>
      <c r="G33632" t="s">
        <v>20255</v>
      </c>
      <c r="H33632" t="s">
        <v>20256</v>
      </c>
      <c r="I33632" s="2">
        <v>1</v>
      </c>
      <c r="J33632" s="2">
        <v>0</v>
      </c>
      <c r="K33632" s="2">
        <v>0</v>
      </c>
      <c r="L33632" t="s">
        <v>120</v>
      </c>
      <c r="M33632" t="s">
        <v>89</v>
      </c>
      <c r="N33632" t="s">
        <v>90</v>
      </c>
      <c r="O33632" t="s">
        <v>85</v>
      </c>
      <c r="P33632" t="s">
        <v>86</v>
      </c>
      <c r="Q33632">
        <v>13</v>
      </c>
      <c r="R33632">
        <v>13</v>
      </c>
      <c r="S33632">
        <v>14</v>
      </c>
      <c r="T33632">
        <v>14</v>
      </c>
      <c r="U33632">
        <v>14</v>
      </c>
      <c r="V33632">
        <v>15</v>
      </c>
      <c r="W33632">
        <v>15</v>
      </c>
      <c r="X33632">
        <v>15</v>
      </c>
      <c r="Y33632">
        <v>16</v>
      </c>
      <c r="Z33632">
        <v>16</v>
      </c>
      <c r="AA33632">
        <v>17</v>
      </c>
      <c r="AB33632">
        <v>17</v>
      </c>
      <c r="AC33632">
        <v>17</v>
      </c>
      <c r="AD33632">
        <v>18</v>
      </c>
      <c r="AE33632">
        <v>18</v>
      </c>
      <c r="AF33632">
        <v>18</v>
      </c>
      <c r="AG33632">
        <v>19</v>
      </c>
      <c r="AH33632">
        <v>19</v>
      </c>
      <c r="AI33632">
        <v>19</v>
      </c>
      <c r="AJ33632">
        <v>19</v>
      </c>
      <c r="AK33632">
        <v>19</v>
      </c>
      <c r="AL33632">
        <v>20</v>
      </c>
      <c r="AM33632">
        <v>20</v>
      </c>
      <c r="AN33632">
        <v>20</v>
      </c>
      <c r="AO33632">
        <v>20</v>
      </c>
      <c r="AP33632">
        <v>21</v>
      </c>
      <c r="AQ33632">
        <v>21</v>
      </c>
    </row>
    <row r="33633" spans="1:43">
      <c r="A33633" t="s">
        <v>20837</v>
      </c>
      <c r="B33633" t="s">
        <v>20838</v>
      </c>
      <c r="C33633" t="s">
        <v>20835</v>
      </c>
      <c r="D33633" t="s">
        <v>20836</v>
      </c>
      <c r="E33633" t="s">
        <v>20787</v>
      </c>
      <c r="F33633" t="s">
        <v>20788</v>
      </c>
      <c r="G33633" t="s">
        <v>20255</v>
      </c>
      <c r="H33633" t="s">
        <v>20256</v>
      </c>
      <c r="I33633" s="2">
        <v>1</v>
      </c>
      <c r="J33633" s="2">
        <v>0</v>
      </c>
      <c r="K33633" s="2">
        <v>0</v>
      </c>
      <c r="L33633" t="s">
        <v>120</v>
      </c>
      <c r="M33633" t="s">
        <v>83</v>
      </c>
      <c r="N33633" t="s">
        <v>91</v>
      </c>
      <c r="O33633" t="s">
        <v>85</v>
      </c>
      <c r="P33633" t="s">
        <v>86</v>
      </c>
      <c r="Q33633">
        <v>13</v>
      </c>
      <c r="R33633">
        <v>13</v>
      </c>
      <c r="S33633">
        <v>13</v>
      </c>
      <c r="T33633">
        <v>13</v>
      </c>
      <c r="U33633">
        <v>14</v>
      </c>
      <c r="V33633">
        <v>14</v>
      </c>
      <c r="W33633">
        <v>14</v>
      </c>
      <c r="X33633">
        <v>15</v>
      </c>
      <c r="Y33633">
        <v>15</v>
      </c>
      <c r="Z33633">
        <v>15</v>
      </c>
      <c r="AA33633">
        <v>16</v>
      </c>
      <c r="AB33633">
        <v>16</v>
      </c>
      <c r="AC33633">
        <v>16</v>
      </c>
      <c r="AD33633">
        <v>17</v>
      </c>
      <c r="AE33633">
        <v>17</v>
      </c>
      <c r="AF33633">
        <v>17</v>
      </c>
      <c r="AG33633">
        <v>18</v>
      </c>
      <c r="AH33633">
        <v>18</v>
      </c>
      <c r="AI33633">
        <v>18</v>
      </c>
      <c r="AJ33633">
        <v>19</v>
      </c>
      <c r="AK33633">
        <v>19</v>
      </c>
      <c r="AL33633">
        <v>19</v>
      </c>
      <c r="AM33633">
        <v>20</v>
      </c>
      <c r="AN33633">
        <v>20</v>
      </c>
      <c r="AO33633">
        <v>20</v>
      </c>
      <c r="AP33633">
        <v>20</v>
      </c>
      <c r="AQ33633">
        <v>21</v>
      </c>
    </row>
    <row r="33634" spans="1:43">
      <c r="A33634" t="s">
        <v>20839</v>
      </c>
      <c r="B33634" t="s">
        <v>20840</v>
      </c>
      <c r="C33634" t="s">
        <v>20835</v>
      </c>
      <c r="D33634" t="s">
        <v>20836</v>
      </c>
      <c r="E33634" t="s">
        <v>20787</v>
      </c>
      <c r="F33634" t="s">
        <v>20788</v>
      </c>
      <c r="G33634" t="s">
        <v>20255</v>
      </c>
      <c r="H33634" t="s">
        <v>20256</v>
      </c>
      <c r="I33634" s="2">
        <v>1</v>
      </c>
      <c r="J33634" s="2">
        <v>0</v>
      </c>
      <c r="K33634" s="2">
        <v>0</v>
      </c>
      <c r="L33634" t="s">
        <v>120</v>
      </c>
      <c r="M33634" t="s">
        <v>83</v>
      </c>
      <c r="N33634" t="s">
        <v>84</v>
      </c>
      <c r="O33634" t="s">
        <v>85</v>
      </c>
      <c r="P33634" t="s">
        <v>86</v>
      </c>
      <c r="Q33634">
        <v>12</v>
      </c>
      <c r="R33634">
        <v>12</v>
      </c>
      <c r="S33634">
        <v>13</v>
      </c>
      <c r="T33634">
        <v>13</v>
      </c>
      <c r="U33634">
        <v>13</v>
      </c>
      <c r="V33634">
        <v>13</v>
      </c>
      <c r="W33634">
        <v>14</v>
      </c>
      <c r="X33634">
        <v>14</v>
      </c>
      <c r="Y33634">
        <v>14</v>
      </c>
      <c r="Z33634">
        <v>15</v>
      </c>
      <c r="AA33634">
        <v>15</v>
      </c>
      <c r="AB33634">
        <v>15</v>
      </c>
      <c r="AC33634">
        <v>15</v>
      </c>
      <c r="AD33634">
        <v>16</v>
      </c>
      <c r="AE33634">
        <v>16</v>
      </c>
      <c r="AF33634">
        <v>16</v>
      </c>
      <c r="AG33634">
        <v>17</v>
      </c>
      <c r="AH33634">
        <v>17</v>
      </c>
      <c r="AI33634">
        <v>17</v>
      </c>
      <c r="AJ33634">
        <v>18</v>
      </c>
      <c r="AK33634">
        <v>18</v>
      </c>
      <c r="AL33634">
        <v>18</v>
      </c>
      <c r="AM33634">
        <v>19</v>
      </c>
      <c r="AN33634">
        <v>19</v>
      </c>
      <c r="AO33634">
        <v>19</v>
      </c>
      <c r="AP33634">
        <v>19</v>
      </c>
      <c r="AQ33634">
        <v>20</v>
      </c>
    </row>
    <row r="33635" spans="1:43">
      <c r="A33635" t="s">
        <v>20839</v>
      </c>
      <c r="B33635" t="s">
        <v>20840</v>
      </c>
      <c r="C33635" t="s">
        <v>20835</v>
      </c>
      <c r="D33635" t="s">
        <v>20836</v>
      </c>
      <c r="E33635" t="s">
        <v>20787</v>
      </c>
      <c r="F33635" t="s">
        <v>20788</v>
      </c>
      <c r="G33635" t="s">
        <v>20255</v>
      </c>
      <c r="H33635" t="s">
        <v>20256</v>
      </c>
      <c r="I33635" s="2">
        <v>1</v>
      </c>
      <c r="J33635" s="2">
        <v>0</v>
      </c>
      <c r="K33635" s="2">
        <v>0</v>
      </c>
      <c r="L33635" t="s">
        <v>120</v>
      </c>
      <c r="M33635" t="s">
        <v>87</v>
      </c>
      <c r="N33635" t="s">
        <v>88</v>
      </c>
      <c r="O33635" t="s">
        <v>85</v>
      </c>
      <c r="P33635" t="s">
        <v>86</v>
      </c>
      <c r="Q33635">
        <v>12</v>
      </c>
      <c r="R33635">
        <v>12</v>
      </c>
      <c r="S33635">
        <v>12</v>
      </c>
      <c r="T33635">
        <v>12</v>
      </c>
      <c r="U33635">
        <v>13</v>
      </c>
      <c r="V33635">
        <v>13</v>
      </c>
      <c r="W33635">
        <v>13</v>
      </c>
      <c r="X33635">
        <v>13</v>
      </c>
      <c r="Y33635">
        <v>13</v>
      </c>
      <c r="Z33635">
        <v>13</v>
      </c>
      <c r="AA33635">
        <v>14</v>
      </c>
      <c r="AB33635">
        <v>14</v>
      </c>
      <c r="AC33635">
        <v>14</v>
      </c>
      <c r="AD33635">
        <v>14</v>
      </c>
      <c r="AE33635">
        <v>14</v>
      </c>
      <c r="AF33635">
        <v>15</v>
      </c>
      <c r="AG33635">
        <v>15</v>
      </c>
      <c r="AH33635">
        <v>15</v>
      </c>
      <c r="AI33635">
        <v>15</v>
      </c>
      <c r="AJ33635">
        <v>15</v>
      </c>
      <c r="AK33635">
        <v>16</v>
      </c>
      <c r="AL33635">
        <v>16</v>
      </c>
      <c r="AM33635">
        <v>16</v>
      </c>
      <c r="AN33635">
        <v>16</v>
      </c>
      <c r="AO33635">
        <v>17</v>
      </c>
      <c r="AP33635">
        <v>17</v>
      </c>
      <c r="AQ33635">
        <v>17</v>
      </c>
    </row>
    <row r="33636" spans="1:43">
      <c r="A33636" t="s">
        <v>20839</v>
      </c>
      <c r="B33636" t="s">
        <v>20840</v>
      </c>
      <c r="C33636" t="s">
        <v>20835</v>
      </c>
      <c r="D33636" t="s">
        <v>20836</v>
      </c>
      <c r="E33636" t="s">
        <v>20787</v>
      </c>
      <c r="F33636" t="s">
        <v>20788</v>
      </c>
      <c r="G33636" t="s">
        <v>20255</v>
      </c>
      <c r="H33636" t="s">
        <v>20256</v>
      </c>
      <c r="I33636" s="2">
        <v>1</v>
      </c>
      <c r="J33636" s="2">
        <v>0</v>
      </c>
      <c r="K33636" s="2">
        <v>0</v>
      </c>
      <c r="L33636" t="s">
        <v>120</v>
      </c>
      <c r="M33636" t="s">
        <v>89</v>
      </c>
      <c r="N33636" t="s">
        <v>90</v>
      </c>
      <c r="O33636" t="s">
        <v>85</v>
      </c>
      <c r="P33636" t="s">
        <v>86</v>
      </c>
      <c r="Q33636">
        <v>12</v>
      </c>
      <c r="R33636">
        <v>12</v>
      </c>
      <c r="S33636">
        <v>13</v>
      </c>
      <c r="T33636">
        <v>13</v>
      </c>
      <c r="U33636">
        <v>14</v>
      </c>
      <c r="V33636">
        <v>14</v>
      </c>
      <c r="W33636">
        <v>14</v>
      </c>
      <c r="X33636">
        <v>15</v>
      </c>
      <c r="Y33636">
        <v>15</v>
      </c>
      <c r="Z33636">
        <v>15</v>
      </c>
      <c r="AA33636">
        <v>16</v>
      </c>
      <c r="AB33636">
        <v>16</v>
      </c>
      <c r="AC33636">
        <v>17</v>
      </c>
      <c r="AD33636">
        <v>17</v>
      </c>
      <c r="AE33636">
        <v>17</v>
      </c>
      <c r="AF33636">
        <v>17</v>
      </c>
      <c r="AG33636">
        <v>18</v>
      </c>
      <c r="AH33636">
        <v>18</v>
      </c>
      <c r="AI33636">
        <v>18</v>
      </c>
      <c r="AJ33636">
        <v>18</v>
      </c>
      <c r="AK33636">
        <v>19</v>
      </c>
      <c r="AL33636">
        <v>19</v>
      </c>
      <c r="AM33636">
        <v>19</v>
      </c>
      <c r="AN33636">
        <v>19</v>
      </c>
      <c r="AO33636">
        <v>19</v>
      </c>
      <c r="AP33636">
        <v>20</v>
      </c>
      <c r="AQ33636">
        <v>20</v>
      </c>
    </row>
    <row r="33637" spans="1:43">
      <c r="A33637" t="s">
        <v>20839</v>
      </c>
      <c r="B33637" t="s">
        <v>20840</v>
      </c>
      <c r="C33637" t="s">
        <v>20835</v>
      </c>
      <c r="D33637" t="s">
        <v>20836</v>
      </c>
      <c r="E33637" t="s">
        <v>20787</v>
      </c>
      <c r="F33637" t="s">
        <v>20788</v>
      </c>
      <c r="G33637" t="s">
        <v>20255</v>
      </c>
      <c r="H33637" t="s">
        <v>20256</v>
      </c>
      <c r="I33637" s="2">
        <v>1</v>
      </c>
      <c r="J33637" s="2">
        <v>0</v>
      </c>
      <c r="K33637" s="2">
        <v>0</v>
      </c>
      <c r="L33637" t="s">
        <v>120</v>
      </c>
      <c r="M33637" t="s">
        <v>83</v>
      </c>
      <c r="N33637" t="s">
        <v>91</v>
      </c>
      <c r="O33637" t="s">
        <v>85</v>
      </c>
      <c r="P33637" t="s">
        <v>86</v>
      </c>
      <c r="Q33637">
        <v>12</v>
      </c>
      <c r="R33637">
        <v>12</v>
      </c>
      <c r="S33637">
        <v>13</v>
      </c>
      <c r="T33637">
        <v>13</v>
      </c>
      <c r="U33637">
        <v>13</v>
      </c>
      <c r="V33637">
        <v>13</v>
      </c>
      <c r="W33637">
        <v>14</v>
      </c>
      <c r="X33637">
        <v>14</v>
      </c>
      <c r="Y33637">
        <v>14</v>
      </c>
      <c r="Z33637">
        <v>15</v>
      </c>
      <c r="AA33637">
        <v>15</v>
      </c>
      <c r="AB33637">
        <v>15</v>
      </c>
      <c r="AC33637">
        <v>15</v>
      </c>
      <c r="AD33637">
        <v>16</v>
      </c>
      <c r="AE33637">
        <v>16</v>
      </c>
      <c r="AF33637">
        <v>16</v>
      </c>
      <c r="AG33637">
        <v>17</v>
      </c>
      <c r="AH33637">
        <v>17</v>
      </c>
      <c r="AI33637">
        <v>17</v>
      </c>
      <c r="AJ33637">
        <v>18</v>
      </c>
      <c r="AK33637">
        <v>18</v>
      </c>
      <c r="AL33637">
        <v>18</v>
      </c>
      <c r="AM33637">
        <v>19</v>
      </c>
      <c r="AN33637">
        <v>19</v>
      </c>
      <c r="AO33637">
        <v>19</v>
      </c>
      <c r="AP33637">
        <v>19</v>
      </c>
      <c r="AQ33637">
        <v>20</v>
      </c>
    </row>
    <row r="33638" spans="1:43">
      <c r="A33638" t="s">
        <v>20841</v>
      </c>
      <c r="B33638" t="s">
        <v>20842</v>
      </c>
      <c r="C33638" t="s">
        <v>20843</v>
      </c>
      <c r="D33638" t="s">
        <v>20844</v>
      </c>
      <c r="E33638" t="s">
        <v>20787</v>
      </c>
      <c r="F33638" t="s">
        <v>20788</v>
      </c>
      <c r="G33638" t="s">
        <v>20255</v>
      </c>
      <c r="H33638" t="s">
        <v>20256</v>
      </c>
      <c r="I33638" s="2">
        <v>1</v>
      </c>
      <c r="J33638" s="2">
        <v>0</v>
      </c>
      <c r="K33638" s="2">
        <v>0</v>
      </c>
      <c r="L33638" t="s">
        <v>120</v>
      </c>
      <c r="M33638" t="s">
        <v>83</v>
      </c>
      <c r="N33638" t="s">
        <v>84</v>
      </c>
      <c r="O33638" t="s">
        <v>85</v>
      </c>
      <c r="P33638" t="s">
        <v>86</v>
      </c>
      <c r="Q33638">
        <v>32</v>
      </c>
      <c r="R33638">
        <v>33</v>
      </c>
      <c r="S33638">
        <v>33</v>
      </c>
      <c r="T33638">
        <v>34</v>
      </c>
      <c r="U33638">
        <v>35</v>
      </c>
      <c r="V33638">
        <v>36</v>
      </c>
      <c r="W33638">
        <v>36</v>
      </c>
      <c r="X33638">
        <v>37</v>
      </c>
      <c r="Y33638">
        <v>38</v>
      </c>
      <c r="Z33638">
        <v>39</v>
      </c>
      <c r="AA33638">
        <v>40</v>
      </c>
      <c r="AB33638">
        <v>40</v>
      </c>
      <c r="AC33638">
        <v>41</v>
      </c>
      <c r="AD33638">
        <v>42</v>
      </c>
      <c r="AE33638">
        <v>43</v>
      </c>
      <c r="AF33638">
        <v>44</v>
      </c>
      <c r="AG33638">
        <v>45</v>
      </c>
      <c r="AH33638">
        <v>45</v>
      </c>
      <c r="AI33638">
        <v>46</v>
      </c>
      <c r="AJ33638">
        <v>47</v>
      </c>
      <c r="AK33638">
        <v>48</v>
      </c>
      <c r="AL33638">
        <v>49</v>
      </c>
      <c r="AM33638">
        <v>49</v>
      </c>
      <c r="AN33638">
        <v>50</v>
      </c>
      <c r="AO33638">
        <v>51</v>
      </c>
      <c r="AP33638">
        <v>51</v>
      </c>
      <c r="AQ33638">
        <v>52</v>
      </c>
    </row>
    <row r="33639" spans="1:43">
      <c r="A33639" t="s">
        <v>20841</v>
      </c>
      <c r="B33639" t="s">
        <v>20842</v>
      </c>
      <c r="C33639" t="s">
        <v>20843</v>
      </c>
      <c r="D33639" t="s">
        <v>20844</v>
      </c>
      <c r="E33639" t="s">
        <v>20787</v>
      </c>
      <c r="F33639" t="s">
        <v>20788</v>
      </c>
      <c r="G33639" t="s">
        <v>20255</v>
      </c>
      <c r="H33639" t="s">
        <v>20256</v>
      </c>
      <c r="I33639" s="2">
        <v>1</v>
      </c>
      <c r="J33639" s="2">
        <v>0</v>
      </c>
      <c r="K33639" s="2">
        <v>0</v>
      </c>
      <c r="L33639" t="s">
        <v>120</v>
      </c>
      <c r="M33639" t="s">
        <v>87</v>
      </c>
      <c r="N33639" t="s">
        <v>88</v>
      </c>
      <c r="O33639" t="s">
        <v>85</v>
      </c>
      <c r="P33639" t="s">
        <v>86</v>
      </c>
      <c r="Q33639">
        <v>32</v>
      </c>
      <c r="R33639">
        <v>32</v>
      </c>
      <c r="S33639">
        <v>32</v>
      </c>
      <c r="T33639">
        <v>33</v>
      </c>
      <c r="U33639">
        <v>33</v>
      </c>
      <c r="V33639">
        <v>34</v>
      </c>
      <c r="W33639">
        <v>34</v>
      </c>
      <c r="X33639">
        <v>35</v>
      </c>
      <c r="Y33639">
        <v>35</v>
      </c>
      <c r="Z33639">
        <v>36</v>
      </c>
      <c r="AA33639">
        <v>36</v>
      </c>
      <c r="AB33639">
        <v>37</v>
      </c>
      <c r="AC33639">
        <v>37</v>
      </c>
      <c r="AD33639">
        <v>38</v>
      </c>
      <c r="AE33639">
        <v>38</v>
      </c>
      <c r="AF33639">
        <v>39</v>
      </c>
      <c r="AG33639">
        <v>39</v>
      </c>
      <c r="AH33639">
        <v>40</v>
      </c>
      <c r="AI33639">
        <v>40</v>
      </c>
      <c r="AJ33639">
        <v>41</v>
      </c>
      <c r="AK33639">
        <v>41</v>
      </c>
      <c r="AL33639">
        <v>42</v>
      </c>
      <c r="AM33639">
        <v>42</v>
      </c>
      <c r="AN33639">
        <v>43</v>
      </c>
      <c r="AO33639">
        <v>44</v>
      </c>
      <c r="AP33639">
        <v>44</v>
      </c>
      <c r="AQ33639">
        <v>45</v>
      </c>
    </row>
    <row r="33640" spans="1:43">
      <c r="A33640" t="s">
        <v>20841</v>
      </c>
      <c r="B33640" t="s">
        <v>20842</v>
      </c>
      <c r="C33640" t="s">
        <v>20843</v>
      </c>
      <c r="D33640" t="s">
        <v>20844</v>
      </c>
      <c r="E33640" t="s">
        <v>20787</v>
      </c>
      <c r="F33640" t="s">
        <v>20788</v>
      </c>
      <c r="G33640" t="s">
        <v>20255</v>
      </c>
      <c r="H33640" t="s">
        <v>20256</v>
      </c>
      <c r="I33640" s="2">
        <v>1</v>
      </c>
      <c r="J33640" s="2">
        <v>0</v>
      </c>
      <c r="K33640" s="2">
        <v>0</v>
      </c>
      <c r="L33640" t="s">
        <v>120</v>
      </c>
      <c r="M33640" t="s">
        <v>89</v>
      </c>
      <c r="N33640" t="s">
        <v>90</v>
      </c>
      <c r="O33640" t="s">
        <v>85</v>
      </c>
      <c r="P33640" t="s">
        <v>86</v>
      </c>
      <c r="Q33640">
        <v>32</v>
      </c>
      <c r="R33640">
        <v>33</v>
      </c>
      <c r="S33640">
        <v>34</v>
      </c>
      <c r="T33640">
        <v>35</v>
      </c>
      <c r="U33640">
        <v>36</v>
      </c>
      <c r="V33640">
        <v>37</v>
      </c>
      <c r="W33640">
        <v>38</v>
      </c>
      <c r="X33640">
        <v>39</v>
      </c>
      <c r="Y33640">
        <v>40</v>
      </c>
      <c r="Z33640">
        <v>41</v>
      </c>
      <c r="AA33640">
        <v>42</v>
      </c>
      <c r="AB33640">
        <v>43</v>
      </c>
      <c r="AC33640">
        <v>44</v>
      </c>
      <c r="AD33640">
        <v>45</v>
      </c>
      <c r="AE33640">
        <v>46</v>
      </c>
      <c r="AF33640">
        <v>46</v>
      </c>
      <c r="AG33640">
        <v>47</v>
      </c>
      <c r="AH33640">
        <v>47</v>
      </c>
      <c r="AI33640">
        <v>48</v>
      </c>
      <c r="AJ33640">
        <v>48</v>
      </c>
      <c r="AK33640">
        <v>49</v>
      </c>
      <c r="AL33640">
        <v>49</v>
      </c>
      <c r="AM33640">
        <v>50</v>
      </c>
      <c r="AN33640">
        <v>51</v>
      </c>
      <c r="AO33640">
        <v>51</v>
      </c>
      <c r="AP33640">
        <v>52</v>
      </c>
      <c r="AQ33640">
        <v>52</v>
      </c>
    </row>
    <row r="33641" spans="1:43">
      <c r="A33641" t="s">
        <v>20841</v>
      </c>
      <c r="B33641" t="s">
        <v>20842</v>
      </c>
      <c r="C33641" t="s">
        <v>20843</v>
      </c>
      <c r="D33641" t="s">
        <v>20844</v>
      </c>
      <c r="E33641" t="s">
        <v>20787</v>
      </c>
      <c r="F33641" t="s">
        <v>20788</v>
      </c>
      <c r="G33641" t="s">
        <v>20255</v>
      </c>
      <c r="H33641" t="s">
        <v>20256</v>
      </c>
      <c r="I33641" s="2">
        <v>1</v>
      </c>
      <c r="J33641" s="2">
        <v>0</v>
      </c>
      <c r="K33641" s="2">
        <v>0</v>
      </c>
      <c r="L33641" t="s">
        <v>120</v>
      </c>
      <c r="M33641" t="s">
        <v>83</v>
      </c>
      <c r="N33641" t="s">
        <v>91</v>
      </c>
      <c r="O33641" t="s">
        <v>85</v>
      </c>
      <c r="P33641" t="s">
        <v>86</v>
      </c>
      <c r="Q33641">
        <v>32</v>
      </c>
      <c r="R33641">
        <v>33</v>
      </c>
      <c r="S33641">
        <v>33</v>
      </c>
      <c r="T33641">
        <v>34</v>
      </c>
      <c r="U33641">
        <v>35</v>
      </c>
      <c r="V33641">
        <v>36</v>
      </c>
      <c r="W33641">
        <v>36</v>
      </c>
      <c r="X33641">
        <v>37</v>
      </c>
      <c r="Y33641">
        <v>38</v>
      </c>
      <c r="Z33641">
        <v>39</v>
      </c>
      <c r="AA33641">
        <v>40</v>
      </c>
      <c r="AB33641">
        <v>40</v>
      </c>
      <c r="AC33641">
        <v>41</v>
      </c>
      <c r="AD33641">
        <v>42</v>
      </c>
      <c r="AE33641">
        <v>43</v>
      </c>
      <c r="AF33641">
        <v>44</v>
      </c>
      <c r="AG33641">
        <v>45</v>
      </c>
      <c r="AH33641">
        <v>45</v>
      </c>
      <c r="AI33641">
        <v>46</v>
      </c>
      <c r="AJ33641">
        <v>47</v>
      </c>
      <c r="AK33641">
        <v>48</v>
      </c>
      <c r="AL33641">
        <v>49</v>
      </c>
      <c r="AM33641">
        <v>49</v>
      </c>
      <c r="AN33641">
        <v>50</v>
      </c>
      <c r="AO33641">
        <v>51</v>
      </c>
      <c r="AP33641">
        <v>51</v>
      </c>
      <c r="AQ33641">
        <v>52</v>
      </c>
    </row>
    <row r="33642" spans="1:43">
      <c r="A33642" t="s">
        <v>20845</v>
      </c>
      <c r="B33642" t="s">
        <v>20846</v>
      </c>
      <c r="C33642" t="s">
        <v>20847</v>
      </c>
      <c r="D33642" t="s">
        <v>20848</v>
      </c>
      <c r="E33642" t="s">
        <v>20787</v>
      </c>
      <c r="F33642" t="s">
        <v>20788</v>
      </c>
      <c r="G33642" t="s">
        <v>20255</v>
      </c>
      <c r="H33642" t="s">
        <v>20256</v>
      </c>
      <c r="I33642" s="2">
        <v>1</v>
      </c>
      <c r="J33642" s="2">
        <v>0</v>
      </c>
      <c r="K33642" s="2">
        <v>0</v>
      </c>
      <c r="L33642" t="s">
        <v>120</v>
      </c>
      <c r="M33642" t="s">
        <v>83</v>
      </c>
      <c r="N33642" t="s">
        <v>84</v>
      </c>
      <c r="O33642" t="s">
        <v>85</v>
      </c>
      <c r="P33642" t="s">
        <v>86</v>
      </c>
      <c r="Q33642">
        <v>11</v>
      </c>
      <c r="R33642">
        <v>11</v>
      </c>
      <c r="S33642">
        <v>12</v>
      </c>
      <c r="T33642">
        <v>12</v>
      </c>
      <c r="U33642">
        <v>12</v>
      </c>
      <c r="V33642">
        <v>12</v>
      </c>
      <c r="W33642">
        <v>13</v>
      </c>
      <c r="X33642">
        <v>13</v>
      </c>
      <c r="Y33642">
        <v>13</v>
      </c>
      <c r="Z33642">
        <v>14</v>
      </c>
      <c r="AA33642">
        <v>14</v>
      </c>
      <c r="AB33642">
        <v>14</v>
      </c>
      <c r="AC33642">
        <v>14</v>
      </c>
      <c r="AD33642">
        <v>15</v>
      </c>
      <c r="AE33642">
        <v>15</v>
      </c>
      <c r="AF33642">
        <v>15</v>
      </c>
      <c r="AG33642">
        <v>16</v>
      </c>
      <c r="AH33642">
        <v>16</v>
      </c>
      <c r="AI33642">
        <v>16</v>
      </c>
      <c r="AJ33642">
        <v>17</v>
      </c>
      <c r="AK33642">
        <v>17</v>
      </c>
      <c r="AL33642">
        <v>17</v>
      </c>
      <c r="AM33642">
        <v>17</v>
      </c>
      <c r="AN33642">
        <v>17</v>
      </c>
      <c r="AO33642">
        <v>18</v>
      </c>
      <c r="AP33642">
        <v>18</v>
      </c>
      <c r="AQ33642">
        <v>18</v>
      </c>
    </row>
    <row r="33643" spans="1:43">
      <c r="A33643" t="s">
        <v>20845</v>
      </c>
      <c r="B33643" t="s">
        <v>20846</v>
      </c>
      <c r="C33643" t="s">
        <v>20847</v>
      </c>
      <c r="D33643" t="s">
        <v>20848</v>
      </c>
      <c r="E33643" t="s">
        <v>20787</v>
      </c>
      <c r="F33643" t="s">
        <v>20788</v>
      </c>
      <c r="G33643" t="s">
        <v>20255</v>
      </c>
      <c r="H33643" t="s">
        <v>20256</v>
      </c>
      <c r="I33643" s="2">
        <v>1</v>
      </c>
      <c r="J33643" s="2">
        <v>0</v>
      </c>
      <c r="K33643" s="2">
        <v>0</v>
      </c>
      <c r="L33643" t="s">
        <v>120</v>
      </c>
      <c r="M33643" t="s">
        <v>87</v>
      </c>
      <c r="N33643" t="s">
        <v>88</v>
      </c>
      <c r="O33643" t="s">
        <v>85</v>
      </c>
      <c r="P33643" t="s">
        <v>86</v>
      </c>
      <c r="Q33643">
        <v>11</v>
      </c>
      <c r="R33643">
        <v>11</v>
      </c>
      <c r="S33643">
        <v>11</v>
      </c>
      <c r="T33643">
        <v>11</v>
      </c>
      <c r="U33643">
        <v>12</v>
      </c>
      <c r="V33643">
        <v>12</v>
      </c>
      <c r="W33643">
        <v>12</v>
      </c>
      <c r="X33643">
        <v>12</v>
      </c>
      <c r="Y33643">
        <v>12</v>
      </c>
      <c r="Z33643">
        <v>12</v>
      </c>
      <c r="AA33643">
        <v>13</v>
      </c>
      <c r="AB33643">
        <v>13</v>
      </c>
      <c r="AC33643">
        <v>13</v>
      </c>
      <c r="AD33643">
        <v>13</v>
      </c>
      <c r="AE33643">
        <v>13</v>
      </c>
      <c r="AF33643">
        <v>13</v>
      </c>
      <c r="AG33643">
        <v>14</v>
      </c>
      <c r="AH33643">
        <v>14</v>
      </c>
      <c r="AI33643">
        <v>14</v>
      </c>
      <c r="AJ33643">
        <v>14</v>
      </c>
      <c r="AK33643">
        <v>14</v>
      </c>
      <c r="AL33643">
        <v>15</v>
      </c>
      <c r="AM33643">
        <v>15</v>
      </c>
      <c r="AN33643">
        <v>15</v>
      </c>
      <c r="AO33643">
        <v>15</v>
      </c>
      <c r="AP33643">
        <v>16</v>
      </c>
      <c r="AQ33643">
        <v>16</v>
      </c>
    </row>
    <row r="33644" spans="1:43">
      <c r="A33644" t="s">
        <v>20845</v>
      </c>
      <c r="B33644" t="s">
        <v>20846</v>
      </c>
      <c r="C33644" t="s">
        <v>20847</v>
      </c>
      <c r="D33644" t="s">
        <v>20848</v>
      </c>
      <c r="E33644" t="s">
        <v>20787</v>
      </c>
      <c r="F33644" t="s">
        <v>20788</v>
      </c>
      <c r="G33644" t="s">
        <v>20255</v>
      </c>
      <c r="H33644" t="s">
        <v>20256</v>
      </c>
      <c r="I33644" s="2">
        <v>1</v>
      </c>
      <c r="J33644" s="2">
        <v>0</v>
      </c>
      <c r="K33644" s="2">
        <v>0</v>
      </c>
      <c r="L33644" t="s">
        <v>120</v>
      </c>
      <c r="M33644" t="s">
        <v>89</v>
      </c>
      <c r="N33644" t="s">
        <v>90</v>
      </c>
      <c r="O33644" t="s">
        <v>85</v>
      </c>
      <c r="P33644" t="s">
        <v>86</v>
      </c>
      <c r="Q33644">
        <v>11</v>
      </c>
      <c r="R33644">
        <v>12</v>
      </c>
      <c r="S33644">
        <v>12</v>
      </c>
      <c r="T33644">
        <v>12</v>
      </c>
      <c r="U33644">
        <v>13</v>
      </c>
      <c r="V33644">
        <v>13</v>
      </c>
      <c r="W33644">
        <v>13</v>
      </c>
      <c r="X33644">
        <v>14</v>
      </c>
      <c r="Y33644">
        <v>14</v>
      </c>
      <c r="Z33644">
        <v>14</v>
      </c>
      <c r="AA33644">
        <v>15</v>
      </c>
      <c r="AB33644">
        <v>15</v>
      </c>
      <c r="AC33644">
        <v>15</v>
      </c>
      <c r="AD33644">
        <v>16</v>
      </c>
      <c r="AE33644">
        <v>16</v>
      </c>
      <c r="AF33644">
        <v>16</v>
      </c>
      <c r="AG33644">
        <v>16</v>
      </c>
      <c r="AH33644">
        <v>17</v>
      </c>
      <c r="AI33644">
        <v>17</v>
      </c>
      <c r="AJ33644">
        <v>17</v>
      </c>
      <c r="AK33644">
        <v>17</v>
      </c>
      <c r="AL33644">
        <v>17</v>
      </c>
      <c r="AM33644">
        <v>18</v>
      </c>
      <c r="AN33644">
        <v>18</v>
      </c>
      <c r="AO33644">
        <v>18</v>
      </c>
      <c r="AP33644">
        <v>18</v>
      </c>
      <c r="AQ33644">
        <v>18</v>
      </c>
    </row>
    <row r="33645" spans="1:43">
      <c r="A33645" t="s">
        <v>20845</v>
      </c>
      <c r="B33645" t="s">
        <v>20846</v>
      </c>
      <c r="C33645" t="s">
        <v>20847</v>
      </c>
      <c r="D33645" t="s">
        <v>20848</v>
      </c>
      <c r="E33645" t="s">
        <v>20787</v>
      </c>
      <c r="F33645" t="s">
        <v>20788</v>
      </c>
      <c r="G33645" t="s">
        <v>20255</v>
      </c>
      <c r="H33645" t="s">
        <v>20256</v>
      </c>
      <c r="I33645" s="2">
        <v>1</v>
      </c>
      <c r="J33645" s="2">
        <v>0</v>
      </c>
      <c r="K33645" s="2">
        <v>0</v>
      </c>
      <c r="L33645" t="s">
        <v>120</v>
      </c>
      <c r="M33645" t="s">
        <v>83</v>
      </c>
      <c r="N33645" t="s">
        <v>91</v>
      </c>
      <c r="O33645" t="s">
        <v>85</v>
      </c>
      <c r="P33645" t="s">
        <v>86</v>
      </c>
      <c r="Q33645">
        <v>11</v>
      </c>
      <c r="R33645">
        <v>11</v>
      </c>
      <c r="S33645">
        <v>12</v>
      </c>
      <c r="T33645">
        <v>12</v>
      </c>
      <c r="U33645">
        <v>12</v>
      </c>
      <c r="V33645">
        <v>12</v>
      </c>
      <c r="W33645">
        <v>13</v>
      </c>
      <c r="X33645">
        <v>13</v>
      </c>
      <c r="Y33645">
        <v>13</v>
      </c>
      <c r="Z33645">
        <v>14</v>
      </c>
      <c r="AA33645">
        <v>14</v>
      </c>
      <c r="AB33645">
        <v>14</v>
      </c>
      <c r="AC33645">
        <v>14</v>
      </c>
      <c r="AD33645">
        <v>15</v>
      </c>
      <c r="AE33645">
        <v>15</v>
      </c>
      <c r="AF33645">
        <v>15</v>
      </c>
      <c r="AG33645">
        <v>16</v>
      </c>
      <c r="AH33645">
        <v>16</v>
      </c>
      <c r="AI33645">
        <v>16</v>
      </c>
      <c r="AJ33645">
        <v>17</v>
      </c>
      <c r="AK33645">
        <v>17</v>
      </c>
      <c r="AL33645">
        <v>17</v>
      </c>
      <c r="AM33645">
        <v>17</v>
      </c>
      <c r="AN33645">
        <v>17</v>
      </c>
      <c r="AO33645">
        <v>18</v>
      </c>
      <c r="AP33645">
        <v>18</v>
      </c>
      <c r="AQ33645">
        <v>18</v>
      </c>
    </row>
    <row r="33646" spans="1:43">
      <c r="A33646" t="s">
        <v>20849</v>
      </c>
      <c r="B33646" t="s">
        <v>20850</v>
      </c>
      <c r="C33646" t="s">
        <v>20847</v>
      </c>
      <c r="D33646" t="s">
        <v>20848</v>
      </c>
      <c r="E33646" t="s">
        <v>20787</v>
      </c>
      <c r="F33646" t="s">
        <v>20788</v>
      </c>
      <c r="G33646" t="s">
        <v>20255</v>
      </c>
      <c r="H33646" t="s">
        <v>20256</v>
      </c>
      <c r="I33646" s="2">
        <v>1</v>
      </c>
      <c r="J33646" s="2">
        <v>0</v>
      </c>
      <c r="K33646" s="2">
        <v>0</v>
      </c>
      <c r="L33646" t="s">
        <v>120</v>
      </c>
      <c r="M33646" t="s">
        <v>83</v>
      </c>
      <c r="N33646" t="s">
        <v>84</v>
      </c>
      <c r="O33646" t="s">
        <v>85</v>
      </c>
      <c r="P33646" t="s">
        <v>86</v>
      </c>
      <c r="Q33646">
        <v>17</v>
      </c>
      <c r="R33646">
        <v>17</v>
      </c>
      <c r="S33646">
        <v>17</v>
      </c>
      <c r="T33646">
        <v>18</v>
      </c>
      <c r="U33646">
        <v>18</v>
      </c>
      <c r="V33646">
        <v>19</v>
      </c>
      <c r="W33646">
        <v>19</v>
      </c>
      <c r="X33646">
        <v>19</v>
      </c>
      <c r="Y33646">
        <v>20</v>
      </c>
      <c r="Z33646">
        <v>20</v>
      </c>
      <c r="AA33646">
        <v>21</v>
      </c>
      <c r="AB33646">
        <v>21</v>
      </c>
      <c r="AC33646">
        <v>21</v>
      </c>
      <c r="AD33646">
        <v>22</v>
      </c>
      <c r="AE33646">
        <v>22</v>
      </c>
      <c r="AF33646">
        <v>23</v>
      </c>
      <c r="AG33646">
        <v>23</v>
      </c>
      <c r="AH33646">
        <v>24</v>
      </c>
      <c r="AI33646">
        <v>24</v>
      </c>
      <c r="AJ33646">
        <v>25</v>
      </c>
      <c r="AK33646">
        <v>25</v>
      </c>
      <c r="AL33646">
        <v>25</v>
      </c>
      <c r="AM33646">
        <v>26</v>
      </c>
      <c r="AN33646">
        <v>26</v>
      </c>
      <c r="AO33646">
        <v>26</v>
      </c>
      <c r="AP33646">
        <v>27</v>
      </c>
      <c r="AQ33646">
        <v>27</v>
      </c>
    </row>
    <row r="33647" spans="1:43">
      <c r="A33647" t="s">
        <v>20849</v>
      </c>
      <c r="B33647" t="s">
        <v>20850</v>
      </c>
      <c r="C33647" t="s">
        <v>20847</v>
      </c>
      <c r="D33647" t="s">
        <v>20848</v>
      </c>
      <c r="E33647" t="s">
        <v>20787</v>
      </c>
      <c r="F33647" t="s">
        <v>20788</v>
      </c>
      <c r="G33647" t="s">
        <v>20255</v>
      </c>
      <c r="H33647" t="s">
        <v>20256</v>
      </c>
      <c r="I33647" s="2">
        <v>1</v>
      </c>
      <c r="J33647" s="2">
        <v>0</v>
      </c>
      <c r="K33647" s="2">
        <v>0</v>
      </c>
      <c r="L33647" t="s">
        <v>120</v>
      </c>
      <c r="M33647" t="s">
        <v>87</v>
      </c>
      <c r="N33647" t="s">
        <v>88</v>
      </c>
      <c r="O33647" t="s">
        <v>85</v>
      </c>
      <c r="P33647" t="s">
        <v>86</v>
      </c>
      <c r="Q33647">
        <v>17</v>
      </c>
      <c r="R33647">
        <v>18</v>
      </c>
      <c r="S33647">
        <v>18</v>
      </c>
      <c r="T33647">
        <v>18</v>
      </c>
      <c r="U33647">
        <v>18</v>
      </c>
      <c r="V33647">
        <v>19</v>
      </c>
      <c r="W33647">
        <v>19</v>
      </c>
      <c r="X33647">
        <v>19</v>
      </c>
      <c r="Y33647">
        <v>19</v>
      </c>
      <c r="Z33647">
        <v>20</v>
      </c>
      <c r="AA33647">
        <v>20</v>
      </c>
      <c r="AB33647">
        <v>20</v>
      </c>
      <c r="AC33647">
        <v>20</v>
      </c>
      <c r="AD33647">
        <v>21</v>
      </c>
      <c r="AE33647">
        <v>21</v>
      </c>
      <c r="AF33647">
        <v>21</v>
      </c>
      <c r="AG33647">
        <v>21</v>
      </c>
      <c r="AH33647">
        <v>22</v>
      </c>
      <c r="AI33647">
        <v>22</v>
      </c>
      <c r="AJ33647">
        <v>22</v>
      </c>
      <c r="AK33647">
        <v>23</v>
      </c>
      <c r="AL33647">
        <v>23</v>
      </c>
      <c r="AM33647">
        <v>23</v>
      </c>
      <c r="AN33647">
        <v>23</v>
      </c>
      <c r="AO33647">
        <v>24</v>
      </c>
      <c r="AP33647">
        <v>24</v>
      </c>
      <c r="AQ33647">
        <v>24</v>
      </c>
    </row>
    <row r="33648" spans="1:43">
      <c r="A33648" t="s">
        <v>20849</v>
      </c>
      <c r="B33648" t="s">
        <v>20850</v>
      </c>
      <c r="C33648" t="s">
        <v>20847</v>
      </c>
      <c r="D33648" t="s">
        <v>20848</v>
      </c>
      <c r="E33648" t="s">
        <v>20787</v>
      </c>
      <c r="F33648" t="s">
        <v>20788</v>
      </c>
      <c r="G33648" t="s">
        <v>20255</v>
      </c>
      <c r="H33648" t="s">
        <v>20256</v>
      </c>
      <c r="I33648" s="2">
        <v>1</v>
      </c>
      <c r="J33648" s="2">
        <v>0</v>
      </c>
      <c r="K33648" s="2">
        <v>0</v>
      </c>
      <c r="L33648" t="s">
        <v>120</v>
      </c>
      <c r="M33648" t="s">
        <v>89</v>
      </c>
      <c r="N33648" t="s">
        <v>90</v>
      </c>
      <c r="O33648" t="s">
        <v>85</v>
      </c>
      <c r="P33648" t="s">
        <v>86</v>
      </c>
      <c r="Q33648">
        <v>17</v>
      </c>
      <c r="R33648">
        <v>17</v>
      </c>
      <c r="S33648">
        <v>18</v>
      </c>
      <c r="T33648">
        <v>18</v>
      </c>
      <c r="U33648">
        <v>19</v>
      </c>
      <c r="V33648">
        <v>19</v>
      </c>
      <c r="W33648">
        <v>20</v>
      </c>
      <c r="X33648">
        <v>20</v>
      </c>
      <c r="Y33648">
        <v>21</v>
      </c>
      <c r="Z33648">
        <v>21</v>
      </c>
      <c r="AA33648">
        <v>22</v>
      </c>
      <c r="AB33648">
        <v>22</v>
      </c>
      <c r="AC33648">
        <v>23</v>
      </c>
      <c r="AD33648">
        <v>23</v>
      </c>
      <c r="AE33648">
        <v>24</v>
      </c>
      <c r="AF33648">
        <v>24</v>
      </c>
      <c r="AG33648">
        <v>24</v>
      </c>
      <c r="AH33648">
        <v>25</v>
      </c>
      <c r="AI33648">
        <v>25</v>
      </c>
      <c r="AJ33648">
        <v>25</v>
      </c>
      <c r="AK33648">
        <v>26</v>
      </c>
      <c r="AL33648">
        <v>26</v>
      </c>
      <c r="AM33648">
        <v>26</v>
      </c>
      <c r="AN33648">
        <v>26</v>
      </c>
      <c r="AO33648">
        <v>27</v>
      </c>
      <c r="AP33648">
        <v>27</v>
      </c>
      <c r="AQ33648">
        <v>27</v>
      </c>
    </row>
    <row r="33649" spans="1:43">
      <c r="A33649" t="s">
        <v>20849</v>
      </c>
      <c r="B33649" t="s">
        <v>20850</v>
      </c>
      <c r="C33649" t="s">
        <v>20847</v>
      </c>
      <c r="D33649" t="s">
        <v>20848</v>
      </c>
      <c r="E33649" t="s">
        <v>20787</v>
      </c>
      <c r="F33649" t="s">
        <v>20788</v>
      </c>
      <c r="G33649" t="s">
        <v>20255</v>
      </c>
      <c r="H33649" t="s">
        <v>20256</v>
      </c>
      <c r="I33649" s="2">
        <v>1</v>
      </c>
      <c r="J33649" s="2">
        <v>0</v>
      </c>
      <c r="K33649" s="2">
        <v>0</v>
      </c>
      <c r="L33649" t="s">
        <v>120</v>
      </c>
      <c r="M33649" t="s">
        <v>83</v>
      </c>
      <c r="N33649" t="s">
        <v>91</v>
      </c>
      <c r="O33649" t="s">
        <v>85</v>
      </c>
      <c r="P33649" t="s">
        <v>86</v>
      </c>
      <c r="Q33649">
        <v>17</v>
      </c>
      <c r="R33649">
        <v>17</v>
      </c>
      <c r="S33649">
        <v>17</v>
      </c>
      <c r="T33649">
        <v>18</v>
      </c>
      <c r="U33649">
        <v>18</v>
      </c>
      <c r="V33649">
        <v>19</v>
      </c>
      <c r="W33649">
        <v>19</v>
      </c>
      <c r="X33649">
        <v>19</v>
      </c>
      <c r="Y33649">
        <v>20</v>
      </c>
      <c r="Z33649">
        <v>20</v>
      </c>
      <c r="AA33649">
        <v>21</v>
      </c>
      <c r="AB33649">
        <v>21</v>
      </c>
      <c r="AC33649">
        <v>21</v>
      </c>
      <c r="AD33649">
        <v>22</v>
      </c>
      <c r="AE33649">
        <v>22</v>
      </c>
      <c r="AF33649">
        <v>23</v>
      </c>
      <c r="AG33649">
        <v>23</v>
      </c>
      <c r="AH33649">
        <v>24</v>
      </c>
      <c r="AI33649">
        <v>24</v>
      </c>
      <c r="AJ33649">
        <v>25</v>
      </c>
      <c r="AK33649">
        <v>25</v>
      </c>
      <c r="AL33649">
        <v>25</v>
      </c>
      <c r="AM33649">
        <v>26</v>
      </c>
      <c r="AN33649">
        <v>26</v>
      </c>
      <c r="AO33649">
        <v>26</v>
      </c>
      <c r="AP33649">
        <v>27</v>
      </c>
      <c r="AQ33649">
        <v>27</v>
      </c>
    </row>
    <row r="33650" spans="1:43">
      <c r="A33650" t="s">
        <v>20851</v>
      </c>
      <c r="B33650" t="s">
        <v>20852</v>
      </c>
      <c r="C33650" t="s">
        <v>20847</v>
      </c>
      <c r="D33650" t="s">
        <v>20848</v>
      </c>
      <c r="E33650" t="s">
        <v>20787</v>
      </c>
      <c r="F33650" t="s">
        <v>20788</v>
      </c>
      <c r="G33650" t="s">
        <v>20255</v>
      </c>
      <c r="H33650" t="s">
        <v>20256</v>
      </c>
      <c r="I33650" s="2">
        <v>1</v>
      </c>
      <c r="J33650" s="2">
        <v>0</v>
      </c>
      <c r="K33650" s="2">
        <v>0</v>
      </c>
      <c r="L33650" t="s">
        <v>120</v>
      </c>
      <c r="M33650" t="s">
        <v>83</v>
      </c>
      <c r="N33650" t="s">
        <v>84</v>
      </c>
      <c r="O33650" t="s">
        <v>85</v>
      </c>
      <c r="P33650" t="s">
        <v>86</v>
      </c>
      <c r="Q33650">
        <v>24</v>
      </c>
      <c r="R33650">
        <v>25</v>
      </c>
      <c r="S33650">
        <v>26</v>
      </c>
      <c r="T33650">
        <v>26</v>
      </c>
      <c r="U33650">
        <v>27</v>
      </c>
      <c r="V33650">
        <v>27</v>
      </c>
      <c r="W33650">
        <v>28</v>
      </c>
      <c r="X33650">
        <v>28</v>
      </c>
      <c r="Y33650">
        <v>29</v>
      </c>
      <c r="Z33650">
        <v>30</v>
      </c>
      <c r="AA33650">
        <v>30</v>
      </c>
      <c r="AB33650">
        <v>31</v>
      </c>
      <c r="AC33650">
        <v>31</v>
      </c>
      <c r="AD33650">
        <v>32</v>
      </c>
      <c r="AE33650">
        <v>33</v>
      </c>
      <c r="AF33650">
        <v>33</v>
      </c>
      <c r="AG33650">
        <v>34</v>
      </c>
      <c r="AH33650">
        <v>35</v>
      </c>
      <c r="AI33650">
        <v>35</v>
      </c>
      <c r="AJ33650">
        <v>36</v>
      </c>
      <c r="AK33650">
        <v>37</v>
      </c>
      <c r="AL33650">
        <v>37</v>
      </c>
      <c r="AM33650">
        <v>38</v>
      </c>
      <c r="AN33650">
        <v>38</v>
      </c>
      <c r="AO33650">
        <v>39</v>
      </c>
      <c r="AP33650">
        <v>39</v>
      </c>
      <c r="AQ33650">
        <v>40</v>
      </c>
    </row>
    <row r="33651" spans="1:43">
      <c r="A33651" t="s">
        <v>20851</v>
      </c>
      <c r="B33651" t="s">
        <v>20852</v>
      </c>
      <c r="C33651" t="s">
        <v>20847</v>
      </c>
      <c r="D33651" t="s">
        <v>20848</v>
      </c>
      <c r="E33651" t="s">
        <v>20787</v>
      </c>
      <c r="F33651" t="s">
        <v>20788</v>
      </c>
      <c r="G33651" t="s">
        <v>20255</v>
      </c>
      <c r="H33651" t="s">
        <v>20256</v>
      </c>
      <c r="I33651" s="2">
        <v>1</v>
      </c>
      <c r="J33651" s="2">
        <v>0</v>
      </c>
      <c r="K33651" s="2">
        <v>0</v>
      </c>
      <c r="L33651" t="s">
        <v>120</v>
      </c>
      <c r="M33651" t="s">
        <v>87</v>
      </c>
      <c r="N33651" t="s">
        <v>88</v>
      </c>
      <c r="O33651" t="s">
        <v>85</v>
      </c>
      <c r="P33651" t="s">
        <v>86</v>
      </c>
      <c r="Q33651">
        <v>24</v>
      </c>
      <c r="R33651">
        <v>24</v>
      </c>
      <c r="S33651">
        <v>25</v>
      </c>
      <c r="T33651">
        <v>25</v>
      </c>
      <c r="U33651">
        <v>25</v>
      </c>
      <c r="V33651">
        <v>26</v>
      </c>
      <c r="W33651">
        <v>26</v>
      </c>
      <c r="X33651">
        <v>27</v>
      </c>
      <c r="Y33651">
        <v>27</v>
      </c>
      <c r="Z33651">
        <v>27</v>
      </c>
      <c r="AA33651">
        <v>28</v>
      </c>
      <c r="AB33651">
        <v>28</v>
      </c>
      <c r="AC33651">
        <v>28</v>
      </c>
      <c r="AD33651">
        <v>29</v>
      </c>
      <c r="AE33651">
        <v>29</v>
      </c>
      <c r="AF33651">
        <v>30</v>
      </c>
      <c r="AG33651">
        <v>30</v>
      </c>
      <c r="AH33651">
        <v>30</v>
      </c>
      <c r="AI33651">
        <v>31</v>
      </c>
      <c r="AJ33651">
        <v>31</v>
      </c>
      <c r="AK33651">
        <v>32</v>
      </c>
      <c r="AL33651">
        <v>32</v>
      </c>
      <c r="AM33651">
        <v>32</v>
      </c>
      <c r="AN33651">
        <v>33</v>
      </c>
      <c r="AO33651">
        <v>33</v>
      </c>
      <c r="AP33651">
        <v>34</v>
      </c>
      <c r="AQ33651">
        <v>34</v>
      </c>
    </row>
    <row r="33652" spans="1:43">
      <c r="A33652" t="s">
        <v>20851</v>
      </c>
      <c r="B33652" t="s">
        <v>20852</v>
      </c>
      <c r="C33652" t="s">
        <v>20847</v>
      </c>
      <c r="D33652" t="s">
        <v>20848</v>
      </c>
      <c r="E33652" t="s">
        <v>20787</v>
      </c>
      <c r="F33652" t="s">
        <v>20788</v>
      </c>
      <c r="G33652" t="s">
        <v>20255</v>
      </c>
      <c r="H33652" t="s">
        <v>20256</v>
      </c>
      <c r="I33652" s="2">
        <v>1</v>
      </c>
      <c r="J33652" s="2">
        <v>0</v>
      </c>
      <c r="K33652" s="2">
        <v>0</v>
      </c>
      <c r="L33652" t="s">
        <v>120</v>
      </c>
      <c r="M33652" t="s">
        <v>89</v>
      </c>
      <c r="N33652" t="s">
        <v>90</v>
      </c>
      <c r="O33652" t="s">
        <v>85</v>
      </c>
      <c r="P33652" t="s">
        <v>86</v>
      </c>
      <c r="Q33652">
        <v>24</v>
      </c>
      <c r="R33652">
        <v>24</v>
      </c>
      <c r="S33652">
        <v>25</v>
      </c>
      <c r="T33652">
        <v>26</v>
      </c>
      <c r="U33652">
        <v>27</v>
      </c>
      <c r="V33652">
        <v>27</v>
      </c>
      <c r="W33652">
        <v>28</v>
      </c>
      <c r="X33652">
        <v>29</v>
      </c>
      <c r="Y33652">
        <v>30</v>
      </c>
      <c r="Z33652">
        <v>30</v>
      </c>
      <c r="AA33652">
        <v>31</v>
      </c>
      <c r="AB33652">
        <v>32</v>
      </c>
      <c r="AC33652">
        <v>33</v>
      </c>
      <c r="AD33652">
        <v>33</v>
      </c>
      <c r="AE33652">
        <v>34</v>
      </c>
      <c r="AF33652">
        <v>34</v>
      </c>
      <c r="AG33652">
        <v>35</v>
      </c>
      <c r="AH33652">
        <v>35</v>
      </c>
      <c r="AI33652">
        <v>36</v>
      </c>
      <c r="AJ33652">
        <v>36</v>
      </c>
      <c r="AK33652">
        <v>36</v>
      </c>
      <c r="AL33652">
        <v>37</v>
      </c>
      <c r="AM33652">
        <v>37</v>
      </c>
      <c r="AN33652">
        <v>38</v>
      </c>
      <c r="AO33652">
        <v>38</v>
      </c>
      <c r="AP33652">
        <v>39</v>
      </c>
      <c r="AQ33652">
        <v>39</v>
      </c>
    </row>
    <row r="33653" spans="1:43">
      <c r="A33653" t="s">
        <v>20851</v>
      </c>
      <c r="B33653" t="s">
        <v>20852</v>
      </c>
      <c r="C33653" t="s">
        <v>20847</v>
      </c>
      <c r="D33653" t="s">
        <v>20848</v>
      </c>
      <c r="E33653" t="s">
        <v>20787</v>
      </c>
      <c r="F33653" t="s">
        <v>20788</v>
      </c>
      <c r="G33653" t="s">
        <v>20255</v>
      </c>
      <c r="H33653" t="s">
        <v>20256</v>
      </c>
      <c r="I33653" s="2">
        <v>1</v>
      </c>
      <c r="J33653" s="2">
        <v>0</v>
      </c>
      <c r="K33653" s="2">
        <v>0</v>
      </c>
      <c r="L33653" t="s">
        <v>120</v>
      </c>
      <c r="M33653" t="s">
        <v>83</v>
      </c>
      <c r="N33653" t="s">
        <v>91</v>
      </c>
      <c r="O33653" t="s">
        <v>85</v>
      </c>
      <c r="P33653" t="s">
        <v>86</v>
      </c>
      <c r="Q33653">
        <v>24</v>
      </c>
      <c r="R33653">
        <v>25</v>
      </c>
      <c r="S33653">
        <v>26</v>
      </c>
      <c r="T33653">
        <v>26</v>
      </c>
      <c r="U33653">
        <v>27</v>
      </c>
      <c r="V33653">
        <v>27</v>
      </c>
      <c r="W33653">
        <v>28</v>
      </c>
      <c r="X33653">
        <v>28</v>
      </c>
      <c r="Y33653">
        <v>29</v>
      </c>
      <c r="Z33653">
        <v>30</v>
      </c>
      <c r="AA33653">
        <v>30</v>
      </c>
      <c r="AB33653">
        <v>31</v>
      </c>
      <c r="AC33653">
        <v>31</v>
      </c>
      <c r="AD33653">
        <v>32</v>
      </c>
      <c r="AE33653">
        <v>33</v>
      </c>
      <c r="AF33653">
        <v>33</v>
      </c>
      <c r="AG33653">
        <v>34</v>
      </c>
      <c r="AH33653">
        <v>35</v>
      </c>
      <c r="AI33653">
        <v>35</v>
      </c>
      <c r="AJ33653">
        <v>36</v>
      </c>
      <c r="AK33653">
        <v>37</v>
      </c>
      <c r="AL33653">
        <v>37</v>
      </c>
      <c r="AM33653">
        <v>38</v>
      </c>
      <c r="AN33653">
        <v>38</v>
      </c>
      <c r="AO33653">
        <v>39</v>
      </c>
      <c r="AP33653">
        <v>39</v>
      </c>
      <c r="AQ33653">
        <v>40</v>
      </c>
    </row>
    <row r="33654" spans="1:43">
      <c r="A33654" t="s">
        <v>20853</v>
      </c>
      <c r="B33654" t="s">
        <v>20854</v>
      </c>
      <c r="C33654" t="s">
        <v>20855</v>
      </c>
      <c r="D33654" t="s">
        <v>20856</v>
      </c>
      <c r="E33654" t="s">
        <v>20787</v>
      </c>
      <c r="F33654" t="s">
        <v>20788</v>
      </c>
      <c r="G33654" t="s">
        <v>20255</v>
      </c>
      <c r="H33654" t="s">
        <v>20256</v>
      </c>
      <c r="I33654" s="2">
        <v>1</v>
      </c>
      <c r="J33654" s="2">
        <v>0</v>
      </c>
      <c r="K33654" s="2">
        <v>0</v>
      </c>
      <c r="L33654" t="s">
        <v>120</v>
      </c>
      <c r="M33654" t="s">
        <v>83</v>
      </c>
      <c r="N33654" t="s">
        <v>84</v>
      </c>
      <c r="O33654" t="s">
        <v>85</v>
      </c>
      <c r="P33654" t="s">
        <v>86</v>
      </c>
      <c r="Q33654">
        <v>8</v>
      </c>
      <c r="R33654">
        <v>8</v>
      </c>
      <c r="S33654">
        <v>8</v>
      </c>
      <c r="T33654">
        <v>8</v>
      </c>
      <c r="U33654">
        <v>8</v>
      </c>
      <c r="V33654">
        <v>9</v>
      </c>
      <c r="W33654">
        <v>9</v>
      </c>
      <c r="X33654">
        <v>9</v>
      </c>
      <c r="Y33654">
        <v>9</v>
      </c>
      <c r="Z33654">
        <v>9</v>
      </c>
      <c r="AA33654">
        <v>9</v>
      </c>
      <c r="AB33654">
        <v>10</v>
      </c>
      <c r="AC33654">
        <v>10</v>
      </c>
      <c r="AD33654">
        <v>10</v>
      </c>
      <c r="AE33654">
        <v>10</v>
      </c>
      <c r="AF33654">
        <v>10</v>
      </c>
      <c r="AG33654">
        <v>11</v>
      </c>
      <c r="AH33654">
        <v>11</v>
      </c>
      <c r="AI33654">
        <v>11</v>
      </c>
      <c r="AJ33654">
        <v>11</v>
      </c>
      <c r="AK33654">
        <v>11</v>
      </c>
      <c r="AL33654">
        <v>12</v>
      </c>
      <c r="AM33654">
        <v>12</v>
      </c>
      <c r="AN33654">
        <v>12</v>
      </c>
      <c r="AO33654">
        <v>12</v>
      </c>
      <c r="AP33654">
        <v>12</v>
      </c>
      <c r="AQ33654">
        <v>12</v>
      </c>
    </row>
    <row r="33655" spans="1:43">
      <c r="A33655" t="s">
        <v>20853</v>
      </c>
      <c r="B33655" t="s">
        <v>20854</v>
      </c>
      <c r="C33655" t="s">
        <v>20855</v>
      </c>
      <c r="D33655" t="s">
        <v>20856</v>
      </c>
      <c r="E33655" t="s">
        <v>20787</v>
      </c>
      <c r="F33655" t="s">
        <v>20788</v>
      </c>
      <c r="G33655" t="s">
        <v>20255</v>
      </c>
      <c r="H33655" t="s">
        <v>20256</v>
      </c>
      <c r="I33655" s="2">
        <v>1</v>
      </c>
      <c r="J33655" s="2">
        <v>0</v>
      </c>
      <c r="K33655" s="2">
        <v>0</v>
      </c>
      <c r="L33655" t="s">
        <v>120</v>
      </c>
      <c r="M33655" t="s">
        <v>87</v>
      </c>
      <c r="N33655" t="s">
        <v>88</v>
      </c>
      <c r="O33655" t="s">
        <v>85</v>
      </c>
      <c r="P33655" t="s">
        <v>86</v>
      </c>
      <c r="Q33655">
        <v>8</v>
      </c>
      <c r="R33655">
        <v>8</v>
      </c>
      <c r="S33655">
        <v>8</v>
      </c>
      <c r="T33655">
        <v>8</v>
      </c>
      <c r="U33655">
        <v>8</v>
      </c>
      <c r="V33655">
        <v>8</v>
      </c>
      <c r="W33655">
        <v>8</v>
      </c>
      <c r="X33655">
        <v>8</v>
      </c>
      <c r="Y33655">
        <v>8</v>
      </c>
      <c r="Z33655">
        <v>8</v>
      </c>
      <c r="AA33655">
        <v>9</v>
      </c>
      <c r="AB33655">
        <v>9</v>
      </c>
      <c r="AC33655">
        <v>9</v>
      </c>
      <c r="AD33655">
        <v>9</v>
      </c>
      <c r="AE33655">
        <v>9</v>
      </c>
      <c r="AF33655">
        <v>9</v>
      </c>
      <c r="AG33655">
        <v>9</v>
      </c>
      <c r="AH33655">
        <v>9</v>
      </c>
      <c r="AI33655">
        <v>10</v>
      </c>
      <c r="AJ33655">
        <v>10</v>
      </c>
      <c r="AK33655">
        <v>10</v>
      </c>
      <c r="AL33655">
        <v>10</v>
      </c>
      <c r="AM33655">
        <v>10</v>
      </c>
      <c r="AN33655">
        <v>10</v>
      </c>
      <c r="AO33655">
        <v>10</v>
      </c>
      <c r="AP33655">
        <v>11</v>
      </c>
      <c r="AQ33655">
        <v>11</v>
      </c>
    </row>
    <row r="33656" spans="1:43">
      <c r="A33656" t="s">
        <v>20853</v>
      </c>
      <c r="B33656" t="s">
        <v>20854</v>
      </c>
      <c r="C33656" t="s">
        <v>20855</v>
      </c>
      <c r="D33656" t="s">
        <v>20856</v>
      </c>
      <c r="E33656" t="s">
        <v>20787</v>
      </c>
      <c r="F33656" t="s">
        <v>20788</v>
      </c>
      <c r="G33656" t="s">
        <v>20255</v>
      </c>
      <c r="H33656" t="s">
        <v>20256</v>
      </c>
      <c r="I33656" s="2">
        <v>1</v>
      </c>
      <c r="J33656" s="2">
        <v>0</v>
      </c>
      <c r="K33656" s="2">
        <v>0</v>
      </c>
      <c r="L33656" t="s">
        <v>120</v>
      </c>
      <c r="M33656" t="s">
        <v>89</v>
      </c>
      <c r="N33656" t="s">
        <v>90</v>
      </c>
      <c r="O33656" t="s">
        <v>85</v>
      </c>
      <c r="P33656" t="s">
        <v>86</v>
      </c>
      <c r="Q33656">
        <v>8</v>
      </c>
      <c r="R33656">
        <v>8</v>
      </c>
      <c r="S33656">
        <v>8</v>
      </c>
      <c r="T33656">
        <v>8</v>
      </c>
      <c r="U33656">
        <v>9</v>
      </c>
      <c r="V33656">
        <v>9</v>
      </c>
      <c r="W33656">
        <v>9</v>
      </c>
      <c r="X33656">
        <v>9</v>
      </c>
      <c r="Y33656">
        <v>10</v>
      </c>
      <c r="Z33656">
        <v>10</v>
      </c>
      <c r="AA33656">
        <v>10</v>
      </c>
      <c r="AB33656">
        <v>10</v>
      </c>
      <c r="AC33656">
        <v>10</v>
      </c>
      <c r="AD33656">
        <v>11</v>
      </c>
      <c r="AE33656">
        <v>11</v>
      </c>
      <c r="AF33656">
        <v>11</v>
      </c>
      <c r="AG33656">
        <v>11</v>
      </c>
      <c r="AH33656">
        <v>11</v>
      </c>
      <c r="AI33656">
        <v>11</v>
      </c>
      <c r="AJ33656">
        <v>12</v>
      </c>
      <c r="AK33656">
        <v>12</v>
      </c>
      <c r="AL33656">
        <v>12</v>
      </c>
      <c r="AM33656">
        <v>12</v>
      </c>
      <c r="AN33656">
        <v>12</v>
      </c>
      <c r="AO33656">
        <v>12</v>
      </c>
      <c r="AP33656">
        <v>12</v>
      </c>
      <c r="AQ33656">
        <v>12</v>
      </c>
    </row>
    <row r="33657" spans="1:43">
      <c r="A33657" t="s">
        <v>20853</v>
      </c>
      <c r="B33657" t="s">
        <v>20854</v>
      </c>
      <c r="C33657" t="s">
        <v>20855</v>
      </c>
      <c r="D33657" t="s">
        <v>20856</v>
      </c>
      <c r="E33657" t="s">
        <v>20787</v>
      </c>
      <c r="F33657" t="s">
        <v>20788</v>
      </c>
      <c r="G33657" t="s">
        <v>20255</v>
      </c>
      <c r="H33657" t="s">
        <v>20256</v>
      </c>
      <c r="I33657" s="2">
        <v>1</v>
      </c>
      <c r="J33657" s="2">
        <v>0</v>
      </c>
      <c r="K33657" s="2">
        <v>0</v>
      </c>
      <c r="L33657" t="s">
        <v>120</v>
      </c>
      <c r="M33657" t="s">
        <v>83</v>
      </c>
      <c r="N33657" t="s">
        <v>91</v>
      </c>
      <c r="O33657" t="s">
        <v>85</v>
      </c>
      <c r="P33657" t="s">
        <v>86</v>
      </c>
      <c r="Q33657">
        <v>8</v>
      </c>
      <c r="R33657">
        <v>8</v>
      </c>
      <c r="S33657">
        <v>8</v>
      </c>
      <c r="T33657">
        <v>8</v>
      </c>
      <c r="U33657">
        <v>8</v>
      </c>
      <c r="V33657">
        <v>9</v>
      </c>
      <c r="W33657">
        <v>9</v>
      </c>
      <c r="X33657">
        <v>9</v>
      </c>
      <c r="Y33657">
        <v>9</v>
      </c>
      <c r="Z33657">
        <v>9</v>
      </c>
      <c r="AA33657">
        <v>9</v>
      </c>
      <c r="AB33657">
        <v>10</v>
      </c>
      <c r="AC33657">
        <v>10</v>
      </c>
      <c r="AD33657">
        <v>10</v>
      </c>
      <c r="AE33657">
        <v>10</v>
      </c>
      <c r="AF33657">
        <v>10</v>
      </c>
      <c r="AG33657">
        <v>11</v>
      </c>
      <c r="AH33657">
        <v>11</v>
      </c>
      <c r="AI33657">
        <v>11</v>
      </c>
      <c r="AJ33657">
        <v>11</v>
      </c>
      <c r="AK33657">
        <v>11</v>
      </c>
      <c r="AL33657">
        <v>12</v>
      </c>
      <c r="AM33657">
        <v>12</v>
      </c>
      <c r="AN33657">
        <v>12</v>
      </c>
      <c r="AO33657">
        <v>12</v>
      </c>
      <c r="AP33657">
        <v>12</v>
      </c>
      <c r="AQ33657">
        <v>12</v>
      </c>
    </row>
    <row r="33658" spans="1:43">
      <c r="A33658" t="s">
        <v>20857</v>
      </c>
      <c r="B33658" t="s">
        <v>20858</v>
      </c>
      <c r="C33658" t="s">
        <v>20855</v>
      </c>
      <c r="D33658" t="s">
        <v>20856</v>
      </c>
      <c r="E33658" t="s">
        <v>20787</v>
      </c>
      <c r="F33658" t="s">
        <v>20788</v>
      </c>
      <c r="G33658" t="s">
        <v>20255</v>
      </c>
      <c r="H33658" t="s">
        <v>20256</v>
      </c>
      <c r="I33658" s="2">
        <v>1</v>
      </c>
      <c r="J33658" s="2">
        <v>0</v>
      </c>
      <c r="K33658" s="2">
        <v>0</v>
      </c>
      <c r="L33658" t="s">
        <v>120</v>
      </c>
      <c r="M33658" t="s">
        <v>83</v>
      </c>
      <c r="N33658" t="s">
        <v>84</v>
      </c>
      <c r="O33658" t="s">
        <v>85</v>
      </c>
      <c r="P33658" t="s">
        <v>86</v>
      </c>
      <c r="Q33658">
        <v>9</v>
      </c>
      <c r="R33658">
        <v>9</v>
      </c>
      <c r="S33658">
        <v>10</v>
      </c>
      <c r="T33658">
        <v>10</v>
      </c>
      <c r="U33658">
        <v>10</v>
      </c>
      <c r="V33658">
        <v>10</v>
      </c>
      <c r="W33658">
        <v>10</v>
      </c>
      <c r="X33658">
        <v>11</v>
      </c>
      <c r="Y33658">
        <v>11</v>
      </c>
      <c r="Z33658">
        <v>11</v>
      </c>
      <c r="AA33658">
        <v>11</v>
      </c>
      <c r="AB33658">
        <v>11</v>
      </c>
      <c r="AC33658">
        <v>12</v>
      </c>
      <c r="AD33658">
        <v>12</v>
      </c>
      <c r="AE33658">
        <v>12</v>
      </c>
      <c r="AF33658">
        <v>12</v>
      </c>
      <c r="AG33658">
        <v>13</v>
      </c>
      <c r="AH33658">
        <v>13</v>
      </c>
      <c r="AI33658">
        <v>13</v>
      </c>
      <c r="AJ33658">
        <v>13</v>
      </c>
      <c r="AK33658">
        <v>14</v>
      </c>
      <c r="AL33658">
        <v>14</v>
      </c>
      <c r="AM33658">
        <v>14</v>
      </c>
      <c r="AN33658">
        <v>14</v>
      </c>
      <c r="AO33658">
        <v>14</v>
      </c>
      <c r="AP33658">
        <v>14</v>
      </c>
      <c r="AQ33658">
        <v>15</v>
      </c>
    </row>
    <row r="33659" spans="1:43">
      <c r="A33659" t="s">
        <v>20857</v>
      </c>
      <c r="B33659" t="s">
        <v>20858</v>
      </c>
      <c r="C33659" t="s">
        <v>20855</v>
      </c>
      <c r="D33659" t="s">
        <v>20856</v>
      </c>
      <c r="E33659" t="s">
        <v>20787</v>
      </c>
      <c r="F33659" t="s">
        <v>20788</v>
      </c>
      <c r="G33659" t="s">
        <v>20255</v>
      </c>
      <c r="H33659" t="s">
        <v>20256</v>
      </c>
      <c r="I33659" s="2">
        <v>1</v>
      </c>
      <c r="J33659" s="2">
        <v>0</v>
      </c>
      <c r="K33659" s="2">
        <v>0</v>
      </c>
      <c r="L33659" t="s">
        <v>120</v>
      </c>
      <c r="M33659" t="s">
        <v>87</v>
      </c>
      <c r="N33659" t="s">
        <v>88</v>
      </c>
      <c r="O33659" t="s">
        <v>85</v>
      </c>
      <c r="P33659" t="s">
        <v>86</v>
      </c>
      <c r="Q33659">
        <v>9</v>
      </c>
      <c r="R33659">
        <v>9</v>
      </c>
      <c r="S33659">
        <v>9</v>
      </c>
      <c r="T33659">
        <v>9</v>
      </c>
      <c r="U33659">
        <v>9</v>
      </c>
      <c r="V33659">
        <v>10</v>
      </c>
      <c r="W33659">
        <v>10</v>
      </c>
      <c r="X33659">
        <v>10</v>
      </c>
      <c r="Y33659">
        <v>10</v>
      </c>
      <c r="Z33659">
        <v>10</v>
      </c>
      <c r="AA33659">
        <v>10</v>
      </c>
      <c r="AB33659">
        <v>10</v>
      </c>
      <c r="AC33659">
        <v>11</v>
      </c>
      <c r="AD33659">
        <v>11</v>
      </c>
      <c r="AE33659">
        <v>11</v>
      </c>
      <c r="AF33659">
        <v>11</v>
      </c>
      <c r="AG33659">
        <v>11</v>
      </c>
      <c r="AH33659">
        <v>11</v>
      </c>
      <c r="AI33659">
        <v>11</v>
      </c>
      <c r="AJ33659">
        <v>12</v>
      </c>
      <c r="AK33659">
        <v>12</v>
      </c>
      <c r="AL33659">
        <v>12</v>
      </c>
      <c r="AM33659">
        <v>12</v>
      </c>
      <c r="AN33659">
        <v>12</v>
      </c>
      <c r="AO33659">
        <v>12</v>
      </c>
      <c r="AP33659">
        <v>13</v>
      </c>
      <c r="AQ33659">
        <v>13</v>
      </c>
    </row>
    <row r="33660" spans="1:43">
      <c r="A33660" t="s">
        <v>20857</v>
      </c>
      <c r="B33660" t="s">
        <v>20858</v>
      </c>
      <c r="C33660" t="s">
        <v>20855</v>
      </c>
      <c r="D33660" t="s">
        <v>20856</v>
      </c>
      <c r="E33660" t="s">
        <v>20787</v>
      </c>
      <c r="F33660" t="s">
        <v>20788</v>
      </c>
      <c r="G33660" t="s">
        <v>20255</v>
      </c>
      <c r="H33660" t="s">
        <v>20256</v>
      </c>
      <c r="I33660" s="2">
        <v>1</v>
      </c>
      <c r="J33660" s="2">
        <v>0</v>
      </c>
      <c r="K33660" s="2">
        <v>0</v>
      </c>
      <c r="L33660" t="s">
        <v>120</v>
      </c>
      <c r="M33660" t="s">
        <v>89</v>
      </c>
      <c r="N33660" t="s">
        <v>90</v>
      </c>
      <c r="O33660" t="s">
        <v>85</v>
      </c>
      <c r="P33660" t="s">
        <v>86</v>
      </c>
      <c r="Q33660">
        <v>9</v>
      </c>
      <c r="R33660">
        <v>9</v>
      </c>
      <c r="S33660">
        <v>10</v>
      </c>
      <c r="T33660">
        <v>10</v>
      </c>
      <c r="U33660">
        <v>10</v>
      </c>
      <c r="V33660">
        <v>11</v>
      </c>
      <c r="W33660">
        <v>11</v>
      </c>
      <c r="X33660">
        <v>11</v>
      </c>
      <c r="Y33660">
        <v>11</v>
      </c>
      <c r="Z33660">
        <v>12</v>
      </c>
      <c r="AA33660">
        <v>12</v>
      </c>
      <c r="AB33660">
        <v>12</v>
      </c>
      <c r="AC33660">
        <v>12</v>
      </c>
      <c r="AD33660">
        <v>13</v>
      </c>
      <c r="AE33660">
        <v>13</v>
      </c>
      <c r="AF33660">
        <v>13</v>
      </c>
      <c r="AG33660">
        <v>13</v>
      </c>
      <c r="AH33660">
        <v>13</v>
      </c>
      <c r="AI33660">
        <v>14</v>
      </c>
      <c r="AJ33660">
        <v>14</v>
      </c>
      <c r="AK33660">
        <v>14</v>
      </c>
      <c r="AL33660">
        <v>14</v>
      </c>
      <c r="AM33660">
        <v>14</v>
      </c>
      <c r="AN33660">
        <v>14</v>
      </c>
      <c r="AO33660">
        <v>14</v>
      </c>
      <c r="AP33660">
        <v>15</v>
      </c>
      <c r="AQ33660">
        <v>15</v>
      </c>
    </row>
    <row r="33661" spans="1:43">
      <c r="A33661" t="s">
        <v>20857</v>
      </c>
      <c r="B33661" t="s">
        <v>20858</v>
      </c>
      <c r="C33661" t="s">
        <v>20855</v>
      </c>
      <c r="D33661" t="s">
        <v>20856</v>
      </c>
      <c r="E33661" t="s">
        <v>20787</v>
      </c>
      <c r="F33661" t="s">
        <v>20788</v>
      </c>
      <c r="G33661" t="s">
        <v>20255</v>
      </c>
      <c r="H33661" t="s">
        <v>20256</v>
      </c>
      <c r="I33661" s="2">
        <v>1</v>
      </c>
      <c r="J33661" s="2">
        <v>0</v>
      </c>
      <c r="K33661" s="2">
        <v>0</v>
      </c>
      <c r="L33661" t="s">
        <v>120</v>
      </c>
      <c r="M33661" t="s">
        <v>83</v>
      </c>
      <c r="N33661" t="s">
        <v>91</v>
      </c>
      <c r="O33661" t="s">
        <v>85</v>
      </c>
      <c r="P33661" t="s">
        <v>86</v>
      </c>
      <c r="Q33661">
        <v>9</v>
      </c>
      <c r="R33661">
        <v>9</v>
      </c>
      <c r="S33661">
        <v>10</v>
      </c>
      <c r="T33661">
        <v>10</v>
      </c>
      <c r="U33661">
        <v>10</v>
      </c>
      <c r="V33661">
        <v>10</v>
      </c>
      <c r="W33661">
        <v>10</v>
      </c>
      <c r="X33661">
        <v>11</v>
      </c>
      <c r="Y33661">
        <v>11</v>
      </c>
      <c r="Z33661">
        <v>11</v>
      </c>
      <c r="AA33661">
        <v>11</v>
      </c>
      <c r="AB33661">
        <v>11</v>
      </c>
      <c r="AC33661">
        <v>12</v>
      </c>
      <c r="AD33661">
        <v>12</v>
      </c>
      <c r="AE33661">
        <v>12</v>
      </c>
      <c r="AF33661">
        <v>12</v>
      </c>
      <c r="AG33661">
        <v>13</v>
      </c>
      <c r="AH33661">
        <v>13</v>
      </c>
      <c r="AI33661">
        <v>13</v>
      </c>
      <c r="AJ33661">
        <v>13</v>
      </c>
      <c r="AK33661">
        <v>14</v>
      </c>
      <c r="AL33661">
        <v>14</v>
      </c>
      <c r="AM33661">
        <v>14</v>
      </c>
      <c r="AN33661">
        <v>14</v>
      </c>
      <c r="AO33661">
        <v>14</v>
      </c>
      <c r="AP33661">
        <v>14</v>
      </c>
      <c r="AQ33661">
        <v>15</v>
      </c>
    </row>
    <row r="33662" spans="1:43">
      <c r="A33662" t="s">
        <v>20859</v>
      </c>
      <c r="B33662" t="s">
        <v>20860</v>
      </c>
      <c r="C33662" t="s">
        <v>20855</v>
      </c>
      <c r="D33662" t="s">
        <v>20856</v>
      </c>
      <c r="E33662" t="s">
        <v>20787</v>
      </c>
      <c r="F33662" t="s">
        <v>20788</v>
      </c>
      <c r="G33662" t="s">
        <v>20255</v>
      </c>
      <c r="H33662" t="s">
        <v>20256</v>
      </c>
      <c r="I33662" s="2">
        <v>1</v>
      </c>
      <c r="J33662" s="2">
        <v>0</v>
      </c>
      <c r="K33662" s="2">
        <v>0</v>
      </c>
      <c r="L33662" t="s">
        <v>120</v>
      </c>
      <c r="M33662" t="s">
        <v>83</v>
      </c>
      <c r="N33662" t="s">
        <v>84</v>
      </c>
      <c r="O33662" t="s">
        <v>85</v>
      </c>
      <c r="P33662" t="s">
        <v>86</v>
      </c>
      <c r="Q33662">
        <v>10</v>
      </c>
      <c r="R33662">
        <v>11</v>
      </c>
      <c r="S33662">
        <v>11</v>
      </c>
      <c r="T33662">
        <v>11</v>
      </c>
      <c r="U33662">
        <v>11</v>
      </c>
      <c r="V33662">
        <v>12</v>
      </c>
      <c r="W33662">
        <v>12</v>
      </c>
      <c r="X33662">
        <v>12</v>
      </c>
      <c r="Y33662">
        <v>12</v>
      </c>
      <c r="Z33662">
        <v>13</v>
      </c>
      <c r="AA33662">
        <v>13</v>
      </c>
      <c r="AB33662">
        <v>13</v>
      </c>
      <c r="AC33662">
        <v>14</v>
      </c>
      <c r="AD33662">
        <v>14</v>
      </c>
      <c r="AE33662">
        <v>14</v>
      </c>
      <c r="AF33662">
        <v>14</v>
      </c>
      <c r="AG33662">
        <v>15</v>
      </c>
      <c r="AH33662">
        <v>15</v>
      </c>
      <c r="AI33662">
        <v>15</v>
      </c>
      <c r="AJ33662">
        <v>16</v>
      </c>
      <c r="AK33662">
        <v>16</v>
      </c>
      <c r="AL33662">
        <v>16</v>
      </c>
      <c r="AM33662">
        <v>16</v>
      </c>
      <c r="AN33662">
        <v>16</v>
      </c>
      <c r="AO33662">
        <v>17</v>
      </c>
      <c r="AP33662">
        <v>17</v>
      </c>
      <c r="AQ33662">
        <v>17</v>
      </c>
    </row>
    <row r="33663" spans="1:43">
      <c r="A33663" t="s">
        <v>20859</v>
      </c>
      <c r="B33663" t="s">
        <v>20860</v>
      </c>
      <c r="C33663" t="s">
        <v>20855</v>
      </c>
      <c r="D33663" t="s">
        <v>20856</v>
      </c>
      <c r="E33663" t="s">
        <v>20787</v>
      </c>
      <c r="F33663" t="s">
        <v>20788</v>
      </c>
      <c r="G33663" t="s">
        <v>20255</v>
      </c>
      <c r="H33663" t="s">
        <v>20256</v>
      </c>
      <c r="I33663" s="2">
        <v>1</v>
      </c>
      <c r="J33663" s="2">
        <v>0</v>
      </c>
      <c r="K33663" s="2">
        <v>0</v>
      </c>
      <c r="L33663" t="s">
        <v>120</v>
      </c>
      <c r="M33663" t="s">
        <v>87</v>
      </c>
      <c r="N33663" t="s">
        <v>88</v>
      </c>
      <c r="O33663" t="s">
        <v>85</v>
      </c>
      <c r="P33663" t="s">
        <v>86</v>
      </c>
      <c r="Q33663">
        <v>10</v>
      </c>
      <c r="R33663">
        <v>11</v>
      </c>
      <c r="S33663">
        <v>11</v>
      </c>
      <c r="T33663">
        <v>11</v>
      </c>
      <c r="U33663">
        <v>11</v>
      </c>
      <c r="V33663">
        <v>11</v>
      </c>
      <c r="W33663">
        <v>11</v>
      </c>
      <c r="X33663">
        <v>11</v>
      </c>
      <c r="Y33663">
        <v>12</v>
      </c>
      <c r="Z33663">
        <v>12</v>
      </c>
      <c r="AA33663">
        <v>12</v>
      </c>
      <c r="AB33663">
        <v>12</v>
      </c>
      <c r="AC33663">
        <v>12</v>
      </c>
      <c r="AD33663">
        <v>12</v>
      </c>
      <c r="AE33663">
        <v>13</v>
      </c>
      <c r="AF33663">
        <v>13</v>
      </c>
      <c r="AG33663">
        <v>13</v>
      </c>
      <c r="AH33663">
        <v>13</v>
      </c>
      <c r="AI33663">
        <v>13</v>
      </c>
      <c r="AJ33663">
        <v>13</v>
      </c>
      <c r="AK33663">
        <v>14</v>
      </c>
      <c r="AL33663">
        <v>14</v>
      </c>
      <c r="AM33663">
        <v>14</v>
      </c>
      <c r="AN33663">
        <v>14</v>
      </c>
      <c r="AO33663">
        <v>14</v>
      </c>
      <c r="AP33663">
        <v>15</v>
      </c>
      <c r="AQ33663">
        <v>15</v>
      </c>
    </row>
    <row r="33664" spans="1:43">
      <c r="A33664" t="s">
        <v>20859</v>
      </c>
      <c r="B33664" t="s">
        <v>20860</v>
      </c>
      <c r="C33664" t="s">
        <v>20855</v>
      </c>
      <c r="D33664" t="s">
        <v>20856</v>
      </c>
      <c r="E33664" t="s">
        <v>20787</v>
      </c>
      <c r="F33664" t="s">
        <v>20788</v>
      </c>
      <c r="G33664" t="s">
        <v>20255</v>
      </c>
      <c r="H33664" t="s">
        <v>20256</v>
      </c>
      <c r="I33664" s="2">
        <v>1</v>
      </c>
      <c r="J33664" s="2">
        <v>0</v>
      </c>
      <c r="K33664" s="2">
        <v>0</v>
      </c>
      <c r="L33664" t="s">
        <v>120</v>
      </c>
      <c r="M33664" t="s">
        <v>89</v>
      </c>
      <c r="N33664" t="s">
        <v>90</v>
      </c>
      <c r="O33664" t="s">
        <v>85</v>
      </c>
      <c r="P33664" t="s">
        <v>86</v>
      </c>
      <c r="Q33664">
        <v>10</v>
      </c>
      <c r="R33664">
        <v>10</v>
      </c>
      <c r="S33664">
        <v>10</v>
      </c>
      <c r="T33664">
        <v>11</v>
      </c>
      <c r="U33664">
        <v>11</v>
      </c>
      <c r="V33664">
        <v>11</v>
      </c>
      <c r="W33664">
        <v>12</v>
      </c>
      <c r="X33664">
        <v>12</v>
      </c>
      <c r="Y33664">
        <v>12</v>
      </c>
      <c r="Z33664">
        <v>12</v>
      </c>
      <c r="AA33664">
        <v>13</v>
      </c>
      <c r="AB33664">
        <v>13</v>
      </c>
      <c r="AC33664">
        <v>13</v>
      </c>
      <c r="AD33664">
        <v>14</v>
      </c>
      <c r="AE33664">
        <v>14</v>
      </c>
      <c r="AF33664">
        <v>14</v>
      </c>
      <c r="AG33664">
        <v>14</v>
      </c>
      <c r="AH33664">
        <v>15</v>
      </c>
      <c r="AI33664">
        <v>15</v>
      </c>
      <c r="AJ33664">
        <v>15</v>
      </c>
      <c r="AK33664">
        <v>15</v>
      </c>
      <c r="AL33664">
        <v>15</v>
      </c>
      <c r="AM33664">
        <v>15</v>
      </c>
      <c r="AN33664">
        <v>16</v>
      </c>
      <c r="AO33664">
        <v>16</v>
      </c>
      <c r="AP33664">
        <v>16</v>
      </c>
      <c r="AQ33664">
        <v>16</v>
      </c>
    </row>
    <row r="33665" spans="1:43">
      <c r="A33665" t="s">
        <v>20859</v>
      </c>
      <c r="B33665" t="s">
        <v>20860</v>
      </c>
      <c r="C33665" t="s">
        <v>20855</v>
      </c>
      <c r="D33665" t="s">
        <v>20856</v>
      </c>
      <c r="E33665" t="s">
        <v>20787</v>
      </c>
      <c r="F33665" t="s">
        <v>20788</v>
      </c>
      <c r="G33665" t="s">
        <v>20255</v>
      </c>
      <c r="H33665" t="s">
        <v>20256</v>
      </c>
      <c r="I33665" s="2">
        <v>1</v>
      </c>
      <c r="J33665" s="2">
        <v>0</v>
      </c>
      <c r="K33665" s="2">
        <v>0</v>
      </c>
      <c r="L33665" t="s">
        <v>120</v>
      </c>
      <c r="M33665" t="s">
        <v>83</v>
      </c>
      <c r="N33665" t="s">
        <v>91</v>
      </c>
      <c r="O33665" t="s">
        <v>85</v>
      </c>
      <c r="P33665" t="s">
        <v>86</v>
      </c>
      <c r="Q33665">
        <v>10</v>
      </c>
      <c r="R33665">
        <v>11</v>
      </c>
      <c r="S33665">
        <v>11</v>
      </c>
      <c r="T33665">
        <v>11</v>
      </c>
      <c r="U33665">
        <v>11</v>
      </c>
      <c r="V33665">
        <v>12</v>
      </c>
      <c r="W33665">
        <v>12</v>
      </c>
      <c r="X33665">
        <v>12</v>
      </c>
      <c r="Y33665">
        <v>12</v>
      </c>
      <c r="Z33665">
        <v>13</v>
      </c>
      <c r="AA33665">
        <v>13</v>
      </c>
      <c r="AB33665">
        <v>13</v>
      </c>
      <c r="AC33665">
        <v>14</v>
      </c>
      <c r="AD33665">
        <v>14</v>
      </c>
      <c r="AE33665">
        <v>14</v>
      </c>
      <c r="AF33665">
        <v>14</v>
      </c>
      <c r="AG33665">
        <v>15</v>
      </c>
      <c r="AH33665">
        <v>15</v>
      </c>
      <c r="AI33665">
        <v>15</v>
      </c>
      <c r="AJ33665">
        <v>16</v>
      </c>
      <c r="AK33665">
        <v>16</v>
      </c>
      <c r="AL33665">
        <v>16</v>
      </c>
      <c r="AM33665">
        <v>16</v>
      </c>
      <c r="AN33665">
        <v>16</v>
      </c>
      <c r="AO33665">
        <v>17</v>
      </c>
      <c r="AP33665">
        <v>17</v>
      </c>
      <c r="AQ33665">
        <v>17</v>
      </c>
    </row>
    <row r="33666" spans="1:43">
      <c r="A33666" t="s">
        <v>20861</v>
      </c>
      <c r="B33666" t="s">
        <v>20862</v>
      </c>
      <c r="C33666" t="s">
        <v>20855</v>
      </c>
      <c r="D33666" t="s">
        <v>20856</v>
      </c>
      <c r="E33666" t="s">
        <v>20787</v>
      </c>
      <c r="F33666" t="s">
        <v>20788</v>
      </c>
      <c r="G33666" t="s">
        <v>20255</v>
      </c>
      <c r="H33666" t="s">
        <v>20256</v>
      </c>
      <c r="I33666" s="2">
        <v>1</v>
      </c>
      <c r="J33666" s="2">
        <v>0</v>
      </c>
      <c r="K33666" s="2">
        <v>0</v>
      </c>
      <c r="L33666" t="s">
        <v>120</v>
      </c>
      <c r="M33666" t="s">
        <v>83</v>
      </c>
      <c r="N33666" t="s">
        <v>84</v>
      </c>
      <c r="O33666" t="s">
        <v>85</v>
      </c>
      <c r="P33666" t="s">
        <v>86</v>
      </c>
      <c r="Q33666">
        <v>7</v>
      </c>
      <c r="R33666">
        <v>7</v>
      </c>
      <c r="S33666">
        <v>7</v>
      </c>
      <c r="T33666">
        <v>8</v>
      </c>
      <c r="U33666">
        <v>8</v>
      </c>
      <c r="V33666">
        <v>8</v>
      </c>
      <c r="W33666">
        <v>8</v>
      </c>
      <c r="X33666">
        <v>8</v>
      </c>
      <c r="Y33666">
        <v>9</v>
      </c>
      <c r="Z33666">
        <v>9</v>
      </c>
      <c r="AA33666">
        <v>9</v>
      </c>
      <c r="AB33666">
        <v>9</v>
      </c>
      <c r="AC33666">
        <v>9</v>
      </c>
      <c r="AD33666">
        <v>9</v>
      </c>
      <c r="AE33666">
        <v>10</v>
      </c>
      <c r="AF33666">
        <v>10</v>
      </c>
      <c r="AG33666">
        <v>10</v>
      </c>
      <c r="AH33666">
        <v>10</v>
      </c>
      <c r="AI33666">
        <v>10</v>
      </c>
      <c r="AJ33666">
        <v>11</v>
      </c>
      <c r="AK33666">
        <v>11</v>
      </c>
      <c r="AL33666">
        <v>11</v>
      </c>
      <c r="AM33666">
        <v>11</v>
      </c>
      <c r="AN33666">
        <v>11</v>
      </c>
      <c r="AO33666">
        <v>11</v>
      </c>
      <c r="AP33666">
        <v>11</v>
      </c>
      <c r="AQ33666">
        <v>12</v>
      </c>
    </row>
    <row r="33667" spans="1:43">
      <c r="A33667" t="s">
        <v>20861</v>
      </c>
      <c r="B33667" t="s">
        <v>20862</v>
      </c>
      <c r="C33667" t="s">
        <v>20855</v>
      </c>
      <c r="D33667" t="s">
        <v>20856</v>
      </c>
      <c r="E33667" t="s">
        <v>20787</v>
      </c>
      <c r="F33667" t="s">
        <v>20788</v>
      </c>
      <c r="G33667" t="s">
        <v>20255</v>
      </c>
      <c r="H33667" t="s">
        <v>20256</v>
      </c>
      <c r="I33667" s="2">
        <v>1</v>
      </c>
      <c r="J33667" s="2">
        <v>0</v>
      </c>
      <c r="K33667" s="2">
        <v>0</v>
      </c>
      <c r="L33667" t="s">
        <v>120</v>
      </c>
      <c r="M33667" t="s">
        <v>87</v>
      </c>
      <c r="N33667" t="s">
        <v>88</v>
      </c>
      <c r="O33667" t="s">
        <v>85</v>
      </c>
      <c r="P33667" t="s">
        <v>86</v>
      </c>
      <c r="Q33667">
        <v>7</v>
      </c>
      <c r="R33667">
        <v>7</v>
      </c>
      <c r="S33667">
        <v>7</v>
      </c>
      <c r="T33667">
        <v>7</v>
      </c>
      <c r="U33667">
        <v>7</v>
      </c>
      <c r="V33667">
        <v>8</v>
      </c>
      <c r="W33667">
        <v>8</v>
      </c>
      <c r="X33667">
        <v>8</v>
      </c>
      <c r="Y33667">
        <v>8</v>
      </c>
      <c r="Z33667">
        <v>8</v>
      </c>
      <c r="AA33667">
        <v>8</v>
      </c>
      <c r="AB33667">
        <v>8</v>
      </c>
      <c r="AC33667">
        <v>8</v>
      </c>
      <c r="AD33667">
        <v>8</v>
      </c>
      <c r="AE33667">
        <v>9</v>
      </c>
      <c r="AF33667">
        <v>9</v>
      </c>
      <c r="AG33667">
        <v>9</v>
      </c>
      <c r="AH33667">
        <v>9</v>
      </c>
      <c r="AI33667">
        <v>9</v>
      </c>
      <c r="AJ33667">
        <v>9</v>
      </c>
      <c r="AK33667">
        <v>9</v>
      </c>
      <c r="AL33667">
        <v>9</v>
      </c>
      <c r="AM33667">
        <v>10</v>
      </c>
      <c r="AN33667">
        <v>10</v>
      </c>
      <c r="AO33667">
        <v>10</v>
      </c>
      <c r="AP33667">
        <v>10</v>
      </c>
      <c r="AQ33667">
        <v>10</v>
      </c>
    </row>
    <row r="33668" spans="1:43">
      <c r="A33668" t="s">
        <v>20861</v>
      </c>
      <c r="B33668" t="s">
        <v>20862</v>
      </c>
      <c r="C33668" t="s">
        <v>20855</v>
      </c>
      <c r="D33668" t="s">
        <v>20856</v>
      </c>
      <c r="E33668" t="s">
        <v>20787</v>
      </c>
      <c r="F33668" t="s">
        <v>20788</v>
      </c>
      <c r="G33668" t="s">
        <v>20255</v>
      </c>
      <c r="H33668" t="s">
        <v>20256</v>
      </c>
      <c r="I33668" s="2">
        <v>1</v>
      </c>
      <c r="J33668" s="2">
        <v>0</v>
      </c>
      <c r="K33668" s="2">
        <v>0</v>
      </c>
      <c r="L33668" t="s">
        <v>120</v>
      </c>
      <c r="M33668" t="s">
        <v>89</v>
      </c>
      <c r="N33668" t="s">
        <v>90</v>
      </c>
      <c r="O33668" t="s">
        <v>85</v>
      </c>
      <c r="P33668" t="s">
        <v>86</v>
      </c>
      <c r="Q33668">
        <v>7</v>
      </c>
      <c r="R33668">
        <v>7</v>
      </c>
      <c r="S33668">
        <v>8</v>
      </c>
      <c r="T33668">
        <v>8</v>
      </c>
      <c r="U33668">
        <v>8</v>
      </c>
      <c r="V33668">
        <v>8</v>
      </c>
      <c r="W33668">
        <v>9</v>
      </c>
      <c r="X33668">
        <v>9</v>
      </c>
      <c r="Y33668">
        <v>9</v>
      </c>
      <c r="Z33668">
        <v>9</v>
      </c>
      <c r="AA33668">
        <v>9</v>
      </c>
      <c r="AB33668">
        <v>10</v>
      </c>
      <c r="AC33668">
        <v>10</v>
      </c>
      <c r="AD33668">
        <v>10</v>
      </c>
      <c r="AE33668">
        <v>10</v>
      </c>
      <c r="AF33668">
        <v>10</v>
      </c>
      <c r="AG33668">
        <v>10</v>
      </c>
      <c r="AH33668">
        <v>11</v>
      </c>
      <c r="AI33668">
        <v>11</v>
      </c>
      <c r="AJ33668">
        <v>11</v>
      </c>
      <c r="AK33668">
        <v>11</v>
      </c>
      <c r="AL33668">
        <v>11</v>
      </c>
      <c r="AM33668">
        <v>11</v>
      </c>
      <c r="AN33668">
        <v>11</v>
      </c>
      <c r="AO33668">
        <v>11</v>
      </c>
      <c r="AP33668">
        <v>12</v>
      </c>
      <c r="AQ33668">
        <v>12</v>
      </c>
    </row>
    <row r="33669" spans="1:43">
      <c r="A33669" t="s">
        <v>20861</v>
      </c>
      <c r="B33669" t="s">
        <v>20862</v>
      </c>
      <c r="C33669" t="s">
        <v>20855</v>
      </c>
      <c r="D33669" t="s">
        <v>20856</v>
      </c>
      <c r="E33669" t="s">
        <v>20787</v>
      </c>
      <c r="F33669" t="s">
        <v>20788</v>
      </c>
      <c r="G33669" t="s">
        <v>20255</v>
      </c>
      <c r="H33669" t="s">
        <v>20256</v>
      </c>
      <c r="I33669" s="2">
        <v>1</v>
      </c>
      <c r="J33669" s="2">
        <v>0</v>
      </c>
      <c r="K33669" s="2">
        <v>0</v>
      </c>
      <c r="L33669" t="s">
        <v>120</v>
      </c>
      <c r="M33669" t="s">
        <v>83</v>
      </c>
      <c r="N33669" t="s">
        <v>91</v>
      </c>
      <c r="O33669" t="s">
        <v>85</v>
      </c>
      <c r="P33669" t="s">
        <v>86</v>
      </c>
      <c r="Q33669">
        <v>7</v>
      </c>
      <c r="R33669">
        <v>7</v>
      </c>
      <c r="S33669">
        <v>7</v>
      </c>
      <c r="T33669">
        <v>8</v>
      </c>
      <c r="U33669">
        <v>8</v>
      </c>
      <c r="V33669">
        <v>8</v>
      </c>
      <c r="W33669">
        <v>8</v>
      </c>
      <c r="X33669">
        <v>8</v>
      </c>
      <c r="Y33669">
        <v>9</v>
      </c>
      <c r="Z33669">
        <v>9</v>
      </c>
      <c r="AA33669">
        <v>9</v>
      </c>
      <c r="AB33669">
        <v>9</v>
      </c>
      <c r="AC33669">
        <v>9</v>
      </c>
      <c r="AD33669">
        <v>9</v>
      </c>
      <c r="AE33669">
        <v>10</v>
      </c>
      <c r="AF33669">
        <v>10</v>
      </c>
      <c r="AG33669">
        <v>10</v>
      </c>
      <c r="AH33669">
        <v>10</v>
      </c>
      <c r="AI33669">
        <v>10</v>
      </c>
      <c r="AJ33669">
        <v>11</v>
      </c>
      <c r="AK33669">
        <v>11</v>
      </c>
      <c r="AL33669">
        <v>11</v>
      </c>
      <c r="AM33669">
        <v>11</v>
      </c>
      <c r="AN33669">
        <v>11</v>
      </c>
      <c r="AO33669">
        <v>11</v>
      </c>
      <c r="AP33669">
        <v>11</v>
      </c>
      <c r="AQ33669">
        <v>12</v>
      </c>
    </row>
    <row r="33670" spans="1:43">
      <c r="A33670" t="s">
        <v>20863</v>
      </c>
      <c r="B33670" t="s">
        <v>20864</v>
      </c>
      <c r="C33670" t="s">
        <v>20855</v>
      </c>
      <c r="D33670" t="s">
        <v>20856</v>
      </c>
      <c r="E33670" t="s">
        <v>20787</v>
      </c>
      <c r="F33670" t="s">
        <v>20788</v>
      </c>
      <c r="G33670" t="s">
        <v>20255</v>
      </c>
      <c r="H33670" t="s">
        <v>20256</v>
      </c>
      <c r="I33670" s="2">
        <v>1</v>
      </c>
      <c r="J33670" s="2">
        <v>0</v>
      </c>
      <c r="K33670" s="2">
        <v>0</v>
      </c>
      <c r="L33670" t="s">
        <v>120</v>
      </c>
      <c r="M33670" t="s">
        <v>83</v>
      </c>
      <c r="N33670" t="s">
        <v>84</v>
      </c>
      <c r="O33670" t="s">
        <v>85</v>
      </c>
      <c r="P33670" t="s">
        <v>86</v>
      </c>
      <c r="Q33670">
        <v>5</v>
      </c>
      <c r="R33670">
        <v>5</v>
      </c>
      <c r="S33670">
        <v>5</v>
      </c>
      <c r="T33670">
        <v>5</v>
      </c>
      <c r="U33670">
        <v>5</v>
      </c>
      <c r="V33670">
        <v>6</v>
      </c>
      <c r="W33670">
        <v>6</v>
      </c>
      <c r="X33670">
        <v>6</v>
      </c>
      <c r="Y33670">
        <v>6</v>
      </c>
      <c r="Z33670">
        <v>6</v>
      </c>
      <c r="AA33670">
        <v>6</v>
      </c>
      <c r="AB33670">
        <v>6</v>
      </c>
      <c r="AC33670">
        <v>6</v>
      </c>
      <c r="AD33670">
        <v>7</v>
      </c>
      <c r="AE33670">
        <v>7</v>
      </c>
      <c r="AF33670">
        <v>7</v>
      </c>
      <c r="AG33670">
        <v>7</v>
      </c>
      <c r="AH33670">
        <v>7</v>
      </c>
      <c r="AI33670">
        <v>7</v>
      </c>
      <c r="AJ33670">
        <v>7</v>
      </c>
      <c r="AK33670">
        <v>8</v>
      </c>
      <c r="AL33670">
        <v>8</v>
      </c>
      <c r="AM33670">
        <v>8</v>
      </c>
      <c r="AN33670">
        <v>8</v>
      </c>
      <c r="AO33670">
        <v>8</v>
      </c>
      <c r="AP33670">
        <v>8</v>
      </c>
      <c r="AQ33670">
        <v>8</v>
      </c>
    </row>
    <row r="33671" spans="1:43">
      <c r="A33671" t="s">
        <v>20863</v>
      </c>
      <c r="B33671" t="s">
        <v>20864</v>
      </c>
      <c r="C33671" t="s">
        <v>20855</v>
      </c>
      <c r="D33671" t="s">
        <v>20856</v>
      </c>
      <c r="E33671" t="s">
        <v>20787</v>
      </c>
      <c r="F33671" t="s">
        <v>20788</v>
      </c>
      <c r="G33671" t="s">
        <v>20255</v>
      </c>
      <c r="H33671" t="s">
        <v>20256</v>
      </c>
      <c r="I33671" s="2">
        <v>1</v>
      </c>
      <c r="J33671" s="2">
        <v>0</v>
      </c>
      <c r="K33671" s="2">
        <v>0</v>
      </c>
      <c r="L33671" t="s">
        <v>120</v>
      </c>
      <c r="M33671" t="s">
        <v>87</v>
      </c>
      <c r="N33671" t="s">
        <v>88</v>
      </c>
      <c r="O33671" t="s">
        <v>85</v>
      </c>
      <c r="P33671" t="s">
        <v>86</v>
      </c>
      <c r="Q33671">
        <v>5</v>
      </c>
      <c r="R33671">
        <v>5</v>
      </c>
      <c r="S33671">
        <v>5</v>
      </c>
      <c r="T33671">
        <v>5</v>
      </c>
      <c r="U33671">
        <v>5</v>
      </c>
      <c r="V33671">
        <v>5</v>
      </c>
      <c r="W33671">
        <v>5</v>
      </c>
      <c r="X33671">
        <v>5</v>
      </c>
      <c r="Y33671">
        <v>6</v>
      </c>
      <c r="Z33671">
        <v>6</v>
      </c>
      <c r="AA33671">
        <v>6</v>
      </c>
      <c r="AB33671">
        <v>6</v>
      </c>
      <c r="AC33671">
        <v>6</v>
      </c>
      <c r="AD33671">
        <v>6</v>
      </c>
      <c r="AE33671">
        <v>6</v>
      </c>
      <c r="AF33671">
        <v>6</v>
      </c>
      <c r="AG33671">
        <v>6</v>
      </c>
      <c r="AH33671">
        <v>6</v>
      </c>
      <c r="AI33671">
        <v>6</v>
      </c>
      <c r="AJ33671">
        <v>6</v>
      </c>
      <c r="AK33671">
        <v>6</v>
      </c>
      <c r="AL33671">
        <v>7</v>
      </c>
      <c r="AM33671">
        <v>7</v>
      </c>
      <c r="AN33671">
        <v>7</v>
      </c>
      <c r="AO33671">
        <v>7</v>
      </c>
      <c r="AP33671">
        <v>7</v>
      </c>
      <c r="AQ33671">
        <v>7</v>
      </c>
    </row>
    <row r="33672" spans="1:43">
      <c r="A33672" t="s">
        <v>20863</v>
      </c>
      <c r="B33672" t="s">
        <v>20864</v>
      </c>
      <c r="C33672" t="s">
        <v>20855</v>
      </c>
      <c r="D33672" t="s">
        <v>20856</v>
      </c>
      <c r="E33672" t="s">
        <v>20787</v>
      </c>
      <c r="F33672" t="s">
        <v>20788</v>
      </c>
      <c r="G33672" t="s">
        <v>20255</v>
      </c>
      <c r="H33672" t="s">
        <v>20256</v>
      </c>
      <c r="I33672" s="2">
        <v>1</v>
      </c>
      <c r="J33672" s="2">
        <v>0</v>
      </c>
      <c r="K33672" s="2">
        <v>0</v>
      </c>
      <c r="L33672" t="s">
        <v>120</v>
      </c>
      <c r="M33672" t="s">
        <v>89</v>
      </c>
      <c r="N33672" t="s">
        <v>90</v>
      </c>
      <c r="O33672" t="s">
        <v>85</v>
      </c>
      <c r="P33672" t="s">
        <v>86</v>
      </c>
      <c r="Q33672">
        <v>5</v>
      </c>
      <c r="R33672">
        <v>5</v>
      </c>
      <c r="S33672">
        <v>5</v>
      </c>
      <c r="T33672">
        <v>6</v>
      </c>
      <c r="U33672">
        <v>6</v>
      </c>
      <c r="V33672">
        <v>6</v>
      </c>
      <c r="W33672">
        <v>6</v>
      </c>
      <c r="X33672">
        <v>6</v>
      </c>
      <c r="Y33672">
        <v>6</v>
      </c>
      <c r="Z33672">
        <v>6</v>
      </c>
      <c r="AA33672">
        <v>7</v>
      </c>
      <c r="AB33672">
        <v>7</v>
      </c>
      <c r="AC33672">
        <v>7</v>
      </c>
      <c r="AD33672">
        <v>7</v>
      </c>
      <c r="AE33672">
        <v>7</v>
      </c>
      <c r="AF33672">
        <v>7</v>
      </c>
      <c r="AG33672">
        <v>7</v>
      </c>
      <c r="AH33672">
        <v>7</v>
      </c>
      <c r="AI33672">
        <v>7</v>
      </c>
      <c r="AJ33672">
        <v>8</v>
      </c>
      <c r="AK33672">
        <v>8</v>
      </c>
      <c r="AL33672">
        <v>8</v>
      </c>
      <c r="AM33672">
        <v>8</v>
      </c>
      <c r="AN33672">
        <v>8</v>
      </c>
      <c r="AO33672">
        <v>8</v>
      </c>
      <c r="AP33672">
        <v>8</v>
      </c>
      <c r="AQ33672">
        <v>8</v>
      </c>
    </row>
    <row r="33673" spans="1:43">
      <c r="A33673" t="s">
        <v>20863</v>
      </c>
      <c r="B33673" t="s">
        <v>20864</v>
      </c>
      <c r="C33673" t="s">
        <v>20855</v>
      </c>
      <c r="D33673" t="s">
        <v>20856</v>
      </c>
      <c r="E33673" t="s">
        <v>20787</v>
      </c>
      <c r="F33673" t="s">
        <v>20788</v>
      </c>
      <c r="G33673" t="s">
        <v>20255</v>
      </c>
      <c r="H33673" t="s">
        <v>20256</v>
      </c>
      <c r="I33673" s="2">
        <v>1</v>
      </c>
      <c r="J33673" s="2">
        <v>0</v>
      </c>
      <c r="K33673" s="2">
        <v>0</v>
      </c>
      <c r="L33673" t="s">
        <v>120</v>
      </c>
      <c r="M33673" t="s">
        <v>83</v>
      </c>
      <c r="N33673" t="s">
        <v>91</v>
      </c>
      <c r="O33673" t="s">
        <v>85</v>
      </c>
      <c r="P33673" t="s">
        <v>86</v>
      </c>
      <c r="Q33673">
        <v>5</v>
      </c>
      <c r="R33673">
        <v>5</v>
      </c>
      <c r="S33673">
        <v>5</v>
      </c>
      <c r="T33673">
        <v>5</v>
      </c>
      <c r="U33673">
        <v>5</v>
      </c>
      <c r="V33673">
        <v>6</v>
      </c>
      <c r="W33673">
        <v>6</v>
      </c>
      <c r="X33673">
        <v>6</v>
      </c>
      <c r="Y33673">
        <v>6</v>
      </c>
      <c r="Z33673">
        <v>6</v>
      </c>
      <c r="AA33673">
        <v>6</v>
      </c>
      <c r="AB33673">
        <v>6</v>
      </c>
      <c r="AC33673">
        <v>6</v>
      </c>
      <c r="AD33673">
        <v>7</v>
      </c>
      <c r="AE33673">
        <v>7</v>
      </c>
      <c r="AF33673">
        <v>7</v>
      </c>
      <c r="AG33673">
        <v>7</v>
      </c>
      <c r="AH33673">
        <v>7</v>
      </c>
      <c r="AI33673">
        <v>7</v>
      </c>
      <c r="AJ33673">
        <v>7</v>
      </c>
      <c r="AK33673">
        <v>8</v>
      </c>
      <c r="AL33673">
        <v>8</v>
      </c>
      <c r="AM33673">
        <v>8</v>
      </c>
      <c r="AN33673">
        <v>8</v>
      </c>
      <c r="AO33673">
        <v>8</v>
      </c>
      <c r="AP33673">
        <v>8</v>
      </c>
      <c r="AQ33673">
        <v>8</v>
      </c>
    </row>
    <row r="33674" spans="1:43">
      <c r="A33674" t="s">
        <v>20865</v>
      </c>
      <c r="B33674" t="s">
        <v>20866</v>
      </c>
      <c r="C33674" t="s">
        <v>20843</v>
      </c>
      <c r="D33674" t="s">
        <v>20844</v>
      </c>
      <c r="E33674" t="s">
        <v>20787</v>
      </c>
      <c r="F33674" t="s">
        <v>20788</v>
      </c>
      <c r="G33674" t="s">
        <v>20255</v>
      </c>
      <c r="H33674" t="s">
        <v>20256</v>
      </c>
      <c r="I33674" s="2">
        <v>1</v>
      </c>
      <c r="J33674" s="2">
        <v>0</v>
      </c>
      <c r="K33674" s="2">
        <v>0</v>
      </c>
      <c r="L33674" t="s">
        <v>120</v>
      </c>
      <c r="M33674" t="s">
        <v>83</v>
      </c>
      <c r="N33674" t="s">
        <v>84</v>
      </c>
      <c r="O33674" t="s">
        <v>85</v>
      </c>
      <c r="P33674" t="s">
        <v>86</v>
      </c>
      <c r="Q33674">
        <v>15</v>
      </c>
      <c r="R33674">
        <v>15</v>
      </c>
      <c r="S33674">
        <v>15</v>
      </c>
      <c r="T33674">
        <v>16</v>
      </c>
      <c r="U33674">
        <v>16</v>
      </c>
      <c r="V33674">
        <v>16</v>
      </c>
      <c r="W33674">
        <v>17</v>
      </c>
      <c r="X33674">
        <v>17</v>
      </c>
      <c r="Y33674">
        <v>17</v>
      </c>
      <c r="Z33674">
        <v>18</v>
      </c>
      <c r="AA33674">
        <v>18</v>
      </c>
      <c r="AB33674">
        <v>18</v>
      </c>
      <c r="AC33674">
        <v>19</v>
      </c>
      <c r="AD33674">
        <v>19</v>
      </c>
      <c r="AE33674">
        <v>19</v>
      </c>
      <c r="AF33674">
        <v>20</v>
      </c>
      <c r="AG33674">
        <v>20</v>
      </c>
      <c r="AH33674">
        <v>21</v>
      </c>
      <c r="AI33674">
        <v>21</v>
      </c>
      <c r="AJ33674">
        <v>21</v>
      </c>
      <c r="AK33674">
        <v>22</v>
      </c>
      <c r="AL33674">
        <v>22</v>
      </c>
      <c r="AM33674">
        <v>22</v>
      </c>
      <c r="AN33674">
        <v>23</v>
      </c>
      <c r="AO33674">
        <v>23</v>
      </c>
      <c r="AP33674">
        <v>23</v>
      </c>
      <c r="AQ33674">
        <v>23</v>
      </c>
    </row>
    <row r="33675" spans="1:43">
      <c r="A33675" t="s">
        <v>20865</v>
      </c>
      <c r="B33675" t="s">
        <v>20866</v>
      </c>
      <c r="C33675" t="s">
        <v>20843</v>
      </c>
      <c r="D33675" t="s">
        <v>20844</v>
      </c>
      <c r="E33675" t="s">
        <v>20787</v>
      </c>
      <c r="F33675" t="s">
        <v>20788</v>
      </c>
      <c r="G33675" t="s">
        <v>20255</v>
      </c>
      <c r="H33675" t="s">
        <v>20256</v>
      </c>
      <c r="I33675" s="2">
        <v>1</v>
      </c>
      <c r="J33675" s="2">
        <v>0</v>
      </c>
      <c r="K33675" s="2">
        <v>0</v>
      </c>
      <c r="L33675" t="s">
        <v>120</v>
      </c>
      <c r="M33675" t="s">
        <v>87</v>
      </c>
      <c r="N33675" t="s">
        <v>88</v>
      </c>
      <c r="O33675" t="s">
        <v>85</v>
      </c>
      <c r="P33675" t="s">
        <v>86</v>
      </c>
      <c r="Q33675">
        <v>15</v>
      </c>
      <c r="R33675">
        <v>16</v>
      </c>
      <c r="S33675">
        <v>16</v>
      </c>
      <c r="T33675">
        <v>16</v>
      </c>
      <c r="U33675">
        <v>16</v>
      </c>
      <c r="V33675">
        <v>16</v>
      </c>
      <c r="W33675">
        <v>17</v>
      </c>
      <c r="X33675">
        <v>17</v>
      </c>
      <c r="Y33675">
        <v>17</v>
      </c>
      <c r="Z33675">
        <v>17</v>
      </c>
      <c r="AA33675">
        <v>17</v>
      </c>
      <c r="AB33675">
        <v>18</v>
      </c>
      <c r="AC33675">
        <v>18</v>
      </c>
      <c r="AD33675">
        <v>18</v>
      </c>
      <c r="AE33675">
        <v>18</v>
      </c>
      <c r="AF33675">
        <v>18</v>
      </c>
      <c r="AG33675">
        <v>19</v>
      </c>
      <c r="AH33675">
        <v>19</v>
      </c>
      <c r="AI33675">
        <v>19</v>
      </c>
      <c r="AJ33675">
        <v>19</v>
      </c>
      <c r="AK33675">
        <v>20</v>
      </c>
      <c r="AL33675">
        <v>20</v>
      </c>
      <c r="AM33675">
        <v>20</v>
      </c>
      <c r="AN33675">
        <v>20</v>
      </c>
      <c r="AO33675">
        <v>21</v>
      </c>
      <c r="AP33675">
        <v>21</v>
      </c>
      <c r="AQ33675">
        <v>21</v>
      </c>
    </row>
    <row r="33676" spans="1:43">
      <c r="A33676" t="s">
        <v>20865</v>
      </c>
      <c r="B33676" t="s">
        <v>20866</v>
      </c>
      <c r="C33676" t="s">
        <v>20843</v>
      </c>
      <c r="D33676" t="s">
        <v>20844</v>
      </c>
      <c r="E33676" t="s">
        <v>20787</v>
      </c>
      <c r="F33676" t="s">
        <v>20788</v>
      </c>
      <c r="G33676" t="s">
        <v>20255</v>
      </c>
      <c r="H33676" t="s">
        <v>20256</v>
      </c>
      <c r="I33676" s="2">
        <v>1</v>
      </c>
      <c r="J33676" s="2">
        <v>0</v>
      </c>
      <c r="K33676" s="2">
        <v>0</v>
      </c>
      <c r="L33676" t="s">
        <v>120</v>
      </c>
      <c r="M33676" t="s">
        <v>89</v>
      </c>
      <c r="N33676" t="s">
        <v>90</v>
      </c>
      <c r="O33676" t="s">
        <v>85</v>
      </c>
      <c r="P33676" t="s">
        <v>86</v>
      </c>
      <c r="Q33676">
        <v>15</v>
      </c>
      <c r="R33676">
        <v>15</v>
      </c>
      <c r="S33676">
        <v>16</v>
      </c>
      <c r="T33676">
        <v>16</v>
      </c>
      <c r="U33676">
        <v>16</v>
      </c>
      <c r="V33676">
        <v>17</v>
      </c>
      <c r="W33676">
        <v>17</v>
      </c>
      <c r="X33676">
        <v>18</v>
      </c>
      <c r="Y33676">
        <v>18</v>
      </c>
      <c r="Z33676">
        <v>19</v>
      </c>
      <c r="AA33676">
        <v>19</v>
      </c>
      <c r="AB33676">
        <v>20</v>
      </c>
      <c r="AC33676">
        <v>20</v>
      </c>
      <c r="AD33676">
        <v>20</v>
      </c>
      <c r="AE33676">
        <v>21</v>
      </c>
      <c r="AF33676">
        <v>21</v>
      </c>
      <c r="AG33676">
        <v>21</v>
      </c>
      <c r="AH33676">
        <v>21</v>
      </c>
      <c r="AI33676">
        <v>22</v>
      </c>
      <c r="AJ33676">
        <v>22</v>
      </c>
      <c r="AK33676">
        <v>22</v>
      </c>
      <c r="AL33676">
        <v>22</v>
      </c>
      <c r="AM33676">
        <v>23</v>
      </c>
      <c r="AN33676">
        <v>23</v>
      </c>
      <c r="AO33676">
        <v>23</v>
      </c>
      <c r="AP33676">
        <v>23</v>
      </c>
      <c r="AQ33676">
        <v>24</v>
      </c>
    </row>
    <row r="33677" spans="1:43">
      <c r="A33677" t="s">
        <v>20865</v>
      </c>
      <c r="B33677" t="s">
        <v>20866</v>
      </c>
      <c r="C33677" t="s">
        <v>20843</v>
      </c>
      <c r="D33677" t="s">
        <v>20844</v>
      </c>
      <c r="E33677" t="s">
        <v>20787</v>
      </c>
      <c r="F33677" t="s">
        <v>20788</v>
      </c>
      <c r="G33677" t="s">
        <v>20255</v>
      </c>
      <c r="H33677" t="s">
        <v>20256</v>
      </c>
      <c r="I33677" s="2">
        <v>1</v>
      </c>
      <c r="J33677" s="2">
        <v>0</v>
      </c>
      <c r="K33677" s="2">
        <v>0</v>
      </c>
      <c r="L33677" t="s">
        <v>120</v>
      </c>
      <c r="M33677" t="s">
        <v>83</v>
      </c>
      <c r="N33677" t="s">
        <v>91</v>
      </c>
      <c r="O33677" t="s">
        <v>85</v>
      </c>
      <c r="P33677" t="s">
        <v>86</v>
      </c>
      <c r="Q33677">
        <v>15</v>
      </c>
      <c r="R33677">
        <v>15</v>
      </c>
      <c r="S33677">
        <v>15</v>
      </c>
      <c r="T33677">
        <v>16</v>
      </c>
      <c r="U33677">
        <v>16</v>
      </c>
      <c r="V33677">
        <v>16</v>
      </c>
      <c r="W33677">
        <v>17</v>
      </c>
      <c r="X33677">
        <v>17</v>
      </c>
      <c r="Y33677">
        <v>17</v>
      </c>
      <c r="Z33677">
        <v>18</v>
      </c>
      <c r="AA33677">
        <v>18</v>
      </c>
      <c r="AB33677">
        <v>18</v>
      </c>
      <c r="AC33677">
        <v>19</v>
      </c>
      <c r="AD33677">
        <v>19</v>
      </c>
      <c r="AE33677">
        <v>19</v>
      </c>
      <c r="AF33677">
        <v>20</v>
      </c>
      <c r="AG33677">
        <v>20</v>
      </c>
      <c r="AH33677">
        <v>21</v>
      </c>
      <c r="AI33677">
        <v>21</v>
      </c>
      <c r="AJ33677">
        <v>21</v>
      </c>
      <c r="AK33677">
        <v>22</v>
      </c>
      <c r="AL33677">
        <v>22</v>
      </c>
      <c r="AM33677">
        <v>22</v>
      </c>
      <c r="AN33677">
        <v>23</v>
      </c>
      <c r="AO33677">
        <v>23</v>
      </c>
      <c r="AP33677">
        <v>23</v>
      </c>
      <c r="AQ33677">
        <v>23</v>
      </c>
    </row>
    <row r="33678" spans="1:43">
      <c r="A33678" t="s">
        <v>20867</v>
      </c>
      <c r="B33678" t="s">
        <v>20868</v>
      </c>
      <c r="C33678" t="s">
        <v>20843</v>
      </c>
      <c r="D33678" t="s">
        <v>20844</v>
      </c>
      <c r="E33678" t="s">
        <v>20787</v>
      </c>
      <c r="F33678" t="s">
        <v>20788</v>
      </c>
      <c r="G33678" t="s">
        <v>20255</v>
      </c>
      <c r="H33678" t="s">
        <v>20256</v>
      </c>
      <c r="I33678" s="2">
        <v>1</v>
      </c>
      <c r="J33678" s="2">
        <v>0</v>
      </c>
      <c r="K33678" s="2">
        <v>0</v>
      </c>
      <c r="L33678" t="s">
        <v>120</v>
      </c>
      <c r="M33678" t="s">
        <v>83</v>
      </c>
      <c r="N33678" t="s">
        <v>84</v>
      </c>
      <c r="O33678" t="s">
        <v>85</v>
      </c>
      <c r="P33678" t="s">
        <v>86</v>
      </c>
      <c r="Q33678">
        <v>17</v>
      </c>
      <c r="R33678">
        <v>17</v>
      </c>
      <c r="S33678">
        <v>18</v>
      </c>
      <c r="T33678">
        <v>18</v>
      </c>
      <c r="U33678">
        <v>19</v>
      </c>
      <c r="V33678">
        <v>19</v>
      </c>
      <c r="W33678">
        <v>19</v>
      </c>
      <c r="X33678">
        <v>20</v>
      </c>
      <c r="Y33678">
        <v>20</v>
      </c>
      <c r="Z33678">
        <v>21</v>
      </c>
      <c r="AA33678">
        <v>21</v>
      </c>
      <c r="AB33678">
        <v>22</v>
      </c>
      <c r="AC33678">
        <v>22</v>
      </c>
      <c r="AD33678">
        <v>22</v>
      </c>
      <c r="AE33678">
        <v>23</v>
      </c>
      <c r="AF33678">
        <v>23</v>
      </c>
      <c r="AG33678">
        <v>24</v>
      </c>
      <c r="AH33678">
        <v>24</v>
      </c>
      <c r="AI33678">
        <v>25</v>
      </c>
      <c r="AJ33678">
        <v>25</v>
      </c>
      <c r="AK33678">
        <v>26</v>
      </c>
      <c r="AL33678">
        <v>26</v>
      </c>
      <c r="AM33678">
        <v>26</v>
      </c>
      <c r="AN33678">
        <v>27</v>
      </c>
      <c r="AO33678">
        <v>27</v>
      </c>
      <c r="AP33678">
        <v>27</v>
      </c>
      <c r="AQ33678">
        <v>28</v>
      </c>
    </row>
    <row r="33679" spans="1:43">
      <c r="A33679" t="s">
        <v>20867</v>
      </c>
      <c r="B33679" t="s">
        <v>20868</v>
      </c>
      <c r="C33679" t="s">
        <v>20843</v>
      </c>
      <c r="D33679" t="s">
        <v>20844</v>
      </c>
      <c r="E33679" t="s">
        <v>20787</v>
      </c>
      <c r="F33679" t="s">
        <v>20788</v>
      </c>
      <c r="G33679" t="s">
        <v>20255</v>
      </c>
      <c r="H33679" t="s">
        <v>20256</v>
      </c>
      <c r="I33679" s="2">
        <v>1</v>
      </c>
      <c r="J33679" s="2">
        <v>0</v>
      </c>
      <c r="K33679" s="2">
        <v>0</v>
      </c>
      <c r="L33679" t="s">
        <v>120</v>
      </c>
      <c r="M33679" t="s">
        <v>87</v>
      </c>
      <c r="N33679" t="s">
        <v>88</v>
      </c>
      <c r="O33679" t="s">
        <v>85</v>
      </c>
      <c r="P33679" t="s">
        <v>86</v>
      </c>
      <c r="Q33679">
        <v>17</v>
      </c>
      <c r="R33679">
        <v>17</v>
      </c>
      <c r="S33679">
        <v>17</v>
      </c>
      <c r="T33679">
        <v>18</v>
      </c>
      <c r="U33679">
        <v>18</v>
      </c>
      <c r="V33679">
        <v>18</v>
      </c>
      <c r="W33679">
        <v>18</v>
      </c>
      <c r="X33679">
        <v>19</v>
      </c>
      <c r="Y33679">
        <v>19</v>
      </c>
      <c r="Z33679">
        <v>19</v>
      </c>
      <c r="AA33679">
        <v>19</v>
      </c>
      <c r="AB33679">
        <v>20</v>
      </c>
      <c r="AC33679">
        <v>20</v>
      </c>
      <c r="AD33679">
        <v>20</v>
      </c>
      <c r="AE33679">
        <v>20</v>
      </c>
      <c r="AF33679">
        <v>21</v>
      </c>
      <c r="AG33679">
        <v>21</v>
      </c>
      <c r="AH33679">
        <v>21</v>
      </c>
      <c r="AI33679">
        <v>21</v>
      </c>
      <c r="AJ33679">
        <v>22</v>
      </c>
      <c r="AK33679">
        <v>22</v>
      </c>
      <c r="AL33679">
        <v>22</v>
      </c>
      <c r="AM33679">
        <v>23</v>
      </c>
      <c r="AN33679">
        <v>23</v>
      </c>
      <c r="AO33679">
        <v>23</v>
      </c>
      <c r="AP33679">
        <v>24</v>
      </c>
      <c r="AQ33679">
        <v>24</v>
      </c>
    </row>
    <row r="33680" spans="1:43">
      <c r="A33680" t="s">
        <v>20867</v>
      </c>
      <c r="B33680" t="s">
        <v>20868</v>
      </c>
      <c r="C33680" t="s">
        <v>20843</v>
      </c>
      <c r="D33680" t="s">
        <v>20844</v>
      </c>
      <c r="E33680" t="s">
        <v>20787</v>
      </c>
      <c r="F33680" t="s">
        <v>20788</v>
      </c>
      <c r="G33680" t="s">
        <v>20255</v>
      </c>
      <c r="H33680" t="s">
        <v>20256</v>
      </c>
      <c r="I33680" s="2">
        <v>1</v>
      </c>
      <c r="J33680" s="2">
        <v>0</v>
      </c>
      <c r="K33680" s="2">
        <v>0</v>
      </c>
      <c r="L33680" t="s">
        <v>120</v>
      </c>
      <c r="M33680" t="s">
        <v>89</v>
      </c>
      <c r="N33680" t="s">
        <v>90</v>
      </c>
      <c r="O33680" t="s">
        <v>85</v>
      </c>
      <c r="P33680" t="s">
        <v>86</v>
      </c>
      <c r="Q33680">
        <v>17</v>
      </c>
      <c r="R33680">
        <v>18</v>
      </c>
      <c r="S33680">
        <v>18</v>
      </c>
      <c r="T33680">
        <v>19</v>
      </c>
      <c r="U33680">
        <v>19</v>
      </c>
      <c r="V33680">
        <v>20</v>
      </c>
      <c r="W33680">
        <v>20</v>
      </c>
      <c r="X33680">
        <v>21</v>
      </c>
      <c r="Y33680">
        <v>21</v>
      </c>
      <c r="Z33680">
        <v>22</v>
      </c>
      <c r="AA33680">
        <v>22</v>
      </c>
      <c r="AB33680">
        <v>23</v>
      </c>
      <c r="AC33680">
        <v>24</v>
      </c>
      <c r="AD33680">
        <v>24</v>
      </c>
      <c r="AE33680">
        <v>25</v>
      </c>
      <c r="AF33680">
        <v>25</v>
      </c>
      <c r="AG33680">
        <v>25</v>
      </c>
      <c r="AH33680">
        <v>25</v>
      </c>
      <c r="AI33680">
        <v>26</v>
      </c>
      <c r="AJ33680">
        <v>26</v>
      </c>
      <c r="AK33680">
        <v>26</v>
      </c>
      <c r="AL33680">
        <v>26</v>
      </c>
      <c r="AM33680">
        <v>27</v>
      </c>
      <c r="AN33680">
        <v>27</v>
      </c>
      <c r="AO33680">
        <v>27</v>
      </c>
      <c r="AP33680">
        <v>28</v>
      </c>
      <c r="AQ33680">
        <v>28</v>
      </c>
    </row>
    <row r="33681" spans="1:43">
      <c r="A33681" t="s">
        <v>20867</v>
      </c>
      <c r="B33681" t="s">
        <v>20868</v>
      </c>
      <c r="C33681" t="s">
        <v>20843</v>
      </c>
      <c r="D33681" t="s">
        <v>20844</v>
      </c>
      <c r="E33681" t="s">
        <v>20787</v>
      </c>
      <c r="F33681" t="s">
        <v>20788</v>
      </c>
      <c r="G33681" t="s">
        <v>20255</v>
      </c>
      <c r="H33681" t="s">
        <v>20256</v>
      </c>
      <c r="I33681" s="2">
        <v>1</v>
      </c>
      <c r="J33681" s="2">
        <v>0</v>
      </c>
      <c r="K33681" s="2">
        <v>0</v>
      </c>
      <c r="L33681" t="s">
        <v>120</v>
      </c>
      <c r="M33681" t="s">
        <v>83</v>
      </c>
      <c r="N33681" t="s">
        <v>91</v>
      </c>
      <c r="O33681" t="s">
        <v>85</v>
      </c>
      <c r="P33681" t="s">
        <v>86</v>
      </c>
      <c r="Q33681">
        <v>17</v>
      </c>
      <c r="R33681">
        <v>17</v>
      </c>
      <c r="S33681">
        <v>18</v>
      </c>
      <c r="T33681">
        <v>18</v>
      </c>
      <c r="U33681">
        <v>19</v>
      </c>
      <c r="V33681">
        <v>19</v>
      </c>
      <c r="W33681">
        <v>19</v>
      </c>
      <c r="X33681">
        <v>20</v>
      </c>
      <c r="Y33681">
        <v>20</v>
      </c>
      <c r="Z33681">
        <v>21</v>
      </c>
      <c r="AA33681">
        <v>21</v>
      </c>
      <c r="AB33681">
        <v>22</v>
      </c>
      <c r="AC33681">
        <v>22</v>
      </c>
      <c r="AD33681">
        <v>22</v>
      </c>
      <c r="AE33681">
        <v>23</v>
      </c>
      <c r="AF33681">
        <v>23</v>
      </c>
      <c r="AG33681">
        <v>24</v>
      </c>
      <c r="AH33681">
        <v>24</v>
      </c>
      <c r="AI33681">
        <v>25</v>
      </c>
      <c r="AJ33681">
        <v>25</v>
      </c>
      <c r="AK33681">
        <v>26</v>
      </c>
      <c r="AL33681">
        <v>26</v>
      </c>
      <c r="AM33681">
        <v>26</v>
      </c>
      <c r="AN33681">
        <v>27</v>
      </c>
      <c r="AO33681">
        <v>27</v>
      </c>
      <c r="AP33681">
        <v>27</v>
      </c>
      <c r="AQ33681">
        <v>28</v>
      </c>
    </row>
    <row r="33682" spans="1:43">
      <c r="A33682" t="s">
        <v>20869</v>
      </c>
      <c r="B33682" t="s">
        <v>20870</v>
      </c>
      <c r="C33682" t="s">
        <v>20871</v>
      </c>
      <c r="D33682" t="s">
        <v>20872</v>
      </c>
      <c r="E33682" t="s">
        <v>20787</v>
      </c>
      <c r="F33682" t="s">
        <v>20788</v>
      </c>
      <c r="G33682" t="s">
        <v>20255</v>
      </c>
      <c r="H33682" t="s">
        <v>20256</v>
      </c>
      <c r="I33682" s="2">
        <v>1</v>
      </c>
      <c r="J33682" s="2">
        <v>0</v>
      </c>
      <c r="K33682" s="2">
        <v>0</v>
      </c>
      <c r="L33682" t="s">
        <v>120</v>
      </c>
      <c r="M33682" t="s">
        <v>83</v>
      </c>
      <c r="N33682" t="s">
        <v>84</v>
      </c>
      <c r="O33682" t="s">
        <v>85</v>
      </c>
      <c r="P33682" t="s">
        <v>86</v>
      </c>
      <c r="Q33682">
        <v>20</v>
      </c>
      <c r="R33682">
        <v>21</v>
      </c>
      <c r="S33682">
        <v>21</v>
      </c>
      <c r="T33682">
        <v>22</v>
      </c>
      <c r="U33682">
        <v>22</v>
      </c>
      <c r="V33682">
        <v>23</v>
      </c>
      <c r="W33682">
        <v>23</v>
      </c>
      <c r="X33682">
        <v>24</v>
      </c>
      <c r="Y33682">
        <v>24</v>
      </c>
      <c r="Z33682">
        <v>25</v>
      </c>
      <c r="AA33682">
        <v>25</v>
      </c>
      <c r="AB33682">
        <v>26</v>
      </c>
      <c r="AC33682">
        <v>26</v>
      </c>
      <c r="AD33682">
        <v>27</v>
      </c>
      <c r="AE33682">
        <v>27</v>
      </c>
      <c r="AF33682">
        <v>28</v>
      </c>
      <c r="AG33682">
        <v>29</v>
      </c>
      <c r="AH33682">
        <v>29</v>
      </c>
      <c r="AI33682">
        <v>30</v>
      </c>
      <c r="AJ33682">
        <v>30</v>
      </c>
      <c r="AK33682">
        <v>31</v>
      </c>
      <c r="AL33682">
        <v>31</v>
      </c>
      <c r="AM33682">
        <v>32</v>
      </c>
      <c r="AN33682">
        <v>32</v>
      </c>
      <c r="AO33682">
        <v>32</v>
      </c>
      <c r="AP33682">
        <v>33</v>
      </c>
      <c r="AQ33682">
        <v>33</v>
      </c>
    </row>
    <row r="33683" spans="1:43">
      <c r="A33683" t="s">
        <v>20869</v>
      </c>
      <c r="B33683" t="s">
        <v>20870</v>
      </c>
      <c r="C33683" t="s">
        <v>20871</v>
      </c>
      <c r="D33683" t="s">
        <v>20872</v>
      </c>
      <c r="E33683" t="s">
        <v>20787</v>
      </c>
      <c r="F33683" t="s">
        <v>20788</v>
      </c>
      <c r="G33683" t="s">
        <v>20255</v>
      </c>
      <c r="H33683" t="s">
        <v>20256</v>
      </c>
      <c r="I33683" s="2">
        <v>1</v>
      </c>
      <c r="J33683" s="2">
        <v>0</v>
      </c>
      <c r="K33683" s="2">
        <v>0</v>
      </c>
      <c r="L33683" t="s">
        <v>120</v>
      </c>
      <c r="M33683" t="s">
        <v>87</v>
      </c>
      <c r="N33683" t="s">
        <v>88</v>
      </c>
      <c r="O33683" t="s">
        <v>85</v>
      </c>
      <c r="P33683" t="s">
        <v>86</v>
      </c>
      <c r="Q33683">
        <v>20</v>
      </c>
      <c r="R33683">
        <v>21</v>
      </c>
      <c r="S33683">
        <v>21</v>
      </c>
      <c r="T33683">
        <v>21</v>
      </c>
      <c r="U33683">
        <v>21</v>
      </c>
      <c r="V33683">
        <v>22</v>
      </c>
      <c r="W33683">
        <v>22</v>
      </c>
      <c r="X33683">
        <v>22</v>
      </c>
      <c r="Y33683">
        <v>23</v>
      </c>
      <c r="Z33683">
        <v>23</v>
      </c>
      <c r="AA33683">
        <v>23</v>
      </c>
      <c r="AB33683">
        <v>24</v>
      </c>
      <c r="AC33683">
        <v>24</v>
      </c>
      <c r="AD33683">
        <v>24</v>
      </c>
      <c r="AE33683">
        <v>25</v>
      </c>
      <c r="AF33683">
        <v>25</v>
      </c>
      <c r="AG33683">
        <v>25</v>
      </c>
      <c r="AH33683">
        <v>26</v>
      </c>
      <c r="AI33683">
        <v>26</v>
      </c>
      <c r="AJ33683">
        <v>26</v>
      </c>
      <c r="AK33683">
        <v>27</v>
      </c>
      <c r="AL33683">
        <v>27</v>
      </c>
      <c r="AM33683">
        <v>27</v>
      </c>
      <c r="AN33683">
        <v>28</v>
      </c>
      <c r="AO33683">
        <v>28</v>
      </c>
      <c r="AP33683">
        <v>29</v>
      </c>
      <c r="AQ33683">
        <v>29</v>
      </c>
    </row>
    <row r="33684" spans="1:43">
      <c r="A33684" t="s">
        <v>20869</v>
      </c>
      <c r="B33684" t="s">
        <v>20870</v>
      </c>
      <c r="C33684" t="s">
        <v>20871</v>
      </c>
      <c r="D33684" t="s">
        <v>20872</v>
      </c>
      <c r="E33684" t="s">
        <v>20787</v>
      </c>
      <c r="F33684" t="s">
        <v>20788</v>
      </c>
      <c r="G33684" t="s">
        <v>20255</v>
      </c>
      <c r="H33684" t="s">
        <v>20256</v>
      </c>
      <c r="I33684" s="2">
        <v>1</v>
      </c>
      <c r="J33684" s="2">
        <v>0</v>
      </c>
      <c r="K33684" s="2">
        <v>0</v>
      </c>
      <c r="L33684" t="s">
        <v>120</v>
      </c>
      <c r="M33684" t="s">
        <v>89</v>
      </c>
      <c r="N33684" t="s">
        <v>90</v>
      </c>
      <c r="O33684" t="s">
        <v>85</v>
      </c>
      <c r="P33684" t="s">
        <v>86</v>
      </c>
      <c r="Q33684">
        <v>20</v>
      </c>
      <c r="R33684">
        <v>20</v>
      </c>
      <c r="S33684">
        <v>21</v>
      </c>
      <c r="T33684">
        <v>22</v>
      </c>
      <c r="U33684">
        <v>22</v>
      </c>
      <c r="V33684">
        <v>23</v>
      </c>
      <c r="W33684">
        <v>23</v>
      </c>
      <c r="X33684">
        <v>24</v>
      </c>
      <c r="Y33684">
        <v>25</v>
      </c>
      <c r="Z33684">
        <v>25</v>
      </c>
      <c r="AA33684">
        <v>26</v>
      </c>
      <c r="AB33684">
        <v>26</v>
      </c>
      <c r="AC33684">
        <v>27</v>
      </c>
      <c r="AD33684">
        <v>28</v>
      </c>
      <c r="AE33684">
        <v>28</v>
      </c>
      <c r="AF33684">
        <v>29</v>
      </c>
      <c r="AG33684">
        <v>29</v>
      </c>
      <c r="AH33684">
        <v>29</v>
      </c>
      <c r="AI33684">
        <v>30</v>
      </c>
      <c r="AJ33684">
        <v>30</v>
      </c>
      <c r="AK33684">
        <v>30</v>
      </c>
      <c r="AL33684">
        <v>31</v>
      </c>
      <c r="AM33684">
        <v>31</v>
      </c>
      <c r="AN33684">
        <v>31</v>
      </c>
      <c r="AO33684">
        <v>32</v>
      </c>
      <c r="AP33684">
        <v>32</v>
      </c>
      <c r="AQ33684">
        <v>33</v>
      </c>
    </row>
    <row r="33685" spans="1:43">
      <c r="A33685" t="s">
        <v>20869</v>
      </c>
      <c r="B33685" t="s">
        <v>20870</v>
      </c>
      <c r="C33685" t="s">
        <v>20871</v>
      </c>
      <c r="D33685" t="s">
        <v>20872</v>
      </c>
      <c r="E33685" t="s">
        <v>20787</v>
      </c>
      <c r="F33685" t="s">
        <v>20788</v>
      </c>
      <c r="G33685" t="s">
        <v>20255</v>
      </c>
      <c r="H33685" t="s">
        <v>20256</v>
      </c>
      <c r="I33685" s="2">
        <v>1</v>
      </c>
      <c r="J33685" s="2">
        <v>0</v>
      </c>
      <c r="K33685" s="2">
        <v>0</v>
      </c>
      <c r="L33685" t="s">
        <v>120</v>
      </c>
      <c r="M33685" t="s">
        <v>83</v>
      </c>
      <c r="N33685" t="s">
        <v>91</v>
      </c>
      <c r="O33685" t="s">
        <v>85</v>
      </c>
      <c r="P33685" t="s">
        <v>86</v>
      </c>
      <c r="Q33685">
        <v>20</v>
      </c>
      <c r="R33685">
        <v>21</v>
      </c>
      <c r="S33685">
        <v>21</v>
      </c>
      <c r="T33685">
        <v>22</v>
      </c>
      <c r="U33685">
        <v>22</v>
      </c>
      <c r="V33685">
        <v>23</v>
      </c>
      <c r="W33685">
        <v>23</v>
      </c>
      <c r="X33685">
        <v>24</v>
      </c>
      <c r="Y33685">
        <v>24</v>
      </c>
      <c r="Z33685">
        <v>25</v>
      </c>
      <c r="AA33685">
        <v>25</v>
      </c>
      <c r="AB33685">
        <v>26</v>
      </c>
      <c r="AC33685">
        <v>26</v>
      </c>
      <c r="AD33685">
        <v>27</v>
      </c>
      <c r="AE33685">
        <v>27</v>
      </c>
      <c r="AF33685">
        <v>28</v>
      </c>
      <c r="AG33685">
        <v>29</v>
      </c>
      <c r="AH33685">
        <v>29</v>
      </c>
      <c r="AI33685">
        <v>30</v>
      </c>
      <c r="AJ33685">
        <v>30</v>
      </c>
      <c r="AK33685">
        <v>31</v>
      </c>
      <c r="AL33685">
        <v>31</v>
      </c>
      <c r="AM33685">
        <v>32</v>
      </c>
      <c r="AN33685">
        <v>32</v>
      </c>
      <c r="AO33685">
        <v>32</v>
      </c>
      <c r="AP33685">
        <v>33</v>
      </c>
      <c r="AQ33685">
        <v>33</v>
      </c>
    </row>
    <row r="33686" spans="1:43">
      <c r="A33686" t="s">
        <v>20873</v>
      </c>
      <c r="B33686" t="s">
        <v>20874</v>
      </c>
      <c r="C33686" t="s">
        <v>20871</v>
      </c>
      <c r="D33686" t="s">
        <v>20872</v>
      </c>
      <c r="E33686" t="s">
        <v>20787</v>
      </c>
      <c r="F33686" t="s">
        <v>20788</v>
      </c>
      <c r="G33686" t="s">
        <v>20255</v>
      </c>
      <c r="H33686" t="s">
        <v>20256</v>
      </c>
      <c r="I33686" s="2">
        <v>1</v>
      </c>
      <c r="J33686" s="2">
        <v>0</v>
      </c>
      <c r="K33686" s="2">
        <v>0</v>
      </c>
      <c r="L33686" t="s">
        <v>120</v>
      </c>
      <c r="M33686" t="s">
        <v>83</v>
      </c>
      <c r="N33686" t="s">
        <v>84</v>
      </c>
      <c r="O33686" t="s">
        <v>85</v>
      </c>
      <c r="P33686" t="s">
        <v>86</v>
      </c>
      <c r="Q33686">
        <v>34</v>
      </c>
      <c r="R33686">
        <v>35</v>
      </c>
      <c r="S33686">
        <v>36</v>
      </c>
      <c r="T33686">
        <v>37</v>
      </c>
      <c r="U33686">
        <v>37</v>
      </c>
      <c r="V33686">
        <v>38</v>
      </c>
      <c r="W33686">
        <v>39</v>
      </c>
      <c r="X33686">
        <v>40</v>
      </c>
      <c r="Y33686">
        <v>41</v>
      </c>
      <c r="Z33686">
        <v>42</v>
      </c>
      <c r="AA33686">
        <v>42</v>
      </c>
      <c r="AB33686">
        <v>43</v>
      </c>
      <c r="AC33686">
        <v>44</v>
      </c>
      <c r="AD33686">
        <v>45</v>
      </c>
      <c r="AE33686">
        <v>46</v>
      </c>
      <c r="AF33686">
        <v>47</v>
      </c>
      <c r="AG33686">
        <v>48</v>
      </c>
      <c r="AH33686">
        <v>49</v>
      </c>
      <c r="AI33686">
        <v>50</v>
      </c>
      <c r="AJ33686">
        <v>51</v>
      </c>
      <c r="AK33686">
        <v>52</v>
      </c>
      <c r="AL33686">
        <v>52</v>
      </c>
      <c r="AM33686">
        <v>53</v>
      </c>
      <c r="AN33686">
        <v>54</v>
      </c>
      <c r="AO33686">
        <v>54</v>
      </c>
      <c r="AP33686">
        <v>55</v>
      </c>
      <c r="AQ33686">
        <v>55</v>
      </c>
    </row>
    <row r="33687" spans="1:43">
      <c r="A33687" t="s">
        <v>20873</v>
      </c>
      <c r="B33687" t="s">
        <v>20874</v>
      </c>
      <c r="C33687" t="s">
        <v>20871</v>
      </c>
      <c r="D33687" t="s">
        <v>20872</v>
      </c>
      <c r="E33687" t="s">
        <v>20787</v>
      </c>
      <c r="F33687" t="s">
        <v>20788</v>
      </c>
      <c r="G33687" t="s">
        <v>20255</v>
      </c>
      <c r="H33687" t="s">
        <v>20256</v>
      </c>
      <c r="I33687" s="2">
        <v>1</v>
      </c>
      <c r="J33687" s="2">
        <v>0</v>
      </c>
      <c r="K33687" s="2">
        <v>0</v>
      </c>
      <c r="L33687" t="s">
        <v>120</v>
      </c>
      <c r="M33687" t="s">
        <v>87</v>
      </c>
      <c r="N33687" t="s">
        <v>88</v>
      </c>
      <c r="O33687" t="s">
        <v>85</v>
      </c>
      <c r="P33687" t="s">
        <v>86</v>
      </c>
      <c r="Q33687">
        <v>34</v>
      </c>
      <c r="R33687">
        <v>34</v>
      </c>
      <c r="S33687">
        <v>35</v>
      </c>
      <c r="T33687">
        <v>35</v>
      </c>
      <c r="U33687">
        <v>36</v>
      </c>
      <c r="V33687">
        <v>36</v>
      </c>
      <c r="W33687">
        <v>37</v>
      </c>
      <c r="X33687">
        <v>37</v>
      </c>
      <c r="Y33687">
        <v>38</v>
      </c>
      <c r="Z33687">
        <v>38</v>
      </c>
      <c r="AA33687">
        <v>39</v>
      </c>
      <c r="AB33687">
        <v>39</v>
      </c>
      <c r="AC33687">
        <v>40</v>
      </c>
      <c r="AD33687">
        <v>40</v>
      </c>
      <c r="AE33687">
        <v>41</v>
      </c>
      <c r="AF33687">
        <v>42</v>
      </c>
      <c r="AG33687">
        <v>42</v>
      </c>
      <c r="AH33687">
        <v>43</v>
      </c>
      <c r="AI33687">
        <v>43</v>
      </c>
      <c r="AJ33687">
        <v>44</v>
      </c>
      <c r="AK33687">
        <v>45</v>
      </c>
      <c r="AL33687">
        <v>45</v>
      </c>
      <c r="AM33687">
        <v>46</v>
      </c>
      <c r="AN33687">
        <v>47</v>
      </c>
      <c r="AO33687">
        <v>47</v>
      </c>
      <c r="AP33687">
        <v>48</v>
      </c>
      <c r="AQ33687">
        <v>49</v>
      </c>
    </row>
    <row r="33688" spans="1:43">
      <c r="A33688" t="s">
        <v>20873</v>
      </c>
      <c r="B33688" t="s">
        <v>20874</v>
      </c>
      <c r="C33688" t="s">
        <v>20871</v>
      </c>
      <c r="D33688" t="s">
        <v>20872</v>
      </c>
      <c r="E33688" t="s">
        <v>20787</v>
      </c>
      <c r="F33688" t="s">
        <v>20788</v>
      </c>
      <c r="G33688" t="s">
        <v>20255</v>
      </c>
      <c r="H33688" t="s">
        <v>20256</v>
      </c>
      <c r="I33688" s="2">
        <v>1</v>
      </c>
      <c r="J33688" s="2">
        <v>0</v>
      </c>
      <c r="K33688" s="2">
        <v>0</v>
      </c>
      <c r="L33688" t="s">
        <v>120</v>
      </c>
      <c r="M33688" t="s">
        <v>89</v>
      </c>
      <c r="N33688" t="s">
        <v>90</v>
      </c>
      <c r="O33688" t="s">
        <v>85</v>
      </c>
      <c r="P33688" t="s">
        <v>86</v>
      </c>
      <c r="Q33688">
        <v>34</v>
      </c>
      <c r="R33688">
        <v>36</v>
      </c>
      <c r="S33688">
        <v>37</v>
      </c>
      <c r="T33688">
        <v>38</v>
      </c>
      <c r="U33688">
        <v>39</v>
      </c>
      <c r="V33688">
        <v>40</v>
      </c>
      <c r="W33688">
        <v>41</v>
      </c>
      <c r="X33688">
        <v>42</v>
      </c>
      <c r="Y33688">
        <v>43</v>
      </c>
      <c r="Z33688">
        <v>44</v>
      </c>
      <c r="AA33688">
        <v>45</v>
      </c>
      <c r="AB33688">
        <v>46</v>
      </c>
      <c r="AC33688">
        <v>47</v>
      </c>
      <c r="AD33688">
        <v>48</v>
      </c>
      <c r="AE33688">
        <v>49</v>
      </c>
      <c r="AF33688">
        <v>50</v>
      </c>
      <c r="AG33688">
        <v>50</v>
      </c>
      <c r="AH33688">
        <v>51</v>
      </c>
      <c r="AI33688">
        <v>51</v>
      </c>
      <c r="AJ33688">
        <v>52</v>
      </c>
      <c r="AK33688">
        <v>52</v>
      </c>
      <c r="AL33688">
        <v>53</v>
      </c>
      <c r="AM33688">
        <v>54</v>
      </c>
      <c r="AN33688">
        <v>54</v>
      </c>
      <c r="AO33688">
        <v>55</v>
      </c>
      <c r="AP33688">
        <v>55</v>
      </c>
      <c r="AQ33688">
        <v>56</v>
      </c>
    </row>
    <row r="33689" spans="1:43">
      <c r="A33689" t="s">
        <v>20873</v>
      </c>
      <c r="B33689" t="s">
        <v>20874</v>
      </c>
      <c r="C33689" t="s">
        <v>20871</v>
      </c>
      <c r="D33689" t="s">
        <v>20872</v>
      </c>
      <c r="E33689" t="s">
        <v>20787</v>
      </c>
      <c r="F33689" t="s">
        <v>20788</v>
      </c>
      <c r="G33689" t="s">
        <v>20255</v>
      </c>
      <c r="H33689" t="s">
        <v>20256</v>
      </c>
      <c r="I33689" s="2">
        <v>1</v>
      </c>
      <c r="J33689" s="2">
        <v>0</v>
      </c>
      <c r="K33689" s="2">
        <v>0</v>
      </c>
      <c r="L33689" t="s">
        <v>120</v>
      </c>
      <c r="M33689" t="s">
        <v>83</v>
      </c>
      <c r="N33689" t="s">
        <v>91</v>
      </c>
      <c r="O33689" t="s">
        <v>85</v>
      </c>
      <c r="P33689" t="s">
        <v>86</v>
      </c>
      <c r="Q33689">
        <v>34</v>
      </c>
      <c r="R33689">
        <v>35</v>
      </c>
      <c r="S33689">
        <v>36</v>
      </c>
      <c r="T33689">
        <v>37</v>
      </c>
      <c r="U33689">
        <v>37</v>
      </c>
      <c r="V33689">
        <v>38</v>
      </c>
      <c r="W33689">
        <v>39</v>
      </c>
      <c r="X33689">
        <v>40</v>
      </c>
      <c r="Y33689">
        <v>41</v>
      </c>
      <c r="Z33689">
        <v>42</v>
      </c>
      <c r="AA33689">
        <v>42</v>
      </c>
      <c r="AB33689">
        <v>43</v>
      </c>
      <c r="AC33689">
        <v>44</v>
      </c>
      <c r="AD33689">
        <v>45</v>
      </c>
      <c r="AE33689">
        <v>46</v>
      </c>
      <c r="AF33689">
        <v>47</v>
      </c>
      <c r="AG33689">
        <v>48</v>
      </c>
      <c r="AH33689">
        <v>49</v>
      </c>
      <c r="AI33689">
        <v>50</v>
      </c>
      <c r="AJ33689">
        <v>51</v>
      </c>
      <c r="AK33689">
        <v>52</v>
      </c>
      <c r="AL33689">
        <v>52</v>
      </c>
      <c r="AM33689">
        <v>53</v>
      </c>
      <c r="AN33689">
        <v>54</v>
      </c>
      <c r="AO33689">
        <v>54</v>
      </c>
      <c r="AP33689">
        <v>55</v>
      </c>
      <c r="AQ33689">
        <v>55</v>
      </c>
    </row>
    <row r="33690" spans="1:43">
      <c r="A33690" t="s">
        <v>20875</v>
      </c>
      <c r="B33690" t="s">
        <v>20876</v>
      </c>
      <c r="C33690" t="s">
        <v>20871</v>
      </c>
      <c r="D33690" t="s">
        <v>20872</v>
      </c>
      <c r="E33690" t="s">
        <v>20787</v>
      </c>
      <c r="F33690" t="s">
        <v>20788</v>
      </c>
      <c r="G33690" t="s">
        <v>20255</v>
      </c>
      <c r="H33690" t="s">
        <v>20256</v>
      </c>
      <c r="I33690" s="2">
        <v>1</v>
      </c>
      <c r="J33690" s="2">
        <v>0</v>
      </c>
      <c r="K33690" s="2">
        <v>0</v>
      </c>
      <c r="L33690" t="s">
        <v>120</v>
      </c>
      <c r="M33690" t="s">
        <v>83</v>
      </c>
      <c r="N33690" t="s">
        <v>84</v>
      </c>
      <c r="O33690" t="s">
        <v>85</v>
      </c>
      <c r="P33690" t="s">
        <v>86</v>
      </c>
      <c r="Q33690">
        <v>23</v>
      </c>
      <c r="R33690">
        <v>23</v>
      </c>
      <c r="S33690">
        <v>24</v>
      </c>
      <c r="T33690">
        <v>24</v>
      </c>
      <c r="U33690">
        <v>25</v>
      </c>
      <c r="V33690">
        <v>25</v>
      </c>
      <c r="W33690">
        <v>26</v>
      </c>
      <c r="X33690">
        <v>27</v>
      </c>
      <c r="Y33690">
        <v>27</v>
      </c>
      <c r="Z33690">
        <v>28</v>
      </c>
      <c r="AA33690">
        <v>28</v>
      </c>
      <c r="AB33690">
        <v>29</v>
      </c>
      <c r="AC33690">
        <v>29</v>
      </c>
      <c r="AD33690">
        <v>30</v>
      </c>
      <c r="AE33690">
        <v>31</v>
      </c>
      <c r="AF33690">
        <v>31</v>
      </c>
      <c r="AG33690">
        <v>32</v>
      </c>
      <c r="AH33690">
        <v>32</v>
      </c>
      <c r="AI33690">
        <v>33</v>
      </c>
      <c r="AJ33690">
        <v>34</v>
      </c>
      <c r="AK33690">
        <v>34</v>
      </c>
      <c r="AL33690">
        <v>35</v>
      </c>
      <c r="AM33690">
        <v>35</v>
      </c>
      <c r="AN33690">
        <v>36</v>
      </c>
      <c r="AO33690">
        <v>36</v>
      </c>
      <c r="AP33690">
        <v>36</v>
      </c>
      <c r="AQ33690">
        <v>37</v>
      </c>
    </row>
    <row r="33691" spans="1:43">
      <c r="A33691" t="s">
        <v>20875</v>
      </c>
      <c r="B33691" t="s">
        <v>20876</v>
      </c>
      <c r="C33691" t="s">
        <v>20871</v>
      </c>
      <c r="D33691" t="s">
        <v>20872</v>
      </c>
      <c r="E33691" t="s">
        <v>20787</v>
      </c>
      <c r="F33691" t="s">
        <v>20788</v>
      </c>
      <c r="G33691" t="s">
        <v>20255</v>
      </c>
      <c r="H33691" t="s">
        <v>20256</v>
      </c>
      <c r="I33691" s="2">
        <v>1</v>
      </c>
      <c r="J33691" s="2">
        <v>0</v>
      </c>
      <c r="K33691" s="2">
        <v>0</v>
      </c>
      <c r="L33691" t="s">
        <v>120</v>
      </c>
      <c r="M33691" t="s">
        <v>87</v>
      </c>
      <c r="N33691" t="s">
        <v>88</v>
      </c>
      <c r="O33691" t="s">
        <v>85</v>
      </c>
      <c r="P33691" t="s">
        <v>86</v>
      </c>
      <c r="Q33691">
        <v>23</v>
      </c>
      <c r="R33691">
        <v>24</v>
      </c>
      <c r="S33691">
        <v>24</v>
      </c>
      <c r="T33691">
        <v>24</v>
      </c>
      <c r="U33691">
        <v>25</v>
      </c>
      <c r="V33691">
        <v>25</v>
      </c>
      <c r="W33691">
        <v>25</v>
      </c>
      <c r="X33691">
        <v>26</v>
      </c>
      <c r="Y33691">
        <v>26</v>
      </c>
      <c r="Z33691">
        <v>26</v>
      </c>
      <c r="AA33691">
        <v>27</v>
      </c>
      <c r="AB33691">
        <v>27</v>
      </c>
      <c r="AC33691">
        <v>28</v>
      </c>
      <c r="AD33691">
        <v>28</v>
      </c>
      <c r="AE33691">
        <v>28</v>
      </c>
      <c r="AF33691">
        <v>29</v>
      </c>
      <c r="AG33691">
        <v>29</v>
      </c>
      <c r="AH33691">
        <v>29</v>
      </c>
      <c r="AI33691">
        <v>30</v>
      </c>
      <c r="AJ33691">
        <v>30</v>
      </c>
      <c r="AK33691">
        <v>31</v>
      </c>
      <c r="AL33691">
        <v>31</v>
      </c>
      <c r="AM33691">
        <v>32</v>
      </c>
      <c r="AN33691">
        <v>32</v>
      </c>
      <c r="AO33691">
        <v>32</v>
      </c>
      <c r="AP33691">
        <v>33</v>
      </c>
      <c r="AQ33691">
        <v>33</v>
      </c>
    </row>
    <row r="33692" spans="1:43">
      <c r="A33692" t="s">
        <v>20875</v>
      </c>
      <c r="B33692" t="s">
        <v>20876</v>
      </c>
      <c r="C33692" t="s">
        <v>20871</v>
      </c>
      <c r="D33692" t="s">
        <v>20872</v>
      </c>
      <c r="E33692" t="s">
        <v>20787</v>
      </c>
      <c r="F33692" t="s">
        <v>20788</v>
      </c>
      <c r="G33692" t="s">
        <v>20255</v>
      </c>
      <c r="H33692" t="s">
        <v>20256</v>
      </c>
      <c r="I33692" s="2">
        <v>1</v>
      </c>
      <c r="J33692" s="2">
        <v>0</v>
      </c>
      <c r="K33692" s="2">
        <v>0</v>
      </c>
      <c r="L33692" t="s">
        <v>120</v>
      </c>
      <c r="M33692" t="s">
        <v>89</v>
      </c>
      <c r="N33692" t="s">
        <v>90</v>
      </c>
      <c r="O33692" t="s">
        <v>85</v>
      </c>
      <c r="P33692" t="s">
        <v>86</v>
      </c>
      <c r="Q33692">
        <v>23</v>
      </c>
      <c r="R33692">
        <v>24</v>
      </c>
      <c r="S33692">
        <v>24</v>
      </c>
      <c r="T33692">
        <v>25</v>
      </c>
      <c r="U33692">
        <v>26</v>
      </c>
      <c r="V33692">
        <v>27</v>
      </c>
      <c r="W33692">
        <v>27</v>
      </c>
      <c r="X33692">
        <v>28</v>
      </c>
      <c r="Y33692">
        <v>29</v>
      </c>
      <c r="Z33692">
        <v>29</v>
      </c>
      <c r="AA33692">
        <v>30</v>
      </c>
      <c r="AB33692">
        <v>31</v>
      </c>
      <c r="AC33692">
        <v>31</v>
      </c>
      <c r="AD33692">
        <v>32</v>
      </c>
      <c r="AE33692">
        <v>33</v>
      </c>
      <c r="AF33692">
        <v>33</v>
      </c>
      <c r="AG33692">
        <v>33</v>
      </c>
      <c r="AH33692">
        <v>34</v>
      </c>
      <c r="AI33692">
        <v>34</v>
      </c>
      <c r="AJ33692">
        <v>34</v>
      </c>
      <c r="AK33692">
        <v>35</v>
      </c>
      <c r="AL33692">
        <v>35</v>
      </c>
      <c r="AM33692">
        <v>36</v>
      </c>
      <c r="AN33692">
        <v>36</v>
      </c>
      <c r="AO33692">
        <v>37</v>
      </c>
      <c r="AP33692">
        <v>37</v>
      </c>
      <c r="AQ33692">
        <v>37</v>
      </c>
    </row>
    <row r="33693" spans="1:43">
      <c r="A33693" t="s">
        <v>20875</v>
      </c>
      <c r="B33693" t="s">
        <v>20876</v>
      </c>
      <c r="C33693" t="s">
        <v>20871</v>
      </c>
      <c r="D33693" t="s">
        <v>20872</v>
      </c>
      <c r="E33693" t="s">
        <v>20787</v>
      </c>
      <c r="F33693" t="s">
        <v>20788</v>
      </c>
      <c r="G33693" t="s">
        <v>20255</v>
      </c>
      <c r="H33693" t="s">
        <v>20256</v>
      </c>
      <c r="I33693" s="2">
        <v>1</v>
      </c>
      <c r="J33693" s="2">
        <v>0</v>
      </c>
      <c r="K33693" s="2">
        <v>0</v>
      </c>
      <c r="L33693" t="s">
        <v>120</v>
      </c>
      <c r="M33693" t="s">
        <v>83</v>
      </c>
      <c r="N33693" t="s">
        <v>91</v>
      </c>
      <c r="O33693" t="s">
        <v>85</v>
      </c>
      <c r="P33693" t="s">
        <v>86</v>
      </c>
      <c r="Q33693">
        <v>23</v>
      </c>
      <c r="R33693">
        <v>23</v>
      </c>
      <c r="S33693">
        <v>24</v>
      </c>
      <c r="T33693">
        <v>24</v>
      </c>
      <c r="U33693">
        <v>25</v>
      </c>
      <c r="V33693">
        <v>25</v>
      </c>
      <c r="W33693">
        <v>26</v>
      </c>
      <c r="X33693">
        <v>27</v>
      </c>
      <c r="Y33693">
        <v>27</v>
      </c>
      <c r="Z33693">
        <v>28</v>
      </c>
      <c r="AA33693">
        <v>28</v>
      </c>
      <c r="AB33693">
        <v>29</v>
      </c>
      <c r="AC33693">
        <v>29</v>
      </c>
      <c r="AD33693">
        <v>30</v>
      </c>
      <c r="AE33693">
        <v>31</v>
      </c>
      <c r="AF33693">
        <v>31</v>
      </c>
      <c r="AG33693">
        <v>32</v>
      </c>
      <c r="AH33693">
        <v>32</v>
      </c>
      <c r="AI33693">
        <v>33</v>
      </c>
      <c r="AJ33693">
        <v>34</v>
      </c>
      <c r="AK33693">
        <v>34</v>
      </c>
      <c r="AL33693">
        <v>35</v>
      </c>
      <c r="AM33693">
        <v>35</v>
      </c>
      <c r="AN33693">
        <v>36</v>
      </c>
      <c r="AO33693">
        <v>36</v>
      </c>
      <c r="AP33693">
        <v>36</v>
      </c>
      <c r="AQ33693">
        <v>37</v>
      </c>
    </row>
    <row r="33694" spans="1:43">
      <c r="A33694" t="s">
        <v>20877</v>
      </c>
      <c r="B33694" t="s">
        <v>20878</v>
      </c>
      <c r="C33694" t="s">
        <v>20879</v>
      </c>
      <c r="D33694" t="s">
        <v>20880</v>
      </c>
      <c r="E33694" t="s">
        <v>20787</v>
      </c>
      <c r="F33694" t="s">
        <v>20788</v>
      </c>
      <c r="G33694" t="s">
        <v>20255</v>
      </c>
      <c r="H33694" t="s">
        <v>20256</v>
      </c>
      <c r="I33694" s="2">
        <v>1</v>
      </c>
      <c r="J33694" s="2">
        <v>0</v>
      </c>
      <c r="K33694" s="2">
        <v>0</v>
      </c>
      <c r="L33694" t="s">
        <v>120</v>
      </c>
      <c r="M33694" t="s">
        <v>83</v>
      </c>
      <c r="N33694" t="s">
        <v>84</v>
      </c>
      <c r="O33694" t="s">
        <v>85</v>
      </c>
      <c r="P33694" t="s">
        <v>86</v>
      </c>
      <c r="Q33694">
        <v>59</v>
      </c>
      <c r="R33694">
        <v>60</v>
      </c>
      <c r="S33694">
        <v>62</v>
      </c>
      <c r="T33694">
        <v>63</v>
      </c>
      <c r="U33694">
        <v>64</v>
      </c>
      <c r="V33694">
        <v>66</v>
      </c>
      <c r="W33694">
        <v>67</v>
      </c>
      <c r="X33694">
        <v>68</v>
      </c>
      <c r="Y33694">
        <v>70</v>
      </c>
      <c r="Z33694">
        <v>71</v>
      </c>
      <c r="AA33694">
        <v>73</v>
      </c>
      <c r="AB33694">
        <v>74</v>
      </c>
      <c r="AC33694">
        <v>76</v>
      </c>
      <c r="AD33694">
        <v>77</v>
      </c>
      <c r="AE33694">
        <v>79</v>
      </c>
      <c r="AF33694">
        <v>80</v>
      </c>
      <c r="AG33694">
        <v>82</v>
      </c>
      <c r="AH33694">
        <v>84</v>
      </c>
      <c r="AI33694">
        <v>85</v>
      </c>
      <c r="AJ33694">
        <v>87</v>
      </c>
      <c r="AK33694">
        <v>89</v>
      </c>
      <c r="AL33694">
        <v>90</v>
      </c>
      <c r="AM33694">
        <v>91</v>
      </c>
      <c r="AN33694">
        <v>92</v>
      </c>
      <c r="AO33694">
        <v>93</v>
      </c>
      <c r="AP33694">
        <v>94</v>
      </c>
      <c r="AQ33694">
        <v>95</v>
      </c>
    </row>
    <row r="33695" spans="1:43">
      <c r="A33695" t="s">
        <v>20877</v>
      </c>
      <c r="B33695" t="s">
        <v>20878</v>
      </c>
      <c r="C33695" t="s">
        <v>20879</v>
      </c>
      <c r="D33695" t="s">
        <v>20880</v>
      </c>
      <c r="E33695" t="s">
        <v>20787</v>
      </c>
      <c r="F33695" t="s">
        <v>20788</v>
      </c>
      <c r="G33695" t="s">
        <v>20255</v>
      </c>
      <c r="H33695" t="s">
        <v>20256</v>
      </c>
      <c r="I33695" s="2">
        <v>1</v>
      </c>
      <c r="J33695" s="2">
        <v>0</v>
      </c>
      <c r="K33695" s="2">
        <v>0</v>
      </c>
      <c r="L33695" t="s">
        <v>120</v>
      </c>
      <c r="M33695" t="s">
        <v>87</v>
      </c>
      <c r="N33695" t="s">
        <v>88</v>
      </c>
      <c r="O33695" t="s">
        <v>85</v>
      </c>
      <c r="P33695" t="s">
        <v>86</v>
      </c>
      <c r="Q33695">
        <v>59</v>
      </c>
      <c r="R33695">
        <v>60</v>
      </c>
      <c r="S33695">
        <v>61</v>
      </c>
      <c r="T33695">
        <v>62</v>
      </c>
      <c r="U33695">
        <v>62</v>
      </c>
      <c r="V33695">
        <v>63</v>
      </c>
      <c r="W33695">
        <v>64</v>
      </c>
      <c r="X33695">
        <v>65</v>
      </c>
      <c r="Y33695">
        <v>66</v>
      </c>
      <c r="Z33695">
        <v>66</v>
      </c>
      <c r="AA33695">
        <v>67</v>
      </c>
      <c r="AB33695">
        <v>68</v>
      </c>
      <c r="AC33695">
        <v>69</v>
      </c>
      <c r="AD33695">
        <v>70</v>
      </c>
      <c r="AE33695">
        <v>71</v>
      </c>
      <c r="AF33695">
        <v>72</v>
      </c>
      <c r="AG33695">
        <v>73</v>
      </c>
      <c r="AH33695">
        <v>74</v>
      </c>
      <c r="AI33695">
        <v>75</v>
      </c>
      <c r="AJ33695">
        <v>76</v>
      </c>
      <c r="AK33695">
        <v>77</v>
      </c>
      <c r="AL33695">
        <v>78</v>
      </c>
      <c r="AM33695">
        <v>79</v>
      </c>
      <c r="AN33695">
        <v>80</v>
      </c>
      <c r="AO33695">
        <v>81</v>
      </c>
      <c r="AP33695">
        <v>82</v>
      </c>
      <c r="AQ33695">
        <v>83</v>
      </c>
    </row>
    <row r="33696" spans="1:43">
      <c r="A33696" t="s">
        <v>20877</v>
      </c>
      <c r="B33696" t="s">
        <v>20878</v>
      </c>
      <c r="C33696" t="s">
        <v>20879</v>
      </c>
      <c r="D33696" t="s">
        <v>20880</v>
      </c>
      <c r="E33696" t="s">
        <v>20787</v>
      </c>
      <c r="F33696" t="s">
        <v>20788</v>
      </c>
      <c r="G33696" t="s">
        <v>20255</v>
      </c>
      <c r="H33696" t="s">
        <v>20256</v>
      </c>
      <c r="I33696" s="2">
        <v>1</v>
      </c>
      <c r="J33696" s="2">
        <v>0</v>
      </c>
      <c r="K33696" s="2">
        <v>0</v>
      </c>
      <c r="L33696" t="s">
        <v>120</v>
      </c>
      <c r="M33696" t="s">
        <v>89</v>
      </c>
      <c r="N33696" t="s">
        <v>90</v>
      </c>
      <c r="O33696" t="s">
        <v>85</v>
      </c>
      <c r="P33696" t="s">
        <v>86</v>
      </c>
      <c r="Q33696">
        <v>59</v>
      </c>
      <c r="R33696">
        <v>61</v>
      </c>
      <c r="S33696">
        <v>63</v>
      </c>
      <c r="T33696">
        <v>65</v>
      </c>
      <c r="U33696">
        <v>67</v>
      </c>
      <c r="V33696">
        <v>69</v>
      </c>
      <c r="W33696">
        <v>70</v>
      </c>
      <c r="X33696">
        <v>72</v>
      </c>
      <c r="Y33696">
        <v>74</v>
      </c>
      <c r="Z33696">
        <v>76</v>
      </c>
      <c r="AA33696">
        <v>78</v>
      </c>
      <c r="AB33696">
        <v>79</v>
      </c>
      <c r="AC33696">
        <v>81</v>
      </c>
      <c r="AD33696">
        <v>83</v>
      </c>
      <c r="AE33696">
        <v>85</v>
      </c>
      <c r="AF33696">
        <v>86</v>
      </c>
      <c r="AG33696">
        <v>86</v>
      </c>
      <c r="AH33696">
        <v>87</v>
      </c>
      <c r="AI33696">
        <v>88</v>
      </c>
      <c r="AJ33696">
        <v>89</v>
      </c>
      <c r="AK33696">
        <v>90</v>
      </c>
      <c r="AL33696">
        <v>91</v>
      </c>
      <c r="AM33696">
        <v>92</v>
      </c>
      <c r="AN33696">
        <v>93</v>
      </c>
      <c r="AO33696">
        <v>94</v>
      </c>
      <c r="AP33696">
        <v>95</v>
      </c>
      <c r="AQ33696">
        <v>96</v>
      </c>
    </row>
    <row r="33697" spans="1:43">
      <c r="A33697" t="s">
        <v>20877</v>
      </c>
      <c r="B33697" t="s">
        <v>20878</v>
      </c>
      <c r="C33697" t="s">
        <v>20879</v>
      </c>
      <c r="D33697" t="s">
        <v>20880</v>
      </c>
      <c r="E33697" t="s">
        <v>20787</v>
      </c>
      <c r="F33697" t="s">
        <v>20788</v>
      </c>
      <c r="G33697" t="s">
        <v>20255</v>
      </c>
      <c r="H33697" t="s">
        <v>20256</v>
      </c>
      <c r="I33697" s="2">
        <v>1</v>
      </c>
      <c r="J33697" s="2">
        <v>0</v>
      </c>
      <c r="K33697" s="2">
        <v>0</v>
      </c>
      <c r="L33697" t="s">
        <v>120</v>
      </c>
      <c r="M33697" t="s">
        <v>83</v>
      </c>
      <c r="N33697" t="s">
        <v>91</v>
      </c>
      <c r="O33697" t="s">
        <v>85</v>
      </c>
      <c r="P33697" t="s">
        <v>86</v>
      </c>
      <c r="Q33697">
        <v>59</v>
      </c>
      <c r="R33697">
        <v>60</v>
      </c>
      <c r="S33697">
        <v>62</v>
      </c>
      <c r="T33697">
        <v>63</v>
      </c>
      <c r="U33697">
        <v>64</v>
      </c>
      <c r="V33697">
        <v>66</v>
      </c>
      <c r="W33697">
        <v>67</v>
      </c>
      <c r="X33697">
        <v>68</v>
      </c>
      <c r="Y33697">
        <v>70</v>
      </c>
      <c r="Z33697">
        <v>71</v>
      </c>
      <c r="AA33697">
        <v>73</v>
      </c>
      <c r="AB33697">
        <v>74</v>
      </c>
      <c r="AC33697">
        <v>76</v>
      </c>
      <c r="AD33697">
        <v>77</v>
      </c>
      <c r="AE33697">
        <v>79</v>
      </c>
      <c r="AF33697">
        <v>80</v>
      </c>
      <c r="AG33697">
        <v>82</v>
      </c>
      <c r="AH33697">
        <v>84</v>
      </c>
      <c r="AI33697">
        <v>85</v>
      </c>
      <c r="AJ33697">
        <v>87</v>
      </c>
      <c r="AK33697">
        <v>89</v>
      </c>
      <c r="AL33697">
        <v>90</v>
      </c>
      <c r="AM33697">
        <v>91</v>
      </c>
      <c r="AN33697">
        <v>92</v>
      </c>
      <c r="AO33697">
        <v>93</v>
      </c>
      <c r="AP33697">
        <v>94</v>
      </c>
      <c r="AQ33697">
        <v>95</v>
      </c>
    </row>
    <row r="33698" spans="1:43">
      <c r="A33698" t="s">
        <v>20881</v>
      </c>
      <c r="B33698" t="s">
        <v>20882</v>
      </c>
      <c r="C33698" t="s">
        <v>20883</v>
      </c>
      <c r="D33698" t="s">
        <v>20884</v>
      </c>
      <c r="E33698" t="s">
        <v>20787</v>
      </c>
      <c r="F33698" t="s">
        <v>20788</v>
      </c>
      <c r="G33698" t="s">
        <v>20255</v>
      </c>
      <c r="H33698" t="s">
        <v>20256</v>
      </c>
      <c r="I33698" s="2">
        <v>1</v>
      </c>
      <c r="J33698" s="2">
        <v>0</v>
      </c>
      <c r="K33698" s="2">
        <v>0</v>
      </c>
      <c r="L33698" t="s">
        <v>120</v>
      </c>
      <c r="M33698" t="s">
        <v>83</v>
      </c>
      <c r="N33698" t="s">
        <v>84</v>
      </c>
      <c r="O33698" t="s">
        <v>85</v>
      </c>
      <c r="P33698" t="s">
        <v>86</v>
      </c>
      <c r="Q33698">
        <v>23</v>
      </c>
      <c r="R33698">
        <v>24</v>
      </c>
      <c r="S33698">
        <v>24</v>
      </c>
      <c r="T33698">
        <v>25</v>
      </c>
      <c r="U33698">
        <v>26</v>
      </c>
      <c r="V33698">
        <v>26</v>
      </c>
      <c r="W33698">
        <v>27</v>
      </c>
      <c r="X33698">
        <v>27</v>
      </c>
      <c r="Y33698">
        <v>28</v>
      </c>
      <c r="Z33698">
        <v>28</v>
      </c>
      <c r="AA33698">
        <v>29</v>
      </c>
      <c r="AB33698">
        <v>30</v>
      </c>
      <c r="AC33698">
        <v>30</v>
      </c>
      <c r="AD33698">
        <v>31</v>
      </c>
      <c r="AE33698">
        <v>31</v>
      </c>
      <c r="AF33698">
        <v>32</v>
      </c>
      <c r="AG33698">
        <v>33</v>
      </c>
      <c r="AH33698">
        <v>33</v>
      </c>
      <c r="AI33698">
        <v>34</v>
      </c>
      <c r="AJ33698">
        <v>35</v>
      </c>
      <c r="AK33698">
        <v>36</v>
      </c>
      <c r="AL33698">
        <v>36</v>
      </c>
      <c r="AM33698">
        <v>37</v>
      </c>
      <c r="AN33698">
        <v>37</v>
      </c>
      <c r="AO33698">
        <v>37</v>
      </c>
      <c r="AP33698">
        <v>38</v>
      </c>
      <c r="AQ33698">
        <v>38</v>
      </c>
    </row>
    <row r="33699" spans="1:43">
      <c r="A33699" t="s">
        <v>20881</v>
      </c>
      <c r="B33699" t="s">
        <v>20882</v>
      </c>
      <c r="C33699" t="s">
        <v>20883</v>
      </c>
      <c r="D33699" t="s">
        <v>20884</v>
      </c>
      <c r="E33699" t="s">
        <v>20787</v>
      </c>
      <c r="F33699" t="s">
        <v>20788</v>
      </c>
      <c r="G33699" t="s">
        <v>20255</v>
      </c>
      <c r="H33699" t="s">
        <v>20256</v>
      </c>
      <c r="I33699" s="2">
        <v>1</v>
      </c>
      <c r="J33699" s="2">
        <v>0</v>
      </c>
      <c r="K33699" s="2">
        <v>0</v>
      </c>
      <c r="L33699" t="s">
        <v>120</v>
      </c>
      <c r="M33699" t="s">
        <v>87</v>
      </c>
      <c r="N33699" t="s">
        <v>88</v>
      </c>
      <c r="O33699" t="s">
        <v>85</v>
      </c>
      <c r="P33699" t="s">
        <v>86</v>
      </c>
      <c r="Q33699">
        <v>23</v>
      </c>
      <c r="R33699">
        <v>23</v>
      </c>
      <c r="S33699">
        <v>24</v>
      </c>
      <c r="T33699">
        <v>24</v>
      </c>
      <c r="U33699">
        <v>24</v>
      </c>
      <c r="V33699">
        <v>25</v>
      </c>
      <c r="W33699">
        <v>25</v>
      </c>
      <c r="X33699">
        <v>25</v>
      </c>
      <c r="Y33699">
        <v>26</v>
      </c>
      <c r="Z33699">
        <v>26</v>
      </c>
      <c r="AA33699">
        <v>26</v>
      </c>
      <c r="AB33699">
        <v>27</v>
      </c>
      <c r="AC33699">
        <v>27</v>
      </c>
      <c r="AD33699">
        <v>28</v>
      </c>
      <c r="AE33699">
        <v>28</v>
      </c>
      <c r="AF33699">
        <v>28</v>
      </c>
      <c r="AG33699">
        <v>29</v>
      </c>
      <c r="AH33699">
        <v>29</v>
      </c>
      <c r="AI33699">
        <v>30</v>
      </c>
      <c r="AJ33699">
        <v>30</v>
      </c>
      <c r="AK33699">
        <v>30</v>
      </c>
      <c r="AL33699">
        <v>31</v>
      </c>
      <c r="AM33699">
        <v>31</v>
      </c>
      <c r="AN33699">
        <v>32</v>
      </c>
      <c r="AO33699">
        <v>32</v>
      </c>
      <c r="AP33699">
        <v>33</v>
      </c>
      <c r="AQ33699">
        <v>33</v>
      </c>
    </row>
    <row r="33700" spans="1:43">
      <c r="A33700" t="s">
        <v>20881</v>
      </c>
      <c r="B33700" t="s">
        <v>20882</v>
      </c>
      <c r="C33700" t="s">
        <v>20883</v>
      </c>
      <c r="D33700" t="s">
        <v>20884</v>
      </c>
      <c r="E33700" t="s">
        <v>20787</v>
      </c>
      <c r="F33700" t="s">
        <v>20788</v>
      </c>
      <c r="G33700" t="s">
        <v>20255</v>
      </c>
      <c r="H33700" t="s">
        <v>20256</v>
      </c>
      <c r="I33700" s="2">
        <v>1</v>
      </c>
      <c r="J33700" s="2">
        <v>0</v>
      </c>
      <c r="K33700" s="2">
        <v>0</v>
      </c>
      <c r="L33700" t="s">
        <v>120</v>
      </c>
      <c r="M33700" t="s">
        <v>89</v>
      </c>
      <c r="N33700" t="s">
        <v>90</v>
      </c>
      <c r="O33700" t="s">
        <v>85</v>
      </c>
      <c r="P33700" t="s">
        <v>86</v>
      </c>
      <c r="Q33700">
        <v>23</v>
      </c>
      <c r="R33700">
        <v>23</v>
      </c>
      <c r="S33700">
        <v>24</v>
      </c>
      <c r="T33700">
        <v>25</v>
      </c>
      <c r="U33700">
        <v>26</v>
      </c>
      <c r="V33700">
        <v>26</v>
      </c>
      <c r="W33700">
        <v>27</v>
      </c>
      <c r="X33700">
        <v>28</v>
      </c>
      <c r="Y33700">
        <v>28</v>
      </c>
      <c r="Z33700">
        <v>29</v>
      </c>
      <c r="AA33700">
        <v>30</v>
      </c>
      <c r="AB33700">
        <v>31</v>
      </c>
      <c r="AC33700">
        <v>31</v>
      </c>
      <c r="AD33700">
        <v>32</v>
      </c>
      <c r="AE33700">
        <v>33</v>
      </c>
      <c r="AF33700">
        <v>33</v>
      </c>
      <c r="AG33700">
        <v>34</v>
      </c>
      <c r="AH33700">
        <v>34</v>
      </c>
      <c r="AI33700">
        <v>34</v>
      </c>
      <c r="AJ33700">
        <v>35</v>
      </c>
      <c r="AK33700">
        <v>35</v>
      </c>
      <c r="AL33700">
        <v>36</v>
      </c>
      <c r="AM33700">
        <v>36</v>
      </c>
      <c r="AN33700">
        <v>37</v>
      </c>
      <c r="AO33700">
        <v>37</v>
      </c>
      <c r="AP33700">
        <v>38</v>
      </c>
      <c r="AQ33700">
        <v>38</v>
      </c>
    </row>
    <row r="33701" spans="1:43">
      <c r="A33701" t="s">
        <v>20881</v>
      </c>
      <c r="B33701" t="s">
        <v>20882</v>
      </c>
      <c r="C33701" t="s">
        <v>20883</v>
      </c>
      <c r="D33701" t="s">
        <v>20884</v>
      </c>
      <c r="E33701" t="s">
        <v>20787</v>
      </c>
      <c r="F33701" t="s">
        <v>20788</v>
      </c>
      <c r="G33701" t="s">
        <v>20255</v>
      </c>
      <c r="H33701" t="s">
        <v>20256</v>
      </c>
      <c r="I33701" s="2">
        <v>1</v>
      </c>
      <c r="J33701" s="2">
        <v>0</v>
      </c>
      <c r="K33701" s="2">
        <v>0</v>
      </c>
      <c r="L33701" t="s">
        <v>120</v>
      </c>
      <c r="M33701" t="s">
        <v>83</v>
      </c>
      <c r="N33701" t="s">
        <v>91</v>
      </c>
      <c r="O33701" t="s">
        <v>85</v>
      </c>
      <c r="P33701" t="s">
        <v>86</v>
      </c>
      <c r="Q33701">
        <v>23</v>
      </c>
      <c r="R33701">
        <v>24</v>
      </c>
      <c r="S33701">
        <v>24</v>
      </c>
      <c r="T33701">
        <v>25</v>
      </c>
      <c r="U33701">
        <v>26</v>
      </c>
      <c r="V33701">
        <v>26</v>
      </c>
      <c r="W33701">
        <v>27</v>
      </c>
      <c r="X33701">
        <v>27</v>
      </c>
      <c r="Y33701">
        <v>28</v>
      </c>
      <c r="Z33701">
        <v>28</v>
      </c>
      <c r="AA33701">
        <v>29</v>
      </c>
      <c r="AB33701">
        <v>30</v>
      </c>
      <c r="AC33701">
        <v>30</v>
      </c>
      <c r="AD33701">
        <v>31</v>
      </c>
      <c r="AE33701">
        <v>31</v>
      </c>
      <c r="AF33701">
        <v>32</v>
      </c>
      <c r="AG33701">
        <v>33</v>
      </c>
      <c r="AH33701">
        <v>33</v>
      </c>
      <c r="AI33701">
        <v>34</v>
      </c>
      <c r="AJ33701">
        <v>35</v>
      </c>
      <c r="AK33701">
        <v>36</v>
      </c>
      <c r="AL33701">
        <v>36</v>
      </c>
      <c r="AM33701">
        <v>37</v>
      </c>
      <c r="AN33701">
        <v>37</v>
      </c>
      <c r="AO33701">
        <v>37</v>
      </c>
      <c r="AP33701">
        <v>38</v>
      </c>
      <c r="AQ33701">
        <v>38</v>
      </c>
    </row>
    <row r="33702" spans="1:43">
      <c r="A33702" t="s">
        <v>20885</v>
      </c>
      <c r="B33702" t="s">
        <v>20886</v>
      </c>
      <c r="C33702" t="s">
        <v>20883</v>
      </c>
      <c r="D33702" t="s">
        <v>20884</v>
      </c>
      <c r="E33702" t="s">
        <v>20787</v>
      </c>
      <c r="F33702" t="s">
        <v>20788</v>
      </c>
      <c r="G33702" t="s">
        <v>20255</v>
      </c>
      <c r="H33702" t="s">
        <v>20256</v>
      </c>
      <c r="I33702" s="2">
        <v>1</v>
      </c>
      <c r="J33702" s="2">
        <v>0</v>
      </c>
      <c r="K33702" s="2">
        <v>0</v>
      </c>
      <c r="L33702" t="s">
        <v>120</v>
      </c>
      <c r="M33702" t="s">
        <v>83</v>
      </c>
      <c r="N33702" t="s">
        <v>84</v>
      </c>
      <c r="O33702" t="s">
        <v>85</v>
      </c>
      <c r="P33702" t="s">
        <v>86</v>
      </c>
      <c r="Q33702">
        <v>56</v>
      </c>
      <c r="R33702">
        <v>57</v>
      </c>
      <c r="S33702">
        <v>58</v>
      </c>
      <c r="T33702">
        <v>60</v>
      </c>
      <c r="U33702">
        <v>61</v>
      </c>
      <c r="V33702">
        <v>62</v>
      </c>
      <c r="W33702">
        <v>64</v>
      </c>
      <c r="X33702">
        <v>65</v>
      </c>
      <c r="Y33702">
        <v>67</v>
      </c>
      <c r="Z33702">
        <v>68</v>
      </c>
      <c r="AA33702">
        <v>69</v>
      </c>
      <c r="AB33702">
        <v>71</v>
      </c>
      <c r="AC33702">
        <v>72</v>
      </c>
      <c r="AD33702">
        <v>74</v>
      </c>
      <c r="AE33702">
        <v>75</v>
      </c>
      <c r="AF33702">
        <v>77</v>
      </c>
      <c r="AG33702">
        <v>78</v>
      </c>
      <c r="AH33702">
        <v>80</v>
      </c>
      <c r="AI33702">
        <v>81</v>
      </c>
      <c r="AJ33702">
        <v>83</v>
      </c>
      <c r="AK33702">
        <v>85</v>
      </c>
      <c r="AL33702">
        <v>86</v>
      </c>
      <c r="AM33702">
        <v>87</v>
      </c>
      <c r="AN33702">
        <v>88</v>
      </c>
      <c r="AO33702">
        <v>89</v>
      </c>
      <c r="AP33702">
        <v>90</v>
      </c>
      <c r="AQ33702">
        <v>91</v>
      </c>
    </row>
    <row r="33703" spans="1:43">
      <c r="A33703" t="s">
        <v>20885</v>
      </c>
      <c r="B33703" t="s">
        <v>20886</v>
      </c>
      <c r="C33703" t="s">
        <v>20883</v>
      </c>
      <c r="D33703" t="s">
        <v>20884</v>
      </c>
      <c r="E33703" t="s">
        <v>20787</v>
      </c>
      <c r="F33703" t="s">
        <v>20788</v>
      </c>
      <c r="G33703" t="s">
        <v>20255</v>
      </c>
      <c r="H33703" t="s">
        <v>20256</v>
      </c>
      <c r="I33703" s="2">
        <v>1</v>
      </c>
      <c r="J33703" s="2">
        <v>0</v>
      </c>
      <c r="K33703" s="2">
        <v>0</v>
      </c>
      <c r="L33703" t="s">
        <v>120</v>
      </c>
      <c r="M33703" t="s">
        <v>87</v>
      </c>
      <c r="N33703" t="s">
        <v>88</v>
      </c>
      <c r="O33703" t="s">
        <v>85</v>
      </c>
      <c r="P33703" t="s">
        <v>86</v>
      </c>
      <c r="Q33703">
        <v>56</v>
      </c>
      <c r="R33703">
        <v>57</v>
      </c>
      <c r="S33703">
        <v>58</v>
      </c>
      <c r="T33703">
        <v>59</v>
      </c>
      <c r="U33703">
        <v>59</v>
      </c>
      <c r="V33703">
        <v>60</v>
      </c>
      <c r="W33703">
        <v>61</v>
      </c>
      <c r="X33703">
        <v>62</v>
      </c>
      <c r="Y33703">
        <v>63</v>
      </c>
      <c r="Z33703">
        <v>63</v>
      </c>
      <c r="AA33703">
        <v>64</v>
      </c>
      <c r="AB33703">
        <v>65</v>
      </c>
      <c r="AC33703">
        <v>66</v>
      </c>
      <c r="AD33703">
        <v>67</v>
      </c>
      <c r="AE33703">
        <v>68</v>
      </c>
      <c r="AF33703">
        <v>69</v>
      </c>
      <c r="AG33703">
        <v>70</v>
      </c>
      <c r="AH33703">
        <v>71</v>
      </c>
      <c r="AI33703">
        <v>72</v>
      </c>
      <c r="AJ33703">
        <v>73</v>
      </c>
      <c r="AK33703">
        <v>74</v>
      </c>
      <c r="AL33703">
        <v>75</v>
      </c>
      <c r="AM33703">
        <v>76</v>
      </c>
      <c r="AN33703">
        <v>77</v>
      </c>
      <c r="AO33703">
        <v>78</v>
      </c>
      <c r="AP33703">
        <v>79</v>
      </c>
      <c r="AQ33703">
        <v>80</v>
      </c>
    </row>
    <row r="33704" spans="1:43">
      <c r="A33704" t="s">
        <v>20885</v>
      </c>
      <c r="B33704" t="s">
        <v>20886</v>
      </c>
      <c r="C33704" t="s">
        <v>20883</v>
      </c>
      <c r="D33704" t="s">
        <v>20884</v>
      </c>
      <c r="E33704" t="s">
        <v>20787</v>
      </c>
      <c r="F33704" t="s">
        <v>20788</v>
      </c>
      <c r="G33704" t="s">
        <v>20255</v>
      </c>
      <c r="H33704" t="s">
        <v>20256</v>
      </c>
      <c r="I33704" s="2">
        <v>1</v>
      </c>
      <c r="J33704" s="2">
        <v>0</v>
      </c>
      <c r="K33704" s="2">
        <v>0</v>
      </c>
      <c r="L33704" t="s">
        <v>120</v>
      </c>
      <c r="M33704" t="s">
        <v>89</v>
      </c>
      <c r="N33704" t="s">
        <v>90</v>
      </c>
      <c r="O33704" t="s">
        <v>85</v>
      </c>
      <c r="P33704" t="s">
        <v>86</v>
      </c>
      <c r="Q33704">
        <v>56</v>
      </c>
      <c r="R33704">
        <v>58</v>
      </c>
      <c r="S33704">
        <v>60</v>
      </c>
      <c r="T33704">
        <v>62</v>
      </c>
      <c r="U33704">
        <v>63</v>
      </c>
      <c r="V33704">
        <v>65</v>
      </c>
      <c r="W33704">
        <v>67</v>
      </c>
      <c r="X33704">
        <v>69</v>
      </c>
      <c r="Y33704">
        <v>70</v>
      </c>
      <c r="Z33704">
        <v>72</v>
      </c>
      <c r="AA33704">
        <v>74</v>
      </c>
      <c r="AB33704">
        <v>75</v>
      </c>
      <c r="AC33704">
        <v>77</v>
      </c>
      <c r="AD33704">
        <v>79</v>
      </c>
      <c r="AE33704">
        <v>80</v>
      </c>
      <c r="AF33704">
        <v>81</v>
      </c>
      <c r="AG33704">
        <v>82</v>
      </c>
      <c r="AH33704">
        <v>83</v>
      </c>
      <c r="AI33704">
        <v>84</v>
      </c>
      <c r="AJ33704">
        <v>85</v>
      </c>
      <c r="AK33704">
        <v>86</v>
      </c>
      <c r="AL33704">
        <v>87</v>
      </c>
      <c r="AM33704">
        <v>88</v>
      </c>
      <c r="AN33704">
        <v>90</v>
      </c>
      <c r="AO33704">
        <v>91</v>
      </c>
      <c r="AP33704">
        <v>92</v>
      </c>
      <c r="AQ33704">
        <v>93</v>
      </c>
    </row>
    <row r="33705" spans="1:43">
      <c r="A33705" t="s">
        <v>20885</v>
      </c>
      <c r="B33705" t="s">
        <v>20886</v>
      </c>
      <c r="C33705" t="s">
        <v>20883</v>
      </c>
      <c r="D33705" t="s">
        <v>20884</v>
      </c>
      <c r="E33705" t="s">
        <v>20787</v>
      </c>
      <c r="F33705" t="s">
        <v>20788</v>
      </c>
      <c r="G33705" t="s">
        <v>20255</v>
      </c>
      <c r="H33705" t="s">
        <v>20256</v>
      </c>
      <c r="I33705" s="2">
        <v>1</v>
      </c>
      <c r="J33705" s="2">
        <v>0</v>
      </c>
      <c r="K33705" s="2">
        <v>0</v>
      </c>
      <c r="L33705" t="s">
        <v>120</v>
      </c>
      <c r="M33705" t="s">
        <v>83</v>
      </c>
      <c r="N33705" t="s">
        <v>91</v>
      </c>
      <c r="O33705" t="s">
        <v>85</v>
      </c>
      <c r="P33705" t="s">
        <v>86</v>
      </c>
      <c r="Q33705">
        <v>56</v>
      </c>
      <c r="R33705">
        <v>57</v>
      </c>
      <c r="S33705">
        <v>58</v>
      </c>
      <c r="T33705">
        <v>60</v>
      </c>
      <c r="U33705">
        <v>61</v>
      </c>
      <c r="V33705">
        <v>62</v>
      </c>
      <c r="W33705">
        <v>64</v>
      </c>
      <c r="X33705">
        <v>65</v>
      </c>
      <c r="Y33705">
        <v>67</v>
      </c>
      <c r="Z33705">
        <v>68</v>
      </c>
      <c r="AA33705">
        <v>69</v>
      </c>
      <c r="AB33705">
        <v>71</v>
      </c>
      <c r="AC33705">
        <v>72</v>
      </c>
      <c r="AD33705">
        <v>74</v>
      </c>
      <c r="AE33705">
        <v>75</v>
      </c>
      <c r="AF33705">
        <v>77</v>
      </c>
      <c r="AG33705">
        <v>78</v>
      </c>
      <c r="AH33705">
        <v>80</v>
      </c>
      <c r="AI33705">
        <v>81</v>
      </c>
      <c r="AJ33705">
        <v>83</v>
      </c>
      <c r="AK33705">
        <v>85</v>
      </c>
      <c r="AL33705">
        <v>86</v>
      </c>
      <c r="AM33705">
        <v>87</v>
      </c>
      <c r="AN33705">
        <v>88</v>
      </c>
      <c r="AO33705">
        <v>89</v>
      </c>
      <c r="AP33705">
        <v>90</v>
      </c>
      <c r="AQ33705">
        <v>91</v>
      </c>
    </row>
    <row r="33706" spans="1:43">
      <c r="A33706" t="s">
        <v>20887</v>
      </c>
      <c r="B33706" t="s">
        <v>20888</v>
      </c>
      <c r="C33706" t="s">
        <v>20883</v>
      </c>
      <c r="D33706" t="s">
        <v>20884</v>
      </c>
      <c r="E33706" t="s">
        <v>20787</v>
      </c>
      <c r="F33706" t="s">
        <v>20788</v>
      </c>
      <c r="G33706" t="s">
        <v>20255</v>
      </c>
      <c r="H33706" t="s">
        <v>20256</v>
      </c>
      <c r="I33706" s="2">
        <v>1</v>
      </c>
      <c r="J33706" s="2">
        <v>0</v>
      </c>
      <c r="K33706" s="2">
        <v>0</v>
      </c>
      <c r="L33706" t="s">
        <v>120</v>
      </c>
      <c r="M33706" t="s">
        <v>83</v>
      </c>
      <c r="N33706" t="s">
        <v>84</v>
      </c>
      <c r="O33706" t="s">
        <v>85</v>
      </c>
      <c r="P33706" t="s">
        <v>86</v>
      </c>
      <c r="Q33706">
        <v>16</v>
      </c>
      <c r="R33706">
        <v>17</v>
      </c>
      <c r="S33706">
        <v>17</v>
      </c>
      <c r="T33706">
        <v>17</v>
      </c>
      <c r="U33706">
        <v>18</v>
      </c>
      <c r="V33706">
        <v>18</v>
      </c>
      <c r="W33706">
        <v>19</v>
      </c>
      <c r="X33706">
        <v>19</v>
      </c>
      <c r="Y33706">
        <v>19</v>
      </c>
      <c r="Z33706">
        <v>20</v>
      </c>
      <c r="AA33706">
        <v>20</v>
      </c>
      <c r="AB33706">
        <v>21</v>
      </c>
      <c r="AC33706">
        <v>21</v>
      </c>
      <c r="AD33706">
        <v>21</v>
      </c>
      <c r="AE33706">
        <v>22</v>
      </c>
      <c r="AF33706">
        <v>22</v>
      </c>
      <c r="AG33706">
        <v>23</v>
      </c>
      <c r="AH33706">
        <v>23</v>
      </c>
      <c r="AI33706">
        <v>24</v>
      </c>
      <c r="AJ33706">
        <v>24</v>
      </c>
      <c r="AK33706">
        <v>25</v>
      </c>
      <c r="AL33706">
        <v>25</v>
      </c>
      <c r="AM33706">
        <v>25</v>
      </c>
      <c r="AN33706">
        <v>26</v>
      </c>
      <c r="AO33706">
        <v>26</v>
      </c>
      <c r="AP33706">
        <v>26</v>
      </c>
      <c r="AQ33706">
        <v>27</v>
      </c>
    </row>
    <row r="33707" spans="1:43">
      <c r="A33707" t="s">
        <v>20887</v>
      </c>
      <c r="B33707" t="s">
        <v>20888</v>
      </c>
      <c r="C33707" t="s">
        <v>20883</v>
      </c>
      <c r="D33707" t="s">
        <v>20884</v>
      </c>
      <c r="E33707" t="s">
        <v>20787</v>
      </c>
      <c r="F33707" t="s">
        <v>20788</v>
      </c>
      <c r="G33707" t="s">
        <v>20255</v>
      </c>
      <c r="H33707" t="s">
        <v>20256</v>
      </c>
      <c r="I33707" s="2">
        <v>1</v>
      </c>
      <c r="J33707" s="2">
        <v>0</v>
      </c>
      <c r="K33707" s="2">
        <v>0</v>
      </c>
      <c r="L33707" t="s">
        <v>120</v>
      </c>
      <c r="M33707" t="s">
        <v>87</v>
      </c>
      <c r="N33707" t="s">
        <v>88</v>
      </c>
      <c r="O33707" t="s">
        <v>85</v>
      </c>
      <c r="P33707" t="s">
        <v>86</v>
      </c>
      <c r="Q33707">
        <v>16</v>
      </c>
      <c r="R33707">
        <v>16</v>
      </c>
      <c r="S33707">
        <v>17</v>
      </c>
      <c r="T33707">
        <v>17</v>
      </c>
      <c r="U33707">
        <v>17</v>
      </c>
      <c r="V33707">
        <v>17</v>
      </c>
      <c r="W33707">
        <v>17</v>
      </c>
      <c r="X33707">
        <v>18</v>
      </c>
      <c r="Y33707">
        <v>18</v>
      </c>
      <c r="Z33707">
        <v>18</v>
      </c>
      <c r="AA33707">
        <v>18</v>
      </c>
      <c r="AB33707">
        <v>19</v>
      </c>
      <c r="AC33707">
        <v>19</v>
      </c>
      <c r="AD33707">
        <v>19</v>
      </c>
      <c r="AE33707">
        <v>19</v>
      </c>
      <c r="AF33707">
        <v>20</v>
      </c>
      <c r="AG33707">
        <v>20</v>
      </c>
      <c r="AH33707">
        <v>20</v>
      </c>
      <c r="AI33707">
        <v>21</v>
      </c>
      <c r="AJ33707">
        <v>21</v>
      </c>
      <c r="AK33707">
        <v>21</v>
      </c>
      <c r="AL33707">
        <v>21</v>
      </c>
      <c r="AM33707">
        <v>22</v>
      </c>
      <c r="AN33707">
        <v>22</v>
      </c>
      <c r="AO33707">
        <v>22</v>
      </c>
      <c r="AP33707">
        <v>23</v>
      </c>
      <c r="AQ33707">
        <v>23</v>
      </c>
    </row>
    <row r="33708" spans="1:43">
      <c r="A33708" t="s">
        <v>20887</v>
      </c>
      <c r="B33708" t="s">
        <v>20888</v>
      </c>
      <c r="C33708" t="s">
        <v>20883</v>
      </c>
      <c r="D33708" t="s">
        <v>20884</v>
      </c>
      <c r="E33708" t="s">
        <v>20787</v>
      </c>
      <c r="F33708" t="s">
        <v>20788</v>
      </c>
      <c r="G33708" t="s">
        <v>20255</v>
      </c>
      <c r="H33708" t="s">
        <v>20256</v>
      </c>
      <c r="I33708" s="2">
        <v>1</v>
      </c>
      <c r="J33708" s="2">
        <v>0</v>
      </c>
      <c r="K33708" s="2">
        <v>0</v>
      </c>
      <c r="L33708" t="s">
        <v>120</v>
      </c>
      <c r="M33708" t="s">
        <v>89</v>
      </c>
      <c r="N33708" t="s">
        <v>90</v>
      </c>
      <c r="O33708" t="s">
        <v>85</v>
      </c>
      <c r="P33708" t="s">
        <v>86</v>
      </c>
      <c r="Q33708">
        <v>16</v>
      </c>
      <c r="R33708">
        <v>17</v>
      </c>
      <c r="S33708">
        <v>17</v>
      </c>
      <c r="T33708">
        <v>18</v>
      </c>
      <c r="U33708">
        <v>18</v>
      </c>
      <c r="V33708">
        <v>19</v>
      </c>
      <c r="W33708">
        <v>19</v>
      </c>
      <c r="X33708">
        <v>20</v>
      </c>
      <c r="Y33708">
        <v>20</v>
      </c>
      <c r="Z33708">
        <v>21</v>
      </c>
      <c r="AA33708">
        <v>21</v>
      </c>
      <c r="AB33708">
        <v>22</v>
      </c>
      <c r="AC33708">
        <v>22</v>
      </c>
      <c r="AD33708">
        <v>23</v>
      </c>
      <c r="AE33708">
        <v>23</v>
      </c>
      <c r="AF33708">
        <v>24</v>
      </c>
      <c r="AG33708">
        <v>24</v>
      </c>
      <c r="AH33708">
        <v>24</v>
      </c>
      <c r="AI33708">
        <v>25</v>
      </c>
      <c r="AJ33708">
        <v>25</v>
      </c>
      <c r="AK33708">
        <v>25</v>
      </c>
      <c r="AL33708">
        <v>25</v>
      </c>
      <c r="AM33708">
        <v>26</v>
      </c>
      <c r="AN33708">
        <v>26</v>
      </c>
      <c r="AO33708">
        <v>26</v>
      </c>
      <c r="AP33708">
        <v>27</v>
      </c>
      <c r="AQ33708">
        <v>27</v>
      </c>
    </row>
    <row r="33709" spans="1:43">
      <c r="A33709" t="s">
        <v>20887</v>
      </c>
      <c r="B33709" t="s">
        <v>20888</v>
      </c>
      <c r="C33709" t="s">
        <v>20883</v>
      </c>
      <c r="D33709" t="s">
        <v>20884</v>
      </c>
      <c r="E33709" t="s">
        <v>20787</v>
      </c>
      <c r="F33709" t="s">
        <v>20788</v>
      </c>
      <c r="G33709" t="s">
        <v>20255</v>
      </c>
      <c r="H33709" t="s">
        <v>20256</v>
      </c>
      <c r="I33709" s="2">
        <v>1</v>
      </c>
      <c r="J33709" s="2">
        <v>0</v>
      </c>
      <c r="K33709" s="2">
        <v>0</v>
      </c>
      <c r="L33709" t="s">
        <v>120</v>
      </c>
      <c r="M33709" t="s">
        <v>83</v>
      </c>
      <c r="N33709" t="s">
        <v>91</v>
      </c>
      <c r="O33709" t="s">
        <v>85</v>
      </c>
      <c r="P33709" t="s">
        <v>86</v>
      </c>
      <c r="Q33709">
        <v>16</v>
      </c>
      <c r="R33709">
        <v>17</v>
      </c>
      <c r="S33709">
        <v>17</v>
      </c>
      <c r="T33709">
        <v>17</v>
      </c>
      <c r="U33709">
        <v>18</v>
      </c>
      <c r="V33709">
        <v>18</v>
      </c>
      <c r="W33709">
        <v>19</v>
      </c>
      <c r="X33709">
        <v>19</v>
      </c>
      <c r="Y33709">
        <v>19</v>
      </c>
      <c r="Z33709">
        <v>20</v>
      </c>
      <c r="AA33709">
        <v>20</v>
      </c>
      <c r="AB33709">
        <v>21</v>
      </c>
      <c r="AC33709">
        <v>21</v>
      </c>
      <c r="AD33709">
        <v>21</v>
      </c>
      <c r="AE33709">
        <v>22</v>
      </c>
      <c r="AF33709">
        <v>22</v>
      </c>
      <c r="AG33709">
        <v>23</v>
      </c>
      <c r="AH33709">
        <v>23</v>
      </c>
      <c r="AI33709">
        <v>24</v>
      </c>
      <c r="AJ33709">
        <v>24</v>
      </c>
      <c r="AK33709">
        <v>25</v>
      </c>
      <c r="AL33709">
        <v>25</v>
      </c>
      <c r="AM33709">
        <v>25</v>
      </c>
      <c r="AN33709">
        <v>26</v>
      </c>
      <c r="AO33709">
        <v>26</v>
      </c>
      <c r="AP33709">
        <v>26</v>
      </c>
      <c r="AQ33709">
        <v>27</v>
      </c>
    </row>
    <row r="33710" spans="1:43">
      <c r="A33710" t="s">
        <v>20889</v>
      </c>
      <c r="B33710" t="s">
        <v>20890</v>
      </c>
      <c r="C33710" t="s">
        <v>20883</v>
      </c>
      <c r="D33710" t="s">
        <v>20884</v>
      </c>
      <c r="E33710" t="s">
        <v>20787</v>
      </c>
      <c r="F33710" t="s">
        <v>20788</v>
      </c>
      <c r="G33710" t="s">
        <v>20255</v>
      </c>
      <c r="H33710" t="s">
        <v>20256</v>
      </c>
      <c r="I33710" s="2">
        <v>1</v>
      </c>
      <c r="J33710" s="2">
        <v>0</v>
      </c>
      <c r="K33710" s="2">
        <v>0</v>
      </c>
      <c r="L33710" t="s">
        <v>120</v>
      </c>
      <c r="M33710" t="s">
        <v>83</v>
      </c>
      <c r="N33710" t="s">
        <v>84</v>
      </c>
      <c r="O33710" t="s">
        <v>85</v>
      </c>
      <c r="P33710" t="s">
        <v>86</v>
      </c>
      <c r="Q33710">
        <v>107</v>
      </c>
      <c r="R33710">
        <v>110</v>
      </c>
      <c r="S33710">
        <v>112</v>
      </c>
      <c r="T33710">
        <v>115</v>
      </c>
      <c r="U33710">
        <v>118</v>
      </c>
      <c r="V33710">
        <v>120</v>
      </c>
      <c r="W33710">
        <v>123</v>
      </c>
      <c r="X33710">
        <v>125</v>
      </c>
      <c r="Y33710">
        <v>128</v>
      </c>
      <c r="Z33710">
        <v>131</v>
      </c>
      <c r="AA33710">
        <v>133</v>
      </c>
      <c r="AB33710">
        <v>136</v>
      </c>
      <c r="AC33710">
        <v>139</v>
      </c>
      <c r="AD33710">
        <v>142</v>
      </c>
      <c r="AE33710">
        <v>145</v>
      </c>
      <c r="AF33710">
        <v>148</v>
      </c>
      <c r="AG33710">
        <v>151</v>
      </c>
      <c r="AH33710">
        <v>154</v>
      </c>
      <c r="AI33710">
        <v>157</v>
      </c>
      <c r="AJ33710">
        <v>160</v>
      </c>
      <c r="AK33710">
        <v>163</v>
      </c>
      <c r="AL33710">
        <v>166</v>
      </c>
      <c r="AM33710">
        <v>168</v>
      </c>
      <c r="AN33710">
        <v>170</v>
      </c>
      <c r="AO33710">
        <v>172</v>
      </c>
      <c r="AP33710">
        <v>174</v>
      </c>
      <c r="AQ33710">
        <v>176</v>
      </c>
    </row>
    <row r="33711" spans="1:43">
      <c r="A33711" t="s">
        <v>20889</v>
      </c>
      <c r="B33711" t="s">
        <v>20890</v>
      </c>
      <c r="C33711" t="s">
        <v>20883</v>
      </c>
      <c r="D33711" t="s">
        <v>20884</v>
      </c>
      <c r="E33711" t="s">
        <v>20787</v>
      </c>
      <c r="F33711" t="s">
        <v>20788</v>
      </c>
      <c r="G33711" t="s">
        <v>20255</v>
      </c>
      <c r="H33711" t="s">
        <v>20256</v>
      </c>
      <c r="I33711" s="2">
        <v>1</v>
      </c>
      <c r="J33711" s="2">
        <v>0</v>
      </c>
      <c r="K33711" s="2">
        <v>0</v>
      </c>
      <c r="L33711" t="s">
        <v>120</v>
      </c>
      <c r="M33711" t="s">
        <v>87</v>
      </c>
      <c r="N33711" t="s">
        <v>88</v>
      </c>
      <c r="O33711" t="s">
        <v>85</v>
      </c>
      <c r="P33711" t="s">
        <v>86</v>
      </c>
      <c r="Q33711">
        <v>107</v>
      </c>
      <c r="R33711">
        <v>109</v>
      </c>
      <c r="S33711">
        <v>110</v>
      </c>
      <c r="T33711">
        <v>112</v>
      </c>
      <c r="U33711">
        <v>113</v>
      </c>
      <c r="V33711">
        <v>115</v>
      </c>
      <c r="W33711">
        <v>116</v>
      </c>
      <c r="X33711">
        <v>118</v>
      </c>
      <c r="Y33711">
        <v>120</v>
      </c>
      <c r="Z33711">
        <v>121</v>
      </c>
      <c r="AA33711">
        <v>123</v>
      </c>
      <c r="AB33711">
        <v>124</v>
      </c>
      <c r="AC33711">
        <v>126</v>
      </c>
      <c r="AD33711">
        <v>128</v>
      </c>
      <c r="AE33711">
        <v>130</v>
      </c>
      <c r="AF33711">
        <v>132</v>
      </c>
      <c r="AG33711">
        <v>133</v>
      </c>
      <c r="AH33711">
        <v>135</v>
      </c>
      <c r="AI33711">
        <v>137</v>
      </c>
      <c r="AJ33711">
        <v>139</v>
      </c>
      <c r="AK33711">
        <v>141</v>
      </c>
      <c r="AL33711">
        <v>143</v>
      </c>
      <c r="AM33711">
        <v>145</v>
      </c>
      <c r="AN33711">
        <v>147</v>
      </c>
      <c r="AO33711">
        <v>149</v>
      </c>
      <c r="AP33711">
        <v>151</v>
      </c>
      <c r="AQ33711">
        <v>154</v>
      </c>
    </row>
    <row r="33712" spans="1:43">
      <c r="A33712" t="s">
        <v>20889</v>
      </c>
      <c r="B33712" t="s">
        <v>20890</v>
      </c>
      <c r="C33712" t="s">
        <v>20883</v>
      </c>
      <c r="D33712" t="s">
        <v>20884</v>
      </c>
      <c r="E33712" t="s">
        <v>20787</v>
      </c>
      <c r="F33712" t="s">
        <v>20788</v>
      </c>
      <c r="G33712" t="s">
        <v>20255</v>
      </c>
      <c r="H33712" t="s">
        <v>20256</v>
      </c>
      <c r="I33712" s="2">
        <v>1</v>
      </c>
      <c r="J33712" s="2">
        <v>0</v>
      </c>
      <c r="K33712" s="2">
        <v>0</v>
      </c>
      <c r="L33712" t="s">
        <v>120</v>
      </c>
      <c r="M33712" t="s">
        <v>89</v>
      </c>
      <c r="N33712" t="s">
        <v>90</v>
      </c>
      <c r="O33712" t="s">
        <v>85</v>
      </c>
      <c r="P33712" t="s">
        <v>86</v>
      </c>
      <c r="Q33712">
        <v>107</v>
      </c>
      <c r="R33712">
        <v>111</v>
      </c>
      <c r="S33712">
        <v>114</v>
      </c>
      <c r="T33712">
        <v>118</v>
      </c>
      <c r="U33712">
        <v>121</v>
      </c>
      <c r="V33712">
        <v>124</v>
      </c>
      <c r="W33712">
        <v>128</v>
      </c>
      <c r="X33712">
        <v>131</v>
      </c>
      <c r="Y33712">
        <v>134</v>
      </c>
      <c r="Z33712">
        <v>138</v>
      </c>
      <c r="AA33712">
        <v>141</v>
      </c>
      <c r="AB33712">
        <v>144</v>
      </c>
      <c r="AC33712">
        <v>148</v>
      </c>
      <c r="AD33712">
        <v>151</v>
      </c>
      <c r="AE33712">
        <v>154</v>
      </c>
      <c r="AF33712">
        <v>156</v>
      </c>
      <c r="AG33712">
        <v>158</v>
      </c>
      <c r="AH33712">
        <v>160</v>
      </c>
      <c r="AI33712">
        <v>162</v>
      </c>
      <c r="AJ33712">
        <v>164</v>
      </c>
      <c r="AK33712">
        <v>166</v>
      </c>
      <c r="AL33712">
        <v>168</v>
      </c>
      <c r="AM33712">
        <v>170</v>
      </c>
      <c r="AN33712">
        <v>172</v>
      </c>
      <c r="AO33712">
        <v>174</v>
      </c>
      <c r="AP33712">
        <v>176</v>
      </c>
      <c r="AQ33712">
        <v>178</v>
      </c>
    </row>
    <row r="33713" spans="1:43">
      <c r="A33713" t="s">
        <v>20889</v>
      </c>
      <c r="B33713" t="s">
        <v>20890</v>
      </c>
      <c r="C33713" t="s">
        <v>20883</v>
      </c>
      <c r="D33713" t="s">
        <v>20884</v>
      </c>
      <c r="E33713" t="s">
        <v>20787</v>
      </c>
      <c r="F33713" t="s">
        <v>20788</v>
      </c>
      <c r="G33713" t="s">
        <v>20255</v>
      </c>
      <c r="H33713" t="s">
        <v>20256</v>
      </c>
      <c r="I33713" s="2">
        <v>1</v>
      </c>
      <c r="J33713" s="2">
        <v>0</v>
      </c>
      <c r="K33713" s="2">
        <v>0</v>
      </c>
      <c r="L33713" t="s">
        <v>120</v>
      </c>
      <c r="M33713" t="s">
        <v>83</v>
      </c>
      <c r="N33713" t="s">
        <v>91</v>
      </c>
      <c r="O33713" t="s">
        <v>85</v>
      </c>
      <c r="P33713" t="s">
        <v>86</v>
      </c>
      <c r="Q33713">
        <v>107</v>
      </c>
      <c r="R33713">
        <v>110</v>
      </c>
      <c r="S33713">
        <v>112</v>
      </c>
      <c r="T33713">
        <v>115</v>
      </c>
      <c r="U33713">
        <v>118</v>
      </c>
      <c r="V33713">
        <v>120</v>
      </c>
      <c r="W33713">
        <v>123</v>
      </c>
      <c r="X33713">
        <v>125</v>
      </c>
      <c r="Y33713">
        <v>128</v>
      </c>
      <c r="Z33713">
        <v>131</v>
      </c>
      <c r="AA33713">
        <v>133</v>
      </c>
      <c r="AB33713">
        <v>136</v>
      </c>
      <c r="AC33713">
        <v>139</v>
      </c>
      <c r="AD33713">
        <v>142</v>
      </c>
      <c r="AE33713">
        <v>145</v>
      </c>
      <c r="AF33713">
        <v>148</v>
      </c>
      <c r="AG33713">
        <v>151</v>
      </c>
      <c r="AH33713">
        <v>154</v>
      </c>
      <c r="AI33713">
        <v>157</v>
      </c>
      <c r="AJ33713">
        <v>160</v>
      </c>
      <c r="AK33713">
        <v>163</v>
      </c>
      <c r="AL33713">
        <v>166</v>
      </c>
      <c r="AM33713">
        <v>168</v>
      </c>
      <c r="AN33713">
        <v>170</v>
      </c>
      <c r="AO33713">
        <v>172</v>
      </c>
      <c r="AP33713">
        <v>174</v>
      </c>
      <c r="AQ33713">
        <v>176</v>
      </c>
    </row>
    <row r="33714" spans="1:43">
      <c r="A33714" t="s">
        <v>20891</v>
      </c>
      <c r="B33714" t="s">
        <v>20892</v>
      </c>
      <c r="C33714" t="s">
        <v>20893</v>
      </c>
      <c r="D33714" t="s">
        <v>20894</v>
      </c>
      <c r="E33714" t="s">
        <v>20787</v>
      </c>
      <c r="F33714" t="s">
        <v>20788</v>
      </c>
      <c r="G33714" t="s">
        <v>20255</v>
      </c>
      <c r="H33714" t="s">
        <v>20256</v>
      </c>
      <c r="I33714" s="2">
        <v>1</v>
      </c>
      <c r="J33714" s="2">
        <v>0</v>
      </c>
      <c r="K33714" s="2">
        <v>0</v>
      </c>
      <c r="L33714" t="s">
        <v>120</v>
      </c>
      <c r="M33714" t="s">
        <v>83</v>
      </c>
      <c r="N33714" t="s">
        <v>84</v>
      </c>
      <c r="O33714" t="s">
        <v>85</v>
      </c>
      <c r="P33714" t="s">
        <v>86</v>
      </c>
      <c r="Q33714">
        <v>20</v>
      </c>
      <c r="R33714">
        <v>20</v>
      </c>
      <c r="S33714">
        <v>21</v>
      </c>
      <c r="T33714">
        <v>21</v>
      </c>
      <c r="U33714">
        <v>21</v>
      </c>
      <c r="V33714">
        <v>22</v>
      </c>
      <c r="W33714">
        <v>22</v>
      </c>
      <c r="X33714">
        <v>23</v>
      </c>
      <c r="Y33714">
        <v>23</v>
      </c>
      <c r="Z33714">
        <v>24</v>
      </c>
      <c r="AA33714">
        <v>24</v>
      </c>
      <c r="AB33714">
        <v>25</v>
      </c>
      <c r="AC33714">
        <v>25</v>
      </c>
      <c r="AD33714">
        <v>26</v>
      </c>
      <c r="AE33714">
        <v>26</v>
      </c>
      <c r="AF33714">
        <v>27</v>
      </c>
      <c r="AG33714">
        <v>27</v>
      </c>
      <c r="AH33714">
        <v>28</v>
      </c>
      <c r="AI33714">
        <v>28</v>
      </c>
      <c r="AJ33714">
        <v>29</v>
      </c>
      <c r="AK33714">
        <v>29</v>
      </c>
      <c r="AL33714">
        <v>30</v>
      </c>
      <c r="AM33714">
        <v>30</v>
      </c>
      <c r="AN33714">
        <v>30</v>
      </c>
      <c r="AO33714">
        <v>31</v>
      </c>
      <c r="AP33714">
        <v>31</v>
      </c>
      <c r="AQ33714">
        <v>31</v>
      </c>
    </row>
    <row r="33715" spans="1:43">
      <c r="A33715" t="s">
        <v>20891</v>
      </c>
      <c r="B33715" t="s">
        <v>20892</v>
      </c>
      <c r="C33715" t="s">
        <v>20893</v>
      </c>
      <c r="D33715" t="s">
        <v>20894</v>
      </c>
      <c r="E33715" t="s">
        <v>20787</v>
      </c>
      <c r="F33715" t="s">
        <v>20788</v>
      </c>
      <c r="G33715" t="s">
        <v>20255</v>
      </c>
      <c r="H33715" t="s">
        <v>20256</v>
      </c>
      <c r="I33715" s="2">
        <v>1</v>
      </c>
      <c r="J33715" s="2">
        <v>0</v>
      </c>
      <c r="K33715" s="2">
        <v>0</v>
      </c>
      <c r="L33715" t="s">
        <v>120</v>
      </c>
      <c r="M33715" t="s">
        <v>87</v>
      </c>
      <c r="N33715" t="s">
        <v>88</v>
      </c>
      <c r="O33715" t="s">
        <v>85</v>
      </c>
      <c r="P33715" t="s">
        <v>86</v>
      </c>
      <c r="Q33715">
        <v>20</v>
      </c>
      <c r="R33715">
        <v>20</v>
      </c>
      <c r="S33715">
        <v>20</v>
      </c>
      <c r="T33715">
        <v>20</v>
      </c>
      <c r="U33715">
        <v>21</v>
      </c>
      <c r="V33715">
        <v>21</v>
      </c>
      <c r="W33715">
        <v>21</v>
      </c>
      <c r="X33715">
        <v>21</v>
      </c>
      <c r="Y33715">
        <v>22</v>
      </c>
      <c r="Z33715">
        <v>22</v>
      </c>
      <c r="AA33715">
        <v>22</v>
      </c>
      <c r="AB33715">
        <v>22</v>
      </c>
      <c r="AC33715">
        <v>23</v>
      </c>
      <c r="AD33715">
        <v>23</v>
      </c>
      <c r="AE33715">
        <v>23</v>
      </c>
      <c r="AF33715">
        <v>23</v>
      </c>
      <c r="AG33715">
        <v>24</v>
      </c>
      <c r="AH33715">
        <v>24</v>
      </c>
      <c r="AI33715">
        <v>24</v>
      </c>
      <c r="AJ33715">
        <v>25</v>
      </c>
      <c r="AK33715">
        <v>25</v>
      </c>
      <c r="AL33715">
        <v>25</v>
      </c>
      <c r="AM33715">
        <v>26</v>
      </c>
      <c r="AN33715">
        <v>26</v>
      </c>
      <c r="AO33715">
        <v>26</v>
      </c>
      <c r="AP33715">
        <v>27</v>
      </c>
      <c r="AQ33715">
        <v>27</v>
      </c>
    </row>
    <row r="33716" spans="1:43">
      <c r="A33716" t="s">
        <v>20891</v>
      </c>
      <c r="B33716" t="s">
        <v>20892</v>
      </c>
      <c r="C33716" t="s">
        <v>20893</v>
      </c>
      <c r="D33716" t="s">
        <v>20894</v>
      </c>
      <c r="E33716" t="s">
        <v>20787</v>
      </c>
      <c r="F33716" t="s">
        <v>20788</v>
      </c>
      <c r="G33716" t="s">
        <v>20255</v>
      </c>
      <c r="H33716" t="s">
        <v>20256</v>
      </c>
      <c r="I33716" s="2">
        <v>1</v>
      </c>
      <c r="J33716" s="2">
        <v>0</v>
      </c>
      <c r="K33716" s="2">
        <v>0</v>
      </c>
      <c r="L33716" t="s">
        <v>120</v>
      </c>
      <c r="M33716" t="s">
        <v>89</v>
      </c>
      <c r="N33716" t="s">
        <v>90</v>
      </c>
      <c r="O33716" t="s">
        <v>85</v>
      </c>
      <c r="P33716" t="s">
        <v>86</v>
      </c>
      <c r="Q33716">
        <v>20</v>
      </c>
      <c r="R33716">
        <v>21</v>
      </c>
      <c r="S33716">
        <v>21</v>
      </c>
      <c r="T33716">
        <v>22</v>
      </c>
      <c r="U33716">
        <v>22</v>
      </c>
      <c r="V33716">
        <v>23</v>
      </c>
      <c r="W33716">
        <v>23</v>
      </c>
      <c r="X33716">
        <v>24</v>
      </c>
      <c r="Y33716">
        <v>25</v>
      </c>
      <c r="Z33716">
        <v>25</v>
      </c>
      <c r="AA33716">
        <v>26</v>
      </c>
      <c r="AB33716">
        <v>26</v>
      </c>
      <c r="AC33716">
        <v>27</v>
      </c>
      <c r="AD33716">
        <v>28</v>
      </c>
      <c r="AE33716">
        <v>28</v>
      </c>
      <c r="AF33716">
        <v>28</v>
      </c>
      <c r="AG33716">
        <v>29</v>
      </c>
      <c r="AH33716">
        <v>29</v>
      </c>
      <c r="AI33716">
        <v>29</v>
      </c>
      <c r="AJ33716">
        <v>30</v>
      </c>
      <c r="AK33716">
        <v>30</v>
      </c>
      <c r="AL33716">
        <v>30</v>
      </c>
      <c r="AM33716">
        <v>30</v>
      </c>
      <c r="AN33716">
        <v>31</v>
      </c>
      <c r="AO33716">
        <v>31</v>
      </c>
      <c r="AP33716">
        <v>31</v>
      </c>
      <c r="AQ33716">
        <v>32</v>
      </c>
    </row>
    <row r="33717" spans="1:43">
      <c r="A33717" t="s">
        <v>20891</v>
      </c>
      <c r="B33717" t="s">
        <v>20892</v>
      </c>
      <c r="C33717" t="s">
        <v>20893</v>
      </c>
      <c r="D33717" t="s">
        <v>20894</v>
      </c>
      <c r="E33717" t="s">
        <v>20787</v>
      </c>
      <c r="F33717" t="s">
        <v>20788</v>
      </c>
      <c r="G33717" t="s">
        <v>20255</v>
      </c>
      <c r="H33717" t="s">
        <v>20256</v>
      </c>
      <c r="I33717" s="2">
        <v>1</v>
      </c>
      <c r="J33717" s="2">
        <v>0</v>
      </c>
      <c r="K33717" s="2">
        <v>0</v>
      </c>
      <c r="L33717" t="s">
        <v>120</v>
      </c>
      <c r="M33717" t="s">
        <v>83</v>
      </c>
      <c r="N33717" t="s">
        <v>91</v>
      </c>
      <c r="O33717" t="s">
        <v>85</v>
      </c>
      <c r="P33717" t="s">
        <v>86</v>
      </c>
      <c r="Q33717">
        <v>20</v>
      </c>
      <c r="R33717">
        <v>20</v>
      </c>
      <c r="S33717">
        <v>21</v>
      </c>
      <c r="T33717">
        <v>21</v>
      </c>
      <c r="U33717">
        <v>21</v>
      </c>
      <c r="V33717">
        <v>22</v>
      </c>
      <c r="W33717">
        <v>22</v>
      </c>
      <c r="X33717">
        <v>23</v>
      </c>
      <c r="Y33717">
        <v>23</v>
      </c>
      <c r="Z33717">
        <v>24</v>
      </c>
      <c r="AA33717">
        <v>24</v>
      </c>
      <c r="AB33717">
        <v>25</v>
      </c>
      <c r="AC33717">
        <v>25</v>
      </c>
      <c r="AD33717">
        <v>26</v>
      </c>
      <c r="AE33717">
        <v>26</v>
      </c>
      <c r="AF33717">
        <v>27</v>
      </c>
      <c r="AG33717">
        <v>27</v>
      </c>
      <c r="AH33717">
        <v>28</v>
      </c>
      <c r="AI33717">
        <v>28</v>
      </c>
      <c r="AJ33717">
        <v>29</v>
      </c>
      <c r="AK33717">
        <v>29</v>
      </c>
      <c r="AL33717">
        <v>30</v>
      </c>
      <c r="AM33717">
        <v>30</v>
      </c>
      <c r="AN33717">
        <v>30</v>
      </c>
      <c r="AO33717">
        <v>31</v>
      </c>
      <c r="AP33717">
        <v>31</v>
      </c>
      <c r="AQ33717">
        <v>31</v>
      </c>
    </row>
    <row r="33718" spans="1:43">
      <c r="A33718" t="s">
        <v>20895</v>
      </c>
      <c r="B33718" t="s">
        <v>20896</v>
      </c>
      <c r="C33718" t="s">
        <v>20893</v>
      </c>
      <c r="D33718" t="s">
        <v>20894</v>
      </c>
      <c r="E33718" t="s">
        <v>20787</v>
      </c>
      <c r="F33718" t="s">
        <v>20788</v>
      </c>
      <c r="G33718" t="s">
        <v>20255</v>
      </c>
      <c r="H33718" t="s">
        <v>20256</v>
      </c>
      <c r="I33718" s="2">
        <v>1</v>
      </c>
      <c r="J33718" s="2">
        <v>0</v>
      </c>
      <c r="K33718" s="2">
        <v>0</v>
      </c>
      <c r="L33718" t="s">
        <v>120</v>
      </c>
      <c r="M33718" t="s">
        <v>83</v>
      </c>
      <c r="N33718" t="s">
        <v>84</v>
      </c>
      <c r="O33718" t="s">
        <v>85</v>
      </c>
      <c r="P33718" t="s">
        <v>86</v>
      </c>
      <c r="Q33718">
        <v>14</v>
      </c>
      <c r="R33718">
        <v>14</v>
      </c>
      <c r="S33718">
        <v>14</v>
      </c>
      <c r="T33718">
        <v>14</v>
      </c>
      <c r="U33718">
        <v>15</v>
      </c>
      <c r="V33718">
        <v>15</v>
      </c>
      <c r="W33718">
        <v>15</v>
      </c>
      <c r="X33718">
        <v>16</v>
      </c>
      <c r="Y33718">
        <v>16</v>
      </c>
      <c r="Z33718">
        <v>16</v>
      </c>
      <c r="AA33718">
        <v>17</v>
      </c>
      <c r="AB33718">
        <v>17</v>
      </c>
      <c r="AC33718">
        <v>17</v>
      </c>
      <c r="AD33718">
        <v>18</v>
      </c>
      <c r="AE33718">
        <v>18</v>
      </c>
      <c r="AF33718">
        <v>18</v>
      </c>
      <c r="AG33718">
        <v>19</v>
      </c>
      <c r="AH33718">
        <v>19</v>
      </c>
      <c r="AI33718">
        <v>19</v>
      </c>
      <c r="AJ33718">
        <v>20</v>
      </c>
      <c r="AK33718">
        <v>20</v>
      </c>
      <c r="AL33718">
        <v>20</v>
      </c>
      <c r="AM33718">
        <v>21</v>
      </c>
      <c r="AN33718">
        <v>21</v>
      </c>
      <c r="AO33718">
        <v>21</v>
      </c>
      <c r="AP33718">
        <v>21</v>
      </c>
      <c r="AQ33718">
        <v>22</v>
      </c>
    </row>
    <row r="33719" spans="1:43">
      <c r="A33719" t="s">
        <v>20895</v>
      </c>
      <c r="B33719" t="s">
        <v>20896</v>
      </c>
      <c r="C33719" t="s">
        <v>20893</v>
      </c>
      <c r="D33719" t="s">
        <v>20894</v>
      </c>
      <c r="E33719" t="s">
        <v>20787</v>
      </c>
      <c r="F33719" t="s">
        <v>20788</v>
      </c>
      <c r="G33719" t="s">
        <v>20255</v>
      </c>
      <c r="H33719" t="s">
        <v>20256</v>
      </c>
      <c r="I33719" s="2">
        <v>1</v>
      </c>
      <c r="J33719" s="2">
        <v>0</v>
      </c>
      <c r="K33719" s="2">
        <v>0</v>
      </c>
      <c r="L33719" t="s">
        <v>120</v>
      </c>
      <c r="M33719" t="s">
        <v>87</v>
      </c>
      <c r="N33719" t="s">
        <v>88</v>
      </c>
      <c r="O33719" t="s">
        <v>85</v>
      </c>
      <c r="P33719" t="s">
        <v>86</v>
      </c>
      <c r="Q33719">
        <v>14</v>
      </c>
      <c r="R33719">
        <v>15</v>
      </c>
      <c r="S33719">
        <v>15</v>
      </c>
      <c r="T33719">
        <v>15</v>
      </c>
      <c r="U33719">
        <v>15</v>
      </c>
      <c r="V33719">
        <v>15</v>
      </c>
      <c r="W33719">
        <v>15</v>
      </c>
      <c r="X33719">
        <v>16</v>
      </c>
      <c r="Y33719">
        <v>16</v>
      </c>
      <c r="Z33719">
        <v>16</v>
      </c>
      <c r="AA33719">
        <v>16</v>
      </c>
      <c r="AB33719">
        <v>16</v>
      </c>
      <c r="AC33719">
        <v>17</v>
      </c>
      <c r="AD33719">
        <v>17</v>
      </c>
      <c r="AE33719">
        <v>17</v>
      </c>
      <c r="AF33719">
        <v>17</v>
      </c>
      <c r="AG33719">
        <v>17</v>
      </c>
      <c r="AH33719">
        <v>18</v>
      </c>
      <c r="AI33719">
        <v>18</v>
      </c>
      <c r="AJ33719">
        <v>18</v>
      </c>
      <c r="AK33719">
        <v>18</v>
      </c>
      <c r="AL33719">
        <v>18</v>
      </c>
      <c r="AM33719">
        <v>19</v>
      </c>
      <c r="AN33719">
        <v>19</v>
      </c>
      <c r="AO33719">
        <v>19</v>
      </c>
      <c r="AP33719">
        <v>19</v>
      </c>
      <c r="AQ33719">
        <v>20</v>
      </c>
    </row>
    <row r="33720" spans="1:43">
      <c r="A33720" t="s">
        <v>20895</v>
      </c>
      <c r="B33720" t="s">
        <v>20896</v>
      </c>
      <c r="C33720" t="s">
        <v>20893</v>
      </c>
      <c r="D33720" t="s">
        <v>20894</v>
      </c>
      <c r="E33720" t="s">
        <v>20787</v>
      </c>
      <c r="F33720" t="s">
        <v>20788</v>
      </c>
      <c r="G33720" t="s">
        <v>20255</v>
      </c>
      <c r="H33720" t="s">
        <v>20256</v>
      </c>
      <c r="I33720" s="2">
        <v>1</v>
      </c>
      <c r="J33720" s="2">
        <v>0</v>
      </c>
      <c r="K33720" s="2">
        <v>0</v>
      </c>
      <c r="L33720" t="s">
        <v>120</v>
      </c>
      <c r="M33720" t="s">
        <v>89</v>
      </c>
      <c r="N33720" t="s">
        <v>90</v>
      </c>
      <c r="O33720" t="s">
        <v>85</v>
      </c>
      <c r="P33720" t="s">
        <v>86</v>
      </c>
      <c r="Q33720">
        <v>14</v>
      </c>
      <c r="R33720">
        <v>14</v>
      </c>
      <c r="S33720">
        <v>14</v>
      </c>
      <c r="T33720">
        <v>15</v>
      </c>
      <c r="U33720">
        <v>15</v>
      </c>
      <c r="V33720">
        <v>16</v>
      </c>
      <c r="W33720">
        <v>16</v>
      </c>
      <c r="X33720">
        <v>17</v>
      </c>
      <c r="Y33720">
        <v>17</v>
      </c>
      <c r="Z33720">
        <v>17</v>
      </c>
      <c r="AA33720">
        <v>18</v>
      </c>
      <c r="AB33720">
        <v>18</v>
      </c>
      <c r="AC33720">
        <v>19</v>
      </c>
      <c r="AD33720">
        <v>19</v>
      </c>
      <c r="AE33720">
        <v>19</v>
      </c>
      <c r="AF33720">
        <v>19</v>
      </c>
      <c r="AG33720">
        <v>20</v>
      </c>
      <c r="AH33720">
        <v>20</v>
      </c>
      <c r="AI33720">
        <v>20</v>
      </c>
      <c r="AJ33720">
        <v>20</v>
      </c>
      <c r="AK33720">
        <v>20</v>
      </c>
      <c r="AL33720">
        <v>21</v>
      </c>
      <c r="AM33720">
        <v>21</v>
      </c>
      <c r="AN33720">
        <v>21</v>
      </c>
      <c r="AO33720">
        <v>21</v>
      </c>
      <c r="AP33720">
        <v>22</v>
      </c>
      <c r="AQ33720">
        <v>22</v>
      </c>
    </row>
    <row r="33721" spans="1:43">
      <c r="A33721" t="s">
        <v>20895</v>
      </c>
      <c r="B33721" t="s">
        <v>20896</v>
      </c>
      <c r="C33721" t="s">
        <v>20893</v>
      </c>
      <c r="D33721" t="s">
        <v>20894</v>
      </c>
      <c r="E33721" t="s">
        <v>20787</v>
      </c>
      <c r="F33721" t="s">
        <v>20788</v>
      </c>
      <c r="G33721" t="s">
        <v>20255</v>
      </c>
      <c r="H33721" t="s">
        <v>20256</v>
      </c>
      <c r="I33721" s="2">
        <v>1</v>
      </c>
      <c r="J33721" s="2">
        <v>0</v>
      </c>
      <c r="K33721" s="2">
        <v>0</v>
      </c>
      <c r="L33721" t="s">
        <v>120</v>
      </c>
      <c r="M33721" t="s">
        <v>83</v>
      </c>
      <c r="N33721" t="s">
        <v>91</v>
      </c>
      <c r="O33721" t="s">
        <v>85</v>
      </c>
      <c r="P33721" t="s">
        <v>86</v>
      </c>
      <c r="Q33721">
        <v>14</v>
      </c>
      <c r="R33721">
        <v>14</v>
      </c>
      <c r="S33721">
        <v>14</v>
      </c>
      <c r="T33721">
        <v>14</v>
      </c>
      <c r="U33721">
        <v>15</v>
      </c>
      <c r="V33721">
        <v>15</v>
      </c>
      <c r="W33721">
        <v>15</v>
      </c>
      <c r="X33721">
        <v>16</v>
      </c>
      <c r="Y33721">
        <v>16</v>
      </c>
      <c r="Z33721">
        <v>16</v>
      </c>
      <c r="AA33721">
        <v>17</v>
      </c>
      <c r="AB33721">
        <v>17</v>
      </c>
      <c r="AC33721">
        <v>17</v>
      </c>
      <c r="AD33721">
        <v>18</v>
      </c>
      <c r="AE33721">
        <v>18</v>
      </c>
      <c r="AF33721">
        <v>18</v>
      </c>
      <c r="AG33721">
        <v>19</v>
      </c>
      <c r="AH33721">
        <v>19</v>
      </c>
      <c r="AI33721">
        <v>19</v>
      </c>
      <c r="AJ33721">
        <v>20</v>
      </c>
      <c r="AK33721">
        <v>20</v>
      </c>
      <c r="AL33721">
        <v>20</v>
      </c>
      <c r="AM33721">
        <v>21</v>
      </c>
      <c r="AN33721">
        <v>21</v>
      </c>
      <c r="AO33721">
        <v>21</v>
      </c>
      <c r="AP33721">
        <v>21</v>
      </c>
      <c r="AQ33721">
        <v>22</v>
      </c>
    </row>
    <row r="33722" spans="1:43">
      <c r="A33722" t="s">
        <v>20897</v>
      </c>
      <c r="B33722" t="s">
        <v>20898</v>
      </c>
      <c r="C33722" t="s">
        <v>20899</v>
      </c>
      <c r="D33722" t="s">
        <v>20900</v>
      </c>
      <c r="E33722" t="s">
        <v>20787</v>
      </c>
      <c r="F33722" t="s">
        <v>20788</v>
      </c>
      <c r="G33722" t="s">
        <v>20255</v>
      </c>
      <c r="H33722" t="s">
        <v>20256</v>
      </c>
      <c r="I33722" s="2">
        <v>1</v>
      </c>
      <c r="J33722" s="2">
        <v>0</v>
      </c>
      <c r="K33722" s="2">
        <v>0</v>
      </c>
      <c r="L33722" t="s">
        <v>120</v>
      </c>
      <c r="M33722" t="s">
        <v>83</v>
      </c>
      <c r="N33722" t="s">
        <v>84</v>
      </c>
      <c r="O33722" t="s">
        <v>85</v>
      </c>
      <c r="P33722" t="s">
        <v>86</v>
      </c>
      <c r="Q33722">
        <v>22</v>
      </c>
      <c r="R33722">
        <v>22</v>
      </c>
      <c r="S33722">
        <v>23</v>
      </c>
      <c r="T33722">
        <v>23</v>
      </c>
      <c r="U33722">
        <v>24</v>
      </c>
      <c r="V33722">
        <v>24</v>
      </c>
      <c r="W33722">
        <v>25</v>
      </c>
      <c r="X33722">
        <v>25</v>
      </c>
      <c r="Y33722">
        <v>26</v>
      </c>
      <c r="Z33722">
        <v>26</v>
      </c>
      <c r="AA33722">
        <v>27</v>
      </c>
      <c r="AB33722">
        <v>27</v>
      </c>
      <c r="AC33722">
        <v>28</v>
      </c>
      <c r="AD33722">
        <v>29</v>
      </c>
      <c r="AE33722">
        <v>29</v>
      </c>
      <c r="AF33722">
        <v>30</v>
      </c>
      <c r="AG33722">
        <v>30</v>
      </c>
      <c r="AH33722">
        <v>31</v>
      </c>
      <c r="AI33722">
        <v>31</v>
      </c>
      <c r="AJ33722">
        <v>32</v>
      </c>
      <c r="AK33722">
        <v>33</v>
      </c>
      <c r="AL33722">
        <v>33</v>
      </c>
      <c r="AM33722">
        <v>34</v>
      </c>
      <c r="AN33722">
        <v>34</v>
      </c>
      <c r="AO33722">
        <v>34</v>
      </c>
      <c r="AP33722">
        <v>35</v>
      </c>
      <c r="AQ33722">
        <v>35</v>
      </c>
    </row>
    <row r="33723" spans="1:43">
      <c r="A33723" t="s">
        <v>20897</v>
      </c>
      <c r="B33723" t="s">
        <v>20898</v>
      </c>
      <c r="C33723" t="s">
        <v>20899</v>
      </c>
      <c r="D33723" t="s">
        <v>20900</v>
      </c>
      <c r="E33723" t="s">
        <v>20787</v>
      </c>
      <c r="F33723" t="s">
        <v>20788</v>
      </c>
      <c r="G33723" t="s">
        <v>20255</v>
      </c>
      <c r="H33723" t="s">
        <v>20256</v>
      </c>
      <c r="I33723" s="2">
        <v>1</v>
      </c>
      <c r="J33723" s="2">
        <v>0</v>
      </c>
      <c r="K33723" s="2">
        <v>0</v>
      </c>
      <c r="L33723" t="s">
        <v>120</v>
      </c>
      <c r="M33723" t="s">
        <v>87</v>
      </c>
      <c r="N33723" t="s">
        <v>88</v>
      </c>
      <c r="O33723" t="s">
        <v>85</v>
      </c>
      <c r="P33723" t="s">
        <v>86</v>
      </c>
      <c r="Q33723">
        <v>22</v>
      </c>
      <c r="R33723">
        <v>23</v>
      </c>
      <c r="S33723">
        <v>23</v>
      </c>
      <c r="T33723">
        <v>23</v>
      </c>
      <c r="U33723">
        <v>24</v>
      </c>
      <c r="V33723">
        <v>24</v>
      </c>
      <c r="W33723">
        <v>24</v>
      </c>
      <c r="X33723">
        <v>25</v>
      </c>
      <c r="Y33723">
        <v>25</v>
      </c>
      <c r="Z33723">
        <v>25</v>
      </c>
      <c r="AA33723">
        <v>26</v>
      </c>
      <c r="AB33723">
        <v>26</v>
      </c>
      <c r="AC33723">
        <v>26</v>
      </c>
      <c r="AD33723">
        <v>27</v>
      </c>
      <c r="AE33723">
        <v>27</v>
      </c>
      <c r="AF33723">
        <v>27</v>
      </c>
      <c r="AG33723">
        <v>28</v>
      </c>
      <c r="AH33723">
        <v>28</v>
      </c>
      <c r="AI33723">
        <v>28</v>
      </c>
      <c r="AJ33723">
        <v>29</v>
      </c>
      <c r="AK33723">
        <v>29</v>
      </c>
      <c r="AL33723">
        <v>29</v>
      </c>
      <c r="AM33723">
        <v>30</v>
      </c>
      <c r="AN33723">
        <v>30</v>
      </c>
      <c r="AO33723">
        <v>31</v>
      </c>
      <c r="AP33723">
        <v>31</v>
      </c>
      <c r="AQ33723">
        <v>32</v>
      </c>
    </row>
    <row r="33724" spans="1:43">
      <c r="A33724" t="s">
        <v>20897</v>
      </c>
      <c r="B33724" t="s">
        <v>20898</v>
      </c>
      <c r="C33724" t="s">
        <v>20899</v>
      </c>
      <c r="D33724" t="s">
        <v>20900</v>
      </c>
      <c r="E33724" t="s">
        <v>20787</v>
      </c>
      <c r="F33724" t="s">
        <v>20788</v>
      </c>
      <c r="G33724" t="s">
        <v>20255</v>
      </c>
      <c r="H33724" t="s">
        <v>20256</v>
      </c>
      <c r="I33724" s="2">
        <v>1</v>
      </c>
      <c r="J33724" s="2">
        <v>0</v>
      </c>
      <c r="K33724" s="2">
        <v>0</v>
      </c>
      <c r="L33724" t="s">
        <v>120</v>
      </c>
      <c r="M33724" t="s">
        <v>89</v>
      </c>
      <c r="N33724" t="s">
        <v>90</v>
      </c>
      <c r="O33724" t="s">
        <v>85</v>
      </c>
      <c r="P33724" t="s">
        <v>86</v>
      </c>
      <c r="Q33724">
        <v>22</v>
      </c>
      <c r="R33724">
        <v>23</v>
      </c>
      <c r="S33724">
        <v>23</v>
      </c>
      <c r="T33724">
        <v>24</v>
      </c>
      <c r="U33724">
        <v>25</v>
      </c>
      <c r="V33724">
        <v>25</v>
      </c>
      <c r="W33724">
        <v>26</v>
      </c>
      <c r="X33724">
        <v>27</v>
      </c>
      <c r="Y33724">
        <v>27</v>
      </c>
      <c r="Z33724">
        <v>28</v>
      </c>
      <c r="AA33724">
        <v>29</v>
      </c>
      <c r="AB33724">
        <v>29</v>
      </c>
      <c r="AC33724">
        <v>30</v>
      </c>
      <c r="AD33724">
        <v>31</v>
      </c>
      <c r="AE33724">
        <v>31</v>
      </c>
      <c r="AF33724">
        <v>31</v>
      </c>
      <c r="AG33724">
        <v>32</v>
      </c>
      <c r="AH33724">
        <v>32</v>
      </c>
      <c r="AI33724">
        <v>33</v>
      </c>
      <c r="AJ33724">
        <v>33</v>
      </c>
      <c r="AK33724">
        <v>33</v>
      </c>
      <c r="AL33724">
        <v>34</v>
      </c>
      <c r="AM33724">
        <v>34</v>
      </c>
      <c r="AN33724">
        <v>34</v>
      </c>
      <c r="AO33724">
        <v>35</v>
      </c>
      <c r="AP33724">
        <v>35</v>
      </c>
      <c r="AQ33724">
        <v>35</v>
      </c>
    </row>
    <row r="33725" spans="1:43">
      <c r="A33725" t="s">
        <v>20897</v>
      </c>
      <c r="B33725" t="s">
        <v>20898</v>
      </c>
      <c r="C33725" t="s">
        <v>20899</v>
      </c>
      <c r="D33725" t="s">
        <v>20900</v>
      </c>
      <c r="E33725" t="s">
        <v>20787</v>
      </c>
      <c r="F33725" t="s">
        <v>20788</v>
      </c>
      <c r="G33725" t="s">
        <v>20255</v>
      </c>
      <c r="H33725" t="s">
        <v>20256</v>
      </c>
      <c r="I33725" s="2">
        <v>1</v>
      </c>
      <c r="J33725" s="2">
        <v>0</v>
      </c>
      <c r="K33725" s="2">
        <v>0</v>
      </c>
      <c r="L33725" t="s">
        <v>120</v>
      </c>
      <c r="M33725" t="s">
        <v>83</v>
      </c>
      <c r="N33725" t="s">
        <v>91</v>
      </c>
      <c r="O33725" t="s">
        <v>85</v>
      </c>
      <c r="P33725" t="s">
        <v>86</v>
      </c>
      <c r="Q33725">
        <v>22</v>
      </c>
      <c r="R33725">
        <v>22</v>
      </c>
      <c r="S33725">
        <v>23</v>
      </c>
      <c r="T33725">
        <v>23</v>
      </c>
      <c r="U33725">
        <v>24</v>
      </c>
      <c r="V33725">
        <v>24</v>
      </c>
      <c r="W33725">
        <v>25</v>
      </c>
      <c r="X33725">
        <v>25</v>
      </c>
      <c r="Y33725">
        <v>26</v>
      </c>
      <c r="Z33725">
        <v>26</v>
      </c>
      <c r="AA33725">
        <v>27</v>
      </c>
      <c r="AB33725">
        <v>27</v>
      </c>
      <c r="AC33725">
        <v>28</v>
      </c>
      <c r="AD33725">
        <v>29</v>
      </c>
      <c r="AE33725">
        <v>29</v>
      </c>
      <c r="AF33725">
        <v>30</v>
      </c>
      <c r="AG33725">
        <v>30</v>
      </c>
      <c r="AH33725">
        <v>31</v>
      </c>
      <c r="AI33725">
        <v>31</v>
      </c>
      <c r="AJ33725">
        <v>32</v>
      </c>
      <c r="AK33725">
        <v>33</v>
      </c>
      <c r="AL33725">
        <v>33</v>
      </c>
      <c r="AM33725">
        <v>34</v>
      </c>
      <c r="AN33725">
        <v>34</v>
      </c>
      <c r="AO33725">
        <v>34</v>
      </c>
      <c r="AP33725">
        <v>35</v>
      </c>
      <c r="AQ33725">
        <v>35</v>
      </c>
    </row>
    <row r="33726" spans="1:43">
      <c r="A33726" t="s">
        <v>20901</v>
      </c>
      <c r="B33726" t="s">
        <v>20902</v>
      </c>
      <c r="C33726" t="s">
        <v>20899</v>
      </c>
      <c r="D33726" t="s">
        <v>20900</v>
      </c>
      <c r="E33726" t="s">
        <v>20787</v>
      </c>
      <c r="F33726" t="s">
        <v>20788</v>
      </c>
      <c r="G33726" t="s">
        <v>20255</v>
      </c>
      <c r="H33726" t="s">
        <v>20256</v>
      </c>
      <c r="I33726" s="2">
        <v>1</v>
      </c>
      <c r="J33726" s="2">
        <v>0</v>
      </c>
      <c r="K33726" s="2">
        <v>0</v>
      </c>
      <c r="L33726" t="s">
        <v>120</v>
      </c>
      <c r="M33726" t="s">
        <v>83</v>
      </c>
      <c r="N33726" t="s">
        <v>84</v>
      </c>
      <c r="O33726" t="s">
        <v>85</v>
      </c>
      <c r="P33726" t="s">
        <v>86</v>
      </c>
      <c r="Q33726">
        <v>22</v>
      </c>
      <c r="R33726">
        <v>22</v>
      </c>
      <c r="S33726">
        <v>23</v>
      </c>
      <c r="T33726">
        <v>23</v>
      </c>
      <c r="U33726">
        <v>24</v>
      </c>
      <c r="V33726">
        <v>24</v>
      </c>
      <c r="W33726">
        <v>25</v>
      </c>
      <c r="X33726">
        <v>25</v>
      </c>
      <c r="Y33726">
        <v>26</v>
      </c>
      <c r="Z33726">
        <v>26</v>
      </c>
      <c r="AA33726">
        <v>27</v>
      </c>
      <c r="AB33726">
        <v>28</v>
      </c>
      <c r="AC33726">
        <v>28</v>
      </c>
      <c r="AD33726">
        <v>29</v>
      </c>
      <c r="AE33726">
        <v>29</v>
      </c>
      <c r="AF33726">
        <v>30</v>
      </c>
      <c r="AG33726">
        <v>30</v>
      </c>
      <c r="AH33726">
        <v>31</v>
      </c>
      <c r="AI33726">
        <v>32</v>
      </c>
      <c r="AJ33726">
        <v>32</v>
      </c>
      <c r="AK33726">
        <v>33</v>
      </c>
      <c r="AL33726">
        <v>33</v>
      </c>
      <c r="AM33726">
        <v>34</v>
      </c>
      <c r="AN33726">
        <v>34</v>
      </c>
      <c r="AO33726">
        <v>34</v>
      </c>
      <c r="AP33726">
        <v>35</v>
      </c>
      <c r="AQ33726">
        <v>35</v>
      </c>
    </row>
    <row r="33727" spans="1:43">
      <c r="A33727" t="s">
        <v>20901</v>
      </c>
      <c r="B33727" t="s">
        <v>20902</v>
      </c>
      <c r="C33727" t="s">
        <v>20899</v>
      </c>
      <c r="D33727" t="s">
        <v>20900</v>
      </c>
      <c r="E33727" t="s">
        <v>20787</v>
      </c>
      <c r="F33727" t="s">
        <v>20788</v>
      </c>
      <c r="G33727" t="s">
        <v>20255</v>
      </c>
      <c r="H33727" t="s">
        <v>20256</v>
      </c>
      <c r="I33727" s="2">
        <v>1</v>
      </c>
      <c r="J33727" s="2">
        <v>0</v>
      </c>
      <c r="K33727" s="2">
        <v>0</v>
      </c>
      <c r="L33727" t="s">
        <v>120</v>
      </c>
      <c r="M33727" t="s">
        <v>87</v>
      </c>
      <c r="N33727" t="s">
        <v>88</v>
      </c>
      <c r="O33727" t="s">
        <v>85</v>
      </c>
      <c r="P33727" t="s">
        <v>86</v>
      </c>
      <c r="Q33727">
        <v>22</v>
      </c>
      <c r="R33727">
        <v>22</v>
      </c>
      <c r="S33727">
        <v>22</v>
      </c>
      <c r="T33727">
        <v>22</v>
      </c>
      <c r="U33727">
        <v>23</v>
      </c>
      <c r="V33727">
        <v>23</v>
      </c>
      <c r="W33727">
        <v>23</v>
      </c>
      <c r="X33727">
        <v>24</v>
      </c>
      <c r="Y33727">
        <v>24</v>
      </c>
      <c r="Z33727">
        <v>24</v>
      </c>
      <c r="AA33727">
        <v>25</v>
      </c>
      <c r="AB33727">
        <v>25</v>
      </c>
      <c r="AC33727">
        <v>25</v>
      </c>
      <c r="AD33727">
        <v>26</v>
      </c>
      <c r="AE33727">
        <v>26</v>
      </c>
      <c r="AF33727">
        <v>26</v>
      </c>
      <c r="AG33727">
        <v>27</v>
      </c>
      <c r="AH33727">
        <v>27</v>
      </c>
      <c r="AI33727">
        <v>27</v>
      </c>
      <c r="AJ33727">
        <v>28</v>
      </c>
      <c r="AK33727">
        <v>28</v>
      </c>
      <c r="AL33727">
        <v>29</v>
      </c>
      <c r="AM33727">
        <v>29</v>
      </c>
      <c r="AN33727">
        <v>29</v>
      </c>
      <c r="AO33727">
        <v>30</v>
      </c>
      <c r="AP33727">
        <v>30</v>
      </c>
      <c r="AQ33727">
        <v>31</v>
      </c>
    </row>
    <row r="33728" spans="1:43">
      <c r="A33728" t="s">
        <v>20901</v>
      </c>
      <c r="B33728" t="s">
        <v>20902</v>
      </c>
      <c r="C33728" t="s">
        <v>20899</v>
      </c>
      <c r="D33728" t="s">
        <v>20900</v>
      </c>
      <c r="E33728" t="s">
        <v>20787</v>
      </c>
      <c r="F33728" t="s">
        <v>20788</v>
      </c>
      <c r="G33728" t="s">
        <v>20255</v>
      </c>
      <c r="H33728" t="s">
        <v>20256</v>
      </c>
      <c r="I33728" s="2">
        <v>1</v>
      </c>
      <c r="J33728" s="2">
        <v>0</v>
      </c>
      <c r="K33728" s="2">
        <v>0</v>
      </c>
      <c r="L33728" t="s">
        <v>120</v>
      </c>
      <c r="M33728" t="s">
        <v>89</v>
      </c>
      <c r="N33728" t="s">
        <v>90</v>
      </c>
      <c r="O33728" t="s">
        <v>85</v>
      </c>
      <c r="P33728" t="s">
        <v>86</v>
      </c>
      <c r="Q33728">
        <v>22</v>
      </c>
      <c r="R33728">
        <v>23</v>
      </c>
      <c r="S33728">
        <v>23</v>
      </c>
      <c r="T33728">
        <v>24</v>
      </c>
      <c r="U33728">
        <v>25</v>
      </c>
      <c r="V33728">
        <v>25</v>
      </c>
      <c r="W33728">
        <v>26</v>
      </c>
      <c r="X33728">
        <v>27</v>
      </c>
      <c r="Y33728">
        <v>27</v>
      </c>
      <c r="Z33728">
        <v>28</v>
      </c>
      <c r="AA33728">
        <v>29</v>
      </c>
      <c r="AB33728">
        <v>29</v>
      </c>
      <c r="AC33728">
        <v>30</v>
      </c>
      <c r="AD33728">
        <v>31</v>
      </c>
      <c r="AE33728">
        <v>31</v>
      </c>
      <c r="AF33728">
        <v>32</v>
      </c>
      <c r="AG33728">
        <v>32</v>
      </c>
      <c r="AH33728">
        <v>32</v>
      </c>
      <c r="AI33728">
        <v>33</v>
      </c>
      <c r="AJ33728">
        <v>33</v>
      </c>
      <c r="AK33728">
        <v>33</v>
      </c>
      <c r="AL33728">
        <v>34</v>
      </c>
      <c r="AM33728">
        <v>34</v>
      </c>
      <c r="AN33728">
        <v>34</v>
      </c>
      <c r="AO33728">
        <v>35</v>
      </c>
      <c r="AP33728">
        <v>35</v>
      </c>
      <c r="AQ33728">
        <v>36</v>
      </c>
    </row>
    <row r="33729" spans="1:43">
      <c r="A33729" t="s">
        <v>20901</v>
      </c>
      <c r="B33729" t="s">
        <v>20902</v>
      </c>
      <c r="C33729" t="s">
        <v>20899</v>
      </c>
      <c r="D33729" t="s">
        <v>20900</v>
      </c>
      <c r="E33729" t="s">
        <v>20787</v>
      </c>
      <c r="F33729" t="s">
        <v>20788</v>
      </c>
      <c r="G33729" t="s">
        <v>20255</v>
      </c>
      <c r="H33729" t="s">
        <v>20256</v>
      </c>
      <c r="I33729" s="2">
        <v>1</v>
      </c>
      <c r="J33729" s="2">
        <v>0</v>
      </c>
      <c r="K33729" s="2">
        <v>0</v>
      </c>
      <c r="L33729" t="s">
        <v>120</v>
      </c>
      <c r="M33729" t="s">
        <v>83</v>
      </c>
      <c r="N33729" t="s">
        <v>91</v>
      </c>
      <c r="O33729" t="s">
        <v>85</v>
      </c>
      <c r="P33729" t="s">
        <v>86</v>
      </c>
      <c r="Q33729">
        <v>22</v>
      </c>
      <c r="R33729">
        <v>22</v>
      </c>
      <c r="S33729">
        <v>23</v>
      </c>
      <c r="T33729">
        <v>23</v>
      </c>
      <c r="U33729">
        <v>24</v>
      </c>
      <c r="V33729">
        <v>24</v>
      </c>
      <c r="W33729">
        <v>25</v>
      </c>
      <c r="X33729">
        <v>25</v>
      </c>
      <c r="Y33729">
        <v>26</v>
      </c>
      <c r="Z33729">
        <v>26</v>
      </c>
      <c r="AA33729">
        <v>27</v>
      </c>
      <c r="AB33729">
        <v>28</v>
      </c>
      <c r="AC33729">
        <v>28</v>
      </c>
      <c r="AD33729">
        <v>29</v>
      </c>
      <c r="AE33729">
        <v>29</v>
      </c>
      <c r="AF33729">
        <v>30</v>
      </c>
      <c r="AG33729">
        <v>30</v>
      </c>
      <c r="AH33729">
        <v>31</v>
      </c>
      <c r="AI33729">
        <v>32</v>
      </c>
      <c r="AJ33729">
        <v>32</v>
      </c>
      <c r="AK33729">
        <v>33</v>
      </c>
      <c r="AL33729">
        <v>33</v>
      </c>
      <c r="AM33729">
        <v>34</v>
      </c>
      <c r="AN33729">
        <v>34</v>
      </c>
      <c r="AO33729">
        <v>34</v>
      </c>
      <c r="AP33729">
        <v>35</v>
      </c>
      <c r="AQ33729">
        <v>35</v>
      </c>
    </row>
    <row r="33730" spans="1:43">
      <c r="A33730" t="s">
        <v>20903</v>
      </c>
      <c r="B33730" t="s">
        <v>20904</v>
      </c>
      <c r="C33730" t="s">
        <v>20899</v>
      </c>
      <c r="D33730" t="s">
        <v>20900</v>
      </c>
      <c r="E33730" t="s">
        <v>20787</v>
      </c>
      <c r="F33730" t="s">
        <v>20788</v>
      </c>
      <c r="G33730" t="s">
        <v>20255</v>
      </c>
      <c r="H33730" t="s">
        <v>20256</v>
      </c>
      <c r="I33730" s="2">
        <v>1</v>
      </c>
      <c r="J33730" s="2">
        <v>0</v>
      </c>
      <c r="K33730" s="2">
        <v>0</v>
      </c>
      <c r="L33730" t="s">
        <v>120</v>
      </c>
      <c r="M33730" t="s">
        <v>83</v>
      </c>
      <c r="N33730" t="s">
        <v>84</v>
      </c>
      <c r="O33730" t="s">
        <v>85</v>
      </c>
      <c r="P33730" t="s">
        <v>86</v>
      </c>
      <c r="Q33730">
        <v>12</v>
      </c>
      <c r="R33730">
        <v>13</v>
      </c>
      <c r="S33730">
        <v>13</v>
      </c>
      <c r="T33730">
        <v>13</v>
      </c>
      <c r="U33730">
        <v>13</v>
      </c>
      <c r="V33730">
        <v>14</v>
      </c>
      <c r="W33730">
        <v>14</v>
      </c>
      <c r="X33730">
        <v>14</v>
      </c>
      <c r="Y33730">
        <v>15</v>
      </c>
      <c r="Z33730">
        <v>15</v>
      </c>
      <c r="AA33730">
        <v>15</v>
      </c>
      <c r="AB33730">
        <v>16</v>
      </c>
      <c r="AC33730">
        <v>16</v>
      </c>
      <c r="AD33730">
        <v>16</v>
      </c>
      <c r="AE33730">
        <v>17</v>
      </c>
      <c r="AF33730">
        <v>17</v>
      </c>
      <c r="AG33730">
        <v>17</v>
      </c>
      <c r="AH33730">
        <v>18</v>
      </c>
      <c r="AI33730">
        <v>18</v>
      </c>
      <c r="AJ33730">
        <v>18</v>
      </c>
      <c r="AK33730">
        <v>19</v>
      </c>
      <c r="AL33730">
        <v>19</v>
      </c>
      <c r="AM33730">
        <v>19</v>
      </c>
      <c r="AN33730">
        <v>19</v>
      </c>
      <c r="AO33730">
        <v>19</v>
      </c>
      <c r="AP33730">
        <v>20</v>
      </c>
      <c r="AQ33730">
        <v>20</v>
      </c>
    </row>
    <row r="33731" spans="1:43">
      <c r="A33731" t="s">
        <v>20903</v>
      </c>
      <c r="B33731" t="s">
        <v>20904</v>
      </c>
      <c r="C33731" t="s">
        <v>20899</v>
      </c>
      <c r="D33731" t="s">
        <v>20900</v>
      </c>
      <c r="E33731" t="s">
        <v>20787</v>
      </c>
      <c r="F33731" t="s">
        <v>20788</v>
      </c>
      <c r="G33731" t="s">
        <v>20255</v>
      </c>
      <c r="H33731" t="s">
        <v>20256</v>
      </c>
      <c r="I33731" s="2">
        <v>1</v>
      </c>
      <c r="J33731" s="2">
        <v>0</v>
      </c>
      <c r="K33731" s="2">
        <v>0</v>
      </c>
      <c r="L33731" t="s">
        <v>120</v>
      </c>
      <c r="M33731" t="s">
        <v>87</v>
      </c>
      <c r="N33731" t="s">
        <v>88</v>
      </c>
      <c r="O33731" t="s">
        <v>85</v>
      </c>
      <c r="P33731" t="s">
        <v>86</v>
      </c>
      <c r="Q33731">
        <v>12</v>
      </c>
      <c r="R33731">
        <v>12</v>
      </c>
      <c r="S33731">
        <v>13</v>
      </c>
      <c r="T33731">
        <v>13</v>
      </c>
      <c r="U33731">
        <v>13</v>
      </c>
      <c r="V33731">
        <v>13</v>
      </c>
      <c r="W33731">
        <v>13</v>
      </c>
      <c r="X33731">
        <v>13</v>
      </c>
      <c r="Y33731">
        <v>14</v>
      </c>
      <c r="Z33731">
        <v>14</v>
      </c>
      <c r="AA33731">
        <v>14</v>
      </c>
      <c r="AB33731">
        <v>14</v>
      </c>
      <c r="AC33731">
        <v>14</v>
      </c>
      <c r="AD33731">
        <v>14</v>
      </c>
      <c r="AE33731">
        <v>15</v>
      </c>
      <c r="AF33731">
        <v>15</v>
      </c>
      <c r="AG33731">
        <v>15</v>
      </c>
      <c r="AH33731">
        <v>15</v>
      </c>
      <c r="AI33731">
        <v>15</v>
      </c>
      <c r="AJ33731">
        <v>16</v>
      </c>
      <c r="AK33731">
        <v>16</v>
      </c>
      <c r="AL33731">
        <v>16</v>
      </c>
      <c r="AM33731">
        <v>16</v>
      </c>
      <c r="AN33731">
        <v>17</v>
      </c>
      <c r="AO33731">
        <v>17</v>
      </c>
      <c r="AP33731">
        <v>17</v>
      </c>
      <c r="AQ33731">
        <v>17</v>
      </c>
    </row>
    <row r="33732" spans="1:43">
      <c r="A33732" t="s">
        <v>20903</v>
      </c>
      <c r="B33732" t="s">
        <v>20904</v>
      </c>
      <c r="C33732" t="s">
        <v>20899</v>
      </c>
      <c r="D33732" t="s">
        <v>20900</v>
      </c>
      <c r="E33732" t="s">
        <v>20787</v>
      </c>
      <c r="F33732" t="s">
        <v>20788</v>
      </c>
      <c r="G33732" t="s">
        <v>20255</v>
      </c>
      <c r="H33732" t="s">
        <v>20256</v>
      </c>
      <c r="I33732" s="2">
        <v>1</v>
      </c>
      <c r="J33732" s="2">
        <v>0</v>
      </c>
      <c r="K33732" s="2">
        <v>0</v>
      </c>
      <c r="L33732" t="s">
        <v>120</v>
      </c>
      <c r="M33732" t="s">
        <v>89</v>
      </c>
      <c r="N33732" t="s">
        <v>90</v>
      </c>
      <c r="O33732" t="s">
        <v>85</v>
      </c>
      <c r="P33732" t="s">
        <v>86</v>
      </c>
      <c r="Q33732">
        <v>12</v>
      </c>
      <c r="R33732">
        <v>13</v>
      </c>
      <c r="S33732">
        <v>13</v>
      </c>
      <c r="T33732">
        <v>14</v>
      </c>
      <c r="U33732">
        <v>14</v>
      </c>
      <c r="V33732">
        <v>14</v>
      </c>
      <c r="W33732">
        <v>15</v>
      </c>
      <c r="X33732">
        <v>15</v>
      </c>
      <c r="Y33732">
        <v>15</v>
      </c>
      <c r="Z33732">
        <v>16</v>
      </c>
      <c r="AA33732">
        <v>16</v>
      </c>
      <c r="AB33732">
        <v>17</v>
      </c>
      <c r="AC33732">
        <v>17</v>
      </c>
      <c r="AD33732">
        <v>17</v>
      </c>
      <c r="AE33732">
        <v>18</v>
      </c>
      <c r="AF33732">
        <v>18</v>
      </c>
      <c r="AG33732">
        <v>18</v>
      </c>
      <c r="AH33732">
        <v>18</v>
      </c>
      <c r="AI33732">
        <v>18</v>
      </c>
      <c r="AJ33732">
        <v>19</v>
      </c>
      <c r="AK33732">
        <v>19</v>
      </c>
      <c r="AL33732">
        <v>19</v>
      </c>
      <c r="AM33732">
        <v>19</v>
      </c>
      <c r="AN33732">
        <v>19</v>
      </c>
      <c r="AO33732">
        <v>20</v>
      </c>
      <c r="AP33732">
        <v>20</v>
      </c>
      <c r="AQ33732">
        <v>20</v>
      </c>
    </row>
    <row r="33733" spans="1:43">
      <c r="A33733" t="s">
        <v>20903</v>
      </c>
      <c r="B33733" t="s">
        <v>20904</v>
      </c>
      <c r="C33733" t="s">
        <v>20899</v>
      </c>
      <c r="D33733" t="s">
        <v>20900</v>
      </c>
      <c r="E33733" t="s">
        <v>20787</v>
      </c>
      <c r="F33733" t="s">
        <v>20788</v>
      </c>
      <c r="G33733" t="s">
        <v>20255</v>
      </c>
      <c r="H33733" t="s">
        <v>20256</v>
      </c>
      <c r="I33733" s="2">
        <v>1</v>
      </c>
      <c r="J33733" s="2">
        <v>0</v>
      </c>
      <c r="K33733" s="2">
        <v>0</v>
      </c>
      <c r="L33733" t="s">
        <v>120</v>
      </c>
      <c r="M33733" t="s">
        <v>83</v>
      </c>
      <c r="N33733" t="s">
        <v>91</v>
      </c>
      <c r="O33733" t="s">
        <v>85</v>
      </c>
      <c r="P33733" t="s">
        <v>86</v>
      </c>
      <c r="Q33733">
        <v>12</v>
      </c>
      <c r="R33733">
        <v>13</v>
      </c>
      <c r="S33733">
        <v>13</v>
      </c>
      <c r="T33733">
        <v>13</v>
      </c>
      <c r="U33733">
        <v>13</v>
      </c>
      <c r="V33733">
        <v>14</v>
      </c>
      <c r="W33733">
        <v>14</v>
      </c>
      <c r="X33733">
        <v>14</v>
      </c>
      <c r="Y33733">
        <v>15</v>
      </c>
      <c r="Z33733">
        <v>15</v>
      </c>
      <c r="AA33733">
        <v>15</v>
      </c>
      <c r="AB33733">
        <v>16</v>
      </c>
      <c r="AC33733">
        <v>16</v>
      </c>
      <c r="AD33733">
        <v>16</v>
      </c>
      <c r="AE33733">
        <v>17</v>
      </c>
      <c r="AF33733">
        <v>17</v>
      </c>
      <c r="AG33733">
        <v>17</v>
      </c>
      <c r="AH33733">
        <v>18</v>
      </c>
      <c r="AI33733">
        <v>18</v>
      </c>
      <c r="AJ33733">
        <v>18</v>
      </c>
      <c r="AK33733">
        <v>19</v>
      </c>
      <c r="AL33733">
        <v>19</v>
      </c>
      <c r="AM33733">
        <v>19</v>
      </c>
      <c r="AN33733">
        <v>19</v>
      </c>
      <c r="AO33733">
        <v>19</v>
      </c>
      <c r="AP33733">
        <v>20</v>
      </c>
      <c r="AQ33733">
        <v>20</v>
      </c>
    </row>
    <row r="33734" spans="1:43">
      <c r="A33734" t="s">
        <v>20905</v>
      </c>
      <c r="B33734" t="s">
        <v>20906</v>
      </c>
      <c r="C33734" t="s">
        <v>20899</v>
      </c>
      <c r="D33734" t="s">
        <v>20900</v>
      </c>
      <c r="E33734" t="s">
        <v>20787</v>
      </c>
      <c r="F33734" t="s">
        <v>20788</v>
      </c>
      <c r="G33734" t="s">
        <v>20255</v>
      </c>
      <c r="H33734" t="s">
        <v>20256</v>
      </c>
      <c r="I33734" s="2">
        <v>1</v>
      </c>
      <c r="J33734" s="2">
        <v>0</v>
      </c>
      <c r="K33734" s="2">
        <v>0</v>
      </c>
      <c r="L33734" t="s">
        <v>120</v>
      </c>
      <c r="M33734" t="s">
        <v>83</v>
      </c>
      <c r="N33734" t="s">
        <v>84</v>
      </c>
      <c r="O33734" t="s">
        <v>85</v>
      </c>
      <c r="P33734" t="s">
        <v>86</v>
      </c>
      <c r="Q33734">
        <v>59</v>
      </c>
      <c r="R33734">
        <v>60</v>
      </c>
      <c r="S33734">
        <v>61</v>
      </c>
      <c r="T33734">
        <v>63</v>
      </c>
      <c r="U33734">
        <v>64</v>
      </c>
      <c r="V33734">
        <v>65</v>
      </c>
      <c r="W33734">
        <v>67</v>
      </c>
      <c r="X33734">
        <v>68</v>
      </c>
      <c r="Y33734">
        <v>70</v>
      </c>
      <c r="Z33734">
        <v>71</v>
      </c>
      <c r="AA33734">
        <v>73</v>
      </c>
      <c r="AB33734">
        <v>74</v>
      </c>
      <c r="AC33734">
        <v>76</v>
      </c>
      <c r="AD33734">
        <v>77</v>
      </c>
      <c r="AE33734">
        <v>79</v>
      </c>
      <c r="AF33734">
        <v>80</v>
      </c>
      <c r="AG33734">
        <v>82</v>
      </c>
      <c r="AH33734">
        <v>83</v>
      </c>
      <c r="AI33734">
        <v>85</v>
      </c>
      <c r="AJ33734">
        <v>87</v>
      </c>
      <c r="AK33734">
        <v>88</v>
      </c>
      <c r="AL33734">
        <v>90</v>
      </c>
      <c r="AM33734">
        <v>91</v>
      </c>
      <c r="AN33734">
        <v>92</v>
      </c>
      <c r="AO33734">
        <v>93</v>
      </c>
      <c r="AP33734">
        <v>94</v>
      </c>
      <c r="AQ33734">
        <v>95</v>
      </c>
    </row>
    <row r="33735" spans="1:43">
      <c r="A33735" t="s">
        <v>20905</v>
      </c>
      <c r="B33735" t="s">
        <v>20906</v>
      </c>
      <c r="C33735" t="s">
        <v>20899</v>
      </c>
      <c r="D33735" t="s">
        <v>20900</v>
      </c>
      <c r="E33735" t="s">
        <v>20787</v>
      </c>
      <c r="F33735" t="s">
        <v>20788</v>
      </c>
      <c r="G33735" t="s">
        <v>20255</v>
      </c>
      <c r="H33735" t="s">
        <v>20256</v>
      </c>
      <c r="I33735" s="2">
        <v>1</v>
      </c>
      <c r="J33735" s="2">
        <v>0</v>
      </c>
      <c r="K33735" s="2">
        <v>0</v>
      </c>
      <c r="L33735" t="s">
        <v>120</v>
      </c>
      <c r="M33735" t="s">
        <v>87</v>
      </c>
      <c r="N33735" t="s">
        <v>88</v>
      </c>
      <c r="O33735" t="s">
        <v>85</v>
      </c>
      <c r="P33735" t="s">
        <v>86</v>
      </c>
      <c r="Q33735">
        <v>59</v>
      </c>
      <c r="R33735">
        <v>60</v>
      </c>
      <c r="S33735">
        <v>61</v>
      </c>
      <c r="T33735">
        <v>61</v>
      </c>
      <c r="U33735">
        <v>62</v>
      </c>
      <c r="V33735">
        <v>63</v>
      </c>
      <c r="W33735">
        <v>64</v>
      </c>
      <c r="X33735">
        <v>65</v>
      </c>
      <c r="Y33735">
        <v>65</v>
      </c>
      <c r="Z33735">
        <v>66</v>
      </c>
      <c r="AA33735">
        <v>67</v>
      </c>
      <c r="AB33735">
        <v>68</v>
      </c>
      <c r="AC33735">
        <v>69</v>
      </c>
      <c r="AD33735">
        <v>70</v>
      </c>
      <c r="AE33735">
        <v>71</v>
      </c>
      <c r="AF33735">
        <v>72</v>
      </c>
      <c r="AG33735">
        <v>73</v>
      </c>
      <c r="AH33735">
        <v>74</v>
      </c>
      <c r="AI33735">
        <v>75</v>
      </c>
      <c r="AJ33735">
        <v>76</v>
      </c>
      <c r="AK33735">
        <v>77</v>
      </c>
      <c r="AL33735">
        <v>78</v>
      </c>
      <c r="AM33735">
        <v>79</v>
      </c>
      <c r="AN33735">
        <v>80</v>
      </c>
      <c r="AO33735">
        <v>81</v>
      </c>
      <c r="AP33735">
        <v>82</v>
      </c>
      <c r="AQ33735">
        <v>83</v>
      </c>
    </row>
    <row r="33736" spans="1:43">
      <c r="A33736" t="s">
        <v>20905</v>
      </c>
      <c r="B33736" t="s">
        <v>20906</v>
      </c>
      <c r="C33736" t="s">
        <v>20899</v>
      </c>
      <c r="D33736" t="s">
        <v>20900</v>
      </c>
      <c r="E33736" t="s">
        <v>20787</v>
      </c>
      <c r="F33736" t="s">
        <v>20788</v>
      </c>
      <c r="G33736" t="s">
        <v>20255</v>
      </c>
      <c r="H33736" t="s">
        <v>20256</v>
      </c>
      <c r="I33736" s="2">
        <v>1</v>
      </c>
      <c r="J33736" s="2">
        <v>0</v>
      </c>
      <c r="K33736" s="2">
        <v>0</v>
      </c>
      <c r="L33736" t="s">
        <v>120</v>
      </c>
      <c r="M33736" t="s">
        <v>89</v>
      </c>
      <c r="N33736" t="s">
        <v>90</v>
      </c>
      <c r="O33736" t="s">
        <v>85</v>
      </c>
      <c r="P33736" t="s">
        <v>86</v>
      </c>
      <c r="Q33736">
        <v>59</v>
      </c>
      <c r="R33736">
        <v>61</v>
      </c>
      <c r="S33736">
        <v>63</v>
      </c>
      <c r="T33736">
        <v>65</v>
      </c>
      <c r="U33736">
        <v>67</v>
      </c>
      <c r="V33736">
        <v>68</v>
      </c>
      <c r="W33736">
        <v>70</v>
      </c>
      <c r="X33736">
        <v>72</v>
      </c>
      <c r="Y33736">
        <v>74</v>
      </c>
      <c r="Z33736">
        <v>75</v>
      </c>
      <c r="AA33736">
        <v>77</v>
      </c>
      <c r="AB33736">
        <v>79</v>
      </c>
      <c r="AC33736">
        <v>81</v>
      </c>
      <c r="AD33736">
        <v>83</v>
      </c>
      <c r="AE33736">
        <v>84</v>
      </c>
      <c r="AF33736">
        <v>85</v>
      </c>
      <c r="AG33736">
        <v>86</v>
      </c>
      <c r="AH33736">
        <v>87</v>
      </c>
      <c r="AI33736">
        <v>88</v>
      </c>
      <c r="AJ33736">
        <v>89</v>
      </c>
      <c r="AK33736">
        <v>90</v>
      </c>
      <c r="AL33736">
        <v>91</v>
      </c>
      <c r="AM33736">
        <v>92</v>
      </c>
      <c r="AN33736">
        <v>93</v>
      </c>
      <c r="AO33736">
        <v>94</v>
      </c>
      <c r="AP33736">
        <v>95</v>
      </c>
      <c r="AQ33736">
        <v>96</v>
      </c>
    </row>
    <row r="33737" spans="1:43">
      <c r="A33737" t="s">
        <v>20905</v>
      </c>
      <c r="B33737" t="s">
        <v>20906</v>
      </c>
      <c r="C33737" t="s">
        <v>20899</v>
      </c>
      <c r="D33737" t="s">
        <v>20900</v>
      </c>
      <c r="E33737" t="s">
        <v>20787</v>
      </c>
      <c r="F33737" t="s">
        <v>20788</v>
      </c>
      <c r="G33737" t="s">
        <v>20255</v>
      </c>
      <c r="H33737" t="s">
        <v>20256</v>
      </c>
      <c r="I33737" s="2">
        <v>1</v>
      </c>
      <c r="J33737" s="2">
        <v>0</v>
      </c>
      <c r="K33737" s="2">
        <v>0</v>
      </c>
      <c r="L33737" t="s">
        <v>120</v>
      </c>
      <c r="M33737" t="s">
        <v>83</v>
      </c>
      <c r="N33737" t="s">
        <v>91</v>
      </c>
      <c r="O33737" t="s">
        <v>85</v>
      </c>
      <c r="P33737" t="s">
        <v>86</v>
      </c>
      <c r="Q33737">
        <v>59</v>
      </c>
      <c r="R33737">
        <v>60</v>
      </c>
      <c r="S33737">
        <v>61</v>
      </c>
      <c r="T33737">
        <v>63</v>
      </c>
      <c r="U33737">
        <v>64</v>
      </c>
      <c r="V33737">
        <v>65</v>
      </c>
      <c r="W33737">
        <v>67</v>
      </c>
      <c r="X33737">
        <v>68</v>
      </c>
      <c r="Y33737">
        <v>70</v>
      </c>
      <c r="Z33737">
        <v>71</v>
      </c>
      <c r="AA33737">
        <v>73</v>
      </c>
      <c r="AB33737">
        <v>74</v>
      </c>
      <c r="AC33737">
        <v>76</v>
      </c>
      <c r="AD33737">
        <v>77</v>
      </c>
      <c r="AE33737">
        <v>79</v>
      </c>
      <c r="AF33737">
        <v>80</v>
      </c>
      <c r="AG33737">
        <v>82</v>
      </c>
      <c r="AH33737">
        <v>83</v>
      </c>
      <c r="AI33737">
        <v>85</v>
      </c>
      <c r="AJ33737">
        <v>87</v>
      </c>
      <c r="AK33737">
        <v>88</v>
      </c>
      <c r="AL33737">
        <v>90</v>
      </c>
      <c r="AM33737">
        <v>91</v>
      </c>
      <c r="AN33737">
        <v>92</v>
      </c>
      <c r="AO33737">
        <v>93</v>
      </c>
      <c r="AP33737">
        <v>94</v>
      </c>
      <c r="AQ33737">
        <v>95</v>
      </c>
    </row>
    <row r="33738" spans="1:43">
      <c r="A33738" t="s">
        <v>20907</v>
      </c>
      <c r="B33738" t="s">
        <v>20908</v>
      </c>
      <c r="C33738" t="s">
        <v>20909</v>
      </c>
      <c r="D33738" t="s">
        <v>20910</v>
      </c>
      <c r="E33738" t="s">
        <v>20787</v>
      </c>
      <c r="F33738" t="s">
        <v>20788</v>
      </c>
      <c r="G33738" t="s">
        <v>20255</v>
      </c>
      <c r="H33738" t="s">
        <v>20256</v>
      </c>
      <c r="I33738" s="2">
        <v>1</v>
      </c>
      <c r="J33738" s="2">
        <v>0</v>
      </c>
      <c r="K33738" s="2">
        <v>0</v>
      </c>
      <c r="L33738" t="s">
        <v>120</v>
      </c>
      <c r="M33738" t="s">
        <v>83</v>
      </c>
      <c r="N33738" t="s">
        <v>84</v>
      </c>
      <c r="O33738" t="s">
        <v>85</v>
      </c>
      <c r="P33738" t="s">
        <v>86</v>
      </c>
      <c r="Q33738">
        <v>10</v>
      </c>
      <c r="R33738">
        <v>11</v>
      </c>
      <c r="S33738">
        <v>11</v>
      </c>
      <c r="T33738">
        <v>11</v>
      </c>
      <c r="U33738">
        <v>11</v>
      </c>
      <c r="V33738">
        <v>12</v>
      </c>
      <c r="W33738">
        <v>12</v>
      </c>
      <c r="X33738">
        <v>12</v>
      </c>
      <c r="Y33738">
        <v>12</v>
      </c>
      <c r="Z33738">
        <v>13</v>
      </c>
      <c r="AA33738">
        <v>13</v>
      </c>
      <c r="AB33738">
        <v>13</v>
      </c>
      <c r="AC33738">
        <v>13</v>
      </c>
      <c r="AD33738">
        <v>14</v>
      </c>
      <c r="AE33738">
        <v>14</v>
      </c>
      <c r="AF33738">
        <v>14</v>
      </c>
      <c r="AG33738">
        <v>14</v>
      </c>
      <c r="AH33738">
        <v>15</v>
      </c>
      <c r="AI33738">
        <v>15</v>
      </c>
      <c r="AJ33738">
        <v>15</v>
      </c>
      <c r="AK33738">
        <v>16</v>
      </c>
      <c r="AL33738">
        <v>16</v>
      </c>
      <c r="AM33738">
        <v>16</v>
      </c>
      <c r="AN33738">
        <v>16</v>
      </c>
      <c r="AO33738">
        <v>16</v>
      </c>
      <c r="AP33738">
        <v>17</v>
      </c>
      <c r="AQ33738">
        <v>17</v>
      </c>
    </row>
    <row r="33739" spans="1:43">
      <c r="A33739" t="s">
        <v>20907</v>
      </c>
      <c r="B33739" t="s">
        <v>20908</v>
      </c>
      <c r="C33739" t="s">
        <v>20909</v>
      </c>
      <c r="D33739" t="s">
        <v>20910</v>
      </c>
      <c r="E33739" t="s">
        <v>20787</v>
      </c>
      <c r="F33739" t="s">
        <v>20788</v>
      </c>
      <c r="G33739" t="s">
        <v>20255</v>
      </c>
      <c r="H33739" t="s">
        <v>20256</v>
      </c>
      <c r="I33739" s="2">
        <v>1</v>
      </c>
      <c r="J33739" s="2">
        <v>0</v>
      </c>
      <c r="K33739" s="2">
        <v>0</v>
      </c>
      <c r="L33739" t="s">
        <v>120</v>
      </c>
      <c r="M33739" t="s">
        <v>87</v>
      </c>
      <c r="N33739" t="s">
        <v>88</v>
      </c>
      <c r="O33739" t="s">
        <v>85</v>
      </c>
      <c r="P33739" t="s">
        <v>86</v>
      </c>
      <c r="Q33739">
        <v>10</v>
      </c>
      <c r="R33739">
        <v>10</v>
      </c>
      <c r="S33739">
        <v>11</v>
      </c>
      <c r="T33739">
        <v>11</v>
      </c>
      <c r="U33739">
        <v>11</v>
      </c>
      <c r="V33739">
        <v>11</v>
      </c>
      <c r="W33739">
        <v>11</v>
      </c>
      <c r="X33739">
        <v>11</v>
      </c>
      <c r="Y33739">
        <v>11</v>
      </c>
      <c r="Z33739">
        <v>12</v>
      </c>
      <c r="AA33739">
        <v>12</v>
      </c>
      <c r="AB33739">
        <v>12</v>
      </c>
      <c r="AC33739">
        <v>12</v>
      </c>
      <c r="AD33739">
        <v>12</v>
      </c>
      <c r="AE33739">
        <v>12</v>
      </c>
      <c r="AF33739">
        <v>13</v>
      </c>
      <c r="AG33739">
        <v>13</v>
      </c>
      <c r="AH33739">
        <v>13</v>
      </c>
      <c r="AI33739">
        <v>13</v>
      </c>
      <c r="AJ33739">
        <v>13</v>
      </c>
      <c r="AK33739">
        <v>13</v>
      </c>
      <c r="AL33739">
        <v>14</v>
      </c>
      <c r="AM33739">
        <v>14</v>
      </c>
      <c r="AN33739">
        <v>14</v>
      </c>
      <c r="AO33739">
        <v>14</v>
      </c>
      <c r="AP33739">
        <v>14</v>
      </c>
      <c r="AQ33739">
        <v>15</v>
      </c>
    </row>
    <row r="33740" spans="1:43">
      <c r="A33740" t="s">
        <v>20907</v>
      </c>
      <c r="B33740" t="s">
        <v>20908</v>
      </c>
      <c r="C33740" t="s">
        <v>20909</v>
      </c>
      <c r="D33740" t="s">
        <v>20910</v>
      </c>
      <c r="E33740" t="s">
        <v>20787</v>
      </c>
      <c r="F33740" t="s">
        <v>20788</v>
      </c>
      <c r="G33740" t="s">
        <v>20255</v>
      </c>
      <c r="H33740" t="s">
        <v>20256</v>
      </c>
      <c r="I33740" s="2">
        <v>1</v>
      </c>
      <c r="J33740" s="2">
        <v>0</v>
      </c>
      <c r="K33740" s="2">
        <v>0</v>
      </c>
      <c r="L33740" t="s">
        <v>120</v>
      </c>
      <c r="M33740" t="s">
        <v>89</v>
      </c>
      <c r="N33740" t="s">
        <v>90</v>
      </c>
      <c r="O33740" t="s">
        <v>85</v>
      </c>
      <c r="P33740" t="s">
        <v>86</v>
      </c>
      <c r="Q33740">
        <v>10</v>
      </c>
      <c r="R33740">
        <v>11</v>
      </c>
      <c r="S33740">
        <v>11</v>
      </c>
      <c r="T33740">
        <v>11</v>
      </c>
      <c r="U33740">
        <v>12</v>
      </c>
      <c r="V33740">
        <v>12</v>
      </c>
      <c r="W33740">
        <v>12</v>
      </c>
      <c r="X33740">
        <v>13</v>
      </c>
      <c r="Y33740">
        <v>13</v>
      </c>
      <c r="Z33740">
        <v>13</v>
      </c>
      <c r="AA33740">
        <v>14</v>
      </c>
      <c r="AB33740">
        <v>14</v>
      </c>
      <c r="AC33740">
        <v>14</v>
      </c>
      <c r="AD33740">
        <v>15</v>
      </c>
      <c r="AE33740">
        <v>15</v>
      </c>
      <c r="AF33740">
        <v>15</v>
      </c>
      <c r="AG33740">
        <v>15</v>
      </c>
      <c r="AH33740">
        <v>15</v>
      </c>
      <c r="AI33740">
        <v>16</v>
      </c>
      <c r="AJ33740">
        <v>16</v>
      </c>
      <c r="AK33740">
        <v>16</v>
      </c>
      <c r="AL33740">
        <v>16</v>
      </c>
      <c r="AM33740">
        <v>16</v>
      </c>
      <c r="AN33740">
        <v>16</v>
      </c>
      <c r="AO33740">
        <v>17</v>
      </c>
      <c r="AP33740">
        <v>17</v>
      </c>
      <c r="AQ33740">
        <v>17</v>
      </c>
    </row>
    <row r="33741" spans="1:43">
      <c r="A33741" t="s">
        <v>20907</v>
      </c>
      <c r="B33741" t="s">
        <v>20908</v>
      </c>
      <c r="C33741" t="s">
        <v>20909</v>
      </c>
      <c r="D33741" t="s">
        <v>20910</v>
      </c>
      <c r="E33741" t="s">
        <v>20787</v>
      </c>
      <c r="F33741" t="s">
        <v>20788</v>
      </c>
      <c r="G33741" t="s">
        <v>20255</v>
      </c>
      <c r="H33741" t="s">
        <v>20256</v>
      </c>
      <c r="I33741" s="2">
        <v>1</v>
      </c>
      <c r="J33741" s="2">
        <v>0</v>
      </c>
      <c r="K33741" s="2">
        <v>0</v>
      </c>
      <c r="L33741" t="s">
        <v>120</v>
      </c>
      <c r="M33741" t="s">
        <v>83</v>
      </c>
      <c r="N33741" t="s">
        <v>91</v>
      </c>
      <c r="O33741" t="s">
        <v>85</v>
      </c>
      <c r="P33741" t="s">
        <v>86</v>
      </c>
      <c r="Q33741">
        <v>10</v>
      </c>
      <c r="R33741">
        <v>11</v>
      </c>
      <c r="S33741">
        <v>11</v>
      </c>
      <c r="T33741">
        <v>11</v>
      </c>
      <c r="U33741">
        <v>11</v>
      </c>
      <c r="V33741">
        <v>12</v>
      </c>
      <c r="W33741">
        <v>12</v>
      </c>
      <c r="X33741">
        <v>12</v>
      </c>
      <c r="Y33741">
        <v>12</v>
      </c>
      <c r="Z33741">
        <v>13</v>
      </c>
      <c r="AA33741">
        <v>13</v>
      </c>
      <c r="AB33741">
        <v>13</v>
      </c>
      <c r="AC33741">
        <v>13</v>
      </c>
      <c r="AD33741">
        <v>14</v>
      </c>
      <c r="AE33741">
        <v>14</v>
      </c>
      <c r="AF33741">
        <v>14</v>
      </c>
      <c r="AG33741">
        <v>14</v>
      </c>
      <c r="AH33741">
        <v>15</v>
      </c>
      <c r="AI33741">
        <v>15</v>
      </c>
      <c r="AJ33741">
        <v>15</v>
      </c>
      <c r="AK33741">
        <v>16</v>
      </c>
      <c r="AL33741">
        <v>16</v>
      </c>
      <c r="AM33741">
        <v>16</v>
      </c>
      <c r="AN33741">
        <v>16</v>
      </c>
      <c r="AO33741">
        <v>16</v>
      </c>
      <c r="AP33741">
        <v>17</v>
      </c>
      <c r="AQ33741">
        <v>17</v>
      </c>
    </row>
    <row r="33742" spans="1:43">
      <c r="A33742" t="s">
        <v>20911</v>
      </c>
      <c r="B33742" t="s">
        <v>20912</v>
      </c>
      <c r="C33742" t="s">
        <v>20909</v>
      </c>
      <c r="D33742" t="s">
        <v>20910</v>
      </c>
      <c r="E33742" t="s">
        <v>20787</v>
      </c>
      <c r="F33742" t="s">
        <v>20788</v>
      </c>
      <c r="G33742" t="s">
        <v>20255</v>
      </c>
      <c r="H33742" t="s">
        <v>20256</v>
      </c>
      <c r="I33742" s="2">
        <v>1</v>
      </c>
      <c r="J33742" s="2">
        <v>0</v>
      </c>
      <c r="K33742" s="2">
        <v>0</v>
      </c>
      <c r="L33742" t="s">
        <v>120</v>
      </c>
      <c r="M33742" t="s">
        <v>83</v>
      </c>
      <c r="N33742" t="s">
        <v>84</v>
      </c>
      <c r="O33742" t="s">
        <v>85</v>
      </c>
      <c r="P33742" t="s">
        <v>86</v>
      </c>
      <c r="Q33742">
        <v>11</v>
      </c>
      <c r="R33742">
        <v>12</v>
      </c>
      <c r="S33742">
        <v>12</v>
      </c>
      <c r="T33742">
        <v>12</v>
      </c>
      <c r="U33742">
        <v>12</v>
      </c>
      <c r="V33742">
        <v>13</v>
      </c>
      <c r="W33742">
        <v>13</v>
      </c>
      <c r="X33742">
        <v>13</v>
      </c>
      <c r="Y33742">
        <v>13</v>
      </c>
      <c r="Z33742">
        <v>14</v>
      </c>
      <c r="AA33742">
        <v>14</v>
      </c>
      <c r="AB33742">
        <v>14</v>
      </c>
      <c r="AC33742">
        <v>15</v>
      </c>
      <c r="AD33742">
        <v>15</v>
      </c>
      <c r="AE33742">
        <v>15</v>
      </c>
      <c r="AF33742">
        <v>15</v>
      </c>
      <c r="AG33742">
        <v>16</v>
      </c>
      <c r="AH33742">
        <v>16</v>
      </c>
      <c r="AI33742">
        <v>16</v>
      </c>
      <c r="AJ33742">
        <v>17</v>
      </c>
      <c r="AK33742">
        <v>17</v>
      </c>
      <c r="AL33742">
        <v>17</v>
      </c>
      <c r="AM33742">
        <v>17</v>
      </c>
      <c r="AN33742">
        <v>18</v>
      </c>
      <c r="AO33742">
        <v>18</v>
      </c>
      <c r="AP33742">
        <v>18</v>
      </c>
      <c r="AQ33742">
        <v>18</v>
      </c>
    </row>
    <row r="33743" spans="1:43">
      <c r="A33743" t="s">
        <v>20911</v>
      </c>
      <c r="B33743" t="s">
        <v>20912</v>
      </c>
      <c r="C33743" t="s">
        <v>20909</v>
      </c>
      <c r="D33743" t="s">
        <v>20910</v>
      </c>
      <c r="E33743" t="s">
        <v>20787</v>
      </c>
      <c r="F33743" t="s">
        <v>20788</v>
      </c>
      <c r="G33743" t="s">
        <v>20255</v>
      </c>
      <c r="H33743" t="s">
        <v>20256</v>
      </c>
      <c r="I33743" s="2">
        <v>1</v>
      </c>
      <c r="J33743" s="2">
        <v>0</v>
      </c>
      <c r="K33743" s="2">
        <v>0</v>
      </c>
      <c r="L33743" t="s">
        <v>120</v>
      </c>
      <c r="M33743" t="s">
        <v>87</v>
      </c>
      <c r="N33743" t="s">
        <v>88</v>
      </c>
      <c r="O33743" t="s">
        <v>85</v>
      </c>
      <c r="P33743" t="s">
        <v>86</v>
      </c>
      <c r="Q33743">
        <v>11</v>
      </c>
      <c r="R33743">
        <v>11</v>
      </c>
      <c r="S33743">
        <v>11</v>
      </c>
      <c r="T33743">
        <v>12</v>
      </c>
      <c r="U33743">
        <v>12</v>
      </c>
      <c r="V33743">
        <v>12</v>
      </c>
      <c r="W33743">
        <v>12</v>
      </c>
      <c r="X33743">
        <v>12</v>
      </c>
      <c r="Y33743">
        <v>12</v>
      </c>
      <c r="Z33743">
        <v>13</v>
      </c>
      <c r="AA33743">
        <v>13</v>
      </c>
      <c r="AB33743">
        <v>13</v>
      </c>
      <c r="AC33743">
        <v>13</v>
      </c>
      <c r="AD33743">
        <v>13</v>
      </c>
      <c r="AE33743">
        <v>13</v>
      </c>
      <c r="AF33743">
        <v>14</v>
      </c>
      <c r="AG33743">
        <v>14</v>
      </c>
      <c r="AH33743">
        <v>14</v>
      </c>
      <c r="AI33743">
        <v>14</v>
      </c>
      <c r="AJ33743">
        <v>14</v>
      </c>
      <c r="AK33743">
        <v>15</v>
      </c>
      <c r="AL33743">
        <v>15</v>
      </c>
      <c r="AM33743">
        <v>15</v>
      </c>
      <c r="AN33743">
        <v>15</v>
      </c>
      <c r="AO33743">
        <v>15</v>
      </c>
      <c r="AP33743">
        <v>16</v>
      </c>
      <c r="AQ33743">
        <v>16</v>
      </c>
    </row>
    <row r="33744" spans="1:43">
      <c r="A33744" t="s">
        <v>20911</v>
      </c>
      <c r="B33744" t="s">
        <v>20912</v>
      </c>
      <c r="C33744" t="s">
        <v>20909</v>
      </c>
      <c r="D33744" t="s">
        <v>20910</v>
      </c>
      <c r="E33744" t="s">
        <v>20787</v>
      </c>
      <c r="F33744" t="s">
        <v>20788</v>
      </c>
      <c r="G33744" t="s">
        <v>20255</v>
      </c>
      <c r="H33744" t="s">
        <v>20256</v>
      </c>
      <c r="I33744" s="2">
        <v>1</v>
      </c>
      <c r="J33744" s="2">
        <v>0</v>
      </c>
      <c r="K33744" s="2">
        <v>0</v>
      </c>
      <c r="L33744" t="s">
        <v>120</v>
      </c>
      <c r="M33744" t="s">
        <v>89</v>
      </c>
      <c r="N33744" t="s">
        <v>90</v>
      </c>
      <c r="O33744" t="s">
        <v>85</v>
      </c>
      <c r="P33744" t="s">
        <v>86</v>
      </c>
      <c r="Q33744">
        <v>11</v>
      </c>
      <c r="R33744">
        <v>12</v>
      </c>
      <c r="S33744">
        <v>12</v>
      </c>
      <c r="T33744">
        <v>12</v>
      </c>
      <c r="U33744">
        <v>13</v>
      </c>
      <c r="V33744">
        <v>13</v>
      </c>
      <c r="W33744">
        <v>13</v>
      </c>
      <c r="X33744">
        <v>14</v>
      </c>
      <c r="Y33744">
        <v>14</v>
      </c>
      <c r="Z33744">
        <v>14</v>
      </c>
      <c r="AA33744">
        <v>15</v>
      </c>
      <c r="AB33744">
        <v>15</v>
      </c>
      <c r="AC33744">
        <v>16</v>
      </c>
      <c r="AD33744">
        <v>16</v>
      </c>
      <c r="AE33744">
        <v>16</v>
      </c>
      <c r="AF33744">
        <v>16</v>
      </c>
      <c r="AG33744">
        <v>16</v>
      </c>
      <c r="AH33744">
        <v>17</v>
      </c>
      <c r="AI33744">
        <v>17</v>
      </c>
      <c r="AJ33744">
        <v>17</v>
      </c>
      <c r="AK33744">
        <v>17</v>
      </c>
      <c r="AL33744">
        <v>17</v>
      </c>
      <c r="AM33744">
        <v>18</v>
      </c>
      <c r="AN33744">
        <v>18</v>
      </c>
      <c r="AO33744">
        <v>18</v>
      </c>
      <c r="AP33744">
        <v>18</v>
      </c>
      <c r="AQ33744">
        <v>18</v>
      </c>
    </row>
    <row r="33745" spans="1:43">
      <c r="A33745" t="s">
        <v>20911</v>
      </c>
      <c r="B33745" t="s">
        <v>20912</v>
      </c>
      <c r="C33745" t="s">
        <v>20909</v>
      </c>
      <c r="D33745" t="s">
        <v>20910</v>
      </c>
      <c r="E33745" t="s">
        <v>20787</v>
      </c>
      <c r="F33745" t="s">
        <v>20788</v>
      </c>
      <c r="G33745" t="s">
        <v>20255</v>
      </c>
      <c r="H33745" t="s">
        <v>20256</v>
      </c>
      <c r="I33745" s="2">
        <v>1</v>
      </c>
      <c r="J33745" s="2">
        <v>0</v>
      </c>
      <c r="K33745" s="2">
        <v>0</v>
      </c>
      <c r="L33745" t="s">
        <v>120</v>
      </c>
      <c r="M33745" t="s">
        <v>83</v>
      </c>
      <c r="N33745" t="s">
        <v>91</v>
      </c>
      <c r="O33745" t="s">
        <v>85</v>
      </c>
      <c r="P33745" t="s">
        <v>86</v>
      </c>
      <c r="Q33745">
        <v>11</v>
      </c>
      <c r="R33745">
        <v>12</v>
      </c>
      <c r="S33745">
        <v>12</v>
      </c>
      <c r="T33745">
        <v>12</v>
      </c>
      <c r="U33745">
        <v>12</v>
      </c>
      <c r="V33745">
        <v>13</v>
      </c>
      <c r="W33745">
        <v>13</v>
      </c>
      <c r="X33745">
        <v>13</v>
      </c>
      <c r="Y33745">
        <v>13</v>
      </c>
      <c r="Z33745">
        <v>14</v>
      </c>
      <c r="AA33745">
        <v>14</v>
      </c>
      <c r="AB33745">
        <v>14</v>
      </c>
      <c r="AC33745">
        <v>15</v>
      </c>
      <c r="AD33745">
        <v>15</v>
      </c>
      <c r="AE33745">
        <v>15</v>
      </c>
      <c r="AF33745">
        <v>15</v>
      </c>
      <c r="AG33745">
        <v>16</v>
      </c>
      <c r="AH33745">
        <v>16</v>
      </c>
      <c r="AI33745">
        <v>16</v>
      </c>
      <c r="AJ33745">
        <v>17</v>
      </c>
      <c r="AK33745">
        <v>17</v>
      </c>
      <c r="AL33745">
        <v>17</v>
      </c>
      <c r="AM33745">
        <v>17</v>
      </c>
      <c r="AN33745">
        <v>18</v>
      </c>
      <c r="AO33745">
        <v>18</v>
      </c>
      <c r="AP33745">
        <v>18</v>
      </c>
      <c r="AQ33745">
        <v>18</v>
      </c>
    </row>
    <row r="33746" spans="1:43">
      <c r="A33746" t="s">
        <v>20913</v>
      </c>
      <c r="B33746" t="s">
        <v>20914</v>
      </c>
      <c r="C33746" t="s">
        <v>20847</v>
      </c>
      <c r="D33746" t="s">
        <v>20848</v>
      </c>
      <c r="E33746" t="s">
        <v>20787</v>
      </c>
      <c r="F33746" t="s">
        <v>20788</v>
      </c>
      <c r="G33746" t="s">
        <v>20255</v>
      </c>
      <c r="H33746" t="s">
        <v>20256</v>
      </c>
      <c r="I33746" s="2">
        <v>1</v>
      </c>
      <c r="J33746" s="2">
        <v>0</v>
      </c>
      <c r="K33746" s="2">
        <v>0</v>
      </c>
      <c r="L33746" t="s">
        <v>120</v>
      </c>
      <c r="M33746" t="s">
        <v>83</v>
      </c>
      <c r="N33746" t="s">
        <v>84</v>
      </c>
      <c r="O33746" t="s">
        <v>85</v>
      </c>
      <c r="P33746" t="s">
        <v>86</v>
      </c>
      <c r="Q33746">
        <v>37</v>
      </c>
      <c r="R33746">
        <v>38</v>
      </c>
      <c r="S33746">
        <v>39</v>
      </c>
      <c r="T33746">
        <v>40</v>
      </c>
      <c r="U33746">
        <v>41</v>
      </c>
      <c r="V33746">
        <v>41</v>
      </c>
      <c r="W33746">
        <v>42</v>
      </c>
      <c r="X33746">
        <v>43</v>
      </c>
      <c r="Y33746">
        <v>44</v>
      </c>
      <c r="Z33746">
        <v>45</v>
      </c>
      <c r="AA33746">
        <v>46</v>
      </c>
      <c r="AB33746">
        <v>47</v>
      </c>
      <c r="AC33746">
        <v>48</v>
      </c>
      <c r="AD33746">
        <v>49</v>
      </c>
      <c r="AE33746">
        <v>50</v>
      </c>
      <c r="AF33746">
        <v>51</v>
      </c>
      <c r="AG33746">
        <v>52</v>
      </c>
      <c r="AH33746">
        <v>53</v>
      </c>
      <c r="AI33746">
        <v>54</v>
      </c>
      <c r="AJ33746">
        <v>55</v>
      </c>
      <c r="AK33746">
        <v>56</v>
      </c>
      <c r="AL33746">
        <v>57</v>
      </c>
      <c r="AM33746">
        <v>58</v>
      </c>
      <c r="AN33746">
        <v>58</v>
      </c>
      <c r="AO33746">
        <v>59</v>
      </c>
      <c r="AP33746">
        <v>60</v>
      </c>
      <c r="AQ33746">
        <v>61</v>
      </c>
    </row>
    <row r="33747" spans="1:43">
      <c r="A33747" t="s">
        <v>20913</v>
      </c>
      <c r="B33747" t="s">
        <v>20914</v>
      </c>
      <c r="C33747" t="s">
        <v>20847</v>
      </c>
      <c r="D33747" t="s">
        <v>20848</v>
      </c>
      <c r="E33747" t="s">
        <v>20787</v>
      </c>
      <c r="F33747" t="s">
        <v>20788</v>
      </c>
      <c r="G33747" t="s">
        <v>20255</v>
      </c>
      <c r="H33747" t="s">
        <v>20256</v>
      </c>
      <c r="I33747" s="2">
        <v>1</v>
      </c>
      <c r="J33747" s="2">
        <v>0</v>
      </c>
      <c r="K33747" s="2">
        <v>0</v>
      </c>
      <c r="L33747" t="s">
        <v>120</v>
      </c>
      <c r="M33747" t="s">
        <v>87</v>
      </c>
      <c r="N33747" t="s">
        <v>88</v>
      </c>
      <c r="O33747" t="s">
        <v>85</v>
      </c>
      <c r="P33747" t="s">
        <v>86</v>
      </c>
      <c r="Q33747">
        <v>37</v>
      </c>
      <c r="R33747">
        <v>37</v>
      </c>
      <c r="S33747">
        <v>38</v>
      </c>
      <c r="T33747">
        <v>38</v>
      </c>
      <c r="U33747">
        <v>39</v>
      </c>
      <c r="V33747">
        <v>39</v>
      </c>
      <c r="W33747">
        <v>40</v>
      </c>
      <c r="X33747">
        <v>40</v>
      </c>
      <c r="Y33747">
        <v>41</v>
      </c>
      <c r="Z33747">
        <v>41</v>
      </c>
      <c r="AA33747">
        <v>42</v>
      </c>
      <c r="AB33747">
        <v>43</v>
      </c>
      <c r="AC33747">
        <v>43</v>
      </c>
      <c r="AD33747">
        <v>44</v>
      </c>
      <c r="AE33747">
        <v>44</v>
      </c>
      <c r="AF33747">
        <v>45</v>
      </c>
      <c r="AG33747">
        <v>46</v>
      </c>
      <c r="AH33747">
        <v>46</v>
      </c>
      <c r="AI33747">
        <v>47</v>
      </c>
      <c r="AJ33747">
        <v>48</v>
      </c>
      <c r="AK33747">
        <v>48</v>
      </c>
      <c r="AL33747">
        <v>49</v>
      </c>
      <c r="AM33747">
        <v>50</v>
      </c>
      <c r="AN33747">
        <v>50</v>
      </c>
      <c r="AO33747">
        <v>51</v>
      </c>
      <c r="AP33747">
        <v>52</v>
      </c>
      <c r="AQ33747">
        <v>53</v>
      </c>
    </row>
    <row r="33748" spans="1:43">
      <c r="A33748" t="s">
        <v>20913</v>
      </c>
      <c r="B33748" t="s">
        <v>20914</v>
      </c>
      <c r="C33748" t="s">
        <v>20847</v>
      </c>
      <c r="D33748" t="s">
        <v>20848</v>
      </c>
      <c r="E33748" t="s">
        <v>20787</v>
      </c>
      <c r="F33748" t="s">
        <v>20788</v>
      </c>
      <c r="G33748" t="s">
        <v>20255</v>
      </c>
      <c r="H33748" t="s">
        <v>20256</v>
      </c>
      <c r="I33748" s="2">
        <v>1</v>
      </c>
      <c r="J33748" s="2">
        <v>0</v>
      </c>
      <c r="K33748" s="2">
        <v>0</v>
      </c>
      <c r="L33748" t="s">
        <v>120</v>
      </c>
      <c r="M33748" t="s">
        <v>89</v>
      </c>
      <c r="N33748" t="s">
        <v>90</v>
      </c>
      <c r="O33748" t="s">
        <v>85</v>
      </c>
      <c r="P33748" t="s">
        <v>86</v>
      </c>
      <c r="Q33748">
        <v>37</v>
      </c>
      <c r="R33748">
        <v>39</v>
      </c>
      <c r="S33748">
        <v>40</v>
      </c>
      <c r="T33748">
        <v>41</v>
      </c>
      <c r="U33748">
        <v>42</v>
      </c>
      <c r="V33748">
        <v>43</v>
      </c>
      <c r="W33748">
        <v>44</v>
      </c>
      <c r="X33748">
        <v>45</v>
      </c>
      <c r="Y33748">
        <v>47</v>
      </c>
      <c r="Z33748">
        <v>48</v>
      </c>
      <c r="AA33748">
        <v>49</v>
      </c>
      <c r="AB33748">
        <v>50</v>
      </c>
      <c r="AC33748">
        <v>51</v>
      </c>
      <c r="AD33748">
        <v>52</v>
      </c>
      <c r="AE33748">
        <v>53</v>
      </c>
      <c r="AF33748">
        <v>54</v>
      </c>
      <c r="AG33748">
        <v>55</v>
      </c>
      <c r="AH33748">
        <v>55</v>
      </c>
      <c r="AI33748">
        <v>56</v>
      </c>
      <c r="AJ33748">
        <v>57</v>
      </c>
      <c r="AK33748">
        <v>57</v>
      </c>
      <c r="AL33748">
        <v>58</v>
      </c>
      <c r="AM33748">
        <v>59</v>
      </c>
      <c r="AN33748">
        <v>59</v>
      </c>
      <c r="AO33748">
        <v>60</v>
      </c>
      <c r="AP33748">
        <v>61</v>
      </c>
      <c r="AQ33748">
        <v>61</v>
      </c>
    </row>
    <row r="33749" spans="1:43">
      <c r="A33749" t="s">
        <v>20913</v>
      </c>
      <c r="B33749" t="s">
        <v>20914</v>
      </c>
      <c r="C33749" t="s">
        <v>20847</v>
      </c>
      <c r="D33749" t="s">
        <v>20848</v>
      </c>
      <c r="E33749" t="s">
        <v>20787</v>
      </c>
      <c r="F33749" t="s">
        <v>20788</v>
      </c>
      <c r="G33749" t="s">
        <v>20255</v>
      </c>
      <c r="H33749" t="s">
        <v>20256</v>
      </c>
      <c r="I33749" s="2">
        <v>1</v>
      </c>
      <c r="J33749" s="2">
        <v>0</v>
      </c>
      <c r="K33749" s="2">
        <v>0</v>
      </c>
      <c r="L33749" t="s">
        <v>120</v>
      </c>
      <c r="M33749" t="s">
        <v>83</v>
      </c>
      <c r="N33749" t="s">
        <v>91</v>
      </c>
      <c r="O33749" t="s">
        <v>85</v>
      </c>
      <c r="P33749" t="s">
        <v>86</v>
      </c>
      <c r="Q33749">
        <v>37</v>
      </c>
      <c r="R33749">
        <v>38</v>
      </c>
      <c r="S33749">
        <v>39</v>
      </c>
      <c r="T33749">
        <v>40</v>
      </c>
      <c r="U33749">
        <v>41</v>
      </c>
      <c r="V33749">
        <v>41</v>
      </c>
      <c r="W33749">
        <v>42</v>
      </c>
      <c r="X33749">
        <v>43</v>
      </c>
      <c r="Y33749">
        <v>44</v>
      </c>
      <c r="Z33749">
        <v>45</v>
      </c>
      <c r="AA33749">
        <v>46</v>
      </c>
      <c r="AB33749">
        <v>47</v>
      </c>
      <c r="AC33749">
        <v>48</v>
      </c>
      <c r="AD33749">
        <v>49</v>
      </c>
      <c r="AE33749">
        <v>50</v>
      </c>
      <c r="AF33749">
        <v>51</v>
      </c>
      <c r="AG33749">
        <v>52</v>
      </c>
      <c r="AH33749">
        <v>53</v>
      </c>
      <c r="AI33749">
        <v>54</v>
      </c>
      <c r="AJ33749">
        <v>55</v>
      </c>
      <c r="AK33749">
        <v>56</v>
      </c>
      <c r="AL33749">
        <v>57</v>
      </c>
      <c r="AM33749">
        <v>58</v>
      </c>
      <c r="AN33749">
        <v>58</v>
      </c>
      <c r="AO33749">
        <v>59</v>
      </c>
      <c r="AP33749">
        <v>60</v>
      </c>
      <c r="AQ33749">
        <v>61</v>
      </c>
    </row>
    <row r="33750" spans="1:43">
      <c r="A33750" t="s">
        <v>20915</v>
      </c>
      <c r="B33750" t="s">
        <v>20916</v>
      </c>
      <c r="C33750" t="s">
        <v>20843</v>
      </c>
      <c r="D33750" t="s">
        <v>20844</v>
      </c>
      <c r="E33750" t="s">
        <v>20787</v>
      </c>
      <c r="F33750" t="s">
        <v>20788</v>
      </c>
      <c r="G33750" t="s">
        <v>20255</v>
      </c>
      <c r="H33750" t="s">
        <v>20256</v>
      </c>
      <c r="I33750" s="2">
        <v>1</v>
      </c>
      <c r="J33750" s="2">
        <v>0</v>
      </c>
      <c r="K33750" s="2">
        <v>0</v>
      </c>
      <c r="L33750" t="s">
        <v>120</v>
      </c>
      <c r="M33750" t="s">
        <v>83</v>
      </c>
      <c r="N33750" t="s">
        <v>84</v>
      </c>
      <c r="O33750" t="s">
        <v>85</v>
      </c>
      <c r="P33750" t="s">
        <v>86</v>
      </c>
      <c r="Q33750">
        <v>53</v>
      </c>
      <c r="R33750">
        <v>54</v>
      </c>
      <c r="S33750">
        <v>56</v>
      </c>
      <c r="T33750">
        <v>57</v>
      </c>
      <c r="U33750">
        <v>58</v>
      </c>
      <c r="V33750">
        <v>60</v>
      </c>
      <c r="W33750">
        <v>61</v>
      </c>
      <c r="X33750">
        <v>62</v>
      </c>
      <c r="Y33750">
        <v>63</v>
      </c>
      <c r="Z33750">
        <v>65</v>
      </c>
      <c r="AA33750">
        <v>66</v>
      </c>
      <c r="AB33750">
        <v>67</v>
      </c>
      <c r="AC33750">
        <v>69</v>
      </c>
      <c r="AD33750">
        <v>70</v>
      </c>
      <c r="AE33750">
        <v>71</v>
      </c>
      <c r="AF33750">
        <v>73</v>
      </c>
      <c r="AG33750">
        <v>74</v>
      </c>
      <c r="AH33750">
        <v>76</v>
      </c>
      <c r="AI33750">
        <v>77</v>
      </c>
      <c r="AJ33750">
        <v>79</v>
      </c>
      <c r="AK33750">
        <v>80</v>
      </c>
      <c r="AL33750">
        <v>81</v>
      </c>
      <c r="AM33750">
        <v>82</v>
      </c>
      <c r="AN33750">
        <v>83</v>
      </c>
      <c r="AO33750">
        <v>84</v>
      </c>
      <c r="AP33750">
        <v>85</v>
      </c>
      <c r="AQ33750">
        <v>86</v>
      </c>
    </row>
    <row r="33751" spans="1:43">
      <c r="A33751" t="s">
        <v>20915</v>
      </c>
      <c r="B33751" t="s">
        <v>20916</v>
      </c>
      <c r="C33751" t="s">
        <v>20843</v>
      </c>
      <c r="D33751" t="s">
        <v>20844</v>
      </c>
      <c r="E33751" t="s">
        <v>20787</v>
      </c>
      <c r="F33751" t="s">
        <v>20788</v>
      </c>
      <c r="G33751" t="s">
        <v>20255</v>
      </c>
      <c r="H33751" t="s">
        <v>20256</v>
      </c>
      <c r="I33751" s="2">
        <v>1</v>
      </c>
      <c r="J33751" s="2">
        <v>0</v>
      </c>
      <c r="K33751" s="2">
        <v>0</v>
      </c>
      <c r="L33751" t="s">
        <v>120</v>
      </c>
      <c r="M33751" t="s">
        <v>87</v>
      </c>
      <c r="N33751" t="s">
        <v>88</v>
      </c>
      <c r="O33751" t="s">
        <v>85</v>
      </c>
      <c r="P33751" t="s">
        <v>86</v>
      </c>
      <c r="Q33751">
        <v>53</v>
      </c>
      <c r="R33751">
        <v>53</v>
      </c>
      <c r="S33751">
        <v>54</v>
      </c>
      <c r="T33751">
        <v>55</v>
      </c>
      <c r="U33751">
        <v>56</v>
      </c>
      <c r="V33751">
        <v>56</v>
      </c>
      <c r="W33751">
        <v>57</v>
      </c>
      <c r="X33751">
        <v>58</v>
      </c>
      <c r="Y33751">
        <v>59</v>
      </c>
      <c r="Z33751">
        <v>59</v>
      </c>
      <c r="AA33751">
        <v>60</v>
      </c>
      <c r="AB33751">
        <v>61</v>
      </c>
      <c r="AC33751">
        <v>62</v>
      </c>
      <c r="AD33751">
        <v>63</v>
      </c>
      <c r="AE33751">
        <v>63</v>
      </c>
      <c r="AF33751">
        <v>64</v>
      </c>
      <c r="AG33751">
        <v>65</v>
      </c>
      <c r="AH33751">
        <v>66</v>
      </c>
      <c r="AI33751">
        <v>67</v>
      </c>
      <c r="AJ33751">
        <v>68</v>
      </c>
      <c r="AK33751">
        <v>69</v>
      </c>
      <c r="AL33751">
        <v>70</v>
      </c>
      <c r="AM33751">
        <v>71</v>
      </c>
      <c r="AN33751">
        <v>72</v>
      </c>
      <c r="AO33751">
        <v>73</v>
      </c>
      <c r="AP33751">
        <v>74</v>
      </c>
      <c r="AQ33751">
        <v>75</v>
      </c>
    </row>
    <row r="33752" spans="1:43">
      <c r="A33752" t="s">
        <v>20915</v>
      </c>
      <c r="B33752" t="s">
        <v>20916</v>
      </c>
      <c r="C33752" t="s">
        <v>20843</v>
      </c>
      <c r="D33752" t="s">
        <v>20844</v>
      </c>
      <c r="E33752" t="s">
        <v>20787</v>
      </c>
      <c r="F33752" t="s">
        <v>20788</v>
      </c>
      <c r="G33752" t="s">
        <v>20255</v>
      </c>
      <c r="H33752" t="s">
        <v>20256</v>
      </c>
      <c r="I33752" s="2">
        <v>1</v>
      </c>
      <c r="J33752" s="2">
        <v>0</v>
      </c>
      <c r="K33752" s="2">
        <v>0</v>
      </c>
      <c r="L33752" t="s">
        <v>120</v>
      </c>
      <c r="M33752" t="s">
        <v>89</v>
      </c>
      <c r="N33752" t="s">
        <v>90</v>
      </c>
      <c r="O33752" t="s">
        <v>85</v>
      </c>
      <c r="P33752" t="s">
        <v>86</v>
      </c>
      <c r="Q33752">
        <v>53</v>
      </c>
      <c r="R33752">
        <v>54</v>
      </c>
      <c r="S33752">
        <v>56</v>
      </c>
      <c r="T33752">
        <v>58</v>
      </c>
      <c r="U33752">
        <v>60</v>
      </c>
      <c r="V33752">
        <v>61</v>
      </c>
      <c r="W33752">
        <v>63</v>
      </c>
      <c r="X33752">
        <v>64</v>
      </c>
      <c r="Y33752">
        <v>66</v>
      </c>
      <c r="Z33752">
        <v>68</v>
      </c>
      <c r="AA33752">
        <v>69</v>
      </c>
      <c r="AB33752">
        <v>71</v>
      </c>
      <c r="AC33752">
        <v>72</v>
      </c>
      <c r="AD33752">
        <v>74</v>
      </c>
      <c r="AE33752">
        <v>76</v>
      </c>
      <c r="AF33752">
        <v>76</v>
      </c>
      <c r="AG33752">
        <v>77</v>
      </c>
      <c r="AH33752">
        <v>78</v>
      </c>
      <c r="AI33752">
        <v>79</v>
      </c>
      <c r="AJ33752">
        <v>80</v>
      </c>
      <c r="AK33752">
        <v>80</v>
      </c>
      <c r="AL33752">
        <v>81</v>
      </c>
      <c r="AM33752">
        <v>82</v>
      </c>
      <c r="AN33752">
        <v>83</v>
      </c>
      <c r="AO33752">
        <v>84</v>
      </c>
      <c r="AP33752">
        <v>85</v>
      </c>
      <c r="AQ33752">
        <v>86</v>
      </c>
    </row>
    <row r="33753" spans="1:43">
      <c r="A33753" t="s">
        <v>20915</v>
      </c>
      <c r="B33753" t="s">
        <v>20916</v>
      </c>
      <c r="C33753" t="s">
        <v>20843</v>
      </c>
      <c r="D33753" t="s">
        <v>20844</v>
      </c>
      <c r="E33753" t="s">
        <v>20787</v>
      </c>
      <c r="F33753" t="s">
        <v>20788</v>
      </c>
      <c r="G33753" t="s">
        <v>20255</v>
      </c>
      <c r="H33753" t="s">
        <v>20256</v>
      </c>
      <c r="I33753" s="2">
        <v>1</v>
      </c>
      <c r="J33753" s="2">
        <v>0</v>
      </c>
      <c r="K33753" s="2">
        <v>0</v>
      </c>
      <c r="L33753" t="s">
        <v>120</v>
      </c>
      <c r="M33753" t="s">
        <v>83</v>
      </c>
      <c r="N33753" t="s">
        <v>91</v>
      </c>
      <c r="O33753" t="s">
        <v>85</v>
      </c>
      <c r="P33753" t="s">
        <v>86</v>
      </c>
      <c r="Q33753">
        <v>53</v>
      </c>
      <c r="R33753">
        <v>54</v>
      </c>
      <c r="S33753">
        <v>56</v>
      </c>
      <c r="T33753">
        <v>57</v>
      </c>
      <c r="U33753">
        <v>58</v>
      </c>
      <c r="V33753">
        <v>60</v>
      </c>
      <c r="W33753">
        <v>61</v>
      </c>
      <c r="X33753">
        <v>62</v>
      </c>
      <c r="Y33753">
        <v>63</v>
      </c>
      <c r="Z33753">
        <v>65</v>
      </c>
      <c r="AA33753">
        <v>66</v>
      </c>
      <c r="AB33753">
        <v>67</v>
      </c>
      <c r="AC33753">
        <v>69</v>
      </c>
      <c r="AD33753">
        <v>70</v>
      </c>
      <c r="AE33753">
        <v>71</v>
      </c>
      <c r="AF33753">
        <v>73</v>
      </c>
      <c r="AG33753">
        <v>74</v>
      </c>
      <c r="AH33753">
        <v>76</v>
      </c>
      <c r="AI33753">
        <v>77</v>
      </c>
      <c r="AJ33753">
        <v>79</v>
      </c>
      <c r="AK33753">
        <v>80</v>
      </c>
      <c r="AL33753">
        <v>81</v>
      </c>
      <c r="AM33753">
        <v>82</v>
      </c>
      <c r="AN33753">
        <v>83</v>
      </c>
      <c r="AO33753">
        <v>84</v>
      </c>
      <c r="AP33753">
        <v>85</v>
      </c>
      <c r="AQ33753">
        <v>86</v>
      </c>
    </row>
    <row r="33754" spans="1:43">
      <c r="A33754" t="s">
        <v>20917</v>
      </c>
      <c r="B33754" t="s">
        <v>20918</v>
      </c>
      <c r="C33754" t="s">
        <v>20795</v>
      </c>
      <c r="D33754" t="s">
        <v>20796</v>
      </c>
      <c r="E33754" t="s">
        <v>20787</v>
      </c>
      <c r="F33754" t="s">
        <v>20788</v>
      </c>
      <c r="G33754" t="s">
        <v>20255</v>
      </c>
      <c r="H33754" t="s">
        <v>20256</v>
      </c>
      <c r="I33754" s="2">
        <v>1</v>
      </c>
      <c r="J33754" s="2">
        <v>0</v>
      </c>
      <c r="K33754" s="2">
        <v>0</v>
      </c>
      <c r="L33754" t="s">
        <v>120</v>
      </c>
      <c r="M33754" t="s">
        <v>83</v>
      </c>
      <c r="N33754" t="s">
        <v>84</v>
      </c>
      <c r="O33754" t="s">
        <v>85</v>
      </c>
      <c r="P33754" t="s">
        <v>86</v>
      </c>
      <c r="Q33754">
        <v>50</v>
      </c>
      <c r="R33754">
        <v>51</v>
      </c>
      <c r="S33754">
        <v>52</v>
      </c>
      <c r="T33754">
        <v>53</v>
      </c>
      <c r="U33754">
        <v>54</v>
      </c>
      <c r="V33754">
        <v>55</v>
      </c>
      <c r="W33754">
        <v>56</v>
      </c>
      <c r="X33754">
        <v>57</v>
      </c>
      <c r="Y33754">
        <v>57</v>
      </c>
      <c r="Z33754">
        <v>58</v>
      </c>
      <c r="AA33754">
        <v>59</v>
      </c>
      <c r="AB33754">
        <v>60</v>
      </c>
      <c r="AC33754">
        <v>61</v>
      </c>
      <c r="AD33754">
        <v>63</v>
      </c>
      <c r="AE33754">
        <v>64</v>
      </c>
      <c r="AF33754">
        <v>65</v>
      </c>
      <c r="AG33754">
        <v>66</v>
      </c>
      <c r="AH33754">
        <v>67</v>
      </c>
      <c r="AI33754">
        <v>68</v>
      </c>
      <c r="AJ33754">
        <v>69</v>
      </c>
      <c r="AK33754">
        <v>70</v>
      </c>
      <c r="AL33754">
        <v>71</v>
      </c>
      <c r="AM33754">
        <v>72</v>
      </c>
      <c r="AN33754">
        <v>72</v>
      </c>
      <c r="AO33754">
        <v>73</v>
      </c>
      <c r="AP33754">
        <v>73</v>
      </c>
      <c r="AQ33754">
        <v>74</v>
      </c>
    </row>
    <row r="33755" spans="1:43">
      <c r="A33755" t="s">
        <v>20917</v>
      </c>
      <c r="B33755" t="s">
        <v>20918</v>
      </c>
      <c r="C33755" t="s">
        <v>20795</v>
      </c>
      <c r="D33755" t="s">
        <v>20796</v>
      </c>
      <c r="E33755" t="s">
        <v>20787</v>
      </c>
      <c r="F33755" t="s">
        <v>20788</v>
      </c>
      <c r="G33755" t="s">
        <v>20255</v>
      </c>
      <c r="H33755" t="s">
        <v>20256</v>
      </c>
      <c r="I33755" s="2">
        <v>1</v>
      </c>
      <c r="J33755" s="2">
        <v>0</v>
      </c>
      <c r="K33755" s="2">
        <v>0</v>
      </c>
      <c r="L33755" t="s">
        <v>120</v>
      </c>
      <c r="M33755" t="s">
        <v>87</v>
      </c>
      <c r="N33755" t="s">
        <v>88</v>
      </c>
      <c r="O33755" t="s">
        <v>85</v>
      </c>
      <c r="P33755" t="s">
        <v>86</v>
      </c>
      <c r="Q33755">
        <v>50</v>
      </c>
      <c r="R33755">
        <v>51</v>
      </c>
      <c r="S33755">
        <v>51</v>
      </c>
      <c r="T33755">
        <v>52</v>
      </c>
      <c r="U33755">
        <v>52</v>
      </c>
      <c r="V33755">
        <v>53</v>
      </c>
      <c r="W33755">
        <v>53</v>
      </c>
      <c r="X33755">
        <v>54</v>
      </c>
      <c r="Y33755">
        <v>54</v>
      </c>
      <c r="Z33755">
        <v>55</v>
      </c>
      <c r="AA33755">
        <v>55</v>
      </c>
      <c r="AB33755">
        <v>56</v>
      </c>
      <c r="AC33755">
        <v>56</v>
      </c>
      <c r="AD33755">
        <v>57</v>
      </c>
      <c r="AE33755">
        <v>57</v>
      </c>
      <c r="AF33755">
        <v>58</v>
      </c>
      <c r="AG33755">
        <v>59</v>
      </c>
      <c r="AH33755">
        <v>59</v>
      </c>
      <c r="AI33755">
        <v>60</v>
      </c>
      <c r="AJ33755">
        <v>60</v>
      </c>
      <c r="AK33755">
        <v>61</v>
      </c>
      <c r="AL33755">
        <v>62</v>
      </c>
      <c r="AM33755">
        <v>62</v>
      </c>
      <c r="AN33755">
        <v>63</v>
      </c>
      <c r="AO33755">
        <v>64</v>
      </c>
      <c r="AP33755">
        <v>64</v>
      </c>
      <c r="AQ33755">
        <v>65</v>
      </c>
    </row>
    <row r="33756" spans="1:43">
      <c r="A33756" t="s">
        <v>20917</v>
      </c>
      <c r="B33756" t="s">
        <v>20918</v>
      </c>
      <c r="C33756" t="s">
        <v>20795</v>
      </c>
      <c r="D33756" t="s">
        <v>20796</v>
      </c>
      <c r="E33756" t="s">
        <v>20787</v>
      </c>
      <c r="F33756" t="s">
        <v>20788</v>
      </c>
      <c r="G33756" t="s">
        <v>20255</v>
      </c>
      <c r="H33756" t="s">
        <v>20256</v>
      </c>
      <c r="I33756" s="2">
        <v>1</v>
      </c>
      <c r="J33756" s="2">
        <v>0</v>
      </c>
      <c r="K33756" s="2">
        <v>0</v>
      </c>
      <c r="L33756" t="s">
        <v>120</v>
      </c>
      <c r="M33756" t="s">
        <v>89</v>
      </c>
      <c r="N33756" t="s">
        <v>90</v>
      </c>
      <c r="O33756" t="s">
        <v>85</v>
      </c>
      <c r="P33756" t="s">
        <v>86</v>
      </c>
      <c r="Q33756">
        <v>50</v>
      </c>
      <c r="R33756">
        <v>52</v>
      </c>
      <c r="S33756">
        <v>53</v>
      </c>
      <c r="T33756">
        <v>54</v>
      </c>
      <c r="U33756">
        <v>56</v>
      </c>
      <c r="V33756">
        <v>57</v>
      </c>
      <c r="W33756">
        <v>58</v>
      </c>
      <c r="X33756">
        <v>60</v>
      </c>
      <c r="Y33756">
        <v>61</v>
      </c>
      <c r="Z33756">
        <v>62</v>
      </c>
      <c r="AA33756">
        <v>63</v>
      </c>
      <c r="AB33756">
        <v>65</v>
      </c>
      <c r="AC33756">
        <v>66</v>
      </c>
      <c r="AD33756">
        <v>67</v>
      </c>
      <c r="AE33756">
        <v>68</v>
      </c>
      <c r="AF33756">
        <v>69</v>
      </c>
      <c r="AG33756">
        <v>69</v>
      </c>
      <c r="AH33756">
        <v>70</v>
      </c>
      <c r="AI33756">
        <v>70</v>
      </c>
      <c r="AJ33756">
        <v>71</v>
      </c>
      <c r="AK33756">
        <v>71</v>
      </c>
      <c r="AL33756">
        <v>72</v>
      </c>
      <c r="AM33756">
        <v>73</v>
      </c>
      <c r="AN33756">
        <v>73</v>
      </c>
      <c r="AO33756">
        <v>74</v>
      </c>
      <c r="AP33756">
        <v>74</v>
      </c>
      <c r="AQ33756">
        <v>75</v>
      </c>
    </row>
    <row r="33757" spans="1:43">
      <c r="A33757" t="s">
        <v>20917</v>
      </c>
      <c r="B33757" t="s">
        <v>20918</v>
      </c>
      <c r="C33757" t="s">
        <v>20795</v>
      </c>
      <c r="D33757" t="s">
        <v>20796</v>
      </c>
      <c r="E33757" t="s">
        <v>20787</v>
      </c>
      <c r="F33757" t="s">
        <v>20788</v>
      </c>
      <c r="G33757" t="s">
        <v>20255</v>
      </c>
      <c r="H33757" t="s">
        <v>20256</v>
      </c>
      <c r="I33757" s="2">
        <v>1</v>
      </c>
      <c r="J33757" s="2">
        <v>0</v>
      </c>
      <c r="K33757" s="2">
        <v>0</v>
      </c>
      <c r="L33757" t="s">
        <v>120</v>
      </c>
      <c r="M33757" t="s">
        <v>83</v>
      </c>
      <c r="N33757" t="s">
        <v>91</v>
      </c>
      <c r="O33757" t="s">
        <v>85</v>
      </c>
      <c r="P33757" t="s">
        <v>86</v>
      </c>
      <c r="Q33757">
        <v>50</v>
      </c>
      <c r="R33757">
        <v>51</v>
      </c>
      <c r="S33757">
        <v>52</v>
      </c>
      <c r="T33757">
        <v>53</v>
      </c>
      <c r="U33757">
        <v>54</v>
      </c>
      <c r="V33757">
        <v>55</v>
      </c>
      <c r="W33757">
        <v>56</v>
      </c>
      <c r="X33757">
        <v>57</v>
      </c>
      <c r="Y33757">
        <v>57</v>
      </c>
      <c r="Z33757">
        <v>58</v>
      </c>
      <c r="AA33757">
        <v>59</v>
      </c>
      <c r="AB33757">
        <v>60</v>
      </c>
      <c r="AC33757">
        <v>61</v>
      </c>
      <c r="AD33757">
        <v>63</v>
      </c>
      <c r="AE33757">
        <v>64</v>
      </c>
      <c r="AF33757">
        <v>65</v>
      </c>
      <c r="AG33757">
        <v>66</v>
      </c>
      <c r="AH33757">
        <v>67</v>
      </c>
      <c r="AI33757">
        <v>68</v>
      </c>
      <c r="AJ33757">
        <v>69</v>
      </c>
      <c r="AK33757">
        <v>70</v>
      </c>
      <c r="AL33757">
        <v>71</v>
      </c>
      <c r="AM33757">
        <v>72</v>
      </c>
      <c r="AN33757">
        <v>72</v>
      </c>
      <c r="AO33757">
        <v>73</v>
      </c>
      <c r="AP33757">
        <v>73</v>
      </c>
      <c r="AQ33757">
        <v>74</v>
      </c>
    </row>
    <row r="33758" spans="1:43">
      <c r="A33758" t="s">
        <v>20919</v>
      </c>
      <c r="B33758" t="s">
        <v>20920</v>
      </c>
      <c r="C33758" t="s">
        <v>20921</v>
      </c>
      <c r="D33758" t="s">
        <v>20922</v>
      </c>
      <c r="E33758" t="s">
        <v>20787</v>
      </c>
      <c r="F33758" t="s">
        <v>20788</v>
      </c>
      <c r="G33758" t="s">
        <v>20255</v>
      </c>
      <c r="H33758" t="s">
        <v>20256</v>
      </c>
      <c r="I33758" s="2">
        <v>1</v>
      </c>
      <c r="J33758" s="2">
        <v>0</v>
      </c>
      <c r="K33758" s="2">
        <v>0</v>
      </c>
      <c r="L33758" t="s">
        <v>120</v>
      </c>
      <c r="M33758" t="s">
        <v>83</v>
      </c>
      <c r="N33758" t="s">
        <v>84</v>
      </c>
      <c r="O33758" t="s">
        <v>85</v>
      </c>
      <c r="P33758" t="s">
        <v>86</v>
      </c>
      <c r="Q33758">
        <v>18</v>
      </c>
      <c r="R33758">
        <v>18</v>
      </c>
      <c r="S33758">
        <v>18</v>
      </c>
      <c r="T33758">
        <v>19</v>
      </c>
      <c r="U33758">
        <v>19</v>
      </c>
      <c r="V33758">
        <v>20</v>
      </c>
      <c r="W33758">
        <v>20</v>
      </c>
      <c r="X33758">
        <v>20</v>
      </c>
      <c r="Y33758">
        <v>21</v>
      </c>
      <c r="Z33758">
        <v>21</v>
      </c>
      <c r="AA33758">
        <v>22</v>
      </c>
      <c r="AB33758">
        <v>22</v>
      </c>
      <c r="AC33758">
        <v>23</v>
      </c>
      <c r="AD33758">
        <v>23</v>
      </c>
      <c r="AE33758">
        <v>24</v>
      </c>
      <c r="AF33758">
        <v>24</v>
      </c>
      <c r="AG33758">
        <v>25</v>
      </c>
      <c r="AH33758">
        <v>25</v>
      </c>
      <c r="AI33758">
        <v>26</v>
      </c>
      <c r="AJ33758">
        <v>26</v>
      </c>
      <c r="AK33758">
        <v>27</v>
      </c>
      <c r="AL33758">
        <v>27</v>
      </c>
      <c r="AM33758">
        <v>27</v>
      </c>
      <c r="AN33758">
        <v>28</v>
      </c>
      <c r="AO33758">
        <v>28</v>
      </c>
      <c r="AP33758">
        <v>28</v>
      </c>
      <c r="AQ33758">
        <v>29</v>
      </c>
    </row>
    <row r="33759" spans="1:43">
      <c r="A33759" t="s">
        <v>20919</v>
      </c>
      <c r="B33759" t="s">
        <v>20920</v>
      </c>
      <c r="C33759" t="s">
        <v>20921</v>
      </c>
      <c r="D33759" t="s">
        <v>20922</v>
      </c>
      <c r="E33759" t="s">
        <v>20787</v>
      </c>
      <c r="F33759" t="s">
        <v>20788</v>
      </c>
      <c r="G33759" t="s">
        <v>20255</v>
      </c>
      <c r="H33759" t="s">
        <v>20256</v>
      </c>
      <c r="I33759" s="2">
        <v>1</v>
      </c>
      <c r="J33759" s="2">
        <v>0</v>
      </c>
      <c r="K33759" s="2">
        <v>0</v>
      </c>
      <c r="L33759" t="s">
        <v>120</v>
      </c>
      <c r="M33759" t="s">
        <v>87</v>
      </c>
      <c r="N33759" t="s">
        <v>88</v>
      </c>
      <c r="O33759" t="s">
        <v>85</v>
      </c>
      <c r="P33759" t="s">
        <v>86</v>
      </c>
      <c r="Q33759">
        <v>18</v>
      </c>
      <c r="R33759">
        <v>19</v>
      </c>
      <c r="S33759">
        <v>19</v>
      </c>
      <c r="T33759">
        <v>19</v>
      </c>
      <c r="U33759">
        <v>19</v>
      </c>
      <c r="V33759">
        <v>20</v>
      </c>
      <c r="W33759">
        <v>20</v>
      </c>
      <c r="X33759">
        <v>20</v>
      </c>
      <c r="Y33759">
        <v>20</v>
      </c>
      <c r="Z33759">
        <v>21</v>
      </c>
      <c r="AA33759">
        <v>21</v>
      </c>
      <c r="AB33759">
        <v>21</v>
      </c>
      <c r="AC33759">
        <v>21</v>
      </c>
      <c r="AD33759">
        <v>22</v>
      </c>
      <c r="AE33759">
        <v>22</v>
      </c>
      <c r="AF33759">
        <v>22</v>
      </c>
      <c r="AG33759">
        <v>22</v>
      </c>
      <c r="AH33759">
        <v>23</v>
      </c>
      <c r="AI33759">
        <v>23</v>
      </c>
      <c r="AJ33759">
        <v>23</v>
      </c>
      <c r="AK33759">
        <v>24</v>
      </c>
      <c r="AL33759">
        <v>24</v>
      </c>
      <c r="AM33759">
        <v>24</v>
      </c>
      <c r="AN33759">
        <v>25</v>
      </c>
      <c r="AO33759">
        <v>25</v>
      </c>
      <c r="AP33759">
        <v>25</v>
      </c>
      <c r="AQ33759">
        <v>26</v>
      </c>
    </row>
    <row r="33760" spans="1:43">
      <c r="A33760" t="s">
        <v>20919</v>
      </c>
      <c r="B33760" t="s">
        <v>20920</v>
      </c>
      <c r="C33760" t="s">
        <v>20921</v>
      </c>
      <c r="D33760" t="s">
        <v>20922</v>
      </c>
      <c r="E33760" t="s">
        <v>20787</v>
      </c>
      <c r="F33760" t="s">
        <v>20788</v>
      </c>
      <c r="G33760" t="s">
        <v>20255</v>
      </c>
      <c r="H33760" t="s">
        <v>20256</v>
      </c>
      <c r="I33760" s="2">
        <v>1</v>
      </c>
      <c r="J33760" s="2">
        <v>0</v>
      </c>
      <c r="K33760" s="2">
        <v>0</v>
      </c>
      <c r="L33760" t="s">
        <v>120</v>
      </c>
      <c r="M33760" t="s">
        <v>89</v>
      </c>
      <c r="N33760" t="s">
        <v>90</v>
      </c>
      <c r="O33760" t="s">
        <v>85</v>
      </c>
      <c r="P33760" t="s">
        <v>86</v>
      </c>
      <c r="Q33760">
        <v>18</v>
      </c>
      <c r="R33760">
        <v>18</v>
      </c>
      <c r="S33760">
        <v>19</v>
      </c>
      <c r="T33760">
        <v>19</v>
      </c>
      <c r="U33760">
        <v>20</v>
      </c>
      <c r="V33760">
        <v>21</v>
      </c>
      <c r="W33760">
        <v>21</v>
      </c>
      <c r="X33760">
        <v>22</v>
      </c>
      <c r="Y33760">
        <v>22</v>
      </c>
      <c r="Z33760">
        <v>23</v>
      </c>
      <c r="AA33760">
        <v>23</v>
      </c>
      <c r="AB33760">
        <v>24</v>
      </c>
      <c r="AC33760">
        <v>24</v>
      </c>
      <c r="AD33760">
        <v>25</v>
      </c>
      <c r="AE33760">
        <v>25</v>
      </c>
      <c r="AF33760">
        <v>26</v>
      </c>
      <c r="AG33760">
        <v>26</v>
      </c>
      <c r="AH33760">
        <v>26</v>
      </c>
      <c r="AI33760">
        <v>26</v>
      </c>
      <c r="AJ33760">
        <v>27</v>
      </c>
      <c r="AK33760">
        <v>27</v>
      </c>
      <c r="AL33760">
        <v>27</v>
      </c>
      <c r="AM33760">
        <v>28</v>
      </c>
      <c r="AN33760">
        <v>28</v>
      </c>
      <c r="AO33760">
        <v>28</v>
      </c>
      <c r="AP33760">
        <v>29</v>
      </c>
      <c r="AQ33760">
        <v>29</v>
      </c>
    </row>
    <row r="33761" spans="1:43">
      <c r="A33761" t="s">
        <v>20919</v>
      </c>
      <c r="B33761" t="s">
        <v>20920</v>
      </c>
      <c r="C33761" t="s">
        <v>20921</v>
      </c>
      <c r="D33761" t="s">
        <v>20922</v>
      </c>
      <c r="E33761" t="s">
        <v>20787</v>
      </c>
      <c r="F33761" t="s">
        <v>20788</v>
      </c>
      <c r="G33761" t="s">
        <v>20255</v>
      </c>
      <c r="H33761" t="s">
        <v>20256</v>
      </c>
      <c r="I33761" s="2">
        <v>1</v>
      </c>
      <c r="J33761" s="2">
        <v>0</v>
      </c>
      <c r="K33761" s="2">
        <v>0</v>
      </c>
      <c r="L33761" t="s">
        <v>120</v>
      </c>
      <c r="M33761" t="s">
        <v>83</v>
      </c>
      <c r="N33761" t="s">
        <v>91</v>
      </c>
      <c r="O33761" t="s">
        <v>85</v>
      </c>
      <c r="P33761" t="s">
        <v>86</v>
      </c>
      <c r="Q33761">
        <v>18</v>
      </c>
      <c r="R33761">
        <v>18</v>
      </c>
      <c r="S33761">
        <v>18</v>
      </c>
      <c r="T33761">
        <v>19</v>
      </c>
      <c r="U33761">
        <v>19</v>
      </c>
      <c r="V33761">
        <v>20</v>
      </c>
      <c r="W33761">
        <v>20</v>
      </c>
      <c r="X33761">
        <v>20</v>
      </c>
      <c r="Y33761">
        <v>21</v>
      </c>
      <c r="Z33761">
        <v>21</v>
      </c>
      <c r="AA33761">
        <v>22</v>
      </c>
      <c r="AB33761">
        <v>22</v>
      </c>
      <c r="AC33761">
        <v>23</v>
      </c>
      <c r="AD33761">
        <v>23</v>
      </c>
      <c r="AE33761">
        <v>24</v>
      </c>
      <c r="AF33761">
        <v>24</v>
      </c>
      <c r="AG33761">
        <v>25</v>
      </c>
      <c r="AH33761">
        <v>25</v>
      </c>
      <c r="AI33761">
        <v>26</v>
      </c>
      <c r="AJ33761">
        <v>26</v>
      </c>
      <c r="AK33761">
        <v>27</v>
      </c>
      <c r="AL33761">
        <v>27</v>
      </c>
      <c r="AM33761">
        <v>27</v>
      </c>
      <c r="AN33761">
        <v>28</v>
      </c>
      <c r="AO33761">
        <v>28</v>
      </c>
      <c r="AP33761">
        <v>28</v>
      </c>
      <c r="AQ33761">
        <v>29</v>
      </c>
    </row>
    <row r="33762" spans="1:43">
      <c r="A33762" t="s">
        <v>20923</v>
      </c>
      <c r="B33762" t="s">
        <v>20924</v>
      </c>
      <c r="C33762" t="s">
        <v>20921</v>
      </c>
      <c r="D33762" t="s">
        <v>20922</v>
      </c>
      <c r="E33762" t="s">
        <v>20787</v>
      </c>
      <c r="F33762" t="s">
        <v>20788</v>
      </c>
      <c r="G33762" t="s">
        <v>20255</v>
      </c>
      <c r="H33762" t="s">
        <v>20256</v>
      </c>
      <c r="I33762" s="2">
        <v>1</v>
      </c>
      <c r="J33762" s="2">
        <v>0</v>
      </c>
      <c r="K33762" s="2">
        <v>0</v>
      </c>
      <c r="L33762" t="s">
        <v>120</v>
      </c>
      <c r="M33762" t="s">
        <v>83</v>
      </c>
      <c r="N33762" t="s">
        <v>84</v>
      </c>
      <c r="O33762" t="s">
        <v>85</v>
      </c>
      <c r="P33762" t="s">
        <v>86</v>
      </c>
      <c r="Q33762">
        <v>19</v>
      </c>
      <c r="R33762">
        <v>20</v>
      </c>
      <c r="S33762">
        <v>20</v>
      </c>
      <c r="T33762">
        <v>21</v>
      </c>
      <c r="U33762">
        <v>21</v>
      </c>
      <c r="V33762">
        <v>21</v>
      </c>
      <c r="W33762">
        <v>22</v>
      </c>
      <c r="X33762">
        <v>22</v>
      </c>
      <c r="Y33762">
        <v>23</v>
      </c>
      <c r="Z33762">
        <v>23</v>
      </c>
      <c r="AA33762">
        <v>24</v>
      </c>
      <c r="AB33762">
        <v>24</v>
      </c>
      <c r="AC33762">
        <v>25</v>
      </c>
      <c r="AD33762">
        <v>25</v>
      </c>
      <c r="AE33762">
        <v>26</v>
      </c>
      <c r="AF33762">
        <v>26</v>
      </c>
      <c r="AG33762">
        <v>27</v>
      </c>
      <c r="AH33762">
        <v>27</v>
      </c>
      <c r="AI33762">
        <v>28</v>
      </c>
      <c r="AJ33762">
        <v>28</v>
      </c>
      <c r="AK33762">
        <v>29</v>
      </c>
      <c r="AL33762">
        <v>29</v>
      </c>
      <c r="AM33762">
        <v>30</v>
      </c>
      <c r="AN33762">
        <v>30</v>
      </c>
      <c r="AO33762">
        <v>30</v>
      </c>
      <c r="AP33762">
        <v>31</v>
      </c>
      <c r="AQ33762">
        <v>31</v>
      </c>
    </row>
    <row r="33763" spans="1:43">
      <c r="A33763" t="s">
        <v>20923</v>
      </c>
      <c r="B33763" t="s">
        <v>20924</v>
      </c>
      <c r="C33763" t="s">
        <v>20921</v>
      </c>
      <c r="D33763" t="s">
        <v>20922</v>
      </c>
      <c r="E33763" t="s">
        <v>20787</v>
      </c>
      <c r="F33763" t="s">
        <v>20788</v>
      </c>
      <c r="G33763" t="s">
        <v>20255</v>
      </c>
      <c r="H33763" t="s">
        <v>20256</v>
      </c>
      <c r="I33763" s="2">
        <v>1</v>
      </c>
      <c r="J33763" s="2">
        <v>0</v>
      </c>
      <c r="K33763" s="2">
        <v>0</v>
      </c>
      <c r="L33763" t="s">
        <v>120</v>
      </c>
      <c r="M33763" t="s">
        <v>87</v>
      </c>
      <c r="N33763" t="s">
        <v>88</v>
      </c>
      <c r="O33763" t="s">
        <v>85</v>
      </c>
      <c r="P33763" t="s">
        <v>86</v>
      </c>
      <c r="Q33763">
        <v>19</v>
      </c>
      <c r="R33763">
        <v>19</v>
      </c>
      <c r="S33763">
        <v>20</v>
      </c>
      <c r="T33763">
        <v>20</v>
      </c>
      <c r="U33763">
        <v>20</v>
      </c>
      <c r="V33763">
        <v>20</v>
      </c>
      <c r="W33763">
        <v>21</v>
      </c>
      <c r="X33763">
        <v>21</v>
      </c>
      <c r="Y33763">
        <v>21</v>
      </c>
      <c r="Z33763">
        <v>21</v>
      </c>
      <c r="AA33763">
        <v>22</v>
      </c>
      <c r="AB33763">
        <v>22</v>
      </c>
      <c r="AC33763">
        <v>22</v>
      </c>
      <c r="AD33763">
        <v>22</v>
      </c>
      <c r="AE33763">
        <v>23</v>
      </c>
      <c r="AF33763">
        <v>23</v>
      </c>
      <c r="AG33763">
        <v>23</v>
      </c>
      <c r="AH33763">
        <v>24</v>
      </c>
      <c r="AI33763">
        <v>24</v>
      </c>
      <c r="AJ33763">
        <v>24</v>
      </c>
      <c r="AK33763">
        <v>25</v>
      </c>
      <c r="AL33763">
        <v>25</v>
      </c>
      <c r="AM33763">
        <v>25</v>
      </c>
      <c r="AN33763">
        <v>26</v>
      </c>
      <c r="AO33763">
        <v>26</v>
      </c>
      <c r="AP33763">
        <v>26</v>
      </c>
      <c r="AQ33763">
        <v>27</v>
      </c>
    </row>
    <row r="33764" spans="1:43">
      <c r="A33764" t="s">
        <v>20923</v>
      </c>
      <c r="B33764" t="s">
        <v>20924</v>
      </c>
      <c r="C33764" t="s">
        <v>20921</v>
      </c>
      <c r="D33764" t="s">
        <v>20922</v>
      </c>
      <c r="E33764" t="s">
        <v>20787</v>
      </c>
      <c r="F33764" t="s">
        <v>20788</v>
      </c>
      <c r="G33764" t="s">
        <v>20255</v>
      </c>
      <c r="H33764" t="s">
        <v>20256</v>
      </c>
      <c r="I33764" s="2">
        <v>1</v>
      </c>
      <c r="J33764" s="2">
        <v>0</v>
      </c>
      <c r="K33764" s="2">
        <v>0</v>
      </c>
      <c r="L33764" t="s">
        <v>120</v>
      </c>
      <c r="M33764" t="s">
        <v>89</v>
      </c>
      <c r="N33764" t="s">
        <v>90</v>
      </c>
      <c r="O33764" t="s">
        <v>85</v>
      </c>
      <c r="P33764" t="s">
        <v>86</v>
      </c>
      <c r="Q33764">
        <v>19</v>
      </c>
      <c r="R33764">
        <v>20</v>
      </c>
      <c r="S33764">
        <v>21</v>
      </c>
      <c r="T33764">
        <v>21</v>
      </c>
      <c r="U33764">
        <v>22</v>
      </c>
      <c r="V33764">
        <v>22</v>
      </c>
      <c r="W33764">
        <v>23</v>
      </c>
      <c r="X33764">
        <v>24</v>
      </c>
      <c r="Y33764">
        <v>24</v>
      </c>
      <c r="Z33764">
        <v>25</v>
      </c>
      <c r="AA33764">
        <v>25</v>
      </c>
      <c r="AB33764">
        <v>26</v>
      </c>
      <c r="AC33764">
        <v>27</v>
      </c>
      <c r="AD33764">
        <v>27</v>
      </c>
      <c r="AE33764">
        <v>28</v>
      </c>
      <c r="AF33764">
        <v>28</v>
      </c>
      <c r="AG33764">
        <v>28</v>
      </c>
      <c r="AH33764">
        <v>29</v>
      </c>
      <c r="AI33764">
        <v>29</v>
      </c>
      <c r="AJ33764">
        <v>29</v>
      </c>
      <c r="AK33764">
        <v>29</v>
      </c>
      <c r="AL33764">
        <v>30</v>
      </c>
      <c r="AM33764">
        <v>30</v>
      </c>
      <c r="AN33764">
        <v>30</v>
      </c>
      <c r="AO33764">
        <v>31</v>
      </c>
      <c r="AP33764">
        <v>31</v>
      </c>
      <c r="AQ33764">
        <v>31</v>
      </c>
    </row>
    <row r="33765" spans="1:43">
      <c r="A33765" t="s">
        <v>20923</v>
      </c>
      <c r="B33765" t="s">
        <v>20924</v>
      </c>
      <c r="C33765" t="s">
        <v>20921</v>
      </c>
      <c r="D33765" t="s">
        <v>20922</v>
      </c>
      <c r="E33765" t="s">
        <v>20787</v>
      </c>
      <c r="F33765" t="s">
        <v>20788</v>
      </c>
      <c r="G33765" t="s">
        <v>20255</v>
      </c>
      <c r="H33765" t="s">
        <v>20256</v>
      </c>
      <c r="I33765" s="2">
        <v>1</v>
      </c>
      <c r="J33765" s="2">
        <v>0</v>
      </c>
      <c r="K33765" s="2">
        <v>0</v>
      </c>
      <c r="L33765" t="s">
        <v>120</v>
      </c>
      <c r="M33765" t="s">
        <v>83</v>
      </c>
      <c r="N33765" t="s">
        <v>91</v>
      </c>
      <c r="O33765" t="s">
        <v>85</v>
      </c>
      <c r="P33765" t="s">
        <v>86</v>
      </c>
      <c r="Q33765">
        <v>19</v>
      </c>
      <c r="R33765">
        <v>20</v>
      </c>
      <c r="S33765">
        <v>20</v>
      </c>
      <c r="T33765">
        <v>21</v>
      </c>
      <c r="U33765">
        <v>21</v>
      </c>
      <c r="V33765">
        <v>21</v>
      </c>
      <c r="W33765">
        <v>22</v>
      </c>
      <c r="X33765">
        <v>22</v>
      </c>
      <c r="Y33765">
        <v>23</v>
      </c>
      <c r="Z33765">
        <v>23</v>
      </c>
      <c r="AA33765">
        <v>24</v>
      </c>
      <c r="AB33765">
        <v>24</v>
      </c>
      <c r="AC33765">
        <v>25</v>
      </c>
      <c r="AD33765">
        <v>25</v>
      </c>
      <c r="AE33765">
        <v>26</v>
      </c>
      <c r="AF33765">
        <v>26</v>
      </c>
      <c r="AG33765">
        <v>27</v>
      </c>
      <c r="AH33765">
        <v>27</v>
      </c>
      <c r="AI33765">
        <v>28</v>
      </c>
      <c r="AJ33765">
        <v>28</v>
      </c>
      <c r="AK33765">
        <v>29</v>
      </c>
      <c r="AL33765">
        <v>29</v>
      </c>
      <c r="AM33765">
        <v>30</v>
      </c>
      <c r="AN33765">
        <v>30</v>
      </c>
      <c r="AO33765">
        <v>30</v>
      </c>
      <c r="AP33765">
        <v>31</v>
      </c>
      <c r="AQ33765">
        <v>31</v>
      </c>
    </row>
    <row r="33766" spans="1:43">
      <c r="A33766" t="s">
        <v>20925</v>
      </c>
      <c r="B33766" t="s">
        <v>20926</v>
      </c>
      <c r="C33766" t="s">
        <v>20927</v>
      </c>
      <c r="D33766" t="s">
        <v>20928</v>
      </c>
      <c r="E33766" t="s">
        <v>20787</v>
      </c>
      <c r="F33766" t="s">
        <v>20788</v>
      </c>
      <c r="G33766" t="s">
        <v>20255</v>
      </c>
      <c r="H33766" t="s">
        <v>20256</v>
      </c>
      <c r="I33766" s="2">
        <v>1</v>
      </c>
      <c r="J33766" s="2">
        <v>0</v>
      </c>
      <c r="K33766" s="2">
        <v>0</v>
      </c>
      <c r="L33766" t="s">
        <v>120</v>
      </c>
      <c r="M33766" t="s">
        <v>83</v>
      </c>
      <c r="N33766" t="s">
        <v>84</v>
      </c>
      <c r="O33766" t="s">
        <v>85</v>
      </c>
      <c r="P33766" t="s">
        <v>86</v>
      </c>
      <c r="Q33766">
        <v>190</v>
      </c>
      <c r="R33766">
        <v>194</v>
      </c>
      <c r="S33766">
        <v>199</v>
      </c>
      <c r="T33766">
        <v>204</v>
      </c>
      <c r="U33766">
        <v>208</v>
      </c>
      <c r="V33766">
        <v>213</v>
      </c>
      <c r="W33766">
        <v>217</v>
      </c>
      <c r="X33766">
        <v>222</v>
      </c>
      <c r="Y33766">
        <v>227</v>
      </c>
      <c r="Z33766">
        <v>232</v>
      </c>
      <c r="AA33766">
        <v>236</v>
      </c>
      <c r="AB33766">
        <v>241</v>
      </c>
      <c r="AC33766">
        <v>246</v>
      </c>
      <c r="AD33766">
        <v>251</v>
      </c>
      <c r="AE33766">
        <v>256</v>
      </c>
      <c r="AF33766">
        <v>262</v>
      </c>
      <c r="AG33766">
        <v>267</v>
      </c>
      <c r="AH33766">
        <v>272</v>
      </c>
      <c r="AI33766">
        <v>278</v>
      </c>
      <c r="AJ33766">
        <v>284</v>
      </c>
      <c r="AK33766">
        <v>289</v>
      </c>
      <c r="AL33766">
        <v>294</v>
      </c>
      <c r="AM33766">
        <v>297</v>
      </c>
      <c r="AN33766">
        <v>301</v>
      </c>
      <c r="AO33766">
        <v>305</v>
      </c>
      <c r="AP33766">
        <v>308</v>
      </c>
      <c r="AQ33766">
        <v>312</v>
      </c>
    </row>
    <row r="33767" spans="1:43">
      <c r="A33767" t="s">
        <v>20925</v>
      </c>
      <c r="B33767" t="s">
        <v>20926</v>
      </c>
      <c r="C33767" t="s">
        <v>20927</v>
      </c>
      <c r="D33767" t="s">
        <v>20928</v>
      </c>
      <c r="E33767" t="s">
        <v>20787</v>
      </c>
      <c r="F33767" t="s">
        <v>20788</v>
      </c>
      <c r="G33767" t="s">
        <v>20255</v>
      </c>
      <c r="H33767" t="s">
        <v>20256</v>
      </c>
      <c r="I33767" s="2">
        <v>1</v>
      </c>
      <c r="J33767" s="2">
        <v>0</v>
      </c>
      <c r="K33767" s="2">
        <v>0</v>
      </c>
      <c r="L33767" t="s">
        <v>120</v>
      </c>
      <c r="M33767" t="s">
        <v>87</v>
      </c>
      <c r="N33767" t="s">
        <v>88</v>
      </c>
      <c r="O33767" t="s">
        <v>85</v>
      </c>
      <c r="P33767" t="s">
        <v>86</v>
      </c>
      <c r="Q33767">
        <v>190</v>
      </c>
      <c r="R33767">
        <v>193</v>
      </c>
      <c r="S33767">
        <v>196</v>
      </c>
      <c r="T33767">
        <v>198</v>
      </c>
      <c r="U33767">
        <v>201</v>
      </c>
      <c r="V33767">
        <v>204</v>
      </c>
      <c r="W33767">
        <v>206</v>
      </c>
      <c r="X33767">
        <v>209</v>
      </c>
      <c r="Y33767">
        <v>212</v>
      </c>
      <c r="Z33767">
        <v>215</v>
      </c>
      <c r="AA33767">
        <v>218</v>
      </c>
      <c r="AB33767">
        <v>221</v>
      </c>
      <c r="AC33767">
        <v>224</v>
      </c>
      <c r="AD33767">
        <v>227</v>
      </c>
      <c r="AE33767">
        <v>230</v>
      </c>
      <c r="AF33767">
        <v>233</v>
      </c>
      <c r="AG33767">
        <v>236</v>
      </c>
      <c r="AH33767">
        <v>239</v>
      </c>
      <c r="AI33767">
        <v>243</v>
      </c>
      <c r="AJ33767">
        <v>246</v>
      </c>
      <c r="AK33767">
        <v>250</v>
      </c>
      <c r="AL33767">
        <v>253</v>
      </c>
      <c r="AM33767">
        <v>257</v>
      </c>
      <c r="AN33767">
        <v>260</v>
      </c>
      <c r="AO33767">
        <v>264</v>
      </c>
      <c r="AP33767">
        <v>268</v>
      </c>
      <c r="AQ33767">
        <v>272</v>
      </c>
    </row>
    <row r="33768" spans="1:43">
      <c r="A33768" t="s">
        <v>20925</v>
      </c>
      <c r="B33768" t="s">
        <v>20926</v>
      </c>
      <c r="C33768" t="s">
        <v>20927</v>
      </c>
      <c r="D33768" t="s">
        <v>20928</v>
      </c>
      <c r="E33768" t="s">
        <v>20787</v>
      </c>
      <c r="F33768" t="s">
        <v>20788</v>
      </c>
      <c r="G33768" t="s">
        <v>20255</v>
      </c>
      <c r="H33768" t="s">
        <v>20256</v>
      </c>
      <c r="I33768" s="2">
        <v>1</v>
      </c>
      <c r="J33768" s="2">
        <v>0</v>
      </c>
      <c r="K33768" s="2">
        <v>0</v>
      </c>
      <c r="L33768" t="s">
        <v>120</v>
      </c>
      <c r="M33768" t="s">
        <v>89</v>
      </c>
      <c r="N33768" t="s">
        <v>90</v>
      </c>
      <c r="O33768" t="s">
        <v>85</v>
      </c>
      <c r="P33768" t="s">
        <v>86</v>
      </c>
      <c r="Q33768">
        <v>190</v>
      </c>
      <c r="R33768">
        <v>196</v>
      </c>
      <c r="S33768">
        <v>202</v>
      </c>
      <c r="T33768">
        <v>208</v>
      </c>
      <c r="U33768">
        <v>214</v>
      </c>
      <c r="V33768">
        <v>220</v>
      </c>
      <c r="W33768">
        <v>226</v>
      </c>
      <c r="X33768">
        <v>232</v>
      </c>
      <c r="Y33768">
        <v>238</v>
      </c>
      <c r="Z33768">
        <v>244</v>
      </c>
      <c r="AA33768">
        <v>249</v>
      </c>
      <c r="AB33768">
        <v>255</v>
      </c>
      <c r="AC33768">
        <v>262</v>
      </c>
      <c r="AD33768">
        <v>268</v>
      </c>
      <c r="AE33768">
        <v>273</v>
      </c>
      <c r="AF33768">
        <v>276</v>
      </c>
      <c r="AG33768">
        <v>279</v>
      </c>
      <c r="AH33768">
        <v>283</v>
      </c>
      <c r="AI33768">
        <v>286</v>
      </c>
      <c r="AJ33768">
        <v>290</v>
      </c>
      <c r="AK33768">
        <v>293</v>
      </c>
      <c r="AL33768">
        <v>297</v>
      </c>
      <c r="AM33768">
        <v>300</v>
      </c>
      <c r="AN33768">
        <v>304</v>
      </c>
      <c r="AO33768">
        <v>308</v>
      </c>
      <c r="AP33768">
        <v>311</v>
      </c>
      <c r="AQ33768">
        <v>315</v>
      </c>
    </row>
    <row r="33769" spans="1:43">
      <c r="A33769" t="s">
        <v>20925</v>
      </c>
      <c r="B33769" t="s">
        <v>20926</v>
      </c>
      <c r="C33769" t="s">
        <v>20927</v>
      </c>
      <c r="D33769" t="s">
        <v>20928</v>
      </c>
      <c r="E33769" t="s">
        <v>20787</v>
      </c>
      <c r="F33769" t="s">
        <v>20788</v>
      </c>
      <c r="G33769" t="s">
        <v>20255</v>
      </c>
      <c r="H33769" t="s">
        <v>20256</v>
      </c>
      <c r="I33769" s="2">
        <v>1</v>
      </c>
      <c r="J33769" s="2">
        <v>0</v>
      </c>
      <c r="K33769" s="2">
        <v>0</v>
      </c>
      <c r="L33769" t="s">
        <v>120</v>
      </c>
      <c r="M33769" t="s">
        <v>83</v>
      </c>
      <c r="N33769" t="s">
        <v>91</v>
      </c>
      <c r="O33769" t="s">
        <v>85</v>
      </c>
      <c r="P33769" t="s">
        <v>86</v>
      </c>
      <c r="Q33769">
        <v>190</v>
      </c>
      <c r="R33769">
        <v>194</v>
      </c>
      <c r="S33769">
        <v>199</v>
      </c>
      <c r="T33769">
        <v>204</v>
      </c>
      <c r="U33769">
        <v>208</v>
      </c>
      <c r="V33769">
        <v>213</v>
      </c>
      <c r="W33769">
        <v>217</v>
      </c>
      <c r="X33769">
        <v>222</v>
      </c>
      <c r="Y33769">
        <v>227</v>
      </c>
      <c r="Z33769">
        <v>232</v>
      </c>
      <c r="AA33769">
        <v>236</v>
      </c>
      <c r="AB33769">
        <v>241</v>
      </c>
      <c r="AC33769">
        <v>246</v>
      </c>
      <c r="AD33769">
        <v>251</v>
      </c>
      <c r="AE33769">
        <v>256</v>
      </c>
      <c r="AF33769">
        <v>262</v>
      </c>
      <c r="AG33769">
        <v>267</v>
      </c>
      <c r="AH33769">
        <v>272</v>
      </c>
      <c r="AI33769">
        <v>278</v>
      </c>
      <c r="AJ33769">
        <v>284</v>
      </c>
      <c r="AK33769">
        <v>289</v>
      </c>
      <c r="AL33769">
        <v>294</v>
      </c>
      <c r="AM33769">
        <v>297</v>
      </c>
      <c r="AN33769">
        <v>301</v>
      </c>
      <c r="AO33769">
        <v>305</v>
      </c>
      <c r="AP33769">
        <v>308</v>
      </c>
      <c r="AQ33769">
        <v>312</v>
      </c>
    </row>
    <row r="33770" spans="1:43">
      <c r="A33770" t="s">
        <v>20929</v>
      </c>
      <c r="B33770" t="s">
        <v>20930</v>
      </c>
      <c r="C33770" t="s">
        <v>20927</v>
      </c>
      <c r="D33770" t="s">
        <v>20928</v>
      </c>
      <c r="E33770" t="s">
        <v>20787</v>
      </c>
      <c r="F33770" t="s">
        <v>20788</v>
      </c>
      <c r="G33770" t="s">
        <v>20255</v>
      </c>
      <c r="H33770" t="s">
        <v>20256</v>
      </c>
      <c r="I33770" s="2">
        <v>1</v>
      </c>
      <c r="J33770" s="2">
        <v>0</v>
      </c>
      <c r="K33770" s="2">
        <v>0</v>
      </c>
      <c r="L33770" t="s">
        <v>120</v>
      </c>
      <c r="M33770" t="s">
        <v>83</v>
      </c>
      <c r="N33770" t="s">
        <v>84</v>
      </c>
      <c r="O33770" t="s">
        <v>85</v>
      </c>
      <c r="P33770" t="s">
        <v>86</v>
      </c>
      <c r="Q33770">
        <v>29</v>
      </c>
      <c r="R33770">
        <v>29</v>
      </c>
      <c r="S33770">
        <v>30</v>
      </c>
      <c r="T33770">
        <v>31</v>
      </c>
      <c r="U33770">
        <v>31</v>
      </c>
      <c r="V33770">
        <v>32</v>
      </c>
      <c r="W33770">
        <v>33</v>
      </c>
      <c r="X33770">
        <v>33</v>
      </c>
      <c r="Y33770">
        <v>34</v>
      </c>
      <c r="Z33770">
        <v>35</v>
      </c>
      <c r="AA33770">
        <v>36</v>
      </c>
      <c r="AB33770">
        <v>36</v>
      </c>
      <c r="AC33770">
        <v>37</v>
      </c>
      <c r="AD33770">
        <v>38</v>
      </c>
      <c r="AE33770">
        <v>39</v>
      </c>
      <c r="AF33770">
        <v>39</v>
      </c>
      <c r="AG33770">
        <v>40</v>
      </c>
      <c r="AH33770">
        <v>41</v>
      </c>
      <c r="AI33770">
        <v>42</v>
      </c>
      <c r="AJ33770">
        <v>43</v>
      </c>
      <c r="AK33770">
        <v>43</v>
      </c>
      <c r="AL33770">
        <v>44</v>
      </c>
      <c r="AM33770">
        <v>45</v>
      </c>
      <c r="AN33770">
        <v>45</v>
      </c>
      <c r="AO33770">
        <v>46</v>
      </c>
      <c r="AP33770">
        <v>46</v>
      </c>
      <c r="AQ33770">
        <v>47</v>
      </c>
    </row>
    <row r="33771" spans="1:43">
      <c r="A33771" t="s">
        <v>20929</v>
      </c>
      <c r="B33771" t="s">
        <v>20930</v>
      </c>
      <c r="C33771" t="s">
        <v>20927</v>
      </c>
      <c r="D33771" t="s">
        <v>20928</v>
      </c>
      <c r="E33771" t="s">
        <v>20787</v>
      </c>
      <c r="F33771" t="s">
        <v>20788</v>
      </c>
      <c r="G33771" t="s">
        <v>20255</v>
      </c>
      <c r="H33771" t="s">
        <v>20256</v>
      </c>
      <c r="I33771" s="2">
        <v>1</v>
      </c>
      <c r="J33771" s="2">
        <v>0</v>
      </c>
      <c r="K33771" s="2">
        <v>0</v>
      </c>
      <c r="L33771" t="s">
        <v>120</v>
      </c>
      <c r="M33771" t="s">
        <v>87</v>
      </c>
      <c r="N33771" t="s">
        <v>88</v>
      </c>
      <c r="O33771" t="s">
        <v>85</v>
      </c>
      <c r="P33771" t="s">
        <v>86</v>
      </c>
      <c r="Q33771">
        <v>29</v>
      </c>
      <c r="R33771">
        <v>30</v>
      </c>
      <c r="S33771">
        <v>30</v>
      </c>
      <c r="T33771">
        <v>31</v>
      </c>
      <c r="U33771">
        <v>31</v>
      </c>
      <c r="V33771">
        <v>31</v>
      </c>
      <c r="W33771">
        <v>32</v>
      </c>
      <c r="X33771">
        <v>32</v>
      </c>
      <c r="Y33771">
        <v>33</v>
      </c>
      <c r="Z33771">
        <v>33</v>
      </c>
      <c r="AA33771">
        <v>33</v>
      </c>
      <c r="AB33771">
        <v>34</v>
      </c>
      <c r="AC33771">
        <v>34</v>
      </c>
      <c r="AD33771">
        <v>35</v>
      </c>
      <c r="AE33771">
        <v>35</v>
      </c>
      <c r="AF33771">
        <v>36</v>
      </c>
      <c r="AG33771">
        <v>36</v>
      </c>
      <c r="AH33771">
        <v>37</v>
      </c>
      <c r="AI33771">
        <v>37</v>
      </c>
      <c r="AJ33771">
        <v>38</v>
      </c>
      <c r="AK33771">
        <v>38</v>
      </c>
      <c r="AL33771">
        <v>39</v>
      </c>
      <c r="AM33771">
        <v>39</v>
      </c>
      <c r="AN33771">
        <v>40</v>
      </c>
      <c r="AO33771">
        <v>40</v>
      </c>
      <c r="AP33771">
        <v>41</v>
      </c>
      <c r="AQ33771">
        <v>42</v>
      </c>
    </row>
    <row r="33772" spans="1:43">
      <c r="A33772" t="s">
        <v>20929</v>
      </c>
      <c r="B33772" t="s">
        <v>20930</v>
      </c>
      <c r="C33772" t="s">
        <v>20927</v>
      </c>
      <c r="D33772" t="s">
        <v>20928</v>
      </c>
      <c r="E33772" t="s">
        <v>20787</v>
      </c>
      <c r="F33772" t="s">
        <v>20788</v>
      </c>
      <c r="G33772" t="s">
        <v>20255</v>
      </c>
      <c r="H33772" t="s">
        <v>20256</v>
      </c>
      <c r="I33772" s="2">
        <v>1</v>
      </c>
      <c r="J33772" s="2">
        <v>0</v>
      </c>
      <c r="K33772" s="2">
        <v>0</v>
      </c>
      <c r="L33772" t="s">
        <v>120</v>
      </c>
      <c r="M33772" t="s">
        <v>89</v>
      </c>
      <c r="N33772" t="s">
        <v>90</v>
      </c>
      <c r="O33772" t="s">
        <v>85</v>
      </c>
      <c r="P33772" t="s">
        <v>86</v>
      </c>
      <c r="Q33772">
        <v>29</v>
      </c>
      <c r="R33772">
        <v>30</v>
      </c>
      <c r="S33772">
        <v>31</v>
      </c>
      <c r="T33772">
        <v>32</v>
      </c>
      <c r="U33772">
        <v>33</v>
      </c>
      <c r="V33772">
        <v>33</v>
      </c>
      <c r="W33772">
        <v>34</v>
      </c>
      <c r="X33772">
        <v>35</v>
      </c>
      <c r="Y33772">
        <v>36</v>
      </c>
      <c r="Z33772">
        <v>37</v>
      </c>
      <c r="AA33772">
        <v>38</v>
      </c>
      <c r="AB33772">
        <v>39</v>
      </c>
      <c r="AC33772">
        <v>40</v>
      </c>
      <c r="AD33772">
        <v>40</v>
      </c>
      <c r="AE33772">
        <v>41</v>
      </c>
      <c r="AF33772">
        <v>42</v>
      </c>
      <c r="AG33772">
        <v>42</v>
      </c>
      <c r="AH33772">
        <v>43</v>
      </c>
      <c r="AI33772">
        <v>43</v>
      </c>
      <c r="AJ33772">
        <v>44</v>
      </c>
      <c r="AK33772">
        <v>44</v>
      </c>
      <c r="AL33772">
        <v>45</v>
      </c>
      <c r="AM33772">
        <v>45</v>
      </c>
      <c r="AN33772">
        <v>46</v>
      </c>
      <c r="AO33772">
        <v>46</v>
      </c>
      <c r="AP33772">
        <v>47</v>
      </c>
      <c r="AQ33772">
        <v>47</v>
      </c>
    </row>
    <row r="33773" spans="1:43">
      <c r="A33773" t="s">
        <v>20929</v>
      </c>
      <c r="B33773" t="s">
        <v>20930</v>
      </c>
      <c r="C33773" t="s">
        <v>20927</v>
      </c>
      <c r="D33773" t="s">
        <v>20928</v>
      </c>
      <c r="E33773" t="s">
        <v>20787</v>
      </c>
      <c r="F33773" t="s">
        <v>20788</v>
      </c>
      <c r="G33773" t="s">
        <v>20255</v>
      </c>
      <c r="H33773" t="s">
        <v>20256</v>
      </c>
      <c r="I33773" s="2">
        <v>1</v>
      </c>
      <c r="J33773" s="2">
        <v>0</v>
      </c>
      <c r="K33773" s="2">
        <v>0</v>
      </c>
      <c r="L33773" t="s">
        <v>120</v>
      </c>
      <c r="M33773" t="s">
        <v>83</v>
      </c>
      <c r="N33773" t="s">
        <v>91</v>
      </c>
      <c r="O33773" t="s">
        <v>85</v>
      </c>
      <c r="P33773" t="s">
        <v>86</v>
      </c>
      <c r="Q33773">
        <v>29</v>
      </c>
      <c r="R33773">
        <v>29</v>
      </c>
      <c r="S33773">
        <v>30</v>
      </c>
      <c r="T33773">
        <v>31</v>
      </c>
      <c r="U33773">
        <v>31</v>
      </c>
      <c r="V33773">
        <v>32</v>
      </c>
      <c r="W33773">
        <v>33</v>
      </c>
      <c r="X33773">
        <v>33</v>
      </c>
      <c r="Y33773">
        <v>34</v>
      </c>
      <c r="Z33773">
        <v>35</v>
      </c>
      <c r="AA33773">
        <v>36</v>
      </c>
      <c r="AB33773">
        <v>36</v>
      </c>
      <c r="AC33773">
        <v>37</v>
      </c>
      <c r="AD33773">
        <v>38</v>
      </c>
      <c r="AE33773">
        <v>39</v>
      </c>
      <c r="AF33773">
        <v>39</v>
      </c>
      <c r="AG33773">
        <v>40</v>
      </c>
      <c r="AH33773">
        <v>41</v>
      </c>
      <c r="AI33773">
        <v>42</v>
      </c>
      <c r="AJ33773">
        <v>43</v>
      </c>
      <c r="AK33773">
        <v>43</v>
      </c>
      <c r="AL33773">
        <v>44</v>
      </c>
      <c r="AM33773">
        <v>45</v>
      </c>
      <c r="AN33773">
        <v>45</v>
      </c>
      <c r="AO33773">
        <v>46</v>
      </c>
      <c r="AP33773">
        <v>46</v>
      </c>
      <c r="AQ33773">
        <v>47</v>
      </c>
    </row>
    <row r="33774" spans="1:43">
      <c r="A33774" t="s">
        <v>20931</v>
      </c>
      <c r="B33774" t="s">
        <v>20932</v>
      </c>
      <c r="C33774" t="s">
        <v>20871</v>
      </c>
      <c r="D33774" t="s">
        <v>20872</v>
      </c>
      <c r="E33774" t="s">
        <v>20787</v>
      </c>
      <c r="F33774" t="s">
        <v>20788</v>
      </c>
      <c r="G33774" t="s">
        <v>20255</v>
      </c>
      <c r="H33774" t="s">
        <v>20256</v>
      </c>
      <c r="I33774" s="2">
        <v>1</v>
      </c>
      <c r="J33774" s="2">
        <v>0</v>
      </c>
      <c r="K33774" s="2">
        <v>0</v>
      </c>
      <c r="L33774" t="s">
        <v>120</v>
      </c>
      <c r="M33774" t="s">
        <v>83</v>
      </c>
      <c r="N33774" t="s">
        <v>84</v>
      </c>
      <c r="O33774" t="s">
        <v>85</v>
      </c>
      <c r="P33774" t="s">
        <v>86</v>
      </c>
      <c r="Q33774">
        <v>19</v>
      </c>
      <c r="R33774">
        <v>19</v>
      </c>
      <c r="S33774">
        <v>19</v>
      </c>
      <c r="T33774">
        <v>20</v>
      </c>
      <c r="U33774">
        <v>20</v>
      </c>
      <c r="V33774">
        <v>21</v>
      </c>
      <c r="W33774">
        <v>21</v>
      </c>
      <c r="X33774">
        <v>22</v>
      </c>
      <c r="Y33774">
        <v>22</v>
      </c>
      <c r="Z33774">
        <v>23</v>
      </c>
      <c r="AA33774">
        <v>23</v>
      </c>
      <c r="AB33774">
        <v>24</v>
      </c>
      <c r="AC33774">
        <v>24</v>
      </c>
      <c r="AD33774">
        <v>25</v>
      </c>
      <c r="AE33774">
        <v>25</v>
      </c>
      <c r="AF33774">
        <v>26</v>
      </c>
      <c r="AG33774">
        <v>26</v>
      </c>
      <c r="AH33774">
        <v>27</v>
      </c>
      <c r="AI33774">
        <v>27</v>
      </c>
      <c r="AJ33774">
        <v>28</v>
      </c>
      <c r="AK33774">
        <v>28</v>
      </c>
      <c r="AL33774">
        <v>29</v>
      </c>
      <c r="AM33774">
        <v>29</v>
      </c>
      <c r="AN33774">
        <v>29</v>
      </c>
      <c r="AO33774">
        <v>30</v>
      </c>
      <c r="AP33774">
        <v>30</v>
      </c>
      <c r="AQ33774">
        <v>30</v>
      </c>
    </row>
    <row r="33775" spans="1:43">
      <c r="A33775" t="s">
        <v>20931</v>
      </c>
      <c r="B33775" t="s">
        <v>20932</v>
      </c>
      <c r="C33775" t="s">
        <v>20871</v>
      </c>
      <c r="D33775" t="s">
        <v>20872</v>
      </c>
      <c r="E33775" t="s">
        <v>20787</v>
      </c>
      <c r="F33775" t="s">
        <v>20788</v>
      </c>
      <c r="G33775" t="s">
        <v>20255</v>
      </c>
      <c r="H33775" t="s">
        <v>20256</v>
      </c>
      <c r="I33775" s="2">
        <v>1</v>
      </c>
      <c r="J33775" s="2">
        <v>0</v>
      </c>
      <c r="K33775" s="2">
        <v>0</v>
      </c>
      <c r="L33775" t="s">
        <v>120</v>
      </c>
      <c r="M33775" t="s">
        <v>87</v>
      </c>
      <c r="N33775" t="s">
        <v>88</v>
      </c>
      <c r="O33775" t="s">
        <v>85</v>
      </c>
      <c r="P33775" t="s">
        <v>86</v>
      </c>
      <c r="Q33775">
        <v>19</v>
      </c>
      <c r="R33775">
        <v>20</v>
      </c>
      <c r="S33775">
        <v>20</v>
      </c>
      <c r="T33775">
        <v>20</v>
      </c>
      <c r="U33775">
        <v>20</v>
      </c>
      <c r="V33775">
        <v>21</v>
      </c>
      <c r="W33775">
        <v>21</v>
      </c>
      <c r="X33775">
        <v>21</v>
      </c>
      <c r="Y33775">
        <v>22</v>
      </c>
      <c r="Z33775">
        <v>22</v>
      </c>
      <c r="AA33775">
        <v>22</v>
      </c>
      <c r="AB33775">
        <v>22</v>
      </c>
      <c r="AC33775">
        <v>23</v>
      </c>
      <c r="AD33775">
        <v>23</v>
      </c>
      <c r="AE33775">
        <v>23</v>
      </c>
      <c r="AF33775">
        <v>24</v>
      </c>
      <c r="AG33775">
        <v>24</v>
      </c>
      <c r="AH33775">
        <v>24</v>
      </c>
      <c r="AI33775">
        <v>25</v>
      </c>
      <c r="AJ33775">
        <v>25</v>
      </c>
      <c r="AK33775">
        <v>25</v>
      </c>
      <c r="AL33775">
        <v>26</v>
      </c>
      <c r="AM33775">
        <v>26</v>
      </c>
      <c r="AN33775">
        <v>26</v>
      </c>
      <c r="AO33775">
        <v>27</v>
      </c>
      <c r="AP33775">
        <v>27</v>
      </c>
      <c r="AQ33775">
        <v>27</v>
      </c>
    </row>
    <row r="33776" spans="1:43">
      <c r="A33776" t="s">
        <v>20931</v>
      </c>
      <c r="B33776" t="s">
        <v>20932</v>
      </c>
      <c r="C33776" t="s">
        <v>20871</v>
      </c>
      <c r="D33776" t="s">
        <v>20872</v>
      </c>
      <c r="E33776" t="s">
        <v>20787</v>
      </c>
      <c r="F33776" t="s">
        <v>20788</v>
      </c>
      <c r="G33776" t="s">
        <v>20255</v>
      </c>
      <c r="H33776" t="s">
        <v>20256</v>
      </c>
      <c r="I33776" s="2">
        <v>1</v>
      </c>
      <c r="J33776" s="2">
        <v>0</v>
      </c>
      <c r="K33776" s="2">
        <v>0</v>
      </c>
      <c r="L33776" t="s">
        <v>120</v>
      </c>
      <c r="M33776" t="s">
        <v>89</v>
      </c>
      <c r="N33776" t="s">
        <v>90</v>
      </c>
      <c r="O33776" t="s">
        <v>85</v>
      </c>
      <c r="P33776" t="s">
        <v>86</v>
      </c>
      <c r="Q33776">
        <v>19</v>
      </c>
      <c r="R33776">
        <v>19</v>
      </c>
      <c r="S33776">
        <v>20</v>
      </c>
      <c r="T33776">
        <v>21</v>
      </c>
      <c r="U33776">
        <v>21</v>
      </c>
      <c r="V33776">
        <v>22</v>
      </c>
      <c r="W33776">
        <v>22</v>
      </c>
      <c r="X33776">
        <v>23</v>
      </c>
      <c r="Y33776">
        <v>23</v>
      </c>
      <c r="Z33776">
        <v>24</v>
      </c>
      <c r="AA33776">
        <v>24</v>
      </c>
      <c r="AB33776">
        <v>25</v>
      </c>
      <c r="AC33776">
        <v>26</v>
      </c>
      <c r="AD33776">
        <v>26</v>
      </c>
      <c r="AE33776">
        <v>27</v>
      </c>
      <c r="AF33776">
        <v>27</v>
      </c>
      <c r="AG33776">
        <v>27</v>
      </c>
      <c r="AH33776">
        <v>28</v>
      </c>
      <c r="AI33776">
        <v>28</v>
      </c>
      <c r="AJ33776">
        <v>28</v>
      </c>
      <c r="AK33776">
        <v>29</v>
      </c>
      <c r="AL33776">
        <v>29</v>
      </c>
      <c r="AM33776">
        <v>29</v>
      </c>
      <c r="AN33776">
        <v>30</v>
      </c>
      <c r="AO33776">
        <v>30</v>
      </c>
      <c r="AP33776">
        <v>30</v>
      </c>
      <c r="AQ33776">
        <v>31</v>
      </c>
    </row>
    <row r="33777" spans="1:43">
      <c r="A33777" t="s">
        <v>20931</v>
      </c>
      <c r="B33777" t="s">
        <v>20932</v>
      </c>
      <c r="C33777" t="s">
        <v>20871</v>
      </c>
      <c r="D33777" t="s">
        <v>20872</v>
      </c>
      <c r="E33777" t="s">
        <v>20787</v>
      </c>
      <c r="F33777" t="s">
        <v>20788</v>
      </c>
      <c r="G33777" t="s">
        <v>20255</v>
      </c>
      <c r="H33777" t="s">
        <v>20256</v>
      </c>
      <c r="I33777" s="2">
        <v>1</v>
      </c>
      <c r="J33777" s="2">
        <v>0</v>
      </c>
      <c r="K33777" s="2">
        <v>0</v>
      </c>
      <c r="L33777" t="s">
        <v>120</v>
      </c>
      <c r="M33777" t="s">
        <v>83</v>
      </c>
      <c r="N33777" t="s">
        <v>91</v>
      </c>
      <c r="O33777" t="s">
        <v>85</v>
      </c>
      <c r="P33777" t="s">
        <v>86</v>
      </c>
      <c r="Q33777">
        <v>19</v>
      </c>
      <c r="R33777">
        <v>19</v>
      </c>
      <c r="S33777">
        <v>19</v>
      </c>
      <c r="T33777">
        <v>20</v>
      </c>
      <c r="U33777">
        <v>20</v>
      </c>
      <c r="V33777">
        <v>21</v>
      </c>
      <c r="W33777">
        <v>21</v>
      </c>
      <c r="X33777">
        <v>22</v>
      </c>
      <c r="Y33777">
        <v>22</v>
      </c>
      <c r="Z33777">
        <v>23</v>
      </c>
      <c r="AA33777">
        <v>23</v>
      </c>
      <c r="AB33777">
        <v>24</v>
      </c>
      <c r="AC33777">
        <v>24</v>
      </c>
      <c r="AD33777">
        <v>25</v>
      </c>
      <c r="AE33777">
        <v>25</v>
      </c>
      <c r="AF33777">
        <v>26</v>
      </c>
      <c r="AG33777">
        <v>26</v>
      </c>
      <c r="AH33777">
        <v>27</v>
      </c>
      <c r="AI33777">
        <v>27</v>
      </c>
      <c r="AJ33777">
        <v>28</v>
      </c>
      <c r="AK33777">
        <v>28</v>
      </c>
      <c r="AL33777">
        <v>29</v>
      </c>
      <c r="AM33777">
        <v>29</v>
      </c>
      <c r="AN33777">
        <v>29</v>
      </c>
      <c r="AO33777">
        <v>30</v>
      </c>
      <c r="AP33777">
        <v>30</v>
      </c>
      <c r="AQ33777">
        <v>30</v>
      </c>
    </row>
    <row r="33778" spans="1:43">
      <c r="A33778" t="s">
        <v>20933</v>
      </c>
      <c r="B33778" t="s">
        <v>20934</v>
      </c>
      <c r="C33778" t="s">
        <v>20871</v>
      </c>
      <c r="D33778" t="s">
        <v>20872</v>
      </c>
      <c r="E33778" t="s">
        <v>20787</v>
      </c>
      <c r="F33778" t="s">
        <v>20788</v>
      </c>
      <c r="G33778" t="s">
        <v>20255</v>
      </c>
      <c r="H33778" t="s">
        <v>20256</v>
      </c>
      <c r="I33778" s="2">
        <v>1</v>
      </c>
      <c r="J33778" s="2">
        <v>0</v>
      </c>
      <c r="K33778" s="2">
        <v>0</v>
      </c>
      <c r="L33778" t="s">
        <v>120</v>
      </c>
      <c r="M33778" t="s">
        <v>83</v>
      </c>
      <c r="N33778" t="s">
        <v>84</v>
      </c>
      <c r="O33778" t="s">
        <v>85</v>
      </c>
      <c r="P33778" t="s">
        <v>86</v>
      </c>
      <c r="Q33778">
        <v>14</v>
      </c>
      <c r="R33778">
        <v>14</v>
      </c>
      <c r="S33778">
        <v>14</v>
      </c>
      <c r="T33778">
        <v>15</v>
      </c>
      <c r="U33778">
        <v>15</v>
      </c>
      <c r="V33778">
        <v>15</v>
      </c>
      <c r="W33778">
        <v>16</v>
      </c>
      <c r="X33778">
        <v>16</v>
      </c>
      <c r="Y33778">
        <v>16</v>
      </c>
      <c r="Z33778">
        <v>17</v>
      </c>
      <c r="AA33778">
        <v>17</v>
      </c>
      <c r="AB33778">
        <v>17</v>
      </c>
      <c r="AC33778">
        <v>18</v>
      </c>
      <c r="AD33778">
        <v>18</v>
      </c>
      <c r="AE33778">
        <v>18</v>
      </c>
      <c r="AF33778">
        <v>19</v>
      </c>
      <c r="AG33778">
        <v>19</v>
      </c>
      <c r="AH33778">
        <v>20</v>
      </c>
      <c r="AI33778">
        <v>20</v>
      </c>
      <c r="AJ33778">
        <v>20</v>
      </c>
      <c r="AK33778">
        <v>21</v>
      </c>
      <c r="AL33778">
        <v>21</v>
      </c>
      <c r="AM33778">
        <v>21</v>
      </c>
      <c r="AN33778">
        <v>22</v>
      </c>
      <c r="AO33778">
        <v>22</v>
      </c>
      <c r="AP33778">
        <v>22</v>
      </c>
      <c r="AQ33778">
        <v>22</v>
      </c>
    </row>
    <row r="33779" spans="1:43">
      <c r="A33779" t="s">
        <v>20933</v>
      </c>
      <c r="B33779" t="s">
        <v>20934</v>
      </c>
      <c r="C33779" t="s">
        <v>20871</v>
      </c>
      <c r="D33779" t="s">
        <v>20872</v>
      </c>
      <c r="E33779" t="s">
        <v>20787</v>
      </c>
      <c r="F33779" t="s">
        <v>20788</v>
      </c>
      <c r="G33779" t="s">
        <v>20255</v>
      </c>
      <c r="H33779" t="s">
        <v>20256</v>
      </c>
      <c r="I33779" s="2">
        <v>1</v>
      </c>
      <c r="J33779" s="2">
        <v>0</v>
      </c>
      <c r="K33779" s="2">
        <v>0</v>
      </c>
      <c r="L33779" t="s">
        <v>120</v>
      </c>
      <c r="M33779" t="s">
        <v>87</v>
      </c>
      <c r="N33779" t="s">
        <v>88</v>
      </c>
      <c r="O33779" t="s">
        <v>85</v>
      </c>
      <c r="P33779" t="s">
        <v>86</v>
      </c>
      <c r="Q33779">
        <v>14</v>
      </c>
      <c r="R33779">
        <v>14</v>
      </c>
      <c r="S33779">
        <v>14</v>
      </c>
      <c r="T33779">
        <v>14</v>
      </c>
      <c r="U33779">
        <v>14</v>
      </c>
      <c r="V33779">
        <v>15</v>
      </c>
      <c r="W33779">
        <v>15</v>
      </c>
      <c r="X33779">
        <v>15</v>
      </c>
      <c r="Y33779">
        <v>15</v>
      </c>
      <c r="Z33779">
        <v>15</v>
      </c>
      <c r="AA33779">
        <v>16</v>
      </c>
      <c r="AB33779">
        <v>16</v>
      </c>
      <c r="AC33779">
        <v>16</v>
      </c>
      <c r="AD33779">
        <v>16</v>
      </c>
      <c r="AE33779">
        <v>16</v>
      </c>
      <c r="AF33779">
        <v>17</v>
      </c>
      <c r="AG33779">
        <v>17</v>
      </c>
      <c r="AH33779">
        <v>17</v>
      </c>
      <c r="AI33779">
        <v>17</v>
      </c>
      <c r="AJ33779">
        <v>18</v>
      </c>
      <c r="AK33779">
        <v>18</v>
      </c>
      <c r="AL33779">
        <v>18</v>
      </c>
      <c r="AM33779">
        <v>18</v>
      </c>
      <c r="AN33779">
        <v>19</v>
      </c>
      <c r="AO33779">
        <v>19</v>
      </c>
      <c r="AP33779">
        <v>19</v>
      </c>
      <c r="AQ33779">
        <v>20</v>
      </c>
    </row>
    <row r="33780" spans="1:43">
      <c r="A33780" t="s">
        <v>20933</v>
      </c>
      <c r="B33780" t="s">
        <v>20934</v>
      </c>
      <c r="C33780" t="s">
        <v>20871</v>
      </c>
      <c r="D33780" t="s">
        <v>20872</v>
      </c>
      <c r="E33780" t="s">
        <v>20787</v>
      </c>
      <c r="F33780" t="s">
        <v>20788</v>
      </c>
      <c r="G33780" t="s">
        <v>20255</v>
      </c>
      <c r="H33780" t="s">
        <v>20256</v>
      </c>
      <c r="I33780" s="2">
        <v>1</v>
      </c>
      <c r="J33780" s="2">
        <v>0</v>
      </c>
      <c r="K33780" s="2">
        <v>0</v>
      </c>
      <c r="L33780" t="s">
        <v>120</v>
      </c>
      <c r="M33780" t="s">
        <v>89</v>
      </c>
      <c r="N33780" t="s">
        <v>90</v>
      </c>
      <c r="O33780" t="s">
        <v>85</v>
      </c>
      <c r="P33780" t="s">
        <v>86</v>
      </c>
      <c r="Q33780">
        <v>14</v>
      </c>
      <c r="R33780">
        <v>14</v>
      </c>
      <c r="S33780">
        <v>15</v>
      </c>
      <c r="T33780">
        <v>15</v>
      </c>
      <c r="U33780">
        <v>16</v>
      </c>
      <c r="V33780">
        <v>16</v>
      </c>
      <c r="W33780">
        <v>16</v>
      </c>
      <c r="X33780">
        <v>17</v>
      </c>
      <c r="Y33780">
        <v>17</v>
      </c>
      <c r="Z33780">
        <v>18</v>
      </c>
      <c r="AA33780">
        <v>18</v>
      </c>
      <c r="AB33780">
        <v>18</v>
      </c>
      <c r="AC33780">
        <v>19</v>
      </c>
      <c r="AD33780">
        <v>19</v>
      </c>
      <c r="AE33780">
        <v>20</v>
      </c>
      <c r="AF33780">
        <v>20</v>
      </c>
      <c r="AG33780">
        <v>20</v>
      </c>
      <c r="AH33780">
        <v>20</v>
      </c>
      <c r="AI33780">
        <v>21</v>
      </c>
      <c r="AJ33780">
        <v>21</v>
      </c>
      <c r="AK33780">
        <v>21</v>
      </c>
      <c r="AL33780">
        <v>21</v>
      </c>
      <c r="AM33780">
        <v>22</v>
      </c>
      <c r="AN33780">
        <v>22</v>
      </c>
      <c r="AO33780">
        <v>22</v>
      </c>
      <c r="AP33780">
        <v>22</v>
      </c>
      <c r="AQ33780">
        <v>23</v>
      </c>
    </row>
    <row r="33781" spans="1:43">
      <c r="A33781" t="s">
        <v>20933</v>
      </c>
      <c r="B33781" t="s">
        <v>20934</v>
      </c>
      <c r="C33781" t="s">
        <v>20871</v>
      </c>
      <c r="D33781" t="s">
        <v>20872</v>
      </c>
      <c r="E33781" t="s">
        <v>20787</v>
      </c>
      <c r="F33781" t="s">
        <v>20788</v>
      </c>
      <c r="G33781" t="s">
        <v>20255</v>
      </c>
      <c r="H33781" t="s">
        <v>20256</v>
      </c>
      <c r="I33781" s="2">
        <v>1</v>
      </c>
      <c r="J33781" s="2">
        <v>0</v>
      </c>
      <c r="K33781" s="2">
        <v>0</v>
      </c>
      <c r="L33781" t="s">
        <v>120</v>
      </c>
      <c r="M33781" t="s">
        <v>83</v>
      </c>
      <c r="N33781" t="s">
        <v>91</v>
      </c>
      <c r="O33781" t="s">
        <v>85</v>
      </c>
      <c r="P33781" t="s">
        <v>86</v>
      </c>
      <c r="Q33781">
        <v>14</v>
      </c>
      <c r="R33781">
        <v>14</v>
      </c>
      <c r="S33781">
        <v>14</v>
      </c>
      <c r="T33781">
        <v>15</v>
      </c>
      <c r="U33781">
        <v>15</v>
      </c>
      <c r="V33781">
        <v>15</v>
      </c>
      <c r="W33781">
        <v>16</v>
      </c>
      <c r="X33781">
        <v>16</v>
      </c>
      <c r="Y33781">
        <v>16</v>
      </c>
      <c r="Z33781">
        <v>17</v>
      </c>
      <c r="AA33781">
        <v>17</v>
      </c>
      <c r="AB33781">
        <v>17</v>
      </c>
      <c r="AC33781">
        <v>18</v>
      </c>
      <c r="AD33781">
        <v>18</v>
      </c>
      <c r="AE33781">
        <v>18</v>
      </c>
      <c r="AF33781">
        <v>19</v>
      </c>
      <c r="AG33781">
        <v>19</v>
      </c>
      <c r="AH33781">
        <v>20</v>
      </c>
      <c r="AI33781">
        <v>20</v>
      </c>
      <c r="AJ33781">
        <v>20</v>
      </c>
      <c r="AK33781">
        <v>21</v>
      </c>
      <c r="AL33781">
        <v>21</v>
      </c>
      <c r="AM33781">
        <v>21</v>
      </c>
      <c r="AN33781">
        <v>22</v>
      </c>
      <c r="AO33781">
        <v>22</v>
      </c>
      <c r="AP33781">
        <v>22</v>
      </c>
      <c r="AQ33781">
        <v>22</v>
      </c>
    </row>
    <row r="33782" spans="1:43">
      <c r="A33782" t="s">
        <v>20935</v>
      </c>
      <c r="B33782" t="s">
        <v>20936</v>
      </c>
      <c r="C33782" t="s">
        <v>20871</v>
      </c>
      <c r="D33782" t="s">
        <v>20872</v>
      </c>
      <c r="E33782" t="s">
        <v>20787</v>
      </c>
      <c r="F33782" t="s">
        <v>20788</v>
      </c>
      <c r="G33782" t="s">
        <v>20255</v>
      </c>
      <c r="H33782" t="s">
        <v>20256</v>
      </c>
      <c r="I33782" s="2">
        <v>1</v>
      </c>
      <c r="J33782" s="2">
        <v>0</v>
      </c>
      <c r="K33782" s="2">
        <v>0</v>
      </c>
      <c r="L33782" t="s">
        <v>120</v>
      </c>
      <c r="M33782" t="s">
        <v>83</v>
      </c>
      <c r="N33782" t="s">
        <v>84</v>
      </c>
      <c r="O33782" t="s">
        <v>85</v>
      </c>
      <c r="P33782" t="s">
        <v>86</v>
      </c>
      <c r="Q33782">
        <v>40</v>
      </c>
      <c r="R33782">
        <v>41</v>
      </c>
      <c r="S33782">
        <v>42</v>
      </c>
      <c r="T33782">
        <v>43</v>
      </c>
      <c r="U33782">
        <v>44</v>
      </c>
      <c r="V33782">
        <v>45</v>
      </c>
      <c r="W33782">
        <v>46</v>
      </c>
      <c r="X33782">
        <v>47</v>
      </c>
      <c r="Y33782">
        <v>48</v>
      </c>
      <c r="Z33782">
        <v>49</v>
      </c>
      <c r="AA33782">
        <v>50</v>
      </c>
      <c r="AB33782">
        <v>51</v>
      </c>
      <c r="AC33782">
        <v>52</v>
      </c>
      <c r="AD33782">
        <v>53</v>
      </c>
      <c r="AE33782">
        <v>54</v>
      </c>
      <c r="AF33782">
        <v>56</v>
      </c>
      <c r="AG33782">
        <v>57</v>
      </c>
      <c r="AH33782">
        <v>58</v>
      </c>
      <c r="AI33782">
        <v>59</v>
      </c>
      <c r="AJ33782">
        <v>60</v>
      </c>
      <c r="AK33782">
        <v>61</v>
      </c>
      <c r="AL33782">
        <v>62</v>
      </c>
      <c r="AM33782">
        <v>63</v>
      </c>
      <c r="AN33782">
        <v>64</v>
      </c>
      <c r="AO33782">
        <v>65</v>
      </c>
      <c r="AP33782">
        <v>65</v>
      </c>
      <c r="AQ33782">
        <v>66</v>
      </c>
    </row>
    <row r="33783" spans="1:43">
      <c r="A33783" t="s">
        <v>20935</v>
      </c>
      <c r="B33783" t="s">
        <v>20936</v>
      </c>
      <c r="C33783" t="s">
        <v>20871</v>
      </c>
      <c r="D33783" t="s">
        <v>20872</v>
      </c>
      <c r="E33783" t="s">
        <v>20787</v>
      </c>
      <c r="F33783" t="s">
        <v>20788</v>
      </c>
      <c r="G33783" t="s">
        <v>20255</v>
      </c>
      <c r="H33783" t="s">
        <v>20256</v>
      </c>
      <c r="I33783" s="2">
        <v>1</v>
      </c>
      <c r="J33783" s="2">
        <v>0</v>
      </c>
      <c r="K33783" s="2">
        <v>0</v>
      </c>
      <c r="L33783" t="s">
        <v>120</v>
      </c>
      <c r="M33783" t="s">
        <v>87</v>
      </c>
      <c r="N33783" t="s">
        <v>88</v>
      </c>
      <c r="O33783" t="s">
        <v>85</v>
      </c>
      <c r="P33783" t="s">
        <v>86</v>
      </c>
      <c r="Q33783">
        <v>40</v>
      </c>
      <c r="R33783">
        <v>41</v>
      </c>
      <c r="S33783">
        <v>41</v>
      </c>
      <c r="T33783">
        <v>42</v>
      </c>
      <c r="U33783">
        <v>42</v>
      </c>
      <c r="V33783">
        <v>43</v>
      </c>
      <c r="W33783">
        <v>44</v>
      </c>
      <c r="X33783">
        <v>44</v>
      </c>
      <c r="Y33783">
        <v>45</v>
      </c>
      <c r="Z33783">
        <v>45</v>
      </c>
      <c r="AA33783">
        <v>46</v>
      </c>
      <c r="AB33783">
        <v>47</v>
      </c>
      <c r="AC33783">
        <v>47</v>
      </c>
      <c r="AD33783">
        <v>48</v>
      </c>
      <c r="AE33783">
        <v>49</v>
      </c>
      <c r="AF33783">
        <v>49</v>
      </c>
      <c r="AG33783">
        <v>50</v>
      </c>
      <c r="AH33783">
        <v>51</v>
      </c>
      <c r="AI33783">
        <v>51</v>
      </c>
      <c r="AJ33783">
        <v>52</v>
      </c>
      <c r="AK33783">
        <v>53</v>
      </c>
      <c r="AL33783">
        <v>54</v>
      </c>
      <c r="AM33783">
        <v>54</v>
      </c>
      <c r="AN33783">
        <v>55</v>
      </c>
      <c r="AO33783">
        <v>56</v>
      </c>
      <c r="AP33783">
        <v>57</v>
      </c>
      <c r="AQ33783">
        <v>57</v>
      </c>
    </row>
    <row r="33784" spans="1:43">
      <c r="A33784" t="s">
        <v>20935</v>
      </c>
      <c r="B33784" t="s">
        <v>20936</v>
      </c>
      <c r="C33784" t="s">
        <v>20871</v>
      </c>
      <c r="D33784" t="s">
        <v>20872</v>
      </c>
      <c r="E33784" t="s">
        <v>20787</v>
      </c>
      <c r="F33784" t="s">
        <v>20788</v>
      </c>
      <c r="G33784" t="s">
        <v>20255</v>
      </c>
      <c r="H33784" t="s">
        <v>20256</v>
      </c>
      <c r="I33784" s="2">
        <v>1</v>
      </c>
      <c r="J33784" s="2">
        <v>0</v>
      </c>
      <c r="K33784" s="2">
        <v>0</v>
      </c>
      <c r="L33784" t="s">
        <v>120</v>
      </c>
      <c r="M33784" t="s">
        <v>89</v>
      </c>
      <c r="N33784" t="s">
        <v>90</v>
      </c>
      <c r="O33784" t="s">
        <v>85</v>
      </c>
      <c r="P33784" t="s">
        <v>86</v>
      </c>
      <c r="Q33784">
        <v>40</v>
      </c>
      <c r="R33784">
        <v>41</v>
      </c>
      <c r="S33784">
        <v>42</v>
      </c>
      <c r="T33784">
        <v>44</v>
      </c>
      <c r="U33784">
        <v>45</v>
      </c>
      <c r="V33784">
        <v>46</v>
      </c>
      <c r="W33784">
        <v>48</v>
      </c>
      <c r="X33784">
        <v>49</v>
      </c>
      <c r="Y33784">
        <v>50</v>
      </c>
      <c r="Z33784">
        <v>51</v>
      </c>
      <c r="AA33784">
        <v>52</v>
      </c>
      <c r="AB33784">
        <v>54</v>
      </c>
      <c r="AC33784">
        <v>55</v>
      </c>
      <c r="AD33784">
        <v>56</v>
      </c>
      <c r="AE33784">
        <v>57</v>
      </c>
      <c r="AF33784">
        <v>58</v>
      </c>
      <c r="AG33784">
        <v>59</v>
      </c>
      <c r="AH33784">
        <v>59</v>
      </c>
      <c r="AI33784">
        <v>60</v>
      </c>
      <c r="AJ33784">
        <v>61</v>
      </c>
      <c r="AK33784">
        <v>61</v>
      </c>
      <c r="AL33784">
        <v>62</v>
      </c>
      <c r="AM33784">
        <v>63</v>
      </c>
      <c r="AN33784">
        <v>64</v>
      </c>
      <c r="AO33784">
        <v>64</v>
      </c>
      <c r="AP33784">
        <v>65</v>
      </c>
      <c r="AQ33784">
        <v>66</v>
      </c>
    </row>
    <row r="33785" spans="1:43">
      <c r="A33785" t="s">
        <v>20935</v>
      </c>
      <c r="B33785" t="s">
        <v>20936</v>
      </c>
      <c r="C33785" t="s">
        <v>20871</v>
      </c>
      <c r="D33785" t="s">
        <v>20872</v>
      </c>
      <c r="E33785" t="s">
        <v>20787</v>
      </c>
      <c r="F33785" t="s">
        <v>20788</v>
      </c>
      <c r="G33785" t="s">
        <v>20255</v>
      </c>
      <c r="H33785" t="s">
        <v>20256</v>
      </c>
      <c r="I33785" s="2">
        <v>1</v>
      </c>
      <c r="J33785" s="2">
        <v>0</v>
      </c>
      <c r="K33785" s="2">
        <v>0</v>
      </c>
      <c r="L33785" t="s">
        <v>120</v>
      </c>
      <c r="M33785" t="s">
        <v>83</v>
      </c>
      <c r="N33785" t="s">
        <v>91</v>
      </c>
      <c r="O33785" t="s">
        <v>85</v>
      </c>
      <c r="P33785" t="s">
        <v>86</v>
      </c>
      <c r="Q33785">
        <v>40</v>
      </c>
      <c r="R33785">
        <v>41</v>
      </c>
      <c r="S33785">
        <v>42</v>
      </c>
      <c r="T33785">
        <v>43</v>
      </c>
      <c r="U33785">
        <v>44</v>
      </c>
      <c r="V33785">
        <v>45</v>
      </c>
      <c r="W33785">
        <v>46</v>
      </c>
      <c r="X33785">
        <v>47</v>
      </c>
      <c r="Y33785">
        <v>48</v>
      </c>
      <c r="Z33785">
        <v>49</v>
      </c>
      <c r="AA33785">
        <v>50</v>
      </c>
      <c r="AB33785">
        <v>51</v>
      </c>
      <c r="AC33785">
        <v>52</v>
      </c>
      <c r="AD33785">
        <v>53</v>
      </c>
      <c r="AE33785">
        <v>54</v>
      </c>
      <c r="AF33785">
        <v>56</v>
      </c>
      <c r="AG33785">
        <v>57</v>
      </c>
      <c r="AH33785">
        <v>58</v>
      </c>
      <c r="AI33785">
        <v>59</v>
      </c>
      <c r="AJ33785">
        <v>60</v>
      </c>
      <c r="AK33785">
        <v>61</v>
      </c>
      <c r="AL33785">
        <v>62</v>
      </c>
      <c r="AM33785">
        <v>63</v>
      </c>
      <c r="AN33785">
        <v>64</v>
      </c>
      <c r="AO33785">
        <v>65</v>
      </c>
      <c r="AP33785">
        <v>65</v>
      </c>
      <c r="AQ33785">
        <v>66</v>
      </c>
    </row>
    <row r="33786" spans="1:43">
      <c r="A33786" t="s">
        <v>20937</v>
      </c>
      <c r="B33786" t="s">
        <v>20938</v>
      </c>
      <c r="C33786" t="s">
        <v>20927</v>
      </c>
      <c r="D33786" t="s">
        <v>20928</v>
      </c>
      <c r="E33786" t="s">
        <v>20787</v>
      </c>
      <c r="F33786" t="s">
        <v>20788</v>
      </c>
      <c r="G33786" t="s">
        <v>20255</v>
      </c>
      <c r="H33786" t="s">
        <v>20256</v>
      </c>
      <c r="I33786" s="2">
        <v>1</v>
      </c>
      <c r="J33786" s="2">
        <v>0</v>
      </c>
      <c r="K33786" s="2">
        <v>0</v>
      </c>
      <c r="L33786" t="s">
        <v>120</v>
      </c>
      <c r="M33786" t="s">
        <v>83</v>
      </c>
      <c r="N33786" t="s">
        <v>84</v>
      </c>
      <c r="O33786" t="s">
        <v>85</v>
      </c>
      <c r="P33786" t="s">
        <v>86</v>
      </c>
      <c r="Q33786">
        <v>102</v>
      </c>
      <c r="R33786">
        <v>104</v>
      </c>
      <c r="S33786">
        <v>107</v>
      </c>
      <c r="T33786">
        <v>109</v>
      </c>
      <c r="U33786">
        <v>112</v>
      </c>
      <c r="V33786">
        <v>114</v>
      </c>
      <c r="W33786">
        <v>117</v>
      </c>
      <c r="X33786">
        <v>119</v>
      </c>
      <c r="Y33786">
        <v>122</v>
      </c>
      <c r="Z33786">
        <v>124</v>
      </c>
      <c r="AA33786">
        <v>127</v>
      </c>
      <c r="AB33786">
        <v>129</v>
      </c>
      <c r="AC33786">
        <v>132</v>
      </c>
      <c r="AD33786">
        <v>135</v>
      </c>
      <c r="AE33786">
        <v>137</v>
      </c>
      <c r="AF33786">
        <v>140</v>
      </c>
      <c r="AG33786">
        <v>143</v>
      </c>
      <c r="AH33786">
        <v>146</v>
      </c>
      <c r="AI33786">
        <v>149</v>
      </c>
      <c r="AJ33786">
        <v>152</v>
      </c>
      <c r="AK33786">
        <v>155</v>
      </c>
      <c r="AL33786">
        <v>157</v>
      </c>
      <c r="AM33786">
        <v>159</v>
      </c>
      <c r="AN33786">
        <v>161</v>
      </c>
      <c r="AO33786">
        <v>163</v>
      </c>
      <c r="AP33786">
        <v>165</v>
      </c>
      <c r="AQ33786">
        <v>167</v>
      </c>
    </row>
    <row r="33787" spans="1:43">
      <c r="A33787" t="s">
        <v>20937</v>
      </c>
      <c r="B33787" t="s">
        <v>20938</v>
      </c>
      <c r="C33787" t="s">
        <v>20927</v>
      </c>
      <c r="D33787" t="s">
        <v>20928</v>
      </c>
      <c r="E33787" t="s">
        <v>20787</v>
      </c>
      <c r="F33787" t="s">
        <v>20788</v>
      </c>
      <c r="G33787" t="s">
        <v>20255</v>
      </c>
      <c r="H33787" t="s">
        <v>20256</v>
      </c>
      <c r="I33787" s="2">
        <v>1</v>
      </c>
      <c r="J33787" s="2">
        <v>0</v>
      </c>
      <c r="K33787" s="2">
        <v>0</v>
      </c>
      <c r="L33787" t="s">
        <v>120</v>
      </c>
      <c r="M33787" t="s">
        <v>87</v>
      </c>
      <c r="N33787" t="s">
        <v>88</v>
      </c>
      <c r="O33787" t="s">
        <v>85</v>
      </c>
      <c r="P33787" t="s">
        <v>86</v>
      </c>
      <c r="Q33787">
        <v>102</v>
      </c>
      <c r="R33787">
        <v>103</v>
      </c>
      <c r="S33787">
        <v>105</v>
      </c>
      <c r="T33787">
        <v>106</v>
      </c>
      <c r="U33787">
        <v>108</v>
      </c>
      <c r="V33787">
        <v>109</v>
      </c>
      <c r="W33787">
        <v>111</v>
      </c>
      <c r="X33787">
        <v>112</v>
      </c>
      <c r="Y33787">
        <v>114</v>
      </c>
      <c r="Z33787">
        <v>115</v>
      </c>
      <c r="AA33787">
        <v>117</v>
      </c>
      <c r="AB33787">
        <v>118</v>
      </c>
      <c r="AC33787">
        <v>120</v>
      </c>
      <c r="AD33787">
        <v>121</v>
      </c>
      <c r="AE33787">
        <v>123</v>
      </c>
      <c r="AF33787">
        <v>125</v>
      </c>
      <c r="AG33787">
        <v>126</v>
      </c>
      <c r="AH33787">
        <v>128</v>
      </c>
      <c r="AI33787">
        <v>130</v>
      </c>
      <c r="AJ33787">
        <v>132</v>
      </c>
      <c r="AK33787">
        <v>134</v>
      </c>
      <c r="AL33787">
        <v>136</v>
      </c>
      <c r="AM33787">
        <v>137</v>
      </c>
      <c r="AN33787">
        <v>139</v>
      </c>
      <c r="AO33787">
        <v>141</v>
      </c>
      <c r="AP33787">
        <v>143</v>
      </c>
      <c r="AQ33787">
        <v>145</v>
      </c>
    </row>
    <row r="33788" spans="1:43">
      <c r="A33788" t="s">
        <v>20937</v>
      </c>
      <c r="B33788" t="s">
        <v>20938</v>
      </c>
      <c r="C33788" t="s">
        <v>20927</v>
      </c>
      <c r="D33788" t="s">
        <v>20928</v>
      </c>
      <c r="E33788" t="s">
        <v>20787</v>
      </c>
      <c r="F33788" t="s">
        <v>20788</v>
      </c>
      <c r="G33788" t="s">
        <v>20255</v>
      </c>
      <c r="H33788" t="s">
        <v>20256</v>
      </c>
      <c r="I33788" s="2">
        <v>1</v>
      </c>
      <c r="J33788" s="2">
        <v>0</v>
      </c>
      <c r="K33788" s="2">
        <v>0</v>
      </c>
      <c r="L33788" t="s">
        <v>120</v>
      </c>
      <c r="M33788" t="s">
        <v>89</v>
      </c>
      <c r="N33788" t="s">
        <v>90</v>
      </c>
      <c r="O33788" t="s">
        <v>85</v>
      </c>
      <c r="P33788" t="s">
        <v>86</v>
      </c>
      <c r="Q33788">
        <v>102</v>
      </c>
      <c r="R33788">
        <v>105</v>
      </c>
      <c r="S33788">
        <v>108</v>
      </c>
      <c r="T33788">
        <v>112</v>
      </c>
      <c r="U33788">
        <v>115</v>
      </c>
      <c r="V33788">
        <v>118</v>
      </c>
      <c r="W33788">
        <v>121</v>
      </c>
      <c r="X33788">
        <v>124</v>
      </c>
      <c r="Y33788">
        <v>127</v>
      </c>
      <c r="Z33788">
        <v>131</v>
      </c>
      <c r="AA33788">
        <v>134</v>
      </c>
      <c r="AB33788">
        <v>137</v>
      </c>
      <c r="AC33788">
        <v>140</v>
      </c>
      <c r="AD33788">
        <v>143</v>
      </c>
      <c r="AE33788">
        <v>146</v>
      </c>
      <c r="AF33788">
        <v>148</v>
      </c>
      <c r="AG33788">
        <v>149</v>
      </c>
      <c r="AH33788">
        <v>151</v>
      </c>
      <c r="AI33788">
        <v>153</v>
      </c>
      <c r="AJ33788">
        <v>155</v>
      </c>
      <c r="AK33788">
        <v>157</v>
      </c>
      <c r="AL33788">
        <v>159</v>
      </c>
      <c r="AM33788">
        <v>160</v>
      </c>
      <c r="AN33788">
        <v>162</v>
      </c>
      <c r="AO33788">
        <v>164</v>
      </c>
      <c r="AP33788">
        <v>166</v>
      </c>
      <c r="AQ33788">
        <v>168</v>
      </c>
    </row>
    <row r="33789" spans="1:43">
      <c r="A33789" t="s">
        <v>20937</v>
      </c>
      <c r="B33789" t="s">
        <v>20938</v>
      </c>
      <c r="C33789" t="s">
        <v>20927</v>
      </c>
      <c r="D33789" t="s">
        <v>20928</v>
      </c>
      <c r="E33789" t="s">
        <v>20787</v>
      </c>
      <c r="F33789" t="s">
        <v>20788</v>
      </c>
      <c r="G33789" t="s">
        <v>20255</v>
      </c>
      <c r="H33789" t="s">
        <v>20256</v>
      </c>
      <c r="I33789" s="2">
        <v>1</v>
      </c>
      <c r="J33789" s="2">
        <v>0</v>
      </c>
      <c r="K33789" s="2">
        <v>0</v>
      </c>
      <c r="L33789" t="s">
        <v>120</v>
      </c>
      <c r="M33789" t="s">
        <v>83</v>
      </c>
      <c r="N33789" t="s">
        <v>91</v>
      </c>
      <c r="O33789" t="s">
        <v>85</v>
      </c>
      <c r="P33789" t="s">
        <v>86</v>
      </c>
      <c r="Q33789">
        <v>102</v>
      </c>
      <c r="R33789">
        <v>104</v>
      </c>
      <c r="S33789">
        <v>107</v>
      </c>
      <c r="T33789">
        <v>109</v>
      </c>
      <c r="U33789">
        <v>112</v>
      </c>
      <c r="V33789">
        <v>114</v>
      </c>
      <c r="W33789">
        <v>117</v>
      </c>
      <c r="X33789">
        <v>119</v>
      </c>
      <c r="Y33789">
        <v>122</v>
      </c>
      <c r="Z33789">
        <v>124</v>
      </c>
      <c r="AA33789">
        <v>127</v>
      </c>
      <c r="AB33789">
        <v>129</v>
      </c>
      <c r="AC33789">
        <v>132</v>
      </c>
      <c r="AD33789">
        <v>135</v>
      </c>
      <c r="AE33789">
        <v>137</v>
      </c>
      <c r="AF33789">
        <v>140</v>
      </c>
      <c r="AG33789">
        <v>143</v>
      </c>
      <c r="AH33789">
        <v>146</v>
      </c>
      <c r="AI33789">
        <v>149</v>
      </c>
      <c r="AJ33789">
        <v>152</v>
      </c>
      <c r="AK33789">
        <v>155</v>
      </c>
      <c r="AL33789">
        <v>157</v>
      </c>
      <c r="AM33789">
        <v>159</v>
      </c>
      <c r="AN33789">
        <v>161</v>
      </c>
      <c r="AO33789">
        <v>163</v>
      </c>
      <c r="AP33789">
        <v>165</v>
      </c>
      <c r="AQ33789">
        <v>167</v>
      </c>
    </row>
    <row r="33790" spans="1:43">
      <c r="A33790" t="s">
        <v>20939</v>
      </c>
      <c r="B33790" t="s">
        <v>20940</v>
      </c>
      <c r="C33790" t="s">
        <v>20927</v>
      </c>
      <c r="D33790" t="s">
        <v>20928</v>
      </c>
      <c r="E33790" t="s">
        <v>20787</v>
      </c>
      <c r="F33790" t="s">
        <v>20788</v>
      </c>
      <c r="G33790" t="s">
        <v>20255</v>
      </c>
      <c r="H33790" t="s">
        <v>20256</v>
      </c>
      <c r="I33790" s="2">
        <v>1</v>
      </c>
      <c r="J33790" s="2">
        <v>0</v>
      </c>
      <c r="K33790" s="2">
        <v>0</v>
      </c>
      <c r="L33790" t="s">
        <v>120</v>
      </c>
      <c r="M33790" t="s">
        <v>83</v>
      </c>
      <c r="N33790" t="s">
        <v>84</v>
      </c>
      <c r="O33790" t="s">
        <v>85</v>
      </c>
      <c r="P33790" t="s">
        <v>86</v>
      </c>
      <c r="Q33790">
        <v>24</v>
      </c>
      <c r="R33790">
        <v>24</v>
      </c>
      <c r="S33790">
        <v>25</v>
      </c>
      <c r="T33790">
        <v>25</v>
      </c>
      <c r="U33790">
        <v>26</v>
      </c>
      <c r="V33790">
        <v>26</v>
      </c>
      <c r="W33790">
        <v>27</v>
      </c>
      <c r="X33790">
        <v>27</v>
      </c>
      <c r="Y33790">
        <v>28</v>
      </c>
      <c r="Z33790">
        <v>29</v>
      </c>
      <c r="AA33790">
        <v>29</v>
      </c>
      <c r="AB33790">
        <v>30</v>
      </c>
      <c r="AC33790">
        <v>30</v>
      </c>
      <c r="AD33790">
        <v>31</v>
      </c>
      <c r="AE33790">
        <v>32</v>
      </c>
      <c r="AF33790">
        <v>32</v>
      </c>
      <c r="AG33790">
        <v>33</v>
      </c>
      <c r="AH33790">
        <v>34</v>
      </c>
      <c r="AI33790">
        <v>34</v>
      </c>
      <c r="AJ33790">
        <v>35</v>
      </c>
      <c r="AK33790">
        <v>36</v>
      </c>
      <c r="AL33790">
        <v>36</v>
      </c>
      <c r="AM33790">
        <v>37</v>
      </c>
      <c r="AN33790">
        <v>37</v>
      </c>
      <c r="AO33790">
        <v>37</v>
      </c>
      <c r="AP33790">
        <v>38</v>
      </c>
      <c r="AQ33790">
        <v>38</v>
      </c>
    </row>
    <row r="33791" spans="1:43">
      <c r="A33791" t="s">
        <v>20939</v>
      </c>
      <c r="B33791" t="s">
        <v>20940</v>
      </c>
      <c r="C33791" t="s">
        <v>20927</v>
      </c>
      <c r="D33791" t="s">
        <v>20928</v>
      </c>
      <c r="E33791" t="s">
        <v>20787</v>
      </c>
      <c r="F33791" t="s">
        <v>20788</v>
      </c>
      <c r="G33791" t="s">
        <v>20255</v>
      </c>
      <c r="H33791" t="s">
        <v>20256</v>
      </c>
      <c r="I33791" s="2">
        <v>1</v>
      </c>
      <c r="J33791" s="2">
        <v>0</v>
      </c>
      <c r="K33791" s="2">
        <v>0</v>
      </c>
      <c r="L33791" t="s">
        <v>120</v>
      </c>
      <c r="M33791" t="s">
        <v>87</v>
      </c>
      <c r="N33791" t="s">
        <v>88</v>
      </c>
      <c r="O33791" t="s">
        <v>85</v>
      </c>
      <c r="P33791" t="s">
        <v>86</v>
      </c>
      <c r="Q33791">
        <v>24</v>
      </c>
      <c r="R33791">
        <v>25</v>
      </c>
      <c r="S33791">
        <v>25</v>
      </c>
      <c r="T33791">
        <v>25</v>
      </c>
      <c r="U33791">
        <v>26</v>
      </c>
      <c r="V33791">
        <v>26</v>
      </c>
      <c r="W33791">
        <v>26</v>
      </c>
      <c r="X33791">
        <v>27</v>
      </c>
      <c r="Y33791">
        <v>27</v>
      </c>
      <c r="Z33791">
        <v>27</v>
      </c>
      <c r="AA33791">
        <v>28</v>
      </c>
      <c r="AB33791">
        <v>28</v>
      </c>
      <c r="AC33791">
        <v>28</v>
      </c>
      <c r="AD33791">
        <v>29</v>
      </c>
      <c r="AE33791">
        <v>29</v>
      </c>
      <c r="AF33791">
        <v>29</v>
      </c>
      <c r="AG33791">
        <v>30</v>
      </c>
      <c r="AH33791">
        <v>30</v>
      </c>
      <c r="AI33791">
        <v>31</v>
      </c>
      <c r="AJ33791">
        <v>31</v>
      </c>
      <c r="AK33791">
        <v>31</v>
      </c>
      <c r="AL33791">
        <v>32</v>
      </c>
      <c r="AM33791">
        <v>32</v>
      </c>
      <c r="AN33791">
        <v>33</v>
      </c>
      <c r="AO33791">
        <v>33</v>
      </c>
      <c r="AP33791">
        <v>34</v>
      </c>
      <c r="AQ33791">
        <v>34</v>
      </c>
    </row>
    <row r="33792" spans="1:43">
      <c r="A33792" t="s">
        <v>20939</v>
      </c>
      <c r="B33792" t="s">
        <v>20940</v>
      </c>
      <c r="C33792" t="s">
        <v>20927</v>
      </c>
      <c r="D33792" t="s">
        <v>20928</v>
      </c>
      <c r="E33792" t="s">
        <v>20787</v>
      </c>
      <c r="F33792" t="s">
        <v>20788</v>
      </c>
      <c r="G33792" t="s">
        <v>20255</v>
      </c>
      <c r="H33792" t="s">
        <v>20256</v>
      </c>
      <c r="I33792" s="2">
        <v>1</v>
      </c>
      <c r="J33792" s="2">
        <v>0</v>
      </c>
      <c r="K33792" s="2">
        <v>0</v>
      </c>
      <c r="L33792" t="s">
        <v>120</v>
      </c>
      <c r="M33792" t="s">
        <v>89</v>
      </c>
      <c r="N33792" t="s">
        <v>90</v>
      </c>
      <c r="O33792" t="s">
        <v>85</v>
      </c>
      <c r="P33792" t="s">
        <v>86</v>
      </c>
      <c r="Q33792">
        <v>24</v>
      </c>
      <c r="R33792">
        <v>25</v>
      </c>
      <c r="S33792">
        <v>25</v>
      </c>
      <c r="T33792">
        <v>26</v>
      </c>
      <c r="U33792">
        <v>27</v>
      </c>
      <c r="V33792">
        <v>27</v>
      </c>
      <c r="W33792">
        <v>28</v>
      </c>
      <c r="X33792">
        <v>29</v>
      </c>
      <c r="Y33792">
        <v>30</v>
      </c>
      <c r="Z33792">
        <v>30</v>
      </c>
      <c r="AA33792">
        <v>31</v>
      </c>
      <c r="AB33792">
        <v>32</v>
      </c>
      <c r="AC33792">
        <v>33</v>
      </c>
      <c r="AD33792">
        <v>33</v>
      </c>
      <c r="AE33792">
        <v>34</v>
      </c>
      <c r="AF33792">
        <v>34</v>
      </c>
      <c r="AG33792">
        <v>35</v>
      </c>
      <c r="AH33792">
        <v>35</v>
      </c>
      <c r="AI33792">
        <v>36</v>
      </c>
      <c r="AJ33792">
        <v>36</v>
      </c>
      <c r="AK33792">
        <v>36</v>
      </c>
      <c r="AL33792">
        <v>37</v>
      </c>
      <c r="AM33792">
        <v>37</v>
      </c>
      <c r="AN33792">
        <v>38</v>
      </c>
      <c r="AO33792">
        <v>38</v>
      </c>
      <c r="AP33792">
        <v>38</v>
      </c>
      <c r="AQ33792">
        <v>39</v>
      </c>
    </row>
    <row r="33793" spans="1:43">
      <c r="A33793" t="s">
        <v>20939</v>
      </c>
      <c r="B33793" t="s">
        <v>20940</v>
      </c>
      <c r="C33793" t="s">
        <v>20927</v>
      </c>
      <c r="D33793" t="s">
        <v>20928</v>
      </c>
      <c r="E33793" t="s">
        <v>20787</v>
      </c>
      <c r="F33793" t="s">
        <v>20788</v>
      </c>
      <c r="G33793" t="s">
        <v>20255</v>
      </c>
      <c r="H33793" t="s">
        <v>20256</v>
      </c>
      <c r="I33793" s="2">
        <v>1</v>
      </c>
      <c r="J33793" s="2">
        <v>0</v>
      </c>
      <c r="K33793" s="2">
        <v>0</v>
      </c>
      <c r="L33793" t="s">
        <v>120</v>
      </c>
      <c r="M33793" t="s">
        <v>83</v>
      </c>
      <c r="N33793" t="s">
        <v>91</v>
      </c>
      <c r="O33793" t="s">
        <v>85</v>
      </c>
      <c r="P33793" t="s">
        <v>86</v>
      </c>
      <c r="Q33793">
        <v>24</v>
      </c>
      <c r="R33793">
        <v>24</v>
      </c>
      <c r="S33793">
        <v>25</v>
      </c>
      <c r="T33793">
        <v>25</v>
      </c>
      <c r="U33793">
        <v>26</v>
      </c>
      <c r="V33793">
        <v>26</v>
      </c>
      <c r="W33793">
        <v>27</v>
      </c>
      <c r="X33793">
        <v>27</v>
      </c>
      <c r="Y33793">
        <v>28</v>
      </c>
      <c r="Z33793">
        <v>29</v>
      </c>
      <c r="AA33793">
        <v>29</v>
      </c>
      <c r="AB33793">
        <v>30</v>
      </c>
      <c r="AC33793">
        <v>30</v>
      </c>
      <c r="AD33793">
        <v>31</v>
      </c>
      <c r="AE33793">
        <v>32</v>
      </c>
      <c r="AF33793">
        <v>32</v>
      </c>
      <c r="AG33793">
        <v>33</v>
      </c>
      <c r="AH33793">
        <v>34</v>
      </c>
      <c r="AI33793">
        <v>34</v>
      </c>
      <c r="AJ33793">
        <v>35</v>
      </c>
      <c r="AK33793">
        <v>36</v>
      </c>
      <c r="AL33793">
        <v>36</v>
      </c>
      <c r="AM33793">
        <v>37</v>
      </c>
      <c r="AN33793">
        <v>37</v>
      </c>
      <c r="AO33793">
        <v>37</v>
      </c>
      <c r="AP33793">
        <v>38</v>
      </c>
      <c r="AQ33793">
        <v>38</v>
      </c>
    </row>
    <row r="33794" spans="1:43">
      <c r="A33794" t="s">
        <v>20941</v>
      </c>
      <c r="B33794" t="s">
        <v>20942</v>
      </c>
      <c r="C33794" t="s">
        <v>20927</v>
      </c>
      <c r="D33794" t="s">
        <v>20928</v>
      </c>
      <c r="E33794" t="s">
        <v>20787</v>
      </c>
      <c r="F33794" t="s">
        <v>20788</v>
      </c>
      <c r="G33794" t="s">
        <v>20255</v>
      </c>
      <c r="H33794" t="s">
        <v>20256</v>
      </c>
      <c r="I33794" s="2">
        <v>1</v>
      </c>
      <c r="J33794" s="2">
        <v>0</v>
      </c>
      <c r="K33794" s="2">
        <v>0</v>
      </c>
      <c r="L33794" t="s">
        <v>120</v>
      </c>
      <c r="M33794" t="s">
        <v>83</v>
      </c>
      <c r="N33794" t="s">
        <v>84</v>
      </c>
      <c r="O33794" t="s">
        <v>85</v>
      </c>
      <c r="P33794" t="s">
        <v>86</v>
      </c>
      <c r="Q33794">
        <v>66</v>
      </c>
      <c r="R33794">
        <v>68</v>
      </c>
      <c r="S33794">
        <v>69</v>
      </c>
      <c r="T33794">
        <v>71</v>
      </c>
      <c r="U33794">
        <v>73</v>
      </c>
      <c r="V33794">
        <v>74</v>
      </c>
      <c r="W33794">
        <v>76</v>
      </c>
      <c r="X33794">
        <v>77</v>
      </c>
      <c r="Y33794">
        <v>79</v>
      </c>
      <c r="Z33794">
        <v>81</v>
      </c>
      <c r="AA33794">
        <v>82</v>
      </c>
      <c r="AB33794">
        <v>84</v>
      </c>
      <c r="AC33794">
        <v>86</v>
      </c>
      <c r="AD33794">
        <v>87</v>
      </c>
      <c r="AE33794">
        <v>89</v>
      </c>
      <c r="AF33794">
        <v>91</v>
      </c>
      <c r="AG33794">
        <v>93</v>
      </c>
      <c r="AH33794">
        <v>95</v>
      </c>
      <c r="AI33794">
        <v>97</v>
      </c>
      <c r="AJ33794">
        <v>99</v>
      </c>
      <c r="AK33794">
        <v>101</v>
      </c>
      <c r="AL33794">
        <v>102</v>
      </c>
      <c r="AM33794">
        <v>103</v>
      </c>
      <c r="AN33794">
        <v>104</v>
      </c>
      <c r="AO33794">
        <v>106</v>
      </c>
      <c r="AP33794">
        <v>107</v>
      </c>
      <c r="AQ33794">
        <v>108</v>
      </c>
    </row>
    <row r="33795" spans="1:43">
      <c r="A33795" t="s">
        <v>20941</v>
      </c>
      <c r="B33795" t="s">
        <v>20942</v>
      </c>
      <c r="C33795" t="s">
        <v>20927</v>
      </c>
      <c r="D33795" t="s">
        <v>20928</v>
      </c>
      <c r="E33795" t="s">
        <v>20787</v>
      </c>
      <c r="F33795" t="s">
        <v>20788</v>
      </c>
      <c r="G33795" t="s">
        <v>20255</v>
      </c>
      <c r="H33795" t="s">
        <v>20256</v>
      </c>
      <c r="I33795" s="2">
        <v>1</v>
      </c>
      <c r="J33795" s="2">
        <v>0</v>
      </c>
      <c r="K33795" s="2">
        <v>0</v>
      </c>
      <c r="L33795" t="s">
        <v>120</v>
      </c>
      <c r="M33795" t="s">
        <v>87</v>
      </c>
      <c r="N33795" t="s">
        <v>88</v>
      </c>
      <c r="O33795" t="s">
        <v>85</v>
      </c>
      <c r="P33795" t="s">
        <v>86</v>
      </c>
      <c r="Q33795">
        <v>66</v>
      </c>
      <c r="R33795">
        <v>67</v>
      </c>
      <c r="S33795">
        <v>67</v>
      </c>
      <c r="T33795">
        <v>68</v>
      </c>
      <c r="U33795">
        <v>69</v>
      </c>
      <c r="V33795">
        <v>70</v>
      </c>
      <c r="W33795">
        <v>71</v>
      </c>
      <c r="X33795">
        <v>72</v>
      </c>
      <c r="Y33795">
        <v>73</v>
      </c>
      <c r="Z33795">
        <v>74</v>
      </c>
      <c r="AA33795">
        <v>75</v>
      </c>
      <c r="AB33795">
        <v>76</v>
      </c>
      <c r="AC33795">
        <v>77</v>
      </c>
      <c r="AD33795">
        <v>78</v>
      </c>
      <c r="AE33795">
        <v>79</v>
      </c>
      <c r="AF33795">
        <v>81</v>
      </c>
      <c r="AG33795">
        <v>82</v>
      </c>
      <c r="AH33795">
        <v>83</v>
      </c>
      <c r="AI33795">
        <v>84</v>
      </c>
      <c r="AJ33795">
        <v>85</v>
      </c>
      <c r="AK33795">
        <v>86</v>
      </c>
      <c r="AL33795">
        <v>88</v>
      </c>
      <c r="AM33795">
        <v>89</v>
      </c>
      <c r="AN33795">
        <v>90</v>
      </c>
      <c r="AO33795">
        <v>91</v>
      </c>
      <c r="AP33795">
        <v>93</v>
      </c>
      <c r="AQ33795">
        <v>94</v>
      </c>
    </row>
    <row r="33796" spans="1:43">
      <c r="A33796" t="s">
        <v>20941</v>
      </c>
      <c r="B33796" t="s">
        <v>20942</v>
      </c>
      <c r="C33796" t="s">
        <v>20927</v>
      </c>
      <c r="D33796" t="s">
        <v>20928</v>
      </c>
      <c r="E33796" t="s">
        <v>20787</v>
      </c>
      <c r="F33796" t="s">
        <v>20788</v>
      </c>
      <c r="G33796" t="s">
        <v>20255</v>
      </c>
      <c r="H33796" t="s">
        <v>20256</v>
      </c>
      <c r="I33796" s="2">
        <v>1</v>
      </c>
      <c r="J33796" s="2">
        <v>0</v>
      </c>
      <c r="K33796" s="2">
        <v>0</v>
      </c>
      <c r="L33796" t="s">
        <v>120</v>
      </c>
      <c r="M33796" t="s">
        <v>89</v>
      </c>
      <c r="N33796" t="s">
        <v>90</v>
      </c>
      <c r="O33796" t="s">
        <v>85</v>
      </c>
      <c r="P33796" t="s">
        <v>86</v>
      </c>
      <c r="Q33796">
        <v>66</v>
      </c>
      <c r="R33796">
        <v>68</v>
      </c>
      <c r="S33796">
        <v>70</v>
      </c>
      <c r="T33796">
        <v>72</v>
      </c>
      <c r="U33796">
        <v>74</v>
      </c>
      <c r="V33796">
        <v>76</v>
      </c>
      <c r="W33796">
        <v>78</v>
      </c>
      <c r="X33796">
        <v>80</v>
      </c>
      <c r="Y33796">
        <v>82</v>
      </c>
      <c r="Z33796">
        <v>84</v>
      </c>
      <c r="AA33796">
        <v>86</v>
      </c>
      <c r="AB33796">
        <v>88</v>
      </c>
      <c r="AC33796">
        <v>91</v>
      </c>
      <c r="AD33796">
        <v>93</v>
      </c>
      <c r="AE33796">
        <v>94</v>
      </c>
      <c r="AF33796">
        <v>96</v>
      </c>
      <c r="AG33796">
        <v>97</v>
      </c>
      <c r="AH33796">
        <v>98</v>
      </c>
      <c r="AI33796">
        <v>99</v>
      </c>
      <c r="AJ33796">
        <v>100</v>
      </c>
      <c r="AK33796">
        <v>101</v>
      </c>
      <c r="AL33796">
        <v>103</v>
      </c>
      <c r="AM33796">
        <v>104</v>
      </c>
      <c r="AN33796">
        <v>105</v>
      </c>
      <c r="AO33796">
        <v>106</v>
      </c>
      <c r="AP33796">
        <v>108</v>
      </c>
      <c r="AQ33796">
        <v>109</v>
      </c>
    </row>
    <row r="33797" spans="1:43">
      <c r="A33797" t="s">
        <v>20941</v>
      </c>
      <c r="B33797" t="s">
        <v>20942</v>
      </c>
      <c r="C33797" t="s">
        <v>20927</v>
      </c>
      <c r="D33797" t="s">
        <v>20928</v>
      </c>
      <c r="E33797" t="s">
        <v>20787</v>
      </c>
      <c r="F33797" t="s">
        <v>20788</v>
      </c>
      <c r="G33797" t="s">
        <v>20255</v>
      </c>
      <c r="H33797" t="s">
        <v>20256</v>
      </c>
      <c r="I33797" s="2">
        <v>1</v>
      </c>
      <c r="J33797" s="2">
        <v>0</v>
      </c>
      <c r="K33797" s="2">
        <v>0</v>
      </c>
      <c r="L33797" t="s">
        <v>120</v>
      </c>
      <c r="M33797" t="s">
        <v>83</v>
      </c>
      <c r="N33797" t="s">
        <v>91</v>
      </c>
      <c r="O33797" t="s">
        <v>85</v>
      </c>
      <c r="P33797" t="s">
        <v>86</v>
      </c>
      <c r="Q33797">
        <v>66</v>
      </c>
      <c r="R33797">
        <v>68</v>
      </c>
      <c r="S33797">
        <v>69</v>
      </c>
      <c r="T33797">
        <v>71</v>
      </c>
      <c r="U33797">
        <v>73</v>
      </c>
      <c r="V33797">
        <v>74</v>
      </c>
      <c r="W33797">
        <v>76</v>
      </c>
      <c r="X33797">
        <v>77</v>
      </c>
      <c r="Y33797">
        <v>79</v>
      </c>
      <c r="Z33797">
        <v>81</v>
      </c>
      <c r="AA33797">
        <v>82</v>
      </c>
      <c r="AB33797">
        <v>84</v>
      </c>
      <c r="AC33797">
        <v>86</v>
      </c>
      <c r="AD33797">
        <v>87</v>
      </c>
      <c r="AE33797">
        <v>89</v>
      </c>
      <c r="AF33797">
        <v>91</v>
      </c>
      <c r="AG33797">
        <v>93</v>
      </c>
      <c r="AH33797">
        <v>95</v>
      </c>
      <c r="AI33797">
        <v>97</v>
      </c>
      <c r="AJ33797">
        <v>99</v>
      </c>
      <c r="AK33797">
        <v>101</v>
      </c>
      <c r="AL33797">
        <v>102</v>
      </c>
      <c r="AM33797">
        <v>103</v>
      </c>
      <c r="AN33797">
        <v>104</v>
      </c>
      <c r="AO33797">
        <v>106</v>
      </c>
      <c r="AP33797">
        <v>107</v>
      </c>
      <c r="AQ33797">
        <v>108</v>
      </c>
    </row>
    <row r="33798" spans="1:43">
      <c r="A33798" t="s">
        <v>20943</v>
      </c>
      <c r="B33798" t="s">
        <v>20944</v>
      </c>
      <c r="C33798" t="s">
        <v>20909</v>
      </c>
      <c r="D33798" t="s">
        <v>20910</v>
      </c>
      <c r="E33798" t="s">
        <v>20787</v>
      </c>
      <c r="F33798" t="s">
        <v>20788</v>
      </c>
      <c r="G33798" t="s">
        <v>20255</v>
      </c>
      <c r="H33798" t="s">
        <v>20256</v>
      </c>
      <c r="I33798" s="2">
        <v>0.9</v>
      </c>
      <c r="J33798" s="2">
        <v>0</v>
      </c>
      <c r="K33798" s="2">
        <v>0</v>
      </c>
      <c r="L33798" t="s">
        <v>120</v>
      </c>
      <c r="M33798" t="s">
        <v>83</v>
      </c>
      <c r="N33798" t="s">
        <v>84</v>
      </c>
      <c r="O33798" t="s">
        <v>85</v>
      </c>
      <c r="P33798" t="s">
        <v>86</v>
      </c>
      <c r="Q33798">
        <v>9</v>
      </c>
      <c r="R33798">
        <v>9</v>
      </c>
      <c r="S33798">
        <v>10</v>
      </c>
      <c r="T33798">
        <v>10</v>
      </c>
      <c r="U33798">
        <v>10</v>
      </c>
      <c r="V33798">
        <v>10</v>
      </c>
      <c r="W33798">
        <v>11</v>
      </c>
      <c r="X33798">
        <v>11</v>
      </c>
      <c r="Y33798">
        <v>11</v>
      </c>
      <c r="Z33798">
        <v>11</v>
      </c>
      <c r="AA33798">
        <v>12</v>
      </c>
      <c r="AB33798">
        <v>12</v>
      </c>
      <c r="AC33798">
        <v>12</v>
      </c>
      <c r="AD33798">
        <v>12</v>
      </c>
      <c r="AE33798">
        <v>12</v>
      </c>
      <c r="AF33798">
        <v>13</v>
      </c>
      <c r="AG33798">
        <v>13</v>
      </c>
      <c r="AH33798">
        <v>13</v>
      </c>
      <c r="AI33798">
        <v>13</v>
      </c>
      <c r="AJ33798">
        <v>14</v>
      </c>
      <c r="AK33798">
        <v>14</v>
      </c>
      <c r="AL33798">
        <v>14</v>
      </c>
      <c r="AM33798">
        <v>14</v>
      </c>
      <c r="AN33798">
        <v>15</v>
      </c>
      <c r="AO33798">
        <v>15</v>
      </c>
      <c r="AP33798">
        <v>15</v>
      </c>
      <c r="AQ33798">
        <v>15</v>
      </c>
    </row>
    <row r="33799" spans="1:43">
      <c r="A33799" t="s">
        <v>20943</v>
      </c>
      <c r="B33799" t="s">
        <v>20944</v>
      </c>
      <c r="C33799" t="s">
        <v>20909</v>
      </c>
      <c r="D33799" t="s">
        <v>20910</v>
      </c>
      <c r="E33799" t="s">
        <v>20787</v>
      </c>
      <c r="F33799" t="s">
        <v>20788</v>
      </c>
      <c r="G33799" t="s">
        <v>20255</v>
      </c>
      <c r="H33799" t="s">
        <v>20256</v>
      </c>
      <c r="I33799" s="2">
        <v>0.9</v>
      </c>
      <c r="J33799" s="2">
        <v>0</v>
      </c>
      <c r="K33799" s="2">
        <v>0</v>
      </c>
      <c r="L33799" t="s">
        <v>120</v>
      </c>
      <c r="M33799" t="s">
        <v>87</v>
      </c>
      <c r="N33799" t="s">
        <v>88</v>
      </c>
      <c r="O33799" t="s">
        <v>85</v>
      </c>
      <c r="P33799" t="s">
        <v>86</v>
      </c>
      <c r="Q33799">
        <v>9</v>
      </c>
      <c r="R33799">
        <v>9</v>
      </c>
      <c r="S33799">
        <v>9</v>
      </c>
      <c r="T33799">
        <v>10</v>
      </c>
      <c r="U33799">
        <v>10</v>
      </c>
      <c r="V33799">
        <v>10</v>
      </c>
      <c r="W33799">
        <v>10</v>
      </c>
      <c r="X33799">
        <v>10</v>
      </c>
      <c r="Y33799">
        <v>10</v>
      </c>
      <c r="Z33799">
        <v>10</v>
      </c>
      <c r="AA33799">
        <v>11</v>
      </c>
      <c r="AB33799">
        <v>11</v>
      </c>
      <c r="AC33799">
        <v>11</v>
      </c>
      <c r="AD33799">
        <v>11</v>
      </c>
      <c r="AE33799">
        <v>11</v>
      </c>
      <c r="AF33799">
        <v>11</v>
      </c>
      <c r="AG33799">
        <v>11</v>
      </c>
      <c r="AH33799">
        <v>12</v>
      </c>
      <c r="AI33799">
        <v>12</v>
      </c>
      <c r="AJ33799">
        <v>12</v>
      </c>
      <c r="AK33799">
        <v>12</v>
      </c>
      <c r="AL33799">
        <v>12</v>
      </c>
      <c r="AM33799">
        <v>12</v>
      </c>
      <c r="AN33799">
        <v>13</v>
      </c>
      <c r="AO33799">
        <v>13</v>
      </c>
      <c r="AP33799">
        <v>13</v>
      </c>
      <c r="AQ33799">
        <v>13</v>
      </c>
    </row>
    <row r="33800" spans="1:43">
      <c r="A33800" t="s">
        <v>20943</v>
      </c>
      <c r="B33800" t="s">
        <v>20944</v>
      </c>
      <c r="C33800" t="s">
        <v>20909</v>
      </c>
      <c r="D33800" t="s">
        <v>20910</v>
      </c>
      <c r="E33800" t="s">
        <v>20787</v>
      </c>
      <c r="F33800" t="s">
        <v>20788</v>
      </c>
      <c r="G33800" t="s">
        <v>20255</v>
      </c>
      <c r="H33800" t="s">
        <v>20256</v>
      </c>
      <c r="I33800" s="2">
        <v>0.9</v>
      </c>
      <c r="J33800" s="2">
        <v>0</v>
      </c>
      <c r="K33800" s="2">
        <v>0</v>
      </c>
      <c r="L33800" t="s">
        <v>120</v>
      </c>
      <c r="M33800" t="s">
        <v>89</v>
      </c>
      <c r="N33800" t="s">
        <v>90</v>
      </c>
      <c r="O33800" t="s">
        <v>85</v>
      </c>
      <c r="P33800" t="s">
        <v>86</v>
      </c>
      <c r="Q33800">
        <v>9</v>
      </c>
      <c r="R33800">
        <v>10</v>
      </c>
      <c r="S33800">
        <v>10</v>
      </c>
      <c r="T33800">
        <v>10</v>
      </c>
      <c r="U33800">
        <v>11</v>
      </c>
      <c r="V33800">
        <v>11</v>
      </c>
      <c r="W33800">
        <v>11</v>
      </c>
      <c r="X33800">
        <v>11</v>
      </c>
      <c r="Y33800">
        <v>12</v>
      </c>
      <c r="Z33800">
        <v>12</v>
      </c>
      <c r="AA33800">
        <v>12</v>
      </c>
      <c r="AB33800">
        <v>12</v>
      </c>
      <c r="AC33800">
        <v>13</v>
      </c>
      <c r="AD33800">
        <v>13</v>
      </c>
      <c r="AE33800">
        <v>13</v>
      </c>
      <c r="AF33800">
        <v>13</v>
      </c>
      <c r="AG33800">
        <v>14</v>
      </c>
      <c r="AH33800">
        <v>14</v>
      </c>
      <c r="AI33800">
        <v>14</v>
      </c>
      <c r="AJ33800">
        <v>14</v>
      </c>
      <c r="AK33800">
        <v>14</v>
      </c>
      <c r="AL33800">
        <v>14</v>
      </c>
      <c r="AM33800">
        <v>14</v>
      </c>
      <c r="AN33800">
        <v>15</v>
      </c>
      <c r="AO33800">
        <v>15</v>
      </c>
      <c r="AP33800">
        <v>15</v>
      </c>
      <c r="AQ33800">
        <v>15</v>
      </c>
    </row>
    <row r="33801" spans="1:43">
      <c r="A33801" t="s">
        <v>20943</v>
      </c>
      <c r="B33801" t="s">
        <v>20944</v>
      </c>
      <c r="C33801" t="s">
        <v>20909</v>
      </c>
      <c r="D33801" t="s">
        <v>20910</v>
      </c>
      <c r="E33801" t="s">
        <v>20787</v>
      </c>
      <c r="F33801" t="s">
        <v>20788</v>
      </c>
      <c r="G33801" t="s">
        <v>20255</v>
      </c>
      <c r="H33801" t="s">
        <v>20256</v>
      </c>
      <c r="I33801" s="2">
        <v>0.9</v>
      </c>
      <c r="J33801" s="2">
        <v>0</v>
      </c>
      <c r="K33801" s="2">
        <v>0</v>
      </c>
      <c r="L33801" t="s">
        <v>120</v>
      </c>
      <c r="M33801" t="s">
        <v>83</v>
      </c>
      <c r="N33801" t="s">
        <v>91</v>
      </c>
      <c r="O33801" t="s">
        <v>85</v>
      </c>
      <c r="P33801" t="s">
        <v>86</v>
      </c>
      <c r="Q33801">
        <v>9</v>
      </c>
      <c r="R33801">
        <v>9</v>
      </c>
      <c r="S33801">
        <v>10</v>
      </c>
      <c r="T33801">
        <v>10</v>
      </c>
      <c r="U33801">
        <v>10</v>
      </c>
      <c r="V33801">
        <v>10</v>
      </c>
      <c r="W33801">
        <v>11</v>
      </c>
      <c r="X33801">
        <v>11</v>
      </c>
      <c r="Y33801">
        <v>11</v>
      </c>
      <c r="Z33801">
        <v>11</v>
      </c>
      <c r="AA33801">
        <v>12</v>
      </c>
      <c r="AB33801">
        <v>12</v>
      </c>
      <c r="AC33801">
        <v>12</v>
      </c>
      <c r="AD33801">
        <v>12</v>
      </c>
      <c r="AE33801">
        <v>12</v>
      </c>
      <c r="AF33801">
        <v>13</v>
      </c>
      <c r="AG33801">
        <v>13</v>
      </c>
      <c r="AH33801">
        <v>13</v>
      </c>
      <c r="AI33801">
        <v>13</v>
      </c>
      <c r="AJ33801">
        <v>14</v>
      </c>
      <c r="AK33801">
        <v>14</v>
      </c>
      <c r="AL33801">
        <v>14</v>
      </c>
      <c r="AM33801">
        <v>14</v>
      </c>
      <c r="AN33801">
        <v>15</v>
      </c>
      <c r="AO33801">
        <v>15</v>
      </c>
      <c r="AP33801">
        <v>15</v>
      </c>
      <c r="AQ33801">
        <v>15</v>
      </c>
    </row>
    <row r="33802" spans="1:43">
      <c r="A33802" t="s">
        <v>20945</v>
      </c>
      <c r="B33802" t="s">
        <v>20946</v>
      </c>
      <c r="C33802" t="s">
        <v>20909</v>
      </c>
      <c r="D33802" t="s">
        <v>20910</v>
      </c>
      <c r="E33802" t="s">
        <v>20787</v>
      </c>
      <c r="F33802" t="s">
        <v>20788</v>
      </c>
      <c r="G33802" t="s">
        <v>20255</v>
      </c>
      <c r="H33802" t="s">
        <v>20256</v>
      </c>
      <c r="I33802" s="2">
        <v>1</v>
      </c>
      <c r="J33802" s="2">
        <v>0</v>
      </c>
      <c r="K33802" s="2">
        <v>0</v>
      </c>
      <c r="L33802" t="s">
        <v>120</v>
      </c>
      <c r="M33802" t="s">
        <v>83</v>
      </c>
      <c r="N33802" t="s">
        <v>84</v>
      </c>
      <c r="O33802" t="s">
        <v>85</v>
      </c>
      <c r="P33802" t="s">
        <v>86</v>
      </c>
      <c r="Q33802">
        <v>13</v>
      </c>
      <c r="R33802">
        <v>13</v>
      </c>
      <c r="S33802">
        <v>13</v>
      </c>
      <c r="T33802">
        <v>14</v>
      </c>
      <c r="U33802">
        <v>14</v>
      </c>
      <c r="V33802">
        <v>14</v>
      </c>
      <c r="W33802">
        <v>15</v>
      </c>
      <c r="X33802">
        <v>15</v>
      </c>
      <c r="Y33802">
        <v>15</v>
      </c>
      <c r="Z33802">
        <v>16</v>
      </c>
      <c r="AA33802">
        <v>16</v>
      </c>
      <c r="AB33802">
        <v>16</v>
      </c>
      <c r="AC33802">
        <v>17</v>
      </c>
      <c r="AD33802">
        <v>17</v>
      </c>
      <c r="AE33802">
        <v>17</v>
      </c>
      <c r="AF33802">
        <v>18</v>
      </c>
      <c r="AG33802">
        <v>18</v>
      </c>
      <c r="AH33802">
        <v>18</v>
      </c>
      <c r="AI33802">
        <v>19</v>
      </c>
      <c r="AJ33802">
        <v>19</v>
      </c>
      <c r="AK33802">
        <v>19</v>
      </c>
      <c r="AL33802">
        <v>20</v>
      </c>
      <c r="AM33802">
        <v>20</v>
      </c>
      <c r="AN33802">
        <v>20</v>
      </c>
      <c r="AO33802">
        <v>20</v>
      </c>
      <c r="AP33802">
        <v>20</v>
      </c>
      <c r="AQ33802">
        <v>21</v>
      </c>
    </row>
    <row r="33803" spans="1:43">
      <c r="A33803" t="s">
        <v>20945</v>
      </c>
      <c r="B33803" t="s">
        <v>20946</v>
      </c>
      <c r="C33803" t="s">
        <v>20909</v>
      </c>
      <c r="D33803" t="s">
        <v>20910</v>
      </c>
      <c r="E33803" t="s">
        <v>20787</v>
      </c>
      <c r="F33803" t="s">
        <v>20788</v>
      </c>
      <c r="G33803" t="s">
        <v>20255</v>
      </c>
      <c r="H33803" t="s">
        <v>20256</v>
      </c>
      <c r="I33803" s="2">
        <v>1</v>
      </c>
      <c r="J33803" s="2">
        <v>0</v>
      </c>
      <c r="K33803" s="2">
        <v>0</v>
      </c>
      <c r="L33803" t="s">
        <v>120</v>
      </c>
      <c r="M33803" t="s">
        <v>87</v>
      </c>
      <c r="N33803" t="s">
        <v>88</v>
      </c>
      <c r="O33803" t="s">
        <v>85</v>
      </c>
      <c r="P33803" t="s">
        <v>86</v>
      </c>
      <c r="Q33803">
        <v>13</v>
      </c>
      <c r="R33803">
        <v>13</v>
      </c>
      <c r="S33803">
        <v>13</v>
      </c>
      <c r="T33803">
        <v>13</v>
      </c>
      <c r="U33803">
        <v>13</v>
      </c>
      <c r="V33803">
        <v>14</v>
      </c>
      <c r="W33803">
        <v>14</v>
      </c>
      <c r="X33803">
        <v>14</v>
      </c>
      <c r="Y33803">
        <v>14</v>
      </c>
      <c r="Z33803">
        <v>14</v>
      </c>
      <c r="AA33803">
        <v>15</v>
      </c>
      <c r="AB33803">
        <v>15</v>
      </c>
      <c r="AC33803">
        <v>15</v>
      </c>
      <c r="AD33803">
        <v>15</v>
      </c>
      <c r="AE33803">
        <v>15</v>
      </c>
      <c r="AF33803">
        <v>16</v>
      </c>
      <c r="AG33803">
        <v>16</v>
      </c>
      <c r="AH33803">
        <v>16</v>
      </c>
      <c r="AI33803">
        <v>16</v>
      </c>
      <c r="AJ33803">
        <v>16</v>
      </c>
      <c r="AK33803">
        <v>17</v>
      </c>
      <c r="AL33803">
        <v>17</v>
      </c>
      <c r="AM33803">
        <v>17</v>
      </c>
      <c r="AN33803">
        <v>17</v>
      </c>
      <c r="AO33803">
        <v>18</v>
      </c>
      <c r="AP33803">
        <v>18</v>
      </c>
      <c r="AQ33803">
        <v>18</v>
      </c>
    </row>
    <row r="33804" spans="1:43">
      <c r="A33804" t="s">
        <v>20945</v>
      </c>
      <c r="B33804" t="s">
        <v>20946</v>
      </c>
      <c r="C33804" t="s">
        <v>20909</v>
      </c>
      <c r="D33804" t="s">
        <v>20910</v>
      </c>
      <c r="E33804" t="s">
        <v>20787</v>
      </c>
      <c r="F33804" t="s">
        <v>20788</v>
      </c>
      <c r="G33804" t="s">
        <v>20255</v>
      </c>
      <c r="H33804" t="s">
        <v>20256</v>
      </c>
      <c r="I33804" s="2">
        <v>1</v>
      </c>
      <c r="J33804" s="2">
        <v>0</v>
      </c>
      <c r="K33804" s="2">
        <v>0</v>
      </c>
      <c r="L33804" t="s">
        <v>120</v>
      </c>
      <c r="M33804" t="s">
        <v>89</v>
      </c>
      <c r="N33804" t="s">
        <v>90</v>
      </c>
      <c r="O33804" t="s">
        <v>85</v>
      </c>
      <c r="P33804" t="s">
        <v>86</v>
      </c>
      <c r="Q33804">
        <v>13</v>
      </c>
      <c r="R33804">
        <v>13</v>
      </c>
      <c r="S33804">
        <v>14</v>
      </c>
      <c r="T33804">
        <v>14</v>
      </c>
      <c r="U33804">
        <v>15</v>
      </c>
      <c r="V33804">
        <v>15</v>
      </c>
      <c r="W33804">
        <v>15</v>
      </c>
      <c r="X33804">
        <v>16</v>
      </c>
      <c r="Y33804">
        <v>16</v>
      </c>
      <c r="Z33804">
        <v>16</v>
      </c>
      <c r="AA33804">
        <v>17</v>
      </c>
      <c r="AB33804">
        <v>17</v>
      </c>
      <c r="AC33804">
        <v>18</v>
      </c>
      <c r="AD33804">
        <v>18</v>
      </c>
      <c r="AE33804">
        <v>18</v>
      </c>
      <c r="AF33804">
        <v>19</v>
      </c>
      <c r="AG33804">
        <v>19</v>
      </c>
      <c r="AH33804">
        <v>19</v>
      </c>
      <c r="AI33804">
        <v>19</v>
      </c>
      <c r="AJ33804">
        <v>19</v>
      </c>
      <c r="AK33804">
        <v>20</v>
      </c>
      <c r="AL33804">
        <v>20</v>
      </c>
      <c r="AM33804">
        <v>20</v>
      </c>
      <c r="AN33804">
        <v>20</v>
      </c>
      <c r="AO33804">
        <v>20</v>
      </c>
      <c r="AP33804">
        <v>21</v>
      </c>
      <c r="AQ33804">
        <v>21</v>
      </c>
    </row>
    <row r="33805" spans="1:43">
      <c r="A33805" t="s">
        <v>20945</v>
      </c>
      <c r="B33805" t="s">
        <v>20946</v>
      </c>
      <c r="C33805" t="s">
        <v>20909</v>
      </c>
      <c r="D33805" t="s">
        <v>20910</v>
      </c>
      <c r="E33805" t="s">
        <v>20787</v>
      </c>
      <c r="F33805" t="s">
        <v>20788</v>
      </c>
      <c r="G33805" t="s">
        <v>20255</v>
      </c>
      <c r="H33805" t="s">
        <v>20256</v>
      </c>
      <c r="I33805" s="2">
        <v>1</v>
      </c>
      <c r="J33805" s="2">
        <v>0</v>
      </c>
      <c r="K33805" s="2">
        <v>0</v>
      </c>
      <c r="L33805" t="s">
        <v>120</v>
      </c>
      <c r="M33805" t="s">
        <v>83</v>
      </c>
      <c r="N33805" t="s">
        <v>91</v>
      </c>
      <c r="O33805" t="s">
        <v>85</v>
      </c>
      <c r="P33805" t="s">
        <v>86</v>
      </c>
      <c r="Q33805">
        <v>13</v>
      </c>
      <c r="R33805">
        <v>13</v>
      </c>
      <c r="S33805">
        <v>13</v>
      </c>
      <c r="T33805">
        <v>14</v>
      </c>
      <c r="U33805">
        <v>14</v>
      </c>
      <c r="V33805">
        <v>14</v>
      </c>
      <c r="W33805">
        <v>15</v>
      </c>
      <c r="X33805">
        <v>15</v>
      </c>
      <c r="Y33805">
        <v>15</v>
      </c>
      <c r="Z33805">
        <v>16</v>
      </c>
      <c r="AA33805">
        <v>16</v>
      </c>
      <c r="AB33805">
        <v>16</v>
      </c>
      <c r="AC33805">
        <v>17</v>
      </c>
      <c r="AD33805">
        <v>17</v>
      </c>
      <c r="AE33805">
        <v>17</v>
      </c>
      <c r="AF33805">
        <v>18</v>
      </c>
      <c r="AG33805">
        <v>18</v>
      </c>
      <c r="AH33805">
        <v>18</v>
      </c>
      <c r="AI33805">
        <v>19</v>
      </c>
      <c r="AJ33805">
        <v>19</v>
      </c>
      <c r="AK33805">
        <v>19</v>
      </c>
      <c r="AL33805">
        <v>20</v>
      </c>
      <c r="AM33805">
        <v>20</v>
      </c>
      <c r="AN33805">
        <v>20</v>
      </c>
      <c r="AO33805">
        <v>20</v>
      </c>
      <c r="AP33805">
        <v>20</v>
      </c>
      <c r="AQ33805">
        <v>21</v>
      </c>
    </row>
    <row r="33806" spans="1:43">
      <c r="A33806" t="s">
        <v>20947</v>
      </c>
      <c r="B33806" t="s">
        <v>20948</v>
      </c>
      <c r="C33806" t="s">
        <v>20909</v>
      </c>
      <c r="D33806" t="s">
        <v>20910</v>
      </c>
      <c r="E33806" t="s">
        <v>20787</v>
      </c>
      <c r="F33806" t="s">
        <v>20788</v>
      </c>
      <c r="G33806" t="s">
        <v>20255</v>
      </c>
      <c r="H33806" t="s">
        <v>20256</v>
      </c>
      <c r="I33806" s="2">
        <v>1</v>
      </c>
      <c r="J33806" s="2">
        <v>0</v>
      </c>
      <c r="K33806" s="2">
        <v>0</v>
      </c>
      <c r="L33806" t="s">
        <v>120</v>
      </c>
      <c r="M33806" t="s">
        <v>83</v>
      </c>
      <c r="N33806" t="s">
        <v>84</v>
      </c>
      <c r="O33806" t="s">
        <v>85</v>
      </c>
      <c r="P33806" t="s">
        <v>86</v>
      </c>
      <c r="Q33806">
        <v>16</v>
      </c>
      <c r="R33806">
        <v>16</v>
      </c>
      <c r="S33806">
        <v>16</v>
      </c>
      <c r="T33806">
        <v>17</v>
      </c>
      <c r="U33806">
        <v>17</v>
      </c>
      <c r="V33806">
        <v>17</v>
      </c>
      <c r="W33806">
        <v>18</v>
      </c>
      <c r="X33806">
        <v>18</v>
      </c>
      <c r="Y33806">
        <v>19</v>
      </c>
      <c r="Z33806">
        <v>19</v>
      </c>
      <c r="AA33806">
        <v>19</v>
      </c>
      <c r="AB33806">
        <v>20</v>
      </c>
      <c r="AC33806">
        <v>20</v>
      </c>
      <c r="AD33806">
        <v>21</v>
      </c>
      <c r="AE33806">
        <v>21</v>
      </c>
      <c r="AF33806">
        <v>21</v>
      </c>
      <c r="AG33806">
        <v>22</v>
      </c>
      <c r="AH33806">
        <v>22</v>
      </c>
      <c r="AI33806">
        <v>23</v>
      </c>
      <c r="AJ33806">
        <v>23</v>
      </c>
      <c r="AK33806">
        <v>24</v>
      </c>
      <c r="AL33806">
        <v>24</v>
      </c>
      <c r="AM33806">
        <v>24</v>
      </c>
      <c r="AN33806">
        <v>24</v>
      </c>
      <c r="AO33806">
        <v>25</v>
      </c>
      <c r="AP33806">
        <v>25</v>
      </c>
      <c r="AQ33806">
        <v>25</v>
      </c>
    </row>
    <row r="33807" spans="1:43">
      <c r="A33807" t="s">
        <v>20947</v>
      </c>
      <c r="B33807" t="s">
        <v>20948</v>
      </c>
      <c r="C33807" t="s">
        <v>20909</v>
      </c>
      <c r="D33807" t="s">
        <v>20910</v>
      </c>
      <c r="E33807" t="s">
        <v>20787</v>
      </c>
      <c r="F33807" t="s">
        <v>20788</v>
      </c>
      <c r="G33807" t="s">
        <v>20255</v>
      </c>
      <c r="H33807" t="s">
        <v>20256</v>
      </c>
      <c r="I33807" s="2">
        <v>1</v>
      </c>
      <c r="J33807" s="2">
        <v>0</v>
      </c>
      <c r="K33807" s="2">
        <v>0</v>
      </c>
      <c r="L33807" t="s">
        <v>120</v>
      </c>
      <c r="M33807" t="s">
        <v>87</v>
      </c>
      <c r="N33807" t="s">
        <v>88</v>
      </c>
      <c r="O33807" t="s">
        <v>85</v>
      </c>
      <c r="P33807" t="s">
        <v>86</v>
      </c>
      <c r="Q33807">
        <v>16</v>
      </c>
      <c r="R33807">
        <v>17</v>
      </c>
      <c r="S33807">
        <v>17</v>
      </c>
      <c r="T33807">
        <v>17</v>
      </c>
      <c r="U33807">
        <v>17</v>
      </c>
      <c r="V33807">
        <v>18</v>
      </c>
      <c r="W33807">
        <v>18</v>
      </c>
      <c r="X33807">
        <v>18</v>
      </c>
      <c r="Y33807">
        <v>18</v>
      </c>
      <c r="Z33807">
        <v>18</v>
      </c>
      <c r="AA33807">
        <v>19</v>
      </c>
      <c r="AB33807">
        <v>19</v>
      </c>
      <c r="AC33807">
        <v>19</v>
      </c>
      <c r="AD33807">
        <v>19</v>
      </c>
      <c r="AE33807">
        <v>20</v>
      </c>
      <c r="AF33807">
        <v>20</v>
      </c>
      <c r="AG33807">
        <v>20</v>
      </c>
      <c r="AH33807">
        <v>20</v>
      </c>
      <c r="AI33807">
        <v>21</v>
      </c>
      <c r="AJ33807">
        <v>21</v>
      </c>
      <c r="AK33807">
        <v>21</v>
      </c>
      <c r="AL33807">
        <v>22</v>
      </c>
      <c r="AM33807">
        <v>22</v>
      </c>
      <c r="AN33807">
        <v>22</v>
      </c>
      <c r="AO33807">
        <v>22</v>
      </c>
      <c r="AP33807">
        <v>23</v>
      </c>
      <c r="AQ33807">
        <v>23</v>
      </c>
    </row>
    <row r="33808" spans="1:43">
      <c r="A33808" t="s">
        <v>20947</v>
      </c>
      <c r="B33808" t="s">
        <v>20948</v>
      </c>
      <c r="C33808" t="s">
        <v>20909</v>
      </c>
      <c r="D33808" t="s">
        <v>20910</v>
      </c>
      <c r="E33808" t="s">
        <v>20787</v>
      </c>
      <c r="F33808" t="s">
        <v>20788</v>
      </c>
      <c r="G33808" t="s">
        <v>20255</v>
      </c>
      <c r="H33808" t="s">
        <v>20256</v>
      </c>
      <c r="I33808" s="2">
        <v>1</v>
      </c>
      <c r="J33808" s="2">
        <v>0</v>
      </c>
      <c r="K33808" s="2">
        <v>0</v>
      </c>
      <c r="L33808" t="s">
        <v>120</v>
      </c>
      <c r="M33808" t="s">
        <v>89</v>
      </c>
      <c r="N33808" t="s">
        <v>90</v>
      </c>
      <c r="O33808" t="s">
        <v>85</v>
      </c>
      <c r="P33808" t="s">
        <v>86</v>
      </c>
      <c r="Q33808">
        <v>16</v>
      </c>
      <c r="R33808">
        <v>16</v>
      </c>
      <c r="S33808">
        <v>17</v>
      </c>
      <c r="T33808">
        <v>17</v>
      </c>
      <c r="U33808">
        <v>18</v>
      </c>
      <c r="V33808">
        <v>18</v>
      </c>
      <c r="W33808">
        <v>19</v>
      </c>
      <c r="X33808">
        <v>19</v>
      </c>
      <c r="Y33808">
        <v>20</v>
      </c>
      <c r="Z33808">
        <v>20</v>
      </c>
      <c r="AA33808">
        <v>21</v>
      </c>
      <c r="AB33808">
        <v>21</v>
      </c>
      <c r="AC33808">
        <v>22</v>
      </c>
      <c r="AD33808">
        <v>22</v>
      </c>
      <c r="AE33808">
        <v>22</v>
      </c>
      <c r="AF33808">
        <v>23</v>
      </c>
      <c r="AG33808">
        <v>23</v>
      </c>
      <c r="AH33808">
        <v>23</v>
      </c>
      <c r="AI33808">
        <v>23</v>
      </c>
      <c r="AJ33808">
        <v>24</v>
      </c>
      <c r="AK33808">
        <v>24</v>
      </c>
      <c r="AL33808">
        <v>24</v>
      </c>
      <c r="AM33808">
        <v>24</v>
      </c>
      <c r="AN33808">
        <v>25</v>
      </c>
      <c r="AO33808">
        <v>25</v>
      </c>
      <c r="AP33808">
        <v>25</v>
      </c>
      <c r="AQ33808">
        <v>26</v>
      </c>
    </row>
    <row r="33809" spans="1:43">
      <c r="A33809" t="s">
        <v>20947</v>
      </c>
      <c r="B33809" t="s">
        <v>20948</v>
      </c>
      <c r="C33809" t="s">
        <v>20909</v>
      </c>
      <c r="D33809" t="s">
        <v>20910</v>
      </c>
      <c r="E33809" t="s">
        <v>20787</v>
      </c>
      <c r="F33809" t="s">
        <v>20788</v>
      </c>
      <c r="G33809" t="s">
        <v>20255</v>
      </c>
      <c r="H33809" t="s">
        <v>20256</v>
      </c>
      <c r="I33809" s="2">
        <v>1</v>
      </c>
      <c r="J33809" s="2">
        <v>0</v>
      </c>
      <c r="K33809" s="2">
        <v>0</v>
      </c>
      <c r="L33809" t="s">
        <v>120</v>
      </c>
      <c r="M33809" t="s">
        <v>83</v>
      </c>
      <c r="N33809" t="s">
        <v>91</v>
      </c>
      <c r="O33809" t="s">
        <v>85</v>
      </c>
      <c r="P33809" t="s">
        <v>86</v>
      </c>
      <c r="Q33809">
        <v>16</v>
      </c>
      <c r="R33809">
        <v>16</v>
      </c>
      <c r="S33809">
        <v>16</v>
      </c>
      <c r="T33809">
        <v>17</v>
      </c>
      <c r="U33809">
        <v>17</v>
      </c>
      <c r="V33809">
        <v>17</v>
      </c>
      <c r="W33809">
        <v>18</v>
      </c>
      <c r="X33809">
        <v>18</v>
      </c>
      <c r="Y33809">
        <v>19</v>
      </c>
      <c r="Z33809">
        <v>19</v>
      </c>
      <c r="AA33809">
        <v>19</v>
      </c>
      <c r="AB33809">
        <v>20</v>
      </c>
      <c r="AC33809">
        <v>20</v>
      </c>
      <c r="AD33809">
        <v>21</v>
      </c>
      <c r="AE33809">
        <v>21</v>
      </c>
      <c r="AF33809">
        <v>21</v>
      </c>
      <c r="AG33809">
        <v>22</v>
      </c>
      <c r="AH33809">
        <v>22</v>
      </c>
      <c r="AI33809">
        <v>23</v>
      </c>
      <c r="AJ33809">
        <v>23</v>
      </c>
      <c r="AK33809">
        <v>24</v>
      </c>
      <c r="AL33809">
        <v>24</v>
      </c>
      <c r="AM33809">
        <v>24</v>
      </c>
      <c r="AN33809">
        <v>24</v>
      </c>
      <c r="AO33809">
        <v>25</v>
      </c>
      <c r="AP33809">
        <v>25</v>
      </c>
      <c r="AQ33809">
        <v>25</v>
      </c>
    </row>
    <row r="33810" spans="1:43">
      <c r="A33810" t="s">
        <v>20949</v>
      </c>
      <c r="B33810" t="s">
        <v>20950</v>
      </c>
      <c r="C33810" t="s">
        <v>20801</v>
      </c>
      <c r="D33810" t="s">
        <v>20802</v>
      </c>
      <c r="E33810" t="s">
        <v>20787</v>
      </c>
      <c r="F33810" t="s">
        <v>20788</v>
      </c>
      <c r="G33810" t="s">
        <v>20255</v>
      </c>
      <c r="H33810" t="s">
        <v>20256</v>
      </c>
      <c r="I33810" s="2">
        <v>1</v>
      </c>
      <c r="J33810" s="2">
        <v>0</v>
      </c>
      <c r="K33810" s="2">
        <v>0</v>
      </c>
      <c r="L33810" t="s">
        <v>120</v>
      </c>
      <c r="M33810" t="s">
        <v>83</v>
      </c>
      <c r="N33810" t="s">
        <v>84</v>
      </c>
      <c r="O33810" t="s">
        <v>85</v>
      </c>
      <c r="P33810" t="s">
        <v>86</v>
      </c>
      <c r="Q33810">
        <v>17</v>
      </c>
      <c r="R33810">
        <v>18</v>
      </c>
      <c r="S33810">
        <v>18</v>
      </c>
      <c r="T33810">
        <v>19</v>
      </c>
      <c r="U33810">
        <v>19</v>
      </c>
      <c r="V33810">
        <v>19</v>
      </c>
      <c r="W33810">
        <v>20</v>
      </c>
      <c r="X33810">
        <v>20</v>
      </c>
      <c r="Y33810">
        <v>21</v>
      </c>
      <c r="Z33810">
        <v>21</v>
      </c>
      <c r="AA33810">
        <v>21</v>
      </c>
      <c r="AB33810">
        <v>22</v>
      </c>
      <c r="AC33810">
        <v>22</v>
      </c>
      <c r="AD33810">
        <v>23</v>
      </c>
      <c r="AE33810">
        <v>23</v>
      </c>
      <c r="AF33810">
        <v>24</v>
      </c>
      <c r="AG33810">
        <v>24</v>
      </c>
      <c r="AH33810">
        <v>24</v>
      </c>
      <c r="AI33810">
        <v>25</v>
      </c>
      <c r="AJ33810">
        <v>25</v>
      </c>
      <c r="AK33810">
        <v>26</v>
      </c>
      <c r="AL33810">
        <v>26</v>
      </c>
      <c r="AM33810">
        <v>27</v>
      </c>
      <c r="AN33810">
        <v>27</v>
      </c>
      <c r="AO33810">
        <v>27</v>
      </c>
      <c r="AP33810">
        <v>27</v>
      </c>
      <c r="AQ33810">
        <v>28</v>
      </c>
    </row>
    <row r="33811" spans="1:43">
      <c r="A33811" t="s">
        <v>20949</v>
      </c>
      <c r="B33811" t="s">
        <v>20950</v>
      </c>
      <c r="C33811" t="s">
        <v>20801</v>
      </c>
      <c r="D33811" t="s">
        <v>20802</v>
      </c>
      <c r="E33811" t="s">
        <v>20787</v>
      </c>
      <c r="F33811" t="s">
        <v>20788</v>
      </c>
      <c r="G33811" t="s">
        <v>20255</v>
      </c>
      <c r="H33811" t="s">
        <v>20256</v>
      </c>
      <c r="I33811" s="2">
        <v>1</v>
      </c>
      <c r="J33811" s="2">
        <v>0</v>
      </c>
      <c r="K33811" s="2">
        <v>0</v>
      </c>
      <c r="L33811" t="s">
        <v>120</v>
      </c>
      <c r="M33811" t="s">
        <v>87</v>
      </c>
      <c r="N33811" t="s">
        <v>88</v>
      </c>
      <c r="O33811" t="s">
        <v>85</v>
      </c>
      <c r="P33811" t="s">
        <v>86</v>
      </c>
      <c r="Q33811">
        <v>17</v>
      </c>
      <c r="R33811">
        <v>17</v>
      </c>
      <c r="S33811">
        <v>18</v>
      </c>
      <c r="T33811">
        <v>18</v>
      </c>
      <c r="U33811">
        <v>18</v>
      </c>
      <c r="V33811">
        <v>18</v>
      </c>
      <c r="W33811">
        <v>19</v>
      </c>
      <c r="X33811">
        <v>19</v>
      </c>
      <c r="Y33811">
        <v>19</v>
      </c>
      <c r="Z33811">
        <v>19</v>
      </c>
      <c r="AA33811">
        <v>19</v>
      </c>
      <c r="AB33811">
        <v>20</v>
      </c>
      <c r="AC33811">
        <v>20</v>
      </c>
      <c r="AD33811">
        <v>20</v>
      </c>
      <c r="AE33811">
        <v>20</v>
      </c>
      <c r="AF33811">
        <v>21</v>
      </c>
      <c r="AG33811">
        <v>21</v>
      </c>
      <c r="AH33811">
        <v>21</v>
      </c>
      <c r="AI33811">
        <v>22</v>
      </c>
      <c r="AJ33811">
        <v>22</v>
      </c>
      <c r="AK33811">
        <v>22</v>
      </c>
      <c r="AL33811">
        <v>22</v>
      </c>
      <c r="AM33811">
        <v>23</v>
      </c>
      <c r="AN33811">
        <v>23</v>
      </c>
      <c r="AO33811">
        <v>23</v>
      </c>
      <c r="AP33811">
        <v>24</v>
      </c>
      <c r="AQ33811">
        <v>24</v>
      </c>
    </row>
    <row r="33812" spans="1:43">
      <c r="A33812" t="s">
        <v>20949</v>
      </c>
      <c r="B33812" t="s">
        <v>20950</v>
      </c>
      <c r="C33812" t="s">
        <v>20801</v>
      </c>
      <c r="D33812" t="s">
        <v>20802</v>
      </c>
      <c r="E33812" t="s">
        <v>20787</v>
      </c>
      <c r="F33812" t="s">
        <v>20788</v>
      </c>
      <c r="G33812" t="s">
        <v>20255</v>
      </c>
      <c r="H33812" t="s">
        <v>20256</v>
      </c>
      <c r="I33812" s="2">
        <v>1</v>
      </c>
      <c r="J33812" s="2">
        <v>0</v>
      </c>
      <c r="K33812" s="2">
        <v>0</v>
      </c>
      <c r="L33812" t="s">
        <v>120</v>
      </c>
      <c r="M33812" t="s">
        <v>89</v>
      </c>
      <c r="N33812" t="s">
        <v>90</v>
      </c>
      <c r="O33812" t="s">
        <v>85</v>
      </c>
      <c r="P33812" t="s">
        <v>86</v>
      </c>
      <c r="Q33812">
        <v>17</v>
      </c>
      <c r="R33812">
        <v>17</v>
      </c>
      <c r="S33812">
        <v>18</v>
      </c>
      <c r="T33812">
        <v>18</v>
      </c>
      <c r="U33812">
        <v>19</v>
      </c>
      <c r="V33812">
        <v>19</v>
      </c>
      <c r="W33812">
        <v>20</v>
      </c>
      <c r="X33812">
        <v>20</v>
      </c>
      <c r="Y33812">
        <v>21</v>
      </c>
      <c r="Z33812">
        <v>21</v>
      </c>
      <c r="AA33812">
        <v>22</v>
      </c>
      <c r="AB33812">
        <v>22</v>
      </c>
      <c r="AC33812">
        <v>23</v>
      </c>
      <c r="AD33812">
        <v>23</v>
      </c>
      <c r="AE33812">
        <v>24</v>
      </c>
      <c r="AF33812">
        <v>24</v>
      </c>
      <c r="AG33812">
        <v>24</v>
      </c>
      <c r="AH33812">
        <v>25</v>
      </c>
      <c r="AI33812">
        <v>25</v>
      </c>
      <c r="AJ33812">
        <v>25</v>
      </c>
      <c r="AK33812">
        <v>25</v>
      </c>
      <c r="AL33812">
        <v>26</v>
      </c>
      <c r="AM33812">
        <v>26</v>
      </c>
      <c r="AN33812">
        <v>26</v>
      </c>
      <c r="AO33812">
        <v>26</v>
      </c>
      <c r="AP33812">
        <v>27</v>
      </c>
      <c r="AQ33812">
        <v>27</v>
      </c>
    </row>
    <row r="33813" spans="1:43">
      <c r="A33813" t="s">
        <v>20949</v>
      </c>
      <c r="B33813" t="s">
        <v>20950</v>
      </c>
      <c r="C33813" t="s">
        <v>20801</v>
      </c>
      <c r="D33813" t="s">
        <v>20802</v>
      </c>
      <c r="E33813" t="s">
        <v>20787</v>
      </c>
      <c r="F33813" t="s">
        <v>20788</v>
      </c>
      <c r="G33813" t="s">
        <v>20255</v>
      </c>
      <c r="H33813" t="s">
        <v>20256</v>
      </c>
      <c r="I33813" s="2">
        <v>1</v>
      </c>
      <c r="J33813" s="2">
        <v>0</v>
      </c>
      <c r="K33813" s="2">
        <v>0</v>
      </c>
      <c r="L33813" t="s">
        <v>120</v>
      </c>
      <c r="M33813" t="s">
        <v>83</v>
      </c>
      <c r="N33813" t="s">
        <v>91</v>
      </c>
      <c r="O33813" t="s">
        <v>85</v>
      </c>
      <c r="P33813" t="s">
        <v>86</v>
      </c>
      <c r="Q33813">
        <v>17</v>
      </c>
      <c r="R33813">
        <v>18</v>
      </c>
      <c r="S33813">
        <v>18</v>
      </c>
      <c r="T33813">
        <v>19</v>
      </c>
      <c r="U33813">
        <v>19</v>
      </c>
      <c r="V33813">
        <v>19</v>
      </c>
      <c r="W33813">
        <v>20</v>
      </c>
      <c r="X33813">
        <v>20</v>
      </c>
      <c r="Y33813">
        <v>21</v>
      </c>
      <c r="Z33813">
        <v>21</v>
      </c>
      <c r="AA33813">
        <v>21</v>
      </c>
      <c r="AB33813">
        <v>22</v>
      </c>
      <c r="AC33813">
        <v>22</v>
      </c>
      <c r="AD33813">
        <v>23</v>
      </c>
      <c r="AE33813">
        <v>23</v>
      </c>
      <c r="AF33813">
        <v>24</v>
      </c>
      <c r="AG33813">
        <v>24</v>
      </c>
      <c r="AH33813">
        <v>24</v>
      </c>
      <c r="AI33813">
        <v>25</v>
      </c>
      <c r="AJ33813">
        <v>25</v>
      </c>
      <c r="AK33813">
        <v>26</v>
      </c>
      <c r="AL33813">
        <v>26</v>
      </c>
      <c r="AM33813">
        <v>27</v>
      </c>
      <c r="AN33813">
        <v>27</v>
      </c>
      <c r="AO33813">
        <v>27</v>
      </c>
      <c r="AP33813">
        <v>27</v>
      </c>
      <c r="AQ33813">
        <v>28</v>
      </c>
    </row>
    <row r="33814" spans="1:43">
      <c r="A33814" t="s">
        <v>20951</v>
      </c>
      <c r="B33814" t="s">
        <v>20952</v>
      </c>
      <c r="C33814" t="s">
        <v>20801</v>
      </c>
      <c r="D33814" t="s">
        <v>20802</v>
      </c>
      <c r="E33814" t="s">
        <v>20787</v>
      </c>
      <c r="F33814" t="s">
        <v>20788</v>
      </c>
      <c r="G33814" t="s">
        <v>20255</v>
      </c>
      <c r="H33814" t="s">
        <v>20256</v>
      </c>
      <c r="I33814" s="2">
        <v>1</v>
      </c>
      <c r="J33814" s="2">
        <v>0</v>
      </c>
      <c r="K33814" s="2">
        <v>0</v>
      </c>
      <c r="L33814" t="s">
        <v>120</v>
      </c>
      <c r="M33814" t="s">
        <v>83</v>
      </c>
      <c r="N33814" t="s">
        <v>84</v>
      </c>
      <c r="O33814" t="s">
        <v>85</v>
      </c>
      <c r="P33814" t="s">
        <v>86</v>
      </c>
      <c r="Q33814">
        <v>23</v>
      </c>
      <c r="R33814">
        <v>23</v>
      </c>
      <c r="S33814">
        <v>24</v>
      </c>
      <c r="T33814">
        <v>24</v>
      </c>
      <c r="U33814">
        <v>25</v>
      </c>
      <c r="V33814">
        <v>25</v>
      </c>
      <c r="W33814">
        <v>26</v>
      </c>
      <c r="X33814">
        <v>26</v>
      </c>
      <c r="Y33814">
        <v>27</v>
      </c>
      <c r="Z33814">
        <v>27</v>
      </c>
      <c r="AA33814">
        <v>28</v>
      </c>
      <c r="AB33814">
        <v>29</v>
      </c>
      <c r="AC33814">
        <v>29</v>
      </c>
      <c r="AD33814">
        <v>30</v>
      </c>
      <c r="AE33814">
        <v>30</v>
      </c>
      <c r="AF33814">
        <v>31</v>
      </c>
      <c r="AG33814">
        <v>31</v>
      </c>
      <c r="AH33814">
        <v>32</v>
      </c>
      <c r="AI33814">
        <v>33</v>
      </c>
      <c r="AJ33814">
        <v>33</v>
      </c>
      <c r="AK33814">
        <v>34</v>
      </c>
      <c r="AL33814">
        <v>34</v>
      </c>
      <c r="AM33814">
        <v>35</v>
      </c>
      <c r="AN33814">
        <v>35</v>
      </c>
      <c r="AO33814">
        <v>35</v>
      </c>
      <c r="AP33814">
        <v>36</v>
      </c>
      <c r="AQ33814">
        <v>36</v>
      </c>
    </row>
    <row r="33815" spans="1:43">
      <c r="A33815" t="s">
        <v>20951</v>
      </c>
      <c r="B33815" t="s">
        <v>20952</v>
      </c>
      <c r="C33815" t="s">
        <v>20801</v>
      </c>
      <c r="D33815" t="s">
        <v>20802</v>
      </c>
      <c r="E33815" t="s">
        <v>20787</v>
      </c>
      <c r="F33815" t="s">
        <v>20788</v>
      </c>
      <c r="G33815" t="s">
        <v>20255</v>
      </c>
      <c r="H33815" t="s">
        <v>20256</v>
      </c>
      <c r="I33815" s="2">
        <v>1</v>
      </c>
      <c r="J33815" s="2">
        <v>0</v>
      </c>
      <c r="K33815" s="2">
        <v>0</v>
      </c>
      <c r="L33815" t="s">
        <v>120</v>
      </c>
      <c r="M33815" t="s">
        <v>87</v>
      </c>
      <c r="N33815" t="s">
        <v>88</v>
      </c>
      <c r="O33815" t="s">
        <v>85</v>
      </c>
      <c r="P33815" t="s">
        <v>86</v>
      </c>
      <c r="Q33815">
        <v>23</v>
      </c>
      <c r="R33815">
        <v>23</v>
      </c>
      <c r="S33815">
        <v>23</v>
      </c>
      <c r="T33815">
        <v>23</v>
      </c>
      <c r="U33815">
        <v>24</v>
      </c>
      <c r="V33815">
        <v>24</v>
      </c>
      <c r="W33815">
        <v>24</v>
      </c>
      <c r="X33815">
        <v>25</v>
      </c>
      <c r="Y33815">
        <v>25</v>
      </c>
      <c r="Z33815">
        <v>25</v>
      </c>
      <c r="AA33815">
        <v>25</v>
      </c>
      <c r="AB33815">
        <v>26</v>
      </c>
      <c r="AC33815">
        <v>26</v>
      </c>
      <c r="AD33815">
        <v>26</v>
      </c>
      <c r="AE33815">
        <v>27</v>
      </c>
      <c r="AF33815">
        <v>27</v>
      </c>
      <c r="AG33815">
        <v>27</v>
      </c>
      <c r="AH33815">
        <v>28</v>
      </c>
      <c r="AI33815">
        <v>28</v>
      </c>
      <c r="AJ33815">
        <v>29</v>
      </c>
      <c r="AK33815">
        <v>29</v>
      </c>
      <c r="AL33815">
        <v>29</v>
      </c>
      <c r="AM33815">
        <v>30</v>
      </c>
      <c r="AN33815">
        <v>30</v>
      </c>
      <c r="AO33815">
        <v>30</v>
      </c>
      <c r="AP33815">
        <v>31</v>
      </c>
      <c r="AQ33815">
        <v>31</v>
      </c>
    </row>
    <row r="33816" spans="1:43">
      <c r="A33816" t="s">
        <v>20951</v>
      </c>
      <c r="B33816" t="s">
        <v>20952</v>
      </c>
      <c r="C33816" t="s">
        <v>20801</v>
      </c>
      <c r="D33816" t="s">
        <v>20802</v>
      </c>
      <c r="E33816" t="s">
        <v>20787</v>
      </c>
      <c r="F33816" t="s">
        <v>20788</v>
      </c>
      <c r="G33816" t="s">
        <v>20255</v>
      </c>
      <c r="H33816" t="s">
        <v>20256</v>
      </c>
      <c r="I33816" s="2">
        <v>1</v>
      </c>
      <c r="J33816" s="2">
        <v>0</v>
      </c>
      <c r="K33816" s="2">
        <v>0</v>
      </c>
      <c r="L33816" t="s">
        <v>120</v>
      </c>
      <c r="M33816" t="s">
        <v>89</v>
      </c>
      <c r="N33816" t="s">
        <v>90</v>
      </c>
      <c r="O33816" t="s">
        <v>85</v>
      </c>
      <c r="P33816" t="s">
        <v>86</v>
      </c>
      <c r="Q33816">
        <v>23</v>
      </c>
      <c r="R33816">
        <v>24</v>
      </c>
      <c r="S33816">
        <v>24</v>
      </c>
      <c r="T33816">
        <v>25</v>
      </c>
      <c r="U33816">
        <v>26</v>
      </c>
      <c r="V33816">
        <v>26</v>
      </c>
      <c r="W33816">
        <v>27</v>
      </c>
      <c r="X33816">
        <v>28</v>
      </c>
      <c r="Y33816">
        <v>28</v>
      </c>
      <c r="Z33816">
        <v>29</v>
      </c>
      <c r="AA33816">
        <v>30</v>
      </c>
      <c r="AB33816">
        <v>30</v>
      </c>
      <c r="AC33816">
        <v>31</v>
      </c>
      <c r="AD33816">
        <v>32</v>
      </c>
      <c r="AE33816">
        <v>32</v>
      </c>
      <c r="AF33816">
        <v>33</v>
      </c>
      <c r="AG33816">
        <v>33</v>
      </c>
      <c r="AH33816">
        <v>33</v>
      </c>
      <c r="AI33816">
        <v>34</v>
      </c>
      <c r="AJ33816">
        <v>34</v>
      </c>
      <c r="AK33816">
        <v>34</v>
      </c>
      <c r="AL33816">
        <v>35</v>
      </c>
      <c r="AM33816">
        <v>35</v>
      </c>
      <c r="AN33816">
        <v>35</v>
      </c>
      <c r="AO33816">
        <v>36</v>
      </c>
      <c r="AP33816">
        <v>36</v>
      </c>
      <c r="AQ33816">
        <v>37</v>
      </c>
    </row>
    <row r="33817" spans="1:43">
      <c r="A33817" t="s">
        <v>20951</v>
      </c>
      <c r="B33817" t="s">
        <v>20952</v>
      </c>
      <c r="C33817" t="s">
        <v>20801</v>
      </c>
      <c r="D33817" t="s">
        <v>20802</v>
      </c>
      <c r="E33817" t="s">
        <v>20787</v>
      </c>
      <c r="F33817" t="s">
        <v>20788</v>
      </c>
      <c r="G33817" t="s">
        <v>20255</v>
      </c>
      <c r="H33817" t="s">
        <v>20256</v>
      </c>
      <c r="I33817" s="2">
        <v>1</v>
      </c>
      <c r="J33817" s="2">
        <v>0</v>
      </c>
      <c r="K33817" s="2">
        <v>0</v>
      </c>
      <c r="L33817" t="s">
        <v>120</v>
      </c>
      <c r="M33817" t="s">
        <v>83</v>
      </c>
      <c r="N33817" t="s">
        <v>91</v>
      </c>
      <c r="O33817" t="s">
        <v>85</v>
      </c>
      <c r="P33817" t="s">
        <v>86</v>
      </c>
      <c r="Q33817">
        <v>23</v>
      </c>
      <c r="R33817">
        <v>23</v>
      </c>
      <c r="S33817">
        <v>24</v>
      </c>
      <c r="T33817">
        <v>24</v>
      </c>
      <c r="U33817">
        <v>25</v>
      </c>
      <c r="V33817">
        <v>25</v>
      </c>
      <c r="W33817">
        <v>26</v>
      </c>
      <c r="X33817">
        <v>26</v>
      </c>
      <c r="Y33817">
        <v>27</v>
      </c>
      <c r="Z33817">
        <v>27</v>
      </c>
      <c r="AA33817">
        <v>28</v>
      </c>
      <c r="AB33817">
        <v>29</v>
      </c>
      <c r="AC33817">
        <v>29</v>
      </c>
      <c r="AD33817">
        <v>30</v>
      </c>
      <c r="AE33817">
        <v>30</v>
      </c>
      <c r="AF33817">
        <v>31</v>
      </c>
      <c r="AG33817">
        <v>31</v>
      </c>
      <c r="AH33817">
        <v>32</v>
      </c>
      <c r="AI33817">
        <v>33</v>
      </c>
      <c r="AJ33817">
        <v>33</v>
      </c>
      <c r="AK33817">
        <v>34</v>
      </c>
      <c r="AL33817">
        <v>34</v>
      </c>
      <c r="AM33817">
        <v>35</v>
      </c>
      <c r="AN33817">
        <v>35</v>
      </c>
      <c r="AO33817">
        <v>35</v>
      </c>
      <c r="AP33817">
        <v>36</v>
      </c>
      <c r="AQ33817">
        <v>36</v>
      </c>
    </row>
    <row r="33818" spans="1:43">
      <c r="A33818" t="s">
        <v>20953</v>
      </c>
      <c r="B33818" t="s">
        <v>20954</v>
      </c>
      <c r="C33818" t="s">
        <v>20801</v>
      </c>
      <c r="D33818" t="s">
        <v>20802</v>
      </c>
      <c r="E33818" t="s">
        <v>20787</v>
      </c>
      <c r="F33818" t="s">
        <v>20788</v>
      </c>
      <c r="G33818" t="s">
        <v>20255</v>
      </c>
      <c r="H33818" t="s">
        <v>20256</v>
      </c>
      <c r="I33818" s="2">
        <v>1</v>
      </c>
      <c r="J33818" s="2">
        <v>0</v>
      </c>
      <c r="K33818" s="2">
        <v>0</v>
      </c>
      <c r="L33818" t="s">
        <v>120</v>
      </c>
      <c r="M33818" t="s">
        <v>83</v>
      </c>
      <c r="N33818" t="s">
        <v>84</v>
      </c>
      <c r="O33818" t="s">
        <v>85</v>
      </c>
      <c r="P33818" t="s">
        <v>86</v>
      </c>
      <c r="Q33818">
        <v>31</v>
      </c>
      <c r="R33818">
        <v>32</v>
      </c>
      <c r="S33818">
        <v>33</v>
      </c>
      <c r="T33818">
        <v>34</v>
      </c>
      <c r="U33818">
        <v>34</v>
      </c>
      <c r="V33818">
        <v>35</v>
      </c>
      <c r="W33818">
        <v>36</v>
      </c>
      <c r="X33818">
        <v>36</v>
      </c>
      <c r="Y33818">
        <v>37</v>
      </c>
      <c r="Z33818">
        <v>38</v>
      </c>
      <c r="AA33818">
        <v>39</v>
      </c>
      <c r="AB33818">
        <v>39</v>
      </c>
      <c r="AC33818">
        <v>40</v>
      </c>
      <c r="AD33818">
        <v>41</v>
      </c>
      <c r="AE33818">
        <v>42</v>
      </c>
      <c r="AF33818">
        <v>42</v>
      </c>
      <c r="AG33818">
        <v>43</v>
      </c>
      <c r="AH33818">
        <v>44</v>
      </c>
      <c r="AI33818">
        <v>45</v>
      </c>
      <c r="AJ33818">
        <v>46</v>
      </c>
      <c r="AK33818">
        <v>47</v>
      </c>
      <c r="AL33818">
        <v>47</v>
      </c>
      <c r="AM33818">
        <v>48</v>
      </c>
      <c r="AN33818">
        <v>48</v>
      </c>
      <c r="AO33818">
        <v>49</v>
      </c>
      <c r="AP33818">
        <v>49</v>
      </c>
      <c r="AQ33818">
        <v>50</v>
      </c>
    </row>
    <row r="33819" spans="1:43">
      <c r="A33819" t="s">
        <v>20953</v>
      </c>
      <c r="B33819" t="s">
        <v>20954</v>
      </c>
      <c r="C33819" t="s">
        <v>20801</v>
      </c>
      <c r="D33819" t="s">
        <v>20802</v>
      </c>
      <c r="E33819" t="s">
        <v>20787</v>
      </c>
      <c r="F33819" t="s">
        <v>20788</v>
      </c>
      <c r="G33819" t="s">
        <v>20255</v>
      </c>
      <c r="H33819" t="s">
        <v>20256</v>
      </c>
      <c r="I33819" s="2">
        <v>1</v>
      </c>
      <c r="J33819" s="2">
        <v>0</v>
      </c>
      <c r="K33819" s="2">
        <v>0</v>
      </c>
      <c r="L33819" t="s">
        <v>120</v>
      </c>
      <c r="M33819" t="s">
        <v>87</v>
      </c>
      <c r="N33819" t="s">
        <v>88</v>
      </c>
      <c r="O33819" t="s">
        <v>85</v>
      </c>
      <c r="P33819" t="s">
        <v>86</v>
      </c>
      <c r="Q33819">
        <v>31</v>
      </c>
      <c r="R33819">
        <v>31</v>
      </c>
      <c r="S33819">
        <v>32</v>
      </c>
      <c r="T33819">
        <v>32</v>
      </c>
      <c r="U33819">
        <v>33</v>
      </c>
      <c r="V33819">
        <v>33</v>
      </c>
      <c r="W33819">
        <v>33</v>
      </c>
      <c r="X33819">
        <v>34</v>
      </c>
      <c r="Y33819">
        <v>34</v>
      </c>
      <c r="Z33819">
        <v>35</v>
      </c>
      <c r="AA33819">
        <v>35</v>
      </c>
      <c r="AB33819">
        <v>36</v>
      </c>
      <c r="AC33819">
        <v>36</v>
      </c>
      <c r="AD33819">
        <v>36</v>
      </c>
      <c r="AE33819">
        <v>37</v>
      </c>
      <c r="AF33819">
        <v>37</v>
      </c>
      <c r="AG33819">
        <v>38</v>
      </c>
      <c r="AH33819">
        <v>38</v>
      </c>
      <c r="AI33819">
        <v>39</v>
      </c>
      <c r="AJ33819">
        <v>39</v>
      </c>
      <c r="AK33819">
        <v>40</v>
      </c>
      <c r="AL33819">
        <v>40</v>
      </c>
      <c r="AM33819">
        <v>41</v>
      </c>
      <c r="AN33819">
        <v>41</v>
      </c>
      <c r="AO33819">
        <v>42</v>
      </c>
      <c r="AP33819">
        <v>42</v>
      </c>
      <c r="AQ33819">
        <v>43</v>
      </c>
    </row>
    <row r="33820" spans="1:43">
      <c r="A33820" t="s">
        <v>20953</v>
      </c>
      <c r="B33820" t="s">
        <v>20954</v>
      </c>
      <c r="C33820" t="s">
        <v>20801</v>
      </c>
      <c r="D33820" t="s">
        <v>20802</v>
      </c>
      <c r="E33820" t="s">
        <v>20787</v>
      </c>
      <c r="F33820" t="s">
        <v>20788</v>
      </c>
      <c r="G33820" t="s">
        <v>20255</v>
      </c>
      <c r="H33820" t="s">
        <v>20256</v>
      </c>
      <c r="I33820" s="2">
        <v>1</v>
      </c>
      <c r="J33820" s="2">
        <v>0</v>
      </c>
      <c r="K33820" s="2">
        <v>0</v>
      </c>
      <c r="L33820" t="s">
        <v>120</v>
      </c>
      <c r="M33820" t="s">
        <v>89</v>
      </c>
      <c r="N33820" t="s">
        <v>90</v>
      </c>
      <c r="O33820" t="s">
        <v>85</v>
      </c>
      <c r="P33820" t="s">
        <v>86</v>
      </c>
      <c r="Q33820">
        <v>31</v>
      </c>
      <c r="R33820">
        <v>32</v>
      </c>
      <c r="S33820">
        <v>33</v>
      </c>
      <c r="T33820">
        <v>34</v>
      </c>
      <c r="U33820">
        <v>35</v>
      </c>
      <c r="V33820">
        <v>35</v>
      </c>
      <c r="W33820">
        <v>36</v>
      </c>
      <c r="X33820">
        <v>37</v>
      </c>
      <c r="Y33820">
        <v>38</v>
      </c>
      <c r="Z33820">
        <v>39</v>
      </c>
      <c r="AA33820">
        <v>40</v>
      </c>
      <c r="AB33820">
        <v>41</v>
      </c>
      <c r="AC33820">
        <v>42</v>
      </c>
      <c r="AD33820">
        <v>43</v>
      </c>
      <c r="AE33820">
        <v>44</v>
      </c>
      <c r="AF33820">
        <v>44</v>
      </c>
      <c r="AG33820">
        <v>45</v>
      </c>
      <c r="AH33820">
        <v>45</v>
      </c>
      <c r="AI33820">
        <v>46</v>
      </c>
      <c r="AJ33820">
        <v>46</v>
      </c>
      <c r="AK33820">
        <v>46</v>
      </c>
      <c r="AL33820">
        <v>47</v>
      </c>
      <c r="AM33820">
        <v>47</v>
      </c>
      <c r="AN33820">
        <v>48</v>
      </c>
      <c r="AO33820">
        <v>48</v>
      </c>
      <c r="AP33820">
        <v>49</v>
      </c>
      <c r="AQ33820">
        <v>49</v>
      </c>
    </row>
    <row r="33821" spans="1:43">
      <c r="A33821" t="s">
        <v>20953</v>
      </c>
      <c r="B33821" t="s">
        <v>20954</v>
      </c>
      <c r="C33821" t="s">
        <v>20801</v>
      </c>
      <c r="D33821" t="s">
        <v>20802</v>
      </c>
      <c r="E33821" t="s">
        <v>20787</v>
      </c>
      <c r="F33821" t="s">
        <v>20788</v>
      </c>
      <c r="G33821" t="s">
        <v>20255</v>
      </c>
      <c r="H33821" t="s">
        <v>20256</v>
      </c>
      <c r="I33821" s="2">
        <v>1</v>
      </c>
      <c r="J33821" s="2">
        <v>0</v>
      </c>
      <c r="K33821" s="2">
        <v>0</v>
      </c>
      <c r="L33821" t="s">
        <v>120</v>
      </c>
      <c r="M33821" t="s">
        <v>83</v>
      </c>
      <c r="N33821" t="s">
        <v>91</v>
      </c>
      <c r="O33821" t="s">
        <v>85</v>
      </c>
      <c r="P33821" t="s">
        <v>86</v>
      </c>
      <c r="Q33821">
        <v>31</v>
      </c>
      <c r="R33821">
        <v>32</v>
      </c>
      <c r="S33821">
        <v>33</v>
      </c>
      <c r="T33821">
        <v>34</v>
      </c>
      <c r="U33821">
        <v>34</v>
      </c>
      <c r="V33821">
        <v>35</v>
      </c>
      <c r="W33821">
        <v>36</v>
      </c>
      <c r="X33821">
        <v>36</v>
      </c>
      <c r="Y33821">
        <v>37</v>
      </c>
      <c r="Z33821">
        <v>38</v>
      </c>
      <c r="AA33821">
        <v>39</v>
      </c>
      <c r="AB33821">
        <v>39</v>
      </c>
      <c r="AC33821">
        <v>40</v>
      </c>
      <c r="AD33821">
        <v>41</v>
      </c>
      <c r="AE33821">
        <v>42</v>
      </c>
      <c r="AF33821">
        <v>42</v>
      </c>
      <c r="AG33821">
        <v>43</v>
      </c>
      <c r="AH33821">
        <v>44</v>
      </c>
      <c r="AI33821">
        <v>45</v>
      </c>
      <c r="AJ33821">
        <v>46</v>
      </c>
      <c r="AK33821">
        <v>47</v>
      </c>
      <c r="AL33821">
        <v>47</v>
      </c>
      <c r="AM33821">
        <v>48</v>
      </c>
      <c r="AN33821">
        <v>48</v>
      </c>
      <c r="AO33821">
        <v>49</v>
      </c>
      <c r="AP33821">
        <v>49</v>
      </c>
      <c r="AQ33821">
        <v>50</v>
      </c>
    </row>
    <row r="33822" spans="1:43">
      <c r="A33822" t="s">
        <v>20955</v>
      </c>
      <c r="B33822" t="s">
        <v>20956</v>
      </c>
      <c r="C33822" t="s">
        <v>20835</v>
      </c>
      <c r="D33822" t="s">
        <v>20836</v>
      </c>
      <c r="E33822" t="s">
        <v>20787</v>
      </c>
      <c r="F33822" t="s">
        <v>20788</v>
      </c>
      <c r="G33822" t="s">
        <v>20255</v>
      </c>
      <c r="H33822" t="s">
        <v>20256</v>
      </c>
      <c r="I33822" s="2">
        <v>1</v>
      </c>
      <c r="J33822" s="2">
        <v>0</v>
      </c>
      <c r="K33822" s="2">
        <v>0</v>
      </c>
      <c r="L33822" t="s">
        <v>120</v>
      </c>
      <c r="M33822" t="s">
        <v>83</v>
      </c>
      <c r="N33822" t="s">
        <v>84</v>
      </c>
      <c r="O33822" t="s">
        <v>85</v>
      </c>
      <c r="P33822" t="s">
        <v>86</v>
      </c>
      <c r="Q33822">
        <v>8</v>
      </c>
      <c r="R33822">
        <v>8</v>
      </c>
      <c r="S33822">
        <v>8</v>
      </c>
      <c r="T33822">
        <v>8</v>
      </c>
      <c r="U33822">
        <v>8</v>
      </c>
      <c r="V33822">
        <v>8</v>
      </c>
      <c r="W33822">
        <v>9</v>
      </c>
      <c r="X33822">
        <v>9</v>
      </c>
      <c r="Y33822">
        <v>9</v>
      </c>
      <c r="Z33822">
        <v>9</v>
      </c>
      <c r="AA33822">
        <v>9</v>
      </c>
      <c r="AB33822">
        <v>10</v>
      </c>
      <c r="AC33822">
        <v>10</v>
      </c>
      <c r="AD33822">
        <v>10</v>
      </c>
      <c r="AE33822">
        <v>10</v>
      </c>
      <c r="AF33822">
        <v>10</v>
      </c>
      <c r="AG33822">
        <v>11</v>
      </c>
      <c r="AH33822">
        <v>11</v>
      </c>
      <c r="AI33822">
        <v>11</v>
      </c>
      <c r="AJ33822">
        <v>11</v>
      </c>
      <c r="AK33822">
        <v>11</v>
      </c>
      <c r="AL33822">
        <v>12</v>
      </c>
      <c r="AM33822">
        <v>12</v>
      </c>
      <c r="AN33822">
        <v>12</v>
      </c>
      <c r="AO33822">
        <v>12</v>
      </c>
      <c r="AP33822">
        <v>12</v>
      </c>
      <c r="AQ33822">
        <v>12</v>
      </c>
    </row>
    <row r="33823" spans="1:43">
      <c r="A33823" t="s">
        <v>20955</v>
      </c>
      <c r="B33823" t="s">
        <v>20956</v>
      </c>
      <c r="C33823" t="s">
        <v>20835</v>
      </c>
      <c r="D33823" t="s">
        <v>20836</v>
      </c>
      <c r="E33823" t="s">
        <v>20787</v>
      </c>
      <c r="F33823" t="s">
        <v>20788</v>
      </c>
      <c r="G33823" t="s">
        <v>20255</v>
      </c>
      <c r="H33823" t="s">
        <v>20256</v>
      </c>
      <c r="I33823" s="2">
        <v>1</v>
      </c>
      <c r="J33823" s="2">
        <v>0</v>
      </c>
      <c r="K33823" s="2">
        <v>0</v>
      </c>
      <c r="L33823" t="s">
        <v>120</v>
      </c>
      <c r="M33823" t="s">
        <v>87</v>
      </c>
      <c r="N33823" t="s">
        <v>88</v>
      </c>
      <c r="O33823" t="s">
        <v>85</v>
      </c>
      <c r="P33823" t="s">
        <v>86</v>
      </c>
      <c r="Q33823">
        <v>8</v>
      </c>
      <c r="R33823">
        <v>9</v>
      </c>
      <c r="S33823">
        <v>9</v>
      </c>
      <c r="T33823">
        <v>9</v>
      </c>
      <c r="U33823">
        <v>9</v>
      </c>
      <c r="V33823">
        <v>9</v>
      </c>
      <c r="W33823">
        <v>9</v>
      </c>
      <c r="X33823">
        <v>9</v>
      </c>
      <c r="Y33823">
        <v>9</v>
      </c>
      <c r="Z33823">
        <v>9</v>
      </c>
      <c r="AA33823">
        <v>10</v>
      </c>
      <c r="AB33823">
        <v>10</v>
      </c>
      <c r="AC33823">
        <v>10</v>
      </c>
      <c r="AD33823">
        <v>10</v>
      </c>
      <c r="AE33823">
        <v>10</v>
      </c>
      <c r="AF33823">
        <v>10</v>
      </c>
      <c r="AG33823">
        <v>10</v>
      </c>
      <c r="AH33823">
        <v>10</v>
      </c>
      <c r="AI33823">
        <v>11</v>
      </c>
      <c r="AJ33823">
        <v>11</v>
      </c>
      <c r="AK33823">
        <v>11</v>
      </c>
      <c r="AL33823">
        <v>11</v>
      </c>
      <c r="AM33823">
        <v>11</v>
      </c>
      <c r="AN33823">
        <v>11</v>
      </c>
      <c r="AO33823">
        <v>11</v>
      </c>
      <c r="AP33823">
        <v>12</v>
      </c>
      <c r="AQ33823">
        <v>12</v>
      </c>
    </row>
    <row r="33824" spans="1:43">
      <c r="A33824" t="s">
        <v>20955</v>
      </c>
      <c r="B33824" t="s">
        <v>20956</v>
      </c>
      <c r="C33824" t="s">
        <v>20835</v>
      </c>
      <c r="D33824" t="s">
        <v>20836</v>
      </c>
      <c r="E33824" t="s">
        <v>20787</v>
      </c>
      <c r="F33824" t="s">
        <v>20788</v>
      </c>
      <c r="G33824" t="s">
        <v>20255</v>
      </c>
      <c r="H33824" t="s">
        <v>20256</v>
      </c>
      <c r="I33824" s="2">
        <v>1</v>
      </c>
      <c r="J33824" s="2">
        <v>0</v>
      </c>
      <c r="K33824" s="2">
        <v>0</v>
      </c>
      <c r="L33824" t="s">
        <v>120</v>
      </c>
      <c r="M33824" t="s">
        <v>89</v>
      </c>
      <c r="N33824" t="s">
        <v>90</v>
      </c>
      <c r="O33824" t="s">
        <v>85</v>
      </c>
      <c r="P33824" t="s">
        <v>86</v>
      </c>
      <c r="Q33824">
        <v>8</v>
      </c>
      <c r="R33824">
        <v>8</v>
      </c>
      <c r="S33824">
        <v>8</v>
      </c>
      <c r="T33824">
        <v>8</v>
      </c>
      <c r="U33824">
        <v>9</v>
      </c>
      <c r="V33824">
        <v>9</v>
      </c>
      <c r="W33824">
        <v>9</v>
      </c>
      <c r="X33824">
        <v>9</v>
      </c>
      <c r="Y33824">
        <v>9</v>
      </c>
      <c r="Z33824">
        <v>10</v>
      </c>
      <c r="AA33824">
        <v>10</v>
      </c>
      <c r="AB33824">
        <v>10</v>
      </c>
      <c r="AC33824">
        <v>10</v>
      </c>
      <c r="AD33824">
        <v>11</v>
      </c>
      <c r="AE33824">
        <v>11</v>
      </c>
      <c r="AF33824">
        <v>11</v>
      </c>
      <c r="AG33824">
        <v>11</v>
      </c>
      <c r="AH33824">
        <v>11</v>
      </c>
      <c r="AI33824">
        <v>11</v>
      </c>
      <c r="AJ33824">
        <v>12</v>
      </c>
      <c r="AK33824">
        <v>12</v>
      </c>
      <c r="AL33824">
        <v>12</v>
      </c>
      <c r="AM33824">
        <v>12</v>
      </c>
      <c r="AN33824">
        <v>12</v>
      </c>
      <c r="AO33824">
        <v>12</v>
      </c>
      <c r="AP33824">
        <v>12</v>
      </c>
      <c r="AQ33824">
        <v>12</v>
      </c>
    </row>
    <row r="33825" spans="1:43">
      <c r="A33825" t="s">
        <v>20955</v>
      </c>
      <c r="B33825" t="s">
        <v>20956</v>
      </c>
      <c r="C33825" t="s">
        <v>20835</v>
      </c>
      <c r="D33825" t="s">
        <v>20836</v>
      </c>
      <c r="E33825" t="s">
        <v>20787</v>
      </c>
      <c r="F33825" t="s">
        <v>20788</v>
      </c>
      <c r="G33825" t="s">
        <v>20255</v>
      </c>
      <c r="H33825" t="s">
        <v>20256</v>
      </c>
      <c r="I33825" s="2">
        <v>1</v>
      </c>
      <c r="J33825" s="2">
        <v>0</v>
      </c>
      <c r="K33825" s="2">
        <v>0</v>
      </c>
      <c r="L33825" t="s">
        <v>120</v>
      </c>
      <c r="M33825" t="s">
        <v>83</v>
      </c>
      <c r="N33825" t="s">
        <v>91</v>
      </c>
      <c r="O33825" t="s">
        <v>85</v>
      </c>
      <c r="P33825" t="s">
        <v>86</v>
      </c>
      <c r="Q33825">
        <v>8</v>
      </c>
      <c r="R33825">
        <v>8</v>
      </c>
      <c r="S33825">
        <v>8</v>
      </c>
      <c r="T33825">
        <v>8</v>
      </c>
      <c r="U33825">
        <v>8</v>
      </c>
      <c r="V33825">
        <v>8</v>
      </c>
      <c r="W33825">
        <v>9</v>
      </c>
      <c r="X33825">
        <v>9</v>
      </c>
      <c r="Y33825">
        <v>9</v>
      </c>
      <c r="Z33825">
        <v>9</v>
      </c>
      <c r="AA33825">
        <v>9</v>
      </c>
      <c r="AB33825">
        <v>10</v>
      </c>
      <c r="AC33825">
        <v>10</v>
      </c>
      <c r="AD33825">
        <v>10</v>
      </c>
      <c r="AE33825">
        <v>10</v>
      </c>
      <c r="AF33825">
        <v>10</v>
      </c>
      <c r="AG33825">
        <v>11</v>
      </c>
      <c r="AH33825">
        <v>11</v>
      </c>
      <c r="AI33825">
        <v>11</v>
      </c>
      <c r="AJ33825">
        <v>11</v>
      </c>
      <c r="AK33825">
        <v>11</v>
      </c>
      <c r="AL33825">
        <v>12</v>
      </c>
      <c r="AM33825">
        <v>12</v>
      </c>
      <c r="AN33825">
        <v>12</v>
      </c>
      <c r="AO33825">
        <v>12</v>
      </c>
      <c r="AP33825">
        <v>12</v>
      </c>
      <c r="AQ33825">
        <v>12</v>
      </c>
    </row>
    <row r="33826" spans="1:43">
      <c r="A33826" t="s">
        <v>20957</v>
      </c>
      <c r="B33826" t="s">
        <v>20958</v>
      </c>
      <c r="C33826" t="s">
        <v>20827</v>
      </c>
      <c r="D33826" t="s">
        <v>20828</v>
      </c>
      <c r="E33826" t="s">
        <v>20787</v>
      </c>
      <c r="F33826" t="s">
        <v>20788</v>
      </c>
      <c r="G33826" t="s">
        <v>20255</v>
      </c>
      <c r="H33826" t="s">
        <v>20256</v>
      </c>
      <c r="I33826" s="2">
        <v>1</v>
      </c>
      <c r="J33826" s="2">
        <v>0</v>
      </c>
      <c r="K33826" s="2">
        <v>0</v>
      </c>
      <c r="L33826" t="s">
        <v>120</v>
      </c>
      <c r="M33826" t="s">
        <v>83</v>
      </c>
      <c r="N33826" t="s">
        <v>84</v>
      </c>
      <c r="O33826" t="s">
        <v>85</v>
      </c>
      <c r="P33826" t="s">
        <v>86</v>
      </c>
      <c r="Q33826">
        <v>17</v>
      </c>
      <c r="R33826">
        <v>18</v>
      </c>
      <c r="S33826">
        <v>18</v>
      </c>
      <c r="T33826">
        <v>19</v>
      </c>
      <c r="U33826">
        <v>19</v>
      </c>
      <c r="V33826">
        <v>19</v>
      </c>
      <c r="W33826">
        <v>20</v>
      </c>
      <c r="X33826">
        <v>20</v>
      </c>
      <c r="Y33826">
        <v>21</v>
      </c>
      <c r="Z33826">
        <v>21</v>
      </c>
      <c r="AA33826">
        <v>21</v>
      </c>
      <c r="AB33826">
        <v>22</v>
      </c>
      <c r="AC33826">
        <v>22</v>
      </c>
      <c r="AD33826">
        <v>23</v>
      </c>
      <c r="AE33826">
        <v>23</v>
      </c>
      <c r="AF33826">
        <v>24</v>
      </c>
      <c r="AG33826">
        <v>24</v>
      </c>
      <c r="AH33826">
        <v>24</v>
      </c>
      <c r="AI33826">
        <v>25</v>
      </c>
      <c r="AJ33826">
        <v>25</v>
      </c>
      <c r="AK33826">
        <v>26</v>
      </c>
      <c r="AL33826">
        <v>26</v>
      </c>
      <c r="AM33826">
        <v>26</v>
      </c>
      <c r="AN33826">
        <v>27</v>
      </c>
      <c r="AO33826">
        <v>27</v>
      </c>
      <c r="AP33826">
        <v>27</v>
      </c>
      <c r="AQ33826">
        <v>28</v>
      </c>
    </row>
    <row r="33827" spans="1:43">
      <c r="A33827" t="s">
        <v>20957</v>
      </c>
      <c r="B33827" t="s">
        <v>20958</v>
      </c>
      <c r="C33827" t="s">
        <v>20827</v>
      </c>
      <c r="D33827" t="s">
        <v>20828</v>
      </c>
      <c r="E33827" t="s">
        <v>20787</v>
      </c>
      <c r="F33827" t="s">
        <v>20788</v>
      </c>
      <c r="G33827" t="s">
        <v>20255</v>
      </c>
      <c r="H33827" t="s">
        <v>20256</v>
      </c>
      <c r="I33827" s="2">
        <v>1</v>
      </c>
      <c r="J33827" s="2">
        <v>0</v>
      </c>
      <c r="K33827" s="2">
        <v>0</v>
      </c>
      <c r="L33827" t="s">
        <v>120</v>
      </c>
      <c r="M33827" t="s">
        <v>87</v>
      </c>
      <c r="N33827" t="s">
        <v>88</v>
      </c>
      <c r="O33827" t="s">
        <v>85</v>
      </c>
      <c r="P33827" t="s">
        <v>86</v>
      </c>
      <c r="Q33827">
        <v>17</v>
      </c>
      <c r="R33827">
        <v>17</v>
      </c>
      <c r="S33827">
        <v>18</v>
      </c>
      <c r="T33827">
        <v>18</v>
      </c>
      <c r="U33827">
        <v>18</v>
      </c>
      <c r="V33827">
        <v>18</v>
      </c>
      <c r="W33827">
        <v>19</v>
      </c>
      <c r="X33827">
        <v>19</v>
      </c>
      <c r="Y33827">
        <v>19</v>
      </c>
      <c r="Z33827">
        <v>19</v>
      </c>
      <c r="AA33827">
        <v>19</v>
      </c>
      <c r="AB33827">
        <v>20</v>
      </c>
      <c r="AC33827">
        <v>20</v>
      </c>
      <c r="AD33827">
        <v>20</v>
      </c>
      <c r="AE33827">
        <v>20</v>
      </c>
      <c r="AF33827">
        <v>21</v>
      </c>
      <c r="AG33827">
        <v>21</v>
      </c>
      <c r="AH33827">
        <v>21</v>
      </c>
      <c r="AI33827">
        <v>21</v>
      </c>
      <c r="AJ33827">
        <v>22</v>
      </c>
      <c r="AK33827">
        <v>22</v>
      </c>
      <c r="AL33827">
        <v>22</v>
      </c>
      <c r="AM33827">
        <v>23</v>
      </c>
      <c r="AN33827">
        <v>23</v>
      </c>
      <c r="AO33827">
        <v>23</v>
      </c>
      <c r="AP33827">
        <v>24</v>
      </c>
      <c r="AQ33827">
        <v>24</v>
      </c>
    </row>
    <row r="33828" spans="1:43">
      <c r="A33828" t="s">
        <v>20957</v>
      </c>
      <c r="B33828" t="s">
        <v>20958</v>
      </c>
      <c r="C33828" t="s">
        <v>20827</v>
      </c>
      <c r="D33828" t="s">
        <v>20828</v>
      </c>
      <c r="E33828" t="s">
        <v>20787</v>
      </c>
      <c r="F33828" t="s">
        <v>20788</v>
      </c>
      <c r="G33828" t="s">
        <v>20255</v>
      </c>
      <c r="H33828" t="s">
        <v>20256</v>
      </c>
      <c r="I33828" s="2">
        <v>1</v>
      </c>
      <c r="J33828" s="2">
        <v>0</v>
      </c>
      <c r="K33828" s="2">
        <v>0</v>
      </c>
      <c r="L33828" t="s">
        <v>120</v>
      </c>
      <c r="M33828" t="s">
        <v>89</v>
      </c>
      <c r="N33828" t="s">
        <v>90</v>
      </c>
      <c r="O33828" t="s">
        <v>85</v>
      </c>
      <c r="P33828" t="s">
        <v>86</v>
      </c>
      <c r="Q33828">
        <v>17</v>
      </c>
      <c r="R33828">
        <v>17</v>
      </c>
      <c r="S33828">
        <v>18</v>
      </c>
      <c r="T33828">
        <v>18</v>
      </c>
      <c r="U33828">
        <v>19</v>
      </c>
      <c r="V33828">
        <v>19</v>
      </c>
      <c r="W33828">
        <v>20</v>
      </c>
      <c r="X33828">
        <v>20</v>
      </c>
      <c r="Y33828">
        <v>21</v>
      </c>
      <c r="Z33828">
        <v>21</v>
      </c>
      <c r="AA33828">
        <v>22</v>
      </c>
      <c r="AB33828">
        <v>22</v>
      </c>
      <c r="AC33828">
        <v>23</v>
      </c>
      <c r="AD33828">
        <v>23</v>
      </c>
      <c r="AE33828">
        <v>24</v>
      </c>
      <c r="AF33828">
        <v>24</v>
      </c>
      <c r="AG33828">
        <v>24</v>
      </c>
      <c r="AH33828">
        <v>24</v>
      </c>
      <c r="AI33828">
        <v>25</v>
      </c>
      <c r="AJ33828">
        <v>25</v>
      </c>
      <c r="AK33828">
        <v>25</v>
      </c>
      <c r="AL33828">
        <v>25</v>
      </c>
      <c r="AM33828">
        <v>26</v>
      </c>
      <c r="AN33828">
        <v>26</v>
      </c>
      <c r="AO33828">
        <v>26</v>
      </c>
      <c r="AP33828">
        <v>27</v>
      </c>
      <c r="AQ33828">
        <v>27</v>
      </c>
    </row>
    <row r="33829" spans="1:43">
      <c r="A33829" t="s">
        <v>20957</v>
      </c>
      <c r="B33829" t="s">
        <v>20958</v>
      </c>
      <c r="C33829" t="s">
        <v>20827</v>
      </c>
      <c r="D33829" t="s">
        <v>20828</v>
      </c>
      <c r="E33829" t="s">
        <v>20787</v>
      </c>
      <c r="F33829" t="s">
        <v>20788</v>
      </c>
      <c r="G33829" t="s">
        <v>20255</v>
      </c>
      <c r="H33829" t="s">
        <v>20256</v>
      </c>
      <c r="I33829" s="2">
        <v>1</v>
      </c>
      <c r="J33829" s="2">
        <v>0</v>
      </c>
      <c r="K33829" s="2">
        <v>0</v>
      </c>
      <c r="L33829" t="s">
        <v>120</v>
      </c>
      <c r="M33829" t="s">
        <v>83</v>
      </c>
      <c r="N33829" t="s">
        <v>91</v>
      </c>
      <c r="O33829" t="s">
        <v>85</v>
      </c>
      <c r="P33829" t="s">
        <v>86</v>
      </c>
      <c r="Q33829">
        <v>17</v>
      </c>
      <c r="R33829">
        <v>18</v>
      </c>
      <c r="S33829">
        <v>18</v>
      </c>
      <c r="T33829">
        <v>19</v>
      </c>
      <c r="U33829">
        <v>19</v>
      </c>
      <c r="V33829">
        <v>19</v>
      </c>
      <c r="W33829">
        <v>20</v>
      </c>
      <c r="X33829">
        <v>20</v>
      </c>
      <c r="Y33829">
        <v>21</v>
      </c>
      <c r="Z33829">
        <v>21</v>
      </c>
      <c r="AA33829">
        <v>21</v>
      </c>
      <c r="AB33829">
        <v>22</v>
      </c>
      <c r="AC33829">
        <v>22</v>
      </c>
      <c r="AD33829">
        <v>23</v>
      </c>
      <c r="AE33829">
        <v>23</v>
      </c>
      <c r="AF33829">
        <v>24</v>
      </c>
      <c r="AG33829">
        <v>24</v>
      </c>
      <c r="AH33829">
        <v>24</v>
      </c>
      <c r="AI33829">
        <v>25</v>
      </c>
      <c r="AJ33829">
        <v>25</v>
      </c>
      <c r="AK33829">
        <v>26</v>
      </c>
      <c r="AL33829">
        <v>26</v>
      </c>
      <c r="AM33829">
        <v>26</v>
      </c>
      <c r="AN33829">
        <v>27</v>
      </c>
      <c r="AO33829">
        <v>27</v>
      </c>
      <c r="AP33829">
        <v>27</v>
      </c>
      <c r="AQ33829">
        <v>28</v>
      </c>
    </row>
    <row r="33830" spans="1:43">
      <c r="A33830" t="s">
        <v>20959</v>
      </c>
      <c r="B33830" t="s">
        <v>20960</v>
      </c>
      <c r="C33830" t="s">
        <v>20827</v>
      </c>
      <c r="D33830" t="s">
        <v>20828</v>
      </c>
      <c r="E33830" t="s">
        <v>20787</v>
      </c>
      <c r="F33830" t="s">
        <v>20788</v>
      </c>
      <c r="G33830" t="s">
        <v>20255</v>
      </c>
      <c r="H33830" t="s">
        <v>20256</v>
      </c>
      <c r="I33830" s="2">
        <v>1</v>
      </c>
      <c r="J33830" s="2">
        <v>0</v>
      </c>
      <c r="K33830" s="2">
        <v>0</v>
      </c>
      <c r="L33830" t="s">
        <v>120</v>
      </c>
      <c r="M33830" t="s">
        <v>83</v>
      </c>
      <c r="N33830" t="s">
        <v>84</v>
      </c>
      <c r="O33830" t="s">
        <v>85</v>
      </c>
      <c r="P33830" t="s">
        <v>86</v>
      </c>
      <c r="Q33830">
        <v>50</v>
      </c>
      <c r="R33830">
        <v>51</v>
      </c>
      <c r="S33830">
        <v>53</v>
      </c>
      <c r="T33830">
        <v>54</v>
      </c>
      <c r="U33830">
        <v>55</v>
      </c>
      <c r="V33830">
        <v>56</v>
      </c>
      <c r="W33830">
        <v>57</v>
      </c>
      <c r="X33830">
        <v>58</v>
      </c>
      <c r="Y33830">
        <v>59</v>
      </c>
      <c r="Z33830">
        <v>60</v>
      </c>
      <c r="AA33830">
        <v>62</v>
      </c>
      <c r="AB33830">
        <v>63</v>
      </c>
      <c r="AC33830">
        <v>64</v>
      </c>
      <c r="AD33830">
        <v>65</v>
      </c>
      <c r="AE33830">
        <v>67</v>
      </c>
      <c r="AF33830">
        <v>68</v>
      </c>
      <c r="AG33830">
        <v>69</v>
      </c>
      <c r="AH33830">
        <v>70</v>
      </c>
      <c r="AI33830">
        <v>72</v>
      </c>
      <c r="AJ33830">
        <v>73</v>
      </c>
      <c r="AK33830">
        <v>75</v>
      </c>
      <c r="AL33830">
        <v>76</v>
      </c>
      <c r="AM33830">
        <v>76</v>
      </c>
      <c r="AN33830">
        <v>77</v>
      </c>
      <c r="AO33830">
        <v>78</v>
      </c>
      <c r="AP33830">
        <v>79</v>
      </c>
      <c r="AQ33830">
        <v>79</v>
      </c>
    </row>
    <row r="33831" spans="1:43">
      <c r="A33831" t="s">
        <v>20959</v>
      </c>
      <c r="B33831" t="s">
        <v>20960</v>
      </c>
      <c r="C33831" t="s">
        <v>20827</v>
      </c>
      <c r="D33831" t="s">
        <v>20828</v>
      </c>
      <c r="E33831" t="s">
        <v>20787</v>
      </c>
      <c r="F33831" t="s">
        <v>20788</v>
      </c>
      <c r="G33831" t="s">
        <v>20255</v>
      </c>
      <c r="H33831" t="s">
        <v>20256</v>
      </c>
      <c r="I33831" s="2">
        <v>1</v>
      </c>
      <c r="J33831" s="2">
        <v>0</v>
      </c>
      <c r="K33831" s="2">
        <v>0</v>
      </c>
      <c r="L33831" t="s">
        <v>120</v>
      </c>
      <c r="M33831" t="s">
        <v>87</v>
      </c>
      <c r="N33831" t="s">
        <v>88</v>
      </c>
      <c r="O33831" t="s">
        <v>85</v>
      </c>
      <c r="P33831" t="s">
        <v>86</v>
      </c>
      <c r="Q33831">
        <v>50</v>
      </c>
      <c r="R33831">
        <v>50</v>
      </c>
      <c r="S33831">
        <v>51</v>
      </c>
      <c r="T33831">
        <v>52</v>
      </c>
      <c r="U33831">
        <v>52</v>
      </c>
      <c r="V33831">
        <v>53</v>
      </c>
      <c r="W33831">
        <v>54</v>
      </c>
      <c r="X33831">
        <v>54</v>
      </c>
      <c r="Y33831">
        <v>55</v>
      </c>
      <c r="Z33831">
        <v>55</v>
      </c>
      <c r="AA33831">
        <v>56</v>
      </c>
      <c r="AB33831">
        <v>57</v>
      </c>
      <c r="AC33831">
        <v>58</v>
      </c>
      <c r="AD33831">
        <v>58</v>
      </c>
      <c r="AE33831">
        <v>59</v>
      </c>
      <c r="AF33831">
        <v>60</v>
      </c>
      <c r="AG33831">
        <v>60</v>
      </c>
      <c r="AH33831">
        <v>61</v>
      </c>
      <c r="AI33831">
        <v>62</v>
      </c>
      <c r="AJ33831">
        <v>63</v>
      </c>
      <c r="AK33831">
        <v>64</v>
      </c>
      <c r="AL33831">
        <v>64</v>
      </c>
      <c r="AM33831">
        <v>65</v>
      </c>
      <c r="AN33831">
        <v>66</v>
      </c>
      <c r="AO33831">
        <v>67</v>
      </c>
      <c r="AP33831">
        <v>68</v>
      </c>
      <c r="AQ33831">
        <v>69</v>
      </c>
    </row>
    <row r="33832" spans="1:43">
      <c r="A33832" t="s">
        <v>20959</v>
      </c>
      <c r="B33832" t="s">
        <v>20960</v>
      </c>
      <c r="C33832" t="s">
        <v>20827</v>
      </c>
      <c r="D33832" t="s">
        <v>20828</v>
      </c>
      <c r="E33832" t="s">
        <v>20787</v>
      </c>
      <c r="F33832" t="s">
        <v>20788</v>
      </c>
      <c r="G33832" t="s">
        <v>20255</v>
      </c>
      <c r="H33832" t="s">
        <v>20256</v>
      </c>
      <c r="I33832" s="2">
        <v>1</v>
      </c>
      <c r="J33832" s="2">
        <v>0</v>
      </c>
      <c r="K33832" s="2">
        <v>0</v>
      </c>
      <c r="L33832" t="s">
        <v>120</v>
      </c>
      <c r="M33832" t="s">
        <v>89</v>
      </c>
      <c r="N33832" t="s">
        <v>90</v>
      </c>
      <c r="O33832" t="s">
        <v>85</v>
      </c>
      <c r="P33832" t="s">
        <v>86</v>
      </c>
      <c r="Q33832">
        <v>50</v>
      </c>
      <c r="R33832">
        <v>51</v>
      </c>
      <c r="S33832">
        <v>53</v>
      </c>
      <c r="T33832">
        <v>54</v>
      </c>
      <c r="U33832">
        <v>56</v>
      </c>
      <c r="V33832">
        <v>57</v>
      </c>
      <c r="W33832">
        <v>59</v>
      </c>
      <c r="X33832">
        <v>60</v>
      </c>
      <c r="Y33832">
        <v>62</v>
      </c>
      <c r="Z33832">
        <v>63</v>
      </c>
      <c r="AA33832">
        <v>65</v>
      </c>
      <c r="AB33832">
        <v>66</v>
      </c>
      <c r="AC33832">
        <v>68</v>
      </c>
      <c r="AD33832">
        <v>69</v>
      </c>
      <c r="AE33832">
        <v>70</v>
      </c>
      <c r="AF33832">
        <v>71</v>
      </c>
      <c r="AG33832">
        <v>72</v>
      </c>
      <c r="AH33832">
        <v>72</v>
      </c>
      <c r="AI33832">
        <v>73</v>
      </c>
      <c r="AJ33832">
        <v>74</v>
      </c>
      <c r="AK33832">
        <v>75</v>
      </c>
      <c r="AL33832">
        <v>75</v>
      </c>
      <c r="AM33832">
        <v>76</v>
      </c>
      <c r="AN33832">
        <v>77</v>
      </c>
      <c r="AO33832">
        <v>78</v>
      </c>
      <c r="AP33832">
        <v>78</v>
      </c>
      <c r="AQ33832">
        <v>79</v>
      </c>
    </row>
    <row r="33833" spans="1:43">
      <c r="A33833" t="s">
        <v>20959</v>
      </c>
      <c r="B33833" t="s">
        <v>20960</v>
      </c>
      <c r="C33833" t="s">
        <v>20827</v>
      </c>
      <c r="D33833" t="s">
        <v>20828</v>
      </c>
      <c r="E33833" t="s">
        <v>20787</v>
      </c>
      <c r="F33833" t="s">
        <v>20788</v>
      </c>
      <c r="G33833" t="s">
        <v>20255</v>
      </c>
      <c r="H33833" t="s">
        <v>20256</v>
      </c>
      <c r="I33833" s="2">
        <v>1</v>
      </c>
      <c r="J33833" s="2">
        <v>0</v>
      </c>
      <c r="K33833" s="2">
        <v>0</v>
      </c>
      <c r="L33833" t="s">
        <v>120</v>
      </c>
      <c r="M33833" t="s">
        <v>83</v>
      </c>
      <c r="N33833" t="s">
        <v>91</v>
      </c>
      <c r="O33833" t="s">
        <v>85</v>
      </c>
      <c r="P33833" t="s">
        <v>86</v>
      </c>
      <c r="Q33833">
        <v>50</v>
      </c>
      <c r="R33833">
        <v>51</v>
      </c>
      <c r="S33833">
        <v>53</v>
      </c>
      <c r="T33833">
        <v>54</v>
      </c>
      <c r="U33833">
        <v>55</v>
      </c>
      <c r="V33833">
        <v>56</v>
      </c>
      <c r="W33833">
        <v>57</v>
      </c>
      <c r="X33833">
        <v>58</v>
      </c>
      <c r="Y33833">
        <v>59</v>
      </c>
      <c r="Z33833">
        <v>60</v>
      </c>
      <c r="AA33833">
        <v>62</v>
      </c>
      <c r="AB33833">
        <v>63</v>
      </c>
      <c r="AC33833">
        <v>64</v>
      </c>
      <c r="AD33833">
        <v>65</v>
      </c>
      <c r="AE33833">
        <v>67</v>
      </c>
      <c r="AF33833">
        <v>68</v>
      </c>
      <c r="AG33833">
        <v>69</v>
      </c>
      <c r="AH33833">
        <v>70</v>
      </c>
      <c r="AI33833">
        <v>72</v>
      </c>
      <c r="AJ33833">
        <v>73</v>
      </c>
      <c r="AK33833">
        <v>75</v>
      </c>
      <c r="AL33833">
        <v>76</v>
      </c>
      <c r="AM33833">
        <v>76</v>
      </c>
      <c r="AN33833">
        <v>77</v>
      </c>
      <c r="AO33833">
        <v>78</v>
      </c>
      <c r="AP33833">
        <v>79</v>
      </c>
      <c r="AQ33833">
        <v>79</v>
      </c>
    </row>
    <row r="33834" spans="1:43">
      <c r="A33834" t="s">
        <v>20961</v>
      </c>
      <c r="B33834" t="s">
        <v>20962</v>
      </c>
      <c r="C33834" t="s">
        <v>20827</v>
      </c>
      <c r="D33834" t="s">
        <v>20828</v>
      </c>
      <c r="E33834" t="s">
        <v>20787</v>
      </c>
      <c r="F33834" t="s">
        <v>20788</v>
      </c>
      <c r="G33834" t="s">
        <v>20255</v>
      </c>
      <c r="H33834" t="s">
        <v>20256</v>
      </c>
      <c r="I33834" s="2">
        <v>1</v>
      </c>
      <c r="J33834" s="2">
        <v>0</v>
      </c>
      <c r="K33834" s="2">
        <v>0</v>
      </c>
      <c r="L33834" t="s">
        <v>120</v>
      </c>
      <c r="M33834" t="s">
        <v>83</v>
      </c>
      <c r="N33834" t="s">
        <v>84</v>
      </c>
      <c r="O33834" t="s">
        <v>85</v>
      </c>
      <c r="P33834" t="s">
        <v>86</v>
      </c>
      <c r="Q33834">
        <v>41</v>
      </c>
      <c r="R33834">
        <v>42</v>
      </c>
      <c r="S33834">
        <v>42</v>
      </c>
      <c r="T33834">
        <v>43</v>
      </c>
      <c r="U33834">
        <v>43</v>
      </c>
      <c r="V33834">
        <v>44</v>
      </c>
      <c r="W33834">
        <v>45</v>
      </c>
      <c r="X33834">
        <v>45</v>
      </c>
      <c r="Y33834">
        <v>46</v>
      </c>
      <c r="Z33834">
        <v>46</v>
      </c>
      <c r="AA33834">
        <v>47</v>
      </c>
      <c r="AB33834">
        <v>48</v>
      </c>
      <c r="AC33834">
        <v>48</v>
      </c>
      <c r="AD33834">
        <v>49</v>
      </c>
      <c r="AE33834">
        <v>49</v>
      </c>
      <c r="AF33834">
        <v>50</v>
      </c>
      <c r="AG33834">
        <v>51</v>
      </c>
      <c r="AH33834">
        <v>51</v>
      </c>
      <c r="AI33834">
        <v>52</v>
      </c>
      <c r="AJ33834">
        <v>52</v>
      </c>
      <c r="AK33834">
        <v>53</v>
      </c>
      <c r="AL33834">
        <v>53</v>
      </c>
      <c r="AM33834">
        <v>54</v>
      </c>
      <c r="AN33834">
        <v>54</v>
      </c>
      <c r="AO33834">
        <v>54</v>
      </c>
      <c r="AP33834">
        <v>54</v>
      </c>
      <c r="AQ33834">
        <v>54</v>
      </c>
    </row>
    <row r="33835" spans="1:43">
      <c r="A33835" t="s">
        <v>20961</v>
      </c>
      <c r="B33835" t="s">
        <v>20962</v>
      </c>
      <c r="C33835" t="s">
        <v>20827</v>
      </c>
      <c r="D33835" t="s">
        <v>20828</v>
      </c>
      <c r="E33835" t="s">
        <v>20787</v>
      </c>
      <c r="F33835" t="s">
        <v>20788</v>
      </c>
      <c r="G33835" t="s">
        <v>20255</v>
      </c>
      <c r="H33835" t="s">
        <v>20256</v>
      </c>
      <c r="I33835" s="2">
        <v>1</v>
      </c>
      <c r="J33835" s="2">
        <v>0</v>
      </c>
      <c r="K33835" s="2">
        <v>0</v>
      </c>
      <c r="L33835" t="s">
        <v>120</v>
      </c>
      <c r="M33835" t="s">
        <v>87</v>
      </c>
      <c r="N33835" t="s">
        <v>88</v>
      </c>
      <c r="O33835" t="s">
        <v>85</v>
      </c>
      <c r="P33835" t="s">
        <v>86</v>
      </c>
      <c r="Q33835">
        <v>41</v>
      </c>
      <c r="R33835">
        <v>41</v>
      </c>
      <c r="S33835">
        <v>41</v>
      </c>
      <c r="T33835">
        <v>41</v>
      </c>
      <c r="U33835">
        <v>41</v>
      </c>
      <c r="V33835">
        <v>42</v>
      </c>
      <c r="W33835">
        <v>42</v>
      </c>
      <c r="X33835">
        <v>42</v>
      </c>
      <c r="Y33835">
        <v>42</v>
      </c>
      <c r="Z33835">
        <v>43</v>
      </c>
      <c r="AA33835">
        <v>43</v>
      </c>
      <c r="AB33835">
        <v>43</v>
      </c>
      <c r="AC33835">
        <v>43</v>
      </c>
      <c r="AD33835">
        <v>43</v>
      </c>
      <c r="AE33835">
        <v>44</v>
      </c>
      <c r="AF33835">
        <v>44</v>
      </c>
      <c r="AG33835">
        <v>44</v>
      </c>
      <c r="AH33835">
        <v>44</v>
      </c>
      <c r="AI33835">
        <v>45</v>
      </c>
      <c r="AJ33835">
        <v>45</v>
      </c>
      <c r="AK33835">
        <v>45</v>
      </c>
      <c r="AL33835">
        <v>45</v>
      </c>
      <c r="AM33835">
        <v>46</v>
      </c>
      <c r="AN33835">
        <v>46</v>
      </c>
      <c r="AO33835">
        <v>46</v>
      </c>
      <c r="AP33835">
        <v>46</v>
      </c>
      <c r="AQ33835">
        <v>47</v>
      </c>
    </row>
    <row r="33836" spans="1:43">
      <c r="A33836" t="s">
        <v>20961</v>
      </c>
      <c r="B33836" t="s">
        <v>20962</v>
      </c>
      <c r="C33836" t="s">
        <v>20827</v>
      </c>
      <c r="D33836" t="s">
        <v>20828</v>
      </c>
      <c r="E33836" t="s">
        <v>20787</v>
      </c>
      <c r="F33836" t="s">
        <v>20788</v>
      </c>
      <c r="G33836" t="s">
        <v>20255</v>
      </c>
      <c r="H33836" t="s">
        <v>20256</v>
      </c>
      <c r="I33836" s="2">
        <v>1</v>
      </c>
      <c r="J33836" s="2">
        <v>0</v>
      </c>
      <c r="K33836" s="2">
        <v>0</v>
      </c>
      <c r="L33836" t="s">
        <v>120</v>
      </c>
      <c r="M33836" t="s">
        <v>89</v>
      </c>
      <c r="N33836" t="s">
        <v>90</v>
      </c>
      <c r="O33836" t="s">
        <v>85</v>
      </c>
      <c r="P33836" t="s">
        <v>86</v>
      </c>
      <c r="Q33836">
        <v>41</v>
      </c>
      <c r="R33836">
        <v>42</v>
      </c>
      <c r="S33836">
        <v>43</v>
      </c>
      <c r="T33836">
        <v>44</v>
      </c>
      <c r="U33836">
        <v>45</v>
      </c>
      <c r="V33836">
        <v>46</v>
      </c>
      <c r="W33836">
        <v>47</v>
      </c>
      <c r="X33836">
        <v>48</v>
      </c>
      <c r="Y33836">
        <v>48</v>
      </c>
      <c r="Z33836">
        <v>49</v>
      </c>
      <c r="AA33836">
        <v>50</v>
      </c>
      <c r="AB33836">
        <v>51</v>
      </c>
      <c r="AC33836">
        <v>52</v>
      </c>
      <c r="AD33836">
        <v>52</v>
      </c>
      <c r="AE33836">
        <v>53</v>
      </c>
      <c r="AF33836">
        <v>53</v>
      </c>
      <c r="AG33836">
        <v>53</v>
      </c>
      <c r="AH33836">
        <v>54</v>
      </c>
      <c r="AI33836">
        <v>54</v>
      </c>
      <c r="AJ33836">
        <v>54</v>
      </c>
      <c r="AK33836">
        <v>54</v>
      </c>
      <c r="AL33836">
        <v>54</v>
      </c>
      <c r="AM33836">
        <v>54</v>
      </c>
      <c r="AN33836">
        <v>55</v>
      </c>
      <c r="AO33836">
        <v>55</v>
      </c>
      <c r="AP33836">
        <v>55</v>
      </c>
      <c r="AQ33836">
        <v>55</v>
      </c>
    </row>
    <row r="33837" spans="1:43">
      <c r="A33837" t="s">
        <v>20961</v>
      </c>
      <c r="B33837" t="s">
        <v>20962</v>
      </c>
      <c r="C33837" t="s">
        <v>20827</v>
      </c>
      <c r="D33837" t="s">
        <v>20828</v>
      </c>
      <c r="E33837" t="s">
        <v>20787</v>
      </c>
      <c r="F33837" t="s">
        <v>20788</v>
      </c>
      <c r="G33837" t="s">
        <v>20255</v>
      </c>
      <c r="H33837" t="s">
        <v>20256</v>
      </c>
      <c r="I33837" s="2">
        <v>1</v>
      </c>
      <c r="J33837" s="2">
        <v>0</v>
      </c>
      <c r="K33837" s="2">
        <v>0</v>
      </c>
      <c r="L33837" t="s">
        <v>120</v>
      </c>
      <c r="M33837" t="s">
        <v>83</v>
      </c>
      <c r="N33837" t="s">
        <v>91</v>
      </c>
      <c r="O33837" t="s">
        <v>85</v>
      </c>
      <c r="P33837" t="s">
        <v>86</v>
      </c>
      <c r="Q33837">
        <v>41</v>
      </c>
      <c r="R33837">
        <v>42</v>
      </c>
      <c r="S33837">
        <v>42</v>
      </c>
      <c r="T33837">
        <v>43</v>
      </c>
      <c r="U33837">
        <v>43</v>
      </c>
      <c r="V33837">
        <v>44</v>
      </c>
      <c r="W33837">
        <v>45</v>
      </c>
      <c r="X33837">
        <v>45</v>
      </c>
      <c r="Y33837">
        <v>46</v>
      </c>
      <c r="Z33837">
        <v>46</v>
      </c>
      <c r="AA33837">
        <v>47</v>
      </c>
      <c r="AB33837">
        <v>48</v>
      </c>
      <c r="AC33837">
        <v>48</v>
      </c>
      <c r="AD33837">
        <v>49</v>
      </c>
      <c r="AE33837">
        <v>49</v>
      </c>
      <c r="AF33837">
        <v>50</v>
      </c>
      <c r="AG33837">
        <v>51</v>
      </c>
      <c r="AH33837">
        <v>51</v>
      </c>
      <c r="AI33837">
        <v>52</v>
      </c>
      <c r="AJ33837">
        <v>52</v>
      </c>
      <c r="AK33837">
        <v>53</v>
      </c>
      <c r="AL33837">
        <v>53</v>
      </c>
      <c r="AM33837">
        <v>54</v>
      </c>
      <c r="AN33837">
        <v>54</v>
      </c>
      <c r="AO33837">
        <v>54</v>
      </c>
      <c r="AP33837">
        <v>54</v>
      </c>
      <c r="AQ33837">
        <v>54</v>
      </c>
    </row>
    <row r="33838" spans="1:43">
      <c r="A33838" t="s">
        <v>20963</v>
      </c>
      <c r="B33838" t="s">
        <v>20964</v>
      </c>
      <c r="C33838" t="s">
        <v>20817</v>
      </c>
      <c r="D33838" t="s">
        <v>20818</v>
      </c>
      <c r="E33838" t="s">
        <v>20787</v>
      </c>
      <c r="F33838" t="s">
        <v>20788</v>
      </c>
      <c r="G33838" t="s">
        <v>20255</v>
      </c>
      <c r="H33838" t="s">
        <v>20256</v>
      </c>
      <c r="I33838" s="2">
        <v>1</v>
      </c>
      <c r="J33838" s="2">
        <v>0</v>
      </c>
      <c r="K33838" s="2">
        <v>0</v>
      </c>
      <c r="L33838" t="s">
        <v>120</v>
      </c>
      <c r="M33838" t="s">
        <v>83</v>
      </c>
      <c r="N33838" t="s">
        <v>84</v>
      </c>
      <c r="O33838" t="s">
        <v>85</v>
      </c>
      <c r="P33838" t="s">
        <v>86</v>
      </c>
      <c r="Q33838">
        <v>80</v>
      </c>
      <c r="R33838">
        <v>82</v>
      </c>
      <c r="S33838">
        <v>84</v>
      </c>
      <c r="T33838">
        <v>86</v>
      </c>
      <c r="U33838">
        <v>88</v>
      </c>
      <c r="V33838">
        <v>90</v>
      </c>
      <c r="W33838">
        <v>92</v>
      </c>
      <c r="X33838">
        <v>93</v>
      </c>
      <c r="Y33838">
        <v>95</v>
      </c>
      <c r="Z33838">
        <v>97</v>
      </c>
      <c r="AA33838">
        <v>99</v>
      </c>
      <c r="AB33838">
        <v>101</v>
      </c>
      <c r="AC33838">
        <v>103</v>
      </c>
      <c r="AD33838">
        <v>106</v>
      </c>
      <c r="AE33838">
        <v>108</v>
      </c>
      <c r="AF33838">
        <v>110</v>
      </c>
      <c r="AG33838">
        <v>112</v>
      </c>
      <c r="AH33838">
        <v>114</v>
      </c>
      <c r="AI33838">
        <v>117</v>
      </c>
      <c r="AJ33838">
        <v>119</v>
      </c>
      <c r="AK33838">
        <v>121</v>
      </c>
      <c r="AL33838">
        <v>123</v>
      </c>
      <c r="AM33838">
        <v>124</v>
      </c>
      <c r="AN33838">
        <v>126</v>
      </c>
      <c r="AO33838">
        <v>127</v>
      </c>
      <c r="AP33838">
        <v>129</v>
      </c>
      <c r="AQ33838">
        <v>130</v>
      </c>
    </row>
    <row r="33839" spans="1:43">
      <c r="A33839" t="s">
        <v>20963</v>
      </c>
      <c r="B33839" t="s">
        <v>20964</v>
      </c>
      <c r="C33839" t="s">
        <v>20817</v>
      </c>
      <c r="D33839" t="s">
        <v>20818</v>
      </c>
      <c r="E33839" t="s">
        <v>20787</v>
      </c>
      <c r="F33839" t="s">
        <v>20788</v>
      </c>
      <c r="G33839" t="s">
        <v>20255</v>
      </c>
      <c r="H33839" t="s">
        <v>20256</v>
      </c>
      <c r="I33839" s="2">
        <v>1</v>
      </c>
      <c r="J33839" s="2">
        <v>0</v>
      </c>
      <c r="K33839" s="2">
        <v>0</v>
      </c>
      <c r="L33839" t="s">
        <v>120</v>
      </c>
      <c r="M33839" t="s">
        <v>87</v>
      </c>
      <c r="N33839" t="s">
        <v>88</v>
      </c>
      <c r="O33839" t="s">
        <v>85</v>
      </c>
      <c r="P33839" t="s">
        <v>86</v>
      </c>
      <c r="Q33839">
        <v>80</v>
      </c>
      <c r="R33839">
        <v>81</v>
      </c>
      <c r="S33839">
        <v>83</v>
      </c>
      <c r="T33839">
        <v>84</v>
      </c>
      <c r="U33839">
        <v>85</v>
      </c>
      <c r="V33839">
        <v>86</v>
      </c>
      <c r="W33839">
        <v>87</v>
      </c>
      <c r="X33839">
        <v>88</v>
      </c>
      <c r="Y33839">
        <v>89</v>
      </c>
      <c r="Z33839">
        <v>90</v>
      </c>
      <c r="AA33839">
        <v>92</v>
      </c>
      <c r="AB33839">
        <v>93</v>
      </c>
      <c r="AC33839">
        <v>94</v>
      </c>
      <c r="AD33839">
        <v>95</v>
      </c>
      <c r="AE33839">
        <v>97</v>
      </c>
      <c r="AF33839">
        <v>98</v>
      </c>
      <c r="AG33839">
        <v>99</v>
      </c>
      <c r="AH33839">
        <v>101</v>
      </c>
      <c r="AI33839">
        <v>102</v>
      </c>
      <c r="AJ33839">
        <v>103</v>
      </c>
      <c r="AK33839">
        <v>105</v>
      </c>
      <c r="AL33839">
        <v>106</v>
      </c>
      <c r="AM33839">
        <v>108</v>
      </c>
      <c r="AN33839">
        <v>109</v>
      </c>
      <c r="AO33839">
        <v>111</v>
      </c>
      <c r="AP33839">
        <v>112</v>
      </c>
      <c r="AQ33839">
        <v>114</v>
      </c>
    </row>
    <row r="33840" spans="1:43">
      <c r="A33840" t="s">
        <v>20963</v>
      </c>
      <c r="B33840" t="s">
        <v>20964</v>
      </c>
      <c r="C33840" t="s">
        <v>20817</v>
      </c>
      <c r="D33840" t="s">
        <v>20818</v>
      </c>
      <c r="E33840" t="s">
        <v>20787</v>
      </c>
      <c r="F33840" t="s">
        <v>20788</v>
      </c>
      <c r="G33840" t="s">
        <v>20255</v>
      </c>
      <c r="H33840" t="s">
        <v>20256</v>
      </c>
      <c r="I33840" s="2">
        <v>1</v>
      </c>
      <c r="J33840" s="2">
        <v>0</v>
      </c>
      <c r="K33840" s="2">
        <v>0</v>
      </c>
      <c r="L33840" t="s">
        <v>120</v>
      </c>
      <c r="M33840" t="s">
        <v>89</v>
      </c>
      <c r="N33840" t="s">
        <v>90</v>
      </c>
      <c r="O33840" t="s">
        <v>85</v>
      </c>
      <c r="P33840" t="s">
        <v>86</v>
      </c>
      <c r="Q33840">
        <v>80</v>
      </c>
      <c r="R33840">
        <v>82</v>
      </c>
      <c r="S33840">
        <v>85</v>
      </c>
      <c r="T33840">
        <v>88</v>
      </c>
      <c r="U33840">
        <v>90</v>
      </c>
      <c r="V33840">
        <v>93</v>
      </c>
      <c r="W33840">
        <v>95</v>
      </c>
      <c r="X33840">
        <v>97</v>
      </c>
      <c r="Y33840">
        <v>100</v>
      </c>
      <c r="Z33840">
        <v>102</v>
      </c>
      <c r="AA33840">
        <v>105</v>
      </c>
      <c r="AB33840">
        <v>107</v>
      </c>
      <c r="AC33840">
        <v>110</v>
      </c>
      <c r="AD33840">
        <v>112</v>
      </c>
      <c r="AE33840">
        <v>114</v>
      </c>
      <c r="AF33840">
        <v>116</v>
      </c>
      <c r="AG33840">
        <v>117</v>
      </c>
      <c r="AH33840">
        <v>118</v>
      </c>
      <c r="AI33840">
        <v>120</v>
      </c>
      <c r="AJ33840">
        <v>121</v>
      </c>
      <c r="AK33840">
        <v>122</v>
      </c>
      <c r="AL33840">
        <v>124</v>
      </c>
      <c r="AM33840">
        <v>125</v>
      </c>
      <c r="AN33840">
        <v>127</v>
      </c>
      <c r="AO33840">
        <v>128</v>
      </c>
      <c r="AP33840">
        <v>130</v>
      </c>
      <c r="AQ33840">
        <v>131</v>
      </c>
    </row>
    <row r="33841" spans="1:43">
      <c r="A33841" t="s">
        <v>20963</v>
      </c>
      <c r="B33841" t="s">
        <v>20964</v>
      </c>
      <c r="C33841" t="s">
        <v>20817</v>
      </c>
      <c r="D33841" t="s">
        <v>20818</v>
      </c>
      <c r="E33841" t="s">
        <v>20787</v>
      </c>
      <c r="F33841" t="s">
        <v>20788</v>
      </c>
      <c r="G33841" t="s">
        <v>20255</v>
      </c>
      <c r="H33841" t="s">
        <v>20256</v>
      </c>
      <c r="I33841" s="2">
        <v>1</v>
      </c>
      <c r="J33841" s="2">
        <v>0</v>
      </c>
      <c r="K33841" s="2">
        <v>0</v>
      </c>
      <c r="L33841" t="s">
        <v>120</v>
      </c>
      <c r="M33841" t="s">
        <v>83</v>
      </c>
      <c r="N33841" t="s">
        <v>91</v>
      </c>
      <c r="O33841" t="s">
        <v>85</v>
      </c>
      <c r="P33841" t="s">
        <v>86</v>
      </c>
      <c r="Q33841">
        <v>80</v>
      </c>
      <c r="R33841">
        <v>82</v>
      </c>
      <c r="S33841">
        <v>84</v>
      </c>
      <c r="T33841">
        <v>86</v>
      </c>
      <c r="U33841">
        <v>88</v>
      </c>
      <c r="V33841">
        <v>90</v>
      </c>
      <c r="W33841">
        <v>92</v>
      </c>
      <c r="X33841">
        <v>93</v>
      </c>
      <c r="Y33841">
        <v>95</v>
      </c>
      <c r="Z33841">
        <v>97</v>
      </c>
      <c r="AA33841">
        <v>99</v>
      </c>
      <c r="AB33841">
        <v>101</v>
      </c>
      <c r="AC33841">
        <v>103</v>
      </c>
      <c r="AD33841">
        <v>106</v>
      </c>
      <c r="AE33841">
        <v>108</v>
      </c>
      <c r="AF33841">
        <v>110</v>
      </c>
      <c r="AG33841">
        <v>112</v>
      </c>
      <c r="AH33841">
        <v>114</v>
      </c>
      <c r="AI33841">
        <v>117</v>
      </c>
      <c r="AJ33841">
        <v>119</v>
      </c>
      <c r="AK33841">
        <v>121</v>
      </c>
      <c r="AL33841">
        <v>123</v>
      </c>
      <c r="AM33841">
        <v>124</v>
      </c>
      <c r="AN33841">
        <v>126</v>
      </c>
      <c r="AO33841">
        <v>127</v>
      </c>
      <c r="AP33841">
        <v>129</v>
      </c>
      <c r="AQ33841">
        <v>130</v>
      </c>
    </row>
    <row r="33842" spans="1:43">
      <c r="A33842" t="s">
        <v>20965</v>
      </c>
      <c r="B33842" t="s">
        <v>20966</v>
      </c>
      <c r="C33842" t="s">
        <v>20893</v>
      </c>
      <c r="D33842" t="s">
        <v>20894</v>
      </c>
      <c r="E33842" t="s">
        <v>20787</v>
      </c>
      <c r="F33842" t="s">
        <v>20788</v>
      </c>
      <c r="G33842" t="s">
        <v>20255</v>
      </c>
      <c r="H33842" t="s">
        <v>20256</v>
      </c>
      <c r="I33842" s="2">
        <v>1</v>
      </c>
      <c r="J33842" s="2">
        <v>0</v>
      </c>
      <c r="K33842" s="2">
        <v>0</v>
      </c>
      <c r="L33842" t="s">
        <v>120</v>
      </c>
      <c r="M33842" t="s">
        <v>83</v>
      </c>
      <c r="N33842" t="s">
        <v>84</v>
      </c>
      <c r="O33842" t="s">
        <v>85</v>
      </c>
      <c r="P33842" t="s">
        <v>86</v>
      </c>
      <c r="Q33842">
        <v>34</v>
      </c>
      <c r="R33842">
        <v>35</v>
      </c>
      <c r="S33842">
        <v>35</v>
      </c>
      <c r="T33842">
        <v>36</v>
      </c>
      <c r="U33842">
        <v>36</v>
      </c>
      <c r="V33842">
        <v>37</v>
      </c>
      <c r="W33842">
        <v>37</v>
      </c>
      <c r="X33842">
        <v>38</v>
      </c>
      <c r="Y33842">
        <v>38</v>
      </c>
      <c r="Z33842">
        <v>39</v>
      </c>
      <c r="AA33842">
        <v>39</v>
      </c>
      <c r="AB33842">
        <v>40</v>
      </c>
      <c r="AC33842">
        <v>40</v>
      </c>
      <c r="AD33842">
        <v>41</v>
      </c>
      <c r="AE33842">
        <v>41</v>
      </c>
      <c r="AF33842">
        <v>42</v>
      </c>
      <c r="AG33842">
        <v>42</v>
      </c>
      <c r="AH33842">
        <v>43</v>
      </c>
      <c r="AI33842">
        <v>43</v>
      </c>
      <c r="AJ33842">
        <v>44</v>
      </c>
      <c r="AK33842">
        <v>44</v>
      </c>
      <c r="AL33842">
        <v>44</v>
      </c>
      <c r="AM33842">
        <v>45</v>
      </c>
      <c r="AN33842">
        <v>45</v>
      </c>
      <c r="AO33842">
        <v>45</v>
      </c>
      <c r="AP33842">
        <v>45</v>
      </c>
      <c r="AQ33842">
        <v>45</v>
      </c>
    </row>
    <row r="33843" spans="1:43">
      <c r="A33843" t="s">
        <v>20965</v>
      </c>
      <c r="B33843" t="s">
        <v>20966</v>
      </c>
      <c r="C33843" t="s">
        <v>20893</v>
      </c>
      <c r="D33843" t="s">
        <v>20894</v>
      </c>
      <c r="E33843" t="s">
        <v>20787</v>
      </c>
      <c r="F33843" t="s">
        <v>20788</v>
      </c>
      <c r="G33843" t="s">
        <v>20255</v>
      </c>
      <c r="H33843" t="s">
        <v>20256</v>
      </c>
      <c r="I33843" s="2">
        <v>1</v>
      </c>
      <c r="J33843" s="2">
        <v>0</v>
      </c>
      <c r="K33843" s="2">
        <v>0</v>
      </c>
      <c r="L33843" t="s">
        <v>120</v>
      </c>
      <c r="M33843" t="s">
        <v>87</v>
      </c>
      <c r="N33843" t="s">
        <v>88</v>
      </c>
      <c r="O33843" t="s">
        <v>85</v>
      </c>
      <c r="P33843" t="s">
        <v>86</v>
      </c>
      <c r="Q33843">
        <v>34</v>
      </c>
      <c r="R33843">
        <v>34</v>
      </c>
      <c r="S33843">
        <v>34</v>
      </c>
      <c r="T33843">
        <v>34</v>
      </c>
      <c r="U33843">
        <v>35</v>
      </c>
      <c r="V33843">
        <v>35</v>
      </c>
      <c r="W33843">
        <v>35</v>
      </c>
      <c r="X33843">
        <v>35</v>
      </c>
      <c r="Y33843">
        <v>35</v>
      </c>
      <c r="Z33843">
        <v>36</v>
      </c>
      <c r="AA33843">
        <v>36</v>
      </c>
      <c r="AB33843">
        <v>36</v>
      </c>
      <c r="AC33843">
        <v>36</v>
      </c>
      <c r="AD33843">
        <v>36</v>
      </c>
      <c r="AE33843">
        <v>36</v>
      </c>
      <c r="AF33843">
        <v>37</v>
      </c>
      <c r="AG33843">
        <v>37</v>
      </c>
      <c r="AH33843">
        <v>37</v>
      </c>
      <c r="AI33843">
        <v>37</v>
      </c>
      <c r="AJ33843">
        <v>37</v>
      </c>
      <c r="AK33843">
        <v>38</v>
      </c>
      <c r="AL33843">
        <v>38</v>
      </c>
      <c r="AM33843">
        <v>38</v>
      </c>
      <c r="AN33843">
        <v>38</v>
      </c>
      <c r="AO33843">
        <v>38</v>
      </c>
      <c r="AP33843">
        <v>39</v>
      </c>
      <c r="AQ33843">
        <v>39</v>
      </c>
    </row>
    <row r="33844" spans="1:43">
      <c r="A33844" t="s">
        <v>20965</v>
      </c>
      <c r="B33844" t="s">
        <v>20966</v>
      </c>
      <c r="C33844" t="s">
        <v>20893</v>
      </c>
      <c r="D33844" t="s">
        <v>20894</v>
      </c>
      <c r="E33844" t="s">
        <v>20787</v>
      </c>
      <c r="F33844" t="s">
        <v>20788</v>
      </c>
      <c r="G33844" t="s">
        <v>20255</v>
      </c>
      <c r="H33844" t="s">
        <v>20256</v>
      </c>
      <c r="I33844" s="2">
        <v>1</v>
      </c>
      <c r="J33844" s="2">
        <v>0</v>
      </c>
      <c r="K33844" s="2">
        <v>0</v>
      </c>
      <c r="L33844" t="s">
        <v>120</v>
      </c>
      <c r="M33844" t="s">
        <v>89</v>
      </c>
      <c r="N33844" t="s">
        <v>90</v>
      </c>
      <c r="O33844" t="s">
        <v>85</v>
      </c>
      <c r="P33844" t="s">
        <v>86</v>
      </c>
      <c r="Q33844">
        <v>34</v>
      </c>
      <c r="R33844">
        <v>34</v>
      </c>
      <c r="S33844">
        <v>35</v>
      </c>
      <c r="T33844">
        <v>36</v>
      </c>
      <c r="U33844">
        <v>37</v>
      </c>
      <c r="V33844">
        <v>37</v>
      </c>
      <c r="W33844">
        <v>38</v>
      </c>
      <c r="X33844">
        <v>39</v>
      </c>
      <c r="Y33844">
        <v>39</v>
      </c>
      <c r="Z33844">
        <v>40</v>
      </c>
      <c r="AA33844">
        <v>41</v>
      </c>
      <c r="AB33844">
        <v>41</v>
      </c>
      <c r="AC33844">
        <v>42</v>
      </c>
      <c r="AD33844">
        <v>43</v>
      </c>
      <c r="AE33844">
        <v>43</v>
      </c>
      <c r="AF33844">
        <v>43</v>
      </c>
      <c r="AG33844">
        <v>43</v>
      </c>
      <c r="AH33844">
        <v>44</v>
      </c>
      <c r="AI33844">
        <v>44</v>
      </c>
      <c r="AJ33844">
        <v>44</v>
      </c>
      <c r="AK33844">
        <v>44</v>
      </c>
      <c r="AL33844">
        <v>44</v>
      </c>
      <c r="AM33844">
        <v>44</v>
      </c>
      <c r="AN33844">
        <v>44</v>
      </c>
      <c r="AO33844">
        <v>45</v>
      </c>
      <c r="AP33844">
        <v>45</v>
      </c>
      <c r="AQ33844">
        <v>45</v>
      </c>
    </row>
    <row r="33845" spans="1:43">
      <c r="A33845" t="s">
        <v>20965</v>
      </c>
      <c r="B33845" t="s">
        <v>20966</v>
      </c>
      <c r="C33845" t="s">
        <v>20893</v>
      </c>
      <c r="D33845" t="s">
        <v>20894</v>
      </c>
      <c r="E33845" t="s">
        <v>20787</v>
      </c>
      <c r="F33845" t="s">
        <v>20788</v>
      </c>
      <c r="G33845" t="s">
        <v>20255</v>
      </c>
      <c r="H33845" t="s">
        <v>20256</v>
      </c>
      <c r="I33845" s="2">
        <v>1</v>
      </c>
      <c r="J33845" s="2">
        <v>0</v>
      </c>
      <c r="K33845" s="2">
        <v>0</v>
      </c>
      <c r="L33845" t="s">
        <v>120</v>
      </c>
      <c r="M33845" t="s">
        <v>83</v>
      </c>
      <c r="N33845" t="s">
        <v>91</v>
      </c>
      <c r="O33845" t="s">
        <v>85</v>
      </c>
      <c r="P33845" t="s">
        <v>86</v>
      </c>
      <c r="Q33845">
        <v>34</v>
      </c>
      <c r="R33845">
        <v>35</v>
      </c>
      <c r="S33845">
        <v>35</v>
      </c>
      <c r="T33845">
        <v>36</v>
      </c>
      <c r="U33845">
        <v>36</v>
      </c>
      <c r="V33845">
        <v>37</v>
      </c>
      <c r="W33845">
        <v>37</v>
      </c>
      <c r="X33845">
        <v>38</v>
      </c>
      <c r="Y33845">
        <v>38</v>
      </c>
      <c r="Z33845">
        <v>39</v>
      </c>
      <c r="AA33845">
        <v>39</v>
      </c>
      <c r="AB33845">
        <v>40</v>
      </c>
      <c r="AC33845">
        <v>40</v>
      </c>
      <c r="AD33845">
        <v>41</v>
      </c>
      <c r="AE33845">
        <v>41</v>
      </c>
      <c r="AF33845">
        <v>42</v>
      </c>
      <c r="AG33845">
        <v>42</v>
      </c>
      <c r="AH33845">
        <v>43</v>
      </c>
      <c r="AI33845">
        <v>43</v>
      </c>
      <c r="AJ33845">
        <v>44</v>
      </c>
      <c r="AK33845">
        <v>44</v>
      </c>
      <c r="AL33845">
        <v>44</v>
      </c>
      <c r="AM33845">
        <v>45</v>
      </c>
      <c r="AN33845">
        <v>45</v>
      </c>
      <c r="AO33845">
        <v>45</v>
      </c>
      <c r="AP33845">
        <v>45</v>
      </c>
      <c r="AQ33845">
        <v>45</v>
      </c>
    </row>
    <row r="33846" spans="1:43">
      <c r="A33846" t="s">
        <v>20967</v>
      </c>
      <c r="B33846" t="s">
        <v>20968</v>
      </c>
      <c r="C33846" t="s">
        <v>20893</v>
      </c>
      <c r="D33846" t="s">
        <v>20894</v>
      </c>
      <c r="E33846" t="s">
        <v>20787</v>
      </c>
      <c r="F33846" t="s">
        <v>20788</v>
      </c>
      <c r="G33846" t="s">
        <v>20255</v>
      </c>
      <c r="H33846" t="s">
        <v>20256</v>
      </c>
      <c r="I33846" s="2">
        <v>1</v>
      </c>
      <c r="J33846" s="2">
        <v>0</v>
      </c>
      <c r="K33846" s="2">
        <v>0</v>
      </c>
      <c r="L33846" t="s">
        <v>120</v>
      </c>
      <c r="M33846" t="s">
        <v>83</v>
      </c>
      <c r="N33846" t="s">
        <v>84</v>
      </c>
      <c r="O33846" t="s">
        <v>85</v>
      </c>
      <c r="P33846" t="s">
        <v>86</v>
      </c>
      <c r="Q33846">
        <v>33</v>
      </c>
      <c r="R33846">
        <v>34</v>
      </c>
      <c r="S33846">
        <v>35</v>
      </c>
      <c r="T33846">
        <v>35</v>
      </c>
      <c r="U33846">
        <v>36</v>
      </c>
      <c r="V33846">
        <v>37</v>
      </c>
      <c r="W33846">
        <v>38</v>
      </c>
      <c r="X33846">
        <v>38</v>
      </c>
      <c r="Y33846">
        <v>39</v>
      </c>
      <c r="Z33846">
        <v>40</v>
      </c>
      <c r="AA33846">
        <v>41</v>
      </c>
      <c r="AB33846">
        <v>41</v>
      </c>
      <c r="AC33846">
        <v>42</v>
      </c>
      <c r="AD33846">
        <v>43</v>
      </c>
      <c r="AE33846">
        <v>44</v>
      </c>
      <c r="AF33846">
        <v>45</v>
      </c>
      <c r="AG33846">
        <v>46</v>
      </c>
      <c r="AH33846">
        <v>47</v>
      </c>
      <c r="AI33846">
        <v>48</v>
      </c>
      <c r="AJ33846">
        <v>49</v>
      </c>
      <c r="AK33846">
        <v>49</v>
      </c>
      <c r="AL33846">
        <v>50</v>
      </c>
      <c r="AM33846">
        <v>51</v>
      </c>
      <c r="AN33846">
        <v>51</v>
      </c>
      <c r="AO33846">
        <v>52</v>
      </c>
      <c r="AP33846">
        <v>52</v>
      </c>
      <c r="AQ33846">
        <v>53</v>
      </c>
    </row>
    <row r="33847" spans="1:43">
      <c r="A33847" t="s">
        <v>20967</v>
      </c>
      <c r="B33847" t="s">
        <v>20968</v>
      </c>
      <c r="C33847" t="s">
        <v>20893</v>
      </c>
      <c r="D33847" t="s">
        <v>20894</v>
      </c>
      <c r="E33847" t="s">
        <v>20787</v>
      </c>
      <c r="F33847" t="s">
        <v>20788</v>
      </c>
      <c r="G33847" t="s">
        <v>20255</v>
      </c>
      <c r="H33847" t="s">
        <v>20256</v>
      </c>
      <c r="I33847" s="2">
        <v>1</v>
      </c>
      <c r="J33847" s="2">
        <v>0</v>
      </c>
      <c r="K33847" s="2">
        <v>0</v>
      </c>
      <c r="L33847" t="s">
        <v>120</v>
      </c>
      <c r="M33847" t="s">
        <v>87</v>
      </c>
      <c r="N33847" t="s">
        <v>88</v>
      </c>
      <c r="O33847" t="s">
        <v>85</v>
      </c>
      <c r="P33847" t="s">
        <v>86</v>
      </c>
      <c r="Q33847">
        <v>33</v>
      </c>
      <c r="R33847">
        <v>33</v>
      </c>
      <c r="S33847">
        <v>34</v>
      </c>
      <c r="T33847">
        <v>34</v>
      </c>
      <c r="U33847">
        <v>34</v>
      </c>
      <c r="V33847">
        <v>35</v>
      </c>
      <c r="W33847">
        <v>35</v>
      </c>
      <c r="X33847">
        <v>36</v>
      </c>
      <c r="Y33847">
        <v>36</v>
      </c>
      <c r="Z33847">
        <v>37</v>
      </c>
      <c r="AA33847">
        <v>37</v>
      </c>
      <c r="AB33847">
        <v>37</v>
      </c>
      <c r="AC33847">
        <v>38</v>
      </c>
      <c r="AD33847">
        <v>38</v>
      </c>
      <c r="AE33847">
        <v>39</v>
      </c>
      <c r="AF33847">
        <v>39</v>
      </c>
      <c r="AG33847">
        <v>40</v>
      </c>
      <c r="AH33847">
        <v>40</v>
      </c>
      <c r="AI33847">
        <v>41</v>
      </c>
      <c r="AJ33847">
        <v>41</v>
      </c>
      <c r="AK33847">
        <v>42</v>
      </c>
      <c r="AL33847">
        <v>43</v>
      </c>
      <c r="AM33847">
        <v>43</v>
      </c>
      <c r="AN33847">
        <v>44</v>
      </c>
      <c r="AO33847">
        <v>44</v>
      </c>
      <c r="AP33847">
        <v>45</v>
      </c>
      <c r="AQ33847">
        <v>45</v>
      </c>
    </row>
    <row r="33848" spans="1:43">
      <c r="A33848" t="s">
        <v>20967</v>
      </c>
      <c r="B33848" t="s">
        <v>20968</v>
      </c>
      <c r="C33848" t="s">
        <v>20893</v>
      </c>
      <c r="D33848" t="s">
        <v>20894</v>
      </c>
      <c r="E33848" t="s">
        <v>20787</v>
      </c>
      <c r="F33848" t="s">
        <v>20788</v>
      </c>
      <c r="G33848" t="s">
        <v>20255</v>
      </c>
      <c r="H33848" t="s">
        <v>20256</v>
      </c>
      <c r="I33848" s="2">
        <v>1</v>
      </c>
      <c r="J33848" s="2">
        <v>0</v>
      </c>
      <c r="K33848" s="2">
        <v>0</v>
      </c>
      <c r="L33848" t="s">
        <v>120</v>
      </c>
      <c r="M33848" t="s">
        <v>89</v>
      </c>
      <c r="N33848" t="s">
        <v>90</v>
      </c>
      <c r="O33848" t="s">
        <v>85</v>
      </c>
      <c r="P33848" t="s">
        <v>86</v>
      </c>
      <c r="Q33848">
        <v>33</v>
      </c>
      <c r="R33848">
        <v>34</v>
      </c>
      <c r="S33848">
        <v>35</v>
      </c>
      <c r="T33848">
        <v>36</v>
      </c>
      <c r="U33848">
        <v>37</v>
      </c>
      <c r="V33848">
        <v>38</v>
      </c>
      <c r="W33848">
        <v>39</v>
      </c>
      <c r="X33848">
        <v>40</v>
      </c>
      <c r="Y33848">
        <v>41</v>
      </c>
      <c r="Z33848">
        <v>42</v>
      </c>
      <c r="AA33848">
        <v>43</v>
      </c>
      <c r="AB33848">
        <v>44</v>
      </c>
      <c r="AC33848">
        <v>45</v>
      </c>
      <c r="AD33848">
        <v>46</v>
      </c>
      <c r="AE33848">
        <v>47</v>
      </c>
      <c r="AF33848">
        <v>48</v>
      </c>
      <c r="AG33848">
        <v>48</v>
      </c>
      <c r="AH33848">
        <v>49</v>
      </c>
      <c r="AI33848">
        <v>49</v>
      </c>
      <c r="AJ33848">
        <v>50</v>
      </c>
      <c r="AK33848">
        <v>50</v>
      </c>
      <c r="AL33848">
        <v>51</v>
      </c>
      <c r="AM33848">
        <v>51</v>
      </c>
      <c r="AN33848">
        <v>52</v>
      </c>
      <c r="AO33848">
        <v>52</v>
      </c>
      <c r="AP33848">
        <v>53</v>
      </c>
      <c r="AQ33848">
        <v>54</v>
      </c>
    </row>
    <row r="33849" spans="1:43">
      <c r="A33849" t="s">
        <v>20967</v>
      </c>
      <c r="B33849" t="s">
        <v>20968</v>
      </c>
      <c r="C33849" t="s">
        <v>20893</v>
      </c>
      <c r="D33849" t="s">
        <v>20894</v>
      </c>
      <c r="E33849" t="s">
        <v>20787</v>
      </c>
      <c r="F33849" t="s">
        <v>20788</v>
      </c>
      <c r="G33849" t="s">
        <v>20255</v>
      </c>
      <c r="H33849" t="s">
        <v>20256</v>
      </c>
      <c r="I33849" s="2">
        <v>1</v>
      </c>
      <c r="J33849" s="2">
        <v>0</v>
      </c>
      <c r="K33849" s="2">
        <v>0</v>
      </c>
      <c r="L33849" t="s">
        <v>120</v>
      </c>
      <c r="M33849" t="s">
        <v>83</v>
      </c>
      <c r="N33849" t="s">
        <v>91</v>
      </c>
      <c r="O33849" t="s">
        <v>85</v>
      </c>
      <c r="P33849" t="s">
        <v>86</v>
      </c>
      <c r="Q33849">
        <v>33</v>
      </c>
      <c r="R33849">
        <v>34</v>
      </c>
      <c r="S33849">
        <v>35</v>
      </c>
      <c r="T33849">
        <v>35</v>
      </c>
      <c r="U33849">
        <v>36</v>
      </c>
      <c r="V33849">
        <v>37</v>
      </c>
      <c r="W33849">
        <v>38</v>
      </c>
      <c r="X33849">
        <v>38</v>
      </c>
      <c r="Y33849">
        <v>39</v>
      </c>
      <c r="Z33849">
        <v>40</v>
      </c>
      <c r="AA33849">
        <v>41</v>
      </c>
      <c r="AB33849">
        <v>41</v>
      </c>
      <c r="AC33849">
        <v>42</v>
      </c>
      <c r="AD33849">
        <v>43</v>
      </c>
      <c r="AE33849">
        <v>44</v>
      </c>
      <c r="AF33849">
        <v>45</v>
      </c>
      <c r="AG33849">
        <v>46</v>
      </c>
      <c r="AH33849">
        <v>47</v>
      </c>
      <c r="AI33849">
        <v>48</v>
      </c>
      <c r="AJ33849">
        <v>49</v>
      </c>
      <c r="AK33849">
        <v>49</v>
      </c>
      <c r="AL33849">
        <v>50</v>
      </c>
      <c r="AM33849">
        <v>51</v>
      </c>
      <c r="AN33849">
        <v>51</v>
      </c>
      <c r="AO33849">
        <v>52</v>
      </c>
      <c r="AP33849">
        <v>52</v>
      </c>
      <c r="AQ33849">
        <v>53</v>
      </c>
    </row>
    <row r="33850" spans="1:43">
      <c r="A33850" t="s">
        <v>20969</v>
      </c>
      <c r="B33850" t="s">
        <v>20970</v>
      </c>
      <c r="C33850" t="s">
        <v>20893</v>
      </c>
      <c r="D33850" t="s">
        <v>20894</v>
      </c>
      <c r="E33850" t="s">
        <v>20787</v>
      </c>
      <c r="F33850" t="s">
        <v>20788</v>
      </c>
      <c r="G33850" t="s">
        <v>20255</v>
      </c>
      <c r="H33850" t="s">
        <v>20256</v>
      </c>
      <c r="I33850" s="2">
        <v>1</v>
      </c>
      <c r="J33850" s="2">
        <v>0</v>
      </c>
      <c r="K33850" s="2">
        <v>0</v>
      </c>
      <c r="L33850" t="s">
        <v>120</v>
      </c>
      <c r="M33850" t="s">
        <v>83</v>
      </c>
      <c r="N33850" t="s">
        <v>84</v>
      </c>
      <c r="O33850" t="s">
        <v>85</v>
      </c>
      <c r="P33850" t="s">
        <v>86</v>
      </c>
      <c r="Q33850">
        <v>19</v>
      </c>
      <c r="R33850">
        <v>19</v>
      </c>
      <c r="S33850">
        <v>20</v>
      </c>
      <c r="T33850">
        <v>20</v>
      </c>
      <c r="U33850">
        <v>20</v>
      </c>
      <c r="V33850">
        <v>20</v>
      </c>
      <c r="W33850">
        <v>21</v>
      </c>
      <c r="X33850">
        <v>21</v>
      </c>
      <c r="Y33850">
        <v>21</v>
      </c>
      <c r="Z33850">
        <v>21</v>
      </c>
      <c r="AA33850">
        <v>22</v>
      </c>
      <c r="AB33850">
        <v>22</v>
      </c>
      <c r="AC33850">
        <v>22</v>
      </c>
      <c r="AD33850">
        <v>23</v>
      </c>
      <c r="AE33850">
        <v>23</v>
      </c>
      <c r="AF33850">
        <v>23</v>
      </c>
      <c r="AG33850">
        <v>23</v>
      </c>
      <c r="AH33850">
        <v>24</v>
      </c>
      <c r="AI33850">
        <v>24</v>
      </c>
      <c r="AJ33850">
        <v>24</v>
      </c>
      <c r="AK33850">
        <v>25</v>
      </c>
      <c r="AL33850">
        <v>25</v>
      </c>
      <c r="AM33850">
        <v>25</v>
      </c>
      <c r="AN33850">
        <v>25</v>
      </c>
      <c r="AO33850">
        <v>25</v>
      </c>
      <c r="AP33850">
        <v>25</v>
      </c>
      <c r="AQ33850">
        <v>25</v>
      </c>
    </row>
    <row r="33851" spans="1:43">
      <c r="A33851" t="s">
        <v>20969</v>
      </c>
      <c r="B33851" t="s">
        <v>20970</v>
      </c>
      <c r="C33851" t="s">
        <v>20893</v>
      </c>
      <c r="D33851" t="s">
        <v>20894</v>
      </c>
      <c r="E33851" t="s">
        <v>20787</v>
      </c>
      <c r="F33851" t="s">
        <v>20788</v>
      </c>
      <c r="G33851" t="s">
        <v>20255</v>
      </c>
      <c r="H33851" t="s">
        <v>20256</v>
      </c>
      <c r="I33851" s="2">
        <v>1</v>
      </c>
      <c r="J33851" s="2">
        <v>0</v>
      </c>
      <c r="K33851" s="2">
        <v>0</v>
      </c>
      <c r="L33851" t="s">
        <v>120</v>
      </c>
      <c r="M33851" t="s">
        <v>87</v>
      </c>
      <c r="N33851" t="s">
        <v>88</v>
      </c>
      <c r="O33851" t="s">
        <v>85</v>
      </c>
      <c r="P33851" t="s">
        <v>86</v>
      </c>
      <c r="Q33851">
        <v>19</v>
      </c>
      <c r="R33851">
        <v>19</v>
      </c>
      <c r="S33851">
        <v>19</v>
      </c>
      <c r="T33851">
        <v>19</v>
      </c>
      <c r="U33851">
        <v>19</v>
      </c>
      <c r="V33851">
        <v>19</v>
      </c>
      <c r="W33851">
        <v>19</v>
      </c>
      <c r="X33851">
        <v>19</v>
      </c>
      <c r="Y33851">
        <v>20</v>
      </c>
      <c r="Z33851">
        <v>20</v>
      </c>
      <c r="AA33851">
        <v>20</v>
      </c>
      <c r="AB33851">
        <v>20</v>
      </c>
      <c r="AC33851">
        <v>20</v>
      </c>
      <c r="AD33851">
        <v>20</v>
      </c>
      <c r="AE33851">
        <v>20</v>
      </c>
      <c r="AF33851">
        <v>20</v>
      </c>
      <c r="AG33851">
        <v>20</v>
      </c>
      <c r="AH33851">
        <v>21</v>
      </c>
      <c r="AI33851">
        <v>21</v>
      </c>
      <c r="AJ33851">
        <v>21</v>
      </c>
      <c r="AK33851">
        <v>21</v>
      </c>
      <c r="AL33851">
        <v>21</v>
      </c>
      <c r="AM33851">
        <v>21</v>
      </c>
      <c r="AN33851">
        <v>21</v>
      </c>
      <c r="AO33851">
        <v>21</v>
      </c>
      <c r="AP33851">
        <v>21</v>
      </c>
      <c r="AQ33851">
        <v>22</v>
      </c>
    </row>
    <row r="33852" spans="1:43">
      <c r="A33852" t="s">
        <v>20969</v>
      </c>
      <c r="B33852" t="s">
        <v>20970</v>
      </c>
      <c r="C33852" t="s">
        <v>20893</v>
      </c>
      <c r="D33852" t="s">
        <v>20894</v>
      </c>
      <c r="E33852" t="s">
        <v>20787</v>
      </c>
      <c r="F33852" t="s">
        <v>20788</v>
      </c>
      <c r="G33852" t="s">
        <v>20255</v>
      </c>
      <c r="H33852" t="s">
        <v>20256</v>
      </c>
      <c r="I33852" s="2">
        <v>1</v>
      </c>
      <c r="J33852" s="2">
        <v>0</v>
      </c>
      <c r="K33852" s="2">
        <v>0</v>
      </c>
      <c r="L33852" t="s">
        <v>120</v>
      </c>
      <c r="M33852" t="s">
        <v>89</v>
      </c>
      <c r="N33852" t="s">
        <v>90</v>
      </c>
      <c r="O33852" t="s">
        <v>85</v>
      </c>
      <c r="P33852" t="s">
        <v>86</v>
      </c>
      <c r="Q33852">
        <v>19</v>
      </c>
      <c r="R33852">
        <v>20</v>
      </c>
      <c r="S33852">
        <v>20</v>
      </c>
      <c r="T33852">
        <v>20</v>
      </c>
      <c r="U33852">
        <v>21</v>
      </c>
      <c r="V33852">
        <v>21</v>
      </c>
      <c r="W33852">
        <v>22</v>
      </c>
      <c r="X33852">
        <v>22</v>
      </c>
      <c r="Y33852">
        <v>22</v>
      </c>
      <c r="Z33852">
        <v>23</v>
      </c>
      <c r="AA33852">
        <v>23</v>
      </c>
      <c r="AB33852">
        <v>24</v>
      </c>
      <c r="AC33852">
        <v>24</v>
      </c>
      <c r="AD33852">
        <v>24</v>
      </c>
      <c r="AE33852">
        <v>25</v>
      </c>
      <c r="AF33852">
        <v>25</v>
      </c>
      <c r="AG33852">
        <v>25</v>
      </c>
      <c r="AH33852">
        <v>25</v>
      </c>
      <c r="AI33852">
        <v>25</v>
      </c>
      <c r="AJ33852">
        <v>25</v>
      </c>
      <c r="AK33852">
        <v>25</v>
      </c>
      <c r="AL33852">
        <v>25</v>
      </c>
      <c r="AM33852">
        <v>25</v>
      </c>
      <c r="AN33852">
        <v>25</v>
      </c>
      <c r="AO33852">
        <v>25</v>
      </c>
      <c r="AP33852">
        <v>25</v>
      </c>
      <c r="AQ33852">
        <v>26</v>
      </c>
    </row>
    <row r="33853" spans="1:43">
      <c r="A33853" t="s">
        <v>20969</v>
      </c>
      <c r="B33853" t="s">
        <v>20970</v>
      </c>
      <c r="C33853" t="s">
        <v>20893</v>
      </c>
      <c r="D33853" t="s">
        <v>20894</v>
      </c>
      <c r="E33853" t="s">
        <v>20787</v>
      </c>
      <c r="F33853" t="s">
        <v>20788</v>
      </c>
      <c r="G33853" t="s">
        <v>20255</v>
      </c>
      <c r="H33853" t="s">
        <v>20256</v>
      </c>
      <c r="I33853" s="2">
        <v>1</v>
      </c>
      <c r="J33853" s="2">
        <v>0</v>
      </c>
      <c r="K33853" s="2">
        <v>0</v>
      </c>
      <c r="L33853" t="s">
        <v>120</v>
      </c>
      <c r="M33853" t="s">
        <v>83</v>
      </c>
      <c r="N33853" t="s">
        <v>91</v>
      </c>
      <c r="O33853" t="s">
        <v>85</v>
      </c>
      <c r="P33853" t="s">
        <v>86</v>
      </c>
      <c r="Q33853">
        <v>19</v>
      </c>
      <c r="R33853">
        <v>19</v>
      </c>
      <c r="S33853">
        <v>20</v>
      </c>
      <c r="T33853">
        <v>20</v>
      </c>
      <c r="U33853">
        <v>20</v>
      </c>
      <c r="V33853">
        <v>20</v>
      </c>
      <c r="W33853">
        <v>21</v>
      </c>
      <c r="X33853">
        <v>21</v>
      </c>
      <c r="Y33853">
        <v>21</v>
      </c>
      <c r="Z33853">
        <v>21</v>
      </c>
      <c r="AA33853">
        <v>22</v>
      </c>
      <c r="AB33853">
        <v>22</v>
      </c>
      <c r="AC33853">
        <v>22</v>
      </c>
      <c r="AD33853">
        <v>23</v>
      </c>
      <c r="AE33853">
        <v>23</v>
      </c>
      <c r="AF33853">
        <v>23</v>
      </c>
      <c r="AG33853">
        <v>23</v>
      </c>
      <c r="AH33853">
        <v>24</v>
      </c>
      <c r="AI33853">
        <v>24</v>
      </c>
      <c r="AJ33853">
        <v>24</v>
      </c>
      <c r="AK33853">
        <v>25</v>
      </c>
      <c r="AL33853">
        <v>25</v>
      </c>
      <c r="AM33853">
        <v>25</v>
      </c>
      <c r="AN33853">
        <v>25</v>
      </c>
      <c r="AO33853">
        <v>25</v>
      </c>
      <c r="AP33853">
        <v>25</v>
      </c>
      <c r="AQ33853">
        <v>25</v>
      </c>
    </row>
    <row r="33854" spans="1:43">
      <c r="A33854" t="s">
        <v>20971</v>
      </c>
      <c r="B33854" t="s">
        <v>20972</v>
      </c>
      <c r="C33854" t="s">
        <v>20921</v>
      </c>
      <c r="D33854" t="s">
        <v>20922</v>
      </c>
      <c r="E33854" t="s">
        <v>20787</v>
      </c>
      <c r="F33854" t="s">
        <v>20788</v>
      </c>
      <c r="G33854" t="s">
        <v>20255</v>
      </c>
      <c r="H33854" t="s">
        <v>20256</v>
      </c>
      <c r="I33854" s="2">
        <v>1</v>
      </c>
      <c r="J33854" s="2">
        <v>0</v>
      </c>
      <c r="K33854" s="2">
        <v>0</v>
      </c>
      <c r="L33854" t="s">
        <v>120</v>
      </c>
      <c r="M33854" t="s">
        <v>83</v>
      </c>
      <c r="N33854" t="s">
        <v>84</v>
      </c>
      <c r="O33854" t="s">
        <v>85</v>
      </c>
      <c r="P33854" t="s">
        <v>86</v>
      </c>
      <c r="Q33854">
        <v>22</v>
      </c>
      <c r="R33854">
        <v>22</v>
      </c>
      <c r="S33854">
        <v>23</v>
      </c>
      <c r="T33854">
        <v>23</v>
      </c>
      <c r="U33854">
        <v>24</v>
      </c>
      <c r="V33854">
        <v>24</v>
      </c>
      <c r="W33854">
        <v>25</v>
      </c>
      <c r="X33854">
        <v>25</v>
      </c>
      <c r="Y33854">
        <v>26</v>
      </c>
      <c r="Z33854">
        <v>26</v>
      </c>
      <c r="AA33854">
        <v>27</v>
      </c>
      <c r="AB33854">
        <v>27</v>
      </c>
      <c r="AC33854">
        <v>28</v>
      </c>
      <c r="AD33854">
        <v>28</v>
      </c>
      <c r="AE33854">
        <v>29</v>
      </c>
      <c r="AF33854">
        <v>30</v>
      </c>
      <c r="AG33854">
        <v>30</v>
      </c>
      <c r="AH33854">
        <v>31</v>
      </c>
      <c r="AI33854">
        <v>31</v>
      </c>
      <c r="AJ33854">
        <v>32</v>
      </c>
      <c r="AK33854">
        <v>33</v>
      </c>
      <c r="AL33854">
        <v>33</v>
      </c>
      <c r="AM33854">
        <v>33</v>
      </c>
      <c r="AN33854">
        <v>34</v>
      </c>
      <c r="AO33854">
        <v>34</v>
      </c>
      <c r="AP33854">
        <v>35</v>
      </c>
      <c r="AQ33854">
        <v>35</v>
      </c>
    </row>
    <row r="33855" spans="1:43">
      <c r="A33855" t="s">
        <v>20971</v>
      </c>
      <c r="B33855" t="s">
        <v>20972</v>
      </c>
      <c r="C33855" t="s">
        <v>20921</v>
      </c>
      <c r="D33855" t="s">
        <v>20922</v>
      </c>
      <c r="E33855" t="s">
        <v>20787</v>
      </c>
      <c r="F33855" t="s">
        <v>20788</v>
      </c>
      <c r="G33855" t="s">
        <v>20255</v>
      </c>
      <c r="H33855" t="s">
        <v>20256</v>
      </c>
      <c r="I33855" s="2">
        <v>1</v>
      </c>
      <c r="J33855" s="2">
        <v>0</v>
      </c>
      <c r="K33855" s="2">
        <v>0</v>
      </c>
      <c r="L33855" t="s">
        <v>120</v>
      </c>
      <c r="M33855" t="s">
        <v>87</v>
      </c>
      <c r="N33855" t="s">
        <v>88</v>
      </c>
      <c r="O33855" t="s">
        <v>85</v>
      </c>
      <c r="P33855" t="s">
        <v>86</v>
      </c>
      <c r="Q33855">
        <v>22</v>
      </c>
      <c r="R33855">
        <v>23</v>
      </c>
      <c r="S33855">
        <v>23</v>
      </c>
      <c r="T33855">
        <v>23</v>
      </c>
      <c r="U33855">
        <v>24</v>
      </c>
      <c r="V33855">
        <v>24</v>
      </c>
      <c r="W33855">
        <v>24</v>
      </c>
      <c r="X33855">
        <v>24</v>
      </c>
      <c r="Y33855">
        <v>25</v>
      </c>
      <c r="Z33855">
        <v>25</v>
      </c>
      <c r="AA33855">
        <v>25</v>
      </c>
      <c r="AB33855">
        <v>26</v>
      </c>
      <c r="AC33855">
        <v>26</v>
      </c>
      <c r="AD33855">
        <v>26</v>
      </c>
      <c r="AE33855">
        <v>27</v>
      </c>
      <c r="AF33855">
        <v>27</v>
      </c>
      <c r="AG33855">
        <v>27</v>
      </c>
      <c r="AH33855">
        <v>28</v>
      </c>
      <c r="AI33855">
        <v>28</v>
      </c>
      <c r="AJ33855">
        <v>29</v>
      </c>
      <c r="AK33855">
        <v>29</v>
      </c>
      <c r="AL33855">
        <v>29</v>
      </c>
      <c r="AM33855">
        <v>30</v>
      </c>
      <c r="AN33855">
        <v>30</v>
      </c>
      <c r="AO33855">
        <v>31</v>
      </c>
      <c r="AP33855">
        <v>31</v>
      </c>
      <c r="AQ33855">
        <v>31</v>
      </c>
    </row>
    <row r="33856" spans="1:43">
      <c r="A33856" t="s">
        <v>20971</v>
      </c>
      <c r="B33856" t="s">
        <v>20972</v>
      </c>
      <c r="C33856" t="s">
        <v>20921</v>
      </c>
      <c r="D33856" t="s">
        <v>20922</v>
      </c>
      <c r="E33856" t="s">
        <v>20787</v>
      </c>
      <c r="F33856" t="s">
        <v>20788</v>
      </c>
      <c r="G33856" t="s">
        <v>20255</v>
      </c>
      <c r="H33856" t="s">
        <v>20256</v>
      </c>
      <c r="I33856" s="2">
        <v>1</v>
      </c>
      <c r="J33856" s="2">
        <v>0</v>
      </c>
      <c r="K33856" s="2">
        <v>0</v>
      </c>
      <c r="L33856" t="s">
        <v>120</v>
      </c>
      <c r="M33856" t="s">
        <v>89</v>
      </c>
      <c r="N33856" t="s">
        <v>90</v>
      </c>
      <c r="O33856" t="s">
        <v>85</v>
      </c>
      <c r="P33856" t="s">
        <v>86</v>
      </c>
      <c r="Q33856">
        <v>22</v>
      </c>
      <c r="R33856">
        <v>22</v>
      </c>
      <c r="S33856">
        <v>23</v>
      </c>
      <c r="T33856">
        <v>24</v>
      </c>
      <c r="U33856">
        <v>25</v>
      </c>
      <c r="V33856">
        <v>25</v>
      </c>
      <c r="W33856">
        <v>26</v>
      </c>
      <c r="X33856">
        <v>26</v>
      </c>
      <c r="Y33856">
        <v>27</v>
      </c>
      <c r="Z33856">
        <v>28</v>
      </c>
      <c r="AA33856">
        <v>28</v>
      </c>
      <c r="AB33856">
        <v>29</v>
      </c>
      <c r="AC33856">
        <v>30</v>
      </c>
      <c r="AD33856">
        <v>30</v>
      </c>
      <c r="AE33856">
        <v>31</v>
      </c>
      <c r="AF33856">
        <v>31</v>
      </c>
      <c r="AG33856">
        <v>32</v>
      </c>
      <c r="AH33856">
        <v>32</v>
      </c>
      <c r="AI33856">
        <v>32</v>
      </c>
      <c r="AJ33856">
        <v>33</v>
      </c>
      <c r="AK33856">
        <v>33</v>
      </c>
      <c r="AL33856">
        <v>33</v>
      </c>
      <c r="AM33856">
        <v>34</v>
      </c>
      <c r="AN33856">
        <v>34</v>
      </c>
      <c r="AO33856">
        <v>34</v>
      </c>
      <c r="AP33856">
        <v>35</v>
      </c>
      <c r="AQ33856">
        <v>35</v>
      </c>
    </row>
    <row r="33857" spans="1:43">
      <c r="A33857" t="s">
        <v>20971</v>
      </c>
      <c r="B33857" t="s">
        <v>20972</v>
      </c>
      <c r="C33857" t="s">
        <v>20921</v>
      </c>
      <c r="D33857" t="s">
        <v>20922</v>
      </c>
      <c r="E33857" t="s">
        <v>20787</v>
      </c>
      <c r="F33857" t="s">
        <v>20788</v>
      </c>
      <c r="G33857" t="s">
        <v>20255</v>
      </c>
      <c r="H33857" t="s">
        <v>20256</v>
      </c>
      <c r="I33857" s="2">
        <v>1</v>
      </c>
      <c r="J33857" s="2">
        <v>0</v>
      </c>
      <c r="K33857" s="2">
        <v>0</v>
      </c>
      <c r="L33857" t="s">
        <v>120</v>
      </c>
      <c r="M33857" t="s">
        <v>83</v>
      </c>
      <c r="N33857" t="s">
        <v>91</v>
      </c>
      <c r="O33857" t="s">
        <v>85</v>
      </c>
      <c r="P33857" t="s">
        <v>86</v>
      </c>
      <c r="Q33857">
        <v>22</v>
      </c>
      <c r="R33857">
        <v>22</v>
      </c>
      <c r="S33857">
        <v>23</v>
      </c>
      <c r="T33857">
        <v>23</v>
      </c>
      <c r="U33857">
        <v>24</v>
      </c>
      <c r="V33857">
        <v>24</v>
      </c>
      <c r="W33857">
        <v>25</v>
      </c>
      <c r="X33857">
        <v>25</v>
      </c>
      <c r="Y33857">
        <v>26</v>
      </c>
      <c r="Z33857">
        <v>26</v>
      </c>
      <c r="AA33857">
        <v>27</v>
      </c>
      <c r="AB33857">
        <v>27</v>
      </c>
      <c r="AC33857">
        <v>28</v>
      </c>
      <c r="AD33857">
        <v>28</v>
      </c>
      <c r="AE33857">
        <v>29</v>
      </c>
      <c r="AF33857">
        <v>30</v>
      </c>
      <c r="AG33857">
        <v>30</v>
      </c>
      <c r="AH33857">
        <v>31</v>
      </c>
      <c r="AI33857">
        <v>31</v>
      </c>
      <c r="AJ33857">
        <v>32</v>
      </c>
      <c r="AK33857">
        <v>33</v>
      </c>
      <c r="AL33857">
        <v>33</v>
      </c>
      <c r="AM33857">
        <v>33</v>
      </c>
      <c r="AN33857">
        <v>34</v>
      </c>
      <c r="AO33857">
        <v>34</v>
      </c>
      <c r="AP33857">
        <v>35</v>
      </c>
      <c r="AQ33857">
        <v>35</v>
      </c>
    </row>
    <row r="33858" spans="1:43">
      <c r="A33858" t="s">
        <v>20973</v>
      </c>
      <c r="B33858" t="s">
        <v>20974</v>
      </c>
      <c r="C33858" t="s">
        <v>20785</v>
      </c>
      <c r="D33858" t="s">
        <v>20786</v>
      </c>
      <c r="E33858" t="s">
        <v>20787</v>
      </c>
      <c r="F33858" t="s">
        <v>20788</v>
      </c>
      <c r="G33858" t="s">
        <v>20255</v>
      </c>
      <c r="H33858" t="s">
        <v>20256</v>
      </c>
      <c r="I33858" s="2">
        <v>1</v>
      </c>
      <c r="J33858" s="2">
        <v>0</v>
      </c>
      <c r="K33858" s="2">
        <v>0</v>
      </c>
      <c r="L33858" t="s">
        <v>120</v>
      </c>
      <c r="M33858" t="s">
        <v>83</v>
      </c>
      <c r="N33858" t="s">
        <v>84</v>
      </c>
      <c r="O33858" t="s">
        <v>85</v>
      </c>
      <c r="P33858" t="s">
        <v>86</v>
      </c>
      <c r="Q33858">
        <v>19</v>
      </c>
      <c r="R33858">
        <v>20</v>
      </c>
      <c r="S33858">
        <v>20</v>
      </c>
      <c r="T33858">
        <v>21</v>
      </c>
      <c r="U33858">
        <v>21</v>
      </c>
      <c r="V33858">
        <v>21</v>
      </c>
      <c r="W33858">
        <v>22</v>
      </c>
      <c r="X33858">
        <v>22</v>
      </c>
      <c r="Y33858">
        <v>23</v>
      </c>
      <c r="Z33858">
        <v>23</v>
      </c>
      <c r="AA33858">
        <v>24</v>
      </c>
      <c r="AB33858">
        <v>24</v>
      </c>
      <c r="AC33858">
        <v>25</v>
      </c>
      <c r="AD33858">
        <v>25</v>
      </c>
      <c r="AE33858">
        <v>26</v>
      </c>
      <c r="AF33858">
        <v>26</v>
      </c>
      <c r="AG33858">
        <v>27</v>
      </c>
      <c r="AH33858">
        <v>27</v>
      </c>
      <c r="AI33858">
        <v>28</v>
      </c>
      <c r="AJ33858">
        <v>28</v>
      </c>
      <c r="AK33858">
        <v>29</v>
      </c>
      <c r="AL33858">
        <v>29</v>
      </c>
      <c r="AM33858">
        <v>30</v>
      </c>
      <c r="AN33858">
        <v>30</v>
      </c>
      <c r="AO33858">
        <v>30</v>
      </c>
      <c r="AP33858">
        <v>31</v>
      </c>
      <c r="AQ33858">
        <v>31</v>
      </c>
    </row>
    <row r="33859" spans="1:43">
      <c r="A33859" t="s">
        <v>20973</v>
      </c>
      <c r="B33859" t="s">
        <v>20974</v>
      </c>
      <c r="C33859" t="s">
        <v>20785</v>
      </c>
      <c r="D33859" t="s">
        <v>20786</v>
      </c>
      <c r="E33859" t="s">
        <v>20787</v>
      </c>
      <c r="F33859" t="s">
        <v>20788</v>
      </c>
      <c r="G33859" t="s">
        <v>20255</v>
      </c>
      <c r="H33859" t="s">
        <v>20256</v>
      </c>
      <c r="I33859" s="2">
        <v>1</v>
      </c>
      <c r="J33859" s="2">
        <v>0</v>
      </c>
      <c r="K33859" s="2">
        <v>0</v>
      </c>
      <c r="L33859" t="s">
        <v>120</v>
      </c>
      <c r="M33859" t="s">
        <v>87</v>
      </c>
      <c r="N33859" t="s">
        <v>88</v>
      </c>
      <c r="O33859" t="s">
        <v>85</v>
      </c>
      <c r="P33859" t="s">
        <v>86</v>
      </c>
      <c r="Q33859">
        <v>19</v>
      </c>
      <c r="R33859">
        <v>19</v>
      </c>
      <c r="S33859">
        <v>20</v>
      </c>
      <c r="T33859">
        <v>20</v>
      </c>
      <c r="U33859">
        <v>20</v>
      </c>
      <c r="V33859">
        <v>20</v>
      </c>
      <c r="W33859">
        <v>21</v>
      </c>
      <c r="X33859">
        <v>21</v>
      </c>
      <c r="Y33859">
        <v>21</v>
      </c>
      <c r="Z33859">
        <v>21</v>
      </c>
      <c r="AA33859">
        <v>22</v>
      </c>
      <c r="AB33859">
        <v>22</v>
      </c>
      <c r="AC33859">
        <v>22</v>
      </c>
      <c r="AD33859">
        <v>23</v>
      </c>
      <c r="AE33859">
        <v>23</v>
      </c>
      <c r="AF33859">
        <v>23</v>
      </c>
      <c r="AG33859">
        <v>24</v>
      </c>
      <c r="AH33859">
        <v>24</v>
      </c>
      <c r="AI33859">
        <v>24</v>
      </c>
      <c r="AJ33859">
        <v>25</v>
      </c>
      <c r="AK33859">
        <v>25</v>
      </c>
      <c r="AL33859">
        <v>25</v>
      </c>
      <c r="AM33859">
        <v>26</v>
      </c>
      <c r="AN33859">
        <v>26</v>
      </c>
      <c r="AO33859">
        <v>26</v>
      </c>
      <c r="AP33859">
        <v>27</v>
      </c>
      <c r="AQ33859">
        <v>27</v>
      </c>
    </row>
    <row r="33860" spans="1:43">
      <c r="A33860" t="s">
        <v>20973</v>
      </c>
      <c r="B33860" t="s">
        <v>20974</v>
      </c>
      <c r="C33860" t="s">
        <v>20785</v>
      </c>
      <c r="D33860" t="s">
        <v>20786</v>
      </c>
      <c r="E33860" t="s">
        <v>20787</v>
      </c>
      <c r="F33860" t="s">
        <v>20788</v>
      </c>
      <c r="G33860" t="s">
        <v>20255</v>
      </c>
      <c r="H33860" t="s">
        <v>20256</v>
      </c>
      <c r="I33860" s="2">
        <v>1</v>
      </c>
      <c r="J33860" s="2">
        <v>0</v>
      </c>
      <c r="K33860" s="2">
        <v>0</v>
      </c>
      <c r="L33860" t="s">
        <v>120</v>
      </c>
      <c r="M33860" t="s">
        <v>89</v>
      </c>
      <c r="N33860" t="s">
        <v>90</v>
      </c>
      <c r="O33860" t="s">
        <v>85</v>
      </c>
      <c r="P33860" t="s">
        <v>86</v>
      </c>
      <c r="Q33860">
        <v>19</v>
      </c>
      <c r="R33860">
        <v>20</v>
      </c>
      <c r="S33860">
        <v>21</v>
      </c>
      <c r="T33860">
        <v>21</v>
      </c>
      <c r="U33860">
        <v>22</v>
      </c>
      <c r="V33860">
        <v>22</v>
      </c>
      <c r="W33860">
        <v>23</v>
      </c>
      <c r="X33860">
        <v>24</v>
      </c>
      <c r="Y33860">
        <v>24</v>
      </c>
      <c r="Z33860">
        <v>25</v>
      </c>
      <c r="AA33860">
        <v>25</v>
      </c>
      <c r="AB33860">
        <v>26</v>
      </c>
      <c r="AC33860">
        <v>26</v>
      </c>
      <c r="AD33860">
        <v>27</v>
      </c>
      <c r="AE33860">
        <v>28</v>
      </c>
      <c r="AF33860">
        <v>28</v>
      </c>
      <c r="AG33860">
        <v>28</v>
      </c>
      <c r="AH33860">
        <v>28</v>
      </c>
      <c r="AI33860">
        <v>29</v>
      </c>
      <c r="AJ33860">
        <v>29</v>
      </c>
      <c r="AK33860">
        <v>29</v>
      </c>
      <c r="AL33860">
        <v>30</v>
      </c>
      <c r="AM33860">
        <v>30</v>
      </c>
      <c r="AN33860">
        <v>30</v>
      </c>
      <c r="AO33860">
        <v>31</v>
      </c>
      <c r="AP33860">
        <v>31</v>
      </c>
      <c r="AQ33860">
        <v>31</v>
      </c>
    </row>
    <row r="33861" spans="1:43">
      <c r="A33861" t="s">
        <v>20973</v>
      </c>
      <c r="B33861" t="s">
        <v>20974</v>
      </c>
      <c r="C33861" t="s">
        <v>20785</v>
      </c>
      <c r="D33861" t="s">
        <v>20786</v>
      </c>
      <c r="E33861" t="s">
        <v>20787</v>
      </c>
      <c r="F33861" t="s">
        <v>20788</v>
      </c>
      <c r="G33861" t="s">
        <v>20255</v>
      </c>
      <c r="H33861" t="s">
        <v>20256</v>
      </c>
      <c r="I33861" s="2">
        <v>1</v>
      </c>
      <c r="J33861" s="2">
        <v>0</v>
      </c>
      <c r="K33861" s="2">
        <v>0</v>
      </c>
      <c r="L33861" t="s">
        <v>120</v>
      </c>
      <c r="M33861" t="s">
        <v>83</v>
      </c>
      <c r="N33861" t="s">
        <v>91</v>
      </c>
      <c r="O33861" t="s">
        <v>85</v>
      </c>
      <c r="P33861" t="s">
        <v>86</v>
      </c>
      <c r="Q33861">
        <v>19</v>
      </c>
      <c r="R33861">
        <v>20</v>
      </c>
      <c r="S33861">
        <v>20</v>
      </c>
      <c r="T33861">
        <v>21</v>
      </c>
      <c r="U33861">
        <v>21</v>
      </c>
      <c r="V33861">
        <v>21</v>
      </c>
      <c r="W33861">
        <v>22</v>
      </c>
      <c r="X33861">
        <v>22</v>
      </c>
      <c r="Y33861">
        <v>23</v>
      </c>
      <c r="Z33861">
        <v>23</v>
      </c>
      <c r="AA33861">
        <v>24</v>
      </c>
      <c r="AB33861">
        <v>24</v>
      </c>
      <c r="AC33861">
        <v>25</v>
      </c>
      <c r="AD33861">
        <v>25</v>
      </c>
      <c r="AE33861">
        <v>26</v>
      </c>
      <c r="AF33861">
        <v>26</v>
      </c>
      <c r="AG33861">
        <v>27</v>
      </c>
      <c r="AH33861">
        <v>27</v>
      </c>
      <c r="AI33861">
        <v>28</v>
      </c>
      <c r="AJ33861">
        <v>28</v>
      </c>
      <c r="AK33861">
        <v>29</v>
      </c>
      <c r="AL33861">
        <v>29</v>
      </c>
      <c r="AM33861">
        <v>30</v>
      </c>
      <c r="AN33861">
        <v>30</v>
      </c>
      <c r="AO33861">
        <v>30</v>
      </c>
      <c r="AP33861">
        <v>31</v>
      </c>
      <c r="AQ33861">
        <v>31</v>
      </c>
    </row>
    <row r="33862" spans="1:43">
      <c r="A33862" t="s">
        <v>20975</v>
      </c>
      <c r="B33862" t="s">
        <v>20976</v>
      </c>
      <c r="C33862" t="s">
        <v>20785</v>
      </c>
      <c r="D33862" t="s">
        <v>20786</v>
      </c>
      <c r="E33862" t="s">
        <v>20787</v>
      </c>
      <c r="F33862" t="s">
        <v>20788</v>
      </c>
      <c r="G33862" t="s">
        <v>20255</v>
      </c>
      <c r="H33862" t="s">
        <v>20256</v>
      </c>
      <c r="I33862" s="2">
        <v>1</v>
      </c>
      <c r="J33862" s="2">
        <v>0</v>
      </c>
      <c r="K33862" s="2">
        <v>0</v>
      </c>
      <c r="L33862" t="s">
        <v>120</v>
      </c>
      <c r="M33862" t="s">
        <v>83</v>
      </c>
      <c r="N33862" t="s">
        <v>84</v>
      </c>
      <c r="O33862" t="s">
        <v>85</v>
      </c>
      <c r="P33862" t="s">
        <v>86</v>
      </c>
      <c r="Q33862">
        <v>31</v>
      </c>
      <c r="R33862">
        <v>32</v>
      </c>
      <c r="S33862">
        <v>33</v>
      </c>
      <c r="T33862">
        <v>34</v>
      </c>
      <c r="U33862">
        <v>34</v>
      </c>
      <c r="V33862">
        <v>35</v>
      </c>
      <c r="W33862">
        <v>36</v>
      </c>
      <c r="X33862">
        <v>37</v>
      </c>
      <c r="Y33862">
        <v>37</v>
      </c>
      <c r="Z33862">
        <v>38</v>
      </c>
      <c r="AA33862">
        <v>39</v>
      </c>
      <c r="AB33862">
        <v>40</v>
      </c>
      <c r="AC33862">
        <v>40</v>
      </c>
      <c r="AD33862">
        <v>41</v>
      </c>
      <c r="AE33862">
        <v>42</v>
      </c>
      <c r="AF33862">
        <v>43</v>
      </c>
      <c r="AG33862">
        <v>44</v>
      </c>
      <c r="AH33862">
        <v>45</v>
      </c>
      <c r="AI33862">
        <v>45</v>
      </c>
      <c r="AJ33862">
        <v>46</v>
      </c>
      <c r="AK33862">
        <v>47</v>
      </c>
      <c r="AL33862">
        <v>48</v>
      </c>
      <c r="AM33862">
        <v>48</v>
      </c>
      <c r="AN33862">
        <v>49</v>
      </c>
      <c r="AO33862">
        <v>50</v>
      </c>
      <c r="AP33862">
        <v>50</v>
      </c>
      <c r="AQ33862">
        <v>51</v>
      </c>
    </row>
    <row r="33863" spans="1:43">
      <c r="A33863" t="s">
        <v>20975</v>
      </c>
      <c r="B33863" t="s">
        <v>20976</v>
      </c>
      <c r="C33863" t="s">
        <v>20785</v>
      </c>
      <c r="D33863" t="s">
        <v>20786</v>
      </c>
      <c r="E33863" t="s">
        <v>20787</v>
      </c>
      <c r="F33863" t="s">
        <v>20788</v>
      </c>
      <c r="G33863" t="s">
        <v>20255</v>
      </c>
      <c r="H33863" t="s">
        <v>20256</v>
      </c>
      <c r="I33863" s="2">
        <v>1</v>
      </c>
      <c r="J33863" s="2">
        <v>0</v>
      </c>
      <c r="K33863" s="2">
        <v>0</v>
      </c>
      <c r="L33863" t="s">
        <v>120</v>
      </c>
      <c r="M33863" t="s">
        <v>87</v>
      </c>
      <c r="N33863" t="s">
        <v>88</v>
      </c>
      <c r="O33863" t="s">
        <v>85</v>
      </c>
      <c r="P33863" t="s">
        <v>86</v>
      </c>
      <c r="Q33863">
        <v>31</v>
      </c>
      <c r="R33863">
        <v>31</v>
      </c>
      <c r="S33863">
        <v>32</v>
      </c>
      <c r="T33863">
        <v>32</v>
      </c>
      <c r="U33863">
        <v>33</v>
      </c>
      <c r="V33863">
        <v>33</v>
      </c>
      <c r="W33863">
        <v>34</v>
      </c>
      <c r="X33863">
        <v>34</v>
      </c>
      <c r="Y33863">
        <v>35</v>
      </c>
      <c r="Z33863">
        <v>35</v>
      </c>
      <c r="AA33863">
        <v>35</v>
      </c>
      <c r="AB33863">
        <v>36</v>
      </c>
      <c r="AC33863">
        <v>36</v>
      </c>
      <c r="AD33863">
        <v>37</v>
      </c>
      <c r="AE33863">
        <v>37</v>
      </c>
      <c r="AF33863">
        <v>38</v>
      </c>
      <c r="AG33863">
        <v>38</v>
      </c>
      <c r="AH33863">
        <v>39</v>
      </c>
      <c r="AI33863">
        <v>39</v>
      </c>
      <c r="AJ33863">
        <v>40</v>
      </c>
      <c r="AK33863">
        <v>41</v>
      </c>
      <c r="AL33863">
        <v>41</v>
      </c>
      <c r="AM33863">
        <v>42</v>
      </c>
      <c r="AN33863">
        <v>42</v>
      </c>
      <c r="AO33863">
        <v>43</v>
      </c>
      <c r="AP33863">
        <v>43</v>
      </c>
      <c r="AQ33863">
        <v>44</v>
      </c>
    </row>
    <row r="33864" spans="1:43">
      <c r="A33864" t="s">
        <v>20975</v>
      </c>
      <c r="B33864" t="s">
        <v>20976</v>
      </c>
      <c r="C33864" t="s">
        <v>20785</v>
      </c>
      <c r="D33864" t="s">
        <v>20786</v>
      </c>
      <c r="E33864" t="s">
        <v>20787</v>
      </c>
      <c r="F33864" t="s">
        <v>20788</v>
      </c>
      <c r="G33864" t="s">
        <v>20255</v>
      </c>
      <c r="H33864" t="s">
        <v>20256</v>
      </c>
      <c r="I33864" s="2">
        <v>1</v>
      </c>
      <c r="J33864" s="2">
        <v>0</v>
      </c>
      <c r="K33864" s="2">
        <v>0</v>
      </c>
      <c r="L33864" t="s">
        <v>120</v>
      </c>
      <c r="M33864" t="s">
        <v>89</v>
      </c>
      <c r="N33864" t="s">
        <v>90</v>
      </c>
      <c r="O33864" t="s">
        <v>85</v>
      </c>
      <c r="P33864" t="s">
        <v>86</v>
      </c>
      <c r="Q33864">
        <v>31</v>
      </c>
      <c r="R33864">
        <v>32</v>
      </c>
      <c r="S33864">
        <v>33</v>
      </c>
      <c r="T33864">
        <v>34</v>
      </c>
      <c r="U33864">
        <v>35</v>
      </c>
      <c r="V33864">
        <v>36</v>
      </c>
      <c r="W33864">
        <v>36</v>
      </c>
      <c r="X33864">
        <v>37</v>
      </c>
      <c r="Y33864">
        <v>38</v>
      </c>
      <c r="Z33864">
        <v>39</v>
      </c>
      <c r="AA33864">
        <v>40</v>
      </c>
      <c r="AB33864">
        <v>41</v>
      </c>
      <c r="AC33864">
        <v>42</v>
      </c>
      <c r="AD33864">
        <v>43</v>
      </c>
      <c r="AE33864">
        <v>44</v>
      </c>
      <c r="AF33864">
        <v>44</v>
      </c>
      <c r="AG33864">
        <v>45</v>
      </c>
      <c r="AH33864">
        <v>45</v>
      </c>
      <c r="AI33864">
        <v>46</v>
      </c>
      <c r="AJ33864">
        <v>46</v>
      </c>
      <c r="AK33864">
        <v>47</v>
      </c>
      <c r="AL33864">
        <v>47</v>
      </c>
      <c r="AM33864">
        <v>48</v>
      </c>
      <c r="AN33864">
        <v>49</v>
      </c>
      <c r="AO33864">
        <v>49</v>
      </c>
      <c r="AP33864">
        <v>50</v>
      </c>
      <c r="AQ33864">
        <v>50</v>
      </c>
    </row>
    <row r="33865" spans="1:43">
      <c r="A33865" t="s">
        <v>20975</v>
      </c>
      <c r="B33865" t="s">
        <v>20976</v>
      </c>
      <c r="C33865" t="s">
        <v>20785</v>
      </c>
      <c r="D33865" t="s">
        <v>20786</v>
      </c>
      <c r="E33865" t="s">
        <v>20787</v>
      </c>
      <c r="F33865" t="s">
        <v>20788</v>
      </c>
      <c r="G33865" t="s">
        <v>20255</v>
      </c>
      <c r="H33865" t="s">
        <v>20256</v>
      </c>
      <c r="I33865" s="2">
        <v>1</v>
      </c>
      <c r="J33865" s="2">
        <v>0</v>
      </c>
      <c r="K33865" s="2">
        <v>0</v>
      </c>
      <c r="L33865" t="s">
        <v>120</v>
      </c>
      <c r="M33865" t="s">
        <v>83</v>
      </c>
      <c r="N33865" t="s">
        <v>91</v>
      </c>
      <c r="O33865" t="s">
        <v>85</v>
      </c>
      <c r="P33865" t="s">
        <v>86</v>
      </c>
      <c r="Q33865">
        <v>31</v>
      </c>
      <c r="R33865">
        <v>32</v>
      </c>
      <c r="S33865">
        <v>33</v>
      </c>
      <c r="T33865">
        <v>34</v>
      </c>
      <c r="U33865">
        <v>34</v>
      </c>
      <c r="V33865">
        <v>35</v>
      </c>
      <c r="W33865">
        <v>36</v>
      </c>
      <c r="X33865">
        <v>37</v>
      </c>
      <c r="Y33865">
        <v>37</v>
      </c>
      <c r="Z33865">
        <v>38</v>
      </c>
      <c r="AA33865">
        <v>39</v>
      </c>
      <c r="AB33865">
        <v>40</v>
      </c>
      <c r="AC33865">
        <v>40</v>
      </c>
      <c r="AD33865">
        <v>41</v>
      </c>
      <c r="AE33865">
        <v>42</v>
      </c>
      <c r="AF33865">
        <v>43</v>
      </c>
      <c r="AG33865">
        <v>44</v>
      </c>
      <c r="AH33865">
        <v>45</v>
      </c>
      <c r="AI33865">
        <v>45</v>
      </c>
      <c r="AJ33865">
        <v>46</v>
      </c>
      <c r="AK33865">
        <v>47</v>
      </c>
      <c r="AL33865">
        <v>48</v>
      </c>
      <c r="AM33865">
        <v>48</v>
      </c>
      <c r="AN33865">
        <v>49</v>
      </c>
      <c r="AO33865">
        <v>50</v>
      </c>
      <c r="AP33865">
        <v>50</v>
      </c>
      <c r="AQ33865">
        <v>51</v>
      </c>
    </row>
    <row r="33866" spans="1:43">
      <c r="A33866" t="s">
        <v>20977</v>
      </c>
      <c r="B33866" t="s">
        <v>20978</v>
      </c>
      <c r="C33866" t="s">
        <v>20785</v>
      </c>
      <c r="D33866" t="s">
        <v>20786</v>
      </c>
      <c r="E33866" t="s">
        <v>20787</v>
      </c>
      <c r="F33866" t="s">
        <v>20788</v>
      </c>
      <c r="G33866" t="s">
        <v>20255</v>
      </c>
      <c r="H33866" t="s">
        <v>20256</v>
      </c>
      <c r="I33866" s="2">
        <v>1</v>
      </c>
      <c r="J33866" s="2">
        <v>0</v>
      </c>
      <c r="K33866" s="2">
        <v>0</v>
      </c>
      <c r="L33866" t="s">
        <v>120</v>
      </c>
      <c r="M33866" t="s">
        <v>83</v>
      </c>
      <c r="N33866" t="s">
        <v>84</v>
      </c>
      <c r="O33866" t="s">
        <v>85</v>
      </c>
      <c r="P33866" t="s">
        <v>86</v>
      </c>
      <c r="Q33866">
        <v>23</v>
      </c>
      <c r="R33866">
        <v>23</v>
      </c>
      <c r="S33866">
        <v>24</v>
      </c>
      <c r="T33866">
        <v>24</v>
      </c>
      <c r="U33866">
        <v>25</v>
      </c>
      <c r="V33866">
        <v>25</v>
      </c>
      <c r="W33866">
        <v>26</v>
      </c>
      <c r="X33866">
        <v>26</v>
      </c>
      <c r="Y33866">
        <v>27</v>
      </c>
      <c r="Z33866">
        <v>27</v>
      </c>
      <c r="AA33866">
        <v>28</v>
      </c>
      <c r="AB33866">
        <v>28</v>
      </c>
      <c r="AC33866">
        <v>29</v>
      </c>
      <c r="AD33866">
        <v>29</v>
      </c>
      <c r="AE33866">
        <v>30</v>
      </c>
      <c r="AF33866">
        <v>31</v>
      </c>
      <c r="AG33866">
        <v>31</v>
      </c>
      <c r="AH33866">
        <v>32</v>
      </c>
      <c r="AI33866">
        <v>32</v>
      </c>
      <c r="AJ33866">
        <v>33</v>
      </c>
      <c r="AK33866">
        <v>33</v>
      </c>
      <c r="AL33866">
        <v>34</v>
      </c>
      <c r="AM33866">
        <v>34</v>
      </c>
      <c r="AN33866">
        <v>35</v>
      </c>
      <c r="AO33866">
        <v>35</v>
      </c>
      <c r="AP33866">
        <v>35</v>
      </c>
      <c r="AQ33866">
        <v>35</v>
      </c>
    </row>
    <row r="33867" spans="1:43">
      <c r="A33867" t="s">
        <v>20977</v>
      </c>
      <c r="B33867" t="s">
        <v>20978</v>
      </c>
      <c r="C33867" t="s">
        <v>20785</v>
      </c>
      <c r="D33867" t="s">
        <v>20786</v>
      </c>
      <c r="E33867" t="s">
        <v>20787</v>
      </c>
      <c r="F33867" t="s">
        <v>20788</v>
      </c>
      <c r="G33867" t="s">
        <v>20255</v>
      </c>
      <c r="H33867" t="s">
        <v>20256</v>
      </c>
      <c r="I33867" s="2">
        <v>1</v>
      </c>
      <c r="J33867" s="2">
        <v>0</v>
      </c>
      <c r="K33867" s="2">
        <v>0</v>
      </c>
      <c r="L33867" t="s">
        <v>120</v>
      </c>
      <c r="M33867" t="s">
        <v>87</v>
      </c>
      <c r="N33867" t="s">
        <v>88</v>
      </c>
      <c r="O33867" t="s">
        <v>85</v>
      </c>
      <c r="P33867" t="s">
        <v>86</v>
      </c>
      <c r="Q33867">
        <v>23</v>
      </c>
      <c r="R33867">
        <v>23</v>
      </c>
      <c r="S33867">
        <v>23</v>
      </c>
      <c r="T33867">
        <v>24</v>
      </c>
      <c r="U33867">
        <v>24</v>
      </c>
      <c r="V33867">
        <v>24</v>
      </c>
      <c r="W33867">
        <v>24</v>
      </c>
      <c r="X33867">
        <v>25</v>
      </c>
      <c r="Y33867">
        <v>25</v>
      </c>
      <c r="Z33867">
        <v>25</v>
      </c>
      <c r="AA33867">
        <v>25</v>
      </c>
      <c r="AB33867">
        <v>26</v>
      </c>
      <c r="AC33867">
        <v>26</v>
      </c>
      <c r="AD33867">
        <v>26</v>
      </c>
      <c r="AE33867">
        <v>27</v>
      </c>
      <c r="AF33867">
        <v>27</v>
      </c>
      <c r="AG33867">
        <v>27</v>
      </c>
      <c r="AH33867">
        <v>28</v>
      </c>
      <c r="AI33867">
        <v>28</v>
      </c>
      <c r="AJ33867">
        <v>28</v>
      </c>
      <c r="AK33867">
        <v>29</v>
      </c>
      <c r="AL33867">
        <v>29</v>
      </c>
      <c r="AM33867">
        <v>29</v>
      </c>
      <c r="AN33867">
        <v>30</v>
      </c>
      <c r="AO33867">
        <v>30</v>
      </c>
      <c r="AP33867">
        <v>30</v>
      </c>
      <c r="AQ33867">
        <v>31</v>
      </c>
    </row>
    <row r="33868" spans="1:43">
      <c r="A33868" t="s">
        <v>20977</v>
      </c>
      <c r="B33868" t="s">
        <v>20978</v>
      </c>
      <c r="C33868" t="s">
        <v>20785</v>
      </c>
      <c r="D33868" t="s">
        <v>20786</v>
      </c>
      <c r="E33868" t="s">
        <v>20787</v>
      </c>
      <c r="F33868" t="s">
        <v>20788</v>
      </c>
      <c r="G33868" t="s">
        <v>20255</v>
      </c>
      <c r="H33868" t="s">
        <v>20256</v>
      </c>
      <c r="I33868" s="2">
        <v>1</v>
      </c>
      <c r="J33868" s="2">
        <v>0</v>
      </c>
      <c r="K33868" s="2">
        <v>0</v>
      </c>
      <c r="L33868" t="s">
        <v>120</v>
      </c>
      <c r="M33868" t="s">
        <v>89</v>
      </c>
      <c r="N33868" t="s">
        <v>90</v>
      </c>
      <c r="O33868" t="s">
        <v>85</v>
      </c>
      <c r="P33868" t="s">
        <v>86</v>
      </c>
      <c r="Q33868">
        <v>23</v>
      </c>
      <c r="R33868">
        <v>24</v>
      </c>
      <c r="S33868">
        <v>25</v>
      </c>
      <c r="T33868">
        <v>25</v>
      </c>
      <c r="U33868">
        <v>26</v>
      </c>
      <c r="V33868">
        <v>26</v>
      </c>
      <c r="W33868">
        <v>27</v>
      </c>
      <c r="X33868">
        <v>28</v>
      </c>
      <c r="Y33868">
        <v>28</v>
      </c>
      <c r="Z33868">
        <v>29</v>
      </c>
      <c r="AA33868">
        <v>30</v>
      </c>
      <c r="AB33868">
        <v>30</v>
      </c>
      <c r="AC33868">
        <v>31</v>
      </c>
      <c r="AD33868">
        <v>32</v>
      </c>
      <c r="AE33868">
        <v>32</v>
      </c>
      <c r="AF33868">
        <v>32</v>
      </c>
      <c r="AG33868">
        <v>33</v>
      </c>
      <c r="AH33868">
        <v>33</v>
      </c>
      <c r="AI33868">
        <v>33</v>
      </c>
      <c r="AJ33868">
        <v>34</v>
      </c>
      <c r="AK33868">
        <v>34</v>
      </c>
      <c r="AL33868">
        <v>34</v>
      </c>
      <c r="AM33868">
        <v>35</v>
      </c>
      <c r="AN33868">
        <v>35</v>
      </c>
      <c r="AO33868">
        <v>35</v>
      </c>
      <c r="AP33868">
        <v>35</v>
      </c>
      <c r="AQ33868">
        <v>36</v>
      </c>
    </row>
    <row r="33869" spans="1:43">
      <c r="A33869" t="s">
        <v>20977</v>
      </c>
      <c r="B33869" t="s">
        <v>20978</v>
      </c>
      <c r="C33869" t="s">
        <v>20785</v>
      </c>
      <c r="D33869" t="s">
        <v>20786</v>
      </c>
      <c r="E33869" t="s">
        <v>20787</v>
      </c>
      <c r="F33869" t="s">
        <v>20788</v>
      </c>
      <c r="G33869" t="s">
        <v>20255</v>
      </c>
      <c r="H33869" t="s">
        <v>20256</v>
      </c>
      <c r="I33869" s="2">
        <v>1</v>
      </c>
      <c r="J33869" s="2">
        <v>0</v>
      </c>
      <c r="K33869" s="2">
        <v>0</v>
      </c>
      <c r="L33869" t="s">
        <v>120</v>
      </c>
      <c r="M33869" t="s">
        <v>83</v>
      </c>
      <c r="N33869" t="s">
        <v>91</v>
      </c>
      <c r="O33869" t="s">
        <v>85</v>
      </c>
      <c r="P33869" t="s">
        <v>86</v>
      </c>
      <c r="Q33869">
        <v>23</v>
      </c>
      <c r="R33869">
        <v>23</v>
      </c>
      <c r="S33869">
        <v>24</v>
      </c>
      <c r="T33869">
        <v>24</v>
      </c>
      <c r="U33869">
        <v>25</v>
      </c>
      <c r="V33869">
        <v>25</v>
      </c>
      <c r="W33869">
        <v>26</v>
      </c>
      <c r="X33869">
        <v>26</v>
      </c>
      <c r="Y33869">
        <v>27</v>
      </c>
      <c r="Z33869">
        <v>27</v>
      </c>
      <c r="AA33869">
        <v>28</v>
      </c>
      <c r="AB33869">
        <v>28</v>
      </c>
      <c r="AC33869">
        <v>29</v>
      </c>
      <c r="AD33869">
        <v>29</v>
      </c>
      <c r="AE33869">
        <v>30</v>
      </c>
      <c r="AF33869">
        <v>31</v>
      </c>
      <c r="AG33869">
        <v>31</v>
      </c>
      <c r="AH33869">
        <v>32</v>
      </c>
      <c r="AI33869">
        <v>32</v>
      </c>
      <c r="AJ33869">
        <v>33</v>
      </c>
      <c r="AK33869">
        <v>33</v>
      </c>
      <c r="AL33869">
        <v>34</v>
      </c>
      <c r="AM33869">
        <v>34</v>
      </c>
      <c r="AN33869">
        <v>35</v>
      </c>
      <c r="AO33869">
        <v>35</v>
      </c>
      <c r="AP33869">
        <v>35</v>
      </c>
      <c r="AQ33869">
        <v>35</v>
      </c>
    </row>
    <row r="33870" spans="1:43">
      <c r="A33870" t="s">
        <v>20979</v>
      </c>
      <c r="B33870" t="s">
        <v>20980</v>
      </c>
      <c r="C33870" t="s">
        <v>20921</v>
      </c>
      <c r="D33870" t="s">
        <v>20922</v>
      </c>
      <c r="E33870" t="s">
        <v>20787</v>
      </c>
      <c r="F33870" t="s">
        <v>20788</v>
      </c>
      <c r="G33870" t="s">
        <v>20255</v>
      </c>
      <c r="H33870" t="s">
        <v>20256</v>
      </c>
      <c r="I33870" s="2">
        <v>1</v>
      </c>
      <c r="J33870" s="2">
        <v>0</v>
      </c>
      <c r="K33870" s="2">
        <v>0</v>
      </c>
      <c r="L33870" t="s">
        <v>120</v>
      </c>
      <c r="M33870" t="s">
        <v>83</v>
      </c>
      <c r="N33870" t="s">
        <v>84</v>
      </c>
      <c r="O33870" t="s">
        <v>85</v>
      </c>
      <c r="P33870" t="s">
        <v>86</v>
      </c>
      <c r="Q33870">
        <v>34</v>
      </c>
      <c r="R33870">
        <v>35</v>
      </c>
      <c r="S33870">
        <v>36</v>
      </c>
      <c r="T33870">
        <v>37</v>
      </c>
      <c r="U33870">
        <v>38</v>
      </c>
      <c r="V33870">
        <v>38</v>
      </c>
      <c r="W33870">
        <v>39</v>
      </c>
      <c r="X33870">
        <v>40</v>
      </c>
      <c r="Y33870">
        <v>41</v>
      </c>
      <c r="Z33870">
        <v>42</v>
      </c>
      <c r="AA33870">
        <v>42</v>
      </c>
      <c r="AB33870">
        <v>43</v>
      </c>
      <c r="AC33870">
        <v>44</v>
      </c>
      <c r="AD33870">
        <v>45</v>
      </c>
      <c r="AE33870">
        <v>46</v>
      </c>
      <c r="AF33870">
        <v>47</v>
      </c>
      <c r="AG33870">
        <v>48</v>
      </c>
      <c r="AH33870">
        <v>49</v>
      </c>
      <c r="AI33870">
        <v>50</v>
      </c>
      <c r="AJ33870">
        <v>51</v>
      </c>
      <c r="AK33870">
        <v>52</v>
      </c>
      <c r="AL33870">
        <v>53</v>
      </c>
      <c r="AM33870">
        <v>53</v>
      </c>
      <c r="AN33870">
        <v>54</v>
      </c>
      <c r="AO33870">
        <v>54</v>
      </c>
      <c r="AP33870">
        <v>55</v>
      </c>
      <c r="AQ33870">
        <v>56</v>
      </c>
    </row>
    <row r="33871" spans="1:43">
      <c r="A33871" t="s">
        <v>20979</v>
      </c>
      <c r="B33871" t="s">
        <v>20980</v>
      </c>
      <c r="C33871" t="s">
        <v>20921</v>
      </c>
      <c r="D33871" t="s">
        <v>20922</v>
      </c>
      <c r="E33871" t="s">
        <v>20787</v>
      </c>
      <c r="F33871" t="s">
        <v>20788</v>
      </c>
      <c r="G33871" t="s">
        <v>20255</v>
      </c>
      <c r="H33871" t="s">
        <v>20256</v>
      </c>
      <c r="I33871" s="2">
        <v>1</v>
      </c>
      <c r="J33871" s="2">
        <v>0</v>
      </c>
      <c r="K33871" s="2">
        <v>0</v>
      </c>
      <c r="L33871" t="s">
        <v>120</v>
      </c>
      <c r="M33871" t="s">
        <v>87</v>
      </c>
      <c r="N33871" t="s">
        <v>88</v>
      </c>
      <c r="O33871" t="s">
        <v>85</v>
      </c>
      <c r="P33871" t="s">
        <v>86</v>
      </c>
      <c r="Q33871">
        <v>34</v>
      </c>
      <c r="R33871">
        <v>35</v>
      </c>
      <c r="S33871">
        <v>35</v>
      </c>
      <c r="T33871">
        <v>35</v>
      </c>
      <c r="U33871">
        <v>36</v>
      </c>
      <c r="V33871">
        <v>36</v>
      </c>
      <c r="W33871">
        <v>37</v>
      </c>
      <c r="X33871">
        <v>37</v>
      </c>
      <c r="Y33871">
        <v>38</v>
      </c>
      <c r="Z33871">
        <v>38</v>
      </c>
      <c r="AA33871">
        <v>39</v>
      </c>
      <c r="AB33871">
        <v>39</v>
      </c>
      <c r="AC33871">
        <v>40</v>
      </c>
      <c r="AD33871">
        <v>40</v>
      </c>
      <c r="AE33871">
        <v>41</v>
      </c>
      <c r="AF33871">
        <v>41</v>
      </c>
      <c r="AG33871">
        <v>42</v>
      </c>
      <c r="AH33871">
        <v>42</v>
      </c>
      <c r="AI33871">
        <v>43</v>
      </c>
      <c r="AJ33871">
        <v>43</v>
      </c>
      <c r="AK33871">
        <v>44</v>
      </c>
      <c r="AL33871">
        <v>45</v>
      </c>
      <c r="AM33871">
        <v>45</v>
      </c>
      <c r="AN33871">
        <v>46</v>
      </c>
      <c r="AO33871">
        <v>46</v>
      </c>
      <c r="AP33871">
        <v>47</v>
      </c>
      <c r="AQ33871">
        <v>48</v>
      </c>
    </row>
    <row r="33872" spans="1:43">
      <c r="A33872" t="s">
        <v>20979</v>
      </c>
      <c r="B33872" t="s">
        <v>20980</v>
      </c>
      <c r="C33872" t="s">
        <v>20921</v>
      </c>
      <c r="D33872" t="s">
        <v>20922</v>
      </c>
      <c r="E33872" t="s">
        <v>20787</v>
      </c>
      <c r="F33872" t="s">
        <v>20788</v>
      </c>
      <c r="G33872" t="s">
        <v>20255</v>
      </c>
      <c r="H33872" t="s">
        <v>20256</v>
      </c>
      <c r="I33872" s="2">
        <v>1</v>
      </c>
      <c r="J33872" s="2">
        <v>0</v>
      </c>
      <c r="K33872" s="2">
        <v>0</v>
      </c>
      <c r="L33872" t="s">
        <v>120</v>
      </c>
      <c r="M33872" t="s">
        <v>89</v>
      </c>
      <c r="N33872" t="s">
        <v>90</v>
      </c>
      <c r="O33872" t="s">
        <v>85</v>
      </c>
      <c r="P33872" t="s">
        <v>86</v>
      </c>
      <c r="Q33872">
        <v>34</v>
      </c>
      <c r="R33872">
        <v>35</v>
      </c>
      <c r="S33872">
        <v>36</v>
      </c>
      <c r="T33872">
        <v>37</v>
      </c>
      <c r="U33872">
        <v>38</v>
      </c>
      <c r="V33872">
        <v>39</v>
      </c>
      <c r="W33872">
        <v>40</v>
      </c>
      <c r="X33872">
        <v>41</v>
      </c>
      <c r="Y33872">
        <v>42</v>
      </c>
      <c r="Z33872">
        <v>43</v>
      </c>
      <c r="AA33872">
        <v>44</v>
      </c>
      <c r="AB33872">
        <v>45</v>
      </c>
      <c r="AC33872">
        <v>46</v>
      </c>
      <c r="AD33872">
        <v>48</v>
      </c>
      <c r="AE33872">
        <v>48</v>
      </c>
      <c r="AF33872">
        <v>49</v>
      </c>
      <c r="AG33872">
        <v>50</v>
      </c>
      <c r="AH33872">
        <v>50</v>
      </c>
      <c r="AI33872">
        <v>51</v>
      </c>
      <c r="AJ33872">
        <v>51</v>
      </c>
      <c r="AK33872">
        <v>52</v>
      </c>
      <c r="AL33872">
        <v>52</v>
      </c>
      <c r="AM33872">
        <v>53</v>
      </c>
      <c r="AN33872">
        <v>53</v>
      </c>
      <c r="AO33872">
        <v>54</v>
      </c>
      <c r="AP33872">
        <v>55</v>
      </c>
      <c r="AQ33872">
        <v>55</v>
      </c>
    </row>
    <row r="33873" spans="1:43">
      <c r="A33873" t="s">
        <v>20979</v>
      </c>
      <c r="B33873" t="s">
        <v>20980</v>
      </c>
      <c r="C33873" t="s">
        <v>20921</v>
      </c>
      <c r="D33873" t="s">
        <v>20922</v>
      </c>
      <c r="E33873" t="s">
        <v>20787</v>
      </c>
      <c r="F33873" t="s">
        <v>20788</v>
      </c>
      <c r="G33873" t="s">
        <v>20255</v>
      </c>
      <c r="H33873" t="s">
        <v>20256</v>
      </c>
      <c r="I33873" s="2">
        <v>1</v>
      </c>
      <c r="J33873" s="2">
        <v>0</v>
      </c>
      <c r="K33873" s="2">
        <v>0</v>
      </c>
      <c r="L33873" t="s">
        <v>120</v>
      </c>
      <c r="M33873" t="s">
        <v>83</v>
      </c>
      <c r="N33873" t="s">
        <v>91</v>
      </c>
      <c r="O33873" t="s">
        <v>85</v>
      </c>
      <c r="P33873" t="s">
        <v>86</v>
      </c>
      <c r="Q33873">
        <v>34</v>
      </c>
      <c r="R33873">
        <v>35</v>
      </c>
      <c r="S33873">
        <v>36</v>
      </c>
      <c r="T33873">
        <v>37</v>
      </c>
      <c r="U33873">
        <v>38</v>
      </c>
      <c r="V33873">
        <v>38</v>
      </c>
      <c r="W33873">
        <v>39</v>
      </c>
      <c r="X33873">
        <v>40</v>
      </c>
      <c r="Y33873">
        <v>41</v>
      </c>
      <c r="Z33873">
        <v>42</v>
      </c>
      <c r="AA33873">
        <v>42</v>
      </c>
      <c r="AB33873">
        <v>43</v>
      </c>
      <c r="AC33873">
        <v>44</v>
      </c>
      <c r="AD33873">
        <v>45</v>
      </c>
      <c r="AE33873">
        <v>46</v>
      </c>
      <c r="AF33873">
        <v>47</v>
      </c>
      <c r="AG33873">
        <v>48</v>
      </c>
      <c r="AH33873">
        <v>49</v>
      </c>
      <c r="AI33873">
        <v>50</v>
      </c>
      <c r="AJ33873">
        <v>51</v>
      </c>
      <c r="AK33873">
        <v>52</v>
      </c>
      <c r="AL33873">
        <v>53</v>
      </c>
      <c r="AM33873">
        <v>53</v>
      </c>
      <c r="AN33873">
        <v>54</v>
      </c>
      <c r="AO33873">
        <v>54</v>
      </c>
      <c r="AP33873">
        <v>55</v>
      </c>
      <c r="AQ33873">
        <v>56</v>
      </c>
    </row>
    <row r="33874" spans="1:43">
      <c r="A33874" t="s">
        <v>20981</v>
      </c>
      <c r="B33874" t="s">
        <v>20982</v>
      </c>
      <c r="C33874" t="s">
        <v>20879</v>
      </c>
      <c r="D33874" t="s">
        <v>20880</v>
      </c>
      <c r="E33874" t="s">
        <v>20787</v>
      </c>
      <c r="F33874" t="s">
        <v>20788</v>
      </c>
      <c r="G33874" t="s">
        <v>20255</v>
      </c>
      <c r="H33874" t="s">
        <v>20256</v>
      </c>
      <c r="I33874" s="2">
        <v>1</v>
      </c>
      <c r="J33874" s="2">
        <v>0</v>
      </c>
      <c r="K33874" s="2">
        <v>0</v>
      </c>
      <c r="L33874" t="s">
        <v>120</v>
      </c>
      <c r="M33874" t="s">
        <v>83</v>
      </c>
      <c r="N33874" t="s">
        <v>84</v>
      </c>
      <c r="O33874" t="s">
        <v>85</v>
      </c>
      <c r="P33874" t="s">
        <v>86</v>
      </c>
      <c r="Q33874">
        <v>60</v>
      </c>
      <c r="R33874">
        <v>61</v>
      </c>
      <c r="S33874">
        <v>63</v>
      </c>
      <c r="T33874">
        <v>64</v>
      </c>
      <c r="U33874">
        <v>65</v>
      </c>
      <c r="V33874">
        <v>67</v>
      </c>
      <c r="W33874">
        <v>68</v>
      </c>
      <c r="X33874">
        <v>70</v>
      </c>
      <c r="Y33874">
        <v>71</v>
      </c>
      <c r="Z33874">
        <v>73</v>
      </c>
      <c r="AA33874">
        <v>74</v>
      </c>
      <c r="AB33874">
        <v>76</v>
      </c>
      <c r="AC33874">
        <v>77</v>
      </c>
      <c r="AD33874">
        <v>79</v>
      </c>
      <c r="AE33874">
        <v>80</v>
      </c>
      <c r="AF33874">
        <v>82</v>
      </c>
      <c r="AG33874">
        <v>84</v>
      </c>
      <c r="AH33874">
        <v>85</v>
      </c>
      <c r="AI33874">
        <v>87</v>
      </c>
      <c r="AJ33874">
        <v>89</v>
      </c>
      <c r="AK33874">
        <v>90</v>
      </c>
      <c r="AL33874">
        <v>92</v>
      </c>
      <c r="AM33874">
        <v>93</v>
      </c>
      <c r="AN33874">
        <v>94</v>
      </c>
      <c r="AO33874">
        <v>95</v>
      </c>
      <c r="AP33874">
        <v>96</v>
      </c>
      <c r="AQ33874">
        <v>97</v>
      </c>
    </row>
    <row r="33875" spans="1:43">
      <c r="A33875" t="s">
        <v>20981</v>
      </c>
      <c r="B33875" t="s">
        <v>20982</v>
      </c>
      <c r="C33875" t="s">
        <v>20879</v>
      </c>
      <c r="D33875" t="s">
        <v>20880</v>
      </c>
      <c r="E33875" t="s">
        <v>20787</v>
      </c>
      <c r="F33875" t="s">
        <v>20788</v>
      </c>
      <c r="G33875" t="s">
        <v>20255</v>
      </c>
      <c r="H33875" t="s">
        <v>20256</v>
      </c>
      <c r="I33875" s="2">
        <v>1</v>
      </c>
      <c r="J33875" s="2">
        <v>0</v>
      </c>
      <c r="K33875" s="2">
        <v>0</v>
      </c>
      <c r="L33875" t="s">
        <v>120</v>
      </c>
      <c r="M33875" t="s">
        <v>87</v>
      </c>
      <c r="N33875" t="s">
        <v>88</v>
      </c>
      <c r="O33875" t="s">
        <v>85</v>
      </c>
      <c r="P33875" t="s">
        <v>86</v>
      </c>
      <c r="Q33875">
        <v>60</v>
      </c>
      <c r="R33875">
        <v>61</v>
      </c>
      <c r="S33875">
        <v>62</v>
      </c>
      <c r="T33875">
        <v>63</v>
      </c>
      <c r="U33875">
        <v>64</v>
      </c>
      <c r="V33875">
        <v>64</v>
      </c>
      <c r="W33875">
        <v>65</v>
      </c>
      <c r="X33875">
        <v>66</v>
      </c>
      <c r="Y33875">
        <v>67</v>
      </c>
      <c r="Z33875">
        <v>68</v>
      </c>
      <c r="AA33875">
        <v>69</v>
      </c>
      <c r="AB33875">
        <v>69</v>
      </c>
      <c r="AC33875">
        <v>70</v>
      </c>
      <c r="AD33875">
        <v>71</v>
      </c>
      <c r="AE33875">
        <v>72</v>
      </c>
      <c r="AF33875">
        <v>73</v>
      </c>
      <c r="AG33875">
        <v>74</v>
      </c>
      <c r="AH33875">
        <v>75</v>
      </c>
      <c r="AI33875">
        <v>76</v>
      </c>
      <c r="AJ33875">
        <v>77</v>
      </c>
      <c r="AK33875">
        <v>78</v>
      </c>
      <c r="AL33875">
        <v>79</v>
      </c>
      <c r="AM33875">
        <v>80</v>
      </c>
      <c r="AN33875">
        <v>82</v>
      </c>
      <c r="AO33875">
        <v>83</v>
      </c>
      <c r="AP33875">
        <v>84</v>
      </c>
      <c r="AQ33875">
        <v>85</v>
      </c>
    </row>
    <row r="33876" spans="1:43">
      <c r="A33876" t="s">
        <v>20981</v>
      </c>
      <c r="B33876" t="s">
        <v>20982</v>
      </c>
      <c r="C33876" t="s">
        <v>20879</v>
      </c>
      <c r="D33876" t="s">
        <v>20880</v>
      </c>
      <c r="E33876" t="s">
        <v>20787</v>
      </c>
      <c r="F33876" t="s">
        <v>20788</v>
      </c>
      <c r="G33876" t="s">
        <v>20255</v>
      </c>
      <c r="H33876" t="s">
        <v>20256</v>
      </c>
      <c r="I33876" s="2">
        <v>1</v>
      </c>
      <c r="J33876" s="2">
        <v>0</v>
      </c>
      <c r="K33876" s="2">
        <v>0</v>
      </c>
      <c r="L33876" t="s">
        <v>120</v>
      </c>
      <c r="M33876" t="s">
        <v>89</v>
      </c>
      <c r="N33876" t="s">
        <v>90</v>
      </c>
      <c r="O33876" t="s">
        <v>85</v>
      </c>
      <c r="P33876" t="s">
        <v>86</v>
      </c>
      <c r="Q33876">
        <v>60</v>
      </c>
      <c r="R33876">
        <v>62</v>
      </c>
      <c r="S33876">
        <v>64</v>
      </c>
      <c r="T33876">
        <v>66</v>
      </c>
      <c r="U33876">
        <v>68</v>
      </c>
      <c r="V33876">
        <v>70</v>
      </c>
      <c r="W33876">
        <v>72</v>
      </c>
      <c r="X33876">
        <v>73</v>
      </c>
      <c r="Y33876">
        <v>75</v>
      </c>
      <c r="Z33876">
        <v>77</v>
      </c>
      <c r="AA33876">
        <v>79</v>
      </c>
      <c r="AB33876">
        <v>81</v>
      </c>
      <c r="AC33876">
        <v>83</v>
      </c>
      <c r="AD33876">
        <v>84</v>
      </c>
      <c r="AE33876">
        <v>86</v>
      </c>
      <c r="AF33876">
        <v>87</v>
      </c>
      <c r="AG33876">
        <v>88</v>
      </c>
      <c r="AH33876">
        <v>89</v>
      </c>
      <c r="AI33876">
        <v>90</v>
      </c>
      <c r="AJ33876">
        <v>91</v>
      </c>
      <c r="AK33876">
        <v>92</v>
      </c>
      <c r="AL33876">
        <v>93</v>
      </c>
      <c r="AM33876">
        <v>94</v>
      </c>
      <c r="AN33876">
        <v>95</v>
      </c>
      <c r="AO33876">
        <v>96</v>
      </c>
      <c r="AP33876">
        <v>97</v>
      </c>
      <c r="AQ33876">
        <v>98</v>
      </c>
    </row>
    <row r="33877" spans="1:43">
      <c r="A33877" t="s">
        <v>20981</v>
      </c>
      <c r="B33877" t="s">
        <v>20982</v>
      </c>
      <c r="C33877" t="s">
        <v>20879</v>
      </c>
      <c r="D33877" t="s">
        <v>20880</v>
      </c>
      <c r="E33877" t="s">
        <v>20787</v>
      </c>
      <c r="F33877" t="s">
        <v>20788</v>
      </c>
      <c r="G33877" t="s">
        <v>20255</v>
      </c>
      <c r="H33877" t="s">
        <v>20256</v>
      </c>
      <c r="I33877" s="2">
        <v>1</v>
      </c>
      <c r="J33877" s="2">
        <v>0</v>
      </c>
      <c r="K33877" s="2">
        <v>0</v>
      </c>
      <c r="L33877" t="s">
        <v>120</v>
      </c>
      <c r="M33877" t="s">
        <v>83</v>
      </c>
      <c r="N33877" t="s">
        <v>91</v>
      </c>
      <c r="O33877" t="s">
        <v>85</v>
      </c>
      <c r="P33877" t="s">
        <v>86</v>
      </c>
      <c r="Q33877">
        <v>60</v>
      </c>
      <c r="R33877">
        <v>61</v>
      </c>
      <c r="S33877">
        <v>63</v>
      </c>
      <c r="T33877">
        <v>64</v>
      </c>
      <c r="U33877">
        <v>65</v>
      </c>
      <c r="V33877">
        <v>67</v>
      </c>
      <c r="W33877">
        <v>68</v>
      </c>
      <c r="X33877">
        <v>70</v>
      </c>
      <c r="Y33877">
        <v>71</v>
      </c>
      <c r="Z33877">
        <v>73</v>
      </c>
      <c r="AA33877">
        <v>74</v>
      </c>
      <c r="AB33877">
        <v>76</v>
      </c>
      <c r="AC33877">
        <v>77</v>
      </c>
      <c r="AD33877">
        <v>79</v>
      </c>
      <c r="AE33877">
        <v>80</v>
      </c>
      <c r="AF33877">
        <v>82</v>
      </c>
      <c r="AG33877">
        <v>84</v>
      </c>
      <c r="AH33877">
        <v>85</v>
      </c>
      <c r="AI33877">
        <v>87</v>
      </c>
      <c r="AJ33877">
        <v>89</v>
      </c>
      <c r="AK33877">
        <v>90</v>
      </c>
      <c r="AL33877">
        <v>92</v>
      </c>
      <c r="AM33877">
        <v>93</v>
      </c>
      <c r="AN33877">
        <v>94</v>
      </c>
      <c r="AO33877">
        <v>95</v>
      </c>
      <c r="AP33877">
        <v>96</v>
      </c>
      <c r="AQ33877">
        <v>97</v>
      </c>
    </row>
    <row r="33878" spans="1:43">
      <c r="A33878" t="s">
        <v>20983</v>
      </c>
      <c r="B33878" t="s">
        <v>20984</v>
      </c>
      <c r="C33878" t="s">
        <v>20879</v>
      </c>
      <c r="D33878" t="s">
        <v>20880</v>
      </c>
      <c r="E33878" t="s">
        <v>20787</v>
      </c>
      <c r="F33878" t="s">
        <v>20788</v>
      </c>
      <c r="G33878" t="s">
        <v>20255</v>
      </c>
      <c r="H33878" t="s">
        <v>20256</v>
      </c>
      <c r="I33878" s="2">
        <v>1</v>
      </c>
      <c r="J33878" s="2">
        <v>0</v>
      </c>
      <c r="K33878" s="2">
        <v>0</v>
      </c>
      <c r="L33878" t="s">
        <v>120</v>
      </c>
      <c r="M33878" t="s">
        <v>83</v>
      </c>
      <c r="N33878" t="s">
        <v>84</v>
      </c>
      <c r="O33878" t="s">
        <v>85</v>
      </c>
      <c r="P33878" t="s">
        <v>86</v>
      </c>
      <c r="Q33878">
        <v>43</v>
      </c>
      <c r="R33878">
        <v>44</v>
      </c>
      <c r="S33878">
        <v>45</v>
      </c>
      <c r="T33878">
        <v>46</v>
      </c>
      <c r="U33878">
        <v>46</v>
      </c>
      <c r="V33878">
        <v>47</v>
      </c>
      <c r="W33878">
        <v>48</v>
      </c>
      <c r="X33878">
        <v>49</v>
      </c>
      <c r="Y33878">
        <v>50</v>
      </c>
      <c r="Z33878">
        <v>51</v>
      </c>
      <c r="AA33878">
        <v>52</v>
      </c>
      <c r="AB33878">
        <v>53</v>
      </c>
      <c r="AC33878">
        <v>54</v>
      </c>
      <c r="AD33878">
        <v>55</v>
      </c>
      <c r="AE33878">
        <v>56</v>
      </c>
      <c r="AF33878">
        <v>57</v>
      </c>
      <c r="AG33878">
        <v>58</v>
      </c>
      <c r="AH33878">
        <v>59</v>
      </c>
      <c r="AI33878">
        <v>60</v>
      </c>
      <c r="AJ33878">
        <v>61</v>
      </c>
      <c r="AK33878">
        <v>63</v>
      </c>
      <c r="AL33878">
        <v>63</v>
      </c>
      <c r="AM33878">
        <v>64</v>
      </c>
      <c r="AN33878">
        <v>64</v>
      </c>
      <c r="AO33878">
        <v>65</v>
      </c>
      <c r="AP33878">
        <v>66</v>
      </c>
      <c r="AQ33878">
        <v>66</v>
      </c>
    </row>
    <row r="33879" spans="1:43">
      <c r="A33879" t="s">
        <v>20983</v>
      </c>
      <c r="B33879" t="s">
        <v>20984</v>
      </c>
      <c r="C33879" t="s">
        <v>20879</v>
      </c>
      <c r="D33879" t="s">
        <v>20880</v>
      </c>
      <c r="E33879" t="s">
        <v>20787</v>
      </c>
      <c r="F33879" t="s">
        <v>20788</v>
      </c>
      <c r="G33879" t="s">
        <v>20255</v>
      </c>
      <c r="H33879" t="s">
        <v>20256</v>
      </c>
      <c r="I33879" s="2">
        <v>1</v>
      </c>
      <c r="J33879" s="2">
        <v>0</v>
      </c>
      <c r="K33879" s="2">
        <v>0</v>
      </c>
      <c r="L33879" t="s">
        <v>120</v>
      </c>
      <c r="M33879" t="s">
        <v>87</v>
      </c>
      <c r="N33879" t="s">
        <v>88</v>
      </c>
      <c r="O33879" t="s">
        <v>85</v>
      </c>
      <c r="P33879" t="s">
        <v>86</v>
      </c>
      <c r="Q33879">
        <v>43</v>
      </c>
      <c r="R33879">
        <v>44</v>
      </c>
      <c r="S33879">
        <v>44</v>
      </c>
      <c r="T33879">
        <v>45</v>
      </c>
      <c r="U33879">
        <v>45</v>
      </c>
      <c r="V33879">
        <v>46</v>
      </c>
      <c r="W33879">
        <v>46</v>
      </c>
      <c r="X33879">
        <v>47</v>
      </c>
      <c r="Y33879">
        <v>47</v>
      </c>
      <c r="Z33879">
        <v>48</v>
      </c>
      <c r="AA33879">
        <v>49</v>
      </c>
      <c r="AB33879">
        <v>49</v>
      </c>
      <c r="AC33879">
        <v>50</v>
      </c>
      <c r="AD33879">
        <v>50</v>
      </c>
      <c r="AE33879">
        <v>51</v>
      </c>
      <c r="AF33879">
        <v>51</v>
      </c>
      <c r="AG33879">
        <v>52</v>
      </c>
      <c r="AH33879">
        <v>53</v>
      </c>
      <c r="AI33879">
        <v>53</v>
      </c>
      <c r="AJ33879">
        <v>54</v>
      </c>
      <c r="AK33879">
        <v>55</v>
      </c>
      <c r="AL33879">
        <v>55</v>
      </c>
      <c r="AM33879">
        <v>56</v>
      </c>
      <c r="AN33879">
        <v>57</v>
      </c>
      <c r="AO33879">
        <v>57</v>
      </c>
      <c r="AP33879">
        <v>58</v>
      </c>
      <c r="AQ33879">
        <v>59</v>
      </c>
    </row>
    <row r="33880" spans="1:43">
      <c r="A33880" t="s">
        <v>20983</v>
      </c>
      <c r="B33880" t="s">
        <v>20984</v>
      </c>
      <c r="C33880" t="s">
        <v>20879</v>
      </c>
      <c r="D33880" t="s">
        <v>20880</v>
      </c>
      <c r="E33880" t="s">
        <v>20787</v>
      </c>
      <c r="F33880" t="s">
        <v>20788</v>
      </c>
      <c r="G33880" t="s">
        <v>20255</v>
      </c>
      <c r="H33880" t="s">
        <v>20256</v>
      </c>
      <c r="I33880" s="2">
        <v>1</v>
      </c>
      <c r="J33880" s="2">
        <v>0</v>
      </c>
      <c r="K33880" s="2">
        <v>0</v>
      </c>
      <c r="L33880" t="s">
        <v>120</v>
      </c>
      <c r="M33880" t="s">
        <v>89</v>
      </c>
      <c r="N33880" t="s">
        <v>90</v>
      </c>
      <c r="O33880" t="s">
        <v>85</v>
      </c>
      <c r="P33880" t="s">
        <v>86</v>
      </c>
      <c r="Q33880">
        <v>43</v>
      </c>
      <c r="R33880">
        <v>44</v>
      </c>
      <c r="S33880">
        <v>46</v>
      </c>
      <c r="T33880">
        <v>47</v>
      </c>
      <c r="U33880">
        <v>48</v>
      </c>
      <c r="V33880">
        <v>50</v>
      </c>
      <c r="W33880">
        <v>51</v>
      </c>
      <c r="X33880">
        <v>52</v>
      </c>
      <c r="Y33880">
        <v>53</v>
      </c>
      <c r="Z33880">
        <v>54</v>
      </c>
      <c r="AA33880">
        <v>55</v>
      </c>
      <c r="AB33880">
        <v>57</v>
      </c>
      <c r="AC33880">
        <v>58</v>
      </c>
      <c r="AD33880">
        <v>59</v>
      </c>
      <c r="AE33880">
        <v>60</v>
      </c>
      <c r="AF33880">
        <v>61</v>
      </c>
      <c r="AG33880">
        <v>61</v>
      </c>
      <c r="AH33880">
        <v>62</v>
      </c>
      <c r="AI33880">
        <v>62</v>
      </c>
      <c r="AJ33880">
        <v>63</v>
      </c>
      <c r="AK33880">
        <v>63</v>
      </c>
      <c r="AL33880">
        <v>64</v>
      </c>
      <c r="AM33880">
        <v>64</v>
      </c>
      <c r="AN33880">
        <v>65</v>
      </c>
      <c r="AO33880">
        <v>65</v>
      </c>
      <c r="AP33880">
        <v>66</v>
      </c>
      <c r="AQ33880">
        <v>67</v>
      </c>
    </row>
    <row r="33881" spans="1:43">
      <c r="A33881" t="s">
        <v>20983</v>
      </c>
      <c r="B33881" t="s">
        <v>20984</v>
      </c>
      <c r="C33881" t="s">
        <v>20879</v>
      </c>
      <c r="D33881" t="s">
        <v>20880</v>
      </c>
      <c r="E33881" t="s">
        <v>20787</v>
      </c>
      <c r="F33881" t="s">
        <v>20788</v>
      </c>
      <c r="G33881" t="s">
        <v>20255</v>
      </c>
      <c r="H33881" t="s">
        <v>20256</v>
      </c>
      <c r="I33881" s="2">
        <v>1</v>
      </c>
      <c r="J33881" s="2">
        <v>0</v>
      </c>
      <c r="K33881" s="2">
        <v>0</v>
      </c>
      <c r="L33881" t="s">
        <v>120</v>
      </c>
      <c r="M33881" t="s">
        <v>83</v>
      </c>
      <c r="N33881" t="s">
        <v>91</v>
      </c>
      <c r="O33881" t="s">
        <v>85</v>
      </c>
      <c r="P33881" t="s">
        <v>86</v>
      </c>
      <c r="Q33881">
        <v>43</v>
      </c>
      <c r="R33881">
        <v>44</v>
      </c>
      <c r="S33881">
        <v>45</v>
      </c>
      <c r="T33881">
        <v>46</v>
      </c>
      <c r="U33881">
        <v>46</v>
      </c>
      <c r="V33881">
        <v>47</v>
      </c>
      <c r="W33881">
        <v>48</v>
      </c>
      <c r="X33881">
        <v>49</v>
      </c>
      <c r="Y33881">
        <v>50</v>
      </c>
      <c r="Z33881">
        <v>51</v>
      </c>
      <c r="AA33881">
        <v>52</v>
      </c>
      <c r="AB33881">
        <v>53</v>
      </c>
      <c r="AC33881">
        <v>54</v>
      </c>
      <c r="AD33881">
        <v>55</v>
      </c>
      <c r="AE33881">
        <v>56</v>
      </c>
      <c r="AF33881">
        <v>57</v>
      </c>
      <c r="AG33881">
        <v>58</v>
      </c>
      <c r="AH33881">
        <v>59</v>
      </c>
      <c r="AI33881">
        <v>60</v>
      </c>
      <c r="AJ33881">
        <v>61</v>
      </c>
      <c r="AK33881">
        <v>63</v>
      </c>
      <c r="AL33881">
        <v>63</v>
      </c>
      <c r="AM33881">
        <v>64</v>
      </c>
      <c r="AN33881">
        <v>64</v>
      </c>
      <c r="AO33881">
        <v>65</v>
      </c>
      <c r="AP33881">
        <v>66</v>
      </c>
      <c r="AQ33881">
        <v>66</v>
      </c>
    </row>
    <row r="33882" spans="1:43">
      <c r="A33882" t="s">
        <v>20985</v>
      </c>
      <c r="B33882" t="s">
        <v>20986</v>
      </c>
      <c r="C33882" t="s">
        <v>20987</v>
      </c>
      <c r="D33882" t="s">
        <v>20988</v>
      </c>
      <c r="E33882" t="s">
        <v>20989</v>
      </c>
      <c r="F33882" t="s">
        <v>20990</v>
      </c>
      <c r="G33882" t="s">
        <v>20255</v>
      </c>
      <c r="H33882" t="s">
        <v>20256</v>
      </c>
      <c r="I33882" s="2">
        <v>1</v>
      </c>
      <c r="J33882" s="2">
        <v>0</v>
      </c>
      <c r="K33882" s="2">
        <v>0</v>
      </c>
      <c r="L33882" t="s">
        <v>120</v>
      </c>
      <c r="M33882" t="s">
        <v>83</v>
      </c>
      <c r="N33882" t="s">
        <v>84</v>
      </c>
      <c r="O33882" t="s">
        <v>85</v>
      </c>
      <c r="P33882" t="s">
        <v>86</v>
      </c>
      <c r="Q33882">
        <v>58</v>
      </c>
      <c r="R33882">
        <v>59</v>
      </c>
      <c r="S33882">
        <v>61</v>
      </c>
      <c r="T33882">
        <v>63</v>
      </c>
      <c r="U33882">
        <v>64</v>
      </c>
      <c r="V33882">
        <v>66</v>
      </c>
      <c r="W33882">
        <v>68</v>
      </c>
      <c r="X33882">
        <v>69</v>
      </c>
      <c r="Y33882">
        <v>71</v>
      </c>
      <c r="Z33882">
        <v>73</v>
      </c>
      <c r="AA33882">
        <v>75</v>
      </c>
      <c r="AB33882">
        <v>77</v>
      </c>
      <c r="AC33882">
        <v>78</v>
      </c>
      <c r="AD33882">
        <v>80</v>
      </c>
      <c r="AE33882">
        <v>82</v>
      </c>
      <c r="AF33882">
        <v>84</v>
      </c>
      <c r="AG33882">
        <v>86</v>
      </c>
      <c r="AH33882">
        <v>88</v>
      </c>
      <c r="AI33882">
        <v>91</v>
      </c>
      <c r="AJ33882">
        <v>93</v>
      </c>
      <c r="AK33882">
        <v>95</v>
      </c>
      <c r="AL33882">
        <v>97</v>
      </c>
      <c r="AM33882">
        <v>98</v>
      </c>
      <c r="AN33882">
        <v>99</v>
      </c>
      <c r="AO33882">
        <v>101</v>
      </c>
      <c r="AP33882">
        <v>102</v>
      </c>
      <c r="AQ33882">
        <v>104</v>
      </c>
    </row>
    <row r="33883" spans="1:43">
      <c r="A33883" t="s">
        <v>20985</v>
      </c>
      <c r="B33883" t="s">
        <v>20986</v>
      </c>
      <c r="C33883" t="s">
        <v>20987</v>
      </c>
      <c r="D33883" t="s">
        <v>20988</v>
      </c>
      <c r="E33883" t="s">
        <v>20989</v>
      </c>
      <c r="F33883" t="s">
        <v>20990</v>
      </c>
      <c r="G33883" t="s">
        <v>20255</v>
      </c>
      <c r="H33883" t="s">
        <v>20256</v>
      </c>
      <c r="I33883" s="2">
        <v>1</v>
      </c>
      <c r="J33883" s="2">
        <v>0</v>
      </c>
      <c r="K33883" s="2">
        <v>0</v>
      </c>
      <c r="L33883" t="s">
        <v>120</v>
      </c>
      <c r="M33883" t="s">
        <v>87</v>
      </c>
      <c r="N33883" t="s">
        <v>88</v>
      </c>
      <c r="O33883" t="s">
        <v>85</v>
      </c>
      <c r="P33883" t="s">
        <v>86</v>
      </c>
      <c r="Q33883">
        <v>58</v>
      </c>
      <c r="R33883">
        <v>59</v>
      </c>
      <c r="S33883">
        <v>60</v>
      </c>
      <c r="T33883">
        <v>61</v>
      </c>
      <c r="U33883">
        <v>62</v>
      </c>
      <c r="V33883">
        <v>63</v>
      </c>
      <c r="W33883">
        <v>65</v>
      </c>
      <c r="X33883">
        <v>66</v>
      </c>
      <c r="Y33883">
        <v>67</v>
      </c>
      <c r="Z33883">
        <v>68</v>
      </c>
      <c r="AA33883">
        <v>69</v>
      </c>
      <c r="AB33883">
        <v>70</v>
      </c>
      <c r="AC33883">
        <v>71</v>
      </c>
      <c r="AD33883">
        <v>73</v>
      </c>
      <c r="AE33883">
        <v>74</v>
      </c>
      <c r="AF33883">
        <v>75</v>
      </c>
      <c r="AG33883">
        <v>76</v>
      </c>
      <c r="AH33883">
        <v>78</v>
      </c>
      <c r="AI33883">
        <v>79</v>
      </c>
      <c r="AJ33883">
        <v>80</v>
      </c>
      <c r="AK33883">
        <v>82</v>
      </c>
      <c r="AL33883">
        <v>83</v>
      </c>
      <c r="AM33883">
        <v>85</v>
      </c>
      <c r="AN33883">
        <v>86</v>
      </c>
      <c r="AO33883">
        <v>88</v>
      </c>
      <c r="AP33883">
        <v>89</v>
      </c>
      <c r="AQ33883">
        <v>91</v>
      </c>
    </row>
    <row r="33884" spans="1:43">
      <c r="A33884" t="s">
        <v>20985</v>
      </c>
      <c r="B33884" t="s">
        <v>20986</v>
      </c>
      <c r="C33884" t="s">
        <v>20987</v>
      </c>
      <c r="D33884" t="s">
        <v>20988</v>
      </c>
      <c r="E33884" t="s">
        <v>20989</v>
      </c>
      <c r="F33884" t="s">
        <v>20990</v>
      </c>
      <c r="G33884" t="s">
        <v>20255</v>
      </c>
      <c r="H33884" t="s">
        <v>20256</v>
      </c>
      <c r="I33884" s="2">
        <v>1</v>
      </c>
      <c r="J33884" s="2">
        <v>0</v>
      </c>
      <c r="K33884" s="2">
        <v>0</v>
      </c>
      <c r="L33884" t="s">
        <v>120</v>
      </c>
      <c r="M33884" t="s">
        <v>89</v>
      </c>
      <c r="N33884" t="s">
        <v>90</v>
      </c>
      <c r="O33884" t="s">
        <v>85</v>
      </c>
      <c r="P33884" t="s">
        <v>86</v>
      </c>
      <c r="Q33884">
        <v>58</v>
      </c>
      <c r="R33884">
        <v>60</v>
      </c>
      <c r="S33884">
        <v>62</v>
      </c>
      <c r="T33884">
        <v>65</v>
      </c>
      <c r="U33884">
        <v>67</v>
      </c>
      <c r="V33884">
        <v>69</v>
      </c>
      <c r="W33884">
        <v>71</v>
      </c>
      <c r="X33884">
        <v>73</v>
      </c>
      <c r="Y33884">
        <v>75</v>
      </c>
      <c r="Z33884">
        <v>77</v>
      </c>
      <c r="AA33884">
        <v>80</v>
      </c>
      <c r="AB33884">
        <v>82</v>
      </c>
      <c r="AC33884">
        <v>84</v>
      </c>
      <c r="AD33884">
        <v>86</v>
      </c>
      <c r="AE33884">
        <v>88</v>
      </c>
      <c r="AF33884">
        <v>90</v>
      </c>
      <c r="AG33884">
        <v>91</v>
      </c>
      <c r="AH33884">
        <v>92</v>
      </c>
      <c r="AI33884">
        <v>93</v>
      </c>
      <c r="AJ33884">
        <v>95</v>
      </c>
      <c r="AK33884">
        <v>96</v>
      </c>
      <c r="AL33884">
        <v>97</v>
      </c>
      <c r="AM33884">
        <v>99</v>
      </c>
      <c r="AN33884">
        <v>100</v>
      </c>
      <c r="AO33884">
        <v>102</v>
      </c>
      <c r="AP33884">
        <v>103</v>
      </c>
      <c r="AQ33884">
        <v>104</v>
      </c>
    </row>
    <row r="33885" spans="1:43">
      <c r="A33885" t="s">
        <v>20985</v>
      </c>
      <c r="B33885" t="s">
        <v>20986</v>
      </c>
      <c r="C33885" t="s">
        <v>20987</v>
      </c>
      <c r="D33885" t="s">
        <v>20988</v>
      </c>
      <c r="E33885" t="s">
        <v>20989</v>
      </c>
      <c r="F33885" t="s">
        <v>20990</v>
      </c>
      <c r="G33885" t="s">
        <v>20255</v>
      </c>
      <c r="H33885" t="s">
        <v>20256</v>
      </c>
      <c r="I33885" s="2">
        <v>1</v>
      </c>
      <c r="J33885" s="2">
        <v>0</v>
      </c>
      <c r="K33885" s="2">
        <v>0</v>
      </c>
      <c r="L33885" t="s">
        <v>120</v>
      </c>
      <c r="M33885" t="s">
        <v>83</v>
      </c>
      <c r="N33885" t="s">
        <v>91</v>
      </c>
      <c r="O33885" t="s">
        <v>85</v>
      </c>
      <c r="P33885" t="s">
        <v>86</v>
      </c>
      <c r="Q33885">
        <v>58</v>
      </c>
      <c r="R33885">
        <v>59</v>
      </c>
      <c r="S33885">
        <v>61</v>
      </c>
      <c r="T33885">
        <v>63</v>
      </c>
      <c r="U33885">
        <v>64</v>
      </c>
      <c r="V33885">
        <v>66</v>
      </c>
      <c r="W33885">
        <v>68</v>
      </c>
      <c r="X33885">
        <v>69</v>
      </c>
      <c r="Y33885">
        <v>71</v>
      </c>
      <c r="Z33885">
        <v>73</v>
      </c>
      <c r="AA33885">
        <v>75</v>
      </c>
      <c r="AB33885">
        <v>77</v>
      </c>
      <c r="AC33885">
        <v>78</v>
      </c>
      <c r="AD33885">
        <v>80</v>
      </c>
      <c r="AE33885">
        <v>82</v>
      </c>
      <c r="AF33885">
        <v>84</v>
      </c>
      <c r="AG33885">
        <v>86</v>
      </c>
      <c r="AH33885">
        <v>88</v>
      </c>
      <c r="AI33885">
        <v>91</v>
      </c>
      <c r="AJ33885">
        <v>93</v>
      </c>
      <c r="AK33885">
        <v>95</v>
      </c>
      <c r="AL33885">
        <v>97</v>
      </c>
      <c r="AM33885">
        <v>98</v>
      </c>
      <c r="AN33885">
        <v>99</v>
      </c>
      <c r="AO33885">
        <v>101</v>
      </c>
      <c r="AP33885">
        <v>102</v>
      </c>
      <c r="AQ33885">
        <v>104</v>
      </c>
    </row>
    <row r="33886" spans="1:43">
      <c r="A33886" t="s">
        <v>20991</v>
      </c>
      <c r="B33886" t="s">
        <v>20992</v>
      </c>
      <c r="C33886" t="s">
        <v>20987</v>
      </c>
      <c r="D33886" t="s">
        <v>20988</v>
      </c>
      <c r="E33886" t="s">
        <v>20989</v>
      </c>
      <c r="F33886" t="s">
        <v>20990</v>
      </c>
      <c r="G33886" t="s">
        <v>20255</v>
      </c>
      <c r="H33886" t="s">
        <v>20256</v>
      </c>
      <c r="I33886" s="2">
        <v>1</v>
      </c>
      <c r="J33886" s="2">
        <v>0</v>
      </c>
      <c r="K33886" s="2">
        <v>0</v>
      </c>
      <c r="L33886" t="s">
        <v>120</v>
      </c>
      <c r="M33886" t="s">
        <v>83</v>
      </c>
      <c r="N33886" t="s">
        <v>84</v>
      </c>
      <c r="O33886" t="s">
        <v>85</v>
      </c>
      <c r="P33886" t="s">
        <v>86</v>
      </c>
      <c r="Q33886">
        <v>29</v>
      </c>
      <c r="R33886">
        <v>29</v>
      </c>
      <c r="S33886">
        <v>30</v>
      </c>
      <c r="T33886">
        <v>31</v>
      </c>
      <c r="U33886">
        <v>32</v>
      </c>
      <c r="V33886">
        <v>32</v>
      </c>
      <c r="W33886">
        <v>33</v>
      </c>
      <c r="X33886">
        <v>34</v>
      </c>
      <c r="Y33886">
        <v>35</v>
      </c>
      <c r="Z33886">
        <v>36</v>
      </c>
      <c r="AA33886">
        <v>36</v>
      </c>
      <c r="AB33886">
        <v>37</v>
      </c>
      <c r="AC33886">
        <v>38</v>
      </c>
      <c r="AD33886">
        <v>39</v>
      </c>
      <c r="AE33886">
        <v>40</v>
      </c>
      <c r="AF33886">
        <v>41</v>
      </c>
      <c r="AG33886">
        <v>42</v>
      </c>
      <c r="AH33886">
        <v>43</v>
      </c>
      <c r="AI33886">
        <v>44</v>
      </c>
      <c r="AJ33886">
        <v>45</v>
      </c>
      <c r="AK33886">
        <v>46</v>
      </c>
      <c r="AL33886">
        <v>46</v>
      </c>
      <c r="AM33886">
        <v>47</v>
      </c>
      <c r="AN33886">
        <v>48</v>
      </c>
      <c r="AO33886">
        <v>48</v>
      </c>
      <c r="AP33886">
        <v>49</v>
      </c>
      <c r="AQ33886">
        <v>49</v>
      </c>
    </row>
    <row r="33887" spans="1:43">
      <c r="A33887" t="s">
        <v>20991</v>
      </c>
      <c r="B33887" t="s">
        <v>20992</v>
      </c>
      <c r="C33887" t="s">
        <v>20987</v>
      </c>
      <c r="D33887" t="s">
        <v>20988</v>
      </c>
      <c r="E33887" t="s">
        <v>20989</v>
      </c>
      <c r="F33887" t="s">
        <v>20990</v>
      </c>
      <c r="G33887" t="s">
        <v>20255</v>
      </c>
      <c r="H33887" t="s">
        <v>20256</v>
      </c>
      <c r="I33887" s="2">
        <v>1</v>
      </c>
      <c r="J33887" s="2">
        <v>0</v>
      </c>
      <c r="K33887" s="2">
        <v>0</v>
      </c>
      <c r="L33887" t="s">
        <v>120</v>
      </c>
      <c r="M33887" t="s">
        <v>87</v>
      </c>
      <c r="N33887" t="s">
        <v>88</v>
      </c>
      <c r="O33887" t="s">
        <v>85</v>
      </c>
      <c r="P33887" t="s">
        <v>86</v>
      </c>
      <c r="Q33887">
        <v>29</v>
      </c>
      <c r="R33887">
        <v>30</v>
      </c>
      <c r="S33887">
        <v>30</v>
      </c>
      <c r="T33887">
        <v>31</v>
      </c>
      <c r="U33887">
        <v>31</v>
      </c>
      <c r="V33887">
        <v>32</v>
      </c>
      <c r="W33887">
        <v>32</v>
      </c>
      <c r="X33887">
        <v>33</v>
      </c>
      <c r="Y33887">
        <v>33</v>
      </c>
      <c r="Z33887">
        <v>34</v>
      </c>
      <c r="AA33887">
        <v>34</v>
      </c>
      <c r="AB33887">
        <v>35</v>
      </c>
      <c r="AC33887">
        <v>35</v>
      </c>
      <c r="AD33887">
        <v>36</v>
      </c>
      <c r="AE33887">
        <v>36</v>
      </c>
      <c r="AF33887">
        <v>37</v>
      </c>
      <c r="AG33887">
        <v>38</v>
      </c>
      <c r="AH33887">
        <v>38</v>
      </c>
      <c r="AI33887">
        <v>39</v>
      </c>
      <c r="AJ33887">
        <v>39</v>
      </c>
      <c r="AK33887">
        <v>40</v>
      </c>
      <c r="AL33887">
        <v>41</v>
      </c>
      <c r="AM33887">
        <v>41</v>
      </c>
      <c r="AN33887">
        <v>42</v>
      </c>
      <c r="AO33887">
        <v>43</v>
      </c>
      <c r="AP33887">
        <v>43</v>
      </c>
      <c r="AQ33887">
        <v>44</v>
      </c>
    </row>
    <row r="33888" spans="1:43">
      <c r="A33888" t="s">
        <v>20991</v>
      </c>
      <c r="B33888" t="s">
        <v>20992</v>
      </c>
      <c r="C33888" t="s">
        <v>20987</v>
      </c>
      <c r="D33888" t="s">
        <v>20988</v>
      </c>
      <c r="E33888" t="s">
        <v>20989</v>
      </c>
      <c r="F33888" t="s">
        <v>20990</v>
      </c>
      <c r="G33888" t="s">
        <v>20255</v>
      </c>
      <c r="H33888" t="s">
        <v>20256</v>
      </c>
      <c r="I33888" s="2">
        <v>1</v>
      </c>
      <c r="J33888" s="2">
        <v>0</v>
      </c>
      <c r="K33888" s="2">
        <v>0</v>
      </c>
      <c r="L33888" t="s">
        <v>120</v>
      </c>
      <c r="M33888" t="s">
        <v>89</v>
      </c>
      <c r="N33888" t="s">
        <v>90</v>
      </c>
      <c r="O33888" t="s">
        <v>85</v>
      </c>
      <c r="P33888" t="s">
        <v>86</v>
      </c>
      <c r="Q33888">
        <v>29</v>
      </c>
      <c r="R33888">
        <v>30</v>
      </c>
      <c r="S33888">
        <v>31</v>
      </c>
      <c r="T33888">
        <v>32</v>
      </c>
      <c r="U33888">
        <v>33</v>
      </c>
      <c r="V33888">
        <v>34</v>
      </c>
      <c r="W33888">
        <v>35</v>
      </c>
      <c r="X33888">
        <v>36</v>
      </c>
      <c r="Y33888">
        <v>37</v>
      </c>
      <c r="Z33888">
        <v>38</v>
      </c>
      <c r="AA33888">
        <v>39</v>
      </c>
      <c r="AB33888">
        <v>40</v>
      </c>
      <c r="AC33888">
        <v>41</v>
      </c>
      <c r="AD33888">
        <v>42</v>
      </c>
      <c r="AE33888">
        <v>43</v>
      </c>
      <c r="AF33888">
        <v>43</v>
      </c>
      <c r="AG33888">
        <v>44</v>
      </c>
      <c r="AH33888">
        <v>44</v>
      </c>
      <c r="AI33888">
        <v>45</v>
      </c>
      <c r="AJ33888">
        <v>46</v>
      </c>
      <c r="AK33888">
        <v>46</v>
      </c>
      <c r="AL33888">
        <v>47</v>
      </c>
      <c r="AM33888">
        <v>47</v>
      </c>
      <c r="AN33888">
        <v>48</v>
      </c>
      <c r="AO33888">
        <v>48</v>
      </c>
      <c r="AP33888">
        <v>49</v>
      </c>
      <c r="AQ33888">
        <v>50</v>
      </c>
    </row>
    <row r="33889" spans="1:43">
      <c r="A33889" t="s">
        <v>20991</v>
      </c>
      <c r="B33889" t="s">
        <v>20992</v>
      </c>
      <c r="C33889" t="s">
        <v>20987</v>
      </c>
      <c r="D33889" t="s">
        <v>20988</v>
      </c>
      <c r="E33889" t="s">
        <v>20989</v>
      </c>
      <c r="F33889" t="s">
        <v>20990</v>
      </c>
      <c r="G33889" t="s">
        <v>20255</v>
      </c>
      <c r="H33889" t="s">
        <v>20256</v>
      </c>
      <c r="I33889" s="2">
        <v>1</v>
      </c>
      <c r="J33889" s="2">
        <v>0</v>
      </c>
      <c r="K33889" s="2">
        <v>0</v>
      </c>
      <c r="L33889" t="s">
        <v>120</v>
      </c>
      <c r="M33889" t="s">
        <v>83</v>
      </c>
      <c r="N33889" t="s">
        <v>91</v>
      </c>
      <c r="O33889" t="s">
        <v>85</v>
      </c>
      <c r="P33889" t="s">
        <v>86</v>
      </c>
      <c r="Q33889">
        <v>29</v>
      </c>
      <c r="R33889">
        <v>29</v>
      </c>
      <c r="S33889">
        <v>30</v>
      </c>
      <c r="T33889">
        <v>31</v>
      </c>
      <c r="U33889">
        <v>32</v>
      </c>
      <c r="V33889">
        <v>32</v>
      </c>
      <c r="W33889">
        <v>33</v>
      </c>
      <c r="X33889">
        <v>34</v>
      </c>
      <c r="Y33889">
        <v>35</v>
      </c>
      <c r="Z33889">
        <v>36</v>
      </c>
      <c r="AA33889">
        <v>36</v>
      </c>
      <c r="AB33889">
        <v>37</v>
      </c>
      <c r="AC33889">
        <v>38</v>
      </c>
      <c r="AD33889">
        <v>39</v>
      </c>
      <c r="AE33889">
        <v>40</v>
      </c>
      <c r="AF33889">
        <v>41</v>
      </c>
      <c r="AG33889">
        <v>42</v>
      </c>
      <c r="AH33889">
        <v>43</v>
      </c>
      <c r="AI33889">
        <v>44</v>
      </c>
      <c r="AJ33889">
        <v>45</v>
      </c>
      <c r="AK33889">
        <v>46</v>
      </c>
      <c r="AL33889">
        <v>46</v>
      </c>
      <c r="AM33889">
        <v>47</v>
      </c>
      <c r="AN33889">
        <v>48</v>
      </c>
      <c r="AO33889">
        <v>48</v>
      </c>
      <c r="AP33889">
        <v>49</v>
      </c>
      <c r="AQ33889">
        <v>49</v>
      </c>
    </row>
    <row r="33890" spans="1:43">
      <c r="A33890" t="s">
        <v>20993</v>
      </c>
      <c r="B33890" t="s">
        <v>20994</v>
      </c>
      <c r="C33890" t="s">
        <v>20995</v>
      </c>
      <c r="D33890" t="s">
        <v>20996</v>
      </c>
      <c r="E33890" t="s">
        <v>20989</v>
      </c>
      <c r="F33890" t="s">
        <v>20990</v>
      </c>
      <c r="G33890" t="s">
        <v>20255</v>
      </c>
      <c r="H33890" t="s">
        <v>20256</v>
      </c>
      <c r="I33890" s="2">
        <v>1</v>
      </c>
      <c r="J33890" s="2">
        <v>0</v>
      </c>
      <c r="K33890" s="2">
        <v>0</v>
      </c>
      <c r="L33890" t="s">
        <v>120</v>
      </c>
      <c r="M33890" t="s">
        <v>83</v>
      </c>
      <c r="N33890" t="s">
        <v>84</v>
      </c>
      <c r="O33890" t="s">
        <v>85</v>
      </c>
      <c r="P33890" t="s">
        <v>86</v>
      </c>
      <c r="Q33890">
        <v>63</v>
      </c>
      <c r="R33890">
        <v>65</v>
      </c>
      <c r="S33890">
        <v>67</v>
      </c>
      <c r="T33890">
        <v>69</v>
      </c>
      <c r="U33890">
        <v>71</v>
      </c>
      <c r="V33890">
        <v>73</v>
      </c>
      <c r="W33890">
        <v>74</v>
      </c>
      <c r="X33890">
        <v>76</v>
      </c>
      <c r="Y33890">
        <v>78</v>
      </c>
      <c r="Z33890">
        <v>80</v>
      </c>
      <c r="AA33890">
        <v>83</v>
      </c>
      <c r="AB33890">
        <v>85</v>
      </c>
      <c r="AC33890">
        <v>87</v>
      </c>
      <c r="AD33890">
        <v>89</v>
      </c>
      <c r="AE33890">
        <v>91</v>
      </c>
      <c r="AF33890">
        <v>93</v>
      </c>
      <c r="AG33890">
        <v>96</v>
      </c>
      <c r="AH33890">
        <v>98</v>
      </c>
      <c r="AI33890">
        <v>101</v>
      </c>
      <c r="AJ33890">
        <v>103</v>
      </c>
      <c r="AK33890">
        <v>106</v>
      </c>
      <c r="AL33890">
        <v>107</v>
      </c>
      <c r="AM33890">
        <v>109</v>
      </c>
      <c r="AN33890">
        <v>111</v>
      </c>
      <c r="AO33890">
        <v>113</v>
      </c>
      <c r="AP33890">
        <v>114</v>
      </c>
      <c r="AQ33890">
        <v>116</v>
      </c>
    </row>
    <row r="33891" spans="1:43">
      <c r="A33891" t="s">
        <v>20993</v>
      </c>
      <c r="B33891" t="s">
        <v>20994</v>
      </c>
      <c r="C33891" t="s">
        <v>20995</v>
      </c>
      <c r="D33891" t="s">
        <v>20996</v>
      </c>
      <c r="E33891" t="s">
        <v>20989</v>
      </c>
      <c r="F33891" t="s">
        <v>20990</v>
      </c>
      <c r="G33891" t="s">
        <v>20255</v>
      </c>
      <c r="H33891" t="s">
        <v>20256</v>
      </c>
      <c r="I33891" s="2">
        <v>1</v>
      </c>
      <c r="J33891" s="2">
        <v>0</v>
      </c>
      <c r="K33891" s="2">
        <v>0</v>
      </c>
      <c r="L33891" t="s">
        <v>120</v>
      </c>
      <c r="M33891" t="s">
        <v>87</v>
      </c>
      <c r="N33891" t="s">
        <v>88</v>
      </c>
      <c r="O33891" t="s">
        <v>85</v>
      </c>
      <c r="P33891" t="s">
        <v>86</v>
      </c>
      <c r="Q33891">
        <v>63</v>
      </c>
      <c r="R33891">
        <v>64</v>
      </c>
      <c r="S33891">
        <v>65</v>
      </c>
      <c r="T33891">
        <v>66</v>
      </c>
      <c r="U33891">
        <v>67</v>
      </c>
      <c r="V33891">
        <v>69</v>
      </c>
      <c r="W33891">
        <v>70</v>
      </c>
      <c r="X33891">
        <v>71</v>
      </c>
      <c r="Y33891">
        <v>73</v>
      </c>
      <c r="Z33891">
        <v>74</v>
      </c>
      <c r="AA33891">
        <v>75</v>
      </c>
      <c r="AB33891">
        <v>77</v>
      </c>
      <c r="AC33891">
        <v>78</v>
      </c>
      <c r="AD33891">
        <v>80</v>
      </c>
      <c r="AE33891">
        <v>81</v>
      </c>
      <c r="AF33891">
        <v>82</v>
      </c>
      <c r="AG33891">
        <v>84</v>
      </c>
      <c r="AH33891">
        <v>86</v>
      </c>
      <c r="AI33891">
        <v>87</v>
      </c>
      <c r="AJ33891">
        <v>89</v>
      </c>
      <c r="AK33891">
        <v>90</v>
      </c>
      <c r="AL33891">
        <v>92</v>
      </c>
      <c r="AM33891">
        <v>94</v>
      </c>
      <c r="AN33891">
        <v>95</v>
      </c>
      <c r="AO33891">
        <v>97</v>
      </c>
      <c r="AP33891">
        <v>99</v>
      </c>
      <c r="AQ33891">
        <v>101</v>
      </c>
    </row>
    <row r="33892" spans="1:43">
      <c r="A33892" t="s">
        <v>20993</v>
      </c>
      <c r="B33892" t="s">
        <v>20994</v>
      </c>
      <c r="C33892" t="s">
        <v>20995</v>
      </c>
      <c r="D33892" t="s">
        <v>20996</v>
      </c>
      <c r="E33892" t="s">
        <v>20989</v>
      </c>
      <c r="F33892" t="s">
        <v>20990</v>
      </c>
      <c r="G33892" t="s">
        <v>20255</v>
      </c>
      <c r="H33892" t="s">
        <v>20256</v>
      </c>
      <c r="I33892" s="2">
        <v>1</v>
      </c>
      <c r="J33892" s="2">
        <v>0</v>
      </c>
      <c r="K33892" s="2">
        <v>0</v>
      </c>
      <c r="L33892" t="s">
        <v>120</v>
      </c>
      <c r="M33892" t="s">
        <v>89</v>
      </c>
      <c r="N33892" t="s">
        <v>90</v>
      </c>
      <c r="O33892" t="s">
        <v>85</v>
      </c>
      <c r="P33892" t="s">
        <v>86</v>
      </c>
      <c r="Q33892">
        <v>63</v>
      </c>
      <c r="R33892">
        <v>65</v>
      </c>
      <c r="S33892">
        <v>68</v>
      </c>
      <c r="T33892">
        <v>70</v>
      </c>
      <c r="U33892">
        <v>72</v>
      </c>
      <c r="V33892">
        <v>75</v>
      </c>
      <c r="W33892">
        <v>77</v>
      </c>
      <c r="X33892">
        <v>79</v>
      </c>
      <c r="Y33892">
        <v>82</v>
      </c>
      <c r="Z33892">
        <v>84</v>
      </c>
      <c r="AA33892">
        <v>87</v>
      </c>
      <c r="AB33892">
        <v>89</v>
      </c>
      <c r="AC33892">
        <v>92</v>
      </c>
      <c r="AD33892">
        <v>95</v>
      </c>
      <c r="AE33892">
        <v>97</v>
      </c>
      <c r="AF33892">
        <v>98</v>
      </c>
      <c r="AG33892">
        <v>100</v>
      </c>
      <c r="AH33892">
        <v>101</v>
      </c>
      <c r="AI33892">
        <v>103</v>
      </c>
      <c r="AJ33892">
        <v>105</v>
      </c>
      <c r="AK33892">
        <v>106</v>
      </c>
      <c r="AL33892">
        <v>108</v>
      </c>
      <c r="AM33892">
        <v>110</v>
      </c>
      <c r="AN33892">
        <v>111</v>
      </c>
      <c r="AO33892">
        <v>113</v>
      </c>
      <c r="AP33892">
        <v>115</v>
      </c>
      <c r="AQ33892">
        <v>117</v>
      </c>
    </row>
    <row r="33893" spans="1:43">
      <c r="A33893" t="s">
        <v>20993</v>
      </c>
      <c r="B33893" t="s">
        <v>20994</v>
      </c>
      <c r="C33893" t="s">
        <v>20995</v>
      </c>
      <c r="D33893" t="s">
        <v>20996</v>
      </c>
      <c r="E33893" t="s">
        <v>20989</v>
      </c>
      <c r="F33893" t="s">
        <v>20990</v>
      </c>
      <c r="G33893" t="s">
        <v>20255</v>
      </c>
      <c r="H33893" t="s">
        <v>20256</v>
      </c>
      <c r="I33893" s="2">
        <v>1</v>
      </c>
      <c r="J33893" s="2">
        <v>0</v>
      </c>
      <c r="K33893" s="2">
        <v>0</v>
      </c>
      <c r="L33893" t="s">
        <v>120</v>
      </c>
      <c r="M33893" t="s">
        <v>83</v>
      </c>
      <c r="N33893" t="s">
        <v>91</v>
      </c>
      <c r="O33893" t="s">
        <v>85</v>
      </c>
      <c r="P33893" t="s">
        <v>86</v>
      </c>
      <c r="Q33893">
        <v>63</v>
      </c>
      <c r="R33893">
        <v>65</v>
      </c>
      <c r="S33893">
        <v>67</v>
      </c>
      <c r="T33893">
        <v>69</v>
      </c>
      <c r="U33893">
        <v>71</v>
      </c>
      <c r="V33893">
        <v>73</v>
      </c>
      <c r="W33893">
        <v>74</v>
      </c>
      <c r="X33893">
        <v>76</v>
      </c>
      <c r="Y33893">
        <v>78</v>
      </c>
      <c r="Z33893">
        <v>80</v>
      </c>
      <c r="AA33893">
        <v>83</v>
      </c>
      <c r="AB33893">
        <v>85</v>
      </c>
      <c r="AC33893">
        <v>87</v>
      </c>
      <c r="AD33893">
        <v>89</v>
      </c>
      <c r="AE33893">
        <v>91</v>
      </c>
      <c r="AF33893">
        <v>93</v>
      </c>
      <c r="AG33893">
        <v>96</v>
      </c>
      <c r="AH33893">
        <v>98</v>
      </c>
      <c r="AI33893">
        <v>101</v>
      </c>
      <c r="AJ33893">
        <v>103</v>
      </c>
      <c r="AK33893">
        <v>106</v>
      </c>
      <c r="AL33893">
        <v>107</v>
      </c>
      <c r="AM33893">
        <v>109</v>
      </c>
      <c r="AN33893">
        <v>111</v>
      </c>
      <c r="AO33893">
        <v>113</v>
      </c>
      <c r="AP33893">
        <v>114</v>
      </c>
      <c r="AQ33893">
        <v>116</v>
      </c>
    </row>
    <row r="33894" spans="1:43">
      <c r="A33894" t="s">
        <v>20997</v>
      </c>
      <c r="B33894" t="s">
        <v>20998</v>
      </c>
      <c r="C33894" t="s">
        <v>20999</v>
      </c>
      <c r="D33894" t="s">
        <v>21000</v>
      </c>
      <c r="E33894" t="s">
        <v>20989</v>
      </c>
      <c r="F33894" t="s">
        <v>20990</v>
      </c>
      <c r="G33894" t="s">
        <v>20255</v>
      </c>
      <c r="H33894" t="s">
        <v>20256</v>
      </c>
      <c r="I33894" s="2">
        <v>1</v>
      </c>
      <c r="J33894" s="2">
        <v>0</v>
      </c>
      <c r="K33894" s="2">
        <v>0</v>
      </c>
      <c r="L33894" t="s">
        <v>120</v>
      </c>
      <c r="M33894" t="s">
        <v>83</v>
      </c>
      <c r="N33894" t="s">
        <v>84</v>
      </c>
      <c r="O33894" t="s">
        <v>85</v>
      </c>
      <c r="P33894" t="s">
        <v>86</v>
      </c>
      <c r="Q33894">
        <v>106</v>
      </c>
      <c r="R33894">
        <v>109</v>
      </c>
      <c r="S33894">
        <v>112</v>
      </c>
      <c r="T33894">
        <v>115</v>
      </c>
      <c r="U33894">
        <v>118</v>
      </c>
      <c r="V33894">
        <v>122</v>
      </c>
      <c r="W33894">
        <v>125</v>
      </c>
      <c r="X33894">
        <v>128</v>
      </c>
      <c r="Y33894">
        <v>132</v>
      </c>
      <c r="Z33894">
        <v>135</v>
      </c>
      <c r="AA33894">
        <v>138</v>
      </c>
      <c r="AB33894">
        <v>142</v>
      </c>
      <c r="AC33894">
        <v>145</v>
      </c>
      <c r="AD33894">
        <v>149</v>
      </c>
      <c r="AE33894">
        <v>153</v>
      </c>
      <c r="AF33894">
        <v>157</v>
      </c>
      <c r="AG33894">
        <v>160</v>
      </c>
      <c r="AH33894">
        <v>164</v>
      </c>
      <c r="AI33894">
        <v>168</v>
      </c>
      <c r="AJ33894">
        <v>172</v>
      </c>
      <c r="AK33894">
        <v>177</v>
      </c>
      <c r="AL33894">
        <v>180</v>
      </c>
      <c r="AM33894">
        <v>183</v>
      </c>
      <c r="AN33894">
        <v>186</v>
      </c>
      <c r="AO33894">
        <v>189</v>
      </c>
      <c r="AP33894">
        <v>192</v>
      </c>
      <c r="AQ33894">
        <v>195</v>
      </c>
    </row>
    <row r="33895" spans="1:43">
      <c r="A33895" t="s">
        <v>20997</v>
      </c>
      <c r="B33895" t="s">
        <v>20998</v>
      </c>
      <c r="C33895" t="s">
        <v>20999</v>
      </c>
      <c r="D33895" t="s">
        <v>21000</v>
      </c>
      <c r="E33895" t="s">
        <v>20989</v>
      </c>
      <c r="F33895" t="s">
        <v>20990</v>
      </c>
      <c r="G33895" t="s">
        <v>20255</v>
      </c>
      <c r="H33895" t="s">
        <v>20256</v>
      </c>
      <c r="I33895" s="2">
        <v>1</v>
      </c>
      <c r="J33895" s="2">
        <v>0</v>
      </c>
      <c r="K33895" s="2">
        <v>0</v>
      </c>
      <c r="L33895" t="s">
        <v>120</v>
      </c>
      <c r="M33895" t="s">
        <v>87</v>
      </c>
      <c r="N33895" t="s">
        <v>88</v>
      </c>
      <c r="O33895" t="s">
        <v>85</v>
      </c>
      <c r="P33895" t="s">
        <v>86</v>
      </c>
      <c r="Q33895">
        <v>106</v>
      </c>
      <c r="R33895">
        <v>108</v>
      </c>
      <c r="S33895">
        <v>110</v>
      </c>
      <c r="T33895">
        <v>112</v>
      </c>
      <c r="U33895">
        <v>114</v>
      </c>
      <c r="V33895">
        <v>116</v>
      </c>
      <c r="W33895">
        <v>118</v>
      </c>
      <c r="X33895">
        <v>121</v>
      </c>
      <c r="Y33895">
        <v>123</v>
      </c>
      <c r="Z33895">
        <v>125</v>
      </c>
      <c r="AA33895">
        <v>127</v>
      </c>
      <c r="AB33895">
        <v>130</v>
      </c>
      <c r="AC33895">
        <v>132</v>
      </c>
      <c r="AD33895">
        <v>134</v>
      </c>
      <c r="AE33895">
        <v>137</v>
      </c>
      <c r="AF33895">
        <v>139</v>
      </c>
      <c r="AG33895">
        <v>142</v>
      </c>
      <c r="AH33895">
        <v>145</v>
      </c>
      <c r="AI33895">
        <v>147</v>
      </c>
      <c r="AJ33895">
        <v>150</v>
      </c>
      <c r="AK33895">
        <v>153</v>
      </c>
      <c r="AL33895">
        <v>155</v>
      </c>
      <c r="AM33895">
        <v>158</v>
      </c>
      <c r="AN33895">
        <v>161</v>
      </c>
      <c r="AO33895">
        <v>164</v>
      </c>
      <c r="AP33895">
        <v>167</v>
      </c>
      <c r="AQ33895">
        <v>170</v>
      </c>
    </row>
    <row r="33896" spans="1:43">
      <c r="A33896" t="s">
        <v>20997</v>
      </c>
      <c r="B33896" t="s">
        <v>20998</v>
      </c>
      <c r="C33896" t="s">
        <v>20999</v>
      </c>
      <c r="D33896" t="s">
        <v>21000</v>
      </c>
      <c r="E33896" t="s">
        <v>20989</v>
      </c>
      <c r="F33896" t="s">
        <v>20990</v>
      </c>
      <c r="G33896" t="s">
        <v>20255</v>
      </c>
      <c r="H33896" t="s">
        <v>20256</v>
      </c>
      <c r="I33896" s="2">
        <v>1</v>
      </c>
      <c r="J33896" s="2">
        <v>0</v>
      </c>
      <c r="K33896" s="2">
        <v>0</v>
      </c>
      <c r="L33896" t="s">
        <v>120</v>
      </c>
      <c r="M33896" t="s">
        <v>89</v>
      </c>
      <c r="N33896" t="s">
        <v>90</v>
      </c>
      <c r="O33896" t="s">
        <v>85</v>
      </c>
      <c r="P33896" t="s">
        <v>86</v>
      </c>
      <c r="Q33896">
        <v>106</v>
      </c>
      <c r="R33896">
        <v>110</v>
      </c>
      <c r="S33896">
        <v>114</v>
      </c>
      <c r="T33896">
        <v>118</v>
      </c>
      <c r="U33896">
        <v>122</v>
      </c>
      <c r="V33896">
        <v>126</v>
      </c>
      <c r="W33896">
        <v>130</v>
      </c>
      <c r="X33896">
        <v>134</v>
      </c>
      <c r="Y33896">
        <v>138</v>
      </c>
      <c r="Z33896">
        <v>142</v>
      </c>
      <c r="AA33896">
        <v>146</v>
      </c>
      <c r="AB33896">
        <v>150</v>
      </c>
      <c r="AC33896">
        <v>155</v>
      </c>
      <c r="AD33896">
        <v>159</v>
      </c>
      <c r="AE33896">
        <v>163</v>
      </c>
      <c r="AF33896">
        <v>165</v>
      </c>
      <c r="AG33896">
        <v>168</v>
      </c>
      <c r="AH33896">
        <v>171</v>
      </c>
      <c r="AI33896">
        <v>173</v>
      </c>
      <c r="AJ33896">
        <v>176</v>
      </c>
      <c r="AK33896">
        <v>179</v>
      </c>
      <c r="AL33896">
        <v>182</v>
      </c>
      <c r="AM33896">
        <v>185</v>
      </c>
      <c r="AN33896">
        <v>188</v>
      </c>
      <c r="AO33896">
        <v>191</v>
      </c>
      <c r="AP33896">
        <v>194</v>
      </c>
      <c r="AQ33896">
        <v>197</v>
      </c>
    </row>
    <row r="33897" spans="1:43">
      <c r="A33897" t="s">
        <v>20997</v>
      </c>
      <c r="B33897" t="s">
        <v>20998</v>
      </c>
      <c r="C33897" t="s">
        <v>20999</v>
      </c>
      <c r="D33897" t="s">
        <v>21000</v>
      </c>
      <c r="E33897" t="s">
        <v>20989</v>
      </c>
      <c r="F33897" t="s">
        <v>20990</v>
      </c>
      <c r="G33897" t="s">
        <v>20255</v>
      </c>
      <c r="H33897" t="s">
        <v>20256</v>
      </c>
      <c r="I33897" s="2">
        <v>1</v>
      </c>
      <c r="J33897" s="2">
        <v>0</v>
      </c>
      <c r="K33897" s="2">
        <v>0</v>
      </c>
      <c r="L33897" t="s">
        <v>120</v>
      </c>
      <c r="M33897" t="s">
        <v>83</v>
      </c>
      <c r="N33897" t="s">
        <v>91</v>
      </c>
      <c r="O33897" t="s">
        <v>85</v>
      </c>
      <c r="P33897" t="s">
        <v>86</v>
      </c>
      <c r="Q33897">
        <v>106</v>
      </c>
      <c r="R33897">
        <v>109</v>
      </c>
      <c r="S33897">
        <v>112</v>
      </c>
      <c r="T33897">
        <v>115</v>
      </c>
      <c r="U33897">
        <v>118</v>
      </c>
      <c r="V33897">
        <v>122</v>
      </c>
      <c r="W33897">
        <v>125</v>
      </c>
      <c r="X33897">
        <v>128</v>
      </c>
      <c r="Y33897">
        <v>132</v>
      </c>
      <c r="Z33897">
        <v>135</v>
      </c>
      <c r="AA33897">
        <v>138</v>
      </c>
      <c r="AB33897">
        <v>142</v>
      </c>
      <c r="AC33897">
        <v>145</v>
      </c>
      <c r="AD33897">
        <v>149</v>
      </c>
      <c r="AE33897">
        <v>153</v>
      </c>
      <c r="AF33897">
        <v>157</v>
      </c>
      <c r="AG33897">
        <v>160</v>
      </c>
      <c r="AH33897">
        <v>164</v>
      </c>
      <c r="AI33897">
        <v>168</v>
      </c>
      <c r="AJ33897">
        <v>172</v>
      </c>
      <c r="AK33897">
        <v>177</v>
      </c>
      <c r="AL33897">
        <v>180</v>
      </c>
      <c r="AM33897">
        <v>183</v>
      </c>
      <c r="AN33897">
        <v>186</v>
      </c>
      <c r="AO33897">
        <v>189</v>
      </c>
      <c r="AP33897">
        <v>192</v>
      </c>
      <c r="AQ33897">
        <v>195</v>
      </c>
    </row>
    <row r="33898" spans="1:43">
      <c r="A33898" t="s">
        <v>21001</v>
      </c>
      <c r="B33898" t="s">
        <v>21002</v>
      </c>
      <c r="C33898" t="s">
        <v>20999</v>
      </c>
      <c r="D33898" t="s">
        <v>21000</v>
      </c>
      <c r="E33898" t="s">
        <v>20989</v>
      </c>
      <c r="F33898" t="s">
        <v>20990</v>
      </c>
      <c r="G33898" t="s">
        <v>20255</v>
      </c>
      <c r="H33898" t="s">
        <v>20256</v>
      </c>
      <c r="I33898" s="2">
        <v>1</v>
      </c>
      <c r="J33898" s="2">
        <v>0</v>
      </c>
      <c r="K33898" s="2">
        <v>0</v>
      </c>
      <c r="L33898" t="s">
        <v>120</v>
      </c>
      <c r="M33898" t="s">
        <v>83</v>
      </c>
      <c r="N33898" t="s">
        <v>84</v>
      </c>
      <c r="O33898" t="s">
        <v>85</v>
      </c>
      <c r="P33898" t="s">
        <v>86</v>
      </c>
      <c r="Q33898">
        <v>28</v>
      </c>
      <c r="R33898">
        <v>28</v>
      </c>
      <c r="S33898">
        <v>29</v>
      </c>
      <c r="T33898">
        <v>30</v>
      </c>
      <c r="U33898">
        <v>31</v>
      </c>
      <c r="V33898">
        <v>32</v>
      </c>
      <c r="W33898">
        <v>33</v>
      </c>
      <c r="X33898">
        <v>33</v>
      </c>
      <c r="Y33898">
        <v>34</v>
      </c>
      <c r="Z33898">
        <v>35</v>
      </c>
      <c r="AA33898">
        <v>36</v>
      </c>
      <c r="AB33898">
        <v>37</v>
      </c>
      <c r="AC33898">
        <v>38</v>
      </c>
      <c r="AD33898">
        <v>39</v>
      </c>
      <c r="AE33898">
        <v>40</v>
      </c>
      <c r="AF33898">
        <v>41</v>
      </c>
      <c r="AG33898">
        <v>42</v>
      </c>
      <c r="AH33898">
        <v>43</v>
      </c>
      <c r="AI33898">
        <v>44</v>
      </c>
      <c r="AJ33898">
        <v>45</v>
      </c>
      <c r="AK33898">
        <v>46</v>
      </c>
      <c r="AL33898">
        <v>47</v>
      </c>
      <c r="AM33898">
        <v>48</v>
      </c>
      <c r="AN33898">
        <v>48</v>
      </c>
      <c r="AO33898">
        <v>49</v>
      </c>
      <c r="AP33898">
        <v>50</v>
      </c>
      <c r="AQ33898">
        <v>51</v>
      </c>
    </row>
    <row r="33899" spans="1:43">
      <c r="A33899" t="s">
        <v>21001</v>
      </c>
      <c r="B33899" t="s">
        <v>21002</v>
      </c>
      <c r="C33899" t="s">
        <v>20999</v>
      </c>
      <c r="D33899" t="s">
        <v>21000</v>
      </c>
      <c r="E33899" t="s">
        <v>20989</v>
      </c>
      <c r="F33899" t="s">
        <v>20990</v>
      </c>
      <c r="G33899" t="s">
        <v>20255</v>
      </c>
      <c r="H33899" t="s">
        <v>20256</v>
      </c>
      <c r="I33899" s="2">
        <v>1</v>
      </c>
      <c r="J33899" s="2">
        <v>0</v>
      </c>
      <c r="K33899" s="2">
        <v>0</v>
      </c>
      <c r="L33899" t="s">
        <v>120</v>
      </c>
      <c r="M33899" t="s">
        <v>87</v>
      </c>
      <c r="N33899" t="s">
        <v>88</v>
      </c>
      <c r="O33899" t="s">
        <v>85</v>
      </c>
      <c r="P33899" t="s">
        <v>86</v>
      </c>
      <c r="Q33899">
        <v>28</v>
      </c>
      <c r="R33899">
        <v>29</v>
      </c>
      <c r="S33899">
        <v>29</v>
      </c>
      <c r="T33899">
        <v>30</v>
      </c>
      <c r="U33899">
        <v>30</v>
      </c>
      <c r="V33899">
        <v>31</v>
      </c>
      <c r="W33899">
        <v>32</v>
      </c>
      <c r="X33899">
        <v>32</v>
      </c>
      <c r="Y33899">
        <v>33</v>
      </c>
      <c r="Z33899">
        <v>33</v>
      </c>
      <c r="AA33899">
        <v>34</v>
      </c>
      <c r="AB33899">
        <v>35</v>
      </c>
      <c r="AC33899">
        <v>35</v>
      </c>
      <c r="AD33899">
        <v>36</v>
      </c>
      <c r="AE33899">
        <v>36</v>
      </c>
      <c r="AF33899">
        <v>37</v>
      </c>
      <c r="AG33899">
        <v>38</v>
      </c>
      <c r="AH33899">
        <v>38</v>
      </c>
      <c r="AI33899">
        <v>39</v>
      </c>
      <c r="AJ33899">
        <v>40</v>
      </c>
      <c r="AK33899">
        <v>40</v>
      </c>
      <c r="AL33899">
        <v>41</v>
      </c>
      <c r="AM33899">
        <v>42</v>
      </c>
      <c r="AN33899">
        <v>43</v>
      </c>
      <c r="AO33899">
        <v>43</v>
      </c>
      <c r="AP33899">
        <v>44</v>
      </c>
      <c r="AQ33899">
        <v>45</v>
      </c>
    </row>
    <row r="33900" spans="1:43">
      <c r="A33900" t="s">
        <v>21001</v>
      </c>
      <c r="B33900" t="s">
        <v>21002</v>
      </c>
      <c r="C33900" t="s">
        <v>20999</v>
      </c>
      <c r="D33900" t="s">
        <v>21000</v>
      </c>
      <c r="E33900" t="s">
        <v>20989</v>
      </c>
      <c r="F33900" t="s">
        <v>20990</v>
      </c>
      <c r="G33900" t="s">
        <v>20255</v>
      </c>
      <c r="H33900" t="s">
        <v>20256</v>
      </c>
      <c r="I33900" s="2">
        <v>1</v>
      </c>
      <c r="J33900" s="2">
        <v>0</v>
      </c>
      <c r="K33900" s="2">
        <v>0</v>
      </c>
      <c r="L33900" t="s">
        <v>120</v>
      </c>
      <c r="M33900" t="s">
        <v>89</v>
      </c>
      <c r="N33900" t="s">
        <v>90</v>
      </c>
      <c r="O33900" t="s">
        <v>85</v>
      </c>
      <c r="P33900" t="s">
        <v>86</v>
      </c>
      <c r="Q33900">
        <v>28</v>
      </c>
      <c r="R33900">
        <v>29</v>
      </c>
      <c r="S33900">
        <v>30</v>
      </c>
      <c r="T33900">
        <v>31</v>
      </c>
      <c r="U33900">
        <v>32</v>
      </c>
      <c r="V33900">
        <v>33</v>
      </c>
      <c r="W33900">
        <v>34</v>
      </c>
      <c r="X33900">
        <v>35</v>
      </c>
      <c r="Y33900">
        <v>36</v>
      </c>
      <c r="Z33900">
        <v>37</v>
      </c>
      <c r="AA33900">
        <v>38</v>
      </c>
      <c r="AB33900">
        <v>39</v>
      </c>
      <c r="AC33900">
        <v>41</v>
      </c>
      <c r="AD33900">
        <v>42</v>
      </c>
      <c r="AE33900">
        <v>43</v>
      </c>
      <c r="AF33900">
        <v>43</v>
      </c>
      <c r="AG33900">
        <v>44</v>
      </c>
      <c r="AH33900">
        <v>45</v>
      </c>
      <c r="AI33900">
        <v>45</v>
      </c>
      <c r="AJ33900">
        <v>46</v>
      </c>
      <c r="AK33900">
        <v>47</v>
      </c>
      <c r="AL33900">
        <v>48</v>
      </c>
      <c r="AM33900">
        <v>48</v>
      </c>
      <c r="AN33900">
        <v>49</v>
      </c>
      <c r="AO33900">
        <v>50</v>
      </c>
      <c r="AP33900">
        <v>51</v>
      </c>
      <c r="AQ33900">
        <v>52</v>
      </c>
    </row>
    <row r="33901" spans="1:43">
      <c r="A33901" t="s">
        <v>21001</v>
      </c>
      <c r="B33901" t="s">
        <v>21002</v>
      </c>
      <c r="C33901" t="s">
        <v>20999</v>
      </c>
      <c r="D33901" t="s">
        <v>21000</v>
      </c>
      <c r="E33901" t="s">
        <v>20989</v>
      </c>
      <c r="F33901" t="s">
        <v>20990</v>
      </c>
      <c r="G33901" t="s">
        <v>20255</v>
      </c>
      <c r="H33901" t="s">
        <v>20256</v>
      </c>
      <c r="I33901" s="2">
        <v>1</v>
      </c>
      <c r="J33901" s="2">
        <v>0</v>
      </c>
      <c r="K33901" s="2">
        <v>0</v>
      </c>
      <c r="L33901" t="s">
        <v>120</v>
      </c>
      <c r="M33901" t="s">
        <v>83</v>
      </c>
      <c r="N33901" t="s">
        <v>91</v>
      </c>
      <c r="O33901" t="s">
        <v>85</v>
      </c>
      <c r="P33901" t="s">
        <v>86</v>
      </c>
      <c r="Q33901">
        <v>28</v>
      </c>
      <c r="R33901">
        <v>28</v>
      </c>
      <c r="S33901">
        <v>29</v>
      </c>
      <c r="T33901">
        <v>30</v>
      </c>
      <c r="U33901">
        <v>31</v>
      </c>
      <c r="V33901">
        <v>32</v>
      </c>
      <c r="W33901">
        <v>33</v>
      </c>
      <c r="X33901">
        <v>33</v>
      </c>
      <c r="Y33901">
        <v>34</v>
      </c>
      <c r="Z33901">
        <v>35</v>
      </c>
      <c r="AA33901">
        <v>36</v>
      </c>
      <c r="AB33901">
        <v>37</v>
      </c>
      <c r="AC33901">
        <v>38</v>
      </c>
      <c r="AD33901">
        <v>39</v>
      </c>
      <c r="AE33901">
        <v>40</v>
      </c>
      <c r="AF33901">
        <v>41</v>
      </c>
      <c r="AG33901">
        <v>42</v>
      </c>
      <c r="AH33901">
        <v>43</v>
      </c>
      <c r="AI33901">
        <v>44</v>
      </c>
      <c r="AJ33901">
        <v>45</v>
      </c>
      <c r="AK33901">
        <v>46</v>
      </c>
      <c r="AL33901">
        <v>47</v>
      </c>
      <c r="AM33901">
        <v>48</v>
      </c>
      <c r="AN33901">
        <v>48</v>
      </c>
      <c r="AO33901">
        <v>49</v>
      </c>
      <c r="AP33901">
        <v>50</v>
      </c>
      <c r="AQ33901">
        <v>51</v>
      </c>
    </row>
    <row r="33902" spans="1:43">
      <c r="A33902" t="s">
        <v>21003</v>
      </c>
      <c r="B33902" t="s">
        <v>21004</v>
      </c>
      <c r="C33902" t="s">
        <v>20999</v>
      </c>
      <c r="D33902" t="s">
        <v>21000</v>
      </c>
      <c r="E33902" t="s">
        <v>20989</v>
      </c>
      <c r="F33902" t="s">
        <v>20990</v>
      </c>
      <c r="G33902" t="s">
        <v>20255</v>
      </c>
      <c r="H33902" t="s">
        <v>20256</v>
      </c>
      <c r="I33902" s="2">
        <v>1</v>
      </c>
      <c r="J33902" s="2">
        <v>0</v>
      </c>
      <c r="K33902" s="2">
        <v>0</v>
      </c>
      <c r="L33902" t="s">
        <v>120</v>
      </c>
      <c r="M33902" t="s">
        <v>83</v>
      </c>
      <c r="N33902" t="s">
        <v>84</v>
      </c>
      <c r="O33902" t="s">
        <v>85</v>
      </c>
      <c r="P33902" t="s">
        <v>86</v>
      </c>
      <c r="Q33902">
        <v>36</v>
      </c>
      <c r="R33902">
        <v>37</v>
      </c>
      <c r="S33902">
        <v>38</v>
      </c>
      <c r="T33902">
        <v>39</v>
      </c>
      <c r="U33902">
        <v>40</v>
      </c>
      <c r="V33902">
        <v>42</v>
      </c>
      <c r="W33902">
        <v>43</v>
      </c>
      <c r="X33902">
        <v>44</v>
      </c>
      <c r="Y33902">
        <v>45</v>
      </c>
      <c r="Z33902">
        <v>46</v>
      </c>
      <c r="AA33902">
        <v>47</v>
      </c>
      <c r="AB33902">
        <v>49</v>
      </c>
      <c r="AC33902">
        <v>50</v>
      </c>
      <c r="AD33902">
        <v>51</v>
      </c>
      <c r="AE33902">
        <v>52</v>
      </c>
      <c r="AF33902">
        <v>54</v>
      </c>
      <c r="AG33902">
        <v>55</v>
      </c>
      <c r="AH33902">
        <v>56</v>
      </c>
      <c r="AI33902">
        <v>58</v>
      </c>
      <c r="AJ33902">
        <v>59</v>
      </c>
      <c r="AK33902">
        <v>60</v>
      </c>
      <c r="AL33902">
        <v>62</v>
      </c>
      <c r="AM33902">
        <v>63</v>
      </c>
      <c r="AN33902">
        <v>64</v>
      </c>
      <c r="AO33902">
        <v>65</v>
      </c>
      <c r="AP33902">
        <v>66</v>
      </c>
      <c r="AQ33902">
        <v>67</v>
      </c>
    </row>
    <row r="33903" spans="1:43">
      <c r="A33903" t="s">
        <v>21003</v>
      </c>
      <c r="B33903" t="s">
        <v>21004</v>
      </c>
      <c r="C33903" t="s">
        <v>20999</v>
      </c>
      <c r="D33903" t="s">
        <v>21000</v>
      </c>
      <c r="E33903" t="s">
        <v>20989</v>
      </c>
      <c r="F33903" t="s">
        <v>20990</v>
      </c>
      <c r="G33903" t="s">
        <v>20255</v>
      </c>
      <c r="H33903" t="s">
        <v>20256</v>
      </c>
      <c r="I33903" s="2">
        <v>1</v>
      </c>
      <c r="J33903" s="2">
        <v>0</v>
      </c>
      <c r="K33903" s="2">
        <v>0</v>
      </c>
      <c r="L33903" t="s">
        <v>120</v>
      </c>
      <c r="M33903" t="s">
        <v>87</v>
      </c>
      <c r="N33903" t="s">
        <v>88</v>
      </c>
      <c r="O33903" t="s">
        <v>85</v>
      </c>
      <c r="P33903" t="s">
        <v>86</v>
      </c>
      <c r="Q33903">
        <v>36</v>
      </c>
      <c r="R33903">
        <v>37</v>
      </c>
      <c r="S33903">
        <v>37</v>
      </c>
      <c r="T33903">
        <v>38</v>
      </c>
      <c r="U33903">
        <v>39</v>
      </c>
      <c r="V33903">
        <v>39</v>
      </c>
      <c r="W33903">
        <v>40</v>
      </c>
      <c r="X33903">
        <v>41</v>
      </c>
      <c r="Y33903">
        <v>42</v>
      </c>
      <c r="Z33903">
        <v>42</v>
      </c>
      <c r="AA33903">
        <v>43</v>
      </c>
      <c r="AB33903">
        <v>44</v>
      </c>
      <c r="AC33903">
        <v>45</v>
      </c>
      <c r="AD33903">
        <v>46</v>
      </c>
      <c r="AE33903">
        <v>46</v>
      </c>
      <c r="AF33903">
        <v>47</v>
      </c>
      <c r="AG33903">
        <v>48</v>
      </c>
      <c r="AH33903">
        <v>49</v>
      </c>
      <c r="AI33903">
        <v>50</v>
      </c>
      <c r="AJ33903">
        <v>51</v>
      </c>
      <c r="AK33903">
        <v>52</v>
      </c>
      <c r="AL33903">
        <v>53</v>
      </c>
      <c r="AM33903">
        <v>54</v>
      </c>
      <c r="AN33903">
        <v>55</v>
      </c>
      <c r="AO33903">
        <v>56</v>
      </c>
      <c r="AP33903">
        <v>57</v>
      </c>
      <c r="AQ33903">
        <v>58</v>
      </c>
    </row>
    <row r="33904" spans="1:43">
      <c r="A33904" t="s">
        <v>21003</v>
      </c>
      <c r="B33904" t="s">
        <v>21004</v>
      </c>
      <c r="C33904" t="s">
        <v>20999</v>
      </c>
      <c r="D33904" t="s">
        <v>21000</v>
      </c>
      <c r="E33904" t="s">
        <v>20989</v>
      </c>
      <c r="F33904" t="s">
        <v>20990</v>
      </c>
      <c r="G33904" t="s">
        <v>20255</v>
      </c>
      <c r="H33904" t="s">
        <v>20256</v>
      </c>
      <c r="I33904" s="2">
        <v>1</v>
      </c>
      <c r="J33904" s="2">
        <v>0</v>
      </c>
      <c r="K33904" s="2">
        <v>0</v>
      </c>
      <c r="L33904" t="s">
        <v>120</v>
      </c>
      <c r="M33904" t="s">
        <v>89</v>
      </c>
      <c r="N33904" t="s">
        <v>90</v>
      </c>
      <c r="O33904" t="s">
        <v>85</v>
      </c>
      <c r="P33904" t="s">
        <v>86</v>
      </c>
      <c r="Q33904">
        <v>36</v>
      </c>
      <c r="R33904">
        <v>37</v>
      </c>
      <c r="S33904">
        <v>38</v>
      </c>
      <c r="T33904">
        <v>40</v>
      </c>
      <c r="U33904">
        <v>41</v>
      </c>
      <c r="V33904">
        <v>42</v>
      </c>
      <c r="W33904">
        <v>44</v>
      </c>
      <c r="X33904">
        <v>45</v>
      </c>
      <c r="Y33904">
        <v>47</v>
      </c>
      <c r="Z33904">
        <v>48</v>
      </c>
      <c r="AA33904">
        <v>49</v>
      </c>
      <c r="AB33904">
        <v>51</v>
      </c>
      <c r="AC33904">
        <v>52</v>
      </c>
      <c r="AD33904">
        <v>54</v>
      </c>
      <c r="AE33904">
        <v>55</v>
      </c>
      <c r="AF33904">
        <v>56</v>
      </c>
      <c r="AG33904">
        <v>57</v>
      </c>
      <c r="AH33904">
        <v>58</v>
      </c>
      <c r="AI33904">
        <v>59</v>
      </c>
      <c r="AJ33904">
        <v>60</v>
      </c>
      <c r="AK33904">
        <v>61</v>
      </c>
      <c r="AL33904">
        <v>62</v>
      </c>
      <c r="AM33904">
        <v>63</v>
      </c>
      <c r="AN33904">
        <v>64</v>
      </c>
      <c r="AO33904">
        <v>65</v>
      </c>
      <c r="AP33904">
        <v>66</v>
      </c>
      <c r="AQ33904">
        <v>67</v>
      </c>
    </row>
    <row r="33905" spans="1:43">
      <c r="A33905" t="s">
        <v>21003</v>
      </c>
      <c r="B33905" t="s">
        <v>21004</v>
      </c>
      <c r="C33905" t="s">
        <v>20999</v>
      </c>
      <c r="D33905" t="s">
        <v>21000</v>
      </c>
      <c r="E33905" t="s">
        <v>20989</v>
      </c>
      <c r="F33905" t="s">
        <v>20990</v>
      </c>
      <c r="G33905" t="s">
        <v>20255</v>
      </c>
      <c r="H33905" t="s">
        <v>20256</v>
      </c>
      <c r="I33905" s="2">
        <v>1</v>
      </c>
      <c r="J33905" s="2">
        <v>0</v>
      </c>
      <c r="K33905" s="2">
        <v>0</v>
      </c>
      <c r="L33905" t="s">
        <v>120</v>
      </c>
      <c r="M33905" t="s">
        <v>83</v>
      </c>
      <c r="N33905" t="s">
        <v>91</v>
      </c>
      <c r="O33905" t="s">
        <v>85</v>
      </c>
      <c r="P33905" t="s">
        <v>86</v>
      </c>
      <c r="Q33905">
        <v>36</v>
      </c>
      <c r="R33905">
        <v>37</v>
      </c>
      <c r="S33905">
        <v>38</v>
      </c>
      <c r="T33905">
        <v>39</v>
      </c>
      <c r="U33905">
        <v>40</v>
      </c>
      <c r="V33905">
        <v>42</v>
      </c>
      <c r="W33905">
        <v>43</v>
      </c>
      <c r="X33905">
        <v>44</v>
      </c>
      <c r="Y33905">
        <v>45</v>
      </c>
      <c r="Z33905">
        <v>46</v>
      </c>
      <c r="AA33905">
        <v>47</v>
      </c>
      <c r="AB33905">
        <v>49</v>
      </c>
      <c r="AC33905">
        <v>50</v>
      </c>
      <c r="AD33905">
        <v>51</v>
      </c>
      <c r="AE33905">
        <v>52</v>
      </c>
      <c r="AF33905">
        <v>54</v>
      </c>
      <c r="AG33905">
        <v>55</v>
      </c>
      <c r="AH33905">
        <v>56</v>
      </c>
      <c r="AI33905">
        <v>58</v>
      </c>
      <c r="AJ33905">
        <v>59</v>
      </c>
      <c r="AK33905">
        <v>60</v>
      </c>
      <c r="AL33905">
        <v>62</v>
      </c>
      <c r="AM33905">
        <v>63</v>
      </c>
      <c r="AN33905">
        <v>64</v>
      </c>
      <c r="AO33905">
        <v>65</v>
      </c>
      <c r="AP33905">
        <v>66</v>
      </c>
      <c r="AQ33905">
        <v>67</v>
      </c>
    </row>
    <row r="33906" spans="1:43">
      <c r="A33906" t="s">
        <v>21005</v>
      </c>
      <c r="B33906" t="s">
        <v>21006</v>
      </c>
      <c r="C33906" t="s">
        <v>20995</v>
      </c>
      <c r="D33906" t="s">
        <v>20996</v>
      </c>
      <c r="E33906" t="s">
        <v>20989</v>
      </c>
      <c r="F33906" t="s">
        <v>20990</v>
      </c>
      <c r="G33906" t="s">
        <v>20255</v>
      </c>
      <c r="H33906" t="s">
        <v>20256</v>
      </c>
      <c r="I33906" s="2">
        <v>1</v>
      </c>
      <c r="J33906" s="2">
        <v>0</v>
      </c>
      <c r="K33906" s="2">
        <v>0</v>
      </c>
      <c r="L33906" t="s">
        <v>120</v>
      </c>
      <c r="M33906" t="s">
        <v>83</v>
      </c>
      <c r="N33906" t="s">
        <v>84</v>
      </c>
      <c r="O33906" t="s">
        <v>85</v>
      </c>
      <c r="P33906" t="s">
        <v>86</v>
      </c>
      <c r="Q33906">
        <v>52</v>
      </c>
      <c r="R33906">
        <v>53</v>
      </c>
      <c r="S33906">
        <v>54</v>
      </c>
      <c r="T33906">
        <v>55</v>
      </c>
      <c r="U33906">
        <v>56</v>
      </c>
      <c r="V33906">
        <v>56</v>
      </c>
      <c r="W33906">
        <v>57</v>
      </c>
      <c r="X33906">
        <v>58</v>
      </c>
      <c r="Y33906">
        <v>59</v>
      </c>
      <c r="Z33906">
        <v>60</v>
      </c>
      <c r="AA33906">
        <v>60</v>
      </c>
      <c r="AB33906">
        <v>61</v>
      </c>
      <c r="AC33906">
        <v>62</v>
      </c>
      <c r="AD33906">
        <v>63</v>
      </c>
      <c r="AE33906">
        <v>64</v>
      </c>
      <c r="AF33906">
        <v>64</v>
      </c>
      <c r="AG33906">
        <v>65</v>
      </c>
      <c r="AH33906">
        <v>66</v>
      </c>
      <c r="AI33906">
        <v>67</v>
      </c>
      <c r="AJ33906">
        <v>68</v>
      </c>
      <c r="AK33906">
        <v>69</v>
      </c>
      <c r="AL33906">
        <v>69</v>
      </c>
      <c r="AM33906">
        <v>69</v>
      </c>
      <c r="AN33906">
        <v>70</v>
      </c>
      <c r="AO33906">
        <v>70</v>
      </c>
      <c r="AP33906">
        <v>70</v>
      </c>
      <c r="AQ33906">
        <v>71</v>
      </c>
    </row>
    <row r="33907" spans="1:43">
      <c r="A33907" t="s">
        <v>21005</v>
      </c>
      <c r="B33907" t="s">
        <v>21006</v>
      </c>
      <c r="C33907" t="s">
        <v>20995</v>
      </c>
      <c r="D33907" t="s">
        <v>20996</v>
      </c>
      <c r="E33907" t="s">
        <v>20989</v>
      </c>
      <c r="F33907" t="s">
        <v>20990</v>
      </c>
      <c r="G33907" t="s">
        <v>20255</v>
      </c>
      <c r="H33907" t="s">
        <v>20256</v>
      </c>
      <c r="I33907" s="2">
        <v>1</v>
      </c>
      <c r="J33907" s="2">
        <v>0</v>
      </c>
      <c r="K33907" s="2">
        <v>0</v>
      </c>
      <c r="L33907" t="s">
        <v>120</v>
      </c>
      <c r="M33907" t="s">
        <v>87</v>
      </c>
      <c r="N33907" t="s">
        <v>88</v>
      </c>
      <c r="O33907" t="s">
        <v>85</v>
      </c>
      <c r="P33907" t="s">
        <v>86</v>
      </c>
      <c r="Q33907">
        <v>52</v>
      </c>
      <c r="R33907">
        <v>52</v>
      </c>
      <c r="S33907">
        <v>52</v>
      </c>
      <c r="T33907">
        <v>53</v>
      </c>
      <c r="U33907">
        <v>53</v>
      </c>
      <c r="V33907">
        <v>53</v>
      </c>
      <c r="W33907">
        <v>54</v>
      </c>
      <c r="X33907">
        <v>54</v>
      </c>
      <c r="Y33907">
        <v>54</v>
      </c>
      <c r="Z33907">
        <v>55</v>
      </c>
      <c r="AA33907">
        <v>55</v>
      </c>
      <c r="AB33907">
        <v>55</v>
      </c>
      <c r="AC33907">
        <v>56</v>
      </c>
      <c r="AD33907">
        <v>56</v>
      </c>
      <c r="AE33907">
        <v>56</v>
      </c>
      <c r="AF33907">
        <v>57</v>
      </c>
      <c r="AG33907">
        <v>57</v>
      </c>
      <c r="AH33907">
        <v>57</v>
      </c>
      <c r="AI33907">
        <v>58</v>
      </c>
      <c r="AJ33907">
        <v>58</v>
      </c>
      <c r="AK33907">
        <v>59</v>
      </c>
      <c r="AL33907">
        <v>59</v>
      </c>
      <c r="AM33907">
        <v>59</v>
      </c>
      <c r="AN33907">
        <v>60</v>
      </c>
      <c r="AO33907">
        <v>60</v>
      </c>
      <c r="AP33907">
        <v>60</v>
      </c>
      <c r="AQ33907">
        <v>61</v>
      </c>
    </row>
    <row r="33908" spans="1:43">
      <c r="A33908" t="s">
        <v>21005</v>
      </c>
      <c r="B33908" t="s">
        <v>21006</v>
      </c>
      <c r="C33908" t="s">
        <v>20995</v>
      </c>
      <c r="D33908" t="s">
        <v>20996</v>
      </c>
      <c r="E33908" t="s">
        <v>20989</v>
      </c>
      <c r="F33908" t="s">
        <v>20990</v>
      </c>
      <c r="G33908" t="s">
        <v>20255</v>
      </c>
      <c r="H33908" t="s">
        <v>20256</v>
      </c>
      <c r="I33908" s="2">
        <v>1</v>
      </c>
      <c r="J33908" s="2">
        <v>0</v>
      </c>
      <c r="K33908" s="2">
        <v>0</v>
      </c>
      <c r="L33908" t="s">
        <v>120</v>
      </c>
      <c r="M33908" t="s">
        <v>89</v>
      </c>
      <c r="N33908" t="s">
        <v>90</v>
      </c>
      <c r="O33908" t="s">
        <v>85</v>
      </c>
      <c r="P33908" t="s">
        <v>86</v>
      </c>
      <c r="Q33908">
        <v>52</v>
      </c>
      <c r="R33908">
        <v>53</v>
      </c>
      <c r="S33908">
        <v>54</v>
      </c>
      <c r="T33908">
        <v>56</v>
      </c>
      <c r="U33908">
        <v>57</v>
      </c>
      <c r="V33908">
        <v>58</v>
      </c>
      <c r="W33908">
        <v>59</v>
      </c>
      <c r="X33908">
        <v>60</v>
      </c>
      <c r="Y33908">
        <v>61</v>
      </c>
      <c r="Z33908">
        <v>62</v>
      </c>
      <c r="AA33908">
        <v>63</v>
      </c>
      <c r="AB33908">
        <v>64</v>
      </c>
      <c r="AC33908">
        <v>65</v>
      </c>
      <c r="AD33908">
        <v>66</v>
      </c>
      <c r="AE33908">
        <v>67</v>
      </c>
      <c r="AF33908">
        <v>67</v>
      </c>
      <c r="AG33908">
        <v>68</v>
      </c>
      <c r="AH33908">
        <v>68</v>
      </c>
      <c r="AI33908">
        <v>68</v>
      </c>
      <c r="AJ33908">
        <v>69</v>
      </c>
      <c r="AK33908">
        <v>69</v>
      </c>
      <c r="AL33908">
        <v>69</v>
      </c>
      <c r="AM33908">
        <v>69</v>
      </c>
      <c r="AN33908">
        <v>70</v>
      </c>
      <c r="AO33908">
        <v>70</v>
      </c>
      <c r="AP33908">
        <v>70</v>
      </c>
      <c r="AQ33908">
        <v>71</v>
      </c>
    </row>
    <row r="33909" spans="1:43">
      <c r="A33909" t="s">
        <v>21005</v>
      </c>
      <c r="B33909" t="s">
        <v>21006</v>
      </c>
      <c r="C33909" t="s">
        <v>20995</v>
      </c>
      <c r="D33909" t="s">
        <v>20996</v>
      </c>
      <c r="E33909" t="s">
        <v>20989</v>
      </c>
      <c r="F33909" t="s">
        <v>20990</v>
      </c>
      <c r="G33909" t="s">
        <v>20255</v>
      </c>
      <c r="H33909" t="s">
        <v>20256</v>
      </c>
      <c r="I33909" s="2">
        <v>1</v>
      </c>
      <c r="J33909" s="2">
        <v>0</v>
      </c>
      <c r="K33909" s="2">
        <v>0</v>
      </c>
      <c r="L33909" t="s">
        <v>120</v>
      </c>
      <c r="M33909" t="s">
        <v>83</v>
      </c>
      <c r="N33909" t="s">
        <v>91</v>
      </c>
      <c r="O33909" t="s">
        <v>85</v>
      </c>
      <c r="P33909" t="s">
        <v>86</v>
      </c>
      <c r="Q33909">
        <v>52</v>
      </c>
      <c r="R33909">
        <v>53</v>
      </c>
      <c r="S33909">
        <v>54</v>
      </c>
      <c r="T33909">
        <v>55</v>
      </c>
      <c r="U33909">
        <v>56</v>
      </c>
      <c r="V33909">
        <v>56</v>
      </c>
      <c r="W33909">
        <v>57</v>
      </c>
      <c r="X33909">
        <v>58</v>
      </c>
      <c r="Y33909">
        <v>59</v>
      </c>
      <c r="Z33909">
        <v>60</v>
      </c>
      <c r="AA33909">
        <v>60</v>
      </c>
      <c r="AB33909">
        <v>61</v>
      </c>
      <c r="AC33909">
        <v>62</v>
      </c>
      <c r="AD33909">
        <v>63</v>
      </c>
      <c r="AE33909">
        <v>64</v>
      </c>
      <c r="AF33909">
        <v>64</v>
      </c>
      <c r="AG33909">
        <v>65</v>
      </c>
      <c r="AH33909">
        <v>66</v>
      </c>
      <c r="AI33909">
        <v>67</v>
      </c>
      <c r="AJ33909">
        <v>68</v>
      </c>
      <c r="AK33909">
        <v>69</v>
      </c>
      <c r="AL33909">
        <v>69</v>
      </c>
      <c r="AM33909">
        <v>69</v>
      </c>
      <c r="AN33909">
        <v>70</v>
      </c>
      <c r="AO33909">
        <v>70</v>
      </c>
      <c r="AP33909">
        <v>70</v>
      </c>
      <c r="AQ33909">
        <v>71</v>
      </c>
    </row>
    <row r="33910" spans="1:43">
      <c r="A33910" t="s">
        <v>21007</v>
      </c>
      <c r="B33910" t="s">
        <v>21008</v>
      </c>
      <c r="C33910" t="s">
        <v>21009</v>
      </c>
      <c r="D33910" t="s">
        <v>21010</v>
      </c>
      <c r="E33910" t="s">
        <v>20989</v>
      </c>
      <c r="F33910" t="s">
        <v>20990</v>
      </c>
      <c r="G33910" t="s">
        <v>20255</v>
      </c>
      <c r="H33910" t="s">
        <v>20256</v>
      </c>
      <c r="I33910" s="2">
        <v>1</v>
      </c>
      <c r="J33910" s="2">
        <v>0</v>
      </c>
      <c r="K33910" s="2">
        <v>0</v>
      </c>
      <c r="L33910" t="s">
        <v>120</v>
      </c>
      <c r="M33910" t="s">
        <v>83</v>
      </c>
      <c r="N33910" t="s">
        <v>84</v>
      </c>
      <c r="O33910" t="s">
        <v>85</v>
      </c>
      <c r="P33910" t="s">
        <v>86</v>
      </c>
      <c r="Q33910">
        <v>42</v>
      </c>
      <c r="R33910">
        <v>43</v>
      </c>
      <c r="S33910">
        <v>45</v>
      </c>
      <c r="T33910">
        <v>46</v>
      </c>
      <c r="U33910">
        <v>47</v>
      </c>
      <c r="V33910">
        <v>48</v>
      </c>
      <c r="W33910">
        <v>49</v>
      </c>
      <c r="X33910">
        <v>51</v>
      </c>
      <c r="Y33910">
        <v>52</v>
      </c>
      <c r="Z33910">
        <v>53</v>
      </c>
      <c r="AA33910">
        <v>55</v>
      </c>
      <c r="AB33910">
        <v>56</v>
      </c>
      <c r="AC33910">
        <v>57</v>
      </c>
      <c r="AD33910">
        <v>59</v>
      </c>
      <c r="AE33910">
        <v>60</v>
      </c>
      <c r="AF33910">
        <v>62</v>
      </c>
      <c r="AG33910">
        <v>63</v>
      </c>
      <c r="AH33910">
        <v>65</v>
      </c>
      <c r="AI33910">
        <v>66</v>
      </c>
      <c r="AJ33910">
        <v>68</v>
      </c>
      <c r="AK33910">
        <v>69</v>
      </c>
      <c r="AL33910">
        <v>70</v>
      </c>
      <c r="AM33910">
        <v>71</v>
      </c>
      <c r="AN33910">
        <v>73</v>
      </c>
      <c r="AO33910">
        <v>74</v>
      </c>
      <c r="AP33910">
        <v>75</v>
      </c>
      <c r="AQ33910">
        <v>76</v>
      </c>
    </row>
    <row r="33911" spans="1:43">
      <c r="A33911" t="s">
        <v>21007</v>
      </c>
      <c r="B33911" t="s">
        <v>21008</v>
      </c>
      <c r="C33911" t="s">
        <v>21009</v>
      </c>
      <c r="D33911" t="s">
        <v>21010</v>
      </c>
      <c r="E33911" t="s">
        <v>20989</v>
      </c>
      <c r="F33911" t="s">
        <v>20990</v>
      </c>
      <c r="G33911" t="s">
        <v>20255</v>
      </c>
      <c r="H33911" t="s">
        <v>20256</v>
      </c>
      <c r="I33911" s="2">
        <v>1</v>
      </c>
      <c r="J33911" s="2">
        <v>0</v>
      </c>
      <c r="K33911" s="2">
        <v>0</v>
      </c>
      <c r="L33911" t="s">
        <v>120</v>
      </c>
      <c r="M33911" t="s">
        <v>87</v>
      </c>
      <c r="N33911" t="s">
        <v>88</v>
      </c>
      <c r="O33911" t="s">
        <v>85</v>
      </c>
      <c r="P33911" t="s">
        <v>86</v>
      </c>
      <c r="Q33911">
        <v>42</v>
      </c>
      <c r="R33911">
        <v>43</v>
      </c>
      <c r="S33911">
        <v>43</v>
      </c>
      <c r="T33911">
        <v>44</v>
      </c>
      <c r="U33911">
        <v>45</v>
      </c>
      <c r="V33911">
        <v>46</v>
      </c>
      <c r="W33911">
        <v>46</v>
      </c>
      <c r="X33911">
        <v>47</v>
      </c>
      <c r="Y33911">
        <v>48</v>
      </c>
      <c r="Z33911">
        <v>49</v>
      </c>
      <c r="AA33911">
        <v>50</v>
      </c>
      <c r="AB33911">
        <v>51</v>
      </c>
      <c r="AC33911">
        <v>52</v>
      </c>
      <c r="AD33911">
        <v>52</v>
      </c>
      <c r="AE33911">
        <v>53</v>
      </c>
      <c r="AF33911">
        <v>54</v>
      </c>
      <c r="AG33911">
        <v>55</v>
      </c>
      <c r="AH33911">
        <v>56</v>
      </c>
      <c r="AI33911">
        <v>57</v>
      </c>
      <c r="AJ33911">
        <v>58</v>
      </c>
      <c r="AK33911">
        <v>59</v>
      </c>
      <c r="AL33911">
        <v>60</v>
      </c>
      <c r="AM33911">
        <v>61</v>
      </c>
      <c r="AN33911">
        <v>62</v>
      </c>
      <c r="AO33911">
        <v>63</v>
      </c>
      <c r="AP33911">
        <v>64</v>
      </c>
      <c r="AQ33911">
        <v>66</v>
      </c>
    </row>
    <row r="33912" spans="1:43">
      <c r="A33912" t="s">
        <v>21007</v>
      </c>
      <c r="B33912" t="s">
        <v>21008</v>
      </c>
      <c r="C33912" t="s">
        <v>21009</v>
      </c>
      <c r="D33912" t="s">
        <v>21010</v>
      </c>
      <c r="E33912" t="s">
        <v>20989</v>
      </c>
      <c r="F33912" t="s">
        <v>20990</v>
      </c>
      <c r="G33912" t="s">
        <v>20255</v>
      </c>
      <c r="H33912" t="s">
        <v>20256</v>
      </c>
      <c r="I33912" s="2">
        <v>1</v>
      </c>
      <c r="J33912" s="2">
        <v>0</v>
      </c>
      <c r="K33912" s="2">
        <v>0</v>
      </c>
      <c r="L33912" t="s">
        <v>120</v>
      </c>
      <c r="M33912" t="s">
        <v>89</v>
      </c>
      <c r="N33912" t="s">
        <v>90</v>
      </c>
      <c r="O33912" t="s">
        <v>85</v>
      </c>
      <c r="P33912" t="s">
        <v>86</v>
      </c>
      <c r="Q33912">
        <v>42</v>
      </c>
      <c r="R33912">
        <v>43</v>
      </c>
      <c r="S33912">
        <v>45</v>
      </c>
      <c r="T33912">
        <v>46</v>
      </c>
      <c r="U33912">
        <v>48</v>
      </c>
      <c r="V33912">
        <v>49</v>
      </c>
      <c r="W33912">
        <v>51</v>
      </c>
      <c r="X33912">
        <v>52</v>
      </c>
      <c r="Y33912">
        <v>54</v>
      </c>
      <c r="Z33912">
        <v>56</v>
      </c>
      <c r="AA33912">
        <v>57</v>
      </c>
      <c r="AB33912">
        <v>59</v>
      </c>
      <c r="AC33912">
        <v>60</v>
      </c>
      <c r="AD33912">
        <v>62</v>
      </c>
      <c r="AE33912">
        <v>63</v>
      </c>
      <c r="AF33912">
        <v>64</v>
      </c>
      <c r="AG33912">
        <v>65</v>
      </c>
      <c r="AH33912">
        <v>66</v>
      </c>
      <c r="AI33912">
        <v>67</v>
      </c>
      <c r="AJ33912">
        <v>68</v>
      </c>
      <c r="AK33912">
        <v>69</v>
      </c>
      <c r="AL33912">
        <v>70</v>
      </c>
      <c r="AM33912">
        <v>71</v>
      </c>
      <c r="AN33912">
        <v>72</v>
      </c>
      <c r="AO33912">
        <v>73</v>
      </c>
      <c r="AP33912">
        <v>74</v>
      </c>
      <c r="AQ33912">
        <v>75</v>
      </c>
    </row>
    <row r="33913" spans="1:43">
      <c r="A33913" t="s">
        <v>21007</v>
      </c>
      <c r="B33913" t="s">
        <v>21008</v>
      </c>
      <c r="C33913" t="s">
        <v>21009</v>
      </c>
      <c r="D33913" t="s">
        <v>21010</v>
      </c>
      <c r="E33913" t="s">
        <v>20989</v>
      </c>
      <c r="F33913" t="s">
        <v>20990</v>
      </c>
      <c r="G33913" t="s">
        <v>20255</v>
      </c>
      <c r="H33913" t="s">
        <v>20256</v>
      </c>
      <c r="I33913" s="2">
        <v>1</v>
      </c>
      <c r="J33913" s="2">
        <v>0</v>
      </c>
      <c r="K33913" s="2">
        <v>0</v>
      </c>
      <c r="L33913" t="s">
        <v>120</v>
      </c>
      <c r="M33913" t="s">
        <v>83</v>
      </c>
      <c r="N33913" t="s">
        <v>91</v>
      </c>
      <c r="O33913" t="s">
        <v>85</v>
      </c>
      <c r="P33913" t="s">
        <v>86</v>
      </c>
      <c r="Q33913">
        <v>42</v>
      </c>
      <c r="R33913">
        <v>43</v>
      </c>
      <c r="S33913">
        <v>45</v>
      </c>
      <c r="T33913">
        <v>46</v>
      </c>
      <c r="U33913">
        <v>47</v>
      </c>
      <c r="V33913">
        <v>48</v>
      </c>
      <c r="W33913">
        <v>49</v>
      </c>
      <c r="X33913">
        <v>51</v>
      </c>
      <c r="Y33913">
        <v>52</v>
      </c>
      <c r="Z33913">
        <v>53</v>
      </c>
      <c r="AA33913">
        <v>55</v>
      </c>
      <c r="AB33913">
        <v>56</v>
      </c>
      <c r="AC33913">
        <v>57</v>
      </c>
      <c r="AD33913">
        <v>59</v>
      </c>
      <c r="AE33913">
        <v>60</v>
      </c>
      <c r="AF33913">
        <v>62</v>
      </c>
      <c r="AG33913">
        <v>63</v>
      </c>
      <c r="AH33913">
        <v>65</v>
      </c>
      <c r="AI33913">
        <v>66</v>
      </c>
      <c r="AJ33913">
        <v>68</v>
      </c>
      <c r="AK33913">
        <v>69</v>
      </c>
      <c r="AL33913">
        <v>70</v>
      </c>
      <c r="AM33913">
        <v>71</v>
      </c>
      <c r="AN33913">
        <v>73</v>
      </c>
      <c r="AO33913">
        <v>74</v>
      </c>
      <c r="AP33913">
        <v>75</v>
      </c>
      <c r="AQ33913">
        <v>76</v>
      </c>
    </row>
    <row r="33914" spans="1:43">
      <c r="A33914" t="s">
        <v>21011</v>
      </c>
      <c r="B33914" t="s">
        <v>21012</v>
      </c>
      <c r="C33914" t="s">
        <v>21013</v>
      </c>
      <c r="D33914" t="s">
        <v>21014</v>
      </c>
      <c r="E33914" t="s">
        <v>20989</v>
      </c>
      <c r="F33914" t="s">
        <v>20990</v>
      </c>
      <c r="G33914" t="s">
        <v>20255</v>
      </c>
      <c r="H33914" t="s">
        <v>20256</v>
      </c>
      <c r="I33914" s="2">
        <v>1</v>
      </c>
      <c r="J33914" s="2">
        <v>0</v>
      </c>
      <c r="K33914" s="2">
        <v>0</v>
      </c>
      <c r="L33914" t="s">
        <v>120</v>
      </c>
      <c r="M33914" t="s">
        <v>83</v>
      </c>
      <c r="N33914" t="s">
        <v>84</v>
      </c>
      <c r="O33914" t="s">
        <v>85</v>
      </c>
      <c r="P33914" t="s">
        <v>86</v>
      </c>
      <c r="Q33914">
        <v>84</v>
      </c>
      <c r="R33914">
        <v>87</v>
      </c>
      <c r="S33914">
        <v>89</v>
      </c>
      <c r="T33914">
        <v>92</v>
      </c>
      <c r="U33914">
        <v>94</v>
      </c>
      <c r="V33914">
        <v>97</v>
      </c>
      <c r="W33914">
        <v>99</v>
      </c>
      <c r="X33914">
        <v>102</v>
      </c>
      <c r="Y33914">
        <v>104</v>
      </c>
      <c r="Z33914">
        <v>107</v>
      </c>
      <c r="AA33914">
        <v>110</v>
      </c>
      <c r="AB33914">
        <v>113</v>
      </c>
      <c r="AC33914">
        <v>116</v>
      </c>
      <c r="AD33914">
        <v>119</v>
      </c>
      <c r="AE33914">
        <v>122</v>
      </c>
      <c r="AF33914">
        <v>125</v>
      </c>
      <c r="AG33914">
        <v>128</v>
      </c>
      <c r="AH33914">
        <v>131</v>
      </c>
      <c r="AI33914">
        <v>134</v>
      </c>
      <c r="AJ33914">
        <v>137</v>
      </c>
      <c r="AK33914">
        <v>141</v>
      </c>
      <c r="AL33914">
        <v>143</v>
      </c>
      <c r="AM33914">
        <v>145</v>
      </c>
      <c r="AN33914">
        <v>148</v>
      </c>
      <c r="AO33914">
        <v>150</v>
      </c>
      <c r="AP33914">
        <v>152</v>
      </c>
      <c r="AQ33914">
        <v>155</v>
      </c>
    </row>
    <row r="33915" spans="1:43">
      <c r="A33915" t="s">
        <v>21011</v>
      </c>
      <c r="B33915" t="s">
        <v>21012</v>
      </c>
      <c r="C33915" t="s">
        <v>21013</v>
      </c>
      <c r="D33915" t="s">
        <v>21014</v>
      </c>
      <c r="E33915" t="s">
        <v>20989</v>
      </c>
      <c r="F33915" t="s">
        <v>20990</v>
      </c>
      <c r="G33915" t="s">
        <v>20255</v>
      </c>
      <c r="H33915" t="s">
        <v>20256</v>
      </c>
      <c r="I33915" s="2">
        <v>1</v>
      </c>
      <c r="J33915" s="2">
        <v>0</v>
      </c>
      <c r="K33915" s="2">
        <v>0</v>
      </c>
      <c r="L33915" t="s">
        <v>120</v>
      </c>
      <c r="M33915" t="s">
        <v>87</v>
      </c>
      <c r="N33915" t="s">
        <v>88</v>
      </c>
      <c r="O33915" t="s">
        <v>85</v>
      </c>
      <c r="P33915" t="s">
        <v>86</v>
      </c>
      <c r="Q33915">
        <v>84</v>
      </c>
      <c r="R33915">
        <v>86</v>
      </c>
      <c r="S33915">
        <v>88</v>
      </c>
      <c r="T33915">
        <v>89</v>
      </c>
      <c r="U33915">
        <v>91</v>
      </c>
      <c r="V33915">
        <v>93</v>
      </c>
      <c r="W33915">
        <v>94</v>
      </c>
      <c r="X33915">
        <v>96</v>
      </c>
      <c r="Y33915">
        <v>98</v>
      </c>
      <c r="Z33915">
        <v>99</v>
      </c>
      <c r="AA33915">
        <v>101</v>
      </c>
      <c r="AB33915">
        <v>103</v>
      </c>
      <c r="AC33915">
        <v>105</v>
      </c>
      <c r="AD33915">
        <v>107</v>
      </c>
      <c r="AE33915">
        <v>109</v>
      </c>
      <c r="AF33915">
        <v>111</v>
      </c>
      <c r="AG33915">
        <v>113</v>
      </c>
      <c r="AH33915">
        <v>115</v>
      </c>
      <c r="AI33915">
        <v>117</v>
      </c>
      <c r="AJ33915">
        <v>119</v>
      </c>
      <c r="AK33915">
        <v>121</v>
      </c>
      <c r="AL33915">
        <v>123</v>
      </c>
      <c r="AM33915">
        <v>126</v>
      </c>
      <c r="AN33915">
        <v>128</v>
      </c>
      <c r="AO33915">
        <v>130</v>
      </c>
      <c r="AP33915">
        <v>132</v>
      </c>
      <c r="AQ33915">
        <v>135</v>
      </c>
    </row>
    <row r="33916" spans="1:43">
      <c r="A33916" t="s">
        <v>21011</v>
      </c>
      <c r="B33916" t="s">
        <v>21012</v>
      </c>
      <c r="C33916" t="s">
        <v>21013</v>
      </c>
      <c r="D33916" t="s">
        <v>21014</v>
      </c>
      <c r="E33916" t="s">
        <v>20989</v>
      </c>
      <c r="F33916" t="s">
        <v>20990</v>
      </c>
      <c r="G33916" t="s">
        <v>20255</v>
      </c>
      <c r="H33916" t="s">
        <v>20256</v>
      </c>
      <c r="I33916" s="2">
        <v>1</v>
      </c>
      <c r="J33916" s="2">
        <v>0</v>
      </c>
      <c r="K33916" s="2">
        <v>0</v>
      </c>
      <c r="L33916" t="s">
        <v>120</v>
      </c>
      <c r="M33916" t="s">
        <v>89</v>
      </c>
      <c r="N33916" t="s">
        <v>90</v>
      </c>
      <c r="O33916" t="s">
        <v>85</v>
      </c>
      <c r="P33916" t="s">
        <v>86</v>
      </c>
      <c r="Q33916">
        <v>84</v>
      </c>
      <c r="R33916">
        <v>87</v>
      </c>
      <c r="S33916">
        <v>90</v>
      </c>
      <c r="T33916">
        <v>94</v>
      </c>
      <c r="U33916">
        <v>97</v>
      </c>
      <c r="V33916">
        <v>100</v>
      </c>
      <c r="W33916">
        <v>103</v>
      </c>
      <c r="X33916">
        <v>106</v>
      </c>
      <c r="Y33916">
        <v>110</v>
      </c>
      <c r="Z33916">
        <v>113</v>
      </c>
      <c r="AA33916">
        <v>116</v>
      </c>
      <c r="AB33916">
        <v>119</v>
      </c>
      <c r="AC33916">
        <v>123</v>
      </c>
      <c r="AD33916">
        <v>126</v>
      </c>
      <c r="AE33916">
        <v>129</v>
      </c>
      <c r="AF33916">
        <v>131</v>
      </c>
      <c r="AG33916">
        <v>133</v>
      </c>
      <c r="AH33916">
        <v>136</v>
      </c>
      <c r="AI33916">
        <v>138</v>
      </c>
      <c r="AJ33916">
        <v>140</v>
      </c>
      <c r="AK33916">
        <v>142</v>
      </c>
      <c r="AL33916">
        <v>144</v>
      </c>
      <c r="AM33916">
        <v>146</v>
      </c>
      <c r="AN33916">
        <v>149</v>
      </c>
      <c r="AO33916">
        <v>151</v>
      </c>
      <c r="AP33916">
        <v>153</v>
      </c>
      <c r="AQ33916">
        <v>156</v>
      </c>
    </row>
    <row r="33917" spans="1:43">
      <c r="A33917" t="s">
        <v>21011</v>
      </c>
      <c r="B33917" t="s">
        <v>21012</v>
      </c>
      <c r="C33917" t="s">
        <v>21013</v>
      </c>
      <c r="D33917" t="s">
        <v>21014</v>
      </c>
      <c r="E33917" t="s">
        <v>20989</v>
      </c>
      <c r="F33917" t="s">
        <v>20990</v>
      </c>
      <c r="G33917" t="s">
        <v>20255</v>
      </c>
      <c r="H33917" t="s">
        <v>20256</v>
      </c>
      <c r="I33917" s="2">
        <v>1</v>
      </c>
      <c r="J33917" s="2">
        <v>0</v>
      </c>
      <c r="K33917" s="2">
        <v>0</v>
      </c>
      <c r="L33917" t="s">
        <v>120</v>
      </c>
      <c r="M33917" t="s">
        <v>83</v>
      </c>
      <c r="N33917" t="s">
        <v>91</v>
      </c>
      <c r="O33917" t="s">
        <v>85</v>
      </c>
      <c r="P33917" t="s">
        <v>86</v>
      </c>
      <c r="Q33917">
        <v>84</v>
      </c>
      <c r="R33917">
        <v>87</v>
      </c>
      <c r="S33917">
        <v>89</v>
      </c>
      <c r="T33917">
        <v>92</v>
      </c>
      <c r="U33917">
        <v>94</v>
      </c>
      <c r="V33917">
        <v>97</v>
      </c>
      <c r="W33917">
        <v>99</v>
      </c>
      <c r="X33917">
        <v>102</v>
      </c>
      <c r="Y33917">
        <v>104</v>
      </c>
      <c r="Z33917">
        <v>107</v>
      </c>
      <c r="AA33917">
        <v>110</v>
      </c>
      <c r="AB33917">
        <v>113</v>
      </c>
      <c r="AC33917">
        <v>116</v>
      </c>
      <c r="AD33917">
        <v>119</v>
      </c>
      <c r="AE33917">
        <v>122</v>
      </c>
      <c r="AF33917">
        <v>125</v>
      </c>
      <c r="AG33917">
        <v>128</v>
      </c>
      <c r="AH33917">
        <v>131</v>
      </c>
      <c r="AI33917">
        <v>134</v>
      </c>
      <c r="AJ33917">
        <v>137</v>
      </c>
      <c r="AK33917">
        <v>141</v>
      </c>
      <c r="AL33917">
        <v>143</v>
      </c>
      <c r="AM33917">
        <v>145</v>
      </c>
      <c r="AN33917">
        <v>148</v>
      </c>
      <c r="AO33917">
        <v>150</v>
      </c>
      <c r="AP33917">
        <v>152</v>
      </c>
      <c r="AQ33917">
        <v>155</v>
      </c>
    </row>
    <row r="33918" spans="1:43">
      <c r="A33918" t="s">
        <v>21015</v>
      </c>
      <c r="B33918" t="s">
        <v>21016</v>
      </c>
      <c r="C33918" t="s">
        <v>21017</v>
      </c>
      <c r="D33918" t="s">
        <v>21018</v>
      </c>
      <c r="E33918" t="s">
        <v>20989</v>
      </c>
      <c r="F33918" t="s">
        <v>20990</v>
      </c>
      <c r="G33918" t="s">
        <v>20255</v>
      </c>
      <c r="H33918" t="s">
        <v>20256</v>
      </c>
      <c r="I33918" s="2">
        <v>1</v>
      </c>
      <c r="J33918" s="2">
        <v>0</v>
      </c>
      <c r="K33918" s="2">
        <v>0</v>
      </c>
      <c r="L33918" t="s">
        <v>120</v>
      </c>
      <c r="M33918" t="s">
        <v>83</v>
      </c>
      <c r="N33918" t="s">
        <v>84</v>
      </c>
      <c r="O33918" t="s">
        <v>85</v>
      </c>
      <c r="P33918" t="s">
        <v>86</v>
      </c>
      <c r="Q33918">
        <v>71</v>
      </c>
      <c r="R33918">
        <v>73</v>
      </c>
      <c r="S33918">
        <v>75</v>
      </c>
      <c r="T33918">
        <v>77</v>
      </c>
      <c r="U33918">
        <v>79</v>
      </c>
      <c r="V33918">
        <v>81</v>
      </c>
      <c r="W33918">
        <v>83</v>
      </c>
      <c r="X33918">
        <v>85</v>
      </c>
      <c r="Y33918">
        <v>87</v>
      </c>
      <c r="Z33918">
        <v>89</v>
      </c>
      <c r="AA33918">
        <v>91</v>
      </c>
      <c r="AB33918">
        <v>93</v>
      </c>
      <c r="AC33918">
        <v>95</v>
      </c>
      <c r="AD33918">
        <v>98</v>
      </c>
      <c r="AE33918">
        <v>100</v>
      </c>
      <c r="AF33918">
        <v>102</v>
      </c>
      <c r="AG33918">
        <v>105</v>
      </c>
      <c r="AH33918">
        <v>107</v>
      </c>
      <c r="AI33918">
        <v>109</v>
      </c>
      <c r="AJ33918">
        <v>112</v>
      </c>
      <c r="AK33918">
        <v>114</v>
      </c>
      <c r="AL33918">
        <v>116</v>
      </c>
      <c r="AM33918">
        <v>118</v>
      </c>
      <c r="AN33918">
        <v>119</v>
      </c>
      <c r="AO33918">
        <v>121</v>
      </c>
      <c r="AP33918">
        <v>123</v>
      </c>
      <c r="AQ33918">
        <v>124</v>
      </c>
    </row>
    <row r="33919" spans="1:43">
      <c r="A33919" t="s">
        <v>21015</v>
      </c>
      <c r="B33919" t="s">
        <v>21016</v>
      </c>
      <c r="C33919" t="s">
        <v>21017</v>
      </c>
      <c r="D33919" t="s">
        <v>21018</v>
      </c>
      <c r="E33919" t="s">
        <v>20989</v>
      </c>
      <c r="F33919" t="s">
        <v>20990</v>
      </c>
      <c r="G33919" t="s">
        <v>20255</v>
      </c>
      <c r="H33919" t="s">
        <v>20256</v>
      </c>
      <c r="I33919" s="2">
        <v>1</v>
      </c>
      <c r="J33919" s="2">
        <v>0</v>
      </c>
      <c r="K33919" s="2">
        <v>0</v>
      </c>
      <c r="L33919" t="s">
        <v>120</v>
      </c>
      <c r="M33919" t="s">
        <v>87</v>
      </c>
      <c r="N33919" t="s">
        <v>88</v>
      </c>
      <c r="O33919" t="s">
        <v>85</v>
      </c>
      <c r="P33919" t="s">
        <v>86</v>
      </c>
      <c r="Q33919">
        <v>71</v>
      </c>
      <c r="R33919">
        <v>73</v>
      </c>
      <c r="S33919">
        <v>74</v>
      </c>
      <c r="T33919">
        <v>75</v>
      </c>
      <c r="U33919">
        <v>76</v>
      </c>
      <c r="V33919">
        <v>78</v>
      </c>
      <c r="W33919">
        <v>79</v>
      </c>
      <c r="X33919">
        <v>80</v>
      </c>
      <c r="Y33919">
        <v>82</v>
      </c>
      <c r="Z33919">
        <v>83</v>
      </c>
      <c r="AA33919">
        <v>84</v>
      </c>
      <c r="AB33919">
        <v>86</v>
      </c>
      <c r="AC33919">
        <v>87</v>
      </c>
      <c r="AD33919">
        <v>89</v>
      </c>
      <c r="AE33919">
        <v>90</v>
      </c>
      <c r="AF33919">
        <v>92</v>
      </c>
      <c r="AG33919">
        <v>93</v>
      </c>
      <c r="AH33919">
        <v>95</v>
      </c>
      <c r="AI33919">
        <v>96</v>
      </c>
      <c r="AJ33919">
        <v>98</v>
      </c>
      <c r="AK33919">
        <v>99</v>
      </c>
      <c r="AL33919">
        <v>101</v>
      </c>
      <c r="AM33919">
        <v>103</v>
      </c>
      <c r="AN33919">
        <v>104</v>
      </c>
      <c r="AO33919">
        <v>106</v>
      </c>
      <c r="AP33919">
        <v>108</v>
      </c>
      <c r="AQ33919">
        <v>110</v>
      </c>
    </row>
    <row r="33920" spans="1:43">
      <c r="A33920" t="s">
        <v>21015</v>
      </c>
      <c r="B33920" t="s">
        <v>21016</v>
      </c>
      <c r="C33920" t="s">
        <v>21017</v>
      </c>
      <c r="D33920" t="s">
        <v>21018</v>
      </c>
      <c r="E33920" t="s">
        <v>20989</v>
      </c>
      <c r="F33920" t="s">
        <v>20990</v>
      </c>
      <c r="G33920" t="s">
        <v>20255</v>
      </c>
      <c r="H33920" t="s">
        <v>20256</v>
      </c>
      <c r="I33920" s="2">
        <v>1</v>
      </c>
      <c r="J33920" s="2">
        <v>0</v>
      </c>
      <c r="K33920" s="2">
        <v>0</v>
      </c>
      <c r="L33920" t="s">
        <v>120</v>
      </c>
      <c r="M33920" t="s">
        <v>89</v>
      </c>
      <c r="N33920" t="s">
        <v>90</v>
      </c>
      <c r="O33920" t="s">
        <v>85</v>
      </c>
      <c r="P33920" t="s">
        <v>86</v>
      </c>
      <c r="Q33920">
        <v>71</v>
      </c>
      <c r="R33920">
        <v>73</v>
      </c>
      <c r="S33920">
        <v>76</v>
      </c>
      <c r="T33920">
        <v>78</v>
      </c>
      <c r="U33920">
        <v>81</v>
      </c>
      <c r="V33920">
        <v>83</v>
      </c>
      <c r="W33920">
        <v>86</v>
      </c>
      <c r="X33920">
        <v>88</v>
      </c>
      <c r="Y33920">
        <v>91</v>
      </c>
      <c r="Z33920">
        <v>93</v>
      </c>
      <c r="AA33920">
        <v>96</v>
      </c>
      <c r="AB33920">
        <v>98</v>
      </c>
      <c r="AC33920">
        <v>101</v>
      </c>
      <c r="AD33920">
        <v>104</v>
      </c>
      <c r="AE33920">
        <v>106</v>
      </c>
      <c r="AF33920">
        <v>107</v>
      </c>
      <c r="AG33920">
        <v>109</v>
      </c>
      <c r="AH33920">
        <v>110</v>
      </c>
      <c r="AI33920">
        <v>112</v>
      </c>
      <c r="AJ33920">
        <v>113</v>
      </c>
      <c r="AK33920">
        <v>115</v>
      </c>
      <c r="AL33920">
        <v>116</v>
      </c>
      <c r="AM33920">
        <v>118</v>
      </c>
      <c r="AN33920">
        <v>119</v>
      </c>
      <c r="AO33920">
        <v>121</v>
      </c>
      <c r="AP33920">
        <v>123</v>
      </c>
      <c r="AQ33920">
        <v>124</v>
      </c>
    </row>
    <row r="33921" spans="1:43">
      <c r="A33921" t="s">
        <v>21015</v>
      </c>
      <c r="B33921" t="s">
        <v>21016</v>
      </c>
      <c r="C33921" t="s">
        <v>21017</v>
      </c>
      <c r="D33921" t="s">
        <v>21018</v>
      </c>
      <c r="E33921" t="s">
        <v>20989</v>
      </c>
      <c r="F33921" t="s">
        <v>20990</v>
      </c>
      <c r="G33921" t="s">
        <v>20255</v>
      </c>
      <c r="H33921" t="s">
        <v>20256</v>
      </c>
      <c r="I33921" s="2">
        <v>1</v>
      </c>
      <c r="J33921" s="2">
        <v>0</v>
      </c>
      <c r="K33921" s="2">
        <v>0</v>
      </c>
      <c r="L33921" t="s">
        <v>120</v>
      </c>
      <c r="M33921" t="s">
        <v>83</v>
      </c>
      <c r="N33921" t="s">
        <v>91</v>
      </c>
      <c r="O33921" t="s">
        <v>85</v>
      </c>
      <c r="P33921" t="s">
        <v>86</v>
      </c>
      <c r="Q33921">
        <v>71</v>
      </c>
      <c r="R33921">
        <v>73</v>
      </c>
      <c r="S33921">
        <v>75</v>
      </c>
      <c r="T33921">
        <v>77</v>
      </c>
      <c r="U33921">
        <v>79</v>
      </c>
      <c r="V33921">
        <v>81</v>
      </c>
      <c r="W33921">
        <v>83</v>
      </c>
      <c r="X33921">
        <v>85</v>
      </c>
      <c r="Y33921">
        <v>87</v>
      </c>
      <c r="Z33921">
        <v>89</v>
      </c>
      <c r="AA33921">
        <v>91</v>
      </c>
      <c r="AB33921">
        <v>93</v>
      </c>
      <c r="AC33921">
        <v>95</v>
      </c>
      <c r="AD33921">
        <v>98</v>
      </c>
      <c r="AE33921">
        <v>100</v>
      </c>
      <c r="AF33921">
        <v>102</v>
      </c>
      <c r="AG33921">
        <v>105</v>
      </c>
      <c r="AH33921">
        <v>107</v>
      </c>
      <c r="AI33921">
        <v>109</v>
      </c>
      <c r="AJ33921">
        <v>112</v>
      </c>
      <c r="AK33921">
        <v>114</v>
      </c>
      <c r="AL33921">
        <v>116</v>
      </c>
      <c r="AM33921">
        <v>118</v>
      </c>
      <c r="AN33921">
        <v>119</v>
      </c>
      <c r="AO33921">
        <v>121</v>
      </c>
      <c r="AP33921">
        <v>123</v>
      </c>
      <c r="AQ33921">
        <v>124</v>
      </c>
    </row>
    <row r="33922" spans="1:43">
      <c r="A33922" t="s">
        <v>21019</v>
      </c>
      <c r="B33922" t="s">
        <v>21020</v>
      </c>
      <c r="C33922" t="s">
        <v>21021</v>
      </c>
      <c r="D33922" t="s">
        <v>21022</v>
      </c>
      <c r="E33922" t="s">
        <v>20989</v>
      </c>
      <c r="F33922" t="s">
        <v>20990</v>
      </c>
      <c r="G33922" t="s">
        <v>20255</v>
      </c>
      <c r="H33922" t="s">
        <v>20256</v>
      </c>
      <c r="I33922" s="2">
        <v>1</v>
      </c>
      <c r="J33922" s="2">
        <v>0</v>
      </c>
      <c r="K33922" s="2">
        <v>0</v>
      </c>
      <c r="L33922" t="s">
        <v>120</v>
      </c>
      <c r="M33922" t="s">
        <v>83</v>
      </c>
      <c r="N33922" t="s">
        <v>84</v>
      </c>
      <c r="O33922" t="s">
        <v>85</v>
      </c>
      <c r="P33922" t="s">
        <v>86</v>
      </c>
      <c r="Q33922">
        <v>48</v>
      </c>
      <c r="R33922">
        <v>49</v>
      </c>
      <c r="S33922">
        <v>51</v>
      </c>
      <c r="T33922">
        <v>52</v>
      </c>
      <c r="U33922">
        <v>53</v>
      </c>
      <c r="V33922">
        <v>55</v>
      </c>
      <c r="W33922">
        <v>56</v>
      </c>
      <c r="X33922">
        <v>58</v>
      </c>
      <c r="Y33922">
        <v>59</v>
      </c>
      <c r="Z33922">
        <v>61</v>
      </c>
      <c r="AA33922">
        <v>63</v>
      </c>
      <c r="AB33922">
        <v>64</v>
      </c>
      <c r="AC33922">
        <v>66</v>
      </c>
      <c r="AD33922">
        <v>67</v>
      </c>
      <c r="AE33922">
        <v>69</v>
      </c>
      <c r="AF33922">
        <v>71</v>
      </c>
      <c r="AG33922">
        <v>73</v>
      </c>
      <c r="AH33922">
        <v>74</v>
      </c>
      <c r="AI33922">
        <v>76</v>
      </c>
      <c r="AJ33922">
        <v>78</v>
      </c>
      <c r="AK33922">
        <v>80</v>
      </c>
      <c r="AL33922">
        <v>82</v>
      </c>
      <c r="AM33922">
        <v>83</v>
      </c>
      <c r="AN33922">
        <v>84</v>
      </c>
      <c r="AO33922">
        <v>86</v>
      </c>
      <c r="AP33922">
        <v>87</v>
      </c>
      <c r="AQ33922">
        <v>88</v>
      </c>
    </row>
    <row r="33923" spans="1:43">
      <c r="A33923" t="s">
        <v>21019</v>
      </c>
      <c r="B33923" t="s">
        <v>21020</v>
      </c>
      <c r="C33923" t="s">
        <v>21021</v>
      </c>
      <c r="D33923" t="s">
        <v>21022</v>
      </c>
      <c r="E33923" t="s">
        <v>20989</v>
      </c>
      <c r="F33923" t="s">
        <v>20990</v>
      </c>
      <c r="G33923" t="s">
        <v>20255</v>
      </c>
      <c r="H33923" t="s">
        <v>20256</v>
      </c>
      <c r="I33923" s="2">
        <v>1</v>
      </c>
      <c r="J33923" s="2">
        <v>0</v>
      </c>
      <c r="K33923" s="2">
        <v>0</v>
      </c>
      <c r="L33923" t="s">
        <v>120</v>
      </c>
      <c r="M33923" t="s">
        <v>87</v>
      </c>
      <c r="N33923" t="s">
        <v>88</v>
      </c>
      <c r="O33923" t="s">
        <v>85</v>
      </c>
      <c r="P33923" t="s">
        <v>86</v>
      </c>
      <c r="Q33923">
        <v>48</v>
      </c>
      <c r="R33923">
        <v>49</v>
      </c>
      <c r="S33923">
        <v>50</v>
      </c>
      <c r="T33923">
        <v>51</v>
      </c>
      <c r="U33923">
        <v>52</v>
      </c>
      <c r="V33923">
        <v>53</v>
      </c>
      <c r="W33923">
        <v>54</v>
      </c>
      <c r="X33923">
        <v>55</v>
      </c>
      <c r="Y33923">
        <v>56</v>
      </c>
      <c r="Z33923">
        <v>57</v>
      </c>
      <c r="AA33923">
        <v>58</v>
      </c>
      <c r="AB33923">
        <v>59</v>
      </c>
      <c r="AC33923">
        <v>60</v>
      </c>
      <c r="AD33923">
        <v>61</v>
      </c>
      <c r="AE33923">
        <v>62</v>
      </c>
      <c r="AF33923">
        <v>63</v>
      </c>
      <c r="AG33923">
        <v>65</v>
      </c>
      <c r="AH33923">
        <v>66</v>
      </c>
      <c r="AI33923">
        <v>67</v>
      </c>
      <c r="AJ33923">
        <v>68</v>
      </c>
      <c r="AK33923">
        <v>69</v>
      </c>
      <c r="AL33923">
        <v>71</v>
      </c>
      <c r="AM33923">
        <v>72</v>
      </c>
      <c r="AN33923">
        <v>73</v>
      </c>
      <c r="AO33923">
        <v>74</v>
      </c>
      <c r="AP33923">
        <v>76</v>
      </c>
      <c r="AQ33923">
        <v>77</v>
      </c>
    </row>
    <row r="33924" spans="1:43">
      <c r="A33924" t="s">
        <v>21019</v>
      </c>
      <c r="B33924" t="s">
        <v>21020</v>
      </c>
      <c r="C33924" t="s">
        <v>21021</v>
      </c>
      <c r="D33924" t="s">
        <v>21022</v>
      </c>
      <c r="E33924" t="s">
        <v>20989</v>
      </c>
      <c r="F33924" t="s">
        <v>20990</v>
      </c>
      <c r="G33924" t="s">
        <v>20255</v>
      </c>
      <c r="H33924" t="s">
        <v>20256</v>
      </c>
      <c r="I33924" s="2">
        <v>1</v>
      </c>
      <c r="J33924" s="2">
        <v>0</v>
      </c>
      <c r="K33924" s="2">
        <v>0</v>
      </c>
      <c r="L33924" t="s">
        <v>120</v>
      </c>
      <c r="M33924" t="s">
        <v>89</v>
      </c>
      <c r="N33924" t="s">
        <v>90</v>
      </c>
      <c r="O33924" t="s">
        <v>85</v>
      </c>
      <c r="P33924" t="s">
        <v>86</v>
      </c>
      <c r="Q33924">
        <v>48</v>
      </c>
      <c r="R33924">
        <v>50</v>
      </c>
      <c r="S33924">
        <v>52</v>
      </c>
      <c r="T33924">
        <v>54</v>
      </c>
      <c r="U33924">
        <v>56</v>
      </c>
      <c r="V33924">
        <v>57</v>
      </c>
      <c r="W33924">
        <v>59</v>
      </c>
      <c r="X33924">
        <v>61</v>
      </c>
      <c r="Y33924">
        <v>63</v>
      </c>
      <c r="Z33924">
        <v>65</v>
      </c>
      <c r="AA33924">
        <v>67</v>
      </c>
      <c r="AB33924">
        <v>68</v>
      </c>
      <c r="AC33924">
        <v>70</v>
      </c>
      <c r="AD33924">
        <v>72</v>
      </c>
      <c r="AE33924">
        <v>74</v>
      </c>
      <c r="AF33924">
        <v>75</v>
      </c>
      <c r="AG33924">
        <v>77</v>
      </c>
      <c r="AH33924">
        <v>78</v>
      </c>
      <c r="AI33924">
        <v>79</v>
      </c>
      <c r="AJ33924">
        <v>80</v>
      </c>
      <c r="AK33924">
        <v>81</v>
      </c>
      <c r="AL33924">
        <v>83</v>
      </c>
      <c r="AM33924">
        <v>84</v>
      </c>
      <c r="AN33924">
        <v>85</v>
      </c>
      <c r="AO33924">
        <v>87</v>
      </c>
      <c r="AP33924">
        <v>88</v>
      </c>
      <c r="AQ33924">
        <v>90</v>
      </c>
    </row>
    <row r="33925" spans="1:43">
      <c r="A33925" t="s">
        <v>21019</v>
      </c>
      <c r="B33925" t="s">
        <v>21020</v>
      </c>
      <c r="C33925" t="s">
        <v>21021</v>
      </c>
      <c r="D33925" t="s">
        <v>21022</v>
      </c>
      <c r="E33925" t="s">
        <v>20989</v>
      </c>
      <c r="F33925" t="s">
        <v>20990</v>
      </c>
      <c r="G33925" t="s">
        <v>20255</v>
      </c>
      <c r="H33925" t="s">
        <v>20256</v>
      </c>
      <c r="I33925" s="2">
        <v>1</v>
      </c>
      <c r="J33925" s="2">
        <v>0</v>
      </c>
      <c r="K33925" s="2">
        <v>0</v>
      </c>
      <c r="L33925" t="s">
        <v>120</v>
      </c>
      <c r="M33925" t="s">
        <v>83</v>
      </c>
      <c r="N33925" t="s">
        <v>91</v>
      </c>
      <c r="O33925" t="s">
        <v>85</v>
      </c>
      <c r="P33925" t="s">
        <v>86</v>
      </c>
      <c r="Q33925">
        <v>48</v>
      </c>
      <c r="R33925">
        <v>49</v>
      </c>
      <c r="S33925">
        <v>51</v>
      </c>
      <c r="T33925">
        <v>52</v>
      </c>
      <c r="U33925">
        <v>53</v>
      </c>
      <c r="V33925">
        <v>55</v>
      </c>
      <c r="W33925">
        <v>56</v>
      </c>
      <c r="X33925">
        <v>58</v>
      </c>
      <c r="Y33925">
        <v>59</v>
      </c>
      <c r="Z33925">
        <v>61</v>
      </c>
      <c r="AA33925">
        <v>63</v>
      </c>
      <c r="AB33925">
        <v>64</v>
      </c>
      <c r="AC33925">
        <v>66</v>
      </c>
      <c r="AD33925">
        <v>67</v>
      </c>
      <c r="AE33925">
        <v>69</v>
      </c>
      <c r="AF33925">
        <v>71</v>
      </c>
      <c r="AG33925">
        <v>73</v>
      </c>
      <c r="AH33925">
        <v>74</v>
      </c>
      <c r="AI33925">
        <v>76</v>
      </c>
      <c r="AJ33925">
        <v>78</v>
      </c>
      <c r="AK33925">
        <v>80</v>
      </c>
      <c r="AL33925">
        <v>82</v>
      </c>
      <c r="AM33925">
        <v>83</v>
      </c>
      <c r="AN33925">
        <v>84</v>
      </c>
      <c r="AO33925">
        <v>86</v>
      </c>
      <c r="AP33925">
        <v>87</v>
      </c>
      <c r="AQ33925">
        <v>88</v>
      </c>
    </row>
    <row r="33926" spans="1:43">
      <c r="A33926" t="s">
        <v>21023</v>
      </c>
      <c r="B33926" t="s">
        <v>21024</v>
      </c>
      <c r="C33926" t="s">
        <v>21021</v>
      </c>
      <c r="D33926" t="s">
        <v>21022</v>
      </c>
      <c r="E33926" t="s">
        <v>20989</v>
      </c>
      <c r="F33926" t="s">
        <v>20990</v>
      </c>
      <c r="G33926" t="s">
        <v>20255</v>
      </c>
      <c r="H33926" t="s">
        <v>20256</v>
      </c>
      <c r="I33926" s="2">
        <v>1</v>
      </c>
      <c r="J33926" s="2">
        <v>0</v>
      </c>
      <c r="K33926" s="2">
        <v>0</v>
      </c>
      <c r="L33926" t="s">
        <v>120</v>
      </c>
      <c r="M33926" t="s">
        <v>83</v>
      </c>
      <c r="N33926" t="s">
        <v>84</v>
      </c>
      <c r="O33926" t="s">
        <v>85</v>
      </c>
      <c r="P33926" t="s">
        <v>86</v>
      </c>
      <c r="Q33926">
        <v>53</v>
      </c>
      <c r="R33926">
        <v>54</v>
      </c>
      <c r="S33926">
        <v>56</v>
      </c>
      <c r="T33926">
        <v>57</v>
      </c>
      <c r="U33926">
        <v>59</v>
      </c>
      <c r="V33926">
        <v>60</v>
      </c>
      <c r="W33926">
        <v>62</v>
      </c>
      <c r="X33926">
        <v>64</v>
      </c>
      <c r="Y33926">
        <v>65</v>
      </c>
      <c r="Z33926">
        <v>67</v>
      </c>
      <c r="AA33926">
        <v>69</v>
      </c>
      <c r="AB33926">
        <v>70</v>
      </c>
      <c r="AC33926">
        <v>72</v>
      </c>
      <c r="AD33926">
        <v>74</v>
      </c>
      <c r="AE33926">
        <v>76</v>
      </c>
      <c r="AF33926">
        <v>78</v>
      </c>
      <c r="AG33926">
        <v>80</v>
      </c>
      <c r="AH33926">
        <v>82</v>
      </c>
      <c r="AI33926">
        <v>84</v>
      </c>
      <c r="AJ33926">
        <v>86</v>
      </c>
      <c r="AK33926">
        <v>88</v>
      </c>
      <c r="AL33926">
        <v>89</v>
      </c>
      <c r="AM33926">
        <v>91</v>
      </c>
      <c r="AN33926">
        <v>92</v>
      </c>
      <c r="AO33926">
        <v>94</v>
      </c>
      <c r="AP33926">
        <v>96</v>
      </c>
      <c r="AQ33926">
        <v>97</v>
      </c>
    </row>
    <row r="33927" spans="1:43">
      <c r="A33927" t="s">
        <v>21023</v>
      </c>
      <c r="B33927" t="s">
        <v>21024</v>
      </c>
      <c r="C33927" t="s">
        <v>21021</v>
      </c>
      <c r="D33927" t="s">
        <v>21022</v>
      </c>
      <c r="E33927" t="s">
        <v>20989</v>
      </c>
      <c r="F33927" t="s">
        <v>20990</v>
      </c>
      <c r="G33927" t="s">
        <v>20255</v>
      </c>
      <c r="H33927" t="s">
        <v>20256</v>
      </c>
      <c r="I33927" s="2">
        <v>1</v>
      </c>
      <c r="J33927" s="2">
        <v>0</v>
      </c>
      <c r="K33927" s="2">
        <v>0</v>
      </c>
      <c r="L33927" t="s">
        <v>120</v>
      </c>
      <c r="M33927" t="s">
        <v>87</v>
      </c>
      <c r="N33927" t="s">
        <v>88</v>
      </c>
      <c r="O33927" t="s">
        <v>85</v>
      </c>
      <c r="P33927" t="s">
        <v>86</v>
      </c>
      <c r="Q33927">
        <v>53</v>
      </c>
      <c r="R33927">
        <v>54</v>
      </c>
      <c r="S33927">
        <v>55</v>
      </c>
      <c r="T33927">
        <v>56</v>
      </c>
      <c r="U33927">
        <v>57</v>
      </c>
      <c r="V33927">
        <v>58</v>
      </c>
      <c r="W33927">
        <v>59</v>
      </c>
      <c r="X33927">
        <v>60</v>
      </c>
      <c r="Y33927">
        <v>61</v>
      </c>
      <c r="Z33927">
        <v>63</v>
      </c>
      <c r="AA33927">
        <v>64</v>
      </c>
      <c r="AB33927">
        <v>65</v>
      </c>
      <c r="AC33927">
        <v>66</v>
      </c>
      <c r="AD33927">
        <v>67</v>
      </c>
      <c r="AE33927">
        <v>68</v>
      </c>
      <c r="AF33927">
        <v>70</v>
      </c>
      <c r="AG33927">
        <v>71</v>
      </c>
      <c r="AH33927">
        <v>72</v>
      </c>
      <c r="AI33927">
        <v>73</v>
      </c>
      <c r="AJ33927">
        <v>75</v>
      </c>
      <c r="AK33927">
        <v>76</v>
      </c>
      <c r="AL33927">
        <v>78</v>
      </c>
      <c r="AM33927">
        <v>79</v>
      </c>
      <c r="AN33927">
        <v>80</v>
      </c>
      <c r="AO33927">
        <v>82</v>
      </c>
      <c r="AP33927">
        <v>83</v>
      </c>
      <c r="AQ33927">
        <v>85</v>
      </c>
    </row>
    <row r="33928" spans="1:43">
      <c r="A33928" t="s">
        <v>21023</v>
      </c>
      <c r="B33928" t="s">
        <v>21024</v>
      </c>
      <c r="C33928" t="s">
        <v>21021</v>
      </c>
      <c r="D33928" t="s">
        <v>21022</v>
      </c>
      <c r="E33928" t="s">
        <v>20989</v>
      </c>
      <c r="F33928" t="s">
        <v>20990</v>
      </c>
      <c r="G33928" t="s">
        <v>20255</v>
      </c>
      <c r="H33928" t="s">
        <v>20256</v>
      </c>
      <c r="I33928" s="2">
        <v>1</v>
      </c>
      <c r="J33928" s="2">
        <v>0</v>
      </c>
      <c r="K33928" s="2">
        <v>0</v>
      </c>
      <c r="L33928" t="s">
        <v>120</v>
      </c>
      <c r="M33928" t="s">
        <v>89</v>
      </c>
      <c r="N33928" t="s">
        <v>90</v>
      </c>
      <c r="O33928" t="s">
        <v>85</v>
      </c>
      <c r="P33928" t="s">
        <v>86</v>
      </c>
      <c r="Q33928">
        <v>53</v>
      </c>
      <c r="R33928">
        <v>55</v>
      </c>
      <c r="S33928">
        <v>57</v>
      </c>
      <c r="T33928">
        <v>59</v>
      </c>
      <c r="U33928">
        <v>61</v>
      </c>
      <c r="V33928">
        <v>63</v>
      </c>
      <c r="W33928">
        <v>65</v>
      </c>
      <c r="X33928">
        <v>67</v>
      </c>
      <c r="Y33928">
        <v>69</v>
      </c>
      <c r="Z33928">
        <v>71</v>
      </c>
      <c r="AA33928">
        <v>73</v>
      </c>
      <c r="AB33928">
        <v>75</v>
      </c>
      <c r="AC33928">
        <v>77</v>
      </c>
      <c r="AD33928">
        <v>79</v>
      </c>
      <c r="AE33928">
        <v>81</v>
      </c>
      <c r="AF33928">
        <v>83</v>
      </c>
      <c r="AG33928">
        <v>84</v>
      </c>
      <c r="AH33928">
        <v>85</v>
      </c>
      <c r="AI33928">
        <v>87</v>
      </c>
      <c r="AJ33928">
        <v>88</v>
      </c>
      <c r="AK33928">
        <v>90</v>
      </c>
      <c r="AL33928">
        <v>91</v>
      </c>
      <c r="AM33928">
        <v>93</v>
      </c>
      <c r="AN33928">
        <v>94</v>
      </c>
      <c r="AO33928">
        <v>96</v>
      </c>
      <c r="AP33928">
        <v>97</v>
      </c>
      <c r="AQ33928">
        <v>99</v>
      </c>
    </row>
    <row r="33929" spans="1:43">
      <c r="A33929" t="s">
        <v>21023</v>
      </c>
      <c r="B33929" t="s">
        <v>21024</v>
      </c>
      <c r="C33929" t="s">
        <v>21021</v>
      </c>
      <c r="D33929" t="s">
        <v>21022</v>
      </c>
      <c r="E33929" t="s">
        <v>20989</v>
      </c>
      <c r="F33929" t="s">
        <v>20990</v>
      </c>
      <c r="G33929" t="s">
        <v>20255</v>
      </c>
      <c r="H33929" t="s">
        <v>20256</v>
      </c>
      <c r="I33929" s="2">
        <v>1</v>
      </c>
      <c r="J33929" s="2">
        <v>0</v>
      </c>
      <c r="K33929" s="2">
        <v>0</v>
      </c>
      <c r="L33929" t="s">
        <v>120</v>
      </c>
      <c r="M33929" t="s">
        <v>83</v>
      </c>
      <c r="N33929" t="s">
        <v>91</v>
      </c>
      <c r="O33929" t="s">
        <v>85</v>
      </c>
      <c r="P33929" t="s">
        <v>86</v>
      </c>
      <c r="Q33929">
        <v>53</v>
      </c>
      <c r="R33929">
        <v>54</v>
      </c>
      <c r="S33929">
        <v>56</v>
      </c>
      <c r="T33929">
        <v>57</v>
      </c>
      <c r="U33929">
        <v>59</v>
      </c>
      <c r="V33929">
        <v>60</v>
      </c>
      <c r="W33929">
        <v>62</v>
      </c>
      <c r="X33929">
        <v>64</v>
      </c>
      <c r="Y33929">
        <v>65</v>
      </c>
      <c r="Z33929">
        <v>67</v>
      </c>
      <c r="AA33929">
        <v>69</v>
      </c>
      <c r="AB33929">
        <v>70</v>
      </c>
      <c r="AC33929">
        <v>72</v>
      </c>
      <c r="AD33929">
        <v>74</v>
      </c>
      <c r="AE33929">
        <v>76</v>
      </c>
      <c r="AF33929">
        <v>78</v>
      </c>
      <c r="AG33929">
        <v>80</v>
      </c>
      <c r="AH33929">
        <v>82</v>
      </c>
      <c r="AI33929">
        <v>84</v>
      </c>
      <c r="AJ33929">
        <v>86</v>
      </c>
      <c r="AK33929">
        <v>88</v>
      </c>
      <c r="AL33929">
        <v>89</v>
      </c>
      <c r="AM33929">
        <v>91</v>
      </c>
      <c r="AN33929">
        <v>92</v>
      </c>
      <c r="AO33929">
        <v>94</v>
      </c>
      <c r="AP33929">
        <v>96</v>
      </c>
      <c r="AQ33929">
        <v>97</v>
      </c>
    </row>
    <row r="33930" spans="1:43">
      <c r="A33930" t="s">
        <v>21025</v>
      </c>
      <c r="B33930" t="s">
        <v>21026</v>
      </c>
      <c r="C33930" t="s">
        <v>21021</v>
      </c>
      <c r="D33930" t="s">
        <v>21022</v>
      </c>
      <c r="E33930" t="s">
        <v>20989</v>
      </c>
      <c r="F33930" t="s">
        <v>20990</v>
      </c>
      <c r="G33930" t="s">
        <v>20255</v>
      </c>
      <c r="H33930" t="s">
        <v>20256</v>
      </c>
      <c r="I33930" s="2">
        <v>1</v>
      </c>
      <c r="J33930" s="2">
        <v>0</v>
      </c>
      <c r="K33930" s="2">
        <v>0</v>
      </c>
      <c r="L33930" t="s">
        <v>120</v>
      </c>
      <c r="M33930" t="s">
        <v>83</v>
      </c>
      <c r="N33930" t="s">
        <v>84</v>
      </c>
      <c r="O33930" t="s">
        <v>85</v>
      </c>
      <c r="P33930" t="s">
        <v>86</v>
      </c>
      <c r="Q33930">
        <v>108</v>
      </c>
      <c r="R33930">
        <v>111</v>
      </c>
      <c r="S33930">
        <v>115</v>
      </c>
      <c r="T33930">
        <v>118</v>
      </c>
      <c r="U33930">
        <v>121</v>
      </c>
      <c r="V33930">
        <v>124</v>
      </c>
      <c r="W33930">
        <v>128</v>
      </c>
      <c r="X33930">
        <v>131</v>
      </c>
      <c r="Y33930">
        <v>135</v>
      </c>
      <c r="Z33930">
        <v>138</v>
      </c>
      <c r="AA33930">
        <v>142</v>
      </c>
      <c r="AB33930">
        <v>145</v>
      </c>
      <c r="AC33930">
        <v>149</v>
      </c>
      <c r="AD33930">
        <v>153</v>
      </c>
      <c r="AE33930">
        <v>156</v>
      </c>
      <c r="AF33930">
        <v>160</v>
      </c>
      <c r="AG33930">
        <v>164</v>
      </c>
      <c r="AH33930">
        <v>168</v>
      </c>
      <c r="AI33930">
        <v>172</v>
      </c>
      <c r="AJ33930">
        <v>177</v>
      </c>
      <c r="AK33930">
        <v>181</v>
      </c>
      <c r="AL33930">
        <v>184</v>
      </c>
      <c r="AM33930">
        <v>187</v>
      </c>
      <c r="AN33930">
        <v>191</v>
      </c>
      <c r="AO33930">
        <v>194</v>
      </c>
      <c r="AP33930">
        <v>197</v>
      </c>
      <c r="AQ33930">
        <v>201</v>
      </c>
    </row>
    <row r="33931" spans="1:43">
      <c r="A33931" t="s">
        <v>21025</v>
      </c>
      <c r="B33931" t="s">
        <v>21026</v>
      </c>
      <c r="C33931" t="s">
        <v>21021</v>
      </c>
      <c r="D33931" t="s">
        <v>21022</v>
      </c>
      <c r="E33931" t="s">
        <v>20989</v>
      </c>
      <c r="F33931" t="s">
        <v>20990</v>
      </c>
      <c r="G33931" t="s">
        <v>20255</v>
      </c>
      <c r="H33931" t="s">
        <v>20256</v>
      </c>
      <c r="I33931" s="2">
        <v>1</v>
      </c>
      <c r="J33931" s="2">
        <v>0</v>
      </c>
      <c r="K33931" s="2">
        <v>0</v>
      </c>
      <c r="L33931" t="s">
        <v>120</v>
      </c>
      <c r="M33931" t="s">
        <v>87</v>
      </c>
      <c r="N33931" t="s">
        <v>88</v>
      </c>
      <c r="O33931" t="s">
        <v>85</v>
      </c>
      <c r="P33931" t="s">
        <v>86</v>
      </c>
      <c r="Q33931">
        <v>108</v>
      </c>
      <c r="R33931">
        <v>110</v>
      </c>
      <c r="S33931">
        <v>113</v>
      </c>
      <c r="T33931">
        <v>115</v>
      </c>
      <c r="U33931">
        <v>117</v>
      </c>
      <c r="V33931">
        <v>119</v>
      </c>
      <c r="W33931">
        <v>121</v>
      </c>
      <c r="X33931">
        <v>123</v>
      </c>
      <c r="Y33931">
        <v>126</v>
      </c>
      <c r="Z33931">
        <v>128</v>
      </c>
      <c r="AA33931">
        <v>130</v>
      </c>
      <c r="AB33931">
        <v>133</v>
      </c>
      <c r="AC33931">
        <v>135</v>
      </c>
      <c r="AD33931">
        <v>138</v>
      </c>
      <c r="AE33931">
        <v>140</v>
      </c>
      <c r="AF33931">
        <v>143</v>
      </c>
      <c r="AG33931">
        <v>145</v>
      </c>
      <c r="AH33931">
        <v>148</v>
      </c>
      <c r="AI33931">
        <v>150</v>
      </c>
      <c r="AJ33931">
        <v>153</v>
      </c>
      <c r="AK33931">
        <v>156</v>
      </c>
      <c r="AL33931">
        <v>159</v>
      </c>
      <c r="AM33931">
        <v>162</v>
      </c>
      <c r="AN33931">
        <v>165</v>
      </c>
      <c r="AO33931">
        <v>168</v>
      </c>
      <c r="AP33931">
        <v>171</v>
      </c>
      <c r="AQ33931">
        <v>174</v>
      </c>
    </row>
    <row r="33932" spans="1:43">
      <c r="A33932" t="s">
        <v>21025</v>
      </c>
      <c r="B33932" t="s">
        <v>21026</v>
      </c>
      <c r="C33932" t="s">
        <v>21021</v>
      </c>
      <c r="D33932" t="s">
        <v>21022</v>
      </c>
      <c r="E33932" t="s">
        <v>20989</v>
      </c>
      <c r="F33932" t="s">
        <v>20990</v>
      </c>
      <c r="G33932" t="s">
        <v>20255</v>
      </c>
      <c r="H33932" t="s">
        <v>20256</v>
      </c>
      <c r="I33932" s="2">
        <v>1</v>
      </c>
      <c r="J33932" s="2">
        <v>0</v>
      </c>
      <c r="K33932" s="2">
        <v>0</v>
      </c>
      <c r="L33932" t="s">
        <v>120</v>
      </c>
      <c r="M33932" t="s">
        <v>89</v>
      </c>
      <c r="N33932" t="s">
        <v>90</v>
      </c>
      <c r="O33932" t="s">
        <v>85</v>
      </c>
      <c r="P33932" t="s">
        <v>86</v>
      </c>
      <c r="Q33932">
        <v>108</v>
      </c>
      <c r="R33932">
        <v>112</v>
      </c>
      <c r="S33932">
        <v>117</v>
      </c>
      <c r="T33932">
        <v>121</v>
      </c>
      <c r="U33932">
        <v>125</v>
      </c>
      <c r="V33932">
        <v>129</v>
      </c>
      <c r="W33932">
        <v>133</v>
      </c>
      <c r="X33932">
        <v>137</v>
      </c>
      <c r="Y33932">
        <v>141</v>
      </c>
      <c r="Z33932">
        <v>145</v>
      </c>
      <c r="AA33932">
        <v>150</v>
      </c>
      <c r="AB33932">
        <v>154</v>
      </c>
      <c r="AC33932">
        <v>158</v>
      </c>
      <c r="AD33932">
        <v>163</v>
      </c>
      <c r="AE33932">
        <v>166</v>
      </c>
      <c r="AF33932">
        <v>169</v>
      </c>
      <c r="AG33932">
        <v>172</v>
      </c>
      <c r="AH33932">
        <v>175</v>
      </c>
      <c r="AI33932">
        <v>178</v>
      </c>
      <c r="AJ33932">
        <v>181</v>
      </c>
      <c r="AK33932">
        <v>184</v>
      </c>
      <c r="AL33932">
        <v>187</v>
      </c>
      <c r="AM33932">
        <v>190</v>
      </c>
      <c r="AN33932">
        <v>194</v>
      </c>
      <c r="AO33932">
        <v>197</v>
      </c>
      <c r="AP33932">
        <v>200</v>
      </c>
      <c r="AQ33932">
        <v>203</v>
      </c>
    </row>
    <row r="33933" spans="1:43">
      <c r="A33933" t="s">
        <v>21025</v>
      </c>
      <c r="B33933" t="s">
        <v>21026</v>
      </c>
      <c r="C33933" t="s">
        <v>21021</v>
      </c>
      <c r="D33933" t="s">
        <v>21022</v>
      </c>
      <c r="E33933" t="s">
        <v>20989</v>
      </c>
      <c r="F33933" t="s">
        <v>20990</v>
      </c>
      <c r="G33933" t="s">
        <v>20255</v>
      </c>
      <c r="H33933" t="s">
        <v>20256</v>
      </c>
      <c r="I33933" s="2">
        <v>1</v>
      </c>
      <c r="J33933" s="2">
        <v>0</v>
      </c>
      <c r="K33933" s="2">
        <v>0</v>
      </c>
      <c r="L33933" t="s">
        <v>120</v>
      </c>
      <c r="M33933" t="s">
        <v>83</v>
      </c>
      <c r="N33933" t="s">
        <v>91</v>
      </c>
      <c r="O33933" t="s">
        <v>85</v>
      </c>
      <c r="P33933" t="s">
        <v>86</v>
      </c>
      <c r="Q33933">
        <v>108</v>
      </c>
      <c r="R33933">
        <v>111</v>
      </c>
      <c r="S33933">
        <v>115</v>
      </c>
      <c r="T33933">
        <v>118</v>
      </c>
      <c r="U33933">
        <v>121</v>
      </c>
      <c r="V33933">
        <v>124</v>
      </c>
      <c r="W33933">
        <v>128</v>
      </c>
      <c r="X33933">
        <v>131</v>
      </c>
      <c r="Y33933">
        <v>135</v>
      </c>
      <c r="Z33933">
        <v>138</v>
      </c>
      <c r="AA33933">
        <v>142</v>
      </c>
      <c r="AB33933">
        <v>145</v>
      </c>
      <c r="AC33933">
        <v>149</v>
      </c>
      <c r="AD33933">
        <v>153</v>
      </c>
      <c r="AE33933">
        <v>156</v>
      </c>
      <c r="AF33933">
        <v>160</v>
      </c>
      <c r="AG33933">
        <v>164</v>
      </c>
      <c r="AH33933">
        <v>168</v>
      </c>
      <c r="AI33933">
        <v>172</v>
      </c>
      <c r="AJ33933">
        <v>177</v>
      </c>
      <c r="AK33933">
        <v>181</v>
      </c>
      <c r="AL33933">
        <v>184</v>
      </c>
      <c r="AM33933">
        <v>187</v>
      </c>
      <c r="AN33933">
        <v>191</v>
      </c>
      <c r="AO33933">
        <v>194</v>
      </c>
      <c r="AP33933">
        <v>197</v>
      </c>
      <c r="AQ33933">
        <v>201</v>
      </c>
    </row>
    <row r="33934" spans="1:43">
      <c r="A33934" t="s">
        <v>21027</v>
      </c>
      <c r="B33934" t="s">
        <v>21028</v>
      </c>
      <c r="C33934" t="s">
        <v>21029</v>
      </c>
      <c r="D33934" t="s">
        <v>21030</v>
      </c>
      <c r="E33934" t="s">
        <v>20989</v>
      </c>
      <c r="F33934" t="s">
        <v>20990</v>
      </c>
      <c r="G33934" t="s">
        <v>20255</v>
      </c>
      <c r="H33934" t="s">
        <v>20256</v>
      </c>
      <c r="I33934" s="2">
        <v>1</v>
      </c>
      <c r="J33934" s="2">
        <v>0</v>
      </c>
      <c r="K33934" s="2">
        <v>0</v>
      </c>
      <c r="L33934" t="s">
        <v>120</v>
      </c>
      <c r="M33934" t="s">
        <v>83</v>
      </c>
      <c r="N33934" t="s">
        <v>84</v>
      </c>
      <c r="O33934" t="s">
        <v>85</v>
      </c>
      <c r="P33934" t="s">
        <v>86</v>
      </c>
      <c r="Q33934">
        <v>111</v>
      </c>
      <c r="R33934">
        <v>114</v>
      </c>
      <c r="S33934">
        <v>117</v>
      </c>
      <c r="T33934">
        <v>121</v>
      </c>
      <c r="U33934">
        <v>124</v>
      </c>
      <c r="V33934">
        <v>127</v>
      </c>
      <c r="W33934">
        <v>131</v>
      </c>
      <c r="X33934">
        <v>134</v>
      </c>
      <c r="Y33934">
        <v>138</v>
      </c>
      <c r="Z33934">
        <v>141</v>
      </c>
      <c r="AA33934">
        <v>145</v>
      </c>
      <c r="AB33934">
        <v>149</v>
      </c>
      <c r="AC33934">
        <v>152</v>
      </c>
      <c r="AD33934">
        <v>156</v>
      </c>
      <c r="AE33934">
        <v>160</v>
      </c>
      <c r="AF33934">
        <v>164</v>
      </c>
      <c r="AG33934">
        <v>168</v>
      </c>
      <c r="AH33934">
        <v>173</v>
      </c>
      <c r="AI33934">
        <v>177</v>
      </c>
      <c r="AJ33934">
        <v>181</v>
      </c>
      <c r="AK33934">
        <v>186</v>
      </c>
      <c r="AL33934">
        <v>189</v>
      </c>
      <c r="AM33934">
        <v>192</v>
      </c>
      <c r="AN33934">
        <v>195</v>
      </c>
      <c r="AO33934">
        <v>198</v>
      </c>
      <c r="AP33934">
        <v>201</v>
      </c>
      <c r="AQ33934">
        <v>204</v>
      </c>
    </row>
    <row r="33935" spans="1:43">
      <c r="A33935" t="s">
        <v>21027</v>
      </c>
      <c r="B33935" t="s">
        <v>21028</v>
      </c>
      <c r="C33935" t="s">
        <v>21029</v>
      </c>
      <c r="D33935" t="s">
        <v>21030</v>
      </c>
      <c r="E33935" t="s">
        <v>20989</v>
      </c>
      <c r="F33935" t="s">
        <v>20990</v>
      </c>
      <c r="G33935" t="s">
        <v>20255</v>
      </c>
      <c r="H33935" t="s">
        <v>20256</v>
      </c>
      <c r="I33935" s="2">
        <v>1</v>
      </c>
      <c r="J33935" s="2">
        <v>0</v>
      </c>
      <c r="K33935" s="2">
        <v>0</v>
      </c>
      <c r="L33935" t="s">
        <v>120</v>
      </c>
      <c r="M33935" t="s">
        <v>87</v>
      </c>
      <c r="N33935" t="s">
        <v>88</v>
      </c>
      <c r="O33935" t="s">
        <v>85</v>
      </c>
      <c r="P33935" t="s">
        <v>86</v>
      </c>
      <c r="Q33935">
        <v>111</v>
      </c>
      <c r="R33935">
        <v>113</v>
      </c>
      <c r="S33935">
        <v>115</v>
      </c>
      <c r="T33935">
        <v>117</v>
      </c>
      <c r="U33935">
        <v>119</v>
      </c>
      <c r="V33935">
        <v>122</v>
      </c>
      <c r="W33935">
        <v>124</v>
      </c>
      <c r="X33935">
        <v>126</v>
      </c>
      <c r="Y33935">
        <v>128</v>
      </c>
      <c r="Z33935">
        <v>131</v>
      </c>
      <c r="AA33935">
        <v>133</v>
      </c>
      <c r="AB33935">
        <v>136</v>
      </c>
      <c r="AC33935">
        <v>138</v>
      </c>
      <c r="AD33935">
        <v>141</v>
      </c>
      <c r="AE33935">
        <v>143</v>
      </c>
      <c r="AF33935">
        <v>146</v>
      </c>
      <c r="AG33935">
        <v>148</v>
      </c>
      <c r="AH33935">
        <v>151</v>
      </c>
      <c r="AI33935">
        <v>154</v>
      </c>
      <c r="AJ33935">
        <v>157</v>
      </c>
      <c r="AK33935">
        <v>159</v>
      </c>
      <c r="AL33935">
        <v>162</v>
      </c>
      <c r="AM33935">
        <v>165</v>
      </c>
      <c r="AN33935">
        <v>168</v>
      </c>
      <c r="AO33935">
        <v>171</v>
      </c>
      <c r="AP33935">
        <v>175</v>
      </c>
      <c r="AQ33935">
        <v>178</v>
      </c>
    </row>
    <row r="33936" spans="1:43">
      <c r="A33936" t="s">
        <v>21027</v>
      </c>
      <c r="B33936" t="s">
        <v>21028</v>
      </c>
      <c r="C33936" t="s">
        <v>21029</v>
      </c>
      <c r="D33936" t="s">
        <v>21030</v>
      </c>
      <c r="E33936" t="s">
        <v>20989</v>
      </c>
      <c r="F33936" t="s">
        <v>20990</v>
      </c>
      <c r="G33936" t="s">
        <v>20255</v>
      </c>
      <c r="H33936" t="s">
        <v>20256</v>
      </c>
      <c r="I33936" s="2">
        <v>1</v>
      </c>
      <c r="J33936" s="2">
        <v>0</v>
      </c>
      <c r="K33936" s="2">
        <v>0</v>
      </c>
      <c r="L33936" t="s">
        <v>120</v>
      </c>
      <c r="M33936" t="s">
        <v>89</v>
      </c>
      <c r="N33936" t="s">
        <v>90</v>
      </c>
      <c r="O33936" t="s">
        <v>85</v>
      </c>
      <c r="P33936" t="s">
        <v>86</v>
      </c>
      <c r="Q33936">
        <v>111</v>
      </c>
      <c r="R33936">
        <v>115</v>
      </c>
      <c r="S33936">
        <v>119</v>
      </c>
      <c r="T33936">
        <v>124</v>
      </c>
      <c r="U33936">
        <v>128</v>
      </c>
      <c r="V33936">
        <v>132</v>
      </c>
      <c r="W33936">
        <v>136</v>
      </c>
      <c r="X33936">
        <v>140</v>
      </c>
      <c r="Y33936">
        <v>145</v>
      </c>
      <c r="Z33936">
        <v>149</v>
      </c>
      <c r="AA33936">
        <v>153</v>
      </c>
      <c r="AB33936">
        <v>158</v>
      </c>
      <c r="AC33936">
        <v>162</v>
      </c>
      <c r="AD33936">
        <v>167</v>
      </c>
      <c r="AE33936">
        <v>171</v>
      </c>
      <c r="AF33936">
        <v>174</v>
      </c>
      <c r="AG33936">
        <v>176</v>
      </c>
      <c r="AH33936">
        <v>179</v>
      </c>
      <c r="AI33936">
        <v>182</v>
      </c>
      <c r="AJ33936">
        <v>184</v>
      </c>
      <c r="AK33936">
        <v>187</v>
      </c>
      <c r="AL33936">
        <v>190</v>
      </c>
      <c r="AM33936">
        <v>193</v>
      </c>
      <c r="AN33936">
        <v>196</v>
      </c>
      <c r="AO33936">
        <v>199</v>
      </c>
      <c r="AP33936">
        <v>202</v>
      </c>
      <c r="AQ33936">
        <v>205</v>
      </c>
    </row>
    <row r="33937" spans="1:43">
      <c r="A33937" t="s">
        <v>21027</v>
      </c>
      <c r="B33937" t="s">
        <v>21028</v>
      </c>
      <c r="C33937" t="s">
        <v>21029</v>
      </c>
      <c r="D33937" t="s">
        <v>21030</v>
      </c>
      <c r="E33937" t="s">
        <v>20989</v>
      </c>
      <c r="F33937" t="s">
        <v>20990</v>
      </c>
      <c r="G33937" t="s">
        <v>20255</v>
      </c>
      <c r="H33937" t="s">
        <v>20256</v>
      </c>
      <c r="I33937" s="2">
        <v>1</v>
      </c>
      <c r="J33937" s="2">
        <v>0</v>
      </c>
      <c r="K33937" s="2">
        <v>0</v>
      </c>
      <c r="L33937" t="s">
        <v>120</v>
      </c>
      <c r="M33937" t="s">
        <v>83</v>
      </c>
      <c r="N33937" t="s">
        <v>91</v>
      </c>
      <c r="O33937" t="s">
        <v>85</v>
      </c>
      <c r="P33937" t="s">
        <v>86</v>
      </c>
      <c r="Q33937">
        <v>111</v>
      </c>
      <c r="R33937">
        <v>114</v>
      </c>
      <c r="S33937">
        <v>117</v>
      </c>
      <c r="T33937">
        <v>121</v>
      </c>
      <c r="U33937">
        <v>124</v>
      </c>
      <c r="V33937">
        <v>127</v>
      </c>
      <c r="W33937">
        <v>131</v>
      </c>
      <c r="X33937">
        <v>134</v>
      </c>
      <c r="Y33937">
        <v>138</v>
      </c>
      <c r="Z33937">
        <v>141</v>
      </c>
      <c r="AA33937">
        <v>145</v>
      </c>
      <c r="AB33937">
        <v>149</v>
      </c>
      <c r="AC33937">
        <v>152</v>
      </c>
      <c r="AD33937">
        <v>156</v>
      </c>
      <c r="AE33937">
        <v>160</v>
      </c>
      <c r="AF33937">
        <v>164</v>
      </c>
      <c r="AG33937">
        <v>168</v>
      </c>
      <c r="AH33937">
        <v>173</v>
      </c>
      <c r="AI33937">
        <v>177</v>
      </c>
      <c r="AJ33937">
        <v>181</v>
      </c>
      <c r="AK33937">
        <v>186</v>
      </c>
      <c r="AL33937">
        <v>189</v>
      </c>
      <c r="AM33937">
        <v>192</v>
      </c>
      <c r="AN33937">
        <v>195</v>
      </c>
      <c r="AO33937">
        <v>198</v>
      </c>
      <c r="AP33937">
        <v>201</v>
      </c>
      <c r="AQ33937">
        <v>204</v>
      </c>
    </row>
    <row r="33938" spans="1:43">
      <c r="A33938" t="s">
        <v>21031</v>
      </c>
      <c r="B33938" t="s">
        <v>21032</v>
      </c>
      <c r="C33938" t="s">
        <v>21033</v>
      </c>
      <c r="D33938" t="s">
        <v>21034</v>
      </c>
      <c r="E33938" t="s">
        <v>20989</v>
      </c>
      <c r="F33938" t="s">
        <v>20990</v>
      </c>
      <c r="G33938" t="s">
        <v>20255</v>
      </c>
      <c r="H33938" t="s">
        <v>20256</v>
      </c>
      <c r="I33938" s="2">
        <v>1</v>
      </c>
      <c r="J33938" s="2">
        <v>0</v>
      </c>
      <c r="K33938" s="2">
        <v>0</v>
      </c>
      <c r="L33938" t="s">
        <v>120</v>
      </c>
      <c r="M33938" t="s">
        <v>83</v>
      </c>
      <c r="N33938" t="s">
        <v>84</v>
      </c>
      <c r="O33938" t="s">
        <v>85</v>
      </c>
      <c r="P33938" t="s">
        <v>86</v>
      </c>
      <c r="Q33938">
        <v>9</v>
      </c>
      <c r="R33938">
        <v>9</v>
      </c>
      <c r="S33938">
        <v>9</v>
      </c>
      <c r="T33938">
        <v>9</v>
      </c>
      <c r="U33938">
        <v>10</v>
      </c>
      <c r="V33938">
        <v>10</v>
      </c>
      <c r="W33938">
        <v>10</v>
      </c>
      <c r="X33938">
        <v>11</v>
      </c>
      <c r="Y33938">
        <v>11</v>
      </c>
      <c r="Z33938">
        <v>11</v>
      </c>
      <c r="AA33938">
        <v>11</v>
      </c>
      <c r="AB33938">
        <v>12</v>
      </c>
      <c r="AC33938">
        <v>12</v>
      </c>
      <c r="AD33938">
        <v>12</v>
      </c>
      <c r="AE33938">
        <v>13</v>
      </c>
      <c r="AF33938">
        <v>13</v>
      </c>
      <c r="AG33938">
        <v>13</v>
      </c>
      <c r="AH33938">
        <v>14</v>
      </c>
      <c r="AI33938">
        <v>14</v>
      </c>
      <c r="AJ33938">
        <v>14</v>
      </c>
      <c r="AK33938">
        <v>15</v>
      </c>
      <c r="AL33938">
        <v>15</v>
      </c>
      <c r="AM33938">
        <v>15</v>
      </c>
      <c r="AN33938">
        <v>15</v>
      </c>
      <c r="AO33938">
        <v>16</v>
      </c>
      <c r="AP33938">
        <v>16</v>
      </c>
      <c r="AQ33938">
        <v>16</v>
      </c>
    </row>
    <row r="33939" spans="1:43">
      <c r="A33939" t="s">
        <v>21031</v>
      </c>
      <c r="B33939" t="s">
        <v>21032</v>
      </c>
      <c r="C33939" t="s">
        <v>21033</v>
      </c>
      <c r="D33939" t="s">
        <v>21034</v>
      </c>
      <c r="E33939" t="s">
        <v>20989</v>
      </c>
      <c r="F33939" t="s">
        <v>20990</v>
      </c>
      <c r="G33939" t="s">
        <v>20255</v>
      </c>
      <c r="H33939" t="s">
        <v>20256</v>
      </c>
      <c r="I33939" s="2">
        <v>1</v>
      </c>
      <c r="J33939" s="2">
        <v>0</v>
      </c>
      <c r="K33939" s="2">
        <v>0</v>
      </c>
      <c r="L33939" t="s">
        <v>120</v>
      </c>
      <c r="M33939" t="s">
        <v>87</v>
      </c>
      <c r="N33939" t="s">
        <v>88</v>
      </c>
      <c r="O33939" t="s">
        <v>85</v>
      </c>
      <c r="P33939" t="s">
        <v>86</v>
      </c>
      <c r="Q33939">
        <v>9</v>
      </c>
      <c r="R33939">
        <v>9</v>
      </c>
      <c r="S33939">
        <v>9</v>
      </c>
      <c r="T33939">
        <v>9</v>
      </c>
      <c r="U33939">
        <v>9</v>
      </c>
      <c r="V33939">
        <v>9</v>
      </c>
      <c r="W33939">
        <v>10</v>
      </c>
      <c r="X33939">
        <v>10</v>
      </c>
      <c r="Y33939">
        <v>10</v>
      </c>
      <c r="Z33939">
        <v>10</v>
      </c>
      <c r="AA33939">
        <v>10</v>
      </c>
      <c r="AB33939">
        <v>11</v>
      </c>
      <c r="AC33939">
        <v>11</v>
      </c>
      <c r="AD33939">
        <v>11</v>
      </c>
      <c r="AE33939">
        <v>11</v>
      </c>
      <c r="AF33939">
        <v>11</v>
      </c>
      <c r="AG33939">
        <v>12</v>
      </c>
      <c r="AH33939">
        <v>12</v>
      </c>
      <c r="AI33939">
        <v>12</v>
      </c>
      <c r="AJ33939">
        <v>12</v>
      </c>
      <c r="AK33939">
        <v>12</v>
      </c>
      <c r="AL33939">
        <v>13</v>
      </c>
      <c r="AM33939">
        <v>13</v>
      </c>
      <c r="AN33939">
        <v>13</v>
      </c>
      <c r="AO33939">
        <v>13</v>
      </c>
      <c r="AP33939">
        <v>14</v>
      </c>
      <c r="AQ33939">
        <v>14</v>
      </c>
    </row>
    <row r="33940" spans="1:43">
      <c r="A33940" t="s">
        <v>21031</v>
      </c>
      <c r="B33940" t="s">
        <v>21032</v>
      </c>
      <c r="C33940" t="s">
        <v>21033</v>
      </c>
      <c r="D33940" t="s">
        <v>21034</v>
      </c>
      <c r="E33940" t="s">
        <v>20989</v>
      </c>
      <c r="F33940" t="s">
        <v>20990</v>
      </c>
      <c r="G33940" t="s">
        <v>20255</v>
      </c>
      <c r="H33940" t="s">
        <v>20256</v>
      </c>
      <c r="I33940" s="2">
        <v>1</v>
      </c>
      <c r="J33940" s="2">
        <v>0</v>
      </c>
      <c r="K33940" s="2">
        <v>0</v>
      </c>
      <c r="L33940" t="s">
        <v>120</v>
      </c>
      <c r="M33940" t="s">
        <v>89</v>
      </c>
      <c r="N33940" t="s">
        <v>90</v>
      </c>
      <c r="O33940" t="s">
        <v>85</v>
      </c>
      <c r="P33940" t="s">
        <v>86</v>
      </c>
      <c r="Q33940">
        <v>9</v>
      </c>
      <c r="R33940">
        <v>9</v>
      </c>
      <c r="S33940">
        <v>9</v>
      </c>
      <c r="T33940">
        <v>10</v>
      </c>
      <c r="U33940">
        <v>10</v>
      </c>
      <c r="V33940">
        <v>10</v>
      </c>
      <c r="W33940">
        <v>11</v>
      </c>
      <c r="X33940">
        <v>11</v>
      </c>
      <c r="Y33940">
        <v>11</v>
      </c>
      <c r="Z33940">
        <v>12</v>
      </c>
      <c r="AA33940">
        <v>12</v>
      </c>
      <c r="AB33940">
        <v>12</v>
      </c>
      <c r="AC33940">
        <v>13</v>
      </c>
      <c r="AD33940">
        <v>13</v>
      </c>
      <c r="AE33940">
        <v>13</v>
      </c>
      <c r="AF33940">
        <v>14</v>
      </c>
      <c r="AG33940">
        <v>14</v>
      </c>
      <c r="AH33940">
        <v>14</v>
      </c>
      <c r="AI33940">
        <v>14</v>
      </c>
      <c r="AJ33940">
        <v>15</v>
      </c>
      <c r="AK33940">
        <v>15</v>
      </c>
      <c r="AL33940">
        <v>15</v>
      </c>
      <c r="AM33940">
        <v>15</v>
      </c>
      <c r="AN33940">
        <v>16</v>
      </c>
      <c r="AO33940">
        <v>16</v>
      </c>
      <c r="AP33940">
        <v>16</v>
      </c>
      <c r="AQ33940">
        <v>16</v>
      </c>
    </row>
    <row r="33941" spans="1:43">
      <c r="A33941" t="s">
        <v>21031</v>
      </c>
      <c r="B33941" t="s">
        <v>21032</v>
      </c>
      <c r="C33941" t="s">
        <v>21033</v>
      </c>
      <c r="D33941" t="s">
        <v>21034</v>
      </c>
      <c r="E33941" t="s">
        <v>20989</v>
      </c>
      <c r="F33941" t="s">
        <v>20990</v>
      </c>
      <c r="G33941" t="s">
        <v>20255</v>
      </c>
      <c r="H33941" t="s">
        <v>20256</v>
      </c>
      <c r="I33941" s="2">
        <v>1</v>
      </c>
      <c r="J33941" s="2">
        <v>0</v>
      </c>
      <c r="K33941" s="2">
        <v>0</v>
      </c>
      <c r="L33941" t="s">
        <v>120</v>
      </c>
      <c r="M33941" t="s">
        <v>83</v>
      </c>
      <c r="N33941" t="s">
        <v>91</v>
      </c>
      <c r="O33941" t="s">
        <v>85</v>
      </c>
      <c r="P33941" t="s">
        <v>86</v>
      </c>
      <c r="Q33941">
        <v>9</v>
      </c>
      <c r="R33941">
        <v>9</v>
      </c>
      <c r="S33941">
        <v>9</v>
      </c>
      <c r="T33941">
        <v>9</v>
      </c>
      <c r="U33941">
        <v>10</v>
      </c>
      <c r="V33941">
        <v>10</v>
      </c>
      <c r="W33941">
        <v>10</v>
      </c>
      <c r="X33941">
        <v>11</v>
      </c>
      <c r="Y33941">
        <v>11</v>
      </c>
      <c r="Z33941">
        <v>11</v>
      </c>
      <c r="AA33941">
        <v>11</v>
      </c>
      <c r="AB33941">
        <v>12</v>
      </c>
      <c r="AC33941">
        <v>12</v>
      </c>
      <c r="AD33941">
        <v>12</v>
      </c>
      <c r="AE33941">
        <v>13</v>
      </c>
      <c r="AF33941">
        <v>13</v>
      </c>
      <c r="AG33941">
        <v>13</v>
      </c>
      <c r="AH33941">
        <v>14</v>
      </c>
      <c r="AI33941">
        <v>14</v>
      </c>
      <c r="AJ33941">
        <v>14</v>
      </c>
      <c r="AK33941">
        <v>15</v>
      </c>
      <c r="AL33941">
        <v>15</v>
      </c>
      <c r="AM33941">
        <v>15</v>
      </c>
      <c r="AN33941">
        <v>15</v>
      </c>
      <c r="AO33941">
        <v>16</v>
      </c>
      <c r="AP33941">
        <v>16</v>
      </c>
      <c r="AQ33941">
        <v>16</v>
      </c>
    </row>
    <row r="33942" spans="1:43">
      <c r="A33942" t="s">
        <v>21035</v>
      </c>
      <c r="B33942" t="s">
        <v>21036</v>
      </c>
      <c r="C33942" t="s">
        <v>21033</v>
      </c>
      <c r="D33942" t="s">
        <v>21034</v>
      </c>
      <c r="E33942" t="s">
        <v>20989</v>
      </c>
      <c r="F33942" t="s">
        <v>20990</v>
      </c>
      <c r="G33942" t="s">
        <v>20255</v>
      </c>
      <c r="H33942" t="s">
        <v>20256</v>
      </c>
      <c r="I33942" s="2">
        <v>1</v>
      </c>
      <c r="J33942" s="2">
        <v>0</v>
      </c>
      <c r="K33942" s="2">
        <v>0</v>
      </c>
      <c r="L33942" t="s">
        <v>120</v>
      </c>
      <c r="M33942" t="s">
        <v>83</v>
      </c>
      <c r="N33942" t="s">
        <v>84</v>
      </c>
      <c r="O33942" t="s">
        <v>85</v>
      </c>
      <c r="P33942" t="s">
        <v>86</v>
      </c>
      <c r="Q33942">
        <v>33</v>
      </c>
      <c r="R33942">
        <v>34</v>
      </c>
      <c r="S33942">
        <v>35</v>
      </c>
      <c r="T33942">
        <v>36</v>
      </c>
      <c r="U33942">
        <v>37</v>
      </c>
      <c r="V33942">
        <v>38</v>
      </c>
      <c r="W33942">
        <v>39</v>
      </c>
      <c r="X33942">
        <v>40</v>
      </c>
      <c r="Y33942">
        <v>41</v>
      </c>
      <c r="Z33942">
        <v>42</v>
      </c>
      <c r="AA33942">
        <v>43</v>
      </c>
      <c r="AB33942">
        <v>45</v>
      </c>
      <c r="AC33942">
        <v>46</v>
      </c>
      <c r="AD33942">
        <v>47</v>
      </c>
      <c r="AE33942">
        <v>48</v>
      </c>
      <c r="AF33942">
        <v>49</v>
      </c>
      <c r="AG33942">
        <v>50</v>
      </c>
      <c r="AH33942">
        <v>52</v>
      </c>
      <c r="AI33942">
        <v>53</v>
      </c>
      <c r="AJ33942">
        <v>54</v>
      </c>
      <c r="AK33942">
        <v>56</v>
      </c>
      <c r="AL33942">
        <v>57</v>
      </c>
      <c r="AM33942">
        <v>58</v>
      </c>
      <c r="AN33942">
        <v>58</v>
      </c>
      <c r="AO33942">
        <v>59</v>
      </c>
      <c r="AP33942">
        <v>60</v>
      </c>
      <c r="AQ33942">
        <v>61</v>
      </c>
    </row>
    <row r="33943" spans="1:43">
      <c r="A33943" t="s">
        <v>21035</v>
      </c>
      <c r="B33943" t="s">
        <v>21036</v>
      </c>
      <c r="C33943" t="s">
        <v>21033</v>
      </c>
      <c r="D33943" t="s">
        <v>21034</v>
      </c>
      <c r="E33943" t="s">
        <v>20989</v>
      </c>
      <c r="F33943" t="s">
        <v>20990</v>
      </c>
      <c r="G33943" t="s">
        <v>20255</v>
      </c>
      <c r="H33943" t="s">
        <v>20256</v>
      </c>
      <c r="I33943" s="2">
        <v>1</v>
      </c>
      <c r="J33943" s="2">
        <v>0</v>
      </c>
      <c r="K33943" s="2">
        <v>0</v>
      </c>
      <c r="L33943" t="s">
        <v>120</v>
      </c>
      <c r="M33943" t="s">
        <v>87</v>
      </c>
      <c r="N33943" t="s">
        <v>88</v>
      </c>
      <c r="O33943" t="s">
        <v>85</v>
      </c>
      <c r="P33943" t="s">
        <v>86</v>
      </c>
      <c r="Q33943">
        <v>33</v>
      </c>
      <c r="R33943">
        <v>34</v>
      </c>
      <c r="S33943">
        <v>34</v>
      </c>
      <c r="T33943">
        <v>35</v>
      </c>
      <c r="U33943">
        <v>36</v>
      </c>
      <c r="V33943">
        <v>36</v>
      </c>
      <c r="W33943">
        <v>37</v>
      </c>
      <c r="X33943">
        <v>38</v>
      </c>
      <c r="Y33943">
        <v>38</v>
      </c>
      <c r="Z33943">
        <v>39</v>
      </c>
      <c r="AA33943">
        <v>40</v>
      </c>
      <c r="AB33943">
        <v>40</v>
      </c>
      <c r="AC33943">
        <v>41</v>
      </c>
      <c r="AD33943">
        <v>42</v>
      </c>
      <c r="AE33943">
        <v>43</v>
      </c>
      <c r="AF33943">
        <v>43</v>
      </c>
      <c r="AG33943">
        <v>44</v>
      </c>
      <c r="AH33943">
        <v>45</v>
      </c>
      <c r="AI33943">
        <v>46</v>
      </c>
      <c r="AJ33943">
        <v>47</v>
      </c>
      <c r="AK33943">
        <v>48</v>
      </c>
      <c r="AL33943">
        <v>48</v>
      </c>
      <c r="AM33943">
        <v>49</v>
      </c>
      <c r="AN33943">
        <v>50</v>
      </c>
      <c r="AO33943">
        <v>51</v>
      </c>
      <c r="AP33943">
        <v>52</v>
      </c>
      <c r="AQ33943">
        <v>53</v>
      </c>
    </row>
    <row r="33944" spans="1:43">
      <c r="A33944" t="s">
        <v>21035</v>
      </c>
      <c r="B33944" t="s">
        <v>21036</v>
      </c>
      <c r="C33944" t="s">
        <v>21033</v>
      </c>
      <c r="D33944" t="s">
        <v>21034</v>
      </c>
      <c r="E33944" t="s">
        <v>20989</v>
      </c>
      <c r="F33944" t="s">
        <v>20990</v>
      </c>
      <c r="G33944" t="s">
        <v>20255</v>
      </c>
      <c r="H33944" t="s">
        <v>20256</v>
      </c>
      <c r="I33944" s="2">
        <v>1</v>
      </c>
      <c r="J33944" s="2">
        <v>0</v>
      </c>
      <c r="K33944" s="2">
        <v>0</v>
      </c>
      <c r="L33944" t="s">
        <v>120</v>
      </c>
      <c r="M33944" t="s">
        <v>89</v>
      </c>
      <c r="N33944" t="s">
        <v>90</v>
      </c>
      <c r="O33944" t="s">
        <v>85</v>
      </c>
      <c r="P33944" t="s">
        <v>86</v>
      </c>
      <c r="Q33944">
        <v>33</v>
      </c>
      <c r="R33944">
        <v>34</v>
      </c>
      <c r="S33944">
        <v>35</v>
      </c>
      <c r="T33944">
        <v>36</v>
      </c>
      <c r="U33944">
        <v>38</v>
      </c>
      <c r="V33944">
        <v>39</v>
      </c>
      <c r="W33944">
        <v>40</v>
      </c>
      <c r="X33944">
        <v>41</v>
      </c>
      <c r="Y33944">
        <v>43</v>
      </c>
      <c r="Z33944">
        <v>44</v>
      </c>
      <c r="AA33944">
        <v>45</v>
      </c>
      <c r="AB33944">
        <v>47</v>
      </c>
      <c r="AC33944">
        <v>48</v>
      </c>
      <c r="AD33944">
        <v>49</v>
      </c>
      <c r="AE33944">
        <v>51</v>
      </c>
      <c r="AF33944">
        <v>51</v>
      </c>
      <c r="AG33944">
        <v>52</v>
      </c>
      <c r="AH33944">
        <v>53</v>
      </c>
      <c r="AI33944">
        <v>54</v>
      </c>
      <c r="AJ33944">
        <v>55</v>
      </c>
      <c r="AK33944">
        <v>56</v>
      </c>
      <c r="AL33944">
        <v>57</v>
      </c>
      <c r="AM33944">
        <v>57</v>
      </c>
      <c r="AN33944">
        <v>58</v>
      </c>
      <c r="AO33944">
        <v>59</v>
      </c>
      <c r="AP33944">
        <v>60</v>
      </c>
      <c r="AQ33944">
        <v>61</v>
      </c>
    </row>
    <row r="33945" spans="1:43">
      <c r="A33945" t="s">
        <v>21035</v>
      </c>
      <c r="B33945" t="s">
        <v>21036</v>
      </c>
      <c r="C33945" t="s">
        <v>21033</v>
      </c>
      <c r="D33945" t="s">
        <v>21034</v>
      </c>
      <c r="E33945" t="s">
        <v>20989</v>
      </c>
      <c r="F33945" t="s">
        <v>20990</v>
      </c>
      <c r="G33945" t="s">
        <v>20255</v>
      </c>
      <c r="H33945" t="s">
        <v>20256</v>
      </c>
      <c r="I33945" s="2">
        <v>1</v>
      </c>
      <c r="J33945" s="2">
        <v>0</v>
      </c>
      <c r="K33945" s="2">
        <v>0</v>
      </c>
      <c r="L33945" t="s">
        <v>120</v>
      </c>
      <c r="M33945" t="s">
        <v>83</v>
      </c>
      <c r="N33945" t="s">
        <v>91</v>
      </c>
      <c r="O33945" t="s">
        <v>85</v>
      </c>
      <c r="P33945" t="s">
        <v>86</v>
      </c>
      <c r="Q33945">
        <v>33</v>
      </c>
      <c r="R33945">
        <v>34</v>
      </c>
      <c r="S33945">
        <v>35</v>
      </c>
      <c r="T33945">
        <v>36</v>
      </c>
      <c r="U33945">
        <v>37</v>
      </c>
      <c r="V33945">
        <v>38</v>
      </c>
      <c r="W33945">
        <v>39</v>
      </c>
      <c r="X33945">
        <v>40</v>
      </c>
      <c r="Y33945">
        <v>41</v>
      </c>
      <c r="Z33945">
        <v>42</v>
      </c>
      <c r="AA33945">
        <v>43</v>
      </c>
      <c r="AB33945">
        <v>45</v>
      </c>
      <c r="AC33945">
        <v>46</v>
      </c>
      <c r="AD33945">
        <v>47</v>
      </c>
      <c r="AE33945">
        <v>48</v>
      </c>
      <c r="AF33945">
        <v>49</v>
      </c>
      <c r="AG33945">
        <v>50</v>
      </c>
      <c r="AH33945">
        <v>52</v>
      </c>
      <c r="AI33945">
        <v>53</v>
      </c>
      <c r="AJ33945">
        <v>54</v>
      </c>
      <c r="AK33945">
        <v>56</v>
      </c>
      <c r="AL33945">
        <v>57</v>
      </c>
      <c r="AM33945">
        <v>58</v>
      </c>
      <c r="AN33945">
        <v>58</v>
      </c>
      <c r="AO33945">
        <v>59</v>
      </c>
      <c r="AP33945">
        <v>60</v>
      </c>
      <c r="AQ33945">
        <v>61</v>
      </c>
    </row>
    <row r="33946" spans="1:43">
      <c r="A33946" t="s">
        <v>21037</v>
      </c>
      <c r="B33946" t="s">
        <v>21038</v>
      </c>
      <c r="C33946" t="s">
        <v>21033</v>
      </c>
      <c r="D33946" t="s">
        <v>21034</v>
      </c>
      <c r="E33946" t="s">
        <v>20989</v>
      </c>
      <c r="F33946" t="s">
        <v>20990</v>
      </c>
      <c r="G33946" t="s">
        <v>20255</v>
      </c>
      <c r="H33946" t="s">
        <v>20256</v>
      </c>
      <c r="I33946" s="2">
        <v>1</v>
      </c>
      <c r="J33946" s="2">
        <v>0</v>
      </c>
      <c r="K33946" s="2">
        <v>0</v>
      </c>
      <c r="L33946" t="s">
        <v>120</v>
      </c>
      <c r="M33946" t="s">
        <v>83</v>
      </c>
      <c r="N33946" t="s">
        <v>84</v>
      </c>
      <c r="O33946" t="s">
        <v>85</v>
      </c>
      <c r="P33946" t="s">
        <v>86</v>
      </c>
      <c r="Q33946">
        <v>100</v>
      </c>
      <c r="R33946">
        <v>103</v>
      </c>
      <c r="S33946">
        <v>106</v>
      </c>
      <c r="T33946">
        <v>109</v>
      </c>
      <c r="U33946">
        <v>112</v>
      </c>
      <c r="V33946">
        <v>115</v>
      </c>
      <c r="W33946">
        <v>118</v>
      </c>
      <c r="X33946">
        <v>121</v>
      </c>
      <c r="Y33946">
        <v>124</v>
      </c>
      <c r="Z33946">
        <v>128</v>
      </c>
      <c r="AA33946">
        <v>131</v>
      </c>
      <c r="AB33946">
        <v>134</v>
      </c>
      <c r="AC33946">
        <v>138</v>
      </c>
      <c r="AD33946">
        <v>141</v>
      </c>
      <c r="AE33946">
        <v>145</v>
      </c>
      <c r="AF33946">
        <v>148</v>
      </c>
      <c r="AG33946">
        <v>152</v>
      </c>
      <c r="AH33946">
        <v>156</v>
      </c>
      <c r="AI33946">
        <v>159</v>
      </c>
      <c r="AJ33946">
        <v>163</v>
      </c>
      <c r="AK33946">
        <v>167</v>
      </c>
      <c r="AL33946">
        <v>170</v>
      </c>
      <c r="AM33946">
        <v>173</v>
      </c>
      <c r="AN33946">
        <v>176</v>
      </c>
      <c r="AO33946">
        <v>179</v>
      </c>
      <c r="AP33946">
        <v>182</v>
      </c>
      <c r="AQ33946">
        <v>185</v>
      </c>
    </row>
    <row r="33947" spans="1:43">
      <c r="A33947" t="s">
        <v>21037</v>
      </c>
      <c r="B33947" t="s">
        <v>21038</v>
      </c>
      <c r="C33947" t="s">
        <v>21033</v>
      </c>
      <c r="D33947" t="s">
        <v>21034</v>
      </c>
      <c r="E33947" t="s">
        <v>20989</v>
      </c>
      <c r="F33947" t="s">
        <v>20990</v>
      </c>
      <c r="G33947" t="s">
        <v>20255</v>
      </c>
      <c r="H33947" t="s">
        <v>20256</v>
      </c>
      <c r="I33947" s="2">
        <v>1</v>
      </c>
      <c r="J33947" s="2">
        <v>0</v>
      </c>
      <c r="K33947" s="2">
        <v>0</v>
      </c>
      <c r="L33947" t="s">
        <v>120</v>
      </c>
      <c r="M33947" t="s">
        <v>87</v>
      </c>
      <c r="N33947" t="s">
        <v>88</v>
      </c>
      <c r="O33947" t="s">
        <v>85</v>
      </c>
      <c r="P33947" t="s">
        <v>86</v>
      </c>
      <c r="Q33947">
        <v>100</v>
      </c>
      <c r="R33947">
        <v>102</v>
      </c>
      <c r="S33947">
        <v>104</v>
      </c>
      <c r="T33947">
        <v>106</v>
      </c>
      <c r="U33947">
        <v>108</v>
      </c>
      <c r="V33947">
        <v>110</v>
      </c>
      <c r="W33947">
        <v>112</v>
      </c>
      <c r="X33947">
        <v>114</v>
      </c>
      <c r="Y33947">
        <v>116</v>
      </c>
      <c r="Z33947">
        <v>118</v>
      </c>
      <c r="AA33947">
        <v>120</v>
      </c>
      <c r="AB33947">
        <v>123</v>
      </c>
      <c r="AC33947">
        <v>125</v>
      </c>
      <c r="AD33947">
        <v>127</v>
      </c>
      <c r="AE33947">
        <v>129</v>
      </c>
      <c r="AF33947">
        <v>132</v>
      </c>
      <c r="AG33947">
        <v>134</v>
      </c>
      <c r="AH33947">
        <v>137</v>
      </c>
      <c r="AI33947">
        <v>139</v>
      </c>
      <c r="AJ33947">
        <v>142</v>
      </c>
      <c r="AK33947">
        <v>144</v>
      </c>
      <c r="AL33947">
        <v>147</v>
      </c>
      <c r="AM33947">
        <v>149</v>
      </c>
      <c r="AN33947">
        <v>152</v>
      </c>
      <c r="AO33947">
        <v>155</v>
      </c>
      <c r="AP33947">
        <v>158</v>
      </c>
      <c r="AQ33947">
        <v>161</v>
      </c>
    </row>
    <row r="33948" spans="1:43">
      <c r="A33948" t="s">
        <v>21037</v>
      </c>
      <c r="B33948" t="s">
        <v>21038</v>
      </c>
      <c r="C33948" t="s">
        <v>21033</v>
      </c>
      <c r="D33948" t="s">
        <v>21034</v>
      </c>
      <c r="E33948" t="s">
        <v>20989</v>
      </c>
      <c r="F33948" t="s">
        <v>20990</v>
      </c>
      <c r="G33948" t="s">
        <v>20255</v>
      </c>
      <c r="H33948" t="s">
        <v>20256</v>
      </c>
      <c r="I33948" s="2">
        <v>1</v>
      </c>
      <c r="J33948" s="2">
        <v>0</v>
      </c>
      <c r="K33948" s="2">
        <v>0</v>
      </c>
      <c r="L33948" t="s">
        <v>120</v>
      </c>
      <c r="M33948" t="s">
        <v>89</v>
      </c>
      <c r="N33948" t="s">
        <v>90</v>
      </c>
      <c r="O33948" t="s">
        <v>85</v>
      </c>
      <c r="P33948" t="s">
        <v>86</v>
      </c>
      <c r="Q33948">
        <v>100</v>
      </c>
      <c r="R33948">
        <v>104</v>
      </c>
      <c r="S33948">
        <v>108</v>
      </c>
      <c r="T33948">
        <v>111</v>
      </c>
      <c r="U33948">
        <v>115</v>
      </c>
      <c r="V33948">
        <v>119</v>
      </c>
      <c r="W33948">
        <v>123</v>
      </c>
      <c r="X33948">
        <v>127</v>
      </c>
      <c r="Y33948">
        <v>130</v>
      </c>
      <c r="Z33948">
        <v>134</v>
      </c>
      <c r="AA33948">
        <v>138</v>
      </c>
      <c r="AB33948">
        <v>142</v>
      </c>
      <c r="AC33948">
        <v>146</v>
      </c>
      <c r="AD33948">
        <v>150</v>
      </c>
      <c r="AE33948">
        <v>154</v>
      </c>
      <c r="AF33948">
        <v>156</v>
      </c>
      <c r="AG33948">
        <v>159</v>
      </c>
      <c r="AH33948">
        <v>162</v>
      </c>
      <c r="AI33948">
        <v>164</v>
      </c>
      <c r="AJ33948">
        <v>167</v>
      </c>
      <c r="AK33948">
        <v>169</v>
      </c>
      <c r="AL33948">
        <v>172</v>
      </c>
      <c r="AM33948">
        <v>175</v>
      </c>
      <c r="AN33948">
        <v>178</v>
      </c>
      <c r="AO33948">
        <v>180</v>
      </c>
      <c r="AP33948">
        <v>183</v>
      </c>
      <c r="AQ33948">
        <v>186</v>
      </c>
    </row>
    <row r="33949" spans="1:43">
      <c r="A33949" t="s">
        <v>21037</v>
      </c>
      <c r="B33949" t="s">
        <v>21038</v>
      </c>
      <c r="C33949" t="s">
        <v>21033</v>
      </c>
      <c r="D33949" t="s">
        <v>21034</v>
      </c>
      <c r="E33949" t="s">
        <v>20989</v>
      </c>
      <c r="F33949" t="s">
        <v>20990</v>
      </c>
      <c r="G33949" t="s">
        <v>20255</v>
      </c>
      <c r="H33949" t="s">
        <v>20256</v>
      </c>
      <c r="I33949" s="2">
        <v>1</v>
      </c>
      <c r="J33949" s="2">
        <v>0</v>
      </c>
      <c r="K33949" s="2">
        <v>0</v>
      </c>
      <c r="L33949" t="s">
        <v>120</v>
      </c>
      <c r="M33949" t="s">
        <v>83</v>
      </c>
      <c r="N33949" t="s">
        <v>91</v>
      </c>
      <c r="O33949" t="s">
        <v>85</v>
      </c>
      <c r="P33949" t="s">
        <v>86</v>
      </c>
      <c r="Q33949">
        <v>100</v>
      </c>
      <c r="R33949">
        <v>103</v>
      </c>
      <c r="S33949">
        <v>106</v>
      </c>
      <c r="T33949">
        <v>109</v>
      </c>
      <c r="U33949">
        <v>112</v>
      </c>
      <c r="V33949">
        <v>115</v>
      </c>
      <c r="W33949">
        <v>118</v>
      </c>
      <c r="X33949">
        <v>121</v>
      </c>
      <c r="Y33949">
        <v>124</v>
      </c>
      <c r="Z33949">
        <v>128</v>
      </c>
      <c r="AA33949">
        <v>131</v>
      </c>
      <c r="AB33949">
        <v>134</v>
      </c>
      <c r="AC33949">
        <v>138</v>
      </c>
      <c r="AD33949">
        <v>141</v>
      </c>
      <c r="AE33949">
        <v>145</v>
      </c>
      <c r="AF33949">
        <v>148</v>
      </c>
      <c r="AG33949">
        <v>152</v>
      </c>
      <c r="AH33949">
        <v>156</v>
      </c>
      <c r="AI33949">
        <v>159</v>
      </c>
      <c r="AJ33949">
        <v>163</v>
      </c>
      <c r="AK33949">
        <v>167</v>
      </c>
      <c r="AL33949">
        <v>170</v>
      </c>
      <c r="AM33949">
        <v>173</v>
      </c>
      <c r="AN33949">
        <v>176</v>
      </c>
      <c r="AO33949">
        <v>179</v>
      </c>
      <c r="AP33949">
        <v>182</v>
      </c>
      <c r="AQ33949">
        <v>185</v>
      </c>
    </row>
    <row r="33950" spans="1:43">
      <c r="A33950" t="s">
        <v>21039</v>
      </c>
      <c r="B33950" t="s">
        <v>21040</v>
      </c>
      <c r="C33950" t="s">
        <v>21033</v>
      </c>
      <c r="D33950" t="s">
        <v>21034</v>
      </c>
      <c r="E33950" t="s">
        <v>20989</v>
      </c>
      <c r="F33950" t="s">
        <v>20990</v>
      </c>
      <c r="G33950" t="s">
        <v>20255</v>
      </c>
      <c r="H33950" t="s">
        <v>20256</v>
      </c>
      <c r="I33950" s="2">
        <v>1</v>
      </c>
      <c r="J33950" s="2">
        <v>0</v>
      </c>
      <c r="K33950" s="2">
        <v>0</v>
      </c>
      <c r="L33950" t="s">
        <v>120</v>
      </c>
      <c r="M33950" t="s">
        <v>83</v>
      </c>
      <c r="N33950" t="s">
        <v>84</v>
      </c>
      <c r="O33950" t="s">
        <v>85</v>
      </c>
      <c r="P33950" t="s">
        <v>86</v>
      </c>
      <c r="Q33950">
        <v>42</v>
      </c>
      <c r="R33950">
        <v>43</v>
      </c>
      <c r="S33950">
        <v>45</v>
      </c>
      <c r="T33950">
        <v>46</v>
      </c>
      <c r="U33950">
        <v>47</v>
      </c>
      <c r="V33950">
        <v>48</v>
      </c>
      <c r="W33950">
        <v>50</v>
      </c>
      <c r="X33950">
        <v>51</v>
      </c>
      <c r="Y33950">
        <v>52</v>
      </c>
      <c r="Z33950">
        <v>54</v>
      </c>
      <c r="AA33950">
        <v>55</v>
      </c>
      <c r="AB33950">
        <v>56</v>
      </c>
      <c r="AC33950">
        <v>58</v>
      </c>
      <c r="AD33950">
        <v>59</v>
      </c>
      <c r="AE33950">
        <v>61</v>
      </c>
      <c r="AF33950">
        <v>62</v>
      </c>
      <c r="AG33950">
        <v>64</v>
      </c>
      <c r="AH33950">
        <v>65</v>
      </c>
      <c r="AI33950">
        <v>67</v>
      </c>
      <c r="AJ33950">
        <v>68</v>
      </c>
      <c r="AK33950">
        <v>70</v>
      </c>
      <c r="AL33950">
        <v>71</v>
      </c>
      <c r="AM33950">
        <v>72</v>
      </c>
      <c r="AN33950">
        <v>74</v>
      </c>
      <c r="AO33950">
        <v>75</v>
      </c>
      <c r="AP33950">
        <v>76</v>
      </c>
      <c r="AQ33950">
        <v>77</v>
      </c>
    </row>
    <row r="33951" spans="1:43">
      <c r="A33951" t="s">
        <v>21039</v>
      </c>
      <c r="B33951" t="s">
        <v>21040</v>
      </c>
      <c r="C33951" t="s">
        <v>21033</v>
      </c>
      <c r="D33951" t="s">
        <v>21034</v>
      </c>
      <c r="E33951" t="s">
        <v>20989</v>
      </c>
      <c r="F33951" t="s">
        <v>20990</v>
      </c>
      <c r="G33951" t="s">
        <v>20255</v>
      </c>
      <c r="H33951" t="s">
        <v>20256</v>
      </c>
      <c r="I33951" s="2">
        <v>1</v>
      </c>
      <c r="J33951" s="2">
        <v>0</v>
      </c>
      <c r="K33951" s="2">
        <v>0</v>
      </c>
      <c r="L33951" t="s">
        <v>120</v>
      </c>
      <c r="M33951" t="s">
        <v>87</v>
      </c>
      <c r="N33951" t="s">
        <v>88</v>
      </c>
      <c r="O33951" t="s">
        <v>85</v>
      </c>
      <c r="P33951" t="s">
        <v>86</v>
      </c>
      <c r="Q33951">
        <v>42</v>
      </c>
      <c r="R33951">
        <v>43</v>
      </c>
      <c r="S33951">
        <v>43</v>
      </c>
      <c r="T33951">
        <v>44</v>
      </c>
      <c r="U33951">
        <v>45</v>
      </c>
      <c r="V33951">
        <v>46</v>
      </c>
      <c r="W33951">
        <v>47</v>
      </c>
      <c r="X33951">
        <v>48</v>
      </c>
      <c r="Y33951">
        <v>48</v>
      </c>
      <c r="Z33951">
        <v>49</v>
      </c>
      <c r="AA33951">
        <v>50</v>
      </c>
      <c r="AB33951">
        <v>51</v>
      </c>
      <c r="AC33951">
        <v>52</v>
      </c>
      <c r="AD33951">
        <v>53</v>
      </c>
      <c r="AE33951">
        <v>54</v>
      </c>
      <c r="AF33951">
        <v>55</v>
      </c>
      <c r="AG33951">
        <v>56</v>
      </c>
      <c r="AH33951">
        <v>57</v>
      </c>
      <c r="AI33951">
        <v>58</v>
      </c>
      <c r="AJ33951">
        <v>59</v>
      </c>
      <c r="AK33951">
        <v>60</v>
      </c>
      <c r="AL33951">
        <v>61</v>
      </c>
      <c r="AM33951">
        <v>63</v>
      </c>
      <c r="AN33951">
        <v>64</v>
      </c>
      <c r="AO33951">
        <v>65</v>
      </c>
      <c r="AP33951">
        <v>66</v>
      </c>
      <c r="AQ33951">
        <v>67</v>
      </c>
    </row>
    <row r="33952" spans="1:43">
      <c r="A33952" t="s">
        <v>21039</v>
      </c>
      <c r="B33952" t="s">
        <v>21040</v>
      </c>
      <c r="C33952" t="s">
        <v>21033</v>
      </c>
      <c r="D33952" t="s">
        <v>21034</v>
      </c>
      <c r="E33952" t="s">
        <v>20989</v>
      </c>
      <c r="F33952" t="s">
        <v>20990</v>
      </c>
      <c r="G33952" t="s">
        <v>20255</v>
      </c>
      <c r="H33952" t="s">
        <v>20256</v>
      </c>
      <c r="I33952" s="2">
        <v>1</v>
      </c>
      <c r="J33952" s="2">
        <v>0</v>
      </c>
      <c r="K33952" s="2">
        <v>0</v>
      </c>
      <c r="L33952" t="s">
        <v>120</v>
      </c>
      <c r="M33952" t="s">
        <v>89</v>
      </c>
      <c r="N33952" t="s">
        <v>90</v>
      </c>
      <c r="O33952" t="s">
        <v>85</v>
      </c>
      <c r="P33952" t="s">
        <v>86</v>
      </c>
      <c r="Q33952">
        <v>42</v>
      </c>
      <c r="R33952">
        <v>43</v>
      </c>
      <c r="S33952">
        <v>45</v>
      </c>
      <c r="T33952">
        <v>46</v>
      </c>
      <c r="U33952">
        <v>48</v>
      </c>
      <c r="V33952">
        <v>50</v>
      </c>
      <c r="W33952">
        <v>51</v>
      </c>
      <c r="X33952">
        <v>53</v>
      </c>
      <c r="Y33952">
        <v>54</v>
      </c>
      <c r="Z33952">
        <v>56</v>
      </c>
      <c r="AA33952">
        <v>57</v>
      </c>
      <c r="AB33952">
        <v>59</v>
      </c>
      <c r="AC33952">
        <v>61</v>
      </c>
      <c r="AD33952">
        <v>62</v>
      </c>
      <c r="AE33952">
        <v>64</v>
      </c>
      <c r="AF33952">
        <v>65</v>
      </c>
      <c r="AG33952">
        <v>66</v>
      </c>
      <c r="AH33952">
        <v>67</v>
      </c>
      <c r="AI33952">
        <v>68</v>
      </c>
      <c r="AJ33952">
        <v>69</v>
      </c>
      <c r="AK33952">
        <v>70</v>
      </c>
      <c r="AL33952">
        <v>71</v>
      </c>
      <c r="AM33952">
        <v>72</v>
      </c>
      <c r="AN33952">
        <v>74</v>
      </c>
      <c r="AO33952">
        <v>75</v>
      </c>
      <c r="AP33952">
        <v>76</v>
      </c>
      <c r="AQ33952">
        <v>77</v>
      </c>
    </row>
    <row r="33953" spans="1:43">
      <c r="A33953" t="s">
        <v>21039</v>
      </c>
      <c r="B33953" t="s">
        <v>21040</v>
      </c>
      <c r="C33953" t="s">
        <v>21033</v>
      </c>
      <c r="D33953" t="s">
        <v>21034</v>
      </c>
      <c r="E33953" t="s">
        <v>20989</v>
      </c>
      <c r="F33953" t="s">
        <v>20990</v>
      </c>
      <c r="G33953" t="s">
        <v>20255</v>
      </c>
      <c r="H33953" t="s">
        <v>20256</v>
      </c>
      <c r="I33953" s="2">
        <v>1</v>
      </c>
      <c r="J33953" s="2">
        <v>0</v>
      </c>
      <c r="K33953" s="2">
        <v>0</v>
      </c>
      <c r="L33953" t="s">
        <v>120</v>
      </c>
      <c r="M33953" t="s">
        <v>83</v>
      </c>
      <c r="N33953" t="s">
        <v>91</v>
      </c>
      <c r="O33953" t="s">
        <v>85</v>
      </c>
      <c r="P33953" t="s">
        <v>86</v>
      </c>
      <c r="Q33953">
        <v>42</v>
      </c>
      <c r="R33953">
        <v>43</v>
      </c>
      <c r="S33953">
        <v>45</v>
      </c>
      <c r="T33953">
        <v>46</v>
      </c>
      <c r="U33953">
        <v>47</v>
      </c>
      <c r="V33953">
        <v>48</v>
      </c>
      <c r="W33953">
        <v>50</v>
      </c>
      <c r="X33953">
        <v>51</v>
      </c>
      <c r="Y33953">
        <v>52</v>
      </c>
      <c r="Z33953">
        <v>54</v>
      </c>
      <c r="AA33953">
        <v>55</v>
      </c>
      <c r="AB33953">
        <v>56</v>
      </c>
      <c r="AC33953">
        <v>58</v>
      </c>
      <c r="AD33953">
        <v>59</v>
      </c>
      <c r="AE33953">
        <v>61</v>
      </c>
      <c r="AF33953">
        <v>62</v>
      </c>
      <c r="AG33953">
        <v>64</v>
      </c>
      <c r="AH33953">
        <v>65</v>
      </c>
      <c r="AI33953">
        <v>67</v>
      </c>
      <c r="AJ33953">
        <v>68</v>
      </c>
      <c r="AK33953">
        <v>70</v>
      </c>
      <c r="AL33953">
        <v>71</v>
      </c>
      <c r="AM33953">
        <v>72</v>
      </c>
      <c r="AN33953">
        <v>74</v>
      </c>
      <c r="AO33953">
        <v>75</v>
      </c>
      <c r="AP33953">
        <v>76</v>
      </c>
      <c r="AQ33953">
        <v>77</v>
      </c>
    </row>
    <row r="33954" spans="1:43">
      <c r="A33954" t="s">
        <v>21041</v>
      </c>
      <c r="B33954" t="s">
        <v>21042</v>
      </c>
      <c r="C33954" t="s">
        <v>21033</v>
      </c>
      <c r="D33954" t="s">
        <v>21034</v>
      </c>
      <c r="E33954" t="s">
        <v>20989</v>
      </c>
      <c r="F33954" t="s">
        <v>20990</v>
      </c>
      <c r="G33954" t="s">
        <v>20255</v>
      </c>
      <c r="H33954" t="s">
        <v>20256</v>
      </c>
      <c r="I33954" s="2">
        <v>1</v>
      </c>
      <c r="J33954" s="2">
        <v>0</v>
      </c>
      <c r="K33954" s="2">
        <v>0</v>
      </c>
      <c r="L33954" t="s">
        <v>120</v>
      </c>
      <c r="M33954" t="s">
        <v>83</v>
      </c>
      <c r="N33954" t="s">
        <v>84</v>
      </c>
      <c r="O33954" t="s">
        <v>85</v>
      </c>
      <c r="P33954" t="s">
        <v>86</v>
      </c>
      <c r="Q33954">
        <v>23</v>
      </c>
      <c r="R33954">
        <v>24</v>
      </c>
      <c r="S33954">
        <v>25</v>
      </c>
      <c r="T33954">
        <v>25</v>
      </c>
      <c r="U33954">
        <v>26</v>
      </c>
      <c r="V33954">
        <v>26</v>
      </c>
      <c r="W33954">
        <v>27</v>
      </c>
      <c r="X33954">
        <v>28</v>
      </c>
      <c r="Y33954">
        <v>28</v>
      </c>
      <c r="Z33954">
        <v>29</v>
      </c>
      <c r="AA33954">
        <v>30</v>
      </c>
      <c r="AB33954">
        <v>30</v>
      </c>
      <c r="AC33954">
        <v>31</v>
      </c>
      <c r="AD33954">
        <v>32</v>
      </c>
      <c r="AE33954">
        <v>32</v>
      </c>
      <c r="AF33954">
        <v>33</v>
      </c>
      <c r="AG33954">
        <v>34</v>
      </c>
      <c r="AH33954">
        <v>35</v>
      </c>
      <c r="AI33954">
        <v>35</v>
      </c>
      <c r="AJ33954">
        <v>36</v>
      </c>
      <c r="AK33954">
        <v>37</v>
      </c>
      <c r="AL33954">
        <v>38</v>
      </c>
      <c r="AM33954">
        <v>38</v>
      </c>
      <c r="AN33954">
        <v>39</v>
      </c>
      <c r="AO33954">
        <v>39</v>
      </c>
      <c r="AP33954">
        <v>40</v>
      </c>
      <c r="AQ33954">
        <v>40</v>
      </c>
    </row>
    <row r="33955" spans="1:43">
      <c r="A33955" t="s">
        <v>21041</v>
      </c>
      <c r="B33955" t="s">
        <v>21042</v>
      </c>
      <c r="C33955" t="s">
        <v>21033</v>
      </c>
      <c r="D33955" t="s">
        <v>21034</v>
      </c>
      <c r="E33955" t="s">
        <v>20989</v>
      </c>
      <c r="F33955" t="s">
        <v>20990</v>
      </c>
      <c r="G33955" t="s">
        <v>20255</v>
      </c>
      <c r="H33955" t="s">
        <v>20256</v>
      </c>
      <c r="I33955" s="2">
        <v>1</v>
      </c>
      <c r="J33955" s="2">
        <v>0</v>
      </c>
      <c r="K33955" s="2">
        <v>0</v>
      </c>
      <c r="L33955" t="s">
        <v>120</v>
      </c>
      <c r="M33955" t="s">
        <v>87</v>
      </c>
      <c r="N33955" t="s">
        <v>88</v>
      </c>
      <c r="O33955" t="s">
        <v>85</v>
      </c>
      <c r="P33955" t="s">
        <v>86</v>
      </c>
      <c r="Q33955">
        <v>23</v>
      </c>
      <c r="R33955">
        <v>23</v>
      </c>
      <c r="S33955">
        <v>24</v>
      </c>
      <c r="T33955">
        <v>24</v>
      </c>
      <c r="U33955">
        <v>25</v>
      </c>
      <c r="V33955">
        <v>25</v>
      </c>
      <c r="W33955">
        <v>25</v>
      </c>
      <c r="X33955">
        <v>26</v>
      </c>
      <c r="Y33955">
        <v>26</v>
      </c>
      <c r="Z33955">
        <v>27</v>
      </c>
      <c r="AA33955">
        <v>27</v>
      </c>
      <c r="AB33955">
        <v>28</v>
      </c>
      <c r="AC33955">
        <v>28</v>
      </c>
      <c r="AD33955">
        <v>29</v>
      </c>
      <c r="AE33955">
        <v>29</v>
      </c>
      <c r="AF33955">
        <v>29</v>
      </c>
      <c r="AG33955">
        <v>30</v>
      </c>
      <c r="AH33955">
        <v>30</v>
      </c>
      <c r="AI33955">
        <v>31</v>
      </c>
      <c r="AJ33955">
        <v>31</v>
      </c>
      <c r="AK33955">
        <v>32</v>
      </c>
      <c r="AL33955">
        <v>32</v>
      </c>
      <c r="AM33955">
        <v>33</v>
      </c>
      <c r="AN33955">
        <v>34</v>
      </c>
      <c r="AO33955">
        <v>34</v>
      </c>
      <c r="AP33955">
        <v>35</v>
      </c>
      <c r="AQ33955">
        <v>35</v>
      </c>
    </row>
    <row r="33956" spans="1:43">
      <c r="A33956" t="s">
        <v>21041</v>
      </c>
      <c r="B33956" t="s">
        <v>21042</v>
      </c>
      <c r="C33956" t="s">
        <v>21033</v>
      </c>
      <c r="D33956" t="s">
        <v>21034</v>
      </c>
      <c r="E33956" t="s">
        <v>20989</v>
      </c>
      <c r="F33956" t="s">
        <v>20990</v>
      </c>
      <c r="G33956" t="s">
        <v>20255</v>
      </c>
      <c r="H33956" t="s">
        <v>20256</v>
      </c>
      <c r="I33956" s="2">
        <v>1</v>
      </c>
      <c r="J33956" s="2">
        <v>0</v>
      </c>
      <c r="K33956" s="2">
        <v>0</v>
      </c>
      <c r="L33956" t="s">
        <v>120</v>
      </c>
      <c r="M33956" t="s">
        <v>89</v>
      </c>
      <c r="N33956" t="s">
        <v>90</v>
      </c>
      <c r="O33956" t="s">
        <v>85</v>
      </c>
      <c r="P33956" t="s">
        <v>86</v>
      </c>
      <c r="Q33956">
        <v>23</v>
      </c>
      <c r="R33956">
        <v>24</v>
      </c>
      <c r="S33956">
        <v>25</v>
      </c>
      <c r="T33956">
        <v>26</v>
      </c>
      <c r="U33956">
        <v>27</v>
      </c>
      <c r="V33956">
        <v>28</v>
      </c>
      <c r="W33956">
        <v>28</v>
      </c>
      <c r="X33956">
        <v>29</v>
      </c>
      <c r="Y33956">
        <v>30</v>
      </c>
      <c r="Z33956">
        <v>31</v>
      </c>
      <c r="AA33956">
        <v>31</v>
      </c>
      <c r="AB33956">
        <v>32</v>
      </c>
      <c r="AC33956">
        <v>33</v>
      </c>
      <c r="AD33956">
        <v>34</v>
      </c>
      <c r="AE33956">
        <v>35</v>
      </c>
      <c r="AF33956">
        <v>35</v>
      </c>
      <c r="AG33956">
        <v>36</v>
      </c>
      <c r="AH33956">
        <v>36</v>
      </c>
      <c r="AI33956">
        <v>37</v>
      </c>
      <c r="AJ33956">
        <v>37</v>
      </c>
      <c r="AK33956">
        <v>37</v>
      </c>
      <c r="AL33956">
        <v>38</v>
      </c>
      <c r="AM33956">
        <v>38</v>
      </c>
      <c r="AN33956">
        <v>39</v>
      </c>
      <c r="AO33956">
        <v>39</v>
      </c>
      <c r="AP33956">
        <v>40</v>
      </c>
      <c r="AQ33956">
        <v>40</v>
      </c>
    </row>
    <row r="33957" spans="1:43">
      <c r="A33957" t="s">
        <v>21041</v>
      </c>
      <c r="B33957" t="s">
        <v>21042</v>
      </c>
      <c r="C33957" t="s">
        <v>21033</v>
      </c>
      <c r="D33957" t="s">
        <v>21034</v>
      </c>
      <c r="E33957" t="s">
        <v>20989</v>
      </c>
      <c r="F33957" t="s">
        <v>20990</v>
      </c>
      <c r="G33957" t="s">
        <v>20255</v>
      </c>
      <c r="H33957" t="s">
        <v>20256</v>
      </c>
      <c r="I33957" s="2">
        <v>1</v>
      </c>
      <c r="J33957" s="2">
        <v>0</v>
      </c>
      <c r="K33957" s="2">
        <v>0</v>
      </c>
      <c r="L33957" t="s">
        <v>120</v>
      </c>
      <c r="M33957" t="s">
        <v>83</v>
      </c>
      <c r="N33957" t="s">
        <v>91</v>
      </c>
      <c r="O33957" t="s">
        <v>85</v>
      </c>
      <c r="P33957" t="s">
        <v>86</v>
      </c>
      <c r="Q33957">
        <v>23</v>
      </c>
      <c r="R33957">
        <v>24</v>
      </c>
      <c r="S33957">
        <v>25</v>
      </c>
      <c r="T33957">
        <v>25</v>
      </c>
      <c r="U33957">
        <v>26</v>
      </c>
      <c r="V33957">
        <v>26</v>
      </c>
      <c r="W33957">
        <v>27</v>
      </c>
      <c r="X33957">
        <v>28</v>
      </c>
      <c r="Y33957">
        <v>28</v>
      </c>
      <c r="Z33957">
        <v>29</v>
      </c>
      <c r="AA33957">
        <v>30</v>
      </c>
      <c r="AB33957">
        <v>30</v>
      </c>
      <c r="AC33957">
        <v>31</v>
      </c>
      <c r="AD33957">
        <v>32</v>
      </c>
      <c r="AE33957">
        <v>32</v>
      </c>
      <c r="AF33957">
        <v>33</v>
      </c>
      <c r="AG33957">
        <v>34</v>
      </c>
      <c r="AH33957">
        <v>35</v>
      </c>
      <c r="AI33957">
        <v>35</v>
      </c>
      <c r="AJ33957">
        <v>36</v>
      </c>
      <c r="AK33957">
        <v>37</v>
      </c>
      <c r="AL33957">
        <v>38</v>
      </c>
      <c r="AM33957">
        <v>38</v>
      </c>
      <c r="AN33957">
        <v>39</v>
      </c>
      <c r="AO33957">
        <v>39</v>
      </c>
      <c r="AP33957">
        <v>40</v>
      </c>
      <c r="AQ33957">
        <v>40</v>
      </c>
    </row>
    <row r="33958" spans="1:43">
      <c r="A33958" t="s">
        <v>21043</v>
      </c>
      <c r="B33958" t="s">
        <v>21044</v>
      </c>
      <c r="C33958" t="s">
        <v>21009</v>
      </c>
      <c r="D33958" t="s">
        <v>21010</v>
      </c>
      <c r="E33958" t="s">
        <v>20989</v>
      </c>
      <c r="F33958" t="s">
        <v>20990</v>
      </c>
      <c r="G33958" t="s">
        <v>20255</v>
      </c>
      <c r="H33958" t="s">
        <v>20256</v>
      </c>
      <c r="I33958" s="2">
        <v>1</v>
      </c>
      <c r="J33958" s="2">
        <v>0</v>
      </c>
      <c r="K33958" s="2">
        <v>0</v>
      </c>
      <c r="L33958" t="s">
        <v>120</v>
      </c>
      <c r="M33958" t="s">
        <v>83</v>
      </c>
      <c r="N33958" t="s">
        <v>84</v>
      </c>
      <c r="O33958" t="s">
        <v>85</v>
      </c>
      <c r="P33958" t="s">
        <v>86</v>
      </c>
      <c r="Q33958">
        <v>36</v>
      </c>
      <c r="R33958">
        <v>37</v>
      </c>
      <c r="S33958">
        <v>38</v>
      </c>
      <c r="T33958">
        <v>39</v>
      </c>
      <c r="U33958">
        <v>40</v>
      </c>
      <c r="V33958">
        <v>41</v>
      </c>
      <c r="W33958">
        <v>42</v>
      </c>
      <c r="X33958">
        <v>43</v>
      </c>
      <c r="Y33958">
        <v>44</v>
      </c>
      <c r="Z33958">
        <v>45</v>
      </c>
      <c r="AA33958">
        <v>46</v>
      </c>
      <c r="AB33958">
        <v>48</v>
      </c>
      <c r="AC33958">
        <v>49</v>
      </c>
      <c r="AD33958">
        <v>50</v>
      </c>
      <c r="AE33958">
        <v>51</v>
      </c>
      <c r="AF33958">
        <v>53</v>
      </c>
      <c r="AG33958">
        <v>54</v>
      </c>
      <c r="AH33958">
        <v>55</v>
      </c>
      <c r="AI33958">
        <v>57</v>
      </c>
      <c r="AJ33958">
        <v>58</v>
      </c>
      <c r="AK33958">
        <v>59</v>
      </c>
      <c r="AL33958">
        <v>60</v>
      </c>
      <c r="AM33958">
        <v>61</v>
      </c>
      <c r="AN33958">
        <v>62</v>
      </c>
      <c r="AO33958">
        <v>63</v>
      </c>
      <c r="AP33958">
        <v>64</v>
      </c>
      <c r="AQ33958">
        <v>65</v>
      </c>
    </row>
    <row r="33959" spans="1:43">
      <c r="A33959" t="s">
        <v>21043</v>
      </c>
      <c r="B33959" t="s">
        <v>21044</v>
      </c>
      <c r="C33959" t="s">
        <v>21009</v>
      </c>
      <c r="D33959" t="s">
        <v>21010</v>
      </c>
      <c r="E33959" t="s">
        <v>20989</v>
      </c>
      <c r="F33959" t="s">
        <v>20990</v>
      </c>
      <c r="G33959" t="s">
        <v>20255</v>
      </c>
      <c r="H33959" t="s">
        <v>20256</v>
      </c>
      <c r="I33959" s="2">
        <v>1</v>
      </c>
      <c r="J33959" s="2">
        <v>0</v>
      </c>
      <c r="K33959" s="2">
        <v>0</v>
      </c>
      <c r="L33959" t="s">
        <v>120</v>
      </c>
      <c r="M33959" t="s">
        <v>87</v>
      </c>
      <c r="N33959" t="s">
        <v>88</v>
      </c>
      <c r="O33959" t="s">
        <v>85</v>
      </c>
      <c r="P33959" t="s">
        <v>86</v>
      </c>
      <c r="Q33959">
        <v>36</v>
      </c>
      <c r="R33959">
        <v>37</v>
      </c>
      <c r="S33959">
        <v>38</v>
      </c>
      <c r="T33959">
        <v>38</v>
      </c>
      <c r="U33959">
        <v>39</v>
      </c>
      <c r="V33959">
        <v>40</v>
      </c>
      <c r="W33959">
        <v>40</v>
      </c>
      <c r="X33959">
        <v>41</v>
      </c>
      <c r="Y33959">
        <v>42</v>
      </c>
      <c r="Z33959">
        <v>43</v>
      </c>
      <c r="AA33959">
        <v>43</v>
      </c>
      <c r="AB33959">
        <v>44</v>
      </c>
      <c r="AC33959">
        <v>45</v>
      </c>
      <c r="AD33959">
        <v>46</v>
      </c>
      <c r="AE33959">
        <v>47</v>
      </c>
      <c r="AF33959">
        <v>47</v>
      </c>
      <c r="AG33959">
        <v>48</v>
      </c>
      <c r="AH33959">
        <v>49</v>
      </c>
      <c r="AI33959">
        <v>50</v>
      </c>
      <c r="AJ33959">
        <v>51</v>
      </c>
      <c r="AK33959">
        <v>52</v>
      </c>
      <c r="AL33959">
        <v>53</v>
      </c>
      <c r="AM33959">
        <v>54</v>
      </c>
      <c r="AN33959">
        <v>55</v>
      </c>
      <c r="AO33959">
        <v>56</v>
      </c>
      <c r="AP33959">
        <v>57</v>
      </c>
      <c r="AQ33959">
        <v>58</v>
      </c>
    </row>
    <row r="33960" spans="1:43">
      <c r="A33960" t="s">
        <v>21043</v>
      </c>
      <c r="B33960" t="s">
        <v>21044</v>
      </c>
      <c r="C33960" t="s">
        <v>21009</v>
      </c>
      <c r="D33960" t="s">
        <v>21010</v>
      </c>
      <c r="E33960" t="s">
        <v>20989</v>
      </c>
      <c r="F33960" t="s">
        <v>20990</v>
      </c>
      <c r="G33960" t="s">
        <v>20255</v>
      </c>
      <c r="H33960" t="s">
        <v>20256</v>
      </c>
      <c r="I33960" s="2">
        <v>1</v>
      </c>
      <c r="J33960" s="2">
        <v>0</v>
      </c>
      <c r="K33960" s="2">
        <v>0</v>
      </c>
      <c r="L33960" t="s">
        <v>120</v>
      </c>
      <c r="M33960" t="s">
        <v>89</v>
      </c>
      <c r="N33960" t="s">
        <v>90</v>
      </c>
      <c r="O33960" t="s">
        <v>85</v>
      </c>
      <c r="P33960" t="s">
        <v>86</v>
      </c>
      <c r="Q33960">
        <v>36</v>
      </c>
      <c r="R33960">
        <v>37</v>
      </c>
      <c r="S33960">
        <v>39</v>
      </c>
      <c r="T33960">
        <v>40</v>
      </c>
      <c r="U33960">
        <v>41</v>
      </c>
      <c r="V33960">
        <v>43</v>
      </c>
      <c r="W33960">
        <v>44</v>
      </c>
      <c r="X33960">
        <v>45</v>
      </c>
      <c r="Y33960">
        <v>47</v>
      </c>
      <c r="Z33960">
        <v>48</v>
      </c>
      <c r="AA33960">
        <v>49</v>
      </c>
      <c r="AB33960">
        <v>51</v>
      </c>
      <c r="AC33960">
        <v>52</v>
      </c>
      <c r="AD33960">
        <v>54</v>
      </c>
      <c r="AE33960">
        <v>55</v>
      </c>
      <c r="AF33960">
        <v>56</v>
      </c>
      <c r="AG33960">
        <v>57</v>
      </c>
      <c r="AH33960">
        <v>58</v>
      </c>
      <c r="AI33960">
        <v>58</v>
      </c>
      <c r="AJ33960">
        <v>59</v>
      </c>
      <c r="AK33960">
        <v>60</v>
      </c>
      <c r="AL33960">
        <v>61</v>
      </c>
      <c r="AM33960">
        <v>62</v>
      </c>
      <c r="AN33960">
        <v>63</v>
      </c>
      <c r="AO33960">
        <v>64</v>
      </c>
      <c r="AP33960">
        <v>65</v>
      </c>
      <c r="AQ33960">
        <v>66</v>
      </c>
    </row>
    <row r="33961" spans="1:43">
      <c r="A33961" t="s">
        <v>21043</v>
      </c>
      <c r="B33961" t="s">
        <v>21044</v>
      </c>
      <c r="C33961" t="s">
        <v>21009</v>
      </c>
      <c r="D33961" t="s">
        <v>21010</v>
      </c>
      <c r="E33961" t="s">
        <v>20989</v>
      </c>
      <c r="F33961" t="s">
        <v>20990</v>
      </c>
      <c r="G33961" t="s">
        <v>20255</v>
      </c>
      <c r="H33961" t="s">
        <v>20256</v>
      </c>
      <c r="I33961" s="2">
        <v>1</v>
      </c>
      <c r="J33961" s="2">
        <v>0</v>
      </c>
      <c r="K33961" s="2">
        <v>0</v>
      </c>
      <c r="L33961" t="s">
        <v>120</v>
      </c>
      <c r="M33961" t="s">
        <v>83</v>
      </c>
      <c r="N33961" t="s">
        <v>91</v>
      </c>
      <c r="O33961" t="s">
        <v>85</v>
      </c>
      <c r="P33961" t="s">
        <v>86</v>
      </c>
      <c r="Q33961">
        <v>36</v>
      </c>
      <c r="R33961">
        <v>37</v>
      </c>
      <c r="S33961">
        <v>38</v>
      </c>
      <c r="T33961">
        <v>39</v>
      </c>
      <c r="U33961">
        <v>40</v>
      </c>
      <c r="V33961">
        <v>41</v>
      </c>
      <c r="W33961">
        <v>42</v>
      </c>
      <c r="X33961">
        <v>43</v>
      </c>
      <c r="Y33961">
        <v>44</v>
      </c>
      <c r="Z33961">
        <v>45</v>
      </c>
      <c r="AA33961">
        <v>46</v>
      </c>
      <c r="AB33961">
        <v>48</v>
      </c>
      <c r="AC33961">
        <v>49</v>
      </c>
      <c r="AD33961">
        <v>50</v>
      </c>
      <c r="AE33961">
        <v>51</v>
      </c>
      <c r="AF33961">
        <v>53</v>
      </c>
      <c r="AG33961">
        <v>54</v>
      </c>
      <c r="AH33961">
        <v>55</v>
      </c>
      <c r="AI33961">
        <v>57</v>
      </c>
      <c r="AJ33961">
        <v>58</v>
      </c>
      <c r="AK33961">
        <v>59</v>
      </c>
      <c r="AL33961">
        <v>60</v>
      </c>
      <c r="AM33961">
        <v>61</v>
      </c>
      <c r="AN33961">
        <v>62</v>
      </c>
      <c r="AO33961">
        <v>63</v>
      </c>
      <c r="AP33961">
        <v>64</v>
      </c>
      <c r="AQ33961">
        <v>65</v>
      </c>
    </row>
    <row r="33962" spans="1:43">
      <c r="A33962" t="s">
        <v>21045</v>
      </c>
      <c r="B33962" t="s">
        <v>21046</v>
      </c>
      <c r="C33962" t="s">
        <v>21009</v>
      </c>
      <c r="D33962" t="s">
        <v>21010</v>
      </c>
      <c r="E33962" t="s">
        <v>20989</v>
      </c>
      <c r="F33962" t="s">
        <v>20990</v>
      </c>
      <c r="G33962" t="s">
        <v>20255</v>
      </c>
      <c r="H33962" t="s">
        <v>20256</v>
      </c>
      <c r="I33962" s="2">
        <v>1</v>
      </c>
      <c r="J33962" s="2">
        <v>0</v>
      </c>
      <c r="K33962" s="2">
        <v>0</v>
      </c>
      <c r="L33962" t="s">
        <v>120</v>
      </c>
      <c r="M33962" t="s">
        <v>83</v>
      </c>
      <c r="N33962" t="s">
        <v>84</v>
      </c>
      <c r="O33962" t="s">
        <v>85</v>
      </c>
      <c r="P33962" t="s">
        <v>86</v>
      </c>
      <c r="Q33962">
        <v>20</v>
      </c>
      <c r="R33962">
        <v>20</v>
      </c>
      <c r="S33962">
        <v>21</v>
      </c>
      <c r="T33962">
        <v>21</v>
      </c>
      <c r="U33962">
        <v>22</v>
      </c>
      <c r="V33962">
        <v>23</v>
      </c>
      <c r="W33962">
        <v>23</v>
      </c>
      <c r="X33962">
        <v>24</v>
      </c>
      <c r="Y33962">
        <v>24</v>
      </c>
      <c r="Z33962">
        <v>25</v>
      </c>
      <c r="AA33962">
        <v>26</v>
      </c>
      <c r="AB33962">
        <v>26</v>
      </c>
      <c r="AC33962">
        <v>27</v>
      </c>
      <c r="AD33962">
        <v>28</v>
      </c>
      <c r="AE33962">
        <v>28</v>
      </c>
      <c r="AF33962">
        <v>29</v>
      </c>
      <c r="AG33962">
        <v>30</v>
      </c>
      <c r="AH33962">
        <v>31</v>
      </c>
      <c r="AI33962">
        <v>31</v>
      </c>
      <c r="AJ33962">
        <v>32</v>
      </c>
      <c r="AK33962">
        <v>33</v>
      </c>
      <c r="AL33962">
        <v>33</v>
      </c>
      <c r="AM33962">
        <v>34</v>
      </c>
      <c r="AN33962">
        <v>35</v>
      </c>
      <c r="AO33962">
        <v>35</v>
      </c>
      <c r="AP33962">
        <v>36</v>
      </c>
      <c r="AQ33962">
        <v>36</v>
      </c>
    </row>
    <row r="33963" spans="1:43">
      <c r="A33963" t="s">
        <v>21045</v>
      </c>
      <c r="B33963" t="s">
        <v>21046</v>
      </c>
      <c r="C33963" t="s">
        <v>21009</v>
      </c>
      <c r="D33963" t="s">
        <v>21010</v>
      </c>
      <c r="E33963" t="s">
        <v>20989</v>
      </c>
      <c r="F33963" t="s">
        <v>20990</v>
      </c>
      <c r="G33963" t="s">
        <v>20255</v>
      </c>
      <c r="H33963" t="s">
        <v>20256</v>
      </c>
      <c r="I33963" s="2">
        <v>1</v>
      </c>
      <c r="J33963" s="2">
        <v>0</v>
      </c>
      <c r="K33963" s="2">
        <v>0</v>
      </c>
      <c r="L33963" t="s">
        <v>120</v>
      </c>
      <c r="M33963" t="s">
        <v>87</v>
      </c>
      <c r="N33963" t="s">
        <v>88</v>
      </c>
      <c r="O33963" t="s">
        <v>85</v>
      </c>
      <c r="P33963" t="s">
        <v>86</v>
      </c>
      <c r="Q33963">
        <v>20</v>
      </c>
      <c r="R33963">
        <v>21</v>
      </c>
      <c r="S33963">
        <v>21</v>
      </c>
      <c r="T33963">
        <v>22</v>
      </c>
      <c r="U33963">
        <v>22</v>
      </c>
      <c r="V33963">
        <v>22</v>
      </c>
      <c r="W33963">
        <v>23</v>
      </c>
      <c r="X33963">
        <v>23</v>
      </c>
      <c r="Y33963">
        <v>24</v>
      </c>
      <c r="Z33963">
        <v>24</v>
      </c>
      <c r="AA33963">
        <v>24</v>
      </c>
      <c r="AB33963">
        <v>25</v>
      </c>
      <c r="AC33963">
        <v>25</v>
      </c>
      <c r="AD33963">
        <v>26</v>
      </c>
      <c r="AE33963">
        <v>26</v>
      </c>
      <c r="AF33963">
        <v>27</v>
      </c>
      <c r="AG33963">
        <v>27</v>
      </c>
      <c r="AH33963">
        <v>28</v>
      </c>
      <c r="AI33963">
        <v>28</v>
      </c>
      <c r="AJ33963">
        <v>29</v>
      </c>
      <c r="AK33963">
        <v>29</v>
      </c>
      <c r="AL33963">
        <v>30</v>
      </c>
      <c r="AM33963">
        <v>30</v>
      </c>
      <c r="AN33963">
        <v>31</v>
      </c>
      <c r="AO33963">
        <v>31</v>
      </c>
      <c r="AP33963">
        <v>32</v>
      </c>
      <c r="AQ33963">
        <v>32</v>
      </c>
    </row>
    <row r="33964" spans="1:43">
      <c r="A33964" t="s">
        <v>21045</v>
      </c>
      <c r="B33964" t="s">
        <v>21046</v>
      </c>
      <c r="C33964" t="s">
        <v>21009</v>
      </c>
      <c r="D33964" t="s">
        <v>21010</v>
      </c>
      <c r="E33964" t="s">
        <v>20989</v>
      </c>
      <c r="F33964" t="s">
        <v>20990</v>
      </c>
      <c r="G33964" t="s">
        <v>20255</v>
      </c>
      <c r="H33964" t="s">
        <v>20256</v>
      </c>
      <c r="I33964" s="2">
        <v>1</v>
      </c>
      <c r="J33964" s="2">
        <v>0</v>
      </c>
      <c r="K33964" s="2">
        <v>0</v>
      </c>
      <c r="L33964" t="s">
        <v>120</v>
      </c>
      <c r="M33964" t="s">
        <v>89</v>
      </c>
      <c r="N33964" t="s">
        <v>90</v>
      </c>
      <c r="O33964" t="s">
        <v>85</v>
      </c>
      <c r="P33964" t="s">
        <v>86</v>
      </c>
      <c r="Q33964">
        <v>20</v>
      </c>
      <c r="R33964">
        <v>21</v>
      </c>
      <c r="S33964">
        <v>21</v>
      </c>
      <c r="T33964">
        <v>22</v>
      </c>
      <c r="U33964">
        <v>23</v>
      </c>
      <c r="V33964">
        <v>24</v>
      </c>
      <c r="W33964">
        <v>24</v>
      </c>
      <c r="X33964">
        <v>25</v>
      </c>
      <c r="Y33964">
        <v>26</v>
      </c>
      <c r="Z33964">
        <v>27</v>
      </c>
      <c r="AA33964">
        <v>27</v>
      </c>
      <c r="AB33964">
        <v>28</v>
      </c>
      <c r="AC33964">
        <v>29</v>
      </c>
      <c r="AD33964">
        <v>30</v>
      </c>
      <c r="AE33964">
        <v>30</v>
      </c>
      <c r="AF33964">
        <v>31</v>
      </c>
      <c r="AG33964">
        <v>31</v>
      </c>
      <c r="AH33964">
        <v>32</v>
      </c>
      <c r="AI33964">
        <v>32</v>
      </c>
      <c r="AJ33964">
        <v>33</v>
      </c>
      <c r="AK33964">
        <v>33</v>
      </c>
      <c r="AL33964">
        <v>34</v>
      </c>
      <c r="AM33964">
        <v>34</v>
      </c>
      <c r="AN33964">
        <v>35</v>
      </c>
      <c r="AO33964">
        <v>35</v>
      </c>
      <c r="AP33964">
        <v>36</v>
      </c>
      <c r="AQ33964">
        <v>37</v>
      </c>
    </row>
    <row r="33965" spans="1:43">
      <c r="A33965" t="s">
        <v>21045</v>
      </c>
      <c r="B33965" t="s">
        <v>21046</v>
      </c>
      <c r="C33965" t="s">
        <v>21009</v>
      </c>
      <c r="D33965" t="s">
        <v>21010</v>
      </c>
      <c r="E33965" t="s">
        <v>20989</v>
      </c>
      <c r="F33965" t="s">
        <v>20990</v>
      </c>
      <c r="G33965" t="s">
        <v>20255</v>
      </c>
      <c r="H33965" t="s">
        <v>20256</v>
      </c>
      <c r="I33965" s="2">
        <v>1</v>
      </c>
      <c r="J33965" s="2">
        <v>0</v>
      </c>
      <c r="K33965" s="2">
        <v>0</v>
      </c>
      <c r="L33965" t="s">
        <v>120</v>
      </c>
      <c r="M33965" t="s">
        <v>83</v>
      </c>
      <c r="N33965" t="s">
        <v>91</v>
      </c>
      <c r="O33965" t="s">
        <v>85</v>
      </c>
      <c r="P33965" t="s">
        <v>86</v>
      </c>
      <c r="Q33965">
        <v>20</v>
      </c>
      <c r="R33965">
        <v>20</v>
      </c>
      <c r="S33965">
        <v>21</v>
      </c>
      <c r="T33965">
        <v>21</v>
      </c>
      <c r="U33965">
        <v>22</v>
      </c>
      <c r="V33965">
        <v>23</v>
      </c>
      <c r="W33965">
        <v>23</v>
      </c>
      <c r="X33965">
        <v>24</v>
      </c>
      <c r="Y33965">
        <v>24</v>
      </c>
      <c r="Z33965">
        <v>25</v>
      </c>
      <c r="AA33965">
        <v>26</v>
      </c>
      <c r="AB33965">
        <v>26</v>
      </c>
      <c r="AC33965">
        <v>27</v>
      </c>
      <c r="AD33965">
        <v>28</v>
      </c>
      <c r="AE33965">
        <v>28</v>
      </c>
      <c r="AF33965">
        <v>29</v>
      </c>
      <c r="AG33965">
        <v>30</v>
      </c>
      <c r="AH33965">
        <v>31</v>
      </c>
      <c r="AI33965">
        <v>31</v>
      </c>
      <c r="AJ33965">
        <v>32</v>
      </c>
      <c r="AK33965">
        <v>33</v>
      </c>
      <c r="AL33965">
        <v>33</v>
      </c>
      <c r="AM33965">
        <v>34</v>
      </c>
      <c r="AN33965">
        <v>35</v>
      </c>
      <c r="AO33965">
        <v>35</v>
      </c>
      <c r="AP33965">
        <v>36</v>
      </c>
      <c r="AQ33965">
        <v>36</v>
      </c>
    </row>
    <row r="33966" spans="1:43">
      <c r="A33966" t="s">
        <v>21047</v>
      </c>
      <c r="B33966" t="s">
        <v>21048</v>
      </c>
      <c r="C33966" t="s">
        <v>21009</v>
      </c>
      <c r="D33966" t="s">
        <v>21010</v>
      </c>
      <c r="E33966" t="s">
        <v>20989</v>
      </c>
      <c r="F33966" t="s">
        <v>20990</v>
      </c>
      <c r="G33966" t="s">
        <v>20255</v>
      </c>
      <c r="H33966" t="s">
        <v>20256</v>
      </c>
      <c r="I33966" s="2">
        <v>1</v>
      </c>
      <c r="J33966" s="2">
        <v>0</v>
      </c>
      <c r="K33966" s="2">
        <v>0</v>
      </c>
      <c r="L33966" t="s">
        <v>120</v>
      </c>
      <c r="M33966" t="s">
        <v>83</v>
      </c>
      <c r="N33966" t="s">
        <v>84</v>
      </c>
      <c r="O33966" t="s">
        <v>85</v>
      </c>
      <c r="P33966" t="s">
        <v>86</v>
      </c>
      <c r="Q33966">
        <v>41</v>
      </c>
      <c r="R33966">
        <v>42</v>
      </c>
      <c r="S33966">
        <v>43</v>
      </c>
      <c r="T33966">
        <v>44</v>
      </c>
      <c r="U33966">
        <v>44</v>
      </c>
      <c r="V33966">
        <v>45</v>
      </c>
      <c r="W33966">
        <v>46</v>
      </c>
      <c r="X33966">
        <v>46</v>
      </c>
      <c r="Y33966">
        <v>47</v>
      </c>
      <c r="Z33966">
        <v>47</v>
      </c>
      <c r="AA33966">
        <v>48</v>
      </c>
      <c r="AB33966">
        <v>49</v>
      </c>
      <c r="AC33966">
        <v>49</v>
      </c>
      <c r="AD33966">
        <v>50</v>
      </c>
      <c r="AE33966">
        <v>51</v>
      </c>
      <c r="AF33966">
        <v>51</v>
      </c>
      <c r="AG33966">
        <v>52</v>
      </c>
      <c r="AH33966">
        <v>53</v>
      </c>
      <c r="AI33966">
        <v>53</v>
      </c>
      <c r="AJ33966">
        <v>54</v>
      </c>
      <c r="AK33966">
        <v>55</v>
      </c>
      <c r="AL33966">
        <v>55</v>
      </c>
      <c r="AM33966">
        <v>55</v>
      </c>
      <c r="AN33966">
        <v>56</v>
      </c>
      <c r="AO33966">
        <v>56</v>
      </c>
      <c r="AP33966">
        <v>56</v>
      </c>
      <c r="AQ33966">
        <v>56</v>
      </c>
    </row>
    <row r="33967" spans="1:43">
      <c r="A33967" t="s">
        <v>21047</v>
      </c>
      <c r="B33967" t="s">
        <v>21048</v>
      </c>
      <c r="C33967" t="s">
        <v>21009</v>
      </c>
      <c r="D33967" t="s">
        <v>21010</v>
      </c>
      <c r="E33967" t="s">
        <v>20989</v>
      </c>
      <c r="F33967" t="s">
        <v>20990</v>
      </c>
      <c r="G33967" t="s">
        <v>20255</v>
      </c>
      <c r="H33967" t="s">
        <v>20256</v>
      </c>
      <c r="I33967" s="2">
        <v>1</v>
      </c>
      <c r="J33967" s="2">
        <v>0</v>
      </c>
      <c r="K33967" s="2">
        <v>0</v>
      </c>
      <c r="L33967" t="s">
        <v>120</v>
      </c>
      <c r="M33967" t="s">
        <v>87</v>
      </c>
      <c r="N33967" t="s">
        <v>88</v>
      </c>
      <c r="O33967" t="s">
        <v>85</v>
      </c>
      <c r="P33967" t="s">
        <v>86</v>
      </c>
      <c r="Q33967">
        <v>41</v>
      </c>
      <c r="R33967">
        <v>41</v>
      </c>
      <c r="S33967">
        <v>42</v>
      </c>
      <c r="T33967">
        <v>42</v>
      </c>
      <c r="U33967">
        <v>42</v>
      </c>
      <c r="V33967">
        <v>42</v>
      </c>
      <c r="W33967">
        <v>43</v>
      </c>
      <c r="X33967">
        <v>43</v>
      </c>
      <c r="Y33967">
        <v>43</v>
      </c>
      <c r="Z33967">
        <v>44</v>
      </c>
      <c r="AA33967">
        <v>44</v>
      </c>
      <c r="AB33967">
        <v>44</v>
      </c>
      <c r="AC33967">
        <v>45</v>
      </c>
      <c r="AD33967">
        <v>45</v>
      </c>
      <c r="AE33967">
        <v>45</v>
      </c>
      <c r="AF33967">
        <v>46</v>
      </c>
      <c r="AG33967">
        <v>46</v>
      </c>
      <c r="AH33967">
        <v>46</v>
      </c>
      <c r="AI33967">
        <v>47</v>
      </c>
      <c r="AJ33967">
        <v>47</v>
      </c>
      <c r="AK33967">
        <v>47</v>
      </c>
      <c r="AL33967">
        <v>48</v>
      </c>
      <c r="AM33967">
        <v>48</v>
      </c>
      <c r="AN33967">
        <v>48</v>
      </c>
      <c r="AO33967">
        <v>49</v>
      </c>
      <c r="AP33967">
        <v>49</v>
      </c>
      <c r="AQ33967">
        <v>49</v>
      </c>
    </row>
    <row r="33968" spans="1:43">
      <c r="A33968" t="s">
        <v>21047</v>
      </c>
      <c r="B33968" t="s">
        <v>21048</v>
      </c>
      <c r="C33968" t="s">
        <v>21009</v>
      </c>
      <c r="D33968" t="s">
        <v>21010</v>
      </c>
      <c r="E33968" t="s">
        <v>20989</v>
      </c>
      <c r="F33968" t="s">
        <v>20990</v>
      </c>
      <c r="G33968" t="s">
        <v>20255</v>
      </c>
      <c r="H33968" t="s">
        <v>20256</v>
      </c>
      <c r="I33968" s="2">
        <v>1</v>
      </c>
      <c r="J33968" s="2">
        <v>0</v>
      </c>
      <c r="K33968" s="2">
        <v>0</v>
      </c>
      <c r="L33968" t="s">
        <v>120</v>
      </c>
      <c r="M33968" t="s">
        <v>89</v>
      </c>
      <c r="N33968" t="s">
        <v>90</v>
      </c>
      <c r="O33968" t="s">
        <v>85</v>
      </c>
      <c r="P33968" t="s">
        <v>86</v>
      </c>
      <c r="Q33968">
        <v>41</v>
      </c>
      <c r="R33968">
        <v>42</v>
      </c>
      <c r="S33968">
        <v>43</v>
      </c>
      <c r="T33968">
        <v>44</v>
      </c>
      <c r="U33968">
        <v>45</v>
      </c>
      <c r="V33968">
        <v>46</v>
      </c>
      <c r="W33968">
        <v>47</v>
      </c>
      <c r="X33968">
        <v>48</v>
      </c>
      <c r="Y33968">
        <v>48</v>
      </c>
      <c r="Z33968">
        <v>49</v>
      </c>
      <c r="AA33968">
        <v>50</v>
      </c>
      <c r="AB33968">
        <v>51</v>
      </c>
      <c r="AC33968">
        <v>52</v>
      </c>
      <c r="AD33968">
        <v>52</v>
      </c>
      <c r="AE33968">
        <v>53</v>
      </c>
      <c r="AF33968">
        <v>53</v>
      </c>
      <c r="AG33968">
        <v>54</v>
      </c>
      <c r="AH33968">
        <v>54</v>
      </c>
      <c r="AI33968">
        <v>54</v>
      </c>
      <c r="AJ33968">
        <v>54</v>
      </c>
      <c r="AK33968">
        <v>54</v>
      </c>
      <c r="AL33968">
        <v>55</v>
      </c>
      <c r="AM33968">
        <v>55</v>
      </c>
      <c r="AN33968">
        <v>55</v>
      </c>
      <c r="AO33968">
        <v>55</v>
      </c>
      <c r="AP33968">
        <v>56</v>
      </c>
      <c r="AQ33968">
        <v>56</v>
      </c>
    </row>
    <row r="33969" spans="1:43">
      <c r="A33969" t="s">
        <v>21047</v>
      </c>
      <c r="B33969" t="s">
        <v>21048</v>
      </c>
      <c r="C33969" t="s">
        <v>21009</v>
      </c>
      <c r="D33969" t="s">
        <v>21010</v>
      </c>
      <c r="E33969" t="s">
        <v>20989</v>
      </c>
      <c r="F33969" t="s">
        <v>20990</v>
      </c>
      <c r="G33969" t="s">
        <v>20255</v>
      </c>
      <c r="H33969" t="s">
        <v>20256</v>
      </c>
      <c r="I33969" s="2">
        <v>1</v>
      </c>
      <c r="J33969" s="2">
        <v>0</v>
      </c>
      <c r="K33969" s="2">
        <v>0</v>
      </c>
      <c r="L33969" t="s">
        <v>120</v>
      </c>
      <c r="M33969" t="s">
        <v>83</v>
      </c>
      <c r="N33969" t="s">
        <v>91</v>
      </c>
      <c r="O33969" t="s">
        <v>85</v>
      </c>
      <c r="P33969" t="s">
        <v>86</v>
      </c>
      <c r="Q33969">
        <v>41</v>
      </c>
      <c r="R33969">
        <v>42</v>
      </c>
      <c r="S33969">
        <v>43</v>
      </c>
      <c r="T33969">
        <v>44</v>
      </c>
      <c r="U33969">
        <v>44</v>
      </c>
      <c r="V33969">
        <v>45</v>
      </c>
      <c r="W33969">
        <v>46</v>
      </c>
      <c r="X33969">
        <v>46</v>
      </c>
      <c r="Y33969">
        <v>47</v>
      </c>
      <c r="Z33969">
        <v>47</v>
      </c>
      <c r="AA33969">
        <v>48</v>
      </c>
      <c r="AB33969">
        <v>49</v>
      </c>
      <c r="AC33969">
        <v>49</v>
      </c>
      <c r="AD33969">
        <v>50</v>
      </c>
      <c r="AE33969">
        <v>51</v>
      </c>
      <c r="AF33969">
        <v>51</v>
      </c>
      <c r="AG33969">
        <v>52</v>
      </c>
      <c r="AH33969">
        <v>53</v>
      </c>
      <c r="AI33969">
        <v>53</v>
      </c>
      <c r="AJ33969">
        <v>54</v>
      </c>
      <c r="AK33969">
        <v>55</v>
      </c>
      <c r="AL33969">
        <v>55</v>
      </c>
      <c r="AM33969">
        <v>55</v>
      </c>
      <c r="AN33969">
        <v>56</v>
      </c>
      <c r="AO33969">
        <v>56</v>
      </c>
      <c r="AP33969">
        <v>56</v>
      </c>
      <c r="AQ33969">
        <v>56</v>
      </c>
    </row>
    <row r="33970" spans="1:43">
      <c r="A33970" t="s">
        <v>21049</v>
      </c>
      <c r="B33970" t="s">
        <v>21050</v>
      </c>
      <c r="C33970" t="s">
        <v>21051</v>
      </c>
      <c r="D33970" t="s">
        <v>21052</v>
      </c>
      <c r="E33970" t="s">
        <v>20989</v>
      </c>
      <c r="F33970" t="s">
        <v>20990</v>
      </c>
      <c r="G33970" t="s">
        <v>20255</v>
      </c>
      <c r="H33970" t="s">
        <v>20256</v>
      </c>
      <c r="I33970" s="2">
        <v>1</v>
      </c>
      <c r="J33970" s="2">
        <v>0</v>
      </c>
      <c r="K33970" s="2">
        <v>0</v>
      </c>
      <c r="L33970" t="s">
        <v>120</v>
      </c>
      <c r="M33970" t="s">
        <v>83</v>
      </c>
      <c r="N33970" t="s">
        <v>84</v>
      </c>
      <c r="O33970" t="s">
        <v>85</v>
      </c>
      <c r="P33970" t="s">
        <v>86</v>
      </c>
      <c r="Q33970">
        <v>59</v>
      </c>
      <c r="R33970">
        <v>61</v>
      </c>
      <c r="S33970">
        <v>62</v>
      </c>
      <c r="T33970">
        <v>64</v>
      </c>
      <c r="U33970">
        <v>66</v>
      </c>
      <c r="V33970">
        <v>68</v>
      </c>
      <c r="W33970">
        <v>70</v>
      </c>
      <c r="X33970">
        <v>71</v>
      </c>
      <c r="Y33970">
        <v>73</v>
      </c>
      <c r="Z33970">
        <v>75</v>
      </c>
      <c r="AA33970">
        <v>77</v>
      </c>
      <c r="AB33970">
        <v>79</v>
      </c>
      <c r="AC33970">
        <v>81</v>
      </c>
      <c r="AD33970">
        <v>83</v>
      </c>
      <c r="AE33970">
        <v>85</v>
      </c>
      <c r="AF33970">
        <v>87</v>
      </c>
      <c r="AG33970">
        <v>89</v>
      </c>
      <c r="AH33970">
        <v>91</v>
      </c>
      <c r="AI33970">
        <v>94</v>
      </c>
      <c r="AJ33970">
        <v>96</v>
      </c>
      <c r="AK33970">
        <v>98</v>
      </c>
      <c r="AL33970">
        <v>100</v>
      </c>
      <c r="AM33970">
        <v>102</v>
      </c>
      <c r="AN33970">
        <v>103</v>
      </c>
      <c r="AO33970">
        <v>105</v>
      </c>
      <c r="AP33970">
        <v>107</v>
      </c>
      <c r="AQ33970">
        <v>108</v>
      </c>
    </row>
    <row r="33971" spans="1:43">
      <c r="A33971" t="s">
        <v>21049</v>
      </c>
      <c r="B33971" t="s">
        <v>21050</v>
      </c>
      <c r="C33971" t="s">
        <v>21051</v>
      </c>
      <c r="D33971" t="s">
        <v>21052</v>
      </c>
      <c r="E33971" t="s">
        <v>20989</v>
      </c>
      <c r="F33971" t="s">
        <v>20990</v>
      </c>
      <c r="G33971" t="s">
        <v>20255</v>
      </c>
      <c r="H33971" t="s">
        <v>20256</v>
      </c>
      <c r="I33971" s="2">
        <v>1</v>
      </c>
      <c r="J33971" s="2">
        <v>0</v>
      </c>
      <c r="K33971" s="2">
        <v>0</v>
      </c>
      <c r="L33971" t="s">
        <v>120</v>
      </c>
      <c r="M33971" t="s">
        <v>87</v>
      </c>
      <c r="N33971" t="s">
        <v>88</v>
      </c>
      <c r="O33971" t="s">
        <v>85</v>
      </c>
      <c r="P33971" t="s">
        <v>86</v>
      </c>
      <c r="Q33971">
        <v>59</v>
      </c>
      <c r="R33971">
        <v>61</v>
      </c>
      <c r="S33971">
        <v>62</v>
      </c>
      <c r="T33971">
        <v>63</v>
      </c>
      <c r="U33971">
        <v>64</v>
      </c>
      <c r="V33971">
        <v>65</v>
      </c>
      <c r="W33971">
        <v>66</v>
      </c>
      <c r="X33971">
        <v>68</v>
      </c>
      <c r="Y33971">
        <v>69</v>
      </c>
      <c r="Z33971">
        <v>70</v>
      </c>
      <c r="AA33971">
        <v>71</v>
      </c>
      <c r="AB33971">
        <v>73</v>
      </c>
      <c r="AC33971">
        <v>74</v>
      </c>
      <c r="AD33971">
        <v>75</v>
      </c>
      <c r="AE33971">
        <v>77</v>
      </c>
      <c r="AF33971">
        <v>78</v>
      </c>
      <c r="AG33971">
        <v>80</v>
      </c>
      <c r="AH33971">
        <v>81</v>
      </c>
      <c r="AI33971">
        <v>82</v>
      </c>
      <c r="AJ33971">
        <v>84</v>
      </c>
      <c r="AK33971">
        <v>85</v>
      </c>
      <c r="AL33971">
        <v>87</v>
      </c>
      <c r="AM33971">
        <v>89</v>
      </c>
      <c r="AN33971">
        <v>90</v>
      </c>
      <c r="AO33971">
        <v>92</v>
      </c>
      <c r="AP33971">
        <v>94</v>
      </c>
      <c r="AQ33971">
        <v>95</v>
      </c>
    </row>
    <row r="33972" spans="1:43">
      <c r="A33972" t="s">
        <v>21049</v>
      </c>
      <c r="B33972" t="s">
        <v>21050</v>
      </c>
      <c r="C33972" t="s">
        <v>21051</v>
      </c>
      <c r="D33972" t="s">
        <v>21052</v>
      </c>
      <c r="E33972" t="s">
        <v>20989</v>
      </c>
      <c r="F33972" t="s">
        <v>20990</v>
      </c>
      <c r="G33972" t="s">
        <v>20255</v>
      </c>
      <c r="H33972" t="s">
        <v>20256</v>
      </c>
      <c r="I33972" s="2">
        <v>1</v>
      </c>
      <c r="J33972" s="2">
        <v>0</v>
      </c>
      <c r="K33972" s="2">
        <v>0</v>
      </c>
      <c r="L33972" t="s">
        <v>120</v>
      </c>
      <c r="M33972" t="s">
        <v>89</v>
      </c>
      <c r="N33972" t="s">
        <v>90</v>
      </c>
      <c r="O33972" t="s">
        <v>85</v>
      </c>
      <c r="P33972" t="s">
        <v>86</v>
      </c>
      <c r="Q33972">
        <v>59</v>
      </c>
      <c r="R33972">
        <v>62</v>
      </c>
      <c r="S33972">
        <v>64</v>
      </c>
      <c r="T33972">
        <v>66</v>
      </c>
      <c r="U33972">
        <v>69</v>
      </c>
      <c r="V33972">
        <v>71</v>
      </c>
      <c r="W33972">
        <v>73</v>
      </c>
      <c r="X33972">
        <v>75</v>
      </c>
      <c r="Y33972">
        <v>77</v>
      </c>
      <c r="Z33972">
        <v>80</v>
      </c>
      <c r="AA33972">
        <v>82</v>
      </c>
      <c r="AB33972">
        <v>84</v>
      </c>
      <c r="AC33972">
        <v>86</v>
      </c>
      <c r="AD33972">
        <v>89</v>
      </c>
      <c r="AE33972">
        <v>91</v>
      </c>
      <c r="AF33972">
        <v>92</v>
      </c>
      <c r="AG33972">
        <v>94</v>
      </c>
      <c r="AH33972">
        <v>95</v>
      </c>
      <c r="AI33972">
        <v>97</v>
      </c>
      <c r="AJ33972">
        <v>98</v>
      </c>
      <c r="AK33972">
        <v>100</v>
      </c>
      <c r="AL33972">
        <v>101</v>
      </c>
      <c r="AM33972">
        <v>103</v>
      </c>
      <c r="AN33972">
        <v>104</v>
      </c>
      <c r="AO33972">
        <v>106</v>
      </c>
      <c r="AP33972">
        <v>108</v>
      </c>
      <c r="AQ33972">
        <v>109</v>
      </c>
    </row>
    <row r="33973" spans="1:43">
      <c r="A33973" t="s">
        <v>21049</v>
      </c>
      <c r="B33973" t="s">
        <v>21050</v>
      </c>
      <c r="C33973" t="s">
        <v>21051</v>
      </c>
      <c r="D33973" t="s">
        <v>21052</v>
      </c>
      <c r="E33973" t="s">
        <v>20989</v>
      </c>
      <c r="F33973" t="s">
        <v>20990</v>
      </c>
      <c r="G33973" t="s">
        <v>20255</v>
      </c>
      <c r="H33973" t="s">
        <v>20256</v>
      </c>
      <c r="I33973" s="2">
        <v>1</v>
      </c>
      <c r="J33973" s="2">
        <v>0</v>
      </c>
      <c r="K33973" s="2">
        <v>0</v>
      </c>
      <c r="L33973" t="s">
        <v>120</v>
      </c>
      <c r="M33973" t="s">
        <v>83</v>
      </c>
      <c r="N33973" t="s">
        <v>91</v>
      </c>
      <c r="O33973" t="s">
        <v>85</v>
      </c>
      <c r="P33973" t="s">
        <v>86</v>
      </c>
      <c r="Q33973">
        <v>59</v>
      </c>
      <c r="R33973">
        <v>61</v>
      </c>
      <c r="S33973">
        <v>62</v>
      </c>
      <c r="T33973">
        <v>64</v>
      </c>
      <c r="U33973">
        <v>66</v>
      </c>
      <c r="V33973">
        <v>68</v>
      </c>
      <c r="W33973">
        <v>70</v>
      </c>
      <c r="X33973">
        <v>71</v>
      </c>
      <c r="Y33973">
        <v>73</v>
      </c>
      <c r="Z33973">
        <v>75</v>
      </c>
      <c r="AA33973">
        <v>77</v>
      </c>
      <c r="AB33973">
        <v>79</v>
      </c>
      <c r="AC33973">
        <v>81</v>
      </c>
      <c r="AD33973">
        <v>83</v>
      </c>
      <c r="AE33973">
        <v>85</v>
      </c>
      <c r="AF33973">
        <v>87</v>
      </c>
      <c r="AG33973">
        <v>89</v>
      </c>
      <c r="AH33973">
        <v>91</v>
      </c>
      <c r="AI33973">
        <v>94</v>
      </c>
      <c r="AJ33973">
        <v>96</v>
      </c>
      <c r="AK33973">
        <v>98</v>
      </c>
      <c r="AL33973">
        <v>100</v>
      </c>
      <c r="AM33973">
        <v>102</v>
      </c>
      <c r="AN33973">
        <v>103</v>
      </c>
      <c r="AO33973">
        <v>105</v>
      </c>
      <c r="AP33973">
        <v>107</v>
      </c>
      <c r="AQ33973">
        <v>108</v>
      </c>
    </row>
    <row r="33974" spans="1:43">
      <c r="A33974" t="s">
        <v>21053</v>
      </c>
      <c r="B33974" t="s">
        <v>21054</v>
      </c>
      <c r="C33974" t="s">
        <v>21051</v>
      </c>
      <c r="D33974" t="s">
        <v>21052</v>
      </c>
      <c r="E33974" t="s">
        <v>20989</v>
      </c>
      <c r="F33974" t="s">
        <v>20990</v>
      </c>
      <c r="G33974" t="s">
        <v>20255</v>
      </c>
      <c r="H33974" t="s">
        <v>20256</v>
      </c>
      <c r="I33974" s="2">
        <v>1</v>
      </c>
      <c r="J33974" s="2">
        <v>0</v>
      </c>
      <c r="K33974" s="2">
        <v>0</v>
      </c>
      <c r="L33974" t="s">
        <v>120</v>
      </c>
      <c r="M33974" t="s">
        <v>83</v>
      </c>
      <c r="N33974" t="s">
        <v>84</v>
      </c>
      <c r="O33974" t="s">
        <v>85</v>
      </c>
      <c r="P33974" t="s">
        <v>86</v>
      </c>
      <c r="Q33974">
        <v>7</v>
      </c>
      <c r="R33974">
        <v>8</v>
      </c>
      <c r="S33974">
        <v>8</v>
      </c>
      <c r="T33974">
        <v>8</v>
      </c>
      <c r="U33974">
        <v>8</v>
      </c>
      <c r="V33974">
        <v>8</v>
      </c>
      <c r="W33974">
        <v>9</v>
      </c>
      <c r="X33974">
        <v>9</v>
      </c>
      <c r="Y33974">
        <v>9</v>
      </c>
      <c r="Z33974">
        <v>9</v>
      </c>
      <c r="AA33974">
        <v>10</v>
      </c>
      <c r="AB33974">
        <v>10</v>
      </c>
      <c r="AC33974">
        <v>10</v>
      </c>
      <c r="AD33974">
        <v>10</v>
      </c>
      <c r="AE33974">
        <v>11</v>
      </c>
      <c r="AF33974">
        <v>11</v>
      </c>
      <c r="AG33974">
        <v>11</v>
      </c>
      <c r="AH33974">
        <v>11</v>
      </c>
      <c r="AI33974">
        <v>12</v>
      </c>
      <c r="AJ33974">
        <v>12</v>
      </c>
      <c r="AK33974">
        <v>12</v>
      </c>
      <c r="AL33974">
        <v>12</v>
      </c>
      <c r="AM33974">
        <v>13</v>
      </c>
      <c r="AN33974">
        <v>13</v>
      </c>
      <c r="AO33974">
        <v>13</v>
      </c>
      <c r="AP33974">
        <v>13</v>
      </c>
      <c r="AQ33974">
        <v>13</v>
      </c>
    </row>
    <row r="33975" spans="1:43">
      <c r="A33975" t="s">
        <v>21053</v>
      </c>
      <c r="B33975" t="s">
        <v>21054</v>
      </c>
      <c r="C33975" t="s">
        <v>21051</v>
      </c>
      <c r="D33975" t="s">
        <v>21052</v>
      </c>
      <c r="E33975" t="s">
        <v>20989</v>
      </c>
      <c r="F33975" t="s">
        <v>20990</v>
      </c>
      <c r="G33975" t="s">
        <v>20255</v>
      </c>
      <c r="H33975" t="s">
        <v>20256</v>
      </c>
      <c r="I33975" s="2">
        <v>1</v>
      </c>
      <c r="J33975" s="2">
        <v>0</v>
      </c>
      <c r="K33975" s="2">
        <v>0</v>
      </c>
      <c r="L33975" t="s">
        <v>120</v>
      </c>
      <c r="M33975" t="s">
        <v>87</v>
      </c>
      <c r="N33975" t="s">
        <v>88</v>
      </c>
      <c r="O33975" t="s">
        <v>85</v>
      </c>
      <c r="P33975" t="s">
        <v>86</v>
      </c>
      <c r="Q33975">
        <v>7</v>
      </c>
      <c r="R33975">
        <v>7</v>
      </c>
      <c r="S33975">
        <v>8</v>
      </c>
      <c r="T33975">
        <v>8</v>
      </c>
      <c r="U33975">
        <v>8</v>
      </c>
      <c r="V33975">
        <v>8</v>
      </c>
      <c r="W33975">
        <v>8</v>
      </c>
      <c r="X33975">
        <v>8</v>
      </c>
      <c r="Y33975">
        <v>8</v>
      </c>
      <c r="Z33975">
        <v>9</v>
      </c>
      <c r="AA33975">
        <v>9</v>
      </c>
      <c r="AB33975">
        <v>9</v>
      </c>
      <c r="AC33975">
        <v>9</v>
      </c>
      <c r="AD33975">
        <v>9</v>
      </c>
      <c r="AE33975">
        <v>9</v>
      </c>
      <c r="AF33975">
        <v>10</v>
      </c>
      <c r="AG33975">
        <v>10</v>
      </c>
      <c r="AH33975">
        <v>10</v>
      </c>
      <c r="AI33975">
        <v>10</v>
      </c>
      <c r="AJ33975">
        <v>10</v>
      </c>
      <c r="AK33975">
        <v>10</v>
      </c>
      <c r="AL33975">
        <v>11</v>
      </c>
      <c r="AM33975">
        <v>11</v>
      </c>
      <c r="AN33975">
        <v>11</v>
      </c>
      <c r="AO33975">
        <v>11</v>
      </c>
      <c r="AP33975">
        <v>11</v>
      </c>
      <c r="AQ33975">
        <v>12</v>
      </c>
    </row>
    <row r="33976" spans="1:43">
      <c r="A33976" t="s">
        <v>21053</v>
      </c>
      <c r="B33976" t="s">
        <v>21054</v>
      </c>
      <c r="C33976" t="s">
        <v>21051</v>
      </c>
      <c r="D33976" t="s">
        <v>21052</v>
      </c>
      <c r="E33976" t="s">
        <v>20989</v>
      </c>
      <c r="F33976" t="s">
        <v>20990</v>
      </c>
      <c r="G33976" t="s">
        <v>20255</v>
      </c>
      <c r="H33976" t="s">
        <v>20256</v>
      </c>
      <c r="I33976" s="2">
        <v>1</v>
      </c>
      <c r="J33976" s="2">
        <v>0</v>
      </c>
      <c r="K33976" s="2">
        <v>0</v>
      </c>
      <c r="L33976" t="s">
        <v>120</v>
      </c>
      <c r="M33976" t="s">
        <v>89</v>
      </c>
      <c r="N33976" t="s">
        <v>90</v>
      </c>
      <c r="O33976" t="s">
        <v>85</v>
      </c>
      <c r="P33976" t="s">
        <v>86</v>
      </c>
      <c r="Q33976">
        <v>7</v>
      </c>
      <c r="R33976">
        <v>8</v>
      </c>
      <c r="S33976">
        <v>8</v>
      </c>
      <c r="T33976">
        <v>8</v>
      </c>
      <c r="U33976">
        <v>8</v>
      </c>
      <c r="V33976">
        <v>9</v>
      </c>
      <c r="W33976">
        <v>9</v>
      </c>
      <c r="X33976">
        <v>9</v>
      </c>
      <c r="Y33976">
        <v>10</v>
      </c>
      <c r="Z33976">
        <v>10</v>
      </c>
      <c r="AA33976">
        <v>10</v>
      </c>
      <c r="AB33976">
        <v>10</v>
      </c>
      <c r="AC33976">
        <v>11</v>
      </c>
      <c r="AD33976">
        <v>11</v>
      </c>
      <c r="AE33976">
        <v>11</v>
      </c>
      <c r="AF33976">
        <v>11</v>
      </c>
      <c r="AG33976">
        <v>12</v>
      </c>
      <c r="AH33976">
        <v>12</v>
      </c>
      <c r="AI33976">
        <v>12</v>
      </c>
      <c r="AJ33976">
        <v>12</v>
      </c>
      <c r="AK33976">
        <v>12</v>
      </c>
      <c r="AL33976">
        <v>13</v>
      </c>
      <c r="AM33976">
        <v>13</v>
      </c>
      <c r="AN33976">
        <v>13</v>
      </c>
      <c r="AO33976">
        <v>13</v>
      </c>
      <c r="AP33976">
        <v>13</v>
      </c>
      <c r="AQ33976">
        <v>14</v>
      </c>
    </row>
    <row r="33977" spans="1:43">
      <c r="A33977" t="s">
        <v>21053</v>
      </c>
      <c r="B33977" t="s">
        <v>21054</v>
      </c>
      <c r="C33977" t="s">
        <v>21051</v>
      </c>
      <c r="D33977" t="s">
        <v>21052</v>
      </c>
      <c r="E33977" t="s">
        <v>20989</v>
      </c>
      <c r="F33977" t="s">
        <v>20990</v>
      </c>
      <c r="G33977" t="s">
        <v>20255</v>
      </c>
      <c r="H33977" t="s">
        <v>20256</v>
      </c>
      <c r="I33977" s="2">
        <v>1</v>
      </c>
      <c r="J33977" s="2">
        <v>0</v>
      </c>
      <c r="K33977" s="2">
        <v>0</v>
      </c>
      <c r="L33977" t="s">
        <v>120</v>
      </c>
      <c r="M33977" t="s">
        <v>83</v>
      </c>
      <c r="N33977" t="s">
        <v>91</v>
      </c>
      <c r="O33977" t="s">
        <v>85</v>
      </c>
      <c r="P33977" t="s">
        <v>86</v>
      </c>
      <c r="Q33977">
        <v>7</v>
      </c>
      <c r="R33977">
        <v>8</v>
      </c>
      <c r="S33977">
        <v>8</v>
      </c>
      <c r="T33977">
        <v>8</v>
      </c>
      <c r="U33977">
        <v>8</v>
      </c>
      <c r="V33977">
        <v>8</v>
      </c>
      <c r="W33977">
        <v>9</v>
      </c>
      <c r="X33977">
        <v>9</v>
      </c>
      <c r="Y33977">
        <v>9</v>
      </c>
      <c r="Z33977">
        <v>9</v>
      </c>
      <c r="AA33977">
        <v>10</v>
      </c>
      <c r="AB33977">
        <v>10</v>
      </c>
      <c r="AC33977">
        <v>10</v>
      </c>
      <c r="AD33977">
        <v>10</v>
      </c>
      <c r="AE33977">
        <v>11</v>
      </c>
      <c r="AF33977">
        <v>11</v>
      </c>
      <c r="AG33977">
        <v>11</v>
      </c>
      <c r="AH33977">
        <v>11</v>
      </c>
      <c r="AI33977">
        <v>12</v>
      </c>
      <c r="AJ33977">
        <v>12</v>
      </c>
      <c r="AK33977">
        <v>12</v>
      </c>
      <c r="AL33977">
        <v>12</v>
      </c>
      <c r="AM33977">
        <v>13</v>
      </c>
      <c r="AN33977">
        <v>13</v>
      </c>
      <c r="AO33977">
        <v>13</v>
      </c>
      <c r="AP33977">
        <v>13</v>
      </c>
      <c r="AQ33977">
        <v>13</v>
      </c>
    </row>
    <row r="33978" spans="1:43">
      <c r="A33978" t="s">
        <v>21055</v>
      </c>
      <c r="B33978" t="s">
        <v>21056</v>
      </c>
      <c r="C33978" t="s">
        <v>21051</v>
      </c>
      <c r="D33978" t="s">
        <v>21052</v>
      </c>
      <c r="E33978" t="s">
        <v>20989</v>
      </c>
      <c r="F33978" t="s">
        <v>20990</v>
      </c>
      <c r="G33978" t="s">
        <v>20255</v>
      </c>
      <c r="H33978" t="s">
        <v>20256</v>
      </c>
      <c r="I33978" s="2">
        <v>1</v>
      </c>
      <c r="J33978" s="2">
        <v>0</v>
      </c>
      <c r="K33978" s="2">
        <v>0</v>
      </c>
      <c r="L33978" t="s">
        <v>120</v>
      </c>
      <c r="M33978" t="s">
        <v>83</v>
      </c>
      <c r="N33978" t="s">
        <v>84</v>
      </c>
      <c r="O33978" t="s">
        <v>85</v>
      </c>
      <c r="P33978" t="s">
        <v>86</v>
      </c>
      <c r="Q33978">
        <v>11</v>
      </c>
      <c r="R33978">
        <v>11</v>
      </c>
      <c r="S33978">
        <v>12</v>
      </c>
      <c r="T33978">
        <v>12</v>
      </c>
      <c r="U33978">
        <v>12</v>
      </c>
      <c r="V33978">
        <v>13</v>
      </c>
      <c r="W33978">
        <v>13</v>
      </c>
      <c r="X33978">
        <v>13</v>
      </c>
      <c r="Y33978">
        <v>14</v>
      </c>
      <c r="Z33978">
        <v>14</v>
      </c>
      <c r="AA33978">
        <v>14</v>
      </c>
      <c r="AB33978">
        <v>15</v>
      </c>
      <c r="AC33978">
        <v>15</v>
      </c>
      <c r="AD33978">
        <v>15</v>
      </c>
      <c r="AE33978">
        <v>16</v>
      </c>
      <c r="AF33978">
        <v>16</v>
      </c>
      <c r="AG33978">
        <v>17</v>
      </c>
      <c r="AH33978">
        <v>17</v>
      </c>
      <c r="AI33978">
        <v>17</v>
      </c>
      <c r="AJ33978">
        <v>18</v>
      </c>
      <c r="AK33978">
        <v>18</v>
      </c>
      <c r="AL33978">
        <v>19</v>
      </c>
      <c r="AM33978">
        <v>19</v>
      </c>
      <c r="AN33978">
        <v>19</v>
      </c>
      <c r="AO33978">
        <v>19</v>
      </c>
      <c r="AP33978">
        <v>20</v>
      </c>
      <c r="AQ33978">
        <v>20</v>
      </c>
    </row>
    <row r="33979" spans="1:43">
      <c r="A33979" t="s">
        <v>21055</v>
      </c>
      <c r="B33979" t="s">
        <v>21056</v>
      </c>
      <c r="C33979" t="s">
        <v>21051</v>
      </c>
      <c r="D33979" t="s">
        <v>21052</v>
      </c>
      <c r="E33979" t="s">
        <v>20989</v>
      </c>
      <c r="F33979" t="s">
        <v>20990</v>
      </c>
      <c r="G33979" t="s">
        <v>20255</v>
      </c>
      <c r="H33979" t="s">
        <v>20256</v>
      </c>
      <c r="I33979" s="2">
        <v>1</v>
      </c>
      <c r="J33979" s="2">
        <v>0</v>
      </c>
      <c r="K33979" s="2">
        <v>0</v>
      </c>
      <c r="L33979" t="s">
        <v>120</v>
      </c>
      <c r="M33979" t="s">
        <v>87</v>
      </c>
      <c r="N33979" t="s">
        <v>88</v>
      </c>
      <c r="O33979" t="s">
        <v>85</v>
      </c>
      <c r="P33979" t="s">
        <v>86</v>
      </c>
      <c r="Q33979">
        <v>11</v>
      </c>
      <c r="R33979">
        <v>11</v>
      </c>
      <c r="S33979">
        <v>11</v>
      </c>
      <c r="T33979">
        <v>11</v>
      </c>
      <c r="U33979">
        <v>12</v>
      </c>
      <c r="V33979">
        <v>12</v>
      </c>
      <c r="W33979">
        <v>12</v>
      </c>
      <c r="X33979">
        <v>12</v>
      </c>
      <c r="Y33979">
        <v>13</v>
      </c>
      <c r="Z33979">
        <v>13</v>
      </c>
      <c r="AA33979">
        <v>13</v>
      </c>
      <c r="AB33979">
        <v>13</v>
      </c>
      <c r="AC33979">
        <v>14</v>
      </c>
      <c r="AD33979">
        <v>14</v>
      </c>
      <c r="AE33979">
        <v>14</v>
      </c>
      <c r="AF33979">
        <v>14</v>
      </c>
      <c r="AG33979">
        <v>15</v>
      </c>
      <c r="AH33979">
        <v>15</v>
      </c>
      <c r="AI33979">
        <v>15</v>
      </c>
      <c r="AJ33979">
        <v>15</v>
      </c>
      <c r="AK33979">
        <v>16</v>
      </c>
      <c r="AL33979">
        <v>16</v>
      </c>
      <c r="AM33979">
        <v>16</v>
      </c>
      <c r="AN33979">
        <v>16</v>
      </c>
      <c r="AO33979">
        <v>17</v>
      </c>
      <c r="AP33979">
        <v>17</v>
      </c>
      <c r="AQ33979">
        <v>17</v>
      </c>
    </row>
    <row r="33980" spans="1:43">
      <c r="A33980" t="s">
        <v>21055</v>
      </c>
      <c r="B33980" t="s">
        <v>21056</v>
      </c>
      <c r="C33980" t="s">
        <v>21051</v>
      </c>
      <c r="D33980" t="s">
        <v>21052</v>
      </c>
      <c r="E33980" t="s">
        <v>20989</v>
      </c>
      <c r="F33980" t="s">
        <v>20990</v>
      </c>
      <c r="G33980" t="s">
        <v>20255</v>
      </c>
      <c r="H33980" t="s">
        <v>20256</v>
      </c>
      <c r="I33980" s="2">
        <v>1</v>
      </c>
      <c r="J33980" s="2">
        <v>0</v>
      </c>
      <c r="K33980" s="2">
        <v>0</v>
      </c>
      <c r="L33980" t="s">
        <v>120</v>
      </c>
      <c r="M33980" t="s">
        <v>89</v>
      </c>
      <c r="N33980" t="s">
        <v>90</v>
      </c>
      <c r="O33980" t="s">
        <v>85</v>
      </c>
      <c r="P33980" t="s">
        <v>86</v>
      </c>
      <c r="Q33980">
        <v>11</v>
      </c>
      <c r="R33980">
        <v>11</v>
      </c>
      <c r="S33980">
        <v>12</v>
      </c>
      <c r="T33980">
        <v>12</v>
      </c>
      <c r="U33980">
        <v>13</v>
      </c>
      <c r="V33980">
        <v>13</v>
      </c>
      <c r="W33980">
        <v>13</v>
      </c>
      <c r="X33980">
        <v>14</v>
      </c>
      <c r="Y33980">
        <v>14</v>
      </c>
      <c r="Z33980">
        <v>15</v>
      </c>
      <c r="AA33980">
        <v>15</v>
      </c>
      <c r="AB33980">
        <v>16</v>
      </c>
      <c r="AC33980">
        <v>16</v>
      </c>
      <c r="AD33980">
        <v>16</v>
      </c>
      <c r="AE33980">
        <v>17</v>
      </c>
      <c r="AF33980">
        <v>17</v>
      </c>
      <c r="AG33980">
        <v>17</v>
      </c>
      <c r="AH33980">
        <v>18</v>
      </c>
      <c r="AI33980">
        <v>18</v>
      </c>
      <c r="AJ33980">
        <v>18</v>
      </c>
      <c r="AK33980">
        <v>18</v>
      </c>
      <c r="AL33980">
        <v>19</v>
      </c>
      <c r="AM33980">
        <v>19</v>
      </c>
      <c r="AN33980">
        <v>19</v>
      </c>
      <c r="AO33980">
        <v>20</v>
      </c>
      <c r="AP33980">
        <v>20</v>
      </c>
      <c r="AQ33980">
        <v>20</v>
      </c>
    </row>
    <row r="33981" spans="1:43">
      <c r="A33981" t="s">
        <v>21055</v>
      </c>
      <c r="B33981" t="s">
        <v>21056</v>
      </c>
      <c r="C33981" t="s">
        <v>21051</v>
      </c>
      <c r="D33981" t="s">
        <v>21052</v>
      </c>
      <c r="E33981" t="s">
        <v>20989</v>
      </c>
      <c r="F33981" t="s">
        <v>20990</v>
      </c>
      <c r="G33981" t="s">
        <v>20255</v>
      </c>
      <c r="H33981" t="s">
        <v>20256</v>
      </c>
      <c r="I33981" s="2">
        <v>1</v>
      </c>
      <c r="J33981" s="2">
        <v>0</v>
      </c>
      <c r="K33981" s="2">
        <v>0</v>
      </c>
      <c r="L33981" t="s">
        <v>120</v>
      </c>
      <c r="M33981" t="s">
        <v>83</v>
      </c>
      <c r="N33981" t="s">
        <v>91</v>
      </c>
      <c r="O33981" t="s">
        <v>85</v>
      </c>
      <c r="P33981" t="s">
        <v>86</v>
      </c>
      <c r="Q33981">
        <v>11</v>
      </c>
      <c r="R33981">
        <v>11</v>
      </c>
      <c r="S33981">
        <v>12</v>
      </c>
      <c r="T33981">
        <v>12</v>
      </c>
      <c r="U33981">
        <v>12</v>
      </c>
      <c r="V33981">
        <v>13</v>
      </c>
      <c r="W33981">
        <v>13</v>
      </c>
      <c r="X33981">
        <v>13</v>
      </c>
      <c r="Y33981">
        <v>14</v>
      </c>
      <c r="Z33981">
        <v>14</v>
      </c>
      <c r="AA33981">
        <v>14</v>
      </c>
      <c r="AB33981">
        <v>15</v>
      </c>
      <c r="AC33981">
        <v>15</v>
      </c>
      <c r="AD33981">
        <v>15</v>
      </c>
      <c r="AE33981">
        <v>16</v>
      </c>
      <c r="AF33981">
        <v>16</v>
      </c>
      <c r="AG33981">
        <v>17</v>
      </c>
      <c r="AH33981">
        <v>17</v>
      </c>
      <c r="AI33981">
        <v>17</v>
      </c>
      <c r="AJ33981">
        <v>18</v>
      </c>
      <c r="AK33981">
        <v>18</v>
      </c>
      <c r="AL33981">
        <v>19</v>
      </c>
      <c r="AM33981">
        <v>19</v>
      </c>
      <c r="AN33981">
        <v>19</v>
      </c>
      <c r="AO33981">
        <v>19</v>
      </c>
      <c r="AP33981">
        <v>20</v>
      </c>
      <c r="AQ33981">
        <v>20</v>
      </c>
    </row>
    <row r="33982" spans="1:43">
      <c r="A33982" t="s">
        <v>21057</v>
      </c>
      <c r="B33982" t="s">
        <v>21058</v>
      </c>
      <c r="C33982" t="s">
        <v>21051</v>
      </c>
      <c r="D33982" t="s">
        <v>21052</v>
      </c>
      <c r="E33982" t="s">
        <v>20989</v>
      </c>
      <c r="F33982" t="s">
        <v>20990</v>
      </c>
      <c r="G33982" t="s">
        <v>20255</v>
      </c>
      <c r="H33982" t="s">
        <v>20256</v>
      </c>
      <c r="I33982" s="2">
        <v>1</v>
      </c>
      <c r="J33982" s="2">
        <v>0</v>
      </c>
      <c r="K33982" s="2">
        <v>0</v>
      </c>
      <c r="L33982" t="s">
        <v>120</v>
      </c>
      <c r="M33982" t="s">
        <v>83</v>
      </c>
      <c r="N33982" t="s">
        <v>84</v>
      </c>
      <c r="O33982" t="s">
        <v>85</v>
      </c>
      <c r="P33982" t="s">
        <v>86</v>
      </c>
      <c r="Q33982">
        <v>12</v>
      </c>
      <c r="R33982">
        <v>13</v>
      </c>
      <c r="S33982">
        <v>13</v>
      </c>
      <c r="T33982">
        <v>13</v>
      </c>
      <c r="U33982">
        <v>14</v>
      </c>
      <c r="V33982">
        <v>14</v>
      </c>
      <c r="W33982">
        <v>15</v>
      </c>
      <c r="X33982">
        <v>15</v>
      </c>
      <c r="Y33982">
        <v>15</v>
      </c>
      <c r="Z33982">
        <v>16</v>
      </c>
      <c r="AA33982">
        <v>16</v>
      </c>
      <c r="AB33982">
        <v>16</v>
      </c>
      <c r="AC33982">
        <v>17</v>
      </c>
      <c r="AD33982">
        <v>17</v>
      </c>
      <c r="AE33982">
        <v>18</v>
      </c>
      <c r="AF33982">
        <v>18</v>
      </c>
      <c r="AG33982">
        <v>19</v>
      </c>
      <c r="AH33982">
        <v>19</v>
      </c>
      <c r="AI33982">
        <v>20</v>
      </c>
      <c r="AJ33982">
        <v>20</v>
      </c>
      <c r="AK33982">
        <v>21</v>
      </c>
      <c r="AL33982">
        <v>21</v>
      </c>
      <c r="AM33982">
        <v>21</v>
      </c>
      <c r="AN33982">
        <v>22</v>
      </c>
      <c r="AO33982">
        <v>22</v>
      </c>
      <c r="AP33982">
        <v>22</v>
      </c>
      <c r="AQ33982">
        <v>23</v>
      </c>
    </row>
    <row r="33983" spans="1:43">
      <c r="A33983" t="s">
        <v>21057</v>
      </c>
      <c r="B33983" t="s">
        <v>21058</v>
      </c>
      <c r="C33983" t="s">
        <v>21051</v>
      </c>
      <c r="D33983" t="s">
        <v>21052</v>
      </c>
      <c r="E33983" t="s">
        <v>20989</v>
      </c>
      <c r="F33983" t="s">
        <v>20990</v>
      </c>
      <c r="G33983" t="s">
        <v>20255</v>
      </c>
      <c r="H33983" t="s">
        <v>20256</v>
      </c>
      <c r="I33983" s="2">
        <v>1</v>
      </c>
      <c r="J33983" s="2">
        <v>0</v>
      </c>
      <c r="K33983" s="2">
        <v>0</v>
      </c>
      <c r="L33983" t="s">
        <v>120</v>
      </c>
      <c r="M33983" t="s">
        <v>87</v>
      </c>
      <c r="N33983" t="s">
        <v>88</v>
      </c>
      <c r="O33983" t="s">
        <v>85</v>
      </c>
      <c r="P33983" t="s">
        <v>86</v>
      </c>
      <c r="Q33983">
        <v>12</v>
      </c>
      <c r="R33983">
        <v>12</v>
      </c>
      <c r="S33983">
        <v>13</v>
      </c>
      <c r="T33983">
        <v>13</v>
      </c>
      <c r="U33983">
        <v>13</v>
      </c>
      <c r="V33983">
        <v>13</v>
      </c>
      <c r="W33983">
        <v>14</v>
      </c>
      <c r="X33983">
        <v>14</v>
      </c>
      <c r="Y33983">
        <v>14</v>
      </c>
      <c r="Z33983">
        <v>14</v>
      </c>
      <c r="AA33983">
        <v>15</v>
      </c>
      <c r="AB33983">
        <v>15</v>
      </c>
      <c r="AC33983">
        <v>15</v>
      </c>
      <c r="AD33983">
        <v>16</v>
      </c>
      <c r="AE33983">
        <v>16</v>
      </c>
      <c r="AF33983">
        <v>16</v>
      </c>
      <c r="AG33983">
        <v>16</v>
      </c>
      <c r="AH33983">
        <v>17</v>
      </c>
      <c r="AI33983">
        <v>17</v>
      </c>
      <c r="AJ33983">
        <v>17</v>
      </c>
      <c r="AK33983">
        <v>18</v>
      </c>
      <c r="AL33983">
        <v>18</v>
      </c>
      <c r="AM33983">
        <v>18</v>
      </c>
      <c r="AN33983">
        <v>19</v>
      </c>
      <c r="AO33983">
        <v>19</v>
      </c>
      <c r="AP33983">
        <v>19</v>
      </c>
      <c r="AQ33983">
        <v>20</v>
      </c>
    </row>
    <row r="33984" spans="1:43">
      <c r="A33984" t="s">
        <v>21057</v>
      </c>
      <c r="B33984" t="s">
        <v>21058</v>
      </c>
      <c r="C33984" t="s">
        <v>21051</v>
      </c>
      <c r="D33984" t="s">
        <v>21052</v>
      </c>
      <c r="E33984" t="s">
        <v>20989</v>
      </c>
      <c r="F33984" t="s">
        <v>20990</v>
      </c>
      <c r="G33984" t="s">
        <v>20255</v>
      </c>
      <c r="H33984" t="s">
        <v>20256</v>
      </c>
      <c r="I33984" s="2">
        <v>1</v>
      </c>
      <c r="J33984" s="2">
        <v>0</v>
      </c>
      <c r="K33984" s="2">
        <v>0</v>
      </c>
      <c r="L33984" t="s">
        <v>120</v>
      </c>
      <c r="M33984" t="s">
        <v>89</v>
      </c>
      <c r="N33984" t="s">
        <v>90</v>
      </c>
      <c r="O33984" t="s">
        <v>85</v>
      </c>
      <c r="P33984" t="s">
        <v>86</v>
      </c>
      <c r="Q33984">
        <v>12</v>
      </c>
      <c r="R33984">
        <v>13</v>
      </c>
      <c r="S33984">
        <v>13</v>
      </c>
      <c r="T33984">
        <v>14</v>
      </c>
      <c r="U33984">
        <v>14</v>
      </c>
      <c r="V33984">
        <v>15</v>
      </c>
      <c r="W33984">
        <v>15</v>
      </c>
      <c r="X33984">
        <v>16</v>
      </c>
      <c r="Y33984">
        <v>16</v>
      </c>
      <c r="Z33984">
        <v>17</v>
      </c>
      <c r="AA33984">
        <v>17</v>
      </c>
      <c r="AB33984">
        <v>18</v>
      </c>
      <c r="AC33984">
        <v>18</v>
      </c>
      <c r="AD33984">
        <v>19</v>
      </c>
      <c r="AE33984">
        <v>19</v>
      </c>
      <c r="AF33984">
        <v>19</v>
      </c>
      <c r="AG33984">
        <v>20</v>
      </c>
      <c r="AH33984">
        <v>20</v>
      </c>
      <c r="AI33984">
        <v>20</v>
      </c>
      <c r="AJ33984">
        <v>21</v>
      </c>
      <c r="AK33984">
        <v>21</v>
      </c>
      <c r="AL33984">
        <v>21</v>
      </c>
      <c r="AM33984">
        <v>21</v>
      </c>
      <c r="AN33984">
        <v>22</v>
      </c>
      <c r="AO33984">
        <v>22</v>
      </c>
      <c r="AP33984">
        <v>22</v>
      </c>
      <c r="AQ33984">
        <v>23</v>
      </c>
    </row>
    <row r="33985" spans="1:43">
      <c r="A33985" t="s">
        <v>21057</v>
      </c>
      <c r="B33985" t="s">
        <v>21058</v>
      </c>
      <c r="C33985" t="s">
        <v>21051</v>
      </c>
      <c r="D33985" t="s">
        <v>21052</v>
      </c>
      <c r="E33985" t="s">
        <v>20989</v>
      </c>
      <c r="F33985" t="s">
        <v>20990</v>
      </c>
      <c r="G33985" t="s">
        <v>20255</v>
      </c>
      <c r="H33985" t="s">
        <v>20256</v>
      </c>
      <c r="I33985" s="2">
        <v>1</v>
      </c>
      <c r="J33985" s="2">
        <v>0</v>
      </c>
      <c r="K33985" s="2">
        <v>0</v>
      </c>
      <c r="L33985" t="s">
        <v>120</v>
      </c>
      <c r="M33985" t="s">
        <v>83</v>
      </c>
      <c r="N33985" t="s">
        <v>91</v>
      </c>
      <c r="O33985" t="s">
        <v>85</v>
      </c>
      <c r="P33985" t="s">
        <v>86</v>
      </c>
      <c r="Q33985">
        <v>12</v>
      </c>
      <c r="R33985">
        <v>13</v>
      </c>
      <c r="S33985">
        <v>13</v>
      </c>
      <c r="T33985">
        <v>13</v>
      </c>
      <c r="U33985">
        <v>14</v>
      </c>
      <c r="V33985">
        <v>14</v>
      </c>
      <c r="W33985">
        <v>15</v>
      </c>
      <c r="X33985">
        <v>15</v>
      </c>
      <c r="Y33985">
        <v>15</v>
      </c>
      <c r="Z33985">
        <v>16</v>
      </c>
      <c r="AA33985">
        <v>16</v>
      </c>
      <c r="AB33985">
        <v>16</v>
      </c>
      <c r="AC33985">
        <v>17</v>
      </c>
      <c r="AD33985">
        <v>17</v>
      </c>
      <c r="AE33985">
        <v>18</v>
      </c>
      <c r="AF33985">
        <v>18</v>
      </c>
      <c r="AG33985">
        <v>19</v>
      </c>
      <c r="AH33985">
        <v>19</v>
      </c>
      <c r="AI33985">
        <v>20</v>
      </c>
      <c r="AJ33985">
        <v>20</v>
      </c>
      <c r="AK33985">
        <v>21</v>
      </c>
      <c r="AL33985">
        <v>21</v>
      </c>
      <c r="AM33985">
        <v>21</v>
      </c>
      <c r="AN33985">
        <v>22</v>
      </c>
      <c r="AO33985">
        <v>22</v>
      </c>
      <c r="AP33985">
        <v>22</v>
      </c>
      <c r="AQ33985">
        <v>23</v>
      </c>
    </row>
    <row r="33986" spans="1:43">
      <c r="A33986" t="s">
        <v>21059</v>
      </c>
      <c r="B33986" t="s">
        <v>21060</v>
      </c>
      <c r="C33986" t="s">
        <v>21051</v>
      </c>
      <c r="D33986" t="s">
        <v>21052</v>
      </c>
      <c r="E33986" t="s">
        <v>20989</v>
      </c>
      <c r="F33986" t="s">
        <v>20990</v>
      </c>
      <c r="G33986" t="s">
        <v>20255</v>
      </c>
      <c r="H33986" t="s">
        <v>20256</v>
      </c>
      <c r="I33986" s="2">
        <v>1</v>
      </c>
      <c r="J33986" s="2">
        <v>0</v>
      </c>
      <c r="K33986" s="2">
        <v>0</v>
      </c>
      <c r="L33986" t="s">
        <v>120</v>
      </c>
      <c r="M33986" t="s">
        <v>83</v>
      </c>
      <c r="N33986" t="s">
        <v>84</v>
      </c>
      <c r="O33986" t="s">
        <v>85</v>
      </c>
      <c r="P33986" t="s">
        <v>86</v>
      </c>
      <c r="Q33986">
        <v>9</v>
      </c>
      <c r="R33986">
        <v>10</v>
      </c>
      <c r="S33986">
        <v>10</v>
      </c>
      <c r="T33986">
        <v>10</v>
      </c>
      <c r="U33986">
        <v>11</v>
      </c>
      <c r="V33986">
        <v>11</v>
      </c>
      <c r="W33986">
        <v>11</v>
      </c>
      <c r="X33986">
        <v>11</v>
      </c>
      <c r="Y33986">
        <v>12</v>
      </c>
      <c r="Z33986">
        <v>12</v>
      </c>
      <c r="AA33986">
        <v>12</v>
      </c>
      <c r="AB33986">
        <v>13</v>
      </c>
      <c r="AC33986">
        <v>13</v>
      </c>
      <c r="AD33986">
        <v>13</v>
      </c>
      <c r="AE33986">
        <v>14</v>
      </c>
      <c r="AF33986">
        <v>14</v>
      </c>
      <c r="AG33986">
        <v>14</v>
      </c>
      <c r="AH33986">
        <v>15</v>
      </c>
      <c r="AI33986">
        <v>15</v>
      </c>
      <c r="AJ33986">
        <v>15</v>
      </c>
      <c r="AK33986">
        <v>16</v>
      </c>
      <c r="AL33986">
        <v>16</v>
      </c>
      <c r="AM33986">
        <v>16</v>
      </c>
      <c r="AN33986">
        <v>17</v>
      </c>
      <c r="AO33986">
        <v>17</v>
      </c>
      <c r="AP33986">
        <v>17</v>
      </c>
      <c r="AQ33986">
        <v>17</v>
      </c>
    </row>
    <row r="33987" spans="1:43">
      <c r="A33987" t="s">
        <v>21059</v>
      </c>
      <c r="B33987" t="s">
        <v>21060</v>
      </c>
      <c r="C33987" t="s">
        <v>21051</v>
      </c>
      <c r="D33987" t="s">
        <v>21052</v>
      </c>
      <c r="E33987" t="s">
        <v>20989</v>
      </c>
      <c r="F33987" t="s">
        <v>20990</v>
      </c>
      <c r="G33987" t="s">
        <v>20255</v>
      </c>
      <c r="H33987" t="s">
        <v>20256</v>
      </c>
      <c r="I33987" s="2">
        <v>1</v>
      </c>
      <c r="J33987" s="2">
        <v>0</v>
      </c>
      <c r="K33987" s="2">
        <v>0</v>
      </c>
      <c r="L33987" t="s">
        <v>120</v>
      </c>
      <c r="M33987" t="s">
        <v>87</v>
      </c>
      <c r="N33987" t="s">
        <v>88</v>
      </c>
      <c r="O33987" t="s">
        <v>85</v>
      </c>
      <c r="P33987" t="s">
        <v>86</v>
      </c>
      <c r="Q33987">
        <v>9</v>
      </c>
      <c r="R33987">
        <v>10</v>
      </c>
      <c r="S33987">
        <v>10</v>
      </c>
      <c r="T33987">
        <v>10</v>
      </c>
      <c r="U33987">
        <v>10</v>
      </c>
      <c r="V33987">
        <v>10</v>
      </c>
      <c r="W33987">
        <v>11</v>
      </c>
      <c r="X33987">
        <v>11</v>
      </c>
      <c r="Y33987">
        <v>11</v>
      </c>
      <c r="Z33987">
        <v>11</v>
      </c>
      <c r="AA33987">
        <v>11</v>
      </c>
      <c r="AB33987">
        <v>12</v>
      </c>
      <c r="AC33987">
        <v>12</v>
      </c>
      <c r="AD33987">
        <v>12</v>
      </c>
      <c r="AE33987">
        <v>12</v>
      </c>
      <c r="AF33987">
        <v>12</v>
      </c>
      <c r="AG33987">
        <v>13</v>
      </c>
      <c r="AH33987">
        <v>13</v>
      </c>
      <c r="AI33987">
        <v>13</v>
      </c>
      <c r="AJ33987">
        <v>13</v>
      </c>
      <c r="AK33987">
        <v>14</v>
      </c>
      <c r="AL33987">
        <v>14</v>
      </c>
      <c r="AM33987">
        <v>14</v>
      </c>
      <c r="AN33987">
        <v>14</v>
      </c>
      <c r="AO33987">
        <v>15</v>
      </c>
      <c r="AP33987">
        <v>15</v>
      </c>
      <c r="AQ33987">
        <v>15</v>
      </c>
    </row>
    <row r="33988" spans="1:43">
      <c r="A33988" t="s">
        <v>21059</v>
      </c>
      <c r="B33988" t="s">
        <v>21060</v>
      </c>
      <c r="C33988" t="s">
        <v>21051</v>
      </c>
      <c r="D33988" t="s">
        <v>21052</v>
      </c>
      <c r="E33988" t="s">
        <v>20989</v>
      </c>
      <c r="F33988" t="s">
        <v>20990</v>
      </c>
      <c r="G33988" t="s">
        <v>20255</v>
      </c>
      <c r="H33988" t="s">
        <v>20256</v>
      </c>
      <c r="I33988" s="2">
        <v>1</v>
      </c>
      <c r="J33988" s="2">
        <v>0</v>
      </c>
      <c r="K33988" s="2">
        <v>0</v>
      </c>
      <c r="L33988" t="s">
        <v>120</v>
      </c>
      <c r="M33988" t="s">
        <v>89</v>
      </c>
      <c r="N33988" t="s">
        <v>90</v>
      </c>
      <c r="O33988" t="s">
        <v>85</v>
      </c>
      <c r="P33988" t="s">
        <v>86</v>
      </c>
      <c r="Q33988">
        <v>9</v>
      </c>
      <c r="R33988">
        <v>9</v>
      </c>
      <c r="S33988">
        <v>9</v>
      </c>
      <c r="T33988">
        <v>10</v>
      </c>
      <c r="U33988">
        <v>10</v>
      </c>
      <c r="V33988">
        <v>10</v>
      </c>
      <c r="W33988">
        <v>11</v>
      </c>
      <c r="X33988">
        <v>11</v>
      </c>
      <c r="Y33988">
        <v>11</v>
      </c>
      <c r="Z33988">
        <v>12</v>
      </c>
      <c r="AA33988">
        <v>12</v>
      </c>
      <c r="AB33988">
        <v>13</v>
      </c>
      <c r="AC33988">
        <v>13</v>
      </c>
      <c r="AD33988">
        <v>13</v>
      </c>
      <c r="AE33988">
        <v>14</v>
      </c>
      <c r="AF33988">
        <v>14</v>
      </c>
      <c r="AG33988">
        <v>14</v>
      </c>
      <c r="AH33988">
        <v>14</v>
      </c>
      <c r="AI33988">
        <v>15</v>
      </c>
      <c r="AJ33988">
        <v>15</v>
      </c>
      <c r="AK33988">
        <v>15</v>
      </c>
      <c r="AL33988">
        <v>15</v>
      </c>
      <c r="AM33988">
        <v>16</v>
      </c>
      <c r="AN33988">
        <v>16</v>
      </c>
      <c r="AO33988">
        <v>16</v>
      </c>
      <c r="AP33988">
        <v>16</v>
      </c>
      <c r="AQ33988">
        <v>17</v>
      </c>
    </row>
    <row r="33989" spans="1:43">
      <c r="A33989" t="s">
        <v>21059</v>
      </c>
      <c r="B33989" t="s">
        <v>21060</v>
      </c>
      <c r="C33989" t="s">
        <v>21051</v>
      </c>
      <c r="D33989" t="s">
        <v>21052</v>
      </c>
      <c r="E33989" t="s">
        <v>20989</v>
      </c>
      <c r="F33989" t="s">
        <v>20990</v>
      </c>
      <c r="G33989" t="s">
        <v>20255</v>
      </c>
      <c r="H33989" t="s">
        <v>20256</v>
      </c>
      <c r="I33989" s="2">
        <v>1</v>
      </c>
      <c r="J33989" s="2">
        <v>0</v>
      </c>
      <c r="K33989" s="2">
        <v>0</v>
      </c>
      <c r="L33989" t="s">
        <v>120</v>
      </c>
      <c r="M33989" t="s">
        <v>83</v>
      </c>
      <c r="N33989" t="s">
        <v>91</v>
      </c>
      <c r="O33989" t="s">
        <v>85</v>
      </c>
      <c r="P33989" t="s">
        <v>86</v>
      </c>
      <c r="Q33989">
        <v>9</v>
      </c>
      <c r="R33989">
        <v>10</v>
      </c>
      <c r="S33989">
        <v>10</v>
      </c>
      <c r="T33989">
        <v>10</v>
      </c>
      <c r="U33989">
        <v>11</v>
      </c>
      <c r="V33989">
        <v>11</v>
      </c>
      <c r="W33989">
        <v>11</v>
      </c>
      <c r="X33989">
        <v>11</v>
      </c>
      <c r="Y33989">
        <v>12</v>
      </c>
      <c r="Z33989">
        <v>12</v>
      </c>
      <c r="AA33989">
        <v>12</v>
      </c>
      <c r="AB33989">
        <v>13</v>
      </c>
      <c r="AC33989">
        <v>13</v>
      </c>
      <c r="AD33989">
        <v>13</v>
      </c>
      <c r="AE33989">
        <v>14</v>
      </c>
      <c r="AF33989">
        <v>14</v>
      </c>
      <c r="AG33989">
        <v>14</v>
      </c>
      <c r="AH33989">
        <v>15</v>
      </c>
      <c r="AI33989">
        <v>15</v>
      </c>
      <c r="AJ33989">
        <v>15</v>
      </c>
      <c r="AK33989">
        <v>16</v>
      </c>
      <c r="AL33989">
        <v>16</v>
      </c>
      <c r="AM33989">
        <v>16</v>
      </c>
      <c r="AN33989">
        <v>17</v>
      </c>
      <c r="AO33989">
        <v>17</v>
      </c>
      <c r="AP33989">
        <v>17</v>
      </c>
      <c r="AQ33989">
        <v>17</v>
      </c>
    </row>
    <row r="33990" spans="1:43">
      <c r="A33990" t="s">
        <v>21061</v>
      </c>
      <c r="B33990" t="s">
        <v>21062</v>
      </c>
      <c r="C33990" t="s">
        <v>21063</v>
      </c>
      <c r="D33990" t="s">
        <v>21064</v>
      </c>
      <c r="E33990" t="s">
        <v>20989</v>
      </c>
      <c r="F33990" t="s">
        <v>20990</v>
      </c>
      <c r="G33990" t="s">
        <v>20255</v>
      </c>
      <c r="H33990" t="s">
        <v>20256</v>
      </c>
      <c r="I33990" s="2">
        <v>1</v>
      </c>
      <c r="J33990" s="2">
        <v>0</v>
      </c>
      <c r="K33990" s="2">
        <v>0</v>
      </c>
      <c r="L33990" t="s">
        <v>120</v>
      </c>
      <c r="M33990" t="s">
        <v>83</v>
      </c>
      <c r="N33990" t="s">
        <v>84</v>
      </c>
      <c r="O33990" t="s">
        <v>85</v>
      </c>
      <c r="P33990" t="s">
        <v>86</v>
      </c>
      <c r="Q33990">
        <v>11</v>
      </c>
      <c r="R33990">
        <v>11</v>
      </c>
      <c r="S33990">
        <v>11</v>
      </c>
      <c r="T33990">
        <v>11</v>
      </c>
      <c r="U33990">
        <v>12</v>
      </c>
      <c r="V33990">
        <v>12</v>
      </c>
      <c r="W33990">
        <v>12</v>
      </c>
      <c r="X33990">
        <v>13</v>
      </c>
      <c r="Y33990">
        <v>13</v>
      </c>
      <c r="Z33990">
        <v>13</v>
      </c>
      <c r="AA33990">
        <v>14</v>
      </c>
      <c r="AB33990">
        <v>14</v>
      </c>
      <c r="AC33990">
        <v>15</v>
      </c>
      <c r="AD33990">
        <v>15</v>
      </c>
      <c r="AE33990">
        <v>15</v>
      </c>
      <c r="AF33990">
        <v>16</v>
      </c>
      <c r="AG33990">
        <v>16</v>
      </c>
      <c r="AH33990">
        <v>16</v>
      </c>
      <c r="AI33990">
        <v>17</v>
      </c>
      <c r="AJ33990">
        <v>17</v>
      </c>
      <c r="AK33990">
        <v>18</v>
      </c>
      <c r="AL33990">
        <v>18</v>
      </c>
      <c r="AM33990">
        <v>18</v>
      </c>
      <c r="AN33990">
        <v>19</v>
      </c>
      <c r="AO33990">
        <v>19</v>
      </c>
      <c r="AP33990">
        <v>19</v>
      </c>
      <c r="AQ33990">
        <v>19</v>
      </c>
    </row>
    <row r="33991" spans="1:43">
      <c r="A33991" t="s">
        <v>21061</v>
      </c>
      <c r="B33991" t="s">
        <v>21062</v>
      </c>
      <c r="C33991" t="s">
        <v>21063</v>
      </c>
      <c r="D33991" t="s">
        <v>21064</v>
      </c>
      <c r="E33991" t="s">
        <v>20989</v>
      </c>
      <c r="F33991" t="s">
        <v>20990</v>
      </c>
      <c r="G33991" t="s">
        <v>20255</v>
      </c>
      <c r="H33991" t="s">
        <v>20256</v>
      </c>
      <c r="I33991" s="2">
        <v>1</v>
      </c>
      <c r="J33991" s="2">
        <v>0</v>
      </c>
      <c r="K33991" s="2">
        <v>0</v>
      </c>
      <c r="L33991" t="s">
        <v>120</v>
      </c>
      <c r="M33991" t="s">
        <v>87</v>
      </c>
      <c r="N33991" t="s">
        <v>88</v>
      </c>
      <c r="O33991" t="s">
        <v>85</v>
      </c>
      <c r="P33991" t="s">
        <v>86</v>
      </c>
      <c r="Q33991">
        <v>11</v>
      </c>
      <c r="R33991">
        <v>12</v>
      </c>
      <c r="S33991">
        <v>12</v>
      </c>
      <c r="T33991">
        <v>12</v>
      </c>
      <c r="U33991">
        <v>12</v>
      </c>
      <c r="V33991">
        <v>12</v>
      </c>
      <c r="W33991">
        <v>13</v>
      </c>
      <c r="X33991">
        <v>13</v>
      </c>
      <c r="Y33991">
        <v>13</v>
      </c>
      <c r="Z33991">
        <v>13</v>
      </c>
      <c r="AA33991">
        <v>14</v>
      </c>
      <c r="AB33991">
        <v>14</v>
      </c>
      <c r="AC33991">
        <v>14</v>
      </c>
      <c r="AD33991">
        <v>14</v>
      </c>
      <c r="AE33991">
        <v>15</v>
      </c>
      <c r="AF33991">
        <v>15</v>
      </c>
      <c r="AG33991">
        <v>15</v>
      </c>
      <c r="AH33991">
        <v>15</v>
      </c>
      <c r="AI33991">
        <v>16</v>
      </c>
      <c r="AJ33991">
        <v>16</v>
      </c>
      <c r="AK33991">
        <v>16</v>
      </c>
      <c r="AL33991">
        <v>16</v>
      </c>
      <c r="AM33991">
        <v>17</v>
      </c>
      <c r="AN33991">
        <v>17</v>
      </c>
      <c r="AO33991">
        <v>17</v>
      </c>
      <c r="AP33991">
        <v>18</v>
      </c>
      <c r="AQ33991">
        <v>18</v>
      </c>
    </row>
    <row r="33992" spans="1:43">
      <c r="A33992" t="s">
        <v>21061</v>
      </c>
      <c r="B33992" t="s">
        <v>21062</v>
      </c>
      <c r="C33992" t="s">
        <v>21063</v>
      </c>
      <c r="D33992" t="s">
        <v>21064</v>
      </c>
      <c r="E33992" t="s">
        <v>20989</v>
      </c>
      <c r="F33992" t="s">
        <v>20990</v>
      </c>
      <c r="G33992" t="s">
        <v>20255</v>
      </c>
      <c r="H33992" t="s">
        <v>20256</v>
      </c>
      <c r="I33992" s="2">
        <v>1</v>
      </c>
      <c r="J33992" s="2">
        <v>0</v>
      </c>
      <c r="K33992" s="2">
        <v>0</v>
      </c>
      <c r="L33992" t="s">
        <v>120</v>
      </c>
      <c r="M33992" t="s">
        <v>89</v>
      </c>
      <c r="N33992" t="s">
        <v>90</v>
      </c>
      <c r="O33992" t="s">
        <v>85</v>
      </c>
      <c r="P33992" t="s">
        <v>86</v>
      </c>
      <c r="Q33992">
        <v>11</v>
      </c>
      <c r="R33992">
        <v>11</v>
      </c>
      <c r="S33992">
        <v>11</v>
      </c>
      <c r="T33992">
        <v>12</v>
      </c>
      <c r="U33992">
        <v>12</v>
      </c>
      <c r="V33992">
        <v>13</v>
      </c>
      <c r="W33992">
        <v>13</v>
      </c>
      <c r="X33992">
        <v>13</v>
      </c>
      <c r="Y33992">
        <v>14</v>
      </c>
      <c r="Z33992">
        <v>14</v>
      </c>
      <c r="AA33992">
        <v>15</v>
      </c>
      <c r="AB33992">
        <v>15</v>
      </c>
      <c r="AC33992">
        <v>16</v>
      </c>
      <c r="AD33992">
        <v>16</v>
      </c>
      <c r="AE33992">
        <v>16</v>
      </c>
      <c r="AF33992">
        <v>17</v>
      </c>
      <c r="AG33992">
        <v>17</v>
      </c>
      <c r="AH33992">
        <v>17</v>
      </c>
      <c r="AI33992">
        <v>17</v>
      </c>
      <c r="AJ33992">
        <v>18</v>
      </c>
      <c r="AK33992">
        <v>18</v>
      </c>
      <c r="AL33992">
        <v>18</v>
      </c>
      <c r="AM33992">
        <v>18</v>
      </c>
      <c r="AN33992">
        <v>19</v>
      </c>
      <c r="AO33992">
        <v>19</v>
      </c>
      <c r="AP33992">
        <v>19</v>
      </c>
      <c r="AQ33992">
        <v>20</v>
      </c>
    </row>
    <row r="33993" spans="1:43">
      <c r="A33993" t="s">
        <v>21061</v>
      </c>
      <c r="B33993" t="s">
        <v>21062</v>
      </c>
      <c r="C33993" t="s">
        <v>21063</v>
      </c>
      <c r="D33993" t="s">
        <v>21064</v>
      </c>
      <c r="E33993" t="s">
        <v>20989</v>
      </c>
      <c r="F33993" t="s">
        <v>20990</v>
      </c>
      <c r="G33993" t="s">
        <v>20255</v>
      </c>
      <c r="H33993" t="s">
        <v>20256</v>
      </c>
      <c r="I33993" s="2">
        <v>1</v>
      </c>
      <c r="J33993" s="2">
        <v>0</v>
      </c>
      <c r="K33993" s="2">
        <v>0</v>
      </c>
      <c r="L33993" t="s">
        <v>120</v>
      </c>
      <c r="M33993" t="s">
        <v>83</v>
      </c>
      <c r="N33993" t="s">
        <v>91</v>
      </c>
      <c r="O33993" t="s">
        <v>85</v>
      </c>
      <c r="P33993" t="s">
        <v>86</v>
      </c>
      <c r="Q33993">
        <v>11</v>
      </c>
      <c r="R33993">
        <v>11</v>
      </c>
      <c r="S33993">
        <v>11</v>
      </c>
      <c r="T33993">
        <v>11</v>
      </c>
      <c r="U33993">
        <v>12</v>
      </c>
      <c r="V33993">
        <v>12</v>
      </c>
      <c r="W33993">
        <v>12</v>
      </c>
      <c r="X33993">
        <v>13</v>
      </c>
      <c r="Y33993">
        <v>13</v>
      </c>
      <c r="Z33993">
        <v>13</v>
      </c>
      <c r="AA33993">
        <v>14</v>
      </c>
      <c r="AB33993">
        <v>14</v>
      </c>
      <c r="AC33993">
        <v>15</v>
      </c>
      <c r="AD33993">
        <v>15</v>
      </c>
      <c r="AE33993">
        <v>15</v>
      </c>
      <c r="AF33993">
        <v>16</v>
      </c>
      <c r="AG33993">
        <v>16</v>
      </c>
      <c r="AH33993">
        <v>16</v>
      </c>
      <c r="AI33993">
        <v>17</v>
      </c>
      <c r="AJ33993">
        <v>17</v>
      </c>
      <c r="AK33993">
        <v>18</v>
      </c>
      <c r="AL33993">
        <v>18</v>
      </c>
      <c r="AM33993">
        <v>18</v>
      </c>
      <c r="AN33993">
        <v>19</v>
      </c>
      <c r="AO33993">
        <v>19</v>
      </c>
      <c r="AP33993">
        <v>19</v>
      </c>
      <c r="AQ33993">
        <v>19</v>
      </c>
    </row>
    <row r="33994" spans="1:43">
      <c r="A33994" t="s">
        <v>21065</v>
      </c>
      <c r="B33994" t="s">
        <v>21066</v>
      </c>
      <c r="C33994" t="s">
        <v>21063</v>
      </c>
      <c r="D33994" t="s">
        <v>21064</v>
      </c>
      <c r="E33994" t="s">
        <v>20989</v>
      </c>
      <c r="F33994" t="s">
        <v>20990</v>
      </c>
      <c r="G33994" t="s">
        <v>20255</v>
      </c>
      <c r="H33994" t="s">
        <v>20256</v>
      </c>
      <c r="I33994" s="2">
        <v>1</v>
      </c>
      <c r="J33994" s="2">
        <v>0</v>
      </c>
      <c r="K33994" s="2">
        <v>0</v>
      </c>
      <c r="L33994" t="s">
        <v>120</v>
      </c>
      <c r="M33994" t="s">
        <v>83</v>
      </c>
      <c r="N33994" t="s">
        <v>84</v>
      </c>
      <c r="O33994" t="s">
        <v>85</v>
      </c>
      <c r="P33994" t="s">
        <v>86</v>
      </c>
      <c r="Q33994">
        <v>10</v>
      </c>
      <c r="R33994">
        <v>11</v>
      </c>
      <c r="S33994">
        <v>11</v>
      </c>
      <c r="T33994">
        <v>11</v>
      </c>
      <c r="U33994">
        <v>11</v>
      </c>
      <c r="V33994">
        <v>11</v>
      </c>
      <c r="W33994">
        <v>11</v>
      </c>
      <c r="X33994">
        <v>12</v>
      </c>
      <c r="Y33994">
        <v>12</v>
      </c>
      <c r="Z33994">
        <v>12</v>
      </c>
      <c r="AA33994">
        <v>12</v>
      </c>
      <c r="AB33994">
        <v>12</v>
      </c>
      <c r="AC33994">
        <v>12</v>
      </c>
      <c r="AD33994">
        <v>13</v>
      </c>
      <c r="AE33994">
        <v>13</v>
      </c>
      <c r="AF33994">
        <v>13</v>
      </c>
      <c r="AG33994">
        <v>13</v>
      </c>
      <c r="AH33994">
        <v>13</v>
      </c>
      <c r="AI33994">
        <v>13</v>
      </c>
      <c r="AJ33994">
        <v>14</v>
      </c>
      <c r="AK33994">
        <v>14</v>
      </c>
      <c r="AL33994">
        <v>14</v>
      </c>
      <c r="AM33994">
        <v>14</v>
      </c>
      <c r="AN33994">
        <v>14</v>
      </c>
      <c r="AO33994">
        <v>14</v>
      </c>
      <c r="AP33994">
        <v>14</v>
      </c>
      <c r="AQ33994">
        <v>14</v>
      </c>
    </row>
    <row r="33995" spans="1:43">
      <c r="A33995" t="s">
        <v>21065</v>
      </c>
      <c r="B33995" t="s">
        <v>21066</v>
      </c>
      <c r="C33995" t="s">
        <v>21063</v>
      </c>
      <c r="D33995" t="s">
        <v>21064</v>
      </c>
      <c r="E33995" t="s">
        <v>20989</v>
      </c>
      <c r="F33995" t="s">
        <v>20990</v>
      </c>
      <c r="G33995" t="s">
        <v>20255</v>
      </c>
      <c r="H33995" t="s">
        <v>20256</v>
      </c>
      <c r="I33995" s="2">
        <v>1</v>
      </c>
      <c r="J33995" s="2">
        <v>0</v>
      </c>
      <c r="K33995" s="2">
        <v>0</v>
      </c>
      <c r="L33995" t="s">
        <v>120</v>
      </c>
      <c r="M33995" t="s">
        <v>87</v>
      </c>
      <c r="N33995" t="s">
        <v>88</v>
      </c>
      <c r="O33995" t="s">
        <v>85</v>
      </c>
      <c r="P33995" t="s">
        <v>86</v>
      </c>
      <c r="Q33995">
        <v>10</v>
      </c>
      <c r="R33995">
        <v>10</v>
      </c>
      <c r="S33995">
        <v>11</v>
      </c>
      <c r="T33995">
        <v>11</v>
      </c>
      <c r="U33995">
        <v>11</v>
      </c>
      <c r="V33995">
        <v>11</v>
      </c>
      <c r="W33995">
        <v>11</v>
      </c>
      <c r="X33995">
        <v>11</v>
      </c>
      <c r="Y33995">
        <v>11</v>
      </c>
      <c r="Z33995">
        <v>11</v>
      </c>
      <c r="AA33995">
        <v>11</v>
      </c>
      <c r="AB33995">
        <v>11</v>
      </c>
      <c r="AC33995">
        <v>11</v>
      </c>
      <c r="AD33995">
        <v>11</v>
      </c>
      <c r="AE33995">
        <v>11</v>
      </c>
      <c r="AF33995">
        <v>11</v>
      </c>
      <c r="AG33995">
        <v>11</v>
      </c>
      <c r="AH33995">
        <v>12</v>
      </c>
      <c r="AI33995">
        <v>12</v>
      </c>
      <c r="AJ33995">
        <v>12</v>
      </c>
      <c r="AK33995">
        <v>12</v>
      </c>
      <c r="AL33995">
        <v>12</v>
      </c>
      <c r="AM33995">
        <v>12</v>
      </c>
      <c r="AN33995">
        <v>12</v>
      </c>
      <c r="AO33995">
        <v>12</v>
      </c>
      <c r="AP33995">
        <v>12</v>
      </c>
      <c r="AQ33995">
        <v>12</v>
      </c>
    </row>
    <row r="33996" spans="1:43">
      <c r="A33996" t="s">
        <v>21065</v>
      </c>
      <c r="B33996" t="s">
        <v>21066</v>
      </c>
      <c r="C33996" t="s">
        <v>21063</v>
      </c>
      <c r="D33996" t="s">
        <v>21064</v>
      </c>
      <c r="E33996" t="s">
        <v>20989</v>
      </c>
      <c r="F33996" t="s">
        <v>20990</v>
      </c>
      <c r="G33996" t="s">
        <v>20255</v>
      </c>
      <c r="H33996" t="s">
        <v>20256</v>
      </c>
      <c r="I33996" s="2">
        <v>1</v>
      </c>
      <c r="J33996" s="2">
        <v>0</v>
      </c>
      <c r="K33996" s="2">
        <v>0</v>
      </c>
      <c r="L33996" t="s">
        <v>120</v>
      </c>
      <c r="M33996" t="s">
        <v>89</v>
      </c>
      <c r="N33996" t="s">
        <v>90</v>
      </c>
      <c r="O33996" t="s">
        <v>85</v>
      </c>
      <c r="P33996" t="s">
        <v>86</v>
      </c>
      <c r="Q33996">
        <v>10</v>
      </c>
      <c r="R33996">
        <v>10</v>
      </c>
      <c r="S33996">
        <v>10</v>
      </c>
      <c r="T33996">
        <v>10</v>
      </c>
      <c r="U33996">
        <v>11</v>
      </c>
      <c r="V33996">
        <v>11</v>
      </c>
      <c r="W33996">
        <v>11</v>
      </c>
      <c r="X33996">
        <v>11</v>
      </c>
      <c r="Y33996">
        <v>11</v>
      </c>
      <c r="Z33996">
        <v>12</v>
      </c>
      <c r="AA33996">
        <v>12</v>
      </c>
      <c r="AB33996">
        <v>12</v>
      </c>
      <c r="AC33996">
        <v>12</v>
      </c>
      <c r="AD33996">
        <v>12</v>
      </c>
      <c r="AE33996">
        <v>13</v>
      </c>
      <c r="AF33996">
        <v>13</v>
      </c>
      <c r="AG33996">
        <v>13</v>
      </c>
      <c r="AH33996">
        <v>13</v>
      </c>
      <c r="AI33996">
        <v>13</v>
      </c>
      <c r="AJ33996">
        <v>13</v>
      </c>
      <c r="AK33996">
        <v>13</v>
      </c>
      <c r="AL33996">
        <v>13</v>
      </c>
      <c r="AM33996">
        <v>13</v>
      </c>
      <c r="AN33996">
        <v>13</v>
      </c>
      <c r="AO33996">
        <v>13</v>
      </c>
      <c r="AP33996">
        <v>13</v>
      </c>
      <c r="AQ33996">
        <v>13</v>
      </c>
    </row>
    <row r="33997" spans="1:43">
      <c r="A33997" t="s">
        <v>21065</v>
      </c>
      <c r="B33997" t="s">
        <v>21066</v>
      </c>
      <c r="C33997" t="s">
        <v>21063</v>
      </c>
      <c r="D33997" t="s">
        <v>21064</v>
      </c>
      <c r="E33997" t="s">
        <v>20989</v>
      </c>
      <c r="F33997" t="s">
        <v>20990</v>
      </c>
      <c r="G33997" t="s">
        <v>20255</v>
      </c>
      <c r="H33997" t="s">
        <v>20256</v>
      </c>
      <c r="I33997" s="2">
        <v>1</v>
      </c>
      <c r="J33997" s="2">
        <v>0</v>
      </c>
      <c r="K33997" s="2">
        <v>0</v>
      </c>
      <c r="L33997" t="s">
        <v>120</v>
      </c>
      <c r="M33997" t="s">
        <v>83</v>
      </c>
      <c r="N33997" t="s">
        <v>91</v>
      </c>
      <c r="O33997" t="s">
        <v>85</v>
      </c>
      <c r="P33997" t="s">
        <v>86</v>
      </c>
      <c r="Q33997">
        <v>10</v>
      </c>
      <c r="R33997">
        <v>11</v>
      </c>
      <c r="S33997">
        <v>11</v>
      </c>
      <c r="T33997">
        <v>11</v>
      </c>
      <c r="U33997">
        <v>11</v>
      </c>
      <c r="V33997">
        <v>11</v>
      </c>
      <c r="W33997">
        <v>11</v>
      </c>
      <c r="X33997">
        <v>12</v>
      </c>
      <c r="Y33997">
        <v>12</v>
      </c>
      <c r="Z33997">
        <v>12</v>
      </c>
      <c r="AA33997">
        <v>12</v>
      </c>
      <c r="AB33997">
        <v>12</v>
      </c>
      <c r="AC33997">
        <v>12</v>
      </c>
      <c r="AD33997">
        <v>13</v>
      </c>
      <c r="AE33997">
        <v>13</v>
      </c>
      <c r="AF33997">
        <v>13</v>
      </c>
      <c r="AG33997">
        <v>13</v>
      </c>
      <c r="AH33997">
        <v>13</v>
      </c>
      <c r="AI33997">
        <v>13</v>
      </c>
      <c r="AJ33997">
        <v>14</v>
      </c>
      <c r="AK33997">
        <v>14</v>
      </c>
      <c r="AL33997">
        <v>14</v>
      </c>
      <c r="AM33997">
        <v>14</v>
      </c>
      <c r="AN33997">
        <v>14</v>
      </c>
      <c r="AO33997">
        <v>14</v>
      </c>
      <c r="AP33997">
        <v>14</v>
      </c>
      <c r="AQ33997">
        <v>14</v>
      </c>
    </row>
    <row r="33998" spans="1:43">
      <c r="A33998" t="s">
        <v>21067</v>
      </c>
      <c r="B33998" t="s">
        <v>21068</v>
      </c>
      <c r="C33998" t="s">
        <v>21063</v>
      </c>
      <c r="D33998" t="s">
        <v>21064</v>
      </c>
      <c r="E33998" t="s">
        <v>20989</v>
      </c>
      <c r="F33998" t="s">
        <v>20990</v>
      </c>
      <c r="G33998" t="s">
        <v>20255</v>
      </c>
      <c r="H33998" t="s">
        <v>20256</v>
      </c>
      <c r="I33998" s="2">
        <v>1</v>
      </c>
      <c r="J33998" s="2">
        <v>0</v>
      </c>
      <c r="K33998" s="2">
        <v>0</v>
      </c>
      <c r="L33998" t="s">
        <v>120</v>
      </c>
      <c r="M33998" t="s">
        <v>83</v>
      </c>
      <c r="N33998" t="s">
        <v>84</v>
      </c>
      <c r="O33998" t="s">
        <v>85</v>
      </c>
      <c r="P33998" t="s">
        <v>86</v>
      </c>
      <c r="Q33998">
        <v>75</v>
      </c>
      <c r="R33998">
        <v>77</v>
      </c>
      <c r="S33998">
        <v>79</v>
      </c>
      <c r="T33998">
        <v>82</v>
      </c>
      <c r="U33998">
        <v>84</v>
      </c>
      <c r="V33998">
        <v>86</v>
      </c>
      <c r="W33998">
        <v>89</v>
      </c>
      <c r="X33998">
        <v>91</v>
      </c>
      <c r="Y33998">
        <v>93</v>
      </c>
      <c r="Z33998">
        <v>96</v>
      </c>
      <c r="AA33998">
        <v>98</v>
      </c>
      <c r="AB33998">
        <v>101</v>
      </c>
      <c r="AC33998">
        <v>103</v>
      </c>
      <c r="AD33998">
        <v>106</v>
      </c>
      <c r="AE33998">
        <v>108</v>
      </c>
      <c r="AF33998">
        <v>111</v>
      </c>
      <c r="AG33998">
        <v>114</v>
      </c>
      <c r="AH33998">
        <v>116</v>
      </c>
      <c r="AI33998">
        <v>119</v>
      </c>
      <c r="AJ33998">
        <v>122</v>
      </c>
      <c r="AK33998">
        <v>125</v>
      </c>
      <c r="AL33998">
        <v>127</v>
      </c>
      <c r="AM33998">
        <v>129</v>
      </c>
      <c r="AN33998">
        <v>131</v>
      </c>
      <c r="AO33998">
        <v>134</v>
      </c>
      <c r="AP33998">
        <v>136</v>
      </c>
      <c r="AQ33998">
        <v>138</v>
      </c>
    </row>
    <row r="33999" spans="1:43">
      <c r="A33999" t="s">
        <v>21067</v>
      </c>
      <c r="B33999" t="s">
        <v>21068</v>
      </c>
      <c r="C33999" t="s">
        <v>21063</v>
      </c>
      <c r="D33999" t="s">
        <v>21064</v>
      </c>
      <c r="E33999" t="s">
        <v>20989</v>
      </c>
      <c r="F33999" t="s">
        <v>20990</v>
      </c>
      <c r="G33999" t="s">
        <v>20255</v>
      </c>
      <c r="H33999" t="s">
        <v>20256</v>
      </c>
      <c r="I33999" s="2">
        <v>1</v>
      </c>
      <c r="J33999" s="2">
        <v>0</v>
      </c>
      <c r="K33999" s="2">
        <v>0</v>
      </c>
      <c r="L33999" t="s">
        <v>120</v>
      </c>
      <c r="M33999" t="s">
        <v>87</v>
      </c>
      <c r="N33999" t="s">
        <v>88</v>
      </c>
      <c r="O33999" t="s">
        <v>85</v>
      </c>
      <c r="P33999" t="s">
        <v>86</v>
      </c>
      <c r="Q33999">
        <v>75</v>
      </c>
      <c r="R33999">
        <v>77</v>
      </c>
      <c r="S33999">
        <v>78</v>
      </c>
      <c r="T33999">
        <v>80</v>
      </c>
      <c r="U33999">
        <v>81</v>
      </c>
      <c r="V33999">
        <v>83</v>
      </c>
      <c r="W33999">
        <v>84</v>
      </c>
      <c r="X33999">
        <v>86</v>
      </c>
      <c r="Y33999">
        <v>87</v>
      </c>
      <c r="Z33999">
        <v>89</v>
      </c>
      <c r="AA33999">
        <v>91</v>
      </c>
      <c r="AB33999">
        <v>92</v>
      </c>
      <c r="AC33999">
        <v>94</v>
      </c>
      <c r="AD33999">
        <v>96</v>
      </c>
      <c r="AE33999">
        <v>97</v>
      </c>
      <c r="AF33999">
        <v>99</v>
      </c>
      <c r="AG33999">
        <v>101</v>
      </c>
      <c r="AH33999">
        <v>103</v>
      </c>
      <c r="AI33999">
        <v>105</v>
      </c>
      <c r="AJ33999">
        <v>107</v>
      </c>
      <c r="AK33999">
        <v>108</v>
      </c>
      <c r="AL33999">
        <v>110</v>
      </c>
      <c r="AM33999">
        <v>112</v>
      </c>
      <c r="AN33999">
        <v>115</v>
      </c>
      <c r="AO33999">
        <v>117</v>
      </c>
      <c r="AP33999">
        <v>119</v>
      </c>
      <c r="AQ33999">
        <v>121</v>
      </c>
    </row>
    <row r="34000" spans="1:43">
      <c r="A34000" t="s">
        <v>21067</v>
      </c>
      <c r="B34000" t="s">
        <v>21068</v>
      </c>
      <c r="C34000" t="s">
        <v>21063</v>
      </c>
      <c r="D34000" t="s">
        <v>21064</v>
      </c>
      <c r="E34000" t="s">
        <v>20989</v>
      </c>
      <c r="F34000" t="s">
        <v>20990</v>
      </c>
      <c r="G34000" t="s">
        <v>20255</v>
      </c>
      <c r="H34000" t="s">
        <v>20256</v>
      </c>
      <c r="I34000" s="2">
        <v>1</v>
      </c>
      <c r="J34000" s="2">
        <v>0</v>
      </c>
      <c r="K34000" s="2">
        <v>0</v>
      </c>
      <c r="L34000" t="s">
        <v>120</v>
      </c>
      <c r="M34000" t="s">
        <v>89</v>
      </c>
      <c r="N34000" t="s">
        <v>90</v>
      </c>
      <c r="O34000" t="s">
        <v>85</v>
      </c>
      <c r="P34000" t="s">
        <v>86</v>
      </c>
      <c r="Q34000">
        <v>75</v>
      </c>
      <c r="R34000">
        <v>78</v>
      </c>
      <c r="S34000">
        <v>80</v>
      </c>
      <c r="T34000">
        <v>83</v>
      </c>
      <c r="U34000">
        <v>86</v>
      </c>
      <c r="V34000">
        <v>89</v>
      </c>
      <c r="W34000">
        <v>92</v>
      </c>
      <c r="X34000">
        <v>95</v>
      </c>
      <c r="Y34000">
        <v>97</v>
      </c>
      <c r="Z34000">
        <v>100</v>
      </c>
      <c r="AA34000">
        <v>103</v>
      </c>
      <c r="AB34000">
        <v>106</v>
      </c>
      <c r="AC34000">
        <v>109</v>
      </c>
      <c r="AD34000">
        <v>112</v>
      </c>
      <c r="AE34000">
        <v>115</v>
      </c>
      <c r="AF34000">
        <v>117</v>
      </c>
      <c r="AG34000">
        <v>118</v>
      </c>
      <c r="AH34000">
        <v>120</v>
      </c>
      <c r="AI34000">
        <v>122</v>
      </c>
      <c r="AJ34000">
        <v>124</v>
      </c>
      <c r="AK34000">
        <v>126</v>
      </c>
      <c r="AL34000">
        <v>128</v>
      </c>
      <c r="AM34000">
        <v>130</v>
      </c>
      <c r="AN34000">
        <v>132</v>
      </c>
      <c r="AO34000">
        <v>134</v>
      </c>
      <c r="AP34000">
        <v>136</v>
      </c>
      <c r="AQ34000">
        <v>138</v>
      </c>
    </row>
    <row r="34001" spans="1:43">
      <c r="A34001" t="s">
        <v>21067</v>
      </c>
      <c r="B34001" t="s">
        <v>21068</v>
      </c>
      <c r="C34001" t="s">
        <v>21063</v>
      </c>
      <c r="D34001" t="s">
        <v>21064</v>
      </c>
      <c r="E34001" t="s">
        <v>20989</v>
      </c>
      <c r="F34001" t="s">
        <v>20990</v>
      </c>
      <c r="G34001" t="s">
        <v>20255</v>
      </c>
      <c r="H34001" t="s">
        <v>20256</v>
      </c>
      <c r="I34001" s="2">
        <v>1</v>
      </c>
      <c r="J34001" s="2">
        <v>0</v>
      </c>
      <c r="K34001" s="2">
        <v>0</v>
      </c>
      <c r="L34001" t="s">
        <v>120</v>
      </c>
      <c r="M34001" t="s">
        <v>83</v>
      </c>
      <c r="N34001" t="s">
        <v>91</v>
      </c>
      <c r="O34001" t="s">
        <v>85</v>
      </c>
      <c r="P34001" t="s">
        <v>86</v>
      </c>
      <c r="Q34001">
        <v>75</v>
      </c>
      <c r="R34001">
        <v>77</v>
      </c>
      <c r="S34001">
        <v>79</v>
      </c>
      <c r="T34001">
        <v>82</v>
      </c>
      <c r="U34001">
        <v>84</v>
      </c>
      <c r="V34001">
        <v>86</v>
      </c>
      <c r="W34001">
        <v>89</v>
      </c>
      <c r="X34001">
        <v>91</v>
      </c>
      <c r="Y34001">
        <v>93</v>
      </c>
      <c r="Z34001">
        <v>96</v>
      </c>
      <c r="AA34001">
        <v>98</v>
      </c>
      <c r="AB34001">
        <v>101</v>
      </c>
      <c r="AC34001">
        <v>103</v>
      </c>
      <c r="AD34001">
        <v>106</v>
      </c>
      <c r="AE34001">
        <v>108</v>
      </c>
      <c r="AF34001">
        <v>111</v>
      </c>
      <c r="AG34001">
        <v>114</v>
      </c>
      <c r="AH34001">
        <v>116</v>
      </c>
      <c r="AI34001">
        <v>119</v>
      </c>
      <c r="AJ34001">
        <v>122</v>
      </c>
      <c r="AK34001">
        <v>125</v>
      </c>
      <c r="AL34001">
        <v>127</v>
      </c>
      <c r="AM34001">
        <v>129</v>
      </c>
      <c r="AN34001">
        <v>131</v>
      </c>
      <c r="AO34001">
        <v>134</v>
      </c>
      <c r="AP34001">
        <v>136</v>
      </c>
      <c r="AQ34001">
        <v>138</v>
      </c>
    </row>
    <row r="34002" spans="1:43">
      <c r="A34002" t="s">
        <v>21069</v>
      </c>
      <c r="B34002" t="s">
        <v>21070</v>
      </c>
      <c r="C34002" t="s">
        <v>21063</v>
      </c>
      <c r="D34002" t="s">
        <v>21064</v>
      </c>
      <c r="E34002" t="s">
        <v>20989</v>
      </c>
      <c r="F34002" t="s">
        <v>20990</v>
      </c>
      <c r="G34002" t="s">
        <v>20255</v>
      </c>
      <c r="H34002" t="s">
        <v>20256</v>
      </c>
      <c r="I34002" s="2">
        <v>1</v>
      </c>
      <c r="J34002" s="2">
        <v>0</v>
      </c>
      <c r="K34002" s="2">
        <v>0</v>
      </c>
      <c r="L34002" t="s">
        <v>120</v>
      </c>
      <c r="M34002" t="s">
        <v>83</v>
      </c>
      <c r="N34002" t="s">
        <v>84</v>
      </c>
      <c r="O34002" t="s">
        <v>85</v>
      </c>
      <c r="P34002" t="s">
        <v>86</v>
      </c>
      <c r="Q34002">
        <v>62</v>
      </c>
      <c r="R34002">
        <v>63</v>
      </c>
      <c r="S34002">
        <v>65</v>
      </c>
      <c r="T34002">
        <v>67</v>
      </c>
      <c r="U34002">
        <v>69</v>
      </c>
      <c r="V34002">
        <v>71</v>
      </c>
      <c r="W34002">
        <v>73</v>
      </c>
      <c r="X34002">
        <v>75</v>
      </c>
      <c r="Y34002">
        <v>77</v>
      </c>
      <c r="Z34002">
        <v>79</v>
      </c>
      <c r="AA34002">
        <v>81</v>
      </c>
      <c r="AB34002">
        <v>83</v>
      </c>
      <c r="AC34002">
        <v>85</v>
      </c>
      <c r="AD34002">
        <v>87</v>
      </c>
      <c r="AE34002">
        <v>89</v>
      </c>
      <c r="AF34002">
        <v>91</v>
      </c>
      <c r="AG34002">
        <v>93</v>
      </c>
      <c r="AH34002">
        <v>96</v>
      </c>
      <c r="AI34002">
        <v>98</v>
      </c>
      <c r="AJ34002">
        <v>100</v>
      </c>
      <c r="AK34002">
        <v>103</v>
      </c>
      <c r="AL34002">
        <v>105</v>
      </c>
      <c r="AM34002">
        <v>106</v>
      </c>
      <c r="AN34002">
        <v>108</v>
      </c>
      <c r="AO34002">
        <v>110</v>
      </c>
      <c r="AP34002">
        <v>111</v>
      </c>
      <c r="AQ34002">
        <v>113</v>
      </c>
    </row>
    <row r="34003" spans="1:43">
      <c r="A34003" t="s">
        <v>21069</v>
      </c>
      <c r="B34003" t="s">
        <v>21070</v>
      </c>
      <c r="C34003" t="s">
        <v>21063</v>
      </c>
      <c r="D34003" t="s">
        <v>21064</v>
      </c>
      <c r="E34003" t="s">
        <v>20989</v>
      </c>
      <c r="F34003" t="s">
        <v>20990</v>
      </c>
      <c r="G34003" t="s">
        <v>20255</v>
      </c>
      <c r="H34003" t="s">
        <v>20256</v>
      </c>
      <c r="I34003" s="2">
        <v>1</v>
      </c>
      <c r="J34003" s="2">
        <v>0</v>
      </c>
      <c r="K34003" s="2">
        <v>0</v>
      </c>
      <c r="L34003" t="s">
        <v>120</v>
      </c>
      <c r="M34003" t="s">
        <v>87</v>
      </c>
      <c r="N34003" t="s">
        <v>88</v>
      </c>
      <c r="O34003" t="s">
        <v>85</v>
      </c>
      <c r="P34003" t="s">
        <v>86</v>
      </c>
      <c r="Q34003">
        <v>62</v>
      </c>
      <c r="R34003">
        <v>63</v>
      </c>
      <c r="S34003">
        <v>64</v>
      </c>
      <c r="T34003">
        <v>66</v>
      </c>
      <c r="U34003">
        <v>67</v>
      </c>
      <c r="V34003">
        <v>68</v>
      </c>
      <c r="W34003">
        <v>69</v>
      </c>
      <c r="X34003">
        <v>71</v>
      </c>
      <c r="Y34003">
        <v>72</v>
      </c>
      <c r="Z34003">
        <v>73</v>
      </c>
      <c r="AA34003">
        <v>74</v>
      </c>
      <c r="AB34003">
        <v>76</v>
      </c>
      <c r="AC34003">
        <v>77</v>
      </c>
      <c r="AD34003">
        <v>79</v>
      </c>
      <c r="AE34003">
        <v>80</v>
      </c>
      <c r="AF34003">
        <v>81</v>
      </c>
      <c r="AG34003">
        <v>83</v>
      </c>
      <c r="AH34003">
        <v>84</v>
      </c>
      <c r="AI34003">
        <v>86</v>
      </c>
      <c r="AJ34003">
        <v>88</v>
      </c>
      <c r="AK34003">
        <v>89</v>
      </c>
      <c r="AL34003">
        <v>91</v>
      </c>
      <c r="AM34003">
        <v>92</v>
      </c>
      <c r="AN34003">
        <v>94</v>
      </c>
      <c r="AO34003">
        <v>96</v>
      </c>
      <c r="AP34003">
        <v>97</v>
      </c>
      <c r="AQ34003">
        <v>99</v>
      </c>
    </row>
    <row r="34004" spans="1:43">
      <c r="A34004" t="s">
        <v>21069</v>
      </c>
      <c r="B34004" t="s">
        <v>21070</v>
      </c>
      <c r="C34004" t="s">
        <v>21063</v>
      </c>
      <c r="D34004" t="s">
        <v>21064</v>
      </c>
      <c r="E34004" t="s">
        <v>20989</v>
      </c>
      <c r="F34004" t="s">
        <v>20990</v>
      </c>
      <c r="G34004" t="s">
        <v>20255</v>
      </c>
      <c r="H34004" t="s">
        <v>20256</v>
      </c>
      <c r="I34004" s="2">
        <v>1</v>
      </c>
      <c r="J34004" s="2">
        <v>0</v>
      </c>
      <c r="K34004" s="2">
        <v>0</v>
      </c>
      <c r="L34004" t="s">
        <v>120</v>
      </c>
      <c r="M34004" t="s">
        <v>89</v>
      </c>
      <c r="N34004" t="s">
        <v>90</v>
      </c>
      <c r="O34004" t="s">
        <v>85</v>
      </c>
      <c r="P34004" t="s">
        <v>86</v>
      </c>
      <c r="Q34004">
        <v>62</v>
      </c>
      <c r="R34004">
        <v>65</v>
      </c>
      <c r="S34004">
        <v>67</v>
      </c>
      <c r="T34004">
        <v>69</v>
      </c>
      <c r="U34004">
        <v>72</v>
      </c>
      <c r="V34004">
        <v>74</v>
      </c>
      <c r="W34004">
        <v>76</v>
      </c>
      <c r="X34004">
        <v>79</v>
      </c>
      <c r="Y34004">
        <v>81</v>
      </c>
      <c r="Z34004">
        <v>83</v>
      </c>
      <c r="AA34004">
        <v>86</v>
      </c>
      <c r="AB34004">
        <v>88</v>
      </c>
      <c r="AC34004">
        <v>91</v>
      </c>
      <c r="AD34004">
        <v>93</v>
      </c>
      <c r="AE34004">
        <v>95</v>
      </c>
      <c r="AF34004">
        <v>97</v>
      </c>
      <c r="AG34004">
        <v>98</v>
      </c>
      <c r="AH34004">
        <v>100</v>
      </c>
      <c r="AI34004">
        <v>101</v>
      </c>
      <c r="AJ34004">
        <v>103</v>
      </c>
      <c r="AK34004">
        <v>104</v>
      </c>
      <c r="AL34004">
        <v>106</v>
      </c>
      <c r="AM34004">
        <v>108</v>
      </c>
      <c r="AN34004">
        <v>109</v>
      </c>
      <c r="AO34004">
        <v>111</v>
      </c>
      <c r="AP34004">
        <v>112</v>
      </c>
      <c r="AQ34004">
        <v>114</v>
      </c>
    </row>
    <row r="34005" spans="1:43">
      <c r="A34005" t="s">
        <v>21069</v>
      </c>
      <c r="B34005" t="s">
        <v>21070</v>
      </c>
      <c r="C34005" t="s">
        <v>21063</v>
      </c>
      <c r="D34005" t="s">
        <v>21064</v>
      </c>
      <c r="E34005" t="s">
        <v>20989</v>
      </c>
      <c r="F34005" t="s">
        <v>20990</v>
      </c>
      <c r="G34005" t="s">
        <v>20255</v>
      </c>
      <c r="H34005" t="s">
        <v>20256</v>
      </c>
      <c r="I34005" s="2">
        <v>1</v>
      </c>
      <c r="J34005" s="2">
        <v>0</v>
      </c>
      <c r="K34005" s="2">
        <v>0</v>
      </c>
      <c r="L34005" t="s">
        <v>120</v>
      </c>
      <c r="M34005" t="s">
        <v>83</v>
      </c>
      <c r="N34005" t="s">
        <v>91</v>
      </c>
      <c r="O34005" t="s">
        <v>85</v>
      </c>
      <c r="P34005" t="s">
        <v>86</v>
      </c>
      <c r="Q34005">
        <v>62</v>
      </c>
      <c r="R34005">
        <v>63</v>
      </c>
      <c r="S34005">
        <v>65</v>
      </c>
      <c r="T34005">
        <v>67</v>
      </c>
      <c r="U34005">
        <v>69</v>
      </c>
      <c r="V34005">
        <v>71</v>
      </c>
      <c r="W34005">
        <v>73</v>
      </c>
      <c r="X34005">
        <v>75</v>
      </c>
      <c r="Y34005">
        <v>77</v>
      </c>
      <c r="Z34005">
        <v>79</v>
      </c>
      <c r="AA34005">
        <v>81</v>
      </c>
      <c r="AB34005">
        <v>83</v>
      </c>
      <c r="AC34005">
        <v>85</v>
      </c>
      <c r="AD34005">
        <v>87</v>
      </c>
      <c r="AE34005">
        <v>89</v>
      </c>
      <c r="AF34005">
        <v>91</v>
      </c>
      <c r="AG34005">
        <v>93</v>
      </c>
      <c r="AH34005">
        <v>96</v>
      </c>
      <c r="AI34005">
        <v>98</v>
      </c>
      <c r="AJ34005">
        <v>100</v>
      </c>
      <c r="AK34005">
        <v>103</v>
      </c>
      <c r="AL34005">
        <v>105</v>
      </c>
      <c r="AM34005">
        <v>106</v>
      </c>
      <c r="AN34005">
        <v>108</v>
      </c>
      <c r="AO34005">
        <v>110</v>
      </c>
      <c r="AP34005">
        <v>111</v>
      </c>
      <c r="AQ34005">
        <v>113</v>
      </c>
    </row>
    <row r="34006" spans="1:43">
      <c r="A34006" t="s">
        <v>21071</v>
      </c>
      <c r="B34006" t="s">
        <v>21072</v>
      </c>
      <c r="C34006" t="s">
        <v>21013</v>
      </c>
      <c r="D34006" t="s">
        <v>21014</v>
      </c>
      <c r="E34006" t="s">
        <v>20989</v>
      </c>
      <c r="F34006" t="s">
        <v>20990</v>
      </c>
      <c r="G34006" t="s">
        <v>20255</v>
      </c>
      <c r="H34006" t="s">
        <v>20256</v>
      </c>
      <c r="I34006" s="2">
        <v>1</v>
      </c>
      <c r="J34006" s="2">
        <v>0</v>
      </c>
      <c r="K34006" s="2">
        <v>0</v>
      </c>
      <c r="L34006" t="s">
        <v>120</v>
      </c>
      <c r="M34006" t="s">
        <v>83</v>
      </c>
      <c r="N34006" t="s">
        <v>84</v>
      </c>
      <c r="O34006" t="s">
        <v>85</v>
      </c>
      <c r="P34006" t="s">
        <v>86</v>
      </c>
      <c r="Q34006">
        <v>32</v>
      </c>
      <c r="R34006">
        <v>33</v>
      </c>
      <c r="S34006">
        <v>34</v>
      </c>
      <c r="T34006">
        <v>35</v>
      </c>
      <c r="U34006">
        <v>35</v>
      </c>
      <c r="V34006">
        <v>36</v>
      </c>
      <c r="W34006">
        <v>37</v>
      </c>
      <c r="X34006">
        <v>38</v>
      </c>
      <c r="Y34006">
        <v>39</v>
      </c>
      <c r="Z34006">
        <v>40</v>
      </c>
      <c r="AA34006">
        <v>41</v>
      </c>
      <c r="AB34006">
        <v>43</v>
      </c>
      <c r="AC34006">
        <v>44</v>
      </c>
      <c r="AD34006">
        <v>45</v>
      </c>
      <c r="AE34006">
        <v>46</v>
      </c>
      <c r="AF34006">
        <v>47</v>
      </c>
      <c r="AG34006">
        <v>48</v>
      </c>
      <c r="AH34006">
        <v>49</v>
      </c>
      <c r="AI34006">
        <v>51</v>
      </c>
      <c r="AJ34006">
        <v>52</v>
      </c>
      <c r="AK34006">
        <v>53</v>
      </c>
      <c r="AL34006">
        <v>54</v>
      </c>
      <c r="AM34006">
        <v>55</v>
      </c>
      <c r="AN34006">
        <v>56</v>
      </c>
      <c r="AO34006">
        <v>57</v>
      </c>
      <c r="AP34006">
        <v>58</v>
      </c>
      <c r="AQ34006">
        <v>59</v>
      </c>
    </row>
    <row r="34007" spans="1:43">
      <c r="A34007" t="s">
        <v>21071</v>
      </c>
      <c r="B34007" t="s">
        <v>21072</v>
      </c>
      <c r="C34007" t="s">
        <v>21013</v>
      </c>
      <c r="D34007" t="s">
        <v>21014</v>
      </c>
      <c r="E34007" t="s">
        <v>20989</v>
      </c>
      <c r="F34007" t="s">
        <v>20990</v>
      </c>
      <c r="G34007" t="s">
        <v>20255</v>
      </c>
      <c r="H34007" t="s">
        <v>20256</v>
      </c>
      <c r="I34007" s="2">
        <v>1</v>
      </c>
      <c r="J34007" s="2">
        <v>0</v>
      </c>
      <c r="K34007" s="2">
        <v>0</v>
      </c>
      <c r="L34007" t="s">
        <v>120</v>
      </c>
      <c r="M34007" t="s">
        <v>87</v>
      </c>
      <c r="N34007" t="s">
        <v>88</v>
      </c>
      <c r="O34007" t="s">
        <v>85</v>
      </c>
      <c r="P34007" t="s">
        <v>86</v>
      </c>
      <c r="Q34007">
        <v>32</v>
      </c>
      <c r="R34007">
        <v>33</v>
      </c>
      <c r="S34007">
        <v>34</v>
      </c>
      <c r="T34007">
        <v>34</v>
      </c>
      <c r="U34007">
        <v>35</v>
      </c>
      <c r="V34007">
        <v>36</v>
      </c>
      <c r="W34007">
        <v>36</v>
      </c>
      <c r="X34007">
        <v>37</v>
      </c>
      <c r="Y34007">
        <v>37</v>
      </c>
      <c r="Z34007">
        <v>38</v>
      </c>
      <c r="AA34007">
        <v>39</v>
      </c>
      <c r="AB34007">
        <v>40</v>
      </c>
      <c r="AC34007">
        <v>40</v>
      </c>
      <c r="AD34007">
        <v>41</v>
      </c>
      <c r="AE34007">
        <v>42</v>
      </c>
      <c r="AF34007">
        <v>42</v>
      </c>
      <c r="AG34007">
        <v>43</v>
      </c>
      <c r="AH34007">
        <v>44</v>
      </c>
      <c r="AI34007">
        <v>45</v>
      </c>
      <c r="AJ34007">
        <v>46</v>
      </c>
      <c r="AK34007">
        <v>46</v>
      </c>
      <c r="AL34007">
        <v>47</v>
      </c>
      <c r="AM34007">
        <v>48</v>
      </c>
      <c r="AN34007">
        <v>49</v>
      </c>
      <c r="AO34007">
        <v>50</v>
      </c>
      <c r="AP34007">
        <v>51</v>
      </c>
      <c r="AQ34007">
        <v>52</v>
      </c>
    </row>
    <row r="34008" spans="1:43">
      <c r="A34008" t="s">
        <v>21071</v>
      </c>
      <c r="B34008" t="s">
        <v>21072</v>
      </c>
      <c r="C34008" t="s">
        <v>21013</v>
      </c>
      <c r="D34008" t="s">
        <v>21014</v>
      </c>
      <c r="E34008" t="s">
        <v>20989</v>
      </c>
      <c r="F34008" t="s">
        <v>20990</v>
      </c>
      <c r="G34008" t="s">
        <v>20255</v>
      </c>
      <c r="H34008" t="s">
        <v>20256</v>
      </c>
      <c r="I34008" s="2">
        <v>1</v>
      </c>
      <c r="J34008" s="2">
        <v>0</v>
      </c>
      <c r="K34008" s="2">
        <v>0</v>
      </c>
      <c r="L34008" t="s">
        <v>120</v>
      </c>
      <c r="M34008" t="s">
        <v>89</v>
      </c>
      <c r="N34008" t="s">
        <v>90</v>
      </c>
      <c r="O34008" t="s">
        <v>85</v>
      </c>
      <c r="P34008" t="s">
        <v>86</v>
      </c>
      <c r="Q34008">
        <v>32</v>
      </c>
      <c r="R34008">
        <v>33</v>
      </c>
      <c r="S34008">
        <v>34</v>
      </c>
      <c r="T34008">
        <v>36</v>
      </c>
      <c r="U34008">
        <v>37</v>
      </c>
      <c r="V34008">
        <v>38</v>
      </c>
      <c r="W34008">
        <v>39</v>
      </c>
      <c r="X34008">
        <v>40</v>
      </c>
      <c r="Y34008">
        <v>42</v>
      </c>
      <c r="Z34008">
        <v>43</v>
      </c>
      <c r="AA34008">
        <v>44</v>
      </c>
      <c r="AB34008">
        <v>45</v>
      </c>
      <c r="AC34008">
        <v>47</v>
      </c>
      <c r="AD34008">
        <v>48</v>
      </c>
      <c r="AE34008">
        <v>49</v>
      </c>
      <c r="AF34008">
        <v>50</v>
      </c>
      <c r="AG34008">
        <v>51</v>
      </c>
      <c r="AH34008">
        <v>52</v>
      </c>
      <c r="AI34008">
        <v>52</v>
      </c>
      <c r="AJ34008">
        <v>53</v>
      </c>
      <c r="AK34008">
        <v>54</v>
      </c>
      <c r="AL34008">
        <v>55</v>
      </c>
      <c r="AM34008">
        <v>56</v>
      </c>
      <c r="AN34008">
        <v>57</v>
      </c>
      <c r="AO34008">
        <v>58</v>
      </c>
      <c r="AP34008">
        <v>59</v>
      </c>
      <c r="AQ34008">
        <v>60</v>
      </c>
    </row>
    <row r="34009" spans="1:43">
      <c r="A34009" t="s">
        <v>21071</v>
      </c>
      <c r="B34009" t="s">
        <v>21072</v>
      </c>
      <c r="C34009" t="s">
        <v>21013</v>
      </c>
      <c r="D34009" t="s">
        <v>21014</v>
      </c>
      <c r="E34009" t="s">
        <v>20989</v>
      </c>
      <c r="F34009" t="s">
        <v>20990</v>
      </c>
      <c r="G34009" t="s">
        <v>20255</v>
      </c>
      <c r="H34009" t="s">
        <v>20256</v>
      </c>
      <c r="I34009" s="2">
        <v>1</v>
      </c>
      <c r="J34009" s="2">
        <v>0</v>
      </c>
      <c r="K34009" s="2">
        <v>0</v>
      </c>
      <c r="L34009" t="s">
        <v>120</v>
      </c>
      <c r="M34009" t="s">
        <v>83</v>
      </c>
      <c r="N34009" t="s">
        <v>91</v>
      </c>
      <c r="O34009" t="s">
        <v>85</v>
      </c>
      <c r="P34009" t="s">
        <v>86</v>
      </c>
      <c r="Q34009">
        <v>32</v>
      </c>
      <c r="R34009">
        <v>33</v>
      </c>
      <c r="S34009">
        <v>34</v>
      </c>
      <c r="T34009">
        <v>35</v>
      </c>
      <c r="U34009">
        <v>35</v>
      </c>
      <c r="V34009">
        <v>36</v>
      </c>
      <c r="W34009">
        <v>37</v>
      </c>
      <c r="X34009">
        <v>38</v>
      </c>
      <c r="Y34009">
        <v>39</v>
      </c>
      <c r="Z34009">
        <v>40</v>
      </c>
      <c r="AA34009">
        <v>41</v>
      </c>
      <c r="AB34009">
        <v>43</v>
      </c>
      <c r="AC34009">
        <v>44</v>
      </c>
      <c r="AD34009">
        <v>45</v>
      </c>
      <c r="AE34009">
        <v>46</v>
      </c>
      <c r="AF34009">
        <v>47</v>
      </c>
      <c r="AG34009">
        <v>48</v>
      </c>
      <c r="AH34009">
        <v>49</v>
      </c>
      <c r="AI34009">
        <v>51</v>
      </c>
      <c r="AJ34009">
        <v>52</v>
      </c>
      <c r="AK34009">
        <v>53</v>
      </c>
      <c r="AL34009">
        <v>54</v>
      </c>
      <c r="AM34009">
        <v>55</v>
      </c>
      <c r="AN34009">
        <v>56</v>
      </c>
      <c r="AO34009">
        <v>57</v>
      </c>
      <c r="AP34009">
        <v>58</v>
      </c>
      <c r="AQ34009">
        <v>59</v>
      </c>
    </row>
    <row r="34010" spans="1:43">
      <c r="A34010" t="s">
        <v>21073</v>
      </c>
      <c r="B34010" t="s">
        <v>21074</v>
      </c>
      <c r="C34010" t="s">
        <v>21013</v>
      </c>
      <c r="D34010" t="s">
        <v>21014</v>
      </c>
      <c r="E34010" t="s">
        <v>20989</v>
      </c>
      <c r="F34010" t="s">
        <v>20990</v>
      </c>
      <c r="G34010" t="s">
        <v>20255</v>
      </c>
      <c r="H34010" t="s">
        <v>20256</v>
      </c>
      <c r="I34010" s="2">
        <v>1</v>
      </c>
      <c r="J34010" s="2">
        <v>0</v>
      </c>
      <c r="K34010" s="2">
        <v>0</v>
      </c>
      <c r="L34010" t="s">
        <v>120</v>
      </c>
      <c r="M34010" t="s">
        <v>83</v>
      </c>
      <c r="N34010" t="s">
        <v>84</v>
      </c>
      <c r="O34010" t="s">
        <v>85</v>
      </c>
      <c r="P34010" t="s">
        <v>86</v>
      </c>
      <c r="Q34010">
        <v>91</v>
      </c>
      <c r="R34010">
        <v>93</v>
      </c>
      <c r="S34010">
        <v>96</v>
      </c>
      <c r="T34010">
        <v>99</v>
      </c>
      <c r="U34010">
        <v>101</v>
      </c>
      <c r="V34010">
        <v>104</v>
      </c>
      <c r="W34010">
        <v>107</v>
      </c>
      <c r="X34010">
        <v>110</v>
      </c>
      <c r="Y34010">
        <v>113</v>
      </c>
      <c r="Z34010">
        <v>115</v>
      </c>
      <c r="AA34010">
        <v>118</v>
      </c>
      <c r="AB34010">
        <v>121</v>
      </c>
      <c r="AC34010">
        <v>125</v>
      </c>
      <c r="AD34010">
        <v>128</v>
      </c>
      <c r="AE34010">
        <v>131</v>
      </c>
      <c r="AF34010">
        <v>134</v>
      </c>
      <c r="AG34010">
        <v>138</v>
      </c>
      <c r="AH34010">
        <v>141</v>
      </c>
      <c r="AI34010">
        <v>144</v>
      </c>
      <c r="AJ34010">
        <v>148</v>
      </c>
      <c r="AK34010">
        <v>152</v>
      </c>
      <c r="AL34010">
        <v>154</v>
      </c>
      <c r="AM34010">
        <v>157</v>
      </c>
      <c r="AN34010">
        <v>160</v>
      </c>
      <c r="AO34010">
        <v>162</v>
      </c>
      <c r="AP34010">
        <v>165</v>
      </c>
      <c r="AQ34010">
        <v>168</v>
      </c>
    </row>
    <row r="34011" spans="1:43">
      <c r="A34011" t="s">
        <v>21073</v>
      </c>
      <c r="B34011" t="s">
        <v>21074</v>
      </c>
      <c r="C34011" t="s">
        <v>21013</v>
      </c>
      <c r="D34011" t="s">
        <v>21014</v>
      </c>
      <c r="E34011" t="s">
        <v>20989</v>
      </c>
      <c r="F34011" t="s">
        <v>20990</v>
      </c>
      <c r="G34011" t="s">
        <v>20255</v>
      </c>
      <c r="H34011" t="s">
        <v>20256</v>
      </c>
      <c r="I34011" s="2">
        <v>1</v>
      </c>
      <c r="J34011" s="2">
        <v>0</v>
      </c>
      <c r="K34011" s="2">
        <v>0</v>
      </c>
      <c r="L34011" t="s">
        <v>120</v>
      </c>
      <c r="M34011" t="s">
        <v>87</v>
      </c>
      <c r="N34011" t="s">
        <v>88</v>
      </c>
      <c r="O34011" t="s">
        <v>85</v>
      </c>
      <c r="P34011" t="s">
        <v>86</v>
      </c>
      <c r="Q34011">
        <v>91</v>
      </c>
      <c r="R34011">
        <v>92</v>
      </c>
      <c r="S34011">
        <v>94</v>
      </c>
      <c r="T34011">
        <v>96</v>
      </c>
      <c r="U34011">
        <v>98</v>
      </c>
      <c r="V34011">
        <v>100</v>
      </c>
      <c r="W34011">
        <v>101</v>
      </c>
      <c r="X34011">
        <v>103</v>
      </c>
      <c r="Y34011">
        <v>105</v>
      </c>
      <c r="Z34011">
        <v>107</v>
      </c>
      <c r="AA34011">
        <v>109</v>
      </c>
      <c r="AB34011">
        <v>111</v>
      </c>
      <c r="AC34011">
        <v>113</v>
      </c>
      <c r="AD34011">
        <v>115</v>
      </c>
      <c r="AE34011">
        <v>117</v>
      </c>
      <c r="AF34011">
        <v>119</v>
      </c>
      <c r="AG34011">
        <v>121</v>
      </c>
      <c r="AH34011">
        <v>124</v>
      </c>
      <c r="AI34011">
        <v>126</v>
      </c>
      <c r="AJ34011">
        <v>128</v>
      </c>
      <c r="AK34011">
        <v>130</v>
      </c>
      <c r="AL34011">
        <v>133</v>
      </c>
      <c r="AM34011">
        <v>135</v>
      </c>
      <c r="AN34011">
        <v>138</v>
      </c>
      <c r="AO34011">
        <v>140</v>
      </c>
      <c r="AP34011">
        <v>143</v>
      </c>
      <c r="AQ34011">
        <v>145</v>
      </c>
    </row>
    <row r="34012" spans="1:43">
      <c r="A34012" t="s">
        <v>21073</v>
      </c>
      <c r="B34012" t="s">
        <v>21074</v>
      </c>
      <c r="C34012" t="s">
        <v>21013</v>
      </c>
      <c r="D34012" t="s">
        <v>21014</v>
      </c>
      <c r="E34012" t="s">
        <v>20989</v>
      </c>
      <c r="F34012" t="s">
        <v>20990</v>
      </c>
      <c r="G34012" t="s">
        <v>20255</v>
      </c>
      <c r="H34012" t="s">
        <v>20256</v>
      </c>
      <c r="I34012" s="2">
        <v>1</v>
      </c>
      <c r="J34012" s="2">
        <v>0</v>
      </c>
      <c r="K34012" s="2">
        <v>0</v>
      </c>
      <c r="L34012" t="s">
        <v>120</v>
      </c>
      <c r="M34012" t="s">
        <v>89</v>
      </c>
      <c r="N34012" t="s">
        <v>90</v>
      </c>
      <c r="O34012" t="s">
        <v>85</v>
      </c>
      <c r="P34012" t="s">
        <v>86</v>
      </c>
      <c r="Q34012">
        <v>91</v>
      </c>
      <c r="R34012">
        <v>95</v>
      </c>
      <c r="S34012">
        <v>98</v>
      </c>
      <c r="T34012">
        <v>102</v>
      </c>
      <c r="U34012">
        <v>105</v>
      </c>
      <c r="V34012">
        <v>109</v>
      </c>
      <c r="W34012">
        <v>112</v>
      </c>
      <c r="X34012">
        <v>116</v>
      </c>
      <c r="Y34012">
        <v>119</v>
      </c>
      <c r="Z34012">
        <v>123</v>
      </c>
      <c r="AA34012">
        <v>126</v>
      </c>
      <c r="AB34012">
        <v>130</v>
      </c>
      <c r="AC34012">
        <v>133</v>
      </c>
      <c r="AD34012">
        <v>137</v>
      </c>
      <c r="AE34012">
        <v>140</v>
      </c>
      <c r="AF34012">
        <v>143</v>
      </c>
      <c r="AG34012">
        <v>145</v>
      </c>
      <c r="AH34012">
        <v>147</v>
      </c>
      <c r="AI34012">
        <v>150</v>
      </c>
      <c r="AJ34012">
        <v>152</v>
      </c>
      <c r="AK34012">
        <v>155</v>
      </c>
      <c r="AL34012">
        <v>157</v>
      </c>
      <c r="AM34012">
        <v>160</v>
      </c>
      <c r="AN34012">
        <v>162</v>
      </c>
      <c r="AO34012">
        <v>165</v>
      </c>
      <c r="AP34012">
        <v>168</v>
      </c>
      <c r="AQ34012">
        <v>170</v>
      </c>
    </row>
    <row r="34013" spans="1:43">
      <c r="A34013" t="s">
        <v>21073</v>
      </c>
      <c r="B34013" t="s">
        <v>21074</v>
      </c>
      <c r="C34013" t="s">
        <v>21013</v>
      </c>
      <c r="D34013" t="s">
        <v>21014</v>
      </c>
      <c r="E34013" t="s">
        <v>20989</v>
      </c>
      <c r="F34013" t="s">
        <v>20990</v>
      </c>
      <c r="G34013" t="s">
        <v>20255</v>
      </c>
      <c r="H34013" t="s">
        <v>20256</v>
      </c>
      <c r="I34013" s="2">
        <v>1</v>
      </c>
      <c r="J34013" s="2">
        <v>0</v>
      </c>
      <c r="K34013" s="2">
        <v>0</v>
      </c>
      <c r="L34013" t="s">
        <v>120</v>
      </c>
      <c r="M34013" t="s">
        <v>83</v>
      </c>
      <c r="N34013" t="s">
        <v>91</v>
      </c>
      <c r="O34013" t="s">
        <v>85</v>
      </c>
      <c r="P34013" t="s">
        <v>86</v>
      </c>
      <c r="Q34013">
        <v>91</v>
      </c>
      <c r="R34013">
        <v>93</v>
      </c>
      <c r="S34013">
        <v>96</v>
      </c>
      <c r="T34013">
        <v>99</v>
      </c>
      <c r="U34013">
        <v>101</v>
      </c>
      <c r="V34013">
        <v>104</v>
      </c>
      <c r="W34013">
        <v>107</v>
      </c>
      <c r="X34013">
        <v>110</v>
      </c>
      <c r="Y34013">
        <v>113</v>
      </c>
      <c r="Z34013">
        <v>115</v>
      </c>
      <c r="AA34013">
        <v>118</v>
      </c>
      <c r="AB34013">
        <v>121</v>
      </c>
      <c r="AC34013">
        <v>125</v>
      </c>
      <c r="AD34013">
        <v>128</v>
      </c>
      <c r="AE34013">
        <v>131</v>
      </c>
      <c r="AF34013">
        <v>134</v>
      </c>
      <c r="AG34013">
        <v>138</v>
      </c>
      <c r="AH34013">
        <v>141</v>
      </c>
      <c r="AI34013">
        <v>144</v>
      </c>
      <c r="AJ34013">
        <v>148</v>
      </c>
      <c r="AK34013">
        <v>152</v>
      </c>
      <c r="AL34013">
        <v>154</v>
      </c>
      <c r="AM34013">
        <v>157</v>
      </c>
      <c r="AN34013">
        <v>160</v>
      </c>
      <c r="AO34013">
        <v>162</v>
      </c>
      <c r="AP34013">
        <v>165</v>
      </c>
      <c r="AQ34013">
        <v>168</v>
      </c>
    </row>
    <row r="34014" spans="1:43">
      <c r="A34014" t="s">
        <v>21075</v>
      </c>
      <c r="B34014" t="s">
        <v>21076</v>
      </c>
      <c r="C34014" t="s">
        <v>21013</v>
      </c>
      <c r="D34014" t="s">
        <v>21014</v>
      </c>
      <c r="E34014" t="s">
        <v>20989</v>
      </c>
      <c r="F34014" t="s">
        <v>20990</v>
      </c>
      <c r="G34014" t="s">
        <v>20255</v>
      </c>
      <c r="H34014" t="s">
        <v>20256</v>
      </c>
      <c r="I34014" s="2">
        <v>1</v>
      </c>
      <c r="J34014" s="2">
        <v>0</v>
      </c>
      <c r="K34014" s="2">
        <v>0</v>
      </c>
      <c r="L34014" t="s">
        <v>120</v>
      </c>
      <c r="M34014" t="s">
        <v>83</v>
      </c>
      <c r="N34014" t="s">
        <v>84</v>
      </c>
      <c r="O34014" t="s">
        <v>85</v>
      </c>
      <c r="P34014" t="s">
        <v>86</v>
      </c>
      <c r="Q34014">
        <v>42</v>
      </c>
      <c r="R34014">
        <v>43</v>
      </c>
      <c r="S34014">
        <v>44</v>
      </c>
      <c r="T34014">
        <v>44</v>
      </c>
      <c r="U34014">
        <v>45</v>
      </c>
      <c r="V34014">
        <v>46</v>
      </c>
      <c r="W34014">
        <v>46</v>
      </c>
      <c r="X34014">
        <v>47</v>
      </c>
      <c r="Y34014">
        <v>48</v>
      </c>
      <c r="Z34014">
        <v>48</v>
      </c>
      <c r="AA34014">
        <v>49</v>
      </c>
      <c r="AB34014">
        <v>50</v>
      </c>
      <c r="AC34014">
        <v>50</v>
      </c>
      <c r="AD34014">
        <v>51</v>
      </c>
      <c r="AE34014">
        <v>52</v>
      </c>
      <c r="AF34014">
        <v>53</v>
      </c>
      <c r="AG34014">
        <v>53</v>
      </c>
      <c r="AH34014">
        <v>54</v>
      </c>
      <c r="AI34014">
        <v>55</v>
      </c>
      <c r="AJ34014">
        <v>55</v>
      </c>
      <c r="AK34014">
        <v>56</v>
      </c>
      <c r="AL34014">
        <v>56</v>
      </c>
      <c r="AM34014">
        <v>57</v>
      </c>
      <c r="AN34014">
        <v>57</v>
      </c>
      <c r="AO34014">
        <v>57</v>
      </c>
      <c r="AP34014">
        <v>58</v>
      </c>
      <c r="AQ34014">
        <v>58</v>
      </c>
    </row>
    <row r="34015" spans="1:43">
      <c r="A34015" t="s">
        <v>21075</v>
      </c>
      <c r="B34015" t="s">
        <v>21076</v>
      </c>
      <c r="C34015" t="s">
        <v>21013</v>
      </c>
      <c r="D34015" t="s">
        <v>21014</v>
      </c>
      <c r="E34015" t="s">
        <v>20989</v>
      </c>
      <c r="F34015" t="s">
        <v>20990</v>
      </c>
      <c r="G34015" t="s">
        <v>20255</v>
      </c>
      <c r="H34015" t="s">
        <v>20256</v>
      </c>
      <c r="I34015" s="2">
        <v>1</v>
      </c>
      <c r="J34015" s="2">
        <v>0</v>
      </c>
      <c r="K34015" s="2">
        <v>0</v>
      </c>
      <c r="L34015" t="s">
        <v>120</v>
      </c>
      <c r="M34015" t="s">
        <v>87</v>
      </c>
      <c r="N34015" t="s">
        <v>88</v>
      </c>
      <c r="O34015" t="s">
        <v>85</v>
      </c>
      <c r="P34015" t="s">
        <v>86</v>
      </c>
      <c r="Q34015">
        <v>42</v>
      </c>
      <c r="R34015">
        <v>42</v>
      </c>
      <c r="S34015">
        <v>43</v>
      </c>
      <c r="T34015">
        <v>43</v>
      </c>
      <c r="U34015">
        <v>43</v>
      </c>
      <c r="V34015">
        <v>43</v>
      </c>
      <c r="W34015">
        <v>44</v>
      </c>
      <c r="X34015">
        <v>44</v>
      </c>
      <c r="Y34015">
        <v>44</v>
      </c>
      <c r="Z34015">
        <v>44</v>
      </c>
      <c r="AA34015">
        <v>45</v>
      </c>
      <c r="AB34015">
        <v>45</v>
      </c>
      <c r="AC34015">
        <v>45</v>
      </c>
      <c r="AD34015">
        <v>46</v>
      </c>
      <c r="AE34015">
        <v>46</v>
      </c>
      <c r="AF34015">
        <v>46</v>
      </c>
      <c r="AG34015">
        <v>47</v>
      </c>
      <c r="AH34015">
        <v>47</v>
      </c>
      <c r="AI34015">
        <v>47</v>
      </c>
      <c r="AJ34015">
        <v>48</v>
      </c>
      <c r="AK34015">
        <v>48</v>
      </c>
      <c r="AL34015">
        <v>48</v>
      </c>
      <c r="AM34015">
        <v>49</v>
      </c>
      <c r="AN34015">
        <v>49</v>
      </c>
      <c r="AO34015">
        <v>49</v>
      </c>
      <c r="AP34015">
        <v>50</v>
      </c>
      <c r="AQ34015">
        <v>50</v>
      </c>
    </row>
    <row r="34016" spans="1:43">
      <c r="A34016" t="s">
        <v>21075</v>
      </c>
      <c r="B34016" t="s">
        <v>21076</v>
      </c>
      <c r="C34016" t="s">
        <v>21013</v>
      </c>
      <c r="D34016" t="s">
        <v>21014</v>
      </c>
      <c r="E34016" t="s">
        <v>20989</v>
      </c>
      <c r="F34016" t="s">
        <v>20990</v>
      </c>
      <c r="G34016" t="s">
        <v>20255</v>
      </c>
      <c r="H34016" t="s">
        <v>20256</v>
      </c>
      <c r="I34016" s="2">
        <v>1</v>
      </c>
      <c r="J34016" s="2">
        <v>0</v>
      </c>
      <c r="K34016" s="2">
        <v>0</v>
      </c>
      <c r="L34016" t="s">
        <v>120</v>
      </c>
      <c r="M34016" t="s">
        <v>89</v>
      </c>
      <c r="N34016" t="s">
        <v>90</v>
      </c>
      <c r="O34016" t="s">
        <v>85</v>
      </c>
      <c r="P34016" t="s">
        <v>86</v>
      </c>
      <c r="Q34016">
        <v>42</v>
      </c>
      <c r="R34016">
        <v>43</v>
      </c>
      <c r="S34016">
        <v>44</v>
      </c>
      <c r="T34016">
        <v>45</v>
      </c>
      <c r="U34016">
        <v>46</v>
      </c>
      <c r="V34016">
        <v>47</v>
      </c>
      <c r="W34016">
        <v>48</v>
      </c>
      <c r="X34016">
        <v>49</v>
      </c>
      <c r="Y34016">
        <v>50</v>
      </c>
      <c r="Z34016">
        <v>50</v>
      </c>
      <c r="AA34016">
        <v>51</v>
      </c>
      <c r="AB34016">
        <v>52</v>
      </c>
      <c r="AC34016">
        <v>53</v>
      </c>
      <c r="AD34016">
        <v>54</v>
      </c>
      <c r="AE34016">
        <v>55</v>
      </c>
      <c r="AF34016">
        <v>55</v>
      </c>
      <c r="AG34016">
        <v>55</v>
      </c>
      <c r="AH34016">
        <v>55</v>
      </c>
      <c r="AI34016">
        <v>56</v>
      </c>
      <c r="AJ34016">
        <v>56</v>
      </c>
      <c r="AK34016">
        <v>56</v>
      </c>
      <c r="AL34016">
        <v>56</v>
      </c>
      <c r="AM34016">
        <v>57</v>
      </c>
      <c r="AN34016">
        <v>57</v>
      </c>
      <c r="AO34016">
        <v>57</v>
      </c>
      <c r="AP34016">
        <v>58</v>
      </c>
      <c r="AQ34016">
        <v>58</v>
      </c>
    </row>
    <row r="34017" spans="1:43">
      <c r="A34017" t="s">
        <v>21075</v>
      </c>
      <c r="B34017" t="s">
        <v>21076</v>
      </c>
      <c r="C34017" t="s">
        <v>21013</v>
      </c>
      <c r="D34017" t="s">
        <v>21014</v>
      </c>
      <c r="E34017" t="s">
        <v>20989</v>
      </c>
      <c r="F34017" t="s">
        <v>20990</v>
      </c>
      <c r="G34017" t="s">
        <v>20255</v>
      </c>
      <c r="H34017" t="s">
        <v>20256</v>
      </c>
      <c r="I34017" s="2">
        <v>1</v>
      </c>
      <c r="J34017" s="2">
        <v>0</v>
      </c>
      <c r="K34017" s="2">
        <v>0</v>
      </c>
      <c r="L34017" t="s">
        <v>120</v>
      </c>
      <c r="M34017" t="s">
        <v>83</v>
      </c>
      <c r="N34017" t="s">
        <v>91</v>
      </c>
      <c r="O34017" t="s">
        <v>85</v>
      </c>
      <c r="P34017" t="s">
        <v>86</v>
      </c>
      <c r="Q34017">
        <v>42</v>
      </c>
      <c r="R34017">
        <v>43</v>
      </c>
      <c r="S34017">
        <v>44</v>
      </c>
      <c r="T34017">
        <v>44</v>
      </c>
      <c r="U34017">
        <v>45</v>
      </c>
      <c r="V34017">
        <v>46</v>
      </c>
      <c r="W34017">
        <v>46</v>
      </c>
      <c r="X34017">
        <v>47</v>
      </c>
      <c r="Y34017">
        <v>48</v>
      </c>
      <c r="Z34017">
        <v>48</v>
      </c>
      <c r="AA34017">
        <v>49</v>
      </c>
      <c r="AB34017">
        <v>50</v>
      </c>
      <c r="AC34017">
        <v>50</v>
      </c>
      <c r="AD34017">
        <v>51</v>
      </c>
      <c r="AE34017">
        <v>52</v>
      </c>
      <c r="AF34017">
        <v>53</v>
      </c>
      <c r="AG34017">
        <v>53</v>
      </c>
      <c r="AH34017">
        <v>54</v>
      </c>
      <c r="AI34017">
        <v>55</v>
      </c>
      <c r="AJ34017">
        <v>55</v>
      </c>
      <c r="AK34017">
        <v>56</v>
      </c>
      <c r="AL34017">
        <v>56</v>
      </c>
      <c r="AM34017">
        <v>57</v>
      </c>
      <c r="AN34017">
        <v>57</v>
      </c>
      <c r="AO34017">
        <v>57</v>
      </c>
      <c r="AP34017">
        <v>58</v>
      </c>
      <c r="AQ34017">
        <v>58</v>
      </c>
    </row>
    <row r="34018" spans="1:43">
      <c r="A34018" t="s">
        <v>21077</v>
      </c>
      <c r="B34018" t="s">
        <v>21078</v>
      </c>
      <c r="C34018" t="s">
        <v>21079</v>
      </c>
      <c r="D34018" t="s">
        <v>21080</v>
      </c>
      <c r="E34018" t="s">
        <v>20989</v>
      </c>
      <c r="F34018" t="s">
        <v>20990</v>
      </c>
      <c r="G34018" t="s">
        <v>20255</v>
      </c>
      <c r="H34018" t="s">
        <v>20256</v>
      </c>
      <c r="I34018" s="2">
        <v>1</v>
      </c>
      <c r="J34018" s="2">
        <v>0</v>
      </c>
      <c r="K34018" s="2">
        <v>0</v>
      </c>
      <c r="L34018" t="s">
        <v>120</v>
      </c>
      <c r="M34018" t="s">
        <v>83</v>
      </c>
      <c r="N34018" t="s">
        <v>84</v>
      </c>
      <c r="O34018" t="s">
        <v>85</v>
      </c>
      <c r="P34018" t="s">
        <v>86</v>
      </c>
      <c r="Q34018">
        <v>41</v>
      </c>
      <c r="R34018">
        <v>42</v>
      </c>
      <c r="S34018">
        <v>43</v>
      </c>
      <c r="T34018">
        <v>45</v>
      </c>
      <c r="U34018">
        <v>46</v>
      </c>
      <c r="V34018">
        <v>47</v>
      </c>
      <c r="W34018">
        <v>48</v>
      </c>
      <c r="X34018">
        <v>50</v>
      </c>
      <c r="Y34018">
        <v>51</v>
      </c>
      <c r="Z34018">
        <v>52</v>
      </c>
      <c r="AA34018">
        <v>54</v>
      </c>
      <c r="AB34018">
        <v>55</v>
      </c>
      <c r="AC34018">
        <v>56</v>
      </c>
      <c r="AD34018">
        <v>58</v>
      </c>
      <c r="AE34018">
        <v>59</v>
      </c>
      <c r="AF34018">
        <v>61</v>
      </c>
      <c r="AG34018">
        <v>62</v>
      </c>
      <c r="AH34018">
        <v>64</v>
      </c>
      <c r="AI34018">
        <v>65</v>
      </c>
      <c r="AJ34018">
        <v>67</v>
      </c>
      <c r="AK34018">
        <v>69</v>
      </c>
      <c r="AL34018">
        <v>70</v>
      </c>
      <c r="AM34018">
        <v>71</v>
      </c>
      <c r="AN34018">
        <v>72</v>
      </c>
      <c r="AO34018">
        <v>73</v>
      </c>
      <c r="AP34018">
        <v>74</v>
      </c>
      <c r="AQ34018">
        <v>76</v>
      </c>
    </row>
    <row r="34019" spans="1:43">
      <c r="A34019" t="s">
        <v>21077</v>
      </c>
      <c r="B34019" t="s">
        <v>21078</v>
      </c>
      <c r="C34019" t="s">
        <v>21079</v>
      </c>
      <c r="D34019" t="s">
        <v>21080</v>
      </c>
      <c r="E34019" t="s">
        <v>20989</v>
      </c>
      <c r="F34019" t="s">
        <v>20990</v>
      </c>
      <c r="G34019" t="s">
        <v>20255</v>
      </c>
      <c r="H34019" t="s">
        <v>20256</v>
      </c>
      <c r="I34019" s="2">
        <v>1</v>
      </c>
      <c r="J34019" s="2">
        <v>0</v>
      </c>
      <c r="K34019" s="2">
        <v>0</v>
      </c>
      <c r="L34019" t="s">
        <v>120</v>
      </c>
      <c r="M34019" t="s">
        <v>87</v>
      </c>
      <c r="N34019" t="s">
        <v>88</v>
      </c>
      <c r="O34019" t="s">
        <v>85</v>
      </c>
      <c r="P34019" t="s">
        <v>86</v>
      </c>
      <c r="Q34019">
        <v>41</v>
      </c>
      <c r="R34019">
        <v>41</v>
      </c>
      <c r="S34019">
        <v>42</v>
      </c>
      <c r="T34019">
        <v>43</v>
      </c>
      <c r="U34019">
        <v>44</v>
      </c>
      <c r="V34019">
        <v>45</v>
      </c>
      <c r="W34019">
        <v>45</v>
      </c>
      <c r="X34019">
        <v>46</v>
      </c>
      <c r="Y34019">
        <v>47</v>
      </c>
      <c r="Z34019">
        <v>48</v>
      </c>
      <c r="AA34019">
        <v>49</v>
      </c>
      <c r="AB34019">
        <v>50</v>
      </c>
      <c r="AC34019">
        <v>51</v>
      </c>
      <c r="AD34019">
        <v>52</v>
      </c>
      <c r="AE34019">
        <v>53</v>
      </c>
      <c r="AF34019">
        <v>54</v>
      </c>
      <c r="AG34019">
        <v>55</v>
      </c>
      <c r="AH34019">
        <v>56</v>
      </c>
      <c r="AI34019">
        <v>57</v>
      </c>
      <c r="AJ34019">
        <v>58</v>
      </c>
      <c r="AK34019">
        <v>59</v>
      </c>
      <c r="AL34019">
        <v>60</v>
      </c>
      <c r="AM34019">
        <v>61</v>
      </c>
      <c r="AN34019">
        <v>62</v>
      </c>
      <c r="AO34019">
        <v>63</v>
      </c>
      <c r="AP34019">
        <v>64</v>
      </c>
      <c r="AQ34019">
        <v>65</v>
      </c>
    </row>
    <row r="34020" spans="1:43">
      <c r="A34020" t="s">
        <v>21077</v>
      </c>
      <c r="B34020" t="s">
        <v>21078</v>
      </c>
      <c r="C34020" t="s">
        <v>21079</v>
      </c>
      <c r="D34020" t="s">
        <v>21080</v>
      </c>
      <c r="E34020" t="s">
        <v>20989</v>
      </c>
      <c r="F34020" t="s">
        <v>20990</v>
      </c>
      <c r="G34020" t="s">
        <v>20255</v>
      </c>
      <c r="H34020" t="s">
        <v>20256</v>
      </c>
      <c r="I34020" s="2">
        <v>1</v>
      </c>
      <c r="J34020" s="2">
        <v>0</v>
      </c>
      <c r="K34020" s="2">
        <v>0</v>
      </c>
      <c r="L34020" t="s">
        <v>120</v>
      </c>
      <c r="M34020" t="s">
        <v>89</v>
      </c>
      <c r="N34020" t="s">
        <v>90</v>
      </c>
      <c r="O34020" t="s">
        <v>85</v>
      </c>
      <c r="P34020" t="s">
        <v>86</v>
      </c>
      <c r="Q34020">
        <v>41</v>
      </c>
      <c r="R34020">
        <v>43</v>
      </c>
      <c r="S34020">
        <v>45</v>
      </c>
      <c r="T34020">
        <v>46</v>
      </c>
      <c r="U34020">
        <v>48</v>
      </c>
      <c r="V34020">
        <v>49</v>
      </c>
      <c r="W34020">
        <v>51</v>
      </c>
      <c r="X34020">
        <v>52</v>
      </c>
      <c r="Y34020">
        <v>54</v>
      </c>
      <c r="Z34020">
        <v>56</v>
      </c>
      <c r="AA34020">
        <v>57</v>
      </c>
      <c r="AB34020">
        <v>59</v>
      </c>
      <c r="AC34020">
        <v>60</v>
      </c>
      <c r="AD34020">
        <v>62</v>
      </c>
      <c r="AE34020">
        <v>64</v>
      </c>
      <c r="AF34020">
        <v>65</v>
      </c>
      <c r="AG34020">
        <v>66</v>
      </c>
      <c r="AH34020">
        <v>67</v>
      </c>
      <c r="AI34020">
        <v>68</v>
      </c>
      <c r="AJ34020">
        <v>69</v>
      </c>
      <c r="AK34020">
        <v>70</v>
      </c>
      <c r="AL34020">
        <v>71</v>
      </c>
      <c r="AM34020">
        <v>72</v>
      </c>
      <c r="AN34020">
        <v>73</v>
      </c>
      <c r="AO34020">
        <v>74</v>
      </c>
      <c r="AP34020">
        <v>75</v>
      </c>
      <c r="AQ34020">
        <v>76</v>
      </c>
    </row>
    <row r="34021" spans="1:43">
      <c r="A34021" t="s">
        <v>21077</v>
      </c>
      <c r="B34021" t="s">
        <v>21078</v>
      </c>
      <c r="C34021" t="s">
        <v>21079</v>
      </c>
      <c r="D34021" t="s">
        <v>21080</v>
      </c>
      <c r="E34021" t="s">
        <v>20989</v>
      </c>
      <c r="F34021" t="s">
        <v>20990</v>
      </c>
      <c r="G34021" t="s">
        <v>20255</v>
      </c>
      <c r="H34021" t="s">
        <v>20256</v>
      </c>
      <c r="I34021" s="2">
        <v>1</v>
      </c>
      <c r="J34021" s="2">
        <v>0</v>
      </c>
      <c r="K34021" s="2">
        <v>0</v>
      </c>
      <c r="L34021" t="s">
        <v>120</v>
      </c>
      <c r="M34021" t="s">
        <v>83</v>
      </c>
      <c r="N34021" t="s">
        <v>91</v>
      </c>
      <c r="O34021" t="s">
        <v>85</v>
      </c>
      <c r="P34021" t="s">
        <v>86</v>
      </c>
      <c r="Q34021">
        <v>41</v>
      </c>
      <c r="R34021">
        <v>42</v>
      </c>
      <c r="S34021">
        <v>43</v>
      </c>
      <c r="T34021">
        <v>45</v>
      </c>
      <c r="U34021">
        <v>46</v>
      </c>
      <c r="V34021">
        <v>47</v>
      </c>
      <c r="W34021">
        <v>48</v>
      </c>
      <c r="X34021">
        <v>50</v>
      </c>
      <c r="Y34021">
        <v>51</v>
      </c>
      <c r="Z34021">
        <v>52</v>
      </c>
      <c r="AA34021">
        <v>54</v>
      </c>
      <c r="AB34021">
        <v>55</v>
      </c>
      <c r="AC34021">
        <v>56</v>
      </c>
      <c r="AD34021">
        <v>58</v>
      </c>
      <c r="AE34021">
        <v>59</v>
      </c>
      <c r="AF34021">
        <v>61</v>
      </c>
      <c r="AG34021">
        <v>62</v>
      </c>
      <c r="AH34021">
        <v>64</v>
      </c>
      <c r="AI34021">
        <v>65</v>
      </c>
      <c r="AJ34021">
        <v>67</v>
      </c>
      <c r="AK34021">
        <v>69</v>
      </c>
      <c r="AL34021">
        <v>70</v>
      </c>
      <c r="AM34021">
        <v>71</v>
      </c>
      <c r="AN34021">
        <v>72</v>
      </c>
      <c r="AO34021">
        <v>73</v>
      </c>
      <c r="AP34021">
        <v>74</v>
      </c>
      <c r="AQ34021">
        <v>76</v>
      </c>
    </row>
    <row r="34022" spans="1:43">
      <c r="A34022" t="s">
        <v>21081</v>
      </c>
      <c r="B34022" t="s">
        <v>21082</v>
      </c>
      <c r="C34022" t="s">
        <v>21017</v>
      </c>
      <c r="D34022" t="s">
        <v>21018</v>
      </c>
      <c r="E34022" t="s">
        <v>20989</v>
      </c>
      <c r="F34022" t="s">
        <v>20990</v>
      </c>
      <c r="G34022" t="s">
        <v>20255</v>
      </c>
      <c r="H34022" t="s">
        <v>20256</v>
      </c>
      <c r="I34022" s="2">
        <v>1</v>
      </c>
      <c r="J34022" s="2">
        <v>0</v>
      </c>
      <c r="K34022" s="2">
        <v>0</v>
      </c>
      <c r="L34022" t="s">
        <v>120</v>
      </c>
      <c r="M34022" t="s">
        <v>83</v>
      </c>
      <c r="N34022" t="s">
        <v>84</v>
      </c>
      <c r="O34022" t="s">
        <v>85</v>
      </c>
      <c r="P34022" t="s">
        <v>86</v>
      </c>
      <c r="Q34022">
        <v>27</v>
      </c>
      <c r="R34022">
        <v>28</v>
      </c>
      <c r="S34022">
        <v>28</v>
      </c>
      <c r="T34022">
        <v>29</v>
      </c>
      <c r="U34022">
        <v>30</v>
      </c>
      <c r="V34022">
        <v>31</v>
      </c>
      <c r="W34022">
        <v>31</v>
      </c>
      <c r="X34022">
        <v>32</v>
      </c>
      <c r="Y34022">
        <v>33</v>
      </c>
      <c r="Z34022">
        <v>34</v>
      </c>
      <c r="AA34022">
        <v>35</v>
      </c>
      <c r="AB34022">
        <v>35</v>
      </c>
      <c r="AC34022">
        <v>36</v>
      </c>
      <c r="AD34022">
        <v>37</v>
      </c>
      <c r="AE34022">
        <v>38</v>
      </c>
      <c r="AF34022">
        <v>39</v>
      </c>
      <c r="AG34022">
        <v>40</v>
      </c>
      <c r="AH34022">
        <v>41</v>
      </c>
      <c r="AI34022">
        <v>41</v>
      </c>
      <c r="AJ34022">
        <v>42</v>
      </c>
      <c r="AK34022">
        <v>43</v>
      </c>
      <c r="AL34022">
        <v>44</v>
      </c>
      <c r="AM34022">
        <v>45</v>
      </c>
      <c r="AN34022">
        <v>45</v>
      </c>
      <c r="AO34022">
        <v>46</v>
      </c>
      <c r="AP34022">
        <v>46</v>
      </c>
      <c r="AQ34022">
        <v>47</v>
      </c>
    </row>
    <row r="34023" spans="1:43">
      <c r="A34023" t="s">
        <v>21081</v>
      </c>
      <c r="B34023" t="s">
        <v>21082</v>
      </c>
      <c r="C34023" t="s">
        <v>21017</v>
      </c>
      <c r="D34023" t="s">
        <v>21018</v>
      </c>
      <c r="E34023" t="s">
        <v>20989</v>
      </c>
      <c r="F34023" t="s">
        <v>20990</v>
      </c>
      <c r="G34023" t="s">
        <v>20255</v>
      </c>
      <c r="H34023" t="s">
        <v>20256</v>
      </c>
      <c r="I34023" s="2">
        <v>1</v>
      </c>
      <c r="J34023" s="2">
        <v>0</v>
      </c>
      <c r="K34023" s="2">
        <v>0</v>
      </c>
      <c r="L34023" t="s">
        <v>120</v>
      </c>
      <c r="M34023" t="s">
        <v>87</v>
      </c>
      <c r="N34023" t="s">
        <v>88</v>
      </c>
      <c r="O34023" t="s">
        <v>85</v>
      </c>
      <c r="P34023" t="s">
        <v>86</v>
      </c>
      <c r="Q34023">
        <v>27</v>
      </c>
      <c r="R34023">
        <v>27</v>
      </c>
      <c r="S34023">
        <v>28</v>
      </c>
      <c r="T34023">
        <v>28</v>
      </c>
      <c r="U34023">
        <v>29</v>
      </c>
      <c r="V34023">
        <v>29</v>
      </c>
      <c r="W34023">
        <v>30</v>
      </c>
      <c r="X34023">
        <v>30</v>
      </c>
      <c r="Y34023">
        <v>30</v>
      </c>
      <c r="Z34023">
        <v>31</v>
      </c>
      <c r="AA34023">
        <v>31</v>
      </c>
      <c r="AB34023">
        <v>32</v>
      </c>
      <c r="AC34023">
        <v>33</v>
      </c>
      <c r="AD34023">
        <v>33</v>
      </c>
      <c r="AE34023">
        <v>34</v>
      </c>
      <c r="AF34023">
        <v>34</v>
      </c>
      <c r="AG34023">
        <v>35</v>
      </c>
      <c r="AH34023">
        <v>35</v>
      </c>
      <c r="AI34023">
        <v>36</v>
      </c>
      <c r="AJ34023">
        <v>36</v>
      </c>
      <c r="AK34023">
        <v>37</v>
      </c>
      <c r="AL34023">
        <v>38</v>
      </c>
      <c r="AM34023">
        <v>38</v>
      </c>
      <c r="AN34023">
        <v>39</v>
      </c>
      <c r="AO34023">
        <v>40</v>
      </c>
      <c r="AP34023">
        <v>40</v>
      </c>
      <c r="AQ34023">
        <v>41</v>
      </c>
    </row>
    <row r="34024" spans="1:43">
      <c r="A34024" t="s">
        <v>21081</v>
      </c>
      <c r="B34024" t="s">
        <v>21082</v>
      </c>
      <c r="C34024" t="s">
        <v>21017</v>
      </c>
      <c r="D34024" t="s">
        <v>21018</v>
      </c>
      <c r="E34024" t="s">
        <v>20989</v>
      </c>
      <c r="F34024" t="s">
        <v>20990</v>
      </c>
      <c r="G34024" t="s">
        <v>20255</v>
      </c>
      <c r="H34024" t="s">
        <v>20256</v>
      </c>
      <c r="I34024" s="2">
        <v>1</v>
      </c>
      <c r="J34024" s="2">
        <v>0</v>
      </c>
      <c r="K34024" s="2">
        <v>0</v>
      </c>
      <c r="L34024" t="s">
        <v>120</v>
      </c>
      <c r="M34024" t="s">
        <v>89</v>
      </c>
      <c r="N34024" t="s">
        <v>90</v>
      </c>
      <c r="O34024" t="s">
        <v>85</v>
      </c>
      <c r="P34024" t="s">
        <v>86</v>
      </c>
      <c r="Q34024">
        <v>27</v>
      </c>
      <c r="R34024">
        <v>28</v>
      </c>
      <c r="S34024">
        <v>29</v>
      </c>
      <c r="T34024">
        <v>30</v>
      </c>
      <c r="U34024">
        <v>31</v>
      </c>
      <c r="V34024">
        <v>32</v>
      </c>
      <c r="W34024">
        <v>33</v>
      </c>
      <c r="X34024">
        <v>34</v>
      </c>
      <c r="Y34024">
        <v>35</v>
      </c>
      <c r="Z34024">
        <v>36</v>
      </c>
      <c r="AA34024">
        <v>37</v>
      </c>
      <c r="AB34024">
        <v>38</v>
      </c>
      <c r="AC34024">
        <v>39</v>
      </c>
      <c r="AD34024">
        <v>40</v>
      </c>
      <c r="AE34024">
        <v>41</v>
      </c>
      <c r="AF34024">
        <v>41</v>
      </c>
      <c r="AG34024">
        <v>42</v>
      </c>
      <c r="AH34024">
        <v>42</v>
      </c>
      <c r="AI34024">
        <v>43</v>
      </c>
      <c r="AJ34024">
        <v>43</v>
      </c>
      <c r="AK34024">
        <v>44</v>
      </c>
      <c r="AL34024">
        <v>44</v>
      </c>
      <c r="AM34024">
        <v>45</v>
      </c>
      <c r="AN34024">
        <v>46</v>
      </c>
      <c r="AO34024">
        <v>46</v>
      </c>
      <c r="AP34024">
        <v>47</v>
      </c>
      <c r="AQ34024">
        <v>47</v>
      </c>
    </row>
    <row r="34025" spans="1:43">
      <c r="A34025" t="s">
        <v>21081</v>
      </c>
      <c r="B34025" t="s">
        <v>21082</v>
      </c>
      <c r="C34025" t="s">
        <v>21017</v>
      </c>
      <c r="D34025" t="s">
        <v>21018</v>
      </c>
      <c r="E34025" t="s">
        <v>20989</v>
      </c>
      <c r="F34025" t="s">
        <v>20990</v>
      </c>
      <c r="G34025" t="s">
        <v>20255</v>
      </c>
      <c r="H34025" t="s">
        <v>20256</v>
      </c>
      <c r="I34025" s="2">
        <v>1</v>
      </c>
      <c r="J34025" s="2">
        <v>0</v>
      </c>
      <c r="K34025" s="2">
        <v>0</v>
      </c>
      <c r="L34025" t="s">
        <v>120</v>
      </c>
      <c r="M34025" t="s">
        <v>83</v>
      </c>
      <c r="N34025" t="s">
        <v>91</v>
      </c>
      <c r="O34025" t="s">
        <v>85</v>
      </c>
      <c r="P34025" t="s">
        <v>86</v>
      </c>
      <c r="Q34025">
        <v>27</v>
      </c>
      <c r="R34025">
        <v>28</v>
      </c>
      <c r="S34025">
        <v>28</v>
      </c>
      <c r="T34025">
        <v>29</v>
      </c>
      <c r="U34025">
        <v>30</v>
      </c>
      <c r="V34025">
        <v>31</v>
      </c>
      <c r="W34025">
        <v>31</v>
      </c>
      <c r="X34025">
        <v>32</v>
      </c>
      <c r="Y34025">
        <v>33</v>
      </c>
      <c r="Z34025">
        <v>34</v>
      </c>
      <c r="AA34025">
        <v>35</v>
      </c>
      <c r="AB34025">
        <v>35</v>
      </c>
      <c r="AC34025">
        <v>36</v>
      </c>
      <c r="AD34025">
        <v>37</v>
      </c>
      <c r="AE34025">
        <v>38</v>
      </c>
      <c r="AF34025">
        <v>39</v>
      </c>
      <c r="AG34025">
        <v>40</v>
      </c>
      <c r="AH34025">
        <v>41</v>
      </c>
      <c r="AI34025">
        <v>41</v>
      </c>
      <c r="AJ34025">
        <v>42</v>
      </c>
      <c r="AK34025">
        <v>43</v>
      </c>
      <c r="AL34025">
        <v>44</v>
      </c>
      <c r="AM34025">
        <v>45</v>
      </c>
      <c r="AN34025">
        <v>45</v>
      </c>
      <c r="AO34025">
        <v>46</v>
      </c>
      <c r="AP34025">
        <v>46</v>
      </c>
      <c r="AQ34025">
        <v>47</v>
      </c>
    </row>
    <row r="34026" spans="1:43">
      <c r="A34026" t="s">
        <v>21083</v>
      </c>
      <c r="B34026" t="s">
        <v>21084</v>
      </c>
      <c r="C34026" t="s">
        <v>21017</v>
      </c>
      <c r="D34026" t="s">
        <v>21018</v>
      </c>
      <c r="E34026" t="s">
        <v>20989</v>
      </c>
      <c r="F34026" t="s">
        <v>20990</v>
      </c>
      <c r="G34026" t="s">
        <v>20255</v>
      </c>
      <c r="H34026" t="s">
        <v>20256</v>
      </c>
      <c r="I34026" s="2">
        <v>1</v>
      </c>
      <c r="J34026" s="2">
        <v>0</v>
      </c>
      <c r="K34026" s="2">
        <v>0</v>
      </c>
      <c r="L34026" t="s">
        <v>120</v>
      </c>
      <c r="M34026" t="s">
        <v>83</v>
      </c>
      <c r="N34026" t="s">
        <v>84</v>
      </c>
      <c r="O34026" t="s">
        <v>85</v>
      </c>
      <c r="P34026" t="s">
        <v>86</v>
      </c>
      <c r="Q34026">
        <v>16</v>
      </c>
      <c r="R34026">
        <v>16</v>
      </c>
      <c r="S34026">
        <v>17</v>
      </c>
      <c r="T34026">
        <v>17</v>
      </c>
      <c r="U34026">
        <v>17</v>
      </c>
      <c r="V34026">
        <v>18</v>
      </c>
      <c r="W34026">
        <v>18</v>
      </c>
      <c r="X34026">
        <v>19</v>
      </c>
      <c r="Y34026">
        <v>19</v>
      </c>
      <c r="Z34026">
        <v>20</v>
      </c>
      <c r="AA34026">
        <v>20</v>
      </c>
      <c r="AB34026">
        <v>21</v>
      </c>
      <c r="AC34026">
        <v>21</v>
      </c>
      <c r="AD34026">
        <v>22</v>
      </c>
      <c r="AE34026">
        <v>23</v>
      </c>
      <c r="AF34026">
        <v>23</v>
      </c>
      <c r="AG34026">
        <v>24</v>
      </c>
      <c r="AH34026">
        <v>24</v>
      </c>
      <c r="AI34026">
        <v>25</v>
      </c>
      <c r="AJ34026">
        <v>26</v>
      </c>
      <c r="AK34026">
        <v>26</v>
      </c>
      <c r="AL34026">
        <v>27</v>
      </c>
      <c r="AM34026">
        <v>27</v>
      </c>
      <c r="AN34026">
        <v>27</v>
      </c>
      <c r="AO34026">
        <v>28</v>
      </c>
      <c r="AP34026">
        <v>28</v>
      </c>
      <c r="AQ34026">
        <v>29</v>
      </c>
    </row>
    <row r="34027" spans="1:43">
      <c r="A34027" t="s">
        <v>21083</v>
      </c>
      <c r="B34027" t="s">
        <v>21084</v>
      </c>
      <c r="C34027" t="s">
        <v>21017</v>
      </c>
      <c r="D34027" t="s">
        <v>21018</v>
      </c>
      <c r="E34027" t="s">
        <v>20989</v>
      </c>
      <c r="F34027" t="s">
        <v>20990</v>
      </c>
      <c r="G34027" t="s">
        <v>20255</v>
      </c>
      <c r="H34027" t="s">
        <v>20256</v>
      </c>
      <c r="I34027" s="2">
        <v>1</v>
      </c>
      <c r="J34027" s="2">
        <v>0</v>
      </c>
      <c r="K34027" s="2">
        <v>0</v>
      </c>
      <c r="L34027" t="s">
        <v>120</v>
      </c>
      <c r="M34027" t="s">
        <v>87</v>
      </c>
      <c r="N34027" t="s">
        <v>88</v>
      </c>
      <c r="O34027" t="s">
        <v>85</v>
      </c>
      <c r="P34027" t="s">
        <v>86</v>
      </c>
      <c r="Q34027">
        <v>16</v>
      </c>
      <c r="R34027">
        <v>17</v>
      </c>
      <c r="S34027">
        <v>17</v>
      </c>
      <c r="T34027">
        <v>17</v>
      </c>
      <c r="U34027">
        <v>18</v>
      </c>
      <c r="V34027">
        <v>18</v>
      </c>
      <c r="W34027">
        <v>18</v>
      </c>
      <c r="X34027">
        <v>19</v>
      </c>
      <c r="Y34027">
        <v>19</v>
      </c>
      <c r="Z34027">
        <v>19</v>
      </c>
      <c r="AA34027">
        <v>20</v>
      </c>
      <c r="AB34027">
        <v>20</v>
      </c>
      <c r="AC34027">
        <v>20</v>
      </c>
      <c r="AD34027">
        <v>21</v>
      </c>
      <c r="AE34027">
        <v>21</v>
      </c>
      <c r="AF34027">
        <v>21</v>
      </c>
      <c r="AG34027">
        <v>22</v>
      </c>
      <c r="AH34027">
        <v>22</v>
      </c>
      <c r="AI34027">
        <v>23</v>
      </c>
      <c r="AJ34027">
        <v>23</v>
      </c>
      <c r="AK34027">
        <v>23</v>
      </c>
      <c r="AL34027">
        <v>24</v>
      </c>
      <c r="AM34027">
        <v>24</v>
      </c>
      <c r="AN34027">
        <v>25</v>
      </c>
      <c r="AO34027">
        <v>25</v>
      </c>
      <c r="AP34027">
        <v>25</v>
      </c>
      <c r="AQ34027">
        <v>26</v>
      </c>
    </row>
    <row r="34028" spans="1:43">
      <c r="A34028" t="s">
        <v>21083</v>
      </c>
      <c r="B34028" t="s">
        <v>21084</v>
      </c>
      <c r="C34028" t="s">
        <v>21017</v>
      </c>
      <c r="D34028" t="s">
        <v>21018</v>
      </c>
      <c r="E34028" t="s">
        <v>20989</v>
      </c>
      <c r="F34028" t="s">
        <v>20990</v>
      </c>
      <c r="G34028" t="s">
        <v>20255</v>
      </c>
      <c r="H34028" t="s">
        <v>20256</v>
      </c>
      <c r="I34028" s="2">
        <v>1</v>
      </c>
      <c r="J34028" s="2">
        <v>0</v>
      </c>
      <c r="K34028" s="2">
        <v>0</v>
      </c>
      <c r="L34028" t="s">
        <v>120</v>
      </c>
      <c r="M34028" t="s">
        <v>89</v>
      </c>
      <c r="N34028" t="s">
        <v>90</v>
      </c>
      <c r="O34028" t="s">
        <v>85</v>
      </c>
      <c r="P34028" t="s">
        <v>86</v>
      </c>
      <c r="Q34028">
        <v>16</v>
      </c>
      <c r="R34028">
        <v>16</v>
      </c>
      <c r="S34028">
        <v>17</v>
      </c>
      <c r="T34028">
        <v>18</v>
      </c>
      <c r="U34028">
        <v>18</v>
      </c>
      <c r="V34028">
        <v>19</v>
      </c>
      <c r="W34028">
        <v>19</v>
      </c>
      <c r="X34028">
        <v>20</v>
      </c>
      <c r="Y34028">
        <v>21</v>
      </c>
      <c r="Z34028">
        <v>21</v>
      </c>
      <c r="AA34028">
        <v>22</v>
      </c>
      <c r="AB34028">
        <v>22</v>
      </c>
      <c r="AC34028">
        <v>23</v>
      </c>
      <c r="AD34028">
        <v>24</v>
      </c>
      <c r="AE34028">
        <v>24</v>
      </c>
      <c r="AF34028">
        <v>25</v>
      </c>
      <c r="AG34028">
        <v>25</v>
      </c>
      <c r="AH34028">
        <v>25</v>
      </c>
      <c r="AI34028">
        <v>26</v>
      </c>
      <c r="AJ34028">
        <v>26</v>
      </c>
      <c r="AK34028">
        <v>26</v>
      </c>
      <c r="AL34028">
        <v>27</v>
      </c>
      <c r="AM34028">
        <v>27</v>
      </c>
      <c r="AN34028">
        <v>28</v>
      </c>
      <c r="AO34028">
        <v>28</v>
      </c>
      <c r="AP34028">
        <v>29</v>
      </c>
      <c r="AQ34028">
        <v>29</v>
      </c>
    </row>
    <row r="34029" spans="1:43">
      <c r="A34029" t="s">
        <v>21083</v>
      </c>
      <c r="B34029" t="s">
        <v>21084</v>
      </c>
      <c r="C34029" t="s">
        <v>21017</v>
      </c>
      <c r="D34029" t="s">
        <v>21018</v>
      </c>
      <c r="E34029" t="s">
        <v>20989</v>
      </c>
      <c r="F34029" t="s">
        <v>20990</v>
      </c>
      <c r="G34029" t="s">
        <v>20255</v>
      </c>
      <c r="H34029" t="s">
        <v>20256</v>
      </c>
      <c r="I34029" s="2">
        <v>1</v>
      </c>
      <c r="J34029" s="2">
        <v>0</v>
      </c>
      <c r="K34029" s="2">
        <v>0</v>
      </c>
      <c r="L34029" t="s">
        <v>120</v>
      </c>
      <c r="M34029" t="s">
        <v>83</v>
      </c>
      <c r="N34029" t="s">
        <v>91</v>
      </c>
      <c r="O34029" t="s">
        <v>85</v>
      </c>
      <c r="P34029" t="s">
        <v>86</v>
      </c>
      <c r="Q34029">
        <v>16</v>
      </c>
      <c r="R34029">
        <v>16</v>
      </c>
      <c r="S34029">
        <v>17</v>
      </c>
      <c r="T34029">
        <v>17</v>
      </c>
      <c r="U34029">
        <v>17</v>
      </c>
      <c r="V34029">
        <v>18</v>
      </c>
      <c r="W34029">
        <v>18</v>
      </c>
      <c r="X34029">
        <v>19</v>
      </c>
      <c r="Y34029">
        <v>19</v>
      </c>
      <c r="Z34029">
        <v>20</v>
      </c>
      <c r="AA34029">
        <v>20</v>
      </c>
      <c r="AB34029">
        <v>21</v>
      </c>
      <c r="AC34029">
        <v>21</v>
      </c>
      <c r="AD34029">
        <v>22</v>
      </c>
      <c r="AE34029">
        <v>23</v>
      </c>
      <c r="AF34029">
        <v>23</v>
      </c>
      <c r="AG34029">
        <v>24</v>
      </c>
      <c r="AH34029">
        <v>24</v>
      </c>
      <c r="AI34029">
        <v>25</v>
      </c>
      <c r="AJ34029">
        <v>26</v>
      </c>
      <c r="AK34029">
        <v>26</v>
      </c>
      <c r="AL34029">
        <v>27</v>
      </c>
      <c r="AM34029">
        <v>27</v>
      </c>
      <c r="AN34029">
        <v>27</v>
      </c>
      <c r="AO34029">
        <v>28</v>
      </c>
      <c r="AP34029">
        <v>28</v>
      </c>
      <c r="AQ34029">
        <v>29</v>
      </c>
    </row>
    <row r="34030" spans="1:43">
      <c r="A34030" t="s">
        <v>21085</v>
      </c>
      <c r="B34030" t="s">
        <v>21086</v>
      </c>
      <c r="C34030" t="s">
        <v>21029</v>
      </c>
      <c r="D34030" t="s">
        <v>21030</v>
      </c>
      <c r="E34030" t="s">
        <v>20989</v>
      </c>
      <c r="F34030" t="s">
        <v>20990</v>
      </c>
      <c r="G34030" t="s">
        <v>20255</v>
      </c>
      <c r="H34030" t="s">
        <v>20256</v>
      </c>
      <c r="I34030" s="2">
        <v>1</v>
      </c>
      <c r="J34030" s="2">
        <v>0</v>
      </c>
      <c r="K34030" s="2">
        <v>0</v>
      </c>
      <c r="L34030" t="s">
        <v>120</v>
      </c>
      <c r="M34030" t="s">
        <v>83</v>
      </c>
      <c r="N34030" t="s">
        <v>84</v>
      </c>
      <c r="O34030" t="s">
        <v>85</v>
      </c>
      <c r="P34030" t="s">
        <v>86</v>
      </c>
      <c r="Q34030">
        <v>65</v>
      </c>
      <c r="R34030">
        <v>67</v>
      </c>
      <c r="S34030">
        <v>68</v>
      </c>
      <c r="T34030">
        <v>70</v>
      </c>
      <c r="U34030">
        <v>72</v>
      </c>
      <c r="V34030">
        <v>74</v>
      </c>
      <c r="W34030">
        <v>76</v>
      </c>
      <c r="X34030">
        <v>78</v>
      </c>
      <c r="Y34030">
        <v>80</v>
      </c>
      <c r="Z34030">
        <v>82</v>
      </c>
      <c r="AA34030">
        <v>85</v>
      </c>
      <c r="AB34030">
        <v>87</v>
      </c>
      <c r="AC34030">
        <v>89</v>
      </c>
      <c r="AD34030">
        <v>91</v>
      </c>
      <c r="AE34030">
        <v>93</v>
      </c>
      <c r="AF34030">
        <v>96</v>
      </c>
      <c r="AG34030">
        <v>98</v>
      </c>
      <c r="AH34030">
        <v>101</v>
      </c>
      <c r="AI34030">
        <v>103</v>
      </c>
      <c r="AJ34030">
        <v>106</v>
      </c>
      <c r="AK34030">
        <v>108</v>
      </c>
      <c r="AL34030">
        <v>110</v>
      </c>
      <c r="AM34030">
        <v>112</v>
      </c>
      <c r="AN34030">
        <v>114</v>
      </c>
      <c r="AO34030">
        <v>115</v>
      </c>
      <c r="AP34030">
        <v>117</v>
      </c>
      <c r="AQ34030">
        <v>119</v>
      </c>
    </row>
    <row r="34031" spans="1:43">
      <c r="A34031" t="s">
        <v>21085</v>
      </c>
      <c r="B34031" t="s">
        <v>21086</v>
      </c>
      <c r="C34031" t="s">
        <v>21029</v>
      </c>
      <c r="D34031" t="s">
        <v>21030</v>
      </c>
      <c r="E34031" t="s">
        <v>20989</v>
      </c>
      <c r="F34031" t="s">
        <v>20990</v>
      </c>
      <c r="G34031" t="s">
        <v>20255</v>
      </c>
      <c r="H34031" t="s">
        <v>20256</v>
      </c>
      <c r="I34031" s="2">
        <v>1</v>
      </c>
      <c r="J34031" s="2">
        <v>0</v>
      </c>
      <c r="K34031" s="2">
        <v>0</v>
      </c>
      <c r="L34031" t="s">
        <v>120</v>
      </c>
      <c r="M34031" t="s">
        <v>87</v>
      </c>
      <c r="N34031" t="s">
        <v>88</v>
      </c>
      <c r="O34031" t="s">
        <v>85</v>
      </c>
      <c r="P34031" t="s">
        <v>86</v>
      </c>
      <c r="Q34031">
        <v>65</v>
      </c>
      <c r="R34031">
        <v>66</v>
      </c>
      <c r="S34031">
        <v>68</v>
      </c>
      <c r="T34031">
        <v>69</v>
      </c>
      <c r="U34031">
        <v>70</v>
      </c>
      <c r="V34031">
        <v>71</v>
      </c>
      <c r="W34031">
        <v>73</v>
      </c>
      <c r="X34031">
        <v>74</v>
      </c>
      <c r="Y34031">
        <v>75</v>
      </c>
      <c r="Z34031">
        <v>77</v>
      </c>
      <c r="AA34031">
        <v>78</v>
      </c>
      <c r="AB34031">
        <v>79</v>
      </c>
      <c r="AC34031">
        <v>81</v>
      </c>
      <c r="AD34031">
        <v>82</v>
      </c>
      <c r="AE34031">
        <v>84</v>
      </c>
      <c r="AF34031">
        <v>85</v>
      </c>
      <c r="AG34031">
        <v>87</v>
      </c>
      <c r="AH34031">
        <v>89</v>
      </c>
      <c r="AI34031">
        <v>90</v>
      </c>
      <c r="AJ34031">
        <v>92</v>
      </c>
      <c r="AK34031">
        <v>93</v>
      </c>
      <c r="AL34031">
        <v>95</v>
      </c>
      <c r="AM34031">
        <v>97</v>
      </c>
      <c r="AN34031">
        <v>99</v>
      </c>
      <c r="AO34031">
        <v>100</v>
      </c>
      <c r="AP34031">
        <v>102</v>
      </c>
      <c r="AQ34031">
        <v>104</v>
      </c>
    </row>
    <row r="34032" spans="1:43">
      <c r="A34032" t="s">
        <v>21085</v>
      </c>
      <c r="B34032" t="s">
        <v>21086</v>
      </c>
      <c r="C34032" t="s">
        <v>21029</v>
      </c>
      <c r="D34032" t="s">
        <v>21030</v>
      </c>
      <c r="E34032" t="s">
        <v>20989</v>
      </c>
      <c r="F34032" t="s">
        <v>20990</v>
      </c>
      <c r="G34032" t="s">
        <v>20255</v>
      </c>
      <c r="H34032" t="s">
        <v>20256</v>
      </c>
      <c r="I34032" s="2">
        <v>1</v>
      </c>
      <c r="J34032" s="2">
        <v>0</v>
      </c>
      <c r="K34032" s="2">
        <v>0</v>
      </c>
      <c r="L34032" t="s">
        <v>120</v>
      </c>
      <c r="M34032" t="s">
        <v>89</v>
      </c>
      <c r="N34032" t="s">
        <v>90</v>
      </c>
      <c r="O34032" t="s">
        <v>85</v>
      </c>
      <c r="P34032" t="s">
        <v>86</v>
      </c>
      <c r="Q34032">
        <v>65</v>
      </c>
      <c r="R34032">
        <v>68</v>
      </c>
      <c r="S34032">
        <v>70</v>
      </c>
      <c r="T34032">
        <v>73</v>
      </c>
      <c r="U34032">
        <v>75</v>
      </c>
      <c r="V34032">
        <v>78</v>
      </c>
      <c r="W34032">
        <v>80</v>
      </c>
      <c r="X34032">
        <v>82</v>
      </c>
      <c r="Y34032">
        <v>85</v>
      </c>
      <c r="Z34032">
        <v>87</v>
      </c>
      <c r="AA34032">
        <v>90</v>
      </c>
      <c r="AB34032">
        <v>93</v>
      </c>
      <c r="AC34032">
        <v>95</v>
      </c>
      <c r="AD34032">
        <v>98</v>
      </c>
      <c r="AE34032">
        <v>100</v>
      </c>
      <c r="AF34032">
        <v>102</v>
      </c>
      <c r="AG34032">
        <v>103</v>
      </c>
      <c r="AH34032">
        <v>105</v>
      </c>
      <c r="AI34032">
        <v>107</v>
      </c>
      <c r="AJ34032">
        <v>108</v>
      </c>
      <c r="AK34032">
        <v>110</v>
      </c>
      <c r="AL34032">
        <v>112</v>
      </c>
      <c r="AM34032">
        <v>113</v>
      </c>
      <c r="AN34032">
        <v>115</v>
      </c>
      <c r="AO34032">
        <v>117</v>
      </c>
      <c r="AP34032">
        <v>118</v>
      </c>
      <c r="AQ34032">
        <v>120</v>
      </c>
    </row>
    <row r="34033" spans="1:43">
      <c r="A34033" t="s">
        <v>21085</v>
      </c>
      <c r="B34033" t="s">
        <v>21086</v>
      </c>
      <c r="C34033" t="s">
        <v>21029</v>
      </c>
      <c r="D34033" t="s">
        <v>21030</v>
      </c>
      <c r="E34033" t="s">
        <v>20989</v>
      </c>
      <c r="F34033" t="s">
        <v>20990</v>
      </c>
      <c r="G34033" t="s">
        <v>20255</v>
      </c>
      <c r="H34033" t="s">
        <v>20256</v>
      </c>
      <c r="I34033" s="2">
        <v>1</v>
      </c>
      <c r="J34033" s="2">
        <v>0</v>
      </c>
      <c r="K34033" s="2">
        <v>0</v>
      </c>
      <c r="L34033" t="s">
        <v>120</v>
      </c>
      <c r="M34033" t="s">
        <v>83</v>
      </c>
      <c r="N34033" t="s">
        <v>91</v>
      </c>
      <c r="O34033" t="s">
        <v>85</v>
      </c>
      <c r="P34033" t="s">
        <v>86</v>
      </c>
      <c r="Q34033">
        <v>65</v>
      </c>
      <c r="R34033">
        <v>67</v>
      </c>
      <c r="S34033">
        <v>68</v>
      </c>
      <c r="T34033">
        <v>70</v>
      </c>
      <c r="U34033">
        <v>72</v>
      </c>
      <c r="V34033">
        <v>74</v>
      </c>
      <c r="W34033">
        <v>76</v>
      </c>
      <c r="X34033">
        <v>78</v>
      </c>
      <c r="Y34033">
        <v>80</v>
      </c>
      <c r="Z34033">
        <v>82</v>
      </c>
      <c r="AA34033">
        <v>85</v>
      </c>
      <c r="AB34033">
        <v>87</v>
      </c>
      <c r="AC34033">
        <v>89</v>
      </c>
      <c r="AD34033">
        <v>91</v>
      </c>
      <c r="AE34033">
        <v>93</v>
      </c>
      <c r="AF34033">
        <v>96</v>
      </c>
      <c r="AG34033">
        <v>98</v>
      </c>
      <c r="AH34033">
        <v>101</v>
      </c>
      <c r="AI34033">
        <v>103</v>
      </c>
      <c r="AJ34033">
        <v>106</v>
      </c>
      <c r="AK34033">
        <v>108</v>
      </c>
      <c r="AL34033">
        <v>110</v>
      </c>
      <c r="AM34033">
        <v>112</v>
      </c>
      <c r="AN34033">
        <v>114</v>
      </c>
      <c r="AO34033">
        <v>115</v>
      </c>
      <c r="AP34033">
        <v>117</v>
      </c>
      <c r="AQ34033">
        <v>119</v>
      </c>
    </row>
    <row r="34034" spans="1:43">
      <c r="A34034" t="s">
        <v>21087</v>
      </c>
      <c r="B34034" t="s">
        <v>21088</v>
      </c>
      <c r="C34034" t="s">
        <v>21089</v>
      </c>
      <c r="D34034" t="s">
        <v>21090</v>
      </c>
      <c r="E34034" t="s">
        <v>20989</v>
      </c>
      <c r="F34034" t="s">
        <v>20990</v>
      </c>
      <c r="G34034" t="s">
        <v>20255</v>
      </c>
      <c r="H34034" t="s">
        <v>20256</v>
      </c>
      <c r="I34034" s="2">
        <v>1</v>
      </c>
      <c r="J34034" s="2">
        <v>0</v>
      </c>
      <c r="K34034" s="2">
        <v>0</v>
      </c>
      <c r="L34034" t="s">
        <v>120</v>
      </c>
      <c r="M34034" t="s">
        <v>83</v>
      </c>
      <c r="N34034" t="s">
        <v>84</v>
      </c>
      <c r="O34034" t="s">
        <v>85</v>
      </c>
      <c r="P34034" t="s">
        <v>86</v>
      </c>
      <c r="Q34034">
        <v>159</v>
      </c>
      <c r="R34034">
        <v>164</v>
      </c>
      <c r="S34034">
        <v>168</v>
      </c>
      <c r="T34034">
        <v>173</v>
      </c>
      <c r="U34034">
        <v>178</v>
      </c>
      <c r="V34034">
        <v>183</v>
      </c>
      <c r="W34034">
        <v>188</v>
      </c>
      <c r="X34034">
        <v>193</v>
      </c>
      <c r="Y34034">
        <v>198</v>
      </c>
      <c r="Z34034">
        <v>203</v>
      </c>
      <c r="AA34034">
        <v>208</v>
      </c>
      <c r="AB34034">
        <v>213</v>
      </c>
      <c r="AC34034">
        <v>219</v>
      </c>
      <c r="AD34034">
        <v>224</v>
      </c>
      <c r="AE34034">
        <v>230</v>
      </c>
      <c r="AF34034">
        <v>236</v>
      </c>
      <c r="AG34034">
        <v>241</v>
      </c>
      <c r="AH34034">
        <v>247</v>
      </c>
      <c r="AI34034">
        <v>253</v>
      </c>
      <c r="AJ34034">
        <v>259</v>
      </c>
      <c r="AK34034">
        <v>266</v>
      </c>
      <c r="AL34034">
        <v>271</v>
      </c>
      <c r="AM34034">
        <v>275</v>
      </c>
      <c r="AN34034">
        <v>280</v>
      </c>
      <c r="AO34034">
        <v>284</v>
      </c>
      <c r="AP34034">
        <v>289</v>
      </c>
      <c r="AQ34034">
        <v>293</v>
      </c>
    </row>
    <row r="34035" spans="1:43">
      <c r="A34035" t="s">
        <v>21087</v>
      </c>
      <c r="B34035" t="s">
        <v>21088</v>
      </c>
      <c r="C34035" t="s">
        <v>21089</v>
      </c>
      <c r="D34035" t="s">
        <v>21090</v>
      </c>
      <c r="E34035" t="s">
        <v>20989</v>
      </c>
      <c r="F34035" t="s">
        <v>20990</v>
      </c>
      <c r="G34035" t="s">
        <v>20255</v>
      </c>
      <c r="H34035" t="s">
        <v>20256</v>
      </c>
      <c r="I34035" s="2">
        <v>1</v>
      </c>
      <c r="J34035" s="2">
        <v>0</v>
      </c>
      <c r="K34035" s="2">
        <v>0</v>
      </c>
      <c r="L34035" t="s">
        <v>120</v>
      </c>
      <c r="M34035" t="s">
        <v>87</v>
      </c>
      <c r="N34035" t="s">
        <v>88</v>
      </c>
      <c r="O34035" t="s">
        <v>85</v>
      </c>
      <c r="P34035" t="s">
        <v>86</v>
      </c>
      <c r="Q34035">
        <v>159</v>
      </c>
      <c r="R34035">
        <v>162</v>
      </c>
      <c r="S34035">
        <v>165</v>
      </c>
      <c r="T34035">
        <v>168</v>
      </c>
      <c r="U34035">
        <v>171</v>
      </c>
      <c r="V34035">
        <v>174</v>
      </c>
      <c r="W34035">
        <v>177</v>
      </c>
      <c r="X34035">
        <v>181</v>
      </c>
      <c r="Y34035">
        <v>184</v>
      </c>
      <c r="Z34035">
        <v>187</v>
      </c>
      <c r="AA34035">
        <v>191</v>
      </c>
      <c r="AB34035">
        <v>194</v>
      </c>
      <c r="AC34035">
        <v>198</v>
      </c>
      <c r="AD34035">
        <v>202</v>
      </c>
      <c r="AE34035">
        <v>205</v>
      </c>
      <c r="AF34035">
        <v>209</v>
      </c>
      <c r="AG34035">
        <v>213</v>
      </c>
      <c r="AH34035">
        <v>217</v>
      </c>
      <c r="AI34035">
        <v>221</v>
      </c>
      <c r="AJ34035">
        <v>225</v>
      </c>
      <c r="AK34035">
        <v>229</v>
      </c>
      <c r="AL34035">
        <v>233</v>
      </c>
      <c r="AM34035">
        <v>237</v>
      </c>
      <c r="AN34035">
        <v>242</v>
      </c>
      <c r="AO34035">
        <v>246</v>
      </c>
      <c r="AP34035">
        <v>251</v>
      </c>
      <c r="AQ34035">
        <v>255</v>
      </c>
    </row>
    <row r="34036" spans="1:43">
      <c r="A34036" t="s">
        <v>21087</v>
      </c>
      <c r="B34036" t="s">
        <v>21088</v>
      </c>
      <c r="C34036" t="s">
        <v>21089</v>
      </c>
      <c r="D34036" t="s">
        <v>21090</v>
      </c>
      <c r="E34036" t="s">
        <v>20989</v>
      </c>
      <c r="F34036" t="s">
        <v>20990</v>
      </c>
      <c r="G34036" t="s">
        <v>20255</v>
      </c>
      <c r="H34036" t="s">
        <v>20256</v>
      </c>
      <c r="I34036" s="2">
        <v>1</v>
      </c>
      <c r="J34036" s="2">
        <v>0</v>
      </c>
      <c r="K34036" s="2">
        <v>0</v>
      </c>
      <c r="L34036" t="s">
        <v>120</v>
      </c>
      <c r="M34036" t="s">
        <v>89</v>
      </c>
      <c r="N34036" t="s">
        <v>90</v>
      </c>
      <c r="O34036" t="s">
        <v>85</v>
      </c>
      <c r="P34036" t="s">
        <v>86</v>
      </c>
      <c r="Q34036">
        <v>159</v>
      </c>
      <c r="R34036">
        <v>165</v>
      </c>
      <c r="S34036">
        <v>171</v>
      </c>
      <c r="T34036">
        <v>177</v>
      </c>
      <c r="U34036">
        <v>183</v>
      </c>
      <c r="V34036">
        <v>189</v>
      </c>
      <c r="W34036">
        <v>195</v>
      </c>
      <c r="X34036">
        <v>201</v>
      </c>
      <c r="Y34036">
        <v>207</v>
      </c>
      <c r="Z34036">
        <v>213</v>
      </c>
      <c r="AA34036">
        <v>219</v>
      </c>
      <c r="AB34036">
        <v>225</v>
      </c>
      <c r="AC34036">
        <v>232</v>
      </c>
      <c r="AD34036">
        <v>239</v>
      </c>
      <c r="AE34036">
        <v>244</v>
      </c>
      <c r="AF34036">
        <v>248</v>
      </c>
      <c r="AG34036">
        <v>252</v>
      </c>
      <c r="AH34036">
        <v>256</v>
      </c>
      <c r="AI34036">
        <v>260</v>
      </c>
      <c r="AJ34036">
        <v>264</v>
      </c>
      <c r="AK34036">
        <v>269</v>
      </c>
      <c r="AL34036">
        <v>273</v>
      </c>
      <c r="AM34036">
        <v>277</v>
      </c>
      <c r="AN34036">
        <v>282</v>
      </c>
      <c r="AO34036">
        <v>286</v>
      </c>
      <c r="AP34036">
        <v>291</v>
      </c>
      <c r="AQ34036">
        <v>295</v>
      </c>
    </row>
    <row r="34037" spans="1:43">
      <c r="A34037" t="s">
        <v>21087</v>
      </c>
      <c r="B34037" t="s">
        <v>21088</v>
      </c>
      <c r="C34037" t="s">
        <v>21089</v>
      </c>
      <c r="D34037" t="s">
        <v>21090</v>
      </c>
      <c r="E34037" t="s">
        <v>20989</v>
      </c>
      <c r="F34037" t="s">
        <v>20990</v>
      </c>
      <c r="G34037" t="s">
        <v>20255</v>
      </c>
      <c r="H34037" t="s">
        <v>20256</v>
      </c>
      <c r="I34037" s="2">
        <v>1</v>
      </c>
      <c r="J34037" s="2">
        <v>0</v>
      </c>
      <c r="K34037" s="2">
        <v>0</v>
      </c>
      <c r="L34037" t="s">
        <v>120</v>
      </c>
      <c r="M34037" t="s">
        <v>83</v>
      </c>
      <c r="N34037" t="s">
        <v>91</v>
      </c>
      <c r="O34037" t="s">
        <v>85</v>
      </c>
      <c r="P34037" t="s">
        <v>86</v>
      </c>
      <c r="Q34037">
        <v>159</v>
      </c>
      <c r="R34037">
        <v>164</v>
      </c>
      <c r="S34037">
        <v>168</v>
      </c>
      <c r="T34037">
        <v>173</v>
      </c>
      <c r="U34037">
        <v>178</v>
      </c>
      <c r="V34037">
        <v>183</v>
      </c>
      <c r="W34037">
        <v>188</v>
      </c>
      <c r="X34037">
        <v>193</v>
      </c>
      <c r="Y34037">
        <v>198</v>
      </c>
      <c r="Z34037">
        <v>203</v>
      </c>
      <c r="AA34037">
        <v>208</v>
      </c>
      <c r="AB34037">
        <v>213</v>
      </c>
      <c r="AC34037">
        <v>219</v>
      </c>
      <c r="AD34037">
        <v>224</v>
      </c>
      <c r="AE34037">
        <v>230</v>
      </c>
      <c r="AF34037">
        <v>236</v>
      </c>
      <c r="AG34037">
        <v>241</v>
      </c>
      <c r="AH34037">
        <v>247</v>
      </c>
      <c r="AI34037">
        <v>253</v>
      </c>
      <c r="AJ34037">
        <v>259</v>
      </c>
      <c r="AK34037">
        <v>266</v>
      </c>
      <c r="AL34037">
        <v>271</v>
      </c>
      <c r="AM34037">
        <v>275</v>
      </c>
      <c r="AN34037">
        <v>280</v>
      </c>
      <c r="AO34037">
        <v>284</v>
      </c>
      <c r="AP34037">
        <v>289</v>
      </c>
      <c r="AQ34037">
        <v>293</v>
      </c>
    </row>
    <row r="34038" spans="1:43">
      <c r="A34038" t="s">
        <v>21091</v>
      </c>
      <c r="B34038" t="s">
        <v>21092</v>
      </c>
      <c r="C34038" t="s">
        <v>21089</v>
      </c>
      <c r="D34038" t="s">
        <v>21090</v>
      </c>
      <c r="E34038" t="s">
        <v>20989</v>
      </c>
      <c r="F34038" t="s">
        <v>20990</v>
      </c>
      <c r="G34038" t="s">
        <v>20255</v>
      </c>
      <c r="H34038" t="s">
        <v>20256</v>
      </c>
      <c r="I34038" s="2">
        <v>1</v>
      </c>
      <c r="J34038" s="2">
        <v>0</v>
      </c>
      <c r="K34038" s="2">
        <v>0</v>
      </c>
      <c r="L34038" t="s">
        <v>120</v>
      </c>
      <c r="M34038" t="s">
        <v>83</v>
      </c>
      <c r="N34038" t="s">
        <v>84</v>
      </c>
      <c r="O34038" t="s">
        <v>85</v>
      </c>
      <c r="P34038" t="s">
        <v>86</v>
      </c>
      <c r="Q34038">
        <v>19</v>
      </c>
      <c r="R34038">
        <v>19</v>
      </c>
      <c r="S34038">
        <v>20</v>
      </c>
      <c r="T34038">
        <v>20</v>
      </c>
      <c r="U34038">
        <v>21</v>
      </c>
      <c r="V34038">
        <v>21</v>
      </c>
      <c r="W34038">
        <v>22</v>
      </c>
      <c r="X34038">
        <v>23</v>
      </c>
      <c r="Y34038">
        <v>23</v>
      </c>
      <c r="Z34038">
        <v>24</v>
      </c>
      <c r="AA34038">
        <v>24</v>
      </c>
      <c r="AB34038">
        <v>25</v>
      </c>
      <c r="AC34038">
        <v>26</v>
      </c>
      <c r="AD34038">
        <v>26</v>
      </c>
      <c r="AE34038">
        <v>27</v>
      </c>
      <c r="AF34038">
        <v>28</v>
      </c>
      <c r="AG34038">
        <v>28</v>
      </c>
      <c r="AH34038">
        <v>29</v>
      </c>
      <c r="AI34038">
        <v>30</v>
      </c>
      <c r="AJ34038">
        <v>30</v>
      </c>
      <c r="AK34038">
        <v>31</v>
      </c>
      <c r="AL34038">
        <v>32</v>
      </c>
      <c r="AM34038">
        <v>32</v>
      </c>
      <c r="AN34038">
        <v>33</v>
      </c>
      <c r="AO34038">
        <v>33</v>
      </c>
      <c r="AP34038">
        <v>34</v>
      </c>
      <c r="AQ34038">
        <v>34</v>
      </c>
    </row>
    <row r="34039" spans="1:43">
      <c r="A34039" t="s">
        <v>21091</v>
      </c>
      <c r="B34039" t="s">
        <v>21092</v>
      </c>
      <c r="C34039" t="s">
        <v>21089</v>
      </c>
      <c r="D34039" t="s">
        <v>21090</v>
      </c>
      <c r="E34039" t="s">
        <v>20989</v>
      </c>
      <c r="F34039" t="s">
        <v>20990</v>
      </c>
      <c r="G34039" t="s">
        <v>20255</v>
      </c>
      <c r="H34039" t="s">
        <v>20256</v>
      </c>
      <c r="I34039" s="2">
        <v>1</v>
      </c>
      <c r="J34039" s="2">
        <v>0</v>
      </c>
      <c r="K34039" s="2">
        <v>0</v>
      </c>
      <c r="L34039" t="s">
        <v>120</v>
      </c>
      <c r="M34039" t="s">
        <v>87</v>
      </c>
      <c r="N34039" t="s">
        <v>88</v>
      </c>
      <c r="O34039" t="s">
        <v>85</v>
      </c>
      <c r="P34039" t="s">
        <v>86</v>
      </c>
      <c r="Q34039">
        <v>19</v>
      </c>
      <c r="R34039">
        <v>20</v>
      </c>
      <c r="S34039">
        <v>20</v>
      </c>
      <c r="T34039">
        <v>21</v>
      </c>
      <c r="U34039">
        <v>21</v>
      </c>
      <c r="V34039">
        <v>21</v>
      </c>
      <c r="W34039">
        <v>22</v>
      </c>
      <c r="X34039">
        <v>22</v>
      </c>
      <c r="Y34039">
        <v>22</v>
      </c>
      <c r="Z34039">
        <v>23</v>
      </c>
      <c r="AA34039">
        <v>23</v>
      </c>
      <c r="AB34039">
        <v>24</v>
      </c>
      <c r="AC34039">
        <v>24</v>
      </c>
      <c r="AD34039">
        <v>25</v>
      </c>
      <c r="AE34039">
        <v>25</v>
      </c>
      <c r="AF34039">
        <v>25</v>
      </c>
      <c r="AG34039">
        <v>26</v>
      </c>
      <c r="AH34039">
        <v>26</v>
      </c>
      <c r="AI34039">
        <v>27</v>
      </c>
      <c r="AJ34039">
        <v>27</v>
      </c>
      <c r="AK34039">
        <v>28</v>
      </c>
      <c r="AL34039">
        <v>28</v>
      </c>
      <c r="AM34039">
        <v>29</v>
      </c>
      <c r="AN34039">
        <v>29</v>
      </c>
      <c r="AO34039">
        <v>30</v>
      </c>
      <c r="AP34039">
        <v>30</v>
      </c>
      <c r="AQ34039">
        <v>31</v>
      </c>
    </row>
    <row r="34040" spans="1:43">
      <c r="A34040" t="s">
        <v>21091</v>
      </c>
      <c r="B34040" t="s">
        <v>21092</v>
      </c>
      <c r="C34040" t="s">
        <v>21089</v>
      </c>
      <c r="D34040" t="s">
        <v>21090</v>
      </c>
      <c r="E34040" t="s">
        <v>20989</v>
      </c>
      <c r="F34040" t="s">
        <v>20990</v>
      </c>
      <c r="G34040" t="s">
        <v>20255</v>
      </c>
      <c r="H34040" t="s">
        <v>20256</v>
      </c>
      <c r="I34040" s="2">
        <v>1</v>
      </c>
      <c r="J34040" s="2">
        <v>0</v>
      </c>
      <c r="K34040" s="2">
        <v>0</v>
      </c>
      <c r="L34040" t="s">
        <v>120</v>
      </c>
      <c r="M34040" t="s">
        <v>89</v>
      </c>
      <c r="N34040" t="s">
        <v>90</v>
      </c>
      <c r="O34040" t="s">
        <v>85</v>
      </c>
      <c r="P34040" t="s">
        <v>86</v>
      </c>
      <c r="Q34040">
        <v>19</v>
      </c>
      <c r="R34040">
        <v>20</v>
      </c>
      <c r="S34040">
        <v>20</v>
      </c>
      <c r="T34040">
        <v>21</v>
      </c>
      <c r="U34040">
        <v>22</v>
      </c>
      <c r="V34040">
        <v>22</v>
      </c>
      <c r="W34040">
        <v>23</v>
      </c>
      <c r="X34040">
        <v>24</v>
      </c>
      <c r="Y34040">
        <v>25</v>
      </c>
      <c r="Z34040">
        <v>25</v>
      </c>
      <c r="AA34040">
        <v>26</v>
      </c>
      <c r="AB34040">
        <v>27</v>
      </c>
      <c r="AC34040">
        <v>27</v>
      </c>
      <c r="AD34040">
        <v>28</v>
      </c>
      <c r="AE34040">
        <v>29</v>
      </c>
      <c r="AF34040">
        <v>29</v>
      </c>
      <c r="AG34040">
        <v>30</v>
      </c>
      <c r="AH34040">
        <v>30</v>
      </c>
      <c r="AI34040">
        <v>31</v>
      </c>
      <c r="AJ34040">
        <v>31</v>
      </c>
      <c r="AK34040">
        <v>32</v>
      </c>
      <c r="AL34040">
        <v>32</v>
      </c>
      <c r="AM34040">
        <v>33</v>
      </c>
      <c r="AN34040">
        <v>33</v>
      </c>
      <c r="AO34040">
        <v>34</v>
      </c>
      <c r="AP34040">
        <v>34</v>
      </c>
      <c r="AQ34040">
        <v>35</v>
      </c>
    </row>
    <row r="34041" spans="1:43">
      <c r="A34041" t="s">
        <v>21091</v>
      </c>
      <c r="B34041" t="s">
        <v>21092</v>
      </c>
      <c r="C34041" t="s">
        <v>21089</v>
      </c>
      <c r="D34041" t="s">
        <v>21090</v>
      </c>
      <c r="E34041" t="s">
        <v>20989</v>
      </c>
      <c r="F34041" t="s">
        <v>20990</v>
      </c>
      <c r="G34041" t="s">
        <v>20255</v>
      </c>
      <c r="H34041" t="s">
        <v>20256</v>
      </c>
      <c r="I34041" s="2">
        <v>1</v>
      </c>
      <c r="J34041" s="2">
        <v>0</v>
      </c>
      <c r="K34041" s="2">
        <v>0</v>
      </c>
      <c r="L34041" t="s">
        <v>120</v>
      </c>
      <c r="M34041" t="s">
        <v>83</v>
      </c>
      <c r="N34041" t="s">
        <v>91</v>
      </c>
      <c r="O34041" t="s">
        <v>85</v>
      </c>
      <c r="P34041" t="s">
        <v>86</v>
      </c>
      <c r="Q34041">
        <v>19</v>
      </c>
      <c r="R34041">
        <v>19</v>
      </c>
      <c r="S34041">
        <v>20</v>
      </c>
      <c r="T34041">
        <v>20</v>
      </c>
      <c r="U34041">
        <v>21</v>
      </c>
      <c r="V34041">
        <v>21</v>
      </c>
      <c r="W34041">
        <v>22</v>
      </c>
      <c r="X34041">
        <v>23</v>
      </c>
      <c r="Y34041">
        <v>23</v>
      </c>
      <c r="Z34041">
        <v>24</v>
      </c>
      <c r="AA34041">
        <v>24</v>
      </c>
      <c r="AB34041">
        <v>25</v>
      </c>
      <c r="AC34041">
        <v>26</v>
      </c>
      <c r="AD34041">
        <v>26</v>
      </c>
      <c r="AE34041">
        <v>27</v>
      </c>
      <c r="AF34041">
        <v>28</v>
      </c>
      <c r="AG34041">
        <v>28</v>
      </c>
      <c r="AH34041">
        <v>29</v>
      </c>
      <c r="AI34041">
        <v>30</v>
      </c>
      <c r="AJ34041">
        <v>30</v>
      </c>
      <c r="AK34041">
        <v>31</v>
      </c>
      <c r="AL34041">
        <v>32</v>
      </c>
      <c r="AM34041">
        <v>32</v>
      </c>
      <c r="AN34041">
        <v>33</v>
      </c>
      <c r="AO34041">
        <v>33</v>
      </c>
      <c r="AP34041">
        <v>34</v>
      </c>
      <c r="AQ34041">
        <v>34</v>
      </c>
    </row>
    <row r="34042" spans="1:43">
      <c r="A34042" t="s">
        <v>21093</v>
      </c>
      <c r="B34042" t="s">
        <v>21094</v>
      </c>
      <c r="C34042" t="s">
        <v>21089</v>
      </c>
      <c r="D34042" t="s">
        <v>21090</v>
      </c>
      <c r="E34042" t="s">
        <v>20989</v>
      </c>
      <c r="F34042" t="s">
        <v>20990</v>
      </c>
      <c r="G34042" t="s">
        <v>20255</v>
      </c>
      <c r="H34042" t="s">
        <v>20256</v>
      </c>
      <c r="I34042" s="2">
        <v>1</v>
      </c>
      <c r="J34042" s="2">
        <v>0</v>
      </c>
      <c r="K34042" s="2">
        <v>0</v>
      </c>
      <c r="L34042" t="s">
        <v>120</v>
      </c>
      <c r="M34042" t="s">
        <v>83</v>
      </c>
      <c r="N34042" t="s">
        <v>84</v>
      </c>
      <c r="O34042" t="s">
        <v>85</v>
      </c>
      <c r="P34042" t="s">
        <v>86</v>
      </c>
      <c r="Q34042">
        <v>6</v>
      </c>
      <c r="R34042">
        <v>6</v>
      </c>
      <c r="S34042">
        <v>6</v>
      </c>
      <c r="T34042">
        <v>6</v>
      </c>
      <c r="U34042">
        <v>6</v>
      </c>
      <c r="V34042">
        <v>7</v>
      </c>
      <c r="W34042">
        <v>7</v>
      </c>
      <c r="X34042">
        <v>7</v>
      </c>
      <c r="Y34042">
        <v>7</v>
      </c>
      <c r="Z34042">
        <v>7</v>
      </c>
      <c r="AA34042">
        <v>7</v>
      </c>
      <c r="AB34042">
        <v>8</v>
      </c>
      <c r="AC34042">
        <v>8</v>
      </c>
      <c r="AD34042">
        <v>8</v>
      </c>
      <c r="AE34042">
        <v>8</v>
      </c>
      <c r="AF34042">
        <v>8</v>
      </c>
      <c r="AG34042">
        <v>9</v>
      </c>
      <c r="AH34042">
        <v>9</v>
      </c>
      <c r="AI34042">
        <v>9</v>
      </c>
      <c r="AJ34042">
        <v>9</v>
      </c>
      <c r="AK34042">
        <v>10</v>
      </c>
      <c r="AL34042">
        <v>10</v>
      </c>
      <c r="AM34042">
        <v>10</v>
      </c>
      <c r="AN34042">
        <v>10</v>
      </c>
      <c r="AO34042">
        <v>10</v>
      </c>
      <c r="AP34042">
        <v>10</v>
      </c>
      <c r="AQ34042">
        <v>11</v>
      </c>
    </row>
    <row r="34043" spans="1:43">
      <c r="A34043" t="s">
        <v>21093</v>
      </c>
      <c r="B34043" t="s">
        <v>21094</v>
      </c>
      <c r="C34043" t="s">
        <v>21089</v>
      </c>
      <c r="D34043" t="s">
        <v>21090</v>
      </c>
      <c r="E34043" t="s">
        <v>20989</v>
      </c>
      <c r="F34043" t="s">
        <v>20990</v>
      </c>
      <c r="G34043" t="s">
        <v>20255</v>
      </c>
      <c r="H34043" t="s">
        <v>20256</v>
      </c>
      <c r="I34043" s="2">
        <v>1</v>
      </c>
      <c r="J34043" s="2">
        <v>0</v>
      </c>
      <c r="K34043" s="2">
        <v>0</v>
      </c>
      <c r="L34043" t="s">
        <v>120</v>
      </c>
      <c r="M34043" t="s">
        <v>87</v>
      </c>
      <c r="N34043" t="s">
        <v>88</v>
      </c>
      <c r="O34043" t="s">
        <v>85</v>
      </c>
      <c r="P34043" t="s">
        <v>86</v>
      </c>
      <c r="Q34043">
        <v>6</v>
      </c>
      <c r="R34043">
        <v>6</v>
      </c>
      <c r="S34043">
        <v>6</v>
      </c>
      <c r="T34043">
        <v>6</v>
      </c>
      <c r="U34043">
        <v>6</v>
      </c>
      <c r="V34043">
        <v>6</v>
      </c>
      <c r="W34043">
        <v>6</v>
      </c>
      <c r="X34043">
        <v>6</v>
      </c>
      <c r="Y34043">
        <v>7</v>
      </c>
      <c r="Z34043">
        <v>7</v>
      </c>
      <c r="AA34043">
        <v>7</v>
      </c>
      <c r="AB34043">
        <v>7</v>
      </c>
      <c r="AC34043">
        <v>7</v>
      </c>
      <c r="AD34043">
        <v>7</v>
      </c>
      <c r="AE34043">
        <v>7</v>
      </c>
      <c r="AF34043">
        <v>7</v>
      </c>
      <c r="AG34043">
        <v>8</v>
      </c>
      <c r="AH34043">
        <v>8</v>
      </c>
      <c r="AI34043">
        <v>8</v>
      </c>
      <c r="AJ34043">
        <v>8</v>
      </c>
      <c r="AK34043">
        <v>8</v>
      </c>
      <c r="AL34043">
        <v>8</v>
      </c>
      <c r="AM34043">
        <v>8</v>
      </c>
      <c r="AN34043">
        <v>9</v>
      </c>
      <c r="AO34043">
        <v>9</v>
      </c>
      <c r="AP34043">
        <v>9</v>
      </c>
      <c r="AQ34043">
        <v>9</v>
      </c>
    </row>
    <row r="34044" spans="1:43">
      <c r="A34044" t="s">
        <v>21093</v>
      </c>
      <c r="B34044" t="s">
        <v>21094</v>
      </c>
      <c r="C34044" t="s">
        <v>21089</v>
      </c>
      <c r="D34044" t="s">
        <v>21090</v>
      </c>
      <c r="E34044" t="s">
        <v>20989</v>
      </c>
      <c r="F34044" t="s">
        <v>20990</v>
      </c>
      <c r="G34044" t="s">
        <v>20255</v>
      </c>
      <c r="H34044" t="s">
        <v>20256</v>
      </c>
      <c r="I34044" s="2">
        <v>1</v>
      </c>
      <c r="J34044" s="2">
        <v>0</v>
      </c>
      <c r="K34044" s="2">
        <v>0</v>
      </c>
      <c r="L34044" t="s">
        <v>120</v>
      </c>
      <c r="M34044" t="s">
        <v>89</v>
      </c>
      <c r="N34044" t="s">
        <v>90</v>
      </c>
      <c r="O34044" t="s">
        <v>85</v>
      </c>
      <c r="P34044" t="s">
        <v>86</v>
      </c>
      <c r="Q34044">
        <v>6</v>
      </c>
      <c r="R34044">
        <v>6</v>
      </c>
      <c r="S34044">
        <v>6</v>
      </c>
      <c r="T34044">
        <v>6</v>
      </c>
      <c r="U34044">
        <v>7</v>
      </c>
      <c r="V34044">
        <v>7</v>
      </c>
      <c r="W34044">
        <v>7</v>
      </c>
      <c r="X34044">
        <v>7</v>
      </c>
      <c r="Y34044">
        <v>8</v>
      </c>
      <c r="Z34044">
        <v>8</v>
      </c>
      <c r="AA34044">
        <v>8</v>
      </c>
      <c r="AB34044">
        <v>8</v>
      </c>
      <c r="AC34044">
        <v>8</v>
      </c>
      <c r="AD34044">
        <v>9</v>
      </c>
      <c r="AE34044">
        <v>9</v>
      </c>
      <c r="AF34044">
        <v>9</v>
      </c>
      <c r="AG34044">
        <v>9</v>
      </c>
      <c r="AH34044">
        <v>9</v>
      </c>
      <c r="AI34044">
        <v>9</v>
      </c>
      <c r="AJ34044">
        <v>10</v>
      </c>
      <c r="AK34044">
        <v>10</v>
      </c>
      <c r="AL34044">
        <v>10</v>
      </c>
      <c r="AM34044">
        <v>10</v>
      </c>
      <c r="AN34044">
        <v>10</v>
      </c>
      <c r="AO34044">
        <v>10</v>
      </c>
      <c r="AP34044">
        <v>11</v>
      </c>
      <c r="AQ34044">
        <v>11</v>
      </c>
    </row>
    <row r="34045" spans="1:43">
      <c r="A34045" t="s">
        <v>21093</v>
      </c>
      <c r="B34045" t="s">
        <v>21094</v>
      </c>
      <c r="C34045" t="s">
        <v>21089</v>
      </c>
      <c r="D34045" t="s">
        <v>21090</v>
      </c>
      <c r="E34045" t="s">
        <v>20989</v>
      </c>
      <c r="F34045" t="s">
        <v>20990</v>
      </c>
      <c r="G34045" t="s">
        <v>20255</v>
      </c>
      <c r="H34045" t="s">
        <v>20256</v>
      </c>
      <c r="I34045" s="2">
        <v>1</v>
      </c>
      <c r="J34045" s="2">
        <v>0</v>
      </c>
      <c r="K34045" s="2">
        <v>0</v>
      </c>
      <c r="L34045" t="s">
        <v>120</v>
      </c>
      <c r="M34045" t="s">
        <v>83</v>
      </c>
      <c r="N34045" t="s">
        <v>91</v>
      </c>
      <c r="O34045" t="s">
        <v>85</v>
      </c>
      <c r="P34045" t="s">
        <v>86</v>
      </c>
      <c r="Q34045">
        <v>6</v>
      </c>
      <c r="R34045">
        <v>6</v>
      </c>
      <c r="S34045">
        <v>6</v>
      </c>
      <c r="T34045">
        <v>6</v>
      </c>
      <c r="U34045">
        <v>6</v>
      </c>
      <c r="V34045">
        <v>7</v>
      </c>
      <c r="W34045">
        <v>7</v>
      </c>
      <c r="X34045">
        <v>7</v>
      </c>
      <c r="Y34045">
        <v>7</v>
      </c>
      <c r="Z34045">
        <v>7</v>
      </c>
      <c r="AA34045">
        <v>7</v>
      </c>
      <c r="AB34045">
        <v>8</v>
      </c>
      <c r="AC34045">
        <v>8</v>
      </c>
      <c r="AD34045">
        <v>8</v>
      </c>
      <c r="AE34045">
        <v>8</v>
      </c>
      <c r="AF34045">
        <v>8</v>
      </c>
      <c r="AG34045">
        <v>9</v>
      </c>
      <c r="AH34045">
        <v>9</v>
      </c>
      <c r="AI34045">
        <v>9</v>
      </c>
      <c r="AJ34045">
        <v>9</v>
      </c>
      <c r="AK34045">
        <v>10</v>
      </c>
      <c r="AL34045">
        <v>10</v>
      </c>
      <c r="AM34045">
        <v>10</v>
      </c>
      <c r="AN34045">
        <v>10</v>
      </c>
      <c r="AO34045">
        <v>10</v>
      </c>
      <c r="AP34045">
        <v>10</v>
      </c>
      <c r="AQ34045">
        <v>11</v>
      </c>
    </row>
    <row r="34046" spans="1:43">
      <c r="A34046" t="s">
        <v>21095</v>
      </c>
      <c r="B34046" t="s">
        <v>21096</v>
      </c>
      <c r="C34046" t="s">
        <v>21089</v>
      </c>
      <c r="D34046" t="s">
        <v>21090</v>
      </c>
      <c r="E34046" t="s">
        <v>20989</v>
      </c>
      <c r="F34046" t="s">
        <v>20990</v>
      </c>
      <c r="G34046" t="s">
        <v>20255</v>
      </c>
      <c r="H34046" t="s">
        <v>20256</v>
      </c>
      <c r="I34046" s="2">
        <v>1</v>
      </c>
      <c r="J34046" s="2">
        <v>0</v>
      </c>
      <c r="K34046" s="2">
        <v>0</v>
      </c>
      <c r="L34046" t="s">
        <v>120</v>
      </c>
      <c r="M34046" t="s">
        <v>83</v>
      </c>
      <c r="N34046" t="s">
        <v>84</v>
      </c>
      <c r="O34046" t="s">
        <v>85</v>
      </c>
      <c r="P34046" t="s">
        <v>86</v>
      </c>
      <c r="Q34046">
        <v>16</v>
      </c>
      <c r="R34046">
        <v>16</v>
      </c>
      <c r="S34046">
        <v>17</v>
      </c>
      <c r="T34046">
        <v>17</v>
      </c>
      <c r="U34046">
        <v>18</v>
      </c>
      <c r="V34046">
        <v>18</v>
      </c>
      <c r="W34046">
        <v>19</v>
      </c>
      <c r="X34046">
        <v>19</v>
      </c>
      <c r="Y34046">
        <v>20</v>
      </c>
      <c r="Z34046">
        <v>20</v>
      </c>
      <c r="AA34046">
        <v>21</v>
      </c>
      <c r="AB34046">
        <v>21</v>
      </c>
      <c r="AC34046">
        <v>22</v>
      </c>
      <c r="AD34046">
        <v>22</v>
      </c>
      <c r="AE34046">
        <v>23</v>
      </c>
      <c r="AF34046">
        <v>24</v>
      </c>
      <c r="AG34046">
        <v>24</v>
      </c>
      <c r="AH34046">
        <v>25</v>
      </c>
      <c r="AI34046">
        <v>25</v>
      </c>
      <c r="AJ34046">
        <v>26</v>
      </c>
      <c r="AK34046">
        <v>27</v>
      </c>
      <c r="AL34046">
        <v>27</v>
      </c>
      <c r="AM34046">
        <v>27</v>
      </c>
      <c r="AN34046">
        <v>28</v>
      </c>
      <c r="AO34046">
        <v>28</v>
      </c>
      <c r="AP34046">
        <v>29</v>
      </c>
      <c r="AQ34046">
        <v>29</v>
      </c>
    </row>
    <row r="34047" spans="1:43">
      <c r="A34047" t="s">
        <v>21095</v>
      </c>
      <c r="B34047" t="s">
        <v>21096</v>
      </c>
      <c r="C34047" t="s">
        <v>21089</v>
      </c>
      <c r="D34047" t="s">
        <v>21090</v>
      </c>
      <c r="E34047" t="s">
        <v>20989</v>
      </c>
      <c r="F34047" t="s">
        <v>20990</v>
      </c>
      <c r="G34047" t="s">
        <v>20255</v>
      </c>
      <c r="H34047" t="s">
        <v>20256</v>
      </c>
      <c r="I34047" s="2">
        <v>1</v>
      </c>
      <c r="J34047" s="2">
        <v>0</v>
      </c>
      <c r="K34047" s="2">
        <v>0</v>
      </c>
      <c r="L34047" t="s">
        <v>120</v>
      </c>
      <c r="M34047" t="s">
        <v>87</v>
      </c>
      <c r="N34047" t="s">
        <v>88</v>
      </c>
      <c r="O34047" t="s">
        <v>85</v>
      </c>
      <c r="P34047" t="s">
        <v>86</v>
      </c>
      <c r="Q34047">
        <v>16</v>
      </c>
      <c r="R34047">
        <v>16</v>
      </c>
      <c r="S34047">
        <v>16</v>
      </c>
      <c r="T34047">
        <v>17</v>
      </c>
      <c r="U34047">
        <v>17</v>
      </c>
      <c r="V34047">
        <v>17</v>
      </c>
      <c r="W34047">
        <v>18</v>
      </c>
      <c r="X34047">
        <v>18</v>
      </c>
      <c r="Y34047">
        <v>18</v>
      </c>
      <c r="Z34047">
        <v>19</v>
      </c>
      <c r="AA34047">
        <v>19</v>
      </c>
      <c r="AB34047">
        <v>19</v>
      </c>
      <c r="AC34047">
        <v>20</v>
      </c>
      <c r="AD34047">
        <v>20</v>
      </c>
      <c r="AE34047">
        <v>20</v>
      </c>
      <c r="AF34047">
        <v>21</v>
      </c>
      <c r="AG34047">
        <v>21</v>
      </c>
      <c r="AH34047">
        <v>22</v>
      </c>
      <c r="AI34047">
        <v>22</v>
      </c>
      <c r="AJ34047">
        <v>22</v>
      </c>
      <c r="AK34047">
        <v>23</v>
      </c>
      <c r="AL34047">
        <v>23</v>
      </c>
      <c r="AM34047">
        <v>24</v>
      </c>
      <c r="AN34047">
        <v>24</v>
      </c>
      <c r="AO34047">
        <v>24</v>
      </c>
      <c r="AP34047">
        <v>25</v>
      </c>
      <c r="AQ34047">
        <v>25</v>
      </c>
    </row>
    <row r="34048" spans="1:43">
      <c r="A34048" t="s">
        <v>21095</v>
      </c>
      <c r="B34048" t="s">
        <v>21096</v>
      </c>
      <c r="C34048" t="s">
        <v>21089</v>
      </c>
      <c r="D34048" t="s">
        <v>21090</v>
      </c>
      <c r="E34048" t="s">
        <v>20989</v>
      </c>
      <c r="F34048" t="s">
        <v>20990</v>
      </c>
      <c r="G34048" t="s">
        <v>20255</v>
      </c>
      <c r="H34048" t="s">
        <v>20256</v>
      </c>
      <c r="I34048" s="2">
        <v>1</v>
      </c>
      <c r="J34048" s="2">
        <v>0</v>
      </c>
      <c r="K34048" s="2">
        <v>0</v>
      </c>
      <c r="L34048" t="s">
        <v>120</v>
      </c>
      <c r="M34048" t="s">
        <v>89</v>
      </c>
      <c r="N34048" t="s">
        <v>90</v>
      </c>
      <c r="O34048" t="s">
        <v>85</v>
      </c>
      <c r="P34048" t="s">
        <v>86</v>
      </c>
      <c r="Q34048">
        <v>16</v>
      </c>
      <c r="R34048">
        <v>17</v>
      </c>
      <c r="S34048">
        <v>17</v>
      </c>
      <c r="T34048">
        <v>18</v>
      </c>
      <c r="U34048">
        <v>18</v>
      </c>
      <c r="V34048">
        <v>19</v>
      </c>
      <c r="W34048">
        <v>20</v>
      </c>
      <c r="X34048">
        <v>20</v>
      </c>
      <c r="Y34048">
        <v>21</v>
      </c>
      <c r="Z34048">
        <v>21</v>
      </c>
      <c r="AA34048">
        <v>22</v>
      </c>
      <c r="AB34048">
        <v>23</v>
      </c>
      <c r="AC34048">
        <v>23</v>
      </c>
      <c r="AD34048">
        <v>24</v>
      </c>
      <c r="AE34048">
        <v>25</v>
      </c>
      <c r="AF34048">
        <v>25</v>
      </c>
      <c r="AG34048">
        <v>25</v>
      </c>
      <c r="AH34048">
        <v>26</v>
      </c>
      <c r="AI34048">
        <v>26</v>
      </c>
      <c r="AJ34048">
        <v>27</v>
      </c>
      <c r="AK34048">
        <v>27</v>
      </c>
      <c r="AL34048">
        <v>27</v>
      </c>
      <c r="AM34048">
        <v>28</v>
      </c>
      <c r="AN34048">
        <v>28</v>
      </c>
      <c r="AO34048">
        <v>29</v>
      </c>
      <c r="AP34048">
        <v>29</v>
      </c>
      <c r="AQ34048">
        <v>30</v>
      </c>
    </row>
    <row r="34049" spans="1:43">
      <c r="A34049" t="s">
        <v>21095</v>
      </c>
      <c r="B34049" t="s">
        <v>21096</v>
      </c>
      <c r="C34049" t="s">
        <v>21089</v>
      </c>
      <c r="D34049" t="s">
        <v>21090</v>
      </c>
      <c r="E34049" t="s">
        <v>20989</v>
      </c>
      <c r="F34049" t="s">
        <v>20990</v>
      </c>
      <c r="G34049" t="s">
        <v>20255</v>
      </c>
      <c r="H34049" t="s">
        <v>20256</v>
      </c>
      <c r="I34049" s="2">
        <v>1</v>
      </c>
      <c r="J34049" s="2">
        <v>0</v>
      </c>
      <c r="K34049" s="2">
        <v>0</v>
      </c>
      <c r="L34049" t="s">
        <v>120</v>
      </c>
      <c r="M34049" t="s">
        <v>83</v>
      </c>
      <c r="N34049" t="s">
        <v>91</v>
      </c>
      <c r="O34049" t="s">
        <v>85</v>
      </c>
      <c r="P34049" t="s">
        <v>86</v>
      </c>
      <c r="Q34049">
        <v>16</v>
      </c>
      <c r="R34049">
        <v>16</v>
      </c>
      <c r="S34049">
        <v>17</v>
      </c>
      <c r="T34049">
        <v>17</v>
      </c>
      <c r="U34049">
        <v>18</v>
      </c>
      <c r="V34049">
        <v>18</v>
      </c>
      <c r="W34049">
        <v>19</v>
      </c>
      <c r="X34049">
        <v>19</v>
      </c>
      <c r="Y34049">
        <v>20</v>
      </c>
      <c r="Z34049">
        <v>20</v>
      </c>
      <c r="AA34049">
        <v>21</v>
      </c>
      <c r="AB34049">
        <v>21</v>
      </c>
      <c r="AC34049">
        <v>22</v>
      </c>
      <c r="AD34049">
        <v>22</v>
      </c>
      <c r="AE34049">
        <v>23</v>
      </c>
      <c r="AF34049">
        <v>24</v>
      </c>
      <c r="AG34049">
        <v>24</v>
      </c>
      <c r="AH34049">
        <v>25</v>
      </c>
      <c r="AI34049">
        <v>25</v>
      </c>
      <c r="AJ34049">
        <v>26</v>
      </c>
      <c r="AK34049">
        <v>27</v>
      </c>
      <c r="AL34049">
        <v>27</v>
      </c>
      <c r="AM34049">
        <v>27</v>
      </c>
      <c r="AN34049">
        <v>28</v>
      </c>
      <c r="AO34049">
        <v>28</v>
      </c>
      <c r="AP34049">
        <v>29</v>
      </c>
      <c r="AQ34049">
        <v>29</v>
      </c>
    </row>
    <row r="34050" spans="1:43">
      <c r="A34050" t="s">
        <v>21097</v>
      </c>
      <c r="B34050" t="s">
        <v>21098</v>
      </c>
      <c r="C34050" t="s">
        <v>21099</v>
      </c>
      <c r="D34050" t="s">
        <v>21100</v>
      </c>
      <c r="E34050" t="s">
        <v>20989</v>
      </c>
      <c r="F34050" t="s">
        <v>20990</v>
      </c>
      <c r="G34050" t="s">
        <v>20255</v>
      </c>
      <c r="H34050" t="s">
        <v>20256</v>
      </c>
      <c r="I34050" s="2">
        <v>1</v>
      </c>
      <c r="J34050" s="2">
        <v>0</v>
      </c>
      <c r="K34050" s="2">
        <v>0</v>
      </c>
      <c r="L34050" t="s">
        <v>120</v>
      </c>
      <c r="M34050" t="s">
        <v>83</v>
      </c>
      <c r="N34050" t="s">
        <v>84</v>
      </c>
      <c r="O34050" t="s">
        <v>85</v>
      </c>
      <c r="P34050" t="s">
        <v>86</v>
      </c>
      <c r="Q34050">
        <v>19</v>
      </c>
      <c r="R34050">
        <v>20</v>
      </c>
      <c r="S34050">
        <v>20</v>
      </c>
      <c r="T34050">
        <v>21</v>
      </c>
      <c r="U34050">
        <v>22</v>
      </c>
      <c r="V34050">
        <v>22</v>
      </c>
      <c r="W34050">
        <v>23</v>
      </c>
      <c r="X34050">
        <v>23</v>
      </c>
      <c r="Y34050">
        <v>24</v>
      </c>
      <c r="Z34050">
        <v>24</v>
      </c>
      <c r="AA34050">
        <v>25</v>
      </c>
      <c r="AB34050">
        <v>26</v>
      </c>
      <c r="AC34050">
        <v>26</v>
      </c>
      <c r="AD34050">
        <v>27</v>
      </c>
      <c r="AE34050">
        <v>28</v>
      </c>
      <c r="AF34050">
        <v>28</v>
      </c>
      <c r="AG34050">
        <v>29</v>
      </c>
      <c r="AH34050">
        <v>30</v>
      </c>
      <c r="AI34050">
        <v>30</v>
      </c>
      <c r="AJ34050">
        <v>31</v>
      </c>
      <c r="AK34050">
        <v>32</v>
      </c>
      <c r="AL34050">
        <v>32</v>
      </c>
      <c r="AM34050">
        <v>33</v>
      </c>
      <c r="AN34050">
        <v>33</v>
      </c>
      <c r="AO34050">
        <v>34</v>
      </c>
      <c r="AP34050">
        <v>34</v>
      </c>
      <c r="AQ34050">
        <v>35</v>
      </c>
    </row>
    <row r="34051" spans="1:43">
      <c r="A34051" t="s">
        <v>21097</v>
      </c>
      <c r="B34051" t="s">
        <v>21098</v>
      </c>
      <c r="C34051" t="s">
        <v>21099</v>
      </c>
      <c r="D34051" t="s">
        <v>21100</v>
      </c>
      <c r="E34051" t="s">
        <v>20989</v>
      </c>
      <c r="F34051" t="s">
        <v>20990</v>
      </c>
      <c r="G34051" t="s">
        <v>20255</v>
      </c>
      <c r="H34051" t="s">
        <v>20256</v>
      </c>
      <c r="I34051" s="2">
        <v>1</v>
      </c>
      <c r="J34051" s="2">
        <v>0</v>
      </c>
      <c r="K34051" s="2">
        <v>0</v>
      </c>
      <c r="L34051" t="s">
        <v>120</v>
      </c>
      <c r="M34051" t="s">
        <v>87</v>
      </c>
      <c r="N34051" t="s">
        <v>88</v>
      </c>
      <c r="O34051" t="s">
        <v>85</v>
      </c>
      <c r="P34051" t="s">
        <v>86</v>
      </c>
      <c r="Q34051">
        <v>19</v>
      </c>
      <c r="R34051">
        <v>20</v>
      </c>
      <c r="S34051">
        <v>20</v>
      </c>
      <c r="T34051">
        <v>20</v>
      </c>
      <c r="U34051">
        <v>21</v>
      </c>
      <c r="V34051">
        <v>21</v>
      </c>
      <c r="W34051">
        <v>21</v>
      </c>
      <c r="X34051">
        <v>22</v>
      </c>
      <c r="Y34051">
        <v>22</v>
      </c>
      <c r="Z34051">
        <v>22</v>
      </c>
      <c r="AA34051">
        <v>23</v>
      </c>
      <c r="AB34051">
        <v>23</v>
      </c>
      <c r="AC34051">
        <v>24</v>
      </c>
      <c r="AD34051">
        <v>24</v>
      </c>
      <c r="AE34051">
        <v>24</v>
      </c>
      <c r="AF34051">
        <v>25</v>
      </c>
      <c r="AG34051">
        <v>25</v>
      </c>
      <c r="AH34051">
        <v>26</v>
      </c>
      <c r="AI34051">
        <v>26</v>
      </c>
      <c r="AJ34051">
        <v>27</v>
      </c>
      <c r="AK34051">
        <v>27</v>
      </c>
      <c r="AL34051">
        <v>28</v>
      </c>
      <c r="AM34051">
        <v>28</v>
      </c>
      <c r="AN34051">
        <v>29</v>
      </c>
      <c r="AO34051">
        <v>29</v>
      </c>
      <c r="AP34051">
        <v>30</v>
      </c>
      <c r="AQ34051">
        <v>30</v>
      </c>
    </row>
    <row r="34052" spans="1:43">
      <c r="A34052" t="s">
        <v>21097</v>
      </c>
      <c r="B34052" t="s">
        <v>21098</v>
      </c>
      <c r="C34052" t="s">
        <v>21099</v>
      </c>
      <c r="D34052" t="s">
        <v>21100</v>
      </c>
      <c r="E34052" t="s">
        <v>20989</v>
      </c>
      <c r="F34052" t="s">
        <v>20990</v>
      </c>
      <c r="G34052" t="s">
        <v>20255</v>
      </c>
      <c r="H34052" t="s">
        <v>20256</v>
      </c>
      <c r="I34052" s="2">
        <v>1</v>
      </c>
      <c r="J34052" s="2">
        <v>0</v>
      </c>
      <c r="K34052" s="2">
        <v>0</v>
      </c>
      <c r="L34052" t="s">
        <v>120</v>
      </c>
      <c r="M34052" t="s">
        <v>89</v>
      </c>
      <c r="N34052" t="s">
        <v>90</v>
      </c>
      <c r="O34052" t="s">
        <v>85</v>
      </c>
      <c r="P34052" t="s">
        <v>86</v>
      </c>
      <c r="Q34052">
        <v>19</v>
      </c>
      <c r="R34052">
        <v>19</v>
      </c>
      <c r="S34052">
        <v>20</v>
      </c>
      <c r="T34052">
        <v>21</v>
      </c>
      <c r="U34052">
        <v>21</v>
      </c>
      <c r="V34052">
        <v>22</v>
      </c>
      <c r="W34052">
        <v>23</v>
      </c>
      <c r="X34052">
        <v>24</v>
      </c>
      <c r="Y34052">
        <v>24</v>
      </c>
      <c r="Z34052">
        <v>25</v>
      </c>
      <c r="AA34052">
        <v>26</v>
      </c>
      <c r="AB34052">
        <v>26</v>
      </c>
      <c r="AC34052">
        <v>27</v>
      </c>
      <c r="AD34052">
        <v>28</v>
      </c>
      <c r="AE34052">
        <v>29</v>
      </c>
      <c r="AF34052">
        <v>29</v>
      </c>
      <c r="AG34052">
        <v>30</v>
      </c>
      <c r="AH34052">
        <v>30</v>
      </c>
      <c r="AI34052">
        <v>30</v>
      </c>
      <c r="AJ34052">
        <v>31</v>
      </c>
      <c r="AK34052">
        <v>31</v>
      </c>
      <c r="AL34052">
        <v>32</v>
      </c>
      <c r="AM34052">
        <v>32</v>
      </c>
      <c r="AN34052">
        <v>33</v>
      </c>
      <c r="AO34052">
        <v>33</v>
      </c>
      <c r="AP34052">
        <v>34</v>
      </c>
      <c r="AQ34052">
        <v>34</v>
      </c>
    </row>
    <row r="34053" spans="1:43">
      <c r="A34053" t="s">
        <v>21097</v>
      </c>
      <c r="B34053" t="s">
        <v>21098</v>
      </c>
      <c r="C34053" t="s">
        <v>21099</v>
      </c>
      <c r="D34053" t="s">
        <v>21100</v>
      </c>
      <c r="E34053" t="s">
        <v>20989</v>
      </c>
      <c r="F34053" t="s">
        <v>20990</v>
      </c>
      <c r="G34053" t="s">
        <v>20255</v>
      </c>
      <c r="H34053" t="s">
        <v>20256</v>
      </c>
      <c r="I34053" s="2">
        <v>1</v>
      </c>
      <c r="J34053" s="2">
        <v>0</v>
      </c>
      <c r="K34053" s="2">
        <v>0</v>
      </c>
      <c r="L34053" t="s">
        <v>120</v>
      </c>
      <c r="M34053" t="s">
        <v>83</v>
      </c>
      <c r="N34053" t="s">
        <v>91</v>
      </c>
      <c r="O34053" t="s">
        <v>85</v>
      </c>
      <c r="P34053" t="s">
        <v>86</v>
      </c>
      <c r="Q34053">
        <v>19</v>
      </c>
      <c r="R34053">
        <v>20</v>
      </c>
      <c r="S34053">
        <v>20</v>
      </c>
      <c r="T34053">
        <v>21</v>
      </c>
      <c r="U34053">
        <v>22</v>
      </c>
      <c r="V34053">
        <v>22</v>
      </c>
      <c r="W34053">
        <v>23</v>
      </c>
      <c r="X34053">
        <v>23</v>
      </c>
      <c r="Y34053">
        <v>24</v>
      </c>
      <c r="Z34053">
        <v>24</v>
      </c>
      <c r="AA34053">
        <v>25</v>
      </c>
      <c r="AB34053">
        <v>26</v>
      </c>
      <c r="AC34053">
        <v>26</v>
      </c>
      <c r="AD34053">
        <v>27</v>
      </c>
      <c r="AE34053">
        <v>28</v>
      </c>
      <c r="AF34053">
        <v>28</v>
      </c>
      <c r="AG34053">
        <v>29</v>
      </c>
      <c r="AH34053">
        <v>30</v>
      </c>
      <c r="AI34053">
        <v>30</v>
      </c>
      <c r="AJ34053">
        <v>31</v>
      </c>
      <c r="AK34053">
        <v>32</v>
      </c>
      <c r="AL34053">
        <v>32</v>
      </c>
      <c r="AM34053">
        <v>33</v>
      </c>
      <c r="AN34053">
        <v>33</v>
      </c>
      <c r="AO34053">
        <v>34</v>
      </c>
      <c r="AP34053">
        <v>34</v>
      </c>
      <c r="AQ34053">
        <v>35</v>
      </c>
    </row>
    <row r="34054" spans="1:43">
      <c r="A34054" t="s">
        <v>21101</v>
      </c>
      <c r="B34054" t="s">
        <v>21102</v>
      </c>
      <c r="C34054" t="s">
        <v>21099</v>
      </c>
      <c r="D34054" t="s">
        <v>21100</v>
      </c>
      <c r="E34054" t="s">
        <v>20989</v>
      </c>
      <c r="F34054" t="s">
        <v>20990</v>
      </c>
      <c r="G34054" t="s">
        <v>20255</v>
      </c>
      <c r="H34054" t="s">
        <v>20256</v>
      </c>
      <c r="I34054" s="2">
        <v>1</v>
      </c>
      <c r="J34054" s="2">
        <v>0</v>
      </c>
      <c r="K34054" s="2">
        <v>0</v>
      </c>
      <c r="L34054" t="s">
        <v>120</v>
      </c>
      <c r="M34054" t="s">
        <v>83</v>
      </c>
      <c r="N34054" t="s">
        <v>84</v>
      </c>
      <c r="O34054" t="s">
        <v>85</v>
      </c>
      <c r="P34054" t="s">
        <v>86</v>
      </c>
      <c r="Q34054">
        <v>11</v>
      </c>
      <c r="R34054">
        <v>11</v>
      </c>
      <c r="S34054">
        <v>12</v>
      </c>
      <c r="T34054">
        <v>12</v>
      </c>
      <c r="U34054">
        <v>12</v>
      </c>
      <c r="V34054">
        <v>13</v>
      </c>
      <c r="W34054">
        <v>13</v>
      </c>
      <c r="X34054">
        <v>13</v>
      </c>
      <c r="Y34054">
        <v>14</v>
      </c>
      <c r="Z34054">
        <v>14</v>
      </c>
      <c r="AA34054">
        <v>14</v>
      </c>
      <c r="AB34054">
        <v>15</v>
      </c>
      <c r="AC34054">
        <v>15</v>
      </c>
      <c r="AD34054">
        <v>15</v>
      </c>
      <c r="AE34054">
        <v>16</v>
      </c>
      <c r="AF34054">
        <v>16</v>
      </c>
      <c r="AG34054">
        <v>16</v>
      </c>
      <c r="AH34054">
        <v>17</v>
      </c>
      <c r="AI34054">
        <v>17</v>
      </c>
      <c r="AJ34054">
        <v>18</v>
      </c>
      <c r="AK34054">
        <v>18</v>
      </c>
      <c r="AL34054">
        <v>18</v>
      </c>
      <c r="AM34054">
        <v>19</v>
      </c>
      <c r="AN34054">
        <v>19</v>
      </c>
      <c r="AO34054">
        <v>19</v>
      </c>
      <c r="AP34054">
        <v>20</v>
      </c>
      <c r="AQ34054">
        <v>20</v>
      </c>
    </row>
    <row r="34055" spans="1:43">
      <c r="A34055" t="s">
        <v>21101</v>
      </c>
      <c r="B34055" t="s">
        <v>21102</v>
      </c>
      <c r="C34055" t="s">
        <v>21099</v>
      </c>
      <c r="D34055" t="s">
        <v>21100</v>
      </c>
      <c r="E34055" t="s">
        <v>20989</v>
      </c>
      <c r="F34055" t="s">
        <v>20990</v>
      </c>
      <c r="G34055" t="s">
        <v>20255</v>
      </c>
      <c r="H34055" t="s">
        <v>20256</v>
      </c>
      <c r="I34055" s="2">
        <v>1</v>
      </c>
      <c r="J34055" s="2">
        <v>0</v>
      </c>
      <c r="K34055" s="2">
        <v>0</v>
      </c>
      <c r="L34055" t="s">
        <v>120</v>
      </c>
      <c r="M34055" t="s">
        <v>87</v>
      </c>
      <c r="N34055" t="s">
        <v>88</v>
      </c>
      <c r="O34055" t="s">
        <v>85</v>
      </c>
      <c r="P34055" t="s">
        <v>86</v>
      </c>
      <c r="Q34055">
        <v>11</v>
      </c>
      <c r="R34055">
        <v>11</v>
      </c>
      <c r="S34055">
        <v>11</v>
      </c>
      <c r="T34055">
        <v>11</v>
      </c>
      <c r="U34055">
        <v>12</v>
      </c>
      <c r="V34055">
        <v>12</v>
      </c>
      <c r="W34055">
        <v>12</v>
      </c>
      <c r="X34055">
        <v>12</v>
      </c>
      <c r="Y34055">
        <v>13</v>
      </c>
      <c r="Z34055">
        <v>13</v>
      </c>
      <c r="AA34055">
        <v>13</v>
      </c>
      <c r="AB34055">
        <v>13</v>
      </c>
      <c r="AC34055">
        <v>13</v>
      </c>
      <c r="AD34055">
        <v>14</v>
      </c>
      <c r="AE34055">
        <v>14</v>
      </c>
      <c r="AF34055">
        <v>14</v>
      </c>
      <c r="AG34055">
        <v>14</v>
      </c>
      <c r="AH34055">
        <v>15</v>
      </c>
      <c r="AI34055">
        <v>15</v>
      </c>
      <c r="AJ34055">
        <v>15</v>
      </c>
      <c r="AK34055">
        <v>15</v>
      </c>
      <c r="AL34055">
        <v>16</v>
      </c>
      <c r="AM34055">
        <v>16</v>
      </c>
      <c r="AN34055">
        <v>16</v>
      </c>
      <c r="AO34055">
        <v>17</v>
      </c>
      <c r="AP34055">
        <v>17</v>
      </c>
      <c r="AQ34055">
        <v>17</v>
      </c>
    </row>
    <row r="34056" spans="1:43">
      <c r="A34056" t="s">
        <v>21101</v>
      </c>
      <c r="B34056" t="s">
        <v>21102</v>
      </c>
      <c r="C34056" t="s">
        <v>21099</v>
      </c>
      <c r="D34056" t="s">
        <v>21100</v>
      </c>
      <c r="E34056" t="s">
        <v>20989</v>
      </c>
      <c r="F34056" t="s">
        <v>20990</v>
      </c>
      <c r="G34056" t="s">
        <v>20255</v>
      </c>
      <c r="H34056" t="s">
        <v>20256</v>
      </c>
      <c r="I34056" s="2">
        <v>1</v>
      </c>
      <c r="J34056" s="2">
        <v>0</v>
      </c>
      <c r="K34056" s="2">
        <v>0</v>
      </c>
      <c r="L34056" t="s">
        <v>120</v>
      </c>
      <c r="M34056" t="s">
        <v>89</v>
      </c>
      <c r="N34056" t="s">
        <v>90</v>
      </c>
      <c r="O34056" t="s">
        <v>85</v>
      </c>
      <c r="P34056" t="s">
        <v>86</v>
      </c>
      <c r="Q34056">
        <v>11</v>
      </c>
      <c r="R34056">
        <v>12</v>
      </c>
      <c r="S34056">
        <v>12</v>
      </c>
      <c r="T34056">
        <v>12</v>
      </c>
      <c r="U34056">
        <v>13</v>
      </c>
      <c r="V34056">
        <v>13</v>
      </c>
      <c r="W34056">
        <v>14</v>
      </c>
      <c r="X34056">
        <v>14</v>
      </c>
      <c r="Y34056">
        <v>14</v>
      </c>
      <c r="Z34056">
        <v>15</v>
      </c>
      <c r="AA34056">
        <v>15</v>
      </c>
      <c r="AB34056">
        <v>16</v>
      </c>
      <c r="AC34056">
        <v>16</v>
      </c>
      <c r="AD34056">
        <v>16</v>
      </c>
      <c r="AE34056">
        <v>17</v>
      </c>
      <c r="AF34056">
        <v>17</v>
      </c>
      <c r="AG34056">
        <v>17</v>
      </c>
      <c r="AH34056">
        <v>18</v>
      </c>
      <c r="AI34056">
        <v>18</v>
      </c>
      <c r="AJ34056">
        <v>18</v>
      </c>
      <c r="AK34056">
        <v>18</v>
      </c>
      <c r="AL34056">
        <v>19</v>
      </c>
      <c r="AM34056">
        <v>19</v>
      </c>
      <c r="AN34056">
        <v>19</v>
      </c>
      <c r="AO34056">
        <v>19</v>
      </c>
      <c r="AP34056">
        <v>20</v>
      </c>
      <c r="AQ34056">
        <v>20</v>
      </c>
    </row>
    <row r="34057" spans="1:43">
      <c r="A34057" t="s">
        <v>21101</v>
      </c>
      <c r="B34057" t="s">
        <v>21102</v>
      </c>
      <c r="C34057" t="s">
        <v>21099</v>
      </c>
      <c r="D34057" t="s">
        <v>21100</v>
      </c>
      <c r="E34057" t="s">
        <v>20989</v>
      </c>
      <c r="F34057" t="s">
        <v>20990</v>
      </c>
      <c r="G34057" t="s">
        <v>20255</v>
      </c>
      <c r="H34057" t="s">
        <v>20256</v>
      </c>
      <c r="I34057" s="2">
        <v>1</v>
      </c>
      <c r="J34057" s="2">
        <v>0</v>
      </c>
      <c r="K34057" s="2">
        <v>0</v>
      </c>
      <c r="L34057" t="s">
        <v>120</v>
      </c>
      <c r="M34057" t="s">
        <v>83</v>
      </c>
      <c r="N34057" t="s">
        <v>91</v>
      </c>
      <c r="O34057" t="s">
        <v>85</v>
      </c>
      <c r="P34057" t="s">
        <v>86</v>
      </c>
      <c r="Q34057">
        <v>11</v>
      </c>
      <c r="R34057">
        <v>11</v>
      </c>
      <c r="S34057">
        <v>12</v>
      </c>
      <c r="T34057">
        <v>12</v>
      </c>
      <c r="U34057">
        <v>12</v>
      </c>
      <c r="V34057">
        <v>13</v>
      </c>
      <c r="W34057">
        <v>13</v>
      </c>
      <c r="X34057">
        <v>13</v>
      </c>
      <c r="Y34057">
        <v>14</v>
      </c>
      <c r="Z34057">
        <v>14</v>
      </c>
      <c r="AA34057">
        <v>14</v>
      </c>
      <c r="AB34057">
        <v>15</v>
      </c>
      <c r="AC34057">
        <v>15</v>
      </c>
      <c r="AD34057">
        <v>15</v>
      </c>
      <c r="AE34057">
        <v>16</v>
      </c>
      <c r="AF34057">
        <v>16</v>
      </c>
      <c r="AG34057">
        <v>16</v>
      </c>
      <c r="AH34057">
        <v>17</v>
      </c>
      <c r="AI34057">
        <v>17</v>
      </c>
      <c r="AJ34057">
        <v>18</v>
      </c>
      <c r="AK34057">
        <v>18</v>
      </c>
      <c r="AL34057">
        <v>18</v>
      </c>
      <c r="AM34057">
        <v>19</v>
      </c>
      <c r="AN34057">
        <v>19</v>
      </c>
      <c r="AO34057">
        <v>19</v>
      </c>
      <c r="AP34057">
        <v>20</v>
      </c>
      <c r="AQ34057">
        <v>20</v>
      </c>
    </row>
    <row r="34058" spans="1:43">
      <c r="A34058" t="s">
        <v>21103</v>
      </c>
      <c r="B34058" t="s">
        <v>21104</v>
      </c>
      <c r="C34058" t="s">
        <v>21099</v>
      </c>
      <c r="D34058" t="s">
        <v>21100</v>
      </c>
      <c r="E34058" t="s">
        <v>20989</v>
      </c>
      <c r="F34058" t="s">
        <v>20990</v>
      </c>
      <c r="G34058" t="s">
        <v>20255</v>
      </c>
      <c r="H34058" t="s">
        <v>20256</v>
      </c>
      <c r="I34058" s="2">
        <v>1</v>
      </c>
      <c r="J34058" s="2">
        <v>0</v>
      </c>
      <c r="K34058" s="2">
        <v>0</v>
      </c>
      <c r="L34058" t="s">
        <v>120</v>
      </c>
      <c r="M34058" t="s">
        <v>83</v>
      </c>
      <c r="N34058" t="s">
        <v>84</v>
      </c>
      <c r="O34058" t="s">
        <v>85</v>
      </c>
      <c r="P34058" t="s">
        <v>86</v>
      </c>
      <c r="Q34058">
        <v>75</v>
      </c>
      <c r="R34058">
        <v>77</v>
      </c>
      <c r="S34058">
        <v>79</v>
      </c>
      <c r="T34058">
        <v>81</v>
      </c>
      <c r="U34058">
        <v>83</v>
      </c>
      <c r="V34058">
        <v>85</v>
      </c>
      <c r="W34058">
        <v>88</v>
      </c>
      <c r="X34058">
        <v>90</v>
      </c>
      <c r="Y34058">
        <v>92</v>
      </c>
      <c r="Z34058">
        <v>94</v>
      </c>
      <c r="AA34058">
        <v>97</v>
      </c>
      <c r="AB34058">
        <v>99</v>
      </c>
      <c r="AC34058">
        <v>101</v>
      </c>
      <c r="AD34058">
        <v>104</v>
      </c>
      <c r="AE34058">
        <v>106</v>
      </c>
      <c r="AF34058">
        <v>109</v>
      </c>
      <c r="AG34058">
        <v>112</v>
      </c>
      <c r="AH34058">
        <v>114</v>
      </c>
      <c r="AI34058">
        <v>117</v>
      </c>
      <c r="AJ34058">
        <v>120</v>
      </c>
      <c r="AK34058">
        <v>123</v>
      </c>
      <c r="AL34058">
        <v>125</v>
      </c>
      <c r="AM34058">
        <v>127</v>
      </c>
      <c r="AN34058">
        <v>129</v>
      </c>
      <c r="AO34058">
        <v>131</v>
      </c>
      <c r="AP34058">
        <v>133</v>
      </c>
      <c r="AQ34058">
        <v>135</v>
      </c>
    </row>
    <row r="34059" spans="1:43">
      <c r="A34059" t="s">
        <v>21103</v>
      </c>
      <c r="B34059" t="s">
        <v>21104</v>
      </c>
      <c r="C34059" t="s">
        <v>21099</v>
      </c>
      <c r="D34059" t="s">
        <v>21100</v>
      </c>
      <c r="E34059" t="s">
        <v>20989</v>
      </c>
      <c r="F34059" t="s">
        <v>20990</v>
      </c>
      <c r="G34059" t="s">
        <v>20255</v>
      </c>
      <c r="H34059" t="s">
        <v>20256</v>
      </c>
      <c r="I34059" s="2">
        <v>1</v>
      </c>
      <c r="J34059" s="2">
        <v>0</v>
      </c>
      <c r="K34059" s="2">
        <v>0</v>
      </c>
      <c r="L34059" t="s">
        <v>120</v>
      </c>
      <c r="M34059" t="s">
        <v>87</v>
      </c>
      <c r="N34059" t="s">
        <v>88</v>
      </c>
      <c r="O34059" t="s">
        <v>85</v>
      </c>
      <c r="P34059" t="s">
        <v>86</v>
      </c>
      <c r="Q34059">
        <v>75</v>
      </c>
      <c r="R34059">
        <v>76</v>
      </c>
      <c r="S34059">
        <v>78</v>
      </c>
      <c r="T34059">
        <v>79</v>
      </c>
      <c r="U34059">
        <v>80</v>
      </c>
      <c r="V34059">
        <v>82</v>
      </c>
      <c r="W34059">
        <v>83</v>
      </c>
      <c r="X34059">
        <v>85</v>
      </c>
      <c r="Y34059">
        <v>86</v>
      </c>
      <c r="Z34059">
        <v>88</v>
      </c>
      <c r="AA34059">
        <v>89</v>
      </c>
      <c r="AB34059">
        <v>91</v>
      </c>
      <c r="AC34059">
        <v>92</v>
      </c>
      <c r="AD34059">
        <v>94</v>
      </c>
      <c r="AE34059">
        <v>95</v>
      </c>
      <c r="AF34059">
        <v>97</v>
      </c>
      <c r="AG34059">
        <v>99</v>
      </c>
      <c r="AH34059">
        <v>100</v>
      </c>
      <c r="AI34059">
        <v>102</v>
      </c>
      <c r="AJ34059">
        <v>104</v>
      </c>
      <c r="AK34059">
        <v>106</v>
      </c>
      <c r="AL34059">
        <v>107</v>
      </c>
      <c r="AM34059">
        <v>109</v>
      </c>
      <c r="AN34059">
        <v>111</v>
      </c>
      <c r="AO34059">
        <v>113</v>
      </c>
      <c r="AP34059">
        <v>115</v>
      </c>
      <c r="AQ34059">
        <v>117</v>
      </c>
    </row>
    <row r="34060" spans="1:43">
      <c r="A34060" t="s">
        <v>21103</v>
      </c>
      <c r="B34060" t="s">
        <v>21104</v>
      </c>
      <c r="C34060" t="s">
        <v>21099</v>
      </c>
      <c r="D34060" t="s">
        <v>21100</v>
      </c>
      <c r="E34060" t="s">
        <v>20989</v>
      </c>
      <c r="F34060" t="s">
        <v>20990</v>
      </c>
      <c r="G34060" t="s">
        <v>20255</v>
      </c>
      <c r="H34060" t="s">
        <v>20256</v>
      </c>
      <c r="I34060" s="2">
        <v>1</v>
      </c>
      <c r="J34060" s="2">
        <v>0</v>
      </c>
      <c r="K34060" s="2">
        <v>0</v>
      </c>
      <c r="L34060" t="s">
        <v>120</v>
      </c>
      <c r="M34060" t="s">
        <v>89</v>
      </c>
      <c r="N34060" t="s">
        <v>90</v>
      </c>
      <c r="O34060" t="s">
        <v>85</v>
      </c>
      <c r="P34060" t="s">
        <v>86</v>
      </c>
      <c r="Q34060">
        <v>75</v>
      </c>
      <c r="R34060">
        <v>78</v>
      </c>
      <c r="S34060">
        <v>81</v>
      </c>
      <c r="T34060">
        <v>84</v>
      </c>
      <c r="U34060">
        <v>86</v>
      </c>
      <c r="V34060">
        <v>89</v>
      </c>
      <c r="W34060">
        <v>92</v>
      </c>
      <c r="X34060">
        <v>95</v>
      </c>
      <c r="Y34060">
        <v>97</v>
      </c>
      <c r="Z34060">
        <v>100</v>
      </c>
      <c r="AA34060">
        <v>103</v>
      </c>
      <c r="AB34060">
        <v>106</v>
      </c>
      <c r="AC34060">
        <v>109</v>
      </c>
      <c r="AD34060">
        <v>112</v>
      </c>
      <c r="AE34060">
        <v>114</v>
      </c>
      <c r="AF34060">
        <v>116</v>
      </c>
      <c r="AG34060">
        <v>118</v>
      </c>
      <c r="AH34060">
        <v>119</v>
      </c>
      <c r="AI34060">
        <v>121</v>
      </c>
      <c r="AJ34060">
        <v>123</v>
      </c>
      <c r="AK34060">
        <v>125</v>
      </c>
      <c r="AL34060">
        <v>127</v>
      </c>
      <c r="AM34060">
        <v>128</v>
      </c>
      <c r="AN34060">
        <v>130</v>
      </c>
      <c r="AO34060">
        <v>132</v>
      </c>
      <c r="AP34060">
        <v>134</v>
      </c>
      <c r="AQ34060">
        <v>136</v>
      </c>
    </row>
    <row r="34061" spans="1:43">
      <c r="A34061" t="s">
        <v>21103</v>
      </c>
      <c r="B34061" t="s">
        <v>21104</v>
      </c>
      <c r="C34061" t="s">
        <v>21099</v>
      </c>
      <c r="D34061" t="s">
        <v>21100</v>
      </c>
      <c r="E34061" t="s">
        <v>20989</v>
      </c>
      <c r="F34061" t="s">
        <v>20990</v>
      </c>
      <c r="G34061" t="s">
        <v>20255</v>
      </c>
      <c r="H34061" t="s">
        <v>20256</v>
      </c>
      <c r="I34061" s="2">
        <v>1</v>
      </c>
      <c r="J34061" s="2">
        <v>0</v>
      </c>
      <c r="K34061" s="2">
        <v>0</v>
      </c>
      <c r="L34061" t="s">
        <v>120</v>
      </c>
      <c r="M34061" t="s">
        <v>83</v>
      </c>
      <c r="N34061" t="s">
        <v>91</v>
      </c>
      <c r="O34061" t="s">
        <v>85</v>
      </c>
      <c r="P34061" t="s">
        <v>86</v>
      </c>
      <c r="Q34061">
        <v>75</v>
      </c>
      <c r="R34061">
        <v>77</v>
      </c>
      <c r="S34061">
        <v>79</v>
      </c>
      <c r="T34061">
        <v>81</v>
      </c>
      <c r="U34061">
        <v>83</v>
      </c>
      <c r="V34061">
        <v>85</v>
      </c>
      <c r="W34061">
        <v>88</v>
      </c>
      <c r="X34061">
        <v>90</v>
      </c>
      <c r="Y34061">
        <v>92</v>
      </c>
      <c r="Z34061">
        <v>94</v>
      </c>
      <c r="AA34061">
        <v>97</v>
      </c>
      <c r="AB34061">
        <v>99</v>
      </c>
      <c r="AC34061">
        <v>101</v>
      </c>
      <c r="AD34061">
        <v>104</v>
      </c>
      <c r="AE34061">
        <v>106</v>
      </c>
      <c r="AF34061">
        <v>109</v>
      </c>
      <c r="AG34061">
        <v>112</v>
      </c>
      <c r="AH34061">
        <v>114</v>
      </c>
      <c r="AI34061">
        <v>117</v>
      </c>
      <c r="AJ34061">
        <v>120</v>
      </c>
      <c r="AK34061">
        <v>123</v>
      </c>
      <c r="AL34061">
        <v>125</v>
      </c>
      <c r="AM34061">
        <v>127</v>
      </c>
      <c r="AN34061">
        <v>129</v>
      </c>
      <c r="AO34061">
        <v>131</v>
      </c>
      <c r="AP34061">
        <v>133</v>
      </c>
      <c r="AQ34061">
        <v>135</v>
      </c>
    </row>
    <row r="34062" spans="1:43">
      <c r="A34062" t="s">
        <v>21105</v>
      </c>
      <c r="B34062" t="s">
        <v>21106</v>
      </c>
      <c r="C34062" t="s">
        <v>20999</v>
      </c>
      <c r="D34062" t="s">
        <v>21000</v>
      </c>
      <c r="E34062" t="s">
        <v>20989</v>
      </c>
      <c r="F34062" t="s">
        <v>20990</v>
      </c>
      <c r="G34062" t="s">
        <v>20255</v>
      </c>
      <c r="H34062" t="s">
        <v>20256</v>
      </c>
      <c r="I34062" s="2">
        <v>1</v>
      </c>
      <c r="J34062" s="2">
        <v>0</v>
      </c>
      <c r="K34062" s="2">
        <v>0</v>
      </c>
      <c r="L34062" t="s">
        <v>120</v>
      </c>
      <c r="M34062" t="s">
        <v>83</v>
      </c>
      <c r="N34062" t="s">
        <v>84</v>
      </c>
      <c r="O34062" t="s">
        <v>85</v>
      </c>
      <c r="P34062" t="s">
        <v>86</v>
      </c>
      <c r="Q34062">
        <v>11</v>
      </c>
      <c r="R34062">
        <v>11</v>
      </c>
      <c r="S34062">
        <v>12</v>
      </c>
      <c r="T34062">
        <v>12</v>
      </c>
      <c r="U34062">
        <v>12</v>
      </c>
      <c r="V34062">
        <v>13</v>
      </c>
      <c r="W34062">
        <v>13</v>
      </c>
      <c r="X34062">
        <v>13</v>
      </c>
      <c r="Y34062">
        <v>14</v>
      </c>
      <c r="Z34062">
        <v>14</v>
      </c>
      <c r="AA34062">
        <v>14</v>
      </c>
      <c r="AB34062">
        <v>15</v>
      </c>
      <c r="AC34062">
        <v>15</v>
      </c>
      <c r="AD34062">
        <v>15</v>
      </c>
      <c r="AE34062">
        <v>16</v>
      </c>
      <c r="AF34062">
        <v>16</v>
      </c>
      <c r="AG34062">
        <v>17</v>
      </c>
      <c r="AH34062">
        <v>17</v>
      </c>
      <c r="AI34062">
        <v>17</v>
      </c>
      <c r="AJ34062">
        <v>18</v>
      </c>
      <c r="AK34062">
        <v>18</v>
      </c>
      <c r="AL34062">
        <v>18</v>
      </c>
      <c r="AM34062">
        <v>19</v>
      </c>
      <c r="AN34062">
        <v>19</v>
      </c>
      <c r="AO34062">
        <v>19</v>
      </c>
      <c r="AP34062">
        <v>20</v>
      </c>
      <c r="AQ34062">
        <v>20</v>
      </c>
    </row>
    <row r="34063" spans="1:43">
      <c r="A34063" t="s">
        <v>21105</v>
      </c>
      <c r="B34063" t="s">
        <v>21106</v>
      </c>
      <c r="C34063" t="s">
        <v>20999</v>
      </c>
      <c r="D34063" t="s">
        <v>21000</v>
      </c>
      <c r="E34063" t="s">
        <v>20989</v>
      </c>
      <c r="F34063" t="s">
        <v>20990</v>
      </c>
      <c r="G34063" t="s">
        <v>20255</v>
      </c>
      <c r="H34063" t="s">
        <v>20256</v>
      </c>
      <c r="I34063" s="2">
        <v>1</v>
      </c>
      <c r="J34063" s="2">
        <v>0</v>
      </c>
      <c r="K34063" s="2">
        <v>0</v>
      </c>
      <c r="L34063" t="s">
        <v>120</v>
      </c>
      <c r="M34063" t="s">
        <v>87</v>
      </c>
      <c r="N34063" t="s">
        <v>88</v>
      </c>
      <c r="O34063" t="s">
        <v>85</v>
      </c>
      <c r="P34063" t="s">
        <v>86</v>
      </c>
      <c r="Q34063">
        <v>11</v>
      </c>
      <c r="R34063">
        <v>11</v>
      </c>
      <c r="S34063">
        <v>11</v>
      </c>
      <c r="T34063">
        <v>11</v>
      </c>
      <c r="U34063">
        <v>12</v>
      </c>
      <c r="V34063">
        <v>12</v>
      </c>
      <c r="W34063">
        <v>12</v>
      </c>
      <c r="X34063">
        <v>12</v>
      </c>
      <c r="Y34063">
        <v>13</v>
      </c>
      <c r="Z34063">
        <v>13</v>
      </c>
      <c r="AA34063">
        <v>13</v>
      </c>
      <c r="AB34063">
        <v>13</v>
      </c>
      <c r="AC34063">
        <v>14</v>
      </c>
      <c r="AD34063">
        <v>14</v>
      </c>
      <c r="AE34063">
        <v>14</v>
      </c>
      <c r="AF34063">
        <v>14</v>
      </c>
      <c r="AG34063">
        <v>15</v>
      </c>
      <c r="AH34063">
        <v>15</v>
      </c>
      <c r="AI34063">
        <v>15</v>
      </c>
      <c r="AJ34063">
        <v>15</v>
      </c>
      <c r="AK34063">
        <v>16</v>
      </c>
      <c r="AL34063">
        <v>16</v>
      </c>
      <c r="AM34063">
        <v>16</v>
      </c>
      <c r="AN34063">
        <v>17</v>
      </c>
      <c r="AO34063">
        <v>17</v>
      </c>
      <c r="AP34063">
        <v>17</v>
      </c>
      <c r="AQ34063">
        <v>18</v>
      </c>
    </row>
    <row r="34064" spans="1:43">
      <c r="A34064" t="s">
        <v>21105</v>
      </c>
      <c r="B34064" t="s">
        <v>21106</v>
      </c>
      <c r="C34064" t="s">
        <v>20999</v>
      </c>
      <c r="D34064" t="s">
        <v>21000</v>
      </c>
      <c r="E34064" t="s">
        <v>20989</v>
      </c>
      <c r="F34064" t="s">
        <v>20990</v>
      </c>
      <c r="G34064" t="s">
        <v>20255</v>
      </c>
      <c r="H34064" t="s">
        <v>20256</v>
      </c>
      <c r="I34064" s="2">
        <v>1</v>
      </c>
      <c r="J34064" s="2">
        <v>0</v>
      </c>
      <c r="K34064" s="2">
        <v>0</v>
      </c>
      <c r="L34064" t="s">
        <v>120</v>
      </c>
      <c r="M34064" t="s">
        <v>89</v>
      </c>
      <c r="N34064" t="s">
        <v>90</v>
      </c>
      <c r="O34064" t="s">
        <v>85</v>
      </c>
      <c r="P34064" t="s">
        <v>86</v>
      </c>
      <c r="Q34064">
        <v>11</v>
      </c>
      <c r="R34064">
        <v>11</v>
      </c>
      <c r="S34064">
        <v>12</v>
      </c>
      <c r="T34064">
        <v>12</v>
      </c>
      <c r="U34064">
        <v>13</v>
      </c>
      <c r="V34064">
        <v>13</v>
      </c>
      <c r="W34064">
        <v>14</v>
      </c>
      <c r="X34064">
        <v>14</v>
      </c>
      <c r="Y34064">
        <v>14</v>
      </c>
      <c r="Z34064">
        <v>15</v>
      </c>
      <c r="AA34064">
        <v>15</v>
      </c>
      <c r="AB34064">
        <v>16</v>
      </c>
      <c r="AC34064">
        <v>16</v>
      </c>
      <c r="AD34064">
        <v>16</v>
      </c>
      <c r="AE34064">
        <v>17</v>
      </c>
      <c r="AF34064">
        <v>17</v>
      </c>
      <c r="AG34064">
        <v>17</v>
      </c>
      <c r="AH34064">
        <v>18</v>
      </c>
      <c r="AI34064">
        <v>18</v>
      </c>
      <c r="AJ34064">
        <v>18</v>
      </c>
      <c r="AK34064">
        <v>18</v>
      </c>
      <c r="AL34064">
        <v>19</v>
      </c>
      <c r="AM34064">
        <v>19</v>
      </c>
      <c r="AN34064">
        <v>19</v>
      </c>
      <c r="AO34064">
        <v>20</v>
      </c>
      <c r="AP34064">
        <v>20</v>
      </c>
      <c r="AQ34064">
        <v>20</v>
      </c>
    </row>
    <row r="34065" spans="1:43">
      <c r="A34065" t="s">
        <v>21105</v>
      </c>
      <c r="B34065" t="s">
        <v>21106</v>
      </c>
      <c r="C34065" t="s">
        <v>20999</v>
      </c>
      <c r="D34065" t="s">
        <v>21000</v>
      </c>
      <c r="E34065" t="s">
        <v>20989</v>
      </c>
      <c r="F34065" t="s">
        <v>20990</v>
      </c>
      <c r="G34065" t="s">
        <v>20255</v>
      </c>
      <c r="H34065" t="s">
        <v>20256</v>
      </c>
      <c r="I34065" s="2">
        <v>1</v>
      </c>
      <c r="J34065" s="2">
        <v>0</v>
      </c>
      <c r="K34065" s="2">
        <v>0</v>
      </c>
      <c r="L34065" t="s">
        <v>120</v>
      </c>
      <c r="M34065" t="s">
        <v>83</v>
      </c>
      <c r="N34065" t="s">
        <v>91</v>
      </c>
      <c r="O34065" t="s">
        <v>85</v>
      </c>
      <c r="P34065" t="s">
        <v>86</v>
      </c>
      <c r="Q34065">
        <v>11</v>
      </c>
      <c r="R34065">
        <v>11</v>
      </c>
      <c r="S34065">
        <v>12</v>
      </c>
      <c r="T34065">
        <v>12</v>
      </c>
      <c r="U34065">
        <v>12</v>
      </c>
      <c r="V34065">
        <v>13</v>
      </c>
      <c r="W34065">
        <v>13</v>
      </c>
      <c r="X34065">
        <v>13</v>
      </c>
      <c r="Y34065">
        <v>14</v>
      </c>
      <c r="Z34065">
        <v>14</v>
      </c>
      <c r="AA34065">
        <v>14</v>
      </c>
      <c r="AB34065">
        <v>15</v>
      </c>
      <c r="AC34065">
        <v>15</v>
      </c>
      <c r="AD34065">
        <v>15</v>
      </c>
      <c r="AE34065">
        <v>16</v>
      </c>
      <c r="AF34065">
        <v>16</v>
      </c>
      <c r="AG34065">
        <v>17</v>
      </c>
      <c r="AH34065">
        <v>17</v>
      </c>
      <c r="AI34065">
        <v>17</v>
      </c>
      <c r="AJ34065">
        <v>18</v>
      </c>
      <c r="AK34065">
        <v>18</v>
      </c>
      <c r="AL34065">
        <v>18</v>
      </c>
      <c r="AM34065">
        <v>19</v>
      </c>
      <c r="AN34065">
        <v>19</v>
      </c>
      <c r="AO34065">
        <v>19</v>
      </c>
      <c r="AP34065">
        <v>20</v>
      </c>
      <c r="AQ34065">
        <v>20</v>
      </c>
    </row>
    <row r="34066" spans="1:43">
      <c r="A34066" t="s">
        <v>21107</v>
      </c>
      <c r="B34066" t="s">
        <v>21108</v>
      </c>
      <c r="C34066" t="s">
        <v>20999</v>
      </c>
      <c r="D34066" t="s">
        <v>21000</v>
      </c>
      <c r="E34066" t="s">
        <v>20989</v>
      </c>
      <c r="F34066" t="s">
        <v>20990</v>
      </c>
      <c r="G34066" t="s">
        <v>20255</v>
      </c>
      <c r="H34066" t="s">
        <v>20256</v>
      </c>
      <c r="I34066" s="2">
        <v>1</v>
      </c>
      <c r="J34066" s="2">
        <v>0</v>
      </c>
      <c r="K34066" s="2">
        <v>0</v>
      </c>
      <c r="L34066" t="s">
        <v>120</v>
      </c>
      <c r="M34066" t="s">
        <v>83</v>
      </c>
      <c r="N34066" t="s">
        <v>84</v>
      </c>
      <c r="O34066" t="s">
        <v>85</v>
      </c>
      <c r="P34066" t="s">
        <v>86</v>
      </c>
      <c r="Q34066">
        <v>37</v>
      </c>
      <c r="R34066">
        <v>38</v>
      </c>
      <c r="S34066">
        <v>39</v>
      </c>
      <c r="T34066">
        <v>40</v>
      </c>
      <c r="U34066">
        <v>41</v>
      </c>
      <c r="V34066">
        <v>43</v>
      </c>
      <c r="W34066">
        <v>44</v>
      </c>
      <c r="X34066">
        <v>45</v>
      </c>
      <c r="Y34066">
        <v>46</v>
      </c>
      <c r="Z34066">
        <v>47</v>
      </c>
      <c r="AA34066">
        <v>48</v>
      </c>
      <c r="AB34066">
        <v>50</v>
      </c>
      <c r="AC34066">
        <v>51</v>
      </c>
      <c r="AD34066">
        <v>52</v>
      </c>
      <c r="AE34066">
        <v>53</v>
      </c>
      <c r="AF34066">
        <v>55</v>
      </c>
      <c r="AG34066">
        <v>56</v>
      </c>
      <c r="AH34066">
        <v>57</v>
      </c>
      <c r="AI34066">
        <v>59</v>
      </c>
      <c r="AJ34066">
        <v>60</v>
      </c>
      <c r="AK34066">
        <v>61</v>
      </c>
      <c r="AL34066">
        <v>62</v>
      </c>
      <c r="AM34066">
        <v>63</v>
      </c>
      <c r="AN34066">
        <v>64</v>
      </c>
      <c r="AO34066">
        <v>65</v>
      </c>
      <c r="AP34066">
        <v>66</v>
      </c>
      <c r="AQ34066">
        <v>67</v>
      </c>
    </row>
    <row r="34067" spans="1:43">
      <c r="A34067" t="s">
        <v>21107</v>
      </c>
      <c r="B34067" t="s">
        <v>21108</v>
      </c>
      <c r="C34067" t="s">
        <v>20999</v>
      </c>
      <c r="D34067" t="s">
        <v>21000</v>
      </c>
      <c r="E34067" t="s">
        <v>20989</v>
      </c>
      <c r="F34067" t="s">
        <v>20990</v>
      </c>
      <c r="G34067" t="s">
        <v>20255</v>
      </c>
      <c r="H34067" t="s">
        <v>20256</v>
      </c>
      <c r="I34067" s="2">
        <v>1</v>
      </c>
      <c r="J34067" s="2">
        <v>0</v>
      </c>
      <c r="K34067" s="2">
        <v>0</v>
      </c>
      <c r="L34067" t="s">
        <v>120</v>
      </c>
      <c r="M34067" t="s">
        <v>87</v>
      </c>
      <c r="N34067" t="s">
        <v>88</v>
      </c>
      <c r="O34067" t="s">
        <v>85</v>
      </c>
      <c r="P34067" t="s">
        <v>86</v>
      </c>
      <c r="Q34067">
        <v>37</v>
      </c>
      <c r="R34067">
        <v>37</v>
      </c>
      <c r="S34067">
        <v>38</v>
      </c>
      <c r="T34067">
        <v>39</v>
      </c>
      <c r="U34067">
        <v>40</v>
      </c>
      <c r="V34067">
        <v>40</v>
      </c>
      <c r="W34067">
        <v>41</v>
      </c>
      <c r="X34067">
        <v>42</v>
      </c>
      <c r="Y34067">
        <v>43</v>
      </c>
      <c r="Z34067">
        <v>43</v>
      </c>
      <c r="AA34067">
        <v>44</v>
      </c>
      <c r="AB34067">
        <v>45</v>
      </c>
      <c r="AC34067">
        <v>46</v>
      </c>
      <c r="AD34067">
        <v>47</v>
      </c>
      <c r="AE34067">
        <v>48</v>
      </c>
      <c r="AF34067">
        <v>48</v>
      </c>
      <c r="AG34067">
        <v>49</v>
      </c>
      <c r="AH34067">
        <v>50</v>
      </c>
      <c r="AI34067">
        <v>51</v>
      </c>
      <c r="AJ34067">
        <v>52</v>
      </c>
      <c r="AK34067">
        <v>53</v>
      </c>
      <c r="AL34067">
        <v>54</v>
      </c>
      <c r="AM34067">
        <v>55</v>
      </c>
      <c r="AN34067">
        <v>56</v>
      </c>
      <c r="AO34067">
        <v>57</v>
      </c>
      <c r="AP34067">
        <v>58</v>
      </c>
      <c r="AQ34067">
        <v>59</v>
      </c>
    </row>
    <row r="34068" spans="1:43">
      <c r="A34068" t="s">
        <v>21107</v>
      </c>
      <c r="B34068" t="s">
        <v>21108</v>
      </c>
      <c r="C34068" t="s">
        <v>20999</v>
      </c>
      <c r="D34068" t="s">
        <v>21000</v>
      </c>
      <c r="E34068" t="s">
        <v>20989</v>
      </c>
      <c r="F34068" t="s">
        <v>20990</v>
      </c>
      <c r="G34068" t="s">
        <v>20255</v>
      </c>
      <c r="H34068" t="s">
        <v>20256</v>
      </c>
      <c r="I34068" s="2">
        <v>1</v>
      </c>
      <c r="J34068" s="2">
        <v>0</v>
      </c>
      <c r="K34068" s="2">
        <v>0</v>
      </c>
      <c r="L34068" t="s">
        <v>120</v>
      </c>
      <c r="M34068" t="s">
        <v>89</v>
      </c>
      <c r="N34068" t="s">
        <v>90</v>
      </c>
      <c r="O34068" t="s">
        <v>85</v>
      </c>
      <c r="P34068" t="s">
        <v>86</v>
      </c>
      <c r="Q34068">
        <v>37</v>
      </c>
      <c r="R34068">
        <v>39</v>
      </c>
      <c r="S34068">
        <v>40</v>
      </c>
      <c r="T34068">
        <v>42</v>
      </c>
      <c r="U34068">
        <v>43</v>
      </c>
      <c r="V34068">
        <v>44</v>
      </c>
      <c r="W34068">
        <v>46</v>
      </c>
      <c r="X34068">
        <v>47</v>
      </c>
      <c r="Y34068">
        <v>48</v>
      </c>
      <c r="Z34068">
        <v>50</v>
      </c>
      <c r="AA34068">
        <v>51</v>
      </c>
      <c r="AB34068">
        <v>53</v>
      </c>
      <c r="AC34068">
        <v>54</v>
      </c>
      <c r="AD34068">
        <v>55</v>
      </c>
      <c r="AE34068">
        <v>57</v>
      </c>
      <c r="AF34068">
        <v>58</v>
      </c>
      <c r="AG34068">
        <v>58</v>
      </c>
      <c r="AH34068">
        <v>59</v>
      </c>
      <c r="AI34068">
        <v>60</v>
      </c>
      <c r="AJ34068">
        <v>61</v>
      </c>
      <c r="AK34068">
        <v>62</v>
      </c>
      <c r="AL34068">
        <v>63</v>
      </c>
      <c r="AM34068">
        <v>64</v>
      </c>
      <c r="AN34068">
        <v>65</v>
      </c>
      <c r="AO34068">
        <v>66</v>
      </c>
      <c r="AP34068">
        <v>67</v>
      </c>
      <c r="AQ34068">
        <v>68</v>
      </c>
    </row>
    <row r="34069" spans="1:43">
      <c r="A34069" t="s">
        <v>21107</v>
      </c>
      <c r="B34069" t="s">
        <v>21108</v>
      </c>
      <c r="C34069" t="s">
        <v>20999</v>
      </c>
      <c r="D34069" t="s">
        <v>21000</v>
      </c>
      <c r="E34069" t="s">
        <v>20989</v>
      </c>
      <c r="F34069" t="s">
        <v>20990</v>
      </c>
      <c r="G34069" t="s">
        <v>20255</v>
      </c>
      <c r="H34069" t="s">
        <v>20256</v>
      </c>
      <c r="I34069" s="2">
        <v>1</v>
      </c>
      <c r="J34069" s="2">
        <v>0</v>
      </c>
      <c r="K34069" s="2">
        <v>0</v>
      </c>
      <c r="L34069" t="s">
        <v>120</v>
      </c>
      <c r="M34069" t="s">
        <v>83</v>
      </c>
      <c r="N34069" t="s">
        <v>91</v>
      </c>
      <c r="O34069" t="s">
        <v>85</v>
      </c>
      <c r="P34069" t="s">
        <v>86</v>
      </c>
      <c r="Q34069">
        <v>37</v>
      </c>
      <c r="R34069">
        <v>38</v>
      </c>
      <c r="S34069">
        <v>39</v>
      </c>
      <c r="T34069">
        <v>40</v>
      </c>
      <c r="U34069">
        <v>41</v>
      </c>
      <c r="V34069">
        <v>43</v>
      </c>
      <c r="W34069">
        <v>44</v>
      </c>
      <c r="X34069">
        <v>45</v>
      </c>
      <c r="Y34069">
        <v>46</v>
      </c>
      <c r="Z34069">
        <v>47</v>
      </c>
      <c r="AA34069">
        <v>48</v>
      </c>
      <c r="AB34069">
        <v>50</v>
      </c>
      <c r="AC34069">
        <v>51</v>
      </c>
      <c r="AD34069">
        <v>52</v>
      </c>
      <c r="AE34069">
        <v>53</v>
      </c>
      <c r="AF34069">
        <v>55</v>
      </c>
      <c r="AG34069">
        <v>56</v>
      </c>
      <c r="AH34069">
        <v>57</v>
      </c>
      <c r="AI34069">
        <v>59</v>
      </c>
      <c r="AJ34069">
        <v>60</v>
      </c>
      <c r="AK34069">
        <v>61</v>
      </c>
      <c r="AL34069">
        <v>62</v>
      </c>
      <c r="AM34069">
        <v>63</v>
      </c>
      <c r="AN34069">
        <v>64</v>
      </c>
      <c r="AO34069">
        <v>65</v>
      </c>
      <c r="AP34069">
        <v>66</v>
      </c>
      <c r="AQ34069">
        <v>67</v>
      </c>
    </row>
    <row r="34070" spans="1:43">
      <c r="A34070" t="s">
        <v>21109</v>
      </c>
      <c r="B34070" t="s">
        <v>21110</v>
      </c>
      <c r="C34070" t="s">
        <v>20999</v>
      </c>
      <c r="D34070" t="s">
        <v>21000</v>
      </c>
      <c r="E34070" t="s">
        <v>20989</v>
      </c>
      <c r="F34070" t="s">
        <v>20990</v>
      </c>
      <c r="G34070" t="s">
        <v>20255</v>
      </c>
      <c r="H34070" t="s">
        <v>20256</v>
      </c>
      <c r="I34070" s="2">
        <v>1</v>
      </c>
      <c r="J34070" s="2">
        <v>0</v>
      </c>
      <c r="K34070" s="2">
        <v>0</v>
      </c>
      <c r="L34070" t="s">
        <v>120</v>
      </c>
      <c r="M34070" t="s">
        <v>83</v>
      </c>
      <c r="N34070" t="s">
        <v>84</v>
      </c>
      <c r="O34070" t="s">
        <v>85</v>
      </c>
      <c r="P34070" t="s">
        <v>86</v>
      </c>
      <c r="Q34070">
        <v>13</v>
      </c>
      <c r="R34070">
        <v>13</v>
      </c>
      <c r="S34070">
        <v>14</v>
      </c>
      <c r="T34070">
        <v>14</v>
      </c>
      <c r="U34070">
        <v>15</v>
      </c>
      <c r="V34070">
        <v>15</v>
      </c>
      <c r="W34070">
        <v>15</v>
      </c>
      <c r="X34070">
        <v>16</v>
      </c>
      <c r="Y34070">
        <v>16</v>
      </c>
      <c r="Z34070">
        <v>17</v>
      </c>
      <c r="AA34070">
        <v>17</v>
      </c>
      <c r="AB34070">
        <v>18</v>
      </c>
      <c r="AC34070">
        <v>18</v>
      </c>
      <c r="AD34070">
        <v>18</v>
      </c>
      <c r="AE34070">
        <v>19</v>
      </c>
      <c r="AF34070">
        <v>19</v>
      </c>
      <c r="AG34070">
        <v>20</v>
      </c>
      <c r="AH34070">
        <v>20</v>
      </c>
      <c r="AI34070">
        <v>21</v>
      </c>
      <c r="AJ34070">
        <v>21</v>
      </c>
      <c r="AK34070">
        <v>22</v>
      </c>
      <c r="AL34070">
        <v>22</v>
      </c>
      <c r="AM34070">
        <v>22</v>
      </c>
      <c r="AN34070">
        <v>23</v>
      </c>
      <c r="AO34070">
        <v>23</v>
      </c>
      <c r="AP34070">
        <v>23</v>
      </c>
      <c r="AQ34070">
        <v>24</v>
      </c>
    </row>
    <row r="34071" spans="1:43">
      <c r="A34071" t="s">
        <v>21109</v>
      </c>
      <c r="B34071" t="s">
        <v>21110</v>
      </c>
      <c r="C34071" t="s">
        <v>20999</v>
      </c>
      <c r="D34071" t="s">
        <v>21000</v>
      </c>
      <c r="E34071" t="s">
        <v>20989</v>
      </c>
      <c r="F34071" t="s">
        <v>20990</v>
      </c>
      <c r="G34071" t="s">
        <v>20255</v>
      </c>
      <c r="H34071" t="s">
        <v>20256</v>
      </c>
      <c r="I34071" s="2">
        <v>1</v>
      </c>
      <c r="J34071" s="2">
        <v>0</v>
      </c>
      <c r="K34071" s="2">
        <v>0</v>
      </c>
      <c r="L34071" t="s">
        <v>120</v>
      </c>
      <c r="M34071" t="s">
        <v>87</v>
      </c>
      <c r="N34071" t="s">
        <v>88</v>
      </c>
      <c r="O34071" t="s">
        <v>85</v>
      </c>
      <c r="P34071" t="s">
        <v>86</v>
      </c>
      <c r="Q34071">
        <v>13</v>
      </c>
      <c r="R34071">
        <v>13</v>
      </c>
      <c r="S34071">
        <v>13</v>
      </c>
      <c r="T34071">
        <v>14</v>
      </c>
      <c r="U34071">
        <v>14</v>
      </c>
      <c r="V34071">
        <v>14</v>
      </c>
      <c r="W34071">
        <v>15</v>
      </c>
      <c r="X34071">
        <v>15</v>
      </c>
      <c r="Y34071">
        <v>15</v>
      </c>
      <c r="Z34071">
        <v>15</v>
      </c>
      <c r="AA34071">
        <v>16</v>
      </c>
      <c r="AB34071">
        <v>16</v>
      </c>
      <c r="AC34071">
        <v>16</v>
      </c>
      <c r="AD34071">
        <v>17</v>
      </c>
      <c r="AE34071">
        <v>17</v>
      </c>
      <c r="AF34071">
        <v>17</v>
      </c>
      <c r="AG34071">
        <v>17</v>
      </c>
      <c r="AH34071">
        <v>18</v>
      </c>
      <c r="AI34071">
        <v>18</v>
      </c>
      <c r="AJ34071">
        <v>18</v>
      </c>
      <c r="AK34071">
        <v>19</v>
      </c>
      <c r="AL34071">
        <v>19</v>
      </c>
      <c r="AM34071">
        <v>19</v>
      </c>
      <c r="AN34071">
        <v>20</v>
      </c>
      <c r="AO34071">
        <v>20</v>
      </c>
      <c r="AP34071">
        <v>21</v>
      </c>
      <c r="AQ34071">
        <v>21</v>
      </c>
    </row>
    <row r="34072" spans="1:43">
      <c r="A34072" t="s">
        <v>21109</v>
      </c>
      <c r="B34072" t="s">
        <v>21110</v>
      </c>
      <c r="C34072" t="s">
        <v>20999</v>
      </c>
      <c r="D34072" t="s">
        <v>21000</v>
      </c>
      <c r="E34072" t="s">
        <v>20989</v>
      </c>
      <c r="F34072" t="s">
        <v>20990</v>
      </c>
      <c r="G34072" t="s">
        <v>20255</v>
      </c>
      <c r="H34072" t="s">
        <v>20256</v>
      </c>
      <c r="I34072" s="2">
        <v>1</v>
      </c>
      <c r="J34072" s="2">
        <v>0</v>
      </c>
      <c r="K34072" s="2">
        <v>0</v>
      </c>
      <c r="L34072" t="s">
        <v>120</v>
      </c>
      <c r="M34072" t="s">
        <v>89</v>
      </c>
      <c r="N34072" t="s">
        <v>90</v>
      </c>
      <c r="O34072" t="s">
        <v>85</v>
      </c>
      <c r="P34072" t="s">
        <v>86</v>
      </c>
      <c r="Q34072">
        <v>13</v>
      </c>
      <c r="R34072">
        <v>14</v>
      </c>
      <c r="S34072">
        <v>14</v>
      </c>
      <c r="T34072">
        <v>15</v>
      </c>
      <c r="U34072">
        <v>15</v>
      </c>
      <c r="V34072">
        <v>16</v>
      </c>
      <c r="W34072">
        <v>16</v>
      </c>
      <c r="X34072">
        <v>17</v>
      </c>
      <c r="Y34072">
        <v>17</v>
      </c>
      <c r="Z34072">
        <v>18</v>
      </c>
      <c r="AA34072">
        <v>18</v>
      </c>
      <c r="AB34072">
        <v>19</v>
      </c>
      <c r="AC34072">
        <v>19</v>
      </c>
      <c r="AD34072">
        <v>20</v>
      </c>
      <c r="AE34072">
        <v>20</v>
      </c>
      <c r="AF34072">
        <v>20</v>
      </c>
      <c r="AG34072">
        <v>21</v>
      </c>
      <c r="AH34072">
        <v>21</v>
      </c>
      <c r="AI34072">
        <v>21</v>
      </c>
      <c r="AJ34072">
        <v>22</v>
      </c>
      <c r="AK34072">
        <v>22</v>
      </c>
      <c r="AL34072">
        <v>22</v>
      </c>
      <c r="AM34072">
        <v>23</v>
      </c>
      <c r="AN34072">
        <v>23</v>
      </c>
      <c r="AO34072">
        <v>23</v>
      </c>
      <c r="AP34072">
        <v>24</v>
      </c>
      <c r="AQ34072">
        <v>24</v>
      </c>
    </row>
    <row r="34073" spans="1:43">
      <c r="A34073" t="s">
        <v>21109</v>
      </c>
      <c r="B34073" t="s">
        <v>21110</v>
      </c>
      <c r="C34073" t="s">
        <v>20999</v>
      </c>
      <c r="D34073" t="s">
        <v>21000</v>
      </c>
      <c r="E34073" t="s">
        <v>20989</v>
      </c>
      <c r="F34073" t="s">
        <v>20990</v>
      </c>
      <c r="G34073" t="s">
        <v>20255</v>
      </c>
      <c r="H34073" t="s">
        <v>20256</v>
      </c>
      <c r="I34073" s="2">
        <v>1</v>
      </c>
      <c r="J34073" s="2">
        <v>0</v>
      </c>
      <c r="K34073" s="2">
        <v>0</v>
      </c>
      <c r="L34073" t="s">
        <v>120</v>
      </c>
      <c r="M34073" t="s">
        <v>83</v>
      </c>
      <c r="N34073" t="s">
        <v>91</v>
      </c>
      <c r="O34073" t="s">
        <v>85</v>
      </c>
      <c r="P34073" t="s">
        <v>86</v>
      </c>
      <c r="Q34073">
        <v>13</v>
      </c>
      <c r="R34073">
        <v>13</v>
      </c>
      <c r="S34073">
        <v>14</v>
      </c>
      <c r="T34073">
        <v>14</v>
      </c>
      <c r="U34073">
        <v>15</v>
      </c>
      <c r="V34073">
        <v>15</v>
      </c>
      <c r="W34073">
        <v>15</v>
      </c>
      <c r="X34073">
        <v>16</v>
      </c>
      <c r="Y34073">
        <v>16</v>
      </c>
      <c r="Z34073">
        <v>17</v>
      </c>
      <c r="AA34073">
        <v>17</v>
      </c>
      <c r="AB34073">
        <v>18</v>
      </c>
      <c r="AC34073">
        <v>18</v>
      </c>
      <c r="AD34073">
        <v>18</v>
      </c>
      <c r="AE34073">
        <v>19</v>
      </c>
      <c r="AF34073">
        <v>19</v>
      </c>
      <c r="AG34073">
        <v>20</v>
      </c>
      <c r="AH34073">
        <v>20</v>
      </c>
      <c r="AI34073">
        <v>21</v>
      </c>
      <c r="AJ34073">
        <v>21</v>
      </c>
      <c r="AK34073">
        <v>22</v>
      </c>
      <c r="AL34073">
        <v>22</v>
      </c>
      <c r="AM34073">
        <v>22</v>
      </c>
      <c r="AN34073">
        <v>23</v>
      </c>
      <c r="AO34073">
        <v>23</v>
      </c>
      <c r="AP34073">
        <v>23</v>
      </c>
      <c r="AQ34073">
        <v>24</v>
      </c>
    </row>
    <row r="34074" spans="1:43">
      <c r="A34074" t="s">
        <v>21111</v>
      </c>
      <c r="B34074" t="s">
        <v>21112</v>
      </c>
      <c r="C34074" t="s">
        <v>21113</v>
      </c>
      <c r="D34074" t="s">
        <v>21114</v>
      </c>
      <c r="E34074" t="s">
        <v>20989</v>
      </c>
      <c r="F34074" t="s">
        <v>20990</v>
      </c>
      <c r="G34074" t="s">
        <v>20255</v>
      </c>
      <c r="H34074" t="s">
        <v>20256</v>
      </c>
      <c r="I34074" s="2">
        <v>1</v>
      </c>
      <c r="J34074" s="2">
        <v>0</v>
      </c>
      <c r="K34074" s="2">
        <v>0</v>
      </c>
      <c r="L34074" t="s">
        <v>120</v>
      </c>
      <c r="M34074" t="s">
        <v>83</v>
      </c>
      <c r="N34074" t="s">
        <v>84</v>
      </c>
      <c r="O34074" t="s">
        <v>85</v>
      </c>
      <c r="P34074" t="s">
        <v>86</v>
      </c>
      <c r="Q34074">
        <v>38</v>
      </c>
      <c r="R34074">
        <v>39</v>
      </c>
      <c r="S34074">
        <v>40</v>
      </c>
      <c r="T34074">
        <v>41</v>
      </c>
      <c r="U34074">
        <v>43</v>
      </c>
      <c r="V34074">
        <v>44</v>
      </c>
      <c r="W34074">
        <v>45</v>
      </c>
      <c r="X34074">
        <v>46</v>
      </c>
      <c r="Y34074">
        <v>47</v>
      </c>
      <c r="Z34074">
        <v>48</v>
      </c>
      <c r="AA34074">
        <v>50</v>
      </c>
      <c r="AB34074">
        <v>51</v>
      </c>
      <c r="AC34074">
        <v>52</v>
      </c>
      <c r="AD34074">
        <v>54</v>
      </c>
      <c r="AE34074">
        <v>55</v>
      </c>
      <c r="AF34074">
        <v>56</v>
      </c>
      <c r="AG34074">
        <v>58</v>
      </c>
      <c r="AH34074">
        <v>59</v>
      </c>
      <c r="AI34074">
        <v>61</v>
      </c>
      <c r="AJ34074">
        <v>62</v>
      </c>
      <c r="AK34074">
        <v>64</v>
      </c>
      <c r="AL34074">
        <v>65</v>
      </c>
      <c r="AM34074">
        <v>66</v>
      </c>
      <c r="AN34074">
        <v>67</v>
      </c>
      <c r="AO34074">
        <v>68</v>
      </c>
      <c r="AP34074">
        <v>69</v>
      </c>
      <c r="AQ34074">
        <v>70</v>
      </c>
    </row>
    <row r="34075" spans="1:43">
      <c r="A34075" t="s">
        <v>21111</v>
      </c>
      <c r="B34075" t="s">
        <v>21112</v>
      </c>
      <c r="C34075" t="s">
        <v>21113</v>
      </c>
      <c r="D34075" t="s">
        <v>21114</v>
      </c>
      <c r="E34075" t="s">
        <v>20989</v>
      </c>
      <c r="F34075" t="s">
        <v>20990</v>
      </c>
      <c r="G34075" t="s">
        <v>20255</v>
      </c>
      <c r="H34075" t="s">
        <v>20256</v>
      </c>
      <c r="I34075" s="2">
        <v>1</v>
      </c>
      <c r="J34075" s="2">
        <v>0</v>
      </c>
      <c r="K34075" s="2">
        <v>0</v>
      </c>
      <c r="L34075" t="s">
        <v>120</v>
      </c>
      <c r="M34075" t="s">
        <v>87</v>
      </c>
      <c r="N34075" t="s">
        <v>88</v>
      </c>
      <c r="O34075" t="s">
        <v>85</v>
      </c>
      <c r="P34075" t="s">
        <v>86</v>
      </c>
      <c r="Q34075">
        <v>38</v>
      </c>
      <c r="R34075">
        <v>38</v>
      </c>
      <c r="S34075">
        <v>39</v>
      </c>
      <c r="T34075">
        <v>40</v>
      </c>
      <c r="U34075">
        <v>41</v>
      </c>
      <c r="V34075">
        <v>41</v>
      </c>
      <c r="W34075">
        <v>42</v>
      </c>
      <c r="X34075">
        <v>43</v>
      </c>
      <c r="Y34075">
        <v>44</v>
      </c>
      <c r="Z34075">
        <v>44</v>
      </c>
      <c r="AA34075">
        <v>45</v>
      </c>
      <c r="AB34075">
        <v>46</v>
      </c>
      <c r="AC34075">
        <v>47</v>
      </c>
      <c r="AD34075">
        <v>48</v>
      </c>
      <c r="AE34075">
        <v>49</v>
      </c>
      <c r="AF34075">
        <v>50</v>
      </c>
      <c r="AG34075">
        <v>50</v>
      </c>
      <c r="AH34075">
        <v>51</v>
      </c>
      <c r="AI34075">
        <v>52</v>
      </c>
      <c r="AJ34075">
        <v>53</v>
      </c>
      <c r="AK34075">
        <v>54</v>
      </c>
      <c r="AL34075">
        <v>55</v>
      </c>
      <c r="AM34075">
        <v>56</v>
      </c>
      <c r="AN34075">
        <v>57</v>
      </c>
      <c r="AO34075">
        <v>58</v>
      </c>
      <c r="AP34075">
        <v>59</v>
      </c>
      <c r="AQ34075">
        <v>60</v>
      </c>
    </row>
    <row r="34076" spans="1:43">
      <c r="A34076" t="s">
        <v>21111</v>
      </c>
      <c r="B34076" t="s">
        <v>21112</v>
      </c>
      <c r="C34076" t="s">
        <v>21113</v>
      </c>
      <c r="D34076" t="s">
        <v>21114</v>
      </c>
      <c r="E34076" t="s">
        <v>20989</v>
      </c>
      <c r="F34076" t="s">
        <v>20990</v>
      </c>
      <c r="G34076" t="s">
        <v>20255</v>
      </c>
      <c r="H34076" t="s">
        <v>20256</v>
      </c>
      <c r="I34076" s="2">
        <v>1</v>
      </c>
      <c r="J34076" s="2">
        <v>0</v>
      </c>
      <c r="K34076" s="2">
        <v>0</v>
      </c>
      <c r="L34076" t="s">
        <v>120</v>
      </c>
      <c r="M34076" t="s">
        <v>89</v>
      </c>
      <c r="N34076" t="s">
        <v>90</v>
      </c>
      <c r="O34076" t="s">
        <v>85</v>
      </c>
      <c r="P34076" t="s">
        <v>86</v>
      </c>
      <c r="Q34076">
        <v>38</v>
      </c>
      <c r="R34076">
        <v>40</v>
      </c>
      <c r="S34076">
        <v>41</v>
      </c>
      <c r="T34076">
        <v>43</v>
      </c>
      <c r="U34076">
        <v>44</v>
      </c>
      <c r="V34076">
        <v>46</v>
      </c>
      <c r="W34076">
        <v>47</v>
      </c>
      <c r="X34076">
        <v>49</v>
      </c>
      <c r="Y34076">
        <v>50</v>
      </c>
      <c r="Z34076">
        <v>52</v>
      </c>
      <c r="AA34076">
        <v>53</v>
      </c>
      <c r="AB34076">
        <v>55</v>
      </c>
      <c r="AC34076">
        <v>56</v>
      </c>
      <c r="AD34076">
        <v>58</v>
      </c>
      <c r="AE34076">
        <v>59</v>
      </c>
      <c r="AF34076">
        <v>60</v>
      </c>
      <c r="AG34076">
        <v>61</v>
      </c>
      <c r="AH34076">
        <v>62</v>
      </c>
      <c r="AI34076">
        <v>63</v>
      </c>
      <c r="AJ34076">
        <v>64</v>
      </c>
      <c r="AK34076">
        <v>65</v>
      </c>
      <c r="AL34076">
        <v>66</v>
      </c>
      <c r="AM34076">
        <v>67</v>
      </c>
      <c r="AN34076">
        <v>68</v>
      </c>
      <c r="AO34076">
        <v>69</v>
      </c>
      <c r="AP34076">
        <v>70</v>
      </c>
      <c r="AQ34076">
        <v>71</v>
      </c>
    </row>
    <row r="34077" spans="1:43">
      <c r="A34077" t="s">
        <v>21111</v>
      </c>
      <c r="B34077" t="s">
        <v>21112</v>
      </c>
      <c r="C34077" t="s">
        <v>21113</v>
      </c>
      <c r="D34077" t="s">
        <v>21114</v>
      </c>
      <c r="E34077" t="s">
        <v>20989</v>
      </c>
      <c r="F34077" t="s">
        <v>20990</v>
      </c>
      <c r="G34077" t="s">
        <v>20255</v>
      </c>
      <c r="H34077" t="s">
        <v>20256</v>
      </c>
      <c r="I34077" s="2">
        <v>1</v>
      </c>
      <c r="J34077" s="2">
        <v>0</v>
      </c>
      <c r="K34077" s="2">
        <v>0</v>
      </c>
      <c r="L34077" t="s">
        <v>120</v>
      </c>
      <c r="M34077" t="s">
        <v>83</v>
      </c>
      <c r="N34077" t="s">
        <v>91</v>
      </c>
      <c r="O34077" t="s">
        <v>85</v>
      </c>
      <c r="P34077" t="s">
        <v>86</v>
      </c>
      <c r="Q34077">
        <v>38</v>
      </c>
      <c r="R34077">
        <v>39</v>
      </c>
      <c r="S34077">
        <v>40</v>
      </c>
      <c r="T34077">
        <v>41</v>
      </c>
      <c r="U34077">
        <v>43</v>
      </c>
      <c r="V34077">
        <v>44</v>
      </c>
      <c r="W34077">
        <v>45</v>
      </c>
      <c r="X34077">
        <v>46</v>
      </c>
      <c r="Y34077">
        <v>47</v>
      </c>
      <c r="Z34077">
        <v>48</v>
      </c>
      <c r="AA34077">
        <v>50</v>
      </c>
      <c r="AB34077">
        <v>51</v>
      </c>
      <c r="AC34077">
        <v>52</v>
      </c>
      <c r="AD34077">
        <v>54</v>
      </c>
      <c r="AE34077">
        <v>55</v>
      </c>
      <c r="AF34077">
        <v>56</v>
      </c>
      <c r="AG34077">
        <v>58</v>
      </c>
      <c r="AH34077">
        <v>59</v>
      </c>
      <c r="AI34077">
        <v>61</v>
      </c>
      <c r="AJ34077">
        <v>62</v>
      </c>
      <c r="AK34077">
        <v>64</v>
      </c>
      <c r="AL34077">
        <v>65</v>
      </c>
      <c r="AM34077">
        <v>66</v>
      </c>
      <c r="AN34077">
        <v>67</v>
      </c>
      <c r="AO34077">
        <v>68</v>
      </c>
      <c r="AP34077">
        <v>69</v>
      </c>
      <c r="AQ34077">
        <v>70</v>
      </c>
    </row>
    <row r="34078" spans="1:43">
      <c r="A34078" t="s">
        <v>21115</v>
      </c>
      <c r="B34078" t="s">
        <v>21116</v>
      </c>
      <c r="C34078" t="s">
        <v>21079</v>
      </c>
      <c r="D34078" t="s">
        <v>21080</v>
      </c>
      <c r="E34078" t="s">
        <v>20989</v>
      </c>
      <c r="F34078" t="s">
        <v>20990</v>
      </c>
      <c r="G34078" t="s">
        <v>20255</v>
      </c>
      <c r="H34078" t="s">
        <v>20256</v>
      </c>
      <c r="I34078" s="2">
        <v>1</v>
      </c>
      <c r="J34078" s="2">
        <v>0</v>
      </c>
      <c r="K34078" s="2">
        <v>0</v>
      </c>
      <c r="L34078" t="s">
        <v>120</v>
      </c>
      <c r="M34078" t="s">
        <v>83</v>
      </c>
      <c r="N34078" t="s">
        <v>84</v>
      </c>
      <c r="O34078" t="s">
        <v>85</v>
      </c>
      <c r="P34078" t="s">
        <v>86</v>
      </c>
      <c r="Q34078">
        <v>59</v>
      </c>
      <c r="R34078">
        <v>61</v>
      </c>
      <c r="S34078">
        <v>63</v>
      </c>
      <c r="T34078">
        <v>65</v>
      </c>
      <c r="U34078">
        <v>66</v>
      </c>
      <c r="V34078">
        <v>68</v>
      </c>
      <c r="W34078">
        <v>70</v>
      </c>
      <c r="X34078">
        <v>72</v>
      </c>
      <c r="Y34078">
        <v>74</v>
      </c>
      <c r="Z34078">
        <v>76</v>
      </c>
      <c r="AA34078">
        <v>78</v>
      </c>
      <c r="AB34078">
        <v>79</v>
      </c>
      <c r="AC34078">
        <v>81</v>
      </c>
      <c r="AD34078">
        <v>84</v>
      </c>
      <c r="AE34078">
        <v>86</v>
      </c>
      <c r="AF34078">
        <v>88</v>
      </c>
      <c r="AG34078">
        <v>90</v>
      </c>
      <c r="AH34078">
        <v>92</v>
      </c>
      <c r="AI34078">
        <v>94</v>
      </c>
      <c r="AJ34078">
        <v>97</v>
      </c>
      <c r="AK34078">
        <v>99</v>
      </c>
      <c r="AL34078">
        <v>101</v>
      </c>
      <c r="AM34078">
        <v>102</v>
      </c>
      <c r="AN34078">
        <v>104</v>
      </c>
      <c r="AO34078">
        <v>106</v>
      </c>
      <c r="AP34078">
        <v>108</v>
      </c>
      <c r="AQ34078">
        <v>109</v>
      </c>
    </row>
    <row r="34079" spans="1:43">
      <c r="A34079" t="s">
        <v>21115</v>
      </c>
      <c r="B34079" t="s">
        <v>21116</v>
      </c>
      <c r="C34079" t="s">
        <v>21079</v>
      </c>
      <c r="D34079" t="s">
        <v>21080</v>
      </c>
      <c r="E34079" t="s">
        <v>20989</v>
      </c>
      <c r="F34079" t="s">
        <v>20990</v>
      </c>
      <c r="G34079" t="s">
        <v>20255</v>
      </c>
      <c r="H34079" t="s">
        <v>20256</v>
      </c>
      <c r="I34079" s="2">
        <v>1</v>
      </c>
      <c r="J34079" s="2">
        <v>0</v>
      </c>
      <c r="K34079" s="2">
        <v>0</v>
      </c>
      <c r="L34079" t="s">
        <v>120</v>
      </c>
      <c r="M34079" t="s">
        <v>87</v>
      </c>
      <c r="N34079" t="s">
        <v>88</v>
      </c>
      <c r="O34079" t="s">
        <v>85</v>
      </c>
      <c r="P34079" t="s">
        <v>86</v>
      </c>
      <c r="Q34079">
        <v>59</v>
      </c>
      <c r="R34079">
        <v>60</v>
      </c>
      <c r="S34079">
        <v>61</v>
      </c>
      <c r="T34079">
        <v>62</v>
      </c>
      <c r="U34079">
        <v>63</v>
      </c>
      <c r="V34079">
        <v>65</v>
      </c>
      <c r="W34079">
        <v>66</v>
      </c>
      <c r="X34079">
        <v>67</v>
      </c>
      <c r="Y34079">
        <v>68</v>
      </c>
      <c r="Z34079">
        <v>69</v>
      </c>
      <c r="AA34079">
        <v>71</v>
      </c>
      <c r="AB34079">
        <v>72</v>
      </c>
      <c r="AC34079">
        <v>73</v>
      </c>
      <c r="AD34079">
        <v>75</v>
      </c>
      <c r="AE34079">
        <v>76</v>
      </c>
      <c r="AF34079">
        <v>78</v>
      </c>
      <c r="AG34079">
        <v>79</v>
      </c>
      <c r="AH34079">
        <v>80</v>
      </c>
      <c r="AI34079">
        <v>82</v>
      </c>
      <c r="AJ34079">
        <v>83</v>
      </c>
      <c r="AK34079">
        <v>85</v>
      </c>
      <c r="AL34079">
        <v>86</v>
      </c>
      <c r="AM34079">
        <v>88</v>
      </c>
      <c r="AN34079">
        <v>90</v>
      </c>
      <c r="AO34079">
        <v>91</v>
      </c>
      <c r="AP34079">
        <v>93</v>
      </c>
      <c r="AQ34079">
        <v>95</v>
      </c>
    </row>
    <row r="34080" spans="1:43">
      <c r="A34080" t="s">
        <v>21115</v>
      </c>
      <c r="B34080" t="s">
        <v>21116</v>
      </c>
      <c r="C34080" t="s">
        <v>21079</v>
      </c>
      <c r="D34080" t="s">
        <v>21080</v>
      </c>
      <c r="E34080" t="s">
        <v>20989</v>
      </c>
      <c r="F34080" t="s">
        <v>20990</v>
      </c>
      <c r="G34080" t="s">
        <v>20255</v>
      </c>
      <c r="H34080" t="s">
        <v>20256</v>
      </c>
      <c r="I34080" s="2">
        <v>1</v>
      </c>
      <c r="J34080" s="2">
        <v>0</v>
      </c>
      <c r="K34080" s="2">
        <v>0</v>
      </c>
      <c r="L34080" t="s">
        <v>120</v>
      </c>
      <c r="M34080" t="s">
        <v>89</v>
      </c>
      <c r="N34080" t="s">
        <v>90</v>
      </c>
      <c r="O34080" t="s">
        <v>85</v>
      </c>
      <c r="P34080" t="s">
        <v>86</v>
      </c>
      <c r="Q34080">
        <v>59</v>
      </c>
      <c r="R34080">
        <v>61</v>
      </c>
      <c r="S34080">
        <v>63</v>
      </c>
      <c r="T34080">
        <v>66</v>
      </c>
      <c r="U34080">
        <v>68</v>
      </c>
      <c r="V34080">
        <v>70</v>
      </c>
      <c r="W34080">
        <v>72</v>
      </c>
      <c r="X34080">
        <v>75</v>
      </c>
      <c r="Y34080">
        <v>77</v>
      </c>
      <c r="Z34080">
        <v>79</v>
      </c>
      <c r="AA34080">
        <v>81</v>
      </c>
      <c r="AB34080">
        <v>84</v>
      </c>
      <c r="AC34080">
        <v>86</v>
      </c>
      <c r="AD34080">
        <v>89</v>
      </c>
      <c r="AE34080">
        <v>91</v>
      </c>
      <c r="AF34080">
        <v>92</v>
      </c>
      <c r="AG34080">
        <v>94</v>
      </c>
      <c r="AH34080">
        <v>95</v>
      </c>
      <c r="AI34080">
        <v>97</v>
      </c>
      <c r="AJ34080">
        <v>98</v>
      </c>
      <c r="AK34080">
        <v>100</v>
      </c>
      <c r="AL34080">
        <v>101</v>
      </c>
      <c r="AM34080">
        <v>103</v>
      </c>
      <c r="AN34080">
        <v>105</v>
      </c>
      <c r="AO34080">
        <v>106</v>
      </c>
      <c r="AP34080">
        <v>108</v>
      </c>
      <c r="AQ34080">
        <v>110</v>
      </c>
    </row>
    <row r="34081" spans="1:43">
      <c r="A34081" t="s">
        <v>21115</v>
      </c>
      <c r="B34081" t="s">
        <v>21116</v>
      </c>
      <c r="C34081" t="s">
        <v>21079</v>
      </c>
      <c r="D34081" t="s">
        <v>21080</v>
      </c>
      <c r="E34081" t="s">
        <v>20989</v>
      </c>
      <c r="F34081" t="s">
        <v>20990</v>
      </c>
      <c r="G34081" t="s">
        <v>20255</v>
      </c>
      <c r="H34081" t="s">
        <v>20256</v>
      </c>
      <c r="I34081" s="2">
        <v>1</v>
      </c>
      <c r="J34081" s="2">
        <v>0</v>
      </c>
      <c r="K34081" s="2">
        <v>0</v>
      </c>
      <c r="L34081" t="s">
        <v>120</v>
      </c>
      <c r="M34081" t="s">
        <v>83</v>
      </c>
      <c r="N34081" t="s">
        <v>91</v>
      </c>
      <c r="O34081" t="s">
        <v>85</v>
      </c>
      <c r="P34081" t="s">
        <v>86</v>
      </c>
      <c r="Q34081">
        <v>59</v>
      </c>
      <c r="R34081">
        <v>61</v>
      </c>
      <c r="S34081">
        <v>63</v>
      </c>
      <c r="T34081">
        <v>65</v>
      </c>
      <c r="U34081">
        <v>66</v>
      </c>
      <c r="V34081">
        <v>68</v>
      </c>
      <c r="W34081">
        <v>70</v>
      </c>
      <c r="X34081">
        <v>72</v>
      </c>
      <c r="Y34081">
        <v>74</v>
      </c>
      <c r="Z34081">
        <v>76</v>
      </c>
      <c r="AA34081">
        <v>78</v>
      </c>
      <c r="AB34081">
        <v>79</v>
      </c>
      <c r="AC34081">
        <v>81</v>
      </c>
      <c r="AD34081">
        <v>84</v>
      </c>
      <c r="AE34081">
        <v>86</v>
      </c>
      <c r="AF34081">
        <v>88</v>
      </c>
      <c r="AG34081">
        <v>90</v>
      </c>
      <c r="AH34081">
        <v>92</v>
      </c>
      <c r="AI34081">
        <v>94</v>
      </c>
      <c r="AJ34081">
        <v>97</v>
      </c>
      <c r="AK34081">
        <v>99</v>
      </c>
      <c r="AL34081">
        <v>101</v>
      </c>
      <c r="AM34081">
        <v>102</v>
      </c>
      <c r="AN34081">
        <v>104</v>
      </c>
      <c r="AO34081">
        <v>106</v>
      </c>
      <c r="AP34081">
        <v>108</v>
      </c>
      <c r="AQ34081">
        <v>109</v>
      </c>
    </row>
    <row r="34082" spans="1:43">
      <c r="A34082" t="s">
        <v>21117</v>
      </c>
      <c r="B34082" t="s">
        <v>21118</v>
      </c>
      <c r="C34082" t="s">
        <v>21113</v>
      </c>
      <c r="D34082" t="s">
        <v>21114</v>
      </c>
      <c r="E34082" t="s">
        <v>20989</v>
      </c>
      <c r="F34082" t="s">
        <v>20990</v>
      </c>
      <c r="G34082" t="s">
        <v>20255</v>
      </c>
      <c r="H34082" t="s">
        <v>20256</v>
      </c>
      <c r="I34082" s="2">
        <v>1</v>
      </c>
      <c r="J34082" s="2">
        <v>0</v>
      </c>
      <c r="K34082" s="2">
        <v>0</v>
      </c>
      <c r="L34082" t="s">
        <v>120</v>
      </c>
      <c r="M34082" t="s">
        <v>83</v>
      </c>
      <c r="N34082" t="s">
        <v>84</v>
      </c>
      <c r="O34082" t="s">
        <v>85</v>
      </c>
      <c r="P34082" t="s">
        <v>86</v>
      </c>
      <c r="Q34082">
        <v>80</v>
      </c>
      <c r="R34082">
        <v>81</v>
      </c>
      <c r="S34082">
        <v>82</v>
      </c>
      <c r="T34082">
        <v>84</v>
      </c>
      <c r="U34082">
        <v>85</v>
      </c>
      <c r="V34082">
        <v>87</v>
      </c>
      <c r="W34082">
        <v>88</v>
      </c>
      <c r="X34082">
        <v>89</v>
      </c>
      <c r="Y34082">
        <v>91</v>
      </c>
      <c r="Z34082">
        <v>92</v>
      </c>
      <c r="AA34082">
        <v>93</v>
      </c>
      <c r="AB34082">
        <v>95</v>
      </c>
      <c r="AC34082">
        <v>96</v>
      </c>
      <c r="AD34082">
        <v>98</v>
      </c>
      <c r="AE34082">
        <v>99</v>
      </c>
      <c r="AF34082">
        <v>100</v>
      </c>
      <c r="AG34082">
        <v>102</v>
      </c>
      <c r="AH34082">
        <v>103</v>
      </c>
      <c r="AI34082">
        <v>105</v>
      </c>
      <c r="AJ34082">
        <v>106</v>
      </c>
      <c r="AK34082">
        <v>108</v>
      </c>
      <c r="AL34082">
        <v>109</v>
      </c>
      <c r="AM34082">
        <v>109</v>
      </c>
      <c r="AN34082">
        <v>110</v>
      </c>
      <c r="AO34082">
        <v>111</v>
      </c>
      <c r="AP34082">
        <v>112</v>
      </c>
      <c r="AQ34082">
        <v>113</v>
      </c>
    </row>
    <row r="34083" spans="1:43">
      <c r="A34083" t="s">
        <v>21117</v>
      </c>
      <c r="B34083" t="s">
        <v>21118</v>
      </c>
      <c r="C34083" t="s">
        <v>21113</v>
      </c>
      <c r="D34083" t="s">
        <v>21114</v>
      </c>
      <c r="E34083" t="s">
        <v>20989</v>
      </c>
      <c r="F34083" t="s">
        <v>20990</v>
      </c>
      <c r="G34083" t="s">
        <v>20255</v>
      </c>
      <c r="H34083" t="s">
        <v>20256</v>
      </c>
      <c r="I34083" s="2">
        <v>1</v>
      </c>
      <c r="J34083" s="2">
        <v>0</v>
      </c>
      <c r="K34083" s="2">
        <v>0</v>
      </c>
      <c r="L34083" t="s">
        <v>120</v>
      </c>
      <c r="M34083" t="s">
        <v>87</v>
      </c>
      <c r="N34083" t="s">
        <v>88</v>
      </c>
      <c r="O34083" t="s">
        <v>85</v>
      </c>
      <c r="P34083" t="s">
        <v>86</v>
      </c>
      <c r="Q34083">
        <v>80</v>
      </c>
      <c r="R34083">
        <v>81</v>
      </c>
      <c r="S34083">
        <v>81</v>
      </c>
      <c r="T34083">
        <v>82</v>
      </c>
      <c r="U34083">
        <v>82</v>
      </c>
      <c r="V34083">
        <v>83</v>
      </c>
      <c r="W34083">
        <v>84</v>
      </c>
      <c r="X34083">
        <v>84</v>
      </c>
      <c r="Y34083">
        <v>85</v>
      </c>
      <c r="Z34083">
        <v>86</v>
      </c>
      <c r="AA34083">
        <v>86</v>
      </c>
      <c r="AB34083">
        <v>87</v>
      </c>
      <c r="AC34083">
        <v>88</v>
      </c>
      <c r="AD34083">
        <v>88</v>
      </c>
      <c r="AE34083">
        <v>89</v>
      </c>
      <c r="AF34083">
        <v>90</v>
      </c>
      <c r="AG34083">
        <v>90</v>
      </c>
      <c r="AH34083">
        <v>91</v>
      </c>
      <c r="AI34083">
        <v>92</v>
      </c>
      <c r="AJ34083">
        <v>92</v>
      </c>
      <c r="AK34083">
        <v>93</v>
      </c>
      <c r="AL34083">
        <v>94</v>
      </c>
      <c r="AM34083">
        <v>95</v>
      </c>
      <c r="AN34083">
        <v>96</v>
      </c>
      <c r="AO34083">
        <v>96</v>
      </c>
      <c r="AP34083">
        <v>97</v>
      </c>
      <c r="AQ34083">
        <v>98</v>
      </c>
    </row>
    <row r="34084" spans="1:43">
      <c r="A34084" t="s">
        <v>21117</v>
      </c>
      <c r="B34084" t="s">
        <v>21118</v>
      </c>
      <c r="C34084" t="s">
        <v>21113</v>
      </c>
      <c r="D34084" t="s">
        <v>21114</v>
      </c>
      <c r="E34084" t="s">
        <v>20989</v>
      </c>
      <c r="F34084" t="s">
        <v>20990</v>
      </c>
      <c r="G34084" t="s">
        <v>20255</v>
      </c>
      <c r="H34084" t="s">
        <v>20256</v>
      </c>
      <c r="I34084" s="2">
        <v>1</v>
      </c>
      <c r="J34084" s="2">
        <v>0</v>
      </c>
      <c r="K34084" s="2">
        <v>0</v>
      </c>
      <c r="L34084" t="s">
        <v>120</v>
      </c>
      <c r="M34084" t="s">
        <v>89</v>
      </c>
      <c r="N34084" t="s">
        <v>90</v>
      </c>
      <c r="O34084" t="s">
        <v>85</v>
      </c>
      <c r="P34084" t="s">
        <v>86</v>
      </c>
      <c r="Q34084">
        <v>80</v>
      </c>
      <c r="R34084">
        <v>83</v>
      </c>
      <c r="S34084">
        <v>85</v>
      </c>
      <c r="T34084">
        <v>87</v>
      </c>
      <c r="U34084">
        <v>89</v>
      </c>
      <c r="V34084">
        <v>90</v>
      </c>
      <c r="W34084">
        <v>92</v>
      </c>
      <c r="X34084">
        <v>94</v>
      </c>
      <c r="Y34084">
        <v>96</v>
      </c>
      <c r="Z34084">
        <v>98</v>
      </c>
      <c r="AA34084">
        <v>99</v>
      </c>
      <c r="AB34084">
        <v>101</v>
      </c>
      <c r="AC34084">
        <v>103</v>
      </c>
      <c r="AD34084">
        <v>105</v>
      </c>
      <c r="AE34084">
        <v>106</v>
      </c>
      <c r="AF34084">
        <v>107</v>
      </c>
      <c r="AG34084">
        <v>107</v>
      </c>
      <c r="AH34084">
        <v>108</v>
      </c>
      <c r="AI34084">
        <v>109</v>
      </c>
      <c r="AJ34084">
        <v>109</v>
      </c>
      <c r="AK34084">
        <v>110</v>
      </c>
      <c r="AL34084">
        <v>111</v>
      </c>
      <c r="AM34084">
        <v>112</v>
      </c>
      <c r="AN34084">
        <v>112</v>
      </c>
      <c r="AO34084">
        <v>113</v>
      </c>
      <c r="AP34084">
        <v>114</v>
      </c>
      <c r="AQ34084">
        <v>115</v>
      </c>
    </row>
    <row r="34085" spans="1:43">
      <c r="A34085" t="s">
        <v>21117</v>
      </c>
      <c r="B34085" t="s">
        <v>21118</v>
      </c>
      <c r="C34085" t="s">
        <v>21113</v>
      </c>
      <c r="D34085" t="s">
        <v>21114</v>
      </c>
      <c r="E34085" t="s">
        <v>20989</v>
      </c>
      <c r="F34085" t="s">
        <v>20990</v>
      </c>
      <c r="G34085" t="s">
        <v>20255</v>
      </c>
      <c r="H34085" t="s">
        <v>20256</v>
      </c>
      <c r="I34085" s="2">
        <v>1</v>
      </c>
      <c r="J34085" s="2">
        <v>0</v>
      </c>
      <c r="K34085" s="2">
        <v>0</v>
      </c>
      <c r="L34085" t="s">
        <v>120</v>
      </c>
      <c r="M34085" t="s">
        <v>83</v>
      </c>
      <c r="N34085" t="s">
        <v>91</v>
      </c>
      <c r="O34085" t="s">
        <v>85</v>
      </c>
      <c r="P34085" t="s">
        <v>86</v>
      </c>
      <c r="Q34085">
        <v>80</v>
      </c>
      <c r="R34085">
        <v>81</v>
      </c>
      <c r="S34085">
        <v>82</v>
      </c>
      <c r="T34085">
        <v>84</v>
      </c>
      <c r="U34085">
        <v>85</v>
      </c>
      <c r="V34085">
        <v>87</v>
      </c>
      <c r="W34085">
        <v>88</v>
      </c>
      <c r="X34085">
        <v>89</v>
      </c>
      <c r="Y34085">
        <v>91</v>
      </c>
      <c r="Z34085">
        <v>92</v>
      </c>
      <c r="AA34085">
        <v>93</v>
      </c>
      <c r="AB34085">
        <v>95</v>
      </c>
      <c r="AC34085">
        <v>96</v>
      </c>
      <c r="AD34085">
        <v>98</v>
      </c>
      <c r="AE34085">
        <v>99</v>
      </c>
      <c r="AF34085">
        <v>100</v>
      </c>
      <c r="AG34085">
        <v>102</v>
      </c>
      <c r="AH34085">
        <v>103</v>
      </c>
      <c r="AI34085">
        <v>105</v>
      </c>
      <c r="AJ34085">
        <v>106</v>
      </c>
      <c r="AK34085">
        <v>108</v>
      </c>
      <c r="AL34085">
        <v>109</v>
      </c>
      <c r="AM34085">
        <v>109</v>
      </c>
      <c r="AN34085">
        <v>110</v>
      </c>
      <c r="AO34085">
        <v>111</v>
      </c>
      <c r="AP34085">
        <v>112</v>
      </c>
      <c r="AQ34085">
        <v>113</v>
      </c>
    </row>
    <row r="34086" spans="1:43">
      <c r="A34086" t="s">
        <v>21119</v>
      </c>
      <c r="B34086" t="s">
        <v>21120</v>
      </c>
      <c r="C34086" t="s">
        <v>21029</v>
      </c>
      <c r="D34086" t="s">
        <v>21030</v>
      </c>
      <c r="E34086" t="s">
        <v>20989</v>
      </c>
      <c r="F34086" t="s">
        <v>20990</v>
      </c>
      <c r="G34086" t="s">
        <v>20255</v>
      </c>
      <c r="H34086" t="s">
        <v>20256</v>
      </c>
      <c r="I34086" s="2">
        <v>1</v>
      </c>
      <c r="J34086" s="2">
        <v>0</v>
      </c>
      <c r="K34086" s="2">
        <v>0</v>
      </c>
      <c r="L34086" t="s">
        <v>120</v>
      </c>
      <c r="M34086" t="s">
        <v>83</v>
      </c>
      <c r="N34086" t="s">
        <v>84</v>
      </c>
      <c r="O34086" t="s">
        <v>85</v>
      </c>
      <c r="P34086" t="s">
        <v>86</v>
      </c>
      <c r="Q34086">
        <v>44</v>
      </c>
      <c r="R34086">
        <v>44</v>
      </c>
      <c r="S34086">
        <v>45</v>
      </c>
      <c r="T34086">
        <v>46</v>
      </c>
      <c r="U34086">
        <v>47</v>
      </c>
      <c r="V34086">
        <v>47</v>
      </c>
      <c r="W34086">
        <v>48</v>
      </c>
      <c r="X34086">
        <v>49</v>
      </c>
      <c r="Y34086">
        <v>49</v>
      </c>
      <c r="Z34086">
        <v>50</v>
      </c>
      <c r="AA34086">
        <v>51</v>
      </c>
      <c r="AB34086">
        <v>51</v>
      </c>
      <c r="AC34086">
        <v>52</v>
      </c>
      <c r="AD34086">
        <v>53</v>
      </c>
      <c r="AE34086">
        <v>54</v>
      </c>
      <c r="AF34086">
        <v>54</v>
      </c>
      <c r="AG34086">
        <v>55</v>
      </c>
      <c r="AH34086">
        <v>56</v>
      </c>
      <c r="AI34086">
        <v>56</v>
      </c>
      <c r="AJ34086">
        <v>57</v>
      </c>
      <c r="AK34086">
        <v>58</v>
      </c>
      <c r="AL34086">
        <v>58</v>
      </c>
      <c r="AM34086">
        <v>59</v>
      </c>
      <c r="AN34086">
        <v>59</v>
      </c>
      <c r="AO34086">
        <v>59</v>
      </c>
      <c r="AP34086">
        <v>60</v>
      </c>
      <c r="AQ34086">
        <v>60</v>
      </c>
    </row>
    <row r="34087" spans="1:43">
      <c r="A34087" t="s">
        <v>21119</v>
      </c>
      <c r="B34087" t="s">
        <v>21120</v>
      </c>
      <c r="C34087" t="s">
        <v>21029</v>
      </c>
      <c r="D34087" t="s">
        <v>21030</v>
      </c>
      <c r="E34087" t="s">
        <v>20989</v>
      </c>
      <c r="F34087" t="s">
        <v>20990</v>
      </c>
      <c r="G34087" t="s">
        <v>20255</v>
      </c>
      <c r="H34087" t="s">
        <v>20256</v>
      </c>
      <c r="I34087" s="2">
        <v>1</v>
      </c>
      <c r="J34087" s="2">
        <v>0</v>
      </c>
      <c r="K34087" s="2">
        <v>0</v>
      </c>
      <c r="L34087" t="s">
        <v>120</v>
      </c>
      <c r="M34087" t="s">
        <v>87</v>
      </c>
      <c r="N34087" t="s">
        <v>88</v>
      </c>
      <c r="O34087" t="s">
        <v>85</v>
      </c>
      <c r="P34087" t="s">
        <v>86</v>
      </c>
      <c r="Q34087">
        <v>44</v>
      </c>
      <c r="R34087">
        <v>45</v>
      </c>
      <c r="S34087">
        <v>45</v>
      </c>
      <c r="T34087">
        <v>45</v>
      </c>
      <c r="U34087">
        <v>45</v>
      </c>
      <c r="V34087">
        <v>46</v>
      </c>
      <c r="W34087">
        <v>46</v>
      </c>
      <c r="X34087">
        <v>46</v>
      </c>
      <c r="Y34087">
        <v>47</v>
      </c>
      <c r="Z34087">
        <v>47</v>
      </c>
      <c r="AA34087">
        <v>47</v>
      </c>
      <c r="AB34087">
        <v>48</v>
      </c>
      <c r="AC34087">
        <v>48</v>
      </c>
      <c r="AD34087">
        <v>48</v>
      </c>
      <c r="AE34087">
        <v>49</v>
      </c>
      <c r="AF34087">
        <v>49</v>
      </c>
      <c r="AG34087">
        <v>49</v>
      </c>
      <c r="AH34087">
        <v>50</v>
      </c>
      <c r="AI34087">
        <v>50</v>
      </c>
      <c r="AJ34087">
        <v>50</v>
      </c>
      <c r="AK34087">
        <v>51</v>
      </c>
      <c r="AL34087">
        <v>51</v>
      </c>
      <c r="AM34087">
        <v>51</v>
      </c>
      <c r="AN34087">
        <v>52</v>
      </c>
      <c r="AO34087">
        <v>52</v>
      </c>
      <c r="AP34087">
        <v>53</v>
      </c>
      <c r="AQ34087">
        <v>53</v>
      </c>
    </row>
    <row r="34088" spans="1:43">
      <c r="A34088" t="s">
        <v>21119</v>
      </c>
      <c r="B34088" t="s">
        <v>21120</v>
      </c>
      <c r="C34088" t="s">
        <v>21029</v>
      </c>
      <c r="D34088" t="s">
        <v>21030</v>
      </c>
      <c r="E34088" t="s">
        <v>20989</v>
      </c>
      <c r="F34088" t="s">
        <v>20990</v>
      </c>
      <c r="G34088" t="s">
        <v>20255</v>
      </c>
      <c r="H34088" t="s">
        <v>20256</v>
      </c>
      <c r="I34088" s="2">
        <v>1</v>
      </c>
      <c r="J34088" s="2">
        <v>0</v>
      </c>
      <c r="K34088" s="2">
        <v>0</v>
      </c>
      <c r="L34088" t="s">
        <v>120</v>
      </c>
      <c r="M34088" t="s">
        <v>89</v>
      </c>
      <c r="N34088" t="s">
        <v>90</v>
      </c>
      <c r="O34088" t="s">
        <v>85</v>
      </c>
      <c r="P34088" t="s">
        <v>86</v>
      </c>
      <c r="Q34088">
        <v>44</v>
      </c>
      <c r="R34088">
        <v>45</v>
      </c>
      <c r="S34088">
        <v>46</v>
      </c>
      <c r="T34088">
        <v>47</v>
      </c>
      <c r="U34088">
        <v>48</v>
      </c>
      <c r="V34088">
        <v>49</v>
      </c>
      <c r="W34088">
        <v>50</v>
      </c>
      <c r="X34088">
        <v>51</v>
      </c>
      <c r="Y34088">
        <v>52</v>
      </c>
      <c r="Z34088">
        <v>53</v>
      </c>
      <c r="AA34088">
        <v>54</v>
      </c>
      <c r="AB34088">
        <v>55</v>
      </c>
      <c r="AC34088">
        <v>56</v>
      </c>
      <c r="AD34088">
        <v>57</v>
      </c>
      <c r="AE34088">
        <v>57</v>
      </c>
      <c r="AF34088">
        <v>58</v>
      </c>
      <c r="AG34088">
        <v>58</v>
      </c>
      <c r="AH34088">
        <v>58</v>
      </c>
      <c r="AI34088">
        <v>58</v>
      </c>
      <c r="AJ34088">
        <v>59</v>
      </c>
      <c r="AK34088">
        <v>59</v>
      </c>
      <c r="AL34088">
        <v>59</v>
      </c>
      <c r="AM34088">
        <v>60</v>
      </c>
      <c r="AN34088">
        <v>60</v>
      </c>
      <c r="AO34088">
        <v>60</v>
      </c>
      <c r="AP34088">
        <v>61</v>
      </c>
      <c r="AQ34088">
        <v>61</v>
      </c>
    </row>
    <row r="34089" spans="1:43">
      <c r="A34089" t="s">
        <v>21119</v>
      </c>
      <c r="B34089" t="s">
        <v>21120</v>
      </c>
      <c r="C34089" t="s">
        <v>21029</v>
      </c>
      <c r="D34089" t="s">
        <v>21030</v>
      </c>
      <c r="E34089" t="s">
        <v>20989</v>
      </c>
      <c r="F34089" t="s">
        <v>20990</v>
      </c>
      <c r="G34089" t="s">
        <v>20255</v>
      </c>
      <c r="H34089" t="s">
        <v>20256</v>
      </c>
      <c r="I34089" s="2">
        <v>1</v>
      </c>
      <c r="J34089" s="2">
        <v>0</v>
      </c>
      <c r="K34089" s="2">
        <v>0</v>
      </c>
      <c r="L34089" t="s">
        <v>120</v>
      </c>
      <c r="M34089" t="s">
        <v>83</v>
      </c>
      <c r="N34089" t="s">
        <v>91</v>
      </c>
      <c r="O34089" t="s">
        <v>85</v>
      </c>
      <c r="P34089" t="s">
        <v>86</v>
      </c>
      <c r="Q34089">
        <v>44</v>
      </c>
      <c r="R34089">
        <v>44</v>
      </c>
      <c r="S34089">
        <v>45</v>
      </c>
      <c r="T34089">
        <v>46</v>
      </c>
      <c r="U34089">
        <v>47</v>
      </c>
      <c r="V34089">
        <v>47</v>
      </c>
      <c r="W34089">
        <v>48</v>
      </c>
      <c r="X34089">
        <v>49</v>
      </c>
      <c r="Y34089">
        <v>49</v>
      </c>
      <c r="Z34089">
        <v>50</v>
      </c>
      <c r="AA34089">
        <v>51</v>
      </c>
      <c r="AB34089">
        <v>51</v>
      </c>
      <c r="AC34089">
        <v>52</v>
      </c>
      <c r="AD34089">
        <v>53</v>
      </c>
      <c r="AE34089">
        <v>54</v>
      </c>
      <c r="AF34089">
        <v>54</v>
      </c>
      <c r="AG34089">
        <v>55</v>
      </c>
      <c r="AH34089">
        <v>56</v>
      </c>
      <c r="AI34089">
        <v>56</v>
      </c>
      <c r="AJ34089">
        <v>57</v>
      </c>
      <c r="AK34089">
        <v>58</v>
      </c>
      <c r="AL34089">
        <v>58</v>
      </c>
      <c r="AM34089">
        <v>59</v>
      </c>
      <c r="AN34089">
        <v>59</v>
      </c>
      <c r="AO34089">
        <v>59</v>
      </c>
      <c r="AP34089">
        <v>60</v>
      </c>
      <c r="AQ34089">
        <v>60</v>
      </c>
    </row>
    <row r="34090" spans="1:43">
      <c r="A34090" t="s">
        <v>21121</v>
      </c>
      <c r="B34090" t="s">
        <v>21122</v>
      </c>
      <c r="C34090" t="s">
        <v>21029</v>
      </c>
      <c r="D34090" t="s">
        <v>21030</v>
      </c>
      <c r="E34090" t="s">
        <v>20989</v>
      </c>
      <c r="F34090" t="s">
        <v>20990</v>
      </c>
      <c r="G34090" t="s">
        <v>20255</v>
      </c>
      <c r="H34090" t="s">
        <v>20256</v>
      </c>
      <c r="I34090" s="2">
        <v>1</v>
      </c>
      <c r="J34090" s="2">
        <v>0</v>
      </c>
      <c r="K34090" s="2">
        <v>0</v>
      </c>
      <c r="L34090" t="s">
        <v>120</v>
      </c>
      <c r="M34090" t="s">
        <v>83</v>
      </c>
      <c r="N34090" t="s">
        <v>84</v>
      </c>
      <c r="O34090" t="s">
        <v>85</v>
      </c>
      <c r="P34090" t="s">
        <v>86</v>
      </c>
      <c r="Q34090">
        <v>29</v>
      </c>
      <c r="R34090">
        <v>30</v>
      </c>
      <c r="S34090">
        <v>31</v>
      </c>
      <c r="T34090">
        <v>31</v>
      </c>
      <c r="U34090">
        <v>32</v>
      </c>
      <c r="V34090">
        <v>33</v>
      </c>
      <c r="W34090">
        <v>34</v>
      </c>
      <c r="X34090">
        <v>35</v>
      </c>
      <c r="Y34090">
        <v>36</v>
      </c>
      <c r="Z34090">
        <v>37</v>
      </c>
      <c r="AA34090">
        <v>38</v>
      </c>
      <c r="AB34090">
        <v>39</v>
      </c>
      <c r="AC34090">
        <v>40</v>
      </c>
      <c r="AD34090">
        <v>40</v>
      </c>
      <c r="AE34090">
        <v>41</v>
      </c>
      <c r="AF34090">
        <v>43</v>
      </c>
      <c r="AG34090">
        <v>44</v>
      </c>
      <c r="AH34090">
        <v>45</v>
      </c>
      <c r="AI34090">
        <v>46</v>
      </c>
      <c r="AJ34090">
        <v>47</v>
      </c>
      <c r="AK34090">
        <v>48</v>
      </c>
      <c r="AL34090">
        <v>49</v>
      </c>
      <c r="AM34090">
        <v>50</v>
      </c>
      <c r="AN34090">
        <v>50</v>
      </c>
      <c r="AO34090">
        <v>51</v>
      </c>
      <c r="AP34090">
        <v>52</v>
      </c>
      <c r="AQ34090">
        <v>53</v>
      </c>
    </row>
    <row r="34091" spans="1:43">
      <c r="A34091" t="s">
        <v>21121</v>
      </c>
      <c r="B34091" t="s">
        <v>21122</v>
      </c>
      <c r="C34091" t="s">
        <v>21029</v>
      </c>
      <c r="D34091" t="s">
        <v>21030</v>
      </c>
      <c r="E34091" t="s">
        <v>20989</v>
      </c>
      <c r="F34091" t="s">
        <v>20990</v>
      </c>
      <c r="G34091" t="s">
        <v>20255</v>
      </c>
      <c r="H34091" t="s">
        <v>20256</v>
      </c>
      <c r="I34091" s="2">
        <v>1</v>
      </c>
      <c r="J34091" s="2">
        <v>0</v>
      </c>
      <c r="K34091" s="2">
        <v>0</v>
      </c>
      <c r="L34091" t="s">
        <v>120</v>
      </c>
      <c r="M34091" t="s">
        <v>87</v>
      </c>
      <c r="N34091" t="s">
        <v>88</v>
      </c>
      <c r="O34091" t="s">
        <v>85</v>
      </c>
      <c r="P34091" t="s">
        <v>86</v>
      </c>
      <c r="Q34091">
        <v>29</v>
      </c>
      <c r="R34091">
        <v>29</v>
      </c>
      <c r="S34091">
        <v>30</v>
      </c>
      <c r="T34091">
        <v>30</v>
      </c>
      <c r="U34091">
        <v>31</v>
      </c>
      <c r="V34091">
        <v>31</v>
      </c>
      <c r="W34091">
        <v>32</v>
      </c>
      <c r="X34091">
        <v>32</v>
      </c>
      <c r="Y34091">
        <v>33</v>
      </c>
      <c r="Z34091">
        <v>34</v>
      </c>
      <c r="AA34091">
        <v>34</v>
      </c>
      <c r="AB34091">
        <v>35</v>
      </c>
      <c r="AC34091">
        <v>36</v>
      </c>
      <c r="AD34091">
        <v>36</v>
      </c>
      <c r="AE34091">
        <v>37</v>
      </c>
      <c r="AF34091">
        <v>38</v>
      </c>
      <c r="AG34091">
        <v>38</v>
      </c>
      <c r="AH34091">
        <v>39</v>
      </c>
      <c r="AI34091">
        <v>40</v>
      </c>
      <c r="AJ34091">
        <v>40</v>
      </c>
      <c r="AK34091">
        <v>41</v>
      </c>
      <c r="AL34091">
        <v>42</v>
      </c>
      <c r="AM34091">
        <v>43</v>
      </c>
      <c r="AN34091">
        <v>43</v>
      </c>
      <c r="AO34091">
        <v>44</v>
      </c>
      <c r="AP34091">
        <v>45</v>
      </c>
      <c r="AQ34091">
        <v>46</v>
      </c>
    </row>
    <row r="34092" spans="1:43">
      <c r="A34092" t="s">
        <v>21121</v>
      </c>
      <c r="B34092" t="s">
        <v>21122</v>
      </c>
      <c r="C34092" t="s">
        <v>21029</v>
      </c>
      <c r="D34092" t="s">
        <v>21030</v>
      </c>
      <c r="E34092" t="s">
        <v>20989</v>
      </c>
      <c r="F34092" t="s">
        <v>20990</v>
      </c>
      <c r="G34092" t="s">
        <v>20255</v>
      </c>
      <c r="H34092" t="s">
        <v>20256</v>
      </c>
      <c r="I34092" s="2">
        <v>1</v>
      </c>
      <c r="J34092" s="2">
        <v>0</v>
      </c>
      <c r="K34092" s="2">
        <v>0</v>
      </c>
      <c r="L34092" t="s">
        <v>120</v>
      </c>
      <c r="M34092" t="s">
        <v>89</v>
      </c>
      <c r="N34092" t="s">
        <v>90</v>
      </c>
      <c r="O34092" t="s">
        <v>85</v>
      </c>
      <c r="P34092" t="s">
        <v>86</v>
      </c>
      <c r="Q34092">
        <v>29</v>
      </c>
      <c r="R34092">
        <v>30</v>
      </c>
      <c r="S34092">
        <v>31</v>
      </c>
      <c r="T34092">
        <v>32</v>
      </c>
      <c r="U34092">
        <v>33</v>
      </c>
      <c r="V34092">
        <v>35</v>
      </c>
      <c r="W34092">
        <v>36</v>
      </c>
      <c r="X34092">
        <v>37</v>
      </c>
      <c r="Y34092">
        <v>38</v>
      </c>
      <c r="Z34092">
        <v>39</v>
      </c>
      <c r="AA34092">
        <v>40</v>
      </c>
      <c r="AB34092">
        <v>41</v>
      </c>
      <c r="AC34092">
        <v>42</v>
      </c>
      <c r="AD34092">
        <v>43</v>
      </c>
      <c r="AE34092">
        <v>44</v>
      </c>
      <c r="AF34092">
        <v>45</v>
      </c>
      <c r="AG34092">
        <v>46</v>
      </c>
      <c r="AH34092">
        <v>47</v>
      </c>
      <c r="AI34092">
        <v>47</v>
      </c>
      <c r="AJ34092">
        <v>48</v>
      </c>
      <c r="AK34092">
        <v>49</v>
      </c>
      <c r="AL34092">
        <v>49</v>
      </c>
      <c r="AM34092">
        <v>50</v>
      </c>
      <c r="AN34092">
        <v>51</v>
      </c>
      <c r="AO34092">
        <v>52</v>
      </c>
      <c r="AP34092">
        <v>52</v>
      </c>
      <c r="AQ34092">
        <v>53</v>
      </c>
    </row>
    <row r="34093" spans="1:43">
      <c r="A34093" t="s">
        <v>21121</v>
      </c>
      <c r="B34093" t="s">
        <v>21122</v>
      </c>
      <c r="C34093" t="s">
        <v>21029</v>
      </c>
      <c r="D34093" t="s">
        <v>21030</v>
      </c>
      <c r="E34093" t="s">
        <v>20989</v>
      </c>
      <c r="F34093" t="s">
        <v>20990</v>
      </c>
      <c r="G34093" t="s">
        <v>20255</v>
      </c>
      <c r="H34093" t="s">
        <v>20256</v>
      </c>
      <c r="I34093" s="2">
        <v>1</v>
      </c>
      <c r="J34093" s="2">
        <v>0</v>
      </c>
      <c r="K34093" s="2">
        <v>0</v>
      </c>
      <c r="L34093" t="s">
        <v>120</v>
      </c>
      <c r="M34093" t="s">
        <v>83</v>
      </c>
      <c r="N34093" t="s">
        <v>91</v>
      </c>
      <c r="O34093" t="s">
        <v>85</v>
      </c>
      <c r="P34093" t="s">
        <v>86</v>
      </c>
      <c r="Q34093">
        <v>29</v>
      </c>
      <c r="R34093">
        <v>30</v>
      </c>
      <c r="S34093">
        <v>31</v>
      </c>
      <c r="T34093">
        <v>31</v>
      </c>
      <c r="U34093">
        <v>32</v>
      </c>
      <c r="V34093">
        <v>33</v>
      </c>
      <c r="W34093">
        <v>34</v>
      </c>
      <c r="X34093">
        <v>35</v>
      </c>
      <c r="Y34093">
        <v>36</v>
      </c>
      <c r="Z34093">
        <v>37</v>
      </c>
      <c r="AA34093">
        <v>38</v>
      </c>
      <c r="AB34093">
        <v>39</v>
      </c>
      <c r="AC34093">
        <v>40</v>
      </c>
      <c r="AD34093">
        <v>40</v>
      </c>
      <c r="AE34093">
        <v>41</v>
      </c>
      <c r="AF34093">
        <v>43</v>
      </c>
      <c r="AG34093">
        <v>44</v>
      </c>
      <c r="AH34093">
        <v>45</v>
      </c>
      <c r="AI34093">
        <v>46</v>
      </c>
      <c r="AJ34093">
        <v>47</v>
      </c>
      <c r="AK34093">
        <v>48</v>
      </c>
      <c r="AL34093">
        <v>49</v>
      </c>
      <c r="AM34093">
        <v>50</v>
      </c>
      <c r="AN34093">
        <v>50</v>
      </c>
      <c r="AO34093">
        <v>51</v>
      </c>
      <c r="AP34093">
        <v>52</v>
      </c>
      <c r="AQ34093">
        <v>53</v>
      </c>
    </row>
    <row r="34094" spans="1:43">
      <c r="A34094" t="s">
        <v>21123</v>
      </c>
      <c r="B34094" t="s">
        <v>21124</v>
      </c>
      <c r="C34094" t="s">
        <v>21029</v>
      </c>
      <c r="D34094" t="s">
        <v>21030</v>
      </c>
      <c r="E34094" t="s">
        <v>20989</v>
      </c>
      <c r="F34094" t="s">
        <v>20990</v>
      </c>
      <c r="G34094" t="s">
        <v>20255</v>
      </c>
      <c r="H34094" t="s">
        <v>20256</v>
      </c>
      <c r="I34094" s="2">
        <v>1</v>
      </c>
      <c r="J34094" s="2">
        <v>0</v>
      </c>
      <c r="K34094" s="2">
        <v>0</v>
      </c>
      <c r="L34094" t="s">
        <v>120</v>
      </c>
      <c r="M34094" t="s">
        <v>83</v>
      </c>
      <c r="N34094" t="s">
        <v>84</v>
      </c>
      <c r="O34094" t="s">
        <v>85</v>
      </c>
      <c r="P34094" t="s">
        <v>86</v>
      </c>
      <c r="Q34094">
        <v>32</v>
      </c>
      <c r="R34094">
        <v>33</v>
      </c>
      <c r="S34094">
        <v>33</v>
      </c>
      <c r="T34094">
        <v>34</v>
      </c>
      <c r="U34094">
        <v>35</v>
      </c>
      <c r="V34094">
        <v>36</v>
      </c>
      <c r="W34094">
        <v>37</v>
      </c>
      <c r="X34094">
        <v>38</v>
      </c>
      <c r="Y34094">
        <v>39</v>
      </c>
      <c r="Z34094">
        <v>39</v>
      </c>
      <c r="AA34094">
        <v>40</v>
      </c>
      <c r="AB34094">
        <v>41</v>
      </c>
      <c r="AC34094">
        <v>42</v>
      </c>
      <c r="AD34094">
        <v>43</v>
      </c>
      <c r="AE34094">
        <v>44</v>
      </c>
      <c r="AF34094">
        <v>45</v>
      </c>
      <c r="AG34094">
        <v>46</v>
      </c>
      <c r="AH34094">
        <v>47</v>
      </c>
      <c r="AI34094">
        <v>48</v>
      </c>
      <c r="AJ34094">
        <v>49</v>
      </c>
      <c r="AK34094">
        <v>50</v>
      </c>
      <c r="AL34094">
        <v>51</v>
      </c>
      <c r="AM34094">
        <v>52</v>
      </c>
      <c r="AN34094">
        <v>52</v>
      </c>
      <c r="AO34094">
        <v>53</v>
      </c>
      <c r="AP34094">
        <v>53</v>
      </c>
      <c r="AQ34094">
        <v>54</v>
      </c>
    </row>
    <row r="34095" spans="1:43">
      <c r="A34095" t="s">
        <v>21123</v>
      </c>
      <c r="B34095" t="s">
        <v>21124</v>
      </c>
      <c r="C34095" t="s">
        <v>21029</v>
      </c>
      <c r="D34095" t="s">
        <v>21030</v>
      </c>
      <c r="E34095" t="s">
        <v>20989</v>
      </c>
      <c r="F34095" t="s">
        <v>20990</v>
      </c>
      <c r="G34095" t="s">
        <v>20255</v>
      </c>
      <c r="H34095" t="s">
        <v>20256</v>
      </c>
      <c r="I34095" s="2">
        <v>1</v>
      </c>
      <c r="J34095" s="2">
        <v>0</v>
      </c>
      <c r="K34095" s="2">
        <v>0</v>
      </c>
      <c r="L34095" t="s">
        <v>120</v>
      </c>
      <c r="M34095" t="s">
        <v>87</v>
      </c>
      <c r="N34095" t="s">
        <v>88</v>
      </c>
      <c r="O34095" t="s">
        <v>85</v>
      </c>
      <c r="P34095" t="s">
        <v>86</v>
      </c>
      <c r="Q34095">
        <v>32</v>
      </c>
      <c r="R34095">
        <v>32</v>
      </c>
      <c r="S34095">
        <v>33</v>
      </c>
      <c r="T34095">
        <v>33</v>
      </c>
      <c r="U34095">
        <v>34</v>
      </c>
      <c r="V34095">
        <v>34</v>
      </c>
      <c r="W34095">
        <v>35</v>
      </c>
      <c r="X34095">
        <v>35</v>
      </c>
      <c r="Y34095">
        <v>36</v>
      </c>
      <c r="Z34095">
        <v>36</v>
      </c>
      <c r="AA34095">
        <v>37</v>
      </c>
      <c r="AB34095">
        <v>37</v>
      </c>
      <c r="AC34095">
        <v>38</v>
      </c>
      <c r="AD34095">
        <v>39</v>
      </c>
      <c r="AE34095">
        <v>39</v>
      </c>
      <c r="AF34095">
        <v>40</v>
      </c>
      <c r="AG34095">
        <v>40</v>
      </c>
      <c r="AH34095">
        <v>41</v>
      </c>
      <c r="AI34095">
        <v>42</v>
      </c>
      <c r="AJ34095">
        <v>42</v>
      </c>
      <c r="AK34095">
        <v>43</v>
      </c>
      <c r="AL34095">
        <v>44</v>
      </c>
      <c r="AM34095">
        <v>44</v>
      </c>
      <c r="AN34095">
        <v>45</v>
      </c>
      <c r="AO34095">
        <v>46</v>
      </c>
      <c r="AP34095">
        <v>46</v>
      </c>
      <c r="AQ34095">
        <v>47</v>
      </c>
    </row>
    <row r="34096" spans="1:43">
      <c r="A34096" t="s">
        <v>21123</v>
      </c>
      <c r="B34096" t="s">
        <v>21124</v>
      </c>
      <c r="C34096" t="s">
        <v>21029</v>
      </c>
      <c r="D34096" t="s">
        <v>21030</v>
      </c>
      <c r="E34096" t="s">
        <v>20989</v>
      </c>
      <c r="F34096" t="s">
        <v>20990</v>
      </c>
      <c r="G34096" t="s">
        <v>20255</v>
      </c>
      <c r="H34096" t="s">
        <v>20256</v>
      </c>
      <c r="I34096" s="2">
        <v>1</v>
      </c>
      <c r="J34096" s="2">
        <v>0</v>
      </c>
      <c r="K34096" s="2">
        <v>0</v>
      </c>
      <c r="L34096" t="s">
        <v>120</v>
      </c>
      <c r="M34096" t="s">
        <v>89</v>
      </c>
      <c r="N34096" t="s">
        <v>90</v>
      </c>
      <c r="O34096" t="s">
        <v>85</v>
      </c>
      <c r="P34096" t="s">
        <v>86</v>
      </c>
      <c r="Q34096">
        <v>32</v>
      </c>
      <c r="R34096">
        <v>33</v>
      </c>
      <c r="S34096">
        <v>34</v>
      </c>
      <c r="T34096">
        <v>35</v>
      </c>
      <c r="U34096">
        <v>37</v>
      </c>
      <c r="V34096">
        <v>38</v>
      </c>
      <c r="W34096">
        <v>39</v>
      </c>
      <c r="X34096">
        <v>40</v>
      </c>
      <c r="Y34096">
        <v>41</v>
      </c>
      <c r="Z34096">
        <v>42</v>
      </c>
      <c r="AA34096">
        <v>43</v>
      </c>
      <c r="AB34096">
        <v>44</v>
      </c>
      <c r="AC34096">
        <v>45</v>
      </c>
      <c r="AD34096">
        <v>46</v>
      </c>
      <c r="AE34096">
        <v>47</v>
      </c>
      <c r="AF34096">
        <v>48</v>
      </c>
      <c r="AG34096">
        <v>48</v>
      </c>
      <c r="AH34096">
        <v>49</v>
      </c>
      <c r="AI34096">
        <v>49</v>
      </c>
      <c r="AJ34096">
        <v>50</v>
      </c>
      <c r="AK34096">
        <v>51</v>
      </c>
      <c r="AL34096">
        <v>51</v>
      </c>
      <c r="AM34096">
        <v>52</v>
      </c>
      <c r="AN34096">
        <v>53</v>
      </c>
      <c r="AO34096">
        <v>53</v>
      </c>
      <c r="AP34096">
        <v>54</v>
      </c>
      <c r="AQ34096">
        <v>55</v>
      </c>
    </row>
    <row r="34097" spans="1:43">
      <c r="A34097" t="s">
        <v>21123</v>
      </c>
      <c r="B34097" t="s">
        <v>21124</v>
      </c>
      <c r="C34097" t="s">
        <v>21029</v>
      </c>
      <c r="D34097" t="s">
        <v>21030</v>
      </c>
      <c r="E34097" t="s">
        <v>20989</v>
      </c>
      <c r="F34097" t="s">
        <v>20990</v>
      </c>
      <c r="G34097" t="s">
        <v>20255</v>
      </c>
      <c r="H34097" t="s">
        <v>20256</v>
      </c>
      <c r="I34097" s="2">
        <v>1</v>
      </c>
      <c r="J34097" s="2">
        <v>0</v>
      </c>
      <c r="K34097" s="2">
        <v>0</v>
      </c>
      <c r="L34097" t="s">
        <v>120</v>
      </c>
      <c r="M34097" t="s">
        <v>83</v>
      </c>
      <c r="N34097" t="s">
        <v>91</v>
      </c>
      <c r="O34097" t="s">
        <v>85</v>
      </c>
      <c r="P34097" t="s">
        <v>86</v>
      </c>
      <c r="Q34097">
        <v>32</v>
      </c>
      <c r="R34097">
        <v>33</v>
      </c>
      <c r="S34097">
        <v>33</v>
      </c>
      <c r="T34097">
        <v>34</v>
      </c>
      <c r="U34097">
        <v>35</v>
      </c>
      <c r="V34097">
        <v>36</v>
      </c>
      <c r="W34097">
        <v>37</v>
      </c>
      <c r="X34097">
        <v>38</v>
      </c>
      <c r="Y34097">
        <v>39</v>
      </c>
      <c r="Z34097">
        <v>39</v>
      </c>
      <c r="AA34097">
        <v>40</v>
      </c>
      <c r="AB34097">
        <v>41</v>
      </c>
      <c r="AC34097">
        <v>42</v>
      </c>
      <c r="AD34097">
        <v>43</v>
      </c>
      <c r="AE34097">
        <v>44</v>
      </c>
      <c r="AF34097">
        <v>45</v>
      </c>
      <c r="AG34097">
        <v>46</v>
      </c>
      <c r="AH34097">
        <v>47</v>
      </c>
      <c r="AI34097">
        <v>48</v>
      </c>
      <c r="AJ34097">
        <v>49</v>
      </c>
      <c r="AK34097">
        <v>50</v>
      </c>
      <c r="AL34097">
        <v>51</v>
      </c>
      <c r="AM34097">
        <v>52</v>
      </c>
      <c r="AN34097">
        <v>52</v>
      </c>
      <c r="AO34097">
        <v>53</v>
      </c>
      <c r="AP34097">
        <v>53</v>
      </c>
      <c r="AQ34097">
        <v>54</v>
      </c>
    </row>
    <row r="34098" spans="1:43">
      <c r="A34098" t="s">
        <v>21125</v>
      </c>
      <c r="B34098" t="s">
        <v>21126</v>
      </c>
      <c r="C34098" t="s">
        <v>21099</v>
      </c>
      <c r="D34098" t="s">
        <v>21100</v>
      </c>
      <c r="E34098" t="s">
        <v>20989</v>
      </c>
      <c r="F34098" t="s">
        <v>20990</v>
      </c>
      <c r="G34098" t="s">
        <v>20255</v>
      </c>
      <c r="H34098" t="s">
        <v>20256</v>
      </c>
      <c r="I34098" s="2">
        <v>1</v>
      </c>
      <c r="J34098" s="2">
        <v>0</v>
      </c>
      <c r="K34098" s="2">
        <v>0</v>
      </c>
      <c r="L34098" t="s">
        <v>120</v>
      </c>
      <c r="M34098" t="s">
        <v>83</v>
      </c>
      <c r="N34098" t="s">
        <v>84</v>
      </c>
      <c r="O34098" t="s">
        <v>85</v>
      </c>
      <c r="P34098" t="s">
        <v>86</v>
      </c>
      <c r="Q34098">
        <v>72</v>
      </c>
      <c r="R34098">
        <v>74</v>
      </c>
      <c r="S34098">
        <v>76</v>
      </c>
      <c r="T34098">
        <v>78</v>
      </c>
      <c r="U34098">
        <v>80</v>
      </c>
      <c r="V34098">
        <v>82</v>
      </c>
      <c r="W34098">
        <v>85</v>
      </c>
      <c r="X34098">
        <v>87</v>
      </c>
      <c r="Y34098">
        <v>89</v>
      </c>
      <c r="Z34098">
        <v>91</v>
      </c>
      <c r="AA34098">
        <v>93</v>
      </c>
      <c r="AB34098">
        <v>95</v>
      </c>
      <c r="AC34098">
        <v>98</v>
      </c>
      <c r="AD34098">
        <v>100</v>
      </c>
      <c r="AE34098">
        <v>102</v>
      </c>
      <c r="AF34098">
        <v>105</v>
      </c>
      <c r="AG34098">
        <v>107</v>
      </c>
      <c r="AH34098">
        <v>110</v>
      </c>
      <c r="AI34098">
        <v>112</v>
      </c>
      <c r="AJ34098">
        <v>115</v>
      </c>
      <c r="AK34098">
        <v>117</v>
      </c>
      <c r="AL34098">
        <v>119</v>
      </c>
      <c r="AM34098">
        <v>121</v>
      </c>
      <c r="AN34098">
        <v>123</v>
      </c>
      <c r="AO34098">
        <v>124</v>
      </c>
      <c r="AP34098">
        <v>126</v>
      </c>
      <c r="AQ34098">
        <v>128</v>
      </c>
    </row>
    <row r="34099" spans="1:43">
      <c r="A34099" t="s">
        <v>21125</v>
      </c>
      <c r="B34099" t="s">
        <v>21126</v>
      </c>
      <c r="C34099" t="s">
        <v>21099</v>
      </c>
      <c r="D34099" t="s">
        <v>21100</v>
      </c>
      <c r="E34099" t="s">
        <v>20989</v>
      </c>
      <c r="F34099" t="s">
        <v>20990</v>
      </c>
      <c r="G34099" t="s">
        <v>20255</v>
      </c>
      <c r="H34099" t="s">
        <v>20256</v>
      </c>
      <c r="I34099" s="2">
        <v>1</v>
      </c>
      <c r="J34099" s="2">
        <v>0</v>
      </c>
      <c r="K34099" s="2">
        <v>0</v>
      </c>
      <c r="L34099" t="s">
        <v>120</v>
      </c>
      <c r="M34099" t="s">
        <v>87</v>
      </c>
      <c r="N34099" t="s">
        <v>88</v>
      </c>
      <c r="O34099" t="s">
        <v>85</v>
      </c>
      <c r="P34099" t="s">
        <v>86</v>
      </c>
      <c r="Q34099">
        <v>72</v>
      </c>
      <c r="R34099">
        <v>73</v>
      </c>
      <c r="S34099">
        <v>74</v>
      </c>
      <c r="T34099">
        <v>75</v>
      </c>
      <c r="U34099">
        <v>77</v>
      </c>
      <c r="V34099">
        <v>78</v>
      </c>
      <c r="W34099">
        <v>79</v>
      </c>
      <c r="X34099">
        <v>81</v>
      </c>
      <c r="Y34099">
        <v>82</v>
      </c>
      <c r="Z34099">
        <v>83</v>
      </c>
      <c r="AA34099">
        <v>85</v>
      </c>
      <c r="AB34099">
        <v>86</v>
      </c>
      <c r="AC34099">
        <v>88</v>
      </c>
      <c r="AD34099">
        <v>89</v>
      </c>
      <c r="AE34099">
        <v>91</v>
      </c>
      <c r="AF34099">
        <v>92</v>
      </c>
      <c r="AG34099">
        <v>94</v>
      </c>
      <c r="AH34099">
        <v>95</v>
      </c>
      <c r="AI34099">
        <v>97</v>
      </c>
      <c r="AJ34099">
        <v>99</v>
      </c>
      <c r="AK34099">
        <v>100</v>
      </c>
      <c r="AL34099">
        <v>102</v>
      </c>
      <c r="AM34099">
        <v>104</v>
      </c>
      <c r="AN34099">
        <v>105</v>
      </c>
      <c r="AO34099">
        <v>107</v>
      </c>
      <c r="AP34099">
        <v>109</v>
      </c>
      <c r="AQ34099">
        <v>111</v>
      </c>
    </row>
    <row r="34100" spans="1:43">
      <c r="A34100" t="s">
        <v>21125</v>
      </c>
      <c r="B34100" t="s">
        <v>21126</v>
      </c>
      <c r="C34100" t="s">
        <v>21099</v>
      </c>
      <c r="D34100" t="s">
        <v>21100</v>
      </c>
      <c r="E34100" t="s">
        <v>20989</v>
      </c>
      <c r="F34100" t="s">
        <v>20990</v>
      </c>
      <c r="G34100" t="s">
        <v>20255</v>
      </c>
      <c r="H34100" t="s">
        <v>20256</v>
      </c>
      <c r="I34100" s="2">
        <v>1</v>
      </c>
      <c r="J34100" s="2">
        <v>0</v>
      </c>
      <c r="K34100" s="2">
        <v>0</v>
      </c>
      <c r="L34100" t="s">
        <v>120</v>
      </c>
      <c r="M34100" t="s">
        <v>89</v>
      </c>
      <c r="N34100" t="s">
        <v>90</v>
      </c>
      <c r="O34100" t="s">
        <v>85</v>
      </c>
      <c r="P34100" t="s">
        <v>86</v>
      </c>
      <c r="Q34100">
        <v>72</v>
      </c>
      <c r="R34100">
        <v>75</v>
      </c>
      <c r="S34100">
        <v>77</v>
      </c>
      <c r="T34100">
        <v>80</v>
      </c>
      <c r="U34100">
        <v>82</v>
      </c>
      <c r="V34100">
        <v>85</v>
      </c>
      <c r="W34100">
        <v>88</v>
      </c>
      <c r="X34100">
        <v>90</v>
      </c>
      <c r="Y34100">
        <v>93</v>
      </c>
      <c r="Z34100">
        <v>95</v>
      </c>
      <c r="AA34100">
        <v>98</v>
      </c>
      <c r="AB34100">
        <v>101</v>
      </c>
      <c r="AC34100">
        <v>103</v>
      </c>
      <c r="AD34100">
        <v>106</v>
      </c>
      <c r="AE34100">
        <v>108</v>
      </c>
      <c r="AF34100">
        <v>110</v>
      </c>
      <c r="AG34100">
        <v>112</v>
      </c>
      <c r="AH34100">
        <v>113</v>
      </c>
      <c r="AI34100">
        <v>115</v>
      </c>
      <c r="AJ34100">
        <v>116</v>
      </c>
      <c r="AK34100">
        <v>118</v>
      </c>
      <c r="AL34100">
        <v>120</v>
      </c>
      <c r="AM34100">
        <v>121</v>
      </c>
      <c r="AN34100">
        <v>123</v>
      </c>
      <c r="AO34100">
        <v>125</v>
      </c>
      <c r="AP34100">
        <v>126</v>
      </c>
      <c r="AQ34100">
        <v>128</v>
      </c>
    </row>
    <row r="34101" spans="1:43">
      <c r="A34101" t="s">
        <v>21125</v>
      </c>
      <c r="B34101" t="s">
        <v>21126</v>
      </c>
      <c r="C34101" t="s">
        <v>21099</v>
      </c>
      <c r="D34101" t="s">
        <v>21100</v>
      </c>
      <c r="E34101" t="s">
        <v>20989</v>
      </c>
      <c r="F34101" t="s">
        <v>20990</v>
      </c>
      <c r="G34101" t="s">
        <v>20255</v>
      </c>
      <c r="H34101" t="s">
        <v>20256</v>
      </c>
      <c r="I34101" s="2">
        <v>1</v>
      </c>
      <c r="J34101" s="2">
        <v>0</v>
      </c>
      <c r="K34101" s="2">
        <v>0</v>
      </c>
      <c r="L34101" t="s">
        <v>120</v>
      </c>
      <c r="M34101" t="s">
        <v>83</v>
      </c>
      <c r="N34101" t="s">
        <v>91</v>
      </c>
      <c r="O34101" t="s">
        <v>85</v>
      </c>
      <c r="P34101" t="s">
        <v>86</v>
      </c>
      <c r="Q34101">
        <v>72</v>
      </c>
      <c r="R34101">
        <v>74</v>
      </c>
      <c r="S34101">
        <v>76</v>
      </c>
      <c r="T34101">
        <v>78</v>
      </c>
      <c r="U34101">
        <v>80</v>
      </c>
      <c r="V34101">
        <v>82</v>
      </c>
      <c r="W34101">
        <v>85</v>
      </c>
      <c r="X34101">
        <v>87</v>
      </c>
      <c r="Y34101">
        <v>89</v>
      </c>
      <c r="Z34101">
        <v>91</v>
      </c>
      <c r="AA34101">
        <v>93</v>
      </c>
      <c r="AB34101">
        <v>95</v>
      </c>
      <c r="AC34101">
        <v>98</v>
      </c>
      <c r="AD34101">
        <v>100</v>
      </c>
      <c r="AE34101">
        <v>102</v>
      </c>
      <c r="AF34101">
        <v>105</v>
      </c>
      <c r="AG34101">
        <v>107</v>
      </c>
      <c r="AH34101">
        <v>110</v>
      </c>
      <c r="AI34101">
        <v>112</v>
      </c>
      <c r="AJ34101">
        <v>115</v>
      </c>
      <c r="AK34101">
        <v>117</v>
      </c>
      <c r="AL34101">
        <v>119</v>
      </c>
      <c r="AM34101">
        <v>121</v>
      </c>
      <c r="AN34101">
        <v>123</v>
      </c>
      <c r="AO34101">
        <v>124</v>
      </c>
      <c r="AP34101">
        <v>126</v>
      </c>
      <c r="AQ34101">
        <v>128</v>
      </c>
    </row>
    <row r="34102" spans="1:43">
      <c r="A34102" t="s">
        <v>21127</v>
      </c>
      <c r="B34102" t="s">
        <v>21128</v>
      </c>
      <c r="C34102" t="s">
        <v>21113</v>
      </c>
      <c r="D34102" t="s">
        <v>21114</v>
      </c>
      <c r="E34102" t="s">
        <v>20989</v>
      </c>
      <c r="F34102" t="s">
        <v>20990</v>
      </c>
      <c r="G34102" t="s">
        <v>20255</v>
      </c>
      <c r="H34102" t="s">
        <v>20256</v>
      </c>
      <c r="I34102" s="2">
        <v>1</v>
      </c>
      <c r="J34102" s="2">
        <v>0</v>
      </c>
      <c r="K34102" s="2">
        <v>0</v>
      </c>
      <c r="L34102" t="s">
        <v>120</v>
      </c>
      <c r="M34102" t="s">
        <v>83</v>
      </c>
      <c r="N34102" t="s">
        <v>84</v>
      </c>
      <c r="O34102" t="s">
        <v>85</v>
      </c>
      <c r="P34102" t="s">
        <v>86</v>
      </c>
      <c r="Q34102">
        <v>15</v>
      </c>
      <c r="R34102">
        <v>15</v>
      </c>
      <c r="S34102">
        <v>16</v>
      </c>
      <c r="T34102">
        <v>16</v>
      </c>
      <c r="U34102">
        <v>17</v>
      </c>
      <c r="V34102">
        <v>17</v>
      </c>
      <c r="W34102">
        <v>18</v>
      </c>
      <c r="X34102">
        <v>18</v>
      </c>
      <c r="Y34102">
        <v>19</v>
      </c>
      <c r="Z34102">
        <v>19</v>
      </c>
      <c r="AA34102">
        <v>20</v>
      </c>
      <c r="AB34102">
        <v>20</v>
      </c>
      <c r="AC34102">
        <v>21</v>
      </c>
      <c r="AD34102">
        <v>21</v>
      </c>
      <c r="AE34102">
        <v>22</v>
      </c>
      <c r="AF34102">
        <v>22</v>
      </c>
      <c r="AG34102">
        <v>23</v>
      </c>
      <c r="AH34102">
        <v>23</v>
      </c>
      <c r="AI34102">
        <v>24</v>
      </c>
      <c r="AJ34102">
        <v>25</v>
      </c>
      <c r="AK34102">
        <v>25</v>
      </c>
      <c r="AL34102">
        <v>26</v>
      </c>
      <c r="AM34102">
        <v>26</v>
      </c>
      <c r="AN34102">
        <v>26</v>
      </c>
      <c r="AO34102">
        <v>27</v>
      </c>
      <c r="AP34102">
        <v>27</v>
      </c>
      <c r="AQ34102">
        <v>28</v>
      </c>
    </row>
    <row r="34103" spans="1:43">
      <c r="A34103" t="s">
        <v>21127</v>
      </c>
      <c r="B34103" t="s">
        <v>21128</v>
      </c>
      <c r="C34103" t="s">
        <v>21113</v>
      </c>
      <c r="D34103" t="s">
        <v>21114</v>
      </c>
      <c r="E34103" t="s">
        <v>20989</v>
      </c>
      <c r="F34103" t="s">
        <v>20990</v>
      </c>
      <c r="G34103" t="s">
        <v>20255</v>
      </c>
      <c r="H34103" t="s">
        <v>20256</v>
      </c>
      <c r="I34103" s="2">
        <v>1</v>
      </c>
      <c r="J34103" s="2">
        <v>0</v>
      </c>
      <c r="K34103" s="2">
        <v>0</v>
      </c>
      <c r="L34103" t="s">
        <v>120</v>
      </c>
      <c r="M34103" t="s">
        <v>87</v>
      </c>
      <c r="N34103" t="s">
        <v>88</v>
      </c>
      <c r="O34103" t="s">
        <v>85</v>
      </c>
      <c r="P34103" t="s">
        <v>86</v>
      </c>
      <c r="Q34103">
        <v>15</v>
      </c>
      <c r="R34103">
        <v>15</v>
      </c>
      <c r="S34103">
        <v>15</v>
      </c>
      <c r="T34103">
        <v>16</v>
      </c>
      <c r="U34103">
        <v>16</v>
      </c>
      <c r="V34103">
        <v>16</v>
      </c>
      <c r="W34103">
        <v>17</v>
      </c>
      <c r="X34103">
        <v>17</v>
      </c>
      <c r="Y34103">
        <v>17</v>
      </c>
      <c r="Z34103">
        <v>18</v>
      </c>
      <c r="AA34103">
        <v>18</v>
      </c>
      <c r="AB34103">
        <v>18</v>
      </c>
      <c r="AC34103">
        <v>18</v>
      </c>
      <c r="AD34103">
        <v>19</v>
      </c>
      <c r="AE34103">
        <v>19</v>
      </c>
      <c r="AF34103">
        <v>20</v>
      </c>
      <c r="AG34103">
        <v>20</v>
      </c>
      <c r="AH34103">
        <v>20</v>
      </c>
      <c r="AI34103">
        <v>21</v>
      </c>
      <c r="AJ34103">
        <v>21</v>
      </c>
      <c r="AK34103">
        <v>21</v>
      </c>
      <c r="AL34103">
        <v>22</v>
      </c>
      <c r="AM34103">
        <v>22</v>
      </c>
      <c r="AN34103">
        <v>23</v>
      </c>
      <c r="AO34103">
        <v>23</v>
      </c>
      <c r="AP34103">
        <v>23</v>
      </c>
      <c r="AQ34103">
        <v>24</v>
      </c>
    </row>
    <row r="34104" spans="1:43">
      <c r="A34104" t="s">
        <v>21127</v>
      </c>
      <c r="B34104" t="s">
        <v>21128</v>
      </c>
      <c r="C34104" t="s">
        <v>21113</v>
      </c>
      <c r="D34104" t="s">
        <v>21114</v>
      </c>
      <c r="E34104" t="s">
        <v>20989</v>
      </c>
      <c r="F34104" t="s">
        <v>20990</v>
      </c>
      <c r="G34104" t="s">
        <v>20255</v>
      </c>
      <c r="H34104" t="s">
        <v>20256</v>
      </c>
      <c r="I34104" s="2">
        <v>1</v>
      </c>
      <c r="J34104" s="2">
        <v>0</v>
      </c>
      <c r="K34104" s="2">
        <v>0</v>
      </c>
      <c r="L34104" t="s">
        <v>120</v>
      </c>
      <c r="M34104" t="s">
        <v>89</v>
      </c>
      <c r="N34104" t="s">
        <v>90</v>
      </c>
      <c r="O34104" t="s">
        <v>85</v>
      </c>
      <c r="P34104" t="s">
        <v>86</v>
      </c>
      <c r="Q34104">
        <v>15</v>
      </c>
      <c r="R34104">
        <v>16</v>
      </c>
      <c r="S34104">
        <v>16</v>
      </c>
      <c r="T34104">
        <v>17</v>
      </c>
      <c r="U34104">
        <v>17</v>
      </c>
      <c r="V34104">
        <v>18</v>
      </c>
      <c r="W34104">
        <v>19</v>
      </c>
      <c r="X34104">
        <v>19</v>
      </c>
      <c r="Y34104">
        <v>20</v>
      </c>
      <c r="Z34104">
        <v>20</v>
      </c>
      <c r="AA34104">
        <v>21</v>
      </c>
      <c r="AB34104">
        <v>21</v>
      </c>
      <c r="AC34104">
        <v>22</v>
      </c>
      <c r="AD34104">
        <v>23</v>
      </c>
      <c r="AE34104">
        <v>23</v>
      </c>
      <c r="AF34104">
        <v>24</v>
      </c>
      <c r="AG34104">
        <v>24</v>
      </c>
      <c r="AH34104">
        <v>24</v>
      </c>
      <c r="AI34104">
        <v>25</v>
      </c>
      <c r="AJ34104">
        <v>25</v>
      </c>
      <c r="AK34104">
        <v>25</v>
      </c>
      <c r="AL34104">
        <v>26</v>
      </c>
      <c r="AM34104">
        <v>26</v>
      </c>
      <c r="AN34104">
        <v>27</v>
      </c>
      <c r="AO34104">
        <v>27</v>
      </c>
      <c r="AP34104">
        <v>27</v>
      </c>
      <c r="AQ34104">
        <v>28</v>
      </c>
    </row>
    <row r="34105" spans="1:43">
      <c r="A34105" t="s">
        <v>21127</v>
      </c>
      <c r="B34105" t="s">
        <v>21128</v>
      </c>
      <c r="C34105" t="s">
        <v>21113</v>
      </c>
      <c r="D34105" t="s">
        <v>21114</v>
      </c>
      <c r="E34105" t="s">
        <v>20989</v>
      </c>
      <c r="F34105" t="s">
        <v>20990</v>
      </c>
      <c r="G34105" t="s">
        <v>20255</v>
      </c>
      <c r="H34105" t="s">
        <v>20256</v>
      </c>
      <c r="I34105" s="2">
        <v>1</v>
      </c>
      <c r="J34105" s="2">
        <v>0</v>
      </c>
      <c r="K34105" s="2">
        <v>0</v>
      </c>
      <c r="L34105" t="s">
        <v>120</v>
      </c>
      <c r="M34105" t="s">
        <v>83</v>
      </c>
      <c r="N34105" t="s">
        <v>91</v>
      </c>
      <c r="O34105" t="s">
        <v>85</v>
      </c>
      <c r="P34105" t="s">
        <v>86</v>
      </c>
      <c r="Q34105">
        <v>15</v>
      </c>
      <c r="R34105">
        <v>15</v>
      </c>
      <c r="S34105">
        <v>16</v>
      </c>
      <c r="T34105">
        <v>16</v>
      </c>
      <c r="U34105">
        <v>17</v>
      </c>
      <c r="V34105">
        <v>17</v>
      </c>
      <c r="W34105">
        <v>18</v>
      </c>
      <c r="X34105">
        <v>18</v>
      </c>
      <c r="Y34105">
        <v>19</v>
      </c>
      <c r="Z34105">
        <v>19</v>
      </c>
      <c r="AA34105">
        <v>20</v>
      </c>
      <c r="AB34105">
        <v>20</v>
      </c>
      <c r="AC34105">
        <v>21</v>
      </c>
      <c r="AD34105">
        <v>21</v>
      </c>
      <c r="AE34105">
        <v>22</v>
      </c>
      <c r="AF34105">
        <v>22</v>
      </c>
      <c r="AG34105">
        <v>23</v>
      </c>
      <c r="AH34105">
        <v>23</v>
      </c>
      <c r="AI34105">
        <v>24</v>
      </c>
      <c r="AJ34105">
        <v>25</v>
      </c>
      <c r="AK34105">
        <v>25</v>
      </c>
      <c r="AL34105">
        <v>26</v>
      </c>
      <c r="AM34105">
        <v>26</v>
      </c>
      <c r="AN34105">
        <v>26</v>
      </c>
      <c r="AO34105">
        <v>27</v>
      </c>
      <c r="AP34105">
        <v>27</v>
      </c>
      <c r="AQ34105">
        <v>28</v>
      </c>
    </row>
    <row r="34106" spans="1:43">
      <c r="A34106" t="s">
        <v>21129</v>
      </c>
      <c r="B34106" t="s">
        <v>21130</v>
      </c>
      <c r="C34106" t="s">
        <v>20987</v>
      </c>
      <c r="D34106" t="s">
        <v>20988</v>
      </c>
      <c r="E34106" t="s">
        <v>20989</v>
      </c>
      <c r="F34106" t="s">
        <v>20990</v>
      </c>
      <c r="G34106" t="s">
        <v>20255</v>
      </c>
      <c r="H34106" t="s">
        <v>20256</v>
      </c>
      <c r="I34106" s="2">
        <v>1</v>
      </c>
      <c r="J34106" s="2">
        <v>0</v>
      </c>
      <c r="K34106" s="2">
        <v>0</v>
      </c>
      <c r="L34106" t="s">
        <v>120</v>
      </c>
      <c r="M34106" t="s">
        <v>83</v>
      </c>
      <c r="N34106" t="s">
        <v>84</v>
      </c>
      <c r="O34106" t="s">
        <v>85</v>
      </c>
      <c r="P34106" t="s">
        <v>86</v>
      </c>
      <c r="Q34106">
        <v>28</v>
      </c>
      <c r="R34106">
        <v>29</v>
      </c>
      <c r="S34106">
        <v>30</v>
      </c>
      <c r="T34106">
        <v>31</v>
      </c>
      <c r="U34106">
        <v>31</v>
      </c>
      <c r="V34106">
        <v>32</v>
      </c>
      <c r="W34106">
        <v>33</v>
      </c>
      <c r="X34106">
        <v>34</v>
      </c>
      <c r="Y34106">
        <v>35</v>
      </c>
      <c r="Z34106">
        <v>36</v>
      </c>
      <c r="AA34106">
        <v>37</v>
      </c>
      <c r="AB34106">
        <v>38</v>
      </c>
      <c r="AC34106">
        <v>39</v>
      </c>
      <c r="AD34106">
        <v>39</v>
      </c>
      <c r="AE34106">
        <v>40</v>
      </c>
      <c r="AF34106">
        <v>41</v>
      </c>
      <c r="AG34106">
        <v>42</v>
      </c>
      <c r="AH34106">
        <v>44</v>
      </c>
      <c r="AI34106">
        <v>45</v>
      </c>
      <c r="AJ34106">
        <v>46</v>
      </c>
      <c r="AK34106">
        <v>47</v>
      </c>
      <c r="AL34106">
        <v>48</v>
      </c>
      <c r="AM34106">
        <v>48</v>
      </c>
      <c r="AN34106">
        <v>49</v>
      </c>
      <c r="AO34106">
        <v>50</v>
      </c>
      <c r="AP34106">
        <v>51</v>
      </c>
      <c r="AQ34106">
        <v>51</v>
      </c>
    </row>
    <row r="34107" spans="1:43">
      <c r="A34107" t="s">
        <v>21129</v>
      </c>
      <c r="B34107" t="s">
        <v>21130</v>
      </c>
      <c r="C34107" t="s">
        <v>20987</v>
      </c>
      <c r="D34107" t="s">
        <v>20988</v>
      </c>
      <c r="E34107" t="s">
        <v>20989</v>
      </c>
      <c r="F34107" t="s">
        <v>20990</v>
      </c>
      <c r="G34107" t="s">
        <v>20255</v>
      </c>
      <c r="H34107" t="s">
        <v>20256</v>
      </c>
      <c r="I34107" s="2">
        <v>1</v>
      </c>
      <c r="J34107" s="2">
        <v>0</v>
      </c>
      <c r="K34107" s="2">
        <v>0</v>
      </c>
      <c r="L34107" t="s">
        <v>120</v>
      </c>
      <c r="M34107" t="s">
        <v>87</v>
      </c>
      <c r="N34107" t="s">
        <v>88</v>
      </c>
      <c r="O34107" t="s">
        <v>85</v>
      </c>
      <c r="P34107" t="s">
        <v>86</v>
      </c>
      <c r="Q34107">
        <v>28</v>
      </c>
      <c r="R34107">
        <v>28</v>
      </c>
      <c r="S34107">
        <v>29</v>
      </c>
      <c r="T34107">
        <v>29</v>
      </c>
      <c r="U34107">
        <v>30</v>
      </c>
      <c r="V34107">
        <v>31</v>
      </c>
      <c r="W34107">
        <v>31</v>
      </c>
      <c r="X34107">
        <v>32</v>
      </c>
      <c r="Y34107">
        <v>32</v>
      </c>
      <c r="Z34107">
        <v>33</v>
      </c>
      <c r="AA34107">
        <v>33</v>
      </c>
      <c r="AB34107">
        <v>34</v>
      </c>
      <c r="AC34107">
        <v>35</v>
      </c>
      <c r="AD34107">
        <v>35</v>
      </c>
      <c r="AE34107">
        <v>36</v>
      </c>
      <c r="AF34107">
        <v>36</v>
      </c>
      <c r="AG34107">
        <v>37</v>
      </c>
      <c r="AH34107">
        <v>38</v>
      </c>
      <c r="AI34107">
        <v>38</v>
      </c>
      <c r="AJ34107">
        <v>39</v>
      </c>
      <c r="AK34107">
        <v>40</v>
      </c>
      <c r="AL34107">
        <v>40</v>
      </c>
      <c r="AM34107">
        <v>41</v>
      </c>
      <c r="AN34107">
        <v>42</v>
      </c>
      <c r="AO34107">
        <v>43</v>
      </c>
      <c r="AP34107">
        <v>43</v>
      </c>
      <c r="AQ34107">
        <v>44</v>
      </c>
    </row>
    <row r="34108" spans="1:43">
      <c r="A34108" t="s">
        <v>21129</v>
      </c>
      <c r="B34108" t="s">
        <v>21130</v>
      </c>
      <c r="C34108" t="s">
        <v>20987</v>
      </c>
      <c r="D34108" t="s">
        <v>20988</v>
      </c>
      <c r="E34108" t="s">
        <v>20989</v>
      </c>
      <c r="F34108" t="s">
        <v>20990</v>
      </c>
      <c r="G34108" t="s">
        <v>20255</v>
      </c>
      <c r="H34108" t="s">
        <v>20256</v>
      </c>
      <c r="I34108" s="2">
        <v>1</v>
      </c>
      <c r="J34108" s="2">
        <v>0</v>
      </c>
      <c r="K34108" s="2">
        <v>0</v>
      </c>
      <c r="L34108" t="s">
        <v>120</v>
      </c>
      <c r="M34108" t="s">
        <v>89</v>
      </c>
      <c r="N34108" t="s">
        <v>90</v>
      </c>
      <c r="O34108" t="s">
        <v>85</v>
      </c>
      <c r="P34108" t="s">
        <v>86</v>
      </c>
      <c r="Q34108">
        <v>28</v>
      </c>
      <c r="R34108">
        <v>29</v>
      </c>
      <c r="S34108">
        <v>31</v>
      </c>
      <c r="T34108">
        <v>32</v>
      </c>
      <c r="U34108">
        <v>33</v>
      </c>
      <c r="V34108">
        <v>34</v>
      </c>
      <c r="W34108">
        <v>35</v>
      </c>
      <c r="X34108">
        <v>36</v>
      </c>
      <c r="Y34108">
        <v>37</v>
      </c>
      <c r="Z34108">
        <v>38</v>
      </c>
      <c r="AA34108">
        <v>39</v>
      </c>
      <c r="AB34108">
        <v>40</v>
      </c>
      <c r="AC34108">
        <v>41</v>
      </c>
      <c r="AD34108">
        <v>43</v>
      </c>
      <c r="AE34108">
        <v>43</v>
      </c>
      <c r="AF34108">
        <v>44</v>
      </c>
      <c r="AG34108">
        <v>45</v>
      </c>
      <c r="AH34108">
        <v>45</v>
      </c>
      <c r="AI34108">
        <v>46</v>
      </c>
      <c r="AJ34108">
        <v>47</v>
      </c>
      <c r="AK34108">
        <v>47</v>
      </c>
      <c r="AL34108">
        <v>48</v>
      </c>
      <c r="AM34108">
        <v>49</v>
      </c>
      <c r="AN34108">
        <v>50</v>
      </c>
      <c r="AO34108">
        <v>50</v>
      </c>
      <c r="AP34108">
        <v>51</v>
      </c>
      <c r="AQ34108">
        <v>52</v>
      </c>
    </row>
    <row r="34109" spans="1:43">
      <c r="A34109" t="s">
        <v>21129</v>
      </c>
      <c r="B34109" t="s">
        <v>21130</v>
      </c>
      <c r="C34109" t="s">
        <v>20987</v>
      </c>
      <c r="D34109" t="s">
        <v>20988</v>
      </c>
      <c r="E34109" t="s">
        <v>20989</v>
      </c>
      <c r="F34109" t="s">
        <v>20990</v>
      </c>
      <c r="G34109" t="s">
        <v>20255</v>
      </c>
      <c r="H34109" t="s">
        <v>20256</v>
      </c>
      <c r="I34109" s="2">
        <v>1</v>
      </c>
      <c r="J34109" s="2">
        <v>0</v>
      </c>
      <c r="K34109" s="2">
        <v>0</v>
      </c>
      <c r="L34109" t="s">
        <v>120</v>
      </c>
      <c r="M34109" t="s">
        <v>83</v>
      </c>
      <c r="N34109" t="s">
        <v>91</v>
      </c>
      <c r="O34109" t="s">
        <v>85</v>
      </c>
      <c r="P34109" t="s">
        <v>86</v>
      </c>
      <c r="Q34109">
        <v>28</v>
      </c>
      <c r="R34109">
        <v>29</v>
      </c>
      <c r="S34109">
        <v>30</v>
      </c>
      <c r="T34109">
        <v>31</v>
      </c>
      <c r="U34109">
        <v>31</v>
      </c>
      <c r="V34109">
        <v>32</v>
      </c>
      <c r="W34109">
        <v>33</v>
      </c>
      <c r="X34109">
        <v>34</v>
      </c>
      <c r="Y34109">
        <v>35</v>
      </c>
      <c r="Z34109">
        <v>36</v>
      </c>
      <c r="AA34109">
        <v>37</v>
      </c>
      <c r="AB34109">
        <v>38</v>
      </c>
      <c r="AC34109">
        <v>39</v>
      </c>
      <c r="AD34109">
        <v>39</v>
      </c>
      <c r="AE34109">
        <v>40</v>
      </c>
      <c r="AF34109">
        <v>41</v>
      </c>
      <c r="AG34109">
        <v>42</v>
      </c>
      <c r="AH34109">
        <v>44</v>
      </c>
      <c r="AI34109">
        <v>45</v>
      </c>
      <c r="AJ34109">
        <v>46</v>
      </c>
      <c r="AK34109">
        <v>47</v>
      </c>
      <c r="AL34109">
        <v>48</v>
      </c>
      <c r="AM34109">
        <v>48</v>
      </c>
      <c r="AN34109">
        <v>49</v>
      </c>
      <c r="AO34109">
        <v>50</v>
      </c>
      <c r="AP34109">
        <v>51</v>
      </c>
      <c r="AQ34109">
        <v>51</v>
      </c>
    </row>
    <row r="34110" spans="1:43">
      <c r="A34110" t="s">
        <v>21131</v>
      </c>
      <c r="B34110" t="s">
        <v>21132</v>
      </c>
      <c r="C34110" t="s">
        <v>21017</v>
      </c>
      <c r="D34110" t="s">
        <v>21018</v>
      </c>
      <c r="E34110" t="s">
        <v>20989</v>
      </c>
      <c r="F34110" t="s">
        <v>20990</v>
      </c>
      <c r="G34110" t="s">
        <v>20255</v>
      </c>
      <c r="H34110" t="s">
        <v>20256</v>
      </c>
      <c r="I34110" s="2">
        <v>1</v>
      </c>
      <c r="J34110" s="2">
        <v>0</v>
      </c>
      <c r="K34110" s="2">
        <v>0</v>
      </c>
      <c r="L34110" t="s">
        <v>120</v>
      </c>
      <c r="M34110" t="s">
        <v>83</v>
      </c>
      <c r="N34110" t="s">
        <v>84</v>
      </c>
      <c r="O34110" t="s">
        <v>85</v>
      </c>
      <c r="P34110" t="s">
        <v>86</v>
      </c>
      <c r="Q34110">
        <v>23</v>
      </c>
      <c r="R34110">
        <v>24</v>
      </c>
      <c r="S34110">
        <v>24</v>
      </c>
      <c r="T34110">
        <v>25</v>
      </c>
      <c r="U34110">
        <v>26</v>
      </c>
      <c r="V34110">
        <v>26</v>
      </c>
      <c r="W34110">
        <v>27</v>
      </c>
      <c r="X34110">
        <v>27</v>
      </c>
      <c r="Y34110">
        <v>28</v>
      </c>
      <c r="Z34110">
        <v>29</v>
      </c>
      <c r="AA34110">
        <v>29</v>
      </c>
      <c r="AB34110">
        <v>30</v>
      </c>
      <c r="AC34110">
        <v>31</v>
      </c>
      <c r="AD34110">
        <v>32</v>
      </c>
      <c r="AE34110">
        <v>32</v>
      </c>
      <c r="AF34110">
        <v>33</v>
      </c>
      <c r="AG34110">
        <v>34</v>
      </c>
      <c r="AH34110">
        <v>34</v>
      </c>
      <c r="AI34110">
        <v>35</v>
      </c>
      <c r="AJ34110">
        <v>36</v>
      </c>
      <c r="AK34110">
        <v>37</v>
      </c>
      <c r="AL34110">
        <v>37</v>
      </c>
      <c r="AM34110">
        <v>38</v>
      </c>
      <c r="AN34110">
        <v>38</v>
      </c>
      <c r="AO34110">
        <v>39</v>
      </c>
      <c r="AP34110">
        <v>39</v>
      </c>
      <c r="AQ34110">
        <v>40</v>
      </c>
    </row>
    <row r="34111" spans="1:43">
      <c r="A34111" t="s">
        <v>21131</v>
      </c>
      <c r="B34111" t="s">
        <v>21132</v>
      </c>
      <c r="C34111" t="s">
        <v>21017</v>
      </c>
      <c r="D34111" t="s">
        <v>21018</v>
      </c>
      <c r="E34111" t="s">
        <v>20989</v>
      </c>
      <c r="F34111" t="s">
        <v>20990</v>
      </c>
      <c r="G34111" t="s">
        <v>20255</v>
      </c>
      <c r="H34111" t="s">
        <v>20256</v>
      </c>
      <c r="I34111" s="2">
        <v>1</v>
      </c>
      <c r="J34111" s="2">
        <v>0</v>
      </c>
      <c r="K34111" s="2">
        <v>0</v>
      </c>
      <c r="L34111" t="s">
        <v>120</v>
      </c>
      <c r="M34111" t="s">
        <v>87</v>
      </c>
      <c r="N34111" t="s">
        <v>88</v>
      </c>
      <c r="O34111" t="s">
        <v>85</v>
      </c>
      <c r="P34111" t="s">
        <v>86</v>
      </c>
      <c r="Q34111">
        <v>23</v>
      </c>
      <c r="R34111">
        <v>23</v>
      </c>
      <c r="S34111">
        <v>24</v>
      </c>
      <c r="T34111">
        <v>24</v>
      </c>
      <c r="U34111">
        <v>24</v>
      </c>
      <c r="V34111">
        <v>25</v>
      </c>
      <c r="W34111">
        <v>25</v>
      </c>
      <c r="X34111">
        <v>26</v>
      </c>
      <c r="Y34111">
        <v>26</v>
      </c>
      <c r="Z34111">
        <v>26</v>
      </c>
      <c r="AA34111">
        <v>27</v>
      </c>
      <c r="AB34111">
        <v>27</v>
      </c>
      <c r="AC34111">
        <v>28</v>
      </c>
      <c r="AD34111">
        <v>28</v>
      </c>
      <c r="AE34111">
        <v>29</v>
      </c>
      <c r="AF34111">
        <v>29</v>
      </c>
      <c r="AG34111">
        <v>29</v>
      </c>
      <c r="AH34111">
        <v>30</v>
      </c>
      <c r="AI34111">
        <v>30</v>
      </c>
      <c r="AJ34111">
        <v>31</v>
      </c>
      <c r="AK34111">
        <v>31</v>
      </c>
      <c r="AL34111">
        <v>32</v>
      </c>
      <c r="AM34111">
        <v>32</v>
      </c>
      <c r="AN34111">
        <v>33</v>
      </c>
      <c r="AO34111">
        <v>33</v>
      </c>
      <c r="AP34111">
        <v>34</v>
      </c>
      <c r="AQ34111">
        <v>35</v>
      </c>
    </row>
    <row r="34112" spans="1:43">
      <c r="A34112" t="s">
        <v>21131</v>
      </c>
      <c r="B34112" t="s">
        <v>21132</v>
      </c>
      <c r="C34112" t="s">
        <v>21017</v>
      </c>
      <c r="D34112" t="s">
        <v>21018</v>
      </c>
      <c r="E34112" t="s">
        <v>20989</v>
      </c>
      <c r="F34112" t="s">
        <v>20990</v>
      </c>
      <c r="G34112" t="s">
        <v>20255</v>
      </c>
      <c r="H34112" t="s">
        <v>20256</v>
      </c>
      <c r="I34112" s="2">
        <v>1</v>
      </c>
      <c r="J34112" s="2">
        <v>0</v>
      </c>
      <c r="K34112" s="2">
        <v>0</v>
      </c>
      <c r="L34112" t="s">
        <v>120</v>
      </c>
      <c r="M34112" t="s">
        <v>89</v>
      </c>
      <c r="N34112" t="s">
        <v>90</v>
      </c>
      <c r="O34112" t="s">
        <v>85</v>
      </c>
      <c r="P34112" t="s">
        <v>86</v>
      </c>
      <c r="Q34112">
        <v>23</v>
      </c>
      <c r="R34112">
        <v>24</v>
      </c>
      <c r="S34112">
        <v>25</v>
      </c>
      <c r="T34112">
        <v>26</v>
      </c>
      <c r="U34112">
        <v>27</v>
      </c>
      <c r="V34112">
        <v>27</v>
      </c>
      <c r="W34112">
        <v>28</v>
      </c>
      <c r="X34112">
        <v>29</v>
      </c>
      <c r="Y34112">
        <v>30</v>
      </c>
      <c r="Z34112">
        <v>31</v>
      </c>
      <c r="AA34112">
        <v>31</v>
      </c>
      <c r="AB34112">
        <v>32</v>
      </c>
      <c r="AC34112">
        <v>33</v>
      </c>
      <c r="AD34112">
        <v>34</v>
      </c>
      <c r="AE34112">
        <v>35</v>
      </c>
      <c r="AF34112">
        <v>35</v>
      </c>
      <c r="AG34112">
        <v>35</v>
      </c>
      <c r="AH34112">
        <v>36</v>
      </c>
      <c r="AI34112">
        <v>36</v>
      </c>
      <c r="AJ34112">
        <v>37</v>
      </c>
      <c r="AK34112">
        <v>37</v>
      </c>
      <c r="AL34112">
        <v>38</v>
      </c>
      <c r="AM34112">
        <v>38</v>
      </c>
      <c r="AN34112">
        <v>39</v>
      </c>
      <c r="AO34112">
        <v>39</v>
      </c>
      <c r="AP34112">
        <v>40</v>
      </c>
      <c r="AQ34112">
        <v>40</v>
      </c>
    </row>
    <row r="34113" spans="1:43">
      <c r="A34113" t="s">
        <v>21131</v>
      </c>
      <c r="B34113" t="s">
        <v>21132</v>
      </c>
      <c r="C34113" t="s">
        <v>21017</v>
      </c>
      <c r="D34113" t="s">
        <v>21018</v>
      </c>
      <c r="E34113" t="s">
        <v>20989</v>
      </c>
      <c r="F34113" t="s">
        <v>20990</v>
      </c>
      <c r="G34113" t="s">
        <v>20255</v>
      </c>
      <c r="H34113" t="s">
        <v>20256</v>
      </c>
      <c r="I34113" s="2">
        <v>1</v>
      </c>
      <c r="J34113" s="2">
        <v>0</v>
      </c>
      <c r="K34113" s="2">
        <v>0</v>
      </c>
      <c r="L34113" t="s">
        <v>120</v>
      </c>
      <c r="M34113" t="s">
        <v>83</v>
      </c>
      <c r="N34113" t="s">
        <v>91</v>
      </c>
      <c r="O34113" t="s">
        <v>85</v>
      </c>
      <c r="P34113" t="s">
        <v>86</v>
      </c>
      <c r="Q34113">
        <v>23</v>
      </c>
      <c r="R34113">
        <v>24</v>
      </c>
      <c r="S34113">
        <v>24</v>
      </c>
      <c r="T34113">
        <v>25</v>
      </c>
      <c r="U34113">
        <v>26</v>
      </c>
      <c r="V34113">
        <v>26</v>
      </c>
      <c r="W34113">
        <v>27</v>
      </c>
      <c r="X34113">
        <v>27</v>
      </c>
      <c r="Y34113">
        <v>28</v>
      </c>
      <c r="Z34113">
        <v>29</v>
      </c>
      <c r="AA34113">
        <v>29</v>
      </c>
      <c r="AB34113">
        <v>30</v>
      </c>
      <c r="AC34113">
        <v>31</v>
      </c>
      <c r="AD34113">
        <v>32</v>
      </c>
      <c r="AE34113">
        <v>32</v>
      </c>
      <c r="AF34113">
        <v>33</v>
      </c>
      <c r="AG34113">
        <v>34</v>
      </c>
      <c r="AH34113">
        <v>34</v>
      </c>
      <c r="AI34113">
        <v>35</v>
      </c>
      <c r="AJ34113">
        <v>36</v>
      </c>
      <c r="AK34113">
        <v>37</v>
      </c>
      <c r="AL34113">
        <v>37</v>
      </c>
      <c r="AM34113">
        <v>38</v>
      </c>
      <c r="AN34113">
        <v>38</v>
      </c>
      <c r="AO34113">
        <v>39</v>
      </c>
      <c r="AP34113">
        <v>39</v>
      </c>
      <c r="AQ34113">
        <v>40</v>
      </c>
    </row>
    <row r="34114" spans="1:43">
      <c r="A34114" t="s">
        <v>21133</v>
      </c>
      <c r="B34114" t="s">
        <v>21134</v>
      </c>
      <c r="C34114" t="s">
        <v>21017</v>
      </c>
      <c r="D34114" t="s">
        <v>21018</v>
      </c>
      <c r="E34114" t="s">
        <v>20989</v>
      </c>
      <c r="F34114" t="s">
        <v>20990</v>
      </c>
      <c r="G34114" t="s">
        <v>20255</v>
      </c>
      <c r="H34114" t="s">
        <v>20256</v>
      </c>
      <c r="I34114" s="2">
        <v>1</v>
      </c>
      <c r="J34114" s="2">
        <v>0</v>
      </c>
      <c r="K34114" s="2">
        <v>0</v>
      </c>
      <c r="L34114" t="s">
        <v>120</v>
      </c>
      <c r="M34114" t="s">
        <v>83</v>
      </c>
      <c r="N34114" t="s">
        <v>84</v>
      </c>
      <c r="O34114" t="s">
        <v>85</v>
      </c>
      <c r="P34114" t="s">
        <v>86</v>
      </c>
      <c r="Q34114">
        <v>32</v>
      </c>
      <c r="R34114">
        <v>33</v>
      </c>
      <c r="S34114">
        <v>34</v>
      </c>
      <c r="T34114">
        <v>35</v>
      </c>
      <c r="U34114">
        <v>36</v>
      </c>
      <c r="V34114">
        <v>37</v>
      </c>
      <c r="W34114">
        <v>38</v>
      </c>
      <c r="X34114">
        <v>39</v>
      </c>
      <c r="Y34114">
        <v>40</v>
      </c>
      <c r="Z34114">
        <v>41</v>
      </c>
      <c r="AA34114">
        <v>42</v>
      </c>
      <c r="AB34114">
        <v>43</v>
      </c>
      <c r="AC34114">
        <v>44</v>
      </c>
      <c r="AD34114">
        <v>45</v>
      </c>
      <c r="AE34114">
        <v>46</v>
      </c>
      <c r="AF34114">
        <v>47</v>
      </c>
      <c r="AG34114">
        <v>48</v>
      </c>
      <c r="AH34114">
        <v>49</v>
      </c>
      <c r="AI34114">
        <v>50</v>
      </c>
      <c r="AJ34114">
        <v>52</v>
      </c>
      <c r="AK34114">
        <v>53</v>
      </c>
      <c r="AL34114">
        <v>54</v>
      </c>
      <c r="AM34114">
        <v>54</v>
      </c>
      <c r="AN34114">
        <v>55</v>
      </c>
      <c r="AO34114">
        <v>56</v>
      </c>
      <c r="AP34114">
        <v>57</v>
      </c>
      <c r="AQ34114">
        <v>58</v>
      </c>
    </row>
    <row r="34115" spans="1:43">
      <c r="A34115" t="s">
        <v>21133</v>
      </c>
      <c r="B34115" t="s">
        <v>21134</v>
      </c>
      <c r="C34115" t="s">
        <v>21017</v>
      </c>
      <c r="D34115" t="s">
        <v>21018</v>
      </c>
      <c r="E34115" t="s">
        <v>20989</v>
      </c>
      <c r="F34115" t="s">
        <v>20990</v>
      </c>
      <c r="G34115" t="s">
        <v>20255</v>
      </c>
      <c r="H34115" t="s">
        <v>20256</v>
      </c>
      <c r="I34115" s="2">
        <v>1</v>
      </c>
      <c r="J34115" s="2">
        <v>0</v>
      </c>
      <c r="K34115" s="2">
        <v>0</v>
      </c>
      <c r="L34115" t="s">
        <v>120</v>
      </c>
      <c r="M34115" t="s">
        <v>87</v>
      </c>
      <c r="N34115" t="s">
        <v>88</v>
      </c>
      <c r="O34115" t="s">
        <v>85</v>
      </c>
      <c r="P34115" t="s">
        <v>86</v>
      </c>
      <c r="Q34115">
        <v>32</v>
      </c>
      <c r="R34115">
        <v>33</v>
      </c>
      <c r="S34115">
        <v>33</v>
      </c>
      <c r="T34115">
        <v>34</v>
      </c>
      <c r="U34115">
        <v>34</v>
      </c>
      <c r="V34115">
        <v>35</v>
      </c>
      <c r="W34115">
        <v>36</v>
      </c>
      <c r="X34115">
        <v>36</v>
      </c>
      <c r="Y34115">
        <v>37</v>
      </c>
      <c r="Z34115">
        <v>37</v>
      </c>
      <c r="AA34115">
        <v>38</v>
      </c>
      <c r="AB34115">
        <v>39</v>
      </c>
      <c r="AC34115">
        <v>39</v>
      </c>
      <c r="AD34115">
        <v>40</v>
      </c>
      <c r="AE34115">
        <v>41</v>
      </c>
      <c r="AF34115">
        <v>41</v>
      </c>
      <c r="AG34115">
        <v>42</v>
      </c>
      <c r="AH34115">
        <v>43</v>
      </c>
      <c r="AI34115">
        <v>44</v>
      </c>
      <c r="AJ34115">
        <v>44</v>
      </c>
      <c r="AK34115">
        <v>45</v>
      </c>
      <c r="AL34115">
        <v>46</v>
      </c>
      <c r="AM34115">
        <v>47</v>
      </c>
      <c r="AN34115">
        <v>47</v>
      </c>
      <c r="AO34115">
        <v>48</v>
      </c>
      <c r="AP34115">
        <v>49</v>
      </c>
      <c r="AQ34115">
        <v>50</v>
      </c>
    </row>
    <row r="34116" spans="1:43">
      <c r="A34116" t="s">
        <v>21133</v>
      </c>
      <c r="B34116" t="s">
        <v>21134</v>
      </c>
      <c r="C34116" t="s">
        <v>21017</v>
      </c>
      <c r="D34116" t="s">
        <v>21018</v>
      </c>
      <c r="E34116" t="s">
        <v>20989</v>
      </c>
      <c r="F34116" t="s">
        <v>20990</v>
      </c>
      <c r="G34116" t="s">
        <v>20255</v>
      </c>
      <c r="H34116" t="s">
        <v>20256</v>
      </c>
      <c r="I34116" s="2">
        <v>1</v>
      </c>
      <c r="J34116" s="2">
        <v>0</v>
      </c>
      <c r="K34116" s="2">
        <v>0</v>
      </c>
      <c r="L34116" t="s">
        <v>120</v>
      </c>
      <c r="M34116" t="s">
        <v>89</v>
      </c>
      <c r="N34116" t="s">
        <v>90</v>
      </c>
      <c r="O34116" t="s">
        <v>85</v>
      </c>
      <c r="P34116" t="s">
        <v>86</v>
      </c>
      <c r="Q34116">
        <v>32</v>
      </c>
      <c r="R34116">
        <v>33</v>
      </c>
      <c r="S34116">
        <v>34</v>
      </c>
      <c r="T34116">
        <v>35</v>
      </c>
      <c r="U34116">
        <v>36</v>
      </c>
      <c r="V34116">
        <v>38</v>
      </c>
      <c r="W34116">
        <v>39</v>
      </c>
      <c r="X34116">
        <v>40</v>
      </c>
      <c r="Y34116">
        <v>41</v>
      </c>
      <c r="Z34116">
        <v>42</v>
      </c>
      <c r="AA34116">
        <v>43</v>
      </c>
      <c r="AB34116">
        <v>45</v>
      </c>
      <c r="AC34116">
        <v>46</v>
      </c>
      <c r="AD34116">
        <v>47</v>
      </c>
      <c r="AE34116">
        <v>48</v>
      </c>
      <c r="AF34116">
        <v>49</v>
      </c>
      <c r="AG34116">
        <v>50</v>
      </c>
      <c r="AH34116">
        <v>50</v>
      </c>
      <c r="AI34116">
        <v>51</v>
      </c>
      <c r="AJ34116">
        <v>52</v>
      </c>
      <c r="AK34116">
        <v>53</v>
      </c>
      <c r="AL34116">
        <v>53</v>
      </c>
      <c r="AM34116">
        <v>54</v>
      </c>
      <c r="AN34116">
        <v>55</v>
      </c>
      <c r="AO34116">
        <v>56</v>
      </c>
      <c r="AP34116">
        <v>56</v>
      </c>
      <c r="AQ34116">
        <v>57</v>
      </c>
    </row>
    <row r="34117" spans="1:43">
      <c r="A34117" t="s">
        <v>21133</v>
      </c>
      <c r="B34117" t="s">
        <v>21134</v>
      </c>
      <c r="C34117" t="s">
        <v>21017</v>
      </c>
      <c r="D34117" t="s">
        <v>21018</v>
      </c>
      <c r="E34117" t="s">
        <v>20989</v>
      </c>
      <c r="F34117" t="s">
        <v>20990</v>
      </c>
      <c r="G34117" t="s">
        <v>20255</v>
      </c>
      <c r="H34117" t="s">
        <v>20256</v>
      </c>
      <c r="I34117" s="2">
        <v>1</v>
      </c>
      <c r="J34117" s="2">
        <v>0</v>
      </c>
      <c r="K34117" s="2">
        <v>0</v>
      </c>
      <c r="L34117" t="s">
        <v>120</v>
      </c>
      <c r="M34117" t="s">
        <v>83</v>
      </c>
      <c r="N34117" t="s">
        <v>91</v>
      </c>
      <c r="O34117" t="s">
        <v>85</v>
      </c>
      <c r="P34117" t="s">
        <v>86</v>
      </c>
      <c r="Q34117">
        <v>32</v>
      </c>
      <c r="R34117">
        <v>33</v>
      </c>
      <c r="S34117">
        <v>34</v>
      </c>
      <c r="T34117">
        <v>35</v>
      </c>
      <c r="U34117">
        <v>36</v>
      </c>
      <c r="V34117">
        <v>37</v>
      </c>
      <c r="W34117">
        <v>38</v>
      </c>
      <c r="X34117">
        <v>39</v>
      </c>
      <c r="Y34117">
        <v>40</v>
      </c>
      <c r="Z34117">
        <v>41</v>
      </c>
      <c r="AA34117">
        <v>42</v>
      </c>
      <c r="AB34117">
        <v>43</v>
      </c>
      <c r="AC34117">
        <v>44</v>
      </c>
      <c r="AD34117">
        <v>45</v>
      </c>
      <c r="AE34117">
        <v>46</v>
      </c>
      <c r="AF34117">
        <v>47</v>
      </c>
      <c r="AG34117">
        <v>48</v>
      </c>
      <c r="AH34117">
        <v>49</v>
      </c>
      <c r="AI34117">
        <v>50</v>
      </c>
      <c r="AJ34117">
        <v>52</v>
      </c>
      <c r="AK34117">
        <v>53</v>
      </c>
      <c r="AL34117">
        <v>54</v>
      </c>
      <c r="AM34117">
        <v>54</v>
      </c>
      <c r="AN34117">
        <v>55</v>
      </c>
      <c r="AO34117">
        <v>56</v>
      </c>
      <c r="AP34117">
        <v>57</v>
      </c>
      <c r="AQ34117">
        <v>58</v>
      </c>
    </row>
    <row r="34118" spans="1:43">
      <c r="A34118" t="s">
        <v>21135</v>
      </c>
      <c r="B34118" t="s">
        <v>21136</v>
      </c>
      <c r="C34118" t="s">
        <v>21137</v>
      </c>
      <c r="D34118" t="s">
        <v>21138</v>
      </c>
      <c r="E34118" t="s">
        <v>21139</v>
      </c>
      <c r="F34118" t="s">
        <v>21140</v>
      </c>
      <c r="G34118" t="s">
        <v>20255</v>
      </c>
      <c r="H34118" t="s">
        <v>20256</v>
      </c>
      <c r="I34118" s="2">
        <v>1</v>
      </c>
      <c r="J34118" s="2">
        <v>0</v>
      </c>
      <c r="K34118" s="2">
        <v>0</v>
      </c>
      <c r="L34118" t="s">
        <v>120</v>
      </c>
      <c r="M34118" t="s">
        <v>83</v>
      </c>
      <c r="N34118" t="s">
        <v>84</v>
      </c>
      <c r="O34118" t="s">
        <v>85</v>
      </c>
      <c r="P34118" t="s">
        <v>86</v>
      </c>
      <c r="Q34118">
        <v>22</v>
      </c>
      <c r="R34118">
        <v>23</v>
      </c>
      <c r="S34118">
        <v>23</v>
      </c>
      <c r="T34118">
        <v>24</v>
      </c>
      <c r="U34118">
        <v>24</v>
      </c>
      <c r="V34118">
        <v>25</v>
      </c>
      <c r="W34118">
        <v>26</v>
      </c>
      <c r="X34118">
        <v>26</v>
      </c>
      <c r="Y34118">
        <v>27</v>
      </c>
      <c r="Z34118">
        <v>27</v>
      </c>
      <c r="AA34118">
        <v>28</v>
      </c>
      <c r="AB34118">
        <v>28</v>
      </c>
      <c r="AC34118">
        <v>29</v>
      </c>
      <c r="AD34118">
        <v>29</v>
      </c>
      <c r="AE34118">
        <v>30</v>
      </c>
      <c r="AF34118">
        <v>30</v>
      </c>
      <c r="AG34118">
        <v>31</v>
      </c>
      <c r="AH34118">
        <v>31</v>
      </c>
      <c r="AI34118">
        <v>32</v>
      </c>
      <c r="AJ34118">
        <v>32</v>
      </c>
      <c r="AK34118">
        <v>33</v>
      </c>
      <c r="AL34118">
        <v>33</v>
      </c>
      <c r="AM34118">
        <v>33</v>
      </c>
      <c r="AN34118">
        <v>34</v>
      </c>
      <c r="AO34118">
        <v>34</v>
      </c>
      <c r="AP34118">
        <v>34</v>
      </c>
      <c r="AQ34118">
        <v>34</v>
      </c>
    </row>
    <row r="34119" spans="1:43">
      <c r="A34119" t="s">
        <v>21135</v>
      </c>
      <c r="B34119" t="s">
        <v>21136</v>
      </c>
      <c r="C34119" t="s">
        <v>21137</v>
      </c>
      <c r="D34119" t="s">
        <v>21138</v>
      </c>
      <c r="E34119" t="s">
        <v>21139</v>
      </c>
      <c r="F34119" t="s">
        <v>21140</v>
      </c>
      <c r="G34119" t="s">
        <v>20255</v>
      </c>
      <c r="H34119" t="s">
        <v>20256</v>
      </c>
      <c r="I34119" s="2">
        <v>1</v>
      </c>
      <c r="J34119" s="2">
        <v>0</v>
      </c>
      <c r="K34119" s="2">
        <v>0</v>
      </c>
      <c r="L34119" t="s">
        <v>120</v>
      </c>
      <c r="M34119" t="s">
        <v>87</v>
      </c>
      <c r="N34119" t="s">
        <v>88</v>
      </c>
      <c r="O34119" t="s">
        <v>85</v>
      </c>
      <c r="P34119" t="s">
        <v>86</v>
      </c>
      <c r="Q34119">
        <v>22</v>
      </c>
      <c r="R34119">
        <v>22</v>
      </c>
      <c r="S34119">
        <v>23</v>
      </c>
      <c r="T34119">
        <v>23</v>
      </c>
      <c r="U34119">
        <v>23</v>
      </c>
      <c r="V34119">
        <v>24</v>
      </c>
      <c r="W34119">
        <v>24</v>
      </c>
      <c r="X34119">
        <v>24</v>
      </c>
      <c r="Y34119">
        <v>25</v>
      </c>
      <c r="Z34119">
        <v>25</v>
      </c>
      <c r="AA34119">
        <v>25</v>
      </c>
      <c r="AB34119">
        <v>26</v>
      </c>
      <c r="AC34119">
        <v>26</v>
      </c>
      <c r="AD34119">
        <v>26</v>
      </c>
      <c r="AE34119">
        <v>26</v>
      </c>
      <c r="AF34119">
        <v>27</v>
      </c>
      <c r="AG34119">
        <v>27</v>
      </c>
      <c r="AH34119">
        <v>27</v>
      </c>
      <c r="AI34119">
        <v>28</v>
      </c>
      <c r="AJ34119">
        <v>28</v>
      </c>
      <c r="AK34119">
        <v>28</v>
      </c>
      <c r="AL34119">
        <v>29</v>
      </c>
      <c r="AM34119">
        <v>29</v>
      </c>
      <c r="AN34119">
        <v>29</v>
      </c>
      <c r="AO34119">
        <v>30</v>
      </c>
      <c r="AP34119">
        <v>30</v>
      </c>
      <c r="AQ34119">
        <v>30</v>
      </c>
    </row>
    <row r="34120" spans="1:43">
      <c r="A34120" t="s">
        <v>21135</v>
      </c>
      <c r="B34120" t="s">
        <v>21136</v>
      </c>
      <c r="C34120" t="s">
        <v>21137</v>
      </c>
      <c r="D34120" t="s">
        <v>21138</v>
      </c>
      <c r="E34120" t="s">
        <v>21139</v>
      </c>
      <c r="F34120" t="s">
        <v>21140</v>
      </c>
      <c r="G34120" t="s">
        <v>20255</v>
      </c>
      <c r="H34120" t="s">
        <v>20256</v>
      </c>
      <c r="I34120" s="2">
        <v>1</v>
      </c>
      <c r="J34120" s="2">
        <v>0</v>
      </c>
      <c r="K34120" s="2">
        <v>0</v>
      </c>
      <c r="L34120" t="s">
        <v>120</v>
      </c>
      <c r="M34120" t="s">
        <v>89</v>
      </c>
      <c r="N34120" t="s">
        <v>90</v>
      </c>
      <c r="O34120" t="s">
        <v>85</v>
      </c>
      <c r="P34120" t="s">
        <v>86</v>
      </c>
      <c r="Q34120">
        <v>22</v>
      </c>
      <c r="R34120">
        <v>22</v>
      </c>
      <c r="S34120">
        <v>23</v>
      </c>
      <c r="T34120">
        <v>24</v>
      </c>
      <c r="U34120">
        <v>24</v>
      </c>
      <c r="V34120">
        <v>25</v>
      </c>
      <c r="W34120">
        <v>26</v>
      </c>
      <c r="X34120">
        <v>26</v>
      </c>
      <c r="Y34120">
        <v>27</v>
      </c>
      <c r="Z34120">
        <v>28</v>
      </c>
      <c r="AA34120">
        <v>28</v>
      </c>
      <c r="AB34120">
        <v>29</v>
      </c>
      <c r="AC34120">
        <v>29</v>
      </c>
      <c r="AD34120">
        <v>30</v>
      </c>
      <c r="AE34120">
        <v>30</v>
      </c>
      <c r="AF34120">
        <v>31</v>
      </c>
      <c r="AG34120">
        <v>31</v>
      </c>
      <c r="AH34120">
        <v>31</v>
      </c>
      <c r="AI34120">
        <v>31</v>
      </c>
      <c r="AJ34120">
        <v>32</v>
      </c>
      <c r="AK34120">
        <v>32</v>
      </c>
      <c r="AL34120">
        <v>32</v>
      </c>
      <c r="AM34120">
        <v>32</v>
      </c>
      <c r="AN34120">
        <v>33</v>
      </c>
      <c r="AO34120">
        <v>33</v>
      </c>
      <c r="AP34120">
        <v>33</v>
      </c>
      <c r="AQ34120">
        <v>33</v>
      </c>
    </row>
    <row r="34121" spans="1:43">
      <c r="A34121" t="s">
        <v>21135</v>
      </c>
      <c r="B34121" t="s">
        <v>21136</v>
      </c>
      <c r="C34121" t="s">
        <v>21137</v>
      </c>
      <c r="D34121" t="s">
        <v>21138</v>
      </c>
      <c r="E34121" t="s">
        <v>21139</v>
      </c>
      <c r="F34121" t="s">
        <v>21140</v>
      </c>
      <c r="G34121" t="s">
        <v>20255</v>
      </c>
      <c r="H34121" t="s">
        <v>20256</v>
      </c>
      <c r="I34121" s="2">
        <v>1</v>
      </c>
      <c r="J34121" s="2">
        <v>0</v>
      </c>
      <c r="K34121" s="2">
        <v>0</v>
      </c>
      <c r="L34121" t="s">
        <v>120</v>
      </c>
      <c r="M34121" t="s">
        <v>83</v>
      </c>
      <c r="N34121" t="s">
        <v>91</v>
      </c>
      <c r="O34121" t="s">
        <v>85</v>
      </c>
      <c r="P34121" t="s">
        <v>86</v>
      </c>
      <c r="Q34121">
        <v>22</v>
      </c>
      <c r="R34121">
        <v>23</v>
      </c>
      <c r="S34121">
        <v>23</v>
      </c>
      <c r="T34121">
        <v>24</v>
      </c>
      <c r="U34121">
        <v>24</v>
      </c>
      <c r="V34121">
        <v>25</v>
      </c>
      <c r="W34121">
        <v>26</v>
      </c>
      <c r="X34121">
        <v>26</v>
      </c>
      <c r="Y34121">
        <v>27</v>
      </c>
      <c r="Z34121">
        <v>27</v>
      </c>
      <c r="AA34121">
        <v>28</v>
      </c>
      <c r="AB34121">
        <v>28</v>
      </c>
      <c r="AC34121">
        <v>29</v>
      </c>
      <c r="AD34121">
        <v>29</v>
      </c>
      <c r="AE34121">
        <v>30</v>
      </c>
      <c r="AF34121">
        <v>30</v>
      </c>
      <c r="AG34121">
        <v>31</v>
      </c>
      <c r="AH34121">
        <v>31</v>
      </c>
      <c r="AI34121">
        <v>32</v>
      </c>
      <c r="AJ34121">
        <v>32</v>
      </c>
      <c r="AK34121">
        <v>33</v>
      </c>
      <c r="AL34121">
        <v>33</v>
      </c>
      <c r="AM34121">
        <v>33</v>
      </c>
      <c r="AN34121">
        <v>34</v>
      </c>
      <c r="AO34121">
        <v>34</v>
      </c>
      <c r="AP34121">
        <v>34</v>
      </c>
      <c r="AQ34121">
        <v>34</v>
      </c>
    </row>
    <row r="34122" spans="1:43">
      <c r="A34122" t="s">
        <v>21141</v>
      </c>
      <c r="B34122" t="s">
        <v>21142</v>
      </c>
      <c r="C34122" t="s">
        <v>21137</v>
      </c>
      <c r="D34122" t="s">
        <v>21138</v>
      </c>
      <c r="E34122" t="s">
        <v>21139</v>
      </c>
      <c r="F34122" t="s">
        <v>21140</v>
      </c>
      <c r="G34122" t="s">
        <v>20255</v>
      </c>
      <c r="H34122" t="s">
        <v>20256</v>
      </c>
      <c r="I34122" s="2">
        <v>1</v>
      </c>
      <c r="J34122" s="2">
        <v>0</v>
      </c>
      <c r="K34122" s="2">
        <v>0</v>
      </c>
      <c r="L34122" t="s">
        <v>120</v>
      </c>
      <c r="M34122" t="s">
        <v>83</v>
      </c>
      <c r="N34122" t="s">
        <v>84</v>
      </c>
      <c r="O34122" t="s">
        <v>85</v>
      </c>
      <c r="P34122" t="s">
        <v>86</v>
      </c>
      <c r="Q34122">
        <v>15</v>
      </c>
      <c r="R34122">
        <v>16</v>
      </c>
      <c r="S34122">
        <v>16</v>
      </c>
      <c r="T34122">
        <v>16</v>
      </c>
      <c r="U34122">
        <v>17</v>
      </c>
      <c r="V34122">
        <v>17</v>
      </c>
      <c r="W34122">
        <v>17</v>
      </c>
      <c r="X34122">
        <v>18</v>
      </c>
      <c r="Y34122">
        <v>18</v>
      </c>
      <c r="Z34122">
        <v>18</v>
      </c>
      <c r="AA34122">
        <v>19</v>
      </c>
      <c r="AB34122">
        <v>19</v>
      </c>
      <c r="AC34122">
        <v>19</v>
      </c>
      <c r="AD34122">
        <v>20</v>
      </c>
      <c r="AE34122">
        <v>20</v>
      </c>
      <c r="AF34122">
        <v>20</v>
      </c>
      <c r="AG34122">
        <v>21</v>
      </c>
      <c r="AH34122">
        <v>21</v>
      </c>
      <c r="AI34122">
        <v>21</v>
      </c>
      <c r="AJ34122">
        <v>22</v>
      </c>
      <c r="AK34122">
        <v>22</v>
      </c>
      <c r="AL34122">
        <v>22</v>
      </c>
      <c r="AM34122">
        <v>23</v>
      </c>
      <c r="AN34122">
        <v>23</v>
      </c>
      <c r="AO34122">
        <v>23</v>
      </c>
      <c r="AP34122">
        <v>23</v>
      </c>
      <c r="AQ34122">
        <v>23</v>
      </c>
    </row>
    <row r="34123" spans="1:43">
      <c r="A34123" t="s">
        <v>21141</v>
      </c>
      <c r="B34123" t="s">
        <v>21142</v>
      </c>
      <c r="C34123" t="s">
        <v>21137</v>
      </c>
      <c r="D34123" t="s">
        <v>21138</v>
      </c>
      <c r="E34123" t="s">
        <v>21139</v>
      </c>
      <c r="F34123" t="s">
        <v>21140</v>
      </c>
      <c r="G34123" t="s">
        <v>20255</v>
      </c>
      <c r="H34123" t="s">
        <v>20256</v>
      </c>
      <c r="I34123" s="2">
        <v>1</v>
      </c>
      <c r="J34123" s="2">
        <v>0</v>
      </c>
      <c r="K34123" s="2">
        <v>0</v>
      </c>
      <c r="L34123" t="s">
        <v>120</v>
      </c>
      <c r="M34123" t="s">
        <v>87</v>
      </c>
      <c r="N34123" t="s">
        <v>88</v>
      </c>
      <c r="O34123" t="s">
        <v>85</v>
      </c>
      <c r="P34123" t="s">
        <v>86</v>
      </c>
      <c r="Q34123">
        <v>15</v>
      </c>
      <c r="R34123">
        <v>15</v>
      </c>
      <c r="S34123">
        <v>15</v>
      </c>
      <c r="T34123">
        <v>16</v>
      </c>
      <c r="U34123">
        <v>16</v>
      </c>
      <c r="V34123">
        <v>16</v>
      </c>
      <c r="W34123">
        <v>16</v>
      </c>
      <c r="X34123">
        <v>16</v>
      </c>
      <c r="Y34123">
        <v>17</v>
      </c>
      <c r="Z34123">
        <v>17</v>
      </c>
      <c r="AA34123">
        <v>17</v>
      </c>
      <c r="AB34123">
        <v>17</v>
      </c>
      <c r="AC34123">
        <v>18</v>
      </c>
      <c r="AD34123">
        <v>18</v>
      </c>
      <c r="AE34123">
        <v>18</v>
      </c>
      <c r="AF34123">
        <v>18</v>
      </c>
      <c r="AG34123">
        <v>18</v>
      </c>
      <c r="AH34123">
        <v>19</v>
      </c>
      <c r="AI34123">
        <v>19</v>
      </c>
      <c r="AJ34123">
        <v>19</v>
      </c>
      <c r="AK34123">
        <v>19</v>
      </c>
      <c r="AL34123">
        <v>19</v>
      </c>
      <c r="AM34123">
        <v>20</v>
      </c>
      <c r="AN34123">
        <v>20</v>
      </c>
      <c r="AO34123">
        <v>20</v>
      </c>
      <c r="AP34123">
        <v>20</v>
      </c>
      <c r="AQ34123">
        <v>21</v>
      </c>
    </row>
    <row r="34124" spans="1:43">
      <c r="A34124" t="s">
        <v>21141</v>
      </c>
      <c r="B34124" t="s">
        <v>21142</v>
      </c>
      <c r="C34124" t="s">
        <v>21137</v>
      </c>
      <c r="D34124" t="s">
        <v>21138</v>
      </c>
      <c r="E34124" t="s">
        <v>21139</v>
      </c>
      <c r="F34124" t="s">
        <v>21140</v>
      </c>
      <c r="G34124" t="s">
        <v>20255</v>
      </c>
      <c r="H34124" t="s">
        <v>20256</v>
      </c>
      <c r="I34124" s="2">
        <v>1</v>
      </c>
      <c r="J34124" s="2">
        <v>0</v>
      </c>
      <c r="K34124" s="2">
        <v>0</v>
      </c>
      <c r="L34124" t="s">
        <v>120</v>
      </c>
      <c r="M34124" t="s">
        <v>89</v>
      </c>
      <c r="N34124" t="s">
        <v>90</v>
      </c>
      <c r="O34124" t="s">
        <v>85</v>
      </c>
      <c r="P34124" t="s">
        <v>86</v>
      </c>
      <c r="Q34124">
        <v>15</v>
      </c>
      <c r="R34124">
        <v>16</v>
      </c>
      <c r="S34124">
        <v>16</v>
      </c>
      <c r="T34124">
        <v>17</v>
      </c>
      <c r="U34124">
        <v>17</v>
      </c>
      <c r="V34124">
        <v>18</v>
      </c>
      <c r="W34124">
        <v>18</v>
      </c>
      <c r="X34124">
        <v>19</v>
      </c>
      <c r="Y34124">
        <v>19</v>
      </c>
      <c r="Z34124">
        <v>19</v>
      </c>
      <c r="AA34124">
        <v>20</v>
      </c>
      <c r="AB34124">
        <v>20</v>
      </c>
      <c r="AC34124">
        <v>21</v>
      </c>
      <c r="AD34124">
        <v>21</v>
      </c>
      <c r="AE34124">
        <v>21</v>
      </c>
      <c r="AF34124">
        <v>22</v>
      </c>
      <c r="AG34124">
        <v>22</v>
      </c>
      <c r="AH34124">
        <v>22</v>
      </c>
      <c r="AI34124">
        <v>22</v>
      </c>
      <c r="AJ34124">
        <v>22</v>
      </c>
      <c r="AK34124">
        <v>22</v>
      </c>
      <c r="AL34124">
        <v>23</v>
      </c>
      <c r="AM34124">
        <v>23</v>
      </c>
      <c r="AN34124">
        <v>23</v>
      </c>
      <c r="AO34124">
        <v>23</v>
      </c>
      <c r="AP34124">
        <v>23</v>
      </c>
      <c r="AQ34124">
        <v>23</v>
      </c>
    </row>
    <row r="34125" spans="1:43">
      <c r="A34125" t="s">
        <v>21141</v>
      </c>
      <c r="B34125" t="s">
        <v>21142</v>
      </c>
      <c r="C34125" t="s">
        <v>21137</v>
      </c>
      <c r="D34125" t="s">
        <v>21138</v>
      </c>
      <c r="E34125" t="s">
        <v>21139</v>
      </c>
      <c r="F34125" t="s">
        <v>21140</v>
      </c>
      <c r="G34125" t="s">
        <v>20255</v>
      </c>
      <c r="H34125" t="s">
        <v>20256</v>
      </c>
      <c r="I34125" s="2">
        <v>1</v>
      </c>
      <c r="J34125" s="2">
        <v>0</v>
      </c>
      <c r="K34125" s="2">
        <v>0</v>
      </c>
      <c r="L34125" t="s">
        <v>120</v>
      </c>
      <c r="M34125" t="s">
        <v>83</v>
      </c>
      <c r="N34125" t="s">
        <v>91</v>
      </c>
      <c r="O34125" t="s">
        <v>85</v>
      </c>
      <c r="P34125" t="s">
        <v>86</v>
      </c>
      <c r="Q34125">
        <v>15</v>
      </c>
      <c r="R34125">
        <v>16</v>
      </c>
      <c r="S34125">
        <v>16</v>
      </c>
      <c r="T34125">
        <v>16</v>
      </c>
      <c r="U34125">
        <v>17</v>
      </c>
      <c r="V34125">
        <v>17</v>
      </c>
      <c r="W34125">
        <v>17</v>
      </c>
      <c r="X34125">
        <v>18</v>
      </c>
      <c r="Y34125">
        <v>18</v>
      </c>
      <c r="Z34125">
        <v>18</v>
      </c>
      <c r="AA34125">
        <v>19</v>
      </c>
      <c r="AB34125">
        <v>19</v>
      </c>
      <c r="AC34125">
        <v>19</v>
      </c>
      <c r="AD34125">
        <v>20</v>
      </c>
      <c r="AE34125">
        <v>20</v>
      </c>
      <c r="AF34125">
        <v>20</v>
      </c>
      <c r="AG34125">
        <v>21</v>
      </c>
      <c r="AH34125">
        <v>21</v>
      </c>
      <c r="AI34125">
        <v>21</v>
      </c>
      <c r="AJ34125">
        <v>22</v>
      </c>
      <c r="AK34125">
        <v>22</v>
      </c>
      <c r="AL34125">
        <v>22</v>
      </c>
      <c r="AM34125">
        <v>23</v>
      </c>
      <c r="AN34125">
        <v>23</v>
      </c>
      <c r="AO34125">
        <v>23</v>
      </c>
      <c r="AP34125">
        <v>23</v>
      </c>
      <c r="AQ34125">
        <v>23</v>
      </c>
    </row>
    <row r="34126" spans="1:43">
      <c r="A34126" t="s">
        <v>21143</v>
      </c>
      <c r="B34126" t="s">
        <v>21144</v>
      </c>
      <c r="C34126" t="s">
        <v>21137</v>
      </c>
      <c r="D34126" t="s">
        <v>21138</v>
      </c>
      <c r="E34126" t="s">
        <v>21139</v>
      </c>
      <c r="F34126" t="s">
        <v>21140</v>
      </c>
      <c r="G34126" t="s">
        <v>20255</v>
      </c>
      <c r="H34126" t="s">
        <v>20256</v>
      </c>
      <c r="I34126" s="2">
        <v>1</v>
      </c>
      <c r="J34126" s="2">
        <v>0</v>
      </c>
      <c r="K34126" s="2">
        <v>0</v>
      </c>
      <c r="L34126" t="s">
        <v>120</v>
      </c>
      <c r="M34126" t="s">
        <v>83</v>
      </c>
      <c r="N34126" t="s">
        <v>84</v>
      </c>
      <c r="O34126" t="s">
        <v>85</v>
      </c>
      <c r="P34126" t="s">
        <v>86</v>
      </c>
      <c r="Q34126">
        <v>0</v>
      </c>
      <c r="R34126">
        <v>0</v>
      </c>
      <c r="S34126">
        <v>0</v>
      </c>
      <c r="T34126">
        <v>0</v>
      </c>
      <c r="U34126">
        <v>0</v>
      </c>
      <c r="V34126">
        <v>0</v>
      </c>
      <c r="W34126">
        <v>0</v>
      </c>
      <c r="X34126">
        <v>0</v>
      </c>
      <c r="Y34126">
        <v>0</v>
      </c>
      <c r="Z34126">
        <v>0</v>
      </c>
      <c r="AA34126">
        <v>0</v>
      </c>
      <c r="AB34126">
        <v>0</v>
      </c>
      <c r="AC34126">
        <v>0</v>
      </c>
      <c r="AD34126">
        <v>0</v>
      </c>
      <c r="AE34126">
        <v>0</v>
      </c>
      <c r="AF34126">
        <v>0</v>
      </c>
      <c r="AG34126">
        <v>0</v>
      </c>
      <c r="AH34126">
        <v>0</v>
      </c>
      <c r="AI34126">
        <v>0</v>
      </c>
      <c r="AJ34126">
        <v>0</v>
      </c>
      <c r="AK34126">
        <v>0</v>
      </c>
      <c r="AL34126">
        <v>0</v>
      </c>
      <c r="AM34126">
        <v>0</v>
      </c>
      <c r="AN34126">
        <v>0</v>
      </c>
      <c r="AO34126">
        <v>0</v>
      </c>
      <c r="AP34126">
        <v>0</v>
      </c>
      <c r="AQ34126">
        <v>0</v>
      </c>
    </row>
    <row r="34127" spans="1:43">
      <c r="A34127" t="s">
        <v>21143</v>
      </c>
      <c r="B34127" t="s">
        <v>21144</v>
      </c>
      <c r="C34127" t="s">
        <v>21137</v>
      </c>
      <c r="D34127" t="s">
        <v>21138</v>
      </c>
      <c r="E34127" t="s">
        <v>21139</v>
      </c>
      <c r="F34127" t="s">
        <v>21140</v>
      </c>
      <c r="G34127" t="s">
        <v>20255</v>
      </c>
      <c r="H34127" t="s">
        <v>20256</v>
      </c>
      <c r="I34127" s="2">
        <v>1</v>
      </c>
      <c r="J34127" s="2">
        <v>0</v>
      </c>
      <c r="K34127" s="2">
        <v>0</v>
      </c>
      <c r="L34127" t="s">
        <v>120</v>
      </c>
      <c r="M34127" t="s">
        <v>87</v>
      </c>
      <c r="N34127" t="s">
        <v>88</v>
      </c>
      <c r="O34127" t="s">
        <v>85</v>
      </c>
      <c r="P34127" t="s">
        <v>86</v>
      </c>
      <c r="Q34127">
        <v>0</v>
      </c>
      <c r="R34127">
        <v>0</v>
      </c>
      <c r="S34127">
        <v>0</v>
      </c>
      <c r="T34127">
        <v>0</v>
      </c>
      <c r="U34127">
        <v>0</v>
      </c>
      <c r="V34127">
        <v>0</v>
      </c>
      <c r="W34127">
        <v>0</v>
      </c>
      <c r="X34127">
        <v>0</v>
      </c>
      <c r="Y34127">
        <v>0</v>
      </c>
      <c r="Z34127">
        <v>0</v>
      </c>
      <c r="AA34127">
        <v>0</v>
      </c>
      <c r="AB34127">
        <v>0</v>
      </c>
      <c r="AC34127">
        <v>0</v>
      </c>
      <c r="AD34127">
        <v>0</v>
      </c>
      <c r="AE34127">
        <v>0</v>
      </c>
      <c r="AF34127">
        <v>0</v>
      </c>
      <c r="AG34127">
        <v>0</v>
      </c>
      <c r="AH34127">
        <v>0</v>
      </c>
      <c r="AI34127">
        <v>0</v>
      </c>
      <c r="AJ34127">
        <v>0</v>
      </c>
      <c r="AK34127">
        <v>0</v>
      </c>
      <c r="AL34127">
        <v>0</v>
      </c>
      <c r="AM34127">
        <v>0</v>
      </c>
      <c r="AN34127">
        <v>0</v>
      </c>
      <c r="AO34127">
        <v>0</v>
      </c>
      <c r="AP34127">
        <v>0</v>
      </c>
      <c r="AQ34127">
        <v>0</v>
      </c>
    </row>
    <row r="34128" spans="1:43">
      <c r="A34128" t="s">
        <v>21143</v>
      </c>
      <c r="B34128" t="s">
        <v>21144</v>
      </c>
      <c r="C34128" t="s">
        <v>21137</v>
      </c>
      <c r="D34128" t="s">
        <v>21138</v>
      </c>
      <c r="E34128" t="s">
        <v>21139</v>
      </c>
      <c r="F34128" t="s">
        <v>21140</v>
      </c>
      <c r="G34128" t="s">
        <v>20255</v>
      </c>
      <c r="H34128" t="s">
        <v>20256</v>
      </c>
      <c r="I34128" s="2">
        <v>1</v>
      </c>
      <c r="J34128" s="2">
        <v>0</v>
      </c>
      <c r="K34128" s="2">
        <v>0</v>
      </c>
      <c r="L34128" t="s">
        <v>120</v>
      </c>
      <c r="M34128" t="s">
        <v>89</v>
      </c>
      <c r="N34128" t="s">
        <v>90</v>
      </c>
      <c r="O34128" t="s">
        <v>85</v>
      </c>
      <c r="P34128" t="s">
        <v>86</v>
      </c>
      <c r="Q34128">
        <v>0</v>
      </c>
      <c r="R34128">
        <v>0</v>
      </c>
      <c r="S34128">
        <v>0</v>
      </c>
      <c r="T34128">
        <v>0</v>
      </c>
      <c r="U34128">
        <v>0</v>
      </c>
      <c r="V34128">
        <v>0</v>
      </c>
      <c r="W34128">
        <v>0</v>
      </c>
      <c r="X34128">
        <v>0</v>
      </c>
      <c r="Y34128">
        <v>0</v>
      </c>
      <c r="Z34128">
        <v>0</v>
      </c>
      <c r="AA34128">
        <v>0</v>
      </c>
      <c r="AB34128">
        <v>0</v>
      </c>
      <c r="AC34128">
        <v>0</v>
      </c>
      <c r="AD34128">
        <v>0</v>
      </c>
      <c r="AE34128">
        <v>0</v>
      </c>
      <c r="AF34128">
        <v>0</v>
      </c>
      <c r="AG34128">
        <v>0</v>
      </c>
      <c r="AH34128">
        <v>0</v>
      </c>
      <c r="AI34128">
        <v>0</v>
      </c>
      <c r="AJ34128">
        <v>0</v>
      </c>
      <c r="AK34128">
        <v>0</v>
      </c>
      <c r="AL34128">
        <v>0</v>
      </c>
      <c r="AM34128">
        <v>0</v>
      </c>
      <c r="AN34128">
        <v>0</v>
      </c>
      <c r="AO34128">
        <v>0</v>
      </c>
      <c r="AP34128">
        <v>0</v>
      </c>
      <c r="AQ34128">
        <v>0</v>
      </c>
    </row>
    <row r="34129" spans="1:43">
      <c r="A34129" t="s">
        <v>21143</v>
      </c>
      <c r="B34129" t="s">
        <v>21144</v>
      </c>
      <c r="C34129" t="s">
        <v>21137</v>
      </c>
      <c r="D34129" t="s">
        <v>21138</v>
      </c>
      <c r="E34129" t="s">
        <v>21139</v>
      </c>
      <c r="F34129" t="s">
        <v>21140</v>
      </c>
      <c r="G34129" t="s">
        <v>20255</v>
      </c>
      <c r="H34129" t="s">
        <v>20256</v>
      </c>
      <c r="I34129" s="2">
        <v>1</v>
      </c>
      <c r="J34129" s="2">
        <v>0</v>
      </c>
      <c r="K34129" s="2">
        <v>0</v>
      </c>
      <c r="L34129" t="s">
        <v>120</v>
      </c>
      <c r="M34129" t="s">
        <v>83</v>
      </c>
      <c r="N34129" t="s">
        <v>91</v>
      </c>
      <c r="O34129" t="s">
        <v>85</v>
      </c>
      <c r="P34129" t="s">
        <v>86</v>
      </c>
      <c r="Q34129">
        <v>0</v>
      </c>
      <c r="R34129">
        <v>0</v>
      </c>
      <c r="S34129">
        <v>0</v>
      </c>
      <c r="T34129">
        <v>0</v>
      </c>
      <c r="U34129">
        <v>0</v>
      </c>
      <c r="V34129">
        <v>0</v>
      </c>
      <c r="W34129">
        <v>0</v>
      </c>
      <c r="X34129">
        <v>0</v>
      </c>
      <c r="Y34129">
        <v>0</v>
      </c>
      <c r="Z34129">
        <v>0</v>
      </c>
      <c r="AA34129">
        <v>0</v>
      </c>
      <c r="AB34129">
        <v>0</v>
      </c>
      <c r="AC34129">
        <v>0</v>
      </c>
      <c r="AD34129">
        <v>0</v>
      </c>
      <c r="AE34129">
        <v>0</v>
      </c>
      <c r="AF34129">
        <v>0</v>
      </c>
      <c r="AG34129">
        <v>0</v>
      </c>
      <c r="AH34129">
        <v>0</v>
      </c>
      <c r="AI34129">
        <v>0</v>
      </c>
      <c r="AJ34129">
        <v>0</v>
      </c>
      <c r="AK34129">
        <v>0</v>
      </c>
      <c r="AL34129">
        <v>0</v>
      </c>
      <c r="AM34129">
        <v>0</v>
      </c>
      <c r="AN34129">
        <v>0</v>
      </c>
      <c r="AO34129">
        <v>0</v>
      </c>
      <c r="AP34129">
        <v>0</v>
      </c>
      <c r="AQ34129">
        <v>0</v>
      </c>
    </row>
    <row r="34130" spans="1:43">
      <c r="A34130" t="s">
        <v>21145</v>
      </c>
      <c r="B34130" t="s">
        <v>21146</v>
      </c>
      <c r="C34130" t="s">
        <v>21137</v>
      </c>
      <c r="D34130" t="s">
        <v>21138</v>
      </c>
      <c r="E34130" t="s">
        <v>21139</v>
      </c>
      <c r="F34130" t="s">
        <v>21140</v>
      </c>
      <c r="G34130" t="s">
        <v>20255</v>
      </c>
      <c r="H34130" t="s">
        <v>20256</v>
      </c>
      <c r="I34130" s="2">
        <v>1</v>
      </c>
      <c r="J34130" s="2">
        <v>0</v>
      </c>
      <c r="K34130" s="2">
        <v>0</v>
      </c>
      <c r="L34130" t="s">
        <v>120</v>
      </c>
      <c r="M34130" t="s">
        <v>83</v>
      </c>
      <c r="N34130" t="s">
        <v>84</v>
      </c>
      <c r="O34130" t="s">
        <v>85</v>
      </c>
      <c r="P34130" t="s">
        <v>86</v>
      </c>
      <c r="Q34130">
        <v>66</v>
      </c>
      <c r="R34130">
        <v>67</v>
      </c>
      <c r="S34130">
        <v>69</v>
      </c>
      <c r="T34130">
        <v>70</v>
      </c>
      <c r="U34130">
        <v>72</v>
      </c>
      <c r="V34130">
        <v>73</v>
      </c>
      <c r="W34130">
        <v>75</v>
      </c>
      <c r="X34130">
        <v>76</v>
      </c>
      <c r="Y34130">
        <v>78</v>
      </c>
      <c r="Z34130">
        <v>79</v>
      </c>
      <c r="AA34130">
        <v>81</v>
      </c>
      <c r="AB34130">
        <v>82</v>
      </c>
      <c r="AC34130">
        <v>84</v>
      </c>
      <c r="AD34130">
        <v>85</v>
      </c>
      <c r="AE34130">
        <v>87</v>
      </c>
      <c r="AF34130">
        <v>88</v>
      </c>
      <c r="AG34130">
        <v>90</v>
      </c>
      <c r="AH34130">
        <v>91</v>
      </c>
      <c r="AI34130">
        <v>93</v>
      </c>
      <c r="AJ34130">
        <v>94</v>
      </c>
      <c r="AK34130">
        <v>96</v>
      </c>
      <c r="AL34130">
        <v>97</v>
      </c>
      <c r="AM34130">
        <v>97</v>
      </c>
      <c r="AN34130">
        <v>98</v>
      </c>
      <c r="AO34130">
        <v>99</v>
      </c>
      <c r="AP34130">
        <v>100</v>
      </c>
      <c r="AQ34130">
        <v>100</v>
      </c>
    </row>
    <row r="34131" spans="1:43">
      <c r="A34131" t="s">
        <v>21145</v>
      </c>
      <c r="B34131" t="s">
        <v>21146</v>
      </c>
      <c r="C34131" t="s">
        <v>21137</v>
      </c>
      <c r="D34131" t="s">
        <v>21138</v>
      </c>
      <c r="E34131" t="s">
        <v>21139</v>
      </c>
      <c r="F34131" t="s">
        <v>21140</v>
      </c>
      <c r="G34131" t="s">
        <v>20255</v>
      </c>
      <c r="H34131" t="s">
        <v>20256</v>
      </c>
      <c r="I34131" s="2">
        <v>1</v>
      </c>
      <c r="J34131" s="2">
        <v>0</v>
      </c>
      <c r="K34131" s="2">
        <v>0</v>
      </c>
      <c r="L34131" t="s">
        <v>120</v>
      </c>
      <c r="M34131" t="s">
        <v>87</v>
      </c>
      <c r="N34131" t="s">
        <v>88</v>
      </c>
      <c r="O34131" t="s">
        <v>85</v>
      </c>
      <c r="P34131" t="s">
        <v>86</v>
      </c>
      <c r="Q34131">
        <v>66</v>
      </c>
      <c r="R34131">
        <v>67</v>
      </c>
      <c r="S34131">
        <v>68</v>
      </c>
      <c r="T34131">
        <v>69</v>
      </c>
      <c r="U34131">
        <v>70</v>
      </c>
      <c r="V34131">
        <v>70</v>
      </c>
      <c r="W34131">
        <v>71</v>
      </c>
      <c r="X34131">
        <v>72</v>
      </c>
      <c r="Y34131">
        <v>73</v>
      </c>
      <c r="Z34131">
        <v>74</v>
      </c>
      <c r="AA34131">
        <v>75</v>
      </c>
      <c r="AB34131">
        <v>76</v>
      </c>
      <c r="AC34131">
        <v>77</v>
      </c>
      <c r="AD34131">
        <v>78</v>
      </c>
      <c r="AE34131">
        <v>79</v>
      </c>
      <c r="AF34131">
        <v>79</v>
      </c>
      <c r="AG34131">
        <v>80</v>
      </c>
      <c r="AH34131">
        <v>81</v>
      </c>
      <c r="AI34131">
        <v>82</v>
      </c>
      <c r="AJ34131">
        <v>83</v>
      </c>
      <c r="AK34131">
        <v>84</v>
      </c>
      <c r="AL34131">
        <v>85</v>
      </c>
      <c r="AM34131">
        <v>86</v>
      </c>
      <c r="AN34131">
        <v>87</v>
      </c>
      <c r="AO34131">
        <v>88</v>
      </c>
      <c r="AP34131">
        <v>89</v>
      </c>
      <c r="AQ34131">
        <v>90</v>
      </c>
    </row>
    <row r="34132" spans="1:43">
      <c r="A34132" t="s">
        <v>21145</v>
      </c>
      <c r="B34132" t="s">
        <v>21146</v>
      </c>
      <c r="C34132" t="s">
        <v>21137</v>
      </c>
      <c r="D34132" t="s">
        <v>21138</v>
      </c>
      <c r="E34132" t="s">
        <v>21139</v>
      </c>
      <c r="F34132" t="s">
        <v>21140</v>
      </c>
      <c r="G34132" t="s">
        <v>20255</v>
      </c>
      <c r="H34132" t="s">
        <v>20256</v>
      </c>
      <c r="I34132" s="2">
        <v>1</v>
      </c>
      <c r="J34132" s="2">
        <v>0</v>
      </c>
      <c r="K34132" s="2">
        <v>0</v>
      </c>
      <c r="L34132" t="s">
        <v>120</v>
      </c>
      <c r="M34132" t="s">
        <v>89</v>
      </c>
      <c r="N34132" t="s">
        <v>90</v>
      </c>
      <c r="O34132" t="s">
        <v>85</v>
      </c>
      <c r="P34132" t="s">
        <v>86</v>
      </c>
      <c r="Q34132">
        <v>66</v>
      </c>
      <c r="R34132">
        <v>68</v>
      </c>
      <c r="S34132">
        <v>70</v>
      </c>
      <c r="T34132">
        <v>72</v>
      </c>
      <c r="U34132">
        <v>75</v>
      </c>
      <c r="V34132">
        <v>76</v>
      </c>
      <c r="W34132">
        <v>78</v>
      </c>
      <c r="X34132">
        <v>80</v>
      </c>
      <c r="Y34132">
        <v>82</v>
      </c>
      <c r="Z34132">
        <v>84</v>
      </c>
      <c r="AA34132">
        <v>85</v>
      </c>
      <c r="AB34132">
        <v>87</v>
      </c>
      <c r="AC34132">
        <v>89</v>
      </c>
      <c r="AD34132">
        <v>91</v>
      </c>
      <c r="AE34132">
        <v>92</v>
      </c>
      <c r="AF34132">
        <v>93</v>
      </c>
      <c r="AG34132">
        <v>94</v>
      </c>
      <c r="AH34132">
        <v>94</v>
      </c>
      <c r="AI34132">
        <v>95</v>
      </c>
      <c r="AJ34132">
        <v>96</v>
      </c>
      <c r="AK34132">
        <v>97</v>
      </c>
      <c r="AL34132">
        <v>97</v>
      </c>
      <c r="AM34132">
        <v>98</v>
      </c>
      <c r="AN34132">
        <v>99</v>
      </c>
      <c r="AO34132">
        <v>99</v>
      </c>
      <c r="AP34132">
        <v>100</v>
      </c>
      <c r="AQ34132">
        <v>101</v>
      </c>
    </row>
    <row r="34133" spans="1:43">
      <c r="A34133" t="s">
        <v>21145</v>
      </c>
      <c r="B34133" t="s">
        <v>21146</v>
      </c>
      <c r="C34133" t="s">
        <v>21137</v>
      </c>
      <c r="D34133" t="s">
        <v>21138</v>
      </c>
      <c r="E34133" t="s">
        <v>21139</v>
      </c>
      <c r="F34133" t="s">
        <v>21140</v>
      </c>
      <c r="G34133" t="s">
        <v>20255</v>
      </c>
      <c r="H34133" t="s">
        <v>20256</v>
      </c>
      <c r="I34133" s="2">
        <v>1</v>
      </c>
      <c r="J34133" s="2">
        <v>0</v>
      </c>
      <c r="K34133" s="2">
        <v>0</v>
      </c>
      <c r="L34133" t="s">
        <v>120</v>
      </c>
      <c r="M34133" t="s">
        <v>83</v>
      </c>
      <c r="N34133" t="s">
        <v>91</v>
      </c>
      <c r="O34133" t="s">
        <v>85</v>
      </c>
      <c r="P34133" t="s">
        <v>86</v>
      </c>
      <c r="Q34133">
        <v>66</v>
      </c>
      <c r="R34133">
        <v>67</v>
      </c>
      <c r="S34133">
        <v>69</v>
      </c>
      <c r="T34133">
        <v>70</v>
      </c>
      <c r="U34133">
        <v>72</v>
      </c>
      <c r="V34133">
        <v>73</v>
      </c>
      <c r="W34133">
        <v>75</v>
      </c>
      <c r="X34133">
        <v>76</v>
      </c>
      <c r="Y34133">
        <v>78</v>
      </c>
      <c r="Z34133">
        <v>79</v>
      </c>
      <c r="AA34133">
        <v>81</v>
      </c>
      <c r="AB34133">
        <v>82</v>
      </c>
      <c r="AC34133">
        <v>84</v>
      </c>
      <c r="AD34133">
        <v>85</v>
      </c>
      <c r="AE34133">
        <v>87</v>
      </c>
      <c r="AF34133">
        <v>88</v>
      </c>
      <c r="AG34133">
        <v>90</v>
      </c>
      <c r="AH34133">
        <v>91</v>
      </c>
      <c r="AI34133">
        <v>93</v>
      </c>
      <c r="AJ34133">
        <v>94</v>
      </c>
      <c r="AK34133">
        <v>96</v>
      </c>
      <c r="AL34133">
        <v>97</v>
      </c>
      <c r="AM34133">
        <v>97</v>
      </c>
      <c r="AN34133">
        <v>98</v>
      </c>
      <c r="AO34133">
        <v>99</v>
      </c>
      <c r="AP34133">
        <v>100</v>
      </c>
      <c r="AQ34133">
        <v>100</v>
      </c>
    </row>
    <row r="34134" spans="1:43">
      <c r="A34134" t="s">
        <v>21147</v>
      </c>
      <c r="B34134" t="s">
        <v>21148</v>
      </c>
      <c r="C34134" t="s">
        <v>21137</v>
      </c>
      <c r="D34134" t="s">
        <v>21138</v>
      </c>
      <c r="E34134" t="s">
        <v>21139</v>
      </c>
      <c r="F34134" t="s">
        <v>21140</v>
      </c>
      <c r="G34134" t="s">
        <v>20255</v>
      </c>
      <c r="H34134" t="s">
        <v>20256</v>
      </c>
      <c r="I34134" s="2">
        <v>1</v>
      </c>
      <c r="J34134" s="2">
        <v>0</v>
      </c>
      <c r="K34134" s="2">
        <v>0</v>
      </c>
      <c r="L34134" t="s">
        <v>120</v>
      </c>
      <c r="M34134" t="s">
        <v>83</v>
      </c>
      <c r="N34134" t="s">
        <v>84</v>
      </c>
      <c r="O34134" t="s">
        <v>85</v>
      </c>
      <c r="P34134" t="s">
        <v>86</v>
      </c>
      <c r="Q34134">
        <v>28</v>
      </c>
      <c r="R34134">
        <v>29</v>
      </c>
      <c r="S34134">
        <v>30</v>
      </c>
      <c r="T34134">
        <v>30</v>
      </c>
      <c r="U34134">
        <v>31</v>
      </c>
      <c r="V34134">
        <v>32</v>
      </c>
      <c r="W34134">
        <v>32</v>
      </c>
      <c r="X34134">
        <v>33</v>
      </c>
      <c r="Y34134">
        <v>33</v>
      </c>
      <c r="Z34134">
        <v>34</v>
      </c>
      <c r="AA34134">
        <v>35</v>
      </c>
      <c r="AB34134">
        <v>35</v>
      </c>
      <c r="AC34134">
        <v>36</v>
      </c>
      <c r="AD34134">
        <v>37</v>
      </c>
      <c r="AE34134">
        <v>37</v>
      </c>
      <c r="AF34134">
        <v>38</v>
      </c>
      <c r="AG34134">
        <v>38</v>
      </c>
      <c r="AH34134">
        <v>39</v>
      </c>
      <c r="AI34134">
        <v>40</v>
      </c>
      <c r="AJ34134">
        <v>40</v>
      </c>
      <c r="AK34134">
        <v>41</v>
      </c>
      <c r="AL34134">
        <v>41</v>
      </c>
      <c r="AM34134">
        <v>42</v>
      </c>
      <c r="AN34134">
        <v>42</v>
      </c>
      <c r="AO34134">
        <v>42</v>
      </c>
      <c r="AP34134">
        <v>43</v>
      </c>
      <c r="AQ34134">
        <v>43</v>
      </c>
    </row>
    <row r="34135" spans="1:43">
      <c r="A34135" t="s">
        <v>21147</v>
      </c>
      <c r="B34135" t="s">
        <v>21148</v>
      </c>
      <c r="C34135" t="s">
        <v>21137</v>
      </c>
      <c r="D34135" t="s">
        <v>21138</v>
      </c>
      <c r="E34135" t="s">
        <v>21139</v>
      </c>
      <c r="F34135" t="s">
        <v>21140</v>
      </c>
      <c r="G34135" t="s">
        <v>20255</v>
      </c>
      <c r="H34135" t="s">
        <v>20256</v>
      </c>
      <c r="I34135" s="2">
        <v>1</v>
      </c>
      <c r="J34135" s="2">
        <v>0</v>
      </c>
      <c r="K34135" s="2">
        <v>0</v>
      </c>
      <c r="L34135" t="s">
        <v>120</v>
      </c>
      <c r="M34135" t="s">
        <v>87</v>
      </c>
      <c r="N34135" t="s">
        <v>88</v>
      </c>
      <c r="O34135" t="s">
        <v>85</v>
      </c>
      <c r="P34135" t="s">
        <v>86</v>
      </c>
      <c r="Q34135">
        <v>28</v>
      </c>
      <c r="R34135">
        <v>28</v>
      </c>
      <c r="S34135">
        <v>29</v>
      </c>
      <c r="T34135">
        <v>29</v>
      </c>
      <c r="U34135">
        <v>30</v>
      </c>
      <c r="V34135">
        <v>30</v>
      </c>
      <c r="W34135">
        <v>30</v>
      </c>
      <c r="X34135">
        <v>31</v>
      </c>
      <c r="Y34135">
        <v>31</v>
      </c>
      <c r="Z34135">
        <v>31</v>
      </c>
      <c r="AA34135">
        <v>32</v>
      </c>
      <c r="AB34135">
        <v>32</v>
      </c>
      <c r="AC34135">
        <v>32</v>
      </c>
      <c r="AD34135">
        <v>33</v>
      </c>
      <c r="AE34135">
        <v>33</v>
      </c>
      <c r="AF34135">
        <v>34</v>
      </c>
      <c r="AG34135">
        <v>34</v>
      </c>
      <c r="AH34135">
        <v>34</v>
      </c>
      <c r="AI34135">
        <v>35</v>
      </c>
      <c r="AJ34135">
        <v>35</v>
      </c>
      <c r="AK34135">
        <v>35</v>
      </c>
      <c r="AL34135">
        <v>36</v>
      </c>
      <c r="AM34135">
        <v>36</v>
      </c>
      <c r="AN34135">
        <v>37</v>
      </c>
      <c r="AO34135">
        <v>37</v>
      </c>
      <c r="AP34135">
        <v>37</v>
      </c>
      <c r="AQ34135">
        <v>38</v>
      </c>
    </row>
    <row r="34136" spans="1:43">
      <c r="A34136" t="s">
        <v>21147</v>
      </c>
      <c r="B34136" t="s">
        <v>21148</v>
      </c>
      <c r="C34136" t="s">
        <v>21137</v>
      </c>
      <c r="D34136" t="s">
        <v>21138</v>
      </c>
      <c r="E34136" t="s">
        <v>21139</v>
      </c>
      <c r="F34136" t="s">
        <v>21140</v>
      </c>
      <c r="G34136" t="s">
        <v>20255</v>
      </c>
      <c r="H34136" t="s">
        <v>20256</v>
      </c>
      <c r="I34136" s="2">
        <v>1</v>
      </c>
      <c r="J34136" s="2">
        <v>0</v>
      </c>
      <c r="K34136" s="2">
        <v>0</v>
      </c>
      <c r="L34136" t="s">
        <v>120</v>
      </c>
      <c r="M34136" t="s">
        <v>89</v>
      </c>
      <c r="N34136" t="s">
        <v>90</v>
      </c>
      <c r="O34136" t="s">
        <v>85</v>
      </c>
      <c r="P34136" t="s">
        <v>86</v>
      </c>
      <c r="Q34136">
        <v>28</v>
      </c>
      <c r="R34136">
        <v>29</v>
      </c>
      <c r="S34136">
        <v>29</v>
      </c>
      <c r="T34136">
        <v>30</v>
      </c>
      <c r="U34136">
        <v>31</v>
      </c>
      <c r="V34136">
        <v>32</v>
      </c>
      <c r="W34136">
        <v>33</v>
      </c>
      <c r="X34136">
        <v>33</v>
      </c>
      <c r="Y34136">
        <v>34</v>
      </c>
      <c r="Z34136">
        <v>35</v>
      </c>
      <c r="AA34136">
        <v>36</v>
      </c>
      <c r="AB34136">
        <v>37</v>
      </c>
      <c r="AC34136">
        <v>37</v>
      </c>
      <c r="AD34136">
        <v>38</v>
      </c>
      <c r="AE34136">
        <v>39</v>
      </c>
      <c r="AF34136">
        <v>39</v>
      </c>
      <c r="AG34136">
        <v>39</v>
      </c>
      <c r="AH34136">
        <v>40</v>
      </c>
      <c r="AI34136">
        <v>40</v>
      </c>
      <c r="AJ34136">
        <v>40</v>
      </c>
      <c r="AK34136">
        <v>41</v>
      </c>
      <c r="AL34136">
        <v>41</v>
      </c>
      <c r="AM34136">
        <v>41</v>
      </c>
      <c r="AN34136">
        <v>42</v>
      </c>
      <c r="AO34136">
        <v>42</v>
      </c>
      <c r="AP34136">
        <v>42</v>
      </c>
      <c r="AQ34136">
        <v>42</v>
      </c>
    </row>
    <row r="34137" spans="1:43">
      <c r="A34137" t="s">
        <v>21147</v>
      </c>
      <c r="B34137" t="s">
        <v>21148</v>
      </c>
      <c r="C34137" t="s">
        <v>21137</v>
      </c>
      <c r="D34137" t="s">
        <v>21138</v>
      </c>
      <c r="E34137" t="s">
        <v>21139</v>
      </c>
      <c r="F34137" t="s">
        <v>21140</v>
      </c>
      <c r="G34137" t="s">
        <v>20255</v>
      </c>
      <c r="H34137" t="s">
        <v>20256</v>
      </c>
      <c r="I34137" s="2">
        <v>1</v>
      </c>
      <c r="J34137" s="2">
        <v>0</v>
      </c>
      <c r="K34137" s="2">
        <v>0</v>
      </c>
      <c r="L34137" t="s">
        <v>120</v>
      </c>
      <c r="M34137" t="s">
        <v>83</v>
      </c>
      <c r="N34137" t="s">
        <v>91</v>
      </c>
      <c r="O34137" t="s">
        <v>85</v>
      </c>
      <c r="P34137" t="s">
        <v>86</v>
      </c>
      <c r="Q34137">
        <v>28</v>
      </c>
      <c r="R34137">
        <v>29</v>
      </c>
      <c r="S34137">
        <v>30</v>
      </c>
      <c r="T34137">
        <v>30</v>
      </c>
      <c r="U34137">
        <v>31</v>
      </c>
      <c r="V34137">
        <v>32</v>
      </c>
      <c r="W34137">
        <v>32</v>
      </c>
      <c r="X34137">
        <v>33</v>
      </c>
      <c r="Y34137">
        <v>33</v>
      </c>
      <c r="Z34137">
        <v>34</v>
      </c>
      <c r="AA34137">
        <v>35</v>
      </c>
      <c r="AB34137">
        <v>35</v>
      </c>
      <c r="AC34137">
        <v>36</v>
      </c>
      <c r="AD34137">
        <v>37</v>
      </c>
      <c r="AE34137">
        <v>37</v>
      </c>
      <c r="AF34137">
        <v>38</v>
      </c>
      <c r="AG34137">
        <v>38</v>
      </c>
      <c r="AH34137">
        <v>39</v>
      </c>
      <c r="AI34137">
        <v>40</v>
      </c>
      <c r="AJ34137">
        <v>40</v>
      </c>
      <c r="AK34137">
        <v>41</v>
      </c>
      <c r="AL34137">
        <v>41</v>
      </c>
      <c r="AM34137">
        <v>42</v>
      </c>
      <c r="AN34137">
        <v>42</v>
      </c>
      <c r="AO34137">
        <v>42</v>
      </c>
      <c r="AP34137">
        <v>43</v>
      </c>
      <c r="AQ34137">
        <v>43</v>
      </c>
    </row>
    <row r="34138" spans="1:43">
      <c r="A34138" t="s">
        <v>21149</v>
      </c>
      <c r="B34138" t="s">
        <v>21150</v>
      </c>
      <c r="C34138" t="s">
        <v>21151</v>
      </c>
      <c r="D34138" t="s">
        <v>21152</v>
      </c>
      <c r="E34138" t="s">
        <v>21139</v>
      </c>
      <c r="F34138" t="s">
        <v>21140</v>
      </c>
      <c r="G34138" t="s">
        <v>20255</v>
      </c>
      <c r="H34138" t="s">
        <v>20256</v>
      </c>
      <c r="I34138" s="2">
        <v>1</v>
      </c>
      <c r="J34138" s="2">
        <v>0</v>
      </c>
      <c r="K34138" s="2">
        <v>0</v>
      </c>
      <c r="L34138" t="s">
        <v>120</v>
      </c>
      <c r="M34138" t="s">
        <v>83</v>
      </c>
      <c r="N34138" t="s">
        <v>84</v>
      </c>
      <c r="O34138" t="s">
        <v>85</v>
      </c>
      <c r="P34138" t="s">
        <v>86</v>
      </c>
      <c r="Q34138">
        <v>201</v>
      </c>
      <c r="R34138">
        <v>205</v>
      </c>
      <c r="S34138">
        <v>209</v>
      </c>
      <c r="T34138">
        <v>214</v>
      </c>
      <c r="U34138">
        <v>218</v>
      </c>
      <c r="V34138">
        <v>223</v>
      </c>
      <c r="W34138">
        <v>227</v>
      </c>
      <c r="X34138">
        <v>232</v>
      </c>
      <c r="Y34138">
        <v>236</v>
      </c>
      <c r="Z34138">
        <v>241</v>
      </c>
      <c r="AA34138">
        <v>245</v>
      </c>
      <c r="AB34138">
        <v>250</v>
      </c>
      <c r="AC34138">
        <v>254</v>
      </c>
      <c r="AD34138">
        <v>259</v>
      </c>
      <c r="AE34138">
        <v>264</v>
      </c>
      <c r="AF34138">
        <v>268</v>
      </c>
      <c r="AG34138">
        <v>273</v>
      </c>
      <c r="AH34138">
        <v>278</v>
      </c>
      <c r="AI34138">
        <v>283</v>
      </c>
      <c r="AJ34138">
        <v>287</v>
      </c>
      <c r="AK34138">
        <v>292</v>
      </c>
      <c r="AL34138">
        <v>295</v>
      </c>
      <c r="AM34138">
        <v>297</v>
      </c>
      <c r="AN34138">
        <v>299</v>
      </c>
      <c r="AO34138">
        <v>301</v>
      </c>
      <c r="AP34138">
        <v>303</v>
      </c>
      <c r="AQ34138">
        <v>305</v>
      </c>
    </row>
    <row r="34139" spans="1:43">
      <c r="A34139" t="s">
        <v>21149</v>
      </c>
      <c r="B34139" t="s">
        <v>21150</v>
      </c>
      <c r="C34139" t="s">
        <v>21151</v>
      </c>
      <c r="D34139" t="s">
        <v>21152</v>
      </c>
      <c r="E34139" t="s">
        <v>21139</v>
      </c>
      <c r="F34139" t="s">
        <v>21140</v>
      </c>
      <c r="G34139" t="s">
        <v>20255</v>
      </c>
      <c r="H34139" t="s">
        <v>20256</v>
      </c>
      <c r="I34139" s="2">
        <v>1</v>
      </c>
      <c r="J34139" s="2">
        <v>0</v>
      </c>
      <c r="K34139" s="2">
        <v>0</v>
      </c>
      <c r="L34139" t="s">
        <v>120</v>
      </c>
      <c r="M34139" t="s">
        <v>87</v>
      </c>
      <c r="N34139" t="s">
        <v>88</v>
      </c>
      <c r="O34139" t="s">
        <v>85</v>
      </c>
      <c r="P34139" t="s">
        <v>86</v>
      </c>
      <c r="Q34139">
        <v>201</v>
      </c>
      <c r="R34139">
        <v>203</v>
      </c>
      <c r="S34139">
        <v>206</v>
      </c>
      <c r="T34139">
        <v>208</v>
      </c>
      <c r="U34139">
        <v>210</v>
      </c>
      <c r="V34139">
        <v>213</v>
      </c>
      <c r="W34139">
        <v>215</v>
      </c>
      <c r="X34139">
        <v>218</v>
      </c>
      <c r="Y34139">
        <v>220</v>
      </c>
      <c r="Z34139">
        <v>223</v>
      </c>
      <c r="AA34139">
        <v>225</v>
      </c>
      <c r="AB34139">
        <v>228</v>
      </c>
      <c r="AC34139">
        <v>230</v>
      </c>
      <c r="AD34139">
        <v>233</v>
      </c>
      <c r="AE34139">
        <v>235</v>
      </c>
      <c r="AF34139">
        <v>238</v>
      </c>
      <c r="AG34139">
        <v>241</v>
      </c>
      <c r="AH34139">
        <v>243</v>
      </c>
      <c r="AI34139">
        <v>246</v>
      </c>
      <c r="AJ34139">
        <v>248</v>
      </c>
      <c r="AK34139">
        <v>251</v>
      </c>
      <c r="AL34139">
        <v>253</v>
      </c>
      <c r="AM34139">
        <v>256</v>
      </c>
      <c r="AN34139">
        <v>258</v>
      </c>
      <c r="AO34139">
        <v>261</v>
      </c>
      <c r="AP34139">
        <v>264</v>
      </c>
      <c r="AQ34139">
        <v>266</v>
      </c>
    </row>
    <row r="34140" spans="1:43">
      <c r="A34140" t="s">
        <v>21149</v>
      </c>
      <c r="B34140" t="s">
        <v>21150</v>
      </c>
      <c r="C34140" t="s">
        <v>21151</v>
      </c>
      <c r="D34140" t="s">
        <v>21152</v>
      </c>
      <c r="E34140" t="s">
        <v>21139</v>
      </c>
      <c r="F34140" t="s">
        <v>21140</v>
      </c>
      <c r="G34140" t="s">
        <v>20255</v>
      </c>
      <c r="H34140" t="s">
        <v>20256</v>
      </c>
      <c r="I34140" s="2">
        <v>1</v>
      </c>
      <c r="J34140" s="2">
        <v>0</v>
      </c>
      <c r="K34140" s="2">
        <v>0</v>
      </c>
      <c r="L34140" t="s">
        <v>120</v>
      </c>
      <c r="M34140" t="s">
        <v>89</v>
      </c>
      <c r="N34140" t="s">
        <v>90</v>
      </c>
      <c r="O34140" t="s">
        <v>85</v>
      </c>
      <c r="P34140" t="s">
        <v>86</v>
      </c>
      <c r="Q34140">
        <v>201</v>
      </c>
      <c r="R34140">
        <v>208</v>
      </c>
      <c r="S34140">
        <v>214</v>
      </c>
      <c r="T34140">
        <v>220</v>
      </c>
      <c r="U34140">
        <v>226</v>
      </c>
      <c r="V34140">
        <v>232</v>
      </c>
      <c r="W34140">
        <v>237</v>
      </c>
      <c r="X34140">
        <v>243</v>
      </c>
      <c r="Y34140">
        <v>249</v>
      </c>
      <c r="Z34140">
        <v>255</v>
      </c>
      <c r="AA34140">
        <v>260</v>
      </c>
      <c r="AB34140">
        <v>266</v>
      </c>
      <c r="AC34140">
        <v>272</v>
      </c>
      <c r="AD34140">
        <v>278</v>
      </c>
      <c r="AE34140">
        <v>282</v>
      </c>
      <c r="AF34140">
        <v>284</v>
      </c>
      <c r="AG34140">
        <v>287</v>
      </c>
      <c r="AH34140">
        <v>289</v>
      </c>
      <c r="AI34140">
        <v>291</v>
      </c>
      <c r="AJ34140">
        <v>293</v>
      </c>
      <c r="AK34140">
        <v>295</v>
      </c>
      <c r="AL34140">
        <v>297</v>
      </c>
      <c r="AM34140">
        <v>299</v>
      </c>
      <c r="AN34140">
        <v>301</v>
      </c>
      <c r="AO34140">
        <v>303</v>
      </c>
      <c r="AP34140">
        <v>305</v>
      </c>
      <c r="AQ34140">
        <v>307</v>
      </c>
    </row>
    <row r="34141" spans="1:43">
      <c r="A34141" t="s">
        <v>21149</v>
      </c>
      <c r="B34141" t="s">
        <v>21150</v>
      </c>
      <c r="C34141" t="s">
        <v>21151</v>
      </c>
      <c r="D34141" t="s">
        <v>21152</v>
      </c>
      <c r="E34141" t="s">
        <v>21139</v>
      </c>
      <c r="F34141" t="s">
        <v>21140</v>
      </c>
      <c r="G34141" t="s">
        <v>20255</v>
      </c>
      <c r="H34141" t="s">
        <v>20256</v>
      </c>
      <c r="I34141" s="2">
        <v>1</v>
      </c>
      <c r="J34141" s="2">
        <v>0</v>
      </c>
      <c r="K34141" s="2">
        <v>0</v>
      </c>
      <c r="L34141" t="s">
        <v>120</v>
      </c>
      <c r="M34141" t="s">
        <v>83</v>
      </c>
      <c r="N34141" t="s">
        <v>91</v>
      </c>
      <c r="O34141" t="s">
        <v>85</v>
      </c>
      <c r="P34141" t="s">
        <v>86</v>
      </c>
      <c r="Q34141">
        <v>201</v>
      </c>
      <c r="R34141">
        <v>205</v>
      </c>
      <c r="S34141">
        <v>209</v>
      </c>
      <c r="T34141">
        <v>214</v>
      </c>
      <c r="U34141">
        <v>218</v>
      </c>
      <c r="V34141">
        <v>223</v>
      </c>
      <c r="W34141">
        <v>227</v>
      </c>
      <c r="X34141">
        <v>232</v>
      </c>
      <c r="Y34141">
        <v>236</v>
      </c>
      <c r="Z34141">
        <v>241</v>
      </c>
      <c r="AA34141">
        <v>245</v>
      </c>
      <c r="AB34141">
        <v>250</v>
      </c>
      <c r="AC34141">
        <v>254</v>
      </c>
      <c r="AD34141">
        <v>259</v>
      </c>
      <c r="AE34141">
        <v>264</v>
      </c>
      <c r="AF34141">
        <v>268</v>
      </c>
      <c r="AG34141">
        <v>273</v>
      </c>
      <c r="AH34141">
        <v>278</v>
      </c>
      <c r="AI34141">
        <v>283</v>
      </c>
      <c r="AJ34141">
        <v>287</v>
      </c>
      <c r="AK34141">
        <v>292</v>
      </c>
      <c r="AL34141">
        <v>295</v>
      </c>
      <c r="AM34141">
        <v>297</v>
      </c>
      <c r="AN34141">
        <v>299</v>
      </c>
      <c r="AO34141">
        <v>301</v>
      </c>
      <c r="AP34141">
        <v>303</v>
      </c>
      <c r="AQ34141">
        <v>305</v>
      </c>
    </row>
    <row r="34142" spans="1:43">
      <c r="A34142" t="s">
        <v>21153</v>
      </c>
      <c r="B34142" t="s">
        <v>21154</v>
      </c>
      <c r="C34142" t="s">
        <v>21151</v>
      </c>
      <c r="D34142" t="s">
        <v>21152</v>
      </c>
      <c r="E34142" t="s">
        <v>21139</v>
      </c>
      <c r="F34142" t="s">
        <v>21140</v>
      </c>
      <c r="G34142" t="s">
        <v>20255</v>
      </c>
      <c r="H34142" t="s">
        <v>20256</v>
      </c>
      <c r="I34142" s="2">
        <v>1</v>
      </c>
      <c r="J34142" s="2">
        <v>0</v>
      </c>
      <c r="K34142" s="2">
        <v>0</v>
      </c>
      <c r="L34142" t="s">
        <v>120</v>
      </c>
      <c r="M34142" t="s">
        <v>83</v>
      </c>
      <c r="N34142" t="s">
        <v>84</v>
      </c>
      <c r="O34142" t="s">
        <v>85</v>
      </c>
      <c r="P34142" t="s">
        <v>86</v>
      </c>
      <c r="Q34142">
        <v>42</v>
      </c>
      <c r="R34142">
        <v>43</v>
      </c>
      <c r="S34142">
        <v>44</v>
      </c>
      <c r="T34142">
        <v>45</v>
      </c>
      <c r="U34142">
        <v>46</v>
      </c>
      <c r="V34142">
        <v>47</v>
      </c>
      <c r="W34142">
        <v>48</v>
      </c>
      <c r="X34142">
        <v>49</v>
      </c>
      <c r="Y34142">
        <v>50</v>
      </c>
      <c r="Z34142">
        <v>51</v>
      </c>
      <c r="AA34142">
        <v>52</v>
      </c>
      <c r="AB34142">
        <v>53</v>
      </c>
      <c r="AC34142">
        <v>54</v>
      </c>
      <c r="AD34142">
        <v>55</v>
      </c>
      <c r="AE34142">
        <v>56</v>
      </c>
      <c r="AF34142">
        <v>57</v>
      </c>
      <c r="AG34142">
        <v>58</v>
      </c>
      <c r="AH34142">
        <v>59</v>
      </c>
      <c r="AI34142">
        <v>60</v>
      </c>
      <c r="AJ34142">
        <v>61</v>
      </c>
      <c r="AK34142">
        <v>62</v>
      </c>
      <c r="AL34142">
        <v>63</v>
      </c>
      <c r="AM34142">
        <v>63</v>
      </c>
      <c r="AN34142">
        <v>63</v>
      </c>
      <c r="AO34142">
        <v>64</v>
      </c>
      <c r="AP34142">
        <v>64</v>
      </c>
      <c r="AQ34142">
        <v>65</v>
      </c>
    </row>
    <row r="34143" spans="1:43">
      <c r="A34143" t="s">
        <v>21153</v>
      </c>
      <c r="B34143" t="s">
        <v>21154</v>
      </c>
      <c r="C34143" t="s">
        <v>21151</v>
      </c>
      <c r="D34143" t="s">
        <v>21152</v>
      </c>
      <c r="E34143" t="s">
        <v>21139</v>
      </c>
      <c r="F34143" t="s">
        <v>21140</v>
      </c>
      <c r="G34143" t="s">
        <v>20255</v>
      </c>
      <c r="H34143" t="s">
        <v>20256</v>
      </c>
      <c r="I34143" s="2">
        <v>1</v>
      </c>
      <c r="J34143" s="2">
        <v>0</v>
      </c>
      <c r="K34143" s="2">
        <v>0</v>
      </c>
      <c r="L34143" t="s">
        <v>120</v>
      </c>
      <c r="M34143" t="s">
        <v>87</v>
      </c>
      <c r="N34143" t="s">
        <v>88</v>
      </c>
      <c r="O34143" t="s">
        <v>85</v>
      </c>
      <c r="P34143" t="s">
        <v>86</v>
      </c>
      <c r="Q34143">
        <v>42</v>
      </c>
      <c r="R34143">
        <v>43</v>
      </c>
      <c r="S34143">
        <v>43</v>
      </c>
      <c r="T34143">
        <v>44</v>
      </c>
      <c r="U34143">
        <v>44</v>
      </c>
      <c r="V34143">
        <v>45</v>
      </c>
      <c r="W34143">
        <v>45</v>
      </c>
      <c r="X34143">
        <v>46</v>
      </c>
      <c r="Y34143">
        <v>46</v>
      </c>
      <c r="Z34143">
        <v>47</v>
      </c>
      <c r="AA34143">
        <v>47</v>
      </c>
      <c r="AB34143">
        <v>48</v>
      </c>
      <c r="AC34143">
        <v>49</v>
      </c>
      <c r="AD34143">
        <v>49</v>
      </c>
      <c r="AE34143">
        <v>50</v>
      </c>
      <c r="AF34143">
        <v>50</v>
      </c>
      <c r="AG34143">
        <v>51</v>
      </c>
      <c r="AH34143">
        <v>51</v>
      </c>
      <c r="AI34143">
        <v>52</v>
      </c>
      <c r="AJ34143">
        <v>52</v>
      </c>
      <c r="AK34143">
        <v>53</v>
      </c>
      <c r="AL34143">
        <v>54</v>
      </c>
      <c r="AM34143">
        <v>54</v>
      </c>
      <c r="AN34143">
        <v>55</v>
      </c>
      <c r="AO34143">
        <v>55</v>
      </c>
      <c r="AP34143">
        <v>56</v>
      </c>
      <c r="AQ34143">
        <v>56</v>
      </c>
    </row>
    <row r="34144" spans="1:43">
      <c r="A34144" t="s">
        <v>21153</v>
      </c>
      <c r="B34144" t="s">
        <v>21154</v>
      </c>
      <c r="C34144" t="s">
        <v>21151</v>
      </c>
      <c r="D34144" t="s">
        <v>21152</v>
      </c>
      <c r="E34144" t="s">
        <v>21139</v>
      </c>
      <c r="F34144" t="s">
        <v>21140</v>
      </c>
      <c r="G34144" t="s">
        <v>20255</v>
      </c>
      <c r="H34144" t="s">
        <v>20256</v>
      </c>
      <c r="I34144" s="2">
        <v>1</v>
      </c>
      <c r="J34144" s="2">
        <v>0</v>
      </c>
      <c r="K34144" s="2">
        <v>0</v>
      </c>
      <c r="L34144" t="s">
        <v>120</v>
      </c>
      <c r="M34144" t="s">
        <v>89</v>
      </c>
      <c r="N34144" t="s">
        <v>90</v>
      </c>
      <c r="O34144" t="s">
        <v>85</v>
      </c>
      <c r="P34144" t="s">
        <v>86</v>
      </c>
      <c r="Q34144">
        <v>42</v>
      </c>
      <c r="R34144">
        <v>43</v>
      </c>
      <c r="S34144">
        <v>44</v>
      </c>
      <c r="T34144">
        <v>46</v>
      </c>
      <c r="U34144">
        <v>47</v>
      </c>
      <c r="V34144">
        <v>48</v>
      </c>
      <c r="W34144">
        <v>50</v>
      </c>
      <c r="X34144">
        <v>51</v>
      </c>
      <c r="Y34144">
        <v>52</v>
      </c>
      <c r="Z34144">
        <v>53</v>
      </c>
      <c r="AA34144">
        <v>54</v>
      </c>
      <c r="AB34144">
        <v>56</v>
      </c>
      <c r="AC34144">
        <v>57</v>
      </c>
      <c r="AD34144">
        <v>58</v>
      </c>
      <c r="AE34144">
        <v>59</v>
      </c>
      <c r="AF34144">
        <v>59</v>
      </c>
      <c r="AG34144">
        <v>60</v>
      </c>
      <c r="AH34144">
        <v>60</v>
      </c>
      <c r="AI34144">
        <v>61</v>
      </c>
      <c r="AJ34144">
        <v>61</v>
      </c>
      <c r="AK34144">
        <v>62</v>
      </c>
      <c r="AL34144">
        <v>62</v>
      </c>
      <c r="AM34144">
        <v>63</v>
      </c>
      <c r="AN34144">
        <v>63</v>
      </c>
      <c r="AO34144">
        <v>63</v>
      </c>
      <c r="AP34144">
        <v>64</v>
      </c>
      <c r="AQ34144">
        <v>64</v>
      </c>
    </row>
    <row r="34145" spans="1:43">
      <c r="A34145" t="s">
        <v>21153</v>
      </c>
      <c r="B34145" t="s">
        <v>21154</v>
      </c>
      <c r="C34145" t="s">
        <v>21151</v>
      </c>
      <c r="D34145" t="s">
        <v>21152</v>
      </c>
      <c r="E34145" t="s">
        <v>21139</v>
      </c>
      <c r="F34145" t="s">
        <v>21140</v>
      </c>
      <c r="G34145" t="s">
        <v>20255</v>
      </c>
      <c r="H34145" t="s">
        <v>20256</v>
      </c>
      <c r="I34145" s="2">
        <v>1</v>
      </c>
      <c r="J34145" s="2">
        <v>0</v>
      </c>
      <c r="K34145" s="2">
        <v>0</v>
      </c>
      <c r="L34145" t="s">
        <v>120</v>
      </c>
      <c r="M34145" t="s">
        <v>83</v>
      </c>
      <c r="N34145" t="s">
        <v>91</v>
      </c>
      <c r="O34145" t="s">
        <v>85</v>
      </c>
      <c r="P34145" t="s">
        <v>86</v>
      </c>
      <c r="Q34145">
        <v>42</v>
      </c>
      <c r="R34145">
        <v>43</v>
      </c>
      <c r="S34145">
        <v>44</v>
      </c>
      <c r="T34145">
        <v>45</v>
      </c>
      <c r="U34145">
        <v>46</v>
      </c>
      <c r="V34145">
        <v>47</v>
      </c>
      <c r="W34145">
        <v>48</v>
      </c>
      <c r="X34145">
        <v>49</v>
      </c>
      <c r="Y34145">
        <v>50</v>
      </c>
      <c r="Z34145">
        <v>51</v>
      </c>
      <c r="AA34145">
        <v>52</v>
      </c>
      <c r="AB34145">
        <v>53</v>
      </c>
      <c r="AC34145">
        <v>54</v>
      </c>
      <c r="AD34145">
        <v>55</v>
      </c>
      <c r="AE34145">
        <v>56</v>
      </c>
      <c r="AF34145">
        <v>57</v>
      </c>
      <c r="AG34145">
        <v>58</v>
      </c>
      <c r="AH34145">
        <v>59</v>
      </c>
      <c r="AI34145">
        <v>60</v>
      </c>
      <c r="AJ34145">
        <v>61</v>
      </c>
      <c r="AK34145">
        <v>62</v>
      </c>
      <c r="AL34145">
        <v>63</v>
      </c>
      <c r="AM34145">
        <v>63</v>
      </c>
      <c r="AN34145">
        <v>63</v>
      </c>
      <c r="AO34145">
        <v>64</v>
      </c>
      <c r="AP34145">
        <v>64</v>
      </c>
      <c r="AQ34145">
        <v>65</v>
      </c>
    </row>
    <row r="34146" spans="1:43">
      <c r="A34146" t="s">
        <v>21155</v>
      </c>
      <c r="B34146" t="s">
        <v>21156</v>
      </c>
      <c r="C34146" t="s">
        <v>21151</v>
      </c>
      <c r="D34146" t="s">
        <v>21152</v>
      </c>
      <c r="E34146" t="s">
        <v>21139</v>
      </c>
      <c r="F34146" t="s">
        <v>21140</v>
      </c>
      <c r="G34146" t="s">
        <v>20255</v>
      </c>
      <c r="H34146" t="s">
        <v>20256</v>
      </c>
      <c r="I34146" s="2">
        <v>1</v>
      </c>
      <c r="J34146" s="2">
        <v>0</v>
      </c>
      <c r="K34146" s="2">
        <v>0</v>
      </c>
      <c r="L34146" t="s">
        <v>120</v>
      </c>
      <c r="M34146" t="s">
        <v>83</v>
      </c>
      <c r="N34146" t="s">
        <v>84</v>
      </c>
      <c r="O34146" t="s">
        <v>85</v>
      </c>
      <c r="P34146" t="s">
        <v>86</v>
      </c>
      <c r="Q34146">
        <v>11</v>
      </c>
      <c r="R34146">
        <v>11</v>
      </c>
      <c r="S34146">
        <v>12</v>
      </c>
      <c r="T34146">
        <v>12</v>
      </c>
      <c r="U34146">
        <v>12</v>
      </c>
      <c r="V34146">
        <v>12</v>
      </c>
      <c r="W34146">
        <v>13</v>
      </c>
      <c r="X34146">
        <v>13</v>
      </c>
      <c r="Y34146">
        <v>13</v>
      </c>
      <c r="Z34146">
        <v>13</v>
      </c>
      <c r="AA34146">
        <v>14</v>
      </c>
      <c r="AB34146">
        <v>14</v>
      </c>
      <c r="AC34146">
        <v>14</v>
      </c>
      <c r="AD34146">
        <v>14</v>
      </c>
      <c r="AE34146">
        <v>15</v>
      </c>
      <c r="AF34146">
        <v>15</v>
      </c>
      <c r="AG34146">
        <v>15</v>
      </c>
      <c r="AH34146">
        <v>15</v>
      </c>
      <c r="AI34146">
        <v>16</v>
      </c>
      <c r="AJ34146">
        <v>16</v>
      </c>
      <c r="AK34146">
        <v>16</v>
      </c>
      <c r="AL34146">
        <v>16</v>
      </c>
      <c r="AM34146">
        <v>17</v>
      </c>
      <c r="AN34146">
        <v>17</v>
      </c>
      <c r="AO34146">
        <v>17</v>
      </c>
      <c r="AP34146">
        <v>17</v>
      </c>
      <c r="AQ34146">
        <v>17</v>
      </c>
    </row>
    <row r="34147" spans="1:43">
      <c r="A34147" t="s">
        <v>21155</v>
      </c>
      <c r="B34147" t="s">
        <v>21156</v>
      </c>
      <c r="C34147" t="s">
        <v>21151</v>
      </c>
      <c r="D34147" t="s">
        <v>21152</v>
      </c>
      <c r="E34147" t="s">
        <v>21139</v>
      </c>
      <c r="F34147" t="s">
        <v>21140</v>
      </c>
      <c r="G34147" t="s">
        <v>20255</v>
      </c>
      <c r="H34147" t="s">
        <v>20256</v>
      </c>
      <c r="I34147" s="2">
        <v>1</v>
      </c>
      <c r="J34147" s="2">
        <v>0</v>
      </c>
      <c r="K34147" s="2">
        <v>0</v>
      </c>
      <c r="L34147" t="s">
        <v>120</v>
      </c>
      <c r="M34147" t="s">
        <v>87</v>
      </c>
      <c r="N34147" t="s">
        <v>88</v>
      </c>
      <c r="O34147" t="s">
        <v>85</v>
      </c>
      <c r="P34147" t="s">
        <v>86</v>
      </c>
      <c r="Q34147">
        <v>11</v>
      </c>
      <c r="R34147">
        <v>11</v>
      </c>
      <c r="S34147">
        <v>11</v>
      </c>
      <c r="T34147">
        <v>11</v>
      </c>
      <c r="U34147">
        <v>12</v>
      </c>
      <c r="V34147">
        <v>12</v>
      </c>
      <c r="W34147">
        <v>12</v>
      </c>
      <c r="X34147">
        <v>12</v>
      </c>
      <c r="Y34147">
        <v>12</v>
      </c>
      <c r="Z34147">
        <v>12</v>
      </c>
      <c r="AA34147">
        <v>12</v>
      </c>
      <c r="AB34147">
        <v>13</v>
      </c>
      <c r="AC34147">
        <v>13</v>
      </c>
      <c r="AD34147">
        <v>13</v>
      </c>
      <c r="AE34147">
        <v>13</v>
      </c>
      <c r="AF34147">
        <v>13</v>
      </c>
      <c r="AG34147">
        <v>13</v>
      </c>
      <c r="AH34147">
        <v>13</v>
      </c>
      <c r="AI34147">
        <v>14</v>
      </c>
      <c r="AJ34147">
        <v>14</v>
      </c>
      <c r="AK34147">
        <v>14</v>
      </c>
      <c r="AL34147">
        <v>14</v>
      </c>
      <c r="AM34147">
        <v>14</v>
      </c>
      <c r="AN34147">
        <v>14</v>
      </c>
      <c r="AO34147">
        <v>14</v>
      </c>
      <c r="AP34147">
        <v>15</v>
      </c>
      <c r="AQ34147">
        <v>15</v>
      </c>
    </row>
    <row r="34148" spans="1:43">
      <c r="A34148" t="s">
        <v>21155</v>
      </c>
      <c r="B34148" t="s">
        <v>21156</v>
      </c>
      <c r="C34148" t="s">
        <v>21151</v>
      </c>
      <c r="D34148" t="s">
        <v>21152</v>
      </c>
      <c r="E34148" t="s">
        <v>21139</v>
      </c>
      <c r="F34148" t="s">
        <v>21140</v>
      </c>
      <c r="G34148" t="s">
        <v>20255</v>
      </c>
      <c r="H34148" t="s">
        <v>20256</v>
      </c>
      <c r="I34148" s="2">
        <v>1</v>
      </c>
      <c r="J34148" s="2">
        <v>0</v>
      </c>
      <c r="K34148" s="2">
        <v>0</v>
      </c>
      <c r="L34148" t="s">
        <v>120</v>
      </c>
      <c r="M34148" t="s">
        <v>89</v>
      </c>
      <c r="N34148" t="s">
        <v>90</v>
      </c>
      <c r="O34148" t="s">
        <v>85</v>
      </c>
      <c r="P34148" t="s">
        <v>86</v>
      </c>
      <c r="Q34148">
        <v>11</v>
      </c>
      <c r="R34148">
        <v>12</v>
      </c>
      <c r="S34148">
        <v>12</v>
      </c>
      <c r="T34148">
        <v>12</v>
      </c>
      <c r="U34148">
        <v>13</v>
      </c>
      <c r="V34148">
        <v>13</v>
      </c>
      <c r="W34148">
        <v>13</v>
      </c>
      <c r="X34148">
        <v>14</v>
      </c>
      <c r="Y34148">
        <v>14</v>
      </c>
      <c r="Z34148">
        <v>14</v>
      </c>
      <c r="AA34148">
        <v>15</v>
      </c>
      <c r="AB34148">
        <v>15</v>
      </c>
      <c r="AC34148">
        <v>15</v>
      </c>
      <c r="AD34148">
        <v>15</v>
      </c>
      <c r="AE34148">
        <v>16</v>
      </c>
      <c r="AF34148">
        <v>16</v>
      </c>
      <c r="AG34148">
        <v>16</v>
      </c>
      <c r="AH34148">
        <v>16</v>
      </c>
      <c r="AI34148">
        <v>16</v>
      </c>
      <c r="AJ34148">
        <v>16</v>
      </c>
      <c r="AK34148">
        <v>16</v>
      </c>
      <c r="AL34148">
        <v>17</v>
      </c>
      <c r="AM34148">
        <v>17</v>
      </c>
      <c r="AN34148">
        <v>17</v>
      </c>
      <c r="AO34148">
        <v>17</v>
      </c>
      <c r="AP34148">
        <v>17</v>
      </c>
      <c r="AQ34148">
        <v>17</v>
      </c>
    </row>
    <row r="34149" spans="1:43">
      <c r="A34149" t="s">
        <v>21155</v>
      </c>
      <c r="B34149" t="s">
        <v>21156</v>
      </c>
      <c r="C34149" t="s">
        <v>21151</v>
      </c>
      <c r="D34149" t="s">
        <v>21152</v>
      </c>
      <c r="E34149" t="s">
        <v>21139</v>
      </c>
      <c r="F34149" t="s">
        <v>21140</v>
      </c>
      <c r="G34149" t="s">
        <v>20255</v>
      </c>
      <c r="H34149" t="s">
        <v>20256</v>
      </c>
      <c r="I34149" s="2">
        <v>1</v>
      </c>
      <c r="J34149" s="2">
        <v>0</v>
      </c>
      <c r="K34149" s="2">
        <v>0</v>
      </c>
      <c r="L34149" t="s">
        <v>120</v>
      </c>
      <c r="M34149" t="s">
        <v>83</v>
      </c>
      <c r="N34149" t="s">
        <v>91</v>
      </c>
      <c r="O34149" t="s">
        <v>85</v>
      </c>
      <c r="P34149" t="s">
        <v>86</v>
      </c>
      <c r="Q34149">
        <v>11</v>
      </c>
      <c r="R34149">
        <v>11</v>
      </c>
      <c r="S34149">
        <v>12</v>
      </c>
      <c r="T34149">
        <v>12</v>
      </c>
      <c r="U34149">
        <v>12</v>
      </c>
      <c r="V34149">
        <v>12</v>
      </c>
      <c r="W34149">
        <v>13</v>
      </c>
      <c r="X34149">
        <v>13</v>
      </c>
      <c r="Y34149">
        <v>13</v>
      </c>
      <c r="Z34149">
        <v>13</v>
      </c>
      <c r="AA34149">
        <v>14</v>
      </c>
      <c r="AB34149">
        <v>14</v>
      </c>
      <c r="AC34149">
        <v>14</v>
      </c>
      <c r="AD34149">
        <v>14</v>
      </c>
      <c r="AE34149">
        <v>15</v>
      </c>
      <c r="AF34149">
        <v>15</v>
      </c>
      <c r="AG34149">
        <v>15</v>
      </c>
      <c r="AH34149">
        <v>15</v>
      </c>
      <c r="AI34149">
        <v>16</v>
      </c>
      <c r="AJ34149">
        <v>16</v>
      </c>
      <c r="AK34149">
        <v>16</v>
      </c>
      <c r="AL34149">
        <v>16</v>
      </c>
      <c r="AM34149">
        <v>17</v>
      </c>
      <c r="AN34149">
        <v>17</v>
      </c>
      <c r="AO34149">
        <v>17</v>
      </c>
      <c r="AP34149">
        <v>17</v>
      </c>
      <c r="AQ34149">
        <v>17</v>
      </c>
    </row>
    <row r="34150" spans="1:43">
      <c r="A34150" t="s">
        <v>21157</v>
      </c>
      <c r="B34150" t="s">
        <v>21158</v>
      </c>
      <c r="C34150" t="s">
        <v>21151</v>
      </c>
      <c r="D34150" t="s">
        <v>21152</v>
      </c>
      <c r="E34150" t="s">
        <v>21139</v>
      </c>
      <c r="F34150" t="s">
        <v>21140</v>
      </c>
      <c r="G34150" t="s">
        <v>20255</v>
      </c>
      <c r="H34150" t="s">
        <v>20256</v>
      </c>
      <c r="I34150" s="2">
        <v>1</v>
      </c>
      <c r="J34150" s="2">
        <v>0</v>
      </c>
      <c r="K34150" s="2">
        <v>0</v>
      </c>
      <c r="L34150" t="s">
        <v>120</v>
      </c>
      <c r="M34150" t="s">
        <v>83</v>
      </c>
      <c r="N34150" t="s">
        <v>84</v>
      </c>
      <c r="O34150" t="s">
        <v>85</v>
      </c>
      <c r="P34150" t="s">
        <v>86</v>
      </c>
      <c r="Q34150">
        <v>36</v>
      </c>
      <c r="R34150">
        <v>37</v>
      </c>
      <c r="S34150">
        <v>37</v>
      </c>
      <c r="T34150">
        <v>38</v>
      </c>
      <c r="U34150">
        <v>39</v>
      </c>
      <c r="V34150">
        <v>40</v>
      </c>
      <c r="W34150">
        <v>41</v>
      </c>
      <c r="X34150">
        <v>41</v>
      </c>
      <c r="Y34150">
        <v>42</v>
      </c>
      <c r="Z34150">
        <v>43</v>
      </c>
      <c r="AA34150">
        <v>44</v>
      </c>
      <c r="AB34150">
        <v>45</v>
      </c>
      <c r="AC34150">
        <v>46</v>
      </c>
      <c r="AD34150">
        <v>46</v>
      </c>
      <c r="AE34150">
        <v>47</v>
      </c>
      <c r="AF34150">
        <v>48</v>
      </c>
      <c r="AG34150">
        <v>49</v>
      </c>
      <c r="AH34150">
        <v>50</v>
      </c>
      <c r="AI34150">
        <v>50</v>
      </c>
      <c r="AJ34150">
        <v>51</v>
      </c>
      <c r="AK34150">
        <v>52</v>
      </c>
      <c r="AL34150">
        <v>53</v>
      </c>
      <c r="AM34150">
        <v>53</v>
      </c>
      <c r="AN34150">
        <v>53</v>
      </c>
      <c r="AO34150">
        <v>54</v>
      </c>
      <c r="AP34150">
        <v>54</v>
      </c>
      <c r="AQ34150">
        <v>55</v>
      </c>
    </row>
    <row r="34151" spans="1:43">
      <c r="A34151" t="s">
        <v>21157</v>
      </c>
      <c r="B34151" t="s">
        <v>21158</v>
      </c>
      <c r="C34151" t="s">
        <v>21151</v>
      </c>
      <c r="D34151" t="s">
        <v>21152</v>
      </c>
      <c r="E34151" t="s">
        <v>21139</v>
      </c>
      <c r="F34151" t="s">
        <v>21140</v>
      </c>
      <c r="G34151" t="s">
        <v>20255</v>
      </c>
      <c r="H34151" t="s">
        <v>20256</v>
      </c>
      <c r="I34151" s="2">
        <v>1</v>
      </c>
      <c r="J34151" s="2">
        <v>0</v>
      </c>
      <c r="K34151" s="2">
        <v>0</v>
      </c>
      <c r="L34151" t="s">
        <v>120</v>
      </c>
      <c r="M34151" t="s">
        <v>87</v>
      </c>
      <c r="N34151" t="s">
        <v>88</v>
      </c>
      <c r="O34151" t="s">
        <v>85</v>
      </c>
      <c r="P34151" t="s">
        <v>86</v>
      </c>
      <c r="Q34151">
        <v>36</v>
      </c>
      <c r="R34151">
        <v>36</v>
      </c>
      <c r="S34151">
        <v>36</v>
      </c>
      <c r="T34151">
        <v>37</v>
      </c>
      <c r="U34151">
        <v>37</v>
      </c>
      <c r="V34151">
        <v>38</v>
      </c>
      <c r="W34151">
        <v>38</v>
      </c>
      <c r="X34151">
        <v>39</v>
      </c>
      <c r="Y34151">
        <v>39</v>
      </c>
      <c r="Z34151">
        <v>40</v>
      </c>
      <c r="AA34151">
        <v>40</v>
      </c>
      <c r="AB34151">
        <v>41</v>
      </c>
      <c r="AC34151">
        <v>41</v>
      </c>
      <c r="AD34151">
        <v>41</v>
      </c>
      <c r="AE34151">
        <v>42</v>
      </c>
      <c r="AF34151">
        <v>42</v>
      </c>
      <c r="AG34151">
        <v>43</v>
      </c>
      <c r="AH34151">
        <v>43</v>
      </c>
      <c r="AI34151">
        <v>44</v>
      </c>
      <c r="AJ34151">
        <v>44</v>
      </c>
      <c r="AK34151">
        <v>45</v>
      </c>
      <c r="AL34151">
        <v>45</v>
      </c>
      <c r="AM34151">
        <v>46</v>
      </c>
      <c r="AN34151">
        <v>46</v>
      </c>
      <c r="AO34151">
        <v>47</v>
      </c>
      <c r="AP34151">
        <v>47</v>
      </c>
      <c r="AQ34151">
        <v>48</v>
      </c>
    </row>
    <row r="34152" spans="1:43">
      <c r="A34152" t="s">
        <v>21157</v>
      </c>
      <c r="B34152" t="s">
        <v>21158</v>
      </c>
      <c r="C34152" t="s">
        <v>21151</v>
      </c>
      <c r="D34152" t="s">
        <v>21152</v>
      </c>
      <c r="E34152" t="s">
        <v>21139</v>
      </c>
      <c r="F34152" t="s">
        <v>21140</v>
      </c>
      <c r="G34152" t="s">
        <v>20255</v>
      </c>
      <c r="H34152" t="s">
        <v>20256</v>
      </c>
      <c r="I34152" s="2">
        <v>1</v>
      </c>
      <c r="J34152" s="2">
        <v>0</v>
      </c>
      <c r="K34152" s="2">
        <v>0</v>
      </c>
      <c r="L34152" t="s">
        <v>120</v>
      </c>
      <c r="M34152" t="s">
        <v>89</v>
      </c>
      <c r="N34152" t="s">
        <v>90</v>
      </c>
      <c r="O34152" t="s">
        <v>85</v>
      </c>
      <c r="P34152" t="s">
        <v>86</v>
      </c>
      <c r="Q34152">
        <v>36</v>
      </c>
      <c r="R34152">
        <v>37</v>
      </c>
      <c r="S34152">
        <v>38</v>
      </c>
      <c r="T34152">
        <v>40</v>
      </c>
      <c r="U34152">
        <v>41</v>
      </c>
      <c r="V34152">
        <v>42</v>
      </c>
      <c r="W34152">
        <v>43</v>
      </c>
      <c r="X34152">
        <v>44</v>
      </c>
      <c r="Y34152">
        <v>45</v>
      </c>
      <c r="Z34152">
        <v>46</v>
      </c>
      <c r="AA34152">
        <v>47</v>
      </c>
      <c r="AB34152">
        <v>48</v>
      </c>
      <c r="AC34152">
        <v>49</v>
      </c>
      <c r="AD34152">
        <v>50</v>
      </c>
      <c r="AE34152">
        <v>50</v>
      </c>
      <c r="AF34152">
        <v>51</v>
      </c>
      <c r="AG34152">
        <v>51</v>
      </c>
      <c r="AH34152">
        <v>52</v>
      </c>
      <c r="AI34152">
        <v>52</v>
      </c>
      <c r="AJ34152">
        <v>52</v>
      </c>
      <c r="AK34152">
        <v>53</v>
      </c>
      <c r="AL34152">
        <v>53</v>
      </c>
      <c r="AM34152">
        <v>54</v>
      </c>
      <c r="AN34152">
        <v>54</v>
      </c>
      <c r="AO34152">
        <v>54</v>
      </c>
      <c r="AP34152">
        <v>55</v>
      </c>
      <c r="AQ34152">
        <v>55</v>
      </c>
    </row>
    <row r="34153" spans="1:43">
      <c r="A34153" t="s">
        <v>21157</v>
      </c>
      <c r="B34153" t="s">
        <v>21158</v>
      </c>
      <c r="C34153" t="s">
        <v>21151</v>
      </c>
      <c r="D34153" t="s">
        <v>21152</v>
      </c>
      <c r="E34153" t="s">
        <v>21139</v>
      </c>
      <c r="F34153" t="s">
        <v>21140</v>
      </c>
      <c r="G34153" t="s">
        <v>20255</v>
      </c>
      <c r="H34153" t="s">
        <v>20256</v>
      </c>
      <c r="I34153" s="2">
        <v>1</v>
      </c>
      <c r="J34153" s="2">
        <v>0</v>
      </c>
      <c r="K34153" s="2">
        <v>0</v>
      </c>
      <c r="L34153" t="s">
        <v>120</v>
      </c>
      <c r="M34153" t="s">
        <v>83</v>
      </c>
      <c r="N34153" t="s">
        <v>91</v>
      </c>
      <c r="O34153" t="s">
        <v>85</v>
      </c>
      <c r="P34153" t="s">
        <v>86</v>
      </c>
      <c r="Q34153">
        <v>36</v>
      </c>
      <c r="R34153">
        <v>37</v>
      </c>
      <c r="S34153">
        <v>37</v>
      </c>
      <c r="T34153">
        <v>38</v>
      </c>
      <c r="U34153">
        <v>39</v>
      </c>
      <c r="V34153">
        <v>40</v>
      </c>
      <c r="W34153">
        <v>41</v>
      </c>
      <c r="X34153">
        <v>41</v>
      </c>
      <c r="Y34153">
        <v>42</v>
      </c>
      <c r="Z34153">
        <v>43</v>
      </c>
      <c r="AA34153">
        <v>44</v>
      </c>
      <c r="AB34153">
        <v>45</v>
      </c>
      <c r="AC34153">
        <v>46</v>
      </c>
      <c r="AD34153">
        <v>46</v>
      </c>
      <c r="AE34153">
        <v>47</v>
      </c>
      <c r="AF34153">
        <v>48</v>
      </c>
      <c r="AG34153">
        <v>49</v>
      </c>
      <c r="AH34153">
        <v>50</v>
      </c>
      <c r="AI34153">
        <v>50</v>
      </c>
      <c r="AJ34153">
        <v>51</v>
      </c>
      <c r="AK34153">
        <v>52</v>
      </c>
      <c r="AL34153">
        <v>53</v>
      </c>
      <c r="AM34153">
        <v>53</v>
      </c>
      <c r="AN34153">
        <v>53</v>
      </c>
      <c r="AO34153">
        <v>54</v>
      </c>
      <c r="AP34153">
        <v>54</v>
      </c>
      <c r="AQ34153">
        <v>55</v>
      </c>
    </row>
    <row r="34154" spans="1:43">
      <c r="A34154" t="s">
        <v>21159</v>
      </c>
      <c r="B34154" t="s">
        <v>21160</v>
      </c>
      <c r="C34154" t="s">
        <v>21151</v>
      </c>
      <c r="D34154" t="s">
        <v>21152</v>
      </c>
      <c r="E34154" t="s">
        <v>21139</v>
      </c>
      <c r="F34154" t="s">
        <v>21140</v>
      </c>
      <c r="G34154" t="s">
        <v>20255</v>
      </c>
      <c r="H34154" t="s">
        <v>20256</v>
      </c>
      <c r="I34154" s="2">
        <v>1</v>
      </c>
      <c r="J34154" s="2">
        <v>0</v>
      </c>
      <c r="K34154" s="2">
        <v>0</v>
      </c>
      <c r="L34154" t="s">
        <v>120</v>
      </c>
      <c r="M34154" t="s">
        <v>83</v>
      </c>
      <c r="N34154" t="s">
        <v>84</v>
      </c>
      <c r="O34154" t="s">
        <v>85</v>
      </c>
      <c r="P34154" t="s">
        <v>86</v>
      </c>
      <c r="Q34154">
        <v>10</v>
      </c>
      <c r="R34154">
        <v>10</v>
      </c>
      <c r="S34154">
        <v>10</v>
      </c>
      <c r="T34154">
        <v>11</v>
      </c>
      <c r="U34154">
        <v>11</v>
      </c>
      <c r="V34154">
        <v>11</v>
      </c>
      <c r="W34154">
        <v>11</v>
      </c>
      <c r="X34154">
        <v>12</v>
      </c>
      <c r="Y34154">
        <v>12</v>
      </c>
      <c r="Z34154">
        <v>12</v>
      </c>
      <c r="AA34154">
        <v>12</v>
      </c>
      <c r="AB34154">
        <v>12</v>
      </c>
      <c r="AC34154">
        <v>13</v>
      </c>
      <c r="AD34154">
        <v>13</v>
      </c>
      <c r="AE34154">
        <v>13</v>
      </c>
      <c r="AF34154">
        <v>13</v>
      </c>
      <c r="AG34154">
        <v>14</v>
      </c>
      <c r="AH34154">
        <v>14</v>
      </c>
      <c r="AI34154">
        <v>14</v>
      </c>
      <c r="AJ34154">
        <v>14</v>
      </c>
      <c r="AK34154">
        <v>15</v>
      </c>
      <c r="AL34154">
        <v>15</v>
      </c>
      <c r="AM34154">
        <v>15</v>
      </c>
      <c r="AN34154">
        <v>15</v>
      </c>
      <c r="AO34154">
        <v>15</v>
      </c>
      <c r="AP34154">
        <v>15</v>
      </c>
      <c r="AQ34154">
        <v>15</v>
      </c>
    </row>
    <row r="34155" spans="1:43">
      <c r="A34155" t="s">
        <v>21159</v>
      </c>
      <c r="B34155" t="s">
        <v>21160</v>
      </c>
      <c r="C34155" t="s">
        <v>21151</v>
      </c>
      <c r="D34155" t="s">
        <v>21152</v>
      </c>
      <c r="E34155" t="s">
        <v>21139</v>
      </c>
      <c r="F34155" t="s">
        <v>21140</v>
      </c>
      <c r="G34155" t="s">
        <v>20255</v>
      </c>
      <c r="H34155" t="s">
        <v>20256</v>
      </c>
      <c r="I34155" s="2">
        <v>1</v>
      </c>
      <c r="J34155" s="2">
        <v>0</v>
      </c>
      <c r="K34155" s="2">
        <v>0</v>
      </c>
      <c r="L34155" t="s">
        <v>120</v>
      </c>
      <c r="M34155" t="s">
        <v>87</v>
      </c>
      <c r="N34155" t="s">
        <v>88</v>
      </c>
      <c r="O34155" t="s">
        <v>85</v>
      </c>
      <c r="P34155" t="s">
        <v>86</v>
      </c>
      <c r="Q34155">
        <v>10</v>
      </c>
      <c r="R34155">
        <v>10</v>
      </c>
      <c r="S34155">
        <v>10</v>
      </c>
      <c r="T34155">
        <v>10</v>
      </c>
      <c r="U34155">
        <v>10</v>
      </c>
      <c r="V34155">
        <v>10</v>
      </c>
      <c r="W34155">
        <v>11</v>
      </c>
      <c r="X34155">
        <v>11</v>
      </c>
      <c r="Y34155">
        <v>11</v>
      </c>
      <c r="Z34155">
        <v>11</v>
      </c>
      <c r="AA34155">
        <v>11</v>
      </c>
      <c r="AB34155">
        <v>11</v>
      </c>
      <c r="AC34155">
        <v>11</v>
      </c>
      <c r="AD34155">
        <v>12</v>
      </c>
      <c r="AE34155">
        <v>12</v>
      </c>
      <c r="AF34155">
        <v>12</v>
      </c>
      <c r="AG34155">
        <v>12</v>
      </c>
      <c r="AH34155">
        <v>12</v>
      </c>
      <c r="AI34155">
        <v>12</v>
      </c>
      <c r="AJ34155">
        <v>12</v>
      </c>
      <c r="AK34155">
        <v>12</v>
      </c>
      <c r="AL34155">
        <v>13</v>
      </c>
      <c r="AM34155">
        <v>13</v>
      </c>
      <c r="AN34155">
        <v>13</v>
      </c>
      <c r="AO34155">
        <v>13</v>
      </c>
      <c r="AP34155">
        <v>13</v>
      </c>
      <c r="AQ34155">
        <v>13</v>
      </c>
    </row>
    <row r="34156" spans="1:43">
      <c r="A34156" t="s">
        <v>21159</v>
      </c>
      <c r="B34156" t="s">
        <v>21160</v>
      </c>
      <c r="C34156" t="s">
        <v>21151</v>
      </c>
      <c r="D34156" t="s">
        <v>21152</v>
      </c>
      <c r="E34156" t="s">
        <v>21139</v>
      </c>
      <c r="F34156" t="s">
        <v>21140</v>
      </c>
      <c r="G34156" t="s">
        <v>20255</v>
      </c>
      <c r="H34156" t="s">
        <v>20256</v>
      </c>
      <c r="I34156" s="2">
        <v>1</v>
      </c>
      <c r="J34156" s="2">
        <v>0</v>
      </c>
      <c r="K34156" s="2">
        <v>0</v>
      </c>
      <c r="L34156" t="s">
        <v>120</v>
      </c>
      <c r="M34156" t="s">
        <v>89</v>
      </c>
      <c r="N34156" t="s">
        <v>90</v>
      </c>
      <c r="O34156" t="s">
        <v>85</v>
      </c>
      <c r="P34156" t="s">
        <v>86</v>
      </c>
      <c r="Q34156">
        <v>10</v>
      </c>
      <c r="R34156">
        <v>10</v>
      </c>
      <c r="S34156">
        <v>11</v>
      </c>
      <c r="T34156">
        <v>11</v>
      </c>
      <c r="U34156">
        <v>11</v>
      </c>
      <c r="V34156">
        <v>12</v>
      </c>
      <c r="W34156">
        <v>12</v>
      </c>
      <c r="X34156">
        <v>12</v>
      </c>
      <c r="Y34156">
        <v>12</v>
      </c>
      <c r="Z34156">
        <v>13</v>
      </c>
      <c r="AA34156">
        <v>13</v>
      </c>
      <c r="AB34156">
        <v>13</v>
      </c>
      <c r="AC34156">
        <v>14</v>
      </c>
      <c r="AD34156">
        <v>14</v>
      </c>
      <c r="AE34156">
        <v>14</v>
      </c>
      <c r="AF34156">
        <v>14</v>
      </c>
      <c r="AG34156">
        <v>14</v>
      </c>
      <c r="AH34156">
        <v>14</v>
      </c>
      <c r="AI34156">
        <v>14</v>
      </c>
      <c r="AJ34156">
        <v>15</v>
      </c>
      <c r="AK34156">
        <v>15</v>
      </c>
      <c r="AL34156">
        <v>15</v>
      </c>
      <c r="AM34156">
        <v>15</v>
      </c>
      <c r="AN34156">
        <v>15</v>
      </c>
      <c r="AO34156">
        <v>15</v>
      </c>
      <c r="AP34156">
        <v>15</v>
      </c>
      <c r="AQ34156">
        <v>15</v>
      </c>
    </row>
    <row r="34157" spans="1:43">
      <c r="A34157" t="s">
        <v>21159</v>
      </c>
      <c r="B34157" t="s">
        <v>21160</v>
      </c>
      <c r="C34157" t="s">
        <v>21151</v>
      </c>
      <c r="D34157" t="s">
        <v>21152</v>
      </c>
      <c r="E34157" t="s">
        <v>21139</v>
      </c>
      <c r="F34157" t="s">
        <v>21140</v>
      </c>
      <c r="G34157" t="s">
        <v>20255</v>
      </c>
      <c r="H34157" t="s">
        <v>20256</v>
      </c>
      <c r="I34157" s="2">
        <v>1</v>
      </c>
      <c r="J34157" s="2">
        <v>0</v>
      </c>
      <c r="K34157" s="2">
        <v>0</v>
      </c>
      <c r="L34157" t="s">
        <v>120</v>
      </c>
      <c r="M34157" t="s">
        <v>83</v>
      </c>
      <c r="N34157" t="s">
        <v>91</v>
      </c>
      <c r="O34157" t="s">
        <v>85</v>
      </c>
      <c r="P34157" t="s">
        <v>86</v>
      </c>
      <c r="Q34157">
        <v>10</v>
      </c>
      <c r="R34157">
        <v>10</v>
      </c>
      <c r="S34157">
        <v>10</v>
      </c>
      <c r="T34157">
        <v>11</v>
      </c>
      <c r="U34157">
        <v>11</v>
      </c>
      <c r="V34157">
        <v>11</v>
      </c>
      <c r="W34157">
        <v>11</v>
      </c>
      <c r="X34157">
        <v>12</v>
      </c>
      <c r="Y34157">
        <v>12</v>
      </c>
      <c r="Z34157">
        <v>12</v>
      </c>
      <c r="AA34157">
        <v>12</v>
      </c>
      <c r="AB34157">
        <v>12</v>
      </c>
      <c r="AC34157">
        <v>13</v>
      </c>
      <c r="AD34157">
        <v>13</v>
      </c>
      <c r="AE34157">
        <v>13</v>
      </c>
      <c r="AF34157">
        <v>13</v>
      </c>
      <c r="AG34157">
        <v>14</v>
      </c>
      <c r="AH34157">
        <v>14</v>
      </c>
      <c r="AI34157">
        <v>14</v>
      </c>
      <c r="AJ34157">
        <v>14</v>
      </c>
      <c r="AK34157">
        <v>15</v>
      </c>
      <c r="AL34157">
        <v>15</v>
      </c>
      <c r="AM34157">
        <v>15</v>
      </c>
      <c r="AN34157">
        <v>15</v>
      </c>
      <c r="AO34157">
        <v>15</v>
      </c>
      <c r="AP34157">
        <v>15</v>
      </c>
      <c r="AQ34157">
        <v>15</v>
      </c>
    </row>
    <row r="34158" spans="1:43">
      <c r="A34158" t="s">
        <v>21161</v>
      </c>
      <c r="B34158" t="s">
        <v>21162</v>
      </c>
      <c r="C34158" t="s">
        <v>21151</v>
      </c>
      <c r="D34158" t="s">
        <v>21152</v>
      </c>
      <c r="E34158" t="s">
        <v>21139</v>
      </c>
      <c r="F34158" t="s">
        <v>21140</v>
      </c>
      <c r="G34158" t="s">
        <v>20255</v>
      </c>
      <c r="H34158" t="s">
        <v>20256</v>
      </c>
      <c r="I34158" s="2">
        <v>1</v>
      </c>
      <c r="J34158" s="2">
        <v>0</v>
      </c>
      <c r="K34158" s="2">
        <v>0</v>
      </c>
      <c r="L34158" t="s">
        <v>120</v>
      </c>
      <c r="M34158" t="s">
        <v>83</v>
      </c>
      <c r="N34158" t="s">
        <v>84</v>
      </c>
      <c r="O34158" t="s">
        <v>85</v>
      </c>
      <c r="P34158" t="s">
        <v>86</v>
      </c>
      <c r="Q34158">
        <v>33</v>
      </c>
      <c r="R34158">
        <v>33</v>
      </c>
      <c r="S34158">
        <v>34</v>
      </c>
      <c r="T34158">
        <v>35</v>
      </c>
      <c r="U34158">
        <v>36</v>
      </c>
      <c r="V34158">
        <v>36</v>
      </c>
      <c r="W34158">
        <v>37</v>
      </c>
      <c r="X34158">
        <v>38</v>
      </c>
      <c r="Y34158">
        <v>39</v>
      </c>
      <c r="Z34158">
        <v>39</v>
      </c>
      <c r="AA34158">
        <v>40</v>
      </c>
      <c r="AB34158">
        <v>41</v>
      </c>
      <c r="AC34158">
        <v>41</v>
      </c>
      <c r="AD34158">
        <v>42</v>
      </c>
      <c r="AE34158">
        <v>43</v>
      </c>
      <c r="AF34158">
        <v>44</v>
      </c>
      <c r="AG34158">
        <v>44</v>
      </c>
      <c r="AH34158">
        <v>45</v>
      </c>
      <c r="AI34158">
        <v>46</v>
      </c>
      <c r="AJ34158">
        <v>47</v>
      </c>
      <c r="AK34158">
        <v>48</v>
      </c>
      <c r="AL34158">
        <v>48</v>
      </c>
      <c r="AM34158">
        <v>48</v>
      </c>
      <c r="AN34158">
        <v>49</v>
      </c>
      <c r="AO34158">
        <v>49</v>
      </c>
      <c r="AP34158">
        <v>49</v>
      </c>
      <c r="AQ34158">
        <v>50</v>
      </c>
    </row>
    <row r="34159" spans="1:43">
      <c r="A34159" t="s">
        <v>21161</v>
      </c>
      <c r="B34159" t="s">
        <v>21162</v>
      </c>
      <c r="C34159" t="s">
        <v>21151</v>
      </c>
      <c r="D34159" t="s">
        <v>21152</v>
      </c>
      <c r="E34159" t="s">
        <v>21139</v>
      </c>
      <c r="F34159" t="s">
        <v>21140</v>
      </c>
      <c r="G34159" t="s">
        <v>20255</v>
      </c>
      <c r="H34159" t="s">
        <v>20256</v>
      </c>
      <c r="I34159" s="2">
        <v>1</v>
      </c>
      <c r="J34159" s="2">
        <v>0</v>
      </c>
      <c r="K34159" s="2">
        <v>0</v>
      </c>
      <c r="L34159" t="s">
        <v>120</v>
      </c>
      <c r="M34159" t="s">
        <v>87</v>
      </c>
      <c r="N34159" t="s">
        <v>88</v>
      </c>
      <c r="O34159" t="s">
        <v>85</v>
      </c>
      <c r="P34159" t="s">
        <v>86</v>
      </c>
      <c r="Q34159">
        <v>33</v>
      </c>
      <c r="R34159">
        <v>34</v>
      </c>
      <c r="S34159">
        <v>34</v>
      </c>
      <c r="T34159">
        <v>35</v>
      </c>
      <c r="U34159">
        <v>35</v>
      </c>
      <c r="V34159">
        <v>35</v>
      </c>
      <c r="W34159">
        <v>36</v>
      </c>
      <c r="X34159">
        <v>36</v>
      </c>
      <c r="Y34159">
        <v>37</v>
      </c>
      <c r="Z34159">
        <v>37</v>
      </c>
      <c r="AA34159">
        <v>38</v>
      </c>
      <c r="AB34159">
        <v>38</v>
      </c>
      <c r="AC34159">
        <v>38</v>
      </c>
      <c r="AD34159">
        <v>39</v>
      </c>
      <c r="AE34159">
        <v>39</v>
      </c>
      <c r="AF34159">
        <v>40</v>
      </c>
      <c r="AG34159">
        <v>40</v>
      </c>
      <c r="AH34159">
        <v>41</v>
      </c>
      <c r="AI34159">
        <v>41</v>
      </c>
      <c r="AJ34159">
        <v>41</v>
      </c>
      <c r="AK34159">
        <v>42</v>
      </c>
      <c r="AL34159">
        <v>42</v>
      </c>
      <c r="AM34159">
        <v>43</v>
      </c>
      <c r="AN34159">
        <v>43</v>
      </c>
      <c r="AO34159">
        <v>44</v>
      </c>
      <c r="AP34159">
        <v>44</v>
      </c>
      <c r="AQ34159">
        <v>44</v>
      </c>
    </row>
    <row r="34160" spans="1:43">
      <c r="A34160" t="s">
        <v>21161</v>
      </c>
      <c r="B34160" t="s">
        <v>21162</v>
      </c>
      <c r="C34160" t="s">
        <v>21151</v>
      </c>
      <c r="D34160" t="s">
        <v>21152</v>
      </c>
      <c r="E34160" t="s">
        <v>21139</v>
      </c>
      <c r="F34160" t="s">
        <v>21140</v>
      </c>
      <c r="G34160" t="s">
        <v>20255</v>
      </c>
      <c r="H34160" t="s">
        <v>20256</v>
      </c>
      <c r="I34160" s="2">
        <v>1</v>
      </c>
      <c r="J34160" s="2">
        <v>0</v>
      </c>
      <c r="K34160" s="2">
        <v>0</v>
      </c>
      <c r="L34160" t="s">
        <v>120</v>
      </c>
      <c r="M34160" t="s">
        <v>89</v>
      </c>
      <c r="N34160" t="s">
        <v>90</v>
      </c>
      <c r="O34160" t="s">
        <v>85</v>
      </c>
      <c r="P34160" t="s">
        <v>86</v>
      </c>
      <c r="Q34160">
        <v>33</v>
      </c>
      <c r="R34160">
        <v>34</v>
      </c>
      <c r="S34160">
        <v>35</v>
      </c>
      <c r="T34160">
        <v>36</v>
      </c>
      <c r="U34160">
        <v>37</v>
      </c>
      <c r="V34160">
        <v>38</v>
      </c>
      <c r="W34160">
        <v>39</v>
      </c>
      <c r="X34160">
        <v>40</v>
      </c>
      <c r="Y34160">
        <v>41</v>
      </c>
      <c r="Z34160">
        <v>42</v>
      </c>
      <c r="AA34160">
        <v>42</v>
      </c>
      <c r="AB34160">
        <v>43</v>
      </c>
      <c r="AC34160">
        <v>44</v>
      </c>
      <c r="AD34160">
        <v>45</v>
      </c>
      <c r="AE34160">
        <v>46</v>
      </c>
      <c r="AF34160">
        <v>46</v>
      </c>
      <c r="AG34160">
        <v>47</v>
      </c>
      <c r="AH34160">
        <v>47</v>
      </c>
      <c r="AI34160">
        <v>47</v>
      </c>
      <c r="AJ34160">
        <v>48</v>
      </c>
      <c r="AK34160">
        <v>48</v>
      </c>
      <c r="AL34160">
        <v>48</v>
      </c>
      <c r="AM34160">
        <v>49</v>
      </c>
      <c r="AN34160">
        <v>49</v>
      </c>
      <c r="AO34160">
        <v>49</v>
      </c>
      <c r="AP34160">
        <v>50</v>
      </c>
      <c r="AQ34160">
        <v>50</v>
      </c>
    </row>
    <row r="34161" spans="1:43">
      <c r="A34161" t="s">
        <v>21161</v>
      </c>
      <c r="B34161" t="s">
        <v>21162</v>
      </c>
      <c r="C34161" t="s">
        <v>21151</v>
      </c>
      <c r="D34161" t="s">
        <v>21152</v>
      </c>
      <c r="E34161" t="s">
        <v>21139</v>
      </c>
      <c r="F34161" t="s">
        <v>21140</v>
      </c>
      <c r="G34161" t="s">
        <v>20255</v>
      </c>
      <c r="H34161" t="s">
        <v>20256</v>
      </c>
      <c r="I34161" s="2">
        <v>1</v>
      </c>
      <c r="J34161" s="2">
        <v>0</v>
      </c>
      <c r="K34161" s="2">
        <v>0</v>
      </c>
      <c r="L34161" t="s">
        <v>120</v>
      </c>
      <c r="M34161" t="s">
        <v>83</v>
      </c>
      <c r="N34161" t="s">
        <v>91</v>
      </c>
      <c r="O34161" t="s">
        <v>85</v>
      </c>
      <c r="P34161" t="s">
        <v>86</v>
      </c>
      <c r="Q34161">
        <v>33</v>
      </c>
      <c r="R34161">
        <v>33</v>
      </c>
      <c r="S34161">
        <v>34</v>
      </c>
      <c r="T34161">
        <v>35</v>
      </c>
      <c r="U34161">
        <v>36</v>
      </c>
      <c r="V34161">
        <v>36</v>
      </c>
      <c r="W34161">
        <v>37</v>
      </c>
      <c r="X34161">
        <v>38</v>
      </c>
      <c r="Y34161">
        <v>39</v>
      </c>
      <c r="Z34161">
        <v>39</v>
      </c>
      <c r="AA34161">
        <v>40</v>
      </c>
      <c r="AB34161">
        <v>41</v>
      </c>
      <c r="AC34161">
        <v>41</v>
      </c>
      <c r="AD34161">
        <v>42</v>
      </c>
      <c r="AE34161">
        <v>43</v>
      </c>
      <c r="AF34161">
        <v>44</v>
      </c>
      <c r="AG34161">
        <v>44</v>
      </c>
      <c r="AH34161">
        <v>45</v>
      </c>
      <c r="AI34161">
        <v>46</v>
      </c>
      <c r="AJ34161">
        <v>47</v>
      </c>
      <c r="AK34161">
        <v>48</v>
      </c>
      <c r="AL34161">
        <v>48</v>
      </c>
      <c r="AM34161">
        <v>48</v>
      </c>
      <c r="AN34161">
        <v>49</v>
      </c>
      <c r="AO34161">
        <v>49</v>
      </c>
      <c r="AP34161">
        <v>49</v>
      </c>
      <c r="AQ34161">
        <v>50</v>
      </c>
    </row>
    <row r="34162" spans="1:43">
      <c r="A34162" t="s">
        <v>21163</v>
      </c>
      <c r="B34162" t="s">
        <v>21164</v>
      </c>
      <c r="C34162" t="s">
        <v>21165</v>
      </c>
      <c r="D34162" t="s">
        <v>21166</v>
      </c>
      <c r="E34162" t="s">
        <v>21139</v>
      </c>
      <c r="F34162" t="s">
        <v>21140</v>
      </c>
      <c r="G34162" t="s">
        <v>20255</v>
      </c>
      <c r="H34162" t="s">
        <v>20256</v>
      </c>
      <c r="I34162" s="2">
        <v>1</v>
      </c>
      <c r="J34162" s="2">
        <v>0</v>
      </c>
      <c r="K34162" s="2">
        <v>0</v>
      </c>
      <c r="L34162" t="s">
        <v>120</v>
      </c>
      <c r="M34162" t="s">
        <v>83</v>
      </c>
      <c r="N34162" t="s">
        <v>84</v>
      </c>
      <c r="O34162" t="s">
        <v>85</v>
      </c>
      <c r="P34162" t="s">
        <v>86</v>
      </c>
      <c r="Q34162">
        <v>22</v>
      </c>
      <c r="R34162">
        <v>22</v>
      </c>
      <c r="S34162">
        <v>23</v>
      </c>
      <c r="T34162">
        <v>23</v>
      </c>
      <c r="U34162">
        <v>24</v>
      </c>
      <c r="V34162">
        <v>24</v>
      </c>
      <c r="W34162">
        <v>25</v>
      </c>
      <c r="X34162">
        <v>25</v>
      </c>
      <c r="Y34162">
        <v>26</v>
      </c>
      <c r="Z34162">
        <v>26</v>
      </c>
      <c r="AA34162">
        <v>27</v>
      </c>
      <c r="AB34162">
        <v>27</v>
      </c>
      <c r="AC34162">
        <v>27</v>
      </c>
      <c r="AD34162">
        <v>28</v>
      </c>
      <c r="AE34162">
        <v>28</v>
      </c>
      <c r="AF34162">
        <v>29</v>
      </c>
      <c r="AG34162">
        <v>29</v>
      </c>
      <c r="AH34162">
        <v>30</v>
      </c>
      <c r="AI34162">
        <v>30</v>
      </c>
      <c r="AJ34162">
        <v>31</v>
      </c>
      <c r="AK34162">
        <v>31</v>
      </c>
      <c r="AL34162">
        <v>32</v>
      </c>
      <c r="AM34162">
        <v>32</v>
      </c>
      <c r="AN34162">
        <v>32</v>
      </c>
      <c r="AO34162">
        <v>32</v>
      </c>
      <c r="AP34162">
        <v>32</v>
      </c>
      <c r="AQ34162">
        <v>33</v>
      </c>
    </row>
    <row r="34163" spans="1:43">
      <c r="A34163" t="s">
        <v>21163</v>
      </c>
      <c r="B34163" t="s">
        <v>21164</v>
      </c>
      <c r="C34163" t="s">
        <v>21165</v>
      </c>
      <c r="D34163" t="s">
        <v>21166</v>
      </c>
      <c r="E34163" t="s">
        <v>21139</v>
      </c>
      <c r="F34163" t="s">
        <v>21140</v>
      </c>
      <c r="G34163" t="s">
        <v>20255</v>
      </c>
      <c r="H34163" t="s">
        <v>20256</v>
      </c>
      <c r="I34163" s="2">
        <v>1</v>
      </c>
      <c r="J34163" s="2">
        <v>0</v>
      </c>
      <c r="K34163" s="2">
        <v>0</v>
      </c>
      <c r="L34163" t="s">
        <v>120</v>
      </c>
      <c r="M34163" t="s">
        <v>87</v>
      </c>
      <c r="N34163" t="s">
        <v>88</v>
      </c>
      <c r="O34163" t="s">
        <v>85</v>
      </c>
      <c r="P34163" t="s">
        <v>86</v>
      </c>
      <c r="Q34163">
        <v>22</v>
      </c>
      <c r="R34163">
        <v>22</v>
      </c>
      <c r="S34163">
        <v>22</v>
      </c>
      <c r="T34163">
        <v>22</v>
      </c>
      <c r="U34163">
        <v>23</v>
      </c>
      <c r="V34163">
        <v>23</v>
      </c>
      <c r="W34163">
        <v>23</v>
      </c>
      <c r="X34163">
        <v>23</v>
      </c>
      <c r="Y34163">
        <v>24</v>
      </c>
      <c r="Z34163">
        <v>24</v>
      </c>
      <c r="AA34163">
        <v>24</v>
      </c>
      <c r="AB34163">
        <v>25</v>
      </c>
      <c r="AC34163">
        <v>25</v>
      </c>
      <c r="AD34163">
        <v>25</v>
      </c>
      <c r="AE34163">
        <v>25</v>
      </c>
      <c r="AF34163">
        <v>26</v>
      </c>
      <c r="AG34163">
        <v>26</v>
      </c>
      <c r="AH34163">
        <v>26</v>
      </c>
      <c r="AI34163">
        <v>26</v>
      </c>
      <c r="AJ34163">
        <v>27</v>
      </c>
      <c r="AK34163">
        <v>27</v>
      </c>
      <c r="AL34163">
        <v>27</v>
      </c>
      <c r="AM34163">
        <v>28</v>
      </c>
      <c r="AN34163">
        <v>28</v>
      </c>
      <c r="AO34163">
        <v>28</v>
      </c>
      <c r="AP34163">
        <v>28</v>
      </c>
      <c r="AQ34163">
        <v>29</v>
      </c>
    </row>
    <row r="34164" spans="1:43">
      <c r="A34164" t="s">
        <v>21163</v>
      </c>
      <c r="B34164" t="s">
        <v>21164</v>
      </c>
      <c r="C34164" t="s">
        <v>21165</v>
      </c>
      <c r="D34164" t="s">
        <v>21166</v>
      </c>
      <c r="E34164" t="s">
        <v>21139</v>
      </c>
      <c r="F34164" t="s">
        <v>21140</v>
      </c>
      <c r="G34164" t="s">
        <v>20255</v>
      </c>
      <c r="H34164" t="s">
        <v>20256</v>
      </c>
      <c r="I34164" s="2">
        <v>1</v>
      </c>
      <c r="J34164" s="2">
        <v>0</v>
      </c>
      <c r="K34164" s="2">
        <v>0</v>
      </c>
      <c r="L34164" t="s">
        <v>120</v>
      </c>
      <c r="M34164" t="s">
        <v>89</v>
      </c>
      <c r="N34164" t="s">
        <v>90</v>
      </c>
      <c r="O34164" t="s">
        <v>85</v>
      </c>
      <c r="P34164" t="s">
        <v>86</v>
      </c>
      <c r="Q34164">
        <v>22</v>
      </c>
      <c r="R34164">
        <v>23</v>
      </c>
      <c r="S34164">
        <v>23</v>
      </c>
      <c r="T34164">
        <v>24</v>
      </c>
      <c r="U34164">
        <v>25</v>
      </c>
      <c r="V34164">
        <v>25</v>
      </c>
      <c r="W34164">
        <v>26</v>
      </c>
      <c r="X34164">
        <v>26</v>
      </c>
      <c r="Y34164">
        <v>27</v>
      </c>
      <c r="Z34164">
        <v>28</v>
      </c>
      <c r="AA34164">
        <v>28</v>
      </c>
      <c r="AB34164">
        <v>29</v>
      </c>
      <c r="AC34164">
        <v>29</v>
      </c>
      <c r="AD34164">
        <v>30</v>
      </c>
      <c r="AE34164">
        <v>30</v>
      </c>
      <c r="AF34164">
        <v>31</v>
      </c>
      <c r="AG34164">
        <v>31</v>
      </c>
      <c r="AH34164">
        <v>31</v>
      </c>
      <c r="AI34164">
        <v>31</v>
      </c>
      <c r="AJ34164">
        <v>32</v>
      </c>
      <c r="AK34164">
        <v>32</v>
      </c>
      <c r="AL34164">
        <v>32</v>
      </c>
      <c r="AM34164">
        <v>32</v>
      </c>
      <c r="AN34164">
        <v>32</v>
      </c>
      <c r="AO34164">
        <v>33</v>
      </c>
      <c r="AP34164">
        <v>33</v>
      </c>
      <c r="AQ34164">
        <v>33</v>
      </c>
    </row>
    <row r="34165" spans="1:43">
      <c r="A34165" t="s">
        <v>21163</v>
      </c>
      <c r="B34165" t="s">
        <v>21164</v>
      </c>
      <c r="C34165" t="s">
        <v>21165</v>
      </c>
      <c r="D34165" t="s">
        <v>21166</v>
      </c>
      <c r="E34165" t="s">
        <v>21139</v>
      </c>
      <c r="F34165" t="s">
        <v>21140</v>
      </c>
      <c r="G34165" t="s">
        <v>20255</v>
      </c>
      <c r="H34165" t="s">
        <v>20256</v>
      </c>
      <c r="I34165" s="2">
        <v>1</v>
      </c>
      <c r="J34165" s="2">
        <v>0</v>
      </c>
      <c r="K34165" s="2">
        <v>0</v>
      </c>
      <c r="L34165" t="s">
        <v>120</v>
      </c>
      <c r="M34165" t="s">
        <v>83</v>
      </c>
      <c r="N34165" t="s">
        <v>91</v>
      </c>
      <c r="O34165" t="s">
        <v>85</v>
      </c>
      <c r="P34165" t="s">
        <v>86</v>
      </c>
      <c r="Q34165">
        <v>22</v>
      </c>
      <c r="R34165">
        <v>22</v>
      </c>
      <c r="S34165">
        <v>23</v>
      </c>
      <c r="T34165">
        <v>23</v>
      </c>
      <c r="U34165">
        <v>24</v>
      </c>
      <c r="V34165">
        <v>24</v>
      </c>
      <c r="W34165">
        <v>25</v>
      </c>
      <c r="X34165">
        <v>25</v>
      </c>
      <c r="Y34165">
        <v>26</v>
      </c>
      <c r="Z34165">
        <v>26</v>
      </c>
      <c r="AA34165">
        <v>27</v>
      </c>
      <c r="AB34165">
        <v>27</v>
      </c>
      <c r="AC34165">
        <v>27</v>
      </c>
      <c r="AD34165">
        <v>28</v>
      </c>
      <c r="AE34165">
        <v>28</v>
      </c>
      <c r="AF34165">
        <v>29</v>
      </c>
      <c r="AG34165">
        <v>29</v>
      </c>
      <c r="AH34165">
        <v>30</v>
      </c>
      <c r="AI34165">
        <v>30</v>
      </c>
      <c r="AJ34165">
        <v>31</v>
      </c>
      <c r="AK34165">
        <v>31</v>
      </c>
      <c r="AL34165">
        <v>32</v>
      </c>
      <c r="AM34165">
        <v>32</v>
      </c>
      <c r="AN34165">
        <v>32</v>
      </c>
      <c r="AO34165">
        <v>32</v>
      </c>
      <c r="AP34165">
        <v>32</v>
      </c>
      <c r="AQ34165">
        <v>33</v>
      </c>
    </row>
    <row r="34166" spans="1:43">
      <c r="A34166" t="s">
        <v>21167</v>
      </c>
      <c r="B34166" t="s">
        <v>21168</v>
      </c>
      <c r="C34166" t="s">
        <v>21165</v>
      </c>
      <c r="D34166" t="s">
        <v>21166</v>
      </c>
      <c r="E34166" t="s">
        <v>21139</v>
      </c>
      <c r="F34166" t="s">
        <v>21140</v>
      </c>
      <c r="G34166" t="s">
        <v>20255</v>
      </c>
      <c r="H34166" t="s">
        <v>20256</v>
      </c>
      <c r="I34166" s="2">
        <v>1</v>
      </c>
      <c r="J34166" s="2">
        <v>0</v>
      </c>
      <c r="K34166" s="2">
        <v>0</v>
      </c>
      <c r="L34166" t="s">
        <v>120</v>
      </c>
      <c r="M34166" t="s">
        <v>83</v>
      </c>
      <c r="N34166" t="s">
        <v>84</v>
      </c>
      <c r="O34166" t="s">
        <v>85</v>
      </c>
      <c r="P34166" t="s">
        <v>86</v>
      </c>
      <c r="Q34166">
        <v>31</v>
      </c>
      <c r="R34166">
        <v>32</v>
      </c>
      <c r="S34166">
        <v>32</v>
      </c>
      <c r="T34166">
        <v>33</v>
      </c>
      <c r="U34166">
        <v>34</v>
      </c>
      <c r="V34166">
        <v>34</v>
      </c>
      <c r="W34166">
        <v>35</v>
      </c>
      <c r="X34166">
        <v>36</v>
      </c>
      <c r="Y34166">
        <v>36</v>
      </c>
      <c r="Z34166">
        <v>37</v>
      </c>
      <c r="AA34166">
        <v>38</v>
      </c>
      <c r="AB34166">
        <v>38</v>
      </c>
      <c r="AC34166">
        <v>39</v>
      </c>
      <c r="AD34166">
        <v>40</v>
      </c>
      <c r="AE34166">
        <v>40</v>
      </c>
      <c r="AF34166">
        <v>41</v>
      </c>
      <c r="AG34166">
        <v>42</v>
      </c>
      <c r="AH34166">
        <v>42</v>
      </c>
      <c r="AI34166">
        <v>43</v>
      </c>
      <c r="AJ34166">
        <v>44</v>
      </c>
      <c r="AK34166">
        <v>45</v>
      </c>
      <c r="AL34166">
        <v>45</v>
      </c>
      <c r="AM34166">
        <v>45</v>
      </c>
      <c r="AN34166">
        <v>46</v>
      </c>
      <c r="AO34166">
        <v>46</v>
      </c>
      <c r="AP34166">
        <v>46</v>
      </c>
      <c r="AQ34166">
        <v>47</v>
      </c>
    </row>
    <row r="34167" spans="1:43">
      <c r="A34167" t="s">
        <v>21167</v>
      </c>
      <c r="B34167" t="s">
        <v>21168</v>
      </c>
      <c r="C34167" t="s">
        <v>21165</v>
      </c>
      <c r="D34167" t="s">
        <v>21166</v>
      </c>
      <c r="E34167" t="s">
        <v>21139</v>
      </c>
      <c r="F34167" t="s">
        <v>21140</v>
      </c>
      <c r="G34167" t="s">
        <v>20255</v>
      </c>
      <c r="H34167" t="s">
        <v>20256</v>
      </c>
      <c r="I34167" s="2">
        <v>1</v>
      </c>
      <c r="J34167" s="2">
        <v>0</v>
      </c>
      <c r="K34167" s="2">
        <v>0</v>
      </c>
      <c r="L34167" t="s">
        <v>120</v>
      </c>
      <c r="M34167" t="s">
        <v>87</v>
      </c>
      <c r="N34167" t="s">
        <v>88</v>
      </c>
      <c r="O34167" t="s">
        <v>85</v>
      </c>
      <c r="P34167" t="s">
        <v>86</v>
      </c>
      <c r="Q34167">
        <v>31</v>
      </c>
      <c r="R34167">
        <v>31</v>
      </c>
      <c r="S34167">
        <v>31</v>
      </c>
      <c r="T34167">
        <v>32</v>
      </c>
      <c r="U34167">
        <v>32</v>
      </c>
      <c r="V34167">
        <v>33</v>
      </c>
      <c r="W34167">
        <v>33</v>
      </c>
      <c r="X34167">
        <v>33</v>
      </c>
      <c r="Y34167">
        <v>34</v>
      </c>
      <c r="Z34167">
        <v>34</v>
      </c>
      <c r="AA34167">
        <v>34</v>
      </c>
      <c r="AB34167">
        <v>35</v>
      </c>
      <c r="AC34167">
        <v>35</v>
      </c>
      <c r="AD34167">
        <v>36</v>
      </c>
      <c r="AE34167">
        <v>36</v>
      </c>
      <c r="AF34167">
        <v>36</v>
      </c>
      <c r="AG34167">
        <v>37</v>
      </c>
      <c r="AH34167">
        <v>37</v>
      </c>
      <c r="AI34167">
        <v>38</v>
      </c>
      <c r="AJ34167">
        <v>38</v>
      </c>
      <c r="AK34167">
        <v>38</v>
      </c>
      <c r="AL34167">
        <v>39</v>
      </c>
      <c r="AM34167">
        <v>39</v>
      </c>
      <c r="AN34167">
        <v>40</v>
      </c>
      <c r="AO34167">
        <v>40</v>
      </c>
      <c r="AP34167">
        <v>40</v>
      </c>
      <c r="AQ34167">
        <v>41</v>
      </c>
    </row>
    <row r="34168" spans="1:43">
      <c r="A34168" t="s">
        <v>21167</v>
      </c>
      <c r="B34168" t="s">
        <v>21168</v>
      </c>
      <c r="C34168" t="s">
        <v>21165</v>
      </c>
      <c r="D34168" t="s">
        <v>21166</v>
      </c>
      <c r="E34168" t="s">
        <v>21139</v>
      </c>
      <c r="F34168" t="s">
        <v>21140</v>
      </c>
      <c r="G34168" t="s">
        <v>20255</v>
      </c>
      <c r="H34168" t="s">
        <v>20256</v>
      </c>
      <c r="I34168" s="2">
        <v>1</v>
      </c>
      <c r="J34168" s="2">
        <v>0</v>
      </c>
      <c r="K34168" s="2">
        <v>0</v>
      </c>
      <c r="L34168" t="s">
        <v>120</v>
      </c>
      <c r="M34168" t="s">
        <v>89</v>
      </c>
      <c r="N34168" t="s">
        <v>90</v>
      </c>
      <c r="O34168" t="s">
        <v>85</v>
      </c>
      <c r="P34168" t="s">
        <v>86</v>
      </c>
      <c r="Q34168">
        <v>31</v>
      </c>
      <c r="R34168">
        <v>32</v>
      </c>
      <c r="S34168">
        <v>33</v>
      </c>
      <c r="T34168">
        <v>34</v>
      </c>
      <c r="U34168">
        <v>35</v>
      </c>
      <c r="V34168">
        <v>36</v>
      </c>
      <c r="W34168">
        <v>37</v>
      </c>
      <c r="X34168">
        <v>37</v>
      </c>
      <c r="Y34168">
        <v>38</v>
      </c>
      <c r="Z34168">
        <v>39</v>
      </c>
      <c r="AA34168">
        <v>40</v>
      </c>
      <c r="AB34168">
        <v>41</v>
      </c>
      <c r="AC34168">
        <v>42</v>
      </c>
      <c r="AD34168">
        <v>43</v>
      </c>
      <c r="AE34168">
        <v>43</v>
      </c>
      <c r="AF34168">
        <v>44</v>
      </c>
      <c r="AG34168">
        <v>44</v>
      </c>
      <c r="AH34168">
        <v>44</v>
      </c>
      <c r="AI34168">
        <v>45</v>
      </c>
      <c r="AJ34168">
        <v>45</v>
      </c>
      <c r="AK34168">
        <v>45</v>
      </c>
      <c r="AL34168">
        <v>46</v>
      </c>
      <c r="AM34168">
        <v>46</v>
      </c>
      <c r="AN34168">
        <v>46</v>
      </c>
      <c r="AO34168">
        <v>47</v>
      </c>
      <c r="AP34168">
        <v>47</v>
      </c>
      <c r="AQ34168">
        <v>47</v>
      </c>
    </row>
    <row r="34169" spans="1:43">
      <c r="A34169" t="s">
        <v>21167</v>
      </c>
      <c r="B34169" t="s">
        <v>21168</v>
      </c>
      <c r="C34169" t="s">
        <v>21165</v>
      </c>
      <c r="D34169" t="s">
        <v>21166</v>
      </c>
      <c r="E34169" t="s">
        <v>21139</v>
      </c>
      <c r="F34169" t="s">
        <v>21140</v>
      </c>
      <c r="G34169" t="s">
        <v>20255</v>
      </c>
      <c r="H34169" t="s">
        <v>20256</v>
      </c>
      <c r="I34169" s="2">
        <v>1</v>
      </c>
      <c r="J34169" s="2">
        <v>0</v>
      </c>
      <c r="K34169" s="2">
        <v>0</v>
      </c>
      <c r="L34169" t="s">
        <v>120</v>
      </c>
      <c r="M34169" t="s">
        <v>83</v>
      </c>
      <c r="N34169" t="s">
        <v>91</v>
      </c>
      <c r="O34169" t="s">
        <v>85</v>
      </c>
      <c r="P34169" t="s">
        <v>86</v>
      </c>
      <c r="Q34169">
        <v>31</v>
      </c>
      <c r="R34169">
        <v>32</v>
      </c>
      <c r="S34169">
        <v>32</v>
      </c>
      <c r="T34169">
        <v>33</v>
      </c>
      <c r="U34169">
        <v>34</v>
      </c>
      <c r="V34169">
        <v>34</v>
      </c>
      <c r="W34169">
        <v>35</v>
      </c>
      <c r="X34169">
        <v>36</v>
      </c>
      <c r="Y34169">
        <v>36</v>
      </c>
      <c r="Z34169">
        <v>37</v>
      </c>
      <c r="AA34169">
        <v>38</v>
      </c>
      <c r="AB34169">
        <v>38</v>
      </c>
      <c r="AC34169">
        <v>39</v>
      </c>
      <c r="AD34169">
        <v>40</v>
      </c>
      <c r="AE34169">
        <v>40</v>
      </c>
      <c r="AF34169">
        <v>41</v>
      </c>
      <c r="AG34169">
        <v>42</v>
      </c>
      <c r="AH34169">
        <v>42</v>
      </c>
      <c r="AI34169">
        <v>43</v>
      </c>
      <c r="AJ34169">
        <v>44</v>
      </c>
      <c r="AK34169">
        <v>45</v>
      </c>
      <c r="AL34169">
        <v>45</v>
      </c>
      <c r="AM34169">
        <v>45</v>
      </c>
      <c r="AN34169">
        <v>46</v>
      </c>
      <c r="AO34169">
        <v>46</v>
      </c>
      <c r="AP34169">
        <v>46</v>
      </c>
      <c r="AQ34169">
        <v>47</v>
      </c>
    </row>
    <row r="34170" spans="1:43">
      <c r="A34170" t="s">
        <v>21169</v>
      </c>
      <c r="B34170" t="s">
        <v>21170</v>
      </c>
      <c r="C34170" t="s">
        <v>21165</v>
      </c>
      <c r="D34170" t="s">
        <v>21166</v>
      </c>
      <c r="E34170" t="s">
        <v>21139</v>
      </c>
      <c r="F34170" t="s">
        <v>21140</v>
      </c>
      <c r="G34170" t="s">
        <v>20255</v>
      </c>
      <c r="H34170" t="s">
        <v>20256</v>
      </c>
      <c r="I34170" s="2">
        <v>1</v>
      </c>
      <c r="J34170" s="2">
        <v>0</v>
      </c>
      <c r="K34170" s="2">
        <v>0</v>
      </c>
      <c r="L34170" t="s">
        <v>120</v>
      </c>
      <c r="M34170" t="s">
        <v>83</v>
      </c>
      <c r="N34170" t="s">
        <v>84</v>
      </c>
      <c r="O34170" t="s">
        <v>85</v>
      </c>
      <c r="P34170" t="s">
        <v>86</v>
      </c>
      <c r="Q34170">
        <v>18</v>
      </c>
      <c r="R34170">
        <v>18</v>
      </c>
      <c r="S34170">
        <v>19</v>
      </c>
      <c r="T34170">
        <v>19</v>
      </c>
      <c r="U34170">
        <v>19</v>
      </c>
      <c r="V34170">
        <v>20</v>
      </c>
      <c r="W34170">
        <v>20</v>
      </c>
      <c r="X34170">
        <v>21</v>
      </c>
      <c r="Y34170">
        <v>21</v>
      </c>
      <c r="Z34170">
        <v>21</v>
      </c>
      <c r="AA34170">
        <v>22</v>
      </c>
      <c r="AB34170">
        <v>22</v>
      </c>
      <c r="AC34170">
        <v>23</v>
      </c>
      <c r="AD34170">
        <v>23</v>
      </c>
      <c r="AE34170">
        <v>23</v>
      </c>
      <c r="AF34170">
        <v>24</v>
      </c>
      <c r="AG34170">
        <v>24</v>
      </c>
      <c r="AH34170">
        <v>24</v>
      </c>
      <c r="AI34170">
        <v>25</v>
      </c>
      <c r="AJ34170">
        <v>25</v>
      </c>
      <c r="AK34170">
        <v>26</v>
      </c>
      <c r="AL34170">
        <v>26</v>
      </c>
      <c r="AM34170">
        <v>26</v>
      </c>
      <c r="AN34170">
        <v>26</v>
      </c>
      <c r="AO34170">
        <v>26</v>
      </c>
      <c r="AP34170">
        <v>27</v>
      </c>
      <c r="AQ34170">
        <v>27</v>
      </c>
    </row>
    <row r="34171" spans="1:43">
      <c r="A34171" t="s">
        <v>21169</v>
      </c>
      <c r="B34171" t="s">
        <v>21170</v>
      </c>
      <c r="C34171" t="s">
        <v>21165</v>
      </c>
      <c r="D34171" t="s">
        <v>21166</v>
      </c>
      <c r="E34171" t="s">
        <v>21139</v>
      </c>
      <c r="F34171" t="s">
        <v>21140</v>
      </c>
      <c r="G34171" t="s">
        <v>20255</v>
      </c>
      <c r="H34171" t="s">
        <v>20256</v>
      </c>
      <c r="I34171" s="2">
        <v>1</v>
      </c>
      <c r="J34171" s="2">
        <v>0</v>
      </c>
      <c r="K34171" s="2">
        <v>0</v>
      </c>
      <c r="L34171" t="s">
        <v>120</v>
      </c>
      <c r="M34171" t="s">
        <v>87</v>
      </c>
      <c r="N34171" t="s">
        <v>88</v>
      </c>
      <c r="O34171" t="s">
        <v>85</v>
      </c>
      <c r="P34171" t="s">
        <v>86</v>
      </c>
      <c r="Q34171">
        <v>18</v>
      </c>
      <c r="R34171">
        <v>18</v>
      </c>
      <c r="S34171">
        <v>18</v>
      </c>
      <c r="T34171">
        <v>18</v>
      </c>
      <c r="U34171">
        <v>19</v>
      </c>
      <c r="V34171">
        <v>19</v>
      </c>
      <c r="W34171">
        <v>19</v>
      </c>
      <c r="X34171">
        <v>19</v>
      </c>
      <c r="Y34171">
        <v>19</v>
      </c>
      <c r="Z34171">
        <v>20</v>
      </c>
      <c r="AA34171">
        <v>20</v>
      </c>
      <c r="AB34171">
        <v>20</v>
      </c>
      <c r="AC34171">
        <v>20</v>
      </c>
      <c r="AD34171">
        <v>21</v>
      </c>
      <c r="AE34171">
        <v>21</v>
      </c>
      <c r="AF34171">
        <v>21</v>
      </c>
      <c r="AG34171">
        <v>21</v>
      </c>
      <c r="AH34171">
        <v>21</v>
      </c>
      <c r="AI34171">
        <v>22</v>
      </c>
      <c r="AJ34171">
        <v>22</v>
      </c>
      <c r="AK34171">
        <v>22</v>
      </c>
      <c r="AL34171">
        <v>22</v>
      </c>
      <c r="AM34171">
        <v>23</v>
      </c>
      <c r="AN34171">
        <v>23</v>
      </c>
      <c r="AO34171">
        <v>23</v>
      </c>
      <c r="AP34171">
        <v>23</v>
      </c>
      <c r="AQ34171">
        <v>23</v>
      </c>
    </row>
    <row r="34172" spans="1:43">
      <c r="A34172" t="s">
        <v>21169</v>
      </c>
      <c r="B34172" t="s">
        <v>21170</v>
      </c>
      <c r="C34172" t="s">
        <v>21165</v>
      </c>
      <c r="D34172" t="s">
        <v>21166</v>
      </c>
      <c r="E34172" t="s">
        <v>21139</v>
      </c>
      <c r="F34172" t="s">
        <v>21140</v>
      </c>
      <c r="G34172" t="s">
        <v>20255</v>
      </c>
      <c r="H34172" t="s">
        <v>20256</v>
      </c>
      <c r="I34172" s="2">
        <v>1</v>
      </c>
      <c r="J34172" s="2">
        <v>0</v>
      </c>
      <c r="K34172" s="2">
        <v>0</v>
      </c>
      <c r="L34172" t="s">
        <v>120</v>
      </c>
      <c r="M34172" t="s">
        <v>89</v>
      </c>
      <c r="N34172" t="s">
        <v>90</v>
      </c>
      <c r="O34172" t="s">
        <v>85</v>
      </c>
      <c r="P34172" t="s">
        <v>86</v>
      </c>
      <c r="Q34172">
        <v>18</v>
      </c>
      <c r="R34172">
        <v>19</v>
      </c>
      <c r="S34172">
        <v>19</v>
      </c>
      <c r="T34172">
        <v>20</v>
      </c>
      <c r="U34172">
        <v>20</v>
      </c>
      <c r="V34172">
        <v>21</v>
      </c>
      <c r="W34172">
        <v>21</v>
      </c>
      <c r="X34172">
        <v>22</v>
      </c>
      <c r="Y34172">
        <v>22</v>
      </c>
      <c r="Z34172">
        <v>23</v>
      </c>
      <c r="AA34172">
        <v>23</v>
      </c>
      <c r="AB34172">
        <v>24</v>
      </c>
      <c r="AC34172">
        <v>24</v>
      </c>
      <c r="AD34172">
        <v>24</v>
      </c>
      <c r="AE34172">
        <v>25</v>
      </c>
      <c r="AF34172">
        <v>25</v>
      </c>
      <c r="AG34172">
        <v>25</v>
      </c>
      <c r="AH34172">
        <v>25</v>
      </c>
      <c r="AI34172">
        <v>26</v>
      </c>
      <c r="AJ34172">
        <v>26</v>
      </c>
      <c r="AK34172">
        <v>26</v>
      </c>
      <c r="AL34172">
        <v>26</v>
      </c>
      <c r="AM34172">
        <v>26</v>
      </c>
      <c r="AN34172">
        <v>27</v>
      </c>
      <c r="AO34172">
        <v>27</v>
      </c>
      <c r="AP34172">
        <v>27</v>
      </c>
      <c r="AQ34172">
        <v>27</v>
      </c>
    </row>
    <row r="34173" spans="1:43">
      <c r="A34173" t="s">
        <v>21169</v>
      </c>
      <c r="B34173" t="s">
        <v>21170</v>
      </c>
      <c r="C34173" t="s">
        <v>21165</v>
      </c>
      <c r="D34173" t="s">
        <v>21166</v>
      </c>
      <c r="E34173" t="s">
        <v>21139</v>
      </c>
      <c r="F34173" t="s">
        <v>21140</v>
      </c>
      <c r="G34173" t="s">
        <v>20255</v>
      </c>
      <c r="H34173" t="s">
        <v>20256</v>
      </c>
      <c r="I34173" s="2">
        <v>1</v>
      </c>
      <c r="J34173" s="2">
        <v>0</v>
      </c>
      <c r="K34173" s="2">
        <v>0</v>
      </c>
      <c r="L34173" t="s">
        <v>120</v>
      </c>
      <c r="M34173" t="s">
        <v>83</v>
      </c>
      <c r="N34173" t="s">
        <v>91</v>
      </c>
      <c r="O34173" t="s">
        <v>85</v>
      </c>
      <c r="P34173" t="s">
        <v>86</v>
      </c>
      <c r="Q34173">
        <v>18</v>
      </c>
      <c r="R34173">
        <v>18</v>
      </c>
      <c r="S34173">
        <v>19</v>
      </c>
      <c r="T34173">
        <v>19</v>
      </c>
      <c r="U34173">
        <v>19</v>
      </c>
      <c r="V34173">
        <v>20</v>
      </c>
      <c r="W34173">
        <v>20</v>
      </c>
      <c r="X34173">
        <v>21</v>
      </c>
      <c r="Y34173">
        <v>21</v>
      </c>
      <c r="Z34173">
        <v>21</v>
      </c>
      <c r="AA34173">
        <v>22</v>
      </c>
      <c r="AB34173">
        <v>22</v>
      </c>
      <c r="AC34173">
        <v>23</v>
      </c>
      <c r="AD34173">
        <v>23</v>
      </c>
      <c r="AE34173">
        <v>23</v>
      </c>
      <c r="AF34173">
        <v>24</v>
      </c>
      <c r="AG34173">
        <v>24</v>
      </c>
      <c r="AH34173">
        <v>24</v>
      </c>
      <c r="AI34173">
        <v>25</v>
      </c>
      <c r="AJ34173">
        <v>25</v>
      </c>
      <c r="AK34173">
        <v>26</v>
      </c>
      <c r="AL34173">
        <v>26</v>
      </c>
      <c r="AM34173">
        <v>26</v>
      </c>
      <c r="AN34173">
        <v>26</v>
      </c>
      <c r="AO34173">
        <v>26</v>
      </c>
      <c r="AP34173">
        <v>27</v>
      </c>
      <c r="AQ34173">
        <v>27</v>
      </c>
    </row>
    <row r="34174" spans="1:43">
      <c r="A34174" t="s">
        <v>21171</v>
      </c>
      <c r="B34174" t="s">
        <v>21172</v>
      </c>
      <c r="C34174" t="s">
        <v>21165</v>
      </c>
      <c r="D34174" t="s">
        <v>21166</v>
      </c>
      <c r="E34174" t="s">
        <v>21139</v>
      </c>
      <c r="F34174" t="s">
        <v>21140</v>
      </c>
      <c r="G34174" t="s">
        <v>20255</v>
      </c>
      <c r="H34174" t="s">
        <v>20256</v>
      </c>
      <c r="I34174" s="2">
        <v>1</v>
      </c>
      <c r="J34174" s="2">
        <v>0</v>
      </c>
      <c r="K34174" s="2">
        <v>0</v>
      </c>
      <c r="L34174" t="s">
        <v>120</v>
      </c>
      <c r="M34174" t="s">
        <v>83</v>
      </c>
      <c r="N34174" t="s">
        <v>84</v>
      </c>
      <c r="O34174" t="s">
        <v>85</v>
      </c>
      <c r="P34174" t="s">
        <v>86</v>
      </c>
      <c r="Q34174">
        <v>10</v>
      </c>
      <c r="R34174">
        <v>10</v>
      </c>
      <c r="S34174">
        <v>11</v>
      </c>
      <c r="T34174">
        <v>11</v>
      </c>
      <c r="U34174">
        <v>11</v>
      </c>
      <c r="V34174">
        <v>11</v>
      </c>
      <c r="W34174">
        <v>11</v>
      </c>
      <c r="X34174">
        <v>12</v>
      </c>
      <c r="Y34174">
        <v>12</v>
      </c>
      <c r="Z34174">
        <v>12</v>
      </c>
      <c r="AA34174">
        <v>12</v>
      </c>
      <c r="AB34174">
        <v>13</v>
      </c>
      <c r="AC34174">
        <v>13</v>
      </c>
      <c r="AD34174">
        <v>13</v>
      </c>
      <c r="AE34174">
        <v>13</v>
      </c>
      <c r="AF34174">
        <v>14</v>
      </c>
      <c r="AG34174">
        <v>14</v>
      </c>
      <c r="AH34174">
        <v>14</v>
      </c>
      <c r="AI34174">
        <v>14</v>
      </c>
      <c r="AJ34174">
        <v>14</v>
      </c>
      <c r="AK34174">
        <v>15</v>
      </c>
      <c r="AL34174">
        <v>15</v>
      </c>
      <c r="AM34174">
        <v>15</v>
      </c>
      <c r="AN34174">
        <v>15</v>
      </c>
      <c r="AO34174">
        <v>15</v>
      </c>
      <c r="AP34174">
        <v>15</v>
      </c>
      <c r="AQ34174">
        <v>15</v>
      </c>
    </row>
    <row r="34175" spans="1:43">
      <c r="A34175" t="s">
        <v>21171</v>
      </c>
      <c r="B34175" t="s">
        <v>21172</v>
      </c>
      <c r="C34175" t="s">
        <v>21165</v>
      </c>
      <c r="D34175" t="s">
        <v>21166</v>
      </c>
      <c r="E34175" t="s">
        <v>21139</v>
      </c>
      <c r="F34175" t="s">
        <v>21140</v>
      </c>
      <c r="G34175" t="s">
        <v>20255</v>
      </c>
      <c r="H34175" t="s">
        <v>20256</v>
      </c>
      <c r="I34175" s="2">
        <v>1</v>
      </c>
      <c r="J34175" s="2">
        <v>0</v>
      </c>
      <c r="K34175" s="2">
        <v>0</v>
      </c>
      <c r="L34175" t="s">
        <v>120</v>
      </c>
      <c r="M34175" t="s">
        <v>87</v>
      </c>
      <c r="N34175" t="s">
        <v>88</v>
      </c>
      <c r="O34175" t="s">
        <v>85</v>
      </c>
      <c r="P34175" t="s">
        <v>86</v>
      </c>
      <c r="Q34175">
        <v>10</v>
      </c>
      <c r="R34175">
        <v>10</v>
      </c>
      <c r="S34175">
        <v>10</v>
      </c>
      <c r="T34175">
        <v>10</v>
      </c>
      <c r="U34175">
        <v>11</v>
      </c>
      <c r="V34175">
        <v>11</v>
      </c>
      <c r="W34175">
        <v>11</v>
      </c>
      <c r="X34175">
        <v>11</v>
      </c>
      <c r="Y34175">
        <v>11</v>
      </c>
      <c r="Z34175">
        <v>11</v>
      </c>
      <c r="AA34175">
        <v>11</v>
      </c>
      <c r="AB34175">
        <v>11</v>
      </c>
      <c r="AC34175">
        <v>12</v>
      </c>
      <c r="AD34175">
        <v>12</v>
      </c>
      <c r="AE34175">
        <v>12</v>
      </c>
      <c r="AF34175">
        <v>12</v>
      </c>
      <c r="AG34175">
        <v>12</v>
      </c>
      <c r="AH34175">
        <v>12</v>
      </c>
      <c r="AI34175">
        <v>12</v>
      </c>
      <c r="AJ34175">
        <v>12</v>
      </c>
      <c r="AK34175">
        <v>13</v>
      </c>
      <c r="AL34175">
        <v>13</v>
      </c>
      <c r="AM34175">
        <v>13</v>
      </c>
      <c r="AN34175">
        <v>13</v>
      </c>
      <c r="AO34175">
        <v>13</v>
      </c>
      <c r="AP34175">
        <v>13</v>
      </c>
      <c r="AQ34175">
        <v>13</v>
      </c>
    </row>
    <row r="34176" spans="1:43">
      <c r="A34176" t="s">
        <v>21171</v>
      </c>
      <c r="B34176" t="s">
        <v>21172</v>
      </c>
      <c r="C34176" t="s">
        <v>21165</v>
      </c>
      <c r="D34176" t="s">
        <v>21166</v>
      </c>
      <c r="E34176" t="s">
        <v>21139</v>
      </c>
      <c r="F34176" t="s">
        <v>21140</v>
      </c>
      <c r="G34176" t="s">
        <v>20255</v>
      </c>
      <c r="H34176" t="s">
        <v>20256</v>
      </c>
      <c r="I34176" s="2">
        <v>1</v>
      </c>
      <c r="J34176" s="2">
        <v>0</v>
      </c>
      <c r="K34176" s="2">
        <v>0</v>
      </c>
      <c r="L34176" t="s">
        <v>120</v>
      </c>
      <c r="M34176" t="s">
        <v>89</v>
      </c>
      <c r="N34176" t="s">
        <v>90</v>
      </c>
      <c r="O34176" t="s">
        <v>85</v>
      </c>
      <c r="P34176" t="s">
        <v>86</v>
      </c>
      <c r="Q34176">
        <v>10</v>
      </c>
      <c r="R34176">
        <v>11</v>
      </c>
      <c r="S34176">
        <v>11</v>
      </c>
      <c r="T34176">
        <v>11</v>
      </c>
      <c r="U34176">
        <v>11</v>
      </c>
      <c r="V34176">
        <v>12</v>
      </c>
      <c r="W34176">
        <v>12</v>
      </c>
      <c r="X34176">
        <v>12</v>
      </c>
      <c r="Y34176">
        <v>13</v>
      </c>
      <c r="Z34176">
        <v>13</v>
      </c>
      <c r="AA34176">
        <v>13</v>
      </c>
      <c r="AB34176">
        <v>13</v>
      </c>
      <c r="AC34176">
        <v>14</v>
      </c>
      <c r="AD34176">
        <v>14</v>
      </c>
      <c r="AE34176">
        <v>14</v>
      </c>
      <c r="AF34176">
        <v>14</v>
      </c>
      <c r="AG34176">
        <v>14</v>
      </c>
      <c r="AH34176">
        <v>15</v>
      </c>
      <c r="AI34176">
        <v>15</v>
      </c>
      <c r="AJ34176">
        <v>15</v>
      </c>
      <c r="AK34176">
        <v>15</v>
      </c>
      <c r="AL34176">
        <v>15</v>
      </c>
      <c r="AM34176">
        <v>15</v>
      </c>
      <c r="AN34176">
        <v>15</v>
      </c>
      <c r="AO34176">
        <v>15</v>
      </c>
      <c r="AP34176">
        <v>15</v>
      </c>
      <c r="AQ34176">
        <v>15</v>
      </c>
    </row>
    <row r="34177" spans="1:43">
      <c r="A34177" t="s">
        <v>21171</v>
      </c>
      <c r="B34177" t="s">
        <v>21172</v>
      </c>
      <c r="C34177" t="s">
        <v>21165</v>
      </c>
      <c r="D34177" t="s">
        <v>21166</v>
      </c>
      <c r="E34177" t="s">
        <v>21139</v>
      </c>
      <c r="F34177" t="s">
        <v>21140</v>
      </c>
      <c r="G34177" t="s">
        <v>20255</v>
      </c>
      <c r="H34177" t="s">
        <v>20256</v>
      </c>
      <c r="I34177" s="2">
        <v>1</v>
      </c>
      <c r="J34177" s="2">
        <v>0</v>
      </c>
      <c r="K34177" s="2">
        <v>0</v>
      </c>
      <c r="L34177" t="s">
        <v>120</v>
      </c>
      <c r="M34177" t="s">
        <v>83</v>
      </c>
      <c r="N34177" t="s">
        <v>91</v>
      </c>
      <c r="O34177" t="s">
        <v>85</v>
      </c>
      <c r="P34177" t="s">
        <v>86</v>
      </c>
      <c r="Q34177">
        <v>10</v>
      </c>
      <c r="R34177">
        <v>10</v>
      </c>
      <c r="S34177">
        <v>11</v>
      </c>
      <c r="T34177">
        <v>11</v>
      </c>
      <c r="U34177">
        <v>11</v>
      </c>
      <c r="V34177">
        <v>11</v>
      </c>
      <c r="W34177">
        <v>11</v>
      </c>
      <c r="X34177">
        <v>12</v>
      </c>
      <c r="Y34177">
        <v>12</v>
      </c>
      <c r="Z34177">
        <v>12</v>
      </c>
      <c r="AA34177">
        <v>12</v>
      </c>
      <c r="AB34177">
        <v>13</v>
      </c>
      <c r="AC34177">
        <v>13</v>
      </c>
      <c r="AD34177">
        <v>13</v>
      </c>
      <c r="AE34177">
        <v>13</v>
      </c>
      <c r="AF34177">
        <v>14</v>
      </c>
      <c r="AG34177">
        <v>14</v>
      </c>
      <c r="AH34177">
        <v>14</v>
      </c>
      <c r="AI34177">
        <v>14</v>
      </c>
      <c r="AJ34177">
        <v>14</v>
      </c>
      <c r="AK34177">
        <v>15</v>
      </c>
      <c r="AL34177">
        <v>15</v>
      </c>
      <c r="AM34177">
        <v>15</v>
      </c>
      <c r="AN34177">
        <v>15</v>
      </c>
      <c r="AO34177">
        <v>15</v>
      </c>
      <c r="AP34177">
        <v>15</v>
      </c>
      <c r="AQ34177">
        <v>15</v>
      </c>
    </row>
    <row r="34178" spans="1:43">
      <c r="A34178" t="s">
        <v>21173</v>
      </c>
      <c r="B34178" t="s">
        <v>21174</v>
      </c>
      <c r="C34178" t="s">
        <v>21165</v>
      </c>
      <c r="D34178" t="s">
        <v>21166</v>
      </c>
      <c r="E34178" t="s">
        <v>21139</v>
      </c>
      <c r="F34178" t="s">
        <v>21140</v>
      </c>
      <c r="G34178" t="s">
        <v>20255</v>
      </c>
      <c r="H34178" t="s">
        <v>20256</v>
      </c>
      <c r="I34178" s="2">
        <v>1</v>
      </c>
      <c r="J34178" s="2">
        <v>0</v>
      </c>
      <c r="K34178" s="2">
        <v>0</v>
      </c>
      <c r="L34178" t="s">
        <v>120</v>
      </c>
      <c r="M34178" t="s">
        <v>83</v>
      </c>
      <c r="N34178" t="s">
        <v>84</v>
      </c>
      <c r="O34178" t="s">
        <v>85</v>
      </c>
      <c r="P34178" t="s">
        <v>86</v>
      </c>
      <c r="Q34178">
        <v>2</v>
      </c>
      <c r="R34178">
        <v>2</v>
      </c>
      <c r="S34178">
        <v>2</v>
      </c>
      <c r="T34178">
        <v>2</v>
      </c>
      <c r="U34178">
        <v>2</v>
      </c>
      <c r="V34178">
        <v>2</v>
      </c>
      <c r="W34178">
        <v>3</v>
      </c>
      <c r="X34178">
        <v>3</v>
      </c>
      <c r="Y34178">
        <v>3</v>
      </c>
      <c r="Z34178">
        <v>3</v>
      </c>
      <c r="AA34178">
        <v>3</v>
      </c>
      <c r="AB34178">
        <v>3</v>
      </c>
      <c r="AC34178">
        <v>3</v>
      </c>
      <c r="AD34178">
        <v>3</v>
      </c>
      <c r="AE34178">
        <v>3</v>
      </c>
      <c r="AF34178">
        <v>3</v>
      </c>
      <c r="AG34178">
        <v>3</v>
      </c>
      <c r="AH34178">
        <v>3</v>
      </c>
      <c r="AI34178">
        <v>3</v>
      </c>
      <c r="AJ34178">
        <v>3</v>
      </c>
      <c r="AK34178">
        <v>3</v>
      </c>
      <c r="AL34178">
        <v>3</v>
      </c>
      <c r="AM34178">
        <v>3</v>
      </c>
      <c r="AN34178">
        <v>3</v>
      </c>
      <c r="AO34178">
        <v>3</v>
      </c>
      <c r="AP34178">
        <v>3</v>
      </c>
      <c r="AQ34178">
        <v>3</v>
      </c>
    </row>
    <row r="34179" spans="1:43">
      <c r="A34179" t="s">
        <v>21173</v>
      </c>
      <c r="B34179" t="s">
        <v>21174</v>
      </c>
      <c r="C34179" t="s">
        <v>21165</v>
      </c>
      <c r="D34179" t="s">
        <v>21166</v>
      </c>
      <c r="E34179" t="s">
        <v>21139</v>
      </c>
      <c r="F34179" t="s">
        <v>21140</v>
      </c>
      <c r="G34179" t="s">
        <v>20255</v>
      </c>
      <c r="H34179" t="s">
        <v>20256</v>
      </c>
      <c r="I34179" s="2">
        <v>1</v>
      </c>
      <c r="J34179" s="2">
        <v>0</v>
      </c>
      <c r="K34179" s="2">
        <v>0</v>
      </c>
      <c r="L34179" t="s">
        <v>120</v>
      </c>
      <c r="M34179" t="s">
        <v>87</v>
      </c>
      <c r="N34179" t="s">
        <v>88</v>
      </c>
      <c r="O34179" t="s">
        <v>85</v>
      </c>
      <c r="P34179" t="s">
        <v>86</v>
      </c>
      <c r="Q34179">
        <v>2</v>
      </c>
      <c r="R34179">
        <v>2</v>
      </c>
      <c r="S34179">
        <v>2</v>
      </c>
      <c r="T34179">
        <v>2</v>
      </c>
      <c r="U34179">
        <v>2</v>
      </c>
      <c r="V34179">
        <v>2</v>
      </c>
      <c r="W34179">
        <v>2</v>
      </c>
      <c r="X34179">
        <v>2</v>
      </c>
      <c r="Y34179">
        <v>2</v>
      </c>
      <c r="Z34179">
        <v>2</v>
      </c>
      <c r="AA34179">
        <v>2</v>
      </c>
      <c r="AB34179">
        <v>2</v>
      </c>
      <c r="AC34179">
        <v>3</v>
      </c>
      <c r="AD34179">
        <v>3</v>
      </c>
      <c r="AE34179">
        <v>3</v>
      </c>
      <c r="AF34179">
        <v>3</v>
      </c>
      <c r="AG34179">
        <v>3</v>
      </c>
      <c r="AH34179">
        <v>3</v>
      </c>
      <c r="AI34179">
        <v>3</v>
      </c>
      <c r="AJ34179">
        <v>3</v>
      </c>
      <c r="AK34179">
        <v>3</v>
      </c>
      <c r="AL34179">
        <v>3</v>
      </c>
      <c r="AM34179">
        <v>3</v>
      </c>
      <c r="AN34179">
        <v>3</v>
      </c>
      <c r="AO34179">
        <v>3</v>
      </c>
      <c r="AP34179">
        <v>3</v>
      </c>
      <c r="AQ34179">
        <v>3</v>
      </c>
    </row>
    <row r="34180" spans="1:43">
      <c r="A34180" t="s">
        <v>21173</v>
      </c>
      <c r="B34180" t="s">
        <v>21174</v>
      </c>
      <c r="C34180" t="s">
        <v>21165</v>
      </c>
      <c r="D34180" t="s">
        <v>21166</v>
      </c>
      <c r="E34180" t="s">
        <v>21139</v>
      </c>
      <c r="F34180" t="s">
        <v>21140</v>
      </c>
      <c r="G34180" t="s">
        <v>20255</v>
      </c>
      <c r="H34180" t="s">
        <v>20256</v>
      </c>
      <c r="I34180" s="2">
        <v>1</v>
      </c>
      <c r="J34180" s="2">
        <v>0</v>
      </c>
      <c r="K34180" s="2">
        <v>0</v>
      </c>
      <c r="L34180" t="s">
        <v>120</v>
      </c>
      <c r="M34180" t="s">
        <v>89</v>
      </c>
      <c r="N34180" t="s">
        <v>90</v>
      </c>
      <c r="O34180" t="s">
        <v>85</v>
      </c>
      <c r="P34180" t="s">
        <v>86</v>
      </c>
      <c r="Q34180">
        <v>2</v>
      </c>
      <c r="R34180">
        <v>2</v>
      </c>
      <c r="S34180">
        <v>2</v>
      </c>
      <c r="T34180">
        <v>2</v>
      </c>
      <c r="U34180">
        <v>3</v>
      </c>
      <c r="V34180">
        <v>3</v>
      </c>
      <c r="W34180">
        <v>3</v>
      </c>
      <c r="X34180">
        <v>3</v>
      </c>
      <c r="Y34180">
        <v>3</v>
      </c>
      <c r="Z34180">
        <v>3</v>
      </c>
      <c r="AA34180">
        <v>3</v>
      </c>
      <c r="AB34180">
        <v>3</v>
      </c>
      <c r="AC34180">
        <v>3</v>
      </c>
      <c r="AD34180">
        <v>3</v>
      </c>
      <c r="AE34180">
        <v>3</v>
      </c>
      <c r="AF34180">
        <v>3</v>
      </c>
      <c r="AG34180">
        <v>3</v>
      </c>
      <c r="AH34180">
        <v>3</v>
      </c>
      <c r="AI34180">
        <v>3</v>
      </c>
      <c r="AJ34180">
        <v>3</v>
      </c>
      <c r="AK34180">
        <v>3</v>
      </c>
      <c r="AL34180">
        <v>3</v>
      </c>
      <c r="AM34180">
        <v>3</v>
      </c>
      <c r="AN34180">
        <v>3</v>
      </c>
      <c r="AO34180">
        <v>3</v>
      </c>
      <c r="AP34180">
        <v>3</v>
      </c>
      <c r="AQ34180">
        <v>3</v>
      </c>
    </row>
    <row r="34181" spans="1:43">
      <c r="A34181" t="s">
        <v>21173</v>
      </c>
      <c r="B34181" t="s">
        <v>21174</v>
      </c>
      <c r="C34181" t="s">
        <v>21165</v>
      </c>
      <c r="D34181" t="s">
        <v>21166</v>
      </c>
      <c r="E34181" t="s">
        <v>21139</v>
      </c>
      <c r="F34181" t="s">
        <v>21140</v>
      </c>
      <c r="G34181" t="s">
        <v>20255</v>
      </c>
      <c r="H34181" t="s">
        <v>20256</v>
      </c>
      <c r="I34181" s="2">
        <v>1</v>
      </c>
      <c r="J34181" s="2">
        <v>0</v>
      </c>
      <c r="K34181" s="2">
        <v>0</v>
      </c>
      <c r="L34181" t="s">
        <v>120</v>
      </c>
      <c r="M34181" t="s">
        <v>83</v>
      </c>
      <c r="N34181" t="s">
        <v>91</v>
      </c>
      <c r="O34181" t="s">
        <v>85</v>
      </c>
      <c r="P34181" t="s">
        <v>86</v>
      </c>
      <c r="Q34181">
        <v>2</v>
      </c>
      <c r="R34181">
        <v>2</v>
      </c>
      <c r="S34181">
        <v>2</v>
      </c>
      <c r="T34181">
        <v>2</v>
      </c>
      <c r="U34181">
        <v>2</v>
      </c>
      <c r="V34181">
        <v>2</v>
      </c>
      <c r="W34181">
        <v>3</v>
      </c>
      <c r="X34181">
        <v>3</v>
      </c>
      <c r="Y34181">
        <v>3</v>
      </c>
      <c r="Z34181">
        <v>3</v>
      </c>
      <c r="AA34181">
        <v>3</v>
      </c>
      <c r="AB34181">
        <v>3</v>
      </c>
      <c r="AC34181">
        <v>3</v>
      </c>
      <c r="AD34181">
        <v>3</v>
      </c>
      <c r="AE34181">
        <v>3</v>
      </c>
      <c r="AF34181">
        <v>3</v>
      </c>
      <c r="AG34181">
        <v>3</v>
      </c>
      <c r="AH34181">
        <v>3</v>
      </c>
      <c r="AI34181">
        <v>3</v>
      </c>
      <c r="AJ34181">
        <v>3</v>
      </c>
      <c r="AK34181">
        <v>3</v>
      </c>
      <c r="AL34181">
        <v>3</v>
      </c>
      <c r="AM34181">
        <v>3</v>
      </c>
      <c r="AN34181">
        <v>3</v>
      </c>
      <c r="AO34181">
        <v>3</v>
      </c>
      <c r="AP34181">
        <v>3</v>
      </c>
      <c r="AQ34181">
        <v>3</v>
      </c>
    </row>
    <row r="34182" spans="1:43">
      <c r="A34182" t="s">
        <v>21175</v>
      </c>
      <c r="B34182" t="s">
        <v>21176</v>
      </c>
      <c r="C34182" t="s">
        <v>21165</v>
      </c>
      <c r="D34182" t="s">
        <v>21166</v>
      </c>
      <c r="E34182" t="s">
        <v>21139</v>
      </c>
      <c r="F34182" t="s">
        <v>21140</v>
      </c>
      <c r="G34182" t="s">
        <v>20255</v>
      </c>
      <c r="H34182" t="s">
        <v>20256</v>
      </c>
      <c r="I34182" s="2">
        <v>1</v>
      </c>
      <c r="J34182" s="2">
        <v>0</v>
      </c>
      <c r="K34182" s="2">
        <v>0</v>
      </c>
      <c r="L34182" t="s">
        <v>120</v>
      </c>
      <c r="M34182" t="s">
        <v>83</v>
      </c>
      <c r="N34182" t="s">
        <v>84</v>
      </c>
      <c r="O34182" t="s">
        <v>85</v>
      </c>
      <c r="P34182" t="s">
        <v>86</v>
      </c>
      <c r="Q34182">
        <v>11</v>
      </c>
      <c r="R34182">
        <v>12</v>
      </c>
      <c r="S34182">
        <v>12</v>
      </c>
      <c r="T34182">
        <v>12</v>
      </c>
      <c r="U34182">
        <v>12</v>
      </c>
      <c r="V34182">
        <v>13</v>
      </c>
      <c r="W34182">
        <v>13</v>
      </c>
      <c r="X34182">
        <v>13</v>
      </c>
      <c r="Y34182">
        <v>13</v>
      </c>
      <c r="Z34182">
        <v>14</v>
      </c>
      <c r="AA34182">
        <v>14</v>
      </c>
      <c r="AB34182">
        <v>14</v>
      </c>
      <c r="AC34182">
        <v>14</v>
      </c>
      <c r="AD34182">
        <v>15</v>
      </c>
      <c r="AE34182">
        <v>15</v>
      </c>
      <c r="AF34182">
        <v>15</v>
      </c>
      <c r="AG34182">
        <v>15</v>
      </c>
      <c r="AH34182">
        <v>16</v>
      </c>
      <c r="AI34182">
        <v>16</v>
      </c>
      <c r="AJ34182">
        <v>16</v>
      </c>
      <c r="AK34182">
        <v>17</v>
      </c>
      <c r="AL34182">
        <v>17</v>
      </c>
      <c r="AM34182">
        <v>17</v>
      </c>
      <c r="AN34182">
        <v>17</v>
      </c>
      <c r="AO34182">
        <v>17</v>
      </c>
      <c r="AP34182">
        <v>17</v>
      </c>
      <c r="AQ34182">
        <v>17</v>
      </c>
    </row>
    <row r="34183" spans="1:43">
      <c r="A34183" t="s">
        <v>21175</v>
      </c>
      <c r="B34183" t="s">
        <v>21176</v>
      </c>
      <c r="C34183" t="s">
        <v>21165</v>
      </c>
      <c r="D34183" t="s">
        <v>21166</v>
      </c>
      <c r="E34183" t="s">
        <v>21139</v>
      </c>
      <c r="F34183" t="s">
        <v>21140</v>
      </c>
      <c r="G34183" t="s">
        <v>20255</v>
      </c>
      <c r="H34183" t="s">
        <v>20256</v>
      </c>
      <c r="I34183" s="2">
        <v>1</v>
      </c>
      <c r="J34183" s="2">
        <v>0</v>
      </c>
      <c r="K34183" s="2">
        <v>0</v>
      </c>
      <c r="L34183" t="s">
        <v>120</v>
      </c>
      <c r="M34183" t="s">
        <v>87</v>
      </c>
      <c r="N34183" t="s">
        <v>88</v>
      </c>
      <c r="O34183" t="s">
        <v>85</v>
      </c>
      <c r="P34183" t="s">
        <v>86</v>
      </c>
      <c r="Q34183">
        <v>11</v>
      </c>
      <c r="R34183">
        <v>11</v>
      </c>
      <c r="S34183">
        <v>12</v>
      </c>
      <c r="T34183">
        <v>12</v>
      </c>
      <c r="U34183">
        <v>12</v>
      </c>
      <c r="V34183">
        <v>12</v>
      </c>
      <c r="W34183">
        <v>12</v>
      </c>
      <c r="X34183">
        <v>12</v>
      </c>
      <c r="Y34183">
        <v>12</v>
      </c>
      <c r="Z34183">
        <v>13</v>
      </c>
      <c r="AA34183">
        <v>13</v>
      </c>
      <c r="AB34183">
        <v>13</v>
      </c>
      <c r="AC34183">
        <v>13</v>
      </c>
      <c r="AD34183">
        <v>13</v>
      </c>
      <c r="AE34183">
        <v>13</v>
      </c>
      <c r="AF34183">
        <v>13</v>
      </c>
      <c r="AG34183">
        <v>14</v>
      </c>
      <c r="AH34183">
        <v>14</v>
      </c>
      <c r="AI34183">
        <v>14</v>
      </c>
      <c r="AJ34183">
        <v>14</v>
      </c>
      <c r="AK34183">
        <v>14</v>
      </c>
      <c r="AL34183">
        <v>14</v>
      </c>
      <c r="AM34183">
        <v>14</v>
      </c>
      <c r="AN34183">
        <v>15</v>
      </c>
      <c r="AO34183">
        <v>15</v>
      </c>
      <c r="AP34183">
        <v>15</v>
      </c>
      <c r="AQ34183">
        <v>15</v>
      </c>
    </row>
    <row r="34184" spans="1:43">
      <c r="A34184" t="s">
        <v>21175</v>
      </c>
      <c r="B34184" t="s">
        <v>21176</v>
      </c>
      <c r="C34184" t="s">
        <v>21165</v>
      </c>
      <c r="D34184" t="s">
        <v>21166</v>
      </c>
      <c r="E34184" t="s">
        <v>21139</v>
      </c>
      <c r="F34184" t="s">
        <v>21140</v>
      </c>
      <c r="G34184" t="s">
        <v>20255</v>
      </c>
      <c r="H34184" t="s">
        <v>20256</v>
      </c>
      <c r="I34184" s="2">
        <v>1</v>
      </c>
      <c r="J34184" s="2">
        <v>0</v>
      </c>
      <c r="K34184" s="2">
        <v>0</v>
      </c>
      <c r="L34184" t="s">
        <v>120</v>
      </c>
      <c r="M34184" t="s">
        <v>89</v>
      </c>
      <c r="N34184" t="s">
        <v>90</v>
      </c>
      <c r="O34184" t="s">
        <v>85</v>
      </c>
      <c r="P34184" t="s">
        <v>86</v>
      </c>
      <c r="Q34184">
        <v>11</v>
      </c>
      <c r="R34184">
        <v>12</v>
      </c>
      <c r="S34184">
        <v>12</v>
      </c>
      <c r="T34184">
        <v>13</v>
      </c>
      <c r="U34184">
        <v>13</v>
      </c>
      <c r="V34184">
        <v>13</v>
      </c>
      <c r="W34184">
        <v>14</v>
      </c>
      <c r="X34184">
        <v>14</v>
      </c>
      <c r="Y34184">
        <v>14</v>
      </c>
      <c r="Z34184">
        <v>14</v>
      </c>
      <c r="AA34184">
        <v>15</v>
      </c>
      <c r="AB34184">
        <v>15</v>
      </c>
      <c r="AC34184">
        <v>15</v>
      </c>
      <c r="AD34184">
        <v>16</v>
      </c>
      <c r="AE34184">
        <v>16</v>
      </c>
      <c r="AF34184">
        <v>16</v>
      </c>
      <c r="AG34184">
        <v>16</v>
      </c>
      <c r="AH34184">
        <v>16</v>
      </c>
      <c r="AI34184">
        <v>16</v>
      </c>
      <c r="AJ34184">
        <v>17</v>
      </c>
      <c r="AK34184">
        <v>17</v>
      </c>
      <c r="AL34184">
        <v>17</v>
      </c>
      <c r="AM34184">
        <v>17</v>
      </c>
      <c r="AN34184">
        <v>17</v>
      </c>
      <c r="AO34184">
        <v>17</v>
      </c>
      <c r="AP34184">
        <v>17</v>
      </c>
      <c r="AQ34184">
        <v>17</v>
      </c>
    </row>
    <row r="34185" spans="1:43">
      <c r="A34185" t="s">
        <v>21175</v>
      </c>
      <c r="B34185" t="s">
        <v>21176</v>
      </c>
      <c r="C34185" t="s">
        <v>21165</v>
      </c>
      <c r="D34185" t="s">
        <v>21166</v>
      </c>
      <c r="E34185" t="s">
        <v>21139</v>
      </c>
      <c r="F34185" t="s">
        <v>21140</v>
      </c>
      <c r="G34185" t="s">
        <v>20255</v>
      </c>
      <c r="H34185" t="s">
        <v>20256</v>
      </c>
      <c r="I34185" s="2">
        <v>1</v>
      </c>
      <c r="J34185" s="2">
        <v>0</v>
      </c>
      <c r="K34185" s="2">
        <v>0</v>
      </c>
      <c r="L34185" t="s">
        <v>120</v>
      </c>
      <c r="M34185" t="s">
        <v>83</v>
      </c>
      <c r="N34185" t="s">
        <v>91</v>
      </c>
      <c r="O34185" t="s">
        <v>85</v>
      </c>
      <c r="P34185" t="s">
        <v>86</v>
      </c>
      <c r="Q34185">
        <v>11</v>
      </c>
      <c r="R34185">
        <v>12</v>
      </c>
      <c r="S34185">
        <v>12</v>
      </c>
      <c r="T34185">
        <v>12</v>
      </c>
      <c r="U34185">
        <v>12</v>
      </c>
      <c r="V34185">
        <v>13</v>
      </c>
      <c r="W34185">
        <v>13</v>
      </c>
      <c r="X34185">
        <v>13</v>
      </c>
      <c r="Y34185">
        <v>13</v>
      </c>
      <c r="Z34185">
        <v>14</v>
      </c>
      <c r="AA34185">
        <v>14</v>
      </c>
      <c r="AB34185">
        <v>14</v>
      </c>
      <c r="AC34185">
        <v>14</v>
      </c>
      <c r="AD34185">
        <v>15</v>
      </c>
      <c r="AE34185">
        <v>15</v>
      </c>
      <c r="AF34185">
        <v>15</v>
      </c>
      <c r="AG34185">
        <v>15</v>
      </c>
      <c r="AH34185">
        <v>16</v>
      </c>
      <c r="AI34185">
        <v>16</v>
      </c>
      <c r="AJ34185">
        <v>16</v>
      </c>
      <c r="AK34185">
        <v>17</v>
      </c>
      <c r="AL34185">
        <v>17</v>
      </c>
      <c r="AM34185">
        <v>17</v>
      </c>
      <c r="AN34185">
        <v>17</v>
      </c>
      <c r="AO34185">
        <v>17</v>
      </c>
      <c r="AP34185">
        <v>17</v>
      </c>
      <c r="AQ34185">
        <v>17</v>
      </c>
    </row>
    <row r="34186" spans="1:43">
      <c r="A34186" t="s">
        <v>21177</v>
      </c>
      <c r="B34186" t="s">
        <v>21178</v>
      </c>
      <c r="C34186" t="s">
        <v>21165</v>
      </c>
      <c r="D34186" t="s">
        <v>21166</v>
      </c>
      <c r="E34186" t="s">
        <v>21139</v>
      </c>
      <c r="F34186" t="s">
        <v>21140</v>
      </c>
      <c r="G34186" t="s">
        <v>20255</v>
      </c>
      <c r="H34186" t="s">
        <v>20256</v>
      </c>
      <c r="I34186" s="2">
        <v>1</v>
      </c>
      <c r="J34186" s="2">
        <v>0</v>
      </c>
      <c r="K34186" s="2">
        <v>0</v>
      </c>
      <c r="L34186" t="s">
        <v>120</v>
      </c>
      <c r="M34186" t="s">
        <v>83</v>
      </c>
      <c r="N34186" t="s">
        <v>84</v>
      </c>
      <c r="O34186" t="s">
        <v>85</v>
      </c>
      <c r="P34186" t="s">
        <v>86</v>
      </c>
      <c r="Q34186">
        <v>28</v>
      </c>
      <c r="R34186">
        <v>28</v>
      </c>
      <c r="S34186">
        <v>29</v>
      </c>
      <c r="T34186">
        <v>30</v>
      </c>
      <c r="U34186">
        <v>30</v>
      </c>
      <c r="V34186">
        <v>31</v>
      </c>
      <c r="W34186">
        <v>31</v>
      </c>
      <c r="X34186">
        <v>32</v>
      </c>
      <c r="Y34186">
        <v>33</v>
      </c>
      <c r="Z34186">
        <v>33</v>
      </c>
      <c r="AA34186">
        <v>34</v>
      </c>
      <c r="AB34186">
        <v>34</v>
      </c>
      <c r="AC34186">
        <v>35</v>
      </c>
      <c r="AD34186">
        <v>35</v>
      </c>
      <c r="AE34186">
        <v>36</v>
      </c>
      <c r="AF34186">
        <v>37</v>
      </c>
      <c r="AG34186">
        <v>37</v>
      </c>
      <c r="AH34186">
        <v>38</v>
      </c>
      <c r="AI34186">
        <v>38</v>
      </c>
      <c r="AJ34186">
        <v>39</v>
      </c>
      <c r="AK34186">
        <v>40</v>
      </c>
      <c r="AL34186">
        <v>40</v>
      </c>
      <c r="AM34186">
        <v>40</v>
      </c>
      <c r="AN34186">
        <v>41</v>
      </c>
      <c r="AO34186">
        <v>41</v>
      </c>
      <c r="AP34186">
        <v>41</v>
      </c>
      <c r="AQ34186">
        <v>41</v>
      </c>
    </row>
    <row r="34187" spans="1:43">
      <c r="A34187" t="s">
        <v>21177</v>
      </c>
      <c r="B34187" t="s">
        <v>21178</v>
      </c>
      <c r="C34187" t="s">
        <v>21165</v>
      </c>
      <c r="D34187" t="s">
        <v>21166</v>
      </c>
      <c r="E34187" t="s">
        <v>21139</v>
      </c>
      <c r="F34187" t="s">
        <v>21140</v>
      </c>
      <c r="G34187" t="s">
        <v>20255</v>
      </c>
      <c r="H34187" t="s">
        <v>20256</v>
      </c>
      <c r="I34187" s="2">
        <v>1</v>
      </c>
      <c r="J34187" s="2">
        <v>0</v>
      </c>
      <c r="K34187" s="2">
        <v>0</v>
      </c>
      <c r="L34187" t="s">
        <v>120</v>
      </c>
      <c r="M34187" t="s">
        <v>87</v>
      </c>
      <c r="N34187" t="s">
        <v>88</v>
      </c>
      <c r="O34187" t="s">
        <v>85</v>
      </c>
      <c r="P34187" t="s">
        <v>86</v>
      </c>
      <c r="Q34187">
        <v>28</v>
      </c>
      <c r="R34187">
        <v>29</v>
      </c>
      <c r="S34187">
        <v>29</v>
      </c>
      <c r="T34187">
        <v>29</v>
      </c>
      <c r="U34187">
        <v>30</v>
      </c>
      <c r="V34187">
        <v>30</v>
      </c>
      <c r="W34187">
        <v>30</v>
      </c>
      <c r="X34187">
        <v>31</v>
      </c>
      <c r="Y34187">
        <v>31</v>
      </c>
      <c r="Z34187">
        <v>31</v>
      </c>
      <c r="AA34187">
        <v>32</v>
      </c>
      <c r="AB34187">
        <v>32</v>
      </c>
      <c r="AC34187">
        <v>32</v>
      </c>
      <c r="AD34187">
        <v>33</v>
      </c>
      <c r="AE34187">
        <v>33</v>
      </c>
      <c r="AF34187">
        <v>33</v>
      </c>
      <c r="AG34187">
        <v>34</v>
      </c>
      <c r="AH34187">
        <v>34</v>
      </c>
      <c r="AI34187">
        <v>35</v>
      </c>
      <c r="AJ34187">
        <v>35</v>
      </c>
      <c r="AK34187">
        <v>35</v>
      </c>
      <c r="AL34187">
        <v>36</v>
      </c>
      <c r="AM34187">
        <v>36</v>
      </c>
      <c r="AN34187">
        <v>36</v>
      </c>
      <c r="AO34187">
        <v>37</v>
      </c>
      <c r="AP34187">
        <v>37</v>
      </c>
      <c r="AQ34187">
        <v>37</v>
      </c>
    </row>
    <row r="34188" spans="1:43">
      <c r="A34188" t="s">
        <v>21177</v>
      </c>
      <c r="B34188" t="s">
        <v>21178</v>
      </c>
      <c r="C34188" t="s">
        <v>21165</v>
      </c>
      <c r="D34188" t="s">
        <v>21166</v>
      </c>
      <c r="E34188" t="s">
        <v>21139</v>
      </c>
      <c r="F34188" t="s">
        <v>21140</v>
      </c>
      <c r="G34188" t="s">
        <v>20255</v>
      </c>
      <c r="H34188" t="s">
        <v>20256</v>
      </c>
      <c r="I34188" s="2">
        <v>1</v>
      </c>
      <c r="J34188" s="2">
        <v>0</v>
      </c>
      <c r="K34188" s="2">
        <v>0</v>
      </c>
      <c r="L34188" t="s">
        <v>120</v>
      </c>
      <c r="M34188" t="s">
        <v>89</v>
      </c>
      <c r="N34188" t="s">
        <v>90</v>
      </c>
      <c r="O34188" t="s">
        <v>85</v>
      </c>
      <c r="P34188" t="s">
        <v>86</v>
      </c>
      <c r="Q34188">
        <v>28</v>
      </c>
      <c r="R34188">
        <v>29</v>
      </c>
      <c r="S34188">
        <v>30</v>
      </c>
      <c r="T34188">
        <v>30</v>
      </c>
      <c r="U34188">
        <v>31</v>
      </c>
      <c r="V34188">
        <v>32</v>
      </c>
      <c r="W34188">
        <v>33</v>
      </c>
      <c r="X34188">
        <v>34</v>
      </c>
      <c r="Y34188">
        <v>34</v>
      </c>
      <c r="Z34188">
        <v>35</v>
      </c>
      <c r="AA34188">
        <v>36</v>
      </c>
      <c r="AB34188">
        <v>36</v>
      </c>
      <c r="AC34188">
        <v>37</v>
      </c>
      <c r="AD34188">
        <v>38</v>
      </c>
      <c r="AE34188">
        <v>38</v>
      </c>
      <c r="AF34188">
        <v>39</v>
      </c>
      <c r="AG34188">
        <v>39</v>
      </c>
      <c r="AH34188">
        <v>39</v>
      </c>
      <c r="AI34188">
        <v>40</v>
      </c>
      <c r="AJ34188">
        <v>40</v>
      </c>
      <c r="AK34188">
        <v>40</v>
      </c>
      <c r="AL34188">
        <v>41</v>
      </c>
      <c r="AM34188">
        <v>41</v>
      </c>
      <c r="AN34188">
        <v>41</v>
      </c>
      <c r="AO34188">
        <v>41</v>
      </c>
      <c r="AP34188">
        <v>42</v>
      </c>
      <c r="AQ34188">
        <v>42</v>
      </c>
    </row>
    <row r="34189" spans="1:43">
      <c r="A34189" t="s">
        <v>21177</v>
      </c>
      <c r="B34189" t="s">
        <v>21178</v>
      </c>
      <c r="C34189" t="s">
        <v>21165</v>
      </c>
      <c r="D34189" t="s">
        <v>21166</v>
      </c>
      <c r="E34189" t="s">
        <v>21139</v>
      </c>
      <c r="F34189" t="s">
        <v>21140</v>
      </c>
      <c r="G34189" t="s">
        <v>20255</v>
      </c>
      <c r="H34189" t="s">
        <v>20256</v>
      </c>
      <c r="I34189" s="2">
        <v>1</v>
      </c>
      <c r="J34189" s="2">
        <v>0</v>
      </c>
      <c r="K34189" s="2">
        <v>0</v>
      </c>
      <c r="L34189" t="s">
        <v>120</v>
      </c>
      <c r="M34189" t="s">
        <v>83</v>
      </c>
      <c r="N34189" t="s">
        <v>91</v>
      </c>
      <c r="O34189" t="s">
        <v>85</v>
      </c>
      <c r="P34189" t="s">
        <v>86</v>
      </c>
      <c r="Q34189">
        <v>28</v>
      </c>
      <c r="R34189">
        <v>28</v>
      </c>
      <c r="S34189">
        <v>29</v>
      </c>
      <c r="T34189">
        <v>30</v>
      </c>
      <c r="U34189">
        <v>30</v>
      </c>
      <c r="V34189">
        <v>31</v>
      </c>
      <c r="W34189">
        <v>31</v>
      </c>
      <c r="X34189">
        <v>32</v>
      </c>
      <c r="Y34189">
        <v>33</v>
      </c>
      <c r="Z34189">
        <v>33</v>
      </c>
      <c r="AA34189">
        <v>34</v>
      </c>
      <c r="AB34189">
        <v>34</v>
      </c>
      <c r="AC34189">
        <v>35</v>
      </c>
      <c r="AD34189">
        <v>35</v>
      </c>
      <c r="AE34189">
        <v>36</v>
      </c>
      <c r="AF34189">
        <v>37</v>
      </c>
      <c r="AG34189">
        <v>37</v>
      </c>
      <c r="AH34189">
        <v>38</v>
      </c>
      <c r="AI34189">
        <v>38</v>
      </c>
      <c r="AJ34189">
        <v>39</v>
      </c>
      <c r="AK34189">
        <v>40</v>
      </c>
      <c r="AL34189">
        <v>40</v>
      </c>
      <c r="AM34189">
        <v>40</v>
      </c>
      <c r="AN34189">
        <v>41</v>
      </c>
      <c r="AO34189">
        <v>41</v>
      </c>
      <c r="AP34189">
        <v>41</v>
      </c>
      <c r="AQ34189">
        <v>41</v>
      </c>
    </row>
    <row r="34190" spans="1:43">
      <c r="A34190" t="s">
        <v>21179</v>
      </c>
      <c r="B34190" t="s">
        <v>21180</v>
      </c>
      <c r="C34190" t="s">
        <v>21181</v>
      </c>
      <c r="D34190" t="s">
        <v>21182</v>
      </c>
      <c r="E34190" t="s">
        <v>21139</v>
      </c>
      <c r="F34190" t="s">
        <v>21140</v>
      </c>
      <c r="G34190" t="s">
        <v>20255</v>
      </c>
      <c r="H34190" t="s">
        <v>20256</v>
      </c>
      <c r="I34190" s="2">
        <v>1</v>
      </c>
      <c r="J34190" s="2">
        <v>0</v>
      </c>
      <c r="K34190" s="2">
        <v>0</v>
      </c>
      <c r="L34190" t="s">
        <v>120</v>
      </c>
      <c r="M34190" t="s">
        <v>83</v>
      </c>
      <c r="N34190" t="s">
        <v>84</v>
      </c>
      <c r="O34190" t="s">
        <v>85</v>
      </c>
      <c r="P34190" t="s">
        <v>86</v>
      </c>
      <c r="Q34190">
        <v>30</v>
      </c>
      <c r="R34190">
        <v>30</v>
      </c>
      <c r="S34190">
        <v>31</v>
      </c>
      <c r="T34190">
        <v>32</v>
      </c>
      <c r="U34190">
        <v>32</v>
      </c>
      <c r="V34190">
        <v>33</v>
      </c>
      <c r="W34190">
        <v>34</v>
      </c>
      <c r="X34190">
        <v>34</v>
      </c>
      <c r="Y34190">
        <v>35</v>
      </c>
      <c r="Z34190">
        <v>36</v>
      </c>
      <c r="AA34190">
        <v>36</v>
      </c>
      <c r="AB34190">
        <v>37</v>
      </c>
      <c r="AC34190">
        <v>38</v>
      </c>
      <c r="AD34190">
        <v>38</v>
      </c>
      <c r="AE34190">
        <v>39</v>
      </c>
      <c r="AF34190">
        <v>40</v>
      </c>
      <c r="AG34190">
        <v>40</v>
      </c>
      <c r="AH34190">
        <v>41</v>
      </c>
      <c r="AI34190">
        <v>42</v>
      </c>
      <c r="AJ34190">
        <v>43</v>
      </c>
      <c r="AK34190">
        <v>43</v>
      </c>
      <c r="AL34190">
        <v>44</v>
      </c>
      <c r="AM34190">
        <v>44</v>
      </c>
      <c r="AN34190">
        <v>44</v>
      </c>
      <c r="AO34190">
        <v>45</v>
      </c>
      <c r="AP34190">
        <v>45</v>
      </c>
      <c r="AQ34190">
        <v>45</v>
      </c>
    </row>
    <row r="34191" spans="1:43">
      <c r="A34191" t="s">
        <v>21179</v>
      </c>
      <c r="B34191" t="s">
        <v>21180</v>
      </c>
      <c r="C34191" t="s">
        <v>21181</v>
      </c>
      <c r="D34191" t="s">
        <v>21182</v>
      </c>
      <c r="E34191" t="s">
        <v>21139</v>
      </c>
      <c r="F34191" t="s">
        <v>21140</v>
      </c>
      <c r="G34191" t="s">
        <v>20255</v>
      </c>
      <c r="H34191" t="s">
        <v>20256</v>
      </c>
      <c r="I34191" s="2">
        <v>1</v>
      </c>
      <c r="J34191" s="2">
        <v>0</v>
      </c>
      <c r="K34191" s="2">
        <v>0</v>
      </c>
      <c r="L34191" t="s">
        <v>120</v>
      </c>
      <c r="M34191" t="s">
        <v>87</v>
      </c>
      <c r="N34191" t="s">
        <v>88</v>
      </c>
      <c r="O34191" t="s">
        <v>85</v>
      </c>
      <c r="P34191" t="s">
        <v>86</v>
      </c>
      <c r="Q34191">
        <v>30</v>
      </c>
      <c r="R34191">
        <v>31</v>
      </c>
      <c r="S34191">
        <v>31</v>
      </c>
      <c r="T34191">
        <v>31</v>
      </c>
      <c r="U34191">
        <v>32</v>
      </c>
      <c r="V34191">
        <v>32</v>
      </c>
      <c r="W34191">
        <v>33</v>
      </c>
      <c r="X34191">
        <v>33</v>
      </c>
      <c r="Y34191">
        <v>33</v>
      </c>
      <c r="Z34191">
        <v>34</v>
      </c>
      <c r="AA34191">
        <v>34</v>
      </c>
      <c r="AB34191">
        <v>35</v>
      </c>
      <c r="AC34191">
        <v>35</v>
      </c>
      <c r="AD34191">
        <v>35</v>
      </c>
      <c r="AE34191">
        <v>36</v>
      </c>
      <c r="AF34191">
        <v>36</v>
      </c>
      <c r="AG34191">
        <v>37</v>
      </c>
      <c r="AH34191">
        <v>37</v>
      </c>
      <c r="AI34191">
        <v>38</v>
      </c>
      <c r="AJ34191">
        <v>38</v>
      </c>
      <c r="AK34191">
        <v>38</v>
      </c>
      <c r="AL34191">
        <v>39</v>
      </c>
      <c r="AM34191">
        <v>39</v>
      </c>
      <c r="AN34191">
        <v>40</v>
      </c>
      <c r="AO34191">
        <v>40</v>
      </c>
      <c r="AP34191">
        <v>40</v>
      </c>
      <c r="AQ34191">
        <v>41</v>
      </c>
    </row>
    <row r="34192" spans="1:43">
      <c r="A34192" t="s">
        <v>21179</v>
      </c>
      <c r="B34192" t="s">
        <v>21180</v>
      </c>
      <c r="C34192" t="s">
        <v>21181</v>
      </c>
      <c r="D34192" t="s">
        <v>21182</v>
      </c>
      <c r="E34192" t="s">
        <v>21139</v>
      </c>
      <c r="F34192" t="s">
        <v>21140</v>
      </c>
      <c r="G34192" t="s">
        <v>20255</v>
      </c>
      <c r="H34192" t="s">
        <v>20256</v>
      </c>
      <c r="I34192" s="2">
        <v>1</v>
      </c>
      <c r="J34192" s="2">
        <v>0</v>
      </c>
      <c r="K34192" s="2">
        <v>0</v>
      </c>
      <c r="L34192" t="s">
        <v>120</v>
      </c>
      <c r="M34192" t="s">
        <v>89</v>
      </c>
      <c r="N34192" t="s">
        <v>90</v>
      </c>
      <c r="O34192" t="s">
        <v>85</v>
      </c>
      <c r="P34192" t="s">
        <v>86</v>
      </c>
      <c r="Q34192">
        <v>30</v>
      </c>
      <c r="R34192">
        <v>31</v>
      </c>
      <c r="S34192">
        <v>32</v>
      </c>
      <c r="T34192">
        <v>33</v>
      </c>
      <c r="U34192">
        <v>34</v>
      </c>
      <c r="V34192">
        <v>34</v>
      </c>
      <c r="W34192">
        <v>35</v>
      </c>
      <c r="X34192">
        <v>36</v>
      </c>
      <c r="Y34192">
        <v>37</v>
      </c>
      <c r="Z34192">
        <v>38</v>
      </c>
      <c r="AA34192">
        <v>39</v>
      </c>
      <c r="AB34192">
        <v>39</v>
      </c>
      <c r="AC34192">
        <v>40</v>
      </c>
      <c r="AD34192">
        <v>41</v>
      </c>
      <c r="AE34192">
        <v>42</v>
      </c>
      <c r="AF34192">
        <v>42</v>
      </c>
      <c r="AG34192">
        <v>42</v>
      </c>
      <c r="AH34192">
        <v>43</v>
      </c>
      <c r="AI34192">
        <v>43</v>
      </c>
      <c r="AJ34192">
        <v>43</v>
      </c>
      <c r="AK34192">
        <v>44</v>
      </c>
      <c r="AL34192">
        <v>44</v>
      </c>
      <c r="AM34192">
        <v>44</v>
      </c>
      <c r="AN34192">
        <v>45</v>
      </c>
      <c r="AO34192">
        <v>45</v>
      </c>
      <c r="AP34192">
        <v>45</v>
      </c>
      <c r="AQ34192">
        <v>46</v>
      </c>
    </row>
    <row r="34193" spans="1:43">
      <c r="A34193" t="s">
        <v>21179</v>
      </c>
      <c r="B34193" t="s">
        <v>21180</v>
      </c>
      <c r="C34193" t="s">
        <v>21181</v>
      </c>
      <c r="D34193" t="s">
        <v>21182</v>
      </c>
      <c r="E34193" t="s">
        <v>21139</v>
      </c>
      <c r="F34193" t="s">
        <v>21140</v>
      </c>
      <c r="G34193" t="s">
        <v>20255</v>
      </c>
      <c r="H34193" t="s">
        <v>20256</v>
      </c>
      <c r="I34193" s="2">
        <v>1</v>
      </c>
      <c r="J34193" s="2">
        <v>0</v>
      </c>
      <c r="K34193" s="2">
        <v>0</v>
      </c>
      <c r="L34193" t="s">
        <v>120</v>
      </c>
      <c r="M34193" t="s">
        <v>83</v>
      </c>
      <c r="N34193" t="s">
        <v>91</v>
      </c>
      <c r="O34193" t="s">
        <v>85</v>
      </c>
      <c r="P34193" t="s">
        <v>86</v>
      </c>
      <c r="Q34193">
        <v>30</v>
      </c>
      <c r="R34193">
        <v>30</v>
      </c>
      <c r="S34193">
        <v>31</v>
      </c>
      <c r="T34193">
        <v>32</v>
      </c>
      <c r="U34193">
        <v>32</v>
      </c>
      <c r="V34193">
        <v>33</v>
      </c>
      <c r="W34193">
        <v>34</v>
      </c>
      <c r="X34193">
        <v>34</v>
      </c>
      <c r="Y34193">
        <v>35</v>
      </c>
      <c r="Z34193">
        <v>36</v>
      </c>
      <c r="AA34193">
        <v>36</v>
      </c>
      <c r="AB34193">
        <v>37</v>
      </c>
      <c r="AC34193">
        <v>38</v>
      </c>
      <c r="AD34193">
        <v>38</v>
      </c>
      <c r="AE34193">
        <v>39</v>
      </c>
      <c r="AF34193">
        <v>40</v>
      </c>
      <c r="AG34193">
        <v>40</v>
      </c>
      <c r="AH34193">
        <v>41</v>
      </c>
      <c r="AI34193">
        <v>42</v>
      </c>
      <c r="AJ34193">
        <v>43</v>
      </c>
      <c r="AK34193">
        <v>43</v>
      </c>
      <c r="AL34193">
        <v>44</v>
      </c>
      <c r="AM34193">
        <v>44</v>
      </c>
      <c r="AN34193">
        <v>44</v>
      </c>
      <c r="AO34193">
        <v>45</v>
      </c>
      <c r="AP34193">
        <v>45</v>
      </c>
      <c r="AQ34193">
        <v>45</v>
      </c>
    </row>
    <row r="34194" spans="1:43">
      <c r="A34194" t="s">
        <v>21183</v>
      </c>
      <c r="B34194" t="s">
        <v>21184</v>
      </c>
      <c r="C34194" t="s">
        <v>21181</v>
      </c>
      <c r="D34194" t="s">
        <v>21182</v>
      </c>
      <c r="E34194" t="s">
        <v>21139</v>
      </c>
      <c r="F34194" t="s">
        <v>21140</v>
      </c>
      <c r="G34194" t="s">
        <v>20255</v>
      </c>
      <c r="H34194" t="s">
        <v>20256</v>
      </c>
      <c r="I34194" s="2">
        <v>1</v>
      </c>
      <c r="J34194" s="2">
        <v>0</v>
      </c>
      <c r="K34194" s="2">
        <v>0</v>
      </c>
      <c r="L34194" t="s">
        <v>120</v>
      </c>
      <c r="M34194" t="s">
        <v>83</v>
      </c>
      <c r="N34194" t="s">
        <v>84</v>
      </c>
      <c r="O34194" t="s">
        <v>85</v>
      </c>
      <c r="P34194" t="s">
        <v>86</v>
      </c>
      <c r="Q34194">
        <v>12</v>
      </c>
      <c r="R34194">
        <v>12</v>
      </c>
      <c r="S34194">
        <v>12</v>
      </c>
      <c r="T34194">
        <v>13</v>
      </c>
      <c r="U34194">
        <v>13</v>
      </c>
      <c r="V34194">
        <v>13</v>
      </c>
      <c r="W34194">
        <v>13</v>
      </c>
      <c r="X34194">
        <v>14</v>
      </c>
      <c r="Y34194">
        <v>14</v>
      </c>
      <c r="Z34194">
        <v>14</v>
      </c>
      <c r="AA34194">
        <v>14</v>
      </c>
      <c r="AB34194">
        <v>15</v>
      </c>
      <c r="AC34194">
        <v>15</v>
      </c>
      <c r="AD34194">
        <v>15</v>
      </c>
      <c r="AE34194">
        <v>16</v>
      </c>
      <c r="AF34194">
        <v>16</v>
      </c>
      <c r="AG34194">
        <v>16</v>
      </c>
      <c r="AH34194">
        <v>16</v>
      </c>
      <c r="AI34194">
        <v>17</v>
      </c>
      <c r="AJ34194">
        <v>17</v>
      </c>
      <c r="AK34194">
        <v>17</v>
      </c>
      <c r="AL34194">
        <v>17</v>
      </c>
      <c r="AM34194">
        <v>17</v>
      </c>
      <c r="AN34194">
        <v>18</v>
      </c>
      <c r="AO34194">
        <v>18</v>
      </c>
      <c r="AP34194">
        <v>18</v>
      </c>
      <c r="AQ34194">
        <v>18</v>
      </c>
    </row>
    <row r="34195" spans="1:43">
      <c r="A34195" t="s">
        <v>21183</v>
      </c>
      <c r="B34195" t="s">
        <v>21184</v>
      </c>
      <c r="C34195" t="s">
        <v>21181</v>
      </c>
      <c r="D34195" t="s">
        <v>21182</v>
      </c>
      <c r="E34195" t="s">
        <v>21139</v>
      </c>
      <c r="F34195" t="s">
        <v>21140</v>
      </c>
      <c r="G34195" t="s">
        <v>20255</v>
      </c>
      <c r="H34195" t="s">
        <v>20256</v>
      </c>
      <c r="I34195" s="2">
        <v>1</v>
      </c>
      <c r="J34195" s="2">
        <v>0</v>
      </c>
      <c r="K34195" s="2">
        <v>0</v>
      </c>
      <c r="L34195" t="s">
        <v>120</v>
      </c>
      <c r="M34195" t="s">
        <v>87</v>
      </c>
      <c r="N34195" t="s">
        <v>88</v>
      </c>
      <c r="O34195" t="s">
        <v>85</v>
      </c>
      <c r="P34195" t="s">
        <v>86</v>
      </c>
      <c r="Q34195">
        <v>12</v>
      </c>
      <c r="R34195">
        <v>12</v>
      </c>
      <c r="S34195">
        <v>12</v>
      </c>
      <c r="T34195">
        <v>12</v>
      </c>
      <c r="U34195">
        <v>12</v>
      </c>
      <c r="V34195">
        <v>12</v>
      </c>
      <c r="W34195">
        <v>13</v>
      </c>
      <c r="X34195">
        <v>13</v>
      </c>
      <c r="Y34195">
        <v>13</v>
      </c>
      <c r="Z34195">
        <v>13</v>
      </c>
      <c r="AA34195">
        <v>13</v>
      </c>
      <c r="AB34195">
        <v>13</v>
      </c>
      <c r="AC34195">
        <v>14</v>
      </c>
      <c r="AD34195">
        <v>14</v>
      </c>
      <c r="AE34195">
        <v>14</v>
      </c>
      <c r="AF34195">
        <v>14</v>
      </c>
      <c r="AG34195">
        <v>14</v>
      </c>
      <c r="AH34195">
        <v>14</v>
      </c>
      <c r="AI34195">
        <v>14</v>
      </c>
      <c r="AJ34195">
        <v>15</v>
      </c>
      <c r="AK34195">
        <v>15</v>
      </c>
      <c r="AL34195">
        <v>15</v>
      </c>
      <c r="AM34195">
        <v>15</v>
      </c>
      <c r="AN34195">
        <v>15</v>
      </c>
      <c r="AO34195">
        <v>15</v>
      </c>
      <c r="AP34195">
        <v>16</v>
      </c>
      <c r="AQ34195">
        <v>16</v>
      </c>
    </row>
    <row r="34196" spans="1:43">
      <c r="A34196" t="s">
        <v>21183</v>
      </c>
      <c r="B34196" t="s">
        <v>21184</v>
      </c>
      <c r="C34196" t="s">
        <v>21181</v>
      </c>
      <c r="D34196" t="s">
        <v>21182</v>
      </c>
      <c r="E34196" t="s">
        <v>21139</v>
      </c>
      <c r="F34196" t="s">
        <v>21140</v>
      </c>
      <c r="G34196" t="s">
        <v>20255</v>
      </c>
      <c r="H34196" t="s">
        <v>20256</v>
      </c>
      <c r="I34196" s="2">
        <v>1</v>
      </c>
      <c r="J34196" s="2">
        <v>0</v>
      </c>
      <c r="K34196" s="2">
        <v>0</v>
      </c>
      <c r="L34196" t="s">
        <v>120</v>
      </c>
      <c r="M34196" t="s">
        <v>89</v>
      </c>
      <c r="N34196" t="s">
        <v>90</v>
      </c>
      <c r="O34196" t="s">
        <v>85</v>
      </c>
      <c r="P34196" t="s">
        <v>86</v>
      </c>
      <c r="Q34196">
        <v>12</v>
      </c>
      <c r="R34196">
        <v>12</v>
      </c>
      <c r="S34196">
        <v>13</v>
      </c>
      <c r="T34196">
        <v>13</v>
      </c>
      <c r="U34196">
        <v>13</v>
      </c>
      <c r="V34196">
        <v>14</v>
      </c>
      <c r="W34196">
        <v>14</v>
      </c>
      <c r="X34196">
        <v>14</v>
      </c>
      <c r="Y34196">
        <v>15</v>
      </c>
      <c r="Z34196">
        <v>15</v>
      </c>
      <c r="AA34196">
        <v>15</v>
      </c>
      <c r="AB34196">
        <v>16</v>
      </c>
      <c r="AC34196">
        <v>16</v>
      </c>
      <c r="AD34196">
        <v>16</v>
      </c>
      <c r="AE34196">
        <v>17</v>
      </c>
      <c r="AF34196">
        <v>17</v>
      </c>
      <c r="AG34196">
        <v>17</v>
      </c>
      <c r="AH34196">
        <v>17</v>
      </c>
      <c r="AI34196">
        <v>17</v>
      </c>
      <c r="AJ34196">
        <v>17</v>
      </c>
      <c r="AK34196">
        <v>17</v>
      </c>
      <c r="AL34196">
        <v>17</v>
      </c>
      <c r="AM34196">
        <v>18</v>
      </c>
      <c r="AN34196">
        <v>18</v>
      </c>
      <c r="AO34196">
        <v>18</v>
      </c>
      <c r="AP34196">
        <v>18</v>
      </c>
      <c r="AQ34196">
        <v>18</v>
      </c>
    </row>
    <row r="34197" spans="1:43">
      <c r="A34197" t="s">
        <v>21183</v>
      </c>
      <c r="B34197" t="s">
        <v>21184</v>
      </c>
      <c r="C34197" t="s">
        <v>21181</v>
      </c>
      <c r="D34197" t="s">
        <v>21182</v>
      </c>
      <c r="E34197" t="s">
        <v>21139</v>
      </c>
      <c r="F34197" t="s">
        <v>21140</v>
      </c>
      <c r="G34197" t="s">
        <v>20255</v>
      </c>
      <c r="H34197" t="s">
        <v>20256</v>
      </c>
      <c r="I34197" s="2">
        <v>1</v>
      </c>
      <c r="J34197" s="2">
        <v>0</v>
      </c>
      <c r="K34197" s="2">
        <v>0</v>
      </c>
      <c r="L34197" t="s">
        <v>120</v>
      </c>
      <c r="M34197" t="s">
        <v>83</v>
      </c>
      <c r="N34197" t="s">
        <v>91</v>
      </c>
      <c r="O34197" t="s">
        <v>85</v>
      </c>
      <c r="P34197" t="s">
        <v>86</v>
      </c>
      <c r="Q34197">
        <v>12</v>
      </c>
      <c r="R34197">
        <v>12</v>
      </c>
      <c r="S34197">
        <v>12</v>
      </c>
      <c r="T34197">
        <v>13</v>
      </c>
      <c r="U34197">
        <v>13</v>
      </c>
      <c r="V34197">
        <v>13</v>
      </c>
      <c r="W34197">
        <v>13</v>
      </c>
      <c r="X34197">
        <v>14</v>
      </c>
      <c r="Y34197">
        <v>14</v>
      </c>
      <c r="Z34197">
        <v>14</v>
      </c>
      <c r="AA34197">
        <v>14</v>
      </c>
      <c r="AB34197">
        <v>15</v>
      </c>
      <c r="AC34197">
        <v>15</v>
      </c>
      <c r="AD34197">
        <v>15</v>
      </c>
      <c r="AE34197">
        <v>16</v>
      </c>
      <c r="AF34197">
        <v>16</v>
      </c>
      <c r="AG34197">
        <v>16</v>
      </c>
      <c r="AH34197">
        <v>16</v>
      </c>
      <c r="AI34197">
        <v>17</v>
      </c>
      <c r="AJ34197">
        <v>17</v>
      </c>
      <c r="AK34197">
        <v>17</v>
      </c>
      <c r="AL34197">
        <v>17</v>
      </c>
      <c r="AM34197">
        <v>17</v>
      </c>
      <c r="AN34197">
        <v>18</v>
      </c>
      <c r="AO34197">
        <v>18</v>
      </c>
      <c r="AP34197">
        <v>18</v>
      </c>
      <c r="AQ34197">
        <v>18</v>
      </c>
    </row>
    <row r="34198" spans="1:43">
      <c r="A34198" t="s">
        <v>21185</v>
      </c>
      <c r="B34198" t="s">
        <v>21186</v>
      </c>
      <c r="C34198" t="s">
        <v>21181</v>
      </c>
      <c r="D34198" t="s">
        <v>21182</v>
      </c>
      <c r="E34198" t="s">
        <v>21139</v>
      </c>
      <c r="F34198" t="s">
        <v>21140</v>
      </c>
      <c r="G34198" t="s">
        <v>20255</v>
      </c>
      <c r="H34198" t="s">
        <v>20256</v>
      </c>
      <c r="I34198" s="2">
        <v>1</v>
      </c>
      <c r="J34198" s="2">
        <v>0</v>
      </c>
      <c r="K34198" s="2">
        <v>0</v>
      </c>
      <c r="L34198" t="s">
        <v>120</v>
      </c>
      <c r="M34198" t="s">
        <v>83</v>
      </c>
      <c r="N34198" t="s">
        <v>84</v>
      </c>
      <c r="O34198" t="s">
        <v>85</v>
      </c>
      <c r="P34198" t="s">
        <v>86</v>
      </c>
      <c r="Q34198">
        <v>4</v>
      </c>
      <c r="R34198">
        <v>5</v>
      </c>
      <c r="S34198">
        <v>5</v>
      </c>
      <c r="T34198">
        <v>5</v>
      </c>
      <c r="U34198">
        <v>5</v>
      </c>
      <c r="V34198">
        <v>5</v>
      </c>
      <c r="W34198">
        <v>5</v>
      </c>
      <c r="X34198">
        <v>5</v>
      </c>
      <c r="Y34198">
        <v>5</v>
      </c>
      <c r="Z34198">
        <v>5</v>
      </c>
      <c r="AA34198">
        <v>5</v>
      </c>
      <c r="AB34198">
        <v>6</v>
      </c>
      <c r="AC34198">
        <v>6</v>
      </c>
      <c r="AD34198">
        <v>6</v>
      </c>
      <c r="AE34198">
        <v>6</v>
      </c>
      <c r="AF34198">
        <v>6</v>
      </c>
      <c r="AG34198">
        <v>6</v>
      </c>
      <c r="AH34198">
        <v>6</v>
      </c>
      <c r="AI34198">
        <v>6</v>
      </c>
      <c r="AJ34198">
        <v>6</v>
      </c>
      <c r="AK34198">
        <v>6</v>
      </c>
      <c r="AL34198">
        <v>7</v>
      </c>
      <c r="AM34198">
        <v>7</v>
      </c>
      <c r="AN34198">
        <v>7</v>
      </c>
      <c r="AO34198">
        <v>7</v>
      </c>
      <c r="AP34198">
        <v>7</v>
      </c>
      <c r="AQ34198">
        <v>7</v>
      </c>
    </row>
    <row r="34199" spans="1:43">
      <c r="A34199" t="s">
        <v>21185</v>
      </c>
      <c r="B34199" t="s">
        <v>21186</v>
      </c>
      <c r="C34199" t="s">
        <v>21181</v>
      </c>
      <c r="D34199" t="s">
        <v>21182</v>
      </c>
      <c r="E34199" t="s">
        <v>21139</v>
      </c>
      <c r="F34199" t="s">
        <v>21140</v>
      </c>
      <c r="G34199" t="s">
        <v>20255</v>
      </c>
      <c r="H34199" t="s">
        <v>20256</v>
      </c>
      <c r="I34199" s="2">
        <v>1</v>
      </c>
      <c r="J34199" s="2">
        <v>0</v>
      </c>
      <c r="K34199" s="2">
        <v>0</v>
      </c>
      <c r="L34199" t="s">
        <v>120</v>
      </c>
      <c r="M34199" t="s">
        <v>87</v>
      </c>
      <c r="N34199" t="s">
        <v>88</v>
      </c>
      <c r="O34199" t="s">
        <v>85</v>
      </c>
      <c r="P34199" t="s">
        <v>86</v>
      </c>
      <c r="Q34199">
        <v>4</v>
      </c>
      <c r="R34199">
        <v>4</v>
      </c>
      <c r="S34199">
        <v>5</v>
      </c>
      <c r="T34199">
        <v>5</v>
      </c>
      <c r="U34199">
        <v>5</v>
      </c>
      <c r="V34199">
        <v>5</v>
      </c>
      <c r="W34199">
        <v>5</v>
      </c>
      <c r="X34199">
        <v>5</v>
      </c>
      <c r="Y34199">
        <v>5</v>
      </c>
      <c r="Z34199">
        <v>5</v>
      </c>
      <c r="AA34199">
        <v>5</v>
      </c>
      <c r="AB34199">
        <v>5</v>
      </c>
      <c r="AC34199">
        <v>5</v>
      </c>
      <c r="AD34199">
        <v>5</v>
      </c>
      <c r="AE34199">
        <v>5</v>
      </c>
      <c r="AF34199">
        <v>5</v>
      </c>
      <c r="AG34199">
        <v>5</v>
      </c>
      <c r="AH34199">
        <v>5</v>
      </c>
      <c r="AI34199">
        <v>5</v>
      </c>
      <c r="AJ34199">
        <v>6</v>
      </c>
      <c r="AK34199">
        <v>6</v>
      </c>
      <c r="AL34199">
        <v>6</v>
      </c>
      <c r="AM34199">
        <v>6</v>
      </c>
      <c r="AN34199">
        <v>6</v>
      </c>
      <c r="AO34199">
        <v>6</v>
      </c>
      <c r="AP34199">
        <v>6</v>
      </c>
      <c r="AQ34199">
        <v>6</v>
      </c>
    </row>
    <row r="34200" spans="1:43">
      <c r="A34200" t="s">
        <v>21185</v>
      </c>
      <c r="B34200" t="s">
        <v>21186</v>
      </c>
      <c r="C34200" t="s">
        <v>21181</v>
      </c>
      <c r="D34200" t="s">
        <v>21182</v>
      </c>
      <c r="E34200" t="s">
        <v>21139</v>
      </c>
      <c r="F34200" t="s">
        <v>21140</v>
      </c>
      <c r="G34200" t="s">
        <v>20255</v>
      </c>
      <c r="H34200" t="s">
        <v>20256</v>
      </c>
      <c r="I34200" s="2">
        <v>1</v>
      </c>
      <c r="J34200" s="2">
        <v>0</v>
      </c>
      <c r="K34200" s="2">
        <v>0</v>
      </c>
      <c r="L34200" t="s">
        <v>120</v>
      </c>
      <c r="M34200" t="s">
        <v>89</v>
      </c>
      <c r="N34200" t="s">
        <v>90</v>
      </c>
      <c r="O34200" t="s">
        <v>85</v>
      </c>
      <c r="P34200" t="s">
        <v>86</v>
      </c>
      <c r="Q34200">
        <v>4</v>
      </c>
      <c r="R34200">
        <v>5</v>
      </c>
      <c r="S34200">
        <v>5</v>
      </c>
      <c r="T34200">
        <v>5</v>
      </c>
      <c r="U34200">
        <v>5</v>
      </c>
      <c r="V34200">
        <v>5</v>
      </c>
      <c r="W34200">
        <v>5</v>
      </c>
      <c r="X34200">
        <v>5</v>
      </c>
      <c r="Y34200">
        <v>6</v>
      </c>
      <c r="Z34200">
        <v>6</v>
      </c>
      <c r="AA34200">
        <v>6</v>
      </c>
      <c r="AB34200">
        <v>6</v>
      </c>
      <c r="AC34200">
        <v>6</v>
      </c>
      <c r="AD34200">
        <v>6</v>
      </c>
      <c r="AE34200">
        <v>6</v>
      </c>
      <c r="AF34200">
        <v>6</v>
      </c>
      <c r="AG34200">
        <v>6</v>
      </c>
      <c r="AH34200">
        <v>6</v>
      </c>
      <c r="AI34200">
        <v>6</v>
      </c>
      <c r="AJ34200">
        <v>7</v>
      </c>
      <c r="AK34200">
        <v>7</v>
      </c>
      <c r="AL34200">
        <v>7</v>
      </c>
      <c r="AM34200">
        <v>7</v>
      </c>
      <c r="AN34200">
        <v>7</v>
      </c>
      <c r="AO34200">
        <v>7</v>
      </c>
      <c r="AP34200">
        <v>7</v>
      </c>
      <c r="AQ34200">
        <v>7</v>
      </c>
    </row>
    <row r="34201" spans="1:43">
      <c r="A34201" t="s">
        <v>21185</v>
      </c>
      <c r="B34201" t="s">
        <v>21186</v>
      </c>
      <c r="C34201" t="s">
        <v>21181</v>
      </c>
      <c r="D34201" t="s">
        <v>21182</v>
      </c>
      <c r="E34201" t="s">
        <v>21139</v>
      </c>
      <c r="F34201" t="s">
        <v>21140</v>
      </c>
      <c r="G34201" t="s">
        <v>20255</v>
      </c>
      <c r="H34201" t="s">
        <v>20256</v>
      </c>
      <c r="I34201" s="2">
        <v>1</v>
      </c>
      <c r="J34201" s="2">
        <v>0</v>
      </c>
      <c r="K34201" s="2">
        <v>0</v>
      </c>
      <c r="L34201" t="s">
        <v>120</v>
      </c>
      <c r="M34201" t="s">
        <v>83</v>
      </c>
      <c r="N34201" t="s">
        <v>91</v>
      </c>
      <c r="O34201" t="s">
        <v>85</v>
      </c>
      <c r="P34201" t="s">
        <v>86</v>
      </c>
      <c r="Q34201">
        <v>4</v>
      </c>
      <c r="R34201">
        <v>5</v>
      </c>
      <c r="S34201">
        <v>5</v>
      </c>
      <c r="T34201">
        <v>5</v>
      </c>
      <c r="U34201">
        <v>5</v>
      </c>
      <c r="V34201">
        <v>5</v>
      </c>
      <c r="W34201">
        <v>5</v>
      </c>
      <c r="X34201">
        <v>5</v>
      </c>
      <c r="Y34201">
        <v>5</v>
      </c>
      <c r="Z34201">
        <v>5</v>
      </c>
      <c r="AA34201">
        <v>5</v>
      </c>
      <c r="AB34201">
        <v>6</v>
      </c>
      <c r="AC34201">
        <v>6</v>
      </c>
      <c r="AD34201">
        <v>6</v>
      </c>
      <c r="AE34201">
        <v>6</v>
      </c>
      <c r="AF34201">
        <v>6</v>
      </c>
      <c r="AG34201">
        <v>6</v>
      </c>
      <c r="AH34201">
        <v>6</v>
      </c>
      <c r="AI34201">
        <v>6</v>
      </c>
      <c r="AJ34201">
        <v>6</v>
      </c>
      <c r="AK34201">
        <v>6</v>
      </c>
      <c r="AL34201">
        <v>7</v>
      </c>
      <c r="AM34201">
        <v>7</v>
      </c>
      <c r="AN34201">
        <v>7</v>
      </c>
      <c r="AO34201">
        <v>7</v>
      </c>
      <c r="AP34201">
        <v>7</v>
      </c>
      <c r="AQ34201">
        <v>7</v>
      </c>
    </row>
    <row r="34202" spans="1:43">
      <c r="A34202" t="s">
        <v>21187</v>
      </c>
      <c r="B34202" t="s">
        <v>21188</v>
      </c>
      <c r="C34202" t="s">
        <v>21181</v>
      </c>
      <c r="D34202" t="s">
        <v>21182</v>
      </c>
      <c r="E34202" t="s">
        <v>21139</v>
      </c>
      <c r="F34202" t="s">
        <v>21140</v>
      </c>
      <c r="G34202" t="s">
        <v>20255</v>
      </c>
      <c r="H34202" t="s">
        <v>20256</v>
      </c>
      <c r="I34202" s="2">
        <v>1</v>
      </c>
      <c r="J34202" s="2">
        <v>0</v>
      </c>
      <c r="K34202" s="2">
        <v>0</v>
      </c>
      <c r="L34202" t="s">
        <v>120</v>
      </c>
      <c r="M34202" t="s">
        <v>83</v>
      </c>
      <c r="N34202" t="s">
        <v>84</v>
      </c>
      <c r="O34202" t="s">
        <v>85</v>
      </c>
      <c r="P34202" t="s">
        <v>86</v>
      </c>
      <c r="Q34202">
        <v>7</v>
      </c>
      <c r="R34202">
        <v>8</v>
      </c>
      <c r="S34202">
        <v>8</v>
      </c>
      <c r="T34202">
        <v>8</v>
      </c>
      <c r="U34202">
        <v>8</v>
      </c>
      <c r="V34202">
        <v>8</v>
      </c>
      <c r="W34202">
        <v>8</v>
      </c>
      <c r="X34202">
        <v>9</v>
      </c>
      <c r="Y34202">
        <v>9</v>
      </c>
      <c r="Z34202">
        <v>9</v>
      </c>
      <c r="AA34202">
        <v>9</v>
      </c>
      <c r="AB34202">
        <v>9</v>
      </c>
      <c r="AC34202">
        <v>9</v>
      </c>
      <c r="AD34202">
        <v>10</v>
      </c>
      <c r="AE34202">
        <v>10</v>
      </c>
      <c r="AF34202">
        <v>10</v>
      </c>
      <c r="AG34202">
        <v>10</v>
      </c>
      <c r="AH34202">
        <v>10</v>
      </c>
      <c r="AI34202">
        <v>11</v>
      </c>
      <c r="AJ34202">
        <v>11</v>
      </c>
      <c r="AK34202">
        <v>11</v>
      </c>
      <c r="AL34202">
        <v>11</v>
      </c>
      <c r="AM34202">
        <v>11</v>
      </c>
      <c r="AN34202">
        <v>11</v>
      </c>
      <c r="AO34202">
        <v>11</v>
      </c>
      <c r="AP34202">
        <v>11</v>
      </c>
      <c r="AQ34202">
        <v>11</v>
      </c>
    </row>
    <row r="34203" spans="1:43">
      <c r="A34203" t="s">
        <v>21187</v>
      </c>
      <c r="B34203" t="s">
        <v>21188</v>
      </c>
      <c r="C34203" t="s">
        <v>21181</v>
      </c>
      <c r="D34203" t="s">
        <v>21182</v>
      </c>
      <c r="E34203" t="s">
        <v>21139</v>
      </c>
      <c r="F34203" t="s">
        <v>21140</v>
      </c>
      <c r="G34203" t="s">
        <v>20255</v>
      </c>
      <c r="H34203" t="s">
        <v>20256</v>
      </c>
      <c r="I34203" s="2">
        <v>1</v>
      </c>
      <c r="J34203" s="2">
        <v>0</v>
      </c>
      <c r="K34203" s="2">
        <v>0</v>
      </c>
      <c r="L34203" t="s">
        <v>120</v>
      </c>
      <c r="M34203" t="s">
        <v>87</v>
      </c>
      <c r="N34203" t="s">
        <v>88</v>
      </c>
      <c r="O34203" t="s">
        <v>85</v>
      </c>
      <c r="P34203" t="s">
        <v>86</v>
      </c>
      <c r="Q34203">
        <v>7</v>
      </c>
      <c r="R34203">
        <v>7</v>
      </c>
      <c r="S34203">
        <v>8</v>
      </c>
      <c r="T34203">
        <v>8</v>
      </c>
      <c r="U34203">
        <v>8</v>
      </c>
      <c r="V34203">
        <v>8</v>
      </c>
      <c r="W34203">
        <v>8</v>
      </c>
      <c r="X34203">
        <v>8</v>
      </c>
      <c r="Y34203">
        <v>8</v>
      </c>
      <c r="Z34203">
        <v>8</v>
      </c>
      <c r="AA34203">
        <v>8</v>
      </c>
      <c r="AB34203">
        <v>8</v>
      </c>
      <c r="AC34203">
        <v>9</v>
      </c>
      <c r="AD34203">
        <v>9</v>
      </c>
      <c r="AE34203">
        <v>9</v>
      </c>
      <c r="AF34203">
        <v>9</v>
      </c>
      <c r="AG34203">
        <v>9</v>
      </c>
      <c r="AH34203">
        <v>9</v>
      </c>
      <c r="AI34203">
        <v>9</v>
      </c>
      <c r="AJ34203">
        <v>9</v>
      </c>
      <c r="AK34203">
        <v>9</v>
      </c>
      <c r="AL34203">
        <v>9</v>
      </c>
      <c r="AM34203">
        <v>10</v>
      </c>
      <c r="AN34203">
        <v>10</v>
      </c>
      <c r="AO34203">
        <v>10</v>
      </c>
      <c r="AP34203">
        <v>10</v>
      </c>
      <c r="AQ34203">
        <v>10</v>
      </c>
    </row>
    <row r="34204" spans="1:43">
      <c r="A34204" t="s">
        <v>21187</v>
      </c>
      <c r="B34204" t="s">
        <v>21188</v>
      </c>
      <c r="C34204" t="s">
        <v>21181</v>
      </c>
      <c r="D34204" t="s">
        <v>21182</v>
      </c>
      <c r="E34204" t="s">
        <v>21139</v>
      </c>
      <c r="F34204" t="s">
        <v>21140</v>
      </c>
      <c r="G34204" t="s">
        <v>20255</v>
      </c>
      <c r="H34204" t="s">
        <v>20256</v>
      </c>
      <c r="I34204" s="2">
        <v>1</v>
      </c>
      <c r="J34204" s="2">
        <v>0</v>
      </c>
      <c r="K34204" s="2">
        <v>0</v>
      </c>
      <c r="L34204" t="s">
        <v>120</v>
      </c>
      <c r="M34204" t="s">
        <v>89</v>
      </c>
      <c r="N34204" t="s">
        <v>90</v>
      </c>
      <c r="O34204" t="s">
        <v>85</v>
      </c>
      <c r="P34204" t="s">
        <v>86</v>
      </c>
      <c r="Q34204">
        <v>7</v>
      </c>
      <c r="R34204">
        <v>8</v>
      </c>
      <c r="S34204">
        <v>8</v>
      </c>
      <c r="T34204">
        <v>8</v>
      </c>
      <c r="U34204">
        <v>8</v>
      </c>
      <c r="V34204">
        <v>9</v>
      </c>
      <c r="W34204">
        <v>9</v>
      </c>
      <c r="X34204">
        <v>9</v>
      </c>
      <c r="Y34204">
        <v>9</v>
      </c>
      <c r="Z34204">
        <v>9</v>
      </c>
      <c r="AA34204">
        <v>10</v>
      </c>
      <c r="AB34204">
        <v>10</v>
      </c>
      <c r="AC34204">
        <v>10</v>
      </c>
      <c r="AD34204">
        <v>10</v>
      </c>
      <c r="AE34204">
        <v>10</v>
      </c>
      <c r="AF34204">
        <v>11</v>
      </c>
      <c r="AG34204">
        <v>11</v>
      </c>
      <c r="AH34204">
        <v>11</v>
      </c>
      <c r="AI34204">
        <v>11</v>
      </c>
      <c r="AJ34204">
        <v>11</v>
      </c>
      <c r="AK34204">
        <v>11</v>
      </c>
      <c r="AL34204">
        <v>11</v>
      </c>
      <c r="AM34204">
        <v>11</v>
      </c>
      <c r="AN34204">
        <v>11</v>
      </c>
      <c r="AO34204">
        <v>11</v>
      </c>
      <c r="AP34204">
        <v>11</v>
      </c>
      <c r="AQ34204">
        <v>11</v>
      </c>
    </row>
    <row r="34205" spans="1:43">
      <c r="A34205" t="s">
        <v>21187</v>
      </c>
      <c r="B34205" t="s">
        <v>21188</v>
      </c>
      <c r="C34205" t="s">
        <v>21181</v>
      </c>
      <c r="D34205" t="s">
        <v>21182</v>
      </c>
      <c r="E34205" t="s">
        <v>21139</v>
      </c>
      <c r="F34205" t="s">
        <v>21140</v>
      </c>
      <c r="G34205" t="s">
        <v>20255</v>
      </c>
      <c r="H34205" t="s">
        <v>20256</v>
      </c>
      <c r="I34205" s="2">
        <v>1</v>
      </c>
      <c r="J34205" s="2">
        <v>0</v>
      </c>
      <c r="K34205" s="2">
        <v>0</v>
      </c>
      <c r="L34205" t="s">
        <v>120</v>
      </c>
      <c r="M34205" t="s">
        <v>83</v>
      </c>
      <c r="N34205" t="s">
        <v>91</v>
      </c>
      <c r="O34205" t="s">
        <v>85</v>
      </c>
      <c r="P34205" t="s">
        <v>86</v>
      </c>
      <c r="Q34205">
        <v>7</v>
      </c>
      <c r="R34205">
        <v>8</v>
      </c>
      <c r="S34205">
        <v>8</v>
      </c>
      <c r="T34205">
        <v>8</v>
      </c>
      <c r="U34205">
        <v>8</v>
      </c>
      <c r="V34205">
        <v>8</v>
      </c>
      <c r="W34205">
        <v>8</v>
      </c>
      <c r="X34205">
        <v>9</v>
      </c>
      <c r="Y34205">
        <v>9</v>
      </c>
      <c r="Z34205">
        <v>9</v>
      </c>
      <c r="AA34205">
        <v>9</v>
      </c>
      <c r="AB34205">
        <v>9</v>
      </c>
      <c r="AC34205">
        <v>9</v>
      </c>
      <c r="AD34205">
        <v>10</v>
      </c>
      <c r="AE34205">
        <v>10</v>
      </c>
      <c r="AF34205">
        <v>10</v>
      </c>
      <c r="AG34205">
        <v>10</v>
      </c>
      <c r="AH34205">
        <v>10</v>
      </c>
      <c r="AI34205">
        <v>11</v>
      </c>
      <c r="AJ34205">
        <v>11</v>
      </c>
      <c r="AK34205">
        <v>11</v>
      </c>
      <c r="AL34205">
        <v>11</v>
      </c>
      <c r="AM34205">
        <v>11</v>
      </c>
      <c r="AN34205">
        <v>11</v>
      </c>
      <c r="AO34205">
        <v>11</v>
      </c>
      <c r="AP34205">
        <v>11</v>
      </c>
      <c r="AQ34205">
        <v>11</v>
      </c>
    </row>
    <row r="34206" spans="1:43">
      <c r="A34206" t="s">
        <v>21189</v>
      </c>
      <c r="B34206" t="s">
        <v>21190</v>
      </c>
      <c r="C34206" t="s">
        <v>21181</v>
      </c>
      <c r="D34206" t="s">
        <v>21182</v>
      </c>
      <c r="E34206" t="s">
        <v>21139</v>
      </c>
      <c r="F34206" t="s">
        <v>21140</v>
      </c>
      <c r="G34206" t="s">
        <v>20255</v>
      </c>
      <c r="H34206" t="s">
        <v>20256</v>
      </c>
      <c r="I34206" s="2">
        <v>1</v>
      </c>
      <c r="J34206" s="2">
        <v>0</v>
      </c>
      <c r="K34206" s="2">
        <v>0</v>
      </c>
      <c r="L34206" t="s">
        <v>120</v>
      </c>
      <c r="M34206" t="s">
        <v>83</v>
      </c>
      <c r="N34206" t="s">
        <v>84</v>
      </c>
      <c r="O34206" t="s">
        <v>85</v>
      </c>
      <c r="P34206" t="s">
        <v>86</v>
      </c>
      <c r="Q34206">
        <v>21</v>
      </c>
      <c r="R34206">
        <v>21</v>
      </c>
      <c r="S34206">
        <v>22</v>
      </c>
      <c r="T34206">
        <v>22</v>
      </c>
      <c r="U34206">
        <v>22</v>
      </c>
      <c r="V34206">
        <v>23</v>
      </c>
      <c r="W34206">
        <v>23</v>
      </c>
      <c r="X34206">
        <v>24</v>
      </c>
      <c r="Y34206">
        <v>24</v>
      </c>
      <c r="Z34206">
        <v>25</v>
      </c>
      <c r="AA34206">
        <v>25</v>
      </c>
      <c r="AB34206">
        <v>26</v>
      </c>
      <c r="AC34206">
        <v>26</v>
      </c>
      <c r="AD34206">
        <v>27</v>
      </c>
      <c r="AE34206">
        <v>27</v>
      </c>
      <c r="AF34206">
        <v>28</v>
      </c>
      <c r="AG34206">
        <v>28</v>
      </c>
      <c r="AH34206">
        <v>29</v>
      </c>
      <c r="AI34206">
        <v>29</v>
      </c>
      <c r="AJ34206">
        <v>30</v>
      </c>
      <c r="AK34206">
        <v>30</v>
      </c>
      <c r="AL34206">
        <v>30</v>
      </c>
      <c r="AM34206">
        <v>31</v>
      </c>
      <c r="AN34206">
        <v>31</v>
      </c>
      <c r="AO34206">
        <v>31</v>
      </c>
      <c r="AP34206">
        <v>31</v>
      </c>
      <c r="AQ34206">
        <v>32</v>
      </c>
    </row>
    <row r="34207" spans="1:43">
      <c r="A34207" t="s">
        <v>21189</v>
      </c>
      <c r="B34207" t="s">
        <v>21190</v>
      </c>
      <c r="C34207" t="s">
        <v>21181</v>
      </c>
      <c r="D34207" t="s">
        <v>21182</v>
      </c>
      <c r="E34207" t="s">
        <v>21139</v>
      </c>
      <c r="F34207" t="s">
        <v>21140</v>
      </c>
      <c r="G34207" t="s">
        <v>20255</v>
      </c>
      <c r="H34207" t="s">
        <v>20256</v>
      </c>
      <c r="I34207" s="2">
        <v>1</v>
      </c>
      <c r="J34207" s="2">
        <v>0</v>
      </c>
      <c r="K34207" s="2">
        <v>0</v>
      </c>
      <c r="L34207" t="s">
        <v>120</v>
      </c>
      <c r="M34207" t="s">
        <v>87</v>
      </c>
      <c r="N34207" t="s">
        <v>88</v>
      </c>
      <c r="O34207" t="s">
        <v>85</v>
      </c>
      <c r="P34207" t="s">
        <v>86</v>
      </c>
      <c r="Q34207">
        <v>21</v>
      </c>
      <c r="R34207">
        <v>22</v>
      </c>
      <c r="S34207">
        <v>22</v>
      </c>
      <c r="T34207">
        <v>22</v>
      </c>
      <c r="U34207">
        <v>22</v>
      </c>
      <c r="V34207">
        <v>23</v>
      </c>
      <c r="W34207">
        <v>23</v>
      </c>
      <c r="X34207">
        <v>23</v>
      </c>
      <c r="Y34207">
        <v>24</v>
      </c>
      <c r="Z34207">
        <v>24</v>
      </c>
      <c r="AA34207">
        <v>24</v>
      </c>
      <c r="AB34207">
        <v>24</v>
      </c>
      <c r="AC34207">
        <v>25</v>
      </c>
      <c r="AD34207">
        <v>25</v>
      </c>
      <c r="AE34207">
        <v>25</v>
      </c>
      <c r="AF34207">
        <v>26</v>
      </c>
      <c r="AG34207">
        <v>26</v>
      </c>
      <c r="AH34207">
        <v>26</v>
      </c>
      <c r="AI34207">
        <v>26</v>
      </c>
      <c r="AJ34207">
        <v>27</v>
      </c>
      <c r="AK34207">
        <v>27</v>
      </c>
      <c r="AL34207">
        <v>27</v>
      </c>
      <c r="AM34207">
        <v>28</v>
      </c>
      <c r="AN34207">
        <v>28</v>
      </c>
      <c r="AO34207">
        <v>28</v>
      </c>
      <c r="AP34207">
        <v>28</v>
      </c>
      <c r="AQ34207">
        <v>29</v>
      </c>
    </row>
    <row r="34208" spans="1:43">
      <c r="A34208" t="s">
        <v>21189</v>
      </c>
      <c r="B34208" t="s">
        <v>21190</v>
      </c>
      <c r="C34208" t="s">
        <v>21181</v>
      </c>
      <c r="D34208" t="s">
        <v>21182</v>
      </c>
      <c r="E34208" t="s">
        <v>21139</v>
      </c>
      <c r="F34208" t="s">
        <v>21140</v>
      </c>
      <c r="G34208" t="s">
        <v>20255</v>
      </c>
      <c r="H34208" t="s">
        <v>20256</v>
      </c>
      <c r="I34208" s="2">
        <v>1</v>
      </c>
      <c r="J34208" s="2">
        <v>0</v>
      </c>
      <c r="K34208" s="2">
        <v>0</v>
      </c>
      <c r="L34208" t="s">
        <v>120</v>
      </c>
      <c r="M34208" t="s">
        <v>89</v>
      </c>
      <c r="N34208" t="s">
        <v>90</v>
      </c>
      <c r="O34208" t="s">
        <v>85</v>
      </c>
      <c r="P34208" t="s">
        <v>86</v>
      </c>
      <c r="Q34208">
        <v>21</v>
      </c>
      <c r="R34208">
        <v>21</v>
      </c>
      <c r="S34208">
        <v>22</v>
      </c>
      <c r="T34208">
        <v>23</v>
      </c>
      <c r="U34208">
        <v>23</v>
      </c>
      <c r="V34208">
        <v>24</v>
      </c>
      <c r="W34208">
        <v>25</v>
      </c>
      <c r="X34208">
        <v>25</v>
      </c>
      <c r="Y34208">
        <v>26</v>
      </c>
      <c r="Z34208">
        <v>26</v>
      </c>
      <c r="AA34208">
        <v>27</v>
      </c>
      <c r="AB34208">
        <v>27</v>
      </c>
      <c r="AC34208">
        <v>28</v>
      </c>
      <c r="AD34208">
        <v>29</v>
      </c>
      <c r="AE34208">
        <v>29</v>
      </c>
      <c r="AF34208">
        <v>29</v>
      </c>
      <c r="AG34208">
        <v>29</v>
      </c>
      <c r="AH34208">
        <v>30</v>
      </c>
      <c r="AI34208">
        <v>30</v>
      </c>
      <c r="AJ34208">
        <v>30</v>
      </c>
      <c r="AK34208">
        <v>30</v>
      </c>
      <c r="AL34208">
        <v>31</v>
      </c>
      <c r="AM34208">
        <v>31</v>
      </c>
      <c r="AN34208">
        <v>31</v>
      </c>
      <c r="AO34208">
        <v>31</v>
      </c>
      <c r="AP34208">
        <v>31</v>
      </c>
      <c r="AQ34208">
        <v>32</v>
      </c>
    </row>
    <row r="34209" spans="1:43">
      <c r="A34209" t="s">
        <v>21189</v>
      </c>
      <c r="B34209" t="s">
        <v>21190</v>
      </c>
      <c r="C34209" t="s">
        <v>21181</v>
      </c>
      <c r="D34209" t="s">
        <v>21182</v>
      </c>
      <c r="E34209" t="s">
        <v>21139</v>
      </c>
      <c r="F34209" t="s">
        <v>21140</v>
      </c>
      <c r="G34209" t="s">
        <v>20255</v>
      </c>
      <c r="H34209" t="s">
        <v>20256</v>
      </c>
      <c r="I34209" s="2">
        <v>1</v>
      </c>
      <c r="J34209" s="2">
        <v>0</v>
      </c>
      <c r="K34209" s="2">
        <v>0</v>
      </c>
      <c r="L34209" t="s">
        <v>120</v>
      </c>
      <c r="M34209" t="s">
        <v>83</v>
      </c>
      <c r="N34209" t="s">
        <v>91</v>
      </c>
      <c r="O34209" t="s">
        <v>85</v>
      </c>
      <c r="P34209" t="s">
        <v>86</v>
      </c>
      <c r="Q34209">
        <v>21</v>
      </c>
      <c r="R34209">
        <v>21</v>
      </c>
      <c r="S34209">
        <v>22</v>
      </c>
      <c r="T34209">
        <v>22</v>
      </c>
      <c r="U34209">
        <v>22</v>
      </c>
      <c r="V34209">
        <v>23</v>
      </c>
      <c r="W34209">
        <v>23</v>
      </c>
      <c r="X34209">
        <v>24</v>
      </c>
      <c r="Y34209">
        <v>24</v>
      </c>
      <c r="Z34209">
        <v>25</v>
      </c>
      <c r="AA34209">
        <v>25</v>
      </c>
      <c r="AB34209">
        <v>26</v>
      </c>
      <c r="AC34209">
        <v>26</v>
      </c>
      <c r="AD34209">
        <v>27</v>
      </c>
      <c r="AE34209">
        <v>27</v>
      </c>
      <c r="AF34209">
        <v>28</v>
      </c>
      <c r="AG34209">
        <v>28</v>
      </c>
      <c r="AH34209">
        <v>29</v>
      </c>
      <c r="AI34209">
        <v>29</v>
      </c>
      <c r="AJ34209">
        <v>30</v>
      </c>
      <c r="AK34209">
        <v>30</v>
      </c>
      <c r="AL34209">
        <v>30</v>
      </c>
      <c r="AM34209">
        <v>31</v>
      </c>
      <c r="AN34209">
        <v>31</v>
      </c>
      <c r="AO34209">
        <v>31</v>
      </c>
      <c r="AP34209">
        <v>31</v>
      </c>
      <c r="AQ34209">
        <v>32</v>
      </c>
    </row>
    <row r="34210" spans="1:43">
      <c r="A34210" t="s">
        <v>21191</v>
      </c>
      <c r="B34210" t="s">
        <v>21192</v>
      </c>
      <c r="C34210" t="s">
        <v>21181</v>
      </c>
      <c r="D34210" t="s">
        <v>21182</v>
      </c>
      <c r="E34210" t="s">
        <v>21139</v>
      </c>
      <c r="F34210" t="s">
        <v>21140</v>
      </c>
      <c r="G34210" t="s">
        <v>20255</v>
      </c>
      <c r="H34210" t="s">
        <v>20256</v>
      </c>
      <c r="I34210" s="2">
        <v>1</v>
      </c>
      <c r="J34210" s="2">
        <v>0</v>
      </c>
      <c r="K34210" s="2">
        <v>0</v>
      </c>
      <c r="L34210" t="s">
        <v>120</v>
      </c>
      <c r="M34210" t="s">
        <v>83</v>
      </c>
      <c r="N34210" t="s">
        <v>84</v>
      </c>
      <c r="O34210" t="s">
        <v>85</v>
      </c>
      <c r="P34210" t="s">
        <v>86</v>
      </c>
      <c r="Q34210">
        <v>9</v>
      </c>
      <c r="R34210">
        <v>10</v>
      </c>
      <c r="S34210">
        <v>10</v>
      </c>
      <c r="T34210">
        <v>10</v>
      </c>
      <c r="U34210">
        <v>10</v>
      </c>
      <c r="V34210">
        <v>11</v>
      </c>
      <c r="W34210">
        <v>11</v>
      </c>
      <c r="X34210">
        <v>11</v>
      </c>
      <c r="Y34210">
        <v>11</v>
      </c>
      <c r="Z34210">
        <v>11</v>
      </c>
      <c r="AA34210">
        <v>12</v>
      </c>
      <c r="AB34210">
        <v>12</v>
      </c>
      <c r="AC34210">
        <v>12</v>
      </c>
      <c r="AD34210">
        <v>12</v>
      </c>
      <c r="AE34210">
        <v>13</v>
      </c>
      <c r="AF34210">
        <v>13</v>
      </c>
      <c r="AG34210">
        <v>13</v>
      </c>
      <c r="AH34210">
        <v>13</v>
      </c>
      <c r="AI34210">
        <v>13</v>
      </c>
      <c r="AJ34210">
        <v>14</v>
      </c>
      <c r="AK34210">
        <v>14</v>
      </c>
      <c r="AL34210">
        <v>14</v>
      </c>
      <c r="AM34210">
        <v>14</v>
      </c>
      <c r="AN34210">
        <v>14</v>
      </c>
      <c r="AO34210">
        <v>14</v>
      </c>
      <c r="AP34210">
        <v>14</v>
      </c>
      <c r="AQ34210">
        <v>15</v>
      </c>
    </row>
    <row r="34211" spans="1:43">
      <c r="A34211" t="s">
        <v>21191</v>
      </c>
      <c r="B34211" t="s">
        <v>21192</v>
      </c>
      <c r="C34211" t="s">
        <v>21181</v>
      </c>
      <c r="D34211" t="s">
        <v>21182</v>
      </c>
      <c r="E34211" t="s">
        <v>21139</v>
      </c>
      <c r="F34211" t="s">
        <v>21140</v>
      </c>
      <c r="G34211" t="s">
        <v>20255</v>
      </c>
      <c r="H34211" t="s">
        <v>20256</v>
      </c>
      <c r="I34211" s="2">
        <v>1</v>
      </c>
      <c r="J34211" s="2">
        <v>0</v>
      </c>
      <c r="K34211" s="2">
        <v>0</v>
      </c>
      <c r="L34211" t="s">
        <v>120</v>
      </c>
      <c r="M34211" t="s">
        <v>87</v>
      </c>
      <c r="N34211" t="s">
        <v>88</v>
      </c>
      <c r="O34211" t="s">
        <v>85</v>
      </c>
      <c r="P34211" t="s">
        <v>86</v>
      </c>
      <c r="Q34211">
        <v>9</v>
      </c>
      <c r="R34211">
        <v>10</v>
      </c>
      <c r="S34211">
        <v>10</v>
      </c>
      <c r="T34211">
        <v>10</v>
      </c>
      <c r="U34211">
        <v>10</v>
      </c>
      <c r="V34211">
        <v>10</v>
      </c>
      <c r="W34211">
        <v>10</v>
      </c>
      <c r="X34211">
        <v>10</v>
      </c>
      <c r="Y34211">
        <v>10</v>
      </c>
      <c r="Z34211">
        <v>11</v>
      </c>
      <c r="AA34211">
        <v>11</v>
      </c>
      <c r="AB34211">
        <v>11</v>
      </c>
      <c r="AC34211">
        <v>11</v>
      </c>
      <c r="AD34211">
        <v>11</v>
      </c>
      <c r="AE34211">
        <v>11</v>
      </c>
      <c r="AF34211">
        <v>11</v>
      </c>
      <c r="AG34211">
        <v>11</v>
      </c>
      <c r="AH34211">
        <v>12</v>
      </c>
      <c r="AI34211">
        <v>12</v>
      </c>
      <c r="AJ34211">
        <v>12</v>
      </c>
      <c r="AK34211">
        <v>12</v>
      </c>
      <c r="AL34211">
        <v>12</v>
      </c>
      <c r="AM34211">
        <v>12</v>
      </c>
      <c r="AN34211">
        <v>12</v>
      </c>
      <c r="AO34211">
        <v>13</v>
      </c>
      <c r="AP34211">
        <v>13</v>
      </c>
      <c r="AQ34211">
        <v>13</v>
      </c>
    </row>
    <row r="34212" spans="1:43">
      <c r="A34212" t="s">
        <v>21191</v>
      </c>
      <c r="B34212" t="s">
        <v>21192</v>
      </c>
      <c r="C34212" t="s">
        <v>21181</v>
      </c>
      <c r="D34212" t="s">
        <v>21182</v>
      </c>
      <c r="E34212" t="s">
        <v>21139</v>
      </c>
      <c r="F34212" t="s">
        <v>21140</v>
      </c>
      <c r="G34212" t="s">
        <v>20255</v>
      </c>
      <c r="H34212" t="s">
        <v>20256</v>
      </c>
      <c r="I34212" s="2">
        <v>1</v>
      </c>
      <c r="J34212" s="2">
        <v>0</v>
      </c>
      <c r="K34212" s="2">
        <v>0</v>
      </c>
      <c r="L34212" t="s">
        <v>120</v>
      </c>
      <c r="M34212" t="s">
        <v>89</v>
      </c>
      <c r="N34212" t="s">
        <v>90</v>
      </c>
      <c r="O34212" t="s">
        <v>85</v>
      </c>
      <c r="P34212" t="s">
        <v>86</v>
      </c>
      <c r="Q34212">
        <v>9</v>
      </c>
      <c r="R34212">
        <v>9</v>
      </c>
      <c r="S34212">
        <v>9</v>
      </c>
      <c r="T34212">
        <v>9</v>
      </c>
      <c r="U34212">
        <v>10</v>
      </c>
      <c r="V34212">
        <v>10</v>
      </c>
      <c r="W34212">
        <v>10</v>
      </c>
      <c r="X34212">
        <v>11</v>
      </c>
      <c r="Y34212">
        <v>11</v>
      </c>
      <c r="Z34212">
        <v>11</v>
      </c>
      <c r="AA34212">
        <v>11</v>
      </c>
      <c r="AB34212">
        <v>12</v>
      </c>
      <c r="AC34212">
        <v>12</v>
      </c>
      <c r="AD34212">
        <v>12</v>
      </c>
      <c r="AE34212">
        <v>12</v>
      </c>
      <c r="AF34212">
        <v>12</v>
      </c>
      <c r="AG34212">
        <v>13</v>
      </c>
      <c r="AH34212">
        <v>13</v>
      </c>
      <c r="AI34212">
        <v>13</v>
      </c>
      <c r="AJ34212">
        <v>13</v>
      </c>
      <c r="AK34212">
        <v>13</v>
      </c>
      <c r="AL34212">
        <v>13</v>
      </c>
      <c r="AM34212">
        <v>13</v>
      </c>
      <c r="AN34212">
        <v>13</v>
      </c>
      <c r="AO34212">
        <v>13</v>
      </c>
      <c r="AP34212">
        <v>14</v>
      </c>
      <c r="AQ34212">
        <v>14</v>
      </c>
    </row>
    <row r="34213" spans="1:43">
      <c r="A34213" t="s">
        <v>21191</v>
      </c>
      <c r="B34213" t="s">
        <v>21192</v>
      </c>
      <c r="C34213" t="s">
        <v>21181</v>
      </c>
      <c r="D34213" t="s">
        <v>21182</v>
      </c>
      <c r="E34213" t="s">
        <v>21139</v>
      </c>
      <c r="F34213" t="s">
        <v>21140</v>
      </c>
      <c r="G34213" t="s">
        <v>20255</v>
      </c>
      <c r="H34213" t="s">
        <v>20256</v>
      </c>
      <c r="I34213" s="2">
        <v>1</v>
      </c>
      <c r="J34213" s="2">
        <v>0</v>
      </c>
      <c r="K34213" s="2">
        <v>0</v>
      </c>
      <c r="L34213" t="s">
        <v>120</v>
      </c>
      <c r="M34213" t="s">
        <v>83</v>
      </c>
      <c r="N34213" t="s">
        <v>91</v>
      </c>
      <c r="O34213" t="s">
        <v>85</v>
      </c>
      <c r="P34213" t="s">
        <v>86</v>
      </c>
      <c r="Q34213">
        <v>9</v>
      </c>
      <c r="R34213">
        <v>10</v>
      </c>
      <c r="S34213">
        <v>10</v>
      </c>
      <c r="T34213">
        <v>10</v>
      </c>
      <c r="U34213">
        <v>10</v>
      </c>
      <c r="V34213">
        <v>11</v>
      </c>
      <c r="W34213">
        <v>11</v>
      </c>
      <c r="X34213">
        <v>11</v>
      </c>
      <c r="Y34213">
        <v>11</v>
      </c>
      <c r="Z34213">
        <v>11</v>
      </c>
      <c r="AA34213">
        <v>12</v>
      </c>
      <c r="AB34213">
        <v>12</v>
      </c>
      <c r="AC34213">
        <v>12</v>
      </c>
      <c r="AD34213">
        <v>12</v>
      </c>
      <c r="AE34213">
        <v>13</v>
      </c>
      <c r="AF34213">
        <v>13</v>
      </c>
      <c r="AG34213">
        <v>13</v>
      </c>
      <c r="AH34213">
        <v>13</v>
      </c>
      <c r="AI34213">
        <v>13</v>
      </c>
      <c r="AJ34213">
        <v>14</v>
      </c>
      <c r="AK34213">
        <v>14</v>
      </c>
      <c r="AL34213">
        <v>14</v>
      </c>
      <c r="AM34213">
        <v>14</v>
      </c>
      <c r="AN34213">
        <v>14</v>
      </c>
      <c r="AO34213">
        <v>14</v>
      </c>
      <c r="AP34213">
        <v>14</v>
      </c>
      <c r="AQ34213">
        <v>15</v>
      </c>
    </row>
    <row r="34214" spans="1:43">
      <c r="A34214" t="s">
        <v>21193</v>
      </c>
      <c r="B34214" t="s">
        <v>21194</v>
      </c>
      <c r="C34214" t="s">
        <v>21195</v>
      </c>
      <c r="D34214" t="s">
        <v>21196</v>
      </c>
      <c r="E34214" t="s">
        <v>21139</v>
      </c>
      <c r="F34214" t="s">
        <v>21140</v>
      </c>
      <c r="G34214" t="s">
        <v>20255</v>
      </c>
      <c r="H34214" t="s">
        <v>20256</v>
      </c>
      <c r="I34214" s="2">
        <v>1</v>
      </c>
      <c r="J34214" s="2">
        <v>0</v>
      </c>
      <c r="K34214" s="2">
        <v>0</v>
      </c>
      <c r="L34214" t="s">
        <v>120</v>
      </c>
      <c r="M34214" t="s">
        <v>83</v>
      </c>
      <c r="N34214" t="s">
        <v>84</v>
      </c>
      <c r="O34214" t="s">
        <v>85</v>
      </c>
      <c r="P34214" t="s">
        <v>86</v>
      </c>
      <c r="Q34214">
        <v>28</v>
      </c>
      <c r="R34214">
        <v>29</v>
      </c>
      <c r="S34214">
        <v>29</v>
      </c>
      <c r="T34214">
        <v>30</v>
      </c>
      <c r="U34214">
        <v>30</v>
      </c>
      <c r="V34214">
        <v>31</v>
      </c>
      <c r="W34214">
        <v>32</v>
      </c>
      <c r="X34214">
        <v>32</v>
      </c>
      <c r="Y34214">
        <v>33</v>
      </c>
      <c r="Z34214">
        <v>33</v>
      </c>
      <c r="AA34214">
        <v>34</v>
      </c>
      <c r="AB34214">
        <v>35</v>
      </c>
      <c r="AC34214">
        <v>35</v>
      </c>
      <c r="AD34214">
        <v>36</v>
      </c>
      <c r="AE34214">
        <v>37</v>
      </c>
      <c r="AF34214">
        <v>37</v>
      </c>
      <c r="AG34214">
        <v>38</v>
      </c>
      <c r="AH34214">
        <v>38</v>
      </c>
      <c r="AI34214">
        <v>39</v>
      </c>
      <c r="AJ34214">
        <v>40</v>
      </c>
      <c r="AK34214">
        <v>40</v>
      </c>
      <c r="AL34214">
        <v>41</v>
      </c>
      <c r="AM34214">
        <v>41</v>
      </c>
      <c r="AN34214">
        <v>41</v>
      </c>
      <c r="AO34214">
        <v>42</v>
      </c>
      <c r="AP34214">
        <v>42</v>
      </c>
      <c r="AQ34214">
        <v>42</v>
      </c>
    </row>
    <row r="34215" spans="1:43">
      <c r="A34215" t="s">
        <v>21193</v>
      </c>
      <c r="B34215" t="s">
        <v>21194</v>
      </c>
      <c r="C34215" t="s">
        <v>21195</v>
      </c>
      <c r="D34215" t="s">
        <v>21196</v>
      </c>
      <c r="E34215" t="s">
        <v>21139</v>
      </c>
      <c r="F34215" t="s">
        <v>21140</v>
      </c>
      <c r="G34215" t="s">
        <v>20255</v>
      </c>
      <c r="H34215" t="s">
        <v>20256</v>
      </c>
      <c r="I34215" s="2">
        <v>1</v>
      </c>
      <c r="J34215" s="2">
        <v>0</v>
      </c>
      <c r="K34215" s="2">
        <v>0</v>
      </c>
      <c r="L34215" t="s">
        <v>120</v>
      </c>
      <c r="M34215" t="s">
        <v>87</v>
      </c>
      <c r="N34215" t="s">
        <v>88</v>
      </c>
      <c r="O34215" t="s">
        <v>85</v>
      </c>
      <c r="P34215" t="s">
        <v>86</v>
      </c>
      <c r="Q34215">
        <v>28</v>
      </c>
      <c r="R34215">
        <v>28</v>
      </c>
      <c r="S34215">
        <v>28</v>
      </c>
      <c r="T34215">
        <v>29</v>
      </c>
      <c r="U34215">
        <v>29</v>
      </c>
      <c r="V34215">
        <v>29</v>
      </c>
      <c r="W34215">
        <v>30</v>
      </c>
      <c r="X34215">
        <v>30</v>
      </c>
      <c r="Y34215">
        <v>30</v>
      </c>
      <c r="Z34215">
        <v>31</v>
      </c>
      <c r="AA34215">
        <v>31</v>
      </c>
      <c r="AB34215">
        <v>31</v>
      </c>
      <c r="AC34215">
        <v>32</v>
      </c>
      <c r="AD34215">
        <v>32</v>
      </c>
      <c r="AE34215">
        <v>32</v>
      </c>
      <c r="AF34215">
        <v>33</v>
      </c>
      <c r="AG34215">
        <v>33</v>
      </c>
      <c r="AH34215">
        <v>34</v>
      </c>
      <c r="AI34215">
        <v>34</v>
      </c>
      <c r="AJ34215">
        <v>34</v>
      </c>
      <c r="AK34215">
        <v>35</v>
      </c>
      <c r="AL34215">
        <v>35</v>
      </c>
      <c r="AM34215">
        <v>35</v>
      </c>
      <c r="AN34215">
        <v>36</v>
      </c>
      <c r="AO34215">
        <v>36</v>
      </c>
      <c r="AP34215">
        <v>36</v>
      </c>
      <c r="AQ34215">
        <v>37</v>
      </c>
    </row>
    <row r="34216" spans="1:43">
      <c r="A34216" t="s">
        <v>21193</v>
      </c>
      <c r="B34216" t="s">
        <v>21194</v>
      </c>
      <c r="C34216" t="s">
        <v>21195</v>
      </c>
      <c r="D34216" t="s">
        <v>21196</v>
      </c>
      <c r="E34216" t="s">
        <v>21139</v>
      </c>
      <c r="F34216" t="s">
        <v>21140</v>
      </c>
      <c r="G34216" t="s">
        <v>20255</v>
      </c>
      <c r="H34216" t="s">
        <v>20256</v>
      </c>
      <c r="I34216" s="2">
        <v>1</v>
      </c>
      <c r="J34216" s="2">
        <v>0</v>
      </c>
      <c r="K34216" s="2">
        <v>0</v>
      </c>
      <c r="L34216" t="s">
        <v>120</v>
      </c>
      <c r="M34216" t="s">
        <v>89</v>
      </c>
      <c r="N34216" t="s">
        <v>90</v>
      </c>
      <c r="O34216" t="s">
        <v>85</v>
      </c>
      <c r="P34216" t="s">
        <v>86</v>
      </c>
      <c r="Q34216">
        <v>28</v>
      </c>
      <c r="R34216">
        <v>29</v>
      </c>
      <c r="S34216">
        <v>30</v>
      </c>
      <c r="T34216">
        <v>31</v>
      </c>
      <c r="U34216">
        <v>32</v>
      </c>
      <c r="V34216">
        <v>32</v>
      </c>
      <c r="W34216">
        <v>33</v>
      </c>
      <c r="X34216">
        <v>34</v>
      </c>
      <c r="Y34216">
        <v>35</v>
      </c>
      <c r="Z34216">
        <v>35</v>
      </c>
      <c r="AA34216">
        <v>36</v>
      </c>
      <c r="AB34216">
        <v>37</v>
      </c>
      <c r="AC34216">
        <v>38</v>
      </c>
      <c r="AD34216">
        <v>39</v>
      </c>
      <c r="AE34216">
        <v>39</v>
      </c>
      <c r="AF34216">
        <v>40</v>
      </c>
      <c r="AG34216">
        <v>40</v>
      </c>
      <c r="AH34216">
        <v>40</v>
      </c>
      <c r="AI34216">
        <v>40</v>
      </c>
      <c r="AJ34216">
        <v>41</v>
      </c>
      <c r="AK34216">
        <v>41</v>
      </c>
      <c r="AL34216">
        <v>41</v>
      </c>
      <c r="AM34216">
        <v>42</v>
      </c>
      <c r="AN34216">
        <v>42</v>
      </c>
      <c r="AO34216">
        <v>42</v>
      </c>
      <c r="AP34216">
        <v>42</v>
      </c>
      <c r="AQ34216">
        <v>43</v>
      </c>
    </row>
    <row r="34217" spans="1:43">
      <c r="A34217" t="s">
        <v>21193</v>
      </c>
      <c r="B34217" t="s">
        <v>21194</v>
      </c>
      <c r="C34217" t="s">
        <v>21195</v>
      </c>
      <c r="D34217" t="s">
        <v>21196</v>
      </c>
      <c r="E34217" t="s">
        <v>21139</v>
      </c>
      <c r="F34217" t="s">
        <v>21140</v>
      </c>
      <c r="G34217" t="s">
        <v>20255</v>
      </c>
      <c r="H34217" t="s">
        <v>20256</v>
      </c>
      <c r="I34217" s="2">
        <v>1</v>
      </c>
      <c r="J34217" s="2">
        <v>0</v>
      </c>
      <c r="K34217" s="2">
        <v>0</v>
      </c>
      <c r="L34217" t="s">
        <v>120</v>
      </c>
      <c r="M34217" t="s">
        <v>83</v>
      </c>
      <c r="N34217" t="s">
        <v>91</v>
      </c>
      <c r="O34217" t="s">
        <v>85</v>
      </c>
      <c r="P34217" t="s">
        <v>86</v>
      </c>
      <c r="Q34217">
        <v>28</v>
      </c>
      <c r="R34217">
        <v>29</v>
      </c>
      <c r="S34217">
        <v>29</v>
      </c>
      <c r="T34217">
        <v>30</v>
      </c>
      <c r="U34217">
        <v>30</v>
      </c>
      <c r="V34217">
        <v>31</v>
      </c>
      <c r="W34217">
        <v>32</v>
      </c>
      <c r="X34217">
        <v>32</v>
      </c>
      <c r="Y34217">
        <v>33</v>
      </c>
      <c r="Z34217">
        <v>33</v>
      </c>
      <c r="AA34217">
        <v>34</v>
      </c>
      <c r="AB34217">
        <v>35</v>
      </c>
      <c r="AC34217">
        <v>35</v>
      </c>
      <c r="AD34217">
        <v>36</v>
      </c>
      <c r="AE34217">
        <v>37</v>
      </c>
      <c r="AF34217">
        <v>37</v>
      </c>
      <c r="AG34217">
        <v>38</v>
      </c>
      <c r="AH34217">
        <v>38</v>
      </c>
      <c r="AI34217">
        <v>39</v>
      </c>
      <c r="AJ34217">
        <v>40</v>
      </c>
      <c r="AK34217">
        <v>40</v>
      </c>
      <c r="AL34217">
        <v>41</v>
      </c>
      <c r="AM34217">
        <v>41</v>
      </c>
      <c r="AN34217">
        <v>41</v>
      </c>
      <c r="AO34217">
        <v>42</v>
      </c>
      <c r="AP34217">
        <v>42</v>
      </c>
      <c r="AQ34217">
        <v>42</v>
      </c>
    </row>
    <row r="34218" spans="1:43">
      <c r="A34218" t="s">
        <v>21197</v>
      </c>
      <c r="B34218" t="s">
        <v>21198</v>
      </c>
      <c r="C34218" t="s">
        <v>21195</v>
      </c>
      <c r="D34218" t="s">
        <v>21196</v>
      </c>
      <c r="E34218" t="s">
        <v>21139</v>
      </c>
      <c r="F34218" t="s">
        <v>21140</v>
      </c>
      <c r="G34218" t="s">
        <v>20255</v>
      </c>
      <c r="H34218" t="s">
        <v>20256</v>
      </c>
      <c r="I34218" s="2">
        <v>1</v>
      </c>
      <c r="J34218" s="2">
        <v>0</v>
      </c>
      <c r="K34218" s="2">
        <v>0</v>
      </c>
      <c r="L34218" t="s">
        <v>120</v>
      </c>
      <c r="M34218" t="s">
        <v>83</v>
      </c>
      <c r="N34218" t="s">
        <v>84</v>
      </c>
      <c r="O34218" t="s">
        <v>85</v>
      </c>
      <c r="P34218" t="s">
        <v>86</v>
      </c>
      <c r="Q34218">
        <v>23</v>
      </c>
      <c r="R34218">
        <v>24</v>
      </c>
      <c r="S34218">
        <v>24</v>
      </c>
      <c r="T34218">
        <v>25</v>
      </c>
      <c r="U34218">
        <v>25</v>
      </c>
      <c r="V34218">
        <v>26</v>
      </c>
      <c r="W34218">
        <v>26</v>
      </c>
      <c r="X34218">
        <v>27</v>
      </c>
      <c r="Y34218">
        <v>27</v>
      </c>
      <c r="Z34218">
        <v>28</v>
      </c>
      <c r="AA34218">
        <v>28</v>
      </c>
      <c r="AB34218">
        <v>29</v>
      </c>
      <c r="AC34218">
        <v>30</v>
      </c>
      <c r="AD34218">
        <v>30</v>
      </c>
      <c r="AE34218">
        <v>31</v>
      </c>
      <c r="AF34218">
        <v>31</v>
      </c>
      <c r="AG34218">
        <v>32</v>
      </c>
      <c r="AH34218">
        <v>32</v>
      </c>
      <c r="AI34218">
        <v>33</v>
      </c>
      <c r="AJ34218">
        <v>33</v>
      </c>
      <c r="AK34218">
        <v>34</v>
      </c>
      <c r="AL34218">
        <v>34</v>
      </c>
      <c r="AM34218">
        <v>35</v>
      </c>
      <c r="AN34218">
        <v>35</v>
      </c>
      <c r="AO34218">
        <v>35</v>
      </c>
      <c r="AP34218">
        <v>35</v>
      </c>
      <c r="AQ34218">
        <v>36</v>
      </c>
    </row>
    <row r="34219" spans="1:43">
      <c r="A34219" t="s">
        <v>21197</v>
      </c>
      <c r="B34219" t="s">
        <v>21198</v>
      </c>
      <c r="C34219" t="s">
        <v>21195</v>
      </c>
      <c r="D34219" t="s">
        <v>21196</v>
      </c>
      <c r="E34219" t="s">
        <v>21139</v>
      </c>
      <c r="F34219" t="s">
        <v>21140</v>
      </c>
      <c r="G34219" t="s">
        <v>20255</v>
      </c>
      <c r="H34219" t="s">
        <v>20256</v>
      </c>
      <c r="I34219" s="2">
        <v>1</v>
      </c>
      <c r="J34219" s="2">
        <v>0</v>
      </c>
      <c r="K34219" s="2">
        <v>0</v>
      </c>
      <c r="L34219" t="s">
        <v>120</v>
      </c>
      <c r="M34219" t="s">
        <v>87</v>
      </c>
      <c r="N34219" t="s">
        <v>88</v>
      </c>
      <c r="O34219" t="s">
        <v>85</v>
      </c>
      <c r="P34219" t="s">
        <v>86</v>
      </c>
      <c r="Q34219">
        <v>23</v>
      </c>
      <c r="R34219">
        <v>23</v>
      </c>
      <c r="S34219">
        <v>24</v>
      </c>
      <c r="T34219">
        <v>24</v>
      </c>
      <c r="U34219">
        <v>24</v>
      </c>
      <c r="V34219">
        <v>24</v>
      </c>
      <c r="W34219">
        <v>25</v>
      </c>
      <c r="X34219">
        <v>25</v>
      </c>
      <c r="Y34219">
        <v>25</v>
      </c>
      <c r="Z34219">
        <v>26</v>
      </c>
      <c r="AA34219">
        <v>26</v>
      </c>
      <c r="AB34219">
        <v>26</v>
      </c>
      <c r="AC34219">
        <v>27</v>
      </c>
      <c r="AD34219">
        <v>27</v>
      </c>
      <c r="AE34219">
        <v>27</v>
      </c>
      <c r="AF34219">
        <v>28</v>
      </c>
      <c r="AG34219">
        <v>28</v>
      </c>
      <c r="AH34219">
        <v>28</v>
      </c>
      <c r="AI34219">
        <v>28</v>
      </c>
      <c r="AJ34219">
        <v>29</v>
      </c>
      <c r="AK34219">
        <v>29</v>
      </c>
      <c r="AL34219">
        <v>29</v>
      </c>
      <c r="AM34219">
        <v>30</v>
      </c>
      <c r="AN34219">
        <v>30</v>
      </c>
      <c r="AO34219">
        <v>30</v>
      </c>
      <c r="AP34219">
        <v>31</v>
      </c>
      <c r="AQ34219">
        <v>31</v>
      </c>
    </row>
    <row r="34220" spans="1:43">
      <c r="A34220" t="s">
        <v>21197</v>
      </c>
      <c r="B34220" t="s">
        <v>21198</v>
      </c>
      <c r="C34220" t="s">
        <v>21195</v>
      </c>
      <c r="D34220" t="s">
        <v>21196</v>
      </c>
      <c r="E34220" t="s">
        <v>21139</v>
      </c>
      <c r="F34220" t="s">
        <v>21140</v>
      </c>
      <c r="G34220" t="s">
        <v>20255</v>
      </c>
      <c r="H34220" t="s">
        <v>20256</v>
      </c>
      <c r="I34220" s="2">
        <v>1</v>
      </c>
      <c r="J34220" s="2">
        <v>0</v>
      </c>
      <c r="K34220" s="2">
        <v>0</v>
      </c>
      <c r="L34220" t="s">
        <v>120</v>
      </c>
      <c r="M34220" t="s">
        <v>89</v>
      </c>
      <c r="N34220" t="s">
        <v>90</v>
      </c>
      <c r="O34220" t="s">
        <v>85</v>
      </c>
      <c r="P34220" t="s">
        <v>86</v>
      </c>
      <c r="Q34220">
        <v>23</v>
      </c>
      <c r="R34220">
        <v>24</v>
      </c>
      <c r="S34220">
        <v>25</v>
      </c>
      <c r="T34220">
        <v>26</v>
      </c>
      <c r="U34220">
        <v>26</v>
      </c>
      <c r="V34220">
        <v>27</v>
      </c>
      <c r="W34220">
        <v>28</v>
      </c>
      <c r="X34220">
        <v>28</v>
      </c>
      <c r="Y34220">
        <v>29</v>
      </c>
      <c r="Z34220">
        <v>30</v>
      </c>
      <c r="AA34220">
        <v>30</v>
      </c>
      <c r="AB34220">
        <v>31</v>
      </c>
      <c r="AC34220">
        <v>32</v>
      </c>
      <c r="AD34220">
        <v>32</v>
      </c>
      <c r="AE34220">
        <v>33</v>
      </c>
      <c r="AF34220">
        <v>33</v>
      </c>
      <c r="AG34220">
        <v>33</v>
      </c>
      <c r="AH34220">
        <v>34</v>
      </c>
      <c r="AI34220">
        <v>34</v>
      </c>
      <c r="AJ34220">
        <v>34</v>
      </c>
      <c r="AK34220">
        <v>34</v>
      </c>
      <c r="AL34220">
        <v>35</v>
      </c>
      <c r="AM34220">
        <v>35</v>
      </c>
      <c r="AN34220">
        <v>35</v>
      </c>
      <c r="AO34220">
        <v>35</v>
      </c>
      <c r="AP34220">
        <v>36</v>
      </c>
      <c r="AQ34220">
        <v>36</v>
      </c>
    </row>
    <row r="34221" spans="1:43">
      <c r="A34221" t="s">
        <v>21197</v>
      </c>
      <c r="B34221" t="s">
        <v>21198</v>
      </c>
      <c r="C34221" t="s">
        <v>21195</v>
      </c>
      <c r="D34221" t="s">
        <v>21196</v>
      </c>
      <c r="E34221" t="s">
        <v>21139</v>
      </c>
      <c r="F34221" t="s">
        <v>21140</v>
      </c>
      <c r="G34221" t="s">
        <v>20255</v>
      </c>
      <c r="H34221" t="s">
        <v>20256</v>
      </c>
      <c r="I34221" s="2">
        <v>1</v>
      </c>
      <c r="J34221" s="2">
        <v>0</v>
      </c>
      <c r="K34221" s="2">
        <v>0</v>
      </c>
      <c r="L34221" t="s">
        <v>120</v>
      </c>
      <c r="M34221" t="s">
        <v>83</v>
      </c>
      <c r="N34221" t="s">
        <v>91</v>
      </c>
      <c r="O34221" t="s">
        <v>85</v>
      </c>
      <c r="P34221" t="s">
        <v>86</v>
      </c>
      <c r="Q34221">
        <v>23</v>
      </c>
      <c r="R34221">
        <v>24</v>
      </c>
      <c r="S34221">
        <v>24</v>
      </c>
      <c r="T34221">
        <v>25</v>
      </c>
      <c r="U34221">
        <v>25</v>
      </c>
      <c r="V34221">
        <v>26</v>
      </c>
      <c r="W34221">
        <v>26</v>
      </c>
      <c r="X34221">
        <v>27</v>
      </c>
      <c r="Y34221">
        <v>27</v>
      </c>
      <c r="Z34221">
        <v>28</v>
      </c>
      <c r="AA34221">
        <v>28</v>
      </c>
      <c r="AB34221">
        <v>29</v>
      </c>
      <c r="AC34221">
        <v>30</v>
      </c>
      <c r="AD34221">
        <v>30</v>
      </c>
      <c r="AE34221">
        <v>31</v>
      </c>
      <c r="AF34221">
        <v>31</v>
      </c>
      <c r="AG34221">
        <v>32</v>
      </c>
      <c r="AH34221">
        <v>32</v>
      </c>
      <c r="AI34221">
        <v>33</v>
      </c>
      <c r="AJ34221">
        <v>33</v>
      </c>
      <c r="AK34221">
        <v>34</v>
      </c>
      <c r="AL34221">
        <v>34</v>
      </c>
      <c r="AM34221">
        <v>35</v>
      </c>
      <c r="AN34221">
        <v>35</v>
      </c>
      <c r="AO34221">
        <v>35</v>
      </c>
      <c r="AP34221">
        <v>35</v>
      </c>
      <c r="AQ34221">
        <v>36</v>
      </c>
    </row>
    <row r="34222" spans="1:43">
      <c r="A34222" t="s">
        <v>21199</v>
      </c>
      <c r="B34222" t="s">
        <v>21200</v>
      </c>
      <c r="C34222" t="s">
        <v>21195</v>
      </c>
      <c r="D34222" t="s">
        <v>21196</v>
      </c>
      <c r="E34222" t="s">
        <v>21139</v>
      </c>
      <c r="F34222" t="s">
        <v>21140</v>
      </c>
      <c r="G34222" t="s">
        <v>20255</v>
      </c>
      <c r="H34222" t="s">
        <v>20256</v>
      </c>
      <c r="I34222" s="2">
        <v>1</v>
      </c>
      <c r="J34222" s="2">
        <v>0</v>
      </c>
      <c r="K34222" s="2">
        <v>0</v>
      </c>
      <c r="L34222" t="s">
        <v>120</v>
      </c>
      <c r="M34222" t="s">
        <v>83</v>
      </c>
      <c r="N34222" t="s">
        <v>84</v>
      </c>
      <c r="O34222" t="s">
        <v>85</v>
      </c>
      <c r="P34222" t="s">
        <v>86</v>
      </c>
      <c r="Q34222">
        <v>42</v>
      </c>
      <c r="R34222">
        <v>42</v>
      </c>
      <c r="S34222">
        <v>43</v>
      </c>
      <c r="T34222">
        <v>44</v>
      </c>
      <c r="U34222">
        <v>45</v>
      </c>
      <c r="V34222">
        <v>46</v>
      </c>
      <c r="W34222">
        <v>47</v>
      </c>
      <c r="X34222">
        <v>48</v>
      </c>
      <c r="Y34222">
        <v>49</v>
      </c>
      <c r="Z34222">
        <v>50</v>
      </c>
      <c r="AA34222">
        <v>51</v>
      </c>
      <c r="AB34222">
        <v>52</v>
      </c>
      <c r="AC34222">
        <v>53</v>
      </c>
      <c r="AD34222">
        <v>54</v>
      </c>
      <c r="AE34222">
        <v>55</v>
      </c>
      <c r="AF34222">
        <v>56</v>
      </c>
      <c r="AG34222">
        <v>57</v>
      </c>
      <c r="AH34222">
        <v>58</v>
      </c>
      <c r="AI34222">
        <v>59</v>
      </c>
      <c r="AJ34222">
        <v>60</v>
      </c>
      <c r="AK34222">
        <v>61</v>
      </c>
      <c r="AL34222">
        <v>61</v>
      </c>
      <c r="AM34222">
        <v>62</v>
      </c>
      <c r="AN34222">
        <v>62</v>
      </c>
      <c r="AO34222">
        <v>63</v>
      </c>
      <c r="AP34222">
        <v>63</v>
      </c>
      <c r="AQ34222">
        <v>64</v>
      </c>
    </row>
    <row r="34223" spans="1:43">
      <c r="A34223" t="s">
        <v>21199</v>
      </c>
      <c r="B34223" t="s">
        <v>21200</v>
      </c>
      <c r="C34223" t="s">
        <v>21195</v>
      </c>
      <c r="D34223" t="s">
        <v>21196</v>
      </c>
      <c r="E34223" t="s">
        <v>21139</v>
      </c>
      <c r="F34223" t="s">
        <v>21140</v>
      </c>
      <c r="G34223" t="s">
        <v>20255</v>
      </c>
      <c r="H34223" t="s">
        <v>20256</v>
      </c>
      <c r="I34223" s="2">
        <v>1</v>
      </c>
      <c r="J34223" s="2">
        <v>0</v>
      </c>
      <c r="K34223" s="2">
        <v>0</v>
      </c>
      <c r="L34223" t="s">
        <v>120</v>
      </c>
      <c r="M34223" t="s">
        <v>87</v>
      </c>
      <c r="N34223" t="s">
        <v>88</v>
      </c>
      <c r="O34223" t="s">
        <v>85</v>
      </c>
      <c r="P34223" t="s">
        <v>86</v>
      </c>
      <c r="Q34223">
        <v>42</v>
      </c>
      <c r="R34223">
        <v>43</v>
      </c>
      <c r="S34223">
        <v>43</v>
      </c>
      <c r="T34223">
        <v>44</v>
      </c>
      <c r="U34223">
        <v>44</v>
      </c>
      <c r="V34223">
        <v>45</v>
      </c>
      <c r="W34223">
        <v>45</v>
      </c>
      <c r="X34223">
        <v>46</v>
      </c>
      <c r="Y34223">
        <v>46</v>
      </c>
      <c r="Z34223">
        <v>47</v>
      </c>
      <c r="AA34223">
        <v>48</v>
      </c>
      <c r="AB34223">
        <v>48</v>
      </c>
      <c r="AC34223">
        <v>49</v>
      </c>
      <c r="AD34223">
        <v>49</v>
      </c>
      <c r="AE34223">
        <v>50</v>
      </c>
      <c r="AF34223">
        <v>50</v>
      </c>
      <c r="AG34223">
        <v>51</v>
      </c>
      <c r="AH34223">
        <v>51</v>
      </c>
      <c r="AI34223">
        <v>52</v>
      </c>
      <c r="AJ34223">
        <v>53</v>
      </c>
      <c r="AK34223">
        <v>53</v>
      </c>
      <c r="AL34223">
        <v>54</v>
      </c>
      <c r="AM34223">
        <v>54</v>
      </c>
      <c r="AN34223">
        <v>55</v>
      </c>
      <c r="AO34223">
        <v>55</v>
      </c>
      <c r="AP34223">
        <v>56</v>
      </c>
      <c r="AQ34223">
        <v>56</v>
      </c>
    </row>
    <row r="34224" spans="1:43">
      <c r="A34224" t="s">
        <v>21199</v>
      </c>
      <c r="B34224" t="s">
        <v>21200</v>
      </c>
      <c r="C34224" t="s">
        <v>21195</v>
      </c>
      <c r="D34224" t="s">
        <v>21196</v>
      </c>
      <c r="E34224" t="s">
        <v>21139</v>
      </c>
      <c r="F34224" t="s">
        <v>21140</v>
      </c>
      <c r="G34224" t="s">
        <v>20255</v>
      </c>
      <c r="H34224" t="s">
        <v>20256</v>
      </c>
      <c r="I34224" s="2">
        <v>1</v>
      </c>
      <c r="J34224" s="2">
        <v>0</v>
      </c>
      <c r="K34224" s="2">
        <v>0</v>
      </c>
      <c r="L34224" t="s">
        <v>120</v>
      </c>
      <c r="M34224" t="s">
        <v>89</v>
      </c>
      <c r="N34224" t="s">
        <v>90</v>
      </c>
      <c r="O34224" t="s">
        <v>85</v>
      </c>
      <c r="P34224" t="s">
        <v>86</v>
      </c>
      <c r="Q34224">
        <v>42</v>
      </c>
      <c r="R34224">
        <v>43</v>
      </c>
      <c r="S34224">
        <v>45</v>
      </c>
      <c r="T34224">
        <v>46</v>
      </c>
      <c r="U34224">
        <v>47</v>
      </c>
      <c r="V34224">
        <v>48</v>
      </c>
      <c r="W34224">
        <v>50</v>
      </c>
      <c r="X34224">
        <v>51</v>
      </c>
      <c r="Y34224">
        <v>52</v>
      </c>
      <c r="Z34224">
        <v>53</v>
      </c>
      <c r="AA34224">
        <v>54</v>
      </c>
      <c r="AB34224">
        <v>55</v>
      </c>
      <c r="AC34224">
        <v>57</v>
      </c>
      <c r="AD34224">
        <v>58</v>
      </c>
      <c r="AE34224">
        <v>59</v>
      </c>
      <c r="AF34224">
        <v>59</v>
      </c>
      <c r="AG34224">
        <v>60</v>
      </c>
      <c r="AH34224">
        <v>60</v>
      </c>
      <c r="AI34224">
        <v>61</v>
      </c>
      <c r="AJ34224">
        <v>61</v>
      </c>
      <c r="AK34224">
        <v>62</v>
      </c>
      <c r="AL34224">
        <v>62</v>
      </c>
      <c r="AM34224">
        <v>62</v>
      </c>
      <c r="AN34224">
        <v>63</v>
      </c>
      <c r="AO34224">
        <v>63</v>
      </c>
      <c r="AP34224">
        <v>64</v>
      </c>
      <c r="AQ34224">
        <v>64</v>
      </c>
    </row>
    <row r="34225" spans="1:43">
      <c r="A34225" t="s">
        <v>21199</v>
      </c>
      <c r="B34225" t="s">
        <v>21200</v>
      </c>
      <c r="C34225" t="s">
        <v>21195</v>
      </c>
      <c r="D34225" t="s">
        <v>21196</v>
      </c>
      <c r="E34225" t="s">
        <v>21139</v>
      </c>
      <c r="F34225" t="s">
        <v>21140</v>
      </c>
      <c r="G34225" t="s">
        <v>20255</v>
      </c>
      <c r="H34225" t="s">
        <v>20256</v>
      </c>
      <c r="I34225" s="2">
        <v>1</v>
      </c>
      <c r="J34225" s="2">
        <v>0</v>
      </c>
      <c r="K34225" s="2">
        <v>0</v>
      </c>
      <c r="L34225" t="s">
        <v>120</v>
      </c>
      <c r="M34225" t="s">
        <v>83</v>
      </c>
      <c r="N34225" t="s">
        <v>91</v>
      </c>
      <c r="O34225" t="s">
        <v>85</v>
      </c>
      <c r="P34225" t="s">
        <v>86</v>
      </c>
      <c r="Q34225">
        <v>42</v>
      </c>
      <c r="R34225">
        <v>42</v>
      </c>
      <c r="S34225">
        <v>43</v>
      </c>
      <c r="T34225">
        <v>44</v>
      </c>
      <c r="U34225">
        <v>45</v>
      </c>
      <c r="V34225">
        <v>46</v>
      </c>
      <c r="W34225">
        <v>47</v>
      </c>
      <c r="X34225">
        <v>48</v>
      </c>
      <c r="Y34225">
        <v>49</v>
      </c>
      <c r="Z34225">
        <v>50</v>
      </c>
      <c r="AA34225">
        <v>51</v>
      </c>
      <c r="AB34225">
        <v>52</v>
      </c>
      <c r="AC34225">
        <v>53</v>
      </c>
      <c r="AD34225">
        <v>54</v>
      </c>
      <c r="AE34225">
        <v>55</v>
      </c>
      <c r="AF34225">
        <v>56</v>
      </c>
      <c r="AG34225">
        <v>57</v>
      </c>
      <c r="AH34225">
        <v>58</v>
      </c>
      <c r="AI34225">
        <v>59</v>
      </c>
      <c r="AJ34225">
        <v>60</v>
      </c>
      <c r="AK34225">
        <v>61</v>
      </c>
      <c r="AL34225">
        <v>61</v>
      </c>
      <c r="AM34225">
        <v>62</v>
      </c>
      <c r="AN34225">
        <v>62</v>
      </c>
      <c r="AO34225">
        <v>63</v>
      </c>
      <c r="AP34225">
        <v>63</v>
      </c>
      <c r="AQ34225">
        <v>64</v>
      </c>
    </row>
    <row r="34226" spans="1:43">
      <c r="A34226" t="s">
        <v>21201</v>
      </c>
      <c r="B34226" t="s">
        <v>21202</v>
      </c>
      <c r="C34226" t="s">
        <v>21195</v>
      </c>
      <c r="D34226" t="s">
        <v>21196</v>
      </c>
      <c r="E34226" t="s">
        <v>21139</v>
      </c>
      <c r="F34226" t="s">
        <v>21140</v>
      </c>
      <c r="G34226" t="s">
        <v>20255</v>
      </c>
      <c r="H34226" t="s">
        <v>20256</v>
      </c>
      <c r="I34226" s="2">
        <v>1</v>
      </c>
      <c r="J34226" s="2">
        <v>0</v>
      </c>
      <c r="K34226" s="2">
        <v>0</v>
      </c>
      <c r="L34226" t="s">
        <v>120</v>
      </c>
      <c r="M34226" t="s">
        <v>83</v>
      </c>
      <c r="N34226" t="s">
        <v>84</v>
      </c>
      <c r="O34226" t="s">
        <v>85</v>
      </c>
      <c r="P34226" t="s">
        <v>86</v>
      </c>
      <c r="Q34226">
        <v>26</v>
      </c>
      <c r="R34226">
        <v>26</v>
      </c>
      <c r="S34226">
        <v>27</v>
      </c>
      <c r="T34226">
        <v>27</v>
      </c>
      <c r="U34226">
        <v>28</v>
      </c>
      <c r="V34226">
        <v>29</v>
      </c>
      <c r="W34226">
        <v>29</v>
      </c>
      <c r="X34226">
        <v>30</v>
      </c>
      <c r="Y34226">
        <v>30</v>
      </c>
      <c r="Z34226">
        <v>31</v>
      </c>
      <c r="AA34226">
        <v>32</v>
      </c>
      <c r="AB34226">
        <v>32</v>
      </c>
      <c r="AC34226">
        <v>33</v>
      </c>
      <c r="AD34226">
        <v>33</v>
      </c>
      <c r="AE34226">
        <v>34</v>
      </c>
      <c r="AF34226">
        <v>35</v>
      </c>
      <c r="AG34226">
        <v>35</v>
      </c>
      <c r="AH34226">
        <v>36</v>
      </c>
      <c r="AI34226">
        <v>36</v>
      </c>
      <c r="AJ34226">
        <v>37</v>
      </c>
      <c r="AK34226">
        <v>38</v>
      </c>
      <c r="AL34226">
        <v>38</v>
      </c>
      <c r="AM34226">
        <v>38</v>
      </c>
      <c r="AN34226">
        <v>39</v>
      </c>
      <c r="AO34226">
        <v>39</v>
      </c>
      <c r="AP34226">
        <v>39</v>
      </c>
      <c r="AQ34226">
        <v>39</v>
      </c>
    </row>
    <row r="34227" spans="1:43">
      <c r="A34227" t="s">
        <v>21201</v>
      </c>
      <c r="B34227" t="s">
        <v>21202</v>
      </c>
      <c r="C34227" t="s">
        <v>21195</v>
      </c>
      <c r="D34227" t="s">
        <v>21196</v>
      </c>
      <c r="E34227" t="s">
        <v>21139</v>
      </c>
      <c r="F34227" t="s">
        <v>21140</v>
      </c>
      <c r="G34227" t="s">
        <v>20255</v>
      </c>
      <c r="H34227" t="s">
        <v>20256</v>
      </c>
      <c r="I34227" s="2">
        <v>1</v>
      </c>
      <c r="J34227" s="2">
        <v>0</v>
      </c>
      <c r="K34227" s="2">
        <v>0</v>
      </c>
      <c r="L34227" t="s">
        <v>120</v>
      </c>
      <c r="M34227" t="s">
        <v>87</v>
      </c>
      <c r="N34227" t="s">
        <v>88</v>
      </c>
      <c r="O34227" t="s">
        <v>85</v>
      </c>
      <c r="P34227" t="s">
        <v>86</v>
      </c>
      <c r="Q34227">
        <v>26</v>
      </c>
      <c r="R34227">
        <v>27</v>
      </c>
      <c r="S34227">
        <v>27</v>
      </c>
      <c r="T34227">
        <v>27</v>
      </c>
      <c r="U34227">
        <v>28</v>
      </c>
      <c r="V34227">
        <v>28</v>
      </c>
      <c r="W34227">
        <v>28</v>
      </c>
      <c r="X34227">
        <v>29</v>
      </c>
      <c r="Y34227">
        <v>29</v>
      </c>
      <c r="Z34227">
        <v>29</v>
      </c>
      <c r="AA34227">
        <v>30</v>
      </c>
      <c r="AB34227">
        <v>30</v>
      </c>
      <c r="AC34227">
        <v>30</v>
      </c>
      <c r="AD34227">
        <v>31</v>
      </c>
      <c r="AE34227">
        <v>31</v>
      </c>
      <c r="AF34227">
        <v>32</v>
      </c>
      <c r="AG34227">
        <v>32</v>
      </c>
      <c r="AH34227">
        <v>32</v>
      </c>
      <c r="AI34227">
        <v>33</v>
      </c>
      <c r="AJ34227">
        <v>33</v>
      </c>
      <c r="AK34227">
        <v>33</v>
      </c>
      <c r="AL34227">
        <v>34</v>
      </c>
      <c r="AM34227">
        <v>34</v>
      </c>
      <c r="AN34227">
        <v>34</v>
      </c>
      <c r="AO34227">
        <v>35</v>
      </c>
      <c r="AP34227">
        <v>35</v>
      </c>
      <c r="AQ34227">
        <v>35</v>
      </c>
    </row>
    <row r="34228" spans="1:43">
      <c r="A34228" t="s">
        <v>21201</v>
      </c>
      <c r="B34228" t="s">
        <v>21202</v>
      </c>
      <c r="C34228" t="s">
        <v>21195</v>
      </c>
      <c r="D34228" t="s">
        <v>21196</v>
      </c>
      <c r="E34228" t="s">
        <v>21139</v>
      </c>
      <c r="F34228" t="s">
        <v>21140</v>
      </c>
      <c r="G34228" t="s">
        <v>20255</v>
      </c>
      <c r="H34228" t="s">
        <v>20256</v>
      </c>
      <c r="I34228" s="2">
        <v>1</v>
      </c>
      <c r="J34228" s="2">
        <v>0</v>
      </c>
      <c r="K34228" s="2">
        <v>0</v>
      </c>
      <c r="L34228" t="s">
        <v>120</v>
      </c>
      <c r="M34228" t="s">
        <v>89</v>
      </c>
      <c r="N34228" t="s">
        <v>90</v>
      </c>
      <c r="O34228" t="s">
        <v>85</v>
      </c>
      <c r="P34228" t="s">
        <v>86</v>
      </c>
      <c r="Q34228">
        <v>26</v>
      </c>
      <c r="R34228">
        <v>27</v>
      </c>
      <c r="S34228">
        <v>28</v>
      </c>
      <c r="T34228">
        <v>28</v>
      </c>
      <c r="U34228">
        <v>29</v>
      </c>
      <c r="V34228">
        <v>30</v>
      </c>
      <c r="W34228">
        <v>31</v>
      </c>
      <c r="X34228">
        <v>31</v>
      </c>
      <c r="Y34228">
        <v>32</v>
      </c>
      <c r="Z34228">
        <v>33</v>
      </c>
      <c r="AA34228">
        <v>34</v>
      </c>
      <c r="AB34228">
        <v>34</v>
      </c>
      <c r="AC34228">
        <v>35</v>
      </c>
      <c r="AD34228">
        <v>36</v>
      </c>
      <c r="AE34228">
        <v>36</v>
      </c>
      <c r="AF34228">
        <v>37</v>
      </c>
      <c r="AG34228">
        <v>37</v>
      </c>
      <c r="AH34228">
        <v>37</v>
      </c>
      <c r="AI34228">
        <v>38</v>
      </c>
      <c r="AJ34228">
        <v>38</v>
      </c>
      <c r="AK34228">
        <v>38</v>
      </c>
      <c r="AL34228">
        <v>38</v>
      </c>
      <c r="AM34228">
        <v>39</v>
      </c>
      <c r="AN34228">
        <v>39</v>
      </c>
      <c r="AO34228">
        <v>39</v>
      </c>
      <c r="AP34228">
        <v>39</v>
      </c>
      <c r="AQ34228">
        <v>40</v>
      </c>
    </row>
    <row r="34229" spans="1:43">
      <c r="A34229" t="s">
        <v>21201</v>
      </c>
      <c r="B34229" t="s">
        <v>21202</v>
      </c>
      <c r="C34229" t="s">
        <v>21195</v>
      </c>
      <c r="D34229" t="s">
        <v>21196</v>
      </c>
      <c r="E34229" t="s">
        <v>21139</v>
      </c>
      <c r="F34229" t="s">
        <v>21140</v>
      </c>
      <c r="G34229" t="s">
        <v>20255</v>
      </c>
      <c r="H34229" t="s">
        <v>20256</v>
      </c>
      <c r="I34229" s="2">
        <v>1</v>
      </c>
      <c r="J34229" s="2">
        <v>0</v>
      </c>
      <c r="K34229" s="2">
        <v>0</v>
      </c>
      <c r="L34229" t="s">
        <v>120</v>
      </c>
      <c r="M34229" t="s">
        <v>83</v>
      </c>
      <c r="N34229" t="s">
        <v>91</v>
      </c>
      <c r="O34229" t="s">
        <v>85</v>
      </c>
      <c r="P34229" t="s">
        <v>86</v>
      </c>
      <c r="Q34229">
        <v>26</v>
      </c>
      <c r="R34229">
        <v>26</v>
      </c>
      <c r="S34229">
        <v>27</v>
      </c>
      <c r="T34229">
        <v>27</v>
      </c>
      <c r="U34229">
        <v>28</v>
      </c>
      <c r="V34229">
        <v>29</v>
      </c>
      <c r="W34229">
        <v>29</v>
      </c>
      <c r="X34229">
        <v>30</v>
      </c>
      <c r="Y34229">
        <v>30</v>
      </c>
      <c r="Z34229">
        <v>31</v>
      </c>
      <c r="AA34229">
        <v>32</v>
      </c>
      <c r="AB34229">
        <v>32</v>
      </c>
      <c r="AC34229">
        <v>33</v>
      </c>
      <c r="AD34229">
        <v>33</v>
      </c>
      <c r="AE34229">
        <v>34</v>
      </c>
      <c r="AF34229">
        <v>35</v>
      </c>
      <c r="AG34229">
        <v>35</v>
      </c>
      <c r="AH34229">
        <v>36</v>
      </c>
      <c r="AI34229">
        <v>36</v>
      </c>
      <c r="AJ34229">
        <v>37</v>
      </c>
      <c r="AK34229">
        <v>38</v>
      </c>
      <c r="AL34229">
        <v>38</v>
      </c>
      <c r="AM34229">
        <v>38</v>
      </c>
      <c r="AN34229">
        <v>39</v>
      </c>
      <c r="AO34229">
        <v>39</v>
      </c>
      <c r="AP34229">
        <v>39</v>
      </c>
      <c r="AQ34229">
        <v>39</v>
      </c>
    </row>
    <row r="34230" spans="1:43">
      <c r="A34230" t="s">
        <v>21203</v>
      </c>
      <c r="B34230" t="s">
        <v>21204</v>
      </c>
      <c r="C34230" t="s">
        <v>21195</v>
      </c>
      <c r="D34230" t="s">
        <v>21196</v>
      </c>
      <c r="E34230" t="s">
        <v>21139</v>
      </c>
      <c r="F34230" t="s">
        <v>21140</v>
      </c>
      <c r="G34230" t="s">
        <v>20255</v>
      </c>
      <c r="H34230" t="s">
        <v>20256</v>
      </c>
      <c r="I34230" s="2">
        <v>1</v>
      </c>
      <c r="J34230" s="2">
        <v>0</v>
      </c>
      <c r="K34230" s="2">
        <v>0</v>
      </c>
      <c r="L34230" t="s">
        <v>120</v>
      </c>
      <c r="M34230" t="s">
        <v>83</v>
      </c>
      <c r="N34230" t="s">
        <v>84</v>
      </c>
      <c r="O34230" t="s">
        <v>85</v>
      </c>
      <c r="P34230" t="s">
        <v>86</v>
      </c>
      <c r="Q34230">
        <v>39</v>
      </c>
      <c r="R34230">
        <v>40</v>
      </c>
      <c r="S34230">
        <v>40</v>
      </c>
      <c r="T34230">
        <v>41</v>
      </c>
      <c r="U34230">
        <v>42</v>
      </c>
      <c r="V34230">
        <v>43</v>
      </c>
      <c r="W34230">
        <v>44</v>
      </c>
      <c r="X34230">
        <v>45</v>
      </c>
      <c r="Y34230">
        <v>46</v>
      </c>
      <c r="Z34230">
        <v>47</v>
      </c>
      <c r="AA34230">
        <v>48</v>
      </c>
      <c r="AB34230">
        <v>48</v>
      </c>
      <c r="AC34230">
        <v>49</v>
      </c>
      <c r="AD34230">
        <v>50</v>
      </c>
      <c r="AE34230">
        <v>51</v>
      </c>
      <c r="AF34230">
        <v>52</v>
      </c>
      <c r="AG34230">
        <v>53</v>
      </c>
      <c r="AH34230">
        <v>54</v>
      </c>
      <c r="AI34230">
        <v>55</v>
      </c>
      <c r="AJ34230">
        <v>56</v>
      </c>
      <c r="AK34230">
        <v>57</v>
      </c>
      <c r="AL34230">
        <v>57</v>
      </c>
      <c r="AM34230">
        <v>58</v>
      </c>
      <c r="AN34230">
        <v>58</v>
      </c>
      <c r="AO34230">
        <v>58</v>
      </c>
      <c r="AP34230">
        <v>59</v>
      </c>
      <c r="AQ34230">
        <v>59</v>
      </c>
    </row>
    <row r="34231" spans="1:43">
      <c r="A34231" t="s">
        <v>21203</v>
      </c>
      <c r="B34231" t="s">
        <v>21204</v>
      </c>
      <c r="C34231" t="s">
        <v>21195</v>
      </c>
      <c r="D34231" t="s">
        <v>21196</v>
      </c>
      <c r="E34231" t="s">
        <v>21139</v>
      </c>
      <c r="F34231" t="s">
        <v>21140</v>
      </c>
      <c r="G34231" t="s">
        <v>20255</v>
      </c>
      <c r="H34231" t="s">
        <v>20256</v>
      </c>
      <c r="I34231" s="2">
        <v>1</v>
      </c>
      <c r="J34231" s="2">
        <v>0</v>
      </c>
      <c r="K34231" s="2">
        <v>0</v>
      </c>
      <c r="L34231" t="s">
        <v>120</v>
      </c>
      <c r="M34231" t="s">
        <v>87</v>
      </c>
      <c r="N34231" t="s">
        <v>88</v>
      </c>
      <c r="O34231" t="s">
        <v>85</v>
      </c>
      <c r="P34231" t="s">
        <v>86</v>
      </c>
      <c r="Q34231">
        <v>39</v>
      </c>
      <c r="R34231">
        <v>40</v>
      </c>
      <c r="S34231">
        <v>40</v>
      </c>
      <c r="T34231">
        <v>41</v>
      </c>
      <c r="U34231">
        <v>41</v>
      </c>
      <c r="V34231">
        <v>42</v>
      </c>
      <c r="W34231">
        <v>42</v>
      </c>
      <c r="X34231">
        <v>43</v>
      </c>
      <c r="Y34231">
        <v>43</v>
      </c>
      <c r="Z34231">
        <v>44</v>
      </c>
      <c r="AA34231">
        <v>44</v>
      </c>
      <c r="AB34231">
        <v>45</v>
      </c>
      <c r="AC34231">
        <v>45</v>
      </c>
      <c r="AD34231">
        <v>46</v>
      </c>
      <c r="AE34231">
        <v>46</v>
      </c>
      <c r="AF34231">
        <v>47</v>
      </c>
      <c r="AG34231">
        <v>47</v>
      </c>
      <c r="AH34231">
        <v>48</v>
      </c>
      <c r="AI34231">
        <v>49</v>
      </c>
      <c r="AJ34231">
        <v>49</v>
      </c>
      <c r="AK34231">
        <v>50</v>
      </c>
      <c r="AL34231">
        <v>50</v>
      </c>
      <c r="AM34231">
        <v>51</v>
      </c>
      <c r="AN34231">
        <v>51</v>
      </c>
      <c r="AO34231">
        <v>52</v>
      </c>
      <c r="AP34231">
        <v>52</v>
      </c>
      <c r="AQ34231">
        <v>53</v>
      </c>
    </row>
    <row r="34232" spans="1:43">
      <c r="A34232" t="s">
        <v>21203</v>
      </c>
      <c r="B34232" t="s">
        <v>21204</v>
      </c>
      <c r="C34232" t="s">
        <v>21195</v>
      </c>
      <c r="D34232" t="s">
        <v>21196</v>
      </c>
      <c r="E34232" t="s">
        <v>21139</v>
      </c>
      <c r="F34232" t="s">
        <v>21140</v>
      </c>
      <c r="G34232" t="s">
        <v>20255</v>
      </c>
      <c r="H34232" t="s">
        <v>20256</v>
      </c>
      <c r="I34232" s="2">
        <v>1</v>
      </c>
      <c r="J34232" s="2">
        <v>0</v>
      </c>
      <c r="K34232" s="2">
        <v>0</v>
      </c>
      <c r="L34232" t="s">
        <v>120</v>
      </c>
      <c r="M34232" t="s">
        <v>89</v>
      </c>
      <c r="N34232" t="s">
        <v>90</v>
      </c>
      <c r="O34232" t="s">
        <v>85</v>
      </c>
      <c r="P34232" t="s">
        <v>86</v>
      </c>
      <c r="Q34232">
        <v>39</v>
      </c>
      <c r="R34232">
        <v>40</v>
      </c>
      <c r="S34232">
        <v>41</v>
      </c>
      <c r="T34232">
        <v>43</v>
      </c>
      <c r="U34232">
        <v>44</v>
      </c>
      <c r="V34232">
        <v>45</v>
      </c>
      <c r="W34232">
        <v>46</v>
      </c>
      <c r="X34232">
        <v>47</v>
      </c>
      <c r="Y34232">
        <v>48</v>
      </c>
      <c r="Z34232">
        <v>49</v>
      </c>
      <c r="AA34232">
        <v>50</v>
      </c>
      <c r="AB34232">
        <v>52</v>
      </c>
      <c r="AC34232">
        <v>53</v>
      </c>
      <c r="AD34232">
        <v>54</v>
      </c>
      <c r="AE34232">
        <v>55</v>
      </c>
      <c r="AF34232">
        <v>55</v>
      </c>
      <c r="AG34232">
        <v>56</v>
      </c>
      <c r="AH34232">
        <v>56</v>
      </c>
      <c r="AI34232">
        <v>56</v>
      </c>
      <c r="AJ34232">
        <v>57</v>
      </c>
      <c r="AK34232">
        <v>57</v>
      </c>
      <c r="AL34232">
        <v>58</v>
      </c>
      <c r="AM34232">
        <v>58</v>
      </c>
      <c r="AN34232">
        <v>58</v>
      </c>
      <c r="AO34232">
        <v>59</v>
      </c>
      <c r="AP34232">
        <v>59</v>
      </c>
      <c r="AQ34232">
        <v>60</v>
      </c>
    </row>
    <row r="34233" spans="1:43">
      <c r="A34233" t="s">
        <v>21203</v>
      </c>
      <c r="B34233" t="s">
        <v>21204</v>
      </c>
      <c r="C34233" t="s">
        <v>21195</v>
      </c>
      <c r="D34233" t="s">
        <v>21196</v>
      </c>
      <c r="E34233" t="s">
        <v>21139</v>
      </c>
      <c r="F34233" t="s">
        <v>21140</v>
      </c>
      <c r="G34233" t="s">
        <v>20255</v>
      </c>
      <c r="H34233" t="s">
        <v>20256</v>
      </c>
      <c r="I34233" s="2">
        <v>1</v>
      </c>
      <c r="J34233" s="2">
        <v>0</v>
      </c>
      <c r="K34233" s="2">
        <v>0</v>
      </c>
      <c r="L34233" t="s">
        <v>120</v>
      </c>
      <c r="M34233" t="s">
        <v>83</v>
      </c>
      <c r="N34233" t="s">
        <v>91</v>
      </c>
      <c r="O34233" t="s">
        <v>85</v>
      </c>
      <c r="P34233" t="s">
        <v>86</v>
      </c>
      <c r="Q34233">
        <v>39</v>
      </c>
      <c r="R34233">
        <v>40</v>
      </c>
      <c r="S34233">
        <v>40</v>
      </c>
      <c r="T34233">
        <v>41</v>
      </c>
      <c r="U34233">
        <v>42</v>
      </c>
      <c r="V34233">
        <v>43</v>
      </c>
      <c r="W34233">
        <v>44</v>
      </c>
      <c r="X34233">
        <v>45</v>
      </c>
      <c r="Y34233">
        <v>46</v>
      </c>
      <c r="Z34233">
        <v>47</v>
      </c>
      <c r="AA34233">
        <v>48</v>
      </c>
      <c r="AB34233">
        <v>48</v>
      </c>
      <c r="AC34233">
        <v>49</v>
      </c>
      <c r="AD34233">
        <v>50</v>
      </c>
      <c r="AE34233">
        <v>51</v>
      </c>
      <c r="AF34233">
        <v>52</v>
      </c>
      <c r="AG34233">
        <v>53</v>
      </c>
      <c r="AH34233">
        <v>54</v>
      </c>
      <c r="AI34233">
        <v>55</v>
      </c>
      <c r="AJ34233">
        <v>56</v>
      </c>
      <c r="AK34233">
        <v>57</v>
      </c>
      <c r="AL34233">
        <v>57</v>
      </c>
      <c r="AM34233">
        <v>58</v>
      </c>
      <c r="AN34233">
        <v>58</v>
      </c>
      <c r="AO34233">
        <v>58</v>
      </c>
      <c r="AP34233">
        <v>59</v>
      </c>
      <c r="AQ34233">
        <v>59</v>
      </c>
    </row>
    <row r="34234" spans="1:43">
      <c r="A34234" t="s">
        <v>21205</v>
      </c>
      <c r="B34234" t="s">
        <v>21206</v>
      </c>
      <c r="C34234" t="s">
        <v>21195</v>
      </c>
      <c r="D34234" t="s">
        <v>21196</v>
      </c>
      <c r="E34234" t="s">
        <v>21139</v>
      </c>
      <c r="F34234" t="s">
        <v>21140</v>
      </c>
      <c r="G34234" t="s">
        <v>20255</v>
      </c>
      <c r="H34234" t="s">
        <v>20256</v>
      </c>
      <c r="I34234" s="2">
        <v>1</v>
      </c>
      <c r="J34234" s="2">
        <v>0</v>
      </c>
      <c r="K34234" s="2">
        <v>0</v>
      </c>
      <c r="L34234" t="s">
        <v>120</v>
      </c>
      <c r="M34234" t="s">
        <v>83</v>
      </c>
      <c r="N34234" t="s">
        <v>84</v>
      </c>
      <c r="O34234" t="s">
        <v>85</v>
      </c>
      <c r="P34234" t="s">
        <v>86</v>
      </c>
      <c r="Q34234">
        <v>38</v>
      </c>
      <c r="R34234">
        <v>39</v>
      </c>
      <c r="S34234">
        <v>40</v>
      </c>
      <c r="T34234">
        <v>41</v>
      </c>
      <c r="U34234">
        <v>41</v>
      </c>
      <c r="V34234">
        <v>42</v>
      </c>
      <c r="W34234">
        <v>43</v>
      </c>
      <c r="X34234">
        <v>44</v>
      </c>
      <c r="Y34234">
        <v>45</v>
      </c>
      <c r="Z34234">
        <v>46</v>
      </c>
      <c r="AA34234">
        <v>47</v>
      </c>
      <c r="AB34234">
        <v>47</v>
      </c>
      <c r="AC34234">
        <v>48</v>
      </c>
      <c r="AD34234">
        <v>49</v>
      </c>
      <c r="AE34234">
        <v>50</v>
      </c>
      <c r="AF34234">
        <v>51</v>
      </c>
      <c r="AG34234">
        <v>52</v>
      </c>
      <c r="AH34234">
        <v>53</v>
      </c>
      <c r="AI34234">
        <v>54</v>
      </c>
      <c r="AJ34234">
        <v>55</v>
      </c>
      <c r="AK34234">
        <v>56</v>
      </c>
      <c r="AL34234">
        <v>56</v>
      </c>
      <c r="AM34234">
        <v>56</v>
      </c>
      <c r="AN34234">
        <v>57</v>
      </c>
      <c r="AO34234">
        <v>57</v>
      </c>
      <c r="AP34234">
        <v>58</v>
      </c>
      <c r="AQ34234">
        <v>58</v>
      </c>
    </row>
    <row r="34235" spans="1:43">
      <c r="A34235" t="s">
        <v>21205</v>
      </c>
      <c r="B34235" t="s">
        <v>21206</v>
      </c>
      <c r="C34235" t="s">
        <v>21195</v>
      </c>
      <c r="D34235" t="s">
        <v>21196</v>
      </c>
      <c r="E34235" t="s">
        <v>21139</v>
      </c>
      <c r="F34235" t="s">
        <v>21140</v>
      </c>
      <c r="G34235" t="s">
        <v>20255</v>
      </c>
      <c r="H34235" t="s">
        <v>20256</v>
      </c>
      <c r="I34235" s="2">
        <v>1</v>
      </c>
      <c r="J34235" s="2">
        <v>0</v>
      </c>
      <c r="K34235" s="2">
        <v>0</v>
      </c>
      <c r="L34235" t="s">
        <v>120</v>
      </c>
      <c r="M34235" t="s">
        <v>87</v>
      </c>
      <c r="N34235" t="s">
        <v>88</v>
      </c>
      <c r="O34235" t="s">
        <v>85</v>
      </c>
      <c r="P34235" t="s">
        <v>86</v>
      </c>
      <c r="Q34235">
        <v>38</v>
      </c>
      <c r="R34235">
        <v>38</v>
      </c>
      <c r="S34235">
        <v>39</v>
      </c>
      <c r="T34235">
        <v>39</v>
      </c>
      <c r="U34235">
        <v>40</v>
      </c>
      <c r="V34235">
        <v>40</v>
      </c>
      <c r="W34235">
        <v>41</v>
      </c>
      <c r="X34235">
        <v>41</v>
      </c>
      <c r="Y34235">
        <v>42</v>
      </c>
      <c r="Z34235">
        <v>42</v>
      </c>
      <c r="AA34235">
        <v>43</v>
      </c>
      <c r="AB34235">
        <v>43</v>
      </c>
      <c r="AC34235">
        <v>44</v>
      </c>
      <c r="AD34235">
        <v>44</v>
      </c>
      <c r="AE34235">
        <v>45</v>
      </c>
      <c r="AF34235">
        <v>45</v>
      </c>
      <c r="AG34235">
        <v>46</v>
      </c>
      <c r="AH34235">
        <v>46</v>
      </c>
      <c r="AI34235">
        <v>47</v>
      </c>
      <c r="AJ34235">
        <v>47</v>
      </c>
      <c r="AK34235">
        <v>48</v>
      </c>
      <c r="AL34235">
        <v>48</v>
      </c>
      <c r="AM34235">
        <v>49</v>
      </c>
      <c r="AN34235">
        <v>49</v>
      </c>
      <c r="AO34235">
        <v>50</v>
      </c>
      <c r="AP34235">
        <v>50</v>
      </c>
      <c r="AQ34235">
        <v>51</v>
      </c>
    </row>
    <row r="34236" spans="1:43">
      <c r="A34236" t="s">
        <v>21205</v>
      </c>
      <c r="B34236" t="s">
        <v>21206</v>
      </c>
      <c r="C34236" t="s">
        <v>21195</v>
      </c>
      <c r="D34236" t="s">
        <v>21196</v>
      </c>
      <c r="E34236" t="s">
        <v>21139</v>
      </c>
      <c r="F34236" t="s">
        <v>21140</v>
      </c>
      <c r="G34236" t="s">
        <v>20255</v>
      </c>
      <c r="H34236" t="s">
        <v>20256</v>
      </c>
      <c r="I34236" s="2">
        <v>1</v>
      </c>
      <c r="J34236" s="2">
        <v>0</v>
      </c>
      <c r="K34236" s="2">
        <v>0</v>
      </c>
      <c r="L34236" t="s">
        <v>120</v>
      </c>
      <c r="M34236" t="s">
        <v>89</v>
      </c>
      <c r="N34236" t="s">
        <v>90</v>
      </c>
      <c r="O34236" t="s">
        <v>85</v>
      </c>
      <c r="P34236" t="s">
        <v>86</v>
      </c>
      <c r="Q34236">
        <v>38</v>
      </c>
      <c r="R34236">
        <v>39</v>
      </c>
      <c r="S34236">
        <v>41</v>
      </c>
      <c r="T34236">
        <v>42</v>
      </c>
      <c r="U34236">
        <v>43</v>
      </c>
      <c r="V34236">
        <v>44</v>
      </c>
      <c r="W34236">
        <v>45</v>
      </c>
      <c r="X34236">
        <v>46</v>
      </c>
      <c r="Y34236">
        <v>47</v>
      </c>
      <c r="Z34236">
        <v>48</v>
      </c>
      <c r="AA34236">
        <v>50</v>
      </c>
      <c r="AB34236">
        <v>51</v>
      </c>
      <c r="AC34236">
        <v>52</v>
      </c>
      <c r="AD34236">
        <v>53</v>
      </c>
      <c r="AE34236">
        <v>54</v>
      </c>
      <c r="AF34236">
        <v>54</v>
      </c>
      <c r="AG34236">
        <v>54</v>
      </c>
      <c r="AH34236">
        <v>55</v>
      </c>
      <c r="AI34236">
        <v>55</v>
      </c>
      <c r="AJ34236">
        <v>56</v>
      </c>
      <c r="AK34236">
        <v>56</v>
      </c>
      <c r="AL34236">
        <v>57</v>
      </c>
      <c r="AM34236">
        <v>57</v>
      </c>
      <c r="AN34236">
        <v>57</v>
      </c>
      <c r="AO34236">
        <v>58</v>
      </c>
      <c r="AP34236">
        <v>58</v>
      </c>
      <c r="AQ34236">
        <v>58</v>
      </c>
    </row>
    <row r="34237" spans="1:43">
      <c r="A34237" t="s">
        <v>21205</v>
      </c>
      <c r="B34237" t="s">
        <v>21206</v>
      </c>
      <c r="C34237" t="s">
        <v>21195</v>
      </c>
      <c r="D34237" t="s">
        <v>21196</v>
      </c>
      <c r="E34237" t="s">
        <v>21139</v>
      </c>
      <c r="F34237" t="s">
        <v>21140</v>
      </c>
      <c r="G34237" t="s">
        <v>20255</v>
      </c>
      <c r="H34237" t="s">
        <v>20256</v>
      </c>
      <c r="I34237" s="2">
        <v>1</v>
      </c>
      <c r="J34237" s="2">
        <v>0</v>
      </c>
      <c r="K34237" s="2">
        <v>0</v>
      </c>
      <c r="L34237" t="s">
        <v>120</v>
      </c>
      <c r="M34237" t="s">
        <v>83</v>
      </c>
      <c r="N34237" t="s">
        <v>91</v>
      </c>
      <c r="O34237" t="s">
        <v>85</v>
      </c>
      <c r="P34237" t="s">
        <v>86</v>
      </c>
      <c r="Q34237">
        <v>38</v>
      </c>
      <c r="R34237">
        <v>39</v>
      </c>
      <c r="S34237">
        <v>40</v>
      </c>
      <c r="T34237">
        <v>41</v>
      </c>
      <c r="U34237">
        <v>41</v>
      </c>
      <c r="V34237">
        <v>42</v>
      </c>
      <c r="W34237">
        <v>43</v>
      </c>
      <c r="X34237">
        <v>44</v>
      </c>
      <c r="Y34237">
        <v>45</v>
      </c>
      <c r="Z34237">
        <v>46</v>
      </c>
      <c r="AA34237">
        <v>47</v>
      </c>
      <c r="AB34237">
        <v>47</v>
      </c>
      <c r="AC34237">
        <v>48</v>
      </c>
      <c r="AD34237">
        <v>49</v>
      </c>
      <c r="AE34237">
        <v>50</v>
      </c>
      <c r="AF34237">
        <v>51</v>
      </c>
      <c r="AG34237">
        <v>52</v>
      </c>
      <c r="AH34237">
        <v>53</v>
      </c>
      <c r="AI34237">
        <v>54</v>
      </c>
      <c r="AJ34237">
        <v>55</v>
      </c>
      <c r="AK34237">
        <v>56</v>
      </c>
      <c r="AL34237">
        <v>56</v>
      </c>
      <c r="AM34237">
        <v>56</v>
      </c>
      <c r="AN34237">
        <v>57</v>
      </c>
      <c r="AO34237">
        <v>57</v>
      </c>
      <c r="AP34237">
        <v>58</v>
      </c>
      <c r="AQ34237">
        <v>58</v>
      </c>
    </row>
    <row r="34238" spans="1:43">
      <c r="A34238" t="s">
        <v>21207</v>
      </c>
      <c r="B34238" t="s">
        <v>21208</v>
      </c>
      <c r="C34238" t="s">
        <v>21209</v>
      </c>
      <c r="D34238" t="s">
        <v>21210</v>
      </c>
      <c r="E34238" t="s">
        <v>21139</v>
      </c>
      <c r="F34238" t="s">
        <v>21140</v>
      </c>
      <c r="G34238" t="s">
        <v>20255</v>
      </c>
      <c r="H34238" t="s">
        <v>20256</v>
      </c>
      <c r="I34238" s="2">
        <v>1</v>
      </c>
      <c r="J34238" s="2">
        <v>0</v>
      </c>
      <c r="K34238" s="2">
        <v>0</v>
      </c>
      <c r="L34238" t="s">
        <v>120</v>
      </c>
      <c r="M34238" t="s">
        <v>83</v>
      </c>
      <c r="N34238" t="s">
        <v>84</v>
      </c>
      <c r="O34238" t="s">
        <v>85</v>
      </c>
      <c r="P34238" t="s">
        <v>86</v>
      </c>
      <c r="Q34238">
        <v>351</v>
      </c>
      <c r="R34238">
        <v>358</v>
      </c>
      <c r="S34238">
        <v>366</v>
      </c>
      <c r="T34238">
        <v>373</v>
      </c>
      <c r="U34238">
        <v>381</v>
      </c>
      <c r="V34238">
        <v>389</v>
      </c>
      <c r="W34238">
        <v>396</v>
      </c>
      <c r="X34238">
        <v>404</v>
      </c>
      <c r="Y34238">
        <v>411</v>
      </c>
      <c r="Z34238">
        <v>419</v>
      </c>
      <c r="AA34238">
        <v>427</v>
      </c>
      <c r="AB34238">
        <v>434</v>
      </c>
      <c r="AC34238">
        <v>442</v>
      </c>
      <c r="AD34238">
        <v>450</v>
      </c>
      <c r="AE34238">
        <v>458</v>
      </c>
      <c r="AF34238">
        <v>465</v>
      </c>
      <c r="AG34238">
        <v>473</v>
      </c>
      <c r="AH34238">
        <v>481</v>
      </c>
      <c r="AI34238">
        <v>489</v>
      </c>
      <c r="AJ34238">
        <v>497</v>
      </c>
      <c r="AK34238">
        <v>505</v>
      </c>
      <c r="AL34238">
        <v>511</v>
      </c>
      <c r="AM34238">
        <v>514</v>
      </c>
      <c r="AN34238">
        <v>518</v>
      </c>
      <c r="AO34238">
        <v>522</v>
      </c>
      <c r="AP34238">
        <v>525</v>
      </c>
      <c r="AQ34238">
        <v>529</v>
      </c>
    </row>
    <row r="34239" spans="1:43">
      <c r="A34239" t="s">
        <v>21207</v>
      </c>
      <c r="B34239" t="s">
        <v>21208</v>
      </c>
      <c r="C34239" t="s">
        <v>21209</v>
      </c>
      <c r="D34239" t="s">
        <v>21210</v>
      </c>
      <c r="E34239" t="s">
        <v>21139</v>
      </c>
      <c r="F34239" t="s">
        <v>21140</v>
      </c>
      <c r="G34239" t="s">
        <v>20255</v>
      </c>
      <c r="H34239" t="s">
        <v>20256</v>
      </c>
      <c r="I34239" s="2">
        <v>1</v>
      </c>
      <c r="J34239" s="2">
        <v>0</v>
      </c>
      <c r="K34239" s="2">
        <v>0</v>
      </c>
      <c r="L34239" t="s">
        <v>120</v>
      </c>
      <c r="M34239" t="s">
        <v>87</v>
      </c>
      <c r="N34239" t="s">
        <v>88</v>
      </c>
      <c r="O34239" t="s">
        <v>85</v>
      </c>
      <c r="P34239" t="s">
        <v>86</v>
      </c>
      <c r="Q34239">
        <v>351</v>
      </c>
      <c r="R34239">
        <v>355</v>
      </c>
      <c r="S34239">
        <v>359</v>
      </c>
      <c r="T34239">
        <v>363</v>
      </c>
      <c r="U34239">
        <v>367</v>
      </c>
      <c r="V34239">
        <v>371</v>
      </c>
      <c r="W34239">
        <v>375</v>
      </c>
      <c r="X34239">
        <v>379</v>
      </c>
      <c r="Y34239">
        <v>383</v>
      </c>
      <c r="Z34239">
        <v>388</v>
      </c>
      <c r="AA34239">
        <v>392</v>
      </c>
      <c r="AB34239">
        <v>396</v>
      </c>
      <c r="AC34239">
        <v>400</v>
      </c>
      <c r="AD34239">
        <v>404</v>
      </c>
      <c r="AE34239">
        <v>409</v>
      </c>
      <c r="AF34239">
        <v>413</v>
      </c>
      <c r="AG34239">
        <v>417</v>
      </c>
      <c r="AH34239">
        <v>421</v>
      </c>
      <c r="AI34239">
        <v>425</v>
      </c>
      <c r="AJ34239">
        <v>430</v>
      </c>
      <c r="AK34239">
        <v>434</v>
      </c>
      <c r="AL34239">
        <v>438</v>
      </c>
      <c r="AM34239">
        <v>442</v>
      </c>
      <c r="AN34239">
        <v>447</v>
      </c>
      <c r="AO34239">
        <v>451</v>
      </c>
      <c r="AP34239">
        <v>455</v>
      </c>
      <c r="AQ34239">
        <v>459</v>
      </c>
    </row>
    <row r="34240" spans="1:43">
      <c r="A34240" t="s">
        <v>21207</v>
      </c>
      <c r="B34240" t="s">
        <v>21208</v>
      </c>
      <c r="C34240" t="s">
        <v>21209</v>
      </c>
      <c r="D34240" t="s">
        <v>21210</v>
      </c>
      <c r="E34240" t="s">
        <v>21139</v>
      </c>
      <c r="F34240" t="s">
        <v>21140</v>
      </c>
      <c r="G34240" t="s">
        <v>20255</v>
      </c>
      <c r="H34240" t="s">
        <v>20256</v>
      </c>
      <c r="I34240" s="2">
        <v>1</v>
      </c>
      <c r="J34240" s="2">
        <v>0</v>
      </c>
      <c r="K34240" s="2">
        <v>0</v>
      </c>
      <c r="L34240" t="s">
        <v>120</v>
      </c>
      <c r="M34240" t="s">
        <v>89</v>
      </c>
      <c r="N34240" t="s">
        <v>90</v>
      </c>
      <c r="O34240" t="s">
        <v>85</v>
      </c>
      <c r="P34240" t="s">
        <v>86</v>
      </c>
      <c r="Q34240">
        <v>351</v>
      </c>
      <c r="R34240">
        <v>362</v>
      </c>
      <c r="S34240">
        <v>372</v>
      </c>
      <c r="T34240">
        <v>383</v>
      </c>
      <c r="U34240">
        <v>393</v>
      </c>
      <c r="V34240">
        <v>403</v>
      </c>
      <c r="W34240">
        <v>413</v>
      </c>
      <c r="X34240">
        <v>423</v>
      </c>
      <c r="Y34240">
        <v>432</v>
      </c>
      <c r="Z34240">
        <v>442</v>
      </c>
      <c r="AA34240">
        <v>451</v>
      </c>
      <c r="AB34240">
        <v>461</v>
      </c>
      <c r="AC34240">
        <v>471</v>
      </c>
      <c r="AD34240">
        <v>481</v>
      </c>
      <c r="AE34240">
        <v>488</v>
      </c>
      <c r="AF34240">
        <v>492</v>
      </c>
      <c r="AG34240">
        <v>496</v>
      </c>
      <c r="AH34240">
        <v>500</v>
      </c>
      <c r="AI34240">
        <v>504</v>
      </c>
      <c r="AJ34240">
        <v>507</v>
      </c>
      <c r="AK34240">
        <v>511</v>
      </c>
      <c r="AL34240">
        <v>515</v>
      </c>
      <c r="AM34240">
        <v>518</v>
      </c>
      <c r="AN34240">
        <v>522</v>
      </c>
      <c r="AO34240">
        <v>525</v>
      </c>
      <c r="AP34240">
        <v>529</v>
      </c>
      <c r="AQ34240">
        <v>532</v>
      </c>
    </row>
    <row r="34241" spans="1:43">
      <c r="A34241" t="s">
        <v>21207</v>
      </c>
      <c r="B34241" t="s">
        <v>21208</v>
      </c>
      <c r="C34241" t="s">
        <v>21209</v>
      </c>
      <c r="D34241" t="s">
        <v>21210</v>
      </c>
      <c r="E34241" t="s">
        <v>21139</v>
      </c>
      <c r="F34241" t="s">
        <v>21140</v>
      </c>
      <c r="G34241" t="s">
        <v>20255</v>
      </c>
      <c r="H34241" t="s">
        <v>20256</v>
      </c>
      <c r="I34241" s="2">
        <v>1</v>
      </c>
      <c r="J34241" s="2">
        <v>0</v>
      </c>
      <c r="K34241" s="2">
        <v>0</v>
      </c>
      <c r="L34241" t="s">
        <v>120</v>
      </c>
      <c r="M34241" t="s">
        <v>83</v>
      </c>
      <c r="N34241" t="s">
        <v>91</v>
      </c>
      <c r="O34241" t="s">
        <v>85</v>
      </c>
      <c r="P34241" t="s">
        <v>86</v>
      </c>
      <c r="Q34241">
        <v>351</v>
      </c>
      <c r="R34241">
        <v>358</v>
      </c>
      <c r="S34241">
        <v>366</v>
      </c>
      <c r="T34241">
        <v>373</v>
      </c>
      <c r="U34241">
        <v>381</v>
      </c>
      <c r="V34241">
        <v>389</v>
      </c>
      <c r="W34241">
        <v>396</v>
      </c>
      <c r="X34241">
        <v>404</v>
      </c>
      <c r="Y34241">
        <v>411</v>
      </c>
      <c r="Z34241">
        <v>419</v>
      </c>
      <c r="AA34241">
        <v>427</v>
      </c>
      <c r="AB34241">
        <v>434</v>
      </c>
      <c r="AC34241">
        <v>442</v>
      </c>
      <c r="AD34241">
        <v>450</v>
      </c>
      <c r="AE34241">
        <v>458</v>
      </c>
      <c r="AF34241">
        <v>465</v>
      </c>
      <c r="AG34241">
        <v>473</v>
      </c>
      <c r="AH34241">
        <v>481</v>
      </c>
      <c r="AI34241">
        <v>489</v>
      </c>
      <c r="AJ34241">
        <v>497</v>
      </c>
      <c r="AK34241">
        <v>505</v>
      </c>
      <c r="AL34241">
        <v>511</v>
      </c>
      <c r="AM34241">
        <v>514</v>
      </c>
      <c r="AN34241">
        <v>518</v>
      </c>
      <c r="AO34241">
        <v>522</v>
      </c>
      <c r="AP34241">
        <v>525</v>
      </c>
      <c r="AQ34241">
        <v>529</v>
      </c>
    </row>
    <row r="34242" spans="1:43">
      <c r="A34242" t="s">
        <v>21211</v>
      </c>
      <c r="B34242" t="s">
        <v>21212</v>
      </c>
      <c r="C34242" t="s">
        <v>21213</v>
      </c>
      <c r="D34242" t="s">
        <v>21214</v>
      </c>
      <c r="E34242" t="s">
        <v>21139</v>
      </c>
      <c r="F34242" t="s">
        <v>21140</v>
      </c>
      <c r="G34242" t="s">
        <v>20255</v>
      </c>
      <c r="H34242" t="s">
        <v>20256</v>
      </c>
      <c r="I34242" s="2">
        <v>1</v>
      </c>
      <c r="J34242" s="2">
        <v>0</v>
      </c>
      <c r="K34242" s="2">
        <v>0</v>
      </c>
      <c r="L34242" t="s">
        <v>120</v>
      </c>
      <c r="M34242" t="s">
        <v>83</v>
      </c>
      <c r="N34242" t="s">
        <v>84</v>
      </c>
      <c r="O34242" t="s">
        <v>85</v>
      </c>
      <c r="P34242" t="s">
        <v>86</v>
      </c>
      <c r="Q34242">
        <v>109</v>
      </c>
      <c r="R34242">
        <v>111</v>
      </c>
      <c r="S34242">
        <v>114</v>
      </c>
      <c r="T34242">
        <v>116</v>
      </c>
      <c r="U34242">
        <v>118</v>
      </c>
      <c r="V34242">
        <v>121</v>
      </c>
      <c r="W34242">
        <v>123</v>
      </c>
      <c r="X34242">
        <v>126</v>
      </c>
      <c r="Y34242">
        <v>128</v>
      </c>
      <c r="Z34242">
        <v>131</v>
      </c>
      <c r="AA34242">
        <v>133</v>
      </c>
      <c r="AB34242">
        <v>136</v>
      </c>
      <c r="AC34242">
        <v>138</v>
      </c>
      <c r="AD34242">
        <v>141</v>
      </c>
      <c r="AE34242">
        <v>143</v>
      </c>
      <c r="AF34242">
        <v>146</v>
      </c>
      <c r="AG34242">
        <v>148</v>
      </c>
      <c r="AH34242">
        <v>151</v>
      </c>
      <c r="AI34242">
        <v>153</v>
      </c>
      <c r="AJ34242">
        <v>156</v>
      </c>
      <c r="AK34242">
        <v>159</v>
      </c>
      <c r="AL34242">
        <v>160</v>
      </c>
      <c r="AM34242">
        <v>162</v>
      </c>
      <c r="AN34242">
        <v>163</v>
      </c>
      <c r="AO34242">
        <v>164</v>
      </c>
      <c r="AP34242">
        <v>165</v>
      </c>
      <c r="AQ34242">
        <v>166</v>
      </c>
    </row>
    <row r="34243" spans="1:43">
      <c r="A34243" t="s">
        <v>21211</v>
      </c>
      <c r="B34243" t="s">
        <v>21212</v>
      </c>
      <c r="C34243" t="s">
        <v>21213</v>
      </c>
      <c r="D34243" t="s">
        <v>21214</v>
      </c>
      <c r="E34243" t="s">
        <v>21139</v>
      </c>
      <c r="F34243" t="s">
        <v>21140</v>
      </c>
      <c r="G34243" t="s">
        <v>20255</v>
      </c>
      <c r="H34243" t="s">
        <v>20256</v>
      </c>
      <c r="I34243" s="2">
        <v>1</v>
      </c>
      <c r="J34243" s="2">
        <v>0</v>
      </c>
      <c r="K34243" s="2">
        <v>0</v>
      </c>
      <c r="L34243" t="s">
        <v>120</v>
      </c>
      <c r="M34243" t="s">
        <v>87</v>
      </c>
      <c r="N34243" t="s">
        <v>88</v>
      </c>
      <c r="O34243" t="s">
        <v>85</v>
      </c>
      <c r="P34243" t="s">
        <v>86</v>
      </c>
      <c r="Q34243">
        <v>109</v>
      </c>
      <c r="R34243">
        <v>110</v>
      </c>
      <c r="S34243">
        <v>111</v>
      </c>
      <c r="T34243">
        <v>113</v>
      </c>
      <c r="U34243">
        <v>114</v>
      </c>
      <c r="V34243">
        <v>116</v>
      </c>
      <c r="W34243">
        <v>117</v>
      </c>
      <c r="X34243">
        <v>118</v>
      </c>
      <c r="Y34243">
        <v>120</v>
      </c>
      <c r="Z34243">
        <v>121</v>
      </c>
      <c r="AA34243">
        <v>122</v>
      </c>
      <c r="AB34243">
        <v>124</v>
      </c>
      <c r="AC34243">
        <v>125</v>
      </c>
      <c r="AD34243">
        <v>127</v>
      </c>
      <c r="AE34243">
        <v>128</v>
      </c>
      <c r="AF34243">
        <v>130</v>
      </c>
      <c r="AG34243">
        <v>131</v>
      </c>
      <c r="AH34243">
        <v>132</v>
      </c>
      <c r="AI34243">
        <v>134</v>
      </c>
      <c r="AJ34243">
        <v>135</v>
      </c>
      <c r="AK34243">
        <v>137</v>
      </c>
      <c r="AL34243">
        <v>138</v>
      </c>
      <c r="AM34243">
        <v>139</v>
      </c>
      <c r="AN34243">
        <v>141</v>
      </c>
      <c r="AO34243">
        <v>142</v>
      </c>
      <c r="AP34243">
        <v>144</v>
      </c>
      <c r="AQ34243">
        <v>145</v>
      </c>
    </row>
    <row r="34244" spans="1:43">
      <c r="A34244" t="s">
        <v>21211</v>
      </c>
      <c r="B34244" t="s">
        <v>21212</v>
      </c>
      <c r="C34244" t="s">
        <v>21213</v>
      </c>
      <c r="D34244" t="s">
        <v>21214</v>
      </c>
      <c r="E34244" t="s">
        <v>21139</v>
      </c>
      <c r="F34244" t="s">
        <v>21140</v>
      </c>
      <c r="G34244" t="s">
        <v>20255</v>
      </c>
      <c r="H34244" t="s">
        <v>20256</v>
      </c>
      <c r="I34244" s="2">
        <v>1</v>
      </c>
      <c r="J34244" s="2">
        <v>0</v>
      </c>
      <c r="K34244" s="2">
        <v>0</v>
      </c>
      <c r="L34244" t="s">
        <v>120</v>
      </c>
      <c r="M34244" t="s">
        <v>89</v>
      </c>
      <c r="N34244" t="s">
        <v>90</v>
      </c>
      <c r="O34244" t="s">
        <v>85</v>
      </c>
      <c r="P34244" t="s">
        <v>86</v>
      </c>
      <c r="Q34244">
        <v>109</v>
      </c>
      <c r="R34244">
        <v>112</v>
      </c>
      <c r="S34244">
        <v>115</v>
      </c>
      <c r="T34244">
        <v>119</v>
      </c>
      <c r="U34244">
        <v>122</v>
      </c>
      <c r="V34244">
        <v>125</v>
      </c>
      <c r="W34244">
        <v>128</v>
      </c>
      <c r="X34244">
        <v>132</v>
      </c>
      <c r="Y34244">
        <v>135</v>
      </c>
      <c r="Z34244">
        <v>138</v>
      </c>
      <c r="AA34244">
        <v>141</v>
      </c>
      <c r="AB34244">
        <v>144</v>
      </c>
      <c r="AC34244">
        <v>147</v>
      </c>
      <c r="AD34244">
        <v>150</v>
      </c>
      <c r="AE34244">
        <v>153</v>
      </c>
      <c r="AF34244">
        <v>154</v>
      </c>
      <c r="AG34244">
        <v>155</v>
      </c>
      <c r="AH34244">
        <v>156</v>
      </c>
      <c r="AI34244">
        <v>157</v>
      </c>
      <c r="AJ34244">
        <v>159</v>
      </c>
      <c r="AK34244">
        <v>160</v>
      </c>
      <c r="AL34244">
        <v>161</v>
      </c>
      <c r="AM34244">
        <v>162</v>
      </c>
      <c r="AN34244">
        <v>163</v>
      </c>
      <c r="AO34244">
        <v>164</v>
      </c>
      <c r="AP34244">
        <v>165</v>
      </c>
      <c r="AQ34244">
        <v>166</v>
      </c>
    </row>
    <row r="34245" spans="1:43">
      <c r="A34245" t="s">
        <v>21211</v>
      </c>
      <c r="B34245" t="s">
        <v>21212</v>
      </c>
      <c r="C34245" t="s">
        <v>21213</v>
      </c>
      <c r="D34245" t="s">
        <v>21214</v>
      </c>
      <c r="E34245" t="s">
        <v>21139</v>
      </c>
      <c r="F34245" t="s">
        <v>21140</v>
      </c>
      <c r="G34245" t="s">
        <v>20255</v>
      </c>
      <c r="H34245" t="s">
        <v>20256</v>
      </c>
      <c r="I34245" s="2">
        <v>1</v>
      </c>
      <c r="J34245" s="2">
        <v>0</v>
      </c>
      <c r="K34245" s="2">
        <v>0</v>
      </c>
      <c r="L34245" t="s">
        <v>120</v>
      </c>
      <c r="M34245" t="s">
        <v>83</v>
      </c>
      <c r="N34245" t="s">
        <v>91</v>
      </c>
      <c r="O34245" t="s">
        <v>85</v>
      </c>
      <c r="P34245" t="s">
        <v>86</v>
      </c>
      <c r="Q34245">
        <v>109</v>
      </c>
      <c r="R34245">
        <v>111</v>
      </c>
      <c r="S34245">
        <v>114</v>
      </c>
      <c r="T34245">
        <v>116</v>
      </c>
      <c r="U34245">
        <v>118</v>
      </c>
      <c r="V34245">
        <v>121</v>
      </c>
      <c r="W34245">
        <v>123</v>
      </c>
      <c r="X34245">
        <v>126</v>
      </c>
      <c r="Y34245">
        <v>128</v>
      </c>
      <c r="Z34245">
        <v>131</v>
      </c>
      <c r="AA34245">
        <v>133</v>
      </c>
      <c r="AB34245">
        <v>136</v>
      </c>
      <c r="AC34245">
        <v>138</v>
      </c>
      <c r="AD34245">
        <v>141</v>
      </c>
      <c r="AE34245">
        <v>143</v>
      </c>
      <c r="AF34245">
        <v>146</v>
      </c>
      <c r="AG34245">
        <v>148</v>
      </c>
      <c r="AH34245">
        <v>151</v>
      </c>
      <c r="AI34245">
        <v>153</v>
      </c>
      <c r="AJ34245">
        <v>156</v>
      </c>
      <c r="AK34245">
        <v>159</v>
      </c>
      <c r="AL34245">
        <v>160</v>
      </c>
      <c r="AM34245">
        <v>162</v>
      </c>
      <c r="AN34245">
        <v>163</v>
      </c>
      <c r="AO34245">
        <v>164</v>
      </c>
      <c r="AP34245">
        <v>165</v>
      </c>
      <c r="AQ34245">
        <v>166</v>
      </c>
    </row>
    <row r="34246" spans="1:43">
      <c r="A34246" t="s">
        <v>21215</v>
      </c>
      <c r="B34246" t="s">
        <v>21216</v>
      </c>
      <c r="C34246" t="s">
        <v>21213</v>
      </c>
      <c r="D34246" t="s">
        <v>21214</v>
      </c>
      <c r="E34246" t="s">
        <v>21139</v>
      </c>
      <c r="F34246" t="s">
        <v>21140</v>
      </c>
      <c r="G34246" t="s">
        <v>20255</v>
      </c>
      <c r="H34246" t="s">
        <v>20256</v>
      </c>
      <c r="I34246" s="2">
        <v>1</v>
      </c>
      <c r="J34246" s="2">
        <v>0</v>
      </c>
      <c r="K34246" s="2">
        <v>0</v>
      </c>
      <c r="L34246" t="s">
        <v>120</v>
      </c>
      <c r="M34246" t="s">
        <v>83</v>
      </c>
      <c r="N34246" t="s">
        <v>84</v>
      </c>
      <c r="O34246" t="s">
        <v>85</v>
      </c>
      <c r="P34246" t="s">
        <v>86</v>
      </c>
      <c r="Q34246">
        <v>32</v>
      </c>
      <c r="R34246">
        <v>32</v>
      </c>
      <c r="S34246">
        <v>33</v>
      </c>
      <c r="T34246">
        <v>34</v>
      </c>
      <c r="U34246">
        <v>35</v>
      </c>
      <c r="V34246">
        <v>35</v>
      </c>
      <c r="W34246">
        <v>36</v>
      </c>
      <c r="X34246">
        <v>37</v>
      </c>
      <c r="Y34246">
        <v>37</v>
      </c>
      <c r="Z34246">
        <v>38</v>
      </c>
      <c r="AA34246">
        <v>39</v>
      </c>
      <c r="AB34246">
        <v>40</v>
      </c>
      <c r="AC34246">
        <v>40</v>
      </c>
      <c r="AD34246">
        <v>41</v>
      </c>
      <c r="AE34246">
        <v>42</v>
      </c>
      <c r="AF34246">
        <v>42</v>
      </c>
      <c r="AG34246">
        <v>43</v>
      </c>
      <c r="AH34246">
        <v>44</v>
      </c>
      <c r="AI34246">
        <v>45</v>
      </c>
      <c r="AJ34246">
        <v>45</v>
      </c>
      <c r="AK34246">
        <v>46</v>
      </c>
      <c r="AL34246">
        <v>47</v>
      </c>
      <c r="AM34246">
        <v>47</v>
      </c>
      <c r="AN34246">
        <v>47</v>
      </c>
      <c r="AO34246">
        <v>48</v>
      </c>
      <c r="AP34246">
        <v>48</v>
      </c>
      <c r="AQ34246">
        <v>48</v>
      </c>
    </row>
    <row r="34247" spans="1:43">
      <c r="A34247" t="s">
        <v>21215</v>
      </c>
      <c r="B34247" t="s">
        <v>21216</v>
      </c>
      <c r="C34247" t="s">
        <v>21213</v>
      </c>
      <c r="D34247" t="s">
        <v>21214</v>
      </c>
      <c r="E34247" t="s">
        <v>21139</v>
      </c>
      <c r="F34247" t="s">
        <v>21140</v>
      </c>
      <c r="G34247" t="s">
        <v>20255</v>
      </c>
      <c r="H34247" t="s">
        <v>20256</v>
      </c>
      <c r="I34247" s="2">
        <v>1</v>
      </c>
      <c r="J34247" s="2">
        <v>0</v>
      </c>
      <c r="K34247" s="2">
        <v>0</v>
      </c>
      <c r="L34247" t="s">
        <v>120</v>
      </c>
      <c r="M34247" t="s">
        <v>87</v>
      </c>
      <c r="N34247" t="s">
        <v>88</v>
      </c>
      <c r="O34247" t="s">
        <v>85</v>
      </c>
      <c r="P34247" t="s">
        <v>86</v>
      </c>
      <c r="Q34247">
        <v>32</v>
      </c>
      <c r="R34247">
        <v>33</v>
      </c>
      <c r="S34247">
        <v>33</v>
      </c>
      <c r="T34247">
        <v>34</v>
      </c>
      <c r="U34247">
        <v>34</v>
      </c>
      <c r="V34247">
        <v>34</v>
      </c>
      <c r="W34247">
        <v>35</v>
      </c>
      <c r="X34247">
        <v>35</v>
      </c>
      <c r="Y34247">
        <v>36</v>
      </c>
      <c r="Z34247">
        <v>36</v>
      </c>
      <c r="AA34247">
        <v>36</v>
      </c>
      <c r="AB34247">
        <v>37</v>
      </c>
      <c r="AC34247">
        <v>37</v>
      </c>
      <c r="AD34247">
        <v>38</v>
      </c>
      <c r="AE34247">
        <v>38</v>
      </c>
      <c r="AF34247">
        <v>38</v>
      </c>
      <c r="AG34247">
        <v>39</v>
      </c>
      <c r="AH34247">
        <v>39</v>
      </c>
      <c r="AI34247">
        <v>40</v>
      </c>
      <c r="AJ34247">
        <v>40</v>
      </c>
      <c r="AK34247">
        <v>41</v>
      </c>
      <c r="AL34247">
        <v>41</v>
      </c>
      <c r="AM34247">
        <v>41</v>
      </c>
      <c r="AN34247">
        <v>42</v>
      </c>
      <c r="AO34247">
        <v>42</v>
      </c>
      <c r="AP34247">
        <v>43</v>
      </c>
      <c r="AQ34247">
        <v>43</v>
      </c>
    </row>
    <row r="34248" spans="1:43">
      <c r="A34248" t="s">
        <v>21215</v>
      </c>
      <c r="B34248" t="s">
        <v>21216</v>
      </c>
      <c r="C34248" t="s">
        <v>21213</v>
      </c>
      <c r="D34248" t="s">
        <v>21214</v>
      </c>
      <c r="E34248" t="s">
        <v>21139</v>
      </c>
      <c r="F34248" t="s">
        <v>21140</v>
      </c>
      <c r="G34248" t="s">
        <v>20255</v>
      </c>
      <c r="H34248" t="s">
        <v>20256</v>
      </c>
      <c r="I34248" s="2">
        <v>1</v>
      </c>
      <c r="J34248" s="2">
        <v>0</v>
      </c>
      <c r="K34248" s="2">
        <v>0</v>
      </c>
      <c r="L34248" t="s">
        <v>120</v>
      </c>
      <c r="M34248" t="s">
        <v>89</v>
      </c>
      <c r="N34248" t="s">
        <v>90</v>
      </c>
      <c r="O34248" t="s">
        <v>85</v>
      </c>
      <c r="P34248" t="s">
        <v>86</v>
      </c>
      <c r="Q34248">
        <v>32</v>
      </c>
      <c r="R34248">
        <v>33</v>
      </c>
      <c r="S34248">
        <v>34</v>
      </c>
      <c r="T34248">
        <v>35</v>
      </c>
      <c r="U34248">
        <v>36</v>
      </c>
      <c r="V34248">
        <v>37</v>
      </c>
      <c r="W34248">
        <v>38</v>
      </c>
      <c r="X34248">
        <v>39</v>
      </c>
      <c r="Y34248">
        <v>40</v>
      </c>
      <c r="Z34248">
        <v>40</v>
      </c>
      <c r="AA34248">
        <v>41</v>
      </c>
      <c r="AB34248">
        <v>42</v>
      </c>
      <c r="AC34248">
        <v>43</v>
      </c>
      <c r="AD34248">
        <v>44</v>
      </c>
      <c r="AE34248">
        <v>45</v>
      </c>
      <c r="AF34248">
        <v>45</v>
      </c>
      <c r="AG34248">
        <v>45</v>
      </c>
      <c r="AH34248">
        <v>46</v>
      </c>
      <c r="AI34248">
        <v>46</v>
      </c>
      <c r="AJ34248">
        <v>46</v>
      </c>
      <c r="AK34248">
        <v>47</v>
      </c>
      <c r="AL34248">
        <v>47</v>
      </c>
      <c r="AM34248">
        <v>47</v>
      </c>
      <c r="AN34248">
        <v>48</v>
      </c>
      <c r="AO34248">
        <v>48</v>
      </c>
      <c r="AP34248">
        <v>48</v>
      </c>
      <c r="AQ34248">
        <v>49</v>
      </c>
    </row>
    <row r="34249" spans="1:43">
      <c r="A34249" t="s">
        <v>21215</v>
      </c>
      <c r="B34249" t="s">
        <v>21216</v>
      </c>
      <c r="C34249" t="s">
        <v>21213</v>
      </c>
      <c r="D34249" t="s">
        <v>21214</v>
      </c>
      <c r="E34249" t="s">
        <v>21139</v>
      </c>
      <c r="F34249" t="s">
        <v>21140</v>
      </c>
      <c r="G34249" t="s">
        <v>20255</v>
      </c>
      <c r="H34249" t="s">
        <v>20256</v>
      </c>
      <c r="I34249" s="2">
        <v>1</v>
      </c>
      <c r="J34249" s="2">
        <v>0</v>
      </c>
      <c r="K34249" s="2">
        <v>0</v>
      </c>
      <c r="L34249" t="s">
        <v>120</v>
      </c>
      <c r="M34249" t="s">
        <v>83</v>
      </c>
      <c r="N34249" t="s">
        <v>91</v>
      </c>
      <c r="O34249" t="s">
        <v>85</v>
      </c>
      <c r="P34249" t="s">
        <v>86</v>
      </c>
      <c r="Q34249">
        <v>32</v>
      </c>
      <c r="R34249">
        <v>32</v>
      </c>
      <c r="S34249">
        <v>33</v>
      </c>
      <c r="T34249">
        <v>34</v>
      </c>
      <c r="U34249">
        <v>35</v>
      </c>
      <c r="V34249">
        <v>35</v>
      </c>
      <c r="W34249">
        <v>36</v>
      </c>
      <c r="X34249">
        <v>37</v>
      </c>
      <c r="Y34249">
        <v>37</v>
      </c>
      <c r="Z34249">
        <v>38</v>
      </c>
      <c r="AA34249">
        <v>39</v>
      </c>
      <c r="AB34249">
        <v>40</v>
      </c>
      <c r="AC34249">
        <v>40</v>
      </c>
      <c r="AD34249">
        <v>41</v>
      </c>
      <c r="AE34249">
        <v>42</v>
      </c>
      <c r="AF34249">
        <v>42</v>
      </c>
      <c r="AG34249">
        <v>43</v>
      </c>
      <c r="AH34249">
        <v>44</v>
      </c>
      <c r="AI34249">
        <v>45</v>
      </c>
      <c r="AJ34249">
        <v>45</v>
      </c>
      <c r="AK34249">
        <v>46</v>
      </c>
      <c r="AL34249">
        <v>47</v>
      </c>
      <c r="AM34249">
        <v>47</v>
      </c>
      <c r="AN34249">
        <v>47</v>
      </c>
      <c r="AO34249">
        <v>48</v>
      </c>
      <c r="AP34249">
        <v>48</v>
      </c>
      <c r="AQ34249">
        <v>48</v>
      </c>
    </row>
    <row r="34250" spans="1:43">
      <c r="A34250" t="s">
        <v>21217</v>
      </c>
      <c r="B34250" t="s">
        <v>21218</v>
      </c>
      <c r="C34250" t="s">
        <v>21213</v>
      </c>
      <c r="D34250" t="s">
        <v>21214</v>
      </c>
      <c r="E34250" t="s">
        <v>21139</v>
      </c>
      <c r="F34250" t="s">
        <v>21140</v>
      </c>
      <c r="G34250" t="s">
        <v>20255</v>
      </c>
      <c r="H34250" t="s">
        <v>20256</v>
      </c>
      <c r="I34250" s="2">
        <v>1</v>
      </c>
      <c r="J34250" s="2">
        <v>0</v>
      </c>
      <c r="K34250" s="2">
        <v>0</v>
      </c>
      <c r="L34250" t="s">
        <v>120</v>
      </c>
      <c r="M34250" t="s">
        <v>83</v>
      </c>
      <c r="N34250" t="s">
        <v>84</v>
      </c>
      <c r="O34250" t="s">
        <v>85</v>
      </c>
      <c r="P34250" t="s">
        <v>86</v>
      </c>
      <c r="Q34250">
        <v>166</v>
      </c>
      <c r="R34250">
        <v>169</v>
      </c>
      <c r="S34250">
        <v>173</v>
      </c>
      <c r="T34250">
        <v>177</v>
      </c>
      <c r="U34250">
        <v>180</v>
      </c>
      <c r="V34250">
        <v>184</v>
      </c>
      <c r="W34250">
        <v>188</v>
      </c>
      <c r="X34250">
        <v>192</v>
      </c>
      <c r="Y34250">
        <v>196</v>
      </c>
      <c r="Z34250">
        <v>199</v>
      </c>
      <c r="AA34250">
        <v>203</v>
      </c>
      <c r="AB34250">
        <v>207</v>
      </c>
      <c r="AC34250">
        <v>211</v>
      </c>
      <c r="AD34250">
        <v>215</v>
      </c>
      <c r="AE34250">
        <v>219</v>
      </c>
      <c r="AF34250">
        <v>223</v>
      </c>
      <c r="AG34250">
        <v>227</v>
      </c>
      <c r="AH34250">
        <v>231</v>
      </c>
      <c r="AI34250">
        <v>235</v>
      </c>
      <c r="AJ34250">
        <v>239</v>
      </c>
      <c r="AK34250">
        <v>243</v>
      </c>
      <c r="AL34250">
        <v>245</v>
      </c>
      <c r="AM34250">
        <v>247</v>
      </c>
      <c r="AN34250">
        <v>249</v>
      </c>
      <c r="AO34250">
        <v>250</v>
      </c>
      <c r="AP34250">
        <v>252</v>
      </c>
      <c r="AQ34250">
        <v>254</v>
      </c>
    </row>
    <row r="34251" spans="1:43">
      <c r="A34251" t="s">
        <v>21217</v>
      </c>
      <c r="B34251" t="s">
        <v>21218</v>
      </c>
      <c r="C34251" t="s">
        <v>21213</v>
      </c>
      <c r="D34251" t="s">
        <v>21214</v>
      </c>
      <c r="E34251" t="s">
        <v>21139</v>
      </c>
      <c r="F34251" t="s">
        <v>21140</v>
      </c>
      <c r="G34251" t="s">
        <v>20255</v>
      </c>
      <c r="H34251" t="s">
        <v>20256</v>
      </c>
      <c r="I34251" s="2">
        <v>1</v>
      </c>
      <c r="J34251" s="2">
        <v>0</v>
      </c>
      <c r="K34251" s="2">
        <v>0</v>
      </c>
      <c r="L34251" t="s">
        <v>120</v>
      </c>
      <c r="M34251" t="s">
        <v>87</v>
      </c>
      <c r="N34251" t="s">
        <v>88</v>
      </c>
      <c r="O34251" t="s">
        <v>85</v>
      </c>
      <c r="P34251" t="s">
        <v>86</v>
      </c>
      <c r="Q34251">
        <v>166</v>
      </c>
      <c r="R34251">
        <v>168</v>
      </c>
      <c r="S34251">
        <v>170</v>
      </c>
      <c r="T34251">
        <v>172</v>
      </c>
      <c r="U34251">
        <v>174</v>
      </c>
      <c r="V34251">
        <v>177</v>
      </c>
      <c r="W34251">
        <v>179</v>
      </c>
      <c r="X34251">
        <v>181</v>
      </c>
      <c r="Y34251">
        <v>183</v>
      </c>
      <c r="Z34251">
        <v>185</v>
      </c>
      <c r="AA34251">
        <v>187</v>
      </c>
      <c r="AB34251">
        <v>189</v>
      </c>
      <c r="AC34251">
        <v>191</v>
      </c>
      <c r="AD34251">
        <v>194</v>
      </c>
      <c r="AE34251">
        <v>196</v>
      </c>
      <c r="AF34251">
        <v>198</v>
      </c>
      <c r="AG34251">
        <v>200</v>
      </c>
      <c r="AH34251">
        <v>202</v>
      </c>
      <c r="AI34251">
        <v>204</v>
      </c>
      <c r="AJ34251">
        <v>207</v>
      </c>
      <c r="AK34251">
        <v>209</v>
      </c>
      <c r="AL34251">
        <v>211</v>
      </c>
      <c r="AM34251">
        <v>213</v>
      </c>
      <c r="AN34251">
        <v>215</v>
      </c>
      <c r="AO34251">
        <v>218</v>
      </c>
      <c r="AP34251">
        <v>220</v>
      </c>
      <c r="AQ34251">
        <v>222</v>
      </c>
    </row>
    <row r="34252" spans="1:43">
      <c r="A34252" t="s">
        <v>21217</v>
      </c>
      <c r="B34252" t="s">
        <v>21218</v>
      </c>
      <c r="C34252" t="s">
        <v>21213</v>
      </c>
      <c r="D34252" t="s">
        <v>21214</v>
      </c>
      <c r="E34252" t="s">
        <v>21139</v>
      </c>
      <c r="F34252" t="s">
        <v>21140</v>
      </c>
      <c r="G34252" t="s">
        <v>20255</v>
      </c>
      <c r="H34252" t="s">
        <v>20256</v>
      </c>
      <c r="I34252" s="2">
        <v>1</v>
      </c>
      <c r="J34252" s="2">
        <v>0</v>
      </c>
      <c r="K34252" s="2">
        <v>0</v>
      </c>
      <c r="L34252" t="s">
        <v>120</v>
      </c>
      <c r="M34252" t="s">
        <v>89</v>
      </c>
      <c r="N34252" t="s">
        <v>90</v>
      </c>
      <c r="O34252" t="s">
        <v>85</v>
      </c>
      <c r="P34252" t="s">
        <v>86</v>
      </c>
      <c r="Q34252">
        <v>166</v>
      </c>
      <c r="R34252">
        <v>171</v>
      </c>
      <c r="S34252">
        <v>176</v>
      </c>
      <c r="T34252">
        <v>182</v>
      </c>
      <c r="U34252">
        <v>187</v>
      </c>
      <c r="V34252">
        <v>192</v>
      </c>
      <c r="W34252">
        <v>196</v>
      </c>
      <c r="X34252">
        <v>201</v>
      </c>
      <c r="Y34252">
        <v>206</v>
      </c>
      <c r="Z34252">
        <v>211</v>
      </c>
      <c r="AA34252">
        <v>216</v>
      </c>
      <c r="AB34252">
        <v>220</v>
      </c>
      <c r="AC34252">
        <v>225</v>
      </c>
      <c r="AD34252">
        <v>230</v>
      </c>
      <c r="AE34252">
        <v>234</v>
      </c>
      <c r="AF34252">
        <v>236</v>
      </c>
      <c r="AG34252">
        <v>237</v>
      </c>
      <c r="AH34252">
        <v>239</v>
      </c>
      <c r="AI34252">
        <v>241</v>
      </c>
      <c r="AJ34252">
        <v>243</v>
      </c>
      <c r="AK34252">
        <v>245</v>
      </c>
      <c r="AL34252">
        <v>246</v>
      </c>
      <c r="AM34252">
        <v>248</v>
      </c>
      <c r="AN34252">
        <v>250</v>
      </c>
      <c r="AO34252">
        <v>251</v>
      </c>
      <c r="AP34252">
        <v>253</v>
      </c>
      <c r="AQ34252">
        <v>255</v>
      </c>
    </row>
    <row r="34253" spans="1:43">
      <c r="A34253" t="s">
        <v>21217</v>
      </c>
      <c r="B34253" t="s">
        <v>21218</v>
      </c>
      <c r="C34253" t="s">
        <v>21213</v>
      </c>
      <c r="D34253" t="s">
        <v>21214</v>
      </c>
      <c r="E34253" t="s">
        <v>21139</v>
      </c>
      <c r="F34253" t="s">
        <v>21140</v>
      </c>
      <c r="G34253" t="s">
        <v>20255</v>
      </c>
      <c r="H34253" t="s">
        <v>20256</v>
      </c>
      <c r="I34253" s="2">
        <v>1</v>
      </c>
      <c r="J34253" s="2">
        <v>0</v>
      </c>
      <c r="K34253" s="2">
        <v>0</v>
      </c>
      <c r="L34253" t="s">
        <v>120</v>
      </c>
      <c r="M34253" t="s">
        <v>83</v>
      </c>
      <c r="N34253" t="s">
        <v>91</v>
      </c>
      <c r="O34253" t="s">
        <v>85</v>
      </c>
      <c r="P34253" t="s">
        <v>86</v>
      </c>
      <c r="Q34253">
        <v>166</v>
      </c>
      <c r="R34253">
        <v>169</v>
      </c>
      <c r="S34253">
        <v>173</v>
      </c>
      <c r="T34253">
        <v>177</v>
      </c>
      <c r="U34253">
        <v>180</v>
      </c>
      <c r="V34253">
        <v>184</v>
      </c>
      <c r="W34253">
        <v>188</v>
      </c>
      <c r="X34253">
        <v>192</v>
      </c>
      <c r="Y34253">
        <v>196</v>
      </c>
      <c r="Z34253">
        <v>199</v>
      </c>
      <c r="AA34253">
        <v>203</v>
      </c>
      <c r="AB34253">
        <v>207</v>
      </c>
      <c r="AC34253">
        <v>211</v>
      </c>
      <c r="AD34253">
        <v>215</v>
      </c>
      <c r="AE34253">
        <v>219</v>
      </c>
      <c r="AF34253">
        <v>223</v>
      </c>
      <c r="AG34253">
        <v>227</v>
      </c>
      <c r="AH34253">
        <v>231</v>
      </c>
      <c r="AI34253">
        <v>235</v>
      </c>
      <c r="AJ34253">
        <v>239</v>
      </c>
      <c r="AK34253">
        <v>243</v>
      </c>
      <c r="AL34253">
        <v>245</v>
      </c>
      <c r="AM34253">
        <v>247</v>
      </c>
      <c r="AN34253">
        <v>249</v>
      </c>
      <c r="AO34253">
        <v>250</v>
      </c>
      <c r="AP34253">
        <v>252</v>
      </c>
      <c r="AQ34253">
        <v>254</v>
      </c>
    </row>
    <row r="34254" spans="1:43">
      <c r="A34254" t="s">
        <v>21219</v>
      </c>
      <c r="B34254" t="s">
        <v>21220</v>
      </c>
      <c r="C34254" t="s">
        <v>21213</v>
      </c>
      <c r="D34254" t="s">
        <v>21214</v>
      </c>
      <c r="E34254" t="s">
        <v>21139</v>
      </c>
      <c r="F34254" t="s">
        <v>21140</v>
      </c>
      <c r="G34254" t="s">
        <v>20255</v>
      </c>
      <c r="H34254" t="s">
        <v>20256</v>
      </c>
      <c r="I34254" s="2">
        <v>1</v>
      </c>
      <c r="J34254" s="2">
        <v>0</v>
      </c>
      <c r="K34254" s="2">
        <v>0</v>
      </c>
      <c r="L34254" t="s">
        <v>120</v>
      </c>
      <c r="M34254" t="s">
        <v>83</v>
      </c>
      <c r="N34254" t="s">
        <v>84</v>
      </c>
      <c r="O34254" t="s">
        <v>85</v>
      </c>
      <c r="P34254" t="s">
        <v>86</v>
      </c>
      <c r="Q34254">
        <v>60</v>
      </c>
      <c r="R34254">
        <v>61</v>
      </c>
      <c r="S34254">
        <v>62</v>
      </c>
      <c r="T34254">
        <v>64</v>
      </c>
      <c r="U34254">
        <v>65</v>
      </c>
      <c r="V34254">
        <v>66</v>
      </c>
      <c r="W34254">
        <v>68</v>
      </c>
      <c r="X34254">
        <v>69</v>
      </c>
      <c r="Y34254">
        <v>70</v>
      </c>
      <c r="Z34254">
        <v>72</v>
      </c>
      <c r="AA34254">
        <v>73</v>
      </c>
      <c r="AB34254">
        <v>74</v>
      </c>
      <c r="AC34254">
        <v>76</v>
      </c>
      <c r="AD34254">
        <v>77</v>
      </c>
      <c r="AE34254">
        <v>78</v>
      </c>
      <c r="AF34254">
        <v>80</v>
      </c>
      <c r="AG34254">
        <v>81</v>
      </c>
      <c r="AH34254">
        <v>83</v>
      </c>
      <c r="AI34254">
        <v>84</v>
      </c>
      <c r="AJ34254">
        <v>86</v>
      </c>
      <c r="AK34254">
        <v>87</v>
      </c>
      <c r="AL34254">
        <v>88</v>
      </c>
      <c r="AM34254">
        <v>88</v>
      </c>
      <c r="AN34254">
        <v>89</v>
      </c>
      <c r="AO34254">
        <v>90</v>
      </c>
      <c r="AP34254">
        <v>90</v>
      </c>
      <c r="AQ34254">
        <v>91</v>
      </c>
    </row>
    <row r="34255" spans="1:43">
      <c r="A34255" t="s">
        <v>21219</v>
      </c>
      <c r="B34255" t="s">
        <v>21220</v>
      </c>
      <c r="C34255" t="s">
        <v>21213</v>
      </c>
      <c r="D34255" t="s">
        <v>21214</v>
      </c>
      <c r="E34255" t="s">
        <v>21139</v>
      </c>
      <c r="F34255" t="s">
        <v>21140</v>
      </c>
      <c r="G34255" t="s">
        <v>20255</v>
      </c>
      <c r="H34255" t="s">
        <v>20256</v>
      </c>
      <c r="I34255" s="2">
        <v>1</v>
      </c>
      <c r="J34255" s="2">
        <v>0</v>
      </c>
      <c r="K34255" s="2">
        <v>0</v>
      </c>
      <c r="L34255" t="s">
        <v>120</v>
      </c>
      <c r="M34255" t="s">
        <v>87</v>
      </c>
      <c r="N34255" t="s">
        <v>88</v>
      </c>
      <c r="O34255" t="s">
        <v>85</v>
      </c>
      <c r="P34255" t="s">
        <v>86</v>
      </c>
      <c r="Q34255">
        <v>60</v>
      </c>
      <c r="R34255">
        <v>61</v>
      </c>
      <c r="S34255">
        <v>62</v>
      </c>
      <c r="T34255">
        <v>62</v>
      </c>
      <c r="U34255">
        <v>63</v>
      </c>
      <c r="V34255">
        <v>64</v>
      </c>
      <c r="W34255">
        <v>65</v>
      </c>
      <c r="X34255">
        <v>65</v>
      </c>
      <c r="Y34255">
        <v>66</v>
      </c>
      <c r="Z34255">
        <v>67</v>
      </c>
      <c r="AA34255">
        <v>68</v>
      </c>
      <c r="AB34255">
        <v>68</v>
      </c>
      <c r="AC34255">
        <v>69</v>
      </c>
      <c r="AD34255">
        <v>70</v>
      </c>
      <c r="AE34255">
        <v>71</v>
      </c>
      <c r="AF34255">
        <v>71</v>
      </c>
      <c r="AG34255">
        <v>72</v>
      </c>
      <c r="AH34255">
        <v>73</v>
      </c>
      <c r="AI34255">
        <v>74</v>
      </c>
      <c r="AJ34255">
        <v>75</v>
      </c>
      <c r="AK34255">
        <v>75</v>
      </c>
      <c r="AL34255">
        <v>76</v>
      </c>
      <c r="AM34255">
        <v>77</v>
      </c>
      <c r="AN34255">
        <v>78</v>
      </c>
      <c r="AO34255">
        <v>78</v>
      </c>
      <c r="AP34255">
        <v>79</v>
      </c>
      <c r="AQ34255">
        <v>80</v>
      </c>
    </row>
    <row r="34256" spans="1:43">
      <c r="A34256" t="s">
        <v>21219</v>
      </c>
      <c r="B34256" t="s">
        <v>21220</v>
      </c>
      <c r="C34256" t="s">
        <v>21213</v>
      </c>
      <c r="D34256" t="s">
        <v>21214</v>
      </c>
      <c r="E34256" t="s">
        <v>21139</v>
      </c>
      <c r="F34256" t="s">
        <v>21140</v>
      </c>
      <c r="G34256" t="s">
        <v>20255</v>
      </c>
      <c r="H34256" t="s">
        <v>20256</v>
      </c>
      <c r="I34256" s="2">
        <v>1</v>
      </c>
      <c r="J34256" s="2">
        <v>0</v>
      </c>
      <c r="K34256" s="2">
        <v>0</v>
      </c>
      <c r="L34256" t="s">
        <v>120</v>
      </c>
      <c r="M34256" t="s">
        <v>89</v>
      </c>
      <c r="N34256" t="s">
        <v>90</v>
      </c>
      <c r="O34256" t="s">
        <v>85</v>
      </c>
      <c r="P34256" t="s">
        <v>86</v>
      </c>
      <c r="Q34256">
        <v>60</v>
      </c>
      <c r="R34256">
        <v>62</v>
      </c>
      <c r="S34256">
        <v>64</v>
      </c>
      <c r="T34256">
        <v>66</v>
      </c>
      <c r="U34256">
        <v>67</v>
      </c>
      <c r="V34256">
        <v>69</v>
      </c>
      <c r="W34256">
        <v>71</v>
      </c>
      <c r="X34256">
        <v>73</v>
      </c>
      <c r="Y34256">
        <v>74</v>
      </c>
      <c r="Z34256">
        <v>76</v>
      </c>
      <c r="AA34256">
        <v>78</v>
      </c>
      <c r="AB34256">
        <v>79</v>
      </c>
      <c r="AC34256">
        <v>81</v>
      </c>
      <c r="AD34256">
        <v>83</v>
      </c>
      <c r="AE34256">
        <v>84</v>
      </c>
      <c r="AF34256">
        <v>85</v>
      </c>
      <c r="AG34256">
        <v>85</v>
      </c>
      <c r="AH34256">
        <v>86</v>
      </c>
      <c r="AI34256">
        <v>87</v>
      </c>
      <c r="AJ34256">
        <v>87</v>
      </c>
      <c r="AK34256">
        <v>88</v>
      </c>
      <c r="AL34256">
        <v>89</v>
      </c>
      <c r="AM34256">
        <v>89</v>
      </c>
      <c r="AN34256">
        <v>90</v>
      </c>
      <c r="AO34256">
        <v>90</v>
      </c>
      <c r="AP34256">
        <v>91</v>
      </c>
      <c r="AQ34256">
        <v>92</v>
      </c>
    </row>
    <row r="34257" spans="1:43">
      <c r="A34257" t="s">
        <v>21219</v>
      </c>
      <c r="B34257" t="s">
        <v>21220</v>
      </c>
      <c r="C34257" t="s">
        <v>21213</v>
      </c>
      <c r="D34257" t="s">
        <v>21214</v>
      </c>
      <c r="E34257" t="s">
        <v>21139</v>
      </c>
      <c r="F34257" t="s">
        <v>21140</v>
      </c>
      <c r="G34257" t="s">
        <v>20255</v>
      </c>
      <c r="H34257" t="s">
        <v>20256</v>
      </c>
      <c r="I34257" s="2">
        <v>1</v>
      </c>
      <c r="J34257" s="2">
        <v>0</v>
      </c>
      <c r="K34257" s="2">
        <v>0</v>
      </c>
      <c r="L34257" t="s">
        <v>120</v>
      </c>
      <c r="M34257" t="s">
        <v>83</v>
      </c>
      <c r="N34257" t="s">
        <v>91</v>
      </c>
      <c r="O34257" t="s">
        <v>85</v>
      </c>
      <c r="P34257" t="s">
        <v>86</v>
      </c>
      <c r="Q34257">
        <v>60</v>
      </c>
      <c r="R34257">
        <v>61</v>
      </c>
      <c r="S34257">
        <v>62</v>
      </c>
      <c r="T34257">
        <v>64</v>
      </c>
      <c r="U34257">
        <v>65</v>
      </c>
      <c r="V34257">
        <v>66</v>
      </c>
      <c r="W34257">
        <v>68</v>
      </c>
      <c r="X34257">
        <v>69</v>
      </c>
      <c r="Y34257">
        <v>70</v>
      </c>
      <c r="Z34257">
        <v>72</v>
      </c>
      <c r="AA34257">
        <v>73</v>
      </c>
      <c r="AB34257">
        <v>74</v>
      </c>
      <c r="AC34257">
        <v>76</v>
      </c>
      <c r="AD34257">
        <v>77</v>
      </c>
      <c r="AE34257">
        <v>78</v>
      </c>
      <c r="AF34257">
        <v>80</v>
      </c>
      <c r="AG34257">
        <v>81</v>
      </c>
      <c r="AH34257">
        <v>83</v>
      </c>
      <c r="AI34257">
        <v>84</v>
      </c>
      <c r="AJ34257">
        <v>86</v>
      </c>
      <c r="AK34257">
        <v>87</v>
      </c>
      <c r="AL34257">
        <v>88</v>
      </c>
      <c r="AM34257">
        <v>88</v>
      </c>
      <c r="AN34257">
        <v>89</v>
      </c>
      <c r="AO34257">
        <v>90</v>
      </c>
      <c r="AP34257">
        <v>90</v>
      </c>
      <c r="AQ34257">
        <v>91</v>
      </c>
    </row>
    <row r="34258" spans="1:43">
      <c r="A34258" t="s">
        <v>21221</v>
      </c>
      <c r="B34258" t="s">
        <v>21222</v>
      </c>
      <c r="C34258" t="s">
        <v>21223</v>
      </c>
      <c r="D34258" t="s">
        <v>21224</v>
      </c>
      <c r="E34258" t="s">
        <v>21139</v>
      </c>
      <c r="F34258" t="s">
        <v>21140</v>
      </c>
      <c r="G34258" t="s">
        <v>20255</v>
      </c>
      <c r="H34258" t="s">
        <v>20256</v>
      </c>
      <c r="I34258" s="2">
        <v>1</v>
      </c>
      <c r="J34258" s="2">
        <v>0</v>
      </c>
      <c r="K34258" s="2">
        <v>0</v>
      </c>
      <c r="L34258" t="s">
        <v>120</v>
      </c>
      <c r="M34258" t="s">
        <v>83</v>
      </c>
      <c r="N34258" t="s">
        <v>84</v>
      </c>
      <c r="O34258" t="s">
        <v>85</v>
      </c>
      <c r="P34258" t="s">
        <v>86</v>
      </c>
      <c r="Q34258">
        <v>74</v>
      </c>
      <c r="R34258">
        <v>75</v>
      </c>
      <c r="S34258">
        <v>77</v>
      </c>
      <c r="T34258">
        <v>78</v>
      </c>
      <c r="U34258">
        <v>80</v>
      </c>
      <c r="V34258">
        <v>81</v>
      </c>
      <c r="W34258">
        <v>83</v>
      </c>
      <c r="X34258">
        <v>84</v>
      </c>
      <c r="Y34258">
        <v>86</v>
      </c>
      <c r="Z34258">
        <v>88</v>
      </c>
      <c r="AA34258">
        <v>89</v>
      </c>
      <c r="AB34258">
        <v>91</v>
      </c>
      <c r="AC34258">
        <v>92</v>
      </c>
      <c r="AD34258">
        <v>94</v>
      </c>
      <c r="AE34258">
        <v>96</v>
      </c>
      <c r="AF34258">
        <v>97</v>
      </c>
      <c r="AG34258">
        <v>99</v>
      </c>
      <c r="AH34258">
        <v>101</v>
      </c>
      <c r="AI34258">
        <v>102</v>
      </c>
      <c r="AJ34258">
        <v>104</v>
      </c>
      <c r="AK34258">
        <v>106</v>
      </c>
      <c r="AL34258">
        <v>107</v>
      </c>
      <c r="AM34258">
        <v>107</v>
      </c>
      <c r="AN34258">
        <v>108</v>
      </c>
      <c r="AO34258">
        <v>109</v>
      </c>
      <c r="AP34258">
        <v>110</v>
      </c>
      <c r="AQ34258">
        <v>110</v>
      </c>
    </row>
    <row r="34259" spans="1:43">
      <c r="A34259" t="s">
        <v>21221</v>
      </c>
      <c r="B34259" t="s">
        <v>21222</v>
      </c>
      <c r="C34259" t="s">
        <v>21223</v>
      </c>
      <c r="D34259" t="s">
        <v>21224</v>
      </c>
      <c r="E34259" t="s">
        <v>21139</v>
      </c>
      <c r="F34259" t="s">
        <v>21140</v>
      </c>
      <c r="G34259" t="s">
        <v>20255</v>
      </c>
      <c r="H34259" t="s">
        <v>20256</v>
      </c>
      <c r="I34259" s="2">
        <v>1</v>
      </c>
      <c r="J34259" s="2">
        <v>0</v>
      </c>
      <c r="K34259" s="2">
        <v>0</v>
      </c>
      <c r="L34259" t="s">
        <v>120</v>
      </c>
      <c r="M34259" t="s">
        <v>87</v>
      </c>
      <c r="N34259" t="s">
        <v>88</v>
      </c>
      <c r="O34259" t="s">
        <v>85</v>
      </c>
      <c r="P34259" t="s">
        <v>86</v>
      </c>
      <c r="Q34259">
        <v>74</v>
      </c>
      <c r="R34259">
        <v>75</v>
      </c>
      <c r="S34259">
        <v>75</v>
      </c>
      <c r="T34259">
        <v>76</v>
      </c>
      <c r="U34259">
        <v>77</v>
      </c>
      <c r="V34259">
        <v>78</v>
      </c>
      <c r="W34259">
        <v>79</v>
      </c>
      <c r="X34259">
        <v>80</v>
      </c>
      <c r="Y34259">
        <v>81</v>
      </c>
      <c r="Z34259">
        <v>81</v>
      </c>
      <c r="AA34259">
        <v>82</v>
      </c>
      <c r="AB34259">
        <v>83</v>
      </c>
      <c r="AC34259">
        <v>84</v>
      </c>
      <c r="AD34259">
        <v>85</v>
      </c>
      <c r="AE34259">
        <v>86</v>
      </c>
      <c r="AF34259">
        <v>87</v>
      </c>
      <c r="AG34259">
        <v>88</v>
      </c>
      <c r="AH34259">
        <v>88</v>
      </c>
      <c r="AI34259">
        <v>89</v>
      </c>
      <c r="AJ34259">
        <v>90</v>
      </c>
      <c r="AK34259">
        <v>91</v>
      </c>
      <c r="AL34259">
        <v>92</v>
      </c>
      <c r="AM34259">
        <v>93</v>
      </c>
      <c r="AN34259">
        <v>94</v>
      </c>
      <c r="AO34259">
        <v>95</v>
      </c>
      <c r="AP34259">
        <v>95</v>
      </c>
      <c r="AQ34259">
        <v>96</v>
      </c>
    </row>
    <row r="34260" spans="1:43">
      <c r="A34260" t="s">
        <v>21221</v>
      </c>
      <c r="B34260" t="s">
        <v>21222</v>
      </c>
      <c r="C34260" t="s">
        <v>21223</v>
      </c>
      <c r="D34260" t="s">
        <v>21224</v>
      </c>
      <c r="E34260" t="s">
        <v>21139</v>
      </c>
      <c r="F34260" t="s">
        <v>21140</v>
      </c>
      <c r="G34260" t="s">
        <v>20255</v>
      </c>
      <c r="H34260" t="s">
        <v>20256</v>
      </c>
      <c r="I34260" s="2">
        <v>1</v>
      </c>
      <c r="J34260" s="2">
        <v>0</v>
      </c>
      <c r="K34260" s="2">
        <v>0</v>
      </c>
      <c r="L34260" t="s">
        <v>120</v>
      </c>
      <c r="M34260" t="s">
        <v>89</v>
      </c>
      <c r="N34260" t="s">
        <v>90</v>
      </c>
      <c r="O34260" t="s">
        <v>85</v>
      </c>
      <c r="P34260" t="s">
        <v>86</v>
      </c>
      <c r="Q34260">
        <v>74</v>
      </c>
      <c r="R34260">
        <v>76</v>
      </c>
      <c r="S34260">
        <v>79</v>
      </c>
      <c r="T34260">
        <v>81</v>
      </c>
      <c r="U34260">
        <v>83</v>
      </c>
      <c r="V34260">
        <v>85</v>
      </c>
      <c r="W34260">
        <v>87</v>
      </c>
      <c r="X34260">
        <v>89</v>
      </c>
      <c r="Y34260">
        <v>91</v>
      </c>
      <c r="Z34260">
        <v>93</v>
      </c>
      <c r="AA34260">
        <v>95</v>
      </c>
      <c r="AB34260">
        <v>97</v>
      </c>
      <c r="AC34260">
        <v>99</v>
      </c>
      <c r="AD34260">
        <v>101</v>
      </c>
      <c r="AE34260">
        <v>103</v>
      </c>
      <c r="AF34260">
        <v>103</v>
      </c>
      <c r="AG34260">
        <v>104</v>
      </c>
      <c r="AH34260">
        <v>105</v>
      </c>
      <c r="AI34260">
        <v>106</v>
      </c>
      <c r="AJ34260">
        <v>107</v>
      </c>
      <c r="AK34260">
        <v>107</v>
      </c>
      <c r="AL34260">
        <v>108</v>
      </c>
      <c r="AM34260">
        <v>109</v>
      </c>
      <c r="AN34260">
        <v>110</v>
      </c>
      <c r="AO34260">
        <v>110</v>
      </c>
      <c r="AP34260">
        <v>111</v>
      </c>
      <c r="AQ34260">
        <v>112</v>
      </c>
    </row>
    <row r="34261" spans="1:43">
      <c r="A34261" t="s">
        <v>21221</v>
      </c>
      <c r="B34261" t="s">
        <v>21222</v>
      </c>
      <c r="C34261" t="s">
        <v>21223</v>
      </c>
      <c r="D34261" t="s">
        <v>21224</v>
      </c>
      <c r="E34261" t="s">
        <v>21139</v>
      </c>
      <c r="F34261" t="s">
        <v>21140</v>
      </c>
      <c r="G34261" t="s">
        <v>20255</v>
      </c>
      <c r="H34261" t="s">
        <v>20256</v>
      </c>
      <c r="I34261" s="2">
        <v>1</v>
      </c>
      <c r="J34261" s="2">
        <v>0</v>
      </c>
      <c r="K34261" s="2">
        <v>0</v>
      </c>
      <c r="L34261" t="s">
        <v>120</v>
      </c>
      <c r="M34261" t="s">
        <v>83</v>
      </c>
      <c r="N34261" t="s">
        <v>91</v>
      </c>
      <c r="O34261" t="s">
        <v>85</v>
      </c>
      <c r="P34261" t="s">
        <v>86</v>
      </c>
      <c r="Q34261">
        <v>74</v>
      </c>
      <c r="R34261">
        <v>75</v>
      </c>
      <c r="S34261">
        <v>77</v>
      </c>
      <c r="T34261">
        <v>78</v>
      </c>
      <c r="U34261">
        <v>80</v>
      </c>
      <c r="V34261">
        <v>81</v>
      </c>
      <c r="W34261">
        <v>83</v>
      </c>
      <c r="X34261">
        <v>84</v>
      </c>
      <c r="Y34261">
        <v>86</v>
      </c>
      <c r="Z34261">
        <v>88</v>
      </c>
      <c r="AA34261">
        <v>89</v>
      </c>
      <c r="AB34261">
        <v>91</v>
      </c>
      <c r="AC34261">
        <v>92</v>
      </c>
      <c r="AD34261">
        <v>94</v>
      </c>
      <c r="AE34261">
        <v>96</v>
      </c>
      <c r="AF34261">
        <v>97</v>
      </c>
      <c r="AG34261">
        <v>99</v>
      </c>
      <c r="AH34261">
        <v>101</v>
      </c>
      <c r="AI34261">
        <v>102</v>
      </c>
      <c r="AJ34261">
        <v>104</v>
      </c>
      <c r="AK34261">
        <v>106</v>
      </c>
      <c r="AL34261">
        <v>107</v>
      </c>
      <c r="AM34261">
        <v>107</v>
      </c>
      <c r="AN34261">
        <v>108</v>
      </c>
      <c r="AO34261">
        <v>109</v>
      </c>
      <c r="AP34261">
        <v>110</v>
      </c>
      <c r="AQ34261">
        <v>110</v>
      </c>
    </row>
    <row r="34262" spans="1:43">
      <c r="A34262" t="s">
        <v>21225</v>
      </c>
      <c r="B34262" t="s">
        <v>21226</v>
      </c>
      <c r="C34262" t="s">
        <v>21223</v>
      </c>
      <c r="D34262" t="s">
        <v>21224</v>
      </c>
      <c r="E34262" t="s">
        <v>21139</v>
      </c>
      <c r="F34262" t="s">
        <v>21140</v>
      </c>
      <c r="G34262" t="s">
        <v>20255</v>
      </c>
      <c r="H34262" t="s">
        <v>20256</v>
      </c>
      <c r="I34262" s="2">
        <v>1</v>
      </c>
      <c r="J34262" s="2">
        <v>0</v>
      </c>
      <c r="K34262" s="2">
        <v>0</v>
      </c>
      <c r="L34262" t="s">
        <v>120</v>
      </c>
      <c r="M34262" t="s">
        <v>83</v>
      </c>
      <c r="N34262" t="s">
        <v>84</v>
      </c>
      <c r="O34262" t="s">
        <v>85</v>
      </c>
      <c r="P34262" t="s">
        <v>86</v>
      </c>
      <c r="Q34262">
        <v>17</v>
      </c>
      <c r="R34262">
        <v>18</v>
      </c>
      <c r="S34262">
        <v>18</v>
      </c>
      <c r="T34262">
        <v>19</v>
      </c>
      <c r="U34262">
        <v>19</v>
      </c>
      <c r="V34262">
        <v>19</v>
      </c>
      <c r="W34262">
        <v>20</v>
      </c>
      <c r="X34262">
        <v>20</v>
      </c>
      <c r="Y34262">
        <v>20</v>
      </c>
      <c r="Z34262">
        <v>21</v>
      </c>
      <c r="AA34262">
        <v>21</v>
      </c>
      <c r="AB34262">
        <v>22</v>
      </c>
      <c r="AC34262">
        <v>22</v>
      </c>
      <c r="AD34262">
        <v>22</v>
      </c>
      <c r="AE34262">
        <v>23</v>
      </c>
      <c r="AF34262">
        <v>23</v>
      </c>
      <c r="AG34262">
        <v>23</v>
      </c>
      <c r="AH34262">
        <v>24</v>
      </c>
      <c r="AI34262">
        <v>24</v>
      </c>
      <c r="AJ34262">
        <v>25</v>
      </c>
      <c r="AK34262">
        <v>25</v>
      </c>
      <c r="AL34262">
        <v>25</v>
      </c>
      <c r="AM34262">
        <v>25</v>
      </c>
      <c r="AN34262">
        <v>26</v>
      </c>
      <c r="AO34262">
        <v>26</v>
      </c>
      <c r="AP34262">
        <v>26</v>
      </c>
      <c r="AQ34262">
        <v>26</v>
      </c>
    </row>
    <row r="34263" spans="1:43">
      <c r="A34263" t="s">
        <v>21225</v>
      </c>
      <c r="B34263" t="s">
        <v>21226</v>
      </c>
      <c r="C34263" t="s">
        <v>21223</v>
      </c>
      <c r="D34263" t="s">
        <v>21224</v>
      </c>
      <c r="E34263" t="s">
        <v>21139</v>
      </c>
      <c r="F34263" t="s">
        <v>21140</v>
      </c>
      <c r="G34263" t="s">
        <v>20255</v>
      </c>
      <c r="H34263" t="s">
        <v>20256</v>
      </c>
      <c r="I34263" s="2">
        <v>1</v>
      </c>
      <c r="J34263" s="2">
        <v>0</v>
      </c>
      <c r="K34263" s="2">
        <v>0</v>
      </c>
      <c r="L34263" t="s">
        <v>120</v>
      </c>
      <c r="M34263" t="s">
        <v>87</v>
      </c>
      <c r="N34263" t="s">
        <v>88</v>
      </c>
      <c r="O34263" t="s">
        <v>85</v>
      </c>
      <c r="P34263" t="s">
        <v>86</v>
      </c>
      <c r="Q34263">
        <v>17</v>
      </c>
      <c r="R34263">
        <v>17</v>
      </c>
      <c r="S34263">
        <v>18</v>
      </c>
      <c r="T34263">
        <v>18</v>
      </c>
      <c r="U34263">
        <v>18</v>
      </c>
      <c r="V34263">
        <v>18</v>
      </c>
      <c r="W34263">
        <v>18</v>
      </c>
      <c r="X34263">
        <v>19</v>
      </c>
      <c r="Y34263">
        <v>19</v>
      </c>
      <c r="Z34263">
        <v>19</v>
      </c>
      <c r="AA34263">
        <v>19</v>
      </c>
      <c r="AB34263">
        <v>19</v>
      </c>
      <c r="AC34263">
        <v>20</v>
      </c>
      <c r="AD34263">
        <v>20</v>
      </c>
      <c r="AE34263">
        <v>20</v>
      </c>
      <c r="AF34263">
        <v>20</v>
      </c>
      <c r="AG34263">
        <v>21</v>
      </c>
      <c r="AH34263">
        <v>21</v>
      </c>
      <c r="AI34263">
        <v>21</v>
      </c>
      <c r="AJ34263">
        <v>21</v>
      </c>
      <c r="AK34263">
        <v>21</v>
      </c>
      <c r="AL34263">
        <v>22</v>
      </c>
      <c r="AM34263">
        <v>22</v>
      </c>
      <c r="AN34263">
        <v>22</v>
      </c>
      <c r="AO34263">
        <v>22</v>
      </c>
      <c r="AP34263">
        <v>22</v>
      </c>
      <c r="AQ34263">
        <v>23</v>
      </c>
    </row>
    <row r="34264" spans="1:43">
      <c r="A34264" t="s">
        <v>21225</v>
      </c>
      <c r="B34264" t="s">
        <v>21226</v>
      </c>
      <c r="C34264" t="s">
        <v>21223</v>
      </c>
      <c r="D34264" t="s">
        <v>21224</v>
      </c>
      <c r="E34264" t="s">
        <v>21139</v>
      </c>
      <c r="F34264" t="s">
        <v>21140</v>
      </c>
      <c r="G34264" t="s">
        <v>20255</v>
      </c>
      <c r="H34264" t="s">
        <v>20256</v>
      </c>
      <c r="I34264" s="2">
        <v>1</v>
      </c>
      <c r="J34264" s="2">
        <v>0</v>
      </c>
      <c r="K34264" s="2">
        <v>0</v>
      </c>
      <c r="L34264" t="s">
        <v>120</v>
      </c>
      <c r="M34264" t="s">
        <v>89</v>
      </c>
      <c r="N34264" t="s">
        <v>90</v>
      </c>
      <c r="O34264" t="s">
        <v>85</v>
      </c>
      <c r="P34264" t="s">
        <v>86</v>
      </c>
      <c r="Q34264">
        <v>17</v>
      </c>
      <c r="R34264">
        <v>17</v>
      </c>
      <c r="S34264">
        <v>18</v>
      </c>
      <c r="T34264">
        <v>18</v>
      </c>
      <c r="U34264">
        <v>19</v>
      </c>
      <c r="V34264">
        <v>19</v>
      </c>
      <c r="W34264">
        <v>20</v>
      </c>
      <c r="X34264">
        <v>20</v>
      </c>
      <c r="Y34264">
        <v>21</v>
      </c>
      <c r="Z34264">
        <v>21</v>
      </c>
      <c r="AA34264">
        <v>22</v>
      </c>
      <c r="AB34264">
        <v>22</v>
      </c>
      <c r="AC34264">
        <v>22</v>
      </c>
      <c r="AD34264">
        <v>23</v>
      </c>
      <c r="AE34264">
        <v>23</v>
      </c>
      <c r="AF34264">
        <v>24</v>
      </c>
      <c r="AG34264">
        <v>24</v>
      </c>
      <c r="AH34264">
        <v>24</v>
      </c>
      <c r="AI34264">
        <v>24</v>
      </c>
      <c r="AJ34264">
        <v>24</v>
      </c>
      <c r="AK34264">
        <v>24</v>
      </c>
      <c r="AL34264">
        <v>25</v>
      </c>
      <c r="AM34264">
        <v>25</v>
      </c>
      <c r="AN34264">
        <v>25</v>
      </c>
      <c r="AO34264">
        <v>25</v>
      </c>
      <c r="AP34264">
        <v>25</v>
      </c>
      <c r="AQ34264">
        <v>25</v>
      </c>
    </row>
    <row r="34265" spans="1:43">
      <c r="A34265" t="s">
        <v>21225</v>
      </c>
      <c r="B34265" t="s">
        <v>21226</v>
      </c>
      <c r="C34265" t="s">
        <v>21223</v>
      </c>
      <c r="D34265" t="s">
        <v>21224</v>
      </c>
      <c r="E34265" t="s">
        <v>21139</v>
      </c>
      <c r="F34265" t="s">
        <v>21140</v>
      </c>
      <c r="G34265" t="s">
        <v>20255</v>
      </c>
      <c r="H34265" t="s">
        <v>20256</v>
      </c>
      <c r="I34265" s="2">
        <v>1</v>
      </c>
      <c r="J34265" s="2">
        <v>0</v>
      </c>
      <c r="K34265" s="2">
        <v>0</v>
      </c>
      <c r="L34265" t="s">
        <v>120</v>
      </c>
      <c r="M34265" t="s">
        <v>83</v>
      </c>
      <c r="N34265" t="s">
        <v>91</v>
      </c>
      <c r="O34265" t="s">
        <v>85</v>
      </c>
      <c r="P34265" t="s">
        <v>86</v>
      </c>
      <c r="Q34265">
        <v>17</v>
      </c>
      <c r="R34265">
        <v>18</v>
      </c>
      <c r="S34265">
        <v>18</v>
      </c>
      <c r="T34265">
        <v>19</v>
      </c>
      <c r="U34265">
        <v>19</v>
      </c>
      <c r="V34265">
        <v>19</v>
      </c>
      <c r="W34265">
        <v>20</v>
      </c>
      <c r="X34265">
        <v>20</v>
      </c>
      <c r="Y34265">
        <v>20</v>
      </c>
      <c r="Z34265">
        <v>21</v>
      </c>
      <c r="AA34265">
        <v>21</v>
      </c>
      <c r="AB34265">
        <v>22</v>
      </c>
      <c r="AC34265">
        <v>22</v>
      </c>
      <c r="AD34265">
        <v>22</v>
      </c>
      <c r="AE34265">
        <v>23</v>
      </c>
      <c r="AF34265">
        <v>23</v>
      </c>
      <c r="AG34265">
        <v>23</v>
      </c>
      <c r="AH34265">
        <v>24</v>
      </c>
      <c r="AI34265">
        <v>24</v>
      </c>
      <c r="AJ34265">
        <v>25</v>
      </c>
      <c r="AK34265">
        <v>25</v>
      </c>
      <c r="AL34265">
        <v>25</v>
      </c>
      <c r="AM34265">
        <v>25</v>
      </c>
      <c r="AN34265">
        <v>26</v>
      </c>
      <c r="AO34265">
        <v>26</v>
      </c>
      <c r="AP34265">
        <v>26</v>
      </c>
      <c r="AQ34265">
        <v>26</v>
      </c>
    </row>
    <row r="34266" spans="1:43">
      <c r="A34266" t="s">
        <v>21227</v>
      </c>
      <c r="B34266" t="s">
        <v>21228</v>
      </c>
      <c r="C34266" t="s">
        <v>21223</v>
      </c>
      <c r="D34266" t="s">
        <v>21224</v>
      </c>
      <c r="E34266" t="s">
        <v>21139</v>
      </c>
      <c r="F34266" t="s">
        <v>21140</v>
      </c>
      <c r="G34266" t="s">
        <v>20255</v>
      </c>
      <c r="H34266" t="s">
        <v>20256</v>
      </c>
      <c r="I34266" s="2">
        <v>1</v>
      </c>
      <c r="J34266" s="2">
        <v>0</v>
      </c>
      <c r="K34266" s="2">
        <v>0</v>
      </c>
      <c r="L34266" t="s">
        <v>120</v>
      </c>
      <c r="M34266" t="s">
        <v>83</v>
      </c>
      <c r="N34266" t="s">
        <v>84</v>
      </c>
      <c r="O34266" t="s">
        <v>85</v>
      </c>
      <c r="P34266" t="s">
        <v>86</v>
      </c>
      <c r="Q34266">
        <v>33</v>
      </c>
      <c r="R34266">
        <v>34</v>
      </c>
      <c r="S34266">
        <v>35</v>
      </c>
      <c r="T34266">
        <v>35</v>
      </c>
      <c r="U34266">
        <v>36</v>
      </c>
      <c r="V34266">
        <v>37</v>
      </c>
      <c r="W34266">
        <v>37</v>
      </c>
      <c r="X34266">
        <v>38</v>
      </c>
      <c r="Y34266">
        <v>39</v>
      </c>
      <c r="Z34266">
        <v>40</v>
      </c>
      <c r="AA34266">
        <v>40</v>
      </c>
      <c r="AB34266">
        <v>41</v>
      </c>
      <c r="AC34266">
        <v>42</v>
      </c>
      <c r="AD34266">
        <v>43</v>
      </c>
      <c r="AE34266">
        <v>43</v>
      </c>
      <c r="AF34266">
        <v>44</v>
      </c>
      <c r="AG34266">
        <v>45</v>
      </c>
      <c r="AH34266">
        <v>46</v>
      </c>
      <c r="AI34266">
        <v>46</v>
      </c>
      <c r="AJ34266">
        <v>47</v>
      </c>
      <c r="AK34266">
        <v>48</v>
      </c>
      <c r="AL34266">
        <v>48</v>
      </c>
      <c r="AM34266">
        <v>49</v>
      </c>
      <c r="AN34266">
        <v>49</v>
      </c>
      <c r="AO34266">
        <v>49</v>
      </c>
      <c r="AP34266">
        <v>50</v>
      </c>
      <c r="AQ34266">
        <v>50</v>
      </c>
    </row>
    <row r="34267" spans="1:43">
      <c r="A34267" t="s">
        <v>21227</v>
      </c>
      <c r="B34267" t="s">
        <v>21228</v>
      </c>
      <c r="C34267" t="s">
        <v>21223</v>
      </c>
      <c r="D34267" t="s">
        <v>21224</v>
      </c>
      <c r="E34267" t="s">
        <v>21139</v>
      </c>
      <c r="F34267" t="s">
        <v>21140</v>
      </c>
      <c r="G34267" t="s">
        <v>20255</v>
      </c>
      <c r="H34267" t="s">
        <v>20256</v>
      </c>
      <c r="I34267" s="2">
        <v>1</v>
      </c>
      <c r="J34267" s="2">
        <v>0</v>
      </c>
      <c r="K34267" s="2">
        <v>0</v>
      </c>
      <c r="L34267" t="s">
        <v>120</v>
      </c>
      <c r="M34267" t="s">
        <v>87</v>
      </c>
      <c r="N34267" t="s">
        <v>88</v>
      </c>
      <c r="O34267" t="s">
        <v>85</v>
      </c>
      <c r="P34267" t="s">
        <v>86</v>
      </c>
      <c r="Q34267">
        <v>33</v>
      </c>
      <c r="R34267">
        <v>33</v>
      </c>
      <c r="S34267">
        <v>34</v>
      </c>
      <c r="T34267">
        <v>34</v>
      </c>
      <c r="U34267">
        <v>34</v>
      </c>
      <c r="V34267">
        <v>35</v>
      </c>
      <c r="W34267">
        <v>35</v>
      </c>
      <c r="X34267">
        <v>36</v>
      </c>
      <c r="Y34267">
        <v>36</v>
      </c>
      <c r="Z34267">
        <v>36</v>
      </c>
      <c r="AA34267">
        <v>37</v>
      </c>
      <c r="AB34267">
        <v>37</v>
      </c>
      <c r="AC34267">
        <v>38</v>
      </c>
      <c r="AD34267">
        <v>38</v>
      </c>
      <c r="AE34267">
        <v>38</v>
      </c>
      <c r="AF34267">
        <v>39</v>
      </c>
      <c r="AG34267">
        <v>39</v>
      </c>
      <c r="AH34267">
        <v>40</v>
      </c>
      <c r="AI34267">
        <v>40</v>
      </c>
      <c r="AJ34267">
        <v>40</v>
      </c>
      <c r="AK34267">
        <v>41</v>
      </c>
      <c r="AL34267">
        <v>41</v>
      </c>
      <c r="AM34267">
        <v>42</v>
      </c>
      <c r="AN34267">
        <v>42</v>
      </c>
      <c r="AO34267">
        <v>43</v>
      </c>
      <c r="AP34267">
        <v>43</v>
      </c>
      <c r="AQ34267">
        <v>43</v>
      </c>
    </row>
    <row r="34268" spans="1:43">
      <c r="A34268" t="s">
        <v>21227</v>
      </c>
      <c r="B34268" t="s">
        <v>21228</v>
      </c>
      <c r="C34268" t="s">
        <v>21223</v>
      </c>
      <c r="D34268" t="s">
        <v>21224</v>
      </c>
      <c r="E34268" t="s">
        <v>21139</v>
      </c>
      <c r="F34268" t="s">
        <v>21140</v>
      </c>
      <c r="G34268" t="s">
        <v>20255</v>
      </c>
      <c r="H34268" t="s">
        <v>20256</v>
      </c>
      <c r="I34268" s="2">
        <v>1</v>
      </c>
      <c r="J34268" s="2">
        <v>0</v>
      </c>
      <c r="K34268" s="2">
        <v>0</v>
      </c>
      <c r="L34268" t="s">
        <v>120</v>
      </c>
      <c r="M34268" t="s">
        <v>89</v>
      </c>
      <c r="N34268" t="s">
        <v>90</v>
      </c>
      <c r="O34268" t="s">
        <v>85</v>
      </c>
      <c r="P34268" t="s">
        <v>86</v>
      </c>
      <c r="Q34268">
        <v>33</v>
      </c>
      <c r="R34268">
        <v>34</v>
      </c>
      <c r="S34268">
        <v>35</v>
      </c>
      <c r="T34268">
        <v>36</v>
      </c>
      <c r="U34268">
        <v>37</v>
      </c>
      <c r="V34268">
        <v>38</v>
      </c>
      <c r="W34268">
        <v>39</v>
      </c>
      <c r="X34268">
        <v>40</v>
      </c>
      <c r="Y34268">
        <v>41</v>
      </c>
      <c r="Z34268">
        <v>42</v>
      </c>
      <c r="AA34268">
        <v>43</v>
      </c>
      <c r="AB34268">
        <v>44</v>
      </c>
      <c r="AC34268">
        <v>45</v>
      </c>
      <c r="AD34268">
        <v>46</v>
      </c>
      <c r="AE34268">
        <v>46</v>
      </c>
      <c r="AF34268">
        <v>47</v>
      </c>
      <c r="AG34268">
        <v>47</v>
      </c>
      <c r="AH34268">
        <v>48</v>
      </c>
      <c r="AI34268">
        <v>48</v>
      </c>
      <c r="AJ34268">
        <v>48</v>
      </c>
      <c r="AK34268">
        <v>49</v>
      </c>
      <c r="AL34268">
        <v>49</v>
      </c>
      <c r="AM34268">
        <v>49</v>
      </c>
      <c r="AN34268">
        <v>50</v>
      </c>
      <c r="AO34268">
        <v>50</v>
      </c>
      <c r="AP34268">
        <v>50</v>
      </c>
      <c r="AQ34268">
        <v>51</v>
      </c>
    </row>
    <row r="34269" spans="1:43">
      <c r="A34269" t="s">
        <v>21227</v>
      </c>
      <c r="B34269" t="s">
        <v>21228</v>
      </c>
      <c r="C34269" t="s">
        <v>21223</v>
      </c>
      <c r="D34269" t="s">
        <v>21224</v>
      </c>
      <c r="E34269" t="s">
        <v>21139</v>
      </c>
      <c r="F34269" t="s">
        <v>21140</v>
      </c>
      <c r="G34269" t="s">
        <v>20255</v>
      </c>
      <c r="H34269" t="s">
        <v>20256</v>
      </c>
      <c r="I34269" s="2">
        <v>1</v>
      </c>
      <c r="J34269" s="2">
        <v>0</v>
      </c>
      <c r="K34269" s="2">
        <v>0</v>
      </c>
      <c r="L34269" t="s">
        <v>120</v>
      </c>
      <c r="M34269" t="s">
        <v>83</v>
      </c>
      <c r="N34269" t="s">
        <v>91</v>
      </c>
      <c r="O34269" t="s">
        <v>85</v>
      </c>
      <c r="P34269" t="s">
        <v>86</v>
      </c>
      <c r="Q34269">
        <v>33</v>
      </c>
      <c r="R34269">
        <v>34</v>
      </c>
      <c r="S34269">
        <v>35</v>
      </c>
      <c r="T34269">
        <v>35</v>
      </c>
      <c r="U34269">
        <v>36</v>
      </c>
      <c r="V34269">
        <v>37</v>
      </c>
      <c r="W34269">
        <v>37</v>
      </c>
      <c r="X34269">
        <v>38</v>
      </c>
      <c r="Y34269">
        <v>39</v>
      </c>
      <c r="Z34269">
        <v>40</v>
      </c>
      <c r="AA34269">
        <v>40</v>
      </c>
      <c r="AB34269">
        <v>41</v>
      </c>
      <c r="AC34269">
        <v>42</v>
      </c>
      <c r="AD34269">
        <v>43</v>
      </c>
      <c r="AE34269">
        <v>43</v>
      </c>
      <c r="AF34269">
        <v>44</v>
      </c>
      <c r="AG34269">
        <v>45</v>
      </c>
      <c r="AH34269">
        <v>46</v>
      </c>
      <c r="AI34269">
        <v>46</v>
      </c>
      <c r="AJ34269">
        <v>47</v>
      </c>
      <c r="AK34269">
        <v>48</v>
      </c>
      <c r="AL34269">
        <v>48</v>
      </c>
      <c r="AM34269">
        <v>49</v>
      </c>
      <c r="AN34269">
        <v>49</v>
      </c>
      <c r="AO34269">
        <v>49</v>
      </c>
      <c r="AP34269">
        <v>50</v>
      </c>
      <c r="AQ34269">
        <v>50</v>
      </c>
    </row>
    <row r="34270" spans="1:43">
      <c r="A34270" t="s">
        <v>21229</v>
      </c>
      <c r="B34270" t="s">
        <v>21230</v>
      </c>
      <c r="C34270" t="s">
        <v>21223</v>
      </c>
      <c r="D34270" t="s">
        <v>21224</v>
      </c>
      <c r="E34270" t="s">
        <v>21139</v>
      </c>
      <c r="F34270" t="s">
        <v>21140</v>
      </c>
      <c r="G34270" t="s">
        <v>20255</v>
      </c>
      <c r="H34270" t="s">
        <v>20256</v>
      </c>
      <c r="I34270" s="2">
        <v>1</v>
      </c>
      <c r="J34270" s="2">
        <v>0</v>
      </c>
      <c r="K34270" s="2">
        <v>0</v>
      </c>
      <c r="L34270" t="s">
        <v>120</v>
      </c>
      <c r="M34270" t="s">
        <v>83</v>
      </c>
      <c r="N34270" t="s">
        <v>84</v>
      </c>
      <c r="O34270" t="s">
        <v>85</v>
      </c>
      <c r="P34270" t="s">
        <v>86</v>
      </c>
      <c r="Q34270">
        <v>3</v>
      </c>
      <c r="R34270">
        <v>4</v>
      </c>
      <c r="S34270">
        <v>4</v>
      </c>
      <c r="T34270">
        <v>4</v>
      </c>
      <c r="U34270">
        <v>4</v>
      </c>
      <c r="V34270">
        <v>4</v>
      </c>
      <c r="W34270">
        <v>4</v>
      </c>
      <c r="X34270">
        <v>4</v>
      </c>
      <c r="Y34270">
        <v>4</v>
      </c>
      <c r="Z34270">
        <v>4</v>
      </c>
      <c r="AA34270">
        <v>4</v>
      </c>
      <c r="AB34270">
        <v>4</v>
      </c>
      <c r="AC34270">
        <v>4</v>
      </c>
      <c r="AD34270">
        <v>4</v>
      </c>
      <c r="AE34270">
        <v>5</v>
      </c>
      <c r="AF34270">
        <v>5</v>
      </c>
      <c r="AG34270">
        <v>5</v>
      </c>
      <c r="AH34270">
        <v>5</v>
      </c>
      <c r="AI34270">
        <v>5</v>
      </c>
      <c r="AJ34270">
        <v>5</v>
      </c>
      <c r="AK34270">
        <v>5</v>
      </c>
      <c r="AL34270">
        <v>5</v>
      </c>
      <c r="AM34270">
        <v>5</v>
      </c>
      <c r="AN34270">
        <v>5</v>
      </c>
      <c r="AO34270">
        <v>5</v>
      </c>
      <c r="AP34270">
        <v>5</v>
      </c>
      <c r="AQ34270">
        <v>5</v>
      </c>
    </row>
    <row r="34271" spans="1:43">
      <c r="A34271" t="s">
        <v>21229</v>
      </c>
      <c r="B34271" t="s">
        <v>21230</v>
      </c>
      <c r="C34271" t="s">
        <v>21223</v>
      </c>
      <c r="D34271" t="s">
        <v>21224</v>
      </c>
      <c r="E34271" t="s">
        <v>21139</v>
      </c>
      <c r="F34271" t="s">
        <v>21140</v>
      </c>
      <c r="G34271" t="s">
        <v>20255</v>
      </c>
      <c r="H34271" t="s">
        <v>20256</v>
      </c>
      <c r="I34271" s="2">
        <v>1</v>
      </c>
      <c r="J34271" s="2">
        <v>0</v>
      </c>
      <c r="K34271" s="2">
        <v>0</v>
      </c>
      <c r="L34271" t="s">
        <v>120</v>
      </c>
      <c r="M34271" t="s">
        <v>87</v>
      </c>
      <c r="N34271" t="s">
        <v>88</v>
      </c>
      <c r="O34271" t="s">
        <v>85</v>
      </c>
      <c r="P34271" t="s">
        <v>86</v>
      </c>
      <c r="Q34271">
        <v>3</v>
      </c>
      <c r="R34271">
        <v>3</v>
      </c>
      <c r="S34271">
        <v>4</v>
      </c>
      <c r="T34271">
        <v>4</v>
      </c>
      <c r="U34271">
        <v>4</v>
      </c>
      <c r="V34271">
        <v>4</v>
      </c>
      <c r="W34271">
        <v>4</v>
      </c>
      <c r="X34271">
        <v>4</v>
      </c>
      <c r="Y34271">
        <v>4</v>
      </c>
      <c r="Z34271">
        <v>4</v>
      </c>
      <c r="AA34271">
        <v>4</v>
      </c>
      <c r="AB34271">
        <v>4</v>
      </c>
      <c r="AC34271">
        <v>4</v>
      </c>
      <c r="AD34271">
        <v>4</v>
      </c>
      <c r="AE34271">
        <v>4</v>
      </c>
      <c r="AF34271">
        <v>4</v>
      </c>
      <c r="AG34271">
        <v>4</v>
      </c>
      <c r="AH34271">
        <v>4</v>
      </c>
      <c r="AI34271">
        <v>4</v>
      </c>
      <c r="AJ34271">
        <v>4</v>
      </c>
      <c r="AK34271">
        <v>4</v>
      </c>
      <c r="AL34271">
        <v>4</v>
      </c>
      <c r="AM34271">
        <v>4</v>
      </c>
      <c r="AN34271">
        <v>4</v>
      </c>
      <c r="AO34271">
        <v>5</v>
      </c>
      <c r="AP34271">
        <v>5</v>
      </c>
      <c r="AQ34271">
        <v>5</v>
      </c>
    </row>
    <row r="34272" spans="1:43">
      <c r="A34272" t="s">
        <v>21229</v>
      </c>
      <c r="B34272" t="s">
        <v>21230</v>
      </c>
      <c r="C34272" t="s">
        <v>21223</v>
      </c>
      <c r="D34272" t="s">
        <v>21224</v>
      </c>
      <c r="E34272" t="s">
        <v>21139</v>
      </c>
      <c r="F34272" t="s">
        <v>21140</v>
      </c>
      <c r="G34272" t="s">
        <v>20255</v>
      </c>
      <c r="H34272" t="s">
        <v>20256</v>
      </c>
      <c r="I34272" s="2">
        <v>1</v>
      </c>
      <c r="J34272" s="2">
        <v>0</v>
      </c>
      <c r="K34272" s="2">
        <v>0</v>
      </c>
      <c r="L34272" t="s">
        <v>120</v>
      </c>
      <c r="M34272" t="s">
        <v>89</v>
      </c>
      <c r="N34272" t="s">
        <v>90</v>
      </c>
      <c r="O34272" t="s">
        <v>85</v>
      </c>
      <c r="P34272" t="s">
        <v>86</v>
      </c>
      <c r="Q34272">
        <v>3</v>
      </c>
      <c r="R34272">
        <v>3</v>
      </c>
      <c r="S34272">
        <v>3</v>
      </c>
      <c r="T34272">
        <v>3</v>
      </c>
      <c r="U34272">
        <v>3</v>
      </c>
      <c r="V34272">
        <v>3</v>
      </c>
      <c r="W34272">
        <v>3</v>
      </c>
      <c r="X34272">
        <v>3</v>
      </c>
      <c r="Y34272">
        <v>3</v>
      </c>
      <c r="Z34272">
        <v>3</v>
      </c>
      <c r="AA34272">
        <v>4</v>
      </c>
      <c r="AB34272">
        <v>4</v>
      </c>
      <c r="AC34272">
        <v>4</v>
      </c>
      <c r="AD34272">
        <v>4</v>
      </c>
      <c r="AE34272">
        <v>4</v>
      </c>
      <c r="AF34272">
        <v>4</v>
      </c>
      <c r="AG34272">
        <v>4</v>
      </c>
      <c r="AH34272">
        <v>4</v>
      </c>
      <c r="AI34272">
        <v>4</v>
      </c>
      <c r="AJ34272">
        <v>4</v>
      </c>
      <c r="AK34272">
        <v>4</v>
      </c>
      <c r="AL34272">
        <v>4</v>
      </c>
      <c r="AM34272">
        <v>4</v>
      </c>
      <c r="AN34272">
        <v>4</v>
      </c>
      <c r="AO34272">
        <v>4</v>
      </c>
      <c r="AP34272">
        <v>4</v>
      </c>
      <c r="AQ34272">
        <v>4</v>
      </c>
    </row>
    <row r="34273" spans="1:43">
      <c r="A34273" t="s">
        <v>21229</v>
      </c>
      <c r="B34273" t="s">
        <v>21230</v>
      </c>
      <c r="C34273" t="s">
        <v>21223</v>
      </c>
      <c r="D34273" t="s">
        <v>21224</v>
      </c>
      <c r="E34273" t="s">
        <v>21139</v>
      </c>
      <c r="F34273" t="s">
        <v>21140</v>
      </c>
      <c r="G34273" t="s">
        <v>20255</v>
      </c>
      <c r="H34273" t="s">
        <v>20256</v>
      </c>
      <c r="I34273" s="2">
        <v>1</v>
      </c>
      <c r="J34273" s="2">
        <v>0</v>
      </c>
      <c r="K34273" s="2">
        <v>0</v>
      </c>
      <c r="L34273" t="s">
        <v>120</v>
      </c>
      <c r="M34273" t="s">
        <v>83</v>
      </c>
      <c r="N34273" t="s">
        <v>91</v>
      </c>
      <c r="O34273" t="s">
        <v>85</v>
      </c>
      <c r="P34273" t="s">
        <v>86</v>
      </c>
      <c r="Q34273">
        <v>3</v>
      </c>
      <c r="R34273">
        <v>4</v>
      </c>
      <c r="S34273">
        <v>4</v>
      </c>
      <c r="T34273">
        <v>4</v>
      </c>
      <c r="U34273">
        <v>4</v>
      </c>
      <c r="V34273">
        <v>4</v>
      </c>
      <c r="W34273">
        <v>4</v>
      </c>
      <c r="X34273">
        <v>4</v>
      </c>
      <c r="Y34273">
        <v>4</v>
      </c>
      <c r="Z34273">
        <v>4</v>
      </c>
      <c r="AA34273">
        <v>4</v>
      </c>
      <c r="AB34273">
        <v>4</v>
      </c>
      <c r="AC34273">
        <v>4</v>
      </c>
      <c r="AD34273">
        <v>4</v>
      </c>
      <c r="AE34273">
        <v>5</v>
      </c>
      <c r="AF34273">
        <v>5</v>
      </c>
      <c r="AG34273">
        <v>5</v>
      </c>
      <c r="AH34273">
        <v>5</v>
      </c>
      <c r="AI34273">
        <v>5</v>
      </c>
      <c r="AJ34273">
        <v>5</v>
      </c>
      <c r="AK34273">
        <v>5</v>
      </c>
      <c r="AL34273">
        <v>5</v>
      </c>
      <c r="AM34273">
        <v>5</v>
      </c>
      <c r="AN34273">
        <v>5</v>
      </c>
      <c r="AO34273">
        <v>5</v>
      </c>
      <c r="AP34273">
        <v>5</v>
      </c>
      <c r="AQ34273">
        <v>5</v>
      </c>
    </row>
    <row r="34274" spans="1:43">
      <c r="A34274" t="s">
        <v>21231</v>
      </c>
      <c r="B34274" t="s">
        <v>21232</v>
      </c>
      <c r="C34274" t="s">
        <v>21223</v>
      </c>
      <c r="D34274" t="s">
        <v>21224</v>
      </c>
      <c r="E34274" t="s">
        <v>21139</v>
      </c>
      <c r="F34274" t="s">
        <v>21140</v>
      </c>
      <c r="G34274" t="s">
        <v>20255</v>
      </c>
      <c r="H34274" t="s">
        <v>20256</v>
      </c>
      <c r="I34274" s="2">
        <v>1</v>
      </c>
      <c r="J34274" s="2">
        <v>0</v>
      </c>
      <c r="K34274" s="2">
        <v>0</v>
      </c>
      <c r="L34274" t="s">
        <v>120</v>
      </c>
      <c r="M34274" t="s">
        <v>83</v>
      </c>
      <c r="N34274" t="s">
        <v>84</v>
      </c>
      <c r="O34274" t="s">
        <v>85</v>
      </c>
      <c r="P34274" t="s">
        <v>86</v>
      </c>
      <c r="Q34274">
        <v>2</v>
      </c>
      <c r="R34274">
        <v>2</v>
      </c>
      <c r="S34274">
        <v>2</v>
      </c>
      <c r="T34274">
        <v>2</v>
      </c>
      <c r="U34274">
        <v>2</v>
      </c>
      <c r="V34274">
        <v>3</v>
      </c>
      <c r="W34274">
        <v>3</v>
      </c>
      <c r="X34274">
        <v>3</v>
      </c>
      <c r="Y34274">
        <v>3</v>
      </c>
      <c r="Z34274">
        <v>3</v>
      </c>
      <c r="AA34274">
        <v>3</v>
      </c>
      <c r="AB34274">
        <v>3</v>
      </c>
      <c r="AC34274">
        <v>3</v>
      </c>
      <c r="AD34274">
        <v>3</v>
      </c>
      <c r="AE34274">
        <v>3</v>
      </c>
      <c r="AF34274">
        <v>3</v>
      </c>
      <c r="AG34274">
        <v>3</v>
      </c>
      <c r="AH34274">
        <v>3</v>
      </c>
      <c r="AI34274">
        <v>3</v>
      </c>
      <c r="AJ34274">
        <v>3</v>
      </c>
      <c r="AK34274">
        <v>3</v>
      </c>
      <c r="AL34274">
        <v>3</v>
      </c>
      <c r="AM34274">
        <v>3</v>
      </c>
      <c r="AN34274">
        <v>3</v>
      </c>
      <c r="AO34274">
        <v>3</v>
      </c>
      <c r="AP34274">
        <v>3</v>
      </c>
      <c r="AQ34274">
        <v>3</v>
      </c>
    </row>
    <row r="34275" spans="1:43">
      <c r="A34275" t="s">
        <v>21231</v>
      </c>
      <c r="B34275" t="s">
        <v>21232</v>
      </c>
      <c r="C34275" t="s">
        <v>21223</v>
      </c>
      <c r="D34275" t="s">
        <v>21224</v>
      </c>
      <c r="E34275" t="s">
        <v>21139</v>
      </c>
      <c r="F34275" t="s">
        <v>21140</v>
      </c>
      <c r="G34275" t="s">
        <v>20255</v>
      </c>
      <c r="H34275" t="s">
        <v>20256</v>
      </c>
      <c r="I34275" s="2">
        <v>1</v>
      </c>
      <c r="J34275" s="2">
        <v>0</v>
      </c>
      <c r="K34275" s="2">
        <v>0</v>
      </c>
      <c r="L34275" t="s">
        <v>120</v>
      </c>
      <c r="M34275" t="s">
        <v>87</v>
      </c>
      <c r="N34275" t="s">
        <v>88</v>
      </c>
      <c r="O34275" t="s">
        <v>85</v>
      </c>
      <c r="P34275" t="s">
        <v>86</v>
      </c>
      <c r="Q34275">
        <v>2</v>
      </c>
      <c r="R34275">
        <v>2</v>
      </c>
      <c r="S34275">
        <v>2</v>
      </c>
      <c r="T34275">
        <v>2</v>
      </c>
      <c r="U34275">
        <v>2</v>
      </c>
      <c r="V34275">
        <v>2</v>
      </c>
      <c r="W34275">
        <v>2</v>
      </c>
      <c r="X34275">
        <v>2</v>
      </c>
      <c r="Y34275">
        <v>2</v>
      </c>
      <c r="Z34275">
        <v>2</v>
      </c>
      <c r="AA34275">
        <v>3</v>
      </c>
      <c r="AB34275">
        <v>3</v>
      </c>
      <c r="AC34275">
        <v>3</v>
      </c>
      <c r="AD34275">
        <v>3</v>
      </c>
      <c r="AE34275">
        <v>3</v>
      </c>
      <c r="AF34275">
        <v>3</v>
      </c>
      <c r="AG34275">
        <v>3</v>
      </c>
      <c r="AH34275">
        <v>3</v>
      </c>
      <c r="AI34275">
        <v>3</v>
      </c>
      <c r="AJ34275">
        <v>3</v>
      </c>
      <c r="AK34275">
        <v>3</v>
      </c>
      <c r="AL34275">
        <v>3</v>
      </c>
      <c r="AM34275">
        <v>3</v>
      </c>
      <c r="AN34275">
        <v>3</v>
      </c>
      <c r="AO34275">
        <v>3</v>
      </c>
      <c r="AP34275">
        <v>3</v>
      </c>
      <c r="AQ34275">
        <v>3</v>
      </c>
    </row>
    <row r="34276" spans="1:43">
      <c r="A34276" t="s">
        <v>21231</v>
      </c>
      <c r="B34276" t="s">
        <v>21232</v>
      </c>
      <c r="C34276" t="s">
        <v>21223</v>
      </c>
      <c r="D34276" t="s">
        <v>21224</v>
      </c>
      <c r="E34276" t="s">
        <v>21139</v>
      </c>
      <c r="F34276" t="s">
        <v>21140</v>
      </c>
      <c r="G34276" t="s">
        <v>20255</v>
      </c>
      <c r="H34276" t="s">
        <v>20256</v>
      </c>
      <c r="I34276" s="2">
        <v>1</v>
      </c>
      <c r="J34276" s="2">
        <v>0</v>
      </c>
      <c r="K34276" s="2">
        <v>0</v>
      </c>
      <c r="L34276" t="s">
        <v>120</v>
      </c>
      <c r="M34276" t="s">
        <v>89</v>
      </c>
      <c r="N34276" t="s">
        <v>90</v>
      </c>
      <c r="O34276" t="s">
        <v>85</v>
      </c>
      <c r="P34276" t="s">
        <v>86</v>
      </c>
      <c r="Q34276">
        <v>2</v>
      </c>
      <c r="R34276">
        <v>2</v>
      </c>
      <c r="S34276">
        <v>2</v>
      </c>
      <c r="T34276">
        <v>2</v>
      </c>
      <c r="U34276">
        <v>3</v>
      </c>
      <c r="V34276">
        <v>3</v>
      </c>
      <c r="W34276">
        <v>3</v>
      </c>
      <c r="X34276">
        <v>3</v>
      </c>
      <c r="Y34276">
        <v>3</v>
      </c>
      <c r="Z34276">
        <v>3</v>
      </c>
      <c r="AA34276">
        <v>3</v>
      </c>
      <c r="AB34276">
        <v>3</v>
      </c>
      <c r="AC34276">
        <v>3</v>
      </c>
      <c r="AD34276">
        <v>3</v>
      </c>
      <c r="AE34276">
        <v>3</v>
      </c>
      <c r="AF34276">
        <v>3</v>
      </c>
      <c r="AG34276">
        <v>3</v>
      </c>
      <c r="AH34276">
        <v>3</v>
      </c>
      <c r="AI34276">
        <v>3</v>
      </c>
      <c r="AJ34276">
        <v>3</v>
      </c>
      <c r="AK34276">
        <v>3</v>
      </c>
      <c r="AL34276">
        <v>3</v>
      </c>
      <c r="AM34276">
        <v>3</v>
      </c>
      <c r="AN34276">
        <v>3</v>
      </c>
      <c r="AO34276">
        <v>3</v>
      </c>
      <c r="AP34276">
        <v>3</v>
      </c>
      <c r="AQ34276">
        <v>3</v>
      </c>
    </row>
    <row r="34277" spans="1:43">
      <c r="A34277" t="s">
        <v>21231</v>
      </c>
      <c r="B34277" t="s">
        <v>21232</v>
      </c>
      <c r="C34277" t="s">
        <v>21223</v>
      </c>
      <c r="D34277" t="s">
        <v>21224</v>
      </c>
      <c r="E34277" t="s">
        <v>21139</v>
      </c>
      <c r="F34277" t="s">
        <v>21140</v>
      </c>
      <c r="G34277" t="s">
        <v>20255</v>
      </c>
      <c r="H34277" t="s">
        <v>20256</v>
      </c>
      <c r="I34277" s="2">
        <v>1</v>
      </c>
      <c r="J34277" s="2">
        <v>0</v>
      </c>
      <c r="K34277" s="2">
        <v>0</v>
      </c>
      <c r="L34277" t="s">
        <v>120</v>
      </c>
      <c r="M34277" t="s">
        <v>83</v>
      </c>
      <c r="N34277" t="s">
        <v>91</v>
      </c>
      <c r="O34277" t="s">
        <v>85</v>
      </c>
      <c r="P34277" t="s">
        <v>86</v>
      </c>
      <c r="Q34277">
        <v>2</v>
      </c>
      <c r="R34277">
        <v>2</v>
      </c>
      <c r="S34277">
        <v>2</v>
      </c>
      <c r="T34277">
        <v>2</v>
      </c>
      <c r="U34277">
        <v>2</v>
      </c>
      <c r="V34277">
        <v>3</v>
      </c>
      <c r="W34277">
        <v>3</v>
      </c>
      <c r="X34277">
        <v>3</v>
      </c>
      <c r="Y34277">
        <v>3</v>
      </c>
      <c r="Z34277">
        <v>3</v>
      </c>
      <c r="AA34277">
        <v>3</v>
      </c>
      <c r="AB34277">
        <v>3</v>
      </c>
      <c r="AC34277">
        <v>3</v>
      </c>
      <c r="AD34277">
        <v>3</v>
      </c>
      <c r="AE34277">
        <v>3</v>
      </c>
      <c r="AF34277">
        <v>3</v>
      </c>
      <c r="AG34277">
        <v>3</v>
      </c>
      <c r="AH34277">
        <v>3</v>
      </c>
      <c r="AI34277">
        <v>3</v>
      </c>
      <c r="AJ34277">
        <v>3</v>
      </c>
      <c r="AK34277">
        <v>3</v>
      </c>
      <c r="AL34277">
        <v>3</v>
      </c>
      <c r="AM34277">
        <v>3</v>
      </c>
      <c r="AN34277">
        <v>3</v>
      </c>
      <c r="AO34277">
        <v>3</v>
      </c>
      <c r="AP34277">
        <v>3</v>
      </c>
      <c r="AQ34277">
        <v>3</v>
      </c>
    </row>
    <row r="34278" spans="1:43">
      <c r="A34278" t="s">
        <v>21233</v>
      </c>
      <c r="B34278" t="s">
        <v>21234</v>
      </c>
      <c r="C34278" t="s">
        <v>21223</v>
      </c>
      <c r="D34278" t="s">
        <v>21224</v>
      </c>
      <c r="E34278" t="s">
        <v>21139</v>
      </c>
      <c r="F34278" t="s">
        <v>21140</v>
      </c>
      <c r="G34278" t="s">
        <v>20255</v>
      </c>
      <c r="H34278" t="s">
        <v>20256</v>
      </c>
      <c r="I34278" s="2">
        <v>1</v>
      </c>
      <c r="J34278" s="2">
        <v>0</v>
      </c>
      <c r="K34278" s="2">
        <v>0</v>
      </c>
      <c r="L34278" t="s">
        <v>120</v>
      </c>
      <c r="M34278" t="s">
        <v>83</v>
      </c>
      <c r="N34278" t="s">
        <v>84</v>
      </c>
      <c r="O34278" t="s">
        <v>85</v>
      </c>
      <c r="P34278" t="s">
        <v>86</v>
      </c>
      <c r="Q34278">
        <v>32</v>
      </c>
      <c r="R34278">
        <v>33</v>
      </c>
      <c r="S34278">
        <v>33</v>
      </c>
      <c r="T34278">
        <v>34</v>
      </c>
      <c r="U34278">
        <v>35</v>
      </c>
      <c r="V34278">
        <v>36</v>
      </c>
      <c r="W34278">
        <v>36</v>
      </c>
      <c r="X34278">
        <v>37</v>
      </c>
      <c r="Y34278">
        <v>38</v>
      </c>
      <c r="Z34278">
        <v>38</v>
      </c>
      <c r="AA34278">
        <v>39</v>
      </c>
      <c r="AB34278">
        <v>40</v>
      </c>
      <c r="AC34278">
        <v>40</v>
      </c>
      <c r="AD34278">
        <v>41</v>
      </c>
      <c r="AE34278">
        <v>42</v>
      </c>
      <c r="AF34278">
        <v>42</v>
      </c>
      <c r="AG34278">
        <v>43</v>
      </c>
      <c r="AH34278">
        <v>44</v>
      </c>
      <c r="AI34278">
        <v>45</v>
      </c>
      <c r="AJ34278">
        <v>45</v>
      </c>
      <c r="AK34278">
        <v>46</v>
      </c>
      <c r="AL34278">
        <v>47</v>
      </c>
      <c r="AM34278">
        <v>47</v>
      </c>
      <c r="AN34278">
        <v>47</v>
      </c>
      <c r="AO34278">
        <v>48</v>
      </c>
      <c r="AP34278">
        <v>48</v>
      </c>
      <c r="AQ34278">
        <v>48</v>
      </c>
    </row>
    <row r="34279" spans="1:43">
      <c r="A34279" t="s">
        <v>21233</v>
      </c>
      <c r="B34279" t="s">
        <v>21234</v>
      </c>
      <c r="C34279" t="s">
        <v>21223</v>
      </c>
      <c r="D34279" t="s">
        <v>21224</v>
      </c>
      <c r="E34279" t="s">
        <v>21139</v>
      </c>
      <c r="F34279" t="s">
        <v>21140</v>
      </c>
      <c r="G34279" t="s">
        <v>20255</v>
      </c>
      <c r="H34279" t="s">
        <v>20256</v>
      </c>
      <c r="I34279" s="2">
        <v>1</v>
      </c>
      <c r="J34279" s="2">
        <v>0</v>
      </c>
      <c r="K34279" s="2">
        <v>0</v>
      </c>
      <c r="L34279" t="s">
        <v>120</v>
      </c>
      <c r="M34279" t="s">
        <v>87</v>
      </c>
      <c r="N34279" t="s">
        <v>88</v>
      </c>
      <c r="O34279" t="s">
        <v>85</v>
      </c>
      <c r="P34279" t="s">
        <v>86</v>
      </c>
      <c r="Q34279">
        <v>32</v>
      </c>
      <c r="R34279">
        <v>32</v>
      </c>
      <c r="S34279">
        <v>33</v>
      </c>
      <c r="T34279">
        <v>33</v>
      </c>
      <c r="U34279">
        <v>33</v>
      </c>
      <c r="V34279">
        <v>34</v>
      </c>
      <c r="W34279">
        <v>34</v>
      </c>
      <c r="X34279">
        <v>34</v>
      </c>
      <c r="Y34279">
        <v>35</v>
      </c>
      <c r="Z34279">
        <v>35</v>
      </c>
      <c r="AA34279">
        <v>36</v>
      </c>
      <c r="AB34279">
        <v>36</v>
      </c>
      <c r="AC34279">
        <v>36</v>
      </c>
      <c r="AD34279">
        <v>37</v>
      </c>
      <c r="AE34279">
        <v>37</v>
      </c>
      <c r="AF34279">
        <v>37</v>
      </c>
      <c r="AG34279">
        <v>38</v>
      </c>
      <c r="AH34279">
        <v>38</v>
      </c>
      <c r="AI34279">
        <v>39</v>
      </c>
      <c r="AJ34279">
        <v>39</v>
      </c>
      <c r="AK34279">
        <v>39</v>
      </c>
      <c r="AL34279">
        <v>40</v>
      </c>
      <c r="AM34279">
        <v>40</v>
      </c>
      <c r="AN34279">
        <v>40</v>
      </c>
      <c r="AO34279">
        <v>41</v>
      </c>
      <c r="AP34279">
        <v>41</v>
      </c>
      <c r="AQ34279">
        <v>42</v>
      </c>
    </row>
    <row r="34280" spans="1:43">
      <c r="A34280" t="s">
        <v>21233</v>
      </c>
      <c r="B34280" t="s">
        <v>21234</v>
      </c>
      <c r="C34280" t="s">
        <v>21223</v>
      </c>
      <c r="D34280" t="s">
        <v>21224</v>
      </c>
      <c r="E34280" t="s">
        <v>21139</v>
      </c>
      <c r="F34280" t="s">
        <v>21140</v>
      </c>
      <c r="G34280" t="s">
        <v>20255</v>
      </c>
      <c r="H34280" t="s">
        <v>20256</v>
      </c>
      <c r="I34280" s="2">
        <v>1</v>
      </c>
      <c r="J34280" s="2">
        <v>0</v>
      </c>
      <c r="K34280" s="2">
        <v>0</v>
      </c>
      <c r="L34280" t="s">
        <v>120</v>
      </c>
      <c r="M34280" t="s">
        <v>89</v>
      </c>
      <c r="N34280" t="s">
        <v>90</v>
      </c>
      <c r="O34280" t="s">
        <v>85</v>
      </c>
      <c r="P34280" t="s">
        <v>86</v>
      </c>
      <c r="Q34280">
        <v>32</v>
      </c>
      <c r="R34280">
        <v>33</v>
      </c>
      <c r="S34280">
        <v>34</v>
      </c>
      <c r="T34280">
        <v>35</v>
      </c>
      <c r="U34280">
        <v>36</v>
      </c>
      <c r="V34280">
        <v>37</v>
      </c>
      <c r="W34280">
        <v>38</v>
      </c>
      <c r="X34280">
        <v>39</v>
      </c>
      <c r="Y34280">
        <v>40</v>
      </c>
      <c r="Z34280">
        <v>41</v>
      </c>
      <c r="AA34280">
        <v>42</v>
      </c>
      <c r="AB34280">
        <v>42</v>
      </c>
      <c r="AC34280">
        <v>43</v>
      </c>
      <c r="AD34280">
        <v>44</v>
      </c>
      <c r="AE34280">
        <v>45</v>
      </c>
      <c r="AF34280">
        <v>45</v>
      </c>
      <c r="AG34280">
        <v>46</v>
      </c>
      <c r="AH34280">
        <v>46</v>
      </c>
      <c r="AI34280">
        <v>46</v>
      </c>
      <c r="AJ34280">
        <v>47</v>
      </c>
      <c r="AK34280">
        <v>47</v>
      </c>
      <c r="AL34280">
        <v>47</v>
      </c>
      <c r="AM34280">
        <v>48</v>
      </c>
      <c r="AN34280">
        <v>48</v>
      </c>
      <c r="AO34280">
        <v>48</v>
      </c>
      <c r="AP34280">
        <v>48</v>
      </c>
      <c r="AQ34280">
        <v>49</v>
      </c>
    </row>
    <row r="34281" spans="1:43">
      <c r="A34281" t="s">
        <v>21233</v>
      </c>
      <c r="B34281" t="s">
        <v>21234</v>
      </c>
      <c r="C34281" t="s">
        <v>21223</v>
      </c>
      <c r="D34281" t="s">
        <v>21224</v>
      </c>
      <c r="E34281" t="s">
        <v>21139</v>
      </c>
      <c r="F34281" t="s">
        <v>21140</v>
      </c>
      <c r="G34281" t="s">
        <v>20255</v>
      </c>
      <c r="H34281" t="s">
        <v>20256</v>
      </c>
      <c r="I34281" s="2">
        <v>1</v>
      </c>
      <c r="J34281" s="2">
        <v>0</v>
      </c>
      <c r="K34281" s="2">
        <v>0</v>
      </c>
      <c r="L34281" t="s">
        <v>120</v>
      </c>
      <c r="M34281" t="s">
        <v>83</v>
      </c>
      <c r="N34281" t="s">
        <v>91</v>
      </c>
      <c r="O34281" t="s">
        <v>85</v>
      </c>
      <c r="P34281" t="s">
        <v>86</v>
      </c>
      <c r="Q34281">
        <v>32</v>
      </c>
      <c r="R34281">
        <v>33</v>
      </c>
      <c r="S34281">
        <v>33</v>
      </c>
      <c r="T34281">
        <v>34</v>
      </c>
      <c r="U34281">
        <v>35</v>
      </c>
      <c r="V34281">
        <v>36</v>
      </c>
      <c r="W34281">
        <v>36</v>
      </c>
      <c r="X34281">
        <v>37</v>
      </c>
      <c r="Y34281">
        <v>38</v>
      </c>
      <c r="Z34281">
        <v>38</v>
      </c>
      <c r="AA34281">
        <v>39</v>
      </c>
      <c r="AB34281">
        <v>40</v>
      </c>
      <c r="AC34281">
        <v>40</v>
      </c>
      <c r="AD34281">
        <v>41</v>
      </c>
      <c r="AE34281">
        <v>42</v>
      </c>
      <c r="AF34281">
        <v>42</v>
      </c>
      <c r="AG34281">
        <v>43</v>
      </c>
      <c r="AH34281">
        <v>44</v>
      </c>
      <c r="AI34281">
        <v>45</v>
      </c>
      <c r="AJ34281">
        <v>45</v>
      </c>
      <c r="AK34281">
        <v>46</v>
      </c>
      <c r="AL34281">
        <v>47</v>
      </c>
      <c r="AM34281">
        <v>47</v>
      </c>
      <c r="AN34281">
        <v>47</v>
      </c>
      <c r="AO34281">
        <v>48</v>
      </c>
      <c r="AP34281">
        <v>48</v>
      </c>
      <c r="AQ34281">
        <v>48</v>
      </c>
    </row>
    <row r="34282" spans="1:43">
      <c r="A34282" t="s">
        <v>21235</v>
      </c>
      <c r="B34282" t="s">
        <v>21236</v>
      </c>
      <c r="C34282" t="s">
        <v>21223</v>
      </c>
      <c r="D34282" t="s">
        <v>21224</v>
      </c>
      <c r="E34282" t="s">
        <v>21139</v>
      </c>
      <c r="F34282" t="s">
        <v>21140</v>
      </c>
      <c r="G34282" t="s">
        <v>20255</v>
      </c>
      <c r="H34282" t="s">
        <v>20256</v>
      </c>
      <c r="I34282" s="2">
        <v>1</v>
      </c>
      <c r="J34282" s="2">
        <v>0</v>
      </c>
      <c r="K34282" s="2">
        <v>0</v>
      </c>
      <c r="L34282" t="s">
        <v>120</v>
      </c>
      <c r="M34282" t="s">
        <v>83</v>
      </c>
      <c r="N34282" t="s">
        <v>84</v>
      </c>
      <c r="O34282" t="s">
        <v>85</v>
      </c>
      <c r="P34282" t="s">
        <v>86</v>
      </c>
      <c r="Q34282">
        <v>25</v>
      </c>
      <c r="R34282">
        <v>25</v>
      </c>
      <c r="S34282">
        <v>26</v>
      </c>
      <c r="T34282">
        <v>27</v>
      </c>
      <c r="U34282">
        <v>27</v>
      </c>
      <c r="V34282">
        <v>28</v>
      </c>
      <c r="W34282">
        <v>28</v>
      </c>
      <c r="X34282">
        <v>29</v>
      </c>
      <c r="Y34282">
        <v>29</v>
      </c>
      <c r="Z34282">
        <v>30</v>
      </c>
      <c r="AA34282">
        <v>30</v>
      </c>
      <c r="AB34282">
        <v>31</v>
      </c>
      <c r="AC34282">
        <v>31</v>
      </c>
      <c r="AD34282">
        <v>32</v>
      </c>
      <c r="AE34282">
        <v>32</v>
      </c>
      <c r="AF34282">
        <v>33</v>
      </c>
      <c r="AG34282">
        <v>34</v>
      </c>
      <c r="AH34282">
        <v>34</v>
      </c>
      <c r="AI34282">
        <v>35</v>
      </c>
      <c r="AJ34282">
        <v>35</v>
      </c>
      <c r="AK34282">
        <v>36</v>
      </c>
      <c r="AL34282">
        <v>36</v>
      </c>
      <c r="AM34282">
        <v>36</v>
      </c>
      <c r="AN34282">
        <v>37</v>
      </c>
      <c r="AO34282">
        <v>37</v>
      </c>
      <c r="AP34282">
        <v>37</v>
      </c>
      <c r="AQ34282">
        <v>37</v>
      </c>
    </row>
    <row r="34283" spans="1:43">
      <c r="A34283" t="s">
        <v>21235</v>
      </c>
      <c r="B34283" t="s">
        <v>21236</v>
      </c>
      <c r="C34283" t="s">
        <v>21223</v>
      </c>
      <c r="D34283" t="s">
        <v>21224</v>
      </c>
      <c r="E34283" t="s">
        <v>21139</v>
      </c>
      <c r="F34283" t="s">
        <v>21140</v>
      </c>
      <c r="G34283" t="s">
        <v>20255</v>
      </c>
      <c r="H34283" t="s">
        <v>20256</v>
      </c>
      <c r="I34283" s="2">
        <v>1</v>
      </c>
      <c r="J34283" s="2">
        <v>0</v>
      </c>
      <c r="K34283" s="2">
        <v>0</v>
      </c>
      <c r="L34283" t="s">
        <v>120</v>
      </c>
      <c r="M34283" t="s">
        <v>87</v>
      </c>
      <c r="N34283" t="s">
        <v>88</v>
      </c>
      <c r="O34283" t="s">
        <v>85</v>
      </c>
      <c r="P34283" t="s">
        <v>86</v>
      </c>
      <c r="Q34283">
        <v>25</v>
      </c>
      <c r="R34283">
        <v>25</v>
      </c>
      <c r="S34283">
        <v>25</v>
      </c>
      <c r="T34283">
        <v>26</v>
      </c>
      <c r="U34283">
        <v>26</v>
      </c>
      <c r="V34283">
        <v>26</v>
      </c>
      <c r="W34283">
        <v>26</v>
      </c>
      <c r="X34283">
        <v>27</v>
      </c>
      <c r="Y34283">
        <v>27</v>
      </c>
      <c r="Z34283">
        <v>27</v>
      </c>
      <c r="AA34283">
        <v>28</v>
      </c>
      <c r="AB34283">
        <v>28</v>
      </c>
      <c r="AC34283">
        <v>28</v>
      </c>
      <c r="AD34283">
        <v>28</v>
      </c>
      <c r="AE34283">
        <v>29</v>
      </c>
      <c r="AF34283">
        <v>29</v>
      </c>
      <c r="AG34283">
        <v>29</v>
      </c>
      <c r="AH34283">
        <v>30</v>
      </c>
      <c r="AI34283">
        <v>30</v>
      </c>
      <c r="AJ34283">
        <v>30</v>
      </c>
      <c r="AK34283">
        <v>31</v>
      </c>
      <c r="AL34283">
        <v>31</v>
      </c>
      <c r="AM34283">
        <v>31</v>
      </c>
      <c r="AN34283">
        <v>31</v>
      </c>
      <c r="AO34283">
        <v>32</v>
      </c>
      <c r="AP34283">
        <v>32</v>
      </c>
      <c r="AQ34283">
        <v>32</v>
      </c>
    </row>
    <row r="34284" spans="1:43">
      <c r="A34284" t="s">
        <v>21235</v>
      </c>
      <c r="B34284" t="s">
        <v>21236</v>
      </c>
      <c r="C34284" t="s">
        <v>21223</v>
      </c>
      <c r="D34284" t="s">
        <v>21224</v>
      </c>
      <c r="E34284" t="s">
        <v>21139</v>
      </c>
      <c r="F34284" t="s">
        <v>21140</v>
      </c>
      <c r="G34284" t="s">
        <v>20255</v>
      </c>
      <c r="H34284" t="s">
        <v>20256</v>
      </c>
      <c r="I34284" s="2">
        <v>1</v>
      </c>
      <c r="J34284" s="2">
        <v>0</v>
      </c>
      <c r="K34284" s="2">
        <v>0</v>
      </c>
      <c r="L34284" t="s">
        <v>120</v>
      </c>
      <c r="M34284" t="s">
        <v>89</v>
      </c>
      <c r="N34284" t="s">
        <v>90</v>
      </c>
      <c r="O34284" t="s">
        <v>85</v>
      </c>
      <c r="P34284" t="s">
        <v>86</v>
      </c>
      <c r="Q34284">
        <v>25</v>
      </c>
      <c r="R34284">
        <v>26</v>
      </c>
      <c r="S34284">
        <v>27</v>
      </c>
      <c r="T34284">
        <v>27</v>
      </c>
      <c r="U34284">
        <v>28</v>
      </c>
      <c r="V34284">
        <v>29</v>
      </c>
      <c r="W34284">
        <v>30</v>
      </c>
      <c r="X34284">
        <v>30</v>
      </c>
      <c r="Y34284">
        <v>31</v>
      </c>
      <c r="Z34284">
        <v>32</v>
      </c>
      <c r="AA34284">
        <v>32</v>
      </c>
      <c r="AB34284">
        <v>33</v>
      </c>
      <c r="AC34284">
        <v>34</v>
      </c>
      <c r="AD34284">
        <v>34</v>
      </c>
      <c r="AE34284">
        <v>35</v>
      </c>
      <c r="AF34284">
        <v>35</v>
      </c>
      <c r="AG34284">
        <v>35</v>
      </c>
      <c r="AH34284">
        <v>36</v>
      </c>
      <c r="AI34284">
        <v>36</v>
      </c>
      <c r="AJ34284">
        <v>36</v>
      </c>
      <c r="AK34284">
        <v>36</v>
      </c>
      <c r="AL34284">
        <v>37</v>
      </c>
      <c r="AM34284">
        <v>37</v>
      </c>
      <c r="AN34284">
        <v>37</v>
      </c>
      <c r="AO34284">
        <v>37</v>
      </c>
      <c r="AP34284">
        <v>38</v>
      </c>
      <c r="AQ34284">
        <v>38</v>
      </c>
    </row>
    <row r="34285" spans="1:43">
      <c r="A34285" t="s">
        <v>21235</v>
      </c>
      <c r="B34285" t="s">
        <v>21236</v>
      </c>
      <c r="C34285" t="s">
        <v>21223</v>
      </c>
      <c r="D34285" t="s">
        <v>21224</v>
      </c>
      <c r="E34285" t="s">
        <v>21139</v>
      </c>
      <c r="F34285" t="s">
        <v>21140</v>
      </c>
      <c r="G34285" t="s">
        <v>20255</v>
      </c>
      <c r="H34285" t="s">
        <v>20256</v>
      </c>
      <c r="I34285" s="2">
        <v>1</v>
      </c>
      <c r="J34285" s="2">
        <v>0</v>
      </c>
      <c r="K34285" s="2">
        <v>0</v>
      </c>
      <c r="L34285" t="s">
        <v>120</v>
      </c>
      <c r="M34285" t="s">
        <v>83</v>
      </c>
      <c r="N34285" t="s">
        <v>91</v>
      </c>
      <c r="O34285" t="s">
        <v>85</v>
      </c>
      <c r="P34285" t="s">
        <v>86</v>
      </c>
      <c r="Q34285">
        <v>25</v>
      </c>
      <c r="R34285">
        <v>25</v>
      </c>
      <c r="S34285">
        <v>26</v>
      </c>
      <c r="T34285">
        <v>27</v>
      </c>
      <c r="U34285">
        <v>27</v>
      </c>
      <c r="V34285">
        <v>28</v>
      </c>
      <c r="W34285">
        <v>28</v>
      </c>
      <c r="X34285">
        <v>29</v>
      </c>
      <c r="Y34285">
        <v>29</v>
      </c>
      <c r="Z34285">
        <v>30</v>
      </c>
      <c r="AA34285">
        <v>30</v>
      </c>
      <c r="AB34285">
        <v>31</v>
      </c>
      <c r="AC34285">
        <v>31</v>
      </c>
      <c r="AD34285">
        <v>32</v>
      </c>
      <c r="AE34285">
        <v>32</v>
      </c>
      <c r="AF34285">
        <v>33</v>
      </c>
      <c r="AG34285">
        <v>34</v>
      </c>
      <c r="AH34285">
        <v>34</v>
      </c>
      <c r="AI34285">
        <v>35</v>
      </c>
      <c r="AJ34285">
        <v>35</v>
      </c>
      <c r="AK34285">
        <v>36</v>
      </c>
      <c r="AL34285">
        <v>36</v>
      </c>
      <c r="AM34285">
        <v>36</v>
      </c>
      <c r="AN34285">
        <v>37</v>
      </c>
      <c r="AO34285">
        <v>37</v>
      </c>
      <c r="AP34285">
        <v>37</v>
      </c>
      <c r="AQ34285">
        <v>37</v>
      </c>
    </row>
    <row r="34286" spans="1:43">
      <c r="A34286" t="s">
        <v>21237</v>
      </c>
      <c r="B34286" t="s">
        <v>21238</v>
      </c>
      <c r="C34286" t="s">
        <v>21239</v>
      </c>
      <c r="D34286" t="s">
        <v>21240</v>
      </c>
      <c r="E34286" t="s">
        <v>21139</v>
      </c>
      <c r="F34286" t="s">
        <v>21140</v>
      </c>
      <c r="G34286" t="s">
        <v>20255</v>
      </c>
      <c r="H34286" t="s">
        <v>20256</v>
      </c>
      <c r="I34286" s="2">
        <v>1</v>
      </c>
      <c r="J34286" s="2">
        <v>0</v>
      </c>
      <c r="K34286" s="2">
        <v>0</v>
      </c>
      <c r="L34286" t="s">
        <v>120</v>
      </c>
      <c r="M34286" t="s">
        <v>83</v>
      </c>
      <c r="N34286" t="s">
        <v>84</v>
      </c>
      <c r="O34286" t="s">
        <v>85</v>
      </c>
      <c r="P34286" t="s">
        <v>86</v>
      </c>
      <c r="Q34286">
        <v>3</v>
      </c>
      <c r="R34286">
        <v>3</v>
      </c>
      <c r="S34286">
        <v>4</v>
      </c>
      <c r="T34286">
        <v>4</v>
      </c>
      <c r="U34286">
        <v>4</v>
      </c>
      <c r="V34286">
        <v>4</v>
      </c>
      <c r="W34286">
        <v>4</v>
      </c>
      <c r="X34286">
        <v>4</v>
      </c>
      <c r="Y34286">
        <v>4</v>
      </c>
      <c r="Z34286">
        <v>4</v>
      </c>
      <c r="AA34286">
        <v>4</v>
      </c>
      <c r="AB34286">
        <v>4</v>
      </c>
      <c r="AC34286">
        <v>4</v>
      </c>
      <c r="AD34286">
        <v>4</v>
      </c>
      <c r="AE34286">
        <v>4</v>
      </c>
      <c r="AF34286">
        <v>5</v>
      </c>
      <c r="AG34286">
        <v>5</v>
      </c>
      <c r="AH34286">
        <v>5</v>
      </c>
      <c r="AI34286">
        <v>5</v>
      </c>
      <c r="AJ34286">
        <v>5</v>
      </c>
      <c r="AK34286">
        <v>5</v>
      </c>
      <c r="AL34286">
        <v>5</v>
      </c>
      <c r="AM34286">
        <v>5</v>
      </c>
      <c r="AN34286">
        <v>5</v>
      </c>
      <c r="AO34286">
        <v>5</v>
      </c>
      <c r="AP34286">
        <v>5</v>
      </c>
      <c r="AQ34286">
        <v>5</v>
      </c>
    </row>
    <row r="34287" spans="1:43">
      <c r="A34287" t="s">
        <v>21237</v>
      </c>
      <c r="B34287" t="s">
        <v>21238</v>
      </c>
      <c r="C34287" t="s">
        <v>21239</v>
      </c>
      <c r="D34287" t="s">
        <v>21240</v>
      </c>
      <c r="E34287" t="s">
        <v>21139</v>
      </c>
      <c r="F34287" t="s">
        <v>21140</v>
      </c>
      <c r="G34287" t="s">
        <v>20255</v>
      </c>
      <c r="H34287" t="s">
        <v>20256</v>
      </c>
      <c r="I34287" s="2">
        <v>1</v>
      </c>
      <c r="J34287" s="2">
        <v>0</v>
      </c>
      <c r="K34287" s="2">
        <v>0</v>
      </c>
      <c r="L34287" t="s">
        <v>120</v>
      </c>
      <c r="M34287" t="s">
        <v>87</v>
      </c>
      <c r="N34287" t="s">
        <v>88</v>
      </c>
      <c r="O34287" t="s">
        <v>85</v>
      </c>
      <c r="P34287" t="s">
        <v>86</v>
      </c>
      <c r="Q34287">
        <v>3</v>
      </c>
      <c r="R34287">
        <v>3</v>
      </c>
      <c r="S34287">
        <v>3</v>
      </c>
      <c r="T34287">
        <v>3</v>
      </c>
      <c r="U34287">
        <v>3</v>
      </c>
      <c r="V34287">
        <v>4</v>
      </c>
      <c r="W34287">
        <v>4</v>
      </c>
      <c r="X34287">
        <v>4</v>
      </c>
      <c r="Y34287">
        <v>4</v>
      </c>
      <c r="Z34287">
        <v>4</v>
      </c>
      <c r="AA34287">
        <v>4</v>
      </c>
      <c r="AB34287">
        <v>4</v>
      </c>
      <c r="AC34287">
        <v>4</v>
      </c>
      <c r="AD34287">
        <v>4</v>
      </c>
      <c r="AE34287">
        <v>4</v>
      </c>
      <c r="AF34287">
        <v>4</v>
      </c>
      <c r="AG34287">
        <v>4</v>
      </c>
      <c r="AH34287">
        <v>4</v>
      </c>
      <c r="AI34287">
        <v>4</v>
      </c>
      <c r="AJ34287">
        <v>4</v>
      </c>
      <c r="AK34287">
        <v>4</v>
      </c>
      <c r="AL34287">
        <v>4</v>
      </c>
      <c r="AM34287">
        <v>4</v>
      </c>
      <c r="AN34287">
        <v>4</v>
      </c>
      <c r="AO34287">
        <v>4</v>
      </c>
      <c r="AP34287">
        <v>4</v>
      </c>
      <c r="AQ34287">
        <v>5</v>
      </c>
    </row>
    <row r="34288" spans="1:43">
      <c r="A34288" t="s">
        <v>21237</v>
      </c>
      <c r="B34288" t="s">
        <v>21238</v>
      </c>
      <c r="C34288" t="s">
        <v>21239</v>
      </c>
      <c r="D34288" t="s">
        <v>21240</v>
      </c>
      <c r="E34288" t="s">
        <v>21139</v>
      </c>
      <c r="F34288" t="s">
        <v>21140</v>
      </c>
      <c r="G34288" t="s">
        <v>20255</v>
      </c>
      <c r="H34288" t="s">
        <v>20256</v>
      </c>
      <c r="I34288" s="2">
        <v>1</v>
      </c>
      <c r="J34288" s="2">
        <v>0</v>
      </c>
      <c r="K34288" s="2">
        <v>0</v>
      </c>
      <c r="L34288" t="s">
        <v>120</v>
      </c>
      <c r="M34288" t="s">
        <v>89</v>
      </c>
      <c r="N34288" t="s">
        <v>90</v>
      </c>
      <c r="O34288" t="s">
        <v>85</v>
      </c>
      <c r="P34288" t="s">
        <v>86</v>
      </c>
      <c r="Q34288">
        <v>3</v>
      </c>
      <c r="R34288">
        <v>3</v>
      </c>
      <c r="S34288">
        <v>4</v>
      </c>
      <c r="T34288">
        <v>4</v>
      </c>
      <c r="U34288">
        <v>4</v>
      </c>
      <c r="V34288">
        <v>4</v>
      </c>
      <c r="W34288">
        <v>4</v>
      </c>
      <c r="X34288">
        <v>4</v>
      </c>
      <c r="Y34288">
        <v>4</v>
      </c>
      <c r="Z34288">
        <v>4</v>
      </c>
      <c r="AA34288">
        <v>4</v>
      </c>
      <c r="AB34288">
        <v>4</v>
      </c>
      <c r="AC34288">
        <v>5</v>
      </c>
      <c r="AD34288">
        <v>5</v>
      </c>
      <c r="AE34288">
        <v>5</v>
      </c>
      <c r="AF34288">
        <v>5</v>
      </c>
      <c r="AG34288">
        <v>5</v>
      </c>
      <c r="AH34288">
        <v>5</v>
      </c>
      <c r="AI34288">
        <v>5</v>
      </c>
      <c r="AJ34288">
        <v>5</v>
      </c>
      <c r="AK34288">
        <v>5</v>
      </c>
      <c r="AL34288">
        <v>5</v>
      </c>
      <c r="AM34288">
        <v>5</v>
      </c>
      <c r="AN34288">
        <v>5</v>
      </c>
      <c r="AO34288">
        <v>5</v>
      </c>
      <c r="AP34288">
        <v>5</v>
      </c>
      <c r="AQ34288">
        <v>5</v>
      </c>
    </row>
    <row r="34289" spans="1:43">
      <c r="A34289" t="s">
        <v>21237</v>
      </c>
      <c r="B34289" t="s">
        <v>21238</v>
      </c>
      <c r="C34289" t="s">
        <v>21239</v>
      </c>
      <c r="D34289" t="s">
        <v>21240</v>
      </c>
      <c r="E34289" t="s">
        <v>21139</v>
      </c>
      <c r="F34289" t="s">
        <v>21140</v>
      </c>
      <c r="G34289" t="s">
        <v>20255</v>
      </c>
      <c r="H34289" t="s">
        <v>20256</v>
      </c>
      <c r="I34289" s="2">
        <v>1</v>
      </c>
      <c r="J34289" s="2">
        <v>0</v>
      </c>
      <c r="K34289" s="2">
        <v>0</v>
      </c>
      <c r="L34289" t="s">
        <v>120</v>
      </c>
      <c r="M34289" t="s">
        <v>83</v>
      </c>
      <c r="N34289" t="s">
        <v>91</v>
      </c>
      <c r="O34289" t="s">
        <v>85</v>
      </c>
      <c r="P34289" t="s">
        <v>86</v>
      </c>
      <c r="Q34289">
        <v>3</v>
      </c>
      <c r="R34289">
        <v>3</v>
      </c>
      <c r="S34289">
        <v>4</v>
      </c>
      <c r="T34289">
        <v>4</v>
      </c>
      <c r="U34289">
        <v>4</v>
      </c>
      <c r="V34289">
        <v>4</v>
      </c>
      <c r="W34289">
        <v>4</v>
      </c>
      <c r="X34289">
        <v>4</v>
      </c>
      <c r="Y34289">
        <v>4</v>
      </c>
      <c r="Z34289">
        <v>4</v>
      </c>
      <c r="AA34289">
        <v>4</v>
      </c>
      <c r="AB34289">
        <v>4</v>
      </c>
      <c r="AC34289">
        <v>4</v>
      </c>
      <c r="AD34289">
        <v>4</v>
      </c>
      <c r="AE34289">
        <v>4</v>
      </c>
      <c r="AF34289">
        <v>5</v>
      </c>
      <c r="AG34289">
        <v>5</v>
      </c>
      <c r="AH34289">
        <v>5</v>
      </c>
      <c r="AI34289">
        <v>5</v>
      </c>
      <c r="AJ34289">
        <v>5</v>
      </c>
      <c r="AK34289">
        <v>5</v>
      </c>
      <c r="AL34289">
        <v>5</v>
      </c>
      <c r="AM34289">
        <v>5</v>
      </c>
      <c r="AN34289">
        <v>5</v>
      </c>
      <c r="AO34289">
        <v>5</v>
      </c>
      <c r="AP34289">
        <v>5</v>
      </c>
      <c r="AQ34289">
        <v>5</v>
      </c>
    </row>
    <row r="34290" spans="1:43">
      <c r="A34290" t="s">
        <v>21241</v>
      </c>
      <c r="B34290" t="s">
        <v>21242</v>
      </c>
      <c r="C34290" t="s">
        <v>21239</v>
      </c>
      <c r="D34290" t="s">
        <v>21240</v>
      </c>
      <c r="E34290" t="s">
        <v>21139</v>
      </c>
      <c r="F34290" t="s">
        <v>21140</v>
      </c>
      <c r="G34290" t="s">
        <v>20255</v>
      </c>
      <c r="H34290" t="s">
        <v>20256</v>
      </c>
      <c r="I34290" s="2">
        <v>1</v>
      </c>
      <c r="J34290" s="2">
        <v>0</v>
      </c>
      <c r="K34290" s="2">
        <v>0</v>
      </c>
      <c r="L34290" t="s">
        <v>120</v>
      </c>
      <c r="M34290" t="s">
        <v>83</v>
      </c>
      <c r="N34290" t="s">
        <v>84</v>
      </c>
      <c r="O34290" t="s">
        <v>85</v>
      </c>
      <c r="P34290" t="s">
        <v>86</v>
      </c>
      <c r="Q34290">
        <v>16</v>
      </c>
      <c r="R34290">
        <v>16</v>
      </c>
      <c r="S34290">
        <v>17</v>
      </c>
      <c r="T34290">
        <v>17</v>
      </c>
      <c r="U34290">
        <v>17</v>
      </c>
      <c r="V34290">
        <v>18</v>
      </c>
      <c r="W34290">
        <v>18</v>
      </c>
      <c r="X34290">
        <v>19</v>
      </c>
      <c r="Y34290">
        <v>19</v>
      </c>
      <c r="Z34290">
        <v>19</v>
      </c>
      <c r="AA34290">
        <v>20</v>
      </c>
      <c r="AB34290">
        <v>20</v>
      </c>
      <c r="AC34290">
        <v>20</v>
      </c>
      <c r="AD34290">
        <v>21</v>
      </c>
      <c r="AE34290">
        <v>21</v>
      </c>
      <c r="AF34290">
        <v>21</v>
      </c>
      <c r="AG34290">
        <v>22</v>
      </c>
      <c r="AH34290">
        <v>22</v>
      </c>
      <c r="AI34290">
        <v>23</v>
      </c>
      <c r="AJ34290">
        <v>23</v>
      </c>
      <c r="AK34290">
        <v>23</v>
      </c>
      <c r="AL34290">
        <v>24</v>
      </c>
      <c r="AM34290">
        <v>24</v>
      </c>
      <c r="AN34290">
        <v>24</v>
      </c>
      <c r="AO34290">
        <v>24</v>
      </c>
      <c r="AP34290">
        <v>24</v>
      </c>
      <c r="AQ34290">
        <v>24</v>
      </c>
    </row>
    <row r="34291" spans="1:43">
      <c r="A34291" t="s">
        <v>21241</v>
      </c>
      <c r="B34291" t="s">
        <v>21242</v>
      </c>
      <c r="C34291" t="s">
        <v>21239</v>
      </c>
      <c r="D34291" t="s">
        <v>21240</v>
      </c>
      <c r="E34291" t="s">
        <v>21139</v>
      </c>
      <c r="F34291" t="s">
        <v>21140</v>
      </c>
      <c r="G34291" t="s">
        <v>20255</v>
      </c>
      <c r="H34291" t="s">
        <v>20256</v>
      </c>
      <c r="I34291" s="2">
        <v>1</v>
      </c>
      <c r="J34291" s="2">
        <v>0</v>
      </c>
      <c r="K34291" s="2">
        <v>0</v>
      </c>
      <c r="L34291" t="s">
        <v>120</v>
      </c>
      <c r="M34291" t="s">
        <v>87</v>
      </c>
      <c r="N34291" t="s">
        <v>88</v>
      </c>
      <c r="O34291" t="s">
        <v>85</v>
      </c>
      <c r="P34291" t="s">
        <v>86</v>
      </c>
      <c r="Q34291">
        <v>16</v>
      </c>
      <c r="R34291">
        <v>16</v>
      </c>
      <c r="S34291">
        <v>16</v>
      </c>
      <c r="T34291">
        <v>16</v>
      </c>
      <c r="U34291">
        <v>17</v>
      </c>
      <c r="V34291">
        <v>17</v>
      </c>
      <c r="W34291">
        <v>17</v>
      </c>
      <c r="X34291">
        <v>17</v>
      </c>
      <c r="Y34291">
        <v>17</v>
      </c>
      <c r="Z34291">
        <v>18</v>
      </c>
      <c r="AA34291">
        <v>18</v>
      </c>
      <c r="AB34291">
        <v>18</v>
      </c>
      <c r="AC34291">
        <v>18</v>
      </c>
      <c r="AD34291">
        <v>19</v>
      </c>
      <c r="AE34291">
        <v>19</v>
      </c>
      <c r="AF34291">
        <v>19</v>
      </c>
      <c r="AG34291">
        <v>19</v>
      </c>
      <c r="AH34291">
        <v>19</v>
      </c>
      <c r="AI34291">
        <v>20</v>
      </c>
      <c r="AJ34291">
        <v>20</v>
      </c>
      <c r="AK34291">
        <v>20</v>
      </c>
      <c r="AL34291">
        <v>20</v>
      </c>
      <c r="AM34291">
        <v>20</v>
      </c>
      <c r="AN34291">
        <v>21</v>
      </c>
      <c r="AO34291">
        <v>21</v>
      </c>
      <c r="AP34291">
        <v>21</v>
      </c>
      <c r="AQ34291">
        <v>21</v>
      </c>
    </row>
    <row r="34292" spans="1:43">
      <c r="A34292" t="s">
        <v>21241</v>
      </c>
      <c r="B34292" t="s">
        <v>21242</v>
      </c>
      <c r="C34292" t="s">
        <v>21239</v>
      </c>
      <c r="D34292" t="s">
        <v>21240</v>
      </c>
      <c r="E34292" t="s">
        <v>21139</v>
      </c>
      <c r="F34292" t="s">
        <v>21140</v>
      </c>
      <c r="G34292" t="s">
        <v>20255</v>
      </c>
      <c r="H34292" t="s">
        <v>20256</v>
      </c>
      <c r="I34292" s="2">
        <v>1</v>
      </c>
      <c r="J34292" s="2">
        <v>0</v>
      </c>
      <c r="K34292" s="2">
        <v>0</v>
      </c>
      <c r="L34292" t="s">
        <v>120</v>
      </c>
      <c r="M34292" t="s">
        <v>89</v>
      </c>
      <c r="N34292" t="s">
        <v>90</v>
      </c>
      <c r="O34292" t="s">
        <v>85</v>
      </c>
      <c r="P34292" t="s">
        <v>86</v>
      </c>
      <c r="Q34292">
        <v>16</v>
      </c>
      <c r="R34292">
        <v>17</v>
      </c>
      <c r="S34292">
        <v>17</v>
      </c>
      <c r="T34292">
        <v>18</v>
      </c>
      <c r="U34292">
        <v>18</v>
      </c>
      <c r="V34292">
        <v>19</v>
      </c>
      <c r="W34292">
        <v>19</v>
      </c>
      <c r="X34292">
        <v>19</v>
      </c>
      <c r="Y34292">
        <v>20</v>
      </c>
      <c r="Z34292">
        <v>20</v>
      </c>
      <c r="AA34292">
        <v>21</v>
      </c>
      <c r="AB34292">
        <v>21</v>
      </c>
      <c r="AC34292">
        <v>22</v>
      </c>
      <c r="AD34292">
        <v>22</v>
      </c>
      <c r="AE34292">
        <v>22</v>
      </c>
      <c r="AF34292">
        <v>23</v>
      </c>
      <c r="AG34292">
        <v>23</v>
      </c>
      <c r="AH34292">
        <v>23</v>
      </c>
      <c r="AI34292">
        <v>23</v>
      </c>
      <c r="AJ34292">
        <v>23</v>
      </c>
      <c r="AK34292">
        <v>24</v>
      </c>
      <c r="AL34292">
        <v>24</v>
      </c>
      <c r="AM34292">
        <v>24</v>
      </c>
      <c r="AN34292">
        <v>24</v>
      </c>
      <c r="AO34292">
        <v>24</v>
      </c>
      <c r="AP34292">
        <v>24</v>
      </c>
      <c r="AQ34292">
        <v>25</v>
      </c>
    </row>
    <row r="34293" spans="1:43">
      <c r="A34293" t="s">
        <v>21241</v>
      </c>
      <c r="B34293" t="s">
        <v>21242</v>
      </c>
      <c r="C34293" t="s">
        <v>21239</v>
      </c>
      <c r="D34293" t="s">
        <v>21240</v>
      </c>
      <c r="E34293" t="s">
        <v>21139</v>
      </c>
      <c r="F34293" t="s">
        <v>21140</v>
      </c>
      <c r="G34293" t="s">
        <v>20255</v>
      </c>
      <c r="H34293" t="s">
        <v>20256</v>
      </c>
      <c r="I34293" s="2">
        <v>1</v>
      </c>
      <c r="J34293" s="2">
        <v>0</v>
      </c>
      <c r="K34293" s="2">
        <v>0</v>
      </c>
      <c r="L34293" t="s">
        <v>120</v>
      </c>
      <c r="M34293" t="s">
        <v>83</v>
      </c>
      <c r="N34293" t="s">
        <v>91</v>
      </c>
      <c r="O34293" t="s">
        <v>85</v>
      </c>
      <c r="P34293" t="s">
        <v>86</v>
      </c>
      <c r="Q34293">
        <v>16</v>
      </c>
      <c r="R34293">
        <v>16</v>
      </c>
      <c r="S34293">
        <v>17</v>
      </c>
      <c r="T34293">
        <v>17</v>
      </c>
      <c r="U34293">
        <v>17</v>
      </c>
      <c r="V34293">
        <v>18</v>
      </c>
      <c r="W34293">
        <v>18</v>
      </c>
      <c r="X34293">
        <v>19</v>
      </c>
      <c r="Y34293">
        <v>19</v>
      </c>
      <c r="Z34293">
        <v>19</v>
      </c>
      <c r="AA34293">
        <v>20</v>
      </c>
      <c r="AB34293">
        <v>20</v>
      </c>
      <c r="AC34293">
        <v>20</v>
      </c>
      <c r="AD34293">
        <v>21</v>
      </c>
      <c r="AE34293">
        <v>21</v>
      </c>
      <c r="AF34293">
        <v>21</v>
      </c>
      <c r="AG34293">
        <v>22</v>
      </c>
      <c r="AH34293">
        <v>22</v>
      </c>
      <c r="AI34293">
        <v>23</v>
      </c>
      <c r="AJ34293">
        <v>23</v>
      </c>
      <c r="AK34293">
        <v>23</v>
      </c>
      <c r="AL34293">
        <v>24</v>
      </c>
      <c r="AM34293">
        <v>24</v>
      </c>
      <c r="AN34293">
        <v>24</v>
      </c>
      <c r="AO34293">
        <v>24</v>
      </c>
      <c r="AP34293">
        <v>24</v>
      </c>
      <c r="AQ34293">
        <v>24</v>
      </c>
    </row>
    <row r="34294" spans="1:43">
      <c r="A34294" t="s">
        <v>21243</v>
      </c>
      <c r="B34294" t="s">
        <v>21244</v>
      </c>
      <c r="C34294" t="s">
        <v>21239</v>
      </c>
      <c r="D34294" t="s">
        <v>21240</v>
      </c>
      <c r="E34294" t="s">
        <v>21139</v>
      </c>
      <c r="F34294" t="s">
        <v>21140</v>
      </c>
      <c r="G34294" t="s">
        <v>20255</v>
      </c>
      <c r="H34294" t="s">
        <v>20256</v>
      </c>
      <c r="I34294" s="2">
        <v>1</v>
      </c>
      <c r="J34294" s="2">
        <v>0</v>
      </c>
      <c r="K34294" s="2">
        <v>0</v>
      </c>
      <c r="L34294" t="s">
        <v>120</v>
      </c>
      <c r="M34294" t="s">
        <v>83</v>
      </c>
      <c r="N34294" t="s">
        <v>84</v>
      </c>
      <c r="O34294" t="s">
        <v>85</v>
      </c>
      <c r="P34294" t="s">
        <v>86</v>
      </c>
      <c r="Q34294">
        <v>39</v>
      </c>
      <c r="R34294">
        <v>40</v>
      </c>
      <c r="S34294">
        <v>41</v>
      </c>
      <c r="T34294">
        <v>42</v>
      </c>
      <c r="U34294">
        <v>43</v>
      </c>
      <c r="V34294">
        <v>44</v>
      </c>
      <c r="W34294">
        <v>45</v>
      </c>
      <c r="X34294">
        <v>46</v>
      </c>
      <c r="Y34294">
        <v>47</v>
      </c>
      <c r="Z34294">
        <v>47</v>
      </c>
      <c r="AA34294">
        <v>48</v>
      </c>
      <c r="AB34294">
        <v>49</v>
      </c>
      <c r="AC34294">
        <v>50</v>
      </c>
      <c r="AD34294">
        <v>51</v>
      </c>
      <c r="AE34294">
        <v>52</v>
      </c>
      <c r="AF34294">
        <v>53</v>
      </c>
      <c r="AG34294">
        <v>54</v>
      </c>
      <c r="AH34294">
        <v>55</v>
      </c>
      <c r="AI34294">
        <v>56</v>
      </c>
      <c r="AJ34294">
        <v>57</v>
      </c>
      <c r="AK34294">
        <v>58</v>
      </c>
      <c r="AL34294">
        <v>58</v>
      </c>
      <c r="AM34294">
        <v>59</v>
      </c>
      <c r="AN34294">
        <v>59</v>
      </c>
      <c r="AO34294">
        <v>59</v>
      </c>
      <c r="AP34294">
        <v>60</v>
      </c>
      <c r="AQ34294">
        <v>60</v>
      </c>
    </row>
    <row r="34295" spans="1:43">
      <c r="A34295" t="s">
        <v>21243</v>
      </c>
      <c r="B34295" t="s">
        <v>21244</v>
      </c>
      <c r="C34295" t="s">
        <v>21239</v>
      </c>
      <c r="D34295" t="s">
        <v>21240</v>
      </c>
      <c r="E34295" t="s">
        <v>21139</v>
      </c>
      <c r="F34295" t="s">
        <v>21140</v>
      </c>
      <c r="G34295" t="s">
        <v>20255</v>
      </c>
      <c r="H34295" t="s">
        <v>20256</v>
      </c>
      <c r="I34295" s="2">
        <v>1</v>
      </c>
      <c r="J34295" s="2">
        <v>0</v>
      </c>
      <c r="K34295" s="2">
        <v>0</v>
      </c>
      <c r="L34295" t="s">
        <v>120</v>
      </c>
      <c r="M34295" t="s">
        <v>87</v>
      </c>
      <c r="N34295" t="s">
        <v>88</v>
      </c>
      <c r="O34295" t="s">
        <v>85</v>
      </c>
      <c r="P34295" t="s">
        <v>86</v>
      </c>
      <c r="Q34295">
        <v>39</v>
      </c>
      <c r="R34295">
        <v>40</v>
      </c>
      <c r="S34295">
        <v>40</v>
      </c>
      <c r="T34295">
        <v>41</v>
      </c>
      <c r="U34295">
        <v>41</v>
      </c>
      <c r="V34295">
        <v>42</v>
      </c>
      <c r="W34295">
        <v>42</v>
      </c>
      <c r="X34295">
        <v>43</v>
      </c>
      <c r="Y34295">
        <v>43</v>
      </c>
      <c r="Z34295">
        <v>44</v>
      </c>
      <c r="AA34295">
        <v>44</v>
      </c>
      <c r="AB34295">
        <v>45</v>
      </c>
      <c r="AC34295">
        <v>45</v>
      </c>
      <c r="AD34295">
        <v>46</v>
      </c>
      <c r="AE34295">
        <v>46</v>
      </c>
      <c r="AF34295">
        <v>47</v>
      </c>
      <c r="AG34295">
        <v>47</v>
      </c>
      <c r="AH34295">
        <v>48</v>
      </c>
      <c r="AI34295">
        <v>48</v>
      </c>
      <c r="AJ34295">
        <v>49</v>
      </c>
      <c r="AK34295">
        <v>50</v>
      </c>
      <c r="AL34295">
        <v>50</v>
      </c>
      <c r="AM34295">
        <v>51</v>
      </c>
      <c r="AN34295">
        <v>51</v>
      </c>
      <c r="AO34295">
        <v>52</v>
      </c>
      <c r="AP34295">
        <v>52</v>
      </c>
      <c r="AQ34295">
        <v>53</v>
      </c>
    </row>
    <row r="34296" spans="1:43">
      <c r="A34296" t="s">
        <v>21243</v>
      </c>
      <c r="B34296" t="s">
        <v>21244</v>
      </c>
      <c r="C34296" t="s">
        <v>21239</v>
      </c>
      <c r="D34296" t="s">
        <v>21240</v>
      </c>
      <c r="E34296" t="s">
        <v>21139</v>
      </c>
      <c r="F34296" t="s">
        <v>21140</v>
      </c>
      <c r="G34296" t="s">
        <v>20255</v>
      </c>
      <c r="H34296" t="s">
        <v>20256</v>
      </c>
      <c r="I34296" s="2">
        <v>1</v>
      </c>
      <c r="J34296" s="2">
        <v>0</v>
      </c>
      <c r="K34296" s="2">
        <v>0</v>
      </c>
      <c r="L34296" t="s">
        <v>120</v>
      </c>
      <c r="M34296" t="s">
        <v>89</v>
      </c>
      <c r="N34296" t="s">
        <v>90</v>
      </c>
      <c r="O34296" t="s">
        <v>85</v>
      </c>
      <c r="P34296" t="s">
        <v>86</v>
      </c>
      <c r="Q34296">
        <v>39</v>
      </c>
      <c r="R34296">
        <v>40</v>
      </c>
      <c r="S34296">
        <v>41</v>
      </c>
      <c r="T34296">
        <v>42</v>
      </c>
      <c r="U34296">
        <v>44</v>
      </c>
      <c r="V34296">
        <v>45</v>
      </c>
      <c r="W34296">
        <v>46</v>
      </c>
      <c r="X34296">
        <v>47</v>
      </c>
      <c r="Y34296">
        <v>48</v>
      </c>
      <c r="Z34296">
        <v>49</v>
      </c>
      <c r="AA34296">
        <v>50</v>
      </c>
      <c r="AB34296">
        <v>51</v>
      </c>
      <c r="AC34296">
        <v>53</v>
      </c>
      <c r="AD34296">
        <v>54</v>
      </c>
      <c r="AE34296">
        <v>55</v>
      </c>
      <c r="AF34296">
        <v>55</v>
      </c>
      <c r="AG34296">
        <v>55</v>
      </c>
      <c r="AH34296">
        <v>56</v>
      </c>
      <c r="AI34296">
        <v>56</v>
      </c>
      <c r="AJ34296">
        <v>57</v>
      </c>
      <c r="AK34296">
        <v>57</v>
      </c>
      <c r="AL34296">
        <v>58</v>
      </c>
      <c r="AM34296">
        <v>58</v>
      </c>
      <c r="AN34296">
        <v>58</v>
      </c>
      <c r="AO34296">
        <v>59</v>
      </c>
      <c r="AP34296">
        <v>59</v>
      </c>
      <c r="AQ34296">
        <v>60</v>
      </c>
    </row>
    <row r="34297" spans="1:43">
      <c r="A34297" t="s">
        <v>21243</v>
      </c>
      <c r="B34297" t="s">
        <v>21244</v>
      </c>
      <c r="C34297" t="s">
        <v>21239</v>
      </c>
      <c r="D34297" t="s">
        <v>21240</v>
      </c>
      <c r="E34297" t="s">
        <v>21139</v>
      </c>
      <c r="F34297" t="s">
        <v>21140</v>
      </c>
      <c r="G34297" t="s">
        <v>20255</v>
      </c>
      <c r="H34297" t="s">
        <v>20256</v>
      </c>
      <c r="I34297" s="2">
        <v>1</v>
      </c>
      <c r="J34297" s="2">
        <v>0</v>
      </c>
      <c r="K34297" s="2">
        <v>0</v>
      </c>
      <c r="L34297" t="s">
        <v>120</v>
      </c>
      <c r="M34297" t="s">
        <v>83</v>
      </c>
      <c r="N34297" t="s">
        <v>91</v>
      </c>
      <c r="O34297" t="s">
        <v>85</v>
      </c>
      <c r="P34297" t="s">
        <v>86</v>
      </c>
      <c r="Q34297">
        <v>39</v>
      </c>
      <c r="R34297">
        <v>40</v>
      </c>
      <c r="S34297">
        <v>41</v>
      </c>
      <c r="T34297">
        <v>42</v>
      </c>
      <c r="U34297">
        <v>43</v>
      </c>
      <c r="V34297">
        <v>44</v>
      </c>
      <c r="W34297">
        <v>45</v>
      </c>
      <c r="X34297">
        <v>46</v>
      </c>
      <c r="Y34297">
        <v>47</v>
      </c>
      <c r="Z34297">
        <v>47</v>
      </c>
      <c r="AA34297">
        <v>48</v>
      </c>
      <c r="AB34297">
        <v>49</v>
      </c>
      <c r="AC34297">
        <v>50</v>
      </c>
      <c r="AD34297">
        <v>51</v>
      </c>
      <c r="AE34297">
        <v>52</v>
      </c>
      <c r="AF34297">
        <v>53</v>
      </c>
      <c r="AG34297">
        <v>54</v>
      </c>
      <c r="AH34297">
        <v>55</v>
      </c>
      <c r="AI34297">
        <v>56</v>
      </c>
      <c r="AJ34297">
        <v>57</v>
      </c>
      <c r="AK34297">
        <v>58</v>
      </c>
      <c r="AL34297">
        <v>58</v>
      </c>
      <c r="AM34297">
        <v>59</v>
      </c>
      <c r="AN34297">
        <v>59</v>
      </c>
      <c r="AO34297">
        <v>59</v>
      </c>
      <c r="AP34297">
        <v>60</v>
      </c>
      <c r="AQ34297">
        <v>60</v>
      </c>
    </row>
    <row r="34298" spans="1:43">
      <c r="A34298" t="s">
        <v>21245</v>
      </c>
      <c r="B34298" t="s">
        <v>21246</v>
      </c>
      <c r="C34298" t="s">
        <v>21239</v>
      </c>
      <c r="D34298" t="s">
        <v>21240</v>
      </c>
      <c r="E34298" t="s">
        <v>21139</v>
      </c>
      <c r="F34298" t="s">
        <v>21140</v>
      </c>
      <c r="G34298" t="s">
        <v>20255</v>
      </c>
      <c r="H34298" t="s">
        <v>20256</v>
      </c>
      <c r="I34298" s="2">
        <v>1</v>
      </c>
      <c r="J34298" s="2">
        <v>0</v>
      </c>
      <c r="K34298" s="2">
        <v>0</v>
      </c>
      <c r="L34298" t="s">
        <v>120</v>
      </c>
      <c r="M34298" t="s">
        <v>83</v>
      </c>
      <c r="N34298" t="s">
        <v>84</v>
      </c>
      <c r="O34298" t="s">
        <v>85</v>
      </c>
      <c r="P34298" t="s">
        <v>86</v>
      </c>
      <c r="Q34298">
        <v>7</v>
      </c>
      <c r="R34298">
        <v>8</v>
      </c>
      <c r="S34298">
        <v>8</v>
      </c>
      <c r="T34298">
        <v>8</v>
      </c>
      <c r="U34298">
        <v>8</v>
      </c>
      <c r="V34298">
        <v>8</v>
      </c>
      <c r="W34298">
        <v>8</v>
      </c>
      <c r="X34298">
        <v>9</v>
      </c>
      <c r="Y34298">
        <v>9</v>
      </c>
      <c r="Z34298">
        <v>9</v>
      </c>
      <c r="AA34298">
        <v>9</v>
      </c>
      <c r="AB34298">
        <v>9</v>
      </c>
      <c r="AC34298">
        <v>9</v>
      </c>
      <c r="AD34298">
        <v>10</v>
      </c>
      <c r="AE34298">
        <v>10</v>
      </c>
      <c r="AF34298">
        <v>10</v>
      </c>
      <c r="AG34298">
        <v>10</v>
      </c>
      <c r="AH34298">
        <v>10</v>
      </c>
      <c r="AI34298">
        <v>10</v>
      </c>
      <c r="AJ34298">
        <v>11</v>
      </c>
      <c r="AK34298">
        <v>11</v>
      </c>
      <c r="AL34298">
        <v>11</v>
      </c>
      <c r="AM34298">
        <v>11</v>
      </c>
      <c r="AN34298">
        <v>11</v>
      </c>
      <c r="AO34298">
        <v>11</v>
      </c>
      <c r="AP34298">
        <v>11</v>
      </c>
      <c r="AQ34298">
        <v>11</v>
      </c>
    </row>
    <row r="34299" spans="1:43">
      <c r="A34299" t="s">
        <v>21245</v>
      </c>
      <c r="B34299" t="s">
        <v>21246</v>
      </c>
      <c r="C34299" t="s">
        <v>21239</v>
      </c>
      <c r="D34299" t="s">
        <v>21240</v>
      </c>
      <c r="E34299" t="s">
        <v>21139</v>
      </c>
      <c r="F34299" t="s">
        <v>21140</v>
      </c>
      <c r="G34299" t="s">
        <v>20255</v>
      </c>
      <c r="H34299" t="s">
        <v>20256</v>
      </c>
      <c r="I34299" s="2">
        <v>1</v>
      </c>
      <c r="J34299" s="2">
        <v>0</v>
      </c>
      <c r="K34299" s="2">
        <v>0</v>
      </c>
      <c r="L34299" t="s">
        <v>120</v>
      </c>
      <c r="M34299" t="s">
        <v>87</v>
      </c>
      <c r="N34299" t="s">
        <v>88</v>
      </c>
      <c r="O34299" t="s">
        <v>85</v>
      </c>
      <c r="P34299" t="s">
        <v>86</v>
      </c>
      <c r="Q34299">
        <v>7</v>
      </c>
      <c r="R34299">
        <v>7</v>
      </c>
      <c r="S34299">
        <v>8</v>
      </c>
      <c r="T34299">
        <v>8</v>
      </c>
      <c r="U34299">
        <v>8</v>
      </c>
      <c r="V34299">
        <v>8</v>
      </c>
      <c r="W34299">
        <v>8</v>
      </c>
      <c r="X34299">
        <v>8</v>
      </c>
      <c r="Y34299">
        <v>8</v>
      </c>
      <c r="Z34299">
        <v>8</v>
      </c>
      <c r="AA34299">
        <v>8</v>
      </c>
      <c r="AB34299">
        <v>8</v>
      </c>
      <c r="AC34299">
        <v>9</v>
      </c>
      <c r="AD34299">
        <v>9</v>
      </c>
      <c r="AE34299">
        <v>9</v>
      </c>
      <c r="AF34299">
        <v>9</v>
      </c>
      <c r="AG34299">
        <v>9</v>
      </c>
      <c r="AH34299">
        <v>9</v>
      </c>
      <c r="AI34299">
        <v>9</v>
      </c>
      <c r="AJ34299">
        <v>9</v>
      </c>
      <c r="AK34299">
        <v>9</v>
      </c>
      <c r="AL34299">
        <v>9</v>
      </c>
      <c r="AM34299">
        <v>10</v>
      </c>
      <c r="AN34299">
        <v>10</v>
      </c>
      <c r="AO34299">
        <v>10</v>
      </c>
      <c r="AP34299">
        <v>10</v>
      </c>
      <c r="AQ34299">
        <v>10</v>
      </c>
    </row>
    <row r="34300" spans="1:43">
      <c r="A34300" t="s">
        <v>21245</v>
      </c>
      <c r="B34300" t="s">
        <v>21246</v>
      </c>
      <c r="C34300" t="s">
        <v>21239</v>
      </c>
      <c r="D34300" t="s">
        <v>21240</v>
      </c>
      <c r="E34300" t="s">
        <v>21139</v>
      </c>
      <c r="F34300" t="s">
        <v>21140</v>
      </c>
      <c r="G34300" t="s">
        <v>20255</v>
      </c>
      <c r="H34300" t="s">
        <v>20256</v>
      </c>
      <c r="I34300" s="2">
        <v>1</v>
      </c>
      <c r="J34300" s="2">
        <v>0</v>
      </c>
      <c r="K34300" s="2">
        <v>0</v>
      </c>
      <c r="L34300" t="s">
        <v>120</v>
      </c>
      <c r="M34300" t="s">
        <v>89</v>
      </c>
      <c r="N34300" t="s">
        <v>90</v>
      </c>
      <c r="O34300" t="s">
        <v>85</v>
      </c>
      <c r="P34300" t="s">
        <v>86</v>
      </c>
      <c r="Q34300">
        <v>7</v>
      </c>
      <c r="R34300">
        <v>8</v>
      </c>
      <c r="S34300">
        <v>8</v>
      </c>
      <c r="T34300">
        <v>8</v>
      </c>
      <c r="U34300">
        <v>8</v>
      </c>
      <c r="V34300">
        <v>9</v>
      </c>
      <c r="W34300">
        <v>9</v>
      </c>
      <c r="X34300">
        <v>9</v>
      </c>
      <c r="Y34300">
        <v>9</v>
      </c>
      <c r="Z34300">
        <v>9</v>
      </c>
      <c r="AA34300">
        <v>10</v>
      </c>
      <c r="AB34300">
        <v>10</v>
      </c>
      <c r="AC34300">
        <v>10</v>
      </c>
      <c r="AD34300">
        <v>10</v>
      </c>
      <c r="AE34300">
        <v>10</v>
      </c>
      <c r="AF34300">
        <v>11</v>
      </c>
      <c r="AG34300">
        <v>11</v>
      </c>
      <c r="AH34300">
        <v>11</v>
      </c>
      <c r="AI34300">
        <v>11</v>
      </c>
      <c r="AJ34300">
        <v>11</v>
      </c>
      <c r="AK34300">
        <v>11</v>
      </c>
      <c r="AL34300">
        <v>11</v>
      </c>
      <c r="AM34300">
        <v>11</v>
      </c>
      <c r="AN34300">
        <v>11</v>
      </c>
      <c r="AO34300">
        <v>11</v>
      </c>
      <c r="AP34300">
        <v>11</v>
      </c>
      <c r="AQ34300">
        <v>11</v>
      </c>
    </row>
    <row r="34301" spans="1:43">
      <c r="A34301" t="s">
        <v>21245</v>
      </c>
      <c r="B34301" t="s">
        <v>21246</v>
      </c>
      <c r="C34301" t="s">
        <v>21239</v>
      </c>
      <c r="D34301" t="s">
        <v>21240</v>
      </c>
      <c r="E34301" t="s">
        <v>21139</v>
      </c>
      <c r="F34301" t="s">
        <v>21140</v>
      </c>
      <c r="G34301" t="s">
        <v>20255</v>
      </c>
      <c r="H34301" t="s">
        <v>20256</v>
      </c>
      <c r="I34301" s="2">
        <v>1</v>
      </c>
      <c r="J34301" s="2">
        <v>0</v>
      </c>
      <c r="K34301" s="2">
        <v>0</v>
      </c>
      <c r="L34301" t="s">
        <v>120</v>
      </c>
      <c r="M34301" t="s">
        <v>83</v>
      </c>
      <c r="N34301" t="s">
        <v>91</v>
      </c>
      <c r="O34301" t="s">
        <v>85</v>
      </c>
      <c r="P34301" t="s">
        <v>86</v>
      </c>
      <c r="Q34301">
        <v>7</v>
      </c>
      <c r="R34301">
        <v>8</v>
      </c>
      <c r="S34301">
        <v>8</v>
      </c>
      <c r="T34301">
        <v>8</v>
      </c>
      <c r="U34301">
        <v>8</v>
      </c>
      <c r="V34301">
        <v>8</v>
      </c>
      <c r="W34301">
        <v>8</v>
      </c>
      <c r="X34301">
        <v>9</v>
      </c>
      <c r="Y34301">
        <v>9</v>
      </c>
      <c r="Z34301">
        <v>9</v>
      </c>
      <c r="AA34301">
        <v>9</v>
      </c>
      <c r="AB34301">
        <v>9</v>
      </c>
      <c r="AC34301">
        <v>9</v>
      </c>
      <c r="AD34301">
        <v>10</v>
      </c>
      <c r="AE34301">
        <v>10</v>
      </c>
      <c r="AF34301">
        <v>10</v>
      </c>
      <c r="AG34301">
        <v>10</v>
      </c>
      <c r="AH34301">
        <v>10</v>
      </c>
      <c r="AI34301">
        <v>10</v>
      </c>
      <c r="AJ34301">
        <v>11</v>
      </c>
      <c r="AK34301">
        <v>11</v>
      </c>
      <c r="AL34301">
        <v>11</v>
      </c>
      <c r="AM34301">
        <v>11</v>
      </c>
      <c r="AN34301">
        <v>11</v>
      </c>
      <c r="AO34301">
        <v>11</v>
      </c>
      <c r="AP34301">
        <v>11</v>
      </c>
      <c r="AQ34301">
        <v>11</v>
      </c>
    </row>
    <row r="34302" spans="1:43">
      <c r="A34302" t="s">
        <v>21247</v>
      </c>
      <c r="B34302" t="s">
        <v>21248</v>
      </c>
      <c r="C34302" t="s">
        <v>21239</v>
      </c>
      <c r="D34302" t="s">
        <v>21240</v>
      </c>
      <c r="E34302" t="s">
        <v>21139</v>
      </c>
      <c r="F34302" t="s">
        <v>21140</v>
      </c>
      <c r="G34302" t="s">
        <v>20255</v>
      </c>
      <c r="H34302" t="s">
        <v>20256</v>
      </c>
      <c r="I34302" s="2">
        <v>1</v>
      </c>
      <c r="J34302" s="2">
        <v>0</v>
      </c>
      <c r="K34302" s="2">
        <v>0</v>
      </c>
      <c r="L34302" t="s">
        <v>120</v>
      </c>
      <c r="M34302" t="s">
        <v>83</v>
      </c>
      <c r="N34302" t="s">
        <v>84</v>
      </c>
      <c r="O34302" t="s">
        <v>85</v>
      </c>
      <c r="P34302" t="s">
        <v>86</v>
      </c>
      <c r="Q34302">
        <v>37</v>
      </c>
      <c r="R34302">
        <v>37</v>
      </c>
      <c r="S34302">
        <v>38</v>
      </c>
      <c r="T34302">
        <v>39</v>
      </c>
      <c r="U34302">
        <v>40</v>
      </c>
      <c r="V34302">
        <v>41</v>
      </c>
      <c r="W34302">
        <v>42</v>
      </c>
      <c r="X34302">
        <v>43</v>
      </c>
      <c r="Y34302">
        <v>43</v>
      </c>
      <c r="Z34302">
        <v>44</v>
      </c>
      <c r="AA34302">
        <v>45</v>
      </c>
      <c r="AB34302">
        <v>46</v>
      </c>
      <c r="AC34302">
        <v>47</v>
      </c>
      <c r="AD34302">
        <v>48</v>
      </c>
      <c r="AE34302">
        <v>48</v>
      </c>
      <c r="AF34302">
        <v>49</v>
      </c>
      <c r="AG34302">
        <v>50</v>
      </c>
      <c r="AH34302">
        <v>51</v>
      </c>
      <c r="AI34302">
        <v>52</v>
      </c>
      <c r="AJ34302">
        <v>53</v>
      </c>
      <c r="AK34302">
        <v>54</v>
      </c>
      <c r="AL34302">
        <v>54</v>
      </c>
      <c r="AM34302">
        <v>55</v>
      </c>
      <c r="AN34302">
        <v>55</v>
      </c>
      <c r="AO34302">
        <v>55</v>
      </c>
      <c r="AP34302">
        <v>56</v>
      </c>
      <c r="AQ34302">
        <v>56</v>
      </c>
    </row>
    <row r="34303" spans="1:43">
      <c r="A34303" t="s">
        <v>21247</v>
      </c>
      <c r="B34303" t="s">
        <v>21248</v>
      </c>
      <c r="C34303" t="s">
        <v>21239</v>
      </c>
      <c r="D34303" t="s">
        <v>21240</v>
      </c>
      <c r="E34303" t="s">
        <v>21139</v>
      </c>
      <c r="F34303" t="s">
        <v>21140</v>
      </c>
      <c r="G34303" t="s">
        <v>20255</v>
      </c>
      <c r="H34303" t="s">
        <v>20256</v>
      </c>
      <c r="I34303" s="2">
        <v>1</v>
      </c>
      <c r="J34303" s="2">
        <v>0</v>
      </c>
      <c r="K34303" s="2">
        <v>0</v>
      </c>
      <c r="L34303" t="s">
        <v>120</v>
      </c>
      <c r="M34303" t="s">
        <v>87</v>
      </c>
      <c r="N34303" t="s">
        <v>88</v>
      </c>
      <c r="O34303" t="s">
        <v>85</v>
      </c>
      <c r="P34303" t="s">
        <v>86</v>
      </c>
      <c r="Q34303">
        <v>37</v>
      </c>
      <c r="R34303">
        <v>38</v>
      </c>
      <c r="S34303">
        <v>38</v>
      </c>
      <c r="T34303">
        <v>39</v>
      </c>
      <c r="U34303">
        <v>39</v>
      </c>
      <c r="V34303">
        <v>40</v>
      </c>
      <c r="W34303">
        <v>40</v>
      </c>
      <c r="X34303">
        <v>41</v>
      </c>
      <c r="Y34303">
        <v>41</v>
      </c>
      <c r="Z34303">
        <v>42</v>
      </c>
      <c r="AA34303">
        <v>42</v>
      </c>
      <c r="AB34303">
        <v>43</v>
      </c>
      <c r="AC34303">
        <v>43</v>
      </c>
      <c r="AD34303">
        <v>44</v>
      </c>
      <c r="AE34303">
        <v>44</v>
      </c>
      <c r="AF34303">
        <v>45</v>
      </c>
      <c r="AG34303">
        <v>45</v>
      </c>
      <c r="AH34303">
        <v>46</v>
      </c>
      <c r="AI34303">
        <v>46</v>
      </c>
      <c r="AJ34303">
        <v>47</v>
      </c>
      <c r="AK34303">
        <v>47</v>
      </c>
      <c r="AL34303">
        <v>48</v>
      </c>
      <c r="AM34303">
        <v>48</v>
      </c>
      <c r="AN34303">
        <v>49</v>
      </c>
      <c r="AO34303">
        <v>49</v>
      </c>
      <c r="AP34303">
        <v>50</v>
      </c>
      <c r="AQ34303">
        <v>50</v>
      </c>
    </row>
    <row r="34304" spans="1:43">
      <c r="A34304" t="s">
        <v>21247</v>
      </c>
      <c r="B34304" t="s">
        <v>21248</v>
      </c>
      <c r="C34304" t="s">
        <v>21239</v>
      </c>
      <c r="D34304" t="s">
        <v>21240</v>
      </c>
      <c r="E34304" t="s">
        <v>21139</v>
      </c>
      <c r="F34304" t="s">
        <v>21140</v>
      </c>
      <c r="G34304" t="s">
        <v>20255</v>
      </c>
      <c r="H34304" t="s">
        <v>20256</v>
      </c>
      <c r="I34304" s="2">
        <v>1</v>
      </c>
      <c r="J34304" s="2">
        <v>0</v>
      </c>
      <c r="K34304" s="2">
        <v>0</v>
      </c>
      <c r="L34304" t="s">
        <v>120</v>
      </c>
      <c r="M34304" t="s">
        <v>89</v>
      </c>
      <c r="N34304" t="s">
        <v>90</v>
      </c>
      <c r="O34304" t="s">
        <v>85</v>
      </c>
      <c r="P34304" t="s">
        <v>86</v>
      </c>
      <c r="Q34304">
        <v>37</v>
      </c>
      <c r="R34304">
        <v>38</v>
      </c>
      <c r="S34304">
        <v>39</v>
      </c>
      <c r="T34304">
        <v>40</v>
      </c>
      <c r="U34304">
        <v>42</v>
      </c>
      <c r="V34304">
        <v>43</v>
      </c>
      <c r="W34304">
        <v>44</v>
      </c>
      <c r="X34304">
        <v>45</v>
      </c>
      <c r="Y34304">
        <v>46</v>
      </c>
      <c r="Z34304">
        <v>47</v>
      </c>
      <c r="AA34304">
        <v>48</v>
      </c>
      <c r="AB34304">
        <v>49</v>
      </c>
      <c r="AC34304">
        <v>50</v>
      </c>
      <c r="AD34304">
        <v>51</v>
      </c>
      <c r="AE34304">
        <v>52</v>
      </c>
      <c r="AF34304">
        <v>52</v>
      </c>
      <c r="AG34304">
        <v>52</v>
      </c>
      <c r="AH34304">
        <v>53</v>
      </c>
      <c r="AI34304">
        <v>53</v>
      </c>
      <c r="AJ34304">
        <v>54</v>
      </c>
      <c r="AK34304">
        <v>54</v>
      </c>
      <c r="AL34304">
        <v>54</v>
      </c>
      <c r="AM34304">
        <v>55</v>
      </c>
      <c r="AN34304">
        <v>55</v>
      </c>
      <c r="AO34304">
        <v>56</v>
      </c>
      <c r="AP34304">
        <v>56</v>
      </c>
      <c r="AQ34304">
        <v>56</v>
      </c>
    </row>
    <row r="34305" spans="1:43">
      <c r="A34305" t="s">
        <v>21247</v>
      </c>
      <c r="B34305" t="s">
        <v>21248</v>
      </c>
      <c r="C34305" t="s">
        <v>21239</v>
      </c>
      <c r="D34305" t="s">
        <v>21240</v>
      </c>
      <c r="E34305" t="s">
        <v>21139</v>
      </c>
      <c r="F34305" t="s">
        <v>21140</v>
      </c>
      <c r="G34305" t="s">
        <v>20255</v>
      </c>
      <c r="H34305" t="s">
        <v>20256</v>
      </c>
      <c r="I34305" s="2">
        <v>1</v>
      </c>
      <c r="J34305" s="2">
        <v>0</v>
      </c>
      <c r="K34305" s="2">
        <v>0</v>
      </c>
      <c r="L34305" t="s">
        <v>120</v>
      </c>
      <c r="M34305" t="s">
        <v>83</v>
      </c>
      <c r="N34305" t="s">
        <v>91</v>
      </c>
      <c r="O34305" t="s">
        <v>85</v>
      </c>
      <c r="P34305" t="s">
        <v>86</v>
      </c>
      <c r="Q34305">
        <v>37</v>
      </c>
      <c r="R34305">
        <v>37</v>
      </c>
      <c r="S34305">
        <v>38</v>
      </c>
      <c r="T34305">
        <v>39</v>
      </c>
      <c r="U34305">
        <v>40</v>
      </c>
      <c r="V34305">
        <v>41</v>
      </c>
      <c r="W34305">
        <v>42</v>
      </c>
      <c r="X34305">
        <v>43</v>
      </c>
      <c r="Y34305">
        <v>43</v>
      </c>
      <c r="Z34305">
        <v>44</v>
      </c>
      <c r="AA34305">
        <v>45</v>
      </c>
      <c r="AB34305">
        <v>46</v>
      </c>
      <c r="AC34305">
        <v>47</v>
      </c>
      <c r="AD34305">
        <v>48</v>
      </c>
      <c r="AE34305">
        <v>48</v>
      </c>
      <c r="AF34305">
        <v>49</v>
      </c>
      <c r="AG34305">
        <v>50</v>
      </c>
      <c r="AH34305">
        <v>51</v>
      </c>
      <c r="AI34305">
        <v>52</v>
      </c>
      <c r="AJ34305">
        <v>53</v>
      </c>
      <c r="AK34305">
        <v>54</v>
      </c>
      <c r="AL34305">
        <v>54</v>
      </c>
      <c r="AM34305">
        <v>55</v>
      </c>
      <c r="AN34305">
        <v>55</v>
      </c>
      <c r="AO34305">
        <v>55</v>
      </c>
      <c r="AP34305">
        <v>56</v>
      </c>
      <c r="AQ34305">
        <v>56</v>
      </c>
    </row>
    <row r="34306" spans="1:43">
      <c r="A34306" t="s">
        <v>21249</v>
      </c>
      <c r="B34306" t="s">
        <v>21250</v>
      </c>
      <c r="C34306" t="s">
        <v>21239</v>
      </c>
      <c r="D34306" t="s">
        <v>21240</v>
      </c>
      <c r="E34306" t="s">
        <v>21139</v>
      </c>
      <c r="F34306" t="s">
        <v>21140</v>
      </c>
      <c r="G34306" t="s">
        <v>20255</v>
      </c>
      <c r="H34306" t="s">
        <v>20256</v>
      </c>
      <c r="I34306" s="2">
        <v>1</v>
      </c>
      <c r="J34306" s="2">
        <v>0</v>
      </c>
      <c r="K34306" s="2">
        <v>0</v>
      </c>
      <c r="L34306" t="s">
        <v>120</v>
      </c>
      <c r="M34306" t="s">
        <v>83</v>
      </c>
      <c r="N34306" t="s">
        <v>84</v>
      </c>
      <c r="O34306" t="s">
        <v>85</v>
      </c>
      <c r="P34306" t="s">
        <v>86</v>
      </c>
      <c r="Q34306">
        <v>10</v>
      </c>
      <c r="R34306">
        <v>10</v>
      </c>
      <c r="S34306">
        <v>10</v>
      </c>
      <c r="T34306">
        <v>10</v>
      </c>
      <c r="U34306">
        <v>11</v>
      </c>
      <c r="V34306">
        <v>11</v>
      </c>
      <c r="W34306">
        <v>11</v>
      </c>
      <c r="X34306">
        <v>11</v>
      </c>
      <c r="Y34306">
        <v>12</v>
      </c>
      <c r="Z34306">
        <v>12</v>
      </c>
      <c r="AA34306">
        <v>12</v>
      </c>
      <c r="AB34306">
        <v>12</v>
      </c>
      <c r="AC34306">
        <v>12</v>
      </c>
      <c r="AD34306">
        <v>13</v>
      </c>
      <c r="AE34306">
        <v>13</v>
      </c>
      <c r="AF34306">
        <v>13</v>
      </c>
      <c r="AG34306">
        <v>13</v>
      </c>
      <c r="AH34306">
        <v>14</v>
      </c>
      <c r="AI34306">
        <v>14</v>
      </c>
      <c r="AJ34306">
        <v>14</v>
      </c>
      <c r="AK34306">
        <v>14</v>
      </c>
      <c r="AL34306">
        <v>14</v>
      </c>
      <c r="AM34306">
        <v>15</v>
      </c>
      <c r="AN34306">
        <v>15</v>
      </c>
      <c r="AO34306">
        <v>15</v>
      </c>
      <c r="AP34306">
        <v>15</v>
      </c>
      <c r="AQ34306">
        <v>15</v>
      </c>
    </row>
    <row r="34307" spans="1:43">
      <c r="A34307" t="s">
        <v>21249</v>
      </c>
      <c r="B34307" t="s">
        <v>21250</v>
      </c>
      <c r="C34307" t="s">
        <v>21239</v>
      </c>
      <c r="D34307" t="s">
        <v>21240</v>
      </c>
      <c r="E34307" t="s">
        <v>21139</v>
      </c>
      <c r="F34307" t="s">
        <v>21140</v>
      </c>
      <c r="G34307" t="s">
        <v>20255</v>
      </c>
      <c r="H34307" t="s">
        <v>20256</v>
      </c>
      <c r="I34307" s="2">
        <v>1</v>
      </c>
      <c r="J34307" s="2">
        <v>0</v>
      </c>
      <c r="K34307" s="2">
        <v>0</v>
      </c>
      <c r="L34307" t="s">
        <v>120</v>
      </c>
      <c r="M34307" t="s">
        <v>87</v>
      </c>
      <c r="N34307" t="s">
        <v>88</v>
      </c>
      <c r="O34307" t="s">
        <v>85</v>
      </c>
      <c r="P34307" t="s">
        <v>86</v>
      </c>
      <c r="Q34307">
        <v>10</v>
      </c>
      <c r="R34307">
        <v>10</v>
      </c>
      <c r="S34307">
        <v>10</v>
      </c>
      <c r="T34307">
        <v>10</v>
      </c>
      <c r="U34307">
        <v>10</v>
      </c>
      <c r="V34307">
        <v>10</v>
      </c>
      <c r="W34307">
        <v>10</v>
      </c>
      <c r="X34307">
        <v>11</v>
      </c>
      <c r="Y34307">
        <v>11</v>
      </c>
      <c r="Z34307">
        <v>11</v>
      </c>
      <c r="AA34307">
        <v>11</v>
      </c>
      <c r="AB34307">
        <v>11</v>
      </c>
      <c r="AC34307">
        <v>11</v>
      </c>
      <c r="AD34307">
        <v>11</v>
      </c>
      <c r="AE34307">
        <v>11</v>
      </c>
      <c r="AF34307">
        <v>12</v>
      </c>
      <c r="AG34307">
        <v>12</v>
      </c>
      <c r="AH34307">
        <v>12</v>
      </c>
      <c r="AI34307">
        <v>12</v>
      </c>
      <c r="AJ34307">
        <v>12</v>
      </c>
      <c r="AK34307">
        <v>12</v>
      </c>
      <c r="AL34307">
        <v>12</v>
      </c>
      <c r="AM34307">
        <v>13</v>
      </c>
      <c r="AN34307">
        <v>13</v>
      </c>
      <c r="AO34307">
        <v>13</v>
      </c>
      <c r="AP34307">
        <v>13</v>
      </c>
      <c r="AQ34307">
        <v>13</v>
      </c>
    </row>
    <row r="34308" spans="1:43">
      <c r="A34308" t="s">
        <v>21249</v>
      </c>
      <c r="B34308" t="s">
        <v>21250</v>
      </c>
      <c r="C34308" t="s">
        <v>21239</v>
      </c>
      <c r="D34308" t="s">
        <v>21240</v>
      </c>
      <c r="E34308" t="s">
        <v>21139</v>
      </c>
      <c r="F34308" t="s">
        <v>21140</v>
      </c>
      <c r="G34308" t="s">
        <v>20255</v>
      </c>
      <c r="H34308" t="s">
        <v>20256</v>
      </c>
      <c r="I34308" s="2">
        <v>1</v>
      </c>
      <c r="J34308" s="2">
        <v>0</v>
      </c>
      <c r="K34308" s="2">
        <v>0</v>
      </c>
      <c r="L34308" t="s">
        <v>120</v>
      </c>
      <c r="M34308" t="s">
        <v>89</v>
      </c>
      <c r="N34308" t="s">
        <v>90</v>
      </c>
      <c r="O34308" t="s">
        <v>85</v>
      </c>
      <c r="P34308" t="s">
        <v>86</v>
      </c>
      <c r="Q34308">
        <v>10</v>
      </c>
      <c r="R34308">
        <v>10</v>
      </c>
      <c r="S34308">
        <v>10</v>
      </c>
      <c r="T34308">
        <v>11</v>
      </c>
      <c r="U34308">
        <v>11</v>
      </c>
      <c r="V34308">
        <v>11</v>
      </c>
      <c r="W34308">
        <v>12</v>
      </c>
      <c r="X34308">
        <v>12</v>
      </c>
      <c r="Y34308">
        <v>12</v>
      </c>
      <c r="Z34308">
        <v>12</v>
      </c>
      <c r="AA34308">
        <v>13</v>
      </c>
      <c r="AB34308">
        <v>13</v>
      </c>
      <c r="AC34308">
        <v>13</v>
      </c>
      <c r="AD34308">
        <v>14</v>
      </c>
      <c r="AE34308">
        <v>14</v>
      </c>
      <c r="AF34308">
        <v>14</v>
      </c>
      <c r="AG34308">
        <v>14</v>
      </c>
      <c r="AH34308">
        <v>14</v>
      </c>
      <c r="AI34308">
        <v>14</v>
      </c>
      <c r="AJ34308">
        <v>14</v>
      </c>
      <c r="AK34308">
        <v>14</v>
      </c>
      <c r="AL34308">
        <v>15</v>
      </c>
      <c r="AM34308">
        <v>15</v>
      </c>
      <c r="AN34308">
        <v>15</v>
      </c>
      <c r="AO34308">
        <v>15</v>
      </c>
      <c r="AP34308">
        <v>15</v>
      </c>
      <c r="AQ34308">
        <v>15</v>
      </c>
    </row>
    <row r="34309" spans="1:43">
      <c r="A34309" t="s">
        <v>21249</v>
      </c>
      <c r="B34309" t="s">
        <v>21250</v>
      </c>
      <c r="C34309" t="s">
        <v>21239</v>
      </c>
      <c r="D34309" t="s">
        <v>21240</v>
      </c>
      <c r="E34309" t="s">
        <v>21139</v>
      </c>
      <c r="F34309" t="s">
        <v>21140</v>
      </c>
      <c r="G34309" t="s">
        <v>20255</v>
      </c>
      <c r="H34309" t="s">
        <v>20256</v>
      </c>
      <c r="I34309" s="2">
        <v>1</v>
      </c>
      <c r="J34309" s="2">
        <v>0</v>
      </c>
      <c r="K34309" s="2">
        <v>0</v>
      </c>
      <c r="L34309" t="s">
        <v>120</v>
      </c>
      <c r="M34309" t="s">
        <v>83</v>
      </c>
      <c r="N34309" t="s">
        <v>91</v>
      </c>
      <c r="O34309" t="s">
        <v>85</v>
      </c>
      <c r="P34309" t="s">
        <v>86</v>
      </c>
      <c r="Q34309">
        <v>10</v>
      </c>
      <c r="R34309">
        <v>10</v>
      </c>
      <c r="S34309">
        <v>10</v>
      </c>
      <c r="T34309">
        <v>10</v>
      </c>
      <c r="U34309">
        <v>11</v>
      </c>
      <c r="V34309">
        <v>11</v>
      </c>
      <c r="W34309">
        <v>11</v>
      </c>
      <c r="X34309">
        <v>11</v>
      </c>
      <c r="Y34309">
        <v>12</v>
      </c>
      <c r="Z34309">
        <v>12</v>
      </c>
      <c r="AA34309">
        <v>12</v>
      </c>
      <c r="AB34309">
        <v>12</v>
      </c>
      <c r="AC34309">
        <v>12</v>
      </c>
      <c r="AD34309">
        <v>13</v>
      </c>
      <c r="AE34309">
        <v>13</v>
      </c>
      <c r="AF34309">
        <v>13</v>
      </c>
      <c r="AG34309">
        <v>13</v>
      </c>
      <c r="AH34309">
        <v>14</v>
      </c>
      <c r="AI34309">
        <v>14</v>
      </c>
      <c r="AJ34309">
        <v>14</v>
      </c>
      <c r="AK34309">
        <v>14</v>
      </c>
      <c r="AL34309">
        <v>14</v>
      </c>
      <c r="AM34309">
        <v>15</v>
      </c>
      <c r="AN34309">
        <v>15</v>
      </c>
      <c r="AO34309">
        <v>15</v>
      </c>
      <c r="AP34309">
        <v>15</v>
      </c>
      <c r="AQ34309">
        <v>15</v>
      </c>
    </row>
    <row r="34310" spans="1:43">
      <c r="A34310" t="s">
        <v>21251</v>
      </c>
      <c r="B34310" t="s">
        <v>21252</v>
      </c>
      <c r="C34310" t="s">
        <v>21253</v>
      </c>
      <c r="D34310" t="s">
        <v>21254</v>
      </c>
      <c r="E34310" t="s">
        <v>21139</v>
      </c>
      <c r="F34310" t="s">
        <v>21140</v>
      </c>
      <c r="G34310" t="s">
        <v>20255</v>
      </c>
      <c r="H34310" t="s">
        <v>20256</v>
      </c>
      <c r="I34310" s="2">
        <v>1</v>
      </c>
      <c r="J34310" s="2">
        <v>0</v>
      </c>
      <c r="K34310" s="2">
        <v>0</v>
      </c>
      <c r="L34310" t="s">
        <v>120</v>
      </c>
      <c r="M34310" t="s">
        <v>83</v>
      </c>
      <c r="N34310" t="s">
        <v>84</v>
      </c>
      <c r="O34310" t="s">
        <v>85</v>
      </c>
      <c r="P34310" t="s">
        <v>86</v>
      </c>
      <c r="Q34310">
        <v>3</v>
      </c>
      <c r="R34310">
        <v>3</v>
      </c>
      <c r="S34310">
        <v>3</v>
      </c>
      <c r="T34310">
        <v>3</v>
      </c>
      <c r="U34310">
        <v>3</v>
      </c>
      <c r="V34310">
        <v>3</v>
      </c>
      <c r="W34310">
        <v>3</v>
      </c>
      <c r="X34310">
        <v>3</v>
      </c>
      <c r="Y34310">
        <v>3</v>
      </c>
      <c r="Z34310">
        <v>3</v>
      </c>
      <c r="AA34310">
        <v>3</v>
      </c>
      <c r="AB34310">
        <v>3</v>
      </c>
      <c r="AC34310">
        <v>3</v>
      </c>
      <c r="AD34310">
        <v>4</v>
      </c>
      <c r="AE34310">
        <v>4</v>
      </c>
      <c r="AF34310">
        <v>4</v>
      </c>
      <c r="AG34310">
        <v>4</v>
      </c>
      <c r="AH34310">
        <v>4</v>
      </c>
      <c r="AI34310">
        <v>4</v>
      </c>
      <c r="AJ34310">
        <v>4</v>
      </c>
      <c r="AK34310">
        <v>4</v>
      </c>
      <c r="AL34310">
        <v>4</v>
      </c>
      <c r="AM34310">
        <v>4</v>
      </c>
      <c r="AN34310">
        <v>4</v>
      </c>
      <c r="AO34310">
        <v>4</v>
      </c>
      <c r="AP34310">
        <v>4</v>
      </c>
      <c r="AQ34310">
        <v>4</v>
      </c>
    </row>
    <row r="34311" spans="1:43">
      <c r="A34311" t="s">
        <v>21251</v>
      </c>
      <c r="B34311" t="s">
        <v>21252</v>
      </c>
      <c r="C34311" t="s">
        <v>21253</v>
      </c>
      <c r="D34311" t="s">
        <v>21254</v>
      </c>
      <c r="E34311" t="s">
        <v>21139</v>
      </c>
      <c r="F34311" t="s">
        <v>21140</v>
      </c>
      <c r="G34311" t="s">
        <v>20255</v>
      </c>
      <c r="H34311" t="s">
        <v>20256</v>
      </c>
      <c r="I34311" s="2">
        <v>1</v>
      </c>
      <c r="J34311" s="2">
        <v>0</v>
      </c>
      <c r="K34311" s="2">
        <v>0</v>
      </c>
      <c r="L34311" t="s">
        <v>120</v>
      </c>
      <c r="M34311" t="s">
        <v>87</v>
      </c>
      <c r="N34311" t="s">
        <v>88</v>
      </c>
      <c r="O34311" t="s">
        <v>85</v>
      </c>
      <c r="P34311" t="s">
        <v>86</v>
      </c>
      <c r="Q34311">
        <v>3</v>
      </c>
      <c r="R34311">
        <v>3</v>
      </c>
      <c r="S34311">
        <v>3</v>
      </c>
      <c r="T34311">
        <v>3</v>
      </c>
      <c r="U34311">
        <v>3</v>
      </c>
      <c r="V34311">
        <v>3</v>
      </c>
      <c r="W34311">
        <v>3</v>
      </c>
      <c r="X34311">
        <v>3</v>
      </c>
      <c r="Y34311">
        <v>3</v>
      </c>
      <c r="Z34311">
        <v>3</v>
      </c>
      <c r="AA34311">
        <v>3</v>
      </c>
      <c r="AB34311">
        <v>3</v>
      </c>
      <c r="AC34311">
        <v>3</v>
      </c>
      <c r="AD34311">
        <v>3</v>
      </c>
      <c r="AE34311">
        <v>3</v>
      </c>
      <c r="AF34311">
        <v>3</v>
      </c>
      <c r="AG34311">
        <v>3</v>
      </c>
      <c r="AH34311">
        <v>3</v>
      </c>
      <c r="AI34311">
        <v>3</v>
      </c>
      <c r="AJ34311">
        <v>3</v>
      </c>
      <c r="AK34311">
        <v>3</v>
      </c>
      <c r="AL34311">
        <v>3</v>
      </c>
      <c r="AM34311">
        <v>4</v>
      </c>
      <c r="AN34311">
        <v>4</v>
      </c>
      <c r="AO34311">
        <v>4</v>
      </c>
      <c r="AP34311">
        <v>4</v>
      </c>
      <c r="AQ34311">
        <v>4</v>
      </c>
    </row>
    <row r="34312" spans="1:43">
      <c r="A34312" t="s">
        <v>21251</v>
      </c>
      <c r="B34312" t="s">
        <v>21252</v>
      </c>
      <c r="C34312" t="s">
        <v>21253</v>
      </c>
      <c r="D34312" t="s">
        <v>21254</v>
      </c>
      <c r="E34312" t="s">
        <v>21139</v>
      </c>
      <c r="F34312" t="s">
        <v>21140</v>
      </c>
      <c r="G34312" t="s">
        <v>20255</v>
      </c>
      <c r="H34312" t="s">
        <v>20256</v>
      </c>
      <c r="I34312" s="2">
        <v>1</v>
      </c>
      <c r="J34312" s="2">
        <v>0</v>
      </c>
      <c r="K34312" s="2">
        <v>0</v>
      </c>
      <c r="L34312" t="s">
        <v>120</v>
      </c>
      <c r="M34312" t="s">
        <v>89</v>
      </c>
      <c r="N34312" t="s">
        <v>90</v>
      </c>
      <c r="O34312" t="s">
        <v>85</v>
      </c>
      <c r="P34312" t="s">
        <v>86</v>
      </c>
      <c r="Q34312">
        <v>3</v>
      </c>
      <c r="R34312">
        <v>3</v>
      </c>
      <c r="S34312">
        <v>3</v>
      </c>
      <c r="T34312">
        <v>3</v>
      </c>
      <c r="U34312">
        <v>3</v>
      </c>
      <c r="V34312">
        <v>3</v>
      </c>
      <c r="W34312">
        <v>3</v>
      </c>
      <c r="X34312">
        <v>3</v>
      </c>
      <c r="Y34312">
        <v>3</v>
      </c>
      <c r="Z34312">
        <v>4</v>
      </c>
      <c r="AA34312">
        <v>4</v>
      </c>
      <c r="AB34312">
        <v>4</v>
      </c>
      <c r="AC34312">
        <v>4</v>
      </c>
      <c r="AD34312">
        <v>4</v>
      </c>
      <c r="AE34312">
        <v>4</v>
      </c>
      <c r="AF34312">
        <v>4</v>
      </c>
      <c r="AG34312">
        <v>4</v>
      </c>
      <c r="AH34312">
        <v>4</v>
      </c>
      <c r="AI34312">
        <v>4</v>
      </c>
      <c r="AJ34312">
        <v>4</v>
      </c>
      <c r="AK34312">
        <v>4</v>
      </c>
      <c r="AL34312">
        <v>4</v>
      </c>
      <c r="AM34312">
        <v>4</v>
      </c>
      <c r="AN34312">
        <v>4</v>
      </c>
      <c r="AO34312">
        <v>4</v>
      </c>
      <c r="AP34312">
        <v>4</v>
      </c>
      <c r="AQ34312">
        <v>4</v>
      </c>
    </row>
    <row r="34313" spans="1:43">
      <c r="A34313" t="s">
        <v>21251</v>
      </c>
      <c r="B34313" t="s">
        <v>21252</v>
      </c>
      <c r="C34313" t="s">
        <v>21253</v>
      </c>
      <c r="D34313" t="s">
        <v>21254</v>
      </c>
      <c r="E34313" t="s">
        <v>21139</v>
      </c>
      <c r="F34313" t="s">
        <v>21140</v>
      </c>
      <c r="G34313" t="s">
        <v>20255</v>
      </c>
      <c r="H34313" t="s">
        <v>20256</v>
      </c>
      <c r="I34313" s="2">
        <v>1</v>
      </c>
      <c r="J34313" s="2">
        <v>0</v>
      </c>
      <c r="K34313" s="2">
        <v>0</v>
      </c>
      <c r="L34313" t="s">
        <v>120</v>
      </c>
      <c r="M34313" t="s">
        <v>83</v>
      </c>
      <c r="N34313" t="s">
        <v>91</v>
      </c>
      <c r="O34313" t="s">
        <v>85</v>
      </c>
      <c r="P34313" t="s">
        <v>86</v>
      </c>
      <c r="Q34313">
        <v>3</v>
      </c>
      <c r="R34313">
        <v>3</v>
      </c>
      <c r="S34313">
        <v>3</v>
      </c>
      <c r="T34313">
        <v>3</v>
      </c>
      <c r="U34313">
        <v>3</v>
      </c>
      <c r="V34313">
        <v>3</v>
      </c>
      <c r="W34313">
        <v>3</v>
      </c>
      <c r="X34313">
        <v>3</v>
      </c>
      <c r="Y34313">
        <v>3</v>
      </c>
      <c r="Z34313">
        <v>3</v>
      </c>
      <c r="AA34313">
        <v>3</v>
      </c>
      <c r="AB34313">
        <v>3</v>
      </c>
      <c r="AC34313">
        <v>3</v>
      </c>
      <c r="AD34313">
        <v>4</v>
      </c>
      <c r="AE34313">
        <v>4</v>
      </c>
      <c r="AF34313">
        <v>4</v>
      </c>
      <c r="AG34313">
        <v>4</v>
      </c>
      <c r="AH34313">
        <v>4</v>
      </c>
      <c r="AI34313">
        <v>4</v>
      </c>
      <c r="AJ34313">
        <v>4</v>
      </c>
      <c r="AK34313">
        <v>4</v>
      </c>
      <c r="AL34313">
        <v>4</v>
      </c>
      <c r="AM34313">
        <v>4</v>
      </c>
      <c r="AN34313">
        <v>4</v>
      </c>
      <c r="AO34313">
        <v>4</v>
      </c>
      <c r="AP34313">
        <v>4</v>
      </c>
      <c r="AQ34313">
        <v>4</v>
      </c>
    </row>
    <row r="34314" spans="1:43">
      <c r="A34314" t="s">
        <v>21255</v>
      </c>
      <c r="B34314" t="s">
        <v>21256</v>
      </c>
      <c r="C34314" t="s">
        <v>21253</v>
      </c>
      <c r="D34314" t="s">
        <v>21254</v>
      </c>
      <c r="E34314" t="s">
        <v>21139</v>
      </c>
      <c r="F34314" t="s">
        <v>21140</v>
      </c>
      <c r="G34314" t="s">
        <v>20255</v>
      </c>
      <c r="H34314" t="s">
        <v>20256</v>
      </c>
      <c r="I34314" s="2">
        <v>1</v>
      </c>
      <c r="J34314" s="2">
        <v>0</v>
      </c>
      <c r="K34314" s="2">
        <v>0</v>
      </c>
      <c r="L34314" t="s">
        <v>120</v>
      </c>
      <c r="M34314" t="s">
        <v>83</v>
      </c>
      <c r="N34314" t="s">
        <v>84</v>
      </c>
      <c r="O34314" t="s">
        <v>85</v>
      </c>
      <c r="P34314" t="s">
        <v>86</v>
      </c>
      <c r="Q34314">
        <v>9</v>
      </c>
      <c r="R34314">
        <v>9</v>
      </c>
      <c r="S34314">
        <v>9</v>
      </c>
      <c r="T34314">
        <v>9</v>
      </c>
      <c r="U34314">
        <v>9</v>
      </c>
      <c r="V34314">
        <v>10</v>
      </c>
      <c r="W34314">
        <v>10</v>
      </c>
      <c r="X34314">
        <v>10</v>
      </c>
      <c r="Y34314">
        <v>10</v>
      </c>
      <c r="Z34314">
        <v>10</v>
      </c>
      <c r="AA34314">
        <v>11</v>
      </c>
      <c r="AB34314">
        <v>11</v>
      </c>
      <c r="AC34314">
        <v>11</v>
      </c>
      <c r="AD34314">
        <v>11</v>
      </c>
      <c r="AE34314">
        <v>11</v>
      </c>
      <c r="AF34314">
        <v>12</v>
      </c>
      <c r="AG34314">
        <v>12</v>
      </c>
      <c r="AH34314">
        <v>12</v>
      </c>
      <c r="AI34314">
        <v>12</v>
      </c>
      <c r="AJ34314">
        <v>12</v>
      </c>
      <c r="AK34314">
        <v>13</v>
      </c>
      <c r="AL34314">
        <v>13</v>
      </c>
      <c r="AM34314">
        <v>13</v>
      </c>
      <c r="AN34314">
        <v>13</v>
      </c>
      <c r="AO34314">
        <v>13</v>
      </c>
      <c r="AP34314">
        <v>13</v>
      </c>
      <c r="AQ34314">
        <v>13</v>
      </c>
    </row>
    <row r="34315" spans="1:43">
      <c r="A34315" t="s">
        <v>21255</v>
      </c>
      <c r="B34315" t="s">
        <v>21256</v>
      </c>
      <c r="C34315" t="s">
        <v>21253</v>
      </c>
      <c r="D34315" t="s">
        <v>21254</v>
      </c>
      <c r="E34315" t="s">
        <v>21139</v>
      </c>
      <c r="F34315" t="s">
        <v>21140</v>
      </c>
      <c r="G34315" t="s">
        <v>20255</v>
      </c>
      <c r="H34315" t="s">
        <v>20256</v>
      </c>
      <c r="I34315" s="2">
        <v>1</v>
      </c>
      <c r="J34315" s="2">
        <v>0</v>
      </c>
      <c r="K34315" s="2">
        <v>0</v>
      </c>
      <c r="L34315" t="s">
        <v>120</v>
      </c>
      <c r="M34315" t="s">
        <v>87</v>
      </c>
      <c r="N34315" t="s">
        <v>88</v>
      </c>
      <c r="O34315" t="s">
        <v>85</v>
      </c>
      <c r="P34315" t="s">
        <v>86</v>
      </c>
      <c r="Q34315">
        <v>9</v>
      </c>
      <c r="R34315">
        <v>9</v>
      </c>
      <c r="S34315">
        <v>9</v>
      </c>
      <c r="T34315">
        <v>9</v>
      </c>
      <c r="U34315">
        <v>9</v>
      </c>
      <c r="V34315">
        <v>9</v>
      </c>
      <c r="W34315">
        <v>9</v>
      </c>
      <c r="X34315">
        <v>9</v>
      </c>
      <c r="Y34315">
        <v>9</v>
      </c>
      <c r="Z34315">
        <v>10</v>
      </c>
      <c r="AA34315">
        <v>10</v>
      </c>
      <c r="AB34315">
        <v>10</v>
      </c>
      <c r="AC34315">
        <v>10</v>
      </c>
      <c r="AD34315">
        <v>10</v>
      </c>
      <c r="AE34315">
        <v>10</v>
      </c>
      <c r="AF34315">
        <v>10</v>
      </c>
      <c r="AG34315">
        <v>10</v>
      </c>
      <c r="AH34315">
        <v>10</v>
      </c>
      <c r="AI34315">
        <v>11</v>
      </c>
      <c r="AJ34315">
        <v>11</v>
      </c>
      <c r="AK34315">
        <v>11</v>
      </c>
      <c r="AL34315">
        <v>11</v>
      </c>
      <c r="AM34315">
        <v>11</v>
      </c>
      <c r="AN34315">
        <v>11</v>
      </c>
      <c r="AO34315">
        <v>11</v>
      </c>
      <c r="AP34315">
        <v>11</v>
      </c>
      <c r="AQ34315">
        <v>12</v>
      </c>
    </row>
    <row r="34316" spans="1:43">
      <c r="A34316" t="s">
        <v>21255</v>
      </c>
      <c r="B34316" t="s">
        <v>21256</v>
      </c>
      <c r="C34316" t="s">
        <v>21253</v>
      </c>
      <c r="D34316" t="s">
        <v>21254</v>
      </c>
      <c r="E34316" t="s">
        <v>21139</v>
      </c>
      <c r="F34316" t="s">
        <v>21140</v>
      </c>
      <c r="G34316" t="s">
        <v>20255</v>
      </c>
      <c r="H34316" t="s">
        <v>20256</v>
      </c>
      <c r="I34316" s="2">
        <v>1</v>
      </c>
      <c r="J34316" s="2">
        <v>0</v>
      </c>
      <c r="K34316" s="2">
        <v>0</v>
      </c>
      <c r="L34316" t="s">
        <v>120</v>
      </c>
      <c r="M34316" t="s">
        <v>89</v>
      </c>
      <c r="N34316" t="s">
        <v>90</v>
      </c>
      <c r="O34316" t="s">
        <v>85</v>
      </c>
      <c r="P34316" t="s">
        <v>86</v>
      </c>
      <c r="Q34316">
        <v>9</v>
      </c>
      <c r="R34316">
        <v>9</v>
      </c>
      <c r="S34316">
        <v>9</v>
      </c>
      <c r="T34316">
        <v>10</v>
      </c>
      <c r="U34316">
        <v>10</v>
      </c>
      <c r="V34316">
        <v>10</v>
      </c>
      <c r="W34316">
        <v>10</v>
      </c>
      <c r="X34316">
        <v>11</v>
      </c>
      <c r="Y34316">
        <v>11</v>
      </c>
      <c r="Z34316">
        <v>11</v>
      </c>
      <c r="AA34316">
        <v>11</v>
      </c>
      <c r="AB34316">
        <v>11</v>
      </c>
      <c r="AC34316">
        <v>12</v>
      </c>
      <c r="AD34316">
        <v>12</v>
      </c>
      <c r="AE34316">
        <v>12</v>
      </c>
      <c r="AF34316">
        <v>12</v>
      </c>
      <c r="AG34316">
        <v>12</v>
      </c>
      <c r="AH34316">
        <v>12</v>
      </c>
      <c r="AI34316">
        <v>13</v>
      </c>
      <c r="AJ34316">
        <v>13</v>
      </c>
      <c r="AK34316">
        <v>13</v>
      </c>
      <c r="AL34316">
        <v>13</v>
      </c>
      <c r="AM34316">
        <v>13</v>
      </c>
      <c r="AN34316">
        <v>13</v>
      </c>
      <c r="AO34316">
        <v>13</v>
      </c>
      <c r="AP34316">
        <v>13</v>
      </c>
      <c r="AQ34316">
        <v>13</v>
      </c>
    </row>
    <row r="34317" spans="1:43">
      <c r="A34317" t="s">
        <v>21255</v>
      </c>
      <c r="B34317" t="s">
        <v>21256</v>
      </c>
      <c r="C34317" t="s">
        <v>21253</v>
      </c>
      <c r="D34317" t="s">
        <v>21254</v>
      </c>
      <c r="E34317" t="s">
        <v>21139</v>
      </c>
      <c r="F34317" t="s">
        <v>21140</v>
      </c>
      <c r="G34317" t="s">
        <v>20255</v>
      </c>
      <c r="H34317" t="s">
        <v>20256</v>
      </c>
      <c r="I34317" s="2">
        <v>1</v>
      </c>
      <c r="J34317" s="2">
        <v>0</v>
      </c>
      <c r="K34317" s="2">
        <v>0</v>
      </c>
      <c r="L34317" t="s">
        <v>120</v>
      </c>
      <c r="M34317" t="s">
        <v>83</v>
      </c>
      <c r="N34317" t="s">
        <v>91</v>
      </c>
      <c r="O34317" t="s">
        <v>85</v>
      </c>
      <c r="P34317" t="s">
        <v>86</v>
      </c>
      <c r="Q34317">
        <v>9</v>
      </c>
      <c r="R34317">
        <v>9</v>
      </c>
      <c r="S34317">
        <v>9</v>
      </c>
      <c r="T34317">
        <v>9</v>
      </c>
      <c r="U34317">
        <v>9</v>
      </c>
      <c r="V34317">
        <v>10</v>
      </c>
      <c r="W34317">
        <v>10</v>
      </c>
      <c r="X34317">
        <v>10</v>
      </c>
      <c r="Y34317">
        <v>10</v>
      </c>
      <c r="Z34317">
        <v>10</v>
      </c>
      <c r="AA34317">
        <v>11</v>
      </c>
      <c r="AB34317">
        <v>11</v>
      </c>
      <c r="AC34317">
        <v>11</v>
      </c>
      <c r="AD34317">
        <v>11</v>
      </c>
      <c r="AE34317">
        <v>11</v>
      </c>
      <c r="AF34317">
        <v>12</v>
      </c>
      <c r="AG34317">
        <v>12</v>
      </c>
      <c r="AH34317">
        <v>12</v>
      </c>
      <c r="AI34317">
        <v>12</v>
      </c>
      <c r="AJ34317">
        <v>12</v>
      </c>
      <c r="AK34317">
        <v>13</v>
      </c>
      <c r="AL34317">
        <v>13</v>
      </c>
      <c r="AM34317">
        <v>13</v>
      </c>
      <c r="AN34317">
        <v>13</v>
      </c>
      <c r="AO34317">
        <v>13</v>
      </c>
      <c r="AP34317">
        <v>13</v>
      </c>
      <c r="AQ34317">
        <v>13</v>
      </c>
    </row>
    <row r="34318" spans="1:43">
      <c r="A34318" t="s">
        <v>21257</v>
      </c>
      <c r="B34318" t="s">
        <v>21258</v>
      </c>
      <c r="C34318" t="s">
        <v>21253</v>
      </c>
      <c r="D34318" t="s">
        <v>21254</v>
      </c>
      <c r="E34318" t="s">
        <v>21139</v>
      </c>
      <c r="F34318" t="s">
        <v>21140</v>
      </c>
      <c r="G34318" t="s">
        <v>20255</v>
      </c>
      <c r="H34318" t="s">
        <v>20256</v>
      </c>
      <c r="I34318" s="2">
        <v>1</v>
      </c>
      <c r="J34318" s="2">
        <v>0</v>
      </c>
      <c r="K34318" s="2">
        <v>0</v>
      </c>
      <c r="L34318" t="s">
        <v>120</v>
      </c>
      <c r="M34318" t="s">
        <v>83</v>
      </c>
      <c r="N34318" t="s">
        <v>84</v>
      </c>
      <c r="O34318" t="s">
        <v>85</v>
      </c>
      <c r="P34318" t="s">
        <v>86</v>
      </c>
      <c r="Q34318">
        <v>41</v>
      </c>
      <c r="R34318">
        <v>41</v>
      </c>
      <c r="S34318">
        <v>42</v>
      </c>
      <c r="T34318">
        <v>43</v>
      </c>
      <c r="U34318">
        <v>44</v>
      </c>
      <c r="V34318">
        <v>45</v>
      </c>
      <c r="W34318">
        <v>46</v>
      </c>
      <c r="X34318">
        <v>47</v>
      </c>
      <c r="Y34318">
        <v>48</v>
      </c>
      <c r="Z34318">
        <v>49</v>
      </c>
      <c r="AA34318">
        <v>50</v>
      </c>
      <c r="AB34318">
        <v>51</v>
      </c>
      <c r="AC34318">
        <v>52</v>
      </c>
      <c r="AD34318">
        <v>52</v>
      </c>
      <c r="AE34318">
        <v>53</v>
      </c>
      <c r="AF34318">
        <v>54</v>
      </c>
      <c r="AG34318">
        <v>55</v>
      </c>
      <c r="AH34318">
        <v>56</v>
      </c>
      <c r="AI34318">
        <v>57</v>
      </c>
      <c r="AJ34318">
        <v>58</v>
      </c>
      <c r="AK34318">
        <v>59</v>
      </c>
      <c r="AL34318">
        <v>60</v>
      </c>
      <c r="AM34318">
        <v>60</v>
      </c>
      <c r="AN34318">
        <v>61</v>
      </c>
      <c r="AO34318">
        <v>61</v>
      </c>
      <c r="AP34318">
        <v>61</v>
      </c>
      <c r="AQ34318">
        <v>62</v>
      </c>
    </row>
    <row r="34319" spans="1:43">
      <c r="A34319" t="s">
        <v>21257</v>
      </c>
      <c r="B34319" t="s">
        <v>21258</v>
      </c>
      <c r="C34319" t="s">
        <v>21253</v>
      </c>
      <c r="D34319" t="s">
        <v>21254</v>
      </c>
      <c r="E34319" t="s">
        <v>21139</v>
      </c>
      <c r="F34319" t="s">
        <v>21140</v>
      </c>
      <c r="G34319" t="s">
        <v>20255</v>
      </c>
      <c r="H34319" t="s">
        <v>20256</v>
      </c>
      <c r="I34319" s="2">
        <v>1</v>
      </c>
      <c r="J34319" s="2">
        <v>0</v>
      </c>
      <c r="K34319" s="2">
        <v>0</v>
      </c>
      <c r="L34319" t="s">
        <v>120</v>
      </c>
      <c r="M34319" t="s">
        <v>87</v>
      </c>
      <c r="N34319" t="s">
        <v>88</v>
      </c>
      <c r="O34319" t="s">
        <v>85</v>
      </c>
      <c r="P34319" t="s">
        <v>86</v>
      </c>
      <c r="Q34319">
        <v>41</v>
      </c>
      <c r="R34319">
        <v>42</v>
      </c>
      <c r="S34319">
        <v>42</v>
      </c>
      <c r="T34319">
        <v>43</v>
      </c>
      <c r="U34319">
        <v>43</v>
      </c>
      <c r="V34319">
        <v>44</v>
      </c>
      <c r="W34319">
        <v>44</v>
      </c>
      <c r="X34319">
        <v>45</v>
      </c>
      <c r="Y34319">
        <v>45</v>
      </c>
      <c r="Z34319">
        <v>46</v>
      </c>
      <c r="AA34319">
        <v>46</v>
      </c>
      <c r="AB34319">
        <v>47</v>
      </c>
      <c r="AC34319">
        <v>47</v>
      </c>
      <c r="AD34319">
        <v>48</v>
      </c>
      <c r="AE34319">
        <v>48</v>
      </c>
      <c r="AF34319">
        <v>49</v>
      </c>
      <c r="AG34319">
        <v>50</v>
      </c>
      <c r="AH34319">
        <v>50</v>
      </c>
      <c r="AI34319">
        <v>51</v>
      </c>
      <c r="AJ34319">
        <v>51</v>
      </c>
      <c r="AK34319">
        <v>52</v>
      </c>
      <c r="AL34319">
        <v>52</v>
      </c>
      <c r="AM34319">
        <v>53</v>
      </c>
      <c r="AN34319">
        <v>53</v>
      </c>
      <c r="AO34319">
        <v>54</v>
      </c>
      <c r="AP34319">
        <v>54</v>
      </c>
      <c r="AQ34319">
        <v>55</v>
      </c>
    </row>
    <row r="34320" spans="1:43">
      <c r="A34320" t="s">
        <v>21257</v>
      </c>
      <c r="B34320" t="s">
        <v>21258</v>
      </c>
      <c r="C34320" t="s">
        <v>21253</v>
      </c>
      <c r="D34320" t="s">
        <v>21254</v>
      </c>
      <c r="E34320" t="s">
        <v>21139</v>
      </c>
      <c r="F34320" t="s">
        <v>21140</v>
      </c>
      <c r="G34320" t="s">
        <v>20255</v>
      </c>
      <c r="H34320" t="s">
        <v>20256</v>
      </c>
      <c r="I34320" s="2">
        <v>1</v>
      </c>
      <c r="J34320" s="2">
        <v>0</v>
      </c>
      <c r="K34320" s="2">
        <v>0</v>
      </c>
      <c r="L34320" t="s">
        <v>120</v>
      </c>
      <c r="M34320" t="s">
        <v>89</v>
      </c>
      <c r="N34320" t="s">
        <v>90</v>
      </c>
      <c r="O34320" t="s">
        <v>85</v>
      </c>
      <c r="P34320" t="s">
        <v>86</v>
      </c>
      <c r="Q34320">
        <v>41</v>
      </c>
      <c r="R34320">
        <v>42</v>
      </c>
      <c r="S34320">
        <v>43</v>
      </c>
      <c r="T34320">
        <v>45</v>
      </c>
      <c r="U34320">
        <v>46</v>
      </c>
      <c r="V34320">
        <v>47</v>
      </c>
      <c r="W34320">
        <v>48</v>
      </c>
      <c r="X34320">
        <v>49</v>
      </c>
      <c r="Y34320">
        <v>51</v>
      </c>
      <c r="Z34320">
        <v>52</v>
      </c>
      <c r="AA34320">
        <v>53</v>
      </c>
      <c r="AB34320">
        <v>54</v>
      </c>
      <c r="AC34320">
        <v>55</v>
      </c>
      <c r="AD34320">
        <v>56</v>
      </c>
      <c r="AE34320">
        <v>57</v>
      </c>
      <c r="AF34320">
        <v>58</v>
      </c>
      <c r="AG34320">
        <v>58</v>
      </c>
      <c r="AH34320">
        <v>59</v>
      </c>
      <c r="AI34320">
        <v>59</v>
      </c>
      <c r="AJ34320">
        <v>59</v>
      </c>
      <c r="AK34320">
        <v>60</v>
      </c>
      <c r="AL34320">
        <v>60</v>
      </c>
      <c r="AM34320">
        <v>61</v>
      </c>
      <c r="AN34320">
        <v>61</v>
      </c>
      <c r="AO34320">
        <v>62</v>
      </c>
      <c r="AP34320">
        <v>62</v>
      </c>
      <c r="AQ34320">
        <v>62</v>
      </c>
    </row>
    <row r="34321" spans="1:43">
      <c r="A34321" t="s">
        <v>21257</v>
      </c>
      <c r="B34321" t="s">
        <v>21258</v>
      </c>
      <c r="C34321" t="s">
        <v>21253</v>
      </c>
      <c r="D34321" t="s">
        <v>21254</v>
      </c>
      <c r="E34321" t="s">
        <v>21139</v>
      </c>
      <c r="F34321" t="s">
        <v>21140</v>
      </c>
      <c r="G34321" t="s">
        <v>20255</v>
      </c>
      <c r="H34321" t="s">
        <v>20256</v>
      </c>
      <c r="I34321" s="2">
        <v>1</v>
      </c>
      <c r="J34321" s="2">
        <v>0</v>
      </c>
      <c r="K34321" s="2">
        <v>0</v>
      </c>
      <c r="L34321" t="s">
        <v>120</v>
      </c>
      <c r="M34321" t="s">
        <v>83</v>
      </c>
      <c r="N34321" t="s">
        <v>91</v>
      </c>
      <c r="O34321" t="s">
        <v>85</v>
      </c>
      <c r="P34321" t="s">
        <v>86</v>
      </c>
      <c r="Q34321">
        <v>41</v>
      </c>
      <c r="R34321">
        <v>41</v>
      </c>
      <c r="S34321">
        <v>42</v>
      </c>
      <c r="T34321">
        <v>43</v>
      </c>
      <c r="U34321">
        <v>44</v>
      </c>
      <c r="V34321">
        <v>45</v>
      </c>
      <c r="W34321">
        <v>46</v>
      </c>
      <c r="X34321">
        <v>47</v>
      </c>
      <c r="Y34321">
        <v>48</v>
      </c>
      <c r="Z34321">
        <v>49</v>
      </c>
      <c r="AA34321">
        <v>50</v>
      </c>
      <c r="AB34321">
        <v>51</v>
      </c>
      <c r="AC34321">
        <v>52</v>
      </c>
      <c r="AD34321">
        <v>52</v>
      </c>
      <c r="AE34321">
        <v>53</v>
      </c>
      <c r="AF34321">
        <v>54</v>
      </c>
      <c r="AG34321">
        <v>55</v>
      </c>
      <c r="AH34321">
        <v>56</v>
      </c>
      <c r="AI34321">
        <v>57</v>
      </c>
      <c r="AJ34321">
        <v>58</v>
      </c>
      <c r="AK34321">
        <v>59</v>
      </c>
      <c r="AL34321">
        <v>60</v>
      </c>
      <c r="AM34321">
        <v>60</v>
      </c>
      <c r="AN34321">
        <v>61</v>
      </c>
      <c r="AO34321">
        <v>61</v>
      </c>
      <c r="AP34321">
        <v>61</v>
      </c>
      <c r="AQ34321">
        <v>62</v>
      </c>
    </row>
    <row r="34322" spans="1:43">
      <c r="A34322" t="s">
        <v>21259</v>
      </c>
      <c r="B34322" t="s">
        <v>21260</v>
      </c>
      <c r="C34322" t="s">
        <v>21253</v>
      </c>
      <c r="D34322" t="s">
        <v>21254</v>
      </c>
      <c r="E34322" t="s">
        <v>21139</v>
      </c>
      <c r="F34322" t="s">
        <v>21140</v>
      </c>
      <c r="G34322" t="s">
        <v>20255</v>
      </c>
      <c r="H34322" t="s">
        <v>20256</v>
      </c>
      <c r="I34322" s="2">
        <v>1</v>
      </c>
      <c r="J34322" s="2">
        <v>0</v>
      </c>
      <c r="K34322" s="2">
        <v>0</v>
      </c>
      <c r="L34322" t="s">
        <v>120</v>
      </c>
      <c r="M34322" t="s">
        <v>83</v>
      </c>
      <c r="N34322" t="s">
        <v>84</v>
      </c>
      <c r="O34322" t="s">
        <v>85</v>
      </c>
      <c r="P34322" t="s">
        <v>86</v>
      </c>
      <c r="Q34322">
        <v>18</v>
      </c>
      <c r="R34322">
        <v>18</v>
      </c>
      <c r="S34322">
        <v>19</v>
      </c>
      <c r="T34322">
        <v>19</v>
      </c>
      <c r="U34322">
        <v>20</v>
      </c>
      <c r="V34322">
        <v>20</v>
      </c>
      <c r="W34322">
        <v>20</v>
      </c>
      <c r="X34322">
        <v>21</v>
      </c>
      <c r="Y34322">
        <v>21</v>
      </c>
      <c r="Z34322">
        <v>22</v>
      </c>
      <c r="AA34322">
        <v>22</v>
      </c>
      <c r="AB34322">
        <v>22</v>
      </c>
      <c r="AC34322">
        <v>23</v>
      </c>
      <c r="AD34322">
        <v>23</v>
      </c>
      <c r="AE34322">
        <v>24</v>
      </c>
      <c r="AF34322">
        <v>24</v>
      </c>
      <c r="AG34322">
        <v>24</v>
      </c>
      <c r="AH34322">
        <v>25</v>
      </c>
      <c r="AI34322">
        <v>25</v>
      </c>
      <c r="AJ34322">
        <v>26</v>
      </c>
      <c r="AK34322">
        <v>26</v>
      </c>
      <c r="AL34322">
        <v>26</v>
      </c>
      <c r="AM34322">
        <v>27</v>
      </c>
      <c r="AN34322">
        <v>27</v>
      </c>
      <c r="AO34322">
        <v>27</v>
      </c>
      <c r="AP34322">
        <v>27</v>
      </c>
      <c r="AQ34322">
        <v>27</v>
      </c>
    </row>
    <row r="34323" spans="1:43">
      <c r="A34323" t="s">
        <v>21259</v>
      </c>
      <c r="B34323" t="s">
        <v>21260</v>
      </c>
      <c r="C34323" t="s">
        <v>21253</v>
      </c>
      <c r="D34323" t="s">
        <v>21254</v>
      </c>
      <c r="E34323" t="s">
        <v>21139</v>
      </c>
      <c r="F34323" t="s">
        <v>21140</v>
      </c>
      <c r="G34323" t="s">
        <v>20255</v>
      </c>
      <c r="H34323" t="s">
        <v>20256</v>
      </c>
      <c r="I34323" s="2">
        <v>1</v>
      </c>
      <c r="J34323" s="2">
        <v>0</v>
      </c>
      <c r="K34323" s="2">
        <v>0</v>
      </c>
      <c r="L34323" t="s">
        <v>120</v>
      </c>
      <c r="M34323" t="s">
        <v>87</v>
      </c>
      <c r="N34323" t="s">
        <v>88</v>
      </c>
      <c r="O34323" t="s">
        <v>85</v>
      </c>
      <c r="P34323" t="s">
        <v>86</v>
      </c>
      <c r="Q34323">
        <v>18</v>
      </c>
      <c r="R34323">
        <v>18</v>
      </c>
      <c r="S34323">
        <v>18</v>
      </c>
      <c r="T34323">
        <v>19</v>
      </c>
      <c r="U34323">
        <v>19</v>
      </c>
      <c r="V34323">
        <v>19</v>
      </c>
      <c r="W34323">
        <v>19</v>
      </c>
      <c r="X34323">
        <v>19</v>
      </c>
      <c r="Y34323">
        <v>20</v>
      </c>
      <c r="Z34323">
        <v>20</v>
      </c>
      <c r="AA34323">
        <v>20</v>
      </c>
      <c r="AB34323">
        <v>20</v>
      </c>
      <c r="AC34323">
        <v>21</v>
      </c>
      <c r="AD34323">
        <v>21</v>
      </c>
      <c r="AE34323">
        <v>21</v>
      </c>
      <c r="AF34323">
        <v>21</v>
      </c>
      <c r="AG34323">
        <v>22</v>
      </c>
      <c r="AH34323">
        <v>22</v>
      </c>
      <c r="AI34323">
        <v>22</v>
      </c>
      <c r="AJ34323">
        <v>22</v>
      </c>
      <c r="AK34323">
        <v>22</v>
      </c>
      <c r="AL34323">
        <v>23</v>
      </c>
      <c r="AM34323">
        <v>23</v>
      </c>
      <c r="AN34323">
        <v>23</v>
      </c>
      <c r="AO34323">
        <v>23</v>
      </c>
      <c r="AP34323">
        <v>24</v>
      </c>
      <c r="AQ34323">
        <v>24</v>
      </c>
    </row>
    <row r="34324" spans="1:43">
      <c r="A34324" t="s">
        <v>21259</v>
      </c>
      <c r="B34324" t="s">
        <v>21260</v>
      </c>
      <c r="C34324" t="s">
        <v>21253</v>
      </c>
      <c r="D34324" t="s">
        <v>21254</v>
      </c>
      <c r="E34324" t="s">
        <v>21139</v>
      </c>
      <c r="F34324" t="s">
        <v>21140</v>
      </c>
      <c r="G34324" t="s">
        <v>20255</v>
      </c>
      <c r="H34324" t="s">
        <v>20256</v>
      </c>
      <c r="I34324" s="2">
        <v>1</v>
      </c>
      <c r="J34324" s="2">
        <v>0</v>
      </c>
      <c r="K34324" s="2">
        <v>0</v>
      </c>
      <c r="L34324" t="s">
        <v>120</v>
      </c>
      <c r="M34324" t="s">
        <v>89</v>
      </c>
      <c r="N34324" t="s">
        <v>90</v>
      </c>
      <c r="O34324" t="s">
        <v>85</v>
      </c>
      <c r="P34324" t="s">
        <v>86</v>
      </c>
      <c r="Q34324">
        <v>18</v>
      </c>
      <c r="R34324">
        <v>19</v>
      </c>
      <c r="S34324">
        <v>19</v>
      </c>
      <c r="T34324">
        <v>20</v>
      </c>
      <c r="U34324">
        <v>20</v>
      </c>
      <c r="V34324">
        <v>21</v>
      </c>
      <c r="W34324">
        <v>21</v>
      </c>
      <c r="X34324">
        <v>22</v>
      </c>
      <c r="Y34324">
        <v>22</v>
      </c>
      <c r="Z34324">
        <v>23</v>
      </c>
      <c r="AA34324">
        <v>23</v>
      </c>
      <c r="AB34324">
        <v>24</v>
      </c>
      <c r="AC34324">
        <v>24</v>
      </c>
      <c r="AD34324">
        <v>25</v>
      </c>
      <c r="AE34324">
        <v>25</v>
      </c>
      <c r="AF34324">
        <v>26</v>
      </c>
      <c r="AG34324">
        <v>26</v>
      </c>
      <c r="AH34324">
        <v>26</v>
      </c>
      <c r="AI34324">
        <v>26</v>
      </c>
      <c r="AJ34324">
        <v>26</v>
      </c>
      <c r="AK34324">
        <v>27</v>
      </c>
      <c r="AL34324">
        <v>27</v>
      </c>
      <c r="AM34324">
        <v>27</v>
      </c>
      <c r="AN34324">
        <v>27</v>
      </c>
      <c r="AO34324">
        <v>27</v>
      </c>
      <c r="AP34324">
        <v>27</v>
      </c>
      <c r="AQ34324">
        <v>28</v>
      </c>
    </row>
    <row r="34325" spans="1:43">
      <c r="A34325" t="s">
        <v>21259</v>
      </c>
      <c r="B34325" t="s">
        <v>21260</v>
      </c>
      <c r="C34325" t="s">
        <v>21253</v>
      </c>
      <c r="D34325" t="s">
        <v>21254</v>
      </c>
      <c r="E34325" t="s">
        <v>21139</v>
      </c>
      <c r="F34325" t="s">
        <v>21140</v>
      </c>
      <c r="G34325" t="s">
        <v>20255</v>
      </c>
      <c r="H34325" t="s">
        <v>20256</v>
      </c>
      <c r="I34325" s="2">
        <v>1</v>
      </c>
      <c r="J34325" s="2">
        <v>0</v>
      </c>
      <c r="K34325" s="2">
        <v>0</v>
      </c>
      <c r="L34325" t="s">
        <v>120</v>
      </c>
      <c r="M34325" t="s">
        <v>83</v>
      </c>
      <c r="N34325" t="s">
        <v>91</v>
      </c>
      <c r="O34325" t="s">
        <v>85</v>
      </c>
      <c r="P34325" t="s">
        <v>86</v>
      </c>
      <c r="Q34325">
        <v>18</v>
      </c>
      <c r="R34325">
        <v>18</v>
      </c>
      <c r="S34325">
        <v>19</v>
      </c>
      <c r="T34325">
        <v>19</v>
      </c>
      <c r="U34325">
        <v>20</v>
      </c>
      <c r="V34325">
        <v>20</v>
      </c>
      <c r="W34325">
        <v>20</v>
      </c>
      <c r="X34325">
        <v>21</v>
      </c>
      <c r="Y34325">
        <v>21</v>
      </c>
      <c r="Z34325">
        <v>22</v>
      </c>
      <c r="AA34325">
        <v>22</v>
      </c>
      <c r="AB34325">
        <v>22</v>
      </c>
      <c r="AC34325">
        <v>23</v>
      </c>
      <c r="AD34325">
        <v>23</v>
      </c>
      <c r="AE34325">
        <v>24</v>
      </c>
      <c r="AF34325">
        <v>24</v>
      </c>
      <c r="AG34325">
        <v>24</v>
      </c>
      <c r="AH34325">
        <v>25</v>
      </c>
      <c r="AI34325">
        <v>25</v>
      </c>
      <c r="AJ34325">
        <v>26</v>
      </c>
      <c r="AK34325">
        <v>26</v>
      </c>
      <c r="AL34325">
        <v>26</v>
      </c>
      <c r="AM34325">
        <v>27</v>
      </c>
      <c r="AN34325">
        <v>27</v>
      </c>
      <c r="AO34325">
        <v>27</v>
      </c>
      <c r="AP34325">
        <v>27</v>
      </c>
      <c r="AQ34325">
        <v>27</v>
      </c>
    </row>
    <row r="34326" spans="1:43">
      <c r="A34326" t="s">
        <v>21261</v>
      </c>
      <c r="B34326" t="s">
        <v>21262</v>
      </c>
      <c r="C34326" t="s">
        <v>21253</v>
      </c>
      <c r="D34326" t="s">
        <v>21254</v>
      </c>
      <c r="E34326" t="s">
        <v>21139</v>
      </c>
      <c r="F34326" t="s">
        <v>21140</v>
      </c>
      <c r="G34326" t="s">
        <v>20255</v>
      </c>
      <c r="H34326" t="s">
        <v>20256</v>
      </c>
      <c r="I34326" s="2">
        <v>1</v>
      </c>
      <c r="J34326" s="2">
        <v>0</v>
      </c>
      <c r="K34326" s="2">
        <v>0</v>
      </c>
      <c r="L34326" t="s">
        <v>120</v>
      </c>
      <c r="M34326" t="s">
        <v>83</v>
      </c>
      <c r="N34326" t="s">
        <v>84</v>
      </c>
      <c r="O34326" t="s">
        <v>85</v>
      </c>
      <c r="P34326" t="s">
        <v>86</v>
      </c>
      <c r="Q34326">
        <v>20</v>
      </c>
      <c r="R34326">
        <v>20</v>
      </c>
      <c r="S34326">
        <v>21</v>
      </c>
      <c r="T34326">
        <v>21</v>
      </c>
      <c r="U34326">
        <v>22</v>
      </c>
      <c r="V34326">
        <v>22</v>
      </c>
      <c r="W34326">
        <v>23</v>
      </c>
      <c r="X34326">
        <v>23</v>
      </c>
      <c r="Y34326">
        <v>24</v>
      </c>
      <c r="Z34326">
        <v>24</v>
      </c>
      <c r="AA34326">
        <v>24</v>
      </c>
      <c r="AB34326">
        <v>25</v>
      </c>
      <c r="AC34326">
        <v>25</v>
      </c>
      <c r="AD34326">
        <v>26</v>
      </c>
      <c r="AE34326">
        <v>26</v>
      </c>
      <c r="AF34326">
        <v>27</v>
      </c>
      <c r="AG34326">
        <v>27</v>
      </c>
      <c r="AH34326">
        <v>28</v>
      </c>
      <c r="AI34326">
        <v>28</v>
      </c>
      <c r="AJ34326">
        <v>28</v>
      </c>
      <c r="AK34326">
        <v>29</v>
      </c>
      <c r="AL34326">
        <v>29</v>
      </c>
      <c r="AM34326">
        <v>29</v>
      </c>
      <c r="AN34326">
        <v>30</v>
      </c>
      <c r="AO34326">
        <v>30</v>
      </c>
      <c r="AP34326">
        <v>30</v>
      </c>
      <c r="AQ34326">
        <v>30</v>
      </c>
    </row>
    <row r="34327" spans="1:43">
      <c r="A34327" t="s">
        <v>21261</v>
      </c>
      <c r="B34327" t="s">
        <v>21262</v>
      </c>
      <c r="C34327" t="s">
        <v>21253</v>
      </c>
      <c r="D34327" t="s">
        <v>21254</v>
      </c>
      <c r="E34327" t="s">
        <v>21139</v>
      </c>
      <c r="F34327" t="s">
        <v>21140</v>
      </c>
      <c r="G34327" t="s">
        <v>20255</v>
      </c>
      <c r="H34327" t="s">
        <v>20256</v>
      </c>
      <c r="I34327" s="2">
        <v>1</v>
      </c>
      <c r="J34327" s="2">
        <v>0</v>
      </c>
      <c r="K34327" s="2">
        <v>0</v>
      </c>
      <c r="L34327" t="s">
        <v>120</v>
      </c>
      <c r="M34327" t="s">
        <v>87</v>
      </c>
      <c r="N34327" t="s">
        <v>88</v>
      </c>
      <c r="O34327" t="s">
        <v>85</v>
      </c>
      <c r="P34327" t="s">
        <v>86</v>
      </c>
      <c r="Q34327">
        <v>20</v>
      </c>
      <c r="R34327">
        <v>20</v>
      </c>
      <c r="S34327">
        <v>20</v>
      </c>
      <c r="T34327">
        <v>20</v>
      </c>
      <c r="U34327">
        <v>21</v>
      </c>
      <c r="V34327">
        <v>21</v>
      </c>
      <c r="W34327">
        <v>21</v>
      </c>
      <c r="X34327">
        <v>21</v>
      </c>
      <c r="Y34327">
        <v>22</v>
      </c>
      <c r="Z34327">
        <v>22</v>
      </c>
      <c r="AA34327">
        <v>22</v>
      </c>
      <c r="AB34327">
        <v>23</v>
      </c>
      <c r="AC34327">
        <v>23</v>
      </c>
      <c r="AD34327">
        <v>23</v>
      </c>
      <c r="AE34327">
        <v>23</v>
      </c>
      <c r="AF34327">
        <v>24</v>
      </c>
      <c r="AG34327">
        <v>24</v>
      </c>
      <c r="AH34327">
        <v>24</v>
      </c>
      <c r="AI34327">
        <v>24</v>
      </c>
      <c r="AJ34327">
        <v>25</v>
      </c>
      <c r="AK34327">
        <v>25</v>
      </c>
      <c r="AL34327">
        <v>25</v>
      </c>
      <c r="AM34327">
        <v>25</v>
      </c>
      <c r="AN34327">
        <v>26</v>
      </c>
      <c r="AO34327">
        <v>26</v>
      </c>
      <c r="AP34327">
        <v>26</v>
      </c>
      <c r="AQ34327">
        <v>26</v>
      </c>
    </row>
    <row r="34328" spans="1:43">
      <c r="A34328" t="s">
        <v>21261</v>
      </c>
      <c r="B34328" t="s">
        <v>21262</v>
      </c>
      <c r="C34328" t="s">
        <v>21253</v>
      </c>
      <c r="D34328" t="s">
        <v>21254</v>
      </c>
      <c r="E34328" t="s">
        <v>21139</v>
      </c>
      <c r="F34328" t="s">
        <v>21140</v>
      </c>
      <c r="G34328" t="s">
        <v>20255</v>
      </c>
      <c r="H34328" t="s">
        <v>20256</v>
      </c>
      <c r="I34328" s="2">
        <v>1</v>
      </c>
      <c r="J34328" s="2">
        <v>0</v>
      </c>
      <c r="K34328" s="2">
        <v>0</v>
      </c>
      <c r="L34328" t="s">
        <v>120</v>
      </c>
      <c r="M34328" t="s">
        <v>89</v>
      </c>
      <c r="N34328" t="s">
        <v>90</v>
      </c>
      <c r="O34328" t="s">
        <v>85</v>
      </c>
      <c r="P34328" t="s">
        <v>86</v>
      </c>
      <c r="Q34328">
        <v>20</v>
      </c>
      <c r="R34328">
        <v>21</v>
      </c>
      <c r="S34328">
        <v>21</v>
      </c>
      <c r="T34328">
        <v>22</v>
      </c>
      <c r="U34328">
        <v>23</v>
      </c>
      <c r="V34328">
        <v>23</v>
      </c>
      <c r="W34328">
        <v>24</v>
      </c>
      <c r="X34328">
        <v>24</v>
      </c>
      <c r="Y34328">
        <v>25</v>
      </c>
      <c r="Z34328">
        <v>25</v>
      </c>
      <c r="AA34328">
        <v>26</v>
      </c>
      <c r="AB34328">
        <v>26</v>
      </c>
      <c r="AC34328">
        <v>27</v>
      </c>
      <c r="AD34328">
        <v>28</v>
      </c>
      <c r="AE34328">
        <v>28</v>
      </c>
      <c r="AF34328">
        <v>28</v>
      </c>
      <c r="AG34328">
        <v>28</v>
      </c>
      <c r="AH34328">
        <v>29</v>
      </c>
      <c r="AI34328">
        <v>29</v>
      </c>
      <c r="AJ34328">
        <v>29</v>
      </c>
      <c r="AK34328">
        <v>29</v>
      </c>
      <c r="AL34328">
        <v>30</v>
      </c>
      <c r="AM34328">
        <v>30</v>
      </c>
      <c r="AN34328">
        <v>30</v>
      </c>
      <c r="AO34328">
        <v>30</v>
      </c>
      <c r="AP34328">
        <v>30</v>
      </c>
      <c r="AQ34328">
        <v>31</v>
      </c>
    </row>
    <row r="34329" spans="1:43">
      <c r="A34329" t="s">
        <v>21261</v>
      </c>
      <c r="B34329" t="s">
        <v>21262</v>
      </c>
      <c r="C34329" t="s">
        <v>21253</v>
      </c>
      <c r="D34329" t="s">
        <v>21254</v>
      </c>
      <c r="E34329" t="s">
        <v>21139</v>
      </c>
      <c r="F34329" t="s">
        <v>21140</v>
      </c>
      <c r="G34329" t="s">
        <v>20255</v>
      </c>
      <c r="H34329" t="s">
        <v>20256</v>
      </c>
      <c r="I34329" s="2">
        <v>1</v>
      </c>
      <c r="J34329" s="2">
        <v>0</v>
      </c>
      <c r="K34329" s="2">
        <v>0</v>
      </c>
      <c r="L34329" t="s">
        <v>120</v>
      </c>
      <c r="M34329" t="s">
        <v>83</v>
      </c>
      <c r="N34329" t="s">
        <v>91</v>
      </c>
      <c r="O34329" t="s">
        <v>85</v>
      </c>
      <c r="P34329" t="s">
        <v>86</v>
      </c>
      <c r="Q34329">
        <v>20</v>
      </c>
      <c r="R34329">
        <v>20</v>
      </c>
      <c r="S34329">
        <v>21</v>
      </c>
      <c r="T34329">
        <v>21</v>
      </c>
      <c r="U34329">
        <v>22</v>
      </c>
      <c r="V34329">
        <v>22</v>
      </c>
      <c r="W34329">
        <v>23</v>
      </c>
      <c r="X34329">
        <v>23</v>
      </c>
      <c r="Y34329">
        <v>24</v>
      </c>
      <c r="Z34329">
        <v>24</v>
      </c>
      <c r="AA34329">
        <v>24</v>
      </c>
      <c r="AB34329">
        <v>25</v>
      </c>
      <c r="AC34329">
        <v>25</v>
      </c>
      <c r="AD34329">
        <v>26</v>
      </c>
      <c r="AE34329">
        <v>26</v>
      </c>
      <c r="AF34329">
        <v>27</v>
      </c>
      <c r="AG34329">
        <v>27</v>
      </c>
      <c r="AH34329">
        <v>28</v>
      </c>
      <c r="AI34329">
        <v>28</v>
      </c>
      <c r="AJ34329">
        <v>28</v>
      </c>
      <c r="AK34329">
        <v>29</v>
      </c>
      <c r="AL34329">
        <v>29</v>
      </c>
      <c r="AM34329">
        <v>29</v>
      </c>
      <c r="AN34329">
        <v>30</v>
      </c>
      <c r="AO34329">
        <v>30</v>
      </c>
      <c r="AP34329">
        <v>30</v>
      </c>
      <c r="AQ34329">
        <v>30</v>
      </c>
    </row>
    <row r="34330" spans="1:43">
      <c r="A34330" t="s">
        <v>21263</v>
      </c>
      <c r="B34330" t="s">
        <v>21264</v>
      </c>
      <c r="C34330" t="s">
        <v>21253</v>
      </c>
      <c r="D34330" t="s">
        <v>21254</v>
      </c>
      <c r="E34330" t="s">
        <v>21139</v>
      </c>
      <c r="F34330" t="s">
        <v>21140</v>
      </c>
      <c r="G34330" t="s">
        <v>20255</v>
      </c>
      <c r="H34330" t="s">
        <v>20256</v>
      </c>
      <c r="I34330" s="2">
        <v>1</v>
      </c>
      <c r="J34330" s="2">
        <v>0</v>
      </c>
      <c r="K34330" s="2">
        <v>0</v>
      </c>
      <c r="L34330" t="s">
        <v>120</v>
      </c>
      <c r="M34330" t="s">
        <v>83</v>
      </c>
      <c r="N34330" t="s">
        <v>84</v>
      </c>
      <c r="O34330" t="s">
        <v>85</v>
      </c>
      <c r="P34330" t="s">
        <v>86</v>
      </c>
      <c r="Q34330">
        <v>21</v>
      </c>
      <c r="R34330">
        <v>22</v>
      </c>
      <c r="S34330">
        <v>22</v>
      </c>
      <c r="T34330">
        <v>23</v>
      </c>
      <c r="U34330">
        <v>23</v>
      </c>
      <c r="V34330">
        <v>24</v>
      </c>
      <c r="W34330">
        <v>24</v>
      </c>
      <c r="X34330">
        <v>25</v>
      </c>
      <c r="Y34330">
        <v>25</v>
      </c>
      <c r="Z34330">
        <v>26</v>
      </c>
      <c r="AA34330">
        <v>26</v>
      </c>
      <c r="AB34330">
        <v>27</v>
      </c>
      <c r="AC34330">
        <v>27</v>
      </c>
      <c r="AD34330">
        <v>28</v>
      </c>
      <c r="AE34330">
        <v>28</v>
      </c>
      <c r="AF34330">
        <v>29</v>
      </c>
      <c r="AG34330">
        <v>29</v>
      </c>
      <c r="AH34330">
        <v>30</v>
      </c>
      <c r="AI34330">
        <v>30</v>
      </c>
      <c r="AJ34330">
        <v>31</v>
      </c>
      <c r="AK34330">
        <v>31</v>
      </c>
      <c r="AL34330">
        <v>32</v>
      </c>
      <c r="AM34330">
        <v>32</v>
      </c>
      <c r="AN34330">
        <v>32</v>
      </c>
      <c r="AO34330">
        <v>32</v>
      </c>
      <c r="AP34330">
        <v>32</v>
      </c>
      <c r="AQ34330">
        <v>33</v>
      </c>
    </row>
    <row r="34331" spans="1:43">
      <c r="A34331" t="s">
        <v>21263</v>
      </c>
      <c r="B34331" t="s">
        <v>21264</v>
      </c>
      <c r="C34331" t="s">
        <v>21253</v>
      </c>
      <c r="D34331" t="s">
        <v>21254</v>
      </c>
      <c r="E34331" t="s">
        <v>21139</v>
      </c>
      <c r="F34331" t="s">
        <v>21140</v>
      </c>
      <c r="G34331" t="s">
        <v>20255</v>
      </c>
      <c r="H34331" t="s">
        <v>20256</v>
      </c>
      <c r="I34331" s="2">
        <v>1</v>
      </c>
      <c r="J34331" s="2">
        <v>0</v>
      </c>
      <c r="K34331" s="2">
        <v>0</v>
      </c>
      <c r="L34331" t="s">
        <v>120</v>
      </c>
      <c r="M34331" t="s">
        <v>87</v>
      </c>
      <c r="N34331" t="s">
        <v>88</v>
      </c>
      <c r="O34331" t="s">
        <v>85</v>
      </c>
      <c r="P34331" t="s">
        <v>86</v>
      </c>
      <c r="Q34331">
        <v>21</v>
      </c>
      <c r="R34331">
        <v>21</v>
      </c>
      <c r="S34331">
        <v>22</v>
      </c>
      <c r="T34331">
        <v>22</v>
      </c>
      <c r="U34331">
        <v>22</v>
      </c>
      <c r="V34331">
        <v>23</v>
      </c>
      <c r="W34331">
        <v>23</v>
      </c>
      <c r="X34331">
        <v>23</v>
      </c>
      <c r="Y34331">
        <v>23</v>
      </c>
      <c r="Z34331">
        <v>24</v>
      </c>
      <c r="AA34331">
        <v>24</v>
      </c>
      <c r="AB34331">
        <v>24</v>
      </c>
      <c r="AC34331">
        <v>24</v>
      </c>
      <c r="AD34331">
        <v>25</v>
      </c>
      <c r="AE34331">
        <v>25</v>
      </c>
      <c r="AF34331">
        <v>25</v>
      </c>
      <c r="AG34331">
        <v>26</v>
      </c>
      <c r="AH34331">
        <v>26</v>
      </c>
      <c r="AI34331">
        <v>26</v>
      </c>
      <c r="AJ34331">
        <v>26</v>
      </c>
      <c r="AK34331">
        <v>27</v>
      </c>
      <c r="AL34331">
        <v>27</v>
      </c>
      <c r="AM34331">
        <v>27</v>
      </c>
      <c r="AN34331">
        <v>28</v>
      </c>
      <c r="AO34331">
        <v>28</v>
      </c>
      <c r="AP34331">
        <v>28</v>
      </c>
      <c r="AQ34331">
        <v>28</v>
      </c>
    </row>
    <row r="34332" spans="1:43">
      <c r="A34332" t="s">
        <v>21263</v>
      </c>
      <c r="B34332" t="s">
        <v>21264</v>
      </c>
      <c r="C34332" t="s">
        <v>21253</v>
      </c>
      <c r="D34332" t="s">
        <v>21254</v>
      </c>
      <c r="E34332" t="s">
        <v>21139</v>
      </c>
      <c r="F34332" t="s">
        <v>21140</v>
      </c>
      <c r="G34332" t="s">
        <v>20255</v>
      </c>
      <c r="H34332" t="s">
        <v>20256</v>
      </c>
      <c r="I34332" s="2">
        <v>1</v>
      </c>
      <c r="J34332" s="2">
        <v>0</v>
      </c>
      <c r="K34332" s="2">
        <v>0</v>
      </c>
      <c r="L34332" t="s">
        <v>120</v>
      </c>
      <c r="M34332" t="s">
        <v>89</v>
      </c>
      <c r="N34332" t="s">
        <v>90</v>
      </c>
      <c r="O34332" t="s">
        <v>85</v>
      </c>
      <c r="P34332" t="s">
        <v>86</v>
      </c>
      <c r="Q34332">
        <v>21</v>
      </c>
      <c r="R34332">
        <v>21</v>
      </c>
      <c r="S34332">
        <v>22</v>
      </c>
      <c r="T34332">
        <v>23</v>
      </c>
      <c r="U34332">
        <v>23</v>
      </c>
      <c r="V34332">
        <v>24</v>
      </c>
      <c r="W34332">
        <v>24</v>
      </c>
      <c r="X34332">
        <v>25</v>
      </c>
      <c r="Y34332">
        <v>26</v>
      </c>
      <c r="Z34332">
        <v>26</v>
      </c>
      <c r="AA34332">
        <v>27</v>
      </c>
      <c r="AB34332">
        <v>27</v>
      </c>
      <c r="AC34332">
        <v>28</v>
      </c>
      <c r="AD34332">
        <v>29</v>
      </c>
      <c r="AE34332">
        <v>29</v>
      </c>
      <c r="AF34332">
        <v>29</v>
      </c>
      <c r="AG34332">
        <v>30</v>
      </c>
      <c r="AH34332">
        <v>30</v>
      </c>
      <c r="AI34332">
        <v>30</v>
      </c>
      <c r="AJ34332">
        <v>30</v>
      </c>
      <c r="AK34332">
        <v>31</v>
      </c>
      <c r="AL34332">
        <v>31</v>
      </c>
      <c r="AM34332">
        <v>31</v>
      </c>
      <c r="AN34332">
        <v>31</v>
      </c>
      <c r="AO34332">
        <v>31</v>
      </c>
      <c r="AP34332">
        <v>32</v>
      </c>
      <c r="AQ34332">
        <v>32</v>
      </c>
    </row>
    <row r="34333" spans="1:43">
      <c r="A34333" t="s">
        <v>21263</v>
      </c>
      <c r="B34333" t="s">
        <v>21264</v>
      </c>
      <c r="C34333" t="s">
        <v>21253</v>
      </c>
      <c r="D34333" t="s">
        <v>21254</v>
      </c>
      <c r="E34333" t="s">
        <v>21139</v>
      </c>
      <c r="F34333" t="s">
        <v>21140</v>
      </c>
      <c r="G34333" t="s">
        <v>20255</v>
      </c>
      <c r="H34333" t="s">
        <v>20256</v>
      </c>
      <c r="I34333" s="2">
        <v>1</v>
      </c>
      <c r="J34333" s="2">
        <v>0</v>
      </c>
      <c r="K34333" s="2">
        <v>0</v>
      </c>
      <c r="L34333" t="s">
        <v>120</v>
      </c>
      <c r="M34333" t="s">
        <v>83</v>
      </c>
      <c r="N34333" t="s">
        <v>91</v>
      </c>
      <c r="O34333" t="s">
        <v>85</v>
      </c>
      <c r="P34333" t="s">
        <v>86</v>
      </c>
      <c r="Q34333">
        <v>21</v>
      </c>
      <c r="R34333">
        <v>22</v>
      </c>
      <c r="S34333">
        <v>22</v>
      </c>
      <c r="T34333">
        <v>23</v>
      </c>
      <c r="U34333">
        <v>23</v>
      </c>
      <c r="V34333">
        <v>24</v>
      </c>
      <c r="W34333">
        <v>24</v>
      </c>
      <c r="X34333">
        <v>25</v>
      </c>
      <c r="Y34333">
        <v>25</v>
      </c>
      <c r="Z34333">
        <v>26</v>
      </c>
      <c r="AA34333">
        <v>26</v>
      </c>
      <c r="AB34333">
        <v>27</v>
      </c>
      <c r="AC34333">
        <v>27</v>
      </c>
      <c r="AD34333">
        <v>28</v>
      </c>
      <c r="AE34333">
        <v>28</v>
      </c>
      <c r="AF34333">
        <v>29</v>
      </c>
      <c r="AG34333">
        <v>29</v>
      </c>
      <c r="AH34333">
        <v>30</v>
      </c>
      <c r="AI34333">
        <v>30</v>
      </c>
      <c r="AJ34333">
        <v>31</v>
      </c>
      <c r="AK34333">
        <v>31</v>
      </c>
      <c r="AL34333">
        <v>32</v>
      </c>
      <c r="AM34333">
        <v>32</v>
      </c>
      <c r="AN34333">
        <v>32</v>
      </c>
      <c r="AO34333">
        <v>32</v>
      </c>
      <c r="AP34333">
        <v>32</v>
      </c>
      <c r="AQ34333">
        <v>33</v>
      </c>
    </row>
    <row r="34334" spans="1:43">
      <c r="A34334" t="s">
        <v>21265</v>
      </c>
      <c r="B34334" t="s">
        <v>21266</v>
      </c>
      <c r="C34334" t="s">
        <v>21267</v>
      </c>
      <c r="D34334" t="s">
        <v>21268</v>
      </c>
      <c r="E34334" t="s">
        <v>21139</v>
      </c>
      <c r="F34334" t="s">
        <v>21140</v>
      </c>
      <c r="G34334" t="s">
        <v>20255</v>
      </c>
      <c r="H34334" t="s">
        <v>20256</v>
      </c>
      <c r="I34334" s="2">
        <v>1</v>
      </c>
      <c r="J34334" s="2">
        <v>0</v>
      </c>
      <c r="K34334" s="2">
        <v>0</v>
      </c>
      <c r="L34334" t="s">
        <v>120</v>
      </c>
      <c r="M34334" t="s">
        <v>83</v>
      </c>
      <c r="N34334" t="s">
        <v>84</v>
      </c>
      <c r="O34334" t="s">
        <v>85</v>
      </c>
      <c r="P34334" t="s">
        <v>86</v>
      </c>
      <c r="Q34334">
        <v>37</v>
      </c>
      <c r="R34334">
        <v>38</v>
      </c>
      <c r="S34334">
        <v>39</v>
      </c>
      <c r="T34334">
        <v>40</v>
      </c>
      <c r="U34334">
        <v>41</v>
      </c>
      <c r="V34334">
        <v>42</v>
      </c>
      <c r="W34334">
        <v>42</v>
      </c>
      <c r="X34334">
        <v>43</v>
      </c>
      <c r="Y34334">
        <v>44</v>
      </c>
      <c r="Z34334">
        <v>45</v>
      </c>
      <c r="AA34334">
        <v>46</v>
      </c>
      <c r="AB34334">
        <v>47</v>
      </c>
      <c r="AC34334">
        <v>48</v>
      </c>
      <c r="AD34334">
        <v>48</v>
      </c>
      <c r="AE34334">
        <v>49</v>
      </c>
      <c r="AF34334">
        <v>50</v>
      </c>
      <c r="AG34334">
        <v>51</v>
      </c>
      <c r="AH34334">
        <v>52</v>
      </c>
      <c r="AI34334">
        <v>53</v>
      </c>
      <c r="AJ34334">
        <v>54</v>
      </c>
      <c r="AK34334">
        <v>55</v>
      </c>
      <c r="AL34334">
        <v>55</v>
      </c>
      <c r="AM34334">
        <v>56</v>
      </c>
      <c r="AN34334">
        <v>56</v>
      </c>
      <c r="AO34334">
        <v>56</v>
      </c>
      <c r="AP34334">
        <v>57</v>
      </c>
      <c r="AQ34334">
        <v>57</v>
      </c>
    </row>
    <row r="34335" spans="1:43">
      <c r="A34335" t="s">
        <v>21265</v>
      </c>
      <c r="B34335" t="s">
        <v>21266</v>
      </c>
      <c r="C34335" t="s">
        <v>21267</v>
      </c>
      <c r="D34335" t="s">
        <v>21268</v>
      </c>
      <c r="E34335" t="s">
        <v>21139</v>
      </c>
      <c r="F34335" t="s">
        <v>21140</v>
      </c>
      <c r="G34335" t="s">
        <v>20255</v>
      </c>
      <c r="H34335" t="s">
        <v>20256</v>
      </c>
      <c r="I34335" s="2">
        <v>1</v>
      </c>
      <c r="J34335" s="2">
        <v>0</v>
      </c>
      <c r="K34335" s="2">
        <v>0</v>
      </c>
      <c r="L34335" t="s">
        <v>120</v>
      </c>
      <c r="M34335" t="s">
        <v>87</v>
      </c>
      <c r="N34335" t="s">
        <v>88</v>
      </c>
      <c r="O34335" t="s">
        <v>85</v>
      </c>
      <c r="P34335" t="s">
        <v>86</v>
      </c>
      <c r="Q34335">
        <v>37</v>
      </c>
      <c r="R34335">
        <v>37</v>
      </c>
      <c r="S34335">
        <v>38</v>
      </c>
      <c r="T34335">
        <v>38</v>
      </c>
      <c r="U34335">
        <v>39</v>
      </c>
      <c r="V34335">
        <v>39</v>
      </c>
      <c r="W34335">
        <v>40</v>
      </c>
      <c r="X34335">
        <v>40</v>
      </c>
      <c r="Y34335">
        <v>41</v>
      </c>
      <c r="Z34335">
        <v>41</v>
      </c>
      <c r="AA34335">
        <v>42</v>
      </c>
      <c r="AB34335">
        <v>42</v>
      </c>
      <c r="AC34335">
        <v>43</v>
      </c>
      <c r="AD34335">
        <v>43</v>
      </c>
      <c r="AE34335">
        <v>44</v>
      </c>
      <c r="AF34335">
        <v>44</v>
      </c>
      <c r="AG34335">
        <v>45</v>
      </c>
      <c r="AH34335">
        <v>45</v>
      </c>
      <c r="AI34335">
        <v>46</v>
      </c>
      <c r="AJ34335">
        <v>46</v>
      </c>
      <c r="AK34335">
        <v>47</v>
      </c>
      <c r="AL34335">
        <v>47</v>
      </c>
      <c r="AM34335">
        <v>48</v>
      </c>
      <c r="AN34335">
        <v>48</v>
      </c>
      <c r="AO34335">
        <v>49</v>
      </c>
      <c r="AP34335">
        <v>49</v>
      </c>
      <c r="AQ34335">
        <v>50</v>
      </c>
    </row>
    <row r="34336" spans="1:43">
      <c r="A34336" t="s">
        <v>21265</v>
      </c>
      <c r="B34336" t="s">
        <v>21266</v>
      </c>
      <c r="C34336" t="s">
        <v>21267</v>
      </c>
      <c r="D34336" t="s">
        <v>21268</v>
      </c>
      <c r="E34336" t="s">
        <v>21139</v>
      </c>
      <c r="F34336" t="s">
        <v>21140</v>
      </c>
      <c r="G34336" t="s">
        <v>20255</v>
      </c>
      <c r="H34336" t="s">
        <v>20256</v>
      </c>
      <c r="I34336" s="2">
        <v>1</v>
      </c>
      <c r="J34336" s="2">
        <v>0</v>
      </c>
      <c r="K34336" s="2">
        <v>0</v>
      </c>
      <c r="L34336" t="s">
        <v>120</v>
      </c>
      <c r="M34336" t="s">
        <v>89</v>
      </c>
      <c r="N34336" t="s">
        <v>90</v>
      </c>
      <c r="O34336" t="s">
        <v>85</v>
      </c>
      <c r="P34336" t="s">
        <v>86</v>
      </c>
      <c r="Q34336">
        <v>37</v>
      </c>
      <c r="R34336">
        <v>38</v>
      </c>
      <c r="S34336">
        <v>39</v>
      </c>
      <c r="T34336">
        <v>40</v>
      </c>
      <c r="U34336">
        <v>41</v>
      </c>
      <c r="V34336">
        <v>42</v>
      </c>
      <c r="W34336">
        <v>44</v>
      </c>
      <c r="X34336">
        <v>45</v>
      </c>
      <c r="Y34336">
        <v>46</v>
      </c>
      <c r="Z34336">
        <v>47</v>
      </c>
      <c r="AA34336">
        <v>48</v>
      </c>
      <c r="AB34336">
        <v>49</v>
      </c>
      <c r="AC34336">
        <v>50</v>
      </c>
      <c r="AD34336">
        <v>51</v>
      </c>
      <c r="AE34336">
        <v>52</v>
      </c>
      <c r="AF34336">
        <v>52</v>
      </c>
      <c r="AG34336">
        <v>53</v>
      </c>
      <c r="AH34336">
        <v>53</v>
      </c>
      <c r="AI34336">
        <v>53</v>
      </c>
      <c r="AJ34336">
        <v>54</v>
      </c>
      <c r="AK34336">
        <v>54</v>
      </c>
      <c r="AL34336">
        <v>55</v>
      </c>
      <c r="AM34336">
        <v>55</v>
      </c>
      <c r="AN34336">
        <v>55</v>
      </c>
      <c r="AO34336">
        <v>56</v>
      </c>
      <c r="AP34336">
        <v>56</v>
      </c>
      <c r="AQ34336">
        <v>57</v>
      </c>
    </row>
    <row r="34337" spans="1:43">
      <c r="A34337" t="s">
        <v>21265</v>
      </c>
      <c r="B34337" t="s">
        <v>21266</v>
      </c>
      <c r="C34337" t="s">
        <v>21267</v>
      </c>
      <c r="D34337" t="s">
        <v>21268</v>
      </c>
      <c r="E34337" t="s">
        <v>21139</v>
      </c>
      <c r="F34337" t="s">
        <v>21140</v>
      </c>
      <c r="G34337" t="s">
        <v>20255</v>
      </c>
      <c r="H34337" t="s">
        <v>20256</v>
      </c>
      <c r="I34337" s="2">
        <v>1</v>
      </c>
      <c r="J34337" s="2">
        <v>0</v>
      </c>
      <c r="K34337" s="2">
        <v>0</v>
      </c>
      <c r="L34337" t="s">
        <v>120</v>
      </c>
      <c r="M34337" t="s">
        <v>83</v>
      </c>
      <c r="N34337" t="s">
        <v>91</v>
      </c>
      <c r="O34337" t="s">
        <v>85</v>
      </c>
      <c r="P34337" t="s">
        <v>86</v>
      </c>
      <c r="Q34337">
        <v>37</v>
      </c>
      <c r="R34337">
        <v>38</v>
      </c>
      <c r="S34337">
        <v>39</v>
      </c>
      <c r="T34337">
        <v>40</v>
      </c>
      <c r="U34337">
        <v>41</v>
      </c>
      <c r="V34337">
        <v>42</v>
      </c>
      <c r="W34337">
        <v>42</v>
      </c>
      <c r="X34337">
        <v>43</v>
      </c>
      <c r="Y34337">
        <v>44</v>
      </c>
      <c r="Z34337">
        <v>45</v>
      </c>
      <c r="AA34337">
        <v>46</v>
      </c>
      <c r="AB34337">
        <v>47</v>
      </c>
      <c r="AC34337">
        <v>48</v>
      </c>
      <c r="AD34337">
        <v>48</v>
      </c>
      <c r="AE34337">
        <v>49</v>
      </c>
      <c r="AF34337">
        <v>50</v>
      </c>
      <c r="AG34337">
        <v>51</v>
      </c>
      <c r="AH34337">
        <v>52</v>
      </c>
      <c r="AI34337">
        <v>53</v>
      </c>
      <c r="AJ34337">
        <v>54</v>
      </c>
      <c r="AK34337">
        <v>55</v>
      </c>
      <c r="AL34337">
        <v>55</v>
      </c>
      <c r="AM34337">
        <v>56</v>
      </c>
      <c r="AN34337">
        <v>56</v>
      </c>
      <c r="AO34337">
        <v>56</v>
      </c>
      <c r="AP34337">
        <v>57</v>
      </c>
      <c r="AQ34337">
        <v>57</v>
      </c>
    </row>
    <row r="34338" spans="1:43">
      <c r="A34338" t="s">
        <v>21269</v>
      </c>
      <c r="B34338" t="s">
        <v>21270</v>
      </c>
      <c r="C34338" t="s">
        <v>21267</v>
      </c>
      <c r="D34338" t="s">
        <v>21268</v>
      </c>
      <c r="E34338" t="s">
        <v>21139</v>
      </c>
      <c r="F34338" t="s">
        <v>21140</v>
      </c>
      <c r="G34338" t="s">
        <v>20255</v>
      </c>
      <c r="H34338" t="s">
        <v>20256</v>
      </c>
      <c r="I34338" s="2">
        <v>1</v>
      </c>
      <c r="J34338" s="2">
        <v>0</v>
      </c>
      <c r="K34338" s="2">
        <v>0</v>
      </c>
      <c r="L34338" t="s">
        <v>120</v>
      </c>
      <c r="M34338" t="s">
        <v>83</v>
      </c>
      <c r="N34338" t="s">
        <v>84</v>
      </c>
      <c r="O34338" t="s">
        <v>85</v>
      </c>
      <c r="P34338" t="s">
        <v>86</v>
      </c>
      <c r="Q34338">
        <v>61</v>
      </c>
      <c r="R34338">
        <v>62</v>
      </c>
      <c r="S34338">
        <v>64</v>
      </c>
      <c r="T34338">
        <v>65</v>
      </c>
      <c r="U34338">
        <v>66</v>
      </c>
      <c r="V34338">
        <v>68</v>
      </c>
      <c r="W34338">
        <v>69</v>
      </c>
      <c r="X34338">
        <v>71</v>
      </c>
      <c r="Y34338">
        <v>72</v>
      </c>
      <c r="Z34338">
        <v>74</v>
      </c>
      <c r="AA34338">
        <v>75</v>
      </c>
      <c r="AB34338">
        <v>76</v>
      </c>
      <c r="AC34338">
        <v>78</v>
      </c>
      <c r="AD34338">
        <v>79</v>
      </c>
      <c r="AE34338">
        <v>81</v>
      </c>
      <c r="AF34338">
        <v>82</v>
      </c>
      <c r="AG34338">
        <v>84</v>
      </c>
      <c r="AH34338">
        <v>85</v>
      </c>
      <c r="AI34338">
        <v>87</v>
      </c>
      <c r="AJ34338">
        <v>88</v>
      </c>
      <c r="AK34338">
        <v>90</v>
      </c>
      <c r="AL34338">
        <v>91</v>
      </c>
      <c r="AM34338">
        <v>91</v>
      </c>
      <c r="AN34338">
        <v>92</v>
      </c>
      <c r="AO34338">
        <v>93</v>
      </c>
      <c r="AP34338">
        <v>93</v>
      </c>
      <c r="AQ34338">
        <v>94</v>
      </c>
    </row>
    <row r="34339" spans="1:43">
      <c r="A34339" t="s">
        <v>21269</v>
      </c>
      <c r="B34339" t="s">
        <v>21270</v>
      </c>
      <c r="C34339" t="s">
        <v>21267</v>
      </c>
      <c r="D34339" t="s">
        <v>21268</v>
      </c>
      <c r="E34339" t="s">
        <v>21139</v>
      </c>
      <c r="F34339" t="s">
        <v>21140</v>
      </c>
      <c r="G34339" t="s">
        <v>20255</v>
      </c>
      <c r="H34339" t="s">
        <v>20256</v>
      </c>
      <c r="I34339" s="2">
        <v>1</v>
      </c>
      <c r="J34339" s="2">
        <v>0</v>
      </c>
      <c r="K34339" s="2">
        <v>0</v>
      </c>
      <c r="L34339" t="s">
        <v>120</v>
      </c>
      <c r="M34339" t="s">
        <v>87</v>
      </c>
      <c r="N34339" t="s">
        <v>88</v>
      </c>
      <c r="O34339" t="s">
        <v>85</v>
      </c>
      <c r="P34339" t="s">
        <v>86</v>
      </c>
      <c r="Q34339">
        <v>61</v>
      </c>
      <c r="R34339">
        <v>62</v>
      </c>
      <c r="S34339">
        <v>63</v>
      </c>
      <c r="T34339">
        <v>64</v>
      </c>
      <c r="U34339">
        <v>65</v>
      </c>
      <c r="V34339">
        <v>65</v>
      </c>
      <c r="W34339">
        <v>66</v>
      </c>
      <c r="X34339">
        <v>67</v>
      </c>
      <c r="Y34339">
        <v>68</v>
      </c>
      <c r="Z34339">
        <v>69</v>
      </c>
      <c r="AA34339">
        <v>69</v>
      </c>
      <c r="AB34339">
        <v>70</v>
      </c>
      <c r="AC34339">
        <v>71</v>
      </c>
      <c r="AD34339">
        <v>72</v>
      </c>
      <c r="AE34339">
        <v>73</v>
      </c>
      <c r="AF34339">
        <v>73</v>
      </c>
      <c r="AG34339">
        <v>74</v>
      </c>
      <c r="AH34339">
        <v>75</v>
      </c>
      <c r="AI34339">
        <v>76</v>
      </c>
      <c r="AJ34339">
        <v>77</v>
      </c>
      <c r="AK34339">
        <v>78</v>
      </c>
      <c r="AL34339">
        <v>78</v>
      </c>
      <c r="AM34339">
        <v>79</v>
      </c>
      <c r="AN34339">
        <v>80</v>
      </c>
      <c r="AO34339">
        <v>81</v>
      </c>
      <c r="AP34339">
        <v>82</v>
      </c>
      <c r="AQ34339">
        <v>83</v>
      </c>
    </row>
    <row r="34340" spans="1:43">
      <c r="A34340" t="s">
        <v>21269</v>
      </c>
      <c r="B34340" t="s">
        <v>21270</v>
      </c>
      <c r="C34340" t="s">
        <v>21267</v>
      </c>
      <c r="D34340" t="s">
        <v>21268</v>
      </c>
      <c r="E34340" t="s">
        <v>21139</v>
      </c>
      <c r="F34340" t="s">
        <v>21140</v>
      </c>
      <c r="G34340" t="s">
        <v>20255</v>
      </c>
      <c r="H34340" t="s">
        <v>20256</v>
      </c>
      <c r="I34340" s="2">
        <v>1</v>
      </c>
      <c r="J34340" s="2">
        <v>0</v>
      </c>
      <c r="K34340" s="2">
        <v>0</v>
      </c>
      <c r="L34340" t="s">
        <v>120</v>
      </c>
      <c r="M34340" t="s">
        <v>89</v>
      </c>
      <c r="N34340" t="s">
        <v>90</v>
      </c>
      <c r="O34340" t="s">
        <v>85</v>
      </c>
      <c r="P34340" t="s">
        <v>86</v>
      </c>
      <c r="Q34340">
        <v>61</v>
      </c>
      <c r="R34340">
        <v>62</v>
      </c>
      <c r="S34340">
        <v>64</v>
      </c>
      <c r="T34340">
        <v>66</v>
      </c>
      <c r="U34340">
        <v>68</v>
      </c>
      <c r="V34340">
        <v>70</v>
      </c>
      <c r="W34340">
        <v>72</v>
      </c>
      <c r="X34340">
        <v>74</v>
      </c>
      <c r="Y34340">
        <v>75</v>
      </c>
      <c r="Z34340">
        <v>77</v>
      </c>
      <c r="AA34340">
        <v>79</v>
      </c>
      <c r="AB34340">
        <v>81</v>
      </c>
      <c r="AC34340">
        <v>82</v>
      </c>
      <c r="AD34340">
        <v>84</v>
      </c>
      <c r="AE34340">
        <v>86</v>
      </c>
      <c r="AF34340">
        <v>86</v>
      </c>
      <c r="AG34340">
        <v>87</v>
      </c>
      <c r="AH34340">
        <v>88</v>
      </c>
      <c r="AI34340">
        <v>88</v>
      </c>
      <c r="AJ34340">
        <v>89</v>
      </c>
      <c r="AK34340">
        <v>90</v>
      </c>
      <c r="AL34340">
        <v>90</v>
      </c>
      <c r="AM34340">
        <v>91</v>
      </c>
      <c r="AN34340">
        <v>92</v>
      </c>
      <c r="AO34340">
        <v>92</v>
      </c>
      <c r="AP34340">
        <v>93</v>
      </c>
      <c r="AQ34340">
        <v>93</v>
      </c>
    </row>
    <row r="34341" spans="1:43">
      <c r="A34341" t="s">
        <v>21269</v>
      </c>
      <c r="B34341" t="s">
        <v>21270</v>
      </c>
      <c r="C34341" t="s">
        <v>21267</v>
      </c>
      <c r="D34341" t="s">
        <v>21268</v>
      </c>
      <c r="E34341" t="s">
        <v>21139</v>
      </c>
      <c r="F34341" t="s">
        <v>21140</v>
      </c>
      <c r="G34341" t="s">
        <v>20255</v>
      </c>
      <c r="H34341" t="s">
        <v>20256</v>
      </c>
      <c r="I34341" s="2">
        <v>1</v>
      </c>
      <c r="J34341" s="2">
        <v>0</v>
      </c>
      <c r="K34341" s="2">
        <v>0</v>
      </c>
      <c r="L34341" t="s">
        <v>120</v>
      </c>
      <c r="M34341" t="s">
        <v>83</v>
      </c>
      <c r="N34341" t="s">
        <v>91</v>
      </c>
      <c r="O34341" t="s">
        <v>85</v>
      </c>
      <c r="P34341" t="s">
        <v>86</v>
      </c>
      <c r="Q34341">
        <v>61</v>
      </c>
      <c r="R34341">
        <v>62</v>
      </c>
      <c r="S34341">
        <v>64</v>
      </c>
      <c r="T34341">
        <v>65</v>
      </c>
      <c r="U34341">
        <v>66</v>
      </c>
      <c r="V34341">
        <v>68</v>
      </c>
      <c r="W34341">
        <v>69</v>
      </c>
      <c r="X34341">
        <v>71</v>
      </c>
      <c r="Y34341">
        <v>72</v>
      </c>
      <c r="Z34341">
        <v>74</v>
      </c>
      <c r="AA34341">
        <v>75</v>
      </c>
      <c r="AB34341">
        <v>76</v>
      </c>
      <c r="AC34341">
        <v>78</v>
      </c>
      <c r="AD34341">
        <v>79</v>
      </c>
      <c r="AE34341">
        <v>81</v>
      </c>
      <c r="AF34341">
        <v>82</v>
      </c>
      <c r="AG34341">
        <v>84</v>
      </c>
      <c r="AH34341">
        <v>85</v>
      </c>
      <c r="AI34341">
        <v>87</v>
      </c>
      <c r="AJ34341">
        <v>88</v>
      </c>
      <c r="AK34341">
        <v>90</v>
      </c>
      <c r="AL34341">
        <v>91</v>
      </c>
      <c r="AM34341">
        <v>91</v>
      </c>
      <c r="AN34341">
        <v>92</v>
      </c>
      <c r="AO34341">
        <v>93</v>
      </c>
      <c r="AP34341">
        <v>93</v>
      </c>
      <c r="AQ34341">
        <v>94</v>
      </c>
    </row>
    <row r="34342" spans="1:43">
      <c r="A34342" t="s">
        <v>21271</v>
      </c>
      <c r="B34342" t="s">
        <v>21272</v>
      </c>
      <c r="C34342" t="s">
        <v>21267</v>
      </c>
      <c r="D34342" t="s">
        <v>21268</v>
      </c>
      <c r="E34342" t="s">
        <v>21139</v>
      </c>
      <c r="F34342" t="s">
        <v>21140</v>
      </c>
      <c r="G34342" t="s">
        <v>20255</v>
      </c>
      <c r="H34342" t="s">
        <v>20256</v>
      </c>
      <c r="I34342" s="2">
        <v>1</v>
      </c>
      <c r="J34342" s="2">
        <v>0</v>
      </c>
      <c r="K34342" s="2">
        <v>0</v>
      </c>
      <c r="L34342" t="s">
        <v>120</v>
      </c>
      <c r="M34342" t="s">
        <v>83</v>
      </c>
      <c r="N34342" t="s">
        <v>84</v>
      </c>
      <c r="O34342" t="s">
        <v>85</v>
      </c>
      <c r="P34342" t="s">
        <v>86</v>
      </c>
      <c r="Q34342">
        <v>17</v>
      </c>
      <c r="R34342">
        <v>18</v>
      </c>
      <c r="S34342">
        <v>18</v>
      </c>
      <c r="T34342">
        <v>18</v>
      </c>
      <c r="U34342">
        <v>19</v>
      </c>
      <c r="V34342">
        <v>19</v>
      </c>
      <c r="W34342">
        <v>20</v>
      </c>
      <c r="X34342">
        <v>20</v>
      </c>
      <c r="Y34342">
        <v>20</v>
      </c>
      <c r="Z34342">
        <v>21</v>
      </c>
      <c r="AA34342">
        <v>21</v>
      </c>
      <c r="AB34342">
        <v>22</v>
      </c>
      <c r="AC34342">
        <v>22</v>
      </c>
      <c r="AD34342">
        <v>22</v>
      </c>
      <c r="AE34342">
        <v>23</v>
      </c>
      <c r="AF34342">
        <v>23</v>
      </c>
      <c r="AG34342">
        <v>24</v>
      </c>
      <c r="AH34342">
        <v>24</v>
      </c>
      <c r="AI34342">
        <v>24</v>
      </c>
      <c r="AJ34342">
        <v>25</v>
      </c>
      <c r="AK34342">
        <v>25</v>
      </c>
      <c r="AL34342">
        <v>25</v>
      </c>
      <c r="AM34342">
        <v>26</v>
      </c>
      <c r="AN34342">
        <v>26</v>
      </c>
      <c r="AO34342">
        <v>26</v>
      </c>
      <c r="AP34342">
        <v>26</v>
      </c>
      <c r="AQ34342">
        <v>26</v>
      </c>
    </row>
    <row r="34343" spans="1:43">
      <c r="A34343" t="s">
        <v>21271</v>
      </c>
      <c r="B34343" t="s">
        <v>21272</v>
      </c>
      <c r="C34343" t="s">
        <v>21267</v>
      </c>
      <c r="D34343" t="s">
        <v>21268</v>
      </c>
      <c r="E34343" t="s">
        <v>21139</v>
      </c>
      <c r="F34343" t="s">
        <v>21140</v>
      </c>
      <c r="G34343" t="s">
        <v>20255</v>
      </c>
      <c r="H34343" t="s">
        <v>20256</v>
      </c>
      <c r="I34343" s="2">
        <v>1</v>
      </c>
      <c r="J34343" s="2">
        <v>0</v>
      </c>
      <c r="K34343" s="2">
        <v>0</v>
      </c>
      <c r="L34343" t="s">
        <v>120</v>
      </c>
      <c r="M34343" t="s">
        <v>87</v>
      </c>
      <c r="N34343" t="s">
        <v>88</v>
      </c>
      <c r="O34343" t="s">
        <v>85</v>
      </c>
      <c r="P34343" t="s">
        <v>86</v>
      </c>
      <c r="Q34343">
        <v>17</v>
      </c>
      <c r="R34343">
        <v>17</v>
      </c>
      <c r="S34343">
        <v>18</v>
      </c>
      <c r="T34343">
        <v>18</v>
      </c>
      <c r="U34343">
        <v>18</v>
      </c>
      <c r="V34343">
        <v>18</v>
      </c>
      <c r="W34343">
        <v>18</v>
      </c>
      <c r="X34343">
        <v>19</v>
      </c>
      <c r="Y34343">
        <v>19</v>
      </c>
      <c r="Z34343">
        <v>19</v>
      </c>
      <c r="AA34343">
        <v>19</v>
      </c>
      <c r="AB34343">
        <v>20</v>
      </c>
      <c r="AC34343">
        <v>20</v>
      </c>
      <c r="AD34343">
        <v>20</v>
      </c>
      <c r="AE34343">
        <v>20</v>
      </c>
      <c r="AF34343">
        <v>21</v>
      </c>
      <c r="AG34343">
        <v>21</v>
      </c>
      <c r="AH34343">
        <v>21</v>
      </c>
      <c r="AI34343">
        <v>21</v>
      </c>
      <c r="AJ34343">
        <v>21</v>
      </c>
      <c r="AK34343">
        <v>22</v>
      </c>
      <c r="AL34343">
        <v>22</v>
      </c>
      <c r="AM34343">
        <v>22</v>
      </c>
      <c r="AN34343">
        <v>22</v>
      </c>
      <c r="AO34343">
        <v>23</v>
      </c>
      <c r="AP34343">
        <v>23</v>
      </c>
      <c r="AQ34343">
        <v>23</v>
      </c>
    </row>
    <row r="34344" spans="1:43">
      <c r="A34344" t="s">
        <v>21271</v>
      </c>
      <c r="B34344" t="s">
        <v>21272</v>
      </c>
      <c r="C34344" t="s">
        <v>21267</v>
      </c>
      <c r="D34344" t="s">
        <v>21268</v>
      </c>
      <c r="E34344" t="s">
        <v>21139</v>
      </c>
      <c r="F34344" t="s">
        <v>21140</v>
      </c>
      <c r="G34344" t="s">
        <v>20255</v>
      </c>
      <c r="H34344" t="s">
        <v>20256</v>
      </c>
      <c r="I34344" s="2">
        <v>1</v>
      </c>
      <c r="J34344" s="2">
        <v>0</v>
      </c>
      <c r="K34344" s="2">
        <v>0</v>
      </c>
      <c r="L34344" t="s">
        <v>120</v>
      </c>
      <c r="M34344" t="s">
        <v>89</v>
      </c>
      <c r="N34344" t="s">
        <v>90</v>
      </c>
      <c r="O34344" t="s">
        <v>85</v>
      </c>
      <c r="P34344" t="s">
        <v>86</v>
      </c>
      <c r="Q34344">
        <v>17</v>
      </c>
      <c r="R34344">
        <v>18</v>
      </c>
      <c r="S34344">
        <v>19</v>
      </c>
      <c r="T34344">
        <v>19</v>
      </c>
      <c r="U34344">
        <v>20</v>
      </c>
      <c r="V34344">
        <v>20</v>
      </c>
      <c r="W34344">
        <v>21</v>
      </c>
      <c r="X34344">
        <v>21</v>
      </c>
      <c r="Y34344">
        <v>22</v>
      </c>
      <c r="Z34344">
        <v>22</v>
      </c>
      <c r="AA34344">
        <v>23</v>
      </c>
      <c r="AB34344">
        <v>23</v>
      </c>
      <c r="AC34344">
        <v>24</v>
      </c>
      <c r="AD34344">
        <v>24</v>
      </c>
      <c r="AE34344">
        <v>24</v>
      </c>
      <c r="AF34344">
        <v>25</v>
      </c>
      <c r="AG34344">
        <v>25</v>
      </c>
      <c r="AH34344">
        <v>25</v>
      </c>
      <c r="AI34344">
        <v>25</v>
      </c>
      <c r="AJ34344">
        <v>25</v>
      </c>
      <c r="AK34344">
        <v>26</v>
      </c>
      <c r="AL34344">
        <v>26</v>
      </c>
      <c r="AM34344">
        <v>26</v>
      </c>
      <c r="AN34344">
        <v>26</v>
      </c>
      <c r="AO34344">
        <v>26</v>
      </c>
      <c r="AP34344">
        <v>26</v>
      </c>
      <c r="AQ34344">
        <v>27</v>
      </c>
    </row>
    <row r="34345" spans="1:43">
      <c r="A34345" t="s">
        <v>21271</v>
      </c>
      <c r="B34345" t="s">
        <v>21272</v>
      </c>
      <c r="C34345" t="s">
        <v>21267</v>
      </c>
      <c r="D34345" t="s">
        <v>21268</v>
      </c>
      <c r="E34345" t="s">
        <v>21139</v>
      </c>
      <c r="F34345" t="s">
        <v>21140</v>
      </c>
      <c r="G34345" t="s">
        <v>20255</v>
      </c>
      <c r="H34345" t="s">
        <v>20256</v>
      </c>
      <c r="I34345" s="2">
        <v>1</v>
      </c>
      <c r="J34345" s="2">
        <v>0</v>
      </c>
      <c r="K34345" s="2">
        <v>0</v>
      </c>
      <c r="L34345" t="s">
        <v>120</v>
      </c>
      <c r="M34345" t="s">
        <v>83</v>
      </c>
      <c r="N34345" t="s">
        <v>91</v>
      </c>
      <c r="O34345" t="s">
        <v>85</v>
      </c>
      <c r="P34345" t="s">
        <v>86</v>
      </c>
      <c r="Q34345">
        <v>17</v>
      </c>
      <c r="R34345">
        <v>18</v>
      </c>
      <c r="S34345">
        <v>18</v>
      </c>
      <c r="T34345">
        <v>18</v>
      </c>
      <c r="U34345">
        <v>19</v>
      </c>
      <c r="V34345">
        <v>19</v>
      </c>
      <c r="W34345">
        <v>20</v>
      </c>
      <c r="X34345">
        <v>20</v>
      </c>
      <c r="Y34345">
        <v>20</v>
      </c>
      <c r="Z34345">
        <v>21</v>
      </c>
      <c r="AA34345">
        <v>21</v>
      </c>
      <c r="AB34345">
        <v>22</v>
      </c>
      <c r="AC34345">
        <v>22</v>
      </c>
      <c r="AD34345">
        <v>22</v>
      </c>
      <c r="AE34345">
        <v>23</v>
      </c>
      <c r="AF34345">
        <v>23</v>
      </c>
      <c r="AG34345">
        <v>24</v>
      </c>
      <c r="AH34345">
        <v>24</v>
      </c>
      <c r="AI34345">
        <v>24</v>
      </c>
      <c r="AJ34345">
        <v>25</v>
      </c>
      <c r="AK34345">
        <v>25</v>
      </c>
      <c r="AL34345">
        <v>25</v>
      </c>
      <c r="AM34345">
        <v>26</v>
      </c>
      <c r="AN34345">
        <v>26</v>
      </c>
      <c r="AO34345">
        <v>26</v>
      </c>
      <c r="AP34345">
        <v>26</v>
      </c>
      <c r="AQ34345">
        <v>26</v>
      </c>
    </row>
    <row r="34346" spans="1:43">
      <c r="A34346" t="s">
        <v>21273</v>
      </c>
      <c r="B34346" t="s">
        <v>21274</v>
      </c>
      <c r="C34346" t="s">
        <v>21275</v>
      </c>
      <c r="D34346" t="s">
        <v>21276</v>
      </c>
      <c r="E34346" t="s">
        <v>21139</v>
      </c>
      <c r="F34346" t="s">
        <v>21140</v>
      </c>
      <c r="G34346" t="s">
        <v>20255</v>
      </c>
      <c r="H34346" t="s">
        <v>20256</v>
      </c>
      <c r="I34346" s="2">
        <v>1</v>
      </c>
      <c r="J34346" s="2">
        <v>0</v>
      </c>
      <c r="K34346" s="2">
        <v>0</v>
      </c>
      <c r="L34346" t="s">
        <v>120</v>
      </c>
      <c r="M34346" t="s">
        <v>83</v>
      </c>
      <c r="N34346" t="s">
        <v>84</v>
      </c>
      <c r="O34346" t="s">
        <v>85</v>
      </c>
      <c r="P34346" t="s">
        <v>86</v>
      </c>
      <c r="Q34346">
        <v>15</v>
      </c>
      <c r="R34346">
        <v>15</v>
      </c>
      <c r="S34346">
        <v>15</v>
      </c>
      <c r="T34346">
        <v>16</v>
      </c>
      <c r="U34346">
        <v>16</v>
      </c>
      <c r="V34346">
        <v>16</v>
      </c>
      <c r="W34346">
        <v>17</v>
      </c>
      <c r="X34346">
        <v>17</v>
      </c>
      <c r="Y34346">
        <v>17</v>
      </c>
      <c r="Z34346">
        <v>18</v>
      </c>
      <c r="AA34346">
        <v>18</v>
      </c>
      <c r="AB34346">
        <v>18</v>
      </c>
      <c r="AC34346">
        <v>19</v>
      </c>
      <c r="AD34346">
        <v>19</v>
      </c>
      <c r="AE34346">
        <v>19</v>
      </c>
      <c r="AF34346">
        <v>20</v>
      </c>
      <c r="AG34346">
        <v>20</v>
      </c>
      <c r="AH34346">
        <v>20</v>
      </c>
      <c r="AI34346">
        <v>21</v>
      </c>
      <c r="AJ34346">
        <v>21</v>
      </c>
      <c r="AK34346">
        <v>21</v>
      </c>
      <c r="AL34346">
        <v>22</v>
      </c>
      <c r="AM34346">
        <v>22</v>
      </c>
      <c r="AN34346">
        <v>22</v>
      </c>
      <c r="AO34346">
        <v>22</v>
      </c>
      <c r="AP34346">
        <v>22</v>
      </c>
      <c r="AQ34346">
        <v>22</v>
      </c>
    </row>
    <row r="34347" spans="1:43">
      <c r="A34347" t="s">
        <v>21273</v>
      </c>
      <c r="B34347" t="s">
        <v>21274</v>
      </c>
      <c r="C34347" t="s">
        <v>21275</v>
      </c>
      <c r="D34347" t="s">
        <v>21276</v>
      </c>
      <c r="E34347" t="s">
        <v>21139</v>
      </c>
      <c r="F34347" t="s">
        <v>21140</v>
      </c>
      <c r="G34347" t="s">
        <v>20255</v>
      </c>
      <c r="H34347" t="s">
        <v>20256</v>
      </c>
      <c r="I34347" s="2">
        <v>1</v>
      </c>
      <c r="J34347" s="2">
        <v>0</v>
      </c>
      <c r="K34347" s="2">
        <v>0</v>
      </c>
      <c r="L34347" t="s">
        <v>120</v>
      </c>
      <c r="M34347" t="s">
        <v>87</v>
      </c>
      <c r="N34347" t="s">
        <v>88</v>
      </c>
      <c r="O34347" t="s">
        <v>85</v>
      </c>
      <c r="P34347" t="s">
        <v>86</v>
      </c>
      <c r="Q34347">
        <v>15</v>
      </c>
      <c r="R34347">
        <v>15</v>
      </c>
      <c r="S34347">
        <v>15</v>
      </c>
      <c r="T34347">
        <v>15</v>
      </c>
      <c r="U34347">
        <v>15</v>
      </c>
      <c r="V34347">
        <v>15</v>
      </c>
      <c r="W34347">
        <v>16</v>
      </c>
      <c r="X34347">
        <v>16</v>
      </c>
      <c r="Y34347">
        <v>16</v>
      </c>
      <c r="Z34347">
        <v>16</v>
      </c>
      <c r="AA34347">
        <v>16</v>
      </c>
      <c r="AB34347">
        <v>17</v>
      </c>
      <c r="AC34347">
        <v>17</v>
      </c>
      <c r="AD34347">
        <v>17</v>
      </c>
      <c r="AE34347">
        <v>17</v>
      </c>
      <c r="AF34347">
        <v>17</v>
      </c>
      <c r="AG34347">
        <v>18</v>
      </c>
      <c r="AH34347">
        <v>18</v>
      </c>
      <c r="AI34347">
        <v>18</v>
      </c>
      <c r="AJ34347">
        <v>18</v>
      </c>
      <c r="AK34347">
        <v>18</v>
      </c>
      <c r="AL34347">
        <v>19</v>
      </c>
      <c r="AM34347">
        <v>19</v>
      </c>
      <c r="AN34347">
        <v>19</v>
      </c>
      <c r="AO34347">
        <v>19</v>
      </c>
      <c r="AP34347">
        <v>19</v>
      </c>
      <c r="AQ34347">
        <v>20</v>
      </c>
    </row>
    <row r="34348" spans="1:43">
      <c r="A34348" t="s">
        <v>21273</v>
      </c>
      <c r="B34348" t="s">
        <v>21274</v>
      </c>
      <c r="C34348" t="s">
        <v>21275</v>
      </c>
      <c r="D34348" t="s">
        <v>21276</v>
      </c>
      <c r="E34348" t="s">
        <v>21139</v>
      </c>
      <c r="F34348" t="s">
        <v>21140</v>
      </c>
      <c r="G34348" t="s">
        <v>20255</v>
      </c>
      <c r="H34348" t="s">
        <v>20256</v>
      </c>
      <c r="I34348" s="2">
        <v>1</v>
      </c>
      <c r="J34348" s="2">
        <v>0</v>
      </c>
      <c r="K34348" s="2">
        <v>0</v>
      </c>
      <c r="L34348" t="s">
        <v>120</v>
      </c>
      <c r="M34348" t="s">
        <v>89</v>
      </c>
      <c r="N34348" t="s">
        <v>90</v>
      </c>
      <c r="O34348" t="s">
        <v>85</v>
      </c>
      <c r="P34348" t="s">
        <v>86</v>
      </c>
      <c r="Q34348">
        <v>15</v>
      </c>
      <c r="R34348">
        <v>15</v>
      </c>
      <c r="S34348">
        <v>16</v>
      </c>
      <c r="T34348">
        <v>16</v>
      </c>
      <c r="U34348">
        <v>17</v>
      </c>
      <c r="V34348">
        <v>17</v>
      </c>
      <c r="W34348">
        <v>17</v>
      </c>
      <c r="X34348">
        <v>18</v>
      </c>
      <c r="Y34348">
        <v>18</v>
      </c>
      <c r="Z34348">
        <v>19</v>
      </c>
      <c r="AA34348">
        <v>19</v>
      </c>
      <c r="AB34348">
        <v>20</v>
      </c>
      <c r="AC34348">
        <v>20</v>
      </c>
      <c r="AD34348">
        <v>20</v>
      </c>
      <c r="AE34348">
        <v>21</v>
      </c>
      <c r="AF34348">
        <v>21</v>
      </c>
      <c r="AG34348">
        <v>21</v>
      </c>
      <c r="AH34348">
        <v>21</v>
      </c>
      <c r="AI34348">
        <v>21</v>
      </c>
      <c r="AJ34348">
        <v>22</v>
      </c>
      <c r="AK34348">
        <v>22</v>
      </c>
      <c r="AL34348">
        <v>22</v>
      </c>
      <c r="AM34348">
        <v>22</v>
      </c>
      <c r="AN34348">
        <v>22</v>
      </c>
      <c r="AO34348">
        <v>22</v>
      </c>
      <c r="AP34348">
        <v>22</v>
      </c>
      <c r="AQ34348">
        <v>23</v>
      </c>
    </row>
    <row r="34349" spans="1:43">
      <c r="A34349" t="s">
        <v>21273</v>
      </c>
      <c r="B34349" t="s">
        <v>21274</v>
      </c>
      <c r="C34349" t="s">
        <v>21275</v>
      </c>
      <c r="D34349" t="s">
        <v>21276</v>
      </c>
      <c r="E34349" t="s">
        <v>21139</v>
      </c>
      <c r="F34349" t="s">
        <v>21140</v>
      </c>
      <c r="G34349" t="s">
        <v>20255</v>
      </c>
      <c r="H34349" t="s">
        <v>20256</v>
      </c>
      <c r="I34349" s="2">
        <v>1</v>
      </c>
      <c r="J34349" s="2">
        <v>0</v>
      </c>
      <c r="K34349" s="2">
        <v>0</v>
      </c>
      <c r="L34349" t="s">
        <v>120</v>
      </c>
      <c r="M34349" t="s">
        <v>83</v>
      </c>
      <c r="N34349" t="s">
        <v>91</v>
      </c>
      <c r="O34349" t="s">
        <v>85</v>
      </c>
      <c r="P34349" t="s">
        <v>86</v>
      </c>
      <c r="Q34349">
        <v>15</v>
      </c>
      <c r="R34349">
        <v>15</v>
      </c>
      <c r="S34349">
        <v>15</v>
      </c>
      <c r="T34349">
        <v>16</v>
      </c>
      <c r="U34349">
        <v>16</v>
      </c>
      <c r="V34349">
        <v>16</v>
      </c>
      <c r="W34349">
        <v>17</v>
      </c>
      <c r="X34349">
        <v>17</v>
      </c>
      <c r="Y34349">
        <v>17</v>
      </c>
      <c r="Z34349">
        <v>18</v>
      </c>
      <c r="AA34349">
        <v>18</v>
      </c>
      <c r="AB34349">
        <v>18</v>
      </c>
      <c r="AC34349">
        <v>19</v>
      </c>
      <c r="AD34349">
        <v>19</v>
      </c>
      <c r="AE34349">
        <v>19</v>
      </c>
      <c r="AF34349">
        <v>20</v>
      </c>
      <c r="AG34349">
        <v>20</v>
      </c>
      <c r="AH34349">
        <v>20</v>
      </c>
      <c r="AI34349">
        <v>21</v>
      </c>
      <c r="AJ34349">
        <v>21</v>
      </c>
      <c r="AK34349">
        <v>21</v>
      </c>
      <c r="AL34349">
        <v>22</v>
      </c>
      <c r="AM34349">
        <v>22</v>
      </c>
      <c r="AN34349">
        <v>22</v>
      </c>
      <c r="AO34349">
        <v>22</v>
      </c>
      <c r="AP34349">
        <v>22</v>
      </c>
      <c r="AQ34349">
        <v>22</v>
      </c>
    </row>
    <row r="34350" spans="1:43">
      <c r="A34350" t="s">
        <v>21277</v>
      </c>
      <c r="B34350" t="s">
        <v>21278</v>
      </c>
      <c r="C34350" t="s">
        <v>21275</v>
      </c>
      <c r="D34350" t="s">
        <v>21276</v>
      </c>
      <c r="E34350" t="s">
        <v>21139</v>
      </c>
      <c r="F34350" t="s">
        <v>21140</v>
      </c>
      <c r="G34350" t="s">
        <v>20255</v>
      </c>
      <c r="H34350" t="s">
        <v>20256</v>
      </c>
      <c r="I34350" s="2">
        <v>1</v>
      </c>
      <c r="J34350" s="2">
        <v>0</v>
      </c>
      <c r="K34350" s="2">
        <v>0</v>
      </c>
      <c r="L34350" t="s">
        <v>120</v>
      </c>
      <c r="M34350" t="s">
        <v>83</v>
      </c>
      <c r="N34350" t="s">
        <v>84</v>
      </c>
      <c r="O34350" t="s">
        <v>85</v>
      </c>
      <c r="P34350" t="s">
        <v>86</v>
      </c>
      <c r="Q34350">
        <v>56</v>
      </c>
      <c r="R34350">
        <v>58</v>
      </c>
      <c r="S34350">
        <v>59</v>
      </c>
      <c r="T34350">
        <v>60</v>
      </c>
      <c r="U34350">
        <v>61</v>
      </c>
      <c r="V34350">
        <v>62</v>
      </c>
      <c r="W34350">
        <v>64</v>
      </c>
      <c r="X34350">
        <v>65</v>
      </c>
      <c r="Y34350">
        <v>66</v>
      </c>
      <c r="Z34350">
        <v>67</v>
      </c>
      <c r="AA34350">
        <v>69</v>
      </c>
      <c r="AB34350">
        <v>70</v>
      </c>
      <c r="AC34350">
        <v>71</v>
      </c>
      <c r="AD34350">
        <v>72</v>
      </c>
      <c r="AE34350">
        <v>73</v>
      </c>
      <c r="AF34350">
        <v>75</v>
      </c>
      <c r="AG34350">
        <v>76</v>
      </c>
      <c r="AH34350">
        <v>77</v>
      </c>
      <c r="AI34350">
        <v>78</v>
      </c>
      <c r="AJ34350">
        <v>80</v>
      </c>
      <c r="AK34350">
        <v>81</v>
      </c>
      <c r="AL34350">
        <v>82</v>
      </c>
      <c r="AM34350">
        <v>82</v>
      </c>
      <c r="AN34350">
        <v>83</v>
      </c>
      <c r="AO34350">
        <v>84</v>
      </c>
      <c r="AP34350">
        <v>84</v>
      </c>
      <c r="AQ34350">
        <v>85</v>
      </c>
    </row>
    <row r="34351" spans="1:43">
      <c r="A34351" t="s">
        <v>21277</v>
      </c>
      <c r="B34351" t="s">
        <v>21278</v>
      </c>
      <c r="C34351" t="s">
        <v>21275</v>
      </c>
      <c r="D34351" t="s">
        <v>21276</v>
      </c>
      <c r="E34351" t="s">
        <v>21139</v>
      </c>
      <c r="F34351" t="s">
        <v>21140</v>
      </c>
      <c r="G34351" t="s">
        <v>20255</v>
      </c>
      <c r="H34351" t="s">
        <v>20256</v>
      </c>
      <c r="I34351" s="2">
        <v>1</v>
      </c>
      <c r="J34351" s="2">
        <v>0</v>
      </c>
      <c r="K34351" s="2">
        <v>0</v>
      </c>
      <c r="L34351" t="s">
        <v>120</v>
      </c>
      <c r="M34351" t="s">
        <v>87</v>
      </c>
      <c r="N34351" t="s">
        <v>88</v>
      </c>
      <c r="O34351" t="s">
        <v>85</v>
      </c>
      <c r="P34351" t="s">
        <v>86</v>
      </c>
      <c r="Q34351">
        <v>56</v>
      </c>
      <c r="R34351">
        <v>56</v>
      </c>
      <c r="S34351">
        <v>57</v>
      </c>
      <c r="T34351">
        <v>58</v>
      </c>
      <c r="U34351">
        <v>58</v>
      </c>
      <c r="V34351">
        <v>59</v>
      </c>
      <c r="W34351">
        <v>60</v>
      </c>
      <c r="X34351">
        <v>60</v>
      </c>
      <c r="Y34351">
        <v>61</v>
      </c>
      <c r="Z34351">
        <v>62</v>
      </c>
      <c r="AA34351">
        <v>62</v>
      </c>
      <c r="AB34351">
        <v>63</v>
      </c>
      <c r="AC34351">
        <v>64</v>
      </c>
      <c r="AD34351">
        <v>65</v>
      </c>
      <c r="AE34351">
        <v>65</v>
      </c>
      <c r="AF34351">
        <v>66</v>
      </c>
      <c r="AG34351">
        <v>67</v>
      </c>
      <c r="AH34351">
        <v>67</v>
      </c>
      <c r="AI34351">
        <v>68</v>
      </c>
      <c r="AJ34351">
        <v>69</v>
      </c>
      <c r="AK34351">
        <v>69</v>
      </c>
      <c r="AL34351">
        <v>70</v>
      </c>
      <c r="AM34351">
        <v>71</v>
      </c>
      <c r="AN34351">
        <v>71</v>
      </c>
      <c r="AO34351">
        <v>72</v>
      </c>
      <c r="AP34351">
        <v>73</v>
      </c>
      <c r="AQ34351">
        <v>73</v>
      </c>
    </row>
    <row r="34352" spans="1:43">
      <c r="A34352" t="s">
        <v>21277</v>
      </c>
      <c r="B34352" t="s">
        <v>21278</v>
      </c>
      <c r="C34352" t="s">
        <v>21275</v>
      </c>
      <c r="D34352" t="s">
        <v>21276</v>
      </c>
      <c r="E34352" t="s">
        <v>21139</v>
      </c>
      <c r="F34352" t="s">
        <v>21140</v>
      </c>
      <c r="G34352" t="s">
        <v>20255</v>
      </c>
      <c r="H34352" t="s">
        <v>20256</v>
      </c>
      <c r="I34352" s="2">
        <v>1</v>
      </c>
      <c r="J34352" s="2">
        <v>0</v>
      </c>
      <c r="K34352" s="2">
        <v>0</v>
      </c>
      <c r="L34352" t="s">
        <v>120</v>
      </c>
      <c r="M34352" t="s">
        <v>89</v>
      </c>
      <c r="N34352" t="s">
        <v>90</v>
      </c>
      <c r="O34352" t="s">
        <v>85</v>
      </c>
      <c r="P34352" t="s">
        <v>86</v>
      </c>
      <c r="Q34352">
        <v>56</v>
      </c>
      <c r="R34352">
        <v>58</v>
      </c>
      <c r="S34352">
        <v>59</v>
      </c>
      <c r="T34352">
        <v>61</v>
      </c>
      <c r="U34352">
        <v>63</v>
      </c>
      <c r="V34352">
        <v>64</v>
      </c>
      <c r="W34352">
        <v>66</v>
      </c>
      <c r="X34352">
        <v>67</v>
      </c>
      <c r="Y34352">
        <v>69</v>
      </c>
      <c r="Z34352">
        <v>70</v>
      </c>
      <c r="AA34352">
        <v>72</v>
      </c>
      <c r="AB34352">
        <v>73</v>
      </c>
      <c r="AC34352">
        <v>75</v>
      </c>
      <c r="AD34352">
        <v>77</v>
      </c>
      <c r="AE34352">
        <v>78</v>
      </c>
      <c r="AF34352">
        <v>78</v>
      </c>
      <c r="AG34352">
        <v>79</v>
      </c>
      <c r="AH34352">
        <v>80</v>
      </c>
      <c r="AI34352">
        <v>80</v>
      </c>
      <c r="AJ34352">
        <v>81</v>
      </c>
      <c r="AK34352">
        <v>81</v>
      </c>
      <c r="AL34352">
        <v>82</v>
      </c>
      <c r="AM34352">
        <v>83</v>
      </c>
      <c r="AN34352">
        <v>83</v>
      </c>
      <c r="AO34352">
        <v>84</v>
      </c>
      <c r="AP34352">
        <v>84</v>
      </c>
      <c r="AQ34352">
        <v>85</v>
      </c>
    </row>
    <row r="34353" spans="1:43">
      <c r="A34353" t="s">
        <v>21277</v>
      </c>
      <c r="B34353" t="s">
        <v>21278</v>
      </c>
      <c r="C34353" t="s">
        <v>21275</v>
      </c>
      <c r="D34353" t="s">
        <v>21276</v>
      </c>
      <c r="E34353" t="s">
        <v>21139</v>
      </c>
      <c r="F34353" t="s">
        <v>21140</v>
      </c>
      <c r="G34353" t="s">
        <v>20255</v>
      </c>
      <c r="H34353" t="s">
        <v>20256</v>
      </c>
      <c r="I34353" s="2">
        <v>1</v>
      </c>
      <c r="J34353" s="2">
        <v>0</v>
      </c>
      <c r="K34353" s="2">
        <v>0</v>
      </c>
      <c r="L34353" t="s">
        <v>120</v>
      </c>
      <c r="M34353" t="s">
        <v>83</v>
      </c>
      <c r="N34353" t="s">
        <v>91</v>
      </c>
      <c r="O34353" t="s">
        <v>85</v>
      </c>
      <c r="P34353" t="s">
        <v>86</v>
      </c>
      <c r="Q34353">
        <v>56</v>
      </c>
      <c r="R34353">
        <v>58</v>
      </c>
      <c r="S34353">
        <v>59</v>
      </c>
      <c r="T34353">
        <v>60</v>
      </c>
      <c r="U34353">
        <v>61</v>
      </c>
      <c r="V34353">
        <v>62</v>
      </c>
      <c r="W34353">
        <v>64</v>
      </c>
      <c r="X34353">
        <v>65</v>
      </c>
      <c r="Y34353">
        <v>66</v>
      </c>
      <c r="Z34353">
        <v>67</v>
      </c>
      <c r="AA34353">
        <v>69</v>
      </c>
      <c r="AB34353">
        <v>70</v>
      </c>
      <c r="AC34353">
        <v>71</v>
      </c>
      <c r="AD34353">
        <v>72</v>
      </c>
      <c r="AE34353">
        <v>73</v>
      </c>
      <c r="AF34353">
        <v>75</v>
      </c>
      <c r="AG34353">
        <v>76</v>
      </c>
      <c r="AH34353">
        <v>77</v>
      </c>
      <c r="AI34353">
        <v>78</v>
      </c>
      <c r="AJ34353">
        <v>80</v>
      </c>
      <c r="AK34353">
        <v>81</v>
      </c>
      <c r="AL34353">
        <v>82</v>
      </c>
      <c r="AM34353">
        <v>82</v>
      </c>
      <c r="AN34353">
        <v>83</v>
      </c>
      <c r="AO34353">
        <v>84</v>
      </c>
      <c r="AP34353">
        <v>84</v>
      </c>
      <c r="AQ34353">
        <v>85</v>
      </c>
    </row>
    <row r="34354" spans="1:43">
      <c r="A34354" t="s">
        <v>21279</v>
      </c>
      <c r="B34354" t="s">
        <v>21280</v>
      </c>
      <c r="C34354" t="s">
        <v>21275</v>
      </c>
      <c r="D34354" t="s">
        <v>21276</v>
      </c>
      <c r="E34354" t="s">
        <v>21139</v>
      </c>
      <c r="F34354" t="s">
        <v>21140</v>
      </c>
      <c r="G34354" t="s">
        <v>20255</v>
      </c>
      <c r="H34354" t="s">
        <v>20256</v>
      </c>
      <c r="I34354" s="2">
        <v>1</v>
      </c>
      <c r="J34354" s="2">
        <v>0</v>
      </c>
      <c r="K34354" s="2">
        <v>0</v>
      </c>
      <c r="L34354" t="s">
        <v>120</v>
      </c>
      <c r="M34354" t="s">
        <v>83</v>
      </c>
      <c r="N34354" t="s">
        <v>84</v>
      </c>
      <c r="O34354" t="s">
        <v>85</v>
      </c>
      <c r="P34354" t="s">
        <v>86</v>
      </c>
      <c r="Q34354">
        <v>23</v>
      </c>
      <c r="R34354">
        <v>23</v>
      </c>
      <c r="S34354">
        <v>24</v>
      </c>
      <c r="T34354">
        <v>24</v>
      </c>
      <c r="U34354">
        <v>25</v>
      </c>
      <c r="V34354">
        <v>25</v>
      </c>
      <c r="W34354">
        <v>26</v>
      </c>
      <c r="X34354">
        <v>26</v>
      </c>
      <c r="Y34354">
        <v>27</v>
      </c>
      <c r="Z34354">
        <v>27</v>
      </c>
      <c r="AA34354">
        <v>28</v>
      </c>
      <c r="AB34354">
        <v>28</v>
      </c>
      <c r="AC34354">
        <v>29</v>
      </c>
      <c r="AD34354">
        <v>29</v>
      </c>
      <c r="AE34354">
        <v>30</v>
      </c>
      <c r="AF34354">
        <v>30</v>
      </c>
      <c r="AG34354">
        <v>31</v>
      </c>
      <c r="AH34354">
        <v>31</v>
      </c>
      <c r="AI34354">
        <v>32</v>
      </c>
      <c r="AJ34354">
        <v>33</v>
      </c>
      <c r="AK34354">
        <v>33</v>
      </c>
      <c r="AL34354">
        <v>33</v>
      </c>
      <c r="AM34354">
        <v>34</v>
      </c>
      <c r="AN34354">
        <v>34</v>
      </c>
      <c r="AO34354">
        <v>34</v>
      </c>
      <c r="AP34354">
        <v>34</v>
      </c>
      <c r="AQ34354">
        <v>35</v>
      </c>
    </row>
    <row r="34355" spans="1:43">
      <c r="A34355" t="s">
        <v>21279</v>
      </c>
      <c r="B34355" t="s">
        <v>21280</v>
      </c>
      <c r="C34355" t="s">
        <v>21275</v>
      </c>
      <c r="D34355" t="s">
        <v>21276</v>
      </c>
      <c r="E34355" t="s">
        <v>21139</v>
      </c>
      <c r="F34355" t="s">
        <v>21140</v>
      </c>
      <c r="G34355" t="s">
        <v>20255</v>
      </c>
      <c r="H34355" t="s">
        <v>20256</v>
      </c>
      <c r="I34355" s="2">
        <v>1</v>
      </c>
      <c r="J34355" s="2">
        <v>0</v>
      </c>
      <c r="K34355" s="2">
        <v>0</v>
      </c>
      <c r="L34355" t="s">
        <v>120</v>
      </c>
      <c r="M34355" t="s">
        <v>87</v>
      </c>
      <c r="N34355" t="s">
        <v>88</v>
      </c>
      <c r="O34355" t="s">
        <v>85</v>
      </c>
      <c r="P34355" t="s">
        <v>86</v>
      </c>
      <c r="Q34355">
        <v>23</v>
      </c>
      <c r="R34355">
        <v>23</v>
      </c>
      <c r="S34355">
        <v>23</v>
      </c>
      <c r="T34355">
        <v>23</v>
      </c>
      <c r="U34355">
        <v>24</v>
      </c>
      <c r="V34355">
        <v>24</v>
      </c>
      <c r="W34355">
        <v>24</v>
      </c>
      <c r="X34355">
        <v>25</v>
      </c>
      <c r="Y34355">
        <v>25</v>
      </c>
      <c r="Z34355">
        <v>25</v>
      </c>
      <c r="AA34355">
        <v>25</v>
      </c>
      <c r="AB34355">
        <v>26</v>
      </c>
      <c r="AC34355">
        <v>26</v>
      </c>
      <c r="AD34355">
        <v>26</v>
      </c>
      <c r="AE34355">
        <v>27</v>
      </c>
      <c r="AF34355">
        <v>27</v>
      </c>
      <c r="AG34355">
        <v>27</v>
      </c>
      <c r="AH34355">
        <v>28</v>
      </c>
      <c r="AI34355">
        <v>28</v>
      </c>
      <c r="AJ34355">
        <v>28</v>
      </c>
      <c r="AK34355">
        <v>28</v>
      </c>
      <c r="AL34355">
        <v>29</v>
      </c>
      <c r="AM34355">
        <v>29</v>
      </c>
      <c r="AN34355">
        <v>29</v>
      </c>
      <c r="AO34355">
        <v>30</v>
      </c>
      <c r="AP34355">
        <v>30</v>
      </c>
      <c r="AQ34355">
        <v>30</v>
      </c>
    </row>
    <row r="34356" spans="1:43">
      <c r="A34356" t="s">
        <v>21279</v>
      </c>
      <c r="B34356" t="s">
        <v>21280</v>
      </c>
      <c r="C34356" t="s">
        <v>21275</v>
      </c>
      <c r="D34356" t="s">
        <v>21276</v>
      </c>
      <c r="E34356" t="s">
        <v>21139</v>
      </c>
      <c r="F34356" t="s">
        <v>21140</v>
      </c>
      <c r="G34356" t="s">
        <v>20255</v>
      </c>
      <c r="H34356" t="s">
        <v>20256</v>
      </c>
      <c r="I34356" s="2">
        <v>1</v>
      </c>
      <c r="J34356" s="2">
        <v>0</v>
      </c>
      <c r="K34356" s="2">
        <v>0</v>
      </c>
      <c r="L34356" t="s">
        <v>120</v>
      </c>
      <c r="M34356" t="s">
        <v>89</v>
      </c>
      <c r="N34356" t="s">
        <v>90</v>
      </c>
      <c r="O34356" t="s">
        <v>85</v>
      </c>
      <c r="P34356" t="s">
        <v>86</v>
      </c>
      <c r="Q34356">
        <v>23</v>
      </c>
      <c r="R34356">
        <v>24</v>
      </c>
      <c r="S34356">
        <v>24</v>
      </c>
      <c r="T34356">
        <v>25</v>
      </c>
      <c r="U34356">
        <v>26</v>
      </c>
      <c r="V34356">
        <v>26</v>
      </c>
      <c r="W34356">
        <v>27</v>
      </c>
      <c r="X34356">
        <v>28</v>
      </c>
      <c r="Y34356">
        <v>28</v>
      </c>
      <c r="Z34356">
        <v>29</v>
      </c>
      <c r="AA34356">
        <v>30</v>
      </c>
      <c r="AB34356">
        <v>30</v>
      </c>
      <c r="AC34356">
        <v>31</v>
      </c>
      <c r="AD34356">
        <v>31</v>
      </c>
      <c r="AE34356">
        <v>32</v>
      </c>
      <c r="AF34356">
        <v>32</v>
      </c>
      <c r="AG34356">
        <v>33</v>
      </c>
      <c r="AH34356">
        <v>33</v>
      </c>
      <c r="AI34356">
        <v>33</v>
      </c>
      <c r="AJ34356">
        <v>33</v>
      </c>
      <c r="AK34356">
        <v>34</v>
      </c>
      <c r="AL34356">
        <v>34</v>
      </c>
      <c r="AM34356">
        <v>34</v>
      </c>
      <c r="AN34356">
        <v>34</v>
      </c>
      <c r="AO34356">
        <v>34</v>
      </c>
      <c r="AP34356">
        <v>35</v>
      </c>
      <c r="AQ34356">
        <v>35</v>
      </c>
    </row>
    <row r="34357" spans="1:43">
      <c r="A34357" t="s">
        <v>21279</v>
      </c>
      <c r="B34357" t="s">
        <v>21280</v>
      </c>
      <c r="C34357" t="s">
        <v>21275</v>
      </c>
      <c r="D34357" t="s">
        <v>21276</v>
      </c>
      <c r="E34357" t="s">
        <v>21139</v>
      </c>
      <c r="F34357" t="s">
        <v>21140</v>
      </c>
      <c r="G34357" t="s">
        <v>20255</v>
      </c>
      <c r="H34357" t="s">
        <v>20256</v>
      </c>
      <c r="I34357" s="2">
        <v>1</v>
      </c>
      <c r="J34357" s="2">
        <v>0</v>
      </c>
      <c r="K34357" s="2">
        <v>0</v>
      </c>
      <c r="L34357" t="s">
        <v>120</v>
      </c>
      <c r="M34357" t="s">
        <v>83</v>
      </c>
      <c r="N34357" t="s">
        <v>91</v>
      </c>
      <c r="O34357" t="s">
        <v>85</v>
      </c>
      <c r="P34357" t="s">
        <v>86</v>
      </c>
      <c r="Q34357">
        <v>23</v>
      </c>
      <c r="R34357">
        <v>23</v>
      </c>
      <c r="S34357">
        <v>24</v>
      </c>
      <c r="T34357">
        <v>24</v>
      </c>
      <c r="U34357">
        <v>25</v>
      </c>
      <c r="V34357">
        <v>25</v>
      </c>
      <c r="W34357">
        <v>26</v>
      </c>
      <c r="X34357">
        <v>26</v>
      </c>
      <c r="Y34357">
        <v>27</v>
      </c>
      <c r="Z34357">
        <v>27</v>
      </c>
      <c r="AA34357">
        <v>28</v>
      </c>
      <c r="AB34357">
        <v>28</v>
      </c>
      <c r="AC34357">
        <v>29</v>
      </c>
      <c r="AD34357">
        <v>29</v>
      </c>
      <c r="AE34357">
        <v>30</v>
      </c>
      <c r="AF34357">
        <v>30</v>
      </c>
      <c r="AG34357">
        <v>31</v>
      </c>
      <c r="AH34357">
        <v>31</v>
      </c>
      <c r="AI34357">
        <v>32</v>
      </c>
      <c r="AJ34357">
        <v>33</v>
      </c>
      <c r="AK34357">
        <v>33</v>
      </c>
      <c r="AL34357">
        <v>33</v>
      </c>
      <c r="AM34357">
        <v>34</v>
      </c>
      <c r="AN34357">
        <v>34</v>
      </c>
      <c r="AO34357">
        <v>34</v>
      </c>
      <c r="AP34357">
        <v>34</v>
      </c>
      <c r="AQ34357">
        <v>35</v>
      </c>
    </row>
    <row r="34358" spans="1:43">
      <c r="A34358" t="s">
        <v>21281</v>
      </c>
      <c r="B34358" t="s">
        <v>21282</v>
      </c>
      <c r="C34358" t="s">
        <v>21275</v>
      </c>
      <c r="D34358" t="s">
        <v>21276</v>
      </c>
      <c r="E34358" t="s">
        <v>21139</v>
      </c>
      <c r="F34358" t="s">
        <v>21140</v>
      </c>
      <c r="G34358" t="s">
        <v>20255</v>
      </c>
      <c r="H34358" t="s">
        <v>20256</v>
      </c>
      <c r="I34358" s="2">
        <v>1</v>
      </c>
      <c r="J34358" s="2">
        <v>0</v>
      </c>
      <c r="K34358" s="2">
        <v>0</v>
      </c>
      <c r="L34358" t="s">
        <v>120</v>
      </c>
      <c r="M34358" t="s">
        <v>83</v>
      </c>
      <c r="N34358" t="s">
        <v>84</v>
      </c>
      <c r="O34358" t="s">
        <v>85</v>
      </c>
      <c r="P34358" t="s">
        <v>86</v>
      </c>
      <c r="Q34358">
        <v>47</v>
      </c>
      <c r="R34358">
        <v>48</v>
      </c>
      <c r="S34358">
        <v>49</v>
      </c>
      <c r="T34358">
        <v>50</v>
      </c>
      <c r="U34358">
        <v>51</v>
      </c>
      <c r="V34358">
        <v>52</v>
      </c>
      <c r="W34358">
        <v>54</v>
      </c>
      <c r="X34358">
        <v>55</v>
      </c>
      <c r="Y34358">
        <v>56</v>
      </c>
      <c r="Z34358">
        <v>57</v>
      </c>
      <c r="AA34358">
        <v>58</v>
      </c>
      <c r="AB34358">
        <v>59</v>
      </c>
      <c r="AC34358">
        <v>60</v>
      </c>
      <c r="AD34358">
        <v>61</v>
      </c>
      <c r="AE34358">
        <v>62</v>
      </c>
      <c r="AF34358">
        <v>63</v>
      </c>
      <c r="AG34358">
        <v>64</v>
      </c>
      <c r="AH34358">
        <v>65</v>
      </c>
      <c r="AI34358">
        <v>66</v>
      </c>
      <c r="AJ34358">
        <v>67</v>
      </c>
      <c r="AK34358">
        <v>69</v>
      </c>
      <c r="AL34358">
        <v>69</v>
      </c>
      <c r="AM34358">
        <v>70</v>
      </c>
      <c r="AN34358">
        <v>70</v>
      </c>
      <c r="AO34358">
        <v>71</v>
      </c>
      <c r="AP34358">
        <v>71</v>
      </c>
      <c r="AQ34358">
        <v>72</v>
      </c>
    </row>
    <row r="34359" spans="1:43">
      <c r="A34359" t="s">
        <v>21281</v>
      </c>
      <c r="B34359" t="s">
        <v>21282</v>
      </c>
      <c r="C34359" t="s">
        <v>21275</v>
      </c>
      <c r="D34359" t="s">
        <v>21276</v>
      </c>
      <c r="E34359" t="s">
        <v>21139</v>
      </c>
      <c r="F34359" t="s">
        <v>21140</v>
      </c>
      <c r="G34359" t="s">
        <v>20255</v>
      </c>
      <c r="H34359" t="s">
        <v>20256</v>
      </c>
      <c r="I34359" s="2">
        <v>1</v>
      </c>
      <c r="J34359" s="2">
        <v>0</v>
      </c>
      <c r="K34359" s="2">
        <v>0</v>
      </c>
      <c r="L34359" t="s">
        <v>120</v>
      </c>
      <c r="M34359" t="s">
        <v>87</v>
      </c>
      <c r="N34359" t="s">
        <v>88</v>
      </c>
      <c r="O34359" t="s">
        <v>85</v>
      </c>
      <c r="P34359" t="s">
        <v>86</v>
      </c>
      <c r="Q34359">
        <v>47</v>
      </c>
      <c r="R34359">
        <v>48</v>
      </c>
      <c r="S34359">
        <v>49</v>
      </c>
      <c r="T34359">
        <v>49</v>
      </c>
      <c r="U34359">
        <v>50</v>
      </c>
      <c r="V34359">
        <v>51</v>
      </c>
      <c r="W34359">
        <v>51</v>
      </c>
      <c r="X34359">
        <v>52</v>
      </c>
      <c r="Y34359">
        <v>53</v>
      </c>
      <c r="Z34359">
        <v>53</v>
      </c>
      <c r="AA34359">
        <v>54</v>
      </c>
      <c r="AB34359">
        <v>55</v>
      </c>
      <c r="AC34359">
        <v>55</v>
      </c>
      <c r="AD34359">
        <v>56</v>
      </c>
      <c r="AE34359">
        <v>57</v>
      </c>
      <c r="AF34359">
        <v>57</v>
      </c>
      <c r="AG34359">
        <v>58</v>
      </c>
      <c r="AH34359">
        <v>59</v>
      </c>
      <c r="AI34359">
        <v>59</v>
      </c>
      <c r="AJ34359">
        <v>60</v>
      </c>
      <c r="AK34359">
        <v>61</v>
      </c>
      <c r="AL34359">
        <v>61</v>
      </c>
      <c r="AM34359">
        <v>62</v>
      </c>
      <c r="AN34359">
        <v>63</v>
      </c>
      <c r="AO34359">
        <v>63</v>
      </c>
      <c r="AP34359">
        <v>64</v>
      </c>
      <c r="AQ34359">
        <v>65</v>
      </c>
    </row>
    <row r="34360" spans="1:43">
      <c r="A34360" t="s">
        <v>21281</v>
      </c>
      <c r="B34360" t="s">
        <v>21282</v>
      </c>
      <c r="C34360" t="s">
        <v>21275</v>
      </c>
      <c r="D34360" t="s">
        <v>21276</v>
      </c>
      <c r="E34360" t="s">
        <v>21139</v>
      </c>
      <c r="F34360" t="s">
        <v>21140</v>
      </c>
      <c r="G34360" t="s">
        <v>20255</v>
      </c>
      <c r="H34360" t="s">
        <v>20256</v>
      </c>
      <c r="I34360" s="2">
        <v>1</v>
      </c>
      <c r="J34360" s="2">
        <v>0</v>
      </c>
      <c r="K34360" s="2">
        <v>0</v>
      </c>
      <c r="L34360" t="s">
        <v>120</v>
      </c>
      <c r="M34360" t="s">
        <v>89</v>
      </c>
      <c r="N34360" t="s">
        <v>90</v>
      </c>
      <c r="O34360" t="s">
        <v>85</v>
      </c>
      <c r="P34360" t="s">
        <v>86</v>
      </c>
      <c r="Q34360">
        <v>47</v>
      </c>
      <c r="R34360">
        <v>49</v>
      </c>
      <c r="S34360">
        <v>50</v>
      </c>
      <c r="T34360">
        <v>52</v>
      </c>
      <c r="U34360">
        <v>53</v>
      </c>
      <c r="V34360">
        <v>55</v>
      </c>
      <c r="W34360">
        <v>56</v>
      </c>
      <c r="X34360">
        <v>57</v>
      </c>
      <c r="Y34360">
        <v>58</v>
      </c>
      <c r="Z34360">
        <v>60</v>
      </c>
      <c r="AA34360">
        <v>61</v>
      </c>
      <c r="AB34360">
        <v>62</v>
      </c>
      <c r="AC34360">
        <v>64</v>
      </c>
      <c r="AD34360">
        <v>65</v>
      </c>
      <c r="AE34360">
        <v>66</v>
      </c>
      <c r="AF34360">
        <v>66</v>
      </c>
      <c r="AG34360">
        <v>67</v>
      </c>
      <c r="AH34360">
        <v>68</v>
      </c>
      <c r="AI34360">
        <v>68</v>
      </c>
      <c r="AJ34360">
        <v>69</v>
      </c>
      <c r="AK34360">
        <v>69</v>
      </c>
      <c r="AL34360">
        <v>70</v>
      </c>
      <c r="AM34360">
        <v>70</v>
      </c>
      <c r="AN34360">
        <v>71</v>
      </c>
      <c r="AO34360">
        <v>71</v>
      </c>
      <c r="AP34360">
        <v>72</v>
      </c>
      <c r="AQ34360">
        <v>72</v>
      </c>
    </row>
    <row r="34361" spans="1:43">
      <c r="A34361" t="s">
        <v>21281</v>
      </c>
      <c r="B34361" t="s">
        <v>21282</v>
      </c>
      <c r="C34361" t="s">
        <v>21275</v>
      </c>
      <c r="D34361" t="s">
        <v>21276</v>
      </c>
      <c r="E34361" t="s">
        <v>21139</v>
      </c>
      <c r="F34361" t="s">
        <v>21140</v>
      </c>
      <c r="G34361" t="s">
        <v>20255</v>
      </c>
      <c r="H34361" t="s">
        <v>20256</v>
      </c>
      <c r="I34361" s="2">
        <v>1</v>
      </c>
      <c r="J34361" s="2">
        <v>0</v>
      </c>
      <c r="K34361" s="2">
        <v>0</v>
      </c>
      <c r="L34361" t="s">
        <v>120</v>
      </c>
      <c r="M34361" t="s">
        <v>83</v>
      </c>
      <c r="N34361" t="s">
        <v>91</v>
      </c>
      <c r="O34361" t="s">
        <v>85</v>
      </c>
      <c r="P34361" t="s">
        <v>86</v>
      </c>
      <c r="Q34361">
        <v>47</v>
      </c>
      <c r="R34361">
        <v>48</v>
      </c>
      <c r="S34361">
        <v>49</v>
      </c>
      <c r="T34361">
        <v>50</v>
      </c>
      <c r="U34361">
        <v>51</v>
      </c>
      <c r="V34361">
        <v>52</v>
      </c>
      <c r="W34361">
        <v>54</v>
      </c>
      <c r="X34361">
        <v>55</v>
      </c>
      <c r="Y34361">
        <v>56</v>
      </c>
      <c r="Z34361">
        <v>57</v>
      </c>
      <c r="AA34361">
        <v>58</v>
      </c>
      <c r="AB34361">
        <v>59</v>
      </c>
      <c r="AC34361">
        <v>60</v>
      </c>
      <c r="AD34361">
        <v>61</v>
      </c>
      <c r="AE34361">
        <v>62</v>
      </c>
      <c r="AF34361">
        <v>63</v>
      </c>
      <c r="AG34361">
        <v>64</v>
      </c>
      <c r="AH34361">
        <v>65</v>
      </c>
      <c r="AI34361">
        <v>66</v>
      </c>
      <c r="AJ34361">
        <v>67</v>
      </c>
      <c r="AK34361">
        <v>69</v>
      </c>
      <c r="AL34361">
        <v>69</v>
      </c>
      <c r="AM34361">
        <v>70</v>
      </c>
      <c r="AN34361">
        <v>70</v>
      </c>
      <c r="AO34361">
        <v>71</v>
      </c>
      <c r="AP34361">
        <v>71</v>
      </c>
      <c r="AQ34361">
        <v>72</v>
      </c>
    </row>
    <row r="34362" spans="1:43">
      <c r="A34362" t="s">
        <v>21283</v>
      </c>
      <c r="B34362" t="s">
        <v>21284</v>
      </c>
      <c r="C34362" t="s">
        <v>21275</v>
      </c>
      <c r="D34362" t="s">
        <v>21276</v>
      </c>
      <c r="E34362" t="s">
        <v>21139</v>
      </c>
      <c r="F34362" t="s">
        <v>21140</v>
      </c>
      <c r="G34362" t="s">
        <v>20255</v>
      </c>
      <c r="H34362" t="s">
        <v>20256</v>
      </c>
      <c r="I34362" s="2">
        <v>1</v>
      </c>
      <c r="J34362" s="2">
        <v>0</v>
      </c>
      <c r="K34362" s="2">
        <v>0</v>
      </c>
      <c r="L34362" t="s">
        <v>120</v>
      </c>
      <c r="M34362" t="s">
        <v>83</v>
      </c>
      <c r="N34362" t="s">
        <v>84</v>
      </c>
      <c r="O34362" t="s">
        <v>85</v>
      </c>
      <c r="P34362" t="s">
        <v>86</v>
      </c>
      <c r="Q34362">
        <v>7</v>
      </c>
      <c r="R34362">
        <v>7</v>
      </c>
      <c r="S34362">
        <v>7</v>
      </c>
      <c r="T34362">
        <v>7</v>
      </c>
      <c r="U34362">
        <v>8</v>
      </c>
      <c r="V34362">
        <v>8</v>
      </c>
      <c r="W34362">
        <v>8</v>
      </c>
      <c r="X34362">
        <v>8</v>
      </c>
      <c r="Y34362">
        <v>8</v>
      </c>
      <c r="Z34362">
        <v>8</v>
      </c>
      <c r="AA34362">
        <v>8</v>
      </c>
      <c r="AB34362">
        <v>9</v>
      </c>
      <c r="AC34362">
        <v>9</v>
      </c>
      <c r="AD34362">
        <v>9</v>
      </c>
      <c r="AE34362">
        <v>9</v>
      </c>
      <c r="AF34362">
        <v>9</v>
      </c>
      <c r="AG34362">
        <v>9</v>
      </c>
      <c r="AH34362">
        <v>10</v>
      </c>
      <c r="AI34362">
        <v>10</v>
      </c>
      <c r="AJ34362">
        <v>10</v>
      </c>
      <c r="AK34362">
        <v>10</v>
      </c>
      <c r="AL34362">
        <v>10</v>
      </c>
      <c r="AM34362">
        <v>10</v>
      </c>
      <c r="AN34362">
        <v>10</v>
      </c>
      <c r="AO34362">
        <v>10</v>
      </c>
      <c r="AP34362">
        <v>10</v>
      </c>
      <c r="AQ34362">
        <v>11</v>
      </c>
    </row>
    <row r="34363" spans="1:43">
      <c r="A34363" t="s">
        <v>21283</v>
      </c>
      <c r="B34363" t="s">
        <v>21284</v>
      </c>
      <c r="C34363" t="s">
        <v>21275</v>
      </c>
      <c r="D34363" t="s">
        <v>21276</v>
      </c>
      <c r="E34363" t="s">
        <v>21139</v>
      </c>
      <c r="F34363" t="s">
        <v>21140</v>
      </c>
      <c r="G34363" t="s">
        <v>20255</v>
      </c>
      <c r="H34363" t="s">
        <v>20256</v>
      </c>
      <c r="I34363" s="2">
        <v>1</v>
      </c>
      <c r="J34363" s="2">
        <v>0</v>
      </c>
      <c r="K34363" s="2">
        <v>0</v>
      </c>
      <c r="L34363" t="s">
        <v>120</v>
      </c>
      <c r="M34363" t="s">
        <v>87</v>
      </c>
      <c r="N34363" t="s">
        <v>88</v>
      </c>
      <c r="O34363" t="s">
        <v>85</v>
      </c>
      <c r="P34363" t="s">
        <v>86</v>
      </c>
      <c r="Q34363">
        <v>7</v>
      </c>
      <c r="R34363">
        <v>7</v>
      </c>
      <c r="S34363">
        <v>7</v>
      </c>
      <c r="T34363">
        <v>7</v>
      </c>
      <c r="U34363">
        <v>7</v>
      </c>
      <c r="V34363">
        <v>7</v>
      </c>
      <c r="W34363">
        <v>7</v>
      </c>
      <c r="X34363">
        <v>7</v>
      </c>
      <c r="Y34363">
        <v>8</v>
      </c>
      <c r="Z34363">
        <v>8</v>
      </c>
      <c r="AA34363">
        <v>8</v>
      </c>
      <c r="AB34363">
        <v>8</v>
      </c>
      <c r="AC34363">
        <v>8</v>
      </c>
      <c r="AD34363">
        <v>8</v>
      </c>
      <c r="AE34363">
        <v>8</v>
      </c>
      <c r="AF34363">
        <v>8</v>
      </c>
      <c r="AG34363">
        <v>8</v>
      </c>
      <c r="AH34363">
        <v>8</v>
      </c>
      <c r="AI34363">
        <v>9</v>
      </c>
      <c r="AJ34363">
        <v>9</v>
      </c>
      <c r="AK34363">
        <v>9</v>
      </c>
      <c r="AL34363">
        <v>9</v>
      </c>
      <c r="AM34363">
        <v>9</v>
      </c>
      <c r="AN34363">
        <v>9</v>
      </c>
      <c r="AO34363">
        <v>9</v>
      </c>
      <c r="AP34363">
        <v>9</v>
      </c>
      <c r="AQ34363">
        <v>9</v>
      </c>
    </row>
    <row r="34364" spans="1:43">
      <c r="A34364" t="s">
        <v>21283</v>
      </c>
      <c r="B34364" t="s">
        <v>21284</v>
      </c>
      <c r="C34364" t="s">
        <v>21275</v>
      </c>
      <c r="D34364" t="s">
        <v>21276</v>
      </c>
      <c r="E34364" t="s">
        <v>21139</v>
      </c>
      <c r="F34364" t="s">
        <v>21140</v>
      </c>
      <c r="G34364" t="s">
        <v>20255</v>
      </c>
      <c r="H34364" t="s">
        <v>20256</v>
      </c>
      <c r="I34364" s="2">
        <v>1</v>
      </c>
      <c r="J34364" s="2">
        <v>0</v>
      </c>
      <c r="K34364" s="2">
        <v>0</v>
      </c>
      <c r="L34364" t="s">
        <v>120</v>
      </c>
      <c r="M34364" t="s">
        <v>89</v>
      </c>
      <c r="N34364" t="s">
        <v>90</v>
      </c>
      <c r="O34364" t="s">
        <v>85</v>
      </c>
      <c r="P34364" t="s">
        <v>86</v>
      </c>
      <c r="Q34364">
        <v>7</v>
      </c>
      <c r="R34364">
        <v>7</v>
      </c>
      <c r="S34364">
        <v>7</v>
      </c>
      <c r="T34364">
        <v>8</v>
      </c>
      <c r="U34364">
        <v>8</v>
      </c>
      <c r="V34364">
        <v>8</v>
      </c>
      <c r="W34364">
        <v>8</v>
      </c>
      <c r="X34364">
        <v>8</v>
      </c>
      <c r="Y34364">
        <v>9</v>
      </c>
      <c r="Z34364">
        <v>9</v>
      </c>
      <c r="AA34364">
        <v>9</v>
      </c>
      <c r="AB34364">
        <v>9</v>
      </c>
      <c r="AC34364">
        <v>9</v>
      </c>
      <c r="AD34364">
        <v>9</v>
      </c>
      <c r="AE34364">
        <v>10</v>
      </c>
      <c r="AF34364">
        <v>10</v>
      </c>
      <c r="AG34364">
        <v>10</v>
      </c>
      <c r="AH34364">
        <v>10</v>
      </c>
      <c r="AI34364">
        <v>10</v>
      </c>
      <c r="AJ34364">
        <v>10</v>
      </c>
      <c r="AK34364">
        <v>10</v>
      </c>
      <c r="AL34364">
        <v>10</v>
      </c>
      <c r="AM34364">
        <v>10</v>
      </c>
      <c r="AN34364">
        <v>10</v>
      </c>
      <c r="AO34364">
        <v>10</v>
      </c>
      <c r="AP34364">
        <v>10</v>
      </c>
      <c r="AQ34364">
        <v>11</v>
      </c>
    </row>
    <row r="34365" spans="1:43">
      <c r="A34365" t="s">
        <v>21283</v>
      </c>
      <c r="B34365" t="s">
        <v>21284</v>
      </c>
      <c r="C34365" t="s">
        <v>21275</v>
      </c>
      <c r="D34365" t="s">
        <v>21276</v>
      </c>
      <c r="E34365" t="s">
        <v>21139</v>
      </c>
      <c r="F34365" t="s">
        <v>21140</v>
      </c>
      <c r="G34365" t="s">
        <v>20255</v>
      </c>
      <c r="H34365" t="s">
        <v>20256</v>
      </c>
      <c r="I34365" s="2">
        <v>1</v>
      </c>
      <c r="J34365" s="2">
        <v>0</v>
      </c>
      <c r="K34365" s="2">
        <v>0</v>
      </c>
      <c r="L34365" t="s">
        <v>120</v>
      </c>
      <c r="M34365" t="s">
        <v>83</v>
      </c>
      <c r="N34365" t="s">
        <v>91</v>
      </c>
      <c r="O34365" t="s">
        <v>85</v>
      </c>
      <c r="P34365" t="s">
        <v>86</v>
      </c>
      <c r="Q34365">
        <v>7</v>
      </c>
      <c r="R34365">
        <v>7</v>
      </c>
      <c r="S34365">
        <v>7</v>
      </c>
      <c r="T34365">
        <v>7</v>
      </c>
      <c r="U34365">
        <v>8</v>
      </c>
      <c r="V34365">
        <v>8</v>
      </c>
      <c r="W34365">
        <v>8</v>
      </c>
      <c r="X34365">
        <v>8</v>
      </c>
      <c r="Y34365">
        <v>8</v>
      </c>
      <c r="Z34365">
        <v>8</v>
      </c>
      <c r="AA34365">
        <v>8</v>
      </c>
      <c r="AB34365">
        <v>9</v>
      </c>
      <c r="AC34365">
        <v>9</v>
      </c>
      <c r="AD34365">
        <v>9</v>
      </c>
      <c r="AE34365">
        <v>9</v>
      </c>
      <c r="AF34365">
        <v>9</v>
      </c>
      <c r="AG34365">
        <v>9</v>
      </c>
      <c r="AH34365">
        <v>10</v>
      </c>
      <c r="AI34365">
        <v>10</v>
      </c>
      <c r="AJ34365">
        <v>10</v>
      </c>
      <c r="AK34365">
        <v>10</v>
      </c>
      <c r="AL34365">
        <v>10</v>
      </c>
      <c r="AM34365">
        <v>10</v>
      </c>
      <c r="AN34365">
        <v>10</v>
      </c>
      <c r="AO34365">
        <v>10</v>
      </c>
      <c r="AP34365">
        <v>10</v>
      </c>
      <c r="AQ34365">
        <v>11</v>
      </c>
    </row>
    <row r="34366" spans="1:43">
      <c r="A34366" t="s">
        <v>21285</v>
      </c>
      <c r="B34366" t="s">
        <v>21286</v>
      </c>
      <c r="C34366" t="s">
        <v>21287</v>
      </c>
      <c r="D34366" t="s">
        <v>21288</v>
      </c>
      <c r="E34366" t="s">
        <v>21139</v>
      </c>
      <c r="F34366" t="s">
        <v>21140</v>
      </c>
      <c r="G34366" t="s">
        <v>20255</v>
      </c>
      <c r="H34366" t="s">
        <v>20256</v>
      </c>
      <c r="I34366" s="2">
        <v>1</v>
      </c>
      <c r="J34366" s="2">
        <v>0</v>
      </c>
      <c r="K34366" s="2">
        <v>0</v>
      </c>
      <c r="L34366" t="s">
        <v>120</v>
      </c>
      <c r="M34366" t="s">
        <v>83</v>
      </c>
      <c r="N34366" t="s">
        <v>84</v>
      </c>
      <c r="O34366" t="s">
        <v>85</v>
      </c>
      <c r="P34366" t="s">
        <v>86</v>
      </c>
      <c r="Q34366">
        <v>18</v>
      </c>
      <c r="R34366">
        <v>19</v>
      </c>
      <c r="S34366">
        <v>19</v>
      </c>
      <c r="T34366">
        <v>19</v>
      </c>
      <c r="U34366">
        <v>20</v>
      </c>
      <c r="V34366">
        <v>20</v>
      </c>
      <c r="W34366">
        <v>21</v>
      </c>
      <c r="X34366">
        <v>21</v>
      </c>
      <c r="Y34366">
        <v>21</v>
      </c>
      <c r="Z34366">
        <v>22</v>
      </c>
      <c r="AA34366">
        <v>22</v>
      </c>
      <c r="AB34366">
        <v>23</v>
      </c>
      <c r="AC34366">
        <v>23</v>
      </c>
      <c r="AD34366">
        <v>24</v>
      </c>
      <c r="AE34366">
        <v>24</v>
      </c>
      <c r="AF34366">
        <v>24</v>
      </c>
      <c r="AG34366">
        <v>25</v>
      </c>
      <c r="AH34366">
        <v>25</v>
      </c>
      <c r="AI34366">
        <v>26</v>
      </c>
      <c r="AJ34366">
        <v>26</v>
      </c>
      <c r="AK34366">
        <v>27</v>
      </c>
      <c r="AL34366">
        <v>27</v>
      </c>
      <c r="AM34366">
        <v>27</v>
      </c>
      <c r="AN34366">
        <v>27</v>
      </c>
      <c r="AO34366">
        <v>27</v>
      </c>
      <c r="AP34366">
        <v>28</v>
      </c>
      <c r="AQ34366">
        <v>28</v>
      </c>
    </row>
    <row r="34367" spans="1:43">
      <c r="A34367" t="s">
        <v>21285</v>
      </c>
      <c r="B34367" t="s">
        <v>21286</v>
      </c>
      <c r="C34367" t="s">
        <v>21287</v>
      </c>
      <c r="D34367" t="s">
        <v>21288</v>
      </c>
      <c r="E34367" t="s">
        <v>21139</v>
      </c>
      <c r="F34367" t="s">
        <v>21140</v>
      </c>
      <c r="G34367" t="s">
        <v>20255</v>
      </c>
      <c r="H34367" t="s">
        <v>20256</v>
      </c>
      <c r="I34367" s="2">
        <v>1</v>
      </c>
      <c r="J34367" s="2">
        <v>0</v>
      </c>
      <c r="K34367" s="2">
        <v>0</v>
      </c>
      <c r="L34367" t="s">
        <v>120</v>
      </c>
      <c r="M34367" t="s">
        <v>87</v>
      </c>
      <c r="N34367" t="s">
        <v>88</v>
      </c>
      <c r="O34367" t="s">
        <v>85</v>
      </c>
      <c r="P34367" t="s">
        <v>86</v>
      </c>
      <c r="Q34367">
        <v>18</v>
      </c>
      <c r="R34367">
        <v>18</v>
      </c>
      <c r="S34367">
        <v>18</v>
      </c>
      <c r="T34367">
        <v>19</v>
      </c>
      <c r="U34367">
        <v>19</v>
      </c>
      <c r="V34367">
        <v>19</v>
      </c>
      <c r="W34367">
        <v>19</v>
      </c>
      <c r="X34367">
        <v>20</v>
      </c>
      <c r="Y34367">
        <v>20</v>
      </c>
      <c r="Z34367">
        <v>20</v>
      </c>
      <c r="AA34367">
        <v>20</v>
      </c>
      <c r="AB34367">
        <v>21</v>
      </c>
      <c r="AC34367">
        <v>21</v>
      </c>
      <c r="AD34367">
        <v>21</v>
      </c>
      <c r="AE34367">
        <v>21</v>
      </c>
      <c r="AF34367">
        <v>22</v>
      </c>
      <c r="AG34367">
        <v>22</v>
      </c>
      <c r="AH34367">
        <v>22</v>
      </c>
      <c r="AI34367">
        <v>22</v>
      </c>
      <c r="AJ34367">
        <v>23</v>
      </c>
      <c r="AK34367">
        <v>23</v>
      </c>
      <c r="AL34367">
        <v>23</v>
      </c>
      <c r="AM34367">
        <v>23</v>
      </c>
      <c r="AN34367">
        <v>24</v>
      </c>
      <c r="AO34367">
        <v>24</v>
      </c>
      <c r="AP34367">
        <v>24</v>
      </c>
      <c r="AQ34367">
        <v>24</v>
      </c>
    </row>
    <row r="34368" spans="1:43">
      <c r="A34368" t="s">
        <v>21285</v>
      </c>
      <c r="B34368" t="s">
        <v>21286</v>
      </c>
      <c r="C34368" t="s">
        <v>21287</v>
      </c>
      <c r="D34368" t="s">
        <v>21288</v>
      </c>
      <c r="E34368" t="s">
        <v>21139</v>
      </c>
      <c r="F34368" t="s">
        <v>21140</v>
      </c>
      <c r="G34368" t="s">
        <v>20255</v>
      </c>
      <c r="H34368" t="s">
        <v>20256</v>
      </c>
      <c r="I34368" s="2">
        <v>1</v>
      </c>
      <c r="J34368" s="2">
        <v>0</v>
      </c>
      <c r="K34368" s="2">
        <v>0</v>
      </c>
      <c r="L34368" t="s">
        <v>120</v>
      </c>
      <c r="M34368" t="s">
        <v>89</v>
      </c>
      <c r="N34368" t="s">
        <v>90</v>
      </c>
      <c r="O34368" t="s">
        <v>85</v>
      </c>
      <c r="P34368" t="s">
        <v>86</v>
      </c>
      <c r="Q34368">
        <v>18</v>
      </c>
      <c r="R34368">
        <v>19</v>
      </c>
      <c r="S34368">
        <v>19</v>
      </c>
      <c r="T34368">
        <v>20</v>
      </c>
      <c r="U34368">
        <v>21</v>
      </c>
      <c r="V34368">
        <v>21</v>
      </c>
      <c r="W34368">
        <v>22</v>
      </c>
      <c r="X34368">
        <v>22</v>
      </c>
      <c r="Y34368">
        <v>23</v>
      </c>
      <c r="Z34368">
        <v>23</v>
      </c>
      <c r="AA34368">
        <v>24</v>
      </c>
      <c r="AB34368">
        <v>24</v>
      </c>
      <c r="AC34368">
        <v>25</v>
      </c>
      <c r="AD34368">
        <v>25</v>
      </c>
      <c r="AE34368">
        <v>26</v>
      </c>
      <c r="AF34368">
        <v>26</v>
      </c>
      <c r="AG34368">
        <v>26</v>
      </c>
      <c r="AH34368">
        <v>26</v>
      </c>
      <c r="AI34368">
        <v>26</v>
      </c>
      <c r="AJ34368">
        <v>27</v>
      </c>
      <c r="AK34368">
        <v>27</v>
      </c>
      <c r="AL34368">
        <v>27</v>
      </c>
      <c r="AM34368">
        <v>27</v>
      </c>
      <c r="AN34368">
        <v>27</v>
      </c>
      <c r="AO34368">
        <v>28</v>
      </c>
      <c r="AP34368">
        <v>28</v>
      </c>
      <c r="AQ34368">
        <v>28</v>
      </c>
    </row>
    <row r="34369" spans="1:43">
      <c r="A34369" t="s">
        <v>21285</v>
      </c>
      <c r="B34369" t="s">
        <v>21286</v>
      </c>
      <c r="C34369" t="s">
        <v>21287</v>
      </c>
      <c r="D34369" t="s">
        <v>21288</v>
      </c>
      <c r="E34369" t="s">
        <v>21139</v>
      </c>
      <c r="F34369" t="s">
        <v>21140</v>
      </c>
      <c r="G34369" t="s">
        <v>20255</v>
      </c>
      <c r="H34369" t="s">
        <v>20256</v>
      </c>
      <c r="I34369" s="2">
        <v>1</v>
      </c>
      <c r="J34369" s="2">
        <v>0</v>
      </c>
      <c r="K34369" s="2">
        <v>0</v>
      </c>
      <c r="L34369" t="s">
        <v>120</v>
      </c>
      <c r="M34369" t="s">
        <v>83</v>
      </c>
      <c r="N34369" t="s">
        <v>91</v>
      </c>
      <c r="O34369" t="s">
        <v>85</v>
      </c>
      <c r="P34369" t="s">
        <v>86</v>
      </c>
      <c r="Q34369">
        <v>18</v>
      </c>
      <c r="R34369">
        <v>19</v>
      </c>
      <c r="S34369">
        <v>19</v>
      </c>
      <c r="T34369">
        <v>19</v>
      </c>
      <c r="U34369">
        <v>20</v>
      </c>
      <c r="V34369">
        <v>20</v>
      </c>
      <c r="W34369">
        <v>21</v>
      </c>
      <c r="X34369">
        <v>21</v>
      </c>
      <c r="Y34369">
        <v>21</v>
      </c>
      <c r="Z34369">
        <v>22</v>
      </c>
      <c r="AA34369">
        <v>22</v>
      </c>
      <c r="AB34369">
        <v>23</v>
      </c>
      <c r="AC34369">
        <v>23</v>
      </c>
      <c r="AD34369">
        <v>24</v>
      </c>
      <c r="AE34369">
        <v>24</v>
      </c>
      <c r="AF34369">
        <v>24</v>
      </c>
      <c r="AG34369">
        <v>25</v>
      </c>
      <c r="AH34369">
        <v>25</v>
      </c>
      <c r="AI34369">
        <v>26</v>
      </c>
      <c r="AJ34369">
        <v>26</v>
      </c>
      <c r="AK34369">
        <v>27</v>
      </c>
      <c r="AL34369">
        <v>27</v>
      </c>
      <c r="AM34369">
        <v>27</v>
      </c>
      <c r="AN34369">
        <v>27</v>
      </c>
      <c r="AO34369">
        <v>27</v>
      </c>
      <c r="AP34369">
        <v>28</v>
      </c>
      <c r="AQ34369">
        <v>28</v>
      </c>
    </row>
    <row r="34370" spans="1:43">
      <c r="A34370" t="s">
        <v>21289</v>
      </c>
      <c r="B34370" t="s">
        <v>21290</v>
      </c>
      <c r="C34370" t="s">
        <v>21287</v>
      </c>
      <c r="D34370" t="s">
        <v>21288</v>
      </c>
      <c r="E34370" t="s">
        <v>21139</v>
      </c>
      <c r="F34370" t="s">
        <v>21140</v>
      </c>
      <c r="G34370" t="s">
        <v>20255</v>
      </c>
      <c r="H34370" t="s">
        <v>20256</v>
      </c>
      <c r="I34370" s="2">
        <v>1</v>
      </c>
      <c r="J34370" s="2">
        <v>0</v>
      </c>
      <c r="K34370" s="2">
        <v>0</v>
      </c>
      <c r="L34370" t="s">
        <v>120</v>
      </c>
      <c r="M34370" t="s">
        <v>83</v>
      </c>
      <c r="N34370" t="s">
        <v>84</v>
      </c>
      <c r="O34370" t="s">
        <v>85</v>
      </c>
      <c r="P34370" t="s">
        <v>86</v>
      </c>
      <c r="Q34370">
        <v>18</v>
      </c>
      <c r="R34370">
        <v>18</v>
      </c>
      <c r="S34370">
        <v>18</v>
      </c>
      <c r="T34370">
        <v>19</v>
      </c>
      <c r="U34370">
        <v>19</v>
      </c>
      <c r="V34370">
        <v>20</v>
      </c>
      <c r="W34370">
        <v>20</v>
      </c>
      <c r="X34370">
        <v>20</v>
      </c>
      <c r="Y34370">
        <v>21</v>
      </c>
      <c r="Z34370">
        <v>21</v>
      </c>
      <c r="AA34370">
        <v>22</v>
      </c>
      <c r="AB34370">
        <v>22</v>
      </c>
      <c r="AC34370">
        <v>22</v>
      </c>
      <c r="AD34370">
        <v>23</v>
      </c>
      <c r="AE34370">
        <v>23</v>
      </c>
      <c r="AF34370">
        <v>24</v>
      </c>
      <c r="AG34370">
        <v>24</v>
      </c>
      <c r="AH34370">
        <v>25</v>
      </c>
      <c r="AI34370">
        <v>25</v>
      </c>
      <c r="AJ34370">
        <v>25</v>
      </c>
      <c r="AK34370">
        <v>26</v>
      </c>
      <c r="AL34370">
        <v>26</v>
      </c>
      <c r="AM34370">
        <v>26</v>
      </c>
      <c r="AN34370">
        <v>26</v>
      </c>
      <c r="AO34370">
        <v>27</v>
      </c>
      <c r="AP34370">
        <v>27</v>
      </c>
      <c r="AQ34370">
        <v>27</v>
      </c>
    </row>
    <row r="34371" spans="1:43">
      <c r="A34371" t="s">
        <v>21289</v>
      </c>
      <c r="B34371" t="s">
        <v>21290</v>
      </c>
      <c r="C34371" t="s">
        <v>21287</v>
      </c>
      <c r="D34371" t="s">
        <v>21288</v>
      </c>
      <c r="E34371" t="s">
        <v>21139</v>
      </c>
      <c r="F34371" t="s">
        <v>21140</v>
      </c>
      <c r="G34371" t="s">
        <v>20255</v>
      </c>
      <c r="H34371" t="s">
        <v>20256</v>
      </c>
      <c r="I34371" s="2">
        <v>1</v>
      </c>
      <c r="J34371" s="2">
        <v>0</v>
      </c>
      <c r="K34371" s="2">
        <v>0</v>
      </c>
      <c r="L34371" t="s">
        <v>120</v>
      </c>
      <c r="M34371" t="s">
        <v>87</v>
      </c>
      <c r="N34371" t="s">
        <v>88</v>
      </c>
      <c r="O34371" t="s">
        <v>85</v>
      </c>
      <c r="P34371" t="s">
        <v>86</v>
      </c>
      <c r="Q34371">
        <v>18</v>
      </c>
      <c r="R34371">
        <v>19</v>
      </c>
      <c r="S34371">
        <v>19</v>
      </c>
      <c r="T34371">
        <v>19</v>
      </c>
      <c r="U34371">
        <v>19</v>
      </c>
      <c r="V34371">
        <v>20</v>
      </c>
      <c r="W34371">
        <v>20</v>
      </c>
      <c r="X34371">
        <v>20</v>
      </c>
      <c r="Y34371">
        <v>20</v>
      </c>
      <c r="Z34371">
        <v>21</v>
      </c>
      <c r="AA34371">
        <v>21</v>
      </c>
      <c r="AB34371">
        <v>21</v>
      </c>
      <c r="AC34371">
        <v>21</v>
      </c>
      <c r="AD34371">
        <v>22</v>
      </c>
      <c r="AE34371">
        <v>22</v>
      </c>
      <c r="AF34371">
        <v>22</v>
      </c>
      <c r="AG34371">
        <v>22</v>
      </c>
      <c r="AH34371">
        <v>22</v>
      </c>
      <c r="AI34371">
        <v>23</v>
      </c>
      <c r="AJ34371">
        <v>23</v>
      </c>
      <c r="AK34371">
        <v>23</v>
      </c>
      <c r="AL34371">
        <v>23</v>
      </c>
      <c r="AM34371">
        <v>24</v>
      </c>
      <c r="AN34371">
        <v>24</v>
      </c>
      <c r="AO34371">
        <v>24</v>
      </c>
      <c r="AP34371">
        <v>24</v>
      </c>
      <c r="AQ34371">
        <v>25</v>
      </c>
    </row>
    <row r="34372" spans="1:43">
      <c r="A34372" t="s">
        <v>21289</v>
      </c>
      <c r="B34372" t="s">
        <v>21290</v>
      </c>
      <c r="C34372" t="s">
        <v>21287</v>
      </c>
      <c r="D34372" t="s">
        <v>21288</v>
      </c>
      <c r="E34372" t="s">
        <v>21139</v>
      </c>
      <c r="F34372" t="s">
        <v>21140</v>
      </c>
      <c r="G34372" t="s">
        <v>20255</v>
      </c>
      <c r="H34372" t="s">
        <v>20256</v>
      </c>
      <c r="I34372" s="2">
        <v>1</v>
      </c>
      <c r="J34372" s="2">
        <v>0</v>
      </c>
      <c r="K34372" s="2">
        <v>0</v>
      </c>
      <c r="L34372" t="s">
        <v>120</v>
      </c>
      <c r="M34372" t="s">
        <v>89</v>
      </c>
      <c r="N34372" t="s">
        <v>90</v>
      </c>
      <c r="O34372" t="s">
        <v>85</v>
      </c>
      <c r="P34372" t="s">
        <v>86</v>
      </c>
      <c r="Q34372">
        <v>18</v>
      </c>
      <c r="R34372">
        <v>18</v>
      </c>
      <c r="S34372">
        <v>19</v>
      </c>
      <c r="T34372">
        <v>19</v>
      </c>
      <c r="U34372">
        <v>20</v>
      </c>
      <c r="V34372">
        <v>20</v>
      </c>
      <c r="W34372">
        <v>21</v>
      </c>
      <c r="X34372">
        <v>21</v>
      </c>
      <c r="Y34372">
        <v>22</v>
      </c>
      <c r="Z34372">
        <v>22</v>
      </c>
      <c r="AA34372">
        <v>23</v>
      </c>
      <c r="AB34372">
        <v>23</v>
      </c>
      <c r="AC34372">
        <v>24</v>
      </c>
      <c r="AD34372">
        <v>24</v>
      </c>
      <c r="AE34372">
        <v>25</v>
      </c>
      <c r="AF34372">
        <v>25</v>
      </c>
      <c r="AG34372">
        <v>25</v>
      </c>
      <c r="AH34372">
        <v>25</v>
      </c>
      <c r="AI34372">
        <v>26</v>
      </c>
      <c r="AJ34372">
        <v>26</v>
      </c>
      <c r="AK34372">
        <v>26</v>
      </c>
      <c r="AL34372">
        <v>26</v>
      </c>
      <c r="AM34372">
        <v>26</v>
      </c>
      <c r="AN34372">
        <v>27</v>
      </c>
      <c r="AO34372">
        <v>27</v>
      </c>
      <c r="AP34372">
        <v>27</v>
      </c>
      <c r="AQ34372">
        <v>27</v>
      </c>
    </row>
    <row r="34373" spans="1:43">
      <c r="A34373" t="s">
        <v>21289</v>
      </c>
      <c r="B34373" t="s">
        <v>21290</v>
      </c>
      <c r="C34373" t="s">
        <v>21287</v>
      </c>
      <c r="D34373" t="s">
        <v>21288</v>
      </c>
      <c r="E34373" t="s">
        <v>21139</v>
      </c>
      <c r="F34373" t="s">
        <v>21140</v>
      </c>
      <c r="G34373" t="s">
        <v>20255</v>
      </c>
      <c r="H34373" t="s">
        <v>20256</v>
      </c>
      <c r="I34373" s="2">
        <v>1</v>
      </c>
      <c r="J34373" s="2">
        <v>0</v>
      </c>
      <c r="K34373" s="2">
        <v>0</v>
      </c>
      <c r="L34373" t="s">
        <v>120</v>
      </c>
      <c r="M34373" t="s">
        <v>83</v>
      </c>
      <c r="N34373" t="s">
        <v>91</v>
      </c>
      <c r="O34373" t="s">
        <v>85</v>
      </c>
      <c r="P34373" t="s">
        <v>86</v>
      </c>
      <c r="Q34373">
        <v>18</v>
      </c>
      <c r="R34373">
        <v>18</v>
      </c>
      <c r="S34373">
        <v>18</v>
      </c>
      <c r="T34373">
        <v>19</v>
      </c>
      <c r="U34373">
        <v>19</v>
      </c>
      <c r="V34373">
        <v>20</v>
      </c>
      <c r="W34373">
        <v>20</v>
      </c>
      <c r="X34373">
        <v>20</v>
      </c>
      <c r="Y34373">
        <v>21</v>
      </c>
      <c r="Z34373">
        <v>21</v>
      </c>
      <c r="AA34373">
        <v>22</v>
      </c>
      <c r="AB34373">
        <v>22</v>
      </c>
      <c r="AC34373">
        <v>22</v>
      </c>
      <c r="AD34373">
        <v>23</v>
      </c>
      <c r="AE34373">
        <v>23</v>
      </c>
      <c r="AF34373">
        <v>24</v>
      </c>
      <c r="AG34373">
        <v>24</v>
      </c>
      <c r="AH34373">
        <v>25</v>
      </c>
      <c r="AI34373">
        <v>25</v>
      </c>
      <c r="AJ34373">
        <v>25</v>
      </c>
      <c r="AK34373">
        <v>26</v>
      </c>
      <c r="AL34373">
        <v>26</v>
      </c>
      <c r="AM34373">
        <v>26</v>
      </c>
      <c r="AN34373">
        <v>26</v>
      </c>
      <c r="AO34373">
        <v>27</v>
      </c>
      <c r="AP34373">
        <v>27</v>
      </c>
      <c r="AQ34373">
        <v>27</v>
      </c>
    </row>
    <row r="34374" spans="1:43">
      <c r="A34374" t="s">
        <v>21291</v>
      </c>
      <c r="B34374" t="s">
        <v>21292</v>
      </c>
      <c r="C34374" t="s">
        <v>21287</v>
      </c>
      <c r="D34374" t="s">
        <v>21288</v>
      </c>
      <c r="E34374" t="s">
        <v>21139</v>
      </c>
      <c r="F34374" t="s">
        <v>21140</v>
      </c>
      <c r="G34374" t="s">
        <v>20255</v>
      </c>
      <c r="H34374" t="s">
        <v>20256</v>
      </c>
      <c r="I34374" s="2">
        <v>1</v>
      </c>
      <c r="J34374" s="2">
        <v>0</v>
      </c>
      <c r="K34374" s="2">
        <v>0</v>
      </c>
      <c r="L34374" t="s">
        <v>120</v>
      </c>
      <c r="M34374" t="s">
        <v>83</v>
      </c>
      <c r="N34374" t="s">
        <v>84</v>
      </c>
      <c r="O34374" t="s">
        <v>85</v>
      </c>
      <c r="P34374" t="s">
        <v>86</v>
      </c>
      <c r="Q34374">
        <v>11</v>
      </c>
      <c r="R34374">
        <v>11</v>
      </c>
      <c r="S34374">
        <v>11</v>
      </c>
      <c r="T34374">
        <v>12</v>
      </c>
      <c r="U34374">
        <v>12</v>
      </c>
      <c r="V34374">
        <v>12</v>
      </c>
      <c r="W34374">
        <v>12</v>
      </c>
      <c r="X34374">
        <v>13</v>
      </c>
      <c r="Y34374">
        <v>13</v>
      </c>
      <c r="Z34374">
        <v>13</v>
      </c>
      <c r="AA34374">
        <v>13</v>
      </c>
      <c r="AB34374">
        <v>14</v>
      </c>
      <c r="AC34374">
        <v>14</v>
      </c>
      <c r="AD34374">
        <v>14</v>
      </c>
      <c r="AE34374">
        <v>14</v>
      </c>
      <c r="AF34374">
        <v>15</v>
      </c>
      <c r="AG34374">
        <v>15</v>
      </c>
      <c r="AH34374">
        <v>15</v>
      </c>
      <c r="AI34374">
        <v>15</v>
      </c>
      <c r="AJ34374">
        <v>16</v>
      </c>
      <c r="AK34374">
        <v>16</v>
      </c>
      <c r="AL34374">
        <v>16</v>
      </c>
      <c r="AM34374">
        <v>16</v>
      </c>
      <c r="AN34374">
        <v>16</v>
      </c>
      <c r="AO34374">
        <v>17</v>
      </c>
      <c r="AP34374">
        <v>17</v>
      </c>
      <c r="AQ34374">
        <v>17</v>
      </c>
    </row>
    <row r="34375" spans="1:43">
      <c r="A34375" t="s">
        <v>21291</v>
      </c>
      <c r="B34375" t="s">
        <v>21292</v>
      </c>
      <c r="C34375" t="s">
        <v>21287</v>
      </c>
      <c r="D34375" t="s">
        <v>21288</v>
      </c>
      <c r="E34375" t="s">
        <v>21139</v>
      </c>
      <c r="F34375" t="s">
        <v>21140</v>
      </c>
      <c r="G34375" t="s">
        <v>20255</v>
      </c>
      <c r="H34375" t="s">
        <v>20256</v>
      </c>
      <c r="I34375" s="2">
        <v>1</v>
      </c>
      <c r="J34375" s="2">
        <v>0</v>
      </c>
      <c r="K34375" s="2">
        <v>0</v>
      </c>
      <c r="L34375" t="s">
        <v>120</v>
      </c>
      <c r="M34375" t="s">
        <v>87</v>
      </c>
      <c r="N34375" t="s">
        <v>88</v>
      </c>
      <c r="O34375" t="s">
        <v>85</v>
      </c>
      <c r="P34375" t="s">
        <v>86</v>
      </c>
      <c r="Q34375">
        <v>11</v>
      </c>
      <c r="R34375">
        <v>11</v>
      </c>
      <c r="S34375">
        <v>11</v>
      </c>
      <c r="T34375">
        <v>11</v>
      </c>
      <c r="U34375">
        <v>11</v>
      </c>
      <c r="V34375">
        <v>12</v>
      </c>
      <c r="W34375">
        <v>12</v>
      </c>
      <c r="X34375">
        <v>12</v>
      </c>
      <c r="Y34375">
        <v>12</v>
      </c>
      <c r="Z34375">
        <v>12</v>
      </c>
      <c r="AA34375">
        <v>12</v>
      </c>
      <c r="AB34375">
        <v>12</v>
      </c>
      <c r="AC34375">
        <v>13</v>
      </c>
      <c r="AD34375">
        <v>13</v>
      </c>
      <c r="AE34375">
        <v>13</v>
      </c>
      <c r="AF34375">
        <v>13</v>
      </c>
      <c r="AG34375">
        <v>13</v>
      </c>
      <c r="AH34375">
        <v>13</v>
      </c>
      <c r="AI34375">
        <v>14</v>
      </c>
      <c r="AJ34375">
        <v>14</v>
      </c>
      <c r="AK34375">
        <v>14</v>
      </c>
      <c r="AL34375">
        <v>14</v>
      </c>
      <c r="AM34375">
        <v>14</v>
      </c>
      <c r="AN34375">
        <v>14</v>
      </c>
      <c r="AO34375">
        <v>14</v>
      </c>
      <c r="AP34375">
        <v>15</v>
      </c>
      <c r="AQ34375">
        <v>15</v>
      </c>
    </row>
    <row r="34376" spans="1:43">
      <c r="A34376" t="s">
        <v>21291</v>
      </c>
      <c r="B34376" t="s">
        <v>21292</v>
      </c>
      <c r="C34376" t="s">
        <v>21287</v>
      </c>
      <c r="D34376" t="s">
        <v>21288</v>
      </c>
      <c r="E34376" t="s">
        <v>21139</v>
      </c>
      <c r="F34376" t="s">
        <v>21140</v>
      </c>
      <c r="G34376" t="s">
        <v>20255</v>
      </c>
      <c r="H34376" t="s">
        <v>20256</v>
      </c>
      <c r="I34376" s="2">
        <v>1</v>
      </c>
      <c r="J34376" s="2">
        <v>0</v>
      </c>
      <c r="K34376" s="2">
        <v>0</v>
      </c>
      <c r="L34376" t="s">
        <v>120</v>
      </c>
      <c r="M34376" t="s">
        <v>89</v>
      </c>
      <c r="N34376" t="s">
        <v>90</v>
      </c>
      <c r="O34376" t="s">
        <v>85</v>
      </c>
      <c r="P34376" t="s">
        <v>86</v>
      </c>
      <c r="Q34376">
        <v>11</v>
      </c>
      <c r="R34376">
        <v>11</v>
      </c>
      <c r="S34376">
        <v>12</v>
      </c>
      <c r="T34376">
        <v>12</v>
      </c>
      <c r="U34376">
        <v>12</v>
      </c>
      <c r="V34376">
        <v>13</v>
      </c>
      <c r="W34376">
        <v>13</v>
      </c>
      <c r="X34376">
        <v>13</v>
      </c>
      <c r="Y34376">
        <v>14</v>
      </c>
      <c r="Z34376">
        <v>14</v>
      </c>
      <c r="AA34376">
        <v>14</v>
      </c>
      <c r="AB34376">
        <v>15</v>
      </c>
      <c r="AC34376">
        <v>15</v>
      </c>
      <c r="AD34376">
        <v>15</v>
      </c>
      <c r="AE34376">
        <v>15</v>
      </c>
      <c r="AF34376">
        <v>16</v>
      </c>
      <c r="AG34376">
        <v>16</v>
      </c>
      <c r="AH34376">
        <v>16</v>
      </c>
      <c r="AI34376">
        <v>16</v>
      </c>
      <c r="AJ34376">
        <v>16</v>
      </c>
      <c r="AK34376">
        <v>16</v>
      </c>
      <c r="AL34376">
        <v>16</v>
      </c>
      <c r="AM34376">
        <v>16</v>
      </c>
      <c r="AN34376">
        <v>16</v>
      </c>
      <c r="AO34376">
        <v>17</v>
      </c>
      <c r="AP34376">
        <v>17</v>
      </c>
      <c r="AQ34376">
        <v>17</v>
      </c>
    </row>
    <row r="34377" spans="1:43">
      <c r="A34377" t="s">
        <v>21291</v>
      </c>
      <c r="B34377" t="s">
        <v>21292</v>
      </c>
      <c r="C34377" t="s">
        <v>21287</v>
      </c>
      <c r="D34377" t="s">
        <v>21288</v>
      </c>
      <c r="E34377" t="s">
        <v>21139</v>
      </c>
      <c r="F34377" t="s">
        <v>21140</v>
      </c>
      <c r="G34377" t="s">
        <v>20255</v>
      </c>
      <c r="H34377" t="s">
        <v>20256</v>
      </c>
      <c r="I34377" s="2">
        <v>1</v>
      </c>
      <c r="J34377" s="2">
        <v>0</v>
      </c>
      <c r="K34377" s="2">
        <v>0</v>
      </c>
      <c r="L34377" t="s">
        <v>120</v>
      </c>
      <c r="M34377" t="s">
        <v>83</v>
      </c>
      <c r="N34377" t="s">
        <v>91</v>
      </c>
      <c r="O34377" t="s">
        <v>85</v>
      </c>
      <c r="P34377" t="s">
        <v>86</v>
      </c>
      <c r="Q34377">
        <v>11</v>
      </c>
      <c r="R34377">
        <v>11</v>
      </c>
      <c r="S34377">
        <v>11</v>
      </c>
      <c r="T34377">
        <v>12</v>
      </c>
      <c r="U34377">
        <v>12</v>
      </c>
      <c r="V34377">
        <v>12</v>
      </c>
      <c r="W34377">
        <v>12</v>
      </c>
      <c r="X34377">
        <v>13</v>
      </c>
      <c r="Y34377">
        <v>13</v>
      </c>
      <c r="Z34377">
        <v>13</v>
      </c>
      <c r="AA34377">
        <v>13</v>
      </c>
      <c r="AB34377">
        <v>14</v>
      </c>
      <c r="AC34377">
        <v>14</v>
      </c>
      <c r="AD34377">
        <v>14</v>
      </c>
      <c r="AE34377">
        <v>14</v>
      </c>
      <c r="AF34377">
        <v>15</v>
      </c>
      <c r="AG34377">
        <v>15</v>
      </c>
      <c r="AH34377">
        <v>15</v>
      </c>
      <c r="AI34377">
        <v>15</v>
      </c>
      <c r="AJ34377">
        <v>16</v>
      </c>
      <c r="AK34377">
        <v>16</v>
      </c>
      <c r="AL34377">
        <v>16</v>
      </c>
      <c r="AM34377">
        <v>16</v>
      </c>
      <c r="AN34377">
        <v>16</v>
      </c>
      <c r="AO34377">
        <v>17</v>
      </c>
      <c r="AP34377">
        <v>17</v>
      </c>
      <c r="AQ34377">
        <v>17</v>
      </c>
    </row>
    <row r="34378" spans="1:43">
      <c r="A34378" t="s">
        <v>21293</v>
      </c>
      <c r="B34378" t="s">
        <v>21294</v>
      </c>
      <c r="C34378" t="s">
        <v>21287</v>
      </c>
      <c r="D34378" t="s">
        <v>21288</v>
      </c>
      <c r="E34378" t="s">
        <v>21139</v>
      </c>
      <c r="F34378" t="s">
        <v>21140</v>
      </c>
      <c r="G34378" t="s">
        <v>20255</v>
      </c>
      <c r="H34378" t="s">
        <v>20256</v>
      </c>
      <c r="I34378" s="2">
        <v>1</v>
      </c>
      <c r="J34378" s="2">
        <v>0</v>
      </c>
      <c r="K34378" s="2">
        <v>0</v>
      </c>
      <c r="L34378" t="s">
        <v>120</v>
      </c>
      <c r="M34378" t="s">
        <v>83</v>
      </c>
      <c r="N34378" t="s">
        <v>84</v>
      </c>
      <c r="O34378" t="s">
        <v>85</v>
      </c>
      <c r="P34378" t="s">
        <v>86</v>
      </c>
      <c r="Q34378">
        <v>11</v>
      </c>
      <c r="R34378">
        <v>11</v>
      </c>
      <c r="S34378">
        <v>11</v>
      </c>
      <c r="T34378">
        <v>11</v>
      </c>
      <c r="U34378">
        <v>12</v>
      </c>
      <c r="V34378">
        <v>12</v>
      </c>
      <c r="W34378">
        <v>12</v>
      </c>
      <c r="X34378">
        <v>12</v>
      </c>
      <c r="Y34378">
        <v>13</v>
      </c>
      <c r="Z34378">
        <v>13</v>
      </c>
      <c r="AA34378">
        <v>13</v>
      </c>
      <c r="AB34378">
        <v>13</v>
      </c>
      <c r="AC34378">
        <v>13</v>
      </c>
      <c r="AD34378">
        <v>14</v>
      </c>
      <c r="AE34378">
        <v>14</v>
      </c>
      <c r="AF34378">
        <v>14</v>
      </c>
      <c r="AG34378">
        <v>14</v>
      </c>
      <c r="AH34378">
        <v>15</v>
      </c>
      <c r="AI34378">
        <v>15</v>
      </c>
      <c r="AJ34378">
        <v>15</v>
      </c>
      <c r="AK34378">
        <v>15</v>
      </c>
      <c r="AL34378">
        <v>16</v>
      </c>
      <c r="AM34378">
        <v>16</v>
      </c>
      <c r="AN34378">
        <v>16</v>
      </c>
      <c r="AO34378">
        <v>16</v>
      </c>
      <c r="AP34378">
        <v>16</v>
      </c>
      <c r="AQ34378">
        <v>16</v>
      </c>
    </row>
    <row r="34379" spans="1:43">
      <c r="A34379" t="s">
        <v>21293</v>
      </c>
      <c r="B34379" t="s">
        <v>21294</v>
      </c>
      <c r="C34379" t="s">
        <v>21287</v>
      </c>
      <c r="D34379" t="s">
        <v>21288</v>
      </c>
      <c r="E34379" t="s">
        <v>21139</v>
      </c>
      <c r="F34379" t="s">
        <v>21140</v>
      </c>
      <c r="G34379" t="s">
        <v>20255</v>
      </c>
      <c r="H34379" t="s">
        <v>20256</v>
      </c>
      <c r="I34379" s="2">
        <v>1</v>
      </c>
      <c r="J34379" s="2">
        <v>0</v>
      </c>
      <c r="K34379" s="2">
        <v>0</v>
      </c>
      <c r="L34379" t="s">
        <v>120</v>
      </c>
      <c r="M34379" t="s">
        <v>87</v>
      </c>
      <c r="N34379" t="s">
        <v>88</v>
      </c>
      <c r="O34379" t="s">
        <v>85</v>
      </c>
      <c r="P34379" t="s">
        <v>86</v>
      </c>
      <c r="Q34379">
        <v>11</v>
      </c>
      <c r="R34379">
        <v>11</v>
      </c>
      <c r="S34379">
        <v>11</v>
      </c>
      <c r="T34379">
        <v>11</v>
      </c>
      <c r="U34379">
        <v>11</v>
      </c>
      <c r="V34379">
        <v>11</v>
      </c>
      <c r="W34379">
        <v>11</v>
      </c>
      <c r="X34379">
        <v>11</v>
      </c>
      <c r="Y34379">
        <v>12</v>
      </c>
      <c r="Z34379">
        <v>12</v>
      </c>
      <c r="AA34379">
        <v>12</v>
      </c>
      <c r="AB34379">
        <v>12</v>
      </c>
      <c r="AC34379">
        <v>12</v>
      </c>
      <c r="AD34379">
        <v>12</v>
      </c>
      <c r="AE34379">
        <v>12</v>
      </c>
      <c r="AF34379">
        <v>13</v>
      </c>
      <c r="AG34379">
        <v>13</v>
      </c>
      <c r="AH34379">
        <v>13</v>
      </c>
      <c r="AI34379">
        <v>13</v>
      </c>
      <c r="AJ34379">
        <v>13</v>
      </c>
      <c r="AK34379">
        <v>13</v>
      </c>
      <c r="AL34379">
        <v>13</v>
      </c>
      <c r="AM34379">
        <v>14</v>
      </c>
      <c r="AN34379">
        <v>14</v>
      </c>
      <c r="AO34379">
        <v>14</v>
      </c>
      <c r="AP34379">
        <v>14</v>
      </c>
      <c r="AQ34379">
        <v>14</v>
      </c>
    </row>
    <row r="34380" spans="1:43">
      <c r="A34380" t="s">
        <v>21293</v>
      </c>
      <c r="B34380" t="s">
        <v>21294</v>
      </c>
      <c r="C34380" t="s">
        <v>21287</v>
      </c>
      <c r="D34380" t="s">
        <v>21288</v>
      </c>
      <c r="E34380" t="s">
        <v>21139</v>
      </c>
      <c r="F34380" t="s">
        <v>21140</v>
      </c>
      <c r="G34380" t="s">
        <v>20255</v>
      </c>
      <c r="H34380" t="s">
        <v>20256</v>
      </c>
      <c r="I34380" s="2">
        <v>1</v>
      </c>
      <c r="J34380" s="2">
        <v>0</v>
      </c>
      <c r="K34380" s="2">
        <v>0</v>
      </c>
      <c r="L34380" t="s">
        <v>120</v>
      </c>
      <c r="M34380" t="s">
        <v>89</v>
      </c>
      <c r="N34380" t="s">
        <v>90</v>
      </c>
      <c r="O34380" t="s">
        <v>85</v>
      </c>
      <c r="P34380" t="s">
        <v>86</v>
      </c>
      <c r="Q34380">
        <v>11</v>
      </c>
      <c r="R34380">
        <v>11</v>
      </c>
      <c r="S34380">
        <v>11</v>
      </c>
      <c r="T34380">
        <v>12</v>
      </c>
      <c r="U34380">
        <v>12</v>
      </c>
      <c r="V34380">
        <v>12</v>
      </c>
      <c r="W34380">
        <v>13</v>
      </c>
      <c r="X34380">
        <v>13</v>
      </c>
      <c r="Y34380">
        <v>13</v>
      </c>
      <c r="Z34380">
        <v>14</v>
      </c>
      <c r="AA34380">
        <v>14</v>
      </c>
      <c r="AB34380">
        <v>14</v>
      </c>
      <c r="AC34380">
        <v>14</v>
      </c>
      <c r="AD34380">
        <v>15</v>
      </c>
      <c r="AE34380">
        <v>15</v>
      </c>
      <c r="AF34380">
        <v>15</v>
      </c>
      <c r="AG34380">
        <v>15</v>
      </c>
      <c r="AH34380">
        <v>15</v>
      </c>
      <c r="AI34380">
        <v>15</v>
      </c>
      <c r="AJ34380">
        <v>15</v>
      </c>
      <c r="AK34380">
        <v>16</v>
      </c>
      <c r="AL34380">
        <v>16</v>
      </c>
      <c r="AM34380">
        <v>16</v>
      </c>
      <c r="AN34380">
        <v>16</v>
      </c>
      <c r="AO34380">
        <v>16</v>
      </c>
      <c r="AP34380">
        <v>16</v>
      </c>
      <c r="AQ34380">
        <v>16</v>
      </c>
    </row>
    <row r="34381" spans="1:43">
      <c r="A34381" t="s">
        <v>21293</v>
      </c>
      <c r="B34381" t="s">
        <v>21294</v>
      </c>
      <c r="C34381" t="s">
        <v>21287</v>
      </c>
      <c r="D34381" t="s">
        <v>21288</v>
      </c>
      <c r="E34381" t="s">
        <v>21139</v>
      </c>
      <c r="F34381" t="s">
        <v>21140</v>
      </c>
      <c r="G34381" t="s">
        <v>20255</v>
      </c>
      <c r="H34381" t="s">
        <v>20256</v>
      </c>
      <c r="I34381" s="2">
        <v>1</v>
      </c>
      <c r="J34381" s="2">
        <v>0</v>
      </c>
      <c r="K34381" s="2">
        <v>0</v>
      </c>
      <c r="L34381" t="s">
        <v>120</v>
      </c>
      <c r="M34381" t="s">
        <v>83</v>
      </c>
      <c r="N34381" t="s">
        <v>91</v>
      </c>
      <c r="O34381" t="s">
        <v>85</v>
      </c>
      <c r="P34381" t="s">
        <v>86</v>
      </c>
      <c r="Q34381">
        <v>11</v>
      </c>
      <c r="R34381">
        <v>11</v>
      </c>
      <c r="S34381">
        <v>11</v>
      </c>
      <c r="T34381">
        <v>11</v>
      </c>
      <c r="U34381">
        <v>12</v>
      </c>
      <c r="V34381">
        <v>12</v>
      </c>
      <c r="W34381">
        <v>12</v>
      </c>
      <c r="X34381">
        <v>12</v>
      </c>
      <c r="Y34381">
        <v>13</v>
      </c>
      <c r="Z34381">
        <v>13</v>
      </c>
      <c r="AA34381">
        <v>13</v>
      </c>
      <c r="AB34381">
        <v>13</v>
      </c>
      <c r="AC34381">
        <v>13</v>
      </c>
      <c r="AD34381">
        <v>14</v>
      </c>
      <c r="AE34381">
        <v>14</v>
      </c>
      <c r="AF34381">
        <v>14</v>
      </c>
      <c r="AG34381">
        <v>14</v>
      </c>
      <c r="AH34381">
        <v>15</v>
      </c>
      <c r="AI34381">
        <v>15</v>
      </c>
      <c r="AJ34381">
        <v>15</v>
      </c>
      <c r="AK34381">
        <v>15</v>
      </c>
      <c r="AL34381">
        <v>16</v>
      </c>
      <c r="AM34381">
        <v>16</v>
      </c>
      <c r="AN34381">
        <v>16</v>
      </c>
      <c r="AO34381">
        <v>16</v>
      </c>
      <c r="AP34381">
        <v>16</v>
      </c>
      <c r="AQ34381">
        <v>16</v>
      </c>
    </row>
    <row r="34382" spans="1:43">
      <c r="A34382" t="s">
        <v>21295</v>
      </c>
      <c r="B34382" t="s">
        <v>21296</v>
      </c>
      <c r="C34382" t="s">
        <v>21287</v>
      </c>
      <c r="D34382" t="s">
        <v>21288</v>
      </c>
      <c r="E34382" t="s">
        <v>21139</v>
      </c>
      <c r="F34382" t="s">
        <v>21140</v>
      </c>
      <c r="G34382" t="s">
        <v>20255</v>
      </c>
      <c r="H34382" t="s">
        <v>20256</v>
      </c>
      <c r="I34382" s="2">
        <v>1</v>
      </c>
      <c r="J34382" s="2">
        <v>0</v>
      </c>
      <c r="K34382" s="2">
        <v>0</v>
      </c>
      <c r="L34382" t="s">
        <v>120</v>
      </c>
      <c r="M34382" t="s">
        <v>83</v>
      </c>
      <c r="N34382" t="s">
        <v>84</v>
      </c>
      <c r="O34382" t="s">
        <v>85</v>
      </c>
      <c r="P34382" t="s">
        <v>86</v>
      </c>
      <c r="Q34382">
        <v>6</v>
      </c>
      <c r="R34382">
        <v>6</v>
      </c>
      <c r="S34382">
        <v>7</v>
      </c>
      <c r="T34382">
        <v>7</v>
      </c>
      <c r="U34382">
        <v>7</v>
      </c>
      <c r="V34382">
        <v>7</v>
      </c>
      <c r="W34382">
        <v>7</v>
      </c>
      <c r="X34382">
        <v>7</v>
      </c>
      <c r="Y34382">
        <v>7</v>
      </c>
      <c r="Z34382">
        <v>8</v>
      </c>
      <c r="AA34382">
        <v>8</v>
      </c>
      <c r="AB34382">
        <v>8</v>
      </c>
      <c r="AC34382">
        <v>8</v>
      </c>
      <c r="AD34382">
        <v>8</v>
      </c>
      <c r="AE34382">
        <v>8</v>
      </c>
      <c r="AF34382">
        <v>8</v>
      </c>
      <c r="AG34382">
        <v>9</v>
      </c>
      <c r="AH34382">
        <v>9</v>
      </c>
      <c r="AI34382">
        <v>9</v>
      </c>
      <c r="AJ34382">
        <v>9</v>
      </c>
      <c r="AK34382">
        <v>9</v>
      </c>
      <c r="AL34382">
        <v>9</v>
      </c>
      <c r="AM34382">
        <v>9</v>
      </c>
      <c r="AN34382">
        <v>9</v>
      </c>
      <c r="AO34382">
        <v>9</v>
      </c>
      <c r="AP34382">
        <v>10</v>
      </c>
      <c r="AQ34382">
        <v>10</v>
      </c>
    </row>
    <row r="34383" spans="1:43">
      <c r="A34383" t="s">
        <v>21295</v>
      </c>
      <c r="B34383" t="s">
        <v>21296</v>
      </c>
      <c r="C34383" t="s">
        <v>21287</v>
      </c>
      <c r="D34383" t="s">
        <v>21288</v>
      </c>
      <c r="E34383" t="s">
        <v>21139</v>
      </c>
      <c r="F34383" t="s">
        <v>21140</v>
      </c>
      <c r="G34383" t="s">
        <v>20255</v>
      </c>
      <c r="H34383" t="s">
        <v>20256</v>
      </c>
      <c r="I34383" s="2">
        <v>1</v>
      </c>
      <c r="J34383" s="2">
        <v>0</v>
      </c>
      <c r="K34383" s="2">
        <v>0</v>
      </c>
      <c r="L34383" t="s">
        <v>120</v>
      </c>
      <c r="M34383" t="s">
        <v>87</v>
      </c>
      <c r="N34383" t="s">
        <v>88</v>
      </c>
      <c r="O34383" t="s">
        <v>85</v>
      </c>
      <c r="P34383" t="s">
        <v>86</v>
      </c>
      <c r="Q34383">
        <v>6</v>
      </c>
      <c r="R34383">
        <v>6</v>
      </c>
      <c r="S34383">
        <v>6</v>
      </c>
      <c r="T34383">
        <v>6</v>
      </c>
      <c r="U34383">
        <v>7</v>
      </c>
      <c r="V34383">
        <v>7</v>
      </c>
      <c r="W34383">
        <v>7</v>
      </c>
      <c r="X34383">
        <v>7</v>
      </c>
      <c r="Y34383">
        <v>7</v>
      </c>
      <c r="Z34383">
        <v>7</v>
      </c>
      <c r="AA34383">
        <v>7</v>
      </c>
      <c r="AB34383">
        <v>7</v>
      </c>
      <c r="AC34383">
        <v>7</v>
      </c>
      <c r="AD34383">
        <v>7</v>
      </c>
      <c r="AE34383">
        <v>7</v>
      </c>
      <c r="AF34383">
        <v>7</v>
      </c>
      <c r="AG34383">
        <v>8</v>
      </c>
      <c r="AH34383">
        <v>8</v>
      </c>
      <c r="AI34383">
        <v>8</v>
      </c>
      <c r="AJ34383">
        <v>8</v>
      </c>
      <c r="AK34383">
        <v>8</v>
      </c>
      <c r="AL34383">
        <v>8</v>
      </c>
      <c r="AM34383">
        <v>8</v>
      </c>
      <c r="AN34383">
        <v>8</v>
      </c>
      <c r="AO34383">
        <v>8</v>
      </c>
      <c r="AP34383">
        <v>8</v>
      </c>
      <c r="AQ34383">
        <v>8</v>
      </c>
    </row>
    <row r="34384" spans="1:43">
      <c r="A34384" t="s">
        <v>21295</v>
      </c>
      <c r="B34384" t="s">
        <v>21296</v>
      </c>
      <c r="C34384" t="s">
        <v>21287</v>
      </c>
      <c r="D34384" t="s">
        <v>21288</v>
      </c>
      <c r="E34384" t="s">
        <v>21139</v>
      </c>
      <c r="F34384" t="s">
        <v>21140</v>
      </c>
      <c r="G34384" t="s">
        <v>20255</v>
      </c>
      <c r="H34384" t="s">
        <v>20256</v>
      </c>
      <c r="I34384" s="2">
        <v>1</v>
      </c>
      <c r="J34384" s="2">
        <v>0</v>
      </c>
      <c r="K34384" s="2">
        <v>0</v>
      </c>
      <c r="L34384" t="s">
        <v>120</v>
      </c>
      <c r="M34384" t="s">
        <v>89</v>
      </c>
      <c r="N34384" t="s">
        <v>90</v>
      </c>
      <c r="O34384" t="s">
        <v>85</v>
      </c>
      <c r="P34384" t="s">
        <v>86</v>
      </c>
      <c r="Q34384">
        <v>6</v>
      </c>
      <c r="R34384">
        <v>7</v>
      </c>
      <c r="S34384">
        <v>7</v>
      </c>
      <c r="T34384">
        <v>7</v>
      </c>
      <c r="U34384">
        <v>7</v>
      </c>
      <c r="V34384">
        <v>7</v>
      </c>
      <c r="W34384">
        <v>7</v>
      </c>
      <c r="X34384">
        <v>8</v>
      </c>
      <c r="Y34384">
        <v>8</v>
      </c>
      <c r="Z34384">
        <v>8</v>
      </c>
      <c r="AA34384">
        <v>8</v>
      </c>
      <c r="AB34384">
        <v>8</v>
      </c>
      <c r="AC34384">
        <v>9</v>
      </c>
      <c r="AD34384">
        <v>9</v>
      </c>
      <c r="AE34384">
        <v>9</v>
      </c>
      <c r="AF34384">
        <v>9</v>
      </c>
      <c r="AG34384">
        <v>9</v>
      </c>
      <c r="AH34384">
        <v>9</v>
      </c>
      <c r="AI34384">
        <v>9</v>
      </c>
      <c r="AJ34384">
        <v>9</v>
      </c>
      <c r="AK34384">
        <v>9</v>
      </c>
      <c r="AL34384">
        <v>9</v>
      </c>
      <c r="AM34384">
        <v>9</v>
      </c>
      <c r="AN34384">
        <v>9</v>
      </c>
      <c r="AO34384">
        <v>10</v>
      </c>
      <c r="AP34384">
        <v>10</v>
      </c>
      <c r="AQ34384">
        <v>10</v>
      </c>
    </row>
    <row r="34385" spans="1:43">
      <c r="A34385" t="s">
        <v>21295</v>
      </c>
      <c r="B34385" t="s">
        <v>21296</v>
      </c>
      <c r="C34385" t="s">
        <v>21287</v>
      </c>
      <c r="D34385" t="s">
        <v>21288</v>
      </c>
      <c r="E34385" t="s">
        <v>21139</v>
      </c>
      <c r="F34385" t="s">
        <v>21140</v>
      </c>
      <c r="G34385" t="s">
        <v>20255</v>
      </c>
      <c r="H34385" t="s">
        <v>20256</v>
      </c>
      <c r="I34385" s="2">
        <v>1</v>
      </c>
      <c r="J34385" s="2">
        <v>0</v>
      </c>
      <c r="K34385" s="2">
        <v>0</v>
      </c>
      <c r="L34385" t="s">
        <v>120</v>
      </c>
      <c r="M34385" t="s">
        <v>83</v>
      </c>
      <c r="N34385" t="s">
        <v>91</v>
      </c>
      <c r="O34385" t="s">
        <v>85</v>
      </c>
      <c r="P34385" t="s">
        <v>86</v>
      </c>
      <c r="Q34385">
        <v>6</v>
      </c>
      <c r="R34385">
        <v>6</v>
      </c>
      <c r="S34385">
        <v>7</v>
      </c>
      <c r="T34385">
        <v>7</v>
      </c>
      <c r="U34385">
        <v>7</v>
      </c>
      <c r="V34385">
        <v>7</v>
      </c>
      <c r="W34385">
        <v>7</v>
      </c>
      <c r="X34385">
        <v>7</v>
      </c>
      <c r="Y34385">
        <v>7</v>
      </c>
      <c r="Z34385">
        <v>8</v>
      </c>
      <c r="AA34385">
        <v>8</v>
      </c>
      <c r="AB34385">
        <v>8</v>
      </c>
      <c r="AC34385">
        <v>8</v>
      </c>
      <c r="AD34385">
        <v>8</v>
      </c>
      <c r="AE34385">
        <v>8</v>
      </c>
      <c r="AF34385">
        <v>8</v>
      </c>
      <c r="AG34385">
        <v>9</v>
      </c>
      <c r="AH34385">
        <v>9</v>
      </c>
      <c r="AI34385">
        <v>9</v>
      </c>
      <c r="AJ34385">
        <v>9</v>
      </c>
      <c r="AK34385">
        <v>9</v>
      </c>
      <c r="AL34385">
        <v>9</v>
      </c>
      <c r="AM34385">
        <v>9</v>
      </c>
      <c r="AN34385">
        <v>9</v>
      </c>
      <c r="AO34385">
        <v>9</v>
      </c>
      <c r="AP34385">
        <v>10</v>
      </c>
      <c r="AQ34385">
        <v>10</v>
      </c>
    </row>
    <row r="34386" spans="1:43">
      <c r="A34386" t="s">
        <v>21297</v>
      </c>
      <c r="B34386" t="s">
        <v>21298</v>
      </c>
      <c r="C34386" t="s">
        <v>21299</v>
      </c>
      <c r="D34386" t="s">
        <v>21300</v>
      </c>
      <c r="E34386" t="s">
        <v>21139</v>
      </c>
      <c r="F34386" t="s">
        <v>21140</v>
      </c>
      <c r="G34386" t="s">
        <v>20255</v>
      </c>
      <c r="H34386" t="s">
        <v>20256</v>
      </c>
      <c r="I34386" s="2">
        <v>1</v>
      </c>
      <c r="J34386" s="2">
        <v>0</v>
      </c>
      <c r="K34386" s="2">
        <v>0</v>
      </c>
      <c r="L34386" t="s">
        <v>120</v>
      </c>
      <c r="M34386" t="s">
        <v>83</v>
      </c>
      <c r="N34386" t="s">
        <v>84</v>
      </c>
      <c r="O34386" t="s">
        <v>85</v>
      </c>
      <c r="P34386" t="s">
        <v>86</v>
      </c>
      <c r="Q34386">
        <v>23</v>
      </c>
      <c r="R34386">
        <v>24</v>
      </c>
      <c r="S34386">
        <v>24</v>
      </c>
      <c r="T34386">
        <v>25</v>
      </c>
      <c r="U34386">
        <v>26</v>
      </c>
      <c r="V34386">
        <v>26</v>
      </c>
      <c r="W34386">
        <v>27</v>
      </c>
      <c r="X34386">
        <v>27</v>
      </c>
      <c r="Y34386">
        <v>28</v>
      </c>
      <c r="Z34386">
        <v>28</v>
      </c>
      <c r="AA34386">
        <v>29</v>
      </c>
      <c r="AB34386">
        <v>29</v>
      </c>
      <c r="AC34386">
        <v>30</v>
      </c>
      <c r="AD34386">
        <v>30</v>
      </c>
      <c r="AE34386">
        <v>31</v>
      </c>
      <c r="AF34386">
        <v>31</v>
      </c>
      <c r="AG34386">
        <v>32</v>
      </c>
      <c r="AH34386">
        <v>32</v>
      </c>
      <c r="AI34386">
        <v>33</v>
      </c>
      <c r="AJ34386">
        <v>34</v>
      </c>
      <c r="AK34386">
        <v>34</v>
      </c>
      <c r="AL34386">
        <v>34</v>
      </c>
      <c r="AM34386">
        <v>35</v>
      </c>
      <c r="AN34386">
        <v>35</v>
      </c>
      <c r="AO34386">
        <v>35</v>
      </c>
      <c r="AP34386">
        <v>35</v>
      </c>
      <c r="AQ34386">
        <v>36</v>
      </c>
    </row>
    <row r="34387" spans="1:43">
      <c r="A34387" t="s">
        <v>21297</v>
      </c>
      <c r="B34387" t="s">
        <v>21298</v>
      </c>
      <c r="C34387" t="s">
        <v>21299</v>
      </c>
      <c r="D34387" t="s">
        <v>21300</v>
      </c>
      <c r="E34387" t="s">
        <v>21139</v>
      </c>
      <c r="F34387" t="s">
        <v>21140</v>
      </c>
      <c r="G34387" t="s">
        <v>20255</v>
      </c>
      <c r="H34387" t="s">
        <v>20256</v>
      </c>
      <c r="I34387" s="2">
        <v>1</v>
      </c>
      <c r="J34387" s="2">
        <v>0</v>
      </c>
      <c r="K34387" s="2">
        <v>0</v>
      </c>
      <c r="L34387" t="s">
        <v>120</v>
      </c>
      <c r="M34387" t="s">
        <v>87</v>
      </c>
      <c r="N34387" t="s">
        <v>88</v>
      </c>
      <c r="O34387" t="s">
        <v>85</v>
      </c>
      <c r="P34387" t="s">
        <v>86</v>
      </c>
      <c r="Q34387">
        <v>23</v>
      </c>
      <c r="R34387">
        <v>23</v>
      </c>
      <c r="S34387">
        <v>24</v>
      </c>
      <c r="T34387">
        <v>24</v>
      </c>
      <c r="U34387">
        <v>24</v>
      </c>
      <c r="V34387">
        <v>25</v>
      </c>
      <c r="W34387">
        <v>25</v>
      </c>
      <c r="X34387">
        <v>25</v>
      </c>
      <c r="Y34387">
        <v>26</v>
      </c>
      <c r="Z34387">
        <v>26</v>
      </c>
      <c r="AA34387">
        <v>26</v>
      </c>
      <c r="AB34387">
        <v>27</v>
      </c>
      <c r="AC34387">
        <v>27</v>
      </c>
      <c r="AD34387">
        <v>27</v>
      </c>
      <c r="AE34387">
        <v>27</v>
      </c>
      <c r="AF34387">
        <v>28</v>
      </c>
      <c r="AG34387">
        <v>28</v>
      </c>
      <c r="AH34387">
        <v>28</v>
      </c>
      <c r="AI34387">
        <v>29</v>
      </c>
      <c r="AJ34387">
        <v>29</v>
      </c>
      <c r="AK34387">
        <v>29</v>
      </c>
      <c r="AL34387">
        <v>30</v>
      </c>
      <c r="AM34387">
        <v>30</v>
      </c>
      <c r="AN34387">
        <v>30</v>
      </c>
      <c r="AO34387">
        <v>31</v>
      </c>
      <c r="AP34387">
        <v>31</v>
      </c>
      <c r="AQ34387">
        <v>31</v>
      </c>
    </row>
    <row r="34388" spans="1:43">
      <c r="A34388" t="s">
        <v>21297</v>
      </c>
      <c r="B34388" t="s">
        <v>21298</v>
      </c>
      <c r="C34388" t="s">
        <v>21299</v>
      </c>
      <c r="D34388" t="s">
        <v>21300</v>
      </c>
      <c r="E34388" t="s">
        <v>21139</v>
      </c>
      <c r="F34388" t="s">
        <v>21140</v>
      </c>
      <c r="G34388" t="s">
        <v>20255</v>
      </c>
      <c r="H34388" t="s">
        <v>20256</v>
      </c>
      <c r="I34388" s="2">
        <v>1</v>
      </c>
      <c r="J34388" s="2">
        <v>0</v>
      </c>
      <c r="K34388" s="2">
        <v>0</v>
      </c>
      <c r="L34388" t="s">
        <v>120</v>
      </c>
      <c r="M34388" t="s">
        <v>89</v>
      </c>
      <c r="N34388" t="s">
        <v>90</v>
      </c>
      <c r="O34388" t="s">
        <v>85</v>
      </c>
      <c r="P34388" t="s">
        <v>86</v>
      </c>
      <c r="Q34388">
        <v>23</v>
      </c>
      <c r="R34388">
        <v>23</v>
      </c>
      <c r="S34388">
        <v>24</v>
      </c>
      <c r="T34388">
        <v>25</v>
      </c>
      <c r="U34388">
        <v>26</v>
      </c>
      <c r="V34388">
        <v>26</v>
      </c>
      <c r="W34388">
        <v>27</v>
      </c>
      <c r="X34388">
        <v>27</v>
      </c>
      <c r="Y34388">
        <v>28</v>
      </c>
      <c r="Z34388">
        <v>29</v>
      </c>
      <c r="AA34388">
        <v>29</v>
      </c>
      <c r="AB34388">
        <v>30</v>
      </c>
      <c r="AC34388">
        <v>31</v>
      </c>
      <c r="AD34388">
        <v>31</v>
      </c>
      <c r="AE34388">
        <v>32</v>
      </c>
      <c r="AF34388">
        <v>32</v>
      </c>
      <c r="AG34388">
        <v>32</v>
      </c>
      <c r="AH34388">
        <v>33</v>
      </c>
      <c r="AI34388">
        <v>33</v>
      </c>
      <c r="AJ34388">
        <v>33</v>
      </c>
      <c r="AK34388">
        <v>33</v>
      </c>
      <c r="AL34388">
        <v>34</v>
      </c>
      <c r="AM34388">
        <v>34</v>
      </c>
      <c r="AN34388">
        <v>34</v>
      </c>
      <c r="AO34388">
        <v>34</v>
      </c>
      <c r="AP34388">
        <v>35</v>
      </c>
      <c r="AQ34388">
        <v>35</v>
      </c>
    </row>
    <row r="34389" spans="1:43">
      <c r="A34389" t="s">
        <v>21297</v>
      </c>
      <c r="B34389" t="s">
        <v>21298</v>
      </c>
      <c r="C34389" t="s">
        <v>21299</v>
      </c>
      <c r="D34389" t="s">
        <v>21300</v>
      </c>
      <c r="E34389" t="s">
        <v>21139</v>
      </c>
      <c r="F34389" t="s">
        <v>21140</v>
      </c>
      <c r="G34389" t="s">
        <v>20255</v>
      </c>
      <c r="H34389" t="s">
        <v>20256</v>
      </c>
      <c r="I34389" s="2">
        <v>1</v>
      </c>
      <c r="J34389" s="2">
        <v>0</v>
      </c>
      <c r="K34389" s="2">
        <v>0</v>
      </c>
      <c r="L34389" t="s">
        <v>120</v>
      </c>
      <c r="M34389" t="s">
        <v>83</v>
      </c>
      <c r="N34389" t="s">
        <v>91</v>
      </c>
      <c r="O34389" t="s">
        <v>85</v>
      </c>
      <c r="P34389" t="s">
        <v>86</v>
      </c>
      <c r="Q34389">
        <v>23</v>
      </c>
      <c r="R34389">
        <v>24</v>
      </c>
      <c r="S34389">
        <v>24</v>
      </c>
      <c r="T34389">
        <v>25</v>
      </c>
      <c r="U34389">
        <v>26</v>
      </c>
      <c r="V34389">
        <v>26</v>
      </c>
      <c r="W34389">
        <v>27</v>
      </c>
      <c r="X34389">
        <v>27</v>
      </c>
      <c r="Y34389">
        <v>28</v>
      </c>
      <c r="Z34389">
        <v>28</v>
      </c>
      <c r="AA34389">
        <v>29</v>
      </c>
      <c r="AB34389">
        <v>29</v>
      </c>
      <c r="AC34389">
        <v>30</v>
      </c>
      <c r="AD34389">
        <v>30</v>
      </c>
      <c r="AE34389">
        <v>31</v>
      </c>
      <c r="AF34389">
        <v>31</v>
      </c>
      <c r="AG34389">
        <v>32</v>
      </c>
      <c r="AH34389">
        <v>32</v>
      </c>
      <c r="AI34389">
        <v>33</v>
      </c>
      <c r="AJ34389">
        <v>34</v>
      </c>
      <c r="AK34389">
        <v>34</v>
      </c>
      <c r="AL34389">
        <v>34</v>
      </c>
      <c r="AM34389">
        <v>35</v>
      </c>
      <c r="AN34389">
        <v>35</v>
      </c>
      <c r="AO34389">
        <v>35</v>
      </c>
      <c r="AP34389">
        <v>35</v>
      </c>
      <c r="AQ34389">
        <v>36</v>
      </c>
    </row>
    <row r="34390" spans="1:43">
      <c r="A34390" t="s">
        <v>21301</v>
      </c>
      <c r="B34390" t="s">
        <v>21302</v>
      </c>
      <c r="C34390" t="s">
        <v>21299</v>
      </c>
      <c r="D34390" t="s">
        <v>21300</v>
      </c>
      <c r="E34390" t="s">
        <v>21139</v>
      </c>
      <c r="F34390" t="s">
        <v>21140</v>
      </c>
      <c r="G34390" t="s">
        <v>20255</v>
      </c>
      <c r="H34390" t="s">
        <v>20256</v>
      </c>
      <c r="I34390" s="2">
        <v>1</v>
      </c>
      <c r="J34390" s="2">
        <v>0</v>
      </c>
      <c r="K34390" s="2">
        <v>0</v>
      </c>
      <c r="L34390" t="s">
        <v>120</v>
      </c>
      <c r="M34390" t="s">
        <v>83</v>
      </c>
      <c r="N34390" t="s">
        <v>84</v>
      </c>
      <c r="O34390" t="s">
        <v>85</v>
      </c>
      <c r="P34390" t="s">
        <v>86</v>
      </c>
      <c r="Q34390">
        <v>13</v>
      </c>
      <c r="R34390">
        <v>13</v>
      </c>
      <c r="S34390">
        <v>13</v>
      </c>
      <c r="T34390">
        <v>13</v>
      </c>
      <c r="U34390">
        <v>14</v>
      </c>
      <c r="V34390">
        <v>14</v>
      </c>
      <c r="W34390">
        <v>14</v>
      </c>
      <c r="X34390">
        <v>15</v>
      </c>
      <c r="Y34390">
        <v>15</v>
      </c>
      <c r="Z34390">
        <v>15</v>
      </c>
      <c r="AA34390">
        <v>15</v>
      </c>
      <c r="AB34390">
        <v>16</v>
      </c>
      <c r="AC34390">
        <v>16</v>
      </c>
      <c r="AD34390">
        <v>16</v>
      </c>
      <c r="AE34390">
        <v>17</v>
      </c>
      <c r="AF34390">
        <v>17</v>
      </c>
      <c r="AG34390">
        <v>17</v>
      </c>
      <c r="AH34390">
        <v>17</v>
      </c>
      <c r="AI34390">
        <v>18</v>
      </c>
      <c r="AJ34390">
        <v>18</v>
      </c>
      <c r="AK34390">
        <v>18</v>
      </c>
      <c r="AL34390">
        <v>18</v>
      </c>
      <c r="AM34390">
        <v>19</v>
      </c>
      <c r="AN34390">
        <v>19</v>
      </c>
      <c r="AO34390">
        <v>19</v>
      </c>
      <c r="AP34390">
        <v>19</v>
      </c>
      <c r="AQ34390">
        <v>19</v>
      </c>
    </row>
    <row r="34391" spans="1:43">
      <c r="A34391" t="s">
        <v>21301</v>
      </c>
      <c r="B34391" t="s">
        <v>21302</v>
      </c>
      <c r="C34391" t="s">
        <v>21299</v>
      </c>
      <c r="D34391" t="s">
        <v>21300</v>
      </c>
      <c r="E34391" t="s">
        <v>21139</v>
      </c>
      <c r="F34391" t="s">
        <v>21140</v>
      </c>
      <c r="G34391" t="s">
        <v>20255</v>
      </c>
      <c r="H34391" t="s">
        <v>20256</v>
      </c>
      <c r="I34391" s="2">
        <v>1</v>
      </c>
      <c r="J34391" s="2">
        <v>0</v>
      </c>
      <c r="K34391" s="2">
        <v>0</v>
      </c>
      <c r="L34391" t="s">
        <v>120</v>
      </c>
      <c r="M34391" t="s">
        <v>87</v>
      </c>
      <c r="N34391" t="s">
        <v>88</v>
      </c>
      <c r="O34391" t="s">
        <v>85</v>
      </c>
      <c r="P34391" t="s">
        <v>86</v>
      </c>
      <c r="Q34391">
        <v>13</v>
      </c>
      <c r="R34391">
        <v>13</v>
      </c>
      <c r="S34391">
        <v>13</v>
      </c>
      <c r="T34391">
        <v>13</v>
      </c>
      <c r="U34391">
        <v>13</v>
      </c>
      <c r="V34391">
        <v>13</v>
      </c>
      <c r="W34391">
        <v>13</v>
      </c>
      <c r="X34391">
        <v>14</v>
      </c>
      <c r="Y34391">
        <v>14</v>
      </c>
      <c r="Z34391">
        <v>14</v>
      </c>
      <c r="AA34391">
        <v>14</v>
      </c>
      <c r="AB34391">
        <v>14</v>
      </c>
      <c r="AC34391">
        <v>14</v>
      </c>
      <c r="AD34391">
        <v>15</v>
      </c>
      <c r="AE34391">
        <v>15</v>
      </c>
      <c r="AF34391">
        <v>15</v>
      </c>
      <c r="AG34391">
        <v>15</v>
      </c>
      <c r="AH34391">
        <v>15</v>
      </c>
      <c r="AI34391">
        <v>15</v>
      </c>
      <c r="AJ34391">
        <v>16</v>
      </c>
      <c r="AK34391">
        <v>16</v>
      </c>
      <c r="AL34391">
        <v>16</v>
      </c>
      <c r="AM34391">
        <v>16</v>
      </c>
      <c r="AN34391">
        <v>16</v>
      </c>
      <c r="AO34391">
        <v>16</v>
      </c>
      <c r="AP34391">
        <v>16</v>
      </c>
      <c r="AQ34391">
        <v>17</v>
      </c>
    </row>
    <row r="34392" spans="1:43">
      <c r="A34392" t="s">
        <v>21301</v>
      </c>
      <c r="B34392" t="s">
        <v>21302</v>
      </c>
      <c r="C34392" t="s">
        <v>21299</v>
      </c>
      <c r="D34392" t="s">
        <v>21300</v>
      </c>
      <c r="E34392" t="s">
        <v>21139</v>
      </c>
      <c r="F34392" t="s">
        <v>21140</v>
      </c>
      <c r="G34392" t="s">
        <v>20255</v>
      </c>
      <c r="H34392" t="s">
        <v>20256</v>
      </c>
      <c r="I34392" s="2">
        <v>1</v>
      </c>
      <c r="J34392" s="2">
        <v>0</v>
      </c>
      <c r="K34392" s="2">
        <v>0</v>
      </c>
      <c r="L34392" t="s">
        <v>120</v>
      </c>
      <c r="M34392" t="s">
        <v>89</v>
      </c>
      <c r="N34392" t="s">
        <v>90</v>
      </c>
      <c r="O34392" t="s">
        <v>85</v>
      </c>
      <c r="P34392" t="s">
        <v>86</v>
      </c>
      <c r="Q34392">
        <v>13</v>
      </c>
      <c r="R34392">
        <v>13</v>
      </c>
      <c r="S34392">
        <v>14</v>
      </c>
      <c r="T34392">
        <v>14</v>
      </c>
      <c r="U34392">
        <v>14</v>
      </c>
      <c r="V34392">
        <v>15</v>
      </c>
      <c r="W34392">
        <v>15</v>
      </c>
      <c r="X34392">
        <v>15</v>
      </c>
      <c r="Y34392">
        <v>16</v>
      </c>
      <c r="Z34392">
        <v>16</v>
      </c>
      <c r="AA34392">
        <v>16</v>
      </c>
      <c r="AB34392">
        <v>17</v>
      </c>
      <c r="AC34392">
        <v>17</v>
      </c>
      <c r="AD34392">
        <v>17</v>
      </c>
      <c r="AE34392">
        <v>18</v>
      </c>
      <c r="AF34392">
        <v>18</v>
      </c>
      <c r="AG34392">
        <v>18</v>
      </c>
      <c r="AH34392">
        <v>18</v>
      </c>
      <c r="AI34392">
        <v>18</v>
      </c>
      <c r="AJ34392">
        <v>18</v>
      </c>
      <c r="AK34392">
        <v>19</v>
      </c>
      <c r="AL34392">
        <v>19</v>
      </c>
      <c r="AM34392">
        <v>19</v>
      </c>
      <c r="AN34392">
        <v>19</v>
      </c>
      <c r="AO34392">
        <v>19</v>
      </c>
      <c r="AP34392">
        <v>19</v>
      </c>
      <c r="AQ34392">
        <v>19</v>
      </c>
    </row>
    <row r="34393" spans="1:43">
      <c r="A34393" t="s">
        <v>21301</v>
      </c>
      <c r="B34393" t="s">
        <v>21302</v>
      </c>
      <c r="C34393" t="s">
        <v>21299</v>
      </c>
      <c r="D34393" t="s">
        <v>21300</v>
      </c>
      <c r="E34393" t="s">
        <v>21139</v>
      </c>
      <c r="F34393" t="s">
        <v>21140</v>
      </c>
      <c r="G34393" t="s">
        <v>20255</v>
      </c>
      <c r="H34393" t="s">
        <v>20256</v>
      </c>
      <c r="I34393" s="2">
        <v>1</v>
      </c>
      <c r="J34393" s="2">
        <v>0</v>
      </c>
      <c r="K34393" s="2">
        <v>0</v>
      </c>
      <c r="L34393" t="s">
        <v>120</v>
      </c>
      <c r="M34393" t="s">
        <v>83</v>
      </c>
      <c r="N34393" t="s">
        <v>91</v>
      </c>
      <c r="O34393" t="s">
        <v>85</v>
      </c>
      <c r="P34393" t="s">
        <v>86</v>
      </c>
      <c r="Q34393">
        <v>13</v>
      </c>
      <c r="R34393">
        <v>13</v>
      </c>
      <c r="S34393">
        <v>13</v>
      </c>
      <c r="T34393">
        <v>13</v>
      </c>
      <c r="U34393">
        <v>14</v>
      </c>
      <c r="V34393">
        <v>14</v>
      </c>
      <c r="W34393">
        <v>14</v>
      </c>
      <c r="X34393">
        <v>15</v>
      </c>
      <c r="Y34393">
        <v>15</v>
      </c>
      <c r="Z34393">
        <v>15</v>
      </c>
      <c r="AA34393">
        <v>15</v>
      </c>
      <c r="AB34393">
        <v>16</v>
      </c>
      <c r="AC34393">
        <v>16</v>
      </c>
      <c r="AD34393">
        <v>16</v>
      </c>
      <c r="AE34393">
        <v>17</v>
      </c>
      <c r="AF34393">
        <v>17</v>
      </c>
      <c r="AG34393">
        <v>17</v>
      </c>
      <c r="AH34393">
        <v>17</v>
      </c>
      <c r="AI34393">
        <v>18</v>
      </c>
      <c r="AJ34393">
        <v>18</v>
      </c>
      <c r="AK34393">
        <v>18</v>
      </c>
      <c r="AL34393">
        <v>18</v>
      </c>
      <c r="AM34393">
        <v>19</v>
      </c>
      <c r="AN34393">
        <v>19</v>
      </c>
      <c r="AO34393">
        <v>19</v>
      </c>
      <c r="AP34393">
        <v>19</v>
      </c>
      <c r="AQ34393">
        <v>19</v>
      </c>
    </row>
    <row r="34394" spans="1:43">
      <c r="A34394" t="s">
        <v>21303</v>
      </c>
      <c r="B34394" t="s">
        <v>21304</v>
      </c>
      <c r="C34394" t="s">
        <v>21299</v>
      </c>
      <c r="D34394" t="s">
        <v>21300</v>
      </c>
      <c r="E34394" t="s">
        <v>21139</v>
      </c>
      <c r="F34394" t="s">
        <v>21140</v>
      </c>
      <c r="G34394" t="s">
        <v>20255</v>
      </c>
      <c r="H34394" t="s">
        <v>20256</v>
      </c>
      <c r="I34394" s="2">
        <v>1</v>
      </c>
      <c r="J34394" s="2">
        <v>0</v>
      </c>
      <c r="K34394" s="2">
        <v>0</v>
      </c>
      <c r="L34394" t="s">
        <v>120</v>
      </c>
      <c r="M34394" t="s">
        <v>83</v>
      </c>
      <c r="N34394" t="s">
        <v>84</v>
      </c>
      <c r="O34394" t="s">
        <v>85</v>
      </c>
      <c r="P34394" t="s">
        <v>86</v>
      </c>
      <c r="Q34394">
        <v>23</v>
      </c>
      <c r="R34394">
        <v>24</v>
      </c>
      <c r="S34394">
        <v>24</v>
      </c>
      <c r="T34394">
        <v>25</v>
      </c>
      <c r="U34394">
        <v>25</v>
      </c>
      <c r="V34394">
        <v>26</v>
      </c>
      <c r="W34394">
        <v>26</v>
      </c>
      <c r="X34394">
        <v>27</v>
      </c>
      <c r="Y34394">
        <v>27</v>
      </c>
      <c r="Z34394">
        <v>28</v>
      </c>
      <c r="AA34394">
        <v>28</v>
      </c>
      <c r="AB34394">
        <v>29</v>
      </c>
      <c r="AC34394">
        <v>29</v>
      </c>
      <c r="AD34394">
        <v>30</v>
      </c>
      <c r="AE34394">
        <v>30</v>
      </c>
      <c r="AF34394">
        <v>31</v>
      </c>
      <c r="AG34394">
        <v>31</v>
      </c>
      <c r="AH34394">
        <v>32</v>
      </c>
      <c r="AI34394">
        <v>33</v>
      </c>
      <c r="AJ34394">
        <v>33</v>
      </c>
      <c r="AK34394">
        <v>34</v>
      </c>
      <c r="AL34394">
        <v>34</v>
      </c>
      <c r="AM34394">
        <v>34</v>
      </c>
      <c r="AN34394">
        <v>34</v>
      </c>
      <c r="AO34394">
        <v>35</v>
      </c>
      <c r="AP34394">
        <v>35</v>
      </c>
      <c r="AQ34394">
        <v>35</v>
      </c>
    </row>
    <row r="34395" spans="1:43">
      <c r="A34395" t="s">
        <v>21303</v>
      </c>
      <c r="B34395" t="s">
        <v>21304</v>
      </c>
      <c r="C34395" t="s">
        <v>21299</v>
      </c>
      <c r="D34395" t="s">
        <v>21300</v>
      </c>
      <c r="E34395" t="s">
        <v>21139</v>
      </c>
      <c r="F34395" t="s">
        <v>21140</v>
      </c>
      <c r="G34395" t="s">
        <v>20255</v>
      </c>
      <c r="H34395" t="s">
        <v>20256</v>
      </c>
      <c r="I34395" s="2">
        <v>1</v>
      </c>
      <c r="J34395" s="2">
        <v>0</v>
      </c>
      <c r="K34395" s="2">
        <v>0</v>
      </c>
      <c r="L34395" t="s">
        <v>120</v>
      </c>
      <c r="M34395" t="s">
        <v>87</v>
      </c>
      <c r="N34395" t="s">
        <v>88</v>
      </c>
      <c r="O34395" t="s">
        <v>85</v>
      </c>
      <c r="P34395" t="s">
        <v>86</v>
      </c>
      <c r="Q34395">
        <v>23</v>
      </c>
      <c r="R34395">
        <v>23</v>
      </c>
      <c r="S34395">
        <v>24</v>
      </c>
      <c r="T34395">
        <v>24</v>
      </c>
      <c r="U34395">
        <v>24</v>
      </c>
      <c r="V34395">
        <v>24</v>
      </c>
      <c r="W34395">
        <v>25</v>
      </c>
      <c r="X34395">
        <v>25</v>
      </c>
      <c r="Y34395">
        <v>25</v>
      </c>
      <c r="Z34395">
        <v>26</v>
      </c>
      <c r="AA34395">
        <v>26</v>
      </c>
      <c r="AB34395">
        <v>26</v>
      </c>
      <c r="AC34395">
        <v>27</v>
      </c>
      <c r="AD34395">
        <v>27</v>
      </c>
      <c r="AE34395">
        <v>27</v>
      </c>
      <c r="AF34395">
        <v>27</v>
      </c>
      <c r="AG34395">
        <v>28</v>
      </c>
      <c r="AH34395">
        <v>28</v>
      </c>
      <c r="AI34395">
        <v>28</v>
      </c>
      <c r="AJ34395">
        <v>29</v>
      </c>
      <c r="AK34395">
        <v>29</v>
      </c>
      <c r="AL34395">
        <v>29</v>
      </c>
      <c r="AM34395">
        <v>30</v>
      </c>
      <c r="AN34395">
        <v>30</v>
      </c>
      <c r="AO34395">
        <v>30</v>
      </c>
      <c r="AP34395">
        <v>31</v>
      </c>
      <c r="AQ34395">
        <v>31</v>
      </c>
    </row>
    <row r="34396" spans="1:43">
      <c r="A34396" t="s">
        <v>21303</v>
      </c>
      <c r="B34396" t="s">
        <v>21304</v>
      </c>
      <c r="C34396" t="s">
        <v>21299</v>
      </c>
      <c r="D34396" t="s">
        <v>21300</v>
      </c>
      <c r="E34396" t="s">
        <v>21139</v>
      </c>
      <c r="F34396" t="s">
        <v>21140</v>
      </c>
      <c r="G34396" t="s">
        <v>20255</v>
      </c>
      <c r="H34396" t="s">
        <v>20256</v>
      </c>
      <c r="I34396" s="2">
        <v>1</v>
      </c>
      <c r="J34396" s="2">
        <v>0</v>
      </c>
      <c r="K34396" s="2">
        <v>0</v>
      </c>
      <c r="L34396" t="s">
        <v>120</v>
      </c>
      <c r="M34396" t="s">
        <v>89</v>
      </c>
      <c r="N34396" t="s">
        <v>90</v>
      </c>
      <c r="O34396" t="s">
        <v>85</v>
      </c>
      <c r="P34396" t="s">
        <v>86</v>
      </c>
      <c r="Q34396">
        <v>23</v>
      </c>
      <c r="R34396">
        <v>24</v>
      </c>
      <c r="S34396">
        <v>25</v>
      </c>
      <c r="T34396">
        <v>26</v>
      </c>
      <c r="U34396">
        <v>26</v>
      </c>
      <c r="V34396">
        <v>27</v>
      </c>
      <c r="W34396">
        <v>28</v>
      </c>
      <c r="X34396">
        <v>28</v>
      </c>
      <c r="Y34396">
        <v>29</v>
      </c>
      <c r="Z34396">
        <v>29</v>
      </c>
      <c r="AA34396">
        <v>30</v>
      </c>
      <c r="AB34396">
        <v>31</v>
      </c>
      <c r="AC34396">
        <v>31</v>
      </c>
      <c r="AD34396">
        <v>32</v>
      </c>
      <c r="AE34396">
        <v>32</v>
      </c>
      <c r="AF34396">
        <v>33</v>
      </c>
      <c r="AG34396">
        <v>33</v>
      </c>
      <c r="AH34396">
        <v>33</v>
      </c>
      <c r="AI34396">
        <v>34</v>
      </c>
      <c r="AJ34396">
        <v>34</v>
      </c>
      <c r="AK34396">
        <v>34</v>
      </c>
      <c r="AL34396">
        <v>34</v>
      </c>
      <c r="AM34396">
        <v>35</v>
      </c>
      <c r="AN34396">
        <v>35</v>
      </c>
      <c r="AO34396">
        <v>35</v>
      </c>
      <c r="AP34396">
        <v>35</v>
      </c>
      <c r="AQ34396">
        <v>35</v>
      </c>
    </row>
    <row r="34397" spans="1:43">
      <c r="A34397" t="s">
        <v>21303</v>
      </c>
      <c r="B34397" t="s">
        <v>21304</v>
      </c>
      <c r="C34397" t="s">
        <v>21299</v>
      </c>
      <c r="D34397" t="s">
        <v>21300</v>
      </c>
      <c r="E34397" t="s">
        <v>21139</v>
      </c>
      <c r="F34397" t="s">
        <v>21140</v>
      </c>
      <c r="G34397" t="s">
        <v>20255</v>
      </c>
      <c r="H34397" t="s">
        <v>20256</v>
      </c>
      <c r="I34397" s="2">
        <v>1</v>
      </c>
      <c r="J34397" s="2">
        <v>0</v>
      </c>
      <c r="K34397" s="2">
        <v>0</v>
      </c>
      <c r="L34397" t="s">
        <v>120</v>
      </c>
      <c r="M34397" t="s">
        <v>83</v>
      </c>
      <c r="N34397" t="s">
        <v>91</v>
      </c>
      <c r="O34397" t="s">
        <v>85</v>
      </c>
      <c r="P34397" t="s">
        <v>86</v>
      </c>
      <c r="Q34397">
        <v>23</v>
      </c>
      <c r="R34397">
        <v>24</v>
      </c>
      <c r="S34397">
        <v>24</v>
      </c>
      <c r="T34397">
        <v>25</v>
      </c>
      <c r="U34397">
        <v>25</v>
      </c>
      <c r="V34397">
        <v>26</v>
      </c>
      <c r="W34397">
        <v>26</v>
      </c>
      <c r="X34397">
        <v>27</v>
      </c>
      <c r="Y34397">
        <v>27</v>
      </c>
      <c r="Z34397">
        <v>28</v>
      </c>
      <c r="AA34397">
        <v>28</v>
      </c>
      <c r="AB34397">
        <v>29</v>
      </c>
      <c r="AC34397">
        <v>29</v>
      </c>
      <c r="AD34397">
        <v>30</v>
      </c>
      <c r="AE34397">
        <v>30</v>
      </c>
      <c r="AF34397">
        <v>31</v>
      </c>
      <c r="AG34397">
        <v>31</v>
      </c>
      <c r="AH34397">
        <v>32</v>
      </c>
      <c r="AI34397">
        <v>33</v>
      </c>
      <c r="AJ34397">
        <v>33</v>
      </c>
      <c r="AK34397">
        <v>34</v>
      </c>
      <c r="AL34397">
        <v>34</v>
      </c>
      <c r="AM34397">
        <v>34</v>
      </c>
      <c r="AN34397">
        <v>34</v>
      </c>
      <c r="AO34397">
        <v>35</v>
      </c>
      <c r="AP34397">
        <v>35</v>
      </c>
      <c r="AQ34397">
        <v>35</v>
      </c>
    </row>
    <row r="34398" spans="1:43">
      <c r="A34398" t="s">
        <v>21305</v>
      </c>
      <c r="B34398" t="s">
        <v>21306</v>
      </c>
      <c r="C34398" t="s">
        <v>21299</v>
      </c>
      <c r="D34398" t="s">
        <v>21300</v>
      </c>
      <c r="E34398" t="s">
        <v>21139</v>
      </c>
      <c r="F34398" t="s">
        <v>21140</v>
      </c>
      <c r="G34398" t="s">
        <v>20255</v>
      </c>
      <c r="H34398" t="s">
        <v>20256</v>
      </c>
      <c r="I34398" s="2">
        <v>1</v>
      </c>
      <c r="J34398" s="2">
        <v>0</v>
      </c>
      <c r="K34398" s="2">
        <v>0</v>
      </c>
      <c r="L34398" t="s">
        <v>120</v>
      </c>
      <c r="M34398" t="s">
        <v>83</v>
      </c>
      <c r="N34398" t="s">
        <v>84</v>
      </c>
      <c r="O34398" t="s">
        <v>85</v>
      </c>
      <c r="P34398" t="s">
        <v>86</v>
      </c>
      <c r="Q34398">
        <v>32</v>
      </c>
      <c r="R34398">
        <v>32</v>
      </c>
      <c r="S34398">
        <v>33</v>
      </c>
      <c r="T34398">
        <v>34</v>
      </c>
      <c r="U34398">
        <v>34</v>
      </c>
      <c r="V34398">
        <v>35</v>
      </c>
      <c r="W34398">
        <v>36</v>
      </c>
      <c r="X34398">
        <v>37</v>
      </c>
      <c r="Y34398">
        <v>37</v>
      </c>
      <c r="Z34398">
        <v>38</v>
      </c>
      <c r="AA34398">
        <v>39</v>
      </c>
      <c r="AB34398">
        <v>39</v>
      </c>
      <c r="AC34398">
        <v>40</v>
      </c>
      <c r="AD34398">
        <v>41</v>
      </c>
      <c r="AE34398">
        <v>42</v>
      </c>
      <c r="AF34398">
        <v>42</v>
      </c>
      <c r="AG34398">
        <v>43</v>
      </c>
      <c r="AH34398">
        <v>44</v>
      </c>
      <c r="AI34398">
        <v>45</v>
      </c>
      <c r="AJ34398">
        <v>45</v>
      </c>
      <c r="AK34398">
        <v>46</v>
      </c>
      <c r="AL34398">
        <v>47</v>
      </c>
      <c r="AM34398">
        <v>47</v>
      </c>
      <c r="AN34398">
        <v>47</v>
      </c>
      <c r="AO34398">
        <v>48</v>
      </c>
      <c r="AP34398">
        <v>48</v>
      </c>
      <c r="AQ34398">
        <v>48</v>
      </c>
    </row>
    <row r="34399" spans="1:43">
      <c r="A34399" t="s">
        <v>21305</v>
      </c>
      <c r="B34399" t="s">
        <v>21306</v>
      </c>
      <c r="C34399" t="s">
        <v>21299</v>
      </c>
      <c r="D34399" t="s">
        <v>21300</v>
      </c>
      <c r="E34399" t="s">
        <v>21139</v>
      </c>
      <c r="F34399" t="s">
        <v>21140</v>
      </c>
      <c r="G34399" t="s">
        <v>20255</v>
      </c>
      <c r="H34399" t="s">
        <v>20256</v>
      </c>
      <c r="I34399" s="2">
        <v>1</v>
      </c>
      <c r="J34399" s="2">
        <v>0</v>
      </c>
      <c r="K34399" s="2">
        <v>0</v>
      </c>
      <c r="L34399" t="s">
        <v>120</v>
      </c>
      <c r="M34399" t="s">
        <v>87</v>
      </c>
      <c r="N34399" t="s">
        <v>88</v>
      </c>
      <c r="O34399" t="s">
        <v>85</v>
      </c>
      <c r="P34399" t="s">
        <v>86</v>
      </c>
      <c r="Q34399">
        <v>32</v>
      </c>
      <c r="R34399">
        <v>33</v>
      </c>
      <c r="S34399">
        <v>33</v>
      </c>
      <c r="T34399">
        <v>34</v>
      </c>
      <c r="U34399">
        <v>34</v>
      </c>
      <c r="V34399">
        <v>34</v>
      </c>
      <c r="W34399">
        <v>35</v>
      </c>
      <c r="X34399">
        <v>35</v>
      </c>
      <c r="Y34399">
        <v>36</v>
      </c>
      <c r="Z34399">
        <v>36</v>
      </c>
      <c r="AA34399">
        <v>36</v>
      </c>
      <c r="AB34399">
        <v>37</v>
      </c>
      <c r="AC34399">
        <v>37</v>
      </c>
      <c r="AD34399">
        <v>38</v>
      </c>
      <c r="AE34399">
        <v>38</v>
      </c>
      <c r="AF34399">
        <v>38</v>
      </c>
      <c r="AG34399">
        <v>39</v>
      </c>
      <c r="AH34399">
        <v>39</v>
      </c>
      <c r="AI34399">
        <v>40</v>
      </c>
      <c r="AJ34399">
        <v>40</v>
      </c>
      <c r="AK34399">
        <v>40</v>
      </c>
      <c r="AL34399">
        <v>41</v>
      </c>
      <c r="AM34399">
        <v>41</v>
      </c>
      <c r="AN34399">
        <v>42</v>
      </c>
      <c r="AO34399">
        <v>42</v>
      </c>
      <c r="AP34399">
        <v>43</v>
      </c>
      <c r="AQ34399">
        <v>43</v>
      </c>
    </row>
    <row r="34400" spans="1:43">
      <c r="A34400" t="s">
        <v>21305</v>
      </c>
      <c r="B34400" t="s">
        <v>21306</v>
      </c>
      <c r="C34400" t="s">
        <v>21299</v>
      </c>
      <c r="D34400" t="s">
        <v>21300</v>
      </c>
      <c r="E34400" t="s">
        <v>21139</v>
      </c>
      <c r="F34400" t="s">
        <v>21140</v>
      </c>
      <c r="G34400" t="s">
        <v>20255</v>
      </c>
      <c r="H34400" t="s">
        <v>20256</v>
      </c>
      <c r="I34400" s="2">
        <v>1</v>
      </c>
      <c r="J34400" s="2">
        <v>0</v>
      </c>
      <c r="K34400" s="2">
        <v>0</v>
      </c>
      <c r="L34400" t="s">
        <v>120</v>
      </c>
      <c r="M34400" t="s">
        <v>89</v>
      </c>
      <c r="N34400" t="s">
        <v>90</v>
      </c>
      <c r="O34400" t="s">
        <v>85</v>
      </c>
      <c r="P34400" t="s">
        <v>86</v>
      </c>
      <c r="Q34400">
        <v>32</v>
      </c>
      <c r="R34400">
        <v>33</v>
      </c>
      <c r="S34400">
        <v>34</v>
      </c>
      <c r="T34400">
        <v>35</v>
      </c>
      <c r="U34400">
        <v>36</v>
      </c>
      <c r="V34400">
        <v>37</v>
      </c>
      <c r="W34400">
        <v>38</v>
      </c>
      <c r="X34400">
        <v>39</v>
      </c>
      <c r="Y34400">
        <v>39</v>
      </c>
      <c r="Z34400">
        <v>40</v>
      </c>
      <c r="AA34400">
        <v>41</v>
      </c>
      <c r="AB34400">
        <v>42</v>
      </c>
      <c r="AC34400">
        <v>43</v>
      </c>
      <c r="AD34400">
        <v>44</v>
      </c>
      <c r="AE34400">
        <v>45</v>
      </c>
      <c r="AF34400">
        <v>45</v>
      </c>
      <c r="AG34400">
        <v>45</v>
      </c>
      <c r="AH34400">
        <v>46</v>
      </c>
      <c r="AI34400">
        <v>46</v>
      </c>
      <c r="AJ34400">
        <v>46</v>
      </c>
      <c r="AK34400">
        <v>47</v>
      </c>
      <c r="AL34400">
        <v>47</v>
      </c>
      <c r="AM34400">
        <v>47</v>
      </c>
      <c r="AN34400">
        <v>48</v>
      </c>
      <c r="AO34400">
        <v>48</v>
      </c>
      <c r="AP34400">
        <v>48</v>
      </c>
      <c r="AQ34400">
        <v>49</v>
      </c>
    </row>
    <row r="34401" spans="1:43">
      <c r="A34401" t="s">
        <v>21305</v>
      </c>
      <c r="B34401" t="s">
        <v>21306</v>
      </c>
      <c r="C34401" t="s">
        <v>21299</v>
      </c>
      <c r="D34401" t="s">
        <v>21300</v>
      </c>
      <c r="E34401" t="s">
        <v>21139</v>
      </c>
      <c r="F34401" t="s">
        <v>21140</v>
      </c>
      <c r="G34401" t="s">
        <v>20255</v>
      </c>
      <c r="H34401" t="s">
        <v>20256</v>
      </c>
      <c r="I34401" s="2">
        <v>1</v>
      </c>
      <c r="J34401" s="2">
        <v>0</v>
      </c>
      <c r="K34401" s="2">
        <v>0</v>
      </c>
      <c r="L34401" t="s">
        <v>120</v>
      </c>
      <c r="M34401" t="s">
        <v>83</v>
      </c>
      <c r="N34401" t="s">
        <v>91</v>
      </c>
      <c r="O34401" t="s">
        <v>85</v>
      </c>
      <c r="P34401" t="s">
        <v>86</v>
      </c>
      <c r="Q34401">
        <v>32</v>
      </c>
      <c r="R34401">
        <v>32</v>
      </c>
      <c r="S34401">
        <v>33</v>
      </c>
      <c r="T34401">
        <v>34</v>
      </c>
      <c r="U34401">
        <v>34</v>
      </c>
      <c r="V34401">
        <v>35</v>
      </c>
      <c r="W34401">
        <v>36</v>
      </c>
      <c r="X34401">
        <v>37</v>
      </c>
      <c r="Y34401">
        <v>37</v>
      </c>
      <c r="Z34401">
        <v>38</v>
      </c>
      <c r="AA34401">
        <v>39</v>
      </c>
      <c r="AB34401">
        <v>39</v>
      </c>
      <c r="AC34401">
        <v>40</v>
      </c>
      <c r="AD34401">
        <v>41</v>
      </c>
      <c r="AE34401">
        <v>42</v>
      </c>
      <c r="AF34401">
        <v>42</v>
      </c>
      <c r="AG34401">
        <v>43</v>
      </c>
      <c r="AH34401">
        <v>44</v>
      </c>
      <c r="AI34401">
        <v>45</v>
      </c>
      <c r="AJ34401">
        <v>45</v>
      </c>
      <c r="AK34401">
        <v>46</v>
      </c>
      <c r="AL34401">
        <v>47</v>
      </c>
      <c r="AM34401">
        <v>47</v>
      </c>
      <c r="AN34401">
        <v>47</v>
      </c>
      <c r="AO34401">
        <v>48</v>
      </c>
      <c r="AP34401">
        <v>48</v>
      </c>
      <c r="AQ34401">
        <v>48</v>
      </c>
    </row>
    <row r="34402" spans="1:43">
      <c r="A34402" t="s">
        <v>21307</v>
      </c>
      <c r="B34402" t="s">
        <v>21308</v>
      </c>
      <c r="C34402" t="s">
        <v>21299</v>
      </c>
      <c r="D34402" t="s">
        <v>21300</v>
      </c>
      <c r="E34402" t="s">
        <v>21139</v>
      </c>
      <c r="F34402" t="s">
        <v>21140</v>
      </c>
      <c r="G34402" t="s">
        <v>20255</v>
      </c>
      <c r="H34402" t="s">
        <v>20256</v>
      </c>
      <c r="I34402" s="2">
        <v>1</v>
      </c>
      <c r="J34402" s="2">
        <v>0</v>
      </c>
      <c r="K34402" s="2">
        <v>0</v>
      </c>
      <c r="L34402" t="s">
        <v>120</v>
      </c>
      <c r="M34402" t="s">
        <v>83</v>
      </c>
      <c r="N34402" t="s">
        <v>84</v>
      </c>
      <c r="O34402" t="s">
        <v>85</v>
      </c>
      <c r="P34402" t="s">
        <v>86</v>
      </c>
      <c r="Q34402">
        <v>19</v>
      </c>
      <c r="R34402">
        <v>19</v>
      </c>
      <c r="S34402">
        <v>19</v>
      </c>
      <c r="T34402">
        <v>20</v>
      </c>
      <c r="U34402">
        <v>20</v>
      </c>
      <c r="V34402">
        <v>21</v>
      </c>
      <c r="W34402">
        <v>21</v>
      </c>
      <c r="X34402">
        <v>22</v>
      </c>
      <c r="Y34402">
        <v>22</v>
      </c>
      <c r="Z34402">
        <v>22</v>
      </c>
      <c r="AA34402">
        <v>23</v>
      </c>
      <c r="AB34402">
        <v>23</v>
      </c>
      <c r="AC34402">
        <v>24</v>
      </c>
      <c r="AD34402">
        <v>24</v>
      </c>
      <c r="AE34402">
        <v>24</v>
      </c>
      <c r="AF34402">
        <v>25</v>
      </c>
      <c r="AG34402">
        <v>25</v>
      </c>
      <c r="AH34402">
        <v>26</v>
      </c>
      <c r="AI34402">
        <v>26</v>
      </c>
      <c r="AJ34402">
        <v>26</v>
      </c>
      <c r="AK34402">
        <v>27</v>
      </c>
      <c r="AL34402">
        <v>27</v>
      </c>
      <c r="AM34402">
        <v>27</v>
      </c>
      <c r="AN34402">
        <v>28</v>
      </c>
      <c r="AO34402">
        <v>28</v>
      </c>
      <c r="AP34402">
        <v>28</v>
      </c>
      <c r="AQ34402">
        <v>28</v>
      </c>
    </row>
    <row r="34403" spans="1:43">
      <c r="A34403" t="s">
        <v>21307</v>
      </c>
      <c r="B34403" t="s">
        <v>21308</v>
      </c>
      <c r="C34403" t="s">
        <v>21299</v>
      </c>
      <c r="D34403" t="s">
        <v>21300</v>
      </c>
      <c r="E34403" t="s">
        <v>21139</v>
      </c>
      <c r="F34403" t="s">
        <v>21140</v>
      </c>
      <c r="G34403" t="s">
        <v>20255</v>
      </c>
      <c r="H34403" t="s">
        <v>20256</v>
      </c>
      <c r="I34403" s="2">
        <v>1</v>
      </c>
      <c r="J34403" s="2">
        <v>0</v>
      </c>
      <c r="K34403" s="2">
        <v>0</v>
      </c>
      <c r="L34403" t="s">
        <v>120</v>
      </c>
      <c r="M34403" t="s">
        <v>87</v>
      </c>
      <c r="N34403" t="s">
        <v>88</v>
      </c>
      <c r="O34403" t="s">
        <v>85</v>
      </c>
      <c r="P34403" t="s">
        <v>86</v>
      </c>
      <c r="Q34403">
        <v>19</v>
      </c>
      <c r="R34403">
        <v>20</v>
      </c>
      <c r="S34403">
        <v>20</v>
      </c>
      <c r="T34403">
        <v>20</v>
      </c>
      <c r="U34403">
        <v>20</v>
      </c>
      <c r="V34403">
        <v>21</v>
      </c>
      <c r="W34403">
        <v>21</v>
      </c>
      <c r="X34403">
        <v>21</v>
      </c>
      <c r="Y34403">
        <v>21</v>
      </c>
      <c r="Z34403">
        <v>22</v>
      </c>
      <c r="AA34403">
        <v>22</v>
      </c>
      <c r="AB34403">
        <v>22</v>
      </c>
      <c r="AC34403">
        <v>22</v>
      </c>
      <c r="AD34403">
        <v>23</v>
      </c>
      <c r="AE34403">
        <v>23</v>
      </c>
      <c r="AF34403">
        <v>23</v>
      </c>
      <c r="AG34403">
        <v>23</v>
      </c>
      <c r="AH34403">
        <v>23</v>
      </c>
      <c r="AI34403">
        <v>24</v>
      </c>
      <c r="AJ34403">
        <v>24</v>
      </c>
      <c r="AK34403">
        <v>24</v>
      </c>
      <c r="AL34403">
        <v>24</v>
      </c>
      <c r="AM34403">
        <v>25</v>
      </c>
      <c r="AN34403">
        <v>25</v>
      </c>
      <c r="AO34403">
        <v>25</v>
      </c>
      <c r="AP34403">
        <v>25</v>
      </c>
      <c r="AQ34403">
        <v>26</v>
      </c>
    </row>
    <row r="34404" spans="1:43">
      <c r="A34404" t="s">
        <v>21307</v>
      </c>
      <c r="B34404" t="s">
        <v>21308</v>
      </c>
      <c r="C34404" t="s">
        <v>21299</v>
      </c>
      <c r="D34404" t="s">
        <v>21300</v>
      </c>
      <c r="E34404" t="s">
        <v>21139</v>
      </c>
      <c r="F34404" t="s">
        <v>21140</v>
      </c>
      <c r="G34404" t="s">
        <v>20255</v>
      </c>
      <c r="H34404" t="s">
        <v>20256</v>
      </c>
      <c r="I34404" s="2">
        <v>1</v>
      </c>
      <c r="J34404" s="2">
        <v>0</v>
      </c>
      <c r="K34404" s="2">
        <v>0</v>
      </c>
      <c r="L34404" t="s">
        <v>120</v>
      </c>
      <c r="M34404" t="s">
        <v>89</v>
      </c>
      <c r="N34404" t="s">
        <v>90</v>
      </c>
      <c r="O34404" t="s">
        <v>85</v>
      </c>
      <c r="P34404" t="s">
        <v>86</v>
      </c>
      <c r="Q34404">
        <v>19</v>
      </c>
      <c r="R34404">
        <v>19</v>
      </c>
      <c r="S34404">
        <v>20</v>
      </c>
      <c r="T34404">
        <v>20</v>
      </c>
      <c r="U34404">
        <v>21</v>
      </c>
      <c r="V34404">
        <v>22</v>
      </c>
      <c r="W34404">
        <v>22</v>
      </c>
      <c r="X34404">
        <v>23</v>
      </c>
      <c r="Y34404">
        <v>23</v>
      </c>
      <c r="Z34404">
        <v>24</v>
      </c>
      <c r="AA34404">
        <v>24</v>
      </c>
      <c r="AB34404">
        <v>25</v>
      </c>
      <c r="AC34404">
        <v>25</v>
      </c>
      <c r="AD34404">
        <v>26</v>
      </c>
      <c r="AE34404">
        <v>26</v>
      </c>
      <c r="AF34404">
        <v>26</v>
      </c>
      <c r="AG34404">
        <v>26</v>
      </c>
      <c r="AH34404">
        <v>27</v>
      </c>
      <c r="AI34404">
        <v>27</v>
      </c>
      <c r="AJ34404">
        <v>27</v>
      </c>
      <c r="AK34404">
        <v>27</v>
      </c>
      <c r="AL34404">
        <v>27</v>
      </c>
      <c r="AM34404">
        <v>28</v>
      </c>
      <c r="AN34404">
        <v>28</v>
      </c>
      <c r="AO34404">
        <v>28</v>
      </c>
      <c r="AP34404">
        <v>28</v>
      </c>
      <c r="AQ34404">
        <v>28</v>
      </c>
    </row>
    <row r="34405" spans="1:43">
      <c r="A34405" t="s">
        <v>21307</v>
      </c>
      <c r="B34405" t="s">
        <v>21308</v>
      </c>
      <c r="C34405" t="s">
        <v>21299</v>
      </c>
      <c r="D34405" t="s">
        <v>21300</v>
      </c>
      <c r="E34405" t="s">
        <v>21139</v>
      </c>
      <c r="F34405" t="s">
        <v>21140</v>
      </c>
      <c r="G34405" t="s">
        <v>20255</v>
      </c>
      <c r="H34405" t="s">
        <v>20256</v>
      </c>
      <c r="I34405" s="2">
        <v>1</v>
      </c>
      <c r="J34405" s="2">
        <v>0</v>
      </c>
      <c r="K34405" s="2">
        <v>0</v>
      </c>
      <c r="L34405" t="s">
        <v>120</v>
      </c>
      <c r="M34405" t="s">
        <v>83</v>
      </c>
      <c r="N34405" t="s">
        <v>91</v>
      </c>
      <c r="O34405" t="s">
        <v>85</v>
      </c>
      <c r="P34405" t="s">
        <v>86</v>
      </c>
      <c r="Q34405">
        <v>19</v>
      </c>
      <c r="R34405">
        <v>19</v>
      </c>
      <c r="S34405">
        <v>19</v>
      </c>
      <c r="T34405">
        <v>20</v>
      </c>
      <c r="U34405">
        <v>20</v>
      </c>
      <c r="V34405">
        <v>21</v>
      </c>
      <c r="W34405">
        <v>21</v>
      </c>
      <c r="X34405">
        <v>22</v>
      </c>
      <c r="Y34405">
        <v>22</v>
      </c>
      <c r="Z34405">
        <v>22</v>
      </c>
      <c r="AA34405">
        <v>23</v>
      </c>
      <c r="AB34405">
        <v>23</v>
      </c>
      <c r="AC34405">
        <v>24</v>
      </c>
      <c r="AD34405">
        <v>24</v>
      </c>
      <c r="AE34405">
        <v>24</v>
      </c>
      <c r="AF34405">
        <v>25</v>
      </c>
      <c r="AG34405">
        <v>25</v>
      </c>
      <c r="AH34405">
        <v>26</v>
      </c>
      <c r="AI34405">
        <v>26</v>
      </c>
      <c r="AJ34405">
        <v>26</v>
      </c>
      <c r="AK34405">
        <v>27</v>
      </c>
      <c r="AL34405">
        <v>27</v>
      </c>
      <c r="AM34405">
        <v>27</v>
      </c>
      <c r="AN34405">
        <v>28</v>
      </c>
      <c r="AO34405">
        <v>28</v>
      </c>
      <c r="AP34405">
        <v>28</v>
      </c>
      <c r="AQ34405">
        <v>28</v>
      </c>
    </row>
    <row r="34406" spans="1:43">
      <c r="A34406" t="s">
        <v>21309</v>
      </c>
      <c r="B34406" t="s">
        <v>21310</v>
      </c>
      <c r="C34406" t="s">
        <v>21299</v>
      </c>
      <c r="D34406" t="s">
        <v>21300</v>
      </c>
      <c r="E34406" t="s">
        <v>21139</v>
      </c>
      <c r="F34406" t="s">
        <v>21140</v>
      </c>
      <c r="G34406" t="s">
        <v>20255</v>
      </c>
      <c r="H34406" t="s">
        <v>20256</v>
      </c>
      <c r="I34406" s="2">
        <v>1</v>
      </c>
      <c r="J34406" s="2">
        <v>0</v>
      </c>
      <c r="K34406" s="2">
        <v>0</v>
      </c>
      <c r="L34406" t="s">
        <v>120</v>
      </c>
      <c r="M34406" t="s">
        <v>83</v>
      </c>
      <c r="N34406" t="s">
        <v>84</v>
      </c>
      <c r="O34406" t="s">
        <v>85</v>
      </c>
      <c r="P34406" t="s">
        <v>86</v>
      </c>
      <c r="Q34406">
        <v>7</v>
      </c>
      <c r="R34406">
        <v>7</v>
      </c>
      <c r="S34406">
        <v>7</v>
      </c>
      <c r="T34406">
        <v>7</v>
      </c>
      <c r="U34406">
        <v>7</v>
      </c>
      <c r="V34406">
        <v>8</v>
      </c>
      <c r="W34406">
        <v>8</v>
      </c>
      <c r="X34406">
        <v>8</v>
      </c>
      <c r="Y34406">
        <v>8</v>
      </c>
      <c r="Z34406">
        <v>8</v>
      </c>
      <c r="AA34406">
        <v>8</v>
      </c>
      <c r="AB34406">
        <v>8</v>
      </c>
      <c r="AC34406">
        <v>9</v>
      </c>
      <c r="AD34406">
        <v>9</v>
      </c>
      <c r="AE34406">
        <v>9</v>
      </c>
      <c r="AF34406">
        <v>9</v>
      </c>
      <c r="AG34406">
        <v>9</v>
      </c>
      <c r="AH34406">
        <v>9</v>
      </c>
      <c r="AI34406">
        <v>9</v>
      </c>
      <c r="AJ34406">
        <v>10</v>
      </c>
      <c r="AK34406">
        <v>10</v>
      </c>
      <c r="AL34406">
        <v>10</v>
      </c>
      <c r="AM34406">
        <v>10</v>
      </c>
      <c r="AN34406">
        <v>10</v>
      </c>
      <c r="AO34406">
        <v>10</v>
      </c>
      <c r="AP34406">
        <v>10</v>
      </c>
      <c r="AQ34406">
        <v>10</v>
      </c>
    </row>
    <row r="34407" spans="1:43">
      <c r="A34407" t="s">
        <v>21309</v>
      </c>
      <c r="B34407" t="s">
        <v>21310</v>
      </c>
      <c r="C34407" t="s">
        <v>21299</v>
      </c>
      <c r="D34407" t="s">
        <v>21300</v>
      </c>
      <c r="E34407" t="s">
        <v>21139</v>
      </c>
      <c r="F34407" t="s">
        <v>21140</v>
      </c>
      <c r="G34407" t="s">
        <v>20255</v>
      </c>
      <c r="H34407" t="s">
        <v>20256</v>
      </c>
      <c r="I34407" s="2">
        <v>1</v>
      </c>
      <c r="J34407" s="2">
        <v>0</v>
      </c>
      <c r="K34407" s="2">
        <v>0</v>
      </c>
      <c r="L34407" t="s">
        <v>120</v>
      </c>
      <c r="M34407" t="s">
        <v>87</v>
      </c>
      <c r="N34407" t="s">
        <v>88</v>
      </c>
      <c r="O34407" t="s">
        <v>85</v>
      </c>
      <c r="P34407" t="s">
        <v>86</v>
      </c>
      <c r="Q34407">
        <v>7</v>
      </c>
      <c r="R34407">
        <v>7</v>
      </c>
      <c r="S34407">
        <v>7</v>
      </c>
      <c r="T34407">
        <v>7</v>
      </c>
      <c r="U34407">
        <v>7</v>
      </c>
      <c r="V34407">
        <v>7</v>
      </c>
      <c r="W34407">
        <v>7</v>
      </c>
      <c r="X34407">
        <v>7</v>
      </c>
      <c r="Y34407">
        <v>7</v>
      </c>
      <c r="Z34407">
        <v>7</v>
      </c>
      <c r="AA34407">
        <v>8</v>
      </c>
      <c r="AB34407">
        <v>8</v>
      </c>
      <c r="AC34407">
        <v>8</v>
      </c>
      <c r="AD34407">
        <v>8</v>
      </c>
      <c r="AE34407">
        <v>8</v>
      </c>
      <c r="AF34407">
        <v>8</v>
      </c>
      <c r="AG34407">
        <v>8</v>
      </c>
      <c r="AH34407">
        <v>8</v>
      </c>
      <c r="AI34407">
        <v>8</v>
      </c>
      <c r="AJ34407">
        <v>8</v>
      </c>
      <c r="AK34407">
        <v>8</v>
      </c>
      <c r="AL34407">
        <v>9</v>
      </c>
      <c r="AM34407">
        <v>9</v>
      </c>
      <c r="AN34407">
        <v>9</v>
      </c>
      <c r="AO34407">
        <v>9</v>
      </c>
      <c r="AP34407">
        <v>9</v>
      </c>
      <c r="AQ34407">
        <v>9</v>
      </c>
    </row>
    <row r="34408" spans="1:43">
      <c r="A34408" t="s">
        <v>21309</v>
      </c>
      <c r="B34408" t="s">
        <v>21310</v>
      </c>
      <c r="C34408" t="s">
        <v>21299</v>
      </c>
      <c r="D34408" t="s">
        <v>21300</v>
      </c>
      <c r="E34408" t="s">
        <v>21139</v>
      </c>
      <c r="F34408" t="s">
        <v>21140</v>
      </c>
      <c r="G34408" t="s">
        <v>20255</v>
      </c>
      <c r="H34408" t="s">
        <v>20256</v>
      </c>
      <c r="I34408" s="2">
        <v>1</v>
      </c>
      <c r="J34408" s="2">
        <v>0</v>
      </c>
      <c r="K34408" s="2">
        <v>0</v>
      </c>
      <c r="L34408" t="s">
        <v>120</v>
      </c>
      <c r="M34408" t="s">
        <v>89</v>
      </c>
      <c r="N34408" t="s">
        <v>90</v>
      </c>
      <c r="O34408" t="s">
        <v>85</v>
      </c>
      <c r="P34408" t="s">
        <v>86</v>
      </c>
      <c r="Q34408">
        <v>7</v>
      </c>
      <c r="R34408">
        <v>7</v>
      </c>
      <c r="S34408">
        <v>7</v>
      </c>
      <c r="T34408">
        <v>7</v>
      </c>
      <c r="U34408">
        <v>8</v>
      </c>
      <c r="V34408">
        <v>8</v>
      </c>
      <c r="W34408">
        <v>8</v>
      </c>
      <c r="X34408">
        <v>8</v>
      </c>
      <c r="Y34408">
        <v>8</v>
      </c>
      <c r="Z34408">
        <v>9</v>
      </c>
      <c r="AA34408">
        <v>9</v>
      </c>
      <c r="AB34408">
        <v>9</v>
      </c>
      <c r="AC34408">
        <v>9</v>
      </c>
      <c r="AD34408">
        <v>9</v>
      </c>
      <c r="AE34408">
        <v>9</v>
      </c>
      <c r="AF34408">
        <v>10</v>
      </c>
      <c r="AG34408">
        <v>10</v>
      </c>
      <c r="AH34408">
        <v>10</v>
      </c>
      <c r="AI34408">
        <v>10</v>
      </c>
      <c r="AJ34408">
        <v>10</v>
      </c>
      <c r="AK34408">
        <v>10</v>
      </c>
      <c r="AL34408">
        <v>10</v>
      </c>
      <c r="AM34408">
        <v>10</v>
      </c>
      <c r="AN34408">
        <v>10</v>
      </c>
      <c r="AO34408">
        <v>10</v>
      </c>
      <c r="AP34408">
        <v>10</v>
      </c>
      <c r="AQ34408">
        <v>10</v>
      </c>
    </row>
    <row r="34409" spans="1:43">
      <c r="A34409" t="s">
        <v>21309</v>
      </c>
      <c r="B34409" t="s">
        <v>21310</v>
      </c>
      <c r="C34409" t="s">
        <v>21299</v>
      </c>
      <c r="D34409" t="s">
        <v>21300</v>
      </c>
      <c r="E34409" t="s">
        <v>21139</v>
      </c>
      <c r="F34409" t="s">
        <v>21140</v>
      </c>
      <c r="G34409" t="s">
        <v>20255</v>
      </c>
      <c r="H34409" t="s">
        <v>20256</v>
      </c>
      <c r="I34409" s="2">
        <v>1</v>
      </c>
      <c r="J34409" s="2">
        <v>0</v>
      </c>
      <c r="K34409" s="2">
        <v>0</v>
      </c>
      <c r="L34409" t="s">
        <v>120</v>
      </c>
      <c r="M34409" t="s">
        <v>83</v>
      </c>
      <c r="N34409" t="s">
        <v>91</v>
      </c>
      <c r="O34409" t="s">
        <v>85</v>
      </c>
      <c r="P34409" t="s">
        <v>86</v>
      </c>
      <c r="Q34409">
        <v>7</v>
      </c>
      <c r="R34409">
        <v>7</v>
      </c>
      <c r="S34409">
        <v>7</v>
      </c>
      <c r="T34409">
        <v>7</v>
      </c>
      <c r="U34409">
        <v>7</v>
      </c>
      <c r="V34409">
        <v>8</v>
      </c>
      <c r="W34409">
        <v>8</v>
      </c>
      <c r="X34409">
        <v>8</v>
      </c>
      <c r="Y34409">
        <v>8</v>
      </c>
      <c r="Z34409">
        <v>8</v>
      </c>
      <c r="AA34409">
        <v>8</v>
      </c>
      <c r="AB34409">
        <v>8</v>
      </c>
      <c r="AC34409">
        <v>9</v>
      </c>
      <c r="AD34409">
        <v>9</v>
      </c>
      <c r="AE34409">
        <v>9</v>
      </c>
      <c r="AF34409">
        <v>9</v>
      </c>
      <c r="AG34409">
        <v>9</v>
      </c>
      <c r="AH34409">
        <v>9</v>
      </c>
      <c r="AI34409">
        <v>9</v>
      </c>
      <c r="AJ34409">
        <v>10</v>
      </c>
      <c r="AK34409">
        <v>10</v>
      </c>
      <c r="AL34409">
        <v>10</v>
      </c>
      <c r="AM34409">
        <v>10</v>
      </c>
      <c r="AN34409">
        <v>10</v>
      </c>
      <c r="AO34409">
        <v>10</v>
      </c>
      <c r="AP34409">
        <v>10</v>
      </c>
      <c r="AQ34409">
        <v>10</v>
      </c>
    </row>
    <row r="34410" spans="1:43">
      <c r="A34410" t="s">
        <v>21311</v>
      </c>
      <c r="B34410" t="s">
        <v>21312</v>
      </c>
      <c r="C34410" t="s">
        <v>21299</v>
      </c>
      <c r="D34410" t="s">
        <v>21300</v>
      </c>
      <c r="E34410" t="s">
        <v>21139</v>
      </c>
      <c r="F34410" t="s">
        <v>21140</v>
      </c>
      <c r="G34410" t="s">
        <v>20255</v>
      </c>
      <c r="H34410" t="s">
        <v>20256</v>
      </c>
      <c r="I34410" s="2">
        <v>1</v>
      </c>
      <c r="J34410" s="2">
        <v>0</v>
      </c>
      <c r="K34410" s="2">
        <v>0</v>
      </c>
      <c r="L34410" t="s">
        <v>120</v>
      </c>
      <c r="M34410" t="s">
        <v>83</v>
      </c>
      <c r="N34410" t="s">
        <v>84</v>
      </c>
      <c r="O34410" t="s">
        <v>85</v>
      </c>
      <c r="P34410" t="s">
        <v>86</v>
      </c>
      <c r="Q34410">
        <v>22</v>
      </c>
      <c r="R34410">
        <v>23</v>
      </c>
      <c r="S34410">
        <v>23</v>
      </c>
      <c r="T34410">
        <v>24</v>
      </c>
      <c r="U34410">
        <v>24</v>
      </c>
      <c r="V34410">
        <v>25</v>
      </c>
      <c r="W34410">
        <v>25</v>
      </c>
      <c r="X34410">
        <v>26</v>
      </c>
      <c r="Y34410">
        <v>26</v>
      </c>
      <c r="Z34410">
        <v>27</v>
      </c>
      <c r="AA34410">
        <v>27</v>
      </c>
      <c r="AB34410">
        <v>28</v>
      </c>
      <c r="AC34410">
        <v>28</v>
      </c>
      <c r="AD34410">
        <v>28</v>
      </c>
      <c r="AE34410">
        <v>29</v>
      </c>
      <c r="AF34410">
        <v>29</v>
      </c>
      <c r="AG34410">
        <v>30</v>
      </c>
      <c r="AH34410">
        <v>30</v>
      </c>
      <c r="AI34410">
        <v>31</v>
      </c>
      <c r="AJ34410">
        <v>31</v>
      </c>
      <c r="AK34410">
        <v>32</v>
      </c>
      <c r="AL34410">
        <v>32</v>
      </c>
      <c r="AM34410">
        <v>33</v>
      </c>
      <c r="AN34410">
        <v>33</v>
      </c>
      <c r="AO34410">
        <v>33</v>
      </c>
      <c r="AP34410">
        <v>33</v>
      </c>
      <c r="AQ34410">
        <v>34</v>
      </c>
    </row>
    <row r="34411" spans="1:43">
      <c r="A34411" t="s">
        <v>21311</v>
      </c>
      <c r="B34411" t="s">
        <v>21312</v>
      </c>
      <c r="C34411" t="s">
        <v>21299</v>
      </c>
      <c r="D34411" t="s">
        <v>21300</v>
      </c>
      <c r="E34411" t="s">
        <v>21139</v>
      </c>
      <c r="F34411" t="s">
        <v>21140</v>
      </c>
      <c r="G34411" t="s">
        <v>20255</v>
      </c>
      <c r="H34411" t="s">
        <v>20256</v>
      </c>
      <c r="I34411" s="2">
        <v>1</v>
      </c>
      <c r="J34411" s="2">
        <v>0</v>
      </c>
      <c r="K34411" s="2">
        <v>0</v>
      </c>
      <c r="L34411" t="s">
        <v>120</v>
      </c>
      <c r="M34411" t="s">
        <v>87</v>
      </c>
      <c r="N34411" t="s">
        <v>88</v>
      </c>
      <c r="O34411" t="s">
        <v>85</v>
      </c>
      <c r="P34411" t="s">
        <v>86</v>
      </c>
      <c r="Q34411">
        <v>22</v>
      </c>
      <c r="R34411">
        <v>22</v>
      </c>
      <c r="S34411">
        <v>22</v>
      </c>
      <c r="T34411">
        <v>23</v>
      </c>
      <c r="U34411">
        <v>23</v>
      </c>
      <c r="V34411">
        <v>23</v>
      </c>
      <c r="W34411">
        <v>24</v>
      </c>
      <c r="X34411">
        <v>24</v>
      </c>
      <c r="Y34411">
        <v>24</v>
      </c>
      <c r="Z34411">
        <v>24</v>
      </c>
      <c r="AA34411">
        <v>25</v>
      </c>
      <c r="AB34411">
        <v>25</v>
      </c>
      <c r="AC34411">
        <v>25</v>
      </c>
      <c r="AD34411">
        <v>26</v>
      </c>
      <c r="AE34411">
        <v>26</v>
      </c>
      <c r="AF34411">
        <v>26</v>
      </c>
      <c r="AG34411">
        <v>26</v>
      </c>
      <c r="AH34411">
        <v>27</v>
      </c>
      <c r="AI34411">
        <v>27</v>
      </c>
      <c r="AJ34411">
        <v>27</v>
      </c>
      <c r="AK34411">
        <v>28</v>
      </c>
      <c r="AL34411">
        <v>28</v>
      </c>
      <c r="AM34411">
        <v>28</v>
      </c>
      <c r="AN34411">
        <v>28</v>
      </c>
      <c r="AO34411">
        <v>29</v>
      </c>
      <c r="AP34411">
        <v>29</v>
      </c>
      <c r="AQ34411">
        <v>29</v>
      </c>
    </row>
    <row r="34412" spans="1:43">
      <c r="A34412" t="s">
        <v>21311</v>
      </c>
      <c r="B34412" t="s">
        <v>21312</v>
      </c>
      <c r="C34412" t="s">
        <v>21299</v>
      </c>
      <c r="D34412" t="s">
        <v>21300</v>
      </c>
      <c r="E34412" t="s">
        <v>21139</v>
      </c>
      <c r="F34412" t="s">
        <v>21140</v>
      </c>
      <c r="G34412" t="s">
        <v>20255</v>
      </c>
      <c r="H34412" t="s">
        <v>20256</v>
      </c>
      <c r="I34412" s="2">
        <v>1</v>
      </c>
      <c r="J34412" s="2">
        <v>0</v>
      </c>
      <c r="K34412" s="2">
        <v>0</v>
      </c>
      <c r="L34412" t="s">
        <v>120</v>
      </c>
      <c r="M34412" t="s">
        <v>89</v>
      </c>
      <c r="N34412" t="s">
        <v>90</v>
      </c>
      <c r="O34412" t="s">
        <v>85</v>
      </c>
      <c r="P34412" t="s">
        <v>86</v>
      </c>
      <c r="Q34412">
        <v>22</v>
      </c>
      <c r="R34412">
        <v>23</v>
      </c>
      <c r="S34412">
        <v>24</v>
      </c>
      <c r="T34412">
        <v>24</v>
      </c>
      <c r="U34412">
        <v>25</v>
      </c>
      <c r="V34412">
        <v>26</v>
      </c>
      <c r="W34412">
        <v>26</v>
      </c>
      <c r="X34412">
        <v>27</v>
      </c>
      <c r="Y34412">
        <v>27</v>
      </c>
      <c r="Z34412">
        <v>28</v>
      </c>
      <c r="AA34412">
        <v>29</v>
      </c>
      <c r="AB34412">
        <v>29</v>
      </c>
      <c r="AC34412">
        <v>30</v>
      </c>
      <c r="AD34412">
        <v>30</v>
      </c>
      <c r="AE34412">
        <v>31</v>
      </c>
      <c r="AF34412">
        <v>31</v>
      </c>
      <c r="AG34412">
        <v>31</v>
      </c>
      <c r="AH34412">
        <v>32</v>
      </c>
      <c r="AI34412">
        <v>32</v>
      </c>
      <c r="AJ34412">
        <v>32</v>
      </c>
      <c r="AK34412">
        <v>32</v>
      </c>
      <c r="AL34412">
        <v>33</v>
      </c>
      <c r="AM34412">
        <v>33</v>
      </c>
      <c r="AN34412">
        <v>33</v>
      </c>
      <c r="AO34412">
        <v>33</v>
      </c>
      <c r="AP34412">
        <v>34</v>
      </c>
      <c r="AQ34412">
        <v>34</v>
      </c>
    </row>
    <row r="34413" spans="1:43">
      <c r="A34413" t="s">
        <v>21311</v>
      </c>
      <c r="B34413" t="s">
        <v>21312</v>
      </c>
      <c r="C34413" t="s">
        <v>21299</v>
      </c>
      <c r="D34413" t="s">
        <v>21300</v>
      </c>
      <c r="E34413" t="s">
        <v>21139</v>
      </c>
      <c r="F34413" t="s">
        <v>21140</v>
      </c>
      <c r="G34413" t="s">
        <v>20255</v>
      </c>
      <c r="H34413" t="s">
        <v>20256</v>
      </c>
      <c r="I34413" s="2">
        <v>1</v>
      </c>
      <c r="J34413" s="2">
        <v>0</v>
      </c>
      <c r="K34413" s="2">
        <v>0</v>
      </c>
      <c r="L34413" t="s">
        <v>120</v>
      </c>
      <c r="M34413" t="s">
        <v>83</v>
      </c>
      <c r="N34413" t="s">
        <v>91</v>
      </c>
      <c r="O34413" t="s">
        <v>85</v>
      </c>
      <c r="P34413" t="s">
        <v>86</v>
      </c>
      <c r="Q34413">
        <v>22</v>
      </c>
      <c r="R34413">
        <v>23</v>
      </c>
      <c r="S34413">
        <v>23</v>
      </c>
      <c r="T34413">
        <v>24</v>
      </c>
      <c r="U34413">
        <v>24</v>
      </c>
      <c r="V34413">
        <v>25</v>
      </c>
      <c r="W34413">
        <v>25</v>
      </c>
      <c r="X34413">
        <v>26</v>
      </c>
      <c r="Y34413">
        <v>26</v>
      </c>
      <c r="Z34413">
        <v>27</v>
      </c>
      <c r="AA34413">
        <v>27</v>
      </c>
      <c r="AB34413">
        <v>28</v>
      </c>
      <c r="AC34413">
        <v>28</v>
      </c>
      <c r="AD34413">
        <v>28</v>
      </c>
      <c r="AE34413">
        <v>29</v>
      </c>
      <c r="AF34413">
        <v>29</v>
      </c>
      <c r="AG34413">
        <v>30</v>
      </c>
      <c r="AH34413">
        <v>30</v>
      </c>
      <c r="AI34413">
        <v>31</v>
      </c>
      <c r="AJ34413">
        <v>31</v>
      </c>
      <c r="AK34413">
        <v>32</v>
      </c>
      <c r="AL34413">
        <v>32</v>
      </c>
      <c r="AM34413">
        <v>33</v>
      </c>
      <c r="AN34413">
        <v>33</v>
      </c>
      <c r="AO34413">
        <v>33</v>
      </c>
      <c r="AP34413">
        <v>33</v>
      </c>
      <c r="AQ34413">
        <v>34</v>
      </c>
    </row>
    <row r="34414" spans="1:43">
      <c r="A34414" t="s">
        <v>21313</v>
      </c>
      <c r="B34414" t="s">
        <v>21314</v>
      </c>
      <c r="C34414" t="s">
        <v>21315</v>
      </c>
      <c r="D34414" t="s">
        <v>21316</v>
      </c>
      <c r="E34414" t="s">
        <v>21317</v>
      </c>
      <c r="F34414" t="s">
        <v>21318</v>
      </c>
      <c r="G34414" t="s">
        <v>20255</v>
      </c>
      <c r="H34414" t="s">
        <v>20256</v>
      </c>
      <c r="I34414" s="2">
        <v>1</v>
      </c>
      <c r="J34414" s="2">
        <v>0</v>
      </c>
      <c r="K34414" s="2">
        <v>0</v>
      </c>
      <c r="L34414" t="s">
        <v>120</v>
      </c>
      <c r="M34414" t="s">
        <v>83</v>
      </c>
      <c r="N34414" t="s">
        <v>84</v>
      </c>
      <c r="O34414" t="s">
        <v>85</v>
      </c>
      <c r="P34414" t="s">
        <v>86</v>
      </c>
      <c r="Q34414">
        <v>100</v>
      </c>
      <c r="R34414">
        <v>103</v>
      </c>
      <c r="S34414">
        <v>107</v>
      </c>
      <c r="T34414">
        <v>110</v>
      </c>
      <c r="U34414">
        <v>114</v>
      </c>
      <c r="V34414">
        <v>118</v>
      </c>
      <c r="W34414">
        <v>121</v>
      </c>
      <c r="X34414">
        <v>125</v>
      </c>
      <c r="Y34414">
        <v>129</v>
      </c>
      <c r="Z34414">
        <v>133</v>
      </c>
      <c r="AA34414">
        <v>137</v>
      </c>
      <c r="AB34414">
        <v>141</v>
      </c>
      <c r="AC34414">
        <v>145</v>
      </c>
      <c r="AD34414">
        <v>149</v>
      </c>
      <c r="AE34414">
        <v>153</v>
      </c>
      <c r="AF34414">
        <v>158</v>
      </c>
      <c r="AG34414">
        <v>162</v>
      </c>
      <c r="AH34414">
        <v>167</v>
      </c>
      <c r="AI34414">
        <v>171</v>
      </c>
      <c r="AJ34414">
        <v>176</v>
      </c>
      <c r="AK34414">
        <v>181</v>
      </c>
      <c r="AL34414">
        <v>185</v>
      </c>
      <c r="AM34414">
        <v>188</v>
      </c>
      <c r="AN34414">
        <v>192</v>
      </c>
      <c r="AO34414">
        <v>195</v>
      </c>
      <c r="AP34414">
        <v>198</v>
      </c>
      <c r="AQ34414">
        <v>202</v>
      </c>
    </row>
    <row r="34415" spans="1:43">
      <c r="A34415" t="s">
        <v>21313</v>
      </c>
      <c r="B34415" t="s">
        <v>21314</v>
      </c>
      <c r="C34415" t="s">
        <v>21315</v>
      </c>
      <c r="D34415" t="s">
        <v>21316</v>
      </c>
      <c r="E34415" t="s">
        <v>21317</v>
      </c>
      <c r="F34415" t="s">
        <v>21318</v>
      </c>
      <c r="G34415" t="s">
        <v>20255</v>
      </c>
      <c r="H34415" t="s">
        <v>20256</v>
      </c>
      <c r="I34415" s="2">
        <v>1</v>
      </c>
      <c r="J34415" s="2">
        <v>0</v>
      </c>
      <c r="K34415" s="2">
        <v>0</v>
      </c>
      <c r="L34415" t="s">
        <v>120</v>
      </c>
      <c r="M34415" t="s">
        <v>87</v>
      </c>
      <c r="N34415" t="s">
        <v>88</v>
      </c>
      <c r="O34415" t="s">
        <v>85</v>
      </c>
      <c r="P34415" t="s">
        <v>86</v>
      </c>
      <c r="Q34415">
        <v>100</v>
      </c>
      <c r="R34415">
        <v>102</v>
      </c>
      <c r="S34415">
        <v>105</v>
      </c>
      <c r="T34415">
        <v>107</v>
      </c>
      <c r="U34415">
        <v>110</v>
      </c>
      <c r="V34415">
        <v>112</v>
      </c>
      <c r="W34415">
        <v>115</v>
      </c>
      <c r="X34415">
        <v>118</v>
      </c>
      <c r="Y34415">
        <v>120</v>
      </c>
      <c r="Z34415">
        <v>123</v>
      </c>
      <c r="AA34415">
        <v>126</v>
      </c>
      <c r="AB34415">
        <v>129</v>
      </c>
      <c r="AC34415">
        <v>132</v>
      </c>
      <c r="AD34415">
        <v>135</v>
      </c>
      <c r="AE34415">
        <v>138</v>
      </c>
      <c r="AF34415">
        <v>141</v>
      </c>
      <c r="AG34415">
        <v>144</v>
      </c>
      <c r="AH34415">
        <v>147</v>
      </c>
      <c r="AI34415">
        <v>150</v>
      </c>
      <c r="AJ34415">
        <v>153</v>
      </c>
      <c r="AK34415">
        <v>156</v>
      </c>
      <c r="AL34415">
        <v>160</v>
      </c>
      <c r="AM34415">
        <v>163</v>
      </c>
      <c r="AN34415">
        <v>166</v>
      </c>
      <c r="AO34415">
        <v>170</v>
      </c>
      <c r="AP34415">
        <v>173</v>
      </c>
      <c r="AQ34415">
        <v>177</v>
      </c>
    </row>
    <row r="34416" spans="1:43">
      <c r="A34416" t="s">
        <v>21313</v>
      </c>
      <c r="B34416" t="s">
        <v>21314</v>
      </c>
      <c r="C34416" t="s">
        <v>21315</v>
      </c>
      <c r="D34416" t="s">
        <v>21316</v>
      </c>
      <c r="E34416" t="s">
        <v>21317</v>
      </c>
      <c r="F34416" t="s">
        <v>21318</v>
      </c>
      <c r="G34416" t="s">
        <v>20255</v>
      </c>
      <c r="H34416" t="s">
        <v>20256</v>
      </c>
      <c r="I34416" s="2">
        <v>1</v>
      </c>
      <c r="J34416" s="2">
        <v>0</v>
      </c>
      <c r="K34416" s="2">
        <v>0</v>
      </c>
      <c r="L34416" t="s">
        <v>120</v>
      </c>
      <c r="M34416" t="s">
        <v>89</v>
      </c>
      <c r="N34416" t="s">
        <v>90</v>
      </c>
      <c r="O34416" t="s">
        <v>85</v>
      </c>
      <c r="P34416" t="s">
        <v>86</v>
      </c>
      <c r="Q34416">
        <v>100</v>
      </c>
      <c r="R34416">
        <v>104</v>
      </c>
      <c r="S34416">
        <v>108</v>
      </c>
      <c r="T34416">
        <v>113</v>
      </c>
      <c r="U34416">
        <v>117</v>
      </c>
      <c r="V34416">
        <v>122</v>
      </c>
      <c r="W34416">
        <v>126</v>
      </c>
      <c r="X34416">
        <v>131</v>
      </c>
      <c r="Y34416">
        <v>135</v>
      </c>
      <c r="Z34416">
        <v>140</v>
      </c>
      <c r="AA34416">
        <v>144</v>
      </c>
      <c r="AB34416">
        <v>149</v>
      </c>
      <c r="AC34416">
        <v>154</v>
      </c>
      <c r="AD34416">
        <v>159</v>
      </c>
      <c r="AE34416">
        <v>163</v>
      </c>
      <c r="AF34416">
        <v>166</v>
      </c>
      <c r="AG34416">
        <v>170</v>
      </c>
      <c r="AH34416">
        <v>173</v>
      </c>
      <c r="AI34416">
        <v>176</v>
      </c>
      <c r="AJ34416">
        <v>179</v>
      </c>
      <c r="AK34416">
        <v>183</v>
      </c>
      <c r="AL34416">
        <v>186</v>
      </c>
      <c r="AM34416">
        <v>189</v>
      </c>
      <c r="AN34416">
        <v>193</v>
      </c>
      <c r="AO34416">
        <v>196</v>
      </c>
      <c r="AP34416">
        <v>200</v>
      </c>
      <c r="AQ34416">
        <v>203</v>
      </c>
    </row>
    <row r="34417" spans="1:43">
      <c r="A34417" t="s">
        <v>21313</v>
      </c>
      <c r="B34417" t="s">
        <v>21314</v>
      </c>
      <c r="C34417" t="s">
        <v>21315</v>
      </c>
      <c r="D34417" t="s">
        <v>21316</v>
      </c>
      <c r="E34417" t="s">
        <v>21317</v>
      </c>
      <c r="F34417" t="s">
        <v>21318</v>
      </c>
      <c r="G34417" t="s">
        <v>20255</v>
      </c>
      <c r="H34417" t="s">
        <v>20256</v>
      </c>
      <c r="I34417" s="2">
        <v>1</v>
      </c>
      <c r="J34417" s="2">
        <v>0</v>
      </c>
      <c r="K34417" s="2">
        <v>0</v>
      </c>
      <c r="L34417" t="s">
        <v>120</v>
      </c>
      <c r="M34417" t="s">
        <v>83</v>
      </c>
      <c r="N34417" t="s">
        <v>91</v>
      </c>
      <c r="O34417" t="s">
        <v>85</v>
      </c>
      <c r="P34417" t="s">
        <v>86</v>
      </c>
      <c r="Q34417">
        <v>100</v>
      </c>
      <c r="R34417">
        <v>103</v>
      </c>
      <c r="S34417">
        <v>107</v>
      </c>
      <c r="T34417">
        <v>110</v>
      </c>
      <c r="U34417">
        <v>114</v>
      </c>
      <c r="V34417">
        <v>118</v>
      </c>
      <c r="W34417">
        <v>121</v>
      </c>
      <c r="X34417">
        <v>125</v>
      </c>
      <c r="Y34417">
        <v>129</v>
      </c>
      <c r="Z34417">
        <v>133</v>
      </c>
      <c r="AA34417">
        <v>137</v>
      </c>
      <c r="AB34417">
        <v>141</v>
      </c>
      <c r="AC34417">
        <v>145</v>
      </c>
      <c r="AD34417">
        <v>149</v>
      </c>
      <c r="AE34417">
        <v>153</v>
      </c>
      <c r="AF34417">
        <v>158</v>
      </c>
      <c r="AG34417">
        <v>162</v>
      </c>
      <c r="AH34417">
        <v>167</v>
      </c>
      <c r="AI34417">
        <v>171</v>
      </c>
      <c r="AJ34417">
        <v>176</v>
      </c>
      <c r="AK34417">
        <v>181</v>
      </c>
      <c r="AL34417">
        <v>185</v>
      </c>
      <c r="AM34417">
        <v>188</v>
      </c>
      <c r="AN34417">
        <v>192</v>
      </c>
      <c r="AO34417">
        <v>195</v>
      </c>
      <c r="AP34417">
        <v>198</v>
      </c>
      <c r="AQ34417">
        <v>202</v>
      </c>
    </row>
    <row r="34418" spans="1:43">
      <c r="A34418" t="s">
        <v>21319</v>
      </c>
      <c r="B34418" t="s">
        <v>21320</v>
      </c>
      <c r="C34418" t="s">
        <v>21315</v>
      </c>
      <c r="D34418" t="s">
        <v>21316</v>
      </c>
      <c r="E34418" t="s">
        <v>21317</v>
      </c>
      <c r="F34418" t="s">
        <v>21318</v>
      </c>
      <c r="G34418" t="s">
        <v>20255</v>
      </c>
      <c r="H34418" t="s">
        <v>20256</v>
      </c>
      <c r="I34418" s="2">
        <v>1</v>
      </c>
      <c r="J34418" s="2">
        <v>0</v>
      </c>
      <c r="K34418" s="2">
        <v>0</v>
      </c>
      <c r="L34418" t="s">
        <v>120</v>
      </c>
      <c r="M34418" t="s">
        <v>83</v>
      </c>
      <c r="N34418" t="s">
        <v>84</v>
      </c>
      <c r="O34418" t="s">
        <v>85</v>
      </c>
      <c r="P34418" t="s">
        <v>86</v>
      </c>
      <c r="Q34418">
        <v>8</v>
      </c>
      <c r="R34418">
        <v>8</v>
      </c>
      <c r="S34418">
        <v>8</v>
      </c>
      <c r="T34418">
        <v>8</v>
      </c>
      <c r="U34418">
        <v>9</v>
      </c>
      <c r="V34418">
        <v>9</v>
      </c>
      <c r="W34418">
        <v>9</v>
      </c>
      <c r="X34418">
        <v>10</v>
      </c>
      <c r="Y34418">
        <v>10</v>
      </c>
      <c r="Z34418">
        <v>10</v>
      </c>
      <c r="AA34418">
        <v>10</v>
      </c>
      <c r="AB34418">
        <v>11</v>
      </c>
      <c r="AC34418">
        <v>11</v>
      </c>
      <c r="AD34418">
        <v>11</v>
      </c>
      <c r="AE34418">
        <v>12</v>
      </c>
      <c r="AF34418">
        <v>12</v>
      </c>
      <c r="AG34418">
        <v>12</v>
      </c>
      <c r="AH34418">
        <v>13</v>
      </c>
      <c r="AI34418">
        <v>13</v>
      </c>
      <c r="AJ34418">
        <v>13</v>
      </c>
      <c r="AK34418">
        <v>14</v>
      </c>
      <c r="AL34418">
        <v>14</v>
      </c>
      <c r="AM34418">
        <v>14</v>
      </c>
      <c r="AN34418">
        <v>15</v>
      </c>
      <c r="AO34418">
        <v>15</v>
      </c>
      <c r="AP34418">
        <v>15</v>
      </c>
      <c r="AQ34418">
        <v>15</v>
      </c>
    </row>
    <row r="34419" spans="1:43">
      <c r="A34419" t="s">
        <v>21319</v>
      </c>
      <c r="B34419" t="s">
        <v>21320</v>
      </c>
      <c r="C34419" t="s">
        <v>21315</v>
      </c>
      <c r="D34419" t="s">
        <v>21316</v>
      </c>
      <c r="E34419" t="s">
        <v>21317</v>
      </c>
      <c r="F34419" t="s">
        <v>21318</v>
      </c>
      <c r="G34419" t="s">
        <v>20255</v>
      </c>
      <c r="H34419" t="s">
        <v>20256</v>
      </c>
      <c r="I34419" s="2">
        <v>1</v>
      </c>
      <c r="J34419" s="2">
        <v>0</v>
      </c>
      <c r="K34419" s="2">
        <v>0</v>
      </c>
      <c r="L34419" t="s">
        <v>120</v>
      </c>
      <c r="M34419" t="s">
        <v>87</v>
      </c>
      <c r="N34419" t="s">
        <v>88</v>
      </c>
      <c r="O34419" t="s">
        <v>85</v>
      </c>
      <c r="P34419" t="s">
        <v>86</v>
      </c>
      <c r="Q34419">
        <v>8</v>
      </c>
      <c r="R34419">
        <v>8</v>
      </c>
      <c r="S34419">
        <v>8</v>
      </c>
      <c r="T34419">
        <v>8</v>
      </c>
      <c r="U34419">
        <v>8</v>
      </c>
      <c r="V34419">
        <v>8</v>
      </c>
      <c r="W34419">
        <v>9</v>
      </c>
      <c r="X34419">
        <v>9</v>
      </c>
      <c r="Y34419">
        <v>9</v>
      </c>
      <c r="Z34419">
        <v>9</v>
      </c>
      <c r="AA34419">
        <v>10</v>
      </c>
      <c r="AB34419">
        <v>10</v>
      </c>
      <c r="AC34419">
        <v>10</v>
      </c>
      <c r="AD34419">
        <v>10</v>
      </c>
      <c r="AE34419">
        <v>10</v>
      </c>
      <c r="AF34419">
        <v>11</v>
      </c>
      <c r="AG34419">
        <v>11</v>
      </c>
      <c r="AH34419">
        <v>11</v>
      </c>
      <c r="AI34419">
        <v>11</v>
      </c>
      <c r="AJ34419">
        <v>12</v>
      </c>
      <c r="AK34419">
        <v>12</v>
      </c>
      <c r="AL34419">
        <v>12</v>
      </c>
      <c r="AM34419">
        <v>12</v>
      </c>
      <c r="AN34419">
        <v>13</v>
      </c>
      <c r="AO34419">
        <v>13</v>
      </c>
      <c r="AP34419">
        <v>13</v>
      </c>
      <c r="AQ34419">
        <v>13</v>
      </c>
    </row>
    <row r="34420" spans="1:43">
      <c r="A34420" t="s">
        <v>21319</v>
      </c>
      <c r="B34420" t="s">
        <v>21320</v>
      </c>
      <c r="C34420" t="s">
        <v>21315</v>
      </c>
      <c r="D34420" t="s">
        <v>21316</v>
      </c>
      <c r="E34420" t="s">
        <v>21317</v>
      </c>
      <c r="F34420" t="s">
        <v>21318</v>
      </c>
      <c r="G34420" t="s">
        <v>20255</v>
      </c>
      <c r="H34420" t="s">
        <v>20256</v>
      </c>
      <c r="I34420" s="2">
        <v>1</v>
      </c>
      <c r="J34420" s="2">
        <v>0</v>
      </c>
      <c r="K34420" s="2">
        <v>0</v>
      </c>
      <c r="L34420" t="s">
        <v>120</v>
      </c>
      <c r="M34420" t="s">
        <v>89</v>
      </c>
      <c r="N34420" t="s">
        <v>90</v>
      </c>
      <c r="O34420" t="s">
        <v>85</v>
      </c>
      <c r="P34420" t="s">
        <v>86</v>
      </c>
      <c r="Q34420">
        <v>8</v>
      </c>
      <c r="R34420">
        <v>8</v>
      </c>
      <c r="S34420">
        <v>8</v>
      </c>
      <c r="T34420">
        <v>9</v>
      </c>
      <c r="U34420">
        <v>9</v>
      </c>
      <c r="V34420">
        <v>9</v>
      </c>
      <c r="W34420">
        <v>10</v>
      </c>
      <c r="X34420">
        <v>10</v>
      </c>
      <c r="Y34420">
        <v>10</v>
      </c>
      <c r="Z34420">
        <v>11</v>
      </c>
      <c r="AA34420">
        <v>11</v>
      </c>
      <c r="AB34420">
        <v>11</v>
      </c>
      <c r="AC34420">
        <v>12</v>
      </c>
      <c r="AD34420">
        <v>12</v>
      </c>
      <c r="AE34420">
        <v>13</v>
      </c>
      <c r="AF34420">
        <v>13</v>
      </c>
      <c r="AG34420">
        <v>13</v>
      </c>
      <c r="AH34420">
        <v>13</v>
      </c>
      <c r="AI34420">
        <v>13</v>
      </c>
      <c r="AJ34420">
        <v>14</v>
      </c>
      <c r="AK34420">
        <v>14</v>
      </c>
      <c r="AL34420">
        <v>14</v>
      </c>
      <c r="AM34420">
        <v>15</v>
      </c>
      <c r="AN34420">
        <v>15</v>
      </c>
      <c r="AO34420">
        <v>15</v>
      </c>
      <c r="AP34420">
        <v>15</v>
      </c>
      <c r="AQ34420">
        <v>16</v>
      </c>
    </row>
    <row r="34421" spans="1:43">
      <c r="A34421" t="s">
        <v>21319</v>
      </c>
      <c r="B34421" t="s">
        <v>21320</v>
      </c>
      <c r="C34421" t="s">
        <v>21315</v>
      </c>
      <c r="D34421" t="s">
        <v>21316</v>
      </c>
      <c r="E34421" t="s">
        <v>21317</v>
      </c>
      <c r="F34421" t="s">
        <v>21318</v>
      </c>
      <c r="G34421" t="s">
        <v>20255</v>
      </c>
      <c r="H34421" t="s">
        <v>20256</v>
      </c>
      <c r="I34421" s="2">
        <v>1</v>
      </c>
      <c r="J34421" s="2">
        <v>0</v>
      </c>
      <c r="K34421" s="2">
        <v>0</v>
      </c>
      <c r="L34421" t="s">
        <v>120</v>
      </c>
      <c r="M34421" t="s">
        <v>83</v>
      </c>
      <c r="N34421" t="s">
        <v>91</v>
      </c>
      <c r="O34421" t="s">
        <v>85</v>
      </c>
      <c r="P34421" t="s">
        <v>86</v>
      </c>
      <c r="Q34421">
        <v>8</v>
      </c>
      <c r="R34421">
        <v>8</v>
      </c>
      <c r="S34421">
        <v>8</v>
      </c>
      <c r="T34421">
        <v>8</v>
      </c>
      <c r="U34421">
        <v>9</v>
      </c>
      <c r="V34421">
        <v>9</v>
      </c>
      <c r="W34421">
        <v>9</v>
      </c>
      <c r="X34421">
        <v>10</v>
      </c>
      <c r="Y34421">
        <v>10</v>
      </c>
      <c r="Z34421">
        <v>10</v>
      </c>
      <c r="AA34421">
        <v>10</v>
      </c>
      <c r="AB34421">
        <v>11</v>
      </c>
      <c r="AC34421">
        <v>11</v>
      </c>
      <c r="AD34421">
        <v>11</v>
      </c>
      <c r="AE34421">
        <v>12</v>
      </c>
      <c r="AF34421">
        <v>12</v>
      </c>
      <c r="AG34421">
        <v>12</v>
      </c>
      <c r="AH34421">
        <v>13</v>
      </c>
      <c r="AI34421">
        <v>13</v>
      </c>
      <c r="AJ34421">
        <v>13</v>
      </c>
      <c r="AK34421">
        <v>14</v>
      </c>
      <c r="AL34421">
        <v>14</v>
      </c>
      <c r="AM34421">
        <v>14</v>
      </c>
      <c r="AN34421">
        <v>15</v>
      </c>
      <c r="AO34421">
        <v>15</v>
      </c>
      <c r="AP34421">
        <v>15</v>
      </c>
      <c r="AQ34421">
        <v>15</v>
      </c>
    </row>
    <row r="34422" spans="1:43">
      <c r="A34422" t="s">
        <v>21321</v>
      </c>
      <c r="B34422" t="s">
        <v>21322</v>
      </c>
      <c r="C34422" t="s">
        <v>21323</v>
      </c>
      <c r="D34422" t="s">
        <v>21324</v>
      </c>
      <c r="E34422" t="s">
        <v>21317</v>
      </c>
      <c r="F34422" t="s">
        <v>21318</v>
      </c>
      <c r="G34422" t="s">
        <v>20255</v>
      </c>
      <c r="H34422" t="s">
        <v>20256</v>
      </c>
      <c r="I34422" s="2">
        <v>1</v>
      </c>
      <c r="J34422" s="2">
        <v>0</v>
      </c>
      <c r="K34422" s="2">
        <v>0</v>
      </c>
      <c r="L34422" t="s">
        <v>120</v>
      </c>
      <c r="M34422" t="s">
        <v>83</v>
      </c>
      <c r="N34422" t="s">
        <v>84</v>
      </c>
      <c r="O34422" t="s">
        <v>85</v>
      </c>
      <c r="P34422" t="s">
        <v>86</v>
      </c>
      <c r="Q34422">
        <v>62</v>
      </c>
      <c r="R34422">
        <v>64</v>
      </c>
      <c r="S34422">
        <v>66</v>
      </c>
      <c r="T34422">
        <v>68</v>
      </c>
      <c r="U34422">
        <v>71</v>
      </c>
      <c r="V34422">
        <v>73</v>
      </c>
      <c r="W34422">
        <v>75</v>
      </c>
      <c r="X34422">
        <v>78</v>
      </c>
      <c r="Y34422">
        <v>80</v>
      </c>
      <c r="Z34422">
        <v>82</v>
      </c>
      <c r="AA34422">
        <v>85</v>
      </c>
      <c r="AB34422">
        <v>87</v>
      </c>
      <c r="AC34422">
        <v>90</v>
      </c>
      <c r="AD34422">
        <v>93</v>
      </c>
      <c r="AE34422">
        <v>95</v>
      </c>
      <c r="AF34422">
        <v>98</v>
      </c>
      <c r="AG34422">
        <v>101</v>
      </c>
      <c r="AH34422">
        <v>104</v>
      </c>
      <c r="AI34422">
        <v>107</v>
      </c>
      <c r="AJ34422">
        <v>110</v>
      </c>
      <c r="AK34422">
        <v>113</v>
      </c>
      <c r="AL34422">
        <v>115</v>
      </c>
      <c r="AM34422">
        <v>117</v>
      </c>
      <c r="AN34422">
        <v>119</v>
      </c>
      <c r="AO34422">
        <v>121</v>
      </c>
      <c r="AP34422">
        <v>123</v>
      </c>
      <c r="AQ34422">
        <v>125</v>
      </c>
    </row>
    <row r="34423" spans="1:43">
      <c r="A34423" t="s">
        <v>21321</v>
      </c>
      <c r="B34423" t="s">
        <v>21322</v>
      </c>
      <c r="C34423" t="s">
        <v>21323</v>
      </c>
      <c r="D34423" t="s">
        <v>21324</v>
      </c>
      <c r="E34423" t="s">
        <v>21317</v>
      </c>
      <c r="F34423" t="s">
        <v>21318</v>
      </c>
      <c r="G34423" t="s">
        <v>20255</v>
      </c>
      <c r="H34423" t="s">
        <v>20256</v>
      </c>
      <c r="I34423" s="2">
        <v>1</v>
      </c>
      <c r="J34423" s="2">
        <v>0</v>
      </c>
      <c r="K34423" s="2">
        <v>0</v>
      </c>
      <c r="L34423" t="s">
        <v>120</v>
      </c>
      <c r="M34423" t="s">
        <v>87</v>
      </c>
      <c r="N34423" t="s">
        <v>88</v>
      </c>
      <c r="O34423" t="s">
        <v>85</v>
      </c>
      <c r="P34423" t="s">
        <v>86</v>
      </c>
      <c r="Q34423">
        <v>62</v>
      </c>
      <c r="R34423">
        <v>64</v>
      </c>
      <c r="S34423">
        <v>65</v>
      </c>
      <c r="T34423">
        <v>67</v>
      </c>
      <c r="U34423">
        <v>69</v>
      </c>
      <c r="V34423">
        <v>70</v>
      </c>
      <c r="W34423">
        <v>72</v>
      </c>
      <c r="X34423">
        <v>73</v>
      </c>
      <c r="Y34423">
        <v>75</v>
      </c>
      <c r="Z34423">
        <v>77</v>
      </c>
      <c r="AA34423">
        <v>78</v>
      </c>
      <c r="AB34423">
        <v>80</v>
      </c>
      <c r="AC34423">
        <v>82</v>
      </c>
      <c r="AD34423">
        <v>84</v>
      </c>
      <c r="AE34423">
        <v>86</v>
      </c>
      <c r="AF34423">
        <v>87</v>
      </c>
      <c r="AG34423">
        <v>89</v>
      </c>
      <c r="AH34423">
        <v>91</v>
      </c>
      <c r="AI34423">
        <v>93</v>
      </c>
      <c r="AJ34423">
        <v>95</v>
      </c>
      <c r="AK34423">
        <v>97</v>
      </c>
      <c r="AL34423">
        <v>99</v>
      </c>
      <c r="AM34423">
        <v>101</v>
      </c>
      <c r="AN34423">
        <v>103</v>
      </c>
      <c r="AO34423">
        <v>105</v>
      </c>
      <c r="AP34423">
        <v>108</v>
      </c>
      <c r="AQ34423">
        <v>110</v>
      </c>
    </row>
    <row r="34424" spans="1:43">
      <c r="A34424" t="s">
        <v>21321</v>
      </c>
      <c r="B34424" t="s">
        <v>21322</v>
      </c>
      <c r="C34424" t="s">
        <v>21323</v>
      </c>
      <c r="D34424" t="s">
        <v>21324</v>
      </c>
      <c r="E34424" t="s">
        <v>21317</v>
      </c>
      <c r="F34424" t="s">
        <v>21318</v>
      </c>
      <c r="G34424" t="s">
        <v>20255</v>
      </c>
      <c r="H34424" t="s">
        <v>20256</v>
      </c>
      <c r="I34424" s="2">
        <v>1</v>
      </c>
      <c r="J34424" s="2">
        <v>0</v>
      </c>
      <c r="K34424" s="2">
        <v>0</v>
      </c>
      <c r="L34424" t="s">
        <v>120</v>
      </c>
      <c r="M34424" t="s">
        <v>89</v>
      </c>
      <c r="N34424" t="s">
        <v>90</v>
      </c>
      <c r="O34424" t="s">
        <v>85</v>
      </c>
      <c r="P34424" t="s">
        <v>86</v>
      </c>
      <c r="Q34424">
        <v>62</v>
      </c>
      <c r="R34424">
        <v>64</v>
      </c>
      <c r="S34424">
        <v>67</v>
      </c>
      <c r="T34424">
        <v>70</v>
      </c>
      <c r="U34424">
        <v>72</v>
      </c>
      <c r="V34424">
        <v>75</v>
      </c>
      <c r="W34424">
        <v>78</v>
      </c>
      <c r="X34424">
        <v>81</v>
      </c>
      <c r="Y34424">
        <v>84</v>
      </c>
      <c r="Z34424">
        <v>87</v>
      </c>
      <c r="AA34424">
        <v>89</v>
      </c>
      <c r="AB34424">
        <v>92</v>
      </c>
      <c r="AC34424">
        <v>95</v>
      </c>
      <c r="AD34424">
        <v>99</v>
      </c>
      <c r="AE34424">
        <v>101</v>
      </c>
      <c r="AF34424">
        <v>103</v>
      </c>
      <c r="AG34424">
        <v>105</v>
      </c>
      <c r="AH34424">
        <v>107</v>
      </c>
      <c r="AI34424">
        <v>109</v>
      </c>
      <c r="AJ34424">
        <v>111</v>
      </c>
      <c r="AK34424">
        <v>113</v>
      </c>
      <c r="AL34424">
        <v>115</v>
      </c>
      <c r="AM34424">
        <v>117</v>
      </c>
      <c r="AN34424">
        <v>119</v>
      </c>
      <c r="AO34424">
        <v>121</v>
      </c>
      <c r="AP34424">
        <v>123</v>
      </c>
      <c r="AQ34424">
        <v>126</v>
      </c>
    </row>
    <row r="34425" spans="1:43">
      <c r="A34425" t="s">
        <v>21321</v>
      </c>
      <c r="B34425" t="s">
        <v>21322</v>
      </c>
      <c r="C34425" t="s">
        <v>21323</v>
      </c>
      <c r="D34425" t="s">
        <v>21324</v>
      </c>
      <c r="E34425" t="s">
        <v>21317</v>
      </c>
      <c r="F34425" t="s">
        <v>21318</v>
      </c>
      <c r="G34425" t="s">
        <v>20255</v>
      </c>
      <c r="H34425" t="s">
        <v>20256</v>
      </c>
      <c r="I34425" s="2">
        <v>1</v>
      </c>
      <c r="J34425" s="2">
        <v>0</v>
      </c>
      <c r="K34425" s="2">
        <v>0</v>
      </c>
      <c r="L34425" t="s">
        <v>120</v>
      </c>
      <c r="M34425" t="s">
        <v>83</v>
      </c>
      <c r="N34425" t="s">
        <v>91</v>
      </c>
      <c r="O34425" t="s">
        <v>85</v>
      </c>
      <c r="P34425" t="s">
        <v>86</v>
      </c>
      <c r="Q34425">
        <v>62</v>
      </c>
      <c r="R34425">
        <v>64</v>
      </c>
      <c r="S34425">
        <v>66</v>
      </c>
      <c r="T34425">
        <v>68</v>
      </c>
      <c r="U34425">
        <v>71</v>
      </c>
      <c r="V34425">
        <v>73</v>
      </c>
      <c r="W34425">
        <v>75</v>
      </c>
      <c r="X34425">
        <v>78</v>
      </c>
      <c r="Y34425">
        <v>80</v>
      </c>
      <c r="Z34425">
        <v>82</v>
      </c>
      <c r="AA34425">
        <v>85</v>
      </c>
      <c r="AB34425">
        <v>87</v>
      </c>
      <c r="AC34425">
        <v>90</v>
      </c>
      <c r="AD34425">
        <v>93</v>
      </c>
      <c r="AE34425">
        <v>95</v>
      </c>
      <c r="AF34425">
        <v>98</v>
      </c>
      <c r="AG34425">
        <v>101</v>
      </c>
      <c r="AH34425">
        <v>104</v>
      </c>
      <c r="AI34425">
        <v>107</v>
      </c>
      <c r="AJ34425">
        <v>110</v>
      </c>
      <c r="AK34425">
        <v>113</v>
      </c>
      <c r="AL34425">
        <v>115</v>
      </c>
      <c r="AM34425">
        <v>117</v>
      </c>
      <c r="AN34425">
        <v>119</v>
      </c>
      <c r="AO34425">
        <v>121</v>
      </c>
      <c r="AP34425">
        <v>123</v>
      </c>
      <c r="AQ34425">
        <v>125</v>
      </c>
    </row>
    <row r="34426" spans="1:43">
      <c r="A34426" t="s">
        <v>21325</v>
      </c>
      <c r="B34426" t="s">
        <v>21326</v>
      </c>
      <c r="C34426" t="s">
        <v>21327</v>
      </c>
      <c r="D34426" t="s">
        <v>21328</v>
      </c>
      <c r="E34426" t="s">
        <v>21317</v>
      </c>
      <c r="F34426" t="s">
        <v>21318</v>
      </c>
      <c r="G34426" t="s">
        <v>20255</v>
      </c>
      <c r="H34426" t="s">
        <v>20256</v>
      </c>
      <c r="I34426" s="2">
        <v>1</v>
      </c>
      <c r="J34426" s="2">
        <v>0</v>
      </c>
      <c r="K34426" s="2">
        <v>0</v>
      </c>
      <c r="L34426" t="s">
        <v>120</v>
      </c>
      <c r="M34426" t="s">
        <v>83</v>
      </c>
      <c r="N34426" t="s">
        <v>84</v>
      </c>
      <c r="O34426" t="s">
        <v>85</v>
      </c>
      <c r="P34426" t="s">
        <v>86</v>
      </c>
      <c r="Q34426">
        <v>46</v>
      </c>
      <c r="R34426">
        <v>47</v>
      </c>
      <c r="S34426">
        <v>47</v>
      </c>
      <c r="T34426">
        <v>48</v>
      </c>
      <c r="U34426">
        <v>49</v>
      </c>
      <c r="V34426">
        <v>49</v>
      </c>
      <c r="W34426">
        <v>50</v>
      </c>
      <c r="X34426">
        <v>51</v>
      </c>
      <c r="Y34426">
        <v>52</v>
      </c>
      <c r="Z34426">
        <v>52</v>
      </c>
      <c r="AA34426">
        <v>53</v>
      </c>
      <c r="AB34426">
        <v>54</v>
      </c>
      <c r="AC34426">
        <v>54</v>
      </c>
      <c r="AD34426">
        <v>55</v>
      </c>
      <c r="AE34426">
        <v>56</v>
      </c>
      <c r="AF34426">
        <v>57</v>
      </c>
      <c r="AG34426">
        <v>57</v>
      </c>
      <c r="AH34426">
        <v>58</v>
      </c>
      <c r="AI34426">
        <v>59</v>
      </c>
      <c r="AJ34426">
        <v>59</v>
      </c>
      <c r="AK34426">
        <v>60</v>
      </c>
      <c r="AL34426">
        <v>61</v>
      </c>
      <c r="AM34426">
        <v>61</v>
      </c>
      <c r="AN34426">
        <v>61</v>
      </c>
      <c r="AO34426">
        <v>61</v>
      </c>
      <c r="AP34426">
        <v>61</v>
      </c>
      <c r="AQ34426">
        <v>62</v>
      </c>
    </row>
    <row r="34427" spans="1:43">
      <c r="A34427" t="s">
        <v>21325</v>
      </c>
      <c r="B34427" t="s">
        <v>21326</v>
      </c>
      <c r="C34427" t="s">
        <v>21327</v>
      </c>
      <c r="D34427" t="s">
        <v>21328</v>
      </c>
      <c r="E34427" t="s">
        <v>21317</v>
      </c>
      <c r="F34427" t="s">
        <v>21318</v>
      </c>
      <c r="G34427" t="s">
        <v>20255</v>
      </c>
      <c r="H34427" t="s">
        <v>20256</v>
      </c>
      <c r="I34427" s="2">
        <v>1</v>
      </c>
      <c r="J34427" s="2">
        <v>0</v>
      </c>
      <c r="K34427" s="2">
        <v>0</v>
      </c>
      <c r="L34427" t="s">
        <v>120</v>
      </c>
      <c r="M34427" t="s">
        <v>87</v>
      </c>
      <c r="N34427" t="s">
        <v>88</v>
      </c>
      <c r="O34427" t="s">
        <v>85</v>
      </c>
      <c r="P34427" t="s">
        <v>86</v>
      </c>
      <c r="Q34427">
        <v>46</v>
      </c>
      <c r="R34427">
        <v>47</v>
      </c>
      <c r="S34427">
        <v>47</v>
      </c>
      <c r="T34427">
        <v>47</v>
      </c>
      <c r="U34427">
        <v>48</v>
      </c>
      <c r="V34427">
        <v>48</v>
      </c>
      <c r="W34427">
        <v>48</v>
      </c>
      <c r="X34427">
        <v>48</v>
      </c>
      <c r="Y34427">
        <v>49</v>
      </c>
      <c r="Z34427">
        <v>49</v>
      </c>
      <c r="AA34427">
        <v>49</v>
      </c>
      <c r="AB34427">
        <v>50</v>
      </c>
      <c r="AC34427">
        <v>50</v>
      </c>
      <c r="AD34427">
        <v>50</v>
      </c>
      <c r="AE34427">
        <v>51</v>
      </c>
      <c r="AF34427">
        <v>51</v>
      </c>
      <c r="AG34427">
        <v>51</v>
      </c>
      <c r="AH34427">
        <v>51</v>
      </c>
      <c r="AI34427">
        <v>52</v>
      </c>
      <c r="AJ34427">
        <v>52</v>
      </c>
      <c r="AK34427">
        <v>52</v>
      </c>
      <c r="AL34427">
        <v>53</v>
      </c>
      <c r="AM34427">
        <v>53</v>
      </c>
      <c r="AN34427">
        <v>53</v>
      </c>
      <c r="AO34427">
        <v>54</v>
      </c>
      <c r="AP34427">
        <v>54</v>
      </c>
      <c r="AQ34427">
        <v>54</v>
      </c>
    </row>
    <row r="34428" spans="1:43">
      <c r="A34428" t="s">
        <v>21325</v>
      </c>
      <c r="B34428" t="s">
        <v>21326</v>
      </c>
      <c r="C34428" t="s">
        <v>21327</v>
      </c>
      <c r="D34428" t="s">
        <v>21328</v>
      </c>
      <c r="E34428" t="s">
        <v>21317</v>
      </c>
      <c r="F34428" t="s">
        <v>21318</v>
      </c>
      <c r="G34428" t="s">
        <v>20255</v>
      </c>
      <c r="H34428" t="s">
        <v>20256</v>
      </c>
      <c r="I34428" s="2">
        <v>1</v>
      </c>
      <c r="J34428" s="2">
        <v>0</v>
      </c>
      <c r="K34428" s="2">
        <v>0</v>
      </c>
      <c r="L34428" t="s">
        <v>120</v>
      </c>
      <c r="M34428" t="s">
        <v>89</v>
      </c>
      <c r="N34428" t="s">
        <v>90</v>
      </c>
      <c r="O34428" t="s">
        <v>85</v>
      </c>
      <c r="P34428" t="s">
        <v>86</v>
      </c>
      <c r="Q34428">
        <v>46</v>
      </c>
      <c r="R34428">
        <v>47</v>
      </c>
      <c r="S34428">
        <v>49</v>
      </c>
      <c r="T34428">
        <v>50</v>
      </c>
      <c r="U34428">
        <v>51</v>
      </c>
      <c r="V34428">
        <v>52</v>
      </c>
      <c r="W34428">
        <v>53</v>
      </c>
      <c r="X34428">
        <v>54</v>
      </c>
      <c r="Y34428">
        <v>55</v>
      </c>
      <c r="Z34428">
        <v>56</v>
      </c>
      <c r="AA34428">
        <v>56</v>
      </c>
      <c r="AB34428">
        <v>57</v>
      </c>
      <c r="AC34428">
        <v>58</v>
      </c>
      <c r="AD34428">
        <v>59</v>
      </c>
      <c r="AE34428">
        <v>60</v>
      </c>
      <c r="AF34428">
        <v>60</v>
      </c>
      <c r="AG34428">
        <v>60</v>
      </c>
      <c r="AH34428">
        <v>60</v>
      </c>
      <c r="AI34428">
        <v>61</v>
      </c>
      <c r="AJ34428">
        <v>61</v>
      </c>
      <c r="AK34428">
        <v>61</v>
      </c>
      <c r="AL34428">
        <v>61</v>
      </c>
      <c r="AM34428">
        <v>61</v>
      </c>
      <c r="AN34428">
        <v>62</v>
      </c>
      <c r="AO34428">
        <v>62</v>
      </c>
      <c r="AP34428">
        <v>62</v>
      </c>
      <c r="AQ34428">
        <v>62</v>
      </c>
    </row>
    <row r="34429" spans="1:43">
      <c r="A34429" t="s">
        <v>21325</v>
      </c>
      <c r="B34429" t="s">
        <v>21326</v>
      </c>
      <c r="C34429" t="s">
        <v>21327</v>
      </c>
      <c r="D34429" t="s">
        <v>21328</v>
      </c>
      <c r="E34429" t="s">
        <v>21317</v>
      </c>
      <c r="F34429" t="s">
        <v>21318</v>
      </c>
      <c r="G34429" t="s">
        <v>20255</v>
      </c>
      <c r="H34429" t="s">
        <v>20256</v>
      </c>
      <c r="I34429" s="2">
        <v>1</v>
      </c>
      <c r="J34429" s="2">
        <v>0</v>
      </c>
      <c r="K34429" s="2">
        <v>0</v>
      </c>
      <c r="L34429" t="s">
        <v>120</v>
      </c>
      <c r="M34429" t="s">
        <v>83</v>
      </c>
      <c r="N34429" t="s">
        <v>91</v>
      </c>
      <c r="O34429" t="s">
        <v>85</v>
      </c>
      <c r="P34429" t="s">
        <v>86</v>
      </c>
      <c r="Q34429">
        <v>46</v>
      </c>
      <c r="R34429">
        <v>47</v>
      </c>
      <c r="S34429">
        <v>47</v>
      </c>
      <c r="T34429">
        <v>48</v>
      </c>
      <c r="U34429">
        <v>49</v>
      </c>
      <c r="V34429">
        <v>49</v>
      </c>
      <c r="W34429">
        <v>50</v>
      </c>
      <c r="X34429">
        <v>51</v>
      </c>
      <c r="Y34429">
        <v>52</v>
      </c>
      <c r="Z34429">
        <v>52</v>
      </c>
      <c r="AA34429">
        <v>53</v>
      </c>
      <c r="AB34429">
        <v>54</v>
      </c>
      <c r="AC34429">
        <v>54</v>
      </c>
      <c r="AD34429">
        <v>55</v>
      </c>
      <c r="AE34429">
        <v>56</v>
      </c>
      <c r="AF34429">
        <v>57</v>
      </c>
      <c r="AG34429">
        <v>57</v>
      </c>
      <c r="AH34429">
        <v>58</v>
      </c>
      <c r="AI34429">
        <v>59</v>
      </c>
      <c r="AJ34429">
        <v>59</v>
      </c>
      <c r="AK34429">
        <v>60</v>
      </c>
      <c r="AL34429">
        <v>61</v>
      </c>
      <c r="AM34429">
        <v>61</v>
      </c>
      <c r="AN34429">
        <v>61</v>
      </c>
      <c r="AO34429">
        <v>61</v>
      </c>
      <c r="AP34429">
        <v>61</v>
      </c>
      <c r="AQ34429">
        <v>62</v>
      </c>
    </row>
    <row r="34430" spans="1:43">
      <c r="A34430" t="s">
        <v>21329</v>
      </c>
      <c r="B34430" t="s">
        <v>21330</v>
      </c>
      <c r="C34430" t="s">
        <v>21327</v>
      </c>
      <c r="D34430" t="s">
        <v>21328</v>
      </c>
      <c r="E34430" t="s">
        <v>21317</v>
      </c>
      <c r="F34430" t="s">
        <v>21318</v>
      </c>
      <c r="G34430" t="s">
        <v>20255</v>
      </c>
      <c r="H34430" t="s">
        <v>20256</v>
      </c>
      <c r="I34430" s="2">
        <v>1</v>
      </c>
      <c r="J34430" s="2">
        <v>0</v>
      </c>
      <c r="K34430" s="2">
        <v>0</v>
      </c>
      <c r="L34430" t="s">
        <v>120</v>
      </c>
      <c r="M34430" t="s">
        <v>83</v>
      </c>
      <c r="N34430" t="s">
        <v>84</v>
      </c>
      <c r="O34430" t="s">
        <v>85</v>
      </c>
      <c r="P34430" t="s">
        <v>86</v>
      </c>
      <c r="Q34430">
        <v>50</v>
      </c>
      <c r="R34430">
        <v>51</v>
      </c>
      <c r="S34430">
        <v>53</v>
      </c>
      <c r="T34430">
        <v>55</v>
      </c>
      <c r="U34430">
        <v>57</v>
      </c>
      <c r="V34430">
        <v>59</v>
      </c>
      <c r="W34430">
        <v>61</v>
      </c>
      <c r="X34430">
        <v>62</v>
      </c>
      <c r="Y34430">
        <v>64</v>
      </c>
      <c r="Z34430">
        <v>66</v>
      </c>
      <c r="AA34430">
        <v>68</v>
      </c>
      <c r="AB34430">
        <v>70</v>
      </c>
      <c r="AC34430">
        <v>72</v>
      </c>
      <c r="AD34430">
        <v>74</v>
      </c>
      <c r="AE34430">
        <v>77</v>
      </c>
      <c r="AF34430">
        <v>79</v>
      </c>
      <c r="AG34430">
        <v>81</v>
      </c>
      <c r="AH34430">
        <v>83</v>
      </c>
      <c r="AI34430">
        <v>86</v>
      </c>
      <c r="AJ34430">
        <v>88</v>
      </c>
      <c r="AK34430">
        <v>90</v>
      </c>
      <c r="AL34430">
        <v>92</v>
      </c>
      <c r="AM34430">
        <v>94</v>
      </c>
      <c r="AN34430">
        <v>96</v>
      </c>
      <c r="AO34430">
        <v>97</v>
      </c>
      <c r="AP34430">
        <v>99</v>
      </c>
      <c r="AQ34430">
        <v>101</v>
      </c>
    </row>
    <row r="34431" spans="1:43">
      <c r="A34431" t="s">
        <v>21329</v>
      </c>
      <c r="B34431" t="s">
        <v>21330</v>
      </c>
      <c r="C34431" t="s">
        <v>21327</v>
      </c>
      <c r="D34431" t="s">
        <v>21328</v>
      </c>
      <c r="E34431" t="s">
        <v>21317</v>
      </c>
      <c r="F34431" t="s">
        <v>21318</v>
      </c>
      <c r="G34431" t="s">
        <v>20255</v>
      </c>
      <c r="H34431" t="s">
        <v>20256</v>
      </c>
      <c r="I34431" s="2">
        <v>1</v>
      </c>
      <c r="J34431" s="2">
        <v>0</v>
      </c>
      <c r="K34431" s="2">
        <v>0</v>
      </c>
      <c r="L34431" t="s">
        <v>120</v>
      </c>
      <c r="M34431" t="s">
        <v>87</v>
      </c>
      <c r="N34431" t="s">
        <v>88</v>
      </c>
      <c r="O34431" t="s">
        <v>85</v>
      </c>
      <c r="P34431" t="s">
        <v>86</v>
      </c>
      <c r="Q34431">
        <v>50</v>
      </c>
      <c r="R34431">
        <v>52</v>
      </c>
      <c r="S34431">
        <v>53</v>
      </c>
      <c r="T34431">
        <v>54</v>
      </c>
      <c r="U34431">
        <v>55</v>
      </c>
      <c r="V34431">
        <v>57</v>
      </c>
      <c r="W34431">
        <v>58</v>
      </c>
      <c r="X34431">
        <v>59</v>
      </c>
      <c r="Y34431">
        <v>60</v>
      </c>
      <c r="Z34431">
        <v>62</v>
      </c>
      <c r="AA34431">
        <v>63</v>
      </c>
      <c r="AB34431">
        <v>65</v>
      </c>
      <c r="AC34431">
        <v>66</v>
      </c>
      <c r="AD34431">
        <v>67</v>
      </c>
      <c r="AE34431">
        <v>69</v>
      </c>
      <c r="AF34431">
        <v>70</v>
      </c>
      <c r="AG34431">
        <v>72</v>
      </c>
      <c r="AH34431">
        <v>73</v>
      </c>
      <c r="AI34431">
        <v>75</v>
      </c>
      <c r="AJ34431">
        <v>77</v>
      </c>
      <c r="AK34431">
        <v>78</v>
      </c>
      <c r="AL34431">
        <v>80</v>
      </c>
      <c r="AM34431">
        <v>82</v>
      </c>
      <c r="AN34431">
        <v>83</v>
      </c>
      <c r="AO34431">
        <v>85</v>
      </c>
      <c r="AP34431">
        <v>87</v>
      </c>
      <c r="AQ34431">
        <v>88</v>
      </c>
    </row>
    <row r="34432" spans="1:43">
      <c r="A34432" t="s">
        <v>21329</v>
      </c>
      <c r="B34432" t="s">
        <v>21330</v>
      </c>
      <c r="C34432" t="s">
        <v>21327</v>
      </c>
      <c r="D34432" t="s">
        <v>21328</v>
      </c>
      <c r="E34432" t="s">
        <v>21317</v>
      </c>
      <c r="F34432" t="s">
        <v>21318</v>
      </c>
      <c r="G34432" t="s">
        <v>20255</v>
      </c>
      <c r="H34432" t="s">
        <v>20256</v>
      </c>
      <c r="I34432" s="2">
        <v>1</v>
      </c>
      <c r="J34432" s="2">
        <v>0</v>
      </c>
      <c r="K34432" s="2">
        <v>0</v>
      </c>
      <c r="L34432" t="s">
        <v>120</v>
      </c>
      <c r="M34432" t="s">
        <v>89</v>
      </c>
      <c r="N34432" t="s">
        <v>90</v>
      </c>
      <c r="O34432" t="s">
        <v>85</v>
      </c>
      <c r="P34432" t="s">
        <v>86</v>
      </c>
      <c r="Q34432">
        <v>50</v>
      </c>
      <c r="R34432">
        <v>52</v>
      </c>
      <c r="S34432">
        <v>55</v>
      </c>
      <c r="T34432">
        <v>57</v>
      </c>
      <c r="U34432">
        <v>59</v>
      </c>
      <c r="V34432">
        <v>61</v>
      </c>
      <c r="W34432">
        <v>63</v>
      </c>
      <c r="X34432">
        <v>66</v>
      </c>
      <c r="Y34432">
        <v>68</v>
      </c>
      <c r="Z34432">
        <v>70</v>
      </c>
      <c r="AA34432">
        <v>73</v>
      </c>
      <c r="AB34432">
        <v>75</v>
      </c>
      <c r="AC34432">
        <v>78</v>
      </c>
      <c r="AD34432">
        <v>80</v>
      </c>
      <c r="AE34432">
        <v>82</v>
      </c>
      <c r="AF34432">
        <v>84</v>
      </c>
      <c r="AG34432">
        <v>85</v>
      </c>
      <c r="AH34432">
        <v>87</v>
      </c>
      <c r="AI34432">
        <v>88</v>
      </c>
      <c r="AJ34432">
        <v>90</v>
      </c>
      <c r="AK34432">
        <v>92</v>
      </c>
      <c r="AL34432">
        <v>93</v>
      </c>
      <c r="AM34432">
        <v>95</v>
      </c>
      <c r="AN34432">
        <v>96</v>
      </c>
      <c r="AO34432">
        <v>98</v>
      </c>
      <c r="AP34432">
        <v>100</v>
      </c>
      <c r="AQ34432">
        <v>102</v>
      </c>
    </row>
    <row r="34433" spans="1:43">
      <c r="A34433" t="s">
        <v>21329</v>
      </c>
      <c r="B34433" t="s">
        <v>21330</v>
      </c>
      <c r="C34433" t="s">
        <v>21327</v>
      </c>
      <c r="D34433" t="s">
        <v>21328</v>
      </c>
      <c r="E34433" t="s">
        <v>21317</v>
      </c>
      <c r="F34433" t="s">
        <v>21318</v>
      </c>
      <c r="G34433" t="s">
        <v>20255</v>
      </c>
      <c r="H34433" t="s">
        <v>20256</v>
      </c>
      <c r="I34433" s="2">
        <v>1</v>
      </c>
      <c r="J34433" s="2">
        <v>0</v>
      </c>
      <c r="K34433" s="2">
        <v>0</v>
      </c>
      <c r="L34433" t="s">
        <v>120</v>
      </c>
      <c r="M34433" t="s">
        <v>83</v>
      </c>
      <c r="N34433" t="s">
        <v>91</v>
      </c>
      <c r="O34433" t="s">
        <v>85</v>
      </c>
      <c r="P34433" t="s">
        <v>86</v>
      </c>
      <c r="Q34433">
        <v>50</v>
      </c>
      <c r="R34433">
        <v>51</v>
      </c>
      <c r="S34433">
        <v>53</v>
      </c>
      <c r="T34433">
        <v>55</v>
      </c>
      <c r="U34433">
        <v>57</v>
      </c>
      <c r="V34433">
        <v>59</v>
      </c>
      <c r="W34433">
        <v>61</v>
      </c>
      <c r="X34433">
        <v>62</v>
      </c>
      <c r="Y34433">
        <v>64</v>
      </c>
      <c r="Z34433">
        <v>66</v>
      </c>
      <c r="AA34433">
        <v>68</v>
      </c>
      <c r="AB34433">
        <v>70</v>
      </c>
      <c r="AC34433">
        <v>72</v>
      </c>
      <c r="AD34433">
        <v>74</v>
      </c>
      <c r="AE34433">
        <v>77</v>
      </c>
      <c r="AF34433">
        <v>79</v>
      </c>
      <c r="AG34433">
        <v>81</v>
      </c>
      <c r="AH34433">
        <v>83</v>
      </c>
      <c r="AI34433">
        <v>86</v>
      </c>
      <c r="AJ34433">
        <v>88</v>
      </c>
      <c r="AK34433">
        <v>90</v>
      </c>
      <c r="AL34433">
        <v>92</v>
      </c>
      <c r="AM34433">
        <v>94</v>
      </c>
      <c r="AN34433">
        <v>96</v>
      </c>
      <c r="AO34433">
        <v>97</v>
      </c>
      <c r="AP34433">
        <v>99</v>
      </c>
      <c r="AQ34433">
        <v>101</v>
      </c>
    </row>
    <row r="34434" spans="1:43">
      <c r="A34434" t="s">
        <v>21331</v>
      </c>
      <c r="B34434" t="s">
        <v>21332</v>
      </c>
      <c r="C34434" t="s">
        <v>21333</v>
      </c>
      <c r="D34434" t="s">
        <v>21334</v>
      </c>
      <c r="E34434" t="s">
        <v>21317</v>
      </c>
      <c r="F34434" t="s">
        <v>21318</v>
      </c>
      <c r="G34434" t="s">
        <v>20255</v>
      </c>
      <c r="H34434" t="s">
        <v>20256</v>
      </c>
      <c r="I34434" s="2">
        <v>1</v>
      </c>
      <c r="J34434" s="2">
        <v>0</v>
      </c>
      <c r="K34434" s="2">
        <v>0</v>
      </c>
      <c r="L34434" t="s">
        <v>120</v>
      </c>
      <c r="M34434" t="s">
        <v>83</v>
      </c>
      <c r="N34434" t="s">
        <v>84</v>
      </c>
      <c r="O34434" t="s">
        <v>85</v>
      </c>
      <c r="P34434" t="s">
        <v>86</v>
      </c>
      <c r="Q34434">
        <v>43</v>
      </c>
      <c r="R34434">
        <v>44</v>
      </c>
      <c r="S34434">
        <v>46</v>
      </c>
      <c r="T34434">
        <v>47</v>
      </c>
      <c r="U34434">
        <v>49</v>
      </c>
      <c r="V34434">
        <v>50</v>
      </c>
      <c r="W34434">
        <v>52</v>
      </c>
      <c r="X34434">
        <v>53</v>
      </c>
      <c r="Y34434">
        <v>55</v>
      </c>
      <c r="Z34434">
        <v>57</v>
      </c>
      <c r="AA34434">
        <v>58</v>
      </c>
      <c r="AB34434">
        <v>60</v>
      </c>
      <c r="AC34434">
        <v>62</v>
      </c>
      <c r="AD34434">
        <v>64</v>
      </c>
      <c r="AE34434">
        <v>65</v>
      </c>
      <c r="AF34434">
        <v>67</v>
      </c>
      <c r="AG34434">
        <v>69</v>
      </c>
      <c r="AH34434">
        <v>71</v>
      </c>
      <c r="AI34434">
        <v>73</v>
      </c>
      <c r="AJ34434">
        <v>75</v>
      </c>
      <c r="AK34434">
        <v>77</v>
      </c>
      <c r="AL34434">
        <v>79</v>
      </c>
      <c r="AM34434">
        <v>80</v>
      </c>
      <c r="AN34434">
        <v>82</v>
      </c>
      <c r="AO34434">
        <v>83</v>
      </c>
      <c r="AP34434">
        <v>84</v>
      </c>
      <c r="AQ34434">
        <v>86</v>
      </c>
    </row>
    <row r="34435" spans="1:43">
      <c r="A34435" t="s">
        <v>21331</v>
      </c>
      <c r="B34435" t="s">
        <v>21332</v>
      </c>
      <c r="C34435" t="s">
        <v>21333</v>
      </c>
      <c r="D34435" t="s">
        <v>21334</v>
      </c>
      <c r="E34435" t="s">
        <v>21317</v>
      </c>
      <c r="F34435" t="s">
        <v>21318</v>
      </c>
      <c r="G34435" t="s">
        <v>20255</v>
      </c>
      <c r="H34435" t="s">
        <v>20256</v>
      </c>
      <c r="I34435" s="2">
        <v>1</v>
      </c>
      <c r="J34435" s="2">
        <v>0</v>
      </c>
      <c r="K34435" s="2">
        <v>0</v>
      </c>
      <c r="L34435" t="s">
        <v>120</v>
      </c>
      <c r="M34435" t="s">
        <v>87</v>
      </c>
      <c r="N34435" t="s">
        <v>88</v>
      </c>
      <c r="O34435" t="s">
        <v>85</v>
      </c>
      <c r="P34435" t="s">
        <v>86</v>
      </c>
      <c r="Q34435">
        <v>43</v>
      </c>
      <c r="R34435">
        <v>44</v>
      </c>
      <c r="S34435">
        <v>45</v>
      </c>
      <c r="T34435">
        <v>46</v>
      </c>
      <c r="U34435">
        <v>47</v>
      </c>
      <c r="V34435">
        <v>48</v>
      </c>
      <c r="W34435">
        <v>50</v>
      </c>
      <c r="X34435">
        <v>51</v>
      </c>
      <c r="Y34435">
        <v>52</v>
      </c>
      <c r="Z34435">
        <v>53</v>
      </c>
      <c r="AA34435">
        <v>54</v>
      </c>
      <c r="AB34435">
        <v>55</v>
      </c>
      <c r="AC34435">
        <v>57</v>
      </c>
      <c r="AD34435">
        <v>58</v>
      </c>
      <c r="AE34435">
        <v>59</v>
      </c>
      <c r="AF34435">
        <v>60</v>
      </c>
      <c r="AG34435">
        <v>62</v>
      </c>
      <c r="AH34435">
        <v>63</v>
      </c>
      <c r="AI34435">
        <v>64</v>
      </c>
      <c r="AJ34435">
        <v>66</v>
      </c>
      <c r="AK34435">
        <v>67</v>
      </c>
      <c r="AL34435">
        <v>68</v>
      </c>
      <c r="AM34435">
        <v>70</v>
      </c>
      <c r="AN34435">
        <v>71</v>
      </c>
      <c r="AO34435">
        <v>73</v>
      </c>
      <c r="AP34435">
        <v>74</v>
      </c>
      <c r="AQ34435">
        <v>76</v>
      </c>
    </row>
    <row r="34436" spans="1:43">
      <c r="A34436" t="s">
        <v>21331</v>
      </c>
      <c r="B34436" t="s">
        <v>21332</v>
      </c>
      <c r="C34436" t="s">
        <v>21333</v>
      </c>
      <c r="D34436" t="s">
        <v>21334</v>
      </c>
      <c r="E34436" t="s">
        <v>21317</v>
      </c>
      <c r="F34436" t="s">
        <v>21318</v>
      </c>
      <c r="G34436" t="s">
        <v>20255</v>
      </c>
      <c r="H34436" t="s">
        <v>20256</v>
      </c>
      <c r="I34436" s="2">
        <v>1</v>
      </c>
      <c r="J34436" s="2">
        <v>0</v>
      </c>
      <c r="K34436" s="2">
        <v>0</v>
      </c>
      <c r="L34436" t="s">
        <v>120</v>
      </c>
      <c r="M34436" t="s">
        <v>89</v>
      </c>
      <c r="N34436" t="s">
        <v>90</v>
      </c>
      <c r="O34436" t="s">
        <v>85</v>
      </c>
      <c r="P34436" t="s">
        <v>86</v>
      </c>
      <c r="Q34436">
        <v>43</v>
      </c>
      <c r="R34436">
        <v>45</v>
      </c>
      <c r="S34436">
        <v>47</v>
      </c>
      <c r="T34436">
        <v>49</v>
      </c>
      <c r="U34436">
        <v>50</v>
      </c>
      <c r="V34436">
        <v>52</v>
      </c>
      <c r="W34436">
        <v>54</v>
      </c>
      <c r="X34436">
        <v>56</v>
      </c>
      <c r="Y34436">
        <v>58</v>
      </c>
      <c r="Z34436">
        <v>60</v>
      </c>
      <c r="AA34436">
        <v>62</v>
      </c>
      <c r="AB34436">
        <v>64</v>
      </c>
      <c r="AC34436">
        <v>66</v>
      </c>
      <c r="AD34436">
        <v>68</v>
      </c>
      <c r="AE34436">
        <v>70</v>
      </c>
      <c r="AF34436">
        <v>71</v>
      </c>
      <c r="AG34436">
        <v>73</v>
      </c>
      <c r="AH34436">
        <v>74</v>
      </c>
      <c r="AI34436">
        <v>75</v>
      </c>
      <c r="AJ34436">
        <v>77</v>
      </c>
      <c r="AK34436">
        <v>78</v>
      </c>
      <c r="AL34436">
        <v>79</v>
      </c>
      <c r="AM34436">
        <v>81</v>
      </c>
      <c r="AN34436">
        <v>82</v>
      </c>
      <c r="AO34436">
        <v>84</v>
      </c>
      <c r="AP34436">
        <v>85</v>
      </c>
      <c r="AQ34436">
        <v>86</v>
      </c>
    </row>
    <row r="34437" spans="1:43">
      <c r="A34437" t="s">
        <v>21331</v>
      </c>
      <c r="B34437" t="s">
        <v>21332</v>
      </c>
      <c r="C34437" t="s">
        <v>21333</v>
      </c>
      <c r="D34437" t="s">
        <v>21334</v>
      </c>
      <c r="E34437" t="s">
        <v>21317</v>
      </c>
      <c r="F34437" t="s">
        <v>21318</v>
      </c>
      <c r="G34437" t="s">
        <v>20255</v>
      </c>
      <c r="H34437" t="s">
        <v>20256</v>
      </c>
      <c r="I34437" s="2">
        <v>1</v>
      </c>
      <c r="J34437" s="2">
        <v>0</v>
      </c>
      <c r="K34437" s="2">
        <v>0</v>
      </c>
      <c r="L34437" t="s">
        <v>120</v>
      </c>
      <c r="M34437" t="s">
        <v>83</v>
      </c>
      <c r="N34437" t="s">
        <v>91</v>
      </c>
      <c r="O34437" t="s">
        <v>85</v>
      </c>
      <c r="P34437" t="s">
        <v>86</v>
      </c>
      <c r="Q34437">
        <v>43</v>
      </c>
      <c r="R34437">
        <v>44</v>
      </c>
      <c r="S34437">
        <v>46</v>
      </c>
      <c r="T34437">
        <v>47</v>
      </c>
      <c r="U34437">
        <v>49</v>
      </c>
      <c r="V34437">
        <v>50</v>
      </c>
      <c r="W34437">
        <v>52</v>
      </c>
      <c r="X34437">
        <v>53</v>
      </c>
      <c r="Y34437">
        <v>55</v>
      </c>
      <c r="Z34437">
        <v>57</v>
      </c>
      <c r="AA34437">
        <v>58</v>
      </c>
      <c r="AB34437">
        <v>60</v>
      </c>
      <c r="AC34437">
        <v>62</v>
      </c>
      <c r="AD34437">
        <v>64</v>
      </c>
      <c r="AE34437">
        <v>65</v>
      </c>
      <c r="AF34437">
        <v>67</v>
      </c>
      <c r="AG34437">
        <v>69</v>
      </c>
      <c r="AH34437">
        <v>71</v>
      </c>
      <c r="AI34437">
        <v>73</v>
      </c>
      <c r="AJ34437">
        <v>75</v>
      </c>
      <c r="AK34437">
        <v>77</v>
      </c>
      <c r="AL34437">
        <v>79</v>
      </c>
      <c r="AM34437">
        <v>80</v>
      </c>
      <c r="AN34437">
        <v>82</v>
      </c>
      <c r="AO34437">
        <v>83</v>
      </c>
      <c r="AP34437">
        <v>84</v>
      </c>
      <c r="AQ34437">
        <v>86</v>
      </c>
    </row>
    <row r="34438" spans="1:43">
      <c r="A34438" t="s">
        <v>21335</v>
      </c>
      <c r="B34438" t="s">
        <v>21336</v>
      </c>
      <c r="C34438" t="s">
        <v>21333</v>
      </c>
      <c r="D34438" t="s">
        <v>21334</v>
      </c>
      <c r="E34438" t="s">
        <v>21317</v>
      </c>
      <c r="F34438" t="s">
        <v>21318</v>
      </c>
      <c r="G34438" t="s">
        <v>20255</v>
      </c>
      <c r="H34438" t="s">
        <v>20256</v>
      </c>
      <c r="I34438" s="2">
        <v>1</v>
      </c>
      <c r="J34438" s="2">
        <v>0</v>
      </c>
      <c r="K34438" s="2">
        <v>0</v>
      </c>
      <c r="L34438" t="s">
        <v>120</v>
      </c>
      <c r="M34438" t="s">
        <v>83</v>
      </c>
      <c r="N34438" t="s">
        <v>84</v>
      </c>
      <c r="O34438" t="s">
        <v>85</v>
      </c>
      <c r="P34438" t="s">
        <v>86</v>
      </c>
      <c r="Q34438">
        <v>32</v>
      </c>
      <c r="R34438">
        <v>33</v>
      </c>
      <c r="S34438">
        <v>34</v>
      </c>
      <c r="T34438">
        <v>35</v>
      </c>
      <c r="U34438">
        <v>36</v>
      </c>
      <c r="V34438">
        <v>37</v>
      </c>
      <c r="W34438">
        <v>39</v>
      </c>
      <c r="X34438">
        <v>40</v>
      </c>
      <c r="Y34438">
        <v>41</v>
      </c>
      <c r="Z34438">
        <v>42</v>
      </c>
      <c r="AA34438">
        <v>43</v>
      </c>
      <c r="AB34438">
        <v>45</v>
      </c>
      <c r="AC34438">
        <v>46</v>
      </c>
      <c r="AD34438">
        <v>47</v>
      </c>
      <c r="AE34438">
        <v>49</v>
      </c>
      <c r="AF34438">
        <v>50</v>
      </c>
      <c r="AG34438">
        <v>52</v>
      </c>
      <c r="AH34438">
        <v>53</v>
      </c>
      <c r="AI34438">
        <v>54</v>
      </c>
      <c r="AJ34438">
        <v>56</v>
      </c>
      <c r="AK34438">
        <v>57</v>
      </c>
      <c r="AL34438">
        <v>59</v>
      </c>
      <c r="AM34438">
        <v>60</v>
      </c>
      <c r="AN34438">
        <v>61</v>
      </c>
      <c r="AO34438">
        <v>62</v>
      </c>
      <c r="AP34438">
        <v>63</v>
      </c>
      <c r="AQ34438">
        <v>64</v>
      </c>
    </row>
    <row r="34439" spans="1:43">
      <c r="A34439" t="s">
        <v>21335</v>
      </c>
      <c r="B34439" t="s">
        <v>21336</v>
      </c>
      <c r="C34439" t="s">
        <v>21333</v>
      </c>
      <c r="D34439" t="s">
        <v>21334</v>
      </c>
      <c r="E34439" t="s">
        <v>21317</v>
      </c>
      <c r="F34439" t="s">
        <v>21318</v>
      </c>
      <c r="G34439" t="s">
        <v>20255</v>
      </c>
      <c r="H34439" t="s">
        <v>20256</v>
      </c>
      <c r="I34439" s="2">
        <v>1</v>
      </c>
      <c r="J34439" s="2">
        <v>0</v>
      </c>
      <c r="K34439" s="2">
        <v>0</v>
      </c>
      <c r="L34439" t="s">
        <v>120</v>
      </c>
      <c r="M34439" t="s">
        <v>87</v>
      </c>
      <c r="N34439" t="s">
        <v>88</v>
      </c>
      <c r="O34439" t="s">
        <v>85</v>
      </c>
      <c r="P34439" t="s">
        <v>86</v>
      </c>
      <c r="Q34439">
        <v>32</v>
      </c>
      <c r="R34439">
        <v>33</v>
      </c>
      <c r="S34439">
        <v>34</v>
      </c>
      <c r="T34439">
        <v>35</v>
      </c>
      <c r="U34439">
        <v>36</v>
      </c>
      <c r="V34439">
        <v>36</v>
      </c>
      <c r="W34439">
        <v>37</v>
      </c>
      <c r="X34439">
        <v>38</v>
      </c>
      <c r="Y34439">
        <v>39</v>
      </c>
      <c r="Z34439">
        <v>40</v>
      </c>
      <c r="AA34439">
        <v>41</v>
      </c>
      <c r="AB34439">
        <v>42</v>
      </c>
      <c r="AC34439">
        <v>42</v>
      </c>
      <c r="AD34439">
        <v>43</v>
      </c>
      <c r="AE34439">
        <v>44</v>
      </c>
      <c r="AF34439">
        <v>45</v>
      </c>
      <c r="AG34439">
        <v>46</v>
      </c>
      <c r="AH34439">
        <v>47</v>
      </c>
      <c r="AI34439">
        <v>48</v>
      </c>
      <c r="AJ34439">
        <v>49</v>
      </c>
      <c r="AK34439">
        <v>50</v>
      </c>
      <c r="AL34439">
        <v>51</v>
      </c>
      <c r="AM34439">
        <v>52</v>
      </c>
      <c r="AN34439">
        <v>53</v>
      </c>
      <c r="AO34439">
        <v>54</v>
      </c>
      <c r="AP34439">
        <v>55</v>
      </c>
      <c r="AQ34439">
        <v>57</v>
      </c>
    </row>
    <row r="34440" spans="1:43">
      <c r="A34440" t="s">
        <v>21335</v>
      </c>
      <c r="B34440" t="s">
        <v>21336</v>
      </c>
      <c r="C34440" t="s">
        <v>21333</v>
      </c>
      <c r="D34440" t="s">
        <v>21334</v>
      </c>
      <c r="E34440" t="s">
        <v>21317</v>
      </c>
      <c r="F34440" t="s">
        <v>21318</v>
      </c>
      <c r="G34440" t="s">
        <v>20255</v>
      </c>
      <c r="H34440" t="s">
        <v>20256</v>
      </c>
      <c r="I34440" s="2">
        <v>1</v>
      </c>
      <c r="J34440" s="2">
        <v>0</v>
      </c>
      <c r="K34440" s="2">
        <v>0</v>
      </c>
      <c r="L34440" t="s">
        <v>120</v>
      </c>
      <c r="M34440" t="s">
        <v>89</v>
      </c>
      <c r="N34440" t="s">
        <v>90</v>
      </c>
      <c r="O34440" t="s">
        <v>85</v>
      </c>
      <c r="P34440" t="s">
        <v>86</v>
      </c>
      <c r="Q34440">
        <v>32</v>
      </c>
      <c r="R34440">
        <v>33</v>
      </c>
      <c r="S34440">
        <v>35</v>
      </c>
      <c r="T34440">
        <v>36</v>
      </c>
      <c r="U34440">
        <v>38</v>
      </c>
      <c r="V34440">
        <v>39</v>
      </c>
      <c r="W34440">
        <v>40</v>
      </c>
      <c r="X34440">
        <v>42</v>
      </c>
      <c r="Y34440">
        <v>43</v>
      </c>
      <c r="Z34440">
        <v>45</v>
      </c>
      <c r="AA34440">
        <v>46</v>
      </c>
      <c r="AB34440">
        <v>48</v>
      </c>
      <c r="AC34440">
        <v>49</v>
      </c>
      <c r="AD34440">
        <v>51</v>
      </c>
      <c r="AE34440">
        <v>52</v>
      </c>
      <c r="AF34440">
        <v>53</v>
      </c>
      <c r="AG34440">
        <v>54</v>
      </c>
      <c r="AH34440">
        <v>55</v>
      </c>
      <c r="AI34440">
        <v>56</v>
      </c>
      <c r="AJ34440">
        <v>57</v>
      </c>
      <c r="AK34440">
        <v>58</v>
      </c>
      <c r="AL34440">
        <v>59</v>
      </c>
      <c r="AM34440">
        <v>60</v>
      </c>
      <c r="AN34440">
        <v>61</v>
      </c>
      <c r="AO34440">
        <v>62</v>
      </c>
      <c r="AP34440">
        <v>63</v>
      </c>
      <c r="AQ34440">
        <v>64</v>
      </c>
    </row>
    <row r="34441" spans="1:43">
      <c r="A34441" t="s">
        <v>21335</v>
      </c>
      <c r="B34441" t="s">
        <v>21336</v>
      </c>
      <c r="C34441" t="s">
        <v>21333</v>
      </c>
      <c r="D34441" t="s">
        <v>21334</v>
      </c>
      <c r="E34441" t="s">
        <v>21317</v>
      </c>
      <c r="F34441" t="s">
        <v>21318</v>
      </c>
      <c r="G34441" t="s">
        <v>20255</v>
      </c>
      <c r="H34441" t="s">
        <v>20256</v>
      </c>
      <c r="I34441" s="2">
        <v>1</v>
      </c>
      <c r="J34441" s="2">
        <v>0</v>
      </c>
      <c r="K34441" s="2">
        <v>0</v>
      </c>
      <c r="L34441" t="s">
        <v>120</v>
      </c>
      <c r="M34441" t="s">
        <v>83</v>
      </c>
      <c r="N34441" t="s">
        <v>91</v>
      </c>
      <c r="O34441" t="s">
        <v>85</v>
      </c>
      <c r="P34441" t="s">
        <v>86</v>
      </c>
      <c r="Q34441">
        <v>32</v>
      </c>
      <c r="R34441">
        <v>33</v>
      </c>
      <c r="S34441">
        <v>34</v>
      </c>
      <c r="T34441">
        <v>35</v>
      </c>
      <c r="U34441">
        <v>36</v>
      </c>
      <c r="V34441">
        <v>37</v>
      </c>
      <c r="W34441">
        <v>39</v>
      </c>
      <c r="X34441">
        <v>40</v>
      </c>
      <c r="Y34441">
        <v>41</v>
      </c>
      <c r="Z34441">
        <v>42</v>
      </c>
      <c r="AA34441">
        <v>43</v>
      </c>
      <c r="AB34441">
        <v>45</v>
      </c>
      <c r="AC34441">
        <v>46</v>
      </c>
      <c r="AD34441">
        <v>47</v>
      </c>
      <c r="AE34441">
        <v>49</v>
      </c>
      <c r="AF34441">
        <v>50</v>
      </c>
      <c r="AG34441">
        <v>52</v>
      </c>
      <c r="AH34441">
        <v>53</v>
      </c>
      <c r="AI34441">
        <v>54</v>
      </c>
      <c r="AJ34441">
        <v>56</v>
      </c>
      <c r="AK34441">
        <v>57</v>
      </c>
      <c r="AL34441">
        <v>59</v>
      </c>
      <c r="AM34441">
        <v>60</v>
      </c>
      <c r="AN34441">
        <v>61</v>
      </c>
      <c r="AO34441">
        <v>62</v>
      </c>
      <c r="AP34441">
        <v>63</v>
      </c>
      <c r="AQ34441">
        <v>64</v>
      </c>
    </row>
    <row r="34442" spans="1:43">
      <c r="A34442" t="s">
        <v>21337</v>
      </c>
      <c r="B34442" t="s">
        <v>21338</v>
      </c>
      <c r="C34442" t="s">
        <v>21339</v>
      </c>
      <c r="D34442" t="s">
        <v>21340</v>
      </c>
      <c r="E34442" t="s">
        <v>21317</v>
      </c>
      <c r="F34442" t="s">
        <v>21318</v>
      </c>
      <c r="G34442" t="s">
        <v>20255</v>
      </c>
      <c r="H34442" t="s">
        <v>20256</v>
      </c>
      <c r="I34442" s="2">
        <v>1</v>
      </c>
      <c r="J34442" s="2">
        <v>0</v>
      </c>
      <c r="K34442" s="2">
        <v>0</v>
      </c>
      <c r="L34442" t="s">
        <v>120</v>
      </c>
      <c r="M34442" t="s">
        <v>83</v>
      </c>
      <c r="N34442" t="s">
        <v>84</v>
      </c>
      <c r="O34442" t="s">
        <v>85</v>
      </c>
      <c r="P34442" t="s">
        <v>86</v>
      </c>
      <c r="Q34442">
        <v>39</v>
      </c>
      <c r="R34442">
        <v>40</v>
      </c>
      <c r="S34442">
        <v>42</v>
      </c>
      <c r="T34442">
        <v>43</v>
      </c>
      <c r="U34442">
        <v>44</v>
      </c>
      <c r="V34442">
        <v>46</v>
      </c>
      <c r="W34442">
        <v>47</v>
      </c>
      <c r="X34442">
        <v>49</v>
      </c>
      <c r="Y34442">
        <v>50</v>
      </c>
      <c r="Z34442">
        <v>52</v>
      </c>
      <c r="AA34442">
        <v>53</v>
      </c>
      <c r="AB34442">
        <v>55</v>
      </c>
      <c r="AC34442">
        <v>56</v>
      </c>
      <c r="AD34442">
        <v>58</v>
      </c>
      <c r="AE34442">
        <v>59</v>
      </c>
      <c r="AF34442">
        <v>61</v>
      </c>
      <c r="AG34442">
        <v>63</v>
      </c>
      <c r="AH34442">
        <v>65</v>
      </c>
      <c r="AI34442">
        <v>66</v>
      </c>
      <c r="AJ34442">
        <v>68</v>
      </c>
      <c r="AK34442">
        <v>70</v>
      </c>
      <c r="AL34442">
        <v>72</v>
      </c>
      <c r="AM34442">
        <v>73</v>
      </c>
      <c r="AN34442">
        <v>74</v>
      </c>
      <c r="AO34442">
        <v>75</v>
      </c>
      <c r="AP34442">
        <v>76</v>
      </c>
      <c r="AQ34442">
        <v>78</v>
      </c>
    </row>
    <row r="34443" spans="1:43">
      <c r="A34443" t="s">
        <v>21337</v>
      </c>
      <c r="B34443" t="s">
        <v>21338</v>
      </c>
      <c r="C34443" t="s">
        <v>21339</v>
      </c>
      <c r="D34443" t="s">
        <v>21340</v>
      </c>
      <c r="E34443" t="s">
        <v>21317</v>
      </c>
      <c r="F34443" t="s">
        <v>21318</v>
      </c>
      <c r="G34443" t="s">
        <v>20255</v>
      </c>
      <c r="H34443" t="s">
        <v>20256</v>
      </c>
      <c r="I34443" s="2">
        <v>1</v>
      </c>
      <c r="J34443" s="2">
        <v>0</v>
      </c>
      <c r="K34443" s="2">
        <v>0</v>
      </c>
      <c r="L34443" t="s">
        <v>120</v>
      </c>
      <c r="M34443" t="s">
        <v>87</v>
      </c>
      <c r="N34443" t="s">
        <v>88</v>
      </c>
      <c r="O34443" t="s">
        <v>85</v>
      </c>
      <c r="P34443" t="s">
        <v>86</v>
      </c>
      <c r="Q34443">
        <v>39</v>
      </c>
      <c r="R34443">
        <v>40</v>
      </c>
      <c r="S34443">
        <v>41</v>
      </c>
      <c r="T34443">
        <v>41</v>
      </c>
      <c r="U34443">
        <v>42</v>
      </c>
      <c r="V34443">
        <v>43</v>
      </c>
      <c r="W34443">
        <v>44</v>
      </c>
      <c r="X34443">
        <v>45</v>
      </c>
      <c r="Y34443">
        <v>46</v>
      </c>
      <c r="Z34443">
        <v>47</v>
      </c>
      <c r="AA34443">
        <v>48</v>
      </c>
      <c r="AB34443">
        <v>49</v>
      </c>
      <c r="AC34443">
        <v>50</v>
      </c>
      <c r="AD34443">
        <v>52</v>
      </c>
      <c r="AE34443">
        <v>53</v>
      </c>
      <c r="AF34443">
        <v>54</v>
      </c>
      <c r="AG34443">
        <v>55</v>
      </c>
      <c r="AH34443">
        <v>56</v>
      </c>
      <c r="AI34443">
        <v>57</v>
      </c>
      <c r="AJ34443">
        <v>58</v>
      </c>
      <c r="AK34443">
        <v>60</v>
      </c>
      <c r="AL34443">
        <v>61</v>
      </c>
      <c r="AM34443">
        <v>62</v>
      </c>
      <c r="AN34443">
        <v>63</v>
      </c>
      <c r="AO34443">
        <v>65</v>
      </c>
      <c r="AP34443">
        <v>66</v>
      </c>
      <c r="AQ34443">
        <v>67</v>
      </c>
    </row>
    <row r="34444" spans="1:43">
      <c r="A34444" t="s">
        <v>21337</v>
      </c>
      <c r="B34444" t="s">
        <v>21338</v>
      </c>
      <c r="C34444" t="s">
        <v>21339</v>
      </c>
      <c r="D34444" t="s">
        <v>21340</v>
      </c>
      <c r="E34444" t="s">
        <v>21317</v>
      </c>
      <c r="F34444" t="s">
        <v>21318</v>
      </c>
      <c r="G34444" t="s">
        <v>20255</v>
      </c>
      <c r="H34444" t="s">
        <v>20256</v>
      </c>
      <c r="I34444" s="2">
        <v>1</v>
      </c>
      <c r="J34444" s="2">
        <v>0</v>
      </c>
      <c r="K34444" s="2">
        <v>0</v>
      </c>
      <c r="L34444" t="s">
        <v>120</v>
      </c>
      <c r="M34444" t="s">
        <v>89</v>
      </c>
      <c r="N34444" t="s">
        <v>90</v>
      </c>
      <c r="O34444" t="s">
        <v>85</v>
      </c>
      <c r="P34444" t="s">
        <v>86</v>
      </c>
      <c r="Q34444">
        <v>39</v>
      </c>
      <c r="R34444">
        <v>41</v>
      </c>
      <c r="S34444">
        <v>43</v>
      </c>
      <c r="T34444">
        <v>44</v>
      </c>
      <c r="U34444">
        <v>46</v>
      </c>
      <c r="V34444">
        <v>48</v>
      </c>
      <c r="W34444">
        <v>50</v>
      </c>
      <c r="X34444">
        <v>51</v>
      </c>
      <c r="Y34444">
        <v>53</v>
      </c>
      <c r="Z34444">
        <v>55</v>
      </c>
      <c r="AA34444">
        <v>57</v>
      </c>
      <c r="AB34444">
        <v>58</v>
      </c>
      <c r="AC34444">
        <v>60</v>
      </c>
      <c r="AD34444">
        <v>62</v>
      </c>
      <c r="AE34444">
        <v>64</v>
      </c>
      <c r="AF34444">
        <v>65</v>
      </c>
      <c r="AG34444">
        <v>66</v>
      </c>
      <c r="AH34444">
        <v>67</v>
      </c>
      <c r="AI34444">
        <v>69</v>
      </c>
      <c r="AJ34444">
        <v>70</v>
      </c>
      <c r="AK34444">
        <v>71</v>
      </c>
      <c r="AL34444">
        <v>72</v>
      </c>
      <c r="AM34444">
        <v>73</v>
      </c>
      <c r="AN34444">
        <v>75</v>
      </c>
      <c r="AO34444">
        <v>76</v>
      </c>
      <c r="AP34444">
        <v>77</v>
      </c>
      <c r="AQ34444">
        <v>78</v>
      </c>
    </row>
    <row r="34445" spans="1:43">
      <c r="A34445" t="s">
        <v>21337</v>
      </c>
      <c r="B34445" t="s">
        <v>21338</v>
      </c>
      <c r="C34445" t="s">
        <v>21339</v>
      </c>
      <c r="D34445" t="s">
        <v>21340</v>
      </c>
      <c r="E34445" t="s">
        <v>21317</v>
      </c>
      <c r="F34445" t="s">
        <v>21318</v>
      </c>
      <c r="G34445" t="s">
        <v>20255</v>
      </c>
      <c r="H34445" t="s">
        <v>20256</v>
      </c>
      <c r="I34445" s="2">
        <v>1</v>
      </c>
      <c r="J34445" s="2">
        <v>0</v>
      </c>
      <c r="K34445" s="2">
        <v>0</v>
      </c>
      <c r="L34445" t="s">
        <v>120</v>
      </c>
      <c r="M34445" t="s">
        <v>83</v>
      </c>
      <c r="N34445" t="s">
        <v>91</v>
      </c>
      <c r="O34445" t="s">
        <v>85</v>
      </c>
      <c r="P34445" t="s">
        <v>86</v>
      </c>
      <c r="Q34445">
        <v>39</v>
      </c>
      <c r="R34445">
        <v>40</v>
      </c>
      <c r="S34445">
        <v>42</v>
      </c>
      <c r="T34445">
        <v>43</v>
      </c>
      <c r="U34445">
        <v>44</v>
      </c>
      <c r="V34445">
        <v>46</v>
      </c>
      <c r="W34445">
        <v>47</v>
      </c>
      <c r="X34445">
        <v>49</v>
      </c>
      <c r="Y34445">
        <v>50</v>
      </c>
      <c r="Z34445">
        <v>52</v>
      </c>
      <c r="AA34445">
        <v>53</v>
      </c>
      <c r="AB34445">
        <v>55</v>
      </c>
      <c r="AC34445">
        <v>56</v>
      </c>
      <c r="AD34445">
        <v>58</v>
      </c>
      <c r="AE34445">
        <v>59</v>
      </c>
      <c r="AF34445">
        <v>61</v>
      </c>
      <c r="AG34445">
        <v>63</v>
      </c>
      <c r="AH34445">
        <v>65</v>
      </c>
      <c r="AI34445">
        <v>66</v>
      </c>
      <c r="AJ34445">
        <v>68</v>
      </c>
      <c r="AK34445">
        <v>70</v>
      </c>
      <c r="AL34445">
        <v>72</v>
      </c>
      <c r="AM34445">
        <v>73</v>
      </c>
      <c r="AN34445">
        <v>74</v>
      </c>
      <c r="AO34445">
        <v>75</v>
      </c>
      <c r="AP34445">
        <v>76</v>
      </c>
      <c r="AQ34445">
        <v>78</v>
      </c>
    </row>
    <row r="34446" spans="1:43">
      <c r="A34446" t="s">
        <v>21341</v>
      </c>
      <c r="B34446" t="s">
        <v>21342</v>
      </c>
      <c r="C34446" t="s">
        <v>21339</v>
      </c>
      <c r="D34446" t="s">
        <v>21340</v>
      </c>
      <c r="E34446" t="s">
        <v>21317</v>
      </c>
      <c r="F34446" t="s">
        <v>21318</v>
      </c>
      <c r="G34446" t="s">
        <v>20255</v>
      </c>
      <c r="H34446" t="s">
        <v>20256</v>
      </c>
      <c r="I34446" s="2">
        <v>1</v>
      </c>
      <c r="J34446" s="2">
        <v>0</v>
      </c>
      <c r="K34446" s="2">
        <v>0</v>
      </c>
      <c r="L34446" t="s">
        <v>120</v>
      </c>
      <c r="M34446" t="s">
        <v>83</v>
      </c>
      <c r="N34446" t="s">
        <v>84</v>
      </c>
      <c r="O34446" t="s">
        <v>85</v>
      </c>
      <c r="P34446" t="s">
        <v>86</v>
      </c>
      <c r="Q34446">
        <v>18</v>
      </c>
      <c r="R34446">
        <v>18</v>
      </c>
      <c r="S34446">
        <v>19</v>
      </c>
      <c r="T34446">
        <v>19</v>
      </c>
      <c r="U34446">
        <v>20</v>
      </c>
      <c r="V34446">
        <v>21</v>
      </c>
      <c r="W34446">
        <v>21</v>
      </c>
      <c r="X34446">
        <v>22</v>
      </c>
      <c r="Y34446">
        <v>23</v>
      </c>
      <c r="Z34446">
        <v>23</v>
      </c>
      <c r="AA34446">
        <v>24</v>
      </c>
      <c r="AB34446">
        <v>25</v>
      </c>
      <c r="AC34446">
        <v>25</v>
      </c>
      <c r="AD34446">
        <v>26</v>
      </c>
      <c r="AE34446">
        <v>27</v>
      </c>
      <c r="AF34446">
        <v>28</v>
      </c>
      <c r="AG34446">
        <v>28</v>
      </c>
      <c r="AH34446">
        <v>29</v>
      </c>
      <c r="AI34446">
        <v>30</v>
      </c>
      <c r="AJ34446">
        <v>31</v>
      </c>
      <c r="AK34446">
        <v>32</v>
      </c>
      <c r="AL34446">
        <v>32</v>
      </c>
      <c r="AM34446">
        <v>33</v>
      </c>
      <c r="AN34446">
        <v>33</v>
      </c>
      <c r="AO34446">
        <v>34</v>
      </c>
      <c r="AP34446">
        <v>35</v>
      </c>
      <c r="AQ34446">
        <v>35</v>
      </c>
    </row>
    <row r="34447" spans="1:43">
      <c r="A34447" t="s">
        <v>21341</v>
      </c>
      <c r="B34447" t="s">
        <v>21342</v>
      </c>
      <c r="C34447" t="s">
        <v>21339</v>
      </c>
      <c r="D34447" t="s">
        <v>21340</v>
      </c>
      <c r="E34447" t="s">
        <v>21317</v>
      </c>
      <c r="F34447" t="s">
        <v>21318</v>
      </c>
      <c r="G34447" t="s">
        <v>20255</v>
      </c>
      <c r="H34447" t="s">
        <v>20256</v>
      </c>
      <c r="I34447" s="2">
        <v>1</v>
      </c>
      <c r="J34447" s="2">
        <v>0</v>
      </c>
      <c r="K34447" s="2">
        <v>0</v>
      </c>
      <c r="L34447" t="s">
        <v>120</v>
      </c>
      <c r="M34447" t="s">
        <v>87</v>
      </c>
      <c r="N34447" t="s">
        <v>88</v>
      </c>
      <c r="O34447" t="s">
        <v>85</v>
      </c>
      <c r="P34447" t="s">
        <v>86</v>
      </c>
      <c r="Q34447">
        <v>18</v>
      </c>
      <c r="R34447">
        <v>18</v>
      </c>
      <c r="S34447">
        <v>18</v>
      </c>
      <c r="T34447">
        <v>19</v>
      </c>
      <c r="U34447">
        <v>19</v>
      </c>
      <c r="V34447">
        <v>20</v>
      </c>
      <c r="W34447">
        <v>20</v>
      </c>
      <c r="X34447">
        <v>21</v>
      </c>
      <c r="Y34447">
        <v>21</v>
      </c>
      <c r="Z34447">
        <v>21</v>
      </c>
      <c r="AA34447">
        <v>22</v>
      </c>
      <c r="AB34447">
        <v>22</v>
      </c>
      <c r="AC34447">
        <v>23</v>
      </c>
      <c r="AD34447">
        <v>23</v>
      </c>
      <c r="AE34447">
        <v>24</v>
      </c>
      <c r="AF34447">
        <v>24</v>
      </c>
      <c r="AG34447">
        <v>25</v>
      </c>
      <c r="AH34447">
        <v>25</v>
      </c>
      <c r="AI34447">
        <v>26</v>
      </c>
      <c r="AJ34447">
        <v>26</v>
      </c>
      <c r="AK34447">
        <v>27</v>
      </c>
      <c r="AL34447">
        <v>28</v>
      </c>
      <c r="AM34447">
        <v>28</v>
      </c>
      <c r="AN34447">
        <v>29</v>
      </c>
      <c r="AO34447">
        <v>29</v>
      </c>
      <c r="AP34447">
        <v>30</v>
      </c>
      <c r="AQ34447">
        <v>30</v>
      </c>
    </row>
    <row r="34448" spans="1:43">
      <c r="A34448" t="s">
        <v>21341</v>
      </c>
      <c r="B34448" t="s">
        <v>21342</v>
      </c>
      <c r="C34448" t="s">
        <v>21339</v>
      </c>
      <c r="D34448" t="s">
        <v>21340</v>
      </c>
      <c r="E34448" t="s">
        <v>21317</v>
      </c>
      <c r="F34448" t="s">
        <v>21318</v>
      </c>
      <c r="G34448" t="s">
        <v>20255</v>
      </c>
      <c r="H34448" t="s">
        <v>20256</v>
      </c>
      <c r="I34448" s="2">
        <v>1</v>
      </c>
      <c r="J34448" s="2">
        <v>0</v>
      </c>
      <c r="K34448" s="2">
        <v>0</v>
      </c>
      <c r="L34448" t="s">
        <v>120</v>
      </c>
      <c r="M34448" t="s">
        <v>89</v>
      </c>
      <c r="N34448" t="s">
        <v>90</v>
      </c>
      <c r="O34448" t="s">
        <v>85</v>
      </c>
      <c r="P34448" t="s">
        <v>86</v>
      </c>
      <c r="Q34448">
        <v>18</v>
      </c>
      <c r="R34448">
        <v>19</v>
      </c>
      <c r="S34448">
        <v>19</v>
      </c>
      <c r="T34448">
        <v>20</v>
      </c>
      <c r="U34448">
        <v>21</v>
      </c>
      <c r="V34448">
        <v>22</v>
      </c>
      <c r="W34448">
        <v>22</v>
      </c>
      <c r="X34448">
        <v>23</v>
      </c>
      <c r="Y34448">
        <v>24</v>
      </c>
      <c r="Z34448">
        <v>25</v>
      </c>
      <c r="AA34448">
        <v>26</v>
      </c>
      <c r="AB34448">
        <v>26</v>
      </c>
      <c r="AC34448">
        <v>27</v>
      </c>
      <c r="AD34448">
        <v>28</v>
      </c>
      <c r="AE34448">
        <v>29</v>
      </c>
      <c r="AF34448">
        <v>29</v>
      </c>
      <c r="AG34448">
        <v>30</v>
      </c>
      <c r="AH34448">
        <v>30</v>
      </c>
      <c r="AI34448">
        <v>31</v>
      </c>
      <c r="AJ34448">
        <v>32</v>
      </c>
      <c r="AK34448">
        <v>32</v>
      </c>
      <c r="AL34448">
        <v>33</v>
      </c>
      <c r="AM34448">
        <v>33</v>
      </c>
      <c r="AN34448">
        <v>34</v>
      </c>
      <c r="AO34448">
        <v>34</v>
      </c>
      <c r="AP34448">
        <v>35</v>
      </c>
      <c r="AQ34448">
        <v>35</v>
      </c>
    </row>
    <row r="34449" spans="1:43">
      <c r="A34449" t="s">
        <v>21341</v>
      </c>
      <c r="B34449" t="s">
        <v>21342</v>
      </c>
      <c r="C34449" t="s">
        <v>21339</v>
      </c>
      <c r="D34449" t="s">
        <v>21340</v>
      </c>
      <c r="E34449" t="s">
        <v>21317</v>
      </c>
      <c r="F34449" t="s">
        <v>21318</v>
      </c>
      <c r="G34449" t="s">
        <v>20255</v>
      </c>
      <c r="H34449" t="s">
        <v>20256</v>
      </c>
      <c r="I34449" s="2">
        <v>1</v>
      </c>
      <c r="J34449" s="2">
        <v>0</v>
      </c>
      <c r="K34449" s="2">
        <v>0</v>
      </c>
      <c r="L34449" t="s">
        <v>120</v>
      </c>
      <c r="M34449" t="s">
        <v>83</v>
      </c>
      <c r="N34449" t="s">
        <v>91</v>
      </c>
      <c r="O34449" t="s">
        <v>85</v>
      </c>
      <c r="P34449" t="s">
        <v>86</v>
      </c>
      <c r="Q34449">
        <v>18</v>
      </c>
      <c r="R34449">
        <v>18</v>
      </c>
      <c r="S34449">
        <v>19</v>
      </c>
      <c r="T34449">
        <v>19</v>
      </c>
      <c r="U34449">
        <v>20</v>
      </c>
      <c r="V34449">
        <v>21</v>
      </c>
      <c r="W34449">
        <v>21</v>
      </c>
      <c r="X34449">
        <v>22</v>
      </c>
      <c r="Y34449">
        <v>23</v>
      </c>
      <c r="Z34449">
        <v>23</v>
      </c>
      <c r="AA34449">
        <v>24</v>
      </c>
      <c r="AB34449">
        <v>25</v>
      </c>
      <c r="AC34449">
        <v>25</v>
      </c>
      <c r="AD34449">
        <v>26</v>
      </c>
      <c r="AE34449">
        <v>27</v>
      </c>
      <c r="AF34449">
        <v>28</v>
      </c>
      <c r="AG34449">
        <v>28</v>
      </c>
      <c r="AH34449">
        <v>29</v>
      </c>
      <c r="AI34449">
        <v>30</v>
      </c>
      <c r="AJ34449">
        <v>31</v>
      </c>
      <c r="AK34449">
        <v>32</v>
      </c>
      <c r="AL34449">
        <v>32</v>
      </c>
      <c r="AM34449">
        <v>33</v>
      </c>
      <c r="AN34449">
        <v>33</v>
      </c>
      <c r="AO34449">
        <v>34</v>
      </c>
      <c r="AP34449">
        <v>35</v>
      </c>
      <c r="AQ34449">
        <v>35</v>
      </c>
    </row>
    <row r="34450" spans="1:43">
      <c r="A34450" t="s">
        <v>21343</v>
      </c>
      <c r="B34450" t="s">
        <v>21344</v>
      </c>
      <c r="C34450" t="s">
        <v>21345</v>
      </c>
      <c r="D34450" t="s">
        <v>21346</v>
      </c>
      <c r="E34450" t="s">
        <v>21317</v>
      </c>
      <c r="F34450" t="s">
        <v>21318</v>
      </c>
      <c r="G34450" t="s">
        <v>20255</v>
      </c>
      <c r="H34450" t="s">
        <v>20256</v>
      </c>
      <c r="I34450" s="2">
        <v>1</v>
      </c>
      <c r="J34450" s="2">
        <v>0</v>
      </c>
      <c r="K34450" s="2">
        <v>0</v>
      </c>
      <c r="L34450" t="s">
        <v>120</v>
      </c>
      <c r="M34450" t="s">
        <v>83</v>
      </c>
      <c r="N34450" t="s">
        <v>84</v>
      </c>
      <c r="O34450" t="s">
        <v>85</v>
      </c>
      <c r="P34450" t="s">
        <v>86</v>
      </c>
      <c r="Q34450">
        <v>29</v>
      </c>
      <c r="R34450">
        <v>30</v>
      </c>
      <c r="S34450">
        <v>31</v>
      </c>
      <c r="T34450">
        <v>32</v>
      </c>
      <c r="U34450">
        <v>34</v>
      </c>
      <c r="V34450">
        <v>35</v>
      </c>
      <c r="W34450">
        <v>36</v>
      </c>
      <c r="X34450">
        <v>37</v>
      </c>
      <c r="Y34450">
        <v>38</v>
      </c>
      <c r="Z34450">
        <v>39</v>
      </c>
      <c r="AA34450">
        <v>40</v>
      </c>
      <c r="AB34450">
        <v>41</v>
      </c>
      <c r="AC34450">
        <v>43</v>
      </c>
      <c r="AD34450">
        <v>44</v>
      </c>
      <c r="AE34450">
        <v>45</v>
      </c>
      <c r="AF34450">
        <v>46</v>
      </c>
      <c r="AG34450">
        <v>48</v>
      </c>
      <c r="AH34450">
        <v>49</v>
      </c>
      <c r="AI34450">
        <v>50</v>
      </c>
      <c r="AJ34450">
        <v>52</v>
      </c>
      <c r="AK34450">
        <v>53</v>
      </c>
      <c r="AL34450">
        <v>54</v>
      </c>
      <c r="AM34450">
        <v>55</v>
      </c>
      <c r="AN34450">
        <v>56</v>
      </c>
      <c r="AO34450">
        <v>57</v>
      </c>
      <c r="AP34450">
        <v>58</v>
      </c>
      <c r="AQ34450">
        <v>59</v>
      </c>
    </row>
    <row r="34451" spans="1:43">
      <c r="A34451" t="s">
        <v>21343</v>
      </c>
      <c r="B34451" t="s">
        <v>21344</v>
      </c>
      <c r="C34451" t="s">
        <v>21345</v>
      </c>
      <c r="D34451" t="s">
        <v>21346</v>
      </c>
      <c r="E34451" t="s">
        <v>21317</v>
      </c>
      <c r="F34451" t="s">
        <v>21318</v>
      </c>
      <c r="G34451" t="s">
        <v>20255</v>
      </c>
      <c r="H34451" t="s">
        <v>20256</v>
      </c>
      <c r="I34451" s="2">
        <v>1</v>
      </c>
      <c r="J34451" s="2">
        <v>0</v>
      </c>
      <c r="K34451" s="2">
        <v>0</v>
      </c>
      <c r="L34451" t="s">
        <v>120</v>
      </c>
      <c r="M34451" t="s">
        <v>87</v>
      </c>
      <c r="N34451" t="s">
        <v>88</v>
      </c>
      <c r="O34451" t="s">
        <v>85</v>
      </c>
      <c r="P34451" t="s">
        <v>86</v>
      </c>
      <c r="Q34451">
        <v>29</v>
      </c>
      <c r="R34451">
        <v>30</v>
      </c>
      <c r="S34451">
        <v>31</v>
      </c>
      <c r="T34451">
        <v>31</v>
      </c>
      <c r="U34451">
        <v>32</v>
      </c>
      <c r="V34451">
        <v>33</v>
      </c>
      <c r="W34451">
        <v>34</v>
      </c>
      <c r="X34451">
        <v>34</v>
      </c>
      <c r="Y34451">
        <v>35</v>
      </c>
      <c r="Z34451">
        <v>36</v>
      </c>
      <c r="AA34451">
        <v>37</v>
      </c>
      <c r="AB34451">
        <v>38</v>
      </c>
      <c r="AC34451">
        <v>38</v>
      </c>
      <c r="AD34451">
        <v>39</v>
      </c>
      <c r="AE34451">
        <v>40</v>
      </c>
      <c r="AF34451">
        <v>41</v>
      </c>
      <c r="AG34451">
        <v>42</v>
      </c>
      <c r="AH34451">
        <v>43</v>
      </c>
      <c r="AI34451">
        <v>44</v>
      </c>
      <c r="AJ34451">
        <v>45</v>
      </c>
      <c r="AK34451">
        <v>46</v>
      </c>
      <c r="AL34451">
        <v>47</v>
      </c>
      <c r="AM34451">
        <v>48</v>
      </c>
      <c r="AN34451">
        <v>48</v>
      </c>
      <c r="AO34451">
        <v>49</v>
      </c>
      <c r="AP34451">
        <v>51</v>
      </c>
      <c r="AQ34451">
        <v>52</v>
      </c>
    </row>
    <row r="34452" spans="1:43">
      <c r="A34452" t="s">
        <v>21343</v>
      </c>
      <c r="B34452" t="s">
        <v>21344</v>
      </c>
      <c r="C34452" t="s">
        <v>21345</v>
      </c>
      <c r="D34452" t="s">
        <v>21346</v>
      </c>
      <c r="E34452" t="s">
        <v>21317</v>
      </c>
      <c r="F34452" t="s">
        <v>21318</v>
      </c>
      <c r="G34452" t="s">
        <v>20255</v>
      </c>
      <c r="H34452" t="s">
        <v>20256</v>
      </c>
      <c r="I34452" s="2">
        <v>1</v>
      </c>
      <c r="J34452" s="2">
        <v>0</v>
      </c>
      <c r="K34452" s="2">
        <v>0</v>
      </c>
      <c r="L34452" t="s">
        <v>120</v>
      </c>
      <c r="M34452" t="s">
        <v>89</v>
      </c>
      <c r="N34452" t="s">
        <v>90</v>
      </c>
      <c r="O34452" t="s">
        <v>85</v>
      </c>
      <c r="P34452" t="s">
        <v>86</v>
      </c>
      <c r="Q34452">
        <v>29</v>
      </c>
      <c r="R34452">
        <v>30</v>
      </c>
      <c r="S34452">
        <v>31</v>
      </c>
      <c r="T34452">
        <v>33</v>
      </c>
      <c r="U34452">
        <v>34</v>
      </c>
      <c r="V34452">
        <v>35</v>
      </c>
      <c r="W34452">
        <v>36</v>
      </c>
      <c r="X34452">
        <v>38</v>
      </c>
      <c r="Y34452">
        <v>39</v>
      </c>
      <c r="Z34452">
        <v>40</v>
      </c>
      <c r="AA34452">
        <v>42</v>
      </c>
      <c r="AB34452">
        <v>43</v>
      </c>
      <c r="AC34452">
        <v>45</v>
      </c>
      <c r="AD34452">
        <v>46</v>
      </c>
      <c r="AE34452">
        <v>47</v>
      </c>
      <c r="AF34452">
        <v>48</v>
      </c>
      <c r="AG34452">
        <v>49</v>
      </c>
      <c r="AH34452">
        <v>50</v>
      </c>
      <c r="AI34452">
        <v>51</v>
      </c>
      <c r="AJ34452">
        <v>52</v>
      </c>
      <c r="AK34452">
        <v>53</v>
      </c>
      <c r="AL34452">
        <v>54</v>
      </c>
      <c r="AM34452">
        <v>55</v>
      </c>
      <c r="AN34452">
        <v>56</v>
      </c>
      <c r="AO34452">
        <v>57</v>
      </c>
      <c r="AP34452">
        <v>58</v>
      </c>
      <c r="AQ34452">
        <v>59</v>
      </c>
    </row>
    <row r="34453" spans="1:43">
      <c r="A34453" t="s">
        <v>21343</v>
      </c>
      <c r="B34453" t="s">
        <v>21344</v>
      </c>
      <c r="C34453" t="s">
        <v>21345</v>
      </c>
      <c r="D34453" t="s">
        <v>21346</v>
      </c>
      <c r="E34453" t="s">
        <v>21317</v>
      </c>
      <c r="F34453" t="s">
        <v>21318</v>
      </c>
      <c r="G34453" t="s">
        <v>20255</v>
      </c>
      <c r="H34453" t="s">
        <v>20256</v>
      </c>
      <c r="I34453" s="2">
        <v>1</v>
      </c>
      <c r="J34453" s="2">
        <v>0</v>
      </c>
      <c r="K34453" s="2">
        <v>0</v>
      </c>
      <c r="L34453" t="s">
        <v>120</v>
      </c>
      <c r="M34453" t="s">
        <v>83</v>
      </c>
      <c r="N34453" t="s">
        <v>91</v>
      </c>
      <c r="O34453" t="s">
        <v>85</v>
      </c>
      <c r="P34453" t="s">
        <v>86</v>
      </c>
      <c r="Q34453">
        <v>29</v>
      </c>
      <c r="R34453">
        <v>30</v>
      </c>
      <c r="S34453">
        <v>31</v>
      </c>
      <c r="T34453">
        <v>32</v>
      </c>
      <c r="U34453">
        <v>34</v>
      </c>
      <c r="V34453">
        <v>35</v>
      </c>
      <c r="W34453">
        <v>36</v>
      </c>
      <c r="X34453">
        <v>37</v>
      </c>
      <c r="Y34453">
        <v>38</v>
      </c>
      <c r="Z34453">
        <v>39</v>
      </c>
      <c r="AA34453">
        <v>40</v>
      </c>
      <c r="AB34453">
        <v>41</v>
      </c>
      <c r="AC34453">
        <v>43</v>
      </c>
      <c r="AD34453">
        <v>44</v>
      </c>
      <c r="AE34453">
        <v>45</v>
      </c>
      <c r="AF34453">
        <v>46</v>
      </c>
      <c r="AG34453">
        <v>48</v>
      </c>
      <c r="AH34453">
        <v>49</v>
      </c>
      <c r="AI34453">
        <v>50</v>
      </c>
      <c r="AJ34453">
        <v>52</v>
      </c>
      <c r="AK34453">
        <v>53</v>
      </c>
      <c r="AL34453">
        <v>54</v>
      </c>
      <c r="AM34453">
        <v>55</v>
      </c>
      <c r="AN34453">
        <v>56</v>
      </c>
      <c r="AO34453">
        <v>57</v>
      </c>
      <c r="AP34453">
        <v>58</v>
      </c>
      <c r="AQ34453">
        <v>59</v>
      </c>
    </row>
    <row r="34454" spans="1:43">
      <c r="A34454" t="s">
        <v>21347</v>
      </c>
      <c r="B34454" t="s">
        <v>21348</v>
      </c>
      <c r="C34454" t="s">
        <v>21345</v>
      </c>
      <c r="D34454" t="s">
        <v>21346</v>
      </c>
      <c r="E34454" t="s">
        <v>21317</v>
      </c>
      <c r="F34454" t="s">
        <v>21318</v>
      </c>
      <c r="G34454" t="s">
        <v>20255</v>
      </c>
      <c r="H34454" t="s">
        <v>20256</v>
      </c>
      <c r="I34454" s="2">
        <v>1</v>
      </c>
      <c r="J34454" s="2">
        <v>0</v>
      </c>
      <c r="K34454" s="2">
        <v>0</v>
      </c>
      <c r="L34454" t="s">
        <v>120</v>
      </c>
      <c r="M34454" t="s">
        <v>83</v>
      </c>
      <c r="N34454" t="s">
        <v>84</v>
      </c>
      <c r="O34454" t="s">
        <v>85</v>
      </c>
      <c r="P34454" t="s">
        <v>86</v>
      </c>
      <c r="Q34454">
        <v>22</v>
      </c>
      <c r="R34454">
        <v>22</v>
      </c>
      <c r="S34454">
        <v>22</v>
      </c>
      <c r="T34454">
        <v>23</v>
      </c>
      <c r="U34454">
        <v>23</v>
      </c>
      <c r="V34454">
        <v>23</v>
      </c>
      <c r="W34454">
        <v>24</v>
      </c>
      <c r="X34454">
        <v>24</v>
      </c>
      <c r="Y34454">
        <v>24</v>
      </c>
      <c r="Z34454">
        <v>25</v>
      </c>
      <c r="AA34454">
        <v>25</v>
      </c>
      <c r="AB34454">
        <v>26</v>
      </c>
      <c r="AC34454">
        <v>26</v>
      </c>
      <c r="AD34454">
        <v>26</v>
      </c>
      <c r="AE34454">
        <v>27</v>
      </c>
      <c r="AF34454">
        <v>27</v>
      </c>
      <c r="AG34454">
        <v>27</v>
      </c>
      <c r="AH34454">
        <v>28</v>
      </c>
      <c r="AI34454">
        <v>28</v>
      </c>
      <c r="AJ34454">
        <v>28</v>
      </c>
      <c r="AK34454">
        <v>29</v>
      </c>
      <c r="AL34454">
        <v>29</v>
      </c>
      <c r="AM34454">
        <v>29</v>
      </c>
      <c r="AN34454">
        <v>29</v>
      </c>
      <c r="AO34454">
        <v>29</v>
      </c>
      <c r="AP34454">
        <v>29</v>
      </c>
      <c r="AQ34454">
        <v>30</v>
      </c>
    </row>
    <row r="34455" spans="1:43">
      <c r="A34455" t="s">
        <v>21347</v>
      </c>
      <c r="B34455" t="s">
        <v>21348</v>
      </c>
      <c r="C34455" t="s">
        <v>21345</v>
      </c>
      <c r="D34455" t="s">
        <v>21346</v>
      </c>
      <c r="E34455" t="s">
        <v>21317</v>
      </c>
      <c r="F34455" t="s">
        <v>21318</v>
      </c>
      <c r="G34455" t="s">
        <v>20255</v>
      </c>
      <c r="H34455" t="s">
        <v>20256</v>
      </c>
      <c r="I34455" s="2">
        <v>1</v>
      </c>
      <c r="J34455" s="2">
        <v>0</v>
      </c>
      <c r="K34455" s="2">
        <v>0</v>
      </c>
      <c r="L34455" t="s">
        <v>120</v>
      </c>
      <c r="M34455" t="s">
        <v>87</v>
      </c>
      <c r="N34455" t="s">
        <v>88</v>
      </c>
      <c r="O34455" t="s">
        <v>85</v>
      </c>
      <c r="P34455" t="s">
        <v>86</v>
      </c>
      <c r="Q34455">
        <v>22</v>
      </c>
      <c r="R34455">
        <v>23</v>
      </c>
      <c r="S34455">
        <v>23</v>
      </c>
      <c r="T34455">
        <v>23</v>
      </c>
      <c r="U34455">
        <v>23</v>
      </c>
      <c r="V34455">
        <v>23</v>
      </c>
      <c r="W34455">
        <v>23</v>
      </c>
      <c r="X34455">
        <v>23</v>
      </c>
      <c r="Y34455">
        <v>24</v>
      </c>
      <c r="Z34455">
        <v>24</v>
      </c>
      <c r="AA34455">
        <v>24</v>
      </c>
      <c r="AB34455">
        <v>24</v>
      </c>
      <c r="AC34455">
        <v>24</v>
      </c>
      <c r="AD34455">
        <v>24</v>
      </c>
      <c r="AE34455">
        <v>25</v>
      </c>
      <c r="AF34455">
        <v>25</v>
      </c>
      <c r="AG34455">
        <v>25</v>
      </c>
      <c r="AH34455">
        <v>25</v>
      </c>
      <c r="AI34455">
        <v>25</v>
      </c>
      <c r="AJ34455">
        <v>26</v>
      </c>
      <c r="AK34455">
        <v>26</v>
      </c>
      <c r="AL34455">
        <v>26</v>
      </c>
      <c r="AM34455">
        <v>26</v>
      </c>
      <c r="AN34455">
        <v>26</v>
      </c>
      <c r="AO34455">
        <v>26</v>
      </c>
      <c r="AP34455">
        <v>27</v>
      </c>
      <c r="AQ34455">
        <v>27</v>
      </c>
    </row>
    <row r="34456" spans="1:43">
      <c r="A34456" t="s">
        <v>21347</v>
      </c>
      <c r="B34456" t="s">
        <v>21348</v>
      </c>
      <c r="C34456" t="s">
        <v>21345</v>
      </c>
      <c r="D34456" t="s">
        <v>21346</v>
      </c>
      <c r="E34456" t="s">
        <v>21317</v>
      </c>
      <c r="F34456" t="s">
        <v>21318</v>
      </c>
      <c r="G34456" t="s">
        <v>20255</v>
      </c>
      <c r="H34456" t="s">
        <v>20256</v>
      </c>
      <c r="I34456" s="2">
        <v>1</v>
      </c>
      <c r="J34456" s="2">
        <v>0</v>
      </c>
      <c r="K34456" s="2">
        <v>0</v>
      </c>
      <c r="L34456" t="s">
        <v>120</v>
      </c>
      <c r="M34456" t="s">
        <v>89</v>
      </c>
      <c r="N34456" t="s">
        <v>90</v>
      </c>
      <c r="O34456" t="s">
        <v>85</v>
      </c>
      <c r="P34456" t="s">
        <v>86</v>
      </c>
      <c r="Q34456">
        <v>22</v>
      </c>
      <c r="R34456">
        <v>22</v>
      </c>
      <c r="S34456">
        <v>23</v>
      </c>
      <c r="T34456">
        <v>23</v>
      </c>
      <c r="U34456">
        <v>24</v>
      </c>
      <c r="V34456">
        <v>24</v>
      </c>
      <c r="W34456">
        <v>25</v>
      </c>
      <c r="X34456">
        <v>25</v>
      </c>
      <c r="Y34456">
        <v>26</v>
      </c>
      <c r="Z34456">
        <v>26</v>
      </c>
      <c r="AA34456">
        <v>27</v>
      </c>
      <c r="AB34456">
        <v>27</v>
      </c>
      <c r="AC34456">
        <v>28</v>
      </c>
      <c r="AD34456">
        <v>28</v>
      </c>
      <c r="AE34456">
        <v>28</v>
      </c>
      <c r="AF34456">
        <v>29</v>
      </c>
      <c r="AG34456">
        <v>29</v>
      </c>
      <c r="AH34456">
        <v>29</v>
      </c>
      <c r="AI34456">
        <v>29</v>
      </c>
      <c r="AJ34456">
        <v>29</v>
      </c>
      <c r="AK34456">
        <v>29</v>
      </c>
      <c r="AL34456">
        <v>29</v>
      </c>
      <c r="AM34456">
        <v>29</v>
      </c>
      <c r="AN34456">
        <v>30</v>
      </c>
      <c r="AO34456">
        <v>30</v>
      </c>
      <c r="AP34456">
        <v>30</v>
      </c>
      <c r="AQ34456">
        <v>30</v>
      </c>
    </row>
    <row r="34457" spans="1:43">
      <c r="A34457" t="s">
        <v>21347</v>
      </c>
      <c r="B34457" t="s">
        <v>21348</v>
      </c>
      <c r="C34457" t="s">
        <v>21345</v>
      </c>
      <c r="D34457" t="s">
        <v>21346</v>
      </c>
      <c r="E34457" t="s">
        <v>21317</v>
      </c>
      <c r="F34457" t="s">
        <v>21318</v>
      </c>
      <c r="G34457" t="s">
        <v>20255</v>
      </c>
      <c r="H34457" t="s">
        <v>20256</v>
      </c>
      <c r="I34457" s="2">
        <v>1</v>
      </c>
      <c r="J34457" s="2">
        <v>0</v>
      </c>
      <c r="K34457" s="2">
        <v>0</v>
      </c>
      <c r="L34457" t="s">
        <v>120</v>
      </c>
      <c r="M34457" t="s">
        <v>83</v>
      </c>
      <c r="N34457" t="s">
        <v>91</v>
      </c>
      <c r="O34457" t="s">
        <v>85</v>
      </c>
      <c r="P34457" t="s">
        <v>86</v>
      </c>
      <c r="Q34457">
        <v>22</v>
      </c>
      <c r="R34457">
        <v>22</v>
      </c>
      <c r="S34457">
        <v>22</v>
      </c>
      <c r="T34457">
        <v>23</v>
      </c>
      <c r="U34457">
        <v>23</v>
      </c>
      <c r="V34457">
        <v>23</v>
      </c>
      <c r="W34457">
        <v>24</v>
      </c>
      <c r="X34457">
        <v>24</v>
      </c>
      <c r="Y34457">
        <v>24</v>
      </c>
      <c r="Z34457">
        <v>25</v>
      </c>
      <c r="AA34457">
        <v>25</v>
      </c>
      <c r="AB34457">
        <v>26</v>
      </c>
      <c r="AC34457">
        <v>26</v>
      </c>
      <c r="AD34457">
        <v>26</v>
      </c>
      <c r="AE34457">
        <v>27</v>
      </c>
      <c r="AF34457">
        <v>27</v>
      </c>
      <c r="AG34457">
        <v>27</v>
      </c>
      <c r="AH34457">
        <v>28</v>
      </c>
      <c r="AI34457">
        <v>28</v>
      </c>
      <c r="AJ34457">
        <v>28</v>
      </c>
      <c r="AK34457">
        <v>29</v>
      </c>
      <c r="AL34457">
        <v>29</v>
      </c>
      <c r="AM34457">
        <v>29</v>
      </c>
      <c r="AN34457">
        <v>29</v>
      </c>
      <c r="AO34457">
        <v>29</v>
      </c>
      <c r="AP34457">
        <v>29</v>
      </c>
      <c r="AQ34457">
        <v>30</v>
      </c>
    </row>
    <row r="34458" spans="1:43">
      <c r="A34458" t="s">
        <v>21349</v>
      </c>
      <c r="B34458" t="s">
        <v>21350</v>
      </c>
      <c r="C34458" t="s">
        <v>21351</v>
      </c>
      <c r="D34458" t="s">
        <v>21352</v>
      </c>
      <c r="E34458" t="s">
        <v>21317</v>
      </c>
      <c r="F34458" t="s">
        <v>21318</v>
      </c>
      <c r="G34458" t="s">
        <v>20255</v>
      </c>
      <c r="H34458" t="s">
        <v>20256</v>
      </c>
      <c r="I34458" s="2">
        <v>1</v>
      </c>
      <c r="J34458" s="2">
        <v>0</v>
      </c>
      <c r="K34458" s="2">
        <v>0</v>
      </c>
      <c r="L34458" t="s">
        <v>120</v>
      </c>
      <c r="M34458" t="s">
        <v>83</v>
      </c>
      <c r="N34458" t="s">
        <v>84</v>
      </c>
      <c r="O34458" t="s">
        <v>85</v>
      </c>
      <c r="P34458" t="s">
        <v>86</v>
      </c>
      <c r="Q34458">
        <v>43</v>
      </c>
      <c r="R34458">
        <v>45</v>
      </c>
      <c r="S34458">
        <v>46</v>
      </c>
      <c r="T34458">
        <v>48</v>
      </c>
      <c r="U34458">
        <v>49</v>
      </c>
      <c r="V34458">
        <v>51</v>
      </c>
      <c r="W34458">
        <v>53</v>
      </c>
      <c r="X34458">
        <v>54</v>
      </c>
      <c r="Y34458">
        <v>56</v>
      </c>
      <c r="Z34458">
        <v>58</v>
      </c>
      <c r="AA34458">
        <v>59</v>
      </c>
      <c r="AB34458">
        <v>61</v>
      </c>
      <c r="AC34458">
        <v>63</v>
      </c>
      <c r="AD34458">
        <v>65</v>
      </c>
      <c r="AE34458">
        <v>66</v>
      </c>
      <c r="AF34458">
        <v>68</v>
      </c>
      <c r="AG34458">
        <v>70</v>
      </c>
      <c r="AH34458">
        <v>72</v>
      </c>
      <c r="AI34458">
        <v>74</v>
      </c>
      <c r="AJ34458">
        <v>76</v>
      </c>
      <c r="AK34458">
        <v>78</v>
      </c>
      <c r="AL34458">
        <v>80</v>
      </c>
      <c r="AM34458">
        <v>81</v>
      </c>
      <c r="AN34458">
        <v>83</v>
      </c>
      <c r="AO34458">
        <v>84</v>
      </c>
      <c r="AP34458">
        <v>86</v>
      </c>
      <c r="AQ34458">
        <v>87</v>
      </c>
    </row>
    <row r="34459" spans="1:43">
      <c r="A34459" t="s">
        <v>21349</v>
      </c>
      <c r="B34459" t="s">
        <v>21350</v>
      </c>
      <c r="C34459" t="s">
        <v>21351</v>
      </c>
      <c r="D34459" t="s">
        <v>21352</v>
      </c>
      <c r="E34459" t="s">
        <v>21317</v>
      </c>
      <c r="F34459" t="s">
        <v>21318</v>
      </c>
      <c r="G34459" t="s">
        <v>20255</v>
      </c>
      <c r="H34459" t="s">
        <v>20256</v>
      </c>
      <c r="I34459" s="2">
        <v>1</v>
      </c>
      <c r="J34459" s="2">
        <v>0</v>
      </c>
      <c r="K34459" s="2">
        <v>0</v>
      </c>
      <c r="L34459" t="s">
        <v>120</v>
      </c>
      <c r="M34459" t="s">
        <v>87</v>
      </c>
      <c r="N34459" t="s">
        <v>88</v>
      </c>
      <c r="O34459" t="s">
        <v>85</v>
      </c>
      <c r="P34459" t="s">
        <v>86</v>
      </c>
      <c r="Q34459">
        <v>43</v>
      </c>
      <c r="R34459">
        <v>44</v>
      </c>
      <c r="S34459">
        <v>45</v>
      </c>
      <c r="T34459">
        <v>46</v>
      </c>
      <c r="U34459">
        <v>47</v>
      </c>
      <c r="V34459">
        <v>48</v>
      </c>
      <c r="W34459">
        <v>49</v>
      </c>
      <c r="X34459">
        <v>51</v>
      </c>
      <c r="Y34459">
        <v>52</v>
      </c>
      <c r="Z34459">
        <v>53</v>
      </c>
      <c r="AA34459">
        <v>54</v>
      </c>
      <c r="AB34459">
        <v>55</v>
      </c>
      <c r="AC34459">
        <v>57</v>
      </c>
      <c r="AD34459">
        <v>58</v>
      </c>
      <c r="AE34459">
        <v>59</v>
      </c>
      <c r="AF34459">
        <v>60</v>
      </c>
      <c r="AG34459">
        <v>62</v>
      </c>
      <c r="AH34459">
        <v>63</v>
      </c>
      <c r="AI34459">
        <v>64</v>
      </c>
      <c r="AJ34459">
        <v>66</v>
      </c>
      <c r="AK34459">
        <v>67</v>
      </c>
      <c r="AL34459">
        <v>69</v>
      </c>
      <c r="AM34459">
        <v>70</v>
      </c>
      <c r="AN34459">
        <v>72</v>
      </c>
      <c r="AO34459">
        <v>73</v>
      </c>
      <c r="AP34459">
        <v>75</v>
      </c>
      <c r="AQ34459">
        <v>76</v>
      </c>
    </row>
    <row r="34460" spans="1:43">
      <c r="A34460" t="s">
        <v>21349</v>
      </c>
      <c r="B34460" t="s">
        <v>21350</v>
      </c>
      <c r="C34460" t="s">
        <v>21351</v>
      </c>
      <c r="D34460" t="s">
        <v>21352</v>
      </c>
      <c r="E34460" t="s">
        <v>21317</v>
      </c>
      <c r="F34460" t="s">
        <v>21318</v>
      </c>
      <c r="G34460" t="s">
        <v>20255</v>
      </c>
      <c r="H34460" t="s">
        <v>20256</v>
      </c>
      <c r="I34460" s="2">
        <v>1</v>
      </c>
      <c r="J34460" s="2">
        <v>0</v>
      </c>
      <c r="K34460" s="2">
        <v>0</v>
      </c>
      <c r="L34460" t="s">
        <v>120</v>
      </c>
      <c r="M34460" t="s">
        <v>89</v>
      </c>
      <c r="N34460" t="s">
        <v>90</v>
      </c>
      <c r="O34460" t="s">
        <v>85</v>
      </c>
      <c r="P34460" t="s">
        <v>86</v>
      </c>
      <c r="Q34460">
        <v>43</v>
      </c>
      <c r="R34460">
        <v>45</v>
      </c>
      <c r="S34460">
        <v>46</v>
      </c>
      <c r="T34460">
        <v>48</v>
      </c>
      <c r="U34460">
        <v>50</v>
      </c>
      <c r="V34460">
        <v>52</v>
      </c>
      <c r="W34460">
        <v>54</v>
      </c>
      <c r="X34460">
        <v>56</v>
      </c>
      <c r="Y34460">
        <v>58</v>
      </c>
      <c r="Z34460">
        <v>60</v>
      </c>
      <c r="AA34460">
        <v>62</v>
      </c>
      <c r="AB34460">
        <v>64</v>
      </c>
      <c r="AC34460">
        <v>66</v>
      </c>
      <c r="AD34460">
        <v>68</v>
      </c>
      <c r="AE34460">
        <v>70</v>
      </c>
      <c r="AF34460">
        <v>71</v>
      </c>
      <c r="AG34460">
        <v>73</v>
      </c>
      <c r="AH34460">
        <v>74</v>
      </c>
      <c r="AI34460">
        <v>75</v>
      </c>
      <c r="AJ34460">
        <v>77</v>
      </c>
      <c r="AK34460">
        <v>78</v>
      </c>
      <c r="AL34460">
        <v>80</v>
      </c>
      <c r="AM34460">
        <v>81</v>
      </c>
      <c r="AN34460">
        <v>82</v>
      </c>
      <c r="AO34460">
        <v>84</v>
      </c>
      <c r="AP34460">
        <v>85</v>
      </c>
      <c r="AQ34460">
        <v>87</v>
      </c>
    </row>
    <row r="34461" spans="1:43">
      <c r="A34461" t="s">
        <v>21349</v>
      </c>
      <c r="B34461" t="s">
        <v>21350</v>
      </c>
      <c r="C34461" t="s">
        <v>21351</v>
      </c>
      <c r="D34461" t="s">
        <v>21352</v>
      </c>
      <c r="E34461" t="s">
        <v>21317</v>
      </c>
      <c r="F34461" t="s">
        <v>21318</v>
      </c>
      <c r="G34461" t="s">
        <v>20255</v>
      </c>
      <c r="H34461" t="s">
        <v>20256</v>
      </c>
      <c r="I34461" s="2">
        <v>1</v>
      </c>
      <c r="J34461" s="2">
        <v>0</v>
      </c>
      <c r="K34461" s="2">
        <v>0</v>
      </c>
      <c r="L34461" t="s">
        <v>120</v>
      </c>
      <c r="M34461" t="s">
        <v>83</v>
      </c>
      <c r="N34461" t="s">
        <v>91</v>
      </c>
      <c r="O34461" t="s">
        <v>85</v>
      </c>
      <c r="P34461" t="s">
        <v>86</v>
      </c>
      <c r="Q34461">
        <v>43</v>
      </c>
      <c r="R34461">
        <v>45</v>
      </c>
      <c r="S34461">
        <v>46</v>
      </c>
      <c r="T34461">
        <v>48</v>
      </c>
      <c r="U34461">
        <v>49</v>
      </c>
      <c r="V34461">
        <v>51</v>
      </c>
      <c r="W34461">
        <v>53</v>
      </c>
      <c r="X34461">
        <v>54</v>
      </c>
      <c r="Y34461">
        <v>56</v>
      </c>
      <c r="Z34461">
        <v>58</v>
      </c>
      <c r="AA34461">
        <v>59</v>
      </c>
      <c r="AB34461">
        <v>61</v>
      </c>
      <c r="AC34461">
        <v>63</v>
      </c>
      <c r="AD34461">
        <v>65</v>
      </c>
      <c r="AE34461">
        <v>66</v>
      </c>
      <c r="AF34461">
        <v>68</v>
      </c>
      <c r="AG34461">
        <v>70</v>
      </c>
      <c r="AH34461">
        <v>72</v>
      </c>
      <c r="AI34461">
        <v>74</v>
      </c>
      <c r="AJ34461">
        <v>76</v>
      </c>
      <c r="AK34461">
        <v>78</v>
      </c>
      <c r="AL34461">
        <v>80</v>
      </c>
      <c r="AM34461">
        <v>81</v>
      </c>
      <c r="AN34461">
        <v>83</v>
      </c>
      <c r="AO34461">
        <v>84</v>
      </c>
      <c r="AP34461">
        <v>86</v>
      </c>
      <c r="AQ34461">
        <v>87</v>
      </c>
    </row>
    <row r="34462" spans="1:43">
      <c r="A34462" t="s">
        <v>21353</v>
      </c>
      <c r="B34462" t="s">
        <v>21354</v>
      </c>
      <c r="C34462" t="s">
        <v>21351</v>
      </c>
      <c r="D34462" t="s">
        <v>21352</v>
      </c>
      <c r="E34462" t="s">
        <v>21317</v>
      </c>
      <c r="F34462" t="s">
        <v>21318</v>
      </c>
      <c r="G34462" t="s">
        <v>20255</v>
      </c>
      <c r="H34462" t="s">
        <v>20256</v>
      </c>
      <c r="I34462" s="2">
        <v>1</v>
      </c>
      <c r="J34462" s="2">
        <v>0</v>
      </c>
      <c r="K34462" s="2">
        <v>0</v>
      </c>
      <c r="L34462" t="s">
        <v>120</v>
      </c>
      <c r="M34462" t="s">
        <v>83</v>
      </c>
      <c r="N34462" t="s">
        <v>84</v>
      </c>
      <c r="O34462" t="s">
        <v>85</v>
      </c>
      <c r="P34462" t="s">
        <v>86</v>
      </c>
      <c r="Q34462">
        <v>50</v>
      </c>
      <c r="R34462">
        <v>52</v>
      </c>
      <c r="S34462">
        <v>53</v>
      </c>
      <c r="T34462">
        <v>55</v>
      </c>
      <c r="U34462">
        <v>57</v>
      </c>
      <c r="V34462">
        <v>59</v>
      </c>
      <c r="W34462">
        <v>61</v>
      </c>
      <c r="X34462">
        <v>63</v>
      </c>
      <c r="Y34462">
        <v>64</v>
      </c>
      <c r="Z34462">
        <v>66</v>
      </c>
      <c r="AA34462">
        <v>68</v>
      </c>
      <c r="AB34462">
        <v>70</v>
      </c>
      <c r="AC34462">
        <v>72</v>
      </c>
      <c r="AD34462">
        <v>74</v>
      </c>
      <c r="AE34462">
        <v>77</v>
      </c>
      <c r="AF34462">
        <v>79</v>
      </c>
      <c r="AG34462">
        <v>81</v>
      </c>
      <c r="AH34462">
        <v>83</v>
      </c>
      <c r="AI34462">
        <v>85</v>
      </c>
      <c r="AJ34462">
        <v>88</v>
      </c>
      <c r="AK34462">
        <v>90</v>
      </c>
      <c r="AL34462">
        <v>92</v>
      </c>
      <c r="AM34462">
        <v>94</v>
      </c>
      <c r="AN34462">
        <v>95</v>
      </c>
      <c r="AO34462">
        <v>97</v>
      </c>
      <c r="AP34462">
        <v>99</v>
      </c>
      <c r="AQ34462">
        <v>100</v>
      </c>
    </row>
    <row r="34463" spans="1:43">
      <c r="A34463" t="s">
        <v>21353</v>
      </c>
      <c r="B34463" t="s">
        <v>21354</v>
      </c>
      <c r="C34463" t="s">
        <v>21351</v>
      </c>
      <c r="D34463" t="s">
        <v>21352</v>
      </c>
      <c r="E34463" t="s">
        <v>21317</v>
      </c>
      <c r="F34463" t="s">
        <v>21318</v>
      </c>
      <c r="G34463" t="s">
        <v>20255</v>
      </c>
      <c r="H34463" t="s">
        <v>20256</v>
      </c>
      <c r="I34463" s="2">
        <v>1</v>
      </c>
      <c r="J34463" s="2">
        <v>0</v>
      </c>
      <c r="K34463" s="2">
        <v>0</v>
      </c>
      <c r="L34463" t="s">
        <v>120</v>
      </c>
      <c r="M34463" t="s">
        <v>87</v>
      </c>
      <c r="N34463" t="s">
        <v>88</v>
      </c>
      <c r="O34463" t="s">
        <v>85</v>
      </c>
      <c r="P34463" t="s">
        <v>86</v>
      </c>
      <c r="Q34463">
        <v>50</v>
      </c>
      <c r="R34463">
        <v>52</v>
      </c>
      <c r="S34463">
        <v>53</v>
      </c>
      <c r="T34463">
        <v>54</v>
      </c>
      <c r="U34463">
        <v>55</v>
      </c>
      <c r="V34463">
        <v>57</v>
      </c>
      <c r="W34463">
        <v>58</v>
      </c>
      <c r="X34463">
        <v>59</v>
      </c>
      <c r="Y34463">
        <v>61</v>
      </c>
      <c r="Z34463">
        <v>62</v>
      </c>
      <c r="AA34463">
        <v>63</v>
      </c>
      <c r="AB34463">
        <v>65</v>
      </c>
      <c r="AC34463">
        <v>66</v>
      </c>
      <c r="AD34463">
        <v>68</v>
      </c>
      <c r="AE34463">
        <v>69</v>
      </c>
      <c r="AF34463">
        <v>71</v>
      </c>
      <c r="AG34463">
        <v>72</v>
      </c>
      <c r="AH34463">
        <v>74</v>
      </c>
      <c r="AI34463">
        <v>75</v>
      </c>
      <c r="AJ34463">
        <v>77</v>
      </c>
      <c r="AK34463">
        <v>78</v>
      </c>
      <c r="AL34463">
        <v>80</v>
      </c>
      <c r="AM34463">
        <v>82</v>
      </c>
      <c r="AN34463">
        <v>83</v>
      </c>
      <c r="AO34463">
        <v>85</v>
      </c>
      <c r="AP34463">
        <v>87</v>
      </c>
      <c r="AQ34463">
        <v>89</v>
      </c>
    </row>
    <row r="34464" spans="1:43">
      <c r="A34464" t="s">
        <v>21353</v>
      </c>
      <c r="B34464" t="s">
        <v>21354</v>
      </c>
      <c r="C34464" t="s">
        <v>21351</v>
      </c>
      <c r="D34464" t="s">
        <v>21352</v>
      </c>
      <c r="E34464" t="s">
        <v>21317</v>
      </c>
      <c r="F34464" t="s">
        <v>21318</v>
      </c>
      <c r="G34464" t="s">
        <v>20255</v>
      </c>
      <c r="H34464" t="s">
        <v>20256</v>
      </c>
      <c r="I34464" s="2">
        <v>1</v>
      </c>
      <c r="J34464" s="2">
        <v>0</v>
      </c>
      <c r="K34464" s="2">
        <v>0</v>
      </c>
      <c r="L34464" t="s">
        <v>120</v>
      </c>
      <c r="M34464" t="s">
        <v>89</v>
      </c>
      <c r="N34464" t="s">
        <v>90</v>
      </c>
      <c r="O34464" t="s">
        <v>85</v>
      </c>
      <c r="P34464" t="s">
        <v>86</v>
      </c>
      <c r="Q34464">
        <v>50</v>
      </c>
      <c r="R34464">
        <v>52</v>
      </c>
      <c r="S34464">
        <v>55</v>
      </c>
      <c r="T34464">
        <v>57</v>
      </c>
      <c r="U34464">
        <v>59</v>
      </c>
      <c r="V34464">
        <v>61</v>
      </c>
      <c r="W34464">
        <v>63</v>
      </c>
      <c r="X34464">
        <v>66</v>
      </c>
      <c r="Y34464">
        <v>68</v>
      </c>
      <c r="Z34464">
        <v>70</v>
      </c>
      <c r="AA34464">
        <v>73</v>
      </c>
      <c r="AB34464">
        <v>75</v>
      </c>
      <c r="AC34464">
        <v>77</v>
      </c>
      <c r="AD34464">
        <v>80</v>
      </c>
      <c r="AE34464">
        <v>82</v>
      </c>
      <c r="AF34464">
        <v>83</v>
      </c>
      <c r="AG34464">
        <v>85</v>
      </c>
      <c r="AH34464">
        <v>86</v>
      </c>
      <c r="AI34464">
        <v>88</v>
      </c>
      <c r="AJ34464">
        <v>90</v>
      </c>
      <c r="AK34464">
        <v>91</v>
      </c>
      <c r="AL34464">
        <v>93</v>
      </c>
      <c r="AM34464">
        <v>94</v>
      </c>
      <c r="AN34464">
        <v>96</v>
      </c>
      <c r="AO34464">
        <v>98</v>
      </c>
      <c r="AP34464">
        <v>99</v>
      </c>
      <c r="AQ34464">
        <v>101</v>
      </c>
    </row>
    <row r="34465" spans="1:43">
      <c r="A34465" t="s">
        <v>21353</v>
      </c>
      <c r="B34465" t="s">
        <v>21354</v>
      </c>
      <c r="C34465" t="s">
        <v>21351</v>
      </c>
      <c r="D34465" t="s">
        <v>21352</v>
      </c>
      <c r="E34465" t="s">
        <v>21317</v>
      </c>
      <c r="F34465" t="s">
        <v>21318</v>
      </c>
      <c r="G34465" t="s">
        <v>20255</v>
      </c>
      <c r="H34465" t="s">
        <v>20256</v>
      </c>
      <c r="I34465" s="2">
        <v>1</v>
      </c>
      <c r="J34465" s="2">
        <v>0</v>
      </c>
      <c r="K34465" s="2">
        <v>0</v>
      </c>
      <c r="L34465" t="s">
        <v>120</v>
      </c>
      <c r="M34465" t="s">
        <v>83</v>
      </c>
      <c r="N34465" t="s">
        <v>91</v>
      </c>
      <c r="O34465" t="s">
        <v>85</v>
      </c>
      <c r="P34465" t="s">
        <v>86</v>
      </c>
      <c r="Q34465">
        <v>50</v>
      </c>
      <c r="R34465">
        <v>52</v>
      </c>
      <c r="S34465">
        <v>53</v>
      </c>
      <c r="T34465">
        <v>55</v>
      </c>
      <c r="U34465">
        <v>57</v>
      </c>
      <c r="V34465">
        <v>59</v>
      </c>
      <c r="W34465">
        <v>61</v>
      </c>
      <c r="X34465">
        <v>63</v>
      </c>
      <c r="Y34465">
        <v>64</v>
      </c>
      <c r="Z34465">
        <v>66</v>
      </c>
      <c r="AA34465">
        <v>68</v>
      </c>
      <c r="AB34465">
        <v>70</v>
      </c>
      <c r="AC34465">
        <v>72</v>
      </c>
      <c r="AD34465">
        <v>74</v>
      </c>
      <c r="AE34465">
        <v>77</v>
      </c>
      <c r="AF34465">
        <v>79</v>
      </c>
      <c r="AG34465">
        <v>81</v>
      </c>
      <c r="AH34465">
        <v>83</v>
      </c>
      <c r="AI34465">
        <v>85</v>
      </c>
      <c r="AJ34465">
        <v>88</v>
      </c>
      <c r="AK34465">
        <v>90</v>
      </c>
      <c r="AL34465">
        <v>92</v>
      </c>
      <c r="AM34465">
        <v>94</v>
      </c>
      <c r="AN34465">
        <v>95</v>
      </c>
      <c r="AO34465">
        <v>97</v>
      </c>
      <c r="AP34465">
        <v>99</v>
      </c>
      <c r="AQ34465">
        <v>100</v>
      </c>
    </row>
    <row r="34466" spans="1:43">
      <c r="A34466" t="s">
        <v>21355</v>
      </c>
      <c r="B34466" t="s">
        <v>21356</v>
      </c>
      <c r="C34466" t="s">
        <v>21357</v>
      </c>
      <c r="D34466" t="s">
        <v>21358</v>
      </c>
      <c r="E34466" t="s">
        <v>21317</v>
      </c>
      <c r="F34466" t="s">
        <v>21318</v>
      </c>
      <c r="G34466" t="s">
        <v>20255</v>
      </c>
      <c r="H34466" t="s">
        <v>20256</v>
      </c>
      <c r="I34466" s="2">
        <v>1</v>
      </c>
      <c r="J34466" s="2">
        <v>0</v>
      </c>
      <c r="K34466" s="2">
        <v>0</v>
      </c>
      <c r="L34466" t="s">
        <v>120</v>
      </c>
      <c r="M34466" t="s">
        <v>83</v>
      </c>
      <c r="N34466" t="s">
        <v>84</v>
      </c>
      <c r="O34466" t="s">
        <v>85</v>
      </c>
      <c r="P34466" t="s">
        <v>86</v>
      </c>
      <c r="Q34466">
        <v>44</v>
      </c>
      <c r="R34466">
        <v>46</v>
      </c>
      <c r="S34466">
        <v>47</v>
      </c>
      <c r="T34466">
        <v>49</v>
      </c>
      <c r="U34466">
        <v>50</v>
      </c>
      <c r="V34466">
        <v>52</v>
      </c>
      <c r="W34466">
        <v>54</v>
      </c>
      <c r="X34466">
        <v>55</v>
      </c>
      <c r="Y34466">
        <v>57</v>
      </c>
      <c r="Z34466">
        <v>59</v>
      </c>
      <c r="AA34466">
        <v>61</v>
      </c>
      <c r="AB34466">
        <v>62</v>
      </c>
      <c r="AC34466">
        <v>64</v>
      </c>
      <c r="AD34466">
        <v>66</v>
      </c>
      <c r="AE34466">
        <v>68</v>
      </c>
      <c r="AF34466">
        <v>70</v>
      </c>
      <c r="AG34466">
        <v>72</v>
      </c>
      <c r="AH34466">
        <v>74</v>
      </c>
      <c r="AI34466">
        <v>76</v>
      </c>
      <c r="AJ34466">
        <v>78</v>
      </c>
      <c r="AK34466">
        <v>80</v>
      </c>
      <c r="AL34466">
        <v>82</v>
      </c>
      <c r="AM34466">
        <v>83</v>
      </c>
      <c r="AN34466">
        <v>85</v>
      </c>
      <c r="AO34466">
        <v>86</v>
      </c>
      <c r="AP34466">
        <v>88</v>
      </c>
      <c r="AQ34466">
        <v>89</v>
      </c>
    </row>
    <row r="34467" spans="1:43">
      <c r="A34467" t="s">
        <v>21355</v>
      </c>
      <c r="B34467" t="s">
        <v>21356</v>
      </c>
      <c r="C34467" t="s">
        <v>21357</v>
      </c>
      <c r="D34467" t="s">
        <v>21358</v>
      </c>
      <c r="E34467" t="s">
        <v>21317</v>
      </c>
      <c r="F34467" t="s">
        <v>21318</v>
      </c>
      <c r="G34467" t="s">
        <v>20255</v>
      </c>
      <c r="H34467" t="s">
        <v>20256</v>
      </c>
      <c r="I34467" s="2">
        <v>1</v>
      </c>
      <c r="J34467" s="2">
        <v>0</v>
      </c>
      <c r="K34467" s="2">
        <v>0</v>
      </c>
      <c r="L34467" t="s">
        <v>120</v>
      </c>
      <c r="M34467" t="s">
        <v>87</v>
      </c>
      <c r="N34467" t="s">
        <v>88</v>
      </c>
      <c r="O34467" t="s">
        <v>85</v>
      </c>
      <c r="P34467" t="s">
        <v>86</v>
      </c>
      <c r="Q34467">
        <v>44</v>
      </c>
      <c r="R34467">
        <v>45</v>
      </c>
      <c r="S34467">
        <v>46</v>
      </c>
      <c r="T34467">
        <v>47</v>
      </c>
      <c r="U34467">
        <v>48</v>
      </c>
      <c r="V34467">
        <v>49</v>
      </c>
      <c r="W34467">
        <v>50</v>
      </c>
      <c r="X34467">
        <v>52</v>
      </c>
      <c r="Y34467">
        <v>53</v>
      </c>
      <c r="Z34467">
        <v>54</v>
      </c>
      <c r="AA34467">
        <v>55</v>
      </c>
      <c r="AB34467">
        <v>57</v>
      </c>
      <c r="AC34467">
        <v>58</v>
      </c>
      <c r="AD34467">
        <v>59</v>
      </c>
      <c r="AE34467">
        <v>60</v>
      </c>
      <c r="AF34467">
        <v>62</v>
      </c>
      <c r="AG34467">
        <v>63</v>
      </c>
      <c r="AH34467">
        <v>64</v>
      </c>
      <c r="AI34467">
        <v>66</v>
      </c>
      <c r="AJ34467">
        <v>67</v>
      </c>
      <c r="AK34467">
        <v>69</v>
      </c>
      <c r="AL34467">
        <v>70</v>
      </c>
      <c r="AM34467">
        <v>72</v>
      </c>
      <c r="AN34467">
        <v>73</v>
      </c>
      <c r="AO34467">
        <v>75</v>
      </c>
      <c r="AP34467">
        <v>76</v>
      </c>
      <c r="AQ34467">
        <v>78</v>
      </c>
    </row>
    <row r="34468" spans="1:43">
      <c r="A34468" t="s">
        <v>21355</v>
      </c>
      <c r="B34468" t="s">
        <v>21356</v>
      </c>
      <c r="C34468" t="s">
        <v>21357</v>
      </c>
      <c r="D34468" t="s">
        <v>21358</v>
      </c>
      <c r="E34468" t="s">
        <v>21317</v>
      </c>
      <c r="F34468" t="s">
        <v>21318</v>
      </c>
      <c r="G34468" t="s">
        <v>20255</v>
      </c>
      <c r="H34468" t="s">
        <v>20256</v>
      </c>
      <c r="I34468" s="2">
        <v>1</v>
      </c>
      <c r="J34468" s="2">
        <v>0</v>
      </c>
      <c r="K34468" s="2">
        <v>0</v>
      </c>
      <c r="L34468" t="s">
        <v>120</v>
      </c>
      <c r="M34468" t="s">
        <v>89</v>
      </c>
      <c r="N34468" t="s">
        <v>90</v>
      </c>
      <c r="O34468" t="s">
        <v>85</v>
      </c>
      <c r="P34468" t="s">
        <v>86</v>
      </c>
      <c r="Q34468">
        <v>44</v>
      </c>
      <c r="R34468">
        <v>46</v>
      </c>
      <c r="S34468">
        <v>47</v>
      </c>
      <c r="T34468">
        <v>49</v>
      </c>
      <c r="U34468">
        <v>51</v>
      </c>
      <c r="V34468">
        <v>53</v>
      </c>
      <c r="W34468">
        <v>55</v>
      </c>
      <c r="X34468">
        <v>57</v>
      </c>
      <c r="Y34468">
        <v>59</v>
      </c>
      <c r="Z34468">
        <v>61</v>
      </c>
      <c r="AA34468">
        <v>63</v>
      </c>
      <c r="AB34468">
        <v>66</v>
      </c>
      <c r="AC34468">
        <v>68</v>
      </c>
      <c r="AD34468">
        <v>70</v>
      </c>
      <c r="AE34468">
        <v>72</v>
      </c>
      <c r="AF34468">
        <v>73</v>
      </c>
      <c r="AG34468">
        <v>75</v>
      </c>
      <c r="AH34468">
        <v>76</v>
      </c>
      <c r="AI34468">
        <v>77</v>
      </c>
      <c r="AJ34468">
        <v>79</v>
      </c>
      <c r="AK34468">
        <v>80</v>
      </c>
      <c r="AL34468">
        <v>82</v>
      </c>
      <c r="AM34468">
        <v>83</v>
      </c>
      <c r="AN34468">
        <v>85</v>
      </c>
      <c r="AO34468">
        <v>86</v>
      </c>
      <c r="AP34468">
        <v>88</v>
      </c>
      <c r="AQ34468">
        <v>89</v>
      </c>
    </row>
    <row r="34469" spans="1:43">
      <c r="A34469" t="s">
        <v>21355</v>
      </c>
      <c r="B34469" t="s">
        <v>21356</v>
      </c>
      <c r="C34469" t="s">
        <v>21357</v>
      </c>
      <c r="D34469" t="s">
        <v>21358</v>
      </c>
      <c r="E34469" t="s">
        <v>21317</v>
      </c>
      <c r="F34469" t="s">
        <v>21318</v>
      </c>
      <c r="G34469" t="s">
        <v>20255</v>
      </c>
      <c r="H34469" t="s">
        <v>20256</v>
      </c>
      <c r="I34469" s="2">
        <v>1</v>
      </c>
      <c r="J34469" s="2">
        <v>0</v>
      </c>
      <c r="K34469" s="2">
        <v>0</v>
      </c>
      <c r="L34469" t="s">
        <v>120</v>
      </c>
      <c r="M34469" t="s">
        <v>83</v>
      </c>
      <c r="N34469" t="s">
        <v>91</v>
      </c>
      <c r="O34469" t="s">
        <v>85</v>
      </c>
      <c r="P34469" t="s">
        <v>86</v>
      </c>
      <c r="Q34469">
        <v>44</v>
      </c>
      <c r="R34469">
        <v>46</v>
      </c>
      <c r="S34469">
        <v>47</v>
      </c>
      <c r="T34469">
        <v>49</v>
      </c>
      <c r="U34469">
        <v>50</v>
      </c>
      <c r="V34469">
        <v>52</v>
      </c>
      <c r="W34469">
        <v>54</v>
      </c>
      <c r="X34469">
        <v>55</v>
      </c>
      <c r="Y34469">
        <v>57</v>
      </c>
      <c r="Z34469">
        <v>59</v>
      </c>
      <c r="AA34469">
        <v>61</v>
      </c>
      <c r="AB34469">
        <v>62</v>
      </c>
      <c r="AC34469">
        <v>64</v>
      </c>
      <c r="AD34469">
        <v>66</v>
      </c>
      <c r="AE34469">
        <v>68</v>
      </c>
      <c r="AF34469">
        <v>70</v>
      </c>
      <c r="AG34469">
        <v>72</v>
      </c>
      <c r="AH34469">
        <v>74</v>
      </c>
      <c r="AI34469">
        <v>76</v>
      </c>
      <c r="AJ34469">
        <v>78</v>
      </c>
      <c r="AK34469">
        <v>80</v>
      </c>
      <c r="AL34469">
        <v>82</v>
      </c>
      <c r="AM34469">
        <v>83</v>
      </c>
      <c r="AN34469">
        <v>85</v>
      </c>
      <c r="AO34469">
        <v>86</v>
      </c>
      <c r="AP34469">
        <v>88</v>
      </c>
      <c r="AQ34469">
        <v>89</v>
      </c>
    </row>
    <row r="34470" spans="1:43">
      <c r="A34470" t="s">
        <v>21359</v>
      </c>
      <c r="B34470" t="s">
        <v>21360</v>
      </c>
      <c r="C34470" t="s">
        <v>21357</v>
      </c>
      <c r="D34470" t="s">
        <v>21358</v>
      </c>
      <c r="E34470" t="s">
        <v>21317</v>
      </c>
      <c r="F34470" t="s">
        <v>21318</v>
      </c>
      <c r="G34470" t="s">
        <v>20255</v>
      </c>
      <c r="H34470" t="s">
        <v>20256</v>
      </c>
      <c r="I34470" s="2">
        <v>1</v>
      </c>
      <c r="J34470" s="2">
        <v>0</v>
      </c>
      <c r="K34470" s="2">
        <v>0</v>
      </c>
      <c r="L34470" t="s">
        <v>120</v>
      </c>
      <c r="M34470" t="s">
        <v>83</v>
      </c>
      <c r="N34470" t="s">
        <v>84</v>
      </c>
      <c r="O34470" t="s">
        <v>85</v>
      </c>
      <c r="P34470" t="s">
        <v>86</v>
      </c>
      <c r="Q34470">
        <v>52</v>
      </c>
      <c r="R34470">
        <v>54</v>
      </c>
      <c r="S34470">
        <v>56</v>
      </c>
      <c r="T34470">
        <v>58</v>
      </c>
      <c r="U34470">
        <v>60</v>
      </c>
      <c r="V34470">
        <v>62</v>
      </c>
      <c r="W34470">
        <v>64</v>
      </c>
      <c r="X34470">
        <v>65</v>
      </c>
      <c r="Y34470">
        <v>67</v>
      </c>
      <c r="Z34470">
        <v>70</v>
      </c>
      <c r="AA34470">
        <v>72</v>
      </c>
      <c r="AB34470">
        <v>74</v>
      </c>
      <c r="AC34470">
        <v>76</v>
      </c>
      <c r="AD34470">
        <v>78</v>
      </c>
      <c r="AE34470">
        <v>80</v>
      </c>
      <c r="AF34470">
        <v>83</v>
      </c>
      <c r="AG34470">
        <v>85</v>
      </c>
      <c r="AH34470">
        <v>87</v>
      </c>
      <c r="AI34470">
        <v>90</v>
      </c>
      <c r="AJ34470">
        <v>92</v>
      </c>
      <c r="AK34470">
        <v>95</v>
      </c>
      <c r="AL34470">
        <v>97</v>
      </c>
      <c r="AM34470">
        <v>99</v>
      </c>
      <c r="AN34470">
        <v>100</v>
      </c>
      <c r="AO34470">
        <v>102</v>
      </c>
      <c r="AP34470">
        <v>104</v>
      </c>
      <c r="AQ34470">
        <v>106</v>
      </c>
    </row>
    <row r="34471" spans="1:43">
      <c r="A34471" t="s">
        <v>21359</v>
      </c>
      <c r="B34471" t="s">
        <v>21360</v>
      </c>
      <c r="C34471" t="s">
        <v>21357</v>
      </c>
      <c r="D34471" t="s">
        <v>21358</v>
      </c>
      <c r="E34471" t="s">
        <v>21317</v>
      </c>
      <c r="F34471" t="s">
        <v>21318</v>
      </c>
      <c r="G34471" t="s">
        <v>20255</v>
      </c>
      <c r="H34471" t="s">
        <v>20256</v>
      </c>
      <c r="I34471" s="2">
        <v>1</v>
      </c>
      <c r="J34471" s="2">
        <v>0</v>
      </c>
      <c r="K34471" s="2">
        <v>0</v>
      </c>
      <c r="L34471" t="s">
        <v>120</v>
      </c>
      <c r="M34471" t="s">
        <v>87</v>
      </c>
      <c r="N34471" t="s">
        <v>88</v>
      </c>
      <c r="O34471" t="s">
        <v>85</v>
      </c>
      <c r="P34471" t="s">
        <v>86</v>
      </c>
      <c r="Q34471">
        <v>52</v>
      </c>
      <c r="R34471">
        <v>53</v>
      </c>
      <c r="S34471">
        <v>54</v>
      </c>
      <c r="T34471">
        <v>56</v>
      </c>
      <c r="U34471">
        <v>57</v>
      </c>
      <c r="V34471">
        <v>58</v>
      </c>
      <c r="W34471">
        <v>60</v>
      </c>
      <c r="X34471">
        <v>61</v>
      </c>
      <c r="Y34471">
        <v>62</v>
      </c>
      <c r="Z34471">
        <v>64</v>
      </c>
      <c r="AA34471">
        <v>65</v>
      </c>
      <c r="AB34471">
        <v>67</v>
      </c>
      <c r="AC34471">
        <v>68</v>
      </c>
      <c r="AD34471">
        <v>70</v>
      </c>
      <c r="AE34471">
        <v>71</v>
      </c>
      <c r="AF34471">
        <v>73</v>
      </c>
      <c r="AG34471">
        <v>74</v>
      </c>
      <c r="AH34471">
        <v>76</v>
      </c>
      <c r="AI34471">
        <v>78</v>
      </c>
      <c r="AJ34471">
        <v>79</v>
      </c>
      <c r="AK34471">
        <v>81</v>
      </c>
      <c r="AL34471">
        <v>83</v>
      </c>
      <c r="AM34471">
        <v>84</v>
      </c>
      <c r="AN34471">
        <v>86</v>
      </c>
      <c r="AO34471">
        <v>88</v>
      </c>
      <c r="AP34471">
        <v>90</v>
      </c>
      <c r="AQ34471">
        <v>91</v>
      </c>
    </row>
    <row r="34472" spans="1:43">
      <c r="A34472" t="s">
        <v>21359</v>
      </c>
      <c r="B34472" t="s">
        <v>21360</v>
      </c>
      <c r="C34472" t="s">
        <v>21357</v>
      </c>
      <c r="D34472" t="s">
        <v>21358</v>
      </c>
      <c r="E34472" t="s">
        <v>21317</v>
      </c>
      <c r="F34472" t="s">
        <v>21318</v>
      </c>
      <c r="G34472" t="s">
        <v>20255</v>
      </c>
      <c r="H34472" t="s">
        <v>20256</v>
      </c>
      <c r="I34472" s="2">
        <v>1</v>
      </c>
      <c r="J34472" s="2">
        <v>0</v>
      </c>
      <c r="K34472" s="2">
        <v>0</v>
      </c>
      <c r="L34472" t="s">
        <v>120</v>
      </c>
      <c r="M34472" t="s">
        <v>89</v>
      </c>
      <c r="N34472" t="s">
        <v>90</v>
      </c>
      <c r="O34472" t="s">
        <v>85</v>
      </c>
      <c r="P34472" t="s">
        <v>86</v>
      </c>
      <c r="Q34472">
        <v>52</v>
      </c>
      <c r="R34472">
        <v>54</v>
      </c>
      <c r="S34472">
        <v>56</v>
      </c>
      <c r="T34472">
        <v>59</v>
      </c>
      <c r="U34472">
        <v>61</v>
      </c>
      <c r="V34472">
        <v>63</v>
      </c>
      <c r="W34472">
        <v>66</v>
      </c>
      <c r="X34472">
        <v>68</v>
      </c>
      <c r="Y34472">
        <v>70</v>
      </c>
      <c r="Z34472">
        <v>73</v>
      </c>
      <c r="AA34472">
        <v>75</v>
      </c>
      <c r="AB34472">
        <v>78</v>
      </c>
      <c r="AC34472">
        <v>80</v>
      </c>
      <c r="AD34472">
        <v>83</v>
      </c>
      <c r="AE34472">
        <v>85</v>
      </c>
      <c r="AF34472">
        <v>87</v>
      </c>
      <c r="AG34472">
        <v>88</v>
      </c>
      <c r="AH34472">
        <v>90</v>
      </c>
      <c r="AI34472">
        <v>92</v>
      </c>
      <c r="AJ34472">
        <v>93</v>
      </c>
      <c r="AK34472">
        <v>95</v>
      </c>
      <c r="AL34472">
        <v>97</v>
      </c>
      <c r="AM34472">
        <v>98</v>
      </c>
      <c r="AN34472">
        <v>100</v>
      </c>
      <c r="AO34472">
        <v>102</v>
      </c>
      <c r="AP34472">
        <v>104</v>
      </c>
      <c r="AQ34472">
        <v>105</v>
      </c>
    </row>
    <row r="34473" spans="1:43">
      <c r="A34473" t="s">
        <v>21359</v>
      </c>
      <c r="B34473" t="s">
        <v>21360</v>
      </c>
      <c r="C34473" t="s">
        <v>21357</v>
      </c>
      <c r="D34473" t="s">
        <v>21358</v>
      </c>
      <c r="E34473" t="s">
        <v>21317</v>
      </c>
      <c r="F34473" t="s">
        <v>21318</v>
      </c>
      <c r="G34473" t="s">
        <v>20255</v>
      </c>
      <c r="H34473" t="s">
        <v>20256</v>
      </c>
      <c r="I34473" s="2">
        <v>1</v>
      </c>
      <c r="J34473" s="2">
        <v>0</v>
      </c>
      <c r="K34473" s="2">
        <v>0</v>
      </c>
      <c r="L34473" t="s">
        <v>120</v>
      </c>
      <c r="M34473" t="s">
        <v>83</v>
      </c>
      <c r="N34473" t="s">
        <v>91</v>
      </c>
      <c r="O34473" t="s">
        <v>85</v>
      </c>
      <c r="P34473" t="s">
        <v>86</v>
      </c>
      <c r="Q34473">
        <v>52</v>
      </c>
      <c r="R34473">
        <v>54</v>
      </c>
      <c r="S34473">
        <v>56</v>
      </c>
      <c r="T34473">
        <v>58</v>
      </c>
      <c r="U34473">
        <v>60</v>
      </c>
      <c r="V34473">
        <v>62</v>
      </c>
      <c r="W34473">
        <v>64</v>
      </c>
      <c r="X34473">
        <v>65</v>
      </c>
      <c r="Y34473">
        <v>67</v>
      </c>
      <c r="Z34473">
        <v>70</v>
      </c>
      <c r="AA34473">
        <v>72</v>
      </c>
      <c r="AB34473">
        <v>74</v>
      </c>
      <c r="AC34473">
        <v>76</v>
      </c>
      <c r="AD34473">
        <v>78</v>
      </c>
      <c r="AE34473">
        <v>80</v>
      </c>
      <c r="AF34473">
        <v>83</v>
      </c>
      <c r="AG34473">
        <v>85</v>
      </c>
      <c r="AH34473">
        <v>87</v>
      </c>
      <c r="AI34473">
        <v>90</v>
      </c>
      <c r="AJ34473">
        <v>92</v>
      </c>
      <c r="AK34473">
        <v>95</v>
      </c>
      <c r="AL34473">
        <v>97</v>
      </c>
      <c r="AM34473">
        <v>99</v>
      </c>
      <c r="AN34473">
        <v>100</v>
      </c>
      <c r="AO34473">
        <v>102</v>
      </c>
      <c r="AP34473">
        <v>104</v>
      </c>
      <c r="AQ34473">
        <v>106</v>
      </c>
    </row>
    <row r="34474" spans="1:43">
      <c r="A34474" t="s">
        <v>21361</v>
      </c>
      <c r="B34474" t="s">
        <v>21362</v>
      </c>
      <c r="C34474" t="s">
        <v>21327</v>
      </c>
      <c r="D34474" t="s">
        <v>21328</v>
      </c>
      <c r="E34474" t="s">
        <v>21317</v>
      </c>
      <c r="F34474" t="s">
        <v>21318</v>
      </c>
      <c r="G34474" t="s">
        <v>20255</v>
      </c>
      <c r="H34474" t="s">
        <v>20256</v>
      </c>
      <c r="I34474" s="2">
        <v>1</v>
      </c>
      <c r="J34474" s="2">
        <v>0</v>
      </c>
      <c r="K34474" s="2">
        <v>0</v>
      </c>
      <c r="L34474" t="s">
        <v>120</v>
      </c>
      <c r="M34474" t="s">
        <v>83</v>
      </c>
      <c r="N34474" t="s">
        <v>84</v>
      </c>
      <c r="O34474" t="s">
        <v>85</v>
      </c>
      <c r="P34474" t="s">
        <v>86</v>
      </c>
      <c r="Q34474">
        <v>24</v>
      </c>
      <c r="R34474">
        <v>25</v>
      </c>
      <c r="S34474">
        <v>26</v>
      </c>
      <c r="T34474">
        <v>27</v>
      </c>
      <c r="U34474">
        <v>28</v>
      </c>
      <c r="V34474">
        <v>29</v>
      </c>
      <c r="W34474">
        <v>30</v>
      </c>
      <c r="X34474">
        <v>31</v>
      </c>
      <c r="Y34474">
        <v>32</v>
      </c>
      <c r="Z34474">
        <v>33</v>
      </c>
      <c r="AA34474">
        <v>33</v>
      </c>
      <c r="AB34474">
        <v>34</v>
      </c>
      <c r="AC34474">
        <v>35</v>
      </c>
      <c r="AD34474">
        <v>37</v>
      </c>
      <c r="AE34474">
        <v>38</v>
      </c>
      <c r="AF34474">
        <v>39</v>
      </c>
      <c r="AG34474">
        <v>40</v>
      </c>
      <c r="AH34474">
        <v>41</v>
      </c>
      <c r="AI34474">
        <v>42</v>
      </c>
      <c r="AJ34474">
        <v>43</v>
      </c>
      <c r="AK34474">
        <v>44</v>
      </c>
      <c r="AL34474">
        <v>45</v>
      </c>
      <c r="AM34474">
        <v>46</v>
      </c>
      <c r="AN34474">
        <v>47</v>
      </c>
      <c r="AO34474">
        <v>48</v>
      </c>
      <c r="AP34474">
        <v>49</v>
      </c>
      <c r="AQ34474">
        <v>49</v>
      </c>
    </row>
    <row r="34475" spans="1:43">
      <c r="A34475" t="s">
        <v>21361</v>
      </c>
      <c r="B34475" t="s">
        <v>21362</v>
      </c>
      <c r="C34475" t="s">
        <v>21327</v>
      </c>
      <c r="D34475" t="s">
        <v>21328</v>
      </c>
      <c r="E34475" t="s">
        <v>21317</v>
      </c>
      <c r="F34475" t="s">
        <v>21318</v>
      </c>
      <c r="G34475" t="s">
        <v>20255</v>
      </c>
      <c r="H34475" t="s">
        <v>20256</v>
      </c>
      <c r="I34475" s="2">
        <v>1</v>
      </c>
      <c r="J34475" s="2">
        <v>0</v>
      </c>
      <c r="K34475" s="2">
        <v>0</v>
      </c>
      <c r="L34475" t="s">
        <v>120</v>
      </c>
      <c r="M34475" t="s">
        <v>87</v>
      </c>
      <c r="N34475" t="s">
        <v>88</v>
      </c>
      <c r="O34475" t="s">
        <v>85</v>
      </c>
      <c r="P34475" t="s">
        <v>86</v>
      </c>
      <c r="Q34475">
        <v>24</v>
      </c>
      <c r="R34475">
        <v>25</v>
      </c>
      <c r="S34475">
        <v>25</v>
      </c>
      <c r="T34475">
        <v>26</v>
      </c>
      <c r="U34475">
        <v>27</v>
      </c>
      <c r="V34475">
        <v>27</v>
      </c>
      <c r="W34475">
        <v>28</v>
      </c>
      <c r="X34475">
        <v>29</v>
      </c>
      <c r="Y34475">
        <v>29</v>
      </c>
      <c r="Z34475">
        <v>30</v>
      </c>
      <c r="AA34475">
        <v>31</v>
      </c>
      <c r="AB34475">
        <v>31</v>
      </c>
      <c r="AC34475">
        <v>32</v>
      </c>
      <c r="AD34475">
        <v>33</v>
      </c>
      <c r="AE34475">
        <v>33</v>
      </c>
      <c r="AF34475">
        <v>34</v>
      </c>
      <c r="AG34475">
        <v>35</v>
      </c>
      <c r="AH34475">
        <v>36</v>
      </c>
      <c r="AI34475">
        <v>36</v>
      </c>
      <c r="AJ34475">
        <v>37</v>
      </c>
      <c r="AK34475">
        <v>38</v>
      </c>
      <c r="AL34475">
        <v>39</v>
      </c>
      <c r="AM34475">
        <v>40</v>
      </c>
      <c r="AN34475">
        <v>40</v>
      </c>
      <c r="AO34475">
        <v>41</v>
      </c>
      <c r="AP34475">
        <v>42</v>
      </c>
      <c r="AQ34475">
        <v>43</v>
      </c>
    </row>
    <row r="34476" spans="1:43">
      <c r="A34476" t="s">
        <v>21361</v>
      </c>
      <c r="B34476" t="s">
        <v>21362</v>
      </c>
      <c r="C34476" t="s">
        <v>21327</v>
      </c>
      <c r="D34476" t="s">
        <v>21328</v>
      </c>
      <c r="E34476" t="s">
        <v>21317</v>
      </c>
      <c r="F34476" t="s">
        <v>21318</v>
      </c>
      <c r="G34476" t="s">
        <v>20255</v>
      </c>
      <c r="H34476" t="s">
        <v>20256</v>
      </c>
      <c r="I34476" s="2">
        <v>1</v>
      </c>
      <c r="J34476" s="2">
        <v>0</v>
      </c>
      <c r="K34476" s="2">
        <v>0</v>
      </c>
      <c r="L34476" t="s">
        <v>120</v>
      </c>
      <c r="M34476" t="s">
        <v>89</v>
      </c>
      <c r="N34476" t="s">
        <v>90</v>
      </c>
      <c r="O34476" t="s">
        <v>85</v>
      </c>
      <c r="P34476" t="s">
        <v>86</v>
      </c>
      <c r="Q34476">
        <v>24</v>
      </c>
      <c r="R34476">
        <v>25</v>
      </c>
      <c r="S34476">
        <v>26</v>
      </c>
      <c r="T34476">
        <v>27</v>
      </c>
      <c r="U34476">
        <v>28</v>
      </c>
      <c r="V34476">
        <v>29</v>
      </c>
      <c r="W34476">
        <v>30</v>
      </c>
      <c r="X34476">
        <v>31</v>
      </c>
      <c r="Y34476">
        <v>32</v>
      </c>
      <c r="Z34476">
        <v>33</v>
      </c>
      <c r="AA34476">
        <v>35</v>
      </c>
      <c r="AB34476">
        <v>36</v>
      </c>
      <c r="AC34476">
        <v>37</v>
      </c>
      <c r="AD34476">
        <v>38</v>
      </c>
      <c r="AE34476">
        <v>39</v>
      </c>
      <c r="AF34476">
        <v>40</v>
      </c>
      <c r="AG34476">
        <v>41</v>
      </c>
      <c r="AH34476">
        <v>42</v>
      </c>
      <c r="AI34476">
        <v>42</v>
      </c>
      <c r="AJ34476">
        <v>43</v>
      </c>
      <c r="AK34476">
        <v>44</v>
      </c>
      <c r="AL34476">
        <v>45</v>
      </c>
      <c r="AM34476">
        <v>46</v>
      </c>
      <c r="AN34476">
        <v>46</v>
      </c>
      <c r="AO34476">
        <v>47</v>
      </c>
      <c r="AP34476">
        <v>48</v>
      </c>
      <c r="AQ34476">
        <v>49</v>
      </c>
    </row>
    <row r="34477" spans="1:43">
      <c r="A34477" t="s">
        <v>21361</v>
      </c>
      <c r="B34477" t="s">
        <v>21362</v>
      </c>
      <c r="C34477" t="s">
        <v>21327</v>
      </c>
      <c r="D34477" t="s">
        <v>21328</v>
      </c>
      <c r="E34477" t="s">
        <v>21317</v>
      </c>
      <c r="F34477" t="s">
        <v>21318</v>
      </c>
      <c r="G34477" t="s">
        <v>20255</v>
      </c>
      <c r="H34477" t="s">
        <v>20256</v>
      </c>
      <c r="I34477" s="2">
        <v>1</v>
      </c>
      <c r="J34477" s="2">
        <v>0</v>
      </c>
      <c r="K34477" s="2">
        <v>0</v>
      </c>
      <c r="L34477" t="s">
        <v>120</v>
      </c>
      <c r="M34477" t="s">
        <v>83</v>
      </c>
      <c r="N34477" t="s">
        <v>91</v>
      </c>
      <c r="O34477" t="s">
        <v>85</v>
      </c>
      <c r="P34477" t="s">
        <v>86</v>
      </c>
      <c r="Q34477">
        <v>24</v>
      </c>
      <c r="R34477">
        <v>25</v>
      </c>
      <c r="S34477">
        <v>26</v>
      </c>
      <c r="T34477">
        <v>27</v>
      </c>
      <c r="U34477">
        <v>28</v>
      </c>
      <c r="V34477">
        <v>29</v>
      </c>
      <c r="W34477">
        <v>30</v>
      </c>
      <c r="X34477">
        <v>31</v>
      </c>
      <c r="Y34477">
        <v>32</v>
      </c>
      <c r="Z34477">
        <v>33</v>
      </c>
      <c r="AA34477">
        <v>33</v>
      </c>
      <c r="AB34477">
        <v>34</v>
      </c>
      <c r="AC34477">
        <v>35</v>
      </c>
      <c r="AD34477">
        <v>37</v>
      </c>
      <c r="AE34477">
        <v>38</v>
      </c>
      <c r="AF34477">
        <v>39</v>
      </c>
      <c r="AG34477">
        <v>40</v>
      </c>
      <c r="AH34477">
        <v>41</v>
      </c>
      <c r="AI34477">
        <v>42</v>
      </c>
      <c r="AJ34477">
        <v>43</v>
      </c>
      <c r="AK34477">
        <v>44</v>
      </c>
      <c r="AL34477">
        <v>45</v>
      </c>
      <c r="AM34477">
        <v>46</v>
      </c>
      <c r="AN34477">
        <v>47</v>
      </c>
      <c r="AO34477">
        <v>48</v>
      </c>
      <c r="AP34477">
        <v>49</v>
      </c>
      <c r="AQ34477">
        <v>49</v>
      </c>
    </row>
    <row r="34478" spans="1:43">
      <c r="A34478" t="s">
        <v>21363</v>
      </c>
      <c r="B34478" t="s">
        <v>21364</v>
      </c>
      <c r="C34478" t="s">
        <v>21327</v>
      </c>
      <c r="D34478" t="s">
        <v>21328</v>
      </c>
      <c r="E34478" t="s">
        <v>21317</v>
      </c>
      <c r="F34478" t="s">
        <v>21318</v>
      </c>
      <c r="G34478" t="s">
        <v>20255</v>
      </c>
      <c r="H34478" t="s">
        <v>20256</v>
      </c>
      <c r="I34478" s="2">
        <v>1</v>
      </c>
      <c r="J34478" s="2">
        <v>0</v>
      </c>
      <c r="K34478" s="2">
        <v>0</v>
      </c>
      <c r="L34478" t="s">
        <v>120</v>
      </c>
      <c r="M34478" t="s">
        <v>83</v>
      </c>
      <c r="N34478" t="s">
        <v>84</v>
      </c>
      <c r="O34478" t="s">
        <v>85</v>
      </c>
      <c r="P34478" t="s">
        <v>86</v>
      </c>
      <c r="Q34478">
        <v>20</v>
      </c>
      <c r="R34478">
        <v>20</v>
      </c>
      <c r="S34478">
        <v>21</v>
      </c>
      <c r="T34478">
        <v>21</v>
      </c>
      <c r="U34478">
        <v>21</v>
      </c>
      <c r="V34478">
        <v>21</v>
      </c>
      <c r="W34478">
        <v>22</v>
      </c>
      <c r="X34478">
        <v>22</v>
      </c>
      <c r="Y34478">
        <v>22</v>
      </c>
      <c r="Z34478">
        <v>22</v>
      </c>
      <c r="AA34478">
        <v>22</v>
      </c>
      <c r="AB34478">
        <v>23</v>
      </c>
      <c r="AC34478">
        <v>23</v>
      </c>
      <c r="AD34478">
        <v>23</v>
      </c>
      <c r="AE34478">
        <v>23</v>
      </c>
      <c r="AF34478">
        <v>24</v>
      </c>
      <c r="AG34478">
        <v>24</v>
      </c>
      <c r="AH34478">
        <v>24</v>
      </c>
      <c r="AI34478">
        <v>24</v>
      </c>
      <c r="AJ34478">
        <v>24</v>
      </c>
      <c r="AK34478">
        <v>25</v>
      </c>
      <c r="AL34478">
        <v>25</v>
      </c>
      <c r="AM34478">
        <v>25</v>
      </c>
      <c r="AN34478">
        <v>25</v>
      </c>
      <c r="AO34478">
        <v>25</v>
      </c>
      <c r="AP34478">
        <v>25</v>
      </c>
      <c r="AQ34478">
        <v>25</v>
      </c>
    </row>
    <row r="34479" spans="1:43">
      <c r="A34479" t="s">
        <v>21363</v>
      </c>
      <c r="B34479" t="s">
        <v>21364</v>
      </c>
      <c r="C34479" t="s">
        <v>21327</v>
      </c>
      <c r="D34479" t="s">
        <v>21328</v>
      </c>
      <c r="E34479" t="s">
        <v>21317</v>
      </c>
      <c r="F34479" t="s">
        <v>21318</v>
      </c>
      <c r="G34479" t="s">
        <v>20255</v>
      </c>
      <c r="H34479" t="s">
        <v>20256</v>
      </c>
      <c r="I34479" s="2">
        <v>1</v>
      </c>
      <c r="J34479" s="2">
        <v>0</v>
      </c>
      <c r="K34479" s="2">
        <v>0</v>
      </c>
      <c r="L34479" t="s">
        <v>120</v>
      </c>
      <c r="M34479" t="s">
        <v>87</v>
      </c>
      <c r="N34479" t="s">
        <v>88</v>
      </c>
      <c r="O34479" t="s">
        <v>85</v>
      </c>
      <c r="P34479" t="s">
        <v>86</v>
      </c>
      <c r="Q34479">
        <v>20</v>
      </c>
      <c r="R34479">
        <v>20</v>
      </c>
      <c r="S34479">
        <v>20</v>
      </c>
      <c r="T34479">
        <v>20</v>
      </c>
      <c r="U34479">
        <v>20</v>
      </c>
      <c r="V34479">
        <v>20</v>
      </c>
      <c r="W34479">
        <v>20</v>
      </c>
      <c r="X34479">
        <v>20</v>
      </c>
      <c r="Y34479">
        <v>20</v>
      </c>
      <c r="Z34479">
        <v>20</v>
      </c>
      <c r="AA34479">
        <v>20</v>
      </c>
      <c r="AB34479">
        <v>20</v>
      </c>
      <c r="AC34479">
        <v>21</v>
      </c>
      <c r="AD34479">
        <v>21</v>
      </c>
      <c r="AE34479">
        <v>21</v>
      </c>
      <c r="AF34479">
        <v>21</v>
      </c>
      <c r="AG34479">
        <v>21</v>
      </c>
      <c r="AH34479">
        <v>21</v>
      </c>
      <c r="AI34479">
        <v>21</v>
      </c>
      <c r="AJ34479">
        <v>21</v>
      </c>
      <c r="AK34479">
        <v>21</v>
      </c>
      <c r="AL34479">
        <v>21</v>
      </c>
      <c r="AM34479">
        <v>21</v>
      </c>
      <c r="AN34479">
        <v>21</v>
      </c>
      <c r="AO34479">
        <v>21</v>
      </c>
      <c r="AP34479">
        <v>21</v>
      </c>
      <c r="AQ34479">
        <v>21</v>
      </c>
    </row>
    <row r="34480" spans="1:43">
      <c r="A34480" t="s">
        <v>21363</v>
      </c>
      <c r="B34480" t="s">
        <v>21364</v>
      </c>
      <c r="C34480" t="s">
        <v>21327</v>
      </c>
      <c r="D34480" t="s">
        <v>21328</v>
      </c>
      <c r="E34480" t="s">
        <v>21317</v>
      </c>
      <c r="F34480" t="s">
        <v>21318</v>
      </c>
      <c r="G34480" t="s">
        <v>20255</v>
      </c>
      <c r="H34480" t="s">
        <v>20256</v>
      </c>
      <c r="I34480" s="2">
        <v>1</v>
      </c>
      <c r="J34480" s="2">
        <v>0</v>
      </c>
      <c r="K34480" s="2">
        <v>0</v>
      </c>
      <c r="L34480" t="s">
        <v>120</v>
      </c>
      <c r="M34480" t="s">
        <v>89</v>
      </c>
      <c r="N34480" t="s">
        <v>90</v>
      </c>
      <c r="O34480" t="s">
        <v>85</v>
      </c>
      <c r="P34480" t="s">
        <v>86</v>
      </c>
      <c r="Q34480">
        <v>20</v>
      </c>
      <c r="R34480">
        <v>21</v>
      </c>
      <c r="S34480">
        <v>21</v>
      </c>
      <c r="T34480">
        <v>21</v>
      </c>
      <c r="U34480">
        <v>22</v>
      </c>
      <c r="V34480">
        <v>22</v>
      </c>
      <c r="W34480">
        <v>23</v>
      </c>
      <c r="X34480">
        <v>23</v>
      </c>
      <c r="Y34480">
        <v>23</v>
      </c>
      <c r="Z34480">
        <v>24</v>
      </c>
      <c r="AA34480">
        <v>24</v>
      </c>
      <c r="AB34480">
        <v>24</v>
      </c>
      <c r="AC34480">
        <v>25</v>
      </c>
      <c r="AD34480">
        <v>25</v>
      </c>
      <c r="AE34480">
        <v>25</v>
      </c>
      <c r="AF34480">
        <v>25</v>
      </c>
      <c r="AG34480">
        <v>25</v>
      </c>
      <c r="AH34480">
        <v>25</v>
      </c>
      <c r="AI34480">
        <v>25</v>
      </c>
      <c r="AJ34480">
        <v>25</v>
      </c>
      <c r="AK34480">
        <v>25</v>
      </c>
      <c r="AL34480">
        <v>25</v>
      </c>
      <c r="AM34480">
        <v>25</v>
      </c>
      <c r="AN34480">
        <v>25</v>
      </c>
      <c r="AO34480">
        <v>25</v>
      </c>
      <c r="AP34480">
        <v>25</v>
      </c>
      <c r="AQ34480">
        <v>25</v>
      </c>
    </row>
    <row r="34481" spans="1:43">
      <c r="A34481" t="s">
        <v>21363</v>
      </c>
      <c r="B34481" t="s">
        <v>21364</v>
      </c>
      <c r="C34481" t="s">
        <v>21327</v>
      </c>
      <c r="D34481" t="s">
        <v>21328</v>
      </c>
      <c r="E34481" t="s">
        <v>21317</v>
      </c>
      <c r="F34481" t="s">
        <v>21318</v>
      </c>
      <c r="G34481" t="s">
        <v>20255</v>
      </c>
      <c r="H34481" t="s">
        <v>20256</v>
      </c>
      <c r="I34481" s="2">
        <v>1</v>
      </c>
      <c r="J34481" s="2">
        <v>0</v>
      </c>
      <c r="K34481" s="2">
        <v>0</v>
      </c>
      <c r="L34481" t="s">
        <v>120</v>
      </c>
      <c r="M34481" t="s">
        <v>83</v>
      </c>
      <c r="N34481" t="s">
        <v>91</v>
      </c>
      <c r="O34481" t="s">
        <v>85</v>
      </c>
      <c r="P34481" t="s">
        <v>86</v>
      </c>
      <c r="Q34481">
        <v>20</v>
      </c>
      <c r="R34481">
        <v>20</v>
      </c>
      <c r="S34481">
        <v>21</v>
      </c>
      <c r="T34481">
        <v>21</v>
      </c>
      <c r="U34481">
        <v>21</v>
      </c>
      <c r="V34481">
        <v>21</v>
      </c>
      <c r="W34481">
        <v>22</v>
      </c>
      <c r="X34481">
        <v>22</v>
      </c>
      <c r="Y34481">
        <v>22</v>
      </c>
      <c r="Z34481">
        <v>22</v>
      </c>
      <c r="AA34481">
        <v>22</v>
      </c>
      <c r="AB34481">
        <v>23</v>
      </c>
      <c r="AC34481">
        <v>23</v>
      </c>
      <c r="AD34481">
        <v>23</v>
      </c>
      <c r="AE34481">
        <v>23</v>
      </c>
      <c r="AF34481">
        <v>24</v>
      </c>
      <c r="AG34481">
        <v>24</v>
      </c>
      <c r="AH34481">
        <v>24</v>
      </c>
      <c r="AI34481">
        <v>24</v>
      </c>
      <c r="AJ34481">
        <v>24</v>
      </c>
      <c r="AK34481">
        <v>25</v>
      </c>
      <c r="AL34481">
        <v>25</v>
      </c>
      <c r="AM34481">
        <v>25</v>
      </c>
      <c r="AN34481">
        <v>25</v>
      </c>
      <c r="AO34481">
        <v>25</v>
      </c>
      <c r="AP34481">
        <v>25</v>
      </c>
      <c r="AQ34481">
        <v>25</v>
      </c>
    </row>
    <row r="34482" spans="1:43">
      <c r="A34482" t="s">
        <v>21365</v>
      </c>
      <c r="B34482" t="s">
        <v>21366</v>
      </c>
      <c r="C34482" t="s">
        <v>21367</v>
      </c>
      <c r="D34482" t="s">
        <v>21368</v>
      </c>
      <c r="E34482" t="s">
        <v>21317</v>
      </c>
      <c r="F34482" t="s">
        <v>21318</v>
      </c>
      <c r="G34482" t="s">
        <v>20255</v>
      </c>
      <c r="H34482" t="s">
        <v>20256</v>
      </c>
      <c r="I34482" s="2">
        <v>1</v>
      </c>
      <c r="J34482" s="2">
        <v>0</v>
      </c>
      <c r="K34482" s="2">
        <v>0</v>
      </c>
      <c r="L34482" t="s">
        <v>120</v>
      </c>
      <c r="M34482" t="s">
        <v>83</v>
      </c>
      <c r="N34482" t="s">
        <v>84</v>
      </c>
      <c r="O34482" t="s">
        <v>85</v>
      </c>
      <c r="P34482" t="s">
        <v>86</v>
      </c>
      <c r="Q34482">
        <v>34</v>
      </c>
      <c r="R34482">
        <v>35</v>
      </c>
      <c r="S34482">
        <v>36</v>
      </c>
      <c r="T34482">
        <v>37</v>
      </c>
      <c r="U34482">
        <v>38</v>
      </c>
      <c r="V34482">
        <v>40</v>
      </c>
      <c r="W34482">
        <v>41</v>
      </c>
      <c r="X34482">
        <v>42</v>
      </c>
      <c r="Y34482">
        <v>43</v>
      </c>
      <c r="Z34482">
        <v>45</v>
      </c>
      <c r="AA34482">
        <v>46</v>
      </c>
      <c r="AB34482">
        <v>47</v>
      </c>
      <c r="AC34482">
        <v>49</v>
      </c>
      <c r="AD34482">
        <v>50</v>
      </c>
      <c r="AE34482">
        <v>52</v>
      </c>
      <c r="AF34482">
        <v>53</v>
      </c>
      <c r="AG34482">
        <v>55</v>
      </c>
      <c r="AH34482">
        <v>56</v>
      </c>
      <c r="AI34482">
        <v>58</v>
      </c>
      <c r="AJ34482">
        <v>59</v>
      </c>
      <c r="AK34482">
        <v>61</v>
      </c>
      <c r="AL34482">
        <v>62</v>
      </c>
      <c r="AM34482">
        <v>63</v>
      </c>
      <c r="AN34482">
        <v>64</v>
      </c>
      <c r="AO34482">
        <v>66</v>
      </c>
      <c r="AP34482">
        <v>67</v>
      </c>
      <c r="AQ34482">
        <v>68</v>
      </c>
    </row>
    <row r="34483" spans="1:43">
      <c r="A34483" t="s">
        <v>21365</v>
      </c>
      <c r="B34483" t="s">
        <v>21366</v>
      </c>
      <c r="C34483" t="s">
        <v>21367</v>
      </c>
      <c r="D34483" t="s">
        <v>21368</v>
      </c>
      <c r="E34483" t="s">
        <v>21317</v>
      </c>
      <c r="F34483" t="s">
        <v>21318</v>
      </c>
      <c r="G34483" t="s">
        <v>20255</v>
      </c>
      <c r="H34483" t="s">
        <v>20256</v>
      </c>
      <c r="I34483" s="2">
        <v>1</v>
      </c>
      <c r="J34483" s="2">
        <v>0</v>
      </c>
      <c r="K34483" s="2">
        <v>0</v>
      </c>
      <c r="L34483" t="s">
        <v>120</v>
      </c>
      <c r="M34483" t="s">
        <v>87</v>
      </c>
      <c r="N34483" t="s">
        <v>88</v>
      </c>
      <c r="O34483" t="s">
        <v>85</v>
      </c>
      <c r="P34483" t="s">
        <v>86</v>
      </c>
      <c r="Q34483">
        <v>34</v>
      </c>
      <c r="R34483">
        <v>35</v>
      </c>
      <c r="S34483">
        <v>36</v>
      </c>
      <c r="T34483">
        <v>37</v>
      </c>
      <c r="U34483">
        <v>38</v>
      </c>
      <c r="V34483">
        <v>38</v>
      </c>
      <c r="W34483">
        <v>39</v>
      </c>
      <c r="X34483">
        <v>40</v>
      </c>
      <c r="Y34483">
        <v>41</v>
      </c>
      <c r="Z34483">
        <v>42</v>
      </c>
      <c r="AA34483">
        <v>43</v>
      </c>
      <c r="AB34483">
        <v>44</v>
      </c>
      <c r="AC34483">
        <v>45</v>
      </c>
      <c r="AD34483">
        <v>46</v>
      </c>
      <c r="AE34483">
        <v>47</v>
      </c>
      <c r="AF34483">
        <v>48</v>
      </c>
      <c r="AG34483">
        <v>49</v>
      </c>
      <c r="AH34483">
        <v>50</v>
      </c>
      <c r="AI34483">
        <v>51</v>
      </c>
      <c r="AJ34483">
        <v>52</v>
      </c>
      <c r="AK34483">
        <v>53</v>
      </c>
      <c r="AL34483">
        <v>54</v>
      </c>
      <c r="AM34483">
        <v>56</v>
      </c>
      <c r="AN34483">
        <v>57</v>
      </c>
      <c r="AO34483">
        <v>58</v>
      </c>
      <c r="AP34483">
        <v>59</v>
      </c>
      <c r="AQ34483">
        <v>60</v>
      </c>
    </row>
    <row r="34484" spans="1:43">
      <c r="A34484" t="s">
        <v>21365</v>
      </c>
      <c r="B34484" t="s">
        <v>21366</v>
      </c>
      <c r="C34484" t="s">
        <v>21367</v>
      </c>
      <c r="D34484" t="s">
        <v>21368</v>
      </c>
      <c r="E34484" t="s">
        <v>21317</v>
      </c>
      <c r="F34484" t="s">
        <v>21318</v>
      </c>
      <c r="G34484" t="s">
        <v>20255</v>
      </c>
      <c r="H34484" t="s">
        <v>20256</v>
      </c>
      <c r="I34484" s="2">
        <v>1</v>
      </c>
      <c r="J34484" s="2">
        <v>0</v>
      </c>
      <c r="K34484" s="2">
        <v>0</v>
      </c>
      <c r="L34484" t="s">
        <v>120</v>
      </c>
      <c r="M34484" t="s">
        <v>89</v>
      </c>
      <c r="N34484" t="s">
        <v>90</v>
      </c>
      <c r="O34484" t="s">
        <v>85</v>
      </c>
      <c r="P34484" t="s">
        <v>86</v>
      </c>
      <c r="Q34484">
        <v>34</v>
      </c>
      <c r="R34484">
        <v>35</v>
      </c>
      <c r="S34484">
        <v>37</v>
      </c>
      <c r="T34484">
        <v>38</v>
      </c>
      <c r="U34484">
        <v>40</v>
      </c>
      <c r="V34484">
        <v>41</v>
      </c>
      <c r="W34484">
        <v>43</v>
      </c>
      <c r="X34484">
        <v>44</v>
      </c>
      <c r="Y34484">
        <v>46</v>
      </c>
      <c r="Z34484">
        <v>47</v>
      </c>
      <c r="AA34484">
        <v>49</v>
      </c>
      <c r="AB34484">
        <v>50</v>
      </c>
      <c r="AC34484">
        <v>52</v>
      </c>
      <c r="AD34484">
        <v>54</v>
      </c>
      <c r="AE34484">
        <v>55</v>
      </c>
      <c r="AF34484">
        <v>56</v>
      </c>
      <c r="AG34484">
        <v>57</v>
      </c>
      <c r="AH34484">
        <v>58</v>
      </c>
      <c r="AI34484">
        <v>60</v>
      </c>
      <c r="AJ34484">
        <v>61</v>
      </c>
      <c r="AK34484">
        <v>62</v>
      </c>
      <c r="AL34484">
        <v>63</v>
      </c>
      <c r="AM34484">
        <v>64</v>
      </c>
      <c r="AN34484">
        <v>65</v>
      </c>
      <c r="AO34484">
        <v>67</v>
      </c>
      <c r="AP34484">
        <v>68</v>
      </c>
      <c r="AQ34484">
        <v>69</v>
      </c>
    </row>
    <row r="34485" spans="1:43">
      <c r="A34485" t="s">
        <v>21365</v>
      </c>
      <c r="B34485" t="s">
        <v>21366</v>
      </c>
      <c r="C34485" t="s">
        <v>21367</v>
      </c>
      <c r="D34485" t="s">
        <v>21368</v>
      </c>
      <c r="E34485" t="s">
        <v>21317</v>
      </c>
      <c r="F34485" t="s">
        <v>21318</v>
      </c>
      <c r="G34485" t="s">
        <v>20255</v>
      </c>
      <c r="H34485" t="s">
        <v>20256</v>
      </c>
      <c r="I34485" s="2">
        <v>1</v>
      </c>
      <c r="J34485" s="2">
        <v>0</v>
      </c>
      <c r="K34485" s="2">
        <v>0</v>
      </c>
      <c r="L34485" t="s">
        <v>120</v>
      </c>
      <c r="M34485" t="s">
        <v>83</v>
      </c>
      <c r="N34485" t="s">
        <v>91</v>
      </c>
      <c r="O34485" t="s">
        <v>85</v>
      </c>
      <c r="P34485" t="s">
        <v>86</v>
      </c>
      <c r="Q34485">
        <v>34</v>
      </c>
      <c r="R34485">
        <v>35</v>
      </c>
      <c r="S34485">
        <v>36</v>
      </c>
      <c r="T34485">
        <v>37</v>
      </c>
      <c r="U34485">
        <v>38</v>
      </c>
      <c r="V34485">
        <v>40</v>
      </c>
      <c r="W34485">
        <v>41</v>
      </c>
      <c r="X34485">
        <v>42</v>
      </c>
      <c r="Y34485">
        <v>43</v>
      </c>
      <c r="Z34485">
        <v>45</v>
      </c>
      <c r="AA34485">
        <v>46</v>
      </c>
      <c r="AB34485">
        <v>47</v>
      </c>
      <c r="AC34485">
        <v>49</v>
      </c>
      <c r="AD34485">
        <v>50</v>
      </c>
      <c r="AE34485">
        <v>52</v>
      </c>
      <c r="AF34485">
        <v>53</v>
      </c>
      <c r="AG34485">
        <v>55</v>
      </c>
      <c r="AH34485">
        <v>56</v>
      </c>
      <c r="AI34485">
        <v>58</v>
      </c>
      <c r="AJ34485">
        <v>59</v>
      </c>
      <c r="AK34485">
        <v>61</v>
      </c>
      <c r="AL34485">
        <v>62</v>
      </c>
      <c r="AM34485">
        <v>63</v>
      </c>
      <c r="AN34485">
        <v>64</v>
      </c>
      <c r="AO34485">
        <v>66</v>
      </c>
      <c r="AP34485">
        <v>67</v>
      </c>
      <c r="AQ34485">
        <v>68</v>
      </c>
    </row>
    <row r="34486" spans="1:43">
      <c r="A34486" t="s">
        <v>21369</v>
      </c>
      <c r="B34486" t="s">
        <v>21370</v>
      </c>
      <c r="C34486" t="s">
        <v>21367</v>
      </c>
      <c r="D34486" t="s">
        <v>21368</v>
      </c>
      <c r="E34486" t="s">
        <v>21317</v>
      </c>
      <c r="F34486" t="s">
        <v>21318</v>
      </c>
      <c r="G34486" t="s">
        <v>20255</v>
      </c>
      <c r="H34486" t="s">
        <v>20256</v>
      </c>
      <c r="I34486" s="2">
        <v>1</v>
      </c>
      <c r="J34486" s="2">
        <v>0</v>
      </c>
      <c r="K34486" s="2">
        <v>0</v>
      </c>
      <c r="L34486" t="s">
        <v>120</v>
      </c>
      <c r="M34486" t="s">
        <v>83</v>
      </c>
      <c r="N34486" t="s">
        <v>84</v>
      </c>
      <c r="O34486" t="s">
        <v>85</v>
      </c>
      <c r="P34486" t="s">
        <v>86</v>
      </c>
      <c r="Q34486">
        <v>5</v>
      </c>
      <c r="R34486">
        <v>6</v>
      </c>
      <c r="S34486">
        <v>6</v>
      </c>
      <c r="T34486">
        <v>6</v>
      </c>
      <c r="U34486">
        <v>6</v>
      </c>
      <c r="V34486">
        <v>6</v>
      </c>
      <c r="W34486">
        <v>7</v>
      </c>
      <c r="X34486">
        <v>7</v>
      </c>
      <c r="Y34486">
        <v>7</v>
      </c>
      <c r="Z34486">
        <v>7</v>
      </c>
      <c r="AA34486">
        <v>7</v>
      </c>
      <c r="AB34486">
        <v>8</v>
      </c>
      <c r="AC34486">
        <v>8</v>
      </c>
      <c r="AD34486">
        <v>8</v>
      </c>
      <c r="AE34486">
        <v>8</v>
      </c>
      <c r="AF34486">
        <v>8</v>
      </c>
      <c r="AG34486">
        <v>9</v>
      </c>
      <c r="AH34486">
        <v>9</v>
      </c>
      <c r="AI34486">
        <v>9</v>
      </c>
      <c r="AJ34486">
        <v>9</v>
      </c>
      <c r="AK34486">
        <v>10</v>
      </c>
      <c r="AL34486">
        <v>10</v>
      </c>
      <c r="AM34486">
        <v>10</v>
      </c>
      <c r="AN34486">
        <v>10</v>
      </c>
      <c r="AO34486">
        <v>11</v>
      </c>
      <c r="AP34486">
        <v>11</v>
      </c>
      <c r="AQ34486">
        <v>11</v>
      </c>
    </row>
    <row r="34487" spans="1:43">
      <c r="A34487" t="s">
        <v>21369</v>
      </c>
      <c r="B34487" t="s">
        <v>21370</v>
      </c>
      <c r="C34487" t="s">
        <v>21367</v>
      </c>
      <c r="D34487" t="s">
        <v>21368</v>
      </c>
      <c r="E34487" t="s">
        <v>21317</v>
      </c>
      <c r="F34487" t="s">
        <v>21318</v>
      </c>
      <c r="G34487" t="s">
        <v>20255</v>
      </c>
      <c r="H34487" t="s">
        <v>20256</v>
      </c>
      <c r="I34487" s="2">
        <v>1</v>
      </c>
      <c r="J34487" s="2">
        <v>0</v>
      </c>
      <c r="K34487" s="2">
        <v>0</v>
      </c>
      <c r="L34487" t="s">
        <v>120</v>
      </c>
      <c r="M34487" t="s">
        <v>87</v>
      </c>
      <c r="N34487" t="s">
        <v>88</v>
      </c>
      <c r="O34487" t="s">
        <v>85</v>
      </c>
      <c r="P34487" t="s">
        <v>86</v>
      </c>
      <c r="Q34487">
        <v>5</v>
      </c>
      <c r="R34487">
        <v>5</v>
      </c>
      <c r="S34487">
        <v>6</v>
      </c>
      <c r="T34487">
        <v>6</v>
      </c>
      <c r="U34487">
        <v>6</v>
      </c>
      <c r="V34487">
        <v>6</v>
      </c>
      <c r="W34487">
        <v>6</v>
      </c>
      <c r="X34487">
        <v>6</v>
      </c>
      <c r="Y34487">
        <v>6</v>
      </c>
      <c r="Z34487">
        <v>7</v>
      </c>
      <c r="AA34487">
        <v>7</v>
      </c>
      <c r="AB34487">
        <v>7</v>
      </c>
      <c r="AC34487">
        <v>7</v>
      </c>
      <c r="AD34487">
        <v>7</v>
      </c>
      <c r="AE34487">
        <v>7</v>
      </c>
      <c r="AF34487">
        <v>8</v>
      </c>
      <c r="AG34487">
        <v>8</v>
      </c>
      <c r="AH34487">
        <v>8</v>
      </c>
      <c r="AI34487">
        <v>8</v>
      </c>
      <c r="AJ34487">
        <v>8</v>
      </c>
      <c r="AK34487">
        <v>8</v>
      </c>
      <c r="AL34487">
        <v>9</v>
      </c>
      <c r="AM34487">
        <v>9</v>
      </c>
      <c r="AN34487">
        <v>9</v>
      </c>
      <c r="AO34487">
        <v>9</v>
      </c>
      <c r="AP34487">
        <v>9</v>
      </c>
      <c r="AQ34487">
        <v>9</v>
      </c>
    </row>
    <row r="34488" spans="1:43">
      <c r="A34488" t="s">
        <v>21369</v>
      </c>
      <c r="B34488" t="s">
        <v>21370</v>
      </c>
      <c r="C34488" t="s">
        <v>21367</v>
      </c>
      <c r="D34488" t="s">
        <v>21368</v>
      </c>
      <c r="E34488" t="s">
        <v>21317</v>
      </c>
      <c r="F34488" t="s">
        <v>21318</v>
      </c>
      <c r="G34488" t="s">
        <v>20255</v>
      </c>
      <c r="H34488" t="s">
        <v>20256</v>
      </c>
      <c r="I34488" s="2">
        <v>1</v>
      </c>
      <c r="J34488" s="2">
        <v>0</v>
      </c>
      <c r="K34488" s="2">
        <v>0</v>
      </c>
      <c r="L34488" t="s">
        <v>120</v>
      </c>
      <c r="M34488" t="s">
        <v>89</v>
      </c>
      <c r="N34488" t="s">
        <v>90</v>
      </c>
      <c r="O34488" t="s">
        <v>85</v>
      </c>
      <c r="P34488" t="s">
        <v>86</v>
      </c>
      <c r="Q34488">
        <v>5</v>
      </c>
      <c r="R34488">
        <v>6</v>
      </c>
      <c r="S34488">
        <v>6</v>
      </c>
      <c r="T34488">
        <v>6</v>
      </c>
      <c r="U34488">
        <v>6</v>
      </c>
      <c r="V34488">
        <v>7</v>
      </c>
      <c r="W34488">
        <v>7</v>
      </c>
      <c r="X34488">
        <v>7</v>
      </c>
      <c r="Y34488">
        <v>7</v>
      </c>
      <c r="Z34488">
        <v>8</v>
      </c>
      <c r="AA34488">
        <v>8</v>
      </c>
      <c r="AB34488">
        <v>8</v>
      </c>
      <c r="AC34488">
        <v>8</v>
      </c>
      <c r="AD34488">
        <v>9</v>
      </c>
      <c r="AE34488">
        <v>9</v>
      </c>
      <c r="AF34488">
        <v>9</v>
      </c>
      <c r="AG34488">
        <v>9</v>
      </c>
      <c r="AH34488">
        <v>9</v>
      </c>
      <c r="AI34488">
        <v>10</v>
      </c>
      <c r="AJ34488">
        <v>10</v>
      </c>
      <c r="AK34488">
        <v>10</v>
      </c>
      <c r="AL34488">
        <v>10</v>
      </c>
      <c r="AM34488">
        <v>10</v>
      </c>
      <c r="AN34488">
        <v>10</v>
      </c>
      <c r="AO34488">
        <v>11</v>
      </c>
      <c r="AP34488">
        <v>11</v>
      </c>
      <c r="AQ34488">
        <v>11</v>
      </c>
    </row>
    <row r="34489" spans="1:43">
      <c r="A34489" t="s">
        <v>21369</v>
      </c>
      <c r="B34489" t="s">
        <v>21370</v>
      </c>
      <c r="C34489" t="s">
        <v>21367</v>
      </c>
      <c r="D34489" t="s">
        <v>21368</v>
      </c>
      <c r="E34489" t="s">
        <v>21317</v>
      </c>
      <c r="F34489" t="s">
        <v>21318</v>
      </c>
      <c r="G34489" t="s">
        <v>20255</v>
      </c>
      <c r="H34489" t="s">
        <v>20256</v>
      </c>
      <c r="I34489" s="2">
        <v>1</v>
      </c>
      <c r="J34489" s="2">
        <v>0</v>
      </c>
      <c r="K34489" s="2">
        <v>0</v>
      </c>
      <c r="L34489" t="s">
        <v>120</v>
      </c>
      <c r="M34489" t="s">
        <v>83</v>
      </c>
      <c r="N34489" t="s">
        <v>91</v>
      </c>
      <c r="O34489" t="s">
        <v>85</v>
      </c>
      <c r="P34489" t="s">
        <v>86</v>
      </c>
      <c r="Q34489">
        <v>5</v>
      </c>
      <c r="R34489">
        <v>6</v>
      </c>
      <c r="S34489">
        <v>6</v>
      </c>
      <c r="T34489">
        <v>6</v>
      </c>
      <c r="U34489">
        <v>6</v>
      </c>
      <c r="V34489">
        <v>6</v>
      </c>
      <c r="W34489">
        <v>7</v>
      </c>
      <c r="X34489">
        <v>7</v>
      </c>
      <c r="Y34489">
        <v>7</v>
      </c>
      <c r="Z34489">
        <v>7</v>
      </c>
      <c r="AA34489">
        <v>7</v>
      </c>
      <c r="AB34489">
        <v>8</v>
      </c>
      <c r="AC34489">
        <v>8</v>
      </c>
      <c r="AD34489">
        <v>8</v>
      </c>
      <c r="AE34489">
        <v>8</v>
      </c>
      <c r="AF34489">
        <v>8</v>
      </c>
      <c r="AG34489">
        <v>9</v>
      </c>
      <c r="AH34489">
        <v>9</v>
      </c>
      <c r="AI34489">
        <v>9</v>
      </c>
      <c r="AJ34489">
        <v>9</v>
      </c>
      <c r="AK34489">
        <v>10</v>
      </c>
      <c r="AL34489">
        <v>10</v>
      </c>
      <c r="AM34489">
        <v>10</v>
      </c>
      <c r="AN34489">
        <v>10</v>
      </c>
      <c r="AO34489">
        <v>11</v>
      </c>
      <c r="AP34489">
        <v>11</v>
      </c>
      <c r="AQ34489">
        <v>11</v>
      </c>
    </row>
    <row r="34490" spans="1:43">
      <c r="A34490" t="s">
        <v>21371</v>
      </c>
      <c r="B34490" t="s">
        <v>21372</v>
      </c>
      <c r="C34490" t="s">
        <v>21367</v>
      </c>
      <c r="D34490" t="s">
        <v>21368</v>
      </c>
      <c r="E34490" t="s">
        <v>21317</v>
      </c>
      <c r="F34490" t="s">
        <v>21318</v>
      </c>
      <c r="G34490" t="s">
        <v>20255</v>
      </c>
      <c r="H34490" t="s">
        <v>20256</v>
      </c>
      <c r="I34490" s="2">
        <v>1</v>
      </c>
      <c r="J34490" s="2">
        <v>0</v>
      </c>
      <c r="K34490" s="2">
        <v>0</v>
      </c>
      <c r="L34490" t="s">
        <v>120</v>
      </c>
      <c r="M34490" t="s">
        <v>83</v>
      </c>
      <c r="N34490" t="s">
        <v>84</v>
      </c>
      <c r="O34490" t="s">
        <v>85</v>
      </c>
      <c r="P34490" t="s">
        <v>86</v>
      </c>
      <c r="Q34490">
        <v>132</v>
      </c>
      <c r="R34490">
        <v>136</v>
      </c>
      <c r="S34490">
        <v>141</v>
      </c>
      <c r="T34490">
        <v>146</v>
      </c>
      <c r="U34490">
        <v>151</v>
      </c>
      <c r="V34490">
        <v>156</v>
      </c>
      <c r="W34490">
        <v>161</v>
      </c>
      <c r="X34490">
        <v>166</v>
      </c>
      <c r="Y34490">
        <v>171</v>
      </c>
      <c r="Z34490">
        <v>176</v>
      </c>
      <c r="AA34490">
        <v>181</v>
      </c>
      <c r="AB34490">
        <v>186</v>
      </c>
      <c r="AC34490">
        <v>192</v>
      </c>
      <c r="AD34490">
        <v>197</v>
      </c>
      <c r="AE34490">
        <v>203</v>
      </c>
      <c r="AF34490">
        <v>208</v>
      </c>
      <c r="AG34490">
        <v>214</v>
      </c>
      <c r="AH34490">
        <v>220</v>
      </c>
      <c r="AI34490">
        <v>226</v>
      </c>
      <c r="AJ34490">
        <v>232</v>
      </c>
      <c r="AK34490">
        <v>239</v>
      </c>
      <c r="AL34490">
        <v>244</v>
      </c>
      <c r="AM34490">
        <v>248</v>
      </c>
      <c r="AN34490">
        <v>253</v>
      </c>
      <c r="AO34490">
        <v>258</v>
      </c>
      <c r="AP34490">
        <v>263</v>
      </c>
      <c r="AQ34490">
        <v>267</v>
      </c>
    </row>
    <row r="34491" spans="1:43">
      <c r="A34491" t="s">
        <v>21371</v>
      </c>
      <c r="B34491" t="s">
        <v>21372</v>
      </c>
      <c r="C34491" t="s">
        <v>21367</v>
      </c>
      <c r="D34491" t="s">
        <v>21368</v>
      </c>
      <c r="E34491" t="s">
        <v>21317</v>
      </c>
      <c r="F34491" t="s">
        <v>21318</v>
      </c>
      <c r="G34491" t="s">
        <v>20255</v>
      </c>
      <c r="H34491" t="s">
        <v>20256</v>
      </c>
      <c r="I34491" s="2">
        <v>1</v>
      </c>
      <c r="J34491" s="2">
        <v>0</v>
      </c>
      <c r="K34491" s="2">
        <v>0</v>
      </c>
      <c r="L34491" t="s">
        <v>120</v>
      </c>
      <c r="M34491" t="s">
        <v>87</v>
      </c>
      <c r="N34491" t="s">
        <v>88</v>
      </c>
      <c r="O34491" t="s">
        <v>85</v>
      </c>
      <c r="P34491" t="s">
        <v>86</v>
      </c>
      <c r="Q34491">
        <v>132</v>
      </c>
      <c r="R34491">
        <v>135</v>
      </c>
      <c r="S34491">
        <v>138</v>
      </c>
      <c r="T34491">
        <v>141</v>
      </c>
      <c r="U34491">
        <v>145</v>
      </c>
      <c r="V34491">
        <v>148</v>
      </c>
      <c r="W34491">
        <v>152</v>
      </c>
      <c r="X34491">
        <v>155</v>
      </c>
      <c r="Y34491">
        <v>159</v>
      </c>
      <c r="Z34491">
        <v>163</v>
      </c>
      <c r="AA34491">
        <v>166</v>
      </c>
      <c r="AB34491">
        <v>170</v>
      </c>
      <c r="AC34491">
        <v>174</v>
      </c>
      <c r="AD34491">
        <v>178</v>
      </c>
      <c r="AE34491">
        <v>182</v>
      </c>
      <c r="AF34491">
        <v>186</v>
      </c>
      <c r="AG34491">
        <v>190</v>
      </c>
      <c r="AH34491">
        <v>194</v>
      </c>
      <c r="AI34491">
        <v>198</v>
      </c>
      <c r="AJ34491">
        <v>202</v>
      </c>
      <c r="AK34491">
        <v>206</v>
      </c>
      <c r="AL34491">
        <v>211</v>
      </c>
      <c r="AM34491">
        <v>215</v>
      </c>
      <c r="AN34491">
        <v>220</v>
      </c>
      <c r="AO34491">
        <v>224</v>
      </c>
      <c r="AP34491">
        <v>229</v>
      </c>
      <c r="AQ34491">
        <v>234</v>
      </c>
    </row>
    <row r="34492" spans="1:43">
      <c r="A34492" t="s">
        <v>21371</v>
      </c>
      <c r="B34492" t="s">
        <v>21372</v>
      </c>
      <c r="C34492" t="s">
        <v>21367</v>
      </c>
      <c r="D34492" t="s">
        <v>21368</v>
      </c>
      <c r="E34492" t="s">
        <v>21317</v>
      </c>
      <c r="F34492" t="s">
        <v>21318</v>
      </c>
      <c r="G34492" t="s">
        <v>20255</v>
      </c>
      <c r="H34492" t="s">
        <v>20256</v>
      </c>
      <c r="I34492" s="2">
        <v>1</v>
      </c>
      <c r="J34492" s="2">
        <v>0</v>
      </c>
      <c r="K34492" s="2">
        <v>0</v>
      </c>
      <c r="L34492" t="s">
        <v>120</v>
      </c>
      <c r="M34492" t="s">
        <v>89</v>
      </c>
      <c r="N34492" t="s">
        <v>90</v>
      </c>
      <c r="O34492" t="s">
        <v>85</v>
      </c>
      <c r="P34492" t="s">
        <v>86</v>
      </c>
      <c r="Q34492">
        <v>132</v>
      </c>
      <c r="R34492">
        <v>138</v>
      </c>
      <c r="S34492">
        <v>144</v>
      </c>
      <c r="T34492">
        <v>149</v>
      </c>
      <c r="U34492">
        <v>155</v>
      </c>
      <c r="V34492">
        <v>161</v>
      </c>
      <c r="W34492">
        <v>167</v>
      </c>
      <c r="X34492">
        <v>173</v>
      </c>
      <c r="Y34492">
        <v>179</v>
      </c>
      <c r="Z34492">
        <v>185</v>
      </c>
      <c r="AA34492">
        <v>191</v>
      </c>
      <c r="AB34492">
        <v>197</v>
      </c>
      <c r="AC34492">
        <v>203</v>
      </c>
      <c r="AD34492">
        <v>210</v>
      </c>
      <c r="AE34492">
        <v>215</v>
      </c>
      <c r="AF34492">
        <v>220</v>
      </c>
      <c r="AG34492">
        <v>224</v>
      </c>
      <c r="AH34492">
        <v>229</v>
      </c>
      <c r="AI34492">
        <v>233</v>
      </c>
      <c r="AJ34492">
        <v>238</v>
      </c>
      <c r="AK34492">
        <v>242</v>
      </c>
      <c r="AL34492">
        <v>247</v>
      </c>
      <c r="AM34492">
        <v>251</v>
      </c>
      <c r="AN34492">
        <v>256</v>
      </c>
      <c r="AO34492">
        <v>261</v>
      </c>
      <c r="AP34492">
        <v>265</v>
      </c>
      <c r="AQ34492">
        <v>270</v>
      </c>
    </row>
    <row r="34493" spans="1:43">
      <c r="A34493" t="s">
        <v>21371</v>
      </c>
      <c r="B34493" t="s">
        <v>21372</v>
      </c>
      <c r="C34493" t="s">
        <v>21367</v>
      </c>
      <c r="D34493" t="s">
        <v>21368</v>
      </c>
      <c r="E34493" t="s">
        <v>21317</v>
      </c>
      <c r="F34493" t="s">
        <v>21318</v>
      </c>
      <c r="G34493" t="s">
        <v>20255</v>
      </c>
      <c r="H34493" t="s">
        <v>20256</v>
      </c>
      <c r="I34493" s="2">
        <v>1</v>
      </c>
      <c r="J34493" s="2">
        <v>0</v>
      </c>
      <c r="K34493" s="2">
        <v>0</v>
      </c>
      <c r="L34493" t="s">
        <v>120</v>
      </c>
      <c r="M34493" t="s">
        <v>83</v>
      </c>
      <c r="N34493" t="s">
        <v>91</v>
      </c>
      <c r="O34493" t="s">
        <v>85</v>
      </c>
      <c r="P34493" t="s">
        <v>86</v>
      </c>
      <c r="Q34493">
        <v>132</v>
      </c>
      <c r="R34493">
        <v>136</v>
      </c>
      <c r="S34493">
        <v>141</v>
      </c>
      <c r="T34493">
        <v>146</v>
      </c>
      <c r="U34493">
        <v>151</v>
      </c>
      <c r="V34493">
        <v>156</v>
      </c>
      <c r="W34493">
        <v>161</v>
      </c>
      <c r="X34493">
        <v>166</v>
      </c>
      <c r="Y34493">
        <v>171</v>
      </c>
      <c r="Z34493">
        <v>176</v>
      </c>
      <c r="AA34493">
        <v>181</v>
      </c>
      <c r="AB34493">
        <v>186</v>
      </c>
      <c r="AC34493">
        <v>192</v>
      </c>
      <c r="AD34493">
        <v>197</v>
      </c>
      <c r="AE34493">
        <v>203</v>
      </c>
      <c r="AF34493">
        <v>208</v>
      </c>
      <c r="AG34493">
        <v>214</v>
      </c>
      <c r="AH34493">
        <v>220</v>
      </c>
      <c r="AI34493">
        <v>226</v>
      </c>
      <c r="AJ34493">
        <v>232</v>
      </c>
      <c r="AK34493">
        <v>239</v>
      </c>
      <c r="AL34493">
        <v>244</v>
      </c>
      <c r="AM34493">
        <v>248</v>
      </c>
      <c r="AN34493">
        <v>253</v>
      </c>
      <c r="AO34493">
        <v>258</v>
      </c>
      <c r="AP34493">
        <v>263</v>
      </c>
      <c r="AQ34493">
        <v>267</v>
      </c>
    </row>
    <row r="34494" spans="1:43">
      <c r="A34494" t="s">
        <v>21373</v>
      </c>
      <c r="B34494" t="s">
        <v>21374</v>
      </c>
      <c r="C34494" t="s">
        <v>21375</v>
      </c>
      <c r="D34494" t="s">
        <v>21376</v>
      </c>
      <c r="E34494" t="s">
        <v>21317</v>
      </c>
      <c r="F34494" t="s">
        <v>21318</v>
      </c>
      <c r="G34494" t="s">
        <v>20255</v>
      </c>
      <c r="H34494" t="s">
        <v>20256</v>
      </c>
      <c r="I34494" s="2">
        <v>1</v>
      </c>
      <c r="J34494" s="2">
        <v>0</v>
      </c>
      <c r="K34494" s="2">
        <v>0</v>
      </c>
      <c r="L34494" t="s">
        <v>120</v>
      </c>
      <c r="M34494" t="s">
        <v>83</v>
      </c>
      <c r="N34494" t="s">
        <v>84</v>
      </c>
      <c r="O34494" t="s">
        <v>85</v>
      </c>
      <c r="P34494" t="s">
        <v>86</v>
      </c>
      <c r="Q34494">
        <v>16</v>
      </c>
      <c r="R34494">
        <v>17</v>
      </c>
      <c r="S34494">
        <v>18</v>
      </c>
      <c r="T34494">
        <v>18</v>
      </c>
      <c r="U34494">
        <v>19</v>
      </c>
      <c r="V34494">
        <v>19</v>
      </c>
      <c r="W34494">
        <v>20</v>
      </c>
      <c r="X34494">
        <v>20</v>
      </c>
      <c r="Y34494">
        <v>21</v>
      </c>
      <c r="Z34494">
        <v>22</v>
      </c>
      <c r="AA34494">
        <v>22</v>
      </c>
      <c r="AB34494">
        <v>23</v>
      </c>
      <c r="AC34494">
        <v>23</v>
      </c>
      <c r="AD34494">
        <v>24</v>
      </c>
      <c r="AE34494">
        <v>25</v>
      </c>
      <c r="AF34494">
        <v>25</v>
      </c>
      <c r="AG34494">
        <v>26</v>
      </c>
      <c r="AH34494">
        <v>27</v>
      </c>
      <c r="AI34494">
        <v>28</v>
      </c>
      <c r="AJ34494">
        <v>28</v>
      </c>
      <c r="AK34494">
        <v>29</v>
      </c>
      <c r="AL34494">
        <v>30</v>
      </c>
      <c r="AM34494">
        <v>30</v>
      </c>
      <c r="AN34494">
        <v>31</v>
      </c>
      <c r="AO34494">
        <v>31</v>
      </c>
      <c r="AP34494">
        <v>32</v>
      </c>
      <c r="AQ34494">
        <v>32</v>
      </c>
    </row>
    <row r="34495" spans="1:43">
      <c r="A34495" t="s">
        <v>21373</v>
      </c>
      <c r="B34495" t="s">
        <v>21374</v>
      </c>
      <c r="C34495" t="s">
        <v>21375</v>
      </c>
      <c r="D34495" t="s">
        <v>21376</v>
      </c>
      <c r="E34495" t="s">
        <v>21317</v>
      </c>
      <c r="F34495" t="s">
        <v>21318</v>
      </c>
      <c r="G34495" t="s">
        <v>20255</v>
      </c>
      <c r="H34495" t="s">
        <v>20256</v>
      </c>
      <c r="I34495" s="2">
        <v>1</v>
      </c>
      <c r="J34495" s="2">
        <v>0</v>
      </c>
      <c r="K34495" s="2">
        <v>0</v>
      </c>
      <c r="L34495" t="s">
        <v>120</v>
      </c>
      <c r="M34495" t="s">
        <v>87</v>
      </c>
      <c r="N34495" t="s">
        <v>88</v>
      </c>
      <c r="O34495" t="s">
        <v>85</v>
      </c>
      <c r="P34495" t="s">
        <v>86</v>
      </c>
      <c r="Q34495">
        <v>16</v>
      </c>
      <c r="R34495">
        <v>17</v>
      </c>
      <c r="S34495">
        <v>17</v>
      </c>
      <c r="T34495">
        <v>17</v>
      </c>
      <c r="U34495">
        <v>18</v>
      </c>
      <c r="V34495">
        <v>18</v>
      </c>
      <c r="W34495">
        <v>19</v>
      </c>
      <c r="X34495">
        <v>19</v>
      </c>
      <c r="Y34495">
        <v>19</v>
      </c>
      <c r="Z34495">
        <v>20</v>
      </c>
      <c r="AA34495">
        <v>20</v>
      </c>
      <c r="AB34495">
        <v>21</v>
      </c>
      <c r="AC34495">
        <v>21</v>
      </c>
      <c r="AD34495">
        <v>22</v>
      </c>
      <c r="AE34495">
        <v>22</v>
      </c>
      <c r="AF34495">
        <v>22</v>
      </c>
      <c r="AG34495">
        <v>23</v>
      </c>
      <c r="AH34495">
        <v>23</v>
      </c>
      <c r="AI34495">
        <v>24</v>
      </c>
      <c r="AJ34495">
        <v>24</v>
      </c>
      <c r="AK34495">
        <v>25</v>
      </c>
      <c r="AL34495">
        <v>25</v>
      </c>
      <c r="AM34495">
        <v>26</v>
      </c>
      <c r="AN34495">
        <v>26</v>
      </c>
      <c r="AO34495">
        <v>27</v>
      </c>
      <c r="AP34495">
        <v>27</v>
      </c>
      <c r="AQ34495">
        <v>28</v>
      </c>
    </row>
    <row r="34496" spans="1:43">
      <c r="A34496" t="s">
        <v>21373</v>
      </c>
      <c r="B34496" t="s">
        <v>21374</v>
      </c>
      <c r="C34496" t="s">
        <v>21375</v>
      </c>
      <c r="D34496" t="s">
        <v>21376</v>
      </c>
      <c r="E34496" t="s">
        <v>21317</v>
      </c>
      <c r="F34496" t="s">
        <v>21318</v>
      </c>
      <c r="G34496" t="s">
        <v>20255</v>
      </c>
      <c r="H34496" t="s">
        <v>20256</v>
      </c>
      <c r="I34496" s="2">
        <v>1</v>
      </c>
      <c r="J34496" s="2">
        <v>0</v>
      </c>
      <c r="K34496" s="2">
        <v>0</v>
      </c>
      <c r="L34496" t="s">
        <v>120</v>
      </c>
      <c r="M34496" t="s">
        <v>89</v>
      </c>
      <c r="N34496" t="s">
        <v>90</v>
      </c>
      <c r="O34496" t="s">
        <v>85</v>
      </c>
      <c r="P34496" t="s">
        <v>86</v>
      </c>
      <c r="Q34496">
        <v>16</v>
      </c>
      <c r="R34496">
        <v>16</v>
      </c>
      <c r="S34496">
        <v>17</v>
      </c>
      <c r="T34496">
        <v>18</v>
      </c>
      <c r="U34496">
        <v>18</v>
      </c>
      <c r="V34496">
        <v>19</v>
      </c>
      <c r="W34496">
        <v>20</v>
      </c>
      <c r="X34496">
        <v>20</v>
      </c>
      <c r="Y34496">
        <v>21</v>
      </c>
      <c r="Z34496">
        <v>22</v>
      </c>
      <c r="AA34496">
        <v>23</v>
      </c>
      <c r="AB34496">
        <v>23</v>
      </c>
      <c r="AC34496">
        <v>24</v>
      </c>
      <c r="AD34496">
        <v>25</v>
      </c>
      <c r="AE34496">
        <v>26</v>
      </c>
      <c r="AF34496">
        <v>26</v>
      </c>
      <c r="AG34496">
        <v>27</v>
      </c>
      <c r="AH34496">
        <v>27</v>
      </c>
      <c r="AI34496">
        <v>28</v>
      </c>
      <c r="AJ34496">
        <v>28</v>
      </c>
      <c r="AK34496">
        <v>28</v>
      </c>
      <c r="AL34496">
        <v>29</v>
      </c>
      <c r="AM34496">
        <v>29</v>
      </c>
      <c r="AN34496">
        <v>30</v>
      </c>
      <c r="AO34496">
        <v>31</v>
      </c>
      <c r="AP34496">
        <v>31</v>
      </c>
      <c r="AQ34496">
        <v>32</v>
      </c>
    </row>
    <row r="34497" spans="1:43">
      <c r="A34497" t="s">
        <v>21373</v>
      </c>
      <c r="B34497" t="s">
        <v>21374</v>
      </c>
      <c r="C34497" t="s">
        <v>21375</v>
      </c>
      <c r="D34497" t="s">
        <v>21376</v>
      </c>
      <c r="E34497" t="s">
        <v>21317</v>
      </c>
      <c r="F34497" t="s">
        <v>21318</v>
      </c>
      <c r="G34497" t="s">
        <v>20255</v>
      </c>
      <c r="H34497" t="s">
        <v>20256</v>
      </c>
      <c r="I34497" s="2">
        <v>1</v>
      </c>
      <c r="J34497" s="2">
        <v>0</v>
      </c>
      <c r="K34497" s="2">
        <v>0</v>
      </c>
      <c r="L34497" t="s">
        <v>120</v>
      </c>
      <c r="M34497" t="s">
        <v>83</v>
      </c>
      <c r="N34497" t="s">
        <v>91</v>
      </c>
      <c r="O34497" t="s">
        <v>85</v>
      </c>
      <c r="P34497" t="s">
        <v>86</v>
      </c>
      <c r="Q34497">
        <v>16</v>
      </c>
      <c r="R34497">
        <v>17</v>
      </c>
      <c r="S34497">
        <v>18</v>
      </c>
      <c r="T34497">
        <v>18</v>
      </c>
      <c r="U34497">
        <v>19</v>
      </c>
      <c r="V34497">
        <v>19</v>
      </c>
      <c r="W34497">
        <v>20</v>
      </c>
      <c r="X34497">
        <v>20</v>
      </c>
      <c r="Y34497">
        <v>21</v>
      </c>
      <c r="Z34497">
        <v>22</v>
      </c>
      <c r="AA34497">
        <v>22</v>
      </c>
      <c r="AB34497">
        <v>23</v>
      </c>
      <c r="AC34497">
        <v>23</v>
      </c>
      <c r="AD34497">
        <v>24</v>
      </c>
      <c r="AE34497">
        <v>25</v>
      </c>
      <c r="AF34497">
        <v>25</v>
      </c>
      <c r="AG34497">
        <v>26</v>
      </c>
      <c r="AH34497">
        <v>27</v>
      </c>
      <c r="AI34497">
        <v>28</v>
      </c>
      <c r="AJ34497">
        <v>28</v>
      </c>
      <c r="AK34497">
        <v>29</v>
      </c>
      <c r="AL34497">
        <v>30</v>
      </c>
      <c r="AM34497">
        <v>30</v>
      </c>
      <c r="AN34497">
        <v>31</v>
      </c>
      <c r="AO34497">
        <v>31</v>
      </c>
      <c r="AP34497">
        <v>32</v>
      </c>
      <c r="AQ34497">
        <v>32</v>
      </c>
    </row>
    <row r="34498" spans="1:43">
      <c r="A34498" t="s">
        <v>21377</v>
      </c>
      <c r="B34498" t="s">
        <v>21378</v>
      </c>
      <c r="C34498" t="s">
        <v>21375</v>
      </c>
      <c r="D34498" t="s">
        <v>21376</v>
      </c>
      <c r="E34498" t="s">
        <v>21317</v>
      </c>
      <c r="F34498" t="s">
        <v>21318</v>
      </c>
      <c r="G34498" t="s">
        <v>20255</v>
      </c>
      <c r="H34498" t="s">
        <v>20256</v>
      </c>
      <c r="I34498" s="2">
        <v>1</v>
      </c>
      <c r="J34498" s="2">
        <v>0</v>
      </c>
      <c r="K34498" s="2">
        <v>0</v>
      </c>
      <c r="L34498" t="s">
        <v>120</v>
      </c>
      <c r="M34498" t="s">
        <v>83</v>
      </c>
      <c r="N34498" t="s">
        <v>84</v>
      </c>
      <c r="O34498" t="s">
        <v>85</v>
      </c>
      <c r="P34498" t="s">
        <v>86</v>
      </c>
      <c r="Q34498">
        <v>16</v>
      </c>
      <c r="R34498">
        <v>17</v>
      </c>
      <c r="S34498">
        <v>17</v>
      </c>
      <c r="T34498">
        <v>18</v>
      </c>
      <c r="U34498">
        <v>18</v>
      </c>
      <c r="V34498">
        <v>19</v>
      </c>
      <c r="W34498">
        <v>20</v>
      </c>
      <c r="X34498">
        <v>20</v>
      </c>
      <c r="Y34498">
        <v>21</v>
      </c>
      <c r="Z34498">
        <v>21</v>
      </c>
      <c r="AA34498">
        <v>22</v>
      </c>
      <c r="AB34498">
        <v>23</v>
      </c>
      <c r="AC34498">
        <v>23</v>
      </c>
      <c r="AD34498">
        <v>24</v>
      </c>
      <c r="AE34498">
        <v>24</v>
      </c>
      <c r="AF34498">
        <v>25</v>
      </c>
      <c r="AG34498">
        <v>26</v>
      </c>
      <c r="AH34498">
        <v>27</v>
      </c>
      <c r="AI34498">
        <v>27</v>
      </c>
      <c r="AJ34498">
        <v>28</v>
      </c>
      <c r="AK34498">
        <v>29</v>
      </c>
      <c r="AL34498">
        <v>29</v>
      </c>
      <c r="AM34498">
        <v>30</v>
      </c>
      <c r="AN34498">
        <v>30</v>
      </c>
      <c r="AO34498">
        <v>31</v>
      </c>
      <c r="AP34498">
        <v>31</v>
      </c>
      <c r="AQ34498">
        <v>32</v>
      </c>
    </row>
    <row r="34499" spans="1:43">
      <c r="A34499" t="s">
        <v>21377</v>
      </c>
      <c r="B34499" t="s">
        <v>21378</v>
      </c>
      <c r="C34499" t="s">
        <v>21375</v>
      </c>
      <c r="D34499" t="s">
        <v>21376</v>
      </c>
      <c r="E34499" t="s">
        <v>21317</v>
      </c>
      <c r="F34499" t="s">
        <v>21318</v>
      </c>
      <c r="G34499" t="s">
        <v>20255</v>
      </c>
      <c r="H34499" t="s">
        <v>20256</v>
      </c>
      <c r="I34499" s="2">
        <v>1</v>
      </c>
      <c r="J34499" s="2">
        <v>0</v>
      </c>
      <c r="K34499" s="2">
        <v>0</v>
      </c>
      <c r="L34499" t="s">
        <v>120</v>
      </c>
      <c r="M34499" t="s">
        <v>87</v>
      </c>
      <c r="N34499" t="s">
        <v>88</v>
      </c>
      <c r="O34499" t="s">
        <v>85</v>
      </c>
      <c r="P34499" t="s">
        <v>86</v>
      </c>
      <c r="Q34499">
        <v>16</v>
      </c>
      <c r="R34499">
        <v>16</v>
      </c>
      <c r="S34499">
        <v>17</v>
      </c>
      <c r="T34499">
        <v>17</v>
      </c>
      <c r="U34499">
        <v>18</v>
      </c>
      <c r="V34499">
        <v>18</v>
      </c>
      <c r="W34499">
        <v>18</v>
      </c>
      <c r="X34499">
        <v>19</v>
      </c>
      <c r="Y34499">
        <v>19</v>
      </c>
      <c r="Z34499">
        <v>20</v>
      </c>
      <c r="AA34499">
        <v>20</v>
      </c>
      <c r="AB34499">
        <v>20</v>
      </c>
      <c r="AC34499">
        <v>21</v>
      </c>
      <c r="AD34499">
        <v>21</v>
      </c>
      <c r="AE34499">
        <v>22</v>
      </c>
      <c r="AF34499">
        <v>22</v>
      </c>
      <c r="AG34499">
        <v>23</v>
      </c>
      <c r="AH34499">
        <v>23</v>
      </c>
      <c r="AI34499">
        <v>24</v>
      </c>
      <c r="AJ34499">
        <v>24</v>
      </c>
      <c r="AK34499">
        <v>25</v>
      </c>
      <c r="AL34499">
        <v>25</v>
      </c>
      <c r="AM34499">
        <v>25</v>
      </c>
      <c r="AN34499">
        <v>26</v>
      </c>
      <c r="AO34499">
        <v>27</v>
      </c>
      <c r="AP34499">
        <v>27</v>
      </c>
      <c r="AQ34499">
        <v>28</v>
      </c>
    </row>
    <row r="34500" spans="1:43">
      <c r="A34500" t="s">
        <v>21377</v>
      </c>
      <c r="B34500" t="s">
        <v>21378</v>
      </c>
      <c r="C34500" t="s">
        <v>21375</v>
      </c>
      <c r="D34500" t="s">
        <v>21376</v>
      </c>
      <c r="E34500" t="s">
        <v>21317</v>
      </c>
      <c r="F34500" t="s">
        <v>21318</v>
      </c>
      <c r="G34500" t="s">
        <v>20255</v>
      </c>
      <c r="H34500" t="s">
        <v>20256</v>
      </c>
      <c r="I34500" s="2">
        <v>1</v>
      </c>
      <c r="J34500" s="2">
        <v>0</v>
      </c>
      <c r="K34500" s="2">
        <v>0</v>
      </c>
      <c r="L34500" t="s">
        <v>120</v>
      </c>
      <c r="M34500" t="s">
        <v>89</v>
      </c>
      <c r="N34500" t="s">
        <v>90</v>
      </c>
      <c r="O34500" t="s">
        <v>85</v>
      </c>
      <c r="P34500" t="s">
        <v>86</v>
      </c>
      <c r="Q34500">
        <v>16</v>
      </c>
      <c r="R34500">
        <v>17</v>
      </c>
      <c r="S34500">
        <v>18</v>
      </c>
      <c r="T34500">
        <v>18</v>
      </c>
      <c r="U34500">
        <v>19</v>
      </c>
      <c r="V34500">
        <v>20</v>
      </c>
      <c r="W34500">
        <v>21</v>
      </c>
      <c r="X34500">
        <v>21</v>
      </c>
      <c r="Y34500">
        <v>22</v>
      </c>
      <c r="Z34500">
        <v>23</v>
      </c>
      <c r="AA34500">
        <v>23</v>
      </c>
      <c r="AB34500">
        <v>24</v>
      </c>
      <c r="AC34500">
        <v>25</v>
      </c>
      <c r="AD34500">
        <v>26</v>
      </c>
      <c r="AE34500">
        <v>26</v>
      </c>
      <c r="AF34500">
        <v>27</v>
      </c>
      <c r="AG34500">
        <v>27</v>
      </c>
      <c r="AH34500">
        <v>28</v>
      </c>
      <c r="AI34500">
        <v>28</v>
      </c>
      <c r="AJ34500">
        <v>29</v>
      </c>
      <c r="AK34500">
        <v>29</v>
      </c>
      <c r="AL34500">
        <v>30</v>
      </c>
      <c r="AM34500">
        <v>30</v>
      </c>
      <c r="AN34500">
        <v>31</v>
      </c>
      <c r="AO34500">
        <v>31</v>
      </c>
      <c r="AP34500">
        <v>32</v>
      </c>
      <c r="AQ34500">
        <v>32</v>
      </c>
    </row>
    <row r="34501" spans="1:43">
      <c r="A34501" t="s">
        <v>21377</v>
      </c>
      <c r="B34501" t="s">
        <v>21378</v>
      </c>
      <c r="C34501" t="s">
        <v>21375</v>
      </c>
      <c r="D34501" t="s">
        <v>21376</v>
      </c>
      <c r="E34501" t="s">
        <v>21317</v>
      </c>
      <c r="F34501" t="s">
        <v>21318</v>
      </c>
      <c r="G34501" t="s">
        <v>20255</v>
      </c>
      <c r="H34501" t="s">
        <v>20256</v>
      </c>
      <c r="I34501" s="2">
        <v>1</v>
      </c>
      <c r="J34501" s="2">
        <v>0</v>
      </c>
      <c r="K34501" s="2">
        <v>0</v>
      </c>
      <c r="L34501" t="s">
        <v>120</v>
      </c>
      <c r="M34501" t="s">
        <v>83</v>
      </c>
      <c r="N34501" t="s">
        <v>91</v>
      </c>
      <c r="O34501" t="s">
        <v>85</v>
      </c>
      <c r="P34501" t="s">
        <v>86</v>
      </c>
      <c r="Q34501">
        <v>16</v>
      </c>
      <c r="R34501">
        <v>17</v>
      </c>
      <c r="S34501">
        <v>17</v>
      </c>
      <c r="T34501">
        <v>18</v>
      </c>
      <c r="U34501">
        <v>18</v>
      </c>
      <c r="V34501">
        <v>19</v>
      </c>
      <c r="W34501">
        <v>20</v>
      </c>
      <c r="X34501">
        <v>20</v>
      </c>
      <c r="Y34501">
        <v>21</v>
      </c>
      <c r="Z34501">
        <v>21</v>
      </c>
      <c r="AA34501">
        <v>22</v>
      </c>
      <c r="AB34501">
        <v>23</v>
      </c>
      <c r="AC34501">
        <v>23</v>
      </c>
      <c r="AD34501">
        <v>24</v>
      </c>
      <c r="AE34501">
        <v>24</v>
      </c>
      <c r="AF34501">
        <v>25</v>
      </c>
      <c r="AG34501">
        <v>26</v>
      </c>
      <c r="AH34501">
        <v>27</v>
      </c>
      <c r="AI34501">
        <v>27</v>
      </c>
      <c r="AJ34501">
        <v>28</v>
      </c>
      <c r="AK34501">
        <v>29</v>
      </c>
      <c r="AL34501">
        <v>29</v>
      </c>
      <c r="AM34501">
        <v>30</v>
      </c>
      <c r="AN34501">
        <v>30</v>
      </c>
      <c r="AO34501">
        <v>31</v>
      </c>
      <c r="AP34501">
        <v>31</v>
      </c>
      <c r="AQ34501">
        <v>32</v>
      </c>
    </row>
    <row r="34502" spans="1:43">
      <c r="A34502" t="s">
        <v>21379</v>
      </c>
      <c r="B34502" t="s">
        <v>21380</v>
      </c>
      <c r="C34502" t="s">
        <v>21375</v>
      </c>
      <c r="D34502" t="s">
        <v>21376</v>
      </c>
      <c r="E34502" t="s">
        <v>21317</v>
      </c>
      <c r="F34502" t="s">
        <v>21318</v>
      </c>
      <c r="G34502" t="s">
        <v>20255</v>
      </c>
      <c r="H34502" t="s">
        <v>20256</v>
      </c>
      <c r="I34502" s="2">
        <v>1</v>
      </c>
      <c r="J34502" s="2">
        <v>0</v>
      </c>
      <c r="K34502" s="2">
        <v>0</v>
      </c>
      <c r="L34502" t="s">
        <v>120</v>
      </c>
      <c r="M34502" t="s">
        <v>83</v>
      </c>
      <c r="N34502" t="s">
        <v>84</v>
      </c>
      <c r="O34502" t="s">
        <v>85</v>
      </c>
      <c r="P34502" t="s">
        <v>86</v>
      </c>
      <c r="Q34502">
        <v>53</v>
      </c>
      <c r="R34502">
        <v>55</v>
      </c>
      <c r="S34502">
        <v>56</v>
      </c>
      <c r="T34502">
        <v>58</v>
      </c>
      <c r="U34502">
        <v>59</v>
      </c>
      <c r="V34502">
        <v>61</v>
      </c>
      <c r="W34502">
        <v>63</v>
      </c>
      <c r="X34502">
        <v>65</v>
      </c>
      <c r="Y34502">
        <v>66</v>
      </c>
      <c r="Z34502">
        <v>68</v>
      </c>
      <c r="AA34502">
        <v>70</v>
      </c>
      <c r="AB34502">
        <v>72</v>
      </c>
      <c r="AC34502">
        <v>74</v>
      </c>
      <c r="AD34502">
        <v>75</v>
      </c>
      <c r="AE34502">
        <v>77</v>
      </c>
      <c r="AF34502">
        <v>79</v>
      </c>
      <c r="AG34502">
        <v>81</v>
      </c>
      <c r="AH34502">
        <v>84</v>
      </c>
      <c r="AI34502">
        <v>86</v>
      </c>
      <c r="AJ34502">
        <v>88</v>
      </c>
      <c r="AK34502">
        <v>90</v>
      </c>
      <c r="AL34502">
        <v>92</v>
      </c>
      <c r="AM34502">
        <v>93</v>
      </c>
      <c r="AN34502">
        <v>94</v>
      </c>
      <c r="AO34502">
        <v>96</v>
      </c>
      <c r="AP34502">
        <v>97</v>
      </c>
      <c r="AQ34502">
        <v>99</v>
      </c>
    </row>
    <row r="34503" spans="1:43">
      <c r="A34503" t="s">
        <v>21379</v>
      </c>
      <c r="B34503" t="s">
        <v>21380</v>
      </c>
      <c r="C34503" t="s">
        <v>21375</v>
      </c>
      <c r="D34503" t="s">
        <v>21376</v>
      </c>
      <c r="E34503" t="s">
        <v>21317</v>
      </c>
      <c r="F34503" t="s">
        <v>21318</v>
      </c>
      <c r="G34503" t="s">
        <v>20255</v>
      </c>
      <c r="H34503" t="s">
        <v>20256</v>
      </c>
      <c r="I34503" s="2">
        <v>1</v>
      </c>
      <c r="J34503" s="2">
        <v>0</v>
      </c>
      <c r="K34503" s="2">
        <v>0</v>
      </c>
      <c r="L34503" t="s">
        <v>120</v>
      </c>
      <c r="M34503" t="s">
        <v>87</v>
      </c>
      <c r="N34503" t="s">
        <v>88</v>
      </c>
      <c r="O34503" t="s">
        <v>85</v>
      </c>
      <c r="P34503" t="s">
        <v>86</v>
      </c>
      <c r="Q34503">
        <v>53</v>
      </c>
      <c r="R34503">
        <v>55</v>
      </c>
      <c r="S34503">
        <v>56</v>
      </c>
      <c r="T34503">
        <v>57</v>
      </c>
      <c r="U34503">
        <v>58</v>
      </c>
      <c r="V34503">
        <v>59</v>
      </c>
      <c r="W34503">
        <v>60</v>
      </c>
      <c r="X34503">
        <v>61</v>
      </c>
      <c r="Y34503">
        <v>62</v>
      </c>
      <c r="Z34503">
        <v>63</v>
      </c>
      <c r="AA34503">
        <v>65</v>
      </c>
      <c r="AB34503">
        <v>66</v>
      </c>
      <c r="AC34503">
        <v>67</v>
      </c>
      <c r="AD34503">
        <v>68</v>
      </c>
      <c r="AE34503">
        <v>70</v>
      </c>
      <c r="AF34503">
        <v>71</v>
      </c>
      <c r="AG34503">
        <v>72</v>
      </c>
      <c r="AH34503">
        <v>74</v>
      </c>
      <c r="AI34503">
        <v>75</v>
      </c>
      <c r="AJ34503">
        <v>76</v>
      </c>
      <c r="AK34503">
        <v>78</v>
      </c>
      <c r="AL34503">
        <v>79</v>
      </c>
      <c r="AM34503">
        <v>80</v>
      </c>
      <c r="AN34503">
        <v>82</v>
      </c>
      <c r="AO34503">
        <v>83</v>
      </c>
      <c r="AP34503">
        <v>85</v>
      </c>
      <c r="AQ34503">
        <v>86</v>
      </c>
    </row>
    <row r="34504" spans="1:43">
      <c r="A34504" t="s">
        <v>21379</v>
      </c>
      <c r="B34504" t="s">
        <v>21380</v>
      </c>
      <c r="C34504" t="s">
        <v>21375</v>
      </c>
      <c r="D34504" t="s">
        <v>21376</v>
      </c>
      <c r="E34504" t="s">
        <v>21317</v>
      </c>
      <c r="F34504" t="s">
        <v>21318</v>
      </c>
      <c r="G34504" t="s">
        <v>20255</v>
      </c>
      <c r="H34504" t="s">
        <v>20256</v>
      </c>
      <c r="I34504" s="2">
        <v>1</v>
      </c>
      <c r="J34504" s="2">
        <v>0</v>
      </c>
      <c r="K34504" s="2">
        <v>0</v>
      </c>
      <c r="L34504" t="s">
        <v>120</v>
      </c>
      <c r="M34504" t="s">
        <v>89</v>
      </c>
      <c r="N34504" t="s">
        <v>90</v>
      </c>
      <c r="O34504" t="s">
        <v>85</v>
      </c>
      <c r="P34504" t="s">
        <v>86</v>
      </c>
      <c r="Q34504">
        <v>53</v>
      </c>
      <c r="R34504">
        <v>55</v>
      </c>
      <c r="S34504">
        <v>58</v>
      </c>
      <c r="T34504">
        <v>60</v>
      </c>
      <c r="U34504">
        <v>62</v>
      </c>
      <c r="V34504">
        <v>64</v>
      </c>
      <c r="W34504">
        <v>66</v>
      </c>
      <c r="X34504">
        <v>68</v>
      </c>
      <c r="Y34504">
        <v>70</v>
      </c>
      <c r="Z34504">
        <v>72</v>
      </c>
      <c r="AA34504">
        <v>74</v>
      </c>
      <c r="AB34504">
        <v>77</v>
      </c>
      <c r="AC34504">
        <v>79</v>
      </c>
      <c r="AD34504">
        <v>81</v>
      </c>
      <c r="AE34504">
        <v>83</v>
      </c>
      <c r="AF34504">
        <v>84</v>
      </c>
      <c r="AG34504">
        <v>86</v>
      </c>
      <c r="AH34504">
        <v>87</v>
      </c>
      <c r="AI34504">
        <v>88</v>
      </c>
      <c r="AJ34504">
        <v>90</v>
      </c>
      <c r="AK34504">
        <v>91</v>
      </c>
      <c r="AL34504">
        <v>93</v>
      </c>
      <c r="AM34504">
        <v>94</v>
      </c>
      <c r="AN34504">
        <v>95</v>
      </c>
      <c r="AO34504">
        <v>97</v>
      </c>
      <c r="AP34504">
        <v>98</v>
      </c>
      <c r="AQ34504">
        <v>99</v>
      </c>
    </row>
    <row r="34505" spans="1:43">
      <c r="A34505" t="s">
        <v>21379</v>
      </c>
      <c r="B34505" t="s">
        <v>21380</v>
      </c>
      <c r="C34505" t="s">
        <v>21375</v>
      </c>
      <c r="D34505" t="s">
        <v>21376</v>
      </c>
      <c r="E34505" t="s">
        <v>21317</v>
      </c>
      <c r="F34505" t="s">
        <v>21318</v>
      </c>
      <c r="G34505" t="s">
        <v>20255</v>
      </c>
      <c r="H34505" t="s">
        <v>20256</v>
      </c>
      <c r="I34505" s="2">
        <v>1</v>
      </c>
      <c r="J34505" s="2">
        <v>0</v>
      </c>
      <c r="K34505" s="2">
        <v>0</v>
      </c>
      <c r="L34505" t="s">
        <v>120</v>
      </c>
      <c r="M34505" t="s">
        <v>83</v>
      </c>
      <c r="N34505" t="s">
        <v>91</v>
      </c>
      <c r="O34505" t="s">
        <v>85</v>
      </c>
      <c r="P34505" t="s">
        <v>86</v>
      </c>
      <c r="Q34505">
        <v>53</v>
      </c>
      <c r="R34505">
        <v>55</v>
      </c>
      <c r="S34505">
        <v>56</v>
      </c>
      <c r="T34505">
        <v>58</v>
      </c>
      <c r="U34505">
        <v>59</v>
      </c>
      <c r="V34505">
        <v>61</v>
      </c>
      <c r="W34505">
        <v>63</v>
      </c>
      <c r="X34505">
        <v>65</v>
      </c>
      <c r="Y34505">
        <v>66</v>
      </c>
      <c r="Z34505">
        <v>68</v>
      </c>
      <c r="AA34505">
        <v>70</v>
      </c>
      <c r="AB34505">
        <v>72</v>
      </c>
      <c r="AC34505">
        <v>74</v>
      </c>
      <c r="AD34505">
        <v>75</v>
      </c>
      <c r="AE34505">
        <v>77</v>
      </c>
      <c r="AF34505">
        <v>79</v>
      </c>
      <c r="AG34505">
        <v>81</v>
      </c>
      <c r="AH34505">
        <v>84</v>
      </c>
      <c r="AI34505">
        <v>86</v>
      </c>
      <c r="AJ34505">
        <v>88</v>
      </c>
      <c r="AK34505">
        <v>90</v>
      </c>
      <c r="AL34505">
        <v>92</v>
      </c>
      <c r="AM34505">
        <v>93</v>
      </c>
      <c r="AN34505">
        <v>94</v>
      </c>
      <c r="AO34505">
        <v>96</v>
      </c>
      <c r="AP34505">
        <v>97</v>
      </c>
      <c r="AQ34505">
        <v>99</v>
      </c>
    </row>
    <row r="34506" spans="1:43">
      <c r="A34506" t="s">
        <v>21381</v>
      </c>
      <c r="B34506" t="s">
        <v>21382</v>
      </c>
      <c r="C34506" t="s">
        <v>21351</v>
      </c>
      <c r="D34506" t="s">
        <v>21352</v>
      </c>
      <c r="E34506" t="s">
        <v>21317</v>
      </c>
      <c r="F34506" t="s">
        <v>21318</v>
      </c>
      <c r="G34506" t="s">
        <v>20255</v>
      </c>
      <c r="H34506" t="s">
        <v>20256</v>
      </c>
      <c r="I34506" s="2">
        <v>1</v>
      </c>
      <c r="J34506" s="2">
        <v>0</v>
      </c>
      <c r="K34506" s="2">
        <v>0</v>
      </c>
      <c r="L34506" t="s">
        <v>120</v>
      </c>
      <c r="M34506" t="s">
        <v>83</v>
      </c>
      <c r="N34506" t="s">
        <v>84</v>
      </c>
      <c r="O34506" t="s">
        <v>85</v>
      </c>
      <c r="P34506" t="s">
        <v>86</v>
      </c>
      <c r="Q34506">
        <v>15</v>
      </c>
      <c r="R34506">
        <v>15</v>
      </c>
      <c r="S34506">
        <v>16</v>
      </c>
      <c r="T34506">
        <v>16</v>
      </c>
      <c r="U34506">
        <v>17</v>
      </c>
      <c r="V34506">
        <v>17</v>
      </c>
      <c r="W34506">
        <v>18</v>
      </c>
      <c r="X34506">
        <v>18</v>
      </c>
      <c r="Y34506">
        <v>19</v>
      </c>
      <c r="Z34506">
        <v>20</v>
      </c>
      <c r="AA34506">
        <v>20</v>
      </c>
      <c r="AB34506">
        <v>21</v>
      </c>
      <c r="AC34506">
        <v>21</v>
      </c>
      <c r="AD34506">
        <v>22</v>
      </c>
      <c r="AE34506">
        <v>23</v>
      </c>
      <c r="AF34506">
        <v>23</v>
      </c>
      <c r="AG34506">
        <v>24</v>
      </c>
      <c r="AH34506">
        <v>25</v>
      </c>
      <c r="AI34506">
        <v>25</v>
      </c>
      <c r="AJ34506">
        <v>26</v>
      </c>
      <c r="AK34506">
        <v>27</v>
      </c>
      <c r="AL34506">
        <v>27</v>
      </c>
      <c r="AM34506">
        <v>28</v>
      </c>
      <c r="AN34506">
        <v>28</v>
      </c>
      <c r="AO34506">
        <v>29</v>
      </c>
      <c r="AP34506">
        <v>29</v>
      </c>
      <c r="AQ34506">
        <v>30</v>
      </c>
    </row>
    <row r="34507" spans="1:43">
      <c r="A34507" t="s">
        <v>21381</v>
      </c>
      <c r="B34507" t="s">
        <v>21382</v>
      </c>
      <c r="C34507" t="s">
        <v>21351</v>
      </c>
      <c r="D34507" t="s">
        <v>21352</v>
      </c>
      <c r="E34507" t="s">
        <v>21317</v>
      </c>
      <c r="F34507" t="s">
        <v>21318</v>
      </c>
      <c r="G34507" t="s">
        <v>20255</v>
      </c>
      <c r="H34507" t="s">
        <v>20256</v>
      </c>
      <c r="I34507" s="2">
        <v>1</v>
      </c>
      <c r="J34507" s="2">
        <v>0</v>
      </c>
      <c r="K34507" s="2">
        <v>0</v>
      </c>
      <c r="L34507" t="s">
        <v>120</v>
      </c>
      <c r="M34507" t="s">
        <v>87</v>
      </c>
      <c r="N34507" t="s">
        <v>88</v>
      </c>
      <c r="O34507" t="s">
        <v>85</v>
      </c>
      <c r="P34507" t="s">
        <v>86</v>
      </c>
      <c r="Q34507">
        <v>15</v>
      </c>
      <c r="R34507">
        <v>15</v>
      </c>
      <c r="S34507">
        <v>15</v>
      </c>
      <c r="T34507">
        <v>16</v>
      </c>
      <c r="U34507">
        <v>16</v>
      </c>
      <c r="V34507">
        <v>16</v>
      </c>
      <c r="W34507">
        <v>17</v>
      </c>
      <c r="X34507">
        <v>17</v>
      </c>
      <c r="Y34507">
        <v>18</v>
      </c>
      <c r="Z34507">
        <v>18</v>
      </c>
      <c r="AA34507">
        <v>18</v>
      </c>
      <c r="AB34507">
        <v>19</v>
      </c>
      <c r="AC34507">
        <v>19</v>
      </c>
      <c r="AD34507">
        <v>20</v>
      </c>
      <c r="AE34507">
        <v>20</v>
      </c>
      <c r="AF34507">
        <v>21</v>
      </c>
      <c r="AG34507">
        <v>21</v>
      </c>
      <c r="AH34507">
        <v>21</v>
      </c>
      <c r="AI34507">
        <v>22</v>
      </c>
      <c r="AJ34507">
        <v>22</v>
      </c>
      <c r="AK34507">
        <v>23</v>
      </c>
      <c r="AL34507">
        <v>23</v>
      </c>
      <c r="AM34507">
        <v>24</v>
      </c>
      <c r="AN34507">
        <v>24</v>
      </c>
      <c r="AO34507">
        <v>25</v>
      </c>
      <c r="AP34507">
        <v>25</v>
      </c>
      <c r="AQ34507">
        <v>26</v>
      </c>
    </row>
    <row r="34508" spans="1:43">
      <c r="A34508" t="s">
        <v>21381</v>
      </c>
      <c r="B34508" t="s">
        <v>21382</v>
      </c>
      <c r="C34508" t="s">
        <v>21351</v>
      </c>
      <c r="D34508" t="s">
        <v>21352</v>
      </c>
      <c r="E34508" t="s">
        <v>21317</v>
      </c>
      <c r="F34508" t="s">
        <v>21318</v>
      </c>
      <c r="G34508" t="s">
        <v>20255</v>
      </c>
      <c r="H34508" t="s">
        <v>20256</v>
      </c>
      <c r="I34508" s="2">
        <v>1</v>
      </c>
      <c r="J34508" s="2">
        <v>0</v>
      </c>
      <c r="K34508" s="2">
        <v>0</v>
      </c>
      <c r="L34508" t="s">
        <v>120</v>
      </c>
      <c r="M34508" t="s">
        <v>89</v>
      </c>
      <c r="N34508" t="s">
        <v>90</v>
      </c>
      <c r="O34508" t="s">
        <v>85</v>
      </c>
      <c r="P34508" t="s">
        <v>86</v>
      </c>
      <c r="Q34508">
        <v>15</v>
      </c>
      <c r="R34508">
        <v>16</v>
      </c>
      <c r="S34508">
        <v>16</v>
      </c>
      <c r="T34508">
        <v>17</v>
      </c>
      <c r="U34508">
        <v>17</v>
      </c>
      <c r="V34508">
        <v>18</v>
      </c>
      <c r="W34508">
        <v>19</v>
      </c>
      <c r="X34508">
        <v>19</v>
      </c>
      <c r="Y34508">
        <v>20</v>
      </c>
      <c r="Z34508">
        <v>21</v>
      </c>
      <c r="AA34508">
        <v>22</v>
      </c>
      <c r="AB34508">
        <v>22</v>
      </c>
      <c r="AC34508">
        <v>23</v>
      </c>
      <c r="AD34508">
        <v>24</v>
      </c>
      <c r="AE34508">
        <v>24</v>
      </c>
      <c r="AF34508">
        <v>25</v>
      </c>
      <c r="AG34508">
        <v>25</v>
      </c>
      <c r="AH34508">
        <v>26</v>
      </c>
      <c r="AI34508">
        <v>26</v>
      </c>
      <c r="AJ34508">
        <v>27</v>
      </c>
      <c r="AK34508">
        <v>27</v>
      </c>
      <c r="AL34508">
        <v>28</v>
      </c>
      <c r="AM34508">
        <v>28</v>
      </c>
      <c r="AN34508">
        <v>29</v>
      </c>
      <c r="AO34508">
        <v>29</v>
      </c>
      <c r="AP34508">
        <v>30</v>
      </c>
      <c r="AQ34508">
        <v>30</v>
      </c>
    </row>
    <row r="34509" spans="1:43">
      <c r="A34509" t="s">
        <v>21381</v>
      </c>
      <c r="B34509" t="s">
        <v>21382</v>
      </c>
      <c r="C34509" t="s">
        <v>21351</v>
      </c>
      <c r="D34509" t="s">
        <v>21352</v>
      </c>
      <c r="E34509" t="s">
        <v>21317</v>
      </c>
      <c r="F34509" t="s">
        <v>21318</v>
      </c>
      <c r="G34509" t="s">
        <v>20255</v>
      </c>
      <c r="H34509" t="s">
        <v>20256</v>
      </c>
      <c r="I34509" s="2">
        <v>1</v>
      </c>
      <c r="J34509" s="2">
        <v>0</v>
      </c>
      <c r="K34509" s="2">
        <v>0</v>
      </c>
      <c r="L34509" t="s">
        <v>120</v>
      </c>
      <c r="M34509" t="s">
        <v>83</v>
      </c>
      <c r="N34509" t="s">
        <v>91</v>
      </c>
      <c r="O34509" t="s">
        <v>85</v>
      </c>
      <c r="P34509" t="s">
        <v>86</v>
      </c>
      <c r="Q34509">
        <v>15</v>
      </c>
      <c r="R34509">
        <v>15</v>
      </c>
      <c r="S34509">
        <v>16</v>
      </c>
      <c r="T34509">
        <v>16</v>
      </c>
      <c r="U34509">
        <v>17</v>
      </c>
      <c r="V34509">
        <v>17</v>
      </c>
      <c r="W34509">
        <v>18</v>
      </c>
      <c r="X34509">
        <v>18</v>
      </c>
      <c r="Y34509">
        <v>19</v>
      </c>
      <c r="Z34509">
        <v>20</v>
      </c>
      <c r="AA34509">
        <v>20</v>
      </c>
      <c r="AB34509">
        <v>21</v>
      </c>
      <c r="AC34509">
        <v>21</v>
      </c>
      <c r="AD34509">
        <v>22</v>
      </c>
      <c r="AE34509">
        <v>23</v>
      </c>
      <c r="AF34509">
        <v>23</v>
      </c>
      <c r="AG34509">
        <v>24</v>
      </c>
      <c r="AH34509">
        <v>25</v>
      </c>
      <c r="AI34509">
        <v>25</v>
      </c>
      <c r="AJ34509">
        <v>26</v>
      </c>
      <c r="AK34509">
        <v>27</v>
      </c>
      <c r="AL34509">
        <v>27</v>
      </c>
      <c r="AM34509">
        <v>28</v>
      </c>
      <c r="AN34509">
        <v>28</v>
      </c>
      <c r="AO34509">
        <v>29</v>
      </c>
      <c r="AP34509">
        <v>29</v>
      </c>
      <c r="AQ34509">
        <v>30</v>
      </c>
    </row>
    <row r="34510" spans="1:43">
      <c r="A34510" t="s">
        <v>21383</v>
      </c>
      <c r="B34510" t="s">
        <v>21384</v>
      </c>
      <c r="C34510" t="s">
        <v>21351</v>
      </c>
      <c r="D34510" t="s">
        <v>21352</v>
      </c>
      <c r="E34510" t="s">
        <v>21317</v>
      </c>
      <c r="F34510" t="s">
        <v>21318</v>
      </c>
      <c r="G34510" t="s">
        <v>20255</v>
      </c>
      <c r="H34510" t="s">
        <v>20256</v>
      </c>
      <c r="I34510" s="2">
        <v>1</v>
      </c>
      <c r="J34510" s="2">
        <v>0</v>
      </c>
      <c r="K34510" s="2">
        <v>0</v>
      </c>
      <c r="L34510" t="s">
        <v>120</v>
      </c>
      <c r="M34510" t="s">
        <v>83</v>
      </c>
      <c r="N34510" t="s">
        <v>84</v>
      </c>
      <c r="O34510" t="s">
        <v>85</v>
      </c>
      <c r="P34510" t="s">
        <v>86</v>
      </c>
      <c r="Q34510">
        <v>29</v>
      </c>
      <c r="R34510">
        <v>30</v>
      </c>
      <c r="S34510">
        <v>31</v>
      </c>
      <c r="T34510">
        <v>32</v>
      </c>
      <c r="U34510">
        <v>33</v>
      </c>
      <c r="V34510">
        <v>35</v>
      </c>
      <c r="W34510">
        <v>36</v>
      </c>
      <c r="X34510">
        <v>37</v>
      </c>
      <c r="Y34510">
        <v>38</v>
      </c>
      <c r="Z34510">
        <v>39</v>
      </c>
      <c r="AA34510">
        <v>40</v>
      </c>
      <c r="AB34510">
        <v>41</v>
      </c>
      <c r="AC34510">
        <v>43</v>
      </c>
      <c r="AD34510">
        <v>44</v>
      </c>
      <c r="AE34510">
        <v>45</v>
      </c>
      <c r="AF34510">
        <v>46</v>
      </c>
      <c r="AG34510">
        <v>48</v>
      </c>
      <c r="AH34510">
        <v>49</v>
      </c>
      <c r="AI34510">
        <v>50</v>
      </c>
      <c r="AJ34510">
        <v>52</v>
      </c>
      <c r="AK34510">
        <v>53</v>
      </c>
      <c r="AL34510">
        <v>54</v>
      </c>
      <c r="AM34510">
        <v>55</v>
      </c>
      <c r="AN34510">
        <v>56</v>
      </c>
      <c r="AO34510">
        <v>57</v>
      </c>
      <c r="AP34510">
        <v>58</v>
      </c>
      <c r="AQ34510">
        <v>59</v>
      </c>
    </row>
    <row r="34511" spans="1:43">
      <c r="A34511" t="s">
        <v>21383</v>
      </c>
      <c r="B34511" t="s">
        <v>21384</v>
      </c>
      <c r="C34511" t="s">
        <v>21351</v>
      </c>
      <c r="D34511" t="s">
        <v>21352</v>
      </c>
      <c r="E34511" t="s">
        <v>21317</v>
      </c>
      <c r="F34511" t="s">
        <v>21318</v>
      </c>
      <c r="G34511" t="s">
        <v>20255</v>
      </c>
      <c r="H34511" t="s">
        <v>20256</v>
      </c>
      <c r="I34511" s="2">
        <v>1</v>
      </c>
      <c r="J34511" s="2">
        <v>0</v>
      </c>
      <c r="K34511" s="2">
        <v>0</v>
      </c>
      <c r="L34511" t="s">
        <v>120</v>
      </c>
      <c r="M34511" t="s">
        <v>87</v>
      </c>
      <c r="N34511" t="s">
        <v>88</v>
      </c>
      <c r="O34511" t="s">
        <v>85</v>
      </c>
      <c r="P34511" t="s">
        <v>86</v>
      </c>
      <c r="Q34511">
        <v>29</v>
      </c>
      <c r="R34511">
        <v>30</v>
      </c>
      <c r="S34511">
        <v>30</v>
      </c>
      <c r="T34511">
        <v>31</v>
      </c>
      <c r="U34511">
        <v>32</v>
      </c>
      <c r="V34511">
        <v>33</v>
      </c>
      <c r="W34511">
        <v>33</v>
      </c>
      <c r="X34511">
        <v>34</v>
      </c>
      <c r="Y34511">
        <v>35</v>
      </c>
      <c r="Z34511">
        <v>36</v>
      </c>
      <c r="AA34511">
        <v>37</v>
      </c>
      <c r="AB34511">
        <v>37</v>
      </c>
      <c r="AC34511">
        <v>38</v>
      </c>
      <c r="AD34511">
        <v>39</v>
      </c>
      <c r="AE34511">
        <v>40</v>
      </c>
      <c r="AF34511">
        <v>41</v>
      </c>
      <c r="AG34511">
        <v>42</v>
      </c>
      <c r="AH34511">
        <v>43</v>
      </c>
      <c r="AI34511">
        <v>44</v>
      </c>
      <c r="AJ34511">
        <v>44</v>
      </c>
      <c r="AK34511">
        <v>45</v>
      </c>
      <c r="AL34511">
        <v>46</v>
      </c>
      <c r="AM34511">
        <v>47</v>
      </c>
      <c r="AN34511">
        <v>48</v>
      </c>
      <c r="AO34511">
        <v>49</v>
      </c>
      <c r="AP34511">
        <v>50</v>
      </c>
      <c r="AQ34511">
        <v>51</v>
      </c>
    </row>
    <row r="34512" spans="1:43">
      <c r="A34512" t="s">
        <v>21383</v>
      </c>
      <c r="B34512" t="s">
        <v>21384</v>
      </c>
      <c r="C34512" t="s">
        <v>21351</v>
      </c>
      <c r="D34512" t="s">
        <v>21352</v>
      </c>
      <c r="E34512" t="s">
        <v>21317</v>
      </c>
      <c r="F34512" t="s">
        <v>21318</v>
      </c>
      <c r="G34512" t="s">
        <v>20255</v>
      </c>
      <c r="H34512" t="s">
        <v>20256</v>
      </c>
      <c r="I34512" s="2">
        <v>1</v>
      </c>
      <c r="J34512" s="2">
        <v>0</v>
      </c>
      <c r="K34512" s="2">
        <v>0</v>
      </c>
      <c r="L34512" t="s">
        <v>120</v>
      </c>
      <c r="M34512" t="s">
        <v>89</v>
      </c>
      <c r="N34512" t="s">
        <v>90</v>
      </c>
      <c r="O34512" t="s">
        <v>85</v>
      </c>
      <c r="P34512" t="s">
        <v>86</v>
      </c>
      <c r="Q34512">
        <v>29</v>
      </c>
      <c r="R34512">
        <v>30</v>
      </c>
      <c r="S34512">
        <v>31</v>
      </c>
      <c r="T34512">
        <v>32</v>
      </c>
      <c r="U34512">
        <v>34</v>
      </c>
      <c r="V34512">
        <v>35</v>
      </c>
      <c r="W34512">
        <v>36</v>
      </c>
      <c r="X34512">
        <v>38</v>
      </c>
      <c r="Y34512">
        <v>39</v>
      </c>
      <c r="Z34512">
        <v>40</v>
      </c>
      <c r="AA34512">
        <v>42</v>
      </c>
      <c r="AB34512">
        <v>43</v>
      </c>
      <c r="AC34512">
        <v>45</v>
      </c>
      <c r="AD34512">
        <v>46</v>
      </c>
      <c r="AE34512">
        <v>47</v>
      </c>
      <c r="AF34512">
        <v>48</v>
      </c>
      <c r="AG34512">
        <v>49</v>
      </c>
      <c r="AH34512">
        <v>50</v>
      </c>
      <c r="AI34512">
        <v>51</v>
      </c>
      <c r="AJ34512">
        <v>52</v>
      </c>
      <c r="AK34512">
        <v>53</v>
      </c>
      <c r="AL34512">
        <v>54</v>
      </c>
      <c r="AM34512">
        <v>55</v>
      </c>
      <c r="AN34512">
        <v>56</v>
      </c>
      <c r="AO34512">
        <v>57</v>
      </c>
      <c r="AP34512">
        <v>58</v>
      </c>
      <c r="AQ34512">
        <v>59</v>
      </c>
    </row>
    <row r="34513" spans="1:43">
      <c r="A34513" t="s">
        <v>21383</v>
      </c>
      <c r="B34513" t="s">
        <v>21384</v>
      </c>
      <c r="C34513" t="s">
        <v>21351</v>
      </c>
      <c r="D34513" t="s">
        <v>21352</v>
      </c>
      <c r="E34513" t="s">
        <v>21317</v>
      </c>
      <c r="F34513" t="s">
        <v>21318</v>
      </c>
      <c r="G34513" t="s">
        <v>20255</v>
      </c>
      <c r="H34513" t="s">
        <v>20256</v>
      </c>
      <c r="I34513" s="2">
        <v>1</v>
      </c>
      <c r="J34513" s="2">
        <v>0</v>
      </c>
      <c r="K34513" s="2">
        <v>0</v>
      </c>
      <c r="L34513" t="s">
        <v>120</v>
      </c>
      <c r="M34513" t="s">
        <v>83</v>
      </c>
      <c r="N34513" t="s">
        <v>91</v>
      </c>
      <c r="O34513" t="s">
        <v>85</v>
      </c>
      <c r="P34513" t="s">
        <v>86</v>
      </c>
      <c r="Q34513">
        <v>29</v>
      </c>
      <c r="R34513">
        <v>30</v>
      </c>
      <c r="S34513">
        <v>31</v>
      </c>
      <c r="T34513">
        <v>32</v>
      </c>
      <c r="U34513">
        <v>33</v>
      </c>
      <c r="V34513">
        <v>35</v>
      </c>
      <c r="W34513">
        <v>36</v>
      </c>
      <c r="X34513">
        <v>37</v>
      </c>
      <c r="Y34513">
        <v>38</v>
      </c>
      <c r="Z34513">
        <v>39</v>
      </c>
      <c r="AA34513">
        <v>40</v>
      </c>
      <c r="AB34513">
        <v>41</v>
      </c>
      <c r="AC34513">
        <v>43</v>
      </c>
      <c r="AD34513">
        <v>44</v>
      </c>
      <c r="AE34513">
        <v>45</v>
      </c>
      <c r="AF34513">
        <v>46</v>
      </c>
      <c r="AG34513">
        <v>48</v>
      </c>
      <c r="AH34513">
        <v>49</v>
      </c>
      <c r="AI34513">
        <v>50</v>
      </c>
      <c r="AJ34513">
        <v>52</v>
      </c>
      <c r="AK34513">
        <v>53</v>
      </c>
      <c r="AL34513">
        <v>54</v>
      </c>
      <c r="AM34513">
        <v>55</v>
      </c>
      <c r="AN34513">
        <v>56</v>
      </c>
      <c r="AO34513">
        <v>57</v>
      </c>
      <c r="AP34513">
        <v>58</v>
      </c>
      <c r="AQ34513">
        <v>59</v>
      </c>
    </row>
    <row r="34514" spans="1:43">
      <c r="A34514" t="s">
        <v>21385</v>
      </c>
      <c r="B34514" t="s">
        <v>21386</v>
      </c>
      <c r="C34514" t="s">
        <v>21339</v>
      </c>
      <c r="D34514" t="s">
        <v>21340</v>
      </c>
      <c r="E34514" t="s">
        <v>21317</v>
      </c>
      <c r="F34514" t="s">
        <v>21318</v>
      </c>
      <c r="G34514" t="s">
        <v>20255</v>
      </c>
      <c r="H34514" t="s">
        <v>20256</v>
      </c>
      <c r="I34514" s="2">
        <v>1</v>
      </c>
      <c r="J34514" s="2">
        <v>0</v>
      </c>
      <c r="K34514" s="2">
        <v>0</v>
      </c>
      <c r="L34514" t="s">
        <v>120</v>
      </c>
      <c r="M34514" t="s">
        <v>83</v>
      </c>
      <c r="N34514" t="s">
        <v>84</v>
      </c>
      <c r="O34514" t="s">
        <v>85</v>
      </c>
      <c r="P34514" t="s">
        <v>86</v>
      </c>
      <c r="Q34514">
        <v>56</v>
      </c>
      <c r="R34514">
        <v>58</v>
      </c>
      <c r="S34514">
        <v>60</v>
      </c>
      <c r="T34514">
        <v>62</v>
      </c>
      <c r="U34514">
        <v>64</v>
      </c>
      <c r="V34514">
        <v>66</v>
      </c>
      <c r="W34514">
        <v>68</v>
      </c>
      <c r="X34514">
        <v>70</v>
      </c>
      <c r="Y34514">
        <v>72</v>
      </c>
      <c r="Z34514">
        <v>75</v>
      </c>
      <c r="AA34514">
        <v>77</v>
      </c>
      <c r="AB34514">
        <v>79</v>
      </c>
      <c r="AC34514">
        <v>81</v>
      </c>
      <c r="AD34514">
        <v>84</v>
      </c>
      <c r="AE34514">
        <v>86</v>
      </c>
      <c r="AF34514">
        <v>89</v>
      </c>
      <c r="AG34514">
        <v>91</v>
      </c>
      <c r="AH34514">
        <v>94</v>
      </c>
      <c r="AI34514">
        <v>96</v>
      </c>
      <c r="AJ34514">
        <v>99</v>
      </c>
      <c r="AK34514">
        <v>102</v>
      </c>
      <c r="AL34514">
        <v>104</v>
      </c>
      <c r="AM34514">
        <v>105</v>
      </c>
      <c r="AN34514">
        <v>107</v>
      </c>
      <c r="AO34514">
        <v>109</v>
      </c>
      <c r="AP34514">
        <v>111</v>
      </c>
      <c r="AQ34514">
        <v>113</v>
      </c>
    </row>
    <row r="34515" spans="1:43">
      <c r="A34515" t="s">
        <v>21385</v>
      </c>
      <c r="B34515" t="s">
        <v>21386</v>
      </c>
      <c r="C34515" t="s">
        <v>21339</v>
      </c>
      <c r="D34515" t="s">
        <v>21340</v>
      </c>
      <c r="E34515" t="s">
        <v>21317</v>
      </c>
      <c r="F34515" t="s">
        <v>21318</v>
      </c>
      <c r="G34515" t="s">
        <v>20255</v>
      </c>
      <c r="H34515" t="s">
        <v>20256</v>
      </c>
      <c r="I34515" s="2">
        <v>1</v>
      </c>
      <c r="J34515" s="2">
        <v>0</v>
      </c>
      <c r="K34515" s="2">
        <v>0</v>
      </c>
      <c r="L34515" t="s">
        <v>120</v>
      </c>
      <c r="M34515" t="s">
        <v>87</v>
      </c>
      <c r="N34515" t="s">
        <v>88</v>
      </c>
      <c r="O34515" t="s">
        <v>85</v>
      </c>
      <c r="P34515" t="s">
        <v>86</v>
      </c>
      <c r="Q34515">
        <v>56</v>
      </c>
      <c r="R34515">
        <v>57</v>
      </c>
      <c r="S34515">
        <v>58</v>
      </c>
      <c r="T34515">
        <v>60</v>
      </c>
      <c r="U34515">
        <v>61</v>
      </c>
      <c r="V34515">
        <v>63</v>
      </c>
      <c r="W34515">
        <v>64</v>
      </c>
      <c r="X34515">
        <v>65</v>
      </c>
      <c r="Y34515">
        <v>67</v>
      </c>
      <c r="Z34515">
        <v>68</v>
      </c>
      <c r="AA34515">
        <v>70</v>
      </c>
      <c r="AB34515">
        <v>71</v>
      </c>
      <c r="AC34515">
        <v>73</v>
      </c>
      <c r="AD34515">
        <v>75</v>
      </c>
      <c r="AE34515">
        <v>76</v>
      </c>
      <c r="AF34515">
        <v>78</v>
      </c>
      <c r="AG34515">
        <v>79</v>
      </c>
      <c r="AH34515">
        <v>81</v>
      </c>
      <c r="AI34515">
        <v>83</v>
      </c>
      <c r="AJ34515">
        <v>84</v>
      </c>
      <c r="AK34515">
        <v>86</v>
      </c>
      <c r="AL34515">
        <v>88</v>
      </c>
      <c r="AM34515">
        <v>90</v>
      </c>
      <c r="AN34515">
        <v>92</v>
      </c>
      <c r="AO34515">
        <v>94</v>
      </c>
      <c r="AP34515">
        <v>95</v>
      </c>
      <c r="AQ34515">
        <v>97</v>
      </c>
    </row>
    <row r="34516" spans="1:43">
      <c r="A34516" t="s">
        <v>21385</v>
      </c>
      <c r="B34516" t="s">
        <v>21386</v>
      </c>
      <c r="C34516" t="s">
        <v>21339</v>
      </c>
      <c r="D34516" t="s">
        <v>21340</v>
      </c>
      <c r="E34516" t="s">
        <v>21317</v>
      </c>
      <c r="F34516" t="s">
        <v>21318</v>
      </c>
      <c r="G34516" t="s">
        <v>20255</v>
      </c>
      <c r="H34516" t="s">
        <v>20256</v>
      </c>
      <c r="I34516" s="2">
        <v>1</v>
      </c>
      <c r="J34516" s="2">
        <v>0</v>
      </c>
      <c r="K34516" s="2">
        <v>0</v>
      </c>
      <c r="L34516" t="s">
        <v>120</v>
      </c>
      <c r="M34516" t="s">
        <v>89</v>
      </c>
      <c r="N34516" t="s">
        <v>90</v>
      </c>
      <c r="O34516" t="s">
        <v>85</v>
      </c>
      <c r="P34516" t="s">
        <v>86</v>
      </c>
      <c r="Q34516">
        <v>56</v>
      </c>
      <c r="R34516">
        <v>58</v>
      </c>
      <c r="S34516">
        <v>61</v>
      </c>
      <c r="T34516">
        <v>63</v>
      </c>
      <c r="U34516">
        <v>66</v>
      </c>
      <c r="V34516">
        <v>68</v>
      </c>
      <c r="W34516">
        <v>71</v>
      </c>
      <c r="X34516">
        <v>73</v>
      </c>
      <c r="Y34516">
        <v>76</v>
      </c>
      <c r="Z34516">
        <v>78</v>
      </c>
      <c r="AA34516">
        <v>81</v>
      </c>
      <c r="AB34516">
        <v>84</v>
      </c>
      <c r="AC34516">
        <v>86</v>
      </c>
      <c r="AD34516">
        <v>89</v>
      </c>
      <c r="AE34516">
        <v>92</v>
      </c>
      <c r="AF34516">
        <v>93</v>
      </c>
      <c r="AG34516">
        <v>95</v>
      </c>
      <c r="AH34516">
        <v>97</v>
      </c>
      <c r="AI34516">
        <v>98</v>
      </c>
      <c r="AJ34516">
        <v>100</v>
      </c>
      <c r="AK34516">
        <v>102</v>
      </c>
      <c r="AL34516">
        <v>103</v>
      </c>
      <c r="AM34516">
        <v>105</v>
      </c>
      <c r="AN34516">
        <v>107</v>
      </c>
      <c r="AO34516">
        <v>109</v>
      </c>
      <c r="AP34516">
        <v>110</v>
      </c>
      <c r="AQ34516">
        <v>112</v>
      </c>
    </row>
    <row r="34517" spans="1:43">
      <c r="A34517" t="s">
        <v>21385</v>
      </c>
      <c r="B34517" t="s">
        <v>21386</v>
      </c>
      <c r="C34517" t="s">
        <v>21339</v>
      </c>
      <c r="D34517" t="s">
        <v>21340</v>
      </c>
      <c r="E34517" t="s">
        <v>21317</v>
      </c>
      <c r="F34517" t="s">
        <v>21318</v>
      </c>
      <c r="G34517" t="s">
        <v>20255</v>
      </c>
      <c r="H34517" t="s">
        <v>20256</v>
      </c>
      <c r="I34517" s="2">
        <v>1</v>
      </c>
      <c r="J34517" s="2">
        <v>0</v>
      </c>
      <c r="K34517" s="2">
        <v>0</v>
      </c>
      <c r="L34517" t="s">
        <v>120</v>
      </c>
      <c r="M34517" t="s">
        <v>83</v>
      </c>
      <c r="N34517" t="s">
        <v>91</v>
      </c>
      <c r="O34517" t="s">
        <v>85</v>
      </c>
      <c r="P34517" t="s">
        <v>86</v>
      </c>
      <c r="Q34517">
        <v>56</v>
      </c>
      <c r="R34517">
        <v>58</v>
      </c>
      <c r="S34517">
        <v>60</v>
      </c>
      <c r="T34517">
        <v>62</v>
      </c>
      <c r="U34517">
        <v>64</v>
      </c>
      <c r="V34517">
        <v>66</v>
      </c>
      <c r="W34517">
        <v>68</v>
      </c>
      <c r="X34517">
        <v>70</v>
      </c>
      <c r="Y34517">
        <v>72</v>
      </c>
      <c r="Z34517">
        <v>75</v>
      </c>
      <c r="AA34517">
        <v>77</v>
      </c>
      <c r="AB34517">
        <v>79</v>
      </c>
      <c r="AC34517">
        <v>81</v>
      </c>
      <c r="AD34517">
        <v>84</v>
      </c>
      <c r="AE34517">
        <v>86</v>
      </c>
      <c r="AF34517">
        <v>89</v>
      </c>
      <c r="AG34517">
        <v>91</v>
      </c>
      <c r="AH34517">
        <v>94</v>
      </c>
      <c r="AI34517">
        <v>96</v>
      </c>
      <c r="AJ34517">
        <v>99</v>
      </c>
      <c r="AK34517">
        <v>102</v>
      </c>
      <c r="AL34517">
        <v>104</v>
      </c>
      <c r="AM34517">
        <v>105</v>
      </c>
      <c r="AN34517">
        <v>107</v>
      </c>
      <c r="AO34517">
        <v>109</v>
      </c>
      <c r="AP34517">
        <v>111</v>
      </c>
      <c r="AQ34517">
        <v>113</v>
      </c>
    </row>
    <row r="34518" spans="1:43">
      <c r="A34518" t="s">
        <v>21387</v>
      </c>
      <c r="B34518" t="s">
        <v>21388</v>
      </c>
      <c r="C34518" t="s">
        <v>21389</v>
      </c>
      <c r="D34518" t="s">
        <v>21390</v>
      </c>
      <c r="E34518" t="s">
        <v>21317</v>
      </c>
      <c r="F34518" t="s">
        <v>21318</v>
      </c>
      <c r="G34518" t="s">
        <v>20255</v>
      </c>
      <c r="H34518" t="s">
        <v>20256</v>
      </c>
      <c r="I34518" s="2">
        <v>1</v>
      </c>
      <c r="J34518" s="2">
        <v>0</v>
      </c>
      <c r="K34518" s="2">
        <v>0</v>
      </c>
      <c r="L34518" t="s">
        <v>120</v>
      </c>
      <c r="M34518" t="s">
        <v>83</v>
      </c>
      <c r="N34518" t="s">
        <v>84</v>
      </c>
      <c r="O34518" t="s">
        <v>85</v>
      </c>
      <c r="P34518" t="s">
        <v>86</v>
      </c>
      <c r="Q34518">
        <v>27</v>
      </c>
      <c r="R34518">
        <v>27</v>
      </c>
      <c r="S34518">
        <v>27</v>
      </c>
      <c r="T34518">
        <v>28</v>
      </c>
      <c r="U34518">
        <v>28</v>
      </c>
      <c r="V34518">
        <v>29</v>
      </c>
      <c r="W34518">
        <v>29</v>
      </c>
      <c r="X34518">
        <v>30</v>
      </c>
      <c r="Y34518">
        <v>30</v>
      </c>
      <c r="Z34518">
        <v>30</v>
      </c>
      <c r="AA34518">
        <v>31</v>
      </c>
      <c r="AB34518">
        <v>31</v>
      </c>
      <c r="AC34518">
        <v>32</v>
      </c>
      <c r="AD34518">
        <v>32</v>
      </c>
      <c r="AE34518">
        <v>33</v>
      </c>
      <c r="AF34518">
        <v>33</v>
      </c>
      <c r="AG34518">
        <v>34</v>
      </c>
      <c r="AH34518">
        <v>34</v>
      </c>
      <c r="AI34518">
        <v>34</v>
      </c>
      <c r="AJ34518">
        <v>35</v>
      </c>
      <c r="AK34518">
        <v>35</v>
      </c>
      <c r="AL34518">
        <v>36</v>
      </c>
      <c r="AM34518">
        <v>36</v>
      </c>
      <c r="AN34518">
        <v>36</v>
      </c>
      <c r="AO34518">
        <v>36</v>
      </c>
      <c r="AP34518">
        <v>36</v>
      </c>
      <c r="AQ34518">
        <v>36</v>
      </c>
    </row>
    <row r="34519" spans="1:43">
      <c r="A34519" t="s">
        <v>21387</v>
      </c>
      <c r="B34519" t="s">
        <v>21388</v>
      </c>
      <c r="C34519" t="s">
        <v>21389</v>
      </c>
      <c r="D34519" t="s">
        <v>21390</v>
      </c>
      <c r="E34519" t="s">
        <v>21317</v>
      </c>
      <c r="F34519" t="s">
        <v>21318</v>
      </c>
      <c r="G34519" t="s">
        <v>20255</v>
      </c>
      <c r="H34519" t="s">
        <v>20256</v>
      </c>
      <c r="I34519" s="2">
        <v>1</v>
      </c>
      <c r="J34519" s="2">
        <v>0</v>
      </c>
      <c r="K34519" s="2">
        <v>0</v>
      </c>
      <c r="L34519" t="s">
        <v>120</v>
      </c>
      <c r="M34519" t="s">
        <v>87</v>
      </c>
      <c r="N34519" t="s">
        <v>88</v>
      </c>
      <c r="O34519" t="s">
        <v>85</v>
      </c>
      <c r="P34519" t="s">
        <v>86</v>
      </c>
      <c r="Q34519">
        <v>27</v>
      </c>
      <c r="R34519">
        <v>27</v>
      </c>
      <c r="S34519">
        <v>28</v>
      </c>
      <c r="T34519">
        <v>28</v>
      </c>
      <c r="U34519">
        <v>28</v>
      </c>
      <c r="V34519">
        <v>28</v>
      </c>
      <c r="W34519">
        <v>28</v>
      </c>
      <c r="X34519">
        <v>29</v>
      </c>
      <c r="Y34519">
        <v>29</v>
      </c>
      <c r="Z34519">
        <v>29</v>
      </c>
      <c r="AA34519">
        <v>29</v>
      </c>
      <c r="AB34519">
        <v>29</v>
      </c>
      <c r="AC34519">
        <v>30</v>
      </c>
      <c r="AD34519">
        <v>30</v>
      </c>
      <c r="AE34519">
        <v>30</v>
      </c>
      <c r="AF34519">
        <v>30</v>
      </c>
      <c r="AG34519">
        <v>30</v>
      </c>
      <c r="AH34519">
        <v>31</v>
      </c>
      <c r="AI34519">
        <v>31</v>
      </c>
      <c r="AJ34519">
        <v>31</v>
      </c>
      <c r="AK34519">
        <v>31</v>
      </c>
      <c r="AL34519">
        <v>31</v>
      </c>
      <c r="AM34519">
        <v>32</v>
      </c>
      <c r="AN34519">
        <v>32</v>
      </c>
      <c r="AO34519">
        <v>32</v>
      </c>
      <c r="AP34519">
        <v>32</v>
      </c>
      <c r="AQ34519">
        <v>33</v>
      </c>
    </row>
    <row r="34520" spans="1:43">
      <c r="A34520" t="s">
        <v>21387</v>
      </c>
      <c r="B34520" t="s">
        <v>21388</v>
      </c>
      <c r="C34520" t="s">
        <v>21389</v>
      </c>
      <c r="D34520" t="s">
        <v>21390</v>
      </c>
      <c r="E34520" t="s">
        <v>21317</v>
      </c>
      <c r="F34520" t="s">
        <v>21318</v>
      </c>
      <c r="G34520" t="s">
        <v>20255</v>
      </c>
      <c r="H34520" t="s">
        <v>20256</v>
      </c>
      <c r="I34520" s="2">
        <v>1</v>
      </c>
      <c r="J34520" s="2">
        <v>0</v>
      </c>
      <c r="K34520" s="2">
        <v>0</v>
      </c>
      <c r="L34520" t="s">
        <v>120</v>
      </c>
      <c r="M34520" t="s">
        <v>89</v>
      </c>
      <c r="N34520" t="s">
        <v>90</v>
      </c>
      <c r="O34520" t="s">
        <v>85</v>
      </c>
      <c r="P34520" t="s">
        <v>86</v>
      </c>
      <c r="Q34520">
        <v>27</v>
      </c>
      <c r="R34520">
        <v>27</v>
      </c>
      <c r="S34520">
        <v>28</v>
      </c>
      <c r="T34520">
        <v>29</v>
      </c>
      <c r="U34520">
        <v>29</v>
      </c>
      <c r="V34520">
        <v>30</v>
      </c>
      <c r="W34520">
        <v>31</v>
      </c>
      <c r="X34520">
        <v>31</v>
      </c>
      <c r="Y34520">
        <v>32</v>
      </c>
      <c r="Z34520">
        <v>32</v>
      </c>
      <c r="AA34520">
        <v>33</v>
      </c>
      <c r="AB34520">
        <v>33</v>
      </c>
      <c r="AC34520">
        <v>34</v>
      </c>
      <c r="AD34520">
        <v>35</v>
      </c>
      <c r="AE34520">
        <v>35</v>
      </c>
      <c r="AF34520">
        <v>35</v>
      </c>
      <c r="AG34520">
        <v>35</v>
      </c>
      <c r="AH34520">
        <v>35</v>
      </c>
      <c r="AI34520">
        <v>36</v>
      </c>
      <c r="AJ34520">
        <v>36</v>
      </c>
      <c r="AK34520">
        <v>36</v>
      </c>
      <c r="AL34520">
        <v>36</v>
      </c>
      <c r="AM34520">
        <v>36</v>
      </c>
      <c r="AN34520">
        <v>36</v>
      </c>
      <c r="AO34520">
        <v>37</v>
      </c>
      <c r="AP34520">
        <v>37</v>
      </c>
      <c r="AQ34520">
        <v>37</v>
      </c>
    </row>
    <row r="34521" spans="1:43">
      <c r="A34521" t="s">
        <v>21387</v>
      </c>
      <c r="B34521" t="s">
        <v>21388</v>
      </c>
      <c r="C34521" t="s">
        <v>21389</v>
      </c>
      <c r="D34521" t="s">
        <v>21390</v>
      </c>
      <c r="E34521" t="s">
        <v>21317</v>
      </c>
      <c r="F34521" t="s">
        <v>21318</v>
      </c>
      <c r="G34521" t="s">
        <v>20255</v>
      </c>
      <c r="H34521" t="s">
        <v>20256</v>
      </c>
      <c r="I34521" s="2">
        <v>1</v>
      </c>
      <c r="J34521" s="2">
        <v>0</v>
      </c>
      <c r="K34521" s="2">
        <v>0</v>
      </c>
      <c r="L34521" t="s">
        <v>120</v>
      </c>
      <c r="M34521" t="s">
        <v>83</v>
      </c>
      <c r="N34521" t="s">
        <v>91</v>
      </c>
      <c r="O34521" t="s">
        <v>85</v>
      </c>
      <c r="P34521" t="s">
        <v>86</v>
      </c>
      <c r="Q34521">
        <v>27</v>
      </c>
      <c r="R34521">
        <v>27</v>
      </c>
      <c r="S34521">
        <v>27</v>
      </c>
      <c r="T34521">
        <v>28</v>
      </c>
      <c r="U34521">
        <v>28</v>
      </c>
      <c r="V34521">
        <v>29</v>
      </c>
      <c r="W34521">
        <v>29</v>
      </c>
      <c r="X34521">
        <v>30</v>
      </c>
      <c r="Y34521">
        <v>30</v>
      </c>
      <c r="Z34521">
        <v>30</v>
      </c>
      <c r="AA34521">
        <v>31</v>
      </c>
      <c r="AB34521">
        <v>31</v>
      </c>
      <c r="AC34521">
        <v>32</v>
      </c>
      <c r="AD34521">
        <v>32</v>
      </c>
      <c r="AE34521">
        <v>33</v>
      </c>
      <c r="AF34521">
        <v>33</v>
      </c>
      <c r="AG34521">
        <v>34</v>
      </c>
      <c r="AH34521">
        <v>34</v>
      </c>
      <c r="AI34521">
        <v>34</v>
      </c>
      <c r="AJ34521">
        <v>35</v>
      </c>
      <c r="AK34521">
        <v>35</v>
      </c>
      <c r="AL34521">
        <v>36</v>
      </c>
      <c r="AM34521">
        <v>36</v>
      </c>
      <c r="AN34521">
        <v>36</v>
      </c>
      <c r="AO34521">
        <v>36</v>
      </c>
      <c r="AP34521">
        <v>36</v>
      </c>
      <c r="AQ34521">
        <v>36</v>
      </c>
    </row>
    <row r="34522" spans="1:43">
      <c r="A34522" t="s">
        <v>21391</v>
      </c>
      <c r="B34522" t="s">
        <v>21392</v>
      </c>
      <c r="C34522" t="s">
        <v>21389</v>
      </c>
      <c r="D34522" t="s">
        <v>21390</v>
      </c>
      <c r="E34522" t="s">
        <v>21317</v>
      </c>
      <c r="F34522" t="s">
        <v>21318</v>
      </c>
      <c r="G34522" t="s">
        <v>20255</v>
      </c>
      <c r="H34522" t="s">
        <v>20256</v>
      </c>
      <c r="I34522" s="2">
        <v>1</v>
      </c>
      <c r="J34522" s="2">
        <v>0</v>
      </c>
      <c r="K34522" s="2">
        <v>0</v>
      </c>
      <c r="L34522" t="s">
        <v>120</v>
      </c>
      <c r="M34522" t="s">
        <v>83</v>
      </c>
      <c r="N34522" t="s">
        <v>84</v>
      </c>
      <c r="O34522" t="s">
        <v>85</v>
      </c>
      <c r="P34522" t="s">
        <v>86</v>
      </c>
      <c r="Q34522">
        <v>36</v>
      </c>
      <c r="R34522">
        <v>37</v>
      </c>
      <c r="S34522">
        <v>38</v>
      </c>
      <c r="T34522">
        <v>39</v>
      </c>
      <c r="U34522">
        <v>41</v>
      </c>
      <c r="V34522">
        <v>42</v>
      </c>
      <c r="W34522">
        <v>43</v>
      </c>
      <c r="X34522">
        <v>45</v>
      </c>
      <c r="Y34522">
        <v>46</v>
      </c>
      <c r="Z34522">
        <v>47</v>
      </c>
      <c r="AA34522">
        <v>49</v>
      </c>
      <c r="AB34522">
        <v>50</v>
      </c>
      <c r="AC34522">
        <v>52</v>
      </c>
      <c r="AD34522">
        <v>53</v>
      </c>
      <c r="AE34522">
        <v>55</v>
      </c>
      <c r="AF34522">
        <v>56</v>
      </c>
      <c r="AG34522">
        <v>58</v>
      </c>
      <c r="AH34522">
        <v>59</v>
      </c>
      <c r="AI34522">
        <v>61</v>
      </c>
      <c r="AJ34522">
        <v>63</v>
      </c>
      <c r="AK34522">
        <v>64</v>
      </c>
      <c r="AL34522">
        <v>66</v>
      </c>
      <c r="AM34522">
        <v>67</v>
      </c>
      <c r="AN34522">
        <v>68</v>
      </c>
      <c r="AO34522">
        <v>69</v>
      </c>
      <c r="AP34522">
        <v>71</v>
      </c>
      <c r="AQ34522">
        <v>72</v>
      </c>
    </row>
    <row r="34523" spans="1:43">
      <c r="A34523" t="s">
        <v>21391</v>
      </c>
      <c r="B34523" t="s">
        <v>21392</v>
      </c>
      <c r="C34523" t="s">
        <v>21389</v>
      </c>
      <c r="D34523" t="s">
        <v>21390</v>
      </c>
      <c r="E34523" t="s">
        <v>21317</v>
      </c>
      <c r="F34523" t="s">
        <v>21318</v>
      </c>
      <c r="G34523" t="s">
        <v>20255</v>
      </c>
      <c r="H34523" t="s">
        <v>20256</v>
      </c>
      <c r="I34523" s="2">
        <v>1</v>
      </c>
      <c r="J34523" s="2">
        <v>0</v>
      </c>
      <c r="K34523" s="2">
        <v>0</v>
      </c>
      <c r="L34523" t="s">
        <v>120</v>
      </c>
      <c r="M34523" t="s">
        <v>87</v>
      </c>
      <c r="N34523" t="s">
        <v>88</v>
      </c>
      <c r="O34523" t="s">
        <v>85</v>
      </c>
      <c r="P34523" t="s">
        <v>86</v>
      </c>
      <c r="Q34523">
        <v>36</v>
      </c>
      <c r="R34523">
        <v>37</v>
      </c>
      <c r="S34523">
        <v>38</v>
      </c>
      <c r="T34523">
        <v>39</v>
      </c>
      <c r="U34523">
        <v>40</v>
      </c>
      <c r="V34523">
        <v>41</v>
      </c>
      <c r="W34523">
        <v>42</v>
      </c>
      <c r="X34523">
        <v>43</v>
      </c>
      <c r="Y34523">
        <v>44</v>
      </c>
      <c r="Z34523">
        <v>44</v>
      </c>
      <c r="AA34523">
        <v>45</v>
      </c>
      <c r="AB34523">
        <v>46</v>
      </c>
      <c r="AC34523">
        <v>47</v>
      </c>
      <c r="AD34523">
        <v>49</v>
      </c>
      <c r="AE34523">
        <v>50</v>
      </c>
      <c r="AF34523">
        <v>51</v>
      </c>
      <c r="AG34523">
        <v>52</v>
      </c>
      <c r="AH34523">
        <v>53</v>
      </c>
      <c r="AI34523">
        <v>54</v>
      </c>
      <c r="AJ34523">
        <v>55</v>
      </c>
      <c r="AK34523">
        <v>56</v>
      </c>
      <c r="AL34523">
        <v>57</v>
      </c>
      <c r="AM34523">
        <v>58</v>
      </c>
      <c r="AN34523">
        <v>60</v>
      </c>
      <c r="AO34523">
        <v>61</v>
      </c>
      <c r="AP34523">
        <v>62</v>
      </c>
      <c r="AQ34523">
        <v>63</v>
      </c>
    </row>
    <row r="34524" spans="1:43">
      <c r="A34524" t="s">
        <v>21391</v>
      </c>
      <c r="B34524" t="s">
        <v>21392</v>
      </c>
      <c r="C34524" t="s">
        <v>21389</v>
      </c>
      <c r="D34524" t="s">
        <v>21390</v>
      </c>
      <c r="E34524" t="s">
        <v>21317</v>
      </c>
      <c r="F34524" t="s">
        <v>21318</v>
      </c>
      <c r="G34524" t="s">
        <v>20255</v>
      </c>
      <c r="H34524" t="s">
        <v>20256</v>
      </c>
      <c r="I34524" s="2">
        <v>1</v>
      </c>
      <c r="J34524" s="2">
        <v>0</v>
      </c>
      <c r="K34524" s="2">
        <v>0</v>
      </c>
      <c r="L34524" t="s">
        <v>120</v>
      </c>
      <c r="M34524" t="s">
        <v>89</v>
      </c>
      <c r="N34524" t="s">
        <v>90</v>
      </c>
      <c r="O34524" t="s">
        <v>85</v>
      </c>
      <c r="P34524" t="s">
        <v>86</v>
      </c>
      <c r="Q34524">
        <v>36</v>
      </c>
      <c r="R34524">
        <v>37</v>
      </c>
      <c r="S34524">
        <v>39</v>
      </c>
      <c r="T34524">
        <v>41</v>
      </c>
      <c r="U34524">
        <v>42</v>
      </c>
      <c r="V34524">
        <v>44</v>
      </c>
      <c r="W34524">
        <v>45</v>
      </c>
      <c r="X34524">
        <v>47</v>
      </c>
      <c r="Y34524">
        <v>49</v>
      </c>
      <c r="Z34524">
        <v>50</v>
      </c>
      <c r="AA34524">
        <v>52</v>
      </c>
      <c r="AB34524">
        <v>53</v>
      </c>
      <c r="AC34524">
        <v>55</v>
      </c>
      <c r="AD34524">
        <v>57</v>
      </c>
      <c r="AE34524">
        <v>59</v>
      </c>
      <c r="AF34524">
        <v>60</v>
      </c>
      <c r="AG34524">
        <v>61</v>
      </c>
      <c r="AH34524">
        <v>62</v>
      </c>
      <c r="AI34524">
        <v>63</v>
      </c>
      <c r="AJ34524">
        <v>64</v>
      </c>
      <c r="AK34524">
        <v>65</v>
      </c>
      <c r="AL34524">
        <v>66</v>
      </c>
      <c r="AM34524">
        <v>68</v>
      </c>
      <c r="AN34524">
        <v>69</v>
      </c>
      <c r="AO34524">
        <v>70</v>
      </c>
      <c r="AP34524">
        <v>71</v>
      </c>
      <c r="AQ34524">
        <v>72</v>
      </c>
    </row>
    <row r="34525" spans="1:43">
      <c r="A34525" t="s">
        <v>21391</v>
      </c>
      <c r="B34525" t="s">
        <v>21392</v>
      </c>
      <c r="C34525" t="s">
        <v>21389</v>
      </c>
      <c r="D34525" t="s">
        <v>21390</v>
      </c>
      <c r="E34525" t="s">
        <v>21317</v>
      </c>
      <c r="F34525" t="s">
        <v>21318</v>
      </c>
      <c r="G34525" t="s">
        <v>20255</v>
      </c>
      <c r="H34525" t="s">
        <v>20256</v>
      </c>
      <c r="I34525" s="2">
        <v>1</v>
      </c>
      <c r="J34525" s="2">
        <v>0</v>
      </c>
      <c r="K34525" s="2">
        <v>0</v>
      </c>
      <c r="L34525" t="s">
        <v>120</v>
      </c>
      <c r="M34525" t="s">
        <v>83</v>
      </c>
      <c r="N34525" t="s">
        <v>91</v>
      </c>
      <c r="O34525" t="s">
        <v>85</v>
      </c>
      <c r="P34525" t="s">
        <v>86</v>
      </c>
      <c r="Q34525">
        <v>36</v>
      </c>
      <c r="R34525">
        <v>37</v>
      </c>
      <c r="S34525">
        <v>38</v>
      </c>
      <c r="T34525">
        <v>39</v>
      </c>
      <c r="U34525">
        <v>41</v>
      </c>
      <c r="V34525">
        <v>42</v>
      </c>
      <c r="W34525">
        <v>43</v>
      </c>
      <c r="X34525">
        <v>45</v>
      </c>
      <c r="Y34525">
        <v>46</v>
      </c>
      <c r="Z34525">
        <v>47</v>
      </c>
      <c r="AA34525">
        <v>49</v>
      </c>
      <c r="AB34525">
        <v>50</v>
      </c>
      <c r="AC34525">
        <v>52</v>
      </c>
      <c r="AD34525">
        <v>53</v>
      </c>
      <c r="AE34525">
        <v>55</v>
      </c>
      <c r="AF34525">
        <v>56</v>
      </c>
      <c r="AG34525">
        <v>58</v>
      </c>
      <c r="AH34525">
        <v>59</v>
      </c>
      <c r="AI34525">
        <v>61</v>
      </c>
      <c r="AJ34525">
        <v>63</v>
      </c>
      <c r="AK34525">
        <v>64</v>
      </c>
      <c r="AL34525">
        <v>66</v>
      </c>
      <c r="AM34525">
        <v>67</v>
      </c>
      <c r="AN34525">
        <v>68</v>
      </c>
      <c r="AO34525">
        <v>69</v>
      </c>
      <c r="AP34525">
        <v>71</v>
      </c>
      <c r="AQ34525">
        <v>72</v>
      </c>
    </row>
    <row r="34526" spans="1:43">
      <c r="A34526" t="s">
        <v>21393</v>
      </c>
      <c r="B34526" t="s">
        <v>21394</v>
      </c>
      <c r="C34526" t="s">
        <v>21323</v>
      </c>
      <c r="D34526" t="s">
        <v>21324</v>
      </c>
      <c r="E34526" t="s">
        <v>21317</v>
      </c>
      <c r="F34526" t="s">
        <v>21318</v>
      </c>
      <c r="G34526" t="s">
        <v>20255</v>
      </c>
      <c r="H34526" t="s">
        <v>20256</v>
      </c>
      <c r="I34526" s="2">
        <v>1</v>
      </c>
      <c r="J34526" s="2">
        <v>0</v>
      </c>
      <c r="K34526" s="2">
        <v>0</v>
      </c>
      <c r="L34526" t="s">
        <v>120</v>
      </c>
      <c r="M34526" t="s">
        <v>83</v>
      </c>
      <c r="N34526" t="s">
        <v>84</v>
      </c>
      <c r="O34526" t="s">
        <v>85</v>
      </c>
      <c r="P34526" t="s">
        <v>86</v>
      </c>
      <c r="Q34526">
        <v>33</v>
      </c>
      <c r="R34526">
        <v>34</v>
      </c>
      <c r="S34526">
        <v>35</v>
      </c>
      <c r="T34526">
        <v>36</v>
      </c>
      <c r="U34526">
        <v>37</v>
      </c>
      <c r="V34526">
        <v>39</v>
      </c>
      <c r="W34526">
        <v>40</v>
      </c>
      <c r="X34526">
        <v>41</v>
      </c>
      <c r="Y34526">
        <v>42</v>
      </c>
      <c r="Z34526">
        <v>44</v>
      </c>
      <c r="AA34526">
        <v>45</v>
      </c>
      <c r="AB34526">
        <v>46</v>
      </c>
      <c r="AC34526">
        <v>47</v>
      </c>
      <c r="AD34526">
        <v>49</v>
      </c>
      <c r="AE34526">
        <v>50</v>
      </c>
      <c r="AF34526">
        <v>52</v>
      </c>
      <c r="AG34526">
        <v>53</v>
      </c>
      <c r="AH34526">
        <v>55</v>
      </c>
      <c r="AI34526">
        <v>56</v>
      </c>
      <c r="AJ34526">
        <v>58</v>
      </c>
      <c r="AK34526">
        <v>59</v>
      </c>
      <c r="AL34526">
        <v>61</v>
      </c>
      <c r="AM34526">
        <v>62</v>
      </c>
      <c r="AN34526">
        <v>63</v>
      </c>
      <c r="AO34526">
        <v>64</v>
      </c>
      <c r="AP34526">
        <v>65</v>
      </c>
      <c r="AQ34526">
        <v>67</v>
      </c>
    </row>
    <row r="34527" spans="1:43">
      <c r="A34527" t="s">
        <v>21393</v>
      </c>
      <c r="B34527" t="s">
        <v>21394</v>
      </c>
      <c r="C34527" t="s">
        <v>21323</v>
      </c>
      <c r="D34527" t="s">
        <v>21324</v>
      </c>
      <c r="E34527" t="s">
        <v>21317</v>
      </c>
      <c r="F34527" t="s">
        <v>21318</v>
      </c>
      <c r="G34527" t="s">
        <v>20255</v>
      </c>
      <c r="H34527" t="s">
        <v>20256</v>
      </c>
      <c r="I34527" s="2">
        <v>1</v>
      </c>
      <c r="J34527" s="2">
        <v>0</v>
      </c>
      <c r="K34527" s="2">
        <v>0</v>
      </c>
      <c r="L34527" t="s">
        <v>120</v>
      </c>
      <c r="M34527" t="s">
        <v>87</v>
      </c>
      <c r="N34527" t="s">
        <v>88</v>
      </c>
      <c r="O34527" t="s">
        <v>85</v>
      </c>
      <c r="P34527" t="s">
        <v>86</v>
      </c>
      <c r="Q34527">
        <v>33</v>
      </c>
      <c r="R34527">
        <v>34</v>
      </c>
      <c r="S34527">
        <v>35</v>
      </c>
      <c r="T34527">
        <v>36</v>
      </c>
      <c r="U34527">
        <v>37</v>
      </c>
      <c r="V34527">
        <v>37</v>
      </c>
      <c r="W34527">
        <v>38</v>
      </c>
      <c r="X34527">
        <v>39</v>
      </c>
      <c r="Y34527">
        <v>40</v>
      </c>
      <c r="Z34527">
        <v>41</v>
      </c>
      <c r="AA34527">
        <v>42</v>
      </c>
      <c r="AB34527">
        <v>43</v>
      </c>
      <c r="AC34527">
        <v>44</v>
      </c>
      <c r="AD34527">
        <v>45</v>
      </c>
      <c r="AE34527">
        <v>46</v>
      </c>
      <c r="AF34527">
        <v>47</v>
      </c>
      <c r="AG34527">
        <v>48</v>
      </c>
      <c r="AH34527">
        <v>49</v>
      </c>
      <c r="AI34527">
        <v>50</v>
      </c>
      <c r="AJ34527">
        <v>51</v>
      </c>
      <c r="AK34527">
        <v>52</v>
      </c>
      <c r="AL34527">
        <v>53</v>
      </c>
      <c r="AM34527">
        <v>54</v>
      </c>
      <c r="AN34527">
        <v>55</v>
      </c>
      <c r="AO34527">
        <v>56</v>
      </c>
      <c r="AP34527">
        <v>57</v>
      </c>
      <c r="AQ34527">
        <v>59</v>
      </c>
    </row>
    <row r="34528" spans="1:43">
      <c r="A34528" t="s">
        <v>21393</v>
      </c>
      <c r="B34528" t="s">
        <v>21394</v>
      </c>
      <c r="C34528" t="s">
        <v>21323</v>
      </c>
      <c r="D34528" t="s">
        <v>21324</v>
      </c>
      <c r="E34528" t="s">
        <v>21317</v>
      </c>
      <c r="F34528" t="s">
        <v>21318</v>
      </c>
      <c r="G34528" t="s">
        <v>20255</v>
      </c>
      <c r="H34528" t="s">
        <v>20256</v>
      </c>
      <c r="I34528" s="2">
        <v>1</v>
      </c>
      <c r="J34528" s="2">
        <v>0</v>
      </c>
      <c r="K34528" s="2">
        <v>0</v>
      </c>
      <c r="L34528" t="s">
        <v>120</v>
      </c>
      <c r="M34528" t="s">
        <v>89</v>
      </c>
      <c r="N34528" t="s">
        <v>90</v>
      </c>
      <c r="O34528" t="s">
        <v>85</v>
      </c>
      <c r="P34528" t="s">
        <v>86</v>
      </c>
      <c r="Q34528">
        <v>33</v>
      </c>
      <c r="R34528">
        <v>34</v>
      </c>
      <c r="S34528">
        <v>36</v>
      </c>
      <c r="T34528">
        <v>37</v>
      </c>
      <c r="U34528">
        <v>39</v>
      </c>
      <c r="V34528">
        <v>40</v>
      </c>
      <c r="W34528">
        <v>42</v>
      </c>
      <c r="X34528">
        <v>43</v>
      </c>
      <c r="Y34528">
        <v>45</v>
      </c>
      <c r="Z34528">
        <v>46</v>
      </c>
      <c r="AA34528">
        <v>48</v>
      </c>
      <c r="AB34528">
        <v>49</v>
      </c>
      <c r="AC34528">
        <v>51</v>
      </c>
      <c r="AD34528">
        <v>52</v>
      </c>
      <c r="AE34528">
        <v>54</v>
      </c>
      <c r="AF34528">
        <v>55</v>
      </c>
      <c r="AG34528">
        <v>56</v>
      </c>
      <c r="AH34528">
        <v>57</v>
      </c>
      <c r="AI34528">
        <v>58</v>
      </c>
      <c r="AJ34528">
        <v>59</v>
      </c>
      <c r="AK34528">
        <v>61</v>
      </c>
      <c r="AL34528">
        <v>62</v>
      </c>
      <c r="AM34528">
        <v>63</v>
      </c>
      <c r="AN34528">
        <v>64</v>
      </c>
      <c r="AO34528">
        <v>65</v>
      </c>
      <c r="AP34528">
        <v>66</v>
      </c>
      <c r="AQ34528">
        <v>68</v>
      </c>
    </row>
    <row r="34529" spans="1:43">
      <c r="A34529" t="s">
        <v>21393</v>
      </c>
      <c r="B34529" t="s">
        <v>21394</v>
      </c>
      <c r="C34529" t="s">
        <v>21323</v>
      </c>
      <c r="D34529" t="s">
        <v>21324</v>
      </c>
      <c r="E34529" t="s">
        <v>21317</v>
      </c>
      <c r="F34529" t="s">
        <v>21318</v>
      </c>
      <c r="G34529" t="s">
        <v>20255</v>
      </c>
      <c r="H34529" t="s">
        <v>20256</v>
      </c>
      <c r="I34529" s="2">
        <v>1</v>
      </c>
      <c r="J34529" s="2">
        <v>0</v>
      </c>
      <c r="K34529" s="2">
        <v>0</v>
      </c>
      <c r="L34529" t="s">
        <v>120</v>
      </c>
      <c r="M34529" t="s">
        <v>83</v>
      </c>
      <c r="N34529" t="s">
        <v>91</v>
      </c>
      <c r="O34529" t="s">
        <v>85</v>
      </c>
      <c r="P34529" t="s">
        <v>86</v>
      </c>
      <c r="Q34529">
        <v>33</v>
      </c>
      <c r="R34529">
        <v>34</v>
      </c>
      <c r="S34529">
        <v>35</v>
      </c>
      <c r="T34529">
        <v>36</v>
      </c>
      <c r="U34529">
        <v>37</v>
      </c>
      <c r="V34529">
        <v>39</v>
      </c>
      <c r="W34529">
        <v>40</v>
      </c>
      <c r="X34529">
        <v>41</v>
      </c>
      <c r="Y34529">
        <v>42</v>
      </c>
      <c r="Z34529">
        <v>44</v>
      </c>
      <c r="AA34529">
        <v>45</v>
      </c>
      <c r="AB34529">
        <v>46</v>
      </c>
      <c r="AC34529">
        <v>47</v>
      </c>
      <c r="AD34529">
        <v>49</v>
      </c>
      <c r="AE34529">
        <v>50</v>
      </c>
      <c r="AF34529">
        <v>52</v>
      </c>
      <c r="AG34529">
        <v>53</v>
      </c>
      <c r="AH34529">
        <v>55</v>
      </c>
      <c r="AI34529">
        <v>56</v>
      </c>
      <c r="AJ34529">
        <v>58</v>
      </c>
      <c r="AK34529">
        <v>59</v>
      </c>
      <c r="AL34529">
        <v>61</v>
      </c>
      <c r="AM34529">
        <v>62</v>
      </c>
      <c r="AN34529">
        <v>63</v>
      </c>
      <c r="AO34529">
        <v>64</v>
      </c>
      <c r="AP34529">
        <v>65</v>
      </c>
      <c r="AQ34529">
        <v>67</v>
      </c>
    </row>
    <row r="34530" spans="1:43">
      <c r="A34530" t="s">
        <v>21395</v>
      </c>
      <c r="B34530" t="s">
        <v>21396</v>
      </c>
      <c r="C34530" t="s">
        <v>21323</v>
      </c>
      <c r="D34530" t="s">
        <v>21324</v>
      </c>
      <c r="E34530" t="s">
        <v>21317</v>
      </c>
      <c r="F34530" t="s">
        <v>21318</v>
      </c>
      <c r="G34530" t="s">
        <v>20255</v>
      </c>
      <c r="H34530" t="s">
        <v>20256</v>
      </c>
      <c r="I34530" s="2">
        <v>1</v>
      </c>
      <c r="J34530" s="2">
        <v>0</v>
      </c>
      <c r="K34530" s="2">
        <v>0</v>
      </c>
      <c r="L34530" t="s">
        <v>120</v>
      </c>
      <c r="M34530" t="s">
        <v>83</v>
      </c>
      <c r="N34530" t="s">
        <v>84</v>
      </c>
      <c r="O34530" t="s">
        <v>85</v>
      </c>
      <c r="P34530" t="s">
        <v>86</v>
      </c>
      <c r="Q34530">
        <v>16</v>
      </c>
      <c r="R34530">
        <v>17</v>
      </c>
      <c r="S34530">
        <v>17</v>
      </c>
      <c r="T34530">
        <v>18</v>
      </c>
      <c r="U34530">
        <v>19</v>
      </c>
      <c r="V34530">
        <v>19</v>
      </c>
      <c r="W34530">
        <v>20</v>
      </c>
      <c r="X34530">
        <v>20</v>
      </c>
      <c r="Y34530">
        <v>21</v>
      </c>
      <c r="Z34530">
        <v>22</v>
      </c>
      <c r="AA34530">
        <v>22</v>
      </c>
      <c r="AB34530">
        <v>23</v>
      </c>
      <c r="AC34530">
        <v>24</v>
      </c>
      <c r="AD34530">
        <v>24</v>
      </c>
      <c r="AE34530">
        <v>25</v>
      </c>
      <c r="AF34530">
        <v>26</v>
      </c>
      <c r="AG34530">
        <v>26</v>
      </c>
      <c r="AH34530">
        <v>27</v>
      </c>
      <c r="AI34530">
        <v>28</v>
      </c>
      <c r="AJ34530">
        <v>29</v>
      </c>
      <c r="AK34530">
        <v>30</v>
      </c>
      <c r="AL34530">
        <v>30</v>
      </c>
      <c r="AM34530">
        <v>31</v>
      </c>
      <c r="AN34530">
        <v>31</v>
      </c>
      <c r="AO34530">
        <v>32</v>
      </c>
      <c r="AP34530">
        <v>33</v>
      </c>
      <c r="AQ34530">
        <v>33</v>
      </c>
    </row>
    <row r="34531" spans="1:43">
      <c r="A34531" t="s">
        <v>21395</v>
      </c>
      <c r="B34531" t="s">
        <v>21396</v>
      </c>
      <c r="C34531" t="s">
        <v>21323</v>
      </c>
      <c r="D34531" t="s">
        <v>21324</v>
      </c>
      <c r="E34531" t="s">
        <v>21317</v>
      </c>
      <c r="F34531" t="s">
        <v>21318</v>
      </c>
      <c r="G34531" t="s">
        <v>20255</v>
      </c>
      <c r="H34531" t="s">
        <v>20256</v>
      </c>
      <c r="I34531" s="2">
        <v>1</v>
      </c>
      <c r="J34531" s="2">
        <v>0</v>
      </c>
      <c r="K34531" s="2">
        <v>0</v>
      </c>
      <c r="L34531" t="s">
        <v>120</v>
      </c>
      <c r="M34531" t="s">
        <v>87</v>
      </c>
      <c r="N34531" t="s">
        <v>88</v>
      </c>
      <c r="O34531" t="s">
        <v>85</v>
      </c>
      <c r="P34531" t="s">
        <v>86</v>
      </c>
      <c r="Q34531">
        <v>16</v>
      </c>
      <c r="R34531">
        <v>17</v>
      </c>
      <c r="S34531">
        <v>17</v>
      </c>
      <c r="T34531">
        <v>17</v>
      </c>
      <c r="U34531">
        <v>18</v>
      </c>
      <c r="V34531">
        <v>18</v>
      </c>
      <c r="W34531">
        <v>19</v>
      </c>
      <c r="X34531">
        <v>19</v>
      </c>
      <c r="Y34531">
        <v>19</v>
      </c>
      <c r="Z34531">
        <v>20</v>
      </c>
      <c r="AA34531">
        <v>20</v>
      </c>
      <c r="AB34531">
        <v>21</v>
      </c>
      <c r="AC34531">
        <v>21</v>
      </c>
      <c r="AD34531">
        <v>22</v>
      </c>
      <c r="AE34531">
        <v>22</v>
      </c>
      <c r="AF34531">
        <v>23</v>
      </c>
      <c r="AG34531">
        <v>23</v>
      </c>
      <c r="AH34531">
        <v>24</v>
      </c>
      <c r="AI34531">
        <v>24</v>
      </c>
      <c r="AJ34531">
        <v>25</v>
      </c>
      <c r="AK34531">
        <v>25</v>
      </c>
      <c r="AL34531">
        <v>26</v>
      </c>
      <c r="AM34531">
        <v>26</v>
      </c>
      <c r="AN34531">
        <v>27</v>
      </c>
      <c r="AO34531">
        <v>28</v>
      </c>
      <c r="AP34531">
        <v>28</v>
      </c>
      <c r="AQ34531">
        <v>29</v>
      </c>
    </row>
    <row r="34532" spans="1:43">
      <c r="A34532" t="s">
        <v>21395</v>
      </c>
      <c r="B34532" t="s">
        <v>21396</v>
      </c>
      <c r="C34532" t="s">
        <v>21323</v>
      </c>
      <c r="D34532" t="s">
        <v>21324</v>
      </c>
      <c r="E34532" t="s">
        <v>21317</v>
      </c>
      <c r="F34532" t="s">
        <v>21318</v>
      </c>
      <c r="G34532" t="s">
        <v>20255</v>
      </c>
      <c r="H34532" t="s">
        <v>20256</v>
      </c>
      <c r="I34532" s="2">
        <v>1</v>
      </c>
      <c r="J34532" s="2">
        <v>0</v>
      </c>
      <c r="K34532" s="2">
        <v>0</v>
      </c>
      <c r="L34532" t="s">
        <v>120</v>
      </c>
      <c r="M34532" t="s">
        <v>89</v>
      </c>
      <c r="N34532" t="s">
        <v>90</v>
      </c>
      <c r="O34532" t="s">
        <v>85</v>
      </c>
      <c r="P34532" t="s">
        <v>86</v>
      </c>
      <c r="Q34532">
        <v>16</v>
      </c>
      <c r="R34532">
        <v>17</v>
      </c>
      <c r="S34532">
        <v>18</v>
      </c>
      <c r="T34532">
        <v>19</v>
      </c>
      <c r="U34532">
        <v>19</v>
      </c>
      <c r="V34532">
        <v>20</v>
      </c>
      <c r="W34532">
        <v>21</v>
      </c>
      <c r="X34532">
        <v>21</v>
      </c>
      <c r="Y34532">
        <v>22</v>
      </c>
      <c r="Z34532">
        <v>23</v>
      </c>
      <c r="AA34532">
        <v>24</v>
      </c>
      <c r="AB34532">
        <v>24</v>
      </c>
      <c r="AC34532">
        <v>25</v>
      </c>
      <c r="AD34532">
        <v>26</v>
      </c>
      <c r="AE34532">
        <v>27</v>
      </c>
      <c r="AF34532">
        <v>27</v>
      </c>
      <c r="AG34532">
        <v>28</v>
      </c>
      <c r="AH34532">
        <v>28</v>
      </c>
      <c r="AI34532">
        <v>29</v>
      </c>
      <c r="AJ34532">
        <v>30</v>
      </c>
      <c r="AK34532">
        <v>30</v>
      </c>
      <c r="AL34532">
        <v>31</v>
      </c>
      <c r="AM34532">
        <v>31</v>
      </c>
      <c r="AN34532">
        <v>32</v>
      </c>
      <c r="AO34532">
        <v>32</v>
      </c>
      <c r="AP34532">
        <v>33</v>
      </c>
      <c r="AQ34532">
        <v>34</v>
      </c>
    </row>
    <row r="34533" spans="1:43">
      <c r="A34533" t="s">
        <v>21395</v>
      </c>
      <c r="B34533" t="s">
        <v>21396</v>
      </c>
      <c r="C34533" t="s">
        <v>21323</v>
      </c>
      <c r="D34533" t="s">
        <v>21324</v>
      </c>
      <c r="E34533" t="s">
        <v>21317</v>
      </c>
      <c r="F34533" t="s">
        <v>21318</v>
      </c>
      <c r="G34533" t="s">
        <v>20255</v>
      </c>
      <c r="H34533" t="s">
        <v>20256</v>
      </c>
      <c r="I34533" s="2">
        <v>1</v>
      </c>
      <c r="J34533" s="2">
        <v>0</v>
      </c>
      <c r="K34533" s="2">
        <v>0</v>
      </c>
      <c r="L34533" t="s">
        <v>120</v>
      </c>
      <c r="M34533" t="s">
        <v>83</v>
      </c>
      <c r="N34533" t="s">
        <v>91</v>
      </c>
      <c r="O34533" t="s">
        <v>85</v>
      </c>
      <c r="P34533" t="s">
        <v>86</v>
      </c>
      <c r="Q34533">
        <v>16</v>
      </c>
      <c r="R34533">
        <v>17</v>
      </c>
      <c r="S34533">
        <v>17</v>
      </c>
      <c r="T34533">
        <v>18</v>
      </c>
      <c r="U34533">
        <v>19</v>
      </c>
      <c r="V34533">
        <v>19</v>
      </c>
      <c r="W34533">
        <v>20</v>
      </c>
      <c r="X34533">
        <v>20</v>
      </c>
      <c r="Y34533">
        <v>21</v>
      </c>
      <c r="Z34533">
        <v>22</v>
      </c>
      <c r="AA34533">
        <v>22</v>
      </c>
      <c r="AB34533">
        <v>23</v>
      </c>
      <c r="AC34533">
        <v>24</v>
      </c>
      <c r="AD34533">
        <v>24</v>
      </c>
      <c r="AE34533">
        <v>25</v>
      </c>
      <c r="AF34533">
        <v>26</v>
      </c>
      <c r="AG34533">
        <v>26</v>
      </c>
      <c r="AH34533">
        <v>27</v>
      </c>
      <c r="AI34533">
        <v>28</v>
      </c>
      <c r="AJ34533">
        <v>29</v>
      </c>
      <c r="AK34533">
        <v>30</v>
      </c>
      <c r="AL34533">
        <v>30</v>
      </c>
      <c r="AM34533">
        <v>31</v>
      </c>
      <c r="AN34533">
        <v>31</v>
      </c>
      <c r="AO34533">
        <v>32</v>
      </c>
      <c r="AP34533">
        <v>33</v>
      </c>
      <c r="AQ34533">
        <v>33</v>
      </c>
    </row>
    <row r="34534" spans="1:43">
      <c r="A34534" t="s">
        <v>21397</v>
      </c>
      <c r="B34534" t="s">
        <v>21398</v>
      </c>
      <c r="C34534" t="s">
        <v>21323</v>
      </c>
      <c r="D34534" t="s">
        <v>21324</v>
      </c>
      <c r="E34534" t="s">
        <v>21317</v>
      </c>
      <c r="F34534" t="s">
        <v>21318</v>
      </c>
      <c r="G34534" t="s">
        <v>20255</v>
      </c>
      <c r="H34534" t="s">
        <v>20256</v>
      </c>
      <c r="I34534" s="2">
        <v>1</v>
      </c>
      <c r="J34534" s="2">
        <v>0</v>
      </c>
      <c r="K34534" s="2">
        <v>0</v>
      </c>
      <c r="L34534" t="s">
        <v>120</v>
      </c>
      <c r="M34534" t="s">
        <v>83</v>
      </c>
      <c r="N34534" t="s">
        <v>84</v>
      </c>
      <c r="O34534" t="s">
        <v>85</v>
      </c>
      <c r="P34534" t="s">
        <v>86</v>
      </c>
      <c r="Q34534">
        <v>64</v>
      </c>
      <c r="R34534">
        <v>66</v>
      </c>
      <c r="S34534">
        <v>68</v>
      </c>
      <c r="T34534">
        <v>70</v>
      </c>
      <c r="U34534">
        <v>73</v>
      </c>
      <c r="V34534">
        <v>75</v>
      </c>
      <c r="W34534">
        <v>77</v>
      </c>
      <c r="X34534">
        <v>80</v>
      </c>
      <c r="Y34534">
        <v>82</v>
      </c>
      <c r="Z34534">
        <v>85</v>
      </c>
      <c r="AA34534">
        <v>87</v>
      </c>
      <c r="AB34534">
        <v>90</v>
      </c>
      <c r="AC34534">
        <v>92</v>
      </c>
      <c r="AD34534">
        <v>95</v>
      </c>
      <c r="AE34534">
        <v>98</v>
      </c>
      <c r="AF34534">
        <v>101</v>
      </c>
      <c r="AG34534">
        <v>103</v>
      </c>
      <c r="AH34534">
        <v>106</v>
      </c>
      <c r="AI34534">
        <v>109</v>
      </c>
      <c r="AJ34534">
        <v>112</v>
      </c>
      <c r="AK34534">
        <v>115</v>
      </c>
      <c r="AL34534">
        <v>118</v>
      </c>
      <c r="AM34534">
        <v>120</v>
      </c>
      <c r="AN34534">
        <v>122</v>
      </c>
      <c r="AO34534">
        <v>125</v>
      </c>
      <c r="AP34534">
        <v>127</v>
      </c>
      <c r="AQ34534">
        <v>130</v>
      </c>
    </row>
    <row r="34535" spans="1:43">
      <c r="A34535" t="s">
        <v>21397</v>
      </c>
      <c r="B34535" t="s">
        <v>21398</v>
      </c>
      <c r="C34535" t="s">
        <v>21323</v>
      </c>
      <c r="D34535" t="s">
        <v>21324</v>
      </c>
      <c r="E34535" t="s">
        <v>21317</v>
      </c>
      <c r="F34535" t="s">
        <v>21318</v>
      </c>
      <c r="G34535" t="s">
        <v>20255</v>
      </c>
      <c r="H34535" t="s">
        <v>20256</v>
      </c>
      <c r="I34535" s="2">
        <v>1</v>
      </c>
      <c r="J34535" s="2">
        <v>0</v>
      </c>
      <c r="K34535" s="2">
        <v>0</v>
      </c>
      <c r="L34535" t="s">
        <v>120</v>
      </c>
      <c r="M34535" t="s">
        <v>87</v>
      </c>
      <c r="N34535" t="s">
        <v>88</v>
      </c>
      <c r="O34535" t="s">
        <v>85</v>
      </c>
      <c r="P34535" t="s">
        <v>86</v>
      </c>
      <c r="Q34535">
        <v>64</v>
      </c>
      <c r="R34535">
        <v>66</v>
      </c>
      <c r="S34535">
        <v>67</v>
      </c>
      <c r="T34535">
        <v>69</v>
      </c>
      <c r="U34535">
        <v>70</v>
      </c>
      <c r="V34535">
        <v>72</v>
      </c>
      <c r="W34535">
        <v>74</v>
      </c>
      <c r="X34535">
        <v>75</v>
      </c>
      <c r="Y34535">
        <v>77</v>
      </c>
      <c r="Z34535">
        <v>79</v>
      </c>
      <c r="AA34535">
        <v>81</v>
      </c>
      <c r="AB34535">
        <v>82</v>
      </c>
      <c r="AC34535">
        <v>84</v>
      </c>
      <c r="AD34535">
        <v>86</v>
      </c>
      <c r="AE34535">
        <v>88</v>
      </c>
      <c r="AF34535">
        <v>90</v>
      </c>
      <c r="AG34535">
        <v>92</v>
      </c>
      <c r="AH34535">
        <v>94</v>
      </c>
      <c r="AI34535">
        <v>96</v>
      </c>
      <c r="AJ34535">
        <v>98</v>
      </c>
      <c r="AK34535">
        <v>100</v>
      </c>
      <c r="AL34535">
        <v>102</v>
      </c>
      <c r="AM34535">
        <v>104</v>
      </c>
      <c r="AN34535">
        <v>106</v>
      </c>
      <c r="AO34535">
        <v>109</v>
      </c>
      <c r="AP34535">
        <v>111</v>
      </c>
      <c r="AQ34535">
        <v>113</v>
      </c>
    </row>
    <row r="34536" spans="1:43">
      <c r="A34536" t="s">
        <v>21397</v>
      </c>
      <c r="B34536" t="s">
        <v>21398</v>
      </c>
      <c r="C34536" t="s">
        <v>21323</v>
      </c>
      <c r="D34536" t="s">
        <v>21324</v>
      </c>
      <c r="E34536" t="s">
        <v>21317</v>
      </c>
      <c r="F34536" t="s">
        <v>21318</v>
      </c>
      <c r="G34536" t="s">
        <v>20255</v>
      </c>
      <c r="H34536" t="s">
        <v>20256</v>
      </c>
      <c r="I34536" s="2">
        <v>1</v>
      </c>
      <c r="J34536" s="2">
        <v>0</v>
      </c>
      <c r="K34536" s="2">
        <v>0</v>
      </c>
      <c r="L34536" t="s">
        <v>120</v>
      </c>
      <c r="M34536" t="s">
        <v>89</v>
      </c>
      <c r="N34536" t="s">
        <v>90</v>
      </c>
      <c r="O34536" t="s">
        <v>85</v>
      </c>
      <c r="P34536" t="s">
        <v>86</v>
      </c>
      <c r="Q34536">
        <v>64</v>
      </c>
      <c r="R34536">
        <v>67</v>
      </c>
      <c r="S34536">
        <v>70</v>
      </c>
      <c r="T34536">
        <v>73</v>
      </c>
      <c r="U34536">
        <v>75</v>
      </c>
      <c r="V34536">
        <v>78</v>
      </c>
      <c r="W34536">
        <v>81</v>
      </c>
      <c r="X34536">
        <v>84</v>
      </c>
      <c r="Y34536">
        <v>87</v>
      </c>
      <c r="Z34536">
        <v>90</v>
      </c>
      <c r="AA34536">
        <v>93</v>
      </c>
      <c r="AB34536">
        <v>96</v>
      </c>
      <c r="AC34536">
        <v>99</v>
      </c>
      <c r="AD34536">
        <v>102</v>
      </c>
      <c r="AE34536">
        <v>105</v>
      </c>
      <c r="AF34536">
        <v>107</v>
      </c>
      <c r="AG34536">
        <v>109</v>
      </c>
      <c r="AH34536">
        <v>111</v>
      </c>
      <c r="AI34536">
        <v>113</v>
      </c>
      <c r="AJ34536">
        <v>116</v>
      </c>
      <c r="AK34536">
        <v>118</v>
      </c>
      <c r="AL34536">
        <v>120</v>
      </c>
      <c r="AM34536">
        <v>122</v>
      </c>
      <c r="AN34536">
        <v>125</v>
      </c>
      <c r="AO34536">
        <v>127</v>
      </c>
      <c r="AP34536">
        <v>129</v>
      </c>
      <c r="AQ34536">
        <v>132</v>
      </c>
    </row>
    <row r="34537" spans="1:43">
      <c r="A34537" t="s">
        <v>21397</v>
      </c>
      <c r="B34537" t="s">
        <v>21398</v>
      </c>
      <c r="C34537" t="s">
        <v>21323</v>
      </c>
      <c r="D34537" t="s">
        <v>21324</v>
      </c>
      <c r="E34537" t="s">
        <v>21317</v>
      </c>
      <c r="F34537" t="s">
        <v>21318</v>
      </c>
      <c r="G34537" t="s">
        <v>20255</v>
      </c>
      <c r="H34537" t="s">
        <v>20256</v>
      </c>
      <c r="I34537" s="2">
        <v>1</v>
      </c>
      <c r="J34537" s="2">
        <v>0</v>
      </c>
      <c r="K34537" s="2">
        <v>0</v>
      </c>
      <c r="L34537" t="s">
        <v>120</v>
      </c>
      <c r="M34537" t="s">
        <v>83</v>
      </c>
      <c r="N34537" t="s">
        <v>91</v>
      </c>
      <c r="O34537" t="s">
        <v>85</v>
      </c>
      <c r="P34537" t="s">
        <v>86</v>
      </c>
      <c r="Q34537">
        <v>64</v>
      </c>
      <c r="R34537">
        <v>66</v>
      </c>
      <c r="S34537">
        <v>68</v>
      </c>
      <c r="T34537">
        <v>70</v>
      </c>
      <c r="U34537">
        <v>73</v>
      </c>
      <c r="V34537">
        <v>75</v>
      </c>
      <c r="W34537">
        <v>77</v>
      </c>
      <c r="X34537">
        <v>80</v>
      </c>
      <c r="Y34537">
        <v>82</v>
      </c>
      <c r="Z34537">
        <v>85</v>
      </c>
      <c r="AA34537">
        <v>87</v>
      </c>
      <c r="AB34537">
        <v>90</v>
      </c>
      <c r="AC34537">
        <v>92</v>
      </c>
      <c r="AD34537">
        <v>95</v>
      </c>
      <c r="AE34537">
        <v>98</v>
      </c>
      <c r="AF34537">
        <v>101</v>
      </c>
      <c r="AG34537">
        <v>103</v>
      </c>
      <c r="AH34537">
        <v>106</v>
      </c>
      <c r="AI34537">
        <v>109</v>
      </c>
      <c r="AJ34537">
        <v>112</v>
      </c>
      <c r="AK34537">
        <v>115</v>
      </c>
      <c r="AL34537">
        <v>118</v>
      </c>
      <c r="AM34537">
        <v>120</v>
      </c>
      <c r="AN34537">
        <v>122</v>
      </c>
      <c r="AO34537">
        <v>125</v>
      </c>
      <c r="AP34537">
        <v>127</v>
      </c>
      <c r="AQ34537">
        <v>130</v>
      </c>
    </row>
    <row r="34538" spans="1:43">
      <c r="A34538" t="s">
        <v>21399</v>
      </c>
      <c r="B34538" t="s">
        <v>21400</v>
      </c>
      <c r="C34538" t="s">
        <v>21375</v>
      </c>
      <c r="D34538" t="s">
        <v>21376</v>
      </c>
      <c r="E34538" t="s">
        <v>21317</v>
      </c>
      <c r="F34538" t="s">
        <v>21318</v>
      </c>
      <c r="G34538" t="s">
        <v>20255</v>
      </c>
      <c r="H34538" t="s">
        <v>20256</v>
      </c>
      <c r="I34538" s="2">
        <v>1</v>
      </c>
      <c r="J34538" s="2">
        <v>0</v>
      </c>
      <c r="K34538" s="2">
        <v>0</v>
      </c>
      <c r="L34538" t="s">
        <v>120</v>
      </c>
      <c r="M34538" t="s">
        <v>83</v>
      </c>
      <c r="N34538" t="s">
        <v>84</v>
      </c>
      <c r="O34538" t="s">
        <v>85</v>
      </c>
      <c r="P34538" t="s">
        <v>86</v>
      </c>
      <c r="Q34538">
        <v>34</v>
      </c>
      <c r="R34538">
        <v>35</v>
      </c>
      <c r="S34538">
        <v>36</v>
      </c>
      <c r="T34538">
        <v>37</v>
      </c>
      <c r="U34538">
        <v>38</v>
      </c>
      <c r="V34538">
        <v>40</v>
      </c>
      <c r="W34538">
        <v>41</v>
      </c>
      <c r="X34538">
        <v>42</v>
      </c>
      <c r="Y34538">
        <v>43</v>
      </c>
      <c r="Z34538">
        <v>44</v>
      </c>
      <c r="AA34538">
        <v>46</v>
      </c>
      <c r="AB34538">
        <v>47</v>
      </c>
      <c r="AC34538">
        <v>48</v>
      </c>
      <c r="AD34538">
        <v>50</v>
      </c>
      <c r="AE34538">
        <v>51</v>
      </c>
      <c r="AF34538">
        <v>52</v>
      </c>
      <c r="AG34538">
        <v>54</v>
      </c>
      <c r="AH34538">
        <v>55</v>
      </c>
      <c r="AI34538">
        <v>57</v>
      </c>
      <c r="AJ34538">
        <v>58</v>
      </c>
      <c r="AK34538">
        <v>60</v>
      </c>
      <c r="AL34538">
        <v>61</v>
      </c>
      <c r="AM34538">
        <v>62</v>
      </c>
      <c r="AN34538">
        <v>63</v>
      </c>
      <c r="AO34538">
        <v>64</v>
      </c>
      <c r="AP34538">
        <v>65</v>
      </c>
      <c r="AQ34538">
        <v>66</v>
      </c>
    </row>
    <row r="34539" spans="1:43">
      <c r="A34539" t="s">
        <v>21399</v>
      </c>
      <c r="B34539" t="s">
        <v>21400</v>
      </c>
      <c r="C34539" t="s">
        <v>21375</v>
      </c>
      <c r="D34539" t="s">
        <v>21376</v>
      </c>
      <c r="E34539" t="s">
        <v>21317</v>
      </c>
      <c r="F34539" t="s">
        <v>21318</v>
      </c>
      <c r="G34539" t="s">
        <v>20255</v>
      </c>
      <c r="H34539" t="s">
        <v>20256</v>
      </c>
      <c r="I34539" s="2">
        <v>1</v>
      </c>
      <c r="J34539" s="2">
        <v>0</v>
      </c>
      <c r="K34539" s="2">
        <v>0</v>
      </c>
      <c r="L34539" t="s">
        <v>120</v>
      </c>
      <c r="M34539" t="s">
        <v>87</v>
      </c>
      <c r="N34539" t="s">
        <v>88</v>
      </c>
      <c r="O34539" t="s">
        <v>85</v>
      </c>
      <c r="P34539" t="s">
        <v>86</v>
      </c>
      <c r="Q34539">
        <v>34</v>
      </c>
      <c r="R34539">
        <v>34</v>
      </c>
      <c r="S34539">
        <v>35</v>
      </c>
      <c r="T34539">
        <v>36</v>
      </c>
      <c r="U34539">
        <v>37</v>
      </c>
      <c r="V34539">
        <v>38</v>
      </c>
      <c r="W34539">
        <v>38</v>
      </c>
      <c r="X34539">
        <v>39</v>
      </c>
      <c r="Y34539">
        <v>40</v>
      </c>
      <c r="Z34539">
        <v>41</v>
      </c>
      <c r="AA34539">
        <v>42</v>
      </c>
      <c r="AB34539">
        <v>43</v>
      </c>
      <c r="AC34539">
        <v>43</v>
      </c>
      <c r="AD34539">
        <v>44</v>
      </c>
      <c r="AE34539">
        <v>45</v>
      </c>
      <c r="AF34539">
        <v>46</v>
      </c>
      <c r="AG34539">
        <v>47</v>
      </c>
      <c r="AH34539">
        <v>48</v>
      </c>
      <c r="AI34539">
        <v>49</v>
      </c>
      <c r="AJ34539">
        <v>50</v>
      </c>
      <c r="AK34539">
        <v>51</v>
      </c>
      <c r="AL34539">
        <v>52</v>
      </c>
      <c r="AM34539">
        <v>53</v>
      </c>
      <c r="AN34539">
        <v>54</v>
      </c>
      <c r="AO34539">
        <v>55</v>
      </c>
      <c r="AP34539">
        <v>56</v>
      </c>
      <c r="AQ34539">
        <v>57</v>
      </c>
    </row>
    <row r="34540" spans="1:43">
      <c r="A34540" t="s">
        <v>21399</v>
      </c>
      <c r="B34540" t="s">
        <v>21400</v>
      </c>
      <c r="C34540" t="s">
        <v>21375</v>
      </c>
      <c r="D34540" t="s">
        <v>21376</v>
      </c>
      <c r="E34540" t="s">
        <v>21317</v>
      </c>
      <c r="F34540" t="s">
        <v>21318</v>
      </c>
      <c r="G34540" t="s">
        <v>20255</v>
      </c>
      <c r="H34540" t="s">
        <v>20256</v>
      </c>
      <c r="I34540" s="2">
        <v>1</v>
      </c>
      <c r="J34540" s="2">
        <v>0</v>
      </c>
      <c r="K34540" s="2">
        <v>0</v>
      </c>
      <c r="L34540" t="s">
        <v>120</v>
      </c>
      <c r="M34540" t="s">
        <v>89</v>
      </c>
      <c r="N34540" t="s">
        <v>90</v>
      </c>
      <c r="O34540" t="s">
        <v>85</v>
      </c>
      <c r="P34540" t="s">
        <v>86</v>
      </c>
      <c r="Q34540">
        <v>34</v>
      </c>
      <c r="R34540">
        <v>36</v>
      </c>
      <c r="S34540">
        <v>37</v>
      </c>
      <c r="T34540">
        <v>38</v>
      </c>
      <c r="U34540">
        <v>40</v>
      </c>
      <c r="V34540">
        <v>41</v>
      </c>
      <c r="W34540">
        <v>43</v>
      </c>
      <c r="X34540">
        <v>44</v>
      </c>
      <c r="Y34540">
        <v>46</v>
      </c>
      <c r="Z34540">
        <v>47</v>
      </c>
      <c r="AA34540">
        <v>49</v>
      </c>
      <c r="AB34540">
        <v>50</v>
      </c>
      <c r="AC34540">
        <v>52</v>
      </c>
      <c r="AD34540">
        <v>53</v>
      </c>
      <c r="AE34540">
        <v>55</v>
      </c>
      <c r="AF34540">
        <v>56</v>
      </c>
      <c r="AG34540">
        <v>57</v>
      </c>
      <c r="AH34540">
        <v>58</v>
      </c>
      <c r="AI34540">
        <v>59</v>
      </c>
      <c r="AJ34540">
        <v>60</v>
      </c>
      <c r="AK34540">
        <v>61</v>
      </c>
      <c r="AL34540">
        <v>62</v>
      </c>
      <c r="AM34540">
        <v>63</v>
      </c>
      <c r="AN34540">
        <v>64</v>
      </c>
      <c r="AO34540">
        <v>65</v>
      </c>
      <c r="AP34540">
        <v>66</v>
      </c>
      <c r="AQ34540">
        <v>67</v>
      </c>
    </row>
    <row r="34541" spans="1:43">
      <c r="A34541" t="s">
        <v>21399</v>
      </c>
      <c r="B34541" t="s">
        <v>21400</v>
      </c>
      <c r="C34541" t="s">
        <v>21375</v>
      </c>
      <c r="D34541" t="s">
        <v>21376</v>
      </c>
      <c r="E34541" t="s">
        <v>21317</v>
      </c>
      <c r="F34541" t="s">
        <v>21318</v>
      </c>
      <c r="G34541" t="s">
        <v>20255</v>
      </c>
      <c r="H34541" t="s">
        <v>20256</v>
      </c>
      <c r="I34541" s="2">
        <v>1</v>
      </c>
      <c r="J34541" s="2">
        <v>0</v>
      </c>
      <c r="K34541" s="2">
        <v>0</v>
      </c>
      <c r="L34541" t="s">
        <v>120</v>
      </c>
      <c r="M34541" t="s">
        <v>83</v>
      </c>
      <c r="N34541" t="s">
        <v>91</v>
      </c>
      <c r="O34541" t="s">
        <v>85</v>
      </c>
      <c r="P34541" t="s">
        <v>86</v>
      </c>
      <c r="Q34541">
        <v>34</v>
      </c>
      <c r="R34541">
        <v>35</v>
      </c>
      <c r="S34541">
        <v>36</v>
      </c>
      <c r="T34541">
        <v>37</v>
      </c>
      <c r="U34541">
        <v>38</v>
      </c>
      <c r="V34541">
        <v>40</v>
      </c>
      <c r="W34541">
        <v>41</v>
      </c>
      <c r="X34541">
        <v>42</v>
      </c>
      <c r="Y34541">
        <v>43</v>
      </c>
      <c r="Z34541">
        <v>44</v>
      </c>
      <c r="AA34541">
        <v>46</v>
      </c>
      <c r="AB34541">
        <v>47</v>
      </c>
      <c r="AC34541">
        <v>48</v>
      </c>
      <c r="AD34541">
        <v>50</v>
      </c>
      <c r="AE34541">
        <v>51</v>
      </c>
      <c r="AF34541">
        <v>52</v>
      </c>
      <c r="AG34541">
        <v>54</v>
      </c>
      <c r="AH34541">
        <v>55</v>
      </c>
      <c r="AI34541">
        <v>57</v>
      </c>
      <c r="AJ34541">
        <v>58</v>
      </c>
      <c r="AK34541">
        <v>60</v>
      </c>
      <c r="AL34541">
        <v>61</v>
      </c>
      <c r="AM34541">
        <v>62</v>
      </c>
      <c r="AN34541">
        <v>63</v>
      </c>
      <c r="AO34541">
        <v>64</v>
      </c>
      <c r="AP34541">
        <v>65</v>
      </c>
      <c r="AQ34541">
        <v>66</v>
      </c>
    </row>
    <row r="34542" spans="1:43">
      <c r="A34542" t="s">
        <v>21401</v>
      </c>
      <c r="B34542" t="s">
        <v>21402</v>
      </c>
      <c r="C34542" t="s">
        <v>21375</v>
      </c>
      <c r="D34542" t="s">
        <v>21376</v>
      </c>
      <c r="E34542" t="s">
        <v>21317</v>
      </c>
      <c r="F34542" t="s">
        <v>21318</v>
      </c>
      <c r="G34542" t="s">
        <v>20255</v>
      </c>
      <c r="H34542" t="s">
        <v>20256</v>
      </c>
      <c r="I34542" s="2">
        <v>1</v>
      </c>
      <c r="J34542" s="2">
        <v>0</v>
      </c>
      <c r="K34542" s="2">
        <v>0</v>
      </c>
      <c r="L34542" t="s">
        <v>120</v>
      </c>
      <c r="M34542" t="s">
        <v>83</v>
      </c>
      <c r="N34542" t="s">
        <v>84</v>
      </c>
      <c r="O34542" t="s">
        <v>85</v>
      </c>
      <c r="P34542" t="s">
        <v>86</v>
      </c>
      <c r="Q34542">
        <v>22</v>
      </c>
      <c r="R34542">
        <v>23</v>
      </c>
      <c r="S34542">
        <v>24</v>
      </c>
      <c r="T34542">
        <v>24</v>
      </c>
      <c r="U34542">
        <v>25</v>
      </c>
      <c r="V34542">
        <v>26</v>
      </c>
      <c r="W34542">
        <v>27</v>
      </c>
      <c r="X34542">
        <v>28</v>
      </c>
      <c r="Y34542">
        <v>28</v>
      </c>
      <c r="Z34542">
        <v>29</v>
      </c>
      <c r="AA34542">
        <v>30</v>
      </c>
      <c r="AB34542">
        <v>31</v>
      </c>
      <c r="AC34542">
        <v>32</v>
      </c>
      <c r="AD34542">
        <v>33</v>
      </c>
      <c r="AE34542">
        <v>34</v>
      </c>
      <c r="AF34542">
        <v>34</v>
      </c>
      <c r="AG34542">
        <v>35</v>
      </c>
      <c r="AH34542">
        <v>36</v>
      </c>
      <c r="AI34542">
        <v>37</v>
      </c>
      <c r="AJ34542">
        <v>38</v>
      </c>
      <c r="AK34542">
        <v>39</v>
      </c>
      <c r="AL34542">
        <v>40</v>
      </c>
      <c r="AM34542">
        <v>41</v>
      </c>
      <c r="AN34542">
        <v>41</v>
      </c>
      <c r="AO34542">
        <v>42</v>
      </c>
      <c r="AP34542">
        <v>43</v>
      </c>
      <c r="AQ34542">
        <v>44</v>
      </c>
    </row>
    <row r="34543" spans="1:43">
      <c r="A34543" t="s">
        <v>21401</v>
      </c>
      <c r="B34543" t="s">
        <v>21402</v>
      </c>
      <c r="C34543" t="s">
        <v>21375</v>
      </c>
      <c r="D34543" t="s">
        <v>21376</v>
      </c>
      <c r="E34543" t="s">
        <v>21317</v>
      </c>
      <c r="F34543" t="s">
        <v>21318</v>
      </c>
      <c r="G34543" t="s">
        <v>20255</v>
      </c>
      <c r="H34543" t="s">
        <v>20256</v>
      </c>
      <c r="I34543" s="2">
        <v>1</v>
      </c>
      <c r="J34543" s="2">
        <v>0</v>
      </c>
      <c r="K34543" s="2">
        <v>0</v>
      </c>
      <c r="L34543" t="s">
        <v>120</v>
      </c>
      <c r="M34543" t="s">
        <v>87</v>
      </c>
      <c r="N34543" t="s">
        <v>88</v>
      </c>
      <c r="O34543" t="s">
        <v>85</v>
      </c>
      <c r="P34543" t="s">
        <v>86</v>
      </c>
      <c r="Q34543">
        <v>22</v>
      </c>
      <c r="R34543">
        <v>23</v>
      </c>
      <c r="S34543">
        <v>23</v>
      </c>
      <c r="T34543">
        <v>24</v>
      </c>
      <c r="U34543">
        <v>24</v>
      </c>
      <c r="V34543">
        <v>25</v>
      </c>
      <c r="W34543">
        <v>25</v>
      </c>
      <c r="X34543">
        <v>26</v>
      </c>
      <c r="Y34543">
        <v>26</v>
      </c>
      <c r="Z34543">
        <v>27</v>
      </c>
      <c r="AA34543">
        <v>27</v>
      </c>
      <c r="AB34543">
        <v>28</v>
      </c>
      <c r="AC34543">
        <v>29</v>
      </c>
      <c r="AD34543">
        <v>29</v>
      </c>
      <c r="AE34543">
        <v>30</v>
      </c>
      <c r="AF34543">
        <v>30</v>
      </c>
      <c r="AG34543">
        <v>31</v>
      </c>
      <c r="AH34543">
        <v>32</v>
      </c>
      <c r="AI34543">
        <v>32</v>
      </c>
      <c r="AJ34543">
        <v>33</v>
      </c>
      <c r="AK34543">
        <v>34</v>
      </c>
      <c r="AL34543">
        <v>34</v>
      </c>
      <c r="AM34543">
        <v>35</v>
      </c>
      <c r="AN34543">
        <v>36</v>
      </c>
      <c r="AO34543">
        <v>36</v>
      </c>
      <c r="AP34543">
        <v>37</v>
      </c>
      <c r="AQ34543">
        <v>38</v>
      </c>
    </row>
    <row r="34544" spans="1:43">
      <c r="A34544" t="s">
        <v>21401</v>
      </c>
      <c r="B34544" t="s">
        <v>21402</v>
      </c>
      <c r="C34544" t="s">
        <v>21375</v>
      </c>
      <c r="D34544" t="s">
        <v>21376</v>
      </c>
      <c r="E34544" t="s">
        <v>21317</v>
      </c>
      <c r="F34544" t="s">
        <v>21318</v>
      </c>
      <c r="G34544" t="s">
        <v>20255</v>
      </c>
      <c r="H34544" t="s">
        <v>20256</v>
      </c>
      <c r="I34544" s="2">
        <v>1</v>
      </c>
      <c r="J34544" s="2">
        <v>0</v>
      </c>
      <c r="K34544" s="2">
        <v>0</v>
      </c>
      <c r="L34544" t="s">
        <v>120</v>
      </c>
      <c r="M34544" t="s">
        <v>89</v>
      </c>
      <c r="N34544" t="s">
        <v>90</v>
      </c>
      <c r="O34544" t="s">
        <v>85</v>
      </c>
      <c r="P34544" t="s">
        <v>86</v>
      </c>
      <c r="Q34544">
        <v>22</v>
      </c>
      <c r="R34544">
        <v>23</v>
      </c>
      <c r="S34544">
        <v>24</v>
      </c>
      <c r="T34544">
        <v>25</v>
      </c>
      <c r="U34544">
        <v>26</v>
      </c>
      <c r="V34544">
        <v>27</v>
      </c>
      <c r="W34544">
        <v>28</v>
      </c>
      <c r="X34544">
        <v>29</v>
      </c>
      <c r="Y34544">
        <v>30</v>
      </c>
      <c r="Z34544">
        <v>31</v>
      </c>
      <c r="AA34544">
        <v>32</v>
      </c>
      <c r="AB34544">
        <v>33</v>
      </c>
      <c r="AC34544">
        <v>34</v>
      </c>
      <c r="AD34544">
        <v>35</v>
      </c>
      <c r="AE34544">
        <v>36</v>
      </c>
      <c r="AF34544">
        <v>37</v>
      </c>
      <c r="AG34544">
        <v>37</v>
      </c>
      <c r="AH34544">
        <v>38</v>
      </c>
      <c r="AI34544">
        <v>39</v>
      </c>
      <c r="AJ34544">
        <v>39</v>
      </c>
      <c r="AK34544">
        <v>40</v>
      </c>
      <c r="AL34544">
        <v>41</v>
      </c>
      <c r="AM34544">
        <v>41</v>
      </c>
      <c r="AN34544">
        <v>42</v>
      </c>
      <c r="AO34544">
        <v>43</v>
      </c>
      <c r="AP34544">
        <v>43</v>
      </c>
      <c r="AQ34544">
        <v>44</v>
      </c>
    </row>
    <row r="34545" spans="1:43">
      <c r="A34545" t="s">
        <v>21401</v>
      </c>
      <c r="B34545" t="s">
        <v>21402</v>
      </c>
      <c r="C34545" t="s">
        <v>21375</v>
      </c>
      <c r="D34545" t="s">
        <v>21376</v>
      </c>
      <c r="E34545" t="s">
        <v>21317</v>
      </c>
      <c r="F34545" t="s">
        <v>21318</v>
      </c>
      <c r="G34545" t="s">
        <v>20255</v>
      </c>
      <c r="H34545" t="s">
        <v>20256</v>
      </c>
      <c r="I34545" s="2">
        <v>1</v>
      </c>
      <c r="J34545" s="2">
        <v>0</v>
      </c>
      <c r="K34545" s="2">
        <v>0</v>
      </c>
      <c r="L34545" t="s">
        <v>120</v>
      </c>
      <c r="M34545" t="s">
        <v>83</v>
      </c>
      <c r="N34545" t="s">
        <v>91</v>
      </c>
      <c r="O34545" t="s">
        <v>85</v>
      </c>
      <c r="P34545" t="s">
        <v>86</v>
      </c>
      <c r="Q34545">
        <v>22</v>
      </c>
      <c r="R34545">
        <v>23</v>
      </c>
      <c r="S34545">
        <v>24</v>
      </c>
      <c r="T34545">
        <v>24</v>
      </c>
      <c r="U34545">
        <v>25</v>
      </c>
      <c r="V34545">
        <v>26</v>
      </c>
      <c r="W34545">
        <v>27</v>
      </c>
      <c r="X34545">
        <v>28</v>
      </c>
      <c r="Y34545">
        <v>28</v>
      </c>
      <c r="Z34545">
        <v>29</v>
      </c>
      <c r="AA34545">
        <v>30</v>
      </c>
      <c r="AB34545">
        <v>31</v>
      </c>
      <c r="AC34545">
        <v>32</v>
      </c>
      <c r="AD34545">
        <v>33</v>
      </c>
      <c r="AE34545">
        <v>34</v>
      </c>
      <c r="AF34545">
        <v>34</v>
      </c>
      <c r="AG34545">
        <v>35</v>
      </c>
      <c r="AH34545">
        <v>36</v>
      </c>
      <c r="AI34545">
        <v>37</v>
      </c>
      <c r="AJ34545">
        <v>38</v>
      </c>
      <c r="AK34545">
        <v>39</v>
      </c>
      <c r="AL34545">
        <v>40</v>
      </c>
      <c r="AM34545">
        <v>41</v>
      </c>
      <c r="AN34545">
        <v>41</v>
      </c>
      <c r="AO34545">
        <v>42</v>
      </c>
      <c r="AP34545">
        <v>43</v>
      </c>
      <c r="AQ34545">
        <v>44</v>
      </c>
    </row>
    <row r="34546" spans="1:43">
      <c r="A34546" t="s">
        <v>21403</v>
      </c>
      <c r="B34546" t="s">
        <v>21404</v>
      </c>
      <c r="C34546" t="s">
        <v>21405</v>
      </c>
      <c r="D34546" t="s">
        <v>21406</v>
      </c>
      <c r="E34546" t="s">
        <v>21317</v>
      </c>
      <c r="F34546" t="s">
        <v>21318</v>
      </c>
      <c r="G34546" t="s">
        <v>20255</v>
      </c>
      <c r="H34546" t="s">
        <v>20256</v>
      </c>
      <c r="I34546" s="2">
        <v>1</v>
      </c>
      <c r="J34546" s="2">
        <v>0</v>
      </c>
      <c r="K34546" s="2">
        <v>0</v>
      </c>
      <c r="L34546" t="s">
        <v>120</v>
      </c>
      <c r="M34546" t="s">
        <v>83</v>
      </c>
      <c r="N34546" t="s">
        <v>84</v>
      </c>
      <c r="O34546" t="s">
        <v>85</v>
      </c>
      <c r="P34546" t="s">
        <v>86</v>
      </c>
      <c r="Q34546">
        <v>15</v>
      </c>
      <c r="R34546">
        <v>16</v>
      </c>
      <c r="S34546">
        <v>16</v>
      </c>
      <c r="T34546">
        <v>17</v>
      </c>
      <c r="U34546">
        <v>17</v>
      </c>
      <c r="V34546">
        <v>18</v>
      </c>
      <c r="W34546">
        <v>18</v>
      </c>
      <c r="X34546">
        <v>19</v>
      </c>
      <c r="Y34546">
        <v>20</v>
      </c>
      <c r="Z34546">
        <v>20</v>
      </c>
      <c r="AA34546">
        <v>21</v>
      </c>
      <c r="AB34546">
        <v>21</v>
      </c>
      <c r="AC34546">
        <v>22</v>
      </c>
      <c r="AD34546">
        <v>23</v>
      </c>
      <c r="AE34546">
        <v>23</v>
      </c>
      <c r="AF34546">
        <v>24</v>
      </c>
      <c r="AG34546">
        <v>25</v>
      </c>
      <c r="AH34546">
        <v>25</v>
      </c>
      <c r="AI34546">
        <v>26</v>
      </c>
      <c r="AJ34546">
        <v>27</v>
      </c>
      <c r="AK34546">
        <v>28</v>
      </c>
      <c r="AL34546">
        <v>28</v>
      </c>
      <c r="AM34546">
        <v>29</v>
      </c>
      <c r="AN34546">
        <v>29</v>
      </c>
      <c r="AO34546">
        <v>30</v>
      </c>
      <c r="AP34546">
        <v>30</v>
      </c>
      <c r="AQ34546">
        <v>31</v>
      </c>
    </row>
    <row r="34547" spans="1:43">
      <c r="A34547" t="s">
        <v>21403</v>
      </c>
      <c r="B34547" t="s">
        <v>21404</v>
      </c>
      <c r="C34547" t="s">
        <v>21405</v>
      </c>
      <c r="D34547" t="s">
        <v>21406</v>
      </c>
      <c r="E34547" t="s">
        <v>21317</v>
      </c>
      <c r="F34547" t="s">
        <v>21318</v>
      </c>
      <c r="G34547" t="s">
        <v>20255</v>
      </c>
      <c r="H34547" t="s">
        <v>20256</v>
      </c>
      <c r="I34547" s="2">
        <v>1</v>
      </c>
      <c r="J34547" s="2">
        <v>0</v>
      </c>
      <c r="K34547" s="2">
        <v>0</v>
      </c>
      <c r="L34547" t="s">
        <v>120</v>
      </c>
      <c r="M34547" t="s">
        <v>87</v>
      </c>
      <c r="N34547" t="s">
        <v>88</v>
      </c>
      <c r="O34547" t="s">
        <v>85</v>
      </c>
      <c r="P34547" t="s">
        <v>86</v>
      </c>
      <c r="Q34547">
        <v>15</v>
      </c>
      <c r="R34547">
        <v>15</v>
      </c>
      <c r="S34547">
        <v>16</v>
      </c>
      <c r="T34547">
        <v>16</v>
      </c>
      <c r="U34547">
        <v>17</v>
      </c>
      <c r="V34547">
        <v>17</v>
      </c>
      <c r="W34547">
        <v>17</v>
      </c>
      <c r="X34547">
        <v>18</v>
      </c>
      <c r="Y34547">
        <v>18</v>
      </c>
      <c r="Z34547">
        <v>19</v>
      </c>
      <c r="AA34547">
        <v>19</v>
      </c>
      <c r="AB34547">
        <v>19</v>
      </c>
      <c r="AC34547">
        <v>20</v>
      </c>
      <c r="AD34547">
        <v>20</v>
      </c>
      <c r="AE34547">
        <v>21</v>
      </c>
      <c r="AF34547">
        <v>21</v>
      </c>
      <c r="AG34547">
        <v>22</v>
      </c>
      <c r="AH34547">
        <v>22</v>
      </c>
      <c r="AI34547">
        <v>23</v>
      </c>
      <c r="AJ34547">
        <v>23</v>
      </c>
      <c r="AK34547">
        <v>24</v>
      </c>
      <c r="AL34547">
        <v>24</v>
      </c>
      <c r="AM34547">
        <v>25</v>
      </c>
      <c r="AN34547">
        <v>25</v>
      </c>
      <c r="AO34547">
        <v>26</v>
      </c>
      <c r="AP34547">
        <v>26</v>
      </c>
      <c r="AQ34547">
        <v>27</v>
      </c>
    </row>
    <row r="34548" spans="1:43">
      <c r="A34548" t="s">
        <v>21403</v>
      </c>
      <c r="B34548" t="s">
        <v>21404</v>
      </c>
      <c r="C34548" t="s">
        <v>21405</v>
      </c>
      <c r="D34548" t="s">
        <v>21406</v>
      </c>
      <c r="E34548" t="s">
        <v>21317</v>
      </c>
      <c r="F34548" t="s">
        <v>21318</v>
      </c>
      <c r="G34548" t="s">
        <v>20255</v>
      </c>
      <c r="H34548" t="s">
        <v>20256</v>
      </c>
      <c r="I34548" s="2">
        <v>1</v>
      </c>
      <c r="J34548" s="2">
        <v>0</v>
      </c>
      <c r="K34548" s="2">
        <v>0</v>
      </c>
      <c r="L34548" t="s">
        <v>120</v>
      </c>
      <c r="M34548" t="s">
        <v>89</v>
      </c>
      <c r="N34548" t="s">
        <v>90</v>
      </c>
      <c r="O34548" t="s">
        <v>85</v>
      </c>
      <c r="P34548" t="s">
        <v>86</v>
      </c>
      <c r="Q34548">
        <v>15</v>
      </c>
      <c r="R34548">
        <v>16</v>
      </c>
      <c r="S34548">
        <v>17</v>
      </c>
      <c r="T34548">
        <v>17</v>
      </c>
      <c r="U34548">
        <v>18</v>
      </c>
      <c r="V34548">
        <v>19</v>
      </c>
      <c r="W34548">
        <v>19</v>
      </c>
      <c r="X34548">
        <v>20</v>
      </c>
      <c r="Y34548">
        <v>21</v>
      </c>
      <c r="Z34548">
        <v>21</v>
      </c>
      <c r="AA34548">
        <v>22</v>
      </c>
      <c r="AB34548">
        <v>23</v>
      </c>
      <c r="AC34548">
        <v>24</v>
      </c>
      <c r="AD34548">
        <v>24</v>
      </c>
      <c r="AE34548">
        <v>25</v>
      </c>
      <c r="AF34548">
        <v>25</v>
      </c>
      <c r="AG34548">
        <v>26</v>
      </c>
      <c r="AH34548">
        <v>26</v>
      </c>
      <c r="AI34548">
        <v>27</v>
      </c>
      <c r="AJ34548">
        <v>27</v>
      </c>
      <c r="AK34548">
        <v>28</v>
      </c>
      <c r="AL34548">
        <v>28</v>
      </c>
      <c r="AM34548">
        <v>29</v>
      </c>
      <c r="AN34548">
        <v>29</v>
      </c>
      <c r="AO34548">
        <v>30</v>
      </c>
      <c r="AP34548">
        <v>30</v>
      </c>
      <c r="AQ34548">
        <v>31</v>
      </c>
    </row>
    <row r="34549" spans="1:43">
      <c r="A34549" t="s">
        <v>21403</v>
      </c>
      <c r="B34549" t="s">
        <v>21404</v>
      </c>
      <c r="C34549" t="s">
        <v>21405</v>
      </c>
      <c r="D34549" t="s">
        <v>21406</v>
      </c>
      <c r="E34549" t="s">
        <v>21317</v>
      </c>
      <c r="F34549" t="s">
        <v>21318</v>
      </c>
      <c r="G34549" t="s">
        <v>20255</v>
      </c>
      <c r="H34549" t="s">
        <v>20256</v>
      </c>
      <c r="I34549" s="2">
        <v>1</v>
      </c>
      <c r="J34549" s="2">
        <v>0</v>
      </c>
      <c r="K34549" s="2">
        <v>0</v>
      </c>
      <c r="L34549" t="s">
        <v>120</v>
      </c>
      <c r="M34549" t="s">
        <v>83</v>
      </c>
      <c r="N34549" t="s">
        <v>91</v>
      </c>
      <c r="O34549" t="s">
        <v>85</v>
      </c>
      <c r="P34549" t="s">
        <v>86</v>
      </c>
      <c r="Q34549">
        <v>15</v>
      </c>
      <c r="R34549">
        <v>16</v>
      </c>
      <c r="S34549">
        <v>16</v>
      </c>
      <c r="T34549">
        <v>17</v>
      </c>
      <c r="U34549">
        <v>17</v>
      </c>
      <c r="V34549">
        <v>18</v>
      </c>
      <c r="W34549">
        <v>18</v>
      </c>
      <c r="X34549">
        <v>19</v>
      </c>
      <c r="Y34549">
        <v>20</v>
      </c>
      <c r="Z34549">
        <v>20</v>
      </c>
      <c r="AA34549">
        <v>21</v>
      </c>
      <c r="AB34549">
        <v>21</v>
      </c>
      <c r="AC34549">
        <v>22</v>
      </c>
      <c r="AD34549">
        <v>23</v>
      </c>
      <c r="AE34549">
        <v>23</v>
      </c>
      <c r="AF34549">
        <v>24</v>
      </c>
      <c r="AG34549">
        <v>25</v>
      </c>
      <c r="AH34549">
        <v>25</v>
      </c>
      <c r="AI34549">
        <v>26</v>
      </c>
      <c r="AJ34549">
        <v>27</v>
      </c>
      <c r="AK34549">
        <v>28</v>
      </c>
      <c r="AL34549">
        <v>28</v>
      </c>
      <c r="AM34549">
        <v>29</v>
      </c>
      <c r="AN34549">
        <v>29</v>
      </c>
      <c r="AO34549">
        <v>30</v>
      </c>
      <c r="AP34549">
        <v>30</v>
      </c>
      <c r="AQ34549">
        <v>31</v>
      </c>
    </row>
    <row r="34550" spans="1:43">
      <c r="A34550" t="s">
        <v>21407</v>
      </c>
      <c r="B34550" t="s">
        <v>21408</v>
      </c>
      <c r="C34550" t="s">
        <v>21405</v>
      </c>
      <c r="D34550" t="s">
        <v>21406</v>
      </c>
      <c r="E34550" t="s">
        <v>21317</v>
      </c>
      <c r="F34550" t="s">
        <v>21318</v>
      </c>
      <c r="G34550" t="s">
        <v>20255</v>
      </c>
      <c r="H34550" t="s">
        <v>20256</v>
      </c>
      <c r="I34550" s="2">
        <v>1</v>
      </c>
      <c r="J34550" s="2">
        <v>0</v>
      </c>
      <c r="K34550" s="2">
        <v>0</v>
      </c>
      <c r="L34550" t="s">
        <v>120</v>
      </c>
      <c r="M34550" t="s">
        <v>83</v>
      </c>
      <c r="N34550" t="s">
        <v>84</v>
      </c>
      <c r="O34550" t="s">
        <v>85</v>
      </c>
      <c r="P34550" t="s">
        <v>86</v>
      </c>
      <c r="Q34550">
        <v>14</v>
      </c>
      <c r="R34550">
        <v>14</v>
      </c>
      <c r="S34550">
        <v>15</v>
      </c>
      <c r="T34550">
        <v>15</v>
      </c>
      <c r="U34550">
        <v>16</v>
      </c>
      <c r="V34550">
        <v>16</v>
      </c>
      <c r="W34550">
        <v>17</v>
      </c>
      <c r="X34550">
        <v>18</v>
      </c>
      <c r="Y34550">
        <v>18</v>
      </c>
      <c r="Z34550">
        <v>19</v>
      </c>
      <c r="AA34550">
        <v>19</v>
      </c>
      <c r="AB34550">
        <v>20</v>
      </c>
      <c r="AC34550">
        <v>20</v>
      </c>
      <c r="AD34550">
        <v>21</v>
      </c>
      <c r="AE34550">
        <v>22</v>
      </c>
      <c r="AF34550">
        <v>22</v>
      </c>
      <c r="AG34550">
        <v>23</v>
      </c>
      <c r="AH34550">
        <v>23</v>
      </c>
      <c r="AI34550">
        <v>24</v>
      </c>
      <c r="AJ34550">
        <v>25</v>
      </c>
      <c r="AK34550">
        <v>25</v>
      </c>
      <c r="AL34550">
        <v>26</v>
      </c>
      <c r="AM34550">
        <v>26</v>
      </c>
      <c r="AN34550">
        <v>27</v>
      </c>
      <c r="AO34550">
        <v>27</v>
      </c>
      <c r="AP34550">
        <v>28</v>
      </c>
      <c r="AQ34550">
        <v>28</v>
      </c>
    </row>
    <row r="34551" spans="1:43">
      <c r="A34551" t="s">
        <v>21407</v>
      </c>
      <c r="B34551" t="s">
        <v>21408</v>
      </c>
      <c r="C34551" t="s">
        <v>21405</v>
      </c>
      <c r="D34551" t="s">
        <v>21406</v>
      </c>
      <c r="E34551" t="s">
        <v>21317</v>
      </c>
      <c r="F34551" t="s">
        <v>21318</v>
      </c>
      <c r="G34551" t="s">
        <v>20255</v>
      </c>
      <c r="H34551" t="s">
        <v>20256</v>
      </c>
      <c r="I34551" s="2">
        <v>1</v>
      </c>
      <c r="J34551" s="2">
        <v>0</v>
      </c>
      <c r="K34551" s="2">
        <v>0</v>
      </c>
      <c r="L34551" t="s">
        <v>120</v>
      </c>
      <c r="M34551" t="s">
        <v>87</v>
      </c>
      <c r="N34551" t="s">
        <v>88</v>
      </c>
      <c r="O34551" t="s">
        <v>85</v>
      </c>
      <c r="P34551" t="s">
        <v>86</v>
      </c>
      <c r="Q34551">
        <v>14</v>
      </c>
      <c r="R34551">
        <v>14</v>
      </c>
      <c r="S34551">
        <v>15</v>
      </c>
      <c r="T34551">
        <v>15</v>
      </c>
      <c r="U34551">
        <v>15</v>
      </c>
      <c r="V34551">
        <v>16</v>
      </c>
      <c r="W34551">
        <v>16</v>
      </c>
      <c r="X34551">
        <v>16</v>
      </c>
      <c r="Y34551">
        <v>17</v>
      </c>
      <c r="Z34551">
        <v>17</v>
      </c>
      <c r="AA34551">
        <v>17</v>
      </c>
      <c r="AB34551">
        <v>18</v>
      </c>
      <c r="AC34551">
        <v>18</v>
      </c>
      <c r="AD34551">
        <v>19</v>
      </c>
      <c r="AE34551">
        <v>19</v>
      </c>
      <c r="AF34551">
        <v>20</v>
      </c>
      <c r="AG34551">
        <v>20</v>
      </c>
      <c r="AH34551">
        <v>20</v>
      </c>
      <c r="AI34551">
        <v>21</v>
      </c>
      <c r="AJ34551">
        <v>21</v>
      </c>
      <c r="AK34551">
        <v>22</v>
      </c>
      <c r="AL34551">
        <v>22</v>
      </c>
      <c r="AM34551">
        <v>23</v>
      </c>
      <c r="AN34551">
        <v>23</v>
      </c>
      <c r="AO34551">
        <v>24</v>
      </c>
      <c r="AP34551">
        <v>24</v>
      </c>
      <c r="AQ34551">
        <v>25</v>
      </c>
    </row>
    <row r="34552" spans="1:43">
      <c r="A34552" t="s">
        <v>21407</v>
      </c>
      <c r="B34552" t="s">
        <v>21408</v>
      </c>
      <c r="C34552" t="s">
        <v>21405</v>
      </c>
      <c r="D34552" t="s">
        <v>21406</v>
      </c>
      <c r="E34552" t="s">
        <v>21317</v>
      </c>
      <c r="F34552" t="s">
        <v>21318</v>
      </c>
      <c r="G34552" t="s">
        <v>20255</v>
      </c>
      <c r="H34552" t="s">
        <v>20256</v>
      </c>
      <c r="I34552" s="2">
        <v>1</v>
      </c>
      <c r="J34552" s="2">
        <v>0</v>
      </c>
      <c r="K34552" s="2">
        <v>0</v>
      </c>
      <c r="L34552" t="s">
        <v>120</v>
      </c>
      <c r="M34552" t="s">
        <v>89</v>
      </c>
      <c r="N34552" t="s">
        <v>90</v>
      </c>
      <c r="O34552" t="s">
        <v>85</v>
      </c>
      <c r="P34552" t="s">
        <v>86</v>
      </c>
      <c r="Q34552">
        <v>14</v>
      </c>
      <c r="R34552">
        <v>15</v>
      </c>
      <c r="S34552">
        <v>15</v>
      </c>
      <c r="T34552">
        <v>16</v>
      </c>
      <c r="U34552">
        <v>17</v>
      </c>
      <c r="V34552">
        <v>17</v>
      </c>
      <c r="W34552">
        <v>18</v>
      </c>
      <c r="X34552">
        <v>18</v>
      </c>
      <c r="Y34552">
        <v>19</v>
      </c>
      <c r="Z34552">
        <v>20</v>
      </c>
      <c r="AA34552">
        <v>20</v>
      </c>
      <c r="AB34552">
        <v>21</v>
      </c>
      <c r="AC34552">
        <v>22</v>
      </c>
      <c r="AD34552">
        <v>22</v>
      </c>
      <c r="AE34552">
        <v>23</v>
      </c>
      <c r="AF34552">
        <v>23</v>
      </c>
      <c r="AG34552">
        <v>24</v>
      </c>
      <c r="AH34552">
        <v>24</v>
      </c>
      <c r="AI34552">
        <v>25</v>
      </c>
      <c r="AJ34552">
        <v>25</v>
      </c>
      <c r="AK34552">
        <v>26</v>
      </c>
      <c r="AL34552">
        <v>26</v>
      </c>
      <c r="AM34552">
        <v>27</v>
      </c>
      <c r="AN34552">
        <v>27</v>
      </c>
      <c r="AO34552">
        <v>27</v>
      </c>
      <c r="AP34552">
        <v>28</v>
      </c>
      <c r="AQ34552">
        <v>28</v>
      </c>
    </row>
    <row r="34553" spans="1:43">
      <c r="A34553" t="s">
        <v>21407</v>
      </c>
      <c r="B34553" t="s">
        <v>21408</v>
      </c>
      <c r="C34553" t="s">
        <v>21405</v>
      </c>
      <c r="D34553" t="s">
        <v>21406</v>
      </c>
      <c r="E34553" t="s">
        <v>21317</v>
      </c>
      <c r="F34553" t="s">
        <v>21318</v>
      </c>
      <c r="G34553" t="s">
        <v>20255</v>
      </c>
      <c r="H34553" t="s">
        <v>20256</v>
      </c>
      <c r="I34553" s="2">
        <v>1</v>
      </c>
      <c r="J34553" s="2">
        <v>0</v>
      </c>
      <c r="K34553" s="2">
        <v>0</v>
      </c>
      <c r="L34553" t="s">
        <v>120</v>
      </c>
      <c r="M34553" t="s">
        <v>83</v>
      </c>
      <c r="N34553" t="s">
        <v>91</v>
      </c>
      <c r="O34553" t="s">
        <v>85</v>
      </c>
      <c r="P34553" t="s">
        <v>86</v>
      </c>
      <c r="Q34553">
        <v>14</v>
      </c>
      <c r="R34553">
        <v>14</v>
      </c>
      <c r="S34553">
        <v>15</v>
      </c>
      <c r="T34553">
        <v>15</v>
      </c>
      <c r="U34553">
        <v>16</v>
      </c>
      <c r="V34553">
        <v>16</v>
      </c>
      <c r="W34553">
        <v>17</v>
      </c>
      <c r="X34553">
        <v>18</v>
      </c>
      <c r="Y34553">
        <v>18</v>
      </c>
      <c r="Z34553">
        <v>19</v>
      </c>
      <c r="AA34553">
        <v>19</v>
      </c>
      <c r="AB34553">
        <v>20</v>
      </c>
      <c r="AC34553">
        <v>20</v>
      </c>
      <c r="AD34553">
        <v>21</v>
      </c>
      <c r="AE34553">
        <v>22</v>
      </c>
      <c r="AF34553">
        <v>22</v>
      </c>
      <c r="AG34553">
        <v>23</v>
      </c>
      <c r="AH34553">
        <v>23</v>
      </c>
      <c r="AI34553">
        <v>24</v>
      </c>
      <c r="AJ34553">
        <v>25</v>
      </c>
      <c r="AK34553">
        <v>25</v>
      </c>
      <c r="AL34553">
        <v>26</v>
      </c>
      <c r="AM34553">
        <v>26</v>
      </c>
      <c r="AN34553">
        <v>27</v>
      </c>
      <c r="AO34553">
        <v>27</v>
      </c>
      <c r="AP34553">
        <v>28</v>
      </c>
      <c r="AQ34553">
        <v>28</v>
      </c>
    </row>
    <row r="34554" spans="1:43">
      <c r="A34554" t="s">
        <v>21409</v>
      </c>
      <c r="B34554" t="s">
        <v>21410</v>
      </c>
      <c r="C34554" t="s">
        <v>21405</v>
      </c>
      <c r="D34554" t="s">
        <v>21406</v>
      </c>
      <c r="E34554" t="s">
        <v>21317</v>
      </c>
      <c r="F34554" t="s">
        <v>21318</v>
      </c>
      <c r="G34554" t="s">
        <v>20255</v>
      </c>
      <c r="H34554" t="s">
        <v>20256</v>
      </c>
      <c r="I34554" s="2">
        <v>1</v>
      </c>
      <c r="J34554" s="2">
        <v>0</v>
      </c>
      <c r="K34554" s="2">
        <v>0</v>
      </c>
      <c r="L34554" t="s">
        <v>120</v>
      </c>
      <c r="M34554" t="s">
        <v>83</v>
      </c>
      <c r="N34554" t="s">
        <v>84</v>
      </c>
      <c r="O34554" t="s">
        <v>85</v>
      </c>
      <c r="P34554" t="s">
        <v>86</v>
      </c>
      <c r="Q34554">
        <v>16</v>
      </c>
      <c r="R34554">
        <v>16</v>
      </c>
      <c r="S34554">
        <v>17</v>
      </c>
      <c r="T34554">
        <v>17</v>
      </c>
      <c r="U34554">
        <v>18</v>
      </c>
      <c r="V34554">
        <v>18</v>
      </c>
      <c r="W34554">
        <v>19</v>
      </c>
      <c r="X34554">
        <v>20</v>
      </c>
      <c r="Y34554">
        <v>20</v>
      </c>
      <c r="Z34554">
        <v>21</v>
      </c>
      <c r="AA34554">
        <v>21</v>
      </c>
      <c r="AB34554">
        <v>22</v>
      </c>
      <c r="AC34554">
        <v>23</v>
      </c>
      <c r="AD34554">
        <v>23</v>
      </c>
      <c r="AE34554">
        <v>24</v>
      </c>
      <c r="AF34554">
        <v>25</v>
      </c>
      <c r="AG34554">
        <v>25</v>
      </c>
      <c r="AH34554">
        <v>26</v>
      </c>
      <c r="AI34554">
        <v>27</v>
      </c>
      <c r="AJ34554">
        <v>27</v>
      </c>
      <c r="AK34554">
        <v>28</v>
      </c>
      <c r="AL34554">
        <v>29</v>
      </c>
      <c r="AM34554">
        <v>29</v>
      </c>
      <c r="AN34554">
        <v>30</v>
      </c>
      <c r="AO34554">
        <v>30</v>
      </c>
      <c r="AP34554">
        <v>31</v>
      </c>
      <c r="AQ34554">
        <v>31</v>
      </c>
    </row>
    <row r="34555" spans="1:43">
      <c r="A34555" t="s">
        <v>21409</v>
      </c>
      <c r="B34555" t="s">
        <v>21410</v>
      </c>
      <c r="C34555" t="s">
        <v>21405</v>
      </c>
      <c r="D34555" t="s">
        <v>21406</v>
      </c>
      <c r="E34555" t="s">
        <v>21317</v>
      </c>
      <c r="F34555" t="s">
        <v>21318</v>
      </c>
      <c r="G34555" t="s">
        <v>20255</v>
      </c>
      <c r="H34555" t="s">
        <v>20256</v>
      </c>
      <c r="I34555" s="2">
        <v>1</v>
      </c>
      <c r="J34555" s="2">
        <v>0</v>
      </c>
      <c r="K34555" s="2">
        <v>0</v>
      </c>
      <c r="L34555" t="s">
        <v>120</v>
      </c>
      <c r="M34555" t="s">
        <v>87</v>
      </c>
      <c r="N34555" t="s">
        <v>88</v>
      </c>
      <c r="O34555" t="s">
        <v>85</v>
      </c>
      <c r="P34555" t="s">
        <v>86</v>
      </c>
      <c r="Q34555">
        <v>16</v>
      </c>
      <c r="R34555">
        <v>17</v>
      </c>
      <c r="S34555">
        <v>17</v>
      </c>
      <c r="T34555">
        <v>18</v>
      </c>
      <c r="U34555">
        <v>18</v>
      </c>
      <c r="V34555">
        <v>18</v>
      </c>
      <c r="W34555">
        <v>19</v>
      </c>
      <c r="X34555">
        <v>19</v>
      </c>
      <c r="Y34555">
        <v>20</v>
      </c>
      <c r="Z34555">
        <v>20</v>
      </c>
      <c r="AA34555">
        <v>20</v>
      </c>
      <c r="AB34555">
        <v>21</v>
      </c>
      <c r="AC34555">
        <v>21</v>
      </c>
      <c r="AD34555">
        <v>22</v>
      </c>
      <c r="AE34555">
        <v>22</v>
      </c>
      <c r="AF34555">
        <v>23</v>
      </c>
      <c r="AG34555">
        <v>23</v>
      </c>
      <c r="AH34555">
        <v>24</v>
      </c>
      <c r="AI34555">
        <v>24</v>
      </c>
      <c r="AJ34555">
        <v>25</v>
      </c>
      <c r="AK34555">
        <v>25</v>
      </c>
      <c r="AL34555">
        <v>26</v>
      </c>
      <c r="AM34555">
        <v>26</v>
      </c>
      <c r="AN34555">
        <v>27</v>
      </c>
      <c r="AO34555">
        <v>27</v>
      </c>
      <c r="AP34555">
        <v>28</v>
      </c>
      <c r="AQ34555">
        <v>28</v>
      </c>
    </row>
    <row r="34556" spans="1:43">
      <c r="A34556" t="s">
        <v>21409</v>
      </c>
      <c r="B34556" t="s">
        <v>21410</v>
      </c>
      <c r="C34556" t="s">
        <v>21405</v>
      </c>
      <c r="D34556" t="s">
        <v>21406</v>
      </c>
      <c r="E34556" t="s">
        <v>21317</v>
      </c>
      <c r="F34556" t="s">
        <v>21318</v>
      </c>
      <c r="G34556" t="s">
        <v>20255</v>
      </c>
      <c r="H34556" t="s">
        <v>20256</v>
      </c>
      <c r="I34556" s="2">
        <v>1</v>
      </c>
      <c r="J34556" s="2">
        <v>0</v>
      </c>
      <c r="K34556" s="2">
        <v>0</v>
      </c>
      <c r="L34556" t="s">
        <v>120</v>
      </c>
      <c r="M34556" t="s">
        <v>89</v>
      </c>
      <c r="N34556" t="s">
        <v>90</v>
      </c>
      <c r="O34556" t="s">
        <v>85</v>
      </c>
      <c r="P34556" t="s">
        <v>86</v>
      </c>
      <c r="Q34556">
        <v>16</v>
      </c>
      <c r="R34556">
        <v>16</v>
      </c>
      <c r="S34556">
        <v>17</v>
      </c>
      <c r="T34556">
        <v>18</v>
      </c>
      <c r="U34556">
        <v>18</v>
      </c>
      <c r="V34556">
        <v>19</v>
      </c>
      <c r="W34556">
        <v>20</v>
      </c>
      <c r="X34556">
        <v>21</v>
      </c>
      <c r="Y34556">
        <v>21</v>
      </c>
      <c r="Z34556">
        <v>22</v>
      </c>
      <c r="AA34556">
        <v>23</v>
      </c>
      <c r="AB34556">
        <v>23</v>
      </c>
      <c r="AC34556">
        <v>24</v>
      </c>
      <c r="AD34556">
        <v>25</v>
      </c>
      <c r="AE34556">
        <v>26</v>
      </c>
      <c r="AF34556">
        <v>26</v>
      </c>
      <c r="AG34556">
        <v>27</v>
      </c>
      <c r="AH34556">
        <v>27</v>
      </c>
      <c r="AI34556">
        <v>28</v>
      </c>
      <c r="AJ34556">
        <v>28</v>
      </c>
      <c r="AK34556">
        <v>29</v>
      </c>
      <c r="AL34556">
        <v>29</v>
      </c>
      <c r="AM34556">
        <v>30</v>
      </c>
      <c r="AN34556">
        <v>30</v>
      </c>
      <c r="AO34556">
        <v>31</v>
      </c>
      <c r="AP34556">
        <v>31</v>
      </c>
      <c r="AQ34556">
        <v>32</v>
      </c>
    </row>
    <row r="34557" spans="1:43">
      <c r="A34557" t="s">
        <v>21409</v>
      </c>
      <c r="B34557" t="s">
        <v>21410</v>
      </c>
      <c r="C34557" t="s">
        <v>21405</v>
      </c>
      <c r="D34557" t="s">
        <v>21406</v>
      </c>
      <c r="E34557" t="s">
        <v>21317</v>
      </c>
      <c r="F34557" t="s">
        <v>21318</v>
      </c>
      <c r="G34557" t="s">
        <v>20255</v>
      </c>
      <c r="H34557" t="s">
        <v>20256</v>
      </c>
      <c r="I34557" s="2">
        <v>1</v>
      </c>
      <c r="J34557" s="2">
        <v>0</v>
      </c>
      <c r="K34557" s="2">
        <v>0</v>
      </c>
      <c r="L34557" t="s">
        <v>120</v>
      </c>
      <c r="M34557" t="s">
        <v>83</v>
      </c>
      <c r="N34557" t="s">
        <v>91</v>
      </c>
      <c r="O34557" t="s">
        <v>85</v>
      </c>
      <c r="P34557" t="s">
        <v>86</v>
      </c>
      <c r="Q34557">
        <v>16</v>
      </c>
      <c r="R34557">
        <v>16</v>
      </c>
      <c r="S34557">
        <v>17</v>
      </c>
      <c r="T34557">
        <v>17</v>
      </c>
      <c r="U34557">
        <v>18</v>
      </c>
      <c r="V34557">
        <v>18</v>
      </c>
      <c r="W34557">
        <v>19</v>
      </c>
      <c r="X34557">
        <v>20</v>
      </c>
      <c r="Y34557">
        <v>20</v>
      </c>
      <c r="Z34557">
        <v>21</v>
      </c>
      <c r="AA34557">
        <v>21</v>
      </c>
      <c r="AB34557">
        <v>22</v>
      </c>
      <c r="AC34557">
        <v>23</v>
      </c>
      <c r="AD34557">
        <v>23</v>
      </c>
      <c r="AE34557">
        <v>24</v>
      </c>
      <c r="AF34557">
        <v>25</v>
      </c>
      <c r="AG34557">
        <v>25</v>
      </c>
      <c r="AH34557">
        <v>26</v>
      </c>
      <c r="AI34557">
        <v>27</v>
      </c>
      <c r="AJ34557">
        <v>27</v>
      </c>
      <c r="AK34557">
        <v>28</v>
      </c>
      <c r="AL34557">
        <v>29</v>
      </c>
      <c r="AM34557">
        <v>29</v>
      </c>
      <c r="AN34557">
        <v>30</v>
      </c>
      <c r="AO34557">
        <v>30</v>
      </c>
      <c r="AP34557">
        <v>31</v>
      </c>
      <c r="AQ34557">
        <v>31</v>
      </c>
    </row>
    <row r="34558" spans="1:43">
      <c r="A34558" t="s">
        <v>21411</v>
      </c>
      <c r="B34558" t="s">
        <v>21412</v>
      </c>
      <c r="C34558" t="s">
        <v>21405</v>
      </c>
      <c r="D34558" t="s">
        <v>21406</v>
      </c>
      <c r="E34558" t="s">
        <v>21317</v>
      </c>
      <c r="F34558" t="s">
        <v>21318</v>
      </c>
      <c r="G34558" t="s">
        <v>20255</v>
      </c>
      <c r="H34558" t="s">
        <v>20256</v>
      </c>
      <c r="I34558" s="2">
        <v>1</v>
      </c>
      <c r="J34558" s="2">
        <v>0</v>
      </c>
      <c r="K34558" s="2">
        <v>0</v>
      </c>
      <c r="L34558" t="s">
        <v>120</v>
      </c>
      <c r="M34558" t="s">
        <v>83</v>
      </c>
      <c r="N34558" t="s">
        <v>84</v>
      </c>
      <c r="O34558" t="s">
        <v>85</v>
      </c>
      <c r="P34558" t="s">
        <v>86</v>
      </c>
      <c r="Q34558">
        <v>22</v>
      </c>
      <c r="R34558">
        <v>23</v>
      </c>
      <c r="S34558">
        <v>24</v>
      </c>
      <c r="T34558">
        <v>25</v>
      </c>
      <c r="U34558">
        <v>26</v>
      </c>
      <c r="V34558">
        <v>26</v>
      </c>
      <c r="W34558">
        <v>27</v>
      </c>
      <c r="X34558">
        <v>28</v>
      </c>
      <c r="Y34558">
        <v>29</v>
      </c>
      <c r="Z34558">
        <v>30</v>
      </c>
      <c r="AA34558">
        <v>31</v>
      </c>
      <c r="AB34558">
        <v>32</v>
      </c>
      <c r="AC34558">
        <v>33</v>
      </c>
      <c r="AD34558">
        <v>34</v>
      </c>
      <c r="AE34558">
        <v>35</v>
      </c>
      <c r="AF34558">
        <v>36</v>
      </c>
      <c r="AG34558">
        <v>37</v>
      </c>
      <c r="AH34558">
        <v>38</v>
      </c>
      <c r="AI34558">
        <v>39</v>
      </c>
      <c r="AJ34558">
        <v>40</v>
      </c>
      <c r="AK34558">
        <v>41</v>
      </c>
      <c r="AL34558">
        <v>42</v>
      </c>
      <c r="AM34558">
        <v>42</v>
      </c>
      <c r="AN34558">
        <v>43</v>
      </c>
      <c r="AO34558">
        <v>44</v>
      </c>
      <c r="AP34558">
        <v>45</v>
      </c>
      <c r="AQ34558">
        <v>45</v>
      </c>
    </row>
    <row r="34559" spans="1:43">
      <c r="A34559" t="s">
        <v>21411</v>
      </c>
      <c r="B34559" t="s">
        <v>21412</v>
      </c>
      <c r="C34559" t="s">
        <v>21405</v>
      </c>
      <c r="D34559" t="s">
        <v>21406</v>
      </c>
      <c r="E34559" t="s">
        <v>21317</v>
      </c>
      <c r="F34559" t="s">
        <v>21318</v>
      </c>
      <c r="G34559" t="s">
        <v>20255</v>
      </c>
      <c r="H34559" t="s">
        <v>20256</v>
      </c>
      <c r="I34559" s="2">
        <v>1</v>
      </c>
      <c r="J34559" s="2">
        <v>0</v>
      </c>
      <c r="K34559" s="2">
        <v>0</v>
      </c>
      <c r="L34559" t="s">
        <v>120</v>
      </c>
      <c r="M34559" t="s">
        <v>87</v>
      </c>
      <c r="N34559" t="s">
        <v>88</v>
      </c>
      <c r="O34559" t="s">
        <v>85</v>
      </c>
      <c r="P34559" t="s">
        <v>86</v>
      </c>
      <c r="Q34559">
        <v>22</v>
      </c>
      <c r="R34559">
        <v>23</v>
      </c>
      <c r="S34559">
        <v>23</v>
      </c>
      <c r="T34559">
        <v>24</v>
      </c>
      <c r="U34559">
        <v>24</v>
      </c>
      <c r="V34559">
        <v>25</v>
      </c>
      <c r="W34559">
        <v>26</v>
      </c>
      <c r="X34559">
        <v>26</v>
      </c>
      <c r="Y34559">
        <v>27</v>
      </c>
      <c r="Z34559">
        <v>27</v>
      </c>
      <c r="AA34559">
        <v>28</v>
      </c>
      <c r="AB34559">
        <v>29</v>
      </c>
      <c r="AC34559">
        <v>29</v>
      </c>
      <c r="AD34559">
        <v>30</v>
      </c>
      <c r="AE34559">
        <v>31</v>
      </c>
      <c r="AF34559">
        <v>31</v>
      </c>
      <c r="AG34559">
        <v>32</v>
      </c>
      <c r="AH34559">
        <v>33</v>
      </c>
      <c r="AI34559">
        <v>33</v>
      </c>
      <c r="AJ34559">
        <v>34</v>
      </c>
      <c r="AK34559">
        <v>35</v>
      </c>
      <c r="AL34559">
        <v>36</v>
      </c>
      <c r="AM34559">
        <v>36</v>
      </c>
      <c r="AN34559">
        <v>37</v>
      </c>
      <c r="AO34559">
        <v>38</v>
      </c>
      <c r="AP34559">
        <v>39</v>
      </c>
      <c r="AQ34559">
        <v>39</v>
      </c>
    </row>
    <row r="34560" spans="1:43">
      <c r="A34560" t="s">
        <v>21411</v>
      </c>
      <c r="B34560" t="s">
        <v>21412</v>
      </c>
      <c r="C34560" t="s">
        <v>21405</v>
      </c>
      <c r="D34560" t="s">
        <v>21406</v>
      </c>
      <c r="E34560" t="s">
        <v>21317</v>
      </c>
      <c r="F34560" t="s">
        <v>21318</v>
      </c>
      <c r="G34560" t="s">
        <v>20255</v>
      </c>
      <c r="H34560" t="s">
        <v>20256</v>
      </c>
      <c r="I34560" s="2">
        <v>1</v>
      </c>
      <c r="J34560" s="2">
        <v>0</v>
      </c>
      <c r="K34560" s="2">
        <v>0</v>
      </c>
      <c r="L34560" t="s">
        <v>120</v>
      </c>
      <c r="M34560" t="s">
        <v>89</v>
      </c>
      <c r="N34560" t="s">
        <v>90</v>
      </c>
      <c r="O34560" t="s">
        <v>85</v>
      </c>
      <c r="P34560" t="s">
        <v>86</v>
      </c>
      <c r="Q34560">
        <v>22</v>
      </c>
      <c r="R34560">
        <v>23</v>
      </c>
      <c r="S34560">
        <v>24</v>
      </c>
      <c r="T34560">
        <v>25</v>
      </c>
      <c r="U34560">
        <v>26</v>
      </c>
      <c r="V34560">
        <v>27</v>
      </c>
      <c r="W34560">
        <v>28</v>
      </c>
      <c r="X34560">
        <v>29</v>
      </c>
      <c r="Y34560">
        <v>30</v>
      </c>
      <c r="Z34560">
        <v>31</v>
      </c>
      <c r="AA34560">
        <v>32</v>
      </c>
      <c r="AB34560">
        <v>33</v>
      </c>
      <c r="AC34560">
        <v>34</v>
      </c>
      <c r="AD34560">
        <v>35</v>
      </c>
      <c r="AE34560">
        <v>36</v>
      </c>
      <c r="AF34560">
        <v>37</v>
      </c>
      <c r="AG34560">
        <v>37</v>
      </c>
      <c r="AH34560">
        <v>38</v>
      </c>
      <c r="AI34560">
        <v>39</v>
      </c>
      <c r="AJ34560">
        <v>39</v>
      </c>
      <c r="AK34560">
        <v>40</v>
      </c>
      <c r="AL34560">
        <v>41</v>
      </c>
      <c r="AM34560">
        <v>42</v>
      </c>
      <c r="AN34560">
        <v>42</v>
      </c>
      <c r="AO34560">
        <v>43</v>
      </c>
      <c r="AP34560">
        <v>44</v>
      </c>
      <c r="AQ34560">
        <v>45</v>
      </c>
    </row>
    <row r="34561" spans="1:43">
      <c r="A34561" t="s">
        <v>21411</v>
      </c>
      <c r="B34561" t="s">
        <v>21412</v>
      </c>
      <c r="C34561" t="s">
        <v>21405</v>
      </c>
      <c r="D34561" t="s">
        <v>21406</v>
      </c>
      <c r="E34561" t="s">
        <v>21317</v>
      </c>
      <c r="F34561" t="s">
        <v>21318</v>
      </c>
      <c r="G34561" t="s">
        <v>20255</v>
      </c>
      <c r="H34561" t="s">
        <v>20256</v>
      </c>
      <c r="I34561" s="2">
        <v>1</v>
      </c>
      <c r="J34561" s="2">
        <v>0</v>
      </c>
      <c r="K34561" s="2">
        <v>0</v>
      </c>
      <c r="L34561" t="s">
        <v>120</v>
      </c>
      <c r="M34561" t="s">
        <v>83</v>
      </c>
      <c r="N34561" t="s">
        <v>91</v>
      </c>
      <c r="O34561" t="s">
        <v>85</v>
      </c>
      <c r="P34561" t="s">
        <v>86</v>
      </c>
      <c r="Q34561">
        <v>22</v>
      </c>
      <c r="R34561">
        <v>23</v>
      </c>
      <c r="S34561">
        <v>24</v>
      </c>
      <c r="T34561">
        <v>25</v>
      </c>
      <c r="U34561">
        <v>26</v>
      </c>
      <c r="V34561">
        <v>26</v>
      </c>
      <c r="W34561">
        <v>27</v>
      </c>
      <c r="X34561">
        <v>28</v>
      </c>
      <c r="Y34561">
        <v>29</v>
      </c>
      <c r="Z34561">
        <v>30</v>
      </c>
      <c r="AA34561">
        <v>31</v>
      </c>
      <c r="AB34561">
        <v>32</v>
      </c>
      <c r="AC34561">
        <v>33</v>
      </c>
      <c r="AD34561">
        <v>34</v>
      </c>
      <c r="AE34561">
        <v>35</v>
      </c>
      <c r="AF34561">
        <v>36</v>
      </c>
      <c r="AG34561">
        <v>37</v>
      </c>
      <c r="AH34561">
        <v>38</v>
      </c>
      <c r="AI34561">
        <v>39</v>
      </c>
      <c r="AJ34561">
        <v>40</v>
      </c>
      <c r="AK34561">
        <v>41</v>
      </c>
      <c r="AL34561">
        <v>42</v>
      </c>
      <c r="AM34561">
        <v>42</v>
      </c>
      <c r="AN34561">
        <v>43</v>
      </c>
      <c r="AO34561">
        <v>44</v>
      </c>
      <c r="AP34561">
        <v>45</v>
      </c>
      <c r="AQ34561">
        <v>45</v>
      </c>
    </row>
    <row r="34562" spans="1:43">
      <c r="A34562" t="s">
        <v>21413</v>
      </c>
      <c r="B34562" t="s">
        <v>21414</v>
      </c>
      <c r="C34562" t="s">
        <v>21415</v>
      </c>
      <c r="D34562" t="s">
        <v>21416</v>
      </c>
      <c r="E34562" t="s">
        <v>21317</v>
      </c>
      <c r="F34562" t="s">
        <v>21318</v>
      </c>
      <c r="G34562" t="s">
        <v>20255</v>
      </c>
      <c r="H34562" t="s">
        <v>20256</v>
      </c>
      <c r="I34562" s="2">
        <v>1</v>
      </c>
      <c r="J34562" s="2">
        <v>0</v>
      </c>
      <c r="K34562" s="2">
        <v>0</v>
      </c>
      <c r="L34562" t="s">
        <v>120</v>
      </c>
      <c r="M34562" t="s">
        <v>83</v>
      </c>
      <c r="N34562" t="s">
        <v>84</v>
      </c>
      <c r="O34562" t="s">
        <v>85</v>
      </c>
      <c r="P34562" t="s">
        <v>86</v>
      </c>
      <c r="Q34562">
        <v>29</v>
      </c>
      <c r="R34562">
        <v>30</v>
      </c>
      <c r="S34562">
        <v>31</v>
      </c>
      <c r="T34562">
        <v>32</v>
      </c>
      <c r="U34562">
        <v>33</v>
      </c>
      <c r="V34562">
        <v>34</v>
      </c>
      <c r="W34562">
        <v>35</v>
      </c>
      <c r="X34562">
        <v>36</v>
      </c>
      <c r="Y34562">
        <v>37</v>
      </c>
      <c r="Z34562">
        <v>38</v>
      </c>
      <c r="AA34562">
        <v>39</v>
      </c>
      <c r="AB34562">
        <v>40</v>
      </c>
      <c r="AC34562">
        <v>42</v>
      </c>
      <c r="AD34562">
        <v>43</v>
      </c>
      <c r="AE34562">
        <v>44</v>
      </c>
      <c r="AF34562">
        <v>45</v>
      </c>
      <c r="AG34562">
        <v>47</v>
      </c>
      <c r="AH34562">
        <v>48</v>
      </c>
      <c r="AI34562">
        <v>49</v>
      </c>
      <c r="AJ34562">
        <v>51</v>
      </c>
      <c r="AK34562">
        <v>52</v>
      </c>
      <c r="AL34562">
        <v>53</v>
      </c>
      <c r="AM34562">
        <v>54</v>
      </c>
      <c r="AN34562">
        <v>55</v>
      </c>
      <c r="AO34562">
        <v>56</v>
      </c>
      <c r="AP34562">
        <v>57</v>
      </c>
      <c r="AQ34562">
        <v>58</v>
      </c>
    </row>
    <row r="34563" spans="1:43">
      <c r="A34563" t="s">
        <v>21413</v>
      </c>
      <c r="B34563" t="s">
        <v>21414</v>
      </c>
      <c r="C34563" t="s">
        <v>21415</v>
      </c>
      <c r="D34563" t="s">
        <v>21416</v>
      </c>
      <c r="E34563" t="s">
        <v>21317</v>
      </c>
      <c r="F34563" t="s">
        <v>21318</v>
      </c>
      <c r="G34563" t="s">
        <v>20255</v>
      </c>
      <c r="H34563" t="s">
        <v>20256</v>
      </c>
      <c r="I34563" s="2">
        <v>1</v>
      </c>
      <c r="J34563" s="2">
        <v>0</v>
      </c>
      <c r="K34563" s="2">
        <v>0</v>
      </c>
      <c r="L34563" t="s">
        <v>120</v>
      </c>
      <c r="M34563" t="s">
        <v>87</v>
      </c>
      <c r="N34563" t="s">
        <v>88</v>
      </c>
      <c r="O34563" t="s">
        <v>85</v>
      </c>
      <c r="P34563" t="s">
        <v>86</v>
      </c>
      <c r="Q34563">
        <v>29</v>
      </c>
      <c r="R34563">
        <v>30</v>
      </c>
      <c r="S34563">
        <v>31</v>
      </c>
      <c r="T34563">
        <v>32</v>
      </c>
      <c r="U34563">
        <v>32</v>
      </c>
      <c r="V34563">
        <v>33</v>
      </c>
      <c r="W34563">
        <v>34</v>
      </c>
      <c r="X34563">
        <v>35</v>
      </c>
      <c r="Y34563">
        <v>35</v>
      </c>
      <c r="Z34563">
        <v>36</v>
      </c>
      <c r="AA34563">
        <v>37</v>
      </c>
      <c r="AB34563">
        <v>38</v>
      </c>
      <c r="AC34563">
        <v>38</v>
      </c>
      <c r="AD34563">
        <v>39</v>
      </c>
      <c r="AE34563">
        <v>40</v>
      </c>
      <c r="AF34563">
        <v>41</v>
      </c>
      <c r="AG34563">
        <v>42</v>
      </c>
      <c r="AH34563">
        <v>43</v>
      </c>
      <c r="AI34563">
        <v>44</v>
      </c>
      <c r="AJ34563">
        <v>45</v>
      </c>
      <c r="AK34563">
        <v>45</v>
      </c>
      <c r="AL34563">
        <v>46</v>
      </c>
      <c r="AM34563">
        <v>47</v>
      </c>
      <c r="AN34563">
        <v>48</v>
      </c>
      <c r="AO34563">
        <v>49</v>
      </c>
      <c r="AP34563">
        <v>50</v>
      </c>
      <c r="AQ34563">
        <v>51</v>
      </c>
    </row>
    <row r="34564" spans="1:43">
      <c r="A34564" t="s">
        <v>21413</v>
      </c>
      <c r="B34564" t="s">
        <v>21414</v>
      </c>
      <c r="C34564" t="s">
        <v>21415</v>
      </c>
      <c r="D34564" t="s">
        <v>21416</v>
      </c>
      <c r="E34564" t="s">
        <v>21317</v>
      </c>
      <c r="F34564" t="s">
        <v>21318</v>
      </c>
      <c r="G34564" t="s">
        <v>20255</v>
      </c>
      <c r="H34564" t="s">
        <v>20256</v>
      </c>
      <c r="I34564" s="2">
        <v>1</v>
      </c>
      <c r="J34564" s="2">
        <v>0</v>
      </c>
      <c r="K34564" s="2">
        <v>0</v>
      </c>
      <c r="L34564" t="s">
        <v>120</v>
      </c>
      <c r="M34564" t="s">
        <v>89</v>
      </c>
      <c r="N34564" t="s">
        <v>90</v>
      </c>
      <c r="O34564" t="s">
        <v>85</v>
      </c>
      <c r="P34564" t="s">
        <v>86</v>
      </c>
      <c r="Q34564">
        <v>29</v>
      </c>
      <c r="R34564">
        <v>30</v>
      </c>
      <c r="S34564">
        <v>31</v>
      </c>
      <c r="T34564">
        <v>33</v>
      </c>
      <c r="U34564">
        <v>34</v>
      </c>
      <c r="V34564">
        <v>35</v>
      </c>
      <c r="W34564">
        <v>37</v>
      </c>
      <c r="X34564">
        <v>38</v>
      </c>
      <c r="Y34564">
        <v>39</v>
      </c>
      <c r="Z34564">
        <v>41</v>
      </c>
      <c r="AA34564">
        <v>42</v>
      </c>
      <c r="AB34564">
        <v>43</v>
      </c>
      <c r="AC34564">
        <v>45</v>
      </c>
      <c r="AD34564">
        <v>46</v>
      </c>
      <c r="AE34564">
        <v>47</v>
      </c>
      <c r="AF34564">
        <v>48</v>
      </c>
      <c r="AG34564">
        <v>49</v>
      </c>
      <c r="AH34564">
        <v>50</v>
      </c>
      <c r="AI34564">
        <v>51</v>
      </c>
      <c r="AJ34564">
        <v>52</v>
      </c>
      <c r="AK34564">
        <v>53</v>
      </c>
      <c r="AL34564">
        <v>54</v>
      </c>
      <c r="AM34564">
        <v>54</v>
      </c>
      <c r="AN34564">
        <v>55</v>
      </c>
      <c r="AO34564">
        <v>56</v>
      </c>
      <c r="AP34564">
        <v>57</v>
      </c>
      <c r="AQ34564">
        <v>58</v>
      </c>
    </row>
    <row r="34565" spans="1:43">
      <c r="A34565" t="s">
        <v>21413</v>
      </c>
      <c r="B34565" t="s">
        <v>21414</v>
      </c>
      <c r="C34565" t="s">
        <v>21415</v>
      </c>
      <c r="D34565" t="s">
        <v>21416</v>
      </c>
      <c r="E34565" t="s">
        <v>21317</v>
      </c>
      <c r="F34565" t="s">
        <v>21318</v>
      </c>
      <c r="G34565" t="s">
        <v>20255</v>
      </c>
      <c r="H34565" t="s">
        <v>20256</v>
      </c>
      <c r="I34565" s="2">
        <v>1</v>
      </c>
      <c r="J34565" s="2">
        <v>0</v>
      </c>
      <c r="K34565" s="2">
        <v>0</v>
      </c>
      <c r="L34565" t="s">
        <v>120</v>
      </c>
      <c r="M34565" t="s">
        <v>83</v>
      </c>
      <c r="N34565" t="s">
        <v>91</v>
      </c>
      <c r="O34565" t="s">
        <v>85</v>
      </c>
      <c r="P34565" t="s">
        <v>86</v>
      </c>
      <c r="Q34565">
        <v>29</v>
      </c>
      <c r="R34565">
        <v>30</v>
      </c>
      <c r="S34565">
        <v>31</v>
      </c>
      <c r="T34565">
        <v>32</v>
      </c>
      <c r="U34565">
        <v>33</v>
      </c>
      <c r="V34565">
        <v>34</v>
      </c>
      <c r="W34565">
        <v>35</v>
      </c>
      <c r="X34565">
        <v>36</v>
      </c>
      <c r="Y34565">
        <v>37</v>
      </c>
      <c r="Z34565">
        <v>38</v>
      </c>
      <c r="AA34565">
        <v>39</v>
      </c>
      <c r="AB34565">
        <v>40</v>
      </c>
      <c r="AC34565">
        <v>42</v>
      </c>
      <c r="AD34565">
        <v>43</v>
      </c>
      <c r="AE34565">
        <v>44</v>
      </c>
      <c r="AF34565">
        <v>45</v>
      </c>
      <c r="AG34565">
        <v>47</v>
      </c>
      <c r="AH34565">
        <v>48</v>
      </c>
      <c r="AI34565">
        <v>49</v>
      </c>
      <c r="AJ34565">
        <v>51</v>
      </c>
      <c r="AK34565">
        <v>52</v>
      </c>
      <c r="AL34565">
        <v>53</v>
      </c>
      <c r="AM34565">
        <v>54</v>
      </c>
      <c r="AN34565">
        <v>55</v>
      </c>
      <c r="AO34565">
        <v>56</v>
      </c>
      <c r="AP34565">
        <v>57</v>
      </c>
      <c r="AQ34565">
        <v>58</v>
      </c>
    </row>
    <row r="34566" spans="1:43">
      <c r="A34566" t="s">
        <v>21417</v>
      </c>
      <c r="B34566" t="s">
        <v>21418</v>
      </c>
      <c r="C34566" t="s">
        <v>21415</v>
      </c>
      <c r="D34566" t="s">
        <v>21416</v>
      </c>
      <c r="E34566" t="s">
        <v>21317</v>
      </c>
      <c r="F34566" t="s">
        <v>21318</v>
      </c>
      <c r="G34566" t="s">
        <v>20255</v>
      </c>
      <c r="H34566" t="s">
        <v>20256</v>
      </c>
      <c r="I34566" s="2">
        <v>1</v>
      </c>
      <c r="J34566" s="2">
        <v>0</v>
      </c>
      <c r="K34566" s="2">
        <v>0</v>
      </c>
      <c r="L34566" t="s">
        <v>120</v>
      </c>
      <c r="M34566" t="s">
        <v>83</v>
      </c>
      <c r="N34566" t="s">
        <v>84</v>
      </c>
      <c r="O34566" t="s">
        <v>85</v>
      </c>
      <c r="P34566" t="s">
        <v>86</v>
      </c>
      <c r="Q34566">
        <v>40</v>
      </c>
      <c r="R34566">
        <v>41</v>
      </c>
      <c r="S34566">
        <v>41</v>
      </c>
      <c r="T34566">
        <v>42</v>
      </c>
      <c r="U34566">
        <v>43</v>
      </c>
      <c r="V34566">
        <v>43</v>
      </c>
      <c r="W34566">
        <v>44</v>
      </c>
      <c r="X34566">
        <v>45</v>
      </c>
      <c r="Y34566">
        <v>45</v>
      </c>
      <c r="Z34566">
        <v>46</v>
      </c>
      <c r="AA34566">
        <v>46</v>
      </c>
      <c r="AB34566">
        <v>47</v>
      </c>
      <c r="AC34566">
        <v>48</v>
      </c>
      <c r="AD34566">
        <v>48</v>
      </c>
      <c r="AE34566">
        <v>49</v>
      </c>
      <c r="AF34566">
        <v>49</v>
      </c>
      <c r="AG34566">
        <v>50</v>
      </c>
      <c r="AH34566">
        <v>51</v>
      </c>
      <c r="AI34566">
        <v>51</v>
      </c>
      <c r="AJ34566">
        <v>52</v>
      </c>
      <c r="AK34566">
        <v>53</v>
      </c>
      <c r="AL34566">
        <v>53</v>
      </c>
      <c r="AM34566">
        <v>53</v>
      </c>
      <c r="AN34566">
        <v>53</v>
      </c>
      <c r="AO34566">
        <v>54</v>
      </c>
      <c r="AP34566">
        <v>54</v>
      </c>
      <c r="AQ34566">
        <v>54</v>
      </c>
    </row>
    <row r="34567" spans="1:43">
      <c r="A34567" t="s">
        <v>21417</v>
      </c>
      <c r="B34567" t="s">
        <v>21418</v>
      </c>
      <c r="C34567" t="s">
        <v>21415</v>
      </c>
      <c r="D34567" t="s">
        <v>21416</v>
      </c>
      <c r="E34567" t="s">
        <v>21317</v>
      </c>
      <c r="F34567" t="s">
        <v>21318</v>
      </c>
      <c r="G34567" t="s">
        <v>20255</v>
      </c>
      <c r="H34567" t="s">
        <v>20256</v>
      </c>
      <c r="I34567" s="2">
        <v>1</v>
      </c>
      <c r="J34567" s="2">
        <v>0</v>
      </c>
      <c r="K34567" s="2">
        <v>0</v>
      </c>
      <c r="L34567" t="s">
        <v>120</v>
      </c>
      <c r="M34567" t="s">
        <v>87</v>
      </c>
      <c r="N34567" t="s">
        <v>88</v>
      </c>
      <c r="O34567" t="s">
        <v>85</v>
      </c>
      <c r="P34567" t="s">
        <v>86</v>
      </c>
      <c r="Q34567">
        <v>40</v>
      </c>
      <c r="R34567">
        <v>40</v>
      </c>
      <c r="S34567">
        <v>40</v>
      </c>
      <c r="T34567">
        <v>40</v>
      </c>
      <c r="U34567">
        <v>41</v>
      </c>
      <c r="V34567">
        <v>41</v>
      </c>
      <c r="W34567">
        <v>41</v>
      </c>
      <c r="X34567">
        <v>41</v>
      </c>
      <c r="Y34567">
        <v>42</v>
      </c>
      <c r="Z34567">
        <v>42</v>
      </c>
      <c r="AA34567">
        <v>42</v>
      </c>
      <c r="AB34567">
        <v>43</v>
      </c>
      <c r="AC34567">
        <v>43</v>
      </c>
      <c r="AD34567">
        <v>43</v>
      </c>
      <c r="AE34567">
        <v>43</v>
      </c>
      <c r="AF34567">
        <v>44</v>
      </c>
      <c r="AG34567">
        <v>44</v>
      </c>
      <c r="AH34567">
        <v>44</v>
      </c>
      <c r="AI34567">
        <v>44</v>
      </c>
      <c r="AJ34567">
        <v>45</v>
      </c>
      <c r="AK34567">
        <v>45</v>
      </c>
      <c r="AL34567">
        <v>45</v>
      </c>
      <c r="AM34567">
        <v>46</v>
      </c>
      <c r="AN34567">
        <v>46</v>
      </c>
      <c r="AO34567">
        <v>46</v>
      </c>
      <c r="AP34567">
        <v>47</v>
      </c>
      <c r="AQ34567">
        <v>47</v>
      </c>
    </row>
    <row r="34568" spans="1:43">
      <c r="A34568" t="s">
        <v>21417</v>
      </c>
      <c r="B34568" t="s">
        <v>21418</v>
      </c>
      <c r="C34568" t="s">
        <v>21415</v>
      </c>
      <c r="D34568" t="s">
        <v>21416</v>
      </c>
      <c r="E34568" t="s">
        <v>21317</v>
      </c>
      <c r="F34568" t="s">
        <v>21318</v>
      </c>
      <c r="G34568" t="s">
        <v>20255</v>
      </c>
      <c r="H34568" t="s">
        <v>20256</v>
      </c>
      <c r="I34568" s="2">
        <v>1</v>
      </c>
      <c r="J34568" s="2">
        <v>0</v>
      </c>
      <c r="K34568" s="2">
        <v>0</v>
      </c>
      <c r="L34568" t="s">
        <v>120</v>
      </c>
      <c r="M34568" t="s">
        <v>89</v>
      </c>
      <c r="N34568" t="s">
        <v>90</v>
      </c>
      <c r="O34568" t="s">
        <v>85</v>
      </c>
      <c r="P34568" t="s">
        <v>86</v>
      </c>
      <c r="Q34568">
        <v>40</v>
      </c>
      <c r="R34568">
        <v>41</v>
      </c>
      <c r="S34568">
        <v>42</v>
      </c>
      <c r="T34568">
        <v>43</v>
      </c>
      <c r="U34568">
        <v>44</v>
      </c>
      <c r="V34568">
        <v>45</v>
      </c>
      <c r="W34568">
        <v>46</v>
      </c>
      <c r="X34568">
        <v>47</v>
      </c>
      <c r="Y34568">
        <v>48</v>
      </c>
      <c r="Z34568">
        <v>49</v>
      </c>
      <c r="AA34568">
        <v>49</v>
      </c>
      <c r="AB34568">
        <v>50</v>
      </c>
      <c r="AC34568">
        <v>51</v>
      </c>
      <c r="AD34568">
        <v>52</v>
      </c>
      <c r="AE34568">
        <v>52</v>
      </c>
      <c r="AF34568">
        <v>53</v>
      </c>
      <c r="AG34568">
        <v>53</v>
      </c>
      <c r="AH34568">
        <v>53</v>
      </c>
      <c r="AI34568">
        <v>53</v>
      </c>
      <c r="AJ34568">
        <v>53</v>
      </c>
      <c r="AK34568">
        <v>53</v>
      </c>
      <c r="AL34568">
        <v>54</v>
      </c>
      <c r="AM34568">
        <v>54</v>
      </c>
      <c r="AN34568">
        <v>54</v>
      </c>
      <c r="AO34568">
        <v>54</v>
      </c>
      <c r="AP34568">
        <v>54</v>
      </c>
      <c r="AQ34568">
        <v>55</v>
      </c>
    </row>
    <row r="34569" spans="1:43">
      <c r="A34569" t="s">
        <v>21417</v>
      </c>
      <c r="B34569" t="s">
        <v>21418</v>
      </c>
      <c r="C34569" t="s">
        <v>21415</v>
      </c>
      <c r="D34569" t="s">
        <v>21416</v>
      </c>
      <c r="E34569" t="s">
        <v>21317</v>
      </c>
      <c r="F34569" t="s">
        <v>21318</v>
      </c>
      <c r="G34569" t="s">
        <v>20255</v>
      </c>
      <c r="H34569" t="s">
        <v>20256</v>
      </c>
      <c r="I34569" s="2">
        <v>1</v>
      </c>
      <c r="J34569" s="2">
        <v>0</v>
      </c>
      <c r="K34569" s="2">
        <v>0</v>
      </c>
      <c r="L34569" t="s">
        <v>120</v>
      </c>
      <c r="M34569" t="s">
        <v>83</v>
      </c>
      <c r="N34569" t="s">
        <v>91</v>
      </c>
      <c r="O34569" t="s">
        <v>85</v>
      </c>
      <c r="P34569" t="s">
        <v>86</v>
      </c>
      <c r="Q34569">
        <v>40</v>
      </c>
      <c r="R34569">
        <v>41</v>
      </c>
      <c r="S34569">
        <v>41</v>
      </c>
      <c r="T34569">
        <v>42</v>
      </c>
      <c r="U34569">
        <v>43</v>
      </c>
      <c r="V34569">
        <v>43</v>
      </c>
      <c r="W34569">
        <v>44</v>
      </c>
      <c r="X34569">
        <v>45</v>
      </c>
      <c r="Y34569">
        <v>45</v>
      </c>
      <c r="Z34569">
        <v>46</v>
      </c>
      <c r="AA34569">
        <v>46</v>
      </c>
      <c r="AB34569">
        <v>47</v>
      </c>
      <c r="AC34569">
        <v>48</v>
      </c>
      <c r="AD34569">
        <v>48</v>
      </c>
      <c r="AE34569">
        <v>49</v>
      </c>
      <c r="AF34569">
        <v>49</v>
      </c>
      <c r="AG34569">
        <v>50</v>
      </c>
      <c r="AH34569">
        <v>51</v>
      </c>
      <c r="AI34569">
        <v>51</v>
      </c>
      <c r="AJ34569">
        <v>52</v>
      </c>
      <c r="AK34569">
        <v>53</v>
      </c>
      <c r="AL34569">
        <v>53</v>
      </c>
      <c r="AM34569">
        <v>53</v>
      </c>
      <c r="AN34569">
        <v>53</v>
      </c>
      <c r="AO34569">
        <v>54</v>
      </c>
      <c r="AP34569">
        <v>54</v>
      </c>
      <c r="AQ34569">
        <v>54</v>
      </c>
    </row>
    <row r="34570" spans="1:43">
      <c r="A34570" t="s">
        <v>21419</v>
      </c>
      <c r="B34570" t="s">
        <v>21420</v>
      </c>
      <c r="C34570" t="s">
        <v>21345</v>
      </c>
      <c r="D34570" t="s">
        <v>21346</v>
      </c>
      <c r="E34570" t="s">
        <v>21317</v>
      </c>
      <c r="F34570" t="s">
        <v>21318</v>
      </c>
      <c r="G34570" t="s">
        <v>20255</v>
      </c>
      <c r="H34570" t="s">
        <v>20256</v>
      </c>
      <c r="I34570" s="2">
        <v>1</v>
      </c>
      <c r="J34570" s="2">
        <v>0</v>
      </c>
      <c r="K34570" s="2">
        <v>0</v>
      </c>
      <c r="L34570" t="s">
        <v>120</v>
      </c>
      <c r="M34570" t="s">
        <v>83</v>
      </c>
      <c r="N34570" t="s">
        <v>84</v>
      </c>
      <c r="O34570" t="s">
        <v>85</v>
      </c>
      <c r="P34570" t="s">
        <v>86</v>
      </c>
      <c r="Q34570">
        <v>27</v>
      </c>
      <c r="R34570">
        <v>28</v>
      </c>
      <c r="S34570">
        <v>29</v>
      </c>
      <c r="T34570">
        <v>30</v>
      </c>
      <c r="U34570">
        <v>31</v>
      </c>
      <c r="V34570">
        <v>32</v>
      </c>
      <c r="W34570">
        <v>33</v>
      </c>
      <c r="X34570">
        <v>34</v>
      </c>
      <c r="Y34570">
        <v>35</v>
      </c>
      <c r="Z34570">
        <v>36</v>
      </c>
      <c r="AA34570">
        <v>37</v>
      </c>
      <c r="AB34570">
        <v>38</v>
      </c>
      <c r="AC34570">
        <v>39</v>
      </c>
      <c r="AD34570">
        <v>40</v>
      </c>
      <c r="AE34570">
        <v>41</v>
      </c>
      <c r="AF34570">
        <v>42</v>
      </c>
      <c r="AG34570">
        <v>44</v>
      </c>
      <c r="AH34570">
        <v>45</v>
      </c>
      <c r="AI34570">
        <v>46</v>
      </c>
      <c r="AJ34570">
        <v>47</v>
      </c>
      <c r="AK34570">
        <v>49</v>
      </c>
      <c r="AL34570">
        <v>50</v>
      </c>
      <c r="AM34570">
        <v>50</v>
      </c>
      <c r="AN34570">
        <v>51</v>
      </c>
      <c r="AO34570">
        <v>52</v>
      </c>
      <c r="AP34570">
        <v>53</v>
      </c>
      <c r="AQ34570">
        <v>54</v>
      </c>
    </row>
    <row r="34571" spans="1:43">
      <c r="A34571" t="s">
        <v>21419</v>
      </c>
      <c r="B34571" t="s">
        <v>21420</v>
      </c>
      <c r="C34571" t="s">
        <v>21345</v>
      </c>
      <c r="D34571" t="s">
        <v>21346</v>
      </c>
      <c r="E34571" t="s">
        <v>21317</v>
      </c>
      <c r="F34571" t="s">
        <v>21318</v>
      </c>
      <c r="G34571" t="s">
        <v>20255</v>
      </c>
      <c r="H34571" t="s">
        <v>20256</v>
      </c>
      <c r="I34571" s="2">
        <v>1</v>
      </c>
      <c r="J34571" s="2">
        <v>0</v>
      </c>
      <c r="K34571" s="2">
        <v>0</v>
      </c>
      <c r="L34571" t="s">
        <v>120</v>
      </c>
      <c r="M34571" t="s">
        <v>87</v>
      </c>
      <c r="N34571" t="s">
        <v>88</v>
      </c>
      <c r="O34571" t="s">
        <v>85</v>
      </c>
      <c r="P34571" t="s">
        <v>86</v>
      </c>
      <c r="Q34571">
        <v>27</v>
      </c>
      <c r="R34571">
        <v>27</v>
      </c>
      <c r="S34571">
        <v>28</v>
      </c>
      <c r="T34571">
        <v>29</v>
      </c>
      <c r="U34571">
        <v>29</v>
      </c>
      <c r="V34571">
        <v>30</v>
      </c>
      <c r="W34571">
        <v>31</v>
      </c>
      <c r="X34571">
        <v>31</v>
      </c>
      <c r="Y34571">
        <v>32</v>
      </c>
      <c r="Z34571">
        <v>33</v>
      </c>
      <c r="AA34571">
        <v>34</v>
      </c>
      <c r="AB34571">
        <v>34</v>
      </c>
      <c r="AC34571">
        <v>35</v>
      </c>
      <c r="AD34571">
        <v>36</v>
      </c>
      <c r="AE34571">
        <v>37</v>
      </c>
      <c r="AF34571">
        <v>37</v>
      </c>
      <c r="AG34571">
        <v>38</v>
      </c>
      <c r="AH34571">
        <v>39</v>
      </c>
      <c r="AI34571">
        <v>40</v>
      </c>
      <c r="AJ34571">
        <v>41</v>
      </c>
      <c r="AK34571">
        <v>42</v>
      </c>
      <c r="AL34571">
        <v>42</v>
      </c>
      <c r="AM34571">
        <v>43</v>
      </c>
      <c r="AN34571">
        <v>44</v>
      </c>
      <c r="AO34571">
        <v>45</v>
      </c>
      <c r="AP34571">
        <v>46</v>
      </c>
      <c r="AQ34571">
        <v>47</v>
      </c>
    </row>
    <row r="34572" spans="1:43">
      <c r="A34572" t="s">
        <v>21419</v>
      </c>
      <c r="B34572" t="s">
        <v>21420</v>
      </c>
      <c r="C34572" t="s">
        <v>21345</v>
      </c>
      <c r="D34572" t="s">
        <v>21346</v>
      </c>
      <c r="E34572" t="s">
        <v>21317</v>
      </c>
      <c r="F34572" t="s">
        <v>21318</v>
      </c>
      <c r="G34572" t="s">
        <v>20255</v>
      </c>
      <c r="H34572" t="s">
        <v>20256</v>
      </c>
      <c r="I34572" s="2">
        <v>1</v>
      </c>
      <c r="J34572" s="2">
        <v>0</v>
      </c>
      <c r="K34572" s="2">
        <v>0</v>
      </c>
      <c r="L34572" t="s">
        <v>120</v>
      </c>
      <c r="M34572" t="s">
        <v>89</v>
      </c>
      <c r="N34572" t="s">
        <v>90</v>
      </c>
      <c r="O34572" t="s">
        <v>85</v>
      </c>
      <c r="P34572" t="s">
        <v>86</v>
      </c>
      <c r="Q34572">
        <v>27</v>
      </c>
      <c r="R34572">
        <v>28</v>
      </c>
      <c r="S34572">
        <v>29</v>
      </c>
      <c r="T34572">
        <v>31</v>
      </c>
      <c r="U34572">
        <v>32</v>
      </c>
      <c r="V34572">
        <v>33</v>
      </c>
      <c r="W34572">
        <v>34</v>
      </c>
      <c r="X34572">
        <v>35</v>
      </c>
      <c r="Y34572">
        <v>37</v>
      </c>
      <c r="Z34572">
        <v>38</v>
      </c>
      <c r="AA34572">
        <v>39</v>
      </c>
      <c r="AB34572">
        <v>40</v>
      </c>
      <c r="AC34572">
        <v>42</v>
      </c>
      <c r="AD34572">
        <v>43</v>
      </c>
      <c r="AE34572">
        <v>44</v>
      </c>
      <c r="AF34572">
        <v>45</v>
      </c>
      <c r="AG34572">
        <v>46</v>
      </c>
      <c r="AH34572">
        <v>47</v>
      </c>
      <c r="AI34572">
        <v>47</v>
      </c>
      <c r="AJ34572">
        <v>48</v>
      </c>
      <c r="AK34572">
        <v>49</v>
      </c>
      <c r="AL34572">
        <v>50</v>
      </c>
      <c r="AM34572">
        <v>51</v>
      </c>
      <c r="AN34572">
        <v>52</v>
      </c>
      <c r="AO34572">
        <v>53</v>
      </c>
      <c r="AP34572">
        <v>54</v>
      </c>
      <c r="AQ34572">
        <v>55</v>
      </c>
    </row>
    <row r="34573" spans="1:43">
      <c r="A34573" t="s">
        <v>21419</v>
      </c>
      <c r="B34573" t="s">
        <v>21420</v>
      </c>
      <c r="C34573" t="s">
        <v>21345</v>
      </c>
      <c r="D34573" t="s">
        <v>21346</v>
      </c>
      <c r="E34573" t="s">
        <v>21317</v>
      </c>
      <c r="F34573" t="s">
        <v>21318</v>
      </c>
      <c r="G34573" t="s">
        <v>20255</v>
      </c>
      <c r="H34573" t="s">
        <v>20256</v>
      </c>
      <c r="I34573" s="2">
        <v>1</v>
      </c>
      <c r="J34573" s="2">
        <v>0</v>
      </c>
      <c r="K34573" s="2">
        <v>0</v>
      </c>
      <c r="L34573" t="s">
        <v>120</v>
      </c>
      <c r="M34573" t="s">
        <v>83</v>
      </c>
      <c r="N34573" t="s">
        <v>91</v>
      </c>
      <c r="O34573" t="s">
        <v>85</v>
      </c>
      <c r="P34573" t="s">
        <v>86</v>
      </c>
      <c r="Q34573">
        <v>27</v>
      </c>
      <c r="R34573">
        <v>28</v>
      </c>
      <c r="S34573">
        <v>29</v>
      </c>
      <c r="T34573">
        <v>30</v>
      </c>
      <c r="U34573">
        <v>31</v>
      </c>
      <c r="V34573">
        <v>32</v>
      </c>
      <c r="W34573">
        <v>33</v>
      </c>
      <c r="X34573">
        <v>34</v>
      </c>
      <c r="Y34573">
        <v>35</v>
      </c>
      <c r="Z34573">
        <v>36</v>
      </c>
      <c r="AA34573">
        <v>37</v>
      </c>
      <c r="AB34573">
        <v>38</v>
      </c>
      <c r="AC34573">
        <v>39</v>
      </c>
      <c r="AD34573">
        <v>40</v>
      </c>
      <c r="AE34573">
        <v>41</v>
      </c>
      <c r="AF34573">
        <v>42</v>
      </c>
      <c r="AG34573">
        <v>44</v>
      </c>
      <c r="AH34573">
        <v>45</v>
      </c>
      <c r="AI34573">
        <v>46</v>
      </c>
      <c r="AJ34573">
        <v>47</v>
      </c>
      <c r="AK34573">
        <v>49</v>
      </c>
      <c r="AL34573">
        <v>50</v>
      </c>
      <c r="AM34573">
        <v>50</v>
      </c>
      <c r="AN34573">
        <v>51</v>
      </c>
      <c r="AO34573">
        <v>52</v>
      </c>
      <c r="AP34573">
        <v>53</v>
      </c>
      <c r="AQ34573">
        <v>54</v>
      </c>
    </row>
    <row r="34574" spans="1:43">
      <c r="A34574" t="s">
        <v>21421</v>
      </c>
      <c r="B34574" t="s">
        <v>21422</v>
      </c>
      <c r="C34574" t="s">
        <v>21345</v>
      </c>
      <c r="D34574" t="s">
        <v>21346</v>
      </c>
      <c r="E34574" t="s">
        <v>21317</v>
      </c>
      <c r="F34574" t="s">
        <v>21318</v>
      </c>
      <c r="G34574" t="s">
        <v>20255</v>
      </c>
      <c r="H34574" t="s">
        <v>20256</v>
      </c>
      <c r="I34574" s="2">
        <v>1</v>
      </c>
      <c r="J34574" s="2">
        <v>0</v>
      </c>
      <c r="K34574" s="2">
        <v>0</v>
      </c>
      <c r="L34574" t="s">
        <v>120</v>
      </c>
      <c r="M34574" t="s">
        <v>83</v>
      </c>
      <c r="N34574" t="s">
        <v>84</v>
      </c>
      <c r="O34574" t="s">
        <v>85</v>
      </c>
      <c r="P34574" t="s">
        <v>86</v>
      </c>
      <c r="Q34574">
        <v>28</v>
      </c>
      <c r="R34574">
        <v>29</v>
      </c>
      <c r="S34574">
        <v>30</v>
      </c>
      <c r="T34574">
        <v>31</v>
      </c>
      <c r="U34574">
        <v>32</v>
      </c>
      <c r="V34574">
        <v>33</v>
      </c>
      <c r="W34574">
        <v>34</v>
      </c>
      <c r="X34574">
        <v>35</v>
      </c>
      <c r="Y34574">
        <v>36</v>
      </c>
      <c r="Z34574">
        <v>37</v>
      </c>
      <c r="AA34574">
        <v>38</v>
      </c>
      <c r="AB34574">
        <v>39</v>
      </c>
      <c r="AC34574">
        <v>40</v>
      </c>
      <c r="AD34574">
        <v>42</v>
      </c>
      <c r="AE34574">
        <v>43</v>
      </c>
      <c r="AF34574">
        <v>44</v>
      </c>
      <c r="AG34574">
        <v>45</v>
      </c>
      <c r="AH34574">
        <v>47</v>
      </c>
      <c r="AI34574">
        <v>48</v>
      </c>
      <c r="AJ34574">
        <v>49</v>
      </c>
      <c r="AK34574">
        <v>50</v>
      </c>
      <c r="AL34574">
        <v>52</v>
      </c>
      <c r="AM34574">
        <v>52</v>
      </c>
      <c r="AN34574">
        <v>53</v>
      </c>
      <c r="AO34574">
        <v>54</v>
      </c>
      <c r="AP34574">
        <v>55</v>
      </c>
      <c r="AQ34574">
        <v>56</v>
      </c>
    </row>
    <row r="34575" spans="1:43">
      <c r="A34575" t="s">
        <v>21421</v>
      </c>
      <c r="B34575" t="s">
        <v>21422</v>
      </c>
      <c r="C34575" t="s">
        <v>21345</v>
      </c>
      <c r="D34575" t="s">
        <v>21346</v>
      </c>
      <c r="E34575" t="s">
        <v>21317</v>
      </c>
      <c r="F34575" t="s">
        <v>21318</v>
      </c>
      <c r="G34575" t="s">
        <v>20255</v>
      </c>
      <c r="H34575" t="s">
        <v>20256</v>
      </c>
      <c r="I34575" s="2">
        <v>1</v>
      </c>
      <c r="J34575" s="2">
        <v>0</v>
      </c>
      <c r="K34575" s="2">
        <v>0</v>
      </c>
      <c r="L34575" t="s">
        <v>120</v>
      </c>
      <c r="M34575" t="s">
        <v>87</v>
      </c>
      <c r="N34575" t="s">
        <v>88</v>
      </c>
      <c r="O34575" t="s">
        <v>85</v>
      </c>
      <c r="P34575" t="s">
        <v>86</v>
      </c>
      <c r="Q34575">
        <v>28</v>
      </c>
      <c r="R34575">
        <v>28</v>
      </c>
      <c r="S34575">
        <v>29</v>
      </c>
      <c r="T34575">
        <v>30</v>
      </c>
      <c r="U34575">
        <v>30</v>
      </c>
      <c r="V34575">
        <v>31</v>
      </c>
      <c r="W34575">
        <v>32</v>
      </c>
      <c r="X34575">
        <v>33</v>
      </c>
      <c r="Y34575">
        <v>33</v>
      </c>
      <c r="Z34575">
        <v>34</v>
      </c>
      <c r="AA34575">
        <v>35</v>
      </c>
      <c r="AB34575">
        <v>36</v>
      </c>
      <c r="AC34575">
        <v>36</v>
      </c>
      <c r="AD34575">
        <v>37</v>
      </c>
      <c r="AE34575">
        <v>38</v>
      </c>
      <c r="AF34575">
        <v>39</v>
      </c>
      <c r="AG34575">
        <v>40</v>
      </c>
      <c r="AH34575">
        <v>41</v>
      </c>
      <c r="AI34575">
        <v>41</v>
      </c>
      <c r="AJ34575">
        <v>42</v>
      </c>
      <c r="AK34575">
        <v>43</v>
      </c>
      <c r="AL34575">
        <v>44</v>
      </c>
      <c r="AM34575">
        <v>45</v>
      </c>
      <c r="AN34575">
        <v>46</v>
      </c>
      <c r="AO34575">
        <v>47</v>
      </c>
      <c r="AP34575">
        <v>48</v>
      </c>
      <c r="AQ34575">
        <v>49</v>
      </c>
    </row>
    <row r="34576" spans="1:43">
      <c r="A34576" t="s">
        <v>21421</v>
      </c>
      <c r="B34576" t="s">
        <v>21422</v>
      </c>
      <c r="C34576" t="s">
        <v>21345</v>
      </c>
      <c r="D34576" t="s">
        <v>21346</v>
      </c>
      <c r="E34576" t="s">
        <v>21317</v>
      </c>
      <c r="F34576" t="s">
        <v>21318</v>
      </c>
      <c r="G34576" t="s">
        <v>20255</v>
      </c>
      <c r="H34576" t="s">
        <v>20256</v>
      </c>
      <c r="I34576" s="2">
        <v>1</v>
      </c>
      <c r="J34576" s="2">
        <v>0</v>
      </c>
      <c r="K34576" s="2">
        <v>0</v>
      </c>
      <c r="L34576" t="s">
        <v>120</v>
      </c>
      <c r="M34576" t="s">
        <v>89</v>
      </c>
      <c r="N34576" t="s">
        <v>90</v>
      </c>
      <c r="O34576" t="s">
        <v>85</v>
      </c>
      <c r="P34576" t="s">
        <v>86</v>
      </c>
      <c r="Q34576">
        <v>28</v>
      </c>
      <c r="R34576">
        <v>29</v>
      </c>
      <c r="S34576">
        <v>31</v>
      </c>
      <c r="T34576">
        <v>32</v>
      </c>
      <c r="U34576">
        <v>33</v>
      </c>
      <c r="V34576">
        <v>34</v>
      </c>
      <c r="W34576">
        <v>36</v>
      </c>
      <c r="X34576">
        <v>37</v>
      </c>
      <c r="Y34576">
        <v>38</v>
      </c>
      <c r="Z34576">
        <v>39</v>
      </c>
      <c r="AA34576">
        <v>41</v>
      </c>
      <c r="AB34576">
        <v>42</v>
      </c>
      <c r="AC34576">
        <v>43</v>
      </c>
      <c r="AD34576">
        <v>45</v>
      </c>
      <c r="AE34576">
        <v>46</v>
      </c>
      <c r="AF34576">
        <v>47</v>
      </c>
      <c r="AG34576">
        <v>48</v>
      </c>
      <c r="AH34576">
        <v>48</v>
      </c>
      <c r="AI34576">
        <v>49</v>
      </c>
      <c r="AJ34576">
        <v>50</v>
      </c>
      <c r="AK34576">
        <v>51</v>
      </c>
      <c r="AL34576">
        <v>52</v>
      </c>
      <c r="AM34576">
        <v>53</v>
      </c>
      <c r="AN34576">
        <v>54</v>
      </c>
      <c r="AO34576">
        <v>55</v>
      </c>
      <c r="AP34576">
        <v>56</v>
      </c>
      <c r="AQ34576">
        <v>57</v>
      </c>
    </row>
    <row r="34577" spans="1:43">
      <c r="A34577" t="s">
        <v>21421</v>
      </c>
      <c r="B34577" t="s">
        <v>21422</v>
      </c>
      <c r="C34577" t="s">
        <v>21345</v>
      </c>
      <c r="D34577" t="s">
        <v>21346</v>
      </c>
      <c r="E34577" t="s">
        <v>21317</v>
      </c>
      <c r="F34577" t="s">
        <v>21318</v>
      </c>
      <c r="G34577" t="s">
        <v>20255</v>
      </c>
      <c r="H34577" t="s">
        <v>20256</v>
      </c>
      <c r="I34577" s="2">
        <v>1</v>
      </c>
      <c r="J34577" s="2">
        <v>0</v>
      </c>
      <c r="K34577" s="2">
        <v>0</v>
      </c>
      <c r="L34577" t="s">
        <v>120</v>
      </c>
      <c r="M34577" t="s">
        <v>83</v>
      </c>
      <c r="N34577" t="s">
        <v>91</v>
      </c>
      <c r="O34577" t="s">
        <v>85</v>
      </c>
      <c r="P34577" t="s">
        <v>86</v>
      </c>
      <c r="Q34577">
        <v>28</v>
      </c>
      <c r="R34577">
        <v>29</v>
      </c>
      <c r="S34577">
        <v>30</v>
      </c>
      <c r="T34577">
        <v>31</v>
      </c>
      <c r="U34577">
        <v>32</v>
      </c>
      <c r="V34577">
        <v>33</v>
      </c>
      <c r="W34577">
        <v>34</v>
      </c>
      <c r="X34577">
        <v>35</v>
      </c>
      <c r="Y34577">
        <v>36</v>
      </c>
      <c r="Z34577">
        <v>37</v>
      </c>
      <c r="AA34577">
        <v>38</v>
      </c>
      <c r="AB34577">
        <v>39</v>
      </c>
      <c r="AC34577">
        <v>40</v>
      </c>
      <c r="AD34577">
        <v>42</v>
      </c>
      <c r="AE34577">
        <v>43</v>
      </c>
      <c r="AF34577">
        <v>44</v>
      </c>
      <c r="AG34577">
        <v>45</v>
      </c>
      <c r="AH34577">
        <v>47</v>
      </c>
      <c r="AI34577">
        <v>48</v>
      </c>
      <c r="AJ34577">
        <v>49</v>
      </c>
      <c r="AK34577">
        <v>50</v>
      </c>
      <c r="AL34577">
        <v>52</v>
      </c>
      <c r="AM34577">
        <v>52</v>
      </c>
      <c r="AN34577">
        <v>53</v>
      </c>
      <c r="AO34577">
        <v>54</v>
      </c>
      <c r="AP34577">
        <v>55</v>
      </c>
      <c r="AQ34577">
        <v>56</v>
      </c>
    </row>
    <row r="34578" spans="1:43">
      <c r="A34578" t="s">
        <v>21423</v>
      </c>
      <c r="B34578" t="s">
        <v>21424</v>
      </c>
      <c r="C34578" t="s">
        <v>21425</v>
      </c>
      <c r="D34578" t="s">
        <v>21426</v>
      </c>
      <c r="E34578" t="s">
        <v>21317</v>
      </c>
      <c r="F34578" t="s">
        <v>21318</v>
      </c>
      <c r="G34578" t="s">
        <v>20255</v>
      </c>
      <c r="H34578" t="s">
        <v>20256</v>
      </c>
      <c r="I34578" s="2">
        <v>1</v>
      </c>
      <c r="J34578" s="2">
        <v>0</v>
      </c>
      <c r="K34578" s="2">
        <v>0</v>
      </c>
      <c r="L34578" t="s">
        <v>120</v>
      </c>
      <c r="M34578" t="s">
        <v>83</v>
      </c>
      <c r="N34578" t="s">
        <v>84</v>
      </c>
      <c r="O34578" t="s">
        <v>85</v>
      </c>
      <c r="P34578" t="s">
        <v>86</v>
      </c>
      <c r="Q34578">
        <v>16</v>
      </c>
      <c r="R34578">
        <v>16</v>
      </c>
      <c r="S34578">
        <v>17</v>
      </c>
      <c r="T34578">
        <v>17</v>
      </c>
      <c r="U34578">
        <v>18</v>
      </c>
      <c r="V34578">
        <v>19</v>
      </c>
      <c r="W34578">
        <v>19</v>
      </c>
      <c r="X34578">
        <v>20</v>
      </c>
      <c r="Y34578">
        <v>20</v>
      </c>
      <c r="Z34578">
        <v>21</v>
      </c>
      <c r="AA34578">
        <v>22</v>
      </c>
      <c r="AB34578">
        <v>22</v>
      </c>
      <c r="AC34578">
        <v>23</v>
      </c>
      <c r="AD34578">
        <v>24</v>
      </c>
      <c r="AE34578">
        <v>24</v>
      </c>
      <c r="AF34578">
        <v>25</v>
      </c>
      <c r="AG34578">
        <v>26</v>
      </c>
      <c r="AH34578">
        <v>26</v>
      </c>
      <c r="AI34578">
        <v>27</v>
      </c>
      <c r="AJ34578">
        <v>28</v>
      </c>
      <c r="AK34578">
        <v>29</v>
      </c>
      <c r="AL34578">
        <v>29</v>
      </c>
      <c r="AM34578">
        <v>30</v>
      </c>
      <c r="AN34578">
        <v>30</v>
      </c>
      <c r="AO34578">
        <v>31</v>
      </c>
      <c r="AP34578">
        <v>31</v>
      </c>
      <c r="AQ34578">
        <v>32</v>
      </c>
    </row>
    <row r="34579" spans="1:43">
      <c r="A34579" t="s">
        <v>21423</v>
      </c>
      <c r="B34579" t="s">
        <v>21424</v>
      </c>
      <c r="C34579" t="s">
        <v>21425</v>
      </c>
      <c r="D34579" t="s">
        <v>21426</v>
      </c>
      <c r="E34579" t="s">
        <v>21317</v>
      </c>
      <c r="F34579" t="s">
        <v>21318</v>
      </c>
      <c r="G34579" t="s">
        <v>20255</v>
      </c>
      <c r="H34579" t="s">
        <v>20256</v>
      </c>
      <c r="I34579" s="2">
        <v>1</v>
      </c>
      <c r="J34579" s="2">
        <v>0</v>
      </c>
      <c r="K34579" s="2">
        <v>0</v>
      </c>
      <c r="L34579" t="s">
        <v>120</v>
      </c>
      <c r="M34579" t="s">
        <v>87</v>
      </c>
      <c r="N34579" t="s">
        <v>88</v>
      </c>
      <c r="O34579" t="s">
        <v>85</v>
      </c>
      <c r="P34579" t="s">
        <v>86</v>
      </c>
      <c r="Q34579">
        <v>16</v>
      </c>
      <c r="R34579">
        <v>16</v>
      </c>
      <c r="S34579">
        <v>16</v>
      </c>
      <c r="T34579">
        <v>17</v>
      </c>
      <c r="U34579">
        <v>17</v>
      </c>
      <c r="V34579">
        <v>18</v>
      </c>
      <c r="W34579">
        <v>18</v>
      </c>
      <c r="X34579">
        <v>18</v>
      </c>
      <c r="Y34579">
        <v>19</v>
      </c>
      <c r="Z34579">
        <v>19</v>
      </c>
      <c r="AA34579">
        <v>20</v>
      </c>
      <c r="AB34579">
        <v>20</v>
      </c>
      <c r="AC34579">
        <v>21</v>
      </c>
      <c r="AD34579">
        <v>21</v>
      </c>
      <c r="AE34579">
        <v>22</v>
      </c>
      <c r="AF34579">
        <v>22</v>
      </c>
      <c r="AG34579">
        <v>23</v>
      </c>
      <c r="AH34579">
        <v>23</v>
      </c>
      <c r="AI34579">
        <v>24</v>
      </c>
      <c r="AJ34579">
        <v>24</v>
      </c>
      <c r="AK34579">
        <v>25</v>
      </c>
      <c r="AL34579">
        <v>25</v>
      </c>
      <c r="AM34579">
        <v>26</v>
      </c>
      <c r="AN34579">
        <v>26</v>
      </c>
      <c r="AO34579">
        <v>27</v>
      </c>
      <c r="AP34579">
        <v>27</v>
      </c>
      <c r="AQ34579">
        <v>28</v>
      </c>
    </row>
    <row r="34580" spans="1:43">
      <c r="A34580" t="s">
        <v>21423</v>
      </c>
      <c r="B34580" t="s">
        <v>21424</v>
      </c>
      <c r="C34580" t="s">
        <v>21425</v>
      </c>
      <c r="D34580" t="s">
        <v>21426</v>
      </c>
      <c r="E34580" t="s">
        <v>21317</v>
      </c>
      <c r="F34580" t="s">
        <v>21318</v>
      </c>
      <c r="G34580" t="s">
        <v>20255</v>
      </c>
      <c r="H34580" t="s">
        <v>20256</v>
      </c>
      <c r="I34580" s="2">
        <v>1</v>
      </c>
      <c r="J34580" s="2">
        <v>0</v>
      </c>
      <c r="K34580" s="2">
        <v>0</v>
      </c>
      <c r="L34580" t="s">
        <v>120</v>
      </c>
      <c r="M34580" t="s">
        <v>89</v>
      </c>
      <c r="N34580" t="s">
        <v>90</v>
      </c>
      <c r="O34580" t="s">
        <v>85</v>
      </c>
      <c r="P34580" t="s">
        <v>86</v>
      </c>
      <c r="Q34580">
        <v>16</v>
      </c>
      <c r="R34580">
        <v>17</v>
      </c>
      <c r="S34580">
        <v>17</v>
      </c>
      <c r="T34580">
        <v>18</v>
      </c>
      <c r="U34580">
        <v>19</v>
      </c>
      <c r="V34580">
        <v>19</v>
      </c>
      <c r="W34580">
        <v>20</v>
      </c>
      <c r="X34580">
        <v>21</v>
      </c>
      <c r="Y34580">
        <v>22</v>
      </c>
      <c r="Z34580">
        <v>22</v>
      </c>
      <c r="AA34580">
        <v>23</v>
      </c>
      <c r="AB34580">
        <v>24</v>
      </c>
      <c r="AC34580">
        <v>25</v>
      </c>
      <c r="AD34580">
        <v>25</v>
      </c>
      <c r="AE34580">
        <v>26</v>
      </c>
      <c r="AF34580">
        <v>27</v>
      </c>
      <c r="AG34580">
        <v>27</v>
      </c>
      <c r="AH34580">
        <v>28</v>
      </c>
      <c r="AI34580">
        <v>28</v>
      </c>
      <c r="AJ34580">
        <v>29</v>
      </c>
      <c r="AK34580">
        <v>29</v>
      </c>
      <c r="AL34580">
        <v>30</v>
      </c>
      <c r="AM34580">
        <v>30</v>
      </c>
      <c r="AN34580">
        <v>31</v>
      </c>
      <c r="AO34580">
        <v>31</v>
      </c>
      <c r="AP34580">
        <v>32</v>
      </c>
      <c r="AQ34580">
        <v>32</v>
      </c>
    </row>
    <row r="34581" spans="1:43">
      <c r="A34581" t="s">
        <v>21423</v>
      </c>
      <c r="B34581" t="s">
        <v>21424</v>
      </c>
      <c r="C34581" t="s">
        <v>21425</v>
      </c>
      <c r="D34581" t="s">
        <v>21426</v>
      </c>
      <c r="E34581" t="s">
        <v>21317</v>
      </c>
      <c r="F34581" t="s">
        <v>21318</v>
      </c>
      <c r="G34581" t="s">
        <v>20255</v>
      </c>
      <c r="H34581" t="s">
        <v>20256</v>
      </c>
      <c r="I34581" s="2">
        <v>1</v>
      </c>
      <c r="J34581" s="2">
        <v>0</v>
      </c>
      <c r="K34581" s="2">
        <v>0</v>
      </c>
      <c r="L34581" t="s">
        <v>120</v>
      </c>
      <c r="M34581" t="s">
        <v>83</v>
      </c>
      <c r="N34581" t="s">
        <v>91</v>
      </c>
      <c r="O34581" t="s">
        <v>85</v>
      </c>
      <c r="P34581" t="s">
        <v>86</v>
      </c>
      <c r="Q34581">
        <v>16</v>
      </c>
      <c r="R34581">
        <v>16</v>
      </c>
      <c r="S34581">
        <v>17</v>
      </c>
      <c r="T34581">
        <v>17</v>
      </c>
      <c r="U34581">
        <v>18</v>
      </c>
      <c r="V34581">
        <v>19</v>
      </c>
      <c r="W34581">
        <v>19</v>
      </c>
      <c r="X34581">
        <v>20</v>
      </c>
      <c r="Y34581">
        <v>20</v>
      </c>
      <c r="Z34581">
        <v>21</v>
      </c>
      <c r="AA34581">
        <v>22</v>
      </c>
      <c r="AB34581">
        <v>22</v>
      </c>
      <c r="AC34581">
        <v>23</v>
      </c>
      <c r="AD34581">
        <v>24</v>
      </c>
      <c r="AE34581">
        <v>24</v>
      </c>
      <c r="AF34581">
        <v>25</v>
      </c>
      <c r="AG34581">
        <v>26</v>
      </c>
      <c r="AH34581">
        <v>26</v>
      </c>
      <c r="AI34581">
        <v>27</v>
      </c>
      <c r="AJ34581">
        <v>28</v>
      </c>
      <c r="AK34581">
        <v>29</v>
      </c>
      <c r="AL34581">
        <v>29</v>
      </c>
      <c r="AM34581">
        <v>30</v>
      </c>
      <c r="AN34581">
        <v>30</v>
      </c>
      <c r="AO34581">
        <v>31</v>
      </c>
      <c r="AP34581">
        <v>31</v>
      </c>
      <c r="AQ34581">
        <v>32</v>
      </c>
    </row>
    <row r="34582" spans="1:43">
      <c r="A34582" t="s">
        <v>21427</v>
      </c>
      <c r="B34582" t="s">
        <v>21428</v>
      </c>
      <c r="C34582" t="s">
        <v>21425</v>
      </c>
      <c r="D34582" t="s">
        <v>21426</v>
      </c>
      <c r="E34582" t="s">
        <v>21317</v>
      </c>
      <c r="F34582" t="s">
        <v>21318</v>
      </c>
      <c r="G34582" t="s">
        <v>20255</v>
      </c>
      <c r="H34582" t="s">
        <v>20256</v>
      </c>
      <c r="I34582" s="2">
        <v>1</v>
      </c>
      <c r="J34582" s="2">
        <v>0</v>
      </c>
      <c r="K34582" s="2">
        <v>0</v>
      </c>
      <c r="L34582" t="s">
        <v>120</v>
      </c>
      <c r="M34582" t="s">
        <v>83</v>
      </c>
      <c r="N34582" t="s">
        <v>84</v>
      </c>
      <c r="O34582" t="s">
        <v>85</v>
      </c>
      <c r="P34582" t="s">
        <v>86</v>
      </c>
      <c r="Q34582">
        <v>35</v>
      </c>
      <c r="R34582">
        <v>37</v>
      </c>
      <c r="S34582">
        <v>38</v>
      </c>
      <c r="T34582">
        <v>39</v>
      </c>
      <c r="U34582">
        <v>40</v>
      </c>
      <c r="V34582">
        <v>42</v>
      </c>
      <c r="W34582">
        <v>43</v>
      </c>
      <c r="X34582">
        <v>44</v>
      </c>
      <c r="Y34582">
        <v>46</v>
      </c>
      <c r="Z34582">
        <v>47</v>
      </c>
      <c r="AA34582">
        <v>48</v>
      </c>
      <c r="AB34582">
        <v>50</v>
      </c>
      <c r="AC34582">
        <v>51</v>
      </c>
      <c r="AD34582">
        <v>53</v>
      </c>
      <c r="AE34582">
        <v>54</v>
      </c>
      <c r="AF34582">
        <v>56</v>
      </c>
      <c r="AG34582">
        <v>57</v>
      </c>
      <c r="AH34582">
        <v>59</v>
      </c>
      <c r="AI34582">
        <v>61</v>
      </c>
      <c r="AJ34582">
        <v>62</v>
      </c>
      <c r="AK34582">
        <v>64</v>
      </c>
      <c r="AL34582">
        <v>65</v>
      </c>
      <c r="AM34582">
        <v>67</v>
      </c>
      <c r="AN34582">
        <v>68</v>
      </c>
      <c r="AO34582">
        <v>69</v>
      </c>
      <c r="AP34582">
        <v>70</v>
      </c>
      <c r="AQ34582">
        <v>71</v>
      </c>
    </row>
    <row r="34583" spans="1:43">
      <c r="A34583" t="s">
        <v>21427</v>
      </c>
      <c r="B34583" t="s">
        <v>21428</v>
      </c>
      <c r="C34583" t="s">
        <v>21425</v>
      </c>
      <c r="D34583" t="s">
        <v>21426</v>
      </c>
      <c r="E34583" t="s">
        <v>21317</v>
      </c>
      <c r="F34583" t="s">
        <v>21318</v>
      </c>
      <c r="G34583" t="s">
        <v>20255</v>
      </c>
      <c r="H34583" t="s">
        <v>20256</v>
      </c>
      <c r="I34583" s="2">
        <v>1</v>
      </c>
      <c r="J34583" s="2">
        <v>0</v>
      </c>
      <c r="K34583" s="2">
        <v>0</v>
      </c>
      <c r="L34583" t="s">
        <v>120</v>
      </c>
      <c r="M34583" t="s">
        <v>87</v>
      </c>
      <c r="N34583" t="s">
        <v>88</v>
      </c>
      <c r="O34583" t="s">
        <v>85</v>
      </c>
      <c r="P34583" t="s">
        <v>86</v>
      </c>
      <c r="Q34583">
        <v>35</v>
      </c>
      <c r="R34583">
        <v>36</v>
      </c>
      <c r="S34583">
        <v>37</v>
      </c>
      <c r="T34583">
        <v>38</v>
      </c>
      <c r="U34583">
        <v>39</v>
      </c>
      <c r="V34583">
        <v>39</v>
      </c>
      <c r="W34583">
        <v>40</v>
      </c>
      <c r="X34583">
        <v>41</v>
      </c>
      <c r="Y34583">
        <v>42</v>
      </c>
      <c r="Z34583">
        <v>43</v>
      </c>
      <c r="AA34583">
        <v>44</v>
      </c>
      <c r="AB34583">
        <v>45</v>
      </c>
      <c r="AC34583">
        <v>46</v>
      </c>
      <c r="AD34583">
        <v>47</v>
      </c>
      <c r="AE34583">
        <v>48</v>
      </c>
      <c r="AF34583">
        <v>49</v>
      </c>
      <c r="AG34583">
        <v>50</v>
      </c>
      <c r="AH34583">
        <v>51</v>
      </c>
      <c r="AI34583">
        <v>53</v>
      </c>
      <c r="AJ34583">
        <v>54</v>
      </c>
      <c r="AK34583">
        <v>55</v>
      </c>
      <c r="AL34583">
        <v>56</v>
      </c>
      <c r="AM34583">
        <v>57</v>
      </c>
      <c r="AN34583">
        <v>58</v>
      </c>
      <c r="AO34583">
        <v>60</v>
      </c>
      <c r="AP34583">
        <v>61</v>
      </c>
      <c r="AQ34583">
        <v>62</v>
      </c>
    </row>
    <row r="34584" spans="1:43">
      <c r="A34584" t="s">
        <v>21427</v>
      </c>
      <c r="B34584" t="s">
        <v>21428</v>
      </c>
      <c r="C34584" t="s">
        <v>21425</v>
      </c>
      <c r="D34584" t="s">
        <v>21426</v>
      </c>
      <c r="E34584" t="s">
        <v>21317</v>
      </c>
      <c r="F34584" t="s">
        <v>21318</v>
      </c>
      <c r="G34584" t="s">
        <v>20255</v>
      </c>
      <c r="H34584" t="s">
        <v>20256</v>
      </c>
      <c r="I34584" s="2">
        <v>1</v>
      </c>
      <c r="J34584" s="2">
        <v>0</v>
      </c>
      <c r="K34584" s="2">
        <v>0</v>
      </c>
      <c r="L34584" t="s">
        <v>120</v>
      </c>
      <c r="M34584" t="s">
        <v>89</v>
      </c>
      <c r="N34584" t="s">
        <v>90</v>
      </c>
      <c r="O34584" t="s">
        <v>85</v>
      </c>
      <c r="P34584" t="s">
        <v>86</v>
      </c>
      <c r="Q34584">
        <v>35</v>
      </c>
      <c r="R34584">
        <v>36</v>
      </c>
      <c r="S34584">
        <v>38</v>
      </c>
      <c r="T34584">
        <v>39</v>
      </c>
      <c r="U34584">
        <v>41</v>
      </c>
      <c r="V34584">
        <v>42</v>
      </c>
      <c r="W34584">
        <v>44</v>
      </c>
      <c r="X34584">
        <v>46</v>
      </c>
      <c r="Y34584">
        <v>47</v>
      </c>
      <c r="Z34584">
        <v>49</v>
      </c>
      <c r="AA34584">
        <v>51</v>
      </c>
      <c r="AB34584">
        <v>52</v>
      </c>
      <c r="AC34584">
        <v>54</v>
      </c>
      <c r="AD34584">
        <v>56</v>
      </c>
      <c r="AE34584">
        <v>57</v>
      </c>
      <c r="AF34584">
        <v>58</v>
      </c>
      <c r="AG34584">
        <v>59</v>
      </c>
      <c r="AH34584">
        <v>60</v>
      </c>
      <c r="AI34584">
        <v>62</v>
      </c>
      <c r="AJ34584">
        <v>63</v>
      </c>
      <c r="AK34584">
        <v>64</v>
      </c>
      <c r="AL34584">
        <v>65</v>
      </c>
      <c r="AM34584">
        <v>66</v>
      </c>
      <c r="AN34584">
        <v>67</v>
      </c>
      <c r="AO34584">
        <v>69</v>
      </c>
      <c r="AP34584">
        <v>70</v>
      </c>
      <c r="AQ34584">
        <v>71</v>
      </c>
    </row>
    <row r="34585" spans="1:43">
      <c r="A34585" t="s">
        <v>21427</v>
      </c>
      <c r="B34585" t="s">
        <v>21428</v>
      </c>
      <c r="C34585" t="s">
        <v>21425</v>
      </c>
      <c r="D34585" t="s">
        <v>21426</v>
      </c>
      <c r="E34585" t="s">
        <v>21317</v>
      </c>
      <c r="F34585" t="s">
        <v>21318</v>
      </c>
      <c r="G34585" t="s">
        <v>20255</v>
      </c>
      <c r="H34585" t="s">
        <v>20256</v>
      </c>
      <c r="I34585" s="2">
        <v>1</v>
      </c>
      <c r="J34585" s="2">
        <v>0</v>
      </c>
      <c r="K34585" s="2">
        <v>0</v>
      </c>
      <c r="L34585" t="s">
        <v>120</v>
      </c>
      <c r="M34585" t="s">
        <v>83</v>
      </c>
      <c r="N34585" t="s">
        <v>91</v>
      </c>
      <c r="O34585" t="s">
        <v>85</v>
      </c>
      <c r="P34585" t="s">
        <v>86</v>
      </c>
      <c r="Q34585">
        <v>35</v>
      </c>
      <c r="R34585">
        <v>37</v>
      </c>
      <c r="S34585">
        <v>38</v>
      </c>
      <c r="T34585">
        <v>39</v>
      </c>
      <c r="U34585">
        <v>40</v>
      </c>
      <c r="V34585">
        <v>42</v>
      </c>
      <c r="W34585">
        <v>43</v>
      </c>
      <c r="X34585">
        <v>44</v>
      </c>
      <c r="Y34585">
        <v>46</v>
      </c>
      <c r="Z34585">
        <v>47</v>
      </c>
      <c r="AA34585">
        <v>48</v>
      </c>
      <c r="AB34585">
        <v>50</v>
      </c>
      <c r="AC34585">
        <v>51</v>
      </c>
      <c r="AD34585">
        <v>53</v>
      </c>
      <c r="AE34585">
        <v>54</v>
      </c>
      <c r="AF34585">
        <v>56</v>
      </c>
      <c r="AG34585">
        <v>57</v>
      </c>
      <c r="AH34585">
        <v>59</v>
      </c>
      <c r="AI34585">
        <v>61</v>
      </c>
      <c r="AJ34585">
        <v>62</v>
      </c>
      <c r="AK34585">
        <v>64</v>
      </c>
      <c r="AL34585">
        <v>65</v>
      </c>
      <c r="AM34585">
        <v>67</v>
      </c>
      <c r="AN34585">
        <v>68</v>
      </c>
      <c r="AO34585">
        <v>69</v>
      </c>
      <c r="AP34585">
        <v>70</v>
      </c>
      <c r="AQ34585">
        <v>71</v>
      </c>
    </row>
    <row r="34586" spans="1:43">
      <c r="A34586" t="s">
        <v>21429</v>
      </c>
      <c r="B34586" t="s">
        <v>21430</v>
      </c>
      <c r="C34586" t="s">
        <v>21425</v>
      </c>
      <c r="D34586" t="s">
        <v>21426</v>
      </c>
      <c r="E34586" t="s">
        <v>21317</v>
      </c>
      <c r="F34586" t="s">
        <v>21318</v>
      </c>
      <c r="G34586" t="s">
        <v>20255</v>
      </c>
      <c r="H34586" t="s">
        <v>20256</v>
      </c>
      <c r="I34586" s="2">
        <v>1</v>
      </c>
      <c r="J34586" s="2">
        <v>0</v>
      </c>
      <c r="K34586" s="2">
        <v>0</v>
      </c>
      <c r="L34586" t="s">
        <v>120</v>
      </c>
      <c r="M34586" t="s">
        <v>83</v>
      </c>
      <c r="N34586" t="s">
        <v>84</v>
      </c>
      <c r="O34586" t="s">
        <v>85</v>
      </c>
      <c r="P34586" t="s">
        <v>86</v>
      </c>
      <c r="Q34586">
        <v>19</v>
      </c>
      <c r="R34586">
        <v>20</v>
      </c>
      <c r="S34586">
        <v>20</v>
      </c>
      <c r="T34586">
        <v>21</v>
      </c>
      <c r="U34586">
        <v>22</v>
      </c>
      <c r="V34586">
        <v>22</v>
      </c>
      <c r="W34586">
        <v>23</v>
      </c>
      <c r="X34586">
        <v>24</v>
      </c>
      <c r="Y34586">
        <v>25</v>
      </c>
      <c r="Z34586">
        <v>25</v>
      </c>
      <c r="AA34586">
        <v>26</v>
      </c>
      <c r="AB34586">
        <v>27</v>
      </c>
      <c r="AC34586">
        <v>28</v>
      </c>
      <c r="AD34586">
        <v>29</v>
      </c>
      <c r="AE34586">
        <v>29</v>
      </c>
      <c r="AF34586">
        <v>30</v>
      </c>
      <c r="AG34586">
        <v>31</v>
      </c>
      <c r="AH34586">
        <v>32</v>
      </c>
      <c r="AI34586">
        <v>33</v>
      </c>
      <c r="AJ34586">
        <v>34</v>
      </c>
      <c r="AK34586">
        <v>35</v>
      </c>
      <c r="AL34586">
        <v>35</v>
      </c>
      <c r="AM34586">
        <v>36</v>
      </c>
      <c r="AN34586">
        <v>37</v>
      </c>
      <c r="AO34586">
        <v>37</v>
      </c>
      <c r="AP34586">
        <v>38</v>
      </c>
      <c r="AQ34586">
        <v>39</v>
      </c>
    </row>
    <row r="34587" spans="1:43">
      <c r="A34587" t="s">
        <v>21429</v>
      </c>
      <c r="B34587" t="s">
        <v>21430</v>
      </c>
      <c r="C34587" t="s">
        <v>21425</v>
      </c>
      <c r="D34587" t="s">
        <v>21426</v>
      </c>
      <c r="E34587" t="s">
        <v>21317</v>
      </c>
      <c r="F34587" t="s">
        <v>21318</v>
      </c>
      <c r="G34587" t="s">
        <v>20255</v>
      </c>
      <c r="H34587" t="s">
        <v>20256</v>
      </c>
      <c r="I34587" s="2">
        <v>1</v>
      </c>
      <c r="J34587" s="2">
        <v>0</v>
      </c>
      <c r="K34587" s="2">
        <v>0</v>
      </c>
      <c r="L34587" t="s">
        <v>120</v>
      </c>
      <c r="M34587" t="s">
        <v>87</v>
      </c>
      <c r="N34587" t="s">
        <v>88</v>
      </c>
      <c r="O34587" t="s">
        <v>85</v>
      </c>
      <c r="P34587" t="s">
        <v>86</v>
      </c>
      <c r="Q34587">
        <v>19</v>
      </c>
      <c r="R34587">
        <v>19</v>
      </c>
      <c r="S34587">
        <v>20</v>
      </c>
      <c r="T34587">
        <v>20</v>
      </c>
      <c r="U34587">
        <v>21</v>
      </c>
      <c r="V34587">
        <v>21</v>
      </c>
      <c r="W34587">
        <v>22</v>
      </c>
      <c r="X34587">
        <v>22</v>
      </c>
      <c r="Y34587">
        <v>23</v>
      </c>
      <c r="Z34587">
        <v>23</v>
      </c>
      <c r="AA34587">
        <v>24</v>
      </c>
      <c r="AB34587">
        <v>24</v>
      </c>
      <c r="AC34587">
        <v>25</v>
      </c>
      <c r="AD34587">
        <v>26</v>
      </c>
      <c r="AE34587">
        <v>26</v>
      </c>
      <c r="AF34587">
        <v>27</v>
      </c>
      <c r="AG34587">
        <v>27</v>
      </c>
      <c r="AH34587">
        <v>28</v>
      </c>
      <c r="AI34587">
        <v>28</v>
      </c>
      <c r="AJ34587">
        <v>29</v>
      </c>
      <c r="AK34587">
        <v>30</v>
      </c>
      <c r="AL34587">
        <v>30</v>
      </c>
      <c r="AM34587">
        <v>31</v>
      </c>
      <c r="AN34587">
        <v>32</v>
      </c>
      <c r="AO34587">
        <v>32</v>
      </c>
      <c r="AP34587">
        <v>33</v>
      </c>
      <c r="AQ34587">
        <v>34</v>
      </c>
    </row>
    <row r="34588" spans="1:43">
      <c r="A34588" t="s">
        <v>21429</v>
      </c>
      <c r="B34588" t="s">
        <v>21430</v>
      </c>
      <c r="C34588" t="s">
        <v>21425</v>
      </c>
      <c r="D34588" t="s">
        <v>21426</v>
      </c>
      <c r="E34588" t="s">
        <v>21317</v>
      </c>
      <c r="F34588" t="s">
        <v>21318</v>
      </c>
      <c r="G34588" t="s">
        <v>20255</v>
      </c>
      <c r="H34588" t="s">
        <v>20256</v>
      </c>
      <c r="I34588" s="2">
        <v>1</v>
      </c>
      <c r="J34588" s="2">
        <v>0</v>
      </c>
      <c r="K34588" s="2">
        <v>0</v>
      </c>
      <c r="L34588" t="s">
        <v>120</v>
      </c>
      <c r="M34588" t="s">
        <v>89</v>
      </c>
      <c r="N34588" t="s">
        <v>90</v>
      </c>
      <c r="O34588" t="s">
        <v>85</v>
      </c>
      <c r="P34588" t="s">
        <v>86</v>
      </c>
      <c r="Q34588">
        <v>19</v>
      </c>
      <c r="R34588">
        <v>20</v>
      </c>
      <c r="S34588">
        <v>21</v>
      </c>
      <c r="T34588">
        <v>22</v>
      </c>
      <c r="U34588">
        <v>23</v>
      </c>
      <c r="V34588">
        <v>23</v>
      </c>
      <c r="W34588">
        <v>24</v>
      </c>
      <c r="X34588">
        <v>25</v>
      </c>
      <c r="Y34588">
        <v>26</v>
      </c>
      <c r="Z34588">
        <v>27</v>
      </c>
      <c r="AA34588">
        <v>28</v>
      </c>
      <c r="AB34588">
        <v>29</v>
      </c>
      <c r="AC34588">
        <v>30</v>
      </c>
      <c r="AD34588">
        <v>31</v>
      </c>
      <c r="AE34588">
        <v>31</v>
      </c>
      <c r="AF34588">
        <v>32</v>
      </c>
      <c r="AG34588">
        <v>33</v>
      </c>
      <c r="AH34588">
        <v>33</v>
      </c>
      <c r="AI34588">
        <v>34</v>
      </c>
      <c r="AJ34588">
        <v>34</v>
      </c>
      <c r="AK34588">
        <v>35</v>
      </c>
      <c r="AL34588">
        <v>36</v>
      </c>
      <c r="AM34588">
        <v>36</v>
      </c>
      <c r="AN34588">
        <v>37</v>
      </c>
      <c r="AO34588">
        <v>38</v>
      </c>
      <c r="AP34588">
        <v>38</v>
      </c>
      <c r="AQ34588">
        <v>39</v>
      </c>
    </row>
    <row r="34589" spans="1:43">
      <c r="A34589" t="s">
        <v>21429</v>
      </c>
      <c r="B34589" t="s">
        <v>21430</v>
      </c>
      <c r="C34589" t="s">
        <v>21425</v>
      </c>
      <c r="D34589" t="s">
        <v>21426</v>
      </c>
      <c r="E34589" t="s">
        <v>21317</v>
      </c>
      <c r="F34589" t="s">
        <v>21318</v>
      </c>
      <c r="G34589" t="s">
        <v>20255</v>
      </c>
      <c r="H34589" t="s">
        <v>20256</v>
      </c>
      <c r="I34589" s="2">
        <v>1</v>
      </c>
      <c r="J34589" s="2">
        <v>0</v>
      </c>
      <c r="K34589" s="2">
        <v>0</v>
      </c>
      <c r="L34589" t="s">
        <v>120</v>
      </c>
      <c r="M34589" t="s">
        <v>83</v>
      </c>
      <c r="N34589" t="s">
        <v>91</v>
      </c>
      <c r="O34589" t="s">
        <v>85</v>
      </c>
      <c r="P34589" t="s">
        <v>86</v>
      </c>
      <c r="Q34589">
        <v>19</v>
      </c>
      <c r="R34589">
        <v>20</v>
      </c>
      <c r="S34589">
        <v>20</v>
      </c>
      <c r="T34589">
        <v>21</v>
      </c>
      <c r="U34589">
        <v>22</v>
      </c>
      <c r="V34589">
        <v>22</v>
      </c>
      <c r="W34589">
        <v>23</v>
      </c>
      <c r="X34589">
        <v>24</v>
      </c>
      <c r="Y34589">
        <v>25</v>
      </c>
      <c r="Z34589">
        <v>25</v>
      </c>
      <c r="AA34589">
        <v>26</v>
      </c>
      <c r="AB34589">
        <v>27</v>
      </c>
      <c r="AC34589">
        <v>28</v>
      </c>
      <c r="AD34589">
        <v>29</v>
      </c>
      <c r="AE34589">
        <v>29</v>
      </c>
      <c r="AF34589">
        <v>30</v>
      </c>
      <c r="AG34589">
        <v>31</v>
      </c>
      <c r="AH34589">
        <v>32</v>
      </c>
      <c r="AI34589">
        <v>33</v>
      </c>
      <c r="AJ34589">
        <v>34</v>
      </c>
      <c r="AK34589">
        <v>35</v>
      </c>
      <c r="AL34589">
        <v>35</v>
      </c>
      <c r="AM34589">
        <v>36</v>
      </c>
      <c r="AN34589">
        <v>37</v>
      </c>
      <c r="AO34589">
        <v>37</v>
      </c>
      <c r="AP34589">
        <v>38</v>
      </c>
      <c r="AQ34589">
        <v>39</v>
      </c>
    </row>
    <row r="34590" spans="1:43">
      <c r="A34590" t="s">
        <v>21431</v>
      </c>
      <c r="B34590" t="s">
        <v>21432</v>
      </c>
      <c r="C34590" t="s">
        <v>21433</v>
      </c>
      <c r="D34590" t="s">
        <v>21434</v>
      </c>
      <c r="E34590" t="s">
        <v>21317</v>
      </c>
      <c r="F34590" t="s">
        <v>21318</v>
      </c>
      <c r="G34590" t="s">
        <v>20255</v>
      </c>
      <c r="H34590" t="s">
        <v>20256</v>
      </c>
      <c r="I34590" s="2">
        <v>1</v>
      </c>
      <c r="J34590" s="2">
        <v>0</v>
      </c>
      <c r="K34590" s="2">
        <v>0</v>
      </c>
      <c r="L34590" t="s">
        <v>120</v>
      </c>
      <c r="M34590" t="s">
        <v>83</v>
      </c>
      <c r="N34590" t="s">
        <v>84</v>
      </c>
      <c r="O34590" t="s">
        <v>85</v>
      </c>
      <c r="P34590" t="s">
        <v>86</v>
      </c>
      <c r="Q34590">
        <v>13</v>
      </c>
      <c r="R34590">
        <v>14</v>
      </c>
      <c r="S34590">
        <v>14</v>
      </c>
      <c r="T34590">
        <v>15</v>
      </c>
      <c r="U34590">
        <v>15</v>
      </c>
      <c r="V34590">
        <v>16</v>
      </c>
      <c r="W34590">
        <v>16</v>
      </c>
      <c r="X34590">
        <v>17</v>
      </c>
      <c r="Y34590">
        <v>17</v>
      </c>
      <c r="Z34590">
        <v>18</v>
      </c>
      <c r="AA34590">
        <v>18</v>
      </c>
      <c r="AB34590">
        <v>19</v>
      </c>
      <c r="AC34590">
        <v>19</v>
      </c>
      <c r="AD34590">
        <v>20</v>
      </c>
      <c r="AE34590">
        <v>20</v>
      </c>
      <c r="AF34590">
        <v>21</v>
      </c>
      <c r="AG34590">
        <v>21</v>
      </c>
      <c r="AH34590">
        <v>22</v>
      </c>
      <c r="AI34590">
        <v>23</v>
      </c>
      <c r="AJ34590">
        <v>23</v>
      </c>
      <c r="AK34590">
        <v>24</v>
      </c>
      <c r="AL34590">
        <v>24</v>
      </c>
      <c r="AM34590">
        <v>25</v>
      </c>
      <c r="AN34590">
        <v>25</v>
      </c>
      <c r="AO34590">
        <v>26</v>
      </c>
      <c r="AP34590">
        <v>26</v>
      </c>
      <c r="AQ34590">
        <v>27</v>
      </c>
    </row>
    <row r="34591" spans="1:43">
      <c r="A34591" t="s">
        <v>21431</v>
      </c>
      <c r="B34591" t="s">
        <v>21432</v>
      </c>
      <c r="C34591" t="s">
        <v>21433</v>
      </c>
      <c r="D34591" t="s">
        <v>21434</v>
      </c>
      <c r="E34591" t="s">
        <v>21317</v>
      </c>
      <c r="F34591" t="s">
        <v>21318</v>
      </c>
      <c r="G34591" t="s">
        <v>20255</v>
      </c>
      <c r="H34591" t="s">
        <v>20256</v>
      </c>
      <c r="I34591" s="2">
        <v>1</v>
      </c>
      <c r="J34591" s="2">
        <v>0</v>
      </c>
      <c r="K34591" s="2">
        <v>0</v>
      </c>
      <c r="L34591" t="s">
        <v>120</v>
      </c>
      <c r="M34591" t="s">
        <v>87</v>
      </c>
      <c r="N34591" t="s">
        <v>88</v>
      </c>
      <c r="O34591" t="s">
        <v>85</v>
      </c>
      <c r="P34591" t="s">
        <v>86</v>
      </c>
      <c r="Q34591">
        <v>13</v>
      </c>
      <c r="R34591">
        <v>13</v>
      </c>
      <c r="S34591">
        <v>14</v>
      </c>
      <c r="T34591">
        <v>14</v>
      </c>
      <c r="U34591">
        <v>14</v>
      </c>
      <c r="V34591">
        <v>15</v>
      </c>
      <c r="W34591">
        <v>15</v>
      </c>
      <c r="X34591">
        <v>15</v>
      </c>
      <c r="Y34591">
        <v>16</v>
      </c>
      <c r="Z34591">
        <v>16</v>
      </c>
      <c r="AA34591">
        <v>16</v>
      </c>
      <c r="AB34591">
        <v>17</v>
      </c>
      <c r="AC34591">
        <v>17</v>
      </c>
      <c r="AD34591">
        <v>18</v>
      </c>
      <c r="AE34591">
        <v>18</v>
      </c>
      <c r="AF34591">
        <v>18</v>
      </c>
      <c r="AG34591">
        <v>19</v>
      </c>
      <c r="AH34591">
        <v>19</v>
      </c>
      <c r="AI34591">
        <v>20</v>
      </c>
      <c r="AJ34591">
        <v>20</v>
      </c>
      <c r="AK34591">
        <v>20</v>
      </c>
      <c r="AL34591">
        <v>21</v>
      </c>
      <c r="AM34591">
        <v>21</v>
      </c>
      <c r="AN34591">
        <v>22</v>
      </c>
      <c r="AO34591">
        <v>22</v>
      </c>
      <c r="AP34591">
        <v>23</v>
      </c>
      <c r="AQ34591">
        <v>23</v>
      </c>
    </row>
    <row r="34592" spans="1:43">
      <c r="A34592" t="s">
        <v>21431</v>
      </c>
      <c r="B34592" t="s">
        <v>21432</v>
      </c>
      <c r="C34592" t="s">
        <v>21433</v>
      </c>
      <c r="D34592" t="s">
        <v>21434</v>
      </c>
      <c r="E34592" t="s">
        <v>21317</v>
      </c>
      <c r="F34592" t="s">
        <v>21318</v>
      </c>
      <c r="G34592" t="s">
        <v>20255</v>
      </c>
      <c r="H34592" t="s">
        <v>20256</v>
      </c>
      <c r="I34592" s="2">
        <v>1</v>
      </c>
      <c r="J34592" s="2">
        <v>0</v>
      </c>
      <c r="K34592" s="2">
        <v>0</v>
      </c>
      <c r="L34592" t="s">
        <v>120</v>
      </c>
      <c r="M34592" t="s">
        <v>89</v>
      </c>
      <c r="N34592" t="s">
        <v>90</v>
      </c>
      <c r="O34592" t="s">
        <v>85</v>
      </c>
      <c r="P34592" t="s">
        <v>86</v>
      </c>
      <c r="Q34592">
        <v>13</v>
      </c>
      <c r="R34592">
        <v>14</v>
      </c>
      <c r="S34592">
        <v>14</v>
      </c>
      <c r="T34592">
        <v>15</v>
      </c>
      <c r="U34592">
        <v>16</v>
      </c>
      <c r="V34592">
        <v>16</v>
      </c>
      <c r="W34592">
        <v>17</v>
      </c>
      <c r="X34592">
        <v>17</v>
      </c>
      <c r="Y34592">
        <v>18</v>
      </c>
      <c r="Z34592">
        <v>19</v>
      </c>
      <c r="AA34592">
        <v>19</v>
      </c>
      <c r="AB34592">
        <v>20</v>
      </c>
      <c r="AC34592">
        <v>20</v>
      </c>
      <c r="AD34592">
        <v>21</v>
      </c>
      <c r="AE34592">
        <v>22</v>
      </c>
      <c r="AF34592">
        <v>22</v>
      </c>
      <c r="AG34592">
        <v>22</v>
      </c>
      <c r="AH34592">
        <v>23</v>
      </c>
      <c r="AI34592">
        <v>23</v>
      </c>
      <c r="AJ34592">
        <v>24</v>
      </c>
      <c r="AK34592">
        <v>24</v>
      </c>
      <c r="AL34592">
        <v>25</v>
      </c>
      <c r="AM34592">
        <v>25</v>
      </c>
      <c r="AN34592">
        <v>26</v>
      </c>
      <c r="AO34592">
        <v>26</v>
      </c>
      <c r="AP34592">
        <v>26</v>
      </c>
      <c r="AQ34592">
        <v>27</v>
      </c>
    </row>
    <row r="34593" spans="1:43">
      <c r="A34593" t="s">
        <v>21431</v>
      </c>
      <c r="B34593" t="s">
        <v>21432</v>
      </c>
      <c r="C34593" t="s">
        <v>21433</v>
      </c>
      <c r="D34593" t="s">
        <v>21434</v>
      </c>
      <c r="E34593" t="s">
        <v>21317</v>
      </c>
      <c r="F34593" t="s">
        <v>21318</v>
      </c>
      <c r="G34593" t="s">
        <v>20255</v>
      </c>
      <c r="H34593" t="s">
        <v>20256</v>
      </c>
      <c r="I34593" s="2">
        <v>1</v>
      </c>
      <c r="J34593" s="2">
        <v>0</v>
      </c>
      <c r="K34593" s="2">
        <v>0</v>
      </c>
      <c r="L34593" t="s">
        <v>120</v>
      </c>
      <c r="M34593" t="s">
        <v>83</v>
      </c>
      <c r="N34593" t="s">
        <v>91</v>
      </c>
      <c r="O34593" t="s">
        <v>85</v>
      </c>
      <c r="P34593" t="s">
        <v>86</v>
      </c>
      <c r="Q34593">
        <v>13</v>
      </c>
      <c r="R34593">
        <v>14</v>
      </c>
      <c r="S34593">
        <v>14</v>
      </c>
      <c r="T34593">
        <v>15</v>
      </c>
      <c r="U34593">
        <v>15</v>
      </c>
      <c r="V34593">
        <v>16</v>
      </c>
      <c r="W34593">
        <v>16</v>
      </c>
      <c r="X34593">
        <v>17</v>
      </c>
      <c r="Y34593">
        <v>17</v>
      </c>
      <c r="Z34593">
        <v>18</v>
      </c>
      <c r="AA34593">
        <v>18</v>
      </c>
      <c r="AB34593">
        <v>19</v>
      </c>
      <c r="AC34593">
        <v>19</v>
      </c>
      <c r="AD34593">
        <v>20</v>
      </c>
      <c r="AE34593">
        <v>20</v>
      </c>
      <c r="AF34593">
        <v>21</v>
      </c>
      <c r="AG34593">
        <v>21</v>
      </c>
      <c r="AH34593">
        <v>22</v>
      </c>
      <c r="AI34593">
        <v>23</v>
      </c>
      <c r="AJ34593">
        <v>23</v>
      </c>
      <c r="AK34593">
        <v>24</v>
      </c>
      <c r="AL34593">
        <v>24</v>
      </c>
      <c r="AM34593">
        <v>25</v>
      </c>
      <c r="AN34593">
        <v>25</v>
      </c>
      <c r="AO34593">
        <v>26</v>
      </c>
      <c r="AP34593">
        <v>26</v>
      </c>
      <c r="AQ34593">
        <v>27</v>
      </c>
    </row>
    <row r="34594" spans="1:43">
      <c r="A34594" t="s">
        <v>21435</v>
      </c>
      <c r="B34594" t="s">
        <v>21436</v>
      </c>
      <c r="C34594" t="s">
        <v>21433</v>
      </c>
      <c r="D34594" t="s">
        <v>21434</v>
      </c>
      <c r="E34594" t="s">
        <v>21317</v>
      </c>
      <c r="F34594" t="s">
        <v>21318</v>
      </c>
      <c r="G34594" t="s">
        <v>20255</v>
      </c>
      <c r="H34594" t="s">
        <v>20256</v>
      </c>
      <c r="I34594" s="2">
        <v>1</v>
      </c>
      <c r="J34594" s="2">
        <v>0</v>
      </c>
      <c r="K34594" s="2">
        <v>0</v>
      </c>
      <c r="L34594" t="s">
        <v>120</v>
      </c>
      <c r="M34594" t="s">
        <v>83</v>
      </c>
      <c r="N34594" t="s">
        <v>84</v>
      </c>
      <c r="O34594" t="s">
        <v>85</v>
      </c>
      <c r="P34594" t="s">
        <v>86</v>
      </c>
      <c r="Q34594">
        <v>14</v>
      </c>
      <c r="R34594">
        <v>15</v>
      </c>
      <c r="S34594">
        <v>15</v>
      </c>
      <c r="T34594">
        <v>16</v>
      </c>
      <c r="U34594">
        <v>16</v>
      </c>
      <c r="V34594">
        <v>17</v>
      </c>
      <c r="W34594">
        <v>17</v>
      </c>
      <c r="X34594">
        <v>18</v>
      </c>
      <c r="Y34594">
        <v>18</v>
      </c>
      <c r="Z34594">
        <v>19</v>
      </c>
      <c r="AA34594">
        <v>20</v>
      </c>
      <c r="AB34594">
        <v>20</v>
      </c>
      <c r="AC34594">
        <v>21</v>
      </c>
      <c r="AD34594">
        <v>21</v>
      </c>
      <c r="AE34594">
        <v>22</v>
      </c>
      <c r="AF34594">
        <v>23</v>
      </c>
      <c r="AG34594">
        <v>23</v>
      </c>
      <c r="AH34594">
        <v>24</v>
      </c>
      <c r="AI34594">
        <v>25</v>
      </c>
      <c r="AJ34594">
        <v>25</v>
      </c>
      <c r="AK34594">
        <v>26</v>
      </c>
      <c r="AL34594">
        <v>26</v>
      </c>
      <c r="AM34594">
        <v>27</v>
      </c>
      <c r="AN34594">
        <v>27</v>
      </c>
      <c r="AO34594">
        <v>28</v>
      </c>
      <c r="AP34594">
        <v>28</v>
      </c>
      <c r="AQ34594">
        <v>29</v>
      </c>
    </row>
    <row r="34595" spans="1:43">
      <c r="A34595" t="s">
        <v>21435</v>
      </c>
      <c r="B34595" t="s">
        <v>21436</v>
      </c>
      <c r="C34595" t="s">
        <v>21433</v>
      </c>
      <c r="D34595" t="s">
        <v>21434</v>
      </c>
      <c r="E34595" t="s">
        <v>21317</v>
      </c>
      <c r="F34595" t="s">
        <v>21318</v>
      </c>
      <c r="G34595" t="s">
        <v>20255</v>
      </c>
      <c r="H34595" t="s">
        <v>20256</v>
      </c>
      <c r="I34595" s="2">
        <v>1</v>
      </c>
      <c r="J34595" s="2">
        <v>0</v>
      </c>
      <c r="K34595" s="2">
        <v>0</v>
      </c>
      <c r="L34595" t="s">
        <v>120</v>
      </c>
      <c r="M34595" t="s">
        <v>87</v>
      </c>
      <c r="N34595" t="s">
        <v>88</v>
      </c>
      <c r="O34595" t="s">
        <v>85</v>
      </c>
      <c r="P34595" t="s">
        <v>86</v>
      </c>
      <c r="Q34595">
        <v>14</v>
      </c>
      <c r="R34595">
        <v>15</v>
      </c>
      <c r="S34595">
        <v>15</v>
      </c>
      <c r="T34595">
        <v>15</v>
      </c>
      <c r="U34595">
        <v>16</v>
      </c>
      <c r="V34595">
        <v>16</v>
      </c>
      <c r="W34595">
        <v>16</v>
      </c>
      <c r="X34595">
        <v>17</v>
      </c>
      <c r="Y34595">
        <v>17</v>
      </c>
      <c r="Z34595">
        <v>17</v>
      </c>
      <c r="AA34595">
        <v>18</v>
      </c>
      <c r="AB34595">
        <v>18</v>
      </c>
      <c r="AC34595">
        <v>19</v>
      </c>
      <c r="AD34595">
        <v>19</v>
      </c>
      <c r="AE34595">
        <v>20</v>
      </c>
      <c r="AF34595">
        <v>20</v>
      </c>
      <c r="AG34595">
        <v>20</v>
      </c>
      <c r="AH34595">
        <v>21</v>
      </c>
      <c r="AI34595">
        <v>21</v>
      </c>
      <c r="AJ34595">
        <v>22</v>
      </c>
      <c r="AK34595">
        <v>22</v>
      </c>
      <c r="AL34595">
        <v>23</v>
      </c>
      <c r="AM34595">
        <v>23</v>
      </c>
      <c r="AN34595">
        <v>24</v>
      </c>
      <c r="AO34595">
        <v>24</v>
      </c>
      <c r="AP34595">
        <v>25</v>
      </c>
      <c r="AQ34595">
        <v>25</v>
      </c>
    </row>
    <row r="34596" spans="1:43">
      <c r="A34596" t="s">
        <v>21435</v>
      </c>
      <c r="B34596" t="s">
        <v>21436</v>
      </c>
      <c r="C34596" t="s">
        <v>21433</v>
      </c>
      <c r="D34596" t="s">
        <v>21434</v>
      </c>
      <c r="E34596" t="s">
        <v>21317</v>
      </c>
      <c r="F34596" t="s">
        <v>21318</v>
      </c>
      <c r="G34596" t="s">
        <v>20255</v>
      </c>
      <c r="H34596" t="s">
        <v>20256</v>
      </c>
      <c r="I34596" s="2">
        <v>1</v>
      </c>
      <c r="J34596" s="2">
        <v>0</v>
      </c>
      <c r="K34596" s="2">
        <v>0</v>
      </c>
      <c r="L34596" t="s">
        <v>120</v>
      </c>
      <c r="M34596" t="s">
        <v>89</v>
      </c>
      <c r="N34596" t="s">
        <v>90</v>
      </c>
      <c r="O34596" t="s">
        <v>85</v>
      </c>
      <c r="P34596" t="s">
        <v>86</v>
      </c>
      <c r="Q34596">
        <v>14</v>
      </c>
      <c r="R34596">
        <v>15</v>
      </c>
      <c r="S34596">
        <v>16</v>
      </c>
      <c r="T34596">
        <v>16</v>
      </c>
      <c r="U34596">
        <v>17</v>
      </c>
      <c r="V34596">
        <v>18</v>
      </c>
      <c r="W34596">
        <v>18</v>
      </c>
      <c r="X34596">
        <v>19</v>
      </c>
      <c r="Y34596">
        <v>19</v>
      </c>
      <c r="Z34596">
        <v>20</v>
      </c>
      <c r="AA34596">
        <v>21</v>
      </c>
      <c r="AB34596">
        <v>21</v>
      </c>
      <c r="AC34596">
        <v>22</v>
      </c>
      <c r="AD34596">
        <v>23</v>
      </c>
      <c r="AE34596">
        <v>23</v>
      </c>
      <c r="AF34596">
        <v>24</v>
      </c>
      <c r="AG34596">
        <v>24</v>
      </c>
      <c r="AH34596">
        <v>25</v>
      </c>
      <c r="AI34596">
        <v>25</v>
      </c>
      <c r="AJ34596">
        <v>26</v>
      </c>
      <c r="AK34596">
        <v>26</v>
      </c>
      <c r="AL34596">
        <v>27</v>
      </c>
      <c r="AM34596">
        <v>27</v>
      </c>
      <c r="AN34596">
        <v>28</v>
      </c>
      <c r="AO34596">
        <v>28</v>
      </c>
      <c r="AP34596">
        <v>29</v>
      </c>
      <c r="AQ34596">
        <v>29</v>
      </c>
    </row>
    <row r="34597" spans="1:43">
      <c r="A34597" t="s">
        <v>21435</v>
      </c>
      <c r="B34597" t="s">
        <v>21436</v>
      </c>
      <c r="C34597" t="s">
        <v>21433</v>
      </c>
      <c r="D34597" t="s">
        <v>21434</v>
      </c>
      <c r="E34597" t="s">
        <v>21317</v>
      </c>
      <c r="F34597" t="s">
        <v>21318</v>
      </c>
      <c r="G34597" t="s">
        <v>20255</v>
      </c>
      <c r="H34597" t="s">
        <v>20256</v>
      </c>
      <c r="I34597" s="2">
        <v>1</v>
      </c>
      <c r="J34597" s="2">
        <v>0</v>
      </c>
      <c r="K34597" s="2">
        <v>0</v>
      </c>
      <c r="L34597" t="s">
        <v>120</v>
      </c>
      <c r="M34597" t="s">
        <v>83</v>
      </c>
      <c r="N34597" t="s">
        <v>91</v>
      </c>
      <c r="O34597" t="s">
        <v>85</v>
      </c>
      <c r="P34597" t="s">
        <v>86</v>
      </c>
      <c r="Q34597">
        <v>14</v>
      </c>
      <c r="R34597">
        <v>15</v>
      </c>
      <c r="S34597">
        <v>15</v>
      </c>
      <c r="T34597">
        <v>16</v>
      </c>
      <c r="U34597">
        <v>16</v>
      </c>
      <c r="V34597">
        <v>17</v>
      </c>
      <c r="W34597">
        <v>17</v>
      </c>
      <c r="X34597">
        <v>18</v>
      </c>
      <c r="Y34597">
        <v>18</v>
      </c>
      <c r="Z34597">
        <v>19</v>
      </c>
      <c r="AA34597">
        <v>20</v>
      </c>
      <c r="AB34597">
        <v>20</v>
      </c>
      <c r="AC34597">
        <v>21</v>
      </c>
      <c r="AD34597">
        <v>21</v>
      </c>
      <c r="AE34597">
        <v>22</v>
      </c>
      <c r="AF34597">
        <v>23</v>
      </c>
      <c r="AG34597">
        <v>23</v>
      </c>
      <c r="AH34597">
        <v>24</v>
      </c>
      <c r="AI34597">
        <v>25</v>
      </c>
      <c r="AJ34597">
        <v>25</v>
      </c>
      <c r="AK34597">
        <v>26</v>
      </c>
      <c r="AL34597">
        <v>26</v>
      </c>
      <c r="AM34597">
        <v>27</v>
      </c>
      <c r="AN34597">
        <v>27</v>
      </c>
      <c r="AO34597">
        <v>28</v>
      </c>
      <c r="AP34597">
        <v>28</v>
      </c>
      <c r="AQ34597">
        <v>29</v>
      </c>
    </row>
    <row r="34598" spans="1:43">
      <c r="A34598" t="s">
        <v>21437</v>
      </c>
      <c r="B34598" t="s">
        <v>21438</v>
      </c>
      <c r="C34598" t="s">
        <v>21433</v>
      </c>
      <c r="D34598" t="s">
        <v>21434</v>
      </c>
      <c r="E34598" t="s">
        <v>21317</v>
      </c>
      <c r="F34598" t="s">
        <v>21318</v>
      </c>
      <c r="G34598" t="s">
        <v>20255</v>
      </c>
      <c r="H34598" t="s">
        <v>20256</v>
      </c>
      <c r="I34598" s="2">
        <v>1</v>
      </c>
      <c r="J34598" s="2">
        <v>0</v>
      </c>
      <c r="K34598" s="2">
        <v>0</v>
      </c>
      <c r="L34598" t="s">
        <v>120</v>
      </c>
      <c r="M34598" t="s">
        <v>83</v>
      </c>
      <c r="N34598" t="s">
        <v>84</v>
      </c>
      <c r="O34598" t="s">
        <v>85</v>
      </c>
      <c r="P34598" t="s">
        <v>86</v>
      </c>
      <c r="Q34598">
        <v>18</v>
      </c>
      <c r="R34598">
        <v>18</v>
      </c>
      <c r="S34598">
        <v>19</v>
      </c>
      <c r="T34598">
        <v>19</v>
      </c>
      <c r="U34598">
        <v>20</v>
      </c>
      <c r="V34598">
        <v>21</v>
      </c>
      <c r="W34598">
        <v>21</v>
      </c>
      <c r="X34598">
        <v>22</v>
      </c>
      <c r="Y34598">
        <v>23</v>
      </c>
      <c r="Z34598">
        <v>23</v>
      </c>
      <c r="AA34598">
        <v>24</v>
      </c>
      <c r="AB34598">
        <v>25</v>
      </c>
      <c r="AC34598">
        <v>26</v>
      </c>
      <c r="AD34598">
        <v>26</v>
      </c>
      <c r="AE34598">
        <v>27</v>
      </c>
      <c r="AF34598">
        <v>28</v>
      </c>
      <c r="AG34598">
        <v>29</v>
      </c>
      <c r="AH34598">
        <v>29</v>
      </c>
      <c r="AI34598">
        <v>30</v>
      </c>
      <c r="AJ34598">
        <v>31</v>
      </c>
      <c r="AK34598">
        <v>32</v>
      </c>
      <c r="AL34598">
        <v>33</v>
      </c>
      <c r="AM34598">
        <v>33</v>
      </c>
      <c r="AN34598">
        <v>34</v>
      </c>
      <c r="AO34598">
        <v>34</v>
      </c>
      <c r="AP34598">
        <v>35</v>
      </c>
      <c r="AQ34598">
        <v>36</v>
      </c>
    </row>
    <row r="34599" spans="1:43">
      <c r="A34599" t="s">
        <v>21437</v>
      </c>
      <c r="B34599" t="s">
        <v>21438</v>
      </c>
      <c r="C34599" t="s">
        <v>21433</v>
      </c>
      <c r="D34599" t="s">
        <v>21434</v>
      </c>
      <c r="E34599" t="s">
        <v>21317</v>
      </c>
      <c r="F34599" t="s">
        <v>21318</v>
      </c>
      <c r="G34599" t="s">
        <v>20255</v>
      </c>
      <c r="H34599" t="s">
        <v>20256</v>
      </c>
      <c r="I34599" s="2">
        <v>1</v>
      </c>
      <c r="J34599" s="2">
        <v>0</v>
      </c>
      <c r="K34599" s="2">
        <v>0</v>
      </c>
      <c r="L34599" t="s">
        <v>120</v>
      </c>
      <c r="M34599" t="s">
        <v>87</v>
      </c>
      <c r="N34599" t="s">
        <v>88</v>
      </c>
      <c r="O34599" t="s">
        <v>85</v>
      </c>
      <c r="P34599" t="s">
        <v>86</v>
      </c>
      <c r="Q34599">
        <v>18</v>
      </c>
      <c r="R34599">
        <v>19</v>
      </c>
      <c r="S34599">
        <v>19</v>
      </c>
      <c r="T34599">
        <v>20</v>
      </c>
      <c r="U34599">
        <v>20</v>
      </c>
      <c r="V34599">
        <v>21</v>
      </c>
      <c r="W34599">
        <v>21</v>
      </c>
      <c r="X34599">
        <v>22</v>
      </c>
      <c r="Y34599">
        <v>22</v>
      </c>
      <c r="Z34599">
        <v>23</v>
      </c>
      <c r="AA34599">
        <v>23</v>
      </c>
      <c r="AB34599">
        <v>24</v>
      </c>
      <c r="AC34599">
        <v>24</v>
      </c>
      <c r="AD34599">
        <v>25</v>
      </c>
      <c r="AE34599">
        <v>25</v>
      </c>
      <c r="AF34599">
        <v>26</v>
      </c>
      <c r="AG34599">
        <v>26</v>
      </c>
      <c r="AH34599">
        <v>27</v>
      </c>
      <c r="AI34599">
        <v>27</v>
      </c>
      <c r="AJ34599">
        <v>28</v>
      </c>
      <c r="AK34599">
        <v>28</v>
      </c>
      <c r="AL34599">
        <v>29</v>
      </c>
      <c r="AM34599">
        <v>30</v>
      </c>
      <c r="AN34599">
        <v>30</v>
      </c>
      <c r="AO34599">
        <v>31</v>
      </c>
      <c r="AP34599">
        <v>31</v>
      </c>
      <c r="AQ34599">
        <v>32</v>
      </c>
    </row>
    <row r="34600" spans="1:43">
      <c r="A34600" t="s">
        <v>21437</v>
      </c>
      <c r="B34600" t="s">
        <v>21438</v>
      </c>
      <c r="C34600" t="s">
        <v>21433</v>
      </c>
      <c r="D34600" t="s">
        <v>21434</v>
      </c>
      <c r="E34600" t="s">
        <v>21317</v>
      </c>
      <c r="F34600" t="s">
        <v>21318</v>
      </c>
      <c r="G34600" t="s">
        <v>20255</v>
      </c>
      <c r="H34600" t="s">
        <v>20256</v>
      </c>
      <c r="I34600" s="2">
        <v>1</v>
      </c>
      <c r="J34600" s="2">
        <v>0</v>
      </c>
      <c r="K34600" s="2">
        <v>0</v>
      </c>
      <c r="L34600" t="s">
        <v>120</v>
      </c>
      <c r="M34600" t="s">
        <v>89</v>
      </c>
      <c r="N34600" t="s">
        <v>90</v>
      </c>
      <c r="O34600" t="s">
        <v>85</v>
      </c>
      <c r="P34600" t="s">
        <v>86</v>
      </c>
      <c r="Q34600">
        <v>18</v>
      </c>
      <c r="R34600">
        <v>19</v>
      </c>
      <c r="S34600">
        <v>19</v>
      </c>
      <c r="T34600">
        <v>20</v>
      </c>
      <c r="U34600">
        <v>21</v>
      </c>
      <c r="V34600">
        <v>22</v>
      </c>
      <c r="W34600">
        <v>22</v>
      </c>
      <c r="X34600">
        <v>23</v>
      </c>
      <c r="Y34600">
        <v>24</v>
      </c>
      <c r="Z34600">
        <v>25</v>
      </c>
      <c r="AA34600">
        <v>26</v>
      </c>
      <c r="AB34600">
        <v>26</v>
      </c>
      <c r="AC34600">
        <v>27</v>
      </c>
      <c r="AD34600">
        <v>28</v>
      </c>
      <c r="AE34600">
        <v>29</v>
      </c>
      <c r="AF34600">
        <v>29</v>
      </c>
      <c r="AG34600">
        <v>30</v>
      </c>
      <c r="AH34600">
        <v>31</v>
      </c>
      <c r="AI34600">
        <v>31</v>
      </c>
      <c r="AJ34600">
        <v>32</v>
      </c>
      <c r="AK34600">
        <v>32</v>
      </c>
      <c r="AL34600">
        <v>33</v>
      </c>
      <c r="AM34600">
        <v>34</v>
      </c>
      <c r="AN34600">
        <v>34</v>
      </c>
      <c r="AO34600">
        <v>35</v>
      </c>
      <c r="AP34600">
        <v>35</v>
      </c>
      <c r="AQ34600">
        <v>36</v>
      </c>
    </row>
    <row r="34601" spans="1:43">
      <c r="A34601" t="s">
        <v>21437</v>
      </c>
      <c r="B34601" t="s">
        <v>21438</v>
      </c>
      <c r="C34601" t="s">
        <v>21433</v>
      </c>
      <c r="D34601" t="s">
        <v>21434</v>
      </c>
      <c r="E34601" t="s">
        <v>21317</v>
      </c>
      <c r="F34601" t="s">
        <v>21318</v>
      </c>
      <c r="G34601" t="s">
        <v>20255</v>
      </c>
      <c r="H34601" t="s">
        <v>20256</v>
      </c>
      <c r="I34601" s="2">
        <v>1</v>
      </c>
      <c r="J34601" s="2">
        <v>0</v>
      </c>
      <c r="K34601" s="2">
        <v>0</v>
      </c>
      <c r="L34601" t="s">
        <v>120</v>
      </c>
      <c r="M34601" t="s">
        <v>83</v>
      </c>
      <c r="N34601" t="s">
        <v>91</v>
      </c>
      <c r="O34601" t="s">
        <v>85</v>
      </c>
      <c r="P34601" t="s">
        <v>86</v>
      </c>
      <c r="Q34601">
        <v>18</v>
      </c>
      <c r="R34601">
        <v>18</v>
      </c>
      <c r="S34601">
        <v>19</v>
      </c>
      <c r="T34601">
        <v>19</v>
      </c>
      <c r="U34601">
        <v>20</v>
      </c>
      <c r="V34601">
        <v>21</v>
      </c>
      <c r="W34601">
        <v>21</v>
      </c>
      <c r="X34601">
        <v>22</v>
      </c>
      <c r="Y34601">
        <v>23</v>
      </c>
      <c r="Z34601">
        <v>23</v>
      </c>
      <c r="AA34601">
        <v>24</v>
      </c>
      <c r="AB34601">
        <v>25</v>
      </c>
      <c r="AC34601">
        <v>26</v>
      </c>
      <c r="AD34601">
        <v>26</v>
      </c>
      <c r="AE34601">
        <v>27</v>
      </c>
      <c r="AF34601">
        <v>28</v>
      </c>
      <c r="AG34601">
        <v>29</v>
      </c>
      <c r="AH34601">
        <v>29</v>
      </c>
      <c r="AI34601">
        <v>30</v>
      </c>
      <c r="AJ34601">
        <v>31</v>
      </c>
      <c r="AK34601">
        <v>32</v>
      </c>
      <c r="AL34601">
        <v>33</v>
      </c>
      <c r="AM34601">
        <v>33</v>
      </c>
      <c r="AN34601">
        <v>34</v>
      </c>
      <c r="AO34601">
        <v>34</v>
      </c>
      <c r="AP34601">
        <v>35</v>
      </c>
      <c r="AQ34601">
        <v>36</v>
      </c>
    </row>
    <row r="34602" spans="1:43">
      <c r="A34602" t="s">
        <v>21439</v>
      </c>
      <c r="B34602" t="s">
        <v>21440</v>
      </c>
      <c r="C34602" t="s">
        <v>21425</v>
      </c>
      <c r="D34602" t="s">
        <v>21426</v>
      </c>
      <c r="E34602" t="s">
        <v>21317</v>
      </c>
      <c r="F34602" t="s">
        <v>21318</v>
      </c>
      <c r="G34602" t="s">
        <v>20255</v>
      </c>
      <c r="H34602" t="s">
        <v>20256</v>
      </c>
      <c r="I34602" s="2">
        <v>1</v>
      </c>
      <c r="J34602" s="2">
        <v>0</v>
      </c>
      <c r="K34602" s="2">
        <v>0</v>
      </c>
      <c r="L34602" t="s">
        <v>120</v>
      </c>
      <c r="M34602" t="s">
        <v>83</v>
      </c>
      <c r="N34602" t="s">
        <v>84</v>
      </c>
      <c r="O34602" t="s">
        <v>85</v>
      </c>
      <c r="P34602" t="s">
        <v>86</v>
      </c>
      <c r="Q34602">
        <v>22</v>
      </c>
      <c r="R34602">
        <v>23</v>
      </c>
      <c r="S34602">
        <v>24</v>
      </c>
      <c r="T34602">
        <v>25</v>
      </c>
      <c r="U34602">
        <v>25</v>
      </c>
      <c r="V34602">
        <v>26</v>
      </c>
      <c r="W34602">
        <v>27</v>
      </c>
      <c r="X34602">
        <v>28</v>
      </c>
      <c r="Y34602">
        <v>29</v>
      </c>
      <c r="Z34602">
        <v>30</v>
      </c>
      <c r="AA34602">
        <v>30</v>
      </c>
      <c r="AB34602">
        <v>31</v>
      </c>
      <c r="AC34602">
        <v>32</v>
      </c>
      <c r="AD34602">
        <v>33</v>
      </c>
      <c r="AE34602">
        <v>34</v>
      </c>
      <c r="AF34602">
        <v>35</v>
      </c>
      <c r="AG34602">
        <v>36</v>
      </c>
      <c r="AH34602">
        <v>37</v>
      </c>
      <c r="AI34602">
        <v>38</v>
      </c>
      <c r="AJ34602">
        <v>39</v>
      </c>
      <c r="AK34602">
        <v>40</v>
      </c>
      <c r="AL34602">
        <v>41</v>
      </c>
      <c r="AM34602">
        <v>42</v>
      </c>
      <c r="AN34602">
        <v>43</v>
      </c>
      <c r="AO34602">
        <v>43</v>
      </c>
      <c r="AP34602">
        <v>44</v>
      </c>
      <c r="AQ34602">
        <v>45</v>
      </c>
    </row>
    <row r="34603" spans="1:43">
      <c r="A34603" t="s">
        <v>21439</v>
      </c>
      <c r="B34603" t="s">
        <v>21440</v>
      </c>
      <c r="C34603" t="s">
        <v>21425</v>
      </c>
      <c r="D34603" t="s">
        <v>21426</v>
      </c>
      <c r="E34603" t="s">
        <v>21317</v>
      </c>
      <c r="F34603" t="s">
        <v>21318</v>
      </c>
      <c r="G34603" t="s">
        <v>20255</v>
      </c>
      <c r="H34603" t="s">
        <v>20256</v>
      </c>
      <c r="I34603" s="2">
        <v>1</v>
      </c>
      <c r="J34603" s="2">
        <v>0</v>
      </c>
      <c r="K34603" s="2">
        <v>0</v>
      </c>
      <c r="L34603" t="s">
        <v>120</v>
      </c>
      <c r="M34603" t="s">
        <v>87</v>
      </c>
      <c r="N34603" t="s">
        <v>88</v>
      </c>
      <c r="O34603" t="s">
        <v>85</v>
      </c>
      <c r="P34603" t="s">
        <v>86</v>
      </c>
      <c r="Q34603">
        <v>22</v>
      </c>
      <c r="R34603">
        <v>23</v>
      </c>
      <c r="S34603">
        <v>23</v>
      </c>
      <c r="T34603">
        <v>24</v>
      </c>
      <c r="U34603">
        <v>24</v>
      </c>
      <c r="V34603">
        <v>25</v>
      </c>
      <c r="W34603">
        <v>25</v>
      </c>
      <c r="X34603">
        <v>26</v>
      </c>
      <c r="Y34603">
        <v>27</v>
      </c>
      <c r="Z34603">
        <v>27</v>
      </c>
      <c r="AA34603">
        <v>28</v>
      </c>
      <c r="AB34603">
        <v>28</v>
      </c>
      <c r="AC34603">
        <v>29</v>
      </c>
      <c r="AD34603">
        <v>30</v>
      </c>
      <c r="AE34603">
        <v>30</v>
      </c>
      <c r="AF34603">
        <v>31</v>
      </c>
      <c r="AG34603">
        <v>32</v>
      </c>
      <c r="AH34603">
        <v>32</v>
      </c>
      <c r="AI34603">
        <v>33</v>
      </c>
      <c r="AJ34603">
        <v>34</v>
      </c>
      <c r="AK34603">
        <v>34</v>
      </c>
      <c r="AL34603">
        <v>35</v>
      </c>
      <c r="AM34603">
        <v>36</v>
      </c>
      <c r="AN34603">
        <v>37</v>
      </c>
      <c r="AO34603">
        <v>37</v>
      </c>
      <c r="AP34603">
        <v>38</v>
      </c>
      <c r="AQ34603">
        <v>39</v>
      </c>
    </row>
    <row r="34604" spans="1:43">
      <c r="A34604" t="s">
        <v>21439</v>
      </c>
      <c r="B34604" t="s">
        <v>21440</v>
      </c>
      <c r="C34604" t="s">
        <v>21425</v>
      </c>
      <c r="D34604" t="s">
        <v>21426</v>
      </c>
      <c r="E34604" t="s">
        <v>21317</v>
      </c>
      <c r="F34604" t="s">
        <v>21318</v>
      </c>
      <c r="G34604" t="s">
        <v>20255</v>
      </c>
      <c r="H34604" t="s">
        <v>20256</v>
      </c>
      <c r="I34604" s="2">
        <v>1</v>
      </c>
      <c r="J34604" s="2">
        <v>0</v>
      </c>
      <c r="K34604" s="2">
        <v>0</v>
      </c>
      <c r="L34604" t="s">
        <v>120</v>
      </c>
      <c r="M34604" t="s">
        <v>89</v>
      </c>
      <c r="N34604" t="s">
        <v>90</v>
      </c>
      <c r="O34604" t="s">
        <v>85</v>
      </c>
      <c r="P34604" t="s">
        <v>86</v>
      </c>
      <c r="Q34604">
        <v>22</v>
      </c>
      <c r="R34604">
        <v>23</v>
      </c>
      <c r="S34604">
        <v>24</v>
      </c>
      <c r="T34604">
        <v>25</v>
      </c>
      <c r="U34604">
        <v>26</v>
      </c>
      <c r="V34604">
        <v>27</v>
      </c>
      <c r="W34604">
        <v>28</v>
      </c>
      <c r="X34604">
        <v>29</v>
      </c>
      <c r="Y34604">
        <v>30</v>
      </c>
      <c r="Z34604">
        <v>31</v>
      </c>
      <c r="AA34604">
        <v>32</v>
      </c>
      <c r="AB34604">
        <v>33</v>
      </c>
      <c r="AC34604">
        <v>34</v>
      </c>
      <c r="AD34604">
        <v>36</v>
      </c>
      <c r="AE34604">
        <v>37</v>
      </c>
      <c r="AF34604">
        <v>37</v>
      </c>
      <c r="AG34604">
        <v>38</v>
      </c>
      <c r="AH34604">
        <v>39</v>
      </c>
      <c r="AI34604">
        <v>39</v>
      </c>
      <c r="AJ34604">
        <v>40</v>
      </c>
      <c r="AK34604">
        <v>41</v>
      </c>
      <c r="AL34604">
        <v>41</v>
      </c>
      <c r="AM34604">
        <v>42</v>
      </c>
      <c r="AN34604">
        <v>43</v>
      </c>
      <c r="AO34604">
        <v>44</v>
      </c>
      <c r="AP34604">
        <v>44</v>
      </c>
      <c r="AQ34604">
        <v>45</v>
      </c>
    </row>
    <row r="34605" spans="1:43">
      <c r="A34605" t="s">
        <v>21439</v>
      </c>
      <c r="B34605" t="s">
        <v>21440</v>
      </c>
      <c r="C34605" t="s">
        <v>21425</v>
      </c>
      <c r="D34605" t="s">
        <v>21426</v>
      </c>
      <c r="E34605" t="s">
        <v>21317</v>
      </c>
      <c r="F34605" t="s">
        <v>21318</v>
      </c>
      <c r="G34605" t="s">
        <v>20255</v>
      </c>
      <c r="H34605" t="s">
        <v>20256</v>
      </c>
      <c r="I34605" s="2">
        <v>1</v>
      </c>
      <c r="J34605" s="2">
        <v>0</v>
      </c>
      <c r="K34605" s="2">
        <v>0</v>
      </c>
      <c r="L34605" t="s">
        <v>120</v>
      </c>
      <c r="M34605" t="s">
        <v>83</v>
      </c>
      <c r="N34605" t="s">
        <v>91</v>
      </c>
      <c r="O34605" t="s">
        <v>85</v>
      </c>
      <c r="P34605" t="s">
        <v>86</v>
      </c>
      <c r="Q34605">
        <v>22</v>
      </c>
      <c r="R34605">
        <v>23</v>
      </c>
      <c r="S34605">
        <v>24</v>
      </c>
      <c r="T34605">
        <v>25</v>
      </c>
      <c r="U34605">
        <v>25</v>
      </c>
      <c r="V34605">
        <v>26</v>
      </c>
      <c r="W34605">
        <v>27</v>
      </c>
      <c r="X34605">
        <v>28</v>
      </c>
      <c r="Y34605">
        <v>29</v>
      </c>
      <c r="Z34605">
        <v>30</v>
      </c>
      <c r="AA34605">
        <v>30</v>
      </c>
      <c r="AB34605">
        <v>31</v>
      </c>
      <c r="AC34605">
        <v>32</v>
      </c>
      <c r="AD34605">
        <v>33</v>
      </c>
      <c r="AE34605">
        <v>34</v>
      </c>
      <c r="AF34605">
        <v>35</v>
      </c>
      <c r="AG34605">
        <v>36</v>
      </c>
      <c r="AH34605">
        <v>37</v>
      </c>
      <c r="AI34605">
        <v>38</v>
      </c>
      <c r="AJ34605">
        <v>39</v>
      </c>
      <c r="AK34605">
        <v>40</v>
      </c>
      <c r="AL34605">
        <v>41</v>
      </c>
      <c r="AM34605">
        <v>42</v>
      </c>
      <c r="AN34605">
        <v>43</v>
      </c>
      <c r="AO34605">
        <v>43</v>
      </c>
      <c r="AP34605">
        <v>44</v>
      </c>
      <c r="AQ34605">
        <v>45</v>
      </c>
    </row>
    <row r="34606" spans="1:43">
      <c r="A34606" t="s">
        <v>21441</v>
      </c>
      <c r="B34606" t="s">
        <v>21442</v>
      </c>
      <c r="C34606" t="s">
        <v>21425</v>
      </c>
      <c r="D34606" t="s">
        <v>21426</v>
      </c>
      <c r="E34606" t="s">
        <v>21317</v>
      </c>
      <c r="F34606" t="s">
        <v>21318</v>
      </c>
      <c r="G34606" t="s">
        <v>20255</v>
      </c>
      <c r="H34606" t="s">
        <v>20256</v>
      </c>
      <c r="I34606" s="2">
        <v>1</v>
      </c>
      <c r="J34606" s="2">
        <v>0</v>
      </c>
      <c r="K34606" s="2">
        <v>0</v>
      </c>
      <c r="L34606" t="s">
        <v>120</v>
      </c>
      <c r="M34606" t="s">
        <v>83</v>
      </c>
      <c r="N34606" t="s">
        <v>84</v>
      </c>
      <c r="O34606" t="s">
        <v>85</v>
      </c>
      <c r="P34606" t="s">
        <v>86</v>
      </c>
      <c r="Q34606">
        <v>17</v>
      </c>
      <c r="R34606">
        <v>17</v>
      </c>
      <c r="S34606">
        <v>18</v>
      </c>
      <c r="T34606">
        <v>18</v>
      </c>
      <c r="U34606">
        <v>18</v>
      </c>
      <c r="V34606">
        <v>18</v>
      </c>
      <c r="W34606">
        <v>19</v>
      </c>
      <c r="X34606">
        <v>19</v>
      </c>
      <c r="Y34606">
        <v>19</v>
      </c>
      <c r="Z34606">
        <v>20</v>
      </c>
      <c r="AA34606">
        <v>20</v>
      </c>
      <c r="AB34606">
        <v>20</v>
      </c>
      <c r="AC34606">
        <v>20</v>
      </c>
      <c r="AD34606">
        <v>21</v>
      </c>
      <c r="AE34606">
        <v>21</v>
      </c>
      <c r="AF34606">
        <v>21</v>
      </c>
      <c r="AG34606">
        <v>21</v>
      </c>
      <c r="AH34606">
        <v>22</v>
      </c>
      <c r="AI34606">
        <v>22</v>
      </c>
      <c r="AJ34606">
        <v>22</v>
      </c>
      <c r="AK34606">
        <v>22</v>
      </c>
      <c r="AL34606">
        <v>22</v>
      </c>
      <c r="AM34606">
        <v>23</v>
      </c>
      <c r="AN34606">
        <v>23</v>
      </c>
      <c r="AO34606">
        <v>23</v>
      </c>
      <c r="AP34606">
        <v>23</v>
      </c>
      <c r="AQ34606">
        <v>23</v>
      </c>
    </row>
    <row r="34607" spans="1:43">
      <c r="A34607" t="s">
        <v>21441</v>
      </c>
      <c r="B34607" t="s">
        <v>21442</v>
      </c>
      <c r="C34607" t="s">
        <v>21425</v>
      </c>
      <c r="D34607" t="s">
        <v>21426</v>
      </c>
      <c r="E34607" t="s">
        <v>21317</v>
      </c>
      <c r="F34607" t="s">
        <v>21318</v>
      </c>
      <c r="G34607" t="s">
        <v>20255</v>
      </c>
      <c r="H34607" t="s">
        <v>20256</v>
      </c>
      <c r="I34607" s="2">
        <v>1</v>
      </c>
      <c r="J34607" s="2">
        <v>0</v>
      </c>
      <c r="K34607" s="2">
        <v>0</v>
      </c>
      <c r="L34607" t="s">
        <v>120</v>
      </c>
      <c r="M34607" t="s">
        <v>87</v>
      </c>
      <c r="N34607" t="s">
        <v>88</v>
      </c>
      <c r="O34607" t="s">
        <v>85</v>
      </c>
      <c r="P34607" t="s">
        <v>86</v>
      </c>
      <c r="Q34607">
        <v>17</v>
      </c>
      <c r="R34607">
        <v>17</v>
      </c>
      <c r="S34607">
        <v>17</v>
      </c>
      <c r="T34607">
        <v>17</v>
      </c>
      <c r="U34607">
        <v>17</v>
      </c>
      <c r="V34607">
        <v>18</v>
      </c>
      <c r="W34607">
        <v>18</v>
      </c>
      <c r="X34607">
        <v>18</v>
      </c>
      <c r="Y34607">
        <v>18</v>
      </c>
      <c r="Z34607">
        <v>18</v>
      </c>
      <c r="AA34607">
        <v>18</v>
      </c>
      <c r="AB34607">
        <v>18</v>
      </c>
      <c r="AC34607">
        <v>18</v>
      </c>
      <c r="AD34607">
        <v>18</v>
      </c>
      <c r="AE34607">
        <v>18</v>
      </c>
      <c r="AF34607">
        <v>19</v>
      </c>
      <c r="AG34607">
        <v>19</v>
      </c>
      <c r="AH34607">
        <v>19</v>
      </c>
      <c r="AI34607">
        <v>19</v>
      </c>
      <c r="AJ34607">
        <v>19</v>
      </c>
      <c r="AK34607">
        <v>19</v>
      </c>
      <c r="AL34607">
        <v>19</v>
      </c>
      <c r="AM34607">
        <v>19</v>
      </c>
      <c r="AN34607">
        <v>19</v>
      </c>
      <c r="AO34607">
        <v>20</v>
      </c>
      <c r="AP34607">
        <v>20</v>
      </c>
      <c r="AQ34607">
        <v>20</v>
      </c>
    </row>
    <row r="34608" spans="1:43">
      <c r="A34608" t="s">
        <v>21441</v>
      </c>
      <c r="B34608" t="s">
        <v>21442</v>
      </c>
      <c r="C34608" t="s">
        <v>21425</v>
      </c>
      <c r="D34608" t="s">
        <v>21426</v>
      </c>
      <c r="E34608" t="s">
        <v>21317</v>
      </c>
      <c r="F34608" t="s">
        <v>21318</v>
      </c>
      <c r="G34608" t="s">
        <v>20255</v>
      </c>
      <c r="H34608" t="s">
        <v>20256</v>
      </c>
      <c r="I34608" s="2">
        <v>1</v>
      </c>
      <c r="J34608" s="2">
        <v>0</v>
      </c>
      <c r="K34608" s="2">
        <v>0</v>
      </c>
      <c r="L34608" t="s">
        <v>120</v>
      </c>
      <c r="M34608" t="s">
        <v>89</v>
      </c>
      <c r="N34608" t="s">
        <v>90</v>
      </c>
      <c r="O34608" t="s">
        <v>85</v>
      </c>
      <c r="P34608" t="s">
        <v>86</v>
      </c>
      <c r="Q34608">
        <v>17</v>
      </c>
      <c r="R34608">
        <v>18</v>
      </c>
      <c r="S34608">
        <v>18</v>
      </c>
      <c r="T34608">
        <v>19</v>
      </c>
      <c r="U34608">
        <v>19</v>
      </c>
      <c r="V34608">
        <v>19</v>
      </c>
      <c r="W34608">
        <v>20</v>
      </c>
      <c r="X34608">
        <v>20</v>
      </c>
      <c r="Y34608">
        <v>20</v>
      </c>
      <c r="Z34608">
        <v>21</v>
      </c>
      <c r="AA34608">
        <v>21</v>
      </c>
      <c r="AB34608">
        <v>21</v>
      </c>
      <c r="AC34608">
        <v>22</v>
      </c>
      <c r="AD34608">
        <v>22</v>
      </c>
      <c r="AE34608">
        <v>22</v>
      </c>
      <c r="AF34608">
        <v>22</v>
      </c>
      <c r="AG34608">
        <v>22</v>
      </c>
      <c r="AH34608">
        <v>22</v>
      </c>
      <c r="AI34608">
        <v>23</v>
      </c>
      <c r="AJ34608">
        <v>23</v>
      </c>
      <c r="AK34608">
        <v>23</v>
      </c>
      <c r="AL34608">
        <v>23</v>
      </c>
      <c r="AM34608">
        <v>23</v>
      </c>
      <c r="AN34608">
        <v>23</v>
      </c>
      <c r="AO34608">
        <v>23</v>
      </c>
      <c r="AP34608">
        <v>23</v>
      </c>
      <c r="AQ34608">
        <v>23</v>
      </c>
    </row>
    <row r="34609" spans="1:43">
      <c r="A34609" t="s">
        <v>21441</v>
      </c>
      <c r="B34609" t="s">
        <v>21442</v>
      </c>
      <c r="C34609" t="s">
        <v>21425</v>
      </c>
      <c r="D34609" t="s">
        <v>21426</v>
      </c>
      <c r="E34609" t="s">
        <v>21317</v>
      </c>
      <c r="F34609" t="s">
        <v>21318</v>
      </c>
      <c r="G34609" t="s">
        <v>20255</v>
      </c>
      <c r="H34609" t="s">
        <v>20256</v>
      </c>
      <c r="I34609" s="2">
        <v>1</v>
      </c>
      <c r="J34609" s="2">
        <v>0</v>
      </c>
      <c r="K34609" s="2">
        <v>0</v>
      </c>
      <c r="L34609" t="s">
        <v>120</v>
      </c>
      <c r="M34609" t="s">
        <v>83</v>
      </c>
      <c r="N34609" t="s">
        <v>91</v>
      </c>
      <c r="O34609" t="s">
        <v>85</v>
      </c>
      <c r="P34609" t="s">
        <v>86</v>
      </c>
      <c r="Q34609">
        <v>17</v>
      </c>
      <c r="R34609">
        <v>17</v>
      </c>
      <c r="S34609">
        <v>18</v>
      </c>
      <c r="T34609">
        <v>18</v>
      </c>
      <c r="U34609">
        <v>18</v>
      </c>
      <c r="V34609">
        <v>18</v>
      </c>
      <c r="W34609">
        <v>19</v>
      </c>
      <c r="X34609">
        <v>19</v>
      </c>
      <c r="Y34609">
        <v>19</v>
      </c>
      <c r="Z34609">
        <v>20</v>
      </c>
      <c r="AA34609">
        <v>20</v>
      </c>
      <c r="AB34609">
        <v>20</v>
      </c>
      <c r="AC34609">
        <v>20</v>
      </c>
      <c r="AD34609">
        <v>21</v>
      </c>
      <c r="AE34609">
        <v>21</v>
      </c>
      <c r="AF34609">
        <v>21</v>
      </c>
      <c r="AG34609">
        <v>21</v>
      </c>
      <c r="AH34609">
        <v>22</v>
      </c>
      <c r="AI34609">
        <v>22</v>
      </c>
      <c r="AJ34609">
        <v>22</v>
      </c>
      <c r="AK34609">
        <v>22</v>
      </c>
      <c r="AL34609">
        <v>22</v>
      </c>
      <c r="AM34609">
        <v>23</v>
      </c>
      <c r="AN34609">
        <v>23</v>
      </c>
      <c r="AO34609">
        <v>23</v>
      </c>
      <c r="AP34609">
        <v>23</v>
      </c>
      <c r="AQ34609">
        <v>23</v>
      </c>
    </row>
    <row r="34610" spans="1:43">
      <c r="A34610" t="s">
        <v>21443</v>
      </c>
      <c r="B34610" t="s">
        <v>21444</v>
      </c>
      <c r="C34610" t="s">
        <v>21315</v>
      </c>
      <c r="D34610" t="s">
        <v>21316</v>
      </c>
      <c r="E34610" t="s">
        <v>21317</v>
      </c>
      <c r="F34610" t="s">
        <v>21318</v>
      </c>
      <c r="G34610" t="s">
        <v>20255</v>
      </c>
      <c r="H34610" t="s">
        <v>20256</v>
      </c>
      <c r="I34610" s="2">
        <v>1</v>
      </c>
      <c r="J34610" s="2">
        <v>0</v>
      </c>
      <c r="K34610" s="2">
        <v>0</v>
      </c>
      <c r="L34610" t="s">
        <v>120</v>
      </c>
      <c r="M34610" t="s">
        <v>83</v>
      </c>
      <c r="N34610" t="s">
        <v>84</v>
      </c>
      <c r="O34610" t="s">
        <v>85</v>
      </c>
      <c r="P34610" t="s">
        <v>86</v>
      </c>
      <c r="Q34610">
        <v>16</v>
      </c>
      <c r="R34610">
        <v>17</v>
      </c>
      <c r="S34610">
        <v>17</v>
      </c>
      <c r="T34610">
        <v>18</v>
      </c>
      <c r="U34610">
        <v>19</v>
      </c>
      <c r="V34610">
        <v>19</v>
      </c>
      <c r="W34610">
        <v>20</v>
      </c>
      <c r="X34610">
        <v>21</v>
      </c>
      <c r="Y34610">
        <v>21</v>
      </c>
      <c r="Z34610">
        <v>22</v>
      </c>
      <c r="AA34610">
        <v>22</v>
      </c>
      <c r="AB34610">
        <v>23</v>
      </c>
      <c r="AC34610">
        <v>24</v>
      </c>
      <c r="AD34610">
        <v>24</v>
      </c>
      <c r="AE34610">
        <v>25</v>
      </c>
      <c r="AF34610">
        <v>26</v>
      </c>
      <c r="AG34610">
        <v>27</v>
      </c>
      <c r="AH34610">
        <v>27</v>
      </c>
      <c r="AI34610">
        <v>28</v>
      </c>
      <c r="AJ34610">
        <v>29</v>
      </c>
      <c r="AK34610">
        <v>30</v>
      </c>
      <c r="AL34610">
        <v>30</v>
      </c>
      <c r="AM34610">
        <v>31</v>
      </c>
      <c r="AN34610">
        <v>31</v>
      </c>
      <c r="AO34610">
        <v>32</v>
      </c>
      <c r="AP34610">
        <v>33</v>
      </c>
      <c r="AQ34610">
        <v>33</v>
      </c>
    </row>
    <row r="34611" spans="1:43">
      <c r="A34611" t="s">
        <v>21443</v>
      </c>
      <c r="B34611" t="s">
        <v>21444</v>
      </c>
      <c r="C34611" t="s">
        <v>21315</v>
      </c>
      <c r="D34611" t="s">
        <v>21316</v>
      </c>
      <c r="E34611" t="s">
        <v>21317</v>
      </c>
      <c r="F34611" t="s">
        <v>21318</v>
      </c>
      <c r="G34611" t="s">
        <v>20255</v>
      </c>
      <c r="H34611" t="s">
        <v>20256</v>
      </c>
      <c r="I34611" s="2">
        <v>1</v>
      </c>
      <c r="J34611" s="2">
        <v>0</v>
      </c>
      <c r="K34611" s="2">
        <v>0</v>
      </c>
      <c r="L34611" t="s">
        <v>120</v>
      </c>
      <c r="M34611" t="s">
        <v>87</v>
      </c>
      <c r="N34611" t="s">
        <v>88</v>
      </c>
      <c r="O34611" t="s">
        <v>85</v>
      </c>
      <c r="P34611" t="s">
        <v>86</v>
      </c>
      <c r="Q34611">
        <v>16</v>
      </c>
      <c r="R34611">
        <v>17</v>
      </c>
      <c r="S34611">
        <v>17</v>
      </c>
      <c r="T34611">
        <v>17</v>
      </c>
      <c r="U34611">
        <v>18</v>
      </c>
      <c r="V34611">
        <v>18</v>
      </c>
      <c r="W34611">
        <v>19</v>
      </c>
      <c r="X34611">
        <v>19</v>
      </c>
      <c r="Y34611">
        <v>20</v>
      </c>
      <c r="Z34611">
        <v>20</v>
      </c>
      <c r="AA34611">
        <v>20</v>
      </c>
      <c r="AB34611">
        <v>21</v>
      </c>
      <c r="AC34611">
        <v>21</v>
      </c>
      <c r="AD34611">
        <v>22</v>
      </c>
      <c r="AE34611">
        <v>22</v>
      </c>
      <c r="AF34611">
        <v>23</v>
      </c>
      <c r="AG34611">
        <v>23</v>
      </c>
      <c r="AH34611">
        <v>24</v>
      </c>
      <c r="AI34611">
        <v>24</v>
      </c>
      <c r="AJ34611">
        <v>25</v>
      </c>
      <c r="AK34611">
        <v>25</v>
      </c>
      <c r="AL34611">
        <v>26</v>
      </c>
      <c r="AM34611">
        <v>27</v>
      </c>
      <c r="AN34611">
        <v>27</v>
      </c>
      <c r="AO34611">
        <v>28</v>
      </c>
      <c r="AP34611">
        <v>28</v>
      </c>
      <c r="AQ34611">
        <v>29</v>
      </c>
    </row>
    <row r="34612" spans="1:43">
      <c r="A34612" t="s">
        <v>21443</v>
      </c>
      <c r="B34612" t="s">
        <v>21444</v>
      </c>
      <c r="C34612" t="s">
        <v>21315</v>
      </c>
      <c r="D34612" t="s">
        <v>21316</v>
      </c>
      <c r="E34612" t="s">
        <v>21317</v>
      </c>
      <c r="F34612" t="s">
        <v>21318</v>
      </c>
      <c r="G34612" t="s">
        <v>20255</v>
      </c>
      <c r="H34612" t="s">
        <v>20256</v>
      </c>
      <c r="I34612" s="2">
        <v>1</v>
      </c>
      <c r="J34612" s="2">
        <v>0</v>
      </c>
      <c r="K34612" s="2">
        <v>0</v>
      </c>
      <c r="L34612" t="s">
        <v>120</v>
      </c>
      <c r="M34612" t="s">
        <v>89</v>
      </c>
      <c r="N34612" t="s">
        <v>90</v>
      </c>
      <c r="O34612" t="s">
        <v>85</v>
      </c>
      <c r="P34612" t="s">
        <v>86</v>
      </c>
      <c r="Q34612">
        <v>16</v>
      </c>
      <c r="R34612">
        <v>16</v>
      </c>
      <c r="S34612">
        <v>17</v>
      </c>
      <c r="T34612">
        <v>18</v>
      </c>
      <c r="U34612">
        <v>18</v>
      </c>
      <c r="V34612">
        <v>19</v>
      </c>
      <c r="W34612">
        <v>20</v>
      </c>
      <c r="X34612">
        <v>21</v>
      </c>
      <c r="Y34612">
        <v>21</v>
      </c>
      <c r="Z34612">
        <v>22</v>
      </c>
      <c r="AA34612">
        <v>23</v>
      </c>
      <c r="AB34612">
        <v>24</v>
      </c>
      <c r="AC34612">
        <v>24</v>
      </c>
      <c r="AD34612">
        <v>25</v>
      </c>
      <c r="AE34612">
        <v>26</v>
      </c>
      <c r="AF34612">
        <v>26</v>
      </c>
      <c r="AG34612">
        <v>27</v>
      </c>
      <c r="AH34612">
        <v>27</v>
      </c>
      <c r="AI34612">
        <v>28</v>
      </c>
      <c r="AJ34612">
        <v>29</v>
      </c>
      <c r="AK34612">
        <v>29</v>
      </c>
      <c r="AL34612">
        <v>30</v>
      </c>
      <c r="AM34612">
        <v>30</v>
      </c>
      <c r="AN34612">
        <v>31</v>
      </c>
      <c r="AO34612">
        <v>31</v>
      </c>
      <c r="AP34612">
        <v>32</v>
      </c>
      <c r="AQ34612">
        <v>32</v>
      </c>
    </row>
    <row r="34613" spans="1:43">
      <c r="A34613" t="s">
        <v>21443</v>
      </c>
      <c r="B34613" t="s">
        <v>21444</v>
      </c>
      <c r="C34613" t="s">
        <v>21315</v>
      </c>
      <c r="D34613" t="s">
        <v>21316</v>
      </c>
      <c r="E34613" t="s">
        <v>21317</v>
      </c>
      <c r="F34613" t="s">
        <v>21318</v>
      </c>
      <c r="G34613" t="s">
        <v>20255</v>
      </c>
      <c r="H34613" t="s">
        <v>20256</v>
      </c>
      <c r="I34613" s="2">
        <v>1</v>
      </c>
      <c r="J34613" s="2">
        <v>0</v>
      </c>
      <c r="K34613" s="2">
        <v>0</v>
      </c>
      <c r="L34613" t="s">
        <v>120</v>
      </c>
      <c r="M34613" t="s">
        <v>83</v>
      </c>
      <c r="N34613" t="s">
        <v>91</v>
      </c>
      <c r="O34613" t="s">
        <v>85</v>
      </c>
      <c r="P34613" t="s">
        <v>86</v>
      </c>
      <c r="Q34613">
        <v>16</v>
      </c>
      <c r="R34613">
        <v>17</v>
      </c>
      <c r="S34613">
        <v>17</v>
      </c>
      <c r="T34613">
        <v>18</v>
      </c>
      <c r="U34613">
        <v>19</v>
      </c>
      <c r="V34613">
        <v>19</v>
      </c>
      <c r="W34613">
        <v>20</v>
      </c>
      <c r="X34613">
        <v>21</v>
      </c>
      <c r="Y34613">
        <v>21</v>
      </c>
      <c r="Z34613">
        <v>22</v>
      </c>
      <c r="AA34613">
        <v>22</v>
      </c>
      <c r="AB34613">
        <v>23</v>
      </c>
      <c r="AC34613">
        <v>24</v>
      </c>
      <c r="AD34613">
        <v>24</v>
      </c>
      <c r="AE34613">
        <v>25</v>
      </c>
      <c r="AF34613">
        <v>26</v>
      </c>
      <c r="AG34613">
        <v>27</v>
      </c>
      <c r="AH34613">
        <v>27</v>
      </c>
      <c r="AI34613">
        <v>28</v>
      </c>
      <c r="AJ34613">
        <v>29</v>
      </c>
      <c r="AK34613">
        <v>30</v>
      </c>
      <c r="AL34613">
        <v>30</v>
      </c>
      <c r="AM34613">
        <v>31</v>
      </c>
      <c r="AN34613">
        <v>31</v>
      </c>
      <c r="AO34613">
        <v>32</v>
      </c>
      <c r="AP34613">
        <v>33</v>
      </c>
      <c r="AQ34613">
        <v>33</v>
      </c>
    </row>
    <row r="34614" spans="1:43">
      <c r="A34614" t="s">
        <v>21445</v>
      </c>
      <c r="B34614" t="s">
        <v>21446</v>
      </c>
      <c r="C34614" t="s">
        <v>21315</v>
      </c>
      <c r="D34614" t="s">
        <v>21316</v>
      </c>
      <c r="E34614" t="s">
        <v>21317</v>
      </c>
      <c r="F34614" t="s">
        <v>21318</v>
      </c>
      <c r="G34614" t="s">
        <v>20255</v>
      </c>
      <c r="H34614" t="s">
        <v>20256</v>
      </c>
      <c r="I34614" s="2">
        <v>1</v>
      </c>
      <c r="J34614" s="2">
        <v>0</v>
      </c>
      <c r="K34614" s="2">
        <v>0</v>
      </c>
      <c r="L34614" t="s">
        <v>120</v>
      </c>
      <c r="M34614" t="s">
        <v>83</v>
      </c>
      <c r="N34614" t="s">
        <v>84</v>
      </c>
      <c r="O34614" t="s">
        <v>85</v>
      </c>
      <c r="P34614" t="s">
        <v>86</v>
      </c>
      <c r="Q34614">
        <v>1</v>
      </c>
      <c r="R34614">
        <v>1</v>
      </c>
      <c r="S34614">
        <v>1</v>
      </c>
      <c r="T34614">
        <v>1</v>
      </c>
      <c r="U34614">
        <v>1</v>
      </c>
      <c r="V34614">
        <v>1</v>
      </c>
      <c r="W34614">
        <v>1</v>
      </c>
      <c r="X34614">
        <v>1</v>
      </c>
      <c r="Y34614">
        <v>1</v>
      </c>
      <c r="Z34614">
        <v>2</v>
      </c>
      <c r="AA34614">
        <v>2</v>
      </c>
      <c r="AB34614">
        <v>2</v>
      </c>
      <c r="AC34614">
        <v>2</v>
      </c>
      <c r="AD34614">
        <v>2</v>
      </c>
      <c r="AE34614">
        <v>2</v>
      </c>
      <c r="AF34614">
        <v>2</v>
      </c>
      <c r="AG34614">
        <v>2</v>
      </c>
      <c r="AH34614">
        <v>2</v>
      </c>
      <c r="AI34614">
        <v>2</v>
      </c>
      <c r="AJ34614">
        <v>2</v>
      </c>
      <c r="AK34614">
        <v>2</v>
      </c>
      <c r="AL34614">
        <v>2</v>
      </c>
      <c r="AM34614">
        <v>2</v>
      </c>
      <c r="AN34614">
        <v>2</v>
      </c>
      <c r="AO34614">
        <v>2</v>
      </c>
      <c r="AP34614">
        <v>2</v>
      </c>
      <c r="AQ34614">
        <v>2</v>
      </c>
    </row>
    <row r="34615" spans="1:43">
      <c r="A34615" t="s">
        <v>21445</v>
      </c>
      <c r="B34615" t="s">
        <v>21446</v>
      </c>
      <c r="C34615" t="s">
        <v>21315</v>
      </c>
      <c r="D34615" t="s">
        <v>21316</v>
      </c>
      <c r="E34615" t="s">
        <v>21317</v>
      </c>
      <c r="F34615" t="s">
        <v>21318</v>
      </c>
      <c r="G34615" t="s">
        <v>20255</v>
      </c>
      <c r="H34615" t="s">
        <v>20256</v>
      </c>
      <c r="I34615" s="2">
        <v>1</v>
      </c>
      <c r="J34615" s="2">
        <v>0</v>
      </c>
      <c r="K34615" s="2">
        <v>0</v>
      </c>
      <c r="L34615" t="s">
        <v>120</v>
      </c>
      <c r="M34615" t="s">
        <v>87</v>
      </c>
      <c r="N34615" t="s">
        <v>88</v>
      </c>
      <c r="O34615" t="s">
        <v>85</v>
      </c>
      <c r="P34615" t="s">
        <v>86</v>
      </c>
      <c r="Q34615">
        <v>1</v>
      </c>
      <c r="R34615">
        <v>1</v>
      </c>
      <c r="S34615">
        <v>1</v>
      </c>
      <c r="T34615">
        <v>1</v>
      </c>
      <c r="U34615">
        <v>1</v>
      </c>
      <c r="V34615">
        <v>1</v>
      </c>
      <c r="W34615">
        <v>1</v>
      </c>
      <c r="X34615">
        <v>1</v>
      </c>
      <c r="Y34615">
        <v>1</v>
      </c>
      <c r="Z34615">
        <v>1</v>
      </c>
      <c r="AA34615">
        <v>1</v>
      </c>
      <c r="AB34615">
        <v>1</v>
      </c>
      <c r="AC34615">
        <v>1</v>
      </c>
      <c r="AD34615">
        <v>2</v>
      </c>
      <c r="AE34615">
        <v>2</v>
      </c>
      <c r="AF34615">
        <v>2</v>
      </c>
      <c r="AG34615">
        <v>2</v>
      </c>
      <c r="AH34615">
        <v>2</v>
      </c>
      <c r="AI34615">
        <v>2</v>
      </c>
      <c r="AJ34615">
        <v>2</v>
      </c>
      <c r="AK34615">
        <v>2</v>
      </c>
      <c r="AL34615">
        <v>2</v>
      </c>
      <c r="AM34615">
        <v>2</v>
      </c>
      <c r="AN34615">
        <v>2</v>
      </c>
      <c r="AO34615">
        <v>2</v>
      </c>
      <c r="AP34615">
        <v>2</v>
      </c>
      <c r="AQ34615">
        <v>2</v>
      </c>
    </row>
    <row r="34616" spans="1:43">
      <c r="A34616" t="s">
        <v>21445</v>
      </c>
      <c r="B34616" t="s">
        <v>21446</v>
      </c>
      <c r="C34616" t="s">
        <v>21315</v>
      </c>
      <c r="D34616" t="s">
        <v>21316</v>
      </c>
      <c r="E34616" t="s">
        <v>21317</v>
      </c>
      <c r="F34616" t="s">
        <v>21318</v>
      </c>
      <c r="G34616" t="s">
        <v>20255</v>
      </c>
      <c r="H34616" t="s">
        <v>20256</v>
      </c>
      <c r="I34616" s="2">
        <v>1</v>
      </c>
      <c r="J34616" s="2">
        <v>0</v>
      </c>
      <c r="K34616" s="2">
        <v>0</v>
      </c>
      <c r="L34616" t="s">
        <v>120</v>
      </c>
      <c r="M34616" t="s">
        <v>89</v>
      </c>
      <c r="N34616" t="s">
        <v>90</v>
      </c>
      <c r="O34616" t="s">
        <v>85</v>
      </c>
      <c r="P34616" t="s">
        <v>86</v>
      </c>
      <c r="Q34616">
        <v>1</v>
      </c>
      <c r="R34616">
        <v>1</v>
      </c>
      <c r="S34616">
        <v>1</v>
      </c>
      <c r="T34616">
        <v>1</v>
      </c>
      <c r="U34616">
        <v>1</v>
      </c>
      <c r="V34616">
        <v>1</v>
      </c>
      <c r="W34616">
        <v>1</v>
      </c>
      <c r="X34616">
        <v>2</v>
      </c>
      <c r="Y34616">
        <v>2</v>
      </c>
      <c r="Z34616">
        <v>2</v>
      </c>
      <c r="AA34616">
        <v>2</v>
      </c>
      <c r="AB34616">
        <v>2</v>
      </c>
      <c r="AC34616">
        <v>2</v>
      </c>
      <c r="AD34616">
        <v>2</v>
      </c>
      <c r="AE34616">
        <v>2</v>
      </c>
      <c r="AF34616">
        <v>2</v>
      </c>
      <c r="AG34616">
        <v>2</v>
      </c>
      <c r="AH34616">
        <v>2</v>
      </c>
      <c r="AI34616">
        <v>2</v>
      </c>
      <c r="AJ34616">
        <v>2</v>
      </c>
      <c r="AK34616">
        <v>2</v>
      </c>
      <c r="AL34616">
        <v>2</v>
      </c>
      <c r="AM34616">
        <v>2</v>
      </c>
      <c r="AN34616">
        <v>2</v>
      </c>
      <c r="AO34616">
        <v>2</v>
      </c>
      <c r="AP34616">
        <v>2</v>
      </c>
      <c r="AQ34616">
        <v>2</v>
      </c>
    </row>
    <row r="34617" spans="1:43">
      <c r="A34617" t="s">
        <v>21445</v>
      </c>
      <c r="B34617" t="s">
        <v>21446</v>
      </c>
      <c r="C34617" t="s">
        <v>21315</v>
      </c>
      <c r="D34617" t="s">
        <v>21316</v>
      </c>
      <c r="E34617" t="s">
        <v>21317</v>
      </c>
      <c r="F34617" t="s">
        <v>21318</v>
      </c>
      <c r="G34617" t="s">
        <v>20255</v>
      </c>
      <c r="H34617" t="s">
        <v>20256</v>
      </c>
      <c r="I34617" s="2">
        <v>1</v>
      </c>
      <c r="J34617" s="2">
        <v>0</v>
      </c>
      <c r="K34617" s="2">
        <v>0</v>
      </c>
      <c r="L34617" t="s">
        <v>120</v>
      </c>
      <c r="M34617" t="s">
        <v>83</v>
      </c>
      <c r="N34617" t="s">
        <v>91</v>
      </c>
      <c r="O34617" t="s">
        <v>85</v>
      </c>
      <c r="P34617" t="s">
        <v>86</v>
      </c>
      <c r="Q34617">
        <v>1</v>
      </c>
      <c r="R34617">
        <v>1</v>
      </c>
      <c r="S34617">
        <v>1</v>
      </c>
      <c r="T34617">
        <v>1</v>
      </c>
      <c r="U34617">
        <v>1</v>
      </c>
      <c r="V34617">
        <v>1</v>
      </c>
      <c r="W34617">
        <v>1</v>
      </c>
      <c r="X34617">
        <v>1</v>
      </c>
      <c r="Y34617">
        <v>1</v>
      </c>
      <c r="Z34617">
        <v>2</v>
      </c>
      <c r="AA34617">
        <v>2</v>
      </c>
      <c r="AB34617">
        <v>2</v>
      </c>
      <c r="AC34617">
        <v>2</v>
      </c>
      <c r="AD34617">
        <v>2</v>
      </c>
      <c r="AE34617">
        <v>2</v>
      </c>
      <c r="AF34617">
        <v>2</v>
      </c>
      <c r="AG34617">
        <v>2</v>
      </c>
      <c r="AH34617">
        <v>2</v>
      </c>
      <c r="AI34617">
        <v>2</v>
      </c>
      <c r="AJ34617">
        <v>2</v>
      </c>
      <c r="AK34617">
        <v>2</v>
      </c>
      <c r="AL34617">
        <v>2</v>
      </c>
      <c r="AM34617">
        <v>2</v>
      </c>
      <c r="AN34617">
        <v>2</v>
      </c>
      <c r="AO34617">
        <v>2</v>
      </c>
      <c r="AP34617">
        <v>2</v>
      </c>
      <c r="AQ34617">
        <v>2</v>
      </c>
    </row>
    <row r="34618" spans="1:43">
      <c r="A34618" t="s">
        <v>21447</v>
      </c>
      <c r="B34618" t="s">
        <v>21448</v>
      </c>
      <c r="C34618" t="s">
        <v>21449</v>
      </c>
      <c r="D34618" t="s">
        <v>21450</v>
      </c>
      <c r="E34618" t="s">
        <v>21317</v>
      </c>
      <c r="F34618" t="s">
        <v>21318</v>
      </c>
      <c r="G34618" t="s">
        <v>20255</v>
      </c>
      <c r="H34618" t="s">
        <v>20256</v>
      </c>
      <c r="I34618" s="2">
        <v>1</v>
      </c>
      <c r="J34618" s="2">
        <v>0</v>
      </c>
      <c r="K34618" s="2">
        <v>0</v>
      </c>
      <c r="L34618" t="s">
        <v>120</v>
      </c>
      <c r="M34618" t="s">
        <v>83</v>
      </c>
      <c r="N34618" t="s">
        <v>84</v>
      </c>
      <c r="O34618" t="s">
        <v>85</v>
      </c>
      <c r="P34618" t="s">
        <v>86</v>
      </c>
      <c r="Q34618">
        <v>20</v>
      </c>
      <c r="R34618">
        <v>20</v>
      </c>
      <c r="S34618">
        <v>21</v>
      </c>
      <c r="T34618">
        <v>22</v>
      </c>
      <c r="U34618">
        <v>23</v>
      </c>
      <c r="V34618">
        <v>23</v>
      </c>
      <c r="W34618">
        <v>24</v>
      </c>
      <c r="X34618">
        <v>25</v>
      </c>
      <c r="Y34618">
        <v>26</v>
      </c>
      <c r="Z34618">
        <v>26</v>
      </c>
      <c r="AA34618">
        <v>27</v>
      </c>
      <c r="AB34618">
        <v>28</v>
      </c>
      <c r="AC34618">
        <v>29</v>
      </c>
      <c r="AD34618">
        <v>30</v>
      </c>
      <c r="AE34618">
        <v>30</v>
      </c>
      <c r="AF34618">
        <v>31</v>
      </c>
      <c r="AG34618">
        <v>32</v>
      </c>
      <c r="AH34618">
        <v>33</v>
      </c>
      <c r="AI34618">
        <v>34</v>
      </c>
      <c r="AJ34618">
        <v>35</v>
      </c>
      <c r="AK34618">
        <v>36</v>
      </c>
      <c r="AL34618">
        <v>37</v>
      </c>
      <c r="AM34618">
        <v>37</v>
      </c>
      <c r="AN34618">
        <v>38</v>
      </c>
      <c r="AO34618">
        <v>39</v>
      </c>
      <c r="AP34618">
        <v>39</v>
      </c>
      <c r="AQ34618">
        <v>40</v>
      </c>
    </row>
    <row r="34619" spans="1:43">
      <c r="A34619" t="s">
        <v>21447</v>
      </c>
      <c r="B34619" t="s">
        <v>21448</v>
      </c>
      <c r="C34619" t="s">
        <v>21449</v>
      </c>
      <c r="D34619" t="s">
        <v>21450</v>
      </c>
      <c r="E34619" t="s">
        <v>21317</v>
      </c>
      <c r="F34619" t="s">
        <v>21318</v>
      </c>
      <c r="G34619" t="s">
        <v>20255</v>
      </c>
      <c r="H34619" t="s">
        <v>20256</v>
      </c>
      <c r="I34619" s="2">
        <v>1</v>
      </c>
      <c r="J34619" s="2">
        <v>0</v>
      </c>
      <c r="K34619" s="2">
        <v>0</v>
      </c>
      <c r="L34619" t="s">
        <v>120</v>
      </c>
      <c r="M34619" t="s">
        <v>87</v>
      </c>
      <c r="N34619" t="s">
        <v>88</v>
      </c>
      <c r="O34619" t="s">
        <v>85</v>
      </c>
      <c r="P34619" t="s">
        <v>86</v>
      </c>
      <c r="Q34619">
        <v>20</v>
      </c>
      <c r="R34619">
        <v>20</v>
      </c>
      <c r="S34619">
        <v>21</v>
      </c>
      <c r="T34619">
        <v>21</v>
      </c>
      <c r="U34619">
        <v>22</v>
      </c>
      <c r="V34619">
        <v>22</v>
      </c>
      <c r="W34619">
        <v>23</v>
      </c>
      <c r="X34619">
        <v>23</v>
      </c>
      <c r="Y34619">
        <v>24</v>
      </c>
      <c r="Z34619">
        <v>24</v>
      </c>
      <c r="AA34619">
        <v>25</v>
      </c>
      <c r="AB34619">
        <v>25</v>
      </c>
      <c r="AC34619">
        <v>26</v>
      </c>
      <c r="AD34619">
        <v>26</v>
      </c>
      <c r="AE34619">
        <v>27</v>
      </c>
      <c r="AF34619">
        <v>28</v>
      </c>
      <c r="AG34619">
        <v>28</v>
      </c>
      <c r="AH34619">
        <v>29</v>
      </c>
      <c r="AI34619">
        <v>30</v>
      </c>
      <c r="AJ34619">
        <v>30</v>
      </c>
      <c r="AK34619">
        <v>31</v>
      </c>
      <c r="AL34619">
        <v>31</v>
      </c>
      <c r="AM34619">
        <v>32</v>
      </c>
      <c r="AN34619">
        <v>33</v>
      </c>
      <c r="AO34619">
        <v>33</v>
      </c>
      <c r="AP34619">
        <v>34</v>
      </c>
      <c r="AQ34619">
        <v>35</v>
      </c>
    </row>
    <row r="34620" spans="1:43">
      <c r="A34620" t="s">
        <v>21447</v>
      </c>
      <c r="B34620" t="s">
        <v>21448</v>
      </c>
      <c r="C34620" t="s">
        <v>21449</v>
      </c>
      <c r="D34620" t="s">
        <v>21450</v>
      </c>
      <c r="E34620" t="s">
        <v>21317</v>
      </c>
      <c r="F34620" t="s">
        <v>21318</v>
      </c>
      <c r="G34620" t="s">
        <v>20255</v>
      </c>
      <c r="H34620" t="s">
        <v>20256</v>
      </c>
      <c r="I34620" s="2">
        <v>1</v>
      </c>
      <c r="J34620" s="2">
        <v>0</v>
      </c>
      <c r="K34620" s="2">
        <v>0</v>
      </c>
      <c r="L34620" t="s">
        <v>120</v>
      </c>
      <c r="M34620" t="s">
        <v>89</v>
      </c>
      <c r="N34620" t="s">
        <v>90</v>
      </c>
      <c r="O34620" t="s">
        <v>85</v>
      </c>
      <c r="P34620" t="s">
        <v>86</v>
      </c>
      <c r="Q34620">
        <v>20</v>
      </c>
      <c r="R34620">
        <v>21</v>
      </c>
      <c r="S34620">
        <v>22</v>
      </c>
      <c r="T34620">
        <v>23</v>
      </c>
      <c r="U34620">
        <v>23</v>
      </c>
      <c r="V34620">
        <v>24</v>
      </c>
      <c r="W34620">
        <v>25</v>
      </c>
      <c r="X34620">
        <v>26</v>
      </c>
      <c r="Y34620">
        <v>27</v>
      </c>
      <c r="Z34620">
        <v>28</v>
      </c>
      <c r="AA34620">
        <v>29</v>
      </c>
      <c r="AB34620">
        <v>30</v>
      </c>
      <c r="AC34620">
        <v>31</v>
      </c>
      <c r="AD34620">
        <v>32</v>
      </c>
      <c r="AE34620">
        <v>33</v>
      </c>
      <c r="AF34620">
        <v>33</v>
      </c>
      <c r="AG34620">
        <v>34</v>
      </c>
      <c r="AH34620">
        <v>34</v>
      </c>
      <c r="AI34620">
        <v>35</v>
      </c>
      <c r="AJ34620">
        <v>36</v>
      </c>
      <c r="AK34620">
        <v>36</v>
      </c>
      <c r="AL34620">
        <v>37</v>
      </c>
      <c r="AM34620">
        <v>38</v>
      </c>
      <c r="AN34620">
        <v>38</v>
      </c>
      <c r="AO34620">
        <v>39</v>
      </c>
      <c r="AP34620">
        <v>40</v>
      </c>
      <c r="AQ34620">
        <v>40</v>
      </c>
    </row>
    <row r="34621" spans="1:43">
      <c r="A34621" t="s">
        <v>21447</v>
      </c>
      <c r="B34621" t="s">
        <v>21448</v>
      </c>
      <c r="C34621" t="s">
        <v>21449</v>
      </c>
      <c r="D34621" t="s">
        <v>21450</v>
      </c>
      <c r="E34621" t="s">
        <v>21317</v>
      </c>
      <c r="F34621" t="s">
        <v>21318</v>
      </c>
      <c r="G34621" t="s">
        <v>20255</v>
      </c>
      <c r="H34621" t="s">
        <v>20256</v>
      </c>
      <c r="I34621" s="2">
        <v>1</v>
      </c>
      <c r="J34621" s="2">
        <v>0</v>
      </c>
      <c r="K34621" s="2">
        <v>0</v>
      </c>
      <c r="L34621" t="s">
        <v>120</v>
      </c>
      <c r="M34621" t="s">
        <v>83</v>
      </c>
      <c r="N34621" t="s">
        <v>91</v>
      </c>
      <c r="O34621" t="s">
        <v>85</v>
      </c>
      <c r="P34621" t="s">
        <v>86</v>
      </c>
      <c r="Q34621">
        <v>20</v>
      </c>
      <c r="R34621">
        <v>20</v>
      </c>
      <c r="S34621">
        <v>21</v>
      </c>
      <c r="T34621">
        <v>22</v>
      </c>
      <c r="U34621">
        <v>23</v>
      </c>
      <c r="V34621">
        <v>23</v>
      </c>
      <c r="W34621">
        <v>24</v>
      </c>
      <c r="X34621">
        <v>25</v>
      </c>
      <c r="Y34621">
        <v>26</v>
      </c>
      <c r="Z34621">
        <v>26</v>
      </c>
      <c r="AA34621">
        <v>27</v>
      </c>
      <c r="AB34621">
        <v>28</v>
      </c>
      <c r="AC34621">
        <v>29</v>
      </c>
      <c r="AD34621">
        <v>30</v>
      </c>
      <c r="AE34621">
        <v>30</v>
      </c>
      <c r="AF34621">
        <v>31</v>
      </c>
      <c r="AG34621">
        <v>32</v>
      </c>
      <c r="AH34621">
        <v>33</v>
      </c>
      <c r="AI34621">
        <v>34</v>
      </c>
      <c r="AJ34621">
        <v>35</v>
      </c>
      <c r="AK34621">
        <v>36</v>
      </c>
      <c r="AL34621">
        <v>37</v>
      </c>
      <c r="AM34621">
        <v>37</v>
      </c>
      <c r="AN34621">
        <v>38</v>
      </c>
      <c r="AO34621">
        <v>39</v>
      </c>
      <c r="AP34621">
        <v>39</v>
      </c>
      <c r="AQ34621">
        <v>40</v>
      </c>
    </row>
    <row r="34622" spans="1:43">
      <c r="A34622" t="s">
        <v>21451</v>
      </c>
      <c r="B34622" t="s">
        <v>21452</v>
      </c>
      <c r="C34622" t="s">
        <v>21433</v>
      </c>
      <c r="D34622" t="s">
        <v>21434</v>
      </c>
      <c r="E34622" t="s">
        <v>21317</v>
      </c>
      <c r="F34622" t="s">
        <v>21318</v>
      </c>
      <c r="G34622" t="s">
        <v>20255</v>
      </c>
      <c r="H34622" t="s">
        <v>20256</v>
      </c>
      <c r="I34622" s="2">
        <v>1</v>
      </c>
      <c r="J34622" s="2">
        <v>0</v>
      </c>
      <c r="K34622" s="2">
        <v>0</v>
      </c>
      <c r="L34622" t="s">
        <v>120</v>
      </c>
      <c r="M34622" t="s">
        <v>83</v>
      </c>
      <c r="N34622" t="s">
        <v>84</v>
      </c>
      <c r="O34622" t="s">
        <v>85</v>
      </c>
      <c r="P34622" t="s">
        <v>86</v>
      </c>
      <c r="Q34622">
        <v>25</v>
      </c>
      <c r="R34622">
        <v>26</v>
      </c>
      <c r="S34622">
        <v>27</v>
      </c>
      <c r="T34622">
        <v>28</v>
      </c>
      <c r="U34622">
        <v>29</v>
      </c>
      <c r="V34622">
        <v>30</v>
      </c>
      <c r="W34622">
        <v>31</v>
      </c>
      <c r="X34622">
        <v>32</v>
      </c>
      <c r="Y34622">
        <v>33</v>
      </c>
      <c r="Z34622">
        <v>34</v>
      </c>
      <c r="AA34622">
        <v>35</v>
      </c>
      <c r="AB34622">
        <v>36</v>
      </c>
      <c r="AC34622">
        <v>37</v>
      </c>
      <c r="AD34622">
        <v>38</v>
      </c>
      <c r="AE34622">
        <v>39</v>
      </c>
      <c r="AF34622">
        <v>40</v>
      </c>
      <c r="AG34622">
        <v>41</v>
      </c>
      <c r="AH34622">
        <v>43</v>
      </c>
      <c r="AI34622">
        <v>44</v>
      </c>
      <c r="AJ34622">
        <v>45</v>
      </c>
      <c r="AK34622">
        <v>46</v>
      </c>
      <c r="AL34622">
        <v>47</v>
      </c>
      <c r="AM34622">
        <v>48</v>
      </c>
      <c r="AN34622">
        <v>49</v>
      </c>
      <c r="AO34622">
        <v>50</v>
      </c>
      <c r="AP34622">
        <v>51</v>
      </c>
      <c r="AQ34622">
        <v>51</v>
      </c>
    </row>
    <row r="34623" spans="1:43">
      <c r="A34623" t="s">
        <v>21451</v>
      </c>
      <c r="B34623" t="s">
        <v>21452</v>
      </c>
      <c r="C34623" t="s">
        <v>21433</v>
      </c>
      <c r="D34623" t="s">
        <v>21434</v>
      </c>
      <c r="E34623" t="s">
        <v>21317</v>
      </c>
      <c r="F34623" t="s">
        <v>21318</v>
      </c>
      <c r="G34623" t="s">
        <v>20255</v>
      </c>
      <c r="H34623" t="s">
        <v>20256</v>
      </c>
      <c r="I34623" s="2">
        <v>1</v>
      </c>
      <c r="J34623" s="2">
        <v>0</v>
      </c>
      <c r="K34623" s="2">
        <v>0</v>
      </c>
      <c r="L34623" t="s">
        <v>120</v>
      </c>
      <c r="M34623" t="s">
        <v>87</v>
      </c>
      <c r="N34623" t="s">
        <v>88</v>
      </c>
      <c r="O34623" t="s">
        <v>85</v>
      </c>
      <c r="P34623" t="s">
        <v>86</v>
      </c>
      <c r="Q34623">
        <v>25</v>
      </c>
      <c r="R34623">
        <v>26</v>
      </c>
      <c r="S34623">
        <v>26</v>
      </c>
      <c r="T34623">
        <v>27</v>
      </c>
      <c r="U34623">
        <v>28</v>
      </c>
      <c r="V34623">
        <v>28</v>
      </c>
      <c r="W34623">
        <v>29</v>
      </c>
      <c r="X34623">
        <v>30</v>
      </c>
      <c r="Y34623">
        <v>30</v>
      </c>
      <c r="Z34623">
        <v>31</v>
      </c>
      <c r="AA34623">
        <v>32</v>
      </c>
      <c r="AB34623">
        <v>33</v>
      </c>
      <c r="AC34623">
        <v>33</v>
      </c>
      <c r="AD34623">
        <v>34</v>
      </c>
      <c r="AE34623">
        <v>35</v>
      </c>
      <c r="AF34623">
        <v>36</v>
      </c>
      <c r="AG34623">
        <v>36</v>
      </c>
      <c r="AH34623">
        <v>37</v>
      </c>
      <c r="AI34623">
        <v>38</v>
      </c>
      <c r="AJ34623">
        <v>39</v>
      </c>
      <c r="AK34623">
        <v>40</v>
      </c>
      <c r="AL34623">
        <v>40</v>
      </c>
      <c r="AM34623">
        <v>41</v>
      </c>
      <c r="AN34623">
        <v>42</v>
      </c>
      <c r="AO34623">
        <v>43</v>
      </c>
      <c r="AP34623">
        <v>44</v>
      </c>
      <c r="AQ34623">
        <v>45</v>
      </c>
    </row>
    <row r="34624" spans="1:43">
      <c r="A34624" t="s">
        <v>21451</v>
      </c>
      <c r="B34624" t="s">
        <v>21452</v>
      </c>
      <c r="C34624" t="s">
        <v>21433</v>
      </c>
      <c r="D34624" t="s">
        <v>21434</v>
      </c>
      <c r="E34624" t="s">
        <v>21317</v>
      </c>
      <c r="F34624" t="s">
        <v>21318</v>
      </c>
      <c r="G34624" t="s">
        <v>20255</v>
      </c>
      <c r="H34624" t="s">
        <v>20256</v>
      </c>
      <c r="I34624" s="2">
        <v>1</v>
      </c>
      <c r="J34624" s="2">
        <v>0</v>
      </c>
      <c r="K34624" s="2">
        <v>0</v>
      </c>
      <c r="L34624" t="s">
        <v>120</v>
      </c>
      <c r="M34624" t="s">
        <v>89</v>
      </c>
      <c r="N34624" t="s">
        <v>90</v>
      </c>
      <c r="O34624" t="s">
        <v>85</v>
      </c>
      <c r="P34624" t="s">
        <v>86</v>
      </c>
      <c r="Q34624">
        <v>25</v>
      </c>
      <c r="R34624">
        <v>26</v>
      </c>
      <c r="S34624">
        <v>27</v>
      </c>
      <c r="T34624">
        <v>28</v>
      </c>
      <c r="U34624">
        <v>29</v>
      </c>
      <c r="V34624">
        <v>30</v>
      </c>
      <c r="W34624">
        <v>31</v>
      </c>
      <c r="X34624">
        <v>33</v>
      </c>
      <c r="Y34624">
        <v>34</v>
      </c>
      <c r="Z34624">
        <v>35</v>
      </c>
      <c r="AA34624">
        <v>36</v>
      </c>
      <c r="AB34624">
        <v>37</v>
      </c>
      <c r="AC34624">
        <v>39</v>
      </c>
      <c r="AD34624">
        <v>40</v>
      </c>
      <c r="AE34624">
        <v>41</v>
      </c>
      <c r="AF34624">
        <v>42</v>
      </c>
      <c r="AG34624">
        <v>42</v>
      </c>
      <c r="AH34624">
        <v>43</v>
      </c>
      <c r="AI34624">
        <v>44</v>
      </c>
      <c r="AJ34624">
        <v>45</v>
      </c>
      <c r="AK34624">
        <v>46</v>
      </c>
      <c r="AL34624">
        <v>47</v>
      </c>
      <c r="AM34624">
        <v>47</v>
      </c>
      <c r="AN34624">
        <v>48</v>
      </c>
      <c r="AO34624">
        <v>49</v>
      </c>
      <c r="AP34624">
        <v>50</v>
      </c>
      <c r="AQ34624">
        <v>51</v>
      </c>
    </row>
    <row r="34625" spans="1:43">
      <c r="A34625" t="s">
        <v>21451</v>
      </c>
      <c r="B34625" t="s">
        <v>21452</v>
      </c>
      <c r="C34625" t="s">
        <v>21433</v>
      </c>
      <c r="D34625" t="s">
        <v>21434</v>
      </c>
      <c r="E34625" t="s">
        <v>21317</v>
      </c>
      <c r="F34625" t="s">
        <v>21318</v>
      </c>
      <c r="G34625" t="s">
        <v>20255</v>
      </c>
      <c r="H34625" t="s">
        <v>20256</v>
      </c>
      <c r="I34625" s="2">
        <v>1</v>
      </c>
      <c r="J34625" s="2">
        <v>0</v>
      </c>
      <c r="K34625" s="2">
        <v>0</v>
      </c>
      <c r="L34625" t="s">
        <v>120</v>
      </c>
      <c r="M34625" t="s">
        <v>83</v>
      </c>
      <c r="N34625" t="s">
        <v>91</v>
      </c>
      <c r="O34625" t="s">
        <v>85</v>
      </c>
      <c r="P34625" t="s">
        <v>86</v>
      </c>
      <c r="Q34625">
        <v>25</v>
      </c>
      <c r="R34625">
        <v>26</v>
      </c>
      <c r="S34625">
        <v>27</v>
      </c>
      <c r="T34625">
        <v>28</v>
      </c>
      <c r="U34625">
        <v>29</v>
      </c>
      <c r="V34625">
        <v>30</v>
      </c>
      <c r="W34625">
        <v>31</v>
      </c>
      <c r="X34625">
        <v>32</v>
      </c>
      <c r="Y34625">
        <v>33</v>
      </c>
      <c r="Z34625">
        <v>34</v>
      </c>
      <c r="AA34625">
        <v>35</v>
      </c>
      <c r="AB34625">
        <v>36</v>
      </c>
      <c r="AC34625">
        <v>37</v>
      </c>
      <c r="AD34625">
        <v>38</v>
      </c>
      <c r="AE34625">
        <v>39</v>
      </c>
      <c r="AF34625">
        <v>40</v>
      </c>
      <c r="AG34625">
        <v>41</v>
      </c>
      <c r="AH34625">
        <v>43</v>
      </c>
      <c r="AI34625">
        <v>44</v>
      </c>
      <c r="AJ34625">
        <v>45</v>
      </c>
      <c r="AK34625">
        <v>46</v>
      </c>
      <c r="AL34625">
        <v>47</v>
      </c>
      <c r="AM34625">
        <v>48</v>
      </c>
      <c r="AN34625">
        <v>49</v>
      </c>
      <c r="AO34625">
        <v>50</v>
      </c>
      <c r="AP34625">
        <v>51</v>
      </c>
      <c r="AQ34625">
        <v>51</v>
      </c>
    </row>
    <row r="34626" spans="1:43">
      <c r="A34626" t="s">
        <v>21453</v>
      </c>
      <c r="B34626" t="s">
        <v>21454</v>
      </c>
      <c r="C34626" t="s">
        <v>21333</v>
      </c>
      <c r="D34626" t="s">
        <v>21334</v>
      </c>
      <c r="E34626" t="s">
        <v>21317</v>
      </c>
      <c r="F34626" t="s">
        <v>21318</v>
      </c>
      <c r="G34626" t="s">
        <v>20255</v>
      </c>
      <c r="H34626" t="s">
        <v>20256</v>
      </c>
      <c r="I34626" s="2">
        <v>1</v>
      </c>
      <c r="J34626" s="2">
        <v>0</v>
      </c>
      <c r="K34626" s="2">
        <v>0</v>
      </c>
      <c r="L34626" t="s">
        <v>120</v>
      </c>
      <c r="M34626" t="s">
        <v>83</v>
      </c>
      <c r="N34626" t="s">
        <v>84</v>
      </c>
      <c r="O34626" t="s">
        <v>85</v>
      </c>
      <c r="P34626" t="s">
        <v>86</v>
      </c>
      <c r="Q34626">
        <v>12</v>
      </c>
      <c r="R34626">
        <v>13</v>
      </c>
      <c r="S34626">
        <v>13</v>
      </c>
      <c r="T34626">
        <v>14</v>
      </c>
      <c r="U34626">
        <v>14</v>
      </c>
      <c r="V34626">
        <v>14</v>
      </c>
      <c r="W34626">
        <v>15</v>
      </c>
      <c r="X34626">
        <v>15</v>
      </c>
      <c r="Y34626">
        <v>16</v>
      </c>
      <c r="Z34626">
        <v>16</v>
      </c>
      <c r="AA34626">
        <v>17</v>
      </c>
      <c r="AB34626">
        <v>17</v>
      </c>
      <c r="AC34626">
        <v>18</v>
      </c>
      <c r="AD34626">
        <v>18</v>
      </c>
      <c r="AE34626">
        <v>19</v>
      </c>
      <c r="AF34626">
        <v>19</v>
      </c>
      <c r="AG34626">
        <v>20</v>
      </c>
      <c r="AH34626">
        <v>20</v>
      </c>
      <c r="AI34626">
        <v>21</v>
      </c>
      <c r="AJ34626">
        <v>22</v>
      </c>
      <c r="AK34626">
        <v>22</v>
      </c>
      <c r="AL34626">
        <v>23</v>
      </c>
      <c r="AM34626">
        <v>23</v>
      </c>
      <c r="AN34626">
        <v>23</v>
      </c>
      <c r="AO34626">
        <v>24</v>
      </c>
      <c r="AP34626">
        <v>24</v>
      </c>
      <c r="AQ34626">
        <v>25</v>
      </c>
    </row>
    <row r="34627" spans="1:43">
      <c r="A34627" t="s">
        <v>21453</v>
      </c>
      <c r="B34627" t="s">
        <v>21454</v>
      </c>
      <c r="C34627" t="s">
        <v>21333</v>
      </c>
      <c r="D34627" t="s">
        <v>21334</v>
      </c>
      <c r="E34627" t="s">
        <v>21317</v>
      </c>
      <c r="F34627" t="s">
        <v>21318</v>
      </c>
      <c r="G34627" t="s">
        <v>20255</v>
      </c>
      <c r="H34627" t="s">
        <v>20256</v>
      </c>
      <c r="I34627" s="2">
        <v>1</v>
      </c>
      <c r="J34627" s="2">
        <v>0</v>
      </c>
      <c r="K34627" s="2">
        <v>0</v>
      </c>
      <c r="L34627" t="s">
        <v>120</v>
      </c>
      <c r="M34627" t="s">
        <v>87</v>
      </c>
      <c r="N34627" t="s">
        <v>88</v>
      </c>
      <c r="O34627" t="s">
        <v>85</v>
      </c>
      <c r="P34627" t="s">
        <v>86</v>
      </c>
      <c r="Q34627">
        <v>12</v>
      </c>
      <c r="R34627">
        <v>12</v>
      </c>
      <c r="S34627">
        <v>13</v>
      </c>
      <c r="T34627">
        <v>13</v>
      </c>
      <c r="U34627">
        <v>13</v>
      </c>
      <c r="V34627">
        <v>14</v>
      </c>
      <c r="W34627">
        <v>14</v>
      </c>
      <c r="X34627">
        <v>14</v>
      </c>
      <c r="Y34627">
        <v>15</v>
      </c>
      <c r="Z34627">
        <v>15</v>
      </c>
      <c r="AA34627">
        <v>15</v>
      </c>
      <c r="AB34627">
        <v>16</v>
      </c>
      <c r="AC34627">
        <v>16</v>
      </c>
      <c r="AD34627">
        <v>16</v>
      </c>
      <c r="AE34627">
        <v>17</v>
      </c>
      <c r="AF34627">
        <v>17</v>
      </c>
      <c r="AG34627">
        <v>17</v>
      </c>
      <c r="AH34627">
        <v>18</v>
      </c>
      <c r="AI34627">
        <v>18</v>
      </c>
      <c r="AJ34627">
        <v>19</v>
      </c>
      <c r="AK34627">
        <v>19</v>
      </c>
      <c r="AL34627">
        <v>19</v>
      </c>
      <c r="AM34627">
        <v>20</v>
      </c>
      <c r="AN34627">
        <v>20</v>
      </c>
      <c r="AO34627">
        <v>21</v>
      </c>
      <c r="AP34627">
        <v>21</v>
      </c>
      <c r="AQ34627">
        <v>21</v>
      </c>
    </row>
    <row r="34628" spans="1:43">
      <c r="A34628" t="s">
        <v>21453</v>
      </c>
      <c r="B34628" t="s">
        <v>21454</v>
      </c>
      <c r="C34628" t="s">
        <v>21333</v>
      </c>
      <c r="D34628" t="s">
        <v>21334</v>
      </c>
      <c r="E34628" t="s">
        <v>21317</v>
      </c>
      <c r="F34628" t="s">
        <v>21318</v>
      </c>
      <c r="G34628" t="s">
        <v>20255</v>
      </c>
      <c r="H34628" t="s">
        <v>20256</v>
      </c>
      <c r="I34628" s="2">
        <v>1</v>
      </c>
      <c r="J34628" s="2">
        <v>0</v>
      </c>
      <c r="K34628" s="2">
        <v>0</v>
      </c>
      <c r="L34628" t="s">
        <v>120</v>
      </c>
      <c r="M34628" t="s">
        <v>89</v>
      </c>
      <c r="N34628" t="s">
        <v>90</v>
      </c>
      <c r="O34628" t="s">
        <v>85</v>
      </c>
      <c r="P34628" t="s">
        <v>86</v>
      </c>
      <c r="Q34628">
        <v>12</v>
      </c>
      <c r="R34628">
        <v>13</v>
      </c>
      <c r="S34628">
        <v>13</v>
      </c>
      <c r="T34628">
        <v>14</v>
      </c>
      <c r="U34628">
        <v>15</v>
      </c>
      <c r="V34628">
        <v>15</v>
      </c>
      <c r="W34628">
        <v>16</v>
      </c>
      <c r="X34628">
        <v>16</v>
      </c>
      <c r="Y34628">
        <v>17</v>
      </c>
      <c r="Z34628">
        <v>17</v>
      </c>
      <c r="AA34628">
        <v>18</v>
      </c>
      <c r="AB34628">
        <v>18</v>
      </c>
      <c r="AC34628">
        <v>19</v>
      </c>
      <c r="AD34628">
        <v>20</v>
      </c>
      <c r="AE34628">
        <v>20</v>
      </c>
      <c r="AF34628">
        <v>21</v>
      </c>
      <c r="AG34628">
        <v>21</v>
      </c>
      <c r="AH34628">
        <v>21</v>
      </c>
      <c r="AI34628">
        <v>22</v>
      </c>
      <c r="AJ34628">
        <v>22</v>
      </c>
      <c r="AK34628">
        <v>22</v>
      </c>
      <c r="AL34628">
        <v>23</v>
      </c>
      <c r="AM34628">
        <v>23</v>
      </c>
      <c r="AN34628">
        <v>24</v>
      </c>
      <c r="AO34628">
        <v>24</v>
      </c>
      <c r="AP34628">
        <v>24</v>
      </c>
      <c r="AQ34628">
        <v>25</v>
      </c>
    </row>
    <row r="34629" spans="1:43">
      <c r="A34629" t="s">
        <v>21453</v>
      </c>
      <c r="B34629" t="s">
        <v>21454</v>
      </c>
      <c r="C34629" t="s">
        <v>21333</v>
      </c>
      <c r="D34629" t="s">
        <v>21334</v>
      </c>
      <c r="E34629" t="s">
        <v>21317</v>
      </c>
      <c r="F34629" t="s">
        <v>21318</v>
      </c>
      <c r="G34629" t="s">
        <v>20255</v>
      </c>
      <c r="H34629" t="s">
        <v>20256</v>
      </c>
      <c r="I34629" s="2">
        <v>1</v>
      </c>
      <c r="J34629" s="2">
        <v>0</v>
      </c>
      <c r="K34629" s="2">
        <v>0</v>
      </c>
      <c r="L34629" t="s">
        <v>120</v>
      </c>
      <c r="M34629" t="s">
        <v>83</v>
      </c>
      <c r="N34629" t="s">
        <v>91</v>
      </c>
      <c r="O34629" t="s">
        <v>85</v>
      </c>
      <c r="P34629" t="s">
        <v>86</v>
      </c>
      <c r="Q34629">
        <v>12</v>
      </c>
      <c r="R34629">
        <v>13</v>
      </c>
      <c r="S34629">
        <v>13</v>
      </c>
      <c r="T34629">
        <v>14</v>
      </c>
      <c r="U34629">
        <v>14</v>
      </c>
      <c r="V34629">
        <v>14</v>
      </c>
      <c r="W34629">
        <v>15</v>
      </c>
      <c r="X34629">
        <v>15</v>
      </c>
      <c r="Y34629">
        <v>16</v>
      </c>
      <c r="Z34629">
        <v>16</v>
      </c>
      <c r="AA34629">
        <v>17</v>
      </c>
      <c r="AB34629">
        <v>17</v>
      </c>
      <c r="AC34629">
        <v>18</v>
      </c>
      <c r="AD34629">
        <v>18</v>
      </c>
      <c r="AE34629">
        <v>19</v>
      </c>
      <c r="AF34629">
        <v>19</v>
      </c>
      <c r="AG34629">
        <v>20</v>
      </c>
      <c r="AH34629">
        <v>20</v>
      </c>
      <c r="AI34629">
        <v>21</v>
      </c>
      <c r="AJ34629">
        <v>22</v>
      </c>
      <c r="AK34629">
        <v>22</v>
      </c>
      <c r="AL34629">
        <v>23</v>
      </c>
      <c r="AM34629">
        <v>23</v>
      </c>
      <c r="AN34629">
        <v>23</v>
      </c>
      <c r="AO34629">
        <v>24</v>
      </c>
      <c r="AP34629">
        <v>24</v>
      </c>
      <c r="AQ34629">
        <v>25</v>
      </c>
    </row>
    <row r="34630" spans="1:43">
      <c r="A34630" t="s">
        <v>21455</v>
      </c>
      <c r="B34630" t="s">
        <v>21456</v>
      </c>
      <c r="C34630" t="s">
        <v>21333</v>
      </c>
      <c r="D34630" t="s">
        <v>21334</v>
      </c>
      <c r="E34630" t="s">
        <v>21317</v>
      </c>
      <c r="F34630" t="s">
        <v>21318</v>
      </c>
      <c r="G34630" t="s">
        <v>20255</v>
      </c>
      <c r="H34630" t="s">
        <v>20256</v>
      </c>
      <c r="I34630" s="2">
        <v>1</v>
      </c>
      <c r="J34630" s="2">
        <v>0</v>
      </c>
      <c r="K34630" s="2">
        <v>0</v>
      </c>
      <c r="L34630" t="s">
        <v>120</v>
      </c>
      <c r="M34630" t="s">
        <v>83</v>
      </c>
      <c r="N34630" t="s">
        <v>84</v>
      </c>
      <c r="O34630" t="s">
        <v>85</v>
      </c>
      <c r="P34630" t="s">
        <v>86</v>
      </c>
      <c r="Q34630">
        <v>21</v>
      </c>
      <c r="R34630">
        <v>22</v>
      </c>
      <c r="S34630">
        <v>23</v>
      </c>
      <c r="T34630">
        <v>24</v>
      </c>
      <c r="U34630">
        <v>24</v>
      </c>
      <c r="V34630">
        <v>25</v>
      </c>
      <c r="W34630">
        <v>26</v>
      </c>
      <c r="X34630">
        <v>27</v>
      </c>
      <c r="Y34630">
        <v>28</v>
      </c>
      <c r="Z34630">
        <v>29</v>
      </c>
      <c r="AA34630">
        <v>29</v>
      </c>
      <c r="AB34630">
        <v>30</v>
      </c>
      <c r="AC34630">
        <v>31</v>
      </c>
      <c r="AD34630">
        <v>32</v>
      </c>
      <c r="AE34630">
        <v>33</v>
      </c>
      <c r="AF34630">
        <v>34</v>
      </c>
      <c r="AG34630">
        <v>35</v>
      </c>
      <c r="AH34630">
        <v>36</v>
      </c>
      <c r="AI34630">
        <v>37</v>
      </c>
      <c r="AJ34630">
        <v>38</v>
      </c>
      <c r="AK34630">
        <v>39</v>
      </c>
      <c r="AL34630">
        <v>40</v>
      </c>
      <c r="AM34630">
        <v>40</v>
      </c>
      <c r="AN34630">
        <v>41</v>
      </c>
      <c r="AO34630">
        <v>42</v>
      </c>
      <c r="AP34630">
        <v>42</v>
      </c>
      <c r="AQ34630">
        <v>43</v>
      </c>
    </row>
    <row r="34631" spans="1:43">
      <c r="A34631" t="s">
        <v>21455</v>
      </c>
      <c r="B34631" t="s">
        <v>21456</v>
      </c>
      <c r="C34631" t="s">
        <v>21333</v>
      </c>
      <c r="D34631" t="s">
        <v>21334</v>
      </c>
      <c r="E34631" t="s">
        <v>21317</v>
      </c>
      <c r="F34631" t="s">
        <v>21318</v>
      </c>
      <c r="G34631" t="s">
        <v>20255</v>
      </c>
      <c r="H34631" t="s">
        <v>20256</v>
      </c>
      <c r="I34631" s="2">
        <v>1</v>
      </c>
      <c r="J34631" s="2">
        <v>0</v>
      </c>
      <c r="K34631" s="2">
        <v>0</v>
      </c>
      <c r="L34631" t="s">
        <v>120</v>
      </c>
      <c r="M34631" t="s">
        <v>87</v>
      </c>
      <c r="N34631" t="s">
        <v>88</v>
      </c>
      <c r="O34631" t="s">
        <v>85</v>
      </c>
      <c r="P34631" t="s">
        <v>86</v>
      </c>
      <c r="Q34631">
        <v>21</v>
      </c>
      <c r="R34631">
        <v>22</v>
      </c>
      <c r="S34631">
        <v>22</v>
      </c>
      <c r="T34631">
        <v>23</v>
      </c>
      <c r="U34631">
        <v>23</v>
      </c>
      <c r="V34631">
        <v>24</v>
      </c>
      <c r="W34631">
        <v>24</v>
      </c>
      <c r="X34631">
        <v>25</v>
      </c>
      <c r="Y34631">
        <v>26</v>
      </c>
      <c r="Z34631">
        <v>26</v>
      </c>
      <c r="AA34631">
        <v>27</v>
      </c>
      <c r="AB34631">
        <v>27</v>
      </c>
      <c r="AC34631">
        <v>28</v>
      </c>
      <c r="AD34631">
        <v>29</v>
      </c>
      <c r="AE34631">
        <v>29</v>
      </c>
      <c r="AF34631">
        <v>30</v>
      </c>
      <c r="AG34631">
        <v>31</v>
      </c>
      <c r="AH34631">
        <v>31</v>
      </c>
      <c r="AI34631">
        <v>32</v>
      </c>
      <c r="AJ34631">
        <v>33</v>
      </c>
      <c r="AK34631">
        <v>33</v>
      </c>
      <c r="AL34631">
        <v>34</v>
      </c>
      <c r="AM34631">
        <v>35</v>
      </c>
      <c r="AN34631">
        <v>35</v>
      </c>
      <c r="AO34631">
        <v>36</v>
      </c>
      <c r="AP34631">
        <v>37</v>
      </c>
      <c r="AQ34631">
        <v>38</v>
      </c>
    </row>
    <row r="34632" spans="1:43">
      <c r="A34632" t="s">
        <v>21455</v>
      </c>
      <c r="B34632" t="s">
        <v>21456</v>
      </c>
      <c r="C34632" t="s">
        <v>21333</v>
      </c>
      <c r="D34632" t="s">
        <v>21334</v>
      </c>
      <c r="E34632" t="s">
        <v>21317</v>
      </c>
      <c r="F34632" t="s">
        <v>21318</v>
      </c>
      <c r="G34632" t="s">
        <v>20255</v>
      </c>
      <c r="H34632" t="s">
        <v>20256</v>
      </c>
      <c r="I34632" s="2">
        <v>1</v>
      </c>
      <c r="J34632" s="2">
        <v>0</v>
      </c>
      <c r="K34632" s="2">
        <v>0</v>
      </c>
      <c r="L34632" t="s">
        <v>120</v>
      </c>
      <c r="M34632" t="s">
        <v>89</v>
      </c>
      <c r="N34632" t="s">
        <v>90</v>
      </c>
      <c r="O34632" t="s">
        <v>85</v>
      </c>
      <c r="P34632" t="s">
        <v>86</v>
      </c>
      <c r="Q34632">
        <v>21</v>
      </c>
      <c r="R34632">
        <v>22</v>
      </c>
      <c r="S34632">
        <v>22</v>
      </c>
      <c r="T34632">
        <v>23</v>
      </c>
      <c r="U34632">
        <v>24</v>
      </c>
      <c r="V34632">
        <v>25</v>
      </c>
      <c r="W34632">
        <v>26</v>
      </c>
      <c r="X34632">
        <v>27</v>
      </c>
      <c r="Y34632">
        <v>28</v>
      </c>
      <c r="Z34632">
        <v>29</v>
      </c>
      <c r="AA34632">
        <v>30</v>
      </c>
      <c r="AB34632">
        <v>31</v>
      </c>
      <c r="AC34632">
        <v>32</v>
      </c>
      <c r="AD34632">
        <v>33</v>
      </c>
      <c r="AE34632">
        <v>34</v>
      </c>
      <c r="AF34632">
        <v>35</v>
      </c>
      <c r="AG34632">
        <v>36</v>
      </c>
      <c r="AH34632">
        <v>36</v>
      </c>
      <c r="AI34632">
        <v>37</v>
      </c>
      <c r="AJ34632">
        <v>38</v>
      </c>
      <c r="AK34632">
        <v>38</v>
      </c>
      <c r="AL34632">
        <v>39</v>
      </c>
      <c r="AM34632">
        <v>40</v>
      </c>
      <c r="AN34632">
        <v>40</v>
      </c>
      <c r="AO34632">
        <v>41</v>
      </c>
      <c r="AP34632">
        <v>42</v>
      </c>
      <c r="AQ34632">
        <v>42</v>
      </c>
    </row>
    <row r="34633" spans="1:43">
      <c r="A34633" t="s">
        <v>21455</v>
      </c>
      <c r="B34633" t="s">
        <v>21456</v>
      </c>
      <c r="C34633" t="s">
        <v>21333</v>
      </c>
      <c r="D34633" t="s">
        <v>21334</v>
      </c>
      <c r="E34633" t="s">
        <v>21317</v>
      </c>
      <c r="F34633" t="s">
        <v>21318</v>
      </c>
      <c r="G34633" t="s">
        <v>20255</v>
      </c>
      <c r="H34633" t="s">
        <v>20256</v>
      </c>
      <c r="I34633" s="2">
        <v>1</v>
      </c>
      <c r="J34633" s="2">
        <v>0</v>
      </c>
      <c r="K34633" s="2">
        <v>0</v>
      </c>
      <c r="L34633" t="s">
        <v>120</v>
      </c>
      <c r="M34633" t="s">
        <v>83</v>
      </c>
      <c r="N34633" t="s">
        <v>91</v>
      </c>
      <c r="O34633" t="s">
        <v>85</v>
      </c>
      <c r="P34633" t="s">
        <v>86</v>
      </c>
      <c r="Q34633">
        <v>21</v>
      </c>
      <c r="R34633">
        <v>22</v>
      </c>
      <c r="S34633">
        <v>23</v>
      </c>
      <c r="T34633">
        <v>24</v>
      </c>
      <c r="U34633">
        <v>24</v>
      </c>
      <c r="V34633">
        <v>25</v>
      </c>
      <c r="W34633">
        <v>26</v>
      </c>
      <c r="X34633">
        <v>27</v>
      </c>
      <c r="Y34633">
        <v>28</v>
      </c>
      <c r="Z34633">
        <v>29</v>
      </c>
      <c r="AA34633">
        <v>29</v>
      </c>
      <c r="AB34633">
        <v>30</v>
      </c>
      <c r="AC34633">
        <v>31</v>
      </c>
      <c r="AD34633">
        <v>32</v>
      </c>
      <c r="AE34633">
        <v>33</v>
      </c>
      <c r="AF34633">
        <v>34</v>
      </c>
      <c r="AG34633">
        <v>35</v>
      </c>
      <c r="AH34633">
        <v>36</v>
      </c>
      <c r="AI34633">
        <v>37</v>
      </c>
      <c r="AJ34633">
        <v>38</v>
      </c>
      <c r="AK34633">
        <v>39</v>
      </c>
      <c r="AL34633">
        <v>40</v>
      </c>
      <c r="AM34633">
        <v>40</v>
      </c>
      <c r="AN34633">
        <v>41</v>
      </c>
      <c r="AO34633">
        <v>42</v>
      </c>
      <c r="AP34633">
        <v>42</v>
      </c>
      <c r="AQ34633">
        <v>43</v>
      </c>
    </row>
    <row r="34634" spans="1:43">
      <c r="A34634" t="s">
        <v>21457</v>
      </c>
      <c r="B34634" t="s">
        <v>21458</v>
      </c>
      <c r="C34634" t="s">
        <v>21345</v>
      </c>
      <c r="D34634" t="s">
        <v>21346</v>
      </c>
      <c r="E34634" t="s">
        <v>21317</v>
      </c>
      <c r="F34634" t="s">
        <v>21318</v>
      </c>
      <c r="G34634" t="s">
        <v>20255</v>
      </c>
      <c r="H34634" t="s">
        <v>20256</v>
      </c>
      <c r="I34634" s="2">
        <v>1</v>
      </c>
      <c r="J34634" s="2">
        <v>0</v>
      </c>
      <c r="K34634" s="2">
        <v>0</v>
      </c>
      <c r="L34634" t="s">
        <v>120</v>
      </c>
      <c r="M34634" t="s">
        <v>83</v>
      </c>
      <c r="N34634" t="s">
        <v>84</v>
      </c>
      <c r="O34634" t="s">
        <v>85</v>
      </c>
      <c r="P34634" t="s">
        <v>86</v>
      </c>
      <c r="Q34634">
        <v>38</v>
      </c>
      <c r="R34634">
        <v>39</v>
      </c>
      <c r="S34634">
        <v>40</v>
      </c>
      <c r="T34634">
        <v>40</v>
      </c>
      <c r="U34634">
        <v>41</v>
      </c>
      <c r="V34634">
        <v>41</v>
      </c>
      <c r="W34634">
        <v>42</v>
      </c>
      <c r="X34634">
        <v>43</v>
      </c>
      <c r="Y34634">
        <v>43</v>
      </c>
      <c r="Z34634">
        <v>44</v>
      </c>
      <c r="AA34634">
        <v>44</v>
      </c>
      <c r="AB34634">
        <v>45</v>
      </c>
      <c r="AC34634">
        <v>46</v>
      </c>
      <c r="AD34634">
        <v>46</v>
      </c>
      <c r="AE34634">
        <v>47</v>
      </c>
      <c r="AF34634">
        <v>47</v>
      </c>
      <c r="AG34634">
        <v>48</v>
      </c>
      <c r="AH34634">
        <v>49</v>
      </c>
      <c r="AI34634">
        <v>49</v>
      </c>
      <c r="AJ34634">
        <v>50</v>
      </c>
      <c r="AK34634">
        <v>50</v>
      </c>
      <c r="AL34634">
        <v>51</v>
      </c>
      <c r="AM34634">
        <v>51</v>
      </c>
      <c r="AN34634">
        <v>51</v>
      </c>
      <c r="AO34634">
        <v>51</v>
      </c>
      <c r="AP34634">
        <v>52</v>
      </c>
      <c r="AQ34634">
        <v>52</v>
      </c>
    </row>
    <row r="34635" spans="1:43">
      <c r="A34635" t="s">
        <v>21457</v>
      </c>
      <c r="B34635" t="s">
        <v>21458</v>
      </c>
      <c r="C34635" t="s">
        <v>21345</v>
      </c>
      <c r="D34635" t="s">
        <v>21346</v>
      </c>
      <c r="E34635" t="s">
        <v>21317</v>
      </c>
      <c r="F34635" t="s">
        <v>21318</v>
      </c>
      <c r="G34635" t="s">
        <v>20255</v>
      </c>
      <c r="H34635" t="s">
        <v>20256</v>
      </c>
      <c r="I34635" s="2">
        <v>1</v>
      </c>
      <c r="J34635" s="2">
        <v>0</v>
      </c>
      <c r="K34635" s="2">
        <v>0</v>
      </c>
      <c r="L34635" t="s">
        <v>120</v>
      </c>
      <c r="M34635" t="s">
        <v>87</v>
      </c>
      <c r="N34635" t="s">
        <v>88</v>
      </c>
      <c r="O34635" t="s">
        <v>85</v>
      </c>
      <c r="P34635" t="s">
        <v>86</v>
      </c>
      <c r="Q34635">
        <v>38</v>
      </c>
      <c r="R34635">
        <v>38</v>
      </c>
      <c r="S34635">
        <v>38</v>
      </c>
      <c r="T34635">
        <v>39</v>
      </c>
      <c r="U34635">
        <v>39</v>
      </c>
      <c r="V34635">
        <v>39</v>
      </c>
      <c r="W34635">
        <v>39</v>
      </c>
      <c r="X34635">
        <v>40</v>
      </c>
      <c r="Y34635">
        <v>40</v>
      </c>
      <c r="Z34635">
        <v>40</v>
      </c>
      <c r="AA34635">
        <v>40</v>
      </c>
      <c r="AB34635">
        <v>41</v>
      </c>
      <c r="AC34635">
        <v>41</v>
      </c>
      <c r="AD34635">
        <v>41</v>
      </c>
      <c r="AE34635">
        <v>42</v>
      </c>
      <c r="AF34635">
        <v>42</v>
      </c>
      <c r="AG34635">
        <v>42</v>
      </c>
      <c r="AH34635">
        <v>42</v>
      </c>
      <c r="AI34635">
        <v>43</v>
      </c>
      <c r="AJ34635">
        <v>43</v>
      </c>
      <c r="AK34635">
        <v>43</v>
      </c>
      <c r="AL34635">
        <v>44</v>
      </c>
      <c r="AM34635">
        <v>44</v>
      </c>
      <c r="AN34635">
        <v>44</v>
      </c>
      <c r="AO34635">
        <v>44</v>
      </c>
      <c r="AP34635">
        <v>45</v>
      </c>
      <c r="AQ34635">
        <v>45</v>
      </c>
    </row>
    <row r="34636" spans="1:43">
      <c r="A34636" t="s">
        <v>21457</v>
      </c>
      <c r="B34636" t="s">
        <v>21458</v>
      </c>
      <c r="C34636" t="s">
        <v>21345</v>
      </c>
      <c r="D34636" t="s">
        <v>21346</v>
      </c>
      <c r="E34636" t="s">
        <v>21317</v>
      </c>
      <c r="F34636" t="s">
        <v>21318</v>
      </c>
      <c r="G34636" t="s">
        <v>20255</v>
      </c>
      <c r="H34636" t="s">
        <v>20256</v>
      </c>
      <c r="I34636" s="2">
        <v>1</v>
      </c>
      <c r="J34636" s="2">
        <v>0</v>
      </c>
      <c r="K34636" s="2">
        <v>0</v>
      </c>
      <c r="L34636" t="s">
        <v>120</v>
      </c>
      <c r="M34636" t="s">
        <v>89</v>
      </c>
      <c r="N34636" t="s">
        <v>90</v>
      </c>
      <c r="O34636" t="s">
        <v>85</v>
      </c>
      <c r="P34636" t="s">
        <v>86</v>
      </c>
      <c r="Q34636">
        <v>38</v>
      </c>
      <c r="R34636">
        <v>39</v>
      </c>
      <c r="S34636">
        <v>40</v>
      </c>
      <c r="T34636">
        <v>40</v>
      </c>
      <c r="U34636">
        <v>41</v>
      </c>
      <c r="V34636">
        <v>42</v>
      </c>
      <c r="W34636">
        <v>43</v>
      </c>
      <c r="X34636">
        <v>44</v>
      </c>
      <c r="Y34636">
        <v>45</v>
      </c>
      <c r="Z34636">
        <v>45</v>
      </c>
      <c r="AA34636">
        <v>46</v>
      </c>
      <c r="AB34636">
        <v>47</v>
      </c>
      <c r="AC34636">
        <v>48</v>
      </c>
      <c r="AD34636">
        <v>48</v>
      </c>
      <c r="AE34636">
        <v>49</v>
      </c>
      <c r="AF34636">
        <v>49</v>
      </c>
      <c r="AG34636">
        <v>49</v>
      </c>
      <c r="AH34636">
        <v>50</v>
      </c>
      <c r="AI34636">
        <v>50</v>
      </c>
      <c r="AJ34636">
        <v>50</v>
      </c>
      <c r="AK34636">
        <v>50</v>
      </c>
      <c r="AL34636">
        <v>50</v>
      </c>
      <c r="AM34636">
        <v>50</v>
      </c>
      <c r="AN34636">
        <v>51</v>
      </c>
      <c r="AO34636">
        <v>51</v>
      </c>
      <c r="AP34636">
        <v>51</v>
      </c>
      <c r="AQ34636">
        <v>51</v>
      </c>
    </row>
    <row r="34637" spans="1:43">
      <c r="A34637" t="s">
        <v>21457</v>
      </c>
      <c r="B34637" t="s">
        <v>21458</v>
      </c>
      <c r="C34637" t="s">
        <v>21345</v>
      </c>
      <c r="D34637" t="s">
        <v>21346</v>
      </c>
      <c r="E34637" t="s">
        <v>21317</v>
      </c>
      <c r="F34637" t="s">
        <v>21318</v>
      </c>
      <c r="G34637" t="s">
        <v>20255</v>
      </c>
      <c r="H34637" t="s">
        <v>20256</v>
      </c>
      <c r="I34637" s="2">
        <v>1</v>
      </c>
      <c r="J34637" s="2">
        <v>0</v>
      </c>
      <c r="K34637" s="2">
        <v>0</v>
      </c>
      <c r="L34637" t="s">
        <v>120</v>
      </c>
      <c r="M34637" t="s">
        <v>83</v>
      </c>
      <c r="N34637" t="s">
        <v>91</v>
      </c>
      <c r="O34637" t="s">
        <v>85</v>
      </c>
      <c r="P34637" t="s">
        <v>86</v>
      </c>
      <c r="Q34637">
        <v>38</v>
      </c>
      <c r="R34637">
        <v>39</v>
      </c>
      <c r="S34637">
        <v>40</v>
      </c>
      <c r="T34637">
        <v>40</v>
      </c>
      <c r="U34637">
        <v>41</v>
      </c>
      <c r="V34637">
        <v>41</v>
      </c>
      <c r="W34637">
        <v>42</v>
      </c>
      <c r="X34637">
        <v>43</v>
      </c>
      <c r="Y34637">
        <v>43</v>
      </c>
      <c r="Z34637">
        <v>44</v>
      </c>
      <c r="AA34637">
        <v>44</v>
      </c>
      <c r="AB34637">
        <v>45</v>
      </c>
      <c r="AC34637">
        <v>46</v>
      </c>
      <c r="AD34637">
        <v>46</v>
      </c>
      <c r="AE34637">
        <v>47</v>
      </c>
      <c r="AF34637">
        <v>47</v>
      </c>
      <c r="AG34637">
        <v>48</v>
      </c>
      <c r="AH34637">
        <v>49</v>
      </c>
      <c r="AI34637">
        <v>49</v>
      </c>
      <c r="AJ34637">
        <v>50</v>
      </c>
      <c r="AK34637">
        <v>50</v>
      </c>
      <c r="AL34637">
        <v>51</v>
      </c>
      <c r="AM34637">
        <v>51</v>
      </c>
      <c r="AN34637">
        <v>51</v>
      </c>
      <c r="AO34637">
        <v>51</v>
      </c>
      <c r="AP34637">
        <v>52</v>
      </c>
      <c r="AQ34637">
        <v>52</v>
      </c>
    </row>
    <row r="34638" spans="1:43">
      <c r="A34638" t="s">
        <v>21459</v>
      </c>
      <c r="B34638" t="s">
        <v>21460</v>
      </c>
      <c r="C34638" t="s">
        <v>21345</v>
      </c>
      <c r="D34638" t="s">
        <v>21346</v>
      </c>
      <c r="E34638" t="s">
        <v>21317</v>
      </c>
      <c r="F34638" t="s">
        <v>21318</v>
      </c>
      <c r="G34638" t="s">
        <v>20255</v>
      </c>
      <c r="H34638" t="s">
        <v>20256</v>
      </c>
      <c r="I34638" s="2">
        <v>1</v>
      </c>
      <c r="J34638" s="2">
        <v>0</v>
      </c>
      <c r="K34638" s="2">
        <v>0</v>
      </c>
      <c r="L34638" t="s">
        <v>120</v>
      </c>
      <c r="M34638" t="s">
        <v>83</v>
      </c>
      <c r="N34638" t="s">
        <v>84</v>
      </c>
      <c r="O34638" t="s">
        <v>85</v>
      </c>
      <c r="P34638" t="s">
        <v>86</v>
      </c>
      <c r="Q34638">
        <v>26</v>
      </c>
      <c r="R34638">
        <v>27</v>
      </c>
      <c r="S34638">
        <v>28</v>
      </c>
      <c r="T34638">
        <v>29</v>
      </c>
      <c r="U34638">
        <v>30</v>
      </c>
      <c r="V34638">
        <v>31</v>
      </c>
      <c r="W34638">
        <v>32</v>
      </c>
      <c r="X34638">
        <v>33</v>
      </c>
      <c r="Y34638">
        <v>34</v>
      </c>
      <c r="Z34638">
        <v>35</v>
      </c>
      <c r="AA34638">
        <v>36</v>
      </c>
      <c r="AB34638">
        <v>37</v>
      </c>
      <c r="AC34638">
        <v>38</v>
      </c>
      <c r="AD34638">
        <v>40</v>
      </c>
      <c r="AE34638">
        <v>41</v>
      </c>
      <c r="AF34638">
        <v>42</v>
      </c>
      <c r="AG34638">
        <v>43</v>
      </c>
      <c r="AH34638">
        <v>44</v>
      </c>
      <c r="AI34638">
        <v>45</v>
      </c>
      <c r="AJ34638">
        <v>47</v>
      </c>
      <c r="AK34638">
        <v>48</v>
      </c>
      <c r="AL34638">
        <v>49</v>
      </c>
      <c r="AM34638">
        <v>50</v>
      </c>
      <c r="AN34638">
        <v>51</v>
      </c>
      <c r="AO34638">
        <v>52</v>
      </c>
      <c r="AP34638">
        <v>52</v>
      </c>
      <c r="AQ34638">
        <v>53</v>
      </c>
    </row>
    <row r="34639" spans="1:43">
      <c r="A34639" t="s">
        <v>21459</v>
      </c>
      <c r="B34639" t="s">
        <v>21460</v>
      </c>
      <c r="C34639" t="s">
        <v>21345</v>
      </c>
      <c r="D34639" t="s">
        <v>21346</v>
      </c>
      <c r="E34639" t="s">
        <v>21317</v>
      </c>
      <c r="F34639" t="s">
        <v>21318</v>
      </c>
      <c r="G34639" t="s">
        <v>20255</v>
      </c>
      <c r="H34639" t="s">
        <v>20256</v>
      </c>
      <c r="I34639" s="2">
        <v>1</v>
      </c>
      <c r="J34639" s="2">
        <v>0</v>
      </c>
      <c r="K34639" s="2">
        <v>0</v>
      </c>
      <c r="L34639" t="s">
        <v>120</v>
      </c>
      <c r="M34639" t="s">
        <v>87</v>
      </c>
      <c r="N34639" t="s">
        <v>88</v>
      </c>
      <c r="O34639" t="s">
        <v>85</v>
      </c>
      <c r="P34639" t="s">
        <v>86</v>
      </c>
      <c r="Q34639">
        <v>26</v>
      </c>
      <c r="R34639">
        <v>27</v>
      </c>
      <c r="S34639">
        <v>28</v>
      </c>
      <c r="T34639">
        <v>28</v>
      </c>
      <c r="U34639">
        <v>29</v>
      </c>
      <c r="V34639">
        <v>30</v>
      </c>
      <c r="W34639">
        <v>30</v>
      </c>
      <c r="X34639">
        <v>31</v>
      </c>
      <c r="Y34639">
        <v>32</v>
      </c>
      <c r="Z34639">
        <v>32</v>
      </c>
      <c r="AA34639">
        <v>33</v>
      </c>
      <c r="AB34639">
        <v>34</v>
      </c>
      <c r="AC34639">
        <v>35</v>
      </c>
      <c r="AD34639">
        <v>35</v>
      </c>
      <c r="AE34639">
        <v>36</v>
      </c>
      <c r="AF34639">
        <v>37</v>
      </c>
      <c r="AG34639">
        <v>38</v>
      </c>
      <c r="AH34639">
        <v>39</v>
      </c>
      <c r="AI34639">
        <v>39</v>
      </c>
      <c r="AJ34639">
        <v>40</v>
      </c>
      <c r="AK34639">
        <v>41</v>
      </c>
      <c r="AL34639">
        <v>42</v>
      </c>
      <c r="AM34639">
        <v>43</v>
      </c>
      <c r="AN34639">
        <v>44</v>
      </c>
      <c r="AO34639">
        <v>45</v>
      </c>
      <c r="AP34639">
        <v>46</v>
      </c>
      <c r="AQ34639">
        <v>46</v>
      </c>
    </row>
    <row r="34640" spans="1:43">
      <c r="A34640" t="s">
        <v>21459</v>
      </c>
      <c r="B34640" t="s">
        <v>21460</v>
      </c>
      <c r="C34640" t="s">
        <v>21345</v>
      </c>
      <c r="D34640" t="s">
        <v>21346</v>
      </c>
      <c r="E34640" t="s">
        <v>21317</v>
      </c>
      <c r="F34640" t="s">
        <v>21318</v>
      </c>
      <c r="G34640" t="s">
        <v>20255</v>
      </c>
      <c r="H34640" t="s">
        <v>20256</v>
      </c>
      <c r="I34640" s="2">
        <v>1</v>
      </c>
      <c r="J34640" s="2">
        <v>0</v>
      </c>
      <c r="K34640" s="2">
        <v>0</v>
      </c>
      <c r="L34640" t="s">
        <v>120</v>
      </c>
      <c r="M34640" t="s">
        <v>89</v>
      </c>
      <c r="N34640" t="s">
        <v>90</v>
      </c>
      <c r="O34640" t="s">
        <v>85</v>
      </c>
      <c r="P34640" t="s">
        <v>86</v>
      </c>
      <c r="Q34640">
        <v>26</v>
      </c>
      <c r="R34640">
        <v>27</v>
      </c>
      <c r="S34640">
        <v>28</v>
      </c>
      <c r="T34640">
        <v>29</v>
      </c>
      <c r="U34640">
        <v>30</v>
      </c>
      <c r="V34640">
        <v>32</v>
      </c>
      <c r="W34640">
        <v>33</v>
      </c>
      <c r="X34640">
        <v>34</v>
      </c>
      <c r="Y34640">
        <v>35</v>
      </c>
      <c r="Z34640">
        <v>36</v>
      </c>
      <c r="AA34640">
        <v>38</v>
      </c>
      <c r="AB34640">
        <v>39</v>
      </c>
      <c r="AC34640">
        <v>40</v>
      </c>
      <c r="AD34640">
        <v>41</v>
      </c>
      <c r="AE34640">
        <v>43</v>
      </c>
      <c r="AF34640">
        <v>43</v>
      </c>
      <c r="AG34640">
        <v>44</v>
      </c>
      <c r="AH34640">
        <v>45</v>
      </c>
      <c r="AI34640">
        <v>46</v>
      </c>
      <c r="AJ34640">
        <v>47</v>
      </c>
      <c r="AK34640">
        <v>48</v>
      </c>
      <c r="AL34640">
        <v>48</v>
      </c>
      <c r="AM34640">
        <v>49</v>
      </c>
      <c r="AN34640">
        <v>50</v>
      </c>
      <c r="AO34640">
        <v>51</v>
      </c>
      <c r="AP34640">
        <v>52</v>
      </c>
      <c r="AQ34640">
        <v>53</v>
      </c>
    </row>
    <row r="34641" spans="1:43">
      <c r="A34641" t="s">
        <v>21459</v>
      </c>
      <c r="B34641" t="s">
        <v>21460</v>
      </c>
      <c r="C34641" t="s">
        <v>21345</v>
      </c>
      <c r="D34641" t="s">
        <v>21346</v>
      </c>
      <c r="E34641" t="s">
        <v>21317</v>
      </c>
      <c r="F34641" t="s">
        <v>21318</v>
      </c>
      <c r="G34641" t="s">
        <v>20255</v>
      </c>
      <c r="H34641" t="s">
        <v>20256</v>
      </c>
      <c r="I34641" s="2">
        <v>1</v>
      </c>
      <c r="J34641" s="2">
        <v>0</v>
      </c>
      <c r="K34641" s="2">
        <v>0</v>
      </c>
      <c r="L34641" t="s">
        <v>120</v>
      </c>
      <c r="M34641" t="s">
        <v>83</v>
      </c>
      <c r="N34641" t="s">
        <v>91</v>
      </c>
      <c r="O34641" t="s">
        <v>85</v>
      </c>
      <c r="P34641" t="s">
        <v>86</v>
      </c>
      <c r="Q34641">
        <v>26</v>
      </c>
      <c r="R34641">
        <v>27</v>
      </c>
      <c r="S34641">
        <v>28</v>
      </c>
      <c r="T34641">
        <v>29</v>
      </c>
      <c r="U34641">
        <v>30</v>
      </c>
      <c r="V34641">
        <v>31</v>
      </c>
      <c r="W34641">
        <v>32</v>
      </c>
      <c r="X34641">
        <v>33</v>
      </c>
      <c r="Y34641">
        <v>34</v>
      </c>
      <c r="Z34641">
        <v>35</v>
      </c>
      <c r="AA34641">
        <v>36</v>
      </c>
      <c r="AB34641">
        <v>37</v>
      </c>
      <c r="AC34641">
        <v>38</v>
      </c>
      <c r="AD34641">
        <v>40</v>
      </c>
      <c r="AE34641">
        <v>41</v>
      </c>
      <c r="AF34641">
        <v>42</v>
      </c>
      <c r="AG34641">
        <v>43</v>
      </c>
      <c r="AH34641">
        <v>44</v>
      </c>
      <c r="AI34641">
        <v>45</v>
      </c>
      <c r="AJ34641">
        <v>47</v>
      </c>
      <c r="AK34641">
        <v>48</v>
      </c>
      <c r="AL34641">
        <v>49</v>
      </c>
      <c r="AM34641">
        <v>50</v>
      </c>
      <c r="AN34641">
        <v>51</v>
      </c>
      <c r="AO34641">
        <v>52</v>
      </c>
      <c r="AP34641">
        <v>52</v>
      </c>
      <c r="AQ34641">
        <v>53</v>
      </c>
    </row>
    <row r="34642" spans="1:43">
      <c r="A34642" t="s">
        <v>21461</v>
      </c>
      <c r="B34642" t="s">
        <v>21462</v>
      </c>
      <c r="C34642" t="s">
        <v>21367</v>
      </c>
      <c r="D34642" t="s">
        <v>21368</v>
      </c>
      <c r="E34642" t="s">
        <v>21317</v>
      </c>
      <c r="F34642" t="s">
        <v>21318</v>
      </c>
      <c r="G34642" t="s">
        <v>20255</v>
      </c>
      <c r="H34642" t="s">
        <v>20256</v>
      </c>
      <c r="I34642" s="2">
        <v>1</v>
      </c>
      <c r="J34642" s="2">
        <v>0</v>
      </c>
      <c r="K34642" s="2">
        <v>0</v>
      </c>
      <c r="L34642" t="s">
        <v>120</v>
      </c>
      <c r="M34642" t="s">
        <v>83</v>
      </c>
      <c r="N34642" t="s">
        <v>84</v>
      </c>
      <c r="O34642" t="s">
        <v>85</v>
      </c>
      <c r="P34642" t="s">
        <v>86</v>
      </c>
      <c r="Q34642">
        <v>8</v>
      </c>
      <c r="R34642">
        <v>8</v>
      </c>
      <c r="S34642">
        <v>8</v>
      </c>
      <c r="T34642">
        <v>8</v>
      </c>
      <c r="U34642">
        <v>9</v>
      </c>
      <c r="V34642">
        <v>9</v>
      </c>
      <c r="W34642">
        <v>9</v>
      </c>
      <c r="X34642">
        <v>10</v>
      </c>
      <c r="Y34642">
        <v>10</v>
      </c>
      <c r="Z34642">
        <v>10</v>
      </c>
      <c r="AA34642">
        <v>11</v>
      </c>
      <c r="AB34642">
        <v>11</v>
      </c>
      <c r="AC34642">
        <v>11</v>
      </c>
      <c r="AD34642">
        <v>12</v>
      </c>
      <c r="AE34642">
        <v>12</v>
      </c>
      <c r="AF34642">
        <v>12</v>
      </c>
      <c r="AG34642">
        <v>13</v>
      </c>
      <c r="AH34642">
        <v>13</v>
      </c>
      <c r="AI34642">
        <v>13</v>
      </c>
      <c r="AJ34642">
        <v>14</v>
      </c>
      <c r="AK34642">
        <v>14</v>
      </c>
      <c r="AL34642">
        <v>14</v>
      </c>
      <c r="AM34642">
        <v>15</v>
      </c>
      <c r="AN34642">
        <v>15</v>
      </c>
      <c r="AO34642">
        <v>15</v>
      </c>
      <c r="AP34642">
        <v>15</v>
      </c>
      <c r="AQ34642">
        <v>16</v>
      </c>
    </row>
    <row r="34643" spans="1:43">
      <c r="A34643" t="s">
        <v>21461</v>
      </c>
      <c r="B34643" t="s">
        <v>21462</v>
      </c>
      <c r="C34643" t="s">
        <v>21367</v>
      </c>
      <c r="D34643" t="s">
        <v>21368</v>
      </c>
      <c r="E34643" t="s">
        <v>21317</v>
      </c>
      <c r="F34643" t="s">
        <v>21318</v>
      </c>
      <c r="G34643" t="s">
        <v>20255</v>
      </c>
      <c r="H34643" t="s">
        <v>20256</v>
      </c>
      <c r="I34643" s="2">
        <v>1</v>
      </c>
      <c r="J34643" s="2">
        <v>0</v>
      </c>
      <c r="K34643" s="2">
        <v>0</v>
      </c>
      <c r="L34643" t="s">
        <v>120</v>
      </c>
      <c r="M34643" t="s">
        <v>87</v>
      </c>
      <c r="N34643" t="s">
        <v>88</v>
      </c>
      <c r="O34643" t="s">
        <v>85</v>
      </c>
      <c r="P34643" t="s">
        <v>86</v>
      </c>
      <c r="Q34643">
        <v>8</v>
      </c>
      <c r="R34643">
        <v>8</v>
      </c>
      <c r="S34643">
        <v>8</v>
      </c>
      <c r="T34643">
        <v>8</v>
      </c>
      <c r="U34643">
        <v>8</v>
      </c>
      <c r="V34643">
        <v>9</v>
      </c>
      <c r="W34643">
        <v>9</v>
      </c>
      <c r="X34643">
        <v>9</v>
      </c>
      <c r="Y34643">
        <v>9</v>
      </c>
      <c r="Z34643">
        <v>9</v>
      </c>
      <c r="AA34643">
        <v>10</v>
      </c>
      <c r="AB34643">
        <v>10</v>
      </c>
      <c r="AC34643">
        <v>10</v>
      </c>
      <c r="AD34643">
        <v>10</v>
      </c>
      <c r="AE34643">
        <v>11</v>
      </c>
      <c r="AF34643">
        <v>11</v>
      </c>
      <c r="AG34643">
        <v>11</v>
      </c>
      <c r="AH34643">
        <v>11</v>
      </c>
      <c r="AI34643">
        <v>11</v>
      </c>
      <c r="AJ34643">
        <v>12</v>
      </c>
      <c r="AK34643">
        <v>12</v>
      </c>
      <c r="AL34643">
        <v>12</v>
      </c>
      <c r="AM34643">
        <v>12</v>
      </c>
      <c r="AN34643">
        <v>13</v>
      </c>
      <c r="AO34643">
        <v>13</v>
      </c>
      <c r="AP34643">
        <v>13</v>
      </c>
      <c r="AQ34643">
        <v>14</v>
      </c>
    </row>
    <row r="34644" spans="1:43">
      <c r="A34644" t="s">
        <v>21461</v>
      </c>
      <c r="B34644" t="s">
        <v>21462</v>
      </c>
      <c r="C34644" t="s">
        <v>21367</v>
      </c>
      <c r="D34644" t="s">
        <v>21368</v>
      </c>
      <c r="E34644" t="s">
        <v>21317</v>
      </c>
      <c r="F34644" t="s">
        <v>21318</v>
      </c>
      <c r="G34644" t="s">
        <v>20255</v>
      </c>
      <c r="H34644" t="s">
        <v>20256</v>
      </c>
      <c r="I34644" s="2">
        <v>1</v>
      </c>
      <c r="J34644" s="2">
        <v>0</v>
      </c>
      <c r="K34644" s="2">
        <v>0</v>
      </c>
      <c r="L34644" t="s">
        <v>120</v>
      </c>
      <c r="M34644" t="s">
        <v>89</v>
      </c>
      <c r="N34644" t="s">
        <v>90</v>
      </c>
      <c r="O34644" t="s">
        <v>85</v>
      </c>
      <c r="P34644" t="s">
        <v>86</v>
      </c>
      <c r="Q34644">
        <v>8</v>
      </c>
      <c r="R34644">
        <v>8</v>
      </c>
      <c r="S34644">
        <v>8</v>
      </c>
      <c r="T34644">
        <v>9</v>
      </c>
      <c r="U34644">
        <v>9</v>
      </c>
      <c r="V34644">
        <v>9</v>
      </c>
      <c r="W34644">
        <v>10</v>
      </c>
      <c r="X34644">
        <v>10</v>
      </c>
      <c r="Y34644">
        <v>11</v>
      </c>
      <c r="Z34644">
        <v>11</v>
      </c>
      <c r="AA34644">
        <v>11</v>
      </c>
      <c r="AB34644">
        <v>12</v>
      </c>
      <c r="AC34644">
        <v>12</v>
      </c>
      <c r="AD34644">
        <v>12</v>
      </c>
      <c r="AE34644">
        <v>13</v>
      </c>
      <c r="AF34644">
        <v>13</v>
      </c>
      <c r="AG34644">
        <v>13</v>
      </c>
      <c r="AH34644">
        <v>13</v>
      </c>
      <c r="AI34644">
        <v>14</v>
      </c>
      <c r="AJ34644">
        <v>14</v>
      </c>
      <c r="AK34644">
        <v>14</v>
      </c>
      <c r="AL34644">
        <v>14</v>
      </c>
      <c r="AM34644">
        <v>15</v>
      </c>
      <c r="AN34644">
        <v>15</v>
      </c>
      <c r="AO34644">
        <v>15</v>
      </c>
      <c r="AP34644">
        <v>15</v>
      </c>
      <c r="AQ34644">
        <v>16</v>
      </c>
    </row>
    <row r="34645" spans="1:43">
      <c r="A34645" t="s">
        <v>21461</v>
      </c>
      <c r="B34645" t="s">
        <v>21462</v>
      </c>
      <c r="C34645" t="s">
        <v>21367</v>
      </c>
      <c r="D34645" t="s">
        <v>21368</v>
      </c>
      <c r="E34645" t="s">
        <v>21317</v>
      </c>
      <c r="F34645" t="s">
        <v>21318</v>
      </c>
      <c r="G34645" t="s">
        <v>20255</v>
      </c>
      <c r="H34645" t="s">
        <v>20256</v>
      </c>
      <c r="I34645" s="2">
        <v>1</v>
      </c>
      <c r="J34645" s="2">
        <v>0</v>
      </c>
      <c r="K34645" s="2">
        <v>0</v>
      </c>
      <c r="L34645" t="s">
        <v>120</v>
      </c>
      <c r="M34645" t="s">
        <v>83</v>
      </c>
      <c r="N34645" t="s">
        <v>91</v>
      </c>
      <c r="O34645" t="s">
        <v>85</v>
      </c>
      <c r="P34645" t="s">
        <v>86</v>
      </c>
      <c r="Q34645">
        <v>8</v>
      </c>
      <c r="R34645">
        <v>8</v>
      </c>
      <c r="S34645">
        <v>8</v>
      </c>
      <c r="T34645">
        <v>8</v>
      </c>
      <c r="U34645">
        <v>9</v>
      </c>
      <c r="V34645">
        <v>9</v>
      </c>
      <c r="W34645">
        <v>9</v>
      </c>
      <c r="X34645">
        <v>10</v>
      </c>
      <c r="Y34645">
        <v>10</v>
      </c>
      <c r="Z34645">
        <v>10</v>
      </c>
      <c r="AA34645">
        <v>11</v>
      </c>
      <c r="AB34645">
        <v>11</v>
      </c>
      <c r="AC34645">
        <v>11</v>
      </c>
      <c r="AD34645">
        <v>12</v>
      </c>
      <c r="AE34645">
        <v>12</v>
      </c>
      <c r="AF34645">
        <v>12</v>
      </c>
      <c r="AG34645">
        <v>13</v>
      </c>
      <c r="AH34645">
        <v>13</v>
      </c>
      <c r="AI34645">
        <v>13</v>
      </c>
      <c r="AJ34645">
        <v>14</v>
      </c>
      <c r="AK34645">
        <v>14</v>
      </c>
      <c r="AL34645">
        <v>14</v>
      </c>
      <c r="AM34645">
        <v>15</v>
      </c>
      <c r="AN34645">
        <v>15</v>
      </c>
      <c r="AO34645">
        <v>15</v>
      </c>
      <c r="AP34645">
        <v>15</v>
      </c>
      <c r="AQ34645">
        <v>16</v>
      </c>
    </row>
    <row r="34646" spans="1:43">
      <c r="A34646" t="s">
        <v>21463</v>
      </c>
      <c r="B34646" t="s">
        <v>21464</v>
      </c>
      <c r="C34646" t="s">
        <v>21367</v>
      </c>
      <c r="D34646" t="s">
        <v>21368</v>
      </c>
      <c r="E34646" t="s">
        <v>21317</v>
      </c>
      <c r="F34646" t="s">
        <v>21318</v>
      </c>
      <c r="G34646" t="s">
        <v>20255</v>
      </c>
      <c r="H34646" t="s">
        <v>20256</v>
      </c>
      <c r="I34646" s="2">
        <v>1</v>
      </c>
      <c r="J34646" s="2">
        <v>0</v>
      </c>
      <c r="K34646" s="2">
        <v>0</v>
      </c>
      <c r="L34646" t="s">
        <v>120</v>
      </c>
      <c r="M34646" t="s">
        <v>83</v>
      </c>
      <c r="N34646" t="s">
        <v>84</v>
      </c>
      <c r="O34646" t="s">
        <v>85</v>
      </c>
      <c r="P34646" t="s">
        <v>86</v>
      </c>
      <c r="Q34646">
        <v>12</v>
      </c>
      <c r="R34646">
        <v>13</v>
      </c>
      <c r="S34646">
        <v>13</v>
      </c>
      <c r="T34646">
        <v>14</v>
      </c>
      <c r="U34646">
        <v>14</v>
      </c>
      <c r="V34646">
        <v>14</v>
      </c>
      <c r="W34646">
        <v>15</v>
      </c>
      <c r="X34646">
        <v>15</v>
      </c>
      <c r="Y34646">
        <v>16</v>
      </c>
      <c r="Z34646">
        <v>16</v>
      </c>
      <c r="AA34646">
        <v>17</v>
      </c>
      <c r="AB34646">
        <v>17</v>
      </c>
      <c r="AC34646">
        <v>18</v>
      </c>
      <c r="AD34646">
        <v>18</v>
      </c>
      <c r="AE34646">
        <v>19</v>
      </c>
      <c r="AF34646">
        <v>19</v>
      </c>
      <c r="AG34646">
        <v>20</v>
      </c>
      <c r="AH34646">
        <v>21</v>
      </c>
      <c r="AI34646">
        <v>21</v>
      </c>
      <c r="AJ34646">
        <v>22</v>
      </c>
      <c r="AK34646">
        <v>22</v>
      </c>
      <c r="AL34646">
        <v>23</v>
      </c>
      <c r="AM34646">
        <v>23</v>
      </c>
      <c r="AN34646">
        <v>24</v>
      </c>
      <c r="AO34646">
        <v>24</v>
      </c>
      <c r="AP34646">
        <v>24</v>
      </c>
      <c r="AQ34646">
        <v>25</v>
      </c>
    </row>
    <row r="34647" spans="1:43">
      <c r="A34647" t="s">
        <v>21463</v>
      </c>
      <c r="B34647" t="s">
        <v>21464</v>
      </c>
      <c r="C34647" t="s">
        <v>21367</v>
      </c>
      <c r="D34647" t="s">
        <v>21368</v>
      </c>
      <c r="E34647" t="s">
        <v>21317</v>
      </c>
      <c r="F34647" t="s">
        <v>21318</v>
      </c>
      <c r="G34647" t="s">
        <v>20255</v>
      </c>
      <c r="H34647" t="s">
        <v>20256</v>
      </c>
      <c r="I34647" s="2">
        <v>1</v>
      </c>
      <c r="J34647" s="2">
        <v>0</v>
      </c>
      <c r="K34647" s="2">
        <v>0</v>
      </c>
      <c r="L34647" t="s">
        <v>120</v>
      </c>
      <c r="M34647" t="s">
        <v>87</v>
      </c>
      <c r="N34647" t="s">
        <v>88</v>
      </c>
      <c r="O34647" t="s">
        <v>85</v>
      </c>
      <c r="P34647" t="s">
        <v>86</v>
      </c>
      <c r="Q34647">
        <v>12</v>
      </c>
      <c r="R34647">
        <v>12</v>
      </c>
      <c r="S34647">
        <v>13</v>
      </c>
      <c r="T34647">
        <v>13</v>
      </c>
      <c r="U34647">
        <v>13</v>
      </c>
      <c r="V34647">
        <v>14</v>
      </c>
      <c r="W34647">
        <v>14</v>
      </c>
      <c r="X34647">
        <v>14</v>
      </c>
      <c r="Y34647">
        <v>15</v>
      </c>
      <c r="Z34647">
        <v>15</v>
      </c>
      <c r="AA34647">
        <v>15</v>
      </c>
      <c r="AB34647">
        <v>16</v>
      </c>
      <c r="AC34647">
        <v>16</v>
      </c>
      <c r="AD34647">
        <v>16</v>
      </c>
      <c r="AE34647">
        <v>17</v>
      </c>
      <c r="AF34647">
        <v>17</v>
      </c>
      <c r="AG34647">
        <v>18</v>
      </c>
      <c r="AH34647">
        <v>18</v>
      </c>
      <c r="AI34647">
        <v>18</v>
      </c>
      <c r="AJ34647">
        <v>19</v>
      </c>
      <c r="AK34647">
        <v>19</v>
      </c>
      <c r="AL34647">
        <v>20</v>
      </c>
      <c r="AM34647">
        <v>20</v>
      </c>
      <c r="AN34647">
        <v>20</v>
      </c>
      <c r="AO34647">
        <v>21</v>
      </c>
      <c r="AP34647">
        <v>21</v>
      </c>
      <c r="AQ34647">
        <v>22</v>
      </c>
    </row>
    <row r="34648" spans="1:43">
      <c r="A34648" t="s">
        <v>21463</v>
      </c>
      <c r="B34648" t="s">
        <v>21464</v>
      </c>
      <c r="C34648" t="s">
        <v>21367</v>
      </c>
      <c r="D34648" t="s">
        <v>21368</v>
      </c>
      <c r="E34648" t="s">
        <v>21317</v>
      </c>
      <c r="F34648" t="s">
        <v>21318</v>
      </c>
      <c r="G34648" t="s">
        <v>20255</v>
      </c>
      <c r="H34648" t="s">
        <v>20256</v>
      </c>
      <c r="I34648" s="2">
        <v>1</v>
      </c>
      <c r="J34648" s="2">
        <v>0</v>
      </c>
      <c r="K34648" s="2">
        <v>0</v>
      </c>
      <c r="L34648" t="s">
        <v>120</v>
      </c>
      <c r="M34648" t="s">
        <v>89</v>
      </c>
      <c r="N34648" t="s">
        <v>90</v>
      </c>
      <c r="O34648" t="s">
        <v>85</v>
      </c>
      <c r="P34648" t="s">
        <v>86</v>
      </c>
      <c r="Q34648">
        <v>12</v>
      </c>
      <c r="R34648">
        <v>13</v>
      </c>
      <c r="S34648">
        <v>13</v>
      </c>
      <c r="T34648">
        <v>14</v>
      </c>
      <c r="U34648">
        <v>15</v>
      </c>
      <c r="V34648">
        <v>15</v>
      </c>
      <c r="W34648">
        <v>16</v>
      </c>
      <c r="X34648">
        <v>16</v>
      </c>
      <c r="Y34648">
        <v>17</v>
      </c>
      <c r="Z34648">
        <v>17</v>
      </c>
      <c r="AA34648">
        <v>18</v>
      </c>
      <c r="AB34648">
        <v>18</v>
      </c>
      <c r="AC34648">
        <v>19</v>
      </c>
      <c r="AD34648">
        <v>20</v>
      </c>
      <c r="AE34648">
        <v>20</v>
      </c>
      <c r="AF34648">
        <v>21</v>
      </c>
      <c r="AG34648">
        <v>21</v>
      </c>
      <c r="AH34648">
        <v>21</v>
      </c>
      <c r="AI34648">
        <v>22</v>
      </c>
      <c r="AJ34648">
        <v>22</v>
      </c>
      <c r="AK34648">
        <v>23</v>
      </c>
      <c r="AL34648">
        <v>23</v>
      </c>
      <c r="AM34648">
        <v>23</v>
      </c>
      <c r="AN34648">
        <v>24</v>
      </c>
      <c r="AO34648">
        <v>24</v>
      </c>
      <c r="AP34648">
        <v>25</v>
      </c>
      <c r="AQ34648">
        <v>25</v>
      </c>
    </row>
    <row r="34649" spans="1:43">
      <c r="A34649" t="s">
        <v>21463</v>
      </c>
      <c r="B34649" t="s">
        <v>21464</v>
      </c>
      <c r="C34649" t="s">
        <v>21367</v>
      </c>
      <c r="D34649" t="s">
        <v>21368</v>
      </c>
      <c r="E34649" t="s">
        <v>21317</v>
      </c>
      <c r="F34649" t="s">
        <v>21318</v>
      </c>
      <c r="G34649" t="s">
        <v>20255</v>
      </c>
      <c r="H34649" t="s">
        <v>20256</v>
      </c>
      <c r="I34649" s="2">
        <v>1</v>
      </c>
      <c r="J34649" s="2">
        <v>0</v>
      </c>
      <c r="K34649" s="2">
        <v>0</v>
      </c>
      <c r="L34649" t="s">
        <v>120</v>
      </c>
      <c r="M34649" t="s">
        <v>83</v>
      </c>
      <c r="N34649" t="s">
        <v>91</v>
      </c>
      <c r="O34649" t="s">
        <v>85</v>
      </c>
      <c r="P34649" t="s">
        <v>86</v>
      </c>
      <c r="Q34649">
        <v>12</v>
      </c>
      <c r="R34649">
        <v>13</v>
      </c>
      <c r="S34649">
        <v>13</v>
      </c>
      <c r="T34649">
        <v>14</v>
      </c>
      <c r="U34649">
        <v>14</v>
      </c>
      <c r="V34649">
        <v>14</v>
      </c>
      <c r="W34649">
        <v>15</v>
      </c>
      <c r="X34649">
        <v>15</v>
      </c>
      <c r="Y34649">
        <v>16</v>
      </c>
      <c r="Z34649">
        <v>16</v>
      </c>
      <c r="AA34649">
        <v>17</v>
      </c>
      <c r="AB34649">
        <v>17</v>
      </c>
      <c r="AC34649">
        <v>18</v>
      </c>
      <c r="AD34649">
        <v>18</v>
      </c>
      <c r="AE34649">
        <v>19</v>
      </c>
      <c r="AF34649">
        <v>19</v>
      </c>
      <c r="AG34649">
        <v>20</v>
      </c>
      <c r="AH34649">
        <v>21</v>
      </c>
      <c r="AI34649">
        <v>21</v>
      </c>
      <c r="AJ34649">
        <v>22</v>
      </c>
      <c r="AK34649">
        <v>22</v>
      </c>
      <c r="AL34649">
        <v>23</v>
      </c>
      <c r="AM34649">
        <v>23</v>
      </c>
      <c r="AN34649">
        <v>24</v>
      </c>
      <c r="AO34649">
        <v>24</v>
      </c>
      <c r="AP34649">
        <v>24</v>
      </c>
      <c r="AQ34649">
        <v>25</v>
      </c>
    </row>
    <row r="34650" spans="1:43">
      <c r="A34650" t="s">
        <v>21465</v>
      </c>
      <c r="B34650" t="s">
        <v>21466</v>
      </c>
      <c r="C34650" t="s">
        <v>21327</v>
      </c>
      <c r="D34650" t="s">
        <v>21328</v>
      </c>
      <c r="E34650" t="s">
        <v>21317</v>
      </c>
      <c r="F34650" t="s">
        <v>21318</v>
      </c>
      <c r="G34650" t="s">
        <v>20255</v>
      </c>
      <c r="H34650" t="s">
        <v>20256</v>
      </c>
      <c r="I34650" s="2">
        <v>1</v>
      </c>
      <c r="J34650" s="2">
        <v>0</v>
      </c>
      <c r="K34650" s="2">
        <v>0</v>
      </c>
      <c r="L34650" t="s">
        <v>120</v>
      </c>
      <c r="M34650" t="s">
        <v>83</v>
      </c>
      <c r="N34650" t="s">
        <v>84</v>
      </c>
      <c r="O34650" t="s">
        <v>85</v>
      </c>
      <c r="P34650" t="s">
        <v>86</v>
      </c>
      <c r="Q34650">
        <v>13</v>
      </c>
      <c r="R34650">
        <v>13</v>
      </c>
      <c r="S34650">
        <v>14</v>
      </c>
      <c r="T34650">
        <v>14</v>
      </c>
      <c r="U34650">
        <v>15</v>
      </c>
      <c r="V34650">
        <v>15</v>
      </c>
      <c r="W34650">
        <v>16</v>
      </c>
      <c r="X34650">
        <v>16</v>
      </c>
      <c r="Y34650">
        <v>17</v>
      </c>
      <c r="Z34650">
        <v>17</v>
      </c>
      <c r="AA34650">
        <v>18</v>
      </c>
      <c r="AB34650">
        <v>18</v>
      </c>
      <c r="AC34650">
        <v>19</v>
      </c>
      <c r="AD34650">
        <v>19</v>
      </c>
      <c r="AE34650">
        <v>20</v>
      </c>
      <c r="AF34650">
        <v>20</v>
      </c>
      <c r="AG34650">
        <v>21</v>
      </c>
      <c r="AH34650">
        <v>22</v>
      </c>
      <c r="AI34650">
        <v>22</v>
      </c>
      <c r="AJ34650">
        <v>23</v>
      </c>
      <c r="AK34650">
        <v>23</v>
      </c>
      <c r="AL34650">
        <v>24</v>
      </c>
      <c r="AM34650">
        <v>24</v>
      </c>
      <c r="AN34650">
        <v>25</v>
      </c>
      <c r="AO34650">
        <v>25</v>
      </c>
      <c r="AP34650">
        <v>26</v>
      </c>
      <c r="AQ34650">
        <v>26</v>
      </c>
    </row>
    <row r="34651" spans="1:43">
      <c r="A34651" t="s">
        <v>21465</v>
      </c>
      <c r="B34651" t="s">
        <v>21466</v>
      </c>
      <c r="C34651" t="s">
        <v>21327</v>
      </c>
      <c r="D34651" t="s">
        <v>21328</v>
      </c>
      <c r="E34651" t="s">
        <v>21317</v>
      </c>
      <c r="F34651" t="s">
        <v>21318</v>
      </c>
      <c r="G34651" t="s">
        <v>20255</v>
      </c>
      <c r="H34651" t="s">
        <v>20256</v>
      </c>
      <c r="I34651" s="2">
        <v>1</v>
      </c>
      <c r="J34651" s="2">
        <v>0</v>
      </c>
      <c r="K34651" s="2">
        <v>0</v>
      </c>
      <c r="L34651" t="s">
        <v>120</v>
      </c>
      <c r="M34651" t="s">
        <v>87</v>
      </c>
      <c r="N34651" t="s">
        <v>88</v>
      </c>
      <c r="O34651" t="s">
        <v>85</v>
      </c>
      <c r="P34651" t="s">
        <v>86</v>
      </c>
      <c r="Q34651">
        <v>13</v>
      </c>
      <c r="R34651">
        <v>13</v>
      </c>
      <c r="S34651">
        <v>13</v>
      </c>
      <c r="T34651">
        <v>14</v>
      </c>
      <c r="U34651">
        <v>14</v>
      </c>
      <c r="V34651">
        <v>14</v>
      </c>
      <c r="W34651">
        <v>15</v>
      </c>
      <c r="X34651">
        <v>15</v>
      </c>
      <c r="Y34651">
        <v>15</v>
      </c>
      <c r="Z34651">
        <v>16</v>
      </c>
      <c r="AA34651">
        <v>16</v>
      </c>
      <c r="AB34651">
        <v>16</v>
      </c>
      <c r="AC34651">
        <v>17</v>
      </c>
      <c r="AD34651">
        <v>17</v>
      </c>
      <c r="AE34651">
        <v>18</v>
      </c>
      <c r="AF34651">
        <v>18</v>
      </c>
      <c r="AG34651">
        <v>18</v>
      </c>
      <c r="AH34651">
        <v>19</v>
      </c>
      <c r="AI34651">
        <v>19</v>
      </c>
      <c r="AJ34651">
        <v>20</v>
      </c>
      <c r="AK34651">
        <v>20</v>
      </c>
      <c r="AL34651">
        <v>20</v>
      </c>
      <c r="AM34651">
        <v>21</v>
      </c>
      <c r="AN34651">
        <v>21</v>
      </c>
      <c r="AO34651">
        <v>22</v>
      </c>
      <c r="AP34651">
        <v>22</v>
      </c>
      <c r="AQ34651">
        <v>23</v>
      </c>
    </row>
    <row r="34652" spans="1:43">
      <c r="A34652" t="s">
        <v>21465</v>
      </c>
      <c r="B34652" t="s">
        <v>21466</v>
      </c>
      <c r="C34652" t="s">
        <v>21327</v>
      </c>
      <c r="D34652" t="s">
        <v>21328</v>
      </c>
      <c r="E34652" t="s">
        <v>21317</v>
      </c>
      <c r="F34652" t="s">
        <v>21318</v>
      </c>
      <c r="G34652" t="s">
        <v>20255</v>
      </c>
      <c r="H34652" t="s">
        <v>20256</v>
      </c>
      <c r="I34652" s="2">
        <v>1</v>
      </c>
      <c r="J34652" s="2">
        <v>0</v>
      </c>
      <c r="K34652" s="2">
        <v>0</v>
      </c>
      <c r="L34652" t="s">
        <v>120</v>
      </c>
      <c r="M34652" t="s">
        <v>89</v>
      </c>
      <c r="N34652" t="s">
        <v>90</v>
      </c>
      <c r="O34652" t="s">
        <v>85</v>
      </c>
      <c r="P34652" t="s">
        <v>86</v>
      </c>
      <c r="Q34652">
        <v>13</v>
      </c>
      <c r="R34652">
        <v>14</v>
      </c>
      <c r="S34652">
        <v>14</v>
      </c>
      <c r="T34652">
        <v>15</v>
      </c>
      <c r="U34652">
        <v>15</v>
      </c>
      <c r="V34652">
        <v>16</v>
      </c>
      <c r="W34652">
        <v>16</v>
      </c>
      <c r="X34652">
        <v>17</v>
      </c>
      <c r="Y34652">
        <v>18</v>
      </c>
      <c r="Z34652">
        <v>18</v>
      </c>
      <c r="AA34652">
        <v>19</v>
      </c>
      <c r="AB34652">
        <v>19</v>
      </c>
      <c r="AC34652">
        <v>20</v>
      </c>
      <c r="AD34652">
        <v>21</v>
      </c>
      <c r="AE34652">
        <v>21</v>
      </c>
      <c r="AF34652">
        <v>22</v>
      </c>
      <c r="AG34652">
        <v>22</v>
      </c>
      <c r="AH34652">
        <v>22</v>
      </c>
      <c r="AI34652">
        <v>23</v>
      </c>
      <c r="AJ34652">
        <v>23</v>
      </c>
      <c r="AK34652">
        <v>24</v>
      </c>
      <c r="AL34652">
        <v>24</v>
      </c>
      <c r="AM34652">
        <v>25</v>
      </c>
      <c r="AN34652">
        <v>25</v>
      </c>
      <c r="AO34652">
        <v>25</v>
      </c>
      <c r="AP34652">
        <v>26</v>
      </c>
      <c r="AQ34652">
        <v>26</v>
      </c>
    </row>
    <row r="34653" spans="1:43">
      <c r="A34653" t="s">
        <v>21465</v>
      </c>
      <c r="B34653" t="s">
        <v>21466</v>
      </c>
      <c r="C34653" t="s">
        <v>21327</v>
      </c>
      <c r="D34653" t="s">
        <v>21328</v>
      </c>
      <c r="E34653" t="s">
        <v>21317</v>
      </c>
      <c r="F34653" t="s">
        <v>21318</v>
      </c>
      <c r="G34653" t="s">
        <v>20255</v>
      </c>
      <c r="H34653" t="s">
        <v>20256</v>
      </c>
      <c r="I34653" s="2">
        <v>1</v>
      </c>
      <c r="J34653" s="2">
        <v>0</v>
      </c>
      <c r="K34653" s="2">
        <v>0</v>
      </c>
      <c r="L34653" t="s">
        <v>120</v>
      </c>
      <c r="M34653" t="s">
        <v>83</v>
      </c>
      <c r="N34653" t="s">
        <v>91</v>
      </c>
      <c r="O34653" t="s">
        <v>85</v>
      </c>
      <c r="P34653" t="s">
        <v>86</v>
      </c>
      <c r="Q34653">
        <v>13</v>
      </c>
      <c r="R34653">
        <v>13</v>
      </c>
      <c r="S34653">
        <v>14</v>
      </c>
      <c r="T34653">
        <v>14</v>
      </c>
      <c r="U34653">
        <v>15</v>
      </c>
      <c r="V34653">
        <v>15</v>
      </c>
      <c r="W34653">
        <v>16</v>
      </c>
      <c r="X34653">
        <v>16</v>
      </c>
      <c r="Y34653">
        <v>17</v>
      </c>
      <c r="Z34653">
        <v>17</v>
      </c>
      <c r="AA34653">
        <v>18</v>
      </c>
      <c r="AB34653">
        <v>18</v>
      </c>
      <c r="AC34653">
        <v>19</v>
      </c>
      <c r="AD34653">
        <v>19</v>
      </c>
      <c r="AE34653">
        <v>20</v>
      </c>
      <c r="AF34653">
        <v>20</v>
      </c>
      <c r="AG34653">
        <v>21</v>
      </c>
      <c r="AH34653">
        <v>22</v>
      </c>
      <c r="AI34653">
        <v>22</v>
      </c>
      <c r="AJ34653">
        <v>23</v>
      </c>
      <c r="AK34653">
        <v>23</v>
      </c>
      <c r="AL34653">
        <v>24</v>
      </c>
      <c r="AM34653">
        <v>24</v>
      </c>
      <c r="AN34653">
        <v>25</v>
      </c>
      <c r="AO34653">
        <v>25</v>
      </c>
      <c r="AP34653">
        <v>26</v>
      </c>
      <c r="AQ34653">
        <v>26</v>
      </c>
    </row>
    <row r="34654" spans="1:43">
      <c r="A34654" t="s">
        <v>21467</v>
      </c>
      <c r="B34654" t="s">
        <v>21468</v>
      </c>
      <c r="C34654" t="s">
        <v>21327</v>
      </c>
      <c r="D34654" t="s">
        <v>21328</v>
      </c>
      <c r="E34654" t="s">
        <v>21317</v>
      </c>
      <c r="F34654" t="s">
        <v>21318</v>
      </c>
      <c r="G34654" t="s">
        <v>20255</v>
      </c>
      <c r="H34654" t="s">
        <v>20256</v>
      </c>
      <c r="I34654" s="2">
        <v>1</v>
      </c>
      <c r="J34654" s="2">
        <v>0</v>
      </c>
      <c r="K34654" s="2">
        <v>0</v>
      </c>
      <c r="L34654" t="s">
        <v>120</v>
      </c>
      <c r="M34654" t="s">
        <v>83</v>
      </c>
      <c r="N34654" t="s">
        <v>84</v>
      </c>
      <c r="O34654" t="s">
        <v>85</v>
      </c>
      <c r="P34654" t="s">
        <v>86</v>
      </c>
      <c r="Q34654">
        <v>40</v>
      </c>
      <c r="R34654">
        <v>41</v>
      </c>
      <c r="S34654">
        <v>41</v>
      </c>
      <c r="T34654">
        <v>42</v>
      </c>
      <c r="U34654">
        <v>43</v>
      </c>
      <c r="V34654">
        <v>43</v>
      </c>
      <c r="W34654">
        <v>44</v>
      </c>
      <c r="X34654">
        <v>45</v>
      </c>
      <c r="Y34654">
        <v>45</v>
      </c>
      <c r="Z34654">
        <v>46</v>
      </c>
      <c r="AA34654">
        <v>47</v>
      </c>
      <c r="AB34654">
        <v>47</v>
      </c>
      <c r="AC34654">
        <v>48</v>
      </c>
      <c r="AD34654">
        <v>49</v>
      </c>
      <c r="AE34654">
        <v>49</v>
      </c>
      <c r="AF34654">
        <v>50</v>
      </c>
      <c r="AG34654">
        <v>51</v>
      </c>
      <c r="AH34654">
        <v>52</v>
      </c>
      <c r="AI34654">
        <v>52</v>
      </c>
      <c r="AJ34654">
        <v>53</v>
      </c>
      <c r="AK34654">
        <v>54</v>
      </c>
      <c r="AL34654">
        <v>54</v>
      </c>
      <c r="AM34654">
        <v>54</v>
      </c>
      <c r="AN34654">
        <v>55</v>
      </c>
      <c r="AO34654">
        <v>55</v>
      </c>
      <c r="AP34654">
        <v>55</v>
      </c>
      <c r="AQ34654">
        <v>56</v>
      </c>
    </row>
    <row r="34655" spans="1:43">
      <c r="A34655" t="s">
        <v>21467</v>
      </c>
      <c r="B34655" t="s">
        <v>21468</v>
      </c>
      <c r="C34655" t="s">
        <v>21327</v>
      </c>
      <c r="D34655" t="s">
        <v>21328</v>
      </c>
      <c r="E34655" t="s">
        <v>21317</v>
      </c>
      <c r="F34655" t="s">
        <v>21318</v>
      </c>
      <c r="G34655" t="s">
        <v>20255</v>
      </c>
      <c r="H34655" t="s">
        <v>20256</v>
      </c>
      <c r="I34655" s="2">
        <v>1</v>
      </c>
      <c r="J34655" s="2">
        <v>0</v>
      </c>
      <c r="K34655" s="2">
        <v>0</v>
      </c>
      <c r="L34655" t="s">
        <v>120</v>
      </c>
      <c r="M34655" t="s">
        <v>87</v>
      </c>
      <c r="N34655" t="s">
        <v>88</v>
      </c>
      <c r="O34655" t="s">
        <v>85</v>
      </c>
      <c r="P34655" t="s">
        <v>86</v>
      </c>
      <c r="Q34655">
        <v>40</v>
      </c>
      <c r="R34655">
        <v>40</v>
      </c>
      <c r="S34655">
        <v>40</v>
      </c>
      <c r="T34655">
        <v>41</v>
      </c>
      <c r="U34655">
        <v>41</v>
      </c>
      <c r="V34655">
        <v>41</v>
      </c>
      <c r="W34655">
        <v>41</v>
      </c>
      <c r="X34655">
        <v>42</v>
      </c>
      <c r="Y34655">
        <v>42</v>
      </c>
      <c r="Z34655">
        <v>42</v>
      </c>
      <c r="AA34655">
        <v>43</v>
      </c>
      <c r="AB34655">
        <v>43</v>
      </c>
      <c r="AC34655">
        <v>43</v>
      </c>
      <c r="AD34655">
        <v>44</v>
      </c>
      <c r="AE34655">
        <v>44</v>
      </c>
      <c r="AF34655">
        <v>44</v>
      </c>
      <c r="AG34655">
        <v>45</v>
      </c>
      <c r="AH34655">
        <v>45</v>
      </c>
      <c r="AI34655">
        <v>45</v>
      </c>
      <c r="AJ34655">
        <v>46</v>
      </c>
      <c r="AK34655">
        <v>46</v>
      </c>
      <c r="AL34655">
        <v>46</v>
      </c>
      <c r="AM34655">
        <v>47</v>
      </c>
      <c r="AN34655">
        <v>47</v>
      </c>
      <c r="AO34655">
        <v>47</v>
      </c>
      <c r="AP34655">
        <v>48</v>
      </c>
      <c r="AQ34655">
        <v>48</v>
      </c>
    </row>
    <row r="34656" spans="1:43">
      <c r="A34656" t="s">
        <v>21467</v>
      </c>
      <c r="B34656" t="s">
        <v>21468</v>
      </c>
      <c r="C34656" t="s">
        <v>21327</v>
      </c>
      <c r="D34656" t="s">
        <v>21328</v>
      </c>
      <c r="E34656" t="s">
        <v>21317</v>
      </c>
      <c r="F34656" t="s">
        <v>21318</v>
      </c>
      <c r="G34656" t="s">
        <v>20255</v>
      </c>
      <c r="H34656" t="s">
        <v>20256</v>
      </c>
      <c r="I34656" s="2">
        <v>1</v>
      </c>
      <c r="J34656" s="2">
        <v>0</v>
      </c>
      <c r="K34656" s="2">
        <v>0</v>
      </c>
      <c r="L34656" t="s">
        <v>120</v>
      </c>
      <c r="M34656" t="s">
        <v>89</v>
      </c>
      <c r="N34656" t="s">
        <v>90</v>
      </c>
      <c r="O34656" t="s">
        <v>85</v>
      </c>
      <c r="P34656" t="s">
        <v>86</v>
      </c>
      <c r="Q34656">
        <v>40</v>
      </c>
      <c r="R34656">
        <v>41</v>
      </c>
      <c r="S34656">
        <v>42</v>
      </c>
      <c r="T34656">
        <v>43</v>
      </c>
      <c r="U34656">
        <v>44</v>
      </c>
      <c r="V34656">
        <v>45</v>
      </c>
      <c r="W34656">
        <v>46</v>
      </c>
      <c r="X34656">
        <v>47</v>
      </c>
      <c r="Y34656">
        <v>48</v>
      </c>
      <c r="Z34656">
        <v>49</v>
      </c>
      <c r="AA34656">
        <v>50</v>
      </c>
      <c r="AB34656">
        <v>51</v>
      </c>
      <c r="AC34656">
        <v>52</v>
      </c>
      <c r="AD34656">
        <v>52</v>
      </c>
      <c r="AE34656">
        <v>53</v>
      </c>
      <c r="AF34656">
        <v>53</v>
      </c>
      <c r="AG34656">
        <v>54</v>
      </c>
      <c r="AH34656">
        <v>54</v>
      </c>
      <c r="AI34656">
        <v>54</v>
      </c>
      <c r="AJ34656">
        <v>54</v>
      </c>
      <c r="AK34656">
        <v>55</v>
      </c>
      <c r="AL34656">
        <v>55</v>
      </c>
      <c r="AM34656">
        <v>55</v>
      </c>
      <c r="AN34656">
        <v>55</v>
      </c>
      <c r="AO34656">
        <v>56</v>
      </c>
      <c r="AP34656">
        <v>56</v>
      </c>
      <c r="AQ34656">
        <v>56</v>
      </c>
    </row>
    <row r="34657" spans="1:43">
      <c r="A34657" t="s">
        <v>21467</v>
      </c>
      <c r="B34657" t="s">
        <v>21468</v>
      </c>
      <c r="C34657" t="s">
        <v>21327</v>
      </c>
      <c r="D34657" t="s">
        <v>21328</v>
      </c>
      <c r="E34657" t="s">
        <v>21317</v>
      </c>
      <c r="F34657" t="s">
        <v>21318</v>
      </c>
      <c r="G34657" t="s">
        <v>20255</v>
      </c>
      <c r="H34657" t="s">
        <v>20256</v>
      </c>
      <c r="I34657" s="2">
        <v>1</v>
      </c>
      <c r="J34657" s="2">
        <v>0</v>
      </c>
      <c r="K34657" s="2">
        <v>0</v>
      </c>
      <c r="L34657" t="s">
        <v>120</v>
      </c>
      <c r="M34657" t="s">
        <v>83</v>
      </c>
      <c r="N34657" t="s">
        <v>91</v>
      </c>
      <c r="O34657" t="s">
        <v>85</v>
      </c>
      <c r="P34657" t="s">
        <v>86</v>
      </c>
      <c r="Q34657">
        <v>40</v>
      </c>
      <c r="R34657">
        <v>41</v>
      </c>
      <c r="S34657">
        <v>41</v>
      </c>
      <c r="T34657">
        <v>42</v>
      </c>
      <c r="U34657">
        <v>43</v>
      </c>
      <c r="V34657">
        <v>43</v>
      </c>
      <c r="W34657">
        <v>44</v>
      </c>
      <c r="X34657">
        <v>45</v>
      </c>
      <c r="Y34657">
        <v>45</v>
      </c>
      <c r="Z34657">
        <v>46</v>
      </c>
      <c r="AA34657">
        <v>47</v>
      </c>
      <c r="AB34657">
        <v>47</v>
      </c>
      <c r="AC34657">
        <v>48</v>
      </c>
      <c r="AD34657">
        <v>49</v>
      </c>
      <c r="AE34657">
        <v>49</v>
      </c>
      <c r="AF34657">
        <v>50</v>
      </c>
      <c r="AG34657">
        <v>51</v>
      </c>
      <c r="AH34657">
        <v>52</v>
      </c>
      <c r="AI34657">
        <v>52</v>
      </c>
      <c r="AJ34657">
        <v>53</v>
      </c>
      <c r="AK34657">
        <v>54</v>
      </c>
      <c r="AL34657">
        <v>54</v>
      </c>
      <c r="AM34657">
        <v>54</v>
      </c>
      <c r="AN34657">
        <v>55</v>
      </c>
      <c r="AO34657">
        <v>55</v>
      </c>
      <c r="AP34657">
        <v>55</v>
      </c>
      <c r="AQ34657">
        <v>56</v>
      </c>
    </row>
    <row r="34658" spans="1:43">
      <c r="A34658" t="s">
        <v>21469</v>
      </c>
      <c r="B34658" t="s">
        <v>21470</v>
      </c>
      <c r="C34658" t="s">
        <v>21333</v>
      </c>
      <c r="D34658" t="s">
        <v>21334</v>
      </c>
      <c r="E34658" t="s">
        <v>21317</v>
      </c>
      <c r="F34658" t="s">
        <v>21318</v>
      </c>
      <c r="G34658" t="s">
        <v>20255</v>
      </c>
      <c r="H34658" t="s">
        <v>20256</v>
      </c>
      <c r="I34658" s="2">
        <v>1</v>
      </c>
      <c r="J34658" s="2">
        <v>0</v>
      </c>
      <c r="K34658" s="2">
        <v>0</v>
      </c>
      <c r="L34658" t="s">
        <v>120</v>
      </c>
      <c r="M34658" t="s">
        <v>83</v>
      </c>
      <c r="N34658" t="s">
        <v>84</v>
      </c>
      <c r="O34658" t="s">
        <v>85</v>
      </c>
      <c r="P34658" t="s">
        <v>86</v>
      </c>
      <c r="Q34658">
        <v>17</v>
      </c>
      <c r="R34658">
        <v>17</v>
      </c>
      <c r="S34658">
        <v>18</v>
      </c>
      <c r="T34658">
        <v>19</v>
      </c>
      <c r="U34658">
        <v>19</v>
      </c>
      <c r="V34658">
        <v>20</v>
      </c>
      <c r="W34658">
        <v>21</v>
      </c>
      <c r="X34658">
        <v>21</v>
      </c>
      <c r="Y34658">
        <v>22</v>
      </c>
      <c r="Z34658">
        <v>23</v>
      </c>
      <c r="AA34658">
        <v>23</v>
      </c>
      <c r="AB34658">
        <v>24</v>
      </c>
      <c r="AC34658">
        <v>25</v>
      </c>
      <c r="AD34658">
        <v>25</v>
      </c>
      <c r="AE34658">
        <v>26</v>
      </c>
      <c r="AF34658">
        <v>27</v>
      </c>
      <c r="AG34658">
        <v>27</v>
      </c>
      <c r="AH34658">
        <v>28</v>
      </c>
      <c r="AI34658">
        <v>29</v>
      </c>
      <c r="AJ34658">
        <v>30</v>
      </c>
      <c r="AK34658">
        <v>31</v>
      </c>
      <c r="AL34658">
        <v>31</v>
      </c>
      <c r="AM34658">
        <v>32</v>
      </c>
      <c r="AN34658">
        <v>32</v>
      </c>
      <c r="AO34658">
        <v>33</v>
      </c>
      <c r="AP34658">
        <v>34</v>
      </c>
      <c r="AQ34658">
        <v>34</v>
      </c>
    </row>
    <row r="34659" spans="1:43">
      <c r="A34659" t="s">
        <v>21469</v>
      </c>
      <c r="B34659" t="s">
        <v>21470</v>
      </c>
      <c r="C34659" t="s">
        <v>21333</v>
      </c>
      <c r="D34659" t="s">
        <v>21334</v>
      </c>
      <c r="E34659" t="s">
        <v>21317</v>
      </c>
      <c r="F34659" t="s">
        <v>21318</v>
      </c>
      <c r="G34659" t="s">
        <v>20255</v>
      </c>
      <c r="H34659" t="s">
        <v>20256</v>
      </c>
      <c r="I34659" s="2">
        <v>1</v>
      </c>
      <c r="J34659" s="2">
        <v>0</v>
      </c>
      <c r="K34659" s="2">
        <v>0</v>
      </c>
      <c r="L34659" t="s">
        <v>120</v>
      </c>
      <c r="M34659" t="s">
        <v>87</v>
      </c>
      <c r="N34659" t="s">
        <v>88</v>
      </c>
      <c r="O34659" t="s">
        <v>85</v>
      </c>
      <c r="P34659" t="s">
        <v>86</v>
      </c>
      <c r="Q34659">
        <v>17</v>
      </c>
      <c r="R34659">
        <v>17</v>
      </c>
      <c r="S34659">
        <v>18</v>
      </c>
      <c r="T34659">
        <v>18</v>
      </c>
      <c r="U34659">
        <v>18</v>
      </c>
      <c r="V34659">
        <v>19</v>
      </c>
      <c r="W34659">
        <v>19</v>
      </c>
      <c r="X34659">
        <v>20</v>
      </c>
      <c r="Y34659">
        <v>20</v>
      </c>
      <c r="Z34659">
        <v>21</v>
      </c>
      <c r="AA34659">
        <v>21</v>
      </c>
      <c r="AB34659">
        <v>22</v>
      </c>
      <c r="AC34659">
        <v>22</v>
      </c>
      <c r="AD34659">
        <v>23</v>
      </c>
      <c r="AE34659">
        <v>23</v>
      </c>
      <c r="AF34659">
        <v>24</v>
      </c>
      <c r="AG34659">
        <v>24</v>
      </c>
      <c r="AH34659">
        <v>25</v>
      </c>
      <c r="AI34659">
        <v>25</v>
      </c>
      <c r="AJ34659">
        <v>26</v>
      </c>
      <c r="AK34659">
        <v>26</v>
      </c>
      <c r="AL34659">
        <v>27</v>
      </c>
      <c r="AM34659">
        <v>27</v>
      </c>
      <c r="AN34659">
        <v>28</v>
      </c>
      <c r="AO34659">
        <v>29</v>
      </c>
      <c r="AP34659">
        <v>29</v>
      </c>
      <c r="AQ34659">
        <v>30</v>
      </c>
    </row>
    <row r="34660" spans="1:43">
      <c r="A34660" t="s">
        <v>21469</v>
      </c>
      <c r="B34660" t="s">
        <v>21470</v>
      </c>
      <c r="C34660" t="s">
        <v>21333</v>
      </c>
      <c r="D34660" t="s">
        <v>21334</v>
      </c>
      <c r="E34660" t="s">
        <v>21317</v>
      </c>
      <c r="F34660" t="s">
        <v>21318</v>
      </c>
      <c r="G34660" t="s">
        <v>20255</v>
      </c>
      <c r="H34660" t="s">
        <v>20256</v>
      </c>
      <c r="I34660" s="2">
        <v>1</v>
      </c>
      <c r="J34660" s="2">
        <v>0</v>
      </c>
      <c r="K34660" s="2">
        <v>0</v>
      </c>
      <c r="L34660" t="s">
        <v>120</v>
      </c>
      <c r="M34660" t="s">
        <v>89</v>
      </c>
      <c r="N34660" t="s">
        <v>90</v>
      </c>
      <c r="O34660" t="s">
        <v>85</v>
      </c>
      <c r="P34660" t="s">
        <v>86</v>
      </c>
      <c r="Q34660">
        <v>17</v>
      </c>
      <c r="R34660">
        <v>18</v>
      </c>
      <c r="S34660">
        <v>19</v>
      </c>
      <c r="T34660">
        <v>19</v>
      </c>
      <c r="U34660">
        <v>20</v>
      </c>
      <c r="V34660">
        <v>21</v>
      </c>
      <c r="W34660">
        <v>22</v>
      </c>
      <c r="X34660">
        <v>22</v>
      </c>
      <c r="Y34660">
        <v>23</v>
      </c>
      <c r="Z34660">
        <v>24</v>
      </c>
      <c r="AA34660">
        <v>25</v>
      </c>
      <c r="AB34660">
        <v>25</v>
      </c>
      <c r="AC34660">
        <v>26</v>
      </c>
      <c r="AD34660">
        <v>27</v>
      </c>
      <c r="AE34660">
        <v>28</v>
      </c>
      <c r="AF34660">
        <v>28</v>
      </c>
      <c r="AG34660">
        <v>29</v>
      </c>
      <c r="AH34660">
        <v>29</v>
      </c>
      <c r="AI34660">
        <v>30</v>
      </c>
      <c r="AJ34660">
        <v>31</v>
      </c>
      <c r="AK34660">
        <v>31</v>
      </c>
      <c r="AL34660">
        <v>32</v>
      </c>
      <c r="AM34660">
        <v>32</v>
      </c>
      <c r="AN34660">
        <v>33</v>
      </c>
      <c r="AO34660">
        <v>33</v>
      </c>
      <c r="AP34660">
        <v>34</v>
      </c>
      <c r="AQ34660">
        <v>34</v>
      </c>
    </row>
    <row r="34661" spans="1:43">
      <c r="A34661" t="s">
        <v>21469</v>
      </c>
      <c r="B34661" t="s">
        <v>21470</v>
      </c>
      <c r="C34661" t="s">
        <v>21333</v>
      </c>
      <c r="D34661" t="s">
        <v>21334</v>
      </c>
      <c r="E34661" t="s">
        <v>21317</v>
      </c>
      <c r="F34661" t="s">
        <v>21318</v>
      </c>
      <c r="G34661" t="s">
        <v>20255</v>
      </c>
      <c r="H34661" t="s">
        <v>20256</v>
      </c>
      <c r="I34661" s="2">
        <v>1</v>
      </c>
      <c r="J34661" s="2">
        <v>0</v>
      </c>
      <c r="K34661" s="2">
        <v>0</v>
      </c>
      <c r="L34661" t="s">
        <v>120</v>
      </c>
      <c r="M34661" t="s">
        <v>83</v>
      </c>
      <c r="N34661" t="s">
        <v>91</v>
      </c>
      <c r="O34661" t="s">
        <v>85</v>
      </c>
      <c r="P34661" t="s">
        <v>86</v>
      </c>
      <c r="Q34661">
        <v>17</v>
      </c>
      <c r="R34661">
        <v>17</v>
      </c>
      <c r="S34661">
        <v>18</v>
      </c>
      <c r="T34661">
        <v>19</v>
      </c>
      <c r="U34661">
        <v>19</v>
      </c>
      <c r="V34661">
        <v>20</v>
      </c>
      <c r="W34661">
        <v>21</v>
      </c>
      <c r="X34661">
        <v>21</v>
      </c>
      <c r="Y34661">
        <v>22</v>
      </c>
      <c r="Z34661">
        <v>23</v>
      </c>
      <c r="AA34661">
        <v>23</v>
      </c>
      <c r="AB34661">
        <v>24</v>
      </c>
      <c r="AC34661">
        <v>25</v>
      </c>
      <c r="AD34661">
        <v>25</v>
      </c>
      <c r="AE34661">
        <v>26</v>
      </c>
      <c r="AF34661">
        <v>27</v>
      </c>
      <c r="AG34661">
        <v>27</v>
      </c>
      <c r="AH34661">
        <v>28</v>
      </c>
      <c r="AI34661">
        <v>29</v>
      </c>
      <c r="AJ34661">
        <v>30</v>
      </c>
      <c r="AK34661">
        <v>31</v>
      </c>
      <c r="AL34661">
        <v>31</v>
      </c>
      <c r="AM34661">
        <v>32</v>
      </c>
      <c r="AN34661">
        <v>32</v>
      </c>
      <c r="AO34661">
        <v>33</v>
      </c>
      <c r="AP34661">
        <v>34</v>
      </c>
      <c r="AQ34661">
        <v>34</v>
      </c>
    </row>
    <row r="34662" spans="1:43">
      <c r="A34662" t="s">
        <v>21471</v>
      </c>
      <c r="B34662" t="s">
        <v>21472</v>
      </c>
      <c r="C34662" t="s">
        <v>21333</v>
      </c>
      <c r="D34662" t="s">
        <v>21334</v>
      </c>
      <c r="E34662" t="s">
        <v>21317</v>
      </c>
      <c r="F34662" t="s">
        <v>21318</v>
      </c>
      <c r="G34662" t="s">
        <v>20255</v>
      </c>
      <c r="H34662" t="s">
        <v>20256</v>
      </c>
      <c r="I34662" s="2">
        <v>1</v>
      </c>
      <c r="J34662" s="2">
        <v>0</v>
      </c>
      <c r="K34662" s="2">
        <v>0</v>
      </c>
      <c r="L34662" t="s">
        <v>120</v>
      </c>
      <c r="M34662" t="s">
        <v>83</v>
      </c>
      <c r="N34662" t="s">
        <v>84</v>
      </c>
      <c r="O34662" t="s">
        <v>85</v>
      </c>
      <c r="P34662" t="s">
        <v>86</v>
      </c>
      <c r="Q34662">
        <v>35</v>
      </c>
      <c r="R34662">
        <v>36</v>
      </c>
      <c r="S34662">
        <v>37</v>
      </c>
      <c r="T34662">
        <v>38</v>
      </c>
      <c r="U34662">
        <v>39</v>
      </c>
      <c r="V34662">
        <v>41</v>
      </c>
      <c r="W34662">
        <v>42</v>
      </c>
      <c r="X34662">
        <v>43</v>
      </c>
      <c r="Y34662">
        <v>45</v>
      </c>
      <c r="Z34662">
        <v>46</v>
      </c>
      <c r="AA34662">
        <v>47</v>
      </c>
      <c r="AB34662">
        <v>49</v>
      </c>
      <c r="AC34662">
        <v>50</v>
      </c>
      <c r="AD34662">
        <v>52</v>
      </c>
      <c r="AE34662">
        <v>53</v>
      </c>
      <c r="AF34662">
        <v>55</v>
      </c>
      <c r="AG34662">
        <v>56</v>
      </c>
      <c r="AH34662">
        <v>58</v>
      </c>
      <c r="AI34662">
        <v>59</v>
      </c>
      <c r="AJ34662">
        <v>61</v>
      </c>
      <c r="AK34662">
        <v>63</v>
      </c>
      <c r="AL34662">
        <v>64</v>
      </c>
      <c r="AM34662">
        <v>65</v>
      </c>
      <c r="AN34662">
        <v>66</v>
      </c>
      <c r="AO34662">
        <v>67</v>
      </c>
      <c r="AP34662">
        <v>69</v>
      </c>
      <c r="AQ34662">
        <v>70</v>
      </c>
    </row>
    <row r="34663" spans="1:43">
      <c r="A34663" t="s">
        <v>21471</v>
      </c>
      <c r="B34663" t="s">
        <v>21472</v>
      </c>
      <c r="C34663" t="s">
        <v>21333</v>
      </c>
      <c r="D34663" t="s">
        <v>21334</v>
      </c>
      <c r="E34663" t="s">
        <v>21317</v>
      </c>
      <c r="F34663" t="s">
        <v>21318</v>
      </c>
      <c r="G34663" t="s">
        <v>20255</v>
      </c>
      <c r="H34663" t="s">
        <v>20256</v>
      </c>
      <c r="I34663" s="2">
        <v>1</v>
      </c>
      <c r="J34663" s="2">
        <v>0</v>
      </c>
      <c r="K34663" s="2">
        <v>0</v>
      </c>
      <c r="L34663" t="s">
        <v>120</v>
      </c>
      <c r="M34663" t="s">
        <v>87</v>
      </c>
      <c r="N34663" t="s">
        <v>88</v>
      </c>
      <c r="O34663" t="s">
        <v>85</v>
      </c>
      <c r="P34663" t="s">
        <v>86</v>
      </c>
      <c r="Q34663">
        <v>35</v>
      </c>
      <c r="R34663">
        <v>36</v>
      </c>
      <c r="S34663">
        <v>37</v>
      </c>
      <c r="T34663">
        <v>38</v>
      </c>
      <c r="U34663">
        <v>39</v>
      </c>
      <c r="V34663">
        <v>40</v>
      </c>
      <c r="W34663">
        <v>40</v>
      </c>
      <c r="X34663">
        <v>41</v>
      </c>
      <c r="Y34663">
        <v>42</v>
      </c>
      <c r="Z34663">
        <v>43</v>
      </c>
      <c r="AA34663">
        <v>44</v>
      </c>
      <c r="AB34663">
        <v>45</v>
      </c>
      <c r="AC34663">
        <v>46</v>
      </c>
      <c r="AD34663">
        <v>47</v>
      </c>
      <c r="AE34663">
        <v>48</v>
      </c>
      <c r="AF34663">
        <v>49</v>
      </c>
      <c r="AG34663">
        <v>50</v>
      </c>
      <c r="AH34663">
        <v>51</v>
      </c>
      <c r="AI34663">
        <v>52</v>
      </c>
      <c r="AJ34663">
        <v>54</v>
      </c>
      <c r="AK34663">
        <v>55</v>
      </c>
      <c r="AL34663">
        <v>56</v>
      </c>
      <c r="AM34663">
        <v>57</v>
      </c>
      <c r="AN34663">
        <v>58</v>
      </c>
      <c r="AO34663">
        <v>59</v>
      </c>
      <c r="AP34663">
        <v>61</v>
      </c>
      <c r="AQ34663">
        <v>62</v>
      </c>
    </row>
    <row r="34664" spans="1:43">
      <c r="A34664" t="s">
        <v>21471</v>
      </c>
      <c r="B34664" t="s">
        <v>21472</v>
      </c>
      <c r="C34664" t="s">
        <v>21333</v>
      </c>
      <c r="D34664" t="s">
        <v>21334</v>
      </c>
      <c r="E34664" t="s">
        <v>21317</v>
      </c>
      <c r="F34664" t="s">
        <v>21318</v>
      </c>
      <c r="G34664" t="s">
        <v>20255</v>
      </c>
      <c r="H34664" t="s">
        <v>20256</v>
      </c>
      <c r="I34664" s="2">
        <v>1</v>
      </c>
      <c r="J34664" s="2">
        <v>0</v>
      </c>
      <c r="K34664" s="2">
        <v>0</v>
      </c>
      <c r="L34664" t="s">
        <v>120</v>
      </c>
      <c r="M34664" t="s">
        <v>89</v>
      </c>
      <c r="N34664" t="s">
        <v>90</v>
      </c>
      <c r="O34664" t="s">
        <v>85</v>
      </c>
      <c r="P34664" t="s">
        <v>86</v>
      </c>
      <c r="Q34664">
        <v>35</v>
      </c>
      <c r="R34664">
        <v>36</v>
      </c>
      <c r="S34664">
        <v>38</v>
      </c>
      <c r="T34664">
        <v>39</v>
      </c>
      <c r="U34664">
        <v>41</v>
      </c>
      <c r="V34664">
        <v>43</v>
      </c>
      <c r="W34664">
        <v>44</v>
      </c>
      <c r="X34664">
        <v>46</v>
      </c>
      <c r="Y34664">
        <v>47</v>
      </c>
      <c r="Z34664">
        <v>49</v>
      </c>
      <c r="AA34664">
        <v>50</v>
      </c>
      <c r="AB34664">
        <v>52</v>
      </c>
      <c r="AC34664">
        <v>54</v>
      </c>
      <c r="AD34664">
        <v>55</v>
      </c>
      <c r="AE34664">
        <v>57</v>
      </c>
      <c r="AF34664">
        <v>58</v>
      </c>
      <c r="AG34664">
        <v>59</v>
      </c>
      <c r="AH34664">
        <v>60</v>
      </c>
      <c r="AI34664">
        <v>61</v>
      </c>
      <c r="AJ34664">
        <v>62</v>
      </c>
      <c r="AK34664">
        <v>63</v>
      </c>
      <c r="AL34664">
        <v>65</v>
      </c>
      <c r="AM34664">
        <v>66</v>
      </c>
      <c r="AN34664">
        <v>67</v>
      </c>
      <c r="AO34664">
        <v>68</v>
      </c>
      <c r="AP34664">
        <v>69</v>
      </c>
      <c r="AQ34664">
        <v>70</v>
      </c>
    </row>
    <row r="34665" spans="1:43">
      <c r="A34665" t="s">
        <v>21471</v>
      </c>
      <c r="B34665" t="s">
        <v>21472</v>
      </c>
      <c r="C34665" t="s">
        <v>21333</v>
      </c>
      <c r="D34665" t="s">
        <v>21334</v>
      </c>
      <c r="E34665" t="s">
        <v>21317</v>
      </c>
      <c r="F34665" t="s">
        <v>21318</v>
      </c>
      <c r="G34665" t="s">
        <v>20255</v>
      </c>
      <c r="H34665" t="s">
        <v>20256</v>
      </c>
      <c r="I34665" s="2">
        <v>1</v>
      </c>
      <c r="J34665" s="2">
        <v>0</v>
      </c>
      <c r="K34665" s="2">
        <v>0</v>
      </c>
      <c r="L34665" t="s">
        <v>120</v>
      </c>
      <c r="M34665" t="s">
        <v>83</v>
      </c>
      <c r="N34665" t="s">
        <v>91</v>
      </c>
      <c r="O34665" t="s">
        <v>85</v>
      </c>
      <c r="P34665" t="s">
        <v>86</v>
      </c>
      <c r="Q34665">
        <v>35</v>
      </c>
      <c r="R34665">
        <v>36</v>
      </c>
      <c r="S34665">
        <v>37</v>
      </c>
      <c r="T34665">
        <v>38</v>
      </c>
      <c r="U34665">
        <v>39</v>
      </c>
      <c r="V34665">
        <v>41</v>
      </c>
      <c r="W34665">
        <v>42</v>
      </c>
      <c r="X34665">
        <v>43</v>
      </c>
      <c r="Y34665">
        <v>45</v>
      </c>
      <c r="Z34665">
        <v>46</v>
      </c>
      <c r="AA34665">
        <v>47</v>
      </c>
      <c r="AB34665">
        <v>49</v>
      </c>
      <c r="AC34665">
        <v>50</v>
      </c>
      <c r="AD34665">
        <v>52</v>
      </c>
      <c r="AE34665">
        <v>53</v>
      </c>
      <c r="AF34665">
        <v>55</v>
      </c>
      <c r="AG34665">
        <v>56</v>
      </c>
      <c r="AH34665">
        <v>58</v>
      </c>
      <c r="AI34665">
        <v>59</v>
      </c>
      <c r="AJ34665">
        <v>61</v>
      </c>
      <c r="AK34665">
        <v>63</v>
      </c>
      <c r="AL34665">
        <v>64</v>
      </c>
      <c r="AM34665">
        <v>65</v>
      </c>
      <c r="AN34665">
        <v>66</v>
      </c>
      <c r="AO34665">
        <v>67</v>
      </c>
      <c r="AP34665">
        <v>69</v>
      </c>
      <c r="AQ34665">
        <v>70</v>
      </c>
    </row>
    <row r="34666" spans="1:43">
      <c r="A34666" t="s">
        <v>21473</v>
      </c>
      <c r="B34666" t="s">
        <v>21474</v>
      </c>
      <c r="C34666" t="s">
        <v>21339</v>
      </c>
      <c r="D34666" t="s">
        <v>21340</v>
      </c>
      <c r="E34666" t="s">
        <v>21317</v>
      </c>
      <c r="F34666" t="s">
        <v>21318</v>
      </c>
      <c r="G34666" t="s">
        <v>20255</v>
      </c>
      <c r="H34666" t="s">
        <v>20256</v>
      </c>
      <c r="I34666" s="2">
        <v>1</v>
      </c>
      <c r="J34666" s="2">
        <v>0</v>
      </c>
      <c r="K34666" s="2">
        <v>0</v>
      </c>
      <c r="L34666" t="s">
        <v>120</v>
      </c>
      <c r="M34666" t="s">
        <v>83</v>
      </c>
      <c r="N34666" t="s">
        <v>84</v>
      </c>
      <c r="O34666" t="s">
        <v>85</v>
      </c>
      <c r="P34666" t="s">
        <v>86</v>
      </c>
      <c r="Q34666">
        <v>33</v>
      </c>
      <c r="R34666">
        <v>35</v>
      </c>
      <c r="S34666">
        <v>36</v>
      </c>
      <c r="T34666">
        <v>37</v>
      </c>
      <c r="U34666">
        <v>38</v>
      </c>
      <c r="V34666">
        <v>39</v>
      </c>
      <c r="W34666">
        <v>40</v>
      </c>
      <c r="X34666">
        <v>41</v>
      </c>
      <c r="Y34666">
        <v>43</v>
      </c>
      <c r="Z34666">
        <v>44</v>
      </c>
      <c r="AA34666">
        <v>45</v>
      </c>
      <c r="AB34666">
        <v>46</v>
      </c>
      <c r="AC34666">
        <v>48</v>
      </c>
      <c r="AD34666">
        <v>49</v>
      </c>
      <c r="AE34666">
        <v>50</v>
      </c>
      <c r="AF34666">
        <v>52</v>
      </c>
      <c r="AG34666">
        <v>53</v>
      </c>
      <c r="AH34666">
        <v>55</v>
      </c>
      <c r="AI34666">
        <v>56</v>
      </c>
      <c r="AJ34666">
        <v>58</v>
      </c>
      <c r="AK34666">
        <v>59</v>
      </c>
      <c r="AL34666">
        <v>60</v>
      </c>
      <c r="AM34666">
        <v>61</v>
      </c>
      <c r="AN34666">
        <v>62</v>
      </c>
      <c r="AO34666">
        <v>63</v>
      </c>
      <c r="AP34666">
        <v>64</v>
      </c>
      <c r="AQ34666">
        <v>66</v>
      </c>
    </row>
    <row r="34667" spans="1:43">
      <c r="A34667" t="s">
        <v>21473</v>
      </c>
      <c r="B34667" t="s">
        <v>21474</v>
      </c>
      <c r="C34667" t="s">
        <v>21339</v>
      </c>
      <c r="D34667" t="s">
        <v>21340</v>
      </c>
      <c r="E34667" t="s">
        <v>21317</v>
      </c>
      <c r="F34667" t="s">
        <v>21318</v>
      </c>
      <c r="G34667" t="s">
        <v>20255</v>
      </c>
      <c r="H34667" t="s">
        <v>20256</v>
      </c>
      <c r="I34667" s="2">
        <v>1</v>
      </c>
      <c r="J34667" s="2">
        <v>0</v>
      </c>
      <c r="K34667" s="2">
        <v>0</v>
      </c>
      <c r="L34667" t="s">
        <v>120</v>
      </c>
      <c r="M34667" t="s">
        <v>87</v>
      </c>
      <c r="N34667" t="s">
        <v>88</v>
      </c>
      <c r="O34667" t="s">
        <v>85</v>
      </c>
      <c r="P34667" t="s">
        <v>86</v>
      </c>
      <c r="Q34667">
        <v>33</v>
      </c>
      <c r="R34667">
        <v>34</v>
      </c>
      <c r="S34667">
        <v>35</v>
      </c>
      <c r="T34667">
        <v>35</v>
      </c>
      <c r="U34667">
        <v>36</v>
      </c>
      <c r="V34667">
        <v>37</v>
      </c>
      <c r="W34667">
        <v>38</v>
      </c>
      <c r="X34667">
        <v>39</v>
      </c>
      <c r="Y34667">
        <v>39</v>
      </c>
      <c r="Z34667">
        <v>40</v>
      </c>
      <c r="AA34667">
        <v>41</v>
      </c>
      <c r="AB34667">
        <v>42</v>
      </c>
      <c r="AC34667">
        <v>43</v>
      </c>
      <c r="AD34667">
        <v>44</v>
      </c>
      <c r="AE34667">
        <v>45</v>
      </c>
      <c r="AF34667">
        <v>46</v>
      </c>
      <c r="AG34667">
        <v>47</v>
      </c>
      <c r="AH34667">
        <v>47</v>
      </c>
      <c r="AI34667">
        <v>48</v>
      </c>
      <c r="AJ34667">
        <v>49</v>
      </c>
      <c r="AK34667">
        <v>50</v>
      </c>
      <c r="AL34667">
        <v>51</v>
      </c>
      <c r="AM34667">
        <v>52</v>
      </c>
      <c r="AN34667">
        <v>53</v>
      </c>
      <c r="AO34667">
        <v>54</v>
      </c>
      <c r="AP34667">
        <v>56</v>
      </c>
      <c r="AQ34667">
        <v>57</v>
      </c>
    </row>
    <row r="34668" spans="1:43">
      <c r="A34668" t="s">
        <v>21473</v>
      </c>
      <c r="B34668" t="s">
        <v>21474</v>
      </c>
      <c r="C34668" t="s">
        <v>21339</v>
      </c>
      <c r="D34668" t="s">
        <v>21340</v>
      </c>
      <c r="E34668" t="s">
        <v>21317</v>
      </c>
      <c r="F34668" t="s">
        <v>21318</v>
      </c>
      <c r="G34668" t="s">
        <v>20255</v>
      </c>
      <c r="H34668" t="s">
        <v>20256</v>
      </c>
      <c r="I34668" s="2">
        <v>1</v>
      </c>
      <c r="J34668" s="2">
        <v>0</v>
      </c>
      <c r="K34668" s="2">
        <v>0</v>
      </c>
      <c r="L34668" t="s">
        <v>120</v>
      </c>
      <c r="M34668" t="s">
        <v>89</v>
      </c>
      <c r="N34668" t="s">
        <v>90</v>
      </c>
      <c r="O34668" t="s">
        <v>85</v>
      </c>
      <c r="P34668" t="s">
        <v>86</v>
      </c>
      <c r="Q34668">
        <v>33</v>
      </c>
      <c r="R34668">
        <v>34</v>
      </c>
      <c r="S34668">
        <v>36</v>
      </c>
      <c r="T34668">
        <v>37</v>
      </c>
      <c r="U34668">
        <v>38</v>
      </c>
      <c r="V34668">
        <v>40</v>
      </c>
      <c r="W34668">
        <v>41</v>
      </c>
      <c r="X34668">
        <v>43</v>
      </c>
      <c r="Y34668">
        <v>44</v>
      </c>
      <c r="Z34668">
        <v>46</v>
      </c>
      <c r="AA34668">
        <v>47</v>
      </c>
      <c r="AB34668">
        <v>48</v>
      </c>
      <c r="AC34668">
        <v>50</v>
      </c>
      <c r="AD34668">
        <v>52</v>
      </c>
      <c r="AE34668">
        <v>53</v>
      </c>
      <c r="AF34668">
        <v>54</v>
      </c>
      <c r="AG34668">
        <v>55</v>
      </c>
      <c r="AH34668">
        <v>56</v>
      </c>
      <c r="AI34668">
        <v>57</v>
      </c>
      <c r="AJ34668">
        <v>58</v>
      </c>
      <c r="AK34668">
        <v>59</v>
      </c>
      <c r="AL34668">
        <v>60</v>
      </c>
      <c r="AM34668">
        <v>61</v>
      </c>
      <c r="AN34668">
        <v>62</v>
      </c>
      <c r="AO34668">
        <v>63</v>
      </c>
      <c r="AP34668">
        <v>64</v>
      </c>
      <c r="AQ34668">
        <v>65</v>
      </c>
    </row>
    <row r="34669" spans="1:43">
      <c r="A34669" t="s">
        <v>21473</v>
      </c>
      <c r="B34669" t="s">
        <v>21474</v>
      </c>
      <c r="C34669" t="s">
        <v>21339</v>
      </c>
      <c r="D34669" t="s">
        <v>21340</v>
      </c>
      <c r="E34669" t="s">
        <v>21317</v>
      </c>
      <c r="F34669" t="s">
        <v>21318</v>
      </c>
      <c r="G34669" t="s">
        <v>20255</v>
      </c>
      <c r="H34669" t="s">
        <v>20256</v>
      </c>
      <c r="I34669" s="2">
        <v>1</v>
      </c>
      <c r="J34669" s="2">
        <v>0</v>
      </c>
      <c r="K34669" s="2">
        <v>0</v>
      </c>
      <c r="L34669" t="s">
        <v>120</v>
      </c>
      <c r="M34669" t="s">
        <v>83</v>
      </c>
      <c r="N34669" t="s">
        <v>91</v>
      </c>
      <c r="O34669" t="s">
        <v>85</v>
      </c>
      <c r="P34669" t="s">
        <v>86</v>
      </c>
      <c r="Q34669">
        <v>33</v>
      </c>
      <c r="R34669">
        <v>35</v>
      </c>
      <c r="S34669">
        <v>36</v>
      </c>
      <c r="T34669">
        <v>37</v>
      </c>
      <c r="U34669">
        <v>38</v>
      </c>
      <c r="V34669">
        <v>39</v>
      </c>
      <c r="W34669">
        <v>40</v>
      </c>
      <c r="X34669">
        <v>41</v>
      </c>
      <c r="Y34669">
        <v>43</v>
      </c>
      <c r="Z34669">
        <v>44</v>
      </c>
      <c r="AA34669">
        <v>45</v>
      </c>
      <c r="AB34669">
        <v>46</v>
      </c>
      <c r="AC34669">
        <v>48</v>
      </c>
      <c r="AD34669">
        <v>49</v>
      </c>
      <c r="AE34669">
        <v>50</v>
      </c>
      <c r="AF34669">
        <v>52</v>
      </c>
      <c r="AG34669">
        <v>53</v>
      </c>
      <c r="AH34669">
        <v>55</v>
      </c>
      <c r="AI34669">
        <v>56</v>
      </c>
      <c r="AJ34669">
        <v>58</v>
      </c>
      <c r="AK34669">
        <v>59</v>
      </c>
      <c r="AL34669">
        <v>60</v>
      </c>
      <c r="AM34669">
        <v>61</v>
      </c>
      <c r="AN34669">
        <v>62</v>
      </c>
      <c r="AO34669">
        <v>63</v>
      </c>
      <c r="AP34669">
        <v>64</v>
      </c>
      <c r="AQ34669">
        <v>66</v>
      </c>
    </row>
    <row r="34670" spans="1:43">
      <c r="A34670" t="s">
        <v>21475</v>
      </c>
      <c r="B34670" t="s">
        <v>21476</v>
      </c>
      <c r="C34670" t="s">
        <v>21339</v>
      </c>
      <c r="D34670" t="s">
        <v>21340</v>
      </c>
      <c r="E34670" t="s">
        <v>21317</v>
      </c>
      <c r="F34670" t="s">
        <v>21318</v>
      </c>
      <c r="G34670" t="s">
        <v>20255</v>
      </c>
      <c r="H34670" t="s">
        <v>20256</v>
      </c>
      <c r="I34670" s="2">
        <v>1</v>
      </c>
      <c r="J34670" s="2">
        <v>0</v>
      </c>
      <c r="K34670" s="2">
        <v>0</v>
      </c>
      <c r="L34670" t="s">
        <v>120</v>
      </c>
      <c r="M34670" t="s">
        <v>83</v>
      </c>
      <c r="N34670" t="s">
        <v>84</v>
      </c>
      <c r="O34670" t="s">
        <v>85</v>
      </c>
      <c r="P34670" t="s">
        <v>86</v>
      </c>
      <c r="Q34670">
        <v>46</v>
      </c>
      <c r="R34670">
        <v>48</v>
      </c>
      <c r="S34670">
        <v>49</v>
      </c>
      <c r="T34670">
        <v>51</v>
      </c>
      <c r="U34670">
        <v>53</v>
      </c>
      <c r="V34670">
        <v>54</v>
      </c>
      <c r="W34670">
        <v>56</v>
      </c>
      <c r="X34670">
        <v>58</v>
      </c>
      <c r="Y34670">
        <v>59</v>
      </c>
      <c r="Z34670">
        <v>61</v>
      </c>
      <c r="AA34670">
        <v>63</v>
      </c>
      <c r="AB34670">
        <v>64</v>
      </c>
      <c r="AC34670">
        <v>66</v>
      </c>
      <c r="AD34670">
        <v>68</v>
      </c>
      <c r="AE34670">
        <v>70</v>
      </c>
      <c r="AF34670">
        <v>72</v>
      </c>
      <c r="AG34670">
        <v>74</v>
      </c>
      <c r="AH34670">
        <v>76</v>
      </c>
      <c r="AI34670">
        <v>78</v>
      </c>
      <c r="AJ34670">
        <v>80</v>
      </c>
      <c r="AK34670">
        <v>82</v>
      </c>
      <c r="AL34670">
        <v>84</v>
      </c>
      <c r="AM34670">
        <v>85</v>
      </c>
      <c r="AN34670">
        <v>87</v>
      </c>
      <c r="AO34670">
        <v>88</v>
      </c>
      <c r="AP34670">
        <v>90</v>
      </c>
      <c r="AQ34670">
        <v>91</v>
      </c>
    </row>
    <row r="34671" spans="1:43">
      <c r="A34671" t="s">
        <v>21475</v>
      </c>
      <c r="B34671" t="s">
        <v>21476</v>
      </c>
      <c r="C34671" t="s">
        <v>21339</v>
      </c>
      <c r="D34671" t="s">
        <v>21340</v>
      </c>
      <c r="E34671" t="s">
        <v>21317</v>
      </c>
      <c r="F34671" t="s">
        <v>21318</v>
      </c>
      <c r="G34671" t="s">
        <v>20255</v>
      </c>
      <c r="H34671" t="s">
        <v>20256</v>
      </c>
      <c r="I34671" s="2">
        <v>1</v>
      </c>
      <c r="J34671" s="2">
        <v>0</v>
      </c>
      <c r="K34671" s="2">
        <v>0</v>
      </c>
      <c r="L34671" t="s">
        <v>120</v>
      </c>
      <c r="M34671" t="s">
        <v>87</v>
      </c>
      <c r="N34671" t="s">
        <v>88</v>
      </c>
      <c r="O34671" t="s">
        <v>85</v>
      </c>
      <c r="P34671" t="s">
        <v>86</v>
      </c>
      <c r="Q34671">
        <v>46</v>
      </c>
      <c r="R34671">
        <v>47</v>
      </c>
      <c r="S34671">
        <v>48</v>
      </c>
      <c r="T34671">
        <v>49</v>
      </c>
      <c r="U34671">
        <v>50</v>
      </c>
      <c r="V34671">
        <v>51</v>
      </c>
      <c r="W34671">
        <v>52</v>
      </c>
      <c r="X34671">
        <v>54</v>
      </c>
      <c r="Y34671">
        <v>55</v>
      </c>
      <c r="Z34671">
        <v>56</v>
      </c>
      <c r="AA34671">
        <v>57</v>
      </c>
      <c r="AB34671">
        <v>58</v>
      </c>
      <c r="AC34671">
        <v>60</v>
      </c>
      <c r="AD34671">
        <v>61</v>
      </c>
      <c r="AE34671">
        <v>62</v>
      </c>
      <c r="AF34671">
        <v>63</v>
      </c>
      <c r="AG34671">
        <v>65</v>
      </c>
      <c r="AH34671">
        <v>66</v>
      </c>
      <c r="AI34671">
        <v>67</v>
      </c>
      <c r="AJ34671">
        <v>69</v>
      </c>
      <c r="AK34671">
        <v>70</v>
      </c>
      <c r="AL34671">
        <v>71</v>
      </c>
      <c r="AM34671">
        <v>73</v>
      </c>
      <c r="AN34671">
        <v>74</v>
      </c>
      <c r="AO34671">
        <v>76</v>
      </c>
      <c r="AP34671">
        <v>77</v>
      </c>
      <c r="AQ34671">
        <v>79</v>
      </c>
    </row>
    <row r="34672" spans="1:43">
      <c r="A34672" t="s">
        <v>21475</v>
      </c>
      <c r="B34672" t="s">
        <v>21476</v>
      </c>
      <c r="C34672" t="s">
        <v>21339</v>
      </c>
      <c r="D34672" t="s">
        <v>21340</v>
      </c>
      <c r="E34672" t="s">
        <v>21317</v>
      </c>
      <c r="F34672" t="s">
        <v>21318</v>
      </c>
      <c r="G34672" t="s">
        <v>20255</v>
      </c>
      <c r="H34672" t="s">
        <v>20256</v>
      </c>
      <c r="I34672" s="2">
        <v>1</v>
      </c>
      <c r="J34672" s="2">
        <v>0</v>
      </c>
      <c r="K34672" s="2">
        <v>0</v>
      </c>
      <c r="L34672" t="s">
        <v>120</v>
      </c>
      <c r="M34672" t="s">
        <v>89</v>
      </c>
      <c r="N34672" t="s">
        <v>90</v>
      </c>
      <c r="O34672" t="s">
        <v>85</v>
      </c>
      <c r="P34672" t="s">
        <v>86</v>
      </c>
      <c r="Q34672">
        <v>46</v>
      </c>
      <c r="R34672">
        <v>48</v>
      </c>
      <c r="S34672">
        <v>50</v>
      </c>
      <c r="T34672">
        <v>52</v>
      </c>
      <c r="U34672">
        <v>54</v>
      </c>
      <c r="V34672">
        <v>56</v>
      </c>
      <c r="W34672">
        <v>58</v>
      </c>
      <c r="X34672">
        <v>60</v>
      </c>
      <c r="Y34672">
        <v>62</v>
      </c>
      <c r="Z34672">
        <v>64</v>
      </c>
      <c r="AA34672">
        <v>66</v>
      </c>
      <c r="AB34672">
        <v>68</v>
      </c>
      <c r="AC34672">
        <v>70</v>
      </c>
      <c r="AD34672">
        <v>72</v>
      </c>
      <c r="AE34672">
        <v>74</v>
      </c>
      <c r="AF34672">
        <v>75</v>
      </c>
      <c r="AG34672">
        <v>77</v>
      </c>
      <c r="AH34672">
        <v>78</v>
      </c>
      <c r="AI34672">
        <v>79</v>
      </c>
      <c r="AJ34672">
        <v>81</v>
      </c>
      <c r="AK34672">
        <v>82</v>
      </c>
      <c r="AL34672">
        <v>84</v>
      </c>
      <c r="AM34672">
        <v>85</v>
      </c>
      <c r="AN34672">
        <v>87</v>
      </c>
      <c r="AO34672">
        <v>88</v>
      </c>
      <c r="AP34672">
        <v>89</v>
      </c>
      <c r="AQ34672">
        <v>91</v>
      </c>
    </row>
    <row r="34673" spans="1:43">
      <c r="A34673" t="s">
        <v>21475</v>
      </c>
      <c r="B34673" t="s">
        <v>21476</v>
      </c>
      <c r="C34673" t="s">
        <v>21339</v>
      </c>
      <c r="D34673" t="s">
        <v>21340</v>
      </c>
      <c r="E34673" t="s">
        <v>21317</v>
      </c>
      <c r="F34673" t="s">
        <v>21318</v>
      </c>
      <c r="G34673" t="s">
        <v>20255</v>
      </c>
      <c r="H34673" t="s">
        <v>20256</v>
      </c>
      <c r="I34673" s="2">
        <v>1</v>
      </c>
      <c r="J34673" s="2">
        <v>0</v>
      </c>
      <c r="K34673" s="2">
        <v>0</v>
      </c>
      <c r="L34673" t="s">
        <v>120</v>
      </c>
      <c r="M34673" t="s">
        <v>83</v>
      </c>
      <c r="N34673" t="s">
        <v>91</v>
      </c>
      <c r="O34673" t="s">
        <v>85</v>
      </c>
      <c r="P34673" t="s">
        <v>86</v>
      </c>
      <c r="Q34673">
        <v>46</v>
      </c>
      <c r="R34673">
        <v>48</v>
      </c>
      <c r="S34673">
        <v>49</v>
      </c>
      <c r="T34673">
        <v>51</v>
      </c>
      <c r="U34673">
        <v>53</v>
      </c>
      <c r="V34673">
        <v>54</v>
      </c>
      <c r="W34673">
        <v>56</v>
      </c>
      <c r="X34673">
        <v>58</v>
      </c>
      <c r="Y34673">
        <v>59</v>
      </c>
      <c r="Z34673">
        <v>61</v>
      </c>
      <c r="AA34673">
        <v>63</v>
      </c>
      <c r="AB34673">
        <v>64</v>
      </c>
      <c r="AC34673">
        <v>66</v>
      </c>
      <c r="AD34673">
        <v>68</v>
      </c>
      <c r="AE34673">
        <v>70</v>
      </c>
      <c r="AF34673">
        <v>72</v>
      </c>
      <c r="AG34673">
        <v>74</v>
      </c>
      <c r="AH34673">
        <v>76</v>
      </c>
      <c r="AI34673">
        <v>78</v>
      </c>
      <c r="AJ34673">
        <v>80</v>
      </c>
      <c r="AK34673">
        <v>82</v>
      </c>
      <c r="AL34673">
        <v>84</v>
      </c>
      <c r="AM34673">
        <v>85</v>
      </c>
      <c r="AN34673">
        <v>87</v>
      </c>
      <c r="AO34673">
        <v>88</v>
      </c>
      <c r="AP34673">
        <v>90</v>
      </c>
      <c r="AQ34673">
        <v>91</v>
      </c>
    </row>
    <row r="34674" spans="1:43">
      <c r="A34674" t="s">
        <v>21477</v>
      </c>
      <c r="B34674" t="s">
        <v>21478</v>
      </c>
      <c r="C34674" t="s">
        <v>21339</v>
      </c>
      <c r="D34674" t="s">
        <v>21340</v>
      </c>
      <c r="E34674" t="s">
        <v>21317</v>
      </c>
      <c r="F34674" t="s">
        <v>21318</v>
      </c>
      <c r="G34674" t="s">
        <v>20255</v>
      </c>
      <c r="H34674" t="s">
        <v>20256</v>
      </c>
      <c r="I34674" s="2">
        <v>1</v>
      </c>
      <c r="J34674" s="2">
        <v>0</v>
      </c>
      <c r="K34674" s="2">
        <v>0</v>
      </c>
      <c r="L34674" t="s">
        <v>120</v>
      </c>
      <c r="M34674" t="s">
        <v>83</v>
      </c>
      <c r="N34674" t="s">
        <v>84</v>
      </c>
      <c r="O34674" t="s">
        <v>85</v>
      </c>
      <c r="P34674" t="s">
        <v>86</v>
      </c>
      <c r="Q34674">
        <v>27</v>
      </c>
      <c r="R34674">
        <v>28</v>
      </c>
      <c r="S34674">
        <v>28</v>
      </c>
      <c r="T34674">
        <v>29</v>
      </c>
      <c r="U34674">
        <v>30</v>
      </c>
      <c r="V34674">
        <v>31</v>
      </c>
      <c r="W34674">
        <v>32</v>
      </c>
      <c r="X34674">
        <v>33</v>
      </c>
      <c r="Y34674">
        <v>34</v>
      </c>
      <c r="Z34674">
        <v>35</v>
      </c>
      <c r="AA34674">
        <v>36</v>
      </c>
      <c r="AB34674">
        <v>37</v>
      </c>
      <c r="AC34674">
        <v>38</v>
      </c>
      <c r="AD34674">
        <v>39</v>
      </c>
      <c r="AE34674">
        <v>40</v>
      </c>
      <c r="AF34674">
        <v>41</v>
      </c>
      <c r="AG34674">
        <v>42</v>
      </c>
      <c r="AH34674">
        <v>44</v>
      </c>
      <c r="AI34674">
        <v>45</v>
      </c>
      <c r="AJ34674">
        <v>46</v>
      </c>
      <c r="AK34674">
        <v>47</v>
      </c>
      <c r="AL34674">
        <v>48</v>
      </c>
      <c r="AM34674">
        <v>49</v>
      </c>
      <c r="AN34674">
        <v>50</v>
      </c>
      <c r="AO34674">
        <v>51</v>
      </c>
      <c r="AP34674">
        <v>51</v>
      </c>
      <c r="AQ34674">
        <v>52</v>
      </c>
    </row>
    <row r="34675" spans="1:43">
      <c r="A34675" t="s">
        <v>21477</v>
      </c>
      <c r="B34675" t="s">
        <v>21478</v>
      </c>
      <c r="C34675" t="s">
        <v>21339</v>
      </c>
      <c r="D34675" t="s">
        <v>21340</v>
      </c>
      <c r="E34675" t="s">
        <v>21317</v>
      </c>
      <c r="F34675" t="s">
        <v>21318</v>
      </c>
      <c r="G34675" t="s">
        <v>20255</v>
      </c>
      <c r="H34675" t="s">
        <v>20256</v>
      </c>
      <c r="I34675" s="2">
        <v>1</v>
      </c>
      <c r="J34675" s="2">
        <v>0</v>
      </c>
      <c r="K34675" s="2">
        <v>0</v>
      </c>
      <c r="L34675" t="s">
        <v>120</v>
      </c>
      <c r="M34675" t="s">
        <v>87</v>
      </c>
      <c r="N34675" t="s">
        <v>88</v>
      </c>
      <c r="O34675" t="s">
        <v>85</v>
      </c>
      <c r="P34675" t="s">
        <v>86</v>
      </c>
      <c r="Q34675">
        <v>27</v>
      </c>
      <c r="R34675">
        <v>28</v>
      </c>
      <c r="S34675">
        <v>29</v>
      </c>
      <c r="T34675">
        <v>29</v>
      </c>
      <c r="U34675">
        <v>30</v>
      </c>
      <c r="V34675">
        <v>31</v>
      </c>
      <c r="W34675">
        <v>31</v>
      </c>
      <c r="X34675">
        <v>32</v>
      </c>
      <c r="Y34675">
        <v>32</v>
      </c>
      <c r="Z34675">
        <v>33</v>
      </c>
      <c r="AA34675">
        <v>34</v>
      </c>
      <c r="AB34675">
        <v>35</v>
      </c>
      <c r="AC34675">
        <v>35</v>
      </c>
      <c r="AD34675">
        <v>36</v>
      </c>
      <c r="AE34675">
        <v>37</v>
      </c>
      <c r="AF34675">
        <v>37</v>
      </c>
      <c r="AG34675">
        <v>38</v>
      </c>
      <c r="AH34675">
        <v>39</v>
      </c>
      <c r="AI34675">
        <v>40</v>
      </c>
      <c r="AJ34675">
        <v>40</v>
      </c>
      <c r="AK34675">
        <v>41</v>
      </c>
      <c r="AL34675">
        <v>42</v>
      </c>
      <c r="AM34675">
        <v>43</v>
      </c>
      <c r="AN34675">
        <v>44</v>
      </c>
      <c r="AO34675">
        <v>45</v>
      </c>
      <c r="AP34675">
        <v>45</v>
      </c>
      <c r="AQ34675">
        <v>46</v>
      </c>
    </row>
    <row r="34676" spans="1:43">
      <c r="A34676" t="s">
        <v>21477</v>
      </c>
      <c r="B34676" t="s">
        <v>21478</v>
      </c>
      <c r="C34676" t="s">
        <v>21339</v>
      </c>
      <c r="D34676" t="s">
        <v>21340</v>
      </c>
      <c r="E34676" t="s">
        <v>21317</v>
      </c>
      <c r="F34676" t="s">
        <v>21318</v>
      </c>
      <c r="G34676" t="s">
        <v>20255</v>
      </c>
      <c r="H34676" t="s">
        <v>20256</v>
      </c>
      <c r="I34676" s="2">
        <v>1</v>
      </c>
      <c r="J34676" s="2">
        <v>0</v>
      </c>
      <c r="K34676" s="2">
        <v>0</v>
      </c>
      <c r="L34676" t="s">
        <v>120</v>
      </c>
      <c r="M34676" t="s">
        <v>89</v>
      </c>
      <c r="N34676" t="s">
        <v>90</v>
      </c>
      <c r="O34676" t="s">
        <v>85</v>
      </c>
      <c r="P34676" t="s">
        <v>86</v>
      </c>
      <c r="Q34676">
        <v>27</v>
      </c>
      <c r="R34676">
        <v>28</v>
      </c>
      <c r="S34676">
        <v>29</v>
      </c>
      <c r="T34676">
        <v>30</v>
      </c>
      <c r="U34676">
        <v>31</v>
      </c>
      <c r="V34676">
        <v>33</v>
      </c>
      <c r="W34676">
        <v>34</v>
      </c>
      <c r="X34676">
        <v>35</v>
      </c>
      <c r="Y34676">
        <v>36</v>
      </c>
      <c r="Z34676">
        <v>37</v>
      </c>
      <c r="AA34676">
        <v>38</v>
      </c>
      <c r="AB34676">
        <v>40</v>
      </c>
      <c r="AC34676">
        <v>41</v>
      </c>
      <c r="AD34676">
        <v>42</v>
      </c>
      <c r="AE34676">
        <v>43</v>
      </c>
      <c r="AF34676">
        <v>44</v>
      </c>
      <c r="AG34676">
        <v>45</v>
      </c>
      <c r="AH34676">
        <v>45</v>
      </c>
      <c r="AI34676">
        <v>46</v>
      </c>
      <c r="AJ34676">
        <v>47</v>
      </c>
      <c r="AK34676">
        <v>48</v>
      </c>
      <c r="AL34676">
        <v>49</v>
      </c>
      <c r="AM34676">
        <v>49</v>
      </c>
      <c r="AN34676">
        <v>50</v>
      </c>
      <c r="AO34676">
        <v>51</v>
      </c>
      <c r="AP34676">
        <v>52</v>
      </c>
      <c r="AQ34676">
        <v>53</v>
      </c>
    </row>
    <row r="34677" spans="1:43">
      <c r="A34677" t="s">
        <v>21477</v>
      </c>
      <c r="B34677" t="s">
        <v>21478</v>
      </c>
      <c r="C34677" t="s">
        <v>21339</v>
      </c>
      <c r="D34677" t="s">
        <v>21340</v>
      </c>
      <c r="E34677" t="s">
        <v>21317</v>
      </c>
      <c r="F34677" t="s">
        <v>21318</v>
      </c>
      <c r="G34677" t="s">
        <v>20255</v>
      </c>
      <c r="H34677" t="s">
        <v>20256</v>
      </c>
      <c r="I34677" s="2">
        <v>1</v>
      </c>
      <c r="J34677" s="2">
        <v>0</v>
      </c>
      <c r="K34677" s="2">
        <v>0</v>
      </c>
      <c r="L34677" t="s">
        <v>120</v>
      </c>
      <c r="M34677" t="s">
        <v>83</v>
      </c>
      <c r="N34677" t="s">
        <v>91</v>
      </c>
      <c r="O34677" t="s">
        <v>85</v>
      </c>
      <c r="P34677" t="s">
        <v>86</v>
      </c>
      <c r="Q34677">
        <v>27</v>
      </c>
      <c r="R34677">
        <v>28</v>
      </c>
      <c r="S34677">
        <v>28</v>
      </c>
      <c r="T34677">
        <v>29</v>
      </c>
      <c r="U34677">
        <v>30</v>
      </c>
      <c r="V34677">
        <v>31</v>
      </c>
      <c r="W34677">
        <v>32</v>
      </c>
      <c r="X34677">
        <v>33</v>
      </c>
      <c r="Y34677">
        <v>34</v>
      </c>
      <c r="Z34677">
        <v>35</v>
      </c>
      <c r="AA34677">
        <v>36</v>
      </c>
      <c r="AB34677">
        <v>37</v>
      </c>
      <c r="AC34677">
        <v>38</v>
      </c>
      <c r="AD34677">
        <v>39</v>
      </c>
      <c r="AE34677">
        <v>40</v>
      </c>
      <c r="AF34677">
        <v>41</v>
      </c>
      <c r="AG34677">
        <v>42</v>
      </c>
      <c r="AH34677">
        <v>44</v>
      </c>
      <c r="AI34677">
        <v>45</v>
      </c>
      <c r="AJ34677">
        <v>46</v>
      </c>
      <c r="AK34677">
        <v>47</v>
      </c>
      <c r="AL34677">
        <v>48</v>
      </c>
      <c r="AM34677">
        <v>49</v>
      </c>
      <c r="AN34677">
        <v>50</v>
      </c>
      <c r="AO34677">
        <v>51</v>
      </c>
      <c r="AP34677">
        <v>51</v>
      </c>
      <c r="AQ34677">
        <v>52</v>
      </c>
    </row>
    <row r="34678" spans="1:43">
      <c r="A34678" t="s">
        <v>21479</v>
      </c>
      <c r="B34678" t="s">
        <v>21480</v>
      </c>
      <c r="C34678" t="s">
        <v>21425</v>
      </c>
      <c r="D34678" t="s">
        <v>21426</v>
      </c>
      <c r="E34678" t="s">
        <v>21317</v>
      </c>
      <c r="F34678" t="s">
        <v>21318</v>
      </c>
      <c r="G34678" t="s">
        <v>20255</v>
      </c>
      <c r="H34678" t="s">
        <v>20256</v>
      </c>
      <c r="I34678" s="2">
        <v>1</v>
      </c>
      <c r="J34678" s="2">
        <v>0</v>
      </c>
      <c r="K34678" s="2">
        <v>0</v>
      </c>
      <c r="L34678" t="s">
        <v>120</v>
      </c>
      <c r="M34678" t="s">
        <v>83</v>
      </c>
      <c r="N34678" t="s">
        <v>84</v>
      </c>
      <c r="O34678" t="s">
        <v>85</v>
      </c>
      <c r="P34678" t="s">
        <v>86</v>
      </c>
      <c r="Q34678">
        <v>21</v>
      </c>
      <c r="R34678">
        <v>22</v>
      </c>
      <c r="S34678">
        <v>23</v>
      </c>
      <c r="T34678">
        <v>23</v>
      </c>
      <c r="U34678">
        <v>24</v>
      </c>
      <c r="V34678">
        <v>25</v>
      </c>
      <c r="W34678">
        <v>26</v>
      </c>
      <c r="X34678">
        <v>27</v>
      </c>
      <c r="Y34678">
        <v>27</v>
      </c>
      <c r="Z34678">
        <v>28</v>
      </c>
      <c r="AA34678">
        <v>29</v>
      </c>
      <c r="AB34678">
        <v>30</v>
      </c>
      <c r="AC34678">
        <v>31</v>
      </c>
      <c r="AD34678">
        <v>32</v>
      </c>
      <c r="AE34678">
        <v>33</v>
      </c>
      <c r="AF34678">
        <v>34</v>
      </c>
      <c r="AG34678">
        <v>34</v>
      </c>
      <c r="AH34678">
        <v>35</v>
      </c>
      <c r="AI34678">
        <v>36</v>
      </c>
      <c r="AJ34678">
        <v>37</v>
      </c>
      <c r="AK34678">
        <v>38</v>
      </c>
      <c r="AL34678">
        <v>39</v>
      </c>
      <c r="AM34678">
        <v>40</v>
      </c>
      <c r="AN34678">
        <v>41</v>
      </c>
      <c r="AO34678">
        <v>41</v>
      </c>
      <c r="AP34678">
        <v>42</v>
      </c>
      <c r="AQ34678">
        <v>43</v>
      </c>
    </row>
    <row r="34679" spans="1:43">
      <c r="A34679" t="s">
        <v>21479</v>
      </c>
      <c r="B34679" t="s">
        <v>21480</v>
      </c>
      <c r="C34679" t="s">
        <v>21425</v>
      </c>
      <c r="D34679" t="s">
        <v>21426</v>
      </c>
      <c r="E34679" t="s">
        <v>21317</v>
      </c>
      <c r="F34679" t="s">
        <v>21318</v>
      </c>
      <c r="G34679" t="s">
        <v>20255</v>
      </c>
      <c r="H34679" t="s">
        <v>20256</v>
      </c>
      <c r="I34679" s="2">
        <v>1</v>
      </c>
      <c r="J34679" s="2">
        <v>0</v>
      </c>
      <c r="K34679" s="2">
        <v>0</v>
      </c>
      <c r="L34679" t="s">
        <v>120</v>
      </c>
      <c r="M34679" t="s">
        <v>87</v>
      </c>
      <c r="N34679" t="s">
        <v>88</v>
      </c>
      <c r="O34679" t="s">
        <v>85</v>
      </c>
      <c r="P34679" t="s">
        <v>86</v>
      </c>
      <c r="Q34679">
        <v>21</v>
      </c>
      <c r="R34679">
        <v>22</v>
      </c>
      <c r="S34679">
        <v>22</v>
      </c>
      <c r="T34679">
        <v>23</v>
      </c>
      <c r="U34679">
        <v>23</v>
      </c>
      <c r="V34679">
        <v>24</v>
      </c>
      <c r="W34679">
        <v>24</v>
      </c>
      <c r="X34679">
        <v>25</v>
      </c>
      <c r="Y34679">
        <v>25</v>
      </c>
      <c r="Z34679">
        <v>26</v>
      </c>
      <c r="AA34679">
        <v>26</v>
      </c>
      <c r="AB34679">
        <v>27</v>
      </c>
      <c r="AC34679">
        <v>28</v>
      </c>
      <c r="AD34679">
        <v>28</v>
      </c>
      <c r="AE34679">
        <v>29</v>
      </c>
      <c r="AF34679">
        <v>30</v>
      </c>
      <c r="AG34679">
        <v>30</v>
      </c>
      <c r="AH34679">
        <v>31</v>
      </c>
      <c r="AI34679">
        <v>32</v>
      </c>
      <c r="AJ34679">
        <v>32</v>
      </c>
      <c r="AK34679">
        <v>33</v>
      </c>
      <c r="AL34679">
        <v>34</v>
      </c>
      <c r="AM34679">
        <v>34</v>
      </c>
      <c r="AN34679">
        <v>35</v>
      </c>
      <c r="AO34679">
        <v>36</v>
      </c>
      <c r="AP34679">
        <v>36</v>
      </c>
      <c r="AQ34679">
        <v>37</v>
      </c>
    </row>
    <row r="34680" spans="1:43">
      <c r="A34680" t="s">
        <v>21479</v>
      </c>
      <c r="B34680" t="s">
        <v>21480</v>
      </c>
      <c r="C34680" t="s">
        <v>21425</v>
      </c>
      <c r="D34680" t="s">
        <v>21426</v>
      </c>
      <c r="E34680" t="s">
        <v>21317</v>
      </c>
      <c r="F34680" t="s">
        <v>21318</v>
      </c>
      <c r="G34680" t="s">
        <v>20255</v>
      </c>
      <c r="H34680" t="s">
        <v>20256</v>
      </c>
      <c r="I34680" s="2">
        <v>1</v>
      </c>
      <c r="J34680" s="2">
        <v>0</v>
      </c>
      <c r="K34680" s="2">
        <v>0</v>
      </c>
      <c r="L34680" t="s">
        <v>120</v>
      </c>
      <c r="M34680" t="s">
        <v>89</v>
      </c>
      <c r="N34680" t="s">
        <v>90</v>
      </c>
      <c r="O34680" t="s">
        <v>85</v>
      </c>
      <c r="P34680" t="s">
        <v>86</v>
      </c>
      <c r="Q34680">
        <v>21</v>
      </c>
      <c r="R34680">
        <v>22</v>
      </c>
      <c r="S34680">
        <v>23</v>
      </c>
      <c r="T34680">
        <v>24</v>
      </c>
      <c r="U34680">
        <v>25</v>
      </c>
      <c r="V34680">
        <v>26</v>
      </c>
      <c r="W34680">
        <v>27</v>
      </c>
      <c r="X34680">
        <v>28</v>
      </c>
      <c r="Y34680">
        <v>29</v>
      </c>
      <c r="Z34680">
        <v>30</v>
      </c>
      <c r="AA34680">
        <v>31</v>
      </c>
      <c r="AB34680">
        <v>32</v>
      </c>
      <c r="AC34680">
        <v>33</v>
      </c>
      <c r="AD34680">
        <v>34</v>
      </c>
      <c r="AE34680">
        <v>35</v>
      </c>
      <c r="AF34680">
        <v>36</v>
      </c>
      <c r="AG34680">
        <v>36</v>
      </c>
      <c r="AH34680">
        <v>37</v>
      </c>
      <c r="AI34680">
        <v>38</v>
      </c>
      <c r="AJ34680">
        <v>38</v>
      </c>
      <c r="AK34680">
        <v>39</v>
      </c>
      <c r="AL34680">
        <v>40</v>
      </c>
      <c r="AM34680">
        <v>40</v>
      </c>
      <c r="AN34680">
        <v>41</v>
      </c>
      <c r="AO34680">
        <v>42</v>
      </c>
      <c r="AP34680">
        <v>42</v>
      </c>
      <c r="AQ34680">
        <v>43</v>
      </c>
    </row>
    <row r="34681" spans="1:43">
      <c r="A34681" t="s">
        <v>21479</v>
      </c>
      <c r="B34681" t="s">
        <v>21480</v>
      </c>
      <c r="C34681" t="s">
        <v>21425</v>
      </c>
      <c r="D34681" t="s">
        <v>21426</v>
      </c>
      <c r="E34681" t="s">
        <v>21317</v>
      </c>
      <c r="F34681" t="s">
        <v>21318</v>
      </c>
      <c r="G34681" t="s">
        <v>20255</v>
      </c>
      <c r="H34681" t="s">
        <v>20256</v>
      </c>
      <c r="I34681" s="2">
        <v>1</v>
      </c>
      <c r="J34681" s="2">
        <v>0</v>
      </c>
      <c r="K34681" s="2">
        <v>0</v>
      </c>
      <c r="L34681" t="s">
        <v>120</v>
      </c>
      <c r="M34681" t="s">
        <v>83</v>
      </c>
      <c r="N34681" t="s">
        <v>91</v>
      </c>
      <c r="O34681" t="s">
        <v>85</v>
      </c>
      <c r="P34681" t="s">
        <v>86</v>
      </c>
      <c r="Q34681">
        <v>21</v>
      </c>
      <c r="R34681">
        <v>22</v>
      </c>
      <c r="S34681">
        <v>23</v>
      </c>
      <c r="T34681">
        <v>23</v>
      </c>
      <c r="U34681">
        <v>24</v>
      </c>
      <c r="V34681">
        <v>25</v>
      </c>
      <c r="W34681">
        <v>26</v>
      </c>
      <c r="X34681">
        <v>27</v>
      </c>
      <c r="Y34681">
        <v>27</v>
      </c>
      <c r="Z34681">
        <v>28</v>
      </c>
      <c r="AA34681">
        <v>29</v>
      </c>
      <c r="AB34681">
        <v>30</v>
      </c>
      <c r="AC34681">
        <v>31</v>
      </c>
      <c r="AD34681">
        <v>32</v>
      </c>
      <c r="AE34681">
        <v>33</v>
      </c>
      <c r="AF34681">
        <v>34</v>
      </c>
      <c r="AG34681">
        <v>34</v>
      </c>
      <c r="AH34681">
        <v>35</v>
      </c>
      <c r="AI34681">
        <v>36</v>
      </c>
      <c r="AJ34681">
        <v>37</v>
      </c>
      <c r="AK34681">
        <v>38</v>
      </c>
      <c r="AL34681">
        <v>39</v>
      </c>
      <c r="AM34681">
        <v>40</v>
      </c>
      <c r="AN34681">
        <v>41</v>
      </c>
      <c r="AO34681">
        <v>41</v>
      </c>
      <c r="AP34681">
        <v>42</v>
      </c>
      <c r="AQ34681">
        <v>43</v>
      </c>
    </row>
    <row r="34682" spans="1:43">
      <c r="A34682" t="s">
        <v>21481</v>
      </c>
      <c r="B34682" t="s">
        <v>21482</v>
      </c>
      <c r="C34682" t="s">
        <v>21425</v>
      </c>
      <c r="D34682" t="s">
        <v>21426</v>
      </c>
      <c r="E34682" t="s">
        <v>21317</v>
      </c>
      <c r="F34682" t="s">
        <v>21318</v>
      </c>
      <c r="G34682" t="s">
        <v>20255</v>
      </c>
      <c r="H34682" t="s">
        <v>20256</v>
      </c>
      <c r="I34682" s="2">
        <v>1</v>
      </c>
      <c r="J34682" s="2">
        <v>0</v>
      </c>
      <c r="K34682" s="2">
        <v>0</v>
      </c>
      <c r="L34682" t="s">
        <v>120</v>
      </c>
      <c r="M34682" t="s">
        <v>83</v>
      </c>
      <c r="N34682" t="s">
        <v>84</v>
      </c>
      <c r="O34682" t="s">
        <v>85</v>
      </c>
      <c r="P34682" t="s">
        <v>86</v>
      </c>
      <c r="Q34682">
        <v>11</v>
      </c>
      <c r="R34682">
        <v>11</v>
      </c>
      <c r="S34682">
        <v>11</v>
      </c>
      <c r="T34682">
        <v>11</v>
      </c>
      <c r="U34682">
        <v>12</v>
      </c>
      <c r="V34682">
        <v>12</v>
      </c>
      <c r="W34682">
        <v>12</v>
      </c>
      <c r="X34682">
        <v>12</v>
      </c>
      <c r="Y34682">
        <v>12</v>
      </c>
      <c r="Z34682">
        <v>12</v>
      </c>
      <c r="AA34682">
        <v>12</v>
      </c>
      <c r="AB34682">
        <v>13</v>
      </c>
      <c r="AC34682">
        <v>13</v>
      </c>
      <c r="AD34682">
        <v>13</v>
      </c>
      <c r="AE34682">
        <v>13</v>
      </c>
      <c r="AF34682">
        <v>13</v>
      </c>
      <c r="AG34682">
        <v>13</v>
      </c>
      <c r="AH34682">
        <v>13</v>
      </c>
      <c r="AI34682">
        <v>13</v>
      </c>
      <c r="AJ34682">
        <v>14</v>
      </c>
      <c r="AK34682">
        <v>14</v>
      </c>
      <c r="AL34682">
        <v>14</v>
      </c>
      <c r="AM34682">
        <v>14</v>
      </c>
      <c r="AN34682">
        <v>14</v>
      </c>
      <c r="AO34682">
        <v>14</v>
      </c>
      <c r="AP34682">
        <v>14</v>
      </c>
      <c r="AQ34682">
        <v>14</v>
      </c>
    </row>
    <row r="34683" spans="1:43">
      <c r="A34683" t="s">
        <v>21481</v>
      </c>
      <c r="B34683" t="s">
        <v>21482</v>
      </c>
      <c r="C34683" t="s">
        <v>21425</v>
      </c>
      <c r="D34683" t="s">
        <v>21426</v>
      </c>
      <c r="E34683" t="s">
        <v>21317</v>
      </c>
      <c r="F34683" t="s">
        <v>21318</v>
      </c>
      <c r="G34683" t="s">
        <v>20255</v>
      </c>
      <c r="H34683" t="s">
        <v>20256</v>
      </c>
      <c r="I34683" s="2">
        <v>1</v>
      </c>
      <c r="J34683" s="2">
        <v>0</v>
      </c>
      <c r="K34683" s="2">
        <v>0</v>
      </c>
      <c r="L34683" t="s">
        <v>120</v>
      </c>
      <c r="M34683" t="s">
        <v>87</v>
      </c>
      <c r="N34683" t="s">
        <v>88</v>
      </c>
      <c r="O34683" t="s">
        <v>85</v>
      </c>
      <c r="P34683" t="s">
        <v>86</v>
      </c>
      <c r="Q34683">
        <v>11</v>
      </c>
      <c r="R34683">
        <v>11</v>
      </c>
      <c r="S34683">
        <v>11</v>
      </c>
      <c r="T34683">
        <v>11</v>
      </c>
      <c r="U34683">
        <v>11</v>
      </c>
      <c r="V34683">
        <v>11</v>
      </c>
      <c r="W34683">
        <v>11</v>
      </c>
      <c r="X34683">
        <v>11</v>
      </c>
      <c r="Y34683">
        <v>11</v>
      </c>
      <c r="Z34683">
        <v>11</v>
      </c>
      <c r="AA34683">
        <v>11</v>
      </c>
      <c r="AB34683">
        <v>11</v>
      </c>
      <c r="AC34683">
        <v>11</v>
      </c>
      <c r="AD34683">
        <v>11</v>
      </c>
      <c r="AE34683">
        <v>12</v>
      </c>
      <c r="AF34683">
        <v>12</v>
      </c>
      <c r="AG34683">
        <v>12</v>
      </c>
      <c r="AH34683">
        <v>12</v>
      </c>
      <c r="AI34683">
        <v>12</v>
      </c>
      <c r="AJ34683">
        <v>12</v>
      </c>
      <c r="AK34683">
        <v>12</v>
      </c>
      <c r="AL34683">
        <v>12</v>
      </c>
      <c r="AM34683">
        <v>12</v>
      </c>
      <c r="AN34683">
        <v>12</v>
      </c>
      <c r="AO34683">
        <v>12</v>
      </c>
      <c r="AP34683">
        <v>12</v>
      </c>
      <c r="AQ34683">
        <v>12</v>
      </c>
    </row>
    <row r="34684" spans="1:43">
      <c r="A34684" t="s">
        <v>21481</v>
      </c>
      <c r="B34684" t="s">
        <v>21482</v>
      </c>
      <c r="C34684" t="s">
        <v>21425</v>
      </c>
      <c r="D34684" t="s">
        <v>21426</v>
      </c>
      <c r="E34684" t="s">
        <v>21317</v>
      </c>
      <c r="F34684" t="s">
        <v>21318</v>
      </c>
      <c r="G34684" t="s">
        <v>20255</v>
      </c>
      <c r="H34684" t="s">
        <v>20256</v>
      </c>
      <c r="I34684" s="2">
        <v>1</v>
      </c>
      <c r="J34684" s="2">
        <v>0</v>
      </c>
      <c r="K34684" s="2">
        <v>0</v>
      </c>
      <c r="L34684" t="s">
        <v>120</v>
      </c>
      <c r="M34684" t="s">
        <v>89</v>
      </c>
      <c r="N34684" t="s">
        <v>90</v>
      </c>
      <c r="O34684" t="s">
        <v>85</v>
      </c>
      <c r="P34684" t="s">
        <v>86</v>
      </c>
      <c r="Q34684">
        <v>11</v>
      </c>
      <c r="R34684">
        <v>11</v>
      </c>
      <c r="S34684">
        <v>12</v>
      </c>
      <c r="T34684">
        <v>12</v>
      </c>
      <c r="U34684">
        <v>12</v>
      </c>
      <c r="V34684">
        <v>12</v>
      </c>
      <c r="W34684">
        <v>12</v>
      </c>
      <c r="X34684">
        <v>13</v>
      </c>
      <c r="Y34684">
        <v>13</v>
      </c>
      <c r="Z34684">
        <v>13</v>
      </c>
      <c r="AA34684">
        <v>13</v>
      </c>
      <c r="AB34684">
        <v>13</v>
      </c>
      <c r="AC34684">
        <v>14</v>
      </c>
      <c r="AD34684">
        <v>14</v>
      </c>
      <c r="AE34684">
        <v>14</v>
      </c>
      <c r="AF34684">
        <v>14</v>
      </c>
      <c r="AG34684">
        <v>14</v>
      </c>
      <c r="AH34684">
        <v>14</v>
      </c>
      <c r="AI34684">
        <v>14</v>
      </c>
      <c r="AJ34684">
        <v>14</v>
      </c>
      <c r="AK34684">
        <v>14</v>
      </c>
      <c r="AL34684">
        <v>14</v>
      </c>
      <c r="AM34684">
        <v>14</v>
      </c>
      <c r="AN34684">
        <v>14</v>
      </c>
      <c r="AO34684">
        <v>14</v>
      </c>
      <c r="AP34684">
        <v>14</v>
      </c>
      <c r="AQ34684">
        <v>14</v>
      </c>
    </row>
    <row r="34685" spans="1:43">
      <c r="A34685" t="s">
        <v>21481</v>
      </c>
      <c r="B34685" t="s">
        <v>21482</v>
      </c>
      <c r="C34685" t="s">
        <v>21425</v>
      </c>
      <c r="D34685" t="s">
        <v>21426</v>
      </c>
      <c r="E34685" t="s">
        <v>21317</v>
      </c>
      <c r="F34685" t="s">
        <v>21318</v>
      </c>
      <c r="G34685" t="s">
        <v>20255</v>
      </c>
      <c r="H34685" t="s">
        <v>20256</v>
      </c>
      <c r="I34685" s="2">
        <v>1</v>
      </c>
      <c r="J34685" s="2">
        <v>0</v>
      </c>
      <c r="K34685" s="2">
        <v>0</v>
      </c>
      <c r="L34685" t="s">
        <v>120</v>
      </c>
      <c r="M34685" t="s">
        <v>83</v>
      </c>
      <c r="N34685" t="s">
        <v>91</v>
      </c>
      <c r="O34685" t="s">
        <v>85</v>
      </c>
      <c r="P34685" t="s">
        <v>86</v>
      </c>
      <c r="Q34685">
        <v>11</v>
      </c>
      <c r="R34685">
        <v>11</v>
      </c>
      <c r="S34685">
        <v>11</v>
      </c>
      <c r="T34685">
        <v>11</v>
      </c>
      <c r="U34685">
        <v>12</v>
      </c>
      <c r="V34685">
        <v>12</v>
      </c>
      <c r="W34685">
        <v>12</v>
      </c>
      <c r="X34685">
        <v>12</v>
      </c>
      <c r="Y34685">
        <v>12</v>
      </c>
      <c r="Z34685">
        <v>12</v>
      </c>
      <c r="AA34685">
        <v>12</v>
      </c>
      <c r="AB34685">
        <v>13</v>
      </c>
      <c r="AC34685">
        <v>13</v>
      </c>
      <c r="AD34685">
        <v>13</v>
      </c>
      <c r="AE34685">
        <v>13</v>
      </c>
      <c r="AF34685">
        <v>13</v>
      </c>
      <c r="AG34685">
        <v>13</v>
      </c>
      <c r="AH34685">
        <v>13</v>
      </c>
      <c r="AI34685">
        <v>13</v>
      </c>
      <c r="AJ34685">
        <v>14</v>
      </c>
      <c r="AK34685">
        <v>14</v>
      </c>
      <c r="AL34685">
        <v>14</v>
      </c>
      <c r="AM34685">
        <v>14</v>
      </c>
      <c r="AN34685">
        <v>14</v>
      </c>
      <c r="AO34685">
        <v>14</v>
      </c>
      <c r="AP34685">
        <v>14</v>
      </c>
      <c r="AQ34685">
        <v>14</v>
      </c>
    </row>
    <row r="34686" spans="1:43">
      <c r="A34686" t="s">
        <v>21483</v>
      </c>
      <c r="B34686" t="s">
        <v>21484</v>
      </c>
      <c r="C34686" t="s">
        <v>21389</v>
      </c>
      <c r="D34686" t="s">
        <v>21390</v>
      </c>
      <c r="E34686" t="s">
        <v>21317</v>
      </c>
      <c r="F34686" t="s">
        <v>21318</v>
      </c>
      <c r="G34686" t="s">
        <v>20255</v>
      </c>
      <c r="H34686" t="s">
        <v>20256</v>
      </c>
      <c r="I34686" s="2">
        <v>1</v>
      </c>
      <c r="J34686" s="2">
        <v>0</v>
      </c>
      <c r="K34686" s="2">
        <v>0</v>
      </c>
      <c r="L34686" t="s">
        <v>120</v>
      </c>
      <c r="M34686" t="s">
        <v>83</v>
      </c>
      <c r="N34686" t="s">
        <v>84</v>
      </c>
      <c r="O34686" t="s">
        <v>85</v>
      </c>
      <c r="P34686" t="s">
        <v>86</v>
      </c>
      <c r="Q34686">
        <v>51</v>
      </c>
      <c r="R34686">
        <v>52</v>
      </c>
      <c r="S34686">
        <v>54</v>
      </c>
      <c r="T34686">
        <v>56</v>
      </c>
      <c r="U34686">
        <v>58</v>
      </c>
      <c r="V34686">
        <v>60</v>
      </c>
      <c r="W34686">
        <v>62</v>
      </c>
      <c r="X34686">
        <v>63</v>
      </c>
      <c r="Y34686">
        <v>65</v>
      </c>
      <c r="Z34686">
        <v>67</v>
      </c>
      <c r="AA34686">
        <v>69</v>
      </c>
      <c r="AB34686">
        <v>71</v>
      </c>
      <c r="AC34686">
        <v>74</v>
      </c>
      <c r="AD34686">
        <v>76</v>
      </c>
      <c r="AE34686">
        <v>78</v>
      </c>
      <c r="AF34686">
        <v>80</v>
      </c>
      <c r="AG34686">
        <v>82</v>
      </c>
      <c r="AH34686">
        <v>85</v>
      </c>
      <c r="AI34686">
        <v>87</v>
      </c>
      <c r="AJ34686">
        <v>90</v>
      </c>
      <c r="AK34686">
        <v>92</v>
      </c>
      <c r="AL34686">
        <v>94</v>
      </c>
      <c r="AM34686">
        <v>96</v>
      </c>
      <c r="AN34686">
        <v>97</v>
      </c>
      <c r="AO34686">
        <v>99</v>
      </c>
      <c r="AP34686">
        <v>101</v>
      </c>
      <c r="AQ34686">
        <v>102</v>
      </c>
    </row>
    <row r="34687" spans="1:43">
      <c r="A34687" t="s">
        <v>21483</v>
      </c>
      <c r="B34687" t="s">
        <v>21484</v>
      </c>
      <c r="C34687" t="s">
        <v>21389</v>
      </c>
      <c r="D34687" t="s">
        <v>21390</v>
      </c>
      <c r="E34687" t="s">
        <v>21317</v>
      </c>
      <c r="F34687" t="s">
        <v>21318</v>
      </c>
      <c r="G34687" t="s">
        <v>20255</v>
      </c>
      <c r="H34687" t="s">
        <v>20256</v>
      </c>
      <c r="I34687" s="2">
        <v>1</v>
      </c>
      <c r="J34687" s="2">
        <v>0</v>
      </c>
      <c r="K34687" s="2">
        <v>0</v>
      </c>
      <c r="L34687" t="s">
        <v>120</v>
      </c>
      <c r="M34687" t="s">
        <v>87</v>
      </c>
      <c r="N34687" t="s">
        <v>88</v>
      </c>
      <c r="O34687" t="s">
        <v>85</v>
      </c>
      <c r="P34687" t="s">
        <v>86</v>
      </c>
      <c r="Q34687">
        <v>51</v>
      </c>
      <c r="R34687">
        <v>52</v>
      </c>
      <c r="S34687">
        <v>54</v>
      </c>
      <c r="T34687">
        <v>55</v>
      </c>
      <c r="U34687">
        <v>56</v>
      </c>
      <c r="V34687">
        <v>57</v>
      </c>
      <c r="W34687">
        <v>59</v>
      </c>
      <c r="X34687">
        <v>60</v>
      </c>
      <c r="Y34687">
        <v>61</v>
      </c>
      <c r="Z34687">
        <v>63</v>
      </c>
      <c r="AA34687">
        <v>64</v>
      </c>
      <c r="AB34687">
        <v>66</v>
      </c>
      <c r="AC34687">
        <v>67</v>
      </c>
      <c r="AD34687">
        <v>69</v>
      </c>
      <c r="AE34687">
        <v>70</v>
      </c>
      <c r="AF34687">
        <v>72</v>
      </c>
      <c r="AG34687">
        <v>73</v>
      </c>
      <c r="AH34687">
        <v>75</v>
      </c>
      <c r="AI34687">
        <v>76</v>
      </c>
      <c r="AJ34687">
        <v>78</v>
      </c>
      <c r="AK34687">
        <v>79</v>
      </c>
      <c r="AL34687">
        <v>81</v>
      </c>
      <c r="AM34687">
        <v>83</v>
      </c>
      <c r="AN34687">
        <v>84</v>
      </c>
      <c r="AO34687">
        <v>86</v>
      </c>
      <c r="AP34687">
        <v>88</v>
      </c>
      <c r="AQ34687">
        <v>90</v>
      </c>
    </row>
    <row r="34688" spans="1:43">
      <c r="A34688" t="s">
        <v>21483</v>
      </c>
      <c r="B34688" t="s">
        <v>21484</v>
      </c>
      <c r="C34688" t="s">
        <v>21389</v>
      </c>
      <c r="D34688" t="s">
        <v>21390</v>
      </c>
      <c r="E34688" t="s">
        <v>21317</v>
      </c>
      <c r="F34688" t="s">
        <v>21318</v>
      </c>
      <c r="G34688" t="s">
        <v>20255</v>
      </c>
      <c r="H34688" t="s">
        <v>20256</v>
      </c>
      <c r="I34688" s="2">
        <v>1</v>
      </c>
      <c r="J34688" s="2">
        <v>0</v>
      </c>
      <c r="K34688" s="2">
        <v>0</v>
      </c>
      <c r="L34688" t="s">
        <v>120</v>
      </c>
      <c r="M34688" t="s">
        <v>89</v>
      </c>
      <c r="N34688" t="s">
        <v>90</v>
      </c>
      <c r="O34688" t="s">
        <v>85</v>
      </c>
      <c r="P34688" t="s">
        <v>86</v>
      </c>
      <c r="Q34688">
        <v>51</v>
      </c>
      <c r="R34688">
        <v>53</v>
      </c>
      <c r="S34688">
        <v>56</v>
      </c>
      <c r="T34688">
        <v>58</v>
      </c>
      <c r="U34688">
        <v>60</v>
      </c>
      <c r="V34688">
        <v>62</v>
      </c>
      <c r="W34688">
        <v>65</v>
      </c>
      <c r="X34688">
        <v>67</v>
      </c>
      <c r="Y34688">
        <v>69</v>
      </c>
      <c r="Z34688">
        <v>72</v>
      </c>
      <c r="AA34688">
        <v>74</v>
      </c>
      <c r="AB34688">
        <v>76</v>
      </c>
      <c r="AC34688">
        <v>79</v>
      </c>
      <c r="AD34688">
        <v>81</v>
      </c>
      <c r="AE34688">
        <v>84</v>
      </c>
      <c r="AF34688">
        <v>85</v>
      </c>
      <c r="AG34688">
        <v>87</v>
      </c>
      <c r="AH34688">
        <v>88</v>
      </c>
      <c r="AI34688">
        <v>90</v>
      </c>
      <c r="AJ34688">
        <v>92</v>
      </c>
      <c r="AK34688">
        <v>93</v>
      </c>
      <c r="AL34688">
        <v>95</v>
      </c>
      <c r="AM34688">
        <v>97</v>
      </c>
      <c r="AN34688">
        <v>98</v>
      </c>
      <c r="AO34688">
        <v>100</v>
      </c>
      <c r="AP34688">
        <v>102</v>
      </c>
      <c r="AQ34688">
        <v>103</v>
      </c>
    </row>
    <row r="34689" spans="1:43">
      <c r="A34689" t="s">
        <v>21483</v>
      </c>
      <c r="B34689" t="s">
        <v>21484</v>
      </c>
      <c r="C34689" t="s">
        <v>21389</v>
      </c>
      <c r="D34689" t="s">
        <v>21390</v>
      </c>
      <c r="E34689" t="s">
        <v>21317</v>
      </c>
      <c r="F34689" t="s">
        <v>21318</v>
      </c>
      <c r="G34689" t="s">
        <v>20255</v>
      </c>
      <c r="H34689" t="s">
        <v>20256</v>
      </c>
      <c r="I34689" s="2">
        <v>1</v>
      </c>
      <c r="J34689" s="2">
        <v>0</v>
      </c>
      <c r="K34689" s="2">
        <v>0</v>
      </c>
      <c r="L34689" t="s">
        <v>120</v>
      </c>
      <c r="M34689" t="s">
        <v>83</v>
      </c>
      <c r="N34689" t="s">
        <v>91</v>
      </c>
      <c r="O34689" t="s">
        <v>85</v>
      </c>
      <c r="P34689" t="s">
        <v>86</v>
      </c>
      <c r="Q34689">
        <v>51</v>
      </c>
      <c r="R34689">
        <v>52</v>
      </c>
      <c r="S34689">
        <v>54</v>
      </c>
      <c r="T34689">
        <v>56</v>
      </c>
      <c r="U34689">
        <v>58</v>
      </c>
      <c r="V34689">
        <v>60</v>
      </c>
      <c r="W34689">
        <v>62</v>
      </c>
      <c r="X34689">
        <v>63</v>
      </c>
      <c r="Y34689">
        <v>65</v>
      </c>
      <c r="Z34689">
        <v>67</v>
      </c>
      <c r="AA34689">
        <v>69</v>
      </c>
      <c r="AB34689">
        <v>71</v>
      </c>
      <c r="AC34689">
        <v>74</v>
      </c>
      <c r="AD34689">
        <v>76</v>
      </c>
      <c r="AE34689">
        <v>78</v>
      </c>
      <c r="AF34689">
        <v>80</v>
      </c>
      <c r="AG34689">
        <v>82</v>
      </c>
      <c r="AH34689">
        <v>85</v>
      </c>
      <c r="AI34689">
        <v>87</v>
      </c>
      <c r="AJ34689">
        <v>90</v>
      </c>
      <c r="AK34689">
        <v>92</v>
      </c>
      <c r="AL34689">
        <v>94</v>
      </c>
      <c r="AM34689">
        <v>96</v>
      </c>
      <c r="AN34689">
        <v>97</v>
      </c>
      <c r="AO34689">
        <v>99</v>
      </c>
      <c r="AP34689">
        <v>101</v>
      </c>
      <c r="AQ34689">
        <v>102</v>
      </c>
    </row>
    <row r="34690" spans="1:43">
      <c r="A34690" t="s">
        <v>21485</v>
      </c>
      <c r="B34690" t="s">
        <v>21486</v>
      </c>
      <c r="C34690" t="s">
        <v>21389</v>
      </c>
      <c r="D34690" t="s">
        <v>21390</v>
      </c>
      <c r="E34690" t="s">
        <v>21317</v>
      </c>
      <c r="F34690" t="s">
        <v>21318</v>
      </c>
      <c r="G34690" t="s">
        <v>20255</v>
      </c>
      <c r="H34690" t="s">
        <v>20256</v>
      </c>
      <c r="I34690" s="2">
        <v>1</v>
      </c>
      <c r="J34690" s="2">
        <v>0</v>
      </c>
      <c r="K34690" s="2">
        <v>0</v>
      </c>
      <c r="L34690" t="s">
        <v>120</v>
      </c>
      <c r="M34690" t="s">
        <v>83</v>
      </c>
      <c r="N34690" t="s">
        <v>84</v>
      </c>
      <c r="O34690" t="s">
        <v>85</v>
      </c>
      <c r="P34690" t="s">
        <v>86</v>
      </c>
      <c r="Q34690">
        <v>14</v>
      </c>
      <c r="R34690">
        <v>14</v>
      </c>
      <c r="S34690">
        <v>15</v>
      </c>
      <c r="T34690">
        <v>15</v>
      </c>
      <c r="U34690">
        <v>16</v>
      </c>
      <c r="V34690">
        <v>16</v>
      </c>
      <c r="W34690">
        <v>17</v>
      </c>
      <c r="X34690">
        <v>17</v>
      </c>
      <c r="Y34690">
        <v>18</v>
      </c>
      <c r="Z34690">
        <v>18</v>
      </c>
      <c r="AA34690">
        <v>19</v>
      </c>
      <c r="AB34690">
        <v>19</v>
      </c>
      <c r="AC34690">
        <v>20</v>
      </c>
      <c r="AD34690">
        <v>21</v>
      </c>
      <c r="AE34690">
        <v>21</v>
      </c>
      <c r="AF34690">
        <v>22</v>
      </c>
      <c r="AG34690">
        <v>22</v>
      </c>
      <c r="AH34690">
        <v>23</v>
      </c>
      <c r="AI34690">
        <v>24</v>
      </c>
      <c r="AJ34690">
        <v>24</v>
      </c>
      <c r="AK34690">
        <v>25</v>
      </c>
      <c r="AL34690">
        <v>25</v>
      </c>
      <c r="AM34690">
        <v>26</v>
      </c>
      <c r="AN34690">
        <v>26</v>
      </c>
      <c r="AO34690">
        <v>27</v>
      </c>
      <c r="AP34690">
        <v>27</v>
      </c>
      <c r="AQ34690">
        <v>28</v>
      </c>
    </row>
    <row r="34691" spans="1:43">
      <c r="A34691" t="s">
        <v>21485</v>
      </c>
      <c r="B34691" t="s">
        <v>21486</v>
      </c>
      <c r="C34691" t="s">
        <v>21389</v>
      </c>
      <c r="D34691" t="s">
        <v>21390</v>
      </c>
      <c r="E34691" t="s">
        <v>21317</v>
      </c>
      <c r="F34691" t="s">
        <v>21318</v>
      </c>
      <c r="G34691" t="s">
        <v>20255</v>
      </c>
      <c r="H34691" t="s">
        <v>20256</v>
      </c>
      <c r="I34691" s="2">
        <v>1</v>
      </c>
      <c r="J34691" s="2">
        <v>0</v>
      </c>
      <c r="K34691" s="2">
        <v>0</v>
      </c>
      <c r="L34691" t="s">
        <v>120</v>
      </c>
      <c r="M34691" t="s">
        <v>87</v>
      </c>
      <c r="N34691" t="s">
        <v>88</v>
      </c>
      <c r="O34691" t="s">
        <v>85</v>
      </c>
      <c r="P34691" t="s">
        <v>86</v>
      </c>
      <c r="Q34691">
        <v>14</v>
      </c>
      <c r="R34691">
        <v>14</v>
      </c>
      <c r="S34691">
        <v>14</v>
      </c>
      <c r="T34691">
        <v>15</v>
      </c>
      <c r="U34691">
        <v>15</v>
      </c>
      <c r="V34691">
        <v>15</v>
      </c>
      <c r="W34691">
        <v>16</v>
      </c>
      <c r="X34691">
        <v>16</v>
      </c>
      <c r="Y34691">
        <v>16</v>
      </c>
      <c r="Z34691">
        <v>17</v>
      </c>
      <c r="AA34691">
        <v>17</v>
      </c>
      <c r="AB34691">
        <v>18</v>
      </c>
      <c r="AC34691">
        <v>18</v>
      </c>
      <c r="AD34691">
        <v>18</v>
      </c>
      <c r="AE34691">
        <v>19</v>
      </c>
      <c r="AF34691">
        <v>19</v>
      </c>
      <c r="AG34691">
        <v>20</v>
      </c>
      <c r="AH34691">
        <v>20</v>
      </c>
      <c r="AI34691">
        <v>20</v>
      </c>
      <c r="AJ34691">
        <v>21</v>
      </c>
      <c r="AK34691">
        <v>21</v>
      </c>
      <c r="AL34691">
        <v>22</v>
      </c>
      <c r="AM34691">
        <v>22</v>
      </c>
      <c r="AN34691">
        <v>23</v>
      </c>
      <c r="AO34691">
        <v>23</v>
      </c>
      <c r="AP34691">
        <v>24</v>
      </c>
      <c r="AQ34691">
        <v>24</v>
      </c>
    </row>
    <row r="34692" spans="1:43">
      <c r="A34692" t="s">
        <v>21485</v>
      </c>
      <c r="B34692" t="s">
        <v>21486</v>
      </c>
      <c r="C34692" t="s">
        <v>21389</v>
      </c>
      <c r="D34692" t="s">
        <v>21390</v>
      </c>
      <c r="E34692" t="s">
        <v>21317</v>
      </c>
      <c r="F34692" t="s">
        <v>21318</v>
      </c>
      <c r="G34692" t="s">
        <v>20255</v>
      </c>
      <c r="H34692" t="s">
        <v>20256</v>
      </c>
      <c r="I34692" s="2">
        <v>1</v>
      </c>
      <c r="J34692" s="2">
        <v>0</v>
      </c>
      <c r="K34692" s="2">
        <v>0</v>
      </c>
      <c r="L34692" t="s">
        <v>120</v>
      </c>
      <c r="M34692" t="s">
        <v>89</v>
      </c>
      <c r="N34692" t="s">
        <v>90</v>
      </c>
      <c r="O34692" t="s">
        <v>85</v>
      </c>
      <c r="P34692" t="s">
        <v>86</v>
      </c>
      <c r="Q34692">
        <v>14</v>
      </c>
      <c r="R34692">
        <v>15</v>
      </c>
      <c r="S34692">
        <v>15</v>
      </c>
      <c r="T34692">
        <v>16</v>
      </c>
      <c r="U34692">
        <v>16</v>
      </c>
      <c r="V34692">
        <v>17</v>
      </c>
      <c r="W34692">
        <v>18</v>
      </c>
      <c r="X34692">
        <v>18</v>
      </c>
      <c r="Y34692">
        <v>19</v>
      </c>
      <c r="Z34692">
        <v>19</v>
      </c>
      <c r="AA34692">
        <v>20</v>
      </c>
      <c r="AB34692">
        <v>21</v>
      </c>
      <c r="AC34692">
        <v>21</v>
      </c>
      <c r="AD34692">
        <v>22</v>
      </c>
      <c r="AE34692">
        <v>23</v>
      </c>
      <c r="AF34692">
        <v>23</v>
      </c>
      <c r="AG34692">
        <v>24</v>
      </c>
      <c r="AH34692">
        <v>24</v>
      </c>
      <c r="AI34692">
        <v>24</v>
      </c>
      <c r="AJ34692">
        <v>25</v>
      </c>
      <c r="AK34692">
        <v>25</v>
      </c>
      <c r="AL34692">
        <v>26</v>
      </c>
      <c r="AM34692">
        <v>26</v>
      </c>
      <c r="AN34692">
        <v>27</v>
      </c>
      <c r="AO34692">
        <v>27</v>
      </c>
      <c r="AP34692">
        <v>28</v>
      </c>
      <c r="AQ34692">
        <v>28</v>
      </c>
    </row>
    <row r="34693" spans="1:43">
      <c r="A34693" t="s">
        <v>21485</v>
      </c>
      <c r="B34693" t="s">
        <v>21486</v>
      </c>
      <c r="C34693" t="s">
        <v>21389</v>
      </c>
      <c r="D34693" t="s">
        <v>21390</v>
      </c>
      <c r="E34693" t="s">
        <v>21317</v>
      </c>
      <c r="F34693" t="s">
        <v>21318</v>
      </c>
      <c r="G34693" t="s">
        <v>20255</v>
      </c>
      <c r="H34693" t="s">
        <v>20256</v>
      </c>
      <c r="I34693" s="2">
        <v>1</v>
      </c>
      <c r="J34693" s="2">
        <v>0</v>
      </c>
      <c r="K34693" s="2">
        <v>0</v>
      </c>
      <c r="L34693" t="s">
        <v>120</v>
      </c>
      <c r="M34693" t="s">
        <v>83</v>
      </c>
      <c r="N34693" t="s">
        <v>91</v>
      </c>
      <c r="O34693" t="s">
        <v>85</v>
      </c>
      <c r="P34693" t="s">
        <v>86</v>
      </c>
      <c r="Q34693">
        <v>14</v>
      </c>
      <c r="R34693">
        <v>14</v>
      </c>
      <c r="S34693">
        <v>15</v>
      </c>
      <c r="T34693">
        <v>15</v>
      </c>
      <c r="U34693">
        <v>16</v>
      </c>
      <c r="V34693">
        <v>16</v>
      </c>
      <c r="W34693">
        <v>17</v>
      </c>
      <c r="X34693">
        <v>17</v>
      </c>
      <c r="Y34693">
        <v>18</v>
      </c>
      <c r="Z34693">
        <v>18</v>
      </c>
      <c r="AA34693">
        <v>19</v>
      </c>
      <c r="AB34693">
        <v>19</v>
      </c>
      <c r="AC34693">
        <v>20</v>
      </c>
      <c r="AD34693">
        <v>21</v>
      </c>
      <c r="AE34693">
        <v>21</v>
      </c>
      <c r="AF34693">
        <v>22</v>
      </c>
      <c r="AG34693">
        <v>22</v>
      </c>
      <c r="AH34693">
        <v>23</v>
      </c>
      <c r="AI34693">
        <v>24</v>
      </c>
      <c r="AJ34693">
        <v>24</v>
      </c>
      <c r="AK34693">
        <v>25</v>
      </c>
      <c r="AL34693">
        <v>25</v>
      </c>
      <c r="AM34693">
        <v>26</v>
      </c>
      <c r="AN34693">
        <v>26</v>
      </c>
      <c r="AO34693">
        <v>27</v>
      </c>
      <c r="AP34693">
        <v>27</v>
      </c>
      <c r="AQ34693">
        <v>28</v>
      </c>
    </row>
    <row r="34694" spans="1:43">
      <c r="A34694" t="s">
        <v>21487</v>
      </c>
      <c r="B34694" t="s">
        <v>21488</v>
      </c>
      <c r="C34694" t="s">
        <v>21415</v>
      </c>
      <c r="D34694" t="s">
        <v>21416</v>
      </c>
      <c r="E34694" t="s">
        <v>21317</v>
      </c>
      <c r="F34694" t="s">
        <v>21318</v>
      </c>
      <c r="G34694" t="s">
        <v>20255</v>
      </c>
      <c r="H34694" t="s">
        <v>20256</v>
      </c>
      <c r="I34694" s="2">
        <v>1</v>
      </c>
      <c r="J34694" s="2">
        <v>0</v>
      </c>
      <c r="K34694" s="2">
        <v>0</v>
      </c>
      <c r="L34694" t="s">
        <v>120</v>
      </c>
      <c r="M34694" t="s">
        <v>83</v>
      </c>
      <c r="N34694" t="s">
        <v>84</v>
      </c>
      <c r="O34694" t="s">
        <v>85</v>
      </c>
      <c r="P34694" t="s">
        <v>86</v>
      </c>
      <c r="Q34694">
        <v>32</v>
      </c>
      <c r="R34694">
        <v>33</v>
      </c>
      <c r="S34694">
        <v>34</v>
      </c>
      <c r="T34694">
        <v>35</v>
      </c>
      <c r="U34694">
        <v>36</v>
      </c>
      <c r="V34694">
        <v>37</v>
      </c>
      <c r="W34694">
        <v>38</v>
      </c>
      <c r="X34694">
        <v>39</v>
      </c>
      <c r="Y34694">
        <v>40</v>
      </c>
      <c r="Z34694">
        <v>42</v>
      </c>
      <c r="AA34694">
        <v>43</v>
      </c>
      <c r="AB34694">
        <v>44</v>
      </c>
      <c r="AC34694">
        <v>45</v>
      </c>
      <c r="AD34694">
        <v>47</v>
      </c>
      <c r="AE34694">
        <v>48</v>
      </c>
      <c r="AF34694">
        <v>49</v>
      </c>
      <c r="AG34694">
        <v>51</v>
      </c>
      <c r="AH34694">
        <v>52</v>
      </c>
      <c r="AI34694">
        <v>53</v>
      </c>
      <c r="AJ34694">
        <v>55</v>
      </c>
      <c r="AK34694">
        <v>56</v>
      </c>
      <c r="AL34694">
        <v>57</v>
      </c>
      <c r="AM34694">
        <v>58</v>
      </c>
      <c r="AN34694">
        <v>59</v>
      </c>
      <c r="AO34694">
        <v>60</v>
      </c>
      <c r="AP34694">
        <v>61</v>
      </c>
      <c r="AQ34694">
        <v>62</v>
      </c>
    </row>
    <row r="34695" spans="1:43">
      <c r="A34695" t="s">
        <v>21487</v>
      </c>
      <c r="B34695" t="s">
        <v>21488</v>
      </c>
      <c r="C34695" t="s">
        <v>21415</v>
      </c>
      <c r="D34695" t="s">
        <v>21416</v>
      </c>
      <c r="E34695" t="s">
        <v>21317</v>
      </c>
      <c r="F34695" t="s">
        <v>21318</v>
      </c>
      <c r="G34695" t="s">
        <v>20255</v>
      </c>
      <c r="H34695" t="s">
        <v>20256</v>
      </c>
      <c r="I34695" s="2">
        <v>1</v>
      </c>
      <c r="J34695" s="2">
        <v>0</v>
      </c>
      <c r="K34695" s="2">
        <v>0</v>
      </c>
      <c r="L34695" t="s">
        <v>120</v>
      </c>
      <c r="M34695" t="s">
        <v>87</v>
      </c>
      <c r="N34695" t="s">
        <v>88</v>
      </c>
      <c r="O34695" t="s">
        <v>85</v>
      </c>
      <c r="P34695" t="s">
        <v>86</v>
      </c>
      <c r="Q34695">
        <v>32</v>
      </c>
      <c r="R34695">
        <v>33</v>
      </c>
      <c r="S34695">
        <v>34</v>
      </c>
      <c r="T34695">
        <v>35</v>
      </c>
      <c r="U34695">
        <v>35</v>
      </c>
      <c r="V34695">
        <v>36</v>
      </c>
      <c r="W34695">
        <v>37</v>
      </c>
      <c r="X34695">
        <v>38</v>
      </c>
      <c r="Y34695">
        <v>38</v>
      </c>
      <c r="Z34695">
        <v>39</v>
      </c>
      <c r="AA34695">
        <v>40</v>
      </c>
      <c r="AB34695">
        <v>41</v>
      </c>
      <c r="AC34695">
        <v>42</v>
      </c>
      <c r="AD34695">
        <v>43</v>
      </c>
      <c r="AE34695">
        <v>43</v>
      </c>
      <c r="AF34695">
        <v>44</v>
      </c>
      <c r="AG34695">
        <v>45</v>
      </c>
      <c r="AH34695">
        <v>46</v>
      </c>
      <c r="AI34695">
        <v>47</v>
      </c>
      <c r="AJ34695">
        <v>48</v>
      </c>
      <c r="AK34695">
        <v>49</v>
      </c>
      <c r="AL34695">
        <v>50</v>
      </c>
      <c r="AM34695">
        <v>51</v>
      </c>
      <c r="AN34695">
        <v>52</v>
      </c>
      <c r="AO34695">
        <v>53</v>
      </c>
      <c r="AP34695">
        <v>54</v>
      </c>
      <c r="AQ34695">
        <v>55</v>
      </c>
    </row>
    <row r="34696" spans="1:43">
      <c r="A34696" t="s">
        <v>21487</v>
      </c>
      <c r="B34696" t="s">
        <v>21488</v>
      </c>
      <c r="C34696" t="s">
        <v>21415</v>
      </c>
      <c r="D34696" t="s">
        <v>21416</v>
      </c>
      <c r="E34696" t="s">
        <v>21317</v>
      </c>
      <c r="F34696" t="s">
        <v>21318</v>
      </c>
      <c r="G34696" t="s">
        <v>20255</v>
      </c>
      <c r="H34696" t="s">
        <v>20256</v>
      </c>
      <c r="I34696" s="2">
        <v>1</v>
      </c>
      <c r="J34696" s="2">
        <v>0</v>
      </c>
      <c r="K34696" s="2">
        <v>0</v>
      </c>
      <c r="L34696" t="s">
        <v>120</v>
      </c>
      <c r="M34696" t="s">
        <v>89</v>
      </c>
      <c r="N34696" t="s">
        <v>90</v>
      </c>
      <c r="O34696" t="s">
        <v>85</v>
      </c>
      <c r="P34696" t="s">
        <v>86</v>
      </c>
      <c r="Q34696">
        <v>32</v>
      </c>
      <c r="R34696">
        <v>33</v>
      </c>
      <c r="S34696">
        <v>35</v>
      </c>
      <c r="T34696">
        <v>36</v>
      </c>
      <c r="U34696">
        <v>37</v>
      </c>
      <c r="V34696">
        <v>39</v>
      </c>
      <c r="W34696">
        <v>40</v>
      </c>
      <c r="X34696">
        <v>41</v>
      </c>
      <c r="Y34696">
        <v>43</v>
      </c>
      <c r="Z34696">
        <v>44</v>
      </c>
      <c r="AA34696">
        <v>46</v>
      </c>
      <c r="AB34696">
        <v>47</v>
      </c>
      <c r="AC34696">
        <v>49</v>
      </c>
      <c r="AD34696">
        <v>50</v>
      </c>
      <c r="AE34696">
        <v>51</v>
      </c>
      <c r="AF34696">
        <v>52</v>
      </c>
      <c r="AG34696">
        <v>53</v>
      </c>
      <c r="AH34696">
        <v>54</v>
      </c>
      <c r="AI34696">
        <v>55</v>
      </c>
      <c r="AJ34696">
        <v>56</v>
      </c>
      <c r="AK34696">
        <v>57</v>
      </c>
      <c r="AL34696">
        <v>58</v>
      </c>
      <c r="AM34696">
        <v>59</v>
      </c>
      <c r="AN34696">
        <v>60</v>
      </c>
      <c r="AO34696">
        <v>61</v>
      </c>
      <c r="AP34696">
        <v>62</v>
      </c>
      <c r="AQ34696">
        <v>63</v>
      </c>
    </row>
    <row r="34697" spans="1:43">
      <c r="A34697" t="s">
        <v>21487</v>
      </c>
      <c r="B34697" t="s">
        <v>21488</v>
      </c>
      <c r="C34697" t="s">
        <v>21415</v>
      </c>
      <c r="D34697" t="s">
        <v>21416</v>
      </c>
      <c r="E34697" t="s">
        <v>21317</v>
      </c>
      <c r="F34697" t="s">
        <v>21318</v>
      </c>
      <c r="G34697" t="s">
        <v>20255</v>
      </c>
      <c r="H34697" t="s">
        <v>20256</v>
      </c>
      <c r="I34697" s="2">
        <v>1</v>
      </c>
      <c r="J34697" s="2">
        <v>0</v>
      </c>
      <c r="K34697" s="2">
        <v>0</v>
      </c>
      <c r="L34697" t="s">
        <v>120</v>
      </c>
      <c r="M34697" t="s">
        <v>83</v>
      </c>
      <c r="N34697" t="s">
        <v>91</v>
      </c>
      <c r="O34697" t="s">
        <v>85</v>
      </c>
      <c r="P34697" t="s">
        <v>86</v>
      </c>
      <c r="Q34697">
        <v>32</v>
      </c>
      <c r="R34697">
        <v>33</v>
      </c>
      <c r="S34697">
        <v>34</v>
      </c>
      <c r="T34697">
        <v>35</v>
      </c>
      <c r="U34697">
        <v>36</v>
      </c>
      <c r="V34697">
        <v>37</v>
      </c>
      <c r="W34697">
        <v>38</v>
      </c>
      <c r="X34697">
        <v>39</v>
      </c>
      <c r="Y34697">
        <v>40</v>
      </c>
      <c r="Z34697">
        <v>42</v>
      </c>
      <c r="AA34697">
        <v>43</v>
      </c>
      <c r="AB34697">
        <v>44</v>
      </c>
      <c r="AC34697">
        <v>45</v>
      </c>
      <c r="AD34697">
        <v>47</v>
      </c>
      <c r="AE34697">
        <v>48</v>
      </c>
      <c r="AF34697">
        <v>49</v>
      </c>
      <c r="AG34697">
        <v>51</v>
      </c>
      <c r="AH34697">
        <v>52</v>
      </c>
      <c r="AI34697">
        <v>53</v>
      </c>
      <c r="AJ34697">
        <v>55</v>
      </c>
      <c r="AK34697">
        <v>56</v>
      </c>
      <c r="AL34697">
        <v>57</v>
      </c>
      <c r="AM34697">
        <v>58</v>
      </c>
      <c r="AN34697">
        <v>59</v>
      </c>
      <c r="AO34697">
        <v>60</v>
      </c>
      <c r="AP34697">
        <v>61</v>
      </c>
      <c r="AQ34697">
        <v>62</v>
      </c>
    </row>
    <row r="34698" spans="1:43">
      <c r="A34698" t="s">
        <v>21489</v>
      </c>
      <c r="B34698" t="s">
        <v>21490</v>
      </c>
      <c r="C34698" t="s">
        <v>21415</v>
      </c>
      <c r="D34698" t="s">
        <v>21416</v>
      </c>
      <c r="E34698" t="s">
        <v>21317</v>
      </c>
      <c r="F34698" t="s">
        <v>21318</v>
      </c>
      <c r="G34698" t="s">
        <v>20255</v>
      </c>
      <c r="H34698" t="s">
        <v>20256</v>
      </c>
      <c r="I34698" s="2">
        <v>1</v>
      </c>
      <c r="J34698" s="2">
        <v>0</v>
      </c>
      <c r="K34698" s="2">
        <v>0</v>
      </c>
      <c r="L34698" t="s">
        <v>120</v>
      </c>
      <c r="M34698" t="s">
        <v>83</v>
      </c>
      <c r="N34698" t="s">
        <v>84</v>
      </c>
      <c r="O34698" t="s">
        <v>85</v>
      </c>
      <c r="P34698" t="s">
        <v>86</v>
      </c>
      <c r="Q34698">
        <v>23</v>
      </c>
      <c r="R34698">
        <v>24</v>
      </c>
      <c r="S34698">
        <v>25</v>
      </c>
      <c r="T34698">
        <v>25</v>
      </c>
      <c r="U34698">
        <v>26</v>
      </c>
      <c r="V34698">
        <v>27</v>
      </c>
      <c r="W34698">
        <v>28</v>
      </c>
      <c r="X34698">
        <v>29</v>
      </c>
      <c r="Y34698">
        <v>30</v>
      </c>
      <c r="Z34698">
        <v>31</v>
      </c>
      <c r="AA34698">
        <v>31</v>
      </c>
      <c r="AB34698">
        <v>32</v>
      </c>
      <c r="AC34698">
        <v>33</v>
      </c>
      <c r="AD34698">
        <v>34</v>
      </c>
      <c r="AE34698">
        <v>35</v>
      </c>
      <c r="AF34698">
        <v>36</v>
      </c>
      <c r="AG34698">
        <v>37</v>
      </c>
      <c r="AH34698">
        <v>38</v>
      </c>
      <c r="AI34698">
        <v>39</v>
      </c>
      <c r="AJ34698">
        <v>41</v>
      </c>
      <c r="AK34698">
        <v>42</v>
      </c>
      <c r="AL34698">
        <v>43</v>
      </c>
      <c r="AM34698">
        <v>43</v>
      </c>
      <c r="AN34698">
        <v>44</v>
      </c>
      <c r="AO34698">
        <v>45</v>
      </c>
      <c r="AP34698">
        <v>46</v>
      </c>
      <c r="AQ34698">
        <v>46</v>
      </c>
    </row>
    <row r="34699" spans="1:43">
      <c r="A34699" t="s">
        <v>21489</v>
      </c>
      <c r="B34699" t="s">
        <v>21490</v>
      </c>
      <c r="C34699" t="s">
        <v>21415</v>
      </c>
      <c r="D34699" t="s">
        <v>21416</v>
      </c>
      <c r="E34699" t="s">
        <v>21317</v>
      </c>
      <c r="F34699" t="s">
        <v>21318</v>
      </c>
      <c r="G34699" t="s">
        <v>20255</v>
      </c>
      <c r="H34699" t="s">
        <v>20256</v>
      </c>
      <c r="I34699" s="2">
        <v>1</v>
      </c>
      <c r="J34699" s="2">
        <v>0</v>
      </c>
      <c r="K34699" s="2">
        <v>0</v>
      </c>
      <c r="L34699" t="s">
        <v>120</v>
      </c>
      <c r="M34699" t="s">
        <v>87</v>
      </c>
      <c r="N34699" t="s">
        <v>88</v>
      </c>
      <c r="O34699" t="s">
        <v>85</v>
      </c>
      <c r="P34699" t="s">
        <v>86</v>
      </c>
      <c r="Q34699">
        <v>23</v>
      </c>
      <c r="R34699">
        <v>23</v>
      </c>
      <c r="S34699">
        <v>24</v>
      </c>
      <c r="T34699">
        <v>24</v>
      </c>
      <c r="U34699">
        <v>25</v>
      </c>
      <c r="V34699">
        <v>26</v>
      </c>
      <c r="W34699">
        <v>26</v>
      </c>
      <c r="X34699">
        <v>27</v>
      </c>
      <c r="Y34699">
        <v>27</v>
      </c>
      <c r="Z34699">
        <v>28</v>
      </c>
      <c r="AA34699">
        <v>29</v>
      </c>
      <c r="AB34699">
        <v>29</v>
      </c>
      <c r="AC34699">
        <v>30</v>
      </c>
      <c r="AD34699">
        <v>31</v>
      </c>
      <c r="AE34699">
        <v>31</v>
      </c>
      <c r="AF34699">
        <v>32</v>
      </c>
      <c r="AG34699">
        <v>33</v>
      </c>
      <c r="AH34699">
        <v>33</v>
      </c>
      <c r="AI34699">
        <v>34</v>
      </c>
      <c r="AJ34699">
        <v>35</v>
      </c>
      <c r="AK34699">
        <v>36</v>
      </c>
      <c r="AL34699">
        <v>36</v>
      </c>
      <c r="AM34699">
        <v>37</v>
      </c>
      <c r="AN34699">
        <v>38</v>
      </c>
      <c r="AO34699">
        <v>39</v>
      </c>
      <c r="AP34699">
        <v>39</v>
      </c>
      <c r="AQ34699">
        <v>40</v>
      </c>
    </row>
    <row r="34700" spans="1:43">
      <c r="A34700" t="s">
        <v>21489</v>
      </c>
      <c r="B34700" t="s">
        <v>21490</v>
      </c>
      <c r="C34700" t="s">
        <v>21415</v>
      </c>
      <c r="D34700" t="s">
        <v>21416</v>
      </c>
      <c r="E34700" t="s">
        <v>21317</v>
      </c>
      <c r="F34700" t="s">
        <v>21318</v>
      </c>
      <c r="G34700" t="s">
        <v>20255</v>
      </c>
      <c r="H34700" t="s">
        <v>20256</v>
      </c>
      <c r="I34700" s="2">
        <v>1</v>
      </c>
      <c r="J34700" s="2">
        <v>0</v>
      </c>
      <c r="K34700" s="2">
        <v>0</v>
      </c>
      <c r="L34700" t="s">
        <v>120</v>
      </c>
      <c r="M34700" t="s">
        <v>89</v>
      </c>
      <c r="N34700" t="s">
        <v>90</v>
      </c>
      <c r="O34700" t="s">
        <v>85</v>
      </c>
      <c r="P34700" t="s">
        <v>86</v>
      </c>
      <c r="Q34700">
        <v>23</v>
      </c>
      <c r="R34700">
        <v>24</v>
      </c>
      <c r="S34700">
        <v>25</v>
      </c>
      <c r="T34700">
        <v>26</v>
      </c>
      <c r="U34700">
        <v>27</v>
      </c>
      <c r="V34700">
        <v>28</v>
      </c>
      <c r="W34700">
        <v>29</v>
      </c>
      <c r="X34700">
        <v>30</v>
      </c>
      <c r="Y34700">
        <v>31</v>
      </c>
      <c r="Z34700">
        <v>32</v>
      </c>
      <c r="AA34700">
        <v>34</v>
      </c>
      <c r="AB34700">
        <v>35</v>
      </c>
      <c r="AC34700">
        <v>36</v>
      </c>
      <c r="AD34700">
        <v>37</v>
      </c>
      <c r="AE34700">
        <v>38</v>
      </c>
      <c r="AF34700">
        <v>39</v>
      </c>
      <c r="AG34700">
        <v>39</v>
      </c>
      <c r="AH34700">
        <v>40</v>
      </c>
      <c r="AI34700">
        <v>41</v>
      </c>
      <c r="AJ34700">
        <v>41</v>
      </c>
      <c r="AK34700">
        <v>42</v>
      </c>
      <c r="AL34700">
        <v>43</v>
      </c>
      <c r="AM34700">
        <v>44</v>
      </c>
      <c r="AN34700">
        <v>44</v>
      </c>
      <c r="AO34700">
        <v>45</v>
      </c>
      <c r="AP34700">
        <v>46</v>
      </c>
      <c r="AQ34700">
        <v>47</v>
      </c>
    </row>
    <row r="34701" spans="1:43">
      <c r="A34701" t="s">
        <v>21489</v>
      </c>
      <c r="B34701" t="s">
        <v>21490</v>
      </c>
      <c r="C34701" t="s">
        <v>21415</v>
      </c>
      <c r="D34701" t="s">
        <v>21416</v>
      </c>
      <c r="E34701" t="s">
        <v>21317</v>
      </c>
      <c r="F34701" t="s">
        <v>21318</v>
      </c>
      <c r="G34701" t="s">
        <v>20255</v>
      </c>
      <c r="H34701" t="s">
        <v>20256</v>
      </c>
      <c r="I34701" s="2">
        <v>1</v>
      </c>
      <c r="J34701" s="2">
        <v>0</v>
      </c>
      <c r="K34701" s="2">
        <v>0</v>
      </c>
      <c r="L34701" t="s">
        <v>120</v>
      </c>
      <c r="M34701" t="s">
        <v>83</v>
      </c>
      <c r="N34701" t="s">
        <v>91</v>
      </c>
      <c r="O34701" t="s">
        <v>85</v>
      </c>
      <c r="P34701" t="s">
        <v>86</v>
      </c>
      <c r="Q34701">
        <v>23</v>
      </c>
      <c r="R34701">
        <v>24</v>
      </c>
      <c r="S34701">
        <v>25</v>
      </c>
      <c r="T34701">
        <v>25</v>
      </c>
      <c r="U34701">
        <v>26</v>
      </c>
      <c r="V34701">
        <v>27</v>
      </c>
      <c r="W34701">
        <v>28</v>
      </c>
      <c r="X34701">
        <v>29</v>
      </c>
      <c r="Y34701">
        <v>30</v>
      </c>
      <c r="Z34701">
        <v>31</v>
      </c>
      <c r="AA34701">
        <v>31</v>
      </c>
      <c r="AB34701">
        <v>32</v>
      </c>
      <c r="AC34701">
        <v>33</v>
      </c>
      <c r="AD34701">
        <v>34</v>
      </c>
      <c r="AE34701">
        <v>35</v>
      </c>
      <c r="AF34701">
        <v>36</v>
      </c>
      <c r="AG34701">
        <v>37</v>
      </c>
      <c r="AH34701">
        <v>38</v>
      </c>
      <c r="AI34701">
        <v>39</v>
      </c>
      <c r="AJ34701">
        <v>41</v>
      </c>
      <c r="AK34701">
        <v>42</v>
      </c>
      <c r="AL34701">
        <v>43</v>
      </c>
      <c r="AM34701">
        <v>43</v>
      </c>
      <c r="AN34701">
        <v>44</v>
      </c>
      <c r="AO34701">
        <v>45</v>
      </c>
      <c r="AP34701">
        <v>46</v>
      </c>
      <c r="AQ34701">
        <v>46</v>
      </c>
    </row>
    <row r="34702" spans="1:43">
      <c r="A34702" t="s">
        <v>21491</v>
      </c>
      <c r="B34702" t="s">
        <v>21492</v>
      </c>
      <c r="C34702" t="s">
        <v>21493</v>
      </c>
      <c r="D34702" t="s">
        <v>21494</v>
      </c>
      <c r="E34702" t="s">
        <v>21495</v>
      </c>
      <c r="F34702" t="s">
        <v>21496</v>
      </c>
      <c r="G34702" t="s">
        <v>10450</v>
      </c>
      <c r="H34702" t="s">
        <v>10451</v>
      </c>
      <c r="I34702" s="2">
        <v>0</v>
      </c>
      <c r="J34702" s="2">
        <v>0</v>
      </c>
      <c r="K34702" s="2">
        <v>0</v>
      </c>
      <c r="L34702" t="s">
        <v>120</v>
      </c>
      <c r="M34702" t="s">
        <v>83</v>
      </c>
      <c r="N34702" t="s">
        <v>84</v>
      </c>
      <c r="O34702" t="s">
        <v>85</v>
      </c>
      <c r="P34702" t="s">
        <v>86</v>
      </c>
      <c r="Q34702">
        <v>0</v>
      </c>
      <c r="R34702">
        <v>0</v>
      </c>
      <c r="S34702">
        <v>0</v>
      </c>
      <c r="T34702">
        <v>0</v>
      </c>
      <c r="U34702">
        <v>0</v>
      </c>
      <c r="V34702">
        <v>0</v>
      </c>
      <c r="W34702">
        <v>0</v>
      </c>
      <c r="X34702">
        <v>0</v>
      </c>
      <c r="Y34702">
        <v>0</v>
      </c>
      <c r="Z34702">
        <v>0</v>
      </c>
      <c r="AA34702">
        <v>0</v>
      </c>
      <c r="AB34702">
        <v>0</v>
      </c>
      <c r="AC34702">
        <v>0</v>
      </c>
      <c r="AD34702">
        <v>0</v>
      </c>
      <c r="AE34702">
        <v>0</v>
      </c>
      <c r="AF34702">
        <v>0</v>
      </c>
      <c r="AG34702">
        <v>0</v>
      </c>
      <c r="AH34702">
        <v>0</v>
      </c>
      <c r="AI34702">
        <v>0</v>
      </c>
      <c r="AJ34702">
        <v>0</v>
      </c>
      <c r="AK34702">
        <v>0</v>
      </c>
      <c r="AL34702">
        <v>0</v>
      </c>
      <c r="AM34702">
        <v>0</v>
      </c>
      <c r="AN34702">
        <v>0</v>
      </c>
      <c r="AO34702">
        <v>0</v>
      </c>
      <c r="AP34702">
        <v>0</v>
      </c>
      <c r="AQ34702">
        <v>0</v>
      </c>
    </row>
    <row r="34703" spans="1:43">
      <c r="A34703" t="s">
        <v>21491</v>
      </c>
      <c r="B34703" t="s">
        <v>21492</v>
      </c>
      <c r="C34703" t="s">
        <v>21493</v>
      </c>
      <c r="D34703" t="s">
        <v>21494</v>
      </c>
      <c r="E34703" t="s">
        <v>21495</v>
      </c>
      <c r="F34703" t="s">
        <v>21496</v>
      </c>
      <c r="G34703" t="s">
        <v>10450</v>
      </c>
      <c r="H34703" t="s">
        <v>10451</v>
      </c>
      <c r="I34703" s="2">
        <v>0</v>
      </c>
      <c r="J34703" s="2">
        <v>0</v>
      </c>
      <c r="K34703" s="2">
        <v>0</v>
      </c>
      <c r="L34703" t="s">
        <v>120</v>
      </c>
      <c r="M34703" t="s">
        <v>87</v>
      </c>
      <c r="N34703" t="s">
        <v>88</v>
      </c>
      <c r="O34703" t="s">
        <v>85</v>
      </c>
      <c r="P34703" t="s">
        <v>86</v>
      </c>
      <c r="Q34703">
        <v>0</v>
      </c>
      <c r="R34703">
        <v>0</v>
      </c>
      <c r="S34703">
        <v>0</v>
      </c>
      <c r="T34703">
        <v>0</v>
      </c>
      <c r="U34703">
        <v>0</v>
      </c>
      <c r="V34703">
        <v>0</v>
      </c>
      <c r="W34703">
        <v>0</v>
      </c>
      <c r="X34703">
        <v>0</v>
      </c>
      <c r="Y34703">
        <v>0</v>
      </c>
      <c r="Z34703">
        <v>0</v>
      </c>
      <c r="AA34703">
        <v>0</v>
      </c>
      <c r="AB34703">
        <v>0</v>
      </c>
      <c r="AC34703">
        <v>0</v>
      </c>
      <c r="AD34703">
        <v>0</v>
      </c>
      <c r="AE34703">
        <v>0</v>
      </c>
      <c r="AF34703">
        <v>0</v>
      </c>
      <c r="AG34703">
        <v>0</v>
      </c>
      <c r="AH34703">
        <v>0</v>
      </c>
      <c r="AI34703">
        <v>0</v>
      </c>
      <c r="AJ34703">
        <v>0</v>
      </c>
      <c r="AK34703">
        <v>0</v>
      </c>
      <c r="AL34703">
        <v>0</v>
      </c>
      <c r="AM34703">
        <v>0</v>
      </c>
      <c r="AN34703">
        <v>0</v>
      </c>
      <c r="AO34703">
        <v>0</v>
      </c>
      <c r="AP34703">
        <v>0</v>
      </c>
      <c r="AQ34703">
        <v>0</v>
      </c>
    </row>
    <row r="34704" spans="1:43">
      <c r="A34704" t="s">
        <v>21491</v>
      </c>
      <c r="B34704" t="s">
        <v>21492</v>
      </c>
      <c r="C34704" t="s">
        <v>21493</v>
      </c>
      <c r="D34704" t="s">
        <v>21494</v>
      </c>
      <c r="E34704" t="s">
        <v>21495</v>
      </c>
      <c r="F34704" t="s">
        <v>21496</v>
      </c>
      <c r="G34704" t="s">
        <v>10450</v>
      </c>
      <c r="H34704" t="s">
        <v>10451</v>
      </c>
      <c r="I34704" s="2">
        <v>0</v>
      </c>
      <c r="J34704" s="2">
        <v>0</v>
      </c>
      <c r="K34704" s="2">
        <v>0</v>
      </c>
      <c r="L34704" t="s">
        <v>120</v>
      </c>
      <c r="M34704" t="s">
        <v>89</v>
      </c>
      <c r="N34704" t="s">
        <v>90</v>
      </c>
      <c r="O34704" t="s">
        <v>85</v>
      </c>
      <c r="P34704" t="s">
        <v>86</v>
      </c>
      <c r="Q34704">
        <v>0</v>
      </c>
      <c r="R34704">
        <v>0</v>
      </c>
      <c r="S34704">
        <v>0</v>
      </c>
      <c r="T34704">
        <v>0</v>
      </c>
      <c r="U34704">
        <v>0</v>
      </c>
      <c r="V34704">
        <v>0</v>
      </c>
      <c r="W34704">
        <v>0</v>
      </c>
      <c r="X34704">
        <v>0</v>
      </c>
      <c r="Y34704">
        <v>0</v>
      </c>
      <c r="Z34704">
        <v>0</v>
      </c>
      <c r="AA34704">
        <v>0</v>
      </c>
      <c r="AB34704">
        <v>0</v>
      </c>
      <c r="AC34704">
        <v>0</v>
      </c>
      <c r="AD34704">
        <v>0</v>
      </c>
      <c r="AE34704">
        <v>0</v>
      </c>
      <c r="AF34704">
        <v>0</v>
      </c>
      <c r="AG34704">
        <v>0</v>
      </c>
      <c r="AH34704">
        <v>0</v>
      </c>
      <c r="AI34704">
        <v>0</v>
      </c>
      <c r="AJ34704">
        <v>0</v>
      </c>
      <c r="AK34704">
        <v>0</v>
      </c>
      <c r="AL34704">
        <v>0</v>
      </c>
      <c r="AM34704">
        <v>0</v>
      </c>
      <c r="AN34704">
        <v>0</v>
      </c>
      <c r="AO34704">
        <v>0</v>
      </c>
      <c r="AP34704">
        <v>0</v>
      </c>
      <c r="AQ34704">
        <v>0</v>
      </c>
    </row>
    <row r="34705" spans="1:43">
      <c r="A34705" t="s">
        <v>21491</v>
      </c>
      <c r="B34705" t="s">
        <v>21492</v>
      </c>
      <c r="C34705" t="s">
        <v>21493</v>
      </c>
      <c r="D34705" t="s">
        <v>21494</v>
      </c>
      <c r="E34705" t="s">
        <v>21495</v>
      </c>
      <c r="F34705" t="s">
        <v>21496</v>
      </c>
      <c r="G34705" t="s">
        <v>10450</v>
      </c>
      <c r="H34705" t="s">
        <v>10451</v>
      </c>
      <c r="I34705" s="2">
        <v>0</v>
      </c>
      <c r="J34705" s="2">
        <v>0</v>
      </c>
      <c r="K34705" s="2">
        <v>0</v>
      </c>
      <c r="L34705" t="s">
        <v>120</v>
      </c>
      <c r="M34705" t="s">
        <v>83</v>
      </c>
      <c r="N34705" t="s">
        <v>91</v>
      </c>
      <c r="O34705" t="s">
        <v>85</v>
      </c>
      <c r="P34705" t="s">
        <v>86</v>
      </c>
      <c r="Q34705">
        <v>0</v>
      </c>
      <c r="R34705">
        <v>0</v>
      </c>
      <c r="S34705">
        <v>0</v>
      </c>
      <c r="T34705">
        <v>0</v>
      </c>
      <c r="U34705">
        <v>0</v>
      </c>
      <c r="V34705">
        <v>0</v>
      </c>
      <c r="W34705">
        <v>0</v>
      </c>
      <c r="X34705">
        <v>0</v>
      </c>
      <c r="Y34705">
        <v>0</v>
      </c>
      <c r="Z34705">
        <v>0</v>
      </c>
      <c r="AA34705">
        <v>0</v>
      </c>
      <c r="AB34705">
        <v>0</v>
      </c>
      <c r="AC34705">
        <v>0</v>
      </c>
      <c r="AD34705">
        <v>0</v>
      </c>
      <c r="AE34705">
        <v>0</v>
      </c>
      <c r="AF34705">
        <v>0</v>
      </c>
      <c r="AG34705">
        <v>0</v>
      </c>
      <c r="AH34705">
        <v>0</v>
      </c>
      <c r="AI34705">
        <v>0</v>
      </c>
      <c r="AJ34705">
        <v>0</v>
      </c>
      <c r="AK34705">
        <v>0</v>
      </c>
      <c r="AL34705">
        <v>0</v>
      </c>
      <c r="AM34705">
        <v>0</v>
      </c>
      <c r="AN34705">
        <v>0</v>
      </c>
      <c r="AO34705">
        <v>0</v>
      </c>
      <c r="AP34705">
        <v>0</v>
      </c>
      <c r="AQ34705">
        <v>0</v>
      </c>
    </row>
    <row r="34706" spans="1:43">
      <c r="A34706" t="s">
        <v>21497</v>
      </c>
      <c r="B34706" t="s">
        <v>21498</v>
      </c>
      <c r="C34706" t="s">
        <v>21493</v>
      </c>
      <c r="D34706" t="s">
        <v>21494</v>
      </c>
      <c r="E34706" t="s">
        <v>21495</v>
      </c>
      <c r="F34706" t="s">
        <v>21496</v>
      </c>
      <c r="G34706" t="s">
        <v>10450</v>
      </c>
      <c r="H34706" t="s">
        <v>10451</v>
      </c>
      <c r="I34706" s="2">
        <v>0</v>
      </c>
      <c r="J34706" s="2">
        <v>0</v>
      </c>
      <c r="K34706" s="2">
        <v>0</v>
      </c>
      <c r="L34706" t="s">
        <v>120</v>
      </c>
      <c r="M34706" t="s">
        <v>83</v>
      </c>
      <c r="N34706" t="s">
        <v>84</v>
      </c>
      <c r="O34706" t="s">
        <v>85</v>
      </c>
      <c r="P34706" t="s">
        <v>86</v>
      </c>
      <c r="Q34706">
        <v>0</v>
      </c>
      <c r="R34706">
        <v>0</v>
      </c>
      <c r="S34706">
        <v>0</v>
      </c>
      <c r="T34706">
        <v>0</v>
      </c>
      <c r="U34706">
        <v>0</v>
      </c>
      <c r="V34706">
        <v>0</v>
      </c>
      <c r="W34706">
        <v>0</v>
      </c>
      <c r="X34706">
        <v>0</v>
      </c>
      <c r="Y34706">
        <v>0</v>
      </c>
      <c r="Z34706">
        <v>0</v>
      </c>
      <c r="AA34706">
        <v>0</v>
      </c>
      <c r="AB34706">
        <v>0</v>
      </c>
      <c r="AC34706">
        <v>0</v>
      </c>
      <c r="AD34706">
        <v>0</v>
      </c>
      <c r="AE34706">
        <v>0</v>
      </c>
      <c r="AF34706">
        <v>0</v>
      </c>
      <c r="AG34706">
        <v>0</v>
      </c>
      <c r="AH34706">
        <v>0</v>
      </c>
      <c r="AI34706">
        <v>0</v>
      </c>
      <c r="AJ34706">
        <v>0</v>
      </c>
      <c r="AK34706">
        <v>0</v>
      </c>
      <c r="AL34706">
        <v>0</v>
      </c>
      <c r="AM34706">
        <v>0</v>
      </c>
      <c r="AN34706">
        <v>0</v>
      </c>
      <c r="AO34706">
        <v>0</v>
      </c>
      <c r="AP34706">
        <v>0</v>
      </c>
      <c r="AQ34706">
        <v>0</v>
      </c>
    </row>
    <row r="34707" spans="1:43">
      <c r="A34707" t="s">
        <v>21497</v>
      </c>
      <c r="B34707" t="s">
        <v>21498</v>
      </c>
      <c r="C34707" t="s">
        <v>21493</v>
      </c>
      <c r="D34707" t="s">
        <v>21494</v>
      </c>
      <c r="E34707" t="s">
        <v>21495</v>
      </c>
      <c r="F34707" t="s">
        <v>21496</v>
      </c>
      <c r="G34707" t="s">
        <v>10450</v>
      </c>
      <c r="H34707" t="s">
        <v>10451</v>
      </c>
      <c r="I34707" s="2">
        <v>0</v>
      </c>
      <c r="J34707" s="2">
        <v>0</v>
      </c>
      <c r="K34707" s="2">
        <v>0</v>
      </c>
      <c r="L34707" t="s">
        <v>120</v>
      </c>
      <c r="M34707" t="s">
        <v>87</v>
      </c>
      <c r="N34707" t="s">
        <v>88</v>
      </c>
      <c r="O34707" t="s">
        <v>85</v>
      </c>
      <c r="P34707" t="s">
        <v>86</v>
      </c>
      <c r="Q34707">
        <v>0</v>
      </c>
      <c r="R34707">
        <v>0</v>
      </c>
      <c r="S34707">
        <v>0</v>
      </c>
      <c r="T34707">
        <v>0</v>
      </c>
      <c r="U34707">
        <v>0</v>
      </c>
      <c r="V34707">
        <v>0</v>
      </c>
      <c r="W34707">
        <v>0</v>
      </c>
      <c r="X34707">
        <v>0</v>
      </c>
      <c r="Y34707">
        <v>0</v>
      </c>
      <c r="Z34707">
        <v>0</v>
      </c>
      <c r="AA34707">
        <v>0</v>
      </c>
      <c r="AB34707">
        <v>0</v>
      </c>
      <c r="AC34707">
        <v>0</v>
      </c>
      <c r="AD34707">
        <v>0</v>
      </c>
      <c r="AE34707">
        <v>0</v>
      </c>
      <c r="AF34707">
        <v>0</v>
      </c>
      <c r="AG34707">
        <v>0</v>
      </c>
      <c r="AH34707">
        <v>0</v>
      </c>
      <c r="AI34707">
        <v>0</v>
      </c>
      <c r="AJ34707">
        <v>0</v>
      </c>
      <c r="AK34707">
        <v>0</v>
      </c>
      <c r="AL34707">
        <v>0</v>
      </c>
      <c r="AM34707">
        <v>0</v>
      </c>
      <c r="AN34707">
        <v>0</v>
      </c>
      <c r="AO34707">
        <v>0</v>
      </c>
      <c r="AP34707">
        <v>0</v>
      </c>
      <c r="AQ34707">
        <v>0</v>
      </c>
    </row>
    <row r="34708" spans="1:43">
      <c r="A34708" t="s">
        <v>21497</v>
      </c>
      <c r="B34708" t="s">
        <v>21498</v>
      </c>
      <c r="C34708" t="s">
        <v>21493</v>
      </c>
      <c r="D34708" t="s">
        <v>21494</v>
      </c>
      <c r="E34708" t="s">
        <v>21495</v>
      </c>
      <c r="F34708" t="s">
        <v>21496</v>
      </c>
      <c r="G34708" t="s">
        <v>10450</v>
      </c>
      <c r="H34708" t="s">
        <v>10451</v>
      </c>
      <c r="I34708" s="2">
        <v>0</v>
      </c>
      <c r="J34708" s="2">
        <v>0</v>
      </c>
      <c r="K34708" s="2">
        <v>0</v>
      </c>
      <c r="L34708" t="s">
        <v>120</v>
      </c>
      <c r="M34708" t="s">
        <v>89</v>
      </c>
      <c r="N34708" t="s">
        <v>90</v>
      </c>
      <c r="O34708" t="s">
        <v>85</v>
      </c>
      <c r="P34708" t="s">
        <v>86</v>
      </c>
      <c r="Q34708">
        <v>0</v>
      </c>
      <c r="R34708">
        <v>0</v>
      </c>
      <c r="S34708">
        <v>0</v>
      </c>
      <c r="T34708">
        <v>0</v>
      </c>
      <c r="U34708">
        <v>0</v>
      </c>
      <c r="V34708">
        <v>0</v>
      </c>
      <c r="W34708">
        <v>0</v>
      </c>
      <c r="X34708">
        <v>0</v>
      </c>
      <c r="Y34708">
        <v>0</v>
      </c>
      <c r="Z34708">
        <v>0</v>
      </c>
      <c r="AA34708">
        <v>0</v>
      </c>
      <c r="AB34708">
        <v>0</v>
      </c>
      <c r="AC34708">
        <v>0</v>
      </c>
      <c r="AD34708">
        <v>0</v>
      </c>
      <c r="AE34708">
        <v>0</v>
      </c>
      <c r="AF34708">
        <v>0</v>
      </c>
      <c r="AG34708">
        <v>0</v>
      </c>
      <c r="AH34708">
        <v>0</v>
      </c>
      <c r="AI34708">
        <v>0</v>
      </c>
      <c r="AJ34708">
        <v>0</v>
      </c>
      <c r="AK34708">
        <v>0</v>
      </c>
      <c r="AL34708">
        <v>0</v>
      </c>
      <c r="AM34708">
        <v>0</v>
      </c>
      <c r="AN34708">
        <v>0</v>
      </c>
      <c r="AO34708">
        <v>0</v>
      </c>
      <c r="AP34708">
        <v>0</v>
      </c>
      <c r="AQ34708">
        <v>0</v>
      </c>
    </row>
    <row r="34709" spans="1:43">
      <c r="A34709" t="s">
        <v>21497</v>
      </c>
      <c r="B34709" t="s">
        <v>21498</v>
      </c>
      <c r="C34709" t="s">
        <v>21493</v>
      </c>
      <c r="D34709" t="s">
        <v>21494</v>
      </c>
      <c r="E34709" t="s">
        <v>21495</v>
      </c>
      <c r="F34709" t="s">
        <v>21496</v>
      </c>
      <c r="G34709" t="s">
        <v>10450</v>
      </c>
      <c r="H34709" t="s">
        <v>10451</v>
      </c>
      <c r="I34709" s="2">
        <v>0</v>
      </c>
      <c r="J34709" s="2">
        <v>0</v>
      </c>
      <c r="K34709" s="2">
        <v>0</v>
      </c>
      <c r="L34709" t="s">
        <v>120</v>
      </c>
      <c r="M34709" t="s">
        <v>83</v>
      </c>
      <c r="N34709" t="s">
        <v>91</v>
      </c>
      <c r="O34709" t="s">
        <v>85</v>
      </c>
      <c r="P34709" t="s">
        <v>86</v>
      </c>
      <c r="Q34709">
        <v>0</v>
      </c>
      <c r="R34709">
        <v>0</v>
      </c>
      <c r="S34709">
        <v>0</v>
      </c>
      <c r="T34709">
        <v>0</v>
      </c>
      <c r="U34709">
        <v>0</v>
      </c>
      <c r="V34709">
        <v>0</v>
      </c>
      <c r="W34709">
        <v>0</v>
      </c>
      <c r="X34709">
        <v>0</v>
      </c>
      <c r="Y34709">
        <v>0</v>
      </c>
      <c r="Z34709">
        <v>0</v>
      </c>
      <c r="AA34709">
        <v>0</v>
      </c>
      <c r="AB34709">
        <v>0</v>
      </c>
      <c r="AC34709">
        <v>0</v>
      </c>
      <c r="AD34709">
        <v>0</v>
      </c>
      <c r="AE34709">
        <v>0</v>
      </c>
      <c r="AF34709">
        <v>0</v>
      </c>
      <c r="AG34709">
        <v>0</v>
      </c>
      <c r="AH34709">
        <v>0</v>
      </c>
      <c r="AI34709">
        <v>0</v>
      </c>
      <c r="AJ34709">
        <v>0</v>
      </c>
      <c r="AK34709">
        <v>0</v>
      </c>
      <c r="AL34709">
        <v>0</v>
      </c>
      <c r="AM34709">
        <v>0</v>
      </c>
      <c r="AN34709">
        <v>0</v>
      </c>
      <c r="AO34709">
        <v>0</v>
      </c>
      <c r="AP34709">
        <v>0</v>
      </c>
      <c r="AQ34709">
        <v>0</v>
      </c>
    </row>
    <row r="34710" spans="1:43">
      <c r="A34710" t="s">
        <v>21499</v>
      </c>
      <c r="B34710" t="s">
        <v>21500</v>
      </c>
      <c r="C34710" t="s">
        <v>21501</v>
      </c>
      <c r="D34710" t="s">
        <v>21502</v>
      </c>
      <c r="E34710" t="s">
        <v>21495</v>
      </c>
      <c r="F34710" t="s">
        <v>21496</v>
      </c>
      <c r="G34710" t="s">
        <v>10450</v>
      </c>
      <c r="H34710" t="s">
        <v>10451</v>
      </c>
      <c r="I34710" s="2">
        <v>0</v>
      </c>
      <c r="J34710" s="2">
        <v>0</v>
      </c>
      <c r="K34710" s="2">
        <v>0</v>
      </c>
      <c r="L34710" t="s">
        <v>120</v>
      </c>
      <c r="M34710" t="s">
        <v>83</v>
      </c>
      <c r="N34710" t="s">
        <v>84</v>
      </c>
      <c r="O34710" t="s">
        <v>85</v>
      </c>
      <c r="P34710" t="s">
        <v>86</v>
      </c>
      <c r="Q34710">
        <v>0</v>
      </c>
      <c r="R34710">
        <v>0</v>
      </c>
      <c r="S34710">
        <v>0</v>
      </c>
      <c r="T34710">
        <v>0</v>
      </c>
      <c r="U34710">
        <v>0</v>
      </c>
      <c r="V34710">
        <v>0</v>
      </c>
      <c r="W34710">
        <v>0</v>
      </c>
      <c r="X34710">
        <v>0</v>
      </c>
      <c r="Y34710">
        <v>0</v>
      </c>
      <c r="Z34710">
        <v>0</v>
      </c>
      <c r="AA34710">
        <v>0</v>
      </c>
      <c r="AB34710">
        <v>0</v>
      </c>
      <c r="AC34710">
        <v>0</v>
      </c>
      <c r="AD34710">
        <v>0</v>
      </c>
      <c r="AE34710">
        <v>0</v>
      </c>
      <c r="AF34710">
        <v>0</v>
      </c>
      <c r="AG34710">
        <v>0</v>
      </c>
      <c r="AH34710">
        <v>0</v>
      </c>
      <c r="AI34710">
        <v>0</v>
      </c>
      <c r="AJ34710">
        <v>0</v>
      </c>
      <c r="AK34710">
        <v>0</v>
      </c>
      <c r="AL34710">
        <v>0</v>
      </c>
      <c r="AM34710">
        <v>0</v>
      </c>
      <c r="AN34710">
        <v>0</v>
      </c>
      <c r="AO34710">
        <v>0</v>
      </c>
      <c r="AP34710">
        <v>0</v>
      </c>
      <c r="AQ34710">
        <v>0</v>
      </c>
    </row>
    <row r="34711" spans="1:43">
      <c r="A34711" t="s">
        <v>21499</v>
      </c>
      <c r="B34711" t="s">
        <v>21500</v>
      </c>
      <c r="C34711" t="s">
        <v>21501</v>
      </c>
      <c r="D34711" t="s">
        <v>21502</v>
      </c>
      <c r="E34711" t="s">
        <v>21495</v>
      </c>
      <c r="F34711" t="s">
        <v>21496</v>
      </c>
      <c r="G34711" t="s">
        <v>10450</v>
      </c>
      <c r="H34711" t="s">
        <v>10451</v>
      </c>
      <c r="I34711" s="2">
        <v>0</v>
      </c>
      <c r="J34711" s="2">
        <v>0</v>
      </c>
      <c r="K34711" s="2">
        <v>0</v>
      </c>
      <c r="L34711" t="s">
        <v>120</v>
      </c>
      <c r="M34711" t="s">
        <v>87</v>
      </c>
      <c r="N34711" t="s">
        <v>88</v>
      </c>
      <c r="O34711" t="s">
        <v>85</v>
      </c>
      <c r="P34711" t="s">
        <v>86</v>
      </c>
      <c r="Q34711">
        <v>0</v>
      </c>
      <c r="R34711">
        <v>0</v>
      </c>
      <c r="S34711">
        <v>0</v>
      </c>
      <c r="T34711">
        <v>0</v>
      </c>
      <c r="U34711">
        <v>0</v>
      </c>
      <c r="V34711">
        <v>0</v>
      </c>
      <c r="W34711">
        <v>0</v>
      </c>
      <c r="X34711">
        <v>0</v>
      </c>
      <c r="Y34711">
        <v>0</v>
      </c>
      <c r="Z34711">
        <v>0</v>
      </c>
      <c r="AA34711">
        <v>0</v>
      </c>
      <c r="AB34711">
        <v>0</v>
      </c>
      <c r="AC34711">
        <v>0</v>
      </c>
      <c r="AD34711">
        <v>0</v>
      </c>
      <c r="AE34711">
        <v>0</v>
      </c>
      <c r="AF34711">
        <v>0</v>
      </c>
      <c r="AG34711">
        <v>0</v>
      </c>
      <c r="AH34711">
        <v>0</v>
      </c>
      <c r="AI34711">
        <v>0</v>
      </c>
      <c r="AJ34711">
        <v>0</v>
      </c>
      <c r="AK34711">
        <v>0</v>
      </c>
      <c r="AL34711">
        <v>0</v>
      </c>
      <c r="AM34711">
        <v>0</v>
      </c>
      <c r="AN34711">
        <v>0</v>
      </c>
      <c r="AO34711">
        <v>0</v>
      </c>
      <c r="AP34711">
        <v>0</v>
      </c>
      <c r="AQ34711">
        <v>0</v>
      </c>
    </row>
    <row r="34712" spans="1:43">
      <c r="A34712" t="s">
        <v>21499</v>
      </c>
      <c r="B34712" t="s">
        <v>21500</v>
      </c>
      <c r="C34712" t="s">
        <v>21501</v>
      </c>
      <c r="D34712" t="s">
        <v>21502</v>
      </c>
      <c r="E34712" t="s">
        <v>21495</v>
      </c>
      <c r="F34712" t="s">
        <v>21496</v>
      </c>
      <c r="G34712" t="s">
        <v>10450</v>
      </c>
      <c r="H34712" t="s">
        <v>10451</v>
      </c>
      <c r="I34712" s="2">
        <v>0</v>
      </c>
      <c r="J34712" s="2">
        <v>0</v>
      </c>
      <c r="K34712" s="2">
        <v>0</v>
      </c>
      <c r="L34712" t="s">
        <v>120</v>
      </c>
      <c r="M34712" t="s">
        <v>89</v>
      </c>
      <c r="N34712" t="s">
        <v>90</v>
      </c>
      <c r="O34712" t="s">
        <v>85</v>
      </c>
      <c r="P34712" t="s">
        <v>86</v>
      </c>
      <c r="Q34712">
        <v>0</v>
      </c>
      <c r="R34712">
        <v>0</v>
      </c>
      <c r="S34712">
        <v>0</v>
      </c>
      <c r="T34712">
        <v>0</v>
      </c>
      <c r="U34712">
        <v>0</v>
      </c>
      <c r="V34712">
        <v>0</v>
      </c>
      <c r="W34712">
        <v>0</v>
      </c>
      <c r="X34712">
        <v>0</v>
      </c>
      <c r="Y34712">
        <v>0</v>
      </c>
      <c r="Z34712">
        <v>0</v>
      </c>
      <c r="AA34712">
        <v>0</v>
      </c>
      <c r="AB34712">
        <v>0</v>
      </c>
      <c r="AC34712">
        <v>0</v>
      </c>
      <c r="AD34712">
        <v>0</v>
      </c>
      <c r="AE34712">
        <v>0</v>
      </c>
      <c r="AF34712">
        <v>0</v>
      </c>
      <c r="AG34712">
        <v>0</v>
      </c>
      <c r="AH34712">
        <v>0</v>
      </c>
      <c r="AI34712">
        <v>0</v>
      </c>
      <c r="AJ34712">
        <v>0</v>
      </c>
      <c r="AK34712">
        <v>0</v>
      </c>
      <c r="AL34712">
        <v>0</v>
      </c>
      <c r="AM34712">
        <v>0</v>
      </c>
      <c r="AN34712">
        <v>0</v>
      </c>
      <c r="AO34712">
        <v>0</v>
      </c>
      <c r="AP34712">
        <v>0</v>
      </c>
      <c r="AQ34712">
        <v>0</v>
      </c>
    </row>
    <row r="34713" spans="1:43">
      <c r="A34713" t="s">
        <v>21499</v>
      </c>
      <c r="B34713" t="s">
        <v>21500</v>
      </c>
      <c r="C34713" t="s">
        <v>21501</v>
      </c>
      <c r="D34713" t="s">
        <v>21502</v>
      </c>
      <c r="E34713" t="s">
        <v>21495</v>
      </c>
      <c r="F34713" t="s">
        <v>21496</v>
      </c>
      <c r="G34713" t="s">
        <v>10450</v>
      </c>
      <c r="H34713" t="s">
        <v>10451</v>
      </c>
      <c r="I34713" s="2">
        <v>0</v>
      </c>
      <c r="J34713" s="2">
        <v>0</v>
      </c>
      <c r="K34713" s="2">
        <v>0</v>
      </c>
      <c r="L34713" t="s">
        <v>120</v>
      </c>
      <c r="M34713" t="s">
        <v>83</v>
      </c>
      <c r="N34713" t="s">
        <v>91</v>
      </c>
      <c r="O34713" t="s">
        <v>85</v>
      </c>
      <c r="P34713" t="s">
        <v>86</v>
      </c>
      <c r="Q34713">
        <v>0</v>
      </c>
      <c r="R34713">
        <v>0</v>
      </c>
      <c r="S34713">
        <v>0</v>
      </c>
      <c r="T34713">
        <v>0</v>
      </c>
      <c r="U34713">
        <v>0</v>
      </c>
      <c r="V34713">
        <v>0</v>
      </c>
      <c r="W34713">
        <v>0</v>
      </c>
      <c r="X34713">
        <v>0</v>
      </c>
      <c r="Y34713">
        <v>0</v>
      </c>
      <c r="Z34713">
        <v>0</v>
      </c>
      <c r="AA34713">
        <v>0</v>
      </c>
      <c r="AB34713">
        <v>0</v>
      </c>
      <c r="AC34713">
        <v>0</v>
      </c>
      <c r="AD34713">
        <v>0</v>
      </c>
      <c r="AE34713">
        <v>0</v>
      </c>
      <c r="AF34713">
        <v>0</v>
      </c>
      <c r="AG34713">
        <v>0</v>
      </c>
      <c r="AH34713">
        <v>0</v>
      </c>
      <c r="AI34713">
        <v>0</v>
      </c>
      <c r="AJ34713">
        <v>0</v>
      </c>
      <c r="AK34713">
        <v>0</v>
      </c>
      <c r="AL34713">
        <v>0</v>
      </c>
      <c r="AM34713">
        <v>0</v>
      </c>
      <c r="AN34713">
        <v>0</v>
      </c>
      <c r="AO34713">
        <v>0</v>
      </c>
      <c r="AP34713">
        <v>0</v>
      </c>
      <c r="AQ34713">
        <v>0</v>
      </c>
    </row>
    <row r="34714" spans="1:43">
      <c r="A34714" t="s">
        <v>21503</v>
      </c>
      <c r="B34714" t="s">
        <v>21504</v>
      </c>
      <c r="C34714" t="s">
        <v>21505</v>
      </c>
      <c r="D34714" t="s">
        <v>21506</v>
      </c>
      <c r="E34714" t="s">
        <v>21495</v>
      </c>
      <c r="F34714" t="s">
        <v>21496</v>
      </c>
      <c r="G34714" t="s">
        <v>10450</v>
      </c>
      <c r="H34714" t="s">
        <v>10451</v>
      </c>
      <c r="I34714" s="2">
        <v>0</v>
      </c>
      <c r="J34714" s="2">
        <v>0</v>
      </c>
      <c r="K34714" s="2">
        <v>0</v>
      </c>
      <c r="L34714" t="s">
        <v>120</v>
      </c>
      <c r="M34714" t="s">
        <v>83</v>
      </c>
      <c r="N34714" t="s">
        <v>84</v>
      </c>
      <c r="O34714" t="s">
        <v>85</v>
      </c>
      <c r="P34714" t="s">
        <v>86</v>
      </c>
      <c r="Q34714">
        <v>0</v>
      </c>
      <c r="R34714">
        <v>0</v>
      </c>
      <c r="S34714">
        <v>0</v>
      </c>
      <c r="T34714">
        <v>0</v>
      </c>
      <c r="U34714">
        <v>0</v>
      </c>
      <c r="V34714">
        <v>0</v>
      </c>
      <c r="W34714">
        <v>0</v>
      </c>
      <c r="X34714">
        <v>0</v>
      </c>
      <c r="Y34714">
        <v>0</v>
      </c>
      <c r="Z34714">
        <v>0</v>
      </c>
      <c r="AA34714">
        <v>0</v>
      </c>
      <c r="AB34714">
        <v>0</v>
      </c>
      <c r="AC34714">
        <v>0</v>
      </c>
      <c r="AD34714">
        <v>0</v>
      </c>
      <c r="AE34714">
        <v>0</v>
      </c>
      <c r="AF34714">
        <v>0</v>
      </c>
      <c r="AG34714">
        <v>0</v>
      </c>
      <c r="AH34714">
        <v>0</v>
      </c>
      <c r="AI34714">
        <v>0</v>
      </c>
      <c r="AJ34714">
        <v>0</v>
      </c>
      <c r="AK34714">
        <v>0</v>
      </c>
      <c r="AL34714">
        <v>0</v>
      </c>
      <c r="AM34714">
        <v>0</v>
      </c>
      <c r="AN34714">
        <v>0</v>
      </c>
      <c r="AO34714">
        <v>0</v>
      </c>
      <c r="AP34714">
        <v>0</v>
      </c>
      <c r="AQ34714">
        <v>0</v>
      </c>
    </row>
    <row r="34715" spans="1:43">
      <c r="A34715" t="s">
        <v>21503</v>
      </c>
      <c r="B34715" t="s">
        <v>21504</v>
      </c>
      <c r="C34715" t="s">
        <v>21505</v>
      </c>
      <c r="D34715" t="s">
        <v>21506</v>
      </c>
      <c r="E34715" t="s">
        <v>21495</v>
      </c>
      <c r="F34715" t="s">
        <v>21496</v>
      </c>
      <c r="G34715" t="s">
        <v>10450</v>
      </c>
      <c r="H34715" t="s">
        <v>10451</v>
      </c>
      <c r="I34715" s="2">
        <v>0</v>
      </c>
      <c r="J34715" s="2">
        <v>0</v>
      </c>
      <c r="K34715" s="2">
        <v>0</v>
      </c>
      <c r="L34715" t="s">
        <v>120</v>
      </c>
      <c r="M34715" t="s">
        <v>87</v>
      </c>
      <c r="N34715" t="s">
        <v>88</v>
      </c>
      <c r="O34715" t="s">
        <v>85</v>
      </c>
      <c r="P34715" t="s">
        <v>86</v>
      </c>
      <c r="Q34715">
        <v>0</v>
      </c>
      <c r="R34715">
        <v>0</v>
      </c>
      <c r="S34715">
        <v>0</v>
      </c>
      <c r="T34715">
        <v>0</v>
      </c>
      <c r="U34715">
        <v>0</v>
      </c>
      <c r="V34715">
        <v>0</v>
      </c>
      <c r="W34715">
        <v>0</v>
      </c>
      <c r="X34715">
        <v>0</v>
      </c>
      <c r="Y34715">
        <v>0</v>
      </c>
      <c r="Z34715">
        <v>0</v>
      </c>
      <c r="AA34715">
        <v>0</v>
      </c>
      <c r="AB34715">
        <v>0</v>
      </c>
      <c r="AC34715">
        <v>0</v>
      </c>
      <c r="AD34715">
        <v>0</v>
      </c>
      <c r="AE34715">
        <v>0</v>
      </c>
      <c r="AF34715">
        <v>0</v>
      </c>
      <c r="AG34715">
        <v>0</v>
      </c>
      <c r="AH34715">
        <v>0</v>
      </c>
      <c r="AI34715">
        <v>0</v>
      </c>
      <c r="AJ34715">
        <v>0</v>
      </c>
      <c r="AK34715">
        <v>0</v>
      </c>
      <c r="AL34715">
        <v>0</v>
      </c>
      <c r="AM34715">
        <v>0</v>
      </c>
      <c r="AN34715">
        <v>0</v>
      </c>
      <c r="AO34715">
        <v>0</v>
      </c>
      <c r="AP34715">
        <v>0</v>
      </c>
      <c r="AQ34715">
        <v>0</v>
      </c>
    </row>
    <row r="34716" spans="1:43">
      <c r="A34716" t="s">
        <v>21503</v>
      </c>
      <c r="B34716" t="s">
        <v>21504</v>
      </c>
      <c r="C34716" t="s">
        <v>21505</v>
      </c>
      <c r="D34716" t="s">
        <v>21506</v>
      </c>
      <c r="E34716" t="s">
        <v>21495</v>
      </c>
      <c r="F34716" t="s">
        <v>21496</v>
      </c>
      <c r="G34716" t="s">
        <v>10450</v>
      </c>
      <c r="H34716" t="s">
        <v>10451</v>
      </c>
      <c r="I34716" s="2">
        <v>0</v>
      </c>
      <c r="J34716" s="2">
        <v>0</v>
      </c>
      <c r="K34716" s="2">
        <v>0</v>
      </c>
      <c r="L34716" t="s">
        <v>120</v>
      </c>
      <c r="M34716" t="s">
        <v>89</v>
      </c>
      <c r="N34716" t="s">
        <v>90</v>
      </c>
      <c r="O34716" t="s">
        <v>85</v>
      </c>
      <c r="P34716" t="s">
        <v>86</v>
      </c>
      <c r="Q34716">
        <v>0</v>
      </c>
      <c r="R34716">
        <v>0</v>
      </c>
      <c r="S34716">
        <v>0</v>
      </c>
      <c r="T34716">
        <v>0</v>
      </c>
      <c r="U34716">
        <v>0</v>
      </c>
      <c r="V34716">
        <v>0</v>
      </c>
      <c r="W34716">
        <v>0</v>
      </c>
      <c r="X34716">
        <v>0</v>
      </c>
      <c r="Y34716">
        <v>0</v>
      </c>
      <c r="Z34716">
        <v>0</v>
      </c>
      <c r="AA34716">
        <v>0</v>
      </c>
      <c r="AB34716">
        <v>0</v>
      </c>
      <c r="AC34716">
        <v>0</v>
      </c>
      <c r="AD34716">
        <v>0</v>
      </c>
      <c r="AE34716">
        <v>0</v>
      </c>
      <c r="AF34716">
        <v>0</v>
      </c>
      <c r="AG34716">
        <v>0</v>
      </c>
      <c r="AH34716">
        <v>0</v>
      </c>
      <c r="AI34716">
        <v>0</v>
      </c>
      <c r="AJ34716">
        <v>0</v>
      </c>
      <c r="AK34716">
        <v>0</v>
      </c>
      <c r="AL34716">
        <v>0</v>
      </c>
      <c r="AM34716">
        <v>0</v>
      </c>
      <c r="AN34716">
        <v>0</v>
      </c>
      <c r="AO34716">
        <v>0</v>
      </c>
      <c r="AP34716">
        <v>0</v>
      </c>
      <c r="AQ34716">
        <v>0</v>
      </c>
    </row>
    <row r="34717" spans="1:43">
      <c r="A34717" t="s">
        <v>21503</v>
      </c>
      <c r="B34717" t="s">
        <v>21504</v>
      </c>
      <c r="C34717" t="s">
        <v>21505</v>
      </c>
      <c r="D34717" t="s">
        <v>21506</v>
      </c>
      <c r="E34717" t="s">
        <v>21495</v>
      </c>
      <c r="F34717" t="s">
        <v>21496</v>
      </c>
      <c r="G34717" t="s">
        <v>10450</v>
      </c>
      <c r="H34717" t="s">
        <v>10451</v>
      </c>
      <c r="I34717" s="2">
        <v>0</v>
      </c>
      <c r="J34717" s="2">
        <v>0</v>
      </c>
      <c r="K34717" s="2">
        <v>0</v>
      </c>
      <c r="L34717" t="s">
        <v>120</v>
      </c>
      <c r="M34717" t="s">
        <v>83</v>
      </c>
      <c r="N34717" t="s">
        <v>91</v>
      </c>
      <c r="O34717" t="s">
        <v>85</v>
      </c>
      <c r="P34717" t="s">
        <v>86</v>
      </c>
      <c r="Q34717">
        <v>0</v>
      </c>
      <c r="R34717">
        <v>0</v>
      </c>
      <c r="S34717">
        <v>0</v>
      </c>
      <c r="T34717">
        <v>0</v>
      </c>
      <c r="U34717">
        <v>0</v>
      </c>
      <c r="V34717">
        <v>0</v>
      </c>
      <c r="W34717">
        <v>0</v>
      </c>
      <c r="X34717">
        <v>0</v>
      </c>
      <c r="Y34717">
        <v>0</v>
      </c>
      <c r="Z34717">
        <v>0</v>
      </c>
      <c r="AA34717">
        <v>0</v>
      </c>
      <c r="AB34717">
        <v>0</v>
      </c>
      <c r="AC34717">
        <v>0</v>
      </c>
      <c r="AD34717">
        <v>0</v>
      </c>
      <c r="AE34717">
        <v>0</v>
      </c>
      <c r="AF34717">
        <v>0</v>
      </c>
      <c r="AG34717">
        <v>0</v>
      </c>
      <c r="AH34717">
        <v>0</v>
      </c>
      <c r="AI34717">
        <v>0</v>
      </c>
      <c r="AJ34717">
        <v>0</v>
      </c>
      <c r="AK34717">
        <v>0</v>
      </c>
      <c r="AL34717">
        <v>0</v>
      </c>
      <c r="AM34717">
        <v>0</v>
      </c>
      <c r="AN34717">
        <v>0</v>
      </c>
      <c r="AO34717">
        <v>0</v>
      </c>
      <c r="AP34717">
        <v>0</v>
      </c>
      <c r="AQ34717">
        <v>0</v>
      </c>
    </row>
    <row r="34718" spans="1:43">
      <c r="A34718" t="s">
        <v>21507</v>
      </c>
      <c r="B34718" t="s">
        <v>21508</v>
      </c>
      <c r="C34718" t="s">
        <v>21509</v>
      </c>
      <c r="D34718" t="s">
        <v>21510</v>
      </c>
      <c r="E34718" t="s">
        <v>21511</v>
      </c>
      <c r="F34718" t="s">
        <v>21512</v>
      </c>
      <c r="G34718" t="s">
        <v>21513</v>
      </c>
      <c r="H34718" t="s">
        <v>21514</v>
      </c>
      <c r="I34718" s="2">
        <v>0.01</v>
      </c>
      <c r="J34718" s="2">
        <v>0</v>
      </c>
      <c r="K34718" s="2">
        <v>0</v>
      </c>
      <c r="L34718" t="s">
        <v>120</v>
      </c>
      <c r="M34718" t="s">
        <v>83</v>
      </c>
      <c r="N34718" t="s">
        <v>84</v>
      </c>
      <c r="O34718" t="s">
        <v>85</v>
      </c>
      <c r="P34718" t="s">
        <v>86</v>
      </c>
      <c r="Q34718">
        <v>1</v>
      </c>
      <c r="R34718">
        <v>1</v>
      </c>
      <c r="S34718">
        <v>1</v>
      </c>
      <c r="T34718">
        <v>1</v>
      </c>
      <c r="U34718">
        <v>1</v>
      </c>
      <c r="V34718">
        <v>1</v>
      </c>
      <c r="W34718">
        <v>1</v>
      </c>
      <c r="X34718">
        <v>1</v>
      </c>
      <c r="Y34718">
        <v>1</v>
      </c>
      <c r="Z34718">
        <v>1</v>
      </c>
      <c r="AA34718">
        <v>1</v>
      </c>
      <c r="AB34718">
        <v>1</v>
      </c>
      <c r="AC34718">
        <v>1</v>
      </c>
      <c r="AD34718">
        <v>1</v>
      </c>
      <c r="AE34718">
        <v>1</v>
      </c>
      <c r="AF34718">
        <v>1</v>
      </c>
      <c r="AG34718">
        <v>1</v>
      </c>
      <c r="AH34718">
        <v>1</v>
      </c>
      <c r="AI34718">
        <v>1</v>
      </c>
      <c r="AJ34718">
        <v>1</v>
      </c>
      <c r="AK34718">
        <v>1</v>
      </c>
      <c r="AL34718">
        <v>1</v>
      </c>
      <c r="AM34718">
        <v>1</v>
      </c>
      <c r="AN34718">
        <v>1</v>
      </c>
      <c r="AO34718">
        <v>1</v>
      </c>
      <c r="AP34718">
        <v>1</v>
      </c>
      <c r="AQ34718">
        <v>1</v>
      </c>
    </row>
    <row r="34719" spans="1:43">
      <c r="A34719" t="s">
        <v>21507</v>
      </c>
      <c r="B34719" t="s">
        <v>21508</v>
      </c>
      <c r="C34719" t="s">
        <v>21509</v>
      </c>
      <c r="D34719" t="s">
        <v>21510</v>
      </c>
      <c r="E34719" t="s">
        <v>21511</v>
      </c>
      <c r="F34719" t="s">
        <v>21512</v>
      </c>
      <c r="G34719" t="s">
        <v>21513</v>
      </c>
      <c r="H34719" t="s">
        <v>21514</v>
      </c>
      <c r="I34719" s="2">
        <v>0.01</v>
      </c>
      <c r="J34719" s="2">
        <v>0</v>
      </c>
      <c r="K34719" s="2">
        <v>0</v>
      </c>
      <c r="L34719" t="s">
        <v>120</v>
      </c>
      <c r="M34719" t="s">
        <v>87</v>
      </c>
      <c r="N34719" t="s">
        <v>88</v>
      </c>
      <c r="O34719" t="s">
        <v>85</v>
      </c>
      <c r="P34719" t="s">
        <v>86</v>
      </c>
      <c r="Q34719">
        <v>1</v>
      </c>
      <c r="R34719">
        <v>1</v>
      </c>
      <c r="S34719">
        <v>1</v>
      </c>
      <c r="T34719">
        <v>1</v>
      </c>
      <c r="U34719">
        <v>1</v>
      </c>
      <c r="V34719">
        <v>1</v>
      </c>
      <c r="W34719">
        <v>1</v>
      </c>
      <c r="X34719">
        <v>1</v>
      </c>
      <c r="Y34719">
        <v>1</v>
      </c>
      <c r="Z34719">
        <v>1</v>
      </c>
      <c r="AA34719">
        <v>1</v>
      </c>
      <c r="AB34719">
        <v>1</v>
      </c>
      <c r="AC34719">
        <v>1</v>
      </c>
      <c r="AD34719">
        <v>1</v>
      </c>
      <c r="AE34719">
        <v>1</v>
      </c>
      <c r="AF34719">
        <v>1</v>
      </c>
      <c r="AG34719">
        <v>1</v>
      </c>
      <c r="AH34719">
        <v>1</v>
      </c>
      <c r="AI34719">
        <v>1</v>
      </c>
      <c r="AJ34719">
        <v>1</v>
      </c>
      <c r="AK34719">
        <v>1</v>
      </c>
      <c r="AL34719">
        <v>1</v>
      </c>
      <c r="AM34719">
        <v>1</v>
      </c>
      <c r="AN34719">
        <v>1</v>
      </c>
      <c r="AO34719">
        <v>1</v>
      </c>
      <c r="AP34719">
        <v>1</v>
      </c>
      <c r="AQ34719">
        <v>1</v>
      </c>
    </row>
    <row r="34720" spans="1:43">
      <c r="A34720" t="s">
        <v>21507</v>
      </c>
      <c r="B34720" t="s">
        <v>21508</v>
      </c>
      <c r="C34720" t="s">
        <v>21509</v>
      </c>
      <c r="D34720" t="s">
        <v>21510</v>
      </c>
      <c r="E34720" t="s">
        <v>21511</v>
      </c>
      <c r="F34720" t="s">
        <v>21512</v>
      </c>
      <c r="G34720" t="s">
        <v>21513</v>
      </c>
      <c r="H34720" t="s">
        <v>21514</v>
      </c>
      <c r="I34720" s="2">
        <v>0.01</v>
      </c>
      <c r="J34720" s="2">
        <v>0</v>
      </c>
      <c r="K34720" s="2">
        <v>0</v>
      </c>
      <c r="L34720" t="s">
        <v>120</v>
      </c>
      <c r="M34720" t="s">
        <v>89</v>
      </c>
      <c r="N34720" t="s">
        <v>90</v>
      </c>
      <c r="O34720" t="s">
        <v>85</v>
      </c>
      <c r="P34720" t="s">
        <v>86</v>
      </c>
      <c r="Q34720">
        <v>1</v>
      </c>
      <c r="R34720">
        <v>1</v>
      </c>
      <c r="S34720">
        <v>1</v>
      </c>
      <c r="T34720">
        <v>1</v>
      </c>
      <c r="U34720">
        <v>1</v>
      </c>
      <c r="V34720">
        <v>1</v>
      </c>
      <c r="W34720">
        <v>1</v>
      </c>
      <c r="X34720">
        <v>1</v>
      </c>
      <c r="Y34720">
        <v>1</v>
      </c>
      <c r="Z34720">
        <v>1</v>
      </c>
      <c r="AA34720">
        <v>1</v>
      </c>
      <c r="AB34720">
        <v>1</v>
      </c>
      <c r="AC34720">
        <v>1</v>
      </c>
      <c r="AD34720">
        <v>1</v>
      </c>
      <c r="AE34720">
        <v>1</v>
      </c>
      <c r="AF34720">
        <v>1</v>
      </c>
      <c r="AG34720">
        <v>1</v>
      </c>
      <c r="AH34720">
        <v>1</v>
      </c>
      <c r="AI34720">
        <v>1</v>
      </c>
      <c r="AJ34720">
        <v>1</v>
      </c>
      <c r="AK34720">
        <v>1</v>
      </c>
      <c r="AL34720">
        <v>1</v>
      </c>
      <c r="AM34720">
        <v>1</v>
      </c>
      <c r="AN34720">
        <v>1</v>
      </c>
      <c r="AO34720">
        <v>1</v>
      </c>
      <c r="AP34720">
        <v>1</v>
      </c>
      <c r="AQ34720">
        <v>1</v>
      </c>
    </row>
    <row r="34721" spans="1:43">
      <c r="A34721" t="s">
        <v>21507</v>
      </c>
      <c r="B34721" t="s">
        <v>21508</v>
      </c>
      <c r="C34721" t="s">
        <v>21509</v>
      </c>
      <c r="D34721" t="s">
        <v>21510</v>
      </c>
      <c r="E34721" t="s">
        <v>21511</v>
      </c>
      <c r="F34721" t="s">
        <v>21512</v>
      </c>
      <c r="G34721" t="s">
        <v>21513</v>
      </c>
      <c r="H34721" t="s">
        <v>21514</v>
      </c>
      <c r="I34721" s="2">
        <v>0.01</v>
      </c>
      <c r="J34721" s="2">
        <v>0</v>
      </c>
      <c r="K34721" s="2">
        <v>0</v>
      </c>
      <c r="L34721" t="s">
        <v>120</v>
      </c>
      <c r="M34721" t="s">
        <v>83</v>
      </c>
      <c r="N34721" t="s">
        <v>91</v>
      </c>
      <c r="O34721" t="s">
        <v>85</v>
      </c>
      <c r="P34721" t="s">
        <v>86</v>
      </c>
      <c r="Q34721">
        <v>1</v>
      </c>
      <c r="R34721">
        <v>1</v>
      </c>
      <c r="S34721">
        <v>1</v>
      </c>
      <c r="T34721">
        <v>1</v>
      </c>
      <c r="U34721">
        <v>1</v>
      </c>
      <c r="V34721">
        <v>1</v>
      </c>
      <c r="W34721">
        <v>1</v>
      </c>
      <c r="X34721">
        <v>1</v>
      </c>
      <c r="Y34721">
        <v>1</v>
      </c>
      <c r="Z34721">
        <v>1</v>
      </c>
      <c r="AA34721">
        <v>1</v>
      </c>
      <c r="AB34721">
        <v>1</v>
      </c>
      <c r="AC34721">
        <v>1</v>
      </c>
      <c r="AD34721">
        <v>1</v>
      </c>
      <c r="AE34721">
        <v>1</v>
      </c>
      <c r="AF34721">
        <v>1</v>
      </c>
      <c r="AG34721">
        <v>1</v>
      </c>
      <c r="AH34721">
        <v>1</v>
      </c>
      <c r="AI34721">
        <v>1</v>
      </c>
      <c r="AJ34721">
        <v>1</v>
      </c>
      <c r="AK34721">
        <v>1</v>
      </c>
      <c r="AL34721">
        <v>1</v>
      </c>
      <c r="AM34721">
        <v>1</v>
      </c>
      <c r="AN34721">
        <v>1</v>
      </c>
      <c r="AO34721">
        <v>1</v>
      </c>
      <c r="AP34721">
        <v>1</v>
      </c>
      <c r="AQ34721">
        <v>1</v>
      </c>
    </row>
    <row r="34722" spans="1:43">
      <c r="A34722" t="s">
        <v>21515</v>
      </c>
      <c r="B34722" t="s">
        <v>21516</v>
      </c>
      <c r="C34722" t="s">
        <v>21517</v>
      </c>
      <c r="D34722" t="s">
        <v>21518</v>
      </c>
      <c r="E34722" t="s">
        <v>21519</v>
      </c>
      <c r="F34722" t="s">
        <v>21520</v>
      </c>
      <c r="G34722" t="s">
        <v>21513</v>
      </c>
      <c r="H34722" t="s">
        <v>21514</v>
      </c>
      <c r="I34722" s="2">
        <v>0.26</v>
      </c>
      <c r="J34722" s="2">
        <v>0</v>
      </c>
      <c r="K34722" s="2">
        <v>0</v>
      </c>
      <c r="L34722" t="s">
        <v>120</v>
      </c>
      <c r="M34722" t="s">
        <v>83</v>
      </c>
      <c r="N34722" t="s">
        <v>84</v>
      </c>
      <c r="O34722" t="s">
        <v>85</v>
      </c>
      <c r="P34722" t="s">
        <v>86</v>
      </c>
      <c r="Q34722">
        <v>15</v>
      </c>
      <c r="R34722">
        <v>16</v>
      </c>
      <c r="S34722">
        <v>16</v>
      </c>
      <c r="T34722">
        <v>16</v>
      </c>
      <c r="U34722">
        <v>16</v>
      </c>
      <c r="V34722">
        <v>16</v>
      </c>
      <c r="W34722">
        <v>17</v>
      </c>
      <c r="X34722">
        <v>17</v>
      </c>
      <c r="Y34722">
        <v>17</v>
      </c>
      <c r="Z34722">
        <v>17</v>
      </c>
      <c r="AA34722">
        <v>17</v>
      </c>
      <c r="AB34722">
        <v>18</v>
      </c>
      <c r="AC34722">
        <v>18</v>
      </c>
      <c r="AD34722">
        <v>18</v>
      </c>
      <c r="AE34722">
        <v>18</v>
      </c>
      <c r="AF34722">
        <v>18</v>
      </c>
      <c r="AG34722">
        <v>18</v>
      </c>
      <c r="AH34722">
        <v>19</v>
      </c>
      <c r="AI34722">
        <v>19</v>
      </c>
      <c r="AJ34722">
        <v>19</v>
      </c>
      <c r="AK34722">
        <v>19</v>
      </c>
      <c r="AL34722">
        <v>19</v>
      </c>
      <c r="AM34722">
        <v>19</v>
      </c>
      <c r="AN34722">
        <v>19</v>
      </c>
      <c r="AO34722">
        <v>19</v>
      </c>
      <c r="AP34722">
        <v>19</v>
      </c>
      <c r="AQ34722">
        <v>19</v>
      </c>
    </row>
    <row r="34723" spans="1:43">
      <c r="A34723" t="s">
        <v>21515</v>
      </c>
      <c r="B34723" t="s">
        <v>21516</v>
      </c>
      <c r="C34723" t="s">
        <v>21517</v>
      </c>
      <c r="D34723" t="s">
        <v>21518</v>
      </c>
      <c r="E34723" t="s">
        <v>21519</v>
      </c>
      <c r="F34723" t="s">
        <v>21520</v>
      </c>
      <c r="G34723" t="s">
        <v>21513</v>
      </c>
      <c r="H34723" t="s">
        <v>21514</v>
      </c>
      <c r="I34723" s="2">
        <v>0.26</v>
      </c>
      <c r="J34723" s="2">
        <v>0</v>
      </c>
      <c r="K34723" s="2">
        <v>0</v>
      </c>
      <c r="L34723" t="s">
        <v>120</v>
      </c>
      <c r="M34723" t="s">
        <v>87</v>
      </c>
      <c r="N34723" t="s">
        <v>88</v>
      </c>
      <c r="O34723" t="s">
        <v>85</v>
      </c>
      <c r="P34723" t="s">
        <v>86</v>
      </c>
      <c r="Q34723">
        <v>15</v>
      </c>
      <c r="R34723">
        <v>15</v>
      </c>
      <c r="S34723">
        <v>15</v>
      </c>
      <c r="T34723">
        <v>15</v>
      </c>
      <c r="U34723">
        <v>15</v>
      </c>
      <c r="V34723">
        <v>15</v>
      </c>
      <c r="W34723">
        <v>16</v>
      </c>
      <c r="X34723">
        <v>16</v>
      </c>
      <c r="Y34723">
        <v>16</v>
      </c>
      <c r="Z34723">
        <v>16</v>
      </c>
      <c r="AA34723">
        <v>16</v>
      </c>
      <c r="AB34723">
        <v>16</v>
      </c>
      <c r="AC34723">
        <v>16</v>
      </c>
      <c r="AD34723">
        <v>16</v>
      </c>
      <c r="AE34723">
        <v>16</v>
      </c>
      <c r="AF34723">
        <v>16</v>
      </c>
      <c r="AG34723">
        <v>16</v>
      </c>
      <c r="AH34723">
        <v>16</v>
      </c>
      <c r="AI34723">
        <v>16</v>
      </c>
      <c r="AJ34723">
        <v>16</v>
      </c>
      <c r="AK34723">
        <v>16</v>
      </c>
      <c r="AL34723">
        <v>16</v>
      </c>
      <c r="AM34723">
        <v>17</v>
      </c>
      <c r="AN34723">
        <v>17</v>
      </c>
      <c r="AO34723">
        <v>17</v>
      </c>
      <c r="AP34723">
        <v>17</v>
      </c>
      <c r="AQ34723">
        <v>17</v>
      </c>
    </row>
    <row r="34724" spans="1:43">
      <c r="A34724" t="s">
        <v>21515</v>
      </c>
      <c r="B34724" t="s">
        <v>21516</v>
      </c>
      <c r="C34724" t="s">
        <v>21517</v>
      </c>
      <c r="D34724" t="s">
        <v>21518</v>
      </c>
      <c r="E34724" t="s">
        <v>21519</v>
      </c>
      <c r="F34724" t="s">
        <v>21520</v>
      </c>
      <c r="G34724" t="s">
        <v>21513</v>
      </c>
      <c r="H34724" t="s">
        <v>21514</v>
      </c>
      <c r="I34724" s="2">
        <v>0.26</v>
      </c>
      <c r="J34724" s="2">
        <v>0</v>
      </c>
      <c r="K34724" s="2">
        <v>0</v>
      </c>
      <c r="L34724" t="s">
        <v>120</v>
      </c>
      <c r="M34724" t="s">
        <v>89</v>
      </c>
      <c r="N34724" t="s">
        <v>90</v>
      </c>
      <c r="O34724" t="s">
        <v>85</v>
      </c>
      <c r="P34724" t="s">
        <v>86</v>
      </c>
      <c r="Q34724">
        <v>15</v>
      </c>
      <c r="R34724">
        <v>16</v>
      </c>
      <c r="S34724">
        <v>16</v>
      </c>
      <c r="T34724">
        <v>16</v>
      </c>
      <c r="U34724">
        <v>17</v>
      </c>
      <c r="V34724">
        <v>17</v>
      </c>
      <c r="W34724">
        <v>17</v>
      </c>
      <c r="X34724">
        <v>18</v>
      </c>
      <c r="Y34724">
        <v>18</v>
      </c>
      <c r="Z34724">
        <v>18</v>
      </c>
      <c r="AA34724">
        <v>18</v>
      </c>
      <c r="AB34724">
        <v>19</v>
      </c>
      <c r="AC34724">
        <v>19</v>
      </c>
      <c r="AD34724">
        <v>19</v>
      </c>
      <c r="AE34724">
        <v>19</v>
      </c>
      <c r="AF34724">
        <v>19</v>
      </c>
      <c r="AG34724">
        <v>19</v>
      </c>
      <c r="AH34724">
        <v>19</v>
      </c>
      <c r="AI34724">
        <v>19</v>
      </c>
      <c r="AJ34724">
        <v>19</v>
      </c>
      <c r="AK34724">
        <v>19</v>
      </c>
      <c r="AL34724">
        <v>19</v>
      </c>
      <c r="AM34724">
        <v>19</v>
      </c>
      <c r="AN34724">
        <v>19</v>
      </c>
      <c r="AO34724">
        <v>19</v>
      </c>
      <c r="AP34724">
        <v>19</v>
      </c>
      <c r="AQ34724">
        <v>19</v>
      </c>
    </row>
    <row r="34725" spans="1:43">
      <c r="A34725" t="s">
        <v>21515</v>
      </c>
      <c r="B34725" t="s">
        <v>21516</v>
      </c>
      <c r="C34725" t="s">
        <v>21517</v>
      </c>
      <c r="D34725" t="s">
        <v>21518</v>
      </c>
      <c r="E34725" t="s">
        <v>21519</v>
      </c>
      <c r="F34725" t="s">
        <v>21520</v>
      </c>
      <c r="G34725" t="s">
        <v>21513</v>
      </c>
      <c r="H34725" t="s">
        <v>21514</v>
      </c>
      <c r="I34725" s="2">
        <v>0.26</v>
      </c>
      <c r="J34725" s="2">
        <v>0</v>
      </c>
      <c r="K34725" s="2">
        <v>0</v>
      </c>
      <c r="L34725" t="s">
        <v>120</v>
      </c>
      <c r="M34725" t="s">
        <v>83</v>
      </c>
      <c r="N34725" t="s">
        <v>91</v>
      </c>
      <c r="O34725" t="s">
        <v>85</v>
      </c>
      <c r="P34725" t="s">
        <v>86</v>
      </c>
      <c r="Q34725">
        <v>15</v>
      </c>
      <c r="R34725">
        <v>16</v>
      </c>
      <c r="S34725">
        <v>16</v>
      </c>
      <c r="T34725">
        <v>16</v>
      </c>
      <c r="U34725">
        <v>16</v>
      </c>
      <c r="V34725">
        <v>16</v>
      </c>
      <c r="W34725">
        <v>17</v>
      </c>
      <c r="X34725">
        <v>17</v>
      </c>
      <c r="Y34725">
        <v>17</v>
      </c>
      <c r="Z34725">
        <v>17</v>
      </c>
      <c r="AA34725">
        <v>17</v>
      </c>
      <c r="AB34725">
        <v>18</v>
      </c>
      <c r="AC34725">
        <v>18</v>
      </c>
      <c r="AD34725">
        <v>18</v>
      </c>
      <c r="AE34725">
        <v>18</v>
      </c>
      <c r="AF34725">
        <v>18</v>
      </c>
      <c r="AG34725">
        <v>18</v>
      </c>
      <c r="AH34725">
        <v>19</v>
      </c>
      <c r="AI34725">
        <v>19</v>
      </c>
      <c r="AJ34725">
        <v>19</v>
      </c>
      <c r="AK34725">
        <v>19</v>
      </c>
      <c r="AL34725">
        <v>19</v>
      </c>
      <c r="AM34725">
        <v>19</v>
      </c>
      <c r="AN34725">
        <v>19</v>
      </c>
      <c r="AO34725">
        <v>19</v>
      </c>
      <c r="AP34725">
        <v>19</v>
      </c>
      <c r="AQ34725">
        <v>19</v>
      </c>
    </row>
    <row r="34726" spans="1:43">
      <c r="A34726" t="s">
        <v>21521</v>
      </c>
      <c r="B34726" t="s">
        <v>21522</v>
      </c>
      <c r="C34726" t="s">
        <v>21517</v>
      </c>
      <c r="D34726" t="s">
        <v>21518</v>
      </c>
      <c r="E34726" t="s">
        <v>21519</v>
      </c>
      <c r="F34726" t="s">
        <v>21520</v>
      </c>
      <c r="G34726" t="s">
        <v>21513</v>
      </c>
      <c r="H34726" t="s">
        <v>21514</v>
      </c>
      <c r="I34726" s="2">
        <v>1</v>
      </c>
      <c r="J34726" s="2">
        <v>0</v>
      </c>
      <c r="K34726" s="2">
        <v>0</v>
      </c>
      <c r="L34726" t="s">
        <v>120</v>
      </c>
      <c r="M34726" t="s">
        <v>83</v>
      </c>
      <c r="N34726" t="s">
        <v>84</v>
      </c>
      <c r="O34726" t="s">
        <v>85</v>
      </c>
      <c r="P34726" t="s">
        <v>86</v>
      </c>
      <c r="Q34726">
        <v>13</v>
      </c>
      <c r="R34726">
        <v>13</v>
      </c>
      <c r="S34726">
        <v>13</v>
      </c>
      <c r="T34726">
        <v>13</v>
      </c>
      <c r="U34726">
        <v>14</v>
      </c>
      <c r="V34726">
        <v>14</v>
      </c>
      <c r="W34726">
        <v>14</v>
      </c>
      <c r="X34726">
        <v>14</v>
      </c>
      <c r="Y34726">
        <v>14</v>
      </c>
      <c r="Z34726">
        <v>14</v>
      </c>
      <c r="AA34726">
        <v>15</v>
      </c>
      <c r="AB34726">
        <v>15</v>
      </c>
      <c r="AC34726">
        <v>15</v>
      </c>
      <c r="AD34726">
        <v>15</v>
      </c>
      <c r="AE34726">
        <v>15</v>
      </c>
      <c r="AF34726">
        <v>15</v>
      </c>
      <c r="AG34726">
        <v>16</v>
      </c>
      <c r="AH34726">
        <v>16</v>
      </c>
      <c r="AI34726">
        <v>16</v>
      </c>
      <c r="AJ34726">
        <v>16</v>
      </c>
      <c r="AK34726">
        <v>16</v>
      </c>
      <c r="AL34726">
        <v>16</v>
      </c>
      <c r="AM34726">
        <v>16</v>
      </c>
      <c r="AN34726">
        <v>16</v>
      </c>
      <c r="AO34726">
        <v>16</v>
      </c>
      <c r="AP34726">
        <v>16</v>
      </c>
      <c r="AQ34726">
        <v>16</v>
      </c>
    </row>
    <row r="34727" spans="1:43">
      <c r="A34727" t="s">
        <v>21521</v>
      </c>
      <c r="B34727" t="s">
        <v>21522</v>
      </c>
      <c r="C34727" t="s">
        <v>21517</v>
      </c>
      <c r="D34727" t="s">
        <v>21518</v>
      </c>
      <c r="E34727" t="s">
        <v>21519</v>
      </c>
      <c r="F34727" t="s">
        <v>21520</v>
      </c>
      <c r="G34727" t="s">
        <v>21513</v>
      </c>
      <c r="H34727" t="s">
        <v>21514</v>
      </c>
      <c r="I34727" s="2">
        <v>1</v>
      </c>
      <c r="J34727" s="2">
        <v>0</v>
      </c>
      <c r="K34727" s="2">
        <v>0</v>
      </c>
      <c r="L34727" t="s">
        <v>120</v>
      </c>
      <c r="M34727" t="s">
        <v>87</v>
      </c>
      <c r="N34727" t="s">
        <v>88</v>
      </c>
      <c r="O34727" t="s">
        <v>85</v>
      </c>
      <c r="P34727" t="s">
        <v>86</v>
      </c>
      <c r="Q34727">
        <v>13</v>
      </c>
      <c r="R34727">
        <v>13</v>
      </c>
      <c r="S34727">
        <v>13</v>
      </c>
      <c r="T34727">
        <v>13</v>
      </c>
      <c r="U34727">
        <v>13</v>
      </c>
      <c r="V34727">
        <v>13</v>
      </c>
      <c r="W34727">
        <v>13</v>
      </c>
      <c r="X34727">
        <v>13</v>
      </c>
      <c r="Y34727">
        <v>13</v>
      </c>
      <c r="Z34727">
        <v>13</v>
      </c>
      <c r="AA34727">
        <v>13</v>
      </c>
      <c r="AB34727">
        <v>13</v>
      </c>
      <c r="AC34727">
        <v>13</v>
      </c>
      <c r="AD34727">
        <v>14</v>
      </c>
      <c r="AE34727">
        <v>14</v>
      </c>
      <c r="AF34727">
        <v>14</v>
      </c>
      <c r="AG34727">
        <v>14</v>
      </c>
      <c r="AH34727">
        <v>14</v>
      </c>
      <c r="AI34727">
        <v>14</v>
      </c>
      <c r="AJ34727">
        <v>14</v>
      </c>
      <c r="AK34727">
        <v>14</v>
      </c>
      <c r="AL34727">
        <v>14</v>
      </c>
      <c r="AM34727">
        <v>14</v>
      </c>
      <c r="AN34727">
        <v>14</v>
      </c>
      <c r="AO34727">
        <v>14</v>
      </c>
      <c r="AP34727">
        <v>14</v>
      </c>
      <c r="AQ34727">
        <v>14</v>
      </c>
    </row>
    <row r="34728" spans="1:43">
      <c r="A34728" t="s">
        <v>21521</v>
      </c>
      <c r="B34728" t="s">
        <v>21522</v>
      </c>
      <c r="C34728" t="s">
        <v>21517</v>
      </c>
      <c r="D34728" t="s">
        <v>21518</v>
      </c>
      <c r="E34728" t="s">
        <v>21519</v>
      </c>
      <c r="F34728" t="s">
        <v>21520</v>
      </c>
      <c r="G34728" t="s">
        <v>21513</v>
      </c>
      <c r="H34728" t="s">
        <v>21514</v>
      </c>
      <c r="I34728" s="2">
        <v>1</v>
      </c>
      <c r="J34728" s="2">
        <v>0</v>
      </c>
      <c r="K34728" s="2">
        <v>0</v>
      </c>
      <c r="L34728" t="s">
        <v>120</v>
      </c>
      <c r="M34728" t="s">
        <v>89</v>
      </c>
      <c r="N34728" t="s">
        <v>90</v>
      </c>
      <c r="O34728" t="s">
        <v>85</v>
      </c>
      <c r="P34728" t="s">
        <v>86</v>
      </c>
      <c r="Q34728">
        <v>13</v>
      </c>
      <c r="R34728">
        <v>13</v>
      </c>
      <c r="S34728">
        <v>14</v>
      </c>
      <c r="T34728">
        <v>14</v>
      </c>
      <c r="U34728">
        <v>14</v>
      </c>
      <c r="V34728">
        <v>14</v>
      </c>
      <c r="W34728">
        <v>15</v>
      </c>
      <c r="X34728">
        <v>15</v>
      </c>
      <c r="Y34728">
        <v>15</v>
      </c>
      <c r="Z34728">
        <v>15</v>
      </c>
      <c r="AA34728">
        <v>16</v>
      </c>
      <c r="AB34728">
        <v>16</v>
      </c>
      <c r="AC34728">
        <v>16</v>
      </c>
      <c r="AD34728">
        <v>16</v>
      </c>
      <c r="AE34728">
        <v>16</v>
      </c>
      <c r="AF34728">
        <v>16</v>
      </c>
      <c r="AG34728">
        <v>16</v>
      </c>
      <c r="AH34728">
        <v>16</v>
      </c>
      <c r="AI34728">
        <v>16</v>
      </c>
      <c r="AJ34728">
        <v>16</v>
      </c>
      <c r="AK34728">
        <v>16</v>
      </c>
      <c r="AL34728">
        <v>16</v>
      </c>
      <c r="AM34728">
        <v>16</v>
      </c>
      <c r="AN34728">
        <v>16</v>
      </c>
      <c r="AO34728">
        <v>16</v>
      </c>
      <c r="AP34728">
        <v>16</v>
      </c>
      <c r="AQ34728">
        <v>16</v>
      </c>
    </row>
    <row r="34729" spans="1:43">
      <c r="A34729" t="s">
        <v>21521</v>
      </c>
      <c r="B34729" t="s">
        <v>21522</v>
      </c>
      <c r="C34729" t="s">
        <v>21517</v>
      </c>
      <c r="D34729" t="s">
        <v>21518</v>
      </c>
      <c r="E34729" t="s">
        <v>21519</v>
      </c>
      <c r="F34729" t="s">
        <v>21520</v>
      </c>
      <c r="G34729" t="s">
        <v>21513</v>
      </c>
      <c r="H34729" t="s">
        <v>21514</v>
      </c>
      <c r="I34729" s="2">
        <v>1</v>
      </c>
      <c r="J34729" s="2">
        <v>0</v>
      </c>
      <c r="K34729" s="2">
        <v>0</v>
      </c>
      <c r="L34729" t="s">
        <v>120</v>
      </c>
      <c r="M34729" t="s">
        <v>83</v>
      </c>
      <c r="N34729" t="s">
        <v>91</v>
      </c>
      <c r="O34729" t="s">
        <v>85</v>
      </c>
      <c r="P34729" t="s">
        <v>86</v>
      </c>
      <c r="Q34729">
        <v>13</v>
      </c>
      <c r="R34729">
        <v>13</v>
      </c>
      <c r="S34729">
        <v>13</v>
      </c>
      <c r="T34729">
        <v>13</v>
      </c>
      <c r="U34729">
        <v>14</v>
      </c>
      <c r="V34729">
        <v>14</v>
      </c>
      <c r="W34729">
        <v>14</v>
      </c>
      <c r="X34729">
        <v>14</v>
      </c>
      <c r="Y34729">
        <v>14</v>
      </c>
      <c r="Z34729">
        <v>14</v>
      </c>
      <c r="AA34729">
        <v>15</v>
      </c>
      <c r="AB34729">
        <v>15</v>
      </c>
      <c r="AC34729">
        <v>15</v>
      </c>
      <c r="AD34729">
        <v>15</v>
      </c>
      <c r="AE34729">
        <v>15</v>
      </c>
      <c r="AF34729">
        <v>15</v>
      </c>
      <c r="AG34729">
        <v>16</v>
      </c>
      <c r="AH34729">
        <v>16</v>
      </c>
      <c r="AI34729">
        <v>16</v>
      </c>
      <c r="AJ34729">
        <v>16</v>
      </c>
      <c r="AK34729">
        <v>16</v>
      </c>
      <c r="AL34729">
        <v>16</v>
      </c>
      <c r="AM34729">
        <v>16</v>
      </c>
      <c r="AN34729">
        <v>16</v>
      </c>
      <c r="AO34729">
        <v>16</v>
      </c>
      <c r="AP34729">
        <v>16</v>
      </c>
      <c r="AQ34729">
        <v>16</v>
      </c>
    </row>
    <row r="34730" spans="1:43">
      <c r="A34730" t="s">
        <v>21523</v>
      </c>
      <c r="B34730" t="s">
        <v>21524</v>
      </c>
      <c r="C34730" t="s">
        <v>21517</v>
      </c>
      <c r="D34730" t="s">
        <v>21518</v>
      </c>
      <c r="E34730" t="s">
        <v>21519</v>
      </c>
      <c r="F34730" t="s">
        <v>21520</v>
      </c>
      <c r="G34730" t="s">
        <v>21513</v>
      </c>
      <c r="H34730" t="s">
        <v>21514</v>
      </c>
      <c r="I34730" s="2">
        <v>0.66</v>
      </c>
      <c r="J34730" s="2">
        <v>0</v>
      </c>
      <c r="K34730" s="2">
        <v>0</v>
      </c>
      <c r="L34730" t="s">
        <v>120</v>
      </c>
      <c r="M34730" t="s">
        <v>83</v>
      </c>
      <c r="N34730" t="s">
        <v>84</v>
      </c>
      <c r="O34730" t="s">
        <v>85</v>
      </c>
      <c r="P34730" t="s">
        <v>86</v>
      </c>
      <c r="Q34730">
        <v>15</v>
      </c>
      <c r="R34730">
        <v>15</v>
      </c>
      <c r="S34730">
        <v>15</v>
      </c>
      <c r="T34730">
        <v>15</v>
      </c>
      <c r="U34730">
        <v>16</v>
      </c>
      <c r="V34730">
        <v>16</v>
      </c>
      <c r="W34730">
        <v>16</v>
      </c>
      <c r="X34730">
        <v>16</v>
      </c>
      <c r="Y34730">
        <v>16</v>
      </c>
      <c r="Z34730">
        <v>17</v>
      </c>
      <c r="AA34730">
        <v>17</v>
      </c>
      <c r="AB34730">
        <v>17</v>
      </c>
      <c r="AC34730">
        <v>17</v>
      </c>
      <c r="AD34730">
        <v>17</v>
      </c>
      <c r="AE34730">
        <v>17</v>
      </c>
      <c r="AF34730">
        <v>18</v>
      </c>
      <c r="AG34730">
        <v>18</v>
      </c>
      <c r="AH34730">
        <v>18</v>
      </c>
      <c r="AI34730">
        <v>18</v>
      </c>
      <c r="AJ34730">
        <v>18</v>
      </c>
      <c r="AK34730">
        <v>19</v>
      </c>
      <c r="AL34730">
        <v>19</v>
      </c>
      <c r="AM34730">
        <v>19</v>
      </c>
      <c r="AN34730">
        <v>19</v>
      </c>
      <c r="AO34730">
        <v>19</v>
      </c>
      <c r="AP34730">
        <v>19</v>
      </c>
      <c r="AQ34730">
        <v>19</v>
      </c>
    </row>
    <row r="34731" spans="1:43">
      <c r="A34731" t="s">
        <v>21523</v>
      </c>
      <c r="B34731" t="s">
        <v>21524</v>
      </c>
      <c r="C34731" t="s">
        <v>21517</v>
      </c>
      <c r="D34731" t="s">
        <v>21518</v>
      </c>
      <c r="E34731" t="s">
        <v>21519</v>
      </c>
      <c r="F34731" t="s">
        <v>21520</v>
      </c>
      <c r="G34731" t="s">
        <v>21513</v>
      </c>
      <c r="H34731" t="s">
        <v>21514</v>
      </c>
      <c r="I34731" s="2">
        <v>0.66</v>
      </c>
      <c r="J34731" s="2">
        <v>0</v>
      </c>
      <c r="K34731" s="2">
        <v>0</v>
      </c>
      <c r="L34731" t="s">
        <v>120</v>
      </c>
      <c r="M34731" t="s">
        <v>87</v>
      </c>
      <c r="N34731" t="s">
        <v>88</v>
      </c>
      <c r="O34731" t="s">
        <v>85</v>
      </c>
      <c r="P34731" t="s">
        <v>86</v>
      </c>
      <c r="Q34731">
        <v>15</v>
      </c>
      <c r="R34731">
        <v>15</v>
      </c>
      <c r="S34731">
        <v>15</v>
      </c>
      <c r="T34731">
        <v>15</v>
      </c>
      <c r="U34731">
        <v>15</v>
      </c>
      <c r="V34731">
        <v>15</v>
      </c>
      <c r="W34731">
        <v>15</v>
      </c>
      <c r="X34731">
        <v>15</v>
      </c>
      <c r="Y34731">
        <v>15</v>
      </c>
      <c r="Z34731">
        <v>15</v>
      </c>
      <c r="AA34731">
        <v>15</v>
      </c>
      <c r="AB34731">
        <v>15</v>
      </c>
      <c r="AC34731">
        <v>15</v>
      </c>
      <c r="AD34731">
        <v>15</v>
      </c>
      <c r="AE34731">
        <v>15</v>
      </c>
      <c r="AF34731">
        <v>16</v>
      </c>
      <c r="AG34731">
        <v>16</v>
      </c>
      <c r="AH34731">
        <v>16</v>
      </c>
      <c r="AI34731">
        <v>16</v>
      </c>
      <c r="AJ34731">
        <v>16</v>
      </c>
      <c r="AK34731">
        <v>16</v>
      </c>
      <c r="AL34731">
        <v>16</v>
      </c>
      <c r="AM34731">
        <v>16</v>
      </c>
      <c r="AN34731">
        <v>16</v>
      </c>
      <c r="AO34731">
        <v>16</v>
      </c>
      <c r="AP34731">
        <v>16</v>
      </c>
      <c r="AQ34731">
        <v>16</v>
      </c>
    </row>
    <row r="34732" spans="1:43">
      <c r="A34732" t="s">
        <v>21523</v>
      </c>
      <c r="B34732" t="s">
        <v>21524</v>
      </c>
      <c r="C34732" t="s">
        <v>21517</v>
      </c>
      <c r="D34732" t="s">
        <v>21518</v>
      </c>
      <c r="E34732" t="s">
        <v>21519</v>
      </c>
      <c r="F34732" t="s">
        <v>21520</v>
      </c>
      <c r="G34732" t="s">
        <v>21513</v>
      </c>
      <c r="H34732" t="s">
        <v>21514</v>
      </c>
      <c r="I34732" s="2">
        <v>0.66</v>
      </c>
      <c r="J34732" s="2">
        <v>0</v>
      </c>
      <c r="K34732" s="2">
        <v>0</v>
      </c>
      <c r="L34732" t="s">
        <v>120</v>
      </c>
      <c r="M34732" t="s">
        <v>89</v>
      </c>
      <c r="N34732" t="s">
        <v>90</v>
      </c>
      <c r="O34732" t="s">
        <v>85</v>
      </c>
      <c r="P34732" t="s">
        <v>86</v>
      </c>
      <c r="Q34732">
        <v>15</v>
      </c>
      <c r="R34732">
        <v>15</v>
      </c>
      <c r="S34732">
        <v>16</v>
      </c>
      <c r="T34732">
        <v>16</v>
      </c>
      <c r="U34732">
        <v>16</v>
      </c>
      <c r="V34732">
        <v>16</v>
      </c>
      <c r="W34732">
        <v>17</v>
      </c>
      <c r="X34732">
        <v>17</v>
      </c>
      <c r="Y34732">
        <v>17</v>
      </c>
      <c r="Z34732">
        <v>18</v>
      </c>
      <c r="AA34732">
        <v>18</v>
      </c>
      <c r="AB34732">
        <v>18</v>
      </c>
      <c r="AC34732">
        <v>18</v>
      </c>
      <c r="AD34732">
        <v>19</v>
      </c>
      <c r="AE34732">
        <v>19</v>
      </c>
      <c r="AF34732">
        <v>19</v>
      </c>
      <c r="AG34732">
        <v>19</v>
      </c>
      <c r="AH34732">
        <v>19</v>
      </c>
      <c r="AI34732">
        <v>19</v>
      </c>
      <c r="AJ34732">
        <v>19</v>
      </c>
      <c r="AK34732">
        <v>19</v>
      </c>
      <c r="AL34732">
        <v>19</v>
      </c>
      <c r="AM34732">
        <v>19</v>
      </c>
      <c r="AN34732">
        <v>19</v>
      </c>
      <c r="AO34732">
        <v>19</v>
      </c>
      <c r="AP34732">
        <v>19</v>
      </c>
      <c r="AQ34732">
        <v>19</v>
      </c>
    </row>
    <row r="34733" spans="1:43">
      <c r="A34733" t="s">
        <v>21523</v>
      </c>
      <c r="B34733" t="s">
        <v>21524</v>
      </c>
      <c r="C34733" t="s">
        <v>21517</v>
      </c>
      <c r="D34733" t="s">
        <v>21518</v>
      </c>
      <c r="E34733" t="s">
        <v>21519</v>
      </c>
      <c r="F34733" t="s">
        <v>21520</v>
      </c>
      <c r="G34733" t="s">
        <v>21513</v>
      </c>
      <c r="H34733" t="s">
        <v>21514</v>
      </c>
      <c r="I34733" s="2">
        <v>0.66</v>
      </c>
      <c r="J34733" s="2">
        <v>0</v>
      </c>
      <c r="K34733" s="2">
        <v>0</v>
      </c>
      <c r="L34733" t="s">
        <v>120</v>
      </c>
      <c r="M34733" t="s">
        <v>83</v>
      </c>
      <c r="N34733" t="s">
        <v>91</v>
      </c>
      <c r="O34733" t="s">
        <v>85</v>
      </c>
      <c r="P34733" t="s">
        <v>86</v>
      </c>
      <c r="Q34733">
        <v>15</v>
      </c>
      <c r="R34733">
        <v>15</v>
      </c>
      <c r="S34733">
        <v>15</v>
      </c>
      <c r="T34733">
        <v>15</v>
      </c>
      <c r="U34733">
        <v>16</v>
      </c>
      <c r="V34733">
        <v>16</v>
      </c>
      <c r="W34733">
        <v>16</v>
      </c>
      <c r="X34733">
        <v>16</v>
      </c>
      <c r="Y34733">
        <v>16</v>
      </c>
      <c r="Z34733">
        <v>17</v>
      </c>
      <c r="AA34733">
        <v>17</v>
      </c>
      <c r="AB34733">
        <v>17</v>
      </c>
      <c r="AC34733">
        <v>17</v>
      </c>
      <c r="AD34733">
        <v>17</v>
      </c>
      <c r="AE34733">
        <v>17</v>
      </c>
      <c r="AF34733">
        <v>18</v>
      </c>
      <c r="AG34733">
        <v>18</v>
      </c>
      <c r="AH34733">
        <v>18</v>
      </c>
      <c r="AI34733">
        <v>18</v>
      </c>
      <c r="AJ34733">
        <v>18</v>
      </c>
      <c r="AK34733">
        <v>19</v>
      </c>
      <c r="AL34733">
        <v>19</v>
      </c>
      <c r="AM34733">
        <v>19</v>
      </c>
      <c r="AN34733">
        <v>19</v>
      </c>
      <c r="AO34733">
        <v>19</v>
      </c>
      <c r="AP34733">
        <v>19</v>
      </c>
      <c r="AQ34733">
        <v>19</v>
      </c>
    </row>
    <row r="34734" spans="1:43">
      <c r="A34734" t="s">
        <v>21525</v>
      </c>
      <c r="B34734" t="s">
        <v>21526</v>
      </c>
      <c r="C34734" t="s">
        <v>21517</v>
      </c>
      <c r="D34734" t="s">
        <v>21518</v>
      </c>
      <c r="E34734" t="s">
        <v>21519</v>
      </c>
      <c r="F34734" t="s">
        <v>21520</v>
      </c>
      <c r="G34734" t="s">
        <v>21513</v>
      </c>
      <c r="H34734" t="s">
        <v>21514</v>
      </c>
      <c r="I34734" s="2">
        <v>0.79</v>
      </c>
      <c r="J34734" s="2">
        <v>0</v>
      </c>
      <c r="K34734" s="2">
        <v>0</v>
      </c>
      <c r="L34734" t="s">
        <v>120</v>
      </c>
      <c r="M34734" t="s">
        <v>83</v>
      </c>
      <c r="N34734" t="s">
        <v>84</v>
      </c>
      <c r="O34734" t="s">
        <v>85</v>
      </c>
      <c r="P34734" t="s">
        <v>86</v>
      </c>
      <c r="Q34734">
        <v>32</v>
      </c>
      <c r="R34734">
        <v>32</v>
      </c>
      <c r="S34734">
        <v>32</v>
      </c>
      <c r="T34734">
        <v>33</v>
      </c>
      <c r="U34734">
        <v>33</v>
      </c>
      <c r="V34734">
        <v>34</v>
      </c>
      <c r="W34734">
        <v>34</v>
      </c>
      <c r="X34734">
        <v>35</v>
      </c>
      <c r="Y34734">
        <v>35</v>
      </c>
      <c r="Z34734">
        <v>35</v>
      </c>
      <c r="AA34734">
        <v>36</v>
      </c>
      <c r="AB34734">
        <v>36</v>
      </c>
      <c r="AC34734">
        <v>37</v>
      </c>
      <c r="AD34734">
        <v>37</v>
      </c>
      <c r="AE34734">
        <v>37</v>
      </c>
      <c r="AF34734">
        <v>38</v>
      </c>
      <c r="AG34734">
        <v>38</v>
      </c>
      <c r="AH34734">
        <v>38</v>
      </c>
      <c r="AI34734">
        <v>39</v>
      </c>
      <c r="AJ34734">
        <v>39</v>
      </c>
      <c r="AK34734">
        <v>40</v>
      </c>
      <c r="AL34734">
        <v>40</v>
      </c>
      <c r="AM34734">
        <v>40</v>
      </c>
      <c r="AN34734">
        <v>40</v>
      </c>
      <c r="AO34734">
        <v>40</v>
      </c>
      <c r="AP34734">
        <v>40</v>
      </c>
      <c r="AQ34734">
        <v>40</v>
      </c>
    </row>
    <row r="34735" spans="1:43">
      <c r="A34735" t="s">
        <v>21525</v>
      </c>
      <c r="B34735" t="s">
        <v>21526</v>
      </c>
      <c r="C34735" t="s">
        <v>21517</v>
      </c>
      <c r="D34735" t="s">
        <v>21518</v>
      </c>
      <c r="E34735" t="s">
        <v>21519</v>
      </c>
      <c r="F34735" t="s">
        <v>21520</v>
      </c>
      <c r="G34735" t="s">
        <v>21513</v>
      </c>
      <c r="H34735" t="s">
        <v>21514</v>
      </c>
      <c r="I34735" s="2">
        <v>0.79</v>
      </c>
      <c r="J34735" s="2">
        <v>0</v>
      </c>
      <c r="K34735" s="2">
        <v>0</v>
      </c>
      <c r="L34735" t="s">
        <v>120</v>
      </c>
      <c r="M34735" t="s">
        <v>87</v>
      </c>
      <c r="N34735" t="s">
        <v>88</v>
      </c>
      <c r="O34735" t="s">
        <v>85</v>
      </c>
      <c r="P34735" t="s">
        <v>86</v>
      </c>
      <c r="Q34735">
        <v>32</v>
      </c>
      <c r="R34735">
        <v>32</v>
      </c>
      <c r="S34735">
        <v>33</v>
      </c>
      <c r="T34735">
        <v>33</v>
      </c>
      <c r="U34735">
        <v>33</v>
      </c>
      <c r="V34735">
        <v>33</v>
      </c>
      <c r="W34735">
        <v>33</v>
      </c>
      <c r="X34735">
        <v>33</v>
      </c>
      <c r="Y34735">
        <v>33</v>
      </c>
      <c r="Z34735">
        <v>33</v>
      </c>
      <c r="AA34735">
        <v>34</v>
      </c>
      <c r="AB34735">
        <v>34</v>
      </c>
      <c r="AC34735">
        <v>34</v>
      </c>
      <c r="AD34735">
        <v>34</v>
      </c>
      <c r="AE34735">
        <v>34</v>
      </c>
      <c r="AF34735">
        <v>34</v>
      </c>
      <c r="AG34735">
        <v>34</v>
      </c>
      <c r="AH34735">
        <v>34</v>
      </c>
      <c r="AI34735">
        <v>35</v>
      </c>
      <c r="AJ34735">
        <v>35</v>
      </c>
      <c r="AK34735">
        <v>35</v>
      </c>
      <c r="AL34735">
        <v>35</v>
      </c>
      <c r="AM34735">
        <v>35</v>
      </c>
      <c r="AN34735">
        <v>35</v>
      </c>
      <c r="AO34735">
        <v>35</v>
      </c>
      <c r="AP34735">
        <v>35</v>
      </c>
      <c r="AQ34735">
        <v>35</v>
      </c>
    </row>
    <row r="34736" spans="1:43">
      <c r="A34736" t="s">
        <v>21525</v>
      </c>
      <c r="B34736" t="s">
        <v>21526</v>
      </c>
      <c r="C34736" t="s">
        <v>21517</v>
      </c>
      <c r="D34736" t="s">
        <v>21518</v>
      </c>
      <c r="E34736" t="s">
        <v>21519</v>
      </c>
      <c r="F34736" t="s">
        <v>21520</v>
      </c>
      <c r="G34736" t="s">
        <v>21513</v>
      </c>
      <c r="H34736" t="s">
        <v>21514</v>
      </c>
      <c r="I34736" s="2">
        <v>0.79</v>
      </c>
      <c r="J34736" s="2">
        <v>0</v>
      </c>
      <c r="K34736" s="2">
        <v>0</v>
      </c>
      <c r="L34736" t="s">
        <v>120</v>
      </c>
      <c r="M34736" t="s">
        <v>89</v>
      </c>
      <c r="N34736" t="s">
        <v>90</v>
      </c>
      <c r="O34736" t="s">
        <v>85</v>
      </c>
      <c r="P34736" t="s">
        <v>86</v>
      </c>
      <c r="Q34736">
        <v>32</v>
      </c>
      <c r="R34736">
        <v>33</v>
      </c>
      <c r="S34736">
        <v>33</v>
      </c>
      <c r="T34736">
        <v>34</v>
      </c>
      <c r="U34736">
        <v>35</v>
      </c>
      <c r="V34736">
        <v>35</v>
      </c>
      <c r="W34736">
        <v>36</v>
      </c>
      <c r="X34736">
        <v>36</v>
      </c>
      <c r="Y34736">
        <v>37</v>
      </c>
      <c r="Z34736">
        <v>38</v>
      </c>
      <c r="AA34736">
        <v>38</v>
      </c>
      <c r="AB34736">
        <v>39</v>
      </c>
      <c r="AC34736">
        <v>39</v>
      </c>
      <c r="AD34736">
        <v>40</v>
      </c>
      <c r="AE34736">
        <v>40</v>
      </c>
      <c r="AF34736">
        <v>40</v>
      </c>
      <c r="AG34736">
        <v>40</v>
      </c>
      <c r="AH34736">
        <v>40</v>
      </c>
      <c r="AI34736">
        <v>40</v>
      </c>
      <c r="AJ34736">
        <v>40</v>
      </c>
      <c r="AK34736">
        <v>40</v>
      </c>
      <c r="AL34736">
        <v>40</v>
      </c>
      <c r="AM34736">
        <v>40</v>
      </c>
      <c r="AN34736">
        <v>40</v>
      </c>
      <c r="AO34736">
        <v>40</v>
      </c>
      <c r="AP34736">
        <v>40</v>
      </c>
      <c r="AQ34736">
        <v>40</v>
      </c>
    </row>
    <row r="34737" spans="1:43">
      <c r="A34737" t="s">
        <v>21525</v>
      </c>
      <c r="B34737" t="s">
        <v>21526</v>
      </c>
      <c r="C34737" t="s">
        <v>21517</v>
      </c>
      <c r="D34737" t="s">
        <v>21518</v>
      </c>
      <c r="E34737" t="s">
        <v>21519</v>
      </c>
      <c r="F34737" t="s">
        <v>21520</v>
      </c>
      <c r="G34737" t="s">
        <v>21513</v>
      </c>
      <c r="H34737" t="s">
        <v>21514</v>
      </c>
      <c r="I34737" s="2">
        <v>0.79</v>
      </c>
      <c r="J34737" s="2">
        <v>0</v>
      </c>
      <c r="K34737" s="2">
        <v>0</v>
      </c>
      <c r="L34737" t="s">
        <v>120</v>
      </c>
      <c r="M34737" t="s">
        <v>83</v>
      </c>
      <c r="N34737" t="s">
        <v>91</v>
      </c>
      <c r="O34737" t="s">
        <v>85</v>
      </c>
      <c r="P34737" t="s">
        <v>86</v>
      </c>
      <c r="Q34737">
        <v>32</v>
      </c>
      <c r="R34737">
        <v>32</v>
      </c>
      <c r="S34737">
        <v>32</v>
      </c>
      <c r="T34737">
        <v>33</v>
      </c>
      <c r="U34737">
        <v>33</v>
      </c>
      <c r="V34737">
        <v>34</v>
      </c>
      <c r="W34737">
        <v>34</v>
      </c>
      <c r="X34737">
        <v>35</v>
      </c>
      <c r="Y34737">
        <v>35</v>
      </c>
      <c r="Z34737">
        <v>35</v>
      </c>
      <c r="AA34737">
        <v>36</v>
      </c>
      <c r="AB34737">
        <v>36</v>
      </c>
      <c r="AC34737">
        <v>37</v>
      </c>
      <c r="AD34737">
        <v>37</v>
      </c>
      <c r="AE34737">
        <v>37</v>
      </c>
      <c r="AF34737">
        <v>38</v>
      </c>
      <c r="AG34737">
        <v>38</v>
      </c>
      <c r="AH34737">
        <v>38</v>
      </c>
      <c r="AI34737">
        <v>39</v>
      </c>
      <c r="AJ34737">
        <v>39</v>
      </c>
      <c r="AK34737">
        <v>40</v>
      </c>
      <c r="AL34737">
        <v>40</v>
      </c>
      <c r="AM34737">
        <v>40</v>
      </c>
      <c r="AN34737">
        <v>40</v>
      </c>
      <c r="AO34737">
        <v>40</v>
      </c>
      <c r="AP34737">
        <v>40</v>
      </c>
      <c r="AQ34737">
        <v>40</v>
      </c>
    </row>
    <row r="34738" spans="1:43">
      <c r="A34738" t="s">
        <v>21527</v>
      </c>
      <c r="B34738" t="s">
        <v>21528</v>
      </c>
      <c r="C34738" t="s">
        <v>21517</v>
      </c>
      <c r="D34738" t="s">
        <v>21518</v>
      </c>
      <c r="E34738" t="s">
        <v>21519</v>
      </c>
      <c r="F34738" t="s">
        <v>21520</v>
      </c>
      <c r="G34738" t="s">
        <v>21513</v>
      </c>
      <c r="H34738" t="s">
        <v>21514</v>
      </c>
      <c r="I34738" s="2">
        <v>1</v>
      </c>
      <c r="J34738" s="2">
        <v>0</v>
      </c>
      <c r="K34738" s="2">
        <v>0</v>
      </c>
      <c r="L34738" t="s">
        <v>120</v>
      </c>
      <c r="M34738" t="s">
        <v>83</v>
      </c>
      <c r="N34738" t="s">
        <v>84</v>
      </c>
      <c r="O34738" t="s">
        <v>85</v>
      </c>
      <c r="P34738" t="s">
        <v>86</v>
      </c>
      <c r="Q34738">
        <v>23</v>
      </c>
      <c r="R34738">
        <v>23</v>
      </c>
      <c r="S34738">
        <v>24</v>
      </c>
      <c r="T34738">
        <v>24</v>
      </c>
      <c r="U34738">
        <v>24</v>
      </c>
      <c r="V34738">
        <v>25</v>
      </c>
      <c r="W34738">
        <v>25</v>
      </c>
      <c r="X34738">
        <v>25</v>
      </c>
      <c r="Y34738">
        <v>26</v>
      </c>
      <c r="Z34738">
        <v>26</v>
      </c>
      <c r="AA34738">
        <v>26</v>
      </c>
      <c r="AB34738">
        <v>26</v>
      </c>
      <c r="AC34738">
        <v>27</v>
      </c>
      <c r="AD34738">
        <v>27</v>
      </c>
      <c r="AE34738">
        <v>27</v>
      </c>
      <c r="AF34738">
        <v>28</v>
      </c>
      <c r="AG34738">
        <v>28</v>
      </c>
      <c r="AH34738">
        <v>28</v>
      </c>
      <c r="AI34738">
        <v>28</v>
      </c>
      <c r="AJ34738">
        <v>29</v>
      </c>
      <c r="AK34738">
        <v>29</v>
      </c>
      <c r="AL34738">
        <v>29</v>
      </c>
      <c r="AM34738">
        <v>29</v>
      </c>
      <c r="AN34738">
        <v>29</v>
      </c>
      <c r="AO34738">
        <v>29</v>
      </c>
      <c r="AP34738">
        <v>29</v>
      </c>
      <c r="AQ34738">
        <v>29</v>
      </c>
    </row>
    <row r="34739" spans="1:43">
      <c r="A34739" t="s">
        <v>21527</v>
      </c>
      <c r="B34739" t="s">
        <v>21528</v>
      </c>
      <c r="C34739" t="s">
        <v>21517</v>
      </c>
      <c r="D34739" t="s">
        <v>21518</v>
      </c>
      <c r="E34739" t="s">
        <v>21519</v>
      </c>
      <c r="F34739" t="s">
        <v>21520</v>
      </c>
      <c r="G34739" t="s">
        <v>21513</v>
      </c>
      <c r="H34739" t="s">
        <v>21514</v>
      </c>
      <c r="I34739" s="2">
        <v>1</v>
      </c>
      <c r="J34739" s="2">
        <v>0</v>
      </c>
      <c r="K34739" s="2">
        <v>0</v>
      </c>
      <c r="L34739" t="s">
        <v>120</v>
      </c>
      <c r="M34739" t="s">
        <v>87</v>
      </c>
      <c r="N34739" t="s">
        <v>88</v>
      </c>
      <c r="O34739" t="s">
        <v>85</v>
      </c>
      <c r="P34739" t="s">
        <v>86</v>
      </c>
      <c r="Q34739">
        <v>23</v>
      </c>
      <c r="R34739">
        <v>23</v>
      </c>
      <c r="S34739">
        <v>23</v>
      </c>
      <c r="T34739">
        <v>23</v>
      </c>
      <c r="U34739">
        <v>23</v>
      </c>
      <c r="V34739">
        <v>23</v>
      </c>
      <c r="W34739">
        <v>23</v>
      </c>
      <c r="X34739">
        <v>24</v>
      </c>
      <c r="Y34739">
        <v>24</v>
      </c>
      <c r="Z34739">
        <v>24</v>
      </c>
      <c r="AA34739">
        <v>24</v>
      </c>
      <c r="AB34739">
        <v>24</v>
      </c>
      <c r="AC34739">
        <v>24</v>
      </c>
      <c r="AD34739">
        <v>24</v>
      </c>
      <c r="AE34739">
        <v>24</v>
      </c>
      <c r="AF34739">
        <v>24</v>
      </c>
      <c r="AG34739">
        <v>24</v>
      </c>
      <c r="AH34739">
        <v>24</v>
      </c>
      <c r="AI34739">
        <v>24</v>
      </c>
      <c r="AJ34739">
        <v>25</v>
      </c>
      <c r="AK34739">
        <v>25</v>
      </c>
      <c r="AL34739">
        <v>25</v>
      </c>
      <c r="AM34739">
        <v>25</v>
      </c>
      <c r="AN34739">
        <v>25</v>
      </c>
      <c r="AO34739">
        <v>25</v>
      </c>
      <c r="AP34739">
        <v>25</v>
      </c>
      <c r="AQ34739">
        <v>25</v>
      </c>
    </row>
    <row r="34740" spans="1:43">
      <c r="A34740" t="s">
        <v>21527</v>
      </c>
      <c r="B34740" t="s">
        <v>21528</v>
      </c>
      <c r="C34740" t="s">
        <v>21517</v>
      </c>
      <c r="D34740" t="s">
        <v>21518</v>
      </c>
      <c r="E34740" t="s">
        <v>21519</v>
      </c>
      <c r="F34740" t="s">
        <v>21520</v>
      </c>
      <c r="G34740" t="s">
        <v>21513</v>
      </c>
      <c r="H34740" t="s">
        <v>21514</v>
      </c>
      <c r="I34740" s="2">
        <v>1</v>
      </c>
      <c r="J34740" s="2">
        <v>0</v>
      </c>
      <c r="K34740" s="2">
        <v>0</v>
      </c>
      <c r="L34740" t="s">
        <v>120</v>
      </c>
      <c r="M34740" t="s">
        <v>89</v>
      </c>
      <c r="N34740" t="s">
        <v>90</v>
      </c>
      <c r="O34740" t="s">
        <v>85</v>
      </c>
      <c r="P34740" t="s">
        <v>86</v>
      </c>
      <c r="Q34740">
        <v>23</v>
      </c>
      <c r="R34740">
        <v>24</v>
      </c>
      <c r="S34740">
        <v>24</v>
      </c>
      <c r="T34740">
        <v>25</v>
      </c>
      <c r="U34740">
        <v>25</v>
      </c>
      <c r="V34740">
        <v>26</v>
      </c>
      <c r="W34740">
        <v>26</v>
      </c>
      <c r="X34740">
        <v>27</v>
      </c>
      <c r="Y34740">
        <v>27</v>
      </c>
      <c r="Z34740">
        <v>27</v>
      </c>
      <c r="AA34740">
        <v>28</v>
      </c>
      <c r="AB34740">
        <v>28</v>
      </c>
      <c r="AC34740">
        <v>29</v>
      </c>
      <c r="AD34740">
        <v>29</v>
      </c>
      <c r="AE34740">
        <v>29</v>
      </c>
      <c r="AF34740">
        <v>29</v>
      </c>
      <c r="AG34740">
        <v>29</v>
      </c>
      <c r="AH34740">
        <v>29</v>
      </c>
      <c r="AI34740">
        <v>29</v>
      </c>
      <c r="AJ34740">
        <v>29</v>
      </c>
      <c r="AK34740">
        <v>29</v>
      </c>
      <c r="AL34740">
        <v>29</v>
      </c>
      <c r="AM34740">
        <v>29</v>
      </c>
      <c r="AN34740">
        <v>29</v>
      </c>
      <c r="AO34740">
        <v>29</v>
      </c>
      <c r="AP34740">
        <v>29</v>
      </c>
      <c r="AQ34740">
        <v>29</v>
      </c>
    </row>
    <row r="34741" spans="1:43">
      <c r="A34741" t="s">
        <v>21527</v>
      </c>
      <c r="B34741" t="s">
        <v>21528</v>
      </c>
      <c r="C34741" t="s">
        <v>21517</v>
      </c>
      <c r="D34741" t="s">
        <v>21518</v>
      </c>
      <c r="E34741" t="s">
        <v>21519</v>
      </c>
      <c r="F34741" t="s">
        <v>21520</v>
      </c>
      <c r="G34741" t="s">
        <v>21513</v>
      </c>
      <c r="H34741" t="s">
        <v>21514</v>
      </c>
      <c r="I34741" s="2">
        <v>1</v>
      </c>
      <c r="J34741" s="2">
        <v>0</v>
      </c>
      <c r="K34741" s="2">
        <v>0</v>
      </c>
      <c r="L34741" t="s">
        <v>120</v>
      </c>
      <c r="M34741" t="s">
        <v>83</v>
      </c>
      <c r="N34741" t="s">
        <v>91</v>
      </c>
      <c r="O34741" t="s">
        <v>85</v>
      </c>
      <c r="P34741" t="s">
        <v>86</v>
      </c>
      <c r="Q34741">
        <v>23</v>
      </c>
      <c r="R34741">
        <v>23</v>
      </c>
      <c r="S34741">
        <v>24</v>
      </c>
      <c r="T34741">
        <v>24</v>
      </c>
      <c r="U34741">
        <v>24</v>
      </c>
      <c r="V34741">
        <v>25</v>
      </c>
      <c r="W34741">
        <v>25</v>
      </c>
      <c r="X34741">
        <v>25</v>
      </c>
      <c r="Y34741">
        <v>26</v>
      </c>
      <c r="Z34741">
        <v>26</v>
      </c>
      <c r="AA34741">
        <v>26</v>
      </c>
      <c r="AB34741">
        <v>26</v>
      </c>
      <c r="AC34741">
        <v>27</v>
      </c>
      <c r="AD34741">
        <v>27</v>
      </c>
      <c r="AE34741">
        <v>27</v>
      </c>
      <c r="AF34741">
        <v>28</v>
      </c>
      <c r="AG34741">
        <v>28</v>
      </c>
      <c r="AH34741">
        <v>28</v>
      </c>
      <c r="AI34741">
        <v>28</v>
      </c>
      <c r="AJ34741">
        <v>29</v>
      </c>
      <c r="AK34741">
        <v>29</v>
      </c>
      <c r="AL34741">
        <v>29</v>
      </c>
      <c r="AM34741">
        <v>29</v>
      </c>
      <c r="AN34741">
        <v>29</v>
      </c>
      <c r="AO34741">
        <v>29</v>
      </c>
      <c r="AP34741">
        <v>29</v>
      </c>
      <c r="AQ34741">
        <v>29</v>
      </c>
    </row>
    <row r="34742" spans="1:43">
      <c r="A34742" t="s">
        <v>21529</v>
      </c>
      <c r="B34742" t="s">
        <v>21530</v>
      </c>
      <c r="C34742" t="s">
        <v>21531</v>
      </c>
      <c r="D34742" t="s">
        <v>21532</v>
      </c>
      <c r="E34742" t="s">
        <v>21519</v>
      </c>
      <c r="F34742" t="s">
        <v>21520</v>
      </c>
      <c r="G34742" t="s">
        <v>21513</v>
      </c>
      <c r="H34742" t="s">
        <v>21514</v>
      </c>
      <c r="I34742" s="2">
        <v>0.06</v>
      </c>
      <c r="J34742" s="2">
        <v>0</v>
      </c>
      <c r="K34742" s="2">
        <v>0</v>
      </c>
      <c r="L34742" t="s">
        <v>120</v>
      </c>
      <c r="M34742" t="s">
        <v>83</v>
      </c>
      <c r="N34742" t="s">
        <v>84</v>
      </c>
      <c r="O34742" t="s">
        <v>85</v>
      </c>
      <c r="P34742" t="s">
        <v>86</v>
      </c>
      <c r="Q34742">
        <v>6</v>
      </c>
      <c r="R34742">
        <v>6</v>
      </c>
      <c r="S34742">
        <v>6</v>
      </c>
      <c r="T34742">
        <v>6</v>
      </c>
      <c r="U34742">
        <v>6</v>
      </c>
      <c r="V34742">
        <v>6</v>
      </c>
      <c r="W34742">
        <v>6</v>
      </c>
      <c r="X34742">
        <v>7</v>
      </c>
      <c r="Y34742">
        <v>7</v>
      </c>
      <c r="Z34742">
        <v>7</v>
      </c>
      <c r="AA34742">
        <v>7</v>
      </c>
      <c r="AB34742">
        <v>7</v>
      </c>
      <c r="AC34742">
        <v>7</v>
      </c>
      <c r="AD34742">
        <v>7</v>
      </c>
      <c r="AE34742">
        <v>7</v>
      </c>
      <c r="AF34742">
        <v>7</v>
      </c>
      <c r="AG34742">
        <v>7</v>
      </c>
      <c r="AH34742">
        <v>7</v>
      </c>
      <c r="AI34742">
        <v>7</v>
      </c>
      <c r="AJ34742">
        <v>7</v>
      </c>
      <c r="AK34742">
        <v>7</v>
      </c>
      <c r="AL34742">
        <v>7</v>
      </c>
      <c r="AM34742">
        <v>7</v>
      </c>
      <c r="AN34742">
        <v>7</v>
      </c>
      <c r="AO34742">
        <v>7</v>
      </c>
      <c r="AP34742">
        <v>7</v>
      </c>
      <c r="AQ34742">
        <v>7</v>
      </c>
    </row>
    <row r="34743" spans="1:43">
      <c r="A34743" t="s">
        <v>21529</v>
      </c>
      <c r="B34743" t="s">
        <v>21530</v>
      </c>
      <c r="C34743" t="s">
        <v>21531</v>
      </c>
      <c r="D34743" t="s">
        <v>21532</v>
      </c>
      <c r="E34743" t="s">
        <v>21519</v>
      </c>
      <c r="F34743" t="s">
        <v>21520</v>
      </c>
      <c r="G34743" t="s">
        <v>21513</v>
      </c>
      <c r="H34743" t="s">
        <v>21514</v>
      </c>
      <c r="I34743" s="2">
        <v>0.06</v>
      </c>
      <c r="J34743" s="2">
        <v>0</v>
      </c>
      <c r="K34743" s="2">
        <v>0</v>
      </c>
      <c r="L34743" t="s">
        <v>120</v>
      </c>
      <c r="M34743" t="s">
        <v>87</v>
      </c>
      <c r="N34743" t="s">
        <v>88</v>
      </c>
      <c r="O34743" t="s">
        <v>85</v>
      </c>
      <c r="P34743" t="s">
        <v>86</v>
      </c>
      <c r="Q34743">
        <v>6</v>
      </c>
      <c r="R34743">
        <v>6</v>
      </c>
      <c r="S34743">
        <v>6</v>
      </c>
      <c r="T34743">
        <v>6</v>
      </c>
      <c r="U34743">
        <v>6</v>
      </c>
      <c r="V34743">
        <v>6</v>
      </c>
      <c r="W34743">
        <v>6</v>
      </c>
      <c r="X34743">
        <v>6</v>
      </c>
      <c r="Y34743">
        <v>6</v>
      </c>
      <c r="Z34743">
        <v>6</v>
      </c>
      <c r="AA34743">
        <v>6</v>
      </c>
      <c r="AB34743">
        <v>6</v>
      </c>
      <c r="AC34743">
        <v>6</v>
      </c>
      <c r="AD34743">
        <v>6</v>
      </c>
      <c r="AE34743">
        <v>6</v>
      </c>
      <c r="AF34743">
        <v>6</v>
      </c>
      <c r="AG34743">
        <v>6</v>
      </c>
      <c r="AH34743">
        <v>6</v>
      </c>
      <c r="AI34743">
        <v>6</v>
      </c>
      <c r="AJ34743">
        <v>6</v>
      </c>
      <c r="AK34743">
        <v>6</v>
      </c>
      <c r="AL34743">
        <v>6</v>
      </c>
      <c r="AM34743">
        <v>6</v>
      </c>
      <c r="AN34743">
        <v>6</v>
      </c>
      <c r="AO34743">
        <v>6</v>
      </c>
      <c r="AP34743">
        <v>6</v>
      </c>
      <c r="AQ34743">
        <v>6</v>
      </c>
    </row>
    <row r="34744" spans="1:43">
      <c r="A34744" t="s">
        <v>21529</v>
      </c>
      <c r="B34744" t="s">
        <v>21530</v>
      </c>
      <c r="C34744" t="s">
        <v>21531</v>
      </c>
      <c r="D34744" t="s">
        <v>21532</v>
      </c>
      <c r="E34744" t="s">
        <v>21519</v>
      </c>
      <c r="F34744" t="s">
        <v>21520</v>
      </c>
      <c r="G34744" t="s">
        <v>21513</v>
      </c>
      <c r="H34744" t="s">
        <v>21514</v>
      </c>
      <c r="I34744" s="2">
        <v>0.06</v>
      </c>
      <c r="J34744" s="2">
        <v>0</v>
      </c>
      <c r="K34744" s="2">
        <v>0</v>
      </c>
      <c r="L34744" t="s">
        <v>120</v>
      </c>
      <c r="M34744" t="s">
        <v>89</v>
      </c>
      <c r="N34744" t="s">
        <v>90</v>
      </c>
      <c r="O34744" t="s">
        <v>85</v>
      </c>
      <c r="P34744" t="s">
        <v>86</v>
      </c>
      <c r="Q34744">
        <v>6</v>
      </c>
      <c r="R34744">
        <v>6</v>
      </c>
      <c r="S34744">
        <v>6</v>
      </c>
      <c r="T34744">
        <v>6</v>
      </c>
      <c r="U34744">
        <v>7</v>
      </c>
      <c r="V34744">
        <v>7</v>
      </c>
      <c r="W34744">
        <v>7</v>
      </c>
      <c r="X34744">
        <v>7</v>
      </c>
      <c r="Y34744">
        <v>7</v>
      </c>
      <c r="Z34744">
        <v>7</v>
      </c>
      <c r="AA34744">
        <v>7</v>
      </c>
      <c r="AB34744">
        <v>7</v>
      </c>
      <c r="AC34744">
        <v>7</v>
      </c>
      <c r="AD34744">
        <v>7</v>
      </c>
      <c r="AE34744">
        <v>8</v>
      </c>
      <c r="AF34744">
        <v>8</v>
      </c>
      <c r="AG34744">
        <v>8</v>
      </c>
      <c r="AH34744">
        <v>8</v>
      </c>
      <c r="AI34744">
        <v>8</v>
      </c>
      <c r="AJ34744">
        <v>8</v>
      </c>
      <c r="AK34744">
        <v>8</v>
      </c>
      <c r="AL34744">
        <v>8</v>
      </c>
      <c r="AM34744">
        <v>8</v>
      </c>
      <c r="AN34744">
        <v>8</v>
      </c>
      <c r="AO34744">
        <v>8</v>
      </c>
      <c r="AP34744">
        <v>8</v>
      </c>
      <c r="AQ34744">
        <v>8</v>
      </c>
    </row>
    <row r="34745" spans="1:43">
      <c r="A34745" t="s">
        <v>21529</v>
      </c>
      <c r="B34745" t="s">
        <v>21530</v>
      </c>
      <c r="C34745" t="s">
        <v>21531</v>
      </c>
      <c r="D34745" t="s">
        <v>21532</v>
      </c>
      <c r="E34745" t="s">
        <v>21519</v>
      </c>
      <c r="F34745" t="s">
        <v>21520</v>
      </c>
      <c r="G34745" t="s">
        <v>21513</v>
      </c>
      <c r="H34745" t="s">
        <v>21514</v>
      </c>
      <c r="I34745" s="2">
        <v>0.06</v>
      </c>
      <c r="J34745" s="2">
        <v>0</v>
      </c>
      <c r="K34745" s="2">
        <v>0</v>
      </c>
      <c r="L34745" t="s">
        <v>120</v>
      </c>
      <c r="M34745" t="s">
        <v>83</v>
      </c>
      <c r="N34745" t="s">
        <v>91</v>
      </c>
      <c r="O34745" t="s">
        <v>85</v>
      </c>
      <c r="P34745" t="s">
        <v>86</v>
      </c>
      <c r="Q34745">
        <v>6</v>
      </c>
      <c r="R34745">
        <v>6</v>
      </c>
      <c r="S34745">
        <v>6</v>
      </c>
      <c r="T34745">
        <v>6</v>
      </c>
      <c r="U34745">
        <v>6</v>
      </c>
      <c r="V34745">
        <v>6</v>
      </c>
      <c r="W34745">
        <v>6</v>
      </c>
      <c r="X34745">
        <v>7</v>
      </c>
      <c r="Y34745">
        <v>7</v>
      </c>
      <c r="Z34745">
        <v>7</v>
      </c>
      <c r="AA34745">
        <v>7</v>
      </c>
      <c r="AB34745">
        <v>7</v>
      </c>
      <c r="AC34745">
        <v>7</v>
      </c>
      <c r="AD34745">
        <v>7</v>
      </c>
      <c r="AE34745">
        <v>7</v>
      </c>
      <c r="AF34745">
        <v>7</v>
      </c>
      <c r="AG34745">
        <v>7</v>
      </c>
      <c r="AH34745">
        <v>7</v>
      </c>
      <c r="AI34745">
        <v>7</v>
      </c>
      <c r="AJ34745">
        <v>7</v>
      </c>
      <c r="AK34745">
        <v>7</v>
      </c>
      <c r="AL34745">
        <v>7</v>
      </c>
      <c r="AM34745">
        <v>7</v>
      </c>
      <c r="AN34745">
        <v>7</v>
      </c>
      <c r="AO34745">
        <v>7</v>
      </c>
      <c r="AP34745">
        <v>7</v>
      </c>
      <c r="AQ34745">
        <v>7</v>
      </c>
    </row>
    <row r="34746" spans="1:43">
      <c r="A34746" t="s">
        <v>21533</v>
      </c>
      <c r="B34746" t="s">
        <v>21534</v>
      </c>
      <c r="C34746" t="s">
        <v>21535</v>
      </c>
      <c r="D34746" t="s">
        <v>21536</v>
      </c>
      <c r="E34746" t="s">
        <v>21519</v>
      </c>
      <c r="F34746" t="s">
        <v>21520</v>
      </c>
      <c r="G34746" t="s">
        <v>21513</v>
      </c>
      <c r="H34746" t="s">
        <v>21514</v>
      </c>
      <c r="I34746" s="2">
        <v>1</v>
      </c>
      <c r="J34746" s="2">
        <v>0</v>
      </c>
      <c r="K34746" s="2">
        <v>0</v>
      </c>
      <c r="L34746" t="s">
        <v>120</v>
      </c>
      <c r="M34746" t="s">
        <v>83</v>
      </c>
      <c r="N34746" t="s">
        <v>84</v>
      </c>
      <c r="O34746" t="s">
        <v>85</v>
      </c>
      <c r="P34746" t="s">
        <v>86</v>
      </c>
      <c r="Q34746">
        <v>36</v>
      </c>
      <c r="R34746">
        <v>36</v>
      </c>
      <c r="S34746">
        <v>37</v>
      </c>
      <c r="T34746">
        <v>37</v>
      </c>
      <c r="U34746">
        <v>38</v>
      </c>
      <c r="V34746">
        <v>38</v>
      </c>
      <c r="W34746">
        <v>38</v>
      </c>
      <c r="X34746">
        <v>39</v>
      </c>
      <c r="Y34746">
        <v>39</v>
      </c>
      <c r="Z34746">
        <v>40</v>
      </c>
      <c r="AA34746">
        <v>40</v>
      </c>
      <c r="AB34746">
        <v>41</v>
      </c>
      <c r="AC34746">
        <v>41</v>
      </c>
      <c r="AD34746">
        <v>42</v>
      </c>
      <c r="AE34746">
        <v>42</v>
      </c>
      <c r="AF34746">
        <v>42</v>
      </c>
      <c r="AG34746">
        <v>43</v>
      </c>
      <c r="AH34746">
        <v>43</v>
      </c>
      <c r="AI34746">
        <v>44</v>
      </c>
      <c r="AJ34746">
        <v>44</v>
      </c>
      <c r="AK34746">
        <v>45</v>
      </c>
      <c r="AL34746">
        <v>45</v>
      </c>
      <c r="AM34746">
        <v>45</v>
      </c>
      <c r="AN34746">
        <v>45</v>
      </c>
      <c r="AO34746">
        <v>45</v>
      </c>
      <c r="AP34746">
        <v>45</v>
      </c>
      <c r="AQ34746">
        <v>45</v>
      </c>
    </row>
    <row r="34747" spans="1:43">
      <c r="A34747" t="s">
        <v>21533</v>
      </c>
      <c r="B34747" t="s">
        <v>21534</v>
      </c>
      <c r="C34747" t="s">
        <v>21535</v>
      </c>
      <c r="D34747" t="s">
        <v>21536</v>
      </c>
      <c r="E34747" t="s">
        <v>21519</v>
      </c>
      <c r="F34747" t="s">
        <v>21520</v>
      </c>
      <c r="G34747" t="s">
        <v>21513</v>
      </c>
      <c r="H34747" t="s">
        <v>21514</v>
      </c>
      <c r="I34747" s="2">
        <v>1</v>
      </c>
      <c r="J34747" s="2">
        <v>0</v>
      </c>
      <c r="K34747" s="2">
        <v>0</v>
      </c>
      <c r="L34747" t="s">
        <v>120</v>
      </c>
      <c r="M34747" t="s">
        <v>87</v>
      </c>
      <c r="N34747" t="s">
        <v>88</v>
      </c>
      <c r="O34747" t="s">
        <v>85</v>
      </c>
      <c r="P34747" t="s">
        <v>86</v>
      </c>
      <c r="Q34747">
        <v>36</v>
      </c>
      <c r="R34747">
        <v>36</v>
      </c>
      <c r="S34747">
        <v>37</v>
      </c>
      <c r="T34747">
        <v>37</v>
      </c>
      <c r="U34747">
        <v>37</v>
      </c>
      <c r="V34747">
        <v>37</v>
      </c>
      <c r="W34747">
        <v>37</v>
      </c>
      <c r="X34747">
        <v>37</v>
      </c>
      <c r="Y34747">
        <v>37</v>
      </c>
      <c r="Z34747">
        <v>38</v>
      </c>
      <c r="AA34747">
        <v>38</v>
      </c>
      <c r="AB34747">
        <v>38</v>
      </c>
      <c r="AC34747">
        <v>38</v>
      </c>
      <c r="AD34747">
        <v>38</v>
      </c>
      <c r="AE34747">
        <v>38</v>
      </c>
      <c r="AF34747">
        <v>38</v>
      </c>
      <c r="AG34747">
        <v>39</v>
      </c>
      <c r="AH34747">
        <v>39</v>
      </c>
      <c r="AI34747">
        <v>39</v>
      </c>
      <c r="AJ34747">
        <v>39</v>
      </c>
      <c r="AK34747">
        <v>39</v>
      </c>
      <c r="AL34747">
        <v>39</v>
      </c>
      <c r="AM34747">
        <v>39</v>
      </c>
      <c r="AN34747">
        <v>39</v>
      </c>
      <c r="AO34747">
        <v>40</v>
      </c>
      <c r="AP34747">
        <v>40</v>
      </c>
      <c r="AQ34747">
        <v>40</v>
      </c>
    </row>
    <row r="34748" spans="1:43">
      <c r="A34748" t="s">
        <v>21533</v>
      </c>
      <c r="B34748" t="s">
        <v>21534</v>
      </c>
      <c r="C34748" t="s">
        <v>21535</v>
      </c>
      <c r="D34748" t="s">
        <v>21536</v>
      </c>
      <c r="E34748" t="s">
        <v>21519</v>
      </c>
      <c r="F34748" t="s">
        <v>21520</v>
      </c>
      <c r="G34748" t="s">
        <v>21513</v>
      </c>
      <c r="H34748" t="s">
        <v>21514</v>
      </c>
      <c r="I34748" s="2">
        <v>1</v>
      </c>
      <c r="J34748" s="2">
        <v>0</v>
      </c>
      <c r="K34748" s="2">
        <v>0</v>
      </c>
      <c r="L34748" t="s">
        <v>120</v>
      </c>
      <c r="M34748" t="s">
        <v>89</v>
      </c>
      <c r="N34748" t="s">
        <v>90</v>
      </c>
      <c r="O34748" t="s">
        <v>85</v>
      </c>
      <c r="P34748" t="s">
        <v>86</v>
      </c>
      <c r="Q34748">
        <v>36</v>
      </c>
      <c r="R34748">
        <v>37</v>
      </c>
      <c r="S34748">
        <v>37</v>
      </c>
      <c r="T34748">
        <v>38</v>
      </c>
      <c r="U34748">
        <v>39</v>
      </c>
      <c r="V34748">
        <v>40</v>
      </c>
      <c r="W34748">
        <v>40</v>
      </c>
      <c r="X34748">
        <v>41</v>
      </c>
      <c r="Y34748">
        <v>42</v>
      </c>
      <c r="Z34748">
        <v>42</v>
      </c>
      <c r="AA34748">
        <v>43</v>
      </c>
      <c r="AB34748">
        <v>43</v>
      </c>
      <c r="AC34748">
        <v>44</v>
      </c>
      <c r="AD34748">
        <v>45</v>
      </c>
      <c r="AE34748">
        <v>45</v>
      </c>
      <c r="AF34748">
        <v>45</v>
      </c>
      <c r="AG34748">
        <v>45</v>
      </c>
      <c r="AH34748">
        <v>45</v>
      </c>
      <c r="AI34748">
        <v>45</v>
      </c>
      <c r="AJ34748">
        <v>45</v>
      </c>
      <c r="AK34748">
        <v>45</v>
      </c>
      <c r="AL34748">
        <v>45</v>
      </c>
      <c r="AM34748">
        <v>45</v>
      </c>
      <c r="AN34748">
        <v>45</v>
      </c>
      <c r="AO34748">
        <v>45</v>
      </c>
      <c r="AP34748">
        <v>45</v>
      </c>
      <c r="AQ34748">
        <v>45</v>
      </c>
    </row>
    <row r="34749" spans="1:43">
      <c r="A34749" t="s">
        <v>21533</v>
      </c>
      <c r="B34749" t="s">
        <v>21534</v>
      </c>
      <c r="C34749" t="s">
        <v>21535</v>
      </c>
      <c r="D34749" t="s">
        <v>21536</v>
      </c>
      <c r="E34749" t="s">
        <v>21519</v>
      </c>
      <c r="F34749" t="s">
        <v>21520</v>
      </c>
      <c r="G34749" t="s">
        <v>21513</v>
      </c>
      <c r="H34749" t="s">
        <v>21514</v>
      </c>
      <c r="I34749" s="2">
        <v>1</v>
      </c>
      <c r="J34749" s="2">
        <v>0</v>
      </c>
      <c r="K34749" s="2">
        <v>0</v>
      </c>
      <c r="L34749" t="s">
        <v>120</v>
      </c>
      <c r="M34749" t="s">
        <v>83</v>
      </c>
      <c r="N34749" t="s">
        <v>91</v>
      </c>
      <c r="O34749" t="s">
        <v>85</v>
      </c>
      <c r="P34749" t="s">
        <v>86</v>
      </c>
      <c r="Q34749">
        <v>36</v>
      </c>
      <c r="R34749">
        <v>36</v>
      </c>
      <c r="S34749">
        <v>37</v>
      </c>
      <c r="T34749">
        <v>37</v>
      </c>
      <c r="U34749">
        <v>38</v>
      </c>
      <c r="V34749">
        <v>38</v>
      </c>
      <c r="W34749">
        <v>38</v>
      </c>
      <c r="X34749">
        <v>39</v>
      </c>
      <c r="Y34749">
        <v>39</v>
      </c>
      <c r="Z34749">
        <v>40</v>
      </c>
      <c r="AA34749">
        <v>40</v>
      </c>
      <c r="AB34749">
        <v>41</v>
      </c>
      <c r="AC34749">
        <v>41</v>
      </c>
      <c r="AD34749">
        <v>42</v>
      </c>
      <c r="AE34749">
        <v>42</v>
      </c>
      <c r="AF34749">
        <v>42</v>
      </c>
      <c r="AG34749">
        <v>43</v>
      </c>
      <c r="AH34749">
        <v>43</v>
      </c>
      <c r="AI34749">
        <v>44</v>
      </c>
      <c r="AJ34749">
        <v>44</v>
      </c>
      <c r="AK34749">
        <v>45</v>
      </c>
      <c r="AL34749">
        <v>45</v>
      </c>
      <c r="AM34749">
        <v>45</v>
      </c>
      <c r="AN34749">
        <v>45</v>
      </c>
      <c r="AO34749">
        <v>45</v>
      </c>
      <c r="AP34749">
        <v>45</v>
      </c>
      <c r="AQ34749">
        <v>45</v>
      </c>
    </row>
    <row r="34750" spans="1:43">
      <c r="A34750" t="s">
        <v>21537</v>
      </c>
      <c r="B34750" t="s">
        <v>21538</v>
      </c>
      <c r="C34750" t="s">
        <v>21535</v>
      </c>
      <c r="D34750" t="s">
        <v>21536</v>
      </c>
      <c r="E34750" t="s">
        <v>21519</v>
      </c>
      <c r="F34750" t="s">
        <v>21520</v>
      </c>
      <c r="G34750" t="s">
        <v>21513</v>
      </c>
      <c r="H34750" t="s">
        <v>21514</v>
      </c>
      <c r="I34750" s="2">
        <v>1</v>
      </c>
      <c r="J34750" s="2">
        <v>0</v>
      </c>
      <c r="K34750" s="2">
        <v>0</v>
      </c>
      <c r="L34750" t="s">
        <v>120</v>
      </c>
      <c r="M34750" t="s">
        <v>83</v>
      </c>
      <c r="N34750" t="s">
        <v>84</v>
      </c>
      <c r="O34750" t="s">
        <v>85</v>
      </c>
      <c r="P34750" t="s">
        <v>86</v>
      </c>
      <c r="Q34750">
        <v>5</v>
      </c>
      <c r="R34750">
        <v>5</v>
      </c>
      <c r="S34750">
        <v>5</v>
      </c>
      <c r="T34750">
        <v>5</v>
      </c>
      <c r="U34750">
        <v>6</v>
      </c>
      <c r="V34750">
        <v>6</v>
      </c>
      <c r="W34750">
        <v>6</v>
      </c>
      <c r="X34750">
        <v>6</v>
      </c>
      <c r="Y34750">
        <v>6</v>
      </c>
      <c r="Z34750">
        <v>6</v>
      </c>
      <c r="AA34750">
        <v>6</v>
      </c>
      <c r="AB34750">
        <v>6</v>
      </c>
      <c r="AC34750">
        <v>6</v>
      </c>
      <c r="AD34750">
        <v>6</v>
      </c>
      <c r="AE34750">
        <v>6</v>
      </c>
      <c r="AF34750">
        <v>6</v>
      </c>
      <c r="AG34750">
        <v>6</v>
      </c>
      <c r="AH34750">
        <v>6</v>
      </c>
      <c r="AI34750">
        <v>6</v>
      </c>
      <c r="AJ34750">
        <v>7</v>
      </c>
      <c r="AK34750">
        <v>7</v>
      </c>
      <c r="AL34750">
        <v>7</v>
      </c>
      <c r="AM34750">
        <v>7</v>
      </c>
      <c r="AN34750">
        <v>7</v>
      </c>
      <c r="AO34750">
        <v>7</v>
      </c>
      <c r="AP34750">
        <v>7</v>
      </c>
      <c r="AQ34750">
        <v>7</v>
      </c>
    </row>
    <row r="34751" spans="1:43">
      <c r="A34751" t="s">
        <v>21537</v>
      </c>
      <c r="B34751" t="s">
        <v>21538</v>
      </c>
      <c r="C34751" t="s">
        <v>21535</v>
      </c>
      <c r="D34751" t="s">
        <v>21536</v>
      </c>
      <c r="E34751" t="s">
        <v>21519</v>
      </c>
      <c r="F34751" t="s">
        <v>21520</v>
      </c>
      <c r="G34751" t="s">
        <v>21513</v>
      </c>
      <c r="H34751" t="s">
        <v>21514</v>
      </c>
      <c r="I34751" s="2">
        <v>1</v>
      </c>
      <c r="J34751" s="2">
        <v>0</v>
      </c>
      <c r="K34751" s="2">
        <v>0</v>
      </c>
      <c r="L34751" t="s">
        <v>120</v>
      </c>
      <c r="M34751" t="s">
        <v>87</v>
      </c>
      <c r="N34751" t="s">
        <v>88</v>
      </c>
      <c r="O34751" t="s">
        <v>85</v>
      </c>
      <c r="P34751" t="s">
        <v>86</v>
      </c>
      <c r="Q34751">
        <v>5</v>
      </c>
      <c r="R34751">
        <v>5</v>
      </c>
      <c r="S34751">
        <v>5</v>
      </c>
      <c r="T34751">
        <v>5</v>
      </c>
      <c r="U34751">
        <v>5</v>
      </c>
      <c r="V34751">
        <v>5</v>
      </c>
      <c r="W34751">
        <v>5</v>
      </c>
      <c r="X34751">
        <v>5</v>
      </c>
      <c r="Y34751">
        <v>5</v>
      </c>
      <c r="Z34751">
        <v>5</v>
      </c>
      <c r="AA34751">
        <v>5</v>
      </c>
      <c r="AB34751">
        <v>5</v>
      </c>
      <c r="AC34751">
        <v>5</v>
      </c>
      <c r="AD34751">
        <v>5</v>
      </c>
      <c r="AE34751">
        <v>5</v>
      </c>
      <c r="AF34751">
        <v>6</v>
      </c>
      <c r="AG34751">
        <v>6</v>
      </c>
      <c r="AH34751">
        <v>6</v>
      </c>
      <c r="AI34751">
        <v>6</v>
      </c>
      <c r="AJ34751">
        <v>6</v>
      </c>
      <c r="AK34751">
        <v>6</v>
      </c>
      <c r="AL34751">
        <v>6</v>
      </c>
      <c r="AM34751">
        <v>6</v>
      </c>
      <c r="AN34751">
        <v>6</v>
      </c>
      <c r="AO34751">
        <v>6</v>
      </c>
      <c r="AP34751">
        <v>6</v>
      </c>
      <c r="AQ34751">
        <v>6</v>
      </c>
    </row>
    <row r="34752" spans="1:43">
      <c r="A34752" t="s">
        <v>21537</v>
      </c>
      <c r="B34752" t="s">
        <v>21538</v>
      </c>
      <c r="C34752" t="s">
        <v>21535</v>
      </c>
      <c r="D34752" t="s">
        <v>21536</v>
      </c>
      <c r="E34752" t="s">
        <v>21519</v>
      </c>
      <c r="F34752" t="s">
        <v>21520</v>
      </c>
      <c r="G34752" t="s">
        <v>21513</v>
      </c>
      <c r="H34752" t="s">
        <v>21514</v>
      </c>
      <c r="I34752" s="2">
        <v>1</v>
      </c>
      <c r="J34752" s="2">
        <v>0</v>
      </c>
      <c r="K34752" s="2">
        <v>0</v>
      </c>
      <c r="L34752" t="s">
        <v>120</v>
      </c>
      <c r="M34752" t="s">
        <v>89</v>
      </c>
      <c r="N34752" t="s">
        <v>90</v>
      </c>
      <c r="O34752" t="s">
        <v>85</v>
      </c>
      <c r="P34752" t="s">
        <v>86</v>
      </c>
      <c r="Q34752">
        <v>5</v>
      </c>
      <c r="R34752">
        <v>5</v>
      </c>
      <c r="S34752">
        <v>6</v>
      </c>
      <c r="T34752">
        <v>6</v>
      </c>
      <c r="U34752">
        <v>6</v>
      </c>
      <c r="V34752">
        <v>6</v>
      </c>
      <c r="W34752">
        <v>6</v>
      </c>
      <c r="X34752">
        <v>6</v>
      </c>
      <c r="Y34752">
        <v>6</v>
      </c>
      <c r="Z34752">
        <v>6</v>
      </c>
      <c r="AA34752">
        <v>6</v>
      </c>
      <c r="AB34752">
        <v>6</v>
      </c>
      <c r="AC34752">
        <v>6</v>
      </c>
      <c r="AD34752">
        <v>7</v>
      </c>
      <c r="AE34752">
        <v>7</v>
      </c>
      <c r="AF34752">
        <v>7</v>
      </c>
      <c r="AG34752">
        <v>7</v>
      </c>
      <c r="AH34752">
        <v>7</v>
      </c>
      <c r="AI34752">
        <v>7</v>
      </c>
      <c r="AJ34752">
        <v>7</v>
      </c>
      <c r="AK34752">
        <v>7</v>
      </c>
      <c r="AL34752">
        <v>7</v>
      </c>
      <c r="AM34752">
        <v>7</v>
      </c>
      <c r="AN34752">
        <v>7</v>
      </c>
      <c r="AO34752">
        <v>7</v>
      </c>
      <c r="AP34752">
        <v>7</v>
      </c>
      <c r="AQ34752">
        <v>7</v>
      </c>
    </row>
    <row r="34753" spans="1:43">
      <c r="A34753" t="s">
        <v>21537</v>
      </c>
      <c r="B34753" t="s">
        <v>21538</v>
      </c>
      <c r="C34753" t="s">
        <v>21535</v>
      </c>
      <c r="D34753" t="s">
        <v>21536</v>
      </c>
      <c r="E34753" t="s">
        <v>21519</v>
      </c>
      <c r="F34753" t="s">
        <v>21520</v>
      </c>
      <c r="G34753" t="s">
        <v>21513</v>
      </c>
      <c r="H34753" t="s">
        <v>21514</v>
      </c>
      <c r="I34753" s="2">
        <v>1</v>
      </c>
      <c r="J34753" s="2">
        <v>0</v>
      </c>
      <c r="K34753" s="2">
        <v>0</v>
      </c>
      <c r="L34753" t="s">
        <v>120</v>
      </c>
      <c r="M34753" t="s">
        <v>83</v>
      </c>
      <c r="N34753" t="s">
        <v>91</v>
      </c>
      <c r="O34753" t="s">
        <v>85</v>
      </c>
      <c r="P34753" t="s">
        <v>86</v>
      </c>
      <c r="Q34753">
        <v>5</v>
      </c>
      <c r="R34753">
        <v>5</v>
      </c>
      <c r="S34753">
        <v>5</v>
      </c>
      <c r="T34753">
        <v>5</v>
      </c>
      <c r="U34753">
        <v>6</v>
      </c>
      <c r="V34753">
        <v>6</v>
      </c>
      <c r="W34753">
        <v>6</v>
      </c>
      <c r="X34753">
        <v>6</v>
      </c>
      <c r="Y34753">
        <v>6</v>
      </c>
      <c r="Z34753">
        <v>6</v>
      </c>
      <c r="AA34753">
        <v>6</v>
      </c>
      <c r="AB34753">
        <v>6</v>
      </c>
      <c r="AC34753">
        <v>6</v>
      </c>
      <c r="AD34753">
        <v>6</v>
      </c>
      <c r="AE34753">
        <v>6</v>
      </c>
      <c r="AF34753">
        <v>6</v>
      </c>
      <c r="AG34753">
        <v>6</v>
      </c>
      <c r="AH34753">
        <v>6</v>
      </c>
      <c r="AI34753">
        <v>6</v>
      </c>
      <c r="AJ34753">
        <v>7</v>
      </c>
      <c r="AK34753">
        <v>7</v>
      </c>
      <c r="AL34753">
        <v>7</v>
      </c>
      <c r="AM34753">
        <v>7</v>
      </c>
      <c r="AN34753">
        <v>7</v>
      </c>
      <c r="AO34753">
        <v>7</v>
      </c>
      <c r="AP34753">
        <v>7</v>
      </c>
      <c r="AQ34753">
        <v>7</v>
      </c>
    </row>
    <row r="34754" spans="1:43">
      <c r="A34754" t="s">
        <v>21539</v>
      </c>
      <c r="B34754" t="s">
        <v>21540</v>
      </c>
      <c r="C34754" t="s">
        <v>21535</v>
      </c>
      <c r="D34754" t="s">
        <v>21536</v>
      </c>
      <c r="E34754" t="s">
        <v>21519</v>
      </c>
      <c r="F34754" t="s">
        <v>21520</v>
      </c>
      <c r="G34754" t="s">
        <v>21513</v>
      </c>
      <c r="H34754" t="s">
        <v>21514</v>
      </c>
      <c r="I34754" s="2">
        <v>1</v>
      </c>
      <c r="J34754" s="2">
        <v>0</v>
      </c>
      <c r="K34754" s="2">
        <v>0</v>
      </c>
      <c r="L34754" t="s">
        <v>120</v>
      </c>
      <c r="M34754" t="s">
        <v>83</v>
      </c>
      <c r="N34754" t="s">
        <v>84</v>
      </c>
      <c r="O34754" t="s">
        <v>85</v>
      </c>
      <c r="P34754" t="s">
        <v>86</v>
      </c>
      <c r="Q34754">
        <v>3</v>
      </c>
      <c r="R34754">
        <v>3</v>
      </c>
      <c r="S34754">
        <v>3</v>
      </c>
      <c r="T34754">
        <v>3</v>
      </c>
      <c r="U34754">
        <v>3</v>
      </c>
      <c r="V34754">
        <v>3</v>
      </c>
      <c r="W34754">
        <v>3</v>
      </c>
      <c r="X34754">
        <v>3</v>
      </c>
      <c r="Y34754">
        <v>3</v>
      </c>
      <c r="Z34754">
        <v>3</v>
      </c>
      <c r="AA34754">
        <v>3</v>
      </c>
      <c r="AB34754">
        <v>3</v>
      </c>
      <c r="AC34754">
        <v>3</v>
      </c>
      <c r="AD34754">
        <v>3</v>
      </c>
      <c r="AE34754">
        <v>3</v>
      </c>
      <c r="AF34754">
        <v>4</v>
      </c>
      <c r="AG34754">
        <v>4</v>
      </c>
      <c r="AH34754">
        <v>4</v>
      </c>
      <c r="AI34754">
        <v>4</v>
      </c>
      <c r="AJ34754">
        <v>4</v>
      </c>
      <c r="AK34754">
        <v>4</v>
      </c>
      <c r="AL34754">
        <v>4</v>
      </c>
      <c r="AM34754">
        <v>4</v>
      </c>
      <c r="AN34754">
        <v>4</v>
      </c>
      <c r="AO34754">
        <v>4</v>
      </c>
      <c r="AP34754">
        <v>4</v>
      </c>
      <c r="AQ34754">
        <v>4</v>
      </c>
    </row>
    <row r="34755" spans="1:43">
      <c r="A34755" t="s">
        <v>21539</v>
      </c>
      <c r="B34755" t="s">
        <v>21540</v>
      </c>
      <c r="C34755" t="s">
        <v>21535</v>
      </c>
      <c r="D34755" t="s">
        <v>21536</v>
      </c>
      <c r="E34755" t="s">
        <v>21519</v>
      </c>
      <c r="F34755" t="s">
        <v>21520</v>
      </c>
      <c r="G34755" t="s">
        <v>21513</v>
      </c>
      <c r="H34755" t="s">
        <v>21514</v>
      </c>
      <c r="I34755" s="2">
        <v>1</v>
      </c>
      <c r="J34755" s="2">
        <v>0</v>
      </c>
      <c r="K34755" s="2">
        <v>0</v>
      </c>
      <c r="L34755" t="s">
        <v>120</v>
      </c>
      <c r="M34755" t="s">
        <v>87</v>
      </c>
      <c r="N34755" t="s">
        <v>88</v>
      </c>
      <c r="O34755" t="s">
        <v>85</v>
      </c>
      <c r="P34755" t="s">
        <v>86</v>
      </c>
      <c r="Q34755">
        <v>3</v>
      </c>
      <c r="R34755">
        <v>3</v>
      </c>
      <c r="S34755">
        <v>3</v>
      </c>
      <c r="T34755">
        <v>3</v>
      </c>
      <c r="U34755">
        <v>3</v>
      </c>
      <c r="V34755">
        <v>3</v>
      </c>
      <c r="W34755">
        <v>3</v>
      </c>
      <c r="X34755">
        <v>3</v>
      </c>
      <c r="Y34755">
        <v>3</v>
      </c>
      <c r="Z34755">
        <v>3</v>
      </c>
      <c r="AA34755">
        <v>3</v>
      </c>
      <c r="AB34755">
        <v>3</v>
      </c>
      <c r="AC34755">
        <v>3</v>
      </c>
      <c r="AD34755">
        <v>3</v>
      </c>
      <c r="AE34755">
        <v>3</v>
      </c>
      <c r="AF34755">
        <v>3</v>
      </c>
      <c r="AG34755">
        <v>3</v>
      </c>
      <c r="AH34755">
        <v>3</v>
      </c>
      <c r="AI34755">
        <v>3</v>
      </c>
      <c r="AJ34755">
        <v>3</v>
      </c>
      <c r="AK34755">
        <v>3</v>
      </c>
      <c r="AL34755">
        <v>3</v>
      </c>
      <c r="AM34755">
        <v>3</v>
      </c>
      <c r="AN34755">
        <v>3</v>
      </c>
      <c r="AO34755">
        <v>3</v>
      </c>
      <c r="AP34755">
        <v>3</v>
      </c>
      <c r="AQ34755">
        <v>3</v>
      </c>
    </row>
    <row r="34756" spans="1:43">
      <c r="A34756" t="s">
        <v>21539</v>
      </c>
      <c r="B34756" t="s">
        <v>21540</v>
      </c>
      <c r="C34756" t="s">
        <v>21535</v>
      </c>
      <c r="D34756" t="s">
        <v>21536</v>
      </c>
      <c r="E34756" t="s">
        <v>21519</v>
      </c>
      <c r="F34756" t="s">
        <v>21520</v>
      </c>
      <c r="G34756" t="s">
        <v>21513</v>
      </c>
      <c r="H34756" t="s">
        <v>21514</v>
      </c>
      <c r="I34756" s="2">
        <v>1</v>
      </c>
      <c r="J34756" s="2">
        <v>0</v>
      </c>
      <c r="K34756" s="2">
        <v>0</v>
      </c>
      <c r="L34756" t="s">
        <v>120</v>
      </c>
      <c r="M34756" t="s">
        <v>89</v>
      </c>
      <c r="N34756" t="s">
        <v>90</v>
      </c>
      <c r="O34756" t="s">
        <v>85</v>
      </c>
      <c r="P34756" t="s">
        <v>86</v>
      </c>
      <c r="Q34756">
        <v>3</v>
      </c>
      <c r="R34756">
        <v>3</v>
      </c>
      <c r="S34756">
        <v>3</v>
      </c>
      <c r="T34756">
        <v>3</v>
      </c>
      <c r="U34756">
        <v>3</v>
      </c>
      <c r="V34756">
        <v>3</v>
      </c>
      <c r="W34756">
        <v>3</v>
      </c>
      <c r="X34756">
        <v>3</v>
      </c>
      <c r="Y34756">
        <v>3</v>
      </c>
      <c r="Z34756">
        <v>3</v>
      </c>
      <c r="AA34756">
        <v>4</v>
      </c>
      <c r="AB34756">
        <v>4</v>
      </c>
      <c r="AC34756">
        <v>4</v>
      </c>
      <c r="AD34756">
        <v>4</v>
      </c>
      <c r="AE34756">
        <v>4</v>
      </c>
      <c r="AF34756">
        <v>4</v>
      </c>
      <c r="AG34756">
        <v>4</v>
      </c>
      <c r="AH34756">
        <v>4</v>
      </c>
      <c r="AI34756">
        <v>4</v>
      </c>
      <c r="AJ34756">
        <v>4</v>
      </c>
      <c r="AK34756">
        <v>4</v>
      </c>
      <c r="AL34756">
        <v>4</v>
      </c>
      <c r="AM34756">
        <v>4</v>
      </c>
      <c r="AN34756">
        <v>4</v>
      </c>
      <c r="AO34756">
        <v>4</v>
      </c>
      <c r="AP34756">
        <v>4</v>
      </c>
      <c r="AQ34756">
        <v>4</v>
      </c>
    </row>
    <row r="34757" spans="1:43">
      <c r="A34757" t="s">
        <v>21539</v>
      </c>
      <c r="B34757" t="s">
        <v>21540</v>
      </c>
      <c r="C34757" t="s">
        <v>21535</v>
      </c>
      <c r="D34757" t="s">
        <v>21536</v>
      </c>
      <c r="E34757" t="s">
        <v>21519</v>
      </c>
      <c r="F34757" t="s">
        <v>21520</v>
      </c>
      <c r="G34757" t="s">
        <v>21513</v>
      </c>
      <c r="H34757" t="s">
        <v>21514</v>
      </c>
      <c r="I34757" s="2">
        <v>1</v>
      </c>
      <c r="J34757" s="2">
        <v>0</v>
      </c>
      <c r="K34757" s="2">
        <v>0</v>
      </c>
      <c r="L34757" t="s">
        <v>120</v>
      </c>
      <c r="M34757" t="s">
        <v>83</v>
      </c>
      <c r="N34757" t="s">
        <v>91</v>
      </c>
      <c r="O34757" t="s">
        <v>85</v>
      </c>
      <c r="P34757" t="s">
        <v>86</v>
      </c>
      <c r="Q34757">
        <v>3</v>
      </c>
      <c r="R34757">
        <v>3</v>
      </c>
      <c r="S34757">
        <v>3</v>
      </c>
      <c r="T34757">
        <v>3</v>
      </c>
      <c r="U34757">
        <v>3</v>
      </c>
      <c r="V34757">
        <v>3</v>
      </c>
      <c r="W34757">
        <v>3</v>
      </c>
      <c r="X34757">
        <v>3</v>
      </c>
      <c r="Y34757">
        <v>3</v>
      </c>
      <c r="Z34757">
        <v>3</v>
      </c>
      <c r="AA34757">
        <v>3</v>
      </c>
      <c r="AB34757">
        <v>3</v>
      </c>
      <c r="AC34757">
        <v>3</v>
      </c>
      <c r="AD34757">
        <v>3</v>
      </c>
      <c r="AE34757">
        <v>3</v>
      </c>
      <c r="AF34757">
        <v>4</v>
      </c>
      <c r="AG34757">
        <v>4</v>
      </c>
      <c r="AH34757">
        <v>4</v>
      </c>
      <c r="AI34757">
        <v>4</v>
      </c>
      <c r="AJ34757">
        <v>4</v>
      </c>
      <c r="AK34757">
        <v>4</v>
      </c>
      <c r="AL34757">
        <v>4</v>
      </c>
      <c r="AM34757">
        <v>4</v>
      </c>
      <c r="AN34757">
        <v>4</v>
      </c>
      <c r="AO34757">
        <v>4</v>
      </c>
      <c r="AP34757">
        <v>4</v>
      </c>
      <c r="AQ34757">
        <v>4</v>
      </c>
    </row>
    <row r="34758" spans="1:43">
      <c r="A34758" t="s">
        <v>21541</v>
      </c>
      <c r="B34758" t="s">
        <v>21542</v>
      </c>
      <c r="C34758" t="s">
        <v>21535</v>
      </c>
      <c r="D34758" t="s">
        <v>21536</v>
      </c>
      <c r="E34758" t="s">
        <v>21519</v>
      </c>
      <c r="F34758" t="s">
        <v>21520</v>
      </c>
      <c r="G34758" t="s">
        <v>21513</v>
      </c>
      <c r="H34758" t="s">
        <v>21514</v>
      </c>
      <c r="I34758" s="2">
        <v>1</v>
      </c>
      <c r="J34758" s="2">
        <v>0</v>
      </c>
      <c r="K34758" s="2">
        <v>0</v>
      </c>
      <c r="L34758" t="s">
        <v>120</v>
      </c>
      <c r="M34758" t="s">
        <v>83</v>
      </c>
      <c r="N34758" t="s">
        <v>84</v>
      </c>
      <c r="O34758" t="s">
        <v>85</v>
      </c>
      <c r="P34758" t="s">
        <v>86</v>
      </c>
      <c r="Q34758">
        <v>36</v>
      </c>
      <c r="R34758">
        <v>36</v>
      </c>
      <c r="S34758">
        <v>37</v>
      </c>
      <c r="T34758">
        <v>37</v>
      </c>
      <c r="U34758">
        <v>38</v>
      </c>
      <c r="V34758">
        <v>38</v>
      </c>
      <c r="W34758">
        <v>39</v>
      </c>
      <c r="X34758">
        <v>39</v>
      </c>
      <c r="Y34758">
        <v>40</v>
      </c>
      <c r="Z34758">
        <v>40</v>
      </c>
      <c r="AA34758">
        <v>41</v>
      </c>
      <c r="AB34758">
        <v>41</v>
      </c>
      <c r="AC34758">
        <v>41</v>
      </c>
      <c r="AD34758">
        <v>42</v>
      </c>
      <c r="AE34758">
        <v>42</v>
      </c>
      <c r="AF34758">
        <v>43</v>
      </c>
      <c r="AG34758">
        <v>43</v>
      </c>
      <c r="AH34758">
        <v>44</v>
      </c>
      <c r="AI34758">
        <v>44</v>
      </c>
      <c r="AJ34758">
        <v>44</v>
      </c>
      <c r="AK34758">
        <v>45</v>
      </c>
      <c r="AL34758">
        <v>45</v>
      </c>
      <c r="AM34758">
        <v>45</v>
      </c>
      <c r="AN34758">
        <v>45</v>
      </c>
      <c r="AO34758">
        <v>45</v>
      </c>
      <c r="AP34758">
        <v>45</v>
      </c>
      <c r="AQ34758">
        <v>45</v>
      </c>
    </row>
    <row r="34759" spans="1:43">
      <c r="A34759" t="s">
        <v>21541</v>
      </c>
      <c r="B34759" t="s">
        <v>21542</v>
      </c>
      <c r="C34759" t="s">
        <v>21535</v>
      </c>
      <c r="D34759" t="s">
        <v>21536</v>
      </c>
      <c r="E34759" t="s">
        <v>21519</v>
      </c>
      <c r="F34759" t="s">
        <v>21520</v>
      </c>
      <c r="G34759" t="s">
        <v>21513</v>
      </c>
      <c r="H34759" t="s">
        <v>21514</v>
      </c>
      <c r="I34759" s="2">
        <v>1</v>
      </c>
      <c r="J34759" s="2">
        <v>0</v>
      </c>
      <c r="K34759" s="2">
        <v>0</v>
      </c>
      <c r="L34759" t="s">
        <v>120</v>
      </c>
      <c r="M34759" t="s">
        <v>87</v>
      </c>
      <c r="N34759" t="s">
        <v>88</v>
      </c>
      <c r="O34759" t="s">
        <v>85</v>
      </c>
      <c r="P34759" t="s">
        <v>86</v>
      </c>
      <c r="Q34759">
        <v>36</v>
      </c>
      <c r="R34759">
        <v>37</v>
      </c>
      <c r="S34759">
        <v>37</v>
      </c>
      <c r="T34759">
        <v>37</v>
      </c>
      <c r="U34759">
        <v>37</v>
      </c>
      <c r="V34759">
        <v>37</v>
      </c>
      <c r="W34759">
        <v>37</v>
      </c>
      <c r="X34759">
        <v>38</v>
      </c>
      <c r="Y34759">
        <v>38</v>
      </c>
      <c r="Z34759">
        <v>38</v>
      </c>
      <c r="AA34759">
        <v>38</v>
      </c>
      <c r="AB34759">
        <v>38</v>
      </c>
      <c r="AC34759">
        <v>38</v>
      </c>
      <c r="AD34759">
        <v>38</v>
      </c>
      <c r="AE34759">
        <v>39</v>
      </c>
      <c r="AF34759">
        <v>39</v>
      </c>
      <c r="AG34759">
        <v>39</v>
      </c>
      <c r="AH34759">
        <v>39</v>
      </c>
      <c r="AI34759">
        <v>39</v>
      </c>
      <c r="AJ34759">
        <v>39</v>
      </c>
      <c r="AK34759">
        <v>39</v>
      </c>
      <c r="AL34759">
        <v>39</v>
      </c>
      <c r="AM34759">
        <v>40</v>
      </c>
      <c r="AN34759">
        <v>40</v>
      </c>
      <c r="AO34759">
        <v>40</v>
      </c>
      <c r="AP34759">
        <v>40</v>
      </c>
      <c r="AQ34759">
        <v>40</v>
      </c>
    </row>
    <row r="34760" spans="1:43">
      <c r="A34760" t="s">
        <v>21541</v>
      </c>
      <c r="B34760" t="s">
        <v>21542</v>
      </c>
      <c r="C34760" t="s">
        <v>21535</v>
      </c>
      <c r="D34760" t="s">
        <v>21536</v>
      </c>
      <c r="E34760" t="s">
        <v>21519</v>
      </c>
      <c r="F34760" t="s">
        <v>21520</v>
      </c>
      <c r="G34760" t="s">
        <v>21513</v>
      </c>
      <c r="H34760" t="s">
        <v>21514</v>
      </c>
      <c r="I34760" s="2">
        <v>1</v>
      </c>
      <c r="J34760" s="2">
        <v>0</v>
      </c>
      <c r="K34760" s="2">
        <v>0</v>
      </c>
      <c r="L34760" t="s">
        <v>120</v>
      </c>
      <c r="M34760" t="s">
        <v>89</v>
      </c>
      <c r="N34760" t="s">
        <v>90</v>
      </c>
      <c r="O34760" t="s">
        <v>85</v>
      </c>
      <c r="P34760" t="s">
        <v>86</v>
      </c>
      <c r="Q34760">
        <v>36</v>
      </c>
      <c r="R34760">
        <v>37</v>
      </c>
      <c r="S34760">
        <v>38</v>
      </c>
      <c r="T34760">
        <v>38</v>
      </c>
      <c r="U34760">
        <v>39</v>
      </c>
      <c r="V34760">
        <v>40</v>
      </c>
      <c r="W34760">
        <v>41</v>
      </c>
      <c r="X34760">
        <v>41</v>
      </c>
      <c r="Y34760">
        <v>42</v>
      </c>
      <c r="Z34760">
        <v>43</v>
      </c>
      <c r="AA34760">
        <v>43</v>
      </c>
      <c r="AB34760">
        <v>44</v>
      </c>
      <c r="AC34760">
        <v>44</v>
      </c>
      <c r="AD34760">
        <v>45</v>
      </c>
      <c r="AE34760">
        <v>45</v>
      </c>
      <c r="AF34760">
        <v>45</v>
      </c>
      <c r="AG34760">
        <v>45</v>
      </c>
      <c r="AH34760">
        <v>45</v>
      </c>
      <c r="AI34760">
        <v>45</v>
      </c>
      <c r="AJ34760">
        <v>45</v>
      </c>
      <c r="AK34760">
        <v>45</v>
      </c>
      <c r="AL34760">
        <v>46</v>
      </c>
      <c r="AM34760">
        <v>46</v>
      </c>
      <c r="AN34760">
        <v>46</v>
      </c>
      <c r="AO34760">
        <v>46</v>
      </c>
      <c r="AP34760">
        <v>45</v>
      </c>
      <c r="AQ34760">
        <v>45</v>
      </c>
    </row>
    <row r="34761" spans="1:43">
      <c r="A34761" t="s">
        <v>21541</v>
      </c>
      <c r="B34761" t="s">
        <v>21542</v>
      </c>
      <c r="C34761" t="s">
        <v>21535</v>
      </c>
      <c r="D34761" t="s">
        <v>21536</v>
      </c>
      <c r="E34761" t="s">
        <v>21519</v>
      </c>
      <c r="F34761" t="s">
        <v>21520</v>
      </c>
      <c r="G34761" t="s">
        <v>21513</v>
      </c>
      <c r="H34761" t="s">
        <v>21514</v>
      </c>
      <c r="I34761" s="2">
        <v>1</v>
      </c>
      <c r="J34761" s="2">
        <v>0</v>
      </c>
      <c r="K34761" s="2">
        <v>0</v>
      </c>
      <c r="L34761" t="s">
        <v>120</v>
      </c>
      <c r="M34761" t="s">
        <v>83</v>
      </c>
      <c r="N34761" t="s">
        <v>91</v>
      </c>
      <c r="O34761" t="s">
        <v>85</v>
      </c>
      <c r="P34761" t="s">
        <v>86</v>
      </c>
      <c r="Q34761">
        <v>36</v>
      </c>
      <c r="R34761">
        <v>36</v>
      </c>
      <c r="S34761">
        <v>37</v>
      </c>
      <c r="T34761">
        <v>37</v>
      </c>
      <c r="U34761">
        <v>38</v>
      </c>
      <c r="V34761">
        <v>38</v>
      </c>
      <c r="W34761">
        <v>39</v>
      </c>
      <c r="X34761">
        <v>39</v>
      </c>
      <c r="Y34761">
        <v>40</v>
      </c>
      <c r="Z34761">
        <v>40</v>
      </c>
      <c r="AA34761">
        <v>41</v>
      </c>
      <c r="AB34761">
        <v>41</v>
      </c>
      <c r="AC34761">
        <v>41</v>
      </c>
      <c r="AD34761">
        <v>42</v>
      </c>
      <c r="AE34761">
        <v>42</v>
      </c>
      <c r="AF34761">
        <v>43</v>
      </c>
      <c r="AG34761">
        <v>43</v>
      </c>
      <c r="AH34761">
        <v>44</v>
      </c>
      <c r="AI34761">
        <v>44</v>
      </c>
      <c r="AJ34761">
        <v>44</v>
      </c>
      <c r="AK34761">
        <v>45</v>
      </c>
      <c r="AL34761">
        <v>45</v>
      </c>
      <c r="AM34761">
        <v>45</v>
      </c>
      <c r="AN34761">
        <v>45</v>
      </c>
      <c r="AO34761">
        <v>45</v>
      </c>
      <c r="AP34761">
        <v>45</v>
      </c>
      <c r="AQ34761">
        <v>45</v>
      </c>
    </row>
    <row r="34762" spans="1:43">
      <c r="A34762" t="s">
        <v>21543</v>
      </c>
      <c r="B34762" t="s">
        <v>21544</v>
      </c>
      <c r="C34762" t="s">
        <v>21545</v>
      </c>
      <c r="D34762" t="s">
        <v>21546</v>
      </c>
      <c r="E34762" t="s">
        <v>21519</v>
      </c>
      <c r="F34762" t="s">
        <v>21520</v>
      </c>
      <c r="G34762" t="s">
        <v>21513</v>
      </c>
      <c r="H34762" t="s">
        <v>21514</v>
      </c>
      <c r="I34762" s="2">
        <v>1</v>
      </c>
      <c r="J34762" s="2">
        <v>0</v>
      </c>
      <c r="K34762" s="2">
        <v>0</v>
      </c>
      <c r="L34762" t="s">
        <v>120</v>
      </c>
      <c r="M34762" t="s">
        <v>83</v>
      </c>
      <c r="N34762" t="s">
        <v>84</v>
      </c>
      <c r="O34762" t="s">
        <v>85</v>
      </c>
      <c r="P34762" t="s">
        <v>86</v>
      </c>
      <c r="Q34762">
        <v>20</v>
      </c>
      <c r="R34762">
        <v>20</v>
      </c>
      <c r="S34762">
        <v>20</v>
      </c>
      <c r="T34762">
        <v>21</v>
      </c>
      <c r="U34762">
        <v>21</v>
      </c>
      <c r="V34762">
        <v>21</v>
      </c>
      <c r="W34762">
        <v>21</v>
      </c>
      <c r="X34762">
        <v>22</v>
      </c>
      <c r="Y34762">
        <v>22</v>
      </c>
      <c r="Z34762">
        <v>22</v>
      </c>
      <c r="AA34762">
        <v>22</v>
      </c>
      <c r="AB34762">
        <v>23</v>
      </c>
      <c r="AC34762">
        <v>23</v>
      </c>
      <c r="AD34762">
        <v>23</v>
      </c>
      <c r="AE34762">
        <v>23</v>
      </c>
      <c r="AF34762">
        <v>24</v>
      </c>
      <c r="AG34762">
        <v>24</v>
      </c>
      <c r="AH34762">
        <v>24</v>
      </c>
      <c r="AI34762">
        <v>24</v>
      </c>
      <c r="AJ34762">
        <v>25</v>
      </c>
      <c r="AK34762">
        <v>25</v>
      </c>
      <c r="AL34762">
        <v>25</v>
      </c>
      <c r="AM34762">
        <v>25</v>
      </c>
      <c r="AN34762">
        <v>25</v>
      </c>
      <c r="AO34762">
        <v>25</v>
      </c>
      <c r="AP34762">
        <v>25</v>
      </c>
      <c r="AQ34762">
        <v>25</v>
      </c>
    </row>
    <row r="34763" spans="1:43">
      <c r="A34763" t="s">
        <v>21543</v>
      </c>
      <c r="B34763" t="s">
        <v>21544</v>
      </c>
      <c r="C34763" t="s">
        <v>21545</v>
      </c>
      <c r="D34763" t="s">
        <v>21546</v>
      </c>
      <c r="E34763" t="s">
        <v>21519</v>
      </c>
      <c r="F34763" t="s">
        <v>21520</v>
      </c>
      <c r="G34763" t="s">
        <v>21513</v>
      </c>
      <c r="H34763" t="s">
        <v>21514</v>
      </c>
      <c r="I34763" s="2">
        <v>1</v>
      </c>
      <c r="J34763" s="2">
        <v>0</v>
      </c>
      <c r="K34763" s="2">
        <v>0</v>
      </c>
      <c r="L34763" t="s">
        <v>120</v>
      </c>
      <c r="M34763" t="s">
        <v>87</v>
      </c>
      <c r="N34763" t="s">
        <v>88</v>
      </c>
      <c r="O34763" t="s">
        <v>85</v>
      </c>
      <c r="P34763" t="s">
        <v>86</v>
      </c>
      <c r="Q34763">
        <v>20</v>
      </c>
      <c r="R34763">
        <v>20</v>
      </c>
      <c r="S34763">
        <v>20</v>
      </c>
      <c r="T34763">
        <v>20</v>
      </c>
      <c r="U34763">
        <v>20</v>
      </c>
      <c r="V34763">
        <v>20</v>
      </c>
      <c r="W34763">
        <v>20</v>
      </c>
      <c r="X34763">
        <v>20</v>
      </c>
      <c r="Y34763">
        <v>20</v>
      </c>
      <c r="Z34763">
        <v>20</v>
      </c>
      <c r="AA34763">
        <v>20</v>
      </c>
      <c r="AB34763">
        <v>21</v>
      </c>
      <c r="AC34763">
        <v>21</v>
      </c>
      <c r="AD34763">
        <v>21</v>
      </c>
      <c r="AE34763">
        <v>21</v>
      </c>
      <c r="AF34763">
        <v>21</v>
      </c>
      <c r="AG34763">
        <v>21</v>
      </c>
      <c r="AH34763">
        <v>21</v>
      </c>
      <c r="AI34763">
        <v>21</v>
      </c>
      <c r="AJ34763">
        <v>21</v>
      </c>
      <c r="AK34763">
        <v>21</v>
      </c>
      <c r="AL34763">
        <v>21</v>
      </c>
      <c r="AM34763">
        <v>21</v>
      </c>
      <c r="AN34763">
        <v>21</v>
      </c>
      <c r="AO34763">
        <v>21</v>
      </c>
      <c r="AP34763">
        <v>22</v>
      </c>
      <c r="AQ34763">
        <v>22</v>
      </c>
    </row>
    <row r="34764" spans="1:43">
      <c r="A34764" t="s">
        <v>21543</v>
      </c>
      <c r="B34764" t="s">
        <v>21544</v>
      </c>
      <c r="C34764" t="s">
        <v>21545</v>
      </c>
      <c r="D34764" t="s">
        <v>21546</v>
      </c>
      <c r="E34764" t="s">
        <v>21519</v>
      </c>
      <c r="F34764" t="s">
        <v>21520</v>
      </c>
      <c r="G34764" t="s">
        <v>21513</v>
      </c>
      <c r="H34764" t="s">
        <v>21514</v>
      </c>
      <c r="I34764" s="2">
        <v>1</v>
      </c>
      <c r="J34764" s="2">
        <v>0</v>
      </c>
      <c r="K34764" s="2">
        <v>0</v>
      </c>
      <c r="L34764" t="s">
        <v>120</v>
      </c>
      <c r="M34764" t="s">
        <v>89</v>
      </c>
      <c r="N34764" t="s">
        <v>90</v>
      </c>
      <c r="O34764" t="s">
        <v>85</v>
      </c>
      <c r="P34764" t="s">
        <v>86</v>
      </c>
      <c r="Q34764">
        <v>20</v>
      </c>
      <c r="R34764">
        <v>20</v>
      </c>
      <c r="S34764">
        <v>21</v>
      </c>
      <c r="T34764">
        <v>21</v>
      </c>
      <c r="U34764">
        <v>22</v>
      </c>
      <c r="V34764">
        <v>22</v>
      </c>
      <c r="W34764">
        <v>22</v>
      </c>
      <c r="X34764">
        <v>23</v>
      </c>
      <c r="Y34764">
        <v>23</v>
      </c>
      <c r="Z34764">
        <v>24</v>
      </c>
      <c r="AA34764">
        <v>24</v>
      </c>
      <c r="AB34764">
        <v>24</v>
      </c>
      <c r="AC34764">
        <v>25</v>
      </c>
      <c r="AD34764">
        <v>25</v>
      </c>
      <c r="AE34764">
        <v>25</v>
      </c>
      <c r="AF34764">
        <v>25</v>
      </c>
      <c r="AG34764">
        <v>25</v>
      </c>
      <c r="AH34764">
        <v>25</v>
      </c>
      <c r="AI34764">
        <v>25</v>
      </c>
      <c r="AJ34764">
        <v>25</v>
      </c>
      <c r="AK34764">
        <v>25</v>
      </c>
      <c r="AL34764">
        <v>25</v>
      </c>
      <c r="AM34764">
        <v>25</v>
      </c>
      <c r="AN34764">
        <v>25</v>
      </c>
      <c r="AO34764">
        <v>25</v>
      </c>
      <c r="AP34764">
        <v>25</v>
      </c>
      <c r="AQ34764">
        <v>25</v>
      </c>
    </row>
    <row r="34765" spans="1:43">
      <c r="A34765" t="s">
        <v>21543</v>
      </c>
      <c r="B34765" t="s">
        <v>21544</v>
      </c>
      <c r="C34765" t="s">
        <v>21545</v>
      </c>
      <c r="D34765" t="s">
        <v>21546</v>
      </c>
      <c r="E34765" t="s">
        <v>21519</v>
      </c>
      <c r="F34765" t="s">
        <v>21520</v>
      </c>
      <c r="G34765" t="s">
        <v>21513</v>
      </c>
      <c r="H34765" t="s">
        <v>21514</v>
      </c>
      <c r="I34765" s="2">
        <v>1</v>
      </c>
      <c r="J34765" s="2">
        <v>0</v>
      </c>
      <c r="K34765" s="2">
        <v>0</v>
      </c>
      <c r="L34765" t="s">
        <v>120</v>
      </c>
      <c r="M34765" t="s">
        <v>83</v>
      </c>
      <c r="N34765" t="s">
        <v>91</v>
      </c>
      <c r="O34765" t="s">
        <v>85</v>
      </c>
      <c r="P34765" t="s">
        <v>86</v>
      </c>
      <c r="Q34765">
        <v>20</v>
      </c>
      <c r="R34765">
        <v>20</v>
      </c>
      <c r="S34765">
        <v>20</v>
      </c>
      <c r="T34765">
        <v>21</v>
      </c>
      <c r="U34765">
        <v>21</v>
      </c>
      <c r="V34765">
        <v>21</v>
      </c>
      <c r="W34765">
        <v>21</v>
      </c>
      <c r="X34765">
        <v>22</v>
      </c>
      <c r="Y34765">
        <v>22</v>
      </c>
      <c r="Z34765">
        <v>22</v>
      </c>
      <c r="AA34765">
        <v>22</v>
      </c>
      <c r="AB34765">
        <v>23</v>
      </c>
      <c r="AC34765">
        <v>23</v>
      </c>
      <c r="AD34765">
        <v>23</v>
      </c>
      <c r="AE34765">
        <v>23</v>
      </c>
      <c r="AF34765">
        <v>24</v>
      </c>
      <c r="AG34765">
        <v>24</v>
      </c>
      <c r="AH34765">
        <v>24</v>
      </c>
      <c r="AI34765">
        <v>24</v>
      </c>
      <c r="AJ34765">
        <v>25</v>
      </c>
      <c r="AK34765">
        <v>25</v>
      </c>
      <c r="AL34765">
        <v>25</v>
      </c>
      <c r="AM34765">
        <v>25</v>
      </c>
      <c r="AN34765">
        <v>25</v>
      </c>
      <c r="AO34765">
        <v>25</v>
      </c>
      <c r="AP34765">
        <v>25</v>
      </c>
      <c r="AQ34765">
        <v>25</v>
      </c>
    </row>
    <row r="34766" spans="1:43">
      <c r="A34766" t="s">
        <v>21547</v>
      </c>
      <c r="B34766" t="s">
        <v>21548</v>
      </c>
      <c r="C34766" t="s">
        <v>21545</v>
      </c>
      <c r="D34766" t="s">
        <v>21546</v>
      </c>
      <c r="E34766" t="s">
        <v>21519</v>
      </c>
      <c r="F34766" t="s">
        <v>21520</v>
      </c>
      <c r="G34766" t="s">
        <v>21513</v>
      </c>
      <c r="H34766" t="s">
        <v>21514</v>
      </c>
      <c r="I34766" s="2">
        <v>1</v>
      </c>
      <c r="J34766" s="2">
        <v>0</v>
      </c>
      <c r="K34766" s="2">
        <v>0</v>
      </c>
      <c r="L34766" t="s">
        <v>120</v>
      </c>
      <c r="M34766" t="s">
        <v>83</v>
      </c>
      <c r="N34766" t="s">
        <v>84</v>
      </c>
      <c r="O34766" t="s">
        <v>85</v>
      </c>
      <c r="P34766" t="s">
        <v>86</v>
      </c>
      <c r="Q34766">
        <v>93</v>
      </c>
      <c r="R34766">
        <v>95</v>
      </c>
      <c r="S34766">
        <v>96</v>
      </c>
      <c r="T34766">
        <v>97</v>
      </c>
      <c r="U34766">
        <v>98</v>
      </c>
      <c r="V34766">
        <v>100</v>
      </c>
      <c r="W34766">
        <v>101</v>
      </c>
      <c r="X34766">
        <v>102</v>
      </c>
      <c r="Y34766">
        <v>103</v>
      </c>
      <c r="Z34766">
        <v>105</v>
      </c>
      <c r="AA34766">
        <v>106</v>
      </c>
      <c r="AB34766">
        <v>107</v>
      </c>
      <c r="AC34766">
        <v>108</v>
      </c>
      <c r="AD34766">
        <v>109</v>
      </c>
      <c r="AE34766">
        <v>110</v>
      </c>
      <c r="AF34766">
        <v>112</v>
      </c>
      <c r="AG34766">
        <v>113</v>
      </c>
      <c r="AH34766">
        <v>114</v>
      </c>
      <c r="AI34766">
        <v>115</v>
      </c>
      <c r="AJ34766">
        <v>116</v>
      </c>
      <c r="AK34766">
        <v>117</v>
      </c>
      <c r="AL34766">
        <v>118</v>
      </c>
      <c r="AM34766">
        <v>118</v>
      </c>
      <c r="AN34766">
        <v>118</v>
      </c>
      <c r="AO34766">
        <v>118</v>
      </c>
      <c r="AP34766">
        <v>118</v>
      </c>
      <c r="AQ34766">
        <v>118</v>
      </c>
    </row>
    <row r="34767" spans="1:43">
      <c r="A34767" t="s">
        <v>21547</v>
      </c>
      <c r="B34767" t="s">
        <v>21548</v>
      </c>
      <c r="C34767" t="s">
        <v>21545</v>
      </c>
      <c r="D34767" t="s">
        <v>21546</v>
      </c>
      <c r="E34767" t="s">
        <v>21519</v>
      </c>
      <c r="F34767" t="s">
        <v>21520</v>
      </c>
      <c r="G34767" t="s">
        <v>21513</v>
      </c>
      <c r="H34767" t="s">
        <v>21514</v>
      </c>
      <c r="I34767" s="2">
        <v>1</v>
      </c>
      <c r="J34767" s="2">
        <v>0</v>
      </c>
      <c r="K34767" s="2">
        <v>0</v>
      </c>
      <c r="L34767" t="s">
        <v>120</v>
      </c>
      <c r="M34767" t="s">
        <v>87</v>
      </c>
      <c r="N34767" t="s">
        <v>88</v>
      </c>
      <c r="O34767" t="s">
        <v>85</v>
      </c>
      <c r="P34767" t="s">
        <v>86</v>
      </c>
      <c r="Q34767">
        <v>93</v>
      </c>
      <c r="R34767">
        <v>94</v>
      </c>
      <c r="S34767">
        <v>94</v>
      </c>
      <c r="T34767">
        <v>95</v>
      </c>
      <c r="U34767">
        <v>95</v>
      </c>
      <c r="V34767">
        <v>95</v>
      </c>
      <c r="W34767">
        <v>96</v>
      </c>
      <c r="X34767">
        <v>96</v>
      </c>
      <c r="Y34767">
        <v>97</v>
      </c>
      <c r="Z34767">
        <v>97</v>
      </c>
      <c r="AA34767">
        <v>97</v>
      </c>
      <c r="AB34767">
        <v>98</v>
      </c>
      <c r="AC34767">
        <v>98</v>
      </c>
      <c r="AD34767">
        <v>99</v>
      </c>
      <c r="AE34767">
        <v>99</v>
      </c>
      <c r="AF34767">
        <v>99</v>
      </c>
      <c r="AG34767">
        <v>100</v>
      </c>
      <c r="AH34767">
        <v>100</v>
      </c>
      <c r="AI34767">
        <v>100</v>
      </c>
      <c r="AJ34767">
        <v>101</v>
      </c>
      <c r="AK34767">
        <v>101</v>
      </c>
      <c r="AL34767">
        <v>101</v>
      </c>
      <c r="AM34767">
        <v>102</v>
      </c>
      <c r="AN34767">
        <v>102</v>
      </c>
      <c r="AO34767">
        <v>102</v>
      </c>
      <c r="AP34767">
        <v>103</v>
      </c>
      <c r="AQ34767">
        <v>103</v>
      </c>
    </row>
    <row r="34768" spans="1:43">
      <c r="A34768" t="s">
        <v>21547</v>
      </c>
      <c r="B34768" t="s">
        <v>21548</v>
      </c>
      <c r="C34768" t="s">
        <v>21545</v>
      </c>
      <c r="D34768" t="s">
        <v>21546</v>
      </c>
      <c r="E34768" t="s">
        <v>21519</v>
      </c>
      <c r="F34768" t="s">
        <v>21520</v>
      </c>
      <c r="G34768" t="s">
        <v>21513</v>
      </c>
      <c r="H34768" t="s">
        <v>21514</v>
      </c>
      <c r="I34768" s="2">
        <v>1</v>
      </c>
      <c r="J34768" s="2">
        <v>0</v>
      </c>
      <c r="K34768" s="2">
        <v>0</v>
      </c>
      <c r="L34768" t="s">
        <v>120</v>
      </c>
      <c r="M34768" t="s">
        <v>89</v>
      </c>
      <c r="N34768" t="s">
        <v>90</v>
      </c>
      <c r="O34768" t="s">
        <v>85</v>
      </c>
      <c r="P34768" t="s">
        <v>86</v>
      </c>
      <c r="Q34768">
        <v>93</v>
      </c>
      <c r="R34768">
        <v>95</v>
      </c>
      <c r="S34768">
        <v>97</v>
      </c>
      <c r="T34768">
        <v>99</v>
      </c>
      <c r="U34768">
        <v>101</v>
      </c>
      <c r="V34768">
        <v>103</v>
      </c>
      <c r="W34768">
        <v>105</v>
      </c>
      <c r="X34768">
        <v>107</v>
      </c>
      <c r="Y34768">
        <v>108</v>
      </c>
      <c r="Z34768">
        <v>110</v>
      </c>
      <c r="AA34768">
        <v>112</v>
      </c>
      <c r="AB34768">
        <v>113</v>
      </c>
      <c r="AC34768">
        <v>115</v>
      </c>
      <c r="AD34768">
        <v>116</v>
      </c>
      <c r="AE34768">
        <v>117</v>
      </c>
      <c r="AF34768">
        <v>117</v>
      </c>
      <c r="AG34768">
        <v>118</v>
      </c>
      <c r="AH34768">
        <v>118</v>
      </c>
      <c r="AI34768">
        <v>118</v>
      </c>
      <c r="AJ34768">
        <v>118</v>
      </c>
      <c r="AK34768">
        <v>118</v>
      </c>
      <c r="AL34768">
        <v>118</v>
      </c>
      <c r="AM34768">
        <v>118</v>
      </c>
      <c r="AN34768">
        <v>118</v>
      </c>
      <c r="AO34768">
        <v>118</v>
      </c>
      <c r="AP34768">
        <v>118</v>
      </c>
      <c r="AQ34768">
        <v>118</v>
      </c>
    </row>
    <row r="34769" spans="1:43">
      <c r="A34769" t="s">
        <v>21547</v>
      </c>
      <c r="B34769" t="s">
        <v>21548</v>
      </c>
      <c r="C34769" t="s">
        <v>21545</v>
      </c>
      <c r="D34769" t="s">
        <v>21546</v>
      </c>
      <c r="E34769" t="s">
        <v>21519</v>
      </c>
      <c r="F34769" t="s">
        <v>21520</v>
      </c>
      <c r="G34769" t="s">
        <v>21513</v>
      </c>
      <c r="H34769" t="s">
        <v>21514</v>
      </c>
      <c r="I34769" s="2">
        <v>1</v>
      </c>
      <c r="J34769" s="2">
        <v>0</v>
      </c>
      <c r="K34769" s="2">
        <v>0</v>
      </c>
      <c r="L34769" t="s">
        <v>120</v>
      </c>
      <c r="M34769" t="s">
        <v>83</v>
      </c>
      <c r="N34769" t="s">
        <v>91</v>
      </c>
      <c r="O34769" t="s">
        <v>85</v>
      </c>
      <c r="P34769" t="s">
        <v>86</v>
      </c>
      <c r="Q34769">
        <v>93</v>
      </c>
      <c r="R34769">
        <v>95</v>
      </c>
      <c r="S34769">
        <v>96</v>
      </c>
      <c r="T34769">
        <v>97</v>
      </c>
      <c r="U34769">
        <v>98</v>
      </c>
      <c r="V34769">
        <v>100</v>
      </c>
      <c r="W34769">
        <v>101</v>
      </c>
      <c r="X34769">
        <v>102</v>
      </c>
      <c r="Y34769">
        <v>103</v>
      </c>
      <c r="Z34769">
        <v>105</v>
      </c>
      <c r="AA34769">
        <v>106</v>
      </c>
      <c r="AB34769">
        <v>107</v>
      </c>
      <c r="AC34769">
        <v>108</v>
      </c>
      <c r="AD34769">
        <v>109</v>
      </c>
      <c r="AE34769">
        <v>110</v>
      </c>
      <c r="AF34769">
        <v>112</v>
      </c>
      <c r="AG34769">
        <v>113</v>
      </c>
      <c r="AH34769">
        <v>114</v>
      </c>
      <c r="AI34769">
        <v>115</v>
      </c>
      <c r="AJ34769">
        <v>116</v>
      </c>
      <c r="AK34769">
        <v>117</v>
      </c>
      <c r="AL34769">
        <v>118</v>
      </c>
      <c r="AM34769">
        <v>118</v>
      </c>
      <c r="AN34769">
        <v>118</v>
      </c>
      <c r="AO34769">
        <v>118</v>
      </c>
      <c r="AP34769">
        <v>118</v>
      </c>
      <c r="AQ34769">
        <v>118</v>
      </c>
    </row>
    <row r="34770" spans="1:43">
      <c r="A34770" t="s">
        <v>21549</v>
      </c>
      <c r="B34770" t="s">
        <v>21550</v>
      </c>
      <c r="C34770" t="s">
        <v>21545</v>
      </c>
      <c r="D34770" t="s">
        <v>21546</v>
      </c>
      <c r="E34770" t="s">
        <v>21519</v>
      </c>
      <c r="F34770" t="s">
        <v>21520</v>
      </c>
      <c r="G34770" t="s">
        <v>21513</v>
      </c>
      <c r="H34770" t="s">
        <v>21514</v>
      </c>
      <c r="I34770" s="2">
        <v>0.82</v>
      </c>
      <c r="J34770" s="2">
        <v>0</v>
      </c>
      <c r="K34770" s="2">
        <v>0</v>
      </c>
      <c r="L34770" t="s">
        <v>120</v>
      </c>
      <c r="M34770" t="s">
        <v>83</v>
      </c>
      <c r="N34770" t="s">
        <v>84</v>
      </c>
      <c r="O34770" t="s">
        <v>85</v>
      </c>
      <c r="P34770" t="s">
        <v>86</v>
      </c>
      <c r="Q34770">
        <v>60</v>
      </c>
      <c r="R34770">
        <v>61</v>
      </c>
      <c r="S34770">
        <v>61</v>
      </c>
      <c r="T34770">
        <v>62</v>
      </c>
      <c r="U34770">
        <v>63</v>
      </c>
      <c r="V34770">
        <v>64</v>
      </c>
      <c r="W34770">
        <v>65</v>
      </c>
      <c r="X34770">
        <v>65</v>
      </c>
      <c r="Y34770">
        <v>66</v>
      </c>
      <c r="Z34770">
        <v>67</v>
      </c>
      <c r="AA34770">
        <v>68</v>
      </c>
      <c r="AB34770">
        <v>68</v>
      </c>
      <c r="AC34770">
        <v>69</v>
      </c>
      <c r="AD34770">
        <v>70</v>
      </c>
      <c r="AE34770">
        <v>71</v>
      </c>
      <c r="AF34770">
        <v>71</v>
      </c>
      <c r="AG34770">
        <v>72</v>
      </c>
      <c r="AH34770">
        <v>73</v>
      </c>
      <c r="AI34770">
        <v>74</v>
      </c>
      <c r="AJ34770">
        <v>74</v>
      </c>
      <c r="AK34770">
        <v>75</v>
      </c>
      <c r="AL34770">
        <v>75</v>
      </c>
      <c r="AM34770">
        <v>75</v>
      </c>
      <c r="AN34770">
        <v>75</v>
      </c>
      <c r="AO34770">
        <v>75</v>
      </c>
      <c r="AP34770">
        <v>75</v>
      </c>
      <c r="AQ34770">
        <v>75</v>
      </c>
    </row>
    <row r="34771" spans="1:43">
      <c r="A34771" t="s">
        <v>21549</v>
      </c>
      <c r="B34771" t="s">
        <v>21550</v>
      </c>
      <c r="C34771" t="s">
        <v>21545</v>
      </c>
      <c r="D34771" t="s">
        <v>21546</v>
      </c>
      <c r="E34771" t="s">
        <v>21519</v>
      </c>
      <c r="F34771" t="s">
        <v>21520</v>
      </c>
      <c r="G34771" t="s">
        <v>21513</v>
      </c>
      <c r="H34771" t="s">
        <v>21514</v>
      </c>
      <c r="I34771" s="2">
        <v>0.82</v>
      </c>
      <c r="J34771" s="2">
        <v>0</v>
      </c>
      <c r="K34771" s="2">
        <v>0</v>
      </c>
      <c r="L34771" t="s">
        <v>120</v>
      </c>
      <c r="M34771" t="s">
        <v>87</v>
      </c>
      <c r="N34771" t="s">
        <v>88</v>
      </c>
      <c r="O34771" t="s">
        <v>85</v>
      </c>
      <c r="P34771" t="s">
        <v>86</v>
      </c>
      <c r="Q34771">
        <v>60</v>
      </c>
      <c r="R34771">
        <v>60</v>
      </c>
      <c r="S34771">
        <v>61</v>
      </c>
      <c r="T34771">
        <v>61</v>
      </c>
      <c r="U34771">
        <v>61</v>
      </c>
      <c r="V34771">
        <v>61</v>
      </c>
      <c r="W34771">
        <v>62</v>
      </c>
      <c r="X34771">
        <v>62</v>
      </c>
      <c r="Y34771">
        <v>62</v>
      </c>
      <c r="Z34771">
        <v>62</v>
      </c>
      <c r="AA34771">
        <v>63</v>
      </c>
      <c r="AB34771">
        <v>63</v>
      </c>
      <c r="AC34771">
        <v>63</v>
      </c>
      <c r="AD34771">
        <v>63</v>
      </c>
      <c r="AE34771">
        <v>64</v>
      </c>
      <c r="AF34771">
        <v>64</v>
      </c>
      <c r="AG34771">
        <v>64</v>
      </c>
      <c r="AH34771">
        <v>64</v>
      </c>
      <c r="AI34771">
        <v>65</v>
      </c>
      <c r="AJ34771">
        <v>65</v>
      </c>
      <c r="AK34771">
        <v>65</v>
      </c>
      <c r="AL34771">
        <v>65</v>
      </c>
      <c r="AM34771">
        <v>65</v>
      </c>
      <c r="AN34771">
        <v>66</v>
      </c>
      <c r="AO34771">
        <v>66</v>
      </c>
      <c r="AP34771">
        <v>66</v>
      </c>
      <c r="AQ34771">
        <v>66</v>
      </c>
    </row>
    <row r="34772" spans="1:43">
      <c r="A34772" t="s">
        <v>21549</v>
      </c>
      <c r="B34772" t="s">
        <v>21550</v>
      </c>
      <c r="C34772" t="s">
        <v>21545</v>
      </c>
      <c r="D34772" t="s">
        <v>21546</v>
      </c>
      <c r="E34772" t="s">
        <v>21519</v>
      </c>
      <c r="F34772" t="s">
        <v>21520</v>
      </c>
      <c r="G34772" t="s">
        <v>21513</v>
      </c>
      <c r="H34772" t="s">
        <v>21514</v>
      </c>
      <c r="I34772" s="2">
        <v>0.82</v>
      </c>
      <c r="J34772" s="2">
        <v>0</v>
      </c>
      <c r="K34772" s="2">
        <v>0</v>
      </c>
      <c r="L34772" t="s">
        <v>120</v>
      </c>
      <c r="M34772" t="s">
        <v>89</v>
      </c>
      <c r="N34772" t="s">
        <v>90</v>
      </c>
      <c r="O34772" t="s">
        <v>85</v>
      </c>
      <c r="P34772" t="s">
        <v>86</v>
      </c>
      <c r="Q34772">
        <v>60</v>
      </c>
      <c r="R34772">
        <v>62</v>
      </c>
      <c r="S34772">
        <v>63</v>
      </c>
      <c r="T34772">
        <v>64</v>
      </c>
      <c r="U34772">
        <v>66</v>
      </c>
      <c r="V34772">
        <v>67</v>
      </c>
      <c r="W34772">
        <v>68</v>
      </c>
      <c r="X34772">
        <v>69</v>
      </c>
      <c r="Y34772">
        <v>70</v>
      </c>
      <c r="Z34772">
        <v>71</v>
      </c>
      <c r="AA34772">
        <v>72</v>
      </c>
      <c r="AB34772">
        <v>73</v>
      </c>
      <c r="AC34772">
        <v>74</v>
      </c>
      <c r="AD34772">
        <v>75</v>
      </c>
      <c r="AE34772">
        <v>76</v>
      </c>
      <c r="AF34772">
        <v>76</v>
      </c>
      <c r="AG34772">
        <v>76</v>
      </c>
      <c r="AH34772">
        <v>76</v>
      </c>
      <c r="AI34772">
        <v>76</v>
      </c>
      <c r="AJ34772">
        <v>76</v>
      </c>
      <c r="AK34772">
        <v>76</v>
      </c>
      <c r="AL34772">
        <v>76</v>
      </c>
      <c r="AM34772">
        <v>76</v>
      </c>
      <c r="AN34772">
        <v>76</v>
      </c>
      <c r="AO34772">
        <v>76</v>
      </c>
      <c r="AP34772">
        <v>76</v>
      </c>
      <c r="AQ34772">
        <v>76</v>
      </c>
    </row>
    <row r="34773" spans="1:43">
      <c r="A34773" t="s">
        <v>21549</v>
      </c>
      <c r="B34773" t="s">
        <v>21550</v>
      </c>
      <c r="C34773" t="s">
        <v>21545</v>
      </c>
      <c r="D34773" t="s">
        <v>21546</v>
      </c>
      <c r="E34773" t="s">
        <v>21519</v>
      </c>
      <c r="F34773" t="s">
        <v>21520</v>
      </c>
      <c r="G34773" t="s">
        <v>21513</v>
      </c>
      <c r="H34773" t="s">
        <v>21514</v>
      </c>
      <c r="I34773" s="2">
        <v>0.82</v>
      </c>
      <c r="J34773" s="2">
        <v>0</v>
      </c>
      <c r="K34773" s="2">
        <v>0</v>
      </c>
      <c r="L34773" t="s">
        <v>120</v>
      </c>
      <c r="M34773" t="s">
        <v>83</v>
      </c>
      <c r="N34773" t="s">
        <v>91</v>
      </c>
      <c r="O34773" t="s">
        <v>85</v>
      </c>
      <c r="P34773" t="s">
        <v>86</v>
      </c>
      <c r="Q34773">
        <v>60</v>
      </c>
      <c r="R34773">
        <v>61</v>
      </c>
      <c r="S34773">
        <v>61</v>
      </c>
      <c r="T34773">
        <v>62</v>
      </c>
      <c r="U34773">
        <v>63</v>
      </c>
      <c r="V34773">
        <v>64</v>
      </c>
      <c r="W34773">
        <v>65</v>
      </c>
      <c r="X34773">
        <v>65</v>
      </c>
      <c r="Y34773">
        <v>66</v>
      </c>
      <c r="Z34773">
        <v>67</v>
      </c>
      <c r="AA34773">
        <v>68</v>
      </c>
      <c r="AB34773">
        <v>68</v>
      </c>
      <c r="AC34773">
        <v>69</v>
      </c>
      <c r="AD34773">
        <v>70</v>
      </c>
      <c r="AE34773">
        <v>71</v>
      </c>
      <c r="AF34773">
        <v>71</v>
      </c>
      <c r="AG34773">
        <v>72</v>
      </c>
      <c r="AH34773">
        <v>73</v>
      </c>
      <c r="AI34773">
        <v>74</v>
      </c>
      <c r="AJ34773">
        <v>74</v>
      </c>
      <c r="AK34773">
        <v>75</v>
      </c>
      <c r="AL34773">
        <v>75</v>
      </c>
      <c r="AM34773">
        <v>75</v>
      </c>
      <c r="AN34773">
        <v>75</v>
      </c>
      <c r="AO34773">
        <v>75</v>
      </c>
      <c r="AP34773">
        <v>75</v>
      </c>
      <c r="AQ34773">
        <v>75</v>
      </c>
    </row>
    <row r="34774" spans="1:43">
      <c r="A34774" t="s">
        <v>21551</v>
      </c>
      <c r="B34774" t="s">
        <v>21552</v>
      </c>
      <c r="C34774" t="s">
        <v>21545</v>
      </c>
      <c r="D34774" t="s">
        <v>21546</v>
      </c>
      <c r="E34774" t="s">
        <v>21519</v>
      </c>
      <c r="F34774" t="s">
        <v>21520</v>
      </c>
      <c r="G34774" t="s">
        <v>21513</v>
      </c>
      <c r="H34774" t="s">
        <v>21514</v>
      </c>
      <c r="I34774" s="2">
        <v>1</v>
      </c>
      <c r="J34774" s="2">
        <v>0</v>
      </c>
      <c r="K34774" s="2">
        <v>0</v>
      </c>
      <c r="L34774" t="s">
        <v>120</v>
      </c>
      <c r="M34774" t="s">
        <v>83</v>
      </c>
      <c r="N34774" t="s">
        <v>84</v>
      </c>
      <c r="O34774" t="s">
        <v>85</v>
      </c>
      <c r="P34774" t="s">
        <v>86</v>
      </c>
      <c r="Q34774">
        <v>43</v>
      </c>
      <c r="R34774">
        <v>43</v>
      </c>
      <c r="S34774">
        <v>44</v>
      </c>
      <c r="T34774">
        <v>44</v>
      </c>
      <c r="U34774">
        <v>45</v>
      </c>
      <c r="V34774">
        <v>46</v>
      </c>
      <c r="W34774">
        <v>46</v>
      </c>
      <c r="X34774">
        <v>47</v>
      </c>
      <c r="Y34774">
        <v>47</v>
      </c>
      <c r="Z34774">
        <v>48</v>
      </c>
      <c r="AA34774">
        <v>48</v>
      </c>
      <c r="AB34774">
        <v>49</v>
      </c>
      <c r="AC34774">
        <v>49</v>
      </c>
      <c r="AD34774">
        <v>50</v>
      </c>
      <c r="AE34774">
        <v>50</v>
      </c>
      <c r="AF34774">
        <v>51</v>
      </c>
      <c r="AG34774">
        <v>52</v>
      </c>
      <c r="AH34774">
        <v>52</v>
      </c>
      <c r="AI34774">
        <v>53</v>
      </c>
      <c r="AJ34774">
        <v>53</v>
      </c>
      <c r="AK34774">
        <v>54</v>
      </c>
      <c r="AL34774">
        <v>54</v>
      </c>
      <c r="AM34774">
        <v>54</v>
      </c>
      <c r="AN34774">
        <v>54</v>
      </c>
      <c r="AO34774">
        <v>54</v>
      </c>
      <c r="AP34774">
        <v>54</v>
      </c>
      <c r="AQ34774">
        <v>54</v>
      </c>
    </row>
    <row r="34775" spans="1:43">
      <c r="A34775" t="s">
        <v>21551</v>
      </c>
      <c r="B34775" t="s">
        <v>21552</v>
      </c>
      <c r="C34775" t="s">
        <v>21545</v>
      </c>
      <c r="D34775" t="s">
        <v>21546</v>
      </c>
      <c r="E34775" t="s">
        <v>21519</v>
      </c>
      <c r="F34775" t="s">
        <v>21520</v>
      </c>
      <c r="G34775" t="s">
        <v>21513</v>
      </c>
      <c r="H34775" t="s">
        <v>21514</v>
      </c>
      <c r="I34775" s="2">
        <v>1</v>
      </c>
      <c r="J34775" s="2">
        <v>0</v>
      </c>
      <c r="K34775" s="2">
        <v>0</v>
      </c>
      <c r="L34775" t="s">
        <v>120</v>
      </c>
      <c r="M34775" t="s">
        <v>87</v>
      </c>
      <c r="N34775" t="s">
        <v>88</v>
      </c>
      <c r="O34775" t="s">
        <v>85</v>
      </c>
      <c r="P34775" t="s">
        <v>86</v>
      </c>
      <c r="Q34775">
        <v>43</v>
      </c>
      <c r="R34775">
        <v>43</v>
      </c>
      <c r="S34775">
        <v>44</v>
      </c>
      <c r="T34775">
        <v>44</v>
      </c>
      <c r="U34775">
        <v>44</v>
      </c>
      <c r="V34775">
        <v>44</v>
      </c>
      <c r="W34775">
        <v>44</v>
      </c>
      <c r="X34775">
        <v>45</v>
      </c>
      <c r="Y34775">
        <v>45</v>
      </c>
      <c r="Z34775">
        <v>45</v>
      </c>
      <c r="AA34775">
        <v>45</v>
      </c>
      <c r="AB34775">
        <v>45</v>
      </c>
      <c r="AC34775">
        <v>45</v>
      </c>
      <c r="AD34775">
        <v>46</v>
      </c>
      <c r="AE34775">
        <v>46</v>
      </c>
      <c r="AF34775">
        <v>46</v>
      </c>
      <c r="AG34775">
        <v>46</v>
      </c>
      <c r="AH34775">
        <v>46</v>
      </c>
      <c r="AI34775">
        <v>46</v>
      </c>
      <c r="AJ34775">
        <v>47</v>
      </c>
      <c r="AK34775">
        <v>47</v>
      </c>
      <c r="AL34775">
        <v>47</v>
      </c>
      <c r="AM34775">
        <v>47</v>
      </c>
      <c r="AN34775">
        <v>47</v>
      </c>
      <c r="AO34775">
        <v>47</v>
      </c>
      <c r="AP34775">
        <v>47</v>
      </c>
      <c r="AQ34775">
        <v>48</v>
      </c>
    </row>
    <row r="34776" spans="1:43">
      <c r="A34776" t="s">
        <v>21551</v>
      </c>
      <c r="B34776" t="s">
        <v>21552</v>
      </c>
      <c r="C34776" t="s">
        <v>21545</v>
      </c>
      <c r="D34776" t="s">
        <v>21546</v>
      </c>
      <c r="E34776" t="s">
        <v>21519</v>
      </c>
      <c r="F34776" t="s">
        <v>21520</v>
      </c>
      <c r="G34776" t="s">
        <v>21513</v>
      </c>
      <c r="H34776" t="s">
        <v>21514</v>
      </c>
      <c r="I34776" s="2">
        <v>1</v>
      </c>
      <c r="J34776" s="2">
        <v>0</v>
      </c>
      <c r="K34776" s="2">
        <v>0</v>
      </c>
      <c r="L34776" t="s">
        <v>120</v>
      </c>
      <c r="M34776" t="s">
        <v>89</v>
      </c>
      <c r="N34776" t="s">
        <v>90</v>
      </c>
      <c r="O34776" t="s">
        <v>85</v>
      </c>
      <c r="P34776" t="s">
        <v>86</v>
      </c>
      <c r="Q34776">
        <v>43</v>
      </c>
      <c r="R34776">
        <v>44</v>
      </c>
      <c r="S34776">
        <v>45</v>
      </c>
      <c r="T34776">
        <v>46</v>
      </c>
      <c r="U34776">
        <v>47</v>
      </c>
      <c r="V34776">
        <v>48</v>
      </c>
      <c r="W34776">
        <v>48</v>
      </c>
      <c r="X34776">
        <v>49</v>
      </c>
      <c r="Y34776">
        <v>50</v>
      </c>
      <c r="Z34776">
        <v>51</v>
      </c>
      <c r="AA34776">
        <v>51</v>
      </c>
      <c r="AB34776">
        <v>52</v>
      </c>
      <c r="AC34776">
        <v>53</v>
      </c>
      <c r="AD34776">
        <v>54</v>
      </c>
      <c r="AE34776">
        <v>54</v>
      </c>
      <c r="AF34776">
        <v>54</v>
      </c>
      <c r="AG34776">
        <v>54</v>
      </c>
      <c r="AH34776">
        <v>54</v>
      </c>
      <c r="AI34776">
        <v>54</v>
      </c>
      <c r="AJ34776">
        <v>54</v>
      </c>
      <c r="AK34776">
        <v>54</v>
      </c>
      <c r="AL34776">
        <v>54</v>
      </c>
      <c r="AM34776">
        <v>54</v>
      </c>
      <c r="AN34776">
        <v>54</v>
      </c>
      <c r="AO34776">
        <v>54</v>
      </c>
      <c r="AP34776">
        <v>54</v>
      </c>
      <c r="AQ34776">
        <v>54</v>
      </c>
    </row>
    <row r="34777" spans="1:43">
      <c r="A34777" t="s">
        <v>21551</v>
      </c>
      <c r="B34777" t="s">
        <v>21552</v>
      </c>
      <c r="C34777" t="s">
        <v>21545</v>
      </c>
      <c r="D34777" t="s">
        <v>21546</v>
      </c>
      <c r="E34777" t="s">
        <v>21519</v>
      </c>
      <c r="F34777" t="s">
        <v>21520</v>
      </c>
      <c r="G34777" t="s">
        <v>21513</v>
      </c>
      <c r="H34777" t="s">
        <v>21514</v>
      </c>
      <c r="I34777" s="2">
        <v>1</v>
      </c>
      <c r="J34777" s="2">
        <v>0</v>
      </c>
      <c r="K34777" s="2">
        <v>0</v>
      </c>
      <c r="L34777" t="s">
        <v>120</v>
      </c>
      <c r="M34777" t="s">
        <v>83</v>
      </c>
      <c r="N34777" t="s">
        <v>91</v>
      </c>
      <c r="O34777" t="s">
        <v>85</v>
      </c>
      <c r="P34777" t="s">
        <v>86</v>
      </c>
      <c r="Q34777">
        <v>43</v>
      </c>
      <c r="R34777">
        <v>43</v>
      </c>
      <c r="S34777">
        <v>44</v>
      </c>
      <c r="T34777">
        <v>44</v>
      </c>
      <c r="U34777">
        <v>45</v>
      </c>
      <c r="V34777">
        <v>46</v>
      </c>
      <c r="W34777">
        <v>46</v>
      </c>
      <c r="X34777">
        <v>47</v>
      </c>
      <c r="Y34777">
        <v>47</v>
      </c>
      <c r="Z34777">
        <v>48</v>
      </c>
      <c r="AA34777">
        <v>48</v>
      </c>
      <c r="AB34777">
        <v>49</v>
      </c>
      <c r="AC34777">
        <v>49</v>
      </c>
      <c r="AD34777">
        <v>50</v>
      </c>
      <c r="AE34777">
        <v>50</v>
      </c>
      <c r="AF34777">
        <v>51</v>
      </c>
      <c r="AG34777">
        <v>52</v>
      </c>
      <c r="AH34777">
        <v>52</v>
      </c>
      <c r="AI34777">
        <v>53</v>
      </c>
      <c r="AJ34777">
        <v>53</v>
      </c>
      <c r="AK34777">
        <v>54</v>
      </c>
      <c r="AL34777">
        <v>54</v>
      </c>
      <c r="AM34777">
        <v>54</v>
      </c>
      <c r="AN34777">
        <v>54</v>
      </c>
      <c r="AO34777">
        <v>54</v>
      </c>
      <c r="AP34777">
        <v>54</v>
      </c>
      <c r="AQ34777">
        <v>54</v>
      </c>
    </row>
    <row r="34778" spans="1:43">
      <c r="A34778" t="s">
        <v>21553</v>
      </c>
      <c r="B34778" t="s">
        <v>21554</v>
      </c>
      <c r="C34778" t="s">
        <v>21555</v>
      </c>
      <c r="D34778" t="s">
        <v>21556</v>
      </c>
      <c r="E34778" t="s">
        <v>21557</v>
      </c>
      <c r="F34778" t="s">
        <v>21558</v>
      </c>
      <c r="G34778" t="s">
        <v>20255</v>
      </c>
      <c r="H34778" t="s">
        <v>20256</v>
      </c>
      <c r="I34778" s="2">
        <v>1</v>
      </c>
      <c r="J34778" s="2">
        <v>0</v>
      </c>
      <c r="K34778" s="2">
        <v>0</v>
      </c>
      <c r="L34778" t="s">
        <v>120</v>
      </c>
      <c r="M34778" t="s">
        <v>83</v>
      </c>
      <c r="N34778" t="s">
        <v>84</v>
      </c>
      <c r="O34778" t="s">
        <v>85</v>
      </c>
      <c r="P34778" t="s">
        <v>86</v>
      </c>
      <c r="Q34778">
        <v>8</v>
      </c>
      <c r="R34778">
        <v>8</v>
      </c>
      <c r="S34778">
        <v>9</v>
      </c>
      <c r="T34778">
        <v>9</v>
      </c>
      <c r="U34778">
        <v>9</v>
      </c>
      <c r="V34778">
        <v>9</v>
      </c>
      <c r="W34778">
        <v>9</v>
      </c>
      <c r="X34778">
        <v>9</v>
      </c>
      <c r="Y34778">
        <v>9</v>
      </c>
      <c r="Z34778">
        <v>9</v>
      </c>
      <c r="AA34778">
        <v>9</v>
      </c>
      <c r="AB34778">
        <v>10</v>
      </c>
      <c r="AC34778">
        <v>10</v>
      </c>
      <c r="AD34778">
        <v>10</v>
      </c>
      <c r="AE34778">
        <v>10</v>
      </c>
      <c r="AF34778">
        <v>10</v>
      </c>
      <c r="AG34778">
        <v>10</v>
      </c>
      <c r="AH34778">
        <v>10</v>
      </c>
      <c r="AI34778">
        <v>10</v>
      </c>
      <c r="AJ34778">
        <v>10</v>
      </c>
      <c r="AK34778">
        <v>11</v>
      </c>
      <c r="AL34778">
        <v>11</v>
      </c>
      <c r="AM34778">
        <v>11</v>
      </c>
      <c r="AN34778">
        <v>11</v>
      </c>
      <c r="AO34778">
        <v>11</v>
      </c>
      <c r="AP34778">
        <v>11</v>
      </c>
      <c r="AQ34778">
        <v>11</v>
      </c>
    </row>
    <row r="34779" spans="1:43">
      <c r="A34779" t="s">
        <v>21553</v>
      </c>
      <c r="B34779" t="s">
        <v>21554</v>
      </c>
      <c r="C34779" t="s">
        <v>21555</v>
      </c>
      <c r="D34779" t="s">
        <v>21556</v>
      </c>
      <c r="E34779" t="s">
        <v>21557</v>
      </c>
      <c r="F34779" t="s">
        <v>21558</v>
      </c>
      <c r="G34779" t="s">
        <v>20255</v>
      </c>
      <c r="H34779" t="s">
        <v>20256</v>
      </c>
      <c r="I34779" s="2">
        <v>1</v>
      </c>
      <c r="J34779" s="2">
        <v>0</v>
      </c>
      <c r="K34779" s="2">
        <v>0</v>
      </c>
      <c r="L34779" t="s">
        <v>120</v>
      </c>
      <c r="M34779" t="s">
        <v>87</v>
      </c>
      <c r="N34779" t="s">
        <v>88</v>
      </c>
      <c r="O34779" t="s">
        <v>85</v>
      </c>
      <c r="P34779" t="s">
        <v>86</v>
      </c>
      <c r="Q34779">
        <v>8</v>
      </c>
      <c r="R34779">
        <v>8</v>
      </c>
      <c r="S34779">
        <v>8</v>
      </c>
      <c r="T34779">
        <v>8</v>
      </c>
      <c r="U34779">
        <v>8</v>
      </c>
      <c r="V34779">
        <v>8</v>
      </c>
      <c r="W34779">
        <v>8</v>
      </c>
      <c r="X34779">
        <v>8</v>
      </c>
      <c r="Y34779">
        <v>9</v>
      </c>
      <c r="Z34779">
        <v>9</v>
      </c>
      <c r="AA34779">
        <v>9</v>
      </c>
      <c r="AB34779">
        <v>9</v>
      </c>
      <c r="AC34779">
        <v>9</v>
      </c>
      <c r="AD34779">
        <v>9</v>
      </c>
      <c r="AE34779">
        <v>9</v>
      </c>
      <c r="AF34779">
        <v>9</v>
      </c>
      <c r="AG34779">
        <v>9</v>
      </c>
      <c r="AH34779">
        <v>9</v>
      </c>
      <c r="AI34779">
        <v>9</v>
      </c>
      <c r="AJ34779">
        <v>9</v>
      </c>
      <c r="AK34779">
        <v>9</v>
      </c>
      <c r="AL34779">
        <v>9</v>
      </c>
      <c r="AM34779">
        <v>9</v>
      </c>
      <c r="AN34779">
        <v>9</v>
      </c>
      <c r="AO34779">
        <v>9</v>
      </c>
      <c r="AP34779">
        <v>9</v>
      </c>
      <c r="AQ34779">
        <v>9</v>
      </c>
    </row>
    <row r="34780" spans="1:43">
      <c r="A34780" t="s">
        <v>21553</v>
      </c>
      <c r="B34780" t="s">
        <v>21554</v>
      </c>
      <c r="C34780" t="s">
        <v>21555</v>
      </c>
      <c r="D34780" t="s">
        <v>21556</v>
      </c>
      <c r="E34780" t="s">
        <v>21557</v>
      </c>
      <c r="F34780" t="s">
        <v>21558</v>
      </c>
      <c r="G34780" t="s">
        <v>20255</v>
      </c>
      <c r="H34780" t="s">
        <v>20256</v>
      </c>
      <c r="I34780" s="2">
        <v>1</v>
      </c>
      <c r="J34780" s="2">
        <v>0</v>
      </c>
      <c r="K34780" s="2">
        <v>0</v>
      </c>
      <c r="L34780" t="s">
        <v>120</v>
      </c>
      <c r="M34780" t="s">
        <v>89</v>
      </c>
      <c r="N34780" t="s">
        <v>90</v>
      </c>
      <c r="O34780" t="s">
        <v>85</v>
      </c>
      <c r="P34780" t="s">
        <v>86</v>
      </c>
      <c r="Q34780">
        <v>8</v>
      </c>
      <c r="R34780">
        <v>9</v>
      </c>
      <c r="S34780">
        <v>9</v>
      </c>
      <c r="T34780">
        <v>9</v>
      </c>
      <c r="U34780">
        <v>9</v>
      </c>
      <c r="V34780">
        <v>9</v>
      </c>
      <c r="W34780">
        <v>9</v>
      </c>
      <c r="X34780">
        <v>10</v>
      </c>
      <c r="Y34780">
        <v>10</v>
      </c>
      <c r="Z34780">
        <v>10</v>
      </c>
      <c r="AA34780">
        <v>10</v>
      </c>
      <c r="AB34780">
        <v>10</v>
      </c>
      <c r="AC34780">
        <v>10</v>
      </c>
      <c r="AD34780">
        <v>11</v>
      </c>
      <c r="AE34780">
        <v>11</v>
      </c>
      <c r="AF34780">
        <v>11</v>
      </c>
      <c r="AG34780">
        <v>11</v>
      </c>
      <c r="AH34780">
        <v>11</v>
      </c>
      <c r="AI34780">
        <v>11</v>
      </c>
      <c r="AJ34780">
        <v>11</v>
      </c>
      <c r="AK34780">
        <v>11</v>
      </c>
      <c r="AL34780">
        <v>11</v>
      </c>
      <c r="AM34780">
        <v>11</v>
      </c>
      <c r="AN34780">
        <v>11</v>
      </c>
      <c r="AO34780">
        <v>11</v>
      </c>
      <c r="AP34780">
        <v>11</v>
      </c>
      <c r="AQ34780">
        <v>11</v>
      </c>
    </row>
    <row r="34781" spans="1:43">
      <c r="A34781" t="s">
        <v>21553</v>
      </c>
      <c r="B34781" t="s">
        <v>21554</v>
      </c>
      <c r="C34781" t="s">
        <v>21555</v>
      </c>
      <c r="D34781" t="s">
        <v>21556</v>
      </c>
      <c r="E34781" t="s">
        <v>21557</v>
      </c>
      <c r="F34781" t="s">
        <v>21558</v>
      </c>
      <c r="G34781" t="s">
        <v>20255</v>
      </c>
      <c r="H34781" t="s">
        <v>20256</v>
      </c>
      <c r="I34781" s="2">
        <v>1</v>
      </c>
      <c r="J34781" s="2">
        <v>0</v>
      </c>
      <c r="K34781" s="2">
        <v>0</v>
      </c>
      <c r="L34781" t="s">
        <v>120</v>
      </c>
      <c r="M34781" t="s">
        <v>83</v>
      </c>
      <c r="N34781" t="s">
        <v>91</v>
      </c>
      <c r="O34781" t="s">
        <v>85</v>
      </c>
      <c r="P34781" t="s">
        <v>86</v>
      </c>
      <c r="Q34781">
        <v>8</v>
      </c>
      <c r="R34781">
        <v>8</v>
      </c>
      <c r="S34781">
        <v>9</v>
      </c>
      <c r="T34781">
        <v>9</v>
      </c>
      <c r="U34781">
        <v>9</v>
      </c>
      <c r="V34781">
        <v>9</v>
      </c>
      <c r="W34781">
        <v>9</v>
      </c>
      <c r="X34781">
        <v>9</v>
      </c>
      <c r="Y34781">
        <v>9</v>
      </c>
      <c r="Z34781">
        <v>9</v>
      </c>
      <c r="AA34781">
        <v>9</v>
      </c>
      <c r="AB34781">
        <v>10</v>
      </c>
      <c r="AC34781">
        <v>10</v>
      </c>
      <c r="AD34781">
        <v>10</v>
      </c>
      <c r="AE34781">
        <v>10</v>
      </c>
      <c r="AF34781">
        <v>10</v>
      </c>
      <c r="AG34781">
        <v>10</v>
      </c>
      <c r="AH34781">
        <v>10</v>
      </c>
      <c r="AI34781">
        <v>10</v>
      </c>
      <c r="AJ34781">
        <v>10</v>
      </c>
      <c r="AK34781">
        <v>11</v>
      </c>
      <c r="AL34781">
        <v>11</v>
      </c>
      <c r="AM34781">
        <v>11</v>
      </c>
      <c r="AN34781">
        <v>11</v>
      </c>
      <c r="AO34781">
        <v>11</v>
      </c>
      <c r="AP34781">
        <v>11</v>
      </c>
      <c r="AQ34781">
        <v>11</v>
      </c>
    </row>
    <row r="34782" spans="1:43">
      <c r="A34782" t="s">
        <v>21559</v>
      </c>
      <c r="B34782" t="s">
        <v>21560</v>
      </c>
      <c r="C34782" t="s">
        <v>21561</v>
      </c>
      <c r="D34782" t="s">
        <v>21562</v>
      </c>
      <c r="E34782" t="s">
        <v>21557</v>
      </c>
      <c r="F34782" t="s">
        <v>21558</v>
      </c>
      <c r="G34782" t="s">
        <v>20255</v>
      </c>
      <c r="H34782" t="s">
        <v>20256</v>
      </c>
      <c r="I34782" s="2">
        <v>1</v>
      </c>
      <c r="J34782" s="2">
        <v>0</v>
      </c>
      <c r="K34782" s="2">
        <v>0</v>
      </c>
      <c r="L34782" t="s">
        <v>120</v>
      </c>
      <c r="M34782" t="s">
        <v>83</v>
      </c>
      <c r="N34782" t="s">
        <v>84</v>
      </c>
      <c r="O34782" t="s">
        <v>85</v>
      </c>
      <c r="P34782" t="s">
        <v>86</v>
      </c>
      <c r="Q34782">
        <v>31</v>
      </c>
      <c r="R34782">
        <v>31</v>
      </c>
      <c r="S34782">
        <v>32</v>
      </c>
      <c r="T34782">
        <v>32</v>
      </c>
      <c r="U34782">
        <v>33</v>
      </c>
      <c r="V34782">
        <v>33</v>
      </c>
      <c r="W34782">
        <v>34</v>
      </c>
      <c r="X34782">
        <v>35</v>
      </c>
      <c r="Y34782">
        <v>35</v>
      </c>
      <c r="Z34782">
        <v>36</v>
      </c>
      <c r="AA34782">
        <v>36</v>
      </c>
      <c r="AB34782">
        <v>37</v>
      </c>
      <c r="AC34782">
        <v>38</v>
      </c>
      <c r="AD34782">
        <v>38</v>
      </c>
      <c r="AE34782">
        <v>39</v>
      </c>
      <c r="AF34782">
        <v>39</v>
      </c>
      <c r="AG34782">
        <v>40</v>
      </c>
      <c r="AH34782">
        <v>41</v>
      </c>
      <c r="AI34782">
        <v>41</v>
      </c>
      <c r="AJ34782">
        <v>42</v>
      </c>
      <c r="AK34782">
        <v>42</v>
      </c>
      <c r="AL34782">
        <v>43</v>
      </c>
      <c r="AM34782">
        <v>43</v>
      </c>
      <c r="AN34782">
        <v>43</v>
      </c>
      <c r="AO34782">
        <v>44</v>
      </c>
      <c r="AP34782">
        <v>44</v>
      </c>
      <c r="AQ34782">
        <v>44</v>
      </c>
    </row>
    <row r="34783" spans="1:43">
      <c r="A34783" t="s">
        <v>21559</v>
      </c>
      <c r="B34783" t="s">
        <v>21560</v>
      </c>
      <c r="C34783" t="s">
        <v>21561</v>
      </c>
      <c r="D34783" t="s">
        <v>21562</v>
      </c>
      <c r="E34783" t="s">
        <v>21557</v>
      </c>
      <c r="F34783" t="s">
        <v>21558</v>
      </c>
      <c r="G34783" t="s">
        <v>20255</v>
      </c>
      <c r="H34783" t="s">
        <v>20256</v>
      </c>
      <c r="I34783" s="2">
        <v>1</v>
      </c>
      <c r="J34783" s="2">
        <v>0</v>
      </c>
      <c r="K34783" s="2">
        <v>0</v>
      </c>
      <c r="L34783" t="s">
        <v>120</v>
      </c>
      <c r="M34783" t="s">
        <v>87</v>
      </c>
      <c r="N34783" t="s">
        <v>88</v>
      </c>
      <c r="O34783" t="s">
        <v>85</v>
      </c>
      <c r="P34783" t="s">
        <v>86</v>
      </c>
      <c r="Q34783">
        <v>31</v>
      </c>
      <c r="R34783">
        <v>32</v>
      </c>
      <c r="S34783">
        <v>32</v>
      </c>
      <c r="T34783">
        <v>32</v>
      </c>
      <c r="U34783">
        <v>32</v>
      </c>
      <c r="V34783">
        <v>33</v>
      </c>
      <c r="W34783">
        <v>33</v>
      </c>
      <c r="X34783">
        <v>33</v>
      </c>
      <c r="Y34783">
        <v>34</v>
      </c>
      <c r="Z34783">
        <v>34</v>
      </c>
      <c r="AA34783">
        <v>34</v>
      </c>
      <c r="AB34783">
        <v>34</v>
      </c>
      <c r="AC34783">
        <v>35</v>
      </c>
      <c r="AD34783">
        <v>35</v>
      </c>
      <c r="AE34783">
        <v>35</v>
      </c>
      <c r="AF34783">
        <v>36</v>
      </c>
      <c r="AG34783">
        <v>36</v>
      </c>
      <c r="AH34783">
        <v>36</v>
      </c>
      <c r="AI34783">
        <v>37</v>
      </c>
      <c r="AJ34783">
        <v>37</v>
      </c>
      <c r="AK34783">
        <v>37</v>
      </c>
      <c r="AL34783">
        <v>37</v>
      </c>
      <c r="AM34783">
        <v>38</v>
      </c>
      <c r="AN34783">
        <v>38</v>
      </c>
      <c r="AO34783">
        <v>38</v>
      </c>
      <c r="AP34783">
        <v>39</v>
      </c>
      <c r="AQ34783">
        <v>39</v>
      </c>
    </row>
    <row r="34784" spans="1:43">
      <c r="A34784" t="s">
        <v>21559</v>
      </c>
      <c r="B34784" t="s">
        <v>21560</v>
      </c>
      <c r="C34784" t="s">
        <v>21561</v>
      </c>
      <c r="D34784" t="s">
        <v>21562</v>
      </c>
      <c r="E34784" t="s">
        <v>21557</v>
      </c>
      <c r="F34784" t="s">
        <v>21558</v>
      </c>
      <c r="G34784" t="s">
        <v>20255</v>
      </c>
      <c r="H34784" t="s">
        <v>20256</v>
      </c>
      <c r="I34784" s="2">
        <v>1</v>
      </c>
      <c r="J34784" s="2">
        <v>0</v>
      </c>
      <c r="K34784" s="2">
        <v>0</v>
      </c>
      <c r="L34784" t="s">
        <v>120</v>
      </c>
      <c r="M34784" t="s">
        <v>89</v>
      </c>
      <c r="N34784" t="s">
        <v>90</v>
      </c>
      <c r="O34784" t="s">
        <v>85</v>
      </c>
      <c r="P34784" t="s">
        <v>86</v>
      </c>
      <c r="Q34784">
        <v>31</v>
      </c>
      <c r="R34784">
        <v>32</v>
      </c>
      <c r="S34784">
        <v>33</v>
      </c>
      <c r="T34784">
        <v>33</v>
      </c>
      <c r="U34784">
        <v>34</v>
      </c>
      <c r="V34784">
        <v>35</v>
      </c>
      <c r="W34784">
        <v>36</v>
      </c>
      <c r="X34784">
        <v>37</v>
      </c>
      <c r="Y34784">
        <v>37</v>
      </c>
      <c r="Z34784">
        <v>38</v>
      </c>
      <c r="AA34784">
        <v>39</v>
      </c>
      <c r="AB34784">
        <v>39</v>
      </c>
      <c r="AC34784">
        <v>40</v>
      </c>
      <c r="AD34784">
        <v>41</v>
      </c>
      <c r="AE34784">
        <v>42</v>
      </c>
      <c r="AF34784">
        <v>42</v>
      </c>
      <c r="AG34784">
        <v>42</v>
      </c>
      <c r="AH34784">
        <v>42</v>
      </c>
      <c r="AI34784">
        <v>43</v>
      </c>
      <c r="AJ34784">
        <v>43</v>
      </c>
      <c r="AK34784">
        <v>43</v>
      </c>
      <c r="AL34784">
        <v>43</v>
      </c>
      <c r="AM34784">
        <v>43</v>
      </c>
      <c r="AN34784">
        <v>44</v>
      </c>
      <c r="AO34784">
        <v>44</v>
      </c>
      <c r="AP34784">
        <v>44</v>
      </c>
      <c r="AQ34784">
        <v>44</v>
      </c>
    </row>
    <row r="34785" spans="1:43">
      <c r="A34785" t="s">
        <v>21559</v>
      </c>
      <c r="B34785" t="s">
        <v>21560</v>
      </c>
      <c r="C34785" t="s">
        <v>21561</v>
      </c>
      <c r="D34785" t="s">
        <v>21562</v>
      </c>
      <c r="E34785" t="s">
        <v>21557</v>
      </c>
      <c r="F34785" t="s">
        <v>21558</v>
      </c>
      <c r="G34785" t="s">
        <v>20255</v>
      </c>
      <c r="H34785" t="s">
        <v>20256</v>
      </c>
      <c r="I34785" s="2">
        <v>1</v>
      </c>
      <c r="J34785" s="2">
        <v>0</v>
      </c>
      <c r="K34785" s="2">
        <v>0</v>
      </c>
      <c r="L34785" t="s">
        <v>120</v>
      </c>
      <c r="M34785" t="s">
        <v>83</v>
      </c>
      <c r="N34785" t="s">
        <v>91</v>
      </c>
      <c r="O34785" t="s">
        <v>85</v>
      </c>
      <c r="P34785" t="s">
        <v>86</v>
      </c>
      <c r="Q34785">
        <v>31</v>
      </c>
      <c r="R34785">
        <v>31</v>
      </c>
      <c r="S34785">
        <v>32</v>
      </c>
      <c r="T34785">
        <v>32</v>
      </c>
      <c r="U34785">
        <v>33</v>
      </c>
      <c r="V34785">
        <v>33</v>
      </c>
      <c r="W34785">
        <v>34</v>
      </c>
      <c r="X34785">
        <v>35</v>
      </c>
      <c r="Y34785">
        <v>35</v>
      </c>
      <c r="Z34785">
        <v>36</v>
      </c>
      <c r="AA34785">
        <v>36</v>
      </c>
      <c r="AB34785">
        <v>37</v>
      </c>
      <c r="AC34785">
        <v>38</v>
      </c>
      <c r="AD34785">
        <v>38</v>
      </c>
      <c r="AE34785">
        <v>39</v>
      </c>
      <c r="AF34785">
        <v>39</v>
      </c>
      <c r="AG34785">
        <v>40</v>
      </c>
      <c r="AH34785">
        <v>41</v>
      </c>
      <c r="AI34785">
        <v>41</v>
      </c>
      <c r="AJ34785">
        <v>42</v>
      </c>
      <c r="AK34785">
        <v>42</v>
      </c>
      <c r="AL34785">
        <v>43</v>
      </c>
      <c r="AM34785">
        <v>43</v>
      </c>
      <c r="AN34785">
        <v>43</v>
      </c>
      <c r="AO34785">
        <v>44</v>
      </c>
      <c r="AP34785">
        <v>44</v>
      </c>
      <c r="AQ34785">
        <v>44</v>
      </c>
    </row>
    <row r="34786" spans="1:43">
      <c r="A34786" t="s">
        <v>21563</v>
      </c>
      <c r="B34786" t="s">
        <v>21564</v>
      </c>
      <c r="C34786" t="s">
        <v>21555</v>
      </c>
      <c r="D34786" t="s">
        <v>21556</v>
      </c>
      <c r="E34786" t="s">
        <v>21557</v>
      </c>
      <c r="F34786" t="s">
        <v>21558</v>
      </c>
      <c r="G34786" t="s">
        <v>20255</v>
      </c>
      <c r="H34786" t="s">
        <v>20256</v>
      </c>
      <c r="I34786" s="2">
        <v>1</v>
      </c>
      <c r="J34786" s="2">
        <v>0</v>
      </c>
      <c r="K34786" s="2">
        <v>0</v>
      </c>
      <c r="L34786" t="s">
        <v>120</v>
      </c>
      <c r="M34786" t="s">
        <v>83</v>
      </c>
      <c r="N34786" t="s">
        <v>84</v>
      </c>
      <c r="O34786" t="s">
        <v>85</v>
      </c>
      <c r="P34786" t="s">
        <v>86</v>
      </c>
      <c r="Q34786">
        <v>31</v>
      </c>
      <c r="R34786">
        <v>32</v>
      </c>
      <c r="S34786">
        <v>32</v>
      </c>
      <c r="T34786">
        <v>33</v>
      </c>
      <c r="U34786">
        <v>34</v>
      </c>
      <c r="V34786">
        <v>34</v>
      </c>
      <c r="W34786">
        <v>35</v>
      </c>
      <c r="X34786">
        <v>36</v>
      </c>
      <c r="Y34786">
        <v>36</v>
      </c>
      <c r="Z34786">
        <v>37</v>
      </c>
      <c r="AA34786">
        <v>37</v>
      </c>
      <c r="AB34786">
        <v>38</v>
      </c>
      <c r="AC34786">
        <v>39</v>
      </c>
      <c r="AD34786">
        <v>39</v>
      </c>
      <c r="AE34786">
        <v>40</v>
      </c>
      <c r="AF34786">
        <v>41</v>
      </c>
      <c r="AG34786">
        <v>41</v>
      </c>
      <c r="AH34786">
        <v>42</v>
      </c>
      <c r="AI34786">
        <v>43</v>
      </c>
      <c r="AJ34786">
        <v>43</v>
      </c>
      <c r="AK34786">
        <v>44</v>
      </c>
      <c r="AL34786">
        <v>44</v>
      </c>
      <c r="AM34786">
        <v>45</v>
      </c>
      <c r="AN34786">
        <v>45</v>
      </c>
      <c r="AO34786">
        <v>45</v>
      </c>
      <c r="AP34786">
        <v>46</v>
      </c>
      <c r="AQ34786">
        <v>46</v>
      </c>
    </row>
    <row r="34787" spans="1:43">
      <c r="A34787" t="s">
        <v>21563</v>
      </c>
      <c r="B34787" t="s">
        <v>21564</v>
      </c>
      <c r="C34787" t="s">
        <v>21555</v>
      </c>
      <c r="D34787" t="s">
        <v>21556</v>
      </c>
      <c r="E34787" t="s">
        <v>21557</v>
      </c>
      <c r="F34787" t="s">
        <v>21558</v>
      </c>
      <c r="G34787" t="s">
        <v>20255</v>
      </c>
      <c r="H34787" t="s">
        <v>20256</v>
      </c>
      <c r="I34787" s="2">
        <v>1</v>
      </c>
      <c r="J34787" s="2">
        <v>0</v>
      </c>
      <c r="K34787" s="2">
        <v>0</v>
      </c>
      <c r="L34787" t="s">
        <v>120</v>
      </c>
      <c r="M34787" t="s">
        <v>87</v>
      </c>
      <c r="N34787" t="s">
        <v>88</v>
      </c>
      <c r="O34787" t="s">
        <v>85</v>
      </c>
      <c r="P34787" t="s">
        <v>86</v>
      </c>
      <c r="Q34787">
        <v>31</v>
      </c>
      <c r="R34787">
        <v>31</v>
      </c>
      <c r="S34787">
        <v>32</v>
      </c>
      <c r="T34787">
        <v>32</v>
      </c>
      <c r="U34787">
        <v>32</v>
      </c>
      <c r="V34787">
        <v>33</v>
      </c>
      <c r="W34787">
        <v>33</v>
      </c>
      <c r="X34787">
        <v>33</v>
      </c>
      <c r="Y34787">
        <v>34</v>
      </c>
      <c r="Z34787">
        <v>34</v>
      </c>
      <c r="AA34787">
        <v>34</v>
      </c>
      <c r="AB34787">
        <v>35</v>
      </c>
      <c r="AC34787">
        <v>35</v>
      </c>
      <c r="AD34787">
        <v>35</v>
      </c>
      <c r="AE34787">
        <v>36</v>
      </c>
      <c r="AF34787">
        <v>36</v>
      </c>
      <c r="AG34787">
        <v>36</v>
      </c>
      <c r="AH34787">
        <v>37</v>
      </c>
      <c r="AI34787">
        <v>37</v>
      </c>
      <c r="AJ34787">
        <v>37</v>
      </c>
      <c r="AK34787">
        <v>38</v>
      </c>
      <c r="AL34787">
        <v>38</v>
      </c>
      <c r="AM34787">
        <v>38</v>
      </c>
      <c r="AN34787">
        <v>39</v>
      </c>
      <c r="AO34787">
        <v>39</v>
      </c>
      <c r="AP34787">
        <v>40</v>
      </c>
      <c r="AQ34787">
        <v>40</v>
      </c>
    </row>
    <row r="34788" spans="1:43">
      <c r="A34788" t="s">
        <v>21563</v>
      </c>
      <c r="B34788" t="s">
        <v>21564</v>
      </c>
      <c r="C34788" t="s">
        <v>21555</v>
      </c>
      <c r="D34788" t="s">
        <v>21556</v>
      </c>
      <c r="E34788" t="s">
        <v>21557</v>
      </c>
      <c r="F34788" t="s">
        <v>21558</v>
      </c>
      <c r="G34788" t="s">
        <v>20255</v>
      </c>
      <c r="H34788" t="s">
        <v>20256</v>
      </c>
      <c r="I34788" s="2">
        <v>1</v>
      </c>
      <c r="J34788" s="2">
        <v>0</v>
      </c>
      <c r="K34788" s="2">
        <v>0</v>
      </c>
      <c r="L34788" t="s">
        <v>120</v>
      </c>
      <c r="M34788" t="s">
        <v>89</v>
      </c>
      <c r="N34788" t="s">
        <v>90</v>
      </c>
      <c r="O34788" t="s">
        <v>85</v>
      </c>
      <c r="P34788" t="s">
        <v>86</v>
      </c>
      <c r="Q34788">
        <v>31</v>
      </c>
      <c r="R34788">
        <v>32</v>
      </c>
      <c r="S34788">
        <v>33</v>
      </c>
      <c r="T34788">
        <v>34</v>
      </c>
      <c r="U34788">
        <v>35</v>
      </c>
      <c r="V34788">
        <v>36</v>
      </c>
      <c r="W34788">
        <v>37</v>
      </c>
      <c r="X34788">
        <v>37</v>
      </c>
      <c r="Y34788">
        <v>38</v>
      </c>
      <c r="Z34788">
        <v>39</v>
      </c>
      <c r="AA34788">
        <v>40</v>
      </c>
      <c r="AB34788">
        <v>41</v>
      </c>
      <c r="AC34788">
        <v>41</v>
      </c>
      <c r="AD34788">
        <v>42</v>
      </c>
      <c r="AE34788">
        <v>43</v>
      </c>
      <c r="AF34788">
        <v>43</v>
      </c>
      <c r="AG34788">
        <v>43</v>
      </c>
      <c r="AH34788">
        <v>44</v>
      </c>
      <c r="AI34788">
        <v>44</v>
      </c>
      <c r="AJ34788">
        <v>44</v>
      </c>
      <c r="AK34788">
        <v>45</v>
      </c>
      <c r="AL34788">
        <v>45</v>
      </c>
      <c r="AM34788">
        <v>45</v>
      </c>
      <c r="AN34788">
        <v>45</v>
      </c>
      <c r="AO34788">
        <v>46</v>
      </c>
      <c r="AP34788">
        <v>46</v>
      </c>
      <c r="AQ34788">
        <v>46</v>
      </c>
    </row>
    <row r="34789" spans="1:43">
      <c r="A34789" t="s">
        <v>21563</v>
      </c>
      <c r="B34789" t="s">
        <v>21564</v>
      </c>
      <c r="C34789" t="s">
        <v>21555</v>
      </c>
      <c r="D34789" t="s">
        <v>21556</v>
      </c>
      <c r="E34789" t="s">
        <v>21557</v>
      </c>
      <c r="F34789" t="s">
        <v>21558</v>
      </c>
      <c r="G34789" t="s">
        <v>20255</v>
      </c>
      <c r="H34789" t="s">
        <v>20256</v>
      </c>
      <c r="I34789" s="2">
        <v>1</v>
      </c>
      <c r="J34789" s="2">
        <v>0</v>
      </c>
      <c r="K34789" s="2">
        <v>0</v>
      </c>
      <c r="L34789" t="s">
        <v>120</v>
      </c>
      <c r="M34789" t="s">
        <v>83</v>
      </c>
      <c r="N34789" t="s">
        <v>91</v>
      </c>
      <c r="O34789" t="s">
        <v>85</v>
      </c>
      <c r="P34789" t="s">
        <v>86</v>
      </c>
      <c r="Q34789">
        <v>31</v>
      </c>
      <c r="R34789">
        <v>32</v>
      </c>
      <c r="S34789">
        <v>32</v>
      </c>
      <c r="T34789">
        <v>33</v>
      </c>
      <c r="U34789">
        <v>34</v>
      </c>
      <c r="V34789">
        <v>34</v>
      </c>
      <c r="W34789">
        <v>35</v>
      </c>
      <c r="X34789">
        <v>36</v>
      </c>
      <c r="Y34789">
        <v>36</v>
      </c>
      <c r="Z34789">
        <v>37</v>
      </c>
      <c r="AA34789">
        <v>37</v>
      </c>
      <c r="AB34789">
        <v>38</v>
      </c>
      <c r="AC34789">
        <v>39</v>
      </c>
      <c r="AD34789">
        <v>39</v>
      </c>
      <c r="AE34789">
        <v>40</v>
      </c>
      <c r="AF34789">
        <v>41</v>
      </c>
      <c r="AG34789">
        <v>41</v>
      </c>
      <c r="AH34789">
        <v>42</v>
      </c>
      <c r="AI34789">
        <v>43</v>
      </c>
      <c r="AJ34789">
        <v>43</v>
      </c>
      <c r="AK34789">
        <v>44</v>
      </c>
      <c r="AL34789">
        <v>44</v>
      </c>
      <c r="AM34789">
        <v>45</v>
      </c>
      <c r="AN34789">
        <v>45</v>
      </c>
      <c r="AO34789">
        <v>45</v>
      </c>
      <c r="AP34789">
        <v>46</v>
      </c>
      <c r="AQ34789">
        <v>46</v>
      </c>
    </row>
    <row r="34790" spans="1:43">
      <c r="A34790" t="s">
        <v>21565</v>
      </c>
      <c r="B34790" t="s">
        <v>21566</v>
      </c>
      <c r="C34790" t="s">
        <v>21561</v>
      </c>
      <c r="D34790" t="s">
        <v>21562</v>
      </c>
      <c r="E34790" t="s">
        <v>21557</v>
      </c>
      <c r="F34790" t="s">
        <v>21558</v>
      </c>
      <c r="G34790" t="s">
        <v>20255</v>
      </c>
      <c r="H34790" t="s">
        <v>20256</v>
      </c>
      <c r="I34790" s="2">
        <v>1</v>
      </c>
      <c r="J34790" s="2">
        <v>0</v>
      </c>
      <c r="K34790" s="2">
        <v>0</v>
      </c>
      <c r="L34790" t="s">
        <v>120</v>
      </c>
      <c r="M34790" t="s">
        <v>83</v>
      </c>
      <c r="N34790" t="s">
        <v>84</v>
      </c>
      <c r="O34790" t="s">
        <v>85</v>
      </c>
      <c r="P34790" t="s">
        <v>86</v>
      </c>
      <c r="Q34790">
        <v>44</v>
      </c>
      <c r="R34790">
        <v>45</v>
      </c>
      <c r="S34790">
        <v>46</v>
      </c>
      <c r="T34790">
        <v>47</v>
      </c>
      <c r="U34790">
        <v>48</v>
      </c>
      <c r="V34790">
        <v>48</v>
      </c>
      <c r="W34790">
        <v>49</v>
      </c>
      <c r="X34790">
        <v>50</v>
      </c>
      <c r="Y34790">
        <v>51</v>
      </c>
      <c r="Z34790">
        <v>52</v>
      </c>
      <c r="AA34790">
        <v>53</v>
      </c>
      <c r="AB34790">
        <v>53</v>
      </c>
      <c r="AC34790">
        <v>54</v>
      </c>
      <c r="AD34790">
        <v>55</v>
      </c>
      <c r="AE34790">
        <v>56</v>
      </c>
      <c r="AF34790">
        <v>57</v>
      </c>
      <c r="AG34790">
        <v>58</v>
      </c>
      <c r="AH34790">
        <v>59</v>
      </c>
      <c r="AI34790">
        <v>59</v>
      </c>
      <c r="AJ34790">
        <v>60</v>
      </c>
      <c r="AK34790">
        <v>61</v>
      </c>
      <c r="AL34790">
        <v>62</v>
      </c>
      <c r="AM34790">
        <v>62</v>
      </c>
      <c r="AN34790">
        <v>62</v>
      </c>
      <c r="AO34790">
        <v>63</v>
      </c>
      <c r="AP34790">
        <v>63</v>
      </c>
      <c r="AQ34790">
        <v>63</v>
      </c>
    </row>
    <row r="34791" spans="1:43">
      <c r="A34791" t="s">
        <v>21565</v>
      </c>
      <c r="B34791" t="s">
        <v>21566</v>
      </c>
      <c r="C34791" t="s">
        <v>21561</v>
      </c>
      <c r="D34791" t="s">
        <v>21562</v>
      </c>
      <c r="E34791" t="s">
        <v>21557</v>
      </c>
      <c r="F34791" t="s">
        <v>21558</v>
      </c>
      <c r="G34791" t="s">
        <v>20255</v>
      </c>
      <c r="H34791" t="s">
        <v>20256</v>
      </c>
      <c r="I34791" s="2">
        <v>1</v>
      </c>
      <c r="J34791" s="2">
        <v>0</v>
      </c>
      <c r="K34791" s="2">
        <v>0</v>
      </c>
      <c r="L34791" t="s">
        <v>120</v>
      </c>
      <c r="M34791" t="s">
        <v>87</v>
      </c>
      <c r="N34791" t="s">
        <v>88</v>
      </c>
      <c r="O34791" t="s">
        <v>85</v>
      </c>
      <c r="P34791" t="s">
        <v>86</v>
      </c>
      <c r="Q34791">
        <v>44</v>
      </c>
      <c r="R34791">
        <v>44</v>
      </c>
      <c r="S34791">
        <v>45</v>
      </c>
      <c r="T34791">
        <v>45</v>
      </c>
      <c r="U34791">
        <v>46</v>
      </c>
      <c r="V34791">
        <v>46</v>
      </c>
      <c r="W34791">
        <v>46</v>
      </c>
      <c r="X34791">
        <v>47</v>
      </c>
      <c r="Y34791">
        <v>47</v>
      </c>
      <c r="Z34791">
        <v>48</v>
      </c>
      <c r="AA34791">
        <v>48</v>
      </c>
      <c r="AB34791">
        <v>48</v>
      </c>
      <c r="AC34791">
        <v>49</v>
      </c>
      <c r="AD34791">
        <v>49</v>
      </c>
      <c r="AE34791">
        <v>50</v>
      </c>
      <c r="AF34791">
        <v>50</v>
      </c>
      <c r="AG34791">
        <v>50</v>
      </c>
      <c r="AH34791">
        <v>51</v>
      </c>
      <c r="AI34791">
        <v>51</v>
      </c>
      <c r="AJ34791">
        <v>52</v>
      </c>
      <c r="AK34791">
        <v>52</v>
      </c>
      <c r="AL34791">
        <v>53</v>
      </c>
      <c r="AM34791">
        <v>53</v>
      </c>
      <c r="AN34791">
        <v>54</v>
      </c>
      <c r="AO34791">
        <v>54</v>
      </c>
      <c r="AP34791">
        <v>54</v>
      </c>
      <c r="AQ34791">
        <v>55</v>
      </c>
    </row>
    <row r="34792" spans="1:43">
      <c r="A34792" t="s">
        <v>21565</v>
      </c>
      <c r="B34792" t="s">
        <v>21566</v>
      </c>
      <c r="C34792" t="s">
        <v>21561</v>
      </c>
      <c r="D34792" t="s">
        <v>21562</v>
      </c>
      <c r="E34792" t="s">
        <v>21557</v>
      </c>
      <c r="F34792" t="s">
        <v>21558</v>
      </c>
      <c r="G34792" t="s">
        <v>20255</v>
      </c>
      <c r="H34792" t="s">
        <v>20256</v>
      </c>
      <c r="I34792" s="2">
        <v>1</v>
      </c>
      <c r="J34792" s="2">
        <v>0</v>
      </c>
      <c r="K34792" s="2">
        <v>0</v>
      </c>
      <c r="L34792" t="s">
        <v>120</v>
      </c>
      <c r="M34792" t="s">
        <v>89</v>
      </c>
      <c r="N34792" t="s">
        <v>90</v>
      </c>
      <c r="O34792" t="s">
        <v>85</v>
      </c>
      <c r="P34792" t="s">
        <v>86</v>
      </c>
      <c r="Q34792">
        <v>44</v>
      </c>
      <c r="R34792">
        <v>45</v>
      </c>
      <c r="S34792">
        <v>46</v>
      </c>
      <c r="T34792">
        <v>47</v>
      </c>
      <c r="U34792">
        <v>48</v>
      </c>
      <c r="V34792">
        <v>50</v>
      </c>
      <c r="W34792">
        <v>51</v>
      </c>
      <c r="X34792">
        <v>52</v>
      </c>
      <c r="Y34792">
        <v>53</v>
      </c>
      <c r="Z34792">
        <v>54</v>
      </c>
      <c r="AA34792">
        <v>55</v>
      </c>
      <c r="AB34792">
        <v>56</v>
      </c>
      <c r="AC34792">
        <v>57</v>
      </c>
      <c r="AD34792">
        <v>58</v>
      </c>
      <c r="AE34792">
        <v>59</v>
      </c>
      <c r="AF34792">
        <v>59</v>
      </c>
      <c r="AG34792">
        <v>60</v>
      </c>
      <c r="AH34792">
        <v>60</v>
      </c>
      <c r="AI34792">
        <v>60</v>
      </c>
      <c r="AJ34792">
        <v>61</v>
      </c>
      <c r="AK34792">
        <v>61</v>
      </c>
      <c r="AL34792">
        <v>61</v>
      </c>
      <c r="AM34792">
        <v>62</v>
      </c>
      <c r="AN34792">
        <v>62</v>
      </c>
      <c r="AO34792">
        <v>62</v>
      </c>
      <c r="AP34792">
        <v>63</v>
      </c>
      <c r="AQ34792">
        <v>63</v>
      </c>
    </row>
    <row r="34793" spans="1:43">
      <c r="A34793" t="s">
        <v>21565</v>
      </c>
      <c r="B34793" t="s">
        <v>21566</v>
      </c>
      <c r="C34793" t="s">
        <v>21561</v>
      </c>
      <c r="D34793" t="s">
        <v>21562</v>
      </c>
      <c r="E34793" t="s">
        <v>21557</v>
      </c>
      <c r="F34793" t="s">
        <v>21558</v>
      </c>
      <c r="G34793" t="s">
        <v>20255</v>
      </c>
      <c r="H34793" t="s">
        <v>20256</v>
      </c>
      <c r="I34793" s="2">
        <v>1</v>
      </c>
      <c r="J34793" s="2">
        <v>0</v>
      </c>
      <c r="K34793" s="2">
        <v>0</v>
      </c>
      <c r="L34793" t="s">
        <v>120</v>
      </c>
      <c r="M34793" t="s">
        <v>83</v>
      </c>
      <c r="N34793" t="s">
        <v>91</v>
      </c>
      <c r="O34793" t="s">
        <v>85</v>
      </c>
      <c r="P34793" t="s">
        <v>86</v>
      </c>
      <c r="Q34793">
        <v>44</v>
      </c>
      <c r="R34793">
        <v>45</v>
      </c>
      <c r="S34793">
        <v>46</v>
      </c>
      <c r="T34793">
        <v>47</v>
      </c>
      <c r="U34793">
        <v>48</v>
      </c>
      <c r="V34793">
        <v>48</v>
      </c>
      <c r="W34793">
        <v>49</v>
      </c>
      <c r="X34793">
        <v>50</v>
      </c>
      <c r="Y34793">
        <v>51</v>
      </c>
      <c r="Z34793">
        <v>52</v>
      </c>
      <c r="AA34793">
        <v>53</v>
      </c>
      <c r="AB34793">
        <v>53</v>
      </c>
      <c r="AC34793">
        <v>54</v>
      </c>
      <c r="AD34793">
        <v>55</v>
      </c>
      <c r="AE34793">
        <v>56</v>
      </c>
      <c r="AF34793">
        <v>57</v>
      </c>
      <c r="AG34793">
        <v>58</v>
      </c>
      <c r="AH34793">
        <v>59</v>
      </c>
      <c r="AI34793">
        <v>59</v>
      </c>
      <c r="AJ34793">
        <v>60</v>
      </c>
      <c r="AK34793">
        <v>61</v>
      </c>
      <c r="AL34793">
        <v>62</v>
      </c>
      <c r="AM34793">
        <v>62</v>
      </c>
      <c r="AN34793">
        <v>62</v>
      </c>
      <c r="AO34793">
        <v>63</v>
      </c>
      <c r="AP34793">
        <v>63</v>
      </c>
      <c r="AQ34793">
        <v>63</v>
      </c>
    </row>
    <row r="34794" spans="1:43">
      <c r="A34794" t="s">
        <v>21567</v>
      </c>
      <c r="B34794" t="s">
        <v>21568</v>
      </c>
      <c r="C34794" t="s">
        <v>21561</v>
      </c>
      <c r="D34794" t="s">
        <v>21562</v>
      </c>
      <c r="E34794" t="s">
        <v>21557</v>
      </c>
      <c r="F34794" t="s">
        <v>21558</v>
      </c>
      <c r="G34794" t="s">
        <v>20255</v>
      </c>
      <c r="H34794" t="s">
        <v>20256</v>
      </c>
      <c r="I34794" s="2">
        <v>1</v>
      </c>
      <c r="J34794" s="2">
        <v>0</v>
      </c>
      <c r="K34794" s="2">
        <v>0</v>
      </c>
      <c r="L34794" t="s">
        <v>120</v>
      </c>
      <c r="M34794" t="s">
        <v>83</v>
      </c>
      <c r="N34794" t="s">
        <v>84</v>
      </c>
      <c r="O34794" t="s">
        <v>85</v>
      </c>
      <c r="P34794" t="s">
        <v>86</v>
      </c>
      <c r="Q34794">
        <v>23</v>
      </c>
      <c r="R34794">
        <v>23</v>
      </c>
      <c r="S34794">
        <v>23</v>
      </c>
      <c r="T34794">
        <v>24</v>
      </c>
      <c r="U34794">
        <v>24</v>
      </c>
      <c r="V34794">
        <v>25</v>
      </c>
      <c r="W34794">
        <v>25</v>
      </c>
      <c r="X34794">
        <v>26</v>
      </c>
      <c r="Y34794">
        <v>26</v>
      </c>
      <c r="Z34794">
        <v>26</v>
      </c>
      <c r="AA34794">
        <v>27</v>
      </c>
      <c r="AB34794">
        <v>27</v>
      </c>
      <c r="AC34794">
        <v>28</v>
      </c>
      <c r="AD34794">
        <v>28</v>
      </c>
      <c r="AE34794">
        <v>28</v>
      </c>
      <c r="AF34794">
        <v>29</v>
      </c>
      <c r="AG34794">
        <v>29</v>
      </c>
      <c r="AH34794">
        <v>30</v>
      </c>
      <c r="AI34794">
        <v>30</v>
      </c>
      <c r="AJ34794">
        <v>31</v>
      </c>
      <c r="AK34794">
        <v>31</v>
      </c>
      <c r="AL34794">
        <v>31</v>
      </c>
      <c r="AM34794">
        <v>32</v>
      </c>
      <c r="AN34794">
        <v>32</v>
      </c>
      <c r="AO34794">
        <v>32</v>
      </c>
      <c r="AP34794">
        <v>32</v>
      </c>
      <c r="AQ34794">
        <v>32</v>
      </c>
    </row>
    <row r="34795" spans="1:43">
      <c r="A34795" t="s">
        <v>21567</v>
      </c>
      <c r="B34795" t="s">
        <v>21568</v>
      </c>
      <c r="C34795" t="s">
        <v>21561</v>
      </c>
      <c r="D34795" t="s">
        <v>21562</v>
      </c>
      <c r="E34795" t="s">
        <v>21557</v>
      </c>
      <c r="F34795" t="s">
        <v>21558</v>
      </c>
      <c r="G34795" t="s">
        <v>20255</v>
      </c>
      <c r="H34795" t="s">
        <v>20256</v>
      </c>
      <c r="I34795" s="2">
        <v>1</v>
      </c>
      <c r="J34795" s="2">
        <v>0</v>
      </c>
      <c r="K34795" s="2">
        <v>0</v>
      </c>
      <c r="L34795" t="s">
        <v>120</v>
      </c>
      <c r="M34795" t="s">
        <v>87</v>
      </c>
      <c r="N34795" t="s">
        <v>88</v>
      </c>
      <c r="O34795" t="s">
        <v>85</v>
      </c>
      <c r="P34795" t="s">
        <v>86</v>
      </c>
      <c r="Q34795">
        <v>23</v>
      </c>
      <c r="R34795">
        <v>24</v>
      </c>
      <c r="S34795">
        <v>24</v>
      </c>
      <c r="T34795">
        <v>24</v>
      </c>
      <c r="U34795">
        <v>24</v>
      </c>
      <c r="V34795">
        <v>24</v>
      </c>
      <c r="W34795">
        <v>25</v>
      </c>
      <c r="X34795">
        <v>25</v>
      </c>
      <c r="Y34795">
        <v>25</v>
      </c>
      <c r="Z34795">
        <v>25</v>
      </c>
      <c r="AA34795">
        <v>25</v>
      </c>
      <c r="AB34795">
        <v>26</v>
      </c>
      <c r="AC34795">
        <v>26</v>
      </c>
      <c r="AD34795">
        <v>26</v>
      </c>
      <c r="AE34795">
        <v>26</v>
      </c>
      <c r="AF34795">
        <v>26</v>
      </c>
      <c r="AG34795">
        <v>27</v>
      </c>
      <c r="AH34795">
        <v>27</v>
      </c>
      <c r="AI34795">
        <v>27</v>
      </c>
      <c r="AJ34795">
        <v>27</v>
      </c>
      <c r="AK34795">
        <v>28</v>
      </c>
      <c r="AL34795">
        <v>28</v>
      </c>
      <c r="AM34795">
        <v>28</v>
      </c>
      <c r="AN34795">
        <v>28</v>
      </c>
      <c r="AO34795">
        <v>28</v>
      </c>
      <c r="AP34795">
        <v>29</v>
      </c>
      <c r="AQ34795">
        <v>29</v>
      </c>
    </row>
    <row r="34796" spans="1:43">
      <c r="A34796" t="s">
        <v>21567</v>
      </c>
      <c r="B34796" t="s">
        <v>21568</v>
      </c>
      <c r="C34796" t="s">
        <v>21561</v>
      </c>
      <c r="D34796" t="s">
        <v>21562</v>
      </c>
      <c r="E34796" t="s">
        <v>21557</v>
      </c>
      <c r="F34796" t="s">
        <v>21558</v>
      </c>
      <c r="G34796" t="s">
        <v>20255</v>
      </c>
      <c r="H34796" t="s">
        <v>20256</v>
      </c>
      <c r="I34796" s="2">
        <v>1</v>
      </c>
      <c r="J34796" s="2">
        <v>0</v>
      </c>
      <c r="K34796" s="2">
        <v>0</v>
      </c>
      <c r="L34796" t="s">
        <v>120</v>
      </c>
      <c r="M34796" t="s">
        <v>89</v>
      </c>
      <c r="N34796" t="s">
        <v>90</v>
      </c>
      <c r="O34796" t="s">
        <v>85</v>
      </c>
      <c r="P34796" t="s">
        <v>86</v>
      </c>
      <c r="Q34796">
        <v>23</v>
      </c>
      <c r="R34796">
        <v>23</v>
      </c>
      <c r="S34796">
        <v>24</v>
      </c>
      <c r="T34796">
        <v>25</v>
      </c>
      <c r="U34796">
        <v>25</v>
      </c>
      <c r="V34796">
        <v>26</v>
      </c>
      <c r="W34796">
        <v>26</v>
      </c>
      <c r="X34796">
        <v>27</v>
      </c>
      <c r="Y34796">
        <v>27</v>
      </c>
      <c r="Z34796">
        <v>28</v>
      </c>
      <c r="AA34796">
        <v>29</v>
      </c>
      <c r="AB34796">
        <v>29</v>
      </c>
      <c r="AC34796">
        <v>30</v>
      </c>
      <c r="AD34796">
        <v>30</v>
      </c>
      <c r="AE34796">
        <v>31</v>
      </c>
      <c r="AF34796">
        <v>31</v>
      </c>
      <c r="AG34796">
        <v>31</v>
      </c>
      <c r="AH34796">
        <v>31</v>
      </c>
      <c r="AI34796">
        <v>31</v>
      </c>
      <c r="AJ34796">
        <v>31</v>
      </c>
      <c r="AK34796">
        <v>32</v>
      </c>
      <c r="AL34796">
        <v>32</v>
      </c>
      <c r="AM34796">
        <v>32</v>
      </c>
      <c r="AN34796">
        <v>32</v>
      </c>
      <c r="AO34796">
        <v>32</v>
      </c>
      <c r="AP34796">
        <v>32</v>
      </c>
      <c r="AQ34796">
        <v>33</v>
      </c>
    </row>
    <row r="34797" spans="1:43">
      <c r="A34797" t="s">
        <v>21567</v>
      </c>
      <c r="B34797" t="s">
        <v>21568</v>
      </c>
      <c r="C34797" t="s">
        <v>21561</v>
      </c>
      <c r="D34797" t="s">
        <v>21562</v>
      </c>
      <c r="E34797" t="s">
        <v>21557</v>
      </c>
      <c r="F34797" t="s">
        <v>21558</v>
      </c>
      <c r="G34797" t="s">
        <v>20255</v>
      </c>
      <c r="H34797" t="s">
        <v>20256</v>
      </c>
      <c r="I34797" s="2">
        <v>1</v>
      </c>
      <c r="J34797" s="2">
        <v>0</v>
      </c>
      <c r="K34797" s="2">
        <v>0</v>
      </c>
      <c r="L34797" t="s">
        <v>120</v>
      </c>
      <c r="M34797" t="s">
        <v>83</v>
      </c>
      <c r="N34797" t="s">
        <v>91</v>
      </c>
      <c r="O34797" t="s">
        <v>85</v>
      </c>
      <c r="P34797" t="s">
        <v>86</v>
      </c>
      <c r="Q34797">
        <v>23</v>
      </c>
      <c r="R34797">
        <v>23</v>
      </c>
      <c r="S34797">
        <v>23</v>
      </c>
      <c r="T34797">
        <v>24</v>
      </c>
      <c r="U34797">
        <v>24</v>
      </c>
      <c r="V34797">
        <v>25</v>
      </c>
      <c r="W34797">
        <v>25</v>
      </c>
      <c r="X34797">
        <v>26</v>
      </c>
      <c r="Y34797">
        <v>26</v>
      </c>
      <c r="Z34797">
        <v>26</v>
      </c>
      <c r="AA34797">
        <v>27</v>
      </c>
      <c r="AB34797">
        <v>27</v>
      </c>
      <c r="AC34797">
        <v>28</v>
      </c>
      <c r="AD34797">
        <v>28</v>
      </c>
      <c r="AE34797">
        <v>28</v>
      </c>
      <c r="AF34797">
        <v>29</v>
      </c>
      <c r="AG34797">
        <v>29</v>
      </c>
      <c r="AH34797">
        <v>30</v>
      </c>
      <c r="AI34797">
        <v>30</v>
      </c>
      <c r="AJ34797">
        <v>31</v>
      </c>
      <c r="AK34797">
        <v>31</v>
      </c>
      <c r="AL34797">
        <v>31</v>
      </c>
      <c r="AM34797">
        <v>32</v>
      </c>
      <c r="AN34797">
        <v>32</v>
      </c>
      <c r="AO34797">
        <v>32</v>
      </c>
      <c r="AP34797">
        <v>32</v>
      </c>
      <c r="AQ34797">
        <v>32</v>
      </c>
    </row>
    <row r="34798" spans="1:43">
      <c r="A34798" t="s">
        <v>21569</v>
      </c>
      <c r="B34798" t="s">
        <v>21570</v>
      </c>
      <c r="C34798" t="s">
        <v>21571</v>
      </c>
      <c r="D34798" t="s">
        <v>21572</v>
      </c>
      <c r="E34798" t="s">
        <v>21557</v>
      </c>
      <c r="F34798" t="s">
        <v>21558</v>
      </c>
      <c r="G34798" t="s">
        <v>20255</v>
      </c>
      <c r="H34798" t="s">
        <v>20256</v>
      </c>
      <c r="I34798" s="2">
        <v>1</v>
      </c>
      <c r="J34798" s="2">
        <v>0</v>
      </c>
      <c r="K34798" s="2">
        <v>0</v>
      </c>
      <c r="L34798" t="s">
        <v>120</v>
      </c>
      <c r="M34798" t="s">
        <v>83</v>
      </c>
      <c r="N34798" t="s">
        <v>84</v>
      </c>
      <c r="O34798" t="s">
        <v>85</v>
      </c>
      <c r="P34798" t="s">
        <v>86</v>
      </c>
      <c r="Q34798">
        <v>41</v>
      </c>
      <c r="R34798">
        <v>42</v>
      </c>
      <c r="S34798">
        <v>43</v>
      </c>
      <c r="T34798">
        <v>44</v>
      </c>
      <c r="U34798">
        <v>45</v>
      </c>
      <c r="V34798">
        <v>45</v>
      </c>
      <c r="W34798">
        <v>46</v>
      </c>
      <c r="X34798">
        <v>47</v>
      </c>
      <c r="Y34798">
        <v>48</v>
      </c>
      <c r="Z34798">
        <v>49</v>
      </c>
      <c r="AA34798">
        <v>50</v>
      </c>
      <c r="AB34798">
        <v>50</v>
      </c>
      <c r="AC34798">
        <v>51</v>
      </c>
      <c r="AD34798">
        <v>52</v>
      </c>
      <c r="AE34798">
        <v>53</v>
      </c>
      <c r="AF34798">
        <v>54</v>
      </c>
      <c r="AG34798">
        <v>55</v>
      </c>
      <c r="AH34798">
        <v>55</v>
      </c>
      <c r="AI34798">
        <v>56</v>
      </c>
      <c r="AJ34798">
        <v>57</v>
      </c>
      <c r="AK34798">
        <v>58</v>
      </c>
      <c r="AL34798">
        <v>59</v>
      </c>
      <c r="AM34798">
        <v>59</v>
      </c>
      <c r="AN34798">
        <v>59</v>
      </c>
      <c r="AO34798">
        <v>60</v>
      </c>
      <c r="AP34798">
        <v>60</v>
      </c>
      <c r="AQ34798">
        <v>60</v>
      </c>
    </row>
    <row r="34799" spans="1:43">
      <c r="A34799" t="s">
        <v>21569</v>
      </c>
      <c r="B34799" t="s">
        <v>21570</v>
      </c>
      <c r="C34799" t="s">
        <v>21571</v>
      </c>
      <c r="D34799" t="s">
        <v>21572</v>
      </c>
      <c r="E34799" t="s">
        <v>21557</v>
      </c>
      <c r="F34799" t="s">
        <v>21558</v>
      </c>
      <c r="G34799" t="s">
        <v>20255</v>
      </c>
      <c r="H34799" t="s">
        <v>20256</v>
      </c>
      <c r="I34799" s="2">
        <v>1</v>
      </c>
      <c r="J34799" s="2">
        <v>0</v>
      </c>
      <c r="K34799" s="2">
        <v>0</v>
      </c>
      <c r="L34799" t="s">
        <v>120</v>
      </c>
      <c r="M34799" t="s">
        <v>87</v>
      </c>
      <c r="N34799" t="s">
        <v>88</v>
      </c>
      <c r="O34799" t="s">
        <v>85</v>
      </c>
      <c r="P34799" t="s">
        <v>86</v>
      </c>
      <c r="Q34799">
        <v>41</v>
      </c>
      <c r="R34799">
        <v>41</v>
      </c>
      <c r="S34799">
        <v>42</v>
      </c>
      <c r="T34799">
        <v>42</v>
      </c>
      <c r="U34799">
        <v>43</v>
      </c>
      <c r="V34799">
        <v>43</v>
      </c>
      <c r="W34799">
        <v>43</v>
      </c>
      <c r="X34799">
        <v>44</v>
      </c>
      <c r="Y34799">
        <v>44</v>
      </c>
      <c r="Z34799">
        <v>45</v>
      </c>
      <c r="AA34799">
        <v>45</v>
      </c>
      <c r="AB34799">
        <v>46</v>
      </c>
      <c r="AC34799">
        <v>46</v>
      </c>
      <c r="AD34799">
        <v>47</v>
      </c>
      <c r="AE34799">
        <v>47</v>
      </c>
      <c r="AF34799">
        <v>47</v>
      </c>
      <c r="AG34799">
        <v>48</v>
      </c>
      <c r="AH34799">
        <v>48</v>
      </c>
      <c r="AI34799">
        <v>49</v>
      </c>
      <c r="AJ34799">
        <v>49</v>
      </c>
      <c r="AK34799">
        <v>50</v>
      </c>
      <c r="AL34799">
        <v>50</v>
      </c>
      <c r="AM34799">
        <v>51</v>
      </c>
      <c r="AN34799">
        <v>51</v>
      </c>
      <c r="AO34799">
        <v>52</v>
      </c>
      <c r="AP34799">
        <v>52</v>
      </c>
      <c r="AQ34799">
        <v>53</v>
      </c>
    </row>
    <row r="34800" spans="1:43">
      <c r="A34800" t="s">
        <v>21569</v>
      </c>
      <c r="B34800" t="s">
        <v>21570</v>
      </c>
      <c r="C34800" t="s">
        <v>21571</v>
      </c>
      <c r="D34800" t="s">
        <v>21572</v>
      </c>
      <c r="E34800" t="s">
        <v>21557</v>
      </c>
      <c r="F34800" t="s">
        <v>21558</v>
      </c>
      <c r="G34800" t="s">
        <v>20255</v>
      </c>
      <c r="H34800" t="s">
        <v>20256</v>
      </c>
      <c r="I34800" s="2">
        <v>1</v>
      </c>
      <c r="J34800" s="2">
        <v>0</v>
      </c>
      <c r="K34800" s="2">
        <v>0</v>
      </c>
      <c r="L34800" t="s">
        <v>120</v>
      </c>
      <c r="M34800" t="s">
        <v>89</v>
      </c>
      <c r="N34800" t="s">
        <v>90</v>
      </c>
      <c r="O34800" t="s">
        <v>85</v>
      </c>
      <c r="P34800" t="s">
        <v>86</v>
      </c>
      <c r="Q34800">
        <v>41</v>
      </c>
      <c r="R34800">
        <v>42</v>
      </c>
      <c r="S34800">
        <v>43</v>
      </c>
      <c r="T34800">
        <v>44</v>
      </c>
      <c r="U34800">
        <v>45</v>
      </c>
      <c r="V34800">
        <v>46</v>
      </c>
      <c r="W34800">
        <v>48</v>
      </c>
      <c r="X34800">
        <v>49</v>
      </c>
      <c r="Y34800">
        <v>50</v>
      </c>
      <c r="Z34800">
        <v>51</v>
      </c>
      <c r="AA34800">
        <v>52</v>
      </c>
      <c r="AB34800">
        <v>53</v>
      </c>
      <c r="AC34800">
        <v>54</v>
      </c>
      <c r="AD34800">
        <v>55</v>
      </c>
      <c r="AE34800">
        <v>56</v>
      </c>
      <c r="AF34800">
        <v>56</v>
      </c>
      <c r="AG34800">
        <v>56</v>
      </c>
      <c r="AH34800">
        <v>57</v>
      </c>
      <c r="AI34800">
        <v>57</v>
      </c>
      <c r="AJ34800">
        <v>57</v>
      </c>
      <c r="AK34800">
        <v>58</v>
      </c>
      <c r="AL34800">
        <v>58</v>
      </c>
      <c r="AM34800">
        <v>58</v>
      </c>
      <c r="AN34800">
        <v>59</v>
      </c>
      <c r="AO34800">
        <v>59</v>
      </c>
      <c r="AP34800">
        <v>60</v>
      </c>
      <c r="AQ34800">
        <v>60</v>
      </c>
    </row>
    <row r="34801" spans="1:43">
      <c r="A34801" t="s">
        <v>21569</v>
      </c>
      <c r="B34801" t="s">
        <v>21570</v>
      </c>
      <c r="C34801" t="s">
        <v>21571</v>
      </c>
      <c r="D34801" t="s">
        <v>21572</v>
      </c>
      <c r="E34801" t="s">
        <v>21557</v>
      </c>
      <c r="F34801" t="s">
        <v>21558</v>
      </c>
      <c r="G34801" t="s">
        <v>20255</v>
      </c>
      <c r="H34801" t="s">
        <v>20256</v>
      </c>
      <c r="I34801" s="2">
        <v>1</v>
      </c>
      <c r="J34801" s="2">
        <v>0</v>
      </c>
      <c r="K34801" s="2">
        <v>0</v>
      </c>
      <c r="L34801" t="s">
        <v>120</v>
      </c>
      <c r="M34801" t="s">
        <v>83</v>
      </c>
      <c r="N34801" t="s">
        <v>91</v>
      </c>
      <c r="O34801" t="s">
        <v>85</v>
      </c>
      <c r="P34801" t="s">
        <v>86</v>
      </c>
      <c r="Q34801">
        <v>41</v>
      </c>
      <c r="R34801">
        <v>42</v>
      </c>
      <c r="S34801">
        <v>43</v>
      </c>
      <c r="T34801">
        <v>44</v>
      </c>
      <c r="U34801">
        <v>45</v>
      </c>
      <c r="V34801">
        <v>45</v>
      </c>
      <c r="W34801">
        <v>46</v>
      </c>
      <c r="X34801">
        <v>47</v>
      </c>
      <c r="Y34801">
        <v>48</v>
      </c>
      <c r="Z34801">
        <v>49</v>
      </c>
      <c r="AA34801">
        <v>50</v>
      </c>
      <c r="AB34801">
        <v>50</v>
      </c>
      <c r="AC34801">
        <v>51</v>
      </c>
      <c r="AD34801">
        <v>52</v>
      </c>
      <c r="AE34801">
        <v>53</v>
      </c>
      <c r="AF34801">
        <v>54</v>
      </c>
      <c r="AG34801">
        <v>55</v>
      </c>
      <c r="AH34801">
        <v>55</v>
      </c>
      <c r="AI34801">
        <v>56</v>
      </c>
      <c r="AJ34801">
        <v>57</v>
      </c>
      <c r="AK34801">
        <v>58</v>
      </c>
      <c r="AL34801">
        <v>59</v>
      </c>
      <c r="AM34801">
        <v>59</v>
      </c>
      <c r="AN34801">
        <v>59</v>
      </c>
      <c r="AO34801">
        <v>60</v>
      </c>
      <c r="AP34801">
        <v>60</v>
      </c>
      <c r="AQ34801">
        <v>60</v>
      </c>
    </row>
    <row r="34802" spans="1:43">
      <c r="A34802" t="s">
        <v>21573</v>
      </c>
      <c r="B34802" t="s">
        <v>21574</v>
      </c>
      <c r="C34802" t="s">
        <v>21575</v>
      </c>
      <c r="D34802" t="s">
        <v>21576</v>
      </c>
      <c r="E34802" t="s">
        <v>21557</v>
      </c>
      <c r="F34802" t="s">
        <v>21558</v>
      </c>
      <c r="G34802" t="s">
        <v>20255</v>
      </c>
      <c r="H34802" t="s">
        <v>20256</v>
      </c>
      <c r="I34802" s="2">
        <v>1</v>
      </c>
      <c r="J34802" s="2">
        <v>0</v>
      </c>
      <c r="K34802" s="2">
        <v>0</v>
      </c>
      <c r="L34802" t="s">
        <v>120</v>
      </c>
      <c r="M34802" t="s">
        <v>83</v>
      </c>
      <c r="N34802" t="s">
        <v>84</v>
      </c>
      <c r="O34802" t="s">
        <v>85</v>
      </c>
      <c r="P34802" t="s">
        <v>86</v>
      </c>
      <c r="Q34802">
        <v>38</v>
      </c>
      <c r="R34802">
        <v>39</v>
      </c>
      <c r="S34802">
        <v>39</v>
      </c>
      <c r="T34802">
        <v>40</v>
      </c>
      <c r="U34802">
        <v>41</v>
      </c>
      <c r="V34802">
        <v>42</v>
      </c>
      <c r="W34802">
        <v>42</v>
      </c>
      <c r="X34802">
        <v>43</v>
      </c>
      <c r="Y34802">
        <v>44</v>
      </c>
      <c r="Z34802">
        <v>45</v>
      </c>
      <c r="AA34802">
        <v>45</v>
      </c>
      <c r="AB34802">
        <v>46</v>
      </c>
      <c r="AC34802">
        <v>47</v>
      </c>
      <c r="AD34802">
        <v>48</v>
      </c>
      <c r="AE34802">
        <v>48</v>
      </c>
      <c r="AF34802">
        <v>49</v>
      </c>
      <c r="AG34802">
        <v>50</v>
      </c>
      <c r="AH34802">
        <v>51</v>
      </c>
      <c r="AI34802">
        <v>52</v>
      </c>
      <c r="AJ34802">
        <v>52</v>
      </c>
      <c r="AK34802">
        <v>53</v>
      </c>
      <c r="AL34802">
        <v>54</v>
      </c>
      <c r="AM34802">
        <v>54</v>
      </c>
      <c r="AN34802">
        <v>54</v>
      </c>
      <c r="AO34802">
        <v>55</v>
      </c>
      <c r="AP34802">
        <v>55</v>
      </c>
      <c r="AQ34802">
        <v>55</v>
      </c>
    </row>
    <row r="34803" spans="1:43">
      <c r="A34803" t="s">
        <v>21573</v>
      </c>
      <c r="B34803" t="s">
        <v>21574</v>
      </c>
      <c r="C34803" t="s">
        <v>21575</v>
      </c>
      <c r="D34803" t="s">
        <v>21576</v>
      </c>
      <c r="E34803" t="s">
        <v>21557</v>
      </c>
      <c r="F34803" t="s">
        <v>21558</v>
      </c>
      <c r="G34803" t="s">
        <v>20255</v>
      </c>
      <c r="H34803" t="s">
        <v>20256</v>
      </c>
      <c r="I34803" s="2">
        <v>1</v>
      </c>
      <c r="J34803" s="2">
        <v>0</v>
      </c>
      <c r="K34803" s="2">
        <v>0</v>
      </c>
      <c r="L34803" t="s">
        <v>120</v>
      </c>
      <c r="M34803" t="s">
        <v>87</v>
      </c>
      <c r="N34803" t="s">
        <v>88</v>
      </c>
      <c r="O34803" t="s">
        <v>85</v>
      </c>
      <c r="P34803" t="s">
        <v>86</v>
      </c>
      <c r="Q34803">
        <v>38</v>
      </c>
      <c r="R34803">
        <v>38</v>
      </c>
      <c r="S34803">
        <v>38</v>
      </c>
      <c r="T34803">
        <v>39</v>
      </c>
      <c r="U34803">
        <v>39</v>
      </c>
      <c r="V34803">
        <v>39</v>
      </c>
      <c r="W34803">
        <v>40</v>
      </c>
      <c r="X34803">
        <v>40</v>
      </c>
      <c r="Y34803">
        <v>41</v>
      </c>
      <c r="Z34803">
        <v>41</v>
      </c>
      <c r="AA34803">
        <v>41</v>
      </c>
      <c r="AB34803">
        <v>42</v>
      </c>
      <c r="AC34803">
        <v>42</v>
      </c>
      <c r="AD34803">
        <v>42</v>
      </c>
      <c r="AE34803">
        <v>43</v>
      </c>
      <c r="AF34803">
        <v>43</v>
      </c>
      <c r="AG34803">
        <v>44</v>
      </c>
      <c r="AH34803">
        <v>44</v>
      </c>
      <c r="AI34803">
        <v>44</v>
      </c>
      <c r="AJ34803">
        <v>45</v>
      </c>
      <c r="AK34803">
        <v>45</v>
      </c>
      <c r="AL34803">
        <v>46</v>
      </c>
      <c r="AM34803">
        <v>46</v>
      </c>
      <c r="AN34803">
        <v>46</v>
      </c>
      <c r="AO34803">
        <v>47</v>
      </c>
      <c r="AP34803">
        <v>47</v>
      </c>
      <c r="AQ34803">
        <v>48</v>
      </c>
    </row>
    <row r="34804" spans="1:43">
      <c r="A34804" t="s">
        <v>21573</v>
      </c>
      <c r="B34804" t="s">
        <v>21574</v>
      </c>
      <c r="C34804" t="s">
        <v>21575</v>
      </c>
      <c r="D34804" t="s">
        <v>21576</v>
      </c>
      <c r="E34804" t="s">
        <v>21557</v>
      </c>
      <c r="F34804" t="s">
        <v>21558</v>
      </c>
      <c r="G34804" t="s">
        <v>20255</v>
      </c>
      <c r="H34804" t="s">
        <v>20256</v>
      </c>
      <c r="I34804" s="2">
        <v>1</v>
      </c>
      <c r="J34804" s="2">
        <v>0</v>
      </c>
      <c r="K34804" s="2">
        <v>0</v>
      </c>
      <c r="L34804" t="s">
        <v>120</v>
      </c>
      <c r="M34804" t="s">
        <v>89</v>
      </c>
      <c r="N34804" t="s">
        <v>90</v>
      </c>
      <c r="O34804" t="s">
        <v>85</v>
      </c>
      <c r="P34804" t="s">
        <v>86</v>
      </c>
      <c r="Q34804">
        <v>38</v>
      </c>
      <c r="R34804">
        <v>39</v>
      </c>
      <c r="S34804">
        <v>40</v>
      </c>
      <c r="T34804">
        <v>41</v>
      </c>
      <c r="U34804">
        <v>43</v>
      </c>
      <c r="V34804">
        <v>44</v>
      </c>
      <c r="W34804">
        <v>45</v>
      </c>
      <c r="X34804">
        <v>46</v>
      </c>
      <c r="Y34804">
        <v>46</v>
      </c>
      <c r="Z34804">
        <v>47</v>
      </c>
      <c r="AA34804">
        <v>48</v>
      </c>
      <c r="AB34804">
        <v>49</v>
      </c>
      <c r="AC34804">
        <v>50</v>
      </c>
      <c r="AD34804">
        <v>51</v>
      </c>
      <c r="AE34804">
        <v>52</v>
      </c>
      <c r="AF34804">
        <v>52</v>
      </c>
      <c r="AG34804">
        <v>53</v>
      </c>
      <c r="AH34804">
        <v>53</v>
      </c>
      <c r="AI34804">
        <v>53</v>
      </c>
      <c r="AJ34804">
        <v>54</v>
      </c>
      <c r="AK34804">
        <v>54</v>
      </c>
      <c r="AL34804">
        <v>54</v>
      </c>
      <c r="AM34804">
        <v>55</v>
      </c>
      <c r="AN34804">
        <v>55</v>
      </c>
      <c r="AO34804">
        <v>55</v>
      </c>
      <c r="AP34804">
        <v>55</v>
      </c>
      <c r="AQ34804">
        <v>56</v>
      </c>
    </row>
    <row r="34805" spans="1:43">
      <c r="A34805" t="s">
        <v>21573</v>
      </c>
      <c r="B34805" t="s">
        <v>21574</v>
      </c>
      <c r="C34805" t="s">
        <v>21575</v>
      </c>
      <c r="D34805" t="s">
        <v>21576</v>
      </c>
      <c r="E34805" t="s">
        <v>21557</v>
      </c>
      <c r="F34805" t="s">
        <v>21558</v>
      </c>
      <c r="G34805" t="s">
        <v>20255</v>
      </c>
      <c r="H34805" t="s">
        <v>20256</v>
      </c>
      <c r="I34805" s="2">
        <v>1</v>
      </c>
      <c r="J34805" s="2">
        <v>0</v>
      </c>
      <c r="K34805" s="2">
        <v>0</v>
      </c>
      <c r="L34805" t="s">
        <v>120</v>
      </c>
      <c r="M34805" t="s">
        <v>83</v>
      </c>
      <c r="N34805" t="s">
        <v>91</v>
      </c>
      <c r="O34805" t="s">
        <v>85</v>
      </c>
      <c r="P34805" t="s">
        <v>86</v>
      </c>
      <c r="Q34805">
        <v>38</v>
      </c>
      <c r="R34805">
        <v>39</v>
      </c>
      <c r="S34805">
        <v>39</v>
      </c>
      <c r="T34805">
        <v>40</v>
      </c>
      <c r="U34805">
        <v>41</v>
      </c>
      <c r="V34805">
        <v>42</v>
      </c>
      <c r="W34805">
        <v>42</v>
      </c>
      <c r="X34805">
        <v>43</v>
      </c>
      <c r="Y34805">
        <v>44</v>
      </c>
      <c r="Z34805">
        <v>45</v>
      </c>
      <c r="AA34805">
        <v>45</v>
      </c>
      <c r="AB34805">
        <v>46</v>
      </c>
      <c r="AC34805">
        <v>47</v>
      </c>
      <c r="AD34805">
        <v>48</v>
      </c>
      <c r="AE34805">
        <v>48</v>
      </c>
      <c r="AF34805">
        <v>49</v>
      </c>
      <c r="AG34805">
        <v>50</v>
      </c>
      <c r="AH34805">
        <v>51</v>
      </c>
      <c r="AI34805">
        <v>52</v>
      </c>
      <c r="AJ34805">
        <v>52</v>
      </c>
      <c r="AK34805">
        <v>53</v>
      </c>
      <c r="AL34805">
        <v>54</v>
      </c>
      <c r="AM34805">
        <v>54</v>
      </c>
      <c r="AN34805">
        <v>54</v>
      </c>
      <c r="AO34805">
        <v>55</v>
      </c>
      <c r="AP34805">
        <v>55</v>
      </c>
      <c r="AQ34805">
        <v>55</v>
      </c>
    </row>
    <row r="34806" spans="1:43">
      <c r="A34806" t="s">
        <v>21577</v>
      </c>
      <c r="B34806" t="s">
        <v>21578</v>
      </c>
      <c r="C34806" t="s">
        <v>21579</v>
      </c>
      <c r="D34806" t="s">
        <v>21580</v>
      </c>
      <c r="E34806" t="s">
        <v>21557</v>
      </c>
      <c r="F34806" t="s">
        <v>21558</v>
      </c>
      <c r="G34806" t="s">
        <v>20255</v>
      </c>
      <c r="H34806" t="s">
        <v>20256</v>
      </c>
      <c r="I34806" s="2">
        <v>1</v>
      </c>
      <c r="J34806" s="2">
        <v>0</v>
      </c>
      <c r="K34806" s="2">
        <v>0</v>
      </c>
      <c r="L34806" t="s">
        <v>120</v>
      </c>
      <c r="M34806" t="s">
        <v>83</v>
      </c>
      <c r="N34806" t="s">
        <v>84</v>
      </c>
      <c r="O34806" t="s">
        <v>85</v>
      </c>
      <c r="P34806" t="s">
        <v>86</v>
      </c>
      <c r="Q34806">
        <v>44</v>
      </c>
      <c r="R34806">
        <v>45</v>
      </c>
      <c r="S34806">
        <v>46</v>
      </c>
      <c r="T34806">
        <v>47</v>
      </c>
      <c r="U34806">
        <v>48</v>
      </c>
      <c r="V34806">
        <v>49</v>
      </c>
      <c r="W34806">
        <v>50</v>
      </c>
      <c r="X34806">
        <v>51</v>
      </c>
      <c r="Y34806">
        <v>52</v>
      </c>
      <c r="Z34806">
        <v>52</v>
      </c>
      <c r="AA34806">
        <v>53</v>
      </c>
      <c r="AB34806">
        <v>54</v>
      </c>
      <c r="AC34806">
        <v>55</v>
      </c>
      <c r="AD34806">
        <v>56</v>
      </c>
      <c r="AE34806">
        <v>57</v>
      </c>
      <c r="AF34806">
        <v>58</v>
      </c>
      <c r="AG34806">
        <v>59</v>
      </c>
      <c r="AH34806">
        <v>60</v>
      </c>
      <c r="AI34806">
        <v>61</v>
      </c>
      <c r="AJ34806">
        <v>62</v>
      </c>
      <c r="AK34806">
        <v>63</v>
      </c>
      <c r="AL34806">
        <v>63</v>
      </c>
      <c r="AM34806">
        <v>64</v>
      </c>
      <c r="AN34806">
        <v>64</v>
      </c>
      <c r="AO34806">
        <v>65</v>
      </c>
      <c r="AP34806">
        <v>65</v>
      </c>
      <c r="AQ34806">
        <v>66</v>
      </c>
    </row>
    <row r="34807" spans="1:43">
      <c r="A34807" t="s">
        <v>21577</v>
      </c>
      <c r="B34807" t="s">
        <v>21578</v>
      </c>
      <c r="C34807" t="s">
        <v>21579</v>
      </c>
      <c r="D34807" t="s">
        <v>21580</v>
      </c>
      <c r="E34807" t="s">
        <v>21557</v>
      </c>
      <c r="F34807" t="s">
        <v>21558</v>
      </c>
      <c r="G34807" t="s">
        <v>20255</v>
      </c>
      <c r="H34807" t="s">
        <v>20256</v>
      </c>
      <c r="I34807" s="2">
        <v>1</v>
      </c>
      <c r="J34807" s="2">
        <v>0</v>
      </c>
      <c r="K34807" s="2">
        <v>0</v>
      </c>
      <c r="L34807" t="s">
        <v>120</v>
      </c>
      <c r="M34807" t="s">
        <v>87</v>
      </c>
      <c r="N34807" t="s">
        <v>88</v>
      </c>
      <c r="O34807" t="s">
        <v>85</v>
      </c>
      <c r="P34807" t="s">
        <v>86</v>
      </c>
      <c r="Q34807">
        <v>44</v>
      </c>
      <c r="R34807">
        <v>44</v>
      </c>
      <c r="S34807">
        <v>45</v>
      </c>
      <c r="T34807">
        <v>45</v>
      </c>
      <c r="U34807">
        <v>46</v>
      </c>
      <c r="V34807">
        <v>46</v>
      </c>
      <c r="W34807">
        <v>47</v>
      </c>
      <c r="X34807">
        <v>47</v>
      </c>
      <c r="Y34807">
        <v>48</v>
      </c>
      <c r="Z34807">
        <v>48</v>
      </c>
      <c r="AA34807">
        <v>49</v>
      </c>
      <c r="AB34807">
        <v>49</v>
      </c>
      <c r="AC34807">
        <v>50</v>
      </c>
      <c r="AD34807">
        <v>50</v>
      </c>
      <c r="AE34807">
        <v>51</v>
      </c>
      <c r="AF34807">
        <v>51</v>
      </c>
      <c r="AG34807">
        <v>52</v>
      </c>
      <c r="AH34807">
        <v>52</v>
      </c>
      <c r="AI34807">
        <v>53</v>
      </c>
      <c r="AJ34807">
        <v>53</v>
      </c>
      <c r="AK34807">
        <v>54</v>
      </c>
      <c r="AL34807">
        <v>54</v>
      </c>
      <c r="AM34807">
        <v>55</v>
      </c>
      <c r="AN34807">
        <v>55</v>
      </c>
      <c r="AO34807">
        <v>56</v>
      </c>
      <c r="AP34807">
        <v>56</v>
      </c>
      <c r="AQ34807">
        <v>57</v>
      </c>
    </row>
    <row r="34808" spans="1:43">
      <c r="A34808" t="s">
        <v>21577</v>
      </c>
      <c r="B34808" t="s">
        <v>21578</v>
      </c>
      <c r="C34808" t="s">
        <v>21579</v>
      </c>
      <c r="D34808" t="s">
        <v>21580</v>
      </c>
      <c r="E34808" t="s">
        <v>21557</v>
      </c>
      <c r="F34808" t="s">
        <v>21558</v>
      </c>
      <c r="G34808" t="s">
        <v>20255</v>
      </c>
      <c r="H34808" t="s">
        <v>20256</v>
      </c>
      <c r="I34808" s="2">
        <v>1</v>
      </c>
      <c r="J34808" s="2">
        <v>0</v>
      </c>
      <c r="K34808" s="2">
        <v>0</v>
      </c>
      <c r="L34808" t="s">
        <v>120</v>
      </c>
      <c r="M34808" t="s">
        <v>89</v>
      </c>
      <c r="N34808" t="s">
        <v>90</v>
      </c>
      <c r="O34808" t="s">
        <v>85</v>
      </c>
      <c r="P34808" t="s">
        <v>86</v>
      </c>
      <c r="Q34808">
        <v>44</v>
      </c>
      <c r="R34808">
        <v>45</v>
      </c>
      <c r="S34808">
        <v>46</v>
      </c>
      <c r="T34808">
        <v>48</v>
      </c>
      <c r="U34808">
        <v>49</v>
      </c>
      <c r="V34808">
        <v>50</v>
      </c>
      <c r="W34808">
        <v>51</v>
      </c>
      <c r="X34808">
        <v>52</v>
      </c>
      <c r="Y34808">
        <v>54</v>
      </c>
      <c r="Z34808">
        <v>55</v>
      </c>
      <c r="AA34808">
        <v>56</v>
      </c>
      <c r="AB34808">
        <v>57</v>
      </c>
      <c r="AC34808">
        <v>58</v>
      </c>
      <c r="AD34808">
        <v>59</v>
      </c>
      <c r="AE34808">
        <v>60</v>
      </c>
      <c r="AF34808">
        <v>61</v>
      </c>
      <c r="AG34808">
        <v>61</v>
      </c>
      <c r="AH34808">
        <v>61</v>
      </c>
      <c r="AI34808">
        <v>62</v>
      </c>
      <c r="AJ34808">
        <v>62</v>
      </c>
      <c r="AK34808">
        <v>63</v>
      </c>
      <c r="AL34808">
        <v>63</v>
      </c>
      <c r="AM34808">
        <v>64</v>
      </c>
      <c r="AN34808">
        <v>64</v>
      </c>
      <c r="AO34808">
        <v>64</v>
      </c>
      <c r="AP34808">
        <v>65</v>
      </c>
      <c r="AQ34808">
        <v>65</v>
      </c>
    </row>
    <row r="34809" spans="1:43">
      <c r="A34809" t="s">
        <v>21577</v>
      </c>
      <c r="B34809" t="s">
        <v>21578</v>
      </c>
      <c r="C34809" t="s">
        <v>21579</v>
      </c>
      <c r="D34809" t="s">
        <v>21580</v>
      </c>
      <c r="E34809" t="s">
        <v>21557</v>
      </c>
      <c r="F34809" t="s">
        <v>21558</v>
      </c>
      <c r="G34809" t="s">
        <v>20255</v>
      </c>
      <c r="H34809" t="s">
        <v>20256</v>
      </c>
      <c r="I34809" s="2">
        <v>1</v>
      </c>
      <c r="J34809" s="2">
        <v>0</v>
      </c>
      <c r="K34809" s="2">
        <v>0</v>
      </c>
      <c r="L34809" t="s">
        <v>120</v>
      </c>
      <c r="M34809" t="s">
        <v>83</v>
      </c>
      <c r="N34809" t="s">
        <v>91</v>
      </c>
      <c r="O34809" t="s">
        <v>85</v>
      </c>
      <c r="P34809" t="s">
        <v>86</v>
      </c>
      <c r="Q34809">
        <v>44</v>
      </c>
      <c r="R34809">
        <v>45</v>
      </c>
      <c r="S34809">
        <v>46</v>
      </c>
      <c r="T34809">
        <v>47</v>
      </c>
      <c r="U34809">
        <v>48</v>
      </c>
      <c r="V34809">
        <v>49</v>
      </c>
      <c r="W34809">
        <v>50</v>
      </c>
      <c r="X34809">
        <v>51</v>
      </c>
      <c r="Y34809">
        <v>52</v>
      </c>
      <c r="Z34809">
        <v>52</v>
      </c>
      <c r="AA34809">
        <v>53</v>
      </c>
      <c r="AB34809">
        <v>54</v>
      </c>
      <c r="AC34809">
        <v>55</v>
      </c>
      <c r="AD34809">
        <v>56</v>
      </c>
      <c r="AE34809">
        <v>57</v>
      </c>
      <c r="AF34809">
        <v>58</v>
      </c>
      <c r="AG34809">
        <v>59</v>
      </c>
      <c r="AH34809">
        <v>60</v>
      </c>
      <c r="AI34809">
        <v>61</v>
      </c>
      <c r="AJ34809">
        <v>62</v>
      </c>
      <c r="AK34809">
        <v>63</v>
      </c>
      <c r="AL34809">
        <v>63</v>
      </c>
      <c r="AM34809">
        <v>64</v>
      </c>
      <c r="AN34809">
        <v>64</v>
      </c>
      <c r="AO34809">
        <v>65</v>
      </c>
      <c r="AP34809">
        <v>65</v>
      </c>
      <c r="AQ34809">
        <v>66</v>
      </c>
    </row>
    <row r="34810" spans="1:43">
      <c r="A34810" t="s">
        <v>21581</v>
      </c>
      <c r="B34810" t="s">
        <v>21582</v>
      </c>
      <c r="C34810" t="s">
        <v>21579</v>
      </c>
      <c r="D34810" t="s">
        <v>21580</v>
      </c>
      <c r="E34810" t="s">
        <v>21557</v>
      </c>
      <c r="F34810" t="s">
        <v>21558</v>
      </c>
      <c r="G34810" t="s">
        <v>20255</v>
      </c>
      <c r="H34810" t="s">
        <v>20256</v>
      </c>
      <c r="I34810" s="2">
        <v>1</v>
      </c>
      <c r="J34810" s="2">
        <v>0</v>
      </c>
      <c r="K34810" s="2">
        <v>0</v>
      </c>
      <c r="L34810" t="s">
        <v>120</v>
      </c>
      <c r="M34810" t="s">
        <v>83</v>
      </c>
      <c r="N34810" t="s">
        <v>84</v>
      </c>
      <c r="O34810" t="s">
        <v>85</v>
      </c>
      <c r="P34810" t="s">
        <v>86</v>
      </c>
      <c r="Q34810">
        <v>59</v>
      </c>
      <c r="R34810">
        <v>60</v>
      </c>
      <c r="S34810">
        <v>61</v>
      </c>
      <c r="T34810">
        <v>62</v>
      </c>
      <c r="U34810">
        <v>64</v>
      </c>
      <c r="V34810">
        <v>65</v>
      </c>
      <c r="W34810">
        <v>66</v>
      </c>
      <c r="X34810">
        <v>67</v>
      </c>
      <c r="Y34810">
        <v>68</v>
      </c>
      <c r="Z34810">
        <v>69</v>
      </c>
      <c r="AA34810">
        <v>71</v>
      </c>
      <c r="AB34810">
        <v>72</v>
      </c>
      <c r="AC34810">
        <v>73</v>
      </c>
      <c r="AD34810">
        <v>74</v>
      </c>
      <c r="AE34810">
        <v>76</v>
      </c>
      <c r="AF34810">
        <v>77</v>
      </c>
      <c r="AG34810">
        <v>78</v>
      </c>
      <c r="AH34810">
        <v>79</v>
      </c>
      <c r="AI34810">
        <v>80</v>
      </c>
      <c r="AJ34810">
        <v>82</v>
      </c>
      <c r="AK34810">
        <v>83</v>
      </c>
      <c r="AL34810">
        <v>84</v>
      </c>
      <c r="AM34810">
        <v>84</v>
      </c>
      <c r="AN34810">
        <v>85</v>
      </c>
      <c r="AO34810">
        <v>86</v>
      </c>
      <c r="AP34810">
        <v>86</v>
      </c>
      <c r="AQ34810">
        <v>87</v>
      </c>
    </row>
    <row r="34811" spans="1:43">
      <c r="A34811" t="s">
        <v>21581</v>
      </c>
      <c r="B34811" t="s">
        <v>21582</v>
      </c>
      <c r="C34811" t="s">
        <v>21579</v>
      </c>
      <c r="D34811" t="s">
        <v>21580</v>
      </c>
      <c r="E34811" t="s">
        <v>21557</v>
      </c>
      <c r="F34811" t="s">
        <v>21558</v>
      </c>
      <c r="G34811" t="s">
        <v>20255</v>
      </c>
      <c r="H34811" t="s">
        <v>20256</v>
      </c>
      <c r="I34811" s="2">
        <v>1</v>
      </c>
      <c r="J34811" s="2">
        <v>0</v>
      </c>
      <c r="K34811" s="2">
        <v>0</v>
      </c>
      <c r="L34811" t="s">
        <v>120</v>
      </c>
      <c r="M34811" t="s">
        <v>87</v>
      </c>
      <c r="N34811" t="s">
        <v>88</v>
      </c>
      <c r="O34811" t="s">
        <v>85</v>
      </c>
      <c r="P34811" t="s">
        <v>86</v>
      </c>
      <c r="Q34811">
        <v>59</v>
      </c>
      <c r="R34811">
        <v>60</v>
      </c>
      <c r="S34811">
        <v>61</v>
      </c>
      <c r="T34811">
        <v>61</v>
      </c>
      <c r="U34811">
        <v>62</v>
      </c>
      <c r="V34811">
        <v>62</v>
      </c>
      <c r="W34811">
        <v>63</v>
      </c>
      <c r="X34811">
        <v>64</v>
      </c>
      <c r="Y34811">
        <v>64</v>
      </c>
      <c r="Z34811">
        <v>65</v>
      </c>
      <c r="AA34811">
        <v>65</v>
      </c>
      <c r="AB34811">
        <v>66</v>
      </c>
      <c r="AC34811">
        <v>67</v>
      </c>
      <c r="AD34811">
        <v>67</v>
      </c>
      <c r="AE34811">
        <v>68</v>
      </c>
      <c r="AF34811">
        <v>69</v>
      </c>
      <c r="AG34811">
        <v>69</v>
      </c>
      <c r="AH34811">
        <v>70</v>
      </c>
      <c r="AI34811">
        <v>70</v>
      </c>
      <c r="AJ34811">
        <v>71</v>
      </c>
      <c r="AK34811">
        <v>72</v>
      </c>
      <c r="AL34811">
        <v>72</v>
      </c>
      <c r="AM34811">
        <v>73</v>
      </c>
      <c r="AN34811">
        <v>74</v>
      </c>
      <c r="AO34811">
        <v>74</v>
      </c>
      <c r="AP34811">
        <v>75</v>
      </c>
      <c r="AQ34811">
        <v>76</v>
      </c>
    </row>
    <row r="34812" spans="1:43">
      <c r="A34812" t="s">
        <v>21581</v>
      </c>
      <c r="B34812" t="s">
        <v>21582</v>
      </c>
      <c r="C34812" t="s">
        <v>21579</v>
      </c>
      <c r="D34812" t="s">
        <v>21580</v>
      </c>
      <c r="E34812" t="s">
        <v>21557</v>
      </c>
      <c r="F34812" t="s">
        <v>21558</v>
      </c>
      <c r="G34812" t="s">
        <v>20255</v>
      </c>
      <c r="H34812" t="s">
        <v>20256</v>
      </c>
      <c r="I34812" s="2">
        <v>1</v>
      </c>
      <c r="J34812" s="2">
        <v>0</v>
      </c>
      <c r="K34812" s="2">
        <v>0</v>
      </c>
      <c r="L34812" t="s">
        <v>120</v>
      </c>
      <c r="M34812" t="s">
        <v>89</v>
      </c>
      <c r="N34812" t="s">
        <v>90</v>
      </c>
      <c r="O34812" t="s">
        <v>85</v>
      </c>
      <c r="P34812" t="s">
        <v>86</v>
      </c>
      <c r="Q34812">
        <v>59</v>
      </c>
      <c r="R34812">
        <v>61</v>
      </c>
      <c r="S34812">
        <v>63</v>
      </c>
      <c r="T34812">
        <v>64</v>
      </c>
      <c r="U34812">
        <v>66</v>
      </c>
      <c r="V34812">
        <v>68</v>
      </c>
      <c r="W34812">
        <v>69</v>
      </c>
      <c r="X34812">
        <v>71</v>
      </c>
      <c r="Y34812">
        <v>72</v>
      </c>
      <c r="Z34812">
        <v>74</v>
      </c>
      <c r="AA34812">
        <v>75</v>
      </c>
      <c r="AB34812">
        <v>77</v>
      </c>
      <c r="AC34812">
        <v>78</v>
      </c>
      <c r="AD34812">
        <v>80</v>
      </c>
      <c r="AE34812">
        <v>81</v>
      </c>
      <c r="AF34812">
        <v>82</v>
      </c>
      <c r="AG34812">
        <v>82</v>
      </c>
      <c r="AH34812">
        <v>83</v>
      </c>
      <c r="AI34812">
        <v>83</v>
      </c>
      <c r="AJ34812">
        <v>84</v>
      </c>
      <c r="AK34812">
        <v>84</v>
      </c>
      <c r="AL34812">
        <v>85</v>
      </c>
      <c r="AM34812">
        <v>85</v>
      </c>
      <c r="AN34812">
        <v>86</v>
      </c>
      <c r="AO34812">
        <v>87</v>
      </c>
      <c r="AP34812">
        <v>87</v>
      </c>
      <c r="AQ34812">
        <v>88</v>
      </c>
    </row>
    <row r="34813" spans="1:43">
      <c r="A34813" t="s">
        <v>21581</v>
      </c>
      <c r="B34813" t="s">
        <v>21582</v>
      </c>
      <c r="C34813" t="s">
        <v>21579</v>
      </c>
      <c r="D34813" t="s">
        <v>21580</v>
      </c>
      <c r="E34813" t="s">
        <v>21557</v>
      </c>
      <c r="F34813" t="s">
        <v>21558</v>
      </c>
      <c r="G34813" t="s">
        <v>20255</v>
      </c>
      <c r="H34813" t="s">
        <v>20256</v>
      </c>
      <c r="I34813" s="2">
        <v>1</v>
      </c>
      <c r="J34813" s="2">
        <v>0</v>
      </c>
      <c r="K34813" s="2">
        <v>0</v>
      </c>
      <c r="L34813" t="s">
        <v>120</v>
      </c>
      <c r="M34813" t="s">
        <v>83</v>
      </c>
      <c r="N34813" t="s">
        <v>91</v>
      </c>
      <c r="O34813" t="s">
        <v>85</v>
      </c>
      <c r="P34813" t="s">
        <v>86</v>
      </c>
      <c r="Q34813">
        <v>59</v>
      </c>
      <c r="R34813">
        <v>60</v>
      </c>
      <c r="S34813">
        <v>61</v>
      </c>
      <c r="T34813">
        <v>62</v>
      </c>
      <c r="U34813">
        <v>64</v>
      </c>
      <c r="V34813">
        <v>65</v>
      </c>
      <c r="W34813">
        <v>66</v>
      </c>
      <c r="X34813">
        <v>67</v>
      </c>
      <c r="Y34813">
        <v>68</v>
      </c>
      <c r="Z34813">
        <v>69</v>
      </c>
      <c r="AA34813">
        <v>71</v>
      </c>
      <c r="AB34813">
        <v>72</v>
      </c>
      <c r="AC34813">
        <v>73</v>
      </c>
      <c r="AD34813">
        <v>74</v>
      </c>
      <c r="AE34813">
        <v>76</v>
      </c>
      <c r="AF34813">
        <v>77</v>
      </c>
      <c r="AG34813">
        <v>78</v>
      </c>
      <c r="AH34813">
        <v>79</v>
      </c>
      <c r="AI34813">
        <v>80</v>
      </c>
      <c r="AJ34813">
        <v>82</v>
      </c>
      <c r="AK34813">
        <v>83</v>
      </c>
      <c r="AL34813">
        <v>84</v>
      </c>
      <c r="AM34813">
        <v>84</v>
      </c>
      <c r="AN34813">
        <v>85</v>
      </c>
      <c r="AO34813">
        <v>86</v>
      </c>
      <c r="AP34813">
        <v>86</v>
      </c>
      <c r="AQ34813">
        <v>87</v>
      </c>
    </row>
    <row r="34814" spans="1:43">
      <c r="A34814" t="s">
        <v>21583</v>
      </c>
      <c r="B34814" t="s">
        <v>21584</v>
      </c>
      <c r="C34814" t="s">
        <v>21579</v>
      </c>
      <c r="D34814" t="s">
        <v>21580</v>
      </c>
      <c r="E34814" t="s">
        <v>21557</v>
      </c>
      <c r="F34814" t="s">
        <v>21558</v>
      </c>
      <c r="G34814" t="s">
        <v>20255</v>
      </c>
      <c r="H34814" t="s">
        <v>20256</v>
      </c>
      <c r="I34814" s="2">
        <v>1</v>
      </c>
      <c r="J34814" s="2">
        <v>0</v>
      </c>
      <c r="K34814" s="2">
        <v>0</v>
      </c>
      <c r="L34814" t="s">
        <v>120</v>
      </c>
      <c r="M34814" t="s">
        <v>83</v>
      </c>
      <c r="N34814" t="s">
        <v>84</v>
      </c>
      <c r="O34814" t="s">
        <v>85</v>
      </c>
      <c r="P34814" t="s">
        <v>86</v>
      </c>
      <c r="Q34814">
        <v>57</v>
      </c>
      <c r="R34814">
        <v>58</v>
      </c>
      <c r="S34814">
        <v>60</v>
      </c>
      <c r="T34814">
        <v>61</v>
      </c>
      <c r="U34814">
        <v>62</v>
      </c>
      <c r="V34814">
        <v>63</v>
      </c>
      <c r="W34814">
        <v>64</v>
      </c>
      <c r="X34814">
        <v>65</v>
      </c>
      <c r="Y34814">
        <v>66</v>
      </c>
      <c r="Z34814">
        <v>68</v>
      </c>
      <c r="AA34814">
        <v>69</v>
      </c>
      <c r="AB34814">
        <v>70</v>
      </c>
      <c r="AC34814">
        <v>71</v>
      </c>
      <c r="AD34814">
        <v>72</v>
      </c>
      <c r="AE34814">
        <v>73</v>
      </c>
      <c r="AF34814">
        <v>75</v>
      </c>
      <c r="AG34814">
        <v>76</v>
      </c>
      <c r="AH34814">
        <v>77</v>
      </c>
      <c r="AI34814">
        <v>78</v>
      </c>
      <c r="AJ34814">
        <v>79</v>
      </c>
      <c r="AK34814">
        <v>81</v>
      </c>
      <c r="AL34814">
        <v>81</v>
      </c>
      <c r="AM34814">
        <v>82</v>
      </c>
      <c r="AN34814">
        <v>83</v>
      </c>
      <c r="AO34814">
        <v>83</v>
      </c>
      <c r="AP34814">
        <v>84</v>
      </c>
      <c r="AQ34814">
        <v>84</v>
      </c>
    </row>
    <row r="34815" spans="1:43">
      <c r="A34815" t="s">
        <v>21583</v>
      </c>
      <c r="B34815" t="s">
        <v>21584</v>
      </c>
      <c r="C34815" t="s">
        <v>21579</v>
      </c>
      <c r="D34815" t="s">
        <v>21580</v>
      </c>
      <c r="E34815" t="s">
        <v>21557</v>
      </c>
      <c r="F34815" t="s">
        <v>21558</v>
      </c>
      <c r="G34815" t="s">
        <v>20255</v>
      </c>
      <c r="H34815" t="s">
        <v>20256</v>
      </c>
      <c r="I34815" s="2">
        <v>1</v>
      </c>
      <c r="J34815" s="2">
        <v>0</v>
      </c>
      <c r="K34815" s="2">
        <v>0</v>
      </c>
      <c r="L34815" t="s">
        <v>120</v>
      </c>
      <c r="M34815" t="s">
        <v>87</v>
      </c>
      <c r="N34815" t="s">
        <v>88</v>
      </c>
      <c r="O34815" t="s">
        <v>85</v>
      </c>
      <c r="P34815" t="s">
        <v>86</v>
      </c>
      <c r="Q34815">
        <v>57</v>
      </c>
      <c r="R34815">
        <v>57</v>
      </c>
      <c r="S34815">
        <v>58</v>
      </c>
      <c r="T34815">
        <v>58</v>
      </c>
      <c r="U34815">
        <v>59</v>
      </c>
      <c r="V34815">
        <v>60</v>
      </c>
      <c r="W34815">
        <v>60</v>
      </c>
      <c r="X34815">
        <v>61</v>
      </c>
      <c r="Y34815">
        <v>61</v>
      </c>
      <c r="Z34815">
        <v>62</v>
      </c>
      <c r="AA34815">
        <v>63</v>
      </c>
      <c r="AB34815">
        <v>63</v>
      </c>
      <c r="AC34815">
        <v>64</v>
      </c>
      <c r="AD34815">
        <v>64</v>
      </c>
      <c r="AE34815">
        <v>65</v>
      </c>
      <c r="AF34815">
        <v>66</v>
      </c>
      <c r="AG34815">
        <v>66</v>
      </c>
      <c r="AH34815">
        <v>67</v>
      </c>
      <c r="AI34815">
        <v>68</v>
      </c>
      <c r="AJ34815">
        <v>68</v>
      </c>
      <c r="AK34815">
        <v>69</v>
      </c>
      <c r="AL34815">
        <v>70</v>
      </c>
      <c r="AM34815">
        <v>70</v>
      </c>
      <c r="AN34815">
        <v>71</v>
      </c>
      <c r="AO34815">
        <v>72</v>
      </c>
      <c r="AP34815">
        <v>72</v>
      </c>
      <c r="AQ34815">
        <v>73</v>
      </c>
    </row>
    <row r="34816" spans="1:43">
      <c r="A34816" t="s">
        <v>21583</v>
      </c>
      <c r="B34816" t="s">
        <v>21584</v>
      </c>
      <c r="C34816" t="s">
        <v>21579</v>
      </c>
      <c r="D34816" t="s">
        <v>21580</v>
      </c>
      <c r="E34816" t="s">
        <v>21557</v>
      </c>
      <c r="F34816" t="s">
        <v>21558</v>
      </c>
      <c r="G34816" t="s">
        <v>20255</v>
      </c>
      <c r="H34816" t="s">
        <v>20256</v>
      </c>
      <c r="I34816" s="2">
        <v>1</v>
      </c>
      <c r="J34816" s="2">
        <v>0</v>
      </c>
      <c r="K34816" s="2">
        <v>0</v>
      </c>
      <c r="L34816" t="s">
        <v>120</v>
      </c>
      <c r="M34816" t="s">
        <v>89</v>
      </c>
      <c r="N34816" t="s">
        <v>90</v>
      </c>
      <c r="O34816" t="s">
        <v>85</v>
      </c>
      <c r="P34816" t="s">
        <v>86</v>
      </c>
      <c r="Q34816">
        <v>57</v>
      </c>
      <c r="R34816">
        <v>58</v>
      </c>
      <c r="S34816">
        <v>60</v>
      </c>
      <c r="T34816">
        <v>62</v>
      </c>
      <c r="U34816">
        <v>63</v>
      </c>
      <c r="V34816">
        <v>65</v>
      </c>
      <c r="W34816">
        <v>66</v>
      </c>
      <c r="X34816">
        <v>68</v>
      </c>
      <c r="Y34816">
        <v>69</v>
      </c>
      <c r="Z34816">
        <v>71</v>
      </c>
      <c r="AA34816">
        <v>72</v>
      </c>
      <c r="AB34816">
        <v>74</v>
      </c>
      <c r="AC34816">
        <v>75</v>
      </c>
      <c r="AD34816">
        <v>77</v>
      </c>
      <c r="AE34816">
        <v>78</v>
      </c>
      <c r="AF34816">
        <v>78</v>
      </c>
      <c r="AG34816">
        <v>79</v>
      </c>
      <c r="AH34816">
        <v>79</v>
      </c>
      <c r="AI34816">
        <v>80</v>
      </c>
      <c r="AJ34816">
        <v>80</v>
      </c>
      <c r="AK34816">
        <v>81</v>
      </c>
      <c r="AL34816">
        <v>81</v>
      </c>
      <c r="AM34816">
        <v>82</v>
      </c>
      <c r="AN34816">
        <v>82</v>
      </c>
      <c r="AO34816">
        <v>83</v>
      </c>
      <c r="AP34816">
        <v>83</v>
      </c>
      <c r="AQ34816">
        <v>84</v>
      </c>
    </row>
    <row r="34817" spans="1:43">
      <c r="A34817" t="s">
        <v>21583</v>
      </c>
      <c r="B34817" t="s">
        <v>21584</v>
      </c>
      <c r="C34817" t="s">
        <v>21579</v>
      </c>
      <c r="D34817" t="s">
        <v>21580</v>
      </c>
      <c r="E34817" t="s">
        <v>21557</v>
      </c>
      <c r="F34817" t="s">
        <v>21558</v>
      </c>
      <c r="G34817" t="s">
        <v>20255</v>
      </c>
      <c r="H34817" t="s">
        <v>20256</v>
      </c>
      <c r="I34817" s="2">
        <v>1</v>
      </c>
      <c r="J34817" s="2">
        <v>0</v>
      </c>
      <c r="K34817" s="2">
        <v>0</v>
      </c>
      <c r="L34817" t="s">
        <v>120</v>
      </c>
      <c r="M34817" t="s">
        <v>83</v>
      </c>
      <c r="N34817" t="s">
        <v>91</v>
      </c>
      <c r="O34817" t="s">
        <v>85</v>
      </c>
      <c r="P34817" t="s">
        <v>86</v>
      </c>
      <c r="Q34817">
        <v>57</v>
      </c>
      <c r="R34817">
        <v>58</v>
      </c>
      <c r="S34817">
        <v>60</v>
      </c>
      <c r="T34817">
        <v>61</v>
      </c>
      <c r="U34817">
        <v>62</v>
      </c>
      <c r="V34817">
        <v>63</v>
      </c>
      <c r="W34817">
        <v>64</v>
      </c>
      <c r="X34817">
        <v>65</v>
      </c>
      <c r="Y34817">
        <v>66</v>
      </c>
      <c r="Z34817">
        <v>68</v>
      </c>
      <c r="AA34817">
        <v>69</v>
      </c>
      <c r="AB34817">
        <v>70</v>
      </c>
      <c r="AC34817">
        <v>71</v>
      </c>
      <c r="AD34817">
        <v>72</v>
      </c>
      <c r="AE34817">
        <v>73</v>
      </c>
      <c r="AF34817">
        <v>75</v>
      </c>
      <c r="AG34817">
        <v>76</v>
      </c>
      <c r="AH34817">
        <v>77</v>
      </c>
      <c r="AI34817">
        <v>78</v>
      </c>
      <c r="AJ34817">
        <v>79</v>
      </c>
      <c r="AK34817">
        <v>81</v>
      </c>
      <c r="AL34817">
        <v>81</v>
      </c>
      <c r="AM34817">
        <v>82</v>
      </c>
      <c r="AN34817">
        <v>83</v>
      </c>
      <c r="AO34817">
        <v>83</v>
      </c>
      <c r="AP34817">
        <v>84</v>
      </c>
      <c r="AQ34817">
        <v>84</v>
      </c>
    </row>
    <row r="34818" spans="1:43">
      <c r="A34818" t="s">
        <v>21585</v>
      </c>
      <c r="B34818" t="s">
        <v>21586</v>
      </c>
      <c r="C34818" t="s">
        <v>21587</v>
      </c>
      <c r="D34818" t="s">
        <v>21588</v>
      </c>
      <c r="E34818" t="s">
        <v>21557</v>
      </c>
      <c r="F34818" t="s">
        <v>21558</v>
      </c>
      <c r="G34818" t="s">
        <v>20255</v>
      </c>
      <c r="H34818" t="s">
        <v>20256</v>
      </c>
      <c r="I34818" s="2">
        <v>1</v>
      </c>
      <c r="J34818" s="2">
        <v>0</v>
      </c>
      <c r="K34818" s="2">
        <v>0</v>
      </c>
      <c r="L34818" t="s">
        <v>120</v>
      </c>
      <c r="M34818" t="s">
        <v>83</v>
      </c>
      <c r="N34818" t="s">
        <v>84</v>
      </c>
      <c r="O34818" t="s">
        <v>85</v>
      </c>
      <c r="P34818" t="s">
        <v>86</v>
      </c>
      <c r="Q34818">
        <v>50</v>
      </c>
      <c r="R34818">
        <v>51</v>
      </c>
      <c r="S34818">
        <v>52</v>
      </c>
      <c r="T34818">
        <v>53</v>
      </c>
      <c r="U34818">
        <v>54</v>
      </c>
      <c r="V34818">
        <v>55</v>
      </c>
      <c r="W34818">
        <v>56</v>
      </c>
      <c r="X34818">
        <v>57</v>
      </c>
      <c r="Y34818">
        <v>58</v>
      </c>
      <c r="Z34818">
        <v>59</v>
      </c>
      <c r="AA34818">
        <v>60</v>
      </c>
      <c r="AB34818">
        <v>61</v>
      </c>
      <c r="AC34818">
        <v>62</v>
      </c>
      <c r="AD34818">
        <v>63</v>
      </c>
      <c r="AE34818">
        <v>64</v>
      </c>
      <c r="AF34818">
        <v>65</v>
      </c>
      <c r="AG34818">
        <v>66</v>
      </c>
      <c r="AH34818">
        <v>67</v>
      </c>
      <c r="AI34818">
        <v>68</v>
      </c>
      <c r="AJ34818">
        <v>69</v>
      </c>
      <c r="AK34818">
        <v>70</v>
      </c>
      <c r="AL34818">
        <v>71</v>
      </c>
      <c r="AM34818">
        <v>71</v>
      </c>
      <c r="AN34818">
        <v>71</v>
      </c>
      <c r="AO34818">
        <v>72</v>
      </c>
      <c r="AP34818">
        <v>72</v>
      </c>
      <c r="AQ34818">
        <v>73</v>
      </c>
    </row>
    <row r="34819" spans="1:43">
      <c r="A34819" t="s">
        <v>21585</v>
      </c>
      <c r="B34819" t="s">
        <v>21586</v>
      </c>
      <c r="C34819" t="s">
        <v>21587</v>
      </c>
      <c r="D34819" t="s">
        <v>21588</v>
      </c>
      <c r="E34819" t="s">
        <v>21557</v>
      </c>
      <c r="F34819" t="s">
        <v>21558</v>
      </c>
      <c r="G34819" t="s">
        <v>20255</v>
      </c>
      <c r="H34819" t="s">
        <v>20256</v>
      </c>
      <c r="I34819" s="2">
        <v>1</v>
      </c>
      <c r="J34819" s="2">
        <v>0</v>
      </c>
      <c r="K34819" s="2">
        <v>0</v>
      </c>
      <c r="L34819" t="s">
        <v>120</v>
      </c>
      <c r="M34819" t="s">
        <v>87</v>
      </c>
      <c r="N34819" t="s">
        <v>88</v>
      </c>
      <c r="O34819" t="s">
        <v>85</v>
      </c>
      <c r="P34819" t="s">
        <v>86</v>
      </c>
      <c r="Q34819">
        <v>50</v>
      </c>
      <c r="R34819">
        <v>50</v>
      </c>
      <c r="S34819">
        <v>51</v>
      </c>
      <c r="T34819">
        <v>51</v>
      </c>
      <c r="U34819">
        <v>51</v>
      </c>
      <c r="V34819">
        <v>52</v>
      </c>
      <c r="W34819">
        <v>52</v>
      </c>
      <c r="X34819">
        <v>53</v>
      </c>
      <c r="Y34819">
        <v>53</v>
      </c>
      <c r="Z34819">
        <v>54</v>
      </c>
      <c r="AA34819">
        <v>54</v>
      </c>
      <c r="AB34819">
        <v>55</v>
      </c>
      <c r="AC34819">
        <v>56</v>
      </c>
      <c r="AD34819">
        <v>56</v>
      </c>
      <c r="AE34819">
        <v>57</v>
      </c>
      <c r="AF34819">
        <v>57</v>
      </c>
      <c r="AG34819">
        <v>58</v>
      </c>
      <c r="AH34819">
        <v>58</v>
      </c>
      <c r="AI34819">
        <v>59</v>
      </c>
      <c r="AJ34819">
        <v>59</v>
      </c>
      <c r="AK34819">
        <v>60</v>
      </c>
      <c r="AL34819">
        <v>60</v>
      </c>
      <c r="AM34819">
        <v>61</v>
      </c>
      <c r="AN34819">
        <v>61</v>
      </c>
      <c r="AO34819">
        <v>62</v>
      </c>
      <c r="AP34819">
        <v>63</v>
      </c>
      <c r="AQ34819">
        <v>63</v>
      </c>
    </row>
    <row r="34820" spans="1:43">
      <c r="A34820" t="s">
        <v>21585</v>
      </c>
      <c r="B34820" t="s">
        <v>21586</v>
      </c>
      <c r="C34820" t="s">
        <v>21587</v>
      </c>
      <c r="D34820" t="s">
        <v>21588</v>
      </c>
      <c r="E34820" t="s">
        <v>21557</v>
      </c>
      <c r="F34820" t="s">
        <v>21558</v>
      </c>
      <c r="G34820" t="s">
        <v>20255</v>
      </c>
      <c r="H34820" t="s">
        <v>20256</v>
      </c>
      <c r="I34820" s="2">
        <v>1</v>
      </c>
      <c r="J34820" s="2">
        <v>0</v>
      </c>
      <c r="K34820" s="2">
        <v>0</v>
      </c>
      <c r="L34820" t="s">
        <v>120</v>
      </c>
      <c r="M34820" t="s">
        <v>89</v>
      </c>
      <c r="N34820" t="s">
        <v>90</v>
      </c>
      <c r="O34820" t="s">
        <v>85</v>
      </c>
      <c r="P34820" t="s">
        <v>86</v>
      </c>
      <c r="Q34820">
        <v>50</v>
      </c>
      <c r="R34820">
        <v>52</v>
      </c>
      <c r="S34820">
        <v>53</v>
      </c>
      <c r="T34820">
        <v>55</v>
      </c>
      <c r="U34820">
        <v>56</v>
      </c>
      <c r="V34820">
        <v>57</v>
      </c>
      <c r="W34820">
        <v>59</v>
      </c>
      <c r="X34820">
        <v>60</v>
      </c>
      <c r="Y34820">
        <v>61</v>
      </c>
      <c r="Z34820">
        <v>62</v>
      </c>
      <c r="AA34820">
        <v>64</v>
      </c>
      <c r="AB34820">
        <v>65</v>
      </c>
      <c r="AC34820">
        <v>66</v>
      </c>
      <c r="AD34820">
        <v>67</v>
      </c>
      <c r="AE34820">
        <v>68</v>
      </c>
      <c r="AF34820">
        <v>69</v>
      </c>
      <c r="AG34820">
        <v>69</v>
      </c>
      <c r="AH34820">
        <v>70</v>
      </c>
      <c r="AI34820">
        <v>70</v>
      </c>
      <c r="AJ34820">
        <v>70</v>
      </c>
      <c r="AK34820">
        <v>71</v>
      </c>
      <c r="AL34820">
        <v>71</v>
      </c>
      <c r="AM34820">
        <v>72</v>
      </c>
      <c r="AN34820">
        <v>72</v>
      </c>
      <c r="AO34820">
        <v>72</v>
      </c>
      <c r="AP34820">
        <v>73</v>
      </c>
      <c r="AQ34820">
        <v>73</v>
      </c>
    </row>
    <row r="34821" spans="1:43">
      <c r="A34821" t="s">
        <v>21585</v>
      </c>
      <c r="B34821" t="s">
        <v>21586</v>
      </c>
      <c r="C34821" t="s">
        <v>21587</v>
      </c>
      <c r="D34821" t="s">
        <v>21588</v>
      </c>
      <c r="E34821" t="s">
        <v>21557</v>
      </c>
      <c r="F34821" t="s">
        <v>21558</v>
      </c>
      <c r="G34821" t="s">
        <v>20255</v>
      </c>
      <c r="H34821" t="s">
        <v>20256</v>
      </c>
      <c r="I34821" s="2">
        <v>1</v>
      </c>
      <c r="J34821" s="2">
        <v>0</v>
      </c>
      <c r="K34821" s="2">
        <v>0</v>
      </c>
      <c r="L34821" t="s">
        <v>120</v>
      </c>
      <c r="M34821" t="s">
        <v>83</v>
      </c>
      <c r="N34821" t="s">
        <v>91</v>
      </c>
      <c r="O34821" t="s">
        <v>85</v>
      </c>
      <c r="P34821" t="s">
        <v>86</v>
      </c>
      <c r="Q34821">
        <v>50</v>
      </c>
      <c r="R34821">
        <v>51</v>
      </c>
      <c r="S34821">
        <v>52</v>
      </c>
      <c r="T34821">
        <v>53</v>
      </c>
      <c r="U34821">
        <v>54</v>
      </c>
      <c r="V34821">
        <v>55</v>
      </c>
      <c r="W34821">
        <v>56</v>
      </c>
      <c r="X34821">
        <v>57</v>
      </c>
      <c r="Y34821">
        <v>58</v>
      </c>
      <c r="Z34821">
        <v>59</v>
      </c>
      <c r="AA34821">
        <v>60</v>
      </c>
      <c r="AB34821">
        <v>61</v>
      </c>
      <c r="AC34821">
        <v>62</v>
      </c>
      <c r="AD34821">
        <v>63</v>
      </c>
      <c r="AE34821">
        <v>64</v>
      </c>
      <c r="AF34821">
        <v>65</v>
      </c>
      <c r="AG34821">
        <v>66</v>
      </c>
      <c r="AH34821">
        <v>67</v>
      </c>
      <c r="AI34821">
        <v>68</v>
      </c>
      <c r="AJ34821">
        <v>69</v>
      </c>
      <c r="AK34821">
        <v>70</v>
      </c>
      <c r="AL34821">
        <v>71</v>
      </c>
      <c r="AM34821">
        <v>71</v>
      </c>
      <c r="AN34821">
        <v>71</v>
      </c>
      <c r="AO34821">
        <v>72</v>
      </c>
      <c r="AP34821">
        <v>72</v>
      </c>
      <c r="AQ34821">
        <v>73</v>
      </c>
    </row>
    <row r="34822" spans="1:43">
      <c r="A34822" t="s">
        <v>21589</v>
      </c>
      <c r="B34822" t="s">
        <v>21590</v>
      </c>
      <c r="C34822" t="s">
        <v>21591</v>
      </c>
      <c r="D34822" t="s">
        <v>21592</v>
      </c>
      <c r="E34822" t="s">
        <v>21557</v>
      </c>
      <c r="F34822" t="s">
        <v>21558</v>
      </c>
      <c r="G34822" t="s">
        <v>20255</v>
      </c>
      <c r="H34822" t="s">
        <v>20256</v>
      </c>
      <c r="I34822" s="2">
        <v>1</v>
      </c>
      <c r="J34822" s="2">
        <v>0</v>
      </c>
      <c r="K34822" s="2">
        <v>0</v>
      </c>
      <c r="L34822" t="s">
        <v>120</v>
      </c>
      <c r="M34822" t="s">
        <v>83</v>
      </c>
      <c r="N34822" t="s">
        <v>84</v>
      </c>
      <c r="O34822" t="s">
        <v>85</v>
      </c>
      <c r="P34822" t="s">
        <v>86</v>
      </c>
      <c r="Q34822">
        <v>45</v>
      </c>
      <c r="R34822">
        <v>46</v>
      </c>
      <c r="S34822">
        <v>46</v>
      </c>
      <c r="T34822">
        <v>47</v>
      </c>
      <c r="U34822">
        <v>48</v>
      </c>
      <c r="V34822">
        <v>49</v>
      </c>
      <c r="W34822">
        <v>50</v>
      </c>
      <c r="X34822">
        <v>51</v>
      </c>
      <c r="Y34822">
        <v>52</v>
      </c>
      <c r="Z34822">
        <v>53</v>
      </c>
      <c r="AA34822">
        <v>53</v>
      </c>
      <c r="AB34822">
        <v>54</v>
      </c>
      <c r="AC34822">
        <v>55</v>
      </c>
      <c r="AD34822">
        <v>56</v>
      </c>
      <c r="AE34822">
        <v>57</v>
      </c>
      <c r="AF34822">
        <v>58</v>
      </c>
      <c r="AG34822">
        <v>59</v>
      </c>
      <c r="AH34822">
        <v>60</v>
      </c>
      <c r="AI34822">
        <v>61</v>
      </c>
      <c r="AJ34822">
        <v>61</v>
      </c>
      <c r="AK34822">
        <v>62</v>
      </c>
      <c r="AL34822">
        <v>63</v>
      </c>
      <c r="AM34822">
        <v>63</v>
      </c>
      <c r="AN34822">
        <v>64</v>
      </c>
      <c r="AO34822">
        <v>64</v>
      </c>
      <c r="AP34822">
        <v>64</v>
      </c>
      <c r="AQ34822">
        <v>65</v>
      </c>
    </row>
    <row r="34823" spans="1:43">
      <c r="A34823" t="s">
        <v>21589</v>
      </c>
      <c r="B34823" t="s">
        <v>21590</v>
      </c>
      <c r="C34823" t="s">
        <v>21591</v>
      </c>
      <c r="D34823" t="s">
        <v>21592</v>
      </c>
      <c r="E34823" t="s">
        <v>21557</v>
      </c>
      <c r="F34823" t="s">
        <v>21558</v>
      </c>
      <c r="G34823" t="s">
        <v>20255</v>
      </c>
      <c r="H34823" t="s">
        <v>20256</v>
      </c>
      <c r="I34823" s="2">
        <v>1</v>
      </c>
      <c r="J34823" s="2">
        <v>0</v>
      </c>
      <c r="K34823" s="2">
        <v>0</v>
      </c>
      <c r="L34823" t="s">
        <v>120</v>
      </c>
      <c r="M34823" t="s">
        <v>87</v>
      </c>
      <c r="N34823" t="s">
        <v>88</v>
      </c>
      <c r="O34823" t="s">
        <v>85</v>
      </c>
      <c r="P34823" t="s">
        <v>86</v>
      </c>
      <c r="Q34823">
        <v>45</v>
      </c>
      <c r="R34823">
        <v>46</v>
      </c>
      <c r="S34823">
        <v>46</v>
      </c>
      <c r="T34823">
        <v>47</v>
      </c>
      <c r="U34823">
        <v>47</v>
      </c>
      <c r="V34823">
        <v>47</v>
      </c>
      <c r="W34823">
        <v>48</v>
      </c>
      <c r="X34823">
        <v>48</v>
      </c>
      <c r="Y34823">
        <v>49</v>
      </c>
      <c r="Z34823">
        <v>49</v>
      </c>
      <c r="AA34823">
        <v>50</v>
      </c>
      <c r="AB34823">
        <v>50</v>
      </c>
      <c r="AC34823">
        <v>51</v>
      </c>
      <c r="AD34823">
        <v>51</v>
      </c>
      <c r="AE34823">
        <v>51</v>
      </c>
      <c r="AF34823">
        <v>52</v>
      </c>
      <c r="AG34823">
        <v>52</v>
      </c>
      <c r="AH34823">
        <v>53</v>
      </c>
      <c r="AI34823">
        <v>53</v>
      </c>
      <c r="AJ34823">
        <v>54</v>
      </c>
      <c r="AK34823">
        <v>54</v>
      </c>
      <c r="AL34823">
        <v>55</v>
      </c>
      <c r="AM34823">
        <v>55</v>
      </c>
      <c r="AN34823">
        <v>56</v>
      </c>
      <c r="AO34823">
        <v>56</v>
      </c>
      <c r="AP34823">
        <v>57</v>
      </c>
      <c r="AQ34823">
        <v>57</v>
      </c>
    </row>
    <row r="34824" spans="1:43">
      <c r="A34824" t="s">
        <v>21589</v>
      </c>
      <c r="B34824" t="s">
        <v>21590</v>
      </c>
      <c r="C34824" t="s">
        <v>21591</v>
      </c>
      <c r="D34824" t="s">
        <v>21592</v>
      </c>
      <c r="E34824" t="s">
        <v>21557</v>
      </c>
      <c r="F34824" t="s">
        <v>21558</v>
      </c>
      <c r="G34824" t="s">
        <v>20255</v>
      </c>
      <c r="H34824" t="s">
        <v>20256</v>
      </c>
      <c r="I34824" s="2">
        <v>1</v>
      </c>
      <c r="J34824" s="2">
        <v>0</v>
      </c>
      <c r="K34824" s="2">
        <v>0</v>
      </c>
      <c r="L34824" t="s">
        <v>120</v>
      </c>
      <c r="M34824" t="s">
        <v>89</v>
      </c>
      <c r="N34824" t="s">
        <v>90</v>
      </c>
      <c r="O34824" t="s">
        <v>85</v>
      </c>
      <c r="P34824" t="s">
        <v>86</v>
      </c>
      <c r="Q34824">
        <v>45</v>
      </c>
      <c r="R34824">
        <v>46</v>
      </c>
      <c r="S34824">
        <v>48</v>
      </c>
      <c r="T34824">
        <v>49</v>
      </c>
      <c r="U34824">
        <v>50</v>
      </c>
      <c r="V34824">
        <v>51</v>
      </c>
      <c r="W34824">
        <v>52</v>
      </c>
      <c r="X34824">
        <v>54</v>
      </c>
      <c r="Y34824">
        <v>55</v>
      </c>
      <c r="Z34824">
        <v>56</v>
      </c>
      <c r="AA34824">
        <v>57</v>
      </c>
      <c r="AB34824">
        <v>58</v>
      </c>
      <c r="AC34824">
        <v>59</v>
      </c>
      <c r="AD34824">
        <v>60</v>
      </c>
      <c r="AE34824">
        <v>61</v>
      </c>
      <c r="AF34824">
        <v>61</v>
      </c>
      <c r="AG34824">
        <v>62</v>
      </c>
      <c r="AH34824">
        <v>62</v>
      </c>
      <c r="AI34824">
        <v>62</v>
      </c>
      <c r="AJ34824">
        <v>63</v>
      </c>
      <c r="AK34824">
        <v>63</v>
      </c>
      <c r="AL34824">
        <v>63</v>
      </c>
      <c r="AM34824">
        <v>64</v>
      </c>
      <c r="AN34824">
        <v>64</v>
      </c>
      <c r="AO34824">
        <v>64</v>
      </c>
      <c r="AP34824">
        <v>65</v>
      </c>
      <c r="AQ34824">
        <v>65</v>
      </c>
    </row>
    <row r="34825" spans="1:43">
      <c r="A34825" t="s">
        <v>21589</v>
      </c>
      <c r="B34825" t="s">
        <v>21590</v>
      </c>
      <c r="C34825" t="s">
        <v>21591</v>
      </c>
      <c r="D34825" t="s">
        <v>21592</v>
      </c>
      <c r="E34825" t="s">
        <v>21557</v>
      </c>
      <c r="F34825" t="s">
        <v>21558</v>
      </c>
      <c r="G34825" t="s">
        <v>20255</v>
      </c>
      <c r="H34825" t="s">
        <v>20256</v>
      </c>
      <c r="I34825" s="2">
        <v>1</v>
      </c>
      <c r="J34825" s="2">
        <v>0</v>
      </c>
      <c r="K34825" s="2">
        <v>0</v>
      </c>
      <c r="L34825" t="s">
        <v>120</v>
      </c>
      <c r="M34825" t="s">
        <v>83</v>
      </c>
      <c r="N34825" t="s">
        <v>91</v>
      </c>
      <c r="O34825" t="s">
        <v>85</v>
      </c>
      <c r="P34825" t="s">
        <v>86</v>
      </c>
      <c r="Q34825">
        <v>45</v>
      </c>
      <c r="R34825">
        <v>46</v>
      </c>
      <c r="S34825">
        <v>46</v>
      </c>
      <c r="T34825">
        <v>47</v>
      </c>
      <c r="U34825">
        <v>48</v>
      </c>
      <c r="V34825">
        <v>49</v>
      </c>
      <c r="W34825">
        <v>50</v>
      </c>
      <c r="X34825">
        <v>51</v>
      </c>
      <c r="Y34825">
        <v>52</v>
      </c>
      <c r="Z34825">
        <v>53</v>
      </c>
      <c r="AA34825">
        <v>53</v>
      </c>
      <c r="AB34825">
        <v>54</v>
      </c>
      <c r="AC34825">
        <v>55</v>
      </c>
      <c r="AD34825">
        <v>56</v>
      </c>
      <c r="AE34825">
        <v>57</v>
      </c>
      <c r="AF34825">
        <v>58</v>
      </c>
      <c r="AG34825">
        <v>59</v>
      </c>
      <c r="AH34825">
        <v>60</v>
      </c>
      <c r="AI34825">
        <v>61</v>
      </c>
      <c r="AJ34825">
        <v>61</v>
      </c>
      <c r="AK34825">
        <v>62</v>
      </c>
      <c r="AL34825">
        <v>63</v>
      </c>
      <c r="AM34825">
        <v>63</v>
      </c>
      <c r="AN34825">
        <v>64</v>
      </c>
      <c r="AO34825">
        <v>64</v>
      </c>
      <c r="AP34825">
        <v>64</v>
      </c>
      <c r="AQ34825">
        <v>65</v>
      </c>
    </row>
    <row r="34826" spans="1:43">
      <c r="A34826" t="s">
        <v>21593</v>
      </c>
      <c r="B34826" t="s">
        <v>21594</v>
      </c>
      <c r="C34826" t="s">
        <v>21555</v>
      </c>
      <c r="D34826" t="s">
        <v>21556</v>
      </c>
      <c r="E34826" t="s">
        <v>21557</v>
      </c>
      <c r="F34826" t="s">
        <v>21558</v>
      </c>
      <c r="G34826" t="s">
        <v>20255</v>
      </c>
      <c r="H34826" t="s">
        <v>20256</v>
      </c>
      <c r="I34826" s="2">
        <v>1</v>
      </c>
      <c r="J34826" s="2">
        <v>0</v>
      </c>
      <c r="K34826" s="2">
        <v>0</v>
      </c>
      <c r="L34826" t="s">
        <v>120</v>
      </c>
      <c r="M34826" t="s">
        <v>83</v>
      </c>
      <c r="N34826" t="s">
        <v>84</v>
      </c>
      <c r="O34826" t="s">
        <v>85</v>
      </c>
      <c r="P34826" t="s">
        <v>86</v>
      </c>
      <c r="Q34826">
        <v>37</v>
      </c>
      <c r="R34826">
        <v>37</v>
      </c>
      <c r="S34826">
        <v>38</v>
      </c>
      <c r="T34826">
        <v>39</v>
      </c>
      <c r="U34826">
        <v>40</v>
      </c>
      <c r="V34826">
        <v>40</v>
      </c>
      <c r="W34826">
        <v>41</v>
      </c>
      <c r="X34826">
        <v>42</v>
      </c>
      <c r="Y34826">
        <v>43</v>
      </c>
      <c r="Z34826">
        <v>43</v>
      </c>
      <c r="AA34826">
        <v>44</v>
      </c>
      <c r="AB34826">
        <v>45</v>
      </c>
      <c r="AC34826">
        <v>45</v>
      </c>
      <c r="AD34826">
        <v>46</v>
      </c>
      <c r="AE34826">
        <v>47</v>
      </c>
      <c r="AF34826">
        <v>48</v>
      </c>
      <c r="AG34826">
        <v>48</v>
      </c>
      <c r="AH34826">
        <v>49</v>
      </c>
      <c r="AI34826">
        <v>50</v>
      </c>
      <c r="AJ34826">
        <v>51</v>
      </c>
      <c r="AK34826">
        <v>52</v>
      </c>
      <c r="AL34826">
        <v>52</v>
      </c>
      <c r="AM34826">
        <v>52</v>
      </c>
      <c r="AN34826">
        <v>53</v>
      </c>
      <c r="AO34826">
        <v>53</v>
      </c>
      <c r="AP34826">
        <v>53</v>
      </c>
      <c r="AQ34826">
        <v>54</v>
      </c>
    </row>
    <row r="34827" spans="1:43">
      <c r="A34827" t="s">
        <v>21593</v>
      </c>
      <c r="B34827" t="s">
        <v>21594</v>
      </c>
      <c r="C34827" t="s">
        <v>21555</v>
      </c>
      <c r="D34827" t="s">
        <v>21556</v>
      </c>
      <c r="E34827" t="s">
        <v>21557</v>
      </c>
      <c r="F34827" t="s">
        <v>21558</v>
      </c>
      <c r="G34827" t="s">
        <v>20255</v>
      </c>
      <c r="H34827" t="s">
        <v>20256</v>
      </c>
      <c r="I34827" s="2">
        <v>1</v>
      </c>
      <c r="J34827" s="2">
        <v>0</v>
      </c>
      <c r="K34827" s="2">
        <v>0</v>
      </c>
      <c r="L34827" t="s">
        <v>120</v>
      </c>
      <c r="M34827" t="s">
        <v>87</v>
      </c>
      <c r="N34827" t="s">
        <v>88</v>
      </c>
      <c r="O34827" t="s">
        <v>85</v>
      </c>
      <c r="P34827" t="s">
        <v>86</v>
      </c>
      <c r="Q34827">
        <v>37</v>
      </c>
      <c r="R34827">
        <v>38</v>
      </c>
      <c r="S34827">
        <v>38</v>
      </c>
      <c r="T34827">
        <v>38</v>
      </c>
      <c r="U34827">
        <v>39</v>
      </c>
      <c r="V34827">
        <v>39</v>
      </c>
      <c r="W34827">
        <v>40</v>
      </c>
      <c r="X34827">
        <v>40</v>
      </c>
      <c r="Y34827">
        <v>40</v>
      </c>
      <c r="Z34827">
        <v>41</v>
      </c>
      <c r="AA34827">
        <v>41</v>
      </c>
      <c r="AB34827">
        <v>42</v>
      </c>
      <c r="AC34827">
        <v>42</v>
      </c>
      <c r="AD34827">
        <v>42</v>
      </c>
      <c r="AE34827">
        <v>43</v>
      </c>
      <c r="AF34827">
        <v>43</v>
      </c>
      <c r="AG34827">
        <v>43</v>
      </c>
      <c r="AH34827">
        <v>44</v>
      </c>
      <c r="AI34827">
        <v>44</v>
      </c>
      <c r="AJ34827">
        <v>45</v>
      </c>
      <c r="AK34827">
        <v>45</v>
      </c>
      <c r="AL34827">
        <v>46</v>
      </c>
      <c r="AM34827">
        <v>46</v>
      </c>
      <c r="AN34827">
        <v>46</v>
      </c>
      <c r="AO34827">
        <v>47</v>
      </c>
      <c r="AP34827">
        <v>47</v>
      </c>
      <c r="AQ34827">
        <v>48</v>
      </c>
    </row>
    <row r="34828" spans="1:43">
      <c r="A34828" t="s">
        <v>21593</v>
      </c>
      <c r="B34828" t="s">
        <v>21594</v>
      </c>
      <c r="C34828" t="s">
        <v>21555</v>
      </c>
      <c r="D34828" t="s">
        <v>21556</v>
      </c>
      <c r="E34828" t="s">
        <v>21557</v>
      </c>
      <c r="F34828" t="s">
        <v>21558</v>
      </c>
      <c r="G34828" t="s">
        <v>20255</v>
      </c>
      <c r="H34828" t="s">
        <v>20256</v>
      </c>
      <c r="I34828" s="2">
        <v>1</v>
      </c>
      <c r="J34828" s="2">
        <v>0</v>
      </c>
      <c r="K34828" s="2">
        <v>0</v>
      </c>
      <c r="L34828" t="s">
        <v>120</v>
      </c>
      <c r="M34828" t="s">
        <v>89</v>
      </c>
      <c r="N34828" t="s">
        <v>90</v>
      </c>
      <c r="O34828" t="s">
        <v>85</v>
      </c>
      <c r="P34828" t="s">
        <v>86</v>
      </c>
      <c r="Q34828">
        <v>37</v>
      </c>
      <c r="R34828">
        <v>38</v>
      </c>
      <c r="S34828">
        <v>39</v>
      </c>
      <c r="T34828">
        <v>40</v>
      </c>
      <c r="U34828">
        <v>41</v>
      </c>
      <c r="V34828">
        <v>42</v>
      </c>
      <c r="W34828">
        <v>43</v>
      </c>
      <c r="X34828">
        <v>44</v>
      </c>
      <c r="Y34828">
        <v>45</v>
      </c>
      <c r="Z34828">
        <v>46</v>
      </c>
      <c r="AA34828">
        <v>47</v>
      </c>
      <c r="AB34828">
        <v>48</v>
      </c>
      <c r="AC34828">
        <v>49</v>
      </c>
      <c r="AD34828">
        <v>50</v>
      </c>
      <c r="AE34828">
        <v>50</v>
      </c>
      <c r="AF34828">
        <v>51</v>
      </c>
      <c r="AG34828">
        <v>51</v>
      </c>
      <c r="AH34828">
        <v>51</v>
      </c>
      <c r="AI34828">
        <v>52</v>
      </c>
      <c r="AJ34828">
        <v>52</v>
      </c>
      <c r="AK34828">
        <v>52</v>
      </c>
      <c r="AL34828">
        <v>53</v>
      </c>
      <c r="AM34828">
        <v>53</v>
      </c>
      <c r="AN34828">
        <v>53</v>
      </c>
      <c r="AO34828">
        <v>53</v>
      </c>
      <c r="AP34828">
        <v>54</v>
      </c>
      <c r="AQ34828">
        <v>54</v>
      </c>
    </row>
    <row r="34829" spans="1:43">
      <c r="A34829" t="s">
        <v>21593</v>
      </c>
      <c r="B34829" t="s">
        <v>21594</v>
      </c>
      <c r="C34829" t="s">
        <v>21555</v>
      </c>
      <c r="D34829" t="s">
        <v>21556</v>
      </c>
      <c r="E34829" t="s">
        <v>21557</v>
      </c>
      <c r="F34829" t="s">
        <v>21558</v>
      </c>
      <c r="G34829" t="s">
        <v>20255</v>
      </c>
      <c r="H34829" t="s">
        <v>20256</v>
      </c>
      <c r="I34829" s="2">
        <v>1</v>
      </c>
      <c r="J34829" s="2">
        <v>0</v>
      </c>
      <c r="K34829" s="2">
        <v>0</v>
      </c>
      <c r="L34829" t="s">
        <v>120</v>
      </c>
      <c r="M34829" t="s">
        <v>83</v>
      </c>
      <c r="N34829" t="s">
        <v>91</v>
      </c>
      <c r="O34829" t="s">
        <v>85</v>
      </c>
      <c r="P34829" t="s">
        <v>86</v>
      </c>
      <c r="Q34829">
        <v>37</v>
      </c>
      <c r="R34829">
        <v>37</v>
      </c>
      <c r="S34829">
        <v>38</v>
      </c>
      <c r="T34829">
        <v>39</v>
      </c>
      <c r="U34829">
        <v>40</v>
      </c>
      <c r="V34829">
        <v>40</v>
      </c>
      <c r="W34829">
        <v>41</v>
      </c>
      <c r="X34829">
        <v>42</v>
      </c>
      <c r="Y34829">
        <v>43</v>
      </c>
      <c r="Z34829">
        <v>43</v>
      </c>
      <c r="AA34829">
        <v>44</v>
      </c>
      <c r="AB34829">
        <v>45</v>
      </c>
      <c r="AC34829">
        <v>45</v>
      </c>
      <c r="AD34829">
        <v>46</v>
      </c>
      <c r="AE34829">
        <v>47</v>
      </c>
      <c r="AF34829">
        <v>48</v>
      </c>
      <c r="AG34829">
        <v>48</v>
      </c>
      <c r="AH34829">
        <v>49</v>
      </c>
      <c r="AI34829">
        <v>50</v>
      </c>
      <c r="AJ34829">
        <v>51</v>
      </c>
      <c r="AK34829">
        <v>52</v>
      </c>
      <c r="AL34829">
        <v>52</v>
      </c>
      <c r="AM34829">
        <v>52</v>
      </c>
      <c r="AN34829">
        <v>53</v>
      </c>
      <c r="AO34829">
        <v>53</v>
      </c>
      <c r="AP34829">
        <v>53</v>
      </c>
      <c r="AQ34829">
        <v>54</v>
      </c>
    </row>
    <row r="34830" spans="1:43">
      <c r="A34830" t="s">
        <v>21595</v>
      </c>
      <c r="B34830" t="s">
        <v>21596</v>
      </c>
      <c r="C34830" t="s">
        <v>21555</v>
      </c>
      <c r="D34830" t="s">
        <v>21556</v>
      </c>
      <c r="E34830" t="s">
        <v>21557</v>
      </c>
      <c r="F34830" t="s">
        <v>21558</v>
      </c>
      <c r="G34830" t="s">
        <v>20255</v>
      </c>
      <c r="H34830" t="s">
        <v>20256</v>
      </c>
      <c r="I34830" s="2">
        <v>1</v>
      </c>
      <c r="J34830" s="2">
        <v>0</v>
      </c>
      <c r="K34830" s="2">
        <v>0</v>
      </c>
      <c r="L34830" t="s">
        <v>120</v>
      </c>
      <c r="M34830" t="s">
        <v>83</v>
      </c>
      <c r="N34830" t="s">
        <v>84</v>
      </c>
      <c r="O34830" t="s">
        <v>85</v>
      </c>
      <c r="P34830" t="s">
        <v>86</v>
      </c>
      <c r="Q34830">
        <v>42</v>
      </c>
      <c r="R34830">
        <v>43</v>
      </c>
      <c r="S34830">
        <v>44</v>
      </c>
      <c r="T34830">
        <v>45</v>
      </c>
      <c r="U34830">
        <v>45</v>
      </c>
      <c r="V34830">
        <v>46</v>
      </c>
      <c r="W34830">
        <v>47</v>
      </c>
      <c r="X34830">
        <v>48</v>
      </c>
      <c r="Y34830">
        <v>48</v>
      </c>
      <c r="Z34830">
        <v>49</v>
      </c>
      <c r="AA34830">
        <v>50</v>
      </c>
      <c r="AB34830">
        <v>51</v>
      </c>
      <c r="AC34830">
        <v>51</v>
      </c>
      <c r="AD34830">
        <v>52</v>
      </c>
      <c r="AE34830">
        <v>53</v>
      </c>
      <c r="AF34830">
        <v>54</v>
      </c>
      <c r="AG34830">
        <v>55</v>
      </c>
      <c r="AH34830">
        <v>55</v>
      </c>
      <c r="AI34830">
        <v>56</v>
      </c>
      <c r="AJ34830">
        <v>57</v>
      </c>
      <c r="AK34830">
        <v>58</v>
      </c>
      <c r="AL34830">
        <v>58</v>
      </c>
      <c r="AM34830">
        <v>59</v>
      </c>
      <c r="AN34830">
        <v>59</v>
      </c>
      <c r="AO34830">
        <v>59</v>
      </c>
      <c r="AP34830">
        <v>59</v>
      </c>
      <c r="AQ34830">
        <v>60</v>
      </c>
    </row>
    <row r="34831" spans="1:43">
      <c r="A34831" t="s">
        <v>21595</v>
      </c>
      <c r="B34831" t="s">
        <v>21596</v>
      </c>
      <c r="C34831" t="s">
        <v>21555</v>
      </c>
      <c r="D34831" t="s">
        <v>21556</v>
      </c>
      <c r="E34831" t="s">
        <v>21557</v>
      </c>
      <c r="F34831" t="s">
        <v>21558</v>
      </c>
      <c r="G34831" t="s">
        <v>20255</v>
      </c>
      <c r="H34831" t="s">
        <v>20256</v>
      </c>
      <c r="I34831" s="2">
        <v>1</v>
      </c>
      <c r="J34831" s="2">
        <v>0</v>
      </c>
      <c r="K34831" s="2">
        <v>0</v>
      </c>
      <c r="L34831" t="s">
        <v>120</v>
      </c>
      <c r="M34831" t="s">
        <v>87</v>
      </c>
      <c r="N34831" t="s">
        <v>88</v>
      </c>
      <c r="O34831" t="s">
        <v>85</v>
      </c>
      <c r="P34831" t="s">
        <v>86</v>
      </c>
      <c r="Q34831">
        <v>42</v>
      </c>
      <c r="R34831">
        <v>42</v>
      </c>
      <c r="S34831">
        <v>43</v>
      </c>
      <c r="T34831">
        <v>43</v>
      </c>
      <c r="U34831">
        <v>43</v>
      </c>
      <c r="V34831">
        <v>44</v>
      </c>
      <c r="W34831">
        <v>44</v>
      </c>
      <c r="X34831">
        <v>44</v>
      </c>
      <c r="Y34831">
        <v>45</v>
      </c>
      <c r="Z34831">
        <v>45</v>
      </c>
      <c r="AA34831">
        <v>46</v>
      </c>
      <c r="AB34831">
        <v>46</v>
      </c>
      <c r="AC34831">
        <v>46</v>
      </c>
      <c r="AD34831">
        <v>47</v>
      </c>
      <c r="AE34831">
        <v>47</v>
      </c>
      <c r="AF34831">
        <v>47</v>
      </c>
      <c r="AG34831">
        <v>48</v>
      </c>
      <c r="AH34831">
        <v>48</v>
      </c>
      <c r="AI34831">
        <v>49</v>
      </c>
      <c r="AJ34831">
        <v>49</v>
      </c>
      <c r="AK34831">
        <v>49</v>
      </c>
      <c r="AL34831">
        <v>50</v>
      </c>
      <c r="AM34831">
        <v>50</v>
      </c>
      <c r="AN34831">
        <v>51</v>
      </c>
      <c r="AO34831">
        <v>51</v>
      </c>
      <c r="AP34831">
        <v>52</v>
      </c>
      <c r="AQ34831">
        <v>52</v>
      </c>
    </row>
    <row r="34832" spans="1:43">
      <c r="A34832" t="s">
        <v>21595</v>
      </c>
      <c r="B34832" t="s">
        <v>21596</v>
      </c>
      <c r="C34832" t="s">
        <v>21555</v>
      </c>
      <c r="D34832" t="s">
        <v>21556</v>
      </c>
      <c r="E34832" t="s">
        <v>21557</v>
      </c>
      <c r="F34832" t="s">
        <v>21558</v>
      </c>
      <c r="G34832" t="s">
        <v>20255</v>
      </c>
      <c r="H34832" t="s">
        <v>20256</v>
      </c>
      <c r="I34832" s="2">
        <v>1</v>
      </c>
      <c r="J34832" s="2">
        <v>0</v>
      </c>
      <c r="K34832" s="2">
        <v>0</v>
      </c>
      <c r="L34832" t="s">
        <v>120</v>
      </c>
      <c r="M34832" t="s">
        <v>89</v>
      </c>
      <c r="N34832" t="s">
        <v>90</v>
      </c>
      <c r="O34832" t="s">
        <v>85</v>
      </c>
      <c r="P34832" t="s">
        <v>86</v>
      </c>
      <c r="Q34832">
        <v>42</v>
      </c>
      <c r="R34832">
        <v>43</v>
      </c>
      <c r="S34832">
        <v>44</v>
      </c>
      <c r="T34832">
        <v>45</v>
      </c>
      <c r="U34832">
        <v>46</v>
      </c>
      <c r="V34832">
        <v>47</v>
      </c>
      <c r="W34832">
        <v>48</v>
      </c>
      <c r="X34832">
        <v>49</v>
      </c>
      <c r="Y34832">
        <v>50</v>
      </c>
      <c r="Z34832">
        <v>51</v>
      </c>
      <c r="AA34832">
        <v>52</v>
      </c>
      <c r="AB34832">
        <v>53</v>
      </c>
      <c r="AC34832">
        <v>54</v>
      </c>
      <c r="AD34832">
        <v>55</v>
      </c>
      <c r="AE34832">
        <v>56</v>
      </c>
      <c r="AF34832">
        <v>56</v>
      </c>
      <c r="AG34832">
        <v>56</v>
      </c>
      <c r="AH34832">
        <v>57</v>
      </c>
      <c r="AI34832">
        <v>57</v>
      </c>
      <c r="AJ34832">
        <v>57</v>
      </c>
      <c r="AK34832">
        <v>58</v>
      </c>
      <c r="AL34832">
        <v>58</v>
      </c>
      <c r="AM34832">
        <v>58</v>
      </c>
      <c r="AN34832">
        <v>58</v>
      </c>
      <c r="AO34832">
        <v>59</v>
      </c>
      <c r="AP34832">
        <v>59</v>
      </c>
      <c r="AQ34832">
        <v>59</v>
      </c>
    </row>
    <row r="34833" spans="1:43">
      <c r="A34833" t="s">
        <v>21595</v>
      </c>
      <c r="B34833" t="s">
        <v>21596</v>
      </c>
      <c r="C34833" t="s">
        <v>21555</v>
      </c>
      <c r="D34833" t="s">
        <v>21556</v>
      </c>
      <c r="E34833" t="s">
        <v>21557</v>
      </c>
      <c r="F34833" t="s">
        <v>21558</v>
      </c>
      <c r="G34833" t="s">
        <v>20255</v>
      </c>
      <c r="H34833" t="s">
        <v>20256</v>
      </c>
      <c r="I34833" s="2">
        <v>1</v>
      </c>
      <c r="J34833" s="2">
        <v>0</v>
      </c>
      <c r="K34833" s="2">
        <v>0</v>
      </c>
      <c r="L34833" t="s">
        <v>120</v>
      </c>
      <c r="M34833" t="s">
        <v>83</v>
      </c>
      <c r="N34833" t="s">
        <v>91</v>
      </c>
      <c r="O34833" t="s">
        <v>85</v>
      </c>
      <c r="P34833" t="s">
        <v>86</v>
      </c>
      <c r="Q34833">
        <v>42</v>
      </c>
      <c r="R34833">
        <v>43</v>
      </c>
      <c r="S34833">
        <v>44</v>
      </c>
      <c r="T34833">
        <v>45</v>
      </c>
      <c r="U34833">
        <v>45</v>
      </c>
      <c r="V34833">
        <v>46</v>
      </c>
      <c r="W34833">
        <v>47</v>
      </c>
      <c r="X34833">
        <v>48</v>
      </c>
      <c r="Y34833">
        <v>48</v>
      </c>
      <c r="Z34833">
        <v>49</v>
      </c>
      <c r="AA34833">
        <v>50</v>
      </c>
      <c r="AB34833">
        <v>51</v>
      </c>
      <c r="AC34833">
        <v>51</v>
      </c>
      <c r="AD34833">
        <v>52</v>
      </c>
      <c r="AE34833">
        <v>53</v>
      </c>
      <c r="AF34833">
        <v>54</v>
      </c>
      <c r="AG34833">
        <v>55</v>
      </c>
      <c r="AH34833">
        <v>55</v>
      </c>
      <c r="AI34833">
        <v>56</v>
      </c>
      <c r="AJ34833">
        <v>57</v>
      </c>
      <c r="AK34833">
        <v>58</v>
      </c>
      <c r="AL34833">
        <v>58</v>
      </c>
      <c r="AM34833">
        <v>59</v>
      </c>
      <c r="AN34833">
        <v>59</v>
      </c>
      <c r="AO34833">
        <v>59</v>
      </c>
      <c r="AP34833">
        <v>59</v>
      </c>
      <c r="AQ34833">
        <v>60</v>
      </c>
    </row>
    <row r="34834" spans="1:43">
      <c r="A34834" t="s">
        <v>21597</v>
      </c>
      <c r="B34834" t="s">
        <v>21598</v>
      </c>
      <c r="C34834" t="s">
        <v>21591</v>
      </c>
      <c r="D34834" t="s">
        <v>21592</v>
      </c>
      <c r="E34834" t="s">
        <v>21557</v>
      </c>
      <c r="F34834" t="s">
        <v>21558</v>
      </c>
      <c r="G34834" t="s">
        <v>20255</v>
      </c>
      <c r="H34834" t="s">
        <v>20256</v>
      </c>
      <c r="I34834" s="2">
        <v>1</v>
      </c>
      <c r="J34834" s="2">
        <v>0</v>
      </c>
      <c r="K34834" s="2">
        <v>0</v>
      </c>
      <c r="L34834" t="s">
        <v>120</v>
      </c>
      <c r="M34834" t="s">
        <v>83</v>
      </c>
      <c r="N34834" t="s">
        <v>84</v>
      </c>
      <c r="O34834" t="s">
        <v>85</v>
      </c>
      <c r="P34834" t="s">
        <v>86</v>
      </c>
      <c r="Q34834">
        <v>15</v>
      </c>
      <c r="R34834">
        <v>15</v>
      </c>
      <c r="S34834">
        <v>15</v>
      </c>
      <c r="T34834">
        <v>16</v>
      </c>
      <c r="U34834">
        <v>16</v>
      </c>
      <c r="V34834">
        <v>16</v>
      </c>
      <c r="W34834">
        <v>16</v>
      </c>
      <c r="X34834">
        <v>17</v>
      </c>
      <c r="Y34834">
        <v>17</v>
      </c>
      <c r="Z34834">
        <v>17</v>
      </c>
      <c r="AA34834">
        <v>18</v>
      </c>
      <c r="AB34834">
        <v>18</v>
      </c>
      <c r="AC34834">
        <v>18</v>
      </c>
      <c r="AD34834">
        <v>19</v>
      </c>
      <c r="AE34834">
        <v>19</v>
      </c>
      <c r="AF34834">
        <v>19</v>
      </c>
      <c r="AG34834">
        <v>19</v>
      </c>
      <c r="AH34834">
        <v>20</v>
      </c>
      <c r="AI34834">
        <v>20</v>
      </c>
      <c r="AJ34834">
        <v>20</v>
      </c>
      <c r="AK34834">
        <v>21</v>
      </c>
      <c r="AL34834">
        <v>21</v>
      </c>
      <c r="AM34834">
        <v>21</v>
      </c>
      <c r="AN34834">
        <v>21</v>
      </c>
      <c r="AO34834">
        <v>21</v>
      </c>
      <c r="AP34834">
        <v>21</v>
      </c>
      <c r="AQ34834">
        <v>22</v>
      </c>
    </row>
    <row r="34835" spans="1:43">
      <c r="A34835" t="s">
        <v>21597</v>
      </c>
      <c r="B34835" t="s">
        <v>21598</v>
      </c>
      <c r="C34835" t="s">
        <v>21591</v>
      </c>
      <c r="D34835" t="s">
        <v>21592</v>
      </c>
      <c r="E34835" t="s">
        <v>21557</v>
      </c>
      <c r="F34835" t="s">
        <v>21558</v>
      </c>
      <c r="G34835" t="s">
        <v>20255</v>
      </c>
      <c r="H34835" t="s">
        <v>20256</v>
      </c>
      <c r="I34835" s="2">
        <v>1</v>
      </c>
      <c r="J34835" s="2">
        <v>0</v>
      </c>
      <c r="K34835" s="2">
        <v>0</v>
      </c>
      <c r="L34835" t="s">
        <v>120</v>
      </c>
      <c r="M34835" t="s">
        <v>87</v>
      </c>
      <c r="N34835" t="s">
        <v>88</v>
      </c>
      <c r="O34835" t="s">
        <v>85</v>
      </c>
      <c r="P34835" t="s">
        <v>86</v>
      </c>
      <c r="Q34835">
        <v>15</v>
      </c>
      <c r="R34835">
        <v>15</v>
      </c>
      <c r="S34835">
        <v>15</v>
      </c>
      <c r="T34835">
        <v>15</v>
      </c>
      <c r="U34835">
        <v>15</v>
      </c>
      <c r="V34835">
        <v>15</v>
      </c>
      <c r="W34835">
        <v>15</v>
      </c>
      <c r="X34835">
        <v>16</v>
      </c>
      <c r="Y34835">
        <v>16</v>
      </c>
      <c r="Z34835">
        <v>16</v>
      </c>
      <c r="AA34835">
        <v>16</v>
      </c>
      <c r="AB34835">
        <v>16</v>
      </c>
      <c r="AC34835">
        <v>16</v>
      </c>
      <c r="AD34835">
        <v>17</v>
      </c>
      <c r="AE34835">
        <v>17</v>
      </c>
      <c r="AF34835">
        <v>17</v>
      </c>
      <c r="AG34835">
        <v>17</v>
      </c>
      <c r="AH34835">
        <v>17</v>
      </c>
      <c r="AI34835">
        <v>17</v>
      </c>
      <c r="AJ34835">
        <v>17</v>
      </c>
      <c r="AK34835">
        <v>18</v>
      </c>
      <c r="AL34835">
        <v>18</v>
      </c>
      <c r="AM34835">
        <v>18</v>
      </c>
      <c r="AN34835">
        <v>18</v>
      </c>
      <c r="AO34835">
        <v>18</v>
      </c>
      <c r="AP34835">
        <v>18</v>
      </c>
      <c r="AQ34835">
        <v>19</v>
      </c>
    </row>
    <row r="34836" spans="1:43">
      <c r="A34836" t="s">
        <v>21597</v>
      </c>
      <c r="B34836" t="s">
        <v>21598</v>
      </c>
      <c r="C34836" t="s">
        <v>21591</v>
      </c>
      <c r="D34836" t="s">
        <v>21592</v>
      </c>
      <c r="E34836" t="s">
        <v>21557</v>
      </c>
      <c r="F34836" t="s">
        <v>21558</v>
      </c>
      <c r="G34836" t="s">
        <v>20255</v>
      </c>
      <c r="H34836" t="s">
        <v>20256</v>
      </c>
      <c r="I34836" s="2">
        <v>1</v>
      </c>
      <c r="J34836" s="2">
        <v>0</v>
      </c>
      <c r="K34836" s="2">
        <v>0</v>
      </c>
      <c r="L34836" t="s">
        <v>120</v>
      </c>
      <c r="M34836" t="s">
        <v>89</v>
      </c>
      <c r="N34836" t="s">
        <v>90</v>
      </c>
      <c r="O34836" t="s">
        <v>85</v>
      </c>
      <c r="P34836" t="s">
        <v>86</v>
      </c>
      <c r="Q34836">
        <v>15</v>
      </c>
      <c r="R34836">
        <v>15</v>
      </c>
      <c r="S34836">
        <v>16</v>
      </c>
      <c r="T34836">
        <v>16</v>
      </c>
      <c r="U34836">
        <v>17</v>
      </c>
      <c r="V34836">
        <v>17</v>
      </c>
      <c r="W34836">
        <v>17</v>
      </c>
      <c r="X34836">
        <v>18</v>
      </c>
      <c r="Y34836">
        <v>18</v>
      </c>
      <c r="Z34836">
        <v>18</v>
      </c>
      <c r="AA34836">
        <v>19</v>
      </c>
      <c r="AB34836">
        <v>19</v>
      </c>
      <c r="AC34836">
        <v>20</v>
      </c>
      <c r="AD34836">
        <v>20</v>
      </c>
      <c r="AE34836">
        <v>20</v>
      </c>
      <c r="AF34836">
        <v>20</v>
      </c>
      <c r="AG34836">
        <v>20</v>
      </c>
      <c r="AH34836">
        <v>21</v>
      </c>
      <c r="AI34836">
        <v>21</v>
      </c>
      <c r="AJ34836">
        <v>21</v>
      </c>
      <c r="AK34836">
        <v>21</v>
      </c>
      <c r="AL34836">
        <v>21</v>
      </c>
      <c r="AM34836">
        <v>21</v>
      </c>
      <c r="AN34836">
        <v>21</v>
      </c>
      <c r="AO34836">
        <v>22</v>
      </c>
      <c r="AP34836">
        <v>22</v>
      </c>
      <c r="AQ34836">
        <v>22</v>
      </c>
    </row>
    <row r="34837" spans="1:43">
      <c r="A34837" t="s">
        <v>21597</v>
      </c>
      <c r="B34837" t="s">
        <v>21598</v>
      </c>
      <c r="C34837" t="s">
        <v>21591</v>
      </c>
      <c r="D34837" t="s">
        <v>21592</v>
      </c>
      <c r="E34837" t="s">
        <v>21557</v>
      </c>
      <c r="F34837" t="s">
        <v>21558</v>
      </c>
      <c r="G34837" t="s">
        <v>20255</v>
      </c>
      <c r="H34837" t="s">
        <v>20256</v>
      </c>
      <c r="I34837" s="2">
        <v>1</v>
      </c>
      <c r="J34837" s="2">
        <v>0</v>
      </c>
      <c r="K34837" s="2">
        <v>0</v>
      </c>
      <c r="L34837" t="s">
        <v>120</v>
      </c>
      <c r="M34837" t="s">
        <v>83</v>
      </c>
      <c r="N34837" t="s">
        <v>91</v>
      </c>
      <c r="O34837" t="s">
        <v>85</v>
      </c>
      <c r="P34837" t="s">
        <v>86</v>
      </c>
      <c r="Q34837">
        <v>15</v>
      </c>
      <c r="R34837">
        <v>15</v>
      </c>
      <c r="S34837">
        <v>15</v>
      </c>
      <c r="T34837">
        <v>16</v>
      </c>
      <c r="U34837">
        <v>16</v>
      </c>
      <c r="V34837">
        <v>16</v>
      </c>
      <c r="W34837">
        <v>16</v>
      </c>
      <c r="X34837">
        <v>17</v>
      </c>
      <c r="Y34837">
        <v>17</v>
      </c>
      <c r="Z34837">
        <v>17</v>
      </c>
      <c r="AA34837">
        <v>18</v>
      </c>
      <c r="AB34837">
        <v>18</v>
      </c>
      <c r="AC34837">
        <v>18</v>
      </c>
      <c r="AD34837">
        <v>19</v>
      </c>
      <c r="AE34837">
        <v>19</v>
      </c>
      <c r="AF34837">
        <v>19</v>
      </c>
      <c r="AG34837">
        <v>19</v>
      </c>
      <c r="AH34837">
        <v>20</v>
      </c>
      <c r="AI34837">
        <v>20</v>
      </c>
      <c r="AJ34837">
        <v>20</v>
      </c>
      <c r="AK34837">
        <v>21</v>
      </c>
      <c r="AL34837">
        <v>21</v>
      </c>
      <c r="AM34837">
        <v>21</v>
      </c>
      <c r="AN34837">
        <v>21</v>
      </c>
      <c r="AO34837">
        <v>21</v>
      </c>
      <c r="AP34837">
        <v>21</v>
      </c>
      <c r="AQ34837">
        <v>22</v>
      </c>
    </row>
    <row r="34838" spans="1:43">
      <c r="A34838" t="s">
        <v>21599</v>
      </c>
      <c r="B34838" t="s">
        <v>21600</v>
      </c>
      <c r="C34838" t="s">
        <v>21591</v>
      </c>
      <c r="D34838" t="s">
        <v>21592</v>
      </c>
      <c r="E34838" t="s">
        <v>21557</v>
      </c>
      <c r="F34838" t="s">
        <v>21558</v>
      </c>
      <c r="G34838" t="s">
        <v>20255</v>
      </c>
      <c r="H34838" t="s">
        <v>20256</v>
      </c>
      <c r="I34838" s="2">
        <v>1</v>
      </c>
      <c r="J34838" s="2">
        <v>0</v>
      </c>
      <c r="K34838" s="2">
        <v>0</v>
      </c>
      <c r="L34838" t="s">
        <v>120</v>
      </c>
      <c r="M34838" t="s">
        <v>83</v>
      </c>
      <c r="N34838" t="s">
        <v>84</v>
      </c>
      <c r="O34838" t="s">
        <v>85</v>
      </c>
      <c r="P34838" t="s">
        <v>86</v>
      </c>
      <c r="Q34838">
        <v>26</v>
      </c>
      <c r="R34838">
        <v>26</v>
      </c>
      <c r="S34838">
        <v>27</v>
      </c>
      <c r="T34838">
        <v>27</v>
      </c>
      <c r="U34838">
        <v>28</v>
      </c>
      <c r="V34838">
        <v>28</v>
      </c>
      <c r="W34838">
        <v>29</v>
      </c>
      <c r="X34838">
        <v>29</v>
      </c>
      <c r="Y34838">
        <v>30</v>
      </c>
      <c r="Z34838">
        <v>30</v>
      </c>
      <c r="AA34838">
        <v>31</v>
      </c>
      <c r="AB34838">
        <v>31</v>
      </c>
      <c r="AC34838">
        <v>32</v>
      </c>
      <c r="AD34838">
        <v>32</v>
      </c>
      <c r="AE34838">
        <v>33</v>
      </c>
      <c r="AF34838">
        <v>34</v>
      </c>
      <c r="AG34838">
        <v>34</v>
      </c>
      <c r="AH34838">
        <v>35</v>
      </c>
      <c r="AI34838">
        <v>35</v>
      </c>
      <c r="AJ34838">
        <v>36</v>
      </c>
      <c r="AK34838">
        <v>36</v>
      </c>
      <c r="AL34838">
        <v>37</v>
      </c>
      <c r="AM34838">
        <v>37</v>
      </c>
      <c r="AN34838">
        <v>37</v>
      </c>
      <c r="AO34838">
        <v>37</v>
      </c>
      <c r="AP34838">
        <v>38</v>
      </c>
      <c r="AQ34838">
        <v>38</v>
      </c>
    </row>
    <row r="34839" spans="1:43">
      <c r="A34839" t="s">
        <v>21599</v>
      </c>
      <c r="B34839" t="s">
        <v>21600</v>
      </c>
      <c r="C34839" t="s">
        <v>21591</v>
      </c>
      <c r="D34839" t="s">
        <v>21592</v>
      </c>
      <c r="E34839" t="s">
        <v>21557</v>
      </c>
      <c r="F34839" t="s">
        <v>21558</v>
      </c>
      <c r="G34839" t="s">
        <v>20255</v>
      </c>
      <c r="H34839" t="s">
        <v>20256</v>
      </c>
      <c r="I34839" s="2">
        <v>1</v>
      </c>
      <c r="J34839" s="2">
        <v>0</v>
      </c>
      <c r="K34839" s="2">
        <v>0</v>
      </c>
      <c r="L34839" t="s">
        <v>120</v>
      </c>
      <c r="M34839" t="s">
        <v>87</v>
      </c>
      <c r="N34839" t="s">
        <v>88</v>
      </c>
      <c r="O34839" t="s">
        <v>85</v>
      </c>
      <c r="P34839" t="s">
        <v>86</v>
      </c>
      <c r="Q34839">
        <v>26</v>
      </c>
      <c r="R34839">
        <v>26</v>
      </c>
      <c r="S34839">
        <v>26</v>
      </c>
      <c r="T34839">
        <v>26</v>
      </c>
      <c r="U34839">
        <v>27</v>
      </c>
      <c r="V34839">
        <v>27</v>
      </c>
      <c r="W34839">
        <v>27</v>
      </c>
      <c r="X34839">
        <v>27</v>
      </c>
      <c r="Y34839">
        <v>28</v>
      </c>
      <c r="Z34839">
        <v>28</v>
      </c>
      <c r="AA34839">
        <v>28</v>
      </c>
      <c r="AB34839">
        <v>28</v>
      </c>
      <c r="AC34839">
        <v>29</v>
      </c>
      <c r="AD34839">
        <v>29</v>
      </c>
      <c r="AE34839">
        <v>29</v>
      </c>
      <c r="AF34839">
        <v>30</v>
      </c>
      <c r="AG34839">
        <v>30</v>
      </c>
      <c r="AH34839">
        <v>30</v>
      </c>
      <c r="AI34839">
        <v>30</v>
      </c>
      <c r="AJ34839">
        <v>31</v>
      </c>
      <c r="AK34839">
        <v>31</v>
      </c>
      <c r="AL34839">
        <v>31</v>
      </c>
      <c r="AM34839">
        <v>32</v>
      </c>
      <c r="AN34839">
        <v>32</v>
      </c>
      <c r="AO34839">
        <v>32</v>
      </c>
      <c r="AP34839">
        <v>32</v>
      </c>
      <c r="AQ34839">
        <v>33</v>
      </c>
    </row>
    <row r="34840" spans="1:43">
      <c r="A34840" t="s">
        <v>21599</v>
      </c>
      <c r="B34840" t="s">
        <v>21600</v>
      </c>
      <c r="C34840" t="s">
        <v>21591</v>
      </c>
      <c r="D34840" t="s">
        <v>21592</v>
      </c>
      <c r="E34840" t="s">
        <v>21557</v>
      </c>
      <c r="F34840" t="s">
        <v>21558</v>
      </c>
      <c r="G34840" t="s">
        <v>20255</v>
      </c>
      <c r="H34840" t="s">
        <v>20256</v>
      </c>
      <c r="I34840" s="2">
        <v>1</v>
      </c>
      <c r="J34840" s="2">
        <v>0</v>
      </c>
      <c r="K34840" s="2">
        <v>0</v>
      </c>
      <c r="L34840" t="s">
        <v>120</v>
      </c>
      <c r="M34840" t="s">
        <v>89</v>
      </c>
      <c r="N34840" t="s">
        <v>90</v>
      </c>
      <c r="O34840" t="s">
        <v>85</v>
      </c>
      <c r="P34840" t="s">
        <v>86</v>
      </c>
      <c r="Q34840">
        <v>26</v>
      </c>
      <c r="R34840">
        <v>27</v>
      </c>
      <c r="S34840">
        <v>27</v>
      </c>
      <c r="T34840">
        <v>28</v>
      </c>
      <c r="U34840">
        <v>29</v>
      </c>
      <c r="V34840">
        <v>30</v>
      </c>
      <c r="W34840">
        <v>30</v>
      </c>
      <c r="X34840">
        <v>31</v>
      </c>
      <c r="Y34840">
        <v>32</v>
      </c>
      <c r="Z34840">
        <v>32</v>
      </c>
      <c r="AA34840">
        <v>33</v>
      </c>
      <c r="AB34840">
        <v>34</v>
      </c>
      <c r="AC34840">
        <v>34</v>
      </c>
      <c r="AD34840">
        <v>35</v>
      </c>
      <c r="AE34840">
        <v>35</v>
      </c>
      <c r="AF34840">
        <v>36</v>
      </c>
      <c r="AG34840">
        <v>36</v>
      </c>
      <c r="AH34840">
        <v>36</v>
      </c>
      <c r="AI34840">
        <v>36</v>
      </c>
      <c r="AJ34840">
        <v>37</v>
      </c>
      <c r="AK34840">
        <v>37</v>
      </c>
      <c r="AL34840">
        <v>37</v>
      </c>
      <c r="AM34840">
        <v>37</v>
      </c>
      <c r="AN34840">
        <v>38</v>
      </c>
      <c r="AO34840">
        <v>38</v>
      </c>
      <c r="AP34840">
        <v>38</v>
      </c>
      <c r="AQ34840">
        <v>38</v>
      </c>
    </row>
    <row r="34841" spans="1:43">
      <c r="A34841" t="s">
        <v>21599</v>
      </c>
      <c r="B34841" t="s">
        <v>21600</v>
      </c>
      <c r="C34841" t="s">
        <v>21591</v>
      </c>
      <c r="D34841" t="s">
        <v>21592</v>
      </c>
      <c r="E34841" t="s">
        <v>21557</v>
      </c>
      <c r="F34841" t="s">
        <v>21558</v>
      </c>
      <c r="G34841" t="s">
        <v>20255</v>
      </c>
      <c r="H34841" t="s">
        <v>20256</v>
      </c>
      <c r="I34841" s="2">
        <v>1</v>
      </c>
      <c r="J34841" s="2">
        <v>0</v>
      </c>
      <c r="K34841" s="2">
        <v>0</v>
      </c>
      <c r="L34841" t="s">
        <v>120</v>
      </c>
      <c r="M34841" t="s">
        <v>83</v>
      </c>
      <c r="N34841" t="s">
        <v>91</v>
      </c>
      <c r="O34841" t="s">
        <v>85</v>
      </c>
      <c r="P34841" t="s">
        <v>86</v>
      </c>
      <c r="Q34841">
        <v>26</v>
      </c>
      <c r="R34841">
        <v>26</v>
      </c>
      <c r="S34841">
        <v>27</v>
      </c>
      <c r="T34841">
        <v>27</v>
      </c>
      <c r="U34841">
        <v>28</v>
      </c>
      <c r="V34841">
        <v>28</v>
      </c>
      <c r="W34841">
        <v>29</v>
      </c>
      <c r="X34841">
        <v>29</v>
      </c>
      <c r="Y34841">
        <v>30</v>
      </c>
      <c r="Z34841">
        <v>30</v>
      </c>
      <c r="AA34841">
        <v>31</v>
      </c>
      <c r="AB34841">
        <v>31</v>
      </c>
      <c r="AC34841">
        <v>32</v>
      </c>
      <c r="AD34841">
        <v>32</v>
      </c>
      <c r="AE34841">
        <v>33</v>
      </c>
      <c r="AF34841">
        <v>34</v>
      </c>
      <c r="AG34841">
        <v>34</v>
      </c>
      <c r="AH34841">
        <v>35</v>
      </c>
      <c r="AI34841">
        <v>35</v>
      </c>
      <c r="AJ34841">
        <v>36</v>
      </c>
      <c r="AK34841">
        <v>36</v>
      </c>
      <c r="AL34841">
        <v>37</v>
      </c>
      <c r="AM34841">
        <v>37</v>
      </c>
      <c r="AN34841">
        <v>37</v>
      </c>
      <c r="AO34841">
        <v>37</v>
      </c>
      <c r="AP34841">
        <v>38</v>
      </c>
      <c r="AQ34841">
        <v>38</v>
      </c>
    </row>
    <row r="34842" spans="1:43">
      <c r="A34842" t="s">
        <v>21601</v>
      </c>
      <c r="B34842" t="s">
        <v>21602</v>
      </c>
      <c r="C34842" t="s">
        <v>21603</v>
      </c>
      <c r="D34842" t="s">
        <v>21604</v>
      </c>
      <c r="E34842" t="s">
        <v>21557</v>
      </c>
      <c r="F34842" t="s">
        <v>21558</v>
      </c>
      <c r="G34842" t="s">
        <v>20255</v>
      </c>
      <c r="H34842" t="s">
        <v>20256</v>
      </c>
      <c r="I34842" s="2">
        <v>1</v>
      </c>
      <c r="J34842" s="2">
        <v>0</v>
      </c>
      <c r="K34842" s="2">
        <v>0</v>
      </c>
      <c r="L34842" t="s">
        <v>120</v>
      </c>
      <c r="M34842" t="s">
        <v>83</v>
      </c>
      <c r="N34842" t="s">
        <v>84</v>
      </c>
      <c r="O34842" t="s">
        <v>85</v>
      </c>
      <c r="P34842" t="s">
        <v>86</v>
      </c>
      <c r="Q34842">
        <v>8</v>
      </c>
      <c r="R34842">
        <v>9</v>
      </c>
      <c r="S34842">
        <v>9</v>
      </c>
      <c r="T34842">
        <v>9</v>
      </c>
      <c r="U34842">
        <v>9</v>
      </c>
      <c r="V34842">
        <v>9</v>
      </c>
      <c r="W34842">
        <v>9</v>
      </c>
      <c r="X34842">
        <v>10</v>
      </c>
      <c r="Y34842">
        <v>10</v>
      </c>
      <c r="Z34842">
        <v>10</v>
      </c>
      <c r="AA34842">
        <v>10</v>
      </c>
      <c r="AB34842">
        <v>10</v>
      </c>
      <c r="AC34842">
        <v>10</v>
      </c>
      <c r="AD34842">
        <v>11</v>
      </c>
      <c r="AE34842">
        <v>11</v>
      </c>
      <c r="AF34842">
        <v>11</v>
      </c>
      <c r="AG34842">
        <v>11</v>
      </c>
      <c r="AH34842">
        <v>11</v>
      </c>
      <c r="AI34842">
        <v>12</v>
      </c>
      <c r="AJ34842">
        <v>12</v>
      </c>
      <c r="AK34842">
        <v>12</v>
      </c>
      <c r="AL34842">
        <v>12</v>
      </c>
      <c r="AM34842">
        <v>12</v>
      </c>
      <c r="AN34842">
        <v>12</v>
      </c>
      <c r="AO34842">
        <v>12</v>
      </c>
      <c r="AP34842">
        <v>12</v>
      </c>
      <c r="AQ34842">
        <v>12</v>
      </c>
    </row>
    <row r="34843" spans="1:43">
      <c r="A34843" t="s">
        <v>21601</v>
      </c>
      <c r="B34843" t="s">
        <v>21602</v>
      </c>
      <c r="C34843" t="s">
        <v>21603</v>
      </c>
      <c r="D34843" t="s">
        <v>21604</v>
      </c>
      <c r="E34843" t="s">
        <v>21557</v>
      </c>
      <c r="F34843" t="s">
        <v>21558</v>
      </c>
      <c r="G34843" t="s">
        <v>20255</v>
      </c>
      <c r="H34843" t="s">
        <v>20256</v>
      </c>
      <c r="I34843" s="2">
        <v>1</v>
      </c>
      <c r="J34843" s="2">
        <v>0</v>
      </c>
      <c r="K34843" s="2">
        <v>0</v>
      </c>
      <c r="L34843" t="s">
        <v>120</v>
      </c>
      <c r="M34843" t="s">
        <v>87</v>
      </c>
      <c r="N34843" t="s">
        <v>88</v>
      </c>
      <c r="O34843" t="s">
        <v>85</v>
      </c>
      <c r="P34843" t="s">
        <v>86</v>
      </c>
      <c r="Q34843">
        <v>8</v>
      </c>
      <c r="R34843">
        <v>8</v>
      </c>
      <c r="S34843">
        <v>9</v>
      </c>
      <c r="T34843">
        <v>9</v>
      </c>
      <c r="U34843">
        <v>9</v>
      </c>
      <c r="V34843">
        <v>9</v>
      </c>
      <c r="W34843">
        <v>9</v>
      </c>
      <c r="X34843">
        <v>9</v>
      </c>
      <c r="Y34843">
        <v>9</v>
      </c>
      <c r="Z34843">
        <v>9</v>
      </c>
      <c r="AA34843">
        <v>9</v>
      </c>
      <c r="AB34843">
        <v>9</v>
      </c>
      <c r="AC34843">
        <v>9</v>
      </c>
      <c r="AD34843">
        <v>10</v>
      </c>
      <c r="AE34843">
        <v>10</v>
      </c>
      <c r="AF34843">
        <v>10</v>
      </c>
      <c r="AG34843">
        <v>10</v>
      </c>
      <c r="AH34843">
        <v>10</v>
      </c>
      <c r="AI34843">
        <v>10</v>
      </c>
      <c r="AJ34843">
        <v>10</v>
      </c>
      <c r="AK34843">
        <v>10</v>
      </c>
      <c r="AL34843">
        <v>10</v>
      </c>
      <c r="AM34843">
        <v>10</v>
      </c>
      <c r="AN34843">
        <v>10</v>
      </c>
      <c r="AO34843">
        <v>11</v>
      </c>
      <c r="AP34843">
        <v>11</v>
      </c>
      <c r="AQ34843">
        <v>11</v>
      </c>
    </row>
    <row r="34844" spans="1:43">
      <c r="A34844" t="s">
        <v>21601</v>
      </c>
      <c r="B34844" t="s">
        <v>21602</v>
      </c>
      <c r="C34844" t="s">
        <v>21603</v>
      </c>
      <c r="D34844" t="s">
        <v>21604</v>
      </c>
      <c r="E34844" t="s">
        <v>21557</v>
      </c>
      <c r="F34844" t="s">
        <v>21558</v>
      </c>
      <c r="G34844" t="s">
        <v>20255</v>
      </c>
      <c r="H34844" t="s">
        <v>20256</v>
      </c>
      <c r="I34844" s="2">
        <v>1</v>
      </c>
      <c r="J34844" s="2">
        <v>0</v>
      </c>
      <c r="K34844" s="2">
        <v>0</v>
      </c>
      <c r="L34844" t="s">
        <v>120</v>
      </c>
      <c r="M34844" t="s">
        <v>89</v>
      </c>
      <c r="N34844" t="s">
        <v>90</v>
      </c>
      <c r="O34844" t="s">
        <v>85</v>
      </c>
      <c r="P34844" t="s">
        <v>86</v>
      </c>
      <c r="Q34844">
        <v>8</v>
      </c>
      <c r="R34844">
        <v>8</v>
      </c>
      <c r="S34844">
        <v>8</v>
      </c>
      <c r="T34844">
        <v>8</v>
      </c>
      <c r="U34844">
        <v>8</v>
      </c>
      <c r="V34844">
        <v>9</v>
      </c>
      <c r="W34844">
        <v>9</v>
      </c>
      <c r="X34844">
        <v>9</v>
      </c>
      <c r="Y34844">
        <v>9</v>
      </c>
      <c r="Z34844">
        <v>10</v>
      </c>
      <c r="AA34844">
        <v>10</v>
      </c>
      <c r="AB34844">
        <v>10</v>
      </c>
      <c r="AC34844">
        <v>10</v>
      </c>
      <c r="AD34844">
        <v>10</v>
      </c>
      <c r="AE34844">
        <v>11</v>
      </c>
      <c r="AF34844">
        <v>11</v>
      </c>
      <c r="AG34844">
        <v>11</v>
      </c>
      <c r="AH34844">
        <v>11</v>
      </c>
      <c r="AI34844">
        <v>11</v>
      </c>
      <c r="AJ34844">
        <v>11</v>
      </c>
      <c r="AK34844">
        <v>11</v>
      </c>
      <c r="AL34844">
        <v>11</v>
      </c>
      <c r="AM34844">
        <v>11</v>
      </c>
      <c r="AN34844">
        <v>11</v>
      </c>
      <c r="AO34844">
        <v>11</v>
      </c>
      <c r="AP34844">
        <v>11</v>
      </c>
      <c r="AQ34844">
        <v>12</v>
      </c>
    </row>
    <row r="34845" spans="1:43">
      <c r="A34845" t="s">
        <v>21601</v>
      </c>
      <c r="B34845" t="s">
        <v>21602</v>
      </c>
      <c r="C34845" t="s">
        <v>21603</v>
      </c>
      <c r="D34845" t="s">
        <v>21604</v>
      </c>
      <c r="E34845" t="s">
        <v>21557</v>
      </c>
      <c r="F34845" t="s">
        <v>21558</v>
      </c>
      <c r="G34845" t="s">
        <v>20255</v>
      </c>
      <c r="H34845" t="s">
        <v>20256</v>
      </c>
      <c r="I34845" s="2">
        <v>1</v>
      </c>
      <c r="J34845" s="2">
        <v>0</v>
      </c>
      <c r="K34845" s="2">
        <v>0</v>
      </c>
      <c r="L34845" t="s">
        <v>120</v>
      </c>
      <c r="M34845" t="s">
        <v>83</v>
      </c>
      <c r="N34845" t="s">
        <v>91</v>
      </c>
      <c r="O34845" t="s">
        <v>85</v>
      </c>
      <c r="P34845" t="s">
        <v>86</v>
      </c>
      <c r="Q34845">
        <v>8</v>
      </c>
      <c r="R34845">
        <v>9</v>
      </c>
      <c r="S34845">
        <v>9</v>
      </c>
      <c r="T34845">
        <v>9</v>
      </c>
      <c r="U34845">
        <v>9</v>
      </c>
      <c r="V34845">
        <v>9</v>
      </c>
      <c r="W34845">
        <v>9</v>
      </c>
      <c r="X34845">
        <v>10</v>
      </c>
      <c r="Y34845">
        <v>10</v>
      </c>
      <c r="Z34845">
        <v>10</v>
      </c>
      <c r="AA34845">
        <v>10</v>
      </c>
      <c r="AB34845">
        <v>10</v>
      </c>
      <c r="AC34845">
        <v>10</v>
      </c>
      <c r="AD34845">
        <v>11</v>
      </c>
      <c r="AE34845">
        <v>11</v>
      </c>
      <c r="AF34845">
        <v>11</v>
      </c>
      <c r="AG34845">
        <v>11</v>
      </c>
      <c r="AH34845">
        <v>11</v>
      </c>
      <c r="AI34845">
        <v>12</v>
      </c>
      <c r="AJ34845">
        <v>12</v>
      </c>
      <c r="AK34845">
        <v>12</v>
      </c>
      <c r="AL34845">
        <v>12</v>
      </c>
      <c r="AM34845">
        <v>12</v>
      </c>
      <c r="AN34845">
        <v>12</v>
      </c>
      <c r="AO34845">
        <v>12</v>
      </c>
      <c r="AP34845">
        <v>12</v>
      </c>
      <c r="AQ34845">
        <v>12</v>
      </c>
    </row>
    <row r="34846" spans="1:43">
      <c r="A34846" t="s">
        <v>21605</v>
      </c>
      <c r="B34846" t="s">
        <v>21606</v>
      </c>
      <c r="C34846" t="s">
        <v>21603</v>
      </c>
      <c r="D34846" t="s">
        <v>21604</v>
      </c>
      <c r="E34846" t="s">
        <v>21557</v>
      </c>
      <c r="F34846" t="s">
        <v>21558</v>
      </c>
      <c r="G34846" t="s">
        <v>20255</v>
      </c>
      <c r="H34846" t="s">
        <v>20256</v>
      </c>
      <c r="I34846" s="2">
        <v>1</v>
      </c>
      <c r="J34846" s="2">
        <v>0</v>
      </c>
      <c r="K34846" s="2">
        <v>0</v>
      </c>
      <c r="L34846" t="s">
        <v>120</v>
      </c>
      <c r="M34846" t="s">
        <v>83</v>
      </c>
      <c r="N34846" t="s">
        <v>84</v>
      </c>
      <c r="O34846" t="s">
        <v>85</v>
      </c>
      <c r="P34846" t="s">
        <v>86</v>
      </c>
      <c r="Q34846">
        <v>13</v>
      </c>
      <c r="R34846">
        <v>13</v>
      </c>
      <c r="S34846">
        <v>13</v>
      </c>
      <c r="T34846">
        <v>13</v>
      </c>
      <c r="U34846">
        <v>14</v>
      </c>
      <c r="V34846">
        <v>14</v>
      </c>
      <c r="W34846">
        <v>14</v>
      </c>
      <c r="X34846">
        <v>14</v>
      </c>
      <c r="Y34846">
        <v>15</v>
      </c>
      <c r="Z34846">
        <v>15</v>
      </c>
      <c r="AA34846">
        <v>15</v>
      </c>
      <c r="AB34846">
        <v>15</v>
      </c>
      <c r="AC34846">
        <v>16</v>
      </c>
      <c r="AD34846">
        <v>16</v>
      </c>
      <c r="AE34846">
        <v>16</v>
      </c>
      <c r="AF34846">
        <v>16</v>
      </c>
      <c r="AG34846">
        <v>17</v>
      </c>
      <c r="AH34846">
        <v>17</v>
      </c>
      <c r="AI34846">
        <v>17</v>
      </c>
      <c r="AJ34846">
        <v>17</v>
      </c>
      <c r="AK34846">
        <v>18</v>
      </c>
      <c r="AL34846">
        <v>18</v>
      </c>
      <c r="AM34846">
        <v>18</v>
      </c>
      <c r="AN34846">
        <v>18</v>
      </c>
      <c r="AO34846">
        <v>18</v>
      </c>
      <c r="AP34846">
        <v>18</v>
      </c>
      <c r="AQ34846">
        <v>18</v>
      </c>
    </row>
    <row r="34847" spans="1:43">
      <c r="A34847" t="s">
        <v>21605</v>
      </c>
      <c r="B34847" t="s">
        <v>21606</v>
      </c>
      <c r="C34847" t="s">
        <v>21603</v>
      </c>
      <c r="D34847" t="s">
        <v>21604</v>
      </c>
      <c r="E34847" t="s">
        <v>21557</v>
      </c>
      <c r="F34847" t="s">
        <v>21558</v>
      </c>
      <c r="G34847" t="s">
        <v>20255</v>
      </c>
      <c r="H34847" t="s">
        <v>20256</v>
      </c>
      <c r="I34847" s="2">
        <v>1</v>
      </c>
      <c r="J34847" s="2">
        <v>0</v>
      </c>
      <c r="K34847" s="2">
        <v>0</v>
      </c>
      <c r="L34847" t="s">
        <v>120</v>
      </c>
      <c r="M34847" t="s">
        <v>87</v>
      </c>
      <c r="N34847" t="s">
        <v>88</v>
      </c>
      <c r="O34847" t="s">
        <v>85</v>
      </c>
      <c r="P34847" t="s">
        <v>86</v>
      </c>
      <c r="Q34847">
        <v>13</v>
      </c>
      <c r="R34847">
        <v>14</v>
      </c>
      <c r="S34847">
        <v>14</v>
      </c>
      <c r="T34847">
        <v>14</v>
      </c>
      <c r="U34847">
        <v>14</v>
      </c>
      <c r="V34847">
        <v>14</v>
      </c>
      <c r="W34847">
        <v>14</v>
      </c>
      <c r="X34847">
        <v>14</v>
      </c>
      <c r="Y34847">
        <v>14</v>
      </c>
      <c r="Z34847">
        <v>15</v>
      </c>
      <c r="AA34847">
        <v>15</v>
      </c>
      <c r="AB34847">
        <v>15</v>
      </c>
      <c r="AC34847">
        <v>15</v>
      </c>
      <c r="AD34847">
        <v>15</v>
      </c>
      <c r="AE34847">
        <v>15</v>
      </c>
      <c r="AF34847">
        <v>15</v>
      </c>
      <c r="AG34847">
        <v>15</v>
      </c>
      <c r="AH34847">
        <v>16</v>
      </c>
      <c r="AI34847">
        <v>16</v>
      </c>
      <c r="AJ34847">
        <v>16</v>
      </c>
      <c r="AK34847">
        <v>16</v>
      </c>
      <c r="AL34847">
        <v>16</v>
      </c>
      <c r="AM34847">
        <v>16</v>
      </c>
      <c r="AN34847">
        <v>16</v>
      </c>
      <c r="AO34847">
        <v>17</v>
      </c>
      <c r="AP34847">
        <v>17</v>
      </c>
      <c r="AQ34847">
        <v>17</v>
      </c>
    </row>
    <row r="34848" spans="1:43">
      <c r="A34848" t="s">
        <v>21605</v>
      </c>
      <c r="B34848" t="s">
        <v>21606</v>
      </c>
      <c r="C34848" t="s">
        <v>21603</v>
      </c>
      <c r="D34848" t="s">
        <v>21604</v>
      </c>
      <c r="E34848" t="s">
        <v>21557</v>
      </c>
      <c r="F34848" t="s">
        <v>21558</v>
      </c>
      <c r="G34848" t="s">
        <v>20255</v>
      </c>
      <c r="H34848" t="s">
        <v>20256</v>
      </c>
      <c r="I34848" s="2">
        <v>1</v>
      </c>
      <c r="J34848" s="2">
        <v>0</v>
      </c>
      <c r="K34848" s="2">
        <v>0</v>
      </c>
      <c r="L34848" t="s">
        <v>120</v>
      </c>
      <c r="M34848" t="s">
        <v>89</v>
      </c>
      <c r="N34848" t="s">
        <v>90</v>
      </c>
      <c r="O34848" t="s">
        <v>85</v>
      </c>
      <c r="P34848" t="s">
        <v>86</v>
      </c>
      <c r="Q34848">
        <v>13</v>
      </c>
      <c r="R34848">
        <v>13</v>
      </c>
      <c r="S34848">
        <v>13</v>
      </c>
      <c r="T34848">
        <v>14</v>
      </c>
      <c r="U34848">
        <v>14</v>
      </c>
      <c r="V34848">
        <v>14</v>
      </c>
      <c r="W34848">
        <v>15</v>
      </c>
      <c r="X34848">
        <v>15</v>
      </c>
      <c r="Y34848">
        <v>15</v>
      </c>
      <c r="Z34848">
        <v>16</v>
      </c>
      <c r="AA34848">
        <v>16</v>
      </c>
      <c r="AB34848">
        <v>16</v>
      </c>
      <c r="AC34848">
        <v>17</v>
      </c>
      <c r="AD34848">
        <v>17</v>
      </c>
      <c r="AE34848">
        <v>17</v>
      </c>
      <c r="AF34848">
        <v>17</v>
      </c>
      <c r="AG34848">
        <v>17</v>
      </c>
      <c r="AH34848">
        <v>18</v>
      </c>
      <c r="AI34848">
        <v>18</v>
      </c>
      <c r="AJ34848">
        <v>18</v>
      </c>
      <c r="AK34848">
        <v>18</v>
      </c>
      <c r="AL34848">
        <v>18</v>
      </c>
      <c r="AM34848">
        <v>18</v>
      </c>
      <c r="AN34848">
        <v>18</v>
      </c>
      <c r="AO34848">
        <v>18</v>
      </c>
      <c r="AP34848">
        <v>18</v>
      </c>
      <c r="AQ34848">
        <v>19</v>
      </c>
    </row>
    <row r="34849" spans="1:43">
      <c r="A34849" t="s">
        <v>21605</v>
      </c>
      <c r="B34849" t="s">
        <v>21606</v>
      </c>
      <c r="C34849" t="s">
        <v>21603</v>
      </c>
      <c r="D34849" t="s">
        <v>21604</v>
      </c>
      <c r="E34849" t="s">
        <v>21557</v>
      </c>
      <c r="F34849" t="s">
        <v>21558</v>
      </c>
      <c r="G34849" t="s">
        <v>20255</v>
      </c>
      <c r="H34849" t="s">
        <v>20256</v>
      </c>
      <c r="I34849" s="2">
        <v>1</v>
      </c>
      <c r="J34849" s="2">
        <v>0</v>
      </c>
      <c r="K34849" s="2">
        <v>0</v>
      </c>
      <c r="L34849" t="s">
        <v>120</v>
      </c>
      <c r="M34849" t="s">
        <v>83</v>
      </c>
      <c r="N34849" t="s">
        <v>91</v>
      </c>
      <c r="O34849" t="s">
        <v>85</v>
      </c>
      <c r="P34849" t="s">
        <v>86</v>
      </c>
      <c r="Q34849">
        <v>13</v>
      </c>
      <c r="R34849">
        <v>13</v>
      </c>
      <c r="S34849">
        <v>13</v>
      </c>
      <c r="T34849">
        <v>13</v>
      </c>
      <c r="U34849">
        <v>14</v>
      </c>
      <c r="V34849">
        <v>14</v>
      </c>
      <c r="W34849">
        <v>14</v>
      </c>
      <c r="X34849">
        <v>14</v>
      </c>
      <c r="Y34849">
        <v>15</v>
      </c>
      <c r="Z34849">
        <v>15</v>
      </c>
      <c r="AA34849">
        <v>15</v>
      </c>
      <c r="AB34849">
        <v>15</v>
      </c>
      <c r="AC34849">
        <v>16</v>
      </c>
      <c r="AD34849">
        <v>16</v>
      </c>
      <c r="AE34849">
        <v>16</v>
      </c>
      <c r="AF34849">
        <v>16</v>
      </c>
      <c r="AG34849">
        <v>17</v>
      </c>
      <c r="AH34849">
        <v>17</v>
      </c>
      <c r="AI34849">
        <v>17</v>
      </c>
      <c r="AJ34849">
        <v>17</v>
      </c>
      <c r="AK34849">
        <v>18</v>
      </c>
      <c r="AL34849">
        <v>18</v>
      </c>
      <c r="AM34849">
        <v>18</v>
      </c>
      <c r="AN34849">
        <v>18</v>
      </c>
      <c r="AO34849">
        <v>18</v>
      </c>
      <c r="AP34849">
        <v>18</v>
      </c>
      <c r="AQ34849">
        <v>18</v>
      </c>
    </row>
    <row r="34850" spans="1:43">
      <c r="A34850" t="s">
        <v>21607</v>
      </c>
      <c r="B34850" t="s">
        <v>21608</v>
      </c>
      <c r="C34850" t="s">
        <v>21603</v>
      </c>
      <c r="D34850" t="s">
        <v>21604</v>
      </c>
      <c r="E34850" t="s">
        <v>21557</v>
      </c>
      <c r="F34850" t="s">
        <v>21558</v>
      </c>
      <c r="G34850" t="s">
        <v>20255</v>
      </c>
      <c r="H34850" t="s">
        <v>20256</v>
      </c>
      <c r="I34850" s="2">
        <v>1</v>
      </c>
      <c r="J34850" s="2">
        <v>0</v>
      </c>
      <c r="K34850" s="2">
        <v>0</v>
      </c>
      <c r="L34850" t="s">
        <v>120</v>
      </c>
      <c r="M34850" t="s">
        <v>83</v>
      </c>
      <c r="N34850" t="s">
        <v>84</v>
      </c>
      <c r="O34850" t="s">
        <v>85</v>
      </c>
      <c r="P34850" t="s">
        <v>86</v>
      </c>
      <c r="Q34850">
        <v>6</v>
      </c>
      <c r="R34850">
        <v>6</v>
      </c>
      <c r="S34850">
        <v>6</v>
      </c>
      <c r="T34850">
        <v>6</v>
      </c>
      <c r="U34850">
        <v>6</v>
      </c>
      <c r="V34850">
        <v>6</v>
      </c>
      <c r="W34850">
        <v>6</v>
      </c>
      <c r="X34850">
        <v>6</v>
      </c>
      <c r="Y34850">
        <v>7</v>
      </c>
      <c r="Z34850">
        <v>7</v>
      </c>
      <c r="AA34850">
        <v>7</v>
      </c>
      <c r="AB34850">
        <v>7</v>
      </c>
      <c r="AC34850">
        <v>7</v>
      </c>
      <c r="AD34850">
        <v>7</v>
      </c>
      <c r="AE34850">
        <v>7</v>
      </c>
      <c r="AF34850">
        <v>7</v>
      </c>
      <c r="AG34850">
        <v>8</v>
      </c>
      <c r="AH34850">
        <v>8</v>
      </c>
      <c r="AI34850">
        <v>8</v>
      </c>
      <c r="AJ34850">
        <v>8</v>
      </c>
      <c r="AK34850">
        <v>8</v>
      </c>
      <c r="AL34850">
        <v>8</v>
      </c>
      <c r="AM34850">
        <v>8</v>
      </c>
      <c r="AN34850">
        <v>8</v>
      </c>
      <c r="AO34850">
        <v>8</v>
      </c>
      <c r="AP34850">
        <v>8</v>
      </c>
      <c r="AQ34850">
        <v>8</v>
      </c>
    </row>
    <row r="34851" spans="1:43">
      <c r="A34851" t="s">
        <v>21607</v>
      </c>
      <c r="B34851" t="s">
        <v>21608</v>
      </c>
      <c r="C34851" t="s">
        <v>21603</v>
      </c>
      <c r="D34851" t="s">
        <v>21604</v>
      </c>
      <c r="E34851" t="s">
        <v>21557</v>
      </c>
      <c r="F34851" t="s">
        <v>21558</v>
      </c>
      <c r="G34851" t="s">
        <v>20255</v>
      </c>
      <c r="H34851" t="s">
        <v>20256</v>
      </c>
      <c r="I34851" s="2">
        <v>1</v>
      </c>
      <c r="J34851" s="2">
        <v>0</v>
      </c>
      <c r="K34851" s="2">
        <v>0</v>
      </c>
      <c r="L34851" t="s">
        <v>120</v>
      </c>
      <c r="M34851" t="s">
        <v>87</v>
      </c>
      <c r="N34851" t="s">
        <v>88</v>
      </c>
      <c r="O34851" t="s">
        <v>85</v>
      </c>
      <c r="P34851" t="s">
        <v>86</v>
      </c>
      <c r="Q34851">
        <v>6</v>
      </c>
      <c r="R34851">
        <v>6</v>
      </c>
      <c r="S34851">
        <v>6</v>
      </c>
      <c r="T34851">
        <v>6</v>
      </c>
      <c r="U34851">
        <v>6</v>
      </c>
      <c r="V34851">
        <v>6</v>
      </c>
      <c r="W34851">
        <v>6</v>
      </c>
      <c r="X34851">
        <v>6</v>
      </c>
      <c r="Y34851">
        <v>6</v>
      </c>
      <c r="Z34851">
        <v>6</v>
      </c>
      <c r="AA34851">
        <v>6</v>
      </c>
      <c r="AB34851">
        <v>6</v>
      </c>
      <c r="AC34851">
        <v>6</v>
      </c>
      <c r="AD34851">
        <v>6</v>
      </c>
      <c r="AE34851">
        <v>6</v>
      </c>
      <c r="AF34851">
        <v>7</v>
      </c>
      <c r="AG34851">
        <v>7</v>
      </c>
      <c r="AH34851">
        <v>7</v>
      </c>
      <c r="AI34851">
        <v>7</v>
      </c>
      <c r="AJ34851">
        <v>7</v>
      </c>
      <c r="AK34851">
        <v>7</v>
      </c>
      <c r="AL34851">
        <v>7</v>
      </c>
      <c r="AM34851">
        <v>7</v>
      </c>
      <c r="AN34851">
        <v>7</v>
      </c>
      <c r="AO34851">
        <v>7</v>
      </c>
      <c r="AP34851">
        <v>7</v>
      </c>
      <c r="AQ34851">
        <v>7</v>
      </c>
    </row>
    <row r="34852" spans="1:43">
      <c r="A34852" t="s">
        <v>21607</v>
      </c>
      <c r="B34852" t="s">
        <v>21608</v>
      </c>
      <c r="C34852" t="s">
        <v>21603</v>
      </c>
      <c r="D34852" t="s">
        <v>21604</v>
      </c>
      <c r="E34852" t="s">
        <v>21557</v>
      </c>
      <c r="F34852" t="s">
        <v>21558</v>
      </c>
      <c r="G34852" t="s">
        <v>20255</v>
      </c>
      <c r="H34852" t="s">
        <v>20256</v>
      </c>
      <c r="I34852" s="2">
        <v>1</v>
      </c>
      <c r="J34852" s="2">
        <v>0</v>
      </c>
      <c r="K34852" s="2">
        <v>0</v>
      </c>
      <c r="L34852" t="s">
        <v>120</v>
      </c>
      <c r="M34852" t="s">
        <v>89</v>
      </c>
      <c r="N34852" t="s">
        <v>90</v>
      </c>
      <c r="O34852" t="s">
        <v>85</v>
      </c>
      <c r="P34852" t="s">
        <v>86</v>
      </c>
      <c r="Q34852">
        <v>6</v>
      </c>
      <c r="R34852">
        <v>6</v>
      </c>
      <c r="S34852">
        <v>6</v>
      </c>
      <c r="T34852">
        <v>6</v>
      </c>
      <c r="U34852">
        <v>6</v>
      </c>
      <c r="V34852">
        <v>7</v>
      </c>
      <c r="W34852">
        <v>7</v>
      </c>
      <c r="X34852">
        <v>7</v>
      </c>
      <c r="Y34852">
        <v>7</v>
      </c>
      <c r="Z34852">
        <v>7</v>
      </c>
      <c r="AA34852">
        <v>7</v>
      </c>
      <c r="AB34852">
        <v>7</v>
      </c>
      <c r="AC34852">
        <v>8</v>
      </c>
      <c r="AD34852">
        <v>8</v>
      </c>
      <c r="AE34852">
        <v>8</v>
      </c>
      <c r="AF34852">
        <v>8</v>
      </c>
      <c r="AG34852">
        <v>8</v>
      </c>
      <c r="AH34852">
        <v>8</v>
      </c>
      <c r="AI34852">
        <v>8</v>
      </c>
      <c r="AJ34852">
        <v>8</v>
      </c>
      <c r="AK34852">
        <v>8</v>
      </c>
      <c r="AL34852">
        <v>8</v>
      </c>
      <c r="AM34852">
        <v>8</v>
      </c>
      <c r="AN34852">
        <v>8</v>
      </c>
      <c r="AO34852">
        <v>8</v>
      </c>
      <c r="AP34852">
        <v>8</v>
      </c>
      <c r="AQ34852">
        <v>8</v>
      </c>
    </row>
    <row r="34853" spans="1:43">
      <c r="A34853" t="s">
        <v>21607</v>
      </c>
      <c r="B34853" t="s">
        <v>21608</v>
      </c>
      <c r="C34853" t="s">
        <v>21603</v>
      </c>
      <c r="D34853" t="s">
        <v>21604</v>
      </c>
      <c r="E34853" t="s">
        <v>21557</v>
      </c>
      <c r="F34853" t="s">
        <v>21558</v>
      </c>
      <c r="G34853" t="s">
        <v>20255</v>
      </c>
      <c r="H34853" t="s">
        <v>20256</v>
      </c>
      <c r="I34853" s="2">
        <v>1</v>
      </c>
      <c r="J34853" s="2">
        <v>0</v>
      </c>
      <c r="K34853" s="2">
        <v>0</v>
      </c>
      <c r="L34853" t="s">
        <v>120</v>
      </c>
      <c r="M34853" t="s">
        <v>83</v>
      </c>
      <c r="N34853" t="s">
        <v>91</v>
      </c>
      <c r="O34853" t="s">
        <v>85</v>
      </c>
      <c r="P34853" t="s">
        <v>86</v>
      </c>
      <c r="Q34853">
        <v>6</v>
      </c>
      <c r="R34853">
        <v>6</v>
      </c>
      <c r="S34853">
        <v>6</v>
      </c>
      <c r="T34853">
        <v>6</v>
      </c>
      <c r="U34853">
        <v>6</v>
      </c>
      <c r="V34853">
        <v>6</v>
      </c>
      <c r="W34853">
        <v>6</v>
      </c>
      <c r="X34853">
        <v>6</v>
      </c>
      <c r="Y34853">
        <v>7</v>
      </c>
      <c r="Z34853">
        <v>7</v>
      </c>
      <c r="AA34853">
        <v>7</v>
      </c>
      <c r="AB34853">
        <v>7</v>
      </c>
      <c r="AC34853">
        <v>7</v>
      </c>
      <c r="AD34853">
        <v>7</v>
      </c>
      <c r="AE34853">
        <v>7</v>
      </c>
      <c r="AF34853">
        <v>7</v>
      </c>
      <c r="AG34853">
        <v>8</v>
      </c>
      <c r="AH34853">
        <v>8</v>
      </c>
      <c r="AI34853">
        <v>8</v>
      </c>
      <c r="AJ34853">
        <v>8</v>
      </c>
      <c r="AK34853">
        <v>8</v>
      </c>
      <c r="AL34853">
        <v>8</v>
      </c>
      <c r="AM34853">
        <v>8</v>
      </c>
      <c r="AN34853">
        <v>8</v>
      </c>
      <c r="AO34853">
        <v>8</v>
      </c>
      <c r="AP34853">
        <v>8</v>
      </c>
      <c r="AQ34853">
        <v>8</v>
      </c>
    </row>
    <row r="34854" spans="1:43">
      <c r="A34854" t="s">
        <v>21609</v>
      </c>
      <c r="B34854" t="s">
        <v>21610</v>
      </c>
      <c r="C34854" t="s">
        <v>21603</v>
      </c>
      <c r="D34854" t="s">
        <v>21604</v>
      </c>
      <c r="E34854" t="s">
        <v>21557</v>
      </c>
      <c r="F34854" t="s">
        <v>21558</v>
      </c>
      <c r="G34854" t="s">
        <v>20255</v>
      </c>
      <c r="H34854" t="s">
        <v>20256</v>
      </c>
      <c r="I34854" s="2">
        <v>1</v>
      </c>
      <c r="J34854" s="2">
        <v>0</v>
      </c>
      <c r="K34854" s="2">
        <v>0</v>
      </c>
      <c r="L34854" t="s">
        <v>120</v>
      </c>
      <c r="M34854" t="s">
        <v>83</v>
      </c>
      <c r="N34854" t="s">
        <v>84</v>
      </c>
      <c r="O34854" t="s">
        <v>85</v>
      </c>
      <c r="P34854" t="s">
        <v>86</v>
      </c>
      <c r="Q34854">
        <v>6</v>
      </c>
      <c r="R34854">
        <v>6</v>
      </c>
      <c r="S34854">
        <v>6</v>
      </c>
      <c r="T34854">
        <v>6</v>
      </c>
      <c r="U34854">
        <v>7</v>
      </c>
      <c r="V34854">
        <v>7</v>
      </c>
      <c r="W34854">
        <v>7</v>
      </c>
      <c r="X34854">
        <v>7</v>
      </c>
      <c r="Y34854">
        <v>7</v>
      </c>
      <c r="Z34854">
        <v>7</v>
      </c>
      <c r="AA34854">
        <v>7</v>
      </c>
      <c r="AB34854">
        <v>7</v>
      </c>
      <c r="AC34854">
        <v>7</v>
      </c>
      <c r="AD34854">
        <v>8</v>
      </c>
      <c r="AE34854">
        <v>8</v>
      </c>
      <c r="AF34854">
        <v>8</v>
      </c>
      <c r="AG34854">
        <v>8</v>
      </c>
      <c r="AH34854">
        <v>8</v>
      </c>
      <c r="AI34854">
        <v>8</v>
      </c>
      <c r="AJ34854">
        <v>8</v>
      </c>
      <c r="AK34854">
        <v>8</v>
      </c>
      <c r="AL34854">
        <v>9</v>
      </c>
      <c r="AM34854">
        <v>9</v>
      </c>
      <c r="AN34854">
        <v>9</v>
      </c>
      <c r="AO34854">
        <v>9</v>
      </c>
      <c r="AP34854">
        <v>9</v>
      </c>
      <c r="AQ34854">
        <v>9</v>
      </c>
    </row>
    <row r="34855" spans="1:43">
      <c r="A34855" t="s">
        <v>21609</v>
      </c>
      <c r="B34855" t="s">
        <v>21610</v>
      </c>
      <c r="C34855" t="s">
        <v>21603</v>
      </c>
      <c r="D34855" t="s">
        <v>21604</v>
      </c>
      <c r="E34855" t="s">
        <v>21557</v>
      </c>
      <c r="F34855" t="s">
        <v>21558</v>
      </c>
      <c r="G34855" t="s">
        <v>20255</v>
      </c>
      <c r="H34855" t="s">
        <v>20256</v>
      </c>
      <c r="I34855" s="2">
        <v>1</v>
      </c>
      <c r="J34855" s="2">
        <v>0</v>
      </c>
      <c r="K34855" s="2">
        <v>0</v>
      </c>
      <c r="L34855" t="s">
        <v>120</v>
      </c>
      <c r="M34855" t="s">
        <v>87</v>
      </c>
      <c r="N34855" t="s">
        <v>88</v>
      </c>
      <c r="O34855" t="s">
        <v>85</v>
      </c>
      <c r="P34855" t="s">
        <v>86</v>
      </c>
      <c r="Q34855">
        <v>6</v>
      </c>
      <c r="R34855">
        <v>6</v>
      </c>
      <c r="S34855">
        <v>6</v>
      </c>
      <c r="T34855">
        <v>6</v>
      </c>
      <c r="U34855">
        <v>6</v>
      </c>
      <c r="V34855">
        <v>6</v>
      </c>
      <c r="W34855">
        <v>6</v>
      </c>
      <c r="X34855">
        <v>6</v>
      </c>
      <c r="Y34855">
        <v>6</v>
      </c>
      <c r="Z34855">
        <v>7</v>
      </c>
      <c r="AA34855">
        <v>7</v>
      </c>
      <c r="AB34855">
        <v>7</v>
      </c>
      <c r="AC34855">
        <v>7</v>
      </c>
      <c r="AD34855">
        <v>7</v>
      </c>
      <c r="AE34855">
        <v>7</v>
      </c>
      <c r="AF34855">
        <v>7</v>
      </c>
      <c r="AG34855">
        <v>7</v>
      </c>
      <c r="AH34855">
        <v>7</v>
      </c>
      <c r="AI34855">
        <v>7</v>
      </c>
      <c r="AJ34855">
        <v>7</v>
      </c>
      <c r="AK34855">
        <v>7</v>
      </c>
      <c r="AL34855">
        <v>7</v>
      </c>
      <c r="AM34855">
        <v>7</v>
      </c>
      <c r="AN34855">
        <v>7</v>
      </c>
      <c r="AO34855">
        <v>8</v>
      </c>
      <c r="AP34855">
        <v>8</v>
      </c>
      <c r="AQ34855">
        <v>8</v>
      </c>
    </row>
    <row r="34856" spans="1:43">
      <c r="A34856" t="s">
        <v>21609</v>
      </c>
      <c r="B34856" t="s">
        <v>21610</v>
      </c>
      <c r="C34856" t="s">
        <v>21603</v>
      </c>
      <c r="D34856" t="s">
        <v>21604</v>
      </c>
      <c r="E34856" t="s">
        <v>21557</v>
      </c>
      <c r="F34856" t="s">
        <v>21558</v>
      </c>
      <c r="G34856" t="s">
        <v>20255</v>
      </c>
      <c r="H34856" t="s">
        <v>20256</v>
      </c>
      <c r="I34856" s="2">
        <v>1</v>
      </c>
      <c r="J34856" s="2">
        <v>0</v>
      </c>
      <c r="K34856" s="2">
        <v>0</v>
      </c>
      <c r="L34856" t="s">
        <v>120</v>
      </c>
      <c r="M34856" t="s">
        <v>89</v>
      </c>
      <c r="N34856" t="s">
        <v>90</v>
      </c>
      <c r="O34856" t="s">
        <v>85</v>
      </c>
      <c r="P34856" t="s">
        <v>86</v>
      </c>
      <c r="Q34856">
        <v>6</v>
      </c>
      <c r="R34856">
        <v>6</v>
      </c>
      <c r="S34856">
        <v>6</v>
      </c>
      <c r="T34856">
        <v>7</v>
      </c>
      <c r="U34856">
        <v>7</v>
      </c>
      <c r="V34856">
        <v>7</v>
      </c>
      <c r="W34856">
        <v>7</v>
      </c>
      <c r="X34856">
        <v>7</v>
      </c>
      <c r="Y34856">
        <v>7</v>
      </c>
      <c r="Z34856">
        <v>8</v>
      </c>
      <c r="AA34856">
        <v>8</v>
      </c>
      <c r="AB34856">
        <v>8</v>
      </c>
      <c r="AC34856">
        <v>8</v>
      </c>
      <c r="AD34856">
        <v>8</v>
      </c>
      <c r="AE34856">
        <v>8</v>
      </c>
      <c r="AF34856">
        <v>8</v>
      </c>
      <c r="AG34856">
        <v>8</v>
      </c>
      <c r="AH34856">
        <v>8</v>
      </c>
      <c r="AI34856">
        <v>9</v>
      </c>
      <c r="AJ34856">
        <v>9</v>
      </c>
      <c r="AK34856">
        <v>9</v>
      </c>
      <c r="AL34856">
        <v>9</v>
      </c>
      <c r="AM34856">
        <v>9</v>
      </c>
      <c r="AN34856">
        <v>9</v>
      </c>
      <c r="AO34856">
        <v>9</v>
      </c>
      <c r="AP34856">
        <v>9</v>
      </c>
      <c r="AQ34856">
        <v>9</v>
      </c>
    </row>
    <row r="34857" spans="1:43">
      <c r="A34857" t="s">
        <v>21609</v>
      </c>
      <c r="B34857" t="s">
        <v>21610</v>
      </c>
      <c r="C34857" t="s">
        <v>21603</v>
      </c>
      <c r="D34857" t="s">
        <v>21604</v>
      </c>
      <c r="E34857" t="s">
        <v>21557</v>
      </c>
      <c r="F34857" t="s">
        <v>21558</v>
      </c>
      <c r="G34857" t="s">
        <v>20255</v>
      </c>
      <c r="H34857" t="s">
        <v>20256</v>
      </c>
      <c r="I34857" s="2">
        <v>1</v>
      </c>
      <c r="J34857" s="2">
        <v>0</v>
      </c>
      <c r="K34857" s="2">
        <v>0</v>
      </c>
      <c r="L34857" t="s">
        <v>120</v>
      </c>
      <c r="M34857" t="s">
        <v>83</v>
      </c>
      <c r="N34857" t="s">
        <v>91</v>
      </c>
      <c r="O34857" t="s">
        <v>85</v>
      </c>
      <c r="P34857" t="s">
        <v>86</v>
      </c>
      <c r="Q34857">
        <v>6</v>
      </c>
      <c r="R34857">
        <v>6</v>
      </c>
      <c r="S34857">
        <v>6</v>
      </c>
      <c r="T34857">
        <v>6</v>
      </c>
      <c r="U34857">
        <v>7</v>
      </c>
      <c r="V34857">
        <v>7</v>
      </c>
      <c r="W34857">
        <v>7</v>
      </c>
      <c r="X34857">
        <v>7</v>
      </c>
      <c r="Y34857">
        <v>7</v>
      </c>
      <c r="Z34857">
        <v>7</v>
      </c>
      <c r="AA34857">
        <v>7</v>
      </c>
      <c r="AB34857">
        <v>7</v>
      </c>
      <c r="AC34857">
        <v>7</v>
      </c>
      <c r="AD34857">
        <v>8</v>
      </c>
      <c r="AE34857">
        <v>8</v>
      </c>
      <c r="AF34857">
        <v>8</v>
      </c>
      <c r="AG34857">
        <v>8</v>
      </c>
      <c r="AH34857">
        <v>8</v>
      </c>
      <c r="AI34857">
        <v>8</v>
      </c>
      <c r="AJ34857">
        <v>8</v>
      </c>
      <c r="AK34857">
        <v>8</v>
      </c>
      <c r="AL34857">
        <v>9</v>
      </c>
      <c r="AM34857">
        <v>9</v>
      </c>
      <c r="AN34857">
        <v>9</v>
      </c>
      <c r="AO34857">
        <v>9</v>
      </c>
      <c r="AP34857">
        <v>9</v>
      </c>
      <c r="AQ34857">
        <v>9</v>
      </c>
    </row>
    <row r="34858" spans="1:43">
      <c r="A34858" t="s">
        <v>21611</v>
      </c>
      <c r="B34858" t="s">
        <v>21612</v>
      </c>
      <c r="C34858" t="s">
        <v>21603</v>
      </c>
      <c r="D34858" t="s">
        <v>21604</v>
      </c>
      <c r="E34858" t="s">
        <v>21557</v>
      </c>
      <c r="F34858" t="s">
        <v>21558</v>
      </c>
      <c r="G34858" t="s">
        <v>20255</v>
      </c>
      <c r="H34858" t="s">
        <v>20256</v>
      </c>
      <c r="I34858" s="2">
        <v>1</v>
      </c>
      <c r="J34858" s="2">
        <v>0</v>
      </c>
      <c r="K34858" s="2">
        <v>0</v>
      </c>
      <c r="L34858" t="s">
        <v>120</v>
      </c>
      <c r="M34858" t="s">
        <v>83</v>
      </c>
      <c r="N34858" t="s">
        <v>84</v>
      </c>
      <c r="O34858" t="s">
        <v>85</v>
      </c>
      <c r="P34858" t="s">
        <v>86</v>
      </c>
      <c r="Q34858">
        <v>8</v>
      </c>
      <c r="R34858">
        <v>8</v>
      </c>
      <c r="S34858">
        <v>8</v>
      </c>
      <c r="T34858">
        <v>9</v>
      </c>
      <c r="U34858">
        <v>9</v>
      </c>
      <c r="V34858">
        <v>9</v>
      </c>
      <c r="W34858">
        <v>9</v>
      </c>
      <c r="X34858">
        <v>9</v>
      </c>
      <c r="Y34858">
        <v>9</v>
      </c>
      <c r="Z34858">
        <v>9</v>
      </c>
      <c r="AA34858">
        <v>10</v>
      </c>
      <c r="AB34858">
        <v>10</v>
      </c>
      <c r="AC34858">
        <v>10</v>
      </c>
      <c r="AD34858">
        <v>10</v>
      </c>
      <c r="AE34858">
        <v>10</v>
      </c>
      <c r="AF34858">
        <v>10</v>
      </c>
      <c r="AG34858">
        <v>11</v>
      </c>
      <c r="AH34858">
        <v>11</v>
      </c>
      <c r="AI34858">
        <v>11</v>
      </c>
      <c r="AJ34858">
        <v>11</v>
      </c>
      <c r="AK34858">
        <v>11</v>
      </c>
      <c r="AL34858">
        <v>11</v>
      </c>
      <c r="AM34858">
        <v>11</v>
      </c>
      <c r="AN34858">
        <v>12</v>
      </c>
      <c r="AO34858">
        <v>12</v>
      </c>
      <c r="AP34858">
        <v>12</v>
      </c>
      <c r="AQ34858">
        <v>12</v>
      </c>
    </row>
    <row r="34859" spans="1:43">
      <c r="A34859" t="s">
        <v>21611</v>
      </c>
      <c r="B34859" t="s">
        <v>21612</v>
      </c>
      <c r="C34859" t="s">
        <v>21603</v>
      </c>
      <c r="D34859" t="s">
        <v>21604</v>
      </c>
      <c r="E34859" t="s">
        <v>21557</v>
      </c>
      <c r="F34859" t="s">
        <v>21558</v>
      </c>
      <c r="G34859" t="s">
        <v>20255</v>
      </c>
      <c r="H34859" t="s">
        <v>20256</v>
      </c>
      <c r="I34859" s="2">
        <v>1</v>
      </c>
      <c r="J34859" s="2">
        <v>0</v>
      </c>
      <c r="K34859" s="2">
        <v>0</v>
      </c>
      <c r="L34859" t="s">
        <v>120</v>
      </c>
      <c r="M34859" t="s">
        <v>87</v>
      </c>
      <c r="N34859" t="s">
        <v>88</v>
      </c>
      <c r="O34859" t="s">
        <v>85</v>
      </c>
      <c r="P34859" t="s">
        <v>86</v>
      </c>
      <c r="Q34859">
        <v>8</v>
      </c>
      <c r="R34859">
        <v>8</v>
      </c>
      <c r="S34859">
        <v>8</v>
      </c>
      <c r="T34859">
        <v>8</v>
      </c>
      <c r="U34859">
        <v>8</v>
      </c>
      <c r="V34859">
        <v>8</v>
      </c>
      <c r="W34859">
        <v>8</v>
      </c>
      <c r="X34859">
        <v>9</v>
      </c>
      <c r="Y34859">
        <v>9</v>
      </c>
      <c r="Z34859">
        <v>9</v>
      </c>
      <c r="AA34859">
        <v>9</v>
      </c>
      <c r="AB34859">
        <v>9</v>
      </c>
      <c r="AC34859">
        <v>9</v>
      </c>
      <c r="AD34859">
        <v>9</v>
      </c>
      <c r="AE34859">
        <v>9</v>
      </c>
      <c r="AF34859">
        <v>9</v>
      </c>
      <c r="AG34859">
        <v>9</v>
      </c>
      <c r="AH34859">
        <v>9</v>
      </c>
      <c r="AI34859">
        <v>9</v>
      </c>
      <c r="AJ34859">
        <v>10</v>
      </c>
      <c r="AK34859">
        <v>10</v>
      </c>
      <c r="AL34859">
        <v>10</v>
      </c>
      <c r="AM34859">
        <v>10</v>
      </c>
      <c r="AN34859">
        <v>10</v>
      </c>
      <c r="AO34859">
        <v>10</v>
      </c>
      <c r="AP34859">
        <v>10</v>
      </c>
      <c r="AQ34859">
        <v>10</v>
      </c>
    </row>
    <row r="34860" spans="1:43">
      <c r="A34860" t="s">
        <v>21611</v>
      </c>
      <c r="B34860" t="s">
        <v>21612</v>
      </c>
      <c r="C34860" t="s">
        <v>21603</v>
      </c>
      <c r="D34860" t="s">
        <v>21604</v>
      </c>
      <c r="E34860" t="s">
        <v>21557</v>
      </c>
      <c r="F34860" t="s">
        <v>21558</v>
      </c>
      <c r="G34860" t="s">
        <v>20255</v>
      </c>
      <c r="H34860" t="s">
        <v>20256</v>
      </c>
      <c r="I34860" s="2">
        <v>1</v>
      </c>
      <c r="J34860" s="2">
        <v>0</v>
      </c>
      <c r="K34860" s="2">
        <v>0</v>
      </c>
      <c r="L34860" t="s">
        <v>120</v>
      </c>
      <c r="M34860" t="s">
        <v>89</v>
      </c>
      <c r="N34860" t="s">
        <v>90</v>
      </c>
      <c r="O34860" t="s">
        <v>85</v>
      </c>
      <c r="P34860" t="s">
        <v>86</v>
      </c>
      <c r="Q34860">
        <v>8</v>
      </c>
      <c r="R34860">
        <v>8</v>
      </c>
      <c r="S34860">
        <v>9</v>
      </c>
      <c r="T34860">
        <v>9</v>
      </c>
      <c r="U34860">
        <v>9</v>
      </c>
      <c r="V34860">
        <v>9</v>
      </c>
      <c r="W34860">
        <v>9</v>
      </c>
      <c r="X34860">
        <v>10</v>
      </c>
      <c r="Y34860">
        <v>10</v>
      </c>
      <c r="Z34860">
        <v>10</v>
      </c>
      <c r="AA34860">
        <v>10</v>
      </c>
      <c r="AB34860">
        <v>10</v>
      </c>
      <c r="AC34860">
        <v>11</v>
      </c>
      <c r="AD34860">
        <v>11</v>
      </c>
      <c r="AE34860">
        <v>11</v>
      </c>
      <c r="AF34860">
        <v>11</v>
      </c>
      <c r="AG34860">
        <v>11</v>
      </c>
      <c r="AH34860">
        <v>11</v>
      </c>
      <c r="AI34860">
        <v>11</v>
      </c>
      <c r="AJ34860">
        <v>11</v>
      </c>
      <c r="AK34860">
        <v>11</v>
      </c>
      <c r="AL34860">
        <v>12</v>
      </c>
      <c r="AM34860">
        <v>12</v>
      </c>
      <c r="AN34860">
        <v>12</v>
      </c>
      <c r="AO34860">
        <v>12</v>
      </c>
      <c r="AP34860">
        <v>12</v>
      </c>
      <c r="AQ34860">
        <v>12</v>
      </c>
    </row>
    <row r="34861" spans="1:43">
      <c r="A34861" t="s">
        <v>21611</v>
      </c>
      <c r="B34861" t="s">
        <v>21612</v>
      </c>
      <c r="C34861" t="s">
        <v>21603</v>
      </c>
      <c r="D34861" t="s">
        <v>21604</v>
      </c>
      <c r="E34861" t="s">
        <v>21557</v>
      </c>
      <c r="F34861" t="s">
        <v>21558</v>
      </c>
      <c r="G34861" t="s">
        <v>20255</v>
      </c>
      <c r="H34861" t="s">
        <v>20256</v>
      </c>
      <c r="I34861" s="2">
        <v>1</v>
      </c>
      <c r="J34861" s="2">
        <v>0</v>
      </c>
      <c r="K34861" s="2">
        <v>0</v>
      </c>
      <c r="L34861" t="s">
        <v>120</v>
      </c>
      <c r="M34861" t="s">
        <v>83</v>
      </c>
      <c r="N34861" t="s">
        <v>91</v>
      </c>
      <c r="O34861" t="s">
        <v>85</v>
      </c>
      <c r="P34861" t="s">
        <v>86</v>
      </c>
      <c r="Q34861">
        <v>8</v>
      </c>
      <c r="R34861">
        <v>8</v>
      </c>
      <c r="S34861">
        <v>8</v>
      </c>
      <c r="T34861">
        <v>9</v>
      </c>
      <c r="U34861">
        <v>9</v>
      </c>
      <c r="V34861">
        <v>9</v>
      </c>
      <c r="W34861">
        <v>9</v>
      </c>
      <c r="X34861">
        <v>9</v>
      </c>
      <c r="Y34861">
        <v>9</v>
      </c>
      <c r="Z34861">
        <v>9</v>
      </c>
      <c r="AA34861">
        <v>10</v>
      </c>
      <c r="AB34861">
        <v>10</v>
      </c>
      <c r="AC34861">
        <v>10</v>
      </c>
      <c r="AD34861">
        <v>10</v>
      </c>
      <c r="AE34861">
        <v>10</v>
      </c>
      <c r="AF34861">
        <v>10</v>
      </c>
      <c r="AG34861">
        <v>11</v>
      </c>
      <c r="AH34861">
        <v>11</v>
      </c>
      <c r="AI34861">
        <v>11</v>
      </c>
      <c r="AJ34861">
        <v>11</v>
      </c>
      <c r="AK34861">
        <v>11</v>
      </c>
      <c r="AL34861">
        <v>11</v>
      </c>
      <c r="AM34861">
        <v>11</v>
      </c>
      <c r="AN34861">
        <v>12</v>
      </c>
      <c r="AO34861">
        <v>12</v>
      </c>
      <c r="AP34861">
        <v>12</v>
      </c>
      <c r="AQ34861">
        <v>12</v>
      </c>
    </row>
    <row r="34862" spans="1:43">
      <c r="A34862" t="s">
        <v>21613</v>
      </c>
      <c r="B34862" t="s">
        <v>21614</v>
      </c>
      <c r="C34862" t="s">
        <v>21603</v>
      </c>
      <c r="D34862" t="s">
        <v>21604</v>
      </c>
      <c r="E34862" t="s">
        <v>21557</v>
      </c>
      <c r="F34862" t="s">
        <v>21558</v>
      </c>
      <c r="G34862" t="s">
        <v>20255</v>
      </c>
      <c r="H34862" t="s">
        <v>20256</v>
      </c>
      <c r="I34862" s="2">
        <v>1</v>
      </c>
      <c r="J34862" s="2">
        <v>0</v>
      </c>
      <c r="K34862" s="2">
        <v>0</v>
      </c>
      <c r="L34862" t="s">
        <v>120</v>
      </c>
      <c r="M34862" t="s">
        <v>83</v>
      </c>
      <c r="N34862" t="s">
        <v>84</v>
      </c>
      <c r="O34862" t="s">
        <v>85</v>
      </c>
      <c r="P34862" t="s">
        <v>86</v>
      </c>
      <c r="Q34862">
        <v>11</v>
      </c>
      <c r="R34862">
        <v>11</v>
      </c>
      <c r="S34862">
        <v>12</v>
      </c>
      <c r="T34862">
        <v>12</v>
      </c>
      <c r="U34862">
        <v>12</v>
      </c>
      <c r="V34862">
        <v>12</v>
      </c>
      <c r="W34862">
        <v>13</v>
      </c>
      <c r="X34862">
        <v>13</v>
      </c>
      <c r="Y34862">
        <v>13</v>
      </c>
      <c r="Z34862">
        <v>13</v>
      </c>
      <c r="AA34862">
        <v>13</v>
      </c>
      <c r="AB34862">
        <v>14</v>
      </c>
      <c r="AC34862">
        <v>14</v>
      </c>
      <c r="AD34862">
        <v>14</v>
      </c>
      <c r="AE34862">
        <v>14</v>
      </c>
      <c r="AF34862">
        <v>15</v>
      </c>
      <c r="AG34862">
        <v>15</v>
      </c>
      <c r="AH34862">
        <v>15</v>
      </c>
      <c r="AI34862">
        <v>15</v>
      </c>
      <c r="AJ34862">
        <v>15</v>
      </c>
      <c r="AK34862">
        <v>16</v>
      </c>
      <c r="AL34862">
        <v>16</v>
      </c>
      <c r="AM34862">
        <v>16</v>
      </c>
      <c r="AN34862">
        <v>16</v>
      </c>
      <c r="AO34862">
        <v>16</v>
      </c>
      <c r="AP34862">
        <v>16</v>
      </c>
      <c r="AQ34862">
        <v>16</v>
      </c>
    </row>
    <row r="34863" spans="1:43">
      <c r="A34863" t="s">
        <v>21613</v>
      </c>
      <c r="B34863" t="s">
        <v>21614</v>
      </c>
      <c r="C34863" t="s">
        <v>21603</v>
      </c>
      <c r="D34863" t="s">
        <v>21604</v>
      </c>
      <c r="E34863" t="s">
        <v>21557</v>
      </c>
      <c r="F34863" t="s">
        <v>21558</v>
      </c>
      <c r="G34863" t="s">
        <v>20255</v>
      </c>
      <c r="H34863" t="s">
        <v>20256</v>
      </c>
      <c r="I34863" s="2">
        <v>1</v>
      </c>
      <c r="J34863" s="2">
        <v>0</v>
      </c>
      <c r="K34863" s="2">
        <v>0</v>
      </c>
      <c r="L34863" t="s">
        <v>120</v>
      </c>
      <c r="M34863" t="s">
        <v>87</v>
      </c>
      <c r="N34863" t="s">
        <v>88</v>
      </c>
      <c r="O34863" t="s">
        <v>85</v>
      </c>
      <c r="P34863" t="s">
        <v>86</v>
      </c>
      <c r="Q34863">
        <v>11</v>
      </c>
      <c r="R34863">
        <v>11</v>
      </c>
      <c r="S34863">
        <v>11</v>
      </c>
      <c r="T34863">
        <v>11</v>
      </c>
      <c r="U34863">
        <v>12</v>
      </c>
      <c r="V34863">
        <v>12</v>
      </c>
      <c r="W34863">
        <v>12</v>
      </c>
      <c r="X34863">
        <v>12</v>
      </c>
      <c r="Y34863">
        <v>12</v>
      </c>
      <c r="Z34863">
        <v>12</v>
      </c>
      <c r="AA34863">
        <v>12</v>
      </c>
      <c r="AB34863">
        <v>12</v>
      </c>
      <c r="AC34863">
        <v>12</v>
      </c>
      <c r="AD34863">
        <v>13</v>
      </c>
      <c r="AE34863">
        <v>13</v>
      </c>
      <c r="AF34863">
        <v>13</v>
      </c>
      <c r="AG34863">
        <v>13</v>
      </c>
      <c r="AH34863">
        <v>13</v>
      </c>
      <c r="AI34863">
        <v>13</v>
      </c>
      <c r="AJ34863">
        <v>13</v>
      </c>
      <c r="AK34863">
        <v>13</v>
      </c>
      <c r="AL34863">
        <v>14</v>
      </c>
      <c r="AM34863">
        <v>14</v>
      </c>
      <c r="AN34863">
        <v>14</v>
      </c>
      <c r="AO34863">
        <v>14</v>
      </c>
      <c r="AP34863">
        <v>14</v>
      </c>
      <c r="AQ34863">
        <v>14</v>
      </c>
    </row>
    <row r="34864" spans="1:43">
      <c r="A34864" t="s">
        <v>21613</v>
      </c>
      <c r="B34864" t="s">
        <v>21614</v>
      </c>
      <c r="C34864" t="s">
        <v>21603</v>
      </c>
      <c r="D34864" t="s">
        <v>21604</v>
      </c>
      <c r="E34864" t="s">
        <v>21557</v>
      </c>
      <c r="F34864" t="s">
        <v>21558</v>
      </c>
      <c r="G34864" t="s">
        <v>20255</v>
      </c>
      <c r="H34864" t="s">
        <v>20256</v>
      </c>
      <c r="I34864" s="2">
        <v>1</v>
      </c>
      <c r="J34864" s="2">
        <v>0</v>
      </c>
      <c r="K34864" s="2">
        <v>0</v>
      </c>
      <c r="L34864" t="s">
        <v>120</v>
      </c>
      <c r="M34864" t="s">
        <v>89</v>
      </c>
      <c r="N34864" t="s">
        <v>90</v>
      </c>
      <c r="O34864" t="s">
        <v>85</v>
      </c>
      <c r="P34864" t="s">
        <v>86</v>
      </c>
      <c r="Q34864">
        <v>11</v>
      </c>
      <c r="R34864">
        <v>12</v>
      </c>
      <c r="S34864">
        <v>12</v>
      </c>
      <c r="T34864">
        <v>12</v>
      </c>
      <c r="U34864">
        <v>13</v>
      </c>
      <c r="V34864">
        <v>13</v>
      </c>
      <c r="W34864">
        <v>13</v>
      </c>
      <c r="X34864">
        <v>13</v>
      </c>
      <c r="Y34864">
        <v>14</v>
      </c>
      <c r="Z34864">
        <v>14</v>
      </c>
      <c r="AA34864">
        <v>14</v>
      </c>
      <c r="AB34864">
        <v>15</v>
      </c>
      <c r="AC34864">
        <v>15</v>
      </c>
      <c r="AD34864">
        <v>15</v>
      </c>
      <c r="AE34864">
        <v>15</v>
      </c>
      <c r="AF34864">
        <v>15</v>
      </c>
      <c r="AG34864">
        <v>16</v>
      </c>
      <c r="AH34864">
        <v>16</v>
      </c>
      <c r="AI34864">
        <v>16</v>
      </c>
      <c r="AJ34864">
        <v>16</v>
      </c>
      <c r="AK34864">
        <v>16</v>
      </c>
      <c r="AL34864">
        <v>16</v>
      </c>
      <c r="AM34864">
        <v>16</v>
      </c>
      <c r="AN34864">
        <v>16</v>
      </c>
      <c r="AO34864">
        <v>16</v>
      </c>
      <c r="AP34864">
        <v>16</v>
      </c>
      <c r="AQ34864">
        <v>17</v>
      </c>
    </row>
    <row r="34865" spans="1:43">
      <c r="A34865" t="s">
        <v>21613</v>
      </c>
      <c r="B34865" t="s">
        <v>21614</v>
      </c>
      <c r="C34865" t="s">
        <v>21603</v>
      </c>
      <c r="D34865" t="s">
        <v>21604</v>
      </c>
      <c r="E34865" t="s">
        <v>21557</v>
      </c>
      <c r="F34865" t="s">
        <v>21558</v>
      </c>
      <c r="G34865" t="s">
        <v>20255</v>
      </c>
      <c r="H34865" t="s">
        <v>20256</v>
      </c>
      <c r="I34865" s="2">
        <v>1</v>
      </c>
      <c r="J34865" s="2">
        <v>0</v>
      </c>
      <c r="K34865" s="2">
        <v>0</v>
      </c>
      <c r="L34865" t="s">
        <v>120</v>
      </c>
      <c r="M34865" t="s">
        <v>83</v>
      </c>
      <c r="N34865" t="s">
        <v>91</v>
      </c>
      <c r="O34865" t="s">
        <v>85</v>
      </c>
      <c r="P34865" t="s">
        <v>86</v>
      </c>
      <c r="Q34865">
        <v>11</v>
      </c>
      <c r="R34865">
        <v>11</v>
      </c>
      <c r="S34865">
        <v>12</v>
      </c>
      <c r="T34865">
        <v>12</v>
      </c>
      <c r="U34865">
        <v>12</v>
      </c>
      <c r="V34865">
        <v>12</v>
      </c>
      <c r="W34865">
        <v>13</v>
      </c>
      <c r="X34865">
        <v>13</v>
      </c>
      <c r="Y34865">
        <v>13</v>
      </c>
      <c r="Z34865">
        <v>13</v>
      </c>
      <c r="AA34865">
        <v>13</v>
      </c>
      <c r="AB34865">
        <v>14</v>
      </c>
      <c r="AC34865">
        <v>14</v>
      </c>
      <c r="AD34865">
        <v>14</v>
      </c>
      <c r="AE34865">
        <v>14</v>
      </c>
      <c r="AF34865">
        <v>15</v>
      </c>
      <c r="AG34865">
        <v>15</v>
      </c>
      <c r="AH34865">
        <v>15</v>
      </c>
      <c r="AI34865">
        <v>15</v>
      </c>
      <c r="AJ34865">
        <v>15</v>
      </c>
      <c r="AK34865">
        <v>16</v>
      </c>
      <c r="AL34865">
        <v>16</v>
      </c>
      <c r="AM34865">
        <v>16</v>
      </c>
      <c r="AN34865">
        <v>16</v>
      </c>
      <c r="AO34865">
        <v>16</v>
      </c>
      <c r="AP34865">
        <v>16</v>
      </c>
      <c r="AQ34865">
        <v>16</v>
      </c>
    </row>
    <row r="34866" spans="1:43">
      <c r="A34866" t="s">
        <v>21615</v>
      </c>
      <c r="B34866" t="s">
        <v>21616</v>
      </c>
      <c r="C34866" t="s">
        <v>21617</v>
      </c>
      <c r="D34866" t="s">
        <v>21618</v>
      </c>
      <c r="E34866" t="s">
        <v>21557</v>
      </c>
      <c r="F34866" t="s">
        <v>21558</v>
      </c>
      <c r="G34866" t="s">
        <v>20255</v>
      </c>
      <c r="H34866" t="s">
        <v>20256</v>
      </c>
      <c r="I34866" s="2">
        <v>1</v>
      </c>
      <c r="J34866" s="2">
        <v>0</v>
      </c>
      <c r="K34866" s="2">
        <v>0</v>
      </c>
      <c r="L34866" t="s">
        <v>120</v>
      </c>
      <c r="M34866" t="s">
        <v>83</v>
      </c>
      <c r="N34866" t="s">
        <v>84</v>
      </c>
      <c r="O34866" t="s">
        <v>85</v>
      </c>
      <c r="P34866" t="s">
        <v>86</v>
      </c>
      <c r="Q34866">
        <v>63</v>
      </c>
      <c r="R34866">
        <v>64</v>
      </c>
      <c r="S34866">
        <v>65</v>
      </c>
      <c r="T34866">
        <v>67</v>
      </c>
      <c r="U34866">
        <v>68</v>
      </c>
      <c r="V34866">
        <v>69</v>
      </c>
      <c r="W34866">
        <v>71</v>
      </c>
      <c r="X34866">
        <v>72</v>
      </c>
      <c r="Y34866">
        <v>73</v>
      </c>
      <c r="Z34866">
        <v>74</v>
      </c>
      <c r="AA34866">
        <v>76</v>
      </c>
      <c r="AB34866">
        <v>77</v>
      </c>
      <c r="AC34866">
        <v>78</v>
      </c>
      <c r="AD34866">
        <v>80</v>
      </c>
      <c r="AE34866">
        <v>81</v>
      </c>
      <c r="AF34866">
        <v>82</v>
      </c>
      <c r="AG34866">
        <v>84</v>
      </c>
      <c r="AH34866">
        <v>85</v>
      </c>
      <c r="AI34866">
        <v>86</v>
      </c>
      <c r="AJ34866">
        <v>88</v>
      </c>
      <c r="AK34866">
        <v>89</v>
      </c>
      <c r="AL34866">
        <v>90</v>
      </c>
      <c r="AM34866">
        <v>91</v>
      </c>
      <c r="AN34866">
        <v>91</v>
      </c>
      <c r="AO34866">
        <v>92</v>
      </c>
      <c r="AP34866">
        <v>93</v>
      </c>
      <c r="AQ34866">
        <v>93</v>
      </c>
    </row>
    <row r="34867" spans="1:43">
      <c r="A34867" t="s">
        <v>21615</v>
      </c>
      <c r="B34867" t="s">
        <v>21616</v>
      </c>
      <c r="C34867" t="s">
        <v>21617</v>
      </c>
      <c r="D34867" t="s">
        <v>21618</v>
      </c>
      <c r="E34867" t="s">
        <v>21557</v>
      </c>
      <c r="F34867" t="s">
        <v>21558</v>
      </c>
      <c r="G34867" t="s">
        <v>20255</v>
      </c>
      <c r="H34867" t="s">
        <v>20256</v>
      </c>
      <c r="I34867" s="2">
        <v>1</v>
      </c>
      <c r="J34867" s="2">
        <v>0</v>
      </c>
      <c r="K34867" s="2">
        <v>0</v>
      </c>
      <c r="L34867" t="s">
        <v>120</v>
      </c>
      <c r="M34867" t="s">
        <v>87</v>
      </c>
      <c r="N34867" t="s">
        <v>88</v>
      </c>
      <c r="O34867" t="s">
        <v>85</v>
      </c>
      <c r="P34867" t="s">
        <v>86</v>
      </c>
      <c r="Q34867">
        <v>63</v>
      </c>
      <c r="R34867">
        <v>64</v>
      </c>
      <c r="S34867">
        <v>65</v>
      </c>
      <c r="T34867">
        <v>65</v>
      </c>
      <c r="U34867">
        <v>66</v>
      </c>
      <c r="V34867">
        <v>67</v>
      </c>
      <c r="W34867">
        <v>67</v>
      </c>
      <c r="X34867">
        <v>68</v>
      </c>
      <c r="Y34867">
        <v>69</v>
      </c>
      <c r="Z34867">
        <v>69</v>
      </c>
      <c r="AA34867">
        <v>70</v>
      </c>
      <c r="AB34867">
        <v>71</v>
      </c>
      <c r="AC34867">
        <v>72</v>
      </c>
      <c r="AD34867">
        <v>72</v>
      </c>
      <c r="AE34867">
        <v>73</v>
      </c>
      <c r="AF34867">
        <v>74</v>
      </c>
      <c r="AG34867">
        <v>74</v>
      </c>
      <c r="AH34867">
        <v>75</v>
      </c>
      <c r="AI34867">
        <v>76</v>
      </c>
      <c r="AJ34867">
        <v>77</v>
      </c>
      <c r="AK34867">
        <v>77</v>
      </c>
      <c r="AL34867">
        <v>78</v>
      </c>
      <c r="AM34867">
        <v>79</v>
      </c>
      <c r="AN34867">
        <v>80</v>
      </c>
      <c r="AO34867">
        <v>81</v>
      </c>
      <c r="AP34867">
        <v>81</v>
      </c>
      <c r="AQ34867">
        <v>82</v>
      </c>
    </row>
    <row r="34868" spans="1:43">
      <c r="A34868" t="s">
        <v>21615</v>
      </c>
      <c r="B34868" t="s">
        <v>21616</v>
      </c>
      <c r="C34868" t="s">
        <v>21617</v>
      </c>
      <c r="D34868" t="s">
        <v>21618</v>
      </c>
      <c r="E34868" t="s">
        <v>21557</v>
      </c>
      <c r="F34868" t="s">
        <v>21558</v>
      </c>
      <c r="G34868" t="s">
        <v>20255</v>
      </c>
      <c r="H34868" t="s">
        <v>20256</v>
      </c>
      <c r="I34868" s="2">
        <v>1</v>
      </c>
      <c r="J34868" s="2">
        <v>0</v>
      </c>
      <c r="K34868" s="2">
        <v>0</v>
      </c>
      <c r="L34868" t="s">
        <v>120</v>
      </c>
      <c r="M34868" t="s">
        <v>89</v>
      </c>
      <c r="N34868" t="s">
        <v>90</v>
      </c>
      <c r="O34868" t="s">
        <v>85</v>
      </c>
      <c r="P34868" t="s">
        <v>86</v>
      </c>
      <c r="Q34868">
        <v>63</v>
      </c>
      <c r="R34868">
        <v>65</v>
      </c>
      <c r="S34868">
        <v>67</v>
      </c>
      <c r="T34868">
        <v>69</v>
      </c>
      <c r="U34868">
        <v>71</v>
      </c>
      <c r="V34868">
        <v>72</v>
      </c>
      <c r="W34868">
        <v>74</v>
      </c>
      <c r="X34868">
        <v>76</v>
      </c>
      <c r="Y34868">
        <v>77</v>
      </c>
      <c r="Z34868">
        <v>79</v>
      </c>
      <c r="AA34868">
        <v>80</v>
      </c>
      <c r="AB34868">
        <v>82</v>
      </c>
      <c r="AC34868">
        <v>84</v>
      </c>
      <c r="AD34868">
        <v>85</v>
      </c>
      <c r="AE34868">
        <v>87</v>
      </c>
      <c r="AF34868">
        <v>87</v>
      </c>
      <c r="AG34868">
        <v>88</v>
      </c>
      <c r="AH34868">
        <v>89</v>
      </c>
      <c r="AI34868">
        <v>89</v>
      </c>
      <c r="AJ34868">
        <v>90</v>
      </c>
      <c r="AK34868">
        <v>91</v>
      </c>
      <c r="AL34868">
        <v>91</v>
      </c>
      <c r="AM34868">
        <v>92</v>
      </c>
      <c r="AN34868">
        <v>93</v>
      </c>
      <c r="AO34868">
        <v>93</v>
      </c>
      <c r="AP34868">
        <v>94</v>
      </c>
      <c r="AQ34868">
        <v>95</v>
      </c>
    </row>
    <row r="34869" spans="1:43">
      <c r="A34869" t="s">
        <v>21615</v>
      </c>
      <c r="B34869" t="s">
        <v>21616</v>
      </c>
      <c r="C34869" t="s">
        <v>21617</v>
      </c>
      <c r="D34869" t="s">
        <v>21618</v>
      </c>
      <c r="E34869" t="s">
        <v>21557</v>
      </c>
      <c r="F34869" t="s">
        <v>21558</v>
      </c>
      <c r="G34869" t="s">
        <v>20255</v>
      </c>
      <c r="H34869" t="s">
        <v>20256</v>
      </c>
      <c r="I34869" s="2">
        <v>1</v>
      </c>
      <c r="J34869" s="2">
        <v>0</v>
      </c>
      <c r="K34869" s="2">
        <v>0</v>
      </c>
      <c r="L34869" t="s">
        <v>120</v>
      </c>
      <c r="M34869" t="s">
        <v>83</v>
      </c>
      <c r="N34869" t="s">
        <v>91</v>
      </c>
      <c r="O34869" t="s">
        <v>85</v>
      </c>
      <c r="P34869" t="s">
        <v>86</v>
      </c>
      <c r="Q34869">
        <v>63</v>
      </c>
      <c r="R34869">
        <v>64</v>
      </c>
      <c r="S34869">
        <v>65</v>
      </c>
      <c r="T34869">
        <v>67</v>
      </c>
      <c r="U34869">
        <v>68</v>
      </c>
      <c r="V34869">
        <v>69</v>
      </c>
      <c r="W34869">
        <v>71</v>
      </c>
      <c r="X34869">
        <v>72</v>
      </c>
      <c r="Y34869">
        <v>73</v>
      </c>
      <c r="Z34869">
        <v>74</v>
      </c>
      <c r="AA34869">
        <v>76</v>
      </c>
      <c r="AB34869">
        <v>77</v>
      </c>
      <c r="AC34869">
        <v>78</v>
      </c>
      <c r="AD34869">
        <v>80</v>
      </c>
      <c r="AE34869">
        <v>81</v>
      </c>
      <c r="AF34869">
        <v>82</v>
      </c>
      <c r="AG34869">
        <v>84</v>
      </c>
      <c r="AH34869">
        <v>85</v>
      </c>
      <c r="AI34869">
        <v>86</v>
      </c>
      <c r="AJ34869">
        <v>88</v>
      </c>
      <c r="AK34869">
        <v>89</v>
      </c>
      <c r="AL34869">
        <v>90</v>
      </c>
      <c r="AM34869">
        <v>91</v>
      </c>
      <c r="AN34869">
        <v>91</v>
      </c>
      <c r="AO34869">
        <v>92</v>
      </c>
      <c r="AP34869">
        <v>93</v>
      </c>
      <c r="AQ34869">
        <v>93</v>
      </c>
    </row>
    <row r="34870" spans="1:43">
      <c r="A34870" t="s">
        <v>21619</v>
      </c>
      <c r="B34870" t="s">
        <v>21620</v>
      </c>
      <c r="C34870" t="s">
        <v>21617</v>
      </c>
      <c r="D34870" t="s">
        <v>21618</v>
      </c>
      <c r="E34870" t="s">
        <v>21557</v>
      </c>
      <c r="F34870" t="s">
        <v>21558</v>
      </c>
      <c r="G34870" t="s">
        <v>20255</v>
      </c>
      <c r="H34870" t="s">
        <v>20256</v>
      </c>
      <c r="I34870" s="2">
        <v>1</v>
      </c>
      <c r="J34870" s="2">
        <v>0</v>
      </c>
      <c r="K34870" s="2">
        <v>0</v>
      </c>
      <c r="L34870" t="s">
        <v>120</v>
      </c>
      <c r="M34870" t="s">
        <v>83</v>
      </c>
      <c r="N34870" t="s">
        <v>84</v>
      </c>
      <c r="O34870" t="s">
        <v>85</v>
      </c>
      <c r="P34870" t="s">
        <v>86</v>
      </c>
      <c r="Q34870">
        <v>5</v>
      </c>
      <c r="R34870">
        <v>5</v>
      </c>
      <c r="S34870">
        <v>5</v>
      </c>
      <c r="T34870">
        <v>5</v>
      </c>
      <c r="U34870">
        <v>5</v>
      </c>
      <c r="V34870">
        <v>5</v>
      </c>
      <c r="W34870">
        <v>5</v>
      </c>
      <c r="X34870">
        <v>5</v>
      </c>
      <c r="Y34870">
        <v>5</v>
      </c>
      <c r="Z34870">
        <v>6</v>
      </c>
      <c r="AA34870">
        <v>6</v>
      </c>
      <c r="AB34870">
        <v>6</v>
      </c>
      <c r="AC34870">
        <v>6</v>
      </c>
      <c r="AD34870">
        <v>6</v>
      </c>
      <c r="AE34870">
        <v>6</v>
      </c>
      <c r="AF34870">
        <v>6</v>
      </c>
      <c r="AG34870">
        <v>6</v>
      </c>
      <c r="AH34870">
        <v>6</v>
      </c>
      <c r="AI34870">
        <v>6</v>
      </c>
      <c r="AJ34870">
        <v>6</v>
      </c>
      <c r="AK34870">
        <v>7</v>
      </c>
      <c r="AL34870">
        <v>7</v>
      </c>
      <c r="AM34870">
        <v>7</v>
      </c>
      <c r="AN34870">
        <v>7</v>
      </c>
      <c r="AO34870">
        <v>7</v>
      </c>
      <c r="AP34870">
        <v>7</v>
      </c>
      <c r="AQ34870">
        <v>7</v>
      </c>
    </row>
    <row r="34871" spans="1:43">
      <c r="A34871" t="s">
        <v>21619</v>
      </c>
      <c r="B34871" t="s">
        <v>21620</v>
      </c>
      <c r="C34871" t="s">
        <v>21617</v>
      </c>
      <c r="D34871" t="s">
        <v>21618</v>
      </c>
      <c r="E34871" t="s">
        <v>21557</v>
      </c>
      <c r="F34871" t="s">
        <v>21558</v>
      </c>
      <c r="G34871" t="s">
        <v>20255</v>
      </c>
      <c r="H34871" t="s">
        <v>20256</v>
      </c>
      <c r="I34871" s="2">
        <v>1</v>
      </c>
      <c r="J34871" s="2">
        <v>0</v>
      </c>
      <c r="K34871" s="2">
        <v>0</v>
      </c>
      <c r="L34871" t="s">
        <v>120</v>
      </c>
      <c r="M34871" t="s">
        <v>87</v>
      </c>
      <c r="N34871" t="s">
        <v>88</v>
      </c>
      <c r="O34871" t="s">
        <v>85</v>
      </c>
      <c r="P34871" t="s">
        <v>86</v>
      </c>
      <c r="Q34871">
        <v>5</v>
      </c>
      <c r="R34871">
        <v>5</v>
      </c>
      <c r="S34871">
        <v>5</v>
      </c>
      <c r="T34871">
        <v>5</v>
      </c>
      <c r="U34871">
        <v>5</v>
      </c>
      <c r="V34871">
        <v>5</v>
      </c>
      <c r="W34871">
        <v>5</v>
      </c>
      <c r="X34871">
        <v>5</v>
      </c>
      <c r="Y34871">
        <v>5</v>
      </c>
      <c r="Z34871">
        <v>5</v>
      </c>
      <c r="AA34871">
        <v>5</v>
      </c>
      <c r="AB34871">
        <v>5</v>
      </c>
      <c r="AC34871">
        <v>5</v>
      </c>
      <c r="AD34871">
        <v>5</v>
      </c>
      <c r="AE34871">
        <v>5</v>
      </c>
      <c r="AF34871">
        <v>5</v>
      </c>
      <c r="AG34871">
        <v>5</v>
      </c>
      <c r="AH34871">
        <v>5</v>
      </c>
      <c r="AI34871">
        <v>6</v>
      </c>
      <c r="AJ34871">
        <v>6</v>
      </c>
      <c r="AK34871">
        <v>6</v>
      </c>
      <c r="AL34871">
        <v>6</v>
      </c>
      <c r="AM34871">
        <v>6</v>
      </c>
      <c r="AN34871">
        <v>6</v>
      </c>
      <c r="AO34871">
        <v>6</v>
      </c>
      <c r="AP34871">
        <v>6</v>
      </c>
      <c r="AQ34871">
        <v>6</v>
      </c>
    </row>
    <row r="34872" spans="1:43">
      <c r="A34872" t="s">
        <v>21619</v>
      </c>
      <c r="B34872" t="s">
        <v>21620</v>
      </c>
      <c r="C34872" t="s">
        <v>21617</v>
      </c>
      <c r="D34872" t="s">
        <v>21618</v>
      </c>
      <c r="E34872" t="s">
        <v>21557</v>
      </c>
      <c r="F34872" t="s">
        <v>21558</v>
      </c>
      <c r="G34872" t="s">
        <v>20255</v>
      </c>
      <c r="H34872" t="s">
        <v>20256</v>
      </c>
      <c r="I34872" s="2">
        <v>1</v>
      </c>
      <c r="J34872" s="2">
        <v>0</v>
      </c>
      <c r="K34872" s="2">
        <v>0</v>
      </c>
      <c r="L34872" t="s">
        <v>120</v>
      </c>
      <c r="M34872" t="s">
        <v>89</v>
      </c>
      <c r="N34872" t="s">
        <v>90</v>
      </c>
      <c r="O34872" t="s">
        <v>85</v>
      </c>
      <c r="P34872" t="s">
        <v>86</v>
      </c>
      <c r="Q34872">
        <v>5</v>
      </c>
      <c r="R34872">
        <v>5</v>
      </c>
      <c r="S34872">
        <v>5</v>
      </c>
      <c r="T34872">
        <v>5</v>
      </c>
      <c r="U34872">
        <v>5</v>
      </c>
      <c r="V34872">
        <v>5</v>
      </c>
      <c r="W34872">
        <v>5</v>
      </c>
      <c r="X34872">
        <v>6</v>
      </c>
      <c r="Y34872">
        <v>6</v>
      </c>
      <c r="Z34872">
        <v>6</v>
      </c>
      <c r="AA34872">
        <v>6</v>
      </c>
      <c r="AB34872">
        <v>6</v>
      </c>
      <c r="AC34872">
        <v>6</v>
      </c>
      <c r="AD34872">
        <v>6</v>
      </c>
      <c r="AE34872">
        <v>6</v>
      </c>
      <c r="AF34872">
        <v>6</v>
      </c>
      <c r="AG34872">
        <v>7</v>
      </c>
      <c r="AH34872">
        <v>7</v>
      </c>
      <c r="AI34872">
        <v>7</v>
      </c>
      <c r="AJ34872">
        <v>7</v>
      </c>
      <c r="AK34872">
        <v>7</v>
      </c>
      <c r="AL34872">
        <v>7</v>
      </c>
      <c r="AM34872">
        <v>7</v>
      </c>
      <c r="AN34872">
        <v>7</v>
      </c>
      <c r="AO34872">
        <v>7</v>
      </c>
      <c r="AP34872">
        <v>7</v>
      </c>
      <c r="AQ34872">
        <v>7</v>
      </c>
    </row>
    <row r="34873" spans="1:43">
      <c r="A34873" t="s">
        <v>21619</v>
      </c>
      <c r="B34873" t="s">
        <v>21620</v>
      </c>
      <c r="C34873" t="s">
        <v>21617</v>
      </c>
      <c r="D34873" t="s">
        <v>21618</v>
      </c>
      <c r="E34873" t="s">
        <v>21557</v>
      </c>
      <c r="F34873" t="s">
        <v>21558</v>
      </c>
      <c r="G34873" t="s">
        <v>20255</v>
      </c>
      <c r="H34873" t="s">
        <v>20256</v>
      </c>
      <c r="I34873" s="2">
        <v>1</v>
      </c>
      <c r="J34873" s="2">
        <v>0</v>
      </c>
      <c r="K34873" s="2">
        <v>0</v>
      </c>
      <c r="L34873" t="s">
        <v>120</v>
      </c>
      <c r="M34873" t="s">
        <v>83</v>
      </c>
      <c r="N34873" t="s">
        <v>91</v>
      </c>
      <c r="O34873" t="s">
        <v>85</v>
      </c>
      <c r="P34873" t="s">
        <v>86</v>
      </c>
      <c r="Q34873">
        <v>5</v>
      </c>
      <c r="R34873">
        <v>5</v>
      </c>
      <c r="S34873">
        <v>5</v>
      </c>
      <c r="T34873">
        <v>5</v>
      </c>
      <c r="U34873">
        <v>5</v>
      </c>
      <c r="V34873">
        <v>5</v>
      </c>
      <c r="W34873">
        <v>5</v>
      </c>
      <c r="X34873">
        <v>5</v>
      </c>
      <c r="Y34873">
        <v>5</v>
      </c>
      <c r="Z34873">
        <v>6</v>
      </c>
      <c r="AA34873">
        <v>6</v>
      </c>
      <c r="AB34873">
        <v>6</v>
      </c>
      <c r="AC34873">
        <v>6</v>
      </c>
      <c r="AD34873">
        <v>6</v>
      </c>
      <c r="AE34873">
        <v>6</v>
      </c>
      <c r="AF34873">
        <v>6</v>
      </c>
      <c r="AG34873">
        <v>6</v>
      </c>
      <c r="AH34873">
        <v>6</v>
      </c>
      <c r="AI34873">
        <v>6</v>
      </c>
      <c r="AJ34873">
        <v>6</v>
      </c>
      <c r="AK34873">
        <v>7</v>
      </c>
      <c r="AL34873">
        <v>7</v>
      </c>
      <c r="AM34873">
        <v>7</v>
      </c>
      <c r="AN34873">
        <v>7</v>
      </c>
      <c r="AO34873">
        <v>7</v>
      </c>
      <c r="AP34873">
        <v>7</v>
      </c>
      <c r="AQ34873">
        <v>7</v>
      </c>
    </row>
    <row r="34874" spans="1:43">
      <c r="A34874" t="s">
        <v>21621</v>
      </c>
      <c r="B34874" t="s">
        <v>21622</v>
      </c>
      <c r="C34874" t="s">
        <v>21617</v>
      </c>
      <c r="D34874" t="s">
        <v>21618</v>
      </c>
      <c r="E34874" t="s">
        <v>21557</v>
      </c>
      <c r="F34874" t="s">
        <v>21558</v>
      </c>
      <c r="G34874" t="s">
        <v>20255</v>
      </c>
      <c r="H34874" t="s">
        <v>20256</v>
      </c>
      <c r="I34874" s="2">
        <v>1</v>
      </c>
      <c r="J34874" s="2">
        <v>0</v>
      </c>
      <c r="K34874" s="2">
        <v>0</v>
      </c>
      <c r="L34874" t="s">
        <v>120</v>
      </c>
      <c r="M34874" t="s">
        <v>83</v>
      </c>
      <c r="N34874" t="s">
        <v>84</v>
      </c>
      <c r="O34874" t="s">
        <v>85</v>
      </c>
      <c r="P34874" t="s">
        <v>86</v>
      </c>
      <c r="Q34874">
        <v>12</v>
      </c>
      <c r="R34874">
        <v>12</v>
      </c>
      <c r="S34874">
        <v>13</v>
      </c>
      <c r="T34874">
        <v>13</v>
      </c>
      <c r="U34874">
        <v>13</v>
      </c>
      <c r="V34874">
        <v>13</v>
      </c>
      <c r="W34874">
        <v>14</v>
      </c>
      <c r="X34874">
        <v>14</v>
      </c>
      <c r="Y34874">
        <v>14</v>
      </c>
      <c r="Z34874">
        <v>14</v>
      </c>
      <c r="AA34874">
        <v>15</v>
      </c>
      <c r="AB34874">
        <v>15</v>
      </c>
      <c r="AC34874">
        <v>15</v>
      </c>
      <c r="AD34874">
        <v>15</v>
      </c>
      <c r="AE34874">
        <v>16</v>
      </c>
      <c r="AF34874">
        <v>16</v>
      </c>
      <c r="AG34874">
        <v>16</v>
      </c>
      <c r="AH34874">
        <v>16</v>
      </c>
      <c r="AI34874">
        <v>17</v>
      </c>
      <c r="AJ34874">
        <v>17</v>
      </c>
      <c r="AK34874">
        <v>17</v>
      </c>
      <c r="AL34874">
        <v>17</v>
      </c>
      <c r="AM34874">
        <v>18</v>
      </c>
      <c r="AN34874">
        <v>18</v>
      </c>
      <c r="AO34874">
        <v>18</v>
      </c>
      <c r="AP34874">
        <v>18</v>
      </c>
      <c r="AQ34874">
        <v>18</v>
      </c>
    </row>
    <row r="34875" spans="1:43">
      <c r="A34875" t="s">
        <v>21621</v>
      </c>
      <c r="B34875" t="s">
        <v>21622</v>
      </c>
      <c r="C34875" t="s">
        <v>21617</v>
      </c>
      <c r="D34875" t="s">
        <v>21618</v>
      </c>
      <c r="E34875" t="s">
        <v>21557</v>
      </c>
      <c r="F34875" t="s">
        <v>21558</v>
      </c>
      <c r="G34875" t="s">
        <v>20255</v>
      </c>
      <c r="H34875" t="s">
        <v>20256</v>
      </c>
      <c r="I34875" s="2">
        <v>1</v>
      </c>
      <c r="J34875" s="2">
        <v>0</v>
      </c>
      <c r="K34875" s="2">
        <v>0</v>
      </c>
      <c r="L34875" t="s">
        <v>120</v>
      </c>
      <c r="M34875" t="s">
        <v>87</v>
      </c>
      <c r="N34875" t="s">
        <v>88</v>
      </c>
      <c r="O34875" t="s">
        <v>85</v>
      </c>
      <c r="P34875" t="s">
        <v>86</v>
      </c>
      <c r="Q34875">
        <v>12</v>
      </c>
      <c r="R34875">
        <v>12</v>
      </c>
      <c r="S34875">
        <v>12</v>
      </c>
      <c r="T34875">
        <v>12</v>
      </c>
      <c r="U34875">
        <v>13</v>
      </c>
      <c r="V34875">
        <v>13</v>
      </c>
      <c r="W34875">
        <v>13</v>
      </c>
      <c r="X34875">
        <v>13</v>
      </c>
      <c r="Y34875">
        <v>13</v>
      </c>
      <c r="Z34875">
        <v>13</v>
      </c>
      <c r="AA34875">
        <v>13</v>
      </c>
      <c r="AB34875">
        <v>14</v>
      </c>
      <c r="AC34875">
        <v>14</v>
      </c>
      <c r="AD34875">
        <v>14</v>
      </c>
      <c r="AE34875">
        <v>14</v>
      </c>
      <c r="AF34875">
        <v>14</v>
      </c>
      <c r="AG34875">
        <v>14</v>
      </c>
      <c r="AH34875">
        <v>14</v>
      </c>
      <c r="AI34875">
        <v>14</v>
      </c>
      <c r="AJ34875">
        <v>15</v>
      </c>
      <c r="AK34875">
        <v>15</v>
      </c>
      <c r="AL34875">
        <v>15</v>
      </c>
      <c r="AM34875">
        <v>15</v>
      </c>
      <c r="AN34875">
        <v>15</v>
      </c>
      <c r="AO34875">
        <v>15</v>
      </c>
      <c r="AP34875">
        <v>16</v>
      </c>
      <c r="AQ34875">
        <v>16</v>
      </c>
    </row>
    <row r="34876" spans="1:43">
      <c r="A34876" t="s">
        <v>21621</v>
      </c>
      <c r="B34876" t="s">
        <v>21622</v>
      </c>
      <c r="C34876" t="s">
        <v>21617</v>
      </c>
      <c r="D34876" t="s">
        <v>21618</v>
      </c>
      <c r="E34876" t="s">
        <v>21557</v>
      </c>
      <c r="F34876" t="s">
        <v>21558</v>
      </c>
      <c r="G34876" t="s">
        <v>20255</v>
      </c>
      <c r="H34876" t="s">
        <v>20256</v>
      </c>
      <c r="I34876" s="2">
        <v>1</v>
      </c>
      <c r="J34876" s="2">
        <v>0</v>
      </c>
      <c r="K34876" s="2">
        <v>0</v>
      </c>
      <c r="L34876" t="s">
        <v>120</v>
      </c>
      <c r="M34876" t="s">
        <v>89</v>
      </c>
      <c r="N34876" t="s">
        <v>90</v>
      </c>
      <c r="O34876" t="s">
        <v>85</v>
      </c>
      <c r="P34876" t="s">
        <v>86</v>
      </c>
      <c r="Q34876">
        <v>12</v>
      </c>
      <c r="R34876">
        <v>13</v>
      </c>
      <c r="S34876">
        <v>13</v>
      </c>
      <c r="T34876">
        <v>13</v>
      </c>
      <c r="U34876">
        <v>14</v>
      </c>
      <c r="V34876">
        <v>14</v>
      </c>
      <c r="W34876">
        <v>14</v>
      </c>
      <c r="X34876">
        <v>15</v>
      </c>
      <c r="Y34876">
        <v>15</v>
      </c>
      <c r="Z34876">
        <v>15</v>
      </c>
      <c r="AA34876">
        <v>16</v>
      </c>
      <c r="AB34876">
        <v>16</v>
      </c>
      <c r="AC34876">
        <v>16</v>
      </c>
      <c r="AD34876">
        <v>17</v>
      </c>
      <c r="AE34876">
        <v>17</v>
      </c>
      <c r="AF34876">
        <v>17</v>
      </c>
      <c r="AG34876">
        <v>17</v>
      </c>
      <c r="AH34876">
        <v>17</v>
      </c>
      <c r="AI34876">
        <v>17</v>
      </c>
      <c r="AJ34876">
        <v>17</v>
      </c>
      <c r="AK34876">
        <v>18</v>
      </c>
      <c r="AL34876">
        <v>18</v>
      </c>
      <c r="AM34876">
        <v>18</v>
      </c>
      <c r="AN34876">
        <v>18</v>
      </c>
      <c r="AO34876">
        <v>18</v>
      </c>
      <c r="AP34876">
        <v>18</v>
      </c>
      <c r="AQ34876">
        <v>18</v>
      </c>
    </row>
    <row r="34877" spans="1:43">
      <c r="A34877" t="s">
        <v>21621</v>
      </c>
      <c r="B34877" t="s">
        <v>21622</v>
      </c>
      <c r="C34877" t="s">
        <v>21617</v>
      </c>
      <c r="D34877" t="s">
        <v>21618</v>
      </c>
      <c r="E34877" t="s">
        <v>21557</v>
      </c>
      <c r="F34877" t="s">
        <v>21558</v>
      </c>
      <c r="G34877" t="s">
        <v>20255</v>
      </c>
      <c r="H34877" t="s">
        <v>20256</v>
      </c>
      <c r="I34877" s="2">
        <v>1</v>
      </c>
      <c r="J34877" s="2">
        <v>0</v>
      </c>
      <c r="K34877" s="2">
        <v>0</v>
      </c>
      <c r="L34877" t="s">
        <v>120</v>
      </c>
      <c r="M34877" t="s">
        <v>83</v>
      </c>
      <c r="N34877" t="s">
        <v>91</v>
      </c>
      <c r="O34877" t="s">
        <v>85</v>
      </c>
      <c r="P34877" t="s">
        <v>86</v>
      </c>
      <c r="Q34877">
        <v>12</v>
      </c>
      <c r="R34877">
        <v>12</v>
      </c>
      <c r="S34877">
        <v>13</v>
      </c>
      <c r="T34877">
        <v>13</v>
      </c>
      <c r="U34877">
        <v>13</v>
      </c>
      <c r="V34877">
        <v>13</v>
      </c>
      <c r="W34877">
        <v>14</v>
      </c>
      <c r="X34877">
        <v>14</v>
      </c>
      <c r="Y34877">
        <v>14</v>
      </c>
      <c r="Z34877">
        <v>14</v>
      </c>
      <c r="AA34877">
        <v>15</v>
      </c>
      <c r="AB34877">
        <v>15</v>
      </c>
      <c r="AC34877">
        <v>15</v>
      </c>
      <c r="AD34877">
        <v>15</v>
      </c>
      <c r="AE34877">
        <v>16</v>
      </c>
      <c r="AF34877">
        <v>16</v>
      </c>
      <c r="AG34877">
        <v>16</v>
      </c>
      <c r="AH34877">
        <v>16</v>
      </c>
      <c r="AI34877">
        <v>17</v>
      </c>
      <c r="AJ34877">
        <v>17</v>
      </c>
      <c r="AK34877">
        <v>17</v>
      </c>
      <c r="AL34877">
        <v>17</v>
      </c>
      <c r="AM34877">
        <v>18</v>
      </c>
      <c r="AN34877">
        <v>18</v>
      </c>
      <c r="AO34877">
        <v>18</v>
      </c>
      <c r="AP34877">
        <v>18</v>
      </c>
      <c r="AQ34877">
        <v>18</v>
      </c>
    </row>
    <row r="34878" spans="1:43">
      <c r="A34878" t="s">
        <v>21623</v>
      </c>
      <c r="B34878" t="s">
        <v>21624</v>
      </c>
      <c r="C34878" t="s">
        <v>21617</v>
      </c>
      <c r="D34878" t="s">
        <v>21618</v>
      </c>
      <c r="E34878" t="s">
        <v>21557</v>
      </c>
      <c r="F34878" t="s">
        <v>21558</v>
      </c>
      <c r="G34878" t="s">
        <v>20255</v>
      </c>
      <c r="H34878" t="s">
        <v>20256</v>
      </c>
      <c r="I34878" s="2">
        <v>1</v>
      </c>
      <c r="J34878" s="2">
        <v>0</v>
      </c>
      <c r="K34878" s="2">
        <v>0</v>
      </c>
      <c r="L34878" t="s">
        <v>120</v>
      </c>
      <c r="M34878" t="s">
        <v>83</v>
      </c>
      <c r="N34878" t="s">
        <v>84</v>
      </c>
      <c r="O34878" t="s">
        <v>85</v>
      </c>
      <c r="P34878" t="s">
        <v>86</v>
      </c>
      <c r="Q34878">
        <v>32</v>
      </c>
      <c r="R34878">
        <v>33</v>
      </c>
      <c r="S34878">
        <v>34</v>
      </c>
      <c r="T34878">
        <v>34</v>
      </c>
      <c r="U34878">
        <v>35</v>
      </c>
      <c r="V34878">
        <v>36</v>
      </c>
      <c r="W34878">
        <v>36</v>
      </c>
      <c r="X34878">
        <v>37</v>
      </c>
      <c r="Y34878">
        <v>38</v>
      </c>
      <c r="Z34878">
        <v>38</v>
      </c>
      <c r="AA34878">
        <v>39</v>
      </c>
      <c r="AB34878">
        <v>40</v>
      </c>
      <c r="AC34878">
        <v>40</v>
      </c>
      <c r="AD34878">
        <v>41</v>
      </c>
      <c r="AE34878">
        <v>42</v>
      </c>
      <c r="AF34878">
        <v>42</v>
      </c>
      <c r="AG34878">
        <v>43</v>
      </c>
      <c r="AH34878">
        <v>44</v>
      </c>
      <c r="AI34878">
        <v>44</v>
      </c>
      <c r="AJ34878">
        <v>45</v>
      </c>
      <c r="AK34878">
        <v>46</v>
      </c>
      <c r="AL34878">
        <v>46</v>
      </c>
      <c r="AM34878">
        <v>47</v>
      </c>
      <c r="AN34878">
        <v>47</v>
      </c>
      <c r="AO34878">
        <v>47</v>
      </c>
      <c r="AP34878">
        <v>48</v>
      </c>
      <c r="AQ34878">
        <v>48</v>
      </c>
    </row>
    <row r="34879" spans="1:43">
      <c r="A34879" t="s">
        <v>21623</v>
      </c>
      <c r="B34879" t="s">
        <v>21624</v>
      </c>
      <c r="C34879" t="s">
        <v>21617</v>
      </c>
      <c r="D34879" t="s">
        <v>21618</v>
      </c>
      <c r="E34879" t="s">
        <v>21557</v>
      </c>
      <c r="F34879" t="s">
        <v>21558</v>
      </c>
      <c r="G34879" t="s">
        <v>20255</v>
      </c>
      <c r="H34879" t="s">
        <v>20256</v>
      </c>
      <c r="I34879" s="2">
        <v>1</v>
      </c>
      <c r="J34879" s="2">
        <v>0</v>
      </c>
      <c r="K34879" s="2">
        <v>0</v>
      </c>
      <c r="L34879" t="s">
        <v>120</v>
      </c>
      <c r="M34879" t="s">
        <v>87</v>
      </c>
      <c r="N34879" t="s">
        <v>88</v>
      </c>
      <c r="O34879" t="s">
        <v>85</v>
      </c>
      <c r="P34879" t="s">
        <v>86</v>
      </c>
      <c r="Q34879">
        <v>32</v>
      </c>
      <c r="R34879">
        <v>32</v>
      </c>
      <c r="S34879">
        <v>33</v>
      </c>
      <c r="T34879">
        <v>33</v>
      </c>
      <c r="U34879">
        <v>33</v>
      </c>
      <c r="V34879">
        <v>34</v>
      </c>
      <c r="W34879">
        <v>34</v>
      </c>
      <c r="X34879">
        <v>34</v>
      </c>
      <c r="Y34879">
        <v>35</v>
      </c>
      <c r="Z34879">
        <v>35</v>
      </c>
      <c r="AA34879">
        <v>36</v>
      </c>
      <c r="AB34879">
        <v>36</v>
      </c>
      <c r="AC34879">
        <v>36</v>
      </c>
      <c r="AD34879">
        <v>37</v>
      </c>
      <c r="AE34879">
        <v>37</v>
      </c>
      <c r="AF34879">
        <v>37</v>
      </c>
      <c r="AG34879">
        <v>38</v>
      </c>
      <c r="AH34879">
        <v>38</v>
      </c>
      <c r="AI34879">
        <v>39</v>
      </c>
      <c r="AJ34879">
        <v>39</v>
      </c>
      <c r="AK34879">
        <v>39</v>
      </c>
      <c r="AL34879">
        <v>40</v>
      </c>
      <c r="AM34879">
        <v>40</v>
      </c>
      <c r="AN34879">
        <v>41</v>
      </c>
      <c r="AO34879">
        <v>41</v>
      </c>
      <c r="AP34879">
        <v>41</v>
      </c>
      <c r="AQ34879">
        <v>42</v>
      </c>
    </row>
    <row r="34880" spans="1:43">
      <c r="A34880" t="s">
        <v>21623</v>
      </c>
      <c r="B34880" t="s">
        <v>21624</v>
      </c>
      <c r="C34880" t="s">
        <v>21617</v>
      </c>
      <c r="D34880" t="s">
        <v>21618</v>
      </c>
      <c r="E34880" t="s">
        <v>21557</v>
      </c>
      <c r="F34880" t="s">
        <v>21558</v>
      </c>
      <c r="G34880" t="s">
        <v>20255</v>
      </c>
      <c r="H34880" t="s">
        <v>20256</v>
      </c>
      <c r="I34880" s="2">
        <v>1</v>
      </c>
      <c r="J34880" s="2">
        <v>0</v>
      </c>
      <c r="K34880" s="2">
        <v>0</v>
      </c>
      <c r="L34880" t="s">
        <v>120</v>
      </c>
      <c r="M34880" t="s">
        <v>89</v>
      </c>
      <c r="N34880" t="s">
        <v>90</v>
      </c>
      <c r="O34880" t="s">
        <v>85</v>
      </c>
      <c r="P34880" t="s">
        <v>86</v>
      </c>
      <c r="Q34880">
        <v>32</v>
      </c>
      <c r="R34880">
        <v>33</v>
      </c>
      <c r="S34880">
        <v>33</v>
      </c>
      <c r="T34880">
        <v>34</v>
      </c>
      <c r="U34880">
        <v>35</v>
      </c>
      <c r="V34880">
        <v>36</v>
      </c>
      <c r="W34880">
        <v>37</v>
      </c>
      <c r="X34880">
        <v>38</v>
      </c>
      <c r="Y34880">
        <v>39</v>
      </c>
      <c r="Z34880">
        <v>40</v>
      </c>
      <c r="AA34880">
        <v>40</v>
      </c>
      <c r="AB34880">
        <v>41</v>
      </c>
      <c r="AC34880">
        <v>42</v>
      </c>
      <c r="AD34880">
        <v>43</v>
      </c>
      <c r="AE34880">
        <v>44</v>
      </c>
      <c r="AF34880">
        <v>44</v>
      </c>
      <c r="AG34880">
        <v>44</v>
      </c>
      <c r="AH34880">
        <v>45</v>
      </c>
      <c r="AI34880">
        <v>45</v>
      </c>
      <c r="AJ34880">
        <v>45</v>
      </c>
      <c r="AK34880">
        <v>46</v>
      </c>
      <c r="AL34880">
        <v>46</v>
      </c>
      <c r="AM34880">
        <v>46</v>
      </c>
      <c r="AN34880">
        <v>47</v>
      </c>
      <c r="AO34880">
        <v>47</v>
      </c>
      <c r="AP34880">
        <v>47</v>
      </c>
      <c r="AQ34880">
        <v>48</v>
      </c>
    </row>
    <row r="34881" spans="1:43">
      <c r="A34881" t="s">
        <v>21623</v>
      </c>
      <c r="B34881" t="s">
        <v>21624</v>
      </c>
      <c r="C34881" t="s">
        <v>21617</v>
      </c>
      <c r="D34881" t="s">
        <v>21618</v>
      </c>
      <c r="E34881" t="s">
        <v>21557</v>
      </c>
      <c r="F34881" t="s">
        <v>21558</v>
      </c>
      <c r="G34881" t="s">
        <v>20255</v>
      </c>
      <c r="H34881" t="s">
        <v>20256</v>
      </c>
      <c r="I34881" s="2">
        <v>1</v>
      </c>
      <c r="J34881" s="2">
        <v>0</v>
      </c>
      <c r="K34881" s="2">
        <v>0</v>
      </c>
      <c r="L34881" t="s">
        <v>120</v>
      </c>
      <c r="M34881" t="s">
        <v>83</v>
      </c>
      <c r="N34881" t="s">
        <v>91</v>
      </c>
      <c r="O34881" t="s">
        <v>85</v>
      </c>
      <c r="P34881" t="s">
        <v>86</v>
      </c>
      <c r="Q34881">
        <v>32</v>
      </c>
      <c r="R34881">
        <v>33</v>
      </c>
      <c r="S34881">
        <v>34</v>
      </c>
      <c r="T34881">
        <v>34</v>
      </c>
      <c r="U34881">
        <v>35</v>
      </c>
      <c r="V34881">
        <v>36</v>
      </c>
      <c r="W34881">
        <v>36</v>
      </c>
      <c r="X34881">
        <v>37</v>
      </c>
      <c r="Y34881">
        <v>38</v>
      </c>
      <c r="Z34881">
        <v>38</v>
      </c>
      <c r="AA34881">
        <v>39</v>
      </c>
      <c r="AB34881">
        <v>40</v>
      </c>
      <c r="AC34881">
        <v>40</v>
      </c>
      <c r="AD34881">
        <v>41</v>
      </c>
      <c r="AE34881">
        <v>42</v>
      </c>
      <c r="AF34881">
        <v>42</v>
      </c>
      <c r="AG34881">
        <v>43</v>
      </c>
      <c r="AH34881">
        <v>44</v>
      </c>
      <c r="AI34881">
        <v>44</v>
      </c>
      <c r="AJ34881">
        <v>45</v>
      </c>
      <c r="AK34881">
        <v>46</v>
      </c>
      <c r="AL34881">
        <v>46</v>
      </c>
      <c r="AM34881">
        <v>47</v>
      </c>
      <c r="AN34881">
        <v>47</v>
      </c>
      <c r="AO34881">
        <v>47</v>
      </c>
      <c r="AP34881">
        <v>48</v>
      </c>
      <c r="AQ34881">
        <v>48</v>
      </c>
    </row>
    <row r="34882" spans="1:43">
      <c r="A34882" t="s">
        <v>21625</v>
      </c>
      <c r="B34882" t="s">
        <v>21626</v>
      </c>
      <c r="C34882" t="s">
        <v>21561</v>
      </c>
      <c r="D34882" t="s">
        <v>21562</v>
      </c>
      <c r="E34882" t="s">
        <v>21557</v>
      </c>
      <c r="F34882" t="s">
        <v>21558</v>
      </c>
      <c r="G34882" t="s">
        <v>20255</v>
      </c>
      <c r="H34882" t="s">
        <v>20256</v>
      </c>
      <c r="I34882" s="2">
        <v>1</v>
      </c>
      <c r="J34882" s="2">
        <v>0</v>
      </c>
      <c r="K34882" s="2">
        <v>0</v>
      </c>
      <c r="L34882" t="s">
        <v>120</v>
      </c>
      <c r="M34882" t="s">
        <v>83</v>
      </c>
      <c r="N34882" t="s">
        <v>84</v>
      </c>
      <c r="O34882" t="s">
        <v>85</v>
      </c>
      <c r="P34882" t="s">
        <v>86</v>
      </c>
      <c r="Q34882">
        <v>23</v>
      </c>
      <c r="R34882">
        <v>24</v>
      </c>
      <c r="S34882">
        <v>24</v>
      </c>
      <c r="T34882">
        <v>25</v>
      </c>
      <c r="U34882">
        <v>25</v>
      </c>
      <c r="V34882">
        <v>26</v>
      </c>
      <c r="W34882">
        <v>26</v>
      </c>
      <c r="X34882">
        <v>26</v>
      </c>
      <c r="Y34882">
        <v>27</v>
      </c>
      <c r="Z34882">
        <v>27</v>
      </c>
      <c r="AA34882">
        <v>28</v>
      </c>
      <c r="AB34882">
        <v>28</v>
      </c>
      <c r="AC34882">
        <v>29</v>
      </c>
      <c r="AD34882">
        <v>29</v>
      </c>
      <c r="AE34882">
        <v>30</v>
      </c>
      <c r="AF34882">
        <v>30</v>
      </c>
      <c r="AG34882">
        <v>30</v>
      </c>
      <c r="AH34882">
        <v>31</v>
      </c>
      <c r="AI34882">
        <v>31</v>
      </c>
      <c r="AJ34882">
        <v>32</v>
      </c>
      <c r="AK34882">
        <v>32</v>
      </c>
      <c r="AL34882">
        <v>33</v>
      </c>
      <c r="AM34882">
        <v>33</v>
      </c>
      <c r="AN34882">
        <v>33</v>
      </c>
      <c r="AO34882">
        <v>33</v>
      </c>
      <c r="AP34882">
        <v>33</v>
      </c>
      <c r="AQ34882">
        <v>33</v>
      </c>
    </row>
    <row r="34883" spans="1:43">
      <c r="A34883" t="s">
        <v>21625</v>
      </c>
      <c r="B34883" t="s">
        <v>21626</v>
      </c>
      <c r="C34883" t="s">
        <v>21561</v>
      </c>
      <c r="D34883" t="s">
        <v>21562</v>
      </c>
      <c r="E34883" t="s">
        <v>21557</v>
      </c>
      <c r="F34883" t="s">
        <v>21558</v>
      </c>
      <c r="G34883" t="s">
        <v>20255</v>
      </c>
      <c r="H34883" t="s">
        <v>20256</v>
      </c>
      <c r="I34883" s="2">
        <v>1</v>
      </c>
      <c r="J34883" s="2">
        <v>0</v>
      </c>
      <c r="K34883" s="2">
        <v>0</v>
      </c>
      <c r="L34883" t="s">
        <v>120</v>
      </c>
      <c r="M34883" t="s">
        <v>87</v>
      </c>
      <c r="N34883" t="s">
        <v>88</v>
      </c>
      <c r="O34883" t="s">
        <v>85</v>
      </c>
      <c r="P34883" t="s">
        <v>86</v>
      </c>
      <c r="Q34883">
        <v>23</v>
      </c>
      <c r="R34883">
        <v>23</v>
      </c>
      <c r="S34883">
        <v>24</v>
      </c>
      <c r="T34883">
        <v>24</v>
      </c>
      <c r="U34883">
        <v>24</v>
      </c>
      <c r="V34883">
        <v>24</v>
      </c>
      <c r="W34883">
        <v>24</v>
      </c>
      <c r="X34883">
        <v>25</v>
      </c>
      <c r="Y34883">
        <v>25</v>
      </c>
      <c r="Z34883">
        <v>25</v>
      </c>
      <c r="AA34883">
        <v>25</v>
      </c>
      <c r="AB34883">
        <v>25</v>
      </c>
      <c r="AC34883">
        <v>26</v>
      </c>
      <c r="AD34883">
        <v>26</v>
      </c>
      <c r="AE34883">
        <v>26</v>
      </c>
      <c r="AF34883">
        <v>26</v>
      </c>
      <c r="AG34883">
        <v>27</v>
      </c>
      <c r="AH34883">
        <v>27</v>
      </c>
      <c r="AI34883">
        <v>27</v>
      </c>
      <c r="AJ34883">
        <v>27</v>
      </c>
      <c r="AK34883">
        <v>28</v>
      </c>
      <c r="AL34883">
        <v>28</v>
      </c>
      <c r="AM34883">
        <v>28</v>
      </c>
      <c r="AN34883">
        <v>28</v>
      </c>
      <c r="AO34883">
        <v>28</v>
      </c>
      <c r="AP34883">
        <v>29</v>
      </c>
      <c r="AQ34883">
        <v>29</v>
      </c>
    </row>
    <row r="34884" spans="1:43">
      <c r="A34884" t="s">
        <v>21625</v>
      </c>
      <c r="B34884" t="s">
        <v>21626</v>
      </c>
      <c r="C34884" t="s">
        <v>21561</v>
      </c>
      <c r="D34884" t="s">
        <v>21562</v>
      </c>
      <c r="E34884" t="s">
        <v>21557</v>
      </c>
      <c r="F34884" t="s">
        <v>21558</v>
      </c>
      <c r="G34884" t="s">
        <v>20255</v>
      </c>
      <c r="H34884" t="s">
        <v>20256</v>
      </c>
      <c r="I34884" s="2">
        <v>1</v>
      </c>
      <c r="J34884" s="2">
        <v>0</v>
      </c>
      <c r="K34884" s="2">
        <v>0</v>
      </c>
      <c r="L34884" t="s">
        <v>120</v>
      </c>
      <c r="M34884" t="s">
        <v>89</v>
      </c>
      <c r="N34884" t="s">
        <v>90</v>
      </c>
      <c r="O34884" t="s">
        <v>85</v>
      </c>
      <c r="P34884" t="s">
        <v>86</v>
      </c>
      <c r="Q34884">
        <v>23</v>
      </c>
      <c r="R34884">
        <v>23</v>
      </c>
      <c r="S34884">
        <v>24</v>
      </c>
      <c r="T34884">
        <v>24</v>
      </c>
      <c r="U34884">
        <v>25</v>
      </c>
      <c r="V34884">
        <v>26</v>
      </c>
      <c r="W34884">
        <v>26</v>
      </c>
      <c r="X34884">
        <v>27</v>
      </c>
      <c r="Y34884">
        <v>27</v>
      </c>
      <c r="Z34884">
        <v>28</v>
      </c>
      <c r="AA34884">
        <v>29</v>
      </c>
      <c r="AB34884">
        <v>29</v>
      </c>
      <c r="AC34884">
        <v>30</v>
      </c>
      <c r="AD34884">
        <v>30</v>
      </c>
      <c r="AE34884">
        <v>31</v>
      </c>
      <c r="AF34884">
        <v>31</v>
      </c>
      <c r="AG34884">
        <v>31</v>
      </c>
      <c r="AH34884">
        <v>31</v>
      </c>
      <c r="AI34884">
        <v>31</v>
      </c>
      <c r="AJ34884">
        <v>32</v>
      </c>
      <c r="AK34884">
        <v>32</v>
      </c>
      <c r="AL34884">
        <v>32</v>
      </c>
      <c r="AM34884">
        <v>32</v>
      </c>
      <c r="AN34884">
        <v>32</v>
      </c>
      <c r="AO34884">
        <v>32</v>
      </c>
      <c r="AP34884">
        <v>33</v>
      </c>
      <c r="AQ34884">
        <v>33</v>
      </c>
    </row>
    <row r="34885" spans="1:43">
      <c r="A34885" t="s">
        <v>21625</v>
      </c>
      <c r="B34885" t="s">
        <v>21626</v>
      </c>
      <c r="C34885" t="s">
        <v>21561</v>
      </c>
      <c r="D34885" t="s">
        <v>21562</v>
      </c>
      <c r="E34885" t="s">
        <v>21557</v>
      </c>
      <c r="F34885" t="s">
        <v>21558</v>
      </c>
      <c r="G34885" t="s">
        <v>20255</v>
      </c>
      <c r="H34885" t="s">
        <v>20256</v>
      </c>
      <c r="I34885" s="2">
        <v>1</v>
      </c>
      <c r="J34885" s="2">
        <v>0</v>
      </c>
      <c r="K34885" s="2">
        <v>0</v>
      </c>
      <c r="L34885" t="s">
        <v>120</v>
      </c>
      <c r="M34885" t="s">
        <v>83</v>
      </c>
      <c r="N34885" t="s">
        <v>91</v>
      </c>
      <c r="O34885" t="s">
        <v>85</v>
      </c>
      <c r="P34885" t="s">
        <v>86</v>
      </c>
      <c r="Q34885">
        <v>23</v>
      </c>
      <c r="R34885">
        <v>24</v>
      </c>
      <c r="S34885">
        <v>24</v>
      </c>
      <c r="T34885">
        <v>25</v>
      </c>
      <c r="U34885">
        <v>25</v>
      </c>
      <c r="V34885">
        <v>26</v>
      </c>
      <c r="W34885">
        <v>26</v>
      </c>
      <c r="X34885">
        <v>26</v>
      </c>
      <c r="Y34885">
        <v>27</v>
      </c>
      <c r="Z34885">
        <v>27</v>
      </c>
      <c r="AA34885">
        <v>28</v>
      </c>
      <c r="AB34885">
        <v>28</v>
      </c>
      <c r="AC34885">
        <v>29</v>
      </c>
      <c r="AD34885">
        <v>29</v>
      </c>
      <c r="AE34885">
        <v>30</v>
      </c>
      <c r="AF34885">
        <v>30</v>
      </c>
      <c r="AG34885">
        <v>30</v>
      </c>
      <c r="AH34885">
        <v>31</v>
      </c>
      <c r="AI34885">
        <v>31</v>
      </c>
      <c r="AJ34885">
        <v>32</v>
      </c>
      <c r="AK34885">
        <v>32</v>
      </c>
      <c r="AL34885">
        <v>33</v>
      </c>
      <c r="AM34885">
        <v>33</v>
      </c>
      <c r="AN34885">
        <v>33</v>
      </c>
      <c r="AO34885">
        <v>33</v>
      </c>
      <c r="AP34885">
        <v>33</v>
      </c>
      <c r="AQ34885">
        <v>33</v>
      </c>
    </row>
    <row r="34886" spans="1:43">
      <c r="A34886" t="s">
        <v>21627</v>
      </c>
      <c r="B34886" t="s">
        <v>21628</v>
      </c>
      <c r="C34886" t="s">
        <v>21575</v>
      </c>
      <c r="D34886" t="s">
        <v>21576</v>
      </c>
      <c r="E34886" t="s">
        <v>21557</v>
      </c>
      <c r="F34886" t="s">
        <v>21558</v>
      </c>
      <c r="G34886" t="s">
        <v>20255</v>
      </c>
      <c r="H34886" t="s">
        <v>20256</v>
      </c>
      <c r="I34886" s="2">
        <v>1</v>
      </c>
      <c r="J34886" s="2">
        <v>0</v>
      </c>
      <c r="K34886" s="2">
        <v>0</v>
      </c>
      <c r="L34886" t="s">
        <v>120</v>
      </c>
      <c r="M34886" t="s">
        <v>83</v>
      </c>
      <c r="N34886" t="s">
        <v>84</v>
      </c>
      <c r="O34886" t="s">
        <v>85</v>
      </c>
      <c r="P34886" t="s">
        <v>86</v>
      </c>
      <c r="Q34886">
        <v>67</v>
      </c>
      <c r="R34886">
        <v>68</v>
      </c>
      <c r="S34886">
        <v>69</v>
      </c>
      <c r="T34886">
        <v>71</v>
      </c>
      <c r="U34886">
        <v>72</v>
      </c>
      <c r="V34886">
        <v>74</v>
      </c>
      <c r="W34886">
        <v>75</v>
      </c>
      <c r="X34886">
        <v>76</v>
      </c>
      <c r="Y34886">
        <v>78</v>
      </c>
      <c r="Z34886">
        <v>79</v>
      </c>
      <c r="AA34886">
        <v>81</v>
      </c>
      <c r="AB34886">
        <v>82</v>
      </c>
      <c r="AC34886">
        <v>83</v>
      </c>
      <c r="AD34886">
        <v>85</v>
      </c>
      <c r="AE34886">
        <v>86</v>
      </c>
      <c r="AF34886">
        <v>88</v>
      </c>
      <c r="AG34886">
        <v>89</v>
      </c>
      <c r="AH34886">
        <v>90</v>
      </c>
      <c r="AI34886">
        <v>92</v>
      </c>
      <c r="AJ34886">
        <v>93</v>
      </c>
      <c r="AK34886">
        <v>95</v>
      </c>
      <c r="AL34886">
        <v>96</v>
      </c>
      <c r="AM34886">
        <v>97</v>
      </c>
      <c r="AN34886">
        <v>97</v>
      </c>
      <c r="AO34886">
        <v>98</v>
      </c>
      <c r="AP34886">
        <v>99</v>
      </c>
      <c r="AQ34886">
        <v>100</v>
      </c>
    </row>
    <row r="34887" spans="1:43">
      <c r="A34887" t="s">
        <v>21627</v>
      </c>
      <c r="B34887" t="s">
        <v>21628</v>
      </c>
      <c r="C34887" t="s">
        <v>21575</v>
      </c>
      <c r="D34887" t="s">
        <v>21576</v>
      </c>
      <c r="E34887" t="s">
        <v>21557</v>
      </c>
      <c r="F34887" t="s">
        <v>21558</v>
      </c>
      <c r="G34887" t="s">
        <v>20255</v>
      </c>
      <c r="H34887" t="s">
        <v>20256</v>
      </c>
      <c r="I34887" s="2">
        <v>1</v>
      </c>
      <c r="J34887" s="2">
        <v>0</v>
      </c>
      <c r="K34887" s="2">
        <v>0</v>
      </c>
      <c r="L34887" t="s">
        <v>120</v>
      </c>
      <c r="M34887" t="s">
        <v>87</v>
      </c>
      <c r="N34887" t="s">
        <v>88</v>
      </c>
      <c r="O34887" t="s">
        <v>85</v>
      </c>
      <c r="P34887" t="s">
        <v>86</v>
      </c>
      <c r="Q34887">
        <v>67</v>
      </c>
      <c r="R34887">
        <v>68</v>
      </c>
      <c r="S34887">
        <v>68</v>
      </c>
      <c r="T34887">
        <v>69</v>
      </c>
      <c r="U34887">
        <v>70</v>
      </c>
      <c r="V34887">
        <v>71</v>
      </c>
      <c r="W34887">
        <v>71</v>
      </c>
      <c r="X34887">
        <v>72</v>
      </c>
      <c r="Y34887">
        <v>73</v>
      </c>
      <c r="Z34887">
        <v>74</v>
      </c>
      <c r="AA34887">
        <v>75</v>
      </c>
      <c r="AB34887">
        <v>75</v>
      </c>
      <c r="AC34887">
        <v>76</v>
      </c>
      <c r="AD34887">
        <v>77</v>
      </c>
      <c r="AE34887">
        <v>78</v>
      </c>
      <c r="AF34887">
        <v>78</v>
      </c>
      <c r="AG34887">
        <v>79</v>
      </c>
      <c r="AH34887">
        <v>80</v>
      </c>
      <c r="AI34887">
        <v>81</v>
      </c>
      <c r="AJ34887">
        <v>82</v>
      </c>
      <c r="AK34887">
        <v>82</v>
      </c>
      <c r="AL34887">
        <v>83</v>
      </c>
      <c r="AM34887">
        <v>84</v>
      </c>
      <c r="AN34887">
        <v>85</v>
      </c>
      <c r="AO34887">
        <v>86</v>
      </c>
      <c r="AP34887">
        <v>87</v>
      </c>
      <c r="AQ34887">
        <v>88</v>
      </c>
    </row>
    <row r="34888" spans="1:43">
      <c r="A34888" t="s">
        <v>21627</v>
      </c>
      <c r="B34888" t="s">
        <v>21628</v>
      </c>
      <c r="C34888" t="s">
        <v>21575</v>
      </c>
      <c r="D34888" t="s">
        <v>21576</v>
      </c>
      <c r="E34888" t="s">
        <v>21557</v>
      </c>
      <c r="F34888" t="s">
        <v>21558</v>
      </c>
      <c r="G34888" t="s">
        <v>20255</v>
      </c>
      <c r="H34888" t="s">
        <v>20256</v>
      </c>
      <c r="I34888" s="2">
        <v>1</v>
      </c>
      <c r="J34888" s="2">
        <v>0</v>
      </c>
      <c r="K34888" s="2">
        <v>0</v>
      </c>
      <c r="L34888" t="s">
        <v>120</v>
      </c>
      <c r="M34888" t="s">
        <v>89</v>
      </c>
      <c r="N34888" t="s">
        <v>90</v>
      </c>
      <c r="O34888" t="s">
        <v>85</v>
      </c>
      <c r="P34888" t="s">
        <v>86</v>
      </c>
      <c r="Q34888">
        <v>67</v>
      </c>
      <c r="R34888">
        <v>69</v>
      </c>
      <c r="S34888">
        <v>71</v>
      </c>
      <c r="T34888">
        <v>73</v>
      </c>
      <c r="U34888">
        <v>75</v>
      </c>
      <c r="V34888">
        <v>77</v>
      </c>
      <c r="W34888">
        <v>79</v>
      </c>
      <c r="X34888">
        <v>80</v>
      </c>
      <c r="Y34888">
        <v>82</v>
      </c>
      <c r="Z34888">
        <v>84</v>
      </c>
      <c r="AA34888">
        <v>85</v>
      </c>
      <c r="AB34888">
        <v>87</v>
      </c>
      <c r="AC34888">
        <v>89</v>
      </c>
      <c r="AD34888">
        <v>91</v>
      </c>
      <c r="AE34888">
        <v>92</v>
      </c>
      <c r="AF34888">
        <v>93</v>
      </c>
      <c r="AG34888">
        <v>94</v>
      </c>
      <c r="AH34888">
        <v>94</v>
      </c>
      <c r="AI34888">
        <v>95</v>
      </c>
      <c r="AJ34888">
        <v>96</v>
      </c>
      <c r="AK34888">
        <v>97</v>
      </c>
      <c r="AL34888">
        <v>97</v>
      </c>
      <c r="AM34888">
        <v>98</v>
      </c>
      <c r="AN34888">
        <v>99</v>
      </c>
      <c r="AO34888">
        <v>99</v>
      </c>
      <c r="AP34888">
        <v>100</v>
      </c>
      <c r="AQ34888">
        <v>101</v>
      </c>
    </row>
    <row r="34889" spans="1:43">
      <c r="A34889" t="s">
        <v>21627</v>
      </c>
      <c r="B34889" t="s">
        <v>21628</v>
      </c>
      <c r="C34889" t="s">
        <v>21575</v>
      </c>
      <c r="D34889" t="s">
        <v>21576</v>
      </c>
      <c r="E34889" t="s">
        <v>21557</v>
      </c>
      <c r="F34889" t="s">
        <v>21558</v>
      </c>
      <c r="G34889" t="s">
        <v>20255</v>
      </c>
      <c r="H34889" t="s">
        <v>20256</v>
      </c>
      <c r="I34889" s="2">
        <v>1</v>
      </c>
      <c r="J34889" s="2">
        <v>0</v>
      </c>
      <c r="K34889" s="2">
        <v>0</v>
      </c>
      <c r="L34889" t="s">
        <v>120</v>
      </c>
      <c r="M34889" t="s">
        <v>83</v>
      </c>
      <c r="N34889" t="s">
        <v>91</v>
      </c>
      <c r="O34889" t="s">
        <v>85</v>
      </c>
      <c r="P34889" t="s">
        <v>86</v>
      </c>
      <c r="Q34889">
        <v>67</v>
      </c>
      <c r="R34889">
        <v>68</v>
      </c>
      <c r="S34889">
        <v>69</v>
      </c>
      <c r="T34889">
        <v>71</v>
      </c>
      <c r="U34889">
        <v>72</v>
      </c>
      <c r="V34889">
        <v>74</v>
      </c>
      <c r="W34889">
        <v>75</v>
      </c>
      <c r="X34889">
        <v>76</v>
      </c>
      <c r="Y34889">
        <v>78</v>
      </c>
      <c r="Z34889">
        <v>79</v>
      </c>
      <c r="AA34889">
        <v>81</v>
      </c>
      <c r="AB34889">
        <v>82</v>
      </c>
      <c r="AC34889">
        <v>83</v>
      </c>
      <c r="AD34889">
        <v>85</v>
      </c>
      <c r="AE34889">
        <v>86</v>
      </c>
      <c r="AF34889">
        <v>88</v>
      </c>
      <c r="AG34889">
        <v>89</v>
      </c>
      <c r="AH34889">
        <v>90</v>
      </c>
      <c r="AI34889">
        <v>92</v>
      </c>
      <c r="AJ34889">
        <v>93</v>
      </c>
      <c r="AK34889">
        <v>95</v>
      </c>
      <c r="AL34889">
        <v>96</v>
      </c>
      <c r="AM34889">
        <v>97</v>
      </c>
      <c r="AN34889">
        <v>97</v>
      </c>
      <c r="AO34889">
        <v>98</v>
      </c>
      <c r="AP34889">
        <v>99</v>
      </c>
      <c r="AQ34889">
        <v>100</v>
      </c>
    </row>
    <row r="34890" spans="1:43">
      <c r="A34890" t="s">
        <v>21629</v>
      </c>
      <c r="B34890" t="s">
        <v>21630</v>
      </c>
      <c r="C34890" t="s">
        <v>21571</v>
      </c>
      <c r="D34890" t="s">
        <v>21572</v>
      </c>
      <c r="E34890" t="s">
        <v>21557</v>
      </c>
      <c r="F34890" t="s">
        <v>21558</v>
      </c>
      <c r="G34890" t="s">
        <v>20255</v>
      </c>
      <c r="H34890" t="s">
        <v>20256</v>
      </c>
      <c r="I34890" s="2">
        <v>1</v>
      </c>
      <c r="J34890" s="2">
        <v>0</v>
      </c>
      <c r="K34890" s="2">
        <v>0</v>
      </c>
      <c r="L34890" t="s">
        <v>120</v>
      </c>
      <c r="M34890" t="s">
        <v>83</v>
      </c>
      <c r="N34890" t="s">
        <v>84</v>
      </c>
      <c r="O34890" t="s">
        <v>85</v>
      </c>
      <c r="P34890" t="s">
        <v>86</v>
      </c>
      <c r="Q34890">
        <v>23</v>
      </c>
      <c r="R34890">
        <v>24</v>
      </c>
      <c r="S34890">
        <v>24</v>
      </c>
      <c r="T34890">
        <v>25</v>
      </c>
      <c r="U34890">
        <v>25</v>
      </c>
      <c r="V34890">
        <v>25</v>
      </c>
      <c r="W34890">
        <v>26</v>
      </c>
      <c r="X34890">
        <v>26</v>
      </c>
      <c r="Y34890">
        <v>27</v>
      </c>
      <c r="Z34890">
        <v>27</v>
      </c>
      <c r="AA34890">
        <v>28</v>
      </c>
      <c r="AB34890">
        <v>28</v>
      </c>
      <c r="AC34890">
        <v>29</v>
      </c>
      <c r="AD34890">
        <v>29</v>
      </c>
      <c r="AE34890">
        <v>30</v>
      </c>
      <c r="AF34890">
        <v>30</v>
      </c>
      <c r="AG34890">
        <v>31</v>
      </c>
      <c r="AH34890">
        <v>31</v>
      </c>
      <c r="AI34890">
        <v>32</v>
      </c>
      <c r="AJ34890">
        <v>32</v>
      </c>
      <c r="AK34890">
        <v>32</v>
      </c>
      <c r="AL34890">
        <v>33</v>
      </c>
      <c r="AM34890">
        <v>33</v>
      </c>
      <c r="AN34890">
        <v>33</v>
      </c>
      <c r="AO34890">
        <v>33</v>
      </c>
      <c r="AP34890">
        <v>34</v>
      </c>
      <c r="AQ34890">
        <v>34</v>
      </c>
    </row>
    <row r="34891" spans="1:43">
      <c r="A34891" t="s">
        <v>21629</v>
      </c>
      <c r="B34891" t="s">
        <v>21630</v>
      </c>
      <c r="C34891" t="s">
        <v>21571</v>
      </c>
      <c r="D34891" t="s">
        <v>21572</v>
      </c>
      <c r="E34891" t="s">
        <v>21557</v>
      </c>
      <c r="F34891" t="s">
        <v>21558</v>
      </c>
      <c r="G34891" t="s">
        <v>20255</v>
      </c>
      <c r="H34891" t="s">
        <v>20256</v>
      </c>
      <c r="I34891" s="2">
        <v>1</v>
      </c>
      <c r="J34891" s="2">
        <v>0</v>
      </c>
      <c r="K34891" s="2">
        <v>0</v>
      </c>
      <c r="L34891" t="s">
        <v>120</v>
      </c>
      <c r="M34891" t="s">
        <v>87</v>
      </c>
      <c r="N34891" t="s">
        <v>88</v>
      </c>
      <c r="O34891" t="s">
        <v>85</v>
      </c>
      <c r="P34891" t="s">
        <v>86</v>
      </c>
      <c r="Q34891">
        <v>23</v>
      </c>
      <c r="R34891">
        <v>23</v>
      </c>
      <c r="S34891">
        <v>23</v>
      </c>
      <c r="T34891">
        <v>24</v>
      </c>
      <c r="U34891">
        <v>24</v>
      </c>
      <c r="V34891">
        <v>24</v>
      </c>
      <c r="W34891">
        <v>24</v>
      </c>
      <c r="X34891">
        <v>25</v>
      </c>
      <c r="Y34891">
        <v>25</v>
      </c>
      <c r="Z34891">
        <v>25</v>
      </c>
      <c r="AA34891">
        <v>25</v>
      </c>
      <c r="AB34891">
        <v>26</v>
      </c>
      <c r="AC34891">
        <v>26</v>
      </c>
      <c r="AD34891">
        <v>26</v>
      </c>
      <c r="AE34891">
        <v>26</v>
      </c>
      <c r="AF34891">
        <v>27</v>
      </c>
      <c r="AG34891">
        <v>27</v>
      </c>
      <c r="AH34891">
        <v>27</v>
      </c>
      <c r="AI34891">
        <v>27</v>
      </c>
      <c r="AJ34891">
        <v>28</v>
      </c>
      <c r="AK34891">
        <v>28</v>
      </c>
      <c r="AL34891">
        <v>28</v>
      </c>
      <c r="AM34891">
        <v>28</v>
      </c>
      <c r="AN34891">
        <v>29</v>
      </c>
      <c r="AO34891">
        <v>29</v>
      </c>
      <c r="AP34891">
        <v>29</v>
      </c>
      <c r="AQ34891">
        <v>30</v>
      </c>
    </row>
    <row r="34892" spans="1:43">
      <c r="A34892" t="s">
        <v>21629</v>
      </c>
      <c r="B34892" t="s">
        <v>21630</v>
      </c>
      <c r="C34892" t="s">
        <v>21571</v>
      </c>
      <c r="D34892" t="s">
        <v>21572</v>
      </c>
      <c r="E34892" t="s">
        <v>21557</v>
      </c>
      <c r="F34892" t="s">
        <v>21558</v>
      </c>
      <c r="G34892" t="s">
        <v>20255</v>
      </c>
      <c r="H34892" t="s">
        <v>20256</v>
      </c>
      <c r="I34892" s="2">
        <v>1</v>
      </c>
      <c r="J34892" s="2">
        <v>0</v>
      </c>
      <c r="K34892" s="2">
        <v>0</v>
      </c>
      <c r="L34892" t="s">
        <v>120</v>
      </c>
      <c r="M34892" t="s">
        <v>89</v>
      </c>
      <c r="N34892" t="s">
        <v>90</v>
      </c>
      <c r="O34892" t="s">
        <v>85</v>
      </c>
      <c r="P34892" t="s">
        <v>86</v>
      </c>
      <c r="Q34892">
        <v>23</v>
      </c>
      <c r="R34892">
        <v>24</v>
      </c>
      <c r="S34892">
        <v>25</v>
      </c>
      <c r="T34892">
        <v>25</v>
      </c>
      <c r="U34892">
        <v>26</v>
      </c>
      <c r="V34892">
        <v>27</v>
      </c>
      <c r="W34892">
        <v>27</v>
      </c>
      <c r="X34892">
        <v>28</v>
      </c>
      <c r="Y34892">
        <v>28</v>
      </c>
      <c r="Z34892">
        <v>29</v>
      </c>
      <c r="AA34892">
        <v>29</v>
      </c>
      <c r="AB34892">
        <v>30</v>
      </c>
      <c r="AC34892">
        <v>31</v>
      </c>
      <c r="AD34892">
        <v>31</v>
      </c>
      <c r="AE34892">
        <v>32</v>
      </c>
      <c r="AF34892">
        <v>32</v>
      </c>
      <c r="AG34892">
        <v>32</v>
      </c>
      <c r="AH34892">
        <v>32</v>
      </c>
      <c r="AI34892">
        <v>32</v>
      </c>
      <c r="AJ34892">
        <v>33</v>
      </c>
      <c r="AK34892">
        <v>33</v>
      </c>
      <c r="AL34892">
        <v>33</v>
      </c>
      <c r="AM34892">
        <v>33</v>
      </c>
      <c r="AN34892">
        <v>33</v>
      </c>
      <c r="AO34892">
        <v>34</v>
      </c>
      <c r="AP34892">
        <v>34</v>
      </c>
      <c r="AQ34892">
        <v>34</v>
      </c>
    </row>
    <row r="34893" spans="1:43">
      <c r="A34893" t="s">
        <v>21629</v>
      </c>
      <c r="B34893" t="s">
        <v>21630</v>
      </c>
      <c r="C34893" t="s">
        <v>21571</v>
      </c>
      <c r="D34893" t="s">
        <v>21572</v>
      </c>
      <c r="E34893" t="s">
        <v>21557</v>
      </c>
      <c r="F34893" t="s">
        <v>21558</v>
      </c>
      <c r="G34893" t="s">
        <v>20255</v>
      </c>
      <c r="H34893" t="s">
        <v>20256</v>
      </c>
      <c r="I34893" s="2">
        <v>1</v>
      </c>
      <c r="J34893" s="2">
        <v>0</v>
      </c>
      <c r="K34893" s="2">
        <v>0</v>
      </c>
      <c r="L34893" t="s">
        <v>120</v>
      </c>
      <c r="M34893" t="s">
        <v>83</v>
      </c>
      <c r="N34893" t="s">
        <v>91</v>
      </c>
      <c r="O34893" t="s">
        <v>85</v>
      </c>
      <c r="P34893" t="s">
        <v>86</v>
      </c>
      <c r="Q34893">
        <v>23</v>
      </c>
      <c r="R34893">
        <v>24</v>
      </c>
      <c r="S34893">
        <v>24</v>
      </c>
      <c r="T34893">
        <v>25</v>
      </c>
      <c r="U34893">
        <v>25</v>
      </c>
      <c r="V34893">
        <v>25</v>
      </c>
      <c r="W34893">
        <v>26</v>
      </c>
      <c r="X34893">
        <v>26</v>
      </c>
      <c r="Y34893">
        <v>27</v>
      </c>
      <c r="Z34893">
        <v>27</v>
      </c>
      <c r="AA34893">
        <v>28</v>
      </c>
      <c r="AB34893">
        <v>28</v>
      </c>
      <c r="AC34893">
        <v>29</v>
      </c>
      <c r="AD34893">
        <v>29</v>
      </c>
      <c r="AE34893">
        <v>30</v>
      </c>
      <c r="AF34893">
        <v>30</v>
      </c>
      <c r="AG34893">
        <v>31</v>
      </c>
      <c r="AH34893">
        <v>31</v>
      </c>
      <c r="AI34893">
        <v>32</v>
      </c>
      <c r="AJ34893">
        <v>32</v>
      </c>
      <c r="AK34893">
        <v>32</v>
      </c>
      <c r="AL34893">
        <v>33</v>
      </c>
      <c r="AM34893">
        <v>33</v>
      </c>
      <c r="AN34893">
        <v>33</v>
      </c>
      <c r="AO34893">
        <v>33</v>
      </c>
      <c r="AP34893">
        <v>34</v>
      </c>
      <c r="AQ34893">
        <v>34</v>
      </c>
    </row>
    <row r="34894" spans="1:43">
      <c r="A34894" t="s">
        <v>21631</v>
      </c>
      <c r="B34894" t="s">
        <v>21632</v>
      </c>
      <c r="C34894" t="s">
        <v>21633</v>
      </c>
      <c r="D34894" t="s">
        <v>21634</v>
      </c>
      <c r="E34894" t="s">
        <v>21557</v>
      </c>
      <c r="F34894" t="s">
        <v>21558</v>
      </c>
      <c r="G34894" t="s">
        <v>20255</v>
      </c>
      <c r="H34894" t="s">
        <v>20256</v>
      </c>
      <c r="I34894" s="2">
        <v>1</v>
      </c>
      <c r="J34894" s="2">
        <v>0</v>
      </c>
      <c r="K34894" s="2">
        <v>0</v>
      </c>
      <c r="L34894" t="s">
        <v>120</v>
      </c>
      <c r="M34894" t="s">
        <v>83</v>
      </c>
      <c r="N34894" t="s">
        <v>84</v>
      </c>
      <c r="O34894" t="s">
        <v>85</v>
      </c>
      <c r="P34894" t="s">
        <v>86</v>
      </c>
      <c r="Q34894">
        <v>18</v>
      </c>
      <c r="R34894">
        <v>18</v>
      </c>
      <c r="S34894">
        <v>19</v>
      </c>
      <c r="T34894">
        <v>19</v>
      </c>
      <c r="U34894">
        <v>20</v>
      </c>
      <c r="V34894">
        <v>20</v>
      </c>
      <c r="W34894">
        <v>20</v>
      </c>
      <c r="X34894">
        <v>21</v>
      </c>
      <c r="Y34894">
        <v>21</v>
      </c>
      <c r="Z34894">
        <v>21</v>
      </c>
      <c r="AA34894">
        <v>22</v>
      </c>
      <c r="AB34894">
        <v>22</v>
      </c>
      <c r="AC34894">
        <v>23</v>
      </c>
      <c r="AD34894">
        <v>23</v>
      </c>
      <c r="AE34894">
        <v>23</v>
      </c>
      <c r="AF34894">
        <v>24</v>
      </c>
      <c r="AG34894">
        <v>24</v>
      </c>
      <c r="AH34894">
        <v>24</v>
      </c>
      <c r="AI34894">
        <v>25</v>
      </c>
      <c r="AJ34894">
        <v>25</v>
      </c>
      <c r="AK34894">
        <v>26</v>
      </c>
      <c r="AL34894">
        <v>26</v>
      </c>
      <c r="AM34894">
        <v>26</v>
      </c>
      <c r="AN34894">
        <v>26</v>
      </c>
      <c r="AO34894">
        <v>27</v>
      </c>
      <c r="AP34894">
        <v>27</v>
      </c>
      <c r="AQ34894">
        <v>27</v>
      </c>
    </row>
    <row r="34895" spans="1:43">
      <c r="A34895" t="s">
        <v>21631</v>
      </c>
      <c r="B34895" t="s">
        <v>21632</v>
      </c>
      <c r="C34895" t="s">
        <v>21633</v>
      </c>
      <c r="D34895" t="s">
        <v>21634</v>
      </c>
      <c r="E34895" t="s">
        <v>21557</v>
      </c>
      <c r="F34895" t="s">
        <v>21558</v>
      </c>
      <c r="G34895" t="s">
        <v>20255</v>
      </c>
      <c r="H34895" t="s">
        <v>20256</v>
      </c>
      <c r="I34895" s="2">
        <v>1</v>
      </c>
      <c r="J34895" s="2">
        <v>0</v>
      </c>
      <c r="K34895" s="2">
        <v>0</v>
      </c>
      <c r="L34895" t="s">
        <v>120</v>
      </c>
      <c r="M34895" t="s">
        <v>87</v>
      </c>
      <c r="N34895" t="s">
        <v>88</v>
      </c>
      <c r="O34895" t="s">
        <v>85</v>
      </c>
      <c r="P34895" t="s">
        <v>86</v>
      </c>
      <c r="Q34895">
        <v>18</v>
      </c>
      <c r="R34895">
        <v>18</v>
      </c>
      <c r="S34895">
        <v>18</v>
      </c>
      <c r="T34895">
        <v>18</v>
      </c>
      <c r="U34895">
        <v>19</v>
      </c>
      <c r="V34895">
        <v>19</v>
      </c>
      <c r="W34895">
        <v>19</v>
      </c>
      <c r="X34895">
        <v>19</v>
      </c>
      <c r="Y34895">
        <v>20</v>
      </c>
      <c r="Z34895">
        <v>20</v>
      </c>
      <c r="AA34895">
        <v>20</v>
      </c>
      <c r="AB34895">
        <v>20</v>
      </c>
      <c r="AC34895">
        <v>20</v>
      </c>
      <c r="AD34895">
        <v>21</v>
      </c>
      <c r="AE34895">
        <v>21</v>
      </c>
      <c r="AF34895">
        <v>21</v>
      </c>
      <c r="AG34895">
        <v>21</v>
      </c>
      <c r="AH34895">
        <v>21</v>
      </c>
      <c r="AI34895">
        <v>22</v>
      </c>
      <c r="AJ34895">
        <v>22</v>
      </c>
      <c r="AK34895">
        <v>22</v>
      </c>
      <c r="AL34895">
        <v>22</v>
      </c>
      <c r="AM34895">
        <v>23</v>
      </c>
      <c r="AN34895">
        <v>23</v>
      </c>
      <c r="AO34895">
        <v>23</v>
      </c>
      <c r="AP34895">
        <v>23</v>
      </c>
      <c r="AQ34895">
        <v>23</v>
      </c>
    </row>
    <row r="34896" spans="1:43">
      <c r="A34896" t="s">
        <v>21631</v>
      </c>
      <c r="B34896" t="s">
        <v>21632</v>
      </c>
      <c r="C34896" t="s">
        <v>21633</v>
      </c>
      <c r="D34896" t="s">
        <v>21634</v>
      </c>
      <c r="E34896" t="s">
        <v>21557</v>
      </c>
      <c r="F34896" t="s">
        <v>21558</v>
      </c>
      <c r="G34896" t="s">
        <v>20255</v>
      </c>
      <c r="H34896" t="s">
        <v>20256</v>
      </c>
      <c r="I34896" s="2">
        <v>1</v>
      </c>
      <c r="J34896" s="2">
        <v>0</v>
      </c>
      <c r="K34896" s="2">
        <v>0</v>
      </c>
      <c r="L34896" t="s">
        <v>120</v>
      </c>
      <c r="M34896" t="s">
        <v>89</v>
      </c>
      <c r="N34896" t="s">
        <v>90</v>
      </c>
      <c r="O34896" t="s">
        <v>85</v>
      </c>
      <c r="P34896" t="s">
        <v>86</v>
      </c>
      <c r="Q34896">
        <v>18</v>
      </c>
      <c r="R34896">
        <v>19</v>
      </c>
      <c r="S34896">
        <v>19</v>
      </c>
      <c r="T34896">
        <v>20</v>
      </c>
      <c r="U34896">
        <v>20</v>
      </c>
      <c r="V34896">
        <v>21</v>
      </c>
      <c r="W34896">
        <v>21</v>
      </c>
      <c r="X34896">
        <v>22</v>
      </c>
      <c r="Y34896">
        <v>22</v>
      </c>
      <c r="Z34896">
        <v>23</v>
      </c>
      <c r="AA34896">
        <v>23</v>
      </c>
      <c r="AB34896">
        <v>24</v>
      </c>
      <c r="AC34896">
        <v>24</v>
      </c>
      <c r="AD34896">
        <v>25</v>
      </c>
      <c r="AE34896">
        <v>25</v>
      </c>
      <c r="AF34896">
        <v>25</v>
      </c>
      <c r="AG34896">
        <v>25</v>
      </c>
      <c r="AH34896">
        <v>26</v>
      </c>
      <c r="AI34896">
        <v>26</v>
      </c>
      <c r="AJ34896">
        <v>26</v>
      </c>
      <c r="AK34896">
        <v>26</v>
      </c>
      <c r="AL34896">
        <v>26</v>
      </c>
      <c r="AM34896">
        <v>27</v>
      </c>
      <c r="AN34896">
        <v>27</v>
      </c>
      <c r="AO34896">
        <v>27</v>
      </c>
      <c r="AP34896">
        <v>27</v>
      </c>
      <c r="AQ34896">
        <v>27</v>
      </c>
    </row>
    <row r="34897" spans="1:43">
      <c r="A34897" t="s">
        <v>21631</v>
      </c>
      <c r="B34897" t="s">
        <v>21632</v>
      </c>
      <c r="C34897" t="s">
        <v>21633</v>
      </c>
      <c r="D34897" t="s">
        <v>21634</v>
      </c>
      <c r="E34897" t="s">
        <v>21557</v>
      </c>
      <c r="F34897" t="s">
        <v>21558</v>
      </c>
      <c r="G34897" t="s">
        <v>20255</v>
      </c>
      <c r="H34897" t="s">
        <v>20256</v>
      </c>
      <c r="I34897" s="2">
        <v>1</v>
      </c>
      <c r="J34897" s="2">
        <v>0</v>
      </c>
      <c r="K34897" s="2">
        <v>0</v>
      </c>
      <c r="L34897" t="s">
        <v>120</v>
      </c>
      <c r="M34897" t="s">
        <v>83</v>
      </c>
      <c r="N34897" t="s">
        <v>91</v>
      </c>
      <c r="O34897" t="s">
        <v>85</v>
      </c>
      <c r="P34897" t="s">
        <v>86</v>
      </c>
      <c r="Q34897">
        <v>18</v>
      </c>
      <c r="R34897">
        <v>18</v>
      </c>
      <c r="S34897">
        <v>19</v>
      </c>
      <c r="T34897">
        <v>19</v>
      </c>
      <c r="U34897">
        <v>20</v>
      </c>
      <c r="V34897">
        <v>20</v>
      </c>
      <c r="W34897">
        <v>20</v>
      </c>
      <c r="X34897">
        <v>21</v>
      </c>
      <c r="Y34897">
        <v>21</v>
      </c>
      <c r="Z34897">
        <v>21</v>
      </c>
      <c r="AA34897">
        <v>22</v>
      </c>
      <c r="AB34897">
        <v>22</v>
      </c>
      <c r="AC34897">
        <v>23</v>
      </c>
      <c r="AD34897">
        <v>23</v>
      </c>
      <c r="AE34897">
        <v>23</v>
      </c>
      <c r="AF34897">
        <v>24</v>
      </c>
      <c r="AG34897">
        <v>24</v>
      </c>
      <c r="AH34897">
        <v>24</v>
      </c>
      <c r="AI34897">
        <v>25</v>
      </c>
      <c r="AJ34897">
        <v>25</v>
      </c>
      <c r="AK34897">
        <v>26</v>
      </c>
      <c r="AL34897">
        <v>26</v>
      </c>
      <c r="AM34897">
        <v>26</v>
      </c>
      <c r="AN34897">
        <v>26</v>
      </c>
      <c r="AO34897">
        <v>27</v>
      </c>
      <c r="AP34897">
        <v>27</v>
      </c>
      <c r="AQ34897">
        <v>27</v>
      </c>
    </row>
    <row r="34898" spans="1:43">
      <c r="A34898" t="s">
        <v>21635</v>
      </c>
      <c r="B34898" t="s">
        <v>21636</v>
      </c>
      <c r="C34898" t="s">
        <v>21633</v>
      </c>
      <c r="D34898" t="s">
        <v>21634</v>
      </c>
      <c r="E34898" t="s">
        <v>21557</v>
      </c>
      <c r="F34898" t="s">
        <v>21558</v>
      </c>
      <c r="G34898" t="s">
        <v>20255</v>
      </c>
      <c r="H34898" t="s">
        <v>20256</v>
      </c>
      <c r="I34898" s="2">
        <v>1</v>
      </c>
      <c r="J34898" s="2">
        <v>0</v>
      </c>
      <c r="K34898" s="2">
        <v>0</v>
      </c>
      <c r="L34898" t="s">
        <v>120</v>
      </c>
      <c r="M34898" t="s">
        <v>83</v>
      </c>
      <c r="N34898" t="s">
        <v>84</v>
      </c>
      <c r="O34898" t="s">
        <v>85</v>
      </c>
      <c r="P34898" t="s">
        <v>86</v>
      </c>
      <c r="Q34898">
        <v>72</v>
      </c>
      <c r="R34898">
        <v>74</v>
      </c>
      <c r="S34898">
        <v>75</v>
      </c>
      <c r="T34898">
        <v>77</v>
      </c>
      <c r="U34898">
        <v>78</v>
      </c>
      <c r="V34898">
        <v>80</v>
      </c>
      <c r="W34898">
        <v>81</v>
      </c>
      <c r="X34898">
        <v>83</v>
      </c>
      <c r="Y34898">
        <v>84</v>
      </c>
      <c r="Z34898">
        <v>86</v>
      </c>
      <c r="AA34898">
        <v>87</v>
      </c>
      <c r="AB34898">
        <v>89</v>
      </c>
      <c r="AC34898">
        <v>90</v>
      </c>
      <c r="AD34898">
        <v>92</v>
      </c>
      <c r="AE34898">
        <v>93</v>
      </c>
      <c r="AF34898">
        <v>95</v>
      </c>
      <c r="AG34898">
        <v>97</v>
      </c>
      <c r="AH34898">
        <v>98</v>
      </c>
      <c r="AI34898">
        <v>100</v>
      </c>
      <c r="AJ34898">
        <v>101</v>
      </c>
      <c r="AK34898">
        <v>103</v>
      </c>
      <c r="AL34898">
        <v>104</v>
      </c>
      <c r="AM34898">
        <v>105</v>
      </c>
      <c r="AN34898">
        <v>106</v>
      </c>
      <c r="AO34898">
        <v>106</v>
      </c>
      <c r="AP34898">
        <v>107</v>
      </c>
      <c r="AQ34898">
        <v>108</v>
      </c>
    </row>
    <row r="34899" spans="1:43">
      <c r="A34899" t="s">
        <v>21635</v>
      </c>
      <c r="B34899" t="s">
        <v>21636</v>
      </c>
      <c r="C34899" t="s">
        <v>21633</v>
      </c>
      <c r="D34899" t="s">
        <v>21634</v>
      </c>
      <c r="E34899" t="s">
        <v>21557</v>
      </c>
      <c r="F34899" t="s">
        <v>21558</v>
      </c>
      <c r="G34899" t="s">
        <v>20255</v>
      </c>
      <c r="H34899" t="s">
        <v>20256</v>
      </c>
      <c r="I34899" s="2">
        <v>1</v>
      </c>
      <c r="J34899" s="2">
        <v>0</v>
      </c>
      <c r="K34899" s="2">
        <v>0</v>
      </c>
      <c r="L34899" t="s">
        <v>120</v>
      </c>
      <c r="M34899" t="s">
        <v>87</v>
      </c>
      <c r="N34899" t="s">
        <v>88</v>
      </c>
      <c r="O34899" t="s">
        <v>85</v>
      </c>
      <c r="P34899" t="s">
        <v>86</v>
      </c>
      <c r="Q34899">
        <v>72</v>
      </c>
      <c r="R34899">
        <v>72</v>
      </c>
      <c r="S34899">
        <v>73</v>
      </c>
      <c r="T34899">
        <v>74</v>
      </c>
      <c r="U34899">
        <v>75</v>
      </c>
      <c r="V34899">
        <v>76</v>
      </c>
      <c r="W34899">
        <v>76</v>
      </c>
      <c r="X34899">
        <v>77</v>
      </c>
      <c r="Y34899">
        <v>78</v>
      </c>
      <c r="Z34899">
        <v>79</v>
      </c>
      <c r="AA34899">
        <v>80</v>
      </c>
      <c r="AB34899">
        <v>81</v>
      </c>
      <c r="AC34899">
        <v>81</v>
      </c>
      <c r="AD34899">
        <v>82</v>
      </c>
      <c r="AE34899">
        <v>83</v>
      </c>
      <c r="AF34899">
        <v>84</v>
      </c>
      <c r="AG34899">
        <v>85</v>
      </c>
      <c r="AH34899">
        <v>86</v>
      </c>
      <c r="AI34899">
        <v>87</v>
      </c>
      <c r="AJ34899">
        <v>88</v>
      </c>
      <c r="AK34899">
        <v>88</v>
      </c>
      <c r="AL34899">
        <v>89</v>
      </c>
      <c r="AM34899">
        <v>90</v>
      </c>
      <c r="AN34899">
        <v>91</v>
      </c>
      <c r="AO34899">
        <v>92</v>
      </c>
      <c r="AP34899">
        <v>93</v>
      </c>
      <c r="AQ34899">
        <v>94</v>
      </c>
    </row>
    <row r="34900" spans="1:43">
      <c r="A34900" t="s">
        <v>21635</v>
      </c>
      <c r="B34900" t="s">
        <v>21636</v>
      </c>
      <c r="C34900" t="s">
        <v>21633</v>
      </c>
      <c r="D34900" t="s">
        <v>21634</v>
      </c>
      <c r="E34900" t="s">
        <v>21557</v>
      </c>
      <c r="F34900" t="s">
        <v>21558</v>
      </c>
      <c r="G34900" t="s">
        <v>20255</v>
      </c>
      <c r="H34900" t="s">
        <v>20256</v>
      </c>
      <c r="I34900" s="2">
        <v>1</v>
      </c>
      <c r="J34900" s="2">
        <v>0</v>
      </c>
      <c r="K34900" s="2">
        <v>0</v>
      </c>
      <c r="L34900" t="s">
        <v>120</v>
      </c>
      <c r="M34900" t="s">
        <v>89</v>
      </c>
      <c r="N34900" t="s">
        <v>90</v>
      </c>
      <c r="O34900" t="s">
        <v>85</v>
      </c>
      <c r="P34900" t="s">
        <v>86</v>
      </c>
      <c r="Q34900">
        <v>72</v>
      </c>
      <c r="R34900">
        <v>74</v>
      </c>
      <c r="S34900">
        <v>76</v>
      </c>
      <c r="T34900">
        <v>78</v>
      </c>
      <c r="U34900">
        <v>80</v>
      </c>
      <c r="V34900">
        <v>82</v>
      </c>
      <c r="W34900">
        <v>84</v>
      </c>
      <c r="X34900">
        <v>86</v>
      </c>
      <c r="Y34900">
        <v>88</v>
      </c>
      <c r="Z34900">
        <v>90</v>
      </c>
      <c r="AA34900">
        <v>92</v>
      </c>
      <c r="AB34900">
        <v>94</v>
      </c>
      <c r="AC34900">
        <v>96</v>
      </c>
      <c r="AD34900">
        <v>97</v>
      </c>
      <c r="AE34900">
        <v>99</v>
      </c>
      <c r="AF34900">
        <v>100</v>
      </c>
      <c r="AG34900">
        <v>101</v>
      </c>
      <c r="AH34900">
        <v>101</v>
      </c>
      <c r="AI34900">
        <v>102</v>
      </c>
      <c r="AJ34900">
        <v>103</v>
      </c>
      <c r="AK34900">
        <v>104</v>
      </c>
      <c r="AL34900">
        <v>105</v>
      </c>
      <c r="AM34900">
        <v>105</v>
      </c>
      <c r="AN34900">
        <v>106</v>
      </c>
      <c r="AO34900">
        <v>107</v>
      </c>
      <c r="AP34900">
        <v>108</v>
      </c>
      <c r="AQ34900">
        <v>109</v>
      </c>
    </row>
    <row r="34901" spans="1:43">
      <c r="A34901" t="s">
        <v>21635</v>
      </c>
      <c r="B34901" t="s">
        <v>21636</v>
      </c>
      <c r="C34901" t="s">
        <v>21633</v>
      </c>
      <c r="D34901" t="s">
        <v>21634</v>
      </c>
      <c r="E34901" t="s">
        <v>21557</v>
      </c>
      <c r="F34901" t="s">
        <v>21558</v>
      </c>
      <c r="G34901" t="s">
        <v>20255</v>
      </c>
      <c r="H34901" t="s">
        <v>20256</v>
      </c>
      <c r="I34901" s="2">
        <v>1</v>
      </c>
      <c r="J34901" s="2">
        <v>0</v>
      </c>
      <c r="K34901" s="2">
        <v>0</v>
      </c>
      <c r="L34901" t="s">
        <v>120</v>
      </c>
      <c r="M34901" t="s">
        <v>83</v>
      </c>
      <c r="N34901" t="s">
        <v>91</v>
      </c>
      <c r="O34901" t="s">
        <v>85</v>
      </c>
      <c r="P34901" t="s">
        <v>86</v>
      </c>
      <c r="Q34901">
        <v>72</v>
      </c>
      <c r="R34901">
        <v>74</v>
      </c>
      <c r="S34901">
        <v>75</v>
      </c>
      <c r="T34901">
        <v>77</v>
      </c>
      <c r="U34901">
        <v>78</v>
      </c>
      <c r="V34901">
        <v>80</v>
      </c>
      <c r="W34901">
        <v>81</v>
      </c>
      <c r="X34901">
        <v>83</v>
      </c>
      <c r="Y34901">
        <v>84</v>
      </c>
      <c r="Z34901">
        <v>86</v>
      </c>
      <c r="AA34901">
        <v>87</v>
      </c>
      <c r="AB34901">
        <v>89</v>
      </c>
      <c r="AC34901">
        <v>90</v>
      </c>
      <c r="AD34901">
        <v>92</v>
      </c>
      <c r="AE34901">
        <v>93</v>
      </c>
      <c r="AF34901">
        <v>95</v>
      </c>
      <c r="AG34901">
        <v>97</v>
      </c>
      <c r="AH34901">
        <v>98</v>
      </c>
      <c r="AI34901">
        <v>100</v>
      </c>
      <c r="AJ34901">
        <v>101</v>
      </c>
      <c r="AK34901">
        <v>103</v>
      </c>
      <c r="AL34901">
        <v>104</v>
      </c>
      <c r="AM34901">
        <v>105</v>
      </c>
      <c r="AN34901">
        <v>106</v>
      </c>
      <c r="AO34901">
        <v>106</v>
      </c>
      <c r="AP34901">
        <v>107</v>
      </c>
      <c r="AQ34901">
        <v>108</v>
      </c>
    </row>
    <row r="34902" spans="1:43">
      <c r="A34902" t="s">
        <v>21637</v>
      </c>
      <c r="B34902" t="s">
        <v>21638</v>
      </c>
      <c r="C34902" t="s">
        <v>21571</v>
      </c>
      <c r="D34902" t="s">
        <v>21572</v>
      </c>
      <c r="E34902" t="s">
        <v>21557</v>
      </c>
      <c r="F34902" t="s">
        <v>21558</v>
      </c>
      <c r="G34902" t="s">
        <v>20255</v>
      </c>
      <c r="H34902" t="s">
        <v>20256</v>
      </c>
      <c r="I34902" s="2">
        <v>1</v>
      </c>
      <c r="J34902" s="2">
        <v>0</v>
      </c>
      <c r="K34902" s="2">
        <v>0</v>
      </c>
      <c r="L34902" t="s">
        <v>120</v>
      </c>
      <c r="M34902" t="s">
        <v>83</v>
      </c>
      <c r="N34902" t="s">
        <v>84</v>
      </c>
      <c r="O34902" t="s">
        <v>85</v>
      </c>
      <c r="P34902" t="s">
        <v>86</v>
      </c>
      <c r="Q34902">
        <v>58</v>
      </c>
      <c r="R34902">
        <v>59</v>
      </c>
      <c r="S34902">
        <v>60</v>
      </c>
      <c r="T34902">
        <v>61</v>
      </c>
      <c r="U34902">
        <v>62</v>
      </c>
      <c r="V34902">
        <v>63</v>
      </c>
      <c r="W34902">
        <v>65</v>
      </c>
      <c r="X34902">
        <v>66</v>
      </c>
      <c r="Y34902">
        <v>67</v>
      </c>
      <c r="Z34902">
        <v>68</v>
      </c>
      <c r="AA34902">
        <v>69</v>
      </c>
      <c r="AB34902">
        <v>70</v>
      </c>
      <c r="AC34902">
        <v>72</v>
      </c>
      <c r="AD34902">
        <v>73</v>
      </c>
      <c r="AE34902">
        <v>74</v>
      </c>
      <c r="AF34902">
        <v>75</v>
      </c>
      <c r="AG34902">
        <v>76</v>
      </c>
      <c r="AH34902">
        <v>78</v>
      </c>
      <c r="AI34902">
        <v>79</v>
      </c>
      <c r="AJ34902">
        <v>80</v>
      </c>
      <c r="AK34902">
        <v>81</v>
      </c>
      <c r="AL34902">
        <v>82</v>
      </c>
      <c r="AM34902">
        <v>83</v>
      </c>
      <c r="AN34902">
        <v>83</v>
      </c>
      <c r="AO34902">
        <v>84</v>
      </c>
      <c r="AP34902">
        <v>84</v>
      </c>
      <c r="AQ34902">
        <v>85</v>
      </c>
    </row>
    <row r="34903" spans="1:43">
      <c r="A34903" t="s">
        <v>21637</v>
      </c>
      <c r="B34903" t="s">
        <v>21638</v>
      </c>
      <c r="C34903" t="s">
        <v>21571</v>
      </c>
      <c r="D34903" t="s">
        <v>21572</v>
      </c>
      <c r="E34903" t="s">
        <v>21557</v>
      </c>
      <c r="F34903" t="s">
        <v>21558</v>
      </c>
      <c r="G34903" t="s">
        <v>20255</v>
      </c>
      <c r="H34903" t="s">
        <v>20256</v>
      </c>
      <c r="I34903" s="2">
        <v>1</v>
      </c>
      <c r="J34903" s="2">
        <v>0</v>
      </c>
      <c r="K34903" s="2">
        <v>0</v>
      </c>
      <c r="L34903" t="s">
        <v>120</v>
      </c>
      <c r="M34903" t="s">
        <v>87</v>
      </c>
      <c r="N34903" t="s">
        <v>88</v>
      </c>
      <c r="O34903" t="s">
        <v>85</v>
      </c>
      <c r="P34903" t="s">
        <v>86</v>
      </c>
      <c r="Q34903">
        <v>58</v>
      </c>
      <c r="R34903">
        <v>59</v>
      </c>
      <c r="S34903">
        <v>59</v>
      </c>
      <c r="T34903">
        <v>60</v>
      </c>
      <c r="U34903">
        <v>60</v>
      </c>
      <c r="V34903">
        <v>61</v>
      </c>
      <c r="W34903">
        <v>62</v>
      </c>
      <c r="X34903">
        <v>62</v>
      </c>
      <c r="Y34903">
        <v>63</v>
      </c>
      <c r="Z34903">
        <v>64</v>
      </c>
      <c r="AA34903">
        <v>64</v>
      </c>
      <c r="AB34903">
        <v>65</v>
      </c>
      <c r="AC34903">
        <v>65</v>
      </c>
      <c r="AD34903">
        <v>66</v>
      </c>
      <c r="AE34903">
        <v>67</v>
      </c>
      <c r="AF34903">
        <v>67</v>
      </c>
      <c r="AG34903">
        <v>68</v>
      </c>
      <c r="AH34903">
        <v>69</v>
      </c>
      <c r="AI34903">
        <v>69</v>
      </c>
      <c r="AJ34903">
        <v>70</v>
      </c>
      <c r="AK34903">
        <v>71</v>
      </c>
      <c r="AL34903">
        <v>71</v>
      </c>
      <c r="AM34903">
        <v>72</v>
      </c>
      <c r="AN34903">
        <v>73</v>
      </c>
      <c r="AO34903">
        <v>73</v>
      </c>
      <c r="AP34903">
        <v>74</v>
      </c>
      <c r="AQ34903">
        <v>75</v>
      </c>
    </row>
    <row r="34904" spans="1:43">
      <c r="A34904" t="s">
        <v>21637</v>
      </c>
      <c r="B34904" t="s">
        <v>21638</v>
      </c>
      <c r="C34904" t="s">
        <v>21571</v>
      </c>
      <c r="D34904" t="s">
        <v>21572</v>
      </c>
      <c r="E34904" t="s">
        <v>21557</v>
      </c>
      <c r="F34904" t="s">
        <v>21558</v>
      </c>
      <c r="G34904" t="s">
        <v>20255</v>
      </c>
      <c r="H34904" t="s">
        <v>20256</v>
      </c>
      <c r="I34904" s="2">
        <v>1</v>
      </c>
      <c r="J34904" s="2">
        <v>0</v>
      </c>
      <c r="K34904" s="2">
        <v>0</v>
      </c>
      <c r="L34904" t="s">
        <v>120</v>
      </c>
      <c r="M34904" t="s">
        <v>89</v>
      </c>
      <c r="N34904" t="s">
        <v>90</v>
      </c>
      <c r="O34904" t="s">
        <v>85</v>
      </c>
      <c r="P34904" t="s">
        <v>86</v>
      </c>
      <c r="Q34904">
        <v>58</v>
      </c>
      <c r="R34904">
        <v>60</v>
      </c>
      <c r="S34904">
        <v>61</v>
      </c>
      <c r="T34904">
        <v>63</v>
      </c>
      <c r="U34904">
        <v>65</v>
      </c>
      <c r="V34904">
        <v>66</v>
      </c>
      <c r="W34904">
        <v>68</v>
      </c>
      <c r="X34904">
        <v>69</v>
      </c>
      <c r="Y34904">
        <v>71</v>
      </c>
      <c r="Z34904">
        <v>72</v>
      </c>
      <c r="AA34904">
        <v>74</v>
      </c>
      <c r="AB34904">
        <v>75</v>
      </c>
      <c r="AC34904">
        <v>77</v>
      </c>
      <c r="AD34904">
        <v>78</v>
      </c>
      <c r="AE34904">
        <v>79</v>
      </c>
      <c r="AF34904">
        <v>80</v>
      </c>
      <c r="AG34904">
        <v>80</v>
      </c>
      <c r="AH34904">
        <v>81</v>
      </c>
      <c r="AI34904">
        <v>82</v>
      </c>
      <c r="AJ34904">
        <v>82</v>
      </c>
      <c r="AK34904">
        <v>83</v>
      </c>
      <c r="AL34904">
        <v>83</v>
      </c>
      <c r="AM34904">
        <v>84</v>
      </c>
      <c r="AN34904">
        <v>84</v>
      </c>
      <c r="AO34904">
        <v>85</v>
      </c>
      <c r="AP34904">
        <v>85</v>
      </c>
      <c r="AQ34904">
        <v>86</v>
      </c>
    </row>
    <row r="34905" spans="1:43">
      <c r="A34905" t="s">
        <v>21637</v>
      </c>
      <c r="B34905" t="s">
        <v>21638</v>
      </c>
      <c r="C34905" t="s">
        <v>21571</v>
      </c>
      <c r="D34905" t="s">
        <v>21572</v>
      </c>
      <c r="E34905" t="s">
        <v>21557</v>
      </c>
      <c r="F34905" t="s">
        <v>21558</v>
      </c>
      <c r="G34905" t="s">
        <v>20255</v>
      </c>
      <c r="H34905" t="s">
        <v>20256</v>
      </c>
      <c r="I34905" s="2">
        <v>1</v>
      </c>
      <c r="J34905" s="2">
        <v>0</v>
      </c>
      <c r="K34905" s="2">
        <v>0</v>
      </c>
      <c r="L34905" t="s">
        <v>120</v>
      </c>
      <c r="M34905" t="s">
        <v>83</v>
      </c>
      <c r="N34905" t="s">
        <v>91</v>
      </c>
      <c r="O34905" t="s">
        <v>85</v>
      </c>
      <c r="P34905" t="s">
        <v>86</v>
      </c>
      <c r="Q34905">
        <v>58</v>
      </c>
      <c r="R34905">
        <v>59</v>
      </c>
      <c r="S34905">
        <v>60</v>
      </c>
      <c r="T34905">
        <v>61</v>
      </c>
      <c r="U34905">
        <v>62</v>
      </c>
      <c r="V34905">
        <v>63</v>
      </c>
      <c r="W34905">
        <v>65</v>
      </c>
      <c r="X34905">
        <v>66</v>
      </c>
      <c r="Y34905">
        <v>67</v>
      </c>
      <c r="Z34905">
        <v>68</v>
      </c>
      <c r="AA34905">
        <v>69</v>
      </c>
      <c r="AB34905">
        <v>70</v>
      </c>
      <c r="AC34905">
        <v>72</v>
      </c>
      <c r="AD34905">
        <v>73</v>
      </c>
      <c r="AE34905">
        <v>74</v>
      </c>
      <c r="AF34905">
        <v>75</v>
      </c>
      <c r="AG34905">
        <v>76</v>
      </c>
      <c r="AH34905">
        <v>78</v>
      </c>
      <c r="AI34905">
        <v>79</v>
      </c>
      <c r="AJ34905">
        <v>80</v>
      </c>
      <c r="AK34905">
        <v>81</v>
      </c>
      <c r="AL34905">
        <v>82</v>
      </c>
      <c r="AM34905">
        <v>83</v>
      </c>
      <c r="AN34905">
        <v>83</v>
      </c>
      <c r="AO34905">
        <v>84</v>
      </c>
      <c r="AP34905">
        <v>84</v>
      </c>
      <c r="AQ34905">
        <v>85</v>
      </c>
    </row>
    <row r="34906" spans="1:43">
      <c r="A34906" t="s">
        <v>21639</v>
      </c>
      <c r="B34906" t="s">
        <v>21640</v>
      </c>
      <c r="C34906" t="s">
        <v>21555</v>
      </c>
      <c r="D34906" t="s">
        <v>21556</v>
      </c>
      <c r="E34906" t="s">
        <v>21557</v>
      </c>
      <c r="F34906" t="s">
        <v>21558</v>
      </c>
      <c r="G34906" t="s">
        <v>20255</v>
      </c>
      <c r="H34906" t="s">
        <v>20256</v>
      </c>
      <c r="I34906" s="2">
        <v>1</v>
      </c>
      <c r="J34906" s="2">
        <v>0</v>
      </c>
      <c r="K34906" s="2">
        <v>0</v>
      </c>
      <c r="L34906" t="s">
        <v>120</v>
      </c>
      <c r="M34906" t="s">
        <v>83</v>
      </c>
      <c r="N34906" t="s">
        <v>84</v>
      </c>
      <c r="O34906" t="s">
        <v>85</v>
      </c>
      <c r="P34906" t="s">
        <v>86</v>
      </c>
      <c r="Q34906">
        <v>25</v>
      </c>
      <c r="R34906">
        <v>25</v>
      </c>
      <c r="S34906">
        <v>26</v>
      </c>
      <c r="T34906">
        <v>26</v>
      </c>
      <c r="U34906">
        <v>27</v>
      </c>
      <c r="V34906">
        <v>27</v>
      </c>
      <c r="W34906">
        <v>28</v>
      </c>
      <c r="X34906">
        <v>28</v>
      </c>
      <c r="Y34906">
        <v>29</v>
      </c>
      <c r="Z34906">
        <v>29</v>
      </c>
      <c r="AA34906">
        <v>30</v>
      </c>
      <c r="AB34906">
        <v>30</v>
      </c>
      <c r="AC34906">
        <v>31</v>
      </c>
      <c r="AD34906">
        <v>31</v>
      </c>
      <c r="AE34906">
        <v>32</v>
      </c>
      <c r="AF34906">
        <v>32</v>
      </c>
      <c r="AG34906">
        <v>33</v>
      </c>
      <c r="AH34906">
        <v>33</v>
      </c>
      <c r="AI34906">
        <v>34</v>
      </c>
      <c r="AJ34906">
        <v>34</v>
      </c>
      <c r="AK34906">
        <v>35</v>
      </c>
      <c r="AL34906">
        <v>35</v>
      </c>
      <c r="AM34906">
        <v>35</v>
      </c>
      <c r="AN34906">
        <v>36</v>
      </c>
      <c r="AO34906">
        <v>36</v>
      </c>
      <c r="AP34906">
        <v>36</v>
      </c>
      <c r="AQ34906">
        <v>36</v>
      </c>
    </row>
    <row r="34907" spans="1:43">
      <c r="A34907" t="s">
        <v>21639</v>
      </c>
      <c r="B34907" t="s">
        <v>21640</v>
      </c>
      <c r="C34907" t="s">
        <v>21555</v>
      </c>
      <c r="D34907" t="s">
        <v>21556</v>
      </c>
      <c r="E34907" t="s">
        <v>21557</v>
      </c>
      <c r="F34907" t="s">
        <v>21558</v>
      </c>
      <c r="G34907" t="s">
        <v>20255</v>
      </c>
      <c r="H34907" t="s">
        <v>20256</v>
      </c>
      <c r="I34907" s="2">
        <v>1</v>
      </c>
      <c r="J34907" s="2">
        <v>0</v>
      </c>
      <c r="K34907" s="2">
        <v>0</v>
      </c>
      <c r="L34907" t="s">
        <v>120</v>
      </c>
      <c r="M34907" t="s">
        <v>87</v>
      </c>
      <c r="N34907" t="s">
        <v>88</v>
      </c>
      <c r="O34907" t="s">
        <v>85</v>
      </c>
      <c r="P34907" t="s">
        <v>86</v>
      </c>
      <c r="Q34907">
        <v>25</v>
      </c>
      <c r="R34907">
        <v>25</v>
      </c>
      <c r="S34907">
        <v>25</v>
      </c>
      <c r="T34907">
        <v>25</v>
      </c>
      <c r="U34907">
        <v>26</v>
      </c>
      <c r="V34907">
        <v>26</v>
      </c>
      <c r="W34907">
        <v>26</v>
      </c>
      <c r="X34907">
        <v>26</v>
      </c>
      <c r="Y34907">
        <v>27</v>
      </c>
      <c r="Z34907">
        <v>27</v>
      </c>
      <c r="AA34907">
        <v>27</v>
      </c>
      <c r="AB34907">
        <v>27</v>
      </c>
      <c r="AC34907">
        <v>28</v>
      </c>
      <c r="AD34907">
        <v>28</v>
      </c>
      <c r="AE34907">
        <v>28</v>
      </c>
      <c r="AF34907">
        <v>28</v>
      </c>
      <c r="AG34907">
        <v>29</v>
      </c>
      <c r="AH34907">
        <v>29</v>
      </c>
      <c r="AI34907">
        <v>29</v>
      </c>
      <c r="AJ34907">
        <v>29</v>
      </c>
      <c r="AK34907">
        <v>30</v>
      </c>
      <c r="AL34907">
        <v>30</v>
      </c>
      <c r="AM34907">
        <v>30</v>
      </c>
      <c r="AN34907">
        <v>31</v>
      </c>
      <c r="AO34907">
        <v>31</v>
      </c>
      <c r="AP34907">
        <v>31</v>
      </c>
      <c r="AQ34907">
        <v>31</v>
      </c>
    </row>
    <row r="34908" spans="1:43">
      <c r="A34908" t="s">
        <v>21639</v>
      </c>
      <c r="B34908" t="s">
        <v>21640</v>
      </c>
      <c r="C34908" t="s">
        <v>21555</v>
      </c>
      <c r="D34908" t="s">
        <v>21556</v>
      </c>
      <c r="E34908" t="s">
        <v>21557</v>
      </c>
      <c r="F34908" t="s">
        <v>21558</v>
      </c>
      <c r="G34908" t="s">
        <v>20255</v>
      </c>
      <c r="H34908" t="s">
        <v>20256</v>
      </c>
      <c r="I34908" s="2">
        <v>1</v>
      </c>
      <c r="J34908" s="2">
        <v>0</v>
      </c>
      <c r="K34908" s="2">
        <v>0</v>
      </c>
      <c r="L34908" t="s">
        <v>120</v>
      </c>
      <c r="M34908" t="s">
        <v>89</v>
      </c>
      <c r="N34908" t="s">
        <v>90</v>
      </c>
      <c r="O34908" t="s">
        <v>85</v>
      </c>
      <c r="P34908" t="s">
        <v>86</v>
      </c>
      <c r="Q34908">
        <v>25</v>
      </c>
      <c r="R34908">
        <v>26</v>
      </c>
      <c r="S34908">
        <v>26</v>
      </c>
      <c r="T34908">
        <v>27</v>
      </c>
      <c r="U34908">
        <v>28</v>
      </c>
      <c r="V34908">
        <v>28</v>
      </c>
      <c r="W34908">
        <v>29</v>
      </c>
      <c r="X34908">
        <v>30</v>
      </c>
      <c r="Y34908">
        <v>30</v>
      </c>
      <c r="Z34908">
        <v>31</v>
      </c>
      <c r="AA34908">
        <v>32</v>
      </c>
      <c r="AB34908">
        <v>32</v>
      </c>
      <c r="AC34908">
        <v>33</v>
      </c>
      <c r="AD34908">
        <v>34</v>
      </c>
      <c r="AE34908">
        <v>34</v>
      </c>
      <c r="AF34908">
        <v>34</v>
      </c>
      <c r="AG34908">
        <v>34</v>
      </c>
      <c r="AH34908">
        <v>35</v>
      </c>
      <c r="AI34908">
        <v>35</v>
      </c>
      <c r="AJ34908">
        <v>35</v>
      </c>
      <c r="AK34908">
        <v>35</v>
      </c>
      <c r="AL34908">
        <v>35</v>
      </c>
      <c r="AM34908">
        <v>36</v>
      </c>
      <c r="AN34908">
        <v>36</v>
      </c>
      <c r="AO34908">
        <v>36</v>
      </c>
      <c r="AP34908">
        <v>36</v>
      </c>
      <c r="AQ34908">
        <v>37</v>
      </c>
    </row>
    <row r="34909" spans="1:43">
      <c r="A34909" t="s">
        <v>21639</v>
      </c>
      <c r="B34909" t="s">
        <v>21640</v>
      </c>
      <c r="C34909" t="s">
        <v>21555</v>
      </c>
      <c r="D34909" t="s">
        <v>21556</v>
      </c>
      <c r="E34909" t="s">
        <v>21557</v>
      </c>
      <c r="F34909" t="s">
        <v>21558</v>
      </c>
      <c r="G34909" t="s">
        <v>20255</v>
      </c>
      <c r="H34909" t="s">
        <v>20256</v>
      </c>
      <c r="I34909" s="2">
        <v>1</v>
      </c>
      <c r="J34909" s="2">
        <v>0</v>
      </c>
      <c r="K34909" s="2">
        <v>0</v>
      </c>
      <c r="L34909" t="s">
        <v>120</v>
      </c>
      <c r="M34909" t="s">
        <v>83</v>
      </c>
      <c r="N34909" t="s">
        <v>91</v>
      </c>
      <c r="O34909" t="s">
        <v>85</v>
      </c>
      <c r="P34909" t="s">
        <v>86</v>
      </c>
      <c r="Q34909">
        <v>25</v>
      </c>
      <c r="R34909">
        <v>25</v>
      </c>
      <c r="S34909">
        <v>26</v>
      </c>
      <c r="T34909">
        <v>26</v>
      </c>
      <c r="U34909">
        <v>27</v>
      </c>
      <c r="V34909">
        <v>27</v>
      </c>
      <c r="W34909">
        <v>28</v>
      </c>
      <c r="X34909">
        <v>28</v>
      </c>
      <c r="Y34909">
        <v>29</v>
      </c>
      <c r="Z34909">
        <v>29</v>
      </c>
      <c r="AA34909">
        <v>30</v>
      </c>
      <c r="AB34909">
        <v>30</v>
      </c>
      <c r="AC34909">
        <v>31</v>
      </c>
      <c r="AD34909">
        <v>31</v>
      </c>
      <c r="AE34909">
        <v>32</v>
      </c>
      <c r="AF34909">
        <v>32</v>
      </c>
      <c r="AG34909">
        <v>33</v>
      </c>
      <c r="AH34909">
        <v>33</v>
      </c>
      <c r="AI34909">
        <v>34</v>
      </c>
      <c r="AJ34909">
        <v>34</v>
      </c>
      <c r="AK34909">
        <v>35</v>
      </c>
      <c r="AL34909">
        <v>35</v>
      </c>
      <c r="AM34909">
        <v>35</v>
      </c>
      <c r="AN34909">
        <v>36</v>
      </c>
      <c r="AO34909">
        <v>36</v>
      </c>
      <c r="AP34909">
        <v>36</v>
      </c>
      <c r="AQ34909">
        <v>36</v>
      </c>
    </row>
    <row r="34910" spans="1:43">
      <c r="A34910" t="s">
        <v>21641</v>
      </c>
      <c r="B34910" t="s">
        <v>21642</v>
      </c>
      <c r="C34910" t="s">
        <v>21555</v>
      </c>
      <c r="D34910" t="s">
        <v>21556</v>
      </c>
      <c r="E34910" t="s">
        <v>21557</v>
      </c>
      <c r="F34910" t="s">
        <v>21558</v>
      </c>
      <c r="G34910" t="s">
        <v>20255</v>
      </c>
      <c r="H34910" t="s">
        <v>20256</v>
      </c>
      <c r="I34910" s="2">
        <v>1</v>
      </c>
      <c r="J34910" s="2">
        <v>0</v>
      </c>
      <c r="K34910" s="2">
        <v>0</v>
      </c>
      <c r="L34910" t="s">
        <v>120</v>
      </c>
      <c r="M34910" t="s">
        <v>83</v>
      </c>
      <c r="N34910" t="s">
        <v>84</v>
      </c>
      <c r="O34910" t="s">
        <v>85</v>
      </c>
      <c r="P34910" t="s">
        <v>86</v>
      </c>
      <c r="Q34910">
        <v>13</v>
      </c>
      <c r="R34910">
        <v>13</v>
      </c>
      <c r="S34910">
        <v>14</v>
      </c>
      <c r="T34910">
        <v>14</v>
      </c>
      <c r="U34910">
        <v>14</v>
      </c>
      <c r="V34910">
        <v>14</v>
      </c>
      <c r="W34910">
        <v>15</v>
      </c>
      <c r="X34910">
        <v>15</v>
      </c>
      <c r="Y34910">
        <v>15</v>
      </c>
      <c r="Z34910">
        <v>15</v>
      </c>
      <c r="AA34910">
        <v>16</v>
      </c>
      <c r="AB34910">
        <v>16</v>
      </c>
      <c r="AC34910">
        <v>16</v>
      </c>
      <c r="AD34910">
        <v>16</v>
      </c>
      <c r="AE34910">
        <v>17</v>
      </c>
      <c r="AF34910">
        <v>17</v>
      </c>
      <c r="AG34910">
        <v>17</v>
      </c>
      <c r="AH34910">
        <v>18</v>
      </c>
      <c r="AI34910">
        <v>18</v>
      </c>
      <c r="AJ34910">
        <v>18</v>
      </c>
      <c r="AK34910">
        <v>18</v>
      </c>
      <c r="AL34910">
        <v>19</v>
      </c>
      <c r="AM34910">
        <v>19</v>
      </c>
      <c r="AN34910">
        <v>19</v>
      </c>
      <c r="AO34910">
        <v>19</v>
      </c>
      <c r="AP34910">
        <v>19</v>
      </c>
      <c r="AQ34910">
        <v>19</v>
      </c>
    </row>
    <row r="34911" spans="1:43">
      <c r="A34911" t="s">
        <v>21641</v>
      </c>
      <c r="B34911" t="s">
        <v>21642</v>
      </c>
      <c r="C34911" t="s">
        <v>21555</v>
      </c>
      <c r="D34911" t="s">
        <v>21556</v>
      </c>
      <c r="E34911" t="s">
        <v>21557</v>
      </c>
      <c r="F34911" t="s">
        <v>21558</v>
      </c>
      <c r="G34911" t="s">
        <v>20255</v>
      </c>
      <c r="H34911" t="s">
        <v>20256</v>
      </c>
      <c r="I34911" s="2">
        <v>1</v>
      </c>
      <c r="J34911" s="2">
        <v>0</v>
      </c>
      <c r="K34911" s="2">
        <v>0</v>
      </c>
      <c r="L34911" t="s">
        <v>120</v>
      </c>
      <c r="M34911" t="s">
        <v>87</v>
      </c>
      <c r="N34911" t="s">
        <v>88</v>
      </c>
      <c r="O34911" t="s">
        <v>85</v>
      </c>
      <c r="P34911" t="s">
        <v>86</v>
      </c>
      <c r="Q34911">
        <v>13</v>
      </c>
      <c r="R34911">
        <v>13</v>
      </c>
      <c r="S34911">
        <v>13</v>
      </c>
      <c r="T34911">
        <v>13</v>
      </c>
      <c r="U34911">
        <v>13</v>
      </c>
      <c r="V34911">
        <v>14</v>
      </c>
      <c r="W34911">
        <v>14</v>
      </c>
      <c r="X34911">
        <v>14</v>
      </c>
      <c r="Y34911">
        <v>14</v>
      </c>
      <c r="Z34911">
        <v>14</v>
      </c>
      <c r="AA34911">
        <v>14</v>
      </c>
      <c r="AB34911">
        <v>14</v>
      </c>
      <c r="AC34911">
        <v>15</v>
      </c>
      <c r="AD34911">
        <v>15</v>
      </c>
      <c r="AE34911">
        <v>15</v>
      </c>
      <c r="AF34911">
        <v>15</v>
      </c>
      <c r="AG34911">
        <v>15</v>
      </c>
      <c r="AH34911">
        <v>15</v>
      </c>
      <c r="AI34911">
        <v>15</v>
      </c>
      <c r="AJ34911">
        <v>16</v>
      </c>
      <c r="AK34911">
        <v>16</v>
      </c>
      <c r="AL34911">
        <v>16</v>
      </c>
      <c r="AM34911">
        <v>16</v>
      </c>
      <c r="AN34911">
        <v>16</v>
      </c>
      <c r="AO34911">
        <v>16</v>
      </c>
      <c r="AP34911">
        <v>16</v>
      </c>
      <c r="AQ34911">
        <v>17</v>
      </c>
    </row>
    <row r="34912" spans="1:43">
      <c r="A34912" t="s">
        <v>21641</v>
      </c>
      <c r="B34912" t="s">
        <v>21642</v>
      </c>
      <c r="C34912" t="s">
        <v>21555</v>
      </c>
      <c r="D34912" t="s">
        <v>21556</v>
      </c>
      <c r="E34912" t="s">
        <v>21557</v>
      </c>
      <c r="F34912" t="s">
        <v>21558</v>
      </c>
      <c r="G34912" t="s">
        <v>20255</v>
      </c>
      <c r="H34912" t="s">
        <v>20256</v>
      </c>
      <c r="I34912" s="2">
        <v>1</v>
      </c>
      <c r="J34912" s="2">
        <v>0</v>
      </c>
      <c r="K34912" s="2">
        <v>0</v>
      </c>
      <c r="L34912" t="s">
        <v>120</v>
      </c>
      <c r="M34912" t="s">
        <v>89</v>
      </c>
      <c r="N34912" t="s">
        <v>90</v>
      </c>
      <c r="O34912" t="s">
        <v>85</v>
      </c>
      <c r="P34912" t="s">
        <v>86</v>
      </c>
      <c r="Q34912">
        <v>13</v>
      </c>
      <c r="R34912">
        <v>14</v>
      </c>
      <c r="S34912">
        <v>14</v>
      </c>
      <c r="T34912">
        <v>14</v>
      </c>
      <c r="U34912">
        <v>15</v>
      </c>
      <c r="V34912">
        <v>15</v>
      </c>
      <c r="W34912">
        <v>15</v>
      </c>
      <c r="X34912">
        <v>16</v>
      </c>
      <c r="Y34912">
        <v>16</v>
      </c>
      <c r="Z34912">
        <v>16</v>
      </c>
      <c r="AA34912">
        <v>17</v>
      </c>
      <c r="AB34912">
        <v>17</v>
      </c>
      <c r="AC34912">
        <v>17</v>
      </c>
      <c r="AD34912">
        <v>18</v>
      </c>
      <c r="AE34912">
        <v>18</v>
      </c>
      <c r="AF34912">
        <v>18</v>
      </c>
      <c r="AG34912">
        <v>18</v>
      </c>
      <c r="AH34912">
        <v>18</v>
      </c>
      <c r="AI34912">
        <v>18</v>
      </c>
      <c r="AJ34912">
        <v>19</v>
      </c>
      <c r="AK34912">
        <v>19</v>
      </c>
      <c r="AL34912">
        <v>19</v>
      </c>
      <c r="AM34912">
        <v>19</v>
      </c>
      <c r="AN34912">
        <v>19</v>
      </c>
      <c r="AO34912">
        <v>19</v>
      </c>
      <c r="AP34912">
        <v>19</v>
      </c>
      <c r="AQ34912">
        <v>19</v>
      </c>
    </row>
    <row r="34913" spans="1:43">
      <c r="A34913" t="s">
        <v>21641</v>
      </c>
      <c r="B34913" t="s">
        <v>21642</v>
      </c>
      <c r="C34913" t="s">
        <v>21555</v>
      </c>
      <c r="D34913" t="s">
        <v>21556</v>
      </c>
      <c r="E34913" t="s">
        <v>21557</v>
      </c>
      <c r="F34913" t="s">
        <v>21558</v>
      </c>
      <c r="G34913" t="s">
        <v>20255</v>
      </c>
      <c r="H34913" t="s">
        <v>20256</v>
      </c>
      <c r="I34913" s="2">
        <v>1</v>
      </c>
      <c r="J34913" s="2">
        <v>0</v>
      </c>
      <c r="K34913" s="2">
        <v>0</v>
      </c>
      <c r="L34913" t="s">
        <v>120</v>
      </c>
      <c r="M34913" t="s">
        <v>83</v>
      </c>
      <c r="N34913" t="s">
        <v>91</v>
      </c>
      <c r="O34913" t="s">
        <v>85</v>
      </c>
      <c r="P34913" t="s">
        <v>86</v>
      </c>
      <c r="Q34913">
        <v>13</v>
      </c>
      <c r="R34913">
        <v>13</v>
      </c>
      <c r="S34913">
        <v>14</v>
      </c>
      <c r="T34913">
        <v>14</v>
      </c>
      <c r="U34913">
        <v>14</v>
      </c>
      <c r="V34913">
        <v>14</v>
      </c>
      <c r="W34913">
        <v>15</v>
      </c>
      <c r="X34913">
        <v>15</v>
      </c>
      <c r="Y34913">
        <v>15</v>
      </c>
      <c r="Z34913">
        <v>15</v>
      </c>
      <c r="AA34913">
        <v>16</v>
      </c>
      <c r="AB34913">
        <v>16</v>
      </c>
      <c r="AC34913">
        <v>16</v>
      </c>
      <c r="AD34913">
        <v>16</v>
      </c>
      <c r="AE34913">
        <v>17</v>
      </c>
      <c r="AF34913">
        <v>17</v>
      </c>
      <c r="AG34913">
        <v>17</v>
      </c>
      <c r="AH34913">
        <v>18</v>
      </c>
      <c r="AI34913">
        <v>18</v>
      </c>
      <c r="AJ34913">
        <v>18</v>
      </c>
      <c r="AK34913">
        <v>18</v>
      </c>
      <c r="AL34913">
        <v>19</v>
      </c>
      <c r="AM34913">
        <v>19</v>
      </c>
      <c r="AN34913">
        <v>19</v>
      </c>
      <c r="AO34913">
        <v>19</v>
      </c>
      <c r="AP34913">
        <v>19</v>
      </c>
      <c r="AQ34913">
        <v>19</v>
      </c>
    </row>
    <row r="34914" spans="1:43">
      <c r="A34914" t="s">
        <v>21643</v>
      </c>
      <c r="B34914" t="s">
        <v>21644</v>
      </c>
      <c r="C34914" t="s">
        <v>21555</v>
      </c>
      <c r="D34914" t="s">
        <v>21556</v>
      </c>
      <c r="E34914" t="s">
        <v>21557</v>
      </c>
      <c r="F34914" t="s">
        <v>21558</v>
      </c>
      <c r="G34914" t="s">
        <v>20255</v>
      </c>
      <c r="H34914" t="s">
        <v>20256</v>
      </c>
      <c r="I34914" s="2">
        <v>1</v>
      </c>
      <c r="J34914" s="2">
        <v>0</v>
      </c>
      <c r="K34914" s="2">
        <v>0</v>
      </c>
      <c r="L34914" t="s">
        <v>120</v>
      </c>
      <c r="M34914" t="s">
        <v>83</v>
      </c>
      <c r="N34914" t="s">
        <v>84</v>
      </c>
      <c r="O34914" t="s">
        <v>85</v>
      </c>
      <c r="P34914" t="s">
        <v>86</v>
      </c>
      <c r="Q34914">
        <v>32</v>
      </c>
      <c r="R34914">
        <v>33</v>
      </c>
      <c r="S34914">
        <v>34</v>
      </c>
      <c r="T34914">
        <v>34</v>
      </c>
      <c r="U34914">
        <v>35</v>
      </c>
      <c r="V34914">
        <v>35</v>
      </c>
      <c r="W34914">
        <v>36</v>
      </c>
      <c r="X34914">
        <v>37</v>
      </c>
      <c r="Y34914">
        <v>37</v>
      </c>
      <c r="Z34914">
        <v>38</v>
      </c>
      <c r="AA34914">
        <v>39</v>
      </c>
      <c r="AB34914">
        <v>39</v>
      </c>
      <c r="AC34914">
        <v>40</v>
      </c>
      <c r="AD34914">
        <v>41</v>
      </c>
      <c r="AE34914">
        <v>41</v>
      </c>
      <c r="AF34914">
        <v>42</v>
      </c>
      <c r="AG34914">
        <v>43</v>
      </c>
      <c r="AH34914">
        <v>43</v>
      </c>
      <c r="AI34914">
        <v>44</v>
      </c>
      <c r="AJ34914">
        <v>45</v>
      </c>
      <c r="AK34914">
        <v>45</v>
      </c>
      <c r="AL34914">
        <v>46</v>
      </c>
      <c r="AM34914">
        <v>46</v>
      </c>
      <c r="AN34914">
        <v>46</v>
      </c>
      <c r="AO34914">
        <v>47</v>
      </c>
      <c r="AP34914">
        <v>47</v>
      </c>
      <c r="AQ34914">
        <v>47</v>
      </c>
    </row>
    <row r="34915" spans="1:43">
      <c r="A34915" t="s">
        <v>21643</v>
      </c>
      <c r="B34915" t="s">
        <v>21644</v>
      </c>
      <c r="C34915" t="s">
        <v>21555</v>
      </c>
      <c r="D34915" t="s">
        <v>21556</v>
      </c>
      <c r="E34915" t="s">
        <v>21557</v>
      </c>
      <c r="F34915" t="s">
        <v>21558</v>
      </c>
      <c r="G34915" t="s">
        <v>20255</v>
      </c>
      <c r="H34915" t="s">
        <v>20256</v>
      </c>
      <c r="I34915" s="2">
        <v>1</v>
      </c>
      <c r="J34915" s="2">
        <v>0</v>
      </c>
      <c r="K34915" s="2">
        <v>0</v>
      </c>
      <c r="L34915" t="s">
        <v>120</v>
      </c>
      <c r="M34915" t="s">
        <v>87</v>
      </c>
      <c r="N34915" t="s">
        <v>88</v>
      </c>
      <c r="O34915" t="s">
        <v>85</v>
      </c>
      <c r="P34915" t="s">
        <v>86</v>
      </c>
      <c r="Q34915">
        <v>32</v>
      </c>
      <c r="R34915">
        <v>32</v>
      </c>
      <c r="S34915">
        <v>33</v>
      </c>
      <c r="T34915">
        <v>33</v>
      </c>
      <c r="U34915">
        <v>33</v>
      </c>
      <c r="V34915">
        <v>34</v>
      </c>
      <c r="W34915">
        <v>34</v>
      </c>
      <c r="X34915">
        <v>34</v>
      </c>
      <c r="Y34915">
        <v>35</v>
      </c>
      <c r="Z34915">
        <v>35</v>
      </c>
      <c r="AA34915">
        <v>35</v>
      </c>
      <c r="AB34915">
        <v>36</v>
      </c>
      <c r="AC34915">
        <v>36</v>
      </c>
      <c r="AD34915">
        <v>36</v>
      </c>
      <c r="AE34915">
        <v>37</v>
      </c>
      <c r="AF34915">
        <v>37</v>
      </c>
      <c r="AG34915">
        <v>37</v>
      </c>
      <c r="AH34915">
        <v>38</v>
      </c>
      <c r="AI34915">
        <v>38</v>
      </c>
      <c r="AJ34915">
        <v>38</v>
      </c>
      <c r="AK34915">
        <v>39</v>
      </c>
      <c r="AL34915">
        <v>39</v>
      </c>
      <c r="AM34915">
        <v>40</v>
      </c>
      <c r="AN34915">
        <v>40</v>
      </c>
      <c r="AO34915">
        <v>40</v>
      </c>
      <c r="AP34915">
        <v>41</v>
      </c>
      <c r="AQ34915">
        <v>41</v>
      </c>
    </row>
    <row r="34916" spans="1:43">
      <c r="A34916" t="s">
        <v>21643</v>
      </c>
      <c r="B34916" t="s">
        <v>21644</v>
      </c>
      <c r="C34916" t="s">
        <v>21555</v>
      </c>
      <c r="D34916" t="s">
        <v>21556</v>
      </c>
      <c r="E34916" t="s">
        <v>21557</v>
      </c>
      <c r="F34916" t="s">
        <v>21558</v>
      </c>
      <c r="G34916" t="s">
        <v>20255</v>
      </c>
      <c r="H34916" t="s">
        <v>20256</v>
      </c>
      <c r="I34916" s="2">
        <v>1</v>
      </c>
      <c r="J34916" s="2">
        <v>0</v>
      </c>
      <c r="K34916" s="2">
        <v>0</v>
      </c>
      <c r="L34916" t="s">
        <v>120</v>
      </c>
      <c r="M34916" t="s">
        <v>89</v>
      </c>
      <c r="N34916" t="s">
        <v>90</v>
      </c>
      <c r="O34916" t="s">
        <v>85</v>
      </c>
      <c r="P34916" t="s">
        <v>86</v>
      </c>
      <c r="Q34916">
        <v>32</v>
      </c>
      <c r="R34916">
        <v>32</v>
      </c>
      <c r="S34916">
        <v>33</v>
      </c>
      <c r="T34916">
        <v>34</v>
      </c>
      <c r="U34916">
        <v>35</v>
      </c>
      <c r="V34916">
        <v>36</v>
      </c>
      <c r="W34916">
        <v>37</v>
      </c>
      <c r="X34916">
        <v>38</v>
      </c>
      <c r="Y34916">
        <v>39</v>
      </c>
      <c r="Z34916">
        <v>39</v>
      </c>
      <c r="AA34916">
        <v>40</v>
      </c>
      <c r="AB34916">
        <v>41</v>
      </c>
      <c r="AC34916">
        <v>42</v>
      </c>
      <c r="AD34916">
        <v>43</v>
      </c>
      <c r="AE34916">
        <v>43</v>
      </c>
      <c r="AF34916">
        <v>43</v>
      </c>
      <c r="AG34916">
        <v>44</v>
      </c>
      <c r="AH34916">
        <v>44</v>
      </c>
      <c r="AI34916">
        <v>44</v>
      </c>
      <c r="AJ34916">
        <v>45</v>
      </c>
      <c r="AK34916">
        <v>45</v>
      </c>
      <c r="AL34916">
        <v>45</v>
      </c>
      <c r="AM34916">
        <v>45</v>
      </c>
      <c r="AN34916">
        <v>46</v>
      </c>
      <c r="AO34916">
        <v>46</v>
      </c>
      <c r="AP34916">
        <v>46</v>
      </c>
      <c r="AQ34916">
        <v>47</v>
      </c>
    </row>
    <row r="34917" spans="1:43">
      <c r="A34917" t="s">
        <v>21643</v>
      </c>
      <c r="B34917" t="s">
        <v>21644</v>
      </c>
      <c r="C34917" t="s">
        <v>21555</v>
      </c>
      <c r="D34917" t="s">
        <v>21556</v>
      </c>
      <c r="E34917" t="s">
        <v>21557</v>
      </c>
      <c r="F34917" t="s">
        <v>21558</v>
      </c>
      <c r="G34917" t="s">
        <v>20255</v>
      </c>
      <c r="H34917" t="s">
        <v>20256</v>
      </c>
      <c r="I34917" s="2">
        <v>1</v>
      </c>
      <c r="J34917" s="2">
        <v>0</v>
      </c>
      <c r="K34917" s="2">
        <v>0</v>
      </c>
      <c r="L34917" t="s">
        <v>120</v>
      </c>
      <c r="M34917" t="s">
        <v>83</v>
      </c>
      <c r="N34917" t="s">
        <v>91</v>
      </c>
      <c r="O34917" t="s">
        <v>85</v>
      </c>
      <c r="P34917" t="s">
        <v>86</v>
      </c>
      <c r="Q34917">
        <v>32</v>
      </c>
      <c r="R34917">
        <v>33</v>
      </c>
      <c r="S34917">
        <v>34</v>
      </c>
      <c r="T34917">
        <v>34</v>
      </c>
      <c r="U34917">
        <v>35</v>
      </c>
      <c r="V34917">
        <v>35</v>
      </c>
      <c r="W34917">
        <v>36</v>
      </c>
      <c r="X34917">
        <v>37</v>
      </c>
      <c r="Y34917">
        <v>37</v>
      </c>
      <c r="Z34917">
        <v>38</v>
      </c>
      <c r="AA34917">
        <v>39</v>
      </c>
      <c r="AB34917">
        <v>39</v>
      </c>
      <c r="AC34917">
        <v>40</v>
      </c>
      <c r="AD34917">
        <v>41</v>
      </c>
      <c r="AE34917">
        <v>41</v>
      </c>
      <c r="AF34917">
        <v>42</v>
      </c>
      <c r="AG34917">
        <v>43</v>
      </c>
      <c r="AH34917">
        <v>43</v>
      </c>
      <c r="AI34917">
        <v>44</v>
      </c>
      <c r="AJ34917">
        <v>45</v>
      </c>
      <c r="AK34917">
        <v>45</v>
      </c>
      <c r="AL34917">
        <v>46</v>
      </c>
      <c r="AM34917">
        <v>46</v>
      </c>
      <c r="AN34917">
        <v>46</v>
      </c>
      <c r="AO34917">
        <v>47</v>
      </c>
      <c r="AP34917">
        <v>47</v>
      </c>
      <c r="AQ34917">
        <v>47</v>
      </c>
    </row>
    <row r="34918" spans="1:43">
      <c r="A34918" t="s">
        <v>21645</v>
      </c>
      <c r="B34918" t="s">
        <v>21646</v>
      </c>
      <c r="C34918" t="s">
        <v>21571</v>
      </c>
      <c r="D34918" t="s">
        <v>21572</v>
      </c>
      <c r="E34918" t="s">
        <v>21557</v>
      </c>
      <c r="F34918" t="s">
        <v>21558</v>
      </c>
      <c r="G34918" t="s">
        <v>20255</v>
      </c>
      <c r="H34918" t="s">
        <v>20256</v>
      </c>
      <c r="I34918" s="2">
        <v>1</v>
      </c>
      <c r="J34918" s="2">
        <v>0</v>
      </c>
      <c r="K34918" s="2">
        <v>0</v>
      </c>
      <c r="L34918" t="s">
        <v>120</v>
      </c>
      <c r="M34918" t="s">
        <v>83</v>
      </c>
      <c r="N34918" t="s">
        <v>84</v>
      </c>
      <c r="O34918" t="s">
        <v>85</v>
      </c>
      <c r="P34918" t="s">
        <v>86</v>
      </c>
      <c r="Q34918">
        <v>46</v>
      </c>
      <c r="R34918">
        <v>46</v>
      </c>
      <c r="S34918">
        <v>47</v>
      </c>
      <c r="T34918">
        <v>48</v>
      </c>
      <c r="U34918">
        <v>49</v>
      </c>
      <c r="V34918">
        <v>50</v>
      </c>
      <c r="W34918">
        <v>51</v>
      </c>
      <c r="X34918">
        <v>52</v>
      </c>
      <c r="Y34918">
        <v>53</v>
      </c>
      <c r="Z34918">
        <v>54</v>
      </c>
      <c r="AA34918">
        <v>55</v>
      </c>
      <c r="AB34918">
        <v>56</v>
      </c>
      <c r="AC34918">
        <v>56</v>
      </c>
      <c r="AD34918">
        <v>57</v>
      </c>
      <c r="AE34918">
        <v>58</v>
      </c>
      <c r="AF34918">
        <v>59</v>
      </c>
      <c r="AG34918">
        <v>60</v>
      </c>
      <c r="AH34918">
        <v>61</v>
      </c>
      <c r="AI34918">
        <v>62</v>
      </c>
      <c r="AJ34918">
        <v>63</v>
      </c>
      <c r="AK34918">
        <v>64</v>
      </c>
      <c r="AL34918">
        <v>65</v>
      </c>
      <c r="AM34918">
        <v>65</v>
      </c>
      <c r="AN34918">
        <v>65</v>
      </c>
      <c r="AO34918">
        <v>66</v>
      </c>
      <c r="AP34918">
        <v>66</v>
      </c>
      <c r="AQ34918">
        <v>67</v>
      </c>
    </row>
    <row r="34919" spans="1:43">
      <c r="A34919" t="s">
        <v>21645</v>
      </c>
      <c r="B34919" t="s">
        <v>21646</v>
      </c>
      <c r="C34919" t="s">
        <v>21571</v>
      </c>
      <c r="D34919" t="s">
        <v>21572</v>
      </c>
      <c r="E34919" t="s">
        <v>21557</v>
      </c>
      <c r="F34919" t="s">
        <v>21558</v>
      </c>
      <c r="G34919" t="s">
        <v>20255</v>
      </c>
      <c r="H34919" t="s">
        <v>20256</v>
      </c>
      <c r="I34919" s="2">
        <v>1</v>
      </c>
      <c r="J34919" s="2">
        <v>0</v>
      </c>
      <c r="K34919" s="2">
        <v>0</v>
      </c>
      <c r="L34919" t="s">
        <v>120</v>
      </c>
      <c r="M34919" t="s">
        <v>87</v>
      </c>
      <c r="N34919" t="s">
        <v>88</v>
      </c>
      <c r="O34919" t="s">
        <v>85</v>
      </c>
      <c r="P34919" t="s">
        <v>86</v>
      </c>
      <c r="Q34919">
        <v>46</v>
      </c>
      <c r="R34919">
        <v>47</v>
      </c>
      <c r="S34919">
        <v>47</v>
      </c>
      <c r="T34919">
        <v>48</v>
      </c>
      <c r="U34919">
        <v>48</v>
      </c>
      <c r="V34919">
        <v>49</v>
      </c>
      <c r="W34919">
        <v>49</v>
      </c>
      <c r="X34919">
        <v>49</v>
      </c>
      <c r="Y34919">
        <v>50</v>
      </c>
      <c r="Z34919">
        <v>50</v>
      </c>
      <c r="AA34919">
        <v>51</v>
      </c>
      <c r="AB34919">
        <v>51</v>
      </c>
      <c r="AC34919">
        <v>52</v>
      </c>
      <c r="AD34919">
        <v>53</v>
      </c>
      <c r="AE34919">
        <v>53</v>
      </c>
      <c r="AF34919">
        <v>54</v>
      </c>
      <c r="AG34919">
        <v>54</v>
      </c>
      <c r="AH34919">
        <v>55</v>
      </c>
      <c r="AI34919">
        <v>55</v>
      </c>
      <c r="AJ34919">
        <v>56</v>
      </c>
      <c r="AK34919">
        <v>56</v>
      </c>
      <c r="AL34919">
        <v>57</v>
      </c>
      <c r="AM34919">
        <v>57</v>
      </c>
      <c r="AN34919">
        <v>58</v>
      </c>
      <c r="AO34919">
        <v>58</v>
      </c>
      <c r="AP34919">
        <v>59</v>
      </c>
      <c r="AQ34919">
        <v>60</v>
      </c>
    </row>
    <row r="34920" spans="1:43">
      <c r="A34920" t="s">
        <v>21645</v>
      </c>
      <c r="B34920" t="s">
        <v>21646</v>
      </c>
      <c r="C34920" t="s">
        <v>21571</v>
      </c>
      <c r="D34920" t="s">
        <v>21572</v>
      </c>
      <c r="E34920" t="s">
        <v>21557</v>
      </c>
      <c r="F34920" t="s">
        <v>21558</v>
      </c>
      <c r="G34920" t="s">
        <v>20255</v>
      </c>
      <c r="H34920" t="s">
        <v>20256</v>
      </c>
      <c r="I34920" s="2">
        <v>1</v>
      </c>
      <c r="J34920" s="2">
        <v>0</v>
      </c>
      <c r="K34920" s="2">
        <v>0</v>
      </c>
      <c r="L34920" t="s">
        <v>120</v>
      </c>
      <c r="M34920" t="s">
        <v>89</v>
      </c>
      <c r="N34920" t="s">
        <v>90</v>
      </c>
      <c r="O34920" t="s">
        <v>85</v>
      </c>
      <c r="P34920" t="s">
        <v>86</v>
      </c>
      <c r="Q34920">
        <v>46</v>
      </c>
      <c r="R34920">
        <v>47</v>
      </c>
      <c r="S34920">
        <v>49</v>
      </c>
      <c r="T34920">
        <v>50</v>
      </c>
      <c r="U34920">
        <v>51</v>
      </c>
      <c r="V34920">
        <v>52</v>
      </c>
      <c r="W34920">
        <v>53</v>
      </c>
      <c r="X34920">
        <v>55</v>
      </c>
      <c r="Y34920">
        <v>56</v>
      </c>
      <c r="Z34920">
        <v>57</v>
      </c>
      <c r="AA34920">
        <v>58</v>
      </c>
      <c r="AB34920">
        <v>59</v>
      </c>
      <c r="AC34920">
        <v>60</v>
      </c>
      <c r="AD34920">
        <v>61</v>
      </c>
      <c r="AE34920">
        <v>62</v>
      </c>
      <c r="AF34920">
        <v>63</v>
      </c>
      <c r="AG34920">
        <v>63</v>
      </c>
      <c r="AH34920">
        <v>63</v>
      </c>
      <c r="AI34920">
        <v>64</v>
      </c>
      <c r="AJ34920">
        <v>64</v>
      </c>
      <c r="AK34920">
        <v>65</v>
      </c>
      <c r="AL34920">
        <v>65</v>
      </c>
      <c r="AM34920">
        <v>65</v>
      </c>
      <c r="AN34920">
        <v>66</v>
      </c>
      <c r="AO34920">
        <v>66</v>
      </c>
      <c r="AP34920">
        <v>67</v>
      </c>
      <c r="AQ34920">
        <v>67</v>
      </c>
    </row>
    <row r="34921" spans="1:43">
      <c r="A34921" t="s">
        <v>21645</v>
      </c>
      <c r="B34921" t="s">
        <v>21646</v>
      </c>
      <c r="C34921" t="s">
        <v>21571</v>
      </c>
      <c r="D34921" t="s">
        <v>21572</v>
      </c>
      <c r="E34921" t="s">
        <v>21557</v>
      </c>
      <c r="F34921" t="s">
        <v>21558</v>
      </c>
      <c r="G34921" t="s">
        <v>20255</v>
      </c>
      <c r="H34921" t="s">
        <v>20256</v>
      </c>
      <c r="I34921" s="2">
        <v>1</v>
      </c>
      <c r="J34921" s="2">
        <v>0</v>
      </c>
      <c r="K34921" s="2">
        <v>0</v>
      </c>
      <c r="L34921" t="s">
        <v>120</v>
      </c>
      <c r="M34921" t="s">
        <v>83</v>
      </c>
      <c r="N34921" t="s">
        <v>91</v>
      </c>
      <c r="O34921" t="s">
        <v>85</v>
      </c>
      <c r="P34921" t="s">
        <v>86</v>
      </c>
      <c r="Q34921">
        <v>46</v>
      </c>
      <c r="R34921">
        <v>46</v>
      </c>
      <c r="S34921">
        <v>47</v>
      </c>
      <c r="T34921">
        <v>48</v>
      </c>
      <c r="U34921">
        <v>49</v>
      </c>
      <c r="V34921">
        <v>50</v>
      </c>
      <c r="W34921">
        <v>51</v>
      </c>
      <c r="X34921">
        <v>52</v>
      </c>
      <c r="Y34921">
        <v>53</v>
      </c>
      <c r="Z34921">
        <v>54</v>
      </c>
      <c r="AA34921">
        <v>55</v>
      </c>
      <c r="AB34921">
        <v>56</v>
      </c>
      <c r="AC34921">
        <v>56</v>
      </c>
      <c r="AD34921">
        <v>57</v>
      </c>
      <c r="AE34921">
        <v>58</v>
      </c>
      <c r="AF34921">
        <v>59</v>
      </c>
      <c r="AG34921">
        <v>60</v>
      </c>
      <c r="AH34921">
        <v>61</v>
      </c>
      <c r="AI34921">
        <v>62</v>
      </c>
      <c r="AJ34921">
        <v>63</v>
      </c>
      <c r="AK34921">
        <v>64</v>
      </c>
      <c r="AL34921">
        <v>65</v>
      </c>
      <c r="AM34921">
        <v>65</v>
      </c>
      <c r="AN34921">
        <v>65</v>
      </c>
      <c r="AO34921">
        <v>66</v>
      </c>
      <c r="AP34921">
        <v>66</v>
      </c>
      <c r="AQ34921">
        <v>67</v>
      </c>
    </row>
    <row r="34922" spans="1:43">
      <c r="A34922" t="s">
        <v>21647</v>
      </c>
      <c r="B34922" t="s">
        <v>21648</v>
      </c>
      <c r="C34922" t="s">
        <v>21575</v>
      </c>
      <c r="D34922" t="s">
        <v>21576</v>
      </c>
      <c r="E34922" t="s">
        <v>21557</v>
      </c>
      <c r="F34922" t="s">
        <v>21558</v>
      </c>
      <c r="G34922" t="s">
        <v>20255</v>
      </c>
      <c r="H34922" t="s">
        <v>20256</v>
      </c>
      <c r="I34922" s="2">
        <v>1</v>
      </c>
      <c r="J34922" s="2">
        <v>0</v>
      </c>
      <c r="K34922" s="2">
        <v>0</v>
      </c>
      <c r="L34922" t="s">
        <v>120</v>
      </c>
      <c r="M34922" t="s">
        <v>83</v>
      </c>
      <c r="N34922" t="s">
        <v>84</v>
      </c>
      <c r="O34922" t="s">
        <v>85</v>
      </c>
      <c r="P34922" t="s">
        <v>86</v>
      </c>
      <c r="Q34922">
        <v>58</v>
      </c>
      <c r="R34922">
        <v>59</v>
      </c>
      <c r="S34922">
        <v>60</v>
      </c>
      <c r="T34922">
        <v>61</v>
      </c>
      <c r="U34922">
        <v>62</v>
      </c>
      <c r="V34922">
        <v>63</v>
      </c>
      <c r="W34922">
        <v>64</v>
      </c>
      <c r="X34922">
        <v>65</v>
      </c>
      <c r="Y34922">
        <v>66</v>
      </c>
      <c r="Z34922">
        <v>67</v>
      </c>
      <c r="AA34922">
        <v>68</v>
      </c>
      <c r="AB34922">
        <v>69</v>
      </c>
      <c r="AC34922">
        <v>70</v>
      </c>
      <c r="AD34922">
        <v>71</v>
      </c>
      <c r="AE34922">
        <v>72</v>
      </c>
      <c r="AF34922">
        <v>73</v>
      </c>
      <c r="AG34922">
        <v>74</v>
      </c>
      <c r="AH34922">
        <v>76</v>
      </c>
      <c r="AI34922">
        <v>77</v>
      </c>
      <c r="AJ34922">
        <v>78</v>
      </c>
      <c r="AK34922">
        <v>79</v>
      </c>
      <c r="AL34922">
        <v>79</v>
      </c>
      <c r="AM34922">
        <v>80</v>
      </c>
      <c r="AN34922">
        <v>80</v>
      </c>
      <c r="AO34922">
        <v>81</v>
      </c>
      <c r="AP34922">
        <v>81</v>
      </c>
      <c r="AQ34922">
        <v>81</v>
      </c>
    </row>
    <row r="34923" spans="1:43">
      <c r="A34923" t="s">
        <v>21647</v>
      </c>
      <c r="B34923" t="s">
        <v>21648</v>
      </c>
      <c r="C34923" t="s">
        <v>21575</v>
      </c>
      <c r="D34923" t="s">
        <v>21576</v>
      </c>
      <c r="E34923" t="s">
        <v>21557</v>
      </c>
      <c r="F34923" t="s">
        <v>21558</v>
      </c>
      <c r="G34923" t="s">
        <v>20255</v>
      </c>
      <c r="H34923" t="s">
        <v>20256</v>
      </c>
      <c r="I34923" s="2">
        <v>1</v>
      </c>
      <c r="J34923" s="2">
        <v>0</v>
      </c>
      <c r="K34923" s="2">
        <v>0</v>
      </c>
      <c r="L34923" t="s">
        <v>120</v>
      </c>
      <c r="M34923" t="s">
        <v>87</v>
      </c>
      <c r="N34923" t="s">
        <v>88</v>
      </c>
      <c r="O34923" t="s">
        <v>85</v>
      </c>
      <c r="P34923" t="s">
        <v>86</v>
      </c>
      <c r="Q34923">
        <v>58</v>
      </c>
      <c r="R34923">
        <v>59</v>
      </c>
      <c r="S34923">
        <v>59</v>
      </c>
      <c r="T34923">
        <v>60</v>
      </c>
      <c r="U34923">
        <v>60</v>
      </c>
      <c r="V34923">
        <v>61</v>
      </c>
      <c r="W34923">
        <v>61</v>
      </c>
      <c r="X34923">
        <v>62</v>
      </c>
      <c r="Y34923">
        <v>62</v>
      </c>
      <c r="Z34923">
        <v>63</v>
      </c>
      <c r="AA34923">
        <v>63</v>
      </c>
      <c r="AB34923">
        <v>64</v>
      </c>
      <c r="AC34923">
        <v>64</v>
      </c>
      <c r="AD34923">
        <v>65</v>
      </c>
      <c r="AE34923">
        <v>65</v>
      </c>
      <c r="AF34923">
        <v>66</v>
      </c>
      <c r="AG34923">
        <v>66</v>
      </c>
      <c r="AH34923">
        <v>67</v>
      </c>
      <c r="AI34923">
        <v>67</v>
      </c>
      <c r="AJ34923">
        <v>68</v>
      </c>
      <c r="AK34923">
        <v>68</v>
      </c>
      <c r="AL34923">
        <v>69</v>
      </c>
      <c r="AM34923">
        <v>69</v>
      </c>
      <c r="AN34923">
        <v>70</v>
      </c>
      <c r="AO34923">
        <v>70</v>
      </c>
      <c r="AP34923">
        <v>71</v>
      </c>
      <c r="AQ34923">
        <v>71</v>
      </c>
    </row>
    <row r="34924" spans="1:43">
      <c r="A34924" t="s">
        <v>21647</v>
      </c>
      <c r="B34924" t="s">
        <v>21648</v>
      </c>
      <c r="C34924" t="s">
        <v>21575</v>
      </c>
      <c r="D34924" t="s">
        <v>21576</v>
      </c>
      <c r="E34924" t="s">
        <v>21557</v>
      </c>
      <c r="F34924" t="s">
        <v>21558</v>
      </c>
      <c r="G34924" t="s">
        <v>20255</v>
      </c>
      <c r="H34924" t="s">
        <v>20256</v>
      </c>
      <c r="I34924" s="2">
        <v>1</v>
      </c>
      <c r="J34924" s="2">
        <v>0</v>
      </c>
      <c r="K34924" s="2">
        <v>0</v>
      </c>
      <c r="L34924" t="s">
        <v>120</v>
      </c>
      <c r="M34924" t="s">
        <v>89</v>
      </c>
      <c r="N34924" t="s">
        <v>90</v>
      </c>
      <c r="O34924" t="s">
        <v>85</v>
      </c>
      <c r="P34924" t="s">
        <v>86</v>
      </c>
      <c r="Q34924">
        <v>58</v>
      </c>
      <c r="R34924">
        <v>60</v>
      </c>
      <c r="S34924">
        <v>61</v>
      </c>
      <c r="T34924">
        <v>63</v>
      </c>
      <c r="U34924">
        <v>64</v>
      </c>
      <c r="V34924">
        <v>66</v>
      </c>
      <c r="W34924">
        <v>67</v>
      </c>
      <c r="X34924">
        <v>69</v>
      </c>
      <c r="Y34924">
        <v>70</v>
      </c>
      <c r="Z34924">
        <v>71</v>
      </c>
      <c r="AA34924">
        <v>73</v>
      </c>
      <c r="AB34924">
        <v>74</v>
      </c>
      <c r="AC34924">
        <v>75</v>
      </c>
      <c r="AD34924">
        <v>77</v>
      </c>
      <c r="AE34924">
        <v>78</v>
      </c>
      <c r="AF34924">
        <v>78</v>
      </c>
      <c r="AG34924">
        <v>78</v>
      </c>
      <c r="AH34924">
        <v>79</v>
      </c>
      <c r="AI34924">
        <v>79</v>
      </c>
      <c r="AJ34924">
        <v>80</v>
      </c>
      <c r="AK34924">
        <v>80</v>
      </c>
      <c r="AL34924">
        <v>80</v>
      </c>
      <c r="AM34924">
        <v>81</v>
      </c>
      <c r="AN34924">
        <v>81</v>
      </c>
      <c r="AO34924">
        <v>81</v>
      </c>
      <c r="AP34924">
        <v>82</v>
      </c>
      <c r="AQ34924">
        <v>82</v>
      </c>
    </row>
    <row r="34925" spans="1:43">
      <c r="A34925" t="s">
        <v>21647</v>
      </c>
      <c r="B34925" t="s">
        <v>21648</v>
      </c>
      <c r="C34925" t="s">
        <v>21575</v>
      </c>
      <c r="D34925" t="s">
        <v>21576</v>
      </c>
      <c r="E34925" t="s">
        <v>21557</v>
      </c>
      <c r="F34925" t="s">
        <v>21558</v>
      </c>
      <c r="G34925" t="s">
        <v>20255</v>
      </c>
      <c r="H34925" t="s">
        <v>20256</v>
      </c>
      <c r="I34925" s="2">
        <v>1</v>
      </c>
      <c r="J34925" s="2">
        <v>0</v>
      </c>
      <c r="K34925" s="2">
        <v>0</v>
      </c>
      <c r="L34925" t="s">
        <v>120</v>
      </c>
      <c r="M34925" t="s">
        <v>83</v>
      </c>
      <c r="N34925" t="s">
        <v>91</v>
      </c>
      <c r="O34925" t="s">
        <v>85</v>
      </c>
      <c r="P34925" t="s">
        <v>86</v>
      </c>
      <c r="Q34925">
        <v>58</v>
      </c>
      <c r="R34925">
        <v>59</v>
      </c>
      <c r="S34925">
        <v>60</v>
      </c>
      <c r="T34925">
        <v>61</v>
      </c>
      <c r="U34925">
        <v>62</v>
      </c>
      <c r="V34925">
        <v>63</v>
      </c>
      <c r="W34925">
        <v>64</v>
      </c>
      <c r="X34925">
        <v>65</v>
      </c>
      <c r="Y34925">
        <v>66</v>
      </c>
      <c r="Z34925">
        <v>67</v>
      </c>
      <c r="AA34925">
        <v>68</v>
      </c>
      <c r="AB34925">
        <v>69</v>
      </c>
      <c r="AC34925">
        <v>70</v>
      </c>
      <c r="AD34925">
        <v>71</v>
      </c>
      <c r="AE34925">
        <v>72</v>
      </c>
      <c r="AF34925">
        <v>73</v>
      </c>
      <c r="AG34925">
        <v>74</v>
      </c>
      <c r="AH34925">
        <v>76</v>
      </c>
      <c r="AI34925">
        <v>77</v>
      </c>
      <c r="AJ34925">
        <v>78</v>
      </c>
      <c r="AK34925">
        <v>79</v>
      </c>
      <c r="AL34925">
        <v>79</v>
      </c>
      <c r="AM34925">
        <v>80</v>
      </c>
      <c r="AN34925">
        <v>80</v>
      </c>
      <c r="AO34925">
        <v>81</v>
      </c>
      <c r="AP34925">
        <v>81</v>
      </c>
      <c r="AQ34925">
        <v>81</v>
      </c>
    </row>
    <row r="34926" spans="1:43">
      <c r="A34926" t="s">
        <v>21649</v>
      </c>
      <c r="B34926" t="s">
        <v>21650</v>
      </c>
      <c r="C34926" t="s">
        <v>21579</v>
      </c>
      <c r="D34926" t="s">
        <v>21580</v>
      </c>
      <c r="E34926" t="s">
        <v>21557</v>
      </c>
      <c r="F34926" t="s">
        <v>21558</v>
      </c>
      <c r="G34926" t="s">
        <v>20255</v>
      </c>
      <c r="H34926" t="s">
        <v>20256</v>
      </c>
      <c r="I34926" s="2">
        <v>1</v>
      </c>
      <c r="J34926" s="2">
        <v>0</v>
      </c>
      <c r="K34926" s="2">
        <v>0</v>
      </c>
      <c r="L34926" t="s">
        <v>120</v>
      </c>
      <c r="M34926" t="s">
        <v>83</v>
      </c>
      <c r="N34926" t="s">
        <v>84</v>
      </c>
      <c r="O34926" t="s">
        <v>85</v>
      </c>
      <c r="P34926" t="s">
        <v>86</v>
      </c>
      <c r="Q34926">
        <v>5</v>
      </c>
      <c r="R34926">
        <v>5</v>
      </c>
      <c r="S34926">
        <v>5</v>
      </c>
      <c r="T34926">
        <v>5</v>
      </c>
      <c r="U34926">
        <v>6</v>
      </c>
      <c r="V34926">
        <v>6</v>
      </c>
      <c r="W34926">
        <v>6</v>
      </c>
      <c r="X34926">
        <v>6</v>
      </c>
      <c r="Y34926">
        <v>6</v>
      </c>
      <c r="Z34926">
        <v>6</v>
      </c>
      <c r="AA34926">
        <v>6</v>
      </c>
      <c r="AB34926">
        <v>6</v>
      </c>
      <c r="AC34926">
        <v>6</v>
      </c>
      <c r="AD34926">
        <v>7</v>
      </c>
      <c r="AE34926">
        <v>7</v>
      </c>
      <c r="AF34926">
        <v>7</v>
      </c>
      <c r="AG34926">
        <v>7</v>
      </c>
      <c r="AH34926">
        <v>7</v>
      </c>
      <c r="AI34926">
        <v>7</v>
      </c>
      <c r="AJ34926">
        <v>7</v>
      </c>
      <c r="AK34926">
        <v>7</v>
      </c>
      <c r="AL34926">
        <v>7</v>
      </c>
      <c r="AM34926">
        <v>7</v>
      </c>
      <c r="AN34926">
        <v>7</v>
      </c>
      <c r="AO34926">
        <v>8</v>
      </c>
      <c r="AP34926">
        <v>8</v>
      </c>
      <c r="AQ34926">
        <v>8</v>
      </c>
    </row>
    <row r="34927" spans="1:43">
      <c r="A34927" t="s">
        <v>21649</v>
      </c>
      <c r="B34927" t="s">
        <v>21650</v>
      </c>
      <c r="C34927" t="s">
        <v>21579</v>
      </c>
      <c r="D34927" t="s">
        <v>21580</v>
      </c>
      <c r="E34927" t="s">
        <v>21557</v>
      </c>
      <c r="F34927" t="s">
        <v>21558</v>
      </c>
      <c r="G34927" t="s">
        <v>20255</v>
      </c>
      <c r="H34927" t="s">
        <v>20256</v>
      </c>
      <c r="I34927" s="2">
        <v>1</v>
      </c>
      <c r="J34927" s="2">
        <v>0</v>
      </c>
      <c r="K34927" s="2">
        <v>0</v>
      </c>
      <c r="L34927" t="s">
        <v>120</v>
      </c>
      <c r="M34927" t="s">
        <v>87</v>
      </c>
      <c r="N34927" t="s">
        <v>88</v>
      </c>
      <c r="O34927" t="s">
        <v>85</v>
      </c>
      <c r="P34927" t="s">
        <v>86</v>
      </c>
      <c r="Q34927">
        <v>5</v>
      </c>
      <c r="R34927">
        <v>5</v>
      </c>
      <c r="S34927">
        <v>5</v>
      </c>
      <c r="T34927">
        <v>5</v>
      </c>
      <c r="U34927">
        <v>5</v>
      </c>
      <c r="V34927">
        <v>5</v>
      </c>
      <c r="W34927">
        <v>5</v>
      </c>
      <c r="X34927">
        <v>5</v>
      </c>
      <c r="Y34927">
        <v>6</v>
      </c>
      <c r="Z34927">
        <v>6</v>
      </c>
      <c r="AA34927">
        <v>6</v>
      </c>
      <c r="AB34927">
        <v>6</v>
      </c>
      <c r="AC34927">
        <v>6</v>
      </c>
      <c r="AD34927">
        <v>6</v>
      </c>
      <c r="AE34927">
        <v>6</v>
      </c>
      <c r="AF34927">
        <v>6</v>
      </c>
      <c r="AG34927">
        <v>6</v>
      </c>
      <c r="AH34927">
        <v>6</v>
      </c>
      <c r="AI34927">
        <v>6</v>
      </c>
      <c r="AJ34927">
        <v>6</v>
      </c>
      <c r="AK34927">
        <v>6</v>
      </c>
      <c r="AL34927">
        <v>6</v>
      </c>
      <c r="AM34927">
        <v>6</v>
      </c>
      <c r="AN34927">
        <v>6</v>
      </c>
      <c r="AO34927">
        <v>6</v>
      </c>
      <c r="AP34927">
        <v>7</v>
      </c>
      <c r="AQ34927">
        <v>7</v>
      </c>
    </row>
    <row r="34928" spans="1:43">
      <c r="A34928" t="s">
        <v>21649</v>
      </c>
      <c r="B34928" t="s">
        <v>21650</v>
      </c>
      <c r="C34928" t="s">
        <v>21579</v>
      </c>
      <c r="D34928" t="s">
        <v>21580</v>
      </c>
      <c r="E34928" t="s">
        <v>21557</v>
      </c>
      <c r="F34928" t="s">
        <v>21558</v>
      </c>
      <c r="G34928" t="s">
        <v>20255</v>
      </c>
      <c r="H34928" t="s">
        <v>20256</v>
      </c>
      <c r="I34928" s="2">
        <v>1</v>
      </c>
      <c r="J34928" s="2">
        <v>0</v>
      </c>
      <c r="K34928" s="2">
        <v>0</v>
      </c>
      <c r="L34928" t="s">
        <v>120</v>
      </c>
      <c r="M34928" t="s">
        <v>89</v>
      </c>
      <c r="N34928" t="s">
        <v>90</v>
      </c>
      <c r="O34928" t="s">
        <v>85</v>
      </c>
      <c r="P34928" t="s">
        <v>86</v>
      </c>
      <c r="Q34928">
        <v>5</v>
      </c>
      <c r="R34928">
        <v>5</v>
      </c>
      <c r="S34928">
        <v>6</v>
      </c>
      <c r="T34928">
        <v>6</v>
      </c>
      <c r="U34928">
        <v>6</v>
      </c>
      <c r="V34928">
        <v>6</v>
      </c>
      <c r="W34928">
        <v>6</v>
      </c>
      <c r="X34928">
        <v>6</v>
      </c>
      <c r="Y34928">
        <v>6</v>
      </c>
      <c r="Z34928">
        <v>6</v>
      </c>
      <c r="AA34928">
        <v>7</v>
      </c>
      <c r="AB34928">
        <v>7</v>
      </c>
      <c r="AC34928">
        <v>7</v>
      </c>
      <c r="AD34928">
        <v>7</v>
      </c>
      <c r="AE34928">
        <v>7</v>
      </c>
      <c r="AF34928">
        <v>7</v>
      </c>
      <c r="AG34928">
        <v>7</v>
      </c>
      <c r="AH34928">
        <v>7</v>
      </c>
      <c r="AI34928">
        <v>7</v>
      </c>
      <c r="AJ34928">
        <v>7</v>
      </c>
      <c r="AK34928">
        <v>7</v>
      </c>
      <c r="AL34928">
        <v>7</v>
      </c>
      <c r="AM34928">
        <v>8</v>
      </c>
      <c r="AN34928">
        <v>8</v>
      </c>
      <c r="AO34928">
        <v>8</v>
      </c>
      <c r="AP34928">
        <v>8</v>
      </c>
      <c r="AQ34928">
        <v>8</v>
      </c>
    </row>
    <row r="34929" spans="1:43">
      <c r="A34929" t="s">
        <v>21649</v>
      </c>
      <c r="B34929" t="s">
        <v>21650</v>
      </c>
      <c r="C34929" t="s">
        <v>21579</v>
      </c>
      <c r="D34929" t="s">
        <v>21580</v>
      </c>
      <c r="E34929" t="s">
        <v>21557</v>
      </c>
      <c r="F34929" t="s">
        <v>21558</v>
      </c>
      <c r="G34929" t="s">
        <v>20255</v>
      </c>
      <c r="H34929" t="s">
        <v>20256</v>
      </c>
      <c r="I34929" s="2">
        <v>1</v>
      </c>
      <c r="J34929" s="2">
        <v>0</v>
      </c>
      <c r="K34929" s="2">
        <v>0</v>
      </c>
      <c r="L34929" t="s">
        <v>120</v>
      </c>
      <c r="M34929" t="s">
        <v>83</v>
      </c>
      <c r="N34929" t="s">
        <v>91</v>
      </c>
      <c r="O34929" t="s">
        <v>85</v>
      </c>
      <c r="P34929" t="s">
        <v>86</v>
      </c>
      <c r="Q34929">
        <v>5</v>
      </c>
      <c r="R34929">
        <v>5</v>
      </c>
      <c r="S34929">
        <v>5</v>
      </c>
      <c r="T34929">
        <v>5</v>
      </c>
      <c r="U34929">
        <v>6</v>
      </c>
      <c r="V34929">
        <v>6</v>
      </c>
      <c r="W34929">
        <v>6</v>
      </c>
      <c r="X34929">
        <v>6</v>
      </c>
      <c r="Y34929">
        <v>6</v>
      </c>
      <c r="Z34929">
        <v>6</v>
      </c>
      <c r="AA34929">
        <v>6</v>
      </c>
      <c r="AB34929">
        <v>6</v>
      </c>
      <c r="AC34929">
        <v>6</v>
      </c>
      <c r="AD34929">
        <v>7</v>
      </c>
      <c r="AE34929">
        <v>7</v>
      </c>
      <c r="AF34929">
        <v>7</v>
      </c>
      <c r="AG34929">
        <v>7</v>
      </c>
      <c r="AH34929">
        <v>7</v>
      </c>
      <c r="AI34929">
        <v>7</v>
      </c>
      <c r="AJ34929">
        <v>7</v>
      </c>
      <c r="AK34929">
        <v>7</v>
      </c>
      <c r="AL34929">
        <v>7</v>
      </c>
      <c r="AM34929">
        <v>7</v>
      </c>
      <c r="AN34929">
        <v>7</v>
      </c>
      <c r="AO34929">
        <v>8</v>
      </c>
      <c r="AP34929">
        <v>8</v>
      </c>
      <c r="AQ34929">
        <v>8</v>
      </c>
    </row>
    <row r="34930" spans="1:43">
      <c r="A34930" t="s">
        <v>21651</v>
      </c>
      <c r="B34930" t="s">
        <v>21652</v>
      </c>
      <c r="C34930" t="s">
        <v>21579</v>
      </c>
      <c r="D34930" t="s">
        <v>21580</v>
      </c>
      <c r="E34930" t="s">
        <v>21557</v>
      </c>
      <c r="F34930" t="s">
        <v>21558</v>
      </c>
      <c r="G34930" t="s">
        <v>20255</v>
      </c>
      <c r="H34930" t="s">
        <v>20256</v>
      </c>
      <c r="I34930" s="2">
        <v>1</v>
      </c>
      <c r="J34930" s="2">
        <v>0</v>
      </c>
      <c r="K34930" s="2">
        <v>0</v>
      </c>
      <c r="L34930" t="s">
        <v>120</v>
      </c>
      <c r="M34930" t="s">
        <v>83</v>
      </c>
      <c r="N34930" t="s">
        <v>84</v>
      </c>
      <c r="O34930" t="s">
        <v>85</v>
      </c>
      <c r="P34930" t="s">
        <v>86</v>
      </c>
      <c r="Q34930">
        <v>8</v>
      </c>
      <c r="R34930">
        <v>9</v>
      </c>
      <c r="S34930">
        <v>9</v>
      </c>
      <c r="T34930">
        <v>9</v>
      </c>
      <c r="U34930">
        <v>9</v>
      </c>
      <c r="V34930">
        <v>9</v>
      </c>
      <c r="W34930">
        <v>9</v>
      </c>
      <c r="X34930">
        <v>10</v>
      </c>
      <c r="Y34930">
        <v>10</v>
      </c>
      <c r="Z34930">
        <v>10</v>
      </c>
      <c r="AA34930">
        <v>10</v>
      </c>
      <c r="AB34930">
        <v>10</v>
      </c>
      <c r="AC34930">
        <v>10</v>
      </c>
      <c r="AD34930">
        <v>11</v>
      </c>
      <c r="AE34930">
        <v>11</v>
      </c>
      <c r="AF34930">
        <v>11</v>
      </c>
      <c r="AG34930">
        <v>11</v>
      </c>
      <c r="AH34930">
        <v>11</v>
      </c>
      <c r="AI34930">
        <v>12</v>
      </c>
      <c r="AJ34930">
        <v>12</v>
      </c>
      <c r="AK34930">
        <v>12</v>
      </c>
      <c r="AL34930">
        <v>12</v>
      </c>
      <c r="AM34930">
        <v>12</v>
      </c>
      <c r="AN34930">
        <v>12</v>
      </c>
      <c r="AO34930">
        <v>12</v>
      </c>
      <c r="AP34930">
        <v>12</v>
      </c>
      <c r="AQ34930">
        <v>12</v>
      </c>
    </row>
    <row r="34931" spans="1:43">
      <c r="A34931" t="s">
        <v>21651</v>
      </c>
      <c r="B34931" t="s">
        <v>21652</v>
      </c>
      <c r="C34931" t="s">
        <v>21579</v>
      </c>
      <c r="D34931" t="s">
        <v>21580</v>
      </c>
      <c r="E34931" t="s">
        <v>21557</v>
      </c>
      <c r="F34931" t="s">
        <v>21558</v>
      </c>
      <c r="G34931" t="s">
        <v>20255</v>
      </c>
      <c r="H34931" t="s">
        <v>20256</v>
      </c>
      <c r="I34931" s="2">
        <v>1</v>
      </c>
      <c r="J34931" s="2">
        <v>0</v>
      </c>
      <c r="K34931" s="2">
        <v>0</v>
      </c>
      <c r="L34931" t="s">
        <v>120</v>
      </c>
      <c r="M34931" t="s">
        <v>87</v>
      </c>
      <c r="N34931" t="s">
        <v>88</v>
      </c>
      <c r="O34931" t="s">
        <v>85</v>
      </c>
      <c r="P34931" t="s">
        <v>86</v>
      </c>
      <c r="Q34931">
        <v>8</v>
      </c>
      <c r="R34931">
        <v>8</v>
      </c>
      <c r="S34931">
        <v>8</v>
      </c>
      <c r="T34931">
        <v>9</v>
      </c>
      <c r="U34931">
        <v>9</v>
      </c>
      <c r="V34931">
        <v>9</v>
      </c>
      <c r="W34931">
        <v>9</v>
      </c>
      <c r="X34931">
        <v>9</v>
      </c>
      <c r="Y34931">
        <v>9</v>
      </c>
      <c r="Z34931">
        <v>9</v>
      </c>
      <c r="AA34931">
        <v>9</v>
      </c>
      <c r="AB34931">
        <v>9</v>
      </c>
      <c r="AC34931">
        <v>9</v>
      </c>
      <c r="AD34931">
        <v>9</v>
      </c>
      <c r="AE34931">
        <v>10</v>
      </c>
      <c r="AF34931">
        <v>10</v>
      </c>
      <c r="AG34931">
        <v>10</v>
      </c>
      <c r="AH34931">
        <v>10</v>
      </c>
      <c r="AI34931">
        <v>10</v>
      </c>
      <c r="AJ34931">
        <v>10</v>
      </c>
      <c r="AK34931">
        <v>10</v>
      </c>
      <c r="AL34931">
        <v>10</v>
      </c>
      <c r="AM34931">
        <v>10</v>
      </c>
      <c r="AN34931">
        <v>10</v>
      </c>
      <c r="AO34931">
        <v>11</v>
      </c>
      <c r="AP34931">
        <v>11</v>
      </c>
      <c r="AQ34931">
        <v>11</v>
      </c>
    </row>
    <row r="34932" spans="1:43">
      <c r="A34932" t="s">
        <v>21651</v>
      </c>
      <c r="B34932" t="s">
        <v>21652</v>
      </c>
      <c r="C34932" t="s">
        <v>21579</v>
      </c>
      <c r="D34932" t="s">
        <v>21580</v>
      </c>
      <c r="E34932" t="s">
        <v>21557</v>
      </c>
      <c r="F34932" t="s">
        <v>21558</v>
      </c>
      <c r="G34932" t="s">
        <v>20255</v>
      </c>
      <c r="H34932" t="s">
        <v>20256</v>
      </c>
      <c r="I34932" s="2">
        <v>1</v>
      </c>
      <c r="J34932" s="2">
        <v>0</v>
      </c>
      <c r="K34932" s="2">
        <v>0</v>
      </c>
      <c r="L34932" t="s">
        <v>120</v>
      </c>
      <c r="M34932" t="s">
        <v>89</v>
      </c>
      <c r="N34932" t="s">
        <v>90</v>
      </c>
      <c r="O34932" t="s">
        <v>85</v>
      </c>
      <c r="P34932" t="s">
        <v>86</v>
      </c>
      <c r="Q34932">
        <v>8</v>
      </c>
      <c r="R34932">
        <v>9</v>
      </c>
      <c r="S34932">
        <v>9</v>
      </c>
      <c r="T34932">
        <v>9</v>
      </c>
      <c r="U34932">
        <v>9</v>
      </c>
      <c r="V34932">
        <v>10</v>
      </c>
      <c r="W34932">
        <v>10</v>
      </c>
      <c r="X34932">
        <v>10</v>
      </c>
      <c r="Y34932">
        <v>10</v>
      </c>
      <c r="Z34932">
        <v>11</v>
      </c>
      <c r="AA34932">
        <v>11</v>
      </c>
      <c r="AB34932">
        <v>11</v>
      </c>
      <c r="AC34932">
        <v>11</v>
      </c>
      <c r="AD34932">
        <v>11</v>
      </c>
      <c r="AE34932">
        <v>12</v>
      </c>
      <c r="AF34932">
        <v>12</v>
      </c>
      <c r="AG34932">
        <v>12</v>
      </c>
      <c r="AH34932">
        <v>12</v>
      </c>
      <c r="AI34932">
        <v>12</v>
      </c>
      <c r="AJ34932">
        <v>12</v>
      </c>
      <c r="AK34932">
        <v>12</v>
      </c>
      <c r="AL34932">
        <v>12</v>
      </c>
      <c r="AM34932">
        <v>12</v>
      </c>
      <c r="AN34932">
        <v>12</v>
      </c>
      <c r="AO34932">
        <v>12</v>
      </c>
      <c r="AP34932">
        <v>12</v>
      </c>
      <c r="AQ34932">
        <v>13</v>
      </c>
    </row>
    <row r="34933" spans="1:43">
      <c r="A34933" t="s">
        <v>21651</v>
      </c>
      <c r="B34933" t="s">
        <v>21652</v>
      </c>
      <c r="C34933" t="s">
        <v>21579</v>
      </c>
      <c r="D34933" t="s">
        <v>21580</v>
      </c>
      <c r="E34933" t="s">
        <v>21557</v>
      </c>
      <c r="F34933" t="s">
        <v>21558</v>
      </c>
      <c r="G34933" t="s">
        <v>20255</v>
      </c>
      <c r="H34933" t="s">
        <v>20256</v>
      </c>
      <c r="I34933" s="2">
        <v>1</v>
      </c>
      <c r="J34933" s="2">
        <v>0</v>
      </c>
      <c r="K34933" s="2">
        <v>0</v>
      </c>
      <c r="L34933" t="s">
        <v>120</v>
      </c>
      <c r="M34933" t="s">
        <v>83</v>
      </c>
      <c r="N34933" t="s">
        <v>91</v>
      </c>
      <c r="O34933" t="s">
        <v>85</v>
      </c>
      <c r="P34933" t="s">
        <v>86</v>
      </c>
      <c r="Q34933">
        <v>8</v>
      </c>
      <c r="R34933">
        <v>9</v>
      </c>
      <c r="S34933">
        <v>9</v>
      </c>
      <c r="T34933">
        <v>9</v>
      </c>
      <c r="U34933">
        <v>9</v>
      </c>
      <c r="V34933">
        <v>9</v>
      </c>
      <c r="W34933">
        <v>9</v>
      </c>
      <c r="X34933">
        <v>10</v>
      </c>
      <c r="Y34933">
        <v>10</v>
      </c>
      <c r="Z34933">
        <v>10</v>
      </c>
      <c r="AA34933">
        <v>10</v>
      </c>
      <c r="AB34933">
        <v>10</v>
      </c>
      <c r="AC34933">
        <v>10</v>
      </c>
      <c r="AD34933">
        <v>11</v>
      </c>
      <c r="AE34933">
        <v>11</v>
      </c>
      <c r="AF34933">
        <v>11</v>
      </c>
      <c r="AG34933">
        <v>11</v>
      </c>
      <c r="AH34933">
        <v>11</v>
      </c>
      <c r="AI34933">
        <v>12</v>
      </c>
      <c r="AJ34933">
        <v>12</v>
      </c>
      <c r="AK34933">
        <v>12</v>
      </c>
      <c r="AL34933">
        <v>12</v>
      </c>
      <c r="AM34933">
        <v>12</v>
      </c>
      <c r="AN34933">
        <v>12</v>
      </c>
      <c r="AO34933">
        <v>12</v>
      </c>
      <c r="AP34933">
        <v>12</v>
      </c>
      <c r="AQ34933">
        <v>12</v>
      </c>
    </row>
    <row r="34934" spans="1:43">
      <c r="A34934" t="s">
        <v>21653</v>
      </c>
      <c r="B34934" t="s">
        <v>21654</v>
      </c>
      <c r="C34934" t="s">
        <v>21579</v>
      </c>
      <c r="D34934" t="s">
        <v>21580</v>
      </c>
      <c r="E34934" t="s">
        <v>21557</v>
      </c>
      <c r="F34934" t="s">
        <v>21558</v>
      </c>
      <c r="G34934" t="s">
        <v>20255</v>
      </c>
      <c r="H34934" t="s">
        <v>20256</v>
      </c>
      <c r="I34934" s="2">
        <v>1</v>
      </c>
      <c r="J34934" s="2">
        <v>0</v>
      </c>
      <c r="K34934" s="2">
        <v>0</v>
      </c>
      <c r="L34934" t="s">
        <v>120</v>
      </c>
      <c r="M34934" t="s">
        <v>83</v>
      </c>
      <c r="N34934" t="s">
        <v>84</v>
      </c>
      <c r="O34934" t="s">
        <v>85</v>
      </c>
      <c r="P34934" t="s">
        <v>86</v>
      </c>
      <c r="Q34934">
        <v>5</v>
      </c>
      <c r="R34934">
        <v>5</v>
      </c>
      <c r="S34934">
        <v>5</v>
      </c>
      <c r="T34934">
        <v>5</v>
      </c>
      <c r="U34934">
        <v>6</v>
      </c>
      <c r="V34934">
        <v>6</v>
      </c>
      <c r="W34934">
        <v>6</v>
      </c>
      <c r="X34934">
        <v>6</v>
      </c>
      <c r="Y34934">
        <v>6</v>
      </c>
      <c r="Z34934">
        <v>6</v>
      </c>
      <c r="AA34934">
        <v>6</v>
      </c>
      <c r="AB34934">
        <v>6</v>
      </c>
      <c r="AC34934">
        <v>6</v>
      </c>
      <c r="AD34934">
        <v>6</v>
      </c>
      <c r="AE34934">
        <v>7</v>
      </c>
      <c r="AF34934">
        <v>7</v>
      </c>
      <c r="AG34934">
        <v>7</v>
      </c>
      <c r="AH34934">
        <v>7</v>
      </c>
      <c r="AI34934">
        <v>7</v>
      </c>
      <c r="AJ34934">
        <v>7</v>
      </c>
      <c r="AK34934">
        <v>7</v>
      </c>
      <c r="AL34934">
        <v>7</v>
      </c>
      <c r="AM34934">
        <v>7</v>
      </c>
      <c r="AN34934">
        <v>7</v>
      </c>
      <c r="AO34934">
        <v>7</v>
      </c>
      <c r="AP34934">
        <v>7</v>
      </c>
      <c r="AQ34934">
        <v>8</v>
      </c>
    </row>
    <row r="34935" spans="1:43">
      <c r="A34935" t="s">
        <v>21653</v>
      </c>
      <c r="B34935" t="s">
        <v>21654</v>
      </c>
      <c r="C34935" t="s">
        <v>21579</v>
      </c>
      <c r="D34935" t="s">
        <v>21580</v>
      </c>
      <c r="E34935" t="s">
        <v>21557</v>
      </c>
      <c r="F34935" t="s">
        <v>21558</v>
      </c>
      <c r="G34935" t="s">
        <v>20255</v>
      </c>
      <c r="H34935" t="s">
        <v>20256</v>
      </c>
      <c r="I34935" s="2">
        <v>1</v>
      </c>
      <c r="J34935" s="2">
        <v>0</v>
      </c>
      <c r="K34935" s="2">
        <v>0</v>
      </c>
      <c r="L34935" t="s">
        <v>120</v>
      </c>
      <c r="M34935" t="s">
        <v>87</v>
      </c>
      <c r="N34935" t="s">
        <v>88</v>
      </c>
      <c r="O34935" t="s">
        <v>85</v>
      </c>
      <c r="P34935" t="s">
        <v>86</v>
      </c>
      <c r="Q34935">
        <v>5</v>
      </c>
      <c r="R34935">
        <v>5</v>
      </c>
      <c r="S34935">
        <v>5</v>
      </c>
      <c r="T34935">
        <v>5</v>
      </c>
      <c r="U34935">
        <v>5</v>
      </c>
      <c r="V34935">
        <v>5</v>
      </c>
      <c r="W34935">
        <v>5</v>
      </c>
      <c r="X34935">
        <v>5</v>
      </c>
      <c r="Y34935">
        <v>6</v>
      </c>
      <c r="Z34935">
        <v>6</v>
      </c>
      <c r="AA34935">
        <v>6</v>
      </c>
      <c r="AB34935">
        <v>6</v>
      </c>
      <c r="AC34935">
        <v>6</v>
      </c>
      <c r="AD34935">
        <v>6</v>
      </c>
      <c r="AE34935">
        <v>6</v>
      </c>
      <c r="AF34935">
        <v>6</v>
      </c>
      <c r="AG34935">
        <v>6</v>
      </c>
      <c r="AH34935">
        <v>6</v>
      </c>
      <c r="AI34935">
        <v>6</v>
      </c>
      <c r="AJ34935">
        <v>6</v>
      </c>
      <c r="AK34935">
        <v>6</v>
      </c>
      <c r="AL34935">
        <v>6</v>
      </c>
      <c r="AM34935">
        <v>6</v>
      </c>
      <c r="AN34935">
        <v>6</v>
      </c>
      <c r="AO34935">
        <v>6</v>
      </c>
      <c r="AP34935">
        <v>7</v>
      </c>
      <c r="AQ34935">
        <v>7</v>
      </c>
    </row>
    <row r="34936" spans="1:43">
      <c r="A34936" t="s">
        <v>21653</v>
      </c>
      <c r="B34936" t="s">
        <v>21654</v>
      </c>
      <c r="C34936" t="s">
        <v>21579</v>
      </c>
      <c r="D34936" t="s">
        <v>21580</v>
      </c>
      <c r="E34936" t="s">
        <v>21557</v>
      </c>
      <c r="F34936" t="s">
        <v>21558</v>
      </c>
      <c r="G34936" t="s">
        <v>20255</v>
      </c>
      <c r="H34936" t="s">
        <v>20256</v>
      </c>
      <c r="I34936" s="2">
        <v>1</v>
      </c>
      <c r="J34936" s="2">
        <v>0</v>
      </c>
      <c r="K34936" s="2">
        <v>0</v>
      </c>
      <c r="L34936" t="s">
        <v>120</v>
      </c>
      <c r="M34936" t="s">
        <v>89</v>
      </c>
      <c r="N34936" t="s">
        <v>90</v>
      </c>
      <c r="O34936" t="s">
        <v>85</v>
      </c>
      <c r="P34936" t="s">
        <v>86</v>
      </c>
      <c r="Q34936">
        <v>5</v>
      </c>
      <c r="R34936">
        <v>5</v>
      </c>
      <c r="S34936">
        <v>5</v>
      </c>
      <c r="T34936">
        <v>6</v>
      </c>
      <c r="U34936">
        <v>6</v>
      </c>
      <c r="V34936">
        <v>6</v>
      </c>
      <c r="W34936">
        <v>6</v>
      </c>
      <c r="X34936">
        <v>6</v>
      </c>
      <c r="Y34936">
        <v>6</v>
      </c>
      <c r="Z34936">
        <v>6</v>
      </c>
      <c r="AA34936">
        <v>7</v>
      </c>
      <c r="AB34936">
        <v>7</v>
      </c>
      <c r="AC34936">
        <v>7</v>
      </c>
      <c r="AD34936">
        <v>7</v>
      </c>
      <c r="AE34936">
        <v>7</v>
      </c>
      <c r="AF34936">
        <v>7</v>
      </c>
      <c r="AG34936">
        <v>7</v>
      </c>
      <c r="AH34936">
        <v>7</v>
      </c>
      <c r="AI34936">
        <v>7</v>
      </c>
      <c r="AJ34936">
        <v>7</v>
      </c>
      <c r="AK34936">
        <v>7</v>
      </c>
      <c r="AL34936">
        <v>7</v>
      </c>
      <c r="AM34936">
        <v>7</v>
      </c>
      <c r="AN34936">
        <v>7</v>
      </c>
      <c r="AO34936">
        <v>8</v>
      </c>
      <c r="AP34936">
        <v>8</v>
      </c>
      <c r="AQ34936">
        <v>8</v>
      </c>
    </row>
    <row r="34937" spans="1:43">
      <c r="A34937" t="s">
        <v>21653</v>
      </c>
      <c r="B34937" t="s">
        <v>21654</v>
      </c>
      <c r="C34937" t="s">
        <v>21579</v>
      </c>
      <c r="D34937" t="s">
        <v>21580</v>
      </c>
      <c r="E34937" t="s">
        <v>21557</v>
      </c>
      <c r="F34937" t="s">
        <v>21558</v>
      </c>
      <c r="G34937" t="s">
        <v>20255</v>
      </c>
      <c r="H34937" t="s">
        <v>20256</v>
      </c>
      <c r="I34937" s="2">
        <v>1</v>
      </c>
      <c r="J34937" s="2">
        <v>0</v>
      </c>
      <c r="K34937" s="2">
        <v>0</v>
      </c>
      <c r="L34937" t="s">
        <v>120</v>
      </c>
      <c r="M34937" t="s">
        <v>83</v>
      </c>
      <c r="N34937" t="s">
        <v>91</v>
      </c>
      <c r="O34937" t="s">
        <v>85</v>
      </c>
      <c r="P34937" t="s">
        <v>86</v>
      </c>
      <c r="Q34937">
        <v>5</v>
      </c>
      <c r="R34937">
        <v>5</v>
      </c>
      <c r="S34937">
        <v>5</v>
      </c>
      <c r="T34937">
        <v>5</v>
      </c>
      <c r="U34937">
        <v>6</v>
      </c>
      <c r="V34937">
        <v>6</v>
      </c>
      <c r="W34937">
        <v>6</v>
      </c>
      <c r="X34937">
        <v>6</v>
      </c>
      <c r="Y34937">
        <v>6</v>
      </c>
      <c r="Z34937">
        <v>6</v>
      </c>
      <c r="AA34937">
        <v>6</v>
      </c>
      <c r="AB34937">
        <v>6</v>
      </c>
      <c r="AC34937">
        <v>6</v>
      </c>
      <c r="AD34937">
        <v>6</v>
      </c>
      <c r="AE34937">
        <v>7</v>
      </c>
      <c r="AF34937">
        <v>7</v>
      </c>
      <c r="AG34937">
        <v>7</v>
      </c>
      <c r="AH34937">
        <v>7</v>
      </c>
      <c r="AI34937">
        <v>7</v>
      </c>
      <c r="AJ34937">
        <v>7</v>
      </c>
      <c r="AK34937">
        <v>7</v>
      </c>
      <c r="AL34937">
        <v>7</v>
      </c>
      <c r="AM34937">
        <v>7</v>
      </c>
      <c r="AN34937">
        <v>7</v>
      </c>
      <c r="AO34937">
        <v>7</v>
      </c>
      <c r="AP34937">
        <v>7</v>
      </c>
      <c r="AQ34937">
        <v>8</v>
      </c>
    </row>
    <row r="34938" spans="1:43">
      <c r="A34938" t="s">
        <v>21655</v>
      </c>
      <c r="B34938" t="s">
        <v>21656</v>
      </c>
      <c r="C34938" t="s">
        <v>21617</v>
      </c>
      <c r="D34938" t="s">
        <v>21618</v>
      </c>
      <c r="E34938" t="s">
        <v>21557</v>
      </c>
      <c r="F34938" t="s">
        <v>21558</v>
      </c>
      <c r="G34938" t="s">
        <v>20255</v>
      </c>
      <c r="H34938" t="s">
        <v>20256</v>
      </c>
      <c r="I34938" s="2">
        <v>1</v>
      </c>
      <c r="J34938" s="2">
        <v>0</v>
      </c>
      <c r="K34938" s="2">
        <v>0</v>
      </c>
      <c r="L34938" t="s">
        <v>120</v>
      </c>
      <c r="M34938" t="s">
        <v>83</v>
      </c>
      <c r="N34938" t="s">
        <v>84</v>
      </c>
      <c r="O34938" t="s">
        <v>85</v>
      </c>
      <c r="P34938" t="s">
        <v>86</v>
      </c>
      <c r="Q34938">
        <v>56</v>
      </c>
      <c r="R34938">
        <v>57</v>
      </c>
      <c r="S34938">
        <v>58</v>
      </c>
      <c r="T34938">
        <v>59</v>
      </c>
      <c r="U34938">
        <v>60</v>
      </c>
      <c r="V34938">
        <v>61</v>
      </c>
      <c r="W34938">
        <v>62</v>
      </c>
      <c r="X34938">
        <v>64</v>
      </c>
      <c r="Y34938">
        <v>65</v>
      </c>
      <c r="Z34938">
        <v>66</v>
      </c>
      <c r="AA34938">
        <v>67</v>
      </c>
      <c r="AB34938">
        <v>68</v>
      </c>
      <c r="AC34938">
        <v>69</v>
      </c>
      <c r="AD34938">
        <v>70</v>
      </c>
      <c r="AE34938">
        <v>71</v>
      </c>
      <c r="AF34938">
        <v>72</v>
      </c>
      <c r="AG34938">
        <v>74</v>
      </c>
      <c r="AH34938">
        <v>75</v>
      </c>
      <c r="AI34938">
        <v>76</v>
      </c>
      <c r="AJ34938">
        <v>77</v>
      </c>
      <c r="AK34938">
        <v>78</v>
      </c>
      <c r="AL34938">
        <v>79</v>
      </c>
      <c r="AM34938">
        <v>79</v>
      </c>
      <c r="AN34938">
        <v>80</v>
      </c>
      <c r="AO34938">
        <v>80</v>
      </c>
      <c r="AP34938">
        <v>81</v>
      </c>
      <c r="AQ34938">
        <v>81</v>
      </c>
    </row>
    <row r="34939" spans="1:43">
      <c r="A34939" t="s">
        <v>21655</v>
      </c>
      <c r="B34939" t="s">
        <v>21656</v>
      </c>
      <c r="C34939" t="s">
        <v>21617</v>
      </c>
      <c r="D34939" t="s">
        <v>21618</v>
      </c>
      <c r="E34939" t="s">
        <v>21557</v>
      </c>
      <c r="F34939" t="s">
        <v>21558</v>
      </c>
      <c r="G34939" t="s">
        <v>20255</v>
      </c>
      <c r="H34939" t="s">
        <v>20256</v>
      </c>
      <c r="I34939" s="2">
        <v>1</v>
      </c>
      <c r="J34939" s="2">
        <v>0</v>
      </c>
      <c r="K34939" s="2">
        <v>0</v>
      </c>
      <c r="L34939" t="s">
        <v>120</v>
      </c>
      <c r="M34939" t="s">
        <v>87</v>
      </c>
      <c r="N34939" t="s">
        <v>88</v>
      </c>
      <c r="O34939" t="s">
        <v>85</v>
      </c>
      <c r="P34939" t="s">
        <v>86</v>
      </c>
      <c r="Q34939">
        <v>56</v>
      </c>
      <c r="R34939">
        <v>57</v>
      </c>
      <c r="S34939">
        <v>57</v>
      </c>
      <c r="T34939">
        <v>58</v>
      </c>
      <c r="U34939">
        <v>59</v>
      </c>
      <c r="V34939">
        <v>59</v>
      </c>
      <c r="W34939">
        <v>60</v>
      </c>
      <c r="X34939">
        <v>60</v>
      </c>
      <c r="Y34939">
        <v>61</v>
      </c>
      <c r="Z34939">
        <v>61</v>
      </c>
      <c r="AA34939">
        <v>62</v>
      </c>
      <c r="AB34939">
        <v>62</v>
      </c>
      <c r="AC34939">
        <v>63</v>
      </c>
      <c r="AD34939">
        <v>64</v>
      </c>
      <c r="AE34939">
        <v>64</v>
      </c>
      <c r="AF34939">
        <v>65</v>
      </c>
      <c r="AG34939">
        <v>65</v>
      </c>
      <c r="AH34939">
        <v>66</v>
      </c>
      <c r="AI34939">
        <v>66</v>
      </c>
      <c r="AJ34939">
        <v>67</v>
      </c>
      <c r="AK34939">
        <v>68</v>
      </c>
      <c r="AL34939">
        <v>68</v>
      </c>
      <c r="AM34939">
        <v>69</v>
      </c>
      <c r="AN34939">
        <v>69</v>
      </c>
      <c r="AO34939">
        <v>70</v>
      </c>
      <c r="AP34939">
        <v>71</v>
      </c>
      <c r="AQ34939">
        <v>71</v>
      </c>
    </row>
    <row r="34940" spans="1:43">
      <c r="A34940" t="s">
        <v>21655</v>
      </c>
      <c r="B34940" t="s">
        <v>21656</v>
      </c>
      <c r="C34940" t="s">
        <v>21617</v>
      </c>
      <c r="D34940" t="s">
        <v>21618</v>
      </c>
      <c r="E34940" t="s">
        <v>21557</v>
      </c>
      <c r="F34940" t="s">
        <v>21558</v>
      </c>
      <c r="G34940" t="s">
        <v>20255</v>
      </c>
      <c r="H34940" t="s">
        <v>20256</v>
      </c>
      <c r="I34940" s="2">
        <v>1</v>
      </c>
      <c r="J34940" s="2">
        <v>0</v>
      </c>
      <c r="K34940" s="2">
        <v>0</v>
      </c>
      <c r="L34940" t="s">
        <v>120</v>
      </c>
      <c r="M34940" t="s">
        <v>89</v>
      </c>
      <c r="N34940" t="s">
        <v>90</v>
      </c>
      <c r="O34940" t="s">
        <v>85</v>
      </c>
      <c r="P34940" t="s">
        <v>86</v>
      </c>
      <c r="Q34940">
        <v>56</v>
      </c>
      <c r="R34940">
        <v>58</v>
      </c>
      <c r="S34940">
        <v>60</v>
      </c>
      <c r="T34940">
        <v>61</v>
      </c>
      <c r="U34940">
        <v>63</v>
      </c>
      <c r="V34940">
        <v>64</v>
      </c>
      <c r="W34940">
        <v>66</v>
      </c>
      <c r="X34940">
        <v>67</v>
      </c>
      <c r="Y34940">
        <v>68</v>
      </c>
      <c r="Z34940">
        <v>70</v>
      </c>
      <c r="AA34940">
        <v>71</v>
      </c>
      <c r="AB34940">
        <v>73</v>
      </c>
      <c r="AC34940">
        <v>74</v>
      </c>
      <c r="AD34940">
        <v>76</v>
      </c>
      <c r="AE34940">
        <v>77</v>
      </c>
      <c r="AF34940">
        <v>77</v>
      </c>
      <c r="AG34940">
        <v>77</v>
      </c>
      <c r="AH34940">
        <v>78</v>
      </c>
      <c r="AI34940">
        <v>78</v>
      </c>
      <c r="AJ34940">
        <v>79</v>
      </c>
      <c r="AK34940">
        <v>79</v>
      </c>
      <c r="AL34940">
        <v>80</v>
      </c>
      <c r="AM34940">
        <v>80</v>
      </c>
      <c r="AN34940">
        <v>81</v>
      </c>
      <c r="AO34940">
        <v>81</v>
      </c>
      <c r="AP34940">
        <v>82</v>
      </c>
      <c r="AQ34940">
        <v>82</v>
      </c>
    </row>
    <row r="34941" spans="1:43">
      <c r="A34941" t="s">
        <v>21655</v>
      </c>
      <c r="B34941" t="s">
        <v>21656</v>
      </c>
      <c r="C34941" t="s">
        <v>21617</v>
      </c>
      <c r="D34941" t="s">
        <v>21618</v>
      </c>
      <c r="E34941" t="s">
        <v>21557</v>
      </c>
      <c r="F34941" t="s">
        <v>21558</v>
      </c>
      <c r="G34941" t="s">
        <v>20255</v>
      </c>
      <c r="H34941" t="s">
        <v>20256</v>
      </c>
      <c r="I34941" s="2">
        <v>1</v>
      </c>
      <c r="J34941" s="2">
        <v>0</v>
      </c>
      <c r="K34941" s="2">
        <v>0</v>
      </c>
      <c r="L34941" t="s">
        <v>120</v>
      </c>
      <c r="M34941" t="s">
        <v>83</v>
      </c>
      <c r="N34941" t="s">
        <v>91</v>
      </c>
      <c r="O34941" t="s">
        <v>85</v>
      </c>
      <c r="P34941" t="s">
        <v>86</v>
      </c>
      <c r="Q34941">
        <v>56</v>
      </c>
      <c r="R34941">
        <v>57</v>
      </c>
      <c r="S34941">
        <v>58</v>
      </c>
      <c r="T34941">
        <v>59</v>
      </c>
      <c r="U34941">
        <v>60</v>
      </c>
      <c r="V34941">
        <v>61</v>
      </c>
      <c r="W34941">
        <v>62</v>
      </c>
      <c r="X34941">
        <v>64</v>
      </c>
      <c r="Y34941">
        <v>65</v>
      </c>
      <c r="Z34941">
        <v>66</v>
      </c>
      <c r="AA34941">
        <v>67</v>
      </c>
      <c r="AB34941">
        <v>68</v>
      </c>
      <c r="AC34941">
        <v>69</v>
      </c>
      <c r="AD34941">
        <v>70</v>
      </c>
      <c r="AE34941">
        <v>71</v>
      </c>
      <c r="AF34941">
        <v>72</v>
      </c>
      <c r="AG34941">
        <v>74</v>
      </c>
      <c r="AH34941">
        <v>75</v>
      </c>
      <c r="AI34941">
        <v>76</v>
      </c>
      <c r="AJ34941">
        <v>77</v>
      </c>
      <c r="AK34941">
        <v>78</v>
      </c>
      <c r="AL34941">
        <v>79</v>
      </c>
      <c r="AM34941">
        <v>79</v>
      </c>
      <c r="AN34941">
        <v>80</v>
      </c>
      <c r="AO34941">
        <v>80</v>
      </c>
      <c r="AP34941">
        <v>81</v>
      </c>
      <c r="AQ34941">
        <v>81</v>
      </c>
    </row>
    <row r="34942" spans="1:43">
      <c r="A34942" t="s">
        <v>21657</v>
      </c>
      <c r="B34942" t="s">
        <v>21658</v>
      </c>
      <c r="C34942" t="s">
        <v>21659</v>
      </c>
      <c r="D34942" t="s">
        <v>21660</v>
      </c>
      <c r="E34942" t="s">
        <v>21557</v>
      </c>
      <c r="F34942" t="s">
        <v>21558</v>
      </c>
      <c r="G34942" t="s">
        <v>20255</v>
      </c>
      <c r="H34942" t="s">
        <v>20256</v>
      </c>
      <c r="I34942" s="2">
        <v>1</v>
      </c>
      <c r="J34942" s="2">
        <v>0</v>
      </c>
      <c r="K34942" s="2">
        <v>0</v>
      </c>
      <c r="L34942" t="s">
        <v>120</v>
      </c>
      <c r="M34942" t="s">
        <v>83</v>
      </c>
      <c r="N34942" t="s">
        <v>84</v>
      </c>
      <c r="O34942" t="s">
        <v>85</v>
      </c>
      <c r="P34942" t="s">
        <v>86</v>
      </c>
      <c r="Q34942">
        <v>17</v>
      </c>
      <c r="R34942">
        <v>17</v>
      </c>
      <c r="S34942">
        <v>18</v>
      </c>
      <c r="T34942">
        <v>18</v>
      </c>
      <c r="U34942">
        <v>18</v>
      </c>
      <c r="V34942">
        <v>19</v>
      </c>
      <c r="W34942">
        <v>19</v>
      </c>
      <c r="X34942">
        <v>19</v>
      </c>
      <c r="Y34942">
        <v>20</v>
      </c>
      <c r="Z34942">
        <v>20</v>
      </c>
      <c r="AA34942">
        <v>20</v>
      </c>
      <c r="AB34942">
        <v>21</v>
      </c>
      <c r="AC34942">
        <v>21</v>
      </c>
      <c r="AD34942">
        <v>22</v>
      </c>
      <c r="AE34942">
        <v>22</v>
      </c>
      <c r="AF34942">
        <v>22</v>
      </c>
      <c r="AG34942">
        <v>23</v>
      </c>
      <c r="AH34942">
        <v>23</v>
      </c>
      <c r="AI34942">
        <v>23</v>
      </c>
      <c r="AJ34942">
        <v>24</v>
      </c>
      <c r="AK34942">
        <v>24</v>
      </c>
      <c r="AL34942">
        <v>24</v>
      </c>
      <c r="AM34942">
        <v>25</v>
      </c>
      <c r="AN34942">
        <v>25</v>
      </c>
      <c r="AO34942">
        <v>25</v>
      </c>
      <c r="AP34942">
        <v>25</v>
      </c>
      <c r="AQ34942">
        <v>25</v>
      </c>
    </row>
    <row r="34943" spans="1:43">
      <c r="A34943" t="s">
        <v>21657</v>
      </c>
      <c r="B34943" t="s">
        <v>21658</v>
      </c>
      <c r="C34943" t="s">
        <v>21659</v>
      </c>
      <c r="D34943" t="s">
        <v>21660</v>
      </c>
      <c r="E34943" t="s">
        <v>21557</v>
      </c>
      <c r="F34943" t="s">
        <v>21558</v>
      </c>
      <c r="G34943" t="s">
        <v>20255</v>
      </c>
      <c r="H34943" t="s">
        <v>20256</v>
      </c>
      <c r="I34943" s="2">
        <v>1</v>
      </c>
      <c r="J34943" s="2">
        <v>0</v>
      </c>
      <c r="K34943" s="2">
        <v>0</v>
      </c>
      <c r="L34943" t="s">
        <v>120</v>
      </c>
      <c r="M34943" t="s">
        <v>87</v>
      </c>
      <c r="N34943" t="s">
        <v>88</v>
      </c>
      <c r="O34943" t="s">
        <v>85</v>
      </c>
      <c r="P34943" t="s">
        <v>86</v>
      </c>
      <c r="Q34943">
        <v>17</v>
      </c>
      <c r="R34943">
        <v>17</v>
      </c>
      <c r="S34943">
        <v>17</v>
      </c>
      <c r="T34943">
        <v>17</v>
      </c>
      <c r="U34943">
        <v>18</v>
      </c>
      <c r="V34943">
        <v>18</v>
      </c>
      <c r="W34943">
        <v>18</v>
      </c>
      <c r="X34943">
        <v>18</v>
      </c>
      <c r="Y34943">
        <v>18</v>
      </c>
      <c r="Z34943">
        <v>18</v>
      </c>
      <c r="AA34943">
        <v>19</v>
      </c>
      <c r="AB34943">
        <v>19</v>
      </c>
      <c r="AC34943">
        <v>19</v>
      </c>
      <c r="AD34943">
        <v>19</v>
      </c>
      <c r="AE34943">
        <v>19</v>
      </c>
      <c r="AF34943">
        <v>20</v>
      </c>
      <c r="AG34943">
        <v>20</v>
      </c>
      <c r="AH34943">
        <v>20</v>
      </c>
      <c r="AI34943">
        <v>20</v>
      </c>
      <c r="AJ34943">
        <v>20</v>
      </c>
      <c r="AK34943">
        <v>21</v>
      </c>
      <c r="AL34943">
        <v>21</v>
      </c>
      <c r="AM34943">
        <v>21</v>
      </c>
      <c r="AN34943">
        <v>21</v>
      </c>
      <c r="AO34943">
        <v>22</v>
      </c>
      <c r="AP34943">
        <v>22</v>
      </c>
      <c r="AQ34943">
        <v>22</v>
      </c>
    </row>
    <row r="34944" spans="1:43">
      <c r="A34944" t="s">
        <v>21657</v>
      </c>
      <c r="B34944" t="s">
        <v>21658</v>
      </c>
      <c r="C34944" t="s">
        <v>21659</v>
      </c>
      <c r="D34944" t="s">
        <v>21660</v>
      </c>
      <c r="E34944" t="s">
        <v>21557</v>
      </c>
      <c r="F34944" t="s">
        <v>21558</v>
      </c>
      <c r="G34944" t="s">
        <v>20255</v>
      </c>
      <c r="H34944" t="s">
        <v>20256</v>
      </c>
      <c r="I34944" s="2">
        <v>1</v>
      </c>
      <c r="J34944" s="2">
        <v>0</v>
      </c>
      <c r="K34944" s="2">
        <v>0</v>
      </c>
      <c r="L34944" t="s">
        <v>120</v>
      </c>
      <c r="M34944" t="s">
        <v>89</v>
      </c>
      <c r="N34944" t="s">
        <v>90</v>
      </c>
      <c r="O34944" t="s">
        <v>85</v>
      </c>
      <c r="P34944" t="s">
        <v>86</v>
      </c>
      <c r="Q34944">
        <v>17</v>
      </c>
      <c r="R34944">
        <v>18</v>
      </c>
      <c r="S34944">
        <v>18</v>
      </c>
      <c r="T34944">
        <v>19</v>
      </c>
      <c r="U34944">
        <v>19</v>
      </c>
      <c r="V34944">
        <v>20</v>
      </c>
      <c r="W34944">
        <v>20</v>
      </c>
      <c r="X34944">
        <v>20</v>
      </c>
      <c r="Y34944">
        <v>21</v>
      </c>
      <c r="Z34944">
        <v>21</v>
      </c>
      <c r="AA34944">
        <v>22</v>
      </c>
      <c r="AB34944">
        <v>22</v>
      </c>
      <c r="AC34944">
        <v>23</v>
      </c>
      <c r="AD34944">
        <v>23</v>
      </c>
      <c r="AE34944">
        <v>23</v>
      </c>
      <c r="AF34944">
        <v>24</v>
      </c>
      <c r="AG34944">
        <v>24</v>
      </c>
      <c r="AH34944">
        <v>24</v>
      </c>
      <c r="AI34944">
        <v>24</v>
      </c>
      <c r="AJ34944">
        <v>24</v>
      </c>
      <c r="AK34944">
        <v>24</v>
      </c>
      <c r="AL34944">
        <v>25</v>
      </c>
      <c r="AM34944">
        <v>25</v>
      </c>
      <c r="AN34944">
        <v>25</v>
      </c>
      <c r="AO34944">
        <v>25</v>
      </c>
      <c r="AP34944">
        <v>25</v>
      </c>
      <c r="AQ34944">
        <v>26</v>
      </c>
    </row>
    <row r="34945" spans="1:43">
      <c r="A34945" t="s">
        <v>21657</v>
      </c>
      <c r="B34945" t="s">
        <v>21658</v>
      </c>
      <c r="C34945" t="s">
        <v>21659</v>
      </c>
      <c r="D34945" t="s">
        <v>21660</v>
      </c>
      <c r="E34945" t="s">
        <v>21557</v>
      </c>
      <c r="F34945" t="s">
        <v>21558</v>
      </c>
      <c r="G34945" t="s">
        <v>20255</v>
      </c>
      <c r="H34945" t="s">
        <v>20256</v>
      </c>
      <c r="I34945" s="2">
        <v>1</v>
      </c>
      <c r="J34945" s="2">
        <v>0</v>
      </c>
      <c r="K34945" s="2">
        <v>0</v>
      </c>
      <c r="L34945" t="s">
        <v>120</v>
      </c>
      <c r="M34945" t="s">
        <v>83</v>
      </c>
      <c r="N34945" t="s">
        <v>91</v>
      </c>
      <c r="O34945" t="s">
        <v>85</v>
      </c>
      <c r="P34945" t="s">
        <v>86</v>
      </c>
      <c r="Q34945">
        <v>17</v>
      </c>
      <c r="R34945">
        <v>17</v>
      </c>
      <c r="S34945">
        <v>18</v>
      </c>
      <c r="T34945">
        <v>18</v>
      </c>
      <c r="U34945">
        <v>18</v>
      </c>
      <c r="V34945">
        <v>19</v>
      </c>
      <c r="W34945">
        <v>19</v>
      </c>
      <c r="X34945">
        <v>19</v>
      </c>
      <c r="Y34945">
        <v>20</v>
      </c>
      <c r="Z34945">
        <v>20</v>
      </c>
      <c r="AA34945">
        <v>20</v>
      </c>
      <c r="AB34945">
        <v>21</v>
      </c>
      <c r="AC34945">
        <v>21</v>
      </c>
      <c r="AD34945">
        <v>22</v>
      </c>
      <c r="AE34945">
        <v>22</v>
      </c>
      <c r="AF34945">
        <v>22</v>
      </c>
      <c r="AG34945">
        <v>23</v>
      </c>
      <c r="AH34945">
        <v>23</v>
      </c>
      <c r="AI34945">
        <v>23</v>
      </c>
      <c r="AJ34945">
        <v>24</v>
      </c>
      <c r="AK34945">
        <v>24</v>
      </c>
      <c r="AL34945">
        <v>24</v>
      </c>
      <c r="AM34945">
        <v>25</v>
      </c>
      <c r="AN34945">
        <v>25</v>
      </c>
      <c r="AO34945">
        <v>25</v>
      </c>
      <c r="AP34945">
        <v>25</v>
      </c>
      <c r="AQ34945">
        <v>25</v>
      </c>
    </row>
    <row r="34946" spans="1:43">
      <c r="A34946" t="s">
        <v>21661</v>
      </c>
      <c r="B34946" t="s">
        <v>21662</v>
      </c>
      <c r="C34946" t="s">
        <v>21659</v>
      </c>
      <c r="D34946" t="s">
        <v>21660</v>
      </c>
      <c r="E34946" t="s">
        <v>21557</v>
      </c>
      <c r="F34946" t="s">
        <v>21558</v>
      </c>
      <c r="G34946" t="s">
        <v>20255</v>
      </c>
      <c r="H34946" t="s">
        <v>20256</v>
      </c>
      <c r="I34946" s="2">
        <v>1</v>
      </c>
      <c r="J34946" s="2">
        <v>0</v>
      </c>
      <c r="K34946" s="2">
        <v>0</v>
      </c>
      <c r="L34946" t="s">
        <v>120</v>
      </c>
      <c r="M34946" t="s">
        <v>83</v>
      </c>
      <c r="N34946" t="s">
        <v>84</v>
      </c>
      <c r="O34946" t="s">
        <v>85</v>
      </c>
      <c r="P34946" t="s">
        <v>86</v>
      </c>
      <c r="Q34946">
        <v>70</v>
      </c>
      <c r="R34946">
        <v>72</v>
      </c>
      <c r="S34946">
        <v>73</v>
      </c>
      <c r="T34946">
        <v>75</v>
      </c>
      <c r="U34946">
        <v>76</v>
      </c>
      <c r="V34946">
        <v>77</v>
      </c>
      <c r="W34946">
        <v>79</v>
      </c>
      <c r="X34946">
        <v>80</v>
      </c>
      <c r="Y34946">
        <v>82</v>
      </c>
      <c r="Z34946">
        <v>83</v>
      </c>
      <c r="AA34946">
        <v>85</v>
      </c>
      <c r="AB34946">
        <v>86</v>
      </c>
      <c r="AC34946">
        <v>87</v>
      </c>
      <c r="AD34946">
        <v>89</v>
      </c>
      <c r="AE34946">
        <v>90</v>
      </c>
      <c r="AF34946">
        <v>92</v>
      </c>
      <c r="AG34946">
        <v>93</v>
      </c>
      <c r="AH34946">
        <v>95</v>
      </c>
      <c r="AI34946">
        <v>96</v>
      </c>
      <c r="AJ34946">
        <v>98</v>
      </c>
      <c r="AK34946">
        <v>100</v>
      </c>
      <c r="AL34946">
        <v>101</v>
      </c>
      <c r="AM34946">
        <v>101</v>
      </c>
      <c r="AN34946">
        <v>102</v>
      </c>
      <c r="AO34946">
        <v>103</v>
      </c>
      <c r="AP34946">
        <v>103</v>
      </c>
      <c r="AQ34946">
        <v>104</v>
      </c>
    </row>
    <row r="34947" spans="1:43">
      <c r="A34947" t="s">
        <v>21661</v>
      </c>
      <c r="B34947" t="s">
        <v>21662</v>
      </c>
      <c r="C34947" t="s">
        <v>21659</v>
      </c>
      <c r="D34947" t="s">
        <v>21660</v>
      </c>
      <c r="E34947" t="s">
        <v>21557</v>
      </c>
      <c r="F34947" t="s">
        <v>21558</v>
      </c>
      <c r="G34947" t="s">
        <v>20255</v>
      </c>
      <c r="H34947" t="s">
        <v>20256</v>
      </c>
      <c r="I34947" s="2">
        <v>1</v>
      </c>
      <c r="J34947" s="2">
        <v>0</v>
      </c>
      <c r="K34947" s="2">
        <v>0</v>
      </c>
      <c r="L34947" t="s">
        <v>120</v>
      </c>
      <c r="M34947" t="s">
        <v>87</v>
      </c>
      <c r="N34947" t="s">
        <v>88</v>
      </c>
      <c r="O34947" t="s">
        <v>85</v>
      </c>
      <c r="P34947" t="s">
        <v>86</v>
      </c>
      <c r="Q34947">
        <v>70</v>
      </c>
      <c r="R34947">
        <v>70</v>
      </c>
      <c r="S34947">
        <v>71</v>
      </c>
      <c r="T34947">
        <v>72</v>
      </c>
      <c r="U34947">
        <v>73</v>
      </c>
      <c r="V34947">
        <v>73</v>
      </c>
      <c r="W34947">
        <v>74</v>
      </c>
      <c r="X34947">
        <v>75</v>
      </c>
      <c r="Y34947">
        <v>76</v>
      </c>
      <c r="Z34947">
        <v>76</v>
      </c>
      <c r="AA34947">
        <v>77</v>
      </c>
      <c r="AB34947">
        <v>78</v>
      </c>
      <c r="AC34947">
        <v>79</v>
      </c>
      <c r="AD34947">
        <v>80</v>
      </c>
      <c r="AE34947">
        <v>80</v>
      </c>
      <c r="AF34947">
        <v>81</v>
      </c>
      <c r="AG34947">
        <v>82</v>
      </c>
      <c r="AH34947">
        <v>83</v>
      </c>
      <c r="AI34947">
        <v>84</v>
      </c>
      <c r="AJ34947">
        <v>84</v>
      </c>
      <c r="AK34947">
        <v>85</v>
      </c>
      <c r="AL34947">
        <v>86</v>
      </c>
      <c r="AM34947">
        <v>87</v>
      </c>
      <c r="AN34947">
        <v>88</v>
      </c>
      <c r="AO34947">
        <v>89</v>
      </c>
      <c r="AP34947">
        <v>89</v>
      </c>
      <c r="AQ34947">
        <v>90</v>
      </c>
    </row>
    <row r="34948" spans="1:43">
      <c r="A34948" t="s">
        <v>21661</v>
      </c>
      <c r="B34948" t="s">
        <v>21662</v>
      </c>
      <c r="C34948" t="s">
        <v>21659</v>
      </c>
      <c r="D34948" t="s">
        <v>21660</v>
      </c>
      <c r="E34948" t="s">
        <v>21557</v>
      </c>
      <c r="F34948" t="s">
        <v>21558</v>
      </c>
      <c r="G34948" t="s">
        <v>20255</v>
      </c>
      <c r="H34948" t="s">
        <v>20256</v>
      </c>
      <c r="I34948" s="2">
        <v>1</v>
      </c>
      <c r="J34948" s="2">
        <v>0</v>
      </c>
      <c r="K34948" s="2">
        <v>0</v>
      </c>
      <c r="L34948" t="s">
        <v>120</v>
      </c>
      <c r="M34948" t="s">
        <v>89</v>
      </c>
      <c r="N34948" t="s">
        <v>90</v>
      </c>
      <c r="O34948" t="s">
        <v>85</v>
      </c>
      <c r="P34948" t="s">
        <v>86</v>
      </c>
      <c r="Q34948">
        <v>70</v>
      </c>
      <c r="R34948">
        <v>72</v>
      </c>
      <c r="S34948">
        <v>74</v>
      </c>
      <c r="T34948">
        <v>76</v>
      </c>
      <c r="U34948">
        <v>78</v>
      </c>
      <c r="V34948">
        <v>80</v>
      </c>
      <c r="W34948">
        <v>82</v>
      </c>
      <c r="X34948">
        <v>84</v>
      </c>
      <c r="Y34948">
        <v>85</v>
      </c>
      <c r="Z34948">
        <v>87</v>
      </c>
      <c r="AA34948">
        <v>89</v>
      </c>
      <c r="AB34948">
        <v>91</v>
      </c>
      <c r="AC34948">
        <v>93</v>
      </c>
      <c r="AD34948">
        <v>95</v>
      </c>
      <c r="AE34948">
        <v>96</v>
      </c>
      <c r="AF34948">
        <v>97</v>
      </c>
      <c r="AG34948">
        <v>97</v>
      </c>
      <c r="AH34948">
        <v>98</v>
      </c>
      <c r="AI34948">
        <v>99</v>
      </c>
      <c r="AJ34948">
        <v>100</v>
      </c>
      <c r="AK34948">
        <v>100</v>
      </c>
      <c r="AL34948">
        <v>101</v>
      </c>
      <c r="AM34948">
        <v>102</v>
      </c>
      <c r="AN34948">
        <v>102</v>
      </c>
      <c r="AO34948">
        <v>103</v>
      </c>
      <c r="AP34948">
        <v>104</v>
      </c>
      <c r="AQ34948">
        <v>105</v>
      </c>
    </row>
    <row r="34949" spans="1:43">
      <c r="A34949" t="s">
        <v>21661</v>
      </c>
      <c r="B34949" t="s">
        <v>21662</v>
      </c>
      <c r="C34949" t="s">
        <v>21659</v>
      </c>
      <c r="D34949" t="s">
        <v>21660</v>
      </c>
      <c r="E34949" t="s">
        <v>21557</v>
      </c>
      <c r="F34949" t="s">
        <v>21558</v>
      </c>
      <c r="G34949" t="s">
        <v>20255</v>
      </c>
      <c r="H34949" t="s">
        <v>20256</v>
      </c>
      <c r="I34949" s="2">
        <v>1</v>
      </c>
      <c r="J34949" s="2">
        <v>0</v>
      </c>
      <c r="K34949" s="2">
        <v>0</v>
      </c>
      <c r="L34949" t="s">
        <v>120</v>
      </c>
      <c r="M34949" t="s">
        <v>83</v>
      </c>
      <c r="N34949" t="s">
        <v>91</v>
      </c>
      <c r="O34949" t="s">
        <v>85</v>
      </c>
      <c r="P34949" t="s">
        <v>86</v>
      </c>
      <c r="Q34949">
        <v>70</v>
      </c>
      <c r="R34949">
        <v>72</v>
      </c>
      <c r="S34949">
        <v>73</v>
      </c>
      <c r="T34949">
        <v>75</v>
      </c>
      <c r="U34949">
        <v>76</v>
      </c>
      <c r="V34949">
        <v>77</v>
      </c>
      <c r="W34949">
        <v>79</v>
      </c>
      <c r="X34949">
        <v>80</v>
      </c>
      <c r="Y34949">
        <v>82</v>
      </c>
      <c r="Z34949">
        <v>83</v>
      </c>
      <c r="AA34949">
        <v>85</v>
      </c>
      <c r="AB34949">
        <v>86</v>
      </c>
      <c r="AC34949">
        <v>87</v>
      </c>
      <c r="AD34949">
        <v>89</v>
      </c>
      <c r="AE34949">
        <v>90</v>
      </c>
      <c r="AF34949">
        <v>92</v>
      </c>
      <c r="AG34949">
        <v>93</v>
      </c>
      <c r="AH34949">
        <v>95</v>
      </c>
      <c r="AI34949">
        <v>96</v>
      </c>
      <c r="AJ34949">
        <v>98</v>
      </c>
      <c r="AK34949">
        <v>100</v>
      </c>
      <c r="AL34949">
        <v>101</v>
      </c>
      <c r="AM34949">
        <v>101</v>
      </c>
      <c r="AN34949">
        <v>102</v>
      </c>
      <c r="AO34949">
        <v>103</v>
      </c>
      <c r="AP34949">
        <v>103</v>
      </c>
      <c r="AQ34949">
        <v>104</v>
      </c>
    </row>
    <row r="34950" spans="1:43">
      <c r="A34950" t="s">
        <v>21663</v>
      </c>
      <c r="B34950" t="s">
        <v>21664</v>
      </c>
      <c r="C34950" t="s">
        <v>21659</v>
      </c>
      <c r="D34950" t="s">
        <v>21660</v>
      </c>
      <c r="E34950" t="s">
        <v>21557</v>
      </c>
      <c r="F34950" t="s">
        <v>21558</v>
      </c>
      <c r="G34950" t="s">
        <v>20255</v>
      </c>
      <c r="H34950" t="s">
        <v>20256</v>
      </c>
      <c r="I34950" s="2">
        <v>1</v>
      </c>
      <c r="J34950" s="2">
        <v>0</v>
      </c>
      <c r="K34950" s="2">
        <v>0</v>
      </c>
      <c r="L34950" t="s">
        <v>120</v>
      </c>
      <c r="M34950" t="s">
        <v>83</v>
      </c>
      <c r="N34950" t="s">
        <v>84</v>
      </c>
      <c r="O34950" t="s">
        <v>85</v>
      </c>
      <c r="P34950" t="s">
        <v>86</v>
      </c>
      <c r="Q34950">
        <v>5</v>
      </c>
      <c r="R34950">
        <v>5</v>
      </c>
      <c r="S34950">
        <v>5</v>
      </c>
      <c r="T34950">
        <v>5</v>
      </c>
      <c r="U34950">
        <v>5</v>
      </c>
      <c r="V34950">
        <v>5</v>
      </c>
      <c r="W34950">
        <v>5</v>
      </c>
      <c r="X34950">
        <v>5</v>
      </c>
      <c r="Y34950">
        <v>6</v>
      </c>
      <c r="Z34950">
        <v>6</v>
      </c>
      <c r="AA34950">
        <v>6</v>
      </c>
      <c r="AB34950">
        <v>6</v>
      </c>
      <c r="AC34950">
        <v>6</v>
      </c>
      <c r="AD34950">
        <v>6</v>
      </c>
      <c r="AE34950">
        <v>6</v>
      </c>
      <c r="AF34950">
        <v>6</v>
      </c>
      <c r="AG34950">
        <v>6</v>
      </c>
      <c r="AH34950">
        <v>6</v>
      </c>
      <c r="AI34950">
        <v>7</v>
      </c>
      <c r="AJ34950">
        <v>7</v>
      </c>
      <c r="AK34950">
        <v>7</v>
      </c>
      <c r="AL34950">
        <v>7</v>
      </c>
      <c r="AM34950">
        <v>7</v>
      </c>
      <c r="AN34950">
        <v>7</v>
      </c>
      <c r="AO34950">
        <v>7</v>
      </c>
      <c r="AP34950">
        <v>7</v>
      </c>
      <c r="AQ34950">
        <v>7</v>
      </c>
    </row>
    <row r="34951" spans="1:43">
      <c r="A34951" t="s">
        <v>21663</v>
      </c>
      <c r="B34951" t="s">
        <v>21664</v>
      </c>
      <c r="C34951" t="s">
        <v>21659</v>
      </c>
      <c r="D34951" t="s">
        <v>21660</v>
      </c>
      <c r="E34951" t="s">
        <v>21557</v>
      </c>
      <c r="F34951" t="s">
        <v>21558</v>
      </c>
      <c r="G34951" t="s">
        <v>20255</v>
      </c>
      <c r="H34951" t="s">
        <v>20256</v>
      </c>
      <c r="I34951" s="2">
        <v>1</v>
      </c>
      <c r="J34951" s="2">
        <v>0</v>
      </c>
      <c r="K34951" s="2">
        <v>0</v>
      </c>
      <c r="L34951" t="s">
        <v>120</v>
      </c>
      <c r="M34951" t="s">
        <v>87</v>
      </c>
      <c r="N34951" t="s">
        <v>88</v>
      </c>
      <c r="O34951" t="s">
        <v>85</v>
      </c>
      <c r="P34951" t="s">
        <v>86</v>
      </c>
      <c r="Q34951">
        <v>5</v>
      </c>
      <c r="R34951">
        <v>5</v>
      </c>
      <c r="S34951">
        <v>5</v>
      </c>
      <c r="T34951">
        <v>5</v>
      </c>
      <c r="U34951">
        <v>5</v>
      </c>
      <c r="V34951">
        <v>5</v>
      </c>
      <c r="W34951">
        <v>5</v>
      </c>
      <c r="X34951">
        <v>5</v>
      </c>
      <c r="Y34951">
        <v>5</v>
      </c>
      <c r="Z34951">
        <v>5</v>
      </c>
      <c r="AA34951">
        <v>5</v>
      </c>
      <c r="AB34951">
        <v>5</v>
      </c>
      <c r="AC34951">
        <v>5</v>
      </c>
      <c r="AD34951">
        <v>5</v>
      </c>
      <c r="AE34951">
        <v>5</v>
      </c>
      <c r="AF34951">
        <v>6</v>
      </c>
      <c r="AG34951">
        <v>6</v>
      </c>
      <c r="AH34951">
        <v>6</v>
      </c>
      <c r="AI34951">
        <v>6</v>
      </c>
      <c r="AJ34951">
        <v>6</v>
      </c>
      <c r="AK34951">
        <v>6</v>
      </c>
      <c r="AL34951">
        <v>6</v>
      </c>
      <c r="AM34951">
        <v>6</v>
      </c>
      <c r="AN34951">
        <v>6</v>
      </c>
      <c r="AO34951">
        <v>6</v>
      </c>
      <c r="AP34951">
        <v>6</v>
      </c>
      <c r="AQ34951">
        <v>6</v>
      </c>
    </row>
    <row r="34952" spans="1:43">
      <c r="A34952" t="s">
        <v>21663</v>
      </c>
      <c r="B34952" t="s">
        <v>21664</v>
      </c>
      <c r="C34952" t="s">
        <v>21659</v>
      </c>
      <c r="D34952" t="s">
        <v>21660</v>
      </c>
      <c r="E34952" t="s">
        <v>21557</v>
      </c>
      <c r="F34952" t="s">
        <v>21558</v>
      </c>
      <c r="G34952" t="s">
        <v>20255</v>
      </c>
      <c r="H34952" t="s">
        <v>20256</v>
      </c>
      <c r="I34952" s="2">
        <v>1</v>
      </c>
      <c r="J34952" s="2">
        <v>0</v>
      </c>
      <c r="K34952" s="2">
        <v>0</v>
      </c>
      <c r="L34952" t="s">
        <v>120</v>
      </c>
      <c r="M34952" t="s">
        <v>89</v>
      </c>
      <c r="N34952" t="s">
        <v>90</v>
      </c>
      <c r="O34952" t="s">
        <v>85</v>
      </c>
      <c r="P34952" t="s">
        <v>86</v>
      </c>
      <c r="Q34952">
        <v>5</v>
      </c>
      <c r="R34952">
        <v>5</v>
      </c>
      <c r="S34952">
        <v>5</v>
      </c>
      <c r="T34952">
        <v>5</v>
      </c>
      <c r="U34952">
        <v>5</v>
      </c>
      <c r="V34952">
        <v>5</v>
      </c>
      <c r="W34952">
        <v>6</v>
      </c>
      <c r="X34952">
        <v>6</v>
      </c>
      <c r="Y34952">
        <v>6</v>
      </c>
      <c r="Z34952">
        <v>6</v>
      </c>
      <c r="AA34952">
        <v>6</v>
      </c>
      <c r="AB34952">
        <v>6</v>
      </c>
      <c r="AC34952">
        <v>6</v>
      </c>
      <c r="AD34952">
        <v>6</v>
      </c>
      <c r="AE34952">
        <v>7</v>
      </c>
      <c r="AF34952">
        <v>7</v>
      </c>
      <c r="AG34952">
        <v>7</v>
      </c>
      <c r="AH34952">
        <v>7</v>
      </c>
      <c r="AI34952">
        <v>7</v>
      </c>
      <c r="AJ34952">
        <v>7</v>
      </c>
      <c r="AK34952">
        <v>7</v>
      </c>
      <c r="AL34952">
        <v>7</v>
      </c>
      <c r="AM34952">
        <v>7</v>
      </c>
      <c r="AN34952">
        <v>7</v>
      </c>
      <c r="AO34952">
        <v>7</v>
      </c>
      <c r="AP34952">
        <v>7</v>
      </c>
      <c r="AQ34952">
        <v>7</v>
      </c>
    </row>
    <row r="34953" spans="1:43">
      <c r="A34953" t="s">
        <v>21663</v>
      </c>
      <c r="B34953" t="s">
        <v>21664</v>
      </c>
      <c r="C34953" t="s">
        <v>21659</v>
      </c>
      <c r="D34953" t="s">
        <v>21660</v>
      </c>
      <c r="E34953" t="s">
        <v>21557</v>
      </c>
      <c r="F34953" t="s">
        <v>21558</v>
      </c>
      <c r="G34953" t="s">
        <v>20255</v>
      </c>
      <c r="H34953" t="s">
        <v>20256</v>
      </c>
      <c r="I34953" s="2">
        <v>1</v>
      </c>
      <c r="J34953" s="2">
        <v>0</v>
      </c>
      <c r="K34953" s="2">
        <v>0</v>
      </c>
      <c r="L34953" t="s">
        <v>120</v>
      </c>
      <c r="M34953" t="s">
        <v>83</v>
      </c>
      <c r="N34953" t="s">
        <v>91</v>
      </c>
      <c r="O34953" t="s">
        <v>85</v>
      </c>
      <c r="P34953" t="s">
        <v>86</v>
      </c>
      <c r="Q34953">
        <v>5</v>
      </c>
      <c r="R34953">
        <v>5</v>
      </c>
      <c r="S34953">
        <v>5</v>
      </c>
      <c r="T34953">
        <v>5</v>
      </c>
      <c r="U34953">
        <v>5</v>
      </c>
      <c r="V34953">
        <v>5</v>
      </c>
      <c r="W34953">
        <v>5</v>
      </c>
      <c r="X34953">
        <v>5</v>
      </c>
      <c r="Y34953">
        <v>6</v>
      </c>
      <c r="Z34953">
        <v>6</v>
      </c>
      <c r="AA34953">
        <v>6</v>
      </c>
      <c r="AB34953">
        <v>6</v>
      </c>
      <c r="AC34953">
        <v>6</v>
      </c>
      <c r="AD34953">
        <v>6</v>
      </c>
      <c r="AE34953">
        <v>6</v>
      </c>
      <c r="AF34953">
        <v>6</v>
      </c>
      <c r="AG34953">
        <v>6</v>
      </c>
      <c r="AH34953">
        <v>6</v>
      </c>
      <c r="AI34953">
        <v>7</v>
      </c>
      <c r="AJ34953">
        <v>7</v>
      </c>
      <c r="AK34953">
        <v>7</v>
      </c>
      <c r="AL34953">
        <v>7</v>
      </c>
      <c r="AM34953">
        <v>7</v>
      </c>
      <c r="AN34953">
        <v>7</v>
      </c>
      <c r="AO34953">
        <v>7</v>
      </c>
      <c r="AP34953">
        <v>7</v>
      </c>
      <c r="AQ34953">
        <v>7</v>
      </c>
    </row>
    <row r="34954" spans="1:43">
      <c r="A34954" t="s">
        <v>21665</v>
      </c>
      <c r="B34954" t="s">
        <v>21666</v>
      </c>
      <c r="C34954" t="s">
        <v>21659</v>
      </c>
      <c r="D34954" t="s">
        <v>21660</v>
      </c>
      <c r="E34954" t="s">
        <v>21557</v>
      </c>
      <c r="F34954" t="s">
        <v>21558</v>
      </c>
      <c r="G34954" t="s">
        <v>20255</v>
      </c>
      <c r="H34954" t="s">
        <v>20256</v>
      </c>
      <c r="I34954" s="2">
        <v>1</v>
      </c>
      <c r="J34954" s="2">
        <v>0</v>
      </c>
      <c r="K34954" s="2">
        <v>0</v>
      </c>
      <c r="L34954" t="s">
        <v>120</v>
      </c>
      <c r="M34954" t="s">
        <v>83</v>
      </c>
      <c r="N34954" t="s">
        <v>84</v>
      </c>
      <c r="O34954" t="s">
        <v>85</v>
      </c>
      <c r="P34954" t="s">
        <v>86</v>
      </c>
      <c r="Q34954">
        <v>8</v>
      </c>
      <c r="R34954">
        <v>8</v>
      </c>
      <c r="S34954">
        <v>8</v>
      </c>
      <c r="T34954">
        <v>8</v>
      </c>
      <c r="U34954">
        <v>8</v>
      </c>
      <c r="V34954">
        <v>8</v>
      </c>
      <c r="W34954">
        <v>9</v>
      </c>
      <c r="X34954">
        <v>9</v>
      </c>
      <c r="Y34954">
        <v>9</v>
      </c>
      <c r="Z34954">
        <v>9</v>
      </c>
      <c r="AA34954">
        <v>9</v>
      </c>
      <c r="AB34954">
        <v>9</v>
      </c>
      <c r="AC34954">
        <v>9</v>
      </c>
      <c r="AD34954">
        <v>10</v>
      </c>
      <c r="AE34954">
        <v>10</v>
      </c>
      <c r="AF34954">
        <v>10</v>
      </c>
      <c r="AG34954">
        <v>10</v>
      </c>
      <c r="AH34954">
        <v>10</v>
      </c>
      <c r="AI34954">
        <v>10</v>
      </c>
      <c r="AJ34954">
        <v>11</v>
      </c>
      <c r="AK34954">
        <v>11</v>
      </c>
      <c r="AL34954">
        <v>11</v>
      </c>
      <c r="AM34954">
        <v>11</v>
      </c>
      <c r="AN34954">
        <v>11</v>
      </c>
      <c r="AO34954">
        <v>11</v>
      </c>
      <c r="AP34954">
        <v>11</v>
      </c>
      <c r="AQ34954">
        <v>11</v>
      </c>
    </row>
    <row r="34955" spans="1:43">
      <c r="A34955" t="s">
        <v>21665</v>
      </c>
      <c r="B34955" t="s">
        <v>21666</v>
      </c>
      <c r="C34955" t="s">
        <v>21659</v>
      </c>
      <c r="D34955" t="s">
        <v>21660</v>
      </c>
      <c r="E34955" t="s">
        <v>21557</v>
      </c>
      <c r="F34955" t="s">
        <v>21558</v>
      </c>
      <c r="G34955" t="s">
        <v>20255</v>
      </c>
      <c r="H34955" t="s">
        <v>20256</v>
      </c>
      <c r="I34955" s="2">
        <v>1</v>
      </c>
      <c r="J34955" s="2">
        <v>0</v>
      </c>
      <c r="K34955" s="2">
        <v>0</v>
      </c>
      <c r="L34955" t="s">
        <v>120</v>
      </c>
      <c r="M34955" t="s">
        <v>87</v>
      </c>
      <c r="N34955" t="s">
        <v>88</v>
      </c>
      <c r="O34955" t="s">
        <v>85</v>
      </c>
      <c r="P34955" t="s">
        <v>86</v>
      </c>
      <c r="Q34955">
        <v>8</v>
      </c>
      <c r="R34955">
        <v>9</v>
      </c>
      <c r="S34955">
        <v>9</v>
      </c>
      <c r="T34955">
        <v>9</v>
      </c>
      <c r="U34955">
        <v>9</v>
      </c>
      <c r="V34955">
        <v>9</v>
      </c>
      <c r="W34955">
        <v>9</v>
      </c>
      <c r="X34955">
        <v>9</v>
      </c>
      <c r="Y34955">
        <v>9</v>
      </c>
      <c r="Z34955">
        <v>9</v>
      </c>
      <c r="AA34955">
        <v>9</v>
      </c>
      <c r="AB34955">
        <v>9</v>
      </c>
      <c r="AC34955">
        <v>10</v>
      </c>
      <c r="AD34955">
        <v>10</v>
      </c>
      <c r="AE34955">
        <v>10</v>
      </c>
      <c r="AF34955">
        <v>10</v>
      </c>
      <c r="AG34955">
        <v>10</v>
      </c>
      <c r="AH34955">
        <v>10</v>
      </c>
      <c r="AI34955">
        <v>10</v>
      </c>
      <c r="AJ34955">
        <v>10</v>
      </c>
      <c r="AK34955">
        <v>10</v>
      </c>
      <c r="AL34955">
        <v>10</v>
      </c>
      <c r="AM34955">
        <v>10</v>
      </c>
      <c r="AN34955">
        <v>11</v>
      </c>
      <c r="AO34955">
        <v>11</v>
      </c>
      <c r="AP34955">
        <v>11</v>
      </c>
      <c r="AQ34955">
        <v>11</v>
      </c>
    </row>
    <row r="34956" spans="1:43">
      <c r="A34956" t="s">
        <v>21665</v>
      </c>
      <c r="B34956" t="s">
        <v>21666</v>
      </c>
      <c r="C34956" t="s">
        <v>21659</v>
      </c>
      <c r="D34956" t="s">
        <v>21660</v>
      </c>
      <c r="E34956" t="s">
        <v>21557</v>
      </c>
      <c r="F34956" t="s">
        <v>21558</v>
      </c>
      <c r="G34956" t="s">
        <v>20255</v>
      </c>
      <c r="H34956" t="s">
        <v>20256</v>
      </c>
      <c r="I34956" s="2">
        <v>1</v>
      </c>
      <c r="J34956" s="2">
        <v>0</v>
      </c>
      <c r="K34956" s="2">
        <v>0</v>
      </c>
      <c r="L34956" t="s">
        <v>120</v>
      </c>
      <c r="M34956" t="s">
        <v>89</v>
      </c>
      <c r="N34956" t="s">
        <v>90</v>
      </c>
      <c r="O34956" t="s">
        <v>85</v>
      </c>
      <c r="P34956" t="s">
        <v>86</v>
      </c>
      <c r="Q34956">
        <v>8</v>
      </c>
      <c r="R34956">
        <v>8</v>
      </c>
      <c r="S34956">
        <v>8</v>
      </c>
      <c r="T34956">
        <v>8</v>
      </c>
      <c r="U34956">
        <v>8</v>
      </c>
      <c r="V34956">
        <v>9</v>
      </c>
      <c r="W34956">
        <v>9</v>
      </c>
      <c r="X34956">
        <v>9</v>
      </c>
      <c r="Y34956">
        <v>9</v>
      </c>
      <c r="Z34956">
        <v>9</v>
      </c>
      <c r="AA34956">
        <v>10</v>
      </c>
      <c r="AB34956">
        <v>10</v>
      </c>
      <c r="AC34956">
        <v>10</v>
      </c>
      <c r="AD34956">
        <v>10</v>
      </c>
      <c r="AE34956">
        <v>10</v>
      </c>
      <c r="AF34956">
        <v>11</v>
      </c>
      <c r="AG34956">
        <v>11</v>
      </c>
      <c r="AH34956">
        <v>11</v>
      </c>
      <c r="AI34956">
        <v>11</v>
      </c>
      <c r="AJ34956">
        <v>11</v>
      </c>
      <c r="AK34956">
        <v>11</v>
      </c>
      <c r="AL34956">
        <v>11</v>
      </c>
      <c r="AM34956">
        <v>11</v>
      </c>
      <c r="AN34956">
        <v>11</v>
      </c>
      <c r="AO34956">
        <v>11</v>
      </c>
      <c r="AP34956">
        <v>11</v>
      </c>
      <c r="AQ34956">
        <v>11</v>
      </c>
    </row>
    <row r="34957" spans="1:43">
      <c r="A34957" t="s">
        <v>21665</v>
      </c>
      <c r="B34957" t="s">
        <v>21666</v>
      </c>
      <c r="C34957" t="s">
        <v>21659</v>
      </c>
      <c r="D34957" t="s">
        <v>21660</v>
      </c>
      <c r="E34957" t="s">
        <v>21557</v>
      </c>
      <c r="F34957" t="s">
        <v>21558</v>
      </c>
      <c r="G34957" t="s">
        <v>20255</v>
      </c>
      <c r="H34957" t="s">
        <v>20256</v>
      </c>
      <c r="I34957" s="2">
        <v>1</v>
      </c>
      <c r="J34957" s="2">
        <v>0</v>
      </c>
      <c r="K34957" s="2">
        <v>0</v>
      </c>
      <c r="L34957" t="s">
        <v>120</v>
      </c>
      <c r="M34957" t="s">
        <v>83</v>
      </c>
      <c r="N34957" t="s">
        <v>91</v>
      </c>
      <c r="O34957" t="s">
        <v>85</v>
      </c>
      <c r="P34957" t="s">
        <v>86</v>
      </c>
      <c r="Q34957">
        <v>8</v>
      </c>
      <c r="R34957">
        <v>8</v>
      </c>
      <c r="S34957">
        <v>8</v>
      </c>
      <c r="T34957">
        <v>8</v>
      </c>
      <c r="U34957">
        <v>8</v>
      </c>
      <c r="V34957">
        <v>8</v>
      </c>
      <c r="W34957">
        <v>9</v>
      </c>
      <c r="X34957">
        <v>9</v>
      </c>
      <c r="Y34957">
        <v>9</v>
      </c>
      <c r="Z34957">
        <v>9</v>
      </c>
      <c r="AA34957">
        <v>9</v>
      </c>
      <c r="AB34957">
        <v>9</v>
      </c>
      <c r="AC34957">
        <v>9</v>
      </c>
      <c r="AD34957">
        <v>10</v>
      </c>
      <c r="AE34957">
        <v>10</v>
      </c>
      <c r="AF34957">
        <v>10</v>
      </c>
      <c r="AG34957">
        <v>10</v>
      </c>
      <c r="AH34957">
        <v>10</v>
      </c>
      <c r="AI34957">
        <v>10</v>
      </c>
      <c r="AJ34957">
        <v>11</v>
      </c>
      <c r="AK34957">
        <v>11</v>
      </c>
      <c r="AL34957">
        <v>11</v>
      </c>
      <c r="AM34957">
        <v>11</v>
      </c>
      <c r="AN34957">
        <v>11</v>
      </c>
      <c r="AO34957">
        <v>11</v>
      </c>
      <c r="AP34957">
        <v>11</v>
      </c>
      <c r="AQ34957">
        <v>11</v>
      </c>
    </row>
    <row r="34958" spans="1:43">
      <c r="A34958" t="s">
        <v>21667</v>
      </c>
      <c r="B34958" t="s">
        <v>21668</v>
      </c>
      <c r="C34958" t="s">
        <v>21659</v>
      </c>
      <c r="D34958" t="s">
        <v>21660</v>
      </c>
      <c r="E34958" t="s">
        <v>21557</v>
      </c>
      <c r="F34958" t="s">
        <v>21558</v>
      </c>
      <c r="G34958" t="s">
        <v>20255</v>
      </c>
      <c r="H34958" t="s">
        <v>20256</v>
      </c>
      <c r="I34958" s="2">
        <v>1</v>
      </c>
      <c r="J34958" s="2">
        <v>0</v>
      </c>
      <c r="K34958" s="2">
        <v>0</v>
      </c>
      <c r="L34958" t="s">
        <v>120</v>
      </c>
      <c r="M34958" t="s">
        <v>83</v>
      </c>
      <c r="N34958" t="s">
        <v>84</v>
      </c>
      <c r="O34958" t="s">
        <v>85</v>
      </c>
      <c r="P34958" t="s">
        <v>86</v>
      </c>
      <c r="Q34958">
        <v>24</v>
      </c>
      <c r="R34958">
        <v>24</v>
      </c>
      <c r="S34958">
        <v>25</v>
      </c>
      <c r="T34958">
        <v>25</v>
      </c>
      <c r="U34958">
        <v>26</v>
      </c>
      <c r="V34958">
        <v>26</v>
      </c>
      <c r="W34958">
        <v>27</v>
      </c>
      <c r="X34958">
        <v>27</v>
      </c>
      <c r="Y34958">
        <v>28</v>
      </c>
      <c r="Z34958">
        <v>28</v>
      </c>
      <c r="AA34958">
        <v>29</v>
      </c>
      <c r="AB34958">
        <v>29</v>
      </c>
      <c r="AC34958">
        <v>30</v>
      </c>
      <c r="AD34958">
        <v>30</v>
      </c>
      <c r="AE34958">
        <v>31</v>
      </c>
      <c r="AF34958">
        <v>31</v>
      </c>
      <c r="AG34958">
        <v>32</v>
      </c>
      <c r="AH34958">
        <v>32</v>
      </c>
      <c r="AI34958">
        <v>33</v>
      </c>
      <c r="AJ34958">
        <v>33</v>
      </c>
      <c r="AK34958">
        <v>34</v>
      </c>
      <c r="AL34958">
        <v>34</v>
      </c>
      <c r="AM34958">
        <v>34</v>
      </c>
      <c r="AN34958">
        <v>35</v>
      </c>
      <c r="AO34958">
        <v>35</v>
      </c>
      <c r="AP34958">
        <v>35</v>
      </c>
      <c r="AQ34958">
        <v>36</v>
      </c>
    </row>
    <row r="34959" spans="1:43">
      <c r="A34959" t="s">
        <v>21667</v>
      </c>
      <c r="B34959" t="s">
        <v>21668</v>
      </c>
      <c r="C34959" t="s">
        <v>21659</v>
      </c>
      <c r="D34959" t="s">
        <v>21660</v>
      </c>
      <c r="E34959" t="s">
        <v>21557</v>
      </c>
      <c r="F34959" t="s">
        <v>21558</v>
      </c>
      <c r="G34959" t="s">
        <v>20255</v>
      </c>
      <c r="H34959" t="s">
        <v>20256</v>
      </c>
      <c r="I34959" s="2">
        <v>1</v>
      </c>
      <c r="J34959" s="2">
        <v>0</v>
      </c>
      <c r="K34959" s="2">
        <v>0</v>
      </c>
      <c r="L34959" t="s">
        <v>120</v>
      </c>
      <c r="M34959" t="s">
        <v>87</v>
      </c>
      <c r="N34959" t="s">
        <v>88</v>
      </c>
      <c r="O34959" t="s">
        <v>85</v>
      </c>
      <c r="P34959" t="s">
        <v>86</v>
      </c>
      <c r="Q34959">
        <v>24</v>
      </c>
      <c r="R34959">
        <v>25</v>
      </c>
      <c r="S34959">
        <v>25</v>
      </c>
      <c r="T34959">
        <v>25</v>
      </c>
      <c r="U34959">
        <v>26</v>
      </c>
      <c r="V34959">
        <v>26</v>
      </c>
      <c r="W34959">
        <v>26</v>
      </c>
      <c r="X34959">
        <v>26</v>
      </c>
      <c r="Y34959">
        <v>27</v>
      </c>
      <c r="Z34959">
        <v>27</v>
      </c>
      <c r="AA34959">
        <v>27</v>
      </c>
      <c r="AB34959">
        <v>28</v>
      </c>
      <c r="AC34959">
        <v>28</v>
      </c>
      <c r="AD34959">
        <v>28</v>
      </c>
      <c r="AE34959">
        <v>28</v>
      </c>
      <c r="AF34959">
        <v>29</v>
      </c>
      <c r="AG34959">
        <v>29</v>
      </c>
      <c r="AH34959">
        <v>29</v>
      </c>
      <c r="AI34959">
        <v>30</v>
      </c>
      <c r="AJ34959">
        <v>30</v>
      </c>
      <c r="AK34959">
        <v>30</v>
      </c>
      <c r="AL34959">
        <v>30</v>
      </c>
      <c r="AM34959">
        <v>31</v>
      </c>
      <c r="AN34959">
        <v>31</v>
      </c>
      <c r="AO34959">
        <v>31</v>
      </c>
      <c r="AP34959">
        <v>32</v>
      </c>
      <c r="AQ34959">
        <v>32</v>
      </c>
    </row>
    <row r="34960" spans="1:43">
      <c r="A34960" t="s">
        <v>21667</v>
      </c>
      <c r="B34960" t="s">
        <v>21668</v>
      </c>
      <c r="C34960" t="s">
        <v>21659</v>
      </c>
      <c r="D34960" t="s">
        <v>21660</v>
      </c>
      <c r="E34960" t="s">
        <v>21557</v>
      </c>
      <c r="F34960" t="s">
        <v>21558</v>
      </c>
      <c r="G34960" t="s">
        <v>20255</v>
      </c>
      <c r="H34960" t="s">
        <v>20256</v>
      </c>
      <c r="I34960" s="2">
        <v>1</v>
      </c>
      <c r="J34960" s="2">
        <v>0</v>
      </c>
      <c r="K34960" s="2">
        <v>0</v>
      </c>
      <c r="L34960" t="s">
        <v>120</v>
      </c>
      <c r="M34960" t="s">
        <v>89</v>
      </c>
      <c r="N34960" t="s">
        <v>90</v>
      </c>
      <c r="O34960" t="s">
        <v>85</v>
      </c>
      <c r="P34960" t="s">
        <v>86</v>
      </c>
      <c r="Q34960">
        <v>24</v>
      </c>
      <c r="R34960">
        <v>25</v>
      </c>
      <c r="S34960">
        <v>25</v>
      </c>
      <c r="T34960">
        <v>26</v>
      </c>
      <c r="U34960">
        <v>27</v>
      </c>
      <c r="V34960">
        <v>27</v>
      </c>
      <c r="W34960">
        <v>28</v>
      </c>
      <c r="X34960">
        <v>29</v>
      </c>
      <c r="Y34960">
        <v>29</v>
      </c>
      <c r="Z34960">
        <v>30</v>
      </c>
      <c r="AA34960">
        <v>30</v>
      </c>
      <c r="AB34960">
        <v>31</v>
      </c>
      <c r="AC34960">
        <v>32</v>
      </c>
      <c r="AD34960">
        <v>32</v>
      </c>
      <c r="AE34960">
        <v>33</v>
      </c>
      <c r="AF34960">
        <v>33</v>
      </c>
      <c r="AG34960">
        <v>33</v>
      </c>
      <c r="AH34960">
        <v>34</v>
      </c>
      <c r="AI34960">
        <v>34</v>
      </c>
      <c r="AJ34960">
        <v>34</v>
      </c>
      <c r="AK34960">
        <v>34</v>
      </c>
      <c r="AL34960">
        <v>35</v>
      </c>
      <c r="AM34960">
        <v>35</v>
      </c>
      <c r="AN34960">
        <v>35</v>
      </c>
      <c r="AO34960">
        <v>35</v>
      </c>
      <c r="AP34960">
        <v>36</v>
      </c>
      <c r="AQ34960">
        <v>36</v>
      </c>
    </row>
    <row r="34961" spans="1:43">
      <c r="A34961" t="s">
        <v>21667</v>
      </c>
      <c r="B34961" t="s">
        <v>21668</v>
      </c>
      <c r="C34961" t="s">
        <v>21659</v>
      </c>
      <c r="D34961" t="s">
        <v>21660</v>
      </c>
      <c r="E34961" t="s">
        <v>21557</v>
      </c>
      <c r="F34961" t="s">
        <v>21558</v>
      </c>
      <c r="G34961" t="s">
        <v>20255</v>
      </c>
      <c r="H34961" t="s">
        <v>20256</v>
      </c>
      <c r="I34961" s="2">
        <v>1</v>
      </c>
      <c r="J34961" s="2">
        <v>0</v>
      </c>
      <c r="K34961" s="2">
        <v>0</v>
      </c>
      <c r="L34961" t="s">
        <v>120</v>
      </c>
      <c r="M34961" t="s">
        <v>83</v>
      </c>
      <c r="N34961" t="s">
        <v>91</v>
      </c>
      <c r="O34961" t="s">
        <v>85</v>
      </c>
      <c r="P34961" t="s">
        <v>86</v>
      </c>
      <c r="Q34961">
        <v>24</v>
      </c>
      <c r="R34961">
        <v>24</v>
      </c>
      <c r="S34961">
        <v>25</v>
      </c>
      <c r="T34961">
        <v>25</v>
      </c>
      <c r="U34961">
        <v>26</v>
      </c>
      <c r="V34961">
        <v>26</v>
      </c>
      <c r="W34961">
        <v>27</v>
      </c>
      <c r="X34961">
        <v>27</v>
      </c>
      <c r="Y34961">
        <v>28</v>
      </c>
      <c r="Z34961">
        <v>28</v>
      </c>
      <c r="AA34961">
        <v>29</v>
      </c>
      <c r="AB34961">
        <v>29</v>
      </c>
      <c r="AC34961">
        <v>30</v>
      </c>
      <c r="AD34961">
        <v>30</v>
      </c>
      <c r="AE34961">
        <v>31</v>
      </c>
      <c r="AF34961">
        <v>31</v>
      </c>
      <c r="AG34961">
        <v>32</v>
      </c>
      <c r="AH34961">
        <v>32</v>
      </c>
      <c r="AI34961">
        <v>33</v>
      </c>
      <c r="AJ34961">
        <v>33</v>
      </c>
      <c r="AK34961">
        <v>34</v>
      </c>
      <c r="AL34961">
        <v>34</v>
      </c>
      <c r="AM34961">
        <v>34</v>
      </c>
      <c r="AN34961">
        <v>35</v>
      </c>
      <c r="AO34961">
        <v>35</v>
      </c>
      <c r="AP34961">
        <v>35</v>
      </c>
      <c r="AQ34961">
        <v>36</v>
      </c>
    </row>
    <row r="34962" spans="1:43">
      <c r="A34962" t="s">
        <v>21669</v>
      </c>
      <c r="B34962" t="s">
        <v>21670</v>
      </c>
      <c r="C34962" t="s">
        <v>21633</v>
      </c>
      <c r="D34962" t="s">
        <v>21634</v>
      </c>
      <c r="E34962" t="s">
        <v>21557</v>
      </c>
      <c r="F34962" t="s">
        <v>21558</v>
      </c>
      <c r="G34962" t="s">
        <v>20255</v>
      </c>
      <c r="H34962" t="s">
        <v>20256</v>
      </c>
      <c r="I34962" s="2">
        <v>1</v>
      </c>
      <c r="J34962" s="2">
        <v>0</v>
      </c>
      <c r="K34962" s="2">
        <v>0</v>
      </c>
      <c r="L34962" t="s">
        <v>120</v>
      </c>
      <c r="M34962" t="s">
        <v>83</v>
      </c>
      <c r="N34962" t="s">
        <v>84</v>
      </c>
      <c r="O34962" t="s">
        <v>85</v>
      </c>
      <c r="P34962" t="s">
        <v>86</v>
      </c>
      <c r="Q34962">
        <v>8</v>
      </c>
      <c r="R34962">
        <v>8</v>
      </c>
      <c r="S34962">
        <v>9</v>
      </c>
      <c r="T34962">
        <v>9</v>
      </c>
      <c r="U34962">
        <v>9</v>
      </c>
      <c r="V34962">
        <v>9</v>
      </c>
      <c r="W34962">
        <v>9</v>
      </c>
      <c r="X34962">
        <v>10</v>
      </c>
      <c r="Y34962">
        <v>10</v>
      </c>
      <c r="Z34962">
        <v>10</v>
      </c>
      <c r="AA34962">
        <v>10</v>
      </c>
      <c r="AB34962">
        <v>10</v>
      </c>
      <c r="AC34962">
        <v>10</v>
      </c>
      <c r="AD34962">
        <v>11</v>
      </c>
      <c r="AE34962">
        <v>11</v>
      </c>
      <c r="AF34962">
        <v>11</v>
      </c>
      <c r="AG34962">
        <v>11</v>
      </c>
      <c r="AH34962">
        <v>11</v>
      </c>
      <c r="AI34962">
        <v>11</v>
      </c>
      <c r="AJ34962">
        <v>12</v>
      </c>
      <c r="AK34962">
        <v>12</v>
      </c>
      <c r="AL34962">
        <v>12</v>
      </c>
      <c r="AM34962">
        <v>12</v>
      </c>
      <c r="AN34962">
        <v>12</v>
      </c>
      <c r="AO34962">
        <v>12</v>
      </c>
      <c r="AP34962">
        <v>12</v>
      </c>
      <c r="AQ34962">
        <v>12</v>
      </c>
    </row>
    <row r="34963" spans="1:43">
      <c r="A34963" t="s">
        <v>21669</v>
      </c>
      <c r="B34963" t="s">
        <v>21670</v>
      </c>
      <c r="C34963" t="s">
        <v>21633</v>
      </c>
      <c r="D34963" t="s">
        <v>21634</v>
      </c>
      <c r="E34963" t="s">
        <v>21557</v>
      </c>
      <c r="F34963" t="s">
        <v>21558</v>
      </c>
      <c r="G34963" t="s">
        <v>20255</v>
      </c>
      <c r="H34963" t="s">
        <v>20256</v>
      </c>
      <c r="I34963" s="2">
        <v>1</v>
      </c>
      <c r="J34963" s="2">
        <v>0</v>
      </c>
      <c r="K34963" s="2">
        <v>0</v>
      </c>
      <c r="L34963" t="s">
        <v>120</v>
      </c>
      <c r="M34963" t="s">
        <v>87</v>
      </c>
      <c r="N34963" t="s">
        <v>88</v>
      </c>
      <c r="O34963" t="s">
        <v>85</v>
      </c>
      <c r="P34963" t="s">
        <v>86</v>
      </c>
      <c r="Q34963">
        <v>8</v>
      </c>
      <c r="R34963">
        <v>8</v>
      </c>
      <c r="S34963">
        <v>8</v>
      </c>
      <c r="T34963">
        <v>9</v>
      </c>
      <c r="U34963">
        <v>9</v>
      </c>
      <c r="V34963">
        <v>9</v>
      </c>
      <c r="W34963">
        <v>9</v>
      </c>
      <c r="X34963">
        <v>9</v>
      </c>
      <c r="Y34963">
        <v>9</v>
      </c>
      <c r="Z34963">
        <v>9</v>
      </c>
      <c r="AA34963">
        <v>9</v>
      </c>
      <c r="AB34963">
        <v>9</v>
      </c>
      <c r="AC34963">
        <v>9</v>
      </c>
      <c r="AD34963">
        <v>10</v>
      </c>
      <c r="AE34963">
        <v>10</v>
      </c>
      <c r="AF34963">
        <v>10</v>
      </c>
      <c r="AG34963">
        <v>10</v>
      </c>
      <c r="AH34963">
        <v>10</v>
      </c>
      <c r="AI34963">
        <v>10</v>
      </c>
      <c r="AJ34963">
        <v>10</v>
      </c>
      <c r="AK34963">
        <v>10</v>
      </c>
      <c r="AL34963">
        <v>10</v>
      </c>
      <c r="AM34963">
        <v>10</v>
      </c>
      <c r="AN34963">
        <v>11</v>
      </c>
      <c r="AO34963">
        <v>11</v>
      </c>
      <c r="AP34963">
        <v>11</v>
      </c>
      <c r="AQ34963">
        <v>11</v>
      </c>
    </row>
    <row r="34964" spans="1:43">
      <c r="A34964" t="s">
        <v>21669</v>
      </c>
      <c r="B34964" t="s">
        <v>21670</v>
      </c>
      <c r="C34964" t="s">
        <v>21633</v>
      </c>
      <c r="D34964" t="s">
        <v>21634</v>
      </c>
      <c r="E34964" t="s">
        <v>21557</v>
      </c>
      <c r="F34964" t="s">
        <v>21558</v>
      </c>
      <c r="G34964" t="s">
        <v>20255</v>
      </c>
      <c r="H34964" t="s">
        <v>20256</v>
      </c>
      <c r="I34964" s="2">
        <v>1</v>
      </c>
      <c r="J34964" s="2">
        <v>0</v>
      </c>
      <c r="K34964" s="2">
        <v>0</v>
      </c>
      <c r="L34964" t="s">
        <v>120</v>
      </c>
      <c r="M34964" t="s">
        <v>89</v>
      </c>
      <c r="N34964" t="s">
        <v>90</v>
      </c>
      <c r="O34964" t="s">
        <v>85</v>
      </c>
      <c r="P34964" t="s">
        <v>86</v>
      </c>
      <c r="Q34964">
        <v>8</v>
      </c>
      <c r="R34964">
        <v>9</v>
      </c>
      <c r="S34964">
        <v>9</v>
      </c>
      <c r="T34964">
        <v>9</v>
      </c>
      <c r="U34964">
        <v>9</v>
      </c>
      <c r="V34964">
        <v>10</v>
      </c>
      <c r="W34964">
        <v>10</v>
      </c>
      <c r="X34964">
        <v>10</v>
      </c>
      <c r="Y34964">
        <v>10</v>
      </c>
      <c r="Z34964">
        <v>10</v>
      </c>
      <c r="AA34964">
        <v>11</v>
      </c>
      <c r="AB34964">
        <v>11</v>
      </c>
      <c r="AC34964">
        <v>11</v>
      </c>
      <c r="AD34964">
        <v>11</v>
      </c>
      <c r="AE34964">
        <v>11</v>
      </c>
      <c r="AF34964">
        <v>12</v>
      </c>
      <c r="AG34964">
        <v>12</v>
      </c>
      <c r="AH34964">
        <v>12</v>
      </c>
      <c r="AI34964">
        <v>12</v>
      </c>
      <c r="AJ34964">
        <v>12</v>
      </c>
      <c r="AK34964">
        <v>12</v>
      </c>
      <c r="AL34964">
        <v>12</v>
      </c>
      <c r="AM34964">
        <v>12</v>
      </c>
      <c r="AN34964">
        <v>12</v>
      </c>
      <c r="AO34964">
        <v>12</v>
      </c>
      <c r="AP34964">
        <v>13</v>
      </c>
      <c r="AQ34964">
        <v>13</v>
      </c>
    </row>
    <row r="34965" spans="1:43">
      <c r="A34965" t="s">
        <v>21669</v>
      </c>
      <c r="B34965" t="s">
        <v>21670</v>
      </c>
      <c r="C34965" t="s">
        <v>21633</v>
      </c>
      <c r="D34965" t="s">
        <v>21634</v>
      </c>
      <c r="E34965" t="s">
        <v>21557</v>
      </c>
      <c r="F34965" t="s">
        <v>21558</v>
      </c>
      <c r="G34965" t="s">
        <v>20255</v>
      </c>
      <c r="H34965" t="s">
        <v>20256</v>
      </c>
      <c r="I34965" s="2">
        <v>1</v>
      </c>
      <c r="J34965" s="2">
        <v>0</v>
      </c>
      <c r="K34965" s="2">
        <v>0</v>
      </c>
      <c r="L34965" t="s">
        <v>120</v>
      </c>
      <c r="M34965" t="s">
        <v>83</v>
      </c>
      <c r="N34965" t="s">
        <v>91</v>
      </c>
      <c r="O34965" t="s">
        <v>85</v>
      </c>
      <c r="P34965" t="s">
        <v>86</v>
      </c>
      <c r="Q34965">
        <v>8</v>
      </c>
      <c r="R34965">
        <v>8</v>
      </c>
      <c r="S34965">
        <v>9</v>
      </c>
      <c r="T34965">
        <v>9</v>
      </c>
      <c r="U34965">
        <v>9</v>
      </c>
      <c r="V34965">
        <v>9</v>
      </c>
      <c r="W34965">
        <v>9</v>
      </c>
      <c r="X34965">
        <v>10</v>
      </c>
      <c r="Y34965">
        <v>10</v>
      </c>
      <c r="Z34965">
        <v>10</v>
      </c>
      <c r="AA34965">
        <v>10</v>
      </c>
      <c r="AB34965">
        <v>10</v>
      </c>
      <c r="AC34965">
        <v>10</v>
      </c>
      <c r="AD34965">
        <v>11</v>
      </c>
      <c r="AE34965">
        <v>11</v>
      </c>
      <c r="AF34965">
        <v>11</v>
      </c>
      <c r="AG34965">
        <v>11</v>
      </c>
      <c r="AH34965">
        <v>11</v>
      </c>
      <c r="AI34965">
        <v>11</v>
      </c>
      <c r="AJ34965">
        <v>12</v>
      </c>
      <c r="AK34965">
        <v>12</v>
      </c>
      <c r="AL34965">
        <v>12</v>
      </c>
      <c r="AM34965">
        <v>12</v>
      </c>
      <c r="AN34965">
        <v>12</v>
      </c>
      <c r="AO34965">
        <v>12</v>
      </c>
      <c r="AP34965">
        <v>12</v>
      </c>
      <c r="AQ34965">
        <v>12</v>
      </c>
    </row>
    <row r="34966" spans="1:43">
      <c r="A34966" t="s">
        <v>21671</v>
      </c>
      <c r="B34966" t="s">
        <v>21672</v>
      </c>
      <c r="C34966" t="s">
        <v>21659</v>
      </c>
      <c r="D34966" t="s">
        <v>21660</v>
      </c>
      <c r="E34966" t="s">
        <v>21557</v>
      </c>
      <c r="F34966" t="s">
        <v>21558</v>
      </c>
      <c r="G34966" t="s">
        <v>20255</v>
      </c>
      <c r="H34966" t="s">
        <v>20256</v>
      </c>
      <c r="I34966" s="2">
        <v>1</v>
      </c>
      <c r="J34966" s="2">
        <v>0</v>
      </c>
      <c r="K34966" s="2">
        <v>0</v>
      </c>
      <c r="L34966" t="s">
        <v>120</v>
      </c>
      <c r="M34966" t="s">
        <v>83</v>
      </c>
      <c r="N34966" t="s">
        <v>84</v>
      </c>
      <c r="O34966" t="s">
        <v>85</v>
      </c>
      <c r="P34966" t="s">
        <v>86</v>
      </c>
      <c r="Q34966">
        <v>84</v>
      </c>
      <c r="R34966">
        <v>86</v>
      </c>
      <c r="S34966">
        <v>88</v>
      </c>
      <c r="T34966">
        <v>89</v>
      </c>
      <c r="U34966">
        <v>91</v>
      </c>
      <c r="V34966">
        <v>93</v>
      </c>
      <c r="W34966">
        <v>95</v>
      </c>
      <c r="X34966">
        <v>96</v>
      </c>
      <c r="Y34966">
        <v>98</v>
      </c>
      <c r="Z34966">
        <v>100</v>
      </c>
      <c r="AA34966">
        <v>101</v>
      </c>
      <c r="AB34966">
        <v>103</v>
      </c>
      <c r="AC34966">
        <v>105</v>
      </c>
      <c r="AD34966">
        <v>107</v>
      </c>
      <c r="AE34966">
        <v>108</v>
      </c>
      <c r="AF34966">
        <v>110</v>
      </c>
      <c r="AG34966">
        <v>112</v>
      </c>
      <c r="AH34966">
        <v>114</v>
      </c>
      <c r="AI34966">
        <v>116</v>
      </c>
      <c r="AJ34966">
        <v>117</v>
      </c>
      <c r="AK34966">
        <v>119</v>
      </c>
      <c r="AL34966">
        <v>121</v>
      </c>
      <c r="AM34966">
        <v>121</v>
      </c>
      <c r="AN34966">
        <v>122</v>
      </c>
      <c r="AO34966">
        <v>123</v>
      </c>
      <c r="AP34966">
        <v>124</v>
      </c>
      <c r="AQ34966">
        <v>125</v>
      </c>
    </row>
    <row r="34967" spans="1:43">
      <c r="A34967" t="s">
        <v>21671</v>
      </c>
      <c r="B34967" t="s">
        <v>21672</v>
      </c>
      <c r="C34967" t="s">
        <v>21659</v>
      </c>
      <c r="D34967" t="s">
        <v>21660</v>
      </c>
      <c r="E34967" t="s">
        <v>21557</v>
      </c>
      <c r="F34967" t="s">
        <v>21558</v>
      </c>
      <c r="G34967" t="s">
        <v>20255</v>
      </c>
      <c r="H34967" t="s">
        <v>20256</v>
      </c>
      <c r="I34967" s="2">
        <v>1</v>
      </c>
      <c r="J34967" s="2">
        <v>0</v>
      </c>
      <c r="K34967" s="2">
        <v>0</v>
      </c>
      <c r="L34967" t="s">
        <v>120</v>
      </c>
      <c r="M34967" t="s">
        <v>87</v>
      </c>
      <c r="N34967" t="s">
        <v>88</v>
      </c>
      <c r="O34967" t="s">
        <v>85</v>
      </c>
      <c r="P34967" t="s">
        <v>86</v>
      </c>
      <c r="Q34967">
        <v>84</v>
      </c>
      <c r="R34967">
        <v>85</v>
      </c>
      <c r="S34967">
        <v>86</v>
      </c>
      <c r="T34967">
        <v>87</v>
      </c>
      <c r="U34967">
        <v>88</v>
      </c>
      <c r="V34967">
        <v>89</v>
      </c>
      <c r="W34967">
        <v>90</v>
      </c>
      <c r="X34967">
        <v>91</v>
      </c>
      <c r="Y34967">
        <v>92</v>
      </c>
      <c r="Z34967">
        <v>93</v>
      </c>
      <c r="AA34967">
        <v>93</v>
      </c>
      <c r="AB34967">
        <v>94</v>
      </c>
      <c r="AC34967">
        <v>95</v>
      </c>
      <c r="AD34967">
        <v>96</v>
      </c>
      <c r="AE34967">
        <v>97</v>
      </c>
      <c r="AF34967">
        <v>98</v>
      </c>
      <c r="AG34967">
        <v>99</v>
      </c>
      <c r="AH34967">
        <v>100</v>
      </c>
      <c r="AI34967">
        <v>101</v>
      </c>
      <c r="AJ34967">
        <v>102</v>
      </c>
      <c r="AK34967">
        <v>103</v>
      </c>
      <c r="AL34967">
        <v>104</v>
      </c>
      <c r="AM34967">
        <v>105</v>
      </c>
      <c r="AN34967">
        <v>106</v>
      </c>
      <c r="AO34967">
        <v>107</v>
      </c>
      <c r="AP34967">
        <v>108</v>
      </c>
      <c r="AQ34967">
        <v>109</v>
      </c>
    </row>
    <row r="34968" spans="1:43">
      <c r="A34968" t="s">
        <v>21671</v>
      </c>
      <c r="B34968" t="s">
        <v>21672</v>
      </c>
      <c r="C34968" t="s">
        <v>21659</v>
      </c>
      <c r="D34968" t="s">
        <v>21660</v>
      </c>
      <c r="E34968" t="s">
        <v>21557</v>
      </c>
      <c r="F34968" t="s">
        <v>21558</v>
      </c>
      <c r="G34968" t="s">
        <v>20255</v>
      </c>
      <c r="H34968" t="s">
        <v>20256</v>
      </c>
      <c r="I34968" s="2">
        <v>1</v>
      </c>
      <c r="J34968" s="2">
        <v>0</v>
      </c>
      <c r="K34968" s="2">
        <v>0</v>
      </c>
      <c r="L34968" t="s">
        <v>120</v>
      </c>
      <c r="M34968" t="s">
        <v>89</v>
      </c>
      <c r="N34968" t="s">
        <v>90</v>
      </c>
      <c r="O34968" t="s">
        <v>85</v>
      </c>
      <c r="P34968" t="s">
        <v>86</v>
      </c>
      <c r="Q34968">
        <v>84</v>
      </c>
      <c r="R34968">
        <v>86</v>
      </c>
      <c r="S34968">
        <v>89</v>
      </c>
      <c r="T34968">
        <v>91</v>
      </c>
      <c r="U34968">
        <v>94</v>
      </c>
      <c r="V34968">
        <v>96</v>
      </c>
      <c r="W34968">
        <v>98</v>
      </c>
      <c r="X34968">
        <v>100</v>
      </c>
      <c r="Y34968">
        <v>103</v>
      </c>
      <c r="Z34968">
        <v>105</v>
      </c>
      <c r="AA34968">
        <v>107</v>
      </c>
      <c r="AB34968">
        <v>109</v>
      </c>
      <c r="AC34968">
        <v>111</v>
      </c>
      <c r="AD34968">
        <v>113</v>
      </c>
      <c r="AE34968">
        <v>115</v>
      </c>
      <c r="AF34968">
        <v>116</v>
      </c>
      <c r="AG34968">
        <v>117</v>
      </c>
      <c r="AH34968">
        <v>118</v>
      </c>
      <c r="AI34968">
        <v>119</v>
      </c>
      <c r="AJ34968">
        <v>119</v>
      </c>
      <c r="AK34968">
        <v>120</v>
      </c>
      <c r="AL34968">
        <v>121</v>
      </c>
      <c r="AM34968">
        <v>122</v>
      </c>
      <c r="AN34968">
        <v>123</v>
      </c>
      <c r="AO34968">
        <v>124</v>
      </c>
      <c r="AP34968">
        <v>125</v>
      </c>
      <c r="AQ34968">
        <v>125</v>
      </c>
    </row>
    <row r="34969" spans="1:43">
      <c r="A34969" t="s">
        <v>21671</v>
      </c>
      <c r="B34969" t="s">
        <v>21672</v>
      </c>
      <c r="C34969" t="s">
        <v>21659</v>
      </c>
      <c r="D34969" t="s">
        <v>21660</v>
      </c>
      <c r="E34969" t="s">
        <v>21557</v>
      </c>
      <c r="F34969" t="s">
        <v>21558</v>
      </c>
      <c r="G34969" t="s">
        <v>20255</v>
      </c>
      <c r="H34969" t="s">
        <v>20256</v>
      </c>
      <c r="I34969" s="2">
        <v>1</v>
      </c>
      <c r="J34969" s="2">
        <v>0</v>
      </c>
      <c r="K34969" s="2">
        <v>0</v>
      </c>
      <c r="L34969" t="s">
        <v>120</v>
      </c>
      <c r="M34969" t="s">
        <v>83</v>
      </c>
      <c r="N34969" t="s">
        <v>91</v>
      </c>
      <c r="O34969" t="s">
        <v>85</v>
      </c>
      <c r="P34969" t="s">
        <v>86</v>
      </c>
      <c r="Q34969">
        <v>84</v>
      </c>
      <c r="R34969">
        <v>86</v>
      </c>
      <c r="S34969">
        <v>88</v>
      </c>
      <c r="T34969">
        <v>89</v>
      </c>
      <c r="U34969">
        <v>91</v>
      </c>
      <c r="V34969">
        <v>93</v>
      </c>
      <c r="W34969">
        <v>95</v>
      </c>
      <c r="X34969">
        <v>96</v>
      </c>
      <c r="Y34969">
        <v>98</v>
      </c>
      <c r="Z34969">
        <v>100</v>
      </c>
      <c r="AA34969">
        <v>101</v>
      </c>
      <c r="AB34969">
        <v>103</v>
      </c>
      <c r="AC34969">
        <v>105</v>
      </c>
      <c r="AD34969">
        <v>107</v>
      </c>
      <c r="AE34969">
        <v>108</v>
      </c>
      <c r="AF34969">
        <v>110</v>
      </c>
      <c r="AG34969">
        <v>112</v>
      </c>
      <c r="AH34969">
        <v>114</v>
      </c>
      <c r="AI34969">
        <v>116</v>
      </c>
      <c r="AJ34969">
        <v>117</v>
      </c>
      <c r="AK34969">
        <v>119</v>
      </c>
      <c r="AL34969">
        <v>121</v>
      </c>
      <c r="AM34969">
        <v>121</v>
      </c>
      <c r="AN34969">
        <v>122</v>
      </c>
      <c r="AO34969">
        <v>123</v>
      </c>
      <c r="AP34969">
        <v>124</v>
      </c>
      <c r="AQ34969">
        <v>125</v>
      </c>
    </row>
    <row r="34970" spans="1:43">
      <c r="A34970" t="s">
        <v>21673</v>
      </c>
      <c r="B34970" t="s">
        <v>21674</v>
      </c>
      <c r="C34970" t="s">
        <v>21659</v>
      </c>
      <c r="D34970" t="s">
        <v>21660</v>
      </c>
      <c r="E34970" t="s">
        <v>21557</v>
      </c>
      <c r="F34970" t="s">
        <v>21558</v>
      </c>
      <c r="G34970" t="s">
        <v>20255</v>
      </c>
      <c r="H34970" t="s">
        <v>20256</v>
      </c>
      <c r="I34970" s="2">
        <v>1</v>
      </c>
      <c r="J34970" s="2">
        <v>0</v>
      </c>
      <c r="K34970" s="2">
        <v>0</v>
      </c>
      <c r="L34970" t="s">
        <v>120</v>
      </c>
      <c r="M34970" t="s">
        <v>83</v>
      </c>
      <c r="N34970" t="s">
        <v>84</v>
      </c>
      <c r="O34970" t="s">
        <v>85</v>
      </c>
      <c r="P34970" t="s">
        <v>86</v>
      </c>
      <c r="Q34970">
        <v>26</v>
      </c>
      <c r="R34970">
        <v>26</v>
      </c>
      <c r="S34970">
        <v>27</v>
      </c>
      <c r="T34970">
        <v>27</v>
      </c>
      <c r="U34970">
        <v>28</v>
      </c>
      <c r="V34970">
        <v>28</v>
      </c>
      <c r="W34970">
        <v>29</v>
      </c>
      <c r="X34970">
        <v>29</v>
      </c>
      <c r="Y34970">
        <v>30</v>
      </c>
      <c r="Z34970">
        <v>30</v>
      </c>
      <c r="AA34970">
        <v>31</v>
      </c>
      <c r="AB34970">
        <v>31</v>
      </c>
      <c r="AC34970">
        <v>32</v>
      </c>
      <c r="AD34970">
        <v>32</v>
      </c>
      <c r="AE34970">
        <v>33</v>
      </c>
      <c r="AF34970">
        <v>33</v>
      </c>
      <c r="AG34970">
        <v>34</v>
      </c>
      <c r="AH34970">
        <v>35</v>
      </c>
      <c r="AI34970">
        <v>35</v>
      </c>
      <c r="AJ34970">
        <v>36</v>
      </c>
      <c r="AK34970">
        <v>36</v>
      </c>
      <c r="AL34970">
        <v>37</v>
      </c>
      <c r="AM34970">
        <v>37</v>
      </c>
      <c r="AN34970">
        <v>37</v>
      </c>
      <c r="AO34970">
        <v>37</v>
      </c>
      <c r="AP34970">
        <v>38</v>
      </c>
      <c r="AQ34970">
        <v>38</v>
      </c>
    </row>
    <row r="34971" spans="1:43">
      <c r="A34971" t="s">
        <v>21673</v>
      </c>
      <c r="B34971" t="s">
        <v>21674</v>
      </c>
      <c r="C34971" t="s">
        <v>21659</v>
      </c>
      <c r="D34971" t="s">
        <v>21660</v>
      </c>
      <c r="E34971" t="s">
        <v>21557</v>
      </c>
      <c r="F34971" t="s">
        <v>21558</v>
      </c>
      <c r="G34971" t="s">
        <v>20255</v>
      </c>
      <c r="H34971" t="s">
        <v>20256</v>
      </c>
      <c r="I34971" s="2">
        <v>1</v>
      </c>
      <c r="J34971" s="2">
        <v>0</v>
      </c>
      <c r="K34971" s="2">
        <v>0</v>
      </c>
      <c r="L34971" t="s">
        <v>120</v>
      </c>
      <c r="M34971" t="s">
        <v>87</v>
      </c>
      <c r="N34971" t="s">
        <v>88</v>
      </c>
      <c r="O34971" t="s">
        <v>85</v>
      </c>
      <c r="P34971" t="s">
        <v>86</v>
      </c>
      <c r="Q34971">
        <v>26</v>
      </c>
      <c r="R34971">
        <v>27</v>
      </c>
      <c r="S34971">
        <v>27</v>
      </c>
      <c r="T34971">
        <v>27</v>
      </c>
      <c r="U34971">
        <v>27</v>
      </c>
      <c r="V34971">
        <v>28</v>
      </c>
      <c r="W34971">
        <v>28</v>
      </c>
      <c r="X34971">
        <v>28</v>
      </c>
      <c r="Y34971">
        <v>29</v>
      </c>
      <c r="Z34971">
        <v>29</v>
      </c>
      <c r="AA34971">
        <v>29</v>
      </c>
      <c r="AB34971">
        <v>29</v>
      </c>
      <c r="AC34971">
        <v>30</v>
      </c>
      <c r="AD34971">
        <v>30</v>
      </c>
      <c r="AE34971">
        <v>30</v>
      </c>
      <c r="AF34971">
        <v>30</v>
      </c>
      <c r="AG34971">
        <v>31</v>
      </c>
      <c r="AH34971">
        <v>31</v>
      </c>
      <c r="AI34971">
        <v>31</v>
      </c>
      <c r="AJ34971">
        <v>32</v>
      </c>
      <c r="AK34971">
        <v>32</v>
      </c>
      <c r="AL34971">
        <v>32</v>
      </c>
      <c r="AM34971">
        <v>33</v>
      </c>
      <c r="AN34971">
        <v>33</v>
      </c>
      <c r="AO34971">
        <v>33</v>
      </c>
      <c r="AP34971">
        <v>34</v>
      </c>
      <c r="AQ34971">
        <v>34</v>
      </c>
    </row>
    <row r="34972" spans="1:43">
      <c r="A34972" t="s">
        <v>21673</v>
      </c>
      <c r="B34972" t="s">
        <v>21674</v>
      </c>
      <c r="C34972" t="s">
        <v>21659</v>
      </c>
      <c r="D34972" t="s">
        <v>21660</v>
      </c>
      <c r="E34972" t="s">
        <v>21557</v>
      </c>
      <c r="F34972" t="s">
        <v>21558</v>
      </c>
      <c r="G34972" t="s">
        <v>20255</v>
      </c>
      <c r="H34972" t="s">
        <v>20256</v>
      </c>
      <c r="I34972" s="2">
        <v>1</v>
      </c>
      <c r="J34972" s="2">
        <v>0</v>
      </c>
      <c r="K34972" s="2">
        <v>0</v>
      </c>
      <c r="L34972" t="s">
        <v>120</v>
      </c>
      <c r="M34972" t="s">
        <v>89</v>
      </c>
      <c r="N34972" t="s">
        <v>90</v>
      </c>
      <c r="O34972" t="s">
        <v>85</v>
      </c>
      <c r="P34972" t="s">
        <v>86</v>
      </c>
      <c r="Q34972">
        <v>26</v>
      </c>
      <c r="R34972">
        <v>27</v>
      </c>
      <c r="S34972">
        <v>27</v>
      </c>
      <c r="T34972">
        <v>28</v>
      </c>
      <c r="U34972">
        <v>29</v>
      </c>
      <c r="V34972">
        <v>29</v>
      </c>
      <c r="W34972">
        <v>30</v>
      </c>
      <c r="X34972">
        <v>31</v>
      </c>
      <c r="Y34972">
        <v>31</v>
      </c>
      <c r="Z34972">
        <v>32</v>
      </c>
      <c r="AA34972">
        <v>33</v>
      </c>
      <c r="AB34972">
        <v>33</v>
      </c>
      <c r="AC34972">
        <v>34</v>
      </c>
      <c r="AD34972">
        <v>35</v>
      </c>
      <c r="AE34972">
        <v>35</v>
      </c>
      <c r="AF34972">
        <v>36</v>
      </c>
      <c r="AG34972">
        <v>36</v>
      </c>
      <c r="AH34972">
        <v>36</v>
      </c>
      <c r="AI34972">
        <v>36</v>
      </c>
      <c r="AJ34972">
        <v>37</v>
      </c>
      <c r="AK34972">
        <v>37</v>
      </c>
      <c r="AL34972">
        <v>37</v>
      </c>
      <c r="AM34972">
        <v>37</v>
      </c>
      <c r="AN34972">
        <v>38</v>
      </c>
      <c r="AO34972">
        <v>38</v>
      </c>
      <c r="AP34972">
        <v>38</v>
      </c>
      <c r="AQ34972">
        <v>38</v>
      </c>
    </row>
    <row r="34973" spans="1:43">
      <c r="A34973" t="s">
        <v>21673</v>
      </c>
      <c r="B34973" t="s">
        <v>21674</v>
      </c>
      <c r="C34973" t="s">
        <v>21659</v>
      </c>
      <c r="D34973" t="s">
        <v>21660</v>
      </c>
      <c r="E34973" t="s">
        <v>21557</v>
      </c>
      <c r="F34973" t="s">
        <v>21558</v>
      </c>
      <c r="G34973" t="s">
        <v>20255</v>
      </c>
      <c r="H34973" t="s">
        <v>20256</v>
      </c>
      <c r="I34973" s="2">
        <v>1</v>
      </c>
      <c r="J34973" s="2">
        <v>0</v>
      </c>
      <c r="K34973" s="2">
        <v>0</v>
      </c>
      <c r="L34973" t="s">
        <v>120</v>
      </c>
      <c r="M34973" t="s">
        <v>83</v>
      </c>
      <c r="N34973" t="s">
        <v>91</v>
      </c>
      <c r="O34973" t="s">
        <v>85</v>
      </c>
      <c r="P34973" t="s">
        <v>86</v>
      </c>
      <c r="Q34973">
        <v>26</v>
      </c>
      <c r="R34973">
        <v>26</v>
      </c>
      <c r="S34973">
        <v>27</v>
      </c>
      <c r="T34973">
        <v>27</v>
      </c>
      <c r="U34973">
        <v>28</v>
      </c>
      <c r="V34973">
        <v>28</v>
      </c>
      <c r="W34973">
        <v>29</v>
      </c>
      <c r="X34973">
        <v>29</v>
      </c>
      <c r="Y34973">
        <v>30</v>
      </c>
      <c r="Z34973">
        <v>30</v>
      </c>
      <c r="AA34973">
        <v>31</v>
      </c>
      <c r="AB34973">
        <v>31</v>
      </c>
      <c r="AC34973">
        <v>32</v>
      </c>
      <c r="AD34973">
        <v>32</v>
      </c>
      <c r="AE34973">
        <v>33</v>
      </c>
      <c r="AF34973">
        <v>33</v>
      </c>
      <c r="AG34973">
        <v>34</v>
      </c>
      <c r="AH34973">
        <v>35</v>
      </c>
      <c r="AI34973">
        <v>35</v>
      </c>
      <c r="AJ34973">
        <v>36</v>
      </c>
      <c r="AK34973">
        <v>36</v>
      </c>
      <c r="AL34973">
        <v>37</v>
      </c>
      <c r="AM34973">
        <v>37</v>
      </c>
      <c r="AN34973">
        <v>37</v>
      </c>
      <c r="AO34973">
        <v>37</v>
      </c>
      <c r="AP34973">
        <v>38</v>
      </c>
      <c r="AQ34973">
        <v>38</v>
      </c>
    </row>
    <row r="34974" spans="1:43">
      <c r="A34974" t="s">
        <v>21675</v>
      </c>
      <c r="B34974" t="s">
        <v>21676</v>
      </c>
      <c r="C34974" t="s">
        <v>21659</v>
      </c>
      <c r="D34974" t="s">
        <v>21660</v>
      </c>
      <c r="E34974" t="s">
        <v>21557</v>
      </c>
      <c r="F34974" t="s">
        <v>21558</v>
      </c>
      <c r="G34974" t="s">
        <v>20255</v>
      </c>
      <c r="H34974" t="s">
        <v>20256</v>
      </c>
      <c r="I34974" s="2">
        <v>1</v>
      </c>
      <c r="J34974" s="2">
        <v>0</v>
      </c>
      <c r="K34974" s="2">
        <v>0</v>
      </c>
      <c r="L34974" t="s">
        <v>120</v>
      </c>
      <c r="M34974" t="s">
        <v>83</v>
      </c>
      <c r="N34974" t="s">
        <v>84</v>
      </c>
      <c r="O34974" t="s">
        <v>85</v>
      </c>
      <c r="P34974" t="s">
        <v>86</v>
      </c>
      <c r="Q34974">
        <v>141</v>
      </c>
      <c r="R34974">
        <v>144</v>
      </c>
      <c r="S34974">
        <v>147</v>
      </c>
      <c r="T34974">
        <v>150</v>
      </c>
      <c r="U34974">
        <v>153</v>
      </c>
      <c r="V34974">
        <v>155</v>
      </c>
      <c r="W34974">
        <v>159</v>
      </c>
      <c r="X34974">
        <v>161</v>
      </c>
      <c r="Y34974">
        <v>164</v>
      </c>
      <c r="Z34974">
        <v>167</v>
      </c>
      <c r="AA34974">
        <v>170</v>
      </c>
      <c r="AB34974">
        <v>173</v>
      </c>
      <c r="AC34974">
        <v>176</v>
      </c>
      <c r="AD34974">
        <v>179</v>
      </c>
      <c r="AE34974">
        <v>182</v>
      </c>
      <c r="AF34974">
        <v>185</v>
      </c>
      <c r="AG34974">
        <v>188</v>
      </c>
      <c r="AH34974">
        <v>191</v>
      </c>
      <c r="AI34974">
        <v>194</v>
      </c>
      <c r="AJ34974">
        <v>197</v>
      </c>
      <c r="AK34974">
        <v>200</v>
      </c>
      <c r="AL34974">
        <v>202</v>
      </c>
      <c r="AM34974">
        <v>204</v>
      </c>
      <c r="AN34974">
        <v>205</v>
      </c>
      <c r="AO34974">
        <v>207</v>
      </c>
      <c r="AP34974">
        <v>208</v>
      </c>
      <c r="AQ34974">
        <v>210</v>
      </c>
    </row>
    <row r="34975" spans="1:43">
      <c r="A34975" t="s">
        <v>21675</v>
      </c>
      <c r="B34975" t="s">
        <v>21676</v>
      </c>
      <c r="C34975" t="s">
        <v>21659</v>
      </c>
      <c r="D34975" t="s">
        <v>21660</v>
      </c>
      <c r="E34975" t="s">
        <v>21557</v>
      </c>
      <c r="F34975" t="s">
        <v>21558</v>
      </c>
      <c r="G34975" t="s">
        <v>20255</v>
      </c>
      <c r="H34975" t="s">
        <v>20256</v>
      </c>
      <c r="I34975" s="2">
        <v>1</v>
      </c>
      <c r="J34975" s="2">
        <v>0</v>
      </c>
      <c r="K34975" s="2">
        <v>0</v>
      </c>
      <c r="L34975" t="s">
        <v>120</v>
      </c>
      <c r="M34975" t="s">
        <v>87</v>
      </c>
      <c r="N34975" t="s">
        <v>88</v>
      </c>
      <c r="O34975" t="s">
        <v>85</v>
      </c>
      <c r="P34975" t="s">
        <v>86</v>
      </c>
      <c r="Q34975">
        <v>141</v>
      </c>
      <c r="R34975">
        <v>143</v>
      </c>
      <c r="S34975">
        <v>145</v>
      </c>
      <c r="T34975">
        <v>146</v>
      </c>
      <c r="U34975">
        <v>148</v>
      </c>
      <c r="V34975">
        <v>149</v>
      </c>
      <c r="W34975">
        <v>151</v>
      </c>
      <c r="X34975">
        <v>152</v>
      </c>
      <c r="Y34975">
        <v>154</v>
      </c>
      <c r="Z34975">
        <v>156</v>
      </c>
      <c r="AA34975">
        <v>157</v>
      </c>
      <c r="AB34975">
        <v>159</v>
      </c>
      <c r="AC34975">
        <v>161</v>
      </c>
      <c r="AD34975">
        <v>162</v>
      </c>
      <c r="AE34975">
        <v>164</v>
      </c>
      <c r="AF34975">
        <v>165</v>
      </c>
      <c r="AG34975">
        <v>167</v>
      </c>
      <c r="AH34975">
        <v>169</v>
      </c>
      <c r="AI34975">
        <v>171</v>
      </c>
      <c r="AJ34975">
        <v>172</v>
      </c>
      <c r="AK34975">
        <v>174</v>
      </c>
      <c r="AL34975">
        <v>176</v>
      </c>
      <c r="AM34975">
        <v>177</v>
      </c>
      <c r="AN34975">
        <v>179</v>
      </c>
      <c r="AO34975">
        <v>181</v>
      </c>
      <c r="AP34975">
        <v>183</v>
      </c>
      <c r="AQ34975">
        <v>185</v>
      </c>
    </row>
    <row r="34976" spans="1:43">
      <c r="A34976" t="s">
        <v>21675</v>
      </c>
      <c r="B34976" t="s">
        <v>21676</v>
      </c>
      <c r="C34976" t="s">
        <v>21659</v>
      </c>
      <c r="D34976" t="s">
        <v>21660</v>
      </c>
      <c r="E34976" t="s">
        <v>21557</v>
      </c>
      <c r="F34976" t="s">
        <v>21558</v>
      </c>
      <c r="G34976" t="s">
        <v>20255</v>
      </c>
      <c r="H34976" t="s">
        <v>20256</v>
      </c>
      <c r="I34976" s="2">
        <v>1</v>
      </c>
      <c r="J34976" s="2">
        <v>0</v>
      </c>
      <c r="K34976" s="2">
        <v>0</v>
      </c>
      <c r="L34976" t="s">
        <v>120</v>
      </c>
      <c r="M34976" t="s">
        <v>89</v>
      </c>
      <c r="N34976" t="s">
        <v>90</v>
      </c>
      <c r="O34976" t="s">
        <v>85</v>
      </c>
      <c r="P34976" t="s">
        <v>86</v>
      </c>
      <c r="Q34976">
        <v>141</v>
      </c>
      <c r="R34976">
        <v>145</v>
      </c>
      <c r="S34976">
        <v>149</v>
      </c>
      <c r="T34976">
        <v>153</v>
      </c>
      <c r="U34976">
        <v>157</v>
      </c>
      <c r="V34976">
        <v>161</v>
      </c>
      <c r="W34976">
        <v>165</v>
      </c>
      <c r="X34976">
        <v>169</v>
      </c>
      <c r="Y34976">
        <v>172</v>
      </c>
      <c r="Z34976">
        <v>176</v>
      </c>
      <c r="AA34976">
        <v>180</v>
      </c>
      <c r="AB34976">
        <v>183</v>
      </c>
      <c r="AC34976">
        <v>187</v>
      </c>
      <c r="AD34976">
        <v>190</v>
      </c>
      <c r="AE34976">
        <v>193</v>
      </c>
      <c r="AF34976">
        <v>195</v>
      </c>
      <c r="AG34976">
        <v>196</v>
      </c>
      <c r="AH34976">
        <v>198</v>
      </c>
      <c r="AI34976">
        <v>199</v>
      </c>
      <c r="AJ34976">
        <v>201</v>
      </c>
      <c r="AK34976">
        <v>203</v>
      </c>
      <c r="AL34976">
        <v>204</v>
      </c>
      <c r="AM34976">
        <v>206</v>
      </c>
      <c r="AN34976">
        <v>207</v>
      </c>
      <c r="AO34976">
        <v>209</v>
      </c>
      <c r="AP34976">
        <v>210</v>
      </c>
      <c r="AQ34976">
        <v>212</v>
      </c>
    </row>
    <row r="34977" spans="1:43">
      <c r="A34977" t="s">
        <v>21675</v>
      </c>
      <c r="B34977" t="s">
        <v>21676</v>
      </c>
      <c r="C34977" t="s">
        <v>21659</v>
      </c>
      <c r="D34977" t="s">
        <v>21660</v>
      </c>
      <c r="E34977" t="s">
        <v>21557</v>
      </c>
      <c r="F34977" t="s">
        <v>21558</v>
      </c>
      <c r="G34977" t="s">
        <v>20255</v>
      </c>
      <c r="H34977" t="s">
        <v>20256</v>
      </c>
      <c r="I34977" s="2">
        <v>1</v>
      </c>
      <c r="J34977" s="2">
        <v>0</v>
      </c>
      <c r="K34977" s="2">
        <v>0</v>
      </c>
      <c r="L34977" t="s">
        <v>120</v>
      </c>
      <c r="M34977" t="s">
        <v>83</v>
      </c>
      <c r="N34977" t="s">
        <v>91</v>
      </c>
      <c r="O34977" t="s">
        <v>85</v>
      </c>
      <c r="P34977" t="s">
        <v>86</v>
      </c>
      <c r="Q34977">
        <v>141</v>
      </c>
      <c r="R34977">
        <v>144</v>
      </c>
      <c r="S34977">
        <v>147</v>
      </c>
      <c r="T34977">
        <v>150</v>
      </c>
      <c r="U34977">
        <v>153</v>
      </c>
      <c r="V34977">
        <v>155</v>
      </c>
      <c r="W34977">
        <v>159</v>
      </c>
      <c r="X34977">
        <v>161</v>
      </c>
      <c r="Y34977">
        <v>164</v>
      </c>
      <c r="Z34977">
        <v>167</v>
      </c>
      <c r="AA34977">
        <v>170</v>
      </c>
      <c r="AB34977">
        <v>173</v>
      </c>
      <c r="AC34977">
        <v>176</v>
      </c>
      <c r="AD34977">
        <v>179</v>
      </c>
      <c r="AE34977">
        <v>182</v>
      </c>
      <c r="AF34977">
        <v>185</v>
      </c>
      <c r="AG34977">
        <v>188</v>
      </c>
      <c r="AH34977">
        <v>191</v>
      </c>
      <c r="AI34977">
        <v>194</v>
      </c>
      <c r="AJ34977">
        <v>197</v>
      </c>
      <c r="AK34977">
        <v>200</v>
      </c>
      <c r="AL34977">
        <v>202</v>
      </c>
      <c r="AM34977">
        <v>204</v>
      </c>
      <c r="AN34977">
        <v>205</v>
      </c>
      <c r="AO34977">
        <v>207</v>
      </c>
      <c r="AP34977">
        <v>208</v>
      </c>
      <c r="AQ34977">
        <v>210</v>
      </c>
    </row>
    <row r="34978" spans="1:43">
      <c r="A34978" t="s">
        <v>21677</v>
      </c>
      <c r="B34978" t="s">
        <v>21678</v>
      </c>
      <c r="C34978" t="s">
        <v>21587</v>
      </c>
      <c r="D34978" t="s">
        <v>21588</v>
      </c>
      <c r="E34978" t="s">
        <v>21557</v>
      </c>
      <c r="F34978" t="s">
        <v>21558</v>
      </c>
      <c r="G34978" t="s">
        <v>20255</v>
      </c>
      <c r="H34978" t="s">
        <v>20256</v>
      </c>
      <c r="I34978" s="2">
        <v>1</v>
      </c>
      <c r="J34978" s="2">
        <v>0</v>
      </c>
      <c r="K34978" s="2">
        <v>0</v>
      </c>
      <c r="L34978" t="s">
        <v>120</v>
      </c>
      <c r="M34978" t="s">
        <v>83</v>
      </c>
      <c r="N34978" t="s">
        <v>84</v>
      </c>
      <c r="O34978" t="s">
        <v>85</v>
      </c>
      <c r="P34978" t="s">
        <v>86</v>
      </c>
      <c r="Q34978">
        <v>25</v>
      </c>
      <c r="R34978">
        <v>26</v>
      </c>
      <c r="S34978">
        <v>26</v>
      </c>
      <c r="T34978">
        <v>27</v>
      </c>
      <c r="U34978">
        <v>27</v>
      </c>
      <c r="V34978">
        <v>28</v>
      </c>
      <c r="W34978">
        <v>28</v>
      </c>
      <c r="X34978">
        <v>29</v>
      </c>
      <c r="Y34978">
        <v>29</v>
      </c>
      <c r="Z34978">
        <v>30</v>
      </c>
      <c r="AA34978">
        <v>30</v>
      </c>
      <c r="AB34978">
        <v>31</v>
      </c>
      <c r="AC34978">
        <v>31</v>
      </c>
      <c r="AD34978">
        <v>32</v>
      </c>
      <c r="AE34978">
        <v>32</v>
      </c>
      <c r="AF34978">
        <v>33</v>
      </c>
      <c r="AG34978">
        <v>33</v>
      </c>
      <c r="AH34978">
        <v>34</v>
      </c>
      <c r="AI34978">
        <v>34</v>
      </c>
      <c r="AJ34978">
        <v>35</v>
      </c>
      <c r="AK34978">
        <v>35</v>
      </c>
      <c r="AL34978">
        <v>36</v>
      </c>
      <c r="AM34978">
        <v>36</v>
      </c>
      <c r="AN34978">
        <v>36</v>
      </c>
      <c r="AO34978">
        <v>36</v>
      </c>
      <c r="AP34978">
        <v>37</v>
      </c>
      <c r="AQ34978">
        <v>37</v>
      </c>
    </row>
    <row r="34979" spans="1:43">
      <c r="A34979" t="s">
        <v>21677</v>
      </c>
      <c r="B34979" t="s">
        <v>21678</v>
      </c>
      <c r="C34979" t="s">
        <v>21587</v>
      </c>
      <c r="D34979" t="s">
        <v>21588</v>
      </c>
      <c r="E34979" t="s">
        <v>21557</v>
      </c>
      <c r="F34979" t="s">
        <v>21558</v>
      </c>
      <c r="G34979" t="s">
        <v>20255</v>
      </c>
      <c r="H34979" t="s">
        <v>20256</v>
      </c>
      <c r="I34979" s="2">
        <v>1</v>
      </c>
      <c r="J34979" s="2">
        <v>0</v>
      </c>
      <c r="K34979" s="2">
        <v>0</v>
      </c>
      <c r="L34979" t="s">
        <v>120</v>
      </c>
      <c r="M34979" t="s">
        <v>87</v>
      </c>
      <c r="N34979" t="s">
        <v>88</v>
      </c>
      <c r="O34979" t="s">
        <v>85</v>
      </c>
      <c r="P34979" t="s">
        <v>86</v>
      </c>
      <c r="Q34979">
        <v>25</v>
      </c>
      <c r="R34979">
        <v>25</v>
      </c>
      <c r="S34979">
        <v>25</v>
      </c>
      <c r="T34979">
        <v>26</v>
      </c>
      <c r="U34979">
        <v>26</v>
      </c>
      <c r="V34979">
        <v>26</v>
      </c>
      <c r="W34979">
        <v>26</v>
      </c>
      <c r="X34979">
        <v>27</v>
      </c>
      <c r="Y34979">
        <v>27</v>
      </c>
      <c r="Z34979">
        <v>27</v>
      </c>
      <c r="AA34979">
        <v>27</v>
      </c>
      <c r="AB34979">
        <v>28</v>
      </c>
      <c r="AC34979">
        <v>28</v>
      </c>
      <c r="AD34979">
        <v>28</v>
      </c>
      <c r="AE34979">
        <v>29</v>
      </c>
      <c r="AF34979">
        <v>29</v>
      </c>
      <c r="AG34979">
        <v>29</v>
      </c>
      <c r="AH34979">
        <v>29</v>
      </c>
      <c r="AI34979">
        <v>30</v>
      </c>
      <c r="AJ34979">
        <v>30</v>
      </c>
      <c r="AK34979">
        <v>30</v>
      </c>
      <c r="AL34979">
        <v>31</v>
      </c>
      <c r="AM34979">
        <v>31</v>
      </c>
      <c r="AN34979">
        <v>31</v>
      </c>
      <c r="AO34979">
        <v>31</v>
      </c>
      <c r="AP34979">
        <v>32</v>
      </c>
      <c r="AQ34979">
        <v>32</v>
      </c>
    </row>
    <row r="34980" spans="1:43">
      <c r="A34980" t="s">
        <v>21677</v>
      </c>
      <c r="B34980" t="s">
        <v>21678</v>
      </c>
      <c r="C34980" t="s">
        <v>21587</v>
      </c>
      <c r="D34980" t="s">
        <v>21588</v>
      </c>
      <c r="E34980" t="s">
        <v>21557</v>
      </c>
      <c r="F34980" t="s">
        <v>21558</v>
      </c>
      <c r="G34980" t="s">
        <v>20255</v>
      </c>
      <c r="H34980" t="s">
        <v>20256</v>
      </c>
      <c r="I34980" s="2">
        <v>1</v>
      </c>
      <c r="J34980" s="2">
        <v>0</v>
      </c>
      <c r="K34980" s="2">
        <v>0</v>
      </c>
      <c r="L34980" t="s">
        <v>120</v>
      </c>
      <c r="M34980" t="s">
        <v>89</v>
      </c>
      <c r="N34980" t="s">
        <v>90</v>
      </c>
      <c r="O34980" t="s">
        <v>85</v>
      </c>
      <c r="P34980" t="s">
        <v>86</v>
      </c>
      <c r="Q34980">
        <v>25</v>
      </c>
      <c r="R34980">
        <v>26</v>
      </c>
      <c r="S34980">
        <v>27</v>
      </c>
      <c r="T34980">
        <v>27</v>
      </c>
      <c r="U34980">
        <v>28</v>
      </c>
      <c r="V34980">
        <v>29</v>
      </c>
      <c r="W34980">
        <v>29</v>
      </c>
      <c r="X34980">
        <v>30</v>
      </c>
      <c r="Y34980">
        <v>31</v>
      </c>
      <c r="Z34980">
        <v>31</v>
      </c>
      <c r="AA34980">
        <v>32</v>
      </c>
      <c r="AB34980">
        <v>33</v>
      </c>
      <c r="AC34980">
        <v>33</v>
      </c>
      <c r="AD34980">
        <v>34</v>
      </c>
      <c r="AE34980">
        <v>35</v>
      </c>
      <c r="AF34980">
        <v>35</v>
      </c>
      <c r="AG34980">
        <v>35</v>
      </c>
      <c r="AH34980">
        <v>35</v>
      </c>
      <c r="AI34980">
        <v>35</v>
      </c>
      <c r="AJ34980">
        <v>36</v>
      </c>
      <c r="AK34980">
        <v>36</v>
      </c>
      <c r="AL34980">
        <v>36</v>
      </c>
      <c r="AM34980">
        <v>36</v>
      </c>
      <c r="AN34980">
        <v>37</v>
      </c>
      <c r="AO34980">
        <v>37</v>
      </c>
      <c r="AP34980">
        <v>37</v>
      </c>
      <c r="AQ34980">
        <v>37</v>
      </c>
    </row>
    <row r="34981" spans="1:43">
      <c r="A34981" t="s">
        <v>21677</v>
      </c>
      <c r="B34981" t="s">
        <v>21678</v>
      </c>
      <c r="C34981" t="s">
        <v>21587</v>
      </c>
      <c r="D34981" t="s">
        <v>21588</v>
      </c>
      <c r="E34981" t="s">
        <v>21557</v>
      </c>
      <c r="F34981" t="s">
        <v>21558</v>
      </c>
      <c r="G34981" t="s">
        <v>20255</v>
      </c>
      <c r="H34981" t="s">
        <v>20256</v>
      </c>
      <c r="I34981" s="2">
        <v>1</v>
      </c>
      <c r="J34981" s="2">
        <v>0</v>
      </c>
      <c r="K34981" s="2">
        <v>0</v>
      </c>
      <c r="L34981" t="s">
        <v>120</v>
      </c>
      <c r="M34981" t="s">
        <v>83</v>
      </c>
      <c r="N34981" t="s">
        <v>91</v>
      </c>
      <c r="O34981" t="s">
        <v>85</v>
      </c>
      <c r="P34981" t="s">
        <v>86</v>
      </c>
      <c r="Q34981">
        <v>25</v>
      </c>
      <c r="R34981">
        <v>26</v>
      </c>
      <c r="S34981">
        <v>26</v>
      </c>
      <c r="T34981">
        <v>27</v>
      </c>
      <c r="U34981">
        <v>27</v>
      </c>
      <c r="V34981">
        <v>28</v>
      </c>
      <c r="W34981">
        <v>28</v>
      </c>
      <c r="X34981">
        <v>29</v>
      </c>
      <c r="Y34981">
        <v>29</v>
      </c>
      <c r="Z34981">
        <v>30</v>
      </c>
      <c r="AA34981">
        <v>30</v>
      </c>
      <c r="AB34981">
        <v>31</v>
      </c>
      <c r="AC34981">
        <v>31</v>
      </c>
      <c r="AD34981">
        <v>32</v>
      </c>
      <c r="AE34981">
        <v>32</v>
      </c>
      <c r="AF34981">
        <v>33</v>
      </c>
      <c r="AG34981">
        <v>33</v>
      </c>
      <c r="AH34981">
        <v>34</v>
      </c>
      <c r="AI34981">
        <v>34</v>
      </c>
      <c r="AJ34981">
        <v>35</v>
      </c>
      <c r="AK34981">
        <v>35</v>
      </c>
      <c r="AL34981">
        <v>36</v>
      </c>
      <c r="AM34981">
        <v>36</v>
      </c>
      <c r="AN34981">
        <v>36</v>
      </c>
      <c r="AO34981">
        <v>36</v>
      </c>
      <c r="AP34981">
        <v>37</v>
      </c>
      <c r="AQ34981">
        <v>37</v>
      </c>
    </row>
    <row r="34982" spans="1:43">
      <c r="A34982" t="s">
        <v>21679</v>
      </c>
      <c r="B34982" t="s">
        <v>21680</v>
      </c>
      <c r="C34982" t="s">
        <v>21587</v>
      </c>
      <c r="D34982" t="s">
        <v>21588</v>
      </c>
      <c r="E34982" t="s">
        <v>21557</v>
      </c>
      <c r="F34982" t="s">
        <v>21558</v>
      </c>
      <c r="G34982" t="s">
        <v>20255</v>
      </c>
      <c r="H34982" t="s">
        <v>20256</v>
      </c>
      <c r="I34982" s="2">
        <v>1</v>
      </c>
      <c r="J34982" s="2">
        <v>0</v>
      </c>
      <c r="K34982" s="2">
        <v>0</v>
      </c>
      <c r="L34982" t="s">
        <v>120</v>
      </c>
      <c r="M34982" t="s">
        <v>83</v>
      </c>
      <c r="N34982" t="s">
        <v>84</v>
      </c>
      <c r="O34982" t="s">
        <v>85</v>
      </c>
      <c r="P34982" t="s">
        <v>86</v>
      </c>
      <c r="Q34982">
        <v>76</v>
      </c>
      <c r="R34982">
        <v>78</v>
      </c>
      <c r="S34982">
        <v>79</v>
      </c>
      <c r="T34982">
        <v>81</v>
      </c>
      <c r="U34982">
        <v>82</v>
      </c>
      <c r="V34982">
        <v>84</v>
      </c>
      <c r="W34982">
        <v>86</v>
      </c>
      <c r="X34982">
        <v>87</v>
      </c>
      <c r="Y34982">
        <v>89</v>
      </c>
      <c r="Z34982">
        <v>90</v>
      </c>
      <c r="AA34982">
        <v>92</v>
      </c>
      <c r="AB34982">
        <v>93</v>
      </c>
      <c r="AC34982">
        <v>95</v>
      </c>
      <c r="AD34982">
        <v>96</v>
      </c>
      <c r="AE34982">
        <v>98</v>
      </c>
      <c r="AF34982">
        <v>99</v>
      </c>
      <c r="AG34982">
        <v>101</v>
      </c>
      <c r="AH34982">
        <v>103</v>
      </c>
      <c r="AI34982">
        <v>104</v>
      </c>
      <c r="AJ34982">
        <v>106</v>
      </c>
      <c r="AK34982">
        <v>107</v>
      </c>
      <c r="AL34982">
        <v>108</v>
      </c>
      <c r="AM34982">
        <v>109</v>
      </c>
      <c r="AN34982">
        <v>110</v>
      </c>
      <c r="AO34982">
        <v>111</v>
      </c>
      <c r="AP34982">
        <v>111</v>
      </c>
      <c r="AQ34982">
        <v>112</v>
      </c>
    </row>
    <row r="34983" spans="1:43">
      <c r="A34983" t="s">
        <v>21679</v>
      </c>
      <c r="B34983" t="s">
        <v>21680</v>
      </c>
      <c r="C34983" t="s">
        <v>21587</v>
      </c>
      <c r="D34983" t="s">
        <v>21588</v>
      </c>
      <c r="E34983" t="s">
        <v>21557</v>
      </c>
      <c r="F34983" t="s">
        <v>21558</v>
      </c>
      <c r="G34983" t="s">
        <v>20255</v>
      </c>
      <c r="H34983" t="s">
        <v>20256</v>
      </c>
      <c r="I34983" s="2">
        <v>1</v>
      </c>
      <c r="J34983" s="2">
        <v>0</v>
      </c>
      <c r="K34983" s="2">
        <v>0</v>
      </c>
      <c r="L34983" t="s">
        <v>120</v>
      </c>
      <c r="M34983" t="s">
        <v>87</v>
      </c>
      <c r="N34983" t="s">
        <v>88</v>
      </c>
      <c r="O34983" t="s">
        <v>85</v>
      </c>
      <c r="P34983" t="s">
        <v>86</v>
      </c>
      <c r="Q34983">
        <v>76</v>
      </c>
      <c r="R34983">
        <v>76</v>
      </c>
      <c r="S34983">
        <v>77</v>
      </c>
      <c r="T34983">
        <v>78</v>
      </c>
      <c r="U34983">
        <v>79</v>
      </c>
      <c r="V34983">
        <v>80</v>
      </c>
      <c r="W34983">
        <v>80</v>
      </c>
      <c r="X34983">
        <v>81</v>
      </c>
      <c r="Y34983">
        <v>82</v>
      </c>
      <c r="Z34983">
        <v>83</v>
      </c>
      <c r="AA34983">
        <v>84</v>
      </c>
      <c r="AB34983">
        <v>84</v>
      </c>
      <c r="AC34983">
        <v>85</v>
      </c>
      <c r="AD34983">
        <v>86</v>
      </c>
      <c r="AE34983">
        <v>87</v>
      </c>
      <c r="AF34983">
        <v>88</v>
      </c>
      <c r="AG34983">
        <v>88</v>
      </c>
      <c r="AH34983">
        <v>89</v>
      </c>
      <c r="AI34983">
        <v>90</v>
      </c>
      <c r="AJ34983">
        <v>91</v>
      </c>
      <c r="AK34983">
        <v>92</v>
      </c>
      <c r="AL34983">
        <v>93</v>
      </c>
      <c r="AM34983">
        <v>94</v>
      </c>
      <c r="AN34983">
        <v>94</v>
      </c>
      <c r="AO34983">
        <v>95</v>
      </c>
      <c r="AP34983">
        <v>96</v>
      </c>
      <c r="AQ34983">
        <v>97</v>
      </c>
    </row>
    <row r="34984" spans="1:43">
      <c r="A34984" t="s">
        <v>21679</v>
      </c>
      <c r="B34984" t="s">
        <v>21680</v>
      </c>
      <c r="C34984" t="s">
        <v>21587</v>
      </c>
      <c r="D34984" t="s">
        <v>21588</v>
      </c>
      <c r="E34984" t="s">
        <v>21557</v>
      </c>
      <c r="F34984" t="s">
        <v>21558</v>
      </c>
      <c r="G34984" t="s">
        <v>20255</v>
      </c>
      <c r="H34984" t="s">
        <v>20256</v>
      </c>
      <c r="I34984" s="2">
        <v>1</v>
      </c>
      <c r="J34984" s="2">
        <v>0</v>
      </c>
      <c r="K34984" s="2">
        <v>0</v>
      </c>
      <c r="L34984" t="s">
        <v>120</v>
      </c>
      <c r="M34984" t="s">
        <v>89</v>
      </c>
      <c r="N34984" t="s">
        <v>90</v>
      </c>
      <c r="O34984" t="s">
        <v>85</v>
      </c>
      <c r="P34984" t="s">
        <v>86</v>
      </c>
      <c r="Q34984">
        <v>76</v>
      </c>
      <c r="R34984">
        <v>78</v>
      </c>
      <c r="S34984">
        <v>80</v>
      </c>
      <c r="T34984">
        <v>83</v>
      </c>
      <c r="U34984">
        <v>85</v>
      </c>
      <c r="V34984">
        <v>87</v>
      </c>
      <c r="W34984">
        <v>89</v>
      </c>
      <c r="X34984">
        <v>91</v>
      </c>
      <c r="Y34984">
        <v>93</v>
      </c>
      <c r="Z34984">
        <v>95</v>
      </c>
      <c r="AA34984">
        <v>96</v>
      </c>
      <c r="AB34984">
        <v>98</v>
      </c>
      <c r="AC34984">
        <v>100</v>
      </c>
      <c r="AD34984">
        <v>102</v>
      </c>
      <c r="AE34984">
        <v>104</v>
      </c>
      <c r="AF34984">
        <v>104</v>
      </c>
      <c r="AG34984">
        <v>105</v>
      </c>
      <c r="AH34984">
        <v>106</v>
      </c>
      <c r="AI34984">
        <v>107</v>
      </c>
      <c r="AJ34984">
        <v>107</v>
      </c>
      <c r="AK34984">
        <v>108</v>
      </c>
      <c r="AL34984">
        <v>109</v>
      </c>
      <c r="AM34984">
        <v>109</v>
      </c>
      <c r="AN34984">
        <v>110</v>
      </c>
      <c r="AO34984">
        <v>111</v>
      </c>
      <c r="AP34984">
        <v>111</v>
      </c>
      <c r="AQ34984">
        <v>112</v>
      </c>
    </row>
    <row r="34985" spans="1:43">
      <c r="A34985" t="s">
        <v>21679</v>
      </c>
      <c r="B34985" t="s">
        <v>21680</v>
      </c>
      <c r="C34985" t="s">
        <v>21587</v>
      </c>
      <c r="D34985" t="s">
        <v>21588</v>
      </c>
      <c r="E34985" t="s">
        <v>21557</v>
      </c>
      <c r="F34985" t="s">
        <v>21558</v>
      </c>
      <c r="G34985" t="s">
        <v>20255</v>
      </c>
      <c r="H34985" t="s">
        <v>20256</v>
      </c>
      <c r="I34985" s="2">
        <v>1</v>
      </c>
      <c r="J34985" s="2">
        <v>0</v>
      </c>
      <c r="K34985" s="2">
        <v>0</v>
      </c>
      <c r="L34985" t="s">
        <v>120</v>
      </c>
      <c r="M34985" t="s">
        <v>83</v>
      </c>
      <c r="N34985" t="s">
        <v>91</v>
      </c>
      <c r="O34985" t="s">
        <v>85</v>
      </c>
      <c r="P34985" t="s">
        <v>86</v>
      </c>
      <c r="Q34985">
        <v>76</v>
      </c>
      <c r="R34985">
        <v>78</v>
      </c>
      <c r="S34985">
        <v>79</v>
      </c>
      <c r="T34985">
        <v>81</v>
      </c>
      <c r="U34985">
        <v>82</v>
      </c>
      <c r="V34985">
        <v>84</v>
      </c>
      <c r="W34985">
        <v>86</v>
      </c>
      <c r="X34985">
        <v>87</v>
      </c>
      <c r="Y34985">
        <v>89</v>
      </c>
      <c r="Z34985">
        <v>90</v>
      </c>
      <c r="AA34985">
        <v>92</v>
      </c>
      <c r="AB34985">
        <v>93</v>
      </c>
      <c r="AC34985">
        <v>95</v>
      </c>
      <c r="AD34985">
        <v>96</v>
      </c>
      <c r="AE34985">
        <v>98</v>
      </c>
      <c r="AF34985">
        <v>99</v>
      </c>
      <c r="AG34985">
        <v>101</v>
      </c>
      <c r="AH34985">
        <v>103</v>
      </c>
      <c r="AI34985">
        <v>104</v>
      </c>
      <c r="AJ34985">
        <v>106</v>
      </c>
      <c r="AK34985">
        <v>107</v>
      </c>
      <c r="AL34985">
        <v>108</v>
      </c>
      <c r="AM34985">
        <v>109</v>
      </c>
      <c r="AN34985">
        <v>110</v>
      </c>
      <c r="AO34985">
        <v>111</v>
      </c>
      <c r="AP34985">
        <v>111</v>
      </c>
      <c r="AQ34985">
        <v>112</v>
      </c>
    </row>
    <row r="34986" spans="1:43">
      <c r="A34986" t="s">
        <v>21681</v>
      </c>
      <c r="B34986" t="s">
        <v>21682</v>
      </c>
      <c r="C34986" t="s">
        <v>21587</v>
      </c>
      <c r="D34986" t="s">
        <v>21588</v>
      </c>
      <c r="E34986" t="s">
        <v>21557</v>
      </c>
      <c r="F34986" t="s">
        <v>21558</v>
      </c>
      <c r="G34986" t="s">
        <v>20255</v>
      </c>
      <c r="H34986" t="s">
        <v>20256</v>
      </c>
      <c r="I34986" s="2">
        <v>1</v>
      </c>
      <c r="J34986" s="2">
        <v>0</v>
      </c>
      <c r="K34986" s="2">
        <v>0</v>
      </c>
      <c r="L34986" t="s">
        <v>120</v>
      </c>
      <c r="M34986" t="s">
        <v>83</v>
      </c>
      <c r="N34986" t="s">
        <v>84</v>
      </c>
      <c r="O34986" t="s">
        <v>85</v>
      </c>
      <c r="P34986" t="s">
        <v>86</v>
      </c>
      <c r="Q34986">
        <v>4</v>
      </c>
      <c r="R34986">
        <v>4</v>
      </c>
      <c r="S34986">
        <v>4</v>
      </c>
      <c r="T34986">
        <v>4</v>
      </c>
      <c r="U34986">
        <v>4</v>
      </c>
      <c r="V34986">
        <v>4</v>
      </c>
      <c r="W34986">
        <v>4</v>
      </c>
      <c r="X34986">
        <v>4</v>
      </c>
      <c r="Y34986">
        <v>5</v>
      </c>
      <c r="Z34986">
        <v>5</v>
      </c>
      <c r="AA34986">
        <v>5</v>
      </c>
      <c r="AB34986">
        <v>5</v>
      </c>
      <c r="AC34986">
        <v>5</v>
      </c>
      <c r="AD34986">
        <v>5</v>
      </c>
      <c r="AE34986">
        <v>5</v>
      </c>
      <c r="AF34986">
        <v>5</v>
      </c>
      <c r="AG34986">
        <v>5</v>
      </c>
      <c r="AH34986">
        <v>5</v>
      </c>
      <c r="AI34986">
        <v>5</v>
      </c>
      <c r="AJ34986">
        <v>5</v>
      </c>
      <c r="AK34986">
        <v>5</v>
      </c>
      <c r="AL34986">
        <v>6</v>
      </c>
      <c r="AM34986">
        <v>6</v>
      </c>
      <c r="AN34986">
        <v>6</v>
      </c>
      <c r="AO34986">
        <v>6</v>
      </c>
      <c r="AP34986">
        <v>6</v>
      </c>
      <c r="AQ34986">
        <v>6</v>
      </c>
    </row>
    <row r="34987" spans="1:43">
      <c r="A34987" t="s">
        <v>21681</v>
      </c>
      <c r="B34987" t="s">
        <v>21682</v>
      </c>
      <c r="C34987" t="s">
        <v>21587</v>
      </c>
      <c r="D34987" t="s">
        <v>21588</v>
      </c>
      <c r="E34987" t="s">
        <v>21557</v>
      </c>
      <c r="F34987" t="s">
        <v>21558</v>
      </c>
      <c r="G34987" t="s">
        <v>20255</v>
      </c>
      <c r="H34987" t="s">
        <v>20256</v>
      </c>
      <c r="I34987" s="2">
        <v>1</v>
      </c>
      <c r="J34987" s="2">
        <v>0</v>
      </c>
      <c r="K34987" s="2">
        <v>0</v>
      </c>
      <c r="L34987" t="s">
        <v>120</v>
      </c>
      <c r="M34987" t="s">
        <v>87</v>
      </c>
      <c r="N34987" t="s">
        <v>88</v>
      </c>
      <c r="O34987" t="s">
        <v>85</v>
      </c>
      <c r="P34987" t="s">
        <v>86</v>
      </c>
      <c r="Q34987">
        <v>4</v>
      </c>
      <c r="R34987">
        <v>4</v>
      </c>
      <c r="S34987">
        <v>4</v>
      </c>
      <c r="T34987">
        <v>4</v>
      </c>
      <c r="U34987">
        <v>4</v>
      </c>
      <c r="V34987">
        <v>4</v>
      </c>
      <c r="W34987">
        <v>4</v>
      </c>
      <c r="X34987">
        <v>4</v>
      </c>
      <c r="Y34987">
        <v>4</v>
      </c>
      <c r="Z34987">
        <v>4</v>
      </c>
      <c r="AA34987">
        <v>4</v>
      </c>
      <c r="AB34987">
        <v>4</v>
      </c>
      <c r="AC34987">
        <v>4</v>
      </c>
      <c r="AD34987">
        <v>4</v>
      </c>
      <c r="AE34987">
        <v>4</v>
      </c>
      <c r="AF34987">
        <v>4</v>
      </c>
      <c r="AG34987">
        <v>5</v>
      </c>
      <c r="AH34987">
        <v>5</v>
      </c>
      <c r="AI34987">
        <v>5</v>
      </c>
      <c r="AJ34987">
        <v>5</v>
      </c>
      <c r="AK34987">
        <v>5</v>
      </c>
      <c r="AL34987">
        <v>5</v>
      </c>
      <c r="AM34987">
        <v>5</v>
      </c>
      <c r="AN34987">
        <v>5</v>
      </c>
      <c r="AO34987">
        <v>5</v>
      </c>
      <c r="AP34987">
        <v>5</v>
      </c>
      <c r="AQ34987">
        <v>5</v>
      </c>
    </row>
    <row r="34988" spans="1:43">
      <c r="A34988" t="s">
        <v>21681</v>
      </c>
      <c r="B34988" t="s">
        <v>21682</v>
      </c>
      <c r="C34988" t="s">
        <v>21587</v>
      </c>
      <c r="D34988" t="s">
        <v>21588</v>
      </c>
      <c r="E34988" t="s">
        <v>21557</v>
      </c>
      <c r="F34988" t="s">
        <v>21558</v>
      </c>
      <c r="G34988" t="s">
        <v>20255</v>
      </c>
      <c r="H34988" t="s">
        <v>20256</v>
      </c>
      <c r="I34988" s="2">
        <v>1</v>
      </c>
      <c r="J34988" s="2">
        <v>0</v>
      </c>
      <c r="K34988" s="2">
        <v>0</v>
      </c>
      <c r="L34988" t="s">
        <v>120</v>
      </c>
      <c r="M34988" t="s">
        <v>89</v>
      </c>
      <c r="N34988" t="s">
        <v>90</v>
      </c>
      <c r="O34988" t="s">
        <v>85</v>
      </c>
      <c r="P34988" t="s">
        <v>86</v>
      </c>
      <c r="Q34988">
        <v>4</v>
      </c>
      <c r="R34988">
        <v>4</v>
      </c>
      <c r="S34988">
        <v>4</v>
      </c>
      <c r="T34988">
        <v>4</v>
      </c>
      <c r="U34988">
        <v>4</v>
      </c>
      <c r="V34988">
        <v>4</v>
      </c>
      <c r="W34988">
        <v>5</v>
      </c>
      <c r="X34988">
        <v>5</v>
      </c>
      <c r="Y34988">
        <v>5</v>
      </c>
      <c r="Z34988">
        <v>5</v>
      </c>
      <c r="AA34988">
        <v>5</v>
      </c>
      <c r="AB34988">
        <v>5</v>
      </c>
      <c r="AC34988">
        <v>5</v>
      </c>
      <c r="AD34988">
        <v>5</v>
      </c>
      <c r="AE34988">
        <v>5</v>
      </c>
      <c r="AF34988">
        <v>5</v>
      </c>
      <c r="AG34988">
        <v>5</v>
      </c>
      <c r="AH34988">
        <v>5</v>
      </c>
      <c r="AI34988">
        <v>6</v>
      </c>
      <c r="AJ34988">
        <v>6</v>
      </c>
      <c r="AK34988">
        <v>6</v>
      </c>
      <c r="AL34988">
        <v>6</v>
      </c>
      <c r="AM34988">
        <v>6</v>
      </c>
      <c r="AN34988">
        <v>6</v>
      </c>
      <c r="AO34988">
        <v>6</v>
      </c>
      <c r="AP34988">
        <v>6</v>
      </c>
      <c r="AQ34988">
        <v>6</v>
      </c>
    </row>
    <row r="34989" spans="1:43">
      <c r="A34989" t="s">
        <v>21681</v>
      </c>
      <c r="B34989" t="s">
        <v>21682</v>
      </c>
      <c r="C34989" t="s">
        <v>21587</v>
      </c>
      <c r="D34989" t="s">
        <v>21588</v>
      </c>
      <c r="E34989" t="s">
        <v>21557</v>
      </c>
      <c r="F34989" t="s">
        <v>21558</v>
      </c>
      <c r="G34989" t="s">
        <v>20255</v>
      </c>
      <c r="H34989" t="s">
        <v>20256</v>
      </c>
      <c r="I34989" s="2">
        <v>1</v>
      </c>
      <c r="J34989" s="2">
        <v>0</v>
      </c>
      <c r="K34989" s="2">
        <v>0</v>
      </c>
      <c r="L34989" t="s">
        <v>120</v>
      </c>
      <c r="M34989" t="s">
        <v>83</v>
      </c>
      <c r="N34989" t="s">
        <v>91</v>
      </c>
      <c r="O34989" t="s">
        <v>85</v>
      </c>
      <c r="P34989" t="s">
        <v>86</v>
      </c>
      <c r="Q34989">
        <v>4</v>
      </c>
      <c r="R34989">
        <v>4</v>
      </c>
      <c r="S34989">
        <v>4</v>
      </c>
      <c r="T34989">
        <v>4</v>
      </c>
      <c r="U34989">
        <v>4</v>
      </c>
      <c r="V34989">
        <v>4</v>
      </c>
      <c r="W34989">
        <v>4</v>
      </c>
      <c r="X34989">
        <v>4</v>
      </c>
      <c r="Y34989">
        <v>5</v>
      </c>
      <c r="Z34989">
        <v>5</v>
      </c>
      <c r="AA34989">
        <v>5</v>
      </c>
      <c r="AB34989">
        <v>5</v>
      </c>
      <c r="AC34989">
        <v>5</v>
      </c>
      <c r="AD34989">
        <v>5</v>
      </c>
      <c r="AE34989">
        <v>5</v>
      </c>
      <c r="AF34989">
        <v>5</v>
      </c>
      <c r="AG34989">
        <v>5</v>
      </c>
      <c r="AH34989">
        <v>5</v>
      </c>
      <c r="AI34989">
        <v>5</v>
      </c>
      <c r="AJ34989">
        <v>5</v>
      </c>
      <c r="AK34989">
        <v>5</v>
      </c>
      <c r="AL34989">
        <v>6</v>
      </c>
      <c r="AM34989">
        <v>6</v>
      </c>
      <c r="AN34989">
        <v>6</v>
      </c>
      <c r="AO34989">
        <v>6</v>
      </c>
      <c r="AP34989">
        <v>6</v>
      </c>
      <c r="AQ34989">
        <v>6</v>
      </c>
    </row>
    <row r="34990" spans="1:43">
      <c r="A34990" t="s">
        <v>21683</v>
      </c>
      <c r="B34990" t="s">
        <v>21684</v>
      </c>
      <c r="C34990" t="s">
        <v>21685</v>
      </c>
      <c r="D34990" t="s">
        <v>21686</v>
      </c>
      <c r="E34990" t="s">
        <v>21687</v>
      </c>
      <c r="F34990" t="s">
        <v>21688</v>
      </c>
      <c r="G34990" t="s">
        <v>20255</v>
      </c>
      <c r="H34990" t="s">
        <v>20256</v>
      </c>
      <c r="I34990" s="2">
        <v>1</v>
      </c>
      <c r="J34990" s="2">
        <v>0</v>
      </c>
      <c r="K34990" s="2">
        <v>0</v>
      </c>
      <c r="L34990" t="s">
        <v>120</v>
      </c>
      <c r="M34990" t="s">
        <v>83</v>
      </c>
      <c r="N34990" t="s">
        <v>84</v>
      </c>
      <c r="O34990" t="s">
        <v>85</v>
      </c>
      <c r="P34990" t="s">
        <v>86</v>
      </c>
      <c r="Q34990">
        <v>83</v>
      </c>
      <c r="R34990">
        <v>84</v>
      </c>
      <c r="S34990">
        <v>85</v>
      </c>
      <c r="T34990">
        <v>86</v>
      </c>
      <c r="U34990">
        <v>87</v>
      </c>
      <c r="V34990">
        <v>88</v>
      </c>
      <c r="W34990">
        <v>89</v>
      </c>
      <c r="X34990">
        <v>90</v>
      </c>
      <c r="Y34990">
        <v>91</v>
      </c>
      <c r="Z34990">
        <v>92</v>
      </c>
      <c r="AA34990">
        <v>93</v>
      </c>
      <c r="AB34990">
        <v>94</v>
      </c>
      <c r="AC34990">
        <v>95</v>
      </c>
      <c r="AD34990">
        <v>96</v>
      </c>
      <c r="AE34990">
        <v>97</v>
      </c>
      <c r="AF34990">
        <v>98</v>
      </c>
      <c r="AG34990">
        <v>99</v>
      </c>
      <c r="AH34990">
        <v>100</v>
      </c>
      <c r="AI34990">
        <v>101</v>
      </c>
      <c r="AJ34990">
        <v>102</v>
      </c>
      <c r="AK34990">
        <v>103</v>
      </c>
      <c r="AL34990">
        <v>103</v>
      </c>
      <c r="AM34990">
        <v>103</v>
      </c>
      <c r="AN34990">
        <v>103</v>
      </c>
      <c r="AO34990">
        <v>104</v>
      </c>
      <c r="AP34990">
        <v>104</v>
      </c>
      <c r="AQ34990">
        <v>104</v>
      </c>
    </row>
    <row r="34991" spans="1:43">
      <c r="A34991" t="s">
        <v>21683</v>
      </c>
      <c r="B34991" t="s">
        <v>21684</v>
      </c>
      <c r="C34991" t="s">
        <v>21685</v>
      </c>
      <c r="D34991" t="s">
        <v>21686</v>
      </c>
      <c r="E34991" t="s">
        <v>21687</v>
      </c>
      <c r="F34991" t="s">
        <v>21688</v>
      </c>
      <c r="G34991" t="s">
        <v>20255</v>
      </c>
      <c r="H34991" t="s">
        <v>20256</v>
      </c>
      <c r="I34991" s="2">
        <v>1</v>
      </c>
      <c r="J34991" s="2">
        <v>0</v>
      </c>
      <c r="K34991" s="2">
        <v>0</v>
      </c>
      <c r="L34991" t="s">
        <v>120</v>
      </c>
      <c r="M34991" t="s">
        <v>87</v>
      </c>
      <c r="N34991" t="s">
        <v>88</v>
      </c>
      <c r="O34991" t="s">
        <v>85</v>
      </c>
      <c r="P34991" t="s">
        <v>86</v>
      </c>
      <c r="Q34991">
        <v>83</v>
      </c>
      <c r="R34991">
        <v>84</v>
      </c>
      <c r="S34991">
        <v>84</v>
      </c>
      <c r="T34991">
        <v>84</v>
      </c>
      <c r="U34991">
        <v>84</v>
      </c>
      <c r="V34991">
        <v>85</v>
      </c>
      <c r="W34991">
        <v>85</v>
      </c>
      <c r="X34991">
        <v>85</v>
      </c>
      <c r="Y34991">
        <v>85</v>
      </c>
      <c r="Z34991">
        <v>86</v>
      </c>
      <c r="AA34991">
        <v>86</v>
      </c>
      <c r="AB34991">
        <v>86</v>
      </c>
      <c r="AC34991">
        <v>86</v>
      </c>
      <c r="AD34991">
        <v>87</v>
      </c>
      <c r="AE34991">
        <v>87</v>
      </c>
      <c r="AF34991">
        <v>87</v>
      </c>
      <c r="AG34991">
        <v>87</v>
      </c>
      <c r="AH34991">
        <v>88</v>
      </c>
      <c r="AI34991">
        <v>88</v>
      </c>
      <c r="AJ34991">
        <v>88</v>
      </c>
      <c r="AK34991">
        <v>89</v>
      </c>
      <c r="AL34991">
        <v>89</v>
      </c>
      <c r="AM34991">
        <v>89</v>
      </c>
      <c r="AN34991">
        <v>90</v>
      </c>
      <c r="AO34991">
        <v>90</v>
      </c>
      <c r="AP34991">
        <v>91</v>
      </c>
      <c r="AQ34991">
        <v>91</v>
      </c>
    </row>
    <row r="34992" spans="1:43">
      <c r="A34992" t="s">
        <v>21683</v>
      </c>
      <c r="B34992" t="s">
        <v>21684</v>
      </c>
      <c r="C34992" t="s">
        <v>21685</v>
      </c>
      <c r="D34992" t="s">
        <v>21686</v>
      </c>
      <c r="E34992" t="s">
        <v>21687</v>
      </c>
      <c r="F34992" t="s">
        <v>21688</v>
      </c>
      <c r="G34992" t="s">
        <v>20255</v>
      </c>
      <c r="H34992" t="s">
        <v>20256</v>
      </c>
      <c r="I34992" s="2">
        <v>1</v>
      </c>
      <c r="J34992" s="2">
        <v>0</v>
      </c>
      <c r="K34992" s="2">
        <v>0</v>
      </c>
      <c r="L34992" t="s">
        <v>120</v>
      </c>
      <c r="M34992" t="s">
        <v>89</v>
      </c>
      <c r="N34992" t="s">
        <v>90</v>
      </c>
      <c r="O34992" t="s">
        <v>85</v>
      </c>
      <c r="P34992" t="s">
        <v>86</v>
      </c>
      <c r="Q34992">
        <v>83</v>
      </c>
      <c r="R34992">
        <v>85</v>
      </c>
      <c r="S34992">
        <v>86</v>
      </c>
      <c r="T34992">
        <v>88</v>
      </c>
      <c r="U34992">
        <v>90</v>
      </c>
      <c r="V34992">
        <v>91</v>
      </c>
      <c r="W34992">
        <v>93</v>
      </c>
      <c r="X34992">
        <v>94</v>
      </c>
      <c r="Y34992">
        <v>95</v>
      </c>
      <c r="Z34992">
        <v>97</v>
      </c>
      <c r="AA34992">
        <v>98</v>
      </c>
      <c r="AB34992">
        <v>99</v>
      </c>
      <c r="AC34992">
        <v>101</v>
      </c>
      <c r="AD34992">
        <v>102</v>
      </c>
      <c r="AE34992">
        <v>103</v>
      </c>
      <c r="AF34992">
        <v>103</v>
      </c>
      <c r="AG34992">
        <v>103</v>
      </c>
      <c r="AH34992">
        <v>103</v>
      </c>
      <c r="AI34992">
        <v>103</v>
      </c>
      <c r="AJ34992">
        <v>104</v>
      </c>
      <c r="AK34992">
        <v>104</v>
      </c>
      <c r="AL34992">
        <v>104</v>
      </c>
      <c r="AM34992">
        <v>104</v>
      </c>
      <c r="AN34992">
        <v>104</v>
      </c>
      <c r="AO34992">
        <v>104</v>
      </c>
      <c r="AP34992">
        <v>105</v>
      </c>
      <c r="AQ34992">
        <v>105</v>
      </c>
    </row>
    <row r="34993" spans="1:43">
      <c r="A34993" t="s">
        <v>21683</v>
      </c>
      <c r="B34993" t="s">
        <v>21684</v>
      </c>
      <c r="C34993" t="s">
        <v>21685</v>
      </c>
      <c r="D34993" t="s">
        <v>21686</v>
      </c>
      <c r="E34993" t="s">
        <v>21687</v>
      </c>
      <c r="F34993" t="s">
        <v>21688</v>
      </c>
      <c r="G34993" t="s">
        <v>20255</v>
      </c>
      <c r="H34993" t="s">
        <v>20256</v>
      </c>
      <c r="I34993" s="2">
        <v>1</v>
      </c>
      <c r="J34993" s="2">
        <v>0</v>
      </c>
      <c r="K34993" s="2">
        <v>0</v>
      </c>
      <c r="L34993" t="s">
        <v>120</v>
      </c>
      <c r="M34993" t="s">
        <v>83</v>
      </c>
      <c r="N34993" t="s">
        <v>91</v>
      </c>
      <c r="O34993" t="s">
        <v>85</v>
      </c>
      <c r="P34993" t="s">
        <v>86</v>
      </c>
      <c r="Q34993">
        <v>83</v>
      </c>
      <c r="R34993">
        <v>84</v>
      </c>
      <c r="S34993">
        <v>85</v>
      </c>
      <c r="T34993">
        <v>86</v>
      </c>
      <c r="U34993">
        <v>87</v>
      </c>
      <c r="V34993">
        <v>88</v>
      </c>
      <c r="W34993">
        <v>89</v>
      </c>
      <c r="X34993">
        <v>90</v>
      </c>
      <c r="Y34993">
        <v>91</v>
      </c>
      <c r="Z34993">
        <v>92</v>
      </c>
      <c r="AA34993">
        <v>93</v>
      </c>
      <c r="AB34993">
        <v>94</v>
      </c>
      <c r="AC34993">
        <v>95</v>
      </c>
      <c r="AD34993">
        <v>96</v>
      </c>
      <c r="AE34993">
        <v>97</v>
      </c>
      <c r="AF34993">
        <v>98</v>
      </c>
      <c r="AG34993">
        <v>99</v>
      </c>
      <c r="AH34993">
        <v>100</v>
      </c>
      <c r="AI34993">
        <v>101</v>
      </c>
      <c r="AJ34993">
        <v>102</v>
      </c>
      <c r="AK34993">
        <v>103</v>
      </c>
      <c r="AL34993">
        <v>103</v>
      </c>
      <c r="AM34993">
        <v>103</v>
      </c>
      <c r="AN34993">
        <v>103</v>
      </c>
      <c r="AO34993">
        <v>104</v>
      </c>
      <c r="AP34993">
        <v>104</v>
      </c>
      <c r="AQ34993">
        <v>104</v>
      </c>
    </row>
    <row r="34994" spans="1:43">
      <c r="A34994" t="s">
        <v>21689</v>
      </c>
      <c r="B34994" t="s">
        <v>21690</v>
      </c>
      <c r="C34994" t="s">
        <v>21691</v>
      </c>
      <c r="D34994" t="s">
        <v>21692</v>
      </c>
      <c r="E34994" t="s">
        <v>21687</v>
      </c>
      <c r="F34994" t="s">
        <v>21688</v>
      </c>
      <c r="G34994" t="s">
        <v>20255</v>
      </c>
      <c r="H34994" t="s">
        <v>20256</v>
      </c>
      <c r="I34994" s="2">
        <v>1</v>
      </c>
      <c r="J34994" s="2">
        <v>0</v>
      </c>
      <c r="K34994" s="2">
        <v>0</v>
      </c>
      <c r="L34994" t="s">
        <v>120</v>
      </c>
      <c r="M34994" t="s">
        <v>83</v>
      </c>
      <c r="N34994" t="s">
        <v>84</v>
      </c>
      <c r="O34994" t="s">
        <v>85</v>
      </c>
      <c r="P34994" t="s">
        <v>86</v>
      </c>
      <c r="Q34994">
        <v>7</v>
      </c>
      <c r="R34994">
        <v>7</v>
      </c>
      <c r="S34994">
        <v>7</v>
      </c>
      <c r="T34994">
        <v>7</v>
      </c>
      <c r="U34994">
        <v>7</v>
      </c>
      <c r="V34994">
        <v>7</v>
      </c>
      <c r="W34994">
        <v>8</v>
      </c>
      <c r="X34994">
        <v>8</v>
      </c>
      <c r="Y34994">
        <v>8</v>
      </c>
      <c r="Z34994">
        <v>8</v>
      </c>
      <c r="AA34994">
        <v>8</v>
      </c>
      <c r="AB34994">
        <v>8</v>
      </c>
      <c r="AC34994">
        <v>8</v>
      </c>
      <c r="AD34994">
        <v>8</v>
      </c>
      <c r="AE34994">
        <v>8</v>
      </c>
      <c r="AF34994">
        <v>8</v>
      </c>
      <c r="AG34994">
        <v>8</v>
      </c>
      <c r="AH34994">
        <v>8</v>
      </c>
      <c r="AI34994">
        <v>8</v>
      </c>
      <c r="AJ34994">
        <v>9</v>
      </c>
      <c r="AK34994">
        <v>9</v>
      </c>
      <c r="AL34994">
        <v>9</v>
      </c>
      <c r="AM34994">
        <v>9</v>
      </c>
      <c r="AN34994">
        <v>9</v>
      </c>
      <c r="AO34994">
        <v>9</v>
      </c>
      <c r="AP34994">
        <v>9</v>
      </c>
      <c r="AQ34994">
        <v>9</v>
      </c>
    </row>
    <row r="34995" spans="1:43">
      <c r="A34995" t="s">
        <v>21689</v>
      </c>
      <c r="B34995" t="s">
        <v>21690</v>
      </c>
      <c r="C34995" t="s">
        <v>21691</v>
      </c>
      <c r="D34995" t="s">
        <v>21692</v>
      </c>
      <c r="E34995" t="s">
        <v>21687</v>
      </c>
      <c r="F34995" t="s">
        <v>21688</v>
      </c>
      <c r="G34995" t="s">
        <v>20255</v>
      </c>
      <c r="H34995" t="s">
        <v>20256</v>
      </c>
      <c r="I34995" s="2">
        <v>1</v>
      </c>
      <c r="J34995" s="2">
        <v>0</v>
      </c>
      <c r="K34995" s="2">
        <v>0</v>
      </c>
      <c r="L34995" t="s">
        <v>120</v>
      </c>
      <c r="M34995" t="s">
        <v>87</v>
      </c>
      <c r="N34995" t="s">
        <v>88</v>
      </c>
      <c r="O34995" t="s">
        <v>85</v>
      </c>
      <c r="P34995" t="s">
        <v>86</v>
      </c>
      <c r="Q34995">
        <v>7</v>
      </c>
      <c r="R34995">
        <v>7</v>
      </c>
      <c r="S34995">
        <v>7</v>
      </c>
      <c r="T34995">
        <v>7</v>
      </c>
      <c r="U34995">
        <v>7</v>
      </c>
      <c r="V34995">
        <v>7</v>
      </c>
      <c r="W34995">
        <v>7</v>
      </c>
      <c r="X34995">
        <v>7</v>
      </c>
      <c r="Y34995">
        <v>7</v>
      </c>
      <c r="Z34995">
        <v>7</v>
      </c>
      <c r="AA34995">
        <v>7</v>
      </c>
      <c r="AB34995">
        <v>7</v>
      </c>
      <c r="AC34995">
        <v>7</v>
      </c>
      <c r="AD34995">
        <v>7</v>
      </c>
      <c r="AE34995">
        <v>7</v>
      </c>
      <c r="AF34995">
        <v>7</v>
      </c>
      <c r="AG34995">
        <v>7</v>
      </c>
      <c r="AH34995">
        <v>7</v>
      </c>
      <c r="AI34995">
        <v>7</v>
      </c>
      <c r="AJ34995">
        <v>7</v>
      </c>
      <c r="AK34995">
        <v>7</v>
      </c>
      <c r="AL34995">
        <v>7</v>
      </c>
      <c r="AM34995">
        <v>7</v>
      </c>
      <c r="AN34995">
        <v>7</v>
      </c>
      <c r="AO34995">
        <v>7</v>
      </c>
      <c r="AP34995">
        <v>8</v>
      </c>
      <c r="AQ34995">
        <v>8</v>
      </c>
    </row>
    <row r="34996" spans="1:43">
      <c r="A34996" t="s">
        <v>21689</v>
      </c>
      <c r="B34996" t="s">
        <v>21690</v>
      </c>
      <c r="C34996" t="s">
        <v>21691</v>
      </c>
      <c r="D34996" t="s">
        <v>21692</v>
      </c>
      <c r="E34996" t="s">
        <v>21687</v>
      </c>
      <c r="F34996" t="s">
        <v>21688</v>
      </c>
      <c r="G34996" t="s">
        <v>20255</v>
      </c>
      <c r="H34996" t="s">
        <v>20256</v>
      </c>
      <c r="I34996" s="2">
        <v>1</v>
      </c>
      <c r="J34996" s="2">
        <v>0</v>
      </c>
      <c r="K34996" s="2">
        <v>0</v>
      </c>
      <c r="L34996" t="s">
        <v>120</v>
      </c>
      <c r="M34996" t="s">
        <v>89</v>
      </c>
      <c r="N34996" t="s">
        <v>90</v>
      </c>
      <c r="O34996" t="s">
        <v>85</v>
      </c>
      <c r="P34996" t="s">
        <v>86</v>
      </c>
      <c r="Q34996">
        <v>7</v>
      </c>
      <c r="R34996">
        <v>7</v>
      </c>
      <c r="S34996">
        <v>7</v>
      </c>
      <c r="T34996">
        <v>7</v>
      </c>
      <c r="U34996">
        <v>8</v>
      </c>
      <c r="V34996">
        <v>8</v>
      </c>
      <c r="W34996">
        <v>8</v>
      </c>
      <c r="X34996">
        <v>8</v>
      </c>
      <c r="Y34996">
        <v>8</v>
      </c>
      <c r="Z34996">
        <v>8</v>
      </c>
      <c r="AA34996">
        <v>8</v>
      </c>
      <c r="AB34996">
        <v>8</v>
      </c>
      <c r="AC34996">
        <v>9</v>
      </c>
      <c r="AD34996">
        <v>9</v>
      </c>
      <c r="AE34996">
        <v>9</v>
      </c>
      <c r="AF34996">
        <v>9</v>
      </c>
      <c r="AG34996">
        <v>9</v>
      </c>
      <c r="AH34996">
        <v>9</v>
      </c>
      <c r="AI34996">
        <v>9</v>
      </c>
      <c r="AJ34996">
        <v>9</v>
      </c>
      <c r="AK34996">
        <v>9</v>
      </c>
      <c r="AL34996">
        <v>9</v>
      </c>
      <c r="AM34996">
        <v>9</v>
      </c>
      <c r="AN34996">
        <v>9</v>
      </c>
      <c r="AO34996">
        <v>9</v>
      </c>
      <c r="AP34996">
        <v>9</v>
      </c>
      <c r="AQ34996">
        <v>9</v>
      </c>
    </row>
    <row r="34997" spans="1:43">
      <c r="A34997" t="s">
        <v>21689</v>
      </c>
      <c r="B34997" t="s">
        <v>21690</v>
      </c>
      <c r="C34997" t="s">
        <v>21691</v>
      </c>
      <c r="D34997" t="s">
        <v>21692</v>
      </c>
      <c r="E34997" t="s">
        <v>21687</v>
      </c>
      <c r="F34997" t="s">
        <v>21688</v>
      </c>
      <c r="G34997" t="s">
        <v>20255</v>
      </c>
      <c r="H34997" t="s">
        <v>20256</v>
      </c>
      <c r="I34997" s="2">
        <v>1</v>
      </c>
      <c r="J34997" s="2">
        <v>0</v>
      </c>
      <c r="K34997" s="2">
        <v>0</v>
      </c>
      <c r="L34997" t="s">
        <v>120</v>
      </c>
      <c r="M34997" t="s">
        <v>83</v>
      </c>
      <c r="N34997" t="s">
        <v>91</v>
      </c>
      <c r="O34997" t="s">
        <v>85</v>
      </c>
      <c r="P34997" t="s">
        <v>86</v>
      </c>
      <c r="Q34997">
        <v>7</v>
      </c>
      <c r="R34997">
        <v>7</v>
      </c>
      <c r="S34997">
        <v>7</v>
      </c>
      <c r="T34997">
        <v>7</v>
      </c>
      <c r="U34997">
        <v>7</v>
      </c>
      <c r="V34997">
        <v>7</v>
      </c>
      <c r="W34997">
        <v>8</v>
      </c>
      <c r="X34997">
        <v>8</v>
      </c>
      <c r="Y34997">
        <v>8</v>
      </c>
      <c r="Z34997">
        <v>8</v>
      </c>
      <c r="AA34997">
        <v>8</v>
      </c>
      <c r="AB34997">
        <v>8</v>
      </c>
      <c r="AC34997">
        <v>8</v>
      </c>
      <c r="AD34997">
        <v>8</v>
      </c>
      <c r="AE34997">
        <v>8</v>
      </c>
      <c r="AF34997">
        <v>8</v>
      </c>
      <c r="AG34997">
        <v>8</v>
      </c>
      <c r="AH34997">
        <v>8</v>
      </c>
      <c r="AI34997">
        <v>8</v>
      </c>
      <c r="AJ34997">
        <v>9</v>
      </c>
      <c r="AK34997">
        <v>9</v>
      </c>
      <c r="AL34997">
        <v>9</v>
      </c>
      <c r="AM34997">
        <v>9</v>
      </c>
      <c r="AN34997">
        <v>9</v>
      </c>
      <c r="AO34997">
        <v>9</v>
      </c>
      <c r="AP34997">
        <v>9</v>
      </c>
      <c r="AQ34997">
        <v>9</v>
      </c>
    </row>
    <row r="34998" spans="1:43">
      <c r="A34998" t="s">
        <v>21693</v>
      </c>
      <c r="B34998" t="s">
        <v>21694</v>
      </c>
      <c r="C34998" t="s">
        <v>21691</v>
      </c>
      <c r="D34998" t="s">
        <v>21692</v>
      </c>
      <c r="E34998" t="s">
        <v>21687</v>
      </c>
      <c r="F34998" t="s">
        <v>21688</v>
      </c>
      <c r="G34998" t="s">
        <v>20255</v>
      </c>
      <c r="H34998" t="s">
        <v>20256</v>
      </c>
      <c r="I34998" s="2">
        <v>1</v>
      </c>
      <c r="J34998" s="2">
        <v>0</v>
      </c>
      <c r="K34998" s="2">
        <v>0</v>
      </c>
      <c r="L34998" t="s">
        <v>120</v>
      </c>
      <c r="M34998" t="s">
        <v>83</v>
      </c>
      <c r="N34998" t="s">
        <v>84</v>
      </c>
      <c r="O34998" t="s">
        <v>85</v>
      </c>
      <c r="P34998" t="s">
        <v>86</v>
      </c>
      <c r="Q34998">
        <v>68</v>
      </c>
      <c r="R34998">
        <v>69</v>
      </c>
      <c r="S34998">
        <v>70</v>
      </c>
      <c r="T34998">
        <v>70</v>
      </c>
      <c r="U34998">
        <v>71</v>
      </c>
      <c r="V34998">
        <v>72</v>
      </c>
      <c r="W34998">
        <v>73</v>
      </c>
      <c r="X34998">
        <v>73</v>
      </c>
      <c r="Y34998">
        <v>74</v>
      </c>
      <c r="Z34998">
        <v>75</v>
      </c>
      <c r="AA34998">
        <v>76</v>
      </c>
      <c r="AB34998">
        <v>76</v>
      </c>
      <c r="AC34998">
        <v>77</v>
      </c>
      <c r="AD34998">
        <v>78</v>
      </c>
      <c r="AE34998">
        <v>79</v>
      </c>
      <c r="AF34998">
        <v>79</v>
      </c>
      <c r="AG34998">
        <v>80</v>
      </c>
      <c r="AH34998">
        <v>81</v>
      </c>
      <c r="AI34998">
        <v>82</v>
      </c>
      <c r="AJ34998">
        <v>83</v>
      </c>
      <c r="AK34998">
        <v>83</v>
      </c>
      <c r="AL34998">
        <v>84</v>
      </c>
      <c r="AM34998">
        <v>84</v>
      </c>
      <c r="AN34998">
        <v>84</v>
      </c>
      <c r="AO34998">
        <v>84</v>
      </c>
      <c r="AP34998">
        <v>84</v>
      </c>
      <c r="AQ34998">
        <v>85</v>
      </c>
    </row>
    <row r="34999" spans="1:43">
      <c r="A34999" t="s">
        <v>21693</v>
      </c>
      <c r="B34999" t="s">
        <v>21694</v>
      </c>
      <c r="C34999" t="s">
        <v>21691</v>
      </c>
      <c r="D34999" t="s">
        <v>21692</v>
      </c>
      <c r="E34999" t="s">
        <v>21687</v>
      </c>
      <c r="F34999" t="s">
        <v>21688</v>
      </c>
      <c r="G34999" t="s">
        <v>20255</v>
      </c>
      <c r="H34999" t="s">
        <v>20256</v>
      </c>
      <c r="I34999" s="2">
        <v>1</v>
      </c>
      <c r="J34999" s="2">
        <v>0</v>
      </c>
      <c r="K34999" s="2">
        <v>0</v>
      </c>
      <c r="L34999" t="s">
        <v>120</v>
      </c>
      <c r="M34999" t="s">
        <v>87</v>
      </c>
      <c r="N34999" t="s">
        <v>88</v>
      </c>
      <c r="O34999" t="s">
        <v>85</v>
      </c>
      <c r="P34999" t="s">
        <v>86</v>
      </c>
      <c r="Q34999">
        <v>68</v>
      </c>
      <c r="R34999">
        <v>68</v>
      </c>
      <c r="S34999">
        <v>69</v>
      </c>
      <c r="T34999">
        <v>69</v>
      </c>
      <c r="U34999">
        <v>69</v>
      </c>
      <c r="V34999">
        <v>69</v>
      </c>
      <c r="W34999">
        <v>69</v>
      </c>
      <c r="X34999">
        <v>69</v>
      </c>
      <c r="Y34999">
        <v>70</v>
      </c>
      <c r="Z34999">
        <v>70</v>
      </c>
      <c r="AA34999">
        <v>70</v>
      </c>
      <c r="AB34999">
        <v>70</v>
      </c>
      <c r="AC34999">
        <v>70</v>
      </c>
      <c r="AD34999">
        <v>71</v>
      </c>
      <c r="AE34999">
        <v>71</v>
      </c>
      <c r="AF34999">
        <v>71</v>
      </c>
      <c r="AG34999">
        <v>71</v>
      </c>
      <c r="AH34999">
        <v>72</v>
      </c>
      <c r="AI34999">
        <v>72</v>
      </c>
      <c r="AJ34999">
        <v>72</v>
      </c>
      <c r="AK34999">
        <v>72</v>
      </c>
      <c r="AL34999">
        <v>73</v>
      </c>
      <c r="AM34999">
        <v>73</v>
      </c>
      <c r="AN34999">
        <v>73</v>
      </c>
      <c r="AO34999">
        <v>74</v>
      </c>
      <c r="AP34999">
        <v>74</v>
      </c>
      <c r="AQ34999">
        <v>74</v>
      </c>
    </row>
    <row r="35000" spans="1:43">
      <c r="A35000" t="s">
        <v>21693</v>
      </c>
      <c r="B35000" t="s">
        <v>21694</v>
      </c>
      <c r="C35000" t="s">
        <v>21691</v>
      </c>
      <c r="D35000" t="s">
        <v>21692</v>
      </c>
      <c r="E35000" t="s">
        <v>21687</v>
      </c>
      <c r="F35000" t="s">
        <v>21688</v>
      </c>
      <c r="G35000" t="s">
        <v>20255</v>
      </c>
      <c r="H35000" t="s">
        <v>20256</v>
      </c>
      <c r="I35000" s="2">
        <v>1</v>
      </c>
      <c r="J35000" s="2">
        <v>0</v>
      </c>
      <c r="K35000" s="2">
        <v>0</v>
      </c>
      <c r="L35000" t="s">
        <v>120</v>
      </c>
      <c r="M35000" t="s">
        <v>89</v>
      </c>
      <c r="N35000" t="s">
        <v>90</v>
      </c>
      <c r="O35000" t="s">
        <v>85</v>
      </c>
      <c r="P35000" t="s">
        <v>86</v>
      </c>
      <c r="Q35000">
        <v>68</v>
      </c>
      <c r="R35000">
        <v>70</v>
      </c>
      <c r="S35000">
        <v>71</v>
      </c>
      <c r="T35000">
        <v>73</v>
      </c>
      <c r="U35000">
        <v>74</v>
      </c>
      <c r="V35000">
        <v>75</v>
      </c>
      <c r="W35000">
        <v>76</v>
      </c>
      <c r="X35000">
        <v>77</v>
      </c>
      <c r="Y35000">
        <v>78</v>
      </c>
      <c r="Z35000">
        <v>79</v>
      </c>
      <c r="AA35000">
        <v>81</v>
      </c>
      <c r="AB35000">
        <v>82</v>
      </c>
      <c r="AC35000">
        <v>83</v>
      </c>
      <c r="AD35000">
        <v>84</v>
      </c>
      <c r="AE35000">
        <v>84</v>
      </c>
      <c r="AF35000">
        <v>84</v>
      </c>
      <c r="AG35000">
        <v>85</v>
      </c>
      <c r="AH35000">
        <v>85</v>
      </c>
      <c r="AI35000">
        <v>85</v>
      </c>
      <c r="AJ35000">
        <v>85</v>
      </c>
      <c r="AK35000">
        <v>85</v>
      </c>
      <c r="AL35000">
        <v>85</v>
      </c>
      <c r="AM35000">
        <v>85</v>
      </c>
      <c r="AN35000">
        <v>86</v>
      </c>
      <c r="AO35000">
        <v>86</v>
      </c>
      <c r="AP35000">
        <v>86</v>
      </c>
      <c r="AQ35000">
        <v>86</v>
      </c>
    </row>
    <row r="35001" spans="1:43">
      <c r="A35001" t="s">
        <v>21693</v>
      </c>
      <c r="B35001" t="s">
        <v>21694</v>
      </c>
      <c r="C35001" t="s">
        <v>21691</v>
      </c>
      <c r="D35001" t="s">
        <v>21692</v>
      </c>
      <c r="E35001" t="s">
        <v>21687</v>
      </c>
      <c r="F35001" t="s">
        <v>21688</v>
      </c>
      <c r="G35001" t="s">
        <v>20255</v>
      </c>
      <c r="H35001" t="s">
        <v>20256</v>
      </c>
      <c r="I35001" s="2">
        <v>1</v>
      </c>
      <c r="J35001" s="2">
        <v>0</v>
      </c>
      <c r="K35001" s="2">
        <v>0</v>
      </c>
      <c r="L35001" t="s">
        <v>120</v>
      </c>
      <c r="M35001" t="s">
        <v>83</v>
      </c>
      <c r="N35001" t="s">
        <v>91</v>
      </c>
      <c r="O35001" t="s">
        <v>85</v>
      </c>
      <c r="P35001" t="s">
        <v>86</v>
      </c>
      <c r="Q35001">
        <v>68</v>
      </c>
      <c r="R35001">
        <v>69</v>
      </c>
      <c r="S35001">
        <v>70</v>
      </c>
      <c r="T35001">
        <v>70</v>
      </c>
      <c r="U35001">
        <v>71</v>
      </c>
      <c r="V35001">
        <v>72</v>
      </c>
      <c r="W35001">
        <v>73</v>
      </c>
      <c r="X35001">
        <v>73</v>
      </c>
      <c r="Y35001">
        <v>74</v>
      </c>
      <c r="Z35001">
        <v>75</v>
      </c>
      <c r="AA35001">
        <v>76</v>
      </c>
      <c r="AB35001">
        <v>76</v>
      </c>
      <c r="AC35001">
        <v>77</v>
      </c>
      <c r="AD35001">
        <v>78</v>
      </c>
      <c r="AE35001">
        <v>79</v>
      </c>
      <c r="AF35001">
        <v>79</v>
      </c>
      <c r="AG35001">
        <v>80</v>
      </c>
      <c r="AH35001">
        <v>81</v>
      </c>
      <c r="AI35001">
        <v>82</v>
      </c>
      <c r="AJ35001">
        <v>83</v>
      </c>
      <c r="AK35001">
        <v>83</v>
      </c>
      <c r="AL35001">
        <v>84</v>
      </c>
      <c r="AM35001">
        <v>84</v>
      </c>
      <c r="AN35001">
        <v>84</v>
      </c>
      <c r="AO35001">
        <v>84</v>
      </c>
      <c r="AP35001">
        <v>84</v>
      </c>
      <c r="AQ35001">
        <v>85</v>
      </c>
    </row>
    <row r="35002" spans="1:43">
      <c r="A35002" t="s">
        <v>21695</v>
      </c>
      <c r="B35002" t="s">
        <v>21696</v>
      </c>
      <c r="C35002" t="s">
        <v>21691</v>
      </c>
      <c r="D35002" t="s">
        <v>21692</v>
      </c>
      <c r="E35002" t="s">
        <v>21687</v>
      </c>
      <c r="F35002" t="s">
        <v>21688</v>
      </c>
      <c r="G35002" t="s">
        <v>20255</v>
      </c>
      <c r="H35002" t="s">
        <v>20256</v>
      </c>
      <c r="I35002" s="2">
        <v>1</v>
      </c>
      <c r="J35002" s="2">
        <v>0</v>
      </c>
      <c r="K35002" s="2">
        <v>0</v>
      </c>
      <c r="L35002" t="s">
        <v>120</v>
      </c>
      <c r="M35002" t="s">
        <v>83</v>
      </c>
      <c r="N35002" t="s">
        <v>84</v>
      </c>
      <c r="O35002" t="s">
        <v>85</v>
      </c>
      <c r="P35002" t="s">
        <v>86</v>
      </c>
      <c r="Q35002">
        <v>31</v>
      </c>
      <c r="R35002">
        <v>32</v>
      </c>
      <c r="S35002">
        <v>32</v>
      </c>
      <c r="T35002">
        <v>32</v>
      </c>
      <c r="U35002">
        <v>33</v>
      </c>
      <c r="V35002">
        <v>33</v>
      </c>
      <c r="W35002">
        <v>33</v>
      </c>
      <c r="X35002">
        <v>34</v>
      </c>
      <c r="Y35002">
        <v>34</v>
      </c>
      <c r="Z35002">
        <v>34</v>
      </c>
      <c r="AA35002">
        <v>35</v>
      </c>
      <c r="AB35002">
        <v>35</v>
      </c>
      <c r="AC35002">
        <v>35</v>
      </c>
      <c r="AD35002">
        <v>35</v>
      </c>
      <c r="AE35002">
        <v>36</v>
      </c>
      <c r="AF35002">
        <v>36</v>
      </c>
      <c r="AG35002">
        <v>36</v>
      </c>
      <c r="AH35002">
        <v>37</v>
      </c>
      <c r="AI35002">
        <v>37</v>
      </c>
      <c r="AJ35002">
        <v>37</v>
      </c>
      <c r="AK35002">
        <v>38</v>
      </c>
      <c r="AL35002">
        <v>38</v>
      </c>
      <c r="AM35002">
        <v>38</v>
      </c>
      <c r="AN35002">
        <v>38</v>
      </c>
      <c r="AO35002">
        <v>38</v>
      </c>
      <c r="AP35002">
        <v>38</v>
      </c>
      <c r="AQ35002">
        <v>38</v>
      </c>
    </row>
    <row r="35003" spans="1:43">
      <c r="A35003" t="s">
        <v>21695</v>
      </c>
      <c r="B35003" t="s">
        <v>21696</v>
      </c>
      <c r="C35003" t="s">
        <v>21691</v>
      </c>
      <c r="D35003" t="s">
        <v>21692</v>
      </c>
      <c r="E35003" t="s">
        <v>21687</v>
      </c>
      <c r="F35003" t="s">
        <v>21688</v>
      </c>
      <c r="G35003" t="s">
        <v>20255</v>
      </c>
      <c r="H35003" t="s">
        <v>20256</v>
      </c>
      <c r="I35003" s="2">
        <v>1</v>
      </c>
      <c r="J35003" s="2">
        <v>0</v>
      </c>
      <c r="K35003" s="2">
        <v>0</v>
      </c>
      <c r="L35003" t="s">
        <v>120</v>
      </c>
      <c r="M35003" t="s">
        <v>87</v>
      </c>
      <c r="N35003" t="s">
        <v>88</v>
      </c>
      <c r="O35003" t="s">
        <v>85</v>
      </c>
      <c r="P35003" t="s">
        <v>86</v>
      </c>
      <c r="Q35003">
        <v>31</v>
      </c>
      <c r="R35003">
        <v>31</v>
      </c>
      <c r="S35003">
        <v>31</v>
      </c>
      <c r="T35003">
        <v>31</v>
      </c>
      <c r="U35003">
        <v>31</v>
      </c>
      <c r="V35003">
        <v>31</v>
      </c>
      <c r="W35003">
        <v>31</v>
      </c>
      <c r="X35003">
        <v>31</v>
      </c>
      <c r="Y35003">
        <v>31</v>
      </c>
      <c r="Z35003">
        <v>31</v>
      </c>
      <c r="AA35003">
        <v>32</v>
      </c>
      <c r="AB35003">
        <v>32</v>
      </c>
      <c r="AC35003">
        <v>32</v>
      </c>
      <c r="AD35003">
        <v>32</v>
      </c>
      <c r="AE35003">
        <v>32</v>
      </c>
      <c r="AF35003">
        <v>32</v>
      </c>
      <c r="AG35003">
        <v>32</v>
      </c>
      <c r="AH35003">
        <v>32</v>
      </c>
      <c r="AI35003">
        <v>32</v>
      </c>
      <c r="AJ35003">
        <v>32</v>
      </c>
      <c r="AK35003">
        <v>32</v>
      </c>
      <c r="AL35003">
        <v>32</v>
      </c>
      <c r="AM35003">
        <v>32</v>
      </c>
      <c r="AN35003">
        <v>33</v>
      </c>
      <c r="AO35003">
        <v>33</v>
      </c>
      <c r="AP35003">
        <v>33</v>
      </c>
      <c r="AQ35003">
        <v>33</v>
      </c>
    </row>
    <row r="35004" spans="1:43">
      <c r="A35004" t="s">
        <v>21695</v>
      </c>
      <c r="B35004" t="s">
        <v>21696</v>
      </c>
      <c r="C35004" t="s">
        <v>21691</v>
      </c>
      <c r="D35004" t="s">
        <v>21692</v>
      </c>
      <c r="E35004" t="s">
        <v>21687</v>
      </c>
      <c r="F35004" t="s">
        <v>21688</v>
      </c>
      <c r="G35004" t="s">
        <v>20255</v>
      </c>
      <c r="H35004" t="s">
        <v>20256</v>
      </c>
      <c r="I35004" s="2">
        <v>1</v>
      </c>
      <c r="J35004" s="2">
        <v>0</v>
      </c>
      <c r="K35004" s="2">
        <v>0</v>
      </c>
      <c r="L35004" t="s">
        <v>120</v>
      </c>
      <c r="M35004" t="s">
        <v>89</v>
      </c>
      <c r="N35004" t="s">
        <v>90</v>
      </c>
      <c r="O35004" t="s">
        <v>85</v>
      </c>
      <c r="P35004" t="s">
        <v>86</v>
      </c>
      <c r="Q35004">
        <v>31</v>
      </c>
      <c r="R35004">
        <v>31</v>
      </c>
      <c r="S35004">
        <v>32</v>
      </c>
      <c r="T35004">
        <v>32</v>
      </c>
      <c r="U35004">
        <v>33</v>
      </c>
      <c r="V35004">
        <v>33</v>
      </c>
      <c r="W35004">
        <v>34</v>
      </c>
      <c r="X35004">
        <v>34</v>
      </c>
      <c r="Y35004">
        <v>35</v>
      </c>
      <c r="Z35004">
        <v>35</v>
      </c>
      <c r="AA35004">
        <v>36</v>
      </c>
      <c r="AB35004">
        <v>36</v>
      </c>
      <c r="AC35004">
        <v>37</v>
      </c>
      <c r="AD35004">
        <v>37</v>
      </c>
      <c r="AE35004">
        <v>37</v>
      </c>
      <c r="AF35004">
        <v>37</v>
      </c>
      <c r="AG35004">
        <v>37</v>
      </c>
      <c r="AH35004">
        <v>37</v>
      </c>
      <c r="AI35004">
        <v>37</v>
      </c>
      <c r="AJ35004">
        <v>37</v>
      </c>
      <c r="AK35004">
        <v>37</v>
      </c>
      <c r="AL35004">
        <v>38</v>
      </c>
      <c r="AM35004">
        <v>38</v>
      </c>
      <c r="AN35004">
        <v>38</v>
      </c>
      <c r="AO35004">
        <v>38</v>
      </c>
      <c r="AP35004">
        <v>38</v>
      </c>
      <c r="AQ35004">
        <v>38</v>
      </c>
    </row>
    <row r="35005" spans="1:43">
      <c r="A35005" t="s">
        <v>21695</v>
      </c>
      <c r="B35005" t="s">
        <v>21696</v>
      </c>
      <c r="C35005" t="s">
        <v>21691</v>
      </c>
      <c r="D35005" t="s">
        <v>21692</v>
      </c>
      <c r="E35005" t="s">
        <v>21687</v>
      </c>
      <c r="F35005" t="s">
        <v>21688</v>
      </c>
      <c r="G35005" t="s">
        <v>20255</v>
      </c>
      <c r="H35005" t="s">
        <v>20256</v>
      </c>
      <c r="I35005" s="2">
        <v>1</v>
      </c>
      <c r="J35005" s="2">
        <v>0</v>
      </c>
      <c r="K35005" s="2">
        <v>0</v>
      </c>
      <c r="L35005" t="s">
        <v>120</v>
      </c>
      <c r="M35005" t="s">
        <v>83</v>
      </c>
      <c r="N35005" t="s">
        <v>91</v>
      </c>
      <c r="O35005" t="s">
        <v>85</v>
      </c>
      <c r="P35005" t="s">
        <v>86</v>
      </c>
      <c r="Q35005">
        <v>31</v>
      </c>
      <c r="R35005">
        <v>32</v>
      </c>
      <c r="S35005">
        <v>32</v>
      </c>
      <c r="T35005">
        <v>32</v>
      </c>
      <c r="U35005">
        <v>33</v>
      </c>
      <c r="V35005">
        <v>33</v>
      </c>
      <c r="W35005">
        <v>33</v>
      </c>
      <c r="X35005">
        <v>34</v>
      </c>
      <c r="Y35005">
        <v>34</v>
      </c>
      <c r="Z35005">
        <v>34</v>
      </c>
      <c r="AA35005">
        <v>35</v>
      </c>
      <c r="AB35005">
        <v>35</v>
      </c>
      <c r="AC35005">
        <v>35</v>
      </c>
      <c r="AD35005">
        <v>35</v>
      </c>
      <c r="AE35005">
        <v>36</v>
      </c>
      <c r="AF35005">
        <v>36</v>
      </c>
      <c r="AG35005">
        <v>36</v>
      </c>
      <c r="AH35005">
        <v>37</v>
      </c>
      <c r="AI35005">
        <v>37</v>
      </c>
      <c r="AJ35005">
        <v>37</v>
      </c>
      <c r="AK35005">
        <v>38</v>
      </c>
      <c r="AL35005">
        <v>38</v>
      </c>
      <c r="AM35005">
        <v>38</v>
      </c>
      <c r="AN35005">
        <v>38</v>
      </c>
      <c r="AO35005">
        <v>38</v>
      </c>
      <c r="AP35005">
        <v>38</v>
      </c>
      <c r="AQ35005">
        <v>38</v>
      </c>
    </row>
    <row r="35006" spans="1:43">
      <c r="A35006" t="s">
        <v>21697</v>
      </c>
      <c r="B35006" t="s">
        <v>21698</v>
      </c>
      <c r="C35006" t="s">
        <v>21691</v>
      </c>
      <c r="D35006" t="s">
        <v>21692</v>
      </c>
      <c r="E35006" t="s">
        <v>21687</v>
      </c>
      <c r="F35006" t="s">
        <v>21688</v>
      </c>
      <c r="G35006" t="s">
        <v>20255</v>
      </c>
      <c r="H35006" t="s">
        <v>20256</v>
      </c>
      <c r="I35006" s="2">
        <v>1</v>
      </c>
      <c r="J35006" s="2">
        <v>0</v>
      </c>
      <c r="K35006" s="2">
        <v>0</v>
      </c>
      <c r="L35006" t="s">
        <v>120</v>
      </c>
      <c r="M35006" t="s">
        <v>83</v>
      </c>
      <c r="N35006" t="s">
        <v>84</v>
      </c>
      <c r="O35006" t="s">
        <v>85</v>
      </c>
      <c r="P35006" t="s">
        <v>86</v>
      </c>
      <c r="Q35006">
        <v>16</v>
      </c>
      <c r="R35006">
        <v>16</v>
      </c>
      <c r="S35006">
        <v>16</v>
      </c>
      <c r="T35006">
        <v>16</v>
      </c>
      <c r="U35006">
        <v>17</v>
      </c>
      <c r="V35006">
        <v>17</v>
      </c>
      <c r="W35006">
        <v>17</v>
      </c>
      <c r="X35006">
        <v>17</v>
      </c>
      <c r="Y35006">
        <v>17</v>
      </c>
      <c r="Z35006">
        <v>17</v>
      </c>
      <c r="AA35006">
        <v>18</v>
      </c>
      <c r="AB35006">
        <v>18</v>
      </c>
      <c r="AC35006">
        <v>18</v>
      </c>
      <c r="AD35006">
        <v>18</v>
      </c>
      <c r="AE35006">
        <v>18</v>
      </c>
      <c r="AF35006">
        <v>18</v>
      </c>
      <c r="AG35006">
        <v>19</v>
      </c>
      <c r="AH35006">
        <v>19</v>
      </c>
      <c r="AI35006">
        <v>19</v>
      </c>
      <c r="AJ35006">
        <v>19</v>
      </c>
      <c r="AK35006">
        <v>19</v>
      </c>
      <c r="AL35006">
        <v>19</v>
      </c>
      <c r="AM35006">
        <v>19</v>
      </c>
      <c r="AN35006">
        <v>20</v>
      </c>
      <c r="AO35006">
        <v>20</v>
      </c>
      <c r="AP35006">
        <v>20</v>
      </c>
      <c r="AQ35006">
        <v>20</v>
      </c>
    </row>
    <row r="35007" spans="1:43">
      <c r="A35007" t="s">
        <v>21697</v>
      </c>
      <c r="B35007" t="s">
        <v>21698</v>
      </c>
      <c r="C35007" t="s">
        <v>21691</v>
      </c>
      <c r="D35007" t="s">
        <v>21692</v>
      </c>
      <c r="E35007" t="s">
        <v>21687</v>
      </c>
      <c r="F35007" t="s">
        <v>21688</v>
      </c>
      <c r="G35007" t="s">
        <v>20255</v>
      </c>
      <c r="H35007" t="s">
        <v>20256</v>
      </c>
      <c r="I35007" s="2">
        <v>1</v>
      </c>
      <c r="J35007" s="2">
        <v>0</v>
      </c>
      <c r="K35007" s="2">
        <v>0</v>
      </c>
      <c r="L35007" t="s">
        <v>120</v>
      </c>
      <c r="M35007" t="s">
        <v>87</v>
      </c>
      <c r="N35007" t="s">
        <v>88</v>
      </c>
      <c r="O35007" t="s">
        <v>85</v>
      </c>
      <c r="P35007" t="s">
        <v>86</v>
      </c>
      <c r="Q35007">
        <v>16</v>
      </c>
      <c r="R35007">
        <v>16</v>
      </c>
      <c r="S35007">
        <v>16</v>
      </c>
      <c r="T35007">
        <v>16</v>
      </c>
      <c r="U35007">
        <v>16</v>
      </c>
      <c r="V35007">
        <v>16</v>
      </c>
      <c r="W35007">
        <v>16</v>
      </c>
      <c r="X35007">
        <v>16</v>
      </c>
      <c r="Y35007">
        <v>16</v>
      </c>
      <c r="Z35007">
        <v>16</v>
      </c>
      <c r="AA35007">
        <v>16</v>
      </c>
      <c r="AB35007">
        <v>16</v>
      </c>
      <c r="AC35007">
        <v>16</v>
      </c>
      <c r="AD35007">
        <v>16</v>
      </c>
      <c r="AE35007">
        <v>16</v>
      </c>
      <c r="AF35007">
        <v>16</v>
      </c>
      <c r="AG35007">
        <v>16</v>
      </c>
      <c r="AH35007">
        <v>16</v>
      </c>
      <c r="AI35007">
        <v>16</v>
      </c>
      <c r="AJ35007">
        <v>17</v>
      </c>
      <c r="AK35007">
        <v>17</v>
      </c>
      <c r="AL35007">
        <v>17</v>
      </c>
      <c r="AM35007">
        <v>17</v>
      </c>
      <c r="AN35007">
        <v>17</v>
      </c>
      <c r="AO35007">
        <v>17</v>
      </c>
      <c r="AP35007">
        <v>17</v>
      </c>
      <c r="AQ35007">
        <v>17</v>
      </c>
    </row>
    <row r="35008" spans="1:43">
      <c r="A35008" t="s">
        <v>21697</v>
      </c>
      <c r="B35008" t="s">
        <v>21698</v>
      </c>
      <c r="C35008" t="s">
        <v>21691</v>
      </c>
      <c r="D35008" t="s">
        <v>21692</v>
      </c>
      <c r="E35008" t="s">
        <v>21687</v>
      </c>
      <c r="F35008" t="s">
        <v>21688</v>
      </c>
      <c r="G35008" t="s">
        <v>20255</v>
      </c>
      <c r="H35008" t="s">
        <v>20256</v>
      </c>
      <c r="I35008" s="2">
        <v>1</v>
      </c>
      <c r="J35008" s="2">
        <v>0</v>
      </c>
      <c r="K35008" s="2">
        <v>0</v>
      </c>
      <c r="L35008" t="s">
        <v>120</v>
      </c>
      <c r="M35008" t="s">
        <v>89</v>
      </c>
      <c r="N35008" t="s">
        <v>90</v>
      </c>
      <c r="O35008" t="s">
        <v>85</v>
      </c>
      <c r="P35008" t="s">
        <v>86</v>
      </c>
      <c r="Q35008">
        <v>16</v>
      </c>
      <c r="R35008">
        <v>16</v>
      </c>
      <c r="S35008">
        <v>17</v>
      </c>
      <c r="T35008">
        <v>17</v>
      </c>
      <c r="U35008">
        <v>17</v>
      </c>
      <c r="V35008">
        <v>17</v>
      </c>
      <c r="W35008">
        <v>18</v>
      </c>
      <c r="X35008">
        <v>18</v>
      </c>
      <c r="Y35008">
        <v>18</v>
      </c>
      <c r="Z35008">
        <v>18</v>
      </c>
      <c r="AA35008">
        <v>19</v>
      </c>
      <c r="AB35008">
        <v>19</v>
      </c>
      <c r="AC35008">
        <v>19</v>
      </c>
      <c r="AD35008">
        <v>19</v>
      </c>
      <c r="AE35008">
        <v>20</v>
      </c>
      <c r="AF35008">
        <v>20</v>
      </c>
      <c r="AG35008">
        <v>20</v>
      </c>
      <c r="AH35008">
        <v>20</v>
      </c>
      <c r="AI35008">
        <v>20</v>
      </c>
      <c r="AJ35008">
        <v>20</v>
      </c>
      <c r="AK35008">
        <v>20</v>
      </c>
      <c r="AL35008">
        <v>20</v>
      </c>
      <c r="AM35008">
        <v>20</v>
      </c>
      <c r="AN35008">
        <v>20</v>
      </c>
      <c r="AO35008">
        <v>20</v>
      </c>
      <c r="AP35008">
        <v>20</v>
      </c>
      <c r="AQ35008">
        <v>20</v>
      </c>
    </row>
    <row r="35009" spans="1:43">
      <c r="A35009" t="s">
        <v>21697</v>
      </c>
      <c r="B35009" t="s">
        <v>21698</v>
      </c>
      <c r="C35009" t="s">
        <v>21691</v>
      </c>
      <c r="D35009" t="s">
        <v>21692</v>
      </c>
      <c r="E35009" t="s">
        <v>21687</v>
      </c>
      <c r="F35009" t="s">
        <v>21688</v>
      </c>
      <c r="G35009" t="s">
        <v>20255</v>
      </c>
      <c r="H35009" t="s">
        <v>20256</v>
      </c>
      <c r="I35009" s="2">
        <v>1</v>
      </c>
      <c r="J35009" s="2">
        <v>0</v>
      </c>
      <c r="K35009" s="2">
        <v>0</v>
      </c>
      <c r="L35009" t="s">
        <v>120</v>
      </c>
      <c r="M35009" t="s">
        <v>83</v>
      </c>
      <c r="N35009" t="s">
        <v>91</v>
      </c>
      <c r="O35009" t="s">
        <v>85</v>
      </c>
      <c r="P35009" t="s">
        <v>86</v>
      </c>
      <c r="Q35009">
        <v>16</v>
      </c>
      <c r="R35009">
        <v>16</v>
      </c>
      <c r="S35009">
        <v>16</v>
      </c>
      <c r="T35009">
        <v>16</v>
      </c>
      <c r="U35009">
        <v>17</v>
      </c>
      <c r="V35009">
        <v>17</v>
      </c>
      <c r="W35009">
        <v>17</v>
      </c>
      <c r="X35009">
        <v>17</v>
      </c>
      <c r="Y35009">
        <v>17</v>
      </c>
      <c r="Z35009">
        <v>17</v>
      </c>
      <c r="AA35009">
        <v>18</v>
      </c>
      <c r="AB35009">
        <v>18</v>
      </c>
      <c r="AC35009">
        <v>18</v>
      </c>
      <c r="AD35009">
        <v>18</v>
      </c>
      <c r="AE35009">
        <v>18</v>
      </c>
      <c r="AF35009">
        <v>18</v>
      </c>
      <c r="AG35009">
        <v>19</v>
      </c>
      <c r="AH35009">
        <v>19</v>
      </c>
      <c r="AI35009">
        <v>19</v>
      </c>
      <c r="AJ35009">
        <v>19</v>
      </c>
      <c r="AK35009">
        <v>19</v>
      </c>
      <c r="AL35009">
        <v>19</v>
      </c>
      <c r="AM35009">
        <v>19</v>
      </c>
      <c r="AN35009">
        <v>20</v>
      </c>
      <c r="AO35009">
        <v>20</v>
      </c>
      <c r="AP35009">
        <v>20</v>
      </c>
      <c r="AQ35009">
        <v>20</v>
      </c>
    </row>
    <row r="35010" spans="1:43">
      <c r="A35010" t="s">
        <v>21699</v>
      </c>
      <c r="B35010" t="s">
        <v>21700</v>
      </c>
      <c r="C35010" t="s">
        <v>21691</v>
      </c>
      <c r="D35010" t="s">
        <v>21692</v>
      </c>
      <c r="E35010" t="s">
        <v>21687</v>
      </c>
      <c r="F35010" t="s">
        <v>21688</v>
      </c>
      <c r="G35010" t="s">
        <v>20255</v>
      </c>
      <c r="H35010" t="s">
        <v>20256</v>
      </c>
      <c r="I35010" s="2">
        <v>1</v>
      </c>
      <c r="J35010" s="2">
        <v>0</v>
      </c>
      <c r="K35010" s="2">
        <v>0</v>
      </c>
      <c r="L35010" t="s">
        <v>120</v>
      </c>
      <c r="M35010" t="s">
        <v>83</v>
      </c>
      <c r="N35010" t="s">
        <v>84</v>
      </c>
      <c r="O35010" t="s">
        <v>85</v>
      </c>
      <c r="P35010" t="s">
        <v>86</v>
      </c>
      <c r="Q35010">
        <v>53</v>
      </c>
      <c r="R35010">
        <v>54</v>
      </c>
      <c r="S35010">
        <v>54</v>
      </c>
      <c r="T35010">
        <v>55</v>
      </c>
      <c r="U35010">
        <v>56</v>
      </c>
      <c r="V35010">
        <v>56</v>
      </c>
      <c r="W35010">
        <v>57</v>
      </c>
      <c r="X35010">
        <v>57</v>
      </c>
      <c r="Y35010">
        <v>58</v>
      </c>
      <c r="Z35010">
        <v>58</v>
      </c>
      <c r="AA35010">
        <v>59</v>
      </c>
      <c r="AB35010">
        <v>60</v>
      </c>
      <c r="AC35010">
        <v>60</v>
      </c>
      <c r="AD35010">
        <v>61</v>
      </c>
      <c r="AE35010">
        <v>61</v>
      </c>
      <c r="AF35010">
        <v>62</v>
      </c>
      <c r="AG35010">
        <v>62</v>
      </c>
      <c r="AH35010">
        <v>63</v>
      </c>
      <c r="AI35010">
        <v>64</v>
      </c>
      <c r="AJ35010">
        <v>64</v>
      </c>
      <c r="AK35010">
        <v>65</v>
      </c>
      <c r="AL35010">
        <v>65</v>
      </c>
      <c r="AM35010">
        <v>65</v>
      </c>
      <c r="AN35010">
        <v>65</v>
      </c>
      <c r="AO35010">
        <v>65</v>
      </c>
      <c r="AP35010">
        <v>65</v>
      </c>
      <c r="AQ35010">
        <v>65</v>
      </c>
    </row>
    <row r="35011" spans="1:43">
      <c r="A35011" t="s">
        <v>21699</v>
      </c>
      <c r="B35011" t="s">
        <v>21700</v>
      </c>
      <c r="C35011" t="s">
        <v>21691</v>
      </c>
      <c r="D35011" t="s">
        <v>21692</v>
      </c>
      <c r="E35011" t="s">
        <v>21687</v>
      </c>
      <c r="F35011" t="s">
        <v>21688</v>
      </c>
      <c r="G35011" t="s">
        <v>20255</v>
      </c>
      <c r="H35011" t="s">
        <v>20256</v>
      </c>
      <c r="I35011" s="2">
        <v>1</v>
      </c>
      <c r="J35011" s="2">
        <v>0</v>
      </c>
      <c r="K35011" s="2">
        <v>0</v>
      </c>
      <c r="L35011" t="s">
        <v>120</v>
      </c>
      <c r="M35011" t="s">
        <v>87</v>
      </c>
      <c r="N35011" t="s">
        <v>88</v>
      </c>
      <c r="O35011" t="s">
        <v>85</v>
      </c>
      <c r="P35011" t="s">
        <v>86</v>
      </c>
      <c r="Q35011">
        <v>53</v>
      </c>
      <c r="R35011">
        <v>53</v>
      </c>
      <c r="S35011">
        <v>53</v>
      </c>
      <c r="T35011">
        <v>53</v>
      </c>
      <c r="U35011">
        <v>53</v>
      </c>
      <c r="V35011">
        <v>53</v>
      </c>
      <c r="W35011">
        <v>53</v>
      </c>
      <c r="X35011">
        <v>53</v>
      </c>
      <c r="Y35011">
        <v>54</v>
      </c>
      <c r="Z35011">
        <v>54</v>
      </c>
      <c r="AA35011">
        <v>54</v>
      </c>
      <c r="AB35011">
        <v>54</v>
      </c>
      <c r="AC35011">
        <v>54</v>
      </c>
      <c r="AD35011">
        <v>54</v>
      </c>
      <c r="AE35011">
        <v>54</v>
      </c>
      <c r="AF35011">
        <v>55</v>
      </c>
      <c r="AG35011">
        <v>55</v>
      </c>
      <c r="AH35011">
        <v>55</v>
      </c>
      <c r="AI35011">
        <v>55</v>
      </c>
      <c r="AJ35011">
        <v>55</v>
      </c>
      <c r="AK35011">
        <v>55</v>
      </c>
      <c r="AL35011">
        <v>55</v>
      </c>
      <c r="AM35011">
        <v>56</v>
      </c>
      <c r="AN35011">
        <v>56</v>
      </c>
      <c r="AO35011">
        <v>56</v>
      </c>
      <c r="AP35011">
        <v>56</v>
      </c>
      <c r="AQ35011">
        <v>56</v>
      </c>
    </row>
    <row r="35012" spans="1:43">
      <c r="A35012" t="s">
        <v>21699</v>
      </c>
      <c r="B35012" t="s">
        <v>21700</v>
      </c>
      <c r="C35012" t="s">
        <v>21691</v>
      </c>
      <c r="D35012" t="s">
        <v>21692</v>
      </c>
      <c r="E35012" t="s">
        <v>21687</v>
      </c>
      <c r="F35012" t="s">
        <v>21688</v>
      </c>
      <c r="G35012" t="s">
        <v>20255</v>
      </c>
      <c r="H35012" t="s">
        <v>20256</v>
      </c>
      <c r="I35012" s="2">
        <v>1</v>
      </c>
      <c r="J35012" s="2">
        <v>0</v>
      </c>
      <c r="K35012" s="2">
        <v>0</v>
      </c>
      <c r="L35012" t="s">
        <v>120</v>
      </c>
      <c r="M35012" t="s">
        <v>89</v>
      </c>
      <c r="N35012" t="s">
        <v>90</v>
      </c>
      <c r="O35012" t="s">
        <v>85</v>
      </c>
      <c r="P35012" t="s">
        <v>86</v>
      </c>
      <c r="Q35012">
        <v>53</v>
      </c>
      <c r="R35012">
        <v>54</v>
      </c>
      <c r="S35012">
        <v>55</v>
      </c>
      <c r="T35012">
        <v>56</v>
      </c>
      <c r="U35012">
        <v>57</v>
      </c>
      <c r="V35012">
        <v>58</v>
      </c>
      <c r="W35012">
        <v>59</v>
      </c>
      <c r="X35012">
        <v>59</v>
      </c>
      <c r="Y35012">
        <v>60</v>
      </c>
      <c r="Z35012">
        <v>61</v>
      </c>
      <c r="AA35012">
        <v>62</v>
      </c>
      <c r="AB35012">
        <v>63</v>
      </c>
      <c r="AC35012">
        <v>63</v>
      </c>
      <c r="AD35012">
        <v>64</v>
      </c>
      <c r="AE35012">
        <v>65</v>
      </c>
      <c r="AF35012">
        <v>65</v>
      </c>
      <c r="AG35012">
        <v>65</v>
      </c>
      <c r="AH35012">
        <v>65</v>
      </c>
      <c r="AI35012">
        <v>65</v>
      </c>
      <c r="AJ35012">
        <v>65</v>
      </c>
      <c r="AK35012">
        <v>65</v>
      </c>
      <c r="AL35012">
        <v>65</v>
      </c>
      <c r="AM35012">
        <v>65</v>
      </c>
      <c r="AN35012">
        <v>65</v>
      </c>
      <c r="AO35012">
        <v>65</v>
      </c>
      <c r="AP35012">
        <v>65</v>
      </c>
      <c r="AQ35012">
        <v>66</v>
      </c>
    </row>
    <row r="35013" spans="1:43">
      <c r="A35013" t="s">
        <v>21699</v>
      </c>
      <c r="B35013" t="s">
        <v>21700</v>
      </c>
      <c r="C35013" t="s">
        <v>21691</v>
      </c>
      <c r="D35013" t="s">
        <v>21692</v>
      </c>
      <c r="E35013" t="s">
        <v>21687</v>
      </c>
      <c r="F35013" t="s">
        <v>21688</v>
      </c>
      <c r="G35013" t="s">
        <v>20255</v>
      </c>
      <c r="H35013" t="s">
        <v>20256</v>
      </c>
      <c r="I35013" s="2">
        <v>1</v>
      </c>
      <c r="J35013" s="2">
        <v>0</v>
      </c>
      <c r="K35013" s="2">
        <v>0</v>
      </c>
      <c r="L35013" t="s">
        <v>120</v>
      </c>
      <c r="M35013" t="s">
        <v>83</v>
      </c>
      <c r="N35013" t="s">
        <v>91</v>
      </c>
      <c r="O35013" t="s">
        <v>85</v>
      </c>
      <c r="P35013" t="s">
        <v>86</v>
      </c>
      <c r="Q35013">
        <v>53</v>
      </c>
      <c r="R35013">
        <v>54</v>
      </c>
      <c r="S35013">
        <v>54</v>
      </c>
      <c r="T35013">
        <v>55</v>
      </c>
      <c r="U35013">
        <v>56</v>
      </c>
      <c r="V35013">
        <v>56</v>
      </c>
      <c r="W35013">
        <v>57</v>
      </c>
      <c r="X35013">
        <v>57</v>
      </c>
      <c r="Y35013">
        <v>58</v>
      </c>
      <c r="Z35013">
        <v>58</v>
      </c>
      <c r="AA35013">
        <v>59</v>
      </c>
      <c r="AB35013">
        <v>60</v>
      </c>
      <c r="AC35013">
        <v>60</v>
      </c>
      <c r="AD35013">
        <v>61</v>
      </c>
      <c r="AE35013">
        <v>61</v>
      </c>
      <c r="AF35013">
        <v>62</v>
      </c>
      <c r="AG35013">
        <v>62</v>
      </c>
      <c r="AH35013">
        <v>63</v>
      </c>
      <c r="AI35013">
        <v>64</v>
      </c>
      <c r="AJ35013">
        <v>64</v>
      </c>
      <c r="AK35013">
        <v>65</v>
      </c>
      <c r="AL35013">
        <v>65</v>
      </c>
      <c r="AM35013">
        <v>65</v>
      </c>
      <c r="AN35013">
        <v>65</v>
      </c>
      <c r="AO35013">
        <v>65</v>
      </c>
      <c r="AP35013">
        <v>65</v>
      </c>
      <c r="AQ35013">
        <v>65</v>
      </c>
    </row>
    <row r="35014" spans="1:43">
      <c r="A35014" t="s">
        <v>21701</v>
      </c>
      <c r="B35014" t="s">
        <v>21702</v>
      </c>
      <c r="C35014" t="s">
        <v>21703</v>
      </c>
      <c r="D35014" t="s">
        <v>21704</v>
      </c>
      <c r="E35014" t="s">
        <v>21687</v>
      </c>
      <c r="F35014" t="s">
        <v>21688</v>
      </c>
      <c r="G35014" t="s">
        <v>20255</v>
      </c>
      <c r="H35014" t="s">
        <v>20256</v>
      </c>
      <c r="I35014" s="2">
        <v>1</v>
      </c>
      <c r="J35014" s="2">
        <v>0</v>
      </c>
      <c r="K35014" s="2">
        <v>0</v>
      </c>
      <c r="L35014" t="s">
        <v>120</v>
      </c>
      <c r="M35014" t="s">
        <v>83</v>
      </c>
      <c r="N35014" t="s">
        <v>84</v>
      </c>
      <c r="O35014" t="s">
        <v>85</v>
      </c>
      <c r="P35014" t="s">
        <v>86</v>
      </c>
      <c r="Q35014">
        <v>43</v>
      </c>
      <c r="R35014">
        <v>43</v>
      </c>
      <c r="S35014">
        <v>44</v>
      </c>
      <c r="T35014">
        <v>44</v>
      </c>
      <c r="U35014">
        <v>45</v>
      </c>
      <c r="V35014">
        <v>45</v>
      </c>
      <c r="W35014">
        <v>46</v>
      </c>
      <c r="X35014">
        <v>46</v>
      </c>
      <c r="Y35014">
        <v>47</v>
      </c>
      <c r="Z35014">
        <v>47</v>
      </c>
      <c r="AA35014">
        <v>47</v>
      </c>
      <c r="AB35014">
        <v>48</v>
      </c>
      <c r="AC35014">
        <v>48</v>
      </c>
      <c r="AD35014">
        <v>49</v>
      </c>
      <c r="AE35014">
        <v>49</v>
      </c>
      <c r="AF35014">
        <v>50</v>
      </c>
      <c r="AG35014">
        <v>50</v>
      </c>
      <c r="AH35014">
        <v>50</v>
      </c>
      <c r="AI35014">
        <v>51</v>
      </c>
      <c r="AJ35014">
        <v>51</v>
      </c>
      <c r="AK35014">
        <v>52</v>
      </c>
      <c r="AL35014">
        <v>52</v>
      </c>
      <c r="AM35014">
        <v>52</v>
      </c>
      <c r="AN35014">
        <v>52</v>
      </c>
      <c r="AO35014">
        <v>52</v>
      </c>
      <c r="AP35014">
        <v>52</v>
      </c>
      <c r="AQ35014">
        <v>52</v>
      </c>
    </row>
    <row r="35015" spans="1:43">
      <c r="A35015" t="s">
        <v>21701</v>
      </c>
      <c r="B35015" t="s">
        <v>21702</v>
      </c>
      <c r="C35015" t="s">
        <v>21703</v>
      </c>
      <c r="D35015" t="s">
        <v>21704</v>
      </c>
      <c r="E35015" t="s">
        <v>21687</v>
      </c>
      <c r="F35015" t="s">
        <v>21688</v>
      </c>
      <c r="G35015" t="s">
        <v>20255</v>
      </c>
      <c r="H35015" t="s">
        <v>20256</v>
      </c>
      <c r="I35015" s="2">
        <v>1</v>
      </c>
      <c r="J35015" s="2">
        <v>0</v>
      </c>
      <c r="K35015" s="2">
        <v>0</v>
      </c>
      <c r="L35015" t="s">
        <v>120</v>
      </c>
      <c r="M35015" t="s">
        <v>87</v>
      </c>
      <c r="N35015" t="s">
        <v>88</v>
      </c>
      <c r="O35015" t="s">
        <v>85</v>
      </c>
      <c r="P35015" t="s">
        <v>86</v>
      </c>
      <c r="Q35015">
        <v>43</v>
      </c>
      <c r="R35015">
        <v>44</v>
      </c>
      <c r="S35015">
        <v>44</v>
      </c>
      <c r="T35015">
        <v>44</v>
      </c>
      <c r="U35015">
        <v>44</v>
      </c>
      <c r="V35015">
        <v>44</v>
      </c>
      <c r="W35015">
        <v>44</v>
      </c>
      <c r="X35015">
        <v>44</v>
      </c>
      <c r="Y35015">
        <v>44</v>
      </c>
      <c r="Z35015">
        <v>44</v>
      </c>
      <c r="AA35015">
        <v>44</v>
      </c>
      <c r="AB35015">
        <v>44</v>
      </c>
      <c r="AC35015">
        <v>44</v>
      </c>
      <c r="AD35015">
        <v>44</v>
      </c>
      <c r="AE35015">
        <v>45</v>
      </c>
      <c r="AF35015">
        <v>45</v>
      </c>
      <c r="AG35015">
        <v>45</v>
      </c>
      <c r="AH35015">
        <v>45</v>
      </c>
      <c r="AI35015">
        <v>45</v>
      </c>
      <c r="AJ35015">
        <v>45</v>
      </c>
      <c r="AK35015">
        <v>45</v>
      </c>
      <c r="AL35015">
        <v>45</v>
      </c>
      <c r="AM35015">
        <v>45</v>
      </c>
      <c r="AN35015">
        <v>46</v>
      </c>
      <c r="AO35015">
        <v>46</v>
      </c>
      <c r="AP35015">
        <v>46</v>
      </c>
      <c r="AQ35015">
        <v>46</v>
      </c>
    </row>
    <row r="35016" spans="1:43">
      <c r="A35016" t="s">
        <v>21701</v>
      </c>
      <c r="B35016" t="s">
        <v>21702</v>
      </c>
      <c r="C35016" t="s">
        <v>21703</v>
      </c>
      <c r="D35016" t="s">
        <v>21704</v>
      </c>
      <c r="E35016" t="s">
        <v>21687</v>
      </c>
      <c r="F35016" t="s">
        <v>21688</v>
      </c>
      <c r="G35016" t="s">
        <v>20255</v>
      </c>
      <c r="H35016" t="s">
        <v>20256</v>
      </c>
      <c r="I35016" s="2">
        <v>1</v>
      </c>
      <c r="J35016" s="2">
        <v>0</v>
      </c>
      <c r="K35016" s="2">
        <v>0</v>
      </c>
      <c r="L35016" t="s">
        <v>120</v>
      </c>
      <c r="M35016" t="s">
        <v>89</v>
      </c>
      <c r="N35016" t="s">
        <v>90</v>
      </c>
      <c r="O35016" t="s">
        <v>85</v>
      </c>
      <c r="P35016" t="s">
        <v>86</v>
      </c>
      <c r="Q35016">
        <v>43</v>
      </c>
      <c r="R35016">
        <v>44</v>
      </c>
      <c r="S35016">
        <v>45</v>
      </c>
      <c r="T35016">
        <v>46</v>
      </c>
      <c r="U35016">
        <v>46</v>
      </c>
      <c r="V35016">
        <v>47</v>
      </c>
      <c r="W35016">
        <v>48</v>
      </c>
      <c r="X35016">
        <v>49</v>
      </c>
      <c r="Y35016">
        <v>49</v>
      </c>
      <c r="Z35016">
        <v>50</v>
      </c>
      <c r="AA35016">
        <v>50</v>
      </c>
      <c r="AB35016">
        <v>51</v>
      </c>
      <c r="AC35016">
        <v>52</v>
      </c>
      <c r="AD35016">
        <v>52</v>
      </c>
      <c r="AE35016">
        <v>53</v>
      </c>
      <c r="AF35016">
        <v>53</v>
      </c>
      <c r="AG35016">
        <v>53</v>
      </c>
      <c r="AH35016">
        <v>53</v>
      </c>
      <c r="AI35016">
        <v>53</v>
      </c>
      <c r="AJ35016">
        <v>53</v>
      </c>
      <c r="AK35016">
        <v>53</v>
      </c>
      <c r="AL35016">
        <v>53</v>
      </c>
      <c r="AM35016">
        <v>53</v>
      </c>
      <c r="AN35016">
        <v>53</v>
      </c>
      <c r="AO35016">
        <v>53</v>
      </c>
      <c r="AP35016">
        <v>53</v>
      </c>
      <c r="AQ35016">
        <v>53</v>
      </c>
    </row>
    <row r="35017" spans="1:43">
      <c r="A35017" t="s">
        <v>21701</v>
      </c>
      <c r="B35017" t="s">
        <v>21702</v>
      </c>
      <c r="C35017" t="s">
        <v>21703</v>
      </c>
      <c r="D35017" t="s">
        <v>21704</v>
      </c>
      <c r="E35017" t="s">
        <v>21687</v>
      </c>
      <c r="F35017" t="s">
        <v>21688</v>
      </c>
      <c r="G35017" t="s">
        <v>20255</v>
      </c>
      <c r="H35017" t="s">
        <v>20256</v>
      </c>
      <c r="I35017" s="2">
        <v>1</v>
      </c>
      <c r="J35017" s="2">
        <v>0</v>
      </c>
      <c r="K35017" s="2">
        <v>0</v>
      </c>
      <c r="L35017" t="s">
        <v>120</v>
      </c>
      <c r="M35017" t="s">
        <v>83</v>
      </c>
      <c r="N35017" t="s">
        <v>91</v>
      </c>
      <c r="O35017" t="s">
        <v>85</v>
      </c>
      <c r="P35017" t="s">
        <v>86</v>
      </c>
      <c r="Q35017">
        <v>43</v>
      </c>
      <c r="R35017">
        <v>43</v>
      </c>
      <c r="S35017">
        <v>44</v>
      </c>
      <c r="T35017">
        <v>44</v>
      </c>
      <c r="U35017">
        <v>45</v>
      </c>
      <c r="V35017">
        <v>45</v>
      </c>
      <c r="W35017">
        <v>46</v>
      </c>
      <c r="X35017">
        <v>46</v>
      </c>
      <c r="Y35017">
        <v>47</v>
      </c>
      <c r="Z35017">
        <v>47</v>
      </c>
      <c r="AA35017">
        <v>47</v>
      </c>
      <c r="AB35017">
        <v>48</v>
      </c>
      <c r="AC35017">
        <v>48</v>
      </c>
      <c r="AD35017">
        <v>49</v>
      </c>
      <c r="AE35017">
        <v>49</v>
      </c>
      <c r="AF35017">
        <v>50</v>
      </c>
      <c r="AG35017">
        <v>50</v>
      </c>
      <c r="AH35017">
        <v>50</v>
      </c>
      <c r="AI35017">
        <v>51</v>
      </c>
      <c r="AJ35017">
        <v>51</v>
      </c>
      <c r="AK35017">
        <v>52</v>
      </c>
      <c r="AL35017">
        <v>52</v>
      </c>
      <c r="AM35017">
        <v>52</v>
      </c>
      <c r="AN35017">
        <v>52</v>
      </c>
      <c r="AO35017">
        <v>52</v>
      </c>
      <c r="AP35017">
        <v>52</v>
      </c>
      <c r="AQ35017">
        <v>52</v>
      </c>
    </row>
    <row r="35018" spans="1:43">
      <c r="A35018" t="s">
        <v>21705</v>
      </c>
      <c r="B35018" t="s">
        <v>21706</v>
      </c>
      <c r="C35018" t="s">
        <v>21707</v>
      </c>
      <c r="D35018" t="s">
        <v>21708</v>
      </c>
      <c r="E35018" t="s">
        <v>21687</v>
      </c>
      <c r="F35018" t="s">
        <v>21688</v>
      </c>
      <c r="G35018" t="s">
        <v>20255</v>
      </c>
      <c r="H35018" t="s">
        <v>20256</v>
      </c>
      <c r="I35018" s="2">
        <v>1</v>
      </c>
      <c r="J35018" s="2">
        <v>0</v>
      </c>
      <c r="K35018" s="2">
        <v>0</v>
      </c>
      <c r="L35018" t="s">
        <v>120</v>
      </c>
      <c r="M35018" t="s">
        <v>83</v>
      </c>
      <c r="N35018" t="s">
        <v>84</v>
      </c>
      <c r="O35018" t="s">
        <v>85</v>
      </c>
      <c r="P35018" t="s">
        <v>86</v>
      </c>
      <c r="Q35018">
        <v>6</v>
      </c>
      <c r="R35018">
        <v>6</v>
      </c>
      <c r="S35018">
        <v>7</v>
      </c>
      <c r="T35018">
        <v>7</v>
      </c>
      <c r="U35018">
        <v>7</v>
      </c>
      <c r="V35018">
        <v>7</v>
      </c>
      <c r="W35018">
        <v>7</v>
      </c>
      <c r="X35018">
        <v>7</v>
      </c>
      <c r="Y35018">
        <v>7</v>
      </c>
      <c r="Z35018">
        <v>7</v>
      </c>
      <c r="AA35018">
        <v>7</v>
      </c>
      <c r="AB35018">
        <v>7</v>
      </c>
      <c r="AC35018">
        <v>7</v>
      </c>
      <c r="AD35018">
        <v>7</v>
      </c>
      <c r="AE35018">
        <v>7</v>
      </c>
      <c r="AF35018">
        <v>7</v>
      </c>
      <c r="AG35018">
        <v>8</v>
      </c>
      <c r="AH35018">
        <v>8</v>
      </c>
      <c r="AI35018">
        <v>8</v>
      </c>
      <c r="AJ35018">
        <v>8</v>
      </c>
      <c r="AK35018">
        <v>8</v>
      </c>
      <c r="AL35018">
        <v>8</v>
      </c>
      <c r="AM35018">
        <v>8</v>
      </c>
      <c r="AN35018">
        <v>8</v>
      </c>
      <c r="AO35018">
        <v>8</v>
      </c>
      <c r="AP35018">
        <v>8</v>
      </c>
      <c r="AQ35018">
        <v>8</v>
      </c>
    </row>
    <row r="35019" spans="1:43">
      <c r="A35019" t="s">
        <v>21705</v>
      </c>
      <c r="B35019" t="s">
        <v>21706</v>
      </c>
      <c r="C35019" t="s">
        <v>21707</v>
      </c>
      <c r="D35019" t="s">
        <v>21708</v>
      </c>
      <c r="E35019" t="s">
        <v>21687</v>
      </c>
      <c r="F35019" t="s">
        <v>21688</v>
      </c>
      <c r="G35019" t="s">
        <v>20255</v>
      </c>
      <c r="H35019" t="s">
        <v>20256</v>
      </c>
      <c r="I35019" s="2">
        <v>1</v>
      </c>
      <c r="J35019" s="2">
        <v>0</v>
      </c>
      <c r="K35019" s="2">
        <v>0</v>
      </c>
      <c r="L35019" t="s">
        <v>120</v>
      </c>
      <c r="M35019" t="s">
        <v>87</v>
      </c>
      <c r="N35019" t="s">
        <v>88</v>
      </c>
      <c r="O35019" t="s">
        <v>85</v>
      </c>
      <c r="P35019" t="s">
        <v>86</v>
      </c>
      <c r="Q35019">
        <v>6</v>
      </c>
      <c r="R35019">
        <v>6</v>
      </c>
      <c r="S35019">
        <v>6</v>
      </c>
      <c r="T35019">
        <v>6</v>
      </c>
      <c r="U35019">
        <v>6</v>
      </c>
      <c r="V35019">
        <v>6</v>
      </c>
      <c r="W35019">
        <v>6</v>
      </c>
      <c r="X35019">
        <v>6</v>
      </c>
      <c r="Y35019">
        <v>6</v>
      </c>
      <c r="Z35019">
        <v>6</v>
      </c>
      <c r="AA35019">
        <v>6</v>
      </c>
      <c r="AB35019">
        <v>7</v>
      </c>
      <c r="AC35019">
        <v>7</v>
      </c>
      <c r="AD35019">
        <v>7</v>
      </c>
      <c r="AE35019">
        <v>7</v>
      </c>
      <c r="AF35019">
        <v>7</v>
      </c>
      <c r="AG35019">
        <v>7</v>
      </c>
      <c r="AH35019">
        <v>7</v>
      </c>
      <c r="AI35019">
        <v>7</v>
      </c>
      <c r="AJ35019">
        <v>7</v>
      </c>
      <c r="AK35019">
        <v>7</v>
      </c>
      <c r="AL35019">
        <v>7</v>
      </c>
      <c r="AM35019">
        <v>7</v>
      </c>
      <c r="AN35019">
        <v>7</v>
      </c>
      <c r="AO35019">
        <v>7</v>
      </c>
      <c r="AP35019">
        <v>7</v>
      </c>
      <c r="AQ35019">
        <v>7</v>
      </c>
    </row>
    <row r="35020" spans="1:43">
      <c r="A35020" t="s">
        <v>21705</v>
      </c>
      <c r="B35020" t="s">
        <v>21706</v>
      </c>
      <c r="C35020" t="s">
        <v>21707</v>
      </c>
      <c r="D35020" t="s">
        <v>21708</v>
      </c>
      <c r="E35020" t="s">
        <v>21687</v>
      </c>
      <c r="F35020" t="s">
        <v>21688</v>
      </c>
      <c r="G35020" t="s">
        <v>20255</v>
      </c>
      <c r="H35020" t="s">
        <v>20256</v>
      </c>
      <c r="I35020" s="2">
        <v>1</v>
      </c>
      <c r="J35020" s="2">
        <v>0</v>
      </c>
      <c r="K35020" s="2">
        <v>0</v>
      </c>
      <c r="L35020" t="s">
        <v>120</v>
      </c>
      <c r="M35020" t="s">
        <v>89</v>
      </c>
      <c r="N35020" t="s">
        <v>90</v>
      </c>
      <c r="O35020" t="s">
        <v>85</v>
      </c>
      <c r="P35020" t="s">
        <v>86</v>
      </c>
      <c r="Q35020">
        <v>6</v>
      </c>
      <c r="R35020">
        <v>7</v>
      </c>
      <c r="S35020">
        <v>7</v>
      </c>
      <c r="T35020">
        <v>7</v>
      </c>
      <c r="U35020">
        <v>7</v>
      </c>
      <c r="V35020">
        <v>7</v>
      </c>
      <c r="W35020">
        <v>7</v>
      </c>
      <c r="X35020">
        <v>7</v>
      </c>
      <c r="Y35020">
        <v>7</v>
      </c>
      <c r="Z35020">
        <v>7</v>
      </c>
      <c r="AA35020">
        <v>8</v>
      </c>
      <c r="AB35020">
        <v>8</v>
      </c>
      <c r="AC35020">
        <v>8</v>
      </c>
      <c r="AD35020">
        <v>8</v>
      </c>
      <c r="AE35020">
        <v>8</v>
      </c>
      <c r="AF35020">
        <v>8</v>
      </c>
      <c r="AG35020">
        <v>8</v>
      </c>
      <c r="AH35020">
        <v>8</v>
      </c>
      <c r="AI35020">
        <v>8</v>
      </c>
      <c r="AJ35020">
        <v>8</v>
      </c>
      <c r="AK35020">
        <v>8</v>
      </c>
      <c r="AL35020">
        <v>8</v>
      </c>
      <c r="AM35020">
        <v>8</v>
      </c>
      <c r="AN35020">
        <v>8</v>
      </c>
      <c r="AO35020">
        <v>8</v>
      </c>
      <c r="AP35020">
        <v>8</v>
      </c>
      <c r="AQ35020">
        <v>8</v>
      </c>
    </row>
    <row r="35021" spans="1:43">
      <c r="A35021" t="s">
        <v>21705</v>
      </c>
      <c r="B35021" t="s">
        <v>21706</v>
      </c>
      <c r="C35021" t="s">
        <v>21707</v>
      </c>
      <c r="D35021" t="s">
        <v>21708</v>
      </c>
      <c r="E35021" t="s">
        <v>21687</v>
      </c>
      <c r="F35021" t="s">
        <v>21688</v>
      </c>
      <c r="G35021" t="s">
        <v>20255</v>
      </c>
      <c r="H35021" t="s">
        <v>20256</v>
      </c>
      <c r="I35021" s="2">
        <v>1</v>
      </c>
      <c r="J35021" s="2">
        <v>0</v>
      </c>
      <c r="K35021" s="2">
        <v>0</v>
      </c>
      <c r="L35021" t="s">
        <v>120</v>
      </c>
      <c r="M35021" t="s">
        <v>83</v>
      </c>
      <c r="N35021" t="s">
        <v>91</v>
      </c>
      <c r="O35021" t="s">
        <v>85</v>
      </c>
      <c r="P35021" t="s">
        <v>86</v>
      </c>
      <c r="Q35021">
        <v>6</v>
      </c>
      <c r="R35021">
        <v>6</v>
      </c>
      <c r="S35021">
        <v>7</v>
      </c>
      <c r="T35021">
        <v>7</v>
      </c>
      <c r="U35021">
        <v>7</v>
      </c>
      <c r="V35021">
        <v>7</v>
      </c>
      <c r="W35021">
        <v>7</v>
      </c>
      <c r="X35021">
        <v>7</v>
      </c>
      <c r="Y35021">
        <v>7</v>
      </c>
      <c r="Z35021">
        <v>7</v>
      </c>
      <c r="AA35021">
        <v>7</v>
      </c>
      <c r="AB35021">
        <v>7</v>
      </c>
      <c r="AC35021">
        <v>7</v>
      </c>
      <c r="AD35021">
        <v>7</v>
      </c>
      <c r="AE35021">
        <v>7</v>
      </c>
      <c r="AF35021">
        <v>7</v>
      </c>
      <c r="AG35021">
        <v>8</v>
      </c>
      <c r="AH35021">
        <v>8</v>
      </c>
      <c r="AI35021">
        <v>8</v>
      </c>
      <c r="AJ35021">
        <v>8</v>
      </c>
      <c r="AK35021">
        <v>8</v>
      </c>
      <c r="AL35021">
        <v>8</v>
      </c>
      <c r="AM35021">
        <v>8</v>
      </c>
      <c r="AN35021">
        <v>8</v>
      </c>
      <c r="AO35021">
        <v>8</v>
      </c>
      <c r="AP35021">
        <v>8</v>
      </c>
      <c r="AQ35021">
        <v>8</v>
      </c>
    </row>
    <row r="35022" spans="1:43">
      <c r="A35022" t="s">
        <v>21709</v>
      </c>
      <c r="B35022" t="s">
        <v>21710</v>
      </c>
      <c r="C35022" t="s">
        <v>21707</v>
      </c>
      <c r="D35022" t="s">
        <v>21708</v>
      </c>
      <c r="E35022" t="s">
        <v>21687</v>
      </c>
      <c r="F35022" t="s">
        <v>21688</v>
      </c>
      <c r="G35022" t="s">
        <v>20255</v>
      </c>
      <c r="H35022" t="s">
        <v>20256</v>
      </c>
      <c r="I35022" s="2">
        <v>1</v>
      </c>
      <c r="J35022" s="2">
        <v>0</v>
      </c>
      <c r="K35022" s="2">
        <v>0</v>
      </c>
      <c r="L35022" t="s">
        <v>120</v>
      </c>
      <c r="M35022" t="s">
        <v>83</v>
      </c>
      <c r="N35022" t="s">
        <v>84</v>
      </c>
      <c r="O35022" t="s">
        <v>85</v>
      </c>
      <c r="P35022" t="s">
        <v>86</v>
      </c>
      <c r="Q35022">
        <v>41</v>
      </c>
      <c r="R35022">
        <v>42</v>
      </c>
      <c r="S35022">
        <v>43</v>
      </c>
      <c r="T35022">
        <v>43</v>
      </c>
      <c r="U35022">
        <v>44</v>
      </c>
      <c r="V35022">
        <v>44</v>
      </c>
      <c r="W35022">
        <v>45</v>
      </c>
      <c r="X35022">
        <v>45</v>
      </c>
      <c r="Y35022">
        <v>45</v>
      </c>
      <c r="Z35022">
        <v>46</v>
      </c>
      <c r="AA35022">
        <v>46</v>
      </c>
      <c r="AB35022">
        <v>47</v>
      </c>
      <c r="AC35022">
        <v>47</v>
      </c>
      <c r="AD35022">
        <v>48</v>
      </c>
      <c r="AE35022">
        <v>48</v>
      </c>
      <c r="AF35022">
        <v>49</v>
      </c>
      <c r="AG35022">
        <v>49</v>
      </c>
      <c r="AH35022">
        <v>50</v>
      </c>
      <c r="AI35022">
        <v>50</v>
      </c>
      <c r="AJ35022">
        <v>51</v>
      </c>
      <c r="AK35022">
        <v>51</v>
      </c>
      <c r="AL35022">
        <v>51</v>
      </c>
      <c r="AM35022">
        <v>51</v>
      </c>
      <c r="AN35022">
        <v>52</v>
      </c>
      <c r="AO35022">
        <v>52</v>
      </c>
      <c r="AP35022">
        <v>52</v>
      </c>
      <c r="AQ35022">
        <v>52</v>
      </c>
    </row>
    <row r="35023" spans="1:43">
      <c r="A35023" t="s">
        <v>21709</v>
      </c>
      <c r="B35023" t="s">
        <v>21710</v>
      </c>
      <c r="C35023" t="s">
        <v>21707</v>
      </c>
      <c r="D35023" t="s">
        <v>21708</v>
      </c>
      <c r="E35023" t="s">
        <v>21687</v>
      </c>
      <c r="F35023" t="s">
        <v>21688</v>
      </c>
      <c r="G35023" t="s">
        <v>20255</v>
      </c>
      <c r="H35023" t="s">
        <v>20256</v>
      </c>
      <c r="I35023" s="2">
        <v>1</v>
      </c>
      <c r="J35023" s="2">
        <v>0</v>
      </c>
      <c r="K35023" s="2">
        <v>0</v>
      </c>
      <c r="L35023" t="s">
        <v>120</v>
      </c>
      <c r="M35023" t="s">
        <v>87</v>
      </c>
      <c r="N35023" t="s">
        <v>88</v>
      </c>
      <c r="O35023" t="s">
        <v>85</v>
      </c>
      <c r="P35023" t="s">
        <v>86</v>
      </c>
      <c r="Q35023">
        <v>41</v>
      </c>
      <c r="R35023">
        <v>41</v>
      </c>
      <c r="S35023">
        <v>41</v>
      </c>
      <c r="T35023">
        <v>41</v>
      </c>
      <c r="U35023">
        <v>42</v>
      </c>
      <c r="V35023">
        <v>42</v>
      </c>
      <c r="W35023">
        <v>42</v>
      </c>
      <c r="X35023">
        <v>42</v>
      </c>
      <c r="Y35023">
        <v>42</v>
      </c>
      <c r="Z35023">
        <v>42</v>
      </c>
      <c r="AA35023">
        <v>42</v>
      </c>
      <c r="AB35023">
        <v>42</v>
      </c>
      <c r="AC35023">
        <v>43</v>
      </c>
      <c r="AD35023">
        <v>43</v>
      </c>
      <c r="AE35023">
        <v>43</v>
      </c>
      <c r="AF35023">
        <v>43</v>
      </c>
      <c r="AG35023">
        <v>43</v>
      </c>
      <c r="AH35023">
        <v>43</v>
      </c>
      <c r="AI35023">
        <v>43</v>
      </c>
      <c r="AJ35023">
        <v>44</v>
      </c>
      <c r="AK35023">
        <v>44</v>
      </c>
      <c r="AL35023">
        <v>44</v>
      </c>
      <c r="AM35023">
        <v>44</v>
      </c>
      <c r="AN35023">
        <v>44</v>
      </c>
      <c r="AO35023">
        <v>45</v>
      </c>
      <c r="AP35023">
        <v>45</v>
      </c>
      <c r="AQ35023">
        <v>45</v>
      </c>
    </row>
    <row r="35024" spans="1:43">
      <c r="A35024" t="s">
        <v>21709</v>
      </c>
      <c r="B35024" t="s">
        <v>21710</v>
      </c>
      <c r="C35024" t="s">
        <v>21707</v>
      </c>
      <c r="D35024" t="s">
        <v>21708</v>
      </c>
      <c r="E35024" t="s">
        <v>21687</v>
      </c>
      <c r="F35024" t="s">
        <v>21688</v>
      </c>
      <c r="G35024" t="s">
        <v>20255</v>
      </c>
      <c r="H35024" t="s">
        <v>20256</v>
      </c>
      <c r="I35024" s="2">
        <v>1</v>
      </c>
      <c r="J35024" s="2">
        <v>0</v>
      </c>
      <c r="K35024" s="2">
        <v>0</v>
      </c>
      <c r="L35024" t="s">
        <v>120</v>
      </c>
      <c r="M35024" t="s">
        <v>89</v>
      </c>
      <c r="N35024" t="s">
        <v>90</v>
      </c>
      <c r="O35024" t="s">
        <v>85</v>
      </c>
      <c r="P35024" t="s">
        <v>86</v>
      </c>
      <c r="Q35024">
        <v>41</v>
      </c>
      <c r="R35024">
        <v>42</v>
      </c>
      <c r="S35024">
        <v>43</v>
      </c>
      <c r="T35024">
        <v>43</v>
      </c>
      <c r="U35024">
        <v>44</v>
      </c>
      <c r="V35024">
        <v>45</v>
      </c>
      <c r="W35024">
        <v>46</v>
      </c>
      <c r="X35024">
        <v>46</v>
      </c>
      <c r="Y35024">
        <v>47</v>
      </c>
      <c r="Z35024">
        <v>48</v>
      </c>
      <c r="AA35024">
        <v>48</v>
      </c>
      <c r="AB35024">
        <v>49</v>
      </c>
      <c r="AC35024">
        <v>50</v>
      </c>
      <c r="AD35024">
        <v>50</v>
      </c>
      <c r="AE35024">
        <v>51</v>
      </c>
      <c r="AF35024">
        <v>51</v>
      </c>
      <c r="AG35024">
        <v>51</v>
      </c>
      <c r="AH35024">
        <v>51</v>
      </c>
      <c r="AI35024">
        <v>51</v>
      </c>
      <c r="AJ35024">
        <v>51</v>
      </c>
      <c r="AK35024">
        <v>51</v>
      </c>
      <c r="AL35024">
        <v>51</v>
      </c>
      <c r="AM35024">
        <v>51</v>
      </c>
      <c r="AN35024">
        <v>51</v>
      </c>
      <c r="AO35024">
        <v>52</v>
      </c>
      <c r="AP35024">
        <v>52</v>
      </c>
      <c r="AQ35024">
        <v>52</v>
      </c>
    </row>
    <row r="35025" spans="1:43">
      <c r="A35025" t="s">
        <v>21709</v>
      </c>
      <c r="B35025" t="s">
        <v>21710</v>
      </c>
      <c r="C35025" t="s">
        <v>21707</v>
      </c>
      <c r="D35025" t="s">
        <v>21708</v>
      </c>
      <c r="E35025" t="s">
        <v>21687</v>
      </c>
      <c r="F35025" t="s">
        <v>21688</v>
      </c>
      <c r="G35025" t="s">
        <v>20255</v>
      </c>
      <c r="H35025" t="s">
        <v>20256</v>
      </c>
      <c r="I35025" s="2">
        <v>1</v>
      </c>
      <c r="J35025" s="2">
        <v>0</v>
      </c>
      <c r="K35025" s="2">
        <v>0</v>
      </c>
      <c r="L35025" t="s">
        <v>120</v>
      </c>
      <c r="M35025" t="s">
        <v>83</v>
      </c>
      <c r="N35025" t="s">
        <v>91</v>
      </c>
      <c r="O35025" t="s">
        <v>85</v>
      </c>
      <c r="P35025" t="s">
        <v>86</v>
      </c>
      <c r="Q35025">
        <v>41</v>
      </c>
      <c r="R35025">
        <v>42</v>
      </c>
      <c r="S35025">
        <v>43</v>
      </c>
      <c r="T35025">
        <v>43</v>
      </c>
      <c r="U35025">
        <v>44</v>
      </c>
      <c r="V35025">
        <v>44</v>
      </c>
      <c r="W35025">
        <v>45</v>
      </c>
      <c r="X35025">
        <v>45</v>
      </c>
      <c r="Y35025">
        <v>45</v>
      </c>
      <c r="Z35025">
        <v>46</v>
      </c>
      <c r="AA35025">
        <v>46</v>
      </c>
      <c r="AB35025">
        <v>47</v>
      </c>
      <c r="AC35025">
        <v>47</v>
      </c>
      <c r="AD35025">
        <v>48</v>
      </c>
      <c r="AE35025">
        <v>48</v>
      </c>
      <c r="AF35025">
        <v>49</v>
      </c>
      <c r="AG35025">
        <v>49</v>
      </c>
      <c r="AH35025">
        <v>50</v>
      </c>
      <c r="AI35025">
        <v>50</v>
      </c>
      <c r="AJ35025">
        <v>51</v>
      </c>
      <c r="AK35025">
        <v>51</v>
      </c>
      <c r="AL35025">
        <v>51</v>
      </c>
      <c r="AM35025">
        <v>51</v>
      </c>
      <c r="AN35025">
        <v>52</v>
      </c>
      <c r="AO35025">
        <v>52</v>
      </c>
      <c r="AP35025">
        <v>52</v>
      </c>
      <c r="AQ35025">
        <v>52</v>
      </c>
    </row>
    <row r="35026" spans="1:43">
      <c r="A35026" t="s">
        <v>21711</v>
      </c>
      <c r="B35026" t="s">
        <v>21712</v>
      </c>
      <c r="C35026" t="s">
        <v>21707</v>
      </c>
      <c r="D35026" t="s">
        <v>21708</v>
      </c>
      <c r="E35026" t="s">
        <v>21687</v>
      </c>
      <c r="F35026" t="s">
        <v>21688</v>
      </c>
      <c r="G35026" t="s">
        <v>20255</v>
      </c>
      <c r="H35026" t="s">
        <v>20256</v>
      </c>
      <c r="I35026" s="2">
        <v>1</v>
      </c>
      <c r="J35026" s="2">
        <v>0</v>
      </c>
      <c r="K35026" s="2">
        <v>0</v>
      </c>
      <c r="L35026" t="s">
        <v>120</v>
      </c>
      <c r="M35026" t="s">
        <v>83</v>
      </c>
      <c r="N35026" t="s">
        <v>84</v>
      </c>
      <c r="O35026" t="s">
        <v>85</v>
      </c>
      <c r="P35026" t="s">
        <v>86</v>
      </c>
      <c r="Q35026">
        <v>52</v>
      </c>
      <c r="R35026">
        <v>53</v>
      </c>
      <c r="S35026">
        <v>54</v>
      </c>
      <c r="T35026">
        <v>54</v>
      </c>
      <c r="U35026">
        <v>55</v>
      </c>
      <c r="V35026">
        <v>56</v>
      </c>
      <c r="W35026">
        <v>56</v>
      </c>
      <c r="X35026">
        <v>57</v>
      </c>
      <c r="Y35026">
        <v>57</v>
      </c>
      <c r="Z35026">
        <v>58</v>
      </c>
      <c r="AA35026">
        <v>59</v>
      </c>
      <c r="AB35026">
        <v>59</v>
      </c>
      <c r="AC35026">
        <v>60</v>
      </c>
      <c r="AD35026">
        <v>60</v>
      </c>
      <c r="AE35026">
        <v>61</v>
      </c>
      <c r="AF35026">
        <v>61</v>
      </c>
      <c r="AG35026">
        <v>62</v>
      </c>
      <c r="AH35026">
        <v>63</v>
      </c>
      <c r="AI35026">
        <v>63</v>
      </c>
      <c r="AJ35026">
        <v>64</v>
      </c>
      <c r="AK35026">
        <v>65</v>
      </c>
      <c r="AL35026">
        <v>65</v>
      </c>
      <c r="AM35026">
        <v>65</v>
      </c>
      <c r="AN35026">
        <v>65</v>
      </c>
      <c r="AO35026">
        <v>65</v>
      </c>
      <c r="AP35026">
        <v>65</v>
      </c>
      <c r="AQ35026">
        <v>66</v>
      </c>
    </row>
    <row r="35027" spans="1:43">
      <c r="A35027" t="s">
        <v>21711</v>
      </c>
      <c r="B35027" t="s">
        <v>21712</v>
      </c>
      <c r="C35027" t="s">
        <v>21707</v>
      </c>
      <c r="D35027" t="s">
        <v>21708</v>
      </c>
      <c r="E35027" t="s">
        <v>21687</v>
      </c>
      <c r="F35027" t="s">
        <v>21688</v>
      </c>
      <c r="G35027" t="s">
        <v>20255</v>
      </c>
      <c r="H35027" t="s">
        <v>20256</v>
      </c>
      <c r="I35027" s="2">
        <v>1</v>
      </c>
      <c r="J35027" s="2">
        <v>0</v>
      </c>
      <c r="K35027" s="2">
        <v>0</v>
      </c>
      <c r="L35027" t="s">
        <v>120</v>
      </c>
      <c r="M35027" t="s">
        <v>87</v>
      </c>
      <c r="N35027" t="s">
        <v>88</v>
      </c>
      <c r="O35027" t="s">
        <v>85</v>
      </c>
      <c r="P35027" t="s">
        <v>86</v>
      </c>
      <c r="Q35027">
        <v>52</v>
      </c>
      <c r="R35027">
        <v>52</v>
      </c>
      <c r="S35027">
        <v>52</v>
      </c>
      <c r="T35027">
        <v>52</v>
      </c>
      <c r="U35027">
        <v>52</v>
      </c>
      <c r="V35027">
        <v>53</v>
      </c>
      <c r="W35027">
        <v>53</v>
      </c>
      <c r="X35027">
        <v>53</v>
      </c>
      <c r="Y35027">
        <v>53</v>
      </c>
      <c r="Z35027">
        <v>53</v>
      </c>
      <c r="AA35027">
        <v>53</v>
      </c>
      <c r="AB35027">
        <v>54</v>
      </c>
      <c r="AC35027">
        <v>54</v>
      </c>
      <c r="AD35027">
        <v>54</v>
      </c>
      <c r="AE35027">
        <v>54</v>
      </c>
      <c r="AF35027">
        <v>54</v>
      </c>
      <c r="AG35027">
        <v>54</v>
      </c>
      <c r="AH35027">
        <v>55</v>
      </c>
      <c r="AI35027">
        <v>55</v>
      </c>
      <c r="AJ35027">
        <v>55</v>
      </c>
      <c r="AK35027">
        <v>55</v>
      </c>
      <c r="AL35027">
        <v>56</v>
      </c>
      <c r="AM35027">
        <v>56</v>
      </c>
      <c r="AN35027">
        <v>56</v>
      </c>
      <c r="AO35027">
        <v>56</v>
      </c>
      <c r="AP35027">
        <v>56</v>
      </c>
      <c r="AQ35027">
        <v>57</v>
      </c>
    </row>
    <row r="35028" spans="1:43">
      <c r="A35028" t="s">
        <v>21711</v>
      </c>
      <c r="B35028" t="s">
        <v>21712</v>
      </c>
      <c r="C35028" t="s">
        <v>21707</v>
      </c>
      <c r="D35028" t="s">
        <v>21708</v>
      </c>
      <c r="E35028" t="s">
        <v>21687</v>
      </c>
      <c r="F35028" t="s">
        <v>21688</v>
      </c>
      <c r="G35028" t="s">
        <v>20255</v>
      </c>
      <c r="H35028" t="s">
        <v>20256</v>
      </c>
      <c r="I35028" s="2">
        <v>1</v>
      </c>
      <c r="J35028" s="2">
        <v>0</v>
      </c>
      <c r="K35028" s="2">
        <v>0</v>
      </c>
      <c r="L35028" t="s">
        <v>120</v>
      </c>
      <c r="M35028" t="s">
        <v>89</v>
      </c>
      <c r="N35028" t="s">
        <v>90</v>
      </c>
      <c r="O35028" t="s">
        <v>85</v>
      </c>
      <c r="P35028" t="s">
        <v>86</v>
      </c>
      <c r="Q35028">
        <v>52</v>
      </c>
      <c r="R35028">
        <v>53</v>
      </c>
      <c r="S35028">
        <v>54</v>
      </c>
      <c r="T35028">
        <v>55</v>
      </c>
      <c r="U35028">
        <v>56</v>
      </c>
      <c r="V35028">
        <v>57</v>
      </c>
      <c r="W35028">
        <v>58</v>
      </c>
      <c r="X35028">
        <v>59</v>
      </c>
      <c r="Y35028">
        <v>60</v>
      </c>
      <c r="Z35028">
        <v>60</v>
      </c>
      <c r="AA35028">
        <v>61</v>
      </c>
      <c r="AB35028">
        <v>62</v>
      </c>
      <c r="AC35028">
        <v>63</v>
      </c>
      <c r="AD35028">
        <v>64</v>
      </c>
      <c r="AE35028">
        <v>64</v>
      </c>
      <c r="AF35028">
        <v>64</v>
      </c>
      <c r="AG35028">
        <v>64</v>
      </c>
      <c r="AH35028">
        <v>65</v>
      </c>
      <c r="AI35028">
        <v>65</v>
      </c>
      <c r="AJ35028">
        <v>65</v>
      </c>
      <c r="AK35028">
        <v>65</v>
      </c>
      <c r="AL35028">
        <v>65</v>
      </c>
      <c r="AM35028">
        <v>65</v>
      </c>
      <c r="AN35028">
        <v>65</v>
      </c>
      <c r="AO35028">
        <v>65</v>
      </c>
      <c r="AP35028">
        <v>66</v>
      </c>
      <c r="AQ35028">
        <v>66</v>
      </c>
    </row>
    <row r="35029" spans="1:43">
      <c r="A35029" t="s">
        <v>21711</v>
      </c>
      <c r="B35029" t="s">
        <v>21712</v>
      </c>
      <c r="C35029" t="s">
        <v>21707</v>
      </c>
      <c r="D35029" t="s">
        <v>21708</v>
      </c>
      <c r="E35029" t="s">
        <v>21687</v>
      </c>
      <c r="F35029" t="s">
        <v>21688</v>
      </c>
      <c r="G35029" t="s">
        <v>20255</v>
      </c>
      <c r="H35029" t="s">
        <v>20256</v>
      </c>
      <c r="I35029" s="2">
        <v>1</v>
      </c>
      <c r="J35029" s="2">
        <v>0</v>
      </c>
      <c r="K35029" s="2">
        <v>0</v>
      </c>
      <c r="L35029" t="s">
        <v>120</v>
      </c>
      <c r="M35029" t="s">
        <v>83</v>
      </c>
      <c r="N35029" t="s">
        <v>91</v>
      </c>
      <c r="O35029" t="s">
        <v>85</v>
      </c>
      <c r="P35029" t="s">
        <v>86</v>
      </c>
      <c r="Q35029">
        <v>52</v>
      </c>
      <c r="R35029">
        <v>53</v>
      </c>
      <c r="S35029">
        <v>54</v>
      </c>
      <c r="T35029">
        <v>54</v>
      </c>
      <c r="U35029">
        <v>55</v>
      </c>
      <c r="V35029">
        <v>56</v>
      </c>
      <c r="W35029">
        <v>56</v>
      </c>
      <c r="X35029">
        <v>57</v>
      </c>
      <c r="Y35029">
        <v>57</v>
      </c>
      <c r="Z35029">
        <v>58</v>
      </c>
      <c r="AA35029">
        <v>59</v>
      </c>
      <c r="AB35029">
        <v>59</v>
      </c>
      <c r="AC35029">
        <v>60</v>
      </c>
      <c r="AD35029">
        <v>60</v>
      </c>
      <c r="AE35029">
        <v>61</v>
      </c>
      <c r="AF35029">
        <v>61</v>
      </c>
      <c r="AG35029">
        <v>62</v>
      </c>
      <c r="AH35029">
        <v>63</v>
      </c>
      <c r="AI35029">
        <v>63</v>
      </c>
      <c r="AJ35029">
        <v>64</v>
      </c>
      <c r="AK35029">
        <v>65</v>
      </c>
      <c r="AL35029">
        <v>65</v>
      </c>
      <c r="AM35029">
        <v>65</v>
      </c>
      <c r="AN35029">
        <v>65</v>
      </c>
      <c r="AO35029">
        <v>65</v>
      </c>
      <c r="AP35029">
        <v>65</v>
      </c>
      <c r="AQ35029">
        <v>66</v>
      </c>
    </row>
    <row r="35030" spans="1:43">
      <c r="A35030" t="s">
        <v>21713</v>
      </c>
      <c r="B35030" t="s">
        <v>21714</v>
      </c>
      <c r="C35030" t="s">
        <v>21715</v>
      </c>
      <c r="D35030" t="s">
        <v>21716</v>
      </c>
      <c r="E35030" t="s">
        <v>21687</v>
      </c>
      <c r="F35030" t="s">
        <v>21688</v>
      </c>
      <c r="G35030" t="s">
        <v>20255</v>
      </c>
      <c r="H35030" t="s">
        <v>20256</v>
      </c>
      <c r="I35030" s="2">
        <v>1</v>
      </c>
      <c r="J35030" s="2">
        <v>0</v>
      </c>
      <c r="K35030" s="2">
        <v>0</v>
      </c>
      <c r="L35030" t="s">
        <v>120</v>
      </c>
      <c r="M35030" t="s">
        <v>83</v>
      </c>
      <c r="N35030" t="s">
        <v>84</v>
      </c>
      <c r="O35030" t="s">
        <v>85</v>
      </c>
      <c r="P35030" t="s">
        <v>86</v>
      </c>
      <c r="Q35030">
        <v>39</v>
      </c>
      <c r="R35030">
        <v>39</v>
      </c>
      <c r="S35030">
        <v>40</v>
      </c>
      <c r="T35030">
        <v>40</v>
      </c>
      <c r="U35030">
        <v>40</v>
      </c>
      <c r="V35030">
        <v>41</v>
      </c>
      <c r="W35030">
        <v>41</v>
      </c>
      <c r="X35030">
        <v>41</v>
      </c>
      <c r="Y35030">
        <v>41</v>
      </c>
      <c r="Z35030">
        <v>42</v>
      </c>
      <c r="AA35030">
        <v>42</v>
      </c>
      <c r="AB35030">
        <v>42</v>
      </c>
      <c r="AC35030">
        <v>43</v>
      </c>
      <c r="AD35030">
        <v>43</v>
      </c>
      <c r="AE35030">
        <v>43</v>
      </c>
      <c r="AF35030">
        <v>43</v>
      </c>
      <c r="AG35030">
        <v>44</v>
      </c>
      <c r="AH35030">
        <v>44</v>
      </c>
      <c r="AI35030">
        <v>44</v>
      </c>
      <c r="AJ35030">
        <v>45</v>
      </c>
      <c r="AK35030">
        <v>45</v>
      </c>
      <c r="AL35030">
        <v>45</v>
      </c>
      <c r="AM35030">
        <v>45</v>
      </c>
      <c r="AN35030">
        <v>45</v>
      </c>
      <c r="AO35030">
        <v>45</v>
      </c>
      <c r="AP35030">
        <v>45</v>
      </c>
      <c r="AQ35030">
        <v>44</v>
      </c>
    </row>
    <row r="35031" spans="1:43">
      <c r="A35031" t="s">
        <v>21713</v>
      </c>
      <c r="B35031" t="s">
        <v>21714</v>
      </c>
      <c r="C35031" t="s">
        <v>21715</v>
      </c>
      <c r="D35031" t="s">
        <v>21716</v>
      </c>
      <c r="E35031" t="s">
        <v>21687</v>
      </c>
      <c r="F35031" t="s">
        <v>21688</v>
      </c>
      <c r="G35031" t="s">
        <v>20255</v>
      </c>
      <c r="H35031" t="s">
        <v>20256</v>
      </c>
      <c r="I35031" s="2">
        <v>1</v>
      </c>
      <c r="J35031" s="2">
        <v>0</v>
      </c>
      <c r="K35031" s="2">
        <v>0</v>
      </c>
      <c r="L35031" t="s">
        <v>120</v>
      </c>
      <c r="M35031" t="s">
        <v>87</v>
      </c>
      <c r="N35031" t="s">
        <v>88</v>
      </c>
      <c r="O35031" t="s">
        <v>85</v>
      </c>
      <c r="P35031" t="s">
        <v>86</v>
      </c>
      <c r="Q35031">
        <v>39</v>
      </c>
      <c r="R35031">
        <v>39</v>
      </c>
      <c r="S35031">
        <v>39</v>
      </c>
      <c r="T35031">
        <v>39</v>
      </c>
      <c r="U35031">
        <v>39</v>
      </c>
      <c r="V35031">
        <v>39</v>
      </c>
      <c r="W35031">
        <v>39</v>
      </c>
      <c r="X35031">
        <v>39</v>
      </c>
      <c r="Y35031">
        <v>39</v>
      </c>
      <c r="Z35031">
        <v>39</v>
      </c>
      <c r="AA35031">
        <v>39</v>
      </c>
      <c r="AB35031">
        <v>39</v>
      </c>
      <c r="AC35031">
        <v>39</v>
      </c>
      <c r="AD35031">
        <v>39</v>
      </c>
      <c r="AE35031">
        <v>39</v>
      </c>
      <c r="AF35031">
        <v>39</v>
      </c>
      <c r="AG35031">
        <v>39</v>
      </c>
      <c r="AH35031">
        <v>39</v>
      </c>
      <c r="AI35031">
        <v>39</v>
      </c>
      <c r="AJ35031">
        <v>39</v>
      </c>
      <c r="AK35031">
        <v>39</v>
      </c>
      <c r="AL35031">
        <v>39</v>
      </c>
      <c r="AM35031">
        <v>39</v>
      </c>
      <c r="AN35031">
        <v>39</v>
      </c>
      <c r="AO35031">
        <v>39</v>
      </c>
      <c r="AP35031">
        <v>39</v>
      </c>
      <c r="AQ35031">
        <v>40</v>
      </c>
    </row>
    <row r="35032" spans="1:43">
      <c r="A35032" t="s">
        <v>21713</v>
      </c>
      <c r="B35032" t="s">
        <v>21714</v>
      </c>
      <c r="C35032" t="s">
        <v>21715</v>
      </c>
      <c r="D35032" t="s">
        <v>21716</v>
      </c>
      <c r="E35032" t="s">
        <v>21687</v>
      </c>
      <c r="F35032" t="s">
        <v>21688</v>
      </c>
      <c r="G35032" t="s">
        <v>20255</v>
      </c>
      <c r="H35032" t="s">
        <v>20256</v>
      </c>
      <c r="I35032" s="2">
        <v>1</v>
      </c>
      <c r="J35032" s="2">
        <v>0</v>
      </c>
      <c r="K35032" s="2">
        <v>0</v>
      </c>
      <c r="L35032" t="s">
        <v>120</v>
      </c>
      <c r="M35032" t="s">
        <v>89</v>
      </c>
      <c r="N35032" t="s">
        <v>90</v>
      </c>
      <c r="O35032" t="s">
        <v>85</v>
      </c>
      <c r="P35032" t="s">
        <v>86</v>
      </c>
      <c r="Q35032">
        <v>39</v>
      </c>
      <c r="R35032">
        <v>40</v>
      </c>
      <c r="S35032">
        <v>41</v>
      </c>
      <c r="T35032">
        <v>41</v>
      </c>
      <c r="U35032">
        <v>42</v>
      </c>
      <c r="V35032">
        <v>42</v>
      </c>
      <c r="W35032">
        <v>43</v>
      </c>
      <c r="X35032">
        <v>43</v>
      </c>
      <c r="Y35032">
        <v>44</v>
      </c>
      <c r="Z35032">
        <v>44</v>
      </c>
      <c r="AA35032">
        <v>45</v>
      </c>
      <c r="AB35032">
        <v>45</v>
      </c>
      <c r="AC35032">
        <v>46</v>
      </c>
      <c r="AD35032">
        <v>46</v>
      </c>
      <c r="AE35032">
        <v>46</v>
      </c>
      <c r="AF35032">
        <v>46</v>
      </c>
      <c r="AG35032">
        <v>46</v>
      </c>
      <c r="AH35032">
        <v>46</v>
      </c>
      <c r="AI35032">
        <v>46</v>
      </c>
      <c r="AJ35032">
        <v>46</v>
      </c>
      <c r="AK35032">
        <v>46</v>
      </c>
      <c r="AL35032">
        <v>45</v>
      </c>
      <c r="AM35032">
        <v>45</v>
      </c>
      <c r="AN35032">
        <v>45</v>
      </c>
      <c r="AO35032">
        <v>45</v>
      </c>
      <c r="AP35032">
        <v>45</v>
      </c>
      <c r="AQ35032">
        <v>45</v>
      </c>
    </row>
    <row r="35033" spans="1:43">
      <c r="A35033" t="s">
        <v>21713</v>
      </c>
      <c r="B35033" t="s">
        <v>21714</v>
      </c>
      <c r="C35033" t="s">
        <v>21715</v>
      </c>
      <c r="D35033" t="s">
        <v>21716</v>
      </c>
      <c r="E35033" t="s">
        <v>21687</v>
      </c>
      <c r="F35033" t="s">
        <v>21688</v>
      </c>
      <c r="G35033" t="s">
        <v>20255</v>
      </c>
      <c r="H35033" t="s">
        <v>20256</v>
      </c>
      <c r="I35033" s="2">
        <v>1</v>
      </c>
      <c r="J35033" s="2">
        <v>0</v>
      </c>
      <c r="K35033" s="2">
        <v>0</v>
      </c>
      <c r="L35033" t="s">
        <v>120</v>
      </c>
      <c r="M35033" t="s">
        <v>83</v>
      </c>
      <c r="N35033" t="s">
        <v>91</v>
      </c>
      <c r="O35033" t="s">
        <v>85</v>
      </c>
      <c r="P35033" t="s">
        <v>86</v>
      </c>
      <c r="Q35033">
        <v>39</v>
      </c>
      <c r="R35033">
        <v>39</v>
      </c>
      <c r="S35033">
        <v>40</v>
      </c>
      <c r="T35033">
        <v>40</v>
      </c>
      <c r="U35033">
        <v>40</v>
      </c>
      <c r="V35033">
        <v>41</v>
      </c>
      <c r="W35033">
        <v>41</v>
      </c>
      <c r="X35033">
        <v>41</v>
      </c>
      <c r="Y35033">
        <v>41</v>
      </c>
      <c r="Z35033">
        <v>42</v>
      </c>
      <c r="AA35033">
        <v>42</v>
      </c>
      <c r="AB35033">
        <v>42</v>
      </c>
      <c r="AC35033">
        <v>43</v>
      </c>
      <c r="AD35033">
        <v>43</v>
      </c>
      <c r="AE35033">
        <v>43</v>
      </c>
      <c r="AF35033">
        <v>43</v>
      </c>
      <c r="AG35033">
        <v>44</v>
      </c>
      <c r="AH35033">
        <v>44</v>
      </c>
      <c r="AI35033">
        <v>44</v>
      </c>
      <c r="AJ35033">
        <v>45</v>
      </c>
      <c r="AK35033">
        <v>45</v>
      </c>
      <c r="AL35033">
        <v>45</v>
      </c>
      <c r="AM35033">
        <v>45</v>
      </c>
      <c r="AN35033">
        <v>45</v>
      </c>
      <c r="AO35033">
        <v>45</v>
      </c>
      <c r="AP35033">
        <v>45</v>
      </c>
      <c r="AQ35033">
        <v>44</v>
      </c>
    </row>
    <row r="35034" spans="1:43">
      <c r="A35034" t="s">
        <v>21717</v>
      </c>
      <c r="B35034" t="s">
        <v>21718</v>
      </c>
      <c r="C35034" t="s">
        <v>21719</v>
      </c>
      <c r="D35034" t="s">
        <v>21720</v>
      </c>
      <c r="E35034" t="s">
        <v>21687</v>
      </c>
      <c r="F35034" t="s">
        <v>21688</v>
      </c>
      <c r="G35034" t="s">
        <v>20255</v>
      </c>
      <c r="H35034" t="s">
        <v>20256</v>
      </c>
      <c r="I35034" s="2">
        <v>1</v>
      </c>
      <c r="J35034" s="2">
        <v>0</v>
      </c>
      <c r="K35034" s="2">
        <v>0</v>
      </c>
      <c r="L35034" t="s">
        <v>120</v>
      </c>
      <c r="M35034" t="s">
        <v>83</v>
      </c>
      <c r="N35034" t="s">
        <v>84</v>
      </c>
      <c r="O35034" t="s">
        <v>85</v>
      </c>
      <c r="P35034" t="s">
        <v>86</v>
      </c>
      <c r="Q35034">
        <v>17</v>
      </c>
      <c r="R35034">
        <v>18</v>
      </c>
      <c r="S35034">
        <v>18</v>
      </c>
      <c r="T35034">
        <v>18</v>
      </c>
      <c r="U35034">
        <v>18</v>
      </c>
      <c r="V35034">
        <v>18</v>
      </c>
      <c r="W35034">
        <v>18</v>
      </c>
      <c r="X35034">
        <v>19</v>
      </c>
      <c r="Y35034">
        <v>19</v>
      </c>
      <c r="Z35034">
        <v>19</v>
      </c>
      <c r="AA35034">
        <v>19</v>
      </c>
      <c r="AB35034">
        <v>19</v>
      </c>
      <c r="AC35034">
        <v>20</v>
      </c>
      <c r="AD35034">
        <v>20</v>
      </c>
      <c r="AE35034">
        <v>20</v>
      </c>
      <c r="AF35034">
        <v>20</v>
      </c>
      <c r="AG35034">
        <v>20</v>
      </c>
      <c r="AH35034">
        <v>21</v>
      </c>
      <c r="AI35034">
        <v>21</v>
      </c>
      <c r="AJ35034">
        <v>21</v>
      </c>
      <c r="AK35034">
        <v>21</v>
      </c>
      <c r="AL35034">
        <v>21</v>
      </c>
      <c r="AM35034">
        <v>21</v>
      </c>
      <c r="AN35034">
        <v>21</v>
      </c>
      <c r="AO35034">
        <v>21</v>
      </c>
      <c r="AP35034">
        <v>21</v>
      </c>
      <c r="AQ35034">
        <v>21</v>
      </c>
    </row>
    <row r="35035" spans="1:43">
      <c r="A35035" t="s">
        <v>21717</v>
      </c>
      <c r="B35035" t="s">
        <v>21718</v>
      </c>
      <c r="C35035" t="s">
        <v>21719</v>
      </c>
      <c r="D35035" t="s">
        <v>21720</v>
      </c>
      <c r="E35035" t="s">
        <v>21687</v>
      </c>
      <c r="F35035" t="s">
        <v>21688</v>
      </c>
      <c r="G35035" t="s">
        <v>20255</v>
      </c>
      <c r="H35035" t="s">
        <v>20256</v>
      </c>
      <c r="I35035" s="2">
        <v>1</v>
      </c>
      <c r="J35035" s="2">
        <v>0</v>
      </c>
      <c r="K35035" s="2">
        <v>0</v>
      </c>
      <c r="L35035" t="s">
        <v>120</v>
      </c>
      <c r="M35035" t="s">
        <v>87</v>
      </c>
      <c r="N35035" t="s">
        <v>88</v>
      </c>
      <c r="O35035" t="s">
        <v>85</v>
      </c>
      <c r="P35035" t="s">
        <v>86</v>
      </c>
      <c r="Q35035">
        <v>17</v>
      </c>
      <c r="R35035">
        <v>17</v>
      </c>
      <c r="S35035">
        <v>17</v>
      </c>
      <c r="T35035">
        <v>17</v>
      </c>
      <c r="U35035">
        <v>17</v>
      </c>
      <c r="V35035">
        <v>17</v>
      </c>
      <c r="W35035">
        <v>17</v>
      </c>
      <c r="X35035">
        <v>17</v>
      </c>
      <c r="Y35035">
        <v>17</v>
      </c>
      <c r="Z35035">
        <v>17</v>
      </c>
      <c r="AA35035">
        <v>17</v>
      </c>
      <c r="AB35035">
        <v>18</v>
      </c>
      <c r="AC35035">
        <v>18</v>
      </c>
      <c r="AD35035">
        <v>18</v>
      </c>
      <c r="AE35035">
        <v>18</v>
      </c>
      <c r="AF35035">
        <v>18</v>
      </c>
      <c r="AG35035">
        <v>18</v>
      </c>
      <c r="AH35035">
        <v>18</v>
      </c>
      <c r="AI35035">
        <v>18</v>
      </c>
      <c r="AJ35035">
        <v>18</v>
      </c>
      <c r="AK35035">
        <v>18</v>
      </c>
      <c r="AL35035">
        <v>18</v>
      </c>
      <c r="AM35035">
        <v>18</v>
      </c>
      <c r="AN35035">
        <v>18</v>
      </c>
      <c r="AO35035">
        <v>18</v>
      </c>
      <c r="AP35035">
        <v>18</v>
      </c>
      <c r="AQ35035">
        <v>18</v>
      </c>
    </row>
    <row r="35036" spans="1:43">
      <c r="A35036" t="s">
        <v>21717</v>
      </c>
      <c r="B35036" t="s">
        <v>21718</v>
      </c>
      <c r="C35036" t="s">
        <v>21719</v>
      </c>
      <c r="D35036" t="s">
        <v>21720</v>
      </c>
      <c r="E35036" t="s">
        <v>21687</v>
      </c>
      <c r="F35036" t="s">
        <v>21688</v>
      </c>
      <c r="G35036" t="s">
        <v>20255</v>
      </c>
      <c r="H35036" t="s">
        <v>20256</v>
      </c>
      <c r="I35036" s="2">
        <v>1</v>
      </c>
      <c r="J35036" s="2">
        <v>0</v>
      </c>
      <c r="K35036" s="2">
        <v>0</v>
      </c>
      <c r="L35036" t="s">
        <v>120</v>
      </c>
      <c r="M35036" t="s">
        <v>89</v>
      </c>
      <c r="N35036" t="s">
        <v>90</v>
      </c>
      <c r="O35036" t="s">
        <v>85</v>
      </c>
      <c r="P35036" t="s">
        <v>86</v>
      </c>
      <c r="Q35036">
        <v>17</v>
      </c>
      <c r="R35036">
        <v>17</v>
      </c>
      <c r="S35036">
        <v>17</v>
      </c>
      <c r="T35036">
        <v>18</v>
      </c>
      <c r="U35036">
        <v>18</v>
      </c>
      <c r="V35036">
        <v>18</v>
      </c>
      <c r="W35036">
        <v>18</v>
      </c>
      <c r="X35036">
        <v>19</v>
      </c>
      <c r="Y35036">
        <v>19</v>
      </c>
      <c r="Z35036">
        <v>19</v>
      </c>
      <c r="AA35036">
        <v>20</v>
      </c>
      <c r="AB35036">
        <v>20</v>
      </c>
      <c r="AC35036">
        <v>20</v>
      </c>
      <c r="AD35036">
        <v>20</v>
      </c>
      <c r="AE35036">
        <v>20</v>
      </c>
      <c r="AF35036">
        <v>20</v>
      </c>
      <c r="AG35036">
        <v>20</v>
      </c>
      <c r="AH35036">
        <v>20</v>
      </c>
      <c r="AI35036">
        <v>20</v>
      </c>
      <c r="AJ35036">
        <v>20</v>
      </c>
      <c r="AK35036">
        <v>20</v>
      </c>
      <c r="AL35036">
        <v>20</v>
      </c>
      <c r="AM35036">
        <v>20</v>
      </c>
      <c r="AN35036">
        <v>20</v>
      </c>
      <c r="AO35036">
        <v>21</v>
      </c>
      <c r="AP35036">
        <v>21</v>
      </c>
      <c r="AQ35036">
        <v>21</v>
      </c>
    </row>
    <row r="35037" spans="1:43">
      <c r="A35037" t="s">
        <v>21717</v>
      </c>
      <c r="B35037" t="s">
        <v>21718</v>
      </c>
      <c r="C35037" t="s">
        <v>21719</v>
      </c>
      <c r="D35037" t="s">
        <v>21720</v>
      </c>
      <c r="E35037" t="s">
        <v>21687</v>
      </c>
      <c r="F35037" t="s">
        <v>21688</v>
      </c>
      <c r="G35037" t="s">
        <v>20255</v>
      </c>
      <c r="H35037" t="s">
        <v>20256</v>
      </c>
      <c r="I35037" s="2">
        <v>1</v>
      </c>
      <c r="J35037" s="2">
        <v>0</v>
      </c>
      <c r="K35037" s="2">
        <v>0</v>
      </c>
      <c r="L35037" t="s">
        <v>120</v>
      </c>
      <c r="M35037" t="s">
        <v>83</v>
      </c>
      <c r="N35037" t="s">
        <v>91</v>
      </c>
      <c r="O35037" t="s">
        <v>85</v>
      </c>
      <c r="P35037" t="s">
        <v>86</v>
      </c>
      <c r="Q35037">
        <v>17</v>
      </c>
      <c r="R35037">
        <v>18</v>
      </c>
      <c r="S35037">
        <v>18</v>
      </c>
      <c r="T35037">
        <v>18</v>
      </c>
      <c r="U35037">
        <v>18</v>
      </c>
      <c r="V35037">
        <v>18</v>
      </c>
      <c r="W35037">
        <v>18</v>
      </c>
      <c r="X35037">
        <v>19</v>
      </c>
      <c r="Y35037">
        <v>19</v>
      </c>
      <c r="Z35037">
        <v>19</v>
      </c>
      <c r="AA35037">
        <v>19</v>
      </c>
      <c r="AB35037">
        <v>19</v>
      </c>
      <c r="AC35037">
        <v>20</v>
      </c>
      <c r="AD35037">
        <v>20</v>
      </c>
      <c r="AE35037">
        <v>20</v>
      </c>
      <c r="AF35037">
        <v>20</v>
      </c>
      <c r="AG35037">
        <v>20</v>
      </c>
      <c r="AH35037">
        <v>21</v>
      </c>
      <c r="AI35037">
        <v>21</v>
      </c>
      <c r="AJ35037">
        <v>21</v>
      </c>
      <c r="AK35037">
        <v>21</v>
      </c>
      <c r="AL35037">
        <v>21</v>
      </c>
      <c r="AM35037">
        <v>21</v>
      </c>
      <c r="AN35037">
        <v>21</v>
      </c>
      <c r="AO35037">
        <v>21</v>
      </c>
      <c r="AP35037">
        <v>21</v>
      </c>
      <c r="AQ35037">
        <v>21</v>
      </c>
    </row>
    <row r="35038" spans="1:43">
      <c r="A35038" t="s">
        <v>21721</v>
      </c>
      <c r="B35038" t="s">
        <v>21722</v>
      </c>
      <c r="C35038" t="s">
        <v>21719</v>
      </c>
      <c r="D35038" t="s">
        <v>21720</v>
      </c>
      <c r="E35038" t="s">
        <v>21687</v>
      </c>
      <c r="F35038" t="s">
        <v>21688</v>
      </c>
      <c r="G35038" t="s">
        <v>20255</v>
      </c>
      <c r="H35038" t="s">
        <v>20256</v>
      </c>
      <c r="I35038" s="2">
        <v>1</v>
      </c>
      <c r="J35038" s="2">
        <v>0</v>
      </c>
      <c r="K35038" s="2">
        <v>0</v>
      </c>
      <c r="L35038" t="s">
        <v>120</v>
      </c>
      <c r="M35038" t="s">
        <v>83</v>
      </c>
      <c r="N35038" t="s">
        <v>84</v>
      </c>
      <c r="O35038" t="s">
        <v>85</v>
      </c>
      <c r="P35038" t="s">
        <v>86</v>
      </c>
      <c r="Q35038">
        <v>12</v>
      </c>
      <c r="R35038">
        <v>13</v>
      </c>
      <c r="S35038">
        <v>13</v>
      </c>
      <c r="T35038">
        <v>13</v>
      </c>
      <c r="U35038">
        <v>13</v>
      </c>
      <c r="V35038">
        <v>13</v>
      </c>
      <c r="W35038">
        <v>13</v>
      </c>
      <c r="X35038">
        <v>13</v>
      </c>
      <c r="Y35038">
        <v>13</v>
      </c>
      <c r="Z35038">
        <v>14</v>
      </c>
      <c r="AA35038">
        <v>14</v>
      </c>
      <c r="AB35038">
        <v>14</v>
      </c>
      <c r="AC35038">
        <v>14</v>
      </c>
      <c r="AD35038">
        <v>14</v>
      </c>
      <c r="AE35038">
        <v>14</v>
      </c>
      <c r="AF35038">
        <v>14</v>
      </c>
      <c r="AG35038">
        <v>15</v>
      </c>
      <c r="AH35038">
        <v>15</v>
      </c>
      <c r="AI35038">
        <v>15</v>
      </c>
      <c r="AJ35038">
        <v>15</v>
      </c>
      <c r="AK35038">
        <v>15</v>
      </c>
      <c r="AL35038">
        <v>15</v>
      </c>
      <c r="AM35038">
        <v>15</v>
      </c>
      <c r="AN35038">
        <v>15</v>
      </c>
      <c r="AO35038">
        <v>15</v>
      </c>
      <c r="AP35038">
        <v>15</v>
      </c>
      <c r="AQ35038">
        <v>15</v>
      </c>
    </row>
    <row r="35039" spans="1:43">
      <c r="A35039" t="s">
        <v>21721</v>
      </c>
      <c r="B35039" t="s">
        <v>21722</v>
      </c>
      <c r="C35039" t="s">
        <v>21719</v>
      </c>
      <c r="D35039" t="s">
        <v>21720</v>
      </c>
      <c r="E35039" t="s">
        <v>21687</v>
      </c>
      <c r="F35039" t="s">
        <v>21688</v>
      </c>
      <c r="G35039" t="s">
        <v>20255</v>
      </c>
      <c r="H35039" t="s">
        <v>20256</v>
      </c>
      <c r="I35039" s="2">
        <v>1</v>
      </c>
      <c r="J35039" s="2">
        <v>0</v>
      </c>
      <c r="K35039" s="2">
        <v>0</v>
      </c>
      <c r="L35039" t="s">
        <v>120</v>
      </c>
      <c r="M35039" t="s">
        <v>87</v>
      </c>
      <c r="N35039" t="s">
        <v>88</v>
      </c>
      <c r="O35039" t="s">
        <v>85</v>
      </c>
      <c r="P35039" t="s">
        <v>86</v>
      </c>
      <c r="Q35039">
        <v>12</v>
      </c>
      <c r="R35039">
        <v>12</v>
      </c>
      <c r="S35039">
        <v>12</v>
      </c>
      <c r="T35039">
        <v>12</v>
      </c>
      <c r="U35039">
        <v>12</v>
      </c>
      <c r="V35039">
        <v>12</v>
      </c>
      <c r="W35039">
        <v>12</v>
      </c>
      <c r="X35039">
        <v>12</v>
      </c>
      <c r="Y35039">
        <v>12</v>
      </c>
      <c r="Z35039">
        <v>12</v>
      </c>
      <c r="AA35039">
        <v>13</v>
      </c>
      <c r="AB35039">
        <v>13</v>
      </c>
      <c r="AC35039">
        <v>13</v>
      </c>
      <c r="AD35039">
        <v>13</v>
      </c>
      <c r="AE35039">
        <v>13</v>
      </c>
      <c r="AF35039">
        <v>13</v>
      </c>
      <c r="AG35039">
        <v>13</v>
      </c>
      <c r="AH35039">
        <v>13</v>
      </c>
      <c r="AI35039">
        <v>13</v>
      </c>
      <c r="AJ35039">
        <v>13</v>
      </c>
      <c r="AK35039">
        <v>13</v>
      </c>
      <c r="AL35039">
        <v>13</v>
      </c>
      <c r="AM35039">
        <v>13</v>
      </c>
      <c r="AN35039">
        <v>13</v>
      </c>
      <c r="AO35039">
        <v>13</v>
      </c>
      <c r="AP35039">
        <v>13</v>
      </c>
      <c r="AQ35039">
        <v>13</v>
      </c>
    </row>
    <row r="35040" spans="1:43">
      <c r="A35040" t="s">
        <v>21721</v>
      </c>
      <c r="B35040" t="s">
        <v>21722</v>
      </c>
      <c r="C35040" t="s">
        <v>21719</v>
      </c>
      <c r="D35040" t="s">
        <v>21720</v>
      </c>
      <c r="E35040" t="s">
        <v>21687</v>
      </c>
      <c r="F35040" t="s">
        <v>21688</v>
      </c>
      <c r="G35040" t="s">
        <v>20255</v>
      </c>
      <c r="H35040" t="s">
        <v>20256</v>
      </c>
      <c r="I35040" s="2">
        <v>1</v>
      </c>
      <c r="J35040" s="2">
        <v>0</v>
      </c>
      <c r="K35040" s="2">
        <v>0</v>
      </c>
      <c r="L35040" t="s">
        <v>120</v>
      </c>
      <c r="M35040" t="s">
        <v>89</v>
      </c>
      <c r="N35040" t="s">
        <v>90</v>
      </c>
      <c r="O35040" t="s">
        <v>85</v>
      </c>
      <c r="P35040" t="s">
        <v>86</v>
      </c>
      <c r="Q35040">
        <v>12</v>
      </c>
      <c r="R35040">
        <v>12</v>
      </c>
      <c r="S35040">
        <v>12</v>
      </c>
      <c r="T35040">
        <v>12</v>
      </c>
      <c r="U35040">
        <v>12</v>
      </c>
      <c r="V35040">
        <v>13</v>
      </c>
      <c r="W35040">
        <v>13</v>
      </c>
      <c r="X35040">
        <v>13</v>
      </c>
      <c r="Y35040">
        <v>13</v>
      </c>
      <c r="Z35040">
        <v>13</v>
      </c>
      <c r="AA35040">
        <v>14</v>
      </c>
      <c r="AB35040">
        <v>14</v>
      </c>
      <c r="AC35040">
        <v>14</v>
      </c>
      <c r="AD35040">
        <v>14</v>
      </c>
      <c r="AE35040">
        <v>14</v>
      </c>
      <c r="AF35040">
        <v>14</v>
      </c>
      <c r="AG35040">
        <v>14</v>
      </c>
      <c r="AH35040">
        <v>14</v>
      </c>
      <c r="AI35040">
        <v>14</v>
      </c>
      <c r="AJ35040">
        <v>14</v>
      </c>
      <c r="AK35040">
        <v>14</v>
      </c>
      <c r="AL35040">
        <v>14</v>
      </c>
      <c r="AM35040">
        <v>14</v>
      </c>
      <c r="AN35040">
        <v>14</v>
      </c>
      <c r="AO35040">
        <v>14</v>
      </c>
      <c r="AP35040">
        <v>14</v>
      </c>
      <c r="AQ35040">
        <v>14</v>
      </c>
    </row>
    <row r="35041" spans="1:43">
      <c r="A35041" t="s">
        <v>21721</v>
      </c>
      <c r="B35041" t="s">
        <v>21722</v>
      </c>
      <c r="C35041" t="s">
        <v>21719</v>
      </c>
      <c r="D35041" t="s">
        <v>21720</v>
      </c>
      <c r="E35041" t="s">
        <v>21687</v>
      </c>
      <c r="F35041" t="s">
        <v>21688</v>
      </c>
      <c r="G35041" t="s">
        <v>20255</v>
      </c>
      <c r="H35041" t="s">
        <v>20256</v>
      </c>
      <c r="I35041" s="2">
        <v>1</v>
      </c>
      <c r="J35041" s="2">
        <v>0</v>
      </c>
      <c r="K35041" s="2">
        <v>0</v>
      </c>
      <c r="L35041" t="s">
        <v>120</v>
      </c>
      <c r="M35041" t="s">
        <v>83</v>
      </c>
      <c r="N35041" t="s">
        <v>91</v>
      </c>
      <c r="O35041" t="s">
        <v>85</v>
      </c>
      <c r="P35041" t="s">
        <v>86</v>
      </c>
      <c r="Q35041">
        <v>12</v>
      </c>
      <c r="R35041">
        <v>13</v>
      </c>
      <c r="S35041">
        <v>13</v>
      </c>
      <c r="T35041">
        <v>13</v>
      </c>
      <c r="U35041">
        <v>13</v>
      </c>
      <c r="V35041">
        <v>13</v>
      </c>
      <c r="W35041">
        <v>13</v>
      </c>
      <c r="X35041">
        <v>13</v>
      </c>
      <c r="Y35041">
        <v>13</v>
      </c>
      <c r="Z35041">
        <v>14</v>
      </c>
      <c r="AA35041">
        <v>14</v>
      </c>
      <c r="AB35041">
        <v>14</v>
      </c>
      <c r="AC35041">
        <v>14</v>
      </c>
      <c r="AD35041">
        <v>14</v>
      </c>
      <c r="AE35041">
        <v>14</v>
      </c>
      <c r="AF35041">
        <v>14</v>
      </c>
      <c r="AG35041">
        <v>15</v>
      </c>
      <c r="AH35041">
        <v>15</v>
      </c>
      <c r="AI35041">
        <v>15</v>
      </c>
      <c r="AJ35041">
        <v>15</v>
      </c>
      <c r="AK35041">
        <v>15</v>
      </c>
      <c r="AL35041">
        <v>15</v>
      </c>
      <c r="AM35041">
        <v>15</v>
      </c>
      <c r="AN35041">
        <v>15</v>
      </c>
      <c r="AO35041">
        <v>15</v>
      </c>
      <c r="AP35041">
        <v>15</v>
      </c>
      <c r="AQ35041">
        <v>15</v>
      </c>
    </row>
    <row r="35042" spans="1:43">
      <c r="A35042" t="s">
        <v>21723</v>
      </c>
      <c r="B35042" t="s">
        <v>21724</v>
      </c>
      <c r="C35042" t="s">
        <v>21725</v>
      </c>
      <c r="D35042" t="s">
        <v>21726</v>
      </c>
      <c r="E35042" t="s">
        <v>21687</v>
      </c>
      <c r="F35042" t="s">
        <v>21688</v>
      </c>
      <c r="G35042" t="s">
        <v>20255</v>
      </c>
      <c r="H35042" t="s">
        <v>20256</v>
      </c>
      <c r="I35042" s="2">
        <v>1</v>
      </c>
      <c r="J35042" s="2">
        <v>0</v>
      </c>
      <c r="K35042" s="2">
        <v>0</v>
      </c>
      <c r="L35042" t="s">
        <v>120</v>
      </c>
      <c r="M35042" t="s">
        <v>83</v>
      </c>
      <c r="N35042" t="s">
        <v>84</v>
      </c>
      <c r="O35042" t="s">
        <v>85</v>
      </c>
      <c r="P35042" t="s">
        <v>86</v>
      </c>
      <c r="Q35042">
        <v>42</v>
      </c>
      <c r="R35042">
        <v>42</v>
      </c>
      <c r="S35042">
        <v>43</v>
      </c>
      <c r="T35042">
        <v>43</v>
      </c>
      <c r="U35042">
        <v>43</v>
      </c>
      <c r="V35042">
        <v>44</v>
      </c>
      <c r="W35042">
        <v>44</v>
      </c>
      <c r="X35042">
        <v>45</v>
      </c>
      <c r="Y35042">
        <v>45</v>
      </c>
      <c r="Z35042">
        <v>46</v>
      </c>
      <c r="AA35042">
        <v>46</v>
      </c>
      <c r="AB35042">
        <v>46</v>
      </c>
      <c r="AC35042">
        <v>47</v>
      </c>
      <c r="AD35042">
        <v>47</v>
      </c>
      <c r="AE35042">
        <v>48</v>
      </c>
      <c r="AF35042">
        <v>48</v>
      </c>
      <c r="AG35042">
        <v>48</v>
      </c>
      <c r="AH35042">
        <v>49</v>
      </c>
      <c r="AI35042">
        <v>49</v>
      </c>
      <c r="AJ35042">
        <v>50</v>
      </c>
      <c r="AK35042">
        <v>50</v>
      </c>
      <c r="AL35042">
        <v>50</v>
      </c>
      <c r="AM35042">
        <v>50</v>
      </c>
      <c r="AN35042">
        <v>50</v>
      </c>
      <c r="AO35042">
        <v>50</v>
      </c>
      <c r="AP35042">
        <v>50</v>
      </c>
      <c r="AQ35042">
        <v>50</v>
      </c>
    </row>
    <row r="35043" spans="1:43">
      <c r="A35043" t="s">
        <v>21723</v>
      </c>
      <c r="B35043" t="s">
        <v>21724</v>
      </c>
      <c r="C35043" t="s">
        <v>21725</v>
      </c>
      <c r="D35043" t="s">
        <v>21726</v>
      </c>
      <c r="E35043" t="s">
        <v>21687</v>
      </c>
      <c r="F35043" t="s">
        <v>21688</v>
      </c>
      <c r="G35043" t="s">
        <v>20255</v>
      </c>
      <c r="H35043" t="s">
        <v>20256</v>
      </c>
      <c r="I35043" s="2">
        <v>1</v>
      </c>
      <c r="J35043" s="2">
        <v>0</v>
      </c>
      <c r="K35043" s="2">
        <v>0</v>
      </c>
      <c r="L35043" t="s">
        <v>120</v>
      </c>
      <c r="M35043" t="s">
        <v>87</v>
      </c>
      <c r="N35043" t="s">
        <v>88</v>
      </c>
      <c r="O35043" t="s">
        <v>85</v>
      </c>
      <c r="P35043" t="s">
        <v>86</v>
      </c>
      <c r="Q35043">
        <v>42</v>
      </c>
      <c r="R35043">
        <v>42</v>
      </c>
      <c r="S35043">
        <v>42</v>
      </c>
      <c r="T35043">
        <v>42</v>
      </c>
      <c r="U35043">
        <v>43</v>
      </c>
      <c r="V35043">
        <v>43</v>
      </c>
      <c r="W35043">
        <v>43</v>
      </c>
      <c r="X35043">
        <v>43</v>
      </c>
      <c r="Y35043">
        <v>43</v>
      </c>
      <c r="Z35043">
        <v>43</v>
      </c>
      <c r="AA35043">
        <v>43</v>
      </c>
      <c r="AB35043">
        <v>43</v>
      </c>
      <c r="AC35043">
        <v>43</v>
      </c>
      <c r="AD35043">
        <v>43</v>
      </c>
      <c r="AE35043">
        <v>43</v>
      </c>
      <c r="AF35043">
        <v>43</v>
      </c>
      <c r="AG35043">
        <v>43</v>
      </c>
      <c r="AH35043">
        <v>44</v>
      </c>
      <c r="AI35043">
        <v>44</v>
      </c>
      <c r="AJ35043">
        <v>44</v>
      </c>
      <c r="AK35043">
        <v>44</v>
      </c>
      <c r="AL35043">
        <v>44</v>
      </c>
      <c r="AM35043">
        <v>44</v>
      </c>
      <c r="AN35043">
        <v>44</v>
      </c>
      <c r="AO35043">
        <v>44</v>
      </c>
      <c r="AP35043">
        <v>44</v>
      </c>
      <c r="AQ35043">
        <v>45</v>
      </c>
    </row>
    <row r="35044" spans="1:43">
      <c r="A35044" t="s">
        <v>21723</v>
      </c>
      <c r="B35044" t="s">
        <v>21724</v>
      </c>
      <c r="C35044" t="s">
        <v>21725</v>
      </c>
      <c r="D35044" t="s">
        <v>21726</v>
      </c>
      <c r="E35044" t="s">
        <v>21687</v>
      </c>
      <c r="F35044" t="s">
        <v>21688</v>
      </c>
      <c r="G35044" t="s">
        <v>20255</v>
      </c>
      <c r="H35044" t="s">
        <v>20256</v>
      </c>
      <c r="I35044" s="2">
        <v>1</v>
      </c>
      <c r="J35044" s="2">
        <v>0</v>
      </c>
      <c r="K35044" s="2">
        <v>0</v>
      </c>
      <c r="L35044" t="s">
        <v>120</v>
      </c>
      <c r="M35044" t="s">
        <v>89</v>
      </c>
      <c r="N35044" t="s">
        <v>90</v>
      </c>
      <c r="O35044" t="s">
        <v>85</v>
      </c>
      <c r="P35044" t="s">
        <v>86</v>
      </c>
      <c r="Q35044">
        <v>42</v>
      </c>
      <c r="R35044">
        <v>43</v>
      </c>
      <c r="S35044">
        <v>44</v>
      </c>
      <c r="T35044">
        <v>44</v>
      </c>
      <c r="U35044">
        <v>45</v>
      </c>
      <c r="V35044">
        <v>46</v>
      </c>
      <c r="W35044">
        <v>46</v>
      </c>
      <c r="X35044">
        <v>47</v>
      </c>
      <c r="Y35044">
        <v>48</v>
      </c>
      <c r="Z35044">
        <v>48</v>
      </c>
      <c r="AA35044">
        <v>49</v>
      </c>
      <c r="AB35044">
        <v>50</v>
      </c>
      <c r="AC35044">
        <v>50</v>
      </c>
      <c r="AD35044">
        <v>51</v>
      </c>
      <c r="AE35044">
        <v>51</v>
      </c>
      <c r="AF35044">
        <v>51</v>
      </c>
      <c r="AG35044">
        <v>51</v>
      </c>
      <c r="AH35044">
        <v>51</v>
      </c>
      <c r="AI35044">
        <v>51</v>
      </c>
      <c r="AJ35044">
        <v>51</v>
      </c>
      <c r="AK35044">
        <v>51</v>
      </c>
      <c r="AL35044">
        <v>51</v>
      </c>
      <c r="AM35044">
        <v>51</v>
      </c>
      <c r="AN35044">
        <v>51</v>
      </c>
      <c r="AO35044">
        <v>51</v>
      </c>
      <c r="AP35044">
        <v>51</v>
      </c>
      <c r="AQ35044">
        <v>51</v>
      </c>
    </row>
    <row r="35045" spans="1:43">
      <c r="A35045" t="s">
        <v>21723</v>
      </c>
      <c r="B35045" t="s">
        <v>21724</v>
      </c>
      <c r="C35045" t="s">
        <v>21725</v>
      </c>
      <c r="D35045" t="s">
        <v>21726</v>
      </c>
      <c r="E35045" t="s">
        <v>21687</v>
      </c>
      <c r="F35045" t="s">
        <v>21688</v>
      </c>
      <c r="G35045" t="s">
        <v>20255</v>
      </c>
      <c r="H35045" t="s">
        <v>20256</v>
      </c>
      <c r="I35045" s="2">
        <v>1</v>
      </c>
      <c r="J35045" s="2">
        <v>0</v>
      </c>
      <c r="K35045" s="2">
        <v>0</v>
      </c>
      <c r="L35045" t="s">
        <v>120</v>
      </c>
      <c r="M35045" t="s">
        <v>83</v>
      </c>
      <c r="N35045" t="s">
        <v>91</v>
      </c>
      <c r="O35045" t="s">
        <v>85</v>
      </c>
      <c r="P35045" t="s">
        <v>86</v>
      </c>
      <c r="Q35045">
        <v>42</v>
      </c>
      <c r="R35045">
        <v>42</v>
      </c>
      <c r="S35045">
        <v>43</v>
      </c>
      <c r="T35045">
        <v>43</v>
      </c>
      <c r="U35045">
        <v>43</v>
      </c>
      <c r="V35045">
        <v>44</v>
      </c>
      <c r="W35045">
        <v>44</v>
      </c>
      <c r="X35045">
        <v>45</v>
      </c>
      <c r="Y35045">
        <v>45</v>
      </c>
      <c r="Z35045">
        <v>46</v>
      </c>
      <c r="AA35045">
        <v>46</v>
      </c>
      <c r="AB35045">
        <v>46</v>
      </c>
      <c r="AC35045">
        <v>47</v>
      </c>
      <c r="AD35045">
        <v>47</v>
      </c>
      <c r="AE35045">
        <v>48</v>
      </c>
      <c r="AF35045">
        <v>48</v>
      </c>
      <c r="AG35045">
        <v>48</v>
      </c>
      <c r="AH35045">
        <v>49</v>
      </c>
      <c r="AI35045">
        <v>49</v>
      </c>
      <c r="AJ35045">
        <v>50</v>
      </c>
      <c r="AK35045">
        <v>50</v>
      </c>
      <c r="AL35045">
        <v>50</v>
      </c>
      <c r="AM35045">
        <v>50</v>
      </c>
      <c r="AN35045">
        <v>50</v>
      </c>
      <c r="AO35045">
        <v>50</v>
      </c>
      <c r="AP35045">
        <v>50</v>
      </c>
      <c r="AQ35045">
        <v>50</v>
      </c>
    </row>
    <row r="35046" spans="1:43">
      <c r="A35046" t="s">
        <v>21727</v>
      </c>
      <c r="B35046" t="s">
        <v>21728</v>
      </c>
      <c r="C35046" t="s">
        <v>21707</v>
      </c>
      <c r="D35046" t="s">
        <v>21708</v>
      </c>
      <c r="E35046" t="s">
        <v>21687</v>
      </c>
      <c r="F35046" t="s">
        <v>21688</v>
      </c>
      <c r="G35046" t="s">
        <v>20255</v>
      </c>
      <c r="H35046" t="s">
        <v>20256</v>
      </c>
      <c r="I35046" s="2">
        <v>1</v>
      </c>
      <c r="J35046" s="2">
        <v>0</v>
      </c>
      <c r="K35046" s="2">
        <v>0</v>
      </c>
      <c r="L35046" t="s">
        <v>120</v>
      </c>
      <c r="M35046" t="s">
        <v>83</v>
      </c>
      <c r="N35046" t="s">
        <v>84</v>
      </c>
      <c r="O35046" t="s">
        <v>85</v>
      </c>
      <c r="P35046" t="s">
        <v>86</v>
      </c>
      <c r="Q35046">
        <v>25</v>
      </c>
      <c r="R35046">
        <v>25</v>
      </c>
      <c r="S35046">
        <v>25</v>
      </c>
      <c r="T35046">
        <v>26</v>
      </c>
      <c r="U35046">
        <v>26</v>
      </c>
      <c r="V35046">
        <v>26</v>
      </c>
      <c r="W35046">
        <v>26</v>
      </c>
      <c r="X35046">
        <v>27</v>
      </c>
      <c r="Y35046">
        <v>27</v>
      </c>
      <c r="Z35046">
        <v>27</v>
      </c>
      <c r="AA35046">
        <v>28</v>
      </c>
      <c r="AB35046">
        <v>28</v>
      </c>
      <c r="AC35046">
        <v>28</v>
      </c>
      <c r="AD35046">
        <v>28</v>
      </c>
      <c r="AE35046">
        <v>29</v>
      </c>
      <c r="AF35046">
        <v>29</v>
      </c>
      <c r="AG35046">
        <v>29</v>
      </c>
      <c r="AH35046">
        <v>30</v>
      </c>
      <c r="AI35046">
        <v>30</v>
      </c>
      <c r="AJ35046">
        <v>30</v>
      </c>
      <c r="AK35046">
        <v>30</v>
      </c>
      <c r="AL35046">
        <v>31</v>
      </c>
      <c r="AM35046">
        <v>31</v>
      </c>
      <c r="AN35046">
        <v>31</v>
      </c>
      <c r="AO35046">
        <v>31</v>
      </c>
      <c r="AP35046">
        <v>31</v>
      </c>
      <c r="AQ35046">
        <v>31</v>
      </c>
    </row>
    <row r="35047" spans="1:43">
      <c r="A35047" t="s">
        <v>21727</v>
      </c>
      <c r="B35047" t="s">
        <v>21728</v>
      </c>
      <c r="C35047" t="s">
        <v>21707</v>
      </c>
      <c r="D35047" t="s">
        <v>21708</v>
      </c>
      <c r="E35047" t="s">
        <v>21687</v>
      </c>
      <c r="F35047" t="s">
        <v>21688</v>
      </c>
      <c r="G35047" t="s">
        <v>20255</v>
      </c>
      <c r="H35047" t="s">
        <v>20256</v>
      </c>
      <c r="I35047" s="2">
        <v>1</v>
      </c>
      <c r="J35047" s="2">
        <v>0</v>
      </c>
      <c r="K35047" s="2">
        <v>0</v>
      </c>
      <c r="L35047" t="s">
        <v>120</v>
      </c>
      <c r="M35047" t="s">
        <v>87</v>
      </c>
      <c r="N35047" t="s">
        <v>88</v>
      </c>
      <c r="O35047" t="s">
        <v>85</v>
      </c>
      <c r="P35047" t="s">
        <v>86</v>
      </c>
      <c r="Q35047">
        <v>25</v>
      </c>
      <c r="R35047">
        <v>26</v>
      </c>
      <c r="S35047">
        <v>26</v>
      </c>
      <c r="T35047">
        <v>26</v>
      </c>
      <c r="U35047">
        <v>26</v>
      </c>
      <c r="V35047">
        <v>26</v>
      </c>
      <c r="W35047">
        <v>26</v>
      </c>
      <c r="X35047">
        <v>26</v>
      </c>
      <c r="Y35047">
        <v>26</v>
      </c>
      <c r="Z35047">
        <v>26</v>
      </c>
      <c r="AA35047">
        <v>26</v>
      </c>
      <c r="AB35047">
        <v>26</v>
      </c>
      <c r="AC35047">
        <v>26</v>
      </c>
      <c r="AD35047">
        <v>26</v>
      </c>
      <c r="AE35047">
        <v>27</v>
      </c>
      <c r="AF35047">
        <v>27</v>
      </c>
      <c r="AG35047">
        <v>27</v>
      </c>
      <c r="AH35047">
        <v>27</v>
      </c>
      <c r="AI35047">
        <v>27</v>
      </c>
      <c r="AJ35047">
        <v>27</v>
      </c>
      <c r="AK35047">
        <v>27</v>
      </c>
      <c r="AL35047">
        <v>27</v>
      </c>
      <c r="AM35047">
        <v>27</v>
      </c>
      <c r="AN35047">
        <v>27</v>
      </c>
      <c r="AO35047">
        <v>27</v>
      </c>
      <c r="AP35047">
        <v>28</v>
      </c>
      <c r="AQ35047">
        <v>28</v>
      </c>
    </row>
    <row r="35048" spans="1:43">
      <c r="A35048" t="s">
        <v>21727</v>
      </c>
      <c r="B35048" t="s">
        <v>21728</v>
      </c>
      <c r="C35048" t="s">
        <v>21707</v>
      </c>
      <c r="D35048" t="s">
        <v>21708</v>
      </c>
      <c r="E35048" t="s">
        <v>21687</v>
      </c>
      <c r="F35048" t="s">
        <v>21688</v>
      </c>
      <c r="G35048" t="s">
        <v>20255</v>
      </c>
      <c r="H35048" t="s">
        <v>20256</v>
      </c>
      <c r="I35048" s="2">
        <v>1</v>
      </c>
      <c r="J35048" s="2">
        <v>0</v>
      </c>
      <c r="K35048" s="2">
        <v>0</v>
      </c>
      <c r="L35048" t="s">
        <v>120</v>
      </c>
      <c r="M35048" t="s">
        <v>89</v>
      </c>
      <c r="N35048" t="s">
        <v>90</v>
      </c>
      <c r="O35048" t="s">
        <v>85</v>
      </c>
      <c r="P35048" t="s">
        <v>86</v>
      </c>
      <c r="Q35048">
        <v>25</v>
      </c>
      <c r="R35048">
        <v>25</v>
      </c>
      <c r="S35048">
        <v>26</v>
      </c>
      <c r="T35048">
        <v>26</v>
      </c>
      <c r="U35048">
        <v>27</v>
      </c>
      <c r="V35048">
        <v>27</v>
      </c>
      <c r="W35048">
        <v>28</v>
      </c>
      <c r="X35048">
        <v>28</v>
      </c>
      <c r="Y35048">
        <v>29</v>
      </c>
      <c r="Z35048">
        <v>29</v>
      </c>
      <c r="AA35048">
        <v>29</v>
      </c>
      <c r="AB35048">
        <v>30</v>
      </c>
      <c r="AC35048">
        <v>30</v>
      </c>
      <c r="AD35048">
        <v>30</v>
      </c>
      <c r="AE35048">
        <v>31</v>
      </c>
      <c r="AF35048">
        <v>31</v>
      </c>
      <c r="AG35048">
        <v>31</v>
      </c>
      <c r="AH35048">
        <v>31</v>
      </c>
      <c r="AI35048">
        <v>31</v>
      </c>
      <c r="AJ35048">
        <v>31</v>
      </c>
      <c r="AK35048">
        <v>31</v>
      </c>
      <c r="AL35048">
        <v>31</v>
      </c>
      <c r="AM35048">
        <v>31</v>
      </c>
      <c r="AN35048">
        <v>31</v>
      </c>
      <c r="AO35048">
        <v>31</v>
      </c>
      <c r="AP35048">
        <v>31</v>
      </c>
      <c r="AQ35048">
        <v>31</v>
      </c>
    </row>
    <row r="35049" spans="1:43">
      <c r="A35049" t="s">
        <v>21727</v>
      </c>
      <c r="B35049" t="s">
        <v>21728</v>
      </c>
      <c r="C35049" t="s">
        <v>21707</v>
      </c>
      <c r="D35049" t="s">
        <v>21708</v>
      </c>
      <c r="E35049" t="s">
        <v>21687</v>
      </c>
      <c r="F35049" t="s">
        <v>21688</v>
      </c>
      <c r="G35049" t="s">
        <v>20255</v>
      </c>
      <c r="H35049" t="s">
        <v>20256</v>
      </c>
      <c r="I35049" s="2">
        <v>1</v>
      </c>
      <c r="J35049" s="2">
        <v>0</v>
      </c>
      <c r="K35049" s="2">
        <v>0</v>
      </c>
      <c r="L35049" t="s">
        <v>120</v>
      </c>
      <c r="M35049" t="s">
        <v>83</v>
      </c>
      <c r="N35049" t="s">
        <v>91</v>
      </c>
      <c r="O35049" t="s">
        <v>85</v>
      </c>
      <c r="P35049" t="s">
        <v>86</v>
      </c>
      <c r="Q35049">
        <v>25</v>
      </c>
      <c r="R35049">
        <v>25</v>
      </c>
      <c r="S35049">
        <v>25</v>
      </c>
      <c r="T35049">
        <v>26</v>
      </c>
      <c r="U35049">
        <v>26</v>
      </c>
      <c r="V35049">
        <v>26</v>
      </c>
      <c r="W35049">
        <v>26</v>
      </c>
      <c r="X35049">
        <v>27</v>
      </c>
      <c r="Y35049">
        <v>27</v>
      </c>
      <c r="Z35049">
        <v>27</v>
      </c>
      <c r="AA35049">
        <v>28</v>
      </c>
      <c r="AB35049">
        <v>28</v>
      </c>
      <c r="AC35049">
        <v>28</v>
      </c>
      <c r="AD35049">
        <v>28</v>
      </c>
      <c r="AE35049">
        <v>29</v>
      </c>
      <c r="AF35049">
        <v>29</v>
      </c>
      <c r="AG35049">
        <v>29</v>
      </c>
      <c r="AH35049">
        <v>30</v>
      </c>
      <c r="AI35049">
        <v>30</v>
      </c>
      <c r="AJ35049">
        <v>30</v>
      </c>
      <c r="AK35049">
        <v>30</v>
      </c>
      <c r="AL35049">
        <v>31</v>
      </c>
      <c r="AM35049">
        <v>31</v>
      </c>
      <c r="AN35049">
        <v>31</v>
      </c>
      <c r="AO35049">
        <v>31</v>
      </c>
      <c r="AP35049">
        <v>31</v>
      </c>
      <c r="AQ35049">
        <v>31</v>
      </c>
    </row>
    <row r="35050" spans="1:43">
      <c r="A35050" t="s">
        <v>21729</v>
      </c>
      <c r="B35050" t="s">
        <v>21730</v>
      </c>
      <c r="C35050" t="s">
        <v>21707</v>
      </c>
      <c r="D35050" t="s">
        <v>21708</v>
      </c>
      <c r="E35050" t="s">
        <v>21687</v>
      </c>
      <c r="F35050" t="s">
        <v>21688</v>
      </c>
      <c r="G35050" t="s">
        <v>20255</v>
      </c>
      <c r="H35050" t="s">
        <v>20256</v>
      </c>
      <c r="I35050" s="2">
        <v>1</v>
      </c>
      <c r="J35050" s="2">
        <v>0</v>
      </c>
      <c r="K35050" s="2">
        <v>0</v>
      </c>
      <c r="L35050" t="s">
        <v>120</v>
      </c>
      <c r="M35050" t="s">
        <v>83</v>
      </c>
      <c r="N35050" t="s">
        <v>84</v>
      </c>
      <c r="O35050" t="s">
        <v>85</v>
      </c>
      <c r="P35050" t="s">
        <v>86</v>
      </c>
      <c r="Q35050">
        <v>83</v>
      </c>
      <c r="R35050">
        <v>84</v>
      </c>
      <c r="S35050">
        <v>85</v>
      </c>
      <c r="T35050">
        <v>86</v>
      </c>
      <c r="U35050">
        <v>87</v>
      </c>
      <c r="V35050">
        <v>88</v>
      </c>
      <c r="W35050">
        <v>89</v>
      </c>
      <c r="X35050">
        <v>90</v>
      </c>
      <c r="Y35050">
        <v>91</v>
      </c>
      <c r="Z35050">
        <v>91</v>
      </c>
      <c r="AA35050">
        <v>92</v>
      </c>
      <c r="AB35050">
        <v>93</v>
      </c>
      <c r="AC35050">
        <v>94</v>
      </c>
      <c r="AD35050">
        <v>95</v>
      </c>
      <c r="AE35050">
        <v>96</v>
      </c>
      <c r="AF35050">
        <v>97</v>
      </c>
      <c r="AG35050">
        <v>98</v>
      </c>
      <c r="AH35050">
        <v>99</v>
      </c>
      <c r="AI35050">
        <v>100</v>
      </c>
      <c r="AJ35050">
        <v>101</v>
      </c>
      <c r="AK35050">
        <v>102</v>
      </c>
      <c r="AL35050">
        <v>102</v>
      </c>
      <c r="AM35050">
        <v>103</v>
      </c>
      <c r="AN35050">
        <v>103</v>
      </c>
      <c r="AO35050">
        <v>103</v>
      </c>
      <c r="AP35050">
        <v>103</v>
      </c>
      <c r="AQ35050">
        <v>104</v>
      </c>
    </row>
    <row r="35051" spans="1:43">
      <c r="A35051" t="s">
        <v>21729</v>
      </c>
      <c r="B35051" t="s">
        <v>21730</v>
      </c>
      <c r="C35051" t="s">
        <v>21707</v>
      </c>
      <c r="D35051" t="s">
        <v>21708</v>
      </c>
      <c r="E35051" t="s">
        <v>21687</v>
      </c>
      <c r="F35051" t="s">
        <v>21688</v>
      </c>
      <c r="G35051" t="s">
        <v>20255</v>
      </c>
      <c r="H35051" t="s">
        <v>20256</v>
      </c>
      <c r="I35051" s="2">
        <v>1</v>
      </c>
      <c r="J35051" s="2">
        <v>0</v>
      </c>
      <c r="K35051" s="2">
        <v>0</v>
      </c>
      <c r="L35051" t="s">
        <v>120</v>
      </c>
      <c r="M35051" t="s">
        <v>87</v>
      </c>
      <c r="N35051" t="s">
        <v>88</v>
      </c>
      <c r="O35051" t="s">
        <v>85</v>
      </c>
      <c r="P35051" t="s">
        <v>86</v>
      </c>
      <c r="Q35051">
        <v>83</v>
      </c>
      <c r="R35051">
        <v>83</v>
      </c>
      <c r="S35051">
        <v>83</v>
      </c>
      <c r="T35051">
        <v>84</v>
      </c>
      <c r="U35051">
        <v>84</v>
      </c>
      <c r="V35051">
        <v>84</v>
      </c>
      <c r="W35051">
        <v>84</v>
      </c>
      <c r="X35051">
        <v>85</v>
      </c>
      <c r="Y35051">
        <v>85</v>
      </c>
      <c r="Z35051">
        <v>85</v>
      </c>
      <c r="AA35051">
        <v>85</v>
      </c>
      <c r="AB35051">
        <v>86</v>
      </c>
      <c r="AC35051">
        <v>86</v>
      </c>
      <c r="AD35051">
        <v>86</v>
      </c>
      <c r="AE35051">
        <v>86</v>
      </c>
      <c r="AF35051">
        <v>87</v>
      </c>
      <c r="AG35051">
        <v>87</v>
      </c>
      <c r="AH35051">
        <v>87</v>
      </c>
      <c r="AI35051">
        <v>88</v>
      </c>
      <c r="AJ35051">
        <v>88</v>
      </c>
      <c r="AK35051">
        <v>88</v>
      </c>
      <c r="AL35051">
        <v>89</v>
      </c>
      <c r="AM35051">
        <v>89</v>
      </c>
      <c r="AN35051">
        <v>89</v>
      </c>
      <c r="AO35051">
        <v>90</v>
      </c>
      <c r="AP35051">
        <v>90</v>
      </c>
      <c r="AQ35051">
        <v>90</v>
      </c>
    </row>
    <row r="35052" spans="1:43">
      <c r="A35052" t="s">
        <v>21729</v>
      </c>
      <c r="B35052" t="s">
        <v>21730</v>
      </c>
      <c r="C35052" t="s">
        <v>21707</v>
      </c>
      <c r="D35052" t="s">
        <v>21708</v>
      </c>
      <c r="E35052" t="s">
        <v>21687</v>
      </c>
      <c r="F35052" t="s">
        <v>21688</v>
      </c>
      <c r="G35052" t="s">
        <v>20255</v>
      </c>
      <c r="H35052" t="s">
        <v>20256</v>
      </c>
      <c r="I35052" s="2">
        <v>1</v>
      </c>
      <c r="J35052" s="2">
        <v>0</v>
      </c>
      <c r="K35052" s="2">
        <v>0</v>
      </c>
      <c r="L35052" t="s">
        <v>120</v>
      </c>
      <c r="M35052" t="s">
        <v>89</v>
      </c>
      <c r="N35052" t="s">
        <v>90</v>
      </c>
      <c r="O35052" t="s">
        <v>85</v>
      </c>
      <c r="P35052" t="s">
        <v>86</v>
      </c>
      <c r="Q35052">
        <v>83</v>
      </c>
      <c r="R35052">
        <v>85</v>
      </c>
      <c r="S35052">
        <v>87</v>
      </c>
      <c r="T35052">
        <v>89</v>
      </c>
      <c r="U35052">
        <v>90</v>
      </c>
      <c r="V35052">
        <v>92</v>
      </c>
      <c r="W35052">
        <v>93</v>
      </c>
      <c r="X35052">
        <v>94</v>
      </c>
      <c r="Y35052">
        <v>96</v>
      </c>
      <c r="Z35052">
        <v>97</v>
      </c>
      <c r="AA35052">
        <v>98</v>
      </c>
      <c r="AB35052">
        <v>99</v>
      </c>
      <c r="AC35052">
        <v>101</v>
      </c>
      <c r="AD35052">
        <v>102</v>
      </c>
      <c r="AE35052">
        <v>103</v>
      </c>
      <c r="AF35052">
        <v>103</v>
      </c>
      <c r="AG35052">
        <v>103</v>
      </c>
      <c r="AH35052">
        <v>103</v>
      </c>
      <c r="AI35052">
        <v>104</v>
      </c>
      <c r="AJ35052">
        <v>104</v>
      </c>
      <c r="AK35052">
        <v>104</v>
      </c>
      <c r="AL35052">
        <v>104</v>
      </c>
      <c r="AM35052">
        <v>104</v>
      </c>
      <c r="AN35052">
        <v>105</v>
      </c>
      <c r="AO35052">
        <v>105</v>
      </c>
      <c r="AP35052">
        <v>105</v>
      </c>
      <c r="AQ35052">
        <v>105</v>
      </c>
    </row>
    <row r="35053" spans="1:43">
      <c r="A35053" t="s">
        <v>21729</v>
      </c>
      <c r="B35053" t="s">
        <v>21730</v>
      </c>
      <c r="C35053" t="s">
        <v>21707</v>
      </c>
      <c r="D35053" t="s">
        <v>21708</v>
      </c>
      <c r="E35053" t="s">
        <v>21687</v>
      </c>
      <c r="F35053" t="s">
        <v>21688</v>
      </c>
      <c r="G35053" t="s">
        <v>20255</v>
      </c>
      <c r="H35053" t="s">
        <v>20256</v>
      </c>
      <c r="I35053" s="2">
        <v>1</v>
      </c>
      <c r="J35053" s="2">
        <v>0</v>
      </c>
      <c r="K35053" s="2">
        <v>0</v>
      </c>
      <c r="L35053" t="s">
        <v>120</v>
      </c>
      <c r="M35053" t="s">
        <v>83</v>
      </c>
      <c r="N35053" t="s">
        <v>91</v>
      </c>
      <c r="O35053" t="s">
        <v>85</v>
      </c>
      <c r="P35053" t="s">
        <v>86</v>
      </c>
      <c r="Q35053">
        <v>83</v>
      </c>
      <c r="R35053">
        <v>84</v>
      </c>
      <c r="S35053">
        <v>85</v>
      </c>
      <c r="T35053">
        <v>86</v>
      </c>
      <c r="U35053">
        <v>87</v>
      </c>
      <c r="V35053">
        <v>88</v>
      </c>
      <c r="W35053">
        <v>89</v>
      </c>
      <c r="X35053">
        <v>90</v>
      </c>
      <c r="Y35053">
        <v>91</v>
      </c>
      <c r="Z35053">
        <v>91</v>
      </c>
      <c r="AA35053">
        <v>92</v>
      </c>
      <c r="AB35053">
        <v>93</v>
      </c>
      <c r="AC35053">
        <v>94</v>
      </c>
      <c r="AD35053">
        <v>95</v>
      </c>
      <c r="AE35053">
        <v>96</v>
      </c>
      <c r="AF35053">
        <v>97</v>
      </c>
      <c r="AG35053">
        <v>98</v>
      </c>
      <c r="AH35053">
        <v>99</v>
      </c>
      <c r="AI35053">
        <v>100</v>
      </c>
      <c r="AJ35053">
        <v>101</v>
      </c>
      <c r="AK35053">
        <v>102</v>
      </c>
      <c r="AL35053">
        <v>102</v>
      </c>
      <c r="AM35053">
        <v>103</v>
      </c>
      <c r="AN35053">
        <v>103</v>
      </c>
      <c r="AO35053">
        <v>103</v>
      </c>
      <c r="AP35053">
        <v>103</v>
      </c>
      <c r="AQ35053">
        <v>104</v>
      </c>
    </row>
    <row r="35054" spans="1:43">
      <c r="A35054" t="s">
        <v>21731</v>
      </c>
      <c r="B35054" t="s">
        <v>21732</v>
      </c>
      <c r="C35054" t="s">
        <v>21685</v>
      </c>
      <c r="D35054" t="s">
        <v>21686</v>
      </c>
      <c r="E35054" t="s">
        <v>21687</v>
      </c>
      <c r="F35054" t="s">
        <v>21688</v>
      </c>
      <c r="G35054" t="s">
        <v>20255</v>
      </c>
      <c r="H35054" t="s">
        <v>20256</v>
      </c>
      <c r="I35054" s="2">
        <v>1</v>
      </c>
      <c r="J35054" s="2">
        <v>0</v>
      </c>
      <c r="K35054" s="2">
        <v>0</v>
      </c>
      <c r="L35054" t="s">
        <v>120</v>
      </c>
      <c r="M35054" t="s">
        <v>83</v>
      </c>
      <c r="N35054" t="s">
        <v>84</v>
      </c>
      <c r="O35054" t="s">
        <v>85</v>
      </c>
      <c r="P35054" t="s">
        <v>86</v>
      </c>
      <c r="Q35054">
        <v>36</v>
      </c>
      <c r="R35054">
        <v>36</v>
      </c>
      <c r="S35054">
        <v>37</v>
      </c>
      <c r="T35054">
        <v>37</v>
      </c>
      <c r="U35054">
        <v>37</v>
      </c>
      <c r="V35054">
        <v>38</v>
      </c>
      <c r="W35054">
        <v>38</v>
      </c>
      <c r="X35054">
        <v>38</v>
      </c>
      <c r="Y35054">
        <v>39</v>
      </c>
      <c r="Z35054">
        <v>39</v>
      </c>
      <c r="AA35054">
        <v>40</v>
      </c>
      <c r="AB35054">
        <v>40</v>
      </c>
      <c r="AC35054">
        <v>40</v>
      </c>
      <c r="AD35054">
        <v>41</v>
      </c>
      <c r="AE35054">
        <v>41</v>
      </c>
      <c r="AF35054">
        <v>41</v>
      </c>
      <c r="AG35054">
        <v>42</v>
      </c>
      <c r="AH35054">
        <v>42</v>
      </c>
      <c r="AI35054">
        <v>43</v>
      </c>
      <c r="AJ35054">
        <v>43</v>
      </c>
      <c r="AK35054">
        <v>43</v>
      </c>
      <c r="AL35054">
        <v>44</v>
      </c>
      <c r="AM35054">
        <v>44</v>
      </c>
      <c r="AN35054">
        <v>44</v>
      </c>
      <c r="AO35054">
        <v>44</v>
      </c>
      <c r="AP35054">
        <v>44</v>
      </c>
      <c r="AQ35054">
        <v>44</v>
      </c>
    </row>
    <row r="35055" spans="1:43">
      <c r="A35055" t="s">
        <v>21731</v>
      </c>
      <c r="B35055" t="s">
        <v>21732</v>
      </c>
      <c r="C35055" t="s">
        <v>21685</v>
      </c>
      <c r="D35055" t="s">
        <v>21686</v>
      </c>
      <c r="E35055" t="s">
        <v>21687</v>
      </c>
      <c r="F35055" t="s">
        <v>21688</v>
      </c>
      <c r="G35055" t="s">
        <v>20255</v>
      </c>
      <c r="H35055" t="s">
        <v>20256</v>
      </c>
      <c r="I35055" s="2">
        <v>1</v>
      </c>
      <c r="J35055" s="2">
        <v>0</v>
      </c>
      <c r="K35055" s="2">
        <v>0</v>
      </c>
      <c r="L35055" t="s">
        <v>120</v>
      </c>
      <c r="M35055" t="s">
        <v>87</v>
      </c>
      <c r="N35055" t="s">
        <v>88</v>
      </c>
      <c r="O35055" t="s">
        <v>85</v>
      </c>
      <c r="P35055" t="s">
        <v>86</v>
      </c>
      <c r="Q35055">
        <v>36</v>
      </c>
      <c r="R35055">
        <v>36</v>
      </c>
      <c r="S35055">
        <v>37</v>
      </c>
      <c r="T35055">
        <v>37</v>
      </c>
      <c r="U35055">
        <v>37</v>
      </c>
      <c r="V35055">
        <v>37</v>
      </c>
      <c r="W35055">
        <v>37</v>
      </c>
      <c r="X35055">
        <v>37</v>
      </c>
      <c r="Y35055">
        <v>37</v>
      </c>
      <c r="Z35055">
        <v>37</v>
      </c>
      <c r="AA35055">
        <v>37</v>
      </c>
      <c r="AB35055">
        <v>37</v>
      </c>
      <c r="AC35055">
        <v>37</v>
      </c>
      <c r="AD35055">
        <v>37</v>
      </c>
      <c r="AE35055">
        <v>37</v>
      </c>
      <c r="AF35055">
        <v>38</v>
      </c>
      <c r="AG35055">
        <v>38</v>
      </c>
      <c r="AH35055">
        <v>38</v>
      </c>
      <c r="AI35055">
        <v>38</v>
      </c>
      <c r="AJ35055">
        <v>38</v>
      </c>
      <c r="AK35055">
        <v>38</v>
      </c>
      <c r="AL35055">
        <v>38</v>
      </c>
      <c r="AM35055">
        <v>38</v>
      </c>
      <c r="AN35055">
        <v>38</v>
      </c>
      <c r="AO35055">
        <v>38</v>
      </c>
      <c r="AP35055">
        <v>39</v>
      </c>
      <c r="AQ35055">
        <v>39</v>
      </c>
    </row>
    <row r="35056" spans="1:43">
      <c r="A35056" t="s">
        <v>21731</v>
      </c>
      <c r="B35056" t="s">
        <v>21732</v>
      </c>
      <c r="C35056" t="s">
        <v>21685</v>
      </c>
      <c r="D35056" t="s">
        <v>21686</v>
      </c>
      <c r="E35056" t="s">
        <v>21687</v>
      </c>
      <c r="F35056" t="s">
        <v>21688</v>
      </c>
      <c r="G35056" t="s">
        <v>20255</v>
      </c>
      <c r="H35056" t="s">
        <v>20256</v>
      </c>
      <c r="I35056" s="2">
        <v>1</v>
      </c>
      <c r="J35056" s="2">
        <v>0</v>
      </c>
      <c r="K35056" s="2">
        <v>0</v>
      </c>
      <c r="L35056" t="s">
        <v>120</v>
      </c>
      <c r="M35056" t="s">
        <v>89</v>
      </c>
      <c r="N35056" t="s">
        <v>90</v>
      </c>
      <c r="O35056" t="s">
        <v>85</v>
      </c>
      <c r="P35056" t="s">
        <v>86</v>
      </c>
      <c r="Q35056">
        <v>36</v>
      </c>
      <c r="R35056">
        <v>37</v>
      </c>
      <c r="S35056">
        <v>37</v>
      </c>
      <c r="T35056">
        <v>38</v>
      </c>
      <c r="U35056">
        <v>39</v>
      </c>
      <c r="V35056">
        <v>39</v>
      </c>
      <c r="W35056">
        <v>40</v>
      </c>
      <c r="X35056">
        <v>41</v>
      </c>
      <c r="Y35056">
        <v>41</v>
      </c>
      <c r="Z35056">
        <v>42</v>
      </c>
      <c r="AA35056">
        <v>42</v>
      </c>
      <c r="AB35056">
        <v>43</v>
      </c>
      <c r="AC35056">
        <v>43</v>
      </c>
      <c r="AD35056">
        <v>44</v>
      </c>
      <c r="AE35056">
        <v>44</v>
      </c>
      <c r="AF35056">
        <v>44</v>
      </c>
      <c r="AG35056">
        <v>44</v>
      </c>
      <c r="AH35056">
        <v>44</v>
      </c>
      <c r="AI35056">
        <v>44</v>
      </c>
      <c r="AJ35056">
        <v>44</v>
      </c>
      <c r="AK35056">
        <v>44</v>
      </c>
      <c r="AL35056">
        <v>44</v>
      </c>
      <c r="AM35056">
        <v>44</v>
      </c>
      <c r="AN35056">
        <v>44</v>
      </c>
      <c r="AO35056">
        <v>44</v>
      </c>
      <c r="AP35056">
        <v>44</v>
      </c>
      <c r="AQ35056">
        <v>44</v>
      </c>
    </row>
    <row r="35057" spans="1:43">
      <c r="A35057" t="s">
        <v>21731</v>
      </c>
      <c r="B35057" t="s">
        <v>21732</v>
      </c>
      <c r="C35057" t="s">
        <v>21685</v>
      </c>
      <c r="D35057" t="s">
        <v>21686</v>
      </c>
      <c r="E35057" t="s">
        <v>21687</v>
      </c>
      <c r="F35057" t="s">
        <v>21688</v>
      </c>
      <c r="G35057" t="s">
        <v>20255</v>
      </c>
      <c r="H35057" t="s">
        <v>20256</v>
      </c>
      <c r="I35057" s="2">
        <v>1</v>
      </c>
      <c r="J35057" s="2">
        <v>0</v>
      </c>
      <c r="K35057" s="2">
        <v>0</v>
      </c>
      <c r="L35057" t="s">
        <v>120</v>
      </c>
      <c r="M35057" t="s">
        <v>83</v>
      </c>
      <c r="N35057" t="s">
        <v>91</v>
      </c>
      <c r="O35057" t="s">
        <v>85</v>
      </c>
      <c r="P35057" t="s">
        <v>86</v>
      </c>
      <c r="Q35057">
        <v>36</v>
      </c>
      <c r="R35057">
        <v>36</v>
      </c>
      <c r="S35057">
        <v>37</v>
      </c>
      <c r="T35057">
        <v>37</v>
      </c>
      <c r="U35057">
        <v>37</v>
      </c>
      <c r="V35057">
        <v>38</v>
      </c>
      <c r="W35057">
        <v>38</v>
      </c>
      <c r="X35057">
        <v>38</v>
      </c>
      <c r="Y35057">
        <v>39</v>
      </c>
      <c r="Z35057">
        <v>39</v>
      </c>
      <c r="AA35057">
        <v>40</v>
      </c>
      <c r="AB35057">
        <v>40</v>
      </c>
      <c r="AC35057">
        <v>40</v>
      </c>
      <c r="AD35057">
        <v>41</v>
      </c>
      <c r="AE35057">
        <v>41</v>
      </c>
      <c r="AF35057">
        <v>41</v>
      </c>
      <c r="AG35057">
        <v>42</v>
      </c>
      <c r="AH35057">
        <v>42</v>
      </c>
      <c r="AI35057">
        <v>43</v>
      </c>
      <c r="AJ35057">
        <v>43</v>
      </c>
      <c r="AK35057">
        <v>43</v>
      </c>
      <c r="AL35057">
        <v>44</v>
      </c>
      <c r="AM35057">
        <v>44</v>
      </c>
      <c r="AN35057">
        <v>44</v>
      </c>
      <c r="AO35057">
        <v>44</v>
      </c>
      <c r="AP35057">
        <v>44</v>
      </c>
      <c r="AQ35057">
        <v>44</v>
      </c>
    </row>
    <row r="35058" spans="1:43">
      <c r="A35058" t="s">
        <v>21733</v>
      </c>
      <c r="B35058" t="s">
        <v>21734</v>
      </c>
      <c r="C35058" t="s">
        <v>21685</v>
      </c>
      <c r="D35058" t="s">
        <v>21686</v>
      </c>
      <c r="E35058" t="s">
        <v>21687</v>
      </c>
      <c r="F35058" t="s">
        <v>21688</v>
      </c>
      <c r="G35058" t="s">
        <v>20255</v>
      </c>
      <c r="H35058" t="s">
        <v>20256</v>
      </c>
      <c r="I35058" s="2">
        <v>1</v>
      </c>
      <c r="J35058" s="2">
        <v>0</v>
      </c>
      <c r="K35058" s="2">
        <v>0</v>
      </c>
      <c r="L35058" t="s">
        <v>120</v>
      </c>
      <c r="M35058" t="s">
        <v>83</v>
      </c>
      <c r="N35058" t="s">
        <v>84</v>
      </c>
      <c r="O35058" t="s">
        <v>85</v>
      </c>
      <c r="P35058" t="s">
        <v>86</v>
      </c>
      <c r="Q35058">
        <v>72</v>
      </c>
      <c r="R35058">
        <v>73</v>
      </c>
      <c r="S35058">
        <v>74</v>
      </c>
      <c r="T35058">
        <v>75</v>
      </c>
      <c r="U35058">
        <v>76</v>
      </c>
      <c r="V35058">
        <v>77</v>
      </c>
      <c r="W35058">
        <v>77</v>
      </c>
      <c r="X35058">
        <v>78</v>
      </c>
      <c r="Y35058">
        <v>79</v>
      </c>
      <c r="Z35058">
        <v>80</v>
      </c>
      <c r="AA35058">
        <v>81</v>
      </c>
      <c r="AB35058">
        <v>81</v>
      </c>
      <c r="AC35058">
        <v>82</v>
      </c>
      <c r="AD35058">
        <v>83</v>
      </c>
      <c r="AE35058">
        <v>84</v>
      </c>
      <c r="AF35058">
        <v>84</v>
      </c>
      <c r="AG35058">
        <v>85</v>
      </c>
      <c r="AH35058">
        <v>86</v>
      </c>
      <c r="AI35058">
        <v>87</v>
      </c>
      <c r="AJ35058">
        <v>88</v>
      </c>
      <c r="AK35058">
        <v>89</v>
      </c>
      <c r="AL35058">
        <v>89</v>
      </c>
      <c r="AM35058">
        <v>89</v>
      </c>
      <c r="AN35058">
        <v>89</v>
      </c>
      <c r="AO35058">
        <v>89</v>
      </c>
      <c r="AP35058">
        <v>89</v>
      </c>
      <c r="AQ35058">
        <v>90</v>
      </c>
    </row>
    <row r="35059" spans="1:43">
      <c r="A35059" t="s">
        <v>21733</v>
      </c>
      <c r="B35059" t="s">
        <v>21734</v>
      </c>
      <c r="C35059" t="s">
        <v>21685</v>
      </c>
      <c r="D35059" t="s">
        <v>21686</v>
      </c>
      <c r="E35059" t="s">
        <v>21687</v>
      </c>
      <c r="F35059" t="s">
        <v>21688</v>
      </c>
      <c r="G35059" t="s">
        <v>20255</v>
      </c>
      <c r="H35059" t="s">
        <v>20256</v>
      </c>
      <c r="I35059" s="2">
        <v>1</v>
      </c>
      <c r="J35059" s="2">
        <v>0</v>
      </c>
      <c r="K35059" s="2">
        <v>0</v>
      </c>
      <c r="L35059" t="s">
        <v>120</v>
      </c>
      <c r="M35059" t="s">
        <v>87</v>
      </c>
      <c r="N35059" t="s">
        <v>88</v>
      </c>
      <c r="O35059" t="s">
        <v>85</v>
      </c>
      <c r="P35059" t="s">
        <v>86</v>
      </c>
      <c r="Q35059">
        <v>72</v>
      </c>
      <c r="R35059">
        <v>72</v>
      </c>
      <c r="S35059">
        <v>72</v>
      </c>
      <c r="T35059">
        <v>72</v>
      </c>
      <c r="U35059">
        <v>72</v>
      </c>
      <c r="V35059">
        <v>73</v>
      </c>
      <c r="W35059">
        <v>73</v>
      </c>
      <c r="X35059">
        <v>73</v>
      </c>
      <c r="Y35059">
        <v>73</v>
      </c>
      <c r="Z35059">
        <v>73</v>
      </c>
      <c r="AA35059">
        <v>73</v>
      </c>
      <c r="AB35059">
        <v>74</v>
      </c>
      <c r="AC35059">
        <v>74</v>
      </c>
      <c r="AD35059">
        <v>74</v>
      </c>
      <c r="AE35059">
        <v>74</v>
      </c>
      <c r="AF35059">
        <v>74</v>
      </c>
      <c r="AG35059">
        <v>75</v>
      </c>
      <c r="AH35059">
        <v>75</v>
      </c>
      <c r="AI35059">
        <v>75</v>
      </c>
      <c r="AJ35059">
        <v>75</v>
      </c>
      <c r="AK35059">
        <v>76</v>
      </c>
      <c r="AL35059">
        <v>76</v>
      </c>
      <c r="AM35059">
        <v>76</v>
      </c>
      <c r="AN35059">
        <v>76</v>
      </c>
      <c r="AO35059">
        <v>77</v>
      </c>
      <c r="AP35059">
        <v>77</v>
      </c>
      <c r="AQ35059">
        <v>77</v>
      </c>
    </row>
    <row r="35060" spans="1:43">
      <c r="A35060" t="s">
        <v>21733</v>
      </c>
      <c r="B35060" t="s">
        <v>21734</v>
      </c>
      <c r="C35060" t="s">
        <v>21685</v>
      </c>
      <c r="D35060" t="s">
        <v>21686</v>
      </c>
      <c r="E35060" t="s">
        <v>21687</v>
      </c>
      <c r="F35060" t="s">
        <v>21688</v>
      </c>
      <c r="G35060" t="s">
        <v>20255</v>
      </c>
      <c r="H35060" t="s">
        <v>20256</v>
      </c>
      <c r="I35060" s="2">
        <v>1</v>
      </c>
      <c r="J35060" s="2">
        <v>0</v>
      </c>
      <c r="K35060" s="2">
        <v>0</v>
      </c>
      <c r="L35060" t="s">
        <v>120</v>
      </c>
      <c r="M35060" t="s">
        <v>89</v>
      </c>
      <c r="N35060" t="s">
        <v>90</v>
      </c>
      <c r="O35060" t="s">
        <v>85</v>
      </c>
      <c r="P35060" t="s">
        <v>86</v>
      </c>
      <c r="Q35060">
        <v>72</v>
      </c>
      <c r="R35060">
        <v>74</v>
      </c>
      <c r="S35060">
        <v>75</v>
      </c>
      <c r="T35060">
        <v>76</v>
      </c>
      <c r="U35060">
        <v>78</v>
      </c>
      <c r="V35060">
        <v>79</v>
      </c>
      <c r="W35060">
        <v>80</v>
      </c>
      <c r="X35060">
        <v>81</v>
      </c>
      <c r="Y35060">
        <v>83</v>
      </c>
      <c r="Z35060">
        <v>84</v>
      </c>
      <c r="AA35060">
        <v>85</v>
      </c>
      <c r="AB35060">
        <v>86</v>
      </c>
      <c r="AC35060">
        <v>87</v>
      </c>
      <c r="AD35060">
        <v>88</v>
      </c>
      <c r="AE35060">
        <v>89</v>
      </c>
      <c r="AF35060">
        <v>89</v>
      </c>
      <c r="AG35060">
        <v>89</v>
      </c>
      <c r="AH35060">
        <v>89</v>
      </c>
      <c r="AI35060">
        <v>89</v>
      </c>
      <c r="AJ35060">
        <v>89</v>
      </c>
      <c r="AK35060">
        <v>89</v>
      </c>
      <c r="AL35060">
        <v>89</v>
      </c>
      <c r="AM35060">
        <v>89</v>
      </c>
      <c r="AN35060">
        <v>90</v>
      </c>
      <c r="AO35060">
        <v>90</v>
      </c>
      <c r="AP35060">
        <v>90</v>
      </c>
      <c r="AQ35060">
        <v>90</v>
      </c>
    </row>
    <row r="35061" spans="1:43">
      <c r="A35061" t="s">
        <v>21733</v>
      </c>
      <c r="B35061" t="s">
        <v>21734</v>
      </c>
      <c r="C35061" t="s">
        <v>21685</v>
      </c>
      <c r="D35061" t="s">
        <v>21686</v>
      </c>
      <c r="E35061" t="s">
        <v>21687</v>
      </c>
      <c r="F35061" t="s">
        <v>21688</v>
      </c>
      <c r="G35061" t="s">
        <v>20255</v>
      </c>
      <c r="H35061" t="s">
        <v>20256</v>
      </c>
      <c r="I35061" s="2">
        <v>1</v>
      </c>
      <c r="J35061" s="2">
        <v>0</v>
      </c>
      <c r="K35061" s="2">
        <v>0</v>
      </c>
      <c r="L35061" t="s">
        <v>120</v>
      </c>
      <c r="M35061" t="s">
        <v>83</v>
      </c>
      <c r="N35061" t="s">
        <v>91</v>
      </c>
      <c r="O35061" t="s">
        <v>85</v>
      </c>
      <c r="P35061" t="s">
        <v>86</v>
      </c>
      <c r="Q35061">
        <v>72</v>
      </c>
      <c r="R35061">
        <v>73</v>
      </c>
      <c r="S35061">
        <v>74</v>
      </c>
      <c r="T35061">
        <v>75</v>
      </c>
      <c r="U35061">
        <v>76</v>
      </c>
      <c r="V35061">
        <v>77</v>
      </c>
      <c r="W35061">
        <v>77</v>
      </c>
      <c r="X35061">
        <v>78</v>
      </c>
      <c r="Y35061">
        <v>79</v>
      </c>
      <c r="Z35061">
        <v>80</v>
      </c>
      <c r="AA35061">
        <v>81</v>
      </c>
      <c r="AB35061">
        <v>81</v>
      </c>
      <c r="AC35061">
        <v>82</v>
      </c>
      <c r="AD35061">
        <v>83</v>
      </c>
      <c r="AE35061">
        <v>84</v>
      </c>
      <c r="AF35061">
        <v>84</v>
      </c>
      <c r="AG35061">
        <v>85</v>
      </c>
      <c r="AH35061">
        <v>86</v>
      </c>
      <c r="AI35061">
        <v>87</v>
      </c>
      <c r="AJ35061">
        <v>88</v>
      </c>
      <c r="AK35061">
        <v>89</v>
      </c>
      <c r="AL35061">
        <v>89</v>
      </c>
      <c r="AM35061">
        <v>89</v>
      </c>
      <c r="AN35061">
        <v>89</v>
      </c>
      <c r="AO35061">
        <v>89</v>
      </c>
      <c r="AP35061">
        <v>89</v>
      </c>
      <c r="AQ35061">
        <v>90</v>
      </c>
    </row>
    <row r="35062" spans="1:43">
      <c r="A35062" t="s">
        <v>21735</v>
      </c>
      <c r="B35062" t="s">
        <v>21736</v>
      </c>
      <c r="C35062" t="s">
        <v>21685</v>
      </c>
      <c r="D35062" t="s">
        <v>21686</v>
      </c>
      <c r="E35062" t="s">
        <v>21687</v>
      </c>
      <c r="F35062" t="s">
        <v>21688</v>
      </c>
      <c r="G35062" t="s">
        <v>20255</v>
      </c>
      <c r="H35062" t="s">
        <v>20256</v>
      </c>
      <c r="I35062" s="2">
        <v>1</v>
      </c>
      <c r="J35062" s="2">
        <v>0</v>
      </c>
      <c r="K35062" s="2">
        <v>0</v>
      </c>
      <c r="L35062" t="s">
        <v>120</v>
      </c>
      <c r="M35062" t="s">
        <v>83</v>
      </c>
      <c r="N35062" t="s">
        <v>84</v>
      </c>
      <c r="O35062" t="s">
        <v>85</v>
      </c>
      <c r="P35062" t="s">
        <v>86</v>
      </c>
      <c r="Q35062">
        <v>33</v>
      </c>
      <c r="R35062">
        <v>33</v>
      </c>
      <c r="S35062">
        <v>33</v>
      </c>
      <c r="T35062">
        <v>34</v>
      </c>
      <c r="U35062">
        <v>34</v>
      </c>
      <c r="V35062">
        <v>35</v>
      </c>
      <c r="W35062">
        <v>35</v>
      </c>
      <c r="X35062">
        <v>35</v>
      </c>
      <c r="Y35062">
        <v>36</v>
      </c>
      <c r="Z35062">
        <v>36</v>
      </c>
      <c r="AA35062">
        <v>36</v>
      </c>
      <c r="AB35062">
        <v>37</v>
      </c>
      <c r="AC35062">
        <v>37</v>
      </c>
      <c r="AD35062">
        <v>37</v>
      </c>
      <c r="AE35062">
        <v>38</v>
      </c>
      <c r="AF35062">
        <v>38</v>
      </c>
      <c r="AG35062">
        <v>38</v>
      </c>
      <c r="AH35062">
        <v>39</v>
      </c>
      <c r="AI35062">
        <v>39</v>
      </c>
      <c r="AJ35062">
        <v>40</v>
      </c>
      <c r="AK35062">
        <v>40</v>
      </c>
      <c r="AL35062">
        <v>40</v>
      </c>
      <c r="AM35062">
        <v>40</v>
      </c>
      <c r="AN35062">
        <v>40</v>
      </c>
      <c r="AO35062">
        <v>40</v>
      </c>
      <c r="AP35062">
        <v>40</v>
      </c>
      <c r="AQ35062">
        <v>40</v>
      </c>
    </row>
    <row r="35063" spans="1:43">
      <c r="A35063" t="s">
        <v>21735</v>
      </c>
      <c r="B35063" t="s">
        <v>21736</v>
      </c>
      <c r="C35063" t="s">
        <v>21685</v>
      </c>
      <c r="D35063" t="s">
        <v>21686</v>
      </c>
      <c r="E35063" t="s">
        <v>21687</v>
      </c>
      <c r="F35063" t="s">
        <v>21688</v>
      </c>
      <c r="G35063" t="s">
        <v>20255</v>
      </c>
      <c r="H35063" t="s">
        <v>20256</v>
      </c>
      <c r="I35063" s="2">
        <v>1</v>
      </c>
      <c r="J35063" s="2">
        <v>0</v>
      </c>
      <c r="K35063" s="2">
        <v>0</v>
      </c>
      <c r="L35063" t="s">
        <v>120</v>
      </c>
      <c r="M35063" t="s">
        <v>87</v>
      </c>
      <c r="N35063" t="s">
        <v>88</v>
      </c>
      <c r="O35063" t="s">
        <v>85</v>
      </c>
      <c r="P35063" t="s">
        <v>86</v>
      </c>
      <c r="Q35063">
        <v>33</v>
      </c>
      <c r="R35063">
        <v>33</v>
      </c>
      <c r="S35063">
        <v>34</v>
      </c>
      <c r="T35063">
        <v>34</v>
      </c>
      <c r="U35063">
        <v>34</v>
      </c>
      <c r="V35063">
        <v>34</v>
      </c>
      <c r="W35063">
        <v>34</v>
      </c>
      <c r="X35063">
        <v>34</v>
      </c>
      <c r="Y35063">
        <v>34</v>
      </c>
      <c r="Z35063">
        <v>34</v>
      </c>
      <c r="AA35063">
        <v>34</v>
      </c>
      <c r="AB35063">
        <v>34</v>
      </c>
      <c r="AC35063">
        <v>34</v>
      </c>
      <c r="AD35063">
        <v>34</v>
      </c>
      <c r="AE35063">
        <v>34</v>
      </c>
      <c r="AF35063">
        <v>35</v>
      </c>
      <c r="AG35063">
        <v>35</v>
      </c>
      <c r="AH35063">
        <v>35</v>
      </c>
      <c r="AI35063">
        <v>35</v>
      </c>
      <c r="AJ35063">
        <v>35</v>
      </c>
      <c r="AK35063">
        <v>35</v>
      </c>
      <c r="AL35063">
        <v>35</v>
      </c>
      <c r="AM35063">
        <v>35</v>
      </c>
      <c r="AN35063">
        <v>35</v>
      </c>
      <c r="AO35063">
        <v>36</v>
      </c>
      <c r="AP35063">
        <v>36</v>
      </c>
      <c r="AQ35063">
        <v>36</v>
      </c>
    </row>
    <row r="35064" spans="1:43">
      <c r="A35064" t="s">
        <v>21735</v>
      </c>
      <c r="B35064" t="s">
        <v>21736</v>
      </c>
      <c r="C35064" t="s">
        <v>21685</v>
      </c>
      <c r="D35064" t="s">
        <v>21686</v>
      </c>
      <c r="E35064" t="s">
        <v>21687</v>
      </c>
      <c r="F35064" t="s">
        <v>21688</v>
      </c>
      <c r="G35064" t="s">
        <v>20255</v>
      </c>
      <c r="H35064" t="s">
        <v>20256</v>
      </c>
      <c r="I35064" s="2">
        <v>1</v>
      </c>
      <c r="J35064" s="2">
        <v>0</v>
      </c>
      <c r="K35064" s="2">
        <v>0</v>
      </c>
      <c r="L35064" t="s">
        <v>120</v>
      </c>
      <c r="M35064" t="s">
        <v>89</v>
      </c>
      <c r="N35064" t="s">
        <v>90</v>
      </c>
      <c r="O35064" t="s">
        <v>85</v>
      </c>
      <c r="P35064" t="s">
        <v>86</v>
      </c>
      <c r="Q35064">
        <v>33</v>
      </c>
      <c r="R35064">
        <v>34</v>
      </c>
      <c r="S35064">
        <v>34</v>
      </c>
      <c r="T35064">
        <v>35</v>
      </c>
      <c r="U35064">
        <v>36</v>
      </c>
      <c r="V35064">
        <v>36</v>
      </c>
      <c r="W35064">
        <v>37</v>
      </c>
      <c r="X35064">
        <v>37</v>
      </c>
      <c r="Y35064">
        <v>38</v>
      </c>
      <c r="Z35064">
        <v>38</v>
      </c>
      <c r="AA35064">
        <v>39</v>
      </c>
      <c r="AB35064">
        <v>39</v>
      </c>
      <c r="AC35064">
        <v>40</v>
      </c>
      <c r="AD35064">
        <v>40</v>
      </c>
      <c r="AE35064">
        <v>41</v>
      </c>
      <c r="AF35064">
        <v>41</v>
      </c>
      <c r="AG35064">
        <v>41</v>
      </c>
      <c r="AH35064">
        <v>41</v>
      </c>
      <c r="AI35064">
        <v>41</v>
      </c>
      <c r="AJ35064">
        <v>41</v>
      </c>
      <c r="AK35064">
        <v>41</v>
      </c>
      <c r="AL35064">
        <v>41</v>
      </c>
      <c r="AM35064">
        <v>41</v>
      </c>
      <c r="AN35064">
        <v>41</v>
      </c>
      <c r="AO35064">
        <v>41</v>
      </c>
      <c r="AP35064">
        <v>41</v>
      </c>
      <c r="AQ35064">
        <v>41</v>
      </c>
    </row>
    <row r="35065" spans="1:43">
      <c r="A35065" t="s">
        <v>21735</v>
      </c>
      <c r="B35065" t="s">
        <v>21736</v>
      </c>
      <c r="C35065" t="s">
        <v>21685</v>
      </c>
      <c r="D35065" t="s">
        <v>21686</v>
      </c>
      <c r="E35065" t="s">
        <v>21687</v>
      </c>
      <c r="F35065" t="s">
        <v>21688</v>
      </c>
      <c r="G35065" t="s">
        <v>20255</v>
      </c>
      <c r="H35065" t="s">
        <v>20256</v>
      </c>
      <c r="I35065" s="2">
        <v>1</v>
      </c>
      <c r="J35065" s="2">
        <v>0</v>
      </c>
      <c r="K35065" s="2">
        <v>0</v>
      </c>
      <c r="L35065" t="s">
        <v>120</v>
      </c>
      <c r="M35065" t="s">
        <v>83</v>
      </c>
      <c r="N35065" t="s">
        <v>91</v>
      </c>
      <c r="O35065" t="s">
        <v>85</v>
      </c>
      <c r="P35065" t="s">
        <v>86</v>
      </c>
      <c r="Q35065">
        <v>33</v>
      </c>
      <c r="R35065">
        <v>33</v>
      </c>
      <c r="S35065">
        <v>33</v>
      </c>
      <c r="T35065">
        <v>34</v>
      </c>
      <c r="U35065">
        <v>34</v>
      </c>
      <c r="V35065">
        <v>35</v>
      </c>
      <c r="W35065">
        <v>35</v>
      </c>
      <c r="X35065">
        <v>35</v>
      </c>
      <c r="Y35065">
        <v>36</v>
      </c>
      <c r="Z35065">
        <v>36</v>
      </c>
      <c r="AA35065">
        <v>36</v>
      </c>
      <c r="AB35065">
        <v>37</v>
      </c>
      <c r="AC35065">
        <v>37</v>
      </c>
      <c r="AD35065">
        <v>37</v>
      </c>
      <c r="AE35065">
        <v>38</v>
      </c>
      <c r="AF35065">
        <v>38</v>
      </c>
      <c r="AG35065">
        <v>38</v>
      </c>
      <c r="AH35065">
        <v>39</v>
      </c>
      <c r="AI35065">
        <v>39</v>
      </c>
      <c r="AJ35065">
        <v>40</v>
      </c>
      <c r="AK35065">
        <v>40</v>
      </c>
      <c r="AL35065">
        <v>40</v>
      </c>
      <c r="AM35065">
        <v>40</v>
      </c>
      <c r="AN35065">
        <v>40</v>
      </c>
      <c r="AO35065">
        <v>40</v>
      </c>
      <c r="AP35065">
        <v>40</v>
      </c>
      <c r="AQ35065">
        <v>40</v>
      </c>
    </row>
    <row r="35066" spans="1:43">
      <c r="A35066" t="s">
        <v>21737</v>
      </c>
      <c r="B35066" t="s">
        <v>21738</v>
      </c>
      <c r="C35066" t="s">
        <v>21685</v>
      </c>
      <c r="D35066" t="s">
        <v>21686</v>
      </c>
      <c r="E35066" t="s">
        <v>21687</v>
      </c>
      <c r="F35066" t="s">
        <v>21688</v>
      </c>
      <c r="G35066" t="s">
        <v>20255</v>
      </c>
      <c r="H35066" t="s">
        <v>20256</v>
      </c>
      <c r="I35066" s="2">
        <v>1</v>
      </c>
      <c r="J35066" s="2">
        <v>0</v>
      </c>
      <c r="K35066" s="2">
        <v>0</v>
      </c>
      <c r="L35066" t="s">
        <v>120</v>
      </c>
      <c r="M35066" t="s">
        <v>83</v>
      </c>
      <c r="N35066" t="s">
        <v>84</v>
      </c>
      <c r="O35066" t="s">
        <v>85</v>
      </c>
      <c r="P35066" t="s">
        <v>86</v>
      </c>
      <c r="Q35066">
        <v>2</v>
      </c>
      <c r="R35066">
        <v>2</v>
      </c>
      <c r="S35066">
        <v>2</v>
      </c>
      <c r="T35066">
        <v>3</v>
      </c>
      <c r="U35066">
        <v>3</v>
      </c>
      <c r="V35066">
        <v>3</v>
      </c>
      <c r="W35066">
        <v>3</v>
      </c>
      <c r="X35066">
        <v>3</v>
      </c>
      <c r="Y35066">
        <v>3</v>
      </c>
      <c r="Z35066">
        <v>3</v>
      </c>
      <c r="AA35066">
        <v>3</v>
      </c>
      <c r="AB35066">
        <v>3</v>
      </c>
      <c r="AC35066">
        <v>3</v>
      </c>
      <c r="AD35066">
        <v>3</v>
      </c>
      <c r="AE35066">
        <v>3</v>
      </c>
      <c r="AF35066">
        <v>3</v>
      </c>
      <c r="AG35066">
        <v>3</v>
      </c>
      <c r="AH35066">
        <v>3</v>
      </c>
      <c r="AI35066">
        <v>3</v>
      </c>
      <c r="AJ35066">
        <v>3</v>
      </c>
      <c r="AK35066">
        <v>3</v>
      </c>
      <c r="AL35066">
        <v>3</v>
      </c>
      <c r="AM35066">
        <v>3</v>
      </c>
      <c r="AN35066">
        <v>3</v>
      </c>
      <c r="AO35066">
        <v>3</v>
      </c>
      <c r="AP35066">
        <v>3</v>
      </c>
      <c r="AQ35066">
        <v>3</v>
      </c>
    </row>
    <row r="35067" spans="1:43">
      <c r="A35067" t="s">
        <v>21737</v>
      </c>
      <c r="B35067" t="s">
        <v>21738</v>
      </c>
      <c r="C35067" t="s">
        <v>21685</v>
      </c>
      <c r="D35067" t="s">
        <v>21686</v>
      </c>
      <c r="E35067" t="s">
        <v>21687</v>
      </c>
      <c r="F35067" t="s">
        <v>21688</v>
      </c>
      <c r="G35067" t="s">
        <v>20255</v>
      </c>
      <c r="H35067" t="s">
        <v>20256</v>
      </c>
      <c r="I35067" s="2">
        <v>1</v>
      </c>
      <c r="J35067" s="2">
        <v>0</v>
      </c>
      <c r="K35067" s="2">
        <v>0</v>
      </c>
      <c r="L35067" t="s">
        <v>120</v>
      </c>
      <c r="M35067" t="s">
        <v>87</v>
      </c>
      <c r="N35067" t="s">
        <v>88</v>
      </c>
      <c r="O35067" t="s">
        <v>85</v>
      </c>
      <c r="P35067" t="s">
        <v>86</v>
      </c>
      <c r="Q35067">
        <v>2</v>
      </c>
      <c r="R35067">
        <v>2</v>
      </c>
      <c r="S35067">
        <v>2</v>
      </c>
      <c r="T35067">
        <v>2</v>
      </c>
      <c r="U35067">
        <v>2</v>
      </c>
      <c r="V35067">
        <v>2</v>
      </c>
      <c r="W35067">
        <v>2</v>
      </c>
      <c r="X35067">
        <v>2</v>
      </c>
      <c r="Y35067">
        <v>2</v>
      </c>
      <c r="Z35067">
        <v>2</v>
      </c>
      <c r="AA35067">
        <v>2</v>
      </c>
      <c r="AB35067">
        <v>2</v>
      </c>
      <c r="AC35067">
        <v>2</v>
      </c>
      <c r="AD35067">
        <v>2</v>
      </c>
      <c r="AE35067">
        <v>2</v>
      </c>
      <c r="AF35067">
        <v>2</v>
      </c>
      <c r="AG35067">
        <v>3</v>
      </c>
      <c r="AH35067">
        <v>3</v>
      </c>
      <c r="AI35067">
        <v>3</v>
      </c>
      <c r="AJ35067">
        <v>3</v>
      </c>
      <c r="AK35067">
        <v>3</v>
      </c>
      <c r="AL35067">
        <v>3</v>
      </c>
      <c r="AM35067">
        <v>3</v>
      </c>
      <c r="AN35067">
        <v>3</v>
      </c>
      <c r="AO35067">
        <v>3</v>
      </c>
      <c r="AP35067">
        <v>3</v>
      </c>
      <c r="AQ35067">
        <v>3</v>
      </c>
    </row>
    <row r="35068" spans="1:43">
      <c r="A35068" t="s">
        <v>21737</v>
      </c>
      <c r="B35068" t="s">
        <v>21738</v>
      </c>
      <c r="C35068" t="s">
        <v>21685</v>
      </c>
      <c r="D35068" t="s">
        <v>21686</v>
      </c>
      <c r="E35068" t="s">
        <v>21687</v>
      </c>
      <c r="F35068" t="s">
        <v>21688</v>
      </c>
      <c r="G35068" t="s">
        <v>20255</v>
      </c>
      <c r="H35068" t="s">
        <v>20256</v>
      </c>
      <c r="I35068" s="2">
        <v>1</v>
      </c>
      <c r="J35068" s="2">
        <v>0</v>
      </c>
      <c r="K35068" s="2">
        <v>0</v>
      </c>
      <c r="L35068" t="s">
        <v>120</v>
      </c>
      <c r="M35068" t="s">
        <v>89</v>
      </c>
      <c r="N35068" t="s">
        <v>90</v>
      </c>
      <c r="O35068" t="s">
        <v>85</v>
      </c>
      <c r="P35068" t="s">
        <v>86</v>
      </c>
      <c r="Q35068">
        <v>2</v>
      </c>
      <c r="R35068">
        <v>3</v>
      </c>
      <c r="S35068">
        <v>3</v>
      </c>
      <c r="T35068">
        <v>3</v>
      </c>
      <c r="U35068">
        <v>3</v>
      </c>
      <c r="V35068">
        <v>3</v>
      </c>
      <c r="W35068">
        <v>3</v>
      </c>
      <c r="X35068">
        <v>3</v>
      </c>
      <c r="Y35068">
        <v>3</v>
      </c>
      <c r="Z35068">
        <v>3</v>
      </c>
      <c r="AA35068">
        <v>3</v>
      </c>
      <c r="AB35068">
        <v>3</v>
      </c>
      <c r="AC35068">
        <v>3</v>
      </c>
      <c r="AD35068">
        <v>3</v>
      </c>
      <c r="AE35068">
        <v>3</v>
      </c>
      <c r="AF35068">
        <v>3</v>
      </c>
      <c r="AG35068">
        <v>3</v>
      </c>
      <c r="AH35068">
        <v>3</v>
      </c>
      <c r="AI35068">
        <v>3</v>
      </c>
      <c r="AJ35068">
        <v>3</v>
      </c>
      <c r="AK35068">
        <v>3</v>
      </c>
      <c r="AL35068">
        <v>3</v>
      </c>
      <c r="AM35068">
        <v>3</v>
      </c>
      <c r="AN35068">
        <v>3</v>
      </c>
      <c r="AO35068">
        <v>3</v>
      </c>
      <c r="AP35068">
        <v>3</v>
      </c>
      <c r="AQ35068">
        <v>3</v>
      </c>
    </row>
    <row r="35069" spans="1:43">
      <c r="A35069" t="s">
        <v>21737</v>
      </c>
      <c r="B35069" t="s">
        <v>21738</v>
      </c>
      <c r="C35069" t="s">
        <v>21685</v>
      </c>
      <c r="D35069" t="s">
        <v>21686</v>
      </c>
      <c r="E35069" t="s">
        <v>21687</v>
      </c>
      <c r="F35069" t="s">
        <v>21688</v>
      </c>
      <c r="G35069" t="s">
        <v>20255</v>
      </c>
      <c r="H35069" t="s">
        <v>20256</v>
      </c>
      <c r="I35069" s="2">
        <v>1</v>
      </c>
      <c r="J35069" s="2">
        <v>0</v>
      </c>
      <c r="K35069" s="2">
        <v>0</v>
      </c>
      <c r="L35069" t="s">
        <v>120</v>
      </c>
      <c r="M35069" t="s">
        <v>83</v>
      </c>
      <c r="N35069" t="s">
        <v>91</v>
      </c>
      <c r="O35069" t="s">
        <v>85</v>
      </c>
      <c r="P35069" t="s">
        <v>86</v>
      </c>
      <c r="Q35069">
        <v>2</v>
      </c>
      <c r="R35069">
        <v>2</v>
      </c>
      <c r="S35069">
        <v>2</v>
      </c>
      <c r="T35069">
        <v>3</v>
      </c>
      <c r="U35069">
        <v>3</v>
      </c>
      <c r="V35069">
        <v>3</v>
      </c>
      <c r="W35069">
        <v>3</v>
      </c>
      <c r="X35069">
        <v>3</v>
      </c>
      <c r="Y35069">
        <v>3</v>
      </c>
      <c r="Z35069">
        <v>3</v>
      </c>
      <c r="AA35069">
        <v>3</v>
      </c>
      <c r="AB35069">
        <v>3</v>
      </c>
      <c r="AC35069">
        <v>3</v>
      </c>
      <c r="AD35069">
        <v>3</v>
      </c>
      <c r="AE35069">
        <v>3</v>
      </c>
      <c r="AF35069">
        <v>3</v>
      </c>
      <c r="AG35069">
        <v>3</v>
      </c>
      <c r="AH35069">
        <v>3</v>
      </c>
      <c r="AI35069">
        <v>3</v>
      </c>
      <c r="AJ35069">
        <v>3</v>
      </c>
      <c r="AK35069">
        <v>3</v>
      </c>
      <c r="AL35069">
        <v>3</v>
      </c>
      <c r="AM35069">
        <v>3</v>
      </c>
      <c r="AN35069">
        <v>3</v>
      </c>
      <c r="AO35069">
        <v>3</v>
      </c>
      <c r="AP35069">
        <v>3</v>
      </c>
      <c r="AQ35069">
        <v>3</v>
      </c>
    </row>
    <row r="35070" spans="1:43">
      <c r="A35070" t="s">
        <v>21739</v>
      </c>
      <c r="B35070" t="s">
        <v>21740</v>
      </c>
      <c r="C35070" t="s">
        <v>21703</v>
      </c>
      <c r="D35070" t="s">
        <v>21704</v>
      </c>
      <c r="E35070" t="s">
        <v>21687</v>
      </c>
      <c r="F35070" t="s">
        <v>21688</v>
      </c>
      <c r="G35070" t="s">
        <v>20255</v>
      </c>
      <c r="H35070" t="s">
        <v>20256</v>
      </c>
      <c r="I35070" s="2">
        <v>1</v>
      </c>
      <c r="J35070" s="2">
        <v>0</v>
      </c>
      <c r="K35070" s="2">
        <v>0</v>
      </c>
      <c r="L35070" t="s">
        <v>120</v>
      </c>
      <c r="M35070" t="s">
        <v>83</v>
      </c>
      <c r="N35070" t="s">
        <v>84</v>
      </c>
      <c r="O35070" t="s">
        <v>85</v>
      </c>
      <c r="P35070" t="s">
        <v>86</v>
      </c>
      <c r="Q35070">
        <v>77</v>
      </c>
      <c r="R35070">
        <v>78</v>
      </c>
      <c r="S35070">
        <v>79</v>
      </c>
      <c r="T35070">
        <v>80</v>
      </c>
      <c r="U35070">
        <v>81</v>
      </c>
      <c r="V35070">
        <v>81</v>
      </c>
      <c r="W35070">
        <v>82</v>
      </c>
      <c r="X35070">
        <v>83</v>
      </c>
      <c r="Y35070">
        <v>84</v>
      </c>
      <c r="Z35070">
        <v>85</v>
      </c>
      <c r="AA35070">
        <v>86</v>
      </c>
      <c r="AB35070">
        <v>86</v>
      </c>
      <c r="AC35070">
        <v>87</v>
      </c>
      <c r="AD35070">
        <v>88</v>
      </c>
      <c r="AE35070">
        <v>89</v>
      </c>
      <c r="AF35070">
        <v>90</v>
      </c>
      <c r="AG35070">
        <v>91</v>
      </c>
      <c r="AH35070">
        <v>91</v>
      </c>
      <c r="AI35070">
        <v>92</v>
      </c>
      <c r="AJ35070">
        <v>93</v>
      </c>
      <c r="AK35070">
        <v>94</v>
      </c>
      <c r="AL35070">
        <v>94</v>
      </c>
      <c r="AM35070">
        <v>95</v>
      </c>
      <c r="AN35070">
        <v>95</v>
      </c>
      <c r="AO35070">
        <v>95</v>
      </c>
      <c r="AP35070">
        <v>95</v>
      </c>
      <c r="AQ35070">
        <v>95</v>
      </c>
    </row>
    <row r="35071" spans="1:43">
      <c r="A35071" t="s">
        <v>21739</v>
      </c>
      <c r="B35071" t="s">
        <v>21740</v>
      </c>
      <c r="C35071" t="s">
        <v>21703</v>
      </c>
      <c r="D35071" t="s">
        <v>21704</v>
      </c>
      <c r="E35071" t="s">
        <v>21687</v>
      </c>
      <c r="F35071" t="s">
        <v>21688</v>
      </c>
      <c r="G35071" t="s">
        <v>20255</v>
      </c>
      <c r="H35071" t="s">
        <v>20256</v>
      </c>
      <c r="I35071" s="2">
        <v>1</v>
      </c>
      <c r="J35071" s="2">
        <v>0</v>
      </c>
      <c r="K35071" s="2">
        <v>0</v>
      </c>
      <c r="L35071" t="s">
        <v>120</v>
      </c>
      <c r="M35071" t="s">
        <v>87</v>
      </c>
      <c r="N35071" t="s">
        <v>88</v>
      </c>
      <c r="O35071" t="s">
        <v>85</v>
      </c>
      <c r="P35071" t="s">
        <v>86</v>
      </c>
      <c r="Q35071">
        <v>77</v>
      </c>
      <c r="R35071">
        <v>78</v>
      </c>
      <c r="S35071">
        <v>78</v>
      </c>
      <c r="T35071">
        <v>78</v>
      </c>
      <c r="U35071">
        <v>78</v>
      </c>
      <c r="V35071">
        <v>78</v>
      </c>
      <c r="W35071">
        <v>78</v>
      </c>
      <c r="X35071">
        <v>79</v>
      </c>
      <c r="Y35071">
        <v>79</v>
      </c>
      <c r="Z35071">
        <v>79</v>
      </c>
      <c r="AA35071">
        <v>79</v>
      </c>
      <c r="AB35071">
        <v>79</v>
      </c>
      <c r="AC35071">
        <v>79</v>
      </c>
      <c r="AD35071">
        <v>80</v>
      </c>
      <c r="AE35071">
        <v>80</v>
      </c>
      <c r="AF35071">
        <v>80</v>
      </c>
      <c r="AG35071">
        <v>80</v>
      </c>
      <c r="AH35071">
        <v>81</v>
      </c>
      <c r="AI35071">
        <v>81</v>
      </c>
      <c r="AJ35071">
        <v>81</v>
      </c>
      <c r="AK35071">
        <v>81</v>
      </c>
      <c r="AL35071">
        <v>82</v>
      </c>
      <c r="AM35071">
        <v>82</v>
      </c>
      <c r="AN35071">
        <v>82</v>
      </c>
      <c r="AO35071">
        <v>82</v>
      </c>
      <c r="AP35071">
        <v>83</v>
      </c>
      <c r="AQ35071">
        <v>83</v>
      </c>
    </row>
    <row r="35072" spans="1:43">
      <c r="A35072" t="s">
        <v>21739</v>
      </c>
      <c r="B35072" t="s">
        <v>21740</v>
      </c>
      <c r="C35072" t="s">
        <v>21703</v>
      </c>
      <c r="D35072" t="s">
        <v>21704</v>
      </c>
      <c r="E35072" t="s">
        <v>21687</v>
      </c>
      <c r="F35072" t="s">
        <v>21688</v>
      </c>
      <c r="G35072" t="s">
        <v>20255</v>
      </c>
      <c r="H35072" t="s">
        <v>20256</v>
      </c>
      <c r="I35072" s="2">
        <v>1</v>
      </c>
      <c r="J35072" s="2">
        <v>0</v>
      </c>
      <c r="K35072" s="2">
        <v>0</v>
      </c>
      <c r="L35072" t="s">
        <v>120</v>
      </c>
      <c r="M35072" t="s">
        <v>89</v>
      </c>
      <c r="N35072" t="s">
        <v>90</v>
      </c>
      <c r="O35072" t="s">
        <v>85</v>
      </c>
      <c r="P35072" t="s">
        <v>86</v>
      </c>
      <c r="Q35072">
        <v>77</v>
      </c>
      <c r="R35072">
        <v>78</v>
      </c>
      <c r="S35072">
        <v>80</v>
      </c>
      <c r="T35072">
        <v>81</v>
      </c>
      <c r="U35072">
        <v>83</v>
      </c>
      <c r="V35072">
        <v>84</v>
      </c>
      <c r="W35072">
        <v>85</v>
      </c>
      <c r="X35072">
        <v>87</v>
      </c>
      <c r="Y35072">
        <v>88</v>
      </c>
      <c r="Z35072">
        <v>89</v>
      </c>
      <c r="AA35072">
        <v>90</v>
      </c>
      <c r="AB35072">
        <v>91</v>
      </c>
      <c r="AC35072">
        <v>93</v>
      </c>
      <c r="AD35072">
        <v>94</v>
      </c>
      <c r="AE35072">
        <v>94</v>
      </c>
      <c r="AF35072">
        <v>94</v>
      </c>
      <c r="AG35072">
        <v>95</v>
      </c>
      <c r="AH35072">
        <v>95</v>
      </c>
      <c r="AI35072">
        <v>95</v>
      </c>
      <c r="AJ35072">
        <v>95</v>
      </c>
      <c r="AK35072">
        <v>95</v>
      </c>
      <c r="AL35072">
        <v>95</v>
      </c>
      <c r="AM35072">
        <v>95</v>
      </c>
      <c r="AN35072">
        <v>95</v>
      </c>
      <c r="AO35072">
        <v>95</v>
      </c>
      <c r="AP35072">
        <v>95</v>
      </c>
      <c r="AQ35072">
        <v>96</v>
      </c>
    </row>
    <row r="35073" spans="1:43">
      <c r="A35073" t="s">
        <v>21739</v>
      </c>
      <c r="B35073" t="s">
        <v>21740</v>
      </c>
      <c r="C35073" t="s">
        <v>21703</v>
      </c>
      <c r="D35073" t="s">
        <v>21704</v>
      </c>
      <c r="E35073" t="s">
        <v>21687</v>
      </c>
      <c r="F35073" t="s">
        <v>21688</v>
      </c>
      <c r="G35073" t="s">
        <v>20255</v>
      </c>
      <c r="H35073" t="s">
        <v>20256</v>
      </c>
      <c r="I35073" s="2">
        <v>1</v>
      </c>
      <c r="J35073" s="2">
        <v>0</v>
      </c>
      <c r="K35073" s="2">
        <v>0</v>
      </c>
      <c r="L35073" t="s">
        <v>120</v>
      </c>
      <c r="M35073" t="s">
        <v>83</v>
      </c>
      <c r="N35073" t="s">
        <v>91</v>
      </c>
      <c r="O35073" t="s">
        <v>85</v>
      </c>
      <c r="P35073" t="s">
        <v>86</v>
      </c>
      <c r="Q35073">
        <v>77</v>
      </c>
      <c r="R35073">
        <v>78</v>
      </c>
      <c r="S35073">
        <v>79</v>
      </c>
      <c r="T35073">
        <v>80</v>
      </c>
      <c r="U35073">
        <v>81</v>
      </c>
      <c r="V35073">
        <v>81</v>
      </c>
      <c r="W35073">
        <v>82</v>
      </c>
      <c r="X35073">
        <v>83</v>
      </c>
      <c r="Y35073">
        <v>84</v>
      </c>
      <c r="Z35073">
        <v>85</v>
      </c>
      <c r="AA35073">
        <v>86</v>
      </c>
      <c r="AB35073">
        <v>86</v>
      </c>
      <c r="AC35073">
        <v>87</v>
      </c>
      <c r="AD35073">
        <v>88</v>
      </c>
      <c r="AE35073">
        <v>89</v>
      </c>
      <c r="AF35073">
        <v>90</v>
      </c>
      <c r="AG35073">
        <v>91</v>
      </c>
      <c r="AH35073">
        <v>91</v>
      </c>
      <c r="AI35073">
        <v>92</v>
      </c>
      <c r="AJ35073">
        <v>93</v>
      </c>
      <c r="AK35073">
        <v>94</v>
      </c>
      <c r="AL35073">
        <v>94</v>
      </c>
      <c r="AM35073">
        <v>95</v>
      </c>
      <c r="AN35073">
        <v>95</v>
      </c>
      <c r="AO35073">
        <v>95</v>
      </c>
      <c r="AP35073">
        <v>95</v>
      </c>
      <c r="AQ35073">
        <v>95</v>
      </c>
    </row>
    <row r="35074" spans="1:43">
      <c r="A35074" t="s">
        <v>21741</v>
      </c>
      <c r="B35074" t="s">
        <v>21742</v>
      </c>
      <c r="C35074" t="s">
        <v>21703</v>
      </c>
      <c r="D35074" t="s">
        <v>21704</v>
      </c>
      <c r="E35074" t="s">
        <v>21687</v>
      </c>
      <c r="F35074" t="s">
        <v>21688</v>
      </c>
      <c r="G35074" t="s">
        <v>20255</v>
      </c>
      <c r="H35074" t="s">
        <v>20256</v>
      </c>
      <c r="I35074" s="2">
        <v>1</v>
      </c>
      <c r="J35074" s="2">
        <v>0</v>
      </c>
      <c r="K35074" s="2">
        <v>0</v>
      </c>
      <c r="L35074" t="s">
        <v>120</v>
      </c>
      <c r="M35074" t="s">
        <v>83</v>
      </c>
      <c r="N35074" t="s">
        <v>84</v>
      </c>
      <c r="O35074" t="s">
        <v>85</v>
      </c>
      <c r="P35074" t="s">
        <v>86</v>
      </c>
      <c r="Q35074">
        <v>23</v>
      </c>
      <c r="R35074">
        <v>23</v>
      </c>
      <c r="S35074">
        <v>23</v>
      </c>
      <c r="T35074">
        <v>23</v>
      </c>
      <c r="U35074">
        <v>24</v>
      </c>
      <c r="V35074">
        <v>24</v>
      </c>
      <c r="W35074">
        <v>24</v>
      </c>
      <c r="X35074">
        <v>24</v>
      </c>
      <c r="Y35074">
        <v>25</v>
      </c>
      <c r="Z35074">
        <v>25</v>
      </c>
      <c r="AA35074">
        <v>25</v>
      </c>
      <c r="AB35074">
        <v>25</v>
      </c>
      <c r="AC35074">
        <v>26</v>
      </c>
      <c r="AD35074">
        <v>26</v>
      </c>
      <c r="AE35074">
        <v>26</v>
      </c>
      <c r="AF35074">
        <v>26</v>
      </c>
      <c r="AG35074">
        <v>27</v>
      </c>
      <c r="AH35074">
        <v>27</v>
      </c>
      <c r="AI35074">
        <v>27</v>
      </c>
      <c r="AJ35074">
        <v>27</v>
      </c>
      <c r="AK35074">
        <v>28</v>
      </c>
      <c r="AL35074">
        <v>28</v>
      </c>
      <c r="AM35074">
        <v>28</v>
      </c>
      <c r="AN35074">
        <v>28</v>
      </c>
      <c r="AO35074">
        <v>28</v>
      </c>
      <c r="AP35074">
        <v>28</v>
      </c>
      <c r="AQ35074">
        <v>28</v>
      </c>
    </row>
    <row r="35075" spans="1:43">
      <c r="A35075" t="s">
        <v>21741</v>
      </c>
      <c r="B35075" t="s">
        <v>21742</v>
      </c>
      <c r="C35075" t="s">
        <v>21703</v>
      </c>
      <c r="D35075" t="s">
        <v>21704</v>
      </c>
      <c r="E35075" t="s">
        <v>21687</v>
      </c>
      <c r="F35075" t="s">
        <v>21688</v>
      </c>
      <c r="G35075" t="s">
        <v>20255</v>
      </c>
      <c r="H35075" t="s">
        <v>20256</v>
      </c>
      <c r="I35075" s="2">
        <v>1</v>
      </c>
      <c r="J35075" s="2">
        <v>0</v>
      </c>
      <c r="K35075" s="2">
        <v>0</v>
      </c>
      <c r="L35075" t="s">
        <v>120</v>
      </c>
      <c r="M35075" t="s">
        <v>87</v>
      </c>
      <c r="N35075" t="s">
        <v>88</v>
      </c>
      <c r="O35075" t="s">
        <v>85</v>
      </c>
      <c r="P35075" t="s">
        <v>86</v>
      </c>
      <c r="Q35075">
        <v>23</v>
      </c>
      <c r="R35075">
        <v>23</v>
      </c>
      <c r="S35075">
        <v>24</v>
      </c>
      <c r="T35075">
        <v>24</v>
      </c>
      <c r="U35075">
        <v>24</v>
      </c>
      <c r="V35075">
        <v>24</v>
      </c>
      <c r="W35075">
        <v>24</v>
      </c>
      <c r="X35075">
        <v>24</v>
      </c>
      <c r="Y35075">
        <v>24</v>
      </c>
      <c r="Z35075">
        <v>24</v>
      </c>
      <c r="AA35075">
        <v>24</v>
      </c>
      <c r="AB35075">
        <v>24</v>
      </c>
      <c r="AC35075">
        <v>24</v>
      </c>
      <c r="AD35075">
        <v>24</v>
      </c>
      <c r="AE35075">
        <v>24</v>
      </c>
      <c r="AF35075">
        <v>24</v>
      </c>
      <c r="AG35075">
        <v>24</v>
      </c>
      <c r="AH35075">
        <v>24</v>
      </c>
      <c r="AI35075">
        <v>24</v>
      </c>
      <c r="AJ35075">
        <v>25</v>
      </c>
      <c r="AK35075">
        <v>25</v>
      </c>
      <c r="AL35075">
        <v>25</v>
      </c>
      <c r="AM35075">
        <v>25</v>
      </c>
      <c r="AN35075">
        <v>25</v>
      </c>
      <c r="AO35075">
        <v>25</v>
      </c>
      <c r="AP35075">
        <v>25</v>
      </c>
      <c r="AQ35075">
        <v>25</v>
      </c>
    </row>
    <row r="35076" spans="1:43">
      <c r="A35076" t="s">
        <v>21741</v>
      </c>
      <c r="B35076" t="s">
        <v>21742</v>
      </c>
      <c r="C35076" t="s">
        <v>21703</v>
      </c>
      <c r="D35076" t="s">
        <v>21704</v>
      </c>
      <c r="E35076" t="s">
        <v>21687</v>
      </c>
      <c r="F35076" t="s">
        <v>21688</v>
      </c>
      <c r="G35076" t="s">
        <v>20255</v>
      </c>
      <c r="H35076" t="s">
        <v>20256</v>
      </c>
      <c r="I35076" s="2">
        <v>1</v>
      </c>
      <c r="J35076" s="2">
        <v>0</v>
      </c>
      <c r="K35076" s="2">
        <v>0</v>
      </c>
      <c r="L35076" t="s">
        <v>120</v>
      </c>
      <c r="M35076" t="s">
        <v>89</v>
      </c>
      <c r="N35076" t="s">
        <v>90</v>
      </c>
      <c r="O35076" t="s">
        <v>85</v>
      </c>
      <c r="P35076" t="s">
        <v>86</v>
      </c>
      <c r="Q35076">
        <v>23</v>
      </c>
      <c r="R35076">
        <v>23</v>
      </c>
      <c r="S35076">
        <v>24</v>
      </c>
      <c r="T35076">
        <v>24</v>
      </c>
      <c r="U35076">
        <v>25</v>
      </c>
      <c r="V35076">
        <v>25</v>
      </c>
      <c r="W35076">
        <v>25</v>
      </c>
      <c r="X35076">
        <v>26</v>
      </c>
      <c r="Y35076">
        <v>26</v>
      </c>
      <c r="Z35076">
        <v>26</v>
      </c>
      <c r="AA35076">
        <v>27</v>
      </c>
      <c r="AB35076">
        <v>27</v>
      </c>
      <c r="AC35076">
        <v>28</v>
      </c>
      <c r="AD35076">
        <v>28</v>
      </c>
      <c r="AE35076">
        <v>28</v>
      </c>
      <c r="AF35076">
        <v>28</v>
      </c>
      <c r="AG35076">
        <v>28</v>
      </c>
      <c r="AH35076">
        <v>28</v>
      </c>
      <c r="AI35076">
        <v>28</v>
      </c>
      <c r="AJ35076">
        <v>28</v>
      </c>
      <c r="AK35076">
        <v>28</v>
      </c>
      <c r="AL35076">
        <v>28</v>
      </c>
      <c r="AM35076">
        <v>28</v>
      </c>
      <c r="AN35076">
        <v>28</v>
      </c>
      <c r="AO35076">
        <v>28</v>
      </c>
      <c r="AP35076">
        <v>28</v>
      </c>
      <c r="AQ35076">
        <v>28</v>
      </c>
    </row>
    <row r="35077" spans="1:43">
      <c r="A35077" t="s">
        <v>21741</v>
      </c>
      <c r="B35077" t="s">
        <v>21742</v>
      </c>
      <c r="C35077" t="s">
        <v>21703</v>
      </c>
      <c r="D35077" t="s">
        <v>21704</v>
      </c>
      <c r="E35077" t="s">
        <v>21687</v>
      </c>
      <c r="F35077" t="s">
        <v>21688</v>
      </c>
      <c r="G35077" t="s">
        <v>20255</v>
      </c>
      <c r="H35077" t="s">
        <v>20256</v>
      </c>
      <c r="I35077" s="2">
        <v>1</v>
      </c>
      <c r="J35077" s="2">
        <v>0</v>
      </c>
      <c r="K35077" s="2">
        <v>0</v>
      </c>
      <c r="L35077" t="s">
        <v>120</v>
      </c>
      <c r="M35077" t="s">
        <v>83</v>
      </c>
      <c r="N35077" t="s">
        <v>91</v>
      </c>
      <c r="O35077" t="s">
        <v>85</v>
      </c>
      <c r="P35077" t="s">
        <v>86</v>
      </c>
      <c r="Q35077">
        <v>23</v>
      </c>
      <c r="R35077">
        <v>23</v>
      </c>
      <c r="S35077">
        <v>23</v>
      </c>
      <c r="T35077">
        <v>23</v>
      </c>
      <c r="U35077">
        <v>24</v>
      </c>
      <c r="V35077">
        <v>24</v>
      </c>
      <c r="W35077">
        <v>24</v>
      </c>
      <c r="X35077">
        <v>24</v>
      </c>
      <c r="Y35077">
        <v>25</v>
      </c>
      <c r="Z35077">
        <v>25</v>
      </c>
      <c r="AA35077">
        <v>25</v>
      </c>
      <c r="AB35077">
        <v>25</v>
      </c>
      <c r="AC35077">
        <v>26</v>
      </c>
      <c r="AD35077">
        <v>26</v>
      </c>
      <c r="AE35077">
        <v>26</v>
      </c>
      <c r="AF35077">
        <v>26</v>
      </c>
      <c r="AG35077">
        <v>27</v>
      </c>
      <c r="AH35077">
        <v>27</v>
      </c>
      <c r="AI35077">
        <v>27</v>
      </c>
      <c r="AJ35077">
        <v>27</v>
      </c>
      <c r="AK35077">
        <v>28</v>
      </c>
      <c r="AL35077">
        <v>28</v>
      </c>
      <c r="AM35077">
        <v>28</v>
      </c>
      <c r="AN35077">
        <v>28</v>
      </c>
      <c r="AO35077">
        <v>28</v>
      </c>
      <c r="AP35077">
        <v>28</v>
      </c>
      <c r="AQ35077">
        <v>28</v>
      </c>
    </row>
    <row r="35078" spans="1:43">
      <c r="A35078" t="s">
        <v>21743</v>
      </c>
      <c r="B35078" t="s">
        <v>21744</v>
      </c>
      <c r="C35078" t="s">
        <v>21703</v>
      </c>
      <c r="D35078" t="s">
        <v>21704</v>
      </c>
      <c r="E35078" t="s">
        <v>21687</v>
      </c>
      <c r="F35078" t="s">
        <v>21688</v>
      </c>
      <c r="G35078" t="s">
        <v>20255</v>
      </c>
      <c r="H35078" t="s">
        <v>20256</v>
      </c>
      <c r="I35078" s="2">
        <v>1</v>
      </c>
      <c r="J35078" s="2">
        <v>0</v>
      </c>
      <c r="K35078" s="2">
        <v>0</v>
      </c>
      <c r="L35078" t="s">
        <v>120</v>
      </c>
      <c r="M35078" t="s">
        <v>83</v>
      </c>
      <c r="N35078" t="s">
        <v>84</v>
      </c>
      <c r="O35078" t="s">
        <v>85</v>
      </c>
      <c r="P35078" t="s">
        <v>86</v>
      </c>
      <c r="Q35078">
        <v>13</v>
      </c>
      <c r="R35078">
        <v>13</v>
      </c>
      <c r="S35078">
        <v>14</v>
      </c>
      <c r="T35078">
        <v>14</v>
      </c>
      <c r="U35078">
        <v>14</v>
      </c>
      <c r="V35078">
        <v>14</v>
      </c>
      <c r="W35078">
        <v>14</v>
      </c>
      <c r="X35078">
        <v>14</v>
      </c>
      <c r="Y35078">
        <v>14</v>
      </c>
      <c r="Z35078">
        <v>15</v>
      </c>
      <c r="AA35078">
        <v>15</v>
      </c>
      <c r="AB35078">
        <v>15</v>
      </c>
      <c r="AC35078">
        <v>15</v>
      </c>
      <c r="AD35078">
        <v>15</v>
      </c>
      <c r="AE35078">
        <v>15</v>
      </c>
      <c r="AF35078">
        <v>15</v>
      </c>
      <c r="AG35078">
        <v>16</v>
      </c>
      <c r="AH35078">
        <v>16</v>
      </c>
      <c r="AI35078">
        <v>16</v>
      </c>
      <c r="AJ35078">
        <v>16</v>
      </c>
      <c r="AK35078">
        <v>16</v>
      </c>
      <c r="AL35078">
        <v>16</v>
      </c>
      <c r="AM35078">
        <v>16</v>
      </c>
      <c r="AN35078">
        <v>16</v>
      </c>
      <c r="AO35078">
        <v>16</v>
      </c>
      <c r="AP35078">
        <v>16</v>
      </c>
      <c r="AQ35078">
        <v>16</v>
      </c>
    </row>
    <row r="35079" spans="1:43">
      <c r="A35079" t="s">
        <v>21743</v>
      </c>
      <c r="B35079" t="s">
        <v>21744</v>
      </c>
      <c r="C35079" t="s">
        <v>21703</v>
      </c>
      <c r="D35079" t="s">
        <v>21704</v>
      </c>
      <c r="E35079" t="s">
        <v>21687</v>
      </c>
      <c r="F35079" t="s">
        <v>21688</v>
      </c>
      <c r="G35079" t="s">
        <v>20255</v>
      </c>
      <c r="H35079" t="s">
        <v>20256</v>
      </c>
      <c r="I35079" s="2">
        <v>1</v>
      </c>
      <c r="J35079" s="2">
        <v>0</v>
      </c>
      <c r="K35079" s="2">
        <v>0</v>
      </c>
      <c r="L35079" t="s">
        <v>120</v>
      </c>
      <c r="M35079" t="s">
        <v>87</v>
      </c>
      <c r="N35079" t="s">
        <v>88</v>
      </c>
      <c r="O35079" t="s">
        <v>85</v>
      </c>
      <c r="P35079" t="s">
        <v>86</v>
      </c>
      <c r="Q35079">
        <v>13</v>
      </c>
      <c r="R35079">
        <v>13</v>
      </c>
      <c r="S35079">
        <v>13</v>
      </c>
      <c r="T35079">
        <v>13</v>
      </c>
      <c r="U35079">
        <v>13</v>
      </c>
      <c r="V35079">
        <v>13</v>
      </c>
      <c r="W35079">
        <v>13</v>
      </c>
      <c r="X35079">
        <v>13</v>
      </c>
      <c r="Y35079">
        <v>13</v>
      </c>
      <c r="Z35079">
        <v>13</v>
      </c>
      <c r="AA35079">
        <v>13</v>
      </c>
      <c r="AB35079">
        <v>13</v>
      </c>
      <c r="AC35079">
        <v>13</v>
      </c>
      <c r="AD35079">
        <v>13</v>
      </c>
      <c r="AE35079">
        <v>14</v>
      </c>
      <c r="AF35079">
        <v>14</v>
      </c>
      <c r="AG35079">
        <v>14</v>
      </c>
      <c r="AH35079">
        <v>14</v>
      </c>
      <c r="AI35079">
        <v>14</v>
      </c>
      <c r="AJ35079">
        <v>14</v>
      </c>
      <c r="AK35079">
        <v>14</v>
      </c>
      <c r="AL35079">
        <v>14</v>
      </c>
      <c r="AM35079">
        <v>14</v>
      </c>
      <c r="AN35079">
        <v>14</v>
      </c>
      <c r="AO35079">
        <v>14</v>
      </c>
      <c r="AP35079">
        <v>14</v>
      </c>
      <c r="AQ35079">
        <v>14</v>
      </c>
    </row>
    <row r="35080" spans="1:43">
      <c r="A35080" t="s">
        <v>21743</v>
      </c>
      <c r="B35080" t="s">
        <v>21744</v>
      </c>
      <c r="C35080" t="s">
        <v>21703</v>
      </c>
      <c r="D35080" t="s">
        <v>21704</v>
      </c>
      <c r="E35080" t="s">
        <v>21687</v>
      </c>
      <c r="F35080" t="s">
        <v>21688</v>
      </c>
      <c r="G35080" t="s">
        <v>20255</v>
      </c>
      <c r="H35080" t="s">
        <v>20256</v>
      </c>
      <c r="I35080" s="2">
        <v>1</v>
      </c>
      <c r="J35080" s="2">
        <v>0</v>
      </c>
      <c r="K35080" s="2">
        <v>0</v>
      </c>
      <c r="L35080" t="s">
        <v>120</v>
      </c>
      <c r="M35080" t="s">
        <v>89</v>
      </c>
      <c r="N35080" t="s">
        <v>90</v>
      </c>
      <c r="O35080" t="s">
        <v>85</v>
      </c>
      <c r="P35080" t="s">
        <v>86</v>
      </c>
      <c r="Q35080">
        <v>13</v>
      </c>
      <c r="R35080">
        <v>14</v>
      </c>
      <c r="S35080">
        <v>14</v>
      </c>
      <c r="T35080">
        <v>14</v>
      </c>
      <c r="U35080">
        <v>14</v>
      </c>
      <c r="V35080">
        <v>15</v>
      </c>
      <c r="W35080">
        <v>15</v>
      </c>
      <c r="X35080">
        <v>15</v>
      </c>
      <c r="Y35080">
        <v>15</v>
      </c>
      <c r="Z35080">
        <v>15</v>
      </c>
      <c r="AA35080">
        <v>16</v>
      </c>
      <c r="AB35080">
        <v>16</v>
      </c>
      <c r="AC35080">
        <v>16</v>
      </c>
      <c r="AD35080">
        <v>16</v>
      </c>
      <c r="AE35080">
        <v>16</v>
      </c>
      <c r="AF35080">
        <v>16</v>
      </c>
      <c r="AG35080">
        <v>16</v>
      </c>
      <c r="AH35080">
        <v>16</v>
      </c>
      <c r="AI35080">
        <v>16</v>
      </c>
      <c r="AJ35080">
        <v>16</v>
      </c>
      <c r="AK35080">
        <v>16</v>
      </c>
      <c r="AL35080">
        <v>16</v>
      </c>
      <c r="AM35080">
        <v>16</v>
      </c>
      <c r="AN35080">
        <v>16</v>
      </c>
      <c r="AO35080">
        <v>16</v>
      </c>
      <c r="AP35080">
        <v>16</v>
      </c>
      <c r="AQ35080">
        <v>17</v>
      </c>
    </row>
    <row r="35081" spans="1:43">
      <c r="A35081" t="s">
        <v>21743</v>
      </c>
      <c r="B35081" t="s">
        <v>21744</v>
      </c>
      <c r="C35081" t="s">
        <v>21703</v>
      </c>
      <c r="D35081" t="s">
        <v>21704</v>
      </c>
      <c r="E35081" t="s">
        <v>21687</v>
      </c>
      <c r="F35081" t="s">
        <v>21688</v>
      </c>
      <c r="G35081" t="s">
        <v>20255</v>
      </c>
      <c r="H35081" t="s">
        <v>20256</v>
      </c>
      <c r="I35081" s="2">
        <v>1</v>
      </c>
      <c r="J35081" s="2">
        <v>0</v>
      </c>
      <c r="K35081" s="2">
        <v>0</v>
      </c>
      <c r="L35081" t="s">
        <v>120</v>
      </c>
      <c r="M35081" t="s">
        <v>83</v>
      </c>
      <c r="N35081" t="s">
        <v>91</v>
      </c>
      <c r="O35081" t="s">
        <v>85</v>
      </c>
      <c r="P35081" t="s">
        <v>86</v>
      </c>
      <c r="Q35081">
        <v>13</v>
      </c>
      <c r="R35081">
        <v>13</v>
      </c>
      <c r="S35081">
        <v>14</v>
      </c>
      <c r="T35081">
        <v>14</v>
      </c>
      <c r="U35081">
        <v>14</v>
      </c>
      <c r="V35081">
        <v>14</v>
      </c>
      <c r="W35081">
        <v>14</v>
      </c>
      <c r="X35081">
        <v>14</v>
      </c>
      <c r="Y35081">
        <v>14</v>
      </c>
      <c r="Z35081">
        <v>15</v>
      </c>
      <c r="AA35081">
        <v>15</v>
      </c>
      <c r="AB35081">
        <v>15</v>
      </c>
      <c r="AC35081">
        <v>15</v>
      </c>
      <c r="AD35081">
        <v>15</v>
      </c>
      <c r="AE35081">
        <v>15</v>
      </c>
      <c r="AF35081">
        <v>15</v>
      </c>
      <c r="AG35081">
        <v>16</v>
      </c>
      <c r="AH35081">
        <v>16</v>
      </c>
      <c r="AI35081">
        <v>16</v>
      </c>
      <c r="AJ35081">
        <v>16</v>
      </c>
      <c r="AK35081">
        <v>16</v>
      </c>
      <c r="AL35081">
        <v>16</v>
      </c>
      <c r="AM35081">
        <v>16</v>
      </c>
      <c r="AN35081">
        <v>16</v>
      </c>
      <c r="AO35081">
        <v>16</v>
      </c>
      <c r="AP35081">
        <v>16</v>
      </c>
      <c r="AQ35081">
        <v>16</v>
      </c>
    </row>
    <row r="35082" spans="1:43">
      <c r="A35082" t="s">
        <v>21745</v>
      </c>
      <c r="B35082" t="s">
        <v>21746</v>
      </c>
      <c r="C35082" t="s">
        <v>21715</v>
      </c>
      <c r="D35082" t="s">
        <v>21716</v>
      </c>
      <c r="E35082" t="s">
        <v>21687</v>
      </c>
      <c r="F35082" t="s">
        <v>21688</v>
      </c>
      <c r="G35082" t="s">
        <v>20255</v>
      </c>
      <c r="H35082" t="s">
        <v>20256</v>
      </c>
      <c r="I35082" s="2">
        <v>1</v>
      </c>
      <c r="J35082" s="2">
        <v>0</v>
      </c>
      <c r="K35082" s="2">
        <v>0</v>
      </c>
      <c r="L35082" t="s">
        <v>120</v>
      </c>
      <c r="M35082" t="s">
        <v>83</v>
      </c>
      <c r="N35082" t="s">
        <v>84</v>
      </c>
      <c r="O35082" t="s">
        <v>85</v>
      </c>
      <c r="P35082" t="s">
        <v>86</v>
      </c>
      <c r="Q35082">
        <v>52</v>
      </c>
      <c r="R35082">
        <v>52</v>
      </c>
      <c r="S35082">
        <v>53</v>
      </c>
      <c r="T35082">
        <v>54</v>
      </c>
      <c r="U35082">
        <v>54</v>
      </c>
      <c r="V35082">
        <v>55</v>
      </c>
      <c r="W35082">
        <v>56</v>
      </c>
      <c r="X35082">
        <v>56</v>
      </c>
      <c r="Y35082">
        <v>57</v>
      </c>
      <c r="Z35082">
        <v>57</v>
      </c>
      <c r="AA35082">
        <v>58</v>
      </c>
      <c r="AB35082">
        <v>58</v>
      </c>
      <c r="AC35082">
        <v>59</v>
      </c>
      <c r="AD35082">
        <v>60</v>
      </c>
      <c r="AE35082">
        <v>60</v>
      </c>
      <c r="AF35082">
        <v>61</v>
      </c>
      <c r="AG35082">
        <v>61</v>
      </c>
      <c r="AH35082">
        <v>62</v>
      </c>
      <c r="AI35082">
        <v>63</v>
      </c>
      <c r="AJ35082">
        <v>63</v>
      </c>
      <c r="AK35082">
        <v>64</v>
      </c>
      <c r="AL35082">
        <v>64</v>
      </c>
      <c r="AM35082">
        <v>64</v>
      </c>
      <c r="AN35082">
        <v>64</v>
      </c>
      <c r="AO35082">
        <v>65</v>
      </c>
      <c r="AP35082">
        <v>65</v>
      </c>
      <c r="AQ35082">
        <v>65</v>
      </c>
    </row>
    <row r="35083" spans="1:43">
      <c r="A35083" t="s">
        <v>21745</v>
      </c>
      <c r="B35083" t="s">
        <v>21746</v>
      </c>
      <c r="C35083" t="s">
        <v>21715</v>
      </c>
      <c r="D35083" t="s">
        <v>21716</v>
      </c>
      <c r="E35083" t="s">
        <v>21687</v>
      </c>
      <c r="F35083" t="s">
        <v>21688</v>
      </c>
      <c r="G35083" t="s">
        <v>20255</v>
      </c>
      <c r="H35083" t="s">
        <v>20256</v>
      </c>
      <c r="I35083" s="2">
        <v>1</v>
      </c>
      <c r="J35083" s="2">
        <v>0</v>
      </c>
      <c r="K35083" s="2">
        <v>0</v>
      </c>
      <c r="L35083" t="s">
        <v>120</v>
      </c>
      <c r="M35083" t="s">
        <v>87</v>
      </c>
      <c r="N35083" t="s">
        <v>88</v>
      </c>
      <c r="O35083" t="s">
        <v>85</v>
      </c>
      <c r="P35083" t="s">
        <v>86</v>
      </c>
      <c r="Q35083">
        <v>52</v>
      </c>
      <c r="R35083">
        <v>53</v>
      </c>
      <c r="S35083">
        <v>53</v>
      </c>
      <c r="T35083">
        <v>53</v>
      </c>
      <c r="U35083">
        <v>53</v>
      </c>
      <c r="V35083">
        <v>53</v>
      </c>
      <c r="W35083">
        <v>53</v>
      </c>
      <c r="X35083">
        <v>53</v>
      </c>
      <c r="Y35083">
        <v>54</v>
      </c>
      <c r="Z35083">
        <v>54</v>
      </c>
      <c r="AA35083">
        <v>54</v>
      </c>
      <c r="AB35083">
        <v>54</v>
      </c>
      <c r="AC35083">
        <v>54</v>
      </c>
      <c r="AD35083">
        <v>54</v>
      </c>
      <c r="AE35083">
        <v>54</v>
      </c>
      <c r="AF35083">
        <v>55</v>
      </c>
      <c r="AG35083">
        <v>55</v>
      </c>
      <c r="AH35083">
        <v>55</v>
      </c>
      <c r="AI35083">
        <v>55</v>
      </c>
      <c r="AJ35083">
        <v>55</v>
      </c>
      <c r="AK35083">
        <v>56</v>
      </c>
      <c r="AL35083">
        <v>56</v>
      </c>
      <c r="AM35083">
        <v>56</v>
      </c>
      <c r="AN35083">
        <v>56</v>
      </c>
      <c r="AO35083">
        <v>57</v>
      </c>
      <c r="AP35083">
        <v>57</v>
      </c>
      <c r="AQ35083">
        <v>57</v>
      </c>
    </row>
    <row r="35084" spans="1:43">
      <c r="A35084" t="s">
        <v>21745</v>
      </c>
      <c r="B35084" t="s">
        <v>21746</v>
      </c>
      <c r="C35084" t="s">
        <v>21715</v>
      </c>
      <c r="D35084" t="s">
        <v>21716</v>
      </c>
      <c r="E35084" t="s">
        <v>21687</v>
      </c>
      <c r="F35084" t="s">
        <v>21688</v>
      </c>
      <c r="G35084" t="s">
        <v>20255</v>
      </c>
      <c r="H35084" t="s">
        <v>20256</v>
      </c>
      <c r="I35084" s="2">
        <v>1</v>
      </c>
      <c r="J35084" s="2">
        <v>0</v>
      </c>
      <c r="K35084" s="2">
        <v>0</v>
      </c>
      <c r="L35084" t="s">
        <v>120</v>
      </c>
      <c r="M35084" t="s">
        <v>89</v>
      </c>
      <c r="N35084" t="s">
        <v>90</v>
      </c>
      <c r="O35084" t="s">
        <v>85</v>
      </c>
      <c r="P35084" t="s">
        <v>86</v>
      </c>
      <c r="Q35084">
        <v>52</v>
      </c>
      <c r="R35084">
        <v>53</v>
      </c>
      <c r="S35084">
        <v>54</v>
      </c>
      <c r="T35084">
        <v>56</v>
      </c>
      <c r="U35084">
        <v>57</v>
      </c>
      <c r="V35084">
        <v>57</v>
      </c>
      <c r="W35084">
        <v>58</v>
      </c>
      <c r="X35084">
        <v>59</v>
      </c>
      <c r="Y35084">
        <v>60</v>
      </c>
      <c r="Z35084">
        <v>61</v>
      </c>
      <c r="AA35084">
        <v>62</v>
      </c>
      <c r="AB35084">
        <v>62</v>
      </c>
      <c r="AC35084">
        <v>63</v>
      </c>
      <c r="AD35084">
        <v>64</v>
      </c>
      <c r="AE35084">
        <v>65</v>
      </c>
      <c r="AF35084">
        <v>65</v>
      </c>
      <c r="AG35084">
        <v>65</v>
      </c>
      <c r="AH35084">
        <v>65</v>
      </c>
      <c r="AI35084">
        <v>65</v>
      </c>
      <c r="AJ35084">
        <v>65</v>
      </c>
      <c r="AK35084">
        <v>65</v>
      </c>
      <c r="AL35084">
        <v>65</v>
      </c>
      <c r="AM35084">
        <v>65</v>
      </c>
      <c r="AN35084">
        <v>66</v>
      </c>
      <c r="AO35084">
        <v>66</v>
      </c>
      <c r="AP35084">
        <v>66</v>
      </c>
      <c r="AQ35084">
        <v>66</v>
      </c>
    </row>
    <row r="35085" spans="1:43">
      <c r="A35085" t="s">
        <v>21745</v>
      </c>
      <c r="B35085" t="s">
        <v>21746</v>
      </c>
      <c r="C35085" t="s">
        <v>21715</v>
      </c>
      <c r="D35085" t="s">
        <v>21716</v>
      </c>
      <c r="E35085" t="s">
        <v>21687</v>
      </c>
      <c r="F35085" t="s">
        <v>21688</v>
      </c>
      <c r="G35085" t="s">
        <v>20255</v>
      </c>
      <c r="H35085" t="s">
        <v>20256</v>
      </c>
      <c r="I35085" s="2">
        <v>1</v>
      </c>
      <c r="J35085" s="2">
        <v>0</v>
      </c>
      <c r="K35085" s="2">
        <v>0</v>
      </c>
      <c r="L35085" t="s">
        <v>120</v>
      </c>
      <c r="M35085" t="s">
        <v>83</v>
      </c>
      <c r="N35085" t="s">
        <v>91</v>
      </c>
      <c r="O35085" t="s">
        <v>85</v>
      </c>
      <c r="P35085" t="s">
        <v>86</v>
      </c>
      <c r="Q35085">
        <v>52</v>
      </c>
      <c r="R35085">
        <v>52</v>
      </c>
      <c r="S35085">
        <v>53</v>
      </c>
      <c r="T35085">
        <v>54</v>
      </c>
      <c r="U35085">
        <v>54</v>
      </c>
      <c r="V35085">
        <v>55</v>
      </c>
      <c r="W35085">
        <v>56</v>
      </c>
      <c r="X35085">
        <v>56</v>
      </c>
      <c r="Y35085">
        <v>57</v>
      </c>
      <c r="Z35085">
        <v>57</v>
      </c>
      <c r="AA35085">
        <v>58</v>
      </c>
      <c r="AB35085">
        <v>58</v>
      </c>
      <c r="AC35085">
        <v>59</v>
      </c>
      <c r="AD35085">
        <v>60</v>
      </c>
      <c r="AE35085">
        <v>60</v>
      </c>
      <c r="AF35085">
        <v>61</v>
      </c>
      <c r="AG35085">
        <v>61</v>
      </c>
      <c r="AH35085">
        <v>62</v>
      </c>
      <c r="AI35085">
        <v>63</v>
      </c>
      <c r="AJ35085">
        <v>63</v>
      </c>
      <c r="AK35085">
        <v>64</v>
      </c>
      <c r="AL35085">
        <v>64</v>
      </c>
      <c r="AM35085">
        <v>64</v>
      </c>
      <c r="AN35085">
        <v>64</v>
      </c>
      <c r="AO35085">
        <v>65</v>
      </c>
      <c r="AP35085">
        <v>65</v>
      </c>
      <c r="AQ35085">
        <v>65</v>
      </c>
    </row>
    <row r="35086" spans="1:43">
      <c r="A35086" t="s">
        <v>21747</v>
      </c>
      <c r="B35086" t="s">
        <v>21748</v>
      </c>
      <c r="C35086" t="s">
        <v>21749</v>
      </c>
      <c r="D35086" t="s">
        <v>21750</v>
      </c>
      <c r="E35086" t="s">
        <v>21751</v>
      </c>
      <c r="F35086" t="s">
        <v>21752</v>
      </c>
      <c r="G35086" t="s">
        <v>20255</v>
      </c>
      <c r="H35086" t="s">
        <v>20256</v>
      </c>
      <c r="I35086" s="2">
        <v>1</v>
      </c>
      <c r="J35086" s="2">
        <v>0</v>
      </c>
      <c r="K35086" s="2">
        <v>0</v>
      </c>
      <c r="L35086" t="s">
        <v>120</v>
      </c>
      <c r="M35086" t="s">
        <v>83</v>
      </c>
      <c r="N35086" t="s">
        <v>84</v>
      </c>
      <c r="O35086" t="s">
        <v>85</v>
      </c>
      <c r="P35086" t="s">
        <v>86</v>
      </c>
      <c r="Q35086">
        <v>21</v>
      </c>
      <c r="R35086">
        <v>22</v>
      </c>
      <c r="S35086">
        <v>22</v>
      </c>
      <c r="T35086">
        <v>22</v>
      </c>
      <c r="U35086">
        <v>23</v>
      </c>
      <c r="V35086">
        <v>23</v>
      </c>
      <c r="W35086">
        <v>24</v>
      </c>
      <c r="X35086">
        <v>24</v>
      </c>
      <c r="Y35086">
        <v>24</v>
      </c>
      <c r="Z35086">
        <v>25</v>
      </c>
      <c r="AA35086">
        <v>25</v>
      </c>
      <c r="AB35086">
        <v>25</v>
      </c>
      <c r="AC35086">
        <v>26</v>
      </c>
      <c r="AD35086">
        <v>26</v>
      </c>
      <c r="AE35086">
        <v>26</v>
      </c>
      <c r="AF35086">
        <v>27</v>
      </c>
      <c r="AG35086">
        <v>27</v>
      </c>
      <c r="AH35086">
        <v>27</v>
      </c>
      <c r="AI35086">
        <v>28</v>
      </c>
      <c r="AJ35086">
        <v>28</v>
      </c>
      <c r="AK35086">
        <v>28</v>
      </c>
      <c r="AL35086">
        <v>29</v>
      </c>
      <c r="AM35086">
        <v>29</v>
      </c>
      <c r="AN35086">
        <v>29</v>
      </c>
      <c r="AO35086">
        <v>29</v>
      </c>
      <c r="AP35086">
        <v>29</v>
      </c>
      <c r="AQ35086">
        <v>29</v>
      </c>
    </row>
    <row r="35087" spans="1:43">
      <c r="A35087" t="s">
        <v>21747</v>
      </c>
      <c r="B35087" t="s">
        <v>21748</v>
      </c>
      <c r="C35087" t="s">
        <v>21749</v>
      </c>
      <c r="D35087" t="s">
        <v>21750</v>
      </c>
      <c r="E35087" t="s">
        <v>21751</v>
      </c>
      <c r="F35087" t="s">
        <v>21752</v>
      </c>
      <c r="G35087" t="s">
        <v>20255</v>
      </c>
      <c r="H35087" t="s">
        <v>20256</v>
      </c>
      <c r="I35087" s="2">
        <v>1</v>
      </c>
      <c r="J35087" s="2">
        <v>0</v>
      </c>
      <c r="K35087" s="2">
        <v>0</v>
      </c>
      <c r="L35087" t="s">
        <v>120</v>
      </c>
      <c r="M35087" t="s">
        <v>87</v>
      </c>
      <c r="N35087" t="s">
        <v>88</v>
      </c>
      <c r="O35087" t="s">
        <v>85</v>
      </c>
      <c r="P35087" t="s">
        <v>86</v>
      </c>
      <c r="Q35087">
        <v>21</v>
      </c>
      <c r="R35087">
        <v>21</v>
      </c>
      <c r="S35087">
        <v>21</v>
      </c>
      <c r="T35087">
        <v>22</v>
      </c>
      <c r="U35087">
        <v>22</v>
      </c>
      <c r="V35087">
        <v>22</v>
      </c>
      <c r="W35087">
        <v>22</v>
      </c>
      <c r="X35087">
        <v>22</v>
      </c>
      <c r="Y35087">
        <v>23</v>
      </c>
      <c r="Z35087">
        <v>23</v>
      </c>
      <c r="AA35087">
        <v>23</v>
      </c>
      <c r="AB35087">
        <v>23</v>
      </c>
      <c r="AC35087">
        <v>23</v>
      </c>
      <c r="AD35087">
        <v>23</v>
      </c>
      <c r="AE35087">
        <v>24</v>
      </c>
      <c r="AF35087">
        <v>24</v>
      </c>
      <c r="AG35087">
        <v>24</v>
      </c>
      <c r="AH35087">
        <v>24</v>
      </c>
      <c r="AI35087">
        <v>24</v>
      </c>
      <c r="AJ35087">
        <v>24</v>
      </c>
      <c r="AK35087">
        <v>25</v>
      </c>
      <c r="AL35087">
        <v>25</v>
      </c>
      <c r="AM35087">
        <v>25</v>
      </c>
      <c r="AN35087">
        <v>25</v>
      </c>
      <c r="AO35087">
        <v>25</v>
      </c>
      <c r="AP35087">
        <v>25</v>
      </c>
      <c r="AQ35087">
        <v>26</v>
      </c>
    </row>
    <row r="35088" spans="1:43">
      <c r="A35088" t="s">
        <v>21747</v>
      </c>
      <c r="B35088" t="s">
        <v>21748</v>
      </c>
      <c r="C35088" t="s">
        <v>21749</v>
      </c>
      <c r="D35088" t="s">
        <v>21750</v>
      </c>
      <c r="E35088" t="s">
        <v>21751</v>
      </c>
      <c r="F35088" t="s">
        <v>21752</v>
      </c>
      <c r="G35088" t="s">
        <v>20255</v>
      </c>
      <c r="H35088" t="s">
        <v>20256</v>
      </c>
      <c r="I35088" s="2">
        <v>1</v>
      </c>
      <c r="J35088" s="2">
        <v>0</v>
      </c>
      <c r="K35088" s="2">
        <v>0</v>
      </c>
      <c r="L35088" t="s">
        <v>120</v>
      </c>
      <c r="M35088" t="s">
        <v>89</v>
      </c>
      <c r="N35088" t="s">
        <v>90</v>
      </c>
      <c r="O35088" t="s">
        <v>85</v>
      </c>
      <c r="P35088" t="s">
        <v>86</v>
      </c>
      <c r="Q35088">
        <v>21</v>
      </c>
      <c r="R35088">
        <v>22</v>
      </c>
      <c r="S35088">
        <v>22</v>
      </c>
      <c r="T35088">
        <v>23</v>
      </c>
      <c r="U35088">
        <v>24</v>
      </c>
      <c r="V35088">
        <v>24</v>
      </c>
      <c r="W35088">
        <v>25</v>
      </c>
      <c r="X35088">
        <v>25</v>
      </c>
      <c r="Y35088">
        <v>26</v>
      </c>
      <c r="Z35088">
        <v>26</v>
      </c>
      <c r="AA35088">
        <v>26</v>
      </c>
      <c r="AB35088">
        <v>27</v>
      </c>
      <c r="AC35088">
        <v>27</v>
      </c>
      <c r="AD35088">
        <v>28</v>
      </c>
      <c r="AE35088">
        <v>28</v>
      </c>
      <c r="AF35088">
        <v>28</v>
      </c>
      <c r="AG35088">
        <v>28</v>
      </c>
      <c r="AH35088">
        <v>28</v>
      </c>
      <c r="AI35088">
        <v>29</v>
      </c>
      <c r="AJ35088">
        <v>29</v>
      </c>
      <c r="AK35088">
        <v>29</v>
      </c>
      <c r="AL35088">
        <v>29</v>
      </c>
      <c r="AM35088">
        <v>29</v>
      </c>
      <c r="AN35088">
        <v>29</v>
      </c>
      <c r="AO35088">
        <v>29</v>
      </c>
      <c r="AP35088">
        <v>29</v>
      </c>
      <c r="AQ35088">
        <v>29</v>
      </c>
    </row>
    <row r="35089" spans="1:43">
      <c r="A35089" t="s">
        <v>21747</v>
      </c>
      <c r="B35089" t="s">
        <v>21748</v>
      </c>
      <c r="C35089" t="s">
        <v>21749</v>
      </c>
      <c r="D35089" t="s">
        <v>21750</v>
      </c>
      <c r="E35089" t="s">
        <v>21751</v>
      </c>
      <c r="F35089" t="s">
        <v>21752</v>
      </c>
      <c r="G35089" t="s">
        <v>20255</v>
      </c>
      <c r="H35089" t="s">
        <v>20256</v>
      </c>
      <c r="I35089" s="2">
        <v>1</v>
      </c>
      <c r="J35089" s="2">
        <v>0</v>
      </c>
      <c r="K35089" s="2">
        <v>0</v>
      </c>
      <c r="L35089" t="s">
        <v>120</v>
      </c>
      <c r="M35089" t="s">
        <v>83</v>
      </c>
      <c r="N35089" t="s">
        <v>91</v>
      </c>
      <c r="O35089" t="s">
        <v>85</v>
      </c>
      <c r="P35089" t="s">
        <v>86</v>
      </c>
      <c r="Q35089">
        <v>21</v>
      </c>
      <c r="R35089">
        <v>22</v>
      </c>
      <c r="S35089">
        <v>22</v>
      </c>
      <c r="T35089">
        <v>22</v>
      </c>
      <c r="U35089">
        <v>23</v>
      </c>
      <c r="V35089">
        <v>23</v>
      </c>
      <c r="W35089">
        <v>24</v>
      </c>
      <c r="X35089">
        <v>24</v>
      </c>
      <c r="Y35089">
        <v>24</v>
      </c>
      <c r="Z35089">
        <v>25</v>
      </c>
      <c r="AA35089">
        <v>25</v>
      </c>
      <c r="AB35089">
        <v>25</v>
      </c>
      <c r="AC35089">
        <v>26</v>
      </c>
      <c r="AD35089">
        <v>26</v>
      </c>
      <c r="AE35089">
        <v>26</v>
      </c>
      <c r="AF35089">
        <v>27</v>
      </c>
      <c r="AG35089">
        <v>27</v>
      </c>
      <c r="AH35089">
        <v>27</v>
      </c>
      <c r="AI35089">
        <v>28</v>
      </c>
      <c r="AJ35089">
        <v>28</v>
      </c>
      <c r="AK35089">
        <v>28</v>
      </c>
      <c r="AL35089">
        <v>29</v>
      </c>
      <c r="AM35089">
        <v>29</v>
      </c>
      <c r="AN35089">
        <v>29</v>
      </c>
      <c r="AO35089">
        <v>29</v>
      </c>
      <c r="AP35089">
        <v>29</v>
      </c>
      <c r="AQ35089">
        <v>29</v>
      </c>
    </row>
    <row r="35090" spans="1:43">
      <c r="A35090" t="s">
        <v>21753</v>
      </c>
      <c r="B35090" t="s">
        <v>21754</v>
      </c>
      <c r="C35090" t="s">
        <v>21749</v>
      </c>
      <c r="D35090" t="s">
        <v>21750</v>
      </c>
      <c r="E35090" t="s">
        <v>21751</v>
      </c>
      <c r="F35090" t="s">
        <v>21752</v>
      </c>
      <c r="G35090" t="s">
        <v>20255</v>
      </c>
      <c r="H35090" t="s">
        <v>20256</v>
      </c>
      <c r="I35090" s="2">
        <v>1</v>
      </c>
      <c r="J35090" s="2">
        <v>0</v>
      </c>
      <c r="K35090" s="2">
        <v>0</v>
      </c>
      <c r="L35090" t="s">
        <v>120</v>
      </c>
      <c r="M35090" t="s">
        <v>83</v>
      </c>
      <c r="N35090" t="s">
        <v>84</v>
      </c>
      <c r="O35090" t="s">
        <v>85</v>
      </c>
      <c r="P35090" t="s">
        <v>86</v>
      </c>
      <c r="Q35090">
        <v>22</v>
      </c>
      <c r="R35090">
        <v>23</v>
      </c>
      <c r="S35090">
        <v>23</v>
      </c>
      <c r="T35090">
        <v>23</v>
      </c>
      <c r="U35090">
        <v>24</v>
      </c>
      <c r="V35090">
        <v>24</v>
      </c>
      <c r="W35090">
        <v>25</v>
      </c>
      <c r="X35090">
        <v>25</v>
      </c>
      <c r="Y35090">
        <v>25</v>
      </c>
      <c r="Z35090">
        <v>26</v>
      </c>
      <c r="AA35090">
        <v>26</v>
      </c>
      <c r="AB35090">
        <v>26</v>
      </c>
      <c r="AC35090">
        <v>27</v>
      </c>
      <c r="AD35090">
        <v>27</v>
      </c>
      <c r="AE35090">
        <v>27</v>
      </c>
      <c r="AF35090">
        <v>27</v>
      </c>
      <c r="AG35090">
        <v>28</v>
      </c>
      <c r="AH35090">
        <v>28</v>
      </c>
      <c r="AI35090">
        <v>28</v>
      </c>
      <c r="AJ35090">
        <v>29</v>
      </c>
      <c r="AK35090">
        <v>29</v>
      </c>
      <c r="AL35090">
        <v>29</v>
      </c>
      <c r="AM35090">
        <v>29</v>
      </c>
      <c r="AN35090">
        <v>29</v>
      </c>
      <c r="AO35090">
        <v>29</v>
      </c>
      <c r="AP35090">
        <v>29</v>
      </c>
      <c r="AQ35090">
        <v>29</v>
      </c>
    </row>
    <row r="35091" spans="1:43">
      <c r="A35091" t="s">
        <v>21753</v>
      </c>
      <c r="B35091" t="s">
        <v>21754</v>
      </c>
      <c r="C35091" t="s">
        <v>21749</v>
      </c>
      <c r="D35091" t="s">
        <v>21750</v>
      </c>
      <c r="E35091" t="s">
        <v>21751</v>
      </c>
      <c r="F35091" t="s">
        <v>21752</v>
      </c>
      <c r="G35091" t="s">
        <v>20255</v>
      </c>
      <c r="H35091" t="s">
        <v>20256</v>
      </c>
      <c r="I35091" s="2">
        <v>1</v>
      </c>
      <c r="J35091" s="2">
        <v>0</v>
      </c>
      <c r="K35091" s="2">
        <v>0</v>
      </c>
      <c r="L35091" t="s">
        <v>120</v>
      </c>
      <c r="M35091" t="s">
        <v>87</v>
      </c>
      <c r="N35091" t="s">
        <v>88</v>
      </c>
      <c r="O35091" t="s">
        <v>85</v>
      </c>
      <c r="P35091" t="s">
        <v>86</v>
      </c>
      <c r="Q35091">
        <v>22</v>
      </c>
      <c r="R35091">
        <v>22</v>
      </c>
      <c r="S35091">
        <v>22</v>
      </c>
      <c r="T35091">
        <v>23</v>
      </c>
      <c r="U35091">
        <v>23</v>
      </c>
      <c r="V35091">
        <v>23</v>
      </c>
      <c r="W35091">
        <v>23</v>
      </c>
      <c r="X35091">
        <v>23</v>
      </c>
      <c r="Y35091">
        <v>23</v>
      </c>
      <c r="Z35091">
        <v>24</v>
      </c>
      <c r="AA35091">
        <v>24</v>
      </c>
      <c r="AB35091">
        <v>24</v>
      </c>
      <c r="AC35091">
        <v>24</v>
      </c>
      <c r="AD35091">
        <v>24</v>
      </c>
      <c r="AE35091">
        <v>24</v>
      </c>
      <c r="AF35091">
        <v>24</v>
      </c>
      <c r="AG35091">
        <v>24</v>
      </c>
      <c r="AH35091">
        <v>24</v>
      </c>
      <c r="AI35091">
        <v>25</v>
      </c>
      <c r="AJ35091">
        <v>25</v>
      </c>
      <c r="AK35091">
        <v>25</v>
      </c>
      <c r="AL35091">
        <v>25</v>
      </c>
      <c r="AM35091">
        <v>25</v>
      </c>
      <c r="AN35091">
        <v>25</v>
      </c>
      <c r="AO35091">
        <v>25</v>
      </c>
      <c r="AP35091">
        <v>25</v>
      </c>
      <c r="AQ35091">
        <v>25</v>
      </c>
    </row>
    <row r="35092" spans="1:43">
      <c r="A35092" t="s">
        <v>21753</v>
      </c>
      <c r="B35092" t="s">
        <v>21754</v>
      </c>
      <c r="C35092" t="s">
        <v>21749</v>
      </c>
      <c r="D35092" t="s">
        <v>21750</v>
      </c>
      <c r="E35092" t="s">
        <v>21751</v>
      </c>
      <c r="F35092" t="s">
        <v>21752</v>
      </c>
      <c r="G35092" t="s">
        <v>20255</v>
      </c>
      <c r="H35092" t="s">
        <v>20256</v>
      </c>
      <c r="I35092" s="2">
        <v>1</v>
      </c>
      <c r="J35092" s="2">
        <v>0</v>
      </c>
      <c r="K35092" s="2">
        <v>0</v>
      </c>
      <c r="L35092" t="s">
        <v>120</v>
      </c>
      <c r="M35092" t="s">
        <v>89</v>
      </c>
      <c r="N35092" t="s">
        <v>90</v>
      </c>
      <c r="O35092" t="s">
        <v>85</v>
      </c>
      <c r="P35092" t="s">
        <v>86</v>
      </c>
      <c r="Q35092">
        <v>22</v>
      </c>
      <c r="R35092">
        <v>22</v>
      </c>
      <c r="S35092">
        <v>23</v>
      </c>
      <c r="T35092">
        <v>23</v>
      </c>
      <c r="U35092">
        <v>24</v>
      </c>
      <c r="V35092">
        <v>24</v>
      </c>
      <c r="W35092">
        <v>25</v>
      </c>
      <c r="X35092">
        <v>25</v>
      </c>
      <c r="Y35092">
        <v>26</v>
      </c>
      <c r="Z35092">
        <v>26</v>
      </c>
      <c r="AA35092">
        <v>27</v>
      </c>
      <c r="AB35092">
        <v>27</v>
      </c>
      <c r="AC35092">
        <v>27</v>
      </c>
      <c r="AD35092">
        <v>28</v>
      </c>
      <c r="AE35092">
        <v>28</v>
      </c>
      <c r="AF35092">
        <v>28</v>
      </c>
      <c r="AG35092">
        <v>28</v>
      </c>
      <c r="AH35092">
        <v>28</v>
      </c>
      <c r="AI35092">
        <v>28</v>
      </c>
      <c r="AJ35092">
        <v>28</v>
      </c>
      <c r="AK35092">
        <v>28</v>
      </c>
      <c r="AL35092">
        <v>28</v>
      </c>
      <c r="AM35092">
        <v>28</v>
      </c>
      <c r="AN35092">
        <v>28</v>
      </c>
      <c r="AO35092">
        <v>28</v>
      </c>
      <c r="AP35092">
        <v>28</v>
      </c>
      <c r="AQ35092">
        <v>28</v>
      </c>
    </row>
    <row r="35093" spans="1:43">
      <c r="A35093" t="s">
        <v>21753</v>
      </c>
      <c r="B35093" t="s">
        <v>21754</v>
      </c>
      <c r="C35093" t="s">
        <v>21749</v>
      </c>
      <c r="D35093" t="s">
        <v>21750</v>
      </c>
      <c r="E35093" t="s">
        <v>21751</v>
      </c>
      <c r="F35093" t="s">
        <v>21752</v>
      </c>
      <c r="G35093" t="s">
        <v>20255</v>
      </c>
      <c r="H35093" t="s">
        <v>20256</v>
      </c>
      <c r="I35093" s="2">
        <v>1</v>
      </c>
      <c r="J35093" s="2">
        <v>0</v>
      </c>
      <c r="K35093" s="2">
        <v>0</v>
      </c>
      <c r="L35093" t="s">
        <v>120</v>
      </c>
      <c r="M35093" t="s">
        <v>83</v>
      </c>
      <c r="N35093" t="s">
        <v>91</v>
      </c>
      <c r="O35093" t="s">
        <v>85</v>
      </c>
      <c r="P35093" t="s">
        <v>86</v>
      </c>
      <c r="Q35093">
        <v>22</v>
      </c>
      <c r="R35093">
        <v>23</v>
      </c>
      <c r="S35093">
        <v>23</v>
      </c>
      <c r="T35093">
        <v>23</v>
      </c>
      <c r="U35093">
        <v>24</v>
      </c>
      <c r="V35093">
        <v>24</v>
      </c>
      <c r="W35093">
        <v>25</v>
      </c>
      <c r="X35093">
        <v>25</v>
      </c>
      <c r="Y35093">
        <v>25</v>
      </c>
      <c r="Z35093">
        <v>26</v>
      </c>
      <c r="AA35093">
        <v>26</v>
      </c>
      <c r="AB35093">
        <v>26</v>
      </c>
      <c r="AC35093">
        <v>27</v>
      </c>
      <c r="AD35093">
        <v>27</v>
      </c>
      <c r="AE35093">
        <v>27</v>
      </c>
      <c r="AF35093">
        <v>27</v>
      </c>
      <c r="AG35093">
        <v>28</v>
      </c>
      <c r="AH35093">
        <v>28</v>
      </c>
      <c r="AI35093">
        <v>28</v>
      </c>
      <c r="AJ35093">
        <v>29</v>
      </c>
      <c r="AK35093">
        <v>29</v>
      </c>
      <c r="AL35093">
        <v>29</v>
      </c>
      <c r="AM35093">
        <v>29</v>
      </c>
      <c r="AN35093">
        <v>29</v>
      </c>
      <c r="AO35093">
        <v>29</v>
      </c>
      <c r="AP35093">
        <v>29</v>
      </c>
      <c r="AQ35093">
        <v>29</v>
      </c>
    </row>
    <row r="35094" spans="1:43">
      <c r="A35094" t="s">
        <v>21755</v>
      </c>
      <c r="B35094" t="s">
        <v>21756</v>
      </c>
      <c r="C35094" t="s">
        <v>21749</v>
      </c>
      <c r="D35094" t="s">
        <v>21750</v>
      </c>
      <c r="E35094" t="s">
        <v>21751</v>
      </c>
      <c r="F35094" t="s">
        <v>21752</v>
      </c>
      <c r="G35094" t="s">
        <v>20255</v>
      </c>
      <c r="H35094" t="s">
        <v>20256</v>
      </c>
      <c r="I35094" s="2">
        <v>1</v>
      </c>
      <c r="J35094" s="2">
        <v>0</v>
      </c>
      <c r="K35094" s="2">
        <v>0</v>
      </c>
      <c r="L35094" t="s">
        <v>120</v>
      </c>
      <c r="M35094" t="s">
        <v>83</v>
      </c>
      <c r="N35094" t="s">
        <v>84</v>
      </c>
      <c r="O35094" t="s">
        <v>85</v>
      </c>
      <c r="P35094" t="s">
        <v>86</v>
      </c>
      <c r="Q35094">
        <v>9</v>
      </c>
      <c r="R35094">
        <v>9</v>
      </c>
      <c r="S35094">
        <v>9</v>
      </c>
      <c r="T35094">
        <v>10</v>
      </c>
      <c r="U35094">
        <v>10</v>
      </c>
      <c r="V35094">
        <v>10</v>
      </c>
      <c r="W35094">
        <v>10</v>
      </c>
      <c r="X35094">
        <v>10</v>
      </c>
      <c r="Y35094">
        <v>10</v>
      </c>
      <c r="Z35094">
        <v>11</v>
      </c>
      <c r="AA35094">
        <v>11</v>
      </c>
      <c r="AB35094">
        <v>11</v>
      </c>
      <c r="AC35094">
        <v>11</v>
      </c>
      <c r="AD35094">
        <v>11</v>
      </c>
      <c r="AE35094">
        <v>11</v>
      </c>
      <c r="AF35094">
        <v>11</v>
      </c>
      <c r="AG35094">
        <v>12</v>
      </c>
      <c r="AH35094">
        <v>12</v>
      </c>
      <c r="AI35094">
        <v>12</v>
      </c>
      <c r="AJ35094">
        <v>12</v>
      </c>
      <c r="AK35094">
        <v>12</v>
      </c>
      <c r="AL35094">
        <v>12</v>
      </c>
      <c r="AM35094">
        <v>12</v>
      </c>
      <c r="AN35094">
        <v>12</v>
      </c>
      <c r="AO35094">
        <v>12</v>
      </c>
      <c r="AP35094">
        <v>12</v>
      </c>
      <c r="AQ35094">
        <v>12</v>
      </c>
    </row>
    <row r="35095" spans="1:43">
      <c r="A35095" t="s">
        <v>21755</v>
      </c>
      <c r="B35095" t="s">
        <v>21756</v>
      </c>
      <c r="C35095" t="s">
        <v>21749</v>
      </c>
      <c r="D35095" t="s">
        <v>21750</v>
      </c>
      <c r="E35095" t="s">
        <v>21751</v>
      </c>
      <c r="F35095" t="s">
        <v>21752</v>
      </c>
      <c r="G35095" t="s">
        <v>20255</v>
      </c>
      <c r="H35095" t="s">
        <v>20256</v>
      </c>
      <c r="I35095" s="2">
        <v>1</v>
      </c>
      <c r="J35095" s="2">
        <v>0</v>
      </c>
      <c r="K35095" s="2">
        <v>0</v>
      </c>
      <c r="L35095" t="s">
        <v>120</v>
      </c>
      <c r="M35095" t="s">
        <v>87</v>
      </c>
      <c r="N35095" t="s">
        <v>88</v>
      </c>
      <c r="O35095" t="s">
        <v>85</v>
      </c>
      <c r="P35095" t="s">
        <v>86</v>
      </c>
      <c r="Q35095">
        <v>9</v>
      </c>
      <c r="R35095">
        <v>9</v>
      </c>
      <c r="S35095">
        <v>9</v>
      </c>
      <c r="T35095">
        <v>9</v>
      </c>
      <c r="U35095">
        <v>9</v>
      </c>
      <c r="V35095">
        <v>9</v>
      </c>
      <c r="W35095">
        <v>9</v>
      </c>
      <c r="X35095">
        <v>10</v>
      </c>
      <c r="Y35095">
        <v>10</v>
      </c>
      <c r="Z35095">
        <v>10</v>
      </c>
      <c r="AA35095">
        <v>10</v>
      </c>
      <c r="AB35095">
        <v>10</v>
      </c>
      <c r="AC35095">
        <v>10</v>
      </c>
      <c r="AD35095">
        <v>10</v>
      </c>
      <c r="AE35095">
        <v>10</v>
      </c>
      <c r="AF35095">
        <v>10</v>
      </c>
      <c r="AG35095">
        <v>10</v>
      </c>
      <c r="AH35095">
        <v>10</v>
      </c>
      <c r="AI35095">
        <v>10</v>
      </c>
      <c r="AJ35095">
        <v>10</v>
      </c>
      <c r="AK35095">
        <v>10</v>
      </c>
      <c r="AL35095">
        <v>11</v>
      </c>
      <c r="AM35095">
        <v>11</v>
      </c>
      <c r="AN35095">
        <v>11</v>
      </c>
      <c r="AO35095">
        <v>11</v>
      </c>
      <c r="AP35095">
        <v>11</v>
      </c>
      <c r="AQ35095">
        <v>11</v>
      </c>
    </row>
    <row r="35096" spans="1:43">
      <c r="A35096" t="s">
        <v>21755</v>
      </c>
      <c r="B35096" t="s">
        <v>21756</v>
      </c>
      <c r="C35096" t="s">
        <v>21749</v>
      </c>
      <c r="D35096" t="s">
        <v>21750</v>
      </c>
      <c r="E35096" t="s">
        <v>21751</v>
      </c>
      <c r="F35096" t="s">
        <v>21752</v>
      </c>
      <c r="G35096" t="s">
        <v>20255</v>
      </c>
      <c r="H35096" t="s">
        <v>20256</v>
      </c>
      <c r="I35096" s="2">
        <v>1</v>
      </c>
      <c r="J35096" s="2">
        <v>0</v>
      </c>
      <c r="K35096" s="2">
        <v>0</v>
      </c>
      <c r="L35096" t="s">
        <v>120</v>
      </c>
      <c r="M35096" t="s">
        <v>89</v>
      </c>
      <c r="N35096" t="s">
        <v>90</v>
      </c>
      <c r="O35096" t="s">
        <v>85</v>
      </c>
      <c r="P35096" t="s">
        <v>86</v>
      </c>
      <c r="Q35096">
        <v>9</v>
      </c>
      <c r="R35096">
        <v>9</v>
      </c>
      <c r="S35096">
        <v>10</v>
      </c>
      <c r="T35096">
        <v>10</v>
      </c>
      <c r="U35096">
        <v>10</v>
      </c>
      <c r="V35096">
        <v>10</v>
      </c>
      <c r="W35096">
        <v>11</v>
      </c>
      <c r="X35096">
        <v>11</v>
      </c>
      <c r="Y35096">
        <v>11</v>
      </c>
      <c r="Z35096">
        <v>11</v>
      </c>
      <c r="AA35096">
        <v>11</v>
      </c>
      <c r="AB35096">
        <v>12</v>
      </c>
      <c r="AC35096">
        <v>12</v>
      </c>
      <c r="AD35096">
        <v>12</v>
      </c>
      <c r="AE35096">
        <v>12</v>
      </c>
      <c r="AF35096">
        <v>12</v>
      </c>
      <c r="AG35096">
        <v>12</v>
      </c>
      <c r="AH35096">
        <v>12</v>
      </c>
      <c r="AI35096">
        <v>12</v>
      </c>
      <c r="AJ35096">
        <v>12</v>
      </c>
      <c r="AK35096">
        <v>12</v>
      </c>
      <c r="AL35096">
        <v>12</v>
      </c>
      <c r="AM35096">
        <v>12</v>
      </c>
      <c r="AN35096">
        <v>13</v>
      </c>
      <c r="AO35096">
        <v>13</v>
      </c>
      <c r="AP35096">
        <v>13</v>
      </c>
      <c r="AQ35096">
        <v>13</v>
      </c>
    </row>
    <row r="35097" spans="1:43">
      <c r="A35097" t="s">
        <v>21755</v>
      </c>
      <c r="B35097" t="s">
        <v>21756</v>
      </c>
      <c r="C35097" t="s">
        <v>21749</v>
      </c>
      <c r="D35097" t="s">
        <v>21750</v>
      </c>
      <c r="E35097" t="s">
        <v>21751</v>
      </c>
      <c r="F35097" t="s">
        <v>21752</v>
      </c>
      <c r="G35097" t="s">
        <v>20255</v>
      </c>
      <c r="H35097" t="s">
        <v>20256</v>
      </c>
      <c r="I35097" s="2">
        <v>1</v>
      </c>
      <c r="J35097" s="2">
        <v>0</v>
      </c>
      <c r="K35097" s="2">
        <v>0</v>
      </c>
      <c r="L35097" t="s">
        <v>120</v>
      </c>
      <c r="M35097" t="s">
        <v>83</v>
      </c>
      <c r="N35097" t="s">
        <v>91</v>
      </c>
      <c r="O35097" t="s">
        <v>85</v>
      </c>
      <c r="P35097" t="s">
        <v>86</v>
      </c>
      <c r="Q35097">
        <v>9</v>
      </c>
      <c r="R35097">
        <v>9</v>
      </c>
      <c r="S35097">
        <v>9</v>
      </c>
      <c r="T35097">
        <v>10</v>
      </c>
      <c r="U35097">
        <v>10</v>
      </c>
      <c r="V35097">
        <v>10</v>
      </c>
      <c r="W35097">
        <v>10</v>
      </c>
      <c r="X35097">
        <v>10</v>
      </c>
      <c r="Y35097">
        <v>10</v>
      </c>
      <c r="Z35097">
        <v>11</v>
      </c>
      <c r="AA35097">
        <v>11</v>
      </c>
      <c r="AB35097">
        <v>11</v>
      </c>
      <c r="AC35097">
        <v>11</v>
      </c>
      <c r="AD35097">
        <v>11</v>
      </c>
      <c r="AE35097">
        <v>11</v>
      </c>
      <c r="AF35097">
        <v>11</v>
      </c>
      <c r="AG35097">
        <v>12</v>
      </c>
      <c r="AH35097">
        <v>12</v>
      </c>
      <c r="AI35097">
        <v>12</v>
      </c>
      <c r="AJ35097">
        <v>12</v>
      </c>
      <c r="AK35097">
        <v>12</v>
      </c>
      <c r="AL35097">
        <v>12</v>
      </c>
      <c r="AM35097">
        <v>12</v>
      </c>
      <c r="AN35097">
        <v>12</v>
      </c>
      <c r="AO35097">
        <v>12</v>
      </c>
      <c r="AP35097">
        <v>12</v>
      </c>
      <c r="AQ35097">
        <v>12</v>
      </c>
    </row>
    <row r="35098" spans="1:43">
      <c r="A35098" t="s">
        <v>21757</v>
      </c>
      <c r="B35098" t="s">
        <v>21758</v>
      </c>
      <c r="C35098" t="s">
        <v>21749</v>
      </c>
      <c r="D35098" t="s">
        <v>21750</v>
      </c>
      <c r="E35098" t="s">
        <v>21751</v>
      </c>
      <c r="F35098" t="s">
        <v>21752</v>
      </c>
      <c r="G35098" t="s">
        <v>20255</v>
      </c>
      <c r="H35098" t="s">
        <v>20256</v>
      </c>
      <c r="I35098" s="2">
        <v>1</v>
      </c>
      <c r="J35098" s="2">
        <v>0</v>
      </c>
      <c r="K35098" s="2">
        <v>0</v>
      </c>
      <c r="L35098" t="s">
        <v>120</v>
      </c>
      <c r="M35098" t="s">
        <v>83</v>
      </c>
      <c r="N35098" t="s">
        <v>84</v>
      </c>
      <c r="O35098" t="s">
        <v>85</v>
      </c>
      <c r="P35098" t="s">
        <v>86</v>
      </c>
      <c r="Q35098">
        <v>25</v>
      </c>
      <c r="R35098">
        <v>26</v>
      </c>
      <c r="S35098">
        <v>26</v>
      </c>
      <c r="T35098">
        <v>26</v>
      </c>
      <c r="U35098">
        <v>27</v>
      </c>
      <c r="V35098">
        <v>27</v>
      </c>
      <c r="W35098">
        <v>28</v>
      </c>
      <c r="X35098">
        <v>28</v>
      </c>
      <c r="Y35098">
        <v>29</v>
      </c>
      <c r="Z35098">
        <v>29</v>
      </c>
      <c r="AA35098">
        <v>29</v>
      </c>
      <c r="AB35098">
        <v>30</v>
      </c>
      <c r="AC35098">
        <v>30</v>
      </c>
      <c r="AD35098">
        <v>31</v>
      </c>
      <c r="AE35098">
        <v>31</v>
      </c>
      <c r="AF35098">
        <v>31</v>
      </c>
      <c r="AG35098">
        <v>32</v>
      </c>
      <c r="AH35098">
        <v>32</v>
      </c>
      <c r="AI35098">
        <v>33</v>
      </c>
      <c r="AJ35098">
        <v>33</v>
      </c>
      <c r="AK35098">
        <v>33</v>
      </c>
      <c r="AL35098">
        <v>34</v>
      </c>
      <c r="AM35098">
        <v>34</v>
      </c>
      <c r="AN35098">
        <v>34</v>
      </c>
      <c r="AO35098">
        <v>34</v>
      </c>
      <c r="AP35098">
        <v>34</v>
      </c>
      <c r="AQ35098">
        <v>34</v>
      </c>
    </row>
    <row r="35099" spans="1:43">
      <c r="A35099" t="s">
        <v>21757</v>
      </c>
      <c r="B35099" t="s">
        <v>21758</v>
      </c>
      <c r="C35099" t="s">
        <v>21749</v>
      </c>
      <c r="D35099" t="s">
        <v>21750</v>
      </c>
      <c r="E35099" t="s">
        <v>21751</v>
      </c>
      <c r="F35099" t="s">
        <v>21752</v>
      </c>
      <c r="G35099" t="s">
        <v>20255</v>
      </c>
      <c r="H35099" t="s">
        <v>20256</v>
      </c>
      <c r="I35099" s="2">
        <v>1</v>
      </c>
      <c r="J35099" s="2">
        <v>0</v>
      </c>
      <c r="K35099" s="2">
        <v>0</v>
      </c>
      <c r="L35099" t="s">
        <v>120</v>
      </c>
      <c r="M35099" t="s">
        <v>87</v>
      </c>
      <c r="N35099" t="s">
        <v>88</v>
      </c>
      <c r="O35099" t="s">
        <v>85</v>
      </c>
      <c r="P35099" t="s">
        <v>86</v>
      </c>
      <c r="Q35099">
        <v>25</v>
      </c>
      <c r="R35099">
        <v>25</v>
      </c>
      <c r="S35099">
        <v>25</v>
      </c>
      <c r="T35099">
        <v>25</v>
      </c>
      <c r="U35099">
        <v>26</v>
      </c>
      <c r="V35099">
        <v>26</v>
      </c>
      <c r="W35099">
        <v>26</v>
      </c>
      <c r="X35099">
        <v>26</v>
      </c>
      <c r="Y35099">
        <v>26</v>
      </c>
      <c r="Z35099">
        <v>27</v>
      </c>
      <c r="AA35099">
        <v>27</v>
      </c>
      <c r="AB35099">
        <v>27</v>
      </c>
      <c r="AC35099">
        <v>27</v>
      </c>
      <c r="AD35099">
        <v>27</v>
      </c>
      <c r="AE35099">
        <v>28</v>
      </c>
      <c r="AF35099">
        <v>28</v>
      </c>
      <c r="AG35099">
        <v>28</v>
      </c>
      <c r="AH35099">
        <v>28</v>
      </c>
      <c r="AI35099">
        <v>28</v>
      </c>
      <c r="AJ35099">
        <v>28</v>
      </c>
      <c r="AK35099">
        <v>29</v>
      </c>
      <c r="AL35099">
        <v>29</v>
      </c>
      <c r="AM35099">
        <v>29</v>
      </c>
      <c r="AN35099">
        <v>29</v>
      </c>
      <c r="AO35099">
        <v>29</v>
      </c>
      <c r="AP35099">
        <v>29</v>
      </c>
      <c r="AQ35099">
        <v>30</v>
      </c>
    </row>
    <row r="35100" spans="1:43">
      <c r="A35100" t="s">
        <v>21757</v>
      </c>
      <c r="B35100" t="s">
        <v>21758</v>
      </c>
      <c r="C35100" t="s">
        <v>21749</v>
      </c>
      <c r="D35100" t="s">
        <v>21750</v>
      </c>
      <c r="E35100" t="s">
        <v>21751</v>
      </c>
      <c r="F35100" t="s">
        <v>21752</v>
      </c>
      <c r="G35100" t="s">
        <v>20255</v>
      </c>
      <c r="H35100" t="s">
        <v>20256</v>
      </c>
      <c r="I35100" s="2">
        <v>1</v>
      </c>
      <c r="J35100" s="2">
        <v>0</v>
      </c>
      <c r="K35100" s="2">
        <v>0</v>
      </c>
      <c r="L35100" t="s">
        <v>120</v>
      </c>
      <c r="M35100" t="s">
        <v>89</v>
      </c>
      <c r="N35100" t="s">
        <v>90</v>
      </c>
      <c r="O35100" t="s">
        <v>85</v>
      </c>
      <c r="P35100" t="s">
        <v>86</v>
      </c>
      <c r="Q35100">
        <v>25</v>
      </c>
      <c r="R35100">
        <v>26</v>
      </c>
      <c r="S35100">
        <v>27</v>
      </c>
      <c r="T35100">
        <v>27</v>
      </c>
      <c r="U35100">
        <v>28</v>
      </c>
      <c r="V35100">
        <v>29</v>
      </c>
      <c r="W35100">
        <v>29</v>
      </c>
      <c r="X35100">
        <v>30</v>
      </c>
      <c r="Y35100">
        <v>30</v>
      </c>
      <c r="Z35100">
        <v>31</v>
      </c>
      <c r="AA35100">
        <v>31</v>
      </c>
      <c r="AB35100">
        <v>32</v>
      </c>
      <c r="AC35100">
        <v>32</v>
      </c>
      <c r="AD35100">
        <v>33</v>
      </c>
      <c r="AE35100">
        <v>33</v>
      </c>
      <c r="AF35100">
        <v>33</v>
      </c>
      <c r="AG35100">
        <v>33</v>
      </c>
      <c r="AH35100">
        <v>34</v>
      </c>
      <c r="AI35100">
        <v>34</v>
      </c>
      <c r="AJ35100">
        <v>34</v>
      </c>
      <c r="AK35100">
        <v>34</v>
      </c>
      <c r="AL35100">
        <v>34</v>
      </c>
      <c r="AM35100">
        <v>34</v>
      </c>
      <c r="AN35100">
        <v>34</v>
      </c>
      <c r="AO35100">
        <v>34</v>
      </c>
      <c r="AP35100">
        <v>34</v>
      </c>
      <c r="AQ35100">
        <v>34</v>
      </c>
    </row>
    <row r="35101" spans="1:43">
      <c r="A35101" t="s">
        <v>21757</v>
      </c>
      <c r="B35101" t="s">
        <v>21758</v>
      </c>
      <c r="C35101" t="s">
        <v>21749</v>
      </c>
      <c r="D35101" t="s">
        <v>21750</v>
      </c>
      <c r="E35101" t="s">
        <v>21751</v>
      </c>
      <c r="F35101" t="s">
        <v>21752</v>
      </c>
      <c r="G35101" t="s">
        <v>20255</v>
      </c>
      <c r="H35101" t="s">
        <v>20256</v>
      </c>
      <c r="I35101" s="2">
        <v>1</v>
      </c>
      <c r="J35101" s="2">
        <v>0</v>
      </c>
      <c r="K35101" s="2">
        <v>0</v>
      </c>
      <c r="L35101" t="s">
        <v>120</v>
      </c>
      <c r="M35101" t="s">
        <v>83</v>
      </c>
      <c r="N35101" t="s">
        <v>91</v>
      </c>
      <c r="O35101" t="s">
        <v>85</v>
      </c>
      <c r="P35101" t="s">
        <v>86</v>
      </c>
      <c r="Q35101">
        <v>25</v>
      </c>
      <c r="R35101">
        <v>26</v>
      </c>
      <c r="S35101">
        <v>26</v>
      </c>
      <c r="T35101">
        <v>26</v>
      </c>
      <c r="U35101">
        <v>27</v>
      </c>
      <c r="V35101">
        <v>27</v>
      </c>
      <c r="W35101">
        <v>28</v>
      </c>
      <c r="X35101">
        <v>28</v>
      </c>
      <c r="Y35101">
        <v>29</v>
      </c>
      <c r="Z35101">
        <v>29</v>
      </c>
      <c r="AA35101">
        <v>29</v>
      </c>
      <c r="AB35101">
        <v>30</v>
      </c>
      <c r="AC35101">
        <v>30</v>
      </c>
      <c r="AD35101">
        <v>31</v>
      </c>
      <c r="AE35101">
        <v>31</v>
      </c>
      <c r="AF35101">
        <v>31</v>
      </c>
      <c r="AG35101">
        <v>32</v>
      </c>
      <c r="AH35101">
        <v>32</v>
      </c>
      <c r="AI35101">
        <v>33</v>
      </c>
      <c r="AJ35101">
        <v>33</v>
      </c>
      <c r="AK35101">
        <v>33</v>
      </c>
      <c r="AL35101">
        <v>34</v>
      </c>
      <c r="AM35101">
        <v>34</v>
      </c>
      <c r="AN35101">
        <v>34</v>
      </c>
      <c r="AO35101">
        <v>34</v>
      </c>
      <c r="AP35101">
        <v>34</v>
      </c>
      <c r="AQ35101">
        <v>34</v>
      </c>
    </row>
    <row r="35102" spans="1:43">
      <c r="A35102" t="s">
        <v>21759</v>
      </c>
      <c r="B35102" t="s">
        <v>21760</v>
      </c>
      <c r="C35102" t="s">
        <v>21761</v>
      </c>
      <c r="D35102" t="s">
        <v>21762</v>
      </c>
      <c r="E35102" t="s">
        <v>21751</v>
      </c>
      <c r="F35102" t="s">
        <v>21752</v>
      </c>
      <c r="G35102" t="s">
        <v>20255</v>
      </c>
      <c r="H35102" t="s">
        <v>20256</v>
      </c>
      <c r="I35102" s="2">
        <v>1</v>
      </c>
      <c r="J35102" s="2">
        <v>0</v>
      </c>
      <c r="K35102" s="2">
        <v>0</v>
      </c>
      <c r="L35102" t="s">
        <v>120</v>
      </c>
      <c r="M35102" t="s">
        <v>83</v>
      </c>
      <c r="N35102" t="s">
        <v>84</v>
      </c>
      <c r="O35102" t="s">
        <v>85</v>
      </c>
      <c r="P35102" t="s">
        <v>86</v>
      </c>
      <c r="Q35102">
        <v>7</v>
      </c>
      <c r="R35102">
        <v>7</v>
      </c>
      <c r="S35102">
        <v>7</v>
      </c>
      <c r="T35102">
        <v>7</v>
      </c>
      <c r="U35102">
        <v>8</v>
      </c>
      <c r="V35102">
        <v>8</v>
      </c>
      <c r="W35102">
        <v>8</v>
      </c>
      <c r="X35102">
        <v>8</v>
      </c>
      <c r="Y35102">
        <v>8</v>
      </c>
      <c r="Z35102">
        <v>8</v>
      </c>
      <c r="AA35102">
        <v>8</v>
      </c>
      <c r="AB35102">
        <v>8</v>
      </c>
      <c r="AC35102">
        <v>8</v>
      </c>
      <c r="AD35102">
        <v>9</v>
      </c>
      <c r="AE35102">
        <v>9</v>
      </c>
      <c r="AF35102">
        <v>9</v>
      </c>
      <c r="AG35102">
        <v>9</v>
      </c>
      <c r="AH35102">
        <v>9</v>
      </c>
      <c r="AI35102">
        <v>9</v>
      </c>
      <c r="AJ35102">
        <v>9</v>
      </c>
      <c r="AK35102">
        <v>9</v>
      </c>
      <c r="AL35102">
        <v>9</v>
      </c>
      <c r="AM35102">
        <v>9</v>
      </c>
      <c r="AN35102">
        <v>9</v>
      </c>
      <c r="AO35102">
        <v>9</v>
      </c>
      <c r="AP35102">
        <v>9</v>
      </c>
      <c r="AQ35102">
        <v>10</v>
      </c>
    </row>
    <row r="35103" spans="1:43">
      <c r="A35103" t="s">
        <v>21759</v>
      </c>
      <c r="B35103" t="s">
        <v>21760</v>
      </c>
      <c r="C35103" t="s">
        <v>21761</v>
      </c>
      <c r="D35103" t="s">
        <v>21762</v>
      </c>
      <c r="E35103" t="s">
        <v>21751</v>
      </c>
      <c r="F35103" t="s">
        <v>21752</v>
      </c>
      <c r="G35103" t="s">
        <v>20255</v>
      </c>
      <c r="H35103" t="s">
        <v>20256</v>
      </c>
      <c r="I35103" s="2">
        <v>1</v>
      </c>
      <c r="J35103" s="2">
        <v>0</v>
      </c>
      <c r="K35103" s="2">
        <v>0</v>
      </c>
      <c r="L35103" t="s">
        <v>120</v>
      </c>
      <c r="M35103" t="s">
        <v>87</v>
      </c>
      <c r="N35103" t="s">
        <v>88</v>
      </c>
      <c r="O35103" t="s">
        <v>85</v>
      </c>
      <c r="P35103" t="s">
        <v>86</v>
      </c>
      <c r="Q35103">
        <v>7</v>
      </c>
      <c r="R35103">
        <v>7</v>
      </c>
      <c r="S35103">
        <v>7</v>
      </c>
      <c r="T35103">
        <v>7</v>
      </c>
      <c r="U35103">
        <v>7</v>
      </c>
      <c r="V35103">
        <v>7</v>
      </c>
      <c r="W35103">
        <v>7</v>
      </c>
      <c r="X35103">
        <v>7</v>
      </c>
      <c r="Y35103">
        <v>7</v>
      </c>
      <c r="Z35103">
        <v>7</v>
      </c>
      <c r="AA35103">
        <v>8</v>
      </c>
      <c r="AB35103">
        <v>8</v>
      </c>
      <c r="AC35103">
        <v>8</v>
      </c>
      <c r="AD35103">
        <v>8</v>
      </c>
      <c r="AE35103">
        <v>8</v>
      </c>
      <c r="AF35103">
        <v>8</v>
      </c>
      <c r="AG35103">
        <v>8</v>
      </c>
      <c r="AH35103">
        <v>8</v>
      </c>
      <c r="AI35103">
        <v>8</v>
      </c>
      <c r="AJ35103">
        <v>8</v>
      </c>
      <c r="AK35103">
        <v>8</v>
      </c>
      <c r="AL35103">
        <v>8</v>
      </c>
      <c r="AM35103">
        <v>8</v>
      </c>
      <c r="AN35103">
        <v>8</v>
      </c>
      <c r="AO35103">
        <v>8</v>
      </c>
      <c r="AP35103">
        <v>8</v>
      </c>
      <c r="AQ35103">
        <v>8</v>
      </c>
    </row>
    <row r="35104" spans="1:43">
      <c r="A35104" t="s">
        <v>21759</v>
      </c>
      <c r="B35104" t="s">
        <v>21760</v>
      </c>
      <c r="C35104" t="s">
        <v>21761</v>
      </c>
      <c r="D35104" t="s">
        <v>21762</v>
      </c>
      <c r="E35104" t="s">
        <v>21751</v>
      </c>
      <c r="F35104" t="s">
        <v>21752</v>
      </c>
      <c r="G35104" t="s">
        <v>20255</v>
      </c>
      <c r="H35104" t="s">
        <v>20256</v>
      </c>
      <c r="I35104" s="2">
        <v>1</v>
      </c>
      <c r="J35104" s="2">
        <v>0</v>
      </c>
      <c r="K35104" s="2">
        <v>0</v>
      </c>
      <c r="L35104" t="s">
        <v>120</v>
      </c>
      <c r="M35104" t="s">
        <v>89</v>
      </c>
      <c r="N35104" t="s">
        <v>90</v>
      </c>
      <c r="O35104" t="s">
        <v>85</v>
      </c>
      <c r="P35104" t="s">
        <v>86</v>
      </c>
      <c r="Q35104">
        <v>7</v>
      </c>
      <c r="R35104">
        <v>7</v>
      </c>
      <c r="S35104">
        <v>7</v>
      </c>
      <c r="T35104">
        <v>8</v>
      </c>
      <c r="U35104">
        <v>8</v>
      </c>
      <c r="V35104">
        <v>8</v>
      </c>
      <c r="W35104">
        <v>8</v>
      </c>
      <c r="X35104">
        <v>8</v>
      </c>
      <c r="Y35104">
        <v>8</v>
      </c>
      <c r="Z35104">
        <v>9</v>
      </c>
      <c r="AA35104">
        <v>9</v>
      </c>
      <c r="AB35104">
        <v>9</v>
      </c>
      <c r="AC35104">
        <v>9</v>
      </c>
      <c r="AD35104">
        <v>9</v>
      </c>
      <c r="AE35104">
        <v>9</v>
      </c>
      <c r="AF35104">
        <v>9</v>
      </c>
      <c r="AG35104">
        <v>9</v>
      </c>
      <c r="AH35104">
        <v>9</v>
      </c>
      <c r="AI35104">
        <v>9</v>
      </c>
      <c r="AJ35104">
        <v>9</v>
      </c>
      <c r="AK35104">
        <v>9</v>
      </c>
      <c r="AL35104">
        <v>9</v>
      </c>
      <c r="AM35104">
        <v>10</v>
      </c>
      <c r="AN35104">
        <v>10</v>
      </c>
      <c r="AO35104">
        <v>10</v>
      </c>
      <c r="AP35104">
        <v>10</v>
      </c>
      <c r="AQ35104">
        <v>10</v>
      </c>
    </row>
    <row r="35105" spans="1:43">
      <c r="A35105" t="s">
        <v>21759</v>
      </c>
      <c r="B35105" t="s">
        <v>21760</v>
      </c>
      <c r="C35105" t="s">
        <v>21761</v>
      </c>
      <c r="D35105" t="s">
        <v>21762</v>
      </c>
      <c r="E35105" t="s">
        <v>21751</v>
      </c>
      <c r="F35105" t="s">
        <v>21752</v>
      </c>
      <c r="G35105" t="s">
        <v>20255</v>
      </c>
      <c r="H35105" t="s">
        <v>20256</v>
      </c>
      <c r="I35105" s="2">
        <v>1</v>
      </c>
      <c r="J35105" s="2">
        <v>0</v>
      </c>
      <c r="K35105" s="2">
        <v>0</v>
      </c>
      <c r="L35105" t="s">
        <v>120</v>
      </c>
      <c r="M35105" t="s">
        <v>83</v>
      </c>
      <c r="N35105" t="s">
        <v>91</v>
      </c>
      <c r="O35105" t="s">
        <v>85</v>
      </c>
      <c r="P35105" t="s">
        <v>86</v>
      </c>
      <c r="Q35105">
        <v>7</v>
      </c>
      <c r="R35105">
        <v>7</v>
      </c>
      <c r="S35105">
        <v>7</v>
      </c>
      <c r="T35105">
        <v>7</v>
      </c>
      <c r="U35105">
        <v>8</v>
      </c>
      <c r="V35105">
        <v>8</v>
      </c>
      <c r="W35105">
        <v>8</v>
      </c>
      <c r="X35105">
        <v>8</v>
      </c>
      <c r="Y35105">
        <v>8</v>
      </c>
      <c r="Z35105">
        <v>8</v>
      </c>
      <c r="AA35105">
        <v>8</v>
      </c>
      <c r="AB35105">
        <v>8</v>
      </c>
      <c r="AC35105">
        <v>8</v>
      </c>
      <c r="AD35105">
        <v>9</v>
      </c>
      <c r="AE35105">
        <v>9</v>
      </c>
      <c r="AF35105">
        <v>9</v>
      </c>
      <c r="AG35105">
        <v>9</v>
      </c>
      <c r="AH35105">
        <v>9</v>
      </c>
      <c r="AI35105">
        <v>9</v>
      </c>
      <c r="AJ35105">
        <v>9</v>
      </c>
      <c r="AK35105">
        <v>9</v>
      </c>
      <c r="AL35105">
        <v>9</v>
      </c>
      <c r="AM35105">
        <v>9</v>
      </c>
      <c r="AN35105">
        <v>9</v>
      </c>
      <c r="AO35105">
        <v>9</v>
      </c>
      <c r="AP35105">
        <v>9</v>
      </c>
      <c r="AQ35105">
        <v>10</v>
      </c>
    </row>
    <row r="35106" spans="1:43">
      <c r="A35106" t="s">
        <v>21763</v>
      </c>
      <c r="B35106" t="s">
        <v>21764</v>
      </c>
      <c r="C35106" t="s">
        <v>21761</v>
      </c>
      <c r="D35106" t="s">
        <v>21762</v>
      </c>
      <c r="E35106" t="s">
        <v>21751</v>
      </c>
      <c r="F35106" t="s">
        <v>21752</v>
      </c>
      <c r="G35106" t="s">
        <v>20255</v>
      </c>
      <c r="H35106" t="s">
        <v>20256</v>
      </c>
      <c r="I35106" s="2">
        <v>1</v>
      </c>
      <c r="J35106" s="2">
        <v>0</v>
      </c>
      <c r="K35106" s="2">
        <v>0</v>
      </c>
      <c r="L35106" t="s">
        <v>120</v>
      </c>
      <c r="M35106" t="s">
        <v>83</v>
      </c>
      <c r="N35106" t="s">
        <v>84</v>
      </c>
      <c r="O35106" t="s">
        <v>85</v>
      </c>
      <c r="P35106" t="s">
        <v>86</v>
      </c>
      <c r="Q35106">
        <v>14</v>
      </c>
      <c r="R35106">
        <v>14</v>
      </c>
      <c r="S35106">
        <v>15</v>
      </c>
      <c r="T35106">
        <v>15</v>
      </c>
      <c r="U35106">
        <v>15</v>
      </c>
      <c r="V35106">
        <v>15</v>
      </c>
      <c r="W35106">
        <v>15</v>
      </c>
      <c r="X35106">
        <v>16</v>
      </c>
      <c r="Y35106">
        <v>16</v>
      </c>
      <c r="Z35106">
        <v>16</v>
      </c>
      <c r="AA35106">
        <v>16</v>
      </c>
      <c r="AB35106">
        <v>17</v>
      </c>
      <c r="AC35106">
        <v>17</v>
      </c>
      <c r="AD35106">
        <v>17</v>
      </c>
      <c r="AE35106">
        <v>17</v>
      </c>
      <c r="AF35106">
        <v>17</v>
      </c>
      <c r="AG35106">
        <v>18</v>
      </c>
      <c r="AH35106">
        <v>18</v>
      </c>
      <c r="AI35106">
        <v>18</v>
      </c>
      <c r="AJ35106">
        <v>18</v>
      </c>
      <c r="AK35106">
        <v>18</v>
      </c>
      <c r="AL35106">
        <v>18</v>
      </c>
      <c r="AM35106">
        <v>19</v>
      </c>
      <c r="AN35106">
        <v>19</v>
      </c>
      <c r="AO35106">
        <v>19</v>
      </c>
      <c r="AP35106">
        <v>19</v>
      </c>
      <c r="AQ35106">
        <v>19</v>
      </c>
    </row>
    <row r="35107" spans="1:43">
      <c r="A35107" t="s">
        <v>21763</v>
      </c>
      <c r="B35107" t="s">
        <v>21764</v>
      </c>
      <c r="C35107" t="s">
        <v>21761</v>
      </c>
      <c r="D35107" t="s">
        <v>21762</v>
      </c>
      <c r="E35107" t="s">
        <v>21751</v>
      </c>
      <c r="F35107" t="s">
        <v>21752</v>
      </c>
      <c r="G35107" t="s">
        <v>20255</v>
      </c>
      <c r="H35107" t="s">
        <v>20256</v>
      </c>
      <c r="I35107" s="2">
        <v>1</v>
      </c>
      <c r="J35107" s="2">
        <v>0</v>
      </c>
      <c r="K35107" s="2">
        <v>0</v>
      </c>
      <c r="L35107" t="s">
        <v>120</v>
      </c>
      <c r="M35107" t="s">
        <v>87</v>
      </c>
      <c r="N35107" t="s">
        <v>88</v>
      </c>
      <c r="O35107" t="s">
        <v>85</v>
      </c>
      <c r="P35107" t="s">
        <v>86</v>
      </c>
      <c r="Q35107">
        <v>14</v>
      </c>
      <c r="R35107">
        <v>14</v>
      </c>
      <c r="S35107">
        <v>14</v>
      </c>
      <c r="T35107">
        <v>14</v>
      </c>
      <c r="U35107">
        <v>14</v>
      </c>
      <c r="V35107">
        <v>14</v>
      </c>
      <c r="W35107">
        <v>15</v>
      </c>
      <c r="X35107">
        <v>15</v>
      </c>
      <c r="Y35107">
        <v>15</v>
      </c>
      <c r="Z35107">
        <v>15</v>
      </c>
      <c r="AA35107">
        <v>15</v>
      </c>
      <c r="AB35107">
        <v>15</v>
      </c>
      <c r="AC35107">
        <v>15</v>
      </c>
      <c r="AD35107">
        <v>15</v>
      </c>
      <c r="AE35107">
        <v>15</v>
      </c>
      <c r="AF35107">
        <v>15</v>
      </c>
      <c r="AG35107">
        <v>15</v>
      </c>
      <c r="AH35107">
        <v>16</v>
      </c>
      <c r="AI35107">
        <v>16</v>
      </c>
      <c r="AJ35107">
        <v>16</v>
      </c>
      <c r="AK35107">
        <v>16</v>
      </c>
      <c r="AL35107">
        <v>16</v>
      </c>
      <c r="AM35107">
        <v>16</v>
      </c>
      <c r="AN35107">
        <v>16</v>
      </c>
      <c r="AO35107">
        <v>16</v>
      </c>
      <c r="AP35107">
        <v>16</v>
      </c>
      <c r="AQ35107">
        <v>16</v>
      </c>
    </row>
    <row r="35108" spans="1:43">
      <c r="A35108" t="s">
        <v>21763</v>
      </c>
      <c r="B35108" t="s">
        <v>21764</v>
      </c>
      <c r="C35108" t="s">
        <v>21761</v>
      </c>
      <c r="D35108" t="s">
        <v>21762</v>
      </c>
      <c r="E35108" t="s">
        <v>21751</v>
      </c>
      <c r="F35108" t="s">
        <v>21752</v>
      </c>
      <c r="G35108" t="s">
        <v>20255</v>
      </c>
      <c r="H35108" t="s">
        <v>20256</v>
      </c>
      <c r="I35108" s="2">
        <v>1</v>
      </c>
      <c r="J35108" s="2">
        <v>0</v>
      </c>
      <c r="K35108" s="2">
        <v>0</v>
      </c>
      <c r="L35108" t="s">
        <v>120</v>
      </c>
      <c r="M35108" t="s">
        <v>89</v>
      </c>
      <c r="N35108" t="s">
        <v>90</v>
      </c>
      <c r="O35108" t="s">
        <v>85</v>
      </c>
      <c r="P35108" t="s">
        <v>86</v>
      </c>
      <c r="Q35108">
        <v>14</v>
      </c>
      <c r="R35108">
        <v>15</v>
      </c>
      <c r="S35108">
        <v>15</v>
      </c>
      <c r="T35108">
        <v>15</v>
      </c>
      <c r="U35108">
        <v>16</v>
      </c>
      <c r="V35108">
        <v>16</v>
      </c>
      <c r="W35108">
        <v>16</v>
      </c>
      <c r="X35108">
        <v>16</v>
      </c>
      <c r="Y35108">
        <v>17</v>
      </c>
      <c r="Z35108">
        <v>17</v>
      </c>
      <c r="AA35108">
        <v>17</v>
      </c>
      <c r="AB35108">
        <v>18</v>
      </c>
      <c r="AC35108">
        <v>18</v>
      </c>
      <c r="AD35108">
        <v>18</v>
      </c>
      <c r="AE35108">
        <v>18</v>
      </c>
      <c r="AF35108">
        <v>18</v>
      </c>
      <c r="AG35108">
        <v>18</v>
      </c>
      <c r="AH35108">
        <v>19</v>
      </c>
      <c r="AI35108">
        <v>19</v>
      </c>
      <c r="AJ35108">
        <v>19</v>
      </c>
      <c r="AK35108">
        <v>19</v>
      </c>
      <c r="AL35108">
        <v>19</v>
      </c>
      <c r="AM35108">
        <v>19</v>
      </c>
      <c r="AN35108">
        <v>19</v>
      </c>
      <c r="AO35108">
        <v>19</v>
      </c>
      <c r="AP35108">
        <v>19</v>
      </c>
      <c r="AQ35108">
        <v>19</v>
      </c>
    </row>
    <row r="35109" spans="1:43">
      <c r="A35109" t="s">
        <v>21763</v>
      </c>
      <c r="B35109" t="s">
        <v>21764</v>
      </c>
      <c r="C35109" t="s">
        <v>21761</v>
      </c>
      <c r="D35109" t="s">
        <v>21762</v>
      </c>
      <c r="E35109" t="s">
        <v>21751</v>
      </c>
      <c r="F35109" t="s">
        <v>21752</v>
      </c>
      <c r="G35109" t="s">
        <v>20255</v>
      </c>
      <c r="H35109" t="s">
        <v>20256</v>
      </c>
      <c r="I35109" s="2">
        <v>1</v>
      </c>
      <c r="J35109" s="2">
        <v>0</v>
      </c>
      <c r="K35109" s="2">
        <v>0</v>
      </c>
      <c r="L35109" t="s">
        <v>120</v>
      </c>
      <c r="M35109" t="s">
        <v>83</v>
      </c>
      <c r="N35109" t="s">
        <v>91</v>
      </c>
      <c r="O35109" t="s">
        <v>85</v>
      </c>
      <c r="P35109" t="s">
        <v>86</v>
      </c>
      <c r="Q35109">
        <v>14</v>
      </c>
      <c r="R35109">
        <v>14</v>
      </c>
      <c r="S35109">
        <v>15</v>
      </c>
      <c r="T35109">
        <v>15</v>
      </c>
      <c r="U35109">
        <v>15</v>
      </c>
      <c r="V35109">
        <v>15</v>
      </c>
      <c r="W35109">
        <v>15</v>
      </c>
      <c r="X35109">
        <v>16</v>
      </c>
      <c r="Y35109">
        <v>16</v>
      </c>
      <c r="Z35109">
        <v>16</v>
      </c>
      <c r="AA35109">
        <v>16</v>
      </c>
      <c r="AB35109">
        <v>17</v>
      </c>
      <c r="AC35109">
        <v>17</v>
      </c>
      <c r="AD35109">
        <v>17</v>
      </c>
      <c r="AE35109">
        <v>17</v>
      </c>
      <c r="AF35109">
        <v>17</v>
      </c>
      <c r="AG35109">
        <v>18</v>
      </c>
      <c r="AH35109">
        <v>18</v>
      </c>
      <c r="AI35109">
        <v>18</v>
      </c>
      <c r="AJ35109">
        <v>18</v>
      </c>
      <c r="AK35109">
        <v>18</v>
      </c>
      <c r="AL35109">
        <v>18</v>
      </c>
      <c r="AM35109">
        <v>19</v>
      </c>
      <c r="AN35109">
        <v>19</v>
      </c>
      <c r="AO35109">
        <v>19</v>
      </c>
      <c r="AP35109">
        <v>19</v>
      </c>
      <c r="AQ35109">
        <v>19</v>
      </c>
    </row>
    <row r="35110" spans="1:43">
      <c r="A35110" t="s">
        <v>21765</v>
      </c>
      <c r="B35110" t="s">
        <v>21766</v>
      </c>
      <c r="C35110" t="s">
        <v>21761</v>
      </c>
      <c r="D35110" t="s">
        <v>21762</v>
      </c>
      <c r="E35110" t="s">
        <v>21751</v>
      </c>
      <c r="F35110" t="s">
        <v>21752</v>
      </c>
      <c r="G35110" t="s">
        <v>20255</v>
      </c>
      <c r="H35110" t="s">
        <v>20256</v>
      </c>
      <c r="I35110" s="2">
        <v>1</v>
      </c>
      <c r="J35110" s="2">
        <v>0</v>
      </c>
      <c r="K35110" s="2">
        <v>0</v>
      </c>
      <c r="L35110" t="s">
        <v>120</v>
      </c>
      <c r="M35110" t="s">
        <v>83</v>
      </c>
      <c r="N35110" t="s">
        <v>84</v>
      </c>
      <c r="O35110" t="s">
        <v>85</v>
      </c>
      <c r="P35110" t="s">
        <v>86</v>
      </c>
      <c r="Q35110">
        <v>14</v>
      </c>
      <c r="R35110">
        <v>14</v>
      </c>
      <c r="S35110">
        <v>14</v>
      </c>
      <c r="T35110">
        <v>14</v>
      </c>
      <c r="U35110">
        <v>15</v>
      </c>
      <c r="V35110">
        <v>15</v>
      </c>
      <c r="W35110">
        <v>15</v>
      </c>
      <c r="X35110">
        <v>15</v>
      </c>
      <c r="Y35110">
        <v>16</v>
      </c>
      <c r="Z35110">
        <v>16</v>
      </c>
      <c r="AA35110">
        <v>16</v>
      </c>
      <c r="AB35110">
        <v>16</v>
      </c>
      <c r="AC35110">
        <v>16</v>
      </c>
      <c r="AD35110">
        <v>17</v>
      </c>
      <c r="AE35110">
        <v>17</v>
      </c>
      <c r="AF35110">
        <v>17</v>
      </c>
      <c r="AG35110">
        <v>17</v>
      </c>
      <c r="AH35110">
        <v>18</v>
      </c>
      <c r="AI35110">
        <v>18</v>
      </c>
      <c r="AJ35110">
        <v>18</v>
      </c>
      <c r="AK35110">
        <v>18</v>
      </c>
      <c r="AL35110">
        <v>18</v>
      </c>
      <c r="AM35110">
        <v>18</v>
      </c>
      <c r="AN35110">
        <v>18</v>
      </c>
      <c r="AO35110">
        <v>18</v>
      </c>
      <c r="AP35110">
        <v>18</v>
      </c>
      <c r="AQ35110">
        <v>19</v>
      </c>
    </row>
    <row r="35111" spans="1:43">
      <c r="A35111" t="s">
        <v>21765</v>
      </c>
      <c r="B35111" t="s">
        <v>21766</v>
      </c>
      <c r="C35111" t="s">
        <v>21761</v>
      </c>
      <c r="D35111" t="s">
        <v>21762</v>
      </c>
      <c r="E35111" t="s">
        <v>21751</v>
      </c>
      <c r="F35111" t="s">
        <v>21752</v>
      </c>
      <c r="G35111" t="s">
        <v>20255</v>
      </c>
      <c r="H35111" t="s">
        <v>20256</v>
      </c>
      <c r="I35111" s="2">
        <v>1</v>
      </c>
      <c r="J35111" s="2">
        <v>0</v>
      </c>
      <c r="K35111" s="2">
        <v>0</v>
      </c>
      <c r="L35111" t="s">
        <v>120</v>
      </c>
      <c r="M35111" t="s">
        <v>87</v>
      </c>
      <c r="N35111" t="s">
        <v>88</v>
      </c>
      <c r="O35111" t="s">
        <v>85</v>
      </c>
      <c r="P35111" t="s">
        <v>86</v>
      </c>
      <c r="Q35111">
        <v>14</v>
      </c>
      <c r="R35111">
        <v>15</v>
      </c>
      <c r="S35111">
        <v>15</v>
      </c>
      <c r="T35111">
        <v>15</v>
      </c>
      <c r="U35111">
        <v>15</v>
      </c>
      <c r="V35111">
        <v>15</v>
      </c>
      <c r="W35111">
        <v>15</v>
      </c>
      <c r="X35111">
        <v>15</v>
      </c>
      <c r="Y35111">
        <v>15</v>
      </c>
      <c r="Z35111">
        <v>16</v>
      </c>
      <c r="AA35111">
        <v>16</v>
      </c>
      <c r="AB35111">
        <v>16</v>
      </c>
      <c r="AC35111">
        <v>16</v>
      </c>
      <c r="AD35111">
        <v>16</v>
      </c>
      <c r="AE35111">
        <v>16</v>
      </c>
      <c r="AF35111">
        <v>16</v>
      </c>
      <c r="AG35111">
        <v>16</v>
      </c>
      <c r="AH35111">
        <v>16</v>
      </c>
      <c r="AI35111">
        <v>17</v>
      </c>
      <c r="AJ35111">
        <v>17</v>
      </c>
      <c r="AK35111">
        <v>17</v>
      </c>
      <c r="AL35111">
        <v>17</v>
      </c>
      <c r="AM35111">
        <v>17</v>
      </c>
      <c r="AN35111">
        <v>17</v>
      </c>
      <c r="AO35111">
        <v>17</v>
      </c>
      <c r="AP35111">
        <v>17</v>
      </c>
      <c r="AQ35111">
        <v>17</v>
      </c>
    </row>
    <row r="35112" spans="1:43">
      <c r="A35112" t="s">
        <v>21765</v>
      </c>
      <c r="B35112" t="s">
        <v>21766</v>
      </c>
      <c r="C35112" t="s">
        <v>21761</v>
      </c>
      <c r="D35112" t="s">
        <v>21762</v>
      </c>
      <c r="E35112" t="s">
        <v>21751</v>
      </c>
      <c r="F35112" t="s">
        <v>21752</v>
      </c>
      <c r="G35112" t="s">
        <v>20255</v>
      </c>
      <c r="H35112" t="s">
        <v>20256</v>
      </c>
      <c r="I35112" s="2">
        <v>1</v>
      </c>
      <c r="J35112" s="2">
        <v>0</v>
      </c>
      <c r="K35112" s="2">
        <v>0</v>
      </c>
      <c r="L35112" t="s">
        <v>120</v>
      </c>
      <c r="M35112" t="s">
        <v>89</v>
      </c>
      <c r="N35112" t="s">
        <v>90</v>
      </c>
      <c r="O35112" t="s">
        <v>85</v>
      </c>
      <c r="P35112" t="s">
        <v>86</v>
      </c>
      <c r="Q35112">
        <v>14</v>
      </c>
      <c r="R35112">
        <v>14</v>
      </c>
      <c r="S35112">
        <v>14</v>
      </c>
      <c r="T35112">
        <v>15</v>
      </c>
      <c r="U35112">
        <v>15</v>
      </c>
      <c r="V35112">
        <v>15</v>
      </c>
      <c r="W35112">
        <v>16</v>
      </c>
      <c r="X35112">
        <v>16</v>
      </c>
      <c r="Y35112">
        <v>16</v>
      </c>
      <c r="Z35112">
        <v>17</v>
      </c>
      <c r="AA35112">
        <v>17</v>
      </c>
      <c r="AB35112">
        <v>17</v>
      </c>
      <c r="AC35112">
        <v>17</v>
      </c>
      <c r="AD35112">
        <v>18</v>
      </c>
      <c r="AE35112">
        <v>18</v>
      </c>
      <c r="AF35112">
        <v>18</v>
      </c>
      <c r="AG35112">
        <v>18</v>
      </c>
      <c r="AH35112">
        <v>18</v>
      </c>
      <c r="AI35112">
        <v>18</v>
      </c>
      <c r="AJ35112">
        <v>18</v>
      </c>
      <c r="AK35112">
        <v>18</v>
      </c>
      <c r="AL35112">
        <v>18</v>
      </c>
      <c r="AM35112">
        <v>19</v>
      </c>
      <c r="AN35112">
        <v>19</v>
      </c>
      <c r="AO35112">
        <v>19</v>
      </c>
      <c r="AP35112">
        <v>19</v>
      </c>
      <c r="AQ35112">
        <v>19</v>
      </c>
    </row>
    <row r="35113" spans="1:43">
      <c r="A35113" t="s">
        <v>21765</v>
      </c>
      <c r="B35113" t="s">
        <v>21766</v>
      </c>
      <c r="C35113" t="s">
        <v>21761</v>
      </c>
      <c r="D35113" t="s">
        <v>21762</v>
      </c>
      <c r="E35113" t="s">
        <v>21751</v>
      </c>
      <c r="F35113" t="s">
        <v>21752</v>
      </c>
      <c r="G35113" t="s">
        <v>20255</v>
      </c>
      <c r="H35113" t="s">
        <v>20256</v>
      </c>
      <c r="I35113" s="2">
        <v>1</v>
      </c>
      <c r="J35113" s="2">
        <v>0</v>
      </c>
      <c r="K35113" s="2">
        <v>0</v>
      </c>
      <c r="L35113" t="s">
        <v>120</v>
      </c>
      <c r="M35113" t="s">
        <v>83</v>
      </c>
      <c r="N35113" t="s">
        <v>91</v>
      </c>
      <c r="O35113" t="s">
        <v>85</v>
      </c>
      <c r="P35113" t="s">
        <v>86</v>
      </c>
      <c r="Q35113">
        <v>14</v>
      </c>
      <c r="R35113">
        <v>14</v>
      </c>
      <c r="S35113">
        <v>14</v>
      </c>
      <c r="T35113">
        <v>14</v>
      </c>
      <c r="U35113">
        <v>15</v>
      </c>
      <c r="V35113">
        <v>15</v>
      </c>
      <c r="W35113">
        <v>15</v>
      </c>
      <c r="X35113">
        <v>15</v>
      </c>
      <c r="Y35113">
        <v>16</v>
      </c>
      <c r="Z35113">
        <v>16</v>
      </c>
      <c r="AA35113">
        <v>16</v>
      </c>
      <c r="AB35113">
        <v>16</v>
      </c>
      <c r="AC35113">
        <v>16</v>
      </c>
      <c r="AD35113">
        <v>17</v>
      </c>
      <c r="AE35113">
        <v>17</v>
      </c>
      <c r="AF35113">
        <v>17</v>
      </c>
      <c r="AG35113">
        <v>17</v>
      </c>
      <c r="AH35113">
        <v>18</v>
      </c>
      <c r="AI35113">
        <v>18</v>
      </c>
      <c r="AJ35113">
        <v>18</v>
      </c>
      <c r="AK35113">
        <v>18</v>
      </c>
      <c r="AL35113">
        <v>18</v>
      </c>
      <c r="AM35113">
        <v>18</v>
      </c>
      <c r="AN35113">
        <v>18</v>
      </c>
      <c r="AO35113">
        <v>18</v>
      </c>
      <c r="AP35113">
        <v>18</v>
      </c>
      <c r="AQ35113">
        <v>19</v>
      </c>
    </row>
    <row r="35114" spans="1:43">
      <c r="A35114" t="s">
        <v>21767</v>
      </c>
      <c r="B35114" t="s">
        <v>21768</v>
      </c>
      <c r="C35114" t="s">
        <v>21761</v>
      </c>
      <c r="D35114" t="s">
        <v>21762</v>
      </c>
      <c r="E35114" t="s">
        <v>21751</v>
      </c>
      <c r="F35114" t="s">
        <v>21752</v>
      </c>
      <c r="G35114" t="s">
        <v>20255</v>
      </c>
      <c r="H35114" t="s">
        <v>20256</v>
      </c>
      <c r="I35114" s="2">
        <v>1</v>
      </c>
      <c r="J35114" s="2">
        <v>0</v>
      </c>
      <c r="K35114" s="2">
        <v>0</v>
      </c>
      <c r="L35114" t="s">
        <v>120</v>
      </c>
      <c r="M35114" t="s">
        <v>83</v>
      </c>
      <c r="N35114" t="s">
        <v>84</v>
      </c>
      <c r="O35114" t="s">
        <v>85</v>
      </c>
      <c r="P35114" t="s">
        <v>86</v>
      </c>
      <c r="Q35114">
        <v>8</v>
      </c>
      <c r="R35114">
        <v>8</v>
      </c>
      <c r="S35114">
        <v>8</v>
      </c>
      <c r="T35114">
        <v>8</v>
      </c>
      <c r="U35114">
        <v>8</v>
      </c>
      <c r="V35114">
        <v>8</v>
      </c>
      <c r="W35114">
        <v>9</v>
      </c>
      <c r="X35114">
        <v>9</v>
      </c>
      <c r="Y35114">
        <v>9</v>
      </c>
      <c r="Z35114">
        <v>9</v>
      </c>
      <c r="AA35114">
        <v>9</v>
      </c>
      <c r="AB35114">
        <v>9</v>
      </c>
      <c r="AC35114">
        <v>9</v>
      </c>
      <c r="AD35114">
        <v>9</v>
      </c>
      <c r="AE35114">
        <v>10</v>
      </c>
      <c r="AF35114">
        <v>10</v>
      </c>
      <c r="AG35114">
        <v>10</v>
      </c>
      <c r="AH35114">
        <v>10</v>
      </c>
      <c r="AI35114">
        <v>10</v>
      </c>
      <c r="AJ35114">
        <v>10</v>
      </c>
      <c r="AK35114">
        <v>10</v>
      </c>
      <c r="AL35114">
        <v>10</v>
      </c>
      <c r="AM35114">
        <v>10</v>
      </c>
      <c r="AN35114">
        <v>10</v>
      </c>
      <c r="AO35114">
        <v>10</v>
      </c>
      <c r="AP35114">
        <v>11</v>
      </c>
      <c r="AQ35114">
        <v>11</v>
      </c>
    </row>
    <row r="35115" spans="1:43">
      <c r="A35115" t="s">
        <v>21767</v>
      </c>
      <c r="B35115" t="s">
        <v>21768</v>
      </c>
      <c r="C35115" t="s">
        <v>21761</v>
      </c>
      <c r="D35115" t="s">
        <v>21762</v>
      </c>
      <c r="E35115" t="s">
        <v>21751</v>
      </c>
      <c r="F35115" t="s">
        <v>21752</v>
      </c>
      <c r="G35115" t="s">
        <v>20255</v>
      </c>
      <c r="H35115" t="s">
        <v>20256</v>
      </c>
      <c r="I35115" s="2">
        <v>1</v>
      </c>
      <c r="J35115" s="2">
        <v>0</v>
      </c>
      <c r="K35115" s="2">
        <v>0</v>
      </c>
      <c r="L35115" t="s">
        <v>120</v>
      </c>
      <c r="M35115" t="s">
        <v>87</v>
      </c>
      <c r="N35115" t="s">
        <v>88</v>
      </c>
      <c r="O35115" t="s">
        <v>85</v>
      </c>
      <c r="P35115" t="s">
        <v>86</v>
      </c>
      <c r="Q35115">
        <v>8</v>
      </c>
      <c r="R35115">
        <v>8</v>
      </c>
      <c r="S35115">
        <v>8</v>
      </c>
      <c r="T35115">
        <v>8</v>
      </c>
      <c r="U35115">
        <v>8</v>
      </c>
      <c r="V35115">
        <v>8</v>
      </c>
      <c r="W35115">
        <v>8</v>
      </c>
      <c r="X35115">
        <v>8</v>
      </c>
      <c r="Y35115">
        <v>8</v>
      </c>
      <c r="Z35115">
        <v>8</v>
      </c>
      <c r="AA35115">
        <v>8</v>
      </c>
      <c r="AB35115">
        <v>8</v>
      </c>
      <c r="AC35115">
        <v>8</v>
      </c>
      <c r="AD35115">
        <v>8</v>
      </c>
      <c r="AE35115">
        <v>9</v>
      </c>
      <c r="AF35115">
        <v>9</v>
      </c>
      <c r="AG35115">
        <v>9</v>
      </c>
      <c r="AH35115">
        <v>9</v>
      </c>
      <c r="AI35115">
        <v>9</v>
      </c>
      <c r="AJ35115">
        <v>9</v>
      </c>
      <c r="AK35115">
        <v>9</v>
      </c>
      <c r="AL35115">
        <v>9</v>
      </c>
      <c r="AM35115">
        <v>9</v>
      </c>
      <c r="AN35115">
        <v>9</v>
      </c>
      <c r="AO35115">
        <v>9</v>
      </c>
      <c r="AP35115">
        <v>9</v>
      </c>
      <c r="AQ35115">
        <v>9</v>
      </c>
    </row>
    <row r="35116" spans="1:43">
      <c r="A35116" t="s">
        <v>21767</v>
      </c>
      <c r="B35116" t="s">
        <v>21768</v>
      </c>
      <c r="C35116" t="s">
        <v>21761</v>
      </c>
      <c r="D35116" t="s">
        <v>21762</v>
      </c>
      <c r="E35116" t="s">
        <v>21751</v>
      </c>
      <c r="F35116" t="s">
        <v>21752</v>
      </c>
      <c r="G35116" t="s">
        <v>20255</v>
      </c>
      <c r="H35116" t="s">
        <v>20256</v>
      </c>
      <c r="I35116" s="2">
        <v>1</v>
      </c>
      <c r="J35116" s="2">
        <v>0</v>
      </c>
      <c r="K35116" s="2">
        <v>0</v>
      </c>
      <c r="L35116" t="s">
        <v>120</v>
      </c>
      <c r="M35116" t="s">
        <v>89</v>
      </c>
      <c r="N35116" t="s">
        <v>90</v>
      </c>
      <c r="O35116" t="s">
        <v>85</v>
      </c>
      <c r="P35116" t="s">
        <v>86</v>
      </c>
      <c r="Q35116">
        <v>8</v>
      </c>
      <c r="R35116">
        <v>8</v>
      </c>
      <c r="S35116">
        <v>8</v>
      </c>
      <c r="T35116">
        <v>8</v>
      </c>
      <c r="U35116">
        <v>9</v>
      </c>
      <c r="V35116">
        <v>9</v>
      </c>
      <c r="W35116">
        <v>9</v>
      </c>
      <c r="X35116">
        <v>9</v>
      </c>
      <c r="Y35116">
        <v>9</v>
      </c>
      <c r="Z35116">
        <v>9</v>
      </c>
      <c r="AA35116">
        <v>10</v>
      </c>
      <c r="AB35116">
        <v>10</v>
      </c>
      <c r="AC35116">
        <v>10</v>
      </c>
      <c r="AD35116">
        <v>10</v>
      </c>
      <c r="AE35116">
        <v>10</v>
      </c>
      <c r="AF35116">
        <v>10</v>
      </c>
      <c r="AG35116">
        <v>10</v>
      </c>
      <c r="AH35116">
        <v>10</v>
      </c>
      <c r="AI35116">
        <v>10</v>
      </c>
      <c r="AJ35116">
        <v>10</v>
      </c>
      <c r="AK35116">
        <v>10</v>
      </c>
      <c r="AL35116">
        <v>11</v>
      </c>
      <c r="AM35116">
        <v>11</v>
      </c>
      <c r="AN35116">
        <v>11</v>
      </c>
      <c r="AO35116">
        <v>11</v>
      </c>
      <c r="AP35116">
        <v>11</v>
      </c>
      <c r="AQ35116">
        <v>11</v>
      </c>
    </row>
    <row r="35117" spans="1:43">
      <c r="A35117" t="s">
        <v>21767</v>
      </c>
      <c r="B35117" t="s">
        <v>21768</v>
      </c>
      <c r="C35117" t="s">
        <v>21761</v>
      </c>
      <c r="D35117" t="s">
        <v>21762</v>
      </c>
      <c r="E35117" t="s">
        <v>21751</v>
      </c>
      <c r="F35117" t="s">
        <v>21752</v>
      </c>
      <c r="G35117" t="s">
        <v>20255</v>
      </c>
      <c r="H35117" t="s">
        <v>20256</v>
      </c>
      <c r="I35117" s="2">
        <v>1</v>
      </c>
      <c r="J35117" s="2">
        <v>0</v>
      </c>
      <c r="K35117" s="2">
        <v>0</v>
      </c>
      <c r="L35117" t="s">
        <v>120</v>
      </c>
      <c r="M35117" t="s">
        <v>83</v>
      </c>
      <c r="N35117" t="s">
        <v>91</v>
      </c>
      <c r="O35117" t="s">
        <v>85</v>
      </c>
      <c r="P35117" t="s">
        <v>86</v>
      </c>
      <c r="Q35117">
        <v>8</v>
      </c>
      <c r="R35117">
        <v>8</v>
      </c>
      <c r="S35117">
        <v>8</v>
      </c>
      <c r="T35117">
        <v>8</v>
      </c>
      <c r="U35117">
        <v>8</v>
      </c>
      <c r="V35117">
        <v>8</v>
      </c>
      <c r="W35117">
        <v>9</v>
      </c>
      <c r="X35117">
        <v>9</v>
      </c>
      <c r="Y35117">
        <v>9</v>
      </c>
      <c r="Z35117">
        <v>9</v>
      </c>
      <c r="AA35117">
        <v>9</v>
      </c>
      <c r="AB35117">
        <v>9</v>
      </c>
      <c r="AC35117">
        <v>9</v>
      </c>
      <c r="AD35117">
        <v>9</v>
      </c>
      <c r="AE35117">
        <v>10</v>
      </c>
      <c r="AF35117">
        <v>10</v>
      </c>
      <c r="AG35117">
        <v>10</v>
      </c>
      <c r="AH35117">
        <v>10</v>
      </c>
      <c r="AI35117">
        <v>10</v>
      </c>
      <c r="AJ35117">
        <v>10</v>
      </c>
      <c r="AK35117">
        <v>10</v>
      </c>
      <c r="AL35117">
        <v>10</v>
      </c>
      <c r="AM35117">
        <v>10</v>
      </c>
      <c r="AN35117">
        <v>10</v>
      </c>
      <c r="AO35117">
        <v>10</v>
      </c>
      <c r="AP35117">
        <v>11</v>
      </c>
      <c r="AQ35117">
        <v>11</v>
      </c>
    </row>
    <row r="35118" spans="1:43">
      <c r="A35118" t="s">
        <v>21769</v>
      </c>
      <c r="B35118" t="s">
        <v>21770</v>
      </c>
      <c r="C35118" t="s">
        <v>21761</v>
      </c>
      <c r="D35118" t="s">
        <v>21762</v>
      </c>
      <c r="E35118" t="s">
        <v>21751</v>
      </c>
      <c r="F35118" t="s">
        <v>21752</v>
      </c>
      <c r="G35118" t="s">
        <v>20255</v>
      </c>
      <c r="H35118" t="s">
        <v>20256</v>
      </c>
      <c r="I35118" s="2">
        <v>1</v>
      </c>
      <c r="J35118" s="2">
        <v>0</v>
      </c>
      <c r="K35118" s="2">
        <v>0</v>
      </c>
      <c r="L35118" t="s">
        <v>120</v>
      </c>
      <c r="M35118" t="s">
        <v>83</v>
      </c>
      <c r="N35118" t="s">
        <v>84</v>
      </c>
      <c r="O35118" t="s">
        <v>85</v>
      </c>
      <c r="P35118" t="s">
        <v>86</v>
      </c>
      <c r="Q35118">
        <v>11</v>
      </c>
      <c r="R35118">
        <v>11</v>
      </c>
      <c r="S35118">
        <v>11</v>
      </c>
      <c r="T35118">
        <v>12</v>
      </c>
      <c r="U35118">
        <v>12</v>
      </c>
      <c r="V35118">
        <v>12</v>
      </c>
      <c r="W35118">
        <v>12</v>
      </c>
      <c r="X35118">
        <v>12</v>
      </c>
      <c r="Y35118">
        <v>13</v>
      </c>
      <c r="Z35118">
        <v>13</v>
      </c>
      <c r="AA35118">
        <v>13</v>
      </c>
      <c r="AB35118">
        <v>13</v>
      </c>
      <c r="AC35118">
        <v>13</v>
      </c>
      <c r="AD35118">
        <v>14</v>
      </c>
      <c r="AE35118">
        <v>14</v>
      </c>
      <c r="AF35118">
        <v>14</v>
      </c>
      <c r="AG35118">
        <v>14</v>
      </c>
      <c r="AH35118">
        <v>14</v>
      </c>
      <c r="AI35118">
        <v>14</v>
      </c>
      <c r="AJ35118">
        <v>15</v>
      </c>
      <c r="AK35118">
        <v>15</v>
      </c>
      <c r="AL35118">
        <v>15</v>
      </c>
      <c r="AM35118">
        <v>15</v>
      </c>
      <c r="AN35118">
        <v>15</v>
      </c>
      <c r="AO35118">
        <v>15</v>
      </c>
      <c r="AP35118">
        <v>15</v>
      </c>
      <c r="AQ35118">
        <v>15</v>
      </c>
    </row>
    <row r="35119" spans="1:43">
      <c r="A35119" t="s">
        <v>21769</v>
      </c>
      <c r="B35119" t="s">
        <v>21770</v>
      </c>
      <c r="C35119" t="s">
        <v>21761</v>
      </c>
      <c r="D35119" t="s">
        <v>21762</v>
      </c>
      <c r="E35119" t="s">
        <v>21751</v>
      </c>
      <c r="F35119" t="s">
        <v>21752</v>
      </c>
      <c r="G35119" t="s">
        <v>20255</v>
      </c>
      <c r="H35119" t="s">
        <v>20256</v>
      </c>
      <c r="I35119" s="2">
        <v>1</v>
      </c>
      <c r="J35119" s="2">
        <v>0</v>
      </c>
      <c r="K35119" s="2">
        <v>0</v>
      </c>
      <c r="L35119" t="s">
        <v>120</v>
      </c>
      <c r="M35119" t="s">
        <v>87</v>
      </c>
      <c r="N35119" t="s">
        <v>88</v>
      </c>
      <c r="O35119" t="s">
        <v>85</v>
      </c>
      <c r="P35119" t="s">
        <v>86</v>
      </c>
      <c r="Q35119">
        <v>11</v>
      </c>
      <c r="R35119">
        <v>11</v>
      </c>
      <c r="S35119">
        <v>11</v>
      </c>
      <c r="T35119">
        <v>11</v>
      </c>
      <c r="U35119">
        <v>11</v>
      </c>
      <c r="V35119">
        <v>11</v>
      </c>
      <c r="W35119">
        <v>12</v>
      </c>
      <c r="X35119">
        <v>12</v>
      </c>
      <c r="Y35119">
        <v>12</v>
      </c>
      <c r="Z35119">
        <v>12</v>
      </c>
      <c r="AA35119">
        <v>12</v>
      </c>
      <c r="AB35119">
        <v>12</v>
      </c>
      <c r="AC35119">
        <v>12</v>
      </c>
      <c r="AD35119">
        <v>12</v>
      </c>
      <c r="AE35119">
        <v>12</v>
      </c>
      <c r="AF35119">
        <v>12</v>
      </c>
      <c r="AG35119">
        <v>12</v>
      </c>
      <c r="AH35119">
        <v>12</v>
      </c>
      <c r="AI35119">
        <v>13</v>
      </c>
      <c r="AJ35119">
        <v>13</v>
      </c>
      <c r="AK35119">
        <v>13</v>
      </c>
      <c r="AL35119">
        <v>13</v>
      </c>
      <c r="AM35119">
        <v>13</v>
      </c>
      <c r="AN35119">
        <v>13</v>
      </c>
      <c r="AO35119">
        <v>13</v>
      </c>
      <c r="AP35119">
        <v>13</v>
      </c>
      <c r="AQ35119">
        <v>13</v>
      </c>
    </row>
    <row r="35120" spans="1:43">
      <c r="A35120" t="s">
        <v>21769</v>
      </c>
      <c r="B35120" t="s">
        <v>21770</v>
      </c>
      <c r="C35120" t="s">
        <v>21761</v>
      </c>
      <c r="D35120" t="s">
        <v>21762</v>
      </c>
      <c r="E35120" t="s">
        <v>21751</v>
      </c>
      <c r="F35120" t="s">
        <v>21752</v>
      </c>
      <c r="G35120" t="s">
        <v>20255</v>
      </c>
      <c r="H35120" t="s">
        <v>20256</v>
      </c>
      <c r="I35120" s="2">
        <v>1</v>
      </c>
      <c r="J35120" s="2">
        <v>0</v>
      </c>
      <c r="K35120" s="2">
        <v>0</v>
      </c>
      <c r="L35120" t="s">
        <v>120</v>
      </c>
      <c r="M35120" t="s">
        <v>89</v>
      </c>
      <c r="N35120" t="s">
        <v>90</v>
      </c>
      <c r="O35120" t="s">
        <v>85</v>
      </c>
      <c r="P35120" t="s">
        <v>86</v>
      </c>
      <c r="Q35120">
        <v>11</v>
      </c>
      <c r="R35120">
        <v>11</v>
      </c>
      <c r="S35120">
        <v>12</v>
      </c>
      <c r="T35120">
        <v>12</v>
      </c>
      <c r="U35120">
        <v>12</v>
      </c>
      <c r="V35120">
        <v>13</v>
      </c>
      <c r="W35120">
        <v>13</v>
      </c>
      <c r="X35120">
        <v>13</v>
      </c>
      <c r="Y35120">
        <v>13</v>
      </c>
      <c r="Z35120">
        <v>14</v>
      </c>
      <c r="AA35120">
        <v>14</v>
      </c>
      <c r="AB35120">
        <v>14</v>
      </c>
      <c r="AC35120">
        <v>14</v>
      </c>
      <c r="AD35120">
        <v>14</v>
      </c>
      <c r="AE35120">
        <v>15</v>
      </c>
      <c r="AF35120">
        <v>15</v>
      </c>
      <c r="AG35120">
        <v>15</v>
      </c>
      <c r="AH35120">
        <v>15</v>
      </c>
      <c r="AI35120">
        <v>15</v>
      </c>
      <c r="AJ35120">
        <v>15</v>
      </c>
      <c r="AK35120">
        <v>15</v>
      </c>
      <c r="AL35120">
        <v>15</v>
      </c>
      <c r="AM35120">
        <v>15</v>
      </c>
      <c r="AN35120">
        <v>15</v>
      </c>
      <c r="AO35120">
        <v>15</v>
      </c>
      <c r="AP35120">
        <v>15</v>
      </c>
      <c r="AQ35120">
        <v>15</v>
      </c>
    </row>
    <row r="35121" spans="1:43">
      <c r="A35121" t="s">
        <v>21769</v>
      </c>
      <c r="B35121" t="s">
        <v>21770</v>
      </c>
      <c r="C35121" t="s">
        <v>21761</v>
      </c>
      <c r="D35121" t="s">
        <v>21762</v>
      </c>
      <c r="E35121" t="s">
        <v>21751</v>
      </c>
      <c r="F35121" t="s">
        <v>21752</v>
      </c>
      <c r="G35121" t="s">
        <v>20255</v>
      </c>
      <c r="H35121" t="s">
        <v>20256</v>
      </c>
      <c r="I35121" s="2">
        <v>1</v>
      </c>
      <c r="J35121" s="2">
        <v>0</v>
      </c>
      <c r="K35121" s="2">
        <v>0</v>
      </c>
      <c r="L35121" t="s">
        <v>120</v>
      </c>
      <c r="M35121" t="s">
        <v>83</v>
      </c>
      <c r="N35121" t="s">
        <v>91</v>
      </c>
      <c r="O35121" t="s">
        <v>85</v>
      </c>
      <c r="P35121" t="s">
        <v>86</v>
      </c>
      <c r="Q35121">
        <v>11</v>
      </c>
      <c r="R35121">
        <v>11</v>
      </c>
      <c r="S35121">
        <v>11</v>
      </c>
      <c r="T35121">
        <v>12</v>
      </c>
      <c r="U35121">
        <v>12</v>
      </c>
      <c r="V35121">
        <v>12</v>
      </c>
      <c r="W35121">
        <v>12</v>
      </c>
      <c r="X35121">
        <v>12</v>
      </c>
      <c r="Y35121">
        <v>13</v>
      </c>
      <c r="Z35121">
        <v>13</v>
      </c>
      <c r="AA35121">
        <v>13</v>
      </c>
      <c r="AB35121">
        <v>13</v>
      </c>
      <c r="AC35121">
        <v>13</v>
      </c>
      <c r="AD35121">
        <v>14</v>
      </c>
      <c r="AE35121">
        <v>14</v>
      </c>
      <c r="AF35121">
        <v>14</v>
      </c>
      <c r="AG35121">
        <v>14</v>
      </c>
      <c r="AH35121">
        <v>14</v>
      </c>
      <c r="AI35121">
        <v>14</v>
      </c>
      <c r="AJ35121">
        <v>15</v>
      </c>
      <c r="AK35121">
        <v>15</v>
      </c>
      <c r="AL35121">
        <v>15</v>
      </c>
      <c r="AM35121">
        <v>15</v>
      </c>
      <c r="AN35121">
        <v>15</v>
      </c>
      <c r="AO35121">
        <v>15</v>
      </c>
      <c r="AP35121">
        <v>15</v>
      </c>
      <c r="AQ35121">
        <v>15</v>
      </c>
    </row>
    <row r="35122" spans="1:43">
      <c r="A35122" t="s">
        <v>21771</v>
      </c>
      <c r="B35122" t="s">
        <v>21772</v>
      </c>
      <c r="C35122" t="s">
        <v>21773</v>
      </c>
      <c r="D35122" t="s">
        <v>21774</v>
      </c>
      <c r="E35122" t="s">
        <v>21751</v>
      </c>
      <c r="F35122" t="s">
        <v>21752</v>
      </c>
      <c r="G35122" t="s">
        <v>20255</v>
      </c>
      <c r="H35122" t="s">
        <v>20256</v>
      </c>
      <c r="I35122" s="2">
        <v>1</v>
      </c>
      <c r="J35122" s="2">
        <v>0</v>
      </c>
      <c r="K35122" s="2">
        <v>0</v>
      </c>
      <c r="L35122" t="s">
        <v>120</v>
      </c>
      <c r="M35122" t="s">
        <v>83</v>
      </c>
      <c r="N35122" t="s">
        <v>84</v>
      </c>
      <c r="O35122" t="s">
        <v>85</v>
      </c>
      <c r="P35122" t="s">
        <v>86</v>
      </c>
      <c r="Q35122">
        <v>8</v>
      </c>
      <c r="R35122">
        <v>8</v>
      </c>
      <c r="S35122">
        <v>8</v>
      </c>
      <c r="T35122">
        <v>8</v>
      </c>
      <c r="U35122">
        <v>8</v>
      </c>
      <c r="V35122">
        <v>8</v>
      </c>
      <c r="W35122">
        <v>8</v>
      </c>
      <c r="X35122">
        <v>9</v>
      </c>
      <c r="Y35122">
        <v>9</v>
      </c>
      <c r="Z35122">
        <v>9</v>
      </c>
      <c r="AA35122">
        <v>9</v>
      </c>
      <c r="AB35122">
        <v>9</v>
      </c>
      <c r="AC35122">
        <v>9</v>
      </c>
      <c r="AD35122">
        <v>9</v>
      </c>
      <c r="AE35122">
        <v>9</v>
      </c>
      <c r="AF35122">
        <v>10</v>
      </c>
      <c r="AG35122">
        <v>10</v>
      </c>
      <c r="AH35122">
        <v>10</v>
      </c>
      <c r="AI35122">
        <v>10</v>
      </c>
      <c r="AJ35122">
        <v>10</v>
      </c>
      <c r="AK35122">
        <v>10</v>
      </c>
      <c r="AL35122">
        <v>10</v>
      </c>
      <c r="AM35122">
        <v>10</v>
      </c>
      <c r="AN35122">
        <v>10</v>
      </c>
      <c r="AO35122">
        <v>10</v>
      </c>
      <c r="AP35122">
        <v>10</v>
      </c>
      <c r="AQ35122">
        <v>10</v>
      </c>
    </row>
    <row r="35123" spans="1:43">
      <c r="A35123" t="s">
        <v>21771</v>
      </c>
      <c r="B35123" t="s">
        <v>21772</v>
      </c>
      <c r="C35123" t="s">
        <v>21773</v>
      </c>
      <c r="D35123" t="s">
        <v>21774</v>
      </c>
      <c r="E35123" t="s">
        <v>21751</v>
      </c>
      <c r="F35123" t="s">
        <v>21752</v>
      </c>
      <c r="G35123" t="s">
        <v>20255</v>
      </c>
      <c r="H35123" t="s">
        <v>20256</v>
      </c>
      <c r="I35123" s="2">
        <v>1</v>
      </c>
      <c r="J35123" s="2">
        <v>0</v>
      </c>
      <c r="K35123" s="2">
        <v>0</v>
      </c>
      <c r="L35123" t="s">
        <v>120</v>
      </c>
      <c r="M35123" t="s">
        <v>87</v>
      </c>
      <c r="N35123" t="s">
        <v>88</v>
      </c>
      <c r="O35123" t="s">
        <v>85</v>
      </c>
      <c r="P35123" t="s">
        <v>86</v>
      </c>
      <c r="Q35123">
        <v>8</v>
      </c>
      <c r="R35123">
        <v>8</v>
      </c>
      <c r="S35123">
        <v>8</v>
      </c>
      <c r="T35123">
        <v>8</v>
      </c>
      <c r="U35123">
        <v>8</v>
      </c>
      <c r="V35123">
        <v>8</v>
      </c>
      <c r="W35123">
        <v>8</v>
      </c>
      <c r="X35123">
        <v>8</v>
      </c>
      <c r="Y35123">
        <v>8</v>
      </c>
      <c r="Z35123">
        <v>8</v>
      </c>
      <c r="AA35123">
        <v>8</v>
      </c>
      <c r="AB35123">
        <v>8</v>
      </c>
      <c r="AC35123">
        <v>8</v>
      </c>
      <c r="AD35123">
        <v>8</v>
      </c>
      <c r="AE35123">
        <v>8</v>
      </c>
      <c r="AF35123">
        <v>8</v>
      </c>
      <c r="AG35123">
        <v>8</v>
      </c>
      <c r="AH35123">
        <v>9</v>
      </c>
      <c r="AI35123">
        <v>9</v>
      </c>
      <c r="AJ35123">
        <v>9</v>
      </c>
      <c r="AK35123">
        <v>9</v>
      </c>
      <c r="AL35123">
        <v>9</v>
      </c>
      <c r="AM35123">
        <v>9</v>
      </c>
      <c r="AN35123">
        <v>9</v>
      </c>
      <c r="AO35123">
        <v>9</v>
      </c>
      <c r="AP35123">
        <v>9</v>
      </c>
      <c r="AQ35123">
        <v>9</v>
      </c>
    </row>
    <row r="35124" spans="1:43">
      <c r="A35124" t="s">
        <v>21771</v>
      </c>
      <c r="B35124" t="s">
        <v>21772</v>
      </c>
      <c r="C35124" t="s">
        <v>21773</v>
      </c>
      <c r="D35124" t="s">
        <v>21774</v>
      </c>
      <c r="E35124" t="s">
        <v>21751</v>
      </c>
      <c r="F35124" t="s">
        <v>21752</v>
      </c>
      <c r="G35124" t="s">
        <v>20255</v>
      </c>
      <c r="H35124" t="s">
        <v>20256</v>
      </c>
      <c r="I35124" s="2">
        <v>1</v>
      </c>
      <c r="J35124" s="2">
        <v>0</v>
      </c>
      <c r="K35124" s="2">
        <v>0</v>
      </c>
      <c r="L35124" t="s">
        <v>120</v>
      </c>
      <c r="M35124" t="s">
        <v>89</v>
      </c>
      <c r="N35124" t="s">
        <v>90</v>
      </c>
      <c r="O35124" t="s">
        <v>85</v>
      </c>
      <c r="P35124" t="s">
        <v>86</v>
      </c>
      <c r="Q35124">
        <v>8</v>
      </c>
      <c r="R35124">
        <v>8</v>
      </c>
      <c r="S35124">
        <v>8</v>
      </c>
      <c r="T35124">
        <v>8</v>
      </c>
      <c r="U35124">
        <v>9</v>
      </c>
      <c r="V35124">
        <v>9</v>
      </c>
      <c r="W35124">
        <v>9</v>
      </c>
      <c r="X35124">
        <v>9</v>
      </c>
      <c r="Y35124">
        <v>9</v>
      </c>
      <c r="Z35124">
        <v>9</v>
      </c>
      <c r="AA35124">
        <v>10</v>
      </c>
      <c r="AB35124">
        <v>10</v>
      </c>
      <c r="AC35124">
        <v>10</v>
      </c>
      <c r="AD35124">
        <v>10</v>
      </c>
      <c r="AE35124">
        <v>10</v>
      </c>
      <c r="AF35124">
        <v>10</v>
      </c>
      <c r="AG35124">
        <v>10</v>
      </c>
      <c r="AH35124">
        <v>10</v>
      </c>
      <c r="AI35124">
        <v>10</v>
      </c>
      <c r="AJ35124">
        <v>10</v>
      </c>
      <c r="AK35124">
        <v>10</v>
      </c>
      <c r="AL35124">
        <v>10</v>
      </c>
      <c r="AM35124">
        <v>10</v>
      </c>
      <c r="AN35124">
        <v>10</v>
      </c>
      <c r="AO35124">
        <v>10</v>
      </c>
      <c r="AP35124">
        <v>10</v>
      </c>
      <c r="AQ35124">
        <v>10</v>
      </c>
    </row>
    <row r="35125" spans="1:43">
      <c r="A35125" t="s">
        <v>21771</v>
      </c>
      <c r="B35125" t="s">
        <v>21772</v>
      </c>
      <c r="C35125" t="s">
        <v>21773</v>
      </c>
      <c r="D35125" t="s">
        <v>21774</v>
      </c>
      <c r="E35125" t="s">
        <v>21751</v>
      </c>
      <c r="F35125" t="s">
        <v>21752</v>
      </c>
      <c r="G35125" t="s">
        <v>20255</v>
      </c>
      <c r="H35125" t="s">
        <v>20256</v>
      </c>
      <c r="I35125" s="2">
        <v>1</v>
      </c>
      <c r="J35125" s="2">
        <v>0</v>
      </c>
      <c r="K35125" s="2">
        <v>0</v>
      </c>
      <c r="L35125" t="s">
        <v>120</v>
      </c>
      <c r="M35125" t="s">
        <v>83</v>
      </c>
      <c r="N35125" t="s">
        <v>91</v>
      </c>
      <c r="O35125" t="s">
        <v>85</v>
      </c>
      <c r="P35125" t="s">
        <v>86</v>
      </c>
      <c r="Q35125">
        <v>8</v>
      </c>
      <c r="R35125">
        <v>8</v>
      </c>
      <c r="S35125">
        <v>8</v>
      </c>
      <c r="T35125">
        <v>8</v>
      </c>
      <c r="U35125">
        <v>8</v>
      </c>
      <c r="V35125">
        <v>8</v>
      </c>
      <c r="W35125">
        <v>8</v>
      </c>
      <c r="X35125">
        <v>9</v>
      </c>
      <c r="Y35125">
        <v>9</v>
      </c>
      <c r="Z35125">
        <v>9</v>
      </c>
      <c r="AA35125">
        <v>9</v>
      </c>
      <c r="AB35125">
        <v>9</v>
      </c>
      <c r="AC35125">
        <v>9</v>
      </c>
      <c r="AD35125">
        <v>9</v>
      </c>
      <c r="AE35125">
        <v>9</v>
      </c>
      <c r="AF35125">
        <v>10</v>
      </c>
      <c r="AG35125">
        <v>10</v>
      </c>
      <c r="AH35125">
        <v>10</v>
      </c>
      <c r="AI35125">
        <v>10</v>
      </c>
      <c r="AJ35125">
        <v>10</v>
      </c>
      <c r="AK35125">
        <v>10</v>
      </c>
      <c r="AL35125">
        <v>10</v>
      </c>
      <c r="AM35125">
        <v>10</v>
      </c>
      <c r="AN35125">
        <v>10</v>
      </c>
      <c r="AO35125">
        <v>10</v>
      </c>
      <c r="AP35125">
        <v>10</v>
      </c>
      <c r="AQ35125">
        <v>10</v>
      </c>
    </row>
    <row r="35126" spans="1:43">
      <c r="A35126" t="s">
        <v>21775</v>
      </c>
      <c r="B35126" t="s">
        <v>21776</v>
      </c>
      <c r="C35126" t="s">
        <v>21773</v>
      </c>
      <c r="D35126" t="s">
        <v>21774</v>
      </c>
      <c r="E35126" t="s">
        <v>21751</v>
      </c>
      <c r="F35126" t="s">
        <v>21752</v>
      </c>
      <c r="G35126" t="s">
        <v>20255</v>
      </c>
      <c r="H35126" t="s">
        <v>20256</v>
      </c>
      <c r="I35126" s="2">
        <v>1</v>
      </c>
      <c r="J35126" s="2">
        <v>0</v>
      </c>
      <c r="K35126" s="2">
        <v>0</v>
      </c>
      <c r="L35126" t="s">
        <v>120</v>
      </c>
      <c r="M35126" t="s">
        <v>83</v>
      </c>
      <c r="N35126" t="s">
        <v>84</v>
      </c>
      <c r="O35126" t="s">
        <v>85</v>
      </c>
      <c r="P35126" t="s">
        <v>86</v>
      </c>
      <c r="Q35126">
        <v>18</v>
      </c>
      <c r="R35126">
        <v>18</v>
      </c>
      <c r="S35126">
        <v>19</v>
      </c>
      <c r="T35126">
        <v>19</v>
      </c>
      <c r="U35126">
        <v>19</v>
      </c>
      <c r="V35126">
        <v>19</v>
      </c>
      <c r="W35126">
        <v>20</v>
      </c>
      <c r="X35126">
        <v>20</v>
      </c>
      <c r="Y35126">
        <v>20</v>
      </c>
      <c r="Z35126">
        <v>21</v>
      </c>
      <c r="AA35126">
        <v>21</v>
      </c>
      <c r="AB35126">
        <v>21</v>
      </c>
      <c r="AC35126">
        <v>22</v>
      </c>
      <c r="AD35126">
        <v>22</v>
      </c>
      <c r="AE35126">
        <v>22</v>
      </c>
      <c r="AF35126">
        <v>22</v>
      </c>
      <c r="AG35126">
        <v>23</v>
      </c>
      <c r="AH35126">
        <v>23</v>
      </c>
      <c r="AI35126">
        <v>23</v>
      </c>
      <c r="AJ35126">
        <v>23</v>
      </c>
      <c r="AK35126">
        <v>24</v>
      </c>
      <c r="AL35126">
        <v>24</v>
      </c>
      <c r="AM35126">
        <v>24</v>
      </c>
      <c r="AN35126">
        <v>24</v>
      </c>
      <c r="AO35126">
        <v>24</v>
      </c>
      <c r="AP35126">
        <v>24</v>
      </c>
      <c r="AQ35126">
        <v>24</v>
      </c>
    </row>
    <row r="35127" spans="1:43">
      <c r="A35127" t="s">
        <v>21775</v>
      </c>
      <c r="B35127" t="s">
        <v>21776</v>
      </c>
      <c r="C35127" t="s">
        <v>21773</v>
      </c>
      <c r="D35127" t="s">
        <v>21774</v>
      </c>
      <c r="E35127" t="s">
        <v>21751</v>
      </c>
      <c r="F35127" t="s">
        <v>21752</v>
      </c>
      <c r="G35127" t="s">
        <v>20255</v>
      </c>
      <c r="H35127" t="s">
        <v>20256</v>
      </c>
      <c r="I35127" s="2">
        <v>1</v>
      </c>
      <c r="J35127" s="2">
        <v>0</v>
      </c>
      <c r="K35127" s="2">
        <v>0</v>
      </c>
      <c r="L35127" t="s">
        <v>120</v>
      </c>
      <c r="M35127" t="s">
        <v>87</v>
      </c>
      <c r="N35127" t="s">
        <v>88</v>
      </c>
      <c r="O35127" t="s">
        <v>85</v>
      </c>
      <c r="P35127" t="s">
        <v>86</v>
      </c>
      <c r="Q35127">
        <v>18</v>
      </c>
      <c r="R35127">
        <v>18</v>
      </c>
      <c r="S35127">
        <v>18</v>
      </c>
      <c r="T35127">
        <v>18</v>
      </c>
      <c r="U35127">
        <v>18</v>
      </c>
      <c r="V35127">
        <v>18</v>
      </c>
      <c r="W35127">
        <v>19</v>
      </c>
      <c r="X35127">
        <v>19</v>
      </c>
      <c r="Y35127">
        <v>19</v>
      </c>
      <c r="Z35127">
        <v>19</v>
      </c>
      <c r="AA35127">
        <v>19</v>
      </c>
      <c r="AB35127">
        <v>19</v>
      </c>
      <c r="AC35127">
        <v>19</v>
      </c>
      <c r="AD35127">
        <v>20</v>
      </c>
      <c r="AE35127">
        <v>20</v>
      </c>
      <c r="AF35127">
        <v>20</v>
      </c>
      <c r="AG35127">
        <v>20</v>
      </c>
      <c r="AH35127">
        <v>20</v>
      </c>
      <c r="AI35127">
        <v>20</v>
      </c>
      <c r="AJ35127">
        <v>20</v>
      </c>
      <c r="AK35127">
        <v>20</v>
      </c>
      <c r="AL35127">
        <v>20</v>
      </c>
      <c r="AM35127">
        <v>21</v>
      </c>
      <c r="AN35127">
        <v>21</v>
      </c>
      <c r="AO35127">
        <v>21</v>
      </c>
      <c r="AP35127">
        <v>21</v>
      </c>
      <c r="AQ35127">
        <v>21</v>
      </c>
    </row>
    <row r="35128" spans="1:43">
      <c r="A35128" t="s">
        <v>21775</v>
      </c>
      <c r="B35128" t="s">
        <v>21776</v>
      </c>
      <c r="C35128" t="s">
        <v>21773</v>
      </c>
      <c r="D35128" t="s">
        <v>21774</v>
      </c>
      <c r="E35128" t="s">
        <v>21751</v>
      </c>
      <c r="F35128" t="s">
        <v>21752</v>
      </c>
      <c r="G35128" t="s">
        <v>20255</v>
      </c>
      <c r="H35128" t="s">
        <v>20256</v>
      </c>
      <c r="I35128" s="2">
        <v>1</v>
      </c>
      <c r="J35128" s="2">
        <v>0</v>
      </c>
      <c r="K35128" s="2">
        <v>0</v>
      </c>
      <c r="L35128" t="s">
        <v>120</v>
      </c>
      <c r="M35128" t="s">
        <v>89</v>
      </c>
      <c r="N35128" t="s">
        <v>90</v>
      </c>
      <c r="O35128" t="s">
        <v>85</v>
      </c>
      <c r="P35128" t="s">
        <v>86</v>
      </c>
      <c r="Q35128">
        <v>18</v>
      </c>
      <c r="R35128">
        <v>19</v>
      </c>
      <c r="S35128">
        <v>19</v>
      </c>
      <c r="T35128">
        <v>19</v>
      </c>
      <c r="U35128">
        <v>20</v>
      </c>
      <c r="V35128">
        <v>20</v>
      </c>
      <c r="W35128">
        <v>21</v>
      </c>
      <c r="X35128">
        <v>21</v>
      </c>
      <c r="Y35128">
        <v>22</v>
      </c>
      <c r="Z35128">
        <v>22</v>
      </c>
      <c r="AA35128">
        <v>22</v>
      </c>
      <c r="AB35128">
        <v>23</v>
      </c>
      <c r="AC35128">
        <v>23</v>
      </c>
      <c r="AD35128">
        <v>23</v>
      </c>
      <c r="AE35128">
        <v>24</v>
      </c>
      <c r="AF35128">
        <v>24</v>
      </c>
      <c r="AG35128">
        <v>24</v>
      </c>
      <c r="AH35128">
        <v>24</v>
      </c>
      <c r="AI35128">
        <v>24</v>
      </c>
      <c r="AJ35128">
        <v>24</v>
      </c>
      <c r="AK35128">
        <v>24</v>
      </c>
      <c r="AL35128">
        <v>24</v>
      </c>
      <c r="AM35128">
        <v>24</v>
      </c>
      <c r="AN35128">
        <v>24</v>
      </c>
      <c r="AO35128">
        <v>24</v>
      </c>
      <c r="AP35128">
        <v>24</v>
      </c>
      <c r="AQ35128">
        <v>24</v>
      </c>
    </row>
    <row r="35129" spans="1:43">
      <c r="A35129" t="s">
        <v>21775</v>
      </c>
      <c r="B35129" t="s">
        <v>21776</v>
      </c>
      <c r="C35129" t="s">
        <v>21773</v>
      </c>
      <c r="D35129" t="s">
        <v>21774</v>
      </c>
      <c r="E35129" t="s">
        <v>21751</v>
      </c>
      <c r="F35129" t="s">
        <v>21752</v>
      </c>
      <c r="G35129" t="s">
        <v>20255</v>
      </c>
      <c r="H35129" t="s">
        <v>20256</v>
      </c>
      <c r="I35129" s="2">
        <v>1</v>
      </c>
      <c r="J35129" s="2">
        <v>0</v>
      </c>
      <c r="K35129" s="2">
        <v>0</v>
      </c>
      <c r="L35129" t="s">
        <v>120</v>
      </c>
      <c r="M35129" t="s">
        <v>83</v>
      </c>
      <c r="N35129" t="s">
        <v>91</v>
      </c>
      <c r="O35129" t="s">
        <v>85</v>
      </c>
      <c r="P35129" t="s">
        <v>86</v>
      </c>
      <c r="Q35129">
        <v>18</v>
      </c>
      <c r="R35129">
        <v>18</v>
      </c>
      <c r="S35129">
        <v>19</v>
      </c>
      <c r="T35129">
        <v>19</v>
      </c>
      <c r="U35129">
        <v>19</v>
      </c>
      <c r="V35129">
        <v>19</v>
      </c>
      <c r="W35129">
        <v>20</v>
      </c>
      <c r="X35129">
        <v>20</v>
      </c>
      <c r="Y35129">
        <v>20</v>
      </c>
      <c r="Z35129">
        <v>21</v>
      </c>
      <c r="AA35129">
        <v>21</v>
      </c>
      <c r="AB35129">
        <v>21</v>
      </c>
      <c r="AC35129">
        <v>22</v>
      </c>
      <c r="AD35129">
        <v>22</v>
      </c>
      <c r="AE35129">
        <v>22</v>
      </c>
      <c r="AF35129">
        <v>22</v>
      </c>
      <c r="AG35129">
        <v>23</v>
      </c>
      <c r="AH35129">
        <v>23</v>
      </c>
      <c r="AI35129">
        <v>23</v>
      </c>
      <c r="AJ35129">
        <v>23</v>
      </c>
      <c r="AK35129">
        <v>24</v>
      </c>
      <c r="AL35129">
        <v>24</v>
      </c>
      <c r="AM35129">
        <v>24</v>
      </c>
      <c r="AN35129">
        <v>24</v>
      </c>
      <c r="AO35129">
        <v>24</v>
      </c>
      <c r="AP35129">
        <v>24</v>
      </c>
      <c r="AQ35129">
        <v>24</v>
      </c>
    </row>
    <row r="35130" spans="1:43">
      <c r="A35130" t="s">
        <v>21777</v>
      </c>
      <c r="B35130" t="s">
        <v>21778</v>
      </c>
      <c r="C35130" t="s">
        <v>21773</v>
      </c>
      <c r="D35130" t="s">
        <v>21774</v>
      </c>
      <c r="E35130" t="s">
        <v>21751</v>
      </c>
      <c r="F35130" t="s">
        <v>21752</v>
      </c>
      <c r="G35130" t="s">
        <v>20255</v>
      </c>
      <c r="H35130" t="s">
        <v>20256</v>
      </c>
      <c r="I35130" s="2">
        <v>1</v>
      </c>
      <c r="J35130" s="2">
        <v>0</v>
      </c>
      <c r="K35130" s="2">
        <v>0</v>
      </c>
      <c r="L35130" t="s">
        <v>120</v>
      </c>
      <c r="M35130" t="s">
        <v>83</v>
      </c>
      <c r="N35130" t="s">
        <v>84</v>
      </c>
      <c r="O35130" t="s">
        <v>85</v>
      </c>
      <c r="P35130" t="s">
        <v>86</v>
      </c>
      <c r="Q35130">
        <v>23</v>
      </c>
      <c r="R35130">
        <v>23</v>
      </c>
      <c r="S35130">
        <v>23</v>
      </c>
      <c r="T35130">
        <v>24</v>
      </c>
      <c r="U35130">
        <v>24</v>
      </c>
      <c r="V35130">
        <v>25</v>
      </c>
      <c r="W35130">
        <v>25</v>
      </c>
      <c r="X35130">
        <v>25</v>
      </c>
      <c r="Y35130">
        <v>26</v>
      </c>
      <c r="Z35130">
        <v>26</v>
      </c>
      <c r="AA35130">
        <v>27</v>
      </c>
      <c r="AB35130">
        <v>27</v>
      </c>
      <c r="AC35130">
        <v>27</v>
      </c>
      <c r="AD35130">
        <v>28</v>
      </c>
      <c r="AE35130">
        <v>28</v>
      </c>
      <c r="AF35130">
        <v>28</v>
      </c>
      <c r="AG35130">
        <v>29</v>
      </c>
      <c r="AH35130">
        <v>29</v>
      </c>
      <c r="AI35130">
        <v>29</v>
      </c>
      <c r="AJ35130">
        <v>30</v>
      </c>
      <c r="AK35130">
        <v>30</v>
      </c>
      <c r="AL35130">
        <v>30</v>
      </c>
      <c r="AM35130">
        <v>30</v>
      </c>
      <c r="AN35130">
        <v>30</v>
      </c>
      <c r="AO35130">
        <v>30</v>
      </c>
      <c r="AP35130">
        <v>30</v>
      </c>
      <c r="AQ35130">
        <v>30</v>
      </c>
    </row>
    <row r="35131" spans="1:43">
      <c r="A35131" t="s">
        <v>21777</v>
      </c>
      <c r="B35131" t="s">
        <v>21778</v>
      </c>
      <c r="C35131" t="s">
        <v>21773</v>
      </c>
      <c r="D35131" t="s">
        <v>21774</v>
      </c>
      <c r="E35131" t="s">
        <v>21751</v>
      </c>
      <c r="F35131" t="s">
        <v>21752</v>
      </c>
      <c r="G35131" t="s">
        <v>20255</v>
      </c>
      <c r="H35131" t="s">
        <v>20256</v>
      </c>
      <c r="I35131" s="2">
        <v>1</v>
      </c>
      <c r="J35131" s="2">
        <v>0</v>
      </c>
      <c r="K35131" s="2">
        <v>0</v>
      </c>
      <c r="L35131" t="s">
        <v>120</v>
      </c>
      <c r="M35131" t="s">
        <v>87</v>
      </c>
      <c r="N35131" t="s">
        <v>88</v>
      </c>
      <c r="O35131" t="s">
        <v>85</v>
      </c>
      <c r="P35131" t="s">
        <v>86</v>
      </c>
      <c r="Q35131">
        <v>23</v>
      </c>
      <c r="R35131">
        <v>24</v>
      </c>
      <c r="S35131">
        <v>24</v>
      </c>
      <c r="T35131">
        <v>24</v>
      </c>
      <c r="U35131">
        <v>24</v>
      </c>
      <c r="V35131">
        <v>24</v>
      </c>
      <c r="W35131">
        <v>25</v>
      </c>
      <c r="X35131">
        <v>25</v>
      </c>
      <c r="Y35131">
        <v>25</v>
      </c>
      <c r="Z35131">
        <v>25</v>
      </c>
      <c r="AA35131">
        <v>25</v>
      </c>
      <c r="AB35131">
        <v>25</v>
      </c>
      <c r="AC35131">
        <v>26</v>
      </c>
      <c r="AD35131">
        <v>26</v>
      </c>
      <c r="AE35131">
        <v>26</v>
      </c>
      <c r="AF35131">
        <v>26</v>
      </c>
      <c r="AG35131">
        <v>26</v>
      </c>
      <c r="AH35131">
        <v>26</v>
      </c>
      <c r="AI35131">
        <v>27</v>
      </c>
      <c r="AJ35131">
        <v>27</v>
      </c>
      <c r="AK35131">
        <v>27</v>
      </c>
      <c r="AL35131">
        <v>27</v>
      </c>
      <c r="AM35131">
        <v>27</v>
      </c>
      <c r="AN35131">
        <v>27</v>
      </c>
      <c r="AO35131">
        <v>27</v>
      </c>
      <c r="AP35131">
        <v>27</v>
      </c>
      <c r="AQ35131">
        <v>28</v>
      </c>
    </row>
    <row r="35132" spans="1:43">
      <c r="A35132" t="s">
        <v>21777</v>
      </c>
      <c r="B35132" t="s">
        <v>21778</v>
      </c>
      <c r="C35132" t="s">
        <v>21773</v>
      </c>
      <c r="D35132" t="s">
        <v>21774</v>
      </c>
      <c r="E35132" t="s">
        <v>21751</v>
      </c>
      <c r="F35132" t="s">
        <v>21752</v>
      </c>
      <c r="G35132" t="s">
        <v>20255</v>
      </c>
      <c r="H35132" t="s">
        <v>20256</v>
      </c>
      <c r="I35132" s="2">
        <v>1</v>
      </c>
      <c r="J35132" s="2">
        <v>0</v>
      </c>
      <c r="K35132" s="2">
        <v>0</v>
      </c>
      <c r="L35132" t="s">
        <v>120</v>
      </c>
      <c r="M35132" t="s">
        <v>89</v>
      </c>
      <c r="N35132" t="s">
        <v>90</v>
      </c>
      <c r="O35132" t="s">
        <v>85</v>
      </c>
      <c r="P35132" t="s">
        <v>86</v>
      </c>
      <c r="Q35132">
        <v>23</v>
      </c>
      <c r="R35132">
        <v>23</v>
      </c>
      <c r="S35132">
        <v>24</v>
      </c>
      <c r="T35132">
        <v>25</v>
      </c>
      <c r="U35132">
        <v>25</v>
      </c>
      <c r="V35132">
        <v>26</v>
      </c>
      <c r="W35132">
        <v>26</v>
      </c>
      <c r="X35132">
        <v>27</v>
      </c>
      <c r="Y35132">
        <v>27</v>
      </c>
      <c r="Z35132">
        <v>28</v>
      </c>
      <c r="AA35132">
        <v>28</v>
      </c>
      <c r="AB35132">
        <v>29</v>
      </c>
      <c r="AC35132">
        <v>29</v>
      </c>
      <c r="AD35132">
        <v>30</v>
      </c>
      <c r="AE35132">
        <v>30</v>
      </c>
      <c r="AF35132">
        <v>30</v>
      </c>
      <c r="AG35132">
        <v>30</v>
      </c>
      <c r="AH35132">
        <v>30</v>
      </c>
      <c r="AI35132">
        <v>30</v>
      </c>
      <c r="AJ35132">
        <v>30</v>
      </c>
      <c r="AK35132">
        <v>30</v>
      </c>
      <c r="AL35132">
        <v>30</v>
      </c>
      <c r="AM35132">
        <v>30</v>
      </c>
      <c r="AN35132">
        <v>31</v>
      </c>
      <c r="AO35132">
        <v>31</v>
      </c>
      <c r="AP35132">
        <v>31</v>
      </c>
      <c r="AQ35132">
        <v>31</v>
      </c>
    </row>
    <row r="35133" spans="1:43">
      <c r="A35133" t="s">
        <v>21777</v>
      </c>
      <c r="B35133" t="s">
        <v>21778</v>
      </c>
      <c r="C35133" t="s">
        <v>21773</v>
      </c>
      <c r="D35133" t="s">
        <v>21774</v>
      </c>
      <c r="E35133" t="s">
        <v>21751</v>
      </c>
      <c r="F35133" t="s">
        <v>21752</v>
      </c>
      <c r="G35133" t="s">
        <v>20255</v>
      </c>
      <c r="H35133" t="s">
        <v>20256</v>
      </c>
      <c r="I35133" s="2">
        <v>1</v>
      </c>
      <c r="J35133" s="2">
        <v>0</v>
      </c>
      <c r="K35133" s="2">
        <v>0</v>
      </c>
      <c r="L35133" t="s">
        <v>120</v>
      </c>
      <c r="M35133" t="s">
        <v>83</v>
      </c>
      <c r="N35133" t="s">
        <v>91</v>
      </c>
      <c r="O35133" t="s">
        <v>85</v>
      </c>
      <c r="P35133" t="s">
        <v>86</v>
      </c>
      <c r="Q35133">
        <v>23</v>
      </c>
      <c r="R35133">
        <v>23</v>
      </c>
      <c r="S35133">
        <v>23</v>
      </c>
      <c r="T35133">
        <v>24</v>
      </c>
      <c r="U35133">
        <v>24</v>
      </c>
      <c r="V35133">
        <v>25</v>
      </c>
      <c r="W35133">
        <v>25</v>
      </c>
      <c r="X35133">
        <v>25</v>
      </c>
      <c r="Y35133">
        <v>26</v>
      </c>
      <c r="Z35133">
        <v>26</v>
      </c>
      <c r="AA35133">
        <v>27</v>
      </c>
      <c r="AB35133">
        <v>27</v>
      </c>
      <c r="AC35133">
        <v>27</v>
      </c>
      <c r="AD35133">
        <v>28</v>
      </c>
      <c r="AE35133">
        <v>28</v>
      </c>
      <c r="AF35133">
        <v>28</v>
      </c>
      <c r="AG35133">
        <v>29</v>
      </c>
      <c r="AH35133">
        <v>29</v>
      </c>
      <c r="AI35133">
        <v>29</v>
      </c>
      <c r="AJ35133">
        <v>30</v>
      </c>
      <c r="AK35133">
        <v>30</v>
      </c>
      <c r="AL35133">
        <v>30</v>
      </c>
      <c r="AM35133">
        <v>30</v>
      </c>
      <c r="AN35133">
        <v>30</v>
      </c>
      <c r="AO35133">
        <v>30</v>
      </c>
      <c r="AP35133">
        <v>30</v>
      </c>
      <c r="AQ35133">
        <v>30</v>
      </c>
    </row>
    <row r="35134" spans="1:43">
      <c r="A35134" t="s">
        <v>21779</v>
      </c>
      <c r="B35134" t="s">
        <v>21780</v>
      </c>
      <c r="C35134" t="s">
        <v>21773</v>
      </c>
      <c r="D35134" t="s">
        <v>21774</v>
      </c>
      <c r="E35134" t="s">
        <v>21751</v>
      </c>
      <c r="F35134" t="s">
        <v>21752</v>
      </c>
      <c r="G35134" t="s">
        <v>20255</v>
      </c>
      <c r="H35134" t="s">
        <v>20256</v>
      </c>
      <c r="I35134" s="2">
        <v>1</v>
      </c>
      <c r="J35134" s="2">
        <v>0</v>
      </c>
      <c r="K35134" s="2">
        <v>0</v>
      </c>
      <c r="L35134" t="s">
        <v>120</v>
      </c>
      <c r="M35134" t="s">
        <v>83</v>
      </c>
      <c r="N35134" t="s">
        <v>84</v>
      </c>
      <c r="O35134" t="s">
        <v>85</v>
      </c>
      <c r="P35134" t="s">
        <v>86</v>
      </c>
      <c r="Q35134">
        <v>24</v>
      </c>
      <c r="R35134">
        <v>25</v>
      </c>
      <c r="S35134">
        <v>25</v>
      </c>
      <c r="T35134">
        <v>25</v>
      </c>
      <c r="U35134">
        <v>26</v>
      </c>
      <c r="V35134">
        <v>26</v>
      </c>
      <c r="W35134">
        <v>27</v>
      </c>
      <c r="X35134">
        <v>27</v>
      </c>
      <c r="Y35134">
        <v>28</v>
      </c>
      <c r="Z35134">
        <v>28</v>
      </c>
      <c r="AA35134">
        <v>28</v>
      </c>
      <c r="AB35134">
        <v>29</v>
      </c>
      <c r="AC35134">
        <v>29</v>
      </c>
      <c r="AD35134">
        <v>29</v>
      </c>
      <c r="AE35134">
        <v>30</v>
      </c>
      <c r="AF35134">
        <v>30</v>
      </c>
      <c r="AG35134">
        <v>31</v>
      </c>
      <c r="AH35134">
        <v>31</v>
      </c>
      <c r="AI35134">
        <v>31</v>
      </c>
      <c r="AJ35134">
        <v>32</v>
      </c>
      <c r="AK35134">
        <v>32</v>
      </c>
      <c r="AL35134">
        <v>32</v>
      </c>
      <c r="AM35134">
        <v>32</v>
      </c>
      <c r="AN35134">
        <v>32</v>
      </c>
      <c r="AO35134">
        <v>32</v>
      </c>
      <c r="AP35134">
        <v>32</v>
      </c>
      <c r="AQ35134">
        <v>32</v>
      </c>
    </row>
    <row r="35135" spans="1:43">
      <c r="A35135" t="s">
        <v>21779</v>
      </c>
      <c r="B35135" t="s">
        <v>21780</v>
      </c>
      <c r="C35135" t="s">
        <v>21773</v>
      </c>
      <c r="D35135" t="s">
        <v>21774</v>
      </c>
      <c r="E35135" t="s">
        <v>21751</v>
      </c>
      <c r="F35135" t="s">
        <v>21752</v>
      </c>
      <c r="G35135" t="s">
        <v>20255</v>
      </c>
      <c r="H35135" t="s">
        <v>20256</v>
      </c>
      <c r="I35135" s="2">
        <v>1</v>
      </c>
      <c r="J35135" s="2">
        <v>0</v>
      </c>
      <c r="K35135" s="2">
        <v>0</v>
      </c>
      <c r="L35135" t="s">
        <v>120</v>
      </c>
      <c r="M35135" t="s">
        <v>87</v>
      </c>
      <c r="N35135" t="s">
        <v>88</v>
      </c>
      <c r="O35135" t="s">
        <v>85</v>
      </c>
      <c r="P35135" t="s">
        <v>86</v>
      </c>
      <c r="Q35135">
        <v>24</v>
      </c>
      <c r="R35135">
        <v>24</v>
      </c>
      <c r="S35135">
        <v>24</v>
      </c>
      <c r="T35135">
        <v>24</v>
      </c>
      <c r="U35135">
        <v>25</v>
      </c>
      <c r="V35135">
        <v>25</v>
      </c>
      <c r="W35135">
        <v>25</v>
      </c>
      <c r="X35135">
        <v>25</v>
      </c>
      <c r="Y35135">
        <v>25</v>
      </c>
      <c r="Z35135">
        <v>26</v>
      </c>
      <c r="AA35135">
        <v>26</v>
      </c>
      <c r="AB35135">
        <v>26</v>
      </c>
      <c r="AC35135">
        <v>26</v>
      </c>
      <c r="AD35135">
        <v>26</v>
      </c>
      <c r="AE35135">
        <v>26</v>
      </c>
      <c r="AF35135">
        <v>27</v>
      </c>
      <c r="AG35135">
        <v>27</v>
      </c>
      <c r="AH35135">
        <v>27</v>
      </c>
      <c r="AI35135">
        <v>27</v>
      </c>
      <c r="AJ35135">
        <v>27</v>
      </c>
      <c r="AK35135">
        <v>27</v>
      </c>
      <c r="AL35135">
        <v>28</v>
      </c>
      <c r="AM35135">
        <v>28</v>
      </c>
      <c r="AN35135">
        <v>28</v>
      </c>
      <c r="AO35135">
        <v>28</v>
      </c>
      <c r="AP35135">
        <v>28</v>
      </c>
      <c r="AQ35135">
        <v>28</v>
      </c>
    </row>
    <row r="35136" spans="1:43">
      <c r="A35136" t="s">
        <v>21779</v>
      </c>
      <c r="B35136" t="s">
        <v>21780</v>
      </c>
      <c r="C35136" t="s">
        <v>21773</v>
      </c>
      <c r="D35136" t="s">
        <v>21774</v>
      </c>
      <c r="E35136" t="s">
        <v>21751</v>
      </c>
      <c r="F35136" t="s">
        <v>21752</v>
      </c>
      <c r="G35136" t="s">
        <v>20255</v>
      </c>
      <c r="H35136" t="s">
        <v>20256</v>
      </c>
      <c r="I35136" s="2">
        <v>1</v>
      </c>
      <c r="J35136" s="2">
        <v>0</v>
      </c>
      <c r="K35136" s="2">
        <v>0</v>
      </c>
      <c r="L35136" t="s">
        <v>120</v>
      </c>
      <c r="M35136" t="s">
        <v>89</v>
      </c>
      <c r="N35136" t="s">
        <v>90</v>
      </c>
      <c r="O35136" t="s">
        <v>85</v>
      </c>
      <c r="P35136" t="s">
        <v>86</v>
      </c>
      <c r="Q35136">
        <v>24</v>
      </c>
      <c r="R35136">
        <v>25</v>
      </c>
      <c r="S35136">
        <v>26</v>
      </c>
      <c r="T35136">
        <v>26</v>
      </c>
      <c r="U35136">
        <v>27</v>
      </c>
      <c r="V35136">
        <v>27</v>
      </c>
      <c r="W35136">
        <v>28</v>
      </c>
      <c r="X35136">
        <v>29</v>
      </c>
      <c r="Y35136">
        <v>29</v>
      </c>
      <c r="Z35136">
        <v>30</v>
      </c>
      <c r="AA35136">
        <v>30</v>
      </c>
      <c r="AB35136">
        <v>31</v>
      </c>
      <c r="AC35136">
        <v>31</v>
      </c>
      <c r="AD35136">
        <v>32</v>
      </c>
      <c r="AE35136">
        <v>32</v>
      </c>
      <c r="AF35136">
        <v>32</v>
      </c>
      <c r="AG35136">
        <v>32</v>
      </c>
      <c r="AH35136">
        <v>32</v>
      </c>
      <c r="AI35136">
        <v>32</v>
      </c>
      <c r="AJ35136">
        <v>32</v>
      </c>
      <c r="AK35136">
        <v>32</v>
      </c>
      <c r="AL35136">
        <v>32</v>
      </c>
      <c r="AM35136">
        <v>32</v>
      </c>
      <c r="AN35136">
        <v>33</v>
      </c>
      <c r="AO35136">
        <v>33</v>
      </c>
      <c r="AP35136">
        <v>33</v>
      </c>
      <c r="AQ35136">
        <v>33</v>
      </c>
    </row>
    <row r="35137" spans="1:43">
      <c r="A35137" t="s">
        <v>21779</v>
      </c>
      <c r="B35137" t="s">
        <v>21780</v>
      </c>
      <c r="C35137" t="s">
        <v>21773</v>
      </c>
      <c r="D35137" t="s">
        <v>21774</v>
      </c>
      <c r="E35137" t="s">
        <v>21751</v>
      </c>
      <c r="F35137" t="s">
        <v>21752</v>
      </c>
      <c r="G35137" t="s">
        <v>20255</v>
      </c>
      <c r="H35137" t="s">
        <v>20256</v>
      </c>
      <c r="I35137" s="2">
        <v>1</v>
      </c>
      <c r="J35137" s="2">
        <v>0</v>
      </c>
      <c r="K35137" s="2">
        <v>0</v>
      </c>
      <c r="L35137" t="s">
        <v>120</v>
      </c>
      <c r="M35137" t="s">
        <v>83</v>
      </c>
      <c r="N35137" t="s">
        <v>91</v>
      </c>
      <c r="O35137" t="s">
        <v>85</v>
      </c>
      <c r="P35137" t="s">
        <v>86</v>
      </c>
      <c r="Q35137">
        <v>24</v>
      </c>
      <c r="R35137">
        <v>25</v>
      </c>
      <c r="S35137">
        <v>25</v>
      </c>
      <c r="T35137">
        <v>25</v>
      </c>
      <c r="U35137">
        <v>26</v>
      </c>
      <c r="V35137">
        <v>26</v>
      </c>
      <c r="W35137">
        <v>27</v>
      </c>
      <c r="X35137">
        <v>27</v>
      </c>
      <c r="Y35137">
        <v>28</v>
      </c>
      <c r="Z35137">
        <v>28</v>
      </c>
      <c r="AA35137">
        <v>28</v>
      </c>
      <c r="AB35137">
        <v>29</v>
      </c>
      <c r="AC35137">
        <v>29</v>
      </c>
      <c r="AD35137">
        <v>29</v>
      </c>
      <c r="AE35137">
        <v>30</v>
      </c>
      <c r="AF35137">
        <v>30</v>
      </c>
      <c r="AG35137">
        <v>31</v>
      </c>
      <c r="AH35137">
        <v>31</v>
      </c>
      <c r="AI35137">
        <v>31</v>
      </c>
      <c r="AJ35137">
        <v>32</v>
      </c>
      <c r="AK35137">
        <v>32</v>
      </c>
      <c r="AL35137">
        <v>32</v>
      </c>
      <c r="AM35137">
        <v>32</v>
      </c>
      <c r="AN35137">
        <v>32</v>
      </c>
      <c r="AO35137">
        <v>32</v>
      </c>
      <c r="AP35137">
        <v>32</v>
      </c>
      <c r="AQ35137">
        <v>32</v>
      </c>
    </row>
    <row r="35138" spans="1:43">
      <c r="A35138" t="s">
        <v>21781</v>
      </c>
      <c r="B35138" t="s">
        <v>21782</v>
      </c>
      <c r="C35138" t="s">
        <v>21783</v>
      </c>
      <c r="D35138" t="s">
        <v>21784</v>
      </c>
      <c r="E35138" t="s">
        <v>21751</v>
      </c>
      <c r="F35138" t="s">
        <v>21752</v>
      </c>
      <c r="G35138" t="s">
        <v>20255</v>
      </c>
      <c r="H35138" t="s">
        <v>20256</v>
      </c>
      <c r="I35138" s="2">
        <v>1</v>
      </c>
      <c r="J35138" s="2">
        <v>0</v>
      </c>
      <c r="K35138" s="2">
        <v>0</v>
      </c>
      <c r="L35138" t="s">
        <v>120</v>
      </c>
      <c r="M35138" t="s">
        <v>83</v>
      </c>
      <c r="N35138" t="s">
        <v>84</v>
      </c>
      <c r="O35138" t="s">
        <v>85</v>
      </c>
      <c r="P35138" t="s">
        <v>86</v>
      </c>
      <c r="Q35138">
        <v>19</v>
      </c>
      <c r="R35138">
        <v>20</v>
      </c>
      <c r="S35138">
        <v>20</v>
      </c>
      <c r="T35138">
        <v>21</v>
      </c>
      <c r="U35138">
        <v>21</v>
      </c>
      <c r="V35138">
        <v>21</v>
      </c>
      <c r="W35138">
        <v>22</v>
      </c>
      <c r="X35138">
        <v>22</v>
      </c>
      <c r="Y35138">
        <v>22</v>
      </c>
      <c r="Z35138">
        <v>23</v>
      </c>
      <c r="AA35138">
        <v>23</v>
      </c>
      <c r="AB35138">
        <v>23</v>
      </c>
      <c r="AC35138">
        <v>23</v>
      </c>
      <c r="AD35138">
        <v>24</v>
      </c>
      <c r="AE35138">
        <v>24</v>
      </c>
      <c r="AF35138">
        <v>24</v>
      </c>
      <c r="AG35138">
        <v>25</v>
      </c>
      <c r="AH35138">
        <v>25</v>
      </c>
      <c r="AI35138">
        <v>25</v>
      </c>
      <c r="AJ35138">
        <v>26</v>
      </c>
      <c r="AK35138">
        <v>26</v>
      </c>
      <c r="AL35138">
        <v>26</v>
      </c>
      <c r="AM35138">
        <v>26</v>
      </c>
      <c r="AN35138">
        <v>26</v>
      </c>
      <c r="AO35138">
        <v>26</v>
      </c>
      <c r="AP35138">
        <v>26</v>
      </c>
      <c r="AQ35138">
        <v>26</v>
      </c>
    </row>
    <row r="35139" spans="1:43">
      <c r="A35139" t="s">
        <v>21781</v>
      </c>
      <c r="B35139" t="s">
        <v>21782</v>
      </c>
      <c r="C35139" t="s">
        <v>21783</v>
      </c>
      <c r="D35139" t="s">
        <v>21784</v>
      </c>
      <c r="E35139" t="s">
        <v>21751</v>
      </c>
      <c r="F35139" t="s">
        <v>21752</v>
      </c>
      <c r="G35139" t="s">
        <v>20255</v>
      </c>
      <c r="H35139" t="s">
        <v>20256</v>
      </c>
      <c r="I35139" s="2">
        <v>1</v>
      </c>
      <c r="J35139" s="2">
        <v>0</v>
      </c>
      <c r="K35139" s="2">
        <v>0</v>
      </c>
      <c r="L35139" t="s">
        <v>120</v>
      </c>
      <c r="M35139" t="s">
        <v>87</v>
      </c>
      <c r="N35139" t="s">
        <v>88</v>
      </c>
      <c r="O35139" t="s">
        <v>85</v>
      </c>
      <c r="P35139" t="s">
        <v>86</v>
      </c>
      <c r="Q35139">
        <v>19</v>
      </c>
      <c r="R35139">
        <v>19</v>
      </c>
      <c r="S35139">
        <v>20</v>
      </c>
      <c r="T35139">
        <v>20</v>
      </c>
      <c r="U35139">
        <v>20</v>
      </c>
      <c r="V35139">
        <v>20</v>
      </c>
      <c r="W35139">
        <v>20</v>
      </c>
      <c r="X35139">
        <v>20</v>
      </c>
      <c r="Y35139">
        <v>21</v>
      </c>
      <c r="Z35139">
        <v>21</v>
      </c>
      <c r="AA35139">
        <v>21</v>
      </c>
      <c r="AB35139">
        <v>21</v>
      </c>
      <c r="AC35139">
        <v>21</v>
      </c>
      <c r="AD35139">
        <v>21</v>
      </c>
      <c r="AE35139">
        <v>21</v>
      </c>
      <c r="AF35139">
        <v>22</v>
      </c>
      <c r="AG35139">
        <v>22</v>
      </c>
      <c r="AH35139">
        <v>22</v>
      </c>
      <c r="AI35139">
        <v>22</v>
      </c>
      <c r="AJ35139">
        <v>22</v>
      </c>
      <c r="AK35139">
        <v>22</v>
      </c>
      <c r="AL35139">
        <v>22</v>
      </c>
      <c r="AM35139">
        <v>23</v>
      </c>
      <c r="AN35139">
        <v>23</v>
      </c>
      <c r="AO35139">
        <v>23</v>
      </c>
      <c r="AP35139">
        <v>23</v>
      </c>
      <c r="AQ35139">
        <v>23</v>
      </c>
    </row>
    <row r="35140" spans="1:43">
      <c r="A35140" t="s">
        <v>21781</v>
      </c>
      <c r="B35140" t="s">
        <v>21782</v>
      </c>
      <c r="C35140" t="s">
        <v>21783</v>
      </c>
      <c r="D35140" t="s">
        <v>21784</v>
      </c>
      <c r="E35140" t="s">
        <v>21751</v>
      </c>
      <c r="F35140" t="s">
        <v>21752</v>
      </c>
      <c r="G35140" t="s">
        <v>20255</v>
      </c>
      <c r="H35140" t="s">
        <v>20256</v>
      </c>
      <c r="I35140" s="2">
        <v>1</v>
      </c>
      <c r="J35140" s="2">
        <v>0</v>
      </c>
      <c r="K35140" s="2">
        <v>0</v>
      </c>
      <c r="L35140" t="s">
        <v>120</v>
      </c>
      <c r="M35140" t="s">
        <v>89</v>
      </c>
      <c r="N35140" t="s">
        <v>90</v>
      </c>
      <c r="O35140" t="s">
        <v>85</v>
      </c>
      <c r="P35140" t="s">
        <v>86</v>
      </c>
      <c r="Q35140">
        <v>19</v>
      </c>
      <c r="R35140">
        <v>19</v>
      </c>
      <c r="S35140">
        <v>20</v>
      </c>
      <c r="T35140">
        <v>20</v>
      </c>
      <c r="U35140">
        <v>21</v>
      </c>
      <c r="V35140">
        <v>21</v>
      </c>
      <c r="W35140">
        <v>22</v>
      </c>
      <c r="X35140">
        <v>22</v>
      </c>
      <c r="Y35140">
        <v>22</v>
      </c>
      <c r="Z35140">
        <v>23</v>
      </c>
      <c r="AA35140">
        <v>23</v>
      </c>
      <c r="AB35140">
        <v>24</v>
      </c>
      <c r="AC35140">
        <v>24</v>
      </c>
      <c r="AD35140">
        <v>25</v>
      </c>
      <c r="AE35140">
        <v>25</v>
      </c>
      <c r="AF35140">
        <v>25</v>
      </c>
      <c r="AG35140">
        <v>25</v>
      </c>
      <c r="AH35140">
        <v>25</v>
      </c>
      <c r="AI35140">
        <v>25</v>
      </c>
      <c r="AJ35140">
        <v>25</v>
      </c>
      <c r="AK35140">
        <v>25</v>
      </c>
      <c r="AL35140">
        <v>25</v>
      </c>
      <c r="AM35140">
        <v>25</v>
      </c>
      <c r="AN35140">
        <v>25</v>
      </c>
      <c r="AO35140">
        <v>26</v>
      </c>
      <c r="AP35140">
        <v>26</v>
      </c>
      <c r="AQ35140">
        <v>26</v>
      </c>
    </row>
    <row r="35141" spans="1:43">
      <c r="A35141" t="s">
        <v>21781</v>
      </c>
      <c r="B35141" t="s">
        <v>21782</v>
      </c>
      <c r="C35141" t="s">
        <v>21783</v>
      </c>
      <c r="D35141" t="s">
        <v>21784</v>
      </c>
      <c r="E35141" t="s">
        <v>21751</v>
      </c>
      <c r="F35141" t="s">
        <v>21752</v>
      </c>
      <c r="G35141" t="s">
        <v>20255</v>
      </c>
      <c r="H35141" t="s">
        <v>20256</v>
      </c>
      <c r="I35141" s="2">
        <v>1</v>
      </c>
      <c r="J35141" s="2">
        <v>0</v>
      </c>
      <c r="K35141" s="2">
        <v>0</v>
      </c>
      <c r="L35141" t="s">
        <v>120</v>
      </c>
      <c r="M35141" t="s">
        <v>83</v>
      </c>
      <c r="N35141" t="s">
        <v>91</v>
      </c>
      <c r="O35141" t="s">
        <v>85</v>
      </c>
      <c r="P35141" t="s">
        <v>86</v>
      </c>
      <c r="Q35141">
        <v>19</v>
      </c>
      <c r="R35141">
        <v>20</v>
      </c>
      <c r="S35141">
        <v>20</v>
      </c>
      <c r="T35141">
        <v>21</v>
      </c>
      <c r="U35141">
        <v>21</v>
      </c>
      <c r="V35141">
        <v>21</v>
      </c>
      <c r="W35141">
        <v>22</v>
      </c>
      <c r="X35141">
        <v>22</v>
      </c>
      <c r="Y35141">
        <v>22</v>
      </c>
      <c r="Z35141">
        <v>23</v>
      </c>
      <c r="AA35141">
        <v>23</v>
      </c>
      <c r="AB35141">
        <v>23</v>
      </c>
      <c r="AC35141">
        <v>23</v>
      </c>
      <c r="AD35141">
        <v>24</v>
      </c>
      <c r="AE35141">
        <v>24</v>
      </c>
      <c r="AF35141">
        <v>24</v>
      </c>
      <c r="AG35141">
        <v>25</v>
      </c>
      <c r="AH35141">
        <v>25</v>
      </c>
      <c r="AI35141">
        <v>25</v>
      </c>
      <c r="AJ35141">
        <v>26</v>
      </c>
      <c r="AK35141">
        <v>26</v>
      </c>
      <c r="AL35141">
        <v>26</v>
      </c>
      <c r="AM35141">
        <v>26</v>
      </c>
      <c r="AN35141">
        <v>26</v>
      </c>
      <c r="AO35141">
        <v>26</v>
      </c>
      <c r="AP35141">
        <v>26</v>
      </c>
      <c r="AQ35141">
        <v>26</v>
      </c>
    </row>
    <row r="35142" spans="1:43">
      <c r="A35142" t="s">
        <v>21785</v>
      </c>
      <c r="B35142" t="s">
        <v>21786</v>
      </c>
      <c r="C35142" t="s">
        <v>21783</v>
      </c>
      <c r="D35142" t="s">
        <v>21784</v>
      </c>
      <c r="E35142" t="s">
        <v>21751</v>
      </c>
      <c r="F35142" t="s">
        <v>21752</v>
      </c>
      <c r="G35142" t="s">
        <v>20255</v>
      </c>
      <c r="H35142" t="s">
        <v>20256</v>
      </c>
      <c r="I35142" s="2">
        <v>1</v>
      </c>
      <c r="J35142" s="2">
        <v>0</v>
      </c>
      <c r="K35142" s="2">
        <v>0</v>
      </c>
      <c r="L35142" t="s">
        <v>120</v>
      </c>
      <c r="M35142" t="s">
        <v>83</v>
      </c>
      <c r="N35142" t="s">
        <v>84</v>
      </c>
      <c r="O35142" t="s">
        <v>85</v>
      </c>
      <c r="P35142" t="s">
        <v>86</v>
      </c>
      <c r="Q35142">
        <v>27</v>
      </c>
      <c r="R35142">
        <v>27</v>
      </c>
      <c r="S35142">
        <v>28</v>
      </c>
      <c r="T35142">
        <v>28</v>
      </c>
      <c r="U35142">
        <v>29</v>
      </c>
      <c r="V35142">
        <v>29</v>
      </c>
      <c r="W35142">
        <v>30</v>
      </c>
      <c r="X35142">
        <v>30</v>
      </c>
      <c r="Y35142">
        <v>30</v>
      </c>
      <c r="Z35142">
        <v>31</v>
      </c>
      <c r="AA35142">
        <v>31</v>
      </c>
      <c r="AB35142">
        <v>32</v>
      </c>
      <c r="AC35142">
        <v>32</v>
      </c>
      <c r="AD35142">
        <v>33</v>
      </c>
      <c r="AE35142">
        <v>33</v>
      </c>
      <c r="AF35142">
        <v>33</v>
      </c>
      <c r="AG35142">
        <v>34</v>
      </c>
      <c r="AH35142">
        <v>34</v>
      </c>
      <c r="AI35142">
        <v>35</v>
      </c>
      <c r="AJ35142">
        <v>35</v>
      </c>
      <c r="AK35142">
        <v>35</v>
      </c>
      <c r="AL35142">
        <v>36</v>
      </c>
      <c r="AM35142">
        <v>36</v>
      </c>
      <c r="AN35142">
        <v>36</v>
      </c>
      <c r="AO35142">
        <v>36</v>
      </c>
      <c r="AP35142">
        <v>36</v>
      </c>
      <c r="AQ35142">
        <v>36</v>
      </c>
    </row>
    <row r="35143" spans="1:43">
      <c r="A35143" t="s">
        <v>21785</v>
      </c>
      <c r="B35143" t="s">
        <v>21786</v>
      </c>
      <c r="C35143" t="s">
        <v>21783</v>
      </c>
      <c r="D35143" t="s">
        <v>21784</v>
      </c>
      <c r="E35143" t="s">
        <v>21751</v>
      </c>
      <c r="F35143" t="s">
        <v>21752</v>
      </c>
      <c r="G35143" t="s">
        <v>20255</v>
      </c>
      <c r="H35143" t="s">
        <v>20256</v>
      </c>
      <c r="I35143" s="2">
        <v>1</v>
      </c>
      <c r="J35143" s="2">
        <v>0</v>
      </c>
      <c r="K35143" s="2">
        <v>0</v>
      </c>
      <c r="L35143" t="s">
        <v>120</v>
      </c>
      <c r="M35143" t="s">
        <v>87</v>
      </c>
      <c r="N35143" t="s">
        <v>88</v>
      </c>
      <c r="O35143" t="s">
        <v>85</v>
      </c>
      <c r="P35143" t="s">
        <v>86</v>
      </c>
      <c r="Q35143">
        <v>27</v>
      </c>
      <c r="R35143">
        <v>28</v>
      </c>
      <c r="S35143">
        <v>28</v>
      </c>
      <c r="T35143">
        <v>28</v>
      </c>
      <c r="U35143">
        <v>28</v>
      </c>
      <c r="V35143">
        <v>28</v>
      </c>
      <c r="W35143">
        <v>29</v>
      </c>
      <c r="X35143">
        <v>29</v>
      </c>
      <c r="Y35143">
        <v>29</v>
      </c>
      <c r="Z35143">
        <v>29</v>
      </c>
      <c r="AA35143">
        <v>30</v>
      </c>
      <c r="AB35143">
        <v>30</v>
      </c>
      <c r="AC35143">
        <v>30</v>
      </c>
      <c r="AD35143">
        <v>30</v>
      </c>
      <c r="AE35143">
        <v>30</v>
      </c>
      <c r="AF35143">
        <v>31</v>
      </c>
      <c r="AG35143">
        <v>31</v>
      </c>
      <c r="AH35143">
        <v>31</v>
      </c>
      <c r="AI35143">
        <v>31</v>
      </c>
      <c r="AJ35143">
        <v>31</v>
      </c>
      <c r="AK35143">
        <v>31</v>
      </c>
      <c r="AL35143">
        <v>32</v>
      </c>
      <c r="AM35143">
        <v>32</v>
      </c>
      <c r="AN35143">
        <v>32</v>
      </c>
      <c r="AO35143">
        <v>32</v>
      </c>
      <c r="AP35143">
        <v>32</v>
      </c>
      <c r="AQ35143">
        <v>32</v>
      </c>
    </row>
    <row r="35144" spans="1:43">
      <c r="A35144" t="s">
        <v>21785</v>
      </c>
      <c r="B35144" t="s">
        <v>21786</v>
      </c>
      <c r="C35144" t="s">
        <v>21783</v>
      </c>
      <c r="D35144" t="s">
        <v>21784</v>
      </c>
      <c r="E35144" t="s">
        <v>21751</v>
      </c>
      <c r="F35144" t="s">
        <v>21752</v>
      </c>
      <c r="G35144" t="s">
        <v>20255</v>
      </c>
      <c r="H35144" t="s">
        <v>20256</v>
      </c>
      <c r="I35144" s="2">
        <v>1</v>
      </c>
      <c r="J35144" s="2">
        <v>0</v>
      </c>
      <c r="K35144" s="2">
        <v>0</v>
      </c>
      <c r="L35144" t="s">
        <v>120</v>
      </c>
      <c r="M35144" t="s">
        <v>89</v>
      </c>
      <c r="N35144" t="s">
        <v>90</v>
      </c>
      <c r="O35144" t="s">
        <v>85</v>
      </c>
      <c r="P35144" t="s">
        <v>86</v>
      </c>
      <c r="Q35144">
        <v>27</v>
      </c>
      <c r="R35144">
        <v>28</v>
      </c>
      <c r="S35144">
        <v>28</v>
      </c>
      <c r="T35144">
        <v>29</v>
      </c>
      <c r="U35144">
        <v>30</v>
      </c>
      <c r="V35144">
        <v>30</v>
      </c>
      <c r="W35144">
        <v>31</v>
      </c>
      <c r="X35144">
        <v>32</v>
      </c>
      <c r="Y35144">
        <v>32</v>
      </c>
      <c r="Z35144">
        <v>33</v>
      </c>
      <c r="AA35144">
        <v>33</v>
      </c>
      <c r="AB35144">
        <v>34</v>
      </c>
      <c r="AC35144">
        <v>34</v>
      </c>
      <c r="AD35144">
        <v>35</v>
      </c>
      <c r="AE35144">
        <v>35</v>
      </c>
      <c r="AF35144">
        <v>35</v>
      </c>
      <c r="AG35144">
        <v>36</v>
      </c>
      <c r="AH35144">
        <v>36</v>
      </c>
      <c r="AI35144">
        <v>36</v>
      </c>
      <c r="AJ35144">
        <v>36</v>
      </c>
      <c r="AK35144">
        <v>36</v>
      </c>
      <c r="AL35144">
        <v>36</v>
      </c>
      <c r="AM35144">
        <v>36</v>
      </c>
      <c r="AN35144">
        <v>36</v>
      </c>
      <c r="AO35144">
        <v>36</v>
      </c>
      <c r="AP35144">
        <v>36</v>
      </c>
      <c r="AQ35144">
        <v>36</v>
      </c>
    </row>
    <row r="35145" spans="1:43">
      <c r="A35145" t="s">
        <v>21785</v>
      </c>
      <c r="B35145" t="s">
        <v>21786</v>
      </c>
      <c r="C35145" t="s">
        <v>21783</v>
      </c>
      <c r="D35145" t="s">
        <v>21784</v>
      </c>
      <c r="E35145" t="s">
        <v>21751</v>
      </c>
      <c r="F35145" t="s">
        <v>21752</v>
      </c>
      <c r="G35145" t="s">
        <v>20255</v>
      </c>
      <c r="H35145" t="s">
        <v>20256</v>
      </c>
      <c r="I35145" s="2">
        <v>1</v>
      </c>
      <c r="J35145" s="2">
        <v>0</v>
      </c>
      <c r="K35145" s="2">
        <v>0</v>
      </c>
      <c r="L35145" t="s">
        <v>120</v>
      </c>
      <c r="M35145" t="s">
        <v>83</v>
      </c>
      <c r="N35145" t="s">
        <v>91</v>
      </c>
      <c r="O35145" t="s">
        <v>85</v>
      </c>
      <c r="P35145" t="s">
        <v>86</v>
      </c>
      <c r="Q35145">
        <v>27</v>
      </c>
      <c r="R35145">
        <v>27</v>
      </c>
      <c r="S35145">
        <v>28</v>
      </c>
      <c r="T35145">
        <v>28</v>
      </c>
      <c r="U35145">
        <v>29</v>
      </c>
      <c r="V35145">
        <v>29</v>
      </c>
      <c r="W35145">
        <v>30</v>
      </c>
      <c r="X35145">
        <v>30</v>
      </c>
      <c r="Y35145">
        <v>30</v>
      </c>
      <c r="Z35145">
        <v>31</v>
      </c>
      <c r="AA35145">
        <v>31</v>
      </c>
      <c r="AB35145">
        <v>32</v>
      </c>
      <c r="AC35145">
        <v>32</v>
      </c>
      <c r="AD35145">
        <v>33</v>
      </c>
      <c r="AE35145">
        <v>33</v>
      </c>
      <c r="AF35145">
        <v>33</v>
      </c>
      <c r="AG35145">
        <v>34</v>
      </c>
      <c r="AH35145">
        <v>34</v>
      </c>
      <c r="AI35145">
        <v>35</v>
      </c>
      <c r="AJ35145">
        <v>35</v>
      </c>
      <c r="AK35145">
        <v>35</v>
      </c>
      <c r="AL35145">
        <v>36</v>
      </c>
      <c r="AM35145">
        <v>36</v>
      </c>
      <c r="AN35145">
        <v>36</v>
      </c>
      <c r="AO35145">
        <v>36</v>
      </c>
      <c r="AP35145">
        <v>36</v>
      </c>
      <c r="AQ35145">
        <v>36</v>
      </c>
    </row>
    <row r="35146" spans="1:43">
      <c r="A35146" t="s">
        <v>21787</v>
      </c>
      <c r="B35146" t="s">
        <v>21788</v>
      </c>
      <c r="C35146" t="s">
        <v>21783</v>
      </c>
      <c r="D35146" t="s">
        <v>21784</v>
      </c>
      <c r="E35146" t="s">
        <v>21751</v>
      </c>
      <c r="F35146" t="s">
        <v>21752</v>
      </c>
      <c r="G35146" t="s">
        <v>20255</v>
      </c>
      <c r="H35146" t="s">
        <v>20256</v>
      </c>
      <c r="I35146" s="2">
        <v>1</v>
      </c>
      <c r="J35146" s="2">
        <v>0</v>
      </c>
      <c r="K35146" s="2">
        <v>0</v>
      </c>
      <c r="L35146" t="s">
        <v>120</v>
      </c>
      <c r="M35146" t="s">
        <v>83</v>
      </c>
      <c r="N35146" t="s">
        <v>84</v>
      </c>
      <c r="O35146" t="s">
        <v>85</v>
      </c>
      <c r="P35146" t="s">
        <v>86</v>
      </c>
      <c r="Q35146">
        <v>1</v>
      </c>
      <c r="R35146">
        <v>1</v>
      </c>
      <c r="S35146">
        <v>1</v>
      </c>
      <c r="T35146">
        <v>1</v>
      </c>
      <c r="U35146">
        <v>1</v>
      </c>
      <c r="V35146">
        <v>1</v>
      </c>
      <c r="W35146">
        <v>1</v>
      </c>
      <c r="X35146">
        <v>1</v>
      </c>
      <c r="Y35146">
        <v>1</v>
      </c>
      <c r="Z35146">
        <v>1</v>
      </c>
      <c r="AA35146">
        <v>1</v>
      </c>
      <c r="AB35146">
        <v>1</v>
      </c>
      <c r="AC35146">
        <v>1</v>
      </c>
      <c r="AD35146">
        <v>1</v>
      </c>
      <c r="AE35146">
        <v>1</v>
      </c>
      <c r="AF35146">
        <v>1</v>
      </c>
      <c r="AG35146">
        <v>1</v>
      </c>
      <c r="AH35146">
        <v>1</v>
      </c>
      <c r="AI35146">
        <v>1</v>
      </c>
      <c r="AJ35146">
        <v>1</v>
      </c>
      <c r="AK35146">
        <v>1</v>
      </c>
      <c r="AL35146">
        <v>1</v>
      </c>
      <c r="AM35146">
        <v>1</v>
      </c>
      <c r="AN35146">
        <v>1</v>
      </c>
      <c r="AO35146">
        <v>1</v>
      </c>
      <c r="AP35146">
        <v>1</v>
      </c>
      <c r="AQ35146">
        <v>1</v>
      </c>
    </row>
    <row r="35147" spans="1:43">
      <c r="A35147" t="s">
        <v>21787</v>
      </c>
      <c r="B35147" t="s">
        <v>21788</v>
      </c>
      <c r="C35147" t="s">
        <v>21783</v>
      </c>
      <c r="D35147" t="s">
        <v>21784</v>
      </c>
      <c r="E35147" t="s">
        <v>21751</v>
      </c>
      <c r="F35147" t="s">
        <v>21752</v>
      </c>
      <c r="G35147" t="s">
        <v>20255</v>
      </c>
      <c r="H35147" t="s">
        <v>20256</v>
      </c>
      <c r="I35147" s="2">
        <v>1</v>
      </c>
      <c r="J35147" s="2">
        <v>0</v>
      </c>
      <c r="K35147" s="2">
        <v>0</v>
      </c>
      <c r="L35147" t="s">
        <v>120</v>
      </c>
      <c r="M35147" t="s">
        <v>87</v>
      </c>
      <c r="N35147" t="s">
        <v>88</v>
      </c>
      <c r="O35147" t="s">
        <v>85</v>
      </c>
      <c r="P35147" t="s">
        <v>86</v>
      </c>
      <c r="Q35147">
        <v>1</v>
      </c>
      <c r="R35147">
        <v>1</v>
      </c>
      <c r="S35147">
        <v>1</v>
      </c>
      <c r="T35147">
        <v>1</v>
      </c>
      <c r="U35147">
        <v>1</v>
      </c>
      <c r="V35147">
        <v>1</v>
      </c>
      <c r="W35147">
        <v>1</v>
      </c>
      <c r="X35147">
        <v>1</v>
      </c>
      <c r="Y35147">
        <v>1</v>
      </c>
      <c r="Z35147">
        <v>1</v>
      </c>
      <c r="AA35147">
        <v>1</v>
      </c>
      <c r="AB35147">
        <v>1</v>
      </c>
      <c r="AC35147">
        <v>1</v>
      </c>
      <c r="AD35147">
        <v>1</v>
      </c>
      <c r="AE35147">
        <v>1</v>
      </c>
      <c r="AF35147">
        <v>1</v>
      </c>
      <c r="AG35147">
        <v>1</v>
      </c>
      <c r="AH35147">
        <v>1</v>
      </c>
      <c r="AI35147">
        <v>1</v>
      </c>
      <c r="AJ35147">
        <v>1</v>
      </c>
      <c r="AK35147">
        <v>1</v>
      </c>
      <c r="AL35147">
        <v>1</v>
      </c>
      <c r="AM35147">
        <v>1</v>
      </c>
      <c r="AN35147">
        <v>1</v>
      </c>
      <c r="AO35147">
        <v>1</v>
      </c>
      <c r="AP35147">
        <v>1</v>
      </c>
      <c r="AQ35147">
        <v>1</v>
      </c>
    </row>
    <row r="35148" spans="1:43">
      <c r="A35148" t="s">
        <v>21787</v>
      </c>
      <c r="B35148" t="s">
        <v>21788</v>
      </c>
      <c r="C35148" t="s">
        <v>21783</v>
      </c>
      <c r="D35148" t="s">
        <v>21784</v>
      </c>
      <c r="E35148" t="s">
        <v>21751</v>
      </c>
      <c r="F35148" t="s">
        <v>21752</v>
      </c>
      <c r="G35148" t="s">
        <v>20255</v>
      </c>
      <c r="H35148" t="s">
        <v>20256</v>
      </c>
      <c r="I35148" s="2">
        <v>1</v>
      </c>
      <c r="J35148" s="2">
        <v>0</v>
      </c>
      <c r="K35148" s="2">
        <v>0</v>
      </c>
      <c r="L35148" t="s">
        <v>120</v>
      </c>
      <c r="M35148" t="s">
        <v>89</v>
      </c>
      <c r="N35148" t="s">
        <v>90</v>
      </c>
      <c r="O35148" t="s">
        <v>85</v>
      </c>
      <c r="P35148" t="s">
        <v>86</v>
      </c>
      <c r="Q35148">
        <v>1</v>
      </c>
      <c r="R35148">
        <v>1</v>
      </c>
      <c r="S35148">
        <v>1</v>
      </c>
      <c r="T35148">
        <v>1</v>
      </c>
      <c r="U35148">
        <v>1</v>
      </c>
      <c r="V35148">
        <v>1</v>
      </c>
      <c r="W35148">
        <v>1</v>
      </c>
      <c r="X35148">
        <v>1</v>
      </c>
      <c r="Y35148">
        <v>1</v>
      </c>
      <c r="Z35148">
        <v>1</v>
      </c>
      <c r="AA35148">
        <v>1</v>
      </c>
      <c r="AB35148">
        <v>1</v>
      </c>
      <c r="AC35148">
        <v>1</v>
      </c>
      <c r="AD35148">
        <v>1</v>
      </c>
      <c r="AE35148">
        <v>1</v>
      </c>
      <c r="AF35148">
        <v>1</v>
      </c>
      <c r="AG35148">
        <v>1</v>
      </c>
      <c r="AH35148">
        <v>1</v>
      </c>
      <c r="AI35148">
        <v>1</v>
      </c>
      <c r="AJ35148">
        <v>1</v>
      </c>
      <c r="AK35148">
        <v>1</v>
      </c>
      <c r="AL35148">
        <v>1</v>
      </c>
      <c r="AM35148">
        <v>1</v>
      </c>
      <c r="AN35148">
        <v>1</v>
      </c>
      <c r="AO35148">
        <v>1</v>
      </c>
      <c r="AP35148">
        <v>1</v>
      </c>
      <c r="AQ35148">
        <v>1</v>
      </c>
    </row>
    <row r="35149" spans="1:43">
      <c r="A35149" t="s">
        <v>21787</v>
      </c>
      <c r="B35149" t="s">
        <v>21788</v>
      </c>
      <c r="C35149" t="s">
        <v>21783</v>
      </c>
      <c r="D35149" t="s">
        <v>21784</v>
      </c>
      <c r="E35149" t="s">
        <v>21751</v>
      </c>
      <c r="F35149" t="s">
        <v>21752</v>
      </c>
      <c r="G35149" t="s">
        <v>20255</v>
      </c>
      <c r="H35149" t="s">
        <v>20256</v>
      </c>
      <c r="I35149" s="2">
        <v>1</v>
      </c>
      <c r="J35149" s="2">
        <v>0</v>
      </c>
      <c r="K35149" s="2">
        <v>0</v>
      </c>
      <c r="L35149" t="s">
        <v>120</v>
      </c>
      <c r="M35149" t="s">
        <v>83</v>
      </c>
      <c r="N35149" t="s">
        <v>91</v>
      </c>
      <c r="O35149" t="s">
        <v>85</v>
      </c>
      <c r="P35149" t="s">
        <v>86</v>
      </c>
      <c r="Q35149">
        <v>1</v>
      </c>
      <c r="R35149">
        <v>1</v>
      </c>
      <c r="S35149">
        <v>1</v>
      </c>
      <c r="T35149">
        <v>1</v>
      </c>
      <c r="U35149">
        <v>1</v>
      </c>
      <c r="V35149">
        <v>1</v>
      </c>
      <c r="W35149">
        <v>1</v>
      </c>
      <c r="X35149">
        <v>1</v>
      </c>
      <c r="Y35149">
        <v>1</v>
      </c>
      <c r="Z35149">
        <v>1</v>
      </c>
      <c r="AA35149">
        <v>1</v>
      </c>
      <c r="AB35149">
        <v>1</v>
      </c>
      <c r="AC35149">
        <v>1</v>
      </c>
      <c r="AD35149">
        <v>1</v>
      </c>
      <c r="AE35149">
        <v>1</v>
      </c>
      <c r="AF35149">
        <v>1</v>
      </c>
      <c r="AG35149">
        <v>1</v>
      </c>
      <c r="AH35149">
        <v>1</v>
      </c>
      <c r="AI35149">
        <v>1</v>
      </c>
      <c r="AJ35149">
        <v>1</v>
      </c>
      <c r="AK35149">
        <v>1</v>
      </c>
      <c r="AL35149">
        <v>1</v>
      </c>
      <c r="AM35149">
        <v>1</v>
      </c>
      <c r="AN35149">
        <v>1</v>
      </c>
      <c r="AO35149">
        <v>1</v>
      </c>
      <c r="AP35149">
        <v>1</v>
      </c>
      <c r="AQ35149">
        <v>1</v>
      </c>
    </row>
    <row r="35150" spans="1:43">
      <c r="A35150" t="s">
        <v>21789</v>
      </c>
      <c r="B35150" t="s">
        <v>21790</v>
      </c>
      <c r="C35150" t="s">
        <v>21783</v>
      </c>
      <c r="D35150" t="s">
        <v>21784</v>
      </c>
      <c r="E35150" t="s">
        <v>21751</v>
      </c>
      <c r="F35150" t="s">
        <v>21752</v>
      </c>
      <c r="G35150" t="s">
        <v>20255</v>
      </c>
      <c r="H35150" t="s">
        <v>20256</v>
      </c>
      <c r="I35150" s="2">
        <v>1</v>
      </c>
      <c r="J35150" s="2">
        <v>0</v>
      </c>
      <c r="K35150" s="2">
        <v>0</v>
      </c>
      <c r="L35150" t="s">
        <v>120</v>
      </c>
      <c r="M35150" t="s">
        <v>83</v>
      </c>
      <c r="N35150" t="s">
        <v>84</v>
      </c>
      <c r="O35150" t="s">
        <v>85</v>
      </c>
      <c r="P35150" t="s">
        <v>86</v>
      </c>
      <c r="Q35150">
        <v>15</v>
      </c>
      <c r="R35150">
        <v>15</v>
      </c>
      <c r="S35150">
        <v>16</v>
      </c>
      <c r="T35150">
        <v>16</v>
      </c>
      <c r="U35150">
        <v>16</v>
      </c>
      <c r="V35150">
        <v>16</v>
      </c>
      <c r="W35150">
        <v>17</v>
      </c>
      <c r="X35150">
        <v>17</v>
      </c>
      <c r="Y35150">
        <v>17</v>
      </c>
      <c r="Z35150">
        <v>18</v>
      </c>
      <c r="AA35150">
        <v>18</v>
      </c>
      <c r="AB35150">
        <v>18</v>
      </c>
      <c r="AC35150">
        <v>18</v>
      </c>
      <c r="AD35150">
        <v>19</v>
      </c>
      <c r="AE35150">
        <v>19</v>
      </c>
      <c r="AF35150">
        <v>19</v>
      </c>
      <c r="AG35150">
        <v>19</v>
      </c>
      <c r="AH35150">
        <v>20</v>
      </c>
      <c r="AI35150">
        <v>20</v>
      </c>
      <c r="AJ35150">
        <v>20</v>
      </c>
      <c r="AK35150">
        <v>20</v>
      </c>
      <c r="AL35150">
        <v>20</v>
      </c>
      <c r="AM35150">
        <v>20</v>
      </c>
      <c r="AN35150">
        <v>21</v>
      </c>
      <c r="AO35150">
        <v>21</v>
      </c>
      <c r="AP35150">
        <v>21</v>
      </c>
      <c r="AQ35150">
        <v>21</v>
      </c>
    </row>
    <row r="35151" spans="1:43">
      <c r="A35151" t="s">
        <v>21789</v>
      </c>
      <c r="B35151" t="s">
        <v>21790</v>
      </c>
      <c r="C35151" t="s">
        <v>21783</v>
      </c>
      <c r="D35151" t="s">
        <v>21784</v>
      </c>
      <c r="E35151" t="s">
        <v>21751</v>
      </c>
      <c r="F35151" t="s">
        <v>21752</v>
      </c>
      <c r="G35151" t="s">
        <v>20255</v>
      </c>
      <c r="H35151" t="s">
        <v>20256</v>
      </c>
      <c r="I35151" s="2">
        <v>1</v>
      </c>
      <c r="J35151" s="2">
        <v>0</v>
      </c>
      <c r="K35151" s="2">
        <v>0</v>
      </c>
      <c r="L35151" t="s">
        <v>120</v>
      </c>
      <c r="M35151" t="s">
        <v>87</v>
      </c>
      <c r="N35151" t="s">
        <v>88</v>
      </c>
      <c r="O35151" t="s">
        <v>85</v>
      </c>
      <c r="P35151" t="s">
        <v>86</v>
      </c>
      <c r="Q35151">
        <v>15</v>
      </c>
      <c r="R35151">
        <v>15</v>
      </c>
      <c r="S35151">
        <v>15</v>
      </c>
      <c r="T35151">
        <v>15</v>
      </c>
      <c r="U35151">
        <v>15</v>
      </c>
      <c r="V35151">
        <v>16</v>
      </c>
      <c r="W35151">
        <v>16</v>
      </c>
      <c r="X35151">
        <v>16</v>
      </c>
      <c r="Y35151">
        <v>16</v>
      </c>
      <c r="Z35151">
        <v>16</v>
      </c>
      <c r="AA35151">
        <v>16</v>
      </c>
      <c r="AB35151">
        <v>16</v>
      </c>
      <c r="AC35151">
        <v>16</v>
      </c>
      <c r="AD35151">
        <v>17</v>
      </c>
      <c r="AE35151">
        <v>17</v>
      </c>
      <c r="AF35151">
        <v>17</v>
      </c>
      <c r="AG35151">
        <v>17</v>
      </c>
      <c r="AH35151">
        <v>17</v>
      </c>
      <c r="AI35151">
        <v>17</v>
      </c>
      <c r="AJ35151">
        <v>17</v>
      </c>
      <c r="AK35151">
        <v>17</v>
      </c>
      <c r="AL35151">
        <v>18</v>
      </c>
      <c r="AM35151">
        <v>18</v>
      </c>
      <c r="AN35151">
        <v>18</v>
      </c>
      <c r="AO35151">
        <v>18</v>
      </c>
      <c r="AP35151">
        <v>18</v>
      </c>
      <c r="AQ35151">
        <v>18</v>
      </c>
    </row>
    <row r="35152" spans="1:43">
      <c r="A35152" t="s">
        <v>21789</v>
      </c>
      <c r="B35152" t="s">
        <v>21790</v>
      </c>
      <c r="C35152" t="s">
        <v>21783</v>
      </c>
      <c r="D35152" t="s">
        <v>21784</v>
      </c>
      <c r="E35152" t="s">
        <v>21751</v>
      </c>
      <c r="F35152" t="s">
        <v>21752</v>
      </c>
      <c r="G35152" t="s">
        <v>20255</v>
      </c>
      <c r="H35152" t="s">
        <v>20256</v>
      </c>
      <c r="I35152" s="2">
        <v>1</v>
      </c>
      <c r="J35152" s="2">
        <v>0</v>
      </c>
      <c r="K35152" s="2">
        <v>0</v>
      </c>
      <c r="L35152" t="s">
        <v>120</v>
      </c>
      <c r="M35152" t="s">
        <v>89</v>
      </c>
      <c r="N35152" t="s">
        <v>90</v>
      </c>
      <c r="O35152" t="s">
        <v>85</v>
      </c>
      <c r="P35152" t="s">
        <v>86</v>
      </c>
      <c r="Q35152">
        <v>15</v>
      </c>
      <c r="R35152">
        <v>16</v>
      </c>
      <c r="S35152">
        <v>16</v>
      </c>
      <c r="T35152">
        <v>16</v>
      </c>
      <c r="U35152">
        <v>17</v>
      </c>
      <c r="V35152">
        <v>17</v>
      </c>
      <c r="W35152">
        <v>18</v>
      </c>
      <c r="X35152">
        <v>18</v>
      </c>
      <c r="Y35152">
        <v>18</v>
      </c>
      <c r="Z35152">
        <v>19</v>
      </c>
      <c r="AA35152">
        <v>19</v>
      </c>
      <c r="AB35152">
        <v>19</v>
      </c>
      <c r="AC35152">
        <v>20</v>
      </c>
      <c r="AD35152">
        <v>20</v>
      </c>
      <c r="AE35152">
        <v>20</v>
      </c>
      <c r="AF35152">
        <v>20</v>
      </c>
      <c r="AG35152">
        <v>20</v>
      </c>
      <c r="AH35152">
        <v>20</v>
      </c>
      <c r="AI35152">
        <v>20</v>
      </c>
      <c r="AJ35152">
        <v>21</v>
      </c>
      <c r="AK35152">
        <v>21</v>
      </c>
      <c r="AL35152">
        <v>21</v>
      </c>
      <c r="AM35152">
        <v>21</v>
      </c>
      <c r="AN35152">
        <v>21</v>
      </c>
      <c r="AO35152">
        <v>21</v>
      </c>
      <c r="AP35152">
        <v>21</v>
      </c>
      <c r="AQ35152">
        <v>21</v>
      </c>
    </row>
    <row r="35153" spans="1:43">
      <c r="A35153" t="s">
        <v>21789</v>
      </c>
      <c r="B35153" t="s">
        <v>21790</v>
      </c>
      <c r="C35153" t="s">
        <v>21783</v>
      </c>
      <c r="D35153" t="s">
        <v>21784</v>
      </c>
      <c r="E35153" t="s">
        <v>21751</v>
      </c>
      <c r="F35153" t="s">
        <v>21752</v>
      </c>
      <c r="G35153" t="s">
        <v>20255</v>
      </c>
      <c r="H35153" t="s">
        <v>20256</v>
      </c>
      <c r="I35153" s="2">
        <v>1</v>
      </c>
      <c r="J35153" s="2">
        <v>0</v>
      </c>
      <c r="K35153" s="2">
        <v>0</v>
      </c>
      <c r="L35153" t="s">
        <v>120</v>
      </c>
      <c r="M35153" t="s">
        <v>83</v>
      </c>
      <c r="N35153" t="s">
        <v>91</v>
      </c>
      <c r="O35153" t="s">
        <v>85</v>
      </c>
      <c r="P35153" t="s">
        <v>86</v>
      </c>
      <c r="Q35153">
        <v>15</v>
      </c>
      <c r="R35153">
        <v>15</v>
      </c>
      <c r="S35153">
        <v>16</v>
      </c>
      <c r="T35153">
        <v>16</v>
      </c>
      <c r="U35153">
        <v>16</v>
      </c>
      <c r="V35153">
        <v>16</v>
      </c>
      <c r="W35153">
        <v>17</v>
      </c>
      <c r="X35153">
        <v>17</v>
      </c>
      <c r="Y35153">
        <v>17</v>
      </c>
      <c r="Z35153">
        <v>18</v>
      </c>
      <c r="AA35153">
        <v>18</v>
      </c>
      <c r="AB35153">
        <v>18</v>
      </c>
      <c r="AC35153">
        <v>18</v>
      </c>
      <c r="AD35153">
        <v>19</v>
      </c>
      <c r="AE35153">
        <v>19</v>
      </c>
      <c r="AF35153">
        <v>19</v>
      </c>
      <c r="AG35153">
        <v>19</v>
      </c>
      <c r="AH35153">
        <v>20</v>
      </c>
      <c r="AI35153">
        <v>20</v>
      </c>
      <c r="AJ35153">
        <v>20</v>
      </c>
      <c r="AK35153">
        <v>20</v>
      </c>
      <c r="AL35153">
        <v>20</v>
      </c>
      <c r="AM35153">
        <v>20</v>
      </c>
      <c r="AN35153">
        <v>21</v>
      </c>
      <c r="AO35153">
        <v>21</v>
      </c>
      <c r="AP35153">
        <v>21</v>
      </c>
      <c r="AQ35153">
        <v>21</v>
      </c>
    </row>
    <row r="35154" spans="1:43">
      <c r="A35154" t="s">
        <v>21791</v>
      </c>
      <c r="B35154" t="s">
        <v>21792</v>
      </c>
      <c r="C35154" t="s">
        <v>21783</v>
      </c>
      <c r="D35154" t="s">
        <v>21784</v>
      </c>
      <c r="E35154" t="s">
        <v>21751</v>
      </c>
      <c r="F35154" t="s">
        <v>21752</v>
      </c>
      <c r="G35154" t="s">
        <v>20255</v>
      </c>
      <c r="H35154" t="s">
        <v>20256</v>
      </c>
      <c r="I35154" s="2">
        <v>1</v>
      </c>
      <c r="J35154" s="2">
        <v>0</v>
      </c>
      <c r="K35154" s="2">
        <v>0</v>
      </c>
      <c r="L35154" t="s">
        <v>120</v>
      </c>
      <c r="M35154" t="s">
        <v>83</v>
      </c>
      <c r="N35154" t="s">
        <v>84</v>
      </c>
      <c r="O35154" t="s">
        <v>85</v>
      </c>
      <c r="P35154" t="s">
        <v>86</v>
      </c>
      <c r="Q35154">
        <v>17</v>
      </c>
      <c r="R35154">
        <v>17</v>
      </c>
      <c r="S35154">
        <v>17</v>
      </c>
      <c r="T35154">
        <v>18</v>
      </c>
      <c r="U35154">
        <v>18</v>
      </c>
      <c r="V35154">
        <v>18</v>
      </c>
      <c r="W35154">
        <v>19</v>
      </c>
      <c r="X35154">
        <v>19</v>
      </c>
      <c r="Y35154">
        <v>19</v>
      </c>
      <c r="Z35154">
        <v>20</v>
      </c>
      <c r="AA35154">
        <v>20</v>
      </c>
      <c r="AB35154">
        <v>20</v>
      </c>
      <c r="AC35154">
        <v>20</v>
      </c>
      <c r="AD35154">
        <v>21</v>
      </c>
      <c r="AE35154">
        <v>21</v>
      </c>
      <c r="AF35154">
        <v>21</v>
      </c>
      <c r="AG35154">
        <v>21</v>
      </c>
      <c r="AH35154">
        <v>22</v>
      </c>
      <c r="AI35154">
        <v>22</v>
      </c>
      <c r="AJ35154">
        <v>22</v>
      </c>
      <c r="AK35154">
        <v>22</v>
      </c>
      <c r="AL35154">
        <v>23</v>
      </c>
      <c r="AM35154">
        <v>23</v>
      </c>
      <c r="AN35154">
        <v>23</v>
      </c>
      <c r="AO35154">
        <v>23</v>
      </c>
      <c r="AP35154">
        <v>23</v>
      </c>
      <c r="AQ35154">
        <v>23</v>
      </c>
    </row>
    <row r="35155" spans="1:43">
      <c r="A35155" t="s">
        <v>21791</v>
      </c>
      <c r="B35155" t="s">
        <v>21792</v>
      </c>
      <c r="C35155" t="s">
        <v>21783</v>
      </c>
      <c r="D35155" t="s">
        <v>21784</v>
      </c>
      <c r="E35155" t="s">
        <v>21751</v>
      </c>
      <c r="F35155" t="s">
        <v>21752</v>
      </c>
      <c r="G35155" t="s">
        <v>20255</v>
      </c>
      <c r="H35155" t="s">
        <v>20256</v>
      </c>
      <c r="I35155" s="2">
        <v>1</v>
      </c>
      <c r="J35155" s="2">
        <v>0</v>
      </c>
      <c r="K35155" s="2">
        <v>0</v>
      </c>
      <c r="L35155" t="s">
        <v>120</v>
      </c>
      <c r="M35155" t="s">
        <v>87</v>
      </c>
      <c r="N35155" t="s">
        <v>88</v>
      </c>
      <c r="O35155" t="s">
        <v>85</v>
      </c>
      <c r="P35155" t="s">
        <v>86</v>
      </c>
      <c r="Q35155">
        <v>17</v>
      </c>
      <c r="R35155">
        <v>17</v>
      </c>
      <c r="S35155">
        <v>17</v>
      </c>
      <c r="T35155">
        <v>17</v>
      </c>
      <c r="U35155">
        <v>17</v>
      </c>
      <c r="V35155">
        <v>17</v>
      </c>
      <c r="W35155">
        <v>18</v>
      </c>
      <c r="X35155">
        <v>18</v>
      </c>
      <c r="Y35155">
        <v>18</v>
      </c>
      <c r="Z35155">
        <v>18</v>
      </c>
      <c r="AA35155">
        <v>18</v>
      </c>
      <c r="AB35155">
        <v>18</v>
      </c>
      <c r="AC35155">
        <v>18</v>
      </c>
      <c r="AD35155">
        <v>18</v>
      </c>
      <c r="AE35155">
        <v>19</v>
      </c>
      <c r="AF35155">
        <v>19</v>
      </c>
      <c r="AG35155">
        <v>19</v>
      </c>
      <c r="AH35155">
        <v>19</v>
      </c>
      <c r="AI35155">
        <v>19</v>
      </c>
      <c r="AJ35155">
        <v>19</v>
      </c>
      <c r="AK35155">
        <v>19</v>
      </c>
      <c r="AL35155">
        <v>19</v>
      </c>
      <c r="AM35155">
        <v>20</v>
      </c>
      <c r="AN35155">
        <v>20</v>
      </c>
      <c r="AO35155">
        <v>20</v>
      </c>
      <c r="AP35155">
        <v>20</v>
      </c>
      <c r="AQ35155">
        <v>20</v>
      </c>
    </row>
    <row r="35156" spans="1:43">
      <c r="A35156" t="s">
        <v>21791</v>
      </c>
      <c r="B35156" t="s">
        <v>21792</v>
      </c>
      <c r="C35156" t="s">
        <v>21783</v>
      </c>
      <c r="D35156" t="s">
        <v>21784</v>
      </c>
      <c r="E35156" t="s">
        <v>21751</v>
      </c>
      <c r="F35156" t="s">
        <v>21752</v>
      </c>
      <c r="G35156" t="s">
        <v>20255</v>
      </c>
      <c r="H35156" t="s">
        <v>20256</v>
      </c>
      <c r="I35156" s="2">
        <v>1</v>
      </c>
      <c r="J35156" s="2">
        <v>0</v>
      </c>
      <c r="K35156" s="2">
        <v>0</v>
      </c>
      <c r="L35156" t="s">
        <v>120</v>
      </c>
      <c r="M35156" t="s">
        <v>89</v>
      </c>
      <c r="N35156" t="s">
        <v>90</v>
      </c>
      <c r="O35156" t="s">
        <v>85</v>
      </c>
      <c r="P35156" t="s">
        <v>86</v>
      </c>
      <c r="Q35156">
        <v>17</v>
      </c>
      <c r="R35156">
        <v>17</v>
      </c>
      <c r="S35156">
        <v>18</v>
      </c>
      <c r="T35156">
        <v>18</v>
      </c>
      <c r="U35156">
        <v>19</v>
      </c>
      <c r="V35156">
        <v>19</v>
      </c>
      <c r="W35156">
        <v>20</v>
      </c>
      <c r="X35156">
        <v>20</v>
      </c>
      <c r="Y35156">
        <v>20</v>
      </c>
      <c r="Z35156">
        <v>21</v>
      </c>
      <c r="AA35156">
        <v>21</v>
      </c>
      <c r="AB35156">
        <v>21</v>
      </c>
      <c r="AC35156">
        <v>22</v>
      </c>
      <c r="AD35156">
        <v>22</v>
      </c>
      <c r="AE35156">
        <v>22</v>
      </c>
      <c r="AF35156">
        <v>22</v>
      </c>
      <c r="AG35156">
        <v>23</v>
      </c>
      <c r="AH35156">
        <v>23</v>
      </c>
      <c r="AI35156">
        <v>23</v>
      </c>
      <c r="AJ35156">
        <v>23</v>
      </c>
      <c r="AK35156">
        <v>23</v>
      </c>
      <c r="AL35156">
        <v>23</v>
      </c>
      <c r="AM35156">
        <v>23</v>
      </c>
      <c r="AN35156">
        <v>23</v>
      </c>
      <c r="AO35156">
        <v>23</v>
      </c>
      <c r="AP35156">
        <v>23</v>
      </c>
      <c r="AQ35156">
        <v>23</v>
      </c>
    </row>
    <row r="35157" spans="1:43">
      <c r="A35157" t="s">
        <v>21791</v>
      </c>
      <c r="B35157" t="s">
        <v>21792</v>
      </c>
      <c r="C35157" t="s">
        <v>21783</v>
      </c>
      <c r="D35157" t="s">
        <v>21784</v>
      </c>
      <c r="E35157" t="s">
        <v>21751</v>
      </c>
      <c r="F35157" t="s">
        <v>21752</v>
      </c>
      <c r="G35157" t="s">
        <v>20255</v>
      </c>
      <c r="H35157" t="s">
        <v>20256</v>
      </c>
      <c r="I35157" s="2">
        <v>1</v>
      </c>
      <c r="J35157" s="2">
        <v>0</v>
      </c>
      <c r="K35157" s="2">
        <v>0</v>
      </c>
      <c r="L35157" t="s">
        <v>120</v>
      </c>
      <c r="M35157" t="s">
        <v>83</v>
      </c>
      <c r="N35157" t="s">
        <v>91</v>
      </c>
      <c r="O35157" t="s">
        <v>85</v>
      </c>
      <c r="P35157" t="s">
        <v>86</v>
      </c>
      <c r="Q35157">
        <v>17</v>
      </c>
      <c r="R35157">
        <v>17</v>
      </c>
      <c r="S35157">
        <v>17</v>
      </c>
      <c r="T35157">
        <v>18</v>
      </c>
      <c r="U35157">
        <v>18</v>
      </c>
      <c r="V35157">
        <v>18</v>
      </c>
      <c r="W35157">
        <v>19</v>
      </c>
      <c r="X35157">
        <v>19</v>
      </c>
      <c r="Y35157">
        <v>19</v>
      </c>
      <c r="Z35157">
        <v>20</v>
      </c>
      <c r="AA35157">
        <v>20</v>
      </c>
      <c r="AB35157">
        <v>20</v>
      </c>
      <c r="AC35157">
        <v>20</v>
      </c>
      <c r="AD35157">
        <v>21</v>
      </c>
      <c r="AE35157">
        <v>21</v>
      </c>
      <c r="AF35157">
        <v>21</v>
      </c>
      <c r="AG35157">
        <v>21</v>
      </c>
      <c r="AH35157">
        <v>22</v>
      </c>
      <c r="AI35157">
        <v>22</v>
      </c>
      <c r="AJ35157">
        <v>22</v>
      </c>
      <c r="AK35157">
        <v>22</v>
      </c>
      <c r="AL35157">
        <v>23</v>
      </c>
      <c r="AM35157">
        <v>23</v>
      </c>
      <c r="AN35157">
        <v>23</v>
      </c>
      <c r="AO35157">
        <v>23</v>
      </c>
      <c r="AP35157">
        <v>23</v>
      </c>
      <c r="AQ35157">
        <v>23</v>
      </c>
    </row>
    <row r="35158" spans="1:43">
      <c r="A35158" t="s">
        <v>21793</v>
      </c>
      <c r="B35158" t="s">
        <v>21794</v>
      </c>
      <c r="C35158" t="s">
        <v>21795</v>
      </c>
      <c r="D35158" t="s">
        <v>21796</v>
      </c>
      <c r="E35158" t="s">
        <v>21751</v>
      </c>
      <c r="F35158" t="s">
        <v>21752</v>
      </c>
      <c r="G35158" t="s">
        <v>20255</v>
      </c>
      <c r="H35158" t="s">
        <v>20256</v>
      </c>
      <c r="I35158" s="2">
        <v>1</v>
      </c>
      <c r="J35158" s="2">
        <v>0</v>
      </c>
      <c r="K35158" s="2">
        <v>0</v>
      </c>
      <c r="L35158" t="s">
        <v>120</v>
      </c>
      <c r="M35158" t="s">
        <v>83</v>
      </c>
      <c r="N35158" t="s">
        <v>84</v>
      </c>
      <c r="O35158" t="s">
        <v>85</v>
      </c>
      <c r="P35158" t="s">
        <v>86</v>
      </c>
      <c r="Q35158">
        <v>5</v>
      </c>
      <c r="R35158">
        <v>5</v>
      </c>
      <c r="S35158">
        <v>5</v>
      </c>
      <c r="T35158">
        <v>5</v>
      </c>
      <c r="U35158">
        <v>5</v>
      </c>
      <c r="V35158">
        <v>5</v>
      </c>
      <c r="W35158">
        <v>6</v>
      </c>
      <c r="X35158">
        <v>6</v>
      </c>
      <c r="Y35158">
        <v>6</v>
      </c>
      <c r="Z35158">
        <v>6</v>
      </c>
      <c r="AA35158">
        <v>6</v>
      </c>
      <c r="AB35158">
        <v>6</v>
      </c>
      <c r="AC35158">
        <v>6</v>
      </c>
      <c r="AD35158">
        <v>6</v>
      </c>
      <c r="AE35158">
        <v>6</v>
      </c>
      <c r="AF35158">
        <v>6</v>
      </c>
      <c r="AG35158">
        <v>6</v>
      </c>
      <c r="AH35158">
        <v>6</v>
      </c>
      <c r="AI35158">
        <v>7</v>
      </c>
      <c r="AJ35158">
        <v>7</v>
      </c>
      <c r="AK35158">
        <v>7</v>
      </c>
      <c r="AL35158">
        <v>7</v>
      </c>
      <c r="AM35158">
        <v>7</v>
      </c>
      <c r="AN35158">
        <v>7</v>
      </c>
      <c r="AO35158">
        <v>7</v>
      </c>
      <c r="AP35158">
        <v>7</v>
      </c>
      <c r="AQ35158">
        <v>7</v>
      </c>
    </row>
    <row r="35159" spans="1:43">
      <c r="A35159" t="s">
        <v>21793</v>
      </c>
      <c r="B35159" t="s">
        <v>21794</v>
      </c>
      <c r="C35159" t="s">
        <v>21795</v>
      </c>
      <c r="D35159" t="s">
        <v>21796</v>
      </c>
      <c r="E35159" t="s">
        <v>21751</v>
      </c>
      <c r="F35159" t="s">
        <v>21752</v>
      </c>
      <c r="G35159" t="s">
        <v>20255</v>
      </c>
      <c r="H35159" t="s">
        <v>20256</v>
      </c>
      <c r="I35159" s="2">
        <v>1</v>
      </c>
      <c r="J35159" s="2">
        <v>0</v>
      </c>
      <c r="K35159" s="2">
        <v>0</v>
      </c>
      <c r="L35159" t="s">
        <v>120</v>
      </c>
      <c r="M35159" t="s">
        <v>87</v>
      </c>
      <c r="N35159" t="s">
        <v>88</v>
      </c>
      <c r="O35159" t="s">
        <v>85</v>
      </c>
      <c r="P35159" t="s">
        <v>86</v>
      </c>
      <c r="Q35159">
        <v>5</v>
      </c>
      <c r="R35159">
        <v>5</v>
      </c>
      <c r="S35159">
        <v>5</v>
      </c>
      <c r="T35159">
        <v>5</v>
      </c>
      <c r="U35159">
        <v>5</v>
      </c>
      <c r="V35159">
        <v>5</v>
      </c>
      <c r="W35159">
        <v>5</v>
      </c>
      <c r="X35159">
        <v>5</v>
      </c>
      <c r="Y35159">
        <v>5</v>
      </c>
      <c r="Z35159">
        <v>5</v>
      </c>
      <c r="AA35159">
        <v>5</v>
      </c>
      <c r="AB35159">
        <v>5</v>
      </c>
      <c r="AC35159">
        <v>5</v>
      </c>
      <c r="AD35159">
        <v>5</v>
      </c>
      <c r="AE35159">
        <v>6</v>
      </c>
      <c r="AF35159">
        <v>6</v>
      </c>
      <c r="AG35159">
        <v>6</v>
      </c>
      <c r="AH35159">
        <v>6</v>
      </c>
      <c r="AI35159">
        <v>6</v>
      </c>
      <c r="AJ35159">
        <v>6</v>
      </c>
      <c r="AK35159">
        <v>6</v>
      </c>
      <c r="AL35159">
        <v>6</v>
      </c>
      <c r="AM35159">
        <v>6</v>
      </c>
      <c r="AN35159">
        <v>6</v>
      </c>
      <c r="AO35159">
        <v>6</v>
      </c>
      <c r="AP35159">
        <v>6</v>
      </c>
      <c r="AQ35159">
        <v>6</v>
      </c>
    </row>
    <row r="35160" spans="1:43">
      <c r="A35160" t="s">
        <v>21793</v>
      </c>
      <c r="B35160" t="s">
        <v>21794</v>
      </c>
      <c r="C35160" t="s">
        <v>21795</v>
      </c>
      <c r="D35160" t="s">
        <v>21796</v>
      </c>
      <c r="E35160" t="s">
        <v>21751</v>
      </c>
      <c r="F35160" t="s">
        <v>21752</v>
      </c>
      <c r="G35160" t="s">
        <v>20255</v>
      </c>
      <c r="H35160" t="s">
        <v>20256</v>
      </c>
      <c r="I35160" s="2">
        <v>1</v>
      </c>
      <c r="J35160" s="2">
        <v>0</v>
      </c>
      <c r="K35160" s="2">
        <v>0</v>
      </c>
      <c r="L35160" t="s">
        <v>120</v>
      </c>
      <c r="M35160" t="s">
        <v>89</v>
      </c>
      <c r="N35160" t="s">
        <v>90</v>
      </c>
      <c r="O35160" t="s">
        <v>85</v>
      </c>
      <c r="P35160" t="s">
        <v>86</v>
      </c>
      <c r="Q35160">
        <v>5</v>
      </c>
      <c r="R35160">
        <v>5</v>
      </c>
      <c r="S35160">
        <v>5</v>
      </c>
      <c r="T35160">
        <v>5</v>
      </c>
      <c r="U35160">
        <v>6</v>
      </c>
      <c r="V35160">
        <v>6</v>
      </c>
      <c r="W35160">
        <v>6</v>
      </c>
      <c r="X35160">
        <v>6</v>
      </c>
      <c r="Y35160">
        <v>6</v>
      </c>
      <c r="Z35160">
        <v>6</v>
      </c>
      <c r="AA35160">
        <v>6</v>
      </c>
      <c r="AB35160">
        <v>6</v>
      </c>
      <c r="AC35160">
        <v>6</v>
      </c>
      <c r="AD35160">
        <v>7</v>
      </c>
      <c r="AE35160">
        <v>7</v>
      </c>
      <c r="AF35160">
        <v>7</v>
      </c>
      <c r="AG35160">
        <v>7</v>
      </c>
      <c r="AH35160">
        <v>7</v>
      </c>
      <c r="AI35160">
        <v>7</v>
      </c>
      <c r="AJ35160">
        <v>7</v>
      </c>
      <c r="AK35160">
        <v>7</v>
      </c>
      <c r="AL35160">
        <v>7</v>
      </c>
      <c r="AM35160">
        <v>7</v>
      </c>
      <c r="AN35160">
        <v>7</v>
      </c>
      <c r="AO35160">
        <v>7</v>
      </c>
      <c r="AP35160">
        <v>7</v>
      </c>
      <c r="AQ35160">
        <v>7</v>
      </c>
    </row>
    <row r="35161" spans="1:43">
      <c r="A35161" t="s">
        <v>21793</v>
      </c>
      <c r="B35161" t="s">
        <v>21794</v>
      </c>
      <c r="C35161" t="s">
        <v>21795</v>
      </c>
      <c r="D35161" t="s">
        <v>21796</v>
      </c>
      <c r="E35161" t="s">
        <v>21751</v>
      </c>
      <c r="F35161" t="s">
        <v>21752</v>
      </c>
      <c r="G35161" t="s">
        <v>20255</v>
      </c>
      <c r="H35161" t="s">
        <v>20256</v>
      </c>
      <c r="I35161" s="2">
        <v>1</v>
      </c>
      <c r="J35161" s="2">
        <v>0</v>
      </c>
      <c r="K35161" s="2">
        <v>0</v>
      </c>
      <c r="L35161" t="s">
        <v>120</v>
      </c>
      <c r="M35161" t="s">
        <v>83</v>
      </c>
      <c r="N35161" t="s">
        <v>91</v>
      </c>
      <c r="O35161" t="s">
        <v>85</v>
      </c>
      <c r="P35161" t="s">
        <v>86</v>
      </c>
      <c r="Q35161">
        <v>5</v>
      </c>
      <c r="R35161">
        <v>5</v>
      </c>
      <c r="S35161">
        <v>5</v>
      </c>
      <c r="T35161">
        <v>5</v>
      </c>
      <c r="U35161">
        <v>5</v>
      </c>
      <c r="V35161">
        <v>5</v>
      </c>
      <c r="W35161">
        <v>6</v>
      </c>
      <c r="X35161">
        <v>6</v>
      </c>
      <c r="Y35161">
        <v>6</v>
      </c>
      <c r="Z35161">
        <v>6</v>
      </c>
      <c r="AA35161">
        <v>6</v>
      </c>
      <c r="AB35161">
        <v>6</v>
      </c>
      <c r="AC35161">
        <v>6</v>
      </c>
      <c r="AD35161">
        <v>6</v>
      </c>
      <c r="AE35161">
        <v>6</v>
      </c>
      <c r="AF35161">
        <v>6</v>
      </c>
      <c r="AG35161">
        <v>6</v>
      </c>
      <c r="AH35161">
        <v>6</v>
      </c>
      <c r="AI35161">
        <v>7</v>
      </c>
      <c r="AJ35161">
        <v>7</v>
      </c>
      <c r="AK35161">
        <v>7</v>
      </c>
      <c r="AL35161">
        <v>7</v>
      </c>
      <c r="AM35161">
        <v>7</v>
      </c>
      <c r="AN35161">
        <v>7</v>
      </c>
      <c r="AO35161">
        <v>7</v>
      </c>
      <c r="AP35161">
        <v>7</v>
      </c>
      <c r="AQ35161">
        <v>7</v>
      </c>
    </row>
    <row r="35162" spans="1:43">
      <c r="A35162" t="s">
        <v>21797</v>
      </c>
      <c r="B35162" t="s">
        <v>21798</v>
      </c>
      <c r="C35162" t="s">
        <v>21795</v>
      </c>
      <c r="D35162" t="s">
        <v>21796</v>
      </c>
      <c r="E35162" t="s">
        <v>21751</v>
      </c>
      <c r="F35162" t="s">
        <v>21752</v>
      </c>
      <c r="G35162" t="s">
        <v>20255</v>
      </c>
      <c r="H35162" t="s">
        <v>20256</v>
      </c>
      <c r="I35162" s="2">
        <v>1</v>
      </c>
      <c r="J35162" s="2">
        <v>0</v>
      </c>
      <c r="K35162" s="2">
        <v>0</v>
      </c>
      <c r="L35162" t="s">
        <v>120</v>
      </c>
      <c r="M35162" t="s">
        <v>83</v>
      </c>
      <c r="N35162" t="s">
        <v>84</v>
      </c>
      <c r="O35162" t="s">
        <v>85</v>
      </c>
      <c r="P35162" t="s">
        <v>86</v>
      </c>
      <c r="Q35162">
        <v>24</v>
      </c>
      <c r="R35162">
        <v>24</v>
      </c>
      <c r="S35162">
        <v>25</v>
      </c>
      <c r="T35162">
        <v>25</v>
      </c>
      <c r="U35162">
        <v>25</v>
      </c>
      <c r="V35162">
        <v>26</v>
      </c>
      <c r="W35162">
        <v>26</v>
      </c>
      <c r="X35162">
        <v>27</v>
      </c>
      <c r="Y35162">
        <v>27</v>
      </c>
      <c r="Z35162">
        <v>27</v>
      </c>
      <c r="AA35162">
        <v>28</v>
      </c>
      <c r="AB35162">
        <v>28</v>
      </c>
      <c r="AC35162">
        <v>29</v>
      </c>
      <c r="AD35162">
        <v>29</v>
      </c>
      <c r="AE35162">
        <v>29</v>
      </c>
      <c r="AF35162">
        <v>30</v>
      </c>
      <c r="AG35162">
        <v>30</v>
      </c>
      <c r="AH35162">
        <v>30</v>
      </c>
      <c r="AI35162">
        <v>31</v>
      </c>
      <c r="AJ35162">
        <v>31</v>
      </c>
      <c r="AK35162">
        <v>31</v>
      </c>
      <c r="AL35162">
        <v>32</v>
      </c>
      <c r="AM35162">
        <v>32</v>
      </c>
      <c r="AN35162">
        <v>32</v>
      </c>
      <c r="AO35162">
        <v>32</v>
      </c>
      <c r="AP35162">
        <v>32</v>
      </c>
      <c r="AQ35162">
        <v>32</v>
      </c>
    </row>
    <row r="35163" spans="1:43">
      <c r="A35163" t="s">
        <v>21797</v>
      </c>
      <c r="B35163" t="s">
        <v>21798</v>
      </c>
      <c r="C35163" t="s">
        <v>21795</v>
      </c>
      <c r="D35163" t="s">
        <v>21796</v>
      </c>
      <c r="E35163" t="s">
        <v>21751</v>
      </c>
      <c r="F35163" t="s">
        <v>21752</v>
      </c>
      <c r="G35163" t="s">
        <v>20255</v>
      </c>
      <c r="H35163" t="s">
        <v>20256</v>
      </c>
      <c r="I35163" s="2">
        <v>1</v>
      </c>
      <c r="J35163" s="2">
        <v>0</v>
      </c>
      <c r="K35163" s="2">
        <v>0</v>
      </c>
      <c r="L35163" t="s">
        <v>120</v>
      </c>
      <c r="M35163" t="s">
        <v>87</v>
      </c>
      <c r="N35163" t="s">
        <v>88</v>
      </c>
      <c r="O35163" t="s">
        <v>85</v>
      </c>
      <c r="P35163" t="s">
        <v>86</v>
      </c>
      <c r="Q35163">
        <v>24</v>
      </c>
      <c r="R35163">
        <v>25</v>
      </c>
      <c r="S35163">
        <v>25</v>
      </c>
      <c r="T35163">
        <v>25</v>
      </c>
      <c r="U35163">
        <v>25</v>
      </c>
      <c r="V35163">
        <v>25</v>
      </c>
      <c r="W35163">
        <v>26</v>
      </c>
      <c r="X35163">
        <v>26</v>
      </c>
      <c r="Y35163">
        <v>26</v>
      </c>
      <c r="Z35163">
        <v>26</v>
      </c>
      <c r="AA35163">
        <v>26</v>
      </c>
      <c r="AB35163">
        <v>27</v>
      </c>
      <c r="AC35163">
        <v>27</v>
      </c>
      <c r="AD35163">
        <v>27</v>
      </c>
      <c r="AE35163">
        <v>27</v>
      </c>
      <c r="AF35163">
        <v>27</v>
      </c>
      <c r="AG35163">
        <v>27</v>
      </c>
      <c r="AH35163">
        <v>27</v>
      </c>
      <c r="AI35163">
        <v>28</v>
      </c>
      <c r="AJ35163">
        <v>28</v>
      </c>
      <c r="AK35163">
        <v>28</v>
      </c>
      <c r="AL35163">
        <v>28</v>
      </c>
      <c r="AM35163">
        <v>28</v>
      </c>
      <c r="AN35163">
        <v>28</v>
      </c>
      <c r="AO35163">
        <v>28</v>
      </c>
      <c r="AP35163">
        <v>29</v>
      </c>
      <c r="AQ35163">
        <v>29</v>
      </c>
    </row>
    <row r="35164" spans="1:43">
      <c r="A35164" t="s">
        <v>21797</v>
      </c>
      <c r="B35164" t="s">
        <v>21798</v>
      </c>
      <c r="C35164" t="s">
        <v>21795</v>
      </c>
      <c r="D35164" t="s">
        <v>21796</v>
      </c>
      <c r="E35164" t="s">
        <v>21751</v>
      </c>
      <c r="F35164" t="s">
        <v>21752</v>
      </c>
      <c r="G35164" t="s">
        <v>20255</v>
      </c>
      <c r="H35164" t="s">
        <v>20256</v>
      </c>
      <c r="I35164" s="2">
        <v>1</v>
      </c>
      <c r="J35164" s="2">
        <v>0</v>
      </c>
      <c r="K35164" s="2">
        <v>0</v>
      </c>
      <c r="L35164" t="s">
        <v>120</v>
      </c>
      <c r="M35164" t="s">
        <v>89</v>
      </c>
      <c r="N35164" t="s">
        <v>90</v>
      </c>
      <c r="O35164" t="s">
        <v>85</v>
      </c>
      <c r="P35164" t="s">
        <v>86</v>
      </c>
      <c r="Q35164">
        <v>24</v>
      </c>
      <c r="R35164">
        <v>25</v>
      </c>
      <c r="S35164">
        <v>25</v>
      </c>
      <c r="T35164">
        <v>26</v>
      </c>
      <c r="U35164">
        <v>26</v>
      </c>
      <c r="V35164">
        <v>27</v>
      </c>
      <c r="W35164">
        <v>27</v>
      </c>
      <c r="X35164">
        <v>28</v>
      </c>
      <c r="Y35164">
        <v>29</v>
      </c>
      <c r="Z35164">
        <v>29</v>
      </c>
      <c r="AA35164">
        <v>30</v>
      </c>
      <c r="AB35164">
        <v>30</v>
      </c>
      <c r="AC35164">
        <v>31</v>
      </c>
      <c r="AD35164">
        <v>31</v>
      </c>
      <c r="AE35164">
        <v>31</v>
      </c>
      <c r="AF35164">
        <v>31</v>
      </c>
      <c r="AG35164">
        <v>32</v>
      </c>
      <c r="AH35164">
        <v>32</v>
      </c>
      <c r="AI35164">
        <v>32</v>
      </c>
      <c r="AJ35164">
        <v>32</v>
      </c>
      <c r="AK35164">
        <v>32</v>
      </c>
      <c r="AL35164">
        <v>32</v>
      </c>
      <c r="AM35164">
        <v>32</v>
      </c>
      <c r="AN35164">
        <v>32</v>
      </c>
      <c r="AO35164">
        <v>32</v>
      </c>
      <c r="AP35164">
        <v>32</v>
      </c>
      <c r="AQ35164">
        <v>32</v>
      </c>
    </row>
    <row r="35165" spans="1:43">
      <c r="A35165" t="s">
        <v>21797</v>
      </c>
      <c r="B35165" t="s">
        <v>21798</v>
      </c>
      <c r="C35165" t="s">
        <v>21795</v>
      </c>
      <c r="D35165" t="s">
        <v>21796</v>
      </c>
      <c r="E35165" t="s">
        <v>21751</v>
      </c>
      <c r="F35165" t="s">
        <v>21752</v>
      </c>
      <c r="G35165" t="s">
        <v>20255</v>
      </c>
      <c r="H35165" t="s">
        <v>20256</v>
      </c>
      <c r="I35165" s="2">
        <v>1</v>
      </c>
      <c r="J35165" s="2">
        <v>0</v>
      </c>
      <c r="K35165" s="2">
        <v>0</v>
      </c>
      <c r="L35165" t="s">
        <v>120</v>
      </c>
      <c r="M35165" t="s">
        <v>83</v>
      </c>
      <c r="N35165" t="s">
        <v>91</v>
      </c>
      <c r="O35165" t="s">
        <v>85</v>
      </c>
      <c r="P35165" t="s">
        <v>86</v>
      </c>
      <c r="Q35165">
        <v>24</v>
      </c>
      <c r="R35165">
        <v>24</v>
      </c>
      <c r="S35165">
        <v>25</v>
      </c>
      <c r="T35165">
        <v>25</v>
      </c>
      <c r="U35165">
        <v>25</v>
      </c>
      <c r="V35165">
        <v>26</v>
      </c>
      <c r="W35165">
        <v>26</v>
      </c>
      <c r="X35165">
        <v>27</v>
      </c>
      <c r="Y35165">
        <v>27</v>
      </c>
      <c r="Z35165">
        <v>27</v>
      </c>
      <c r="AA35165">
        <v>28</v>
      </c>
      <c r="AB35165">
        <v>28</v>
      </c>
      <c r="AC35165">
        <v>29</v>
      </c>
      <c r="AD35165">
        <v>29</v>
      </c>
      <c r="AE35165">
        <v>29</v>
      </c>
      <c r="AF35165">
        <v>30</v>
      </c>
      <c r="AG35165">
        <v>30</v>
      </c>
      <c r="AH35165">
        <v>30</v>
      </c>
      <c r="AI35165">
        <v>31</v>
      </c>
      <c r="AJ35165">
        <v>31</v>
      </c>
      <c r="AK35165">
        <v>31</v>
      </c>
      <c r="AL35165">
        <v>32</v>
      </c>
      <c r="AM35165">
        <v>32</v>
      </c>
      <c r="AN35165">
        <v>32</v>
      </c>
      <c r="AO35165">
        <v>32</v>
      </c>
      <c r="AP35165">
        <v>32</v>
      </c>
      <c r="AQ35165">
        <v>32</v>
      </c>
    </row>
    <row r="35166" spans="1:43">
      <c r="A35166" t="s">
        <v>21799</v>
      </c>
      <c r="B35166" t="s">
        <v>21800</v>
      </c>
      <c r="C35166" t="s">
        <v>21795</v>
      </c>
      <c r="D35166" t="s">
        <v>21796</v>
      </c>
      <c r="E35166" t="s">
        <v>21751</v>
      </c>
      <c r="F35166" t="s">
        <v>21752</v>
      </c>
      <c r="G35166" t="s">
        <v>20255</v>
      </c>
      <c r="H35166" t="s">
        <v>20256</v>
      </c>
      <c r="I35166" s="2">
        <v>1</v>
      </c>
      <c r="J35166" s="2">
        <v>0</v>
      </c>
      <c r="K35166" s="2">
        <v>0</v>
      </c>
      <c r="L35166" t="s">
        <v>120</v>
      </c>
      <c r="M35166" t="s">
        <v>83</v>
      </c>
      <c r="N35166" t="s">
        <v>84</v>
      </c>
      <c r="O35166" t="s">
        <v>85</v>
      </c>
      <c r="P35166" t="s">
        <v>86</v>
      </c>
      <c r="Q35166">
        <v>20</v>
      </c>
      <c r="R35166">
        <v>20</v>
      </c>
      <c r="S35166">
        <v>20</v>
      </c>
      <c r="T35166">
        <v>21</v>
      </c>
      <c r="U35166">
        <v>21</v>
      </c>
      <c r="V35166">
        <v>21</v>
      </c>
      <c r="W35166">
        <v>22</v>
      </c>
      <c r="X35166">
        <v>22</v>
      </c>
      <c r="Y35166">
        <v>22</v>
      </c>
      <c r="Z35166">
        <v>23</v>
      </c>
      <c r="AA35166">
        <v>23</v>
      </c>
      <c r="AB35166">
        <v>23</v>
      </c>
      <c r="AC35166">
        <v>24</v>
      </c>
      <c r="AD35166">
        <v>24</v>
      </c>
      <c r="AE35166">
        <v>24</v>
      </c>
      <c r="AF35166">
        <v>24</v>
      </c>
      <c r="AG35166">
        <v>25</v>
      </c>
      <c r="AH35166">
        <v>25</v>
      </c>
      <c r="AI35166">
        <v>25</v>
      </c>
      <c r="AJ35166">
        <v>26</v>
      </c>
      <c r="AK35166">
        <v>26</v>
      </c>
      <c r="AL35166">
        <v>26</v>
      </c>
      <c r="AM35166">
        <v>26</v>
      </c>
      <c r="AN35166">
        <v>26</v>
      </c>
      <c r="AO35166">
        <v>26</v>
      </c>
      <c r="AP35166">
        <v>26</v>
      </c>
      <c r="AQ35166">
        <v>26</v>
      </c>
    </row>
    <row r="35167" spans="1:43">
      <c r="A35167" t="s">
        <v>21799</v>
      </c>
      <c r="B35167" t="s">
        <v>21800</v>
      </c>
      <c r="C35167" t="s">
        <v>21795</v>
      </c>
      <c r="D35167" t="s">
        <v>21796</v>
      </c>
      <c r="E35167" t="s">
        <v>21751</v>
      </c>
      <c r="F35167" t="s">
        <v>21752</v>
      </c>
      <c r="G35167" t="s">
        <v>20255</v>
      </c>
      <c r="H35167" t="s">
        <v>20256</v>
      </c>
      <c r="I35167" s="2">
        <v>1</v>
      </c>
      <c r="J35167" s="2">
        <v>0</v>
      </c>
      <c r="K35167" s="2">
        <v>0</v>
      </c>
      <c r="L35167" t="s">
        <v>120</v>
      </c>
      <c r="M35167" t="s">
        <v>87</v>
      </c>
      <c r="N35167" t="s">
        <v>88</v>
      </c>
      <c r="O35167" t="s">
        <v>85</v>
      </c>
      <c r="P35167" t="s">
        <v>86</v>
      </c>
      <c r="Q35167">
        <v>20</v>
      </c>
      <c r="R35167">
        <v>21</v>
      </c>
      <c r="S35167">
        <v>21</v>
      </c>
      <c r="T35167">
        <v>21</v>
      </c>
      <c r="U35167">
        <v>21</v>
      </c>
      <c r="V35167">
        <v>21</v>
      </c>
      <c r="W35167">
        <v>21</v>
      </c>
      <c r="X35167">
        <v>22</v>
      </c>
      <c r="Y35167">
        <v>22</v>
      </c>
      <c r="Z35167">
        <v>22</v>
      </c>
      <c r="AA35167">
        <v>22</v>
      </c>
      <c r="AB35167">
        <v>22</v>
      </c>
      <c r="AC35167">
        <v>22</v>
      </c>
      <c r="AD35167">
        <v>22</v>
      </c>
      <c r="AE35167">
        <v>22</v>
      </c>
      <c r="AF35167">
        <v>23</v>
      </c>
      <c r="AG35167">
        <v>23</v>
      </c>
      <c r="AH35167">
        <v>23</v>
      </c>
      <c r="AI35167">
        <v>23</v>
      </c>
      <c r="AJ35167">
        <v>23</v>
      </c>
      <c r="AK35167">
        <v>23</v>
      </c>
      <c r="AL35167">
        <v>23</v>
      </c>
      <c r="AM35167">
        <v>23</v>
      </c>
      <c r="AN35167">
        <v>24</v>
      </c>
      <c r="AO35167">
        <v>24</v>
      </c>
      <c r="AP35167">
        <v>24</v>
      </c>
      <c r="AQ35167">
        <v>24</v>
      </c>
    </row>
    <row r="35168" spans="1:43">
      <c r="A35168" t="s">
        <v>21799</v>
      </c>
      <c r="B35168" t="s">
        <v>21800</v>
      </c>
      <c r="C35168" t="s">
        <v>21795</v>
      </c>
      <c r="D35168" t="s">
        <v>21796</v>
      </c>
      <c r="E35168" t="s">
        <v>21751</v>
      </c>
      <c r="F35168" t="s">
        <v>21752</v>
      </c>
      <c r="G35168" t="s">
        <v>20255</v>
      </c>
      <c r="H35168" t="s">
        <v>20256</v>
      </c>
      <c r="I35168" s="2">
        <v>1</v>
      </c>
      <c r="J35168" s="2">
        <v>0</v>
      </c>
      <c r="K35168" s="2">
        <v>0</v>
      </c>
      <c r="L35168" t="s">
        <v>120</v>
      </c>
      <c r="M35168" t="s">
        <v>89</v>
      </c>
      <c r="N35168" t="s">
        <v>90</v>
      </c>
      <c r="O35168" t="s">
        <v>85</v>
      </c>
      <c r="P35168" t="s">
        <v>86</v>
      </c>
      <c r="Q35168">
        <v>20</v>
      </c>
      <c r="R35168">
        <v>20</v>
      </c>
      <c r="S35168">
        <v>21</v>
      </c>
      <c r="T35168">
        <v>21</v>
      </c>
      <c r="U35168">
        <v>22</v>
      </c>
      <c r="V35168">
        <v>22</v>
      </c>
      <c r="W35168">
        <v>23</v>
      </c>
      <c r="X35168">
        <v>23</v>
      </c>
      <c r="Y35168">
        <v>24</v>
      </c>
      <c r="Z35168">
        <v>24</v>
      </c>
      <c r="AA35168">
        <v>24</v>
      </c>
      <c r="AB35168">
        <v>25</v>
      </c>
      <c r="AC35168">
        <v>25</v>
      </c>
      <c r="AD35168">
        <v>26</v>
      </c>
      <c r="AE35168">
        <v>26</v>
      </c>
      <c r="AF35168">
        <v>26</v>
      </c>
      <c r="AG35168">
        <v>26</v>
      </c>
      <c r="AH35168">
        <v>26</v>
      </c>
      <c r="AI35168">
        <v>26</v>
      </c>
      <c r="AJ35168">
        <v>26</v>
      </c>
      <c r="AK35168">
        <v>26</v>
      </c>
      <c r="AL35168">
        <v>26</v>
      </c>
      <c r="AM35168">
        <v>26</v>
      </c>
      <c r="AN35168">
        <v>26</v>
      </c>
      <c r="AO35168">
        <v>26</v>
      </c>
      <c r="AP35168">
        <v>26</v>
      </c>
      <c r="AQ35168">
        <v>27</v>
      </c>
    </row>
    <row r="35169" spans="1:43">
      <c r="A35169" t="s">
        <v>21799</v>
      </c>
      <c r="B35169" t="s">
        <v>21800</v>
      </c>
      <c r="C35169" t="s">
        <v>21795</v>
      </c>
      <c r="D35169" t="s">
        <v>21796</v>
      </c>
      <c r="E35169" t="s">
        <v>21751</v>
      </c>
      <c r="F35169" t="s">
        <v>21752</v>
      </c>
      <c r="G35169" t="s">
        <v>20255</v>
      </c>
      <c r="H35169" t="s">
        <v>20256</v>
      </c>
      <c r="I35169" s="2">
        <v>1</v>
      </c>
      <c r="J35169" s="2">
        <v>0</v>
      </c>
      <c r="K35169" s="2">
        <v>0</v>
      </c>
      <c r="L35169" t="s">
        <v>120</v>
      </c>
      <c r="M35169" t="s">
        <v>83</v>
      </c>
      <c r="N35169" t="s">
        <v>91</v>
      </c>
      <c r="O35169" t="s">
        <v>85</v>
      </c>
      <c r="P35169" t="s">
        <v>86</v>
      </c>
      <c r="Q35169">
        <v>20</v>
      </c>
      <c r="R35169">
        <v>20</v>
      </c>
      <c r="S35169">
        <v>20</v>
      </c>
      <c r="T35169">
        <v>21</v>
      </c>
      <c r="U35169">
        <v>21</v>
      </c>
      <c r="V35169">
        <v>21</v>
      </c>
      <c r="W35169">
        <v>22</v>
      </c>
      <c r="X35169">
        <v>22</v>
      </c>
      <c r="Y35169">
        <v>22</v>
      </c>
      <c r="Z35169">
        <v>23</v>
      </c>
      <c r="AA35169">
        <v>23</v>
      </c>
      <c r="AB35169">
        <v>23</v>
      </c>
      <c r="AC35169">
        <v>24</v>
      </c>
      <c r="AD35169">
        <v>24</v>
      </c>
      <c r="AE35169">
        <v>24</v>
      </c>
      <c r="AF35169">
        <v>24</v>
      </c>
      <c r="AG35169">
        <v>25</v>
      </c>
      <c r="AH35169">
        <v>25</v>
      </c>
      <c r="AI35169">
        <v>25</v>
      </c>
      <c r="AJ35169">
        <v>26</v>
      </c>
      <c r="AK35169">
        <v>26</v>
      </c>
      <c r="AL35169">
        <v>26</v>
      </c>
      <c r="AM35169">
        <v>26</v>
      </c>
      <c r="AN35169">
        <v>26</v>
      </c>
      <c r="AO35169">
        <v>26</v>
      </c>
      <c r="AP35169">
        <v>26</v>
      </c>
      <c r="AQ35169">
        <v>26</v>
      </c>
    </row>
    <row r="35170" spans="1:43">
      <c r="A35170" t="s">
        <v>21801</v>
      </c>
      <c r="B35170" t="s">
        <v>21802</v>
      </c>
      <c r="C35170" t="s">
        <v>21795</v>
      </c>
      <c r="D35170" t="s">
        <v>21796</v>
      </c>
      <c r="E35170" t="s">
        <v>21751</v>
      </c>
      <c r="F35170" t="s">
        <v>21752</v>
      </c>
      <c r="G35170" t="s">
        <v>20255</v>
      </c>
      <c r="H35170" t="s">
        <v>20256</v>
      </c>
      <c r="I35170" s="2">
        <v>1</v>
      </c>
      <c r="J35170" s="2">
        <v>0</v>
      </c>
      <c r="K35170" s="2">
        <v>0</v>
      </c>
      <c r="L35170" t="s">
        <v>120</v>
      </c>
      <c r="M35170" t="s">
        <v>83</v>
      </c>
      <c r="N35170" t="s">
        <v>84</v>
      </c>
      <c r="O35170" t="s">
        <v>85</v>
      </c>
      <c r="P35170" t="s">
        <v>86</v>
      </c>
      <c r="Q35170">
        <v>6</v>
      </c>
      <c r="R35170">
        <v>6</v>
      </c>
      <c r="S35170">
        <v>7</v>
      </c>
      <c r="T35170">
        <v>7</v>
      </c>
      <c r="U35170">
        <v>7</v>
      </c>
      <c r="V35170">
        <v>7</v>
      </c>
      <c r="W35170">
        <v>7</v>
      </c>
      <c r="X35170">
        <v>7</v>
      </c>
      <c r="Y35170">
        <v>7</v>
      </c>
      <c r="Z35170">
        <v>7</v>
      </c>
      <c r="AA35170">
        <v>7</v>
      </c>
      <c r="AB35170">
        <v>8</v>
      </c>
      <c r="AC35170">
        <v>8</v>
      </c>
      <c r="AD35170">
        <v>8</v>
      </c>
      <c r="AE35170">
        <v>8</v>
      </c>
      <c r="AF35170">
        <v>8</v>
      </c>
      <c r="AG35170">
        <v>8</v>
      </c>
      <c r="AH35170">
        <v>8</v>
      </c>
      <c r="AI35170">
        <v>8</v>
      </c>
      <c r="AJ35170">
        <v>8</v>
      </c>
      <c r="AK35170">
        <v>8</v>
      </c>
      <c r="AL35170">
        <v>9</v>
      </c>
      <c r="AM35170">
        <v>9</v>
      </c>
      <c r="AN35170">
        <v>9</v>
      </c>
      <c r="AO35170">
        <v>9</v>
      </c>
      <c r="AP35170">
        <v>9</v>
      </c>
      <c r="AQ35170">
        <v>9</v>
      </c>
    </row>
    <row r="35171" spans="1:43">
      <c r="A35171" t="s">
        <v>21801</v>
      </c>
      <c r="B35171" t="s">
        <v>21802</v>
      </c>
      <c r="C35171" t="s">
        <v>21795</v>
      </c>
      <c r="D35171" t="s">
        <v>21796</v>
      </c>
      <c r="E35171" t="s">
        <v>21751</v>
      </c>
      <c r="F35171" t="s">
        <v>21752</v>
      </c>
      <c r="G35171" t="s">
        <v>20255</v>
      </c>
      <c r="H35171" t="s">
        <v>20256</v>
      </c>
      <c r="I35171" s="2">
        <v>1</v>
      </c>
      <c r="J35171" s="2">
        <v>0</v>
      </c>
      <c r="K35171" s="2">
        <v>0</v>
      </c>
      <c r="L35171" t="s">
        <v>120</v>
      </c>
      <c r="M35171" t="s">
        <v>87</v>
      </c>
      <c r="N35171" t="s">
        <v>88</v>
      </c>
      <c r="O35171" t="s">
        <v>85</v>
      </c>
      <c r="P35171" t="s">
        <v>86</v>
      </c>
      <c r="Q35171">
        <v>6</v>
      </c>
      <c r="R35171">
        <v>6</v>
      </c>
      <c r="S35171">
        <v>6</v>
      </c>
      <c r="T35171">
        <v>6</v>
      </c>
      <c r="U35171">
        <v>7</v>
      </c>
      <c r="V35171">
        <v>7</v>
      </c>
      <c r="W35171">
        <v>7</v>
      </c>
      <c r="X35171">
        <v>7</v>
      </c>
      <c r="Y35171">
        <v>7</v>
      </c>
      <c r="Z35171">
        <v>7</v>
      </c>
      <c r="AA35171">
        <v>7</v>
      </c>
      <c r="AB35171">
        <v>7</v>
      </c>
      <c r="AC35171">
        <v>7</v>
      </c>
      <c r="AD35171">
        <v>7</v>
      </c>
      <c r="AE35171">
        <v>7</v>
      </c>
      <c r="AF35171">
        <v>7</v>
      </c>
      <c r="AG35171">
        <v>7</v>
      </c>
      <c r="AH35171">
        <v>7</v>
      </c>
      <c r="AI35171">
        <v>7</v>
      </c>
      <c r="AJ35171">
        <v>7</v>
      </c>
      <c r="AK35171">
        <v>7</v>
      </c>
      <c r="AL35171">
        <v>7</v>
      </c>
      <c r="AM35171">
        <v>7</v>
      </c>
      <c r="AN35171">
        <v>7</v>
      </c>
      <c r="AO35171">
        <v>7</v>
      </c>
      <c r="AP35171">
        <v>7</v>
      </c>
      <c r="AQ35171">
        <v>7</v>
      </c>
    </row>
    <row r="35172" spans="1:43">
      <c r="A35172" t="s">
        <v>21801</v>
      </c>
      <c r="B35172" t="s">
        <v>21802</v>
      </c>
      <c r="C35172" t="s">
        <v>21795</v>
      </c>
      <c r="D35172" t="s">
        <v>21796</v>
      </c>
      <c r="E35172" t="s">
        <v>21751</v>
      </c>
      <c r="F35172" t="s">
        <v>21752</v>
      </c>
      <c r="G35172" t="s">
        <v>20255</v>
      </c>
      <c r="H35172" t="s">
        <v>20256</v>
      </c>
      <c r="I35172" s="2">
        <v>1</v>
      </c>
      <c r="J35172" s="2">
        <v>0</v>
      </c>
      <c r="K35172" s="2">
        <v>0</v>
      </c>
      <c r="L35172" t="s">
        <v>120</v>
      </c>
      <c r="M35172" t="s">
        <v>89</v>
      </c>
      <c r="N35172" t="s">
        <v>90</v>
      </c>
      <c r="O35172" t="s">
        <v>85</v>
      </c>
      <c r="P35172" t="s">
        <v>86</v>
      </c>
      <c r="Q35172">
        <v>6</v>
      </c>
      <c r="R35172">
        <v>7</v>
      </c>
      <c r="S35172">
        <v>7</v>
      </c>
      <c r="T35172">
        <v>7</v>
      </c>
      <c r="U35172">
        <v>7</v>
      </c>
      <c r="V35172">
        <v>7</v>
      </c>
      <c r="W35172">
        <v>7</v>
      </c>
      <c r="X35172">
        <v>8</v>
      </c>
      <c r="Y35172">
        <v>8</v>
      </c>
      <c r="Z35172">
        <v>8</v>
      </c>
      <c r="AA35172">
        <v>8</v>
      </c>
      <c r="AB35172">
        <v>8</v>
      </c>
      <c r="AC35172">
        <v>8</v>
      </c>
      <c r="AD35172">
        <v>8</v>
      </c>
      <c r="AE35172">
        <v>8</v>
      </c>
      <c r="AF35172">
        <v>8</v>
      </c>
      <c r="AG35172">
        <v>8</v>
      </c>
      <c r="AH35172">
        <v>9</v>
      </c>
      <c r="AI35172">
        <v>9</v>
      </c>
      <c r="AJ35172">
        <v>9</v>
      </c>
      <c r="AK35172">
        <v>9</v>
      </c>
      <c r="AL35172">
        <v>9</v>
      </c>
      <c r="AM35172">
        <v>9</v>
      </c>
      <c r="AN35172">
        <v>9</v>
      </c>
      <c r="AO35172">
        <v>9</v>
      </c>
      <c r="AP35172">
        <v>9</v>
      </c>
      <c r="AQ35172">
        <v>9</v>
      </c>
    </row>
    <row r="35173" spans="1:43">
      <c r="A35173" t="s">
        <v>21801</v>
      </c>
      <c r="B35173" t="s">
        <v>21802</v>
      </c>
      <c r="C35173" t="s">
        <v>21795</v>
      </c>
      <c r="D35173" t="s">
        <v>21796</v>
      </c>
      <c r="E35173" t="s">
        <v>21751</v>
      </c>
      <c r="F35173" t="s">
        <v>21752</v>
      </c>
      <c r="G35173" t="s">
        <v>20255</v>
      </c>
      <c r="H35173" t="s">
        <v>20256</v>
      </c>
      <c r="I35173" s="2">
        <v>1</v>
      </c>
      <c r="J35173" s="2">
        <v>0</v>
      </c>
      <c r="K35173" s="2">
        <v>0</v>
      </c>
      <c r="L35173" t="s">
        <v>120</v>
      </c>
      <c r="M35173" t="s">
        <v>83</v>
      </c>
      <c r="N35173" t="s">
        <v>91</v>
      </c>
      <c r="O35173" t="s">
        <v>85</v>
      </c>
      <c r="P35173" t="s">
        <v>86</v>
      </c>
      <c r="Q35173">
        <v>6</v>
      </c>
      <c r="R35173">
        <v>6</v>
      </c>
      <c r="S35173">
        <v>7</v>
      </c>
      <c r="T35173">
        <v>7</v>
      </c>
      <c r="U35173">
        <v>7</v>
      </c>
      <c r="V35173">
        <v>7</v>
      </c>
      <c r="W35173">
        <v>7</v>
      </c>
      <c r="X35173">
        <v>7</v>
      </c>
      <c r="Y35173">
        <v>7</v>
      </c>
      <c r="Z35173">
        <v>7</v>
      </c>
      <c r="AA35173">
        <v>7</v>
      </c>
      <c r="AB35173">
        <v>8</v>
      </c>
      <c r="AC35173">
        <v>8</v>
      </c>
      <c r="AD35173">
        <v>8</v>
      </c>
      <c r="AE35173">
        <v>8</v>
      </c>
      <c r="AF35173">
        <v>8</v>
      </c>
      <c r="AG35173">
        <v>8</v>
      </c>
      <c r="AH35173">
        <v>8</v>
      </c>
      <c r="AI35173">
        <v>8</v>
      </c>
      <c r="AJ35173">
        <v>8</v>
      </c>
      <c r="AK35173">
        <v>8</v>
      </c>
      <c r="AL35173">
        <v>9</v>
      </c>
      <c r="AM35173">
        <v>9</v>
      </c>
      <c r="AN35173">
        <v>9</v>
      </c>
      <c r="AO35173">
        <v>9</v>
      </c>
      <c r="AP35173">
        <v>9</v>
      </c>
      <c r="AQ35173">
        <v>9</v>
      </c>
    </row>
    <row r="35174" spans="1:43">
      <c r="A35174" t="s">
        <v>21803</v>
      </c>
      <c r="B35174" t="s">
        <v>21804</v>
      </c>
      <c r="C35174" t="s">
        <v>21795</v>
      </c>
      <c r="D35174" t="s">
        <v>21796</v>
      </c>
      <c r="E35174" t="s">
        <v>21751</v>
      </c>
      <c r="F35174" t="s">
        <v>21752</v>
      </c>
      <c r="G35174" t="s">
        <v>20255</v>
      </c>
      <c r="H35174" t="s">
        <v>20256</v>
      </c>
      <c r="I35174" s="2">
        <v>1</v>
      </c>
      <c r="J35174" s="2">
        <v>0</v>
      </c>
      <c r="K35174" s="2">
        <v>0</v>
      </c>
      <c r="L35174" t="s">
        <v>120</v>
      </c>
      <c r="M35174" t="s">
        <v>83</v>
      </c>
      <c r="N35174" t="s">
        <v>84</v>
      </c>
      <c r="O35174" t="s">
        <v>85</v>
      </c>
      <c r="P35174" t="s">
        <v>86</v>
      </c>
      <c r="Q35174">
        <v>0</v>
      </c>
      <c r="R35174">
        <v>0</v>
      </c>
      <c r="S35174">
        <v>0</v>
      </c>
      <c r="T35174">
        <v>0</v>
      </c>
      <c r="U35174">
        <v>0</v>
      </c>
      <c r="V35174">
        <v>0</v>
      </c>
      <c r="W35174">
        <v>0</v>
      </c>
      <c r="X35174">
        <v>0</v>
      </c>
      <c r="Y35174">
        <v>0</v>
      </c>
      <c r="Z35174">
        <v>0</v>
      </c>
      <c r="AA35174">
        <v>0</v>
      </c>
      <c r="AB35174">
        <v>0</v>
      </c>
      <c r="AC35174">
        <v>0</v>
      </c>
      <c r="AD35174">
        <v>0</v>
      </c>
      <c r="AE35174">
        <v>0</v>
      </c>
      <c r="AF35174">
        <v>0</v>
      </c>
      <c r="AG35174">
        <v>0</v>
      </c>
      <c r="AH35174">
        <v>0</v>
      </c>
      <c r="AI35174">
        <v>0</v>
      </c>
      <c r="AJ35174">
        <v>0</v>
      </c>
      <c r="AK35174">
        <v>0</v>
      </c>
      <c r="AL35174">
        <v>0</v>
      </c>
      <c r="AM35174">
        <v>0</v>
      </c>
      <c r="AN35174">
        <v>0</v>
      </c>
      <c r="AO35174">
        <v>0</v>
      </c>
      <c r="AP35174">
        <v>0</v>
      </c>
      <c r="AQ35174">
        <v>0</v>
      </c>
    </row>
    <row r="35175" spans="1:43">
      <c r="A35175" t="s">
        <v>21803</v>
      </c>
      <c r="B35175" t="s">
        <v>21804</v>
      </c>
      <c r="C35175" t="s">
        <v>21795</v>
      </c>
      <c r="D35175" t="s">
        <v>21796</v>
      </c>
      <c r="E35175" t="s">
        <v>21751</v>
      </c>
      <c r="F35175" t="s">
        <v>21752</v>
      </c>
      <c r="G35175" t="s">
        <v>20255</v>
      </c>
      <c r="H35175" t="s">
        <v>20256</v>
      </c>
      <c r="I35175" s="2">
        <v>1</v>
      </c>
      <c r="J35175" s="2">
        <v>0</v>
      </c>
      <c r="K35175" s="2">
        <v>0</v>
      </c>
      <c r="L35175" t="s">
        <v>120</v>
      </c>
      <c r="M35175" t="s">
        <v>87</v>
      </c>
      <c r="N35175" t="s">
        <v>88</v>
      </c>
      <c r="O35175" t="s">
        <v>85</v>
      </c>
      <c r="P35175" t="s">
        <v>86</v>
      </c>
      <c r="Q35175">
        <v>0</v>
      </c>
      <c r="R35175">
        <v>0</v>
      </c>
      <c r="S35175">
        <v>0</v>
      </c>
      <c r="T35175">
        <v>0</v>
      </c>
      <c r="U35175">
        <v>0</v>
      </c>
      <c r="V35175">
        <v>0</v>
      </c>
      <c r="W35175">
        <v>0</v>
      </c>
      <c r="X35175">
        <v>0</v>
      </c>
      <c r="Y35175">
        <v>0</v>
      </c>
      <c r="Z35175">
        <v>0</v>
      </c>
      <c r="AA35175">
        <v>0</v>
      </c>
      <c r="AB35175">
        <v>0</v>
      </c>
      <c r="AC35175">
        <v>0</v>
      </c>
      <c r="AD35175">
        <v>0</v>
      </c>
      <c r="AE35175">
        <v>0</v>
      </c>
      <c r="AF35175">
        <v>0</v>
      </c>
      <c r="AG35175">
        <v>0</v>
      </c>
      <c r="AH35175">
        <v>0</v>
      </c>
      <c r="AI35175">
        <v>0</v>
      </c>
      <c r="AJ35175">
        <v>0</v>
      </c>
      <c r="AK35175">
        <v>0</v>
      </c>
      <c r="AL35175">
        <v>0</v>
      </c>
      <c r="AM35175">
        <v>0</v>
      </c>
      <c r="AN35175">
        <v>0</v>
      </c>
      <c r="AO35175">
        <v>0</v>
      </c>
      <c r="AP35175">
        <v>0</v>
      </c>
      <c r="AQ35175">
        <v>0</v>
      </c>
    </row>
    <row r="35176" spans="1:43">
      <c r="A35176" t="s">
        <v>21803</v>
      </c>
      <c r="B35176" t="s">
        <v>21804</v>
      </c>
      <c r="C35176" t="s">
        <v>21795</v>
      </c>
      <c r="D35176" t="s">
        <v>21796</v>
      </c>
      <c r="E35176" t="s">
        <v>21751</v>
      </c>
      <c r="F35176" t="s">
        <v>21752</v>
      </c>
      <c r="G35176" t="s">
        <v>20255</v>
      </c>
      <c r="H35176" t="s">
        <v>20256</v>
      </c>
      <c r="I35176" s="2">
        <v>1</v>
      </c>
      <c r="J35176" s="2">
        <v>0</v>
      </c>
      <c r="K35176" s="2">
        <v>0</v>
      </c>
      <c r="L35176" t="s">
        <v>120</v>
      </c>
      <c r="M35176" t="s">
        <v>89</v>
      </c>
      <c r="N35176" t="s">
        <v>90</v>
      </c>
      <c r="O35176" t="s">
        <v>85</v>
      </c>
      <c r="P35176" t="s">
        <v>86</v>
      </c>
      <c r="Q35176">
        <v>0</v>
      </c>
      <c r="R35176">
        <v>0</v>
      </c>
      <c r="S35176">
        <v>0</v>
      </c>
      <c r="T35176">
        <v>0</v>
      </c>
      <c r="U35176">
        <v>0</v>
      </c>
      <c r="V35176">
        <v>0</v>
      </c>
      <c r="W35176">
        <v>0</v>
      </c>
      <c r="X35176">
        <v>0</v>
      </c>
      <c r="Y35176">
        <v>0</v>
      </c>
      <c r="Z35176">
        <v>0</v>
      </c>
      <c r="AA35176">
        <v>0</v>
      </c>
      <c r="AB35176">
        <v>0</v>
      </c>
      <c r="AC35176">
        <v>0</v>
      </c>
      <c r="AD35176">
        <v>0</v>
      </c>
      <c r="AE35176">
        <v>0</v>
      </c>
      <c r="AF35176">
        <v>0</v>
      </c>
      <c r="AG35176">
        <v>0</v>
      </c>
      <c r="AH35176">
        <v>0</v>
      </c>
      <c r="AI35176">
        <v>0</v>
      </c>
      <c r="AJ35176">
        <v>0</v>
      </c>
      <c r="AK35176">
        <v>0</v>
      </c>
      <c r="AL35176">
        <v>0</v>
      </c>
      <c r="AM35176">
        <v>0</v>
      </c>
      <c r="AN35176">
        <v>0</v>
      </c>
      <c r="AO35176">
        <v>0</v>
      </c>
      <c r="AP35176">
        <v>0</v>
      </c>
      <c r="AQ35176">
        <v>0</v>
      </c>
    </row>
    <row r="35177" spans="1:43">
      <c r="A35177" t="s">
        <v>21803</v>
      </c>
      <c r="B35177" t="s">
        <v>21804</v>
      </c>
      <c r="C35177" t="s">
        <v>21795</v>
      </c>
      <c r="D35177" t="s">
        <v>21796</v>
      </c>
      <c r="E35177" t="s">
        <v>21751</v>
      </c>
      <c r="F35177" t="s">
        <v>21752</v>
      </c>
      <c r="G35177" t="s">
        <v>20255</v>
      </c>
      <c r="H35177" t="s">
        <v>20256</v>
      </c>
      <c r="I35177" s="2">
        <v>1</v>
      </c>
      <c r="J35177" s="2">
        <v>0</v>
      </c>
      <c r="K35177" s="2">
        <v>0</v>
      </c>
      <c r="L35177" t="s">
        <v>120</v>
      </c>
      <c r="M35177" t="s">
        <v>83</v>
      </c>
      <c r="N35177" t="s">
        <v>91</v>
      </c>
      <c r="O35177" t="s">
        <v>85</v>
      </c>
      <c r="P35177" t="s">
        <v>86</v>
      </c>
      <c r="Q35177">
        <v>0</v>
      </c>
      <c r="R35177">
        <v>0</v>
      </c>
      <c r="S35177">
        <v>0</v>
      </c>
      <c r="T35177">
        <v>0</v>
      </c>
      <c r="U35177">
        <v>0</v>
      </c>
      <c r="V35177">
        <v>0</v>
      </c>
      <c r="W35177">
        <v>0</v>
      </c>
      <c r="X35177">
        <v>0</v>
      </c>
      <c r="Y35177">
        <v>0</v>
      </c>
      <c r="Z35177">
        <v>0</v>
      </c>
      <c r="AA35177">
        <v>0</v>
      </c>
      <c r="AB35177">
        <v>0</v>
      </c>
      <c r="AC35177">
        <v>0</v>
      </c>
      <c r="AD35177">
        <v>0</v>
      </c>
      <c r="AE35177">
        <v>0</v>
      </c>
      <c r="AF35177">
        <v>0</v>
      </c>
      <c r="AG35177">
        <v>0</v>
      </c>
      <c r="AH35177">
        <v>0</v>
      </c>
      <c r="AI35177">
        <v>0</v>
      </c>
      <c r="AJ35177">
        <v>0</v>
      </c>
      <c r="AK35177">
        <v>0</v>
      </c>
      <c r="AL35177">
        <v>0</v>
      </c>
      <c r="AM35177">
        <v>0</v>
      </c>
      <c r="AN35177">
        <v>0</v>
      </c>
      <c r="AO35177">
        <v>0</v>
      </c>
      <c r="AP35177">
        <v>0</v>
      </c>
      <c r="AQ35177">
        <v>0</v>
      </c>
    </row>
    <row r="35178" spans="1:43">
      <c r="A35178" t="s">
        <v>21805</v>
      </c>
      <c r="B35178" t="s">
        <v>21806</v>
      </c>
      <c r="C35178" t="s">
        <v>21795</v>
      </c>
      <c r="D35178" t="s">
        <v>21796</v>
      </c>
      <c r="E35178" t="s">
        <v>21751</v>
      </c>
      <c r="F35178" t="s">
        <v>21752</v>
      </c>
      <c r="G35178" t="s">
        <v>20255</v>
      </c>
      <c r="H35178" t="s">
        <v>20256</v>
      </c>
      <c r="I35178" s="2">
        <v>1</v>
      </c>
      <c r="J35178" s="2">
        <v>0</v>
      </c>
      <c r="K35178" s="2">
        <v>0</v>
      </c>
      <c r="L35178" t="s">
        <v>120</v>
      </c>
      <c r="M35178" t="s">
        <v>83</v>
      </c>
      <c r="N35178" t="s">
        <v>84</v>
      </c>
      <c r="O35178" t="s">
        <v>85</v>
      </c>
      <c r="P35178" t="s">
        <v>86</v>
      </c>
      <c r="Q35178">
        <v>5</v>
      </c>
      <c r="R35178">
        <v>5</v>
      </c>
      <c r="S35178">
        <v>5</v>
      </c>
      <c r="T35178">
        <v>5</v>
      </c>
      <c r="U35178">
        <v>5</v>
      </c>
      <c r="V35178">
        <v>5</v>
      </c>
      <c r="W35178">
        <v>5</v>
      </c>
      <c r="X35178">
        <v>5</v>
      </c>
      <c r="Y35178">
        <v>5</v>
      </c>
      <c r="Z35178">
        <v>5</v>
      </c>
      <c r="AA35178">
        <v>5</v>
      </c>
      <c r="AB35178">
        <v>5</v>
      </c>
      <c r="AC35178">
        <v>6</v>
      </c>
      <c r="AD35178">
        <v>6</v>
      </c>
      <c r="AE35178">
        <v>6</v>
      </c>
      <c r="AF35178">
        <v>6</v>
      </c>
      <c r="AG35178">
        <v>6</v>
      </c>
      <c r="AH35178">
        <v>6</v>
      </c>
      <c r="AI35178">
        <v>6</v>
      </c>
      <c r="AJ35178">
        <v>6</v>
      </c>
      <c r="AK35178">
        <v>6</v>
      </c>
      <c r="AL35178">
        <v>6</v>
      </c>
      <c r="AM35178">
        <v>6</v>
      </c>
      <c r="AN35178">
        <v>6</v>
      </c>
      <c r="AO35178">
        <v>6</v>
      </c>
      <c r="AP35178">
        <v>6</v>
      </c>
      <c r="AQ35178">
        <v>6</v>
      </c>
    </row>
    <row r="35179" spans="1:43">
      <c r="A35179" t="s">
        <v>21805</v>
      </c>
      <c r="B35179" t="s">
        <v>21806</v>
      </c>
      <c r="C35179" t="s">
        <v>21795</v>
      </c>
      <c r="D35179" t="s">
        <v>21796</v>
      </c>
      <c r="E35179" t="s">
        <v>21751</v>
      </c>
      <c r="F35179" t="s">
        <v>21752</v>
      </c>
      <c r="G35179" t="s">
        <v>20255</v>
      </c>
      <c r="H35179" t="s">
        <v>20256</v>
      </c>
      <c r="I35179" s="2">
        <v>1</v>
      </c>
      <c r="J35179" s="2">
        <v>0</v>
      </c>
      <c r="K35179" s="2">
        <v>0</v>
      </c>
      <c r="L35179" t="s">
        <v>120</v>
      </c>
      <c r="M35179" t="s">
        <v>87</v>
      </c>
      <c r="N35179" t="s">
        <v>88</v>
      </c>
      <c r="O35179" t="s">
        <v>85</v>
      </c>
      <c r="P35179" t="s">
        <v>86</v>
      </c>
      <c r="Q35179">
        <v>5</v>
      </c>
      <c r="R35179">
        <v>5</v>
      </c>
      <c r="S35179">
        <v>5</v>
      </c>
      <c r="T35179">
        <v>5</v>
      </c>
      <c r="U35179">
        <v>5</v>
      </c>
      <c r="V35179">
        <v>5</v>
      </c>
      <c r="W35179">
        <v>5</v>
      </c>
      <c r="X35179">
        <v>5</v>
      </c>
      <c r="Y35179">
        <v>5</v>
      </c>
      <c r="Z35179">
        <v>5</v>
      </c>
      <c r="AA35179">
        <v>5</v>
      </c>
      <c r="AB35179">
        <v>5</v>
      </c>
      <c r="AC35179">
        <v>5</v>
      </c>
      <c r="AD35179">
        <v>5</v>
      </c>
      <c r="AE35179">
        <v>5</v>
      </c>
      <c r="AF35179">
        <v>5</v>
      </c>
      <c r="AG35179">
        <v>5</v>
      </c>
      <c r="AH35179">
        <v>5</v>
      </c>
      <c r="AI35179">
        <v>5</v>
      </c>
      <c r="AJ35179">
        <v>5</v>
      </c>
      <c r="AK35179">
        <v>5</v>
      </c>
      <c r="AL35179">
        <v>5</v>
      </c>
      <c r="AM35179">
        <v>5</v>
      </c>
      <c r="AN35179">
        <v>5</v>
      </c>
      <c r="AO35179">
        <v>5</v>
      </c>
      <c r="AP35179">
        <v>5</v>
      </c>
      <c r="AQ35179">
        <v>5</v>
      </c>
    </row>
    <row r="35180" spans="1:43">
      <c r="A35180" t="s">
        <v>21805</v>
      </c>
      <c r="B35180" t="s">
        <v>21806</v>
      </c>
      <c r="C35180" t="s">
        <v>21795</v>
      </c>
      <c r="D35180" t="s">
        <v>21796</v>
      </c>
      <c r="E35180" t="s">
        <v>21751</v>
      </c>
      <c r="F35180" t="s">
        <v>21752</v>
      </c>
      <c r="G35180" t="s">
        <v>20255</v>
      </c>
      <c r="H35180" t="s">
        <v>20256</v>
      </c>
      <c r="I35180" s="2">
        <v>1</v>
      </c>
      <c r="J35180" s="2">
        <v>0</v>
      </c>
      <c r="K35180" s="2">
        <v>0</v>
      </c>
      <c r="L35180" t="s">
        <v>120</v>
      </c>
      <c r="M35180" t="s">
        <v>89</v>
      </c>
      <c r="N35180" t="s">
        <v>90</v>
      </c>
      <c r="O35180" t="s">
        <v>85</v>
      </c>
      <c r="P35180" t="s">
        <v>86</v>
      </c>
      <c r="Q35180">
        <v>5</v>
      </c>
      <c r="R35180">
        <v>5</v>
      </c>
      <c r="S35180">
        <v>5</v>
      </c>
      <c r="T35180">
        <v>5</v>
      </c>
      <c r="U35180">
        <v>5</v>
      </c>
      <c r="V35180">
        <v>5</v>
      </c>
      <c r="W35180">
        <v>5</v>
      </c>
      <c r="X35180">
        <v>5</v>
      </c>
      <c r="Y35180">
        <v>6</v>
      </c>
      <c r="Z35180">
        <v>6</v>
      </c>
      <c r="AA35180">
        <v>6</v>
      </c>
      <c r="AB35180">
        <v>6</v>
      </c>
      <c r="AC35180">
        <v>6</v>
      </c>
      <c r="AD35180">
        <v>6</v>
      </c>
      <c r="AE35180">
        <v>6</v>
      </c>
      <c r="AF35180">
        <v>6</v>
      </c>
      <c r="AG35180">
        <v>6</v>
      </c>
      <c r="AH35180">
        <v>6</v>
      </c>
      <c r="AI35180">
        <v>6</v>
      </c>
      <c r="AJ35180">
        <v>6</v>
      </c>
      <c r="AK35180">
        <v>6</v>
      </c>
      <c r="AL35180">
        <v>6</v>
      </c>
      <c r="AM35180">
        <v>6</v>
      </c>
      <c r="AN35180">
        <v>6</v>
      </c>
      <c r="AO35180">
        <v>6</v>
      </c>
      <c r="AP35180">
        <v>6</v>
      </c>
      <c r="AQ35180">
        <v>6</v>
      </c>
    </row>
    <row r="35181" spans="1:43">
      <c r="A35181" t="s">
        <v>21805</v>
      </c>
      <c r="B35181" t="s">
        <v>21806</v>
      </c>
      <c r="C35181" t="s">
        <v>21795</v>
      </c>
      <c r="D35181" t="s">
        <v>21796</v>
      </c>
      <c r="E35181" t="s">
        <v>21751</v>
      </c>
      <c r="F35181" t="s">
        <v>21752</v>
      </c>
      <c r="G35181" t="s">
        <v>20255</v>
      </c>
      <c r="H35181" t="s">
        <v>20256</v>
      </c>
      <c r="I35181" s="2">
        <v>1</v>
      </c>
      <c r="J35181" s="2">
        <v>0</v>
      </c>
      <c r="K35181" s="2">
        <v>0</v>
      </c>
      <c r="L35181" t="s">
        <v>120</v>
      </c>
      <c r="M35181" t="s">
        <v>83</v>
      </c>
      <c r="N35181" t="s">
        <v>91</v>
      </c>
      <c r="O35181" t="s">
        <v>85</v>
      </c>
      <c r="P35181" t="s">
        <v>86</v>
      </c>
      <c r="Q35181">
        <v>5</v>
      </c>
      <c r="R35181">
        <v>5</v>
      </c>
      <c r="S35181">
        <v>5</v>
      </c>
      <c r="T35181">
        <v>5</v>
      </c>
      <c r="U35181">
        <v>5</v>
      </c>
      <c r="V35181">
        <v>5</v>
      </c>
      <c r="W35181">
        <v>5</v>
      </c>
      <c r="X35181">
        <v>5</v>
      </c>
      <c r="Y35181">
        <v>5</v>
      </c>
      <c r="Z35181">
        <v>5</v>
      </c>
      <c r="AA35181">
        <v>5</v>
      </c>
      <c r="AB35181">
        <v>5</v>
      </c>
      <c r="AC35181">
        <v>6</v>
      </c>
      <c r="AD35181">
        <v>6</v>
      </c>
      <c r="AE35181">
        <v>6</v>
      </c>
      <c r="AF35181">
        <v>6</v>
      </c>
      <c r="AG35181">
        <v>6</v>
      </c>
      <c r="AH35181">
        <v>6</v>
      </c>
      <c r="AI35181">
        <v>6</v>
      </c>
      <c r="AJ35181">
        <v>6</v>
      </c>
      <c r="AK35181">
        <v>6</v>
      </c>
      <c r="AL35181">
        <v>6</v>
      </c>
      <c r="AM35181">
        <v>6</v>
      </c>
      <c r="AN35181">
        <v>6</v>
      </c>
      <c r="AO35181">
        <v>6</v>
      </c>
      <c r="AP35181">
        <v>6</v>
      </c>
      <c r="AQ35181">
        <v>6</v>
      </c>
    </row>
    <row r="35182" spans="1:43">
      <c r="A35182" t="s">
        <v>21807</v>
      </c>
      <c r="B35182" t="s">
        <v>21808</v>
      </c>
      <c r="C35182" t="s">
        <v>21809</v>
      </c>
      <c r="D35182" t="s">
        <v>21810</v>
      </c>
      <c r="E35182" t="s">
        <v>21751</v>
      </c>
      <c r="F35182" t="s">
        <v>21752</v>
      </c>
      <c r="G35182" t="s">
        <v>20255</v>
      </c>
      <c r="H35182" t="s">
        <v>20256</v>
      </c>
      <c r="I35182" s="2">
        <v>1</v>
      </c>
      <c r="J35182" s="2">
        <v>0</v>
      </c>
      <c r="K35182" s="2">
        <v>0</v>
      </c>
      <c r="L35182" t="s">
        <v>120</v>
      </c>
      <c r="M35182" t="s">
        <v>83</v>
      </c>
      <c r="N35182" t="s">
        <v>84</v>
      </c>
      <c r="O35182" t="s">
        <v>85</v>
      </c>
      <c r="P35182" t="s">
        <v>86</v>
      </c>
      <c r="Q35182">
        <v>29</v>
      </c>
      <c r="R35182">
        <v>29</v>
      </c>
      <c r="S35182">
        <v>30</v>
      </c>
      <c r="T35182">
        <v>30</v>
      </c>
      <c r="U35182">
        <v>31</v>
      </c>
      <c r="V35182">
        <v>31</v>
      </c>
      <c r="W35182">
        <v>32</v>
      </c>
      <c r="X35182">
        <v>33</v>
      </c>
      <c r="Y35182">
        <v>33</v>
      </c>
      <c r="Z35182">
        <v>34</v>
      </c>
      <c r="AA35182">
        <v>34</v>
      </c>
      <c r="AB35182">
        <v>34</v>
      </c>
      <c r="AC35182">
        <v>35</v>
      </c>
      <c r="AD35182">
        <v>35</v>
      </c>
      <c r="AE35182">
        <v>36</v>
      </c>
      <c r="AF35182">
        <v>36</v>
      </c>
      <c r="AG35182">
        <v>37</v>
      </c>
      <c r="AH35182">
        <v>37</v>
      </c>
      <c r="AI35182">
        <v>38</v>
      </c>
      <c r="AJ35182">
        <v>38</v>
      </c>
      <c r="AK35182">
        <v>39</v>
      </c>
      <c r="AL35182">
        <v>39</v>
      </c>
      <c r="AM35182">
        <v>39</v>
      </c>
      <c r="AN35182">
        <v>39</v>
      </c>
      <c r="AO35182">
        <v>39</v>
      </c>
      <c r="AP35182">
        <v>39</v>
      </c>
      <c r="AQ35182">
        <v>40</v>
      </c>
    </row>
    <row r="35183" spans="1:43">
      <c r="A35183" t="s">
        <v>21807</v>
      </c>
      <c r="B35183" t="s">
        <v>21808</v>
      </c>
      <c r="C35183" t="s">
        <v>21809</v>
      </c>
      <c r="D35183" t="s">
        <v>21810</v>
      </c>
      <c r="E35183" t="s">
        <v>21751</v>
      </c>
      <c r="F35183" t="s">
        <v>21752</v>
      </c>
      <c r="G35183" t="s">
        <v>20255</v>
      </c>
      <c r="H35183" t="s">
        <v>20256</v>
      </c>
      <c r="I35183" s="2">
        <v>1</v>
      </c>
      <c r="J35183" s="2">
        <v>0</v>
      </c>
      <c r="K35183" s="2">
        <v>0</v>
      </c>
      <c r="L35183" t="s">
        <v>120</v>
      </c>
      <c r="M35183" t="s">
        <v>87</v>
      </c>
      <c r="N35183" t="s">
        <v>88</v>
      </c>
      <c r="O35183" t="s">
        <v>85</v>
      </c>
      <c r="P35183" t="s">
        <v>86</v>
      </c>
      <c r="Q35183">
        <v>29</v>
      </c>
      <c r="R35183">
        <v>29</v>
      </c>
      <c r="S35183">
        <v>29</v>
      </c>
      <c r="T35183">
        <v>29</v>
      </c>
      <c r="U35183">
        <v>30</v>
      </c>
      <c r="V35183">
        <v>30</v>
      </c>
      <c r="W35183">
        <v>30</v>
      </c>
      <c r="X35183">
        <v>30</v>
      </c>
      <c r="Y35183">
        <v>31</v>
      </c>
      <c r="Z35183">
        <v>31</v>
      </c>
      <c r="AA35183">
        <v>31</v>
      </c>
      <c r="AB35183">
        <v>31</v>
      </c>
      <c r="AC35183">
        <v>32</v>
      </c>
      <c r="AD35183">
        <v>32</v>
      </c>
      <c r="AE35183">
        <v>32</v>
      </c>
      <c r="AF35183">
        <v>32</v>
      </c>
      <c r="AG35183">
        <v>32</v>
      </c>
      <c r="AH35183">
        <v>33</v>
      </c>
      <c r="AI35183">
        <v>33</v>
      </c>
      <c r="AJ35183">
        <v>33</v>
      </c>
      <c r="AK35183">
        <v>33</v>
      </c>
      <c r="AL35183">
        <v>33</v>
      </c>
      <c r="AM35183">
        <v>34</v>
      </c>
      <c r="AN35183">
        <v>34</v>
      </c>
      <c r="AO35183">
        <v>34</v>
      </c>
      <c r="AP35183">
        <v>34</v>
      </c>
      <c r="AQ35183">
        <v>34</v>
      </c>
    </row>
    <row r="35184" spans="1:43">
      <c r="A35184" t="s">
        <v>21807</v>
      </c>
      <c r="B35184" t="s">
        <v>21808</v>
      </c>
      <c r="C35184" t="s">
        <v>21809</v>
      </c>
      <c r="D35184" t="s">
        <v>21810</v>
      </c>
      <c r="E35184" t="s">
        <v>21751</v>
      </c>
      <c r="F35184" t="s">
        <v>21752</v>
      </c>
      <c r="G35184" t="s">
        <v>20255</v>
      </c>
      <c r="H35184" t="s">
        <v>20256</v>
      </c>
      <c r="I35184" s="2">
        <v>1</v>
      </c>
      <c r="J35184" s="2">
        <v>0</v>
      </c>
      <c r="K35184" s="2">
        <v>0</v>
      </c>
      <c r="L35184" t="s">
        <v>120</v>
      </c>
      <c r="M35184" t="s">
        <v>89</v>
      </c>
      <c r="N35184" t="s">
        <v>90</v>
      </c>
      <c r="O35184" t="s">
        <v>85</v>
      </c>
      <c r="P35184" t="s">
        <v>86</v>
      </c>
      <c r="Q35184">
        <v>29</v>
      </c>
      <c r="R35184">
        <v>30</v>
      </c>
      <c r="S35184">
        <v>31</v>
      </c>
      <c r="T35184">
        <v>31</v>
      </c>
      <c r="U35184">
        <v>32</v>
      </c>
      <c r="V35184">
        <v>33</v>
      </c>
      <c r="W35184">
        <v>34</v>
      </c>
      <c r="X35184">
        <v>34</v>
      </c>
      <c r="Y35184">
        <v>35</v>
      </c>
      <c r="Z35184">
        <v>36</v>
      </c>
      <c r="AA35184">
        <v>36</v>
      </c>
      <c r="AB35184">
        <v>37</v>
      </c>
      <c r="AC35184">
        <v>37</v>
      </c>
      <c r="AD35184">
        <v>38</v>
      </c>
      <c r="AE35184">
        <v>38</v>
      </c>
      <c r="AF35184">
        <v>39</v>
      </c>
      <c r="AG35184">
        <v>39</v>
      </c>
      <c r="AH35184">
        <v>39</v>
      </c>
      <c r="AI35184">
        <v>39</v>
      </c>
      <c r="AJ35184">
        <v>39</v>
      </c>
      <c r="AK35184">
        <v>39</v>
      </c>
      <c r="AL35184">
        <v>40</v>
      </c>
      <c r="AM35184">
        <v>40</v>
      </c>
      <c r="AN35184">
        <v>40</v>
      </c>
      <c r="AO35184">
        <v>40</v>
      </c>
      <c r="AP35184">
        <v>40</v>
      </c>
      <c r="AQ35184">
        <v>40</v>
      </c>
    </row>
    <row r="35185" spans="1:43">
      <c r="A35185" t="s">
        <v>21807</v>
      </c>
      <c r="B35185" t="s">
        <v>21808</v>
      </c>
      <c r="C35185" t="s">
        <v>21809</v>
      </c>
      <c r="D35185" t="s">
        <v>21810</v>
      </c>
      <c r="E35185" t="s">
        <v>21751</v>
      </c>
      <c r="F35185" t="s">
        <v>21752</v>
      </c>
      <c r="G35185" t="s">
        <v>20255</v>
      </c>
      <c r="H35185" t="s">
        <v>20256</v>
      </c>
      <c r="I35185" s="2">
        <v>1</v>
      </c>
      <c r="J35185" s="2">
        <v>0</v>
      </c>
      <c r="K35185" s="2">
        <v>0</v>
      </c>
      <c r="L35185" t="s">
        <v>120</v>
      </c>
      <c r="M35185" t="s">
        <v>83</v>
      </c>
      <c r="N35185" t="s">
        <v>91</v>
      </c>
      <c r="O35185" t="s">
        <v>85</v>
      </c>
      <c r="P35185" t="s">
        <v>86</v>
      </c>
      <c r="Q35185">
        <v>29</v>
      </c>
      <c r="R35185">
        <v>29</v>
      </c>
      <c r="S35185">
        <v>30</v>
      </c>
      <c r="T35185">
        <v>30</v>
      </c>
      <c r="U35185">
        <v>31</v>
      </c>
      <c r="V35185">
        <v>31</v>
      </c>
      <c r="W35185">
        <v>32</v>
      </c>
      <c r="X35185">
        <v>33</v>
      </c>
      <c r="Y35185">
        <v>33</v>
      </c>
      <c r="Z35185">
        <v>34</v>
      </c>
      <c r="AA35185">
        <v>34</v>
      </c>
      <c r="AB35185">
        <v>34</v>
      </c>
      <c r="AC35185">
        <v>35</v>
      </c>
      <c r="AD35185">
        <v>35</v>
      </c>
      <c r="AE35185">
        <v>36</v>
      </c>
      <c r="AF35185">
        <v>36</v>
      </c>
      <c r="AG35185">
        <v>37</v>
      </c>
      <c r="AH35185">
        <v>37</v>
      </c>
      <c r="AI35185">
        <v>38</v>
      </c>
      <c r="AJ35185">
        <v>38</v>
      </c>
      <c r="AK35185">
        <v>39</v>
      </c>
      <c r="AL35185">
        <v>39</v>
      </c>
      <c r="AM35185">
        <v>39</v>
      </c>
      <c r="AN35185">
        <v>39</v>
      </c>
      <c r="AO35185">
        <v>39</v>
      </c>
      <c r="AP35185">
        <v>39</v>
      </c>
      <c r="AQ35185">
        <v>40</v>
      </c>
    </row>
    <row r="35186" spans="1:43">
      <c r="A35186" t="s">
        <v>21811</v>
      </c>
      <c r="B35186" t="s">
        <v>21812</v>
      </c>
      <c r="C35186" t="s">
        <v>21809</v>
      </c>
      <c r="D35186" t="s">
        <v>21810</v>
      </c>
      <c r="E35186" t="s">
        <v>21751</v>
      </c>
      <c r="F35186" t="s">
        <v>21752</v>
      </c>
      <c r="G35186" t="s">
        <v>20255</v>
      </c>
      <c r="H35186" t="s">
        <v>20256</v>
      </c>
      <c r="I35186" s="2">
        <v>1</v>
      </c>
      <c r="J35186" s="2">
        <v>0</v>
      </c>
      <c r="K35186" s="2">
        <v>0</v>
      </c>
      <c r="L35186" t="s">
        <v>120</v>
      </c>
      <c r="M35186" t="s">
        <v>83</v>
      </c>
      <c r="N35186" t="s">
        <v>84</v>
      </c>
      <c r="O35186" t="s">
        <v>85</v>
      </c>
      <c r="P35186" t="s">
        <v>86</v>
      </c>
      <c r="Q35186">
        <v>86</v>
      </c>
      <c r="R35186">
        <v>87</v>
      </c>
      <c r="S35186">
        <v>89</v>
      </c>
      <c r="T35186">
        <v>90</v>
      </c>
      <c r="U35186">
        <v>92</v>
      </c>
      <c r="V35186">
        <v>94</v>
      </c>
      <c r="W35186">
        <v>95</v>
      </c>
      <c r="X35186">
        <v>97</v>
      </c>
      <c r="Y35186">
        <v>98</v>
      </c>
      <c r="Z35186">
        <v>100</v>
      </c>
      <c r="AA35186">
        <v>101</v>
      </c>
      <c r="AB35186">
        <v>102</v>
      </c>
      <c r="AC35186">
        <v>104</v>
      </c>
      <c r="AD35186">
        <v>105</v>
      </c>
      <c r="AE35186">
        <v>107</v>
      </c>
      <c r="AF35186">
        <v>108</v>
      </c>
      <c r="AG35186">
        <v>109</v>
      </c>
      <c r="AH35186">
        <v>111</v>
      </c>
      <c r="AI35186">
        <v>112</v>
      </c>
      <c r="AJ35186">
        <v>113</v>
      </c>
      <c r="AK35186">
        <v>115</v>
      </c>
      <c r="AL35186">
        <v>115</v>
      </c>
      <c r="AM35186">
        <v>116</v>
      </c>
      <c r="AN35186">
        <v>116</v>
      </c>
      <c r="AO35186">
        <v>116</v>
      </c>
      <c r="AP35186">
        <v>117</v>
      </c>
      <c r="AQ35186">
        <v>117</v>
      </c>
    </row>
    <row r="35187" spans="1:43">
      <c r="A35187" t="s">
        <v>21811</v>
      </c>
      <c r="B35187" t="s">
        <v>21812</v>
      </c>
      <c r="C35187" t="s">
        <v>21809</v>
      </c>
      <c r="D35187" t="s">
        <v>21810</v>
      </c>
      <c r="E35187" t="s">
        <v>21751</v>
      </c>
      <c r="F35187" t="s">
        <v>21752</v>
      </c>
      <c r="G35187" t="s">
        <v>20255</v>
      </c>
      <c r="H35187" t="s">
        <v>20256</v>
      </c>
      <c r="I35187" s="2">
        <v>1</v>
      </c>
      <c r="J35187" s="2">
        <v>0</v>
      </c>
      <c r="K35187" s="2">
        <v>0</v>
      </c>
      <c r="L35187" t="s">
        <v>120</v>
      </c>
      <c r="M35187" t="s">
        <v>87</v>
      </c>
      <c r="N35187" t="s">
        <v>88</v>
      </c>
      <c r="O35187" t="s">
        <v>85</v>
      </c>
      <c r="P35187" t="s">
        <v>86</v>
      </c>
      <c r="Q35187">
        <v>86</v>
      </c>
      <c r="R35187">
        <v>87</v>
      </c>
      <c r="S35187">
        <v>87</v>
      </c>
      <c r="T35187">
        <v>88</v>
      </c>
      <c r="U35187">
        <v>89</v>
      </c>
      <c r="V35187">
        <v>90</v>
      </c>
      <c r="W35187">
        <v>90</v>
      </c>
      <c r="X35187">
        <v>91</v>
      </c>
      <c r="Y35187">
        <v>92</v>
      </c>
      <c r="Z35187">
        <v>92</v>
      </c>
      <c r="AA35187">
        <v>93</v>
      </c>
      <c r="AB35187">
        <v>94</v>
      </c>
      <c r="AC35187">
        <v>95</v>
      </c>
      <c r="AD35187">
        <v>95</v>
      </c>
      <c r="AE35187">
        <v>96</v>
      </c>
      <c r="AF35187">
        <v>96</v>
      </c>
      <c r="AG35187">
        <v>97</v>
      </c>
      <c r="AH35187">
        <v>98</v>
      </c>
      <c r="AI35187">
        <v>98</v>
      </c>
      <c r="AJ35187">
        <v>99</v>
      </c>
      <c r="AK35187">
        <v>100</v>
      </c>
      <c r="AL35187">
        <v>100</v>
      </c>
      <c r="AM35187">
        <v>101</v>
      </c>
      <c r="AN35187">
        <v>101</v>
      </c>
      <c r="AO35187">
        <v>102</v>
      </c>
      <c r="AP35187">
        <v>102</v>
      </c>
      <c r="AQ35187">
        <v>103</v>
      </c>
    </row>
    <row r="35188" spans="1:43">
      <c r="A35188" t="s">
        <v>21811</v>
      </c>
      <c r="B35188" t="s">
        <v>21812</v>
      </c>
      <c r="C35188" t="s">
        <v>21809</v>
      </c>
      <c r="D35188" t="s">
        <v>21810</v>
      </c>
      <c r="E35188" t="s">
        <v>21751</v>
      </c>
      <c r="F35188" t="s">
        <v>21752</v>
      </c>
      <c r="G35188" t="s">
        <v>20255</v>
      </c>
      <c r="H35188" t="s">
        <v>20256</v>
      </c>
      <c r="I35188" s="2">
        <v>1</v>
      </c>
      <c r="J35188" s="2">
        <v>0</v>
      </c>
      <c r="K35188" s="2">
        <v>0</v>
      </c>
      <c r="L35188" t="s">
        <v>120</v>
      </c>
      <c r="M35188" t="s">
        <v>89</v>
      </c>
      <c r="N35188" t="s">
        <v>90</v>
      </c>
      <c r="O35188" t="s">
        <v>85</v>
      </c>
      <c r="P35188" t="s">
        <v>86</v>
      </c>
      <c r="Q35188">
        <v>86</v>
      </c>
      <c r="R35188">
        <v>89</v>
      </c>
      <c r="S35188">
        <v>91</v>
      </c>
      <c r="T35188">
        <v>93</v>
      </c>
      <c r="U35188">
        <v>96</v>
      </c>
      <c r="V35188">
        <v>98</v>
      </c>
      <c r="W35188">
        <v>100</v>
      </c>
      <c r="X35188">
        <v>102</v>
      </c>
      <c r="Y35188">
        <v>103</v>
      </c>
      <c r="Z35188">
        <v>105</v>
      </c>
      <c r="AA35188">
        <v>107</v>
      </c>
      <c r="AB35188">
        <v>109</v>
      </c>
      <c r="AC35188">
        <v>111</v>
      </c>
      <c r="AD35188">
        <v>113</v>
      </c>
      <c r="AE35188">
        <v>114</v>
      </c>
      <c r="AF35188">
        <v>114</v>
      </c>
      <c r="AG35188">
        <v>115</v>
      </c>
      <c r="AH35188">
        <v>115</v>
      </c>
      <c r="AI35188">
        <v>116</v>
      </c>
      <c r="AJ35188">
        <v>116</v>
      </c>
      <c r="AK35188">
        <v>116</v>
      </c>
      <c r="AL35188">
        <v>117</v>
      </c>
      <c r="AM35188">
        <v>117</v>
      </c>
      <c r="AN35188">
        <v>118</v>
      </c>
      <c r="AO35188">
        <v>118</v>
      </c>
      <c r="AP35188">
        <v>118</v>
      </c>
      <c r="AQ35188">
        <v>118</v>
      </c>
    </row>
    <row r="35189" spans="1:43">
      <c r="A35189" t="s">
        <v>21811</v>
      </c>
      <c r="B35189" t="s">
        <v>21812</v>
      </c>
      <c r="C35189" t="s">
        <v>21809</v>
      </c>
      <c r="D35189" t="s">
        <v>21810</v>
      </c>
      <c r="E35189" t="s">
        <v>21751</v>
      </c>
      <c r="F35189" t="s">
        <v>21752</v>
      </c>
      <c r="G35189" t="s">
        <v>20255</v>
      </c>
      <c r="H35189" t="s">
        <v>20256</v>
      </c>
      <c r="I35189" s="2">
        <v>1</v>
      </c>
      <c r="J35189" s="2">
        <v>0</v>
      </c>
      <c r="K35189" s="2">
        <v>0</v>
      </c>
      <c r="L35189" t="s">
        <v>120</v>
      </c>
      <c r="M35189" t="s">
        <v>83</v>
      </c>
      <c r="N35189" t="s">
        <v>91</v>
      </c>
      <c r="O35189" t="s">
        <v>85</v>
      </c>
      <c r="P35189" t="s">
        <v>86</v>
      </c>
      <c r="Q35189">
        <v>86</v>
      </c>
      <c r="R35189">
        <v>87</v>
      </c>
      <c r="S35189">
        <v>89</v>
      </c>
      <c r="T35189">
        <v>90</v>
      </c>
      <c r="U35189">
        <v>92</v>
      </c>
      <c r="V35189">
        <v>94</v>
      </c>
      <c r="W35189">
        <v>95</v>
      </c>
      <c r="X35189">
        <v>97</v>
      </c>
      <c r="Y35189">
        <v>98</v>
      </c>
      <c r="Z35189">
        <v>100</v>
      </c>
      <c r="AA35189">
        <v>101</v>
      </c>
      <c r="AB35189">
        <v>102</v>
      </c>
      <c r="AC35189">
        <v>104</v>
      </c>
      <c r="AD35189">
        <v>105</v>
      </c>
      <c r="AE35189">
        <v>107</v>
      </c>
      <c r="AF35189">
        <v>108</v>
      </c>
      <c r="AG35189">
        <v>109</v>
      </c>
      <c r="AH35189">
        <v>111</v>
      </c>
      <c r="AI35189">
        <v>112</v>
      </c>
      <c r="AJ35189">
        <v>113</v>
      </c>
      <c r="AK35189">
        <v>115</v>
      </c>
      <c r="AL35189">
        <v>115</v>
      </c>
      <c r="AM35189">
        <v>116</v>
      </c>
      <c r="AN35189">
        <v>116</v>
      </c>
      <c r="AO35189">
        <v>116</v>
      </c>
      <c r="AP35189">
        <v>117</v>
      </c>
      <c r="AQ35189">
        <v>117</v>
      </c>
    </row>
    <row r="35190" spans="1:43">
      <c r="A35190" t="s">
        <v>21813</v>
      </c>
      <c r="B35190" t="s">
        <v>21814</v>
      </c>
      <c r="C35190" t="s">
        <v>21809</v>
      </c>
      <c r="D35190" t="s">
        <v>21810</v>
      </c>
      <c r="E35190" t="s">
        <v>21751</v>
      </c>
      <c r="F35190" t="s">
        <v>21752</v>
      </c>
      <c r="G35190" t="s">
        <v>20255</v>
      </c>
      <c r="H35190" t="s">
        <v>20256</v>
      </c>
      <c r="I35190" s="2">
        <v>1</v>
      </c>
      <c r="J35190" s="2">
        <v>0</v>
      </c>
      <c r="K35190" s="2">
        <v>0</v>
      </c>
      <c r="L35190" t="s">
        <v>120</v>
      </c>
      <c r="M35190" t="s">
        <v>83</v>
      </c>
      <c r="N35190" t="s">
        <v>84</v>
      </c>
      <c r="O35190" t="s">
        <v>85</v>
      </c>
      <c r="P35190" t="s">
        <v>86</v>
      </c>
      <c r="Q35190">
        <v>20</v>
      </c>
      <c r="R35190">
        <v>21</v>
      </c>
      <c r="S35190">
        <v>21</v>
      </c>
      <c r="T35190">
        <v>22</v>
      </c>
      <c r="U35190">
        <v>22</v>
      </c>
      <c r="V35190">
        <v>22</v>
      </c>
      <c r="W35190">
        <v>23</v>
      </c>
      <c r="X35190">
        <v>23</v>
      </c>
      <c r="Y35190">
        <v>23</v>
      </c>
      <c r="Z35190">
        <v>24</v>
      </c>
      <c r="AA35190">
        <v>24</v>
      </c>
      <c r="AB35190">
        <v>24</v>
      </c>
      <c r="AC35190">
        <v>25</v>
      </c>
      <c r="AD35190">
        <v>25</v>
      </c>
      <c r="AE35190">
        <v>25</v>
      </c>
      <c r="AF35190">
        <v>26</v>
      </c>
      <c r="AG35190">
        <v>26</v>
      </c>
      <c r="AH35190">
        <v>26</v>
      </c>
      <c r="AI35190">
        <v>27</v>
      </c>
      <c r="AJ35190">
        <v>27</v>
      </c>
      <c r="AK35190">
        <v>27</v>
      </c>
      <c r="AL35190">
        <v>27</v>
      </c>
      <c r="AM35190">
        <v>27</v>
      </c>
      <c r="AN35190">
        <v>28</v>
      </c>
      <c r="AO35190">
        <v>28</v>
      </c>
      <c r="AP35190">
        <v>28</v>
      </c>
      <c r="AQ35190">
        <v>28</v>
      </c>
    </row>
    <row r="35191" spans="1:43">
      <c r="A35191" t="s">
        <v>21813</v>
      </c>
      <c r="B35191" t="s">
        <v>21814</v>
      </c>
      <c r="C35191" t="s">
        <v>21809</v>
      </c>
      <c r="D35191" t="s">
        <v>21810</v>
      </c>
      <c r="E35191" t="s">
        <v>21751</v>
      </c>
      <c r="F35191" t="s">
        <v>21752</v>
      </c>
      <c r="G35191" t="s">
        <v>20255</v>
      </c>
      <c r="H35191" t="s">
        <v>20256</v>
      </c>
      <c r="I35191" s="2">
        <v>1</v>
      </c>
      <c r="J35191" s="2">
        <v>0</v>
      </c>
      <c r="K35191" s="2">
        <v>0</v>
      </c>
      <c r="L35191" t="s">
        <v>120</v>
      </c>
      <c r="M35191" t="s">
        <v>87</v>
      </c>
      <c r="N35191" t="s">
        <v>88</v>
      </c>
      <c r="O35191" t="s">
        <v>85</v>
      </c>
      <c r="P35191" t="s">
        <v>86</v>
      </c>
      <c r="Q35191">
        <v>20</v>
      </c>
      <c r="R35191">
        <v>20</v>
      </c>
      <c r="S35191">
        <v>21</v>
      </c>
      <c r="T35191">
        <v>21</v>
      </c>
      <c r="U35191">
        <v>21</v>
      </c>
      <c r="V35191">
        <v>21</v>
      </c>
      <c r="W35191">
        <v>21</v>
      </c>
      <c r="X35191">
        <v>21</v>
      </c>
      <c r="Y35191">
        <v>22</v>
      </c>
      <c r="Z35191">
        <v>22</v>
      </c>
      <c r="AA35191">
        <v>22</v>
      </c>
      <c r="AB35191">
        <v>22</v>
      </c>
      <c r="AC35191">
        <v>22</v>
      </c>
      <c r="AD35191">
        <v>22</v>
      </c>
      <c r="AE35191">
        <v>23</v>
      </c>
      <c r="AF35191">
        <v>23</v>
      </c>
      <c r="AG35191">
        <v>23</v>
      </c>
      <c r="AH35191">
        <v>23</v>
      </c>
      <c r="AI35191">
        <v>23</v>
      </c>
      <c r="AJ35191">
        <v>23</v>
      </c>
      <c r="AK35191">
        <v>23</v>
      </c>
      <c r="AL35191">
        <v>24</v>
      </c>
      <c r="AM35191">
        <v>24</v>
      </c>
      <c r="AN35191">
        <v>24</v>
      </c>
      <c r="AO35191">
        <v>24</v>
      </c>
      <c r="AP35191">
        <v>24</v>
      </c>
      <c r="AQ35191">
        <v>24</v>
      </c>
    </row>
    <row r="35192" spans="1:43">
      <c r="A35192" t="s">
        <v>21813</v>
      </c>
      <c r="B35192" t="s">
        <v>21814</v>
      </c>
      <c r="C35192" t="s">
        <v>21809</v>
      </c>
      <c r="D35192" t="s">
        <v>21810</v>
      </c>
      <c r="E35192" t="s">
        <v>21751</v>
      </c>
      <c r="F35192" t="s">
        <v>21752</v>
      </c>
      <c r="G35192" t="s">
        <v>20255</v>
      </c>
      <c r="H35192" t="s">
        <v>20256</v>
      </c>
      <c r="I35192" s="2">
        <v>1</v>
      </c>
      <c r="J35192" s="2">
        <v>0</v>
      </c>
      <c r="K35192" s="2">
        <v>0</v>
      </c>
      <c r="L35192" t="s">
        <v>120</v>
      </c>
      <c r="M35192" t="s">
        <v>89</v>
      </c>
      <c r="N35192" t="s">
        <v>90</v>
      </c>
      <c r="O35192" t="s">
        <v>85</v>
      </c>
      <c r="P35192" t="s">
        <v>86</v>
      </c>
      <c r="Q35192">
        <v>20</v>
      </c>
      <c r="R35192">
        <v>20</v>
      </c>
      <c r="S35192">
        <v>21</v>
      </c>
      <c r="T35192">
        <v>21</v>
      </c>
      <c r="U35192">
        <v>22</v>
      </c>
      <c r="V35192">
        <v>22</v>
      </c>
      <c r="W35192">
        <v>23</v>
      </c>
      <c r="X35192">
        <v>23</v>
      </c>
      <c r="Y35192">
        <v>24</v>
      </c>
      <c r="Z35192">
        <v>24</v>
      </c>
      <c r="AA35192">
        <v>25</v>
      </c>
      <c r="AB35192">
        <v>25</v>
      </c>
      <c r="AC35192">
        <v>25</v>
      </c>
      <c r="AD35192">
        <v>26</v>
      </c>
      <c r="AE35192">
        <v>26</v>
      </c>
      <c r="AF35192">
        <v>26</v>
      </c>
      <c r="AG35192">
        <v>26</v>
      </c>
      <c r="AH35192">
        <v>26</v>
      </c>
      <c r="AI35192">
        <v>26</v>
      </c>
      <c r="AJ35192">
        <v>27</v>
      </c>
      <c r="AK35192">
        <v>27</v>
      </c>
      <c r="AL35192">
        <v>27</v>
      </c>
      <c r="AM35192">
        <v>27</v>
      </c>
      <c r="AN35192">
        <v>27</v>
      </c>
      <c r="AO35192">
        <v>27</v>
      </c>
      <c r="AP35192">
        <v>27</v>
      </c>
      <c r="AQ35192">
        <v>27</v>
      </c>
    </row>
    <row r="35193" spans="1:43">
      <c r="A35193" t="s">
        <v>21813</v>
      </c>
      <c r="B35193" t="s">
        <v>21814</v>
      </c>
      <c r="C35193" t="s">
        <v>21809</v>
      </c>
      <c r="D35193" t="s">
        <v>21810</v>
      </c>
      <c r="E35193" t="s">
        <v>21751</v>
      </c>
      <c r="F35193" t="s">
        <v>21752</v>
      </c>
      <c r="G35193" t="s">
        <v>20255</v>
      </c>
      <c r="H35193" t="s">
        <v>20256</v>
      </c>
      <c r="I35193" s="2">
        <v>1</v>
      </c>
      <c r="J35193" s="2">
        <v>0</v>
      </c>
      <c r="K35193" s="2">
        <v>0</v>
      </c>
      <c r="L35193" t="s">
        <v>120</v>
      </c>
      <c r="M35193" t="s">
        <v>83</v>
      </c>
      <c r="N35193" t="s">
        <v>91</v>
      </c>
      <c r="O35193" t="s">
        <v>85</v>
      </c>
      <c r="P35193" t="s">
        <v>86</v>
      </c>
      <c r="Q35193">
        <v>20</v>
      </c>
      <c r="R35193">
        <v>21</v>
      </c>
      <c r="S35193">
        <v>21</v>
      </c>
      <c r="T35193">
        <v>22</v>
      </c>
      <c r="U35193">
        <v>22</v>
      </c>
      <c r="V35193">
        <v>22</v>
      </c>
      <c r="W35193">
        <v>23</v>
      </c>
      <c r="X35193">
        <v>23</v>
      </c>
      <c r="Y35193">
        <v>23</v>
      </c>
      <c r="Z35193">
        <v>24</v>
      </c>
      <c r="AA35193">
        <v>24</v>
      </c>
      <c r="AB35193">
        <v>24</v>
      </c>
      <c r="AC35193">
        <v>25</v>
      </c>
      <c r="AD35193">
        <v>25</v>
      </c>
      <c r="AE35193">
        <v>25</v>
      </c>
      <c r="AF35193">
        <v>26</v>
      </c>
      <c r="AG35193">
        <v>26</v>
      </c>
      <c r="AH35193">
        <v>26</v>
      </c>
      <c r="AI35193">
        <v>27</v>
      </c>
      <c r="AJ35193">
        <v>27</v>
      </c>
      <c r="AK35193">
        <v>27</v>
      </c>
      <c r="AL35193">
        <v>27</v>
      </c>
      <c r="AM35193">
        <v>27</v>
      </c>
      <c r="AN35193">
        <v>28</v>
      </c>
      <c r="AO35193">
        <v>28</v>
      </c>
      <c r="AP35193">
        <v>28</v>
      </c>
      <c r="AQ35193">
        <v>28</v>
      </c>
    </row>
    <row r="35194" spans="1:43">
      <c r="A35194" t="s">
        <v>21815</v>
      </c>
      <c r="B35194" t="s">
        <v>21816</v>
      </c>
      <c r="C35194" t="s">
        <v>21809</v>
      </c>
      <c r="D35194" t="s">
        <v>21810</v>
      </c>
      <c r="E35194" t="s">
        <v>21751</v>
      </c>
      <c r="F35194" t="s">
        <v>21752</v>
      </c>
      <c r="G35194" t="s">
        <v>20255</v>
      </c>
      <c r="H35194" t="s">
        <v>20256</v>
      </c>
      <c r="I35194" s="2">
        <v>1</v>
      </c>
      <c r="J35194" s="2">
        <v>0</v>
      </c>
      <c r="K35194" s="2">
        <v>0</v>
      </c>
      <c r="L35194" t="s">
        <v>120</v>
      </c>
      <c r="M35194" t="s">
        <v>83</v>
      </c>
      <c r="N35194" t="s">
        <v>84</v>
      </c>
      <c r="O35194" t="s">
        <v>85</v>
      </c>
      <c r="P35194" t="s">
        <v>86</v>
      </c>
      <c r="Q35194">
        <v>6</v>
      </c>
      <c r="R35194">
        <v>6</v>
      </c>
      <c r="S35194">
        <v>6</v>
      </c>
      <c r="T35194">
        <v>6</v>
      </c>
      <c r="U35194">
        <v>6</v>
      </c>
      <c r="V35194">
        <v>6</v>
      </c>
      <c r="W35194">
        <v>6</v>
      </c>
      <c r="X35194">
        <v>6</v>
      </c>
      <c r="Y35194">
        <v>6</v>
      </c>
      <c r="Z35194">
        <v>7</v>
      </c>
      <c r="AA35194">
        <v>7</v>
      </c>
      <c r="AB35194">
        <v>7</v>
      </c>
      <c r="AC35194">
        <v>7</v>
      </c>
      <c r="AD35194">
        <v>7</v>
      </c>
      <c r="AE35194">
        <v>7</v>
      </c>
      <c r="AF35194">
        <v>7</v>
      </c>
      <c r="AG35194">
        <v>7</v>
      </c>
      <c r="AH35194">
        <v>7</v>
      </c>
      <c r="AI35194">
        <v>7</v>
      </c>
      <c r="AJ35194">
        <v>8</v>
      </c>
      <c r="AK35194">
        <v>8</v>
      </c>
      <c r="AL35194">
        <v>8</v>
      </c>
      <c r="AM35194">
        <v>8</v>
      </c>
      <c r="AN35194">
        <v>8</v>
      </c>
      <c r="AO35194">
        <v>8</v>
      </c>
      <c r="AP35194">
        <v>8</v>
      </c>
      <c r="AQ35194">
        <v>8</v>
      </c>
    </row>
    <row r="35195" spans="1:43">
      <c r="A35195" t="s">
        <v>21815</v>
      </c>
      <c r="B35195" t="s">
        <v>21816</v>
      </c>
      <c r="C35195" t="s">
        <v>21809</v>
      </c>
      <c r="D35195" t="s">
        <v>21810</v>
      </c>
      <c r="E35195" t="s">
        <v>21751</v>
      </c>
      <c r="F35195" t="s">
        <v>21752</v>
      </c>
      <c r="G35195" t="s">
        <v>20255</v>
      </c>
      <c r="H35195" t="s">
        <v>20256</v>
      </c>
      <c r="I35195" s="2">
        <v>1</v>
      </c>
      <c r="J35195" s="2">
        <v>0</v>
      </c>
      <c r="K35195" s="2">
        <v>0</v>
      </c>
      <c r="L35195" t="s">
        <v>120</v>
      </c>
      <c r="M35195" t="s">
        <v>87</v>
      </c>
      <c r="N35195" t="s">
        <v>88</v>
      </c>
      <c r="O35195" t="s">
        <v>85</v>
      </c>
      <c r="P35195" t="s">
        <v>86</v>
      </c>
      <c r="Q35195">
        <v>6</v>
      </c>
      <c r="R35195">
        <v>6</v>
      </c>
      <c r="S35195">
        <v>6</v>
      </c>
      <c r="T35195">
        <v>6</v>
      </c>
      <c r="U35195">
        <v>6</v>
      </c>
      <c r="V35195">
        <v>6</v>
      </c>
      <c r="W35195">
        <v>6</v>
      </c>
      <c r="X35195">
        <v>6</v>
      </c>
      <c r="Y35195">
        <v>6</v>
      </c>
      <c r="Z35195">
        <v>6</v>
      </c>
      <c r="AA35195">
        <v>6</v>
      </c>
      <c r="AB35195">
        <v>6</v>
      </c>
      <c r="AC35195">
        <v>6</v>
      </c>
      <c r="AD35195">
        <v>6</v>
      </c>
      <c r="AE35195">
        <v>6</v>
      </c>
      <c r="AF35195">
        <v>6</v>
      </c>
      <c r="AG35195">
        <v>6</v>
      </c>
      <c r="AH35195">
        <v>6</v>
      </c>
      <c r="AI35195">
        <v>6</v>
      </c>
      <c r="AJ35195">
        <v>6</v>
      </c>
      <c r="AK35195">
        <v>7</v>
      </c>
      <c r="AL35195">
        <v>7</v>
      </c>
      <c r="AM35195">
        <v>7</v>
      </c>
      <c r="AN35195">
        <v>7</v>
      </c>
      <c r="AO35195">
        <v>7</v>
      </c>
      <c r="AP35195">
        <v>7</v>
      </c>
      <c r="AQ35195">
        <v>7</v>
      </c>
    </row>
    <row r="35196" spans="1:43">
      <c r="A35196" t="s">
        <v>21815</v>
      </c>
      <c r="B35196" t="s">
        <v>21816</v>
      </c>
      <c r="C35196" t="s">
        <v>21809</v>
      </c>
      <c r="D35196" t="s">
        <v>21810</v>
      </c>
      <c r="E35196" t="s">
        <v>21751</v>
      </c>
      <c r="F35196" t="s">
        <v>21752</v>
      </c>
      <c r="G35196" t="s">
        <v>20255</v>
      </c>
      <c r="H35196" t="s">
        <v>20256</v>
      </c>
      <c r="I35196" s="2">
        <v>1</v>
      </c>
      <c r="J35196" s="2">
        <v>0</v>
      </c>
      <c r="K35196" s="2">
        <v>0</v>
      </c>
      <c r="L35196" t="s">
        <v>120</v>
      </c>
      <c r="M35196" t="s">
        <v>89</v>
      </c>
      <c r="N35196" t="s">
        <v>90</v>
      </c>
      <c r="O35196" t="s">
        <v>85</v>
      </c>
      <c r="P35196" t="s">
        <v>86</v>
      </c>
      <c r="Q35196">
        <v>6</v>
      </c>
      <c r="R35196">
        <v>6</v>
      </c>
      <c r="S35196">
        <v>6</v>
      </c>
      <c r="T35196">
        <v>6</v>
      </c>
      <c r="U35196">
        <v>6</v>
      </c>
      <c r="V35196">
        <v>6</v>
      </c>
      <c r="W35196">
        <v>7</v>
      </c>
      <c r="X35196">
        <v>7</v>
      </c>
      <c r="Y35196">
        <v>7</v>
      </c>
      <c r="Z35196">
        <v>7</v>
      </c>
      <c r="AA35196">
        <v>7</v>
      </c>
      <c r="AB35196">
        <v>7</v>
      </c>
      <c r="AC35196">
        <v>7</v>
      </c>
      <c r="AD35196">
        <v>7</v>
      </c>
      <c r="AE35196">
        <v>8</v>
      </c>
      <c r="AF35196">
        <v>8</v>
      </c>
      <c r="AG35196">
        <v>8</v>
      </c>
      <c r="AH35196">
        <v>8</v>
      </c>
      <c r="AI35196">
        <v>8</v>
      </c>
      <c r="AJ35196">
        <v>8</v>
      </c>
      <c r="AK35196">
        <v>8</v>
      </c>
      <c r="AL35196">
        <v>8</v>
      </c>
      <c r="AM35196">
        <v>8</v>
      </c>
      <c r="AN35196">
        <v>8</v>
      </c>
      <c r="AO35196">
        <v>8</v>
      </c>
      <c r="AP35196">
        <v>8</v>
      </c>
      <c r="AQ35196">
        <v>8</v>
      </c>
    </row>
    <row r="35197" spans="1:43">
      <c r="A35197" t="s">
        <v>21815</v>
      </c>
      <c r="B35197" t="s">
        <v>21816</v>
      </c>
      <c r="C35197" t="s">
        <v>21809</v>
      </c>
      <c r="D35197" t="s">
        <v>21810</v>
      </c>
      <c r="E35197" t="s">
        <v>21751</v>
      </c>
      <c r="F35197" t="s">
        <v>21752</v>
      </c>
      <c r="G35197" t="s">
        <v>20255</v>
      </c>
      <c r="H35197" t="s">
        <v>20256</v>
      </c>
      <c r="I35197" s="2">
        <v>1</v>
      </c>
      <c r="J35197" s="2">
        <v>0</v>
      </c>
      <c r="K35197" s="2">
        <v>0</v>
      </c>
      <c r="L35197" t="s">
        <v>120</v>
      </c>
      <c r="M35197" t="s">
        <v>83</v>
      </c>
      <c r="N35197" t="s">
        <v>91</v>
      </c>
      <c r="O35197" t="s">
        <v>85</v>
      </c>
      <c r="P35197" t="s">
        <v>86</v>
      </c>
      <c r="Q35197">
        <v>6</v>
      </c>
      <c r="R35197">
        <v>6</v>
      </c>
      <c r="S35197">
        <v>6</v>
      </c>
      <c r="T35197">
        <v>6</v>
      </c>
      <c r="U35197">
        <v>6</v>
      </c>
      <c r="V35197">
        <v>6</v>
      </c>
      <c r="W35197">
        <v>6</v>
      </c>
      <c r="X35197">
        <v>6</v>
      </c>
      <c r="Y35197">
        <v>6</v>
      </c>
      <c r="Z35197">
        <v>7</v>
      </c>
      <c r="AA35197">
        <v>7</v>
      </c>
      <c r="AB35197">
        <v>7</v>
      </c>
      <c r="AC35197">
        <v>7</v>
      </c>
      <c r="AD35197">
        <v>7</v>
      </c>
      <c r="AE35197">
        <v>7</v>
      </c>
      <c r="AF35197">
        <v>7</v>
      </c>
      <c r="AG35197">
        <v>7</v>
      </c>
      <c r="AH35197">
        <v>7</v>
      </c>
      <c r="AI35197">
        <v>7</v>
      </c>
      <c r="AJ35197">
        <v>8</v>
      </c>
      <c r="AK35197">
        <v>8</v>
      </c>
      <c r="AL35197">
        <v>8</v>
      </c>
      <c r="AM35197">
        <v>8</v>
      </c>
      <c r="AN35197">
        <v>8</v>
      </c>
      <c r="AO35197">
        <v>8</v>
      </c>
      <c r="AP35197">
        <v>8</v>
      </c>
      <c r="AQ35197">
        <v>8</v>
      </c>
    </row>
    <row r="35198" spans="1:43">
      <c r="A35198" t="s">
        <v>21817</v>
      </c>
      <c r="B35198" t="s">
        <v>21818</v>
      </c>
      <c r="C35198" t="s">
        <v>21809</v>
      </c>
      <c r="D35198" t="s">
        <v>21810</v>
      </c>
      <c r="E35198" t="s">
        <v>21751</v>
      </c>
      <c r="F35198" t="s">
        <v>21752</v>
      </c>
      <c r="G35198" t="s">
        <v>20255</v>
      </c>
      <c r="H35198" t="s">
        <v>20256</v>
      </c>
      <c r="I35198" s="2">
        <v>1</v>
      </c>
      <c r="J35198" s="2">
        <v>0</v>
      </c>
      <c r="K35198" s="2">
        <v>0</v>
      </c>
      <c r="L35198" t="s">
        <v>120</v>
      </c>
      <c r="M35198" t="s">
        <v>83</v>
      </c>
      <c r="N35198" t="s">
        <v>84</v>
      </c>
      <c r="O35198" t="s">
        <v>85</v>
      </c>
      <c r="P35198" t="s">
        <v>86</v>
      </c>
      <c r="Q35198">
        <v>74</v>
      </c>
      <c r="R35198">
        <v>75</v>
      </c>
      <c r="S35198">
        <v>77</v>
      </c>
      <c r="T35198">
        <v>78</v>
      </c>
      <c r="U35198">
        <v>79</v>
      </c>
      <c r="V35198">
        <v>81</v>
      </c>
      <c r="W35198">
        <v>82</v>
      </c>
      <c r="X35198">
        <v>83</v>
      </c>
      <c r="Y35198">
        <v>85</v>
      </c>
      <c r="Z35198">
        <v>86</v>
      </c>
      <c r="AA35198">
        <v>87</v>
      </c>
      <c r="AB35198">
        <v>88</v>
      </c>
      <c r="AC35198">
        <v>90</v>
      </c>
      <c r="AD35198">
        <v>91</v>
      </c>
      <c r="AE35198">
        <v>92</v>
      </c>
      <c r="AF35198">
        <v>93</v>
      </c>
      <c r="AG35198">
        <v>94</v>
      </c>
      <c r="AH35198">
        <v>96</v>
      </c>
      <c r="AI35198">
        <v>97</v>
      </c>
      <c r="AJ35198">
        <v>98</v>
      </c>
      <c r="AK35198">
        <v>99</v>
      </c>
      <c r="AL35198">
        <v>100</v>
      </c>
      <c r="AM35198">
        <v>100</v>
      </c>
      <c r="AN35198">
        <v>100</v>
      </c>
      <c r="AO35198">
        <v>101</v>
      </c>
      <c r="AP35198">
        <v>101</v>
      </c>
      <c r="AQ35198">
        <v>101</v>
      </c>
    </row>
    <row r="35199" spans="1:43">
      <c r="A35199" t="s">
        <v>21817</v>
      </c>
      <c r="B35199" t="s">
        <v>21818</v>
      </c>
      <c r="C35199" t="s">
        <v>21809</v>
      </c>
      <c r="D35199" t="s">
        <v>21810</v>
      </c>
      <c r="E35199" t="s">
        <v>21751</v>
      </c>
      <c r="F35199" t="s">
        <v>21752</v>
      </c>
      <c r="G35199" t="s">
        <v>20255</v>
      </c>
      <c r="H35199" t="s">
        <v>20256</v>
      </c>
      <c r="I35199" s="2">
        <v>1</v>
      </c>
      <c r="J35199" s="2">
        <v>0</v>
      </c>
      <c r="K35199" s="2">
        <v>0</v>
      </c>
      <c r="L35199" t="s">
        <v>120</v>
      </c>
      <c r="M35199" t="s">
        <v>87</v>
      </c>
      <c r="N35199" t="s">
        <v>88</v>
      </c>
      <c r="O35199" t="s">
        <v>85</v>
      </c>
      <c r="P35199" t="s">
        <v>86</v>
      </c>
      <c r="Q35199">
        <v>74</v>
      </c>
      <c r="R35199">
        <v>75</v>
      </c>
      <c r="S35199">
        <v>75</v>
      </c>
      <c r="T35199">
        <v>76</v>
      </c>
      <c r="U35199">
        <v>77</v>
      </c>
      <c r="V35199">
        <v>77</v>
      </c>
      <c r="W35199">
        <v>78</v>
      </c>
      <c r="X35199">
        <v>79</v>
      </c>
      <c r="Y35199">
        <v>79</v>
      </c>
      <c r="Z35199">
        <v>80</v>
      </c>
      <c r="AA35199">
        <v>81</v>
      </c>
      <c r="AB35199">
        <v>81</v>
      </c>
      <c r="AC35199">
        <v>82</v>
      </c>
      <c r="AD35199">
        <v>82</v>
      </c>
      <c r="AE35199">
        <v>83</v>
      </c>
      <c r="AF35199">
        <v>83</v>
      </c>
      <c r="AG35199">
        <v>84</v>
      </c>
      <c r="AH35199">
        <v>84</v>
      </c>
      <c r="AI35199">
        <v>85</v>
      </c>
      <c r="AJ35199">
        <v>86</v>
      </c>
      <c r="AK35199">
        <v>86</v>
      </c>
      <c r="AL35199">
        <v>87</v>
      </c>
      <c r="AM35199">
        <v>87</v>
      </c>
      <c r="AN35199">
        <v>88</v>
      </c>
      <c r="AO35199">
        <v>88</v>
      </c>
      <c r="AP35199">
        <v>89</v>
      </c>
      <c r="AQ35199">
        <v>89</v>
      </c>
    </row>
    <row r="35200" spans="1:43">
      <c r="A35200" t="s">
        <v>21817</v>
      </c>
      <c r="B35200" t="s">
        <v>21818</v>
      </c>
      <c r="C35200" t="s">
        <v>21809</v>
      </c>
      <c r="D35200" t="s">
        <v>21810</v>
      </c>
      <c r="E35200" t="s">
        <v>21751</v>
      </c>
      <c r="F35200" t="s">
        <v>21752</v>
      </c>
      <c r="G35200" t="s">
        <v>20255</v>
      </c>
      <c r="H35200" t="s">
        <v>20256</v>
      </c>
      <c r="I35200" s="2">
        <v>1</v>
      </c>
      <c r="J35200" s="2">
        <v>0</v>
      </c>
      <c r="K35200" s="2">
        <v>0</v>
      </c>
      <c r="L35200" t="s">
        <v>120</v>
      </c>
      <c r="M35200" t="s">
        <v>89</v>
      </c>
      <c r="N35200" t="s">
        <v>90</v>
      </c>
      <c r="O35200" t="s">
        <v>85</v>
      </c>
      <c r="P35200" t="s">
        <v>86</v>
      </c>
      <c r="Q35200">
        <v>74</v>
      </c>
      <c r="R35200">
        <v>76</v>
      </c>
      <c r="S35200">
        <v>78</v>
      </c>
      <c r="T35200">
        <v>80</v>
      </c>
      <c r="U35200">
        <v>82</v>
      </c>
      <c r="V35200">
        <v>84</v>
      </c>
      <c r="W35200">
        <v>86</v>
      </c>
      <c r="X35200">
        <v>88</v>
      </c>
      <c r="Y35200">
        <v>89</v>
      </c>
      <c r="Z35200">
        <v>91</v>
      </c>
      <c r="AA35200">
        <v>93</v>
      </c>
      <c r="AB35200">
        <v>94</v>
      </c>
      <c r="AC35200">
        <v>96</v>
      </c>
      <c r="AD35200">
        <v>97</v>
      </c>
      <c r="AE35200">
        <v>98</v>
      </c>
      <c r="AF35200">
        <v>99</v>
      </c>
      <c r="AG35200">
        <v>99</v>
      </c>
      <c r="AH35200">
        <v>100</v>
      </c>
      <c r="AI35200">
        <v>100</v>
      </c>
      <c r="AJ35200">
        <v>100</v>
      </c>
      <c r="AK35200">
        <v>101</v>
      </c>
      <c r="AL35200">
        <v>101</v>
      </c>
      <c r="AM35200">
        <v>101</v>
      </c>
      <c r="AN35200">
        <v>102</v>
      </c>
      <c r="AO35200">
        <v>102</v>
      </c>
      <c r="AP35200">
        <v>102</v>
      </c>
      <c r="AQ35200">
        <v>103</v>
      </c>
    </row>
    <row r="35201" spans="1:43">
      <c r="A35201" t="s">
        <v>21817</v>
      </c>
      <c r="B35201" t="s">
        <v>21818</v>
      </c>
      <c r="C35201" t="s">
        <v>21809</v>
      </c>
      <c r="D35201" t="s">
        <v>21810</v>
      </c>
      <c r="E35201" t="s">
        <v>21751</v>
      </c>
      <c r="F35201" t="s">
        <v>21752</v>
      </c>
      <c r="G35201" t="s">
        <v>20255</v>
      </c>
      <c r="H35201" t="s">
        <v>20256</v>
      </c>
      <c r="I35201" s="2">
        <v>1</v>
      </c>
      <c r="J35201" s="2">
        <v>0</v>
      </c>
      <c r="K35201" s="2">
        <v>0</v>
      </c>
      <c r="L35201" t="s">
        <v>120</v>
      </c>
      <c r="M35201" t="s">
        <v>83</v>
      </c>
      <c r="N35201" t="s">
        <v>91</v>
      </c>
      <c r="O35201" t="s">
        <v>85</v>
      </c>
      <c r="P35201" t="s">
        <v>86</v>
      </c>
      <c r="Q35201">
        <v>74</v>
      </c>
      <c r="R35201">
        <v>75</v>
      </c>
      <c r="S35201">
        <v>77</v>
      </c>
      <c r="T35201">
        <v>78</v>
      </c>
      <c r="U35201">
        <v>79</v>
      </c>
      <c r="V35201">
        <v>81</v>
      </c>
      <c r="W35201">
        <v>82</v>
      </c>
      <c r="X35201">
        <v>83</v>
      </c>
      <c r="Y35201">
        <v>85</v>
      </c>
      <c r="Z35201">
        <v>86</v>
      </c>
      <c r="AA35201">
        <v>87</v>
      </c>
      <c r="AB35201">
        <v>88</v>
      </c>
      <c r="AC35201">
        <v>90</v>
      </c>
      <c r="AD35201">
        <v>91</v>
      </c>
      <c r="AE35201">
        <v>92</v>
      </c>
      <c r="AF35201">
        <v>93</v>
      </c>
      <c r="AG35201">
        <v>94</v>
      </c>
      <c r="AH35201">
        <v>96</v>
      </c>
      <c r="AI35201">
        <v>97</v>
      </c>
      <c r="AJ35201">
        <v>98</v>
      </c>
      <c r="AK35201">
        <v>99</v>
      </c>
      <c r="AL35201">
        <v>100</v>
      </c>
      <c r="AM35201">
        <v>100</v>
      </c>
      <c r="AN35201">
        <v>100</v>
      </c>
      <c r="AO35201">
        <v>101</v>
      </c>
      <c r="AP35201">
        <v>101</v>
      </c>
      <c r="AQ35201">
        <v>101</v>
      </c>
    </row>
    <row r="35202" spans="1:43">
      <c r="A35202" t="s">
        <v>21819</v>
      </c>
      <c r="B35202" t="s">
        <v>21820</v>
      </c>
      <c r="C35202" t="s">
        <v>21821</v>
      </c>
      <c r="D35202" t="s">
        <v>21822</v>
      </c>
      <c r="E35202" t="s">
        <v>21751</v>
      </c>
      <c r="F35202" t="s">
        <v>21752</v>
      </c>
      <c r="G35202" t="s">
        <v>20255</v>
      </c>
      <c r="H35202" t="s">
        <v>20256</v>
      </c>
      <c r="I35202" s="2">
        <v>1</v>
      </c>
      <c r="J35202" s="2">
        <v>0</v>
      </c>
      <c r="K35202" s="2">
        <v>0</v>
      </c>
      <c r="L35202" t="s">
        <v>120</v>
      </c>
      <c r="M35202" t="s">
        <v>83</v>
      </c>
      <c r="N35202" t="s">
        <v>84</v>
      </c>
      <c r="O35202" t="s">
        <v>85</v>
      </c>
      <c r="P35202" t="s">
        <v>86</v>
      </c>
      <c r="Q35202">
        <v>12</v>
      </c>
      <c r="R35202">
        <v>12</v>
      </c>
      <c r="S35202">
        <v>12</v>
      </c>
      <c r="T35202">
        <v>13</v>
      </c>
      <c r="U35202">
        <v>13</v>
      </c>
      <c r="V35202">
        <v>13</v>
      </c>
      <c r="W35202">
        <v>13</v>
      </c>
      <c r="X35202">
        <v>14</v>
      </c>
      <c r="Y35202">
        <v>14</v>
      </c>
      <c r="Z35202">
        <v>14</v>
      </c>
      <c r="AA35202">
        <v>14</v>
      </c>
      <c r="AB35202">
        <v>14</v>
      </c>
      <c r="AC35202">
        <v>15</v>
      </c>
      <c r="AD35202">
        <v>15</v>
      </c>
      <c r="AE35202">
        <v>15</v>
      </c>
      <c r="AF35202">
        <v>15</v>
      </c>
      <c r="AG35202">
        <v>15</v>
      </c>
      <c r="AH35202">
        <v>16</v>
      </c>
      <c r="AI35202">
        <v>16</v>
      </c>
      <c r="AJ35202">
        <v>16</v>
      </c>
      <c r="AK35202">
        <v>16</v>
      </c>
      <c r="AL35202">
        <v>16</v>
      </c>
      <c r="AM35202">
        <v>16</v>
      </c>
      <c r="AN35202">
        <v>16</v>
      </c>
      <c r="AO35202">
        <v>16</v>
      </c>
      <c r="AP35202">
        <v>16</v>
      </c>
      <c r="AQ35202">
        <v>16</v>
      </c>
    </row>
    <row r="35203" spans="1:43">
      <c r="A35203" t="s">
        <v>21819</v>
      </c>
      <c r="B35203" t="s">
        <v>21820</v>
      </c>
      <c r="C35203" t="s">
        <v>21821</v>
      </c>
      <c r="D35203" t="s">
        <v>21822</v>
      </c>
      <c r="E35203" t="s">
        <v>21751</v>
      </c>
      <c r="F35203" t="s">
        <v>21752</v>
      </c>
      <c r="G35203" t="s">
        <v>20255</v>
      </c>
      <c r="H35203" t="s">
        <v>20256</v>
      </c>
      <c r="I35203" s="2">
        <v>1</v>
      </c>
      <c r="J35203" s="2">
        <v>0</v>
      </c>
      <c r="K35203" s="2">
        <v>0</v>
      </c>
      <c r="L35203" t="s">
        <v>120</v>
      </c>
      <c r="M35203" t="s">
        <v>87</v>
      </c>
      <c r="N35203" t="s">
        <v>88</v>
      </c>
      <c r="O35203" t="s">
        <v>85</v>
      </c>
      <c r="P35203" t="s">
        <v>86</v>
      </c>
      <c r="Q35203">
        <v>12</v>
      </c>
      <c r="R35203">
        <v>12</v>
      </c>
      <c r="S35203">
        <v>12</v>
      </c>
      <c r="T35203">
        <v>12</v>
      </c>
      <c r="U35203">
        <v>12</v>
      </c>
      <c r="V35203">
        <v>12</v>
      </c>
      <c r="W35203">
        <v>13</v>
      </c>
      <c r="X35203">
        <v>13</v>
      </c>
      <c r="Y35203">
        <v>13</v>
      </c>
      <c r="Z35203">
        <v>13</v>
      </c>
      <c r="AA35203">
        <v>13</v>
      </c>
      <c r="AB35203">
        <v>13</v>
      </c>
      <c r="AC35203">
        <v>13</v>
      </c>
      <c r="AD35203">
        <v>13</v>
      </c>
      <c r="AE35203">
        <v>13</v>
      </c>
      <c r="AF35203">
        <v>13</v>
      </c>
      <c r="AG35203">
        <v>14</v>
      </c>
      <c r="AH35203">
        <v>14</v>
      </c>
      <c r="AI35203">
        <v>14</v>
      </c>
      <c r="AJ35203">
        <v>14</v>
      </c>
      <c r="AK35203">
        <v>14</v>
      </c>
      <c r="AL35203">
        <v>14</v>
      </c>
      <c r="AM35203">
        <v>14</v>
      </c>
      <c r="AN35203">
        <v>14</v>
      </c>
      <c r="AO35203">
        <v>14</v>
      </c>
      <c r="AP35203">
        <v>14</v>
      </c>
      <c r="AQ35203">
        <v>14</v>
      </c>
    </row>
    <row r="35204" spans="1:43">
      <c r="A35204" t="s">
        <v>21819</v>
      </c>
      <c r="B35204" t="s">
        <v>21820</v>
      </c>
      <c r="C35204" t="s">
        <v>21821</v>
      </c>
      <c r="D35204" t="s">
        <v>21822</v>
      </c>
      <c r="E35204" t="s">
        <v>21751</v>
      </c>
      <c r="F35204" t="s">
        <v>21752</v>
      </c>
      <c r="G35204" t="s">
        <v>20255</v>
      </c>
      <c r="H35204" t="s">
        <v>20256</v>
      </c>
      <c r="I35204" s="2">
        <v>1</v>
      </c>
      <c r="J35204" s="2">
        <v>0</v>
      </c>
      <c r="K35204" s="2">
        <v>0</v>
      </c>
      <c r="L35204" t="s">
        <v>120</v>
      </c>
      <c r="M35204" t="s">
        <v>89</v>
      </c>
      <c r="N35204" t="s">
        <v>90</v>
      </c>
      <c r="O35204" t="s">
        <v>85</v>
      </c>
      <c r="P35204" t="s">
        <v>86</v>
      </c>
      <c r="Q35204">
        <v>12</v>
      </c>
      <c r="R35204">
        <v>12</v>
      </c>
      <c r="S35204">
        <v>13</v>
      </c>
      <c r="T35204">
        <v>13</v>
      </c>
      <c r="U35204">
        <v>13</v>
      </c>
      <c r="V35204">
        <v>14</v>
      </c>
      <c r="W35204">
        <v>14</v>
      </c>
      <c r="X35204">
        <v>14</v>
      </c>
      <c r="Y35204">
        <v>14</v>
      </c>
      <c r="Z35204">
        <v>15</v>
      </c>
      <c r="AA35204">
        <v>15</v>
      </c>
      <c r="AB35204">
        <v>15</v>
      </c>
      <c r="AC35204">
        <v>16</v>
      </c>
      <c r="AD35204">
        <v>16</v>
      </c>
      <c r="AE35204">
        <v>16</v>
      </c>
      <c r="AF35204">
        <v>16</v>
      </c>
      <c r="AG35204">
        <v>16</v>
      </c>
      <c r="AH35204">
        <v>16</v>
      </c>
      <c r="AI35204">
        <v>16</v>
      </c>
      <c r="AJ35204">
        <v>16</v>
      </c>
      <c r="AK35204">
        <v>16</v>
      </c>
      <c r="AL35204">
        <v>16</v>
      </c>
      <c r="AM35204">
        <v>16</v>
      </c>
      <c r="AN35204">
        <v>16</v>
      </c>
      <c r="AO35204">
        <v>17</v>
      </c>
      <c r="AP35204">
        <v>17</v>
      </c>
      <c r="AQ35204">
        <v>17</v>
      </c>
    </row>
    <row r="35205" spans="1:43">
      <c r="A35205" t="s">
        <v>21819</v>
      </c>
      <c r="B35205" t="s">
        <v>21820</v>
      </c>
      <c r="C35205" t="s">
        <v>21821</v>
      </c>
      <c r="D35205" t="s">
        <v>21822</v>
      </c>
      <c r="E35205" t="s">
        <v>21751</v>
      </c>
      <c r="F35205" t="s">
        <v>21752</v>
      </c>
      <c r="G35205" t="s">
        <v>20255</v>
      </c>
      <c r="H35205" t="s">
        <v>20256</v>
      </c>
      <c r="I35205" s="2">
        <v>1</v>
      </c>
      <c r="J35205" s="2">
        <v>0</v>
      </c>
      <c r="K35205" s="2">
        <v>0</v>
      </c>
      <c r="L35205" t="s">
        <v>120</v>
      </c>
      <c r="M35205" t="s">
        <v>83</v>
      </c>
      <c r="N35205" t="s">
        <v>91</v>
      </c>
      <c r="O35205" t="s">
        <v>85</v>
      </c>
      <c r="P35205" t="s">
        <v>86</v>
      </c>
      <c r="Q35205">
        <v>12</v>
      </c>
      <c r="R35205">
        <v>12</v>
      </c>
      <c r="S35205">
        <v>12</v>
      </c>
      <c r="T35205">
        <v>13</v>
      </c>
      <c r="U35205">
        <v>13</v>
      </c>
      <c r="V35205">
        <v>13</v>
      </c>
      <c r="W35205">
        <v>13</v>
      </c>
      <c r="X35205">
        <v>14</v>
      </c>
      <c r="Y35205">
        <v>14</v>
      </c>
      <c r="Z35205">
        <v>14</v>
      </c>
      <c r="AA35205">
        <v>14</v>
      </c>
      <c r="AB35205">
        <v>14</v>
      </c>
      <c r="AC35205">
        <v>15</v>
      </c>
      <c r="AD35205">
        <v>15</v>
      </c>
      <c r="AE35205">
        <v>15</v>
      </c>
      <c r="AF35205">
        <v>15</v>
      </c>
      <c r="AG35205">
        <v>15</v>
      </c>
      <c r="AH35205">
        <v>16</v>
      </c>
      <c r="AI35205">
        <v>16</v>
      </c>
      <c r="AJ35205">
        <v>16</v>
      </c>
      <c r="AK35205">
        <v>16</v>
      </c>
      <c r="AL35205">
        <v>16</v>
      </c>
      <c r="AM35205">
        <v>16</v>
      </c>
      <c r="AN35205">
        <v>16</v>
      </c>
      <c r="AO35205">
        <v>16</v>
      </c>
      <c r="AP35205">
        <v>16</v>
      </c>
      <c r="AQ35205">
        <v>16</v>
      </c>
    </row>
    <row r="35206" spans="1:43">
      <c r="A35206" t="s">
        <v>21823</v>
      </c>
      <c r="B35206" t="s">
        <v>21824</v>
      </c>
      <c r="C35206" t="s">
        <v>21821</v>
      </c>
      <c r="D35206" t="s">
        <v>21822</v>
      </c>
      <c r="E35206" t="s">
        <v>21751</v>
      </c>
      <c r="F35206" t="s">
        <v>21752</v>
      </c>
      <c r="G35206" t="s">
        <v>20255</v>
      </c>
      <c r="H35206" t="s">
        <v>20256</v>
      </c>
      <c r="I35206" s="2">
        <v>1</v>
      </c>
      <c r="J35206" s="2">
        <v>0</v>
      </c>
      <c r="K35206" s="2">
        <v>0</v>
      </c>
      <c r="L35206" t="s">
        <v>120</v>
      </c>
      <c r="M35206" t="s">
        <v>83</v>
      </c>
      <c r="N35206" t="s">
        <v>84</v>
      </c>
      <c r="O35206" t="s">
        <v>85</v>
      </c>
      <c r="P35206" t="s">
        <v>86</v>
      </c>
      <c r="Q35206">
        <v>44</v>
      </c>
      <c r="R35206">
        <v>44</v>
      </c>
      <c r="S35206">
        <v>45</v>
      </c>
      <c r="T35206">
        <v>46</v>
      </c>
      <c r="U35206">
        <v>47</v>
      </c>
      <c r="V35206">
        <v>47</v>
      </c>
      <c r="W35206">
        <v>48</v>
      </c>
      <c r="X35206">
        <v>49</v>
      </c>
      <c r="Y35206">
        <v>50</v>
      </c>
      <c r="Z35206">
        <v>50</v>
      </c>
      <c r="AA35206">
        <v>51</v>
      </c>
      <c r="AB35206">
        <v>52</v>
      </c>
      <c r="AC35206">
        <v>52</v>
      </c>
      <c r="AD35206">
        <v>53</v>
      </c>
      <c r="AE35206">
        <v>54</v>
      </c>
      <c r="AF35206">
        <v>54</v>
      </c>
      <c r="AG35206">
        <v>55</v>
      </c>
      <c r="AH35206">
        <v>56</v>
      </c>
      <c r="AI35206">
        <v>56</v>
      </c>
      <c r="AJ35206">
        <v>57</v>
      </c>
      <c r="AK35206">
        <v>58</v>
      </c>
      <c r="AL35206">
        <v>58</v>
      </c>
      <c r="AM35206">
        <v>58</v>
      </c>
      <c r="AN35206">
        <v>58</v>
      </c>
      <c r="AO35206">
        <v>58</v>
      </c>
      <c r="AP35206">
        <v>58</v>
      </c>
      <c r="AQ35206">
        <v>59</v>
      </c>
    </row>
    <row r="35207" spans="1:43">
      <c r="A35207" t="s">
        <v>21823</v>
      </c>
      <c r="B35207" t="s">
        <v>21824</v>
      </c>
      <c r="C35207" t="s">
        <v>21821</v>
      </c>
      <c r="D35207" t="s">
        <v>21822</v>
      </c>
      <c r="E35207" t="s">
        <v>21751</v>
      </c>
      <c r="F35207" t="s">
        <v>21752</v>
      </c>
      <c r="G35207" t="s">
        <v>20255</v>
      </c>
      <c r="H35207" t="s">
        <v>20256</v>
      </c>
      <c r="I35207" s="2">
        <v>1</v>
      </c>
      <c r="J35207" s="2">
        <v>0</v>
      </c>
      <c r="K35207" s="2">
        <v>0</v>
      </c>
      <c r="L35207" t="s">
        <v>120</v>
      </c>
      <c r="M35207" t="s">
        <v>87</v>
      </c>
      <c r="N35207" t="s">
        <v>88</v>
      </c>
      <c r="O35207" t="s">
        <v>85</v>
      </c>
      <c r="P35207" t="s">
        <v>86</v>
      </c>
      <c r="Q35207">
        <v>44</v>
      </c>
      <c r="R35207">
        <v>45</v>
      </c>
      <c r="S35207">
        <v>45</v>
      </c>
      <c r="T35207">
        <v>45</v>
      </c>
      <c r="U35207">
        <v>46</v>
      </c>
      <c r="V35207">
        <v>46</v>
      </c>
      <c r="W35207">
        <v>46</v>
      </c>
      <c r="X35207">
        <v>47</v>
      </c>
      <c r="Y35207">
        <v>47</v>
      </c>
      <c r="Z35207">
        <v>47</v>
      </c>
      <c r="AA35207">
        <v>48</v>
      </c>
      <c r="AB35207">
        <v>48</v>
      </c>
      <c r="AC35207">
        <v>48</v>
      </c>
      <c r="AD35207">
        <v>49</v>
      </c>
      <c r="AE35207">
        <v>49</v>
      </c>
      <c r="AF35207">
        <v>49</v>
      </c>
      <c r="AG35207">
        <v>49</v>
      </c>
      <c r="AH35207">
        <v>50</v>
      </c>
      <c r="AI35207">
        <v>50</v>
      </c>
      <c r="AJ35207">
        <v>50</v>
      </c>
      <c r="AK35207">
        <v>51</v>
      </c>
      <c r="AL35207">
        <v>51</v>
      </c>
      <c r="AM35207">
        <v>51</v>
      </c>
      <c r="AN35207">
        <v>51</v>
      </c>
      <c r="AO35207">
        <v>52</v>
      </c>
      <c r="AP35207">
        <v>52</v>
      </c>
      <c r="AQ35207">
        <v>52</v>
      </c>
    </row>
    <row r="35208" spans="1:43">
      <c r="A35208" t="s">
        <v>21823</v>
      </c>
      <c r="B35208" t="s">
        <v>21824</v>
      </c>
      <c r="C35208" t="s">
        <v>21821</v>
      </c>
      <c r="D35208" t="s">
        <v>21822</v>
      </c>
      <c r="E35208" t="s">
        <v>21751</v>
      </c>
      <c r="F35208" t="s">
        <v>21752</v>
      </c>
      <c r="G35208" t="s">
        <v>20255</v>
      </c>
      <c r="H35208" t="s">
        <v>20256</v>
      </c>
      <c r="I35208" s="2">
        <v>1</v>
      </c>
      <c r="J35208" s="2">
        <v>0</v>
      </c>
      <c r="K35208" s="2">
        <v>0</v>
      </c>
      <c r="L35208" t="s">
        <v>120</v>
      </c>
      <c r="M35208" t="s">
        <v>89</v>
      </c>
      <c r="N35208" t="s">
        <v>90</v>
      </c>
      <c r="O35208" t="s">
        <v>85</v>
      </c>
      <c r="P35208" t="s">
        <v>86</v>
      </c>
      <c r="Q35208">
        <v>44</v>
      </c>
      <c r="R35208">
        <v>45</v>
      </c>
      <c r="S35208">
        <v>46</v>
      </c>
      <c r="T35208">
        <v>47</v>
      </c>
      <c r="U35208">
        <v>49</v>
      </c>
      <c r="V35208">
        <v>50</v>
      </c>
      <c r="W35208">
        <v>51</v>
      </c>
      <c r="X35208">
        <v>52</v>
      </c>
      <c r="Y35208">
        <v>52</v>
      </c>
      <c r="Z35208">
        <v>53</v>
      </c>
      <c r="AA35208">
        <v>54</v>
      </c>
      <c r="AB35208">
        <v>55</v>
      </c>
      <c r="AC35208">
        <v>56</v>
      </c>
      <c r="AD35208">
        <v>57</v>
      </c>
      <c r="AE35208">
        <v>58</v>
      </c>
      <c r="AF35208">
        <v>58</v>
      </c>
      <c r="AG35208">
        <v>58</v>
      </c>
      <c r="AH35208">
        <v>58</v>
      </c>
      <c r="AI35208">
        <v>58</v>
      </c>
      <c r="AJ35208">
        <v>58</v>
      </c>
      <c r="AK35208">
        <v>58</v>
      </c>
      <c r="AL35208">
        <v>59</v>
      </c>
      <c r="AM35208">
        <v>59</v>
      </c>
      <c r="AN35208">
        <v>59</v>
      </c>
      <c r="AO35208">
        <v>59</v>
      </c>
      <c r="AP35208">
        <v>59</v>
      </c>
      <c r="AQ35208">
        <v>59</v>
      </c>
    </row>
    <row r="35209" spans="1:43">
      <c r="A35209" t="s">
        <v>21823</v>
      </c>
      <c r="B35209" t="s">
        <v>21824</v>
      </c>
      <c r="C35209" t="s">
        <v>21821</v>
      </c>
      <c r="D35209" t="s">
        <v>21822</v>
      </c>
      <c r="E35209" t="s">
        <v>21751</v>
      </c>
      <c r="F35209" t="s">
        <v>21752</v>
      </c>
      <c r="G35209" t="s">
        <v>20255</v>
      </c>
      <c r="H35209" t="s">
        <v>20256</v>
      </c>
      <c r="I35209" s="2">
        <v>1</v>
      </c>
      <c r="J35209" s="2">
        <v>0</v>
      </c>
      <c r="K35209" s="2">
        <v>0</v>
      </c>
      <c r="L35209" t="s">
        <v>120</v>
      </c>
      <c r="M35209" t="s">
        <v>83</v>
      </c>
      <c r="N35209" t="s">
        <v>91</v>
      </c>
      <c r="O35209" t="s">
        <v>85</v>
      </c>
      <c r="P35209" t="s">
        <v>86</v>
      </c>
      <c r="Q35209">
        <v>44</v>
      </c>
      <c r="R35209">
        <v>44</v>
      </c>
      <c r="S35209">
        <v>45</v>
      </c>
      <c r="T35209">
        <v>46</v>
      </c>
      <c r="U35209">
        <v>47</v>
      </c>
      <c r="V35209">
        <v>47</v>
      </c>
      <c r="W35209">
        <v>48</v>
      </c>
      <c r="X35209">
        <v>49</v>
      </c>
      <c r="Y35209">
        <v>50</v>
      </c>
      <c r="Z35209">
        <v>50</v>
      </c>
      <c r="AA35209">
        <v>51</v>
      </c>
      <c r="AB35209">
        <v>52</v>
      </c>
      <c r="AC35209">
        <v>52</v>
      </c>
      <c r="AD35209">
        <v>53</v>
      </c>
      <c r="AE35209">
        <v>54</v>
      </c>
      <c r="AF35209">
        <v>54</v>
      </c>
      <c r="AG35209">
        <v>55</v>
      </c>
      <c r="AH35209">
        <v>56</v>
      </c>
      <c r="AI35209">
        <v>56</v>
      </c>
      <c r="AJ35209">
        <v>57</v>
      </c>
      <c r="AK35209">
        <v>58</v>
      </c>
      <c r="AL35209">
        <v>58</v>
      </c>
      <c r="AM35209">
        <v>58</v>
      </c>
      <c r="AN35209">
        <v>58</v>
      </c>
      <c r="AO35209">
        <v>58</v>
      </c>
      <c r="AP35209">
        <v>58</v>
      </c>
      <c r="AQ35209">
        <v>59</v>
      </c>
    </row>
    <row r="35210" spans="1:43">
      <c r="A35210" t="s">
        <v>21825</v>
      </c>
      <c r="B35210" t="s">
        <v>21826</v>
      </c>
      <c r="C35210" t="s">
        <v>21821</v>
      </c>
      <c r="D35210" t="s">
        <v>21822</v>
      </c>
      <c r="E35210" t="s">
        <v>21751</v>
      </c>
      <c r="F35210" t="s">
        <v>21752</v>
      </c>
      <c r="G35210" t="s">
        <v>20255</v>
      </c>
      <c r="H35210" t="s">
        <v>20256</v>
      </c>
      <c r="I35210" s="2">
        <v>1</v>
      </c>
      <c r="J35210" s="2">
        <v>0</v>
      </c>
      <c r="K35210" s="2">
        <v>0</v>
      </c>
      <c r="L35210" t="s">
        <v>120</v>
      </c>
      <c r="M35210" t="s">
        <v>83</v>
      </c>
      <c r="N35210" t="s">
        <v>84</v>
      </c>
      <c r="O35210" t="s">
        <v>85</v>
      </c>
      <c r="P35210" t="s">
        <v>86</v>
      </c>
      <c r="Q35210">
        <v>0</v>
      </c>
      <c r="R35210">
        <v>0</v>
      </c>
      <c r="S35210">
        <v>0</v>
      </c>
      <c r="T35210">
        <v>1</v>
      </c>
      <c r="U35210">
        <v>1</v>
      </c>
      <c r="V35210">
        <v>1</v>
      </c>
      <c r="W35210">
        <v>1</v>
      </c>
      <c r="X35210">
        <v>1</v>
      </c>
      <c r="Y35210">
        <v>1</v>
      </c>
      <c r="Z35210">
        <v>1</v>
      </c>
      <c r="AA35210">
        <v>1</v>
      </c>
      <c r="AB35210">
        <v>1</v>
      </c>
      <c r="AC35210">
        <v>1</v>
      </c>
      <c r="AD35210">
        <v>1</v>
      </c>
      <c r="AE35210">
        <v>1</v>
      </c>
      <c r="AF35210">
        <v>1</v>
      </c>
      <c r="AG35210">
        <v>1</v>
      </c>
      <c r="AH35210">
        <v>1</v>
      </c>
      <c r="AI35210">
        <v>1</v>
      </c>
      <c r="AJ35210">
        <v>1</v>
      </c>
      <c r="AK35210">
        <v>1</v>
      </c>
      <c r="AL35210">
        <v>1</v>
      </c>
      <c r="AM35210">
        <v>1</v>
      </c>
      <c r="AN35210">
        <v>1</v>
      </c>
      <c r="AO35210">
        <v>1</v>
      </c>
      <c r="AP35210">
        <v>1</v>
      </c>
      <c r="AQ35210">
        <v>1</v>
      </c>
    </row>
    <row r="35211" spans="1:43">
      <c r="A35211" t="s">
        <v>21825</v>
      </c>
      <c r="B35211" t="s">
        <v>21826</v>
      </c>
      <c r="C35211" t="s">
        <v>21821</v>
      </c>
      <c r="D35211" t="s">
        <v>21822</v>
      </c>
      <c r="E35211" t="s">
        <v>21751</v>
      </c>
      <c r="F35211" t="s">
        <v>21752</v>
      </c>
      <c r="G35211" t="s">
        <v>20255</v>
      </c>
      <c r="H35211" t="s">
        <v>20256</v>
      </c>
      <c r="I35211" s="2">
        <v>1</v>
      </c>
      <c r="J35211" s="2">
        <v>0</v>
      </c>
      <c r="K35211" s="2">
        <v>0</v>
      </c>
      <c r="L35211" t="s">
        <v>120</v>
      </c>
      <c r="M35211" t="s">
        <v>87</v>
      </c>
      <c r="N35211" t="s">
        <v>88</v>
      </c>
      <c r="O35211" t="s">
        <v>85</v>
      </c>
      <c r="P35211" t="s">
        <v>86</v>
      </c>
      <c r="Q35211">
        <v>0</v>
      </c>
      <c r="R35211">
        <v>0</v>
      </c>
      <c r="S35211">
        <v>0</v>
      </c>
      <c r="T35211">
        <v>0</v>
      </c>
      <c r="U35211">
        <v>0</v>
      </c>
      <c r="V35211">
        <v>0</v>
      </c>
      <c r="W35211">
        <v>0</v>
      </c>
      <c r="X35211">
        <v>1</v>
      </c>
      <c r="Y35211">
        <v>1</v>
      </c>
      <c r="Z35211">
        <v>1</v>
      </c>
      <c r="AA35211">
        <v>1</v>
      </c>
      <c r="AB35211">
        <v>1</v>
      </c>
      <c r="AC35211">
        <v>1</v>
      </c>
      <c r="AD35211">
        <v>1</v>
      </c>
      <c r="AE35211">
        <v>1</v>
      </c>
      <c r="AF35211">
        <v>1</v>
      </c>
      <c r="AG35211">
        <v>1</v>
      </c>
      <c r="AH35211">
        <v>1</v>
      </c>
      <c r="AI35211">
        <v>1</v>
      </c>
      <c r="AJ35211">
        <v>1</v>
      </c>
      <c r="AK35211">
        <v>1</v>
      </c>
      <c r="AL35211">
        <v>1</v>
      </c>
      <c r="AM35211">
        <v>1</v>
      </c>
      <c r="AN35211">
        <v>1</v>
      </c>
      <c r="AO35211">
        <v>1</v>
      </c>
      <c r="AP35211">
        <v>1</v>
      </c>
      <c r="AQ35211">
        <v>1</v>
      </c>
    </row>
    <row r="35212" spans="1:43">
      <c r="A35212" t="s">
        <v>21825</v>
      </c>
      <c r="B35212" t="s">
        <v>21826</v>
      </c>
      <c r="C35212" t="s">
        <v>21821</v>
      </c>
      <c r="D35212" t="s">
        <v>21822</v>
      </c>
      <c r="E35212" t="s">
        <v>21751</v>
      </c>
      <c r="F35212" t="s">
        <v>21752</v>
      </c>
      <c r="G35212" t="s">
        <v>20255</v>
      </c>
      <c r="H35212" t="s">
        <v>20256</v>
      </c>
      <c r="I35212" s="2">
        <v>1</v>
      </c>
      <c r="J35212" s="2">
        <v>0</v>
      </c>
      <c r="K35212" s="2">
        <v>0</v>
      </c>
      <c r="L35212" t="s">
        <v>120</v>
      </c>
      <c r="M35212" t="s">
        <v>89</v>
      </c>
      <c r="N35212" t="s">
        <v>90</v>
      </c>
      <c r="O35212" t="s">
        <v>85</v>
      </c>
      <c r="P35212" t="s">
        <v>86</v>
      </c>
      <c r="Q35212">
        <v>0</v>
      </c>
      <c r="R35212">
        <v>0</v>
      </c>
      <c r="S35212">
        <v>1</v>
      </c>
      <c r="T35212">
        <v>1</v>
      </c>
      <c r="U35212">
        <v>1</v>
      </c>
      <c r="V35212">
        <v>1</v>
      </c>
      <c r="W35212">
        <v>1</v>
      </c>
      <c r="X35212">
        <v>1</v>
      </c>
      <c r="Y35212">
        <v>1</v>
      </c>
      <c r="Z35212">
        <v>1</v>
      </c>
      <c r="AA35212">
        <v>1</v>
      </c>
      <c r="AB35212">
        <v>1</v>
      </c>
      <c r="AC35212">
        <v>1</v>
      </c>
      <c r="AD35212">
        <v>1</v>
      </c>
      <c r="AE35212">
        <v>1</v>
      </c>
      <c r="AF35212">
        <v>1</v>
      </c>
      <c r="AG35212">
        <v>1</v>
      </c>
      <c r="AH35212">
        <v>1</v>
      </c>
      <c r="AI35212">
        <v>1</v>
      </c>
      <c r="AJ35212">
        <v>1</v>
      </c>
      <c r="AK35212">
        <v>1</v>
      </c>
      <c r="AL35212">
        <v>1</v>
      </c>
      <c r="AM35212">
        <v>1</v>
      </c>
      <c r="AN35212">
        <v>1</v>
      </c>
      <c r="AO35212">
        <v>1</v>
      </c>
      <c r="AP35212">
        <v>1</v>
      </c>
      <c r="AQ35212">
        <v>1</v>
      </c>
    </row>
    <row r="35213" spans="1:43">
      <c r="A35213" t="s">
        <v>21825</v>
      </c>
      <c r="B35213" t="s">
        <v>21826</v>
      </c>
      <c r="C35213" t="s">
        <v>21821</v>
      </c>
      <c r="D35213" t="s">
        <v>21822</v>
      </c>
      <c r="E35213" t="s">
        <v>21751</v>
      </c>
      <c r="F35213" t="s">
        <v>21752</v>
      </c>
      <c r="G35213" t="s">
        <v>20255</v>
      </c>
      <c r="H35213" t="s">
        <v>20256</v>
      </c>
      <c r="I35213" s="2">
        <v>1</v>
      </c>
      <c r="J35213" s="2">
        <v>0</v>
      </c>
      <c r="K35213" s="2">
        <v>0</v>
      </c>
      <c r="L35213" t="s">
        <v>120</v>
      </c>
      <c r="M35213" t="s">
        <v>83</v>
      </c>
      <c r="N35213" t="s">
        <v>91</v>
      </c>
      <c r="O35213" t="s">
        <v>85</v>
      </c>
      <c r="P35213" t="s">
        <v>86</v>
      </c>
      <c r="Q35213">
        <v>0</v>
      </c>
      <c r="R35213">
        <v>0</v>
      </c>
      <c r="S35213">
        <v>0</v>
      </c>
      <c r="T35213">
        <v>1</v>
      </c>
      <c r="U35213">
        <v>1</v>
      </c>
      <c r="V35213">
        <v>1</v>
      </c>
      <c r="W35213">
        <v>1</v>
      </c>
      <c r="X35213">
        <v>1</v>
      </c>
      <c r="Y35213">
        <v>1</v>
      </c>
      <c r="Z35213">
        <v>1</v>
      </c>
      <c r="AA35213">
        <v>1</v>
      </c>
      <c r="AB35213">
        <v>1</v>
      </c>
      <c r="AC35213">
        <v>1</v>
      </c>
      <c r="AD35213">
        <v>1</v>
      </c>
      <c r="AE35213">
        <v>1</v>
      </c>
      <c r="AF35213">
        <v>1</v>
      </c>
      <c r="AG35213">
        <v>1</v>
      </c>
      <c r="AH35213">
        <v>1</v>
      </c>
      <c r="AI35213">
        <v>1</v>
      </c>
      <c r="AJ35213">
        <v>1</v>
      </c>
      <c r="AK35213">
        <v>1</v>
      </c>
      <c r="AL35213">
        <v>1</v>
      </c>
      <c r="AM35213">
        <v>1</v>
      </c>
      <c r="AN35213">
        <v>1</v>
      </c>
      <c r="AO35213">
        <v>1</v>
      </c>
      <c r="AP35213">
        <v>1</v>
      </c>
      <c r="AQ35213">
        <v>1</v>
      </c>
    </row>
    <row r="35214" spans="1:43">
      <c r="A35214" t="s">
        <v>21827</v>
      </c>
      <c r="B35214" t="s">
        <v>21828</v>
      </c>
      <c r="C35214" t="s">
        <v>21829</v>
      </c>
      <c r="D35214" t="s">
        <v>21830</v>
      </c>
      <c r="E35214" t="s">
        <v>21751</v>
      </c>
      <c r="F35214" t="s">
        <v>21752</v>
      </c>
      <c r="G35214" t="s">
        <v>20255</v>
      </c>
      <c r="H35214" t="s">
        <v>20256</v>
      </c>
      <c r="I35214" s="2">
        <v>1</v>
      </c>
      <c r="J35214" s="2">
        <v>0</v>
      </c>
      <c r="K35214" s="2">
        <v>0</v>
      </c>
      <c r="L35214" t="s">
        <v>120</v>
      </c>
      <c r="M35214" t="s">
        <v>83</v>
      </c>
      <c r="N35214" t="s">
        <v>84</v>
      </c>
      <c r="O35214" t="s">
        <v>85</v>
      </c>
      <c r="P35214" t="s">
        <v>86</v>
      </c>
      <c r="Q35214">
        <v>22</v>
      </c>
      <c r="R35214">
        <v>23</v>
      </c>
      <c r="S35214">
        <v>23</v>
      </c>
      <c r="T35214">
        <v>24</v>
      </c>
      <c r="U35214">
        <v>24</v>
      </c>
      <c r="V35214">
        <v>24</v>
      </c>
      <c r="W35214">
        <v>25</v>
      </c>
      <c r="X35214">
        <v>25</v>
      </c>
      <c r="Y35214">
        <v>26</v>
      </c>
      <c r="Z35214">
        <v>26</v>
      </c>
      <c r="AA35214">
        <v>26</v>
      </c>
      <c r="AB35214">
        <v>27</v>
      </c>
      <c r="AC35214">
        <v>27</v>
      </c>
      <c r="AD35214">
        <v>27</v>
      </c>
      <c r="AE35214">
        <v>28</v>
      </c>
      <c r="AF35214">
        <v>28</v>
      </c>
      <c r="AG35214">
        <v>28</v>
      </c>
      <c r="AH35214">
        <v>29</v>
      </c>
      <c r="AI35214">
        <v>29</v>
      </c>
      <c r="AJ35214">
        <v>30</v>
      </c>
      <c r="AK35214">
        <v>30</v>
      </c>
      <c r="AL35214">
        <v>30</v>
      </c>
      <c r="AM35214">
        <v>30</v>
      </c>
      <c r="AN35214">
        <v>30</v>
      </c>
      <c r="AO35214">
        <v>30</v>
      </c>
      <c r="AP35214">
        <v>30</v>
      </c>
      <c r="AQ35214">
        <v>30</v>
      </c>
    </row>
    <row r="35215" spans="1:43">
      <c r="A35215" t="s">
        <v>21827</v>
      </c>
      <c r="B35215" t="s">
        <v>21828</v>
      </c>
      <c r="C35215" t="s">
        <v>21829</v>
      </c>
      <c r="D35215" t="s">
        <v>21830</v>
      </c>
      <c r="E35215" t="s">
        <v>21751</v>
      </c>
      <c r="F35215" t="s">
        <v>21752</v>
      </c>
      <c r="G35215" t="s">
        <v>20255</v>
      </c>
      <c r="H35215" t="s">
        <v>20256</v>
      </c>
      <c r="I35215" s="2">
        <v>1</v>
      </c>
      <c r="J35215" s="2">
        <v>0</v>
      </c>
      <c r="K35215" s="2">
        <v>0</v>
      </c>
      <c r="L35215" t="s">
        <v>120</v>
      </c>
      <c r="M35215" t="s">
        <v>87</v>
      </c>
      <c r="N35215" t="s">
        <v>88</v>
      </c>
      <c r="O35215" t="s">
        <v>85</v>
      </c>
      <c r="P35215" t="s">
        <v>86</v>
      </c>
      <c r="Q35215">
        <v>22</v>
      </c>
      <c r="R35215">
        <v>22</v>
      </c>
      <c r="S35215">
        <v>23</v>
      </c>
      <c r="T35215">
        <v>23</v>
      </c>
      <c r="U35215">
        <v>23</v>
      </c>
      <c r="V35215">
        <v>23</v>
      </c>
      <c r="W35215">
        <v>23</v>
      </c>
      <c r="X35215">
        <v>23</v>
      </c>
      <c r="Y35215">
        <v>24</v>
      </c>
      <c r="Z35215">
        <v>24</v>
      </c>
      <c r="AA35215">
        <v>24</v>
      </c>
      <c r="AB35215">
        <v>24</v>
      </c>
      <c r="AC35215">
        <v>24</v>
      </c>
      <c r="AD35215">
        <v>24</v>
      </c>
      <c r="AE35215">
        <v>25</v>
      </c>
      <c r="AF35215">
        <v>25</v>
      </c>
      <c r="AG35215">
        <v>25</v>
      </c>
      <c r="AH35215">
        <v>25</v>
      </c>
      <c r="AI35215">
        <v>25</v>
      </c>
      <c r="AJ35215">
        <v>25</v>
      </c>
      <c r="AK35215">
        <v>26</v>
      </c>
      <c r="AL35215">
        <v>26</v>
      </c>
      <c r="AM35215">
        <v>26</v>
      </c>
      <c r="AN35215">
        <v>26</v>
      </c>
      <c r="AO35215">
        <v>26</v>
      </c>
      <c r="AP35215">
        <v>26</v>
      </c>
      <c r="AQ35215">
        <v>26</v>
      </c>
    </row>
    <row r="35216" spans="1:43">
      <c r="A35216" t="s">
        <v>21827</v>
      </c>
      <c r="B35216" t="s">
        <v>21828</v>
      </c>
      <c r="C35216" t="s">
        <v>21829</v>
      </c>
      <c r="D35216" t="s">
        <v>21830</v>
      </c>
      <c r="E35216" t="s">
        <v>21751</v>
      </c>
      <c r="F35216" t="s">
        <v>21752</v>
      </c>
      <c r="G35216" t="s">
        <v>20255</v>
      </c>
      <c r="H35216" t="s">
        <v>20256</v>
      </c>
      <c r="I35216" s="2">
        <v>1</v>
      </c>
      <c r="J35216" s="2">
        <v>0</v>
      </c>
      <c r="K35216" s="2">
        <v>0</v>
      </c>
      <c r="L35216" t="s">
        <v>120</v>
      </c>
      <c r="M35216" t="s">
        <v>89</v>
      </c>
      <c r="N35216" t="s">
        <v>90</v>
      </c>
      <c r="O35216" t="s">
        <v>85</v>
      </c>
      <c r="P35216" t="s">
        <v>86</v>
      </c>
      <c r="Q35216">
        <v>22</v>
      </c>
      <c r="R35216">
        <v>22</v>
      </c>
      <c r="S35216">
        <v>23</v>
      </c>
      <c r="T35216">
        <v>23</v>
      </c>
      <c r="U35216">
        <v>24</v>
      </c>
      <c r="V35216">
        <v>24</v>
      </c>
      <c r="W35216">
        <v>25</v>
      </c>
      <c r="X35216">
        <v>26</v>
      </c>
      <c r="Y35216">
        <v>26</v>
      </c>
      <c r="Z35216">
        <v>27</v>
      </c>
      <c r="AA35216">
        <v>27</v>
      </c>
      <c r="AB35216">
        <v>27</v>
      </c>
      <c r="AC35216">
        <v>28</v>
      </c>
      <c r="AD35216">
        <v>28</v>
      </c>
      <c r="AE35216">
        <v>29</v>
      </c>
      <c r="AF35216">
        <v>29</v>
      </c>
      <c r="AG35216">
        <v>29</v>
      </c>
      <c r="AH35216">
        <v>29</v>
      </c>
      <c r="AI35216">
        <v>29</v>
      </c>
      <c r="AJ35216">
        <v>29</v>
      </c>
      <c r="AK35216">
        <v>29</v>
      </c>
      <c r="AL35216">
        <v>29</v>
      </c>
      <c r="AM35216">
        <v>30</v>
      </c>
      <c r="AN35216">
        <v>30</v>
      </c>
      <c r="AO35216">
        <v>30</v>
      </c>
      <c r="AP35216">
        <v>30</v>
      </c>
      <c r="AQ35216">
        <v>30</v>
      </c>
    </row>
    <row r="35217" spans="1:43">
      <c r="A35217" t="s">
        <v>21827</v>
      </c>
      <c r="B35217" t="s">
        <v>21828</v>
      </c>
      <c r="C35217" t="s">
        <v>21829</v>
      </c>
      <c r="D35217" t="s">
        <v>21830</v>
      </c>
      <c r="E35217" t="s">
        <v>21751</v>
      </c>
      <c r="F35217" t="s">
        <v>21752</v>
      </c>
      <c r="G35217" t="s">
        <v>20255</v>
      </c>
      <c r="H35217" t="s">
        <v>20256</v>
      </c>
      <c r="I35217" s="2">
        <v>1</v>
      </c>
      <c r="J35217" s="2">
        <v>0</v>
      </c>
      <c r="K35217" s="2">
        <v>0</v>
      </c>
      <c r="L35217" t="s">
        <v>120</v>
      </c>
      <c r="M35217" t="s">
        <v>83</v>
      </c>
      <c r="N35217" t="s">
        <v>91</v>
      </c>
      <c r="O35217" t="s">
        <v>85</v>
      </c>
      <c r="P35217" t="s">
        <v>86</v>
      </c>
      <c r="Q35217">
        <v>22</v>
      </c>
      <c r="R35217">
        <v>23</v>
      </c>
      <c r="S35217">
        <v>23</v>
      </c>
      <c r="T35217">
        <v>24</v>
      </c>
      <c r="U35217">
        <v>24</v>
      </c>
      <c r="V35217">
        <v>24</v>
      </c>
      <c r="W35217">
        <v>25</v>
      </c>
      <c r="X35217">
        <v>25</v>
      </c>
      <c r="Y35217">
        <v>26</v>
      </c>
      <c r="Z35217">
        <v>26</v>
      </c>
      <c r="AA35217">
        <v>26</v>
      </c>
      <c r="AB35217">
        <v>27</v>
      </c>
      <c r="AC35217">
        <v>27</v>
      </c>
      <c r="AD35217">
        <v>27</v>
      </c>
      <c r="AE35217">
        <v>28</v>
      </c>
      <c r="AF35217">
        <v>28</v>
      </c>
      <c r="AG35217">
        <v>28</v>
      </c>
      <c r="AH35217">
        <v>29</v>
      </c>
      <c r="AI35217">
        <v>29</v>
      </c>
      <c r="AJ35217">
        <v>30</v>
      </c>
      <c r="AK35217">
        <v>30</v>
      </c>
      <c r="AL35217">
        <v>30</v>
      </c>
      <c r="AM35217">
        <v>30</v>
      </c>
      <c r="AN35217">
        <v>30</v>
      </c>
      <c r="AO35217">
        <v>30</v>
      </c>
      <c r="AP35217">
        <v>30</v>
      </c>
      <c r="AQ35217">
        <v>30</v>
      </c>
    </row>
    <row r="35218" spans="1:43">
      <c r="A35218" t="s">
        <v>21831</v>
      </c>
      <c r="B35218" t="s">
        <v>21832</v>
      </c>
      <c r="C35218" t="s">
        <v>21829</v>
      </c>
      <c r="D35218" t="s">
        <v>21830</v>
      </c>
      <c r="E35218" t="s">
        <v>21751</v>
      </c>
      <c r="F35218" t="s">
        <v>21752</v>
      </c>
      <c r="G35218" t="s">
        <v>20255</v>
      </c>
      <c r="H35218" t="s">
        <v>20256</v>
      </c>
      <c r="I35218" s="2">
        <v>1</v>
      </c>
      <c r="J35218" s="2">
        <v>0</v>
      </c>
      <c r="K35218" s="2">
        <v>0</v>
      </c>
      <c r="L35218" t="s">
        <v>120</v>
      </c>
      <c r="M35218" t="s">
        <v>83</v>
      </c>
      <c r="N35218" t="s">
        <v>84</v>
      </c>
      <c r="O35218" t="s">
        <v>85</v>
      </c>
      <c r="P35218" t="s">
        <v>86</v>
      </c>
      <c r="Q35218">
        <v>26</v>
      </c>
      <c r="R35218">
        <v>26</v>
      </c>
      <c r="S35218">
        <v>27</v>
      </c>
      <c r="T35218">
        <v>27</v>
      </c>
      <c r="U35218">
        <v>27</v>
      </c>
      <c r="V35218">
        <v>28</v>
      </c>
      <c r="W35218">
        <v>28</v>
      </c>
      <c r="X35218">
        <v>29</v>
      </c>
      <c r="Y35218">
        <v>29</v>
      </c>
      <c r="Z35218">
        <v>30</v>
      </c>
      <c r="AA35218">
        <v>30</v>
      </c>
      <c r="AB35218">
        <v>30</v>
      </c>
      <c r="AC35218">
        <v>31</v>
      </c>
      <c r="AD35218">
        <v>31</v>
      </c>
      <c r="AE35218">
        <v>32</v>
      </c>
      <c r="AF35218">
        <v>32</v>
      </c>
      <c r="AG35218">
        <v>33</v>
      </c>
      <c r="AH35218">
        <v>33</v>
      </c>
      <c r="AI35218">
        <v>33</v>
      </c>
      <c r="AJ35218">
        <v>34</v>
      </c>
      <c r="AK35218">
        <v>34</v>
      </c>
      <c r="AL35218">
        <v>34</v>
      </c>
      <c r="AM35218">
        <v>34</v>
      </c>
      <c r="AN35218">
        <v>34</v>
      </c>
      <c r="AO35218">
        <v>35</v>
      </c>
      <c r="AP35218">
        <v>35</v>
      </c>
      <c r="AQ35218">
        <v>35</v>
      </c>
    </row>
    <row r="35219" spans="1:43">
      <c r="A35219" t="s">
        <v>21831</v>
      </c>
      <c r="B35219" t="s">
        <v>21832</v>
      </c>
      <c r="C35219" t="s">
        <v>21829</v>
      </c>
      <c r="D35219" t="s">
        <v>21830</v>
      </c>
      <c r="E35219" t="s">
        <v>21751</v>
      </c>
      <c r="F35219" t="s">
        <v>21752</v>
      </c>
      <c r="G35219" t="s">
        <v>20255</v>
      </c>
      <c r="H35219" t="s">
        <v>20256</v>
      </c>
      <c r="I35219" s="2">
        <v>1</v>
      </c>
      <c r="J35219" s="2">
        <v>0</v>
      </c>
      <c r="K35219" s="2">
        <v>0</v>
      </c>
      <c r="L35219" t="s">
        <v>120</v>
      </c>
      <c r="M35219" t="s">
        <v>87</v>
      </c>
      <c r="N35219" t="s">
        <v>88</v>
      </c>
      <c r="O35219" t="s">
        <v>85</v>
      </c>
      <c r="P35219" t="s">
        <v>86</v>
      </c>
      <c r="Q35219">
        <v>26</v>
      </c>
      <c r="R35219">
        <v>27</v>
      </c>
      <c r="S35219">
        <v>27</v>
      </c>
      <c r="T35219">
        <v>27</v>
      </c>
      <c r="U35219">
        <v>27</v>
      </c>
      <c r="V35219">
        <v>27</v>
      </c>
      <c r="W35219">
        <v>28</v>
      </c>
      <c r="X35219">
        <v>28</v>
      </c>
      <c r="Y35219">
        <v>28</v>
      </c>
      <c r="Z35219">
        <v>28</v>
      </c>
      <c r="AA35219">
        <v>28</v>
      </c>
      <c r="AB35219">
        <v>29</v>
      </c>
      <c r="AC35219">
        <v>29</v>
      </c>
      <c r="AD35219">
        <v>29</v>
      </c>
      <c r="AE35219">
        <v>29</v>
      </c>
      <c r="AF35219">
        <v>29</v>
      </c>
      <c r="AG35219">
        <v>29</v>
      </c>
      <c r="AH35219">
        <v>30</v>
      </c>
      <c r="AI35219">
        <v>30</v>
      </c>
      <c r="AJ35219">
        <v>30</v>
      </c>
      <c r="AK35219">
        <v>30</v>
      </c>
      <c r="AL35219">
        <v>30</v>
      </c>
      <c r="AM35219">
        <v>30</v>
      </c>
      <c r="AN35219">
        <v>31</v>
      </c>
      <c r="AO35219">
        <v>31</v>
      </c>
      <c r="AP35219">
        <v>31</v>
      </c>
      <c r="AQ35219">
        <v>31</v>
      </c>
    </row>
    <row r="35220" spans="1:43">
      <c r="A35220" t="s">
        <v>21831</v>
      </c>
      <c r="B35220" t="s">
        <v>21832</v>
      </c>
      <c r="C35220" t="s">
        <v>21829</v>
      </c>
      <c r="D35220" t="s">
        <v>21830</v>
      </c>
      <c r="E35220" t="s">
        <v>21751</v>
      </c>
      <c r="F35220" t="s">
        <v>21752</v>
      </c>
      <c r="G35220" t="s">
        <v>20255</v>
      </c>
      <c r="H35220" t="s">
        <v>20256</v>
      </c>
      <c r="I35220" s="2">
        <v>1</v>
      </c>
      <c r="J35220" s="2">
        <v>0</v>
      </c>
      <c r="K35220" s="2">
        <v>0</v>
      </c>
      <c r="L35220" t="s">
        <v>120</v>
      </c>
      <c r="M35220" t="s">
        <v>89</v>
      </c>
      <c r="N35220" t="s">
        <v>90</v>
      </c>
      <c r="O35220" t="s">
        <v>85</v>
      </c>
      <c r="P35220" t="s">
        <v>86</v>
      </c>
      <c r="Q35220">
        <v>26</v>
      </c>
      <c r="R35220">
        <v>27</v>
      </c>
      <c r="S35220">
        <v>27</v>
      </c>
      <c r="T35220">
        <v>28</v>
      </c>
      <c r="U35220">
        <v>29</v>
      </c>
      <c r="V35220">
        <v>29</v>
      </c>
      <c r="W35220">
        <v>30</v>
      </c>
      <c r="X35220">
        <v>30</v>
      </c>
      <c r="Y35220">
        <v>31</v>
      </c>
      <c r="Z35220">
        <v>31</v>
      </c>
      <c r="AA35220">
        <v>32</v>
      </c>
      <c r="AB35220">
        <v>33</v>
      </c>
      <c r="AC35220">
        <v>33</v>
      </c>
      <c r="AD35220">
        <v>34</v>
      </c>
      <c r="AE35220">
        <v>34</v>
      </c>
      <c r="AF35220">
        <v>34</v>
      </c>
      <c r="AG35220">
        <v>34</v>
      </c>
      <c r="AH35220">
        <v>34</v>
      </c>
      <c r="AI35220">
        <v>34</v>
      </c>
      <c r="AJ35220">
        <v>35</v>
      </c>
      <c r="AK35220">
        <v>35</v>
      </c>
      <c r="AL35220">
        <v>35</v>
      </c>
      <c r="AM35220">
        <v>35</v>
      </c>
      <c r="AN35220">
        <v>35</v>
      </c>
      <c r="AO35220">
        <v>35</v>
      </c>
      <c r="AP35220">
        <v>35</v>
      </c>
      <c r="AQ35220">
        <v>35</v>
      </c>
    </row>
    <row r="35221" spans="1:43">
      <c r="A35221" t="s">
        <v>21831</v>
      </c>
      <c r="B35221" t="s">
        <v>21832</v>
      </c>
      <c r="C35221" t="s">
        <v>21829</v>
      </c>
      <c r="D35221" t="s">
        <v>21830</v>
      </c>
      <c r="E35221" t="s">
        <v>21751</v>
      </c>
      <c r="F35221" t="s">
        <v>21752</v>
      </c>
      <c r="G35221" t="s">
        <v>20255</v>
      </c>
      <c r="H35221" t="s">
        <v>20256</v>
      </c>
      <c r="I35221" s="2">
        <v>1</v>
      </c>
      <c r="J35221" s="2">
        <v>0</v>
      </c>
      <c r="K35221" s="2">
        <v>0</v>
      </c>
      <c r="L35221" t="s">
        <v>120</v>
      </c>
      <c r="M35221" t="s">
        <v>83</v>
      </c>
      <c r="N35221" t="s">
        <v>91</v>
      </c>
      <c r="O35221" t="s">
        <v>85</v>
      </c>
      <c r="P35221" t="s">
        <v>86</v>
      </c>
      <c r="Q35221">
        <v>26</v>
      </c>
      <c r="R35221">
        <v>26</v>
      </c>
      <c r="S35221">
        <v>27</v>
      </c>
      <c r="T35221">
        <v>27</v>
      </c>
      <c r="U35221">
        <v>27</v>
      </c>
      <c r="V35221">
        <v>28</v>
      </c>
      <c r="W35221">
        <v>28</v>
      </c>
      <c r="X35221">
        <v>29</v>
      </c>
      <c r="Y35221">
        <v>29</v>
      </c>
      <c r="Z35221">
        <v>30</v>
      </c>
      <c r="AA35221">
        <v>30</v>
      </c>
      <c r="AB35221">
        <v>30</v>
      </c>
      <c r="AC35221">
        <v>31</v>
      </c>
      <c r="AD35221">
        <v>31</v>
      </c>
      <c r="AE35221">
        <v>32</v>
      </c>
      <c r="AF35221">
        <v>32</v>
      </c>
      <c r="AG35221">
        <v>33</v>
      </c>
      <c r="AH35221">
        <v>33</v>
      </c>
      <c r="AI35221">
        <v>33</v>
      </c>
      <c r="AJ35221">
        <v>34</v>
      </c>
      <c r="AK35221">
        <v>34</v>
      </c>
      <c r="AL35221">
        <v>34</v>
      </c>
      <c r="AM35221">
        <v>34</v>
      </c>
      <c r="AN35221">
        <v>34</v>
      </c>
      <c r="AO35221">
        <v>35</v>
      </c>
      <c r="AP35221">
        <v>35</v>
      </c>
      <c r="AQ35221">
        <v>35</v>
      </c>
    </row>
    <row r="35222" spans="1:43">
      <c r="A35222" t="s">
        <v>21833</v>
      </c>
      <c r="B35222" t="s">
        <v>21834</v>
      </c>
      <c r="C35222" t="s">
        <v>21829</v>
      </c>
      <c r="D35222" t="s">
        <v>21830</v>
      </c>
      <c r="E35222" t="s">
        <v>21751</v>
      </c>
      <c r="F35222" t="s">
        <v>21752</v>
      </c>
      <c r="G35222" t="s">
        <v>20255</v>
      </c>
      <c r="H35222" t="s">
        <v>20256</v>
      </c>
      <c r="I35222" s="2">
        <v>1</v>
      </c>
      <c r="J35222" s="2">
        <v>0</v>
      </c>
      <c r="K35222" s="2">
        <v>0</v>
      </c>
      <c r="L35222" t="s">
        <v>120</v>
      </c>
      <c r="M35222" t="s">
        <v>83</v>
      </c>
      <c r="N35222" t="s">
        <v>84</v>
      </c>
      <c r="O35222" t="s">
        <v>85</v>
      </c>
      <c r="P35222" t="s">
        <v>86</v>
      </c>
      <c r="Q35222">
        <v>27</v>
      </c>
      <c r="R35222">
        <v>27</v>
      </c>
      <c r="S35222">
        <v>28</v>
      </c>
      <c r="T35222">
        <v>28</v>
      </c>
      <c r="U35222">
        <v>29</v>
      </c>
      <c r="V35222">
        <v>29</v>
      </c>
      <c r="W35222">
        <v>29</v>
      </c>
      <c r="X35222">
        <v>30</v>
      </c>
      <c r="Y35222">
        <v>30</v>
      </c>
      <c r="Z35222">
        <v>31</v>
      </c>
      <c r="AA35222">
        <v>31</v>
      </c>
      <c r="AB35222">
        <v>32</v>
      </c>
      <c r="AC35222">
        <v>32</v>
      </c>
      <c r="AD35222">
        <v>33</v>
      </c>
      <c r="AE35222">
        <v>33</v>
      </c>
      <c r="AF35222">
        <v>33</v>
      </c>
      <c r="AG35222">
        <v>34</v>
      </c>
      <c r="AH35222">
        <v>34</v>
      </c>
      <c r="AI35222">
        <v>35</v>
      </c>
      <c r="AJ35222">
        <v>35</v>
      </c>
      <c r="AK35222">
        <v>36</v>
      </c>
      <c r="AL35222">
        <v>36</v>
      </c>
      <c r="AM35222">
        <v>36</v>
      </c>
      <c r="AN35222">
        <v>36</v>
      </c>
      <c r="AO35222">
        <v>36</v>
      </c>
      <c r="AP35222">
        <v>36</v>
      </c>
      <c r="AQ35222">
        <v>36</v>
      </c>
    </row>
    <row r="35223" spans="1:43">
      <c r="A35223" t="s">
        <v>21833</v>
      </c>
      <c r="B35223" t="s">
        <v>21834</v>
      </c>
      <c r="C35223" t="s">
        <v>21829</v>
      </c>
      <c r="D35223" t="s">
        <v>21830</v>
      </c>
      <c r="E35223" t="s">
        <v>21751</v>
      </c>
      <c r="F35223" t="s">
        <v>21752</v>
      </c>
      <c r="G35223" t="s">
        <v>20255</v>
      </c>
      <c r="H35223" t="s">
        <v>20256</v>
      </c>
      <c r="I35223" s="2">
        <v>1</v>
      </c>
      <c r="J35223" s="2">
        <v>0</v>
      </c>
      <c r="K35223" s="2">
        <v>0</v>
      </c>
      <c r="L35223" t="s">
        <v>120</v>
      </c>
      <c r="M35223" t="s">
        <v>87</v>
      </c>
      <c r="N35223" t="s">
        <v>88</v>
      </c>
      <c r="O35223" t="s">
        <v>85</v>
      </c>
      <c r="P35223" t="s">
        <v>86</v>
      </c>
      <c r="Q35223">
        <v>27</v>
      </c>
      <c r="R35223">
        <v>28</v>
      </c>
      <c r="S35223">
        <v>28</v>
      </c>
      <c r="T35223">
        <v>28</v>
      </c>
      <c r="U35223">
        <v>28</v>
      </c>
      <c r="V35223">
        <v>28</v>
      </c>
      <c r="W35223">
        <v>29</v>
      </c>
      <c r="X35223">
        <v>29</v>
      </c>
      <c r="Y35223">
        <v>29</v>
      </c>
      <c r="Z35223">
        <v>29</v>
      </c>
      <c r="AA35223">
        <v>30</v>
      </c>
      <c r="AB35223">
        <v>30</v>
      </c>
      <c r="AC35223">
        <v>30</v>
      </c>
      <c r="AD35223">
        <v>30</v>
      </c>
      <c r="AE35223">
        <v>30</v>
      </c>
      <c r="AF35223">
        <v>30</v>
      </c>
      <c r="AG35223">
        <v>31</v>
      </c>
      <c r="AH35223">
        <v>31</v>
      </c>
      <c r="AI35223">
        <v>31</v>
      </c>
      <c r="AJ35223">
        <v>31</v>
      </c>
      <c r="AK35223">
        <v>31</v>
      </c>
      <c r="AL35223">
        <v>32</v>
      </c>
      <c r="AM35223">
        <v>32</v>
      </c>
      <c r="AN35223">
        <v>32</v>
      </c>
      <c r="AO35223">
        <v>32</v>
      </c>
      <c r="AP35223">
        <v>32</v>
      </c>
      <c r="AQ35223">
        <v>32</v>
      </c>
    </row>
    <row r="35224" spans="1:43">
      <c r="A35224" t="s">
        <v>21833</v>
      </c>
      <c r="B35224" t="s">
        <v>21834</v>
      </c>
      <c r="C35224" t="s">
        <v>21829</v>
      </c>
      <c r="D35224" t="s">
        <v>21830</v>
      </c>
      <c r="E35224" t="s">
        <v>21751</v>
      </c>
      <c r="F35224" t="s">
        <v>21752</v>
      </c>
      <c r="G35224" t="s">
        <v>20255</v>
      </c>
      <c r="H35224" t="s">
        <v>20256</v>
      </c>
      <c r="I35224" s="2">
        <v>1</v>
      </c>
      <c r="J35224" s="2">
        <v>0</v>
      </c>
      <c r="K35224" s="2">
        <v>0</v>
      </c>
      <c r="L35224" t="s">
        <v>120</v>
      </c>
      <c r="M35224" t="s">
        <v>89</v>
      </c>
      <c r="N35224" t="s">
        <v>90</v>
      </c>
      <c r="O35224" t="s">
        <v>85</v>
      </c>
      <c r="P35224" t="s">
        <v>86</v>
      </c>
      <c r="Q35224">
        <v>27</v>
      </c>
      <c r="R35224">
        <v>28</v>
      </c>
      <c r="S35224">
        <v>28</v>
      </c>
      <c r="T35224">
        <v>29</v>
      </c>
      <c r="U35224">
        <v>30</v>
      </c>
      <c r="V35224">
        <v>30</v>
      </c>
      <c r="W35224">
        <v>31</v>
      </c>
      <c r="X35224">
        <v>32</v>
      </c>
      <c r="Y35224">
        <v>32</v>
      </c>
      <c r="Z35224">
        <v>33</v>
      </c>
      <c r="AA35224">
        <v>33</v>
      </c>
      <c r="AB35224">
        <v>34</v>
      </c>
      <c r="AC35224">
        <v>34</v>
      </c>
      <c r="AD35224">
        <v>35</v>
      </c>
      <c r="AE35224">
        <v>35</v>
      </c>
      <c r="AF35224">
        <v>36</v>
      </c>
      <c r="AG35224">
        <v>36</v>
      </c>
      <c r="AH35224">
        <v>36</v>
      </c>
      <c r="AI35224">
        <v>36</v>
      </c>
      <c r="AJ35224">
        <v>36</v>
      </c>
      <c r="AK35224">
        <v>36</v>
      </c>
      <c r="AL35224">
        <v>36</v>
      </c>
      <c r="AM35224">
        <v>36</v>
      </c>
      <c r="AN35224">
        <v>36</v>
      </c>
      <c r="AO35224">
        <v>36</v>
      </c>
      <c r="AP35224">
        <v>37</v>
      </c>
      <c r="AQ35224">
        <v>37</v>
      </c>
    </row>
    <row r="35225" spans="1:43">
      <c r="A35225" t="s">
        <v>21833</v>
      </c>
      <c r="B35225" t="s">
        <v>21834</v>
      </c>
      <c r="C35225" t="s">
        <v>21829</v>
      </c>
      <c r="D35225" t="s">
        <v>21830</v>
      </c>
      <c r="E35225" t="s">
        <v>21751</v>
      </c>
      <c r="F35225" t="s">
        <v>21752</v>
      </c>
      <c r="G35225" t="s">
        <v>20255</v>
      </c>
      <c r="H35225" t="s">
        <v>20256</v>
      </c>
      <c r="I35225" s="2">
        <v>1</v>
      </c>
      <c r="J35225" s="2">
        <v>0</v>
      </c>
      <c r="K35225" s="2">
        <v>0</v>
      </c>
      <c r="L35225" t="s">
        <v>120</v>
      </c>
      <c r="M35225" t="s">
        <v>83</v>
      </c>
      <c r="N35225" t="s">
        <v>91</v>
      </c>
      <c r="O35225" t="s">
        <v>85</v>
      </c>
      <c r="P35225" t="s">
        <v>86</v>
      </c>
      <c r="Q35225">
        <v>27</v>
      </c>
      <c r="R35225">
        <v>27</v>
      </c>
      <c r="S35225">
        <v>28</v>
      </c>
      <c r="T35225">
        <v>28</v>
      </c>
      <c r="U35225">
        <v>29</v>
      </c>
      <c r="V35225">
        <v>29</v>
      </c>
      <c r="W35225">
        <v>29</v>
      </c>
      <c r="X35225">
        <v>30</v>
      </c>
      <c r="Y35225">
        <v>30</v>
      </c>
      <c r="Z35225">
        <v>31</v>
      </c>
      <c r="AA35225">
        <v>31</v>
      </c>
      <c r="AB35225">
        <v>32</v>
      </c>
      <c r="AC35225">
        <v>32</v>
      </c>
      <c r="AD35225">
        <v>33</v>
      </c>
      <c r="AE35225">
        <v>33</v>
      </c>
      <c r="AF35225">
        <v>33</v>
      </c>
      <c r="AG35225">
        <v>34</v>
      </c>
      <c r="AH35225">
        <v>34</v>
      </c>
      <c r="AI35225">
        <v>35</v>
      </c>
      <c r="AJ35225">
        <v>35</v>
      </c>
      <c r="AK35225">
        <v>36</v>
      </c>
      <c r="AL35225">
        <v>36</v>
      </c>
      <c r="AM35225">
        <v>36</v>
      </c>
      <c r="AN35225">
        <v>36</v>
      </c>
      <c r="AO35225">
        <v>36</v>
      </c>
      <c r="AP35225">
        <v>36</v>
      </c>
      <c r="AQ35225">
        <v>36</v>
      </c>
    </row>
    <row r="35226" spans="1:43">
      <c r="A35226" t="s">
        <v>21835</v>
      </c>
      <c r="B35226" t="s">
        <v>21836</v>
      </c>
      <c r="C35226" t="s">
        <v>21837</v>
      </c>
      <c r="D35226" t="s">
        <v>21838</v>
      </c>
      <c r="E35226" t="s">
        <v>21751</v>
      </c>
      <c r="F35226" t="s">
        <v>21752</v>
      </c>
      <c r="G35226" t="s">
        <v>20255</v>
      </c>
      <c r="H35226" t="s">
        <v>20256</v>
      </c>
      <c r="I35226" s="2">
        <v>1</v>
      </c>
      <c r="J35226" s="2">
        <v>0</v>
      </c>
      <c r="K35226" s="2">
        <v>0</v>
      </c>
      <c r="L35226" t="s">
        <v>120</v>
      </c>
      <c r="M35226" t="s">
        <v>83</v>
      </c>
      <c r="N35226" t="s">
        <v>84</v>
      </c>
      <c r="O35226" t="s">
        <v>85</v>
      </c>
      <c r="P35226" t="s">
        <v>86</v>
      </c>
      <c r="Q35226">
        <v>5</v>
      </c>
      <c r="R35226">
        <v>6</v>
      </c>
      <c r="S35226">
        <v>6</v>
      </c>
      <c r="T35226">
        <v>6</v>
      </c>
      <c r="U35226">
        <v>6</v>
      </c>
      <c r="V35226">
        <v>6</v>
      </c>
      <c r="W35226">
        <v>6</v>
      </c>
      <c r="X35226">
        <v>6</v>
      </c>
      <c r="Y35226">
        <v>6</v>
      </c>
      <c r="Z35226">
        <v>6</v>
      </c>
      <c r="AA35226">
        <v>6</v>
      </c>
      <c r="AB35226">
        <v>6</v>
      </c>
      <c r="AC35226">
        <v>6</v>
      </c>
      <c r="AD35226">
        <v>7</v>
      </c>
      <c r="AE35226">
        <v>7</v>
      </c>
      <c r="AF35226">
        <v>7</v>
      </c>
      <c r="AG35226">
        <v>7</v>
      </c>
      <c r="AH35226">
        <v>7</v>
      </c>
      <c r="AI35226">
        <v>7</v>
      </c>
      <c r="AJ35226">
        <v>7</v>
      </c>
      <c r="AK35226">
        <v>7</v>
      </c>
      <c r="AL35226">
        <v>7</v>
      </c>
      <c r="AM35226">
        <v>7</v>
      </c>
      <c r="AN35226">
        <v>7</v>
      </c>
      <c r="AO35226">
        <v>7</v>
      </c>
      <c r="AP35226">
        <v>7</v>
      </c>
      <c r="AQ35226">
        <v>7</v>
      </c>
    </row>
    <row r="35227" spans="1:43">
      <c r="A35227" t="s">
        <v>21835</v>
      </c>
      <c r="B35227" t="s">
        <v>21836</v>
      </c>
      <c r="C35227" t="s">
        <v>21837</v>
      </c>
      <c r="D35227" t="s">
        <v>21838</v>
      </c>
      <c r="E35227" t="s">
        <v>21751</v>
      </c>
      <c r="F35227" t="s">
        <v>21752</v>
      </c>
      <c r="G35227" t="s">
        <v>20255</v>
      </c>
      <c r="H35227" t="s">
        <v>20256</v>
      </c>
      <c r="I35227" s="2">
        <v>1</v>
      </c>
      <c r="J35227" s="2">
        <v>0</v>
      </c>
      <c r="K35227" s="2">
        <v>0</v>
      </c>
      <c r="L35227" t="s">
        <v>120</v>
      </c>
      <c r="M35227" t="s">
        <v>87</v>
      </c>
      <c r="N35227" t="s">
        <v>88</v>
      </c>
      <c r="O35227" t="s">
        <v>85</v>
      </c>
      <c r="P35227" t="s">
        <v>86</v>
      </c>
      <c r="Q35227">
        <v>5</v>
      </c>
      <c r="R35227">
        <v>5</v>
      </c>
      <c r="S35227">
        <v>5</v>
      </c>
      <c r="T35227">
        <v>6</v>
      </c>
      <c r="U35227">
        <v>6</v>
      </c>
      <c r="V35227">
        <v>6</v>
      </c>
      <c r="W35227">
        <v>6</v>
      </c>
      <c r="X35227">
        <v>6</v>
      </c>
      <c r="Y35227">
        <v>6</v>
      </c>
      <c r="Z35227">
        <v>6</v>
      </c>
      <c r="AA35227">
        <v>6</v>
      </c>
      <c r="AB35227">
        <v>6</v>
      </c>
      <c r="AC35227">
        <v>6</v>
      </c>
      <c r="AD35227">
        <v>6</v>
      </c>
      <c r="AE35227">
        <v>6</v>
      </c>
      <c r="AF35227">
        <v>6</v>
      </c>
      <c r="AG35227">
        <v>6</v>
      </c>
      <c r="AH35227">
        <v>6</v>
      </c>
      <c r="AI35227">
        <v>6</v>
      </c>
      <c r="AJ35227">
        <v>6</v>
      </c>
      <c r="AK35227">
        <v>6</v>
      </c>
      <c r="AL35227">
        <v>6</v>
      </c>
      <c r="AM35227">
        <v>6</v>
      </c>
      <c r="AN35227">
        <v>6</v>
      </c>
      <c r="AO35227">
        <v>6</v>
      </c>
      <c r="AP35227">
        <v>6</v>
      </c>
      <c r="AQ35227">
        <v>6</v>
      </c>
    </row>
    <row r="35228" spans="1:43">
      <c r="A35228" t="s">
        <v>21835</v>
      </c>
      <c r="B35228" t="s">
        <v>21836</v>
      </c>
      <c r="C35228" t="s">
        <v>21837</v>
      </c>
      <c r="D35228" t="s">
        <v>21838</v>
      </c>
      <c r="E35228" t="s">
        <v>21751</v>
      </c>
      <c r="F35228" t="s">
        <v>21752</v>
      </c>
      <c r="G35228" t="s">
        <v>20255</v>
      </c>
      <c r="H35228" t="s">
        <v>20256</v>
      </c>
      <c r="I35228" s="2">
        <v>1</v>
      </c>
      <c r="J35228" s="2">
        <v>0</v>
      </c>
      <c r="K35228" s="2">
        <v>0</v>
      </c>
      <c r="L35228" t="s">
        <v>120</v>
      </c>
      <c r="M35228" t="s">
        <v>89</v>
      </c>
      <c r="N35228" t="s">
        <v>90</v>
      </c>
      <c r="O35228" t="s">
        <v>85</v>
      </c>
      <c r="P35228" t="s">
        <v>86</v>
      </c>
      <c r="Q35228">
        <v>5</v>
      </c>
      <c r="R35228">
        <v>5</v>
      </c>
      <c r="S35228">
        <v>5</v>
      </c>
      <c r="T35228">
        <v>5</v>
      </c>
      <c r="U35228">
        <v>5</v>
      </c>
      <c r="V35228">
        <v>5</v>
      </c>
      <c r="W35228">
        <v>5</v>
      </c>
      <c r="X35228">
        <v>5</v>
      </c>
      <c r="Y35228">
        <v>5</v>
      </c>
      <c r="Z35228">
        <v>6</v>
      </c>
      <c r="AA35228">
        <v>6</v>
      </c>
      <c r="AB35228">
        <v>6</v>
      </c>
      <c r="AC35228">
        <v>6</v>
      </c>
      <c r="AD35228">
        <v>6</v>
      </c>
      <c r="AE35228">
        <v>6</v>
      </c>
      <c r="AF35228">
        <v>6</v>
      </c>
      <c r="AG35228">
        <v>6</v>
      </c>
      <c r="AH35228">
        <v>6</v>
      </c>
      <c r="AI35228">
        <v>6</v>
      </c>
      <c r="AJ35228">
        <v>6</v>
      </c>
      <c r="AK35228">
        <v>6</v>
      </c>
      <c r="AL35228">
        <v>6</v>
      </c>
      <c r="AM35228">
        <v>6</v>
      </c>
      <c r="AN35228">
        <v>6</v>
      </c>
      <c r="AO35228">
        <v>6</v>
      </c>
      <c r="AP35228">
        <v>6</v>
      </c>
      <c r="AQ35228">
        <v>6</v>
      </c>
    </row>
    <row r="35229" spans="1:43">
      <c r="A35229" t="s">
        <v>21835</v>
      </c>
      <c r="B35229" t="s">
        <v>21836</v>
      </c>
      <c r="C35229" t="s">
        <v>21837</v>
      </c>
      <c r="D35229" t="s">
        <v>21838</v>
      </c>
      <c r="E35229" t="s">
        <v>21751</v>
      </c>
      <c r="F35229" t="s">
        <v>21752</v>
      </c>
      <c r="G35229" t="s">
        <v>20255</v>
      </c>
      <c r="H35229" t="s">
        <v>20256</v>
      </c>
      <c r="I35229" s="2">
        <v>1</v>
      </c>
      <c r="J35229" s="2">
        <v>0</v>
      </c>
      <c r="K35229" s="2">
        <v>0</v>
      </c>
      <c r="L35229" t="s">
        <v>120</v>
      </c>
      <c r="M35229" t="s">
        <v>83</v>
      </c>
      <c r="N35229" t="s">
        <v>91</v>
      </c>
      <c r="O35229" t="s">
        <v>85</v>
      </c>
      <c r="P35229" t="s">
        <v>86</v>
      </c>
      <c r="Q35229">
        <v>5</v>
      </c>
      <c r="R35229">
        <v>6</v>
      </c>
      <c r="S35229">
        <v>6</v>
      </c>
      <c r="T35229">
        <v>6</v>
      </c>
      <c r="U35229">
        <v>6</v>
      </c>
      <c r="V35229">
        <v>6</v>
      </c>
      <c r="W35229">
        <v>6</v>
      </c>
      <c r="X35229">
        <v>6</v>
      </c>
      <c r="Y35229">
        <v>6</v>
      </c>
      <c r="Z35229">
        <v>6</v>
      </c>
      <c r="AA35229">
        <v>6</v>
      </c>
      <c r="AB35229">
        <v>6</v>
      </c>
      <c r="AC35229">
        <v>6</v>
      </c>
      <c r="AD35229">
        <v>7</v>
      </c>
      <c r="AE35229">
        <v>7</v>
      </c>
      <c r="AF35229">
        <v>7</v>
      </c>
      <c r="AG35229">
        <v>7</v>
      </c>
      <c r="AH35229">
        <v>7</v>
      </c>
      <c r="AI35229">
        <v>7</v>
      </c>
      <c r="AJ35229">
        <v>7</v>
      </c>
      <c r="AK35229">
        <v>7</v>
      </c>
      <c r="AL35229">
        <v>7</v>
      </c>
      <c r="AM35229">
        <v>7</v>
      </c>
      <c r="AN35229">
        <v>7</v>
      </c>
      <c r="AO35229">
        <v>7</v>
      </c>
      <c r="AP35229">
        <v>7</v>
      </c>
      <c r="AQ35229">
        <v>7</v>
      </c>
    </row>
    <row r="35230" spans="1:43">
      <c r="A35230" t="s">
        <v>21839</v>
      </c>
      <c r="B35230" t="s">
        <v>21840</v>
      </c>
      <c r="C35230" t="s">
        <v>21837</v>
      </c>
      <c r="D35230" t="s">
        <v>21838</v>
      </c>
      <c r="E35230" t="s">
        <v>21751</v>
      </c>
      <c r="F35230" t="s">
        <v>21752</v>
      </c>
      <c r="G35230" t="s">
        <v>20255</v>
      </c>
      <c r="H35230" t="s">
        <v>20256</v>
      </c>
      <c r="I35230" s="2">
        <v>1</v>
      </c>
      <c r="J35230" s="2">
        <v>0</v>
      </c>
      <c r="K35230" s="2">
        <v>0</v>
      </c>
      <c r="L35230" t="s">
        <v>120</v>
      </c>
      <c r="M35230" t="s">
        <v>83</v>
      </c>
      <c r="N35230" t="s">
        <v>84</v>
      </c>
      <c r="O35230" t="s">
        <v>85</v>
      </c>
      <c r="P35230" t="s">
        <v>86</v>
      </c>
      <c r="Q35230">
        <v>14</v>
      </c>
      <c r="R35230">
        <v>14</v>
      </c>
      <c r="S35230">
        <v>15</v>
      </c>
      <c r="T35230">
        <v>15</v>
      </c>
      <c r="U35230">
        <v>15</v>
      </c>
      <c r="V35230">
        <v>15</v>
      </c>
      <c r="W35230">
        <v>16</v>
      </c>
      <c r="X35230">
        <v>16</v>
      </c>
      <c r="Y35230">
        <v>16</v>
      </c>
      <c r="Z35230">
        <v>16</v>
      </c>
      <c r="AA35230">
        <v>16</v>
      </c>
      <c r="AB35230">
        <v>17</v>
      </c>
      <c r="AC35230">
        <v>17</v>
      </c>
      <c r="AD35230">
        <v>17</v>
      </c>
      <c r="AE35230">
        <v>17</v>
      </c>
      <c r="AF35230">
        <v>17</v>
      </c>
      <c r="AG35230">
        <v>18</v>
      </c>
      <c r="AH35230">
        <v>18</v>
      </c>
      <c r="AI35230">
        <v>18</v>
      </c>
      <c r="AJ35230">
        <v>18</v>
      </c>
      <c r="AK35230">
        <v>18</v>
      </c>
      <c r="AL35230">
        <v>18</v>
      </c>
      <c r="AM35230">
        <v>18</v>
      </c>
      <c r="AN35230">
        <v>18</v>
      </c>
      <c r="AO35230">
        <v>19</v>
      </c>
      <c r="AP35230">
        <v>19</v>
      </c>
      <c r="AQ35230">
        <v>19</v>
      </c>
    </row>
    <row r="35231" spans="1:43">
      <c r="A35231" t="s">
        <v>21839</v>
      </c>
      <c r="B35231" t="s">
        <v>21840</v>
      </c>
      <c r="C35231" t="s">
        <v>21837</v>
      </c>
      <c r="D35231" t="s">
        <v>21838</v>
      </c>
      <c r="E35231" t="s">
        <v>21751</v>
      </c>
      <c r="F35231" t="s">
        <v>21752</v>
      </c>
      <c r="G35231" t="s">
        <v>20255</v>
      </c>
      <c r="H35231" t="s">
        <v>20256</v>
      </c>
      <c r="I35231" s="2">
        <v>1</v>
      </c>
      <c r="J35231" s="2">
        <v>0</v>
      </c>
      <c r="K35231" s="2">
        <v>0</v>
      </c>
      <c r="L35231" t="s">
        <v>120</v>
      </c>
      <c r="M35231" t="s">
        <v>87</v>
      </c>
      <c r="N35231" t="s">
        <v>88</v>
      </c>
      <c r="O35231" t="s">
        <v>85</v>
      </c>
      <c r="P35231" t="s">
        <v>86</v>
      </c>
      <c r="Q35231">
        <v>14</v>
      </c>
      <c r="R35231">
        <v>14</v>
      </c>
      <c r="S35231">
        <v>14</v>
      </c>
      <c r="T35231">
        <v>14</v>
      </c>
      <c r="U35231">
        <v>14</v>
      </c>
      <c r="V35231">
        <v>15</v>
      </c>
      <c r="W35231">
        <v>15</v>
      </c>
      <c r="X35231">
        <v>15</v>
      </c>
      <c r="Y35231">
        <v>15</v>
      </c>
      <c r="Z35231">
        <v>15</v>
      </c>
      <c r="AA35231">
        <v>15</v>
      </c>
      <c r="AB35231">
        <v>15</v>
      </c>
      <c r="AC35231">
        <v>15</v>
      </c>
      <c r="AD35231">
        <v>15</v>
      </c>
      <c r="AE35231">
        <v>15</v>
      </c>
      <c r="AF35231">
        <v>15</v>
      </c>
      <c r="AG35231">
        <v>16</v>
      </c>
      <c r="AH35231">
        <v>16</v>
      </c>
      <c r="AI35231">
        <v>16</v>
      </c>
      <c r="AJ35231">
        <v>16</v>
      </c>
      <c r="AK35231">
        <v>16</v>
      </c>
      <c r="AL35231">
        <v>16</v>
      </c>
      <c r="AM35231">
        <v>16</v>
      </c>
      <c r="AN35231">
        <v>16</v>
      </c>
      <c r="AO35231">
        <v>16</v>
      </c>
      <c r="AP35231">
        <v>16</v>
      </c>
      <c r="AQ35231">
        <v>16</v>
      </c>
    </row>
    <row r="35232" spans="1:43">
      <c r="A35232" t="s">
        <v>21839</v>
      </c>
      <c r="B35232" t="s">
        <v>21840</v>
      </c>
      <c r="C35232" t="s">
        <v>21837</v>
      </c>
      <c r="D35232" t="s">
        <v>21838</v>
      </c>
      <c r="E35232" t="s">
        <v>21751</v>
      </c>
      <c r="F35232" t="s">
        <v>21752</v>
      </c>
      <c r="G35232" t="s">
        <v>20255</v>
      </c>
      <c r="H35232" t="s">
        <v>20256</v>
      </c>
      <c r="I35232" s="2">
        <v>1</v>
      </c>
      <c r="J35232" s="2">
        <v>0</v>
      </c>
      <c r="K35232" s="2">
        <v>0</v>
      </c>
      <c r="L35232" t="s">
        <v>120</v>
      </c>
      <c r="M35232" t="s">
        <v>89</v>
      </c>
      <c r="N35232" t="s">
        <v>90</v>
      </c>
      <c r="O35232" t="s">
        <v>85</v>
      </c>
      <c r="P35232" t="s">
        <v>86</v>
      </c>
      <c r="Q35232">
        <v>14</v>
      </c>
      <c r="R35232">
        <v>15</v>
      </c>
      <c r="S35232">
        <v>15</v>
      </c>
      <c r="T35232">
        <v>15</v>
      </c>
      <c r="U35232">
        <v>16</v>
      </c>
      <c r="V35232">
        <v>16</v>
      </c>
      <c r="W35232">
        <v>16</v>
      </c>
      <c r="X35232">
        <v>17</v>
      </c>
      <c r="Y35232">
        <v>17</v>
      </c>
      <c r="Z35232">
        <v>17</v>
      </c>
      <c r="AA35232">
        <v>17</v>
      </c>
      <c r="AB35232">
        <v>18</v>
      </c>
      <c r="AC35232">
        <v>18</v>
      </c>
      <c r="AD35232">
        <v>18</v>
      </c>
      <c r="AE35232">
        <v>18</v>
      </c>
      <c r="AF35232">
        <v>18</v>
      </c>
      <c r="AG35232">
        <v>18</v>
      </c>
      <c r="AH35232">
        <v>18</v>
      </c>
      <c r="AI35232">
        <v>18</v>
      </c>
      <c r="AJ35232">
        <v>19</v>
      </c>
      <c r="AK35232">
        <v>19</v>
      </c>
      <c r="AL35232">
        <v>19</v>
      </c>
      <c r="AM35232">
        <v>19</v>
      </c>
      <c r="AN35232">
        <v>19</v>
      </c>
      <c r="AO35232">
        <v>19</v>
      </c>
      <c r="AP35232">
        <v>19</v>
      </c>
      <c r="AQ35232">
        <v>19</v>
      </c>
    </row>
    <row r="35233" spans="1:43">
      <c r="A35233" t="s">
        <v>21839</v>
      </c>
      <c r="B35233" t="s">
        <v>21840</v>
      </c>
      <c r="C35233" t="s">
        <v>21837</v>
      </c>
      <c r="D35233" t="s">
        <v>21838</v>
      </c>
      <c r="E35233" t="s">
        <v>21751</v>
      </c>
      <c r="F35233" t="s">
        <v>21752</v>
      </c>
      <c r="G35233" t="s">
        <v>20255</v>
      </c>
      <c r="H35233" t="s">
        <v>20256</v>
      </c>
      <c r="I35233" s="2">
        <v>1</v>
      </c>
      <c r="J35233" s="2">
        <v>0</v>
      </c>
      <c r="K35233" s="2">
        <v>0</v>
      </c>
      <c r="L35233" t="s">
        <v>120</v>
      </c>
      <c r="M35233" t="s">
        <v>83</v>
      </c>
      <c r="N35233" t="s">
        <v>91</v>
      </c>
      <c r="O35233" t="s">
        <v>85</v>
      </c>
      <c r="P35233" t="s">
        <v>86</v>
      </c>
      <c r="Q35233">
        <v>14</v>
      </c>
      <c r="R35233">
        <v>14</v>
      </c>
      <c r="S35233">
        <v>15</v>
      </c>
      <c r="T35233">
        <v>15</v>
      </c>
      <c r="U35233">
        <v>15</v>
      </c>
      <c r="V35233">
        <v>15</v>
      </c>
      <c r="W35233">
        <v>16</v>
      </c>
      <c r="X35233">
        <v>16</v>
      </c>
      <c r="Y35233">
        <v>16</v>
      </c>
      <c r="Z35233">
        <v>16</v>
      </c>
      <c r="AA35233">
        <v>16</v>
      </c>
      <c r="AB35233">
        <v>17</v>
      </c>
      <c r="AC35233">
        <v>17</v>
      </c>
      <c r="AD35233">
        <v>17</v>
      </c>
      <c r="AE35233">
        <v>17</v>
      </c>
      <c r="AF35233">
        <v>17</v>
      </c>
      <c r="AG35233">
        <v>18</v>
      </c>
      <c r="AH35233">
        <v>18</v>
      </c>
      <c r="AI35233">
        <v>18</v>
      </c>
      <c r="AJ35233">
        <v>18</v>
      </c>
      <c r="AK35233">
        <v>18</v>
      </c>
      <c r="AL35233">
        <v>18</v>
      </c>
      <c r="AM35233">
        <v>18</v>
      </c>
      <c r="AN35233">
        <v>18</v>
      </c>
      <c r="AO35233">
        <v>19</v>
      </c>
      <c r="AP35233">
        <v>19</v>
      </c>
      <c r="AQ35233">
        <v>19</v>
      </c>
    </row>
    <row r="35234" spans="1:43">
      <c r="A35234" t="s">
        <v>21841</v>
      </c>
      <c r="B35234" t="s">
        <v>21842</v>
      </c>
      <c r="C35234" t="s">
        <v>21837</v>
      </c>
      <c r="D35234" t="s">
        <v>21838</v>
      </c>
      <c r="E35234" t="s">
        <v>21751</v>
      </c>
      <c r="F35234" t="s">
        <v>21752</v>
      </c>
      <c r="G35234" t="s">
        <v>20255</v>
      </c>
      <c r="H35234" t="s">
        <v>20256</v>
      </c>
      <c r="I35234" s="2">
        <v>1</v>
      </c>
      <c r="J35234" s="2">
        <v>0</v>
      </c>
      <c r="K35234" s="2">
        <v>0</v>
      </c>
      <c r="L35234" t="s">
        <v>120</v>
      </c>
      <c r="M35234" t="s">
        <v>83</v>
      </c>
      <c r="N35234" t="s">
        <v>84</v>
      </c>
      <c r="O35234" t="s">
        <v>85</v>
      </c>
      <c r="P35234" t="s">
        <v>86</v>
      </c>
      <c r="Q35234">
        <v>23</v>
      </c>
      <c r="R35234">
        <v>23</v>
      </c>
      <c r="S35234">
        <v>23</v>
      </c>
      <c r="T35234">
        <v>24</v>
      </c>
      <c r="U35234">
        <v>24</v>
      </c>
      <c r="V35234">
        <v>24</v>
      </c>
      <c r="W35234">
        <v>25</v>
      </c>
      <c r="X35234">
        <v>25</v>
      </c>
      <c r="Y35234">
        <v>26</v>
      </c>
      <c r="Z35234">
        <v>26</v>
      </c>
      <c r="AA35234">
        <v>26</v>
      </c>
      <c r="AB35234">
        <v>27</v>
      </c>
      <c r="AC35234">
        <v>27</v>
      </c>
      <c r="AD35234">
        <v>27</v>
      </c>
      <c r="AE35234">
        <v>27</v>
      </c>
      <c r="AF35234">
        <v>28</v>
      </c>
      <c r="AG35234">
        <v>28</v>
      </c>
      <c r="AH35234">
        <v>28</v>
      </c>
      <c r="AI35234">
        <v>29</v>
      </c>
      <c r="AJ35234">
        <v>29</v>
      </c>
      <c r="AK35234">
        <v>29</v>
      </c>
      <c r="AL35234">
        <v>30</v>
      </c>
      <c r="AM35234">
        <v>30</v>
      </c>
      <c r="AN35234">
        <v>30</v>
      </c>
      <c r="AO35234">
        <v>30</v>
      </c>
      <c r="AP35234">
        <v>30</v>
      </c>
      <c r="AQ35234">
        <v>30</v>
      </c>
    </row>
    <row r="35235" spans="1:43">
      <c r="A35235" t="s">
        <v>21841</v>
      </c>
      <c r="B35235" t="s">
        <v>21842</v>
      </c>
      <c r="C35235" t="s">
        <v>21837</v>
      </c>
      <c r="D35235" t="s">
        <v>21838</v>
      </c>
      <c r="E35235" t="s">
        <v>21751</v>
      </c>
      <c r="F35235" t="s">
        <v>21752</v>
      </c>
      <c r="G35235" t="s">
        <v>20255</v>
      </c>
      <c r="H35235" t="s">
        <v>20256</v>
      </c>
      <c r="I35235" s="2">
        <v>1</v>
      </c>
      <c r="J35235" s="2">
        <v>0</v>
      </c>
      <c r="K35235" s="2">
        <v>0</v>
      </c>
      <c r="L35235" t="s">
        <v>120</v>
      </c>
      <c r="M35235" t="s">
        <v>87</v>
      </c>
      <c r="N35235" t="s">
        <v>88</v>
      </c>
      <c r="O35235" t="s">
        <v>85</v>
      </c>
      <c r="P35235" t="s">
        <v>86</v>
      </c>
      <c r="Q35235">
        <v>23</v>
      </c>
      <c r="R35235">
        <v>24</v>
      </c>
      <c r="S35235">
        <v>24</v>
      </c>
      <c r="T35235">
        <v>24</v>
      </c>
      <c r="U35235">
        <v>24</v>
      </c>
      <c r="V35235">
        <v>24</v>
      </c>
      <c r="W35235">
        <v>24</v>
      </c>
      <c r="X35235">
        <v>24</v>
      </c>
      <c r="Y35235">
        <v>25</v>
      </c>
      <c r="Z35235">
        <v>25</v>
      </c>
      <c r="AA35235">
        <v>25</v>
      </c>
      <c r="AB35235">
        <v>25</v>
      </c>
      <c r="AC35235">
        <v>25</v>
      </c>
      <c r="AD35235">
        <v>25</v>
      </c>
      <c r="AE35235">
        <v>25</v>
      </c>
      <c r="AF35235">
        <v>26</v>
      </c>
      <c r="AG35235">
        <v>26</v>
      </c>
      <c r="AH35235">
        <v>26</v>
      </c>
      <c r="AI35235">
        <v>26</v>
      </c>
      <c r="AJ35235">
        <v>26</v>
      </c>
      <c r="AK35235">
        <v>26</v>
      </c>
      <c r="AL35235">
        <v>26</v>
      </c>
      <c r="AM35235">
        <v>27</v>
      </c>
      <c r="AN35235">
        <v>27</v>
      </c>
      <c r="AO35235">
        <v>27</v>
      </c>
      <c r="AP35235">
        <v>27</v>
      </c>
      <c r="AQ35235">
        <v>27</v>
      </c>
    </row>
    <row r="35236" spans="1:43">
      <c r="A35236" t="s">
        <v>21841</v>
      </c>
      <c r="B35236" t="s">
        <v>21842</v>
      </c>
      <c r="C35236" t="s">
        <v>21837</v>
      </c>
      <c r="D35236" t="s">
        <v>21838</v>
      </c>
      <c r="E35236" t="s">
        <v>21751</v>
      </c>
      <c r="F35236" t="s">
        <v>21752</v>
      </c>
      <c r="G35236" t="s">
        <v>20255</v>
      </c>
      <c r="H35236" t="s">
        <v>20256</v>
      </c>
      <c r="I35236" s="2">
        <v>1</v>
      </c>
      <c r="J35236" s="2">
        <v>0</v>
      </c>
      <c r="K35236" s="2">
        <v>0</v>
      </c>
      <c r="L35236" t="s">
        <v>120</v>
      </c>
      <c r="M35236" t="s">
        <v>89</v>
      </c>
      <c r="N35236" t="s">
        <v>90</v>
      </c>
      <c r="O35236" t="s">
        <v>85</v>
      </c>
      <c r="P35236" t="s">
        <v>86</v>
      </c>
      <c r="Q35236">
        <v>23</v>
      </c>
      <c r="R35236">
        <v>23</v>
      </c>
      <c r="S35236">
        <v>24</v>
      </c>
      <c r="T35236">
        <v>25</v>
      </c>
      <c r="U35236">
        <v>25</v>
      </c>
      <c r="V35236">
        <v>26</v>
      </c>
      <c r="W35236">
        <v>26</v>
      </c>
      <c r="X35236">
        <v>26</v>
      </c>
      <c r="Y35236">
        <v>27</v>
      </c>
      <c r="Z35236">
        <v>27</v>
      </c>
      <c r="AA35236">
        <v>28</v>
      </c>
      <c r="AB35236">
        <v>28</v>
      </c>
      <c r="AC35236">
        <v>29</v>
      </c>
      <c r="AD35236">
        <v>29</v>
      </c>
      <c r="AE35236">
        <v>29</v>
      </c>
      <c r="AF35236">
        <v>30</v>
      </c>
      <c r="AG35236">
        <v>30</v>
      </c>
      <c r="AH35236">
        <v>30</v>
      </c>
      <c r="AI35236">
        <v>30</v>
      </c>
      <c r="AJ35236">
        <v>30</v>
      </c>
      <c r="AK35236">
        <v>30</v>
      </c>
      <c r="AL35236">
        <v>30</v>
      </c>
      <c r="AM35236">
        <v>30</v>
      </c>
      <c r="AN35236">
        <v>30</v>
      </c>
      <c r="AO35236">
        <v>30</v>
      </c>
      <c r="AP35236">
        <v>30</v>
      </c>
      <c r="AQ35236">
        <v>31</v>
      </c>
    </row>
    <row r="35237" spans="1:43">
      <c r="A35237" t="s">
        <v>21841</v>
      </c>
      <c r="B35237" t="s">
        <v>21842</v>
      </c>
      <c r="C35237" t="s">
        <v>21837</v>
      </c>
      <c r="D35237" t="s">
        <v>21838</v>
      </c>
      <c r="E35237" t="s">
        <v>21751</v>
      </c>
      <c r="F35237" t="s">
        <v>21752</v>
      </c>
      <c r="G35237" t="s">
        <v>20255</v>
      </c>
      <c r="H35237" t="s">
        <v>20256</v>
      </c>
      <c r="I35237" s="2">
        <v>1</v>
      </c>
      <c r="J35237" s="2">
        <v>0</v>
      </c>
      <c r="K35237" s="2">
        <v>0</v>
      </c>
      <c r="L35237" t="s">
        <v>120</v>
      </c>
      <c r="M35237" t="s">
        <v>83</v>
      </c>
      <c r="N35237" t="s">
        <v>91</v>
      </c>
      <c r="O35237" t="s">
        <v>85</v>
      </c>
      <c r="P35237" t="s">
        <v>86</v>
      </c>
      <c r="Q35237">
        <v>23</v>
      </c>
      <c r="R35237">
        <v>23</v>
      </c>
      <c r="S35237">
        <v>23</v>
      </c>
      <c r="T35237">
        <v>24</v>
      </c>
      <c r="U35237">
        <v>24</v>
      </c>
      <c r="V35237">
        <v>24</v>
      </c>
      <c r="W35237">
        <v>25</v>
      </c>
      <c r="X35237">
        <v>25</v>
      </c>
      <c r="Y35237">
        <v>26</v>
      </c>
      <c r="Z35237">
        <v>26</v>
      </c>
      <c r="AA35237">
        <v>26</v>
      </c>
      <c r="AB35237">
        <v>27</v>
      </c>
      <c r="AC35237">
        <v>27</v>
      </c>
      <c r="AD35237">
        <v>27</v>
      </c>
      <c r="AE35237">
        <v>27</v>
      </c>
      <c r="AF35237">
        <v>28</v>
      </c>
      <c r="AG35237">
        <v>28</v>
      </c>
      <c r="AH35237">
        <v>28</v>
      </c>
      <c r="AI35237">
        <v>29</v>
      </c>
      <c r="AJ35237">
        <v>29</v>
      </c>
      <c r="AK35237">
        <v>29</v>
      </c>
      <c r="AL35237">
        <v>30</v>
      </c>
      <c r="AM35237">
        <v>30</v>
      </c>
      <c r="AN35237">
        <v>30</v>
      </c>
      <c r="AO35237">
        <v>30</v>
      </c>
      <c r="AP35237">
        <v>30</v>
      </c>
      <c r="AQ35237">
        <v>30</v>
      </c>
    </row>
    <row r="35238" spans="1:43">
      <c r="A35238" t="s">
        <v>21843</v>
      </c>
      <c r="B35238" t="s">
        <v>21844</v>
      </c>
      <c r="C35238" t="s">
        <v>21837</v>
      </c>
      <c r="D35238" t="s">
        <v>21838</v>
      </c>
      <c r="E35238" t="s">
        <v>21751</v>
      </c>
      <c r="F35238" t="s">
        <v>21752</v>
      </c>
      <c r="G35238" t="s">
        <v>20255</v>
      </c>
      <c r="H35238" t="s">
        <v>20256</v>
      </c>
      <c r="I35238" s="2">
        <v>1</v>
      </c>
      <c r="J35238" s="2">
        <v>0</v>
      </c>
      <c r="K35238" s="2">
        <v>0</v>
      </c>
      <c r="L35238" t="s">
        <v>120</v>
      </c>
      <c r="M35238" t="s">
        <v>83</v>
      </c>
      <c r="N35238" t="s">
        <v>84</v>
      </c>
      <c r="O35238" t="s">
        <v>85</v>
      </c>
      <c r="P35238" t="s">
        <v>86</v>
      </c>
      <c r="Q35238">
        <v>5</v>
      </c>
      <c r="R35238">
        <v>5</v>
      </c>
      <c r="S35238">
        <v>5</v>
      </c>
      <c r="T35238">
        <v>6</v>
      </c>
      <c r="U35238">
        <v>6</v>
      </c>
      <c r="V35238">
        <v>6</v>
      </c>
      <c r="W35238">
        <v>6</v>
      </c>
      <c r="X35238">
        <v>6</v>
      </c>
      <c r="Y35238">
        <v>6</v>
      </c>
      <c r="Z35238">
        <v>6</v>
      </c>
      <c r="AA35238">
        <v>6</v>
      </c>
      <c r="AB35238">
        <v>6</v>
      </c>
      <c r="AC35238">
        <v>6</v>
      </c>
      <c r="AD35238">
        <v>6</v>
      </c>
      <c r="AE35238">
        <v>6</v>
      </c>
      <c r="AF35238">
        <v>7</v>
      </c>
      <c r="AG35238">
        <v>7</v>
      </c>
      <c r="AH35238">
        <v>7</v>
      </c>
      <c r="AI35238">
        <v>7</v>
      </c>
      <c r="AJ35238">
        <v>7</v>
      </c>
      <c r="AK35238">
        <v>7</v>
      </c>
      <c r="AL35238">
        <v>7</v>
      </c>
      <c r="AM35238">
        <v>7</v>
      </c>
      <c r="AN35238">
        <v>7</v>
      </c>
      <c r="AO35238">
        <v>7</v>
      </c>
      <c r="AP35238">
        <v>7</v>
      </c>
      <c r="AQ35238">
        <v>7</v>
      </c>
    </row>
    <row r="35239" spans="1:43">
      <c r="A35239" t="s">
        <v>21843</v>
      </c>
      <c r="B35239" t="s">
        <v>21844</v>
      </c>
      <c r="C35239" t="s">
        <v>21837</v>
      </c>
      <c r="D35239" t="s">
        <v>21838</v>
      </c>
      <c r="E35239" t="s">
        <v>21751</v>
      </c>
      <c r="F35239" t="s">
        <v>21752</v>
      </c>
      <c r="G35239" t="s">
        <v>20255</v>
      </c>
      <c r="H35239" t="s">
        <v>20256</v>
      </c>
      <c r="I35239" s="2">
        <v>1</v>
      </c>
      <c r="J35239" s="2">
        <v>0</v>
      </c>
      <c r="K35239" s="2">
        <v>0</v>
      </c>
      <c r="L35239" t="s">
        <v>120</v>
      </c>
      <c r="M35239" t="s">
        <v>87</v>
      </c>
      <c r="N35239" t="s">
        <v>88</v>
      </c>
      <c r="O35239" t="s">
        <v>85</v>
      </c>
      <c r="P35239" t="s">
        <v>86</v>
      </c>
      <c r="Q35239">
        <v>5</v>
      </c>
      <c r="R35239">
        <v>5</v>
      </c>
      <c r="S35239">
        <v>5</v>
      </c>
      <c r="T35239">
        <v>5</v>
      </c>
      <c r="U35239">
        <v>5</v>
      </c>
      <c r="V35239">
        <v>5</v>
      </c>
      <c r="W35239">
        <v>5</v>
      </c>
      <c r="X35239">
        <v>5</v>
      </c>
      <c r="Y35239">
        <v>6</v>
      </c>
      <c r="Z35239">
        <v>6</v>
      </c>
      <c r="AA35239">
        <v>6</v>
      </c>
      <c r="AB35239">
        <v>6</v>
      </c>
      <c r="AC35239">
        <v>6</v>
      </c>
      <c r="AD35239">
        <v>6</v>
      </c>
      <c r="AE35239">
        <v>6</v>
      </c>
      <c r="AF35239">
        <v>6</v>
      </c>
      <c r="AG35239">
        <v>6</v>
      </c>
      <c r="AH35239">
        <v>6</v>
      </c>
      <c r="AI35239">
        <v>6</v>
      </c>
      <c r="AJ35239">
        <v>6</v>
      </c>
      <c r="AK35239">
        <v>6</v>
      </c>
      <c r="AL35239">
        <v>6</v>
      </c>
      <c r="AM35239">
        <v>6</v>
      </c>
      <c r="AN35239">
        <v>6</v>
      </c>
      <c r="AO35239">
        <v>6</v>
      </c>
      <c r="AP35239">
        <v>6</v>
      </c>
      <c r="AQ35239">
        <v>6</v>
      </c>
    </row>
    <row r="35240" spans="1:43">
      <c r="A35240" t="s">
        <v>21843</v>
      </c>
      <c r="B35240" t="s">
        <v>21844</v>
      </c>
      <c r="C35240" t="s">
        <v>21837</v>
      </c>
      <c r="D35240" t="s">
        <v>21838</v>
      </c>
      <c r="E35240" t="s">
        <v>21751</v>
      </c>
      <c r="F35240" t="s">
        <v>21752</v>
      </c>
      <c r="G35240" t="s">
        <v>20255</v>
      </c>
      <c r="H35240" t="s">
        <v>20256</v>
      </c>
      <c r="I35240" s="2">
        <v>1</v>
      </c>
      <c r="J35240" s="2">
        <v>0</v>
      </c>
      <c r="K35240" s="2">
        <v>0</v>
      </c>
      <c r="L35240" t="s">
        <v>120</v>
      </c>
      <c r="M35240" t="s">
        <v>89</v>
      </c>
      <c r="N35240" t="s">
        <v>90</v>
      </c>
      <c r="O35240" t="s">
        <v>85</v>
      </c>
      <c r="P35240" t="s">
        <v>86</v>
      </c>
      <c r="Q35240">
        <v>5</v>
      </c>
      <c r="R35240">
        <v>5</v>
      </c>
      <c r="S35240">
        <v>6</v>
      </c>
      <c r="T35240">
        <v>6</v>
      </c>
      <c r="U35240">
        <v>6</v>
      </c>
      <c r="V35240">
        <v>6</v>
      </c>
      <c r="W35240">
        <v>6</v>
      </c>
      <c r="X35240">
        <v>6</v>
      </c>
      <c r="Y35240">
        <v>6</v>
      </c>
      <c r="Z35240">
        <v>6</v>
      </c>
      <c r="AA35240">
        <v>7</v>
      </c>
      <c r="AB35240">
        <v>7</v>
      </c>
      <c r="AC35240">
        <v>7</v>
      </c>
      <c r="AD35240">
        <v>7</v>
      </c>
      <c r="AE35240">
        <v>7</v>
      </c>
      <c r="AF35240">
        <v>7</v>
      </c>
      <c r="AG35240">
        <v>7</v>
      </c>
      <c r="AH35240">
        <v>7</v>
      </c>
      <c r="AI35240">
        <v>7</v>
      </c>
      <c r="AJ35240">
        <v>7</v>
      </c>
      <c r="AK35240">
        <v>7</v>
      </c>
      <c r="AL35240">
        <v>7</v>
      </c>
      <c r="AM35240">
        <v>7</v>
      </c>
      <c r="AN35240">
        <v>7</v>
      </c>
      <c r="AO35240">
        <v>7</v>
      </c>
      <c r="AP35240">
        <v>7</v>
      </c>
      <c r="AQ35240">
        <v>7</v>
      </c>
    </row>
    <row r="35241" spans="1:43">
      <c r="A35241" t="s">
        <v>21843</v>
      </c>
      <c r="B35241" t="s">
        <v>21844</v>
      </c>
      <c r="C35241" t="s">
        <v>21837</v>
      </c>
      <c r="D35241" t="s">
        <v>21838</v>
      </c>
      <c r="E35241" t="s">
        <v>21751</v>
      </c>
      <c r="F35241" t="s">
        <v>21752</v>
      </c>
      <c r="G35241" t="s">
        <v>20255</v>
      </c>
      <c r="H35241" t="s">
        <v>20256</v>
      </c>
      <c r="I35241" s="2">
        <v>1</v>
      </c>
      <c r="J35241" s="2">
        <v>0</v>
      </c>
      <c r="K35241" s="2">
        <v>0</v>
      </c>
      <c r="L35241" t="s">
        <v>120</v>
      </c>
      <c r="M35241" t="s">
        <v>83</v>
      </c>
      <c r="N35241" t="s">
        <v>91</v>
      </c>
      <c r="O35241" t="s">
        <v>85</v>
      </c>
      <c r="P35241" t="s">
        <v>86</v>
      </c>
      <c r="Q35241">
        <v>5</v>
      </c>
      <c r="R35241">
        <v>5</v>
      </c>
      <c r="S35241">
        <v>5</v>
      </c>
      <c r="T35241">
        <v>6</v>
      </c>
      <c r="U35241">
        <v>6</v>
      </c>
      <c r="V35241">
        <v>6</v>
      </c>
      <c r="W35241">
        <v>6</v>
      </c>
      <c r="X35241">
        <v>6</v>
      </c>
      <c r="Y35241">
        <v>6</v>
      </c>
      <c r="Z35241">
        <v>6</v>
      </c>
      <c r="AA35241">
        <v>6</v>
      </c>
      <c r="AB35241">
        <v>6</v>
      </c>
      <c r="AC35241">
        <v>6</v>
      </c>
      <c r="AD35241">
        <v>6</v>
      </c>
      <c r="AE35241">
        <v>6</v>
      </c>
      <c r="AF35241">
        <v>7</v>
      </c>
      <c r="AG35241">
        <v>7</v>
      </c>
      <c r="AH35241">
        <v>7</v>
      </c>
      <c r="AI35241">
        <v>7</v>
      </c>
      <c r="AJ35241">
        <v>7</v>
      </c>
      <c r="AK35241">
        <v>7</v>
      </c>
      <c r="AL35241">
        <v>7</v>
      </c>
      <c r="AM35241">
        <v>7</v>
      </c>
      <c r="AN35241">
        <v>7</v>
      </c>
      <c r="AO35241">
        <v>7</v>
      </c>
      <c r="AP35241">
        <v>7</v>
      </c>
      <c r="AQ35241">
        <v>7</v>
      </c>
    </row>
    <row r="35242" spans="1:43">
      <c r="A35242" t="s">
        <v>21845</v>
      </c>
      <c r="B35242" t="s">
        <v>21846</v>
      </c>
      <c r="C35242" t="s">
        <v>21837</v>
      </c>
      <c r="D35242" t="s">
        <v>21838</v>
      </c>
      <c r="E35242" t="s">
        <v>21751</v>
      </c>
      <c r="F35242" t="s">
        <v>21752</v>
      </c>
      <c r="G35242" t="s">
        <v>20255</v>
      </c>
      <c r="H35242" t="s">
        <v>20256</v>
      </c>
      <c r="I35242" s="2">
        <v>1</v>
      </c>
      <c r="J35242" s="2">
        <v>0</v>
      </c>
      <c r="K35242" s="2">
        <v>0</v>
      </c>
      <c r="L35242" t="s">
        <v>120</v>
      </c>
      <c r="M35242" t="s">
        <v>83</v>
      </c>
      <c r="N35242" t="s">
        <v>84</v>
      </c>
      <c r="O35242" t="s">
        <v>85</v>
      </c>
      <c r="P35242" t="s">
        <v>86</v>
      </c>
      <c r="Q35242">
        <v>17</v>
      </c>
      <c r="R35242">
        <v>17</v>
      </c>
      <c r="S35242">
        <v>17</v>
      </c>
      <c r="T35242">
        <v>18</v>
      </c>
      <c r="U35242">
        <v>18</v>
      </c>
      <c r="V35242">
        <v>18</v>
      </c>
      <c r="W35242">
        <v>18</v>
      </c>
      <c r="X35242">
        <v>19</v>
      </c>
      <c r="Y35242">
        <v>19</v>
      </c>
      <c r="Z35242">
        <v>19</v>
      </c>
      <c r="AA35242">
        <v>19</v>
      </c>
      <c r="AB35242">
        <v>19</v>
      </c>
      <c r="AC35242">
        <v>20</v>
      </c>
      <c r="AD35242">
        <v>20</v>
      </c>
      <c r="AE35242">
        <v>20</v>
      </c>
      <c r="AF35242">
        <v>20</v>
      </c>
      <c r="AG35242">
        <v>21</v>
      </c>
      <c r="AH35242">
        <v>21</v>
      </c>
      <c r="AI35242">
        <v>21</v>
      </c>
      <c r="AJ35242">
        <v>21</v>
      </c>
      <c r="AK35242">
        <v>22</v>
      </c>
      <c r="AL35242">
        <v>22</v>
      </c>
      <c r="AM35242">
        <v>22</v>
      </c>
      <c r="AN35242">
        <v>22</v>
      </c>
      <c r="AO35242">
        <v>22</v>
      </c>
      <c r="AP35242">
        <v>22</v>
      </c>
      <c r="AQ35242">
        <v>22</v>
      </c>
    </row>
    <row r="35243" spans="1:43">
      <c r="A35243" t="s">
        <v>21845</v>
      </c>
      <c r="B35243" t="s">
        <v>21846</v>
      </c>
      <c r="C35243" t="s">
        <v>21837</v>
      </c>
      <c r="D35243" t="s">
        <v>21838</v>
      </c>
      <c r="E35243" t="s">
        <v>21751</v>
      </c>
      <c r="F35243" t="s">
        <v>21752</v>
      </c>
      <c r="G35243" t="s">
        <v>20255</v>
      </c>
      <c r="H35243" t="s">
        <v>20256</v>
      </c>
      <c r="I35243" s="2">
        <v>1</v>
      </c>
      <c r="J35243" s="2">
        <v>0</v>
      </c>
      <c r="K35243" s="2">
        <v>0</v>
      </c>
      <c r="L35243" t="s">
        <v>120</v>
      </c>
      <c r="M35243" t="s">
        <v>87</v>
      </c>
      <c r="N35243" t="s">
        <v>88</v>
      </c>
      <c r="O35243" t="s">
        <v>85</v>
      </c>
      <c r="P35243" t="s">
        <v>86</v>
      </c>
      <c r="Q35243">
        <v>17</v>
      </c>
      <c r="R35243">
        <v>17</v>
      </c>
      <c r="S35243">
        <v>17</v>
      </c>
      <c r="T35243">
        <v>17</v>
      </c>
      <c r="U35243">
        <v>17</v>
      </c>
      <c r="V35243">
        <v>17</v>
      </c>
      <c r="W35243">
        <v>17</v>
      </c>
      <c r="X35243">
        <v>17</v>
      </c>
      <c r="Y35243">
        <v>17</v>
      </c>
      <c r="Z35243">
        <v>18</v>
      </c>
      <c r="AA35243">
        <v>18</v>
      </c>
      <c r="AB35243">
        <v>18</v>
      </c>
      <c r="AC35243">
        <v>18</v>
      </c>
      <c r="AD35243">
        <v>18</v>
      </c>
      <c r="AE35243">
        <v>18</v>
      </c>
      <c r="AF35243">
        <v>18</v>
      </c>
      <c r="AG35243">
        <v>18</v>
      </c>
      <c r="AH35243">
        <v>18</v>
      </c>
      <c r="AI35243">
        <v>18</v>
      </c>
      <c r="AJ35243">
        <v>19</v>
      </c>
      <c r="AK35243">
        <v>19</v>
      </c>
      <c r="AL35243">
        <v>19</v>
      </c>
      <c r="AM35243">
        <v>19</v>
      </c>
      <c r="AN35243">
        <v>19</v>
      </c>
      <c r="AO35243">
        <v>19</v>
      </c>
      <c r="AP35243">
        <v>19</v>
      </c>
      <c r="AQ35243">
        <v>19</v>
      </c>
    </row>
    <row r="35244" spans="1:43">
      <c r="A35244" t="s">
        <v>21845</v>
      </c>
      <c r="B35244" t="s">
        <v>21846</v>
      </c>
      <c r="C35244" t="s">
        <v>21837</v>
      </c>
      <c r="D35244" t="s">
        <v>21838</v>
      </c>
      <c r="E35244" t="s">
        <v>21751</v>
      </c>
      <c r="F35244" t="s">
        <v>21752</v>
      </c>
      <c r="G35244" t="s">
        <v>20255</v>
      </c>
      <c r="H35244" t="s">
        <v>20256</v>
      </c>
      <c r="I35244" s="2">
        <v>1</v>
      </c>
      <c r="J35244" s="2">
        <v>0</v>
      </c>
      <c r="K35244" s="2">
        <v>0</v>
      </c>
      <c r="L35244" t="s">
        <v>120</v>
      </c>
      <c r="M35244" t="s">
        <v>89</v>
      </c>
      <c r="N35244" t="s">
        <v>90</v>
      </c>
      <c r="O35244" t="s">
        <v>85</v>
      </c>
      <c r="P35244" t="s">
        <v>86</v>
      </c>
      <c r="Q35244">
        <v>17</v>
      </c>
      <c r="R35244">
        <v>17</v>
      </c>
      <c r="S35244">
        <v>18</v>
      </c>
      <c r="T35244">
        <v>18</v>
      </c>
      <c r="U35244">
        <v>18</v>
      </c>
      <c r="V35244">
        <v>19</v>
      </c>
      <c r="W35244">
        <v>19</v>
      </c>
      <c r="X35244">
        <v>19</v>
      </c>
      <c r="Y35244">
        <v>20</v>
      </c>
      <c r="Z35244">
        <v>20</v>
      </c>
      <c r="AA35244">
        <v>20</v>
      </c>
      <c r="AB35244">
        <v>21</v>
      </c>
      <c r="AC35244">
        <v>21</v>
      </c>
      <c r="AD35244">
        <v>21</v>
      </c>
      <c r="AE35244">
        <v>21</v>
      </c>
      <c r="AF35244">
        <v>22</v>
      </c>
      <c r="AG35244">
        <v>22</v>
      </c>
      <c r="AH35244">
        <v>22</v>
      </c>
      <c r="AI35244">
        <v>22</v>
      </c>
      <c r="AJ35244">
        <v>22</v>
      </c>
      <c r="AK35244">
        <v>22</v>
      </c>
      <c r="AL35244">
        <v>22</v>
      </c>
      <c r="AM35244">
        <v>22</v>
      </c>
      <c r="AN35244">
        <v>22</v>
      </c>
      <c r="AO35244">
        <v>22</v>
      </c>
      <c r="AP35244">
        <v>22</v>
      </c>
      <c r="AQ35244">
        <v>22</v>
      </c>
    </row>
    <row r="35245" spans="1:43">
      <c r="A35245" t="s">
        <v>21845</v>
      </c>
      <c r="B35245" t="s">
        <v>21846</v>
      </c>
      <c r="C35245" t="s">
        <v>21837</v>
      </c>
      <c r="D35245" t="s">
        <v>21838</v>
      </c>
      <c r="E35245" t="s">
        <v>21751</v>
      </c>
      <c r="F35245" t="s">
        <v>21752</v>
      </c>
      <c r="G35245" t="s">
        <v>20255</v>
      </c>
      <c r="H35245" t="s">
        <v>20256</v>
      </c>
      <c r="I35245" s="2">
        <v>1</v>
      </c>
      <c r="J35245" s="2">
        <v>0</v>
      </c>
      <c r="K35245" s="2">
        <v>0</v>
      </c>
      <c r="L35245" t="s">
        <v>120</v>
      </c>
      <c r="M35245" t="s">
        <v>83</v>
      </c>
      <c r="N35245" t="s">
        <v>91</v>
      </c>
      <c r="O35245" t="s">
        <v>85</v>
      </c>
      <c r="P35245" t="s">
        <v>86</v>
      </c>
      <c r="Q35245">
        <v>17</v>
      </c>
      <c r="R35245">
        <v>17</v>
      </c>
      <c r="S35245">
        <v>17</v>
      </c>
      <c r="T35245">
        <v>18</v>
      </c>
      <c r="U35245">
        <v>18</v>
      </c>
      <c r="V35245">
        <v>18</v>
      </c>
      <c r="W35245">
        <v>18</v>
      </c>
      <c r="X35245">
        <v>19</v>
      </c>
      <c r="Y35245">
        <v>19</v>
      </c>
      <c r="Z35245">
        <v>19</v>
      </c>
      <c r="AA35245">
        <v>19</v>
      </c>
      <c r="AB35245">
        <v>19</v>
      </c>
      <c r="AC35245">
        <v>20</v>
      </c>
      <c r="AD35245">
        <v>20</v>
      </c>
      <c r="AE35245">
        <v>20</v>
      </c>
      <c r="AF35245">
        <v>20</v>
      </c>
      <c r="AG35245">
        <v>21</v>
      </c>
      <c r="AH35245">
        <v>21</v>
      </c>
      <c r="AI35245">
        <v>21</v>
      </c>
      <c r="AJ35245">
        <v>21</v>
      </c>
      <c r="AK35245">
        <v>22</v>
      </c>
      <c r="AL35245">
        <v>22</v>
      </c>
      <c r="AM35245">
        <v>22</v>
      </c>
      <c r="AN35245">
        <v>22</v>
      </c>
      <c r="AO35245">
        <v>22</v>
      </c>
      <c r="AP35245">
        <v>22</v>
      </c>
      <c r="AQ35245">
        <v>22</v>
      </c>
    </row>
    <row r="35246" spans="1:43">
      <c r="A35246" t="s">
        <v>21847</v>
      </c>
      <c r="B35246" t="s">
        <v>21848</v>
      </c>
      <c r="C35246" t="s">
        <v>21849</v>
      </c>
      <c r="D35246" t="s">
        <v>21850</v>
      </c>
      <c r="E35246" t="s">
        <v>21751</v>
      </c>
      <c r="F35246" t="s">
        <v>21752</v>
      </c>
      <c r="G35246" t="s">
        <v>20255</v>
      </c>
      <c r="H35246" t="s">
        <v>20256</v>
      </c>
      <c r="I35246" s="2">
        <v>1</v>
      </c>
      <c r="J35246" s="2">
        <v>0</v>
      </c>
      <c r="K35246" s="2">
        <v>0</v>
      </c>
      <c r="L35246" t="s">
        <v>120</v>
      </c>
      <c r="M35246" t="s">
        <v>83</v>
      </c>
      <c r="N35246" t="s">
        <v>84</v>
      </c>
      <c r="O35246" t="s">
        <v>85</v>
      </c>
      <c r="P35246" t="s">
        <v>86</v>
      </c>
      <c r="Q35246">
        <v>32</v>
      </c>
      <c r="R35246">
        <v>33</v>
      </c>
      <c r="S35246">
        <v>33</v>
      </c>
      <c r="T35246">
        <v>34</v>
      </c>
      <c r="U35246">
        <v>34</v>
      </c>
      <c r="V35246">
        <v>35</v>
      </c>
      <c r="W35246">
        <v>36</v>
      </c>
      <c r="X35246">
        <v>36</v>
      </c>
      <c r="Y35246">
        <v>37</v>
      </c>
      <c r="Z35246">
        <v>37</v>
      </c>
      <c r="AA35246">
        <v>38</v>
      </c>
      <c r="AB35246">
        <v>38</v>
      </c>
      <c r="AC35246">
        <v>39</v>
      </c>
      <c r="AD35246">
        <v>39</v>
      </c>
      <c r="AE35246">
        <v>40</v>
      </c>
      <c r="AF35246">
        <v>40</v>
      </c>
      <c r="AG35246">
        <v>41</v>
      </c>
      <c r="AH35246">
        <v>41</v>
      </c>
      <c r="AI35246">
        <v>42</v>
      </c>
      <c r="AJ35246">
        <v>42</v>
      </c>
      <c r="AK35246">
        <v>43</v>
      </c>
      <c r="AL35246">
        <v>43</v>
      </c>
      <c r="AM35246">
        <v>43</v>
      </c>
      <c r="AN35246">
        <v>44</v>
      </c>
      <c r="AO35246">
        <v>44</v>
      </c>
      <c r="AP35246">
        <v>44</v>
      </c>
      <c r="AQ35246">
        <v>44</v>
      </c>
    </row>
    <row r="35247" spans="1:43">
      <c r="A35247" t="s">
        <v>21847</v>
      </c>
      <c r="B35247" t="s">
        <v>21848</v>
      </c>
      <c r="C35247" t="s">
        <v>21849</v>
      </c>
      <c r="D35247" t="s">
        <v>21850</v>
      </c>
      <c r="E35247" t="s">
        <v>21751</v>
      </c>
      <c r="F35247" t="s">
        <v>21752</v>
      </c>
      <c r="G35247" t="s">
        <v>20255</v>
      </c>
      <c r="H35247" t="s">
        <v>20256</v>
      </c>
      <c r="I35247" s="2">
        <v>1</v>
      </c>
      <c r="J35247" s="2">
        <v>0</v>
      </c>
      <c r="K35247" s="2">
        <v>0</v>
      </c>
      <c r="L35247" t="s">
        <v>120</v>
      </c>
      <c r="M35247" t="s">
        <v>87</v>
      </c>
      <c r="N35247" t="s">
        <v>88</v>
      </c>
      <c r="O35247" t="s">
        <v>85</v>
      </c>
      <c r="P35247" t="s">
        <v>86</v>
      </c>
      <c r="Q35247">
        <v>32</v>
      </c>
      <c r="R35247">
        <v>32</v>
      </c>
      <c r="S35247">
        <v>32</v>
      </c>
      <c r="T35247">
        <v>33</v>
      </c>
      <c r="U35247">
        <v>33</v>
      </c>
      <c r="V35247">
        <v>33</v>
      </c>
      <c r="W35247">
        <v>33</v>
      </c>
      <c r="X35247">
        <v>34</v>
      </c>
      <c r="Y35247">
        <v>34</v>
      </c>
      <c r="Z35247">
        <v>34</v>
      </c>
      <c r="AA35247">
        <v>35</v>
      </c>
      <c r="AB35247">
        <v>35</v>
      </c>
      <c r="AC35247">
        <v>35</v>
      </c>
      <c r="AD35247">
        <v>35</v>
      </c>
      <c r="AE35247">
        <v>36</v>
      </c>
      <c r="AF35247">
        <v>36</v>
      </c>
      <c r="AG35247">
        <v>36</v>
      </c>
      <c r="AH35247">
        <v>36</v>
      </c>
      <c r="AI35247">
        <v>36</v>
      </c>
      <c r="AJ35247">
        <v>37</v>
      </c>
      <c r="AK35247">
        <v>37</v>
      </c>
      <c r="AL35247">
        <v>37</v>
      </c>
      <c r="AM35247">
        <v>37</v>
      </c>
      <c r="AN35247">
        <v>38</v>
      </c>
      <c r="AO35247">
        <v>38</v>
      </c>
      <c r="AP35247">
        <v>38</v>
      </c>
      <c r="AQ35247">
        <v>38</v>
      </c>
    </row>
    <row r="35248" spans="1:43">
      <c r="A35248" t="s">
        <v>21847</v>
      </c>
      <c r="B35248" t="s">
        <v>21848</v>
      </c>
      <c r="C35248" t="s">
        <v>21849</v>
      </c>
      <c r="D35248" t="s">
        <v>21850</v>
      </c>
      <c r="E35248" t="s">
        <v>21751</v>
      </c>
      <c r="F35248" t="s">
        <v>21752</v>
      </c>
      <c r="G35248" t="s">
        <v>20255</v>
      </c>
      <c r="H35248" t="s">
        <v>20256</v>
      </c>
      <c r="I35248" s="2">
        <v>1</v>
      </c>
      <c r="J35248" s="2">
        <v>0</v>
      </c>
      <c r="K35248" s="2">
        <v>0</v>
      </c>
      <c r="L35248" t="s">
        <v>120</v>
      </c>
      <c r="M35248" t="s">
        <v>89</v>
      </c>
      <c r="N35248" t="s">
        <v>90</v>
      </c>
      <c r="O35248" t="s">
        <v>85</v>
      </c>
      <c r="P35248" t="s">
        <v>86</v>
      </c>
      <c r="Q35248">
        <v>32</v>
      </c>
      <c r="R35248">
        <v>33</v>
      </c>
      <c r="S35248">
        <v>34</v>
      </c>
      <c r="T35248">
        <v>35</v>
      </c>
      <c r="U35248">
        <v>36</v>
      </c>
      <c r="V35248">
        <v>36</v>
      </c>
      <c r="W35248">
        <v>37</v>
      </c>
      <c r="X35248">
        <v>38</v>
      </c>
      <c r="Y35248">
        <v>39</v>
      </c>
      <c r="Z35248">
        <v>39</v>
      </c>
      <c r="AA35248">
        <v>40</v>
      </c>
      <c r="AB35248">
        <v>41</v>
      </c>
      <c r="AC35248">
        <v>42</v>
      </c>
      <c r="AD35248">
        <v>42</v>
      </c>
      <c r="AE35248">
        <v>43</v>
      </c>
      <c r="AF35248">
        <v>43</v>
      </c>
      <c r="AG35248">
        <v>43</v>
      </c>
      <c r="AH35248">
        <v>43</v>
      </c>
      <c r="AI35248">
        <v>43</v>
      </c>
      <c r="AJ35248">
        <v>44</v>
      </c>
      <c r="AK35248">
        <v>44</v>
      </c>
      <c r="AL35248">
        <v>44</v>
      </c>
      <c r="AM35248">
        <v>44</v>
      </c>
      <c r="AN35248">
        <v>44</v>
      </c>
      <c r="AO35248">
        <v>44</v>
      </c>
      <c r="AP35248">
        <v>44</v>
      </c>
      <c r="AQ35248">
        <v>45</v>
      </c>
    </row>
    <row r="35249" spans="1:43">
      <c r="A35249" t="s">
        <v>21847</v>
      </c>
      <c r="B35249" t="s">
        <v>21848</v>
      </c>
      <c r="C35249" t="s">
        <v>21849</v>
      </c>
      <c r="D35249" t="s">
        <v>21850</v>
      </c>
      <c r="E35249" t="s">
        <v>21751</v>
      </c>
      <c r="F35249" t="s">
        <v>21752</v>
      </c>
      <c r="G35249" t="s">
        <v>20255</v>
      </c>
      <c r="H35249" t="s">
        <v>20256</v>
      </c>
      <c r="I35249" s="2">
        <v>1</v>
      </c>
      <c r="J35249" s="2">
        <v>0</v>
      </c>
      <c r="K35249" s="2">
        <v>0</v>
      </c>
      <c r="L35249" t="s">
        <v>120</v>
      </c>
      <c r="M35249" t="s">
        <v>83</v>
      </c>
      <c r="N35249" t="s">
        <v>91</v>
      </c>
      <c r="O35249" t="s">
        <v>85</v>
      </c>
      <c r="P35249" t="s">
        <v>86</v>
      </c>
      <c r="Q35249">
        <v>32</v>
      </c>
      <c r="R35249">
        <v>33</v>
      </c>
      <c r="S35249">
        <v>33</v>
      </c>
      <c r="T35249">
        <v>34</v>
      </c>
      <c r="U35249">
        <v>34</v>
      </c>
      <c r="V35249">
        <v>35</v>
      </c>
      <c r="W35249">
        <v>36</v>
      </c>
      <c r="X35249">
        <v>36</v>
      </c>
      <c r="Y35249">
        <v>37</v>
      </c>
      <c r="Z35249">
        <v>37</v>
      </c>
      <c r="AA35249">
        <v>38</v>
      </c>
      <c r="AB35249">
        <v>38</v>
      </c>
      <c r="AC35249">
        <v>39</v>
      </c>
      <c r="AD35249">
        <v>39</v>
      </c>
      <c r="AE35249">
        <v>40</v>
      </c>
      <c r="AF35249">
        <v>40</v>
      </c>
      <c r="AG35249">
        <v>41</v>
      </c>
      <c r="AH35249">
        <v>41</v>
      </c>
      <c r="AI35249">
        <v>42</v>
      </c>
      <c r="AJ35249">
        <v>42</v>
      </c>
      <c r="AK35249">
        <v>43</v>
      </c>
      <c r="AL35249">
        <v>43</v>
      </c>
      <c r="AM35249">
        <v>43</v>
      </c>
      <c r="AN35249">
        <v>44</v>
      </c>
      <c r="AO35249">
        <v>44</v>
      </c>
      <c r="AP35249">
        <v>44</v>
      </c>
      <c r="AQ35249">
        <v>44</v>
      </c>
    </row>
    <row r="35250" spans="1:43">
      <c r="A35250" t="s">
        <v>21851</v>
      </c>
      <c r="B35250" t="s">
        <v>21852</v>
      </c>
      <c r="C35250" t="s">
        <v>21849</v>
      </c>
      <c r="D35250" t="s">
        <v>21850</v>
      </c>
      <c r="E35250" t="s">
        <v>21751</v>
      </c>
      <c r="F35250" t="s">
        <v>21752</v>
      </c>
      <c r="G35250" t="s">
        <v>20255</v>
      </c>
      <c r="H35250" t="s">
        <v>20256</v>
      </c>
      <c r="I35250" s="2">
        <v>1</v>
      </c>
      <c r="J35250" s="2">
        <v>0</v>
      </c>
      <c r="K35250" s="2">
        <v>0</v>
      </c>
      <c r="L35250" t="s">
        <v>120</v>
      </c>
      <c r="M35250" t="s">
        <v>83</v>
      </c>
      <c r="N35250" t="s">
        <v>84</v>
      </c>
      <c r="O35250" t="s">
        <v>85</v>
      </c>
      <c r="P35250" t="s">
        <v>86</v>
      </c>
      <c r="Q35250">
        <v>17</v>
      </c>
      <c r="R35250">
        <v>17</v>
      </c>
      <c r="S35250">
        <v>18</v>
      </c>
      <c r="T35250">
        <v>18</v>
      </c>
      <c r="U35250">
        <v>18</v>
      </c>
      <c r="V35250">
        <v>19</v>
      </c>
      <c r="W35250">
        <v>19</v>
      </c>
      <c r="X35250">
        <v>19</v>
      </c>
      <c r="Y35250">
        <v>20</v>
      </c>
      <c r="Z35250">
        <v>20</v>
      </c>
      <c r="AA35250">
        <v>20</v>
      </c>
      <c r="AB35250">
        <v>21</v>
      </c>
      <c r="AC35250">
        <v>21</v>
      </c>
      <c r="AD35250">
        <v>21</v>
      </c>
      <c r="AE35250">
        <v>21</v>
      </c>
      <c r="AF35250">
        <v>22</v>
      </c>
      <c r="AG35250">
        <v>22</v>
      </c>
      <c r="AH35250">
        <v>22</v>
      </c>
      <c r="AI35250">
        <v>23</v>
      </c>
      <c r="AJ35250">
        <v>23</v>
      </c>
      <c r="AK35250">
        <v>23</v>
      </c>
      <c r="AL35250">
        <v>23</v>
      </c>
      <c r="AM35250">
        <v>23</v>
      </c>
      <c r="AN35250">
        <v>23</v>
      </c>
      <c r="AO35250">
        <v>23</v>
      </c>
      <c r="AP35250">
        <v>23</v>
      </c>
      <c r="AQ35250">
        <v>24</v>
      </c>
    </row>
    <row r="35251" spans="1:43">
      <c r="A35251" t="s">
        <v>21851</v>
      </c>
      <c r="B35251" t="s">
        <v>21852</v>
      </c>
      <c r="C35251" t="s">
        <v>21849</v>
      </c>
      <c r="D35251" t="s">
        <v>21850</v>
      </c>
      <c r="E35251" t="s">
        <v>21751</v>
      </c>
      <c r="F35251" t="s">
        <v>21752</v>
      </c>
      <c r="G35251" t="s">
        <v>20255</v>
      </c>
      <c r="H35251" t="s">
        <v>20256</v>
      </c>
      <c r="I35251" s="2">
        <v>1</v>
      </c>
      <c r="J35251" s="2">
        <v>0</v>
      </c>
      <c r="K35251" s="2">
        <v>0</v>
      </c>
      <c r="L35251" t="s">
        <v>120</v>
      </c>
      <c r="M35251" t="s">
        <v>87</v>
      </c>
      <c r="N35251" t="s">
        <v>88</v>
      </c>
      <c r="O35251" t="s">
        <v>85</v>
      </c>
      <c r="P35251" t="s">
        <v>86</v>
      </c>
      <c r="Q35251">
        <v>17</v>
      </c>
      <c r="R35251">
        <v>17</v>
      </c>
      <c r="S35251">
        <v>17</v>
      </c>
      <c r="T35251">
        <v>17</v>
      </c>
      <c r="U35251">
        <v>18</v>
      </c>
      <c r="V35251">
        <v>18</v>
      </c>
      <c r="W35251">
        <v>18</v>
      </c>
      <c r="X35251">
        <v>18</v>
      </c>
      <c r="Y35251">
        <v>18</v>
      </c>
      <c r="Z35251">
        <v>18</v>
      </c>
      <c r="AA35251">
        <v>19</v>
      </c>
      <c r="AB35251">
        <v>19</v>
      </c>
      <c r="AC35251">
        <v>19</v>
      </c>
      <c r="AD35251">
        <v>19</v>
      </c>
      <c r="AE35251">
        <v>19</v>
      </c>
      <c r="AF35251">
        <v>19</v>
      </c>
      <c r="AG35251">
        <v>19</v>
      </c>
      <c r="AH35251">
        <v>20</v>
      </c>
      <c r="AI35251">
        <v>20</v>
      </c>
      <c r="AJ35251">
        <v>20</v>
      </c>
      <c r="AK35251">
        <v>20</v>
      </c>
      <c r="AL35251">
        <v>20</v>
      </c>
      <c r="AM35251">
        <v>20</v>
      </c>
      <c r="AN35251">
        <v>20</v>
      </c>
      <c r="AO35251">
        <v>20</v>
      </c>
      <c r="AP35251">
        <v>21</v>
      </c>
      <c r="AQ35251">
        <v>21</v>
      </c>
    </row>
    <row r="35252" spans="1:43">
      <c r="A35252" t="s">
        <v>21851</v>
      </c>
      <c r="B35252" t="s">
        <v>21852</v>
      </c>
      <c r="C35252" t="s">
        <v>21849</v>
      </c>
      <c r="D35252" t="s">
        <v>21850</v>
      </c>
      <c r="E35252" t="s">
        <v>21751</v>
      </c>
      <c r="F35252" t="s">
        <v>21752</v>
      </c>
      <c r="G35252" t="s">
        <v>20255</v>
      </c>
      <c r="H35252" t="s">
        <v>20256</v>
      </c>
      <c r="I35252" s="2">
        <v>1</v>
      </c>
      <c r="J35252" s="2">
        <v>0</v>
      </c>
      <c r="K35252" s="2">
        <v>0</v>
      </c>
      <c r="L35252" t="s">
        <v>120</v>
      </c>
      <c r="M35252" t="s">
        <v>89</v>
      </c>
      <c r="N35252" t="s">
        <v>90</v>
      </c>
      <c r="O35252" t="s">
        <v>85</v>
      </c>
      <c r="P35252" t="s">
        <v>86</v>
      </c>
      <c r="Q35252">
        <v>17</v>
      </c>
      <c r="R35252">
        <v>18</v>
      </c>
      <c r="S35252">
        <v>18</v>
      </c>
      <c r="T35252">
        <v>19</v>
      </c>
      <c r="U35252">
        <v>19</v>
      </c>
      <c r="V35252">
        <v>20</v>
      </c>
      <c r="W35252">
        <v>20</v>
      </c>
      <c r="X35252">
        <v>20</v>
      </c>
      <c r="Y35252">
        <v>21</v>
      </c>
      <c r="Z35252">
        <v>21</v>
      </c>
      <c r="AA35252">
        <v>21</v>
      </c>
      <c r="AB35252">
        <v>22</v>
      </c>
      <c r="AC35252">
        <v>22</v>
      </c>
      <c r="AD35252">
        <v>23</v>
      </c>
      <c r="AE35252">
        <v>23</v>
      </c>
      <c r="AF35252">
        <v>23</v>
      </c>
      <c r="AG35252">
        <v>23</v>
      </c>
      <c r="AH35252">
        <v>23</v>
      </c>
      <c r="AI35252">
        <v>23</v>
      </c>
      <c r="AJ35252">
        <v>23</v>
      </c>
      <c r="AK35252">
        <v>23</v>
      </c>
      <c r="AL35252">
        <v>23</v>
      </c>
      <c r="AM35252">
        <v>24</v>
      </c>
      <c r="AN35252">
        <v>24</v>
      </c>
      <c r="AO35252">
        <v>24</v>
      </c>
      <c r="AP35252">
        <v>24</v>
      </c>
      <c r="AQ35252">
        <v>24</v>
      </c>
    </row>
    <row r="35253" spans="1:43">
      <c r="A35253" t="s">
        <v>21851</v>
      </c>
      <c r="B35253" t="s">
        <v>21852</v>
      </c>
      <c r="C35253" t="s">
        <v>21849</v>
      </c>
      <c r="D35253" t="s">
        <v>21850</v>
      </c>
      <c r="E35253" t="s">
        <v>21751</v>
      </c>
      <c r="F35253" t="s">
        <v>21752</v>
      </c>
      <c r="G35253" t="s">
        <v>20255</v>
      </c>
      <c r="H35253" t="s">
        <v>20256</v>
      </c>
      <c r="I35253" s="2">
        <v>1</v>
      </c>
      <c r="J35253" s="2">
        <v>0</v>
      </c>
      <c r="K35253" s="2">
        <v>0</v>
      </c>
      <c r="L35253" t="s">
        <v>120</v>
      </c>
      <c r="M35253" t="s">
        <v>83</v>
      </c>
      <c r="N35253" t="s">
        <v>91</v>
      </c>
      <c r="O35253" t="s">
        <v>85</v>
      </c>
      <c r="P35253" t="s">
        <v>86</v>
      </c>
      <c r="Q35253">
        <v>17</v>
      </c>
      <c r="R35253">
        <v>17</v>
      </c>
      <c r="S35253">
        <v>18</v>
      </c>
      <c r="T35253">
        <v>18</v>
      </c>
      <c r="U35253">
        <v>18</v>
      </c>
      <c r="V35253">
        <v>19</v>
      </c>
      <c r="W35253">
        <v>19</v>
      </c>
      <c r="X35253">
        <v>19</v>
      </c>
      <c r="Y35253">
        <v>20</v>
      </c>
      <c r="Z35253">
        <v>20</v>
      </c>
      <c r="AA35253">
        <v>20</v>
      </c>
      <c r="AB35253">
        <v>21</v>
      </c>
      <c r="AC35253">
        <v>21</v>
      </c>
      <c r="AD35253">
        <v>21</v>
      </c>
      <c r="AE35253">
        <v>21</v>
      </c>
      <c r="AF35253">
        <v>22</v>
      </c>
      <c r="AG35253">
        <v>22</v>
      </c>
      <c r="AH35253">
        <v>22</v>
      </c>
      <c r="AI35253">
        <v>23</v>
      </c>
      <c r="AJ35253">
        <v>23</v>
      </c>
      <c r="AK35253">
        <v>23</v>
      </c>
      <c r="AL35253">
        <v>23</v>
      </c>
      <c r="AM35253">
        <v>23</v>
      </c>
      <c r="AN35253">
        <v>23</v>
      </c>
      <c r="AO35253">
        <v>23</v>
      </c>
      <c r="AP35253">
        <v>23</v>
      </c>
      <c r="AQ35253">
        <v>24</v>
      </c>
    </row>
    <row r="35254" spans="1:43">
      <c r="A35254" t="s">
        <v>21853</v>
      </c>
      <c r="B35254" t="s">
        <v>21854</v>
      </c>
      <c r="C35254" t="s">
        <v>21849</v>
      </c>
      <c r="D35254" t="s">
        <v>21850</v>
      </c>
      <c r="E35254" t="s">
        <v>21751</v>
      </c>
      <c r="F35254" t="s">
        <v>21752</v>
      </c>
      <c r="G35254" t="s">
        <v>20255</v>
      </c>
      <c r="H35254" t="s">
        <v>20256</v>
      </c>
      <c r="I35254" s="2">
        <v>1</v>
      </c>
      <c r="J35254" s="2">
        <v>0</v>
      </c>
      <c r="K35254" s="2">
        <v>0</v>
      </c>
      <c r="L35254" t="s">
        <v>120</v>
      </c>
      <c r="M35254" t="s">
        <v>83</v>
      </c>
      <c r="N35254" t="s">
        <v>84</v>
      </c>
      <c r="O35254" t="s">
        <v>85</v>
      </c>
      <c r="P35254" t="s">
        <v>86</v>
      </c>
      <c r="Q35254">
        <v>8</v>
      </c>
      <c r="R35254">
        <v>8</v>
      </c>
      <c r="S35254">
        <v>8</v>
      </c>
      <c r="T35254">
        <v>8</v>
      </c>
      <c r="U35254">
        <v>8</v>
      </c>
      <c r="V35254">
        <v>9</v>
      </c>
      <c r="W35254">
        <v>9</v>
      </c>
      <c r="X35254">
        <v>9</v>
      </c>
      <c r="Y35254">
        <v>9</v>
      </c>
      <c r="Z35254">
        <v>9</v>
      </c>
      <c r="AA35254">
        <v>9</v>
      </c>
      <c r="AB35254">
        <v>9</v>
      </c>
      <c r="AC35254">
        <v>9</v>
      </c>
      <c r="AD35254">
        <v>10</v>
      </c>
      <c r="AE35254">
        <v>10</v>
      </c>
      <c r="AF35254">
        <v>10</v>
      </c>
      <c r="AG35254">
        <v>10</v>
      </c>
      <c r="AH35254">
        <v>10</v>
      </c>
      <c r="AI35254">
        <v>10</v>
      </c>
      <c r="AJ35254">
        <v>10</v>
      </c>
      <c r="AK35254">
        <v>10</v>
      </c>
      <c r="AL35254">
        <v>11</v>
      </c>
      <c r="AM35254">
        <v>11</v>
      </c>
      <c r="AN35254">
        <v>11</v>
      </c>
      <c r="AO35254">
        <v>11</v>
      </c>
      <c r="AP35254">
        <v>11</v>
      </c>
      <c r="AQ35254">
        <v>11</v>
      </c>
    </row>
    <row r="35255" spans="1:43">
      <c r="A35255" t="s">
        <v>21853</v>
      </c>
      <c r="B35255" t="s">
        <v>21854</v>
      </c>
      <c r="C35255" t="s">
        <v>21849</v>
      </c>
      <c r="D35255" t="s">
        <v>21850</v>
      </c>
      <c r="E35255" t="s">
        <v>21751</v>
      </c>
      <c r="F35255" t="s">
        <v>21752</v>
      </c>
      <c r="G35255" t="s">
        <v>20255</v>
      </c>
      <c r="H35255" t="s">
        <v>20256</v>
      </c>
      <c r="I35255" s="2">
        <v>1</v>
      </c>
      <c r="J35255" s="2">
        <v>0</v>
      </c>
      <c r="K35255" s="2">
        <v>0</v>
      </c>
      <c r="L35255" t="s">
        <v>120</v>
      </c>
      <c r="M35255" t="s">
        <v>87</v>
      </c>
      <c r="N35255" t="s">
        <v>88</v>
      </c>
      <c r="O35255" t="s">
        <v>85</v>
      </c>
      <c r="P35255" t="s">
        <v>86</v>
      </c>
      <c r="Q35255">
        <v>8</v>
      </c>
      <c r="R35255">
        <v>8</v>
      </c>
      <c r="S35255">
        <v>8</v>
      </c>
      <c r="T35255">
        <v>8</v>
      </c>
      <c r="U35255">
        <v>8</v>
      </c>
      <c r="V35255">
        <v>8</v>
      </c>
      <c r="W35255">
        <v>8</v>
      </c>
      <c r="X35255">
        <v>8</v>
      </c>
      <c r="Y35255">
        <v>8</v>
      </c>
      <c r="Z35255">
        <v>8</v>
      </c>
      <c r="AA35255">
        <v>8</v>
      </c>
      <c r="AB35255">
        <v>9</v>
      </c>
      <c r="AC35255">
        <v>9</v>
      </c>
      <c r="AD35255">
        <v>9</v>
      </c>
      <c r="AE35255">
        <v>9</v>
      </c>
      <c r="AF35255">
        <v>9</v>
      </c>
      <c r="AG35255">
        <v>9</v>
      </c>
      <c r="AH35255">
        <v>9</v>
      </c>
      <c r="AI35255">
        <v>9</v>
      </c>
      <c r="AJ35255">
        <v>9</v>
      </c>
      <c r="AK35255">
        <v>9</v>
      </c>
      <c r="AL35255">
        <v>9</v>
      </c>
      <c r="AM35255">
        <v>9</v>
      </c>
      <c r="AN35255">
        <v>9</v>
      </c>
      <c r="AO35255">
        <v>9</v>
      </c>
      <c r="AP35255">
        <v>9</v>
      </c>
      <c r="AQ35255">
        <v>9</v>
      </c>
    </row>
    <row r="35256" spans="1:43">
      <c r="A35256" t="s">
        <v>21853</v>
      </c>
      <c r="B35256" t="s">
        <v>21854</v>
      </c>
      <c r="C35256" t="s">
        <v>21849</v>
      </c>
      <c r="D35256" t="s">
        <v>21850</v>
      </c>
      <c r="E35256" t="s">
        <v>21751</v>
      </c>
      <c r="F35256" t="s">
        <v>21752</v>
      </c>
      <c r="G35256" t="s">
        <v>20255</v>
      </c>
      <c r="H35256" t="s">
        <v>20256</v>
      </c>
      <c r="I35256" s="2">
        <v>1</v>
      </c>
      <c r="J35256" s="2">
        <v>0</v>
      </c>
      <c r="K35256" s="2">
        <v>0</v>
      </c>
      <c r="L35256" t="s">
        <v>120</v>
      </c>
      <c r="M35256" t="s">
        <v>89</v>
      </c>
      <c r="N35256" t="s">
        <v>90</v>
      </c>
      <c r="O35256" t="s">
        <v>85</v>
      </c>
      <c r="P35256" t="s">
        <v>86</v>
      </c>
      <c r="Q35256">
        <v>8</v>
      </c>
      <c r="R35256">
        <v>8</v>
      </c>
      <c r="S35256">
        <v>8</v>
      </c>
      <c r="T35256">
        <v>9</v>
      </c>
      <c r="U35256">
        <v>9</v>
      </c>
      <c r="V35256">
        <v>9</v>
      </c>
      <c r="W35256">
        <v>9</v>
      </c>
      <c r="X35256">
        <v>9</v>
      </c>
      <c r="Y35256">
        <v>9</v>
      </c>
      <c r="Z35256">
        <v>10</v>
      </c>
      <c r="AA35256">
        <v>10</v>
      </c>
      <c r="AB35256">
        <v>10</v>
      </c>
      <c r="AC35256">
        <v>10</v>
      </c>
      <c r="AD35256">
        <v>10</v>
      </c>
      <c r="AE35256">
        <v>10</v>
      </c>
      <c r="AF35256">
        <v>10</v>
      </c>
      <c r="AG35256">
        <v>10</v>
      </c>
      <c r="AH35256">
        <v>10</v>
      </c>
      <c r="AI35256">
        <v>11</v>
      </c>
      <c r="AJ35256">
        <v>11</v>
      </c>
      <c r="AK35256">
        <v>11</v>
      </c>
      <c r="AL35256">
        <v>11</v>
      </c>
      <c r="AM35256">
        <v>11</v>
      </c>
      <c r="AN35256">
        <v>11</v>
      </c>
      <c r="AO35256">
        <v>11</v>
      </c>
      <c r="AP35256">
        <v>11</v>
      </c>
      <c r="AQ35256">
        <v>11</v>
      </c>
    </row>
    <row r="35257" spans="1:43">
      <c r="A35257" t="s">
        <v>21853</v>
      </c>
      <c r="B35257" t="s">
        <v>21854</v>
      </c>
      <c r="C35257" t="s">
        <v>21849</v>
      </c>
      <c r="D35257" t="s">
        <v>21850</v>
      </c>
      <c r="E35257" t="s">
        <v>21751</v>
      </c>
      <c r="F35257" t="s">
        <v>21752</v>
      </c>
      <c r="G35257" t="s">
        <v>20255</v>
      </c>
      <c r="H35257" t="s">
        <v>20256</v>
      </c>
      <c r="I35257" s="2">
        <v>1</v>
      </c>
      <c r="J35257" s="2">
        <v>0</v>
      </c>
      <c r="K35257" s="2">
        <v>0</v>
      </c>
      <c r="L35257" t="s">
        <v>120</v>
      </c>
      <c r="M35257" t="s">
        <v>83</v>
      </c>
      <c r="N35257" t="s">
        <v>91</v>
      </c>
      <c r="O35257" t="s">
        <v>85</v>
      </c>
      <c r="P35257" t="s">
        <v>86</v>
      </c>
      <c r="Q35257">
        <v>8</v>
      </c>
      <c r="R35257">
        <v>8</v>
      </c>
      <c r="S35257">
        <v>8</v>
      </c>
      <c r="T35257">
        <v>8</v>
      </c>
      <c r="U35257">
        <v>8</v>
      </c>
      <c r="V35257">
        <v>9</v>
      </c>
      <c r="W35257">
        <v>9</v>
      </c>
      <c r="X35257">
        <v>9</v>
      </c>
      <c r="Y35257">
        <v>9</v>
      </c>
      <c r="Z35257">
        <v>9</v>
      </c>
      <c r="AA35257">
        <v>9</v>
      </c>
      <c r="AB35257">
        <v>9</v>
      </c>
      <c r="AC35257">
        <v>9</v>
      </c>
      <c r="AD35257">
        <v>10</v>
      </c>
      <c r="AE35257">
        <v>10</v>
      </c>
      <c r="AF35257">
        <v>10</v>
      </c>
      <c r="AG35257">
        <v>10</v>
      </c>
      <c r="AH35257">
        <v>10</v>
      </c>
      <c r="AI35257">
        <v>10</v>
      </c>
      <c r="AJ35257">
        <v>10</v>
      </c>
      <c r="AK35257">
        <v>10</v>
      </c>
      <c r="AL35257">
        <v>11</v>
      </c>
      <c r="AM35257">
        <v>11</v>
      </c>
      <c r="AN35257">
        <v>11</v>
      </c>
      <c r="AO35257">
        <v>11</v>
      </c>
      <c r="AP35257">
        <v>11</v>
      </c>
      <c r="AQ35257">
        <v>11</v>
      </c>
    </row>
    <row r="35258" spans="1:43">
      <c r="A35258" t="s">
        <v>21855</v>
      </c>
      <c r="B35258" t="s">
        <v>21856</v>
      </c>
      <c r="C35258" t="s">
        <v>21849</v>
      </c>
      <c r="D35258" t="s">
        <v>21850</v>
      </c>
      <c r="E35258" t="s">
        <v>21751</v>
      </c>
      <c r="F35258" t="s">
        <v>21752</v>
      </c>
      <c r="G35258" t="s">
        <v>20255</v>
      </c>
      <c r="H35258" t="s">
        <v>20256</v>
      </c>
      <c r="I35258" s="2">
        <v>1</v>
      </c>
      <c r="J35258" s="2">
        <v>0</v>
      </c>
      <c r="K35258" s="2">
        <v>0</v>
      </c>
      <c r="L35258" t="s">
        <v>120</v>
      </c>
      <c r="M35258" t="s">
        <v>83</v>
      </c>
      <c r="N35258" t="s">
        <v>84</v>
      </c>
      <c r="O35258" t="s">
        <v>85</v>
      </c>
      <c r="P35258" t="s">
        <v>86</v>
      </c>
      <c r="Q35258">
        <v>34</v>
      </c>
      <c r="R35258">
        <v>35</v>
      </c>
      <c r="S35258">
        <v>36</v>
      </c>
      <c r="T35258">
        <v>36</v>
      </c>
      <c r="U35258">
        <v>37</v>
      </c>
      <c r="V35258">
        <v>38</v>
      </c>
      <c r="W35258">
        <v>38</v>
      </c>
      <c r="X35258">
        <v>39</v>
      </c>
      <c r="Y35258">
        <v>39</v>
      </c>
      <c r="Z35258">
        <v>40</v>
      </c>
      <c r="AA35258">
        <v>41</v>
      </c>
      <c r="AB35258">
        <v>41</v>
      </c>
      <c r="AC35258">
        <v>42</v>
      </c>
      <c r="AD35258">
        <v>42</v>
      </c>
      <c r="AE35258">
        <v>43</v>
      </c>
      <c r="AF35258">
        <v>43</v>
      </c>
      <c r="AG35258">
        <v>44</v>
      </c>
      <c r="AH35258">
        <v>44</v>
      </c>
      <c r="AI35258">
        <v>45</v>
      </c>
      <c r="AJ35258">
        <v>45</v>
      </c>
      <c r="AK35258">
        <v>46</v>
      </c>
      <c r="AL35258">
        <v>46</v>
      </c>
      <c r="AM35258">
        <v>46</v>
      </c>
      <c r="AN35258">
        <v>47</v>
      </c>
      <c r="AO35258">
        <v>47</v>
      </c>
      <c r="AP35258">
        <v>47</v>
      </c>
      <c r="AQ35258">
        <v>47</v>
      </c>
    </row>
    <row r="35259" spans="1:43">
      <c r="A35259" t="s">
        <v>21855</v>
      </c>
      <c r="B35259" t="s">
        <v>21856</v>
      </c>
      <c r="C35259" t="s">
        <v>21849</v>
      </c>
      <c r="D35259" t="s">
        <v>21850</v>
      </c>
      <c r="E35259" t="s">
        <v>21751</v>
      </c>
      <c r="F35259" t="s">
        <v>21752</v>
      </c>
      <c r="G35259" t="s">
        <v>20255</v>
      </c>
      <c r="H35259" t="s">
        <v>20256</v>
      </c>
      <c r="I35259" s="2">
        <v>1</v>
      </c>
      <c r="J35259" s="2">
        <v>0</v>
      </c>
      <c r="K35259" s="2">
        <v>0</v>
      </c>
      <c r="L35259" t="s">
        <v>120</v>
      </c>
      <c r="M35259" t="s">
        <v>87</v>
      </c>
      <c r="N35259" t="s">
        <v>88</v>
      </c>
      <c r="O35259" t="s">
        <v>85</v>
      </c>
      <c r="P35259" t="s">
        <v>86</v>
      </c>
      <c r="Q35259">
        <v>34</v>
      </c>
      <c r="R35259">
        <v>34</v>
      </c>
      <c r="S35259">
        <v>35</v>
      </c>
      <c r="T35259">
        <v>35</v>
      </c>
      <c r="U35259">
        <v>35</v>
      </c>
      <c r="V35259">
        <v>36</v>
      </c>
      <c r="W35259">
        <v>36</v>
      </c>
      <c r="X35259">
        <v>36</v>
      </c>
      <c r="Y35259">
        <v>36</v>
      </c>
      <c r="Z35259">
        <v>37</v>
      </c>
      <c r="AA35259">
        <v>37</v>
      </c>
      <c r="AB35259">
        <v>37</v>
      </c>
      <c r="AC35259">
        <v>38</v>
      </c>
      <c r="AD35259">
        <v>38</v>
      </c>
      <c r="AE35259">
        <v>38</v>
      </c>
      <c r="AF35259">
        <v>38</v>
      </c>
      <c r="AG35259">
        <v>39</v>
      </c>
      <c r="AH35259">
        <v>39</v>
      </c>
      <c r="AI35259">
        <v>39</v>
      </c>
      <c r="AJ35259">
        <v>39</v>
      </c>
      <c r="AK35259">
        <v>40</v>
      </c>
      <c r="AL35259">
        <v>40</v>
      </c>
      <c r="AM35259">
        <v>40</v>
      </c>
      <c r="AN35259">
        <v>40</v>
      </c>
      <c r="AO35259">
        <v>41</v>
      </c>
      <c r="AP35259">
        <v>41</v>
      </c>
      <c r="AQ35259">
        <v>41</v>
      </c>
    </row>
    <row r="35260" spans="1:43">
      <c r="A35260" t="s">
        <v>21855</v>
      </c>
      <c r="B35260" t="s">
        <v>21856</v>
      </c>
      <c r="C35260" t="s">
        <v>21849</v>
      </c>
      <c r="D35260" t="s">
        <v>21850</v>
      </c>
      <c r="E35260" t="s">
        <v>21751</v>
      </c>
      <c r="F35260" t="s">
        <v>21752</v>
      </c>
      <c r="G35260" t="s">
        <v>20255</v>
      </c>
      <c r="H35260" t="s">
        <v>20256</v>
      </c>
      <c r="I35260" s="2">
        <v>1</v>
      </c>
      <c r="J35260" s="2">
        <v>0</v>
      </c>
      <c r="K35260" s="2">
        <v>0</v>
      </c>
      <c r="L35260" t="s">
        <v>120</v>
      </c>
      <c r="M35260" t="s">
        <v>89</v>
      </c>
      <c r="N35260" t="s">
        <v>90</v>
      </c>
      <c r="O35260" t="s">
        <v>85</v>
      </c>
      <c r="P35260" t="s">
        <v>86</v>
      </c>
      <c r="Q35260">
        <v>34</v>
      </c>
      <c r="R35260">
        <v>35</v>
      </c>
      <c r="S35260">
        <v>35</v>
      </c>
      <c r="T35260">
        <v>36</v>
      </c>
      <c r="U35260">
        <v>37</v>
      </c>
      <c r="V35260">
        <v>38</v>
      </c>
      <c r="W35260">
        <v>39</v>
      </c>
      <c r="X35260">
        <v>40</v>
      </c>
      <c r="Y35260">
        <v>40</v>
      </c>
      <c r="Z35260">
        <v>41</v>
      </c>
      <c r="AA35260">
        <v>42</v>
      </c>
      <c r="AB35260">
        <v>43</v>
      </c>
      <c r="AC35260">
        <v>43</v>
      </c>
      <c r="AD35260">
        <v>44</v>
      </c>
      <c r="AE35260">
        <v>45</v>
      </c>
      <c r="AF35260">
        <v>45</v>
      </c>
      <c r="AG35260">
        <v>45</v>
      </c>
      <c r="AH35260">
        <v>45</v>
      </c>
      <c r="AI35260">
        <v>45</v>
      </c>
      <c r="AJ35260">
        <v>46</v>
      </c>
      <c r="AK35260">
        <v>46</v>
      </c>
      <c r="AL35260">
        <v>46</v>
      </c>
      <c r="AM35260">
        <v>46</v>
      </c>
      <c r="AN35260">
        <v>46</v>
      </c>
      <c r="AO35260">
        <v>46</v>
      </c>
      <c r="AP35260">
        <v>46</v>
      </c>
      <c r="AQ35260">
        <v>47</v>
      </c>
    </row>
    <row r="35261" spans="1:43">
      <c r="A35261" t="s">
        <v>21855</v>
      </c>
      <c r="B35261" t="s">
        <v>21856</v>
      </c>
      <c r="C35261" t="s">
        <v>21849</v>
      </c>
      <c r="D35261" t="s">
        <v>21850</v>
      </c>
      <c r="E35261" t="s">
        <v>21751</v>
      </c>
      <c r="F35261" t="s">
        <v>21752</v>
      </c>
      <c r="G35261" t="s">
        <v>20255</v>
      </c>
      <c r="H35261" t="s">
        <v>20256</v>
      </c>
      <c r="I35261" s="2">
        <v>1</v>
      </c>
      <c r="J35261" s="2">
        <v>0</v>
      </c>
      <c r="K35261" s="2">
        <v>0</v>
      </c>
      <c r="L35261" t="s">
        <v>120</v>
      </c>
      <c r="M35261" t="s">
        <v>83</v>
      </c>
      <c r="N35261" t="s">
        <v>91</v>
      </c>
      <c r="O35261" t="s">
        <v>85</v>
      </c>
      <c r="P35261" t="s">
        <v>86</v>
      </c>
      <c r="Q35261">
        <v>34</v>
      </c>
      <c r="R35261">
        <v>35</v>
      </c>
      <c r="S35261">
        <v>36</v>
      </c>
      <c r="T35261">
        <v>36</v>
      </c>
      <c r="U35261">
        <v>37</v>
      </c>
      <c r="V35261">
        <v>38</v>
      </c>
      <c r="W35261">
        <v>38</v>
      </c>
      <c r="X35261">
        <v>39</v>
      </c>
      <c r="Y35261">
        <v>39</v>
      </c>
      <c r="Z35261">
        <v>40</v>
      </c>
      <c r="AA35261">
        <v>41</v>
      </c>
      <c r="AB35261">
        <v>41</v>
      </c>
      <c r="AC35261">
        <v>42</v>
      </c>
      <c r="AD35261">
        <v>42</v>
      </c>
      <c r="AE35261">
        <v>43</v>
      </c>
      <c r="AF35261">
        <v>43</v>
      </c>
      <c r="AG35261">
        <v>44</v>
      </c>
      <c r="AH35261">
        <v>44</v>
      </c>
      <c r="AI35261">
        <v>45</v>
      </c>
      <c r="AJ35261">
        <v>45</v>
      </c>
      <c r="AK35261">
        <v>46</v>
      </c>
      <c r="AL35261">
        <v>46</v>
      </c>
      <c r="AM35261">
        <v>46</v>
      </c>
      <c r="AN35261">
        <v>47</v>
      </c>
      <c r="AO35261">
        <v>47</v>
      </c>
      <c r="AP35261">
        <v>47</v>
      </c>
      <c r="AQ35261">
        <v>47</v>
      </c>
    </row>
    <row r="35262" spans="1:43">
      <c r="A35262" t="s">
        <v>21857</v>
      </c>
      <c r="B35262" t="s">
        <v>21858</v>
      </c>
      <c r="C35262" t="s">
        <v>21849</v>
      </c>
      <c r="D35262" t="s">
        <v>21850</v>
      </c>
      <c r="E35262" t="s">
        <v>21751</v>
      </c>
      <c r="F35262" t="s">
        <v>21752</v>
      </c>
      <c r="G35262" t="s">
        <v>20255</v>
      </c>
      <c r="H35262" t="s">
        <v>20256</v>
      </c>
      <c r="I35262" s="2">
        <v>1</v>
      </c>
      <c r="J35262" s="2">
        <v>0</v>
      </c>
      <c r="K35262" s="2">
        <v>0</v>
      </c>
      <c r="L35262" t="s">
        <v>120</v>
      </c>
      <c r="M35262" t="s">
        <v>83</v>
      </c>
      <c r="N35262" t="s">
        <v>84</v>
      </c>
      <c r="O35262" t="s">
        <v>85</v>
      </c>
      <c r="P35262" t="s">
        <v>86</v>
      </c>
      <c r="Q35262">
        <v>18</v>
      </c>
      <c r="R35262">
        <v>19</v>
      </c>
      <c r="S35262">
        <v>19</v>
      </c>
      <c r="T35262">
        <v>19</v>
      </c>
      <c r="U35262">
        <v>20</v>
      </c>
      <c r="V35262">
        <v>20</v>
      </c>
      <c r="W35262">
        <v>21</v>
      </c>
      <c r="X35262">
        <v>21</v>
      </c>
      <c r="Y35262">
        <v>21</v>
      </c>
      <c r="Z35262">
        <v>21</v>
      </c>
      <c r="AA35262">
        <v>22</v>
      </c>
      <c r="AB35262">
        <v>22</v>
      </c>
      <c r="AC35262">
        <v>22</v>
      </c>
      <c r="AD35262">
        <v>23</v>
      </c>
      <c r="AE35262">
        <v>23</v>
      </c>
      <c r="AF35262">
        <v>23</v>
      </c>
      <c r="AG35262">
        <v>24</v>
      </c>
      <c r="AH35262">
        <v>24</v>
      </c>
      <c r="AI35262">
        <v>24</v>
      </c>
      <c r="AJ35262">
        <v>24</v>
      </c>
      <c r="AK35262">
        <v>25</v>
      </c>
      <c r="AL35262">
        <v>25</v>
      </c>
      <c r="AM35262">
        <v>25</v>
      </c>
      <c r="AN35262">
        <v>25</v>
      </c>
      <c r="AO35262">
        <v>25</v>
      </c>
      <c r="AP35262">
        <v>25</v>
      </c>
      <c r="AQ35262">
        <v>25</v>
      </c>
    </row>
    <row r="35263" spans="1:43">
      <c r="A35263" t="s">
        <v>21857</v>
      </c>
      <c r="B35263" t="s">
        <v>21858</v>
      </c>
      <c r="C35263" t="s">
        <v>21849</v>
      </c>
      <c r="D35263" t="s">
        <v>21850</v>
      </c>
      <c r="E35263" t="s">
        <v>21751</v>
      </c>
      <c r="F35263" t="s">
        <v>21752</v>
      </c>
      <c r="G35263" t="s">
        <v>20255</v>
      </c>
      <c r="H35263" t="s">
        <v>20256</v>
      </c>
      <c r="I35263" s="2">
        <v>1</v>
      </c>
      <c r="J35263" s="2">
        <v>0</v>
      </c>
      <c r="K35263" s="2">
        <v>0</v>
      </c>
      <c r="L35263" t="s">
        <v>120</v>
      </c>
      <c r="M35263" t="s">
        <v>87</v>
      </c>
      <c r="N35263" t="s">
        <v>88</v>
      </c>
      <c r="O35263" t="s">
        <v>85</v>
      </c>
      <c r="P35263" t="s">
        <v>86</v>
      </c>
      <c r="Q35263">
        <v>18</v>
      </c>
      <c r="R35263">
        <v>18</v>
      </c>
      <c r="S35263">
        <v>19</v>
      </c>
      <c r="T35263">
        <v>19</v>
      </c>
      <c r="U35263">
        <v>19</v>
      </c>
      <c r="V35263">
        <v>19</v>
      </c>
      <c r="W35263">
        <v>19</v>
      </c>
      <c r="X35263">
        <v>19</v>
      </c>
      <c r="Y35263">
        <v>20</v>
      </c>
      <c r="Z35263">
        <v>20</v>
      </c>
      <c r="AA35263">
        <v>20</v>
      </c>
      <c r="AB35263">
        <v>20</v>
      </c>
      <c r="AC35263">
        <v>20</v>
      </c>
      <c r="AD35263">
        <v>20</v>
      </c>
      <c r="AE35263">
        <v>21</v>
      </c>
      <c r="AF35263">
        <v>21</v>
      </c>
      <c r="AG35263">
        <v>21</v>
      </c>
      <c r="AH35263">
        <v>21</v>
      </c>
      <c r="AI35263">
        <v>21</v>
      </c>
      <c r="AJ35263">
        <v>21</v>
      </c>
      <c r="AK35263">
        <v>21</v>
      </c>
      <c r="AL35263">
        <v>22</v>
      </c>
      <c r="AM35263">
        <v>22</v>
      </c>
      <c r="AN35263">
        <v>22</v>
      </c>
      <c r="AO35263">
        <v>22</v>
      </c>
      <c r="AP35263">
        <v>22</v>
      </c>
      <c r="AQ35263">
        <v>22</v>
      </c>
    </row>
    <row r="35264" spans="1:43">
      <c r="A35264" t="s">
        <v>21857</v>
      </c>
      <c r="B35264" t="s">
        <v>21858</v>
      </c>
      <c r="C35264" t="s">
        <v>21849</v>
      </c>
      <c r="D35264" t="s">
        <v>21850</v>
      </c>
      <c r="E35264" t="s">
        <v>21751</v>
      </c>
      <c r="F35264" t="s">
        <v>21752</v>
      </c>
      <c r="G35264" t="s">
        <v>20255</v>
      </c>
      <c r="H35264" t="s">
        <v>20256</v>
      </c>
      <c r="I35264" s="2">
        <v>1</v>
      </c>
      <c r="J35264" s="2">
        <v>0</v>
      </c>
      <c r="K35264" s="2">
        <v>0</v>
      </c>
      <c r="L35264" t="s">
        <v>120</v>
      </c>
      <c r="M35264" t="s">
        <v>89</v>
      </c>
      <c r="N35264" t="s">
        <v>90</v>
      </c>
      <c r="O35264" t="s">
        <v>85</v>
      </c>
      <c r="P35264" t="s">
        <v>86</v>
      </c>
      <c r="Q35264">
        <v>18</v>
      </c>
      <c r="R35264">
        <v>18</v>
      </c>
      <c r="S35264">
        <v>19</v>
      </c>
      <c r="T35264">
        <v>19</v>
      </c>
      <c r="U35264">
        <v>20</v>
      </c>
      <c r="V35264">
        <v>20</v>
      </c>
      <c r="W35264">
        <v>20</v>
      </c>
      <c r="X35264">
        <v>21</v>
      </c>
      <c r="Y35264">
        <v>21</v>
      </c>
      <c r="Z35264">
        <v>22</v>
      </c>
      <c r="AA35264">
        <v>22</v>
      </c>
      <c r="AB35264">
        <v>22</v>
      </c>
      <c r="AC35264">
        <v>23</v>
      </c>
      <c r="AD35264">
        <v>23</v>
      </c>
      <c r="AE35264">
        <v>23</v>
      </c>
      <c r="AF35264">
        <v>24</v>
      </c>
      <c r="AG35264">
        <v>24</v>
      </c>
      <c r="AH35264">
        <v>24</v>
      </c>
      <c r="AI35264">
        <v>24</v>
      </c>
      <c r="AJ35264">
        <v>24</v>
      </c>
      <c r="AK35264">
        <v>24</v>
      </c>
      <c r="AL35264">
        <v>24</v>
      </c>
      <c r="AM35264">
        <v>24</v>
      </c>
      <c r="AN35264">
        <v>24</v>
      </c>
      <c r="AO35264">
        <v>24</v>
      </c>
      <c r="AP35264">
        <v>24</v>
      </c>
      <c r="AQ35264">
        <v>25</v>
      </c>
    </row>
    <row r="35265" spans="1:43">
      <c r="A35265" t="s">
        <v>21857</v>
      </c>
      <c r="B35265" t="s">
        <v>21858</v>
      </c>
      <c r="C35265" t="s">
        <v>21849</v>
      </c>
      <c r="D35265" t="s">
        <v>21850</v>
      </c>
      <c r="E35265" t="s">
        <v>21751</v>
      </c>
      <c r="F35265" t="s">
        <v>21752</v>
      </c>
      <c r="G35265" t="s">
        <v>20255</v>
      </c>
      <c r="H35265" t="s">
        <v>20256</v>
      </c>
      <c r="I35265" s="2">
        <v>1</v>
      </c>
      <c r="J35265" s="2">
        <v>0</v>
      </c>
      <c r="K35265" s="2">
        <v>0</v>
      </c>
      <c r="L35265" t="s">
        <v>120</v>
      </c>
      <c r="M35265" t="s">
        <v>83</v>
      </c>
      <c r="N35265" t="s">
        <v>91</v>
      </c>
      <c r="O35265" t="s">
        <v>85</v>
      </c>
      <c r="P35265" t="s">
        <v>86</v>
      </c>
      <c r="Q35265">
        <v>18</v>
      </c>
      <c r="R35265">
        <v>19</v>
      </c>
      <c r="S35265">
        <v>19</v>
      </c>
      <c r="T35265">
        <v>19</v>
      </c>
      <c r="U35265">
        <v>20</v>
      </c>
      <c r="V35265">
        <v>20</v>
      </c>
      <c r="W35265">
        <v>21</v>
      </c>
      <c r="X35265">
        <v>21</v>
      </c>
      <c r="Y35265">
        <v>21</v>
      </c>
      <c r="Z35265">
        <v>21</v>
      </c>
      <c r="AA35265">
        <v>22</v>
      </c>
      <c r="AB35265">
        <v>22</v>
      </c>
      <c r="AC35265">
        <v>22</v>
      </c>
      <c r="AD35265">
        <v>23</v>
      </c>
      <c r="AE35265">
        <v>23</v>
      </c>
      <c r="AF35265">
        <v>23</v>
      </c>
      <c r="AG35265">
        <v>24</v>
      </c>
      <c r="AH35265">
        <v>24</v>
      </c>
      <c r="AI35265">
        <v>24</v>
      </c>
      <c r="AJ35265">
        <v>24</v>
      </c>
      <c r="AK35265">
        <v>25</v>
      </c>
      <c r="AL35265">
        <v>25</v>
      </c>
      <c r="AM35265">
        <v>25</v>
      </c>
      <c r="AN35265">
        <v>25</v>
      </c>
      <c r="AO35265">
        <v>25</v>
      </c>
      <c r="AP35265">
        <v>25</v>
      </c>
      <c r="AQ35265">
        <v>25</v>
      </c>
    </row>
    <row r="35266" spans="1:43">
      <c r="A35266" t="s">
        <v>21859</v>
      </c>
      <c r="B35266" t="s">
        <v>21860</v>
      </c>
      <c r="C35266" t="s">
        <v>21861</v>
      </c>
      <c r="D35266" t="s">
        <v>21862</v>
      </c>
      <c r="E35266" t="s">
        <v>21751</v>
      </c>
      <c r="F35266" t="s">
        <v>21752</v>
      </c>
      <c r="G35266" t="s">
        <v>20255</v>
      </c>
      <c r="H35266" t="s">
        <v>20256</v>
      </c>
      <c r="I35266" s="2">
        <v>1</v>
      </c>
      <c r="J35266" s="2">
        <v>0</v>
      </c>
      <c r="K35266" s="2">
        <v>0</v>
      </c>
      <c r="L35266" t="s">
        <v>120</v>
      </c>
      <c r="M35266" t="s">
        <v>83</v>
      </c>
      <c r="N35266" t="s">
        <v>84</v>
      </c>
      <c r="O35266" t="s">
        <v>85</v>
      </c>
      <c r="P35266" t="s">
        <v>86</v>
      </c>
      <c r="Q35266">
        <v>2</v>
      </c>
      <c r="R35266">
        <v>2</v>
      </c>
      <c r="S35266">
        <v>2</v>
      </c>
      <c r="T35266">
        <v>2</v>
      </c>
      <c r="U35266">
        <v>3</v>
      </c>
      <c r="V35266">
        <v>3</v>
      </c>
      <c r="W35266">
        <v>3</v>
      </c>
      <c r="X35266">
        <v>3</v>
      </c>
      <c r="Y35266">
        <v>3</v>
      </c>
      <c r="Z35266">
        <v>3</v>
      </c>
      <c r="AA35266">
        <v>3</v>
      </c>
      <c r="AB35266">
        <v>3</v>
      </c>
      <c r="AC35266">
        <v>3</v>
      </c>
      <c r="AD35266">
        <v>3</v>
      </c>
      <c r="AE35266">
        <v>3</v>
      </c>
      <c r="AF35266">
        <v>3</v>
      </c>
      <c r="AG35266">
        <v>3</v>
      </c>
      <c r="AH35266">
        <v>3</v>
      </c>
      <c r="AI35266">
        <v>3</v>
      </c>
      <c r="AJ35266">
        <v>3</v>
      </c>
      <c r="AK35266">
        <v>3</v>
      </c>
      <c r="AL35266">
        <v>3</v>
      </c>
      <c r="AM35266">
        <v>3</v>
      </c>
      <c r="AN35266">
        <v>3</v>
      </c>
      <c r="AO35266">
        <v>3</v>
      </c>
      <c r="AP35266">
        <v>3</v>
      </c>
      <c r="AQ35266">
        <v>3</v>
      </c>
    </row>
    <row r="35267" spans="1:43">
      <c r="A35267" t="s">
        <v>21859</v>
      </c>
      <c r="B35267" t="s">
        <v>21860</v>
      </c>
      <c r="C35267" t="s">
        <v>21861</v>
      </c>
      <c r="D35267" t="s">
        <v>21862</v>
      </c>
      <c r="E35267" t="s">
        <v>21751</v>
      </c>
      <c r="F35267" t="s">
        <v>21752</v>
      </c>
      <c r="G35267" t="s">
        <v>20255</v>
      </c>
      <c r="H35267" t="s">
        <v>20256</v>
      </c>
      <c r="I35267" s="2">
        <v>1</v>
      </c>
      <c r="J35267" s="2">
        <v>0</v>
      </c>
      <c r="K35267" s="2">
        <v>0</v>
      </c>
      <c r="L35267" t="s">
        <v>120</v>
      </c>
      <c r="M35267" t="s">
        <v>87</v>
      </c>
      <c r="N35267" t="s">
        <v>88</v>
      </c>
      <c r="O35267" t="s">
        <v>85</v>
      </c>
      <c r="P35267" t="s">
        <v>86</v>
      </c>
      <c r="Q35267">
        <v>2</v>
      </c>
      <c r="R35267">
        <v>2</v>
      </c>
      <c r="S35267">
        <v>2</v>
      </c>
      <c r="T35267">
        <v>2</v>
      </c>
      <c r="U35267">
        <v>2</v>
      </c>
      <c r="V35267">
        <v>2</v>
      </c>
      <c r="W35267">
        <v>2</v>
      </c>
      <c r="X35267">
        <v>2</v>
      </c>
      <c r="Y35267">
        <v>2</v>
      </c>
      <c r="Z35267">
        <v>2</v>
      </c>
      <c r="AA35267">
        <v>3</v>
      </c>
      <c r="AB35267">
        <v>3</v>
      </c>
      <c r="AC35267">
        <v>3</v>
      </c>
      <c r="AD35267">
        <v>3</v>
      </c>
      <c r="AE35267">
        <v>3</v>
      </c>
      <c r="AF35267">
        <v>3</v>
      </c>
      <c r="AG35267">
        <v>3</v>
      </c>
      <c r="AH35267">
        <v>3</v>
      </c>
      <c r="AI35267">
        <v>3</v>
      </c>
      <c r="AJ35267">
        <v>3</v>
      </c>
      <c r="AK35267">
        <v>3</v>
      </c>
      <c r="AL35267">
        <v>3</v>
      </c>
      <c r="AM35267">
        <v>3</v>
      </c>
      <c r="AN35267">
        <v>3</v>
      </c>
      <c r="AO35267">
        <v>3</v>
      </c>
      <c r="AP35267">
        <v>3</v>
      </c>
      <c r="AQ35267">
        <v>3</v>
      </c>
    </row>
    <row r="35268" spans="1:43">
      <c r="A35268" t="s">
        <v>21859</v>
      </c>
      <c r="B35268" t="s">
        <v>21860</v>
      </c>
      <c r="C35268" t="s">
        <v>21861</v>
      </c>
      <c r="D35268" t="s">
        <v>21862</v>
      </c>
      <c r="E35268" t="s">
        <v>21751</v>
      </c>
      <c r="F35268" t="s">
        <v>21752</v>
      </c>
      <c r="G35268" t="s">
        <v>20255</v>
      </c>
      <c r="H35268" t="s">
        <v>20256</v>
      </c>
      <c r="I35268" s="2">
        <v>1</v>
      </c>
      <c r="J35268" s="2">
        <v>0</v>
      </c>
      <c r="K35268" s="2">
        <v>0</v>
      </c>
      <c r="L35268" t="s">
        <v>120</v>
      </c>
      <c r="M35268" t="s">
        <v>89</v>
      </c>
      <c r="N35268" t="s">
        <v>90</v>
      </c>
      <c r="O35268" t="s">
        <v>85</v>
      </c>
      <c r="P35268" t="s">
        <v>86</v>
      </c>
      <c r="Q35268">
        <v>2</v>
      </c>
      <c r="R35268">
        <v>2</v>
      </c>
      <c r="S35268">
        <v>2</v>
      </c>
      <c r="T35268">
        <v>3</v>
      </c>
      <c r="U35268">
        <v>3</v>
      </c>
      <c r="V35268">
        <v>3</v>
      </c>
      <c r="W35268">
        <v>3</v>
      </c>
      <c r="X35268">
        <v>3</v>
      </c>
      <c r="Y35268">
        <v>3</v>
      </c>
      <c r="Z35268">
        <v>3</v>
      </c>
      <c r="AA35268">
        <v>3</v>
      </c>
      <c r="AB35268">
        <v>3</v>
      </c>
      <c r="AC35268">
        <v>3</v>
      </c>
      <c r="AD35268">
        <v>3</v>
      </c>
      <c r="AE35268">
        <v>3</v>
      </c>
      <c r="AF35268">
        <v>3</v>
      </c>
      <c r="AG35268">
        <v>3</v>
      </c>
      <c r="AH35268">
        <v>3</v>
      </c>
      <c r="AI35268">
        <v>3</v>
      </c>
      <c r="AJ35268">
        <v>3</v>
      </c>
      <c r="AK35268">
        <v>3</v>
      </c>
      <c r="AL35268">
        <v>3</v>
      </c>
      <c r="AM35268">
        <v>3</v>
      </c>
      <c r="AN35268">
        <v>3</v>
      </c>
      <c r="AO35268">
        <v>3</v>
      </c>
      <c r="AP35268">
        <v>3</v>
      </c>
      <c r="AQ35268">
        <v>3</v>
      </c>
    </row>
    <row r="35269" spans="1:43">
      <c r="A35269" t="s">
        <v>21859</v>
      </c>
      <c r="B35269" t="s">
        <v>21860</v>
      </c>
      <c r="C35269" t="s">
        <v>21861</v>
      </c>
      <c r="D35269" t="s">
        <v>21862</v>
      </c>
      <c r="E35269" t="s">
        <v>21751</v>
      </c>
      <c r="F35269" t="s">
        <v>21752</v>
      </c>
      <c r="G35269" t="s">
        <v>20255</v>
      </c>
      <c r="H35269" t="s">
        <v>20256</v>
      </c>
      <c r="I35269" s="2">
        <v>1</v>
      </c>
      <c r="J35269" s="2">
        <v>0</v>
      </c>
      <c r="K35269" s="2">
        <v>0</v>
      </c>
      <c r="L35269" t="s">
        <v>120</v>
      </c>
      <c r="M35269" t="s">
        <v>83</v>
      </c>
      <c r="N35269" t="s">
        <v>91</v>
      </c>
      <c r="O35269" t="s">
        <v>85</v>
      </c>
      <c r="P35269" t="s">
        <v>86</v>
      </c>
      <c r="Q35269">
        <v>2</v>
      </c>
      <c r="R35269">
        <v>2</v>
      </c>
      <c r="S35269">
        <v>2</v>
      </c>
      <c r="T35269">
        <v>2</v>
      </c>
      <c r="U35269">
        <v>3</v>
      </c>
      <c r="V35269">
        <v>3</v>
      </c>
      <c r="W35269">
        <v>3</v>
      </c>
      <c r="X35269">
        <v>3</v>
      </c>
      <c r="Y35269">
        <v>3</v>
      </c>
      <c r="Z35269">
        <v>3</v>
      </c>
      <c r="AA35269">
        <v>3</v>
      </c>
      <c r="AB35269">
        <v>3</v>
      </c>
      <c r="AC35269">
        <v>3</v>
      </c>
      <c r="AD35269">
        <v>3</v>
      </c>
      <c r="AE35269">
        <v>3</v>
      </c>
      <c r="AF35269">
        <v>3</v>
      </c>
      <c r="AG35269">
        <v>3</v>
      </c>
      <c r="AH35269">
        <v>3</v>
      </c>
      <c r="AI35269">
        <v>3</v>
      </c>
      <c r="AJ35269">
        <v>3</v>
      </c>
      <c r="AK35269">
        <v>3</v>
      </c>
      <c r="AL35269">
        <v>3</v>
      </c>
      <c r="AM35269">
        <v>3</v>
      </c>
      <c r="AN35269">
        <v>3</v>
      </c>
      <c r="AO35269">
        <v>3</v>
      </c>
      <c r="AP35269">
        <v>3</v>
      </c>
      <c r="AQ35269">
        <v>3</v>
      </c>
    </row>
    <row r="35270" spans="1:43">
      <c r="A35270" t="s">
        <v>21863</v>
      </c>
      <c r="B35270" t="s">
        <v>21864</v>
      </c>
      <c r="C35270" t="s">
        <v>21861</v>
      </c>
      <c r="D35270" t="s">
        <v>21862</v>
      </c>
      <c r="E35270" t="s">
        <v>21751</v>
      </c>
      <c r="F35270" t="s">
        <v>21752</v>
      </c>
      <c r="G35270" t="s">
        <v>20255</v>
      </c>
      <c r="H35270" t="s">
        <v>20256</v>
      </c>
      <c r="I35270" s="2">
        <v>1</v>
      </c>
      <c r="J35270" s="2">
        <v>0</v>
      </c>
      <c r="K35270" s="2">
        <v>0</v>
      </c>
      <c r="L35270" t="s">
        <v>120</v>
      </c>
      <c r="M35270" t="s">
        <v>83</v>
      </c>
      <c r="N35270" t="s">
        <v>84</v>
      </c>
      <c r="O35270" t="s">
        <v>85</v>
      </c>
      <c r="P35270" t="s">
        <v>86</v>
      </c>
      <c r="Q35270">
        <v>18</v>
      </c>
      <c r="R35270">
        <v>18</v>
      </c>
      <c r="S35270">
        <v>18</v>
      </c>
      <c r="T35270">
        <v>19</v>
      </c>
      <c r="U35270">
        <v>19</v>
      </c>
      <c r="V35270">
        <v>19</v>
      </c>
      <c r="W35270">
        <v>20</v>
      </c>
      <c r="X35270">
        <v>20</v>
      </c>
      <c r="Y35270">
        <v>20</v>
      </c>
      <c r="Z35270">
        <v>21</v>
      </c>
      <c r="AA35270">
        <v>21</v>
      </c>
      <c r="AB35270">
        <v>21</v>
      </c>
      <c r="AC35270">
        <v>22</v>
      </c>
      <c r="AD35270">
        <v>22</v>
      </c>
      <c r="AE35270">
        <v>22</v>
      </c>
      <c r="AF35270">
        <v>23</v>
      </c>
      <c r="AG35270">
        <v>23</v>
      </c>
      <c r="AH35270">
        <v>23</v>
      </c>
      <c r="AI35270">
        <v>23</v>
      </c>
      <c r="AJ35270">
        <v>24</v>
      </c>
      <c r="AK35270">
        <v>24</v>
      </c>
      <c r="AL35270">
        <v>24</v>
      </c>
      <c r="AM35270">
        <v>24</v>
      </c>
      <c r="AN35270">
        <v>24</v>
      </c>
      <c r="AO35270">
        <v>24</v>
      </c>
      <c r="AP35270">
        <v>25</v>
      </c>
      <c r="AQ35270">
        <v>25</v>
      </c>
    </row>
    <row r="35271" spans="1:43">
      <c r="A35271" t="s">
        <v>21863</v>
      </c>
      <c r="B35271" t="s">
        <v>21864</v>
      </c>
      <c r="C35271" t="s">
        <v>21861</v>
      </c>
      <c r="D35271" t="s">
        <v>21862</v>
      </c>
      <c r="E35271" t="s">
        <v>21751</v>
      </c>
      <c r="F35271" t="s">
        <v>21752</v>
      </c>
      <c r="G35271" t="s">
        <v>20255</v>
      </c>
      <c r="H35271" t="s">
        <v>20256</v>
      </c>
      <c r="I35271" s="2">
        <v>1</v>
      </c>
      <c r="J35271" s="2">
        <v>0</v>
      </c>
      <c r="K35271" s="2">
        <v>0</v>
      </c>
      <c r="L35271" t="s">
        <v>120</v>
      </c>
      <c r="M35271" t="s">
        <v>87</v>
      </c>
      <c r="N35271" t="s">
        <v>88</v>
      </c>
      <c r="O35271" t="s">
        <v>85</v>
      </c>
      <c r="P35271" t="s">
        <v>86</v>
      </c>
      <c r="Q35271">
        <v>18</v>
      </c>
      <c r="R35271">
        <v>18</v>
      </c>
      <c r="S35271">
        <v>18</v>
      </c>
      <c r="T35271">
        <v>18</v>
      </c>
      <c r="U35271">
        <v>18</v>
      </c>
      <c r="V35271">
        <v>18</v>
      </c>
      <c r="W35271">
        <v>19</v>
      </c>
      <c r="X35271">
        <v>19</v>
      </c>
      <c r="Y35271">
        <v>19</v>
      </c>
      <c r="Z35271">
        <v>19</v>
      </c>
      <c r="AA35271">
        <v>19</v>
      </c>
      <c r="AB35271">
        <v>19</v>
      </c>
      <c r="AC35271">
        <v>20</v>
      </c>
      <c r="AD35271">
        <v>20</v>
      </c>
      <c r="AE35271">
        <v>20</v>
      </c>
      <c r="AF35271">
        <v>20</v>
      </c>
      <c r="AG35271">
        <v>20</v>
      </c>
      <c r="AH35271">
        <v>20</v>
      </c>
      <c r="AI35271">
        <v>20</v>
      </c>
      <c r="AJ35271">
        <v>21</v>
      </c>
      <c r="AK35271">
        <v>21</v>
      </c>
      <c r="AL35271">
        <v>21</v>
      </c>
      <c r="AM35271">
        <v>21</v>
      </c>
      <c r="AN35271">
        <v>21</v>
      </c>
      <c r="AO35271">
        <v>21</v>
      </c>
      <c r="AP35271">
        <v>21</v>
      </c>
      <c r="AQ35271">
        <v>22</v>
      </c>
    </row>
    <row r="35272" spans="1:43">
      <c r="A35272" t="s">
        <v>21863</v>
      </c>
      <c r="B35272" t="s">
        <v>21864</v>
      </c>
      <c r="C35272" t="s">
        <v>21861</v>
      </c>
      <c r="D35272" t="s">
        <v>21862</v>
      </c>
      <c r="E35272" t="s">
        <v>21751</v>
      </c>
      <c r="F35272" t="s">
        <v>21752</v>
      </c>
      <c r="G35272" t="s">
        <v>20255</v>
      </c>
      <c r="H35272" t="s">
        <v>20256</v>
      </c>
      <c r="I35272" s="2">
        <v>1</v>
      </c>
      <c r="J35272" s="2">
        <v>0</v>
      </c>
      <c r="K35272" s="2">
        <v>0</v>
      </c>
      <c r="L35272" t="s">
        <v>120</v>
      </c>
      <c r="M35272" t="s">
        <v>89</v>
      </c>
      <c r="N35272" t="s">
        <v>90</v>
      </c>
      <c r="O35272" t="s">
        <v>85</v>
      </c>
      <c r="P35272" t="s">
        <v>86</v>
      </c>
      <c r="Q35272">
        <v>18</v>
      </c>
      <c r="R35272">
        <v>18</v>
      </c>
      <c r="S35272">
        <v>19</v>
      </c>
      <c r="T35272">
        <v>19</v>
      </c>
      <c r="U35272">
        <v>20</v>
      </c>
      <c r="V35272">
        <v>20</v>
      </c>
      <c r="W35272">
        <v>21</v>
      </c>
      <c r="X35272">
        <v>21</v>
      </c>
      <c r="Y35272">
        <v>22</v>
      </c>
      <c r="Z35272">
        <v>22</v>
      </c>
      <c r="AA35272">
        <v>22</v>
      </c>
      <c r="AB35272">
        <v>23</v>
      </c>
      <c r="AC35272">
        <v>23</v>
      </c>
      <c r="AD35272">
        <v>23</v>
      </c>
      <c r="AE35272">
        <v>24</v>
      </c>
      <c r="AF35272">
        <v>24</v>
      </c>
      <c r="AG35272">
        <v>24</v>
      </c>
      <c r="AH35272">
        <v>24</v>
      </c>
      <c r="AI35272">
        <v>24</v>
      </c>
      <c r="AJ35272">
        <v>24</v>
      </c>
      <c r="AK35272">
        <v>24</v>
      </c>
      <c r="AL35272">
        <v>24</v>
      </c>
      <c r="AM35272">
        <v>25</v>
      </c>
      <c r="AN35272">
        <v>25</v>
      </c>
      <c r="AO35272">
        <v>25</v>
      </c>
      <c r="AP35272">
        <v>25</v>
      </c>
      <c r="AQ35272">
        <v>25</v>
      </c>
    </row>
    <row r="35273" spans="1:43">
      <c r="A35273" t="s">
        <v>21863</v>
      </c>
      <c r="B35273" t="s">
        <v>21864</v>
      </c>
      <c r="C35273" t="s">
        <v>21861</v>
      </c>
      <c r="D35273" t="s">
        <v>21862</v>
      </c>
      <c r="E35273" t="s">
        <v>21751</v>
      </c>
      <c r="F35273" t="s">
        <v>21752</v>
      </c>
      <c r="G35273" t="s">
        <v>20255</v>
      </c>
      <c r="H35273" t="s">
        <v>20256</v>
      </c>
      <c r="I35273" s="2">
        <v>1</v>
      </c>
      <c r="J35273" s="2">
        <v>0</v>
      </c>
      <c r="K35273" s="2">
        <v>0</v>
      </c>
      <c r="L35273" t="s">
        <v>120</v>
      </c>
      <c r="M35273" t="s">
        <v>83</v>
      </c>
      <c r="N35273" t="s">
        <v>91</v>
      </c>
      <c r="O35273" t="s">
        <v>85</v>
      </c>
      <c r="P35273" t="s">
        <v>86</v>
      </c>
      <c r="Q35273">
        <v>18</v>
      </c>
      <c r="R35273">
        <v>18</v>
      </c>
      <c r="S35273">
        <v>18</v>
      </c>
      <c r="T35273">
        <v>19</v>
      </c>
      <c r="U35273">
        <v>19</v>
      </c>
      <c r="V35273">
        <v>19</v>
      </c>
      <c r="W35273">
        <v>20</v>
      </c>
      <c r="X35273">
        <v>20</v>
      </c>
      <c r="Y35273">
        <v>20</v>
      </c>
      <c r="Z35273">
        <v>21</v>
      </c>
      <c r="AA35273">
        <v>21</v>
      </c>
      <c r="AB35273">
        <v>21</v>
      </c>
      <c r="AC35273">
        <v>22</v>
      </c>
      <c r="AD35273">
        <v>22</v>
      </c>
      <c r="AE35273">
        <v>22</v>
      </c>
      <c r="AF35273">
        <v>23</v>
      </c>
      <c r="AG35273">
        <v>23</v>
      </c>
      <c r="AH35273">
        <v>23</v>
      </c>
      <c r="AI35273">
        <v>23</v>
      </c>
      <c r="AJ35273">
        <v>24</v>
      </c>
      <c r="AK35273">
        <v>24</v>
      </c>
      <c r="AL35273">
        <v>24</v>
      </c>
      <c r="AM35273">
        <v>24</v>
      </c>
      <c r="AN35273">
        <v>24</v>
      </c>
      <c r="AO35273">
        <v>24</v>
      </c>
      <c r="AP35273">
        <v>25</v>
      </c>
      <c r="AQ35273">
        <v>25</v>
      </c>
    </row>
    <row r="35274" spans="1:43">
      <c r="A35274" t="s">
        <v>21865</v>
      </c>
      <c r="B35274" t="s">
        <v>21866</v>
      </c>
      <c r="C35274" t="s">
        <v>21861</v>
      </c>
      <c r="D35274" t="s">
        <v>21862</v>
      </c>
      <c r="E35274" t="s">
        <v>21751</v>
      </c>
      <c r="F35274" t="s">
        <v>21752</v>
      </c>
      <c r="G35274" t="s">
        <v>20255</v>
      </c>
      <c r="H35274" t="s">
        <v>20256</v>
      </c>
      <c r="I35274" s="2">
        <v>1</v>
      </c>
      <c r="J35274" s="2">
        <v>0</v>
      </c>
      <c r="K35274" s="2">
        <v>0</v>
      </c>
      <c r="L35274" t="s">
        <v>120</v>
      </c>
      <c r="M35274" t="s">
        <v>83</v>
      </c>
      <c r="N35274" t="s">
        <v>84</v>
      </c>
      <c r="O35274" t="s">
        <v>85</v>
      </c>
      <c r="P35274" t="s">
        <v>86</v>
      </c>
      <c r="Q35274">
        <v>28</v>
      </c>
      <c r="R35274">
        <v>29</v>
      </c>
      <c r="S35274">
        <v>30</v>
      </c>
      <c r="T35274">
        <v>30</v>
      </c>
      <c r="U35274">
        <v>31</v>
      </c>
      <c r="V35274">
        <v>31</v>
      </c>
      <c r="W35274">
        <v>32</v>
      </c>
      <c r="X35274">
        <v>32</v>
      </c>
      <c r="Y35274">
        <v>33</v>
      </c>
      <c r="Z35274">
        <v>33</v>
      </c>
      <c r="AA35274">
        <v>34</v>
      </c>
      <c r="AB35274">
        <v>34</v>
      </c>
      <c r="AC35274">
        <v>35</v>
      </c>
      <c r="AD35274">
        <v>35</v>
      </c>
      <c r="AE35274">
        <v>36</v>
      </c>
      <c r="AF35274">
        <v>36</v>
      </c>
      <c r="AG35274">
        <v>37</v>
      </c>
      <c r="AH35274">
        <v>37</v>
      </c>
      <c r="AI35274">
        <v>38</v>
      </c>
      <c r="AJ35274">
        <v>38</v>
      </c>
      <c r="AK35274">
        <v>39</v>
      </c>
      <c r="AL35274">
        <v>39</v>
      </c>
      <c r="AM35274">
        <v>39</v>
      </c>
      <c r="AN35274">
        <v>39</v>
      </c>
      <c r="AO35274">
        <v>39</v>
      </c>
      <c r="AP35274">
        <v>39</v>
      </c>
      <c r="AQ35274">
        <v>40</v>
      </c>
    </row>
    <row r="35275" spans="1:43">
      <c r="A35275" t="s">
        <v>21865</v>
      </c>
      <c r="B35275" t="s">
        <v>21866</v>
      </c>
      <c r="C35275" t="s">
        <v>21861</v>
      </c>
      <c r="D35275" t="s">
        <v>21862</v>
      </c>
      <c r="E35275" t="s">
        <v>21751</v>
      </c>
      <c r="F35275" t="s">
        <v>21752</v>
      </c>
      <c r="G35275" t="s">
        <v>20255</v>
      </c>
      <c r="H35275" t="s">
        <v>20256</v>
      </c>
      <c r="I35275" s="2">
        <v>1</v>
      </c>
      <c r="J35275" s="2">
        <v>0</v>
      </c>
      <c r="K35275" s="2">
        <v>0</v>
      </c>
      <c r="L35275" t="s">
        <v>120</v>
      </c>
      <c r="M35275" t="s">
        <v>87</v>
      </c>
      <c r="N35275" t="s">
        <v>88</v>
      </c>
      <c r="O35275" t="s">
        <v>85</v>
      </c>
      <c r="P35275" t="s">
        <v>86</v>
      </c>
      <c r="Q35275">
        <v>28</v>
      </c>
      <c r="R35275">
        <v>28</v>
      </c>
      <c r="S35275">
        <v>29</v>
      </c>
      <c r="T35275">
        <v>29</v>
      </c>
      <c r="U35275">
        <v>29</v>
      </c>
      <c r="V35275">
        <v>30</v>
      </c>
      <c r="W35275">
        <v>30</v>
      </c>
      <c r="X35275">
        <v>30</v>
      </c>
      <c r="Y35275">
        <v>30</v>
      </c>
      <c r="Z35275">
        <v>31</v>
      </c>
      <c r="AA35275">
        <v>31</v>
      </c>
      <c r="AB35275">
        <v>31</v>
      </c>
      <c r="AC35275">
        <v>31</v>
      </c>
      <c r="AD35275">
        <v>32</v>
      </c>
      <c r="AE35275">
        <v>32</v>
      </c>
      <c r="AF35275">
        <v>32</v>
      </c>
      <c r="AG35275">
        <v>32</v>
      </c>
      <c r="AH35275">
        <v>33</v>
      </c>
      <c r="AI35275">
        <v>33</v>
      </c>
      <c r="AJ35275">
        <v>33</v>
      </c>
      <c r="AK35275">
        <v>33</v>
      </c>
      <c r="AL35275">
        <v>34</v>
      </c>
      <c r="AM35275">
        <v>34</v>
      </c>
      <c r="AN35275">
        <v>34</v>
      </c>
      <c r="AO35275">
        <v>34</v>
      </c>
      <c r="AP35275">
        <v>34</v>
      </c>
      <c r="AQ35275">
        <v>35</v>
      </c>
    </row>
    <row r="35276" spans="1:43">
      <c r="A35276" t="s">
        <v>21865</v>
      </c>
      <c r="B35276" t="s">
        <v>21866</v>
      </c>
      <c r="C35276" t="s">
        <v>21861</v>
      </c>
      <c r="D35276" t="s">
        <v>21862</v>
      </c>
      <c r="E35276" t="s">
        <v>21751</v>
      </c>
      <c r="F35276" t="s">
        <v>21752</v>
      </c>
      <c r="G35276" t="s">
        <v>20255</v>
      </c>
      <c r="H35276" t="s">
        <v>20256</v>
      </c>
      <c r="I35276" s="2">
        <v>1</v>
      </c>
      <c r="J35276" s="2">
        <v>0</v>
      </c>
      <c r="K35276" s="2">
        <v>0</v>
      </c>
      <c r="L35276" t="s">
        <v>120</v>
      </c>
      <c r="M35276" t="s">
        <v>89</v>
      </c>
      <c r="N35276" t="s">
        <v>90</v>
      </c>
      <c r="O35276" t="s">
        <v>85</v>
      </c>
      <c r="P35276" t="s">
        <v>86</v>
      </c>
      <c r="Q35276">
        <v>28</v>
      </c>
      <c r="R35276">
        <v>28</v>
      </c>
      <c r="S35276">
        <v>29</v>
      </c>
      <c r="T35276">
        <v>30</v>
      </c>
      <c r="U35276">
        <v>31</v>
      </c>
      <c r="V35276">
        <v>32</v>
      </c>
      <c r="W35276">
        <v>32</v>
      </c>
      <c r="X35276">
        <v>33</v>
      </c>
      <c r="Y35276">
        <v>34</v>
      </c>
      <c r="Z35276">
        <v>34</v>
      </c>
      <c r="AA35276">
        <v>35</v>
      </c>
      <c r="AB35276">
        <v>35</v>
      </c>
      <c r="AC35276">
        <v>36</v>
      </c>
      <c r="AD35276">
        <v>37</v>
      </c>
      <c r="AE35276">
        <v>37</v>
      </c>
      <c r="AF35276">
        <v>37</v>
      </c>
      <c r="AG35276">
        <v>38</v>
      </c>
      <c r="AH35276">
        <v>38</v>
      </c>
      <c r="AI35276">
        <v>38</v>
      </c>
      <c r="AJ35276">
        <v>38</v>
      </c>
      <c r="AK35276">
        <v>38</v>
      </c>
      <c r="AL35276">
        <v>38</v>
      </c>
      <c r="AM35276">
        <v>39</v>
      </c>
      <c r="AN35276">
        <v>39</v>
      </c>
      <c r="AO35276">
        <v>39</v>
      </c>
      <c r="AP35276">
        <v>39</v>
      </c>
      <c r="AQ35276">
        <v>39</v>
      </c>
    </row>
    <row r="35277" spans="1:43">
      <c r="A35277" t="s">
        <v>21865</v>
      </c>
      <c r="B35277" t="s">
        <v>21866</v>
      </c>
      <c r="C35277" t="s">
        <v>21861</v>
      </c>
      <c r="D35277" t="s">
        <v>21862</v>
      </c>
      <c r="E35277" t="s">
        <v>21751</v>
      </c>
      <c r="F35277" t="s">
        <v>21752</v>
      </c>
      <c r="G35277" t="s">
        <v>20255</v>
      </c>
      <c r="H35277" t="s">
        <v>20256</v>
      </c>
      <c r="I35277" s="2">
        <v>1</v>
      </c>
      <c r="J35277" s="2">
        <v>0</v>
      </c>
      <c r="K35277" s="2">
        <v>0</v>
      </c>
      <c r="L35277" t="s">
        <v>120</v>
      </c>
      <c r="M35277" t="s">
        <v>83</v>
      </c>
      <c r="N35277" t="s">
        <v>91</v>
      </c>
      <c r="O35277" t="s">
        <v>85</v>
      </c>
      <c r="P35277" t="s">
        <v>86</v>
      </c>
      <c r="Q35277">
        <v>28</v>
      </c>
      <c r="R35277">
        <v>29</v>
      </c>
      <c r="S35277">
        <v>30</v>
      </c>
      <c r="T35277">
        <v>30</v>
      </c>
      <c r="U35277">
        <v>31</v>
      </c>
      <c r="V35277">
        <v>31</v>
      </c>
      <c r="W35277">
        <v>32</v>
      </c>
      <c r="X35277">
        <v>32</v>
      </c>
      <c r="Y35277">
        <v>33</v>
      </c>
      <c r="Z35277">
        <v>33</v>
      </c>
      <c r="AA35277">
        <v>34</v>
      </c>
      <c r="AB35277">
        <v>34</v>
      </c>
      <c r="AC35277">
        <v>35</v>
      </c>
      <c r="AD35277">
        <v>35</v>
      </c>
      <c r="AE35277">
        <v>36</v>
      </c>
      <c r="AF35277">
        <v>36</v>
      </c>
      <c r="AG35277">
        <v>37</v>
      </c>
      <c r="AH35277">
        <v>37</v>
      </c>
      <c r="AI35277">
        <v>38</v>
      </c>
      <c r="AJ35277">
        <v>38</v>
      </c>
      <c r="AK35277">
        <v>39</v>
      </c>
      <c r="AL35277">
        <v>39</v>
      </c>
      <c r="AM35277">
        <v>39</v>
      </c>
      <c r="AN35277">
        <v>39</v>
      </c>
      <c r="AO35277">
        <v>39</v>
      </c>
      <c r="AP35277">
        <v>39</v>
      </c>
      <c r="AQ35277">
        <v>40</v>
      </c>
    </row>
    <row r="35278" spans="1:43">
      <c r="A35278" t="s">
        <v>21867</v>
      </c>
      <c r="B35278" t="s">
        <v>21868</v>
      </c>
      <c r="C35278" t="s">
        <v>21861</v>
      </c>
      <c r="D35278" t="s">
        <v>21862</v>
      </c>
      <c r="E35278" t="s">
        <v>21751</v>
      </c>
      <c r="F35278" t="s">
        <v>21752</v>
      </c>
      <c r="G35278" t="s">
        <v>20255</v>
      </c>
      <c r="H35278" t="s">
        <v>20256</v>
      </c>
      <c r="I35278" s="2">
        <v>1</v>
      </c>
      <c r="J35278" s="2">
        <v>0</v>
      </c>
      <c r="K35278" s="2">
        <v>0</v>
      </c>
      <c r="L35278" t="s">
        <v>120</v>
      </c>
      <c r="M35278" t="s">
        <v>83</v>
      </c>
      <c r="N35278" t="s">
        <v>84</v>
      </c>
      <c r="O35278" t="s">
        <v>85</v>
      </c>
      <c r="P35278" t="s">
        <v>86</v>
      </c>
      <c r="Q35278">
        <v>77</v>
      </c>
      <c r="R35278">
        <v>79</v>
      </c>
      <c r="S35278">
        <v>80</v>
      </c>
      <c r="T35278">
        <v>82</v>
      </c>
      <c r="U35278">
        <v>83</v>
      </c>
      <c r="V35278">
        <v>84</v>
      </c>
      <c r="W35278">
        <v>86</v>
      </c>
      <c r="X35278">
        <v>87</v>
      </c>
      <c r="Y35278">
        <v>88</v>
      </c>
      <c r="Z35278">
        <v>89</v>
      </c>
      <c r="AA35278">
        <v>91</v>
      </c>
      <c r="AB35278">
        <v>92</v>
      </c>
      <c r="AC35278">
        <v>93</v>
      </c>
      <c r="AD35278">
        <v>94</v>
      </c>
      <c r="AE35278">
        <v>95</v>
      </c>
      <c r="AF35278">
        <v>96</v>
      </c>
      <c r="AG35278">
        <v>98</v>
      </c>
      <c r="AH35278">
        <v>99</v>
      </c>
      <c r="AI35278">
        <v>100</v>
      </c>
      <c r="AJ35278">
        <v>101</v>
      </c>
      <c r="AK35278">
        <v>102</v>
      </c>
      <c r="AL35278">
        <v>102</v>
      </c>
      <c r="AM35278">
        <v>103</v>
      </c>
      <c r="AN35278">
        <v>103</v>
      </c>
      <c r="AO35278">
        <v>103</v>
      </c>
      <c r="AP35278">
        <v>103</v>
      </c>
      <c r="AQ35278">
        <v>103</v>
      </c>
    </row>
    <row r="35279" spans="1:43">
      <c r="A35279" t="s">
        <v>21867</v>
      </c>
      <c r="B35279" t="s">
        <v>21868</v>
      </c>
      <c r="C35279" t="s">
        <v>21861</v>
      </c>
      <c r="D35279" t="s">
        <v>21862</v>
      </c>
      <c r="E35279" t="s">
        <v>21751</v>
      </c>
      <c r="F35279" t="s">
        <v>21752</v>
      </c>
      <c r="G35279" t="s">
        <v>20255</v>
      </c>
      <c r="H35279" t="s">
        <v>20256</v>
      </c>
      <c r="I35279" s="2">
        <v>1</v>
      </c>
      <c r="J35279" s="2">
        <v>0</v>
      </c>
      <c r="K35279" s="2">
        <v>0</v>
      </c>
      <c r="L35279" t="s">
        <v>120</v>
      </c>
      <c r="M35279" t="s">
        <v>87</v>
      </c>
      <c r="N35279" t="s">
        <v>88</v>
      </c>
      <c r="O35279" t="s">
        <v>85</v>
      </c>
      <c r="P35279" t="s">
        <v>86</v>
      </c>
      <c r="Q35279">
        <v>77</v>
      </c>
      <c r="R35279">
        <v>77</v>
      </c>
      <c r="S35279">
        <v>78</v>
      </c>
      <c r="T35279">
        <v>79</v>
      </c>
      <c r="U35279">
        <v>79</v>
      </c>
      <c r="V35279">
        <v>80</v>
      </c>
      <c r="W35279">
        <v>80</v>
      </c>
      <c r="X35279">
        <v>81</v>
      </c>
      <c r="Y35279">
        <v>82</v>
      </c>
      <c r="Z35279">
        <v>82</v>
      </c>
      <c r="AA35279">
        <v>83</v>
      </c>
      <c r="AB35279">
        <v>83</v>
      </c>
      <c r="AC35279">
        <v>84</v>
      </c>
      <c r="AD35279">
        <v>84</v>
      </c>
      <c r="AE35279">
        <v>85</v>
      </c>
      <c r="AF35279">
        <v>85</v>
      </c>
      <c r="AG35279">
        <v>86</v>
      </c>
      <c r="AH35279">
        <v>86</v>
      </c>
      <c r="AI35279">
        <v>87</v>
      </c>
      <c r="AJ35279">
        <v>87</v>
      </c>
      <c r="AK35279">
        <v>88</v>
      </c>
      <c r="AL35279">
        <v>88</v>
      </c>
      <c r="AM35279">
        <v>89</v>
      </c>
      <c r="AN35279">
        <v>89</v>
      </c>
      <c r="AO35279">
        <v>90</v>
      </c>
      <c r="AP35279">
        <v>90</v>
      </c>
      <c r="AQ35279">
        <v>90</v>
      </c>
    </row>
    <row r="35280" spans="1:43">
      <c r="A35280" t="s">
        <v>21867</v>
      </c>
      <c r="B35280" t="s">
        <v>21868</v>
      </c>
      <c r="C35280" t="s">
        <v>21861</v>
      </c>
      <c r="D35280" t="s">
        <v>21862</v>
      </c>
      <c r="E35280" t="s">
        <v>21751</v>
      </c>
      <c r="F35280" t="s">
        <v>21752</v>
      </c>
      <c r="G35280" t="s">
        <v>20255</v>
      </c>
      <c r="H35280" t="s">
        <v>20256</v>
      </c>
      <c r="I35280" s="2">
        <v>1</v>
      </c>
      <c r="J35280" s="2">
        <v>0</v>
      </c>
      <c r="K35280" s="2">
        <v>0</v>
      </c>
      <c r="L35280" t="s">
        <v>120</v>
      </c>
      <c r="M35280" t="s">
        <v>89</v>
      </c>
      <c r="N35280" t="s">
        <v>90</v>
      </c>
      <c r="O35280" t="s">
        <v>85</v>
      </c>
      <c r="P35280" t="s">
        <v>86</v>
      </c>
      <c r="Q35280">
        <v>77</v>
      </c>
      <c r="R35280">
        <v>79</v>
      </c>
      <c r="S35280">
        <v>81</v>
      </c>
      <c r="T35280">
        <v>83</v>
      </c>
      <c r="U35280">
        <v>85</v>
      </c>
      <c r="V35280">
        <v>87</v>
      </c>
      <c r="W35280">
        <v>89</v>
      </c>
      <c r="X35280">
        <v>90</v>
      </c>
      <c r="Y35280">
        <v>92</v>
      </c>
      <c r="Z35280">
        <v>94</v>
      </c>
      <c r="AA35280">
        <v>95</v>
      </c>
      <c r="AB35280">
        <v>97</v>
      </c>
      <c r="AC35280">
        <v>98</v>
      </c>
      <c r="AD35280">
        <v>100</v>
      </c>
      <c r="AE35280">
        <v>101</v>
      </c>
      <c r="AF35280">
        <v>101</v>
      </c>
      <c r="AG35280">
        <v>101</v>
      </c>
      <c r="AH35280">
        <v>101</v>
      </c>
      <c r="AI35280">
        <v>102</v>
      </c>
      <c r="AJ35280">
        <v>102</v>
      </c>
      <c r="AK35280">
        <v>102</v>
      </c>
      <c r="AL35280">
        <v>102</v>
      </c>
      <c r="AM35280">
        <v>102</v>
      </c>
      <c r="AN35280">
        <v>102</v>
      </c>
      <c r="AO35280">
        <v>103</v>
      </c>
      <c r="AP35280">
        <v>103</v>
      </c>
      <c r="AQ35280">
        <v>103</v>
      </c>
    </row>
    <row r="35281" spans="1:43">
      <c r="A35281" t="s">
        <v>21867</v>
      </c>
      <c r="B35281" t="s">
        <v>21868</v>
      </c>
      <c r="C35281" t="s">
        <v>21861</v>
      </c>
      <c r="D35281" t="s">
        <v>21862</v>
      </c>
      <c r="E35281" t="s">
        <v>21751</v>
      </c>
      <c r="F35281" t="s">
        <v>21752</v>
      </c>
      <c r="G35281" t="s">
        <v>20255</v>
      </c>
      <c r="H35281" t="s">
        <v>20256</v>
      </c>
      <c r="I35281" s="2">
        <v>1</v>
      </c>
      <c r="J35281" s="2">
        <v>0</v>
      </c>
      <c r="K35281" s="2">
        <v>0</v>
      </c>
      <c r="L35281" t="s">
        <v>120</v>
      </c>
      <c r="M35281" t="s">
        <v>83</v>
      </c>
      <c r="N35281" t="s">
        <v>91</v>
      </c>
      <c r="O35281" t="s">
        <v>85</v>
      </c>
      <c r="P35281" t="s">
        <v>86</v>
      </c>
      <c r="Q35281">
        <v>77</v>
      </c>
      <c r="R35281">
        <v>79</v>
      </c>
      <c r="S35281">
        <v>80</v>
      </c>
      <c r="T35281">
        <v>82</v>
      </c>
      <c r="U35281">
        <v>83</v>
      </c>
      <c r="V35281">
        <v>84</v>
      </c>
      <c r="W35281">
        <v>86</v>
      </c>
      <c r="X35281">
        <v>87</v>
      </c>
      <c r="Y35281">
        <v>88</v>
      </c>
      <c r="Z35281">
        <v>89</v>
      </c>
      <c r="AA35281">
        <v>91</v>
      </c>
      <c r="AB35281">
        <v>92</v>
      </c>
      <c r="AC35281">
        <v>93</v>
      </c>
      <c r="AD35281">
        <v>94</v>
      </c>
      <c r="AE35281">
        <v>95</v>
      </c>
      <c r="AF35281">
        <v>96</v>
      </c>
      <c r="AG35281">
        <v>98</v>
      </c>
      <c r="AH35281">
        <v>99</v>
      </c>
      <c r="AI35281">
        <v>100</v>
      </c>
      <c r="AJ35281">
        <v>101</v>
      </c>
      <c r="AK35281">
        <v>102</v>
      </c>
      <c r="AL35281">
        <v>102</v>
      </c>
      <c r="AM35281">
        <v>103</v>
      </c>
      <c r="AN35281">
        <v>103</v>
      </c>
      <c r="AO35281">
        <v>103</v>
      </c>
      <c r="AP35281">
        <v>103</v>
      </c>
      <c r="AQ35281">
        <v>103</v>
      </c>
    </row>
    <row r="35282" spans="1:43">
      <c r="A35282" t="s">
        <v>21869</v>
      </c>
      <c r="B35282" t="s">
        <v>21870</v>
      </c>
      <c r="C35282" t="s">
        <v>21861</v>
      </c>
      <c r="D35282" t="s">
        <v>21862</v>
      </c>
      <c r="E35282" t="s">
        <v>21751</v>
      </c>
      <c r="F35282" t="s">
        <v>21752</v>
      </c>
      <c r="G35282" t="s">
        <v>20255</v>
      </c>
      <c r="H35282" t="s">
        <v>20256</v>
      </c>
      <c r="I35282" s="2">
        <v>1</v>
      </c>
      <c r="J35282" s="2">
        <v>0</v>
      </c>
      <c r="K35282" s="2">
        <v>0</v>
      </c>
      <c r="L35282" t="s">
        <v>120</v>
      </c>
      <c r="M35282" t="s">
        <v>83</v>
      </c>
      <c r="N35282" t="s">
        <v>84</v>
      </c>
      <c r="O35282" t="s">
        <v>85</v>
      </c>
      <c r="P35282" t="s">
        <v>86</v>
      </c>
      <c r="Q35282">
        <v>15</v>
      </c>
      <c r="R35282">
        <v>15</v>
      </c>
      <c r="S35282">
        <v>15</v>
      </c>
      <c r="T35282">
        <v>16</v>
      </c>
      <c r="U35282">
        <v>16</v>
      </c>
      <c r="V35282">
        <v>16</v>
      </c>
      <c r="W35282">
        <v>16</v>
      </c>
      <c r="X35282">
        <v>17</v>
      </c>
      <c r="Y35282">
        <v>17</v>
      </c>
      <c r="Z35282">
        <v>17</v>
      </c>
      <c r="AA35282">
        <v>17</v>
      </c>
      <c r="AB35282">
        <v>18</v>
      </c>
      <c r="AC35282">
        <v>18</v>
      </c>
      <c r="AD35282">
        <v>18</v>
      </c>
      <c r="AE35282">
        <v>18</v>
      </c>
      <c r="AF35282">
        <v>19</v>
      </c>
      <c r="AG35282">
        <v>19</v>
      </c>
      <c r="AH35282">
        <v>19</v>
      </c>
      <c r="AI35282">
        <v>19</v>
      </c>
      <c r="AJ35282">
        <v>19</v>
      </c>
      <c r="AK35282">
        <v>20</v>
      </c>
      <c r="AL35282">
        <v>20</v>
      </c>
      <c r="AM35282">
        <v>20</v>
      </c>
      <c r="AN35282">
        <v>20</v>
      </c>
      <c r="AO35282">
        <v>20</v>
      </c>
      <c r="AP35282">
        <v>20</v>
      </c>
      <c r="AQ35282">
        <v>20</v>
      </c>
    </row>
    <row r="35283" spans="1:43">
      <c r="A35283" t="s">
        <v>21869</v>
      </c>
      <c r="B35283" t="s">
        <v>21870</v>
      </c>
      <c r="C35283" t="s">
        <v>21861</v>
      </c>
      <c r="D35283" t="s">
        <v>21862</v>
      </c>
      <c r="E35283" t="s">
        <v>21751</v>
      </c>
      <c r="F35283" t="s">
        <v>21752</v>
      </c>
      <c r="G35283" t="s">
        <v>20255</v>
      </c>
      <c r="H35283" t="s">
        <v>20256</v>
      </c>
      <c r="I35283" s="2">
        <v>1</v>
      </c>
      <c r="J35283" s="2">
        <v>0</v>
      </c>
      <c r="K35283" s="2">
        <v>0</v>
      </c>
      <c r="L35283" t="s">
        <v>120</v>
      </c>
      <c r="M35283" t="s">
        <v>87</v>
      </c>
      <c r="N35283" t="s">
        <v>88</v>
      </c>
      <c r="O35283" t="s">
        <v>85</v>
      </c>
      <c r="P35283" t="s">
        <v>86</v>
      </c>
      <c r="Q35283">
        <v>15</v>
      </c>
      <c r="R35283">
        <v>15</v>
      </c>
      <c r="S35283">
        <v>15</v>
      </c>
      <c r="T35283">
        <v>15</v>
      </c>
      <c r="U35283">
        <v>15</v>
      </c>
      <c r="V35283">
        <v>15</v>
      </c>
      <c r="W35283">
        <v>15</v>
      </c>
      <c r="X35283">
        <v>16</v>
      </c>
      <c r="Y35283">
        <v>16</v>
      </c>
      <c r="Z35283">
        <v>16</v>
      </c>
      <c r="AA35283">
        <v>16</v>
      </c>
      <c r="AB35283">
        <v>16</v>
      </c>
      <c r="AC35283">
        <v>16</v>
      </c>
      <c r="AD35283">
        <v>16</v>
      </c>
      <c r="AE35283">
        <v>16</v>
      </c>
      <c r="AF35283">
        <v>16</v>
      </c>
      <c r="AG35283">
        <v>17</v>
      </c>
      <c r="AH35283">
        <v>17</v>
      </c>
      <c r="AI35283">
        <v>17</v>
      </c>
      <c r="AJ35283">
        <v>17</v>
      </c>
      <c r="AK35283">
        <v>17</v>
      </c>
      <c r="AL35283">
        <v>17</v>
      </c>
      <c r="AM35283">
        <v>17</v>
      </c>
      <c r="AN35283">
        <v>17</v>
      </c>
      <c r="AO35283">
        <v>17</v>
      </c>
      <c r="AP35283">
        <v>17</v>
      </c>
      <c r="AQ35283">
        <v>17</v>
      </c>
    </row>
    <row r="35284" spans="1:43">
      <c r="A35284" t="s">
        <v>21869</v>
      </c>
      <c r="B35284" t="s">
        <v>21870</v>
      </c>
      <c r="C35284" t="s">
        <v>21861</v>
      </c>
      <c r="D35284" t="s">
        <v>21862</v>
      </c>
      <c r="E35284" t="s">
        <v>21751</v>
      </c>
      <c r="F35284" t="s">
        <v>21752</v>
      </c>
      <c r="G35284" t="s">
        <v>20255</v>
      </c>
      <c r="H35284" t="s">
        <v>20256</v>
      </c>
      <c r="I35284" s="2">
        <v>1</v>
      </c>
      <c r="J35284" s="2">
        <v>0</v>
      </c>
      <c r="K35284" s="2">
        <v>0</v>
      </c>
      <c r="L35284" t="s">
        <v>120</v>
      </c>
      <c r="M35284" t="s">
        <v>89</v>
      </c>
      <c r="N35284" t="s">
        <v>90</v>
      </c>
      <c r="O35284" t="s">
        <v>85</v>
      </c>
      <c r="P35284" t="s">
        <v>86</v>
      </c>
      <c r="Q35284">
        <v>15</v>
      </c>
      <c r="R35284">
        <v>15</v>
      </c>
      <c r="S35284">
        <v>16</v>
      </c>
      <c r="T35284">
        <v>16</v>
      </c>
      <c r="U35284">
        <v>16</v>
      </c>
      <c r="V35284">
        <v>17</v>
      </c>
      <c r="W35284">
        <v>17</v>
      </c>
      <c r="X35284">
        <v>17</v>
      </c>
      <c r="Y35284">
        <v>18</v>
      </c>
      <c r="Z35284">
        <v>18</v>
      </c>
      <c r="AA35284">
        <v>18</v>
      </c>
      <c r="AB35284">
        <v>19</v>
      </c>
      <c r="AC35284">
        <v>19</v>
      </c>
      <c r="AD35284">
        <v>19</v>
      </c>
      <c r="AE35284">
        <v>20</v>
      </c>
      <c r="AF35284">
        <v>20</v>
      </c>
      <c r="AG35284">
        <v>20</v>
      </c>
      <c r="AH35284">
        <v>20</v>
      </c>
      <c r="AI35284">
        <v>20</v>
      </c>
      <c r="AJ35284">
        <v>20</v>
      </c>
      <c r="AK35284">
        <v>20</v>
      </c>
      <c r="AL35284">
        <v>20</v>
      </c>
      <c r="AM35284">
        <v>20</v>
      </c>
      <c r="AN35284">
        <v>20</v>
      </c>
      <c r="AO35284">
        <v>20</v>
      </c>
      <c r="AP35284">
        <v>20</v>
      </c>
      <c r="AQ35284">
        <v>20</v>
      </c>
    </row>
    <row r="35285" spans="1:43">
      <c r="A35285" t="s">
        <v>21869</v>
      </c>
      <c r="B35285" t="s">
        <v>21870</v>
      </c>
      <c r="C35285" t="s">
        <v>21861</v>
      </c>
      <c r="D35285" t="s">
        <v>21862</v>
      </c>
      <c r="E35285" t="s">
        <v>21751</v>
      </c>
      <c r="F35285" t="s">
        <v>21752</v>
      </c>
      <c r="G35285" t="s">
        <v>20255</v>
      </c>
      <c r="H35285" t="s">
        <v>20256</v>
      </c>
      <c r="I35285" s="2">
        <v>1</v>
      </c>
      <c r="J35285" s="2">
        <v>0</v>
      </c>
      <c r="K35285" s="2">
        <v>0</v>
      </c>
      <c r="L35285" t="s">
        <v>120</v>
      </c>
      <c r="M35285" t="s">
        <v>83</v>
      </c>
      <c r="N35285" t="s">
        <v>91</v>
      </c>
      <c r="O35285" t="s">
        <v>85</v>
      </c>
      <c r="P35285" t="s">
        <v>86</v>
      </c>
      <c r="Q35285">
        <v>15</v>
      </c>
      <c r="R35285">
        <v>15</v>
      </c>
      <c r="S35285">
        <v>15</v>
      </c>
      <c r="T35285">
        <v>16</v>
      </c>
      <c r="U35285">
        <v>16</v>
      </c>
      <c r="V35285">
        <v>16</v>
      </c>
      <c r="W35285">
        <v>16</v>
      </c>
      <c r="X35285">
        <v>17</v>
      </c>
      <c r="Y35285">
        <v>17</v>
      </c>
      <c r="Z35285">
        <v>17</v>
      </c>
      <c r="AA35285">
        <v>17</v>
      </c>
      <c r="AB35285">
        <v>18</v>
      </c>
      <c r="AC35285">
        <v>18</v>
      </c>
      <c r="AD35285">
        <v>18</v>
      </c>
      <c r="AE35285">
        <v>18</v>
      </c>
      <c r="AF35285">
        <v>19</v>
      </c>
      <c r="AG35285">
        <v>19</v>
      </c>
      <c r="AH35285">
        <v>19</v>
      </c>
      <c r="AI35285">
        <v>19</v>
      </c>
      <c r="AJ35285">
        <v>19</v>
      </c>
      <c r="AK35285">
        <v>20</v>
      </c>
      <c r="AL35285">
        <v>20</v>
      </c>
      <c r="AM35285">
        <v>20</v>
      </c>
      <c r="AN35285">
        <v>20</v>
      </c>
      <c r="AO35285">
        <v>20</v>
      </c>
      <c r="AP35285">
        <v>20</v>
      </c>
      <c r="AQ35285">
        <v>20</v>
      </c>
    </row>
    <row r="35286" spans="1:43">
      <c r="A35286" t="s">
        <v>21871</v>
      </c>
      <c r="B35286" t="s">
        <v>21872</v>
      </c>
      <c r="C35286" t="s">
        <v>21873</v>
      </c>
      <c r="D35286" t="s">
        <v>21874</v>
      </c>
      <c r="E35286" t="s">
        <v>21751</v>
      </c>
      <c r="F35286" t="s">
        <v>21752</v>
      </c>
      <c r="G35286" t="s">
        <v>20255</v>
      </c>
      <c r="H35286" t="s">
        <v>20256</v>
      </c>
      <c r="I35286" s="2">
        <v>1</v>
      </c>
      <c r="J35286" s="2">
        <v>0</v>
      </c>
      <c r="K35286" s="2">
        <v>0</v>
      </c>
      <c r="L35286" t="s">
        <v>120</v>
      </c>
      <c r="M35286" t="s">
        <v>83</v>
      </c>
      <c r="N35286" t="s">
        <v>84</v>
      </c>
      <c r="O35286" t="s">
        <v>85</v>
      </c>
      <c r="P35286" t="s">
        <v>86</v>
      </c>
      <c r="Q35286">
        <v>16</v>
      </c>
      <c r="R35286">
        <v>16</v>
      </c>
      <c r="S35286">
        <v>16</v>
      </c>
      <c r="T35286">
        <v>16</v>
      </c>
      <c r="U35286">
        <v>17</v>
      </c>
      <c r="V35286">
        <v>17</v>
      </c>
      <c r="W35286">
        <v>17</v>
      </c>
      <c r="X35286">
        <v>18</v>
      </c>
      <c r="Y35286">
        <v>18</v>
      </c>
      <c r="Z35286">
        <v>18</v>
      </c>
      <c r="AA35286">
        <v>18</v>
      </c>
      <c r="AB35286">
        <v>19</v>
      </c>
      <c r="AC35286">
        <v>19</v>
      </c>
      <c r="AD35286">
        <v>19</v>
      </c>
      <c r="AE35286">
        <v>19</v>
      </c>
      <c r="AF35286">
        <v>20</v>
      </c>
      <c r="AG35286">
        <v>20</v>
      </c>
      <c r="AH35286">
        <v>20</v>
      </c>
      <c r="AI35286">
        <v>20</v>
      </c>
      <c r="AJ35286">
        <v>20</v>
      </c>
      <c r="AK35286">
        <v>21</v>
      </c>
      <c r="AL35286">
        <v>21</v>
      </c>
      <c r="AM35286">
        <v>21</v>
      </c>
      <c r="AN35286">
        <v>21</v>
      </c>
      <c r="AO35286">
        <v>21</v>
      </c>
      <c r="AP35286">
        <v>21</v>
      </c>
      <c r="AQ35286">
        <v>21</v>
      </c>
    </row>
    <row r="35287" spans="1:43">
      <c r="A35287" t="s">
        <v>21871</v>
      </c>
      <c r="B35287" t="s">
        <v>21872</v>
      </c>
      <c r="C35287" t="s">
        <v>21873</v>
      </c>
      <c r="D35287" t="s">
        <v>21874</v>
      </c>
      <c r="E35287" t="s">
        <v>21751</v>
      </c>
      <c r="F35287" t="s">
        <v>21752</v>
      </c>
      <c r="G35287" t="s">
        <v>20255</v>
      </c>
      <c r="H35287" t="s">
        <v>20256</v>
      </c>
      <c r="I35287" s="2">
        <v>1</v>
      </c>
      <c r="J35287" s="2">
        <v>0</v>
      </c>
      <c r="K35287" s="2">
        <v>0</v>
      </c>
      <c r="L35287" t="s">
        <v>120</v>
      </c>
      <c r="M35287" t="s">
        <v>87</v>
      </c>
      <c r="N35287" t="s">
        <v>88</v>
      </c>
      <c r="O35287" t="s">
        <v>85</v>
      </c>
      <c r="P35287" t="s">
        <v>86</v>
      </c>
      <c r="Q35287">
        <v>16</v>
      </c>
      <c r="R35287">
        <v>17</v>
      </c>
      <c r="S35287">
        <v>17</v>
      </c>
      <c r="T35287">
        <v>17</v>
      </c>
      <c r="U35287">
        <v>17</v>
      </c>
      <c r="V35287">
        <v>17</v>
      </c>
      <c r="W35287">
        <v>17</v>
      </c>
      <c r="X35287">
        <v>17</v>
      </c>
      <c r="Y35287">
        <v>18</v>
      </c>
      <c r="Z35287">
        <v>18</v>
      </c>
      <c r="AA35287">
        <v>18</v>
      </c>
      <c r="AB35287">
        <v>18</v>
      </c>
      <c r="AC35287">
        <v>18</v>
      </c>
      <c r="AD35287">
        <v>18</v>
      </c>
      <c r="AE35287">
        <v>18</v>
      </c>
      <c r="AF35287">
        <v>18</v>
      </c>
      <c r="AG35287">
        <v>18</v>
      </c>
      <c r="AH35287">
        <v>19</v>
      </c>
      <c r="AI35287">
        <v>19</v>
      </c>
      <c r="AJ35287">
        <v>19</v>
      </c>
      <c r="AK35287">
        <v>19</v>
      </c>
      <c r="AL35287">
        <v>19</v>
      </c>
      <c r="AM35287">
        <v>19</v>
      </c>
      <c r="AN35287">
        <v>19</v>
      </c>
      <c r="AO35287">
        <v>19</v>
      </c>
      <c r="AP35287">
        <v>19</v>
      </c>
      <c r="AQ35287">
        <v>19</v>
      </c>
    </row>
    <row r="35288" spans="1:43">
      <c r="A35288" t="s">
        <v>21871</v>
      </c>
      <c r="B35288" t="s">
        <v>21872</v>
      </c>
      <c r="C35288" t="s">
        <v>21873</v>
      </c>
      <c r="D35288" t="s">
        <v>21874</v>
      </c>
      <c r="E35288" t="s">
        <v>21751</v>
      </c>
      <c r="F35288" t="s">
        <v>21752</v>
      </c>
      <c r="G35288" t="s">
        <v>20255</v>
      </c>
      <c r="H35288" t="s">
        <v>20256</v>
      </c>
      <c r="I35288" s="2">
        <v>1</v>
      </c>
      <c r="J35288" s="2">
        <v>0</v>
      </c>
      <c r="K35288" s="2">
        <v>0</v>
      </c>
      <c r="L35288" t="s">
        <v>120</v>
      </c>
      <c r="M35288" t="s">
        <v>89</v>
      </c>
      <c r="N35288" t="s">
        <v>90</v>
      </c>
      <c r="O35288" t="s">
        <v>85</v>
      </c>
      <c r="P35288" t="s">
        <v>86</v>
      </c>
      <c r="Q35288">
        <v>16</v>
      </c>
      <c r="R35288">
        <v>16</v>
      </c>
      <c r="S35288">
        <v>17</v>
      </c>
      <c r="T35288">
        <v>17</v>
      </c>
      <c r="U35288">
        <v>17</v>
      </c>
      <c r="V35288">
        <v>18</v>
      </c>
      <c r="W35288">
        <v>18</v>
      </c>
      <c r="X35288">
        <v>18</v>
      </c>
      <c r="Y35288">
        <v>19</v>
      </c>
      <c r="Z35288">
        <v>19</v>
      </c>
      <c r="AA35288">
        <v>19</v>
      </c>
      <c r="AB35288">
        <v>20</v>
      </c>
      <c r="AC35288">
        <v>20</v>
      </c>
      <c r="AD35288">
        <v>20</v>
      </c>
      <c r="AE35288">
        <v>21</v>
      </c>
      <c r="AF35288">
        <v>21</v>
      </c>
      <c r="AG35288">
        <v>21</v>
      </c>
      <c r="AH35288">
        <v>21</v>
      </c>
      <c r="AI35288">
        <v>21</v>
      </c>
      <c r="AJ35288">
        <v>21</v>
      </c>
      <c r="AK35288">
        <v>21</v>
      </c>
      <c r="AL35288">
        <v>21</v>
      </c>
      <c r="AM35288">
        <v>21</v>
      </c>
      <c r="AN35288">
        <v>21</v>
      </c>
      <c r="AO35288">
        <v>21</v>
      </c>
      <c r="AP35288">
        <v>21</v>
      </c>
      <c r="AQ35288">
        <v>21</v>
      </c>
    </row>
    <row r="35289" spans="1:43">
      <c r="A35289" t="s">
        <v>21871</v>
      </c>
      <c r="B35289" t="s">
        <v>21872</v>
      </c>
      <c r="C35289" t="s">
        <v>21873</v>
      </c>
      <c r="D35289" t="s">
        <v>21874</v>
      </c>
      <c r="E35289" t="s">
        <v>21751</v>
      </c>
      <c r="F35289" t="s">
        <v>21752</v>
      </c>
      <c r="G35289" t="s">
        <v>20255</v>
      </c>
      <c r="H35289" t="s">
        <v>20256</v>
      </c>
      <c r="I35289" s="2">
        <v>1</v>
      </c>
      <c r="J35289" s="2">
        <v>0</v>
      </c>
      <c r="K35289" s="2">
        <v>0</v>
      </c>
      <c r="L35289" t="s">
        <v>120</v>
      </c>
      <c r="M35289" t="s">
        <v>83</v>
      </c>
      <c r="N35289" t="s">
        <v>91</v>
      </c>
      <c r="O35289" t="s">
        <v>85</v>
      </c>
      <c r="P35289" t="s">
        <v>86</v>
      </c>
      <c r="Q35289">
        <v>16</v>
      </c>
      <c r="R35289">
        <v>16</v>
      </c>
      <c r="S35289">
        <v>16</v>
      </c>
      <c r="T35289">
        <v>16</v>
      </c>
      <c r="U35289">
        <v>17</v>
      </c>
      <c r="V35289">
        <v>17</v>
      </c>
      <c r="W35289">
        <v>17</v>
      </c>
      <c r="X35289">
        <v>18</v>
      </c>
      <c r="Y35289">
        <v>18</v>
      </c>
      <c r="Z35289">
        <v>18</v>
      </c>
      <c r="AA35289">
        <v>18</v>
      </c>
      <c r="AB35289">
        <v>19</v>
      </c>
      <c r="AC35289">
        <v>19</v>
      </c>
      <c r="AD35289">
        <v>19</v>
      </c>
      <c r="AE35289">
        <v>19</v>
      </c>
      <c r="AF35289">
        <v>20</v>
      </c>
      <c r="AG35289">
        <v>20</v>
      </c>
      <c r="AH35289">
        <v>20</v>
      </c>
      <c r="AI35289">
        <v>20</v>
      </c>
      <c r="AJ35289">
        <v>20</v>
      </c>
      <c r="AK35289">
        <v>21</v>
      </c>
      <c r="AL35289">
        <v>21</v>
      </c>
      <c r="AM35289">
        <v>21</v>
      </c>
      <c r="AN35289">
        <v>21</v>
      </c>
      <c r="AO35289">
        <v>21</v>
      </c>
      <c r="AP35289">
        <v>21</v>
      </c>
      <c r="AQ35289">
        <v>21</v>
      </c>
    </row>
    <row r="35290" spans="1:43">
      <c r="A35290" t="s">
        <v>21875</v>
      </c>
      <c r="B35290" t="s">
        <v>21876</v>
      </c>
      <c r="C35290" t="s">
        <v>21873</v>
      </c>
      <c r="D35290" t="s">
        <v>21874</v>
      </c>
      <c r="E35290" t="s">
        <v>21751</v>
      </c>
      <c r="F35290" t="s">
        <v>21752</v>
      </c>
      <c r="G35290" t="s">
        <v>20255</v>
      </c>
      <c r="H35290" t="s">
        <v>20256</v>
      </c>
      <c r="I35290" s="2">
        <v>1</v>
      </c>
      <c r="J35290" s="2">
        <v>0</v>
      </c>
      <c r="K35290" s="2">
        <v>0</v>
      </c>
      <c r="L35290" t="s">
        <v>120</v>
      </c>
      <c r="M35290" t="s">
        <v>83</v>
      </c>
      <c r="N35290" t="s">
        <v>84</v>
      </c>
      <c r="O35290" t="s">
        <v>85</v>
      </c>
      <c r="P35290" t="s">
        <v>86</v>
      </c>
      <c r="Q35290">
        <v>10</v>
      </c>
      <c r="R35290">
        <v>10</v>
      </c>
      <c r="S35290">
        <v>10</v>
      </c>
      <c r="T35290">
        <v>10</v>
      </c>
      <c r="U35290">
        <v>11</v>
      </c>
      <c r="V35290">
        <v>11</v>
      </c>
      <c r="W35290">
        <v>11</v>
      </c>
      <c r="X35290">
        <v>11</v>
      </c>
      <c r="Y35290">
        <v>11</v>
      </c>
      <c r="Z35290">
        <v>11</v>
      </c>
      <c r="AA35290">
        <v>12</v>
      </c>
      <c r="AB35290">
        <v>12</v>
      </c>
      <c r="AC35290">
        <v>12</v>
      </c>
      <c r="AD35290">
        <v>12</v>
      </c>
      <c r="AE35290">
        <v>12</v>
      </c>
      <c r="AF35290">
        <v>12</v>
      </c>
      <c r="AG35290">
        <v>13</v>
      </c>
      <c r="AH35290">
        <v>13</v>
      </c>
      <c r="AI35290">
        <v>13</v>
      </c>
      <c r="AJ35290">
        <v>13</v>
      </c>
      <c r="AK35290">
        <v>13</v>
      </c>
      <c r="AL35290">
        <v>13</v>
      </c>
      <c r="AM35290">
        <v>13</v>
      </c>
      <c r="AN35290">
        <v>13</v>
      </c>
      <c r="AO35290">
        <v>13</v>
      </c>
      <c r="AP35290">
        <v>13</v>
      </c>
      <c r="AQ35290">
        <v>13</v>
      </c>
    </row>
    <row r="35291" spans="1:43">
      <c r="A35291" t="s">
        <v>21875</v>
      </c>
      <c r="B35291" t="s">
        <v>21876</v>
      </c>
      <c r="C35291" t="s">
        <v>21873</v>
      </c>
      <c r="D35291" t="s">
        <v>21874</v>
      </c>
      <c r="E35291" t="s">
        <v>21751</v>
      </c>
      <c r="F35291" t="s">
        <v>21752</v>
      </c>
      <c r="G35291" t="s">
        <v>20255</v>
      </c>
      <c r="H35291" t="s">
        <v>20256</v>
      </c>
      <c r="I35291" s="2">
        <v>1</v>
      </c>
      <c r="J35291" s="2">
        <v>0</v>
      </c>
      <c r="K35291" s="2">
        <v>0</v>
      </c>
      <c r="L35291" t="s">
        <v>120</v>
      </c>
      <c r="M35291" t="s">
        <v>87</v>
      </c>
      <c r="N35291" t="s">
        <v>88</v>
      </c>
      <c r="O35291" t="s">
        <v>85</v>
      </c>
      <c r="P35291" t="s">
        <v>86</v>
      </c>
      <c r="Q35291">
        <v>10</v>
      </c>
      <c r="R35291">
        <v>10</v>
      </c>
      <c r="S35291">
        <v>10</v>
      </c>
      <c r="T35291">
        <v>10</v>
      </c>
      <c r="U35291">
        <v>10</v>
      </c>
      <c r="V35291">
        <v>10</v>
      </c>
      <c r="W35291">
        <v>10</v>
      </c>
      <c r="X35291">
        <v>10</v>
      </c>
      <c r="Y35291">
        <v>10</v>
      </c>
      <c r="Z35291">
        <v>11</v>
      </c>
      <c r="AA35291">
        <v>11</v>
      </c>
      <c r="AB35291">
        <v>11</v>
      </c>
      <c r="AC35291">
        <v>11</v>
      </c>
      <c r="AD35291">
        <v>11</v>
      </c>
      <c r="AE35291">
        <v>11</v>
      </c>
      <c r="AF35291">
        <v>11</v>
      </c>
      <c r="AG35291">
        <v>11</v>
      </c>
      <c r="AH35291">
        <v>11</v>
      </c>
      <c r="AI35291">
        <v>11</v>
      </c>
      <c r="AJ35291">
        <v>11</v>
      </c>
      <c r="AK35291">
        <v>11</v>
      </c>
      <c r="AL35291">
        <v>11</v>
      </c>
      <c r="AM35291">
        <v>11</v>
      </c>
      <c r="AN35291">
        <v>12</v>
      </c>
      <c r="AO35291">
        <v>12</v>
      </c>
      <c r="AP35291">
        <v>12</v>
      </c>
      <c r="AQ35291">
        <v>12</v>
      </c>
    </row>
    <row r="35292" spans="1:43">
      <c r="A35292" t="s">
        <v>21875</v>
      </c>
      <c r="B35292" t="s">
        <v>21876</v>
      </c>
      <c r="C35292" t="s">
        <v>21873</v>
      </c>
      <c r="D35292" t="s">
        <v>21874</v>
      </c>
      <c r="E35292" t="s">
        <v>21751</v>
      </c>
      <c r="F35292" t="s">
        <v>21752</v>
      </c>
      <c r="G35292" t="s">
        <v>20255</v>
      </c>
      <c r="H35292" t="s">
        <v>20256</v>
      </c>
      <c r="I35292" s="2">
        <v>1</v>
      </c>
      <c r="J35292" s="2">
        <v>0</v>
      </c>
      <c r="K35292" s="2">
        <v>0</v>
      </c>
      <c r="L35292" t="s">
        <v>120</v>
      </c>
      <c r="M35292" t="s">
        <v>89</v>
      </c>
      <c r="N35292" t="s">
        <v>90</v>
      </c>
      <c r="O35292" t="s">
        <v>85</v>
      </c>
      <c r="P35292" t="s">
        <v>86</v>
      </c>
      <c r="Q35292">
        <v>10</v>
      </c>
      <c r="R35292">
        <v>10</v>
      </c>
      <c r="S35292">
        <v>10</v>
      </c>
      <c r="T35292">
        <v>11</v>
      </c>
      <c r="U35292">
        <v>11</v>
      </c>
      <c r="V35292">
        <v>11</v>
      </c>
      <c r="W35292">
        <v>11</v>
      </c>
      <c r="X35292">
        <v>12</v>
      </c>
      <c r="Y35292">
        <v>12</v>
      </c>
      <c r="Z35292">
        <v>12</v>
      </c>
      <c r="AA35292">
        <v>12</v>
      </c>
      <c r="AB35292">
        <v>13</v>
      </c>
      <c r="AC35292">
        <v>13</v>
      </c>
      <c r="AD35292">
        <v>13</v>
      </c>
      <c r="AE35292">
        <v>13</v>
      </c>
      <c r="AF35292">
        <v>13</v>
      </c>
      <c r="AG35292">
        <v>13</v>
      </c>
      <c r="AH35292">
        <v>13</v>
      </c>
      <c r="AI35292">
        <v>13</v>
      </c>
      <c r="AJ35292">
        <v>13</v>
      </c>
      <c r="AK35292">
        <v>13</v>
      </c>
      <c r="AL35292">
        <v>13</v>
      </c>
      <c r="AM35292">
        <v>13</v>
      </c>
      <c r="AN35292">
        <v>13</v>
      </c>
      <c r="AO35292">
        <v>14</v>
      </c>
      <c r="AP35292">
        <v>14</v>
      </c>
      <c r="AQ35292">
        <v>14</v>
      </c>
    </row>
    <row r="35293" spans="1:43">
      <c r="A35293" t="s">
        <v>21875</v>
      </c>
      <c r="B35293" t="s">
        <v>21876</v>
      </c>
      <c r="C35293" t="s">
        <v>21873</v>
      </c>
      <c r="D35293" t="s">
        <v>21874</v>
      </c>
      <c r="E35293" t="s">
        <v>21751</v>
      </c>
      <c r="F35293" t="s">
        <v>21752</v>
      </c>
      <c r="G35293" t="s">
        <v>20255</v>
      </c>
      <c r="H35293" t="s">
        <v>20256</v>
      </c>
      <c r="I35293" s="2">
        <v>1</v>
      </c>
      <c r="J35293" s="2">
        <v>0</v>
      </c>
      <c r="K35293" s="2">
        <v>0</v>
      </c>
      <c r="L35293" t="s">
        <v>120</v>
      </c>
      <c r="M35293" t="s">
        <v>83</v>
      </c>
      <c r="N35293" t="s">
        <v>91</v>
      </c>
      <c r="O35293" t="s">
        <v>85</v>
      </c>
      <c r="P35293" t="s">
        <v>86</v>
      </c>
      <c r="Q35293">
        <v>10</v>
      </c>
      <c r="R35293">
        <v>10</v>
      </c>
      <c r="S35293">
        <v>10</v>
      </c>
      <c r="T35293">
        <v>10</v>
      </c>
      <c r="U35293">
        <v>11</v>
      </c>
      <c r="V35293">
        <v>11</v>
      </c>
      <c r="W35293">
        <v>11</v>
      </c>
      <c r="X35293">
        <v>11</v>
      </c>
      <c r="Y35293">
        <v>11</v>
      </c>
      <c r="Z35293">
        <v>11</v>
      </c>
      <c r="AA35293">
        <v>12</v>
      </c>
      <c r="AB35293">
        <v>12</v>
      </c>
      <c r="AC35293">
        <v>12</v>
      </c>
      <c r="AD35293">
        <v>12</v>
      </c>
      <c r="AE35293">
        <v>12</v>
      </c>
      <c r="AF35293">
        <v>12</v>
      </c>
      <c r="AG35293">
        <v>13</v>
      </c>
      <c r="AH35293">
        <v>13</v>
      </c>
      <c r="AI35293">
        <v>13</v>
      </c>
      <c r="AJ35293">
        <v>13</v>
      </c>
      <c r="AK35293">
        <v>13</v>
      </c>
      <c r="AL35293">
        <v>13</v>
      </c>
      <c r="AM35293">
        <v>13</v>
      </c>
      <c r="AN35293">
        <v>13</v>
      </c>
      <c r="AO35293">
        <v>13</v>
      </c>
      <c r="AP35293">
        <v>13</v>
      </c>
      <c r="AQ35293">
        <v>13</v>
      </c>
    </row>
    <row r="35294" spans="1:43">
      <c r="A35294" t="s">
        <v>21877</v>
      </c>
      <c r="B35294" t="s">
        <v>21878</v>
      </c>
      <c r="C35294" t="s">
        <v>21873</v>
      </c>
      <c r="D35294" t="s">
        <v>21874</v>
      </c>
      <c r="E35294" t="s">
        <v>21751</v>
      </c>
      <c r="F35294" t="s">
        <v>21752</v>
      </c>
      <c r="G35294" t="s">
        <v>20255</v>
      </c>
      <c r="H35294" t="s">
        <v>20256</v>
      </c>
      <c r="I35294" s="2">
        <v>1</v>
      </c>
      <c r="J35294" s="2">
        <v>0</v>
      </c>
      <c r="K35294" s="2">
        <v>0</v>
      </c>
      <c r="L35294" t="s">
        <v>120</v>
      </c>
      <c r="M35294" t="s">
        <v>83</v>
      </c>
      <c r="N35294" t="s">
        <v>84</v>
      </c>
      <c r="O35294" t="s">
        <v>85</v>
      </c>
      <c r="P35294" t="s">
        <v>86</v>
      </c>
      <c r="Q35294">
        <v>9</v>
      </c>
      <c r="R35294">
        <v>9</v>
      </c>
      <c r="S35294">
        <v>9</v>
      </c>
      <c r="T35294">
        <v>9</v>
      </c>
      <c r="U35294">
        <v>10</v>
      </c>
      <c r="V35294">
        <v>10</v>
      </c>
      <c r="W35294">
        <v>10</v>
      </c>
      <c r="X35294">
        <v>10</v>
      </c>
      <c r="Y35294">
        <v>10</v>
      </c>
      <c r="Z35294">
        <v>10</v>
      </c>
      <c r="AA35294">
        <v>10</v>
      </c>
      <c r="AB35294">
        <v>10</v>
      </c>
      <c r="AC35294">
        <v>11</v>
      </c>
      <c r="AD35294">
        <v>11</v>
      </c>
      <c r="AE35294">
        <v>11</v>
      </c>
      <c r="AF35294">
        <v>11</v>
      </c>
      <c r="AG35294">
        <v>11</v>
      </c>
      <c r="AH35294">
        <v>11</v>
      </c>
      <c r="AI35294">
        <v>11</v>
      </c>
      <c r="AJ35294">
        <v>11</v>
      </c>
      <c r="AK35294">
        <v>12</v>
      </c>
      <c r="AL35294">
        <v>12</v>
      </c>
      <c r="AM35294">
        <v>12</v>
      </c>
      <c r="AN35294">
        <v>12</v>
      </c>
      <c r="AO35294">
        <v>12</v>
      </c>
      <c r="AP35294">
        <v>12</v>
      </c>
      <c r="AQ35294">
        <v>12</v>
      </c>
    </row>
    <row r="35295" spans="1:43">
      <c r="A35295" t="s">
        <v>21877</v>
      </c>
      <c r="B35295" t="s">
        <v>21878</v>
      </c>
      <c r="C35295" t="s">
        <v>21873</v>
      </c>
      <c r="D35295" t="s">
        <v>21874</v>
      </c>
      <c r="E35295" t="s">
        <v>21751</v>
      </c>
      <c r="F35295" t="s">
        <v>21752</v>
      </c>
      <c r="G35295" t="s">
        <v>20255</v>
      </c>
      <c r="H35295" t="s">
        <v>20256</v>
      </c>
      <c r="I35295" s="2">
        <v>1</v>
      </c>
      <c r="J35295" s="2">
        <v>0</v>
      </c>
      <c r="K35295" s="2">
        <v>0</v>
      </c>
      <c r="L35295" t="s">
        <v>120</v>
      </c>
      <c r="M35295" t="s">
        <v>87</v>
      </c>
      <c r="N35295" t="s">
        <v>88</v>
      </c>
      <c r="O35295" t="s">
        <v>85</v>
      </c>
      <c r="P35295" t="s">
        <v>86</v>
      </c>
      <c r="Q35295">
        <v>9</v>
      </c>
      <c r="R35295">
        <v>9</v>
      </c>
      <c r="S35295">
        <v>9</v>
      </c>
      <c r="T35295">
        <v>9</v>
      </c>
      <c r="U35295">
        <v>9</v>
      </c>
      <c r="V35295">
        <v>9</v>
      </c>
      <c r="W35295">
        <v>9</v>
      </c>
      <c r="X35295">
        <v>9</v>
      </c>
      <c r="Y35295">
        <v>9</v>
      </c>
      <c r="Z35295">
        <v>9</v>
      </c>
      <c r="AA35295">
        <v>9</v>
      </c>
      <c r="AB35295">
        <v>10</v>
      </c>
      <c r="AC35295">
        <v>10</v>
      </c>
      <c r="AD35295">
        <v>10</v>
      </c>
      <c r="AE35295">
        <v>10</v>
      </c>
      <c r="AF35295">
        <v>10</v>
      </c>
      <c r="AG35295">
        <v>10</v>
      </c>
      <c r="AH35295">
        <v>10</v>
      </c>
      <c r="AI35295">
        <v>10</v>
      </c>
      <c r="AJ35295">
        <v>10</v>
      </c>
      <c r="AK35295">
        <v>10</v>
      </c>
      <c r="AL35295">
        <v>10</v>
      </c>
      <c r="AM35295">
        <v>10</v>
      </c>
      <c r="AN35295">
        <v>10</v>
      </c>
      <c r="AO35295">
        <v>10</v>
      </c>
      <c r="AP35295">
        <v>10</v>
      </c>
      <c r="AQ35295">
        <v>10</v>
      </c>
    </row>
    <row r="35296" spans="1:43">
      <c r="A35296" t="s">
        <v>21877</v>
      </c>
      <c r="B35296" t="s">
        <v>21878</v>
      </c>
      <c r="C35296" t="s">
        <v>21873</v>
      </c>
      <c r="D35296" t="s">
        <v>21874</v>
      </c>
      <c r="E35296" t="s">
        <v>21751</v>
      </c>
      <c r="F35296" t="s">
        <v>21752</v>
      </c>
      <c r="G35296" t="s">
        <v>20255</v>
      </c>
      <c r="H35296" t="s">
        <v>20256</v>
      </c>
      <c r="I35296" s="2">
        <v>1</v>
      </c>
      <c r="J35296" s="2">
        <v>0</v>
      </c>
      <c r="K35296" s="2">
        <v>0</v>
      </c>
      <c r="L35296" t="s">
        <v>120</v>
      </c>
      <c r="M35296" t="s">
        <v>89</v>
      </c>
      <c r="N35296" t="s">
        <v>90</v>
      </c>
      <c r="O35296" t="s">
        <v>85</v>
      </c>
      <c r="P35296" t="s">
        <v>86</v>
      </c>
      <c r="Q35296">
        <v>9</v>
      </c>
      <c r="R35296">
        <v>9</v>
      </c>
      <c r="S35296">
        <v>10</v>
      </c>
      <c r="T35296">
        <v>10</v>
      </c>
      <c r="U35296">
        <v>10</v>
      </c>
      <c r="V35296">
        <v>10</v>
      </c>
      <c r="W35296">
        <v>10</v>
      </c>
      <c r="X35296">
        <v>10</v>
      </c>
      <c r="Y35296">
        <v>11</v>
      </c>
      <c r="Z35296">
        <v>11</v>
      </c>
      <c r="AA35296">
        <v>11</v>
      </c>
      <c r="AB35296">
        <v>11</v>
      </c>
      <c r="AC35296">
        <v>11</v>
      </c>
      <c r="AD35296">
        <v>11</v>
      </c>
      <c r="AE35296">
        <v>12</v>
      </c>
      <c r="AF35296">
        <v>12</v>
      </c>
      <c r="AG35296">
        <v>12</v>
      </c>
      <c r="AH35296">
        <v>12</v>
      </c>
      <c r="AI35296">
        <v>12</v>
      </c>
      <c r="AJ35296">
        <v>12</v>
      </c>
      <c r="AK35296">
        <v>12</v>
      </c>
      <c r="AL35296">
        <v>12</v>
      </c>
      <c r="AM35296">
        <v>12</v>
      </c>
      <c r="AN35296">
        <v>12</v>
      </c>
      <c r="AO35296">
        <v>12</v>
      </c>
      <c r="AP35296">
        <v>12</v>
      </c>
      <c r="AQ35296">
        <v>12</v>
      </c>
    </row>
    <row r="35297" spans="1:43">
      <c r="A35297" t="s">
        <v>21877</v>
      </c>
      <c r="B35297" t="s">
        <v>21878</v>
      </c>
      <c r="C35297" t="s">
        <v>21873</v>
      </c>
      <c r="D35297" t="s">
        <v>21874</v>
      </c>
      <c r="E35297" t="s">
        <v>21751</v>
      </c>
      <c r="F35297" t="s">
        <v>21752</v>
      </c>
      <c r="G35297" t="s">
        <v>20255</v>
      </c>
      <c r="H35297" t="s">
        <v>20256</v>
      </c>
      <c r="I35297" s="2">
        <v>1</v>
      </c>
      <c r="J35297" s="2">
        <v>0</v>
      </c>
      <c r="K35297" s="2">
        <v>0</v>
      </c>
      <c r="L35297" t="s">
        <v>120</v>
      </c>
      <c r="M35297" t="s">
        <v>83</v>
      </c>
      <c r="N35297" t="s">
        <v>91</v>
      </c>
      <c r="O35297" t="s">
        <v>85</v>
      </c>
      <c r="P35297" t="s">
        <v>86</v>
      </c>
      <c r="Q35297">
        <v>9</v>
      </c>
      <c r="R35297">
        <v>9</v>
      </c>
      <c r="S35297">
        <v>9</v>
      </c>
      <c r="T35297">
        <v>9</v>
      </c>
      <c r="U35297">
        <v>10</v>
      </c>
      <c r="V35297">
        <v>10</v>
      </c>
      <c r="W35297">
        <v>10</v>
      </c>
      <c r="X35297">
        <v>10</v>
      </c>
      <c r="Y35297">
        <v>10</v>
      </c>
      <c r="Z35297">
        <v>10</v>
      </c>
      <c r="AA35297">
        <v>10</v>
      </c>
      <c r="AB35297">
        <v>10</v>
      </c>
      <c r="AC35297">
        <v>11</v>
      </c>
      <c r="AD35297">
        <v>11</v>
      </c>
      <c r="AE35297">
        <v>11</v>
      </c>
      <c r="AF35297">
        <v>11</v>
      </c>
      <c r="AG35297">
        <v>11</v>
      </c>
      <c r="AH35297">
        <v>11</v>
      </c>
      <c r="AI35297">
        <v>11</v>
      </c>
      <c r="AJ35297">
        <v>11</v>
      </c>
      <c r="AK35297">
        <v>12</v>
      </c>
      <c r="AL35297">
        <v>12</v>
      </c>
      <c r="AM35297">
        <v>12</v>
      </c>
      <c r="AN35297">
        <v>12</v>
      </c>
      <c r="AO35297">
        <v>12</v>
      </c>
      <c r="AP35297">
        <v>12</v>
      </c>
      <c r="AQ35297">
        <v>12</v>
      </c>
    </row>
    <row r="35298" spans="1:43">
      <c r="A35298" t="s">
        <v>21879</v>
      </c>
      <c r="B35298" t="s">
        <v>21880</v>
      </c>
      <c r="C35298" t="s">
        <v>21873</v>
      </c>
      <c r="D35298" t="s">
        <v>21874</v>
      </c>
      <c r="E35298" t="s">
        <v>21751</v>
      </c>
      <c r="F35298" t="s">
        <v>21752</v>
      </c>
      <c r="G35298" t="s">
        <v>20255</v>
      </c>
      <c r="H35298" t="s">
        <v>20256</v>
      </c>
      <c r="I35298" s="2">
        <v>1</v>
      </c>
      <c r="J35298" s="2">
        <v>0</v>
      </c>
      <c r="K35298" s="2">
        <v>0</v>
      </c>
      <c r="L35298" t="s">
        <v>120</v>
      </c>
      <c r="M35298" t="s">
        <v>83</v>
      </c>
      <c r="N35298" t="s">
        <v>84</v>
      </c>
      <c r="O35298" t="s">
        <v>85</v>
      </c>
      <c r="P35298" t="s">
        <v>86</v>
      </c>
      <c r="Q35298">
        <v>15</v>
      </c>
      <c r="R35298">
        <v>16</v>
      </c>
      <c r="S35298">
        <v>16</v>
      </c>
      <c r="T35298">
        <v>16</v>
      </c>
      <c r="U35298">
        <v>17</v>
      </c>
      <c r="V35298">
        <v>17</v>
      </c>
      <c r="W35298">
        <v>17</v>
      </c>
      <c r="X35298">
        <v>17</v>
      </c>
      <c r="Y35298">
        <v>18</v>
      </c>
      <c r="Z35298">
        <v>18</v>
      </c>
      <c r="AA35298">
        <v>18</v>
      </c>
      <c r="AB35298">
        <v>18</v>
      </c>
      <c r="AC35298">
        <v>19</v>
      </c>
      <c r="AD35298">
        <v>19</v>
      </c>
      <c r="AE35298">
        <v>19</v>
      </c>
      <c r="AF35298">
        <v>19</v>
      </c>
      <c r="AG35298">
        <v>20</v>
      </c>
      <c r="AH35298">
        <v>20</v>
      </c>
      <c r="AI35298">
        <v>20</v>
      </c>
      <c r="AJ35298">
        <v>20</v>
      </c>
      <c r="AK35298">
        <v>20</v>
      </c>
      <c r="AL35298">
        <v>21</v>
      </c>
      <c r="AM35298">
        <v>21</v>
      </c>
      <c r="AN35298">
        <v>21</v>
      </c>
      <c r="AO35298">
        <v>21</v>
      </c>
      <c r="AP35298">
        <v>21</v>
      </c>
      <c r="AQ35298">
        <v>21</v>
      </c>
    </row>
    <row r="35299" spans="1:43">
      <c r="A35299" t="s">
        <v>21879</v>
      </c>
      <c r="B35299" t="s">
        <v>21880</v>
      </c>
      <c r="C35299" t="s">
        <v>21873</v>
      </c>
      <c r="D35299" t="s">
        <v>21874</v>
      </c>
      <c r="E35299" t="s">
        <v>21751</v>
      </c>
      <c r="F35299" t="s">
        <v>21752</v>
      </c>
      <c r="G35299" t="s">
        <v>20255</v>
      </c>
      <c r="H35299" t="s">
        <v>20256</v>
      </c>
      <c r="I35299" s="2">
        <v>1</v>
      </c>
      <c r="J35299" s="2">
        <v>0</v>
      </c>
      <c r="K35299" s="2">
        <v>0</v>
      </c>
      <c r="L35299" t="s">
        <v>120</v>
      </c>
      <c r="M35299" t="s">
        <v>87</v>
      </c>
      <c r="N35299" t="s">
        <v>88</v>
      </c>
      <c r="O35299" t="s">
        <v>85</v>
      </c>
      <c r="P35299" t="s">
        <v>86</v>
      </c>
      <c r="Q35299">
        <v>15</v>
      </c>
      <c r="R35299">
        <v>15</v>
      </c>
      <c r="S35299">
        <v>16</v>
      </c>
      <c r="T35299">
        <v>16</v>
      </c>
      <c r="U35299">
        <v>16</v>
      </c>
      <c r="V35299">
        <v>16</v>
      </c>
      <c r="W35299">
        <v>16</v>
      </c>
      <c r="X35299">
        <v>16</v>
      </c>
      <c r="Y35299">
        <v>16</v>
      </c>
      <c r="Z35299">
        <v>16</v>
      </c>
      <c r="AA35299">
        <v>17</v>
      </c>
      <c r="AB35299">
        <v>17</v>
      </c>
      <c r="AC35299">
        <v>17</v>
      </c>
      <c r="AD35299">
        <v>17</v>
      </c>
      <c r="AE35299">
        <v>17</v>
      </c>
      <c r="AF35299">
        <v>17</v>
      </c>
      <c r="AG35299">
        <v>17</v>
      </c>
      <c r="AH35299">
        <v>17</v>
      </c>
      <c r="AI35299">
        <v>18</v>
      </c>
      <c r="AJ35299">
        <v>18</v>
      </c>
      <c r="AK35299">
        <v>18</v>
      </c>
      <c r="AL35299">
        <v>18</v>
      </c>
      <c r="AM35299">
        <v>18</v>
      </c>
      <c r="AN35299">
        <v>18</v>
      </c>
      <c r="AO35299">
        <v>18</v>
      </c>
      <c r="AP35299">
        <v>18</v>
      </c>
      <c r="AQ35299">
        <v>18</v>
      </c>
    </row>
    <row r="35300" spans="1:43">
      <c r="A35300" t="s">
        <v>21879</v>
      </c>
      <c r="B35300" t="s">
        <v>21880</v>
      </c>
      <c r="C35300" t="s">
        <v>21873</v>
      </c>
      <c r="D35300" t="s">
        <v>21874</v>
      </c>
      <c r="E35300" t="s">
        <v>21751</v>
      </c>
      <c r="F35300" t="s">
        <v>21752</v>
      </c>
      <c r="G35300" t="s">
        <v>20255</v>
      </c>
      <c r="H35300" t="s">
        <v>20256</v>
      </c>
      <c r="I35300" s="2">
        <v>1</v>
      </c>
      <c r="J35300" s="2">
        <v>0</v>
      </c>
      <c r="K35300" s="2">
        <v>0</v>
      </c>
      <c r="L35300" t="s">
        <v>120</v>
      </c>
      <c r="M35300" t="s">
        <v>89</v>
      </c>
      <c r="N35300" t="s">
        <v>90</v>
      </c>
      <c r="O35300" t="s">
        <v>85</v>
      </c>
      <c r="P35300" t="s">
        <v>86</v>
      </c>
      <c r="Q35300">
        <v>15</v>
      </c>
      <c r="R35300">
        <v>15</v>
      </c>
      <c r="S35300">
        <v>15</v>
      </c>
      <c r="T35300">
        <v>16</v>
      </c>
      <c r="U35300">
        <v>16</v>
      </c>
      <c r="V35300">
        <v>17</v>
      </c>
      <c r="W35300">
        <v>17</v>
      </c>
      <c r="X35300">
        <v>17</v>
      </c>
      <c r="Y35300">
        <v>18</v>
      </c>
      <c r="Z35300">
        <v>18</v>
      </c>
      <c r="AA35300">
        <v>18</v>
      </c>
      <c r="AB35300">
        <v>19</v>
      </c>
      <c r="AC35300">
        <v>19</v>
      </c>
      <c r="AD35300">
        <v>19</v>
      </c>
      <c r="AE35300">
        <v>19</v>
      </c>
      <c r="AF35300">
        <v>19</v>
      </c>
      <c r="AG35300">
        <v>20</v>
      </c>
      <c r="AH35300">
        <v>20</v>
      </c>
      <c r="AI35300">
        <v>20</v>
      </c>
      <c r="AJ35300">
        <v>20</v>
      </c>
      <c r="AK35300">
        <v>20</v>
      </c>
      <c r="AL35300">
        <v>20</v>
      </c>
      <c r="AM35300">
        <v>20</v>
      </c>
      <c r="AN35300">
        <v>20</v>
      </c>
      <c r="AO35300">
        <v>20</v>
      </c>
      <c r="AP35300">
        <v>20</v>
      </c>
      <c r="AQ35300">
        <v>20</v>
      </c>
    </row>
    <row r="35301" spans="1:43">
      <c r="A35301" t="s">
        <v>21879</v>
      </c>
      <c r="B35301" t="s">
        <v>21880</v>
      </c>
      <c r="C35301" t="s">
        <v>21873</v>
      </c>
      <c r="D35301" t="s">
        <v>21874</v>
      </c>
      <c r="E35301" t="s">
        <v>21751</v>
      </c>
      <c r="F35301" t="s">
        <v>21752</v>
      </c>
      <c r="G35301" t="s">
        <v>20255</v>
      </c>
      <c r="H35301" t="s">
        <v>20256</v>
      </c>
      <c r="I35301" s="2">
        <v>1</v>
      </c>
      <c r="J35301" s="2">
        <v>0</v>
      </c>
      <c r="K35301" s="2">
        <v>0</v>
      </c>
      <c r="L35301" t="s">
        <v>120</v>
      </c>
      <c r="M35301" t="s">
        <v>83</v>
      </c>
      <c r="N35301" t="s">
        <v>91</v>
      </c>
      <c r="O35301" t="s">
        <v>85</v>
      </c>
      <c r="P35301" t="s">
        <v>86</v>
      </c>
      <c r="Q35301">
        <v>15</v>
      </c>
      <c r="R35301">
        <v>16</v>
      </c>
      <c r="S35301">
        <v>16</v>
      </c>
      <c r="T35301">
        <v>16</v>
      </c>
      <c r="U35301">
        <v>17</v>
      </c>
      <c r="V35301">
        <v>17</v>
      </c>
      <c r="W35301">
        <v>17</v>
      </c>
      <c r="X35301">
        <v>17</v>
      </c>
      <c r="Y35301">
        <v>18</v>
      </c>
      <c r="Z35301">
        <v>18</v>
      </c>
      <c r="AA35301">
        <v>18</v>
      </c>
      <c r="AB35301">
        <v>18</v>
      </c>
      <c r="AC35301">
        <v>19</v>
      </c>
      <c r="AD35301">
        <v>19</v>
      </c>
      <c r="AE35301">
        <v>19</v>
      </c>
      <c r="AF35301">
        <v>19</v>
      </c>
      <c r="AG35301">
        <v>20</v>
      </c>
      <c r="AH35301">
        <v>20</v>
      </c>
      <c r="AI35301">
        <v>20</v>
      </c>
      <c r="AJ35301">
        <v>20</v>
      </c>
      <c r="AK35301">
        <v>20</v>
      </c>
      <c r="AL35301">
        <v>21</v>
      </c>
      <c r="AM35301">
        <v>21</v>
      </c>
      <c r="AN35301">
        <v>21</v>
      </c>
      <c r="AO35301">
        <v>21</v>
      </c>
      <c r="AP35301">
        <v>21</v>
      </c>
      <c r="AQ35301">
        <v>21</v>
      </c>
    </row>
    <row r="35302" spans="1:43">
      <c r="A35302" t="s">
        <v>21881</v>
      </c>
      <c r="B35302" t="s">
        <v>21882</v>
      </c>
      <c r="C35302" t="s">
        <v>21873</v>
      </c>
      <c r="D35302" t="s">
        <v>21874</v>
      </c>
      <c r="E35302" t="s">
        <v>21751</v>
      </c>
      <c r="F35302" t="s">
        <v>21752</v>
      </c>
      <c r="G35302" t="s">
        <v>20255</v>
      </c>
      <c r="H35302" t="s">
        <v>20256</v>
      </c>
      <c r="I35302" s="2">
        <v>1</v>
      </c>
      <c r="J35302" s="2">
        <v>0</v>
      </c>
      <c r="K35302" s="2">
        <v>0</v>
      </c>
      <c r="L35302" t="s">
        <v>120</v>
      </c>
      <c r="M35302" t="s">
        <v>83</v>
      </c>
      <c r="N35302" t="s">
        <v>84</v>
      </c>
      <c r="O35302" t="s">
        <v>85</v>
      </c>
      <c r="P35302" t="s">
        <v>86</v>
      </c>
      <c r="Q35302">
        <v>14</v>
      </c>
      <c r="R35302">
        <v>14</v>
      </c>
      <c r="S35302">
        <v>14</v>
      </c>
      <c r="T35302">
        <v>14</v>
      </c>
      <c r="U35302">
        <v>15</v>
      </c>
      <c r="V35302">
        <v>15</v>
      </c>
      <c r="W35302">
        <v>15</v>
      </c>
      <c r="X35302">
        <v>15</v>
      </c>
      <c r="Y35302">
        <v>15</v>
      </c>
      <c r="Z35302">
        <v>16</v>
      </c>
      <c r="AA35302">
        <v>16</v>
      </c>
      <c r="AB35302">
        <v>16</v>
      </c>
      <c r="AC35302">
        <v>16</v>
      </c>
      <c r="AD35302">
        <v>17</v>
      </c>
      <c r="AE35302">
        <v>17</v>
      </c>
      <c r="AF35302">
        <v>17</v>
      </c>
      <c r="AG35302">
        <v>17</v>
      </c>
      <c r="AH35302">
        <v>17</v>
      </c>
      <c r="AI35302">
        <v>18</v>
      </c>
      <c r="AJ35302">
        <v>18</v>
      </c>
      <c r="AK35302">
        <v>18</v>
      </c>
      <c r="AL35302">
        <v>18</v>
      </c>
      <c r="AM35302">
        <v>18</v>
      </c>
      <c r="AN35302">
        <v>18</v>
      </c>
      <c r="AO35302">
        <v>18</v>
      </c>
      <c r="AP35302">
        <v>18</v>
      </c>
      <c r="AQ35302">
        <v>18</v>
      </c>
    </row>
    <row r="35303" spans="1:43">
      <c r="A35303" t="s">
        <v>21881</v>
      </c>
      <c r="B35303" t="s">
        <v>21882</v>
      </c>
      <c r="C35303" t="s">
        <v>21873</v>
      </c>
      <c r="D35303" t="s">
        <v>21874</v>
      </c>
      <c r="E35303" t="s">
        <v>21751</v>
      </c>
      <c r="F35303" t="s">
        <v>21752</v>
      </c>
      <c r="G35303" t="s">
        <v>20255</v>
      </c>
      <c r="H35303" t="s">
        <v>20256</v>
      </c>
      <c r="I35303" s="2">
        <v>1</v>
      </c>
      <c r="J35303" s="2">
        <v>0</v>
      </c>
      <c r="K35303" s="2">
        <v>0</v>
      </c>
      <c r="L35303" t="s">
        <v>120</v>
      </c>
      <c r="M35303" t="s">
        <v>87</v>
      </c>
      <c r="N35303" t="s">
        <v>88</v>
      </c>
      <c r="O35303" t="s">
        <v>85</v>
      </c>
      <c r="P35303" t="s">
        <v>86</v>
      </c>
      <c r="Q35303">
        <v>14</v>
      </c>
      <c r="R35303">
        <v>15</v>
      </c>
      <c r="S35303">
        <v>15</v>
      </c>
      <c r="T35303">
        <v>15</v>
      </c>
      <c r="U35303">
        <v>15</v>
      </c>
      <c r="V35303">
        <v>15</v>
      </c>
      <c r="W35303">
        <v>15</v>
      </c>
      <c r="X35303">
        <v>15</v>
      </c>
      <c r="Y35303">
        <v>15</v>
      </c>
      <c r="Z35303">
        <v>15</v>
      </c>
      <c r="AA35303">
        <v>16</v>
      </c>
      <c r="AB35303">
        <v>16</v>
      </c>
      <c r="AC35303">
        <v>16</v>
      </c>
      <c r="AD35303">
        <v>16</v>
      </c>
      <c r="AE35303">
        <v>16</v>
      </c>
      <c r="AF35303">
        <v>16</v>
      </c>
      <c r="AG35303">
        <v>16</v>
      </c>
      <c r="AH35303">
        <v>16</v>
      </c>
      <c r="AI35303">
        <v>16</v>
      </c>
      <c r="AJ35303">
        <v>16</v>
      </c>
      <c r="AK35303">
        <v>17</v>
      </c>
      <c r="AL35303">
        <v>17</v>
      </c>
      <c r="AM35303">
        <v>17</v>
      </c>
      <c r="AN35303">
        <v>17</v>
      </c>
      <c r="AO35303">
        <v>17</v>
      </c>
      <c r="AP35303">
        <v>17</v>
      </c>
      <c r="AQ35303">
        <v>17</v>
      </c>
    </row>
    <row r="35304" spans="1:43">
      <c r="A35304" t="s">
        <v>21881</v>
      </c>
      <c r="B35304" t="s">
        <v>21882</v>
      </c>
      <c r="C35304" t="s">
        <v>21873</v>
      </c>
      <c r="D35304" t="s">
        <v>21874</v>
      </c>
      <c r="E35304" t="s">
        <v>21751</v>
      </c>
      <c r="F35304" t="s">
        <v>21752</v>
      </c>
      <c r="G35304" t="s">
        <v>20255</v>
      </c>
      <c r="H35304" t="s">
        <v>20256</v>
      </c>
      <c r="I35304" s="2">
        <v>1</v>
      </c>
      <c r="J35304" s="2">
        <v>0</v>
      </c>
      <c r="K35304" s="2">
        <v>0</v>
      </c>
      <c r="L35304" t="s">
        <v>120</v>
      </c>
      <c r="M35304" t="s">
        <v>89</v>
      </c>
      <c r="N35304" t="s">
        <v>90</v>
      </c>
      <c r="O35304" t="s">
        <v>85</v>
      </c>
      <c r="P35304" t="s">
        <v>86</v>
      </c>
      <c r="Q35304">
        <v>14</v>
      </c>
      <c r="R35304">
        <v>14</v>
      </c>
      <c r="S35304">
        <v>14</v>
      </c>
      <c r="T35304">
        <v>15</v>
      </c>
      <c r="U35304">
        <v>15</v>
      </c>
      <c r="V35304">
        <v>15</v>
      </c>
      <c r="W35304">
        <v>16</v>
      </c>
      <c r="X35304">
        <v>16</v>
      </c>
      <c r="Y35304">
        <v>16</v>
      </c>
      <c r="Z35304">
        <v>17</v>
      </c>
      <c r="AA35304">
        <v>17</v>
      </c>
      <c r="AB35304">
        <v>17</v>
      </c>
      <c r="AC35304">
        <v>17</v>
      </c>
      <c r="AD35304">
        <v>18</v>
      </c>
      <c r="AE35304">
        <v>18</v>
      </c>
      <c r="AF35304">
        <v>18</v>
      </c>
      <c r="AG35304">
        <v>18</v>
      </c>
      <c r="AH35304">
        <v>18</v>
      </c>
      <c r="AI35304">
        <v>18</v>
      </c>
      <c r="AJ35304">
        <v>18</v>
      </c>
      <c r="AK35304">
        <v>18</v>
      </c>
      <c r="AL35304">
        <v>18</v>
      </c>
      <c r="AM35304">
        <v>18</v>
      </c>
      <c r="AN35304">
        <v>18</v>
      </c>
      <c r="AO35304">
        <v>18</v>
      </c>
      <c r="AP35304">
        <v>18</v>
      </c>
      <c r="AQ35304">
        <v>18</v>
      </c>
    </row>
    <row r="35305" spans="1:43">
      <c r="A35305" t="s">
        <v>21881</v>
      </c>
      <c r="B35305" t="s">
        <v>21882</v>
      </c>
      <c r="C35305" t="s">
        <v>21873</v>
      </c>
      <c r="D35305" t="s">
        <v>21874</v>
      </c>
      <c r="E35305" t="s">
        <v>21751</v>
      </c>
      <c r="F35305" t="s">
        <v>21752</v>
      </c>
      <c r="G35305" t="s">
        <v>20255</v>
      </c>
      <c r="H35305" t="s">
        <v>20256</v>
      </c>
      <c r="I35305" s="2">
        <v>1</v>
      </c>
      <c r="J35305" s="2">
        <v>0</v>
      </c>
      <c r="K35305" s="2">
        <v>0</v>
      </c>
      <c r="L35305" t="s">
        <v>120</v>
      </c>
      <c r="M35305" t="s">
        <v>83</v>
      </c>
      <c r="N35305" t="s">
        <v>91</v>
      </c>
      <c r="O35305" t="s">
        <v>85</v>
      </c>
      <c r="P35305" t="s">
        <v>86</v>
      </c>
      <c r="Q35305">
        <v>14</v>
      </c>
      <c r="R35305">
        <v>14</v>
      </c>
      <c r="S35305">
        <v>14</v>
      </c>
      <c r="T35305">
        <v>14</v>
      </c>
      <c r="U35305">
        <v>15</v>
      </c>
      <c r="V35305">
        <v>15</v>
      </c>
      <c r="W35305">
        <v>15</v>
      </c>
      <c r="X35305">
        <v>15</v>
      </c>
      <c r="Y35305">
        <v>15</v>
      </c>
      <c r="Z35305">
        <v>16</v>
      </c>
      <c r="AA35305">
        <v>16</v>
      </c>
      <c r="AB35305">
        <v>16</v>
      </c>
      <c r="AC35305">
        <v>16</v>
      </c>
      <c r="AD35305">
        <v>17</v>
      </c>
      <c r="AE35305">
        <v>17</v>
      </c>
      <c r="AF35305">
        <v>17</v>
      </c>
      <c r="AG35305">
        <v>17</v>
      </c>
      <c r="AH35305">
        <v>17</v>
      </c>
      <c r="AI35305">
        <v>18</v>
      </c>
      <c r="AJ35305">
        <v>18</v>
      </c>
      <c r="AK35305">
        <v>18</v>
      </c>
      <c r="AL35305">
        <v>18</v>
      </c>
      <c r="AM35305">
        <v>18</v>
      </c>
      <c r="AN35305">
        <v>18</v>
      </c>
      <c r="AO35305">
        <v>18</v>
      </c>
      <c r="AP35305">
        <v>18</v>
      </c>
      <c r="AQ35305">
        <v>18</v>
      </c>
    </row>
    <row r="35306" spans="1:43">
      <c r="A35306" t="s">
        <v>21883</v>
      </c>
      <c r="B35306" t="s">
        <v>21884</v>
      </c>
      <c r="C35306" t="s">
        <v>21885</v>
      </c>
      <c r="D35306" t="s">
        <v>21886</v>
      </c>
      <c r="E35306" t="s">
        <v>21751</v>
      </c>
      <c r="F35306" t="s">
        <v>21752</v>
      </c>
      <c r="G35306" t="s">
        <v>20255</v>
      </c>
      <c r="H35306" t="s">
        <v>20256</v>
      </c>
      <c r="I35306" s="2">
        <v>1</v>
      </c>
      <c r="J35306" s="2">
        <v>0</v>
      </c>
      <c r="K35306" s="2">
        <v>0</v>
      </c>
      <c r="L35306" t="s">
        <v>120</v>
      </c>
      <c r="M35306" t="s">
        <v>83</v>
      </c>
      <c r="N35306" t="s">
        <v>84</v>
      </c>
      <c r="O35306" t="s">
        <v>85</v>
      </c>
      <c r="P35306" t="s">
        <v>86</v>
      </c>
      <c r="Q35306">
        <v>18</v>
      </c>
      <c r="R35306">
        <v>19</v>
      </c>
      <c r="S35306">
        <v>19</v>
      </c>
      <c r="T35306">
        <v>19</v>
      </c>
      <c r="U35306">
        <v>20</v>
      </c>
      <c r="V35306">
        <v>20</v>
      </c>
      <c r="W35306">
        <v>20</v>
      </c>
      <c r="X35306">
        <v>21</v>
      </c>
      <c r="Y35306">
        <v>21</v>
      </c>
      <c r="Z35306">
        <v>21</v>
      </c>
      <c r="AA35306">
        <v>21</v>
      </c>
      <c r="AB35306">
        <v>22</v>
      </c>
      <c r="AC35306">
        <v>22</v>
      </c>
      <c r="AD35306">
        <v>22</v>
      </c>
      <c r="AE35306">
        <v>23</v>
      </c>
      <c r="AF35306">
        <v>23</v>
      </c>
      <c r="AG35306">
        <v>23</v>
      </c>
      <c r="AH35306">
        <v>23</v>
      </c>
      <c r="AI35306">
        <v>24</v>
      </c>
      <c r="AJ35306">
        <v>24</v>
      </c>
      <c r="AK35306">
        <v>24</v>
      </c>
      <c r="AL35306">
        <v>24</v>
      </c>
      <c r="AM35306">
        <v>24</v>
      </c>
      <c r="AN35306">
        <v>24</v>
      </c>
      <c r="AO35306">
        <v>24</v>
      </c>
      <c r="AP35306">
        <v>24</v>
      </c>
      <c r="AQ35306">
        <v>24</v>
      </c>
    </row>
    <row r="35307" spans="1:43">
      <c r="A35307" t="s">
        <v>21883</v>
      </c>
      <c r="B35307" t="s">
        <v>21884</v>
      </c>
      <c r="C35307" t="s">
        <v>21885</v>
      </c>
      <c r="D35307" t="s">
        <v>21886</v>
      </c>
      <c r="E35307" t="s">
        <v>21751</v>
      </c>
      <c r="F35307" t="s">
        <v>21752</v>
      </c>
      <c r="G35307" t="s">
        <v>20255</v>
      </c>
      <c r="H35307" t="s">
        <v>20256</v>
      </c>
      <c r="I35307" s="2">
        <v>1</v>
      </c>
      <c r="J35307" s="2">
        <v>0</v>
      </c>
      <c r="K35307" s="2">
        <v>0</v>
      </c>
      <c r="L35307" t="s">
        <v>120</v>
      </c>
      <c r="M35307" t="s">
        <v>87</v>
      </c>
      <c r="N35307" t="s">
        <v>88</v>
      </c>
      <c r="O35307" t="s">
        <v>85</v>
      </c>
      <c r="P35307" t="s">
        <v>86</v>
      </c>
      <c r="Q35307">
        <v>18</v>
      </c>
      <c r="R35307">
        <v>18</v>
      </c>
      <c r="S35307">
        <v>18</v>
      </c>
      <c r="T35307">
        <v>19</v>
      </c>
      <c r="U35307">
        <v>19</v>
      </c>
      <c r="V35307">
        <v>19</v>
      </c>
      <c r="W35307">
        <v>19</v>
      </c>
      <c r="X35307">
        <v>19</v>
      </c>
      <c r="Y35307">
        <v>19</v>
      </c>
      <c r="Z35307">
        <v>19</v>
      </c>
      <c r="AA35307">
        <v>20</v>
      </c>
      <c r="AB35307">
        <v>20</v>
      </c>
      <c r="AC35307">
        <v>20</v>
      </c>
      <c r="AD35307">
        <v>20</v>
      </c>
      <c r="AE35307">
        <v>20</v>
      </c>
      <c r="AF35307">
        <v>20</v>
      </c>
      <c r="AG35307">
        <v>20</v>
      </c>
      <c r="AH35307">
        <v>21</v>
      </c>
      <c r="AI35307">
        <v>21</v>
      </c>
      <c r="AJ35307">
        <v>21</v>
      </c>
      <c r="AK35307">
        <v>21</v>
      </c>
      <c r="AL35307">
        <v>21</v>
      </c>
      <c r="AM35307">
        <v>21</v>
      </c>
      <c r="AN35307">
        <v>21</v>
      </c>
      <c r="AO35307">
        <v>21</v>
      </c>
      <c r="AP35307">
        <v>21</v>
      </c>
      <c r="AQ35307">
        <v>22</v>
      </c>
    </row>
    <row r="35308" spans="1:43">
      <c r="A35308" t="s">
        <v>21883</v>
      </c>
      <c r="B35308" t="s">
        <v>21884</v>
      </c>
      <c r="C35308" t="s">
        <v>21885</v>
      </c>
      <c r="D35308" t="s">
        <v>21886</v>
      </c>
      <c r="E35308" t="s">
        <v>21751</v>
      </c>
      <c r="F35308" t="s">
        <v>21752</v>
      </c>
      <c r="G35308" t="s">
        <v>20255</v>
      </c>
      <c r="H35308" t="s">
        <v>20256</v>
      </c>
      <c r="I35308" s="2">
        <v>1</v>
      </c>
      <c r="J35308" s="2">
        <v>0</v>
      </c>
      <c r="K35308" s="2">
        <v>0</v>
      </c>
      <c r="L35308" t="s">
        <v>120</v>
      </c>
      <c r="M35308" t="s">
        <v>89</v>
      </c>
      <c r="N35308" t="s">
        <v>90</v>
      </c>
      <c r="O35308" t="s">
        <v>85</v>
      </c>
      <c r="P35308" t="s">
        <v>86</v>
      </c>
      <c r="Q35308">
        <v>18</v>
      </c>
      <c r="R35308">
        <v>19</v>
      </c>
      <c r="S35308">
        <v>19</v>
      </c>
      <c r="T35308">
        <v>20</v>
      </c>
      <c r="U35308">
        <v>20</v>
      </c>
      <c r="V35308">
        <v>21</v>
      </c>
      <c r="W35308">
        <v>21</v>
      </c>
      <c r="X35308">
        <v>22</v>
      </c>
      <c r="Y35308">
        <v>22</v>
      </c>
      <c r="Z35308">
        <v>22</v>
      </c>
      <c r="AA35308">
        <v>23</v>
      </c>
      <c r="AB35308">
        <v>23</v>
      </c>
      <c r="AC35308">
        <v>23</v>
      </c>
      <c r="AD35308">
        <v>24</v>
      </c>
      <c r="AE35308">
        <v>24</v>
      </c>
      <c r="AF35308">
        <v>24</v>
      </c>
      <c r="AG35308">
        <v>24</v>
      </c>
      <c r="AH35308">
        <v>24</v>
      </c>
      <c r="AI35308">
        <v>24</v>
      </c>
      <c r="AJ35308">
        <v>24</v>
      </c>
      <c r="AK35308">
        <v>24</v>
      </c>
      <c r="AL35308">
        <v>24</v>
      </c>
      <c r="AM35308">
        <v>24</v>
      </c>
      <c r="AN35308">
        <v>25</v>
      </c>
      <c r="AO35308">
        <v>25</v>
      </c>
      <c r="AP35308">
        <v>25</v>
      </c>
      <c r="AQ35308">
        <v>25</v>
      </c>
    </row>
    <row r="35309" spans="1:43">
      <c r="A35309" t="s">
        <v>21883</v>
      </c>
      <c r="B35309" t="s">
        <v>21884</v>
      </c>
      <c r="C35309" t="s">
        <v>21885</v>
      </c>
      <c r="D35309" t="s">
        <v>21886</v>
      </c>
      <c r="E35309" t="s">
        <v>21751</v>
      </c>
      <c r="F35309" t="s">
        <v>21752</v>
      </c>
      <c r="G35309" t="s">
        <v>20255</v>
      </c>
      <c r="H35309" t="s">
        <v>20256</v>
      </c>
      <c r="I35309" s="2">
        <v>1</v>
      </c>
      <c r="J35309" s="2">
        <v>0</v>
      </c>
      <c r="K35309" s="2">
        <v>0</v>
      </c>
      <c r="L35309" t="s">
        <v>120</v>
      </c>
      <c r="M35309" t="s">
        <v>83</v>
      </c>
      <c r="N35309" t="s">
        <v>91</v>
      </c>
      <c r="O35309" t="s">
        <v>85</v>
      </c>
      <c r="P35309" t="s">
        <v>86</v>
      </c>
      <c r="Q35309">
        <v>18</v>
      </c>
      <c r="R35309">
        <v>19</v>
      </c>
      <c r="S35309">
        <v>19</v>
      </c>
      <c r="T35309">
        <v>19</v>
      </c>
      <c r="U35309">
        <v>20</v>
      </c>
      <c r="V35309">
        <v>20</v>
      </c>
      <c r="W35309">
        <v>20</v>
      </c>
      <c r="X35309">
        <v>21</v>
      </c>
      <c r="Y35309">
        <v>21</v>
      </c>
      <c r="Z35309">
        <v>21</v>
      </c>
      <c r="AA35309">
        <v>21</v>
      </c>
      <c r="AB35309">
        <v>22</v>
      </c>
      <c r="AC35309">
        <v>22</v>
      </c>
      <c r="AD35309">
        <v>22</v>
      </c>
      <c r="AE35309">
        <v>23</v>
      </c>
      <c r="AF35309">
        <v>23</v>
      </c>
      <c r="AG35309">
        <v>23</v>
      </c>
      <c r="AH35309">
        <v>23</v>
      </c>
      <c r="AI35309">
        <v>24</v>
      </c>
      <c r="AJ35309">
        <v>24</v>
      </c>
      <c r="AK35309">
        <v>24</v>
      </c>
      <c r="AL35309">
        <v>24</v>
      </c>
      <c r="AM35309">
        <v>24</v>
      </c>
      <c r="AN35309">
        <v>24</v>
      </c>
      <c r="AO35309">
        <v>24</v>
      </c>
      <c r="AP35309">
        <v>24</v>
      </c>
      <c r="AQ35309">
        <v>24</v>
      </c>
    </row>
    <row r="35310" spans="1:43">
      <c r="A35310" t="s">
        <v>21887</v>
      </c>
      <c r="B35310" t="s">
        <v>21888</v>
      </c>
      <c r="C35310" t="s">
        <v>21885</v>
      </c>
      <c r="D35310" t="s">
        <v>21886</v>
      </c>
      <c r="E35310" t="s">
        <v>21751</v>
      </c>
      <c r="F35310" t="s">
        <v>21752</v>
      </c>
      <c r="G35310" t="s">
        <v>20255</v>
      </c>
      <c r="H35310" t="s">
        <v>20256</v>
      </c>
      <c r="I35310" s="2">
        <v>1</v>
      </c>
      <c r="J35310" s="2">
        <v>0</v>
      </c>
      <c r="K35310" s="2">
        <v>0</v>
      </c>
      <c r="L35310" t="s">
        <v>120</v>
      </c>
      <c r="M35310" t="s">
        <v>83</v>
      </c>
      <c r="N35310" t="s">
        <v>84</v>
      </c>
      <c r="O35310" t="s">
        <v>85</v>
      </c>
      <c r="P35310" t="s">
        <v>86</v>
      </c>
      <c r="Q35310">
        <v>36</v>
      </c>
      <c r="R35310">
        <v>37</v>
      </c>
      <c r="S35310">
        <v>38</v>
      </c>
      <c r="T35310">
        <v>38</v>
      </c>
      <c r="U35310">
        <v>39</v>
      </c>
      <c r="V35310">
        <v>40</v>
      </c>
      <c r="W35310">
        <v>41</v>
      </c>
      <c r="X35310">
        <v>41</v>
      </c>
      <c r="Y35310">
        <v>42</v>
      </c>
      <c r="Z35310">
        <v>42</v>
      </c>
      <c r="AA35310">
        <v>43</v>
      </c>
      <c r="AB35310">
        <v>43</v>
      </c>
      <c r="AC35310">
        <v>44</v>
      </c>
      <c r="AD35310">
        <v>45</v>
      </c>
      <c r="AE35310">
        <v>45</v>
      </c>
      <c r="AF35310">
        <v>46</v>
      </c>
      <c r="AG35310">
        <v>46</v>
      </c>
      <c r="AH35310">
        <v>47</v>
      </c>
      <c r="AI35310">
        <v>47</v>
      </c>
      <c r="AJ35310">
        <v>48</v>
      </c>
      <c r="AK35310">
        <v>48</v>
      </c>
      <c r="AL35310">
        <v>49</v>
      </c>
      <c r="AM35310">
        <v>49</v>
      </c>
      <c r="AN35310">
        <v>49</v>
      </c>
      <c r="AO35310">
        <v>49</v>
      </c>
      <c r="AP35310">
        <v>49</v>
      </c>
      <c r="AQ35310">
        <v>49</v>
      </c>
    </row>
    <row r="35311" spans="1:43">
      <c r="A35311" t="s">
        <v>21887</v>
      </c>
      <c r="B35311" t="s">
        <v>21888</v>
      </c>
      <c r="C35311" t="s">
        <v>21885</v>
      </c>
      <c r="D35311" t="s">
        <v>21886</v>
      </c>
      <c r="E35311" t="s">
        <v>21751</v>
      </c>
      <c r="F35311" t="s">
        <v>21752</v>
      </c>
      <c r="G35311" t="s">
        <v>20255</v>
      </c>
      <c r="H35311" t="s">
        <v>20256</v>
      </c>
      <c r="I35311" s="2">
        <v>1</v>
      </c>
      <c r="J35311" s="2">
        <v>0</v>
      </c>
      <c r="K35311" s="2">
        <v>0</v>
      </c>
      <c r="L35311" t="s">
        <v>120</v>
      </c>
      <c r="M35311" t="s">
        <v>87</v>
      </c>
      <c r="N35311" t="s">
        <v>88</v>
      </c>
      <c r="O35311" t="s">
        <v>85</v>
      </c>
      <c r="P35311" t="s">
        <v>86</v>
      </c>
      <c r="Q35311">
        <v>36</v>
      </c>
      <c r="R35311">
        <v>36</v>
      </c>
      <c r="S35311">
        <v>37</v>
      </c>
      <c r="T35311">
        <v>37</v>
      </c>
      <c r="U35311">
        <v>37</v>
      </c>
      <c r="V35311">
        <v>38</v>
      </c>
      <c r="W35311">
        <v>38</v>
      </c>
      <c r="X35311">
        <v>38</v>
      </c>
      <c r="Y35311">
        <v>39</v>
      </c>
      <c r="Z35311">
        <v>39</v>
      </c>
      <c r="AA35311">
        <v>39</v>
      </c>
      <c r="AB35311">
        <v>39</v>
      </c>
      <c r="AC35311">
        <v>40</v>
      </c>
      <c r="AD35311">
        <v>40</v>
      </c>
      <c r="AE35311">
        <v>40</v>
      </c>
      <c r="AF35311">
        <v>41</v>
      </c>
      <c r="AG35311">
        <v>41</v>
      </c>
      <c r="AH35311">
        <v>41</v>
      </c>
      <c r="AI35311">
        <v>41</v>
      </c>
      <c r="AJ35311">
        <v>42</v>
      </c>
      <c r="AK35311">
        <v>42</v>
      </c>
      <c r="AL35311">
        <v>42</v>
      </c>
      <c r="AM35311">
        <v>42</v>
      </c>
      <c r="AN35311">
        <v>43</v>
      </c>
      <c r="AO35311">
        <v>43</v>
      </c>
      <c r="AP35311">
        <v>43</v>
      </c>
      <c r="AQ35311">
        <v>43</v>
      </c>
    </row>
    <row r="35312" spans="1:43">
      <c r="A35312" t="s">
        <v>21887</v>
      </c>
      <c r="B35312" t="s">
        <v>21888</v>
      </c>
      <c r="C35312" t="s">
        <v>21885</v>
      </c>
      <c r="D35312" t="s">
        <v>21886</v>
      </c>
      <c r="E35312" t="s">
        <v>21751</v>
      </c>
      <c r="F35312" t="s">
        <v>21752</v>
      </c>
      <c r="G35312" t="s">
        <v>20255</v>
      </c>
      <c r="H35312" t="s">
        <v>20256</v>
      </c>
      <c r="I35312" s="2">
        <v>1</v>
      </c>
      <c r="J35312" s="2">
        <v>0</v>
      </c>
      <c r="K35312" s="2">
        <v>0</v>
      </c>
      <c r="L35312" t="s">
        <v>120</v>
      </c>
      <c r="M35312" t="s">
        <v>89</v>
      </c>
      <c r="N35312" t="s">
        <v>90</v>
      </c>
      <c r="O35312" t="s">
        <v>85</v>
      </c>
      <c r="P35312" t="s">
        <v>86</v>
      </c>
      <c r="Q35312">
        <v>36</v>
      </c>
      <c r="R35312">
        <v>37</v>
      </c>
      <c r="S35312">
        <v>38</v>
      </c>
      <c r="T35312">
        <v>39</v>
      </c>
      <c r="U35312">
        <v>40</v>
      </c>
      <c r="V35312">
        <v>41</v>
      </c>
      <c r="W35312">
        <v>41</v>
      </c>
      <c r="X35312">
        <v>42</v>
      </c>
      <c r="Y35312">
        <v>43</v>
      </c>
      <c r="Z35312">
        <v>44</v>
      </c>
      <c r="AA35312">
        <v>44</v>
      </c>
      <c r="AB35312">
        <v>45</v>
      </c>
      <c r="AC35312">
        <v>46</v>
      </c>
      <c r="AD35312">
        <v>47</v>
      </c>
      <c r="AE35312">
        <v>47</v>
      </c>
      <c r="AF35312">
        <v>47</v>
      </c>
      <c r="AG35312">
        <v>47</v>
      </c>
      <c r="AH35312">
        <v>48</v>
      </c>
      <c r="AI35312">
        <v>48</v>
      </c>
      <c r="AJ35312">
        <v>48</v>
      </c>
      <c r="AK35312">
        <v>48</v>
      </c>
      <c r="AL35312">
        <v>48</v>
      </c>
      <c r="AM35312">
        <v>48</v>
      </c>
      <c r="AN35312">
        <v>48</v>
      </c>
      <c r="AO35312">
        <v>48</v>
      </c>
      <c r="AP35312">
        <v>48</v>
      </c>
      <c r="AQ35312">
        <v>48</v>
      </c>
    </row>
    <row r="35313" spans="1:43">
      <c r="A35313" t="s">
        <v>21887</v>
      </c>
      <c r="B35313" t="s">
        <v>21888</v>
      </c>
      <c r="C35313" t="s">
        <v>21885</v>
      </c>
      <c r="D35313" t="s">
        <v>21886</v>
      </c>
      <c r="E35313" t="s">
        <v>21751</v>
      </c>
      <c r="F35313" t="s">
        <v>21752</v>
      </c>
      <c r="G35313" t="s">
        <v>20255</v>
      </c>
      <c r="H35313" t="s">
        <v>20256</v>
      </c>
      <c r="I35313" s="2">
        <v>1</v>
      </c>
      <c r="J35313" s="2">
        <v>0</v>
      </c>
      <c r="K35313" s="2">
        <v>0</v>
      </c>
      <c r="L35313" t="s">
        <v>120</v>
      </c>
      <c r="M35313" t="s">
        <v>83</v>
      </c>
      <c r="N35313" t="s">
        <v>91</v>
      </c>
      <c r="O35313" t="s">
        <v>85</v>
      </c>
      <c r="P35313" t="s">
        <v>86</v>
      </c>
      <c r="Q35313">
        <v>36</v>
      </c>
      <c r="R35313">
        <v>37</v>
      </c>
      <c r="S35313">
        <v>38</v>
      </c>
      <c r="T35313">
        <v>38</v>
      </c>
      <c r="U35313">
        <v>39</v>
      </c>
      <c r="V35313">
        <v>40</v>
      </c>
      <c r="W35313">
        <v>41</v>
      </c>
      <c r="X35313">
        <v>41</v>
      </c>
      <c r="Y35313">
        <v>42</v>
      </c>
      <c r="Z35313">
        <v>42</v>
      </c>
      <c r="AA35313">
        <v>43</v>
      </c>
      <c r="AB35313">
        <v>43</v>
      </c>
      <c r="AC35313">
        <v>44</v>
      </c>
      <c r="AD35313">
        <v>45</v>
      </c>
      <c r="AE35313">
        <v>45</v>
      </c>
      <c r="AF35313">
        <v>46</v>
      </c>
      <c r="AG35313">
        <v>46</v>
      </c>
      <c r="AH35313">
        <v>47</v>
      </c>
      <c r="AI35313">
        <v>47</v>
      </c>
      <c r="AJ35313">
        <v>48</v>
      </c>
      <c r="AK35313">
        <v>48</v>
      </c>
      <c r="AL35313">
        <v>49</v>
      </c>
      <c r="AM35313">
        <v>49</v>
      </c>
      <c r="AN35313">
        <v>49</v>
      </c>
      <c r="AO35313">
        <v>49</v>
      </c>
      <c r="AP35313">
        <v>49</v>
      </c>
      <c r="AQ35313">
        <v>49</v>
      </c>
    </row>
    <row r="35314" spans="1:43">
      <c r="A35314" t="s">
        <v>21889</v>
      </c>
      <c r="B35314" t="s">
        <v>21890</v>
      </c>
      <c r="C35314" t="s">
        <v>21885</v>
      </c>
      <c r="D35314" t="s">
        <v>21886</v>
      </c>
      <c r="E35314" t="s">
        <v>21751</v>
      </c>
      <c r="F35314" t="s">
        <v>21752</v>
      </c>
      <c r="G35314" t="s">
        <v>20255</v>
      </c>
      <c r="H35314" t="s">
        <v>20256</v>
      </c>
      <c r="I35314" s="2">
        <v>1</v>
      </c>
      <c r="J35314" s="2">
        <v>0</v>
      </c>
      <c r="K35314" s="2">
        <v>0</v>
      </c>
      <c r="L35314" t="s">
        <v>120</v>
      </c>
      <c r="M35314" t="s">
        <v>83</v>
      </c>
      <c r="N35314" t="s">
        <v>84</v>
      </c>
      <c r="O35314" t="s">
        <v>85</v>
      </c>
      <c r="P35314" t="s">
        <v>86</v>
      </c>
      <c r="Q35314">
        <v>12</v>
      </c>
      <c r="R35314">
        <v>12</v>
      </c>
      <c r="S35314">
        <v>12</v>
      </c>
      <c r="T35314">
        <v>13</v>
      </c>
      <c r="U35314">
        <v>13</v>
      </c>
      <c r="V35314">
        <v>13</v>
      </c>
      <c r="W35314">
        <v>13</v>
      </c>
      <c r="X35314">
        <v>13</v>
      </c>
      <c r="Y35314">
        <v>14</v>
      </c>
      <c r="Z35314">
        <v>14</v>
      </c>
      <c r="AA35314">
        <v>14</v>
      </c>
      <c r="AB35314">
        <v>14</v>
      </c>
      <c r="AC35314">
        <v>14</v>
      </c>
      <c r="AD35314">
        <v>15</v>
      </c>
      <c r="AE35314">
        <v>15</v>
      </c>
      <c r="AF35314">
        <v>15</v>
      </c>
      <c r="AG35314">
        <v>15</v>
      </c>
      <c r="AH35314">
        <v>15</v>
      </c>
      <c r="AI35314">
        <v>15</v>
      </c>
      <c r="AJ35314">
        <v>16</v>
      </c>
      <c r="AK35314">
        <v>16</v>
      </c>
      <c r="AL35314">
        <v>16</v>
      </c>
      <c r="AM35314">
        <v>16</v>
      </c>
      <c r="AN35314">
        <v>16</v>
      </c>
      <c r="AO35314">
        <v>16</v>
      </c>
      <c r="AP35314">
        <v>16</v>
      </c>
      <c r="AQ35314">
        <v>16</v>
      </c>
    </row>
    <row r="35315" spans="1:43">
      <c r="A35315" t="s">
        <v>21889</v>
      </c>
      <c r="B35315" t="s">
        <v>21890</v>
      </c>
      <c r="C35315" t="s">
        <v>21885</v>
      </c>
      <c r="D35315" t="s">
        <v>21886</v>
      </c>
      <c r="E35315" t="s">
        <v>21751</v>
      </c>
      <c r="F35315" t="s">
        <v>21752</v>
      </c>
      <c r="G35315" t="s">
        <v>20255</v>
      </c>
      <c r="H35315" t="s">
        <v>20256</v>
      </c>
      <c r="I35315" s="2">
        <v>1</v>
      </c>
      <c r="J35315" s="2">
        <v>0</v>
      </c>
      <c r="K35315" s="2">
        <v>0</v>
      </c>
      <c r="L35315" t="s">
        <v>120</v>
      </c>
      <c r="M35315" t="s">
        <v>87</v>
      </c>
      <c r="N35315" t="s">
        <v>88</v>
      </c>
      <c r="O35315" t="s">
        <v>85</v>
      </c>
      <c r="P35315" t="s">
        <v>86</v>
      </c>
      <c r="Q35315">
        <v>12</v>
      </c>
      <c r="R35315">
        <v>12</v>
      </c>
      <c r="S35315">
        <v>12</v>
      </c>
      <c r="T35315">
        <v>12</v>
      </c>
      <c r="U35315">
        <v>12</v>
      </c>
      <c r="V35315">
        <v>12</v>
      </c>
      <c r="W35315">
        <v>12</v>
      </c>
      <c r="X35315">
        <v>13</v>
      </c>
      <c r="Y35315">
        <v>13</v>
      </c>
      <c r="Z35315">
        <v>13</v>
      </c>
      <c r="AA35315">
        <v>13</v>
      </c>
      <c r="AB35315">
        <v>13</v>
      </c>
      <c r="AC35315">
        <v>13</v>
      </c>
      <c r="AD35315">
        <v>13</v>
      </c>
      <c r="AE35315">
        <v>13</v>
      </c>
      <c r="AF35315">
        <v>13</v>
      </c>
      <c r="AG35315">
        <v>13</v>
      </c>
      <c r="AH35315">
        <v>13</v>
      </c>
      <c r="AI35315">
        <v>14</v>
      </c>
      <c r="AJ35315">
        <v>14</v>
      </c>
      <c r="AK35315">
        <v>14</v>
      </c>
      <c r="AL35315">
        <v>14</v>
      </c>
      <c r="AM35315">
        <v>14</v>
      </c>
      <c r="AN35315">
        <v>14</v>
      </c>
      <c r="AO35315">
        <v>14</v>
      </c>
      <c r="AP35315">
        <v>14</v>
      </c>
      <c r="AQ35315">
        <v>14</v>
      </c>
    </row>
    <row r="35316" spans="1:43">
      <c r="A35316" t="s">
        <v>21889</v>
      </c>
      <c r="B35316" t="s">
        <v>21890</v>
      </c>
      <c r="C35316" t="s">
        <v>21885</v>
      </c>
      <c r="D35316" t="s">
        <v>21886</v>
      </c>
      <c r="E35316" t="s">
        <v>21751</v>
      </c>
      <c r="F35316" t="s">
        <v>21752</v>
      </c>
      <c r="G35316" t="s">
        <v>20255</v>
      </c>
      <c r="H35316" t="s">
        <v>20256</v>
      </c>
      <c r="I35316" s="2">
        <v>1</v>
      </c>
      <c r="J35316" s="2">
        <v>0</v>
      </c>
      <c r="K35316" s="2">
        <v>0</v>
      </c>
      <c r="L35316" t="s">
        <v>120</v>
      </c>
      <c r="M35316" t="s">
        <v>89</v>
      </c>
      <c r="N35316" t="s">
        <v>90</v>
      </c>
      <c r="O35316" t="s">
        <v>85</v>
      </c>
      <c r="P35316" t="s">
        <v>86</v>
      </c>
      <c r="Q35316">
        <v>12</v>
      </c>
      <c r="R35316">
        <v>12</v>
      </c>
      <c r="S35316">
        <v>13</v>
      </c>
      <c r="T35316">
        <v>13</v>
      </c>
      <c r="U35316">
        <v>13</v>
      </c>
      <c r="V35316">
        <v>14</v>
      </c>
      <c r="W35316">
        <v>14</v>
      </c>
      <c r="X35316">
        <v>14</v>
      </c>
      <c r="Y35316">
        <v>14</v>
      </c>
      <c r="Z35316">
        <v>15</v>
      </c>
      <c r="AA35316">
        <v>15</v>
      </c>
      <c r="AB35316">
        <v>15</v>
      </c>
      <c r="AC35316">
        <v>15</v>
      </c>
      <c r="AD35316">
        <v>16</v>
      </c>
      <c r="AE35316">
        <v>16</v>
      </c>
      <c r="AF35316">
        <v>16</v>
      </c>
      <c r="AG35316">
        <v>16</v>
      </c>
      <c r="AH35316">
        <v>16</v>
      </c>
      <c r="AI35316">
        <v>16</v>
      </c>
      <c r="AJ35316">
        <v>16</v>
      </c>
      <c r="AK35316">
        <v>16</v>
      </c>
      <c r="AL35316">
        <v>16</v>
      </c>
      <c r="AM35316">
        <v>16</v>
      </c>
      <c r="AN35316">
        <v>16</v>
      </c>
      <c r="AO35316">
        <v>16</v>
      </c>
      <c r="AP35316">
        <v>16</v>
      </c>
      <c r="AQ35316">
        <v>16</v>
      </c>
    </row>
    <row r="35317" spans="1:43">
      <c r="A35317" t="s">
        <v>21889</v>
      </c>
      <c r="B35317" t="s">
        <v>21890</v>
      </c>
      <c r="C35317" t="s">
        <v>21885</v>
      </c>
      <c r="D35317" t="s">
        <v>21886</v>
      </c>
      <c r="E35317" t="s">
        <v>21751</v>
      </c>
      <c r="F35317" t="s">
        <v>21752</v>
      </c>
      <c r="G35317" t="s">
        <v>20255</v>
      </c>
      <c r="H35317" t="s">
        <v>20256</v>
      </c>
      <c r="I35317" s="2">
        <v>1</v>
      </c>
      <c r="J35317" s="2">
        <v>0</v>
      </c>
      <c r="K35317" s="2">
        <v>0</v>
      </c>
      <c r="L35317" t="s">
        <v>120</v>
      </c>
      <c r="M35317" t="s">
        <v>83</v>
      </c>
      <c r="N35317" t="s">
        <v>91</v>
      </c>
      <c r="O35317" t="s">
        <v>85</v>
      </c>
      <c r="P35317" t="s">
        <v>86</v>
      </c>
      <c r="Q35317">
        <v>12</v>
      </c>
      <c r="R35317">
        <v>12</v>
      </c>
      <c r="S35317">
        <v>12</v>
      </c>
      <c r="T35317">
        <v>13</v>
      </c>
      <c r="U35317">
        <v>13</v>
      </c>
      <c r="V35317">
        <v>13</v>
      </c>
      <c r="W35317">
        <v>13</v>
      </c>
      <c r="X35317">
        <v>13</v>
      </c>
      <c r="Y35317">
        <v>14</v>
      </c>
      <c r="Z35317">
        <v>14</v>
      </c>
      <c r="AA35317">
        <v>14</v>
      </c>
      <c r="AB35317">
        <v>14</v>
      </c>
      <c r="AC35317">
        <v>14</v>
      </c>
      <c r="AD35317">
        <v>15</v>
      </c>
      <c r="AE35317">
        <v>15</v>
      </c>
      <c r="AF35317">
        <v>15</v>
      </c>
      <c r="AG35317">
        <v>15</v>
      </c>
      <c r="AH35317">
        <v>15</v>
      </c>
      <c r="AI35317">
        <v>15</v>
      </c>
      <c r="AJ35317">
        <v>16</v>
      </c>
      <c r="AK35317">
        <v>16</v>
      </c>
      <c r="AL35317">
        <v>16</v>
      </c>
      <c r="AM35317">
        <v>16</v>
      </c>
      <c r="AN35317">
        <v>16</v>
      </c>
      <c r="AO35317">
        <v>16</v>
      </c>
      <c r="AP35317">
        <v>16</v>
      </c>
      <c r="AQ35317">
        <v>16</v>
      </c>
    </row>
    <row r="35318" spans="1:43">
      <c r="A35318" t="s">
        <v>21891</v>
      </c>
      <c r="B35318" t="s">
        <v>21892</v>
      </c>
      <c r="C35318" t="s">
        <v>21885</v>
      </c>
      <c r="D35318" t="s">
        <v>21886</v>
      </c>
      <c r="E35318" t="s">
        <v>21751</v>
      </c>
      <c r="F35318" t="s">
        <v>21752</v>
      </c>
      <c r="G35318" t="s">
        <v>20255</v>
      </c>
      <c r="H35318" t="s">
        <v>20256</v>
      </c>
      <c r="I35318" s="2">
        <v>1</v>
      </c>
      <c r="J35318" s="2">
        <v>0</v>
      </c>
      <c r="K35318" s="2">
        <v>0</v>
      </c>
      <c r="L35318" t="s">
        <v>120</v>
      </c>
      <c r="M35318" t="s">
        <v>83</v>
      </c>
      <c r="N35318" t="s">
        <v>84</v>
      </c>
      <c r="O35318" t="s">
        <v>85</v>
      </c>
      <c r="P35318" t="s">
        <v>86</v>
      </c>
      <c r="Q35318">
        <v>2</v>
      </c>
      <c r="R35318">
        <v>3</v>
      </c>
      <c r="S35318">
        <v>3</v>
      </c>
      <c r="T35318">
        <v>3</v>
      </c>
      <c r="U35318">
        <v>3</v>
      </c>
      <c r="V35318">
        <v>3</v>
      </c>
      <c r="W35318">
        <v>3</v>
      </c>
      <c r="X35318">
        <v>3</v>
      </c>
      <c r="Y35318">
        <v>3</v>
      </c>
      <c r="Z35318">
        <v>3</v>
      </c>
      <c r="AA35318">
        <v>3</v>
      </c>
      <c r="AB35318">
        <v>3</v>
      </c>
      <c r="AC35318">
        <v>3</v>
      </c>
      <c r="AD35318">
        <v>3</v>
      </c>
      <c r="AE35318">
        <v>3</v>
      </c>
      <c r="AF35318">
        <v>3</v>
      </c>
      <c r="AG35318">
        <v>3</v>
      </c>
      <c r="AH35318">
        <v>3</v>
      </c>
      <c r="AI35318">
        <v>3</v>
      </c>
      <c r="AJ35318">
        <v>3</v>
      </c>
      <c r="AK35318">
        <v>3</v>
      </c>
      <c r="AL35318">
        <v>3</v>
      </c>
      <c r="AM35318">
        <v>3</v>
      </c>
      <c r="AN35318">
        <v>3</v>
      </c>
      <c r="AO35318">
        <v>3</v>
      </c>
      <c r="AP35318">
        <v>3</v>
      </c>
      <c r="AQ35318">
        <v>3</v>
      </c>
    </row>
    <row r="35319" spans="1:43">
      <c r="A35319" t="s">
        <v>21891</v>
      </c>
      <c r="B35319" t="s">
        <v>21892</v>
      </c>
      <c r="C35319" t="s">
        <v>21885</v>
      </c>
      <c r="D35319" t="s">
        <v>21886</v>
      </c>
      <c r="E35319" t="s">
        <v>21751</v>
      </c>
      <c r="F35319" t="s">
        <v>21752</v>
      </c>
      <c r="G35319" t="s">
        <v>20255</v>
      </c>
      <c r="H35319" t="s">
        <v>20256</v>
      </c>
      <c r="I35319" s="2">
        <v>1</v>
      </c>
      <c r="J35319" s="2">
        <v>0</v>
      </c>
      <c r="K35319" s="2">
        <v>0</v>
      </c>
      <c r="L35319" t="s">
        <v>120</v>
      </c>
      <c r="M35319" t="s">
        <v>87</v>
      </c>
      <c r="N35319" t="s">
        <v>88</v>
      </c>
      <c r="O35319" t="s">
        <v>85</v>
      </c>
      <c r="P35319" t="s">
        <v>86</v>
      </c>
      <c r="Q35319">
        <v>2</v>
      </c>
      <c r="R35319">
        <v>2</v>
      </c>
      <c r="S35319">
        <v>3</v>
      </c>
      <c r="T35319">
        <v>3</v>
      </c>
      <c r="U35319">
        <v>3</v>
      </c>
      <c r="V35319">
        <v>3</v>
      </c>
      <c r="W35319">
        <v>3</v>
      </c>
      <c r="X35319">
        <v>3</v>
      </c>
      <c r="Y35319">
        <v>3</v>
      </c>
      <c r="Z35319">
        <v>3</v>
      </c>
      <c r="AA35319">
        <v>3</v>
      </c>
      <c r="AB35319">
        <v>3</v>
      </c>
      <c r="AC35319">
        <v>3</v>
      </c>
      <c r="AD35319">
        <v>3</v>
      </c>
      <c r="AE35319">
        <v>3</v>
      </c>
      <c r="AF35319">
        <v>3</v>
      </c>
      <c r="AG35319">
        <v>3</v>
      </c>
      <c r="AH35319">
        <v>3</v>
      </c>
      <c r="AI35319">
        <v>3</v>
      </c>
      <c r="AJ35319">
        <v>3</v>
      </c>
      <c r="AK35319">
        <v>3</v>
      </c>
      <c r="AL35319">
        <v>3</v>
      </c>
      <c r="AM35319">
        <v>3</v>
      </c>
      <c r="AN35319">
        <v>3</v>
      </c>
      <c r="AO35319">
        <v>3</v>
      </c>
      <c r="AP35319">
        <v>3</v>
      </c>
      <c r="AQ35319">
        <v>3</v>
      </c>
    </row>
    <row r="35320" spans="1:43">
      <c r="A35320" t="s">
        <v>21891</v>
      </c>
      <c r="B35320" t="s">
        <v>21892</v>
      </c>
      <c r="C35320" t="s">
        <v>21885</v>
      </c>
      <c r="D35320" t="s">
        <v>21886</v>
      </c>
      <c r="E35320" t="s">
        <v>21751</v>
      </c>
      <c r="F35320" t="s">
        <v>21752</v>
      </c>
      <c r="G35320" t="s">
        <v>20255</v>
      </c>
      <c r="H35320" t="s">
        <v>20256</v>
      </c>
      <c r="I35320" s="2">
        <v>1</v>
      </c>
      <c r="J35320" s="2">
        <v>0</v>
      </c>
      <c r="K35320" s="2">
        <v>0</v>
      </c>
      <c r="L35320" t="s">
        <v>120</v>
      </c>
      <c r="M35320" t="s">
        <v>89</v>
      </c>
      <c r="N35320" t="s">
        <v>90</v>
      </c>
      <c r="O35320" t="s">
        <v>85</v>
      </c>
      <c r="P35320" t="s">
        <v>86</v>
      </c>
      <c r="Q35320">
        <v>2</v>
      </c>
      <c r="R35320">
        <v>2</v>
      </c>
      <c r="S35320">
        <v>2</v>
      </c>
      <c r="T35320">
        <v>2</v>
      </c>
      <c r="U35320">
        <v>2</v>
      </c>
      <c r="V35320">
        <v>2</v>
      </c>
      <c r="W35320">
        <v>2</v>
      </c>
      <c r="X35320">
        <v>2</v>
      </c>
      <c r="Y35320">
        <v>2</v>
      </c>
      <c r="Z35320">
        <v>2</v>
      </c>
      <c r="AA35320">
        <v>2</v>
      </c>
      <c r="AB35320">
        <v>2</v>
      </c>
      <c r="AC35320">
        <v>2</v>
      </c>
      <c r="AD35320">
        <v>2</v>
      </c>
      <c r="AE35320">
        <v>2</v>
      </c>
      <c r="AF35320">
        <v>2</v>
      </c>
      <c r="AG35320">
        <v>2</v>
      </c>
      <c r="AH35320">
        <v>2</v>
      </c>
      <c r="AI35320">
        <v>2</v>
      </c>
      <c r="AJ35320">
        <v>2</v>
      </c>
      <c r="AK35320">
        <v>2</v>
      </c>
      <c r="AL35320">
        <v>2</v>
      </c>
      <c r="AM35320">
        <v>2</v>
      </c>
      <c r="AN35320">
        <v>2</v>
      </c>
      <c r="AO35320">
        <v>2</v>
      </c>
      <c r="AP35320">
        <v>2</v>
      </c>
      <c r="AQ35320">
        <v>2</v>
      </c>
    </row>
    <row r="35321" spans="1:43">
      <c r="A35321" t="s">
        <v>21891</v>
      </c>
      <c r="B35321" t="s">
        <v>21892</v>
      </c>
      <c r="C35321" t="s">
        <v>21885</v>
      </c>
      <c r="D35321" t="s">
        <v>21886</v>
      </c>
      <c r="E35321" t="s">
        <v>21751</v>
      </c>
      <c r="F35321" t="s">
        <v>21752</v>
      </c>
      <c r="G35321" t="s">
        <v>20255</v>
      </c>
      <c r="H35321" t="s">
        <v>20256</v>
      </c>
      <c r="I35321" s="2">
        <v>1</v>
      </c>
      <c r="J35321" s="2">
        <v>0</v>
      </c>
      <c r="K35321" s="2">
        <v>0</v>
      </c>
      <c r="L35321" t="s">
        <v>120</v>
      </c>
      <c r="M35321" t="s">
        <v>83</v>
      </c>
      <c r="N35321" t="s">
        <v>91</v>
      </c>
      <c r="O35321" t="s">
        <v>85</v>
      </c>
      <c r="P35321" t="s">
        <v>86</v>
      </c>
      <c r="Q35321">
        <v>2</v>
      </c>
      <c r="R35321">
        <v>3</v>
      </c>
      <c r="S35321">
        <v>3</v>
      </c>
      <c r="T35321">
        <v>3</v>
      </c>
      <c r="U35321">
        <v>3</v>
      </c>
      <c r="V35321">
        <v>3</v>
      </c>
      <c r="W35321">
        <v>3</v>
      </c>
      <c r="X35321">
        <v>3</v>
      </c>
      <c r="Y35321">
        <v>3</v>
      </c>
      <c r="Z35321">
        <v>3</v>
      </c>
      <c r="AA35321">
        <v>3</v>
      </c>
      <c r="AB35321">
        <v>3</v>
      </c>
      <c r="AC35321">
        <v>3</v>
      </c>
      <c r="AD35321">
        <v>3</v>
      </c>
      <c r="AE35321">
        <v>3</v>
      </c>
      <c r="AF35321">
        <v>3</v>
      </c>
      <c r="AG35321">
        <v>3</v>
      </c>
      <c r="AH35321">
        <v>3</v>
      </c>
      <c r="AI35321">
        <v>3</v>
      </c>
      <c r="AJ35321">
        <v>3</v>
      </c>
      <c r="AK35321">
        <v>3</v>
      </c>
      <c r="AL35321">
        <v>3</v>
      </c>
      <c r="AM35321">
        <v>3</v>
      </c>
      <c r="AN35321">
        <v>3</v>
      </c>
      <c r="AO35321">
        <v>3</v>
      </c>
      <c r="AP35321">
        <v>3</v>
      </c>
      <c r="AQ35321">
        <v>3</v>
      </c>
    </row>
    <row r="35322" spans="1:43">
      <c r="A35322" t="s">
        <v>21893</v>
      </c>
      <c r="B35322" t="s">
        <v>21894</v>
      </c>
      <c r="C35322" t="s">
        <v>21885</v>
      </c>
      <c r="D35322" t="s">
        <v>21886</v>
      </c>
      <c r="E35322" t="s">
        <v>21751</v>
      </c>
      <c r="F35322" t="s">
        <v>21752</v>
      </c>
      <c r="G35322" t="s">
        <v>20255</v>
      </c>
      <c r="H35322" t="s">
        <v>20256</v>
      </c>
      <c r="I35322" s="2">
        <v>1</v>
      </c>
      <c r="J35322" s="2">
        <v>0</v>
      </c>
      <c r="K35322" s="2">
        <v>0</v>
      </c>
      <c r="L35322" t="s">
        <v>120</v>
      </c>
      <c r="M35322" t="s">
        <v>83</v>
      </c>
      <c r="N35322" t="s">
        <v>84</v>
      </c>
      <c r="O35322" t="s">
        <v>85</v>
      </c>
      <c r="P35322" t="s">
        <v>86</v>
      </c>
      <c r="Q35322">
        <v>16</v>
      </c>
      <c r="R35322">
        <v>16</v>
      </c>
      <c r="S35322">
        <v>16</v>
      </c>
      <c r="T35322">
        <v>17</v>
      </c>
      <c r="U35322">
        <v>17</v>
      </c>
      <c r="V35322">
        <v>17</v>
      </c>
      <c r="W35322">
        <v>17</v>
      </c>
      <c r="X35322">
        <v>18</v>
      </c>
      <c r="Y35322">
        <v>18</v>
      </c>
      <c r="Z35322">
        <v>18</v>
      </c>
      <c r="AA35322">
        <v>18</v>
      </c>
      <c r="AB35322">
        <v>19</v>
      </c>
      <c r="AC35322">
        <v>19</v>
      </c>
      <c r="AD35322">
        <v>19</v>
      </c>
      <c r="AE35322">
        <v>19</v>
      </c>
      <c r="AF35322">
        <v>20</v>
      </c>
      <c r="AG35322">
        <v>20</v>
      </c>
      <c r="AH35322">
        <v>20</v>
      </c>
      <c r="AI35322">
        <v>20</v>
      </c>
      <c r="AJ35322">
        <v>21</v>
      </c>
      <c r="AK35322">
        <v>21</v>
      </c>
      <c r="AL35322">
        <v>21</v>
      </c>
      <c r="AM35322">
        <v>21</v>
      </c>
      <c r="AN35322">
        <v>21</v>
      </c>
      <c r="AO35322">
        <v>21</v>
      </c>
      <c r="AP35322">
        <v>21</v>
      </c>
      <c r="AQ35322">
        <v>21</v>
      </c>
    </row>
    <row r="35323" spans="1:43">
      <c r="A35323" t="s">
        <v>21893</v>
      </c>
      <c r="B35323" t="s">
        <v>21894</v>
      </c>
      <c r="C35323" t="s">
        <v>21885</v>
      </c>
      <c r="D35323" t="s">
        <v>21886</v>
      </c>
      <c r="E35323" t="s">
        <v>21751</v>
      </c>
      <c r="F35323" t="s">
        <v>21752</v>
      </c>
      <c r="G35323" t="s">
        <v>20255</v>
      </c>
      <c r="H35323" t="s">
        <v>20256</v>
      </c>
      <c r="I35323" s="2">
        <v>1</v>
      </c>
      <c r="J35323" s="2">
        <v>0</v>
      </c>
      <c r="K35323" s="2">
        <v>0</v>
      </c>
      <c r="L35323" t="s">
        <v>120</v>
      </c>
      <c r="M35323" t="s">
        <v>87</v>
      </c>
      <c r="N35323" t="s">
        <v>88</v>
      </c>
      <c r="O35323" t="s">
        <v>85</v>
      </c>
      <c r="P35323" t="s">
        <v>86</v>
      </c>
      <c r="Q35323">
        <v>16</v>
      </c>
      <c r="R35323">
        <v>16</v>
      </c>
      <c r="S35323">
        <v>16</v>
      </c>
      <c r="T35323">
        <v>16</v>
      </c>
      <c r="U35323">
        <v>16</v>
      </c>
      <c r="V35323">
        <v>16</v>
      </c>
      <c r="W35323">
        <v>16</v>
      </c>
      <c r="X35323">
        <v>17</v>
      </c>
      <c r="Y35323">
        <v>17</v>
      </c>
      <c r="Z35323">
        <v>17</v>
      </c>
      <c r="AA35323">
        <v>17</v>
      </c>
      <c r="AB35323">
        <v>17</v>
      </c>
      <c r="AC35323">
        <v>17</v>
      </c>
      <c r="AD35323">
        <v>17</v>
      </c>
      <c r="AE35323">
        <v>17</v>
      </c>
      <c r="AF35323">
        <v>17</v>
      </c>
      <c r="AG35323">
        <v>18</v>
      </c>
      <c r="AH35323">
        <v>18</v>
      </c>
      <c r="AI35323">
        <v>18</v>
      </c>
      <c r="AJ35323">
        <v>18</v>
      </c>
      <c r="AK35323">
        <v>18</v>
      </c>
      <c r="AL35323">
        <v>18</v>
      </c>
      <c r="AM35323">
        <v>18</v>
      </c>
      <c r="AN35323">
        <v>18</v>
      </c>
      <c r="AO35323">
        <v>18</v>
      </c>
      <c r="AP35323">
        <v>19</v>
      </c>
      <c r="AQ35323">
        <v>19</v>
      </c>
    </row>
    <row r="35324" spans="1:43">
      <c r="A35324" t="s">
        <v>21893</v>
      </c>
      <c r="B35324" t="s">
        <v>21894</v>
      </c>
      <c r="C35324" t="s">
        <v>21885</v>
      </c>
      <c r="D35324" t="s">
        <v>21886</v>
      </c>
      <c r="E35324" t="s">
        <v>21751</v>
      </c>
      <c r="F35324" t="s">
        <v>21752</v>
      </c>
      <c r="G35324" t="s">
        <v>20255</v>
      </c>
      <c r="H35324" t="s">
        <v>20256</v>
      </c>
      <c r="I35324" s="2">
        <v>1</v>
      </c>
      <c r="J35324" s="2">
        <v>0</v>
      </c>
      <c r="K35324" s="2">
        <v>0</v>
      </c>
      <c r="L35324" t="s">
        <v>120</v>
      </c>
      <c r="M35324" t="s">
        <v>89</v>
      </c>
      <c r="N35324" t="s">
        <v>90</v>
      </c>
      <c r="O35324" t="s">
        <v>85</v>
      </c>
      <c r="P35324" t="s">
        <v>86</v>
      </c>
      <c r="Q35324">
        <v>16</v>
      </c>
      <c r="R35324">
        <v>16</v>
      </c>
      <c r="S35324">
        <v>17</v>
      </c>
      <c r="T35324">
        <v>17</v>
      </c>
      <c r="U35324">
        <v>18</v>
      </c>
      <c r="V35324">
        <v>18</v>
      </c>
      <c r="W35324">
        <v>18</v>
      </c>
      <c r="X35324">
        <v>19</v>
      </c>
      <c r="Y35324">
        <v>19</v>
      </c>
      <c r="Z35324">
        <v>19</v>
      </c>
      <c r="AA35324">
        <v>20</v>
      </c>
      <c r="AB35324">
        <v>20</v>
      </c>
      <c r="AC35324">
        <v>20</v>
      </c>
      <c r="AD35324">
        <v>21</v>
      </c>
      <c r="AE35324">
        <v>21</v>
      </c>
      <c r="AF35324">
        <v>21</v>
      </c>
      <c r="AG35324">
        <v>21</v>
      </c>
      <c r="AH35324">
        <v>21</v>
      </c>
      <c r="AI35324">
        <v>21</v>
      </c>
      <c r="AJ35324">
        <v>21</v>
      </c>
      <c r="AK35324">
        <v>21</v>
      </c>
      <c r="AL35324">
        <v>21</v>
      </c>
      <c r="AM35324">
        <v>21</v>
      </c>
      <c r="AN35324">
        <v>21</v>
      </c>
      <c r="AO35324">
        <v>21</v>
      </c>
      <c r="AP35324">
        <v>21</v>
      </c>
      <c r="AQ35324">
        <v>21</v>
      </c>
    </row>
    <row r="35325" spans="1:43">
      <c r="A35325" t="s">
        <v>21893</v>
      </c>
      <c r="B35325" t="s">
        <v>21894</v>
      </c>
      <c r="C35325" t="s">
        <v>21885</v>
      </c>
      <c r="D35325" t="s">
        <v>21886</v>
      </c>
      <c r="E35325" t="s">
        <v>21751</v>
      </c>
      <c r="F35325" t="s">
        <v>21752</v>
      </c>
      <c r="G35325" t="s">
        <v>20255</v>
      </c>
      <c r="H35325" t="s">
        <v>20256</v>
      </c>
      <c r="I35325" s="2">
        <v>1</v>
      </c>
      <c r="J35325" s="2">
        <v>0</v>
      </c>
      <c r="K35325" s="2">
        <v>0</v>
      </c>
      <c r="L35325" t="s">
        <v>120</v>
      </c>
      <c r="M35325" t="s">
        <v>83</v>
      </c>
      <c r="N35325" t="s">
        <v>91</v>
      </c>
      <c r="O35325" t="s">
        <v>85</v>
      </c>
      <c r="P35325" t="s">
        <v>86</v>
      </c>
      <c r="Q35325">
        <v>16</v>
      </c>
      <c r="R35325">
        <v>16</v>
      </c>
      <c r="S35325">
        <v>16</v>
      </c>
      <c r="T35325">
        <v>17</v>
      </c>
      <c r="U35325">
        <v>17</v>
      </c>
      <c r="V35325">
        <v>17</v>
      </c>
      <c r="W35325">
        <v>17</v>
      </c>
      <c r="X35325">
        <v>18</v>
      </c>
      <c r="Y35325">
        <v>18</v>
      </c>
      <c r="Z35325">
        <v>18</v>
      </c>
      <c r="AA35325">
        <v>18</v>
      </c>
      <c r="AB35325">
        <v>19</v>
      </c>
      <c r="AC35325">
        <v>19</v>
      </c>
      <c r="AD35325">
        <v>19</v>
      </c>
      <c r="AE35325">
        <v>19</v>
      </c>
      <c r="AF35325">
        <v>20</v>
      </c>
      <c r="AG35325">
        <v>20</v>
      </c>
      <c r="AH35325">
        <v>20</v>
      </c>
      <c r="AI35325">
        <v>20</v>
      </c>
      <c r="AJ35325">
        <v>21</v>
      </c>
      <c r="AK35325">
        <v>21</v>
      </c>
      <c r="AL35325">
        <v>21</v>
      </c>
      <c r="AM35325">
        <v>21</v>
      </c>
      <c r="AN35325">
        <v>21</v>
      </c>
      <c r="AO35325">
        <v>21</v>
      </c>
      <c r="AP35325">
        <v>21</v>
      </c>
      <c r="AQ35325">
        <v>21</v>
      </c>
    </row>
    <row r="35326" spans="1:43">
      <c r="A35326" t="s">
        <v>21895</v>
      </c>
      <c r="B35326" t="s">
        <v>21896</v>
      </c>
      <c r="C35326" t="s">
        <v>21897</v>
      </c>
      <c r="D35326" t="s">
        <v>21898</v>
      </c>
      <c r="E35326" t="s">
        <v>21751</v>
      </c>
      <c r="F35326" t="s">
        <v>21752</v>
      </c>
      <c r="G35326" t="s">
        <v>20255</v>
      </c>
      <c r="H35326" t="s">
        <v>20256</v>
      </c>
      <c r="I35326" s="2">
        <v>1</v>
      </c>
      <c r="J35326" s="2">
        <v>0</v>
      </c>
      <c r="K35326" s="2">
        <v>0</v>
      </c>
      <c r="L35326" t="s">
        <v>120</v>
      </c>
      <c r="M35326" t="s">
        <v>83</v>
      </c>
      <c r="N35326" t="s">
        <v>84</v>
      </c>
      <c r="O35326" t="s">
        <v>85</v>
      </c>
      <c r="P35326" t="s">
        <v>86</v>
      </c>
      <c r="Q35326">
        <v>50</v>
      </c>
      <c r="R35326">
        <v>50</v>
      </c>
      <c r="S35326">
        <v>51</v>
      </c>
      <c r="T35326">
        <v>52</v>
      </c>
      <c r="U35326">
        <v>53</v>
      </c>
      <c r="V35326">
        <v>54</v>
      </c>
      <c r="W35326">
        <v>55</v>
      </c>
      <c r="X35326">
        <v>56</v>
      </c>
      <c r="Y35326">
        <v>57</v>
      </c>
      <c r="Z35326">
        <v>58</v>
      </c>
      <c r="AA35326">
        <v>58</v>
      </c>
      <c r="AB35326">
        <v>59</v>
      </c>
      <c r="AC35326">
        <v>60</v>
      </c>
      <c r="AD35326">
        <v>61</v>
      </c>
      <c r="AE35326">
        <v>62</v>
      </c>
      <c r="AF35326">
        <v>62</v>
      </c>
      <c r="AG35326">
        <v>63</v>
      </c>
      <c r="AH35326">
        <v>64</v>
      </c>
      <c r="AI35326">
        <v>65</v>
      </c>
      <c r="AJ35326">
        <v>65</v>
      </c>
      <c r="AK35326">
        <v>66</v>
      </c>
      <c r="AL35326">
        <v>66</v>
      </c>
      <c r="AM35326">
        <v>67</v>
      </c>
      <c r="AN35326">
        <v>67</v>
      </c>
      <c r="AO35326">
        <v>67</v>
      </c>
      <c r="AP35326">
        <v>67</v>
      </c>
      <c r="AQ35326">
        <v>67</v>
      </c>
    </row>
    <row r="35327" spans="1:43">
      <c r="A35327" t="s">
        <v>21895</v>
      </c>
      <c r="B35327" t="s">
        <v>21896</v>
      </c>
      <c r="C35327" t="s">
        <v>21897</v>
      </c>
      <c r="D35327" t="s">
        <v>21898</v>
      </c>
      <c r="E35327" t="s">
        <v>21751</v>
      </c>
      <c r="F35327" t="s">
        <v>21752</v>
      </c>
      <c r="G35327" t="s">
        <v>20255</v>
      </c>
      <c r="H35327" t="s">
        <v>20256</v>
      </c>
      <c r="I35327" s="2">
        <v>1</v>
      </c>
      <c r="J35327" s="2">
        <v>0</v>
      </c>
      <c r="K35327" s="2">
        <v>0</v>
      </c>
      <c r="L35327" t="s">
        <v>120</v>
      </c>
      <c r="M35327" t="s">
        <v>87</v>
      </c>
      <c r="N35327" t="s">
        <v>88</v>
      </c>
      <c r="O35327" t="s">
        <v>85</v>
      </c>
      <c r="P35327" t="s">
        <v>86</v>
      </c>
      <c r="Q35327">
        <v>50</v>
      </c>
      <c r="R35327">
        <v>51</v>
      </c>
      <c r="S35327">
        <v>51</v>
      </c>
      <c r="T35327">
        <v>51</v>
      </c>
      <c r="U35327">
        <v>52</v>
      </c>
      <c r="V35327">
        <v>52</v>
      </c>
      <c r="W35327">
        <v>53</v>
      </c>
      <c r="X35327">
        <v>53</v>
      </c>
      <c r="Y35327">
        <v>54</v>
      </c>
      <c r="Z35327">
        <v>54</v>
      </c>
      <c r="AA35327">
        <v>54</v>
      </c>
      <c r="AB35327">
        <v>55</v>
      </c>
      <c r="AC35327">
        <v>55</v>
      </c>
      <c r="AD35327">
        <v>55</v>
      </c>
      <c r="AE35327">
        <v>56</v>
      </c>
      <c r="AF35327">
        <v>56</v>
      </c>
      <c r="AG35327">
        <v>56</v>
      </c>
      <c r="AH35327">
        <v>57</v>
      </c>
      <c r="AI35327">
        <v>57</v>
      </c>
      <c r="AJ35327">
        <v>58</v>
      </c>
      <c r="AK35327">
        <v>58</v>
      </c>
      <c r="AL35327">
        <v>58</v>
      </c>
      <c r="AM35327">
        <v>58</v>
      </c>
      <c r="AN35327">
        <v>59</v>
      </c>
      <c r="AO35327">
        <v>59</v>
      </c>
      <c r="AP35327">
        <v>59</v>
      </c>
      <c r="AQ35327">
        <v>60</v>
      </c>
    </row>
    <row r="35328" spans="1:43">
      <c r="A35328" t="s">
        <v>21895</v>
      </c>
      <c r="B35328" t="s">
        <v>21896</v>
      </c>
      <c r="C35328" t="s">
        <v>21897</v>
      </c>
      <c r="D35328" t="s">
        <v>21898</v>
      </c>
      <c r="E35328" t="s">
        <v>21751</v>
      </c>
      <c r="F35328" t="s">
        <v>21752</v>
      </c>
      <c r="G35328" t="s">
        <v>20255</v>
      </c>
      <c r="H35328" t="s">
        <v>20256</v>
      </c>
      <c r="I35328" s="2">
        <v>1</v>
      </c>
      <c r="J35328" s="2">
        <v>0</v>
      </c>
      <c r="K35328" s="2">
        <v>0</v>
      </c>
      <c r="L35328" t="s">
        <v>120</v>
      </c>
      <c r="M35328" t="s">
        <v>89</v>
      </c>
      <c r="N35328" t="s">
        <v>90</v>
      </c>
      <c r="O35328" t="s">
        <v>85</v>
      </c>
      <c r="P35328" t="s">
        <v>86</v>
      </c>
      <c r="Q35328">
        <v>50</v>
      </c>
      <c r="R35328">
        <v>51</v>
      </c>
      <c r="S35328">
        <v>53</v>
      </c>
      <c r="T35328">
        <v>54</v>
      </c>
      <c r="U35328">
        <v>55</v>
      </c>
      <c r="V35328">
        <v>56</v>
      </c>
      <c r="W35328">
        <v>58</v>
      </c>
      <c r="X35328">
        <v>59</v>
      </c>
      <c r="Y35328">
        <v>60</v>
      </c>
      <c r="Z35328">
        <v>61</v>
      </c>
      <c r="AA35328">
        <v>62</v>
      </c>
      <c r="AB35328">
        <v>63</v>
      </c>
      <c r="AC35328">
        <v>64</v>
      </c>
      <c r="AD35328">
        <v>65</v>
      </c>
      <c r="AE35328">
        <v>66</v>
      </c>
      <c r="AF35328">
        <v>66</v>
      </c>
      <c r="AG35328">
        <v>66</v>
      </c>
      <c r="AH35328">
        <v>66</v>
      </c>
      <c r="AI35328">
        <v>67</v>
      </c>
      <c r="AJ35328">
        <v>67</v>
      </c>
      <c r="AK35328">
        <v>67</v>
      </c>
      <c r="AL35328">
        <v>67</v>
      </c>
      <c r="AM35328">
        <v>67</v>
      </c>
      <c r="AN35328">
        <v>68</v>
      </c>
      <c r="AO35328">
        <v>68</v>
      </c>
      <c r="AP35328">
        <v>68</v>
      </c>
      <c r="AQ35328">
        <v>68</v>
      </c>
    </row>
    <row r="35329" spans="1:43">
      <c r="A35329" t="s">
        <v>21895</v>
      </c>
      <c r="B35329" t="s">
        <v>21896</v>
      </c>
      <c r="C35329" t="s">
        <v>21897</v>
      </c>
      <c r="D35329" t="s">
        <v>21898</v>
      </c>
      <c r="E35329" t="s">
        <v>21751</v>
      </c>
      <c r="F35329" t="s">
        <v>21752</v>
      </c>
      <c r="G35329" t="s">
        <v>20255</v>
      </c>
      <c r="H35329" t="s">
        <v>20256</v>
      </c>
      <c r="I35329" s="2">
        <v>1</v>
      </c>
      <c r="J35329" s="2">
        <v>0</v>
      </c>
      <c r="K35329" s="2">
        <v>0</v>
      </c>
      <c r="L35329" t="s">
        <v>120</v>
      </c>
      <c r="M35329" t="s">
        <v>83</v>
      </c>
      <c r="N35329" t="s">
        <v>91</v>
      </c>
      <c r="O35329" t="s">
        <v>85</v>
      </c>
      <c r="P35329" t="s">
        <v>86</v>
      </c>
      <c r="Q35329">
        <v>50</v>
      </c>
      <c r="R35329">
        <v>50</v>
      </c>
      <c r="S35329">
        <v>51</v>
      </c>
      <c r="T35329">
        <v>52</v>
      </c>
      <c r="U35329">
        <v>53</v>
      </c>
      <c r="V35329">
        <v>54</v>
      </c>
      <c r="W35329">
        <v>55</v>
      </c>
      <c r="X35329">
        <v>56</v>
      </c>
      <c r="Y35329">
        <v>57</v>
      </c>
      <c r="Z35329">
        <v>58</v>
      </c>
      <c r="AA35329">
        <v>58</v>
      </c>
      <c r="AB35329">
        <v>59</v>
      </c>
      <c r="AC35329">
        <v>60</v>
      </c>
      <c r="AD35329">
        <v>61</v>
      </c>
      <c r="AE35329">
        <v>62</v>
      </c>
      <c r="AF35329">
        <v>62</v>
      </c>
      <c r="AG35329">
        <v>63</v>
      </c>
      <c r="AH35329">
        <v>64</v>
      </c>
      <c r="AI35329">
        <v>65</v>
      </c>
      <c r="AJ35329">
        <v>65</v>
      </c>
      <c r="AK35329">
        <v>66</v>
      </c>
      <c r="AL35329">
        <v>66</v>
      </c>
      <c r="AM35329">
        <v>67</v>
      </c>
      <c r="AN35329">
        <v>67</v>
      </c>
      <c r="AO35329">
        <v>67</v>
      </c>
      <c r="AP35329">
        <v>67</v>
      </c>
      <c r="AQ35329">
        <v>67</v>
      </c>
    </row>
    <row r="35330" spans="1:43">
      <c r="A35330" t="s">
        <v>21899</v>
      </c>
      <c r="B35330" t="s">
        <v>21900</v>
      </c>
      <c r="C35330" t="s">
        <v>21897</v>
      </c>
      <c r="D35330" t="s">
        <v>21898</v>
      </c>
      <c r="E35330" t="s">
        <v>21751</v>
      </c>
      <c r="F35330" t="s">
        <v>21752</v>
      </c>
      <c r="G35330" t="s">
        <v>20255</v>
      </c>
      <c r="H35330" t="s">
        <v>20256</v>
      </c>
      <c r="I35330" s="2">
        <v>1</v>
      </c>
      <c r="J35330" s="2">
        <v>0</v>
      </c>
      <c r="K35330" s="2">
        <v>0</v>
      </c>
      <c r="L35330" t="s">
        <v>120</v>
      </c>
      <c r="M35330" t="s">
        <v>83</v>
      </c>
      <c r="N35330" t="s">
        <v>84</v>
      </c>
      <c r="O35330" t="s">
        <v>85</v>
      </c>
      <c r="P35330" t="s">
        <v>86</v>
      </c>
      <c r="Q35330">
        <v>22</v>
      </c>
      <c r="R35330">
        <v>23</v>
      </c>
      <c r="S35330">
        <v>23</v>
      </c>
      <c r="T35330">
        <v>24</v>
      </c>
      <c r="U35330">
        <v>24</v>
      </c>
      <c r="V35330">
        <v>24</v>
      </c>
      <c r="W35330">
        <v>25</v>
      </c>
      <c r="X35330">
        <v>25</v>
      </c>
      <c r="Y35330">
        <v>26</v>
      </c>
      <c r="Z35330">
        <v>26</v>
      </c>
      <c r="AA35330">
        <v>26</v>
      </c>
      <c r="AB35330">
        <v>27</v>
      </c>
      <c r="AC35330">
        <v>27</v>
      </c>
      <c r="AD35330">
        <v>28</v>
      </c>
      <c r="AE35330">
        <v>28</v>
      </c>
      <c r="AF35330">
        <v>28</v>
      </c>
      <c r="AG35330">
        <v>29</v>
      </c>
      <c r="AH35330">
        <v>29</v>
      </c>
      <c r="AI35330">
        <v>29</v>
      </c>
      <c r="AJ35330">
        <v>30</v>
      </c>
      <c r="AK35330">
        <v>30</v>
      </c>
      <c r="AL35330">
        <v>30</v>
      </c>
      <c r="AM35330">
        <v>30</v>
      </c>
      <c r="AN35330">
        <v>30</v>
      </c>
      <c r="AO35330">
        <v>30</v>
      </c>
      <c r="AP35330">
        <v>31</v>
      </c>
      <c r="AQ35330">
        <v>31</v>
      </c>
    </row>
    <row r="35331" spans="1:43">
      <c r="A35331" t="s">
        <v>21899</v>
      </c>
      <c r="B35331" t="s">
        <v>21900</v>
      </c>
      <c r="C35331" t="s">
        <v>21897</v>
      </c>
      <c r="D35331" t="s">
        <v>21898</v>
      </c>
      <c r="E35331" t="s">
        <v>21751</v>
      </c>
      <c r="F35331" t="s">
        <v>21752</v>
      </c>
      <c r="G35331" t="s">
        <v>20255</v>
      </c>
      <c r="H35331" t="s">
        <v>20256</v>
      </c>
      <c r="I35331" s="2">
        <v>1</v>
      </c>
      <c r="J35331" s="2">
        <v>0</v>
      </c>
      <c r="K35331" s="2">
        <v>0</v>
      </c>
      <c r="L35331" t="s">
        <v>120</v>
      </c>
      <c r="M35331" t="s">
        <v>87</v>
      </c>
      <c r="N35331" t="s">
        <v>88</v>
      </c>
      <c r="O35331" t="s">
        <v>85</v>
      </c>
      <c r="P35331" t="s">
        <v>86</v>
      </c>
      <c r="Q35331">
        <v>22</v>
      </c>
      <c r="R35331">
        <v>22</v>
      </c>
      <c r="S35331">
        <v>23</v>
      </c>
      <c r="T35331">
        <v>23</v>
      </c>
      <c r="U35331">
        <v>23</v>
      </c>
      <c r="V35331">
        <v>23</v>
      </c>
      <c r="W35331">
        <v>23</v>
      </c>
      <c r="X35331">
        <v>24</v>
      </c>
      <c r="Y35331">
        <v>24</v>
      </c>
      <c r="Z35331">
        <v>24</v>
      </c>
      <c r="AA35331">
        <v>24</v>
      </c>
      <c r="AB35331">
        <v>24</v>
      </c>
      <c r="AC35331">
        <v>24</v>
      </c>
      <c r="AD35331">
        <v>25</v>
      </c>
      <c r="AE35331">
        <v>25</v>
      </c>
      <c r="AF35331">
        <v>25</v>
      </c>
      <c r="AG35331">
        <v>25</v>
      </c>
      <c r="AH35331">
        <v>25</v>
      </c>
      <c r="AI35331">
        <v>25</v>
      </c>
      <c r="AJ35331">
        <v>26</v>
      </c>
      <c r="AK35331">
        <v>26</v>
      </c>
      <c r="AL35331">
        <v>26</v>
      </c>
      <c r="AM35331">
        <v>26</v>
      </c>
      <c r="AN35331">
        <v>26</v>
      </c>
      <c r="AO35331">
        <v>26</v>
      </c>
      <c r="AP35331">
        <v>27</v>
      </c>
      <c r="AQ35331">
        <v>27</v>
      </c>
    </row>
    <row r="35332" spans="1:43">
      <c r="A35332" t="s">
        <v>21899</v>
      </c>
      <c r="B35332" t="s">
        <v>21900</v>
      </c>
      <c r="C35332" t="s">
        <v>21897</v>
      </c>
      <c r="D35332" t="s">
        <v>21898</v>
      </c>
      <c r="E35332" t="s">
        <v>21751</v>
      </c>
      <c r="F35332" t="s">
        <v>21752</v>
      </c>
      <c r="G35332" t="s">
        <v>20255</v>
      </c>
      <c r="H35332" t="s">
        <v>20256</v>
      </c>
      <c r="I35332" s="2">
        <v>1</v>
      </c>
      <c r="J35332" s="2">
        <v>0</v>
      </c>
      <c r="K35332" s="2">
        <v>0</v>
      </c>
      <c r="L35332" t="s">
        <v>120</v>
      </c>
      <c r="M35332" t="s">
        <v>89</v>
      </c>
      <c r="N35332" t="s">
        <v>90</v>
      </c>
      <c r="O35332" t="s">
        <v>85</v>
      </c>
      <c r="P35332" t="s">
        <v>86</v>
      </c>
      <c r="Q35332">
        <v>22</v>
      </c>
      <c r="R35332">
        <v>22</v>
      </c>
      <c r="S35332">
        <v>23</v>
      </c>
      <c r="T35332">
        <v>23</v>
      </c>
      <c r="U35332">
        <v>24</v>
      </c>
      <c r="V35332">
        <v>25</v>
      </c>
      <c r="W35332">
        <v>25</v>
      </c>
      <c r="X35332">
        <v>26</v>
      </c>
      <c r="Y35332">
        <v>26</v>
      </c>
      <c r="Z35332">
        <v>27</v>
      </c>
      <c r="AA35332">
        <v>27</v>
      </c>
      <c r="AB35332">
        <v>28</v>
      </c>
      <c r="AC35332">
        <v>28</v>
      </c>
      <c r="AD35332">
        <v>29</v>
      </c>
      <c r="AE35332">
        <v>29</v>
      </c>
      <c r="AF35332">
        <v>29</v>
      </c>
      <c r="AG35332">
        <v>29</v>
      </c>
      <c r="AH35332">
        <v>29</v>
      </c>
      <c r="AI35332">
        <v>29</v>
      </c>
      <c r="AJ35332">
        <v>29</v>
      </c>
      <c r="AK35332">
        <v>30</v>
      </c>
      <c r="AL35332">
        <v>30</v>
      </c>
      <c r="AM35332">
        <v>30</v>
      </c>
      <c r="AN35332">
        <v>30</v>
      </c>
      <c r="AO35332">
        <v>30</v>
      </c>
      <c r="AP35332">
        <v>30</v>
      </c>
      <c r="AQ35332">
        <v>30</v>
      </c>
    </row>
    <row r="35333" spans="1:43">
      <c r="A35333" t="s">
        <v>21899</v>
      </c>
      <c r="B35333" t="s">
        <v>21900</v>
      </c>
      <c r="C35333" t="s">
        <v>21897</v>
      </c>
      <c r="D35333" t="s">
        <v>21898</v>
      </c>
      <c r="E35333" t="s">
        <v>21751</v>
      </c>
      <c r="F35333" t="s">
        <v>21752</v>
      </c>
      <c r="G35333" t="s">
        <v>20255</v>
      </c>
      <c r="H35333" t="s">
        <v>20256</v>
      </c>
      <c r="I35333" s="2">
        <v>1</v>
      </c>
      <c r="J35333" s="2">
        <v>0</v>
      </c>
      <c r="K35333" s="2">
        <v>0</v>
      </c>
      <c r="L35333" t="s">
        <v>120</v>
      </c>
      <c r="M35333" t="s">
        <v>83</v>
      </c>
      <c r="N35333" t="s">
        <v>91</v>
      </c>
      <c r="O35333" t="s">
        <v>85</v>
      </c>
      <c r="P35333" t="s">
        <v>86</v>
      </c>
      <c r="Q35333">
        <v>22</v>
      </c>
      <c r="R35333">
        <v>23</v>
      </c>
      <c r="S35333">
        <v>23</v>
      </c>
      <c r="T35333">
        <v>24</v>
      </c>
      <c r="U35333">
        <v>24</v>
      </c>
      <c r="V35333">
        <v>24</v>
      </c>
      <c r="W35333">
        <v>25</v>
      </c>
      <c r="X35333">
        <v>25</v>
      </c>
      <c r="Y35333">
        <v>26</v>
      </c>
      <c r="Z35333">
        <v>26</v>
      </c>
      <c r="AA35333">
        <v>26</v>
      </c>
      <c r="AB35333">
        <v>27</v>
      </c>
      <c r="AC35333">
        <v>27</v>
      </c>
      <c r="AD35333">
        <v>28</v>
      </c>
      <c r="AE35333">
        <v>28</v>
      </c>
      <c r="AF35333">
        <v>28</v>
      </c>
      <c r="AG35333">
        <v>29</v>
      </c>
      <c r="AH35333">
        <v>29</v>
      </c>
      <c r="AI35333">
        <v>29</v>
      </c>
      <c r="AJ35333">
        <v>30</v>
      </c>
      <c r="AK35333">
        <v>30</v>
      </c>
      <c r="AL35333">
        <v>30</v>
      </c>
      <c r="AM35333">
        <v>30</v>
      </c>
      <c r="AN35333">
        <v>30</v>
      </c>
      <c r="AO35333">
        <v>30</v>
      </c>
      <c r="AP35333">
        <v>31</v>
      </c>
      <c r="AQ35333">
        <v>31</v>
      </c>
    </row>
    <row r="35334" spans="1:43">
      <c r="A35334" t="s">
        <v>21901</v>
      </c>
      <c r="B35334" t="s">
        <v>21902</v>
      </c>
      <c r="C35334" t="s">
        <v>21897</v>
      </c>
      <c r="D35334" t="s">
        <v>21898</v>
      </c>
      <c r="E35334" t="s">
        <v>21751</v>
      </c>
      <c r="F35334" t="s">
        <v>21752</v>
      </c>
      <c r="G35334" t="s">
        <v>20255</v>
      </c>
      <c r="H35334" t="s">
        <v>20256</v>
      </c>
      <c r="I35334" s="2">
        <v>1</v>
      </c>
      <c r="J35334" s="2">
        <v>0</v>
      </c>
      <c r="K35334" s="2">
        <v>0</v>
      </c>
      <c r="L35334" t="s">
        <v>120</v>
      </c>
      <c r="M35334" t="s">
        <v>83</v>
      </c>
      <c r="N35334" t="s">
        <v>84</v>
      </c>
      <c r="O35334" t="s">
        <v>85</v>
      </c>
      <c r="P35334" t="s">
        <v>86</v>
      </c>
      <c r="Q35334">
        <v>68</v>
      </c>
      <c r="R35334">
        <v>69</v>
      </c>
      <c r="S35334">
        <v>70</v>
      </c>
      <c r="T35334">
        <v>71</v>
      </c>
      <c r="U35334">
        <v>73</v>
      </c>
      <c r="V35334">
        <v>74</v>
      </c>
      <c r="W35334">
        <v>75</v>
      </c>
      <c r="X35334">
        <v>76</v>
      </c>
      <c r="Y35334">
        <v>78</v>
      </c>
      <c r="Z35334">
        <v>79</v>
      </c>
      <c r="AA35334">
        <v>80</v>
      </c>
      <c r="AB35334">
        <v>81</v>
      </c>
      <c r="AC35334">
        <v>82</v>
      </c>
      <c r="AD35334">
        <v>83</v>
      </c>
      <c r="AE35334">
        <v>84</v>
      </c>
      <c r="AF35334">
        <v>86</v>
      </c>
      <c r="AG35334">
        <v>87</v>
      </c>
      <c r="AH35334">
        <v>88</v>
      </c>
      <c r="AI35334">
        <v>89</v>
      </c>
      <c r="AJ35334">
        <v>90</v>
      </c>
      <c r="AK35334">
        <v>91</v>
      </c>
      <c r="AL35334">
        <v>92</v>
      </c>
      <c r="AM35334">
        <v>92</v>
      </c>
      <c r="AN35334">
        <v>92</v>
      </c>
      <c r="AO35334">
        <v>92</v>
      </c>
      <c r="AP35334">
        <v>93</v>
      </c>
      <c r="AQ35334">
        <v>93</v>
      </c>
    </row>
    <row r="35335" spans="1:43">
      <c r="A35335" t="s">
        <v>21901</v>
      </c>
      <c r="B35335" t="s">
        <v>21902</v>
      </c>
      <c r="C35335" t="s">
        <v>21897</v>
      </c>
      <c r="D35335" t="s">
        <v>21898</v>
      </c>
      <c r="E35335" t="s">
        <v>21751</v>
      </c>
      <c r="F35335" t="s">
        <v>21752</v>
      </c>
      <c r="G35335" t="s">
        <v>20255</v>
      </c>
      <c r="H35335" t="s">
        <v>20256</v>
      </c>
      <c r="I35335" s="2">
        <v>1</v>
      </c>
      <c r="J35335" s="2">
        <v>0</v>
      </c>
      <c r="K35335" s="2">
        <v>0</v>
      </c>
      <c r="L35335" t="s">
        <v>120</v>
      </c>
      <c r="M35335" t="s">
        <v>87</v>
      </c>
      <c r="N35335" t="s">
        <v>88</v>
      </c>
      <c r="O35335" t="s">
        <v>85</v>
      </c>
      <c r="P35335" t="s">
        <v>86</v>
      </c>
      <c r="Q35335">
        <v>68</v>
      </c>
      <c r="R35335">
        <v>69</v>
      </c>
      <c r="S35335">
        <v>69</v>
      </c>
      <c r="T35335">
        <v>70</v>
      </c>
      <c r="U35335">
        <v>70</v>
      </c>
      <c r="V35335">
        <v>71</v>
      </c>
      <c r="W35335">
        <v>72</v>
      </c>
      <c r="X35335">
        <v>72</v>
      </c>
      <c r="Y35335">
        <v>73</v>
      </c>
      <c r="Z35335">
        <v>73</v>
      </c>
      <c r="AA35335">
        <v>74</v>
      </c>
      <c r="AB35335">
        <v>75</v>
      </c>
      <c r="AC35335">
        <v>75</v>
      </c>
      <c r="AD35335">
        <v>76</v>
      </c>
      <c r="AE35335">
        <v>76</v>
      </c>
      <c r="AF35335">
        <v>77</v>
      </c>
      <c r="AG35335">
        <v>77</v>
      </c>
      <c r="AH35335">
        <v>78</v>
      </c>
      <c r="AI35335">
        <v>78</v>
      </c>
      <c r="AJ35335">
        <v>79</v>
      </c>
      <c r="AK35335">
        <v>79</v>
      </c>
      <c r="AL35335">
        <v>80</v>
      </c>
      <c r="AM35335">
        <v>80</v>
      </c>
      <c r="AN35335">
        <v>81</v>
      </c>
      <c r="AO35335">
        <v>81</v>
      </c>
      <c r="AP35335">
        <v>81</v>
      </c>
      <c r="AQ35335">
        <v>82</v>
      </c>
    </row>
    <row r="35336" spans="1:43">
      <c r="A35336" t="s">
        <v>21901</v>
      </c>
      <c r="B35336" t="s">
        <v>21902</v>
      </c>
      <c r="C35336" t="s">
        <v>21897</v>
      </c>
      <c r="D35336" t="s">
        <v>21898</v>
      </c>
      <c r="E35336" t="s">
        <v>21751</v>
      </c>
      <c r="F35336" t="s">
        <v>21752</v>
      </c>
      <c r="G35336" t="s">
        <v>20255</v>
      </c>
      <c r="H35336" t="s">
        <v>20256</v>
      </c>
      <c r="I35336" s="2">
        <v>1</v>
      </c>
      <c r="J35336" s="2">
        <v>0</v>
      </c>
      <c r="K35336" s="2">
        <v>0</v>
      </c>
      <c r="L35336" t="s">
        <v>120</v>
      </c>
      <c r="M35336" t="s">
        <v>89</v>
      </c>
      <c r="N35336" t="s">
        <v>90</v>
      </c>
      <c r="O35336" t="s">
        <v>85</v>
      </c>
      <c r="P35336" t="s">
        <v>86</v>
      </c>
      <c r="Q35336">
        <v>68</v>
      </c>
      <c r="R35336">
        <v>70</v>
      </c>
      <c r="S35336">
        <v>72</v>
      </c>
      <c r="T35336">
        <v>74</v>
      </c>
      <c r="U35336">
        <v>76</v>
      </c>
      <c r="V35336">
        <v>77</v>
      </c>
      <c r="W35336">
        <v>79</v>
      </c>
      <c r="X35336">
        <v>80</v>
      </c>
      <c r="Y35336">
        <v>82</v>
      </c>
      <c r="Z35336">
        <v>83</v>
      </c>
      <c r="AA35336">
        <v>85</v>
      </c>
      <c r="AB35336">
        <v>86</v>
      </c>
      <c r="AC35336">
        <v>88</v>
      </c>
      <c r="AD35336">
        <v>89</v>
      </c>
      <c r="AE35336">
        <v>90</v>
      </c>
      <c r="AF35336">
        <v>91</v>
      </c>
      <c r="AG35336">
        <v>91</v>
      </c>
      <c r="AH35336">
        <v>91</v>
      </c>
      <c r="AI35336">
        <v>92</v>
      </c>
      <c r="AJ35336">
        <v>92</v>
      </c>
      <c r="AK35336">
        <v>92</v>
      </c>
      <c r="AL35336">
        <v>93</v>
      </c>
      <c r="AM35336">
        <v>93</v>
      </c>
      <c r="AN35336">
        <v>93</v>
      </c>
      <c r="AO35336">
        <v>94</v>
      </c>
      <c r="AP35336">
        <v>94</v>
      </c>
      <c r="AQ35336">
        <v>94</v>
      </c>
    </row>
    <row r="35337" spans="1:43">
      <c r="A35337" t="s">
        <v>21901</v>
      </c>
      <c r="B35337" t="s">
        <v>21902</v>
      </c>
      <c r="C35337" t="s">
        <v>21897</v>
      </c>
      <c r="D35337" t="s">
        <v>21898</v>
      </c>
      <c r="E35337" t="s">
        <v>21751</v>
      </c>
      <c r="F35337" t="s">
        <v>21752</v>
      </c>
      <c r="G35337" t="s">
        <v>20255</v>
      </c>
      <c r="H35337" t="s">
        <v>20256</v>
      </c>
      <c r="I35337" s="2">
        <v>1</v>
      </c>
      <c r="J35337" s="2">
        <v>0</v>
      </c>
      <c r="K35337" s="2">
        <v>0</v>
      </c>
      <c r="L35337" t="s">
        <v>120</v>
      </c>
      <c r="M35337" t="s">
        <v>83</v>
      </c>
      <c r="N35337" t="s">
        <v>91</v>
      </c>
      <c r="O35337" t="s">
        <v>85</v>
      </c>
      <c r="P35337" t="s">
        <v>86</v>
      </c>
      <c r="Q35337">
        <v>68</v>
      </c>
      <c r="R35337">
        <v>69</v>
      </c>
      <c r="S35337">
        <v>70</v>
      </c>
      <c r="T35337">
        <v>71</v>
      </c>
      <c r="U35337">
        <v>73</v>
      </c>
      <c r="V35337">
        <v>74</v>
      </c>
      <c r="W35337">
        <v>75</v>
      </c>
      <c r="X35337">
        <v>76</v>
      </c>
      <c r="Y35337">
        <v>78</v>
      </c>
      <c r="Z35337">
        <v>79</v>
      </c>
      <c r="AA35337">
        <v>80</v>
      </c>
      <c r="AB35337">
        <v>81</v>
      </c>
      <c r="AC35337">
        <v>82</v>
      </c>
      <c r="AD35337">
        <v>83</v>
      </c>
      <c r="AE35337">
        <v>84</v>
      </c>
      <c r="AF35337">
        <v>86</v>
      </c>
      <c r="AG35337">
        <v>87</v>
      </c>
      <c r="AH35337">
        <v>88</v>
      </c>
      <c r="AI35337">
        <v>89</v>
      </c>
      <c r="AJ35337">
        <v>90</v>
      </c>
      <c r="AK35337">
        <v>91</v>
      </c>
      <c r="AL35337">
        <v>92</v>
      </c>
      <c r="AM35337">
        <v>92</v>
      </c>
      <c r="AN35337">
        <v>92</v>
      </c>
      <c r="AO35337">
        <v>92</v>
      </c>
      <c r="AP35337">
        <v>93</v>
      </c>
      <c r="AQ35337">
        <v>93</v>
      </c>
    </row>
    <row r="35338" spans="1:43">
      <c r="A35338" t="s">
        <v>21903</v>
      </c>
      <c r="B35338" t="s">
        <v>21904</v>
      </c>
      <c r="C35338" t="s">
        <v>21897</v>
      </c>
      <c r="D35338" t="s">
        <v>21898</v>
      </c>
      <c r="E35338" t="s">
        <v>21751</v>
      </c>
      <c r="F35338" t="s">
        <v>21752</v>
      </c>
      <c r="G35338" t="s">
        <v>20255</v>
      </c>
      <c r="H35338" t="s">
        <v>20256</v>
      </c>
      <c r="I35338" s="2">
        <v>1</v>
      </c>
      <c r="J35338" s="2">
        <v>0</v>
      </c>
      <c r="K35338" s="2">
        <v>0</v>
      </c>
      <c r="L35338" t="s">
        <v>120</v>
      </c>
      <c r="M35338" t="s">
        <v>83</v>
      </c>
      <c r="N35338" t="s">
        <v>84</v>
      </c>
      <c r="O35338" t="s">
        <v>85</v>
      </c>
      <c r="P35338" t="s">
        <v>86</v>
      </c>
      <c r="Q35338">
        <v>100</v>
      </c>
      <c r="R35338">
        <v>102</v>
      </c>
      <c r="S35338">
        <v>104</v>
      </c>
      <c r="T35338">
        <v>106</v>
      </c>
      <c r="U35338">
        <v>108</v>
      </c>
      <c r="V35338">
        <v>110</v>
      </c>
      <c r="W35338">
        <v>112</v>
      </c>
      <c r="X35338">
        <v>113</v>
      </c>
      <c r="Y35338">
        <v>115</v>
      </c>
      <c r="Z35338">
        <v>117</v>
      </c>
      <c r="AA35338">
        <v>119</v>
      </c>
      <c r="AB35338">
        <v>120</v>
      </c>
      <c r="AC35338">
        <v>122</v>
      </c>
      <c r="AD35338">
        <v>124</v>
      </c>
      <c r="AE35338">
        <v>126</v>
      </c>
      <c r="AF35338">
        <v>127</v>
      </c>
      <c r="AG35338">
        <v>129</v>
      </c>
      <c r="AH35338">
        <v>131</v>
      </c>
      <c r="AI35338">
        <v>132</v>
      </c>
      <c r="AJ35338">
        <v>134</v>
      </c>
      <c r="AK35338">
        <v>136</v>
      </c>
      <c r="AL35338">
        <v>137</v>
      </c>
      <c r="AM35338">
        <v>137</v>
      </c>
      <c r="AN35338">
        <v>138</v>
      </c>
      <c r="AO35338">
        <v>139</v>
      </c>
      <c r="AP35338">
        <v>139</v>
      </c>
      <c r="AQ35338">
        <v>140</v>
      </c>
    </row>
    <row r="35339" spans="1:43">
      <c r="A35339" t="s">
        <v>21903</v>
      </c>
      <c r="B35339" t="s">
        <v>21904</v>
      </c>
      <c r="C35339" t="s">
        <v>21897</v>
      </c>
      <c r="D35339" t="s">
        <v>21898</v>
      </c>
      <c r="E35339" t="s">
        <v>21751</v>
      </c>
      <c r="F35339" t="s">
        <v>21752</v>
      </c>
      <c r="G35339" t="s">
        <v>20255</v>
      </c>
      <c r="H35339" t="s">
        <v>20256</v>
      </c>
      <c r="I35339" s="2">
        <v>1</v>
      </c>
      <c r="J35339" s="2">
        <v>0</v>
      </c>
      <c r="K35339" s="2">
        <v>0</v>
      </c>
      <c r="L35339" t="s">
        <v>120</v>
      </c>
      <c r="M35339" t="s">
        <v>87</v>
      </c>
      <c r="N35339" t="s">
        <v>88</v>
      </c>
      <c r="O35339" t="s">
        <v>85</v>
      </c>
      <c r="P35339" t="s">
        <v>86</v>
      </c>
      <c r="Q35339">
        <v>100</v>
      </c>
      <c r="R35339">
        <v>101</v>
      </c>
      <c r="S35339">
        <v>102</v>
      </c>
      <c r="T35339">
        <v>103</v>
      </c>
      <c r="U35339">
        <v>104</v>
      </c>
      <c r="V35339">
        <v>105</v>
      </c>
      <c r="W35339">
        <v>106</v>
      </c>
      <c r="X35339">
        <v>107</v>
      </c>
      <c r="Y35339">
        <v>108</v>
      </c>
      <c r="Z35339">
        <v>109</v>
      </c>
      <c r="AA35339">
        <v>110</v>
      </c>
      <c r="AB35339">
        <v>111</v>
      </c>
      <c r="AC35339">
        <v>112</v>
      </c>
      <c r="AD35339">
        <v>112</v>
      </c>
      <c r="AE35339">
        <v>113</v>
      </c>
      <c r="AF35339">
        <v>114</v>
      </c>
      <c r="AG35339">
        <v>115</v>
      </c>
      <c r="AH35339">
        <v>116</v>
      </c>
      <c r="AI35339">
        <v>117</v>
      </c>
      <c r="AJ35339">
        <v>118</v>
      </c>
      <c r="AK35339">
        <v>119</v>
      </c>
      <c r="AL35339">
        <v>119</v>
      </c>
      <c r="AM35339">
        <v>120</v>
      </c>
      <c r="AN35339">
        <v>121</v>
      </c>
      <c r="AO35339">
        <v>122</v>
      </c>
      <c r="AP35339">
        <v>123</v>
      </c>
      <c r="AQ35339">
        <v>124</v>
      </c>
    </row>
    <row r="35340" spans="1:43">
      <c r="A35340" t="s">
        <v>21903</v>
      </c>
      <c r="B35340" t="s">
        <v>21904</v>
      </c>
      <c r="C35340" t="s">
        <v>21897</v>
      </c>
      <c r="D35340" t="s">
        <v>21898</v>
      </c>
      <c r="E35340" t="s">
        <v>21751</v>
      </c>
      <c r="F35340" t="s">
        <v>21752</v>
      </c>
      <c r="G35340" t="s">
        <v>20255</v>
      </c>
      <c r="H35340" t="s">
        <v>20256</v>
      </c>
      <c r="I35340" s="2">
        <v>1</v>
      </c>
      <c r="J35340" s="2">
        <v>0</v>
      </c>
      <c r="K35340" s="2">
        <v>0</v>
      </c>
      <c r="L35340" t="s">
        <v>120</v>
      </c>
      <c r="M35340" t="s">
        <v>89</v>
      </c>
      <c r="N35340" t="s">
        <v>90</v>
      </c>
      <c r="O35340" t="s">
        <v>85</v>
      </c>
      <c r="P35340" t="s">
        <v>86</v>
      </c>
      <c r="Q35340">
        <v>100</v>
      </c>
      <c r="R35340">
        <v>103</v>
      </c>
      <c r="S35340">
        <v>106</v>
      </c>
      <c r="T35340">
        <v>109</v>
      </c>
      <c r="U35340">
        <v>112</v>
      </c>
      <c r="V35340">
        <v>114</v>
      </c>
      <c r="W35340">
        <v>117</v>
      </c>
      <c r="X35340">
        <v>119</v>
      </c>
      <c r="Y35340">
        <v>121</v>
      </c>
      <c r="Z35340">
        <v>123</v>
      </c>
      <c r="AA35340">
        <v>126</v>
      </c>
      <c r="AB35340">
        <v>128</v>
      </c>
      <c r="AC35340">
        <v>130</v>
      </c>
      <c r="AD35340">
        <v>132</v>
      </c>
      <c r="AE35340">
        <v>134</v>
      </c>
      <c r="AF35340">
        <v>135</v>
      </c>
      <c r="AG35340">
        <v>135</v>
      </c>
      <c r="AH35340">
        <v>136</v>
      </c>
      <c r="AI35340">
        <v>137</v>
      </c>
      <c r="AJ35340">
        <v>138</v>
      </c>
      <c r="AK35340">
        <v>138</v>
      </c>
      <c r="AL35340">
        <v>139</v>
      </c>
      <c r="AM35340">
        <v>140</v>
      </c>
      <c r="AN35340">
        <v>140</v>
      </c>
      <c r="AO35340">
        <v>141</v>
      </c>
      <c r="AP35340">
        <v>141</v>
      </c>
      <c r="AQ35340">
        <v>142</v>
      </c>
    </row>
    <row r="35341" spans="1:43">
      <c r="A35341" t="s">
        <v>21903</v>
      </c>
      <c r="B35341" t="s">
        <v>21904</v>
      </c>
      <c r="C35341" t="s">
        <v>21897</v>
      </c>
      <c r="D35341" t="s">
        <v>21898</v>
      </c>
      <c r="E35341" t="s">
        <v>21751</v>
      </c>
      <c r="F35341" t="s">
        <v>21752</v>
      </c>
      <c r="G35341" t="s">
        <v>20255</v>
      </c>
      <c r="H35341" t="s">
        <v>20256</v>
      </c>
      <c r="I35341" s="2">
        <v>1</v>
      </c>
      <c r="J35341" s="2">
        <v>0</v>
      </c>
      <c r="K35341" s="2">
        <v>0</v>
      </c>
      <c r="L35341" t="s">
        <v>120</v>
      </c>
      <c r="M35341" t="s">
        <v>83</v>
      </c>
      <c r="N35341" t="s">
        <v>91</v>
      </c>
      <c r="O35341" t="s">
        <v>85</v>
      </c>
      <c r="P35341" t="s">
        <v>86</v>
      </c>
      <c r="Q35341">
        <v>100</v>
      </c>
      <c r="R35341">
        <v>102</v>
      </c>
      <c r="S35341">
        <v>104</v>
      </c>
      <c r="T35341">
        <v>106</v>
      </c>
      <c r="U35341">
        <v>108</v>
      </c>
      <c r="V35341">
        <v>110</v>
      </c>
      <c r="W35341">
        <v>112</v>
      </c>
      <c r="X35341">
        <v>113</v>
      </c>
      <c r="Y35341">
        <v>115</v>
      </c>
      <c r="Z35341">
        <v>117</v>
      </c>
      <c r="AA35341">
        <v>119</v>
      </c>
      <c r="AB35341">
        <v>120</v>
      </c>
      <c r="AC35341">
        <v>122</v>
      </c>
      <c r="AD35341">
        <v>124</v>
      </c>
      <c r="AE35341">
        <v>126</v>
      </c>
      <c r="AF35341">
        <v>127</v>
      </c>
      <c r="AG35341">
        <v>129</v>
      </c>
      <c r="AH35341">
        <v>131</v>
      </c>
      <c r="AI35341">
        <v>132</v>
      </c>
      <c r="AJ35341">
        <v>134</v>
      </c>
      <c r="AK35341">
        <v>136</v>
      </c>
      <c r="AL35341">
        <v>137</v>
      </c>
      <c r="AM35341">
        <v>137</v>
      </c>
      <c r="AN35341">
        <v>138</v>
      </c>
      <c r="AO35341">
        <v>139</v>
      </c>
      <c r="AP35341">
        <v>139</v>
      </c>
      <c r="AQ35341">
        <v>140</v>
      </c>
    </row>
    <row r="35342" spans="1:43">
      <c r="A35342" t="s">
        <v>21905</v>
      </c>
      <c r="B35342" t="s">
        <v>21906</v>
      </c>
      <c r="C35342" t="s">
        <v>21897</v>
      </c>
      <c r="D35342" t="s">
        <v>21898</v>
      </c>
      <c r="E35342" t="s">
        <v>21751</v>
      </c>
      <c r="F35342" t="s">
        <v>21752</v>
      </c>
      <c r="G35342" t="s">
        <v>20255</v>
      </c>
      <c r="H35342" t="s">
        <v>20256</v>
      </c>
      <c r="I35342" s="2">
        <v>1</v>
      </c>
      <c r="J35342" s="2">
        <v>0</v>
      </c>
      <c r="K35342" s="2">
        <v>0</v>
      </c>
      <c r="L35342" t="s">
        <v>120</v>
      </c>
      <c r="M35342" t="s">
        <v>83</v>
      </c>
      <c r="N35342" t="s">
        <v>84</v>
      </c>
      <c r="O35342" t="s">
        <v>85</v>
      </c>
      <c r="P35342" t="s">
        <v>86</v>
      </c>
      <c r="Q35342">
        <v>0</v>
      </c>
      <c r="R35342">
        <v>0</v>
      </c>
      <c r="S35342">
        <v>0</v>
      </c>
      <c r="T35342">
        <v>0</v>
      </c>
      <c r="U35342">
        <v>0</v>
      </c>
      <c r="V35342">
        <v>0</v>
      </c>
      <c r="W35342">
        <v>0</v>
      </c>
      <c r="X35342">
        <v>0</v>
      </c>
      <c r="Y35342">
        <v>0</v>
      </c>
      <c r="Z35342">
        <v>0</v>
      </c>
      <c r="AA35342">
        <v>0</v>
      </c>
      <c r="AB35342">
        <v>0</v>
      </c>
      <c r="AC35342">
        <v>0</v>
      </c>
      <c r="AD35342">
        <v>0</v>
      </c>
      <c r="AE35342">
        <v>0</v>
      </c>
      <c r="AF35342">
        <v>0</v>
      </c>
      <c r="AG35342">
        <v>0</v>
      </c>
      <c r="AH35342">
        <v>0</v>
      </c>
      <c r="AI35342">
        <v>0</v>
      </c>
      <c r="AJ35342">
        <v>0</v>
      </c>
      <c r="AK35342">
        <v>0</v>
      </c>
      <c r="AL35342">
        <v>0</v>
      </c>
      <c r="AM35342">
        <v>0</v>
      </c>
      <c r="AN35342">
        <v>0</v>
      </c>
      <c r="AO35342">
        <v>0</v>
      </c>
      <c r="AP35342">
        <v>0</v>
      </c>
      <c r="AQ35342">
        <v>0</v>
      </c>
    </row>
    <row r="35343" spans="1:43">
      <c r="A35343" t="s">
        <v>21905</v>
      </c>
      <c r="B35343" t="s">
        <v>21906</v>
      </c>
      <c r="C35343" t="s">
        <v>21897</v>
      </c>
      <c r="D35343" t="s">
        <v>21898</v>
      </c>
      <c r="E35343" t="s">
        <v>21751</v>
      </c>
      <c r="F35343" t="s">
        <v>21752</v>
      </c>
      <c r="G35343" t="s">
        <v>20255</v>
      </c>
      <c r="H35343" t="s">
        <v>20256</v>
      </c>
      <c r="I35343" s="2">
        <v>1</v>
      </c>
      <c r="J35343" s="2">
        <v>0</v>
      </c>
      <c r="K35343" s="2">
        <v>0</v>
      </c>
      <c r="L35343" t="s">
        <v>120</v>
      </c>
      <c r="M35343" t="s">
        <v>87</v>
      </c>
      <c r="N35343" t="s">
        <v>88</v>
      </c>
      <c r="O35343" t="s">
        <v>85</v>
      </c>
      <c r="P35343" t="s">
        <v>86</v>
      </c>
      <c r="Q35343">
        <v>0</v>
      </c>
      <c r="R35343">
        <v>0</v>
      </c>
      <c r="S35343">
        <v>0</v>
      </c>
      <c r="T35343">
        <v>0</v>
      </c>
      <c r="U35343">
        <v>0</v>
      </c>
      <c r="V35343">
        <v>0</v>
      </c>
      <c r="W35343">
        <v>0</v>
      </c>
      <c r="X35343">
        <v>0</v>
      </c>
      <c r="Y35343">
        <v>0</v>
      </c>
      <c r="Z35343">
        <v>0</v>
      </c>
      <c r="AA35343">
        <v>0</v>
      </c>
      <c r="AB35343">
        <v>0</v>
      </c>
      <c r="AC35343">
        <v>0</v>
      </c>
      <c r="AD35343">
        <v>0</v>
      </c>
      <c r="AE35343">
        <v>0</v>
      </c>
      <c r="AF35343">
        <v>0</v>
      </c>
      <c r="AG35343">
        <v>0</v>
      </c>
      <c r="AH35343">
        <v>0</v>
      </c>
      <c r="AI35343">
        <v>0</v>
      </c>
      <c r="AJ35343">
        <v>0</v>
      </c>
      <c r="AK35343">
        <v>0</v>
      </c>
      <c r="AL35343">
        <v>0</v>
      </c>
      <c r="AM35343">
        <v>0</v>
      </c>
      <c r="AN35343">
        <v>0</v>
      </c>
      <c r="AO35343">
        <v>0</v>
      </c>
      <c r="AP35343">
        <v>0</v>
      </c>
      <c r="AQ35343">
        <v>0</v>
      </c>
    </row>
    <row r="35344" spans="1:43">
      <c r="A35344" t="s">
        <v>21905</v>
      </c>
      <c r="B35344" t="s">
        <v>21906</v>
      </c>
      <c r="C35344" t="s">
        <v>21897</v>
      </c>
      <c r="D35344" t="s">
        <v>21898</v>
      </c>
      <c r="E35344" t="s">
        <v>21751</v>
      </c>
      <c r="F35344" t="s">
        <v>21752</v>
      </c>
      <c r="G35344" t="s">
        <v>20255</v>
      </c>
      <c r="H35344" t="s">
        <v>20256</v>
      </c>
      <c r="I35344" s="2">
        <v>1</v>
      </c>
      <c r="J35344" s="2">
        <v>0</v>
      </c>
      <c r="K35344" s="2">
        <v>0</v>
      </c>
      <c r="L35344" t="s">
        <v>120</v>
      </c>
      <c r="M35344" t="s">
        <v>89</v>
      </c>
      <c r="N35344" t="s">
        <v>90</v>
      </c>
      <c r="O35344" t="s">
        <v>85</v>
      </c>
      <c r="P35344" t="s">
        <v>86</v>
      </c>
      <c r="Q35344">
        <v>0</v>
      </c>
      <c r="R35344">
        <v>0</v>
      </c>
      <c r="S35344">
        <v>0</v>
      </c>
      <c r="T35344">
        <v>0</v>
      </c>
      <c r="U35344">
        <v>0</v>
      </c>
      <c r="V35344">
        <v>0</v>
      </c>
      <c r="W35344">
        <v>0</v>
      </c>
      <c r="X35344">
        <v>0</v>
      </c>
      <c r="Y35344">
        <v>0</v>
      </c>
      <c r="Z35344">
        <v>0</v>
      </c>
      <c r="AA35344">
        <v>0</v>
      </c>
      <c r="AB35344">
        <v>0</v>
      </c>
      <c r="AC35344">
        <v>0</v>
      </c>
      <c r="AD35344">
        <v>0</v>
      </c>
      <c r="AE35344">
        <v>0</v>
      </c>
      <c r="AF35344">
        <v>0</v>
      </c>
      <c r="AG35344">
        <v>0</v>
      </c>
      <c r="AH35344">
        <v>0</v>
      </c>
      <c r="AI35344">
        <v>0</v>
      </c>
      <c r="AJ35344">
        <v>0</v>
      </c>
      <c r="AK35344">
        <v>0</v>
      </c>
      <c r="AL35344">
        <v>0</v>
      </c>
      <c r="AM35344">
        <v>0</v>
      </c>
      <c r="AN35344">
        <v>0</v>
      </c>
      <c r="AO35344">
        <v>0</v>
      </c>
      <c r="AP35344">
        <v>0</v>
      </c>
      <c r="AQ35344">
        <v>0</v>
      </c>
    </row>
    <row r="35345" spans="1:43">
      <c r="A35345" t="s">
        <v>21905</v>
      </c>
      <c r="B35345" t="s">
        <v>21906</v>
      </c>
      <c r="C35345" t="s">
        <v>21897</v>
      </c>
      <c r="D35345" t="s">
        <v>21898</v>
      </c>
      <c r="E35345" t="s">
        <v>21751</v>
      </c>
      <c r="F35345" t="s">
        <v>21752</v>
      </c>
      <c r="G35345" t="s">
        <v>20255</v>
      </c>
      <c r="H35345" t="s">
        <v>20256</v>
      </c>
      <c r="I35345" s="2">
        <v>1</v>
      </c>
      <c r="J35345" s="2">
        <v>0</v>
      </c>
      <c r="K35345" s="2">
        <v>0</v>
      </c>
      <c r="L35345" t="s">
        <v>120</v>
      </c>
      <c r="M35345" t="s">
        <v>83</v>
      </c>
      <c r="N35345" t="s">
        <v>91</v>
      </c>
      <c r="O35345" t="s">
        <v>85</v>
      </c>
      <c r="P35345" t="s">
        <v>86</v>
      </c>
      <c r="Q35345">
        <v>0</v>
      </c>
      <c r="R35345">
        <v>0</v>
      </c>
      <c r="S35345">
        <v>0</v>
      </c>
      <c r="T35345">
        <v>0</v>
      </c>
      <c r="U35345">
        <v>0</v>
      </c>
      <c r="V35345">
        <v>0</v>
      </c>
      <c r="W35345">
        <v>0</v>
      </c>
      <c r="X35345">
        <v>0</v>
      </c>
      <c r="Y35345">
        <v>0</v>
      </c>
      <c r="Z35345">
        <v>0</v>
      </c>
      <c r="AA35345">
        <v>0</v>
      </c>
      <c r="AB35345">
        <v>0</v>
      </c>
      <c r="AC35345">
        <v>0</v>
      </c>
      <c r="AD35345">
        <v>0</v>
      </c>
      <c r="AE35345">
        <v>0</v>
      </c>
      <c r="AF35345">
        <v>0</v>
      </c>
      <c r="AG35345">
        <v>0</v>
      </c>
      <c r="AH35345">
        <v>0</v>
      </c>
      <c r="AI35345">
        <v>0</v>
      </c>
      <c r="AJ35345">
        <v>0</v>
      </c>
      <c r="AK35345">
        <v>0</v>
      </c>
      <c r="AL35345">
        <v>0</v>
      </c>
      <c r="AM35345">
        <v>0</v>
      </c>
      <c r="AN35345">
        <v>0</v>
      </c>
      <c r="AO35345">
        <v>0</v>
      </c>
      <c r="AP35345">
        <v>0</v>
      </c>
      <c r="AQ35345">
        <v>0</v>
      </c>
    </row>
    <row r="35346" spans="1:43">
      <c r="A35346" t="s">
        <v>21907</v>
      </c>
      <c r="B35346" t="s">
        <v>21908</v>
      </c>
      <c r="C35346" t="s">
        <v>21909</v>
      </c>
      <c r="D35346" t="s">
        <v>21910</v>
      </c>
      <c r="E35346" t="s">
        <v>21751</v>
      </c>
      <c r="F35346" t="s">
        <v>21752</v>
      </c>
      <c r="G35346" t="s">
        <v>20255</v>
      </c>
      <c r="H35346" t="s">
        <v>20256</v>
      </c>
      <c r="I35346" s="2">
        <v>1</v>
      </c>
      <c r="J35346" s="2">
        <v>0</v>
      </c>
      <c r="K35346" s="2">
        <v>0</v>
      </c>
      <c r="L35346" t="s">
        <v>120</v>
      </c>
      <c r="M35346" t="s">
        <v>83</v>
      </c>
      <c r="N35346" t="s">
        <v>84</v>
      </c>
      <c r="O35346" t="s">
        <v>85</v>
      </c>
      <c r="P35346" t="s">
        <v>86</v>
      </c>
      <c r="Q35346">
        <v>36</v>
      </c>
      <c r="R35346">
        <v>37</v>
      </c>
      <c r="S35346">
        <v>37</v>
      </c>
      <c r="T35346">
        <v>38</v>
      </c>
      <c r="U35346">
        <v>38</v>
      </c>
      <c r="V35346">
        <v>39</v>
      </c>
      <c r="W35346">
        <v>40</v>
      </c>
      <c r="X35346">
        <v>40</v>
      </c>
      <c r="Y35346">
        <v>41</v>
      </c>
      <c r="Z35346">
        <v>41</v>
      </c>
      <c r="AA35346">
        <v>42</v>
      </c>
      <c r="AB35346">
        <v>43</v>
      </c>
      <c r="AC35346">
        <v>43</v>
      </c>
      <c r="AD35346">
        <v>44</v>
      </c>
      <c r="AE35346">
        <v>44</v>
      </c>
      <c r="AF35346">
        <v>45</v>
      </c>
      <c r="AG35346">
        <v>45</v>
      </c>
      <c r="AH35346">
        <v>46</v>
      </c>
      <c r="AI35346">
        <v>47</v>
      </c>
      <c r="AJ35346">
        <v>47</v>
      </c>
      <c r="AK35346">
        <v>48</v>
      </c>
      <c r="AL35346">
        <v>48</v>
      </c>
      <c r="AM35346">
        <v>48</v>
      </c>
      <c r="AN35346">
        <v>48</v>
      </c>
      <c r="AO35346">
        <v>48</v>
      </c>
      <c r="AP35346">
        <v>48</v>
      </c>
      <c r="AQ35346">
        <v>48</v>
      </c>
    </row>
    <row r="35347" spans="1:43">
      <c r="A35347" t="s">
        <v>21907</v>
      </c>
      <c r="B35347" t="s">
        <v>21908</v>
      </c>
      <c r="C35347" t="s">
        <v>21909</v>
      </c>
      <c r="D35347" t="s">
        <v>21910</v>
      </c>
      <c r="E35347" t="s">
        <v>21751</v>
      </c>
      <c r="F35347" t="s">
        <v>21752</v>
      </c>
      <c r="G35347" t="s">
        <v>20255</v>
      </c>
      <c r="H35347" t="s">
        <v>20256</v>
      </c>
      <c r="I35347" s="2">
        <v>1</v>
      </c>
      <c r="J35347" s="2">
        <v>0</v>
      </c>
      <c r="K35347" s="2">
        <v>0</v>
      </c>
      <c r="L35347" t="s">
        <v>120</v>
      </c>
      <c r="M35347" t="s">
        <v>87</v>
      </c>
      <c r="N35347" t="s">
        <v>88</v>
      </c>
      <c r="O35347" t="s">
        <v>85</v>
      </c>
      <c r="P35347" t="s">
        <v>86</v>
      </c>
      <c r="Q35347">
        <v>36</v>
      </c>
      <c r="R35347">
        <v>36</v>
      </c>
      <c r="S35347">
        <v>36</v>
      </c>
      <c r="T35347">
        <v>36</v>
      </c>
      <c r="U35347">
        <v>37</v>
      </c>
      <c r="V35347">
        <v>37</v>
      </c>
      <c r="W35347">
        <v>37</v>
      </c>
      <c r="X35347">
        <v>38</v>
      </c>
      <c r="Y35347">
        <v>38</v>
      </c>
      <c r="Z35347">
        <v>38</v>
      </c>
      <c r="AA35347">
        <v>38</v>
      </c>
      <c r="AB35347">
        <v>39</v>
      </c>
      <c r="AC35347">
        <v>39</v>
      </c>
      <c r="AD35347">
        <v>39</v>
      </c>
      <c r="AE35347">
        <v>39</v>
      </c>
      <c r="AF35347">
        <v>39</v>
      </c>
      <c r="AG35347">
        <v>40</v>
      </c>
      <c r="AH35347">
        <v>40</v>
      </c>
      <c r="AI35347">
        <v>40</v>
      </c>
      <c r="AJ35347">
        <v>40</v>
      </c>
      <c r="AK35347">
        <v>41</v>
      </c>
      <c r="AL35347">
        <v>41</v>
      </c>
      <c r="AM35347">
        <v>41</v>
      </c>
      <c r="AN35347">
        <v>41</v>
      </c>
      <c r="AO35347">
        <v>41</v>
      </c>
      <c r="AP35347">
        <v>42</v>
      </c>
      <c r="AQ35347">
        <v>42</v>
      </c>
    </row>
    <row r="35348" spans="1:43">
      <c r="A35348" t="s">
        <v>21907</v>
      </c>
      <c r="B35348" t="s">
        <v>21908</v>
      </c>
      <c r="C35348" t="s">
        <v>21909</v>
      </c>
      <c r="D35348" t="s">
        <v>21910</v>
      </c>
      <c r="E35348" t="s">
        <v>21751</v>
      </c>
      <c r="F35348" t="s">
        <v>21752</v>
      </c>
      <c r="G35348" t="s">
        <v>20255</v>
      </c>
      <c r="H35348" t="s">
        <v>20256</v>
      </c>
      <c r="I35348" s="2">
        <v>1</v>
      </c>
      <c r="J35348" s="2">
        <v>0</v>
      </c>
      <c r="K35348" s="2">
        <v>0</v>
      </c>
      <c r="L35348" t="s">
        <v>120</v>
      </c>
      <c r="M35348" t="s">
        <v>89</v>
      </c>
      <c r="N35348" t="s">
        <v>90</v>
      </c>
      <c r="O35348" t="s">
        <v>85</v>
      </c>
      <c r="P35348" t="s">
        <v>86</v>
      </c>
      <c r="Q35348">
        <v>36</v>
      </c>
      <c r="R35348">
        <v>37</v>
      </c>
      <c r="S35348">
        <v>38</v>
      </c>
      <c r="T35348">
        <v>39</v>
      </c>
      <c r="U35348">
        <v>40</v>
      </c>
      <c r="V35348">
        <v>41</v>
      </c>
      <c r="W35348">
        <v>42</v>
      </c>
      <c r="X35348">
        <v>43</v>
      </c>
      <c r="Y35348">
        <v>43</v>
      </c>
      <c r="Z35348">
        <v>44</v>
      </c>
      <c r="AA35348">
        <v>45</v>
      </c>
      <c r="AB35348">
        <v>46</v>
      </c>
      <c r="AC35348">
        <v>46</v>
      </c>
      <c r="AD35348">
        <v>47</v>
      </c>
      <c r="AE35348">
        <v>48</v>
      </c>
      <c r="AF35348">
        <v>48</v>
      </c>
      <c r="AG35348">
        <v>48</v>
      </c>
      <c r="AH35348">
        <v>48</v>
      </c>
      <c r="AI35348">
        <v>48</v>
      </c>
      <c r="AJ35348">
        <v>48</v>
      </c>
      <c r="AK35348">
        <v>48</v>
      </c>
      <c r="AL35348">
        <v>49</v>
      </c>
      <c r="AM35348">
        <v>49</v>
      </c>
      <c r="AN35348">
        <v>49</v>
      </c>
      <c r="AO35348">
        <v>49</v>
      </c>
      <c r="AP35348">
        <v>49</v>
      </c>
      <c r="AQ35348">
        <v>49</v>
      </c>
    </row>
    <row r="35349" spans="1:43">
      <c r="A35349" t="s">
        <v>21907</v>
      </c>
      <c r="B35349" t="s">
        <v>21908</v>
      </c>
      <c r="C35349" t="s">
        <v>21909</v>
      </c>
      <c r="D35349" t="s">
        <v>21910</v>
      </c>
      <c r="E35349" t="s">
        <v>21751</v>
      </c>
      <c r="F35349" t="s">
        <v>21752</v>
      </c>
      <c r="G35349" t="s">
        <v>20255</v>
      </c>
      <c r="H35349" t="s">
        <v>20256</v>
      </c>
      <c r="I35349" s="2">
        <v>1</v>
      </c>
      <c r="J35349" s="2">
        <v>0</v>
      </c>
      <c r="K35349" s="2">
        <v>0</v>
      </c>
      <c r="L35349" t="s">
        <v>120</v>
      </c>
      <c r="M35349" t="s">
        <v>83</v>
      </c>
      <c r="N35349" t="s">
        <v>91</v>
      </c>
      <c r="O35349" t="s">
        <v>85</v>
      </c>
      <c r="P35349" t="s">
        <v>86</v>
      </c>
      <c r="Q35349">
        <v>36</v>
      </c>
      <c r="R35349">
        <v>37</v>
      </c>
      <c r="S35349">
        <v>37</v>
      </c>
      <c r="T35349">
        <v>38</v>
      </c>
      <c r="U35349">
        <v>38</v>
      </c>
      <c r="V35349">
        <v>39</v>
      </c>
      <c r="W35349">
        <v>40</v>
      </c>
      <c r="X35349">
        <v>40</v>
      </c>
      <c r="Y35349">
        <v>41</v>
      </c>
      <c r="Z35349">
        <v>41</v>
      </c>
      <c r="AA35349">
        <v>42</v>
      </c>
      <c r="AB35349">
        <v>43</v>
      </c>
      <c r="AC35349">
        <v>43</v>
      </c>
      <c r="AD35349">
        <v>44</v>
      </c>
      <c r="AE35349">
        <v>44</v>
      </c>
      <c r="AF35349">
        <v>45</v>
      </c>
      <c r="AG35349">
        <v>45</v>
      </c>
      <c r="AH35349">
        <v>46</v>
      </c>
      <c r="AI35349">
        <v>47</v>
      </c>
      <c r="AJ35349">
        <v>47</v>
      </c>
      <c r="AK35349">
        <v>48</v>
      </c>
      <c r="AL35349">
        <v>48</v>
      </c>
      <c r="AM35349">
        <v>48</v>
      </c>
      <c r="AN35349">
        <v>48</v>
      </c>
      <c r="AO35349">
        <v>48</v>
      </c>
      <c r="AP35349">
        <v>48</v>
      </c>
      <c r="AQ35349">
        <v>48</v>
      </c>
    </row>
    <row r="35350" spans="1:43">
      <c r="A35350" t="s">
        <v>21911</v>
      </c>
      <c r="B35350" t="s">
        <v>21912</v>
      </c>
      <c r="C35350" t="s">
        <v>21909</v>
      </c>
      <c r="D35350" t="s">
        <v>21910</v>
      </c>
      <c r="E35350" t="s">
        <v>21751</v>
      </c>
      <c r="F35350" t="s">
        <v>21752</v>
      </c>
      <c r="G35350" t="s">
        <v>20255</v>
      </c>
      <c r="H35350" t="s">
        <v>20256</v>
      </c>
      <c r="I35350" s="2">
        <v>1</v>
      </c>
      <c r="J35350" s="2">
        <v>0</v>
      </c>
      <c r="K35350" s="2">
        <v>0</v>
      </c>
      <c r="L35350" t="s">
        <v>120</v>
      </c>
      <c r="M35350" t="s">
        <v>83</v>
      </c>
      <c r="N35350" t="s">
        <v>84</v>
      </c>
      <c r="O35350" t="s">
        <v>85</v>
      </c>
      <c r="P35350" t="s">
        <v>86</v>
      </c>
      <c r="Q35350">
        <v>8</v>
      </c>
      <c r="R35350">
        <v>8</v>
      </c>
      <c r="S35350">
        <v>8</v>
      </c>
      <c r="T35350">
        <v>8</v>
      </c>
      <c r="U35350">
        <v>8</v>
      </c>
      <c r="V35350">
        <v>8</v>
      </c>
      <c r="W35350">
        <v>8</v>
      </c>
      <c r="X35350">
        <v>9</v>
      </c>
      <c r="Y35350">
        <v>9</v>
      </c>
      <c r="Z35350">
        <v>9</v>
      </c>
      <c r="AA35350">
        <v>9</v>
      </c>
      <c r="AB35350">
        <v>9</v>
      </c>
      <c r="AC35350">
        <v>9</v>
      </c>
      <c r="AD35350">
        <v>9</v>
      </c>
      <c r="AE35350">
        <v>9</v>
      </c>
      <c r="AF35350">
        <v>10</v>
      </c>
      <c r="AG35350">
        <v>10</v>
      </c>
      <c r="AH35350">
        <v>10</v>
      </c>
      <c r="AI35350">
        <v>10</v>
      </c>
      <c r="AJ35350">
        <v>10</v>
      </c>
      <c r="AK35350">
        <v>10</v>
      </c>
      <c r="AL35350">
        <v>10</v>
      </c>
      <c r="AM35350">
        <v>10</v>
      </c>
      <c r="AN35350">
        <v>10</v>
      </c>
      <c r="AO35350">
        <v>10</v>
      </c>
      <c r="AP35350">
        <v>10</v>
      </c>
      <c r="AQ35350">
        <v>10</v>
      </c>
    </row>
    <row r="35351" spans="1:43">
      <c r="A35351" t="s">
        <v>21911</v>
      </c>
      <c r="B35351" t="s">
        <v>21912</v>
      </c>
      <c r="C35351" t="s">
        <v>21909</v>
      </c>
      <c r="D35351" t="s">
        <v>21910</v>
      </c>
      <c r="E35351" t="s">
        <v>21751</v>
      </c>
      <c r="F35351" t="s">
        <v>21752</v>
      </c>
      <c r="G35351" t="s">
        <v>20255</v>
      </c>
      <c r="H35351" t="s">
        <v>20256</v>
      </c>
      <c r="I35351" s="2">
        <v>1</v>
      </c>
      <c r="J35351" s="2">
        <v>0</v>
      </c>
      <c r="K35351" s="2">
        <v>0</v>
      </c>
      <c r="L35351" t="s">
        <v>120</v>
      </c>
      <c r="M35351" t="s">
        <v>87</v>
      </c>
      <c r="N35351" t="s">
        <v>88</v>
      </c>
      <c r="O35351" t="s">
        <v>85</v>
      </c>
      <c r="P35351" t="s">
        <v>86</v>
      </c>
      <c r="Q35351">
        <v>8</v>
      </c>
      <c r="R35351">
        <v>8</v>
      </c>
      <c r="S35351">
        <v>8</v>
      </c>
      <c r="T35351">
        <v>8</v>
      </c>
      <c r="U35351">
        <v>8</v>
      </c>
      <c r="V35351">
        <v>8</v>
      </c>
      <c r="W35351">
        <v>8</v>
      </c>
      <c r="X35351">
        <v>8</v>
      </c>
      <c r="Y35351">
        <v>8</v>
      </c>
      <c r="Z35351">
        <v>8</v>
      </c>
      <c r="AA35351">
        <v>8</v>
      </c>
      <c r="AB35351">
        <v>8</v>
      </c>
      <c r="AC35351">
        <v>8</v>
      </c>
      <c r="AD35351">
        <v>8</v>
      </c>
      <c r="AE35351">
        <v>8</v>
      </c>
      <c r="AF35351">
        <v>8</v>
      </c>
      <c r="AG35351">
        <v>8</v>
      </c>
      <c r="AH35351">
        <v>9</v>
      </c>
      <c r="AI35351">
        <v>9</v>
      </c>
      <c r="AJ35351">
        <v>9</v>
      </c>
      <c r="AK35351">
        <v>9</v>
      </c>
      <c r="AL35351">
        <v>9</v>
      </c>
      <c r="AM35351">
        <v>9</v>
      </c>
      <c r="AN35351">
        <v>9</v>
      </c>
      <c r="AO35351">
        <v>9</v>
      </c>
      <c r="AP35351">
        <v>9</v>
      </c>
      <c r="AQ35351">
        <v>9</v>
      </c>
    </row>
    <row r="35352" spans="1:43">
      <c r="A35352" t="s">
        <v>21911</v>
      </c>
      <c r="B35352" t="s">
        <v>21912</v>
      </c>
      <c r="C35352" t="s">
        <v>21909</v>
      </c>
      <c r="D35352" t="s">
        <v>21910</v>
      </c>
      <c r="E35352" t="s">
        <v>21751</v>
      </c>
      <c r="F35352" t="s">
        <v>21752</v>
      </c>
      <c r="G35352" t="s">
        <v>20255</v>
      </c>
      <c r="H35352" t="s">
        <v>20256</v>
      </c>
      <c r="I35352" s="2">
        <v>1</v>
      </c>
      <c r="J35352" s="2">
        <v>0</v>
      </c>
      <c r="K35352" s="2">
        <v>0</v>
      </c>
      <c r="L35352" t="s">
        <v>120</v>
      </c>
      <c r="M35352" t="s">
        <v>89</v>
      </c>
      <c r="N35352" t="s">
        <v>90</v>
      </c>
      <c r="O35352" t="s">
        <v>85</v>
      </c>
      <c r="P35352" t="s">
        <v>86</v>
      </c>
      <c r="Q35352">
        <v>8</v>
      </c>
      <c r="R35352">
        <v>8</v>
      </c>
      <c r="S35352">
        <v>8</v>
      </c>
      <c r="T35352">
        <v>8</v>
      </c>
      <c r="U35352">
        <v>9</v>
      </c>
      <c r="V35352">
        <v>9</v>
      </c>
      <c r="W35352">
        <v>9</v>
      </c>
      <c r="X35352">
        <v>9</v>
      </c>
      <c r="Y35352">
        <v>9</v>
      </c>
      <c r="Z35352">
        <v>9</v>
      </c>
      <c r="AA35352">
        <v>10</v>
      </c>
      <c r="AB35352">
        <v>10</v>
      </c>
      <c r="AC35352">
        <v>10</v>
      </c>
      <c r="AD35352">
        <v>10</v>
      </c>
      <c r="AE35352">
        <v>10</v>
      </c>
      <c r="AF35352">
        <v>10</v>
      </c>
      <c r="AG35352">
        <v>10</v>
      </c>
      <c r="AH35352">
        <v>10</v>
      </c>
      <c r="AI35352">
        <v>10</v>
      </c>
      <c r="AJ35352">
        <v>10</v>
      </c>
      <c r="AK35352">
        <v>10</v>
      </c>
      <c r="AL35352">
        <v>10</v>
      </c>
      <c r="AM35352">
        <v>10</v>
      </c>
      <c r="AN35352">
        <v>10</v>
      </c>
      <c r="AO35352">
        <v>10</v>
      </c>
      <c r="AP35352">
        <v>10</v>
      </c>
      <c r="AQ35352">
        <v>10</v>
      </c>
    </row>
    <row r="35353" spans="1:43">
      <c r="A35353" t="s">
        <v>21911</v>
      </c>
      <c r="B35353" t="s">
        <v>21912</v>
      </c>
      <c r="C35353" t="s">
        <v>21909</v>
      </c>
      <c r="D35353" t="s">
        <v>21910</v>
      </c>
      <c r="E35353" t="s">
        <v>21751</v>
      </c>
      <c r="F35353" t="s">
        <v>21752</v>
      </c>
      <c r="G35353" t="s">
        <v>20255</v>
      </c>
      <c r="H35353" t="s">
        <v>20256</v>
      </c>
      <c r="I35353" s="2">
        <v>1</v>
      </c>
      <c r="J35353" s="2">
        <v>0</v>
      </c>
      <c r="K35353" s="2">
        <v>0</v>
      </c>
      <c r="L35353" t="s">
        <v>120</v>
      </c>
      <c r="M35353" t="s">
        <v>83</v>
      </c>
      <c r="N35353" t="s">
        <v>91</v>
      </c>
      <c r="O35353" t="s">
        <v>85</v>
      </c>
      <c r="P35353" t="s">
        <v>86</v>
      </c>
      <c r="Q35353">
        <v>8</v>
      </c>
      <c r="R35353">
        <v>8</v>
      </c>
      <c r="S35353">
        <v>8</v>
      </c>
      <c r="T35353">
        <v>8</v>
      </c>
      <c r="U35353">
        <v>8</v>
      </c>
      <c r="V35353">
        <v>8</v>
      </c>
      <c r="W35353">
        <v>8</v>
      </c>
      <c r="X35353">
        <v>9</v>
      </c>
      <c r="Y35353">
        <v>9</v>
      </c>
      <c r="Z35353">
        <v>9</v>
      </c>
      <c r="AA35353">
        <v>9</v>
      </c>
      <c r="AB35353">
        <v>9</v>
      </c>
      <c r="AC35353">
        <v>9</v>
      </c>
      <c r="AD35353">
        <v>9</v>
      </c>
      <c r="AE35353">
        <v>9</v>
      </c>
      <c r="AF35353">
        <v>10</v>
      </c>
      <c r="AG35353">
        <v>10</v>
      </c>
      <c r="AH35353">
        <v>10</v>
      </c>
      <c r="AI35353">
        <v>10</v>
      </c>
      <c r="AJ35353">
        <v>10</v>
      </c>
      <c r="AK35353">
        <v>10</v>
      </c>
      <c r="AL35353">
        <v>10</v>
      </c>
      <c r="AM35353">
        <v>10</v>
      </c>
      <c r="AN35353">
        <v>10</v>
      </c>
      <c r="AO35353">
        <v>10</v>
      </c>
      <c r="AP35353">
        <v>10</v>
      </c>
      <c r="AQ35353">
        <v>10</v>
      </c>
    </row>
    <row r="35354" spans="1:43">
      <c r="A35354" t="s">
        <v>21913</v>
      </c>
      <c r="B35354" t="s">
        <v>21914</v>
      </c>
      <c r="C35354" t="s">
        <v>21909</v>
      </c>
      <c r="D35354" t="s">
        <v>21910</v>
      </c>
      <c r="E35354" t="s">
        <v>21751</v>
      </c>
      <c r="F35354" t="s">
        <v>21752</v>
      </c>
      <c r="G35354" t="s">
        <v>20255</v>
      </c>
      <c r="H35354" t="s">
        <v>20256</v>
      </c>
      <c r="I35354" s="2">
        <v>1</v>
      </c>
      <c r="J35354" s="2">
        <v>0</v>
      </c>
      <c r="K35354" s="2">
        <v>0</v>
      </c>
      <c r="L35354" t="s">
        <v>120</v>
      </c>
      <c r="M35354" t="s">
        <v>83</v>
      </c>
      <c r="N35354" t="s">
        <v>84</v>
      </c>
      <c r="O35354" t="s">
        <v>85</v>
      </c>
      <c r="P35354" t="s">
        <v>86</v>
      </c>
      <c r="Q35354">
        <v>11</v>
      </c>
      <c r="R35354">
        <v>11</v>
      </c>
      <c r="S35354">
        <v>11</v>
      </c>
      <c r="T35354">
        <v>11</v>
      </c>
      <c r="U35354">
        <v>11</v>
      </c>
      <c r="V35354">
        <v>11</v>
      </c>
      <c r="W35354">
        <v>12</v>
      </c>
      <c r="X35354">
        <v>12</v>
      </c>
      <c r="Y35354">
        <v>12</v>
      </c>
      <c r="Z35354">
        <v>12</v>
      </c>
      <c r="AA35354">
        <v>12</v>
      </c>
      <c r="AB35354">
        <v>13</v>
      </c>
      <c r="AC35354">
        <v>13</v>
      </c>
      <c r="AD35354">
        <v>13</v>
      </c>
      <c r="AE35354">
        <v>13</v>
      </c>
      <c r="AF35354">
        <v>13</v>
      </c>
      <c r="AG35354">
        <v>13</v>
      </c>
      <c r="AH35354">
        <v>14</v>
      </c>
      <c r="AI35354">
        <v>14</v>
      </c>
      <c r="AJ35354">
        <v>14</v>
      </c>
      <c r="AK35354">
        <v>14</v>
      </c>
      <c r="AL35354">
        <v>14</v>
      </c>
      <c r="AM35354">
        <v>14</v>
      </c>
      <c r="AN35354">
        <v>14</v>
      </c>
      <c r="AO35354">
        <v>14</v>
      </c>
      <c r="AP35354">
        <v>14</v>
      </c>
      <c r="AQ35354">
        <v>14</v>
      </c>
    </row>
    <row r="35355" spans="1:43">
      <c r="A35355" t="s">
        <v>21913</v>
      </c>
      <c r="B35355" t="s">
        <v>21914</v>
      </c>
      <c r="C35355" t="s">
        <v>21909</v>
      </c>
      <c r="D35355" t="s">
        <v>21910</v>
      </c>
      <c r="E35355" t="s">
        <v>21751</v>
      </c>
      <c r="F35355" t="s">
        <v>21752</v>
      </c>
      <c r="G35355" t="s">
        <v>20255</v>
      </c>
      <c r="H35355" t="s">
        <v>20256</v>
      </c>
      <c r="I35355" s="2">
        <v>1</v>
      </c>
      <c r="J35355" s="2">
        <v>0</v>
      </c>
      <c r="K35355" s="2">
        <v>0</v>
      </c>
      <c r="L35355" t="s">
        <v>120</v>
      </c>
      <c r="M35355" t="s">
        <v>87</v>
      </c>
      <c r="N35355" t="s">
        <v>88</v>
      </c>
      <c r="O35355" t="s">
        <v>85</v>
      </c>
      <c r="P35355" t="s">
        <v>86</v>
      </c>
      <c r="Q35355">
        <v>11</v>
      </c>
      <c r="R35355">
        <v>12</v>
      </c>
      <c r="S35355">
        <v>12</v>
      </c>
      <c r="T35355">
        <v>12</v>
      </c>
      <c r="U35355">
        <v>12</v>
      </c>
      <c r="V35355">
        <v>12</v>
      </c>
      <c r="W35355">
        <v>12</v>
      </c>
      <c r="X35355">
        <v>12</v>
      </c>
      <c r="Y35355">
        <v>12</v>
      </c>
      <c r="Z35355">
        <v>12</v>
      </c>
      <c r="AA35355">
        <v>12</v>
      </c>
      <c r="AB35355">
        <v>12</v>
      </c>
      <c r="AC35355">
        <v>12</v>
      </c>
      <c r="AD35355">
        <v>12</v>
      </c>
      <c r="AE35355">
        <v>13</v>
      </c>
      <c r="AF35355">
        <v>13</v>
      </c>
      <c r="AG35355">
        <v>13</v>
      </c>
      <c r="AH35355">
        <v>13</v>
      </c>
      <c r="AI35355">
        <v>13</v>
      </c>
      <c r="AJ35355">
        <v>13</v>
      </c>
      <c r="AK35355">
        <v>13</v>
      </c>
      <c r="AL35355">
        <v>13</v>
      </c>
      <c r="AM35355">
        <v>13</v>
      </c>
      <c r="AN35355">
        <v>13</v>
      </c>
      <c r="AO35355">
        <v>13</v>
      </c>
      <c r="AP35355">
        <v>13</v>
      </c>
      <c r="AQ35355">
        <v>13</v>
      </c>
    </row>
    <row r="35356" spans="1:43">
      <c r="A35356" t="s">
        <v>21913</v>
      </c>
      <c r="B35356" t="s">
        <v>21914</v>
      </c>
      <c r="C35356" t="s">
        <v>21909</v>
      </c>
      <c r="D35356" t="s">
        <v>21910</v>
      </c>
      <c r="E35356" t="s">
        <v>21751</v>
      </c>
      <c r="F35356" t="s">
        <v>21752</v>
      </c>
      <c r="G35356" t="s">
        <v>20255</v>
      </c>
      <c r="H35356" t="s">
        <v>20256</v>
      </c>
      <c r="I35356" s="2">
        <v>1</v>
      </c>
      <c r="J35356" s="2">
        <v>0</v>
      </c>
      <c r="K35356" s="2">
        <v>0</v>
      </c>
      <c r="L35356" t="s">
        <v>120</v>
      </c>
      <c r="M35356" t="s">
        <v>89</v>
      </c>
      <c r="N35356" t="s">
        <v>90</v>
      </c>
      <c r="O35356" t="s">
        <v>85</v>
      </c>
      <c r="P35356" t="s">
        <v>86</v>
      </c>
      <c r="Q35356">
        <v>11</v>
      </c>
      <c r="R35356">
        <v>11</v>
      </c>
      <c r="S35356">
        <v>11</v>
      </c>
      <c r="T35356">
        <v>11</v>
      </c>
      <c r="U35356">
        <v>12</v>
      </c>
      <c r="V35356">
        <v>12</v>
      </c>
      <c r="W35356">
        <v>12</v>
      </c>
      <c r="X35356">
        <v>12</v>
      </c>
      <c r="Y35356">
        <v>13</v>
      </c>
      <c r="Z35356">
        <v>13</v>
      </c>
      <c r="AA35356">
        <v>13</v>
      </c>
      <c r="AB35356">
        <v>13</v>
      </c>
      <c r="AC35356">
        <v>14</v>
      </c>
      <c r="AD35356">
        <v>14</v>
      </c>
      <c r="AE35356">
        <v>14</v>
      </c>
      <c r="AF35356">
        <v>14</v>
      </c>
      <c r="AG35356">
        <v>14</v>
      </c>
      <c r="AH35356">
        <v>14</v>
      </c>
      <c r="AI35356">
        <v>14</v>
      </c>
      <c r="AJ35356">
        <v>14</v>
      </c>
      <c r="AK35356">
        <v>14</v>
      </c>
      <c r="AL35356">
        <v>14</v>
      </c>
      <c r="AM35356">
        <v>14</v>
      </c>
      <c r="AN35356">
        <v>14</v>
      </c>
      <c r="AO35356">
        <v>14</v>
      </c>
      <c r="AP35356">
        <v>14</v>
      </c>
      <c r="AQ35356">
        <v>14</v>
      </c>
    </row>
    <row r="35357" spans="1:43">
      <c r="A35357" t="s">
        <v>21913</v>
      </c>
      <c r="B35357" t="s">
        <v>21914</v>
      </c>
      <c r="C35357" t="s">
        <v>21909</v>
      </c>
      <c r="D35357" t="s">
        <v>21910</v>
      </c>
      <c r="E35357" t="s">
        <v>21751</v>
      </c>
      <c r="F35357" t="s">
        <v>21752</v>
      </c>
      <c r="G35357" t="s">
        <v>20255</v>
      </c>
      <c r="H35357" t="s">
        <v>20256</v>
      </c>
      <c r="I35357" s="2">
        <v>1</v>
      </c>
      <c r="J35357" s="2">
        <v>0</v>
      </c>
      <c r="K35357" s="2">
        <v>0</v>
      </c>
      <c r="L35357" t="s">
        <v>120</v>
      </c>
      <c r="M35357" t="s">
        <v>83</v>
      </c>
      <c r="N35357" t="s">
        <v>91</v>
      </c>
      <c r="O35357" t="s">
        <v>85</v>
      </c>
      <c r="P35357" t="s">
        <v>86</v>
      </c>
      <c r="Q35357">
        <v>11</v>
      </c>
      <c r="R35357">
        <v>11</v>
      </c>
      <c r="S35357">
        <v>11</v>
      </c>
      <c r="T35357">
        <v>11</v>
      </c>
      <c r="U35357">
        <v>11</v>
      </c>
      <c r="V35357">
        <v>11</v>
      </c>
      <c r="W35357">
        <v>12</v>
      </c>
      <c r="X35357">
        <v>12</v>
      </c>
      <c r="Y35357">
        <v>12</v>
      </c>
      <c r="Z35357">
        <v>12</v>
      </c>
      <c r="AA35357">
        <v>12</v>
      </c>
      <c r="AB35357">
        <v>13</v>
      </c>
      <c r="AC35357">
        <v>13</v>
      </c>
      <c r="AD35357">
        <v>13</v>
      </c>
      <c r="AE35357">
        <v>13</v>
      </c>
      <c r="AF35357">
        <v>13</v>
      </c>
      <c r="AG35357">
        <v>13</v>
      </c>
      <c r="AH35357">
        <v>14</v>
      </c>
      <c r="AI35357">
        <v>14</v>
      </c>
      <c r="AJ35357">
        <v>14</v>
      </c>
      <c r="AK35357">
        <v>14</v>
      </c>
      <c r="AL35357">
        <v>14</v>
      </c>
      <c r="AM35357">
        <v>14</v>
      </c>
      <c r="AN35357">
        <v>14</v>
      </c>
      <c r="AO35357">
        <v>14</v>
      </c>
      <c r="AP35357">
        <v>14</v>
      </c>
      <c r="AQ35357">
        <v>14</v>
      </c>
    </row>
    <row r="35358" spans="1:43">
      <c r="A35358" t="s">
        <v>21915</v>
      </c>
      <c r="B35358" t="s">
        <v>21916</v>
      </c>
      <c r="C35358" t="s">
        <v>21909</v>
      </c>
      <c r="D35358" t="s">
        <v>21910</v>
      </c>
      <c r="E35358" t="s">
        <v>21751</v>
      </c>
      <c r="F35358" t="s">
        <v>21752</v>
      </c>
      <c r="G35358" t="s">
        <v>20255</v>
      </c>
      <c r="H35358" t="s">
        <v>20256</v>
      </c>
      <c r="I35358" s="2">
        <v>1</v>
      </c>
      <c r="J35358" s="2">
        <v>0</v>
      </c>
      <c r="K35358" s="2">
        <v>0</v>
      </c>
      <c r="L35358" t="s">
        <v>120</v>
      </c>
      <c r="M35358" t="s">
        <v>83</v>
      </c>
      <c r="N35358" t="s">
        <v>84</v>
      </c>
      <c r="O35358" t="s">
        <v>85</v>
      </c>
      <c r="P35358" t="s">
        <v>86</v>
      </c>
      <c r="Q35358">
        <v>14</v>
      </c>
      <c r="R35358">
        <v>14</v>
      </c>
      <c r="S35358">
        <v>15</v>
      </c>
      <c r="T35358">
        <v>15</v>
      </c>
      <c r="U35358">
        <v>15</v>
      </c>
      <c r="V35358">
        <v>15</v>
      </c>
      <c r="W35358">
        <v>16</v>
      </c>
      <c r="X35358">
        <v>16</v>
      </c>
      <c r="Y35358">
        <v>16</v>
      </c>
      <c r="Z35358">
        <v>16</v>
      </c>
      <c r="AA35358">
        <v>16</v>
      </c>
      <c r="AB35358">
        <v>17</v>
      </c>
      <c r="AC35358">
        <v>17</v>
      </c>
      <c r="AD35358">
        <v>17</v>
      </c>
      <c r="AE35358">
        <v>17</v>
      </c>
      <c r="AF35358">
        <v>18</v>
      </c>
      <c r="AG35358">
        <v>18</v>
      </c>
      <c r="AH35358">
        <v>18</v>
      </c>
      <c r="AI35358">
        <v>18</v>
      </c>
      <c r="AJ35358">
        <v>18</v>
      </c>
      <c r="AK35358">
        <v>19</v>
      </c>
      <c r="AL35358">
        <v>19</v>
      </c>
      <c r="AM35358">
        <v>19</v>
      </c>
      <c r="AN35358">
        <v>19</v>
      </c>
      <c r="AO35358">
        <v>19</v>
      </c>
      <c r="AP35358">
        <v>19</v>
      </c>
      <c r="AQ35358">
        <v>19</v>
      </c>
    </row>
    <row r="35359" spans="1:43">
      <c r="A35359" t="s">
        <v>21915</v>
      </c>
      <c r="B35359" t="s">
        <v>21916</v>
      </c>
      <c r="C35359" t="s">
        <v>21909</v>
      </c>
      <c r="D35359" t="s">
        <v>21910</v>
      </c>
      <c r="E35359" t="s">
        <v>21751</v>
      </c>
      <c r="F35359" t="s">
        <v>21752</v>
      </c>
      <c r="G35359" t="s">
        <v>20255</v>
      </c>
      <c r="H35359" t="s">
        <v>20256</v>
      </c>
      <c r="I35359" s="2">
        <v>1</v>
      </c>
      <c r="J35359" s="2">
        <v>0</v>
      </c>
      <c r="K35359" s="2">
        <v>0</v>
      </c>
      <c r="L35359" t="s">
        <v>120</v>
      </c>
      <c r="M35359" t="s">
        <v>87</v>
      </c>
      <c r="N35359" t="s">
        <v>88</v>
      </c>
      <c r="O35359" t="s">
        <v>85</v>
      </c>
      <c r="P35359" t="s">
        <v>86</v>
      </c>
      <c r="Q35359">
        <v>14</v>
      </c>
      <c r="R35359">
        <v>14</v>
      </c>
      <c r="S35359">
        <v>14</v>
      </c>
      <c r="T35359">
        <v>14</v>
      </c>
      <c r="U35359">
        <v>14</v>
      </c>
      <c r="V35359">
        <v>15</v>
      </c>
      <c r="W35359">
        <v>15</v>
      </c>
      <c r="X35359">
        <v>15</v>
      </c>
      <c r="Y35359">
        <v>15</v>
      </c>
      <c r="Z35359">
        <v>15</v>
      </c>
      <c r="AA35359">
        <v>15</v>
      </c>
      <c r="AB35359">
        <v>15</v>
      </c>
      <c r="AC35359">
        <v>15</v>
      </c>
      <c r="AD35359">
        <v>15</v>
      </c>
      <c r="AE35359">
        <v>15</v>
      </c>
      <c r="AF35359">
        <v>15</v>
      </c>
      <c r="AG35359">
        <v>16</v>
      </c>
      <c r="AH35359">
        <v>16</v>
      </c>
      <c r="AI35359">
        <v>16</v>
      </c>
      <c r="AJ35359">
        <v>16</v>
      </c>
      <c r="AK35359">
        <v>16</v>
      </c>
      <c r="AL35359">
        <v>16</v>
      </c>
      <c r="AM35359">
        <v>16</v>
      </c>
      <c r="AN35359">
        <v>16</v>
      </c>
      <c r="AO35359">
        <v>16</v>
      </c>
      <c r="AP35359">
        <v>16</v>
      </c>
      <c r="AQ35359">
        <v>16</v>
      </c>
    </row>
    <row r="35360" spans="1:43">
      <c r="A35360" t="s">
        <v>21915</v>
      </c>
      <c r="B35360" t="s">
        <v>21916</v>
      </c>
      <c r="C35360" t="s">
        <v>21909</v>
      </c>
      <c r="D35360" t="s">
        <v>21910</v>
      </c>
      <c r="E35360" t="s">
        <v>21751</v>
      </c>
      <c r="F35360" t="s">
        <v>21752</v>
      </c>
      <c r="G35360" t="s">
        <v>20255</v>
      </c>
      <c r="H35360" t="s">
        <v>20256</v>
      </c>
      <c r="I35360" s="2">
        <v>1</v>
      </c>
      <c r="J35360" s="2">
        <v>0</v>
      </c>
      <c r="K35360" s="2">
        <v>0</v>
      </c>
      <c r="L35360" t="s">
        <v>120</v>
      </c>
      <c r="M35360" t="s">
        <v>89</v>
      </c>
      <c r="N35360" t="s">
        <v>90</v>
      </c>
      <c r="O35360" t="s">
        <v>85</v>
      </c>
      <c r="P35360" t="s">
        <v>86</v>
      </c>
      <c r="Q35360">
        <v>14</v>
      </c>
      <c r="R35360">
        <v>15</v>
      </c>
      <c r="S35360">
        <v>15</v>
      </c>
      <c r="T35360">
        <v>15</v>
      </c>
      <c r="U35360">
        <v>16</v>
      </c>
      <c r="V35360">
        <v>16</v>
      </c>
      <c r="W35360">
        <v>16</v>
      </c>
      <c r="X35360">
        <v>17</v>
      </c>
      <c r="Y35360">
        <v>17</v>
      </c>
      <c r="Z35360">
        <v>17</v>
      </c>
      <c r="AA35360">
        <v>18</v>
      </c>
      <c r="AB35360">
        <v>18</v>
      </c>
      <c r="AC35360">
        <v>18</v>
      </c>
      <c r="AD35360">
        <v>18</v>
      </c>
      <c r="AE35360">
        <v>19</v>
      </c>
      <c r="AF35360">
        <v>19</v>
      </c>
      <c r="AG35360">
        <v>19</v>
      </c>
      <c r="AH35360">
        <v>19</v>
      </c>
      <c r="AI35360">
        <v>19</v>
      </c>
      <c r="AJ35360">
        <v>19</v>
      </c>
      <c r="AK35360">
        <v>19</v>
      </c>
      <c r="AL35360">
        <v>19</v>
      </c>
      <c r="AM35360">
        <v>19</v>
      </c>
      <c r="AN35360">
        <v>19</v>
      </c>
      <c r="AO35360">
        <v>19</v>
      </c>
      <c r="AP35360">
        <v>19</v>
      </c>
      <c r="AQ35360">
        <v>19</v>
      </c>
    </row>
    <row r="35361" spans="1:43">
      <c r="A35361" t="s">
        <v>21915</v>
      </c>
      <c r="B35361" t="s">
        <v>21916</v>
      </c>
      <c r="C35361" t="s">
        <v>21909</v>
      </c>
      <c r="D35361" t="s">
        <v>21910</v>
      </c>
      <c r="E35361" t="s">
        <v>21751</v>
      </c>
      <c r="F35361" t="s">
        <v>21752</v>
      </c>
      <c r="G35361" t="s">
        <v>20255</v>
      </c>
      <c r="H35361" t="s">
        <v>20256</v>
      </c>
      <c r="I35361" s="2">
        <v>1</v>
      </c>
      <c r="J35361" s="2">
        <v>0</v>
      </c>
      <c r="K35361" s="2">
        <v>0</v>
      </c>
      <c r="L35361" t="s">
        <v>120</v>
      </c>
      <c r="M35361" t="s">
        <v>83</v>
      </c>
      <c r="N35361" t="s">
        <v>91</v>
      </c>
      <c r="O35361" t="s">
        <v>85</v>
      </c>
      <c r="P35361" t="s">
        <v>86</v>
      </c>
      <c r="Q35361">
        <v>14</v>
      </c>
      <c r="R35361">
        <v>14</v>
      </c>
      <c r="S35361">
        <v>15</v>
      </c>
      <c r="T35361">
        <v>15</v>
      </c>
      <c r="U35361">
        <v>15</v>
      </c>
      <c r="V35361">
        <v>15</v>
      </c>
      <c r="W35361">
        <v>16</v>
      </c>
      <c r="X35361">
        <v>16</v>
      </c>
      <c r="Y35361">
        <v>16</v>
      </c>
      <c r="Z35361">
        <v>16</v>
      </c>
      <c r="AA35361">
        <v>16</v>
      </c>
      <c r="AB35361">
        <v>17</v>
      </c>
      <c r="AC35361">
        <v>17</v>
      </c>
      <c r="AD35361">
        <v>17</v>
      </c>
      <c r="AE35361">
        <v>17</v>
      </c>
      <c r="AF35361">
        <v>18</v>
      </c>
      <c r="AG35361">
        <v>18</v>
      </c>
      <c r="AH35361">
        <v>18</v>
      </c>
      <c r="AI35361">
        <v>18</v>
      </c>
      <c r="AJ35361">
        <v>18</v>
      </c>
      <c r="AK35361">
        <v>19</v>
      </c>
      <c r="AL35361">
        <v>19</v>
      </c>
      <c r="AM35361">
        <v>19</v>
      </c>
      <c r="AN35361">
        <v>19</v>
      </c>
      <c r="AO35361">
        <v>19</v>
      </c>
      <c r="AP35361">
        <v>19</v>
      </c>
      <c r="AQ35361">
        <v>19</v>
      </c>
    </row>
    <row r="35362" spans="1:43">
      <c r="A35362" t="s">
        <v>21917</v>
      </c>
      <c r="B35362" t="s">
        <v>21918</v>
      </c>
      <c r="C35362" t="s">
        <v>21909</v>
      </c>
      <c r="D35362" t="s">
        <v>21910</v>
      </c>
      <c r="E35362" t="s">
        <v>21751</v>
      </c>
      <c r="F35362" t="s">
        <v>21752</v>
      </c>
      <c r="G35362" t="s">
        <v>20255</v>
      </c>
      <c r="H35362" t="s">
        <v>20256</v>
      </c>
      <c r="I35362" s="2">
        <v>1</v>
      </c>
      <c r="J35362" s="2">
        <v>0</v>
      </c>
      <c r="K35362" s="2">
        <v>0</v>
      </c>
      <c r="L35362" t="s">
        <v>120</v>
      </c>
      <c r="M35362" t="s">
        <v>83</v>
      </c>
      <c r="N35362" t="s">
        <v>84</v>
      </c>
      <c r="O35362" t="s">
        <v>85</v>
      </c>
      <c r="P35362" t="s">
        <v>86</v>
      </c>
      <c r="Q35362">
        <v>53</v>
      </c>
      <c r="R35362">
        <v>54</v>
      </c>
      <c r="S35362">
        <v>55</v>
      </c>
      <c r="T35362">
        <v>56</v>
      </c>
      <c r="U35362">
        <v>57</v>
      </c>
      <c r="V35362">
        <v>57</v>
      </c>
      <c r="W35362">
        <v>58</v>
      </c>
      <c r="X35362">
        <v>59</v>
      </c>
      <c r="Y35362">
        <v>60</v>
      </c>
      <c r="Z35362">
        <v>61</v>
      </c>
      <c r="AA35362">
        <v>62</v>
      </c>
      <c r="AB35362">
        <v>63</v>
      </c>
      <c r="AC35362">
        <v>64</v>
      </c>
      <c r="AD35362">
        <v>64</v>
      </c>
      <c r="AE35362">
        <v>65</v>
      </c>
      <c r="AF35362">
        <v>66</v>
      </c>
      <c r="AG35362">
        <v>67</v>
      </c>
      <c r="AH35362">
        <v>68</v>
      </c>
      <c r="AI35362">
        <v>69</v>
      </c>
      <c r="AJ35362">
        <v>69</v>
      </c>
      <c r="AK35362">
        <v>70</v>
      </c>
      <c r="AL35362">
        <v>70</v>
      </c>
      <c r="AM35362">
        <v>71</v>
      </c>
      <c r="AN35362">
        <v>71</v>
      </c>
      <c r="AO35362">
        <v>71</v>
      </c>
      <c r="AP35362">
        <v>71</v>
      </c>
      <c r="AQ35362">
        <v>71</v>
      </c>
    </row>
    <row r="35363" spans="1:43">
      <c r="A35363" t="s">
        <v>21917</v>
      </c>
      <c r="B35363" t="s">
        <v>21918</v>
      </c>
      <c r="C35363" t="s">
        <v>21909</v>
      </c>
      <c r="D35363" t="s">
        <v>21910</v>
      </c>
      <c r="E35363" t="s">
        <v>21751</v>
      </c>
      <c r="F35363" t="s">
        <v>21752</v>
      </c>
      <c r="G35363" t="s">
        <v>20255</v>
      </c>
      <c r="H35363" t="s">
        <v>20256</v>
      </c>
      <c r="I35363" s="2">
        <v>1</v>
      </c>
      <c r="J35363" s="2">
        <v>0</v>
      </c>
      <c r="K35363" s="2">
        <v>0</v>
      </c>
      <c r="L35363" t="s">
        <v>120</v>
      </c>
      <c r="M35363" t="s">
        <v>87</v>
      </c>
      <c r="N35363" t="s">
        <v>88</v>
      </c>
      <c r="O35363" t="s">
        <v>85</v>
      </c>
      <c r="P35363" t="s">
        <v>86</v>
      </c>
      <c r="Q35363">
        <v>53</v>
      </c>
      <c r="R35363">
        <v>54</v>
      </c>
      <c r="S35363">
        <v>54</v>
      </c>
      <c r="T35363">
        <v>55</v>
      </c>
      <c r="U35363">
        <v>55</v>
      </c>
      <c r="V35363">
        <v>55</v>
      </c>
      <c r="W35363">
        <v>56</v>
      </c>
      <c r="X35363">
        <v>56</v>
      </c>
      <c r="Y35363">
        <v>57</v>
      </c>
      <c r="Z35363">
        <v>57</v>
      </c>
      <c r="AA35363">
        <v>57</v>
      </c>
      <c r="AB35363">
        <v>58</v>
      </c>
      <c r="AC35363">
        <v>58</v>
      </c>
      <c r="AD35363">
        <v>58</v>
      </c>
      <c r="AE35363">
        <v>59</v>
      </c>
      <c r="AF35363">
        <v>59</v>
      </c>
      <c r="AG35363">
        <v>59</v>
      </c>
      <c r="AH35363">
        <v>60</v>
      </c>
      <c r="AI35363">
        <v>60</v>
      </c>
      <c r="AJ35363">
        <v>60</v>
      </c>
      <c r="AK35363">
        <v>61</v>
      </c>
      <c r="AL35363">
        <v>61</v>
      </c>
      <c r="AM35363">
        <v>61</v>
      </c>
      <c r="AN35363">
        <v>62</v>
      </c>
      <c r="AO35363">
        <v>62</v>
      </c>
      <c r="AP35363">
        <v>62</v>
      </c>
      <c r="AQ35363">
        <v>62</v>
      </c>
    </row>
    <row r="35364" spans="1:43">
      <c r="A35364" t="s">
        <v>21917</v>
      </c>
      <c r="B35364" t="s">
        <v>21918</v>
      </c>
      <c r="C35364" t="s">
        <v>21909</v>
      </c>
      <c r="D35364" t="s">
        <v>21910</v>
      </c>
      <c r="E35364" t="s">
        <v>21751</v>
      </c>
      <c r="F35364" t="s">
        <v>21752</v>
      </c>
      <c r="G35364" t="s">
        <v>20255</v>
      </c>
      <c r="H35364" t="s">
        <v>20256</v>
      </c>
      <c r="I35364" s="2">
        <v>1</v>
      </c>
      <c r="J35364" s="2">
        <v>0</v>
      </c>
      <c r="K35364" s="2">
        <v>0</v>
      </c>
      <c r="L35364" t="s">
        <v>120</v>
      </c>
      <c r="M35364" t="s">
        <v>89</v>
      </c>
      <c r="N35364" t="s">
        <v>90</v>
      </c>
      <c r="O35364" t="s">
        <v>85</v>
      </c>
      <c r="P35364" t="s">
        <v>86</v>
      </c>
      <c r="Q35364">
        <v>53</v>
      </c>
      <c r="R35364">
        <v>55</v>
      </c>
      <c r="S35364">
        <v>56</v>
      </c>
      <c r="T35364">
        <v>57</v>
      </c>
      <c r="U35364">
        <v>59</v>
      </c>
      <c r="V35364">
        <v>60</v>
      </c>
      <c r="W35364">
        <v>61</v>
      </c>
      <c r="X35364">
        <v>63</v>
      </c>
      <c r="Y35364">
        <v>64</v>
      </c>
      <c r="Z35364">
        <v>65</v>
      </c>
      <c r="AA35364">
        <v>66</v>
      </c>
      <c r="AB35364">
        <v>67</v>
      </c>
      <c r="AC35364">
        <v>68</v>
      </c>
      <c r="AD35364">
        <v>69</v>
      </c>
      <c r="AE35364">
        <v>70</v>
      </c>
      <c r="AF35364">
        <v>70</v>
      </c>
      <c r="AG35364">
        <v>71</v>
      </c>
      <c r="AH35364">
        <v>71</v>
      </c>
      <c r="AI35364">
        <v>71</v>
      </c>
      <c r="AJ35364">
        <v>71</v>
      </c>
      <c r="AK35364">
        <v>71</v>
      </c>
      <c r="AL35364">
        <v>71</v>
      </c>
      <c r="AM35364">
        <v>72</v>
      </c>
      <c r="AN35364">
        <v>72</v>
      </c>
      <c r="AO35364">
        <v>72</v>
      </c>
      <c r="AP35364">
        <v>72</v>
      </c>
      <c r="AQ35364">
        <v>72</v>
      </c>
    </row>
    <row r="35365" spans="1:43">
      <c r="A35365" t="s">
        <v>21917</v>
      </c>
      <c r="B35365" t="s">
        <v>21918</v>
      </c>
      <c r="C35365" t="s">
        <v>21909</v>
      </c>
      <c r="D35365" t="s">
        <v>21910</v>
      </c>
      <c r="E35365" t="s">
        <v>21751</v>
      </c>
      <c r="F35365" t="s">
        <v>21752</v>
      </c>
      <c r="G35365" t="s">
        <v>20255</v>
      </c>
      <c r="H35365" t="s">
        <v>20256</v>
      </c>
      <c r="I35365" s="2">
        <v>1</v>
      </c>
      <c r="J35365" s="2">
        <v>0</v>
      </c>
      <c r="K35365" s="2">
        <v>0</v>
      </c>
      <c r="L35365" t="s">
        <v>120</v>
      </c>
      <c r="M35365" t="s">
        <v>83</v>
      </c>
      <c r="N35365" t="s">
        <v>91</v>
      </c>
      <c r="O35365" t="s">
        <v>85</v>
      </c>
      <c r="P35365" t="s">
        <v>86</v>
      </c>
      <c r="Q35365">
        <v>53</v>
      </c>
      <c r="R35365">
        <v>54</v>
      </c>
      <c r="S35365">
        <v>55</v>
      </c>
      <c r="T35365">
        <v>56</v>
      </c>
      <c r="U35365">
        <v>57</v>
      </c>
      <c r="V35365">
        <v>57</v>
      </c>
      <c r="W35365">
        <v>58</v>
      </c>
      <c r="X35365">
        <v>59</v>
      </c>
      <c r="Y35365">
        <v>60</v>
      </c>
      <c r="Z35365">
        <v>61</v>
      </c>
      <c r="AA35365">
        <v>62</v>
      </c>
      <c r="AB35365">
        <v>63</v>
      </c>
      <c r="AC35365">
        <v>64</v>
      </c>
      <c r="AD35365">
        <v>64</v>
      </c>
      <c r="AE35365">
        <v>65</v>
      </c>
      <c r="AF35365">
        <v>66</v>
      </c>
      <c r="AG35365">
        <v>67</v>
      </c>
      <c r="AH35365">
        <v>68</v>
      </c>
      <c r="AI35365">
        <v>69</v>
      </c>
      <c r="AJ35365">
        <v>69</v>
      </c>
      <c r="AK35365">
        <v>70</v>
      </c>
      <c r="AL35365">
        <v>70</v>
      </c>
      <c r="AM35365">
        <v>71</v>
      </c>
      <c r="AN35365">
        <v>71</v>
      </c>
      <c r="AO35365">
        <v>71</v>
      </c>
      <c r="AP35365">
        <v>71</v>
      </c>
      <c r="AQ35365">
        <v>71</v>
      </c>
    </row>
    <row r="35366" spans="1:43">
      <c r="A35366" t="s">
        <v>21919</v>
      </c>
      <c r="B35366" t="s">
        <v>21920</v>
      </c>
      <c r="C35366" t="s">
        <v>21921</v>
      </c>
      <c r="D35366" t="s">
        <v>21922</v>
      </c>
      <c r="E35366" t="s">
        <v>21751</v>
      </c>
      <c r="F35366" t="s">
        <v>21752</v>
      </c>
      <c r="G35366" t="s">
        <v>20255</v>
      </c>
      <c r="H35366" t="s">
        <v>20256</v>
      </c>
      <c r="I35366" s="2">
        <v>1</v>
      </c>
      <c r="J35366" s="2">
        <v>0</v>
      </c>
      <c r="K35366" s="2">
        <v>0</v>
      </c>
      <c r="L35366" t="s">
        <v>120</v>
      </c>
      <c r="M35366" t="s">
        <v>83</v>
      </c>
      <c r="N35366" t="s">
        <v>84</v>
      </c>
      <c r="O35366" t="s">
        <v>85</v>
      </c>
      <c r="P35366" t="s">
        <v>86</v>
      </c>
      <c r="Q35366">
        <v>13</v>
      </c>
      <c r="R35366">
        <v>13</v>
      </c>
      <c r="S35366">
        <v>13</v>
      </c>
      <c r="T35366">
        <v>13</v>
      </c>
      <c r="U35366">
        <v>14</v>
      </c>
      <c r="V35366">
        <v>14</v>
      </c>
      <c r="W35366">
        <v>14</v>
      </c>
      <c r="X35366">
        <v>14</v>
      </c>
      <c r="Y35366">
        <v>15</v>
      </c>
      <c r="Z35366">
        <v>15</v>
      </c>
      <c r="AA35366">
        <v>15</v>
      </c>
      <c r="AB35366">
        <v>15</v>
      </c>
      <c r="AC35366">
        <v>15</v>
      </c>
      <c r="AD35366">
        <v>16</v>
      </c>
      <c r="AE35366">
        <v>16</v>
      </c>
      <c r="AF35366">
        <v>16</v>
      </c>
      <c r="AG35366">
        <v>16</v>
      </c>
      <c r="AH35366">
        <v>17</v>
      </c>
      <c r="AI35366">
        <v>17</v>
      </c>
      <c r="AJ35366">
        <v>17</v>
      </c>
      <c r="AK35366">
        <v>17</v>
      </c>
      <c r="AL35366">
        <v>17</v>
      </c>
      <c r="AM35366">
        <v>17</v>
      </c>
      <c r="AN35366">
        <v>17</v>
      </c>
      <c r="AO35366">
        <v>17</v>
      </c>
      <c r="AP35366">
        <v>18</v>
      </c>
      <c r="AQ35366">
        <v>18</v>
      </c>
    </row>
    <row r="35367" spans="1:43">
      <c r="A35367" t="s">
        <v>21919</v>
      </c>
      <c r="B35367" t="s">
        <v>21920</v>
      </c>
      <c r="C35367" t="s">
        <v>21921</v>
      </c>
      <c r="D35367" t="s">
        <v>21922</v>
      </c>
      <c r="E35367" t="s">
        <v>21751</v>
      </c>
      <c r="F35367" t="s">
        <v>21752</v>
      </c>
      <c r="G35367" t="s">
        <v>20255</v>
      </c>
      <c r="H35367" t="s">
        <v>20256</v>
      </c>
      <c r="I35367" s="2">
        <v>1</v>
      </c>
      <c r="J35367" s="2">
        <v>0</v>
      </c>
      <c r="K35367" s="2">
        <v>0</v>
      </c>
      <c r="L35367" t="s">
        <v>120</v>
      </c>
      <c r="M35367" t="s">
        <v>87</v>
      </c>
      <c r="N35367" t="s">
        <v>88</v>
      </c>
      <c r="O35367" t="s">
        <v>85</v>
      </c>
      <c r="P35367" t="s">
        <v>86</v>
      </c>
      <c r="Q35367">
        <v>13</v>
      </c>
      <c r="R35367">
        <v>13</v>
      </c>
      <c r="S35367">
        <v>13</v>
      </c>
      <c r="T35367">
        <v>13</v>
      </c>
      <c r="U35367">
        <v>13</v>
      </c>
      <c r="V35367">
        <v>13</v>
      </c>
      <c r="W35367">
        <v>13</v>
      </c>
      <c r="X35367">
        <v>13</v>
      </c>
      <c r="Y35367">
        <v>13</v>
      </c>
      <c r="Z35367">
        <v>14</v>
      </c>
      <c r="AA35367">
        <v>14</v>
      </c>
      <c r="AB35367">
        <v>14</v>
      </c>
      <c r="AC35367">
        <v>14</v>
      </c>
      <c r="AD35367">
        <v>14</v>
      </c>
      <c r="AE35367">
        <v>14</v>
      </c>
      <c r="AF35367">
        <v>14</v>
      </c>
      <c r="AG35367">
        <v>14</v>
      </c>
      <c r="AH35367">
        <v>14</v>
      </c>
      <c r="AI35367">
        <v>15</v>
      </c>
      <c r="AJ35367">
        <v>15</v>
      </c>
      <c r="AK35367">
        <v>15</v>
      </c>
      <c r="AL35367">
        <v>15</v>
      </c>
      <c r="AM35367">
        <v>15</v>
      </c>
      <c r="AN35367">
        <v>15</v>
      </c>
      <c r="AO35367">
        <v>15</v>
      </c>
      <c r="AP35367">
        <v>15</v>
      </c>
      <c r="AQ35367">
        <v>15</v>
      </c>
    </row>
    <row r="35368" spans="1:43">
      <c r="A35368" t="s">
        <v>21919</v>
      </c>
      <c r="B35368" t="s">
        <v>21920</v>
      </c>
      <c r="C35368" t="s">
        <v>21921</v>
      </c>
      <c r="D35368" t="s">
        <v>21922</v>
      </c>
      <c r="E35368" t="s">
        <v>21751</v>
      </c>
      <c r="F35368" t="s">
        <v>21752</v>
      </c>
      <c r="G35368" t="s">
        <v>20255</v>
      </c>
      <c r="H35368" t="s">
        <v>20256</v>
      </c>
      <c r="I35368" s="2">
        <v>1</v>
      </c>
      <c r="J35368" s="2">
        <v>0</v>
      </c>
      <c r="K35368" s="2">
        <v>0</v>
      </c>
      <c r="L35368" t="s">
        <v>120</v>
      </c>
      <c r="M35368" t="s">
        <v>89</v>
      </c>
      <c r="N35368" t="s">
        <v>90</v>
      </c>
      <c r="O35368" t="s">
        <v>85</v>
      </c>
      <c r="P35368" t="s">
        <v>86</v>
      </c>
      <c r="Q35368">
        <v>13</v>
      </c>
      <c r="R35368">
        <v>13</v>
      </c>
      <c r="S35368">
        <v>13</v>
      </c>
      <c r="T35368">
        <v>14</v>
      </c>
      <c r="U35368">
        <v>14</v>
      </c>
      <c r="V35368">
        <v>14</v>
      </c>
      <c r="W35368">
        <v>15</v>
      </c>
      <c r="X35368">
        <v>15</v>
      </c>
      <c r="Y35368">
        <v>15</v>
      </c>
      <c r="Z35368">
        <v>16</v>
      </c>
      <c r="AA35368">
        <v>16</v>
      </c>
      <c r="AB35368">
        <v>16</v>
      </c>
      <c r="AC35368">
        <v>17</v>
      </c>
      <c r="AD35368">
        <v>17</v>
      </c>
      <c r="AE35368">
        <v>17</v>
      </c>
      <c r="AF35368">
        <v>17</v>
      </c>
      <c r="AG35368">
        <v>17</v>
      </c>
      <c r="AH35368">
        <v>17</v>
      </c>
      <c r="AI35368">
        <v>17</v>
      </c>
      <c r="AJ35368">
        <v>17</v>
      </c>
      <c r="AK35368">
        <v>17</v>
      </c>
      <c r="AL35368">
        <v>18</v>
      </c>
      <c r="AM35368">
        <v>18</v>
      </c>
      <c r="AN35368">
        <v>18</v>
      </c>
      <c r="AO35368">
        <v>18</v>
      </c>
      <c r="AP35368">
        <v>18</v>
      </c>
      <c r="AQ35368">
        <v>18</v>
      </c>
    </row>
    <row r="35369" spans="1:43">
      <c r="A35369" t="s">
        <v>21919</v>
      </c>
      <c r="B35369" t="s">
        <v>21920</v>
      </c>
      <c r="C35369" t="s">
        <v>21921</v>
      </c>
      <c r="D35369" t="s">
        <v>21922</v>
      </c>
      <c r="E35369" t="s">
        <v>21751</v>
      </c>
      <c r="F35369" t="s">
        <v>21752</v>
      </c>
      <c r="G35369" t="s">
        <v>20255</v>
      </c>
      <c r="H35369" t="s">
        <v>20256</v>
      </c>
      <c r="I35369" s="2">
        <v>1</v>
      </c>
      <c r="J35369" s="2">
        <v>0</v>
      </c>
      <c r="K35369" s="2">
        <v>0</v>
      </c>
      <c r="L35369" t="s">
        <v>120</v>
      </c>
      <c r="M35369" t="s">
        <v>83</v>
      </c>
      <c r="N35369" t="s">
        <v>91</v>
      </c>
      <c r="O35369" t="s">
        <v>85</v>
      </c>
      <c r="P35369" t="s">
        <v>86</v>
      </c>
      <c r="Q35369">
        <v>13</v>
      </c>
      <c r="R35369">
        <v>13</v>
      </c>
      <c r="S35369">
        <v>13</v>
      </c>
      <c r="T35369">
        <v>13</v>
      </c>
      <c r="U35369">
        <v>14</v>
      </c>
      <c r="V35369">
        <v>14</v>
      </c>
      <c r="W35369">
        <v>14</v>
      </c>
      <c r="X35369">
        <v>14</v>
      </c>
      <c r="Y35369">
        <v>15</v>
      </c>
      <c r="Z35369">
        <v>15</v>
      </c>
      <c r="AA35369">
        <v>15</v>
      </c>
      <c r="AB35369">
        <v>15</v>
      </c>
      <c r="AC35369">
        <v>15</v>
      </c>
      <c r="AD35369">
        <v>16</v>
      </c>
      <c r="AE35369">
        <v>16</v>
      </c>
      <c r="AF35369">
        <v>16</v>
      </c>
      <c r="AG35369">
        <v>16</v>
      </c>
      <c r="AH35369">
        <v>17</v>
      </c>
      <c r="AI35369">
        <v>17</v>
      </c>
      <c r="AJ35369">
        <v>17</v>
      </c>
      <c r="AK35369">
        <v>17</v>
      </c>
      <c r="AL35369">
        <v>17</v>
      </c>
      <c r="AM35369">
        <v>17</v>
      </c>
      <c r="AN35369">
        <v>17</v>
      </c>
      <c r="AO35369">
        <v>17</v>
      </c>
      <c r="AP35369">
        <v>18</v>
      </c>
      <c r="AQ35369">
        <v>18</v>
      </c>
    </row>
    <row r="35370" spans="1:43">
      <c r="A35370" t="s">
        <v>21923</v>
      </c>
      <c r="B35370" t="s">
        <v>21924</v>
      </c>
      <c r="C35370" t="s">
        <v>21921</v>
      </c>
      <c r="D35370" t="s">
        <v>21922</v>
      </c>
      <c r="E35370" t="s">
        <v>21751</v>
      </c>
      <c r="F35370" t="s">
        <v>21752</v>
      </c>
      <c r="G35370" t="s">
        <v>20255</v>
      </c>
      <c r="H35370" t="s">
        <v>20256</v>
      </c>
      <c r="I35370" s="2">
        <v>1</v>
      </c>
      <c r="J35370" s="2">
        <v>0</v>
      </c>
      <c r="K35370" s="2">
        <v>0</v>
      </c>
      <c r="L35370" t="s">
        <v>120</v>
      </c>
      <c r="M35370" t="s">
        <v>83</v>
      </c>
      <c r="N35370" t="s">
        <v>84</v>
      </c>
      <c r="O35370" t="s">
        <v>85</v>
      </c>
      <c r="P35370" t="s">
        <v>86</v>
      </c>
      <c r="Q35370">
        <v>7</v>
      </c>
      <c r="R35370">
        <v>8</v>
      </c>
      <c r="S35370">
        <v>8</v>
      </c>
      <c r="T35370">
        <v>8</v>
      </c>
      <c r="U35370">
        <v>8</v>
      </c>
      <c r="V35370">
        <v>8</v>
      </c>
      <c r="W35370">
        <v>8</v>
      </c>
      <c r="X35370">
        <v>8</v>
      </c>
      <c r="Y35370">
        <v>9</v>
      </c>
      <c r="Z35370">
        <v>9</v>
      </c>
      <c r="AA35370">
        <v>9</v>
      </c>
      <c r="AB35370">
        <v>9</v>
      </c>
      <c r="AC35370">
        <v>9</v>
      </c>
      <c r="AD35370">
        <v>9</v>
      </c>
      <c r="AE35370">
        <v>9</v>
      </c>
      <c r="AF35370">
        <v>9</v>
      </c>
      <c r="AG35370">
        <v>10</v>
      </c>
      <c r="AH35370">
        <v>10</v>
      </c>
      <c r="AI35370">
        <v>10</v>
      </c>
      <c r="AJ35370">
        <v>10</v>
      </c>
      <c r="AK35370">
        <v>10</v>
      </c>
      <c r="AL35370">
        <v>10</v>
      </c>
      <c r="AM35370">
        <v>10</v>
      </c>
      <c r="AN35370">
        <v>10</v>
      </c>
      <c r="AO35370">
        <v>10</v>
      </c>
      <c r="AP35370">
        <v>10</v>
      </c>
      <c r="AQ35370">
        <v>10</v>
      </c>
    </row>
    <row r="35371" spans="1:43">
      <c r="A35371" t="s">
        <v>21923</v>
      </c>
      <c r="B35371" t="s">
        <v>21924</v>
      </c>
      <c r="C35371" t="s">
        <v>21921</v>
      </c>
      <c r="D35371" t="s">
        <v>21922</v>
      </c>
      <c r="E35371" t="s">
        <v>21751</v>
      </c>
      <c r="F35371" t="s">
        <v>21752</v>
      </c>
      <c r="G35371" t="s">
        <v>20255</v>
      </c>
      <c r="H35371" t="s">
        <v>20256</v>
      </c>
      <c r="I35371" s="2">
        <v>1</v>
      </c>
      <c r="J35371" s="2">
        <v>0</v>
      </c>
      <c r="K35371" s="2">
        <v>0</v>
      </c>
      <c r="L35371" t="s">
        <v>120</v>
      </c>
      <c r="M35371" t="s">
        <v>87</v>
      </c>
      <c r="N35371" t="s">
        <v>88</v>
      </c>
      <c r="O35371" t="s">
        <v>85</v>
      </c>
      <c r="P35371" t="s">
        <v>86</v>
      </c>
      <c r="Q35371">
        <v>7</v>
      </c>
      <c r="R35371">
        <v>7</v>
      </c>
      <c r="S35371">
        <v>8</v>
      </c>
      <c r="T35371">
        <v>8</v>
      </c>
      <c r="U35371">
        <v>8</v>
      </c>
      <c r="V35371">
        <v>8</v>
      </c>
      <c r="W35371">
        <v>8</v>
      </c>
      <c r="X35371">
        <v>8</v>
      </c>
      <c r="Y35371">
        <v>8</v>
      </c>
      <c r="Z35371">
        <v>8</v>
      </c>
      <c r="AA35371">
        <v>8</v>
      </c>
      <c r="AB35371">
        <v>8</v>
      </c>
      <c r="AC35371">
        <v>8</v>
      </c>
      <c r="AD35371">
        <v>8</v>
      </c>
      <c r="AE35371">
        <v>8</v>
      </c>
      <c r="AF35371">
        <v>8</v>
      </c>
      <c r="AG35371">
        <v>8</v>
      </c>
      <c r="AH35371">
        <v>8</v>
      </c>
      <c r="AI35371">
        <v>9</v>
      </c>
      <c r="AJ35371">
        <v>9</v>
      </c>
      <c r="AK35371">
        <v>9</v>
      </c>
      <c r="AL35371">
        <v>9</v>
      </c>
      <c r="AM35371">
        <v>9</v>
      </c>
      <c r="AN35371">
        <v>9</v>
      </c>
      <c r="AO35371">
        <v>9</v>
      </c>
      <c r="AP35371">
        <v>9</v>
      </c>
      <c r="AQ35371">
        <v>9</v>
      </c>
    </row>
    <row r="35372" spans="1:43">
      <c r="A35372" t="s">
        <v>21923</v>
      </c>
      <c r="B35372" t="s">
        <v>21924</v>
      </c>
      <c r="C35372" t="s">
        <v>21921</v>
      </c>
      <c r="D35372" t="s">
        <v>21922</v>
      </c>
      <c r="E35372" t="s">
        <v>21751</v>
      </c>
      <c r="F35372" t="s">
        <v>21752</v>
      </c>
      <c r="G35372" t="s">
        <v>20255</v>
      </c>
      <c r="H35372" t="s">
        <v>20256</v>
      </c>
      <c r="I35372" s="2">
        <v>1</v>
      </c>
      <c r="J35372" s="2">
        <v>0</v>
      </c>
      <c r="K35372" s="2">
        <v>0</v>
      </c>
      <c r="L35372" t="s">
        <v>120</v>
      </c>
      <c r="M35372" t="s">
        <v>89</v>
      </c>
      <c r="N35372" t="s">
        <v>90</v>
      </c>
      <c r="O35372" t="s">
        <v>85</v>
      </c>
      <c r="P35372" t="s">
        <v>86</v>
      </c>
      <c r="Q35372">
        <v>7</v>
      </c>
      <c r="R35372">
        <v>7</v>
      </c>
      <c r="S35372">
        <v>7</v>
      </c>
      <c r="T35372">
        <v>7</v>
      </c>
      <c r="U35372">
        <v>7</v>
      </c>
      <c r="V35372">
        <v>8</v>
      </c>
      <c r="W35372">
        <v>8</v>
      </c>
      <c r="X35372">
        <v>8</v>
      </c>
      <c r="Y35372">
        <v>8</v>
      </c>
      <c r="Z35372">
        <v>8</v>
      </c>
      <c r="AA35372">
        <v>8</v>
      </c>
      <c r="AB35372">
        <v>9</v>
      </c>
      <c r="AC35372">
        <v>9</v>
      </c>
      <c r="AD35372">
        <v>9</v>
      </c>
      <c r="AE35372">
        <v>9</v>
      </c>
      <c r="AF35372">
        <v>9</v>
      </c>
      <c r="AG35372">
        <v>9</v>
      </c>
      <c r="AH35372">
        <v>9</v>
      </c>
      <c r="AI35372">
        <v>9</v>
      </c>
      <c r="AJ35372">
        <v>9</v>
      </c>
      <c r="AK35372">
        <v>9</v>
      </c>
      <c r="AL35372">
        <v>9</v>
      </c>
      <c r="AM35372">
        <v>9</v>
      </c>
      <c r="AN35372">
        <v>9</v>
      </c>
      <c r="AO35372">
        <v>9</v>
      </c>
      <c r="AP35372">
        <v>9</v>
      </c>
      <c r="AQ35372">
        <v>9</v>
      </c>
    </row>
    <row r="35373" spans="1:43">
      <c r="A35373" t="s">
        <v>21923</v>
      </c>
      <c r="B35373" t="s">
        <v>21924</v>
      </c>
      <c r="C35373" t="s">
        <v>21921</v>
      </c>
      <c r="D35373" t="s">
        <v>21922</v>
      </c>
      <c r="E35373" t="s">
        <v>21751</v>
      </c>
      <c r="F35373" t="s">
        <v>21752</v>
      </c>
      <c r="G35373" t="s">
        <v>20255</v>
      </c>
      <c r="H35373" t="s">
        <v>20256</v>
      </c>
      <c r="I35373" s="2">
        <v>1</v>
      </c>
      <c r="J35373" s="2">
        <v>0</v>
      </c>
      <c r="K35373" s="2">
        <v>0</v>
      </c>
      <c r="L35373" t="s">
        <v>120</v>
      </c>
      <c r="M35373" t="s">
        <v>83</v>
      </c>
      <c r="N35373" t="s">
        <v>91</v>
      </c>
      <c r="O35373" t="s">
        <v>85</v>
      </c>
      <c r="P35373" t="s">
        <v>86</v>
      </c>
      <c r="Q35373">
        <v>7</v>
      </c>
      <c r="R35373">
        <v>8</v>
      </c>
      <c r="S35373">
        <v>8</v>
      </c>
      <c r="T35373">
        <v>8</v>
      </c>
      <c r="U35373">
        <v>8</v>
      </c>
      <c r="V35373">
        <v>8</v>
      </c>
      <c r="W35373">
        <v>8</v>
      </c>
      <c r="X35373">
        <v>8</v>
      </c>
      <c r="Y35373">
        <v>9</v>
      </c>
      <c r="Z35373">
        <v>9</v>
      </c>
      <c r="AA35373">
        <v>9</v>
      </c>
      <c r="AB35373">
        <v>9</v>
      </c>
      <c r="AC35373">
        <v>9</v>
      </c>
      <c r="AD35373">
        <v>9</v>
      </c>
      <c r="AE35373">
        <v>9</v>
      </c>
      <c r="AF35373">
        <v>9</v>
      </c>
      <c r="AG35373">
        <v>10</v>
      </c>
      <c r="AH35373">
        <v>10</v>
      </c>
      <c r="AI35373">
        <v>10</v>
      </c>
      <c r="AJ35373">
        <v>10</v>
      </c>
      <c r="AK35373">
        <v>10</v>
      </c>
      <c r="AL35373">
        <v>10</v>
      </c>
      <c r="AM35373">
        <v>10</v>
      </c>
      <c r="AN35373">
        <v>10</v>
      </c>
      <c r="AO35373">
        <v>10</v>
      </c>
      <c r="AP35373">
        <v>10</v>
      </c>
      <c r="AQ35373">
        <v>10</v>
      </c>
    </row>
    <row r="35374" spans="1:43">
      <c r="A35374" t="s">
        <v>21925</v>
      </c>
      <c r="B35374" t="s">
        <v>21926</v>
      </c>
      <c r="C35374" t="s">
        <v>21921</v>
      </c>
      <c r="D35374" t="s">
        <v>21922</v>
      </c>
      <c r="E35374" t="s">
        <v>21751</v>
      </c>
      <c r="F35374" t="s">
        <v>21752</v>
      </c>
      <c r="G35374" t="s">
        <v>20255</v>
      </c>
      <c r="H35374" t="s">
        <v>20256</v>
      </c>
      <c r="I35374" s="2">
        <v>1</v>
      </c>
      <c r="J35374" s="2">
        <v>0</v>
      </c>
      <c r="K35374" s="2">
        <v>0</v>
      </c>
      <c r="L35374" t="s">
        <v>120</v>
      </c>
      <c r="M35374" t="s">
        <v>83</v>
      </c>
      <c r="N35374" t="s">
        <v>84</v>
      </c>
      <c r="O35374" t="s">
        <v>85</v>
      </c>
      <c r="P35374" t="s">
        <v>86</v>
      </c>
      <c r="Q35374">
        <v>7</v>
      </c>
      <c r="R35374">
        <v>7</v>
      </c>
      <c r="S35374">
        <v>7</v>
      </c>
      <c r="T35374">
        <v>7</v>
      </c>
      <c r="U35374">
        <v>8</v>
      </c>
      <c r="V35374">
        <v>8</v>
      </c>
      <c r="W35374">
        <v>8</v>
      </c>
      <c r="X35374">
        <v>8</v>
      </c>
      <c r="Y35374">
        <v>8</v>
      </c>
      <c r="Z35374">
        <v>8</v>
      </c>
      <c r="AA35374">
        <v>8</v>
      </c>
      <c r="AB35374">
        <v>8</v>
      </c>
      <c r="AC35374">
        <v>8</v>
      </c>
      <c r="AD35374">
        <v>8</v>
      </c>
      <c r="AE35374">
        <v>9</v>
      </c>
      <c r="AF35374">
        <v>9</v>
      </c>
      <c r="AG35374">
        <v>9</v>
      </c>
      <c r="AH35374">
        <v>9</v>
      </c>
      <c r="AI35374">
        <v>9</v>
      </c>
      <c r="AJ35374">
        <v>9</v>
      </c>
      <c r="AK35374">
        <v>9</v>
      </c>
      <c r="AL35374">
        <v>9</v>
      </c>
      <c r="AM35374">
        <v>9</v>
      </c>
      <c r="AN35374">
        <v>9</v>
      </c>
      <c r="AO35374">
        <v>9</v>
      </c>
      <c r="AP35374">
        <v>9</v>
      </c>
      <c r="AQ35374">
        <v>9</v>
      </c>
    </row>
    <row r="35375" spans="1:43">
      <c r="A35375" t="s">
        <v>21925</v>
      </c>
      <c r="B35375" t="s">
        <v>21926</v>
      </c>
      <c r="C35375" t="s">
        <v>21921</v>
      </c>
      <c r="D35375" t="s">
        <v>21922</v>
      </c>
      <c r="E35375" t="s">
        <v>21751</v>
      </c>
      <c r="F35375" t="s">
        <v>21752</v>
      </c>
      <c r="G35375" t="s">
        <v>20255</v>
      </c>
      <c r="H35375" t="s">
        <v>20256</v>
      </c>
      <c r="I35375" s="2">
        <v>1</v>
      </c>
      <c r="J35375" s="2">
        <v>0</v>
      </c>
      <c r="K35375" s="2">
        <v>0</v>
      </c>
      <c r="L35375" t="s">
        <v>120</v>
      </c>
      <c r="M35375" t="s">
        <v>87</v>
      </c>
      <c r="N35375" t="s">
        <v>88</v>
      </c>
      <c r="O35375" t="s">
        <v>85</v>
      </c>
      <c r="P35375" t="s">
        <v>86</v>
      </c>
      <c r="Q35375">
        <v>7</v>
      </c>
      <c r="R35375">
        <v>7</v>
      </c>
      <c r="S35375">
        <v>7</v>
      </c>
      <c r="T35375">
        <v>7</v>
      </c>
      <c r="U35375">
        <v>7</v>
      </c>
      <c r="V35375">
        <v>7</v>
      </c>
      <c r="W35375">
        <v>7</v>
      </c>
      <c r="X35375">
        <v>7</v>
      </c>
      <c r="Y35375">
        <v>7</v>
      </c>
      <c r="Z35375">
        <v>7</v>
      </c>
      <c r="AA35375">
        <v>7</v>
      </c>
      <c r="AB35375">
        <v>7</v>
      </c>
      <c r="AC35375">
        <v>8</v>
      </c>
      <c r="AD35375">
        <v>8</v>
      </c>
      <c r="AE35375">
        <v>8</v>
      </c>
      <c r="AF35375">
        <v>8</v>
      </c>
      <c r="AG35375">
        <v>8</v>
      </c>
      <c r="AH35375">
        <v>8</v>
      </c>
      <c r="AI35375">
        <v>8</v>
      </c>
      <c r="AJ35375">
        <v>8</v>
      </c>
      <c r="AK35375">
        <v>8</v>
      </c>
      <c r="AL35375">
        <v>8</v>
      </c>
      <c r="AM35375">
        <v>8</v>
      </c>
      <c r="AN35375">
        <v>8</v>
      </c>
      <c r="AO35375">
        <v>8</v>
      </c>
      <c r="AP35375">
        <v>8</v>
      </c>
      <c r="AQ35375">
        <v>8</v>
      </c>
    </row>
    <row r="35376" spans="1:43">
      <c r="A35376" t="s">
        <v>21925</v>
      </c>
      <c r="B35376" t="s">
        <v>21926</v>
      </c>
      <c r="C35376" t="s">
        <v>21921</v>
      </c>
      <c r="D35376" t="s">
        <v>21922</v>
      </c>
      <c r="E35376" t="s">
        <v>21751</v>
      </c>
      <c r="F35376" t="s">
        <v>21752</v>
      </c>
      <c r="G35376" t="s">
        <v>20255</v>
      </c>
      <c r="H35376" t="s">
        <v>20256</v>
      </c>
      <c r="I35376" s="2">
        <v>1</v>
      </c>
      <c r="J35376" s="2">
        <v>0</v>
      </c>
      <c r="K35376" s="2">
        <v>0</v>
      </c>
      <c r="L35376" t="s">
        <v>120</v>
      </c>
      <c r="M35376" t="s">
        <v>89</v>
      </c>
      <c r="N35376" t="s">
        <v>90</v>
      </c>
      <c r="O35376" t="s">
        <v>85</v>
      </c>
      <c r="P35376" t="s">
        <v>86</v>
      </c>
      <c r="Q35376">
        <v>7</v>
      </c>
      <c r="R35376">
        <v>7</v>
      </c>
      <c r="S35376">
        <v>7</v>
      </c>
      <c r="T35376">
        <v>8</v>
      </c>
      <c r="U35376">
        <v>8</v>
      </c>
      <c r="V35376">
        <v>8</v>
      </c>
      <c r="W35376">
        <v>8</v>
      </c>
      <c r="X35376">
        <v>8</v>
      </c>
      <c r="Y35376">
        <v>8</v>
      </c>
      <c r="Z35376">
        <v>9</v>
      </c>
      <c r="AA35376">
        <v>9</v>
      </c>
      <c r="AB35376">
        <v>9</v>
      </c>
      <c r="AC35376">
        <v>9</v>
      </c>
      <c r="AD35376">
        <v>9</v>
      </c>
      <c r="AE35376">
        <v>9</v>
      </c>
      <c r="AF35376">
        <v>9</v>
      </c>
      <c r="AG35376">
        <v>9</v>
      </c>
      <c r="AH35376">
        <v>9</v>
      </c>
      <c r="AI35376">
        <v>9</v>
      </c>
      <c r="AJ35376">
        <v>9</v>
      </c>
      <c r="AK35376">
        <v>9</v>
      </c>
      <c r="AL35376">
        <v>9</v>
      </c>
      <c r="AM35376">
        <v>9</v>
      </c>
      <c r="AN35376">
        <v>9</v>
      </c>
      <c r="AO35376">
        <v>9</v>
      </c>
      <c r="AP35376">
        <v>9</v>
      </c>
      <c r="AQ35376">
        <v>9</v>
      </c>
    </row>
    <row r="35377" spans="1:43">
      <c r="A35377" t="s">
        <v>21925</v>
      </c>
      <c r="B35377" t="s">
        <v>21926</v>
      </c>
      <c r="C35377" t="s">
        <v>21921</v>
      </c>
      <c r="D35377" t="s">
        <v>21922</v>
      </c>
      <c r="E35377" t="s">
        <v>21751</v>
      </c>
      <c r="F35377" t="s">
        <v>21752</v>
      </c>
      <c r="G35377" t="s">
        <v>20255</v>
      </c>
      <c r="H35377" t="s">
        <v>20256</v>
      </c>
      <c r="I35377" s="2">
        <v>1</v>
      </c>
      <c r="J35377" s="2">
        <v>0</v>
      </c>
      <c r="K35377" s="2">
        <v>0</v>
      </c>
      <c r="L35377" t="s">
        <v>120</v>
      </c>
      <c r="M35377" t="s">
        <v>83</v>
      </c>
      <c r="N35377" t="s">
        <v>91</v>
      </c>
      <c r="O35377" t="s">
        <v>85</v>
      </c>
      <c r="P35377" t="s">
        <v>86</v>
      </c>
      <c r="Q35377">
        <v>7</v>
      </c>
      <c r="R35377">
        <v>7</v>
      </c>
      <c r="S35377">
        <v>7</v>
      </c>
      <c r="T35377">
        <v>7</v>
      </c>
      <c r="U35377">
        <v>8</v>
      </c>
      <c r="V35377">
        <v>8</v>
      </c>
      <c r="W35377">
        <v>8</v>
      </c>
      <c r="X35377">
        <v>8</v>
      </c>
      <c r="Y35377">
        <v>8</v>
      </c>
      <c r="Z35377">
        <v>8</v>
      </c>
      <c r="AA35377">
        <v>8</v>
      </c>
      <c r="AB35377">
        <v>8</v>
      </c>
      <c r="AC35377">
        <v>8</v>
      </c>
      <c r="AD35377">
        <v>8</v>
      </c>
      <c r="AE35377">
        <v>9</v>
      </c>
      <c r="AF35377">
        <v>9</v>
      </c>
      <c r="AG35377">
        <v>9</v>
      </c>
      <c r="AH35377">
        <v>9</v>
      </c>
      <c r="AI35377">
        <v>9</v>
      </c>
      <c r="AJ35377">
        <v>9</v>
      </c>
      <c r="AK35377">
        <v>9</v>
      </c>
      <c r="AL35377">
        <v>9</v>
      </c>
      <c r="AM35377">
        <v>9</v>
      </c>
      <c r="AN35377">
        <v>9</v>
      </c>
      <c r="AO35377">
        <v>9</v>
      </c>
      <c r="AP35377">
        <v>9</v>
      </c>
      <c r="AQ35377">
        <v>9</v>
      </c>
    </row>
    <row r="35378" spans="1:43">
      <c r="A35378" t="s">
        <v>21927</v>
      </c>
      <c r="B35378" t="s">
        <v>21928</v>
      </c>
      <c r="C35378" t="s">
        <v>21921</v>
      </c>
      <c r="D35378" t="s">
        <v>21922</v>
      </c>
      <c r="E35378" t="s">
        <v>21751</v>
      </c>
      <c r="F35378" t="s">
        <v>21752</v>
      </c>
      <c r="G35378" t="s">
        <v>20255</v>
      </c>
      <c r="H35378" t="s">
        <v>20256</v>
      </c>
      <c r="I35378" s="2">
        <v>1</v>
      </c>
      <c r="J35378" s="2">
        <v>0</v>
      </c>
      <c r="K35378" s="2">
        <v>0</v>
      </c>
      <c r="L35378" t="s">
        <v>120</v>
      </c>
      <c r="M35378" t="s">
        <v>83</v>
      </c>
      <c r="N35378" t="s">
        <v>84</v>
      </c>
      <c r="O35378" t="s">
        <v>85</v>
      </c>
      <c r="P35378" t="s">
        <v>86</v>
      </c>
      <c r="Q35378">
        <v>20</v>
      </c>
      <c r="R35378">
        <v>20</v>
      </c>
      <c r="S35378">
        <v>20</v>
      </c>
      <c r="T35378">
        <v>21</v>
      </c>
      <c r="U35378">
        <v>21</v>
      </c>
      <c r="V35378">
        <v>21</v>
      </c>
      <c r="W35378">
        <v>22</v>
      </c>
      <c r="X35378">
        <v>22</v>
      </c>
      <c r="Y35378">
        <v>22</v>
      </c>
      <c r="Z35378">
        <v>23</v>
      </c>
      <c r="AA35378">
        <v>23</v>
      </c>
      <c r="AB35378">
        <v>24</v>
      </c>
      <c r="AC35378">
        <v>24</v>
      </c>
      <c r="AD35378">
        <v>24</v>
      </c>
      <c r="AE35378">
        <v>24</v>
      </c>
      <c r="AF35378">
        <v>25</v>
      </c>
      <c r="AG35378">
        <v>25</v>
      </c>
      <c r="AH35378">
        <v>25</v>
      </c>
      <c r="AI35378">
        <v>26</v>
      </c>
      <c r="AJ35378">
        <v>26</v>
      </c>
      <c r="AK35378">
        <v>26</v>
      </c>
      <c r="AL35378">
        <v>27</v>
      </c>
      <c r="AM35378">
        <v>27</v>
      </c>
      <c r="AN35378">
        <v>27</v>
      </c>
      <c r="AO35378">
        <v>27</v>
      </c>
      <c r="AP35378">
        <v>27</v>
      </c>
      <c r="AQ35378">
        <v>27</v>
      </c>
    </row>
    <row r="35379" spans="1:43">
      <c r="A35379" t="s">
        <v>21927</v>
      </c>
      <c r="B35379" t="s">
        <v>21928</v>
      </c>
      <c r="C35379" t="s">
        <v>21921</v>
      </c>
      <c r="D35379" t="s">
        <v>21922</v>
      </c>
      <c r="E35379" t="s">
        <v>21751</v>
      </c>
      <c r="F35379" t="s">
        <v>21752</v>
      </c>
      <c r="G35379" t="s">
        <v>20255</v>
      </c>
      <c r="H35379" t="s">
        <v>20256</v>
      </c>
      <c r="I35379" s="2">
        <v>1</v>
      </c>
      <c r="J35379" s="2">
        <v>0</v>
      </c>
      <c r="K35379" s="2">
        <v>0</v>
      </c>
      <c r="L35379" t="s">
        <v>120</v>
      </c>
      <c r="M35379" t="s">
        <v>87</v>
      </c>
      <c r="N35379" t="s">
        <v>88</v>
      </c>
      <c r="O35379" t="s">
        <v>85</v>
      </c>
      <c r="P35379" t="s">
        <v>86</v>
      </c>
      <c r="Q35379">
        <v>20</v>
      </c>
      <c r="R35379">
        <v>21</v>
      </c>
      <c r="S35379">
        <v>21</v>
      </c>
      <c r="T35379">
        <v>21</v>
      </c>
      <c r="U35379">
        <v>21</v>
      </c>
      <c r="V35379">
        <v>21</v>
      </c>
      <c r="W35379">
        <v>21</v>
      </c>
      <c r="X35379">
        <v>22</v>
      </c>
      <c r="Y35379">
        <v>22</v>
      </c>
      <c r="Z35379">
        <v>22</v>
      </c>
      <c r="AA35379">
        <v>22</v>
      </c>
      <c r="AB35379">
        <v>22</v>
      </c>
      <c r="AC35379">
        <v>22</v>
      </c>
      <c r="AD35379">
        <v>23</v>
      </c>
      <c r="AE35379">
        <v>23</v>
      </c>
      <c r="AF35379">
        <v>23</v>
      </c>
      <c r="AG35379">
        <v>23</v>
      </c>
      <c r="AH35379">
        <v>23</v>
      </c>
      <c r="AI35379">
        <v>23</v>
      </c>
      <c r="AJ35379">
        <v>24</v>
      </c>
      <c r="AK35379">
        <v>24</v>
      </c>
      <c r="AL35379">
        <v>24</v>
      </c>
      <c r="AM35379">
        <v>24</v>
      </c>
      <c r="AN35379">
        <v>24</v>
      </c>
      <c r="AO35379">
        <v>24</v>
      </c>
      <c r="AP35379">
        <v>24</v>
      </c>
      <c r="AQ35379">
        <v>24</v>
      </c>
    </row>
    <row r="35380" spans="1:43">
      <c r="A35380" t="s">
        <v>21927</v>
      </c>
      <c r="B35380" t="s">
        <v>21928</v>
      </c>
      <c r="C35380" t="s">
        <v>21921</v>
      </c>
      <c r="D35380" t="s">
        <v>21922</v>
      </c>
      <c r="E35380" t="s">
        <v>21751</v>
      </c>
      <c r="F35380" t="s">
        <v>21752</v>
      </c>
      <c r="G35380" t="s">
        <v>20255</v>
      </c>
      <c r="H35380" t="s">
        <v>20256</v>
      </c>
      <c r="I35380" s="2">
        <v>1</v>
      </c>
      <c r="J35380" s="2">
        <v>0</v>
      </c>
      <c r="K35380" s="2">
        <v>0</v>
      </c>
      <c r="L35380" t="s">
        <v>120</v>
      </c>
      <c r="M35380" t="s">
        <v>89</v>
      </c>
      <c r="N35380" t="s">
        <v>90</v>
      </c>
      <c r="O35380" t="s">
        <v>85</v>
      </c>
      <c r="P35380" t="s">
        <v>86</v>
      </c>
      <c r="Q35380">
        <v>20</v>
      </c>
      <c r="R35380">
        <v>20</v>
      </c>
      <c r="S35380">
        <v>21</v>
      </c>
      <c r="T35380">
        <v>21</v>
      </c>
      <c r="U35380">
        <v>22</v>
      </c>
      <c r="V35380">
        <v>22</v>
      </c>
      <c r="W35380">
        <v>23</v>
      </c>
      <c r="X35380">
        <v>23</v>
      </c>
      <c r="Y35380">
        <v>24</v>
      </c>
      <c r="Z35380">
        <v>24</v>
      </c>
      <c r="AA35380">
        <v>25</v>
      </c>
      <c r="AB35380">
        <v>25</v>
      </c>
      <c r="AC35380">
        <v>25</v>
      </c>
      <c r="AD35380">
        <v>26</v>
      </c>
      <c r="AE35380">
        <v>26</v>
      </c>
      <c r="AF35380">
        <v>26</v>
      </c>
      <c r="AG35380">
        <v>26</v>
      </c>
      <c r="AH35380">
        <v>27</v>
      </c>
      <c r="AI35380">
        <v>27</v>
      </c>
      <c r="AJ35380">
        <v>27</v>
      </c>
      <c r="AK35380">
        <v>27</v>
      </c>
      <c r="AL35380">
        <v>27</v>
      </c>
      <c r="AM35380">
        <v>27</v>
      </c>
      <c r="AN35380">
        <v>27</v>
      </c>
      <c r="AO35380">
        <v>27</v>
      </c>
      <c r="AP35380">
        <v>27</v>
      </c>
      <c r="AQ35380">
        <v>27</v>
      </c>
    </row>
    <row r="35381" spans="1:43">
      <c r="A35381" t="s">
        <v>21927</v>
      </c>
      <c r="B35381" t="s">
        <v>21928</v>
      </c>
      <c r="C35381" t="s">
        <v>21921</v>
      </c>
      <c r="D35381" t="s">
        <v>21922</v>
      </c>
      <c r="E35381" t="s">
        <v>21751</v>
      </c>
      <c r="F35381" t="s">
        <v>21752</v>
      </c>
      <c r="G35381" t="s">
        <v>20255</v>
      </c>
      <c r="H35381" t="s">
        <v>20256</v>
      </c>
      <c r="I35381" s="2">
        <v>1</v>
      </c>
      <c r="J35381" s="2">
        <v>0</v>
      </c>
      <c r="K35381" s="2">
        <v>0</v>
      </c>
      <c r="L35381" t="s">
        <v>120</v>
      </c>
      <c r="M35381" t="s">
        <v>83</v>
      </c>
      <c r="N35381" t="s">
        <v>91</v>
      </c>
      <c r="O35381" t="s">
        <v>85</v>
      </c>
      <c r="P35381" t="s">
        <v>86</v>
      </c>
      <c r="Q35381">
        <v>20</v>
      </c>
      <c r="R35381">
        <v>20</v>
      </c>
      <c r="S35381">
        <v>20</v>
      </c>
      <c r="T35381">
        <v>21</v>
      </c>
      <c r="U35381">
        <v>21</v>
      </c>
      <c r="V35381">
        <v>21</v>
      </c>
      <c r="W35381">
        <v>22</v>
      </c>
      <c r="X35381">
        <v>22</v>
      </c>
      <c r="Y35381">
        <v>22</v>
      </c>
      <c r="Z35381">
        <v>23</v>
      </c>
      <c r="AA35381">
        <v>23</v>
      </c>
      <c r="AB35381">
        <v>24</v>
      </c>
      <c r="AC35381">
        <v>24</v>
      </c>
      <c r="AD35381">
        <v>24</v>
      </c>
      <c r="AE35381">
        <v>24</v>
      </c>
      <c r="AF35381">
        <v>25</v>
      </c>
      <c r="AG35381">
        <v>25</v>
      </c>
      <c r="AH35381">
        <v>25</v>
      </c>
      <c r="AI35381">
        <v>26</v>
      </c>
      <c r="AJ35381">
        <v>26</v>
      </c>
      <c r="AK35381">
        <v>26</v>
      </c>
      <c r="AL35381">
        <v>27</v>
      </c>
      <c r="AM35381">
        <v>27</v>
      </c>
      <c r="AN35381">
        <v>27</v>
      </c>
      <c r="AO35381">
        <v>27</v>
      </c>
      <c r="AP35381">
        <v>27</v>
      </c>
      <c r="AQ35381">
        <v>27</v>
      </c>
    </row>
    <row r="35382" spans="1:43">
      <c r="A35382" t="s">
        <v>21929</v>
      </c>
      <c r="B35382" t="s">
        <v>21930</v>
      </c>
      <c r="C35382" t="s">
        <v>21921</v>
      </c>
      <c r="D35382" t="s">
        <v>21922</v>
      </c>
      <c r="E35382" t="s">
        <v>21751</v>
      </c>
      <c r="F35382" t="s">
        <v>21752</v>
      </c>
      <c r="G35382" t="s">
        <v>20255</v>
      </c>
      <c r="H35382" t="s">
        <v>20256</v>
      </c>
      <c r="I35382" s="2">
        <v>1</v>
      </c>
      <c r="J35382" s="2">
        <v>0</v>
      </c>
      <c r="K35382" s="2">
        <v>0</v>
      </c>
      <c r="L35382" t="s">
        <v>120</v>
      </c>
      <c r="M35382" t="s">
        <v>83</v>
      </c>
      <c r="N35382" t="s">
        <v>84</v>
      </c>
      <c r="O35382" t="s">
        <v>85</v>
      </c>
      <c r="P35382" t="s">
        <v>86</v>
      </c>
      <c r="Q35382">
        <v>10</v>
      </c>
      <c r="R35382">
        <v>10</v>
      </c>
      <c r="S35382">
        <v>10</v>
      </c>
      <c r="T35382">
        <v>10</v>
      </c>
      <c r="U35382">
        <v>11</v>
      </c>
      <c r="V35382">
        <v>11</v>
      </c>
      <c r="W35382">
        <v>11</v>
      </c>
      <c r="X35382">
        <v>11</v>
      </c>
      <c r="Y35382">
        <v>11</v>
      </c>
      <c r="Z35382">
        <v>12</v>
      </c>
      <c r="AA35382">
        <v>12</v>
      </c>
      <c r="AB35382">
        <v>12</v>
      </c>
      <c r="AC35382">
        <v>12</v>
      </c>
      <c r="AD35382">
        <v>12</v>
      </c>
      <c r="AE35382">
        <v>12</v>
      </c>
      <c r="AF35382">
        <v>13</v>
      </c>
      <c r="AG35382">
        <v>13</v>
      </c>
      <c r="AH35382">
        <v>13</v>
      </c>
      <c r="AI35382">
        <v>13</v>
      </c>
      <c r="AJ35382">
        <v>13</v>
      </c>
      <c r="AK35382">
        <v>13</v>
      </c>
      <c r="AL35382">
        <v>13</v>
      </c>
      <c r="AM35382">
        <v>13</v>
      </c>
      <c r="AN35382">
        <v>14</v>
      </c>
      <c r="AO35382">
        <v>14</v>
      </c>
      <c r="AP35382">
        <v>14</v>
      </c>
      <c r="AQ35382">
        <v>14</v>
      </c>
    </row>
    <row r="35383" spans="1:43">
      <c r="A35383" t="s">
        <v>21929</v>
      </c>
      <c r="B35383" t="s">
        <v>21930</v>
      </c>
      <c r="C35383" t="s">
        <v>21921</v>
      </c>
      <c r="D35383" t="s">
        <v>21922</v>
      </c>
      <c r="E35383" t="s">
        <v>21751</v>
      </c>
      <c r="F35383" t="s">
        <v>21752</v>
      </c>
      <c r="G35383" t="s">
        <v>20255</v>
      </c>
      <c r="H35383" t="s">
        <v>20256</v>
      </c>
      <c r="I35383" s="2">
        <v>1</v>
      </c>
      <c r="J35383" s="2">
        <v>0</v>
      </c>
      <c r="K35383" s="2">
        <v>0</v>
      </c>
      <c r="L35383" t="s">
        <v>120</v>
      </c>
      <c r="M35383" t="s">
        <v>87</v>
      </c>
      <c r="N35383" t="s">
        <v>88</v>
      </c>
      <c r="O35383" t="s">
        <v>85</v>
      </c>
      <c r="P35383" t="s">
        <v>86</v>
      </c>
      <c r="Q35383">
        <v>10</v>
      </c>
      <c r="R35383">
        <v>10</v>
      </c>
      <c r="S35383">
        <v>10</v>
      </c>
      <c r="T35383">
        <v>10</v>
      </c>
      <c r="U35383">
        <v>10</v>
      </c>
      <c r="V35383">
        <v>10</v>
      </c>
      <c r="W35383">
        <v>10</v>
      </c>
      <c r="X35383">
        <v>10</v>
      </c>
      <c r="Y35383">
        <v>10</v>
      </c>
      <c r="Z35383">
        <v>11</v>
      </c>
      <c r="AA35383">
        <v>11</v>
      </c>
      <c r="AB35383">
        <v>11</v>
      </c>
      <c r="AC35383">
        <v>11</v>
      </c>
      <c r="AD35383">
        <v>11</v>
      </c>
      <c r="AE35383">
        <v>11</v>
      </c>
      <c r="AF35383">
        <v>11</v>
      </c>
      <c r="AG35383">
        <v>11</v>
      </c>
      <c r="AH35383">
        <v>11</v>
      </c>
      <c r="AI35383">
        <v>11</v>
      </c>
      <c r="AJ35383">
        <v>11</v>
      </c>
      <c r="AK35383">
        <v>11</v>
      </c>
      <c r="AL35383">
        <v>12</v>
      </c>
      <c r="AM35383">
        <v>12</v>
      </c>
      <c r="AN35383">
        <v>12</v>
      </c>
      <c r="AO35383">
        <v>12</v>
      </c>
      <c r="AP35383">
        <v>12</v>
      </c>
      <c r="AQ35383">
        <v>12</v>
      </c>
    </row>
    <row r="35384" spans="1:43">
      <c r="A35384" t="s">
        <v>21929</v>
      </c>
      <c r="B35384" t="s">
        <v>21930</v>
      </c>
      <c r="C35384" t="s">
        <v>21921</v>
      </c>
      <c r="D35384" t="s">
        <v>21922</v>
      </c>
      <c r="E35384" t="s">
        <v>21751</v>
      </c>
      <c r="F35384" t="s">
        <v>21752</v>
      </c>
      <c r="G35384" t="s">
        <v>20255</v>
      </c>
      <c r="H35384" t="s">
        <v>20256</v>
      </c>
      <c r="I35384" s="2">
        <v>1</v>
      </c>
      <c r="J35384" s="2">
        <v>0</v>
      </c>
      <c r="K35384" s="2">
        <v>0</v>
      </c>
      <c r="L35384" t="s">
        <v>120</v>
      </c>
      <c r="M35384" t="s">
        <v>89</v>
      </c>
      <c r="N35384" t="s">
        <v>90</v>
      </c>
      <c r="O35384" t="s">
        <v>85</v>
      </c>
      <c r="P35384" t="s">
        <v>86</v>
      </c>
      <c r="Q35384">
        <v>10</v>
      </c>
      <c r="R35384">
        <v>10</v>
      </c>
      <c r="S35384">
        <v>10</v>
      </c>
      <c r="T35384">
        <v>11</v>
      </c>
      <c r="U35384">
        <v>11</v>
      </c>
      <c r="V35384">
        <v>11</v>
      </c>
      <c r="W35384">
        <v>12</v>
      </c>
      <c r="X35384">
        <v>12</v>
      </c>
      <c r="Y35384">
        <v>12</v>
      </c>
      <c r="Z35384">
        <v>12</v>
      </c>
      <c r="AA35384">
        <v>12</v>
      </c>
      <c r="AB35384">
        <v>13</v>
      </c>
      <c r="AC35384">
        <v>13</v>
      </c>
      <c r="AD35384">
        <v>13</v>
      </c>
      <c r="AE35384">
        <v>13</v>
      </c>
      <c r="AF35384">
        <v>13</v>
      </c>
      <c r="AG35384">
        <v>13</v>
      </c>
      <c r="AH35384">
        <v>13</v>
      </c>
      <c r="AI35384">
        <v>13</v>
      </c>
      <c r="AJ35384">
        <v>14</v>
      </c>
      <c r="AK35384">
        <v>14</v>
      </c>
      <c r="AL35384">
        <v>14</v>
      </c>
      <c r="AM35384">
        <v>14</v>
      </c>
      <c r="AN35384">
        <v>14</v>
      </c>
      <c r="AO35384">
        <v>14</v>
      </c>
      <c r="AP35384">
        <v>14</v>
      </c>
      <c r="AQ35384">
        <v>14</v>
      </c>
    </row>
    <row r="35385" spans="1:43">
      <c r="A35385" t="s">
        <v>21929</v>
      </c>
      <c r="B35385" t="s">
        <v>21930</v>
      </c>
      <c r="C35385" t="s">
        <v>21921</v>
      </c>
      <c r="D35385" t="s">
        <v>21922</v>
      </c>
      <c r="E35385" t="s">
        <v>21751</v>
      </c>
      <c r="F35385" t="s">
        <v>21752</v>
      </c>
      <c r="G35385" t="s">
        <v>20255</v>
      </c>
      <c r="H35385" t="s">
        <v>20256</v>
      </c>
      <c r="I35385" s="2">
        <v>1</v>
      </c>
      <c r="J35385" s="2">
        <v>0</v>
      </c>
      <c r="K35385" s="2">
        <v>0</v>
      </c>
      <c r="L35385" t="s">
        <v>120</v>
      </c>
      <c r="M35385" t="s">
        <v>83</v>
      </c>
      <c r="N35385" t="s">
        <v>91</v>
      </c>
      <c r="O35385" t="s">
        <v>85</v>
      </c>
      <c r="P35385" t="s">
        <v>86</v>
      </c>
      <c r="Q35385">
        <v>10</v>
      </c>
      <c r="R35385">
        <v>10</v>
      </c>
      <c r="S35385">
        <v>10</v>
      </c>
      <c r="T35385">
        <v>10</v>
      </c>
      <c r="U35385">
        <v>11</v>
      </c>
      <c r="V35385">
        <v>11</v>
      </c>
      <c r="W35385">
        <v>11</v>
      </c>
      <c r="X35385">
        <v>11</v>
      </c>
      <c r="Y35385">
        <v>11</v>
      </c>
      <c r="Z35385">
        <v>12</v>
      </c>
      <c r="AA35385">
        <v>12</v>
      </c>
      <c r="AB35385">
        <v>12</v>
      </c>
      <c r="AC35385">
        <v>12</v>
      </c>
      <c r="AD35385">
        <v>12</v>
      </c>
      <c r="AE35385">
        <v>12</v>
      </c>
      <c r="AF35385">
        <v>13</v>
      </c>
      <c r="AG35385">
        <v>13</v>
      </c>
      <c r="AH35385">
        <v>13</v>
      </c>
      <c r="AI35385">
        <v>13</v>
      </c>
      <c r="AJ35385">
        <v>13</v>
      </c>
      <c r="AK35385">
        <v>13</v>
      </c>
      <c r="AL35385">
        <v>13</v>
      </c>
      <c r="AM35385">
        <v>13</v>
      </c>
      <c r="AN35385">
        <v>14</v>
      </c>
      <c r="AO35385">
        <v>14</v>
      </c>
      <c r="AP35385">
        <v>14</v>
      </c>
      <c r="AQ35385">
        <v>14</v>
      </c>
    </row>
    <row r="35386" spans="1:43">
      <c r="A35386" t="s">
        <v>21931</v>
      </c>
      <c r="B35386" t="s">
        <v>21932</v>
      </c>
      <c r="C35386" t="s">
        <v>21933</v>
      </c>
      <c r="D35386" t="s">
        <v>21934</v>
      </c>
      <c r="E35386" t="s">
        <v>21935</v>
      </c>
      <c r="F35386" t="s">
        <v>21936</v>
      </c>
      <c r="G35386" t="s">
        <v>20255</v>
      </c>
      <c r="H35386" t="s">
        <v>20256</v>
      </c>
      <c r="I35386" s="2">
        <v>1</v>
      </c>
      <c r="J35386" s="2">
        <v>0</v>
      </c>
      <c r="K35386" s="2">
        <v>0</v>
      </c>
      <c r="L35386" t="s">
        <v>120</v>
      </c>
      <c r="M35386" t="s">
        <v>83</v>
      </c>
      <c r="N35386" t="s">
        <v>84</v>
      </c>
      <c r="O35386" t="s">
        <v>85</v>
      </c>
      <c r="P35386" t="s">
        <v>86</v>
      </c>
      <c r="Q35386">
        <v>17</v>
      </c>
      <c r="R35386">
        <v>17</v>
      </c>
      <c r="S35386">
        <v>17</v>
      </c>
      <c r="T35386">
        <v>18</v>
      </c>
      <c r="U35386">
        <v>18</v>
      </c>
      <c r="V35386">
        <v>18</v>
      </c>
      <c r="W35386">
        <v>18</v>
      </c>
      <c r="X35386">
        <v>19</v>
      </c>
      <c r="Y35386">
        <v>19</v>
      </c>
      <c r="Z35386">
        <v>19</v>
      </c>
      <c r="AA35386">
        <v>20</v>
      </c>
      <c r="AB35386">
        <v>20</v>
      </c>
      <c r="AC35386">
        <v>20</v>
      </c>
      <c r="AD35386">
        <v>21</v>
      </c>
      <c r="AE35386">
        <v>21</v>
      </c>
      <c r="AF35386">
        <v>22</v>
      </c>
      <c r="AG35386">
        <v>22</v>
      </c>
      <c r="AH35386">
        <v>22</v>
      </c>
      <c r="AI35386">
        <v>23</v>
      </c>
      <c r="AJ35386">
        <v>23</v>
      </c>
      <c r="AK35386">
        <v>23</v>
      </c>
      <c r="AL35386">
        <v>24</v>
      </c>
      <c r="AM35386">
        <v>24</v>
      </c>
      <c r="AN35386">
        <v>24</v>
      </c>
      <c r="AO35386">
        <v>24</v>
      </c>
      <c r="AP35386">
        <v>24</v>
      </c>
      <c r="AQ35386">
        <v>25</v>
      </c>
    </row>
    <row r="35387" spans="1:43">
      <c r="A35387" t="s">
        <v>21931</v>
      </c>
      <c r="B35387" t="s">
        <v>21932</v>
      </c>
      <c r="C35387" t="s">
        <v>21933</v>
      </c>
      <c r="D35387" t="s">
        <v>21934</v>
      </c>
      <c r="E35387" t="s">
        <v>21935</v>
      </c>
      <c r="F35387" t="s">
        <v>21936</v>
      </c>
      <c r="G35387" t="s">
        <v>20255</v>
      </c>
      <c r="H35387" t="s">
        <v>20256</v>
      </c>
      <c r="I35387" s="2">
        <v>1</v>
      </c>
      <c r="J35387" s="2">
        <v>0</v>
      </c>
      <c r="K35387" s="2">
        <v>0</v>
      </c>
      <c r="L35387" t="s">
        <v>120</v>
      </c>
      <c r="M35387" t="s">
        <v>87</v>
      </c>
      <c r="N35387" t="s">
        <v>88</v>
      </c>
      <c r="O35387" t="s">
        <v>85</v>
      </c>
      <c r="P35387" t="s">
        <v>86</v>
      </c>
      <c r="Q35387">
        <v>17</v>
      </c>
      <c r="R35387">
        <v>18</v>
      </c>
      <c r="S35387">
        <v>18</v>
      </c>
      <c r="T35387">
        <v>18</v>
      </c>
      <c r="U35387">
        <v>18</v>
      </c>
      <c r="V35387">
        <v>18</v>
      </c>
      <c r="W35387">
        <v>18</v>
      </c>
      <c r="X35387">
        <v>19</v>
      </c>
      <c r="Y35387">
        <v>19</v>
      </c>
      <c r="Z35387">
        <v>19</v>
      </c>
      <c r="AA35387">
        <v>19</v>
      </c>
      <c r="AB35387">
        <v>19</v>
      </c>
      <c r="AC35387">
        <v>19</v>
      </c>
      <c r="AD35387">
        <v>20</v>
      </c>
      <c r="AE35387">
        <v>20</v>
      </c>
      <c r="AF35387">
        <v>20</v>
      </c>
      <c r="AG35387">
        <v>20</v>
      </c>
      <c r="AH35387">
        <v>20</v>
      </c>
      <c r="AI35387">
        <v>21</v>
      </c>
      <c r="AJ35387">
        <v>21</v>
      </c>
      <c r="AK35387">
        <v>21</v>
      </c>
      <c r="AL35387">
        <v>21</v>
      </c>
      <c r="AM35387">
        <v>21</v>
      </c>
      <c r="AN35387">
        <v>22</v>
      </c>
      <c r="AO35387">
        <v>22</v>
      </c>
      <c r="AP35387">
        <v>22</v>
      </c>
      <c r="AQ35387">
        <v>22</v>
      </c>
    </row>
    <row r="35388" spans="1:43">
      <c r="A35388" t="s">
        <v>21931</v>
      </c>
      <c r="B35388" t="s">
        <v>21932</v>
      </c>
      <c r="C35388" t="s">
        <v>21933</v>
      </c>
      <c r="D35388" t="s">
        <v>21934</v>
      </c>
      <c r="E35388" t="s">
        <v>21935</v>
      </c>
      <c r="F35388" t="s">
        <v>21936</v>
      </c>
      <c r="G35388" t="s">
        <v>20255</v>
      </c>
      <c r="H35388" t="s">
        <v>20256</v>
      </c>
      <c r="I35388" s="2">
        <v>1</v>
      </c>
      <c r="J35388" s="2">
        <v>0</v>
      </c>
      <c r="K35388" s="2">
        <v>0</v>
      </c>
      <c r="L35388" t="s">
        <v>120</v>
      </c>
      <c r="M35388" t="s">
        <v>89</v>
      </c>
      <c r="N35388" t="s">
        <v>90</v>
      </c>
      <c r="O35388" t="s">
        <v>85</v>
      </c>
      <c r="P35388" t="s">
        <v>86</v>
      </c>
      <c r="Q35388">
        <v>17</v>
      </c>
      <c r="R35388">
        <v>17</v>
      </c>
      <c r="S35388">
        <v>18</v>
      </c>
      <c r="T35388">
        <v>18</v>
      </c>
      <c r="U35388">
        <v>19</v>
      </c>
      <c r="V35388">
        <v>19</v>
      </c>
      <c r="W35388">
        <v>19</v>
      </c>
      <c r="X35388">
        <v>20</v>
      </c>
      <c r="Y35388">
        <v>20</v>
      </c>
      <c r="Z35388">
        <v>21</v>
      </c>
      <c r="AA35388">
        <v>21</v>
      </c>
      <c r="AB35388">
        <v>21</v>
      </c>
      <c r="AC35388">
        <v>22</v>
      </c>
      <c r="AD35388">
        <v>22</v>
      </c>
      <c r="AE35388">
        <v>23</v>
      </c>
      <c r="AF35388">
        <v>23</v>
      </c>
      <c r="AG35388">
        <v>23</v>
      </c>
      <c r="AH35388">
        <v>23</v>
      </c>
      <c r="AI35388">
        <v>23</v>
      </c>
      <c r="AJ35388">
        <v>24</v>
      </c>
      <c r="AK35388">
        <v>24</v>
      </c>
      <c r="AL35388">
        <v>24</v>
      </c>
      <c r="AM35388">
        <v>24</v>
      </c>
      <c r="AN35388">
        <v>24</v>
      </c>
      <c r="AO35388">
        <v>24</v>
      </c>
      <c r="AP35388">
        <v>25</v>
      </c>
      <c r="AQ35388">
        <v>25</v>
      </c>
    </row>
    <row r="35389" spans="1:43">
      <c r="A35389" t="s">
        <v>21931</v>
      </c>
      <c r="B35389" t="s">
        <v>21932</v>
      </c>
      <c r="C35389" t="s">
        <v>21933</v>
      </c>
      <c r="D35389" t="s">
        <v>21934</v>
      </c>
      <c r="E35389" t="s">
        <v>21935</v>
      </c>
      <c r="F35389" t="s">
        <v>21936</v>
      </c>
      <c r="G35389" t="s">
        <v>20255</v>
      </c>
      <c r="H35389" t="s">
        <v>20256</v>
      </c>
      <c r="I35389" s="2">
        <v>1</v>
      </c>
      <c r="J35389" s="2">
        <v>0</v>
      </c>
      <c r="K35389" s="2">
        <v>0</v>
      </c>
      <c r="L35389" t="s">
        <v>120</v>
      </c>
      <c r="M35389" t="s">
        <v>83</v>
      </c>
      <c r="N35389" t="s">
        <v>91</v>
      </c>
      <c r="O35389" t="s">
        <v>85</v>
      </c>
      <c r="P35389" t="s">
        <v>86</v>
      </c>
      <c r="Q35389">
        <v>17</v>
      </c>
      <c r="R35389">
        <v>17</v>
      </c>
      <c r="S35389">
        <v>17</v>
      </c>
      <c r="T35389">
        <v>18</v>
      </c>
      <c r="U35389">
        <v>18</v>
      </c>
      <c r="V35389">
        <v>18</v>
      </c>
      <c r="W35389">
        <v>18</v>
      </c>
      <c r="X35389">
        <v>19</v>
      </c>
      <c r="Y35389">
        <v>19</v>
      </c>
      <c r="Z35389">
        <v>19</v>
      </c>
      <c r="AA35389">
        <v>20</v>
      </c>
      <c r="AB35389">
        <v>20</v>
      </c>
      <c r="AC35389">
        <v>20</v>
      </c>
      <c r="AD35389">
        <v>21</v>
      </c>
      <c r="AE35389">
        <v>21</v>
      </c>
      <c r="AF35389">
        <v>22</v>
      </c>
      <c r="AG35389">
        <v>22</v>
      </c>
      <c r="AH35389">
        <v>22</v>
      </c>
      <c r="AI35389">
        <v>23</v>
      </c>
      <c r="AJ35389">
        <v>23</v>
      </c>
      <c r="AK35389">
        <v>23</v>
      </c>
      <c r="AL35389">
        <v>24</v>
      </c>
      <c r="AM35389">
        <v>24</v>
      </c>
      <c r="AN35389">
        <v>24</v>
      </c>
      <c r="AO35389">
        <v>24</v>
      </c>
      <c r="AP35389">
        <v>24</v>
      </c>
      <c r="AQ35389">
        <v>25</v>
      </c>
    </row>
    <row r="35390" spans="1:43">
      <c r="A35390" t="s">
        <v>21937</v>
      </c>
      <c r="B35390" t="s">
        <v>21938</v>
      </c>
      <c r="C35390" t="s">
        <v>21933</v>
      </c>
      <c r="D35390" t="s">
        <v>21934</v>
      </c>
      <c r="E35390" t="s">
        <v>21935</v>
      </c>
      <c r="F35390" t="s">
        <v>21936</v>
      </c>
      <c r="G35390" t="s">
        <v>20255</v>
      </c>
      <c r="H35390" t="s">
        <v>20256</v>
      </c>
      <c r="I35390" s="2">
        <v>1</v>
      </c>
      <c r="J35390" s="2">
        <v>0</v>
      </c>
      <c r="K35390" s="2">
        <v>0</v>
      </c>
      <c r="L35390" t="s">
        <v>120</v>
      </c>
      <c r="M35390" t="s">
        <v>83</v>
      </c>
      <c r="N35390" t="s">
        <v>84</v>
      </c>
      <c r="O35390" t="s">
        <v>85</v>
      </c>
      <c r="P35390" t="s">
        <v>86</v>
      </c>
      <c r="Q35390">
        <v>16</v>
      </c>
      <c r="R35390">
        <v>16</v>
      </c>
      <c r="S35390">
        <v>17</v>
      </c>
      <c r="T35390">
        <v>17</v>
      </c>
      <c r="U35390">
        <v>17</v>
      </c>
      <c r="V35390">
        <v>18</v>
      </c>
      <c r="W35390">
        <v>18</v>
      </c>
      <c r="X35390">
        <v>18</v>
      </c>
      <c r="Y35390">
        <v>19</v>
      </c>
      <c r="Z35390">
        <v>19</v>
      </c>
      <c r="AA35390">
        <v>19</v>
      </c>
      <c r="AB35390">
        <v>20</v>
      </c>
      <c r="AC35390">
        <v>20</v>
      </c>
      <c r="AD35390">
        <v>20</v>
      </c>
      <c r="AE35390">
        <v>21</v>
      </c>
      <c r="AF35390">
        <v>21</v>
      </c>
      <c r="AG35390">
        <v>22</v>
      </c>
      <c r="AH35390">
        <v>22</v>
      </c>
      <c r="AI35390">
        <v>22</v>
      </c>
      <c r="AJ35390">
        <v>23</v>
      </c>
      <c r="AK35390">
        <v>23</v>
      </c>
      <c r="AL35390">
        <v>23</v>
      </c>
      <c r="AM35390">
        <v>24</v>
      </c>
      <c r="AN35390">
        <v>24</v>
      </c>
      <c r="AO35390">
        <v>24</v>
      </c>
      <c r="AP35390">
        <v>24</v>
      </c>
      <c r="AQ35390">
        <v>25</v>
      </c>
    </row>
    <row r="35391" spans="1:43">
      <c r="A35391" t="s">
        <v>21937</v>
      </c>
      <c r="B35391" t="s">
        <v>21938</v>
      </c>
      <c r="C35391" t="s">
        <v>21933</v>
      </c>
      <c r="D35391" t="s">
        <v>21934</v>
      </c>
      <c r="E35391" t="s">
        <v>21935</v>
      </c>
      <c r="F35391" t="s">
        <v>21936</v>
      </c>
      <c r="G35391" t="s">
        <v>20255</v>
      </c>
      <c r="H35391" t="s">
        <v>20256</v>
      </c>
      <c r="I35391" s="2">
        <v>1</v>
      </c>
      <c r="J35391" s="2">
        <v>0</v>
      </c>
      <c r="K35391" s="2">
        <v>0</v>
      </c>
      <c r="L35391" t="s">
        <v>120</v>
      </c>
      <c r="M35391" t="s">
        <v>87</v>
      </c>
      <c r="N35391" t="s">
        <v>88</v>
      </c>
      <c r="O35391" t="s">
        <v>85</v>
      </c>
      <c r="P35391" t="s">
        <v>86</v>
      </c>
      <c r="Q35391">
        <v>16</v>
      </c>
      <c r="R35391">
        <v>16</v>
      </c>
      <c r="S35391">
        <v>16</v>
      </c>
      <c r="T35391">
        <v>16</v>
      </c>
      <c r="U35391">
        <v>16</v>
      </c>
      <c r="V35391">
        <v>17</v>
      </c>
      <c r="W35391">
        <v>17</v>
      </c>
      <c r="X35391">
        <v>17</v>
      </c>
      <c r="Y35391">
        <v>17</v>
      </c>
      <c r="Z35391">
        <v>17</v>
      </c>
      <c r="AA35391">
        <v>18</v>
      </c>
      <c r="AB35391">
        <v>18</v>
      </c>
      <c r="AC35391">
        <v>18</v>
      </c>
      <c r="AD35391">
        <v>18</v>
      </c>
      <c r="AE35391">
        <v>18</v>
      </c>
      <c r="AF35391">
        <v>19</v>
      </c>
      <c r="AG35391">
        <v>19</v>
      </c>
      <c r="AH35391">
        <v>19</v>
      </c>
      <c r="AI35391">
        <v>19</v>
      </c>
      <c r="AJ35391">
        <v>20</v>
      </c>
      <c r="AK35391">
        <v>20</v>
      </c>
      <c r="AL35391">
        <v>20</v>
      </c>
      <c r="AM35391">
        <v>20</v>
      </c>
      <c r="AN35391">
        <v>21</v>
      </c>
      <c r="AO35391">
        <v>21</v>
      </c>
      <c r="AP35391">
        <v>21</v>
      </c>
      <c r="AQ35391">
        <v>21</v>
      </c>
    </row>
    <row r="35392" spans="1:43">
      <c r="A35392" t="s">
        <v>21937</v>
      </c>
      <c r="B35392" t="s">
        <v>21938</v>
      </c>
      <c r="C35392" t="s">
        <v>21933</v>
      </c>
      <c r="D35392" t="s">
        <v>21934</v>
      </c>
      <c r="E35392" t="s">
        <v>21935</v>
      </c>
      <c r="F35392" t="s">
        <v>21936</v>
      </c>
      <c r="G35392" t="s">
        <v>20255</v>
      </c>
      <c r="H35392" t="s">
        <v>20256</v>
      </c>
      <c r="I35392" s="2">
        <v>1</v>
      </c>
      <c r="J35392" s="2">
        <v>0</v>
      </c>
      <c r="K35392" s="2">
        <v>0</v>
      </c>
      <c r="L35392" t="s">
        <v>120</v>
      </c>
      <c r="M35392" t="s">
        <v>89</v>
      </c>
      <c r="N35392" t="s">
        <v>90</v>
      </c>
      <c r="O35392" t="s">
        <v>85</v>
      </c>
      <c r="P35392" t="s">
        <v>86</v>
      </c>
      <c r="Q35392">
        <v>16</v>
      </c>
      <c r="R35392">
        <v>17</v>
      </c>
      <c r="S35392">
        <v>17</v>
      </c>
      <c r="T35392">
        <v>17</v>
      </c>
      <c r="U35392">
        <v>18</v>
      </c>
      <c r="V35392">
        <v>18</v>
      </c>
      <c r="W35392">
        <v>19</v>
      </c>
      <c r="X35392">
        <v>19</v>
      </c>
      <c r="Y35392">
        <v>20</v>
      </c>
      <c r="Z35392">
        <v>20</v>
      </c>
      <c r="AA35392">
        <v>21</v>
      </c>
      <c r="AB35392">
        <v>21</v>
      </c>
      <c r="AC35392">
        <v>22</v>
      </c>
      <c r="AD35392">
        <v>22</v>
      </c>
      <c r="AE35392">
        <v>22</v>
      </c>
      <c r="AF35392">
        <v>23</v>
      </c>
      <c r="AG35392">
        <v>23</v>
      </c>
      <c r="AH35392">
        <v>23</v>
      </c>
      <c r="AI35392">
        <v>23</v>
      </c>
      <c r="AJ35392">
        <v>23</v>
      </c>
      <c r="AK35392">
        <v>24</v>
      </c>
      <c r="AL35392">
        <v>24</v>
      </c>
      <c r="AM35392">
        <v>24</v>
      </c>
      <c r="AN35392">
        <v>24</v>
      </c>
      <c r="AO35392">
        <v>24</v>
      </c>
      <c r="AP35392">
        <v>25</v>
      </c>
      <c r="AQ35392">
        <v>25</v>
      </c>
    </row>
    <row r="35393" spans="1:43">
      <c r="A35393" t="s">
        <v>21937</v>
      </c>
      <c r="B35393" t="s">
        <v>21938</v>
      </c>
      <c r="C35393" t="s">
        <v>21933</v>
      </c>
      <c r="D35393" t="s">
        <v>21934</v>
      </c>
      <c r="E35393" t="s">
        <v>21935</v>
      </c>
      <c r="F35393" t="s">
        <v>21936</v>
      </c>
      <c r="G35393" t="s">
        <v>20255</v>
      </c>
      <c r="H35393" t="s">
        <v>20256</v>
      </c>
      <c r="I35393" s="2">
        <v>1</v>
      </c>
      <c r="J35393" s="2">
        <v>0</v>
      </c>
      <c r="K35393" s="2">
        <v>0</v>
      </c>
      <c r="L35393" t="s">
        <v>120</v>
      </c>
      <c r="M35393" t="s">
        <v>83</v>
      </c>
      <c r="N35393" t="s">
        <v>91</v>
      </c>
      <c r="O35393" t="s">
        <v>85</v>
      </c>
      <c r="P35393" t="s">
        <v>86</v>
      </c>
      <c r="Q35393">
        <v>16</v>
      </c>
      <c r="R35393">
        <v>16</v>
      </c>
      <c r="S35393">
        <v>17</v>
      </c>
      <c r="T35393">
        <v>17</v>
      </c>
      <c r="U35393">
        <v>17</v>
      </c>
      <c r="V35393">
        <v>18</v>
      </c>
      <c r="W35393">
        <v>18</v>
      </c>
      <c r="X35393">
        <v>18</v>
      </c>
      <c r="Y35393">
        <v>19</v>
      </c>
      <c r="Z35393">
        <v>19</v>
      </c>
      <c r="AA35393">
        <v>19</v>
      </c>
      <c r="AB35393">
        <v>20</v>
      </c>
      <c r="AC35393">
        <v>20</v>
      </c>
      <c r="AD35393">
        <v>20</v>
      </c>
      <c r="AE35393">
        <v>21</v>
      </c>
      <c r="AF35393">
        <v>21</v>
      </c>
      <c r="AG35393">
        <v>22</v>
      </c>
      <c r="AH35393">
        <v>22</v>
      </c>
      <c r="AI35393">
        <v>22</v>
      </c>
      <c r="AJ35393">
        <v>23</v>
      </c>
      <c r="AK35393">
        <v>23</v>
      </c>
      <c r="AL35393">
        <v>23</v>
      </c>
      <c r="AM35393">
        <v>24</v>
      </c>
      <c r="AN35393">
        <v>24</v>
      </c>
      <c r="AO35393">
        <v>24</v>
      </c>
      <c r="AP35393">
        <v>24</v>
      </c>
      <c r="AQ35393">
        <v>25</v>
      </c>
    </row>
    <row r="35394" spans="1:43">
      <c r="A35394" t="s">
        <v>21939</v>
      </c>
      <c r="B35394" t="s">
        <v>21940</v>
      </c>
      <c r="C35394" t="s">
        <v>21941</v>
      </c>
      <c r="D35394" t="s">
        <v>21942</v>
      </c>
      <c r="E35394" t="s">
        <v>21935</v>
      </c>
      <c r="F35394" t="s">
        <v>21936</v>
      </c>
      <c r="G35394" t="s">
        <v>20255</v>
      </c>
      <c r="H35394" t="s">
        <v>20256</v>
      </c>
      <c r="I35394" s="2">
        <v>1</v>
      </c>
      <c r="J35394" s="2">
        <v>0</v>
      </c>
      <c r="K35394" s="2">
        <v>0</v>
      </c>
      <c r="L35394" t="s">
        <v>120</v>
      </c>
      <c r="M35394" t="s">
        <v>83</v>
      </c>
      <c r="N35394" t="s">
        <v>84</v>
      </c>
      <c r="O35394" t="s">
        <v>85</v>
      </c>
      <c r="P35394" t="s">
        <v>86</v>
      </c>
      <c r="Q35394">
        <v>29</v>
      </c>
      <c r="R35394">
        <v>29</v>
      </c>
      <c r="S35394">
        <v>30</v>
      </c>
      <c r="T35394">
        <v>30</v>
      </c>
      <c r="U35394">
        <v>31</v>
      </c>
      <c r="V35394">
        <v>32</v>
      </c>
      <c r="W35394">
        <v>32</v>
      </c>
      <c r="X35394">
        <v>33</v>
      </c>
      <c r="Y35394">
        <v>33</v>
      </c>
      <c r="Z35394">
        <v>34</v>
      </c>
      <c r="AA35394">
        <v>35</v>
      </c>
      <c r="AB35394">
        <v>35</v>
      </c>
      <c r="AC35394">
        <v>36</v>
      </c>
      <c r="AD35394">
        <v>37</v>
      </c>
      <c r="AE35394">
        <v>37</v>
      </c>
      <c r="AF35394">
        <v>38</v>
      </c>
      <c r="AG35394">
        <v>38</v>
      </c>
      <c r="AH35394">
        <v>39</v>
      </c>
      <c r="AI35394">
        <v>40</v>
      </c>
      <c r="AJ35394">
        <v>41</v>
      </c>
      <c r="AK35394">
        <v>41</v>
      </c>
      <c r="AL35394">
        <v>42</v>
      </c>
      <c r="AM35394">
        <v>42</v>
      </c>
      <c r="AN35394">
        <v>42</v>
      </c>
      <c r="AO35394">
        <v>43</v>
      </c>
      <c r="AP35394">
        <v>43</v>
      </c>
      <c r="AQ35394">
        <v>44</v>
      </c>
    </row>
    <row r="35395" spans="1:43">
      <c r="A35395" t="s">
        <v>21939</v>
      </c>
      <c r="B35395" t="s">
        <v>21940</v>
      </c>
      <c r="C35395" t="s">
        <v>21941</v>
      </c>
      <c r="D35395" t="s">
        <v>21942</v>
      </c>
      <c r="E35395" t="s">
        <v>21935</v>
      </c>
      <c r="F35395" t="s">
        <v>21936</v>
      </c>
      <c r="G35395" t="s">
        <v>20255</v>
      </c>
      <c r="H35395" t="s">
        <v>20256</v>
      </c>
      <c r="I35395" s="2">
        <v>1</v>
      </c>
      <c r="J35395" s="2">
        <v>0</v>
      </c>
      <c r="K35395" s="2">
        <v>0</v>
      </c>
      <c r="L35395" t="s">
        <v>120</v>
      </c>
      <c r="M35395" t="s">
        <v>87</v>
      </c>
      <c r="N35395" t="s">
        <v>88</v>
      </c>
      <c r="O35395" t="s">
        <v>85</v>
      </c>
      <c r="P35395" t="s">
        <v>86</v>
      </c>
      <c r="Q35395">
        <v>29</v>
      </c>
      <c r="R35395">
        <v>30</v>
      </c>
      <c r="S35395">
        <v>30</v>
      </c>
      <c r="T35395">
        <v>30</v>
      </c>
      <c r="U35395">
        <v>31</v>
      </c>
      <c r="V35395">
        <v>31</v>
      </c>
      <c r="W35395">
        <v>31</v>
      </c>
      <c r="X35395">
        <v>32</v>
      </c>
      <c r="Y35395">
        <v>32</v>
      </c>
      <c r="Z35395">
        <v>32</v>
      </c>
      <c r="AA35395">
        <v>33</v>
      </c>
      <c r="AB35395">
        <v>33</v>
      </c>
      <c r="AC35395">
        <v>33</v>
      </c>
      <c r="AD35395">
        <v>34</v>
      </c>
      <c r="AE35395">
        <v>34</v>
      </c>
      <c r="AF35395">
        <v>34</v>
      </c>
      <c r="AG35395">
        <v>35</v>
      </c>
      <c r="AH35395">
        <v>35</v>
      </c>
      <c r="AI35395">
        <v>35</v>
      </c>
      <c r="AJ35395">
        <v>36</v>
      </c>
      <c r="AK35395">
        <v>36</v>
      </c>
      <c r="AL35395">
        <v>37</v>
      </c>
      <c r="AM35395">
        <v>37</v>
      </c>
      <c r="AN35395">
        <v>37</v>
      </c>
      <c r="AO35395">
        <v>38</v>
      </c>
      <c r="AP35395">
        <v>38</v>
      </c>
      <c r="AQ35395">
        <v>39</v>
      </c>
    </row>
    <row r="35396" spans="1:43">
      <c r="A35396" t="s">
        <v>21939</v>
      </c>
      <c r="B35396" t="s">
        <v>21940</v>
      </c>
      <c r="C35396" t="s">
        <v>21941</v>
      </c>
      <c r="D35396" t="s">
        <v>21942</v>
      </c>
      <c r="E35396" t="s">
        <v>21935</v>
      </c>
      <c r="F35396" t="s">
        <v>21936</v>
      </c>
      <c r="G35396" t="s">
        <v>20255</v>
      </c>
      <c r="H35396" t="s">
        <v>20256</v>
      </c>
      <c r="I35396" s="2">
        <v>1</v>
      </c>
      <c r="J35396" s="2">
        <v>0</v>
      </c>
      <c r="K35396" s="2">
        <v>0</v>
      </c>
      <c r="L35396" t="s">
        <v>120</v>
      </c>
      <c r="M35396" t="s">
        <v>89</v>
      </c>
      <c r="N35396" t="s">
        <v>90</v>
      </c>
      <c r="O35396" t="s">
        <v>85</v>
      </c>
      <c r="P35396" t="s">
        <v>86</v>
      </c>
      <c r="Q35396">
        <v>29</v>
      </c>
      <c r="R35396">
        <v>30</v>
      </c>
      <c r="S35396">
        <v>31</v>
      </c>
      <c r="T35396">
        <v>31</v>
      </c>
      <c r="U35396">
        <v>32</v>
      </c>
      <c r="V35396">
        <v>33</v>
      </c>
      <c r="W35396">
        <v>34</v>
      </c>
      <c r="X35396">
        <v>35</v>
      </c>
      <c r="Y35396">
        <v>35</v>
      </c>
      <c r="Z35396">
        <v>36</v>
      </c>
      <c r="AA35396">
        <v>37</v>
      </c>
      <c r="AB35396">
        <v>38</v>
      </c>
      <c r="AC35396">
        <v>38</v>
      </c>
      <c r="AD35396">
        <v>39</v>
      </c>
      <c r="AE35396">
        <v>40</v>
      </c>
      <c r="AF35396">
        <v>40</v>
      </c>
      <c r="AG35396">
        <v>41</v>
      </c>
      <c r="AH35396">
        <v>41</v>
      </c>
      <c r="AI35396">
        <v>41</v>
      </c>
      <c r="AJ35396">
        <v>42</v>
      </c>
      <c r="AK35396">
        <v>42</v>
      </c>
      <c r="AL35396">
        <v>42</v>
      </c>
      <c r="AM35396">
        <v>43</v>
      </c>
      <c r="AN35396">
        <v>43</v>
      </c>
      <c r="AO35396">
        <v>43</v>
      </c>
      <c r="AP35396">
        <v>44</v>
      </c>
      <c r="AQ35396">
        <v>44</v>
      </c>
    </row>
    <row r="35397" spans="1:43">
      <c r="A35397" t="s">
        <v>21939</v>
      </c>
      <c r="B35397" t="s">
        <v>21940</v>
      </c>
      <c r="C35397" t="s">
        <v>21941</v>
      </c>
      <c r="D35397" t="s">
        <v>21942</v>
      </c>
      <c r="E35397" t="s">
        <v>21935</v>
      </c>
      <c r="F35397" t="s">
        <v>21936</v>
      </c>
      <c r="G35397" t="s">
        <v>20255</v>
      </c>
      <c r="H35397" t="s">
        <v>20256</v>
      </c>
      <c r="I35397" s="2">
        <v>1</v>
      </c>
      <c r="J35397" s="2">
        <v>0</v>
      </c>
      <c r="K35397" s="2">
        <v>0</v>
      </c>
      <c r="L35397" t="s">
        <v>120</v>
      </c>
      <c r="M35397" t="s">
        <v>83</v>
      </c>
      <c r="N35397" t="s">
        <v>91</v>
      </c>
      <c r="O35397" t="s">
        <v>85</v>
      </c>
      <c r="P35397" t="s">
        <v>86</v>
      </c>
      <c r="Q35397">
        <v>29</v>
      </c>
      <c r="R35397">
        <v>29</v>
      </c>
      <c r="S35397">
        <v>30</v>
      </c>
      <c r="T35397">
        <v>30</v>
      </c>
      <c r="U35397">
        <v>31</v>
      </c>
      <c r="V35397">
        <v>32</v>
      </c>
      <c r="W35397">
        <v>32</v>
      </c>
      <c r="X35397">
        <v>33</v>
      </c>
      <c r="Y35397">
        <v>33</v>
      </c>
      <c r="Z35397">
        <v>34</v>
      </c>
      <c r="AA35397">
        <v>35</v>
      </c>
      <c r="AB35397">
        <v>35</v>
      </c>
      <c r="AC35397">
        <v>36</v>
      </c>
      <c r="AD35397">
        <v>37</v>
      </c>
      <c r="AE35397">
        <v>37</v>
      </c>
      <c r="AF35397">
        <v>38</v>
      </c>
      <c r="AG35397">
        <v>38</v>
      </c>
      <c r="AH35397">
        <v>39</v>
      </c>
      <c r="AI35397">
        <v>40</v>
      </c>
      <c r="AJ35397">
        <v>41</v>
      </c>
      <c r="AK35397">
        <v>41</v>
      </c>
      <c r="AL35397">
        <v>42</v>
      </c>
      <c r="AM35397">
        <v>42</v>
      </c>
      <c r="AN35397">
        <v>42</v>
      </c>
      <c r="AO35397">
        <v>43</v>
      </c>
      <c r="AP35397">
        <v>43</v>
      </c>
      <c r="AQ35397">
        <v>44</v>
      </c>
    </row>
    <row r="35398" spans="1:43">
      <c r="A35398" t="s">
        <v>21943</v>
      </c>
      <c r="B35398" t="s">
        <v>21944</v>
      </c>
      <c r="C35398" t="s">
        <v>21945</v>
      </c>
      <c r="D35398" t="s">
        <v>21946</v>
      </c>
      <c r="E35398" t="s">
        <v>21935</v>
      </c>
      <c r="F35398" t="s">
        <v>21936</v>
      </c>
      <c r="G35398" t="s">
        <v>20255</v>
      </c>
      <c r="H35398" t="s">
        <v>20256</v>
      </c>
      <c r="I35398" s="2">
        <v>1</v>
      </c>
      <c r="J35398" s="2">
        <v>0</v>
      </c>
      <c r="K35398" s="2">
        <v>0</v>
      </c>
      <c r="L35398" t="s">
        <v>120</v>
      </c>
      <c r="M35398" t="s">
        <v>83</v>
      </c>
      <c r="N35398" t="s">
        <v>84</v>
      </c>
      <c r="O35398" t="s">
        <v>85</v>
      </c>
      <c r="P35398" t="s">
        <v>86</v>
      </c>
      <c r="Q35398">
        <v>30</v>
      </c>
      <c r="R35398">
        <v>31</v>
      </c>
      <c r="S35398">
        <v>31</v>
      </c>
      <c r="T35398">
        <v>32</v>
      </c>
      <c r="U35398">
        <v>32</v>
      </c>
      <c r="V35398">
        <v>33</v>
      </c>
      <c r="W35398">
        <v>34</v>
      </c>
      <c r="X35398">
        <v>34</v>
      </c>
      <c r="Y35398">
        <v>35</v>
      </c>
      <c r="Z35398">
        <v>36</v>
      </c>
      <c r="AA35398">
        <v>36</v>
      </c>
      <c r="AB35398">
        <v>37</v>
      </c>
      <c r="AC35398">
        <v>38</v>
      </c>
      <c r="AD35398">
        <v>38</v>
      </c>
      <c r="AE35398">
        <v>39</v>
      </c>
      <c r="AF35398">
        <v>40</v>
      </c>
      <c r="AG35398">
        <v>40</v>
      </c>
      <c r="AH35398">
        <v>41</v>
      </c>
      <c r="AI35398">
        <v>42</v>
      </c>
      <c r="AJ35398">
        <v>43</v>
      </c>
      <c r="AK35398">
        <v>43</v>
      </c>
      <c r="AL35398">
        <v>44</v>
      </c>
      <c r="AM35398">
        <v>44</v>
      </c>
      <c r="AN35398">
        <v>45</v>
      </c>
      <c r="AO35398">
        <v>45</v>
      </c>
      <c r="AP35398">
        <v>45</v>
      </c>
      <c r="AQ35398">
        <v>46</v>
      </c>
    </row>
    <row r="35399" spans="1:43">
      <c r="A35399" t="s">
        <v>21943</v>
      </c>
      <c r="B35399" t="s">
        <v>21944</v>
      </c>
      <c r="C35399" t="s">
        <v>21945</v>
      </c>
      <c r="D35399" t="s">
        <v>21946</v>
      </c>
      <c r="E35399" t="s">
        <v>21935</v>
      </c>
      <c r="F35399" t="s">
        <v>21936</v>
      </c>
      <c r="G35399" t="s">
        <v>20255</v>
      </c>
      <c r="H35399" t="s">
        <v>20256</v>
      </c>
      <c r="I35399" s="2">
        <v>1</v>
      </c>
      <c r="J35399" s="2">
        <v>0</v>
      </c>
      <c r="K35399" s="2">
        <v>0</v>
      </c>
      <c r="L35399" t="s">
        <v>120</v>
      </c>
      <c r="M35399" t="s">
        <v>87</v>
      </c>
      <c r="N35399" t="s">
        <v>88</v>
      </c>
      <c r="O35399" t="s">
        <v>85</v>
      </c>
      <c r="P35399" t="s">
        <v>86</v>
      </c>
      <c r="Q35399">
        <v>30</v>
      </c>
      <c r="R35399">
        <v>30</v>
      </c>
      <c r="S35399">
        <v>30</v>
      </c>
      <c r="T35399">
        <v>31</v>
      </c>
      <c r="U35399">
        <v>31</v>
      </c>
      <c r="V35399">
        <v>31</v>
      </c>
      <c r="W35399">
        <v>32</v>
      </c>
      <c r="X35399">
        <v>32</v>
      </c>
      <c r="Y35399">
        <v>32</v>
      </c>
      <c r="Z35399">
        <v>33</v>
      </c>
      <c r="AA35399">
        <v>33</v>
      </c>
      <c r="AB35399">
        <v>33</v>
      </c>
      <c r="AC35399">
        <v>34</v>
      </c>
      <c r="AD35399">
        <v>34</v>
      </c>
      <c r="AE35399">
        <v>35</v>
      </c>
      <c r="AF35399">
        <v>35</v>
      </c>
      <c r="AG35399">
        <v>35</v>
      </c>
      <c r="AH35399">
        <v>36</v>
      </c>
      <c r="AI35399">
        <v>36</v>
      </c>
      <c r="AJ35399">
        <v>37</v>
      </c>
      <c r="AK35399">
        <v>37</v>
      </c>
      <c r="AL35399">
        <v>37</v>
      </c>
      <c r="AM35399">
        <v>38</v>
      </c>
      <c r="AN35399">
        <v>38</v>
      </c>
      <c r="AO35399">
        <v>39</v>
      </c>
      <c r="AP35399">
        <v>39</v>
      </c>
      <c r="AQ35399">
        <v>40</v>
      </c>
    </row>
    <row r="35400" spans="1:43">
      <c r="A35400" t="s">
        <v>21943</v>
      </c>
      <c r="B35400" t="s">
        <v>21944</v>
      </c>
      <c r="C35400" t="s">
        <v>21945</v>
      </c>
      <c r="D35400" t="s">
        <v>21946</v>
      </c>
      <c r="E35400" t="s">
        <v>21935</v>
      </c>
      <c r="F35400" t="s">
        <v>21936</v>
      </c>
      <c r="G35400" t="s">
        <v>20255</v>
      </c>
      <c r="H35400" t="s">
        <v>20256</v>
      </c>
      <c r="I35400" s="2">
        <v>1</v>
      </c>
      <c r="J35400" s="2">
        <v>0</v>
      </c>
      <c r="K35400" s="2">
        <v>0</v>
      </c>
      <c r="L35400" t="s">
        <v>120</v>
      </c>
      <c r="M35400" t="s">
        <v>89</v>
      </c>
      <c r="N35400" t="s">
        <v>90</v>
      </c>
      <c r="O35400" t="s">
        <v>85</v>
      </c>
      <c r="P35400" t="s">
        <v>86</v>
      </c>
      <c r="Q35400">
        <v>30</v>
      </c>
      <c r="R35400">
        <v>31</v>
      </c>
      <c r="S35400">
        <v>32</v>
      </c>
      <c r="T35400">
        <v>33</v>
      </c>
      <c r="U35400">
        <v>34</v>
      </c>
      <c r="V35400">
        <v>35</v>
      </c>
      <c r="W35400">
        <v>35</v>
      </c>
      <c r="X35400">
        <v>36</v>
      </c>
      <c r="Y35400">
        <v>37</v>
      </c>
      <c r="Z35400">
        <v>38</v>
      </c>
      <c r="AA35400">
        <v>39</v>
      </c>
      <c r="AB35400">
        <v>39</v>
      </c>
      <c r="AC35400">
        <v>40</v>
      </c>
      <c r="AD35400">
        <v>41</v>
      </c>
      <c r="AE35400">
        <v>42</v>
      </c>
      <c r="AF35400">
        <v>42</v>
      </c>
      <c r="AG35400">
        <v>43</v>
      </c>
      <c r="AH35400">
        <v>43</v>
      </c>
      <c r="AI35400">
        <v>43</v>
      </c>
      <c r="AJ35400">
        <v>44</v>
      </c>
      <c r="AK35400">
        <v>44</v>
      </c>
      <c r="AL35400">
        <v>44</v>
      </c>
      <c r="AM35400">
        <v>45</v>
      </c>
      <c r="AN35400">
        <v>45</v>
      </c>
      <c r="AO35400">
        <v>45</v>
      </c>
      <c r="AP35400">
        <v>46</v>
      </c>
      <c r="AQ35400">
        <v>46</v>
      </c>
    </row>
    <row r="35401" spans="1:43">
      <c r="A35401" t="s">
        <v>21943</v>
      </c>
      <c r="B35401" t="s">
        <v>21944</v>
      </c>
      <c r="C35401" t="s">
        <v>21945</v>
      </c>
      <c r="D35401" t="s">
        <v>21946</v>
      </c>
      <c r="E35401" t="s">
        <v>21935</v>
      </c>
      <c r="F35401" t="s">
        <v>21936</v>
      </c>
      <c r="G35401" t="s">
        <v>20255</v>
      </c>
      <c r="H35401" t="s">
        <v>20256</v>
      </c>
      <c r="I35401" s="2">
        <v>1</v>
      </c>
      <c r="J35401" s="2">
        <v>0</v>
      </c>
      <c r="K35401" s="2">
        <v>0</v>
      </c>
      <c r="L35401" t="s">
        <v>120</v>
      </c>
      <c r="M35401" t="s">
        <v>83</v>
      </c>
      <c r="N35401" t="s">
        <v>91</v>
      </c>
      <c r="O35401" t="s">
        <v>85</v>
      </c>
      <c r="P35401" t="s">
        <v>86</v>
      </c>
      <c r="Q35401">
        <v>30</v>
      </c>
      <c r="R35401">
        <v>31</v>
      </c>
      <c r="S35401">
        <v>31</v>
      </c>
      <c r="T35401">
        <v>32</v>
      </c>
      <c r="U35401">
        <v>32</v>
      </c>
      <c r="V35401">
        <v>33</v>
      </c>
      <c r="W35401">
        <v>34</v>
      </c>
      <c r="X35401">
        <v>34</v>
      </c>
      <c r="Y35401">
        <v>35</v>
      </c>
      <c r="Z35401">
        <v>36</v>
      </c>
      <c r="AA35401">
        <v>36</v>
      </c>
      <c r="AB35401">
        <v>37</v>
      </c>
      <c r="AC35401">
        <v>38</v>
      </c>
      <c r="AD35401">
        <v>38</v>
      </c>
      <c r="AE35401">
        <v>39</v>
      </c>
      <c r="AF35401">
        <v>40</v>
      </c>
      <c r="AG35401">
        <v>40</v>
      </c>
      <c r="AH35401">
        <v>41</v>
      </c>
      <c r="AI35401">
        <v>42</v>
      </c>
      <c r="AJ35401">
        <v>43</v>
      </c>
      <c r="AK35401">
        <v>43</v>
      </c>
      <c r="AL35401">
        <v>44</v>
      </c>
      <c r="AM35401">
        <v>44</v>
      </c>
      <c r="AN35401">
        <v>45</v>
      </c>
      <c r="AO35401">
        <v>45</v>
      </c>
      <c r="AP35401">
        <v>45</v>
      </c>
      <c r="AQ35401">
        <v>46</v>
      </c>
    </row>
    <row r="35402" spans="1:43">
      <c r="A35402" t="s">
        <v>21947</v>
      </c>
      <c r="B35402" t="s">
        <v>21948</v>
      </c>
      <c r="C35402" t="s">
        <v>21949</v>
      </c>
      <c r="D35402" t="s">
        <v>21950</v>
      </c>
      <c r="E35402" t="s">
        <v>21935</v>
      </c>
      <c r="F35402" t="s">
        <v>21936</v>
      </c>
      <c r="G35402" t="s">
        <v>20255</v>
      </c>
      <c r="H35402" t="s">
        <v>20256</v>
      </c>
      <c r="I35402" s="2">
        <v>1</v>
      </c>
      <c r="J35402" s="2">
        <v>0</v>
      </c>
      <c r="K35402" s="2">
        <v>0</v>
      </c>
      <c r="L35402" t="s">
        <v>120</v>
      </c>
      <c r="M35402" t="s">
        <v>83</v>
      </c>
      <c r="N35402" t="s">
        <v>84</v>
      </c>
      <c r="O35402" t="s">
        <v>85</v>
      </c>
      <c r="P35402" t="s">
        <v>86</v>
      </c>
      <c r="Q35402">
        <v>94</v>
      </c>
      <c r="R35402">
        <v>96</v>
      </c>
      <c r="S35402">
        <v>98</v>
      </c>
      <c r="T35402">
        <v>100</v>
      </c>
      <c r="U35402">
        <v>102</v>
      </c>
      <c r="V35402">
        <v>104</v>
      </c>
      <c r="W35402">
        <v>106</v>
      </c>
      <c r="X35402">
        <v>108</v>
      </c>
      <c r="Y35402">
        <v>110</v>
      </c>
      <c r="Z35402">
        <v>112</v>
      </c>
      <c r="AA35402">
        <v>114</v>
      </c>
      <c r="AB35402">
        <v>116</v>
      </c>
      <c r="AC35402">
        <v>119</v>
      </c>
      <c r="AD35402">
        <v>121</v>
      </c>
      <c r="AE35402">
        <v>123</v>
      </c>
      <c r="AF35402">
        <v>125</v>
      </c>
      <c r="AG35402">
        <v>128</v>
      </c>
      <c r="AH35402">
        <v>130</v>
      </c>
      <c r="AI35402">
        <v>132</v>
      </c>
      <c r="AJ35402">
        <v>135</v>
      </c>
      <c r="AK35402">
        <v>137</v>
      </c>
      <c r="AL35402">
        <v>139</v>
      </c>
      <c r="AM35402">
        <v>140</v>
      </c>
      <c r="AN35402">
        <v>142</v>
      </c>
      <c r="AO35402">
        <v>143</v>
      </c>
      <c r="AP35402">
        <v>145</v>
      </c>
      <c r="AQ35402">
        <v>146</v>
      </c>
    </row>
    <row r="35403" spans="1:43">
      <c r="A35403" t="s">
        <v>21947</v>
      </c>
      <c r="B35403" t="s">
        <v>21948</v>
      </c>
      <c r="C35403" t="s">
        <v>21949</v>
      </c>
      <c r="D35403" t="s">
        <v>21950</v>
      </c>
      <c r="E35403" t="s">
        <v>21935</v>
      </c>
      <c r="F35403" t="s">
        <v>21936</v>
      </c>
      <c r="G35403" t="s">
        <v>20255</v>
      </c>
      <c r="H35403" t="s">
        <v>20256</v>
      </c>
      <c r="I35403" s="2">
        <v>1</v>
      </c>
      <c r="J35403" s="2">
        <v>0</v>
      </c>
      <c r="K35403" s="2">
        <v>0</v>
      </c>
      <c r="L35403" t="s">
        <v>120</v>
      </c>
      <c r="M35403" t="s">
        <v>87</v>
      </c>
      <c r="N35403" t="s">
        <v>88</v>
      </c>
      <c r="O35403" t="s">
        <v>85</v>
      </c>
      <c r="P35403" t="s">
        <v>86</v>
      </c>
      <c r="Q35403">
        <v>94</v>
      </c>
      <c r="R35403">
        <v>95</v>
      </c>
      <c r="S35403">
        <v>96</v>
      </c>
      <c r="T35403">
        <v>97</v>
      </c>
      <c r="U35403">
        <v>98</v>
      </c>
      <c r="V35403">
        <v>100</v>
      </c>
      <c r="W35403">
        <v>101</v>
      </c>
      <c r="X35403">
        <v>102</v>
      </c>
      <c r="Y35403">
        <v>103</v>
      </c>
      <c r="Z35403">
        <v>104</v>
      </c>
      <c r="AA35403">
        <v>105</v>
      </c>
      <c r="AB35403">
        <v>106</v>
      </c>
      <c r="AC35403">
        <v>108</v>
      </c>
      <c r="AD35403">
        <v>109</v>
      </c>
      <c r="AE35403">
        <v>110</v>
      </c>
      <c r="AF35403">
        <v>111</v>
      </c>
      <c r="AG35403">
        <v>113</v>
      </c>
      <c r="AH35403">
        <v>114</v>
      </c>
      <c r="AI35403">
        <v>115</v>
      </c>
      <c r="AJ35403">
        <v>117</v>
      </c>
      <c r="AK35403">
        <v>118</v>
      </c>
      <c r="AL35403">
        <v>120</v>
      </c>
      <c r="AM35403">
        <v>121</v>
      </c>
      <c r="AN35403">
        <v>123</v>
      </c>
      <c r="AO35403">
        <v>124</v>
      </c>
      <c r="AP35403">
        <v>126</v>
      </c>
      <c r="AQ35403">
        <v>127</v>
      </c>
    </row>
    <row r="35404" spans="1:43">
      <c r="A35404" t="s">
        <v>21947</v>
      </c>
      <c r="B35404" t="s">
        <v>21948</v>
      </c>
      <c r="C35404" t="s">
        <v>21949</v>
      </c>
      <c r="D35404" t="s">
        <v>21950</v>
      </c>
      <c r="E35404" t="s">
        <v>21935</v>
      </c>
      <c r="F35404" t="s">
        <v>21936</v>
      </c>
      <c r="G35404" t="s">
        <v>20255</v>
      </c>
      <c r="H35404" t="s">
        <v>20256</v>
      </c>
      <c r="I35404" s="2">
        <v>1</v>
      </c>
      <c r="J35404" s="2">
        <v>0</v>
      </c>
      <c r="K35404" s="2">
        <v>0</v>
      </c>
      <c r="L35404" t="s">
        <v>120</v>
      </c>
      <c r="M35404" t="s">
        <v>89</v>
      </c>
      <c r="N35404" t="s">
        <v>90</v>
      </c>
      <c r="O35404" t="s">
        <v>85</v>
      </c>
      <c r="P35404" t="s">
        <v>86</v>
      </c>
      <c r="Q35404">
        <v>94</v>
      </c>
      <c r="R35404">
        <v>97</v>
      </c>
      <c r="S35404">
        <v>99</v>
      </c>
      <c r="T35404">
        <v>102</v>
      </c>
      <c r="U35404">
        <v>105</v>
      </c>
      <c r="V35404">
        <v>108</v>
      </c>
      <c r="W35404">
        <v>110</v>
      </c>
      <c r="X35404">
        <v>113</v>
      </c>
      <c r="Y35404">
        <v>116</v>
      </c>
      <c r="Z35404">
        <v>118</v>
      </c>
      <c r="AA35404">
        <v>121</v>
      </c>
      <c r="AB35404">
        <v>123</v>
      </c>
      <c r="AC35404">
        <v>126</v>
      </c>
      <c r="AD35404">
        <v>129</v>
      </c>
      <c r="AE35404">
        <v>131</v>
      </c>
      <c r="AF35404">
        <v>132</v>
      </c>
      <c r="AG35404">
        <v>134</v>
      </c>
      <c r="AH35404">
        <v>135</v>
      </c>
      <c r="AI35404">
        <v>136</v>
      </c>
      <c r="AJ35404">
        <v>137</v>
      </c>
      <c r="AK35404">
        <v>139</v>
      </c>
      <c r="AL35404">
        <v>140</v>
      </c>
      <c r="AM35404">
        <v>141</v>
      </c>
      <c r="AN35404">
        <v>143</v>
      </c>
      <c r="AO35404">
        <v>144</v>
      </c>
      <c r="AP35404">
        <v>145</v>
      </c>
      <c r="AQ35404">
        <v>147</v>
      </c>
    </row>
    <row r="35405" spans="1:43">
      <c r="A35405" t="s">
        <v>21947</v>
      </c>
      <c r="B35405" t="s">
        <v>21948</v>
      </c>
      <c r="C35405" t="s">
        <v>21949</v>
      </c>
      <c r="D35405" t="s">
        <v>21950</v>
      </c>
      <c r="E35405" t="s">
        <v>21935</v>
      </c>
      <c r="F35405" t="s">
        <v>21936</v>
      </c>
      <c r="G35405" t="s">
        <v>20255</v>
      </c>
      <c r="H35405" t="s">
        <v>20256</v>
      </c>
      <c r="I35405" s="2">
        <v>1</v>
      </c>
      <c r="J35405" s="2">
        <v>0</v>
      </c>
      <c r="K35405" s="2">
        <v>0</v>
      </c>
      <c r="L35405" t="s">
        <v>120</v>
      </c>
      <c r="M35405" t="s">
        <v>83</v>
      </c>
      <c r="N35405" t="s">
        <v>91</v>
      </c>
      <c r="O35405" t="s">
        <v>85</v>
      </c>
      <c r="P35405" t="s">
        <v>86</v>
      </c>
      <c r="Q35405">
        <v>94</v>
      </c>
      <c r="R35405">
        <v>96</v>
      </c>
      <c r="S35405">
        <v>98</v>
      </c>
      <c r="T35405">
        <v>100</v>
      </c>
      <c r="U35405">
        <v>102</v>
      </c>
      <c r="V35405">
        <v>104</v>
      </c>
      <c r="W35405">
        <v>106</v>
      </c>
      <c r="X35405">
        <v>108</v>
      </c>
      <c r="Y35405">
        <v>110</v>
      </c>
      <c r="Z35405">
        <v>112</v>
      </c>
      <c r="AA35405">
        <v>114</v>
      </c>
      <c r="AB35405">
        <v>116</v>
      </c>
      <c r="AC35405">
        <v>119</v>
      </c>
      <c r="AD35405">
        <v>121</v>
      </c>
      <c r="AE35405">
        <v>123</v>
      </c>
      <c r="AF35405">
        <v>125</v>
      </c>
      <c r="AG35405">
        <v>128</v>
      </c>
      <c r="AH35405">
        <v>130</v>
      </c>
      <c r="AI35405">
        <v>132</v>
      </c>
      <c r="AJ35405">
        <v>135</v>
      </c>
      <c r="AK35405">
        <v>137</v>
      </c>
      <c r="AL35405">
        <v>139</v>
      </c>
      <c r="AM35405">
        <v>140</v>
      </c>
      <c r="AN35405">
        <v>142</v>
      </c>
      <c r="AO35405">
        <v>143</v>
      </c>
      <c r="AP35405">
        <v>145</v>
      </c>
      <c r="AQ35405">
        <v>146</v>
      </c>
    </row>
    <row r="35406" spans="1:43">
      <c r="A35406" t="s">
        <v>21951</v>
      </c>
      <c r="B35406" t="s">
        <v>21952</v>
      </c>
      <c r="C35406" t="s">
        <v>21953</v>
      </c>
      <c r="D35406" t="s">
        <v>21954</v>
      </c>
      <c r="E35406" t="s">
        <v>21935</v>
      </c>
      <c r="F35406" t="s">
        <v>21936</v>
      </c>
      <c r="G35406" t="s">
        <v>20255</v>
      </c>
      <c r="H35406" t="s">
        <v>20256</v>
      </c>
      <c r="I35406" s="2">
        <v>1</v>
      </c>
      <c r="J35406" s="2">
        <v>0</v>
      </c>
      <c r="K35406" s="2">
        <v>0</v>
      </c>
      <c r="L35406" t="s">
        <v>120</v>
      </c>
      <c r="M35406" t="s">
        <v>83</v>
      </c>
      <c r="N35406" t="s">
        <v>84</v>
      </c>
      <c r="O35406" t="s">
        <v>85</v>
      </c>
      <c r="P35406" t="s">
        <v>86</v>
      </c>
      <c r="Q35406">
        <v>43</v>
      </c>
      <c r="R35406">
        <v>44</v>
      </c>
      <c r="S35406">
        <v>45</v>
      </c>
      <c r="T35406">
        <v>45</v>
      </c>
      <c r="U35406">
        <v>46</v>
      </c>
      <c r="V35406">
        <v>47</v>
      </c>
      <c r="W35406">
        <v>48</v>
      </c>
      <c r="X35406">
        <v>49</v>
      </c>
      <c r="Y35406">
        <v>50</v>
      </c>
      <c r="Z35406">
        <v>50</v>
      </c>
      <c r="AA35406">
        <v>51</v>
      </c>
      <c r="AB35406">
        <v>52</v>
      </c>
      <c r="AC35406">
        <v>53</v>
      </c>
      <c r="AD35406">
        <v>54</v>
      </c>
      <c r="AE35406">
        <v>55</v>
      </c>
      <c r="AF35406">
        <v>56</v>
      </c>
      <c r="AG35406">
        <v>57</v>
      </c>
      <c r="AH35406">
        <v>58</v>
      </c>
      <c r="AI35406">
        <v>59</v>
      </c>
      <c r="AJ35406">
        <v>60</v>
      </c>
      <c r="AK35406">
        <v>61</v>
      </c>
      <c r="AL35406">
        <v>61</v>
      </c>
      <c r="AM35406">
        <v>62</v>
      </c>
      <c r="AN35406">
        <v>62</v>
      </c>
      <c r="AO35406">
        <v>63</v>
      </c>
      <c r="AP35406">
        <v>63</v>
      </c>
      <c r="AQ35406">
        <v>63</v>
      </c>
    </row>
    <row r="35407" spans="1:43">
      <c r="A35407" t="s">
        <v>21951</v>
      </c>
      <c r="B35407" t="s">
        <v>21952</v>
      </c>
      <c r="C35407" t="s">
        <v>21953</v>
      </c>
      <c r="D35407" t="s">
        <v>21954</v>
      </c>
      <c r="E35407" t="s">
        <v>21935</v>
      </c>
      <c r="F35407" t="s">
        <v>21936</v>
      </c>
      <c r="G35407" t="s">
        <v>20255</v>
      </c>
      <c r="H35407" t="s">
        <v>20256</v>
      </c>
      <c r="I35407" s="2">
        <v>1</v>
      </c>
      <c r="J35407" s="2">
        <v>0</v>
      </c>
      <c r="K35407" s="2">
        <v>0</v>
      </c>
      <c r="L35407" t="s">
        <v>120</v>
      </c>
      <c r="M35407" t="s">
        <v>87</v>
      </c>
      <c r="N35407" t="s">
        <v>88</v>
      </c>
      <c r="O35407" t="s">
        <v>85</v>
      </c>
      <c r="P35407" t="s">
        <v>86</v>
      </c>
      <c r="Q35407">
        <v>43</v>
      </c>
      <c r="R35407">
        <v>44</v>
      </c>
      <c r="S35407">
        <v>44</v>
      </c>
      <c r="T35407">
        <v>45</v>
      </c>
      <c r="U35407">
        <v>45</v>
      </c>
      <c r="V35407">
        <v>46</v>
      </c>
      <c r="W35407">
        <v>46</v>
      </c>
      <c r="X35407">
        <v>46</v>
      </c>
      <c r="Y35407">
        <v>47</v>
      </c>
      <c r="Z35407">
        <v>47</v>
      </c>
      <c r="AA35407">
        <v>48</v>
      </c>
      <c r="AB35407">
        <v>48</v>
      </c>
      <c r="AC35407">
        <v>49</v>
      </c>
      <c r="AD35407">
        <v>49</v>
      </c>
      <c r="AE35407">
        <v>50</v>
      </c>
      <c r="AF35407">
        <v>50</v>
      </c>
      <c r="AG35407">
        <v>50</v>
      </c>
      <c r="AH35407">
        <v>51</v>
      </c>
      <c r="AI35407">
        <v>51</v>
      </c>
      <c r="AJ35407">
        <v>52</v>
      </c>
      <c r="AK35407">
        <v>53</v>
      </c>
      <c r="AL35407">
        <v>53</v>
      </c>
      <c r="AM35407">
        <v>54</v>
      </c>
      <c r="AN35407">
        <v>54</v>
      </c>
      <c r="AO35407">
        <v>55</v>
      </c>
      <c r="AP35407">
        <v>55</v>
      </c>
      <c r="AQ35407">
        <v>56</v>
      </c>
    </row>
    <row r="35408" spans="1:43">
      <c r="A35408" t="s">
        <v>21951</v>
      </c>
      <c r="B35408" t="s">
        <v>21952</v>
      </c>
      <c r="C35408" t="s">
        <v>21953</v>
      </c>
      <c r="D35408" t="s">
        <v>21954</v>
      </c>
      <c r="E35408" t="s">
        <v>21935</v>
      </c>
      <c r="F35408" t="s">
        <v>21936</v>
      </c>
      <c r="G35408" t="s">
        <v>20255</v>
      </c>
      <c r="H35408" t="s">
        <v>20256</v>
      </c>
      <c r="I35408" s="2">
        <v>1</v>
      </c>
      <c r="J35408" s="2">
        <v>0</v>
      </c>
      <c r="K35408" s="2">
        <v>0</v>
      </c>
      <c r="L35408" t="s">
        <v>120</v>
      </c>
      <c r="M35408" t="s">
        <v>89</v>
      </c>
      <c r="N35408" t="s">
        <v>90</v>
      </c>
      <c r="O35408" t="s">
        <v>85</v>
      </c>
      <c r="P35408" t="s">
        <v>86</v>
      </c>
      <c r="Q35408">
        <v>43</v>
      </c>
      <c r="R35408">
        <v>44</v>
      </c>
      <c r="S35408">
        <v>46</v>
      </c>
      <c r="T35408">
        <v>47</v>
      </c>
      <c r="U35408">
        <v>48</v>
      </c>
      <c r="V35408">
        <v>49</v>
      </c>
      <c r="W35408">
        <v>50</v>
      </c>
      <c r="X35408">
        <v>51</v>
      </c>
      <c r="Y35408">
        <v>52</v>
      </c>
      <c r="Z35408">
        <v>54</v>
      </c>
      <c r="AA35408">
        <v>55</v>
      </c>
      <c r="AB35408">
        <v>56</v>
      </c>
      <c r="AC35408">
        <v>57</v>
      </c>
      <c r="AD35408">
        <v>58</v>
      </c>
      <c r="AE35408">
        <v>59</v>
      </c>
      <c r="AF35408">
        <v>59</v>
      </c>
      <c r="AG35408">
        <v>60</v>
      </c>
      <c r="AH35408">
        <v>60</v>
      </c>
      <c r="AI35408">
        <v>60</v>
      </c>
      <c r="AJ35408">
        <v>61</v>
      </c>
      <c r="AK35408">
        <v>61</v>
      </c>
      <c r="AL35408">
        <v>62</v>
      </c>
      <c r="AM35408">
        <v>62</v>
      </c>
      <c r="AN35408">
        <v>63</v>
      </c>
      <c r="AO35408">
        <v>63</v>
      </c>
      <c r="AP35408">
        <v>64</v>
      </c>
      <c r="AQ35408">
        <v>64</v>
      </c>
    </row>
    <row r="35409" spans="1:43">
      <c r="A35409" t="s">
        <v>21951</v>
      </c>
      <c r="B35409" t="s">
        <v>21952</v>
      </c>
      <c r="C35409" t="s">
        <v>21953</v>
      </c>
      <c r="D35409" t="s">
        <v>21954</v>
      </c>
      <c r="E35409" t="s">
        <v>21935</v>
      </c>
      <c r="F35409" t="s">
        <v>21936</v>
      </c>
      <c r="G35409" t="s">
        <v>20255</v>
      </c>
      <c r="H35409" t="s">
        <v>20256</v>
      </c>
      <c r="I35409" s="2">
        <v>1</v>
      </c>
      <c r="J35409" s="2">
        <v>0</v>
      </c>
      <c r="K35409" s="2">
        <v>0</v>
      </c>
      <c r="L35409" t="s">
        <v>120</v>
      </c>
      <c r="M35409" t="s">
        <v>83</v>
      </c>
      <c r="N35409" t="s">
        <v>91</v>
      </c>
      <c r="O35409" t="s">
        <v>85</v>
      </c>
      <c r="P35409" t="s">
        <v>86</v>
      </c>
      <c r="Q35409">
        <v>43</v>
      </c>
      <c r="R35409">
        <v>44</v>
      </c>
      <c r="S35409">
        <v>45</v>
      </c>
      <c r="T35409">
        <v>45</v>
      </c>
      <c r="U35409">
        <v>46</v>
      </c>
      <c r="V35409">
        <v>47</v>
      </c>
      <c r="W35409">
        <v>48</v>
      </c>
      <c r="X35409">
        <v>49</v>
      </c>
      <c r="Y35409">
        <v>50</v>
      </c>
      <c r="Z35409">
        <v>50</v>
      </c>
      <c r="AA35409">
        <v>51</v>
      </c>
      <c r="AB35409">
        <v>52</v>
      </c>
      <c r="AC35409">
        <v>53</v>
      </c>
      <c r="AD35409">
        <v>54</v>
      </c>
      <c r="AE35409">
        <v>55</v>
      </c>
      <c r="AF35409">
        <v>56</v>
      </c>
      <c r="AG35409">
        <v>57</v>
      </c>
      <c r="AH35409">
        <v>58</v>
      </c>
      <c r="AI35409">
        <v>59</v>
      </c>
      <c r="AJ35409">
        <v>60</v>
      </c>
      <c r="AK35409">
        <v>61</v>
      </c>
      <c r="AL35409">
        <v>61</v>
      </c>
      <c r="AM35409">
        <v>62</v>
      </c>
      <c r="AN35409">
        <v>62</v>
      </c>
      <c r="AO35409">
        <v>63</v>
      </c>
      <c r="AP35409">
        <v>63</v>
      </c>
      <c r="AQ35409">
        <v>63</v>
      </c>
    </row>
    <row r="35410" spans="1:43">
      <c r="A35410" t="s">
        <v>21955</v>
      </c>
      <c r="B35410" t="s">
        <v>21956</v>
      </c>
      <c r="C35410" t="s">
        <v>21949</v>
      </c>
      <c r="D35410" t="s">
        <v>21950</v>
      </c>
      <c r="E35410" t="s">
        <v>21935</v>
      </c>
      <c r="F35410" t="s">
        <v>21936</v>
      </c>
      <c r="G35410" t="s">
        <v>20255</v>
      </c>
      <c r="H35410" t="s">
        <v>20256</v>
      </c>
      <c r="I35410" s="2">
        <v>1</v>
      </c>
      <c r="J35410" s="2">
        <v>0</v>
      </c>
      <c r="K35410" s="2">
        <v>0</v>
      </c>
      <c r="L35410" t="s">
        <v>120</v>
      </c>
      <c r="M35410" t="s">
        <v>83</v>
      </c>
      <c r="N35410" t="s">
        <v>84</v>
      </c>
      <c r="O35410" t="s">
        <v>85</v>
      </c>
      <c r="P35410" t="s">
        <v>86</v>
      </c>
      <c r="Q35410">
        <v>33</v>
      </c>
      <c r="R35410">
        <v>34</v>
      </c>
      <c r="S35410">
        <v>35</v>
      </c>
      <c r="T35410">
        <v>36</v>
      </c>
      <c r="U35410">
        <v>36</v>
      </c>
      <c r="V35410">
        <v>37</v>
      </c>
      <c r="W35410">
        <v>38</v>
      </c>
      <c r="X35410">
        <v>38</v>
      </c>
      <c r="Y35410">
        <v>39</v>
      </c>
      <c r="Z35410">
        <v>40</v>
      </c>
      <c r="AA35410">
        <v>40</v>
      </c>
      <c r="AB35410">
        <v>41</v>
      </c>
      <c r="AC35410">
        <v>42</v>
      </c>
      <c r="AD35410">
        <v>43</v>
      </c>
      <c r="AE35410">
        <v>43</v>
      </c>
      <c r="AF35410">
        <v>44</v>
      </c>
      <c r="AG35410">
        <v>45</v>
      </c>
      <c r="AH35410">
        <v>46</v>
      </c>
      <c r="AI35410">
        <v>47</v>
      </c>
      <c r="AJ35410">
        <v>47</v>
      </c>
      <c r="AK35410">
        <v>48</v>
      </c>
      <c r="AL35410">
        <v>49</v>
      </c>
      <c r="AM35410">
        <v>49</v>
      </c>
      <c r="AN35410">
        <v>50</v>
      </c>
      <c r="AO35410">
        <v>50</v>
      </c>
      <c r="AP35410">
        <v>50</v>
      </c>
      <c r="AQ35410">
        <v>51</v>
      </c>
    </row>
    <row r="35411" spans="1:43">
      <c r="A35411" t="s">
        <v>21955</v>
      </c>
      <c r="B35411" t="s">
        <v>21956</v>
      </c>
      <c r="C35411" t="s">
        <v>21949</v>
      </c>
      <c r="D35411" t="s">
        <v>21950</v>
      </c>
      <c r="E35411" t="s">
        <v>21935</v>
      </c>
      <c r="F35411" t="s">
        <v>21936</v>
      </c>
      <c r="G35411" t="s">
        <v>20255</v>
      </c>
      <c r="H35411" t="s">
        <v>20256</v>
      </c>
      <c r="I35411" s="2">
        <v>1</v>
      </c>
      <c r="J35411" s="2">
        <v>0</v>
      </c>
      <c r="K35411" s="2">
        <v>0</v>
      </c>
      <c r="L35411" t="s">
        <v>120</v>
      </c>
      <c r="M35411" t="s">
        <v>87</v>
      </c>
      <c r="N35411" t="s">
        <v>88</v>
      </c>
      <c r="O35411" t="s">
        <v>85</v>
      </c>
      <c r="P35411" t="s">
        <v>86</v>
      </c>
      <c r="Q35411">
        <v>33</v>
      </c>
      <c r="R35411">
        <v>33</v>
      </c>
      <c r="S35411">
        <v>34</v>
      </c>
      <c r="T35411">
        <v>34</v>
      </c>
      <c r="U35411">
        <v>35</v>
      </c>
      <c r="V35411">
        <v>35</v>
      </c>
      <c r="W35411">
        <v>35</v>
      </c>
      <c r="X35411">
        <v>36</v>
      </c>
      <c r="Y35411">
        <v>36</v>
      </c>
      <c r="Z35411">
        <v>36</v>
      </c>
      <c r="AA35411">
        <v>37</v>
      </c>
      <c r="AB35411">
        <v>37</v>
      </c>
      <c r="AC35411">
        <v>38</v>
      </c>
      <c r="AD35411">
        <v>38</v>
      </c>
      <c r="AE35411">
        <v>39</v>
      </c>
      <c r="AF35411">
        <v>39</v>
      </c>
      <c r="AG35411">
        <v>39</v>
      </c>
      <c r="AH35411">
        <v>40</v>
      </c>
      <c r="AI35411">
        <v>40</v>
      </c>
      <c r="AJ35411">
        <v>41</v>
      </c>
      <c r="AK35411">
        <v>41</v>
      </c>
      <c r="AL35411">
        <v>42</v>
      </c>
      <c r="AM35411">
        <v>42</v>
      </c>
      <c r="AN35411">
        <v>43</v>
      </c>
      <c r="AO35411">
        <v>43</v>
      </c>
      <c r="AP35411">
        <v>44</v>
      </c>
      <c r="AQ35411">
        <v>44</v>
      </c>
    </row>
    <row r="35412" spans="1:43">
      <c r="A35412" t="s">
        <v>21955</v>
      </c>
      <c r="B35412" t="s">
        <v>21956</v>
      </c>
      <c r="C35412" t="s">
        <v>21949</v>
      </c>
      <c r="D35412" t="s">
        <v>21950</v>
      </c>
      <c r="E35412" t="s">
        <v>21935</v>
      </c>
      <c r="F35412" t="s">
        <v>21936</v>
      </c>
      <c r="G35412" t="s">
        <v>20255</v>
      </c>
      <c r="H35412" t="s">
        <v>20256</v>
      </c>
      <c r="I35412" s="2">
        <v>1</v>
      </c>
      <c r="J35412" s="2">
        <v>0</v>
      </c>
      <c r="K35412" s="2">
        <v>0</v>
      </c>
      <c r="L35412" t="s">
        <v>120</v>
      </c>
      <c r="M35412" t="s">
        <v>89</v>
      </c>
      <c r="N35412" t="s">
        <v>90</v>
      </c>
      <c r="O35412" t="s">
        <v>85</v>
      </c>
      <c r="P35412" t="s">
        <v>86</v>
      </c>
      <c r="Q35412">
        <v>33</v>
      </c>
      <c r="R35412">
        <v>34</v>
      </c>
      <c r="S35412">
        <v>35</v>
      </c>
      <c r="T35412">
        <v>36</v>
      </c>
      <c r="U35412">
        <v>37</v>
      </c>
      <c r="V35412">
        <v>38</v>
      </c>
      <c r="W35412">
        <v>38</v>
      </c>
      <c r="X35412">
        <v>39</v>
      </c>
      <c r="Y35412">
        <v>40</v>
      </c>
      <c r="Z35412">
        <v>41</v>
      </c>
      <c r="AA35412">
        <v>42</v>
      </c>
      <c r="AB35412">
        <v>43</v>
      </c>
      <c r="AC35412">
        <v>44</v>
      </c>
      <c r="AD35412">
        <v>45</v>
      </c>
      <c r="AE35412">
        <v>46</v>
      </c>
      <c r="AF35412">
        <v>46</v>
      </c>
      <c r="AG35412">
        <v>46</v>
      </c>
      <c r="AH35412">
        <v>47</v>
      </c>
      <c r="AI35412">
        <v>47</v>
      </c>
      <c r="AJ35412">
        <v>47</v>
      </c>
      <c r="AK35412">
        <v>48</v>
      </c>
      <c r="AL35412">
        <v>48</v>
      </c>
      <c r="AM35412">
        <v>48</v>
      </c>
      <c r="AN35412">
        <v>49</v>
      </c>
      <c r="AO35412">
        <v>49</v>
      </c>
      <c r="AP35412">
        <v>50</v>
      </c>
      <c r="AQ35412">
        <v>50</v>
      </c>
    </row>
    <row r="35413" spans="1:43">
      <c r="A35413" t="s">
        <v>21955</v>
      </c>
      <c r="B35413" t="s">
        <v>21956</v>
      </c>
      <c r="C35413" t="s">
        <v>21949</v>
      </c>
      <c r="D35413" t="s">
        <v>21950</v>
      </c>
      <c r="E35413" t="s">
        <v>21935</v>
      </c>
      <c r="F35413" t="s">
        <v>21936</v>
      </c>
      <c r="G35413" t="s">
        <v>20255</v>
      </c>
      <c r="H35413" t="s">
        <v>20256</v>
      </c>
      <c r="I35413" s="2">
        <v>1</v>
      </c>
      <c r="J35413" s="2">
        <v>0</v>
      </c>
      <c r="K35413" s="2">
        <v>0</v>
      </c>
      <c r="L35413" t="s">
        <v>120</v>
      </c>
      <c r="M35413" t="s">
        <v>83</v>
      </c>
      <c r="N35413" t="s">
        <v>91</v>
      </c>
      <c r="O35413" t="s">
        <v>85</v>
      </c>
      <c r="P35413" t="s">
        <v>86</v>
      </c>
      <c r="Q35413">
        <v>33</v>
      </c>
      <c r="R35413">
        <v>34</v>
      </c>
      <c r="S35413">
        <v>35</v>
      </c>
      <c r="T35413">
        <v>36</v>
      </c>
      <c r="U35413">
        <v>36</v>
      </c>
      <c r="V35413">
        <v>37</v>
      </c>
      <c r="W35413">
        <v>38</v>
      </c>
      <c r="X35413">
        <v>38</v>
      </c>
      <c r="Y35413">
        <v>39</v>
      </c>
      <c r="Z35413">
        <v>40</v>
      </c>
      <c r="AA35413">
        <v>40</v>
      </c>
      <c r="AB35413">
        <v>41</v>
      </c>
      <c r="AC35413">
        <v>42</v>
      </c>
      <c r="AD35413">
        <v>43</v>
      </c>
      <c r="AE35413">
        <v>43</v>
      </c>
      <c r="AF35413">
        <v>44</v>
      </c>
      <c r="AG35413">
        <v>45</v>
      </c>
      <c r="AH35413">
        <v>46</v>
      </c>
      <c r="AI35413">
        <v>47</v>
      </c>
      <c r="AJ35413">
        <v>47</v>
      </c>
      <c r="AK35413">
        <v>48</v>
      </c>
      <c r="AL35413">
        <v>49</v>
      </c>
      <c r="AM35413">
        <v>49</v>
      </c>
      <c r="AN35413">
        <v>50</v>
      </c>
      <c r="AO35413">
        <v>50</v>
      </c>
      <c r="AP35413">
        <v>50</v>
      </c>
      <c r="AQ35413">
        <v>51</v>
      </c>
    </row>
    <row r="35414" spans="1:43">
      <c r="A35414" t="s">
        <v>21957</v>
      </c>
      <c r="B35414" t="s">
        <v>21958</v>
      </c>
      <c r="C35414" t="s">
        <v>21953</v>
      </c>
      <c r="D35414" t="s">
        <v>21954</v>
      </c>
      <c r="E35414" t="s">
        <v>21935</v>
      </c>
      <c r="F35414" t="s">
        <v>21936</v>
      </c>
      <c r="G35414" t="s">
        <v>20255</v>
      </c>
      <c r="H35414" t="s">
        <v>20256</v>
      </c>
      <c r="I35414" s="2">
        <v>1</v>
      </c>
      <c r="J35414" s="2">
        <v>0</v>
      </c>
      <c r="K35414" s="2">
        <v>0</v>
      </c>
      <c r="L35414" t="s">
        <v>120</v>
      </c>
      <c r="M35414" t="s">
        <v>83</v>
      </c>
      <c r="N35414" t="s">
        <v>84</v>
      </c>
      <c r="O35414" t="s">
        <v>85</v>
      </c>
      <c r="P35414" t="s">
        <v>86</v>
      </c>
      <c r="Q35414">
        <v>6</v>
      </c>
      <c r="R35414">
        <v>6</v>
      </c>
      <c r="S35414">
        <v>6</v>
      </c>
      <c r="T35414">
        <v>6</v>
      </c>
      <c r="U35414">
        <v>7</v>
      </c>
      <c r="V35414">
        <v>7</v>
      </c>
      <c r="W35414">
        <v>7</v>
      </c>
      <c r="X35414">
        <v>7</v>
      </c>
      <c r="Y35414">
        <v>7</v>
      </c>
      <c r="Z35414">
        <v>7</v>
      </c>
      <c r="AA35414">
        <v>7</v>
      </c>
      <c r="AB35414">
        <v>7</v>
      </c>
      <c r="AC35414">
        <v>8</v>
      </c>
      <c r="AD35414">
        <v>8</v>
      </c>
      <c r="AE35414">
        <v>8</v>
      </c>
      <c r="AF35414">
        <v>8</v>
      </c>
      <c r="AG35414">
        <v>8</v>
      </c>
      <c r="AH35414">
        <v>8</v>
      </c>
      <c r="AI35414">
        <v>8</v>
      </c>
      <c r="AJ35414">
        <v>9</v>
      </c>
      <c r="AK35414">
        <v>9</v>
      </c>
      <c r="AL35414">
        <v>9</v>
      </c>
      <c r="AM35414">
        <v>9</v>
      </c>
      <c r="AN35414">
        <v>9</v>
      </c>
      <c r="AO35414">
        <v>9</v>
      </c>
      <c r="AP35414">
        <v>9</v>
      </c>
      <c r="AQ35414">
        <v>9</v>
      </c>
    </row>
    <row r="35415" spans="1:43">
      <c r="A35415" t="s">
        <v>21957</v>
      </c>
      <c r="B35415" t="s">
        <v>21958</v>
      </c>
      <c r="C35415" t="s">
        <v>21953</v>
      </c>
      <c r="D35415" t="s">
        <v>21954</v>
      </c>
      <c r="E35415" t="s">
        <v>21935</v>
      </c>
      <c r="F35415" t="s">
        <v>21936</v>
      </c>
      <c r="G35415" t="s">
        <v>20255</v>
      </c>
      <c r="H35415" t="s">
        <v>20256</v>
      </c>
      <c r="I35415" s="2">
        <v>1</v>
      </c>
      <c r="J35415" s="2">
        <v>0</v>
      </c>
      <c r="K35415" s="2">
        <v>0</v>
      </c>
      <c r="L35415" t="s">
        <v>120</v>
      </c>
      <c r="M35415" t="s">
        <v>87</v>
      </c>
      <c r="N35415" t="s">
        <v>88</v>
      </c>
      <c r="O35415" t="s">
        <v>85</v>
      </c>
      <c r="P35415" t="s">
        <v>86</v>
      </c>
      <c r="Q35415">
        <v>6</v>
      </c>
      <c r="R35415">
        <v>6</v>
      </c>
      <c r="S35415">
        <v>6</v>
      </c>
      <c r="T35415">
        <v>6</v>
      </c>
      <c r="U35415">
        <v>6</v>
      </c>
      <c r="V35415">
        <v>6</v>
      </c>
      <c r="W35415">
        <v>6</v>
      </c>
      <c r="X35415">
        <v>6</v>
      </c>
      <c r="Y35415">
        <v>7</v>
      </c>
      <c r="Z35415">
        <v>7</v>
      </c>
      <c r="AA35415">
        <v>7</v>
      </c>
      <c r="AB35415">
        <v>7</v>
      </c>
      <c r="AC35415">
        <v>7</v>
      </c>
      <c r="AD35415">
        <v>7</v>
      </c>
      <c r="AE35415">
        <v>7</v>
      </c>
      <c r="AF35415">
        <v>7</v>
      </c>
      <c r="AG35415">
        <v>7</v>
      </c>
      <c r="AH35415">
        <v>7</v>
      </c>
      <c r="AI35415">
        <v>7</v>
      </c>
      <c r="AJ35415">
        <v>7</v>
      </c>
      <c r="AK35415">
        <v>7</v>
      </c>
      <c r="AL35415">
        <v>8</v>
      </c>
      <c r="AM35415">
        <v>8</v>
      </c>
      <c r="AN35415">
        <v>8</v>
      </c>
      <c r="AO35415">
        <v>8</v>
      </c>
      <c r="AP35415">
        <v>8</v>
      </c>
      <c r="AQ35415">
        <v>8</v>
      </c>
    </row>
    <row r="35416" spans="1:43">
      <c r="A35416" t="s">
        <v>21957</v>
      </c>
      <c r="B35416" t="s">
        <v>21958</v>
      </c>
      <c r="C35416" t="s">
        <v>21953</v>
      </c>
      <c r="D35416" t="s">
        <v>21954</v>
      </c>
      <c r="E35416" t="s">
        <v>21935</v>
      </c>
      <c r="F35416" t="s">
        <v>21936</v>
      </c>
      <c r="G35416" t="s">
        <v>20255</v>
      </c>
      <c r="H35416" t="s">
        <v>20256</v>
      </c>
      <c r="I35416" s="2">
        <v>1</v>
      </c>
      <c r="J35416" s="2">
        <v>0</v>
      </c>
      <c r="K35416" s="2">
        <v>0</v>
      </c>
      <c r="L35416" t="s">
        <v>120</v>
      </c>
      <c r="M35416" t="s">
        <v>89</v>
      </c>
      <c r="N35416" t="s">
        <v>90</v>
      </c>
      <c r="O35416" t="s">
        <v>85</v>
      </c>
      <c r="P35416" t="s">
        <v>86</v>
      </c>
      <c r="Q35416">
        <v>6</v>
      </c>
      <c r="R35416">
        <v>6</v>
      </c>
      <c r="S35416">
        <v>6</v>
      </c>
      <c r="T35416">
        <v>7</v>
      </c>
      <c r="U35416">
        <v>7</v>
      </c>
      <c r="V35416">
        <v>7</v>
      </c>
      <c r="W35416">
        <v>7</v>
      </c>
      <c r="X35416">
        <v>7</v>
      </c>
      <c r="Y35416">
        <v>7</v>
      </c>
      <c r="Z35416">
        <v>8</v>
      </c>
      <c r="AA35416">
        <v>8</v>
      </c>
      <c r="AB35416">
        <v>8</v>
      </c>
      <c r="AC35416">
        <v>8</v>
      </c>
      <c r="AD35416">
        <v>8</v>
      </c>
      <c r="AE35416">
        <v>8</v>
      </c>
      <c r="AF35416">
        <v>9</v>
      </c>
      <c r="AG35416">
        <v>9</v>
      </c>
      <c r="AH35416">
        <v>9</v>
      </c>
      <c r="AI35416">
        <v>9</v>
      </c>
      <c r="AJ35416">
        <v>9</v>
      </c>
      <c r="AK35416">
        <v>9</v>
      </c>
      <c r="AL35416">
        <v>9</v>
      </c>
      <c r="AM35416">
        <v>9</v>
      </c>
      <c r="AN35416">
        <v>9</v>
      </c>
      <c r="AO35416">
        <v>9</v>
      </c>
      <c r="AP35416">
        <v>9</v>
      </c>
      <c r="AQ35416">
        <v>9</v>
      </c>
    </row>
    <row r="35417" spans="1:43">
      <c r="A35417" t="s">
        <v>21957</v>
      </c>
      <c r="B35417" t="s">
        <v>21958</v>
      </c>
      <c r="C35417" t="s">
        <v>21953</v>
      </c>
      <c r="D35417" t="s">
        <v>21954</v>
      </c>
      <c r="E35417" t="s">
        <v>21935</v>
      </c>
      <c r="F35417" t="s">
        <v>21936</v>
      </c>
      <c r="G35417" t="s">
        <v>20255</v>
      </c>
      <c r="H35417" t="s">
        <v>20256</v>
      </c>
      <c r="I35417" s="2">
        <v>1</v>
      </c>
      <c r="J35417" s="2">
        <v>0</v>
      </c>
      <c r="K35417" s="2">
        <v>0</v>
      </c>
      <c r="L35417" t="s">
        <v>120</v>
      </c>
      <c r="M35417" t="s">
        <v>83</v>
      </c>
      <c r="N35417" t="s">
        <v>91</v>
      </c>
      <c r="O35417" t="s">
        <v>85</v>
      </c>
      <c r="P35417" t="s">
        <v>86</v>
      </c>
      <c r="Q35417">
        <v>6</v>
      </c>
      <c r="R35417">
        <v>6</v>
      </c>
      <c r="S35417">
        <v>6</v>
      </c>
      <c r="T35417">
        <v>6</v>
      </c>
      <c r="U35417">
        <v>7</v>
      </c>
      <c r="V35417">
        <v>7</v>
      </c>
      <c r="W35417">
        <v>7</v>
      </c>
      <c r="X35417">
        <v>7</v>
      </c>
      <c r="Y35417">
        <v>7</v>
      </c>
      <c r="Z35417">
        <v>7</v>
      </c>
      <c r="AA35417">
        <v>7</v>
      </c>
      <c r="AB35417">
        <v>7</v>
      </c>
      <c r="AC35417">
        <v>8</v>
      </c>
      <c r="AD35417">
        <v>8</v>
      </c>
      <c r="AE35417">
        <v>8</v>
      </c>
      <c r="AF35417">
        <v>8</v>
      </c>
      <c r="AG35417">
        <v>8</v>
      </c>
      <c r="AH35417">
        <v>8</v>
      </c>
      <c r="AI35417">
        <v>8</v>
      </c>
      <c r="AJ35417">
        <v>9</v>
      </c>
      <c r="AK35417">
        <v>9</v>
      </c>
      <c r="AL35417">
        <v>9</v>
      </c>
      <c r="AM35417">
        <v>9</v>
      </c>
      <c r="AN35417">
        <v>9</v>
      </c>
      <c r="AO35417">
        <v>9</v>
      </c>
      <c r="AP35417">
        <v>9</v>
      </c>
      <c r="AQ35417">
        <v>9</v>
      </c>
    </row>
    <row r="35418" spans="1:43">
      <c r="A35418" t="s">
        <v>21959</v>
      </c>
      <c r="B35418" t="s">
        <v>21960</v>
      </c>
      <c r="C35418" t="s">
        <v>21953</v>
      </c>
      <c r="D35418" t="s">
        <v>21954</v>
      </c>
      <c r="E35418" t="s">
        <v>21935</v>
      </c>
      <c r="F35418" t="s">
        <v>21936</v>
      </c>
      <c r="G35418" t="s">
        <v>20255</v>
      </c>
      <c r="H35418" t="s">
        <v>20256</v>
      </c>
      <c r="I35418" s="2">
        <v>1</v>
      </c>
      <c r="J35418" s="2">
        <v>0</v>
      </c>
      <c r="K35418" s="2">
        <v>0</v>
      </c>
      <c r="L35418" t="s">
        <v>120</v>
      </c>
      <c r="M35418" t="s">
        <v>83</v>
      </c>
      <c r="N35418" t="s">
        <v>84</v>
      </c>
      <c r="O35418" t="s">
        <v>85</v>
      </c>
      <c r="P35418" t="s">
        <v>86</v>
      </c>
      <c r="Q35418">
        <v>38</v>
      </c>
      <c r="R35418">
        <v>39</v>
      </c>
      <c r="S35418">
        <v>40</v>
      </c>
      <c r="T35418">
        <v>40</v>
      </c>
      <c r="U35418">
        <v>41</v>
      </c>
      <c r="V35418">
        <v>42</v>
      </c>
      <c r="W35418">
        <v>43</v>
      </c>
      <c r="X35418">
        <v>44</v>
      </c>
      <c r="Y35418">
        <v>44</v>
      </c>
      <c r="Z35418">
        <v>45</v>
      </c>
      <c r="AA35418">
        <v>46</v>
      </c>
      <c r="AB35418">
        <v>47</v>
      </c>
      <c r="AC35418">
        <v>48</v>
      </c>
      <c r="AD35418">
        <v>49</v>
      </c>
      <c r="AE35418">
        <v>50</v>
      </c>
      <c r="AF35418">
        <v>50</v>
      </c>
      <c r="AG35418">
        <v>51</v>
      </c>
      <c r="AH35418">
        <v>52</v>
      </c>
      <c r="AI35418">
        <v>53</v>
      </c>
      <c r="AJ35418">
        <v>54</v>
      </c>
      <c r="AK35418">
        <v>55</v>
      </c>
      <c r="AL35418">
        <v>56</v>
      </c>
      <c r="AM35418">
        <v>56</v>
      </c>
      <c r="AN35418">
        <v>57</v>
      </c>
      <c r="AO35418">
        <v>57</v>
      </c>
      <c r="AP35418">
        <v>58</v>
      </c>
      <c r="AQ35418">
        <v>58</v>
      </c>
    </row>
    <row r="35419" spans="1:43">
      <c r="A35419" t="s">
        <v>21959</v>
      </c>
      <c r="B35419" t="s">
        <v>21960</v>
      </c>
      <c r="C35419" t="s">
        <v>21953</v>
      </c>
      <c r="D35419" t="s">
        <v>21954</v>
      </c>
      <c r="E35419" t="s">
        <v>21935</v>
      </c>
      <c r="F35419" t="s">
        <v>21936</v>
      </c>
      <c r="G35419" t="s">
        <v>20255</v>
      </c>
      <c r="H35419" t="s">
        <v>20256</v>
      </c>
      <c r="I35419" s="2">
        <v>1</v>
      </c>
      <c r="J35419" s="2">
        <v>0</v>
      </c>
      <c r="K35419" s="2">
        <v>0</v>
      </c>
      <c r="L35419" t="s">
        <v>120</v>
      </c>
      <c r="M35419" t="s">
        <v>87</v>
      </c>
      <c r="N35419" t="s">
        <v>88</v>
      </c>
      <c r="O35419" t="s">
        <v>85</v>
      </c>
      <c r="P35419" t="s">
        <v>86</v>
      </c>
      <c r="Q35419">
        <v>38</v>
      </c>
      <c r="R35419">
        <v>38</v>
      </c>
      <c r="S35419">
        <v>39</v>
      </c>
      <c r="T35419">
        <v>39</v>
      </c>
      <c r="U35419">
        <v>39</v>
      </c>
      <c r="V35419">
        <v>40</v>
      </c>
      <c r="W35419">
        <v>40</v>
      </c>
      <c r="X35419">
        <v>41</v>
      </c>
      <c r="Y35419">
        <v>41</v>
      </c>
      <c r="Z35419">
        <v>42</v>
      </c>
      <c r="AA35419">
        <v>42</v>
      </c>
      <c r="AB35419">
        <v>43</v>
      </c>
      <c r="AC35419">
        <v>43</v>
      </c>
      <c r="AD35419">
        <v>43</v>
      </c>
      <c r="AE35419">
        <v>44</v>
      </c>
      <c r="AF35419">
        <v>44</v>
      </c>
      <c r="AG35419">
        <v>45</v>
      </c>
      <c r="AH35419">
        <v>45</v>
      </c>
      <c r="AI35419">
        <v>46</v>
      </c>
      <c r="AJ35419">
        <v>47</v>
      </c>
      <c r="AK35419">
        <v>47</v>
      </c>
      <c r="AL35419">
        <v>48</v>
      </c>
      <c r="AM35419">
        <v>48</v>
      </c>
      <c r="AN35419">
        <v>49</v>
      </c>
      <c r="AO35419">
        <v>49</v>
      </c>
      <c r="AP35419">
        <v>50</v>
      </c>
      <c r="AQ35419">
        <v>51</v>
      </c>
    </row>
    <row r="35420" spans="1:43">
      <c r="A35420" t="s">
        <v>21959</v>
      </c>
      <c r="B35420" t="s">
        <v>21960</v>
      </c>
      <c r="C35420" t="s">
        <v>21953</v>
      </c>
      <c r="D35420" t="s">
        <v>21954</v>
      </c>
      <c r="E35420" t="s">
        <v>21935</v>
      </c>
      <c r="F35420" t="s">
        <v>21936</v>
      </c>
      <c r="G35420" t="s">
        <v>20255</v>
      </c>
      <c r="H35420" t="s">
        <v>20256</v>
      </c>
      <c r="I35420" s="2">
        <v>1</v>
      </c>
      <c r="J35420" s="2">
        <v>0</v>
      </c>
      <c r="K35420" s="2">
        <v>0</v>
      </c>
      <c r="L35420" t="s">
        <v>120</v>
      </c>
      <c r="M35420" t="s">
        <v>89</v>
      </c>
      <c r="N35420" t="s">
        <v>90</v>
      </c>
      <c r="O35420" t="s">
        <v>85</v>
      </c>
      <c r="P35420" t="s">
        <v>86</v>
      </c>
      <c r="Q35420">
        <v>38</v>
      </c>
      <c r="R35420">
        <v>40</v>
      </c>
      <c r="S35420">
        <v>41</v>
      </c>
      <c r="T35420">
        <v>42</v>
      </c>
      <c r="U35420">
        <v>43</v>
      </c>
      <c r="V35420">
        <v>44</v>
      </c>
      <c r="W35420">
        <v>45</v>
      </c>
      <c r="X35420">
        <v>46</v>
      </c>
      <c r="Y35420">
        <v>47</v>
      </c>
      <c r="Z35420">
        <v>48</v>
      </c>
      <c r="AA35420">
        <v>49</v>
      </c>
      <c r="AB35420">
        <v>50</v>
      </c>
      <c r="AC35420">
        <v>51</v>
      </c>
      <c r="AD35420">
        <v>52</v>
      </c>
      <c r="AE35420">
        <v>53</v>
      </c>
      <c r="AF35420">
        <v>54</v>
      </c>
      <c r="AG35420">
        <v>54</v>
      </c>
      <c r="AH35420">
        <v>54</v>
      </c>
      <c r="AI35420">
        <v>55</v>
      </c>
      <c r="AJ35420">
        <v>55</v>
      </c>
      <c r="AK35420">
        <v>56</v>
      </c>
      <c r="AL35420">
        <v>56</v>
      </c>
      <c r="AM35420">
        <v>57</v>
      </c>
      <c r="AN35420">
        <v>57</v>
      </c>
      <c r="AO35420">
        <v>58</v>
      </c>
      <c r="AP35420">
        <v>58</v>
      </c>
      <c r="AQ35420">
        <v>58</v>
      </c>
    </row>
    <row r="35421" spans="1:43">
      <c r="A35421" t="s">
        <v>21959</v>
      </c>
      <c r="B35421" t="s">
        <v>21960</v>
      </c>
      <c r="C35421" t="s">
        <v>21953</v>
      </c>
      <c r="D35421" t="s">
        <v>21954</v>
      </c>
      <c r="E35421" t="s">
        <v>21935</v>
      </c>
      <c r="F35421" t="s">
        <v>21936</v>
      </c>
      <c r="G35421" t="s">
        <v>20255</v>
      </c>
      <c r="H35421" t="s">
        <v>20256</v>
      </c>
      <c r="I35421" s="2">
        <v>1</v>
      </c>
      <c r="J35421" s="2">
        <v>0</v>
      </c>
      <c r="K35421" s="2">
        <v>0</v>
      </c>
      <c r="L35421" t="s">
        <v>120</v>
      </c>
      <c r="M35421" t="s">
        <v>83</v>
      </c>
      <c r="N35421" t="s">
        <v>91</v>
      </c>
      <c r="O35421" t="s">
        <v>85</v>
      </c>
      <c r="P35421" t="s">
        <v>86</v>
      </c>
      <c r="Q35421">
        <v>38</v>
      </c>
      <c r="R35421">
        <v>39</v>
      </c>
      <c r="S35421">
        <v>40</v>
      </c>
      <c r="T35421">
        <v>40</v>
      </c>
      <c r="U35421">
        <v>41</v>
      </c>
      <c r="V35421">
        <v>42</v>
      </c>
      <c r="W35421">
        <v>43</v>
      </c>
      <c r="X35421">
        <v>44</v>
      </c>
      <c r="Y35421">
        <v>44</v>
      </c>
      <c r="Z35421">
        <v>45</v>
      </c>
      <c r="AA35421">
        <v>46</v>
      </c>
      <c r="AB35421">
        <v>47</v>
      </c>
      <c r="AC35421">
        <v>48</v>
      </c>
      <c r="AD35421">
        <v>49</v>
      </c>
      <c r="AE35421">
        <v>50</v>
      </c>
      <c r="AF35421">
        <v>50</v>
      </c>
      <c r="AG35421">
        <v>51</v>
      </c>
      <c r="AH35421">
        <v>52</v>
      </c>
      <c r="AI35421">
        <v>53</v>
      </c>
      <c r="AJ35421">
        <v>54</v>
      </c>
      <c r="AK35421">
        <v>55</v>
      </c>
      <c r="AL35421">
        <v>56</v>
      </c>
      <c r="AM35421">
        <v>56</v>
      </c>
      <c r="AN35421">
        <v>57</v>
      </c>
      <c r="AO35421">
        <v>57</v>
      </c>
      <c r="AP35421">
        <v>58</v>
      </c>
      <c r="AQ35421">
        <v>58</v>
      </c>
    </row>
    <row r="35422" spans="1:43">
      <c r="A35422" t="s">
        <v>21961</v>
      </c>
      <c r="B35422" t="s">
        <v>21962</v>
      </c>
      <c r="C35422" t="s">
        <v>21953</v>
      </c>
      <c r="D35422" t="s">
        <v>21954</v>
      </c>
      <c r="E35422" t="s">
        <v>21935</v>
      </c>
      <c r="F35422" t="s">
        <v>21936</v>
      </c>
      <c r="G35422" t="s">
        <v>20255</v>
      </c>
      <c r="H35422" t="s">
        <v>20256</v>
      </c>
      <c r="I35422" s="2">
        <v>1</v>
      </c>
      <c r="J35422" s="2">
        <v>0</v>
      </c>
      <c r="K35422" s="2">
        <v>0</v>
      </c>
      <c r="L35422" t="s">
        <v>120</v>
      </c>
      <c r="M35422" t="s">
        <v>83</v>
      </c>
      <c r="N35422" t="s">
        <v>84</v>
      </c>
      <c r="O35422" t="s">
        <v>85</v>
      </c>
      <c r="P35422" t="s">
        <v>86</v>
      </c>
      <c r="Q35422">
        <v>42</v>
      </c>
      <c r="R35422">
        <v>43</v>
      </c>
      <c r="S35422">
        <v>44</v>
      </c>
      <c r="T35422">
        <v>45</v>
      </c>
      <c r="U35422">
        <v>46</v>
      </c>
      <c r="V35422">
        <v>47</v>
      </c>
      <c r="W35422">
        <v>48</v>
      </c>
      <c r="X35422">
        <v>49</v>
      </c>
      <c r="Y35422">
        <v>49</v>
      </c>
      <c r="Z35422">
        <v>50</v>
      </c>
      <c r="AA35422">
        <v>51</v>
      </c>
      <c r="AB35422">
        <v>52</v>
      </c>
      <c r="AC35422">
        <v>53</v>
      </c>
      <c r="AD35422">
        <v>54</v>
      </c>
      <c r="AE35422">
        <v>55</v>
      </c>
      <c r="AF35422">
        <v>56</v>
      </c>
      <c r="AG35422">
        <v>57</v>
      </c>
      <c r="AH35422">
        <v>58</v>
      </c>
      <c r="AI35422">
        <v>59</v>
      </c>
      <c r="AJ35422">
        <v>60</v>
      </c>
      <c r="AK35422">
        <v>61</v>
      </c>
      <c r="AL35422">
        <v>62</v>
      </c>
      <c r="AM35422">
        <v>62</v>
      </c>
      <c r="AN35422">
        <v>63</v>
      </c>
      <c r="AO35422">
        <v>63</v>
      </c>
      <c r="AP35422">
        <v>64</v>
      </c>
      <c r="AQ35422">
        <v>65</v>
      </c>
    </row>
    <row r="35423" spans="1:43">
      <c r="A35423" t="s">
        <v>21961</v>
      </c>
      <c r="B35423" t="s">
        <v>21962</v>
      </c>
      <c r="C35423" t="s">
        <v>21953</v>
      </c>
      <c r="D35423" t="s">
        <v>21954</v>
      </c>
      <c r="E35423" t="s">
        <v>21935</v>
      </c>
      <c r="F35423" t="s">
        <v>21936</v>
      </c>
      <c r="G35423" t="s">
        <v>20255</v>
      </c>
      <c r="H35423" t="s">
        <v>20256</v>
      </c>
      <c r="I35423" s="2">
        <v>1</v>
      </c>
      <c r="J35423" s="2">
        <v>0</v>
      </c>
      <c r="K35423" s="2">
        <v>0</v>
      </c>
      <c r="L35423" t="s">
        <v>120</v>
      </c>
      <c r="M35423" t="s">
        <v>87</v>
      </c>
      <c r="N35423" t="s">
        <v>88</v>
      </c>
      <c r="O35423" t="s">
        <v>85</v>
      </c>
      <c r="P35423" t="s">
        <v>86</v>
      </c>
      <c r="Q35423">
        <v>42</v>
      </c>
      <c r="R35423">
        <v>42</v>
      </c>
      <c r="S35423">
        <v>43</v>
      </c>
      <c r="T35423">
        <v>43</v>
      </c>
      <c r="U35423">
        <v>44</v>
      </c>
      <c r="V35423">
        <v>44</v>
      </c>
      <c r="W35423">
        <v>45</v>
      </c>
      <c r="X35423">
        <v>45</v>
      </c>
      <c r="Y35423">
        <v>46</v>
      </c>
      <c r="Z35423">
        <v>46</v>
      </c>
      <c r="AA35423">
        <v>47</v>
      </c>
      <c r="AB35423">
        <v>47</v>
      </c>
      <c r="AC35423">
        <v>48</v>
      </c>
      <c r="AD35423">
        <v>48</v>
      </c>
      <c r="AE35423">
        <v>49</v>
      </c>
      <c r="AF35423">
        <v>49</v>
      </c>
      <c r="AG35423">
        <v>50</v>
      </c>
      <c r="AH35423">
        <v>51</v>
      </c>
      <c r="AI35423">
        <v>51</v>
      </c>
      <c r="AJ35423">
        <v>52</v>
      </c>
      <c r="AK35423">
        <v>52</v>
      </c>
      <c r="AL35423">
        <v>53</v>
      </c>
      <c r="AM35423">
        <v>54</v>
      </c>
      <c r="AN35423">
        <v>54</v>
      </c>
      <c r="AO35423">
        <v>55</v>
      </c>
      <c r="AP35423">
        <v>56</v>
      </c>
      <c r="AQ35423">
        <v>56</v>
      </c>
    </row>
    <row r="35424" spans="1:43">
      <c r="A35424" t="s">
        <v>21961</v>
      </c>
      <c r="B35424" t="s">
        <v>21962</v>
      </c>
      <c r="C35424" t="s">
        <v>21953</v>
      </c>
      <c r="D35424" t="s">
        <v>21954</v>
      </c>
      <c r="E35424" t="s">
        <v>21935</v>
      </c>
      <c r="F35424" t="s">
        <v>21936</v>
      </c>
      <c r="G35424" t="s">
        <v>20255</v>
      </c>
      <c r="H35424" t="s">
        <v>20256</v>
      </c>
      <c r="I35424" s="2">
        <v>1</v>
      </c>
      <c r="J35424" s="2">
        <v>0</v>
      </c>
      <c r="K35424" s="2">
        <v>0</v>
      </c>
      <c r="L35424" t="s">
        <v>120</v>
      </c>
      <c r="M35424" t="s">
        <v>89</v>
      </c>
      <c r="N35424" t="s">
        <v>90</v>
      </c>
      <c r="O35424" t="s">
        <v>85</v>
      </c>
      <c r="P35424" t="s">
        <v>86</v>
      </c>
      <c r="Q35424">
        <v>42</v>
      </c>
      <c r="R35424">
        <v>43</v>
      </c>
      <c r="S35424">
        <v>44</v>
      </c>
      <c r="T35424">
        <v>45</v>
      </c>
      <c r="U35424">
        <v>47</v>
      </c>
      <c r="V35424">
        <v>48</v>
      </c>
      <c r="W35424">
        <v>49</v>
      </c>
      <c r="X35424">
        <v>50</v>
      </c>
      <c r="Y35424">
        <v>51</v>
      </c>
      <c r="Z35424">
        <v>52</v>
      </c>
      <c r="AA35424">
        <v>54</v>
      </c>
      <c r="AB35424">
        <v>55</v>
      </c>
      <c r="AC35424">
        <v>56</v>
      </c>
      <c r="AD35424">
        <v>57</v>
      </c>
      <c r="AE35424">
        <v>58</v>
      </c>
      <c r="AF35424">
        <v>58</v>
      </c>
      <c r="AG35424">
        <v>59</v>
      </c>
      <c r="AH35424">
        <v>59</v>
      </c>
      <c r="AI35424">
        <v>60</v>
      </c>
      <c r="AJ35424">
        <v>60</v>
      </c>
      <c r="AK35424">
        <v>61</v>
      </c>
      <c r="AL35424">
        <v>61</v>
      </c>
      <c r="AM35424">
        <v>62</v>
      </c>
      <c r="AN35424">
        <v>62</v>
      </c>
      <c r="AO35424">
        <v>63</v>
      </c>
      <c r="AP35424">
        <v>63</v>
      </c>
      <c r="AQ35424">
        <v>64</v>
      </c>
    </row>
    <row r="35425" spans="1:43">
      <c r="A35425" t="s">
        <v>21961</v>
      </c>
      <c r="B35425" t="s">
        <v>21962</v>
      </c>
      <c r="C35425" t="s">
        <v>21953</v>
      </c>
      <c r="D35425" t="s">
        <v>21954</v>
      </c>
      <c r="E35425" t="s">
        <v>21935</v>
      </c>
      <c r="F35425" t="s">
        <v>21936</v>
      </c>
      <c r="G35425" t="s">
        <v>20255</v>
      </c>
      <c r="H35425" t="s">
        <v>20256</v>
      </c>
      <c r="I35425" s="2">
        <v>1</v>
      </c>
      <c r="J35425" s="2">
        <v>0</v>
      </c>
      <c r="K35425" s="2">
        <v>0</v>
      </c>
      <c r="L35425" t="s">
        <v>120</v>
      </c>
      <c r="M35425" t="s">
        <v>83</v>
      </c>
      <c r="N35425" t="s">
        <v>91</v>
      </c>
      <c r="O35425" t="s">
        <v>85</v>
      </c>
      <c r="P35425" t="s">
        <v>86</v>
      </c>
      <c r="Q35425">
        <v>42</v>
      </c>
      <c r="R35425">
        <v>43</v>
      </c>
      <c r="S35425">
        <v>44</v>
      </c>
      <c r="T35425">
        <v>45</v>
      </c>
      <c r="U35425">
        <v>46</v>
      </c>
      <c r="V35425">
        <v>47</v>
      </c>
      <c r="W35425">
        <v>48</v>
      </c>
      <c r="X35425">
        <v>49</v>
      </c>
      <c r="Y35425">
        <v>49</v>
      </c>
      <c r="Z35425">
        <v>50</v>
      </c>
      <c r="AA35425">
        <v>51</v>
      </c>
      <c r="AB35425">
        <v>52</v>
      </c>
      <c r="AC35425">
        <v>53</v>
      </c>
      <c r="AD35425">
        <v>54</v>
      </c>
      <c r="AE35425">
        <v>55</v>
      </c>
      <c r="AF35425">
        <v>56</v>
      </c>
      <c r="AG35425">
        <v>57</v>
      </c>
      <c r="AH35425">
        <v>58</v>
      </c>
      <c r="AI35425">
        <v>59</v>
      </c>
      <c r="AJ35425">
        <v>60</v>
      </c>
      <c r="AK35425">
        <v>61</v>
      </c>
      <c r="AL35425">
        <v>62</v>
      </c>
      <c r="AM35425">
        <v>62</v>
      </c>
      <c r="AN35425">
        <v>63</v>
      </c>
      <c r="AO35425">
        <v>63</v>
      </c>
      <c r="AP35425">
        <v>64</v>
      </c>
      <c r="AQ35425">
        <v>65</v>
      </c>
    </row>
    <row r="35426" spans="1:43">
      <c r="A35426" t="s">
        <v>21963</v>
      </c>
      <c r="B35426" t="s">
        <v>21964</v>
      </c>
      <c r="C35426" t="s">
        <v>21953</v>
      </c>
      <c r="D35426" t="s">
        <v>21954</v>
      </c>
      <c r="E35426" t="s">
        <v>21935</v>
      </c>
      <c r="F35426" t="s">
        <v>21936</v>
      </c>
      <c r="G35426" t="s">
        <v>20255</v>
      </c>
      <c r="H35426" t="s">
        <v>20256</v>
      </c>
      <c r="I35426" s="2">
        <v>1</v>
      </c>
      <c r="J35426" s="2">
        <v>0</v>
      </c>
      <c r="K35426" s="2">
        <v>0</v>
      </c>
      <c r="L35426" t="s">
        <v>120</v>
      </c>
      <c r="M35426" t="s">
        <v>83</v>
      </c>
      <c r="N35426" t="s">
        <v>84</v>
      </c>
      <c r="O35426" t="s">
        <v>85</v>
      </c>
      <c r="P35426" t="s">
        <v>86</v>
      </c>
      <c r="Q35426">
        <v>9</v>
      </c>
      <c r="R35426">
        <v>9</v>
      </c>
      <c r="S35426">
        <v>10</v>
      </c>
      <c r="T35426">
        <v>10</v>
      </c>
      <c r="U35426">
        <v>10</v>
      </c>
      <c r="V35426">
        <v>10</v>
      </c>
      <c r="W35426">
        <v>10</v>
      </c>
      <c r="X35426">
        <v>11</v>
      </c>
      <c r="Y35426">
        <v>11</v>
      </c>
      <c r="Z35426">
        <v>11</v>
      </c>
      <c r="AA35426">
        <v>11</v>
      </c>
      <c r="AB35426">
        <v>11</v>
      </c>
      <c r="AC35426">
        <v>12</v>
      </c>
      <c r="AD35426">
        <v>12</v>
      </c>
      <c r="AE35426">
        <v>12</v>
      </c>
      <c r="AF35426">
        <v>12</v>
      </c>
      <c r="AG35426">
        <v>12</v>
      </c>
      <c r="AH35426">
        <v>13</v>
      </c>
      <c r="AI35426">
        <v>13</v>
      </c>
      <c r="AJ35426">
        <v>13</v>
      </c>
      <c r="AK35426">
        <v>13</v>
      </c>
      <c r="AL35426">
        <v>14</v>
      </c>
      <c r="AM35426">
        <v>14</v>
      </c>
      <c r="AN35426">
        <v>14</v>
      </c>
      <c r="AO35426">
        <v>14</v>
      </c>
      <c r="AP35426">
        <v>14</v>
      </c>
      <c r="AQ35426">
        <v>14</v>
      </c>
    </row>
    <row r="35427" spans="1:43">
      <c r="A35427" t="s">
        <v>21963</v>
      </c>
      <c r="B35427" t="s">
        <v>21964</v>
      </c>
      <c r="C35427" t="s">
        <v>21953</v>
      </c>
      <c r="D35427" t="s">
        <v>21954</v>
      </c>
      <c r="E35427" t="s">
        <v>21935</v>
      </c>
      <c r="F35427" t="s">
        <v>21936</v>
      </c>
      <c r="G35427" t="s">
        <v>20255</v>
      </c>
      <c r="H35427" t="s">
        <v>20256</v>
      </c>
      <c r="I35427" s="2">
        <v>1</v>
      </c>
      <c r="J35427" s="2">
        <v>0</v>
      </c>
      <c r="K35427" s="2">
        <v>0</v>
      </c>
      <c r="L35427" t="s">
        <v>120</v>
      </c>
      <c r="M35427" t="s">
        <v>87</v>
      </c>
      <c r="N35427" t="s">
        <v>88</v>
      </c>
      <c r="O35427" t="s">
        <v>85</v>
      </c>
      <c r="P35427" t="s">
        <v>86</v>
      </c>
      <c r="Q35427">
        <v>9</v>
      </c>
      <c r="R35427">
        <v>9</v>
      </c>
      <c r="S35427">
        <v>9</v>
      </c>
      <c r="T35427">
        <v>10</v>
      </c>
      <c r="U35427">
        <v>10</v>
      </c>
      <c r="V35427">
        <v>10</v>
      </c>
      <c r="W35427">
        <v>10</v>
      </c>
      <c r="X35427">
        <v>10</v>
      </c>
      <c r="Y35427">
        <v>10</v>
      </c>
      <c r="Z35427">
        <v>10</v>
      </c>
      <c r="AA35427">
        <v>10</v>
      </c>
      <c r="AB35427">
        <v>10</v>
      </c>
      <c r="AC35427">
        <v>10</v>
      </c>
      <c r="AD35427">
        <v>11</v>
      </c>
      <c r="AE35427">
        <v>11</v>
      </c>
      <c r="AF35427">
        <v>11</v>
      </c>
      <c r="AG35427">
        <v>11</v>
      </c>
      <c r="AH35427">
        <v>11</v>
      </c>
      <c r="AI35427">
        <v>11</v>
      </c>
      <c r="AJ35427">
        <v>11</v>
      </c>
      <c r="AK35427">
        <v>11</v>
      </c>
      <c r="AL35427">
        <v>12</v>
      </c>
      <c r="AM35427">
        <v>12</v>
      </c>
      <c r="AN35427">
        <v>12</v>
      </c>
      <c r="AO35427">
        <v>12</v>
      </c>
      <c r="AP35427">
        <v>12</v>
      </c>
      <c r="AQ35427">
        <v>12</v>
      </c>
    </row>
    <row r="35428" spans="1:43">
      <c r="A35428" t="s">
        <v>21963</v>
      </c>
      <c r="B35428" t="s">
        <v>21964</v>
      </c>
      <c r="C35428" t="s">
        <v>21953</v>
      </c>
      <c r="D35428" t="s">
        <v>21954</v>
      </c>
      <c r="E35428" t="s">
        <v>21935</v>
      </c>
      <c r="F35428" t="s">
        <v>21936</v>
      </c>
      <c r="G35428" t="s">
        <v>20255</v>
      </c>
      <c r="H35428" t="s">
        <v>20256</v>
      </c>
      <c r="I35428" s="2">
        <v>1</v>
      </c>
      <c r="J35428" s="2">
        <v>0</v>
      </c>
      <c r="K35428" s="2">
        <v>0</v>
      </c>
      <c r="L35428" t="s">
        <v>120</v>
      </c>
      <c r="M35428" t="s">
        <v>89</v>
      </c>
      <c r="N35428" t="s">
        <v>90</v>
      </c>
      <c r="O35428" t="s">
        <v>85</v>
      </c>
      <c r="P35428" t="s">
        <v>86</v>
      </c>
      <c r="Q35428">
        <v>9</v>
      </c>
      <c r="R35428">
        <v>10</v>
      </c>
      <c r="S35428">
        <v>10</v>
      </c>
      <c r="T35428">
        <v>10</v>
      </c>
      <c r="U35428">
        <v>10</v>
      </c>
      <c r="V35428">
        <v>11</v>
      </c>
      <c r="W35428">
        <v>11</v>
      </c>
      <c r="X35428">
        <v>11</v>
      </c>
      <c r="Y35428">
        <v>11</v>
      </c>
      <c r="Z35428">
        <v>12</v>
      </c>
      <c r="AA35428">
        <v>12</v>
      </c>
      <c r="AB35428">
        <v>12</v>
      </c>
      <c r="AC35428">
        <v>12</v>
      </c>
      <c r="AD35428">
        <v>13</v>
      </c>
      <c r="AE35428">
        <v>13</v>
      </c>
      <c r="AF35428">
        <v>13</v>
      </c>
      <c r="AG35428">
        <v>13</v>
      </c>
      <c r="AH35428">
        <v>13</v>
      </c>
      <c r="AI35428">
        <v>13</v>
      </c>
      <c r="AJ35428">
        <v>13</v>
      </c>
      <c r="AK35428">
        <v>14</v>
      </c>
      <c r="AL35428">
        <v>14</v>
      </c>
      <c r="AM35428">
        <v>14</v>
      </c>
      <c r="AN35428">
        <v>14</v>
      </c>
      <c r="AO35428">
        <v>14</v>
      </c>
      <c r="AP35428">
        <v>14</v>
      </c>
      <c r="AQ35428">
        <v>14</v>
      </c>
    </row>
    <row r="35429" spans="1:43">
      <c r="A35429" t="s">
        <v>21963</v>
      </c>
      <c r="B35429" t="s">
        <v>21964</v>
      </c>
      <c r="C35429" t="s">
        <v>21953</v>
      </c>
      <c r="D35429" t="s">
        <v>21954</v>
      </c>
      <c r="E35429" t="s">
        <v>21935</v>
      </c>
      <c r="F35429" t="s">
        <v>21936</v>
      </c>
      <c r="G35429" t="s">
        <v>20255</v>
      </c>
      <c r="H35429" t="s">
        <v>20256</v>
      </c>
      <c r="I35429" s="2">
        <v>1</v>
      </c>
      <c r="J35429" s="2">
        <v>0</v>
      </c>
      <c r="K35429" s="2">
        <v>0</v>
      </c>
      <c r="L35429" t="s">
        <v>120</v>
      </c>
      <c r="M35429" t="s">
        <v>83</v>
      </c>
      <c r="N35429" t="s">
        <v>91</v>
      </c>
      <c r="O35429" t="s">
        <v>85</v>
      </c>
      <c r="P35429" t="s">
        <v>86</v>
      </c>
      <c r="Q35429">
        <v>9</v>
      </c>
      <c r="R35429">
        <v>9</v>
      </c>
      <c r="S35429">
        <v>10</v>
      </c>
      <c r="T35429">
        <v>10</v>
      </c>
      <c r="U35429">
        <v>10</v>
      </c>
      <c r="V35429">
        <v>10</v>
      </c>
      <c r="W35429">
        <v>10</v>
      </c>
      <c r="X35429">
        <v>11</v>
      </c>
      <c r="Y35429">
        <v>11</v>
      </c>
      <c r="Z35429">
        <v>11</v>
      </c>
      <c r="AA35429">
        <v>11</v>
      </c>
      <c r="AB35429">
        <v>11</v>
      </c>
      <c r="AC35429">
        <v>12</v>
      </c>
      <c r="AD35429">
        <v>12</v>
      </c>
      <c r="AE35429">
        <v>12</v>
      </c>
      <c r="AF35429">
        <v>12</v>
      </c>
      <c r="AG35429">
        <v>12</v>
      </c>
      <c r="AH35429">
        <v>13</v>
      </c>
      <c r="AI35429">
        <v>13</v>
      </c>
      <c r="AJ35429">
        <v>13</v>
      </c>
      <c r="AK35429">
        <v>13</v>
      </c>
      <c r="AL35429">
        <v>14</v>
      </c>
      <c r="AM35429">
        <v>14</v>
      </c>
      <c r="AN35429">
        <v>14</v>
      </c>
      <c r="AO35429">
        <v>14</v>
      </c>
      <c r="AP35429">
        <v>14</v>
      </c>
      <c r="AQ35429">
        <v>14</v>
      </c>
    </row>
    <row r="35430" spans="1:43">
      <c r="A35430" t="s">
        <v>21965</v>
      </c>
      <c r="B35430" t="s">
        <v>21966</v>
      </c>
      <c r="C35430" t="s">
        <v>21967</v>
      </c>
      <c r="D35430" t="s">
        <v>21968</v>
      </c>
      <c r="E35430" t="s">
        <v>21935</v>
      </c>
      <c r="F35430" t="s">
        <v>21936</v>
      </c>
      <c r="G35430" t="s">
        <v>20255</v>
      </c>
      <c r="H35430" t="s">
        <v>20256</v>
      </c>
      <c r="I35430" s="2">
        <v>1</v>
      </c>
      <c r="J35430" s="2">
        <v>0</v>
      </c>
      <c r="K35430" s="2">
        <v>0</v>
      </c>
      <c r="L35430" t="s">
        <v>120</v>
      </c>
      <c r="M35430" t="s">
        <v>83</v>
      </c>
      <c r="N35430" t="s">
        <v>84</v>
      </c>
      <c r="O35430" t="s">
        <v>85</v>
      </c>
      <c r="P35430" t="s">
        <v>86</v>
      </c>
      <c r="Q35430">
        <v>43</v>
      </c>
      <c r="R35430">
        <v>44</v>
      </c>
      <c r="S35430">
        <v>45</v>
      </c>
      <c r="T35430">
        <v>46</v>
      </c>
      <c r="U35430">
        <v>47</v>
      </c>
      <c r="V35430">
        <v>48</v>
      </c>
      <c r="W35430">
        <v>49</v>
      </c>
      <c r="X35430">
        <v>50</v>
      </c>
      <c r="Y35430">
        <v>51</v>
      </c>
      <c r="Z35430">
        <v>52</v>
      </c>
      <c r="AA35430">
        <v>53</v>
      </c>
      <c r="AB35430">
        <v>54</v>
      </c>
      <c r="AC35430">
        <v>55</v>
      </c>
      <c r="AD35430">
        <v>56</v>
      </c>
      <c r="AE35430">
        <v>57</v>
      </c>
      <c r="AF35430">
        <v>58</v>
      </c>
      <c r="AG35430">
        <v>59</v>
      </c>
      <c r="AH35430">
        <v>60</v>
      </c>
      <c r="AI35430">
        <v>61</v>
      </c>
      <c r="AJ35430">
        <v>62</v>
      </c>
      <c r="AK35430">
        <v>63</v>
      </c>
      <c r="AL35430">
        <v>64</v>
      </c>
      <c r="AM35430">
        <v>65</v>
      </c>
      <c r="AN35430">
        <v>66</v>
      </c>
      <c r="AO35430">
        <v>66</v>
      </c>
      <c r="AP35430">
        <v>67</v>
      </c>
      <c r="AQ35430">
        <v>68</v>
      </c>
    </row>
    <row r="35431" spans="1:43">
      <c r="A35431" t="s">
        <v>21965</v>
      </c>
      <c r="B35431" t="s">
        <v>21966</v>
      </c>
      <c r="C35431" t="s">
        <v>21967</v>
      </c>
      <c r="D35431" t="s">
        <v>21968</v>
      </c>
      <c r="E35431" t="s">
        <v>21935</v>
      </c>
      <c r="F35431" t="s">
        <v>21936</v>
      </c>
      <c r="G35431" t="s">
        <v>20255</v>
      </c>
      <c r="H35431" t="s">
        <v>20256</v>
      </c>
      <c r="I35431" s="2">
        <v>1</v>
      </c>
      <c r="J35431" s="2">
        <v>0</v>
      </c>
      <c r="K35431" s="2">
        <v>0</v>
      </c>
      <c r="L35431" t="s">
        <v>120</v>
      </c>
      <c r="M35431" t="s">
        <v>87</v>
      </c>
      <c r="N35431" t="s">
        <v>88</v>
      </c>
      <c r="O35431" t="s">
        <v>85</v>
      </c>
      <c r="P35431" t="s">
        <v>86</v>
      </c>
      <c r="Q35431">
        <v>43</v>
      </c>
      <c r="R35431">
        <v>43</v>
      </c>
      <c r="S35431">
        <v>44</v>
      </c>
      <c r="T35431">
        <v>45</v>
      </c>
      <c r="U35431">
        <v>45</v>
      </c>
      <c r="V35431">
        <v>46</v>
      </c>
      <c r="W35431">
        <v>46</v>
      </c>
      <c r="X35431">
        <v>47</v>
      </c>
      <c r="Y35431">
        <v>47</v>
      </c>
      <c r="Z35431">
        <v>48</v>
      </c>
      <c r="AA35431">
        <v>48</v>
      </c>
      <c r="AB35431">
        <v>49</v>
      </c>
      <c r="AC35431">
        <v>49</v>
      </c>
      <c r="AD35431">
        <v>50</v>
      </c>
      <c r="AE35431">
        <v>51</v>
      </c>
      <c r="AF35431">
        <v>51</v>
      </c>
      <c r="AG35431">
        <v>52</v>
      </c>
      <c r="AH35431">
        <v>52</v>
      </c>
      <c r="AI35431">
        <v>53</v>
      </c>
      <c r="AJ35431">
        <v>54</v>
      </c>
      <c r="AK35431">
        <v>54</v>
      </c>
      <c r="AL35431">
        <v>55</v>
      </c>
      <c r="AM35431">
        <v>56</v>
      </c>
      <c r="AN35431">
        <v>56</v>
      </c>
      <c r="AO35431">
        <v>57</v>
      </c>
      <c r="AP35431">
        <v>58</v>
      </c>
      <c r="AQ35431">
        <v>59</v>
      </c>
    </row>
    <row r="35432" spans="1:43">
      <c r="A35432" t="s">
        <v>21965</v>
      </c>
      <c r="B35432" t="s">
        <v>21966</v>
      </c>
      <c r="C35432" t="s">
        <v>21967</v>
      </c>
      <c r="D35432" t="s">
        <v>21968</v>
      </c>
      <c r="E35432" t="s">
        <v>21935</v>
      </c>
      <c r="F35432" t="s">
        <v>21936</v>
      </c>
      <c r="G35432" t="s">
        <v>20255</v>
      </c>
      <c r="H35432" t="s">
        <v>20256</v>
      </c>
      <c r="I35432" s="2">
        <v>1</v>
      </c>
      <c r="J35432" s="2">
        <v>0</v>
      </c>
      <c r="K35432" s="2">
        <v>0</v>
      </c>
      <c r="L35432" t="s">
        <v>120</v>
      </c>
      <c r="M35432" t="s">
        <v>89</v>
      </c>
      <c r="N35432" t="s">
        <v>90</v>
      </c>
      <c r="O35432" t="s">
        <v>85</v>
      </c>
      <c r="P35432" t="s">
        <v>86</v>
      </c>
      <c r="Q35432">
        <v>43</v>
      </c>
      <c r="R35432">
        <v>44</v>
      </c>
      <c r="S35432">
        <v>45</v>
      </c>
      <c r="T35432">
        <v>47</v>
      </c>
      <c r="U35432">
        <v>48</v>
      </c>
      <c r="V35432">
        <v>49</v>
      </c>
      <c r="W35432">
        <v>50</v>
      </c>
      <c r="X35432">
        <v>52</v>
      </c>
      <c r="Y35432">
        <v>53</v>
      </c>
      <c r="Z35432">
        <v>54</v>
      </c>
      <c r="AA35432">
        <v>55</v>
      </c>
      <c r="AB35432">
        <v>56</v>
      </c>
      <c r="AC35432">
        <v>58</v>
      </c>
      <c r="AD35432">
        <v>59</v>
      </c>
      <c r="AE35432">
        <v>60</v>
      </c>
      <c r="AF35432">
        <v>61</v>
      </c>
      <c r="AG35432">
        <v>61</v>
      </c>
      <c r="AH35432">
        <v>62</v>
      </c>
      <c r="AI35432">
        <v>62</v>
      </c>
      <c r="AJ35432">
        <v>63</v>
      </c>
      <c r="AK35432">
        <v>63</v>
      </c>
      <c r="AL35432">
        <v>64</v>
      </c>
      <c r="AM35432">
        <v>65</v>
      </c>
      <c r="AN35432">
        <v>65</v>
      </c>
      <c r="AO35432">
        <v>66</v>
      </c>
      <c r="AP35432">
        <v>67</v>
      </c>
      <c r="AQ35432">
        <v>67</v>
      </c>
    </row>
    <row r="35433" spans="1:43">
      <c r="A35433" t="s">
        <v>21965</v>
      </c>
      <c r="B35433" t="s">
        <v>21966</v>
      </c>
      <c r="C35433" t="s">
        <v>21967</v>
      </c>
      <c r="D35433" t="s">
        <v>21968</v>
      </c>
      <c r="E35433" t="s">
        <v>21935</v>
      </c>
      <c r="F35433" t="s">
        <v>21936</v>
      </c>
      <c r="G35433" t="s">
        <v>20255</v>
      </c>
      <c r="H35433" t="s">
        <v>20256</v>
      </c>
      <c r="I35433" s="2">
        <v>1</v>
      </c>
      <c r="J35433" s="2">
        <v>0</v>
      </c>
      <c r="K35433" s="2">
        <v>0</v>
      </c>
      <c r="L35433" t="s">
        <v>120</v>
      </c>
      <c r="M35433" t="s">
        <v>83</v>
      </c>
      <c r="N35433" t="s">
        <v>91</v>
      </c>
      <c r="O35433" t="s">
        <v>85</v>
      </c>
      <c r="P35433" t="s">
        <v>86</v>
      </c>
      <c r="Q35433">
        <v>43</v>
      </c>
      <c r="R35433">
        <v>44</v>
      </c>
      <c r="S35433">
        <v>45</v>
      </c>
      <c r="T35433">
        <v>46</v>
      </c>
      <c r="U35433">
        <v>47</v>
      </c>
      <c r="V35433">
        <v>48</v>
      </c>
      <c r="W35433">
        <v>49</v>
      </c>
      <c r="X35433">
        <v>50</v>
      </c>
      <c r="Y35433">
        <v>51</v>
      </c>
      <c r="Z35433">
        <v>52</v>
      </c>
      <c r="AA35433">
        <v>53</v>
      </c>
      <c r="AB35433">
        <v>54</v>
      </c>
      <c r="AC35433">
        <v>55</v>
      </c>
      <c r="AD35433">
        <v>56</v>
      </c>
      <c r="AE35433">
        <v>57</v>
      </c>
      <c r="AF35433">
        <v>58</v>
      </c>
      <c r="AG35433">
        <v>59</v>
      </c>
      <c r="AH35433">
        <v>60</v>
      </c>
      <c r="AI35433">
        <v>61</v>
      </c>
      <c r="AJ35433">
        <v>62</v>
      </c>
      <c r="AK35433">
        <v>63</v>
      </c>
      <c r="AL35433">
        <v>64</v>
      </c>
      <c r="AM35433">
        <v>65</v>
      </c>
      <c r="AN35433">
        <v>66</v>
      </c>
      <c r="AO35433">
        <v>66</v>
      </c>
      <c r="AP35433">
        <v>67</v>
      </c>
      <c r="AQ35433">
        <v>68</v>
      </c>
    </row>
    <row r="35434" spans="1:43">
      <c r="A35434" t="s">
        <v>21969</v>
      </c>
      <c r="B35434" t="s">
        <v>21970</v>
      </c>
      <c r="C35434" t="s">
        <v>21945</v>
      </c>
      <c r="D35434" t="s">
        <v>21946</v>
      </c>
      <c r="E35434" t="s">
        <v>21935</v>
      </c>
      <c r="F35434" t="s">
        <v>21936</v>
      </c>
      <c r="G35434" t="s">
        <v>20255</v>
      </c>
      <c r="H35434" t="s">
        <v>20256</v>
      </c>
      <c r="I35434" s="2">
        <v>1</v>
      </c>
      <c r="J35434" s="2">
        <v>0</v>
      </c>
      <c r="K35434" s="2">
        <v>0</v>
      </c>
      <c r="L35434" t="s">
        <v>120</v>
      </c>
      <c r="M35434" t="s">
        <v>83</v>
      </c>
      <c r="N35434" t="s">
        <v>84</v>
      </c>
      <c r="O35434" t="s">
        <v>85</v>
      </c>
      <c r="P35434" t="s">
        <v>86</v>
      </c>
      <c r="Q35434">
        <v>43</v>
      </c>
      <c r="R35434">
        <v>44</v>
      </c>
      <c r="S35434">
        <v>45</v>
      </c>
      <c r="T35434">
        <v>46</v>
      </c>
      <c r="U35434">
        <v>47</v>
      </c>
      <c r="V35434">
        <v>48</v>
      </c>
      <c r="W35434">
        <v>49</v>
      </c>
      <c r="X35434">
        <v>50</v>
      </c>
      <c r="Y35434">
        <v>50</v>
      </c>
      <c r="Z35434">
        <v>51</v>
      </c>
      <c r="AA35434">
        <v>52</v>
      </c>
      <c r="AB35434">
        <v>53</v>
      </c>
      <c r="AC35434">
        <v>54</v>
      </c>
      <c r="AD35434">
        <v>55</v>
      </c>
      <c r="AE35434">
        <v>56</v>
      </c>
      <c r="AF35434">
        <v>57</v>
      </c>
      <c r="AG35434">
        <v>58</v>
      </c>
      <c r="AH35434">
        <v>59</v>
      </c>
      <c r="AI35434">
        <v>60</v>
      </c>
      <c r="AJ35434">
        <v>62</v>
      </c>
      <c r="AK35434">
        <v>63</v>
      </c>
      <c r="AL35434">
        <v>63</v>
      </c>
      <c r="AM35434">
        <v>64</v>
      </c>
      <c r="AN35434">
        <v>64</v>
      </c>
      <c r="AO35434">
        <v>65</v>
      </c>
      <c r="AP35434">
        <v>66</v>
      </c>
      <c r="AQ35434">
        <v>66</v>
      </c>
    </row>
    <row r="35435" spans="1:43">
      <c r="A35435" t="s">
        <v>21969</v>
      </c>
      <c r="B35435" t="s">
        <v>21970</v>
      </c>
      <c r="C35435" t="s">
        <v>21945</v>
      </c>
      <c r="D35435" t="s">
        <v>21946</v>
      </c>
      <c r="E35435" t="s">
        <v>21935</v>
      </c>
      <c r="F35435" t="s">
        <v>21936</v>
      </c>
      <c r="G35435" t="s">
        <v>20255</v>
      </c>
      <c r="H35435" t="s">
        <v>20256</v>
      </c>
      <c r="I35435" s="2">
        <v>1</v>
      </c>
      <c r="J35435" s="2">
        <v>0</v>
      </c>
      <c r="K35435" s="2">
        <v>0</v>
      </c>
      <c r="L35435" t="s">
        <v>120</v>
      </c>
      <c r="M35435" t="s">
        <v>87</v>
      </c>
      <c r="N35435" t="s">
        <v>88</v>
      </c>
      <c r="O35435" t="s">
        <v>85</v>
      </c>
      <c r="P35435" t="s">
        <v>86</v>
      </c>
      <c r="Q35435">
        <v>43</v>
      </c>
      <c r="R35435">
        <v>43</v>
      </c>
      <c r="S35435">
        <v>44</v>
      </c>
      <c r="T35435">
        <v>44</v>
      </c>
      <c r="U35435">
        <v>45</v>
      </c>
      <c r="V35435">
        <v>45</v>
      </c>
      <c r="W35435">
        <v>46</v>
      </c>
      <c r="X35435">
        <v>46</v>
      </c>
      <c r="Y35435">
        <v>47</v>
      </c>
      <c r="Z35435">
        <v>47</v>
      </c>
      <c r="AA35435">
        <v>48</v>
      </c>
      <c r="AB35435">
        <v>48</v>
      </c>
      <c r="AC35435">
        <v>49</v>
      </c>
      <c r="AD35435">
        <v>49</v>
      </c>
      <c r="AE35435">
        <v>50</v>
      </c>
      <c r="AF35435">
        <v>50</v>
      </c>
      <c r="AG35435">
        <v>51</v>
      </c>
      <c r="AH35435">
        <v>52</v>
      </c>
      <c r="AI35435">
        <v>52</v>
      </c>
      <c r="AJ35435">
        <v>53</v>
      </c>
      <c r="AK35435">
        <v>53</v>
      </c>
      <c r="AL35435">
        <v>54</v>
      </c>
      <c r="AM35435">
        <v>55</v>
      </c>
      <c r="AN35435">
        <v>55</v>
      </c>
      <c r="AO35435">
        <v>56</v>
      </c>
      <c r="AP35435">
        <v>57</v>
      </c>
      <c r="AQ35435">
        <v>57</v>
      </c>
    </row>
    <row r="35436" spans="1:43">
      <c r="A35436" t="s">
        <v>21969</v>
      </c>
      <c r="B35436" t="s">
        <v>21970</v>
      </c>
      <c r="C35436" t="s">
        <v>21945</v>
      </c>
      <c r="D35436" t="s">
        <v>21946</v>
      </c>
      <c r="E35436" t="s">
        <v>21935</v>
      </c>
      <c r="F35436" t="s">
        <v>21936</v>
      </c>
      <c r="G35436" t="s">
        <v>20255</v>
      </c>
      <c r="H35436" t="s">
        <v>20256</v>
      </c>
      <c r="I35436" s="2">
        <v>1</v>
      </c>
      <c r="J35436" s="2">
        <v>0</v>
      </c>
      <c r="K35436" s="2">
        <v>0</v>
      </c>
      <c r="L35436" t="s">
        <v>120</v>
      </c>
      <c r="M35436" t="s">
        <v>89</v>
      </c>
      <c r="N35436" t="s">
        <v>90</v>
      </c>
      <c r="O35436" t="s">
        <v>85</v>
      </c>
      <c r="P35436" t="s">
        <v>86</v>
      </c>
      <c r="Q35436">
        <v>43</v>
      </c>
      <c r="R35436">
        <v>45</v>
      </c>
      <c r="S35436">
        <v>46</v>
      </c>
      <c r="T35436">
        <v>47</v>
      </c>
      <c r="U35436">
        <v>49</v>
      </c>
      <c r="V35436">
        <v>50</v>
      </c>
      <c r="W35436">
        <v>51</v>
      </c>
      <c r="X35436">
        <v>52</v>
      </c>
      <c r="Y35436">
        <v>53</v>
      </c>
      <c r="Z35436">
        <v>55</v>
      </c>
      <c r="AA35436">
        <v>56</v>
      </c>
      <c r="AB35436">
        <v>57</v>
      </c>
      <c r="AC35436">
        <v>58</v>
      </c>
      <c r="AD35436">
        <v>59</v>
      </c>
      <c r="AE35436">
        <v>60</v>
      </c>
      <c r="AF35436">
        <v>61</v>
      </c>
      <c r="AG35436">
        <v>61</v>
      </c>
      <c r="AH35436">
        <v>62</v>
      </c>
      <c r="AI35436">
        <v>62</v>
      </c>
      <c r="AJ35436">
        <v>63</v>
      </c>
      <c r="AK35436">
        <v>63</v>
      </c>
      <c r="AL35436">
        <v>64</v>
      </c>
      <c r="AM35436">
        <v>64</v>
      </c>
      <c r="AN35436">
        <v>65</v>
      </c>
      <c r="AO35436">
        <v>66</v>
      </c>
      <c r="AP35436">
        <v>66</v>
      </c>
      <c r="AQ35436">
        <v>67</v>
      </c>
    </row>
    <row r="35437" spans="1:43">
      <c r="A35437" t="s">
        <v>21969</v>
      </c>
      <c r="B35437" t="s">
        <v>21970</v>
      </c>
      <c r="C35437" t="s">
        <v>21945</v>
      </c>
      <c r="D35437" t="s">
        <v>21946</v>
      </c>
      <c r="E35437" t="s">
        <v>21935</v>
      </c>
      <c r="F35437" t="s">
        <v>21936</v>
      </c>
      <c r="G35437" t="s">
        <v>20255</v>
      </c>
      <c r="H35437" t="s">
        <v>20256</v>
      </c>
      <c r="I35437" s="2">
        <v>1</v>
      </c>
      <c r="J35437" s="2">
        <v>0</v>
      </c>
      <c r="K35437" s="2">
        <v>0</v>
      </c>
      <c r="L35437" t="s">
        <v>120</v>
      </c>
      <c r="M35437" t="s">
        <v>83</v>
      </c>
      <c r="N35437" t="s">
        <v>91</v>
      </c>
      <c r="O35437" t="s">
        <v>85</v>
      </c>
      <c r="P35437" t="s">
        <v>86</v>
      </c>
      <c r="Q35437">
        <v>43</v>
      </c>
      <c r="R35437">
        <v>44</v>
      </c>
      <c r="S35437">
        <v>45</v>
      </c>
      <c r="T35437">
        <v>46</v>
      </c>
      <c r="U35437">
        <v>47</v>
      </c>
      <c r="V35437">
        <v>48</v>
      </c>
      <c r="W35437">
        <v>49</v>
      </c>
      <c r="X35437">
        <v>50</v>
      </c>
      <c r="Y35437">
        <v>50</v>
      </c>
      <c r="Z35437">
        <v>51</v>
      </c>
      <c r="AA35437">
        <v>52</v>
      </c>
      <c r="AB35437">
        <v>53</v>
      </c>
      <c r="AC35437">
        <v>54</v>
      </c>
      <c r="AD35437">
        <v>55</v>
      </c>
      <c r="AE35437">
        <v>56</v>
      </c>
      <c r="AF35437">
        <v>57</v>
      </c>
      <c r="AG35437">
        <v>58</v>
      </c>
      <c r="AH35437">
        <v>59</v>
      </c>
      <c r="AI35437">
        <v>60</v>
      </c>
      <c r="AJ35437">
        <v>62</v>
      </c>
      <c r="AK35437">
        <v>63</v>
      </c>
      <c r="AL35437">
        <v>63</v>
      </c>
      <c r="AM35437">
        <v>64</v>
      </c>
      <c r="AN35437">
        <v>64</v>
      </c>
      <c r="AO35437">
        <v>65</v>
      </c>
      <c r="AP35437">
        <v>66</v>
      </c>
      <c r="AQ35437">
        <v>66</v>
      </c>
    </row>
    <row r="35438" spans="1:43">
      <c r="A35438" t="s">
        <v>21971</v>
      </c>
      <c r="B35438" t="s">
        <v>21972</v>
      </c>
      <c r="C35438" t="s">
        <v>21945</v>
      </c>
      <c r="D35438" t="s">
        <v>21946</v>
      </c>
      <c r="E35438" t="s">
        <v>21935</v>
      </c>
      <c r="F35438" t="s">
        <v>21936</v>
      </c>
      <c r="G35438" t="s">
        <v>20255</v>
      </c>
      <c r="H35438" t="s">
        <v>20256</v>
      </c>
      <c r="I35438" s="2">
        <v>1</v>
      </c>
      <c r="J35438" s="2">
        <v>0</v>
      </c>
      <c r="K35438" s="2">
        <v>0</v>
      </c>
      <c r="L35438" t="s">
        <v>120</v>
      </c>
      <c r="M35438" t="s">
        <v>83</v>
      </c>
      <c r="N35438" t="s">
        <v>84</v>
      </c>
      <c r="O35438" t="s">
        <v>85</v>
      </c>
      <c r="P35438" t="s">
        <v>86</v>
      </c>
      <c r="Q35438">
        <v>27</v>
      </c>
      <c r="R35438">
        <v>28</v>
      </c>
      <c r="S35438">
        <v>29</v>
      </c>
      <c r="T35438">
        <v>29</v>
      </c>
      <c r="U35438">
        <v>30</v>
      </c>
      <c r="V35438">
        <v>30</v>
      </c>
      <c r="W35438">
        <v>31</v>
      </c>
      <c r="X35438">
        <v>32</v>
      </c>
      <c r="Y35438">
        <v>32</v>
      </c>
      <c r="Z35438">
        <v>33</v>
      </c>
      <c r="AA35438">
        <v>33</v>
      </c>
      <c r="AB35438">
        <v>34</v>
      </c>
      <c r="AC35438">
        <v>35</v>
      </c>
      <c r="AD35438">
        <v>35</v>
      </c>
      <c r="AE35438">
        <v>36</v>
      </c>
      <c r="AF35438">
        <v>37</v>
      </c>
      <c r="AG35438">
        <v>37</v>
      </c>
      <c r="AH35438">
        <v>38</v>
      </c>
      <c r="AI35438">
        <v>39</v>
      </c>
      <c r="AJ35438">
        <v>39</v>
      </c>
      <c r="AK35438">
        <v>40</v>
      </c>
      <c r="AL35438">
        <v>40</v>
      </c>
      <c r="AM35438">
        <v>41</v>
      </c>
      <c r="AN35438">
        <v>41</v>
      </c>
      <c r="AO35438">
        <v>42</v>
      </c>
      <c r="AP35438">
        <v>42</v>
      </c>
      <c r="AQ35438">
        <v>42</v>
      </c>
    </row>
    <row r="35439" spans="1:43">
      <c r="A35439" t="s">
        <v>21971</v>
      </c>
      <c r="B35439" t="s">
        <v>21972</v>
      </c>
      <c r="C35439" t="s">
        <v>21945</v>
      </c>
      <c r="D35439" t="s">
        <v>21946</v>
      </c>
      <c r="E35439" t="s">
        <v>21935</v>
      </c>
      <c r="F35439" t="s">
        <v>21936</v>
      </c>
      <c r="G35439" t="s">
        <v>20255</v>
      </c>
      <c r="H35439" t="s">
        <v>20256</v>
      </c>
      <c r="I35439" s="2">
        <v>1</v>
      </c>
      <c r="J35439" s="2">
        <v>0</v>
      </c>
      <c r="K35439" s="2">
        <v>0</v>
      </c>
      <c r="L35439" t="s">
        <v>120</v>
      </c>
      <c r="M35439" t="s">
        <v>87</v>
      </c>
      <c r="N35439" t="s">
        <v>88</v>
      </c>
      <c r="O35439" t="s">
        <v>85</v>
      </c>
      <c r="P35439" t="s">
        <v>86</v>
      </c>
      <c r="Q35439">
        <v>27</v>
      </c>
      <c r="R35439">
        <v>27</v>
      </c>
      <c r="S35439">
        <v>28</v>
      </c>
      <c r="T35439">
        <v>28</v>
      </c>
      <c r="U35439">
        <v>28</v>
      </c>
      <c r="V35439">
        <v>29</v>
      </c>
      <c r="W35439">
        <v>29</v>
      </c>
      <c r="X35439">
        <v>29</v>
      </c>
      <c r="Y35439">
        <v>30</v>
      </c>
      <c r="Z35439">
        <v>30</v>
      </c>
      <c r="AA35439">
        <v>30</v>
      </c>
      <c r="AB35439">
        <v>31</v>
      </c>
      <c r="AC35439">
        <v>31</v>
      </c>
      <c r="AD35439">
        <v>31</v>
      </c>
      <c r="AE35439">
        <v>32</v>
      </c>
      <c r="AF35439">
        <v>32</v>
      </c>
      <c r="AG35439">
        <v>33</v>
      </c>
      <c r="AH35439">
        <v>33</v>
      </c>
      <c r="AI35439">
        <v>33</v>
      </c>
      <c r="AJ35439">
        <v>34</v>
      </c>
      <c r="AK35439">
        <v>34</v>
      </c>
      <c r="AL35439">
        <v>35</v>
      </c>
      <c r="AM35439">
        <v>35</v>
      </c>
      <c r="AN35439">
        <v>35</v>
      </c>
      <c r="AO35439">
        <v>36</v>
      </c>
      <c r="AP35439">
        <v>36</v>
      </c>
      <c r="AQ35439">
        <v>37</v>
      </c>
    </row>
    <row r="35440" spans="1:43">
      <c r="A35440" t="s">
        <v>21971</v>
      </c>
      <c r="B35440" t="s">
        <v>21972</v>
      </c>
      <c r="C35440" t="s">
        <v>21945</v>
      </c>
      <c r="D35440" t="s">
        <v>21946</v>
      </c>
      <c r="E35440" t="s">
        <v>21935</v>
      </c>
      <c r="F35440" t="s">
        <v>21936</v>
      </c>
      <c r="G35440" t="s">
        <v>20255</v>
      </c>
      <c r="H35440" t="s">
        <v>20256</v>
      </c>
      <c r="I35440" s="2">
        <v>1</v>
      </c>
      <c r="J35440" s="2">
        <v>0</v>
      </c>
      <c r="K35440" s="2">
        <v>0</v>
      </c>
      <c r="L35440" t="s">
        <v>120</v>
      </c>
      <c r="M35440" t="s">
        <v>89</v>
      </c>
      <c r="N35440" t="s">
        <v>90</v>
      </c>
      <c r="O35440" t="s">
        <v>85</v>
      </c>
      <c r="P35440" t="s">
        <v>86</v>
      </c>
      <c r="Q35440">
        <v>27</v>
      </c>
      <c r="R35440">
        <v>28</v>
      </c>
      <c r="S35440">
        <v>28</v>
      </c>
      <c r="T35440">
        <v>29</v>
      </c>
      <c r="U35440">
        <v>30</v>
      </c>
      <c r="V35440">
        <v>31</v>
      </c>
      <c r="W35440">
        <v>31</v>
      </c>
      <c r="X35440">
        <v>32</v>
      </c>
      <c r="Y35440">
        <v>33</v>
      </c>
      <c r="Z35440">
        <v>34</v>
      </c>
      <c r="AA35440">
        <v>34</v>
      </c>
      <c r="AB35440">
        <v>35</v>
      </c>
      <c r="AC35440">
        <v>36</v>
      </c>
      <c r="AD35440">
        <v>37</v>
      </c>
      <c r="AE35440">
        <v>37</v>
      </c>
      <c r="AF35440">
        <v>38</v>
      </c>
      <c r="AG35440">
        <v>38</v>
      </c>
      <c r="AH35440">
        <v>38</v>
      </c>
      <c r="AI35440">
        <v>39</v>
      </c>
      <c r="AJ35440">
        <v>39</v>
      </c>
      <c r="AK35440">
        <v>39</v>
      </c>
      <c r="AL35440">
        <v>40</v>
      </c>
      <c r="AM35440">
        <v>40</v>
      </c>
      <c r="AN35440">
        <v>41</v>
      </c>
      <c r="AO35440">
        <v>41</v>
      </c>
      <c r="AP35440">
        <v>41</v>
      </c>
      <c r="AQ35440">
        <v>42</v>
      </c>
    </row>
    <row r="35441" spans="1:43">
      <c r="A35441" t="s">
        <v>21971</v>
      </c>
      <c r="B35441" t="s">
        <v>21972</v>
      </c>
      <c r="C35441" t="s">
        <v>21945</v>
      </c>
      <c r="D35441" t="s">
        <v>21946</v>
      </c>
      <c r="E35441" t="s">
        <v>21935</v>
      </c>
      <c r="F35441" t="s">
        <v>21936</v>
      </c>
      <c r="G35441" t="s">
        <v>20255</v>
      </c>
      <c r="H35441" t="s">
        <v>20256</v>
      </c>
      <c r="I35441" s="2">
        <v>1</v>
      </c>
      <c r="J35441" s="2">
        <v>0</v>
      </c>
      <c r="K35441" s="2">
        <v>0</v>
      </c>
      <c r="L35441" t="s">
        <v>120</v>
      </c>
      <c r="M35441" t="s">
        <v>83</v>
      </c>
      <c r="N35441" t="s">
        <v>91</v>
      </c>
      <c r="O35441" t="s">
        <v>85</v>
      </c>
      <c r="P35441" t="s">
        <v>86</v>
      </c>
      <c r="Q35441">
        <v>27</v>
      </c>
      <c r="R35441">
        <v>28</v>
      </c>
      <c r="S35441">
        <v>29</v>
      </c>
      <c r="T35441">
        <v>29</v>
      </c>
      <c r="U35441">
        <v>30</v>
      </c>
      <c r="V35441">
        <v>30</v>
      </c>
      <c r="W35441">
        <v>31</v>
      </c>
      <c r="X35441">
        <v>32</v>
      </c>
      <c r="Y35441">
        <v>32</v>
      </c>
      <c r="Z35441">
        <v>33</v>
      </c>
      <c r="AA35441">
        <v>33</v>
      </c>
      <c r="AB35441">
        <v>34</v>
      </c>
      <c r="AC35441">
        <v>35</v>
      </c>
      <c r="AD35441">
        <v>35</v>
      </c>
      <c r="AE35441">
        <v>36</v>
      </c>
      <c r="AF35441">
        <v>37</v>
      </c>
      <c r="AG35441">
        <v>37</v>
      </c>
      <c r="AH35441">
        <v>38</v>
      </c>
      <c r="AI35441">
        <v>39</v>
      </c>
      <c r="AJ35441">
        <v>39</v>
      </c>
      <c r="AK35441">
        <v>40</v>
      </c>
      <c r="AL35441">
        <v>40</v>
      </c>
      <c r="AM35441">
        <v>41</v>
      </c>
      <c r="AN35441">
        <v>41</v>
      </c>
      <c r="AO35441">
        <v>42</v>
      </c>
      <c r="AP35441">
        <v>42</v>
      </c>
      <c r="AQ35441">
        <v>42</v>
      </c>
    </row>
    <row r="35442" spans="1:43">
      <c r="A35442" t="s">
        <v>21973</v>
      </c>
      <c r="B35442" t="s">
        <v>21974</v>
      </c>
      <c r="C35442" t="s">
        <v>21975</v>
      </c>
      <c r="D35442" t="s">
        <v>21976</v>
      </c>
      <c r="E35442" t="s">
        <v>21935</v>
      </c>
      <c r="F35442" t="s">
        <v>21936</v>
      </c>
      <c r="G35442" t="s">
        <v>20255</v>
      </c>
      <c r="H35442" t="s">
        <v>20256</v>
      </c>
      <c r="I35442" s="2">
        <v>1</v>
      </c>
      <c r="J35442" s="2">
        <v>0</v>
      </c>
      <c r="K35442" s="2">
        <v>0</v>
      </c>
      <c r="L35442" t="s">
        <v>120</v>
      </c>
      <c r="M35442" t="s">
        <v>83</v>
      </c>
      <c r="N35442" t="s">
        <v>84</v>
      </c>
      <c r="O35442" t="s">
        <v>85</v>
      </c>
      <c r="P35442" t="s">
        <v>86</v>
      </c>
      <c r="Q35442">
        <v>10</v>
      </c>
      <c r="R35442">
        <v>10</v>
      </c>
      <c r="S35442">
        <v>10</v>
      </c>
      <c r="T35442">
        <v>10</v>
      </c>
      <c r="U35442">
        <v>10</v>
      </c>
      <c r="V35442">
        <v>11</v>
      </c>
      <c r="W35442">
        <v>11</v>
      </c>
      <c r="X35442">
        <v>11</v>
      </c>
      <c r="Y35442">
        <v>11</v>
      </c>
      <c r="Z35442">
        <v>11</v>
      </c>
      <c r="AA35442">
        <v>12</v>
      </c>
      <c r="AB35442">
        <v>12</v>
      </c>
      <c r="AC35442">
        <v>12</v>
      </c>
      <c r="AD35442">
        <v>12</v>
      </c>
      <c r="AE35442">
        <v>12</v>
      </c>
      <c r="AF35442">
        <v>13</v>
      </c>
      <c r="AG35442">
        <v>13</v>
      </c>
      <c r="AH35442">
        <v>13</v>
      </c>
      <c r="AI35442">
        <v>13</v>
      </c>
      <c r="AJ35442">
        <v>14</v>
      </c>
      <c r="AK35442">
        <v>14</v>
      </c>
      <c r="AL35442">
        <v>14</v>
      </c>
      <c r="AM35442">
        <v>14</v>
      </c>
      <c r="AN35442">
        <v>14</v>
      </c>
      <c r="AO35442">
        <v>14</v>
      </c>
      <c r="AP35442">
        <v>15</v>
      </c>
      <c r="AQ35442">
        <v>15</v>
      </c>
    </row>
    <row r="35443" spans="1:43">
      <c r="A35443" t="s">
        <v>21973</v>
      </c>
      <c r="B35443" t="s">
        <v>21974</v>
      </c>
      <c r="C35443" t="s">
        <v>21975</v>
      </c>
      <c r="D35443" t="s">
        <v>21976</v>
      </c>
      <c r="E35443" t="s">
        <v>21935</v>
      </c>
      <c r="F35443" t="s">
        <v>21936</v>
      </c>
      <c r="G35443" t="s">
        <v>20255</v>
      </c>
      <c r="H35443" t="s">
        <v>20256</v>
      </c>
      <c r="I35443" s="2">
        <v>1</v>
      </c>
      <c r="J35443" s="2">
        <v>0</v>
      </c>
      <c r="K35443" s="2">
        <v>0</v>
      </c>
      <c r="L35443" t="s">
        <v>120</v>
      </c>
      <c r="M35443" t="s">
        <v>87</v>
      </c>
      <c r="N35443" t="s">
        <v>88</v>
      </c>
      <c r="O35443" t="s">
        <v>85</v>
      </c>
      <c r="P35443" t="s">
        <v>86</v>
      </c>
      <c r="Q35443">
        <v>10</v>
      </c>
      <c r="R35443">
        <v>11</v>
      </c>
      <c r="S35443">
        <v>11</v>
      </c>
      <c r="T35443">
        <v>11</v>
      </c>
      <c r="U35443">
        <v>11</v>
      </c>
      <c r="V35443">
        <v>11</v>
      </c>
      <c r="W35443">
        <v>11</v>
      </c>
      <c r="X35443">
        <v>11</v>
      </c>
      <c r="Y35443">
        <v>11</v>
      </c>
      <c r="Z35443">
        <v>11</v>
      </c>
      <c r="AA35443">
        <v>12</v>
      </c>
      <c r="AB35443">
        <v>12</v>
      </c>
      <c r="AC35443">
        <v>12</v>
      </c>
      <c r="AD35443">
        <v>12</v>
      </c>
      <c r="AE35443">
        <v>12</v>
      </c>
      <c r="AF35443">
        <v>12</v>
      </c>
      <c r="AG35443">
        <v>12</v>
      </c>
      <c r="AH35443">
        <v>12</v>
      </c>
      <c r="AI35443">
        <v>13</v>
      </c>
      <c r="AJ35443">
        <v>13</v>
      </c>
      <c r="AK35443">
        <v>13</v>
      </c>
      <c r="AL35443">
        <v>13</v>
      </c>
      <c r="AM35443">
        <v>13</v>
      </c>
      <c r="AN35443">
        <v>13</v>
      </c>
      <c r="AO35443">
        <v>13</v>
      </c>
      <c r="AP35443">
        <v>14</v>
      </c>
      <c r="AQ35443">
        <v>14</v>
      </c>
    </row>
    <row r="35444" spans="1:43">
      <c r="A35444" t="s">
        <v>21973</v>
      </c>
      <c r="B35444" t="s">
        <v>21974</v>
      </c>
      <c r="C35444" t="s">
        <v>21975</v>
      </c>
      <c r="D35444" t="s">
        <v>21976</v>
      </c>
      <c r="E35444" t="s">
        <v>21935</v>
      </c>
      <c r="F35444" t="s">
        <v>21936</v>
      </c>
      <c r="G35444" t="s">
        <v>20255</v>
      </c>
      <c r="H35444" t="s">
        <v>20256</v>
      </c>
      <c r="I35444" s="2">
        <v>1</v>
      </c>
      <c r="J35444" s="2">
        <v>0</v>
      </c>
      <c r="K35444" s="2">
        <v>0</v>
      </c>
      <c r="L35444" t="s">
        <v>120</v>
      </c>
      <c r="M35444" t="s">
        <v>89</v>
      </c>
      <c r="N35444" t="s">
        <v>90</v>
      </c>
      <c r="O35444" t="s">
        <v>85</v>
      </c>
      <c r="P35444" t="s">
        <v>86</v>
      </c>
      <c r="Q35444">
        <v>10</v>
      </c>
      <c r="R35444">
        <v>10</v>
      </c>
      <c r="S35444">
        <v>10</v>
      </c>
      <c r="T35444">
        <v>11</v>
      </c>
      <c r="U35444">
        <v>11</v>
      </c>
      <c r="V35444">
        <v>11</v>
      </c>
      <c r="W35444">
        <v>11</v>
      </c>
      <c r="X35444">
        <v>12</v>
      </c>
      <c r="Y35444">
        <v>12</v>
      </c>
      <c r="Z35444">
        <v>12</v>
      </c>
      <c r="AA35444">
        <v>12</v>
      </c>
      <c r="AB35444">
        <v>13</v>
      </c>
      <c r="AC35444">
        <v>13</v>
      </c>
      <c r="AD35444">
        <v>13</v>
      </c>
      <c r="AE35444">
        <v>13</v>
      </c>
      <c r="AF35444">
        <v>14</v>
      </c>
      <c r="AG35444">
        <v>14</v>
      </c>
      <c r="AH35444">
        <v>14</v>
      </c>
      <c r="AI35444">
        <v>14</v>
      </c>
      <c r="AJ35444">
        <v>14</v>
      </c>
      <c r="AK35444">
        <v>14</v>
      </c>
      <c r="AL35444">
        <v>14</v>
      </c>
      <c r="AM35444">
        <v>14</v>
      </c>
      <c r="AN35444">
        <v>14</v>
      </c>
      <c r="AO35444">
        <v>15</v>
      </c>
      <c r="AP35444">
        <v>15</v>
      </c>
      <c r="AQ35444">
        <v>15</v>
      </c>
    </row>
    <row r="35445" spans="1:43">
      <c r="A35445" t="s">
        <v>21973</v>
      </c>
      <c r="B35445" t="s">
        <v>21974</v>
      </c>
      <c r="C35445" t="s">
        <v>21975</v>
      </c>
      <c r="D35445" t="s">
        <v>21976</v>
      </c>
      <c r="E35445" t="s">
        <v>21935</v>
      </c>
      <c r="F35445" t="s">
        <v>21936</v>
      </c>
      <c r="G35445" t="s">
        <v>20255</v>
      </c>
      <c r="H35445" t="s">
        <v>20256</v>
      </c>
      <c r="I35445" s="2">
        <v>1</v>
      </c>
      <c r="J35445" s="2">
        <v>0</v>
      </c>
      <c r="K35445" s="2">
        <v>0</v>
      </c>
      <c r="L35445" t="s">
        <v>120</v>
      </c>
      <c r="M35445" t="s">
        <v>83</v>
      </c>
      <c r="N35445" t="s">
        <v>91</v>
      </c>
      <c r="O35445" t="s">
        <v>85</v>
      </c>
      <c r="P35445" t="s">
        <v>86</v>
      </c>
      <c r="Q35445">
        <v>10</v>
      </c>
      <c r="R35445">
        <v>10</v>
      </c>
      <c r="S35445">
        <v>10</v>
      </c>
      <c r="T35445">
        <v>10</v>
      </c>
      <c r="U35445">
        <v>10</v>
      </c>
      <c r="V35445">
        <v>11</v>
      </c>
      <c r="W35445">
        <v>11</v>
      </c>
      <c r="X35445">
        <v>11</v>
      </c>
      <c r="Y35445">
        <v>11</v>
      </c>
      <c r="Z35445">
        <v>11</v>
      </c>
      <c r="AA35445">
        <v>12</v>
      </c>
      <c r="AB35445">
        <v>12</v>
      </c>
      <c r="AC35445">
        <v>12</v>
      </c>
      <c r="AD35445">
        <v>12</v>
      </c>
      <c r="AE35445">
        <v>12</v>
      </c>
      <c r="AF35445">
        <v>13</v>
      </c>
      <c r="AG35445">
        <v>13</v>
      </c>
      <c r="AH35445">
        <v>13</v>
      </c>
      <c r="AI35445">
        <v>13</v>
      </c>
      <c r="AJ35445">
        <v>14</v>
      </c>
      <c r="AK35445">
        <v>14</v>
      </c>
      <c r="AL35445">
        <v>14</v>
      </c>
      <c r="AM35445">
        <v>14</v>
      </c>
      <c r="AN35445">
        <v>14</v>
      </c>
      <c r="AO35445">
        <v>14</v>
      </c>
      <c r="AP35445">
        <v>15</v>
      </c>
      <c r="AQ35445">
        <v>15</v>
      </c>
    </row>
    <row r="35446" spans="1:43">
      <c r="A35446" t="s">
        <v>21977</v>
      </c>
      <c r="B35446" t="s">
        <v>21978</v>
      </c>
      <c r="C35446" t="s">
        <v>21979</v>
      </c>
      <c r="D35446" t="s">
        <v>21980</v>
      </c>
      <c r="E35446" t="s">
        <v>21935</v>
      </c>
      <c r="F35446" t="s">
        <v>21936</v>
      </c>
      <c r="G35446" t="s">
        <v>20255</v>
      </c>
      <c r="H35446" t="s">
        <v>20256</v>
      </c>
      <c r="I35446" s="2">
        <v>1</v>
      </c>
      <c r="J35446" s="2">
        <v>0</v>
      </c>
      <c r="K35446" s="2">
        <v>0</v>
      </c>
      <c r="L35446" t="s">
        <v>120</v>
      </c>
      <c r="M35446" t="s">
        <v>83</v>
      </c>
      <c r="N35446" t="s">
        <v>84</v>
      </c>
      <c r="O35446" t="s">
        <v>85</v>
      </c>
      <c r="P35446" t="s">
        <v>86</v>
      </c>
      <c r="Q35446">
        <v>60</v>
      </c>
      <c r="R35446">
        <v>62</v>
      </c>
      <c r="S35446">
        <v>63</v>
      </c>
      <c r="T35446">
        <v>64</v>
      </c>
      <c r="U35446">
        <v>65</v>
      </c>
      <c r="V35446">
        <v>67</v>
      </c>
      <c r="W35446">
        <v>68</v>
      </c>
      <c r="X35446">
        <v>69</v>
      </c>
      <c r="Y35446">
        <v>71</v>
      </c>
      <c r="Z35446">
        <v>72</v>
      </c>
      <c r="AA35446">
        <v>73</v>
      </c>
      <c r="AB35446">
        <v>75</v>
      </c>
      <c r="AC35446">
        <v>76</v>
      </c>
      <c r="AD35446">
        <v>77</v>
      </c>
      <c r="AE35446">
        <v>79</v>
      </c>
      <c r="AF35446">
        <v>80</v>
      </c>
      <c r="AG35446">
        <v>82</v>
      </c>
      <c r="AH35446">
        <v>83</v>
      </c>
      <c r="AI35446">
        <v>85</v>
      </c>
      <c r="AJ35446">
        <v>86</v>
      </c>
      <c r="AK35446">
        <v>88</v>
      </c>
      <c r="AL35446">
        <v>89</v>
      </c>
      <c r="AM35446">
        <v>90</v>
      </c>
      <c r="AN35446">
        <v>90</v>
      </c>
      <c r="AO35446">
        <v>91</v>
      </c>
      <c r="AP35446">
        <v>92</v>
      </c>
      <c r="AQ35446">
        <v>93</v>
      </c>
    </row>
    <row r="35447" spans="1:43">
      <c r="A35447" t="s">
        <v>21977</v>
      </c>
      <c r="B35447" t="s">
        <v>21978</v>
      </c>
      <c r="C35447" t="s">
        <v>21979</v>
      </c>
      <c r="D35447" t="s">
        <v>21980</v>
      </c>
      <c r="E35447" t="s">
        <v>21935</v>
      </c>
      <c r="F35447" t="s">
        <v>21936</v>
      </c>
      <c r="G35447" t="s">
        <v>20255</v>
      </c>
      <c r="H35447" t="s">
        <v>20256</v>
      </c>
      <c r="I35447" s="2">
        <v>1</v>
      </c>
      <c r="J35447" s="2">
        <v>0</v>
      </c>
      <c r="K35447" s="2">
        <v>0</v>
      </c>
      <c r="L35447" t="s">
        <v>120</v>
      </c>
      <c r="M35447" t="s">
        <v>87</v>
      </c>
      <c r="N35447" t="s">
        <v>88</v>
      </c>
      <c r="O35447" t="s">
        <v>85</v>
      </c>
      <c r="P35447" t="s">
        <v>86</v>
      </c>
      <c r="Q35447">
        <v>60</v>
      </c>
      <c r="R35447">
        <v>60</v>
      </c>
      <c r="S35447">
        <v>61</v>
      </c>
      <c r="T35447">
        <v>62</v>
      </c>
      <c r="U35447">
        <v>63</v>
      </c>
      <c r="V35447">
        <v>63</v>
      </c>
      <c r="W35447">
        <v>64</v>
      </c>
      <c r="X35447">
        <v>65</v>
      </c>
      <c r="Y35447">
        <v>65</v>
      </c>
      <c r="Z35447">
        <v>66</v>
      </c>
      <c r="AA35447">
        <v>67</v>
      </c>
      <c r="AB35447">
        <v>68</v>
      </c>
      <c r="AC35447">
        <v>69</v>
      </c>
      <c r="AD35447">
        <v>69</v>
      </c>
      <c r="AE35447">
        <v>70</v>
      </c>
      <c r="AF35447">
        <v>71</v>
      </c>
      <c r="AG35447">
        <v>72</v>
      </c>
      <c r="AH35447">
        <v>73</v>
      </c>
      <c r="AI35447">
        <v>74</v>
      </c>
      <c r="AJ35447">
        <v>74</v>
      </c>
      <c r="AK35447">
        <v>75</v>
      </c>
      <c r="AL35447">
        <v>76</v>
      </c>
      <c r="AM35447">
        <v>77</v>
      </c>
      <c r="AN35447">
        <v>78</v>
      </c>
      <c r="AO35447">
        <v>79</v>
      </c>
      <c r="AP35447">
        <v>80</v>
      </c>
      <c r="AQ35447">
        <v>81</v>
      </c>
    </row>
    <row r="35448" spans="1:43">
      <c r="A35448" t="s">
        <v>21977</v>
      </c>
      <c r="B35448" t="s">
        <v>21978</v>
      </c>
      <c r="C35448" t="s">
        <v>21979</v>
      </c>
      <c r="D35448" t="s">
        <v>21980</v>
      </c>
      <c r="E35448" t="s">
        <v>21935</v>
      </c>
      <c r="F35448" t="s">
        <v>21936</v>
      </c>
      <c r="G35448" t="s">
        <v>20255</v>
      </c>
      <c r="H35448" t="s">
        <v>20256</v>
      </c>
      <c r="I35448" s="2">
        <v>1</v>
      </c>
      <c r="J35448" s="2">
        <v>0</v>
      </c>
      <c r="K35448" s="2">
        <v>0</v>
      </c>
      <c r="L35448" t="s">
        <v>120</v>
      </c>
      <c r="M35448" t="s">
        <v>89</v>
      </c>
      <c r="N35448" t="s">
        <v>90</v>
      </c>
      <c r="O35448" t="s">
        <v>85</v>
      </c>
      <c r="P35448" t="s">
        <v>86</v>
      </c>
      <c r="Q35448">
        <v>60</v>
      </c>
      <c r="R35448">
        <v>62</v>
      </c>
      <c r="S35448">
        <v>63</v>
      </c>
      <c r="T35448">
        <v>65</v>
      </c>
      <c r="U35448">
        <v>67</v>
      </c>
      <c r="V35448">
        <v>69</v>
      </c>
      <c r="W35448">
        <v>70</v>
      </c>
      <c r="X35448">
        <v>72</v>
      </c>
      <c r="Y35448">
        <v>74</v>
      </c>
      <c r="Z35448">
        <v>75</v>
      </c>
      <c r="AA35448">
        <v>77</v>
      </c>
      <c r="AB35448">
        <v>79</v>
      </c>
      <c r="AC35448">
        <v>80</v>
      </c>
      <c r="AD35448">
        <v>82</v>
      </c>
      <c r="AE35448">
        <v>83</v>
      </c>
      <c r="AF35448">
        <v>84</v>
      </c>
      <c r="AG35448">
        <v>85</v>
      </c>
      <c r="AH35448">
        <v>86</v>
      </c>
      <c r="AI35448">
        <v>86</v>
      </c>
      <c r="AJ35448">
        <v>87</v>
      </c>
      <c r="AK35448">
        <v>88</v>
      </c>
      <c r="AL35448">
        <v>89</v>
      </c>
      <c r="AM35448">
        <v>89</v>
      </c>
      <c r="AN35448">
        <v>90</v>
      </c>
      <c r="AO35448">
        <v>91</v>
      </c>
      <c r="AP35448">
        <v>92</v>
      </c>
      <c r="AQ35448">
        <v>93</v>
      </c>
    </row>
    <row r="35449" spans="1:43">
      <c r="A35449" t="s">
        <v>21977</v>
      </c>
      <c r="B35449" t="s">
        <v>21978</v>
      </c>
      <c r="C35449" t="s">
        <v>21979</v>
      </c>
      <c r="D35449" t="s">
        <v>21980</v>
      </c>
      <c r="E35449" t="s">
        <v>21935</v>
      </c>
      <c r="F35449" t="s">
        <v>21936</v>
      </c>
      <c r="G35449" t="s">
        <v>20255</v>
      </c>
      <c r="H35449" t="s">
        <v>20256</v>
      </c>
      <c r="I35449" s="2">
        <v>1</v>
      </c>
      <c r="J35449" s="2">
        <v>0</v>
      </c>
      <c r="K35449" s="2">
        <v>0</v>
      </c>
      <c r="L35449" t="s">
        <v>120</v>
      </c>
      <c r="M35449" t="s">
        <v>83</v>
      </c>
      <c r="N35449" t="s">
        <v>91</v>
      </c>
      <c r="O35449" t="s">
        <v>85</v>
      </c>
      <c r="P35449" t="s">
        <v>86</v>
      </c>
      <c r="Q35449">
        <v>60</v>
      </c>
      <c r="R35449">
        <v>62</v>
      </c>
      <c r="S35449">
        <v>63</v>
      </c>
      <c r="T35449">
        <v>64</v>
      </c>
      <c r="U35449">
        <v>65</v>
      </c>
      <c r="V35449">
        <v>67</v>
      </c>
      <c r="W35449">
        <v>68</v>
      </c>
      <c r="X35449">
        <v>69</v>
      </c>
      <c r="Y35449">
        <v>71</v>
      </c>
      <c r="Z35449">
        <v>72</v>
      </c>
      <c r="AA35449">
        <v>73</v>
      </c>
      <c r="AB35449">
        <v>75</v>
      </c>
      <c r="AC35449">
        <v>76</v>
      </c>
      <c r="AD35449">
        <v>77</v>
      </c>
      <c r="AE35449">
        <v>79</v>
      </c>
      <c r="AF35449">
        <v>80</v>
      </c>
      <c r="AG35449">
        <v>82</v>
      </c>
      <c r="AH35449">
        <v>83</v>
      </c>
      <c r="AI35449">
        <v>85</v>
      </c>
      <c r="AJ35449">
        <v>86</v>
      </c>
      <c r="AK35449">
        <v>88</v>
      </c>
      <c r="AL35449">
        <v>89</v>
      </c>
      <c r="AM35449">
        <v>90</v>
      </c>
      <c r="AN35449">
        <v>90</v>
      </c>
      <c r="AO35449">
        <v>91</v>
      </c>
      <c r="AP35449">
        <v>92</v>
      </c>
      <c r="AQ35449">
        <v>93</v>
      </c>
    </row>
    <row r="35450" spans="1:43">
      <c r="A35450" t="s">
        <v>21981</v>
      </c>
      <c r="B35450" t="s">
        <v>21982</v>
      </c>
      <c r="C35450" t="s">
        <v>21983</v>
      </c>
      <c r="D35450" t="s">
        <v>21984</v>
      </c>
      <c r="E35450" t="s">
        <v>21935</v>
      </c>
      <c r="F35450" t="s">
        <v>21936</v>
      </c>
      <c r="G35450" t="s">
        <v>20255</v>
      </c>
      <c r="H35450" t="s">
        <v>20256</v>
      </c>
      <c r="I35450" s="2">
        <v>1</v>
      </c>
      <c r="J35450" s="2">
        <v>0</v>
      </c>
      <c r="K35450" s="2">
        <v>0</v>
      </c>
      <c r="L35450" t="s">
        <v>120</v>
      </c>
      <c r="M35450" t="s">
        <v>83</v>
      </c>
      <c r="N35450" t="s">
        <v>84</v>
      </c>
      <c r="O35450" t="s">
        <v>85</v>
      </c>
      <c r="P35450" t="s">
        <v>86</v>
      </c>
      <c r="Q35450">
        <v>46</v>
      </c>
      <c r="R35450">
        <v>47</v>
      </c>
      <c r="S35450">
        <v>48</v>
      </c>
      <c r="T35450">
        <v>49</v>
      </c>
      <c r="U35450">
        <v>49</v>
      </c>
      <c r="V35450">
        <v>50</v>
      </c>
      <c r="W35450">
        <v>51</v>
      </c>
      <c r="X35450">
        <v>51</v>
      </c>
      <c r="Y35450">
        <v>52</v>
      </c>
      <c r="Z35450">
        <v>53</v>
      </c>
      <c r="AA35450">
        <v>53</v>
      </c>
      <c r="AB35450">
        <v>54</v>
      </c>
      <c r="AC35450">
        <v>55</v>
      </c>
      <c r="AD35450">
        <v>55</v>
      </c>
      <c r="AE35450">
        <v>56</v>
      </c>
      <c r="AF35450">
        <v>57</v>
      </c>
      <c r="AG35450">
        <v>57</v>
      </c>
      <c r="AH35450">
        <v>58</v>
      </c>
      <c r="AI35450">
        <v>59</v>
      </c>
      <c r="AJ35450">
        <v>59</v>
      </c>
      <c r="AK35450">
        <v>60</v>
      </c>
      <c r="AL35450">
        <v>61</v>
      </c>
      <c r="AM35450">
        <v>61</v>
      </c>
      <c r="AN35450">
        <v>61</v>
      </c>
      <c r="AO35450">
        <v>61</v>
      </c>
      <c r="AP35450">
        <v>61</v>
      </c>
      <c r="AQ35450">
        <v>62</v>
      </c>
    </row>
    <row r="35451" spans="1:43">
      <c r="A35451" t="s">
        <v>21981</v>
      </c>
      <c r="B35451" t="s">
        <v>21982</v>
      </c>
      <c r="C35451" t="s">
        <v>21983</v>
      </c>
      <c r="D35451" t="s">
        <v>21984</v>
      </c>
      <c r="E35451" t="s">
        <v>21935</v>
      </c>
      <c r="F35451" t="s">
        <v>21936</v>
      </c>
      <c r="G35451" t="s">
        <v>20255</v>
      </c>
      <c r="H35451" t="s">
        <v>20256</v>
      </c>
      <c r="I35451" s="2">
        <v>1</v>
      </c>
      <c r="J35451" s="2">
        <v>0</v>
      </c>
      <c r="K35451" s="2">
        <v>0</v>
      </c>
      <c r="L35451" t="s">
        <v>120</v>
      </c>
      <c r="M35451" t="s">
        <v>87</v>
      </c>
      <c r="N35451" t="s">
        <v>88</v>
      </c>
      <c r="O35451" t="s">
        <v>85</v>
      </c>
      <c r="P35451" t="s">
        <v>86</v>
      </c>
      <c r="Q35451">
        <v>46</v>
      </c>
      <c r="R35451">
        <v>46</v>
      </c>
      <c r="S35451">
        <v>47</v>
      </c>
      <c r="T35451">
        <v>47</v>
      </c>
      <c r="U35451">
        <v>47</v>
      </c>
      <c r="V35451">
        <v>47</v>
      </c>
      <c r="W35451">
        <v>48</v>
      </c>
      <c r="X35451">
        <v>48</v>
      </c>
      <c r="Y35451">
        <v>48</v>
      </c>
      <c r="Z35451">
        <v>48</v>
      </c>
      <c r="AA35451">
        <v>49</v>
      </c>
      <c r="AB35451">
        <v>49</v>
      </c>
      <c r="AC35451">
        <v>49</v>
      </c>
      <c r="AD35451">
        <v>49</v>
      </c>
      <c r="AE35451">
        <v>50</v>
      </c>
      <c r="AF35451">
        <v>50</v>
      </c>
      <c r="AG35451">
        <v>50</v>
      </c>
      <c r="AH35451">
        <v>51</v>
      </c>
      <c r="AI35451">
        <v>51</v>
      </c>
      <c r="AJ35451">
        <v>51</v>
      </c>
      <c r="AK35451">
        <v>51</v>
      </c>
      <c r="AL35451">
        <v>52</v>
      </c>
      <c r="AM35451">
        <v>52</v>
      </c>
      <c r="AN35451">
        <v>52</v>
      </c>
      <c r="AO35451">
        <v>53</v>
      </c>
      <c r="AP35451">
        <v>53</v>
      </c>
      <c r="AQ35451">
        <v>53</v>
      </c>
    </row>
    <row r="35452" spans="1:43">
      <c r="A35452" t="s">
        <v>21981</v>
      </c>
      <c r="B35452" t="s">
        <v>21982</v>
      </c>
      <c r="C35452" t="s">
        <v>21983</v>
      </c>
      <c r="D35452" t="s">
        <v>21984</v>
      </c>
      <c r="E35452" t="s">
        <v>21935</v>
      </c>
      <c r="F35452" t="s">
        <v>21936</v>
      </c>
      <c r="G35452" t="s">
        <v>20255</v>
      </c>
      <c r="H35452" t="s">
        <v>20256</v>
      </c>
      <c r="I35452" s="2">
        <v>1</v>
      </c>
      <c r="J35452" s="2">
        <v>0</v>
      </c>
      <c r="K35452" s="2">
        <v>0</v>
      </c>
      <c r="L35452" t="s">
        <v>120</v>
      </c>
      <c r="M35452" t="s">
        <v>89</v>
      </c>
      <c r="N35452" t="s">
        <v>90</v>
      </c>
      <c r="O35452" t="s">
        <v>85</v>
      </c>
      <c r="P35452" t="s">
        <v>86</v>
      </c>
      <c r="Q35452">
        <v>46</v>
      </c>
      <c r="R35452">
        <v>47</v>
      </c>
      <c r="S35452">
        <v>48</v>
      </c>
      <c r="T35452">
        <v>49</v>
      </c>
      <c r="U35452">
        <v>50</v>
      </c>
      <c r="V35452">
        <v>51</v>
      </c>
      <c r="W35452">
        <v>52</v>
      </c>
      <c r="X35452">
        <v>53</v>
      </c>
      <c r="Y35452">
        <v>54</v>
      </c>
      <c r="Z35452">
        <v>55</v>
      </c>
      <c r="AA35452">
        <v>56</v>
      </c>
      <c r="AB35452">
        <v>57</v>
      </c>
      <c r="AC35452">
        <v>58</v>
      </c>
      <c r="AD35452">
        <v>59</v>
      </c>
      <c r="AE35452">
        <v>59</v>
      </c>
      <c r="AF35452">
        <v>59</v>
      </c>
      <c r="AG35452">
        <v>59</v>
      </c>
      <c r="AH35452">
        <v>60</v>
      </c>
      <c r="AI35452">
        <v>60</v>
      </c>
      <c r="AJ35452">
        <v>60</v>
      </c>
      <c r="AK35452">
        <v>60</v>
      </c>
      <c r="AL35452">
        <v>60</v>
      </c>
      <c r="AM35452">
        <v>61</v>
      </c>
      <c r="AN35452">
        <v>61</v>
      </c>
      <c r="AO35452">
        <v>61</v>
      </c>
      <c r="AP35452">
        <v>61</v>
      </c>
      <c r="AQ35452">
        <v>61</v>
      </c>
    </row>
    <row r="35453" spans="1:43">
      <c r="A35453" t="s">
        <v>21981</v>
      </c>
      <c r="B35453" t="s">
        <v>21982</v>
      </c>
      <c r="C35453" t="s">
        <v>21983</v>
      </c>
      <c r="D35453" t="s">
        <v>21984</v>
      </c>
      <c r="E35453" t="s">
        <v>21935</v>
      </c>
      <c r="F35453" t="s">
        <v>21936</v>
      </c>
      <c r="G35453" t="s">
        <v>20255</v>
      </c>
      <c r="H35453" t="s">
        <v>20256</v>
      </c>
      <c r="I35453" s="2">
        <v>1</v>
      </c>
      <c r="J35453" s="2">
        <v>0</v>
      </c>
      <c r="K35453" s="2">
        <v>0</v>
      </c>
      <c r="L35453" t="s">
        <v>120</v>
      </c>
      <c r="M35453" t="s">
        <v>83</v>
      </c>
      <c r="N35453" t="s">
        <v>91</v>
      </c>
      <c r="O35453" t="s">
        <v>85</v>
      </c>
      <c r="P35453" t="s">
        <v>86</v>
      </c>
      <c r="Q35453">
        <v>46</v>
      </c>
      <c r="R35453">
        <v>47</v>
      </c>
      <c r="S35453">
        <v>48</v>
      </c>
      <c r="T35453">
        <v>49</v>
      </c>
      <c r="U35453">
        <v>49</v>
      </c>
      <c r="V35453">
        <v>50</v>
      </c>
      <c r="W35453">
        <v>51</v>
      </c>
      <c r="X35453">
        <v>51</v>
      </c>
      <c r="Y35453">
        <v>52</v>
      </c>
      <c r="Z35453">
        <v>53</v>
      </c>
      <c r="AA35453">
        <v>53</v>
      </c>
      <c r="AB35453">
        <v>54</v>
      </c>
      <c r="AC35453">
        <v>55</v>
      </c>
      <c r="AD35453">
        <v>55</v>
      </c>
      <c r="AE35453">
        <v>56</v>
      </c>
      <c r="AF35453">
        <v>57</v>
      </c>
      <c r="AG35453">
        <v>57</v>
      </c>
      <c r="AH35453">
        <v>58</v>
      </c>
      <c r="AI35453">
        <v>59</v>
      </c>
      <c r="AJ35453">
        <v>59</v>
      </c>
      <c r="AK35453">
        <v>60</v>
      </c>
      <c r="AL35453">
        <v>61</v>
      </c>
      <c r="AM35453">
        <v>61</v>
      </c>
      <c r="AN35453">
        <v>61</v>
      </c>
      <c r="AO35453">
        <v>61</v>
      </c>
      <c r="AP35453">
        <v>61</v>
      </c>
      <c r="AQ35453">
        <v>62</v>
      </c>
    </row>
    <row r="35454" spans="1:43">
      <c r="A35454" t="s">
        <v>21985</v>
      </c>
      <c r="B35454" t="s">
        <v>21986</v>
      </c>
      <c r="C35454" t="s">
        <v>21941</v>
      </c>
      <c r="D35454" t="s">
        <v>21942</v>
      </c>
      <c r="E35454" t="s">
        <v>21935</v>
      </c>
      <c r="F35454" t="s">
        <v>21936</v>
      </c>
      <c r="G35454" t="s">
        <v>20255</v>
      </c>
      <c r="H35454" t="s">
        <v>20256</v>
      </c>
      <c r="I35454" s="2">
        <v>1</v>
      </c>
      <c r="J35454" s="2">
        <v>0</v>
      </c>
      <c r="K35454" s="2">
        <v>0</v>
      </c>
      <c r="L35454" t="s">
        <v>120</v>
      </c>
      <c r="M35454" t="s">
        <v>83</v>
      </c>
      <c r="N35454" t="s">
        <v>84</v>
      </c>
      <c r="O35454" t="s">
        <v>85</v>
      </c>
      <c r="P35454" t="s">
        <v>86</v>
      </c>
      <c r="Q35454">
        <v>31</v>
      </c>
      <c r="R35454">
        <v>31</v>
      </c>
      <c r="S35454">
        <v>32</v>
      </c>
      <c r="T35454">
        <v>33</v>
      </c>
      <c r="U35454">
        <v>33</v>
      </c>
      <c r="V35454">
        <v>34</v>
      </c>
      <c r="W35454">
        <v>35</v>
      </c>
      <c r="X35454">
        <v>35</v>
      </c>
      <c r="Y35454">
        <v>36</v>
      </c>
      <c r="Z35454">
        <v>37</v>
      </c>
      <c r="AA35454">
        <v>37</v>
      </c>
      <c r="AB35454">
        <v>38</v>
      </c>
      <c r="AC35454">
        <v>38</v>
      </c>
      <c r="AD35454">
        <v>39</v>
      </c>
      <c r="AE35454">
        <v>40</v>
      </c>
      <c r="AF35454">
        <v>41</v>
      </c>
      <c r="AG35454">
        <v>41</v>
      </c>
      <c r="AH35454">
        <v>42</v>
      </c>
      <c r="AI35454">
        <v>43</v>
      </c>
      <c r="AJ35454">
        <v>43</v>
      </c>
      <c r="AK35454">
        <v>44</v>
      </c>
      <c r="AL35454">
        <v>45</v>
      </c>
      <c r="AM35454">
        <v>45</v>
      </c>
      <c r="AN35454">
        <v>45</v>
      </c>
      <c r="AO35454">
        <v>46</v>
      </c>
      <c r="AP35454">
        <v>46</v>
      </c>
      <c r="AQ35454">
        <v>47</v>
      </c>
    </row>
    <row r="35455" spans="1:43">
      <c r="A35455" t="s">
        <v>21985</v>
      </c>
      <c r="B35455" t="s">
        <v>21986</v>
      </c>
      <c r="C35455" t="s">
        <v>21941</v>
      </c>
      <c r="D35455" t="s">
        <v>21942</v>
      </c>
      <c r="E35455" t="s">
        <v>21935</v>
      </c>
      <c r="F35455" t="s">
        <v>21936</v>
      </c>
      <c r="G35455" t="s">
        <v>20255</v>
      </c>
      <c r="H35455" t="s">
        <v>20256</v>
      </c>
      <c r="I35455" s="2">
        <v>1</v>
      </c>
      <c r="J35455" s="2">
        <v>0</v>
      </c>
      <c r="K35455" s="2">
        <v>0</v>
      </c>
      <c r="L35455" t="s">
        <v>120</v>
      </c>
      <c r="M35455" t="s">
        <v>87</v>
      </c>
      <c r="N35455" t="s">
        <v>88</v>
      </c>
      <c r="O35455" t="s">
        <v>85</v>
      </c>
      <c r="P35455" t="s">
        <v>86</v>
      </c>
      <c r="Q35455">
        <v>31</v>
      </c>
      <c r="R35455">
        <v>31</v>
      </c>
      <c r="S35455">
        <v>31</v>
      </c>
      <c r="T35455">
        <v>32</v>
      </c>
      <c r="U35455">
        <v>32</v>
      </c>
      <c r="V35455">
        <v>32</v>
      </c>
      <c r="W35455">
        <v>33</v>
      </c>
      <c r="X35455">
        <v>33</v>
      </c>
      <c r="Y35455">
        <v>33</v>
      </c>
      <c r="Z35455">
        <v>34</v>
      </c>
      <c r="AA35455">
        <v>34</v>
      </c>
      <c r="AB35455">
        <v>34</v>
      </c>
      <c r="AC35455">
        <v>35</v>
      </c>
      <c r="AD35455">
        <v>35</v>
      </c>
      <c r="AE35455">
        <v>35</v>
      </c>
      <c r="AF35455">
        <v>36</v>
      </c>
      <c r="AG35455">
        <v>36</v>
      </c>
      <c r="AH35455">
        <v>36</v>
      </c>
      <c r="AI35455">
        <v>37</v>
      </c>
      <c r="AJ35455">
        <v>37</v>
      </c>
      <c r="AK35455">
        <v>38</v>
      </c>
      <c r="AL35455">
        <v>38</v>
      </c>
      <c r="AM35455">
        <v>39</v>
      </c>
      <c r="AN35455">
        <v>39</v>
      </c>
      <c r="AO35455">
        <v>39</v>
      </c>
      <c r="AP35455">
        <v>40</v>
      </c>
      <c r="AQ35455">
        <v>40</v>
      </c>
    </row>
    <row r="35456" spans="1:43">
      <c r="A35456" t="s">
        <v>21985</v>
      </c>
      <c r="B35456" t="s">
        <v>21986</v>
      </c>
      <c r="C35456" t="s">
        <v>21941</v>
      </c>
      <c r="D35456" t="s">
        <v>21942</v>
      </c>
      <c r="E35456" t="s">
        <v>21935</v>
      </c>
      <c r="F35456" t="s">
        <v>21936</v>
      </c>
      <c r="G35456" t="s">
        <v>20255</v>
      </c>
      <c r="H35456" t="s">
        <v>20256</v>
      </c>
      <c r="I35456" s="2">
        <v>1</v>
      </c>
      <c r="J35456" s="2">
        <v>0</v>
      </c>
      <c r="K35456" s="2">
        <v>0</v>
      </c>
      <c r="L35456" t="s">
        <v>120</v>
      </c>
      <c r="M35456" t="s">
        <v>89</v>
      </c>
      <c r="N35456" t="s">
        <v>90</v>
      </c>
      <c r="O35456" t="s">
        <v>85</v>
      </c>
      <c r="P35456" t="s">
        <v>86</v>
      </c>
      <c r="Q35456">
        <v>31</v>
      </c>
      <c r="R35456">
        <v>32</v>
      </c>
      <c r="S35456">
        <v>33</v>
      </c>
      <c r="T35456">
        <v>34</v>
      </c>
      <c r="U35456">
        <v>35</v>
      </c>
      <c r="V35456">
        <v>36</v>
      </c>
      <c r="W35456">
        <v>36</v>
      </c>
      <c r="X35456">
        <v>37</v>
      </c>
      <c r="Y35456">
        <v>38</v>
      </c>
      <c r="Z35456">
        <v>39</v>
      </c>
      <c r="AA35456">
        <v>40</v>
      </c>
      <c r="AB35456">
        <v>40</v>
      </c>
      <c r="AC35456">
        <v>41</v>
      </c>
      <c r="AD35456">
        <v>42</v>
      </c>
      <c r="AE35456">
        <v>43</v>
      </c>
      <c r="AF35456">
        <v>43</v>
      </c>
      <c r="AG35456">
        <v>43</v>
      </c>
      <c r="AH35456">
        <v>44</v>
      </c>
      <c r="AI35456">
        <v>44</v>
      </c>
      <c r="AJ35456">
        <v>44</v>
      </c>
      <c r="AK35456">
        <v>45</v>
      </c>
      <c r="AL35456">
        <v>45</v>
      </c>
      <c r="AM35456">
        <v>46</v>
      </c>
      <c r="AN35456">
        <v>46</v>
      </c>
      <c r="AO35456">
        <v>46</v>
      </c>
      <c r="AP35456">
        <v>47</v>
      </c>
      <c r="AQ35456">
        <v>47</v>
      </c>
    </row>
    <row r="35457" spans="1:43">
      <c r="A35457" t="s">
        <v>21985</v>
      </c>
      <c r="B35457" t="s">
        <v>21986</v>
      </c>
      <c r="C35457" t="s">
        <v>21941</v>
      </c>
      <c r="D35457" t="s">
        <v>21942</v>
      </c>
      <c r="E35457" t="s">
        <v>21935</v>
      </c>
      <c r="F35457" t="s">
        <v>21936</v>
      </c>
      <c r="G35457" t="s">
        <v>20255</v>
      </c>
      <c r="H35457" t="s">
        <v>20256</v>
      </c>
      <c r="I35457" s="2">
        <v>1</v>
      </c>
      <c r="J35457" s="2">
        <v>0</v>
      </c>
      <c r="K35457" s="2">
        <v>0</v>
      </c>
      <c r="L35457" t="s">
        <v>120</v>
      </c>
      <c r="M35457" t="s">
        <v>83</v>
      </c>
      <c r="N35457" t="s">
        <v>91</v>
      </c>
      <c r="O35457" t="s">
        <v>85</v>
      </c>
      <c r="P35457" t="s">
        <v>86</v>
      </c>
      <c r="Q35457">
        <v>31</v>
      </c>
      <c r="R35457">
        <v>31</v>
      </c>
      <c r="S35457">
        <v>32</v>
      </c>
      <c r="T35457">
        <v>33</v>
      </c>
      <c r="U35457">
        <v>33</v>
      </c>
      <c r="V35457">
        <v>34</v>
      </c>
      <c r="W35457">
        <v>35</v>
      </c>
      <c r="X35457">
        <v>35</v>
      </c>
      <c r="Y35457">
        <v>36</v>
      </c>
      <c r="Z35457">
        <v>37</v>
      </c>
      <c r="AA35457">
        <v>37</v>
      </c>
      <c r="AB35457">
        <v>38</v>
      </c>
      <c r="AC35457">
        <v>38</v>
      </c>
      <c r="AD35457">
        <v>39</v>
      </c>
      <c r="AE35457">
        <v>40</v>
      </c>
      <c r="AF35457">
        <v>41</v>
      </c>
      <c r="AG35457">
        <v>41</v>
      </c>
      <c r="AH35457">
        <v>42</v>
      </c>
      <c r="AI35457">
        <v>43</v>
      </c>
      <c r="AJ35457">
        <v>43</v>
      </c>
      <c r="AK35457">
        <v>44</v>
      </c>
      <c r="AL35457">
        <v>45</v>
      </c>
      <c r="AM35457">
        <v>45</v>
      </c>
      <c r="AN35457">
        <v>45</v>
      </c>
      <c r="AO35457">
        <v>46</v>
      </c>
      <c r="AP35457">
        <v>46</v>
      </c>
      <c r="AQ35457">
        <v>47</v>
      </c>
    </row>
    <row r="35458" spans="1:43">
      <c r="A35458" t="s">
        <v>21987</v>
      </c>
      <c r="B35458" t="s">
        <v>21988</v>
      </c>
      <c r="C35458" t="s">
        <v>21941</v>
      </c>
      <c r="D35458" t="s">
        <v>21942</v>
      </c>
      <c r="E35458" t="s">
        <v>21935</v>
      </c>
      <c r="F35458" t="s">
        <v>21936</v>
      </c>
      <c r="G35458" t="s">
        <v>20255</v>
      </c>
      <c r="H35458" t="s">
        <v>20256</v>
      </c>
      <c r="I35458" s="2">
        <v>1</v>
      </c>
      <c r="J35458" s="2">
        <v>0</v>
      </c>
      <c r="K35458" s="2">
        <v>0</v>
      </c>
      <c r="L35458" t="s">
        <v>120</v>
      </c>
      <c r="M35458" t="s">
        <v>83</v>
      </c>
      <c r="N35458" t="s">
        <v>84</v>
      </c>
      <c r="O35458" t="s">
        <v>85</v>
      </c>
      <c r="P35458" t="s">
        <v>86</v>
      </c>
      <c r="Q35458">
        <v>24</v>
      </c>
      <c r="R35458">
        <v>24</v>
      </c>
      <c r="S35458">
        <v>25</v>
      </c>
      <c r="T35458">
        <v>25</v>
      </c>
      <c r="U35458">
        <v>26</v>
      </c>
      <c r="V35458">
        <v>26</v>
      </c>
      <c r="W35458">
        <v>27</v>
      </c>
      <c r="X35458">
        <v>27</v>
      </c>
      <c r="Y35458">
        <v>27</v>
      </c>
      <c r="Z35458">
        <v>28</v>
      </c>
      <c r="AA35458">
        <v>28</v>
      </c>
      <c r="AB35458">
        <v>29</v>
      </c>
      <c r="AC35458">
        <v>29</v>
      </c>
      <c r="AD35458">
        <v>30</v>
      </c>
      <c r="AE35458">
        <v>30</v>
      </c>
      <c r="AF35458">
        <v>31</v>
      </c>
      <c r="AG35458">
        <v>31</v>
      </c>
      <c r="AH35458">
        <v>32</v>
      </c>
      <c r="AI35458">
        <v>32</v>
      </c>
      <c r="AJ35458">
        <v>33</v>
      </c>
      <c r="AK35458">
        <v>33</v>
      </c>
      <c r="AL35458">
        <v>34</v>
      </c>
      <c r="AM35458">
        <v>34</v>
      </c>
      <c r="AN35458">
        <v>34</v>
      </c>
      <c r="AO35458">
        <v>34</v>
      </c>
      <c r="AP35458">
        <v>34</v>
      </c>
      <c r="AQ35458">
        <v>35</v>
      </c>
    </row>
    <row r="35459" spans="1:43">
      <c r="A35459" t="s">
        <v>21987</v>
      </c>
      <c r="B35459" t="s">
        <v>21988</v>
      </c>
      <c r="C35459" t="s">
        <v>21941</v>
      </c>
      <c r="D35459" t="s">
        <v>21942</v>
      </c>
      <c r="E35459" t="s">
        <v>21935</v>
      </c>
      <c r="F35459" t="s">
        <v>21936</v>
      </c>
      <c r="G35459" t="s">
        <v>20255</v>
      </c>
      <c r="H35459" t="s">
        <v>20256</v>
      </c>
      <c r="I35459" s="2">
        <v>1</v>
      </c>
      <c r="J35459" s="2">
        <v>0</v>
      </c>
      <c r="K35459" s="2">
        <v>0</v>
      </c>
      <c r="L35459" t="s">
        <v>120</v>
      </c>
      <c r="M35459" t="s">
        <v>87</v>
      </c>
      <c r="N35459" t="s">
        <v>88</v>
      </c>
      <c r="O35459" t="s">
        <v>85</v>
      </c>
      <c r="P35459" t="s">
        <v>86</v>
      </c>
      <c r="Q35459">
        <v>24</v>
      </c>
      <c r="R35459">
        <v>24</v>
      </c>
      <c r="S35459">
        <v>24</v>
      </c>
      <c r="T35459">
        <v>24</v>
      </c>
      <c r="U35459">
        <v>24</v>
      </c>
      <c r="V35459">
        <v>25</v>
      </c>
      <c r="W35459">
        <v>25</v>
      </c>
      <c r="X35459">
        <v>25</v>
      </c>
      <c r="Y35459">
        <v>25</v>
      </c>
      <c r="Z35459">
        <v>26</v>
      </c>
      <c r="AA35459">
        <v>26</v>
      </c>
      <c r="AB35459">
        <v>26</v>
      </c>
      <c r="AC35459">
        <v>26</v>
      </c>
      <c r="AD35459">
        <v>27</v>
      </c>
      <c r="AE35459">
        <v>27</v>
      </c>
      <c r="AF35459">
        <v>27</v>
      </c>
      <c r="AG35459">
        <v>27</v>
      </c>
      <c r="AH35459">
        <v>28</v>
      </c>
      <c r="AI35459">
        <v>28</v>
      </c>
      <c r="AJ35459">
        <v>28</v>
      </c>
      <c r="AK35459">
        <v>28</v>
      </c>
      <c r="AL35459">
        <v>29</v>
      </c>
      <c r="AM35459">
        <v>29</v>
      </c>
      <c r="AN35459">
        <v>29</v>
      </c>
      <c r="AO35459">
        <v>30</v>
      </c>
      <c r="AP35459">
        <v>30</v>
      </c>
      <c r="AQ35459">
        <v>30</v>
      </c>
    </row>
    <row r="35460" spans="1:43">
      <c r="A35460" t="s">
        <v>21987</v>
      </c>
      <c r="B35460" t="s">
        <v>21988</v>
      </c>
      <c r="C35460" t="s">
        <v>21941</v>
      </c>
      <c r="D35460" t="s">
        <v>21942</v>
      </c>
      <c r="E35460" t="s">
        <v>21935</v>
      </c>
      <c r="F35460" t="s">
        <v>21936</v>
      </c>
      <c r="G35460" t="s">
        <v>20255</v>
      </c>
      <c r="H35460" t="s">
        <v>20256</v>
      </c>
      <c r="I35460" s="2">
        <v>1</v>
      </c>
      <c r="J35460" s="2">
        <v>0</v>
      </c>
      <c r="K35460" s="2">
        <v>0</v>
      </c>
      <c r="L35460" t="s">
        <v>120</v>
      </c>
      <c r="M35460" t="s">
        <v>89</v>
      </c>
      <c r="N35460" t="s">
        <v>90</v>
      </c>
      <c r="O35460" t="s">
        <v>85</v>
      </c>
      <c r="P35460" t="s">
        <v>86</v>
      </c>
      <c r="Q35460">
        <v>24</v>
      </c>
      <c r="R35460">
        <v>25</v>
      </c>
      <c r="S35460">
        <v>25</v>
      </c>
      <c r="T35460">
        <v>26</v>
      </c>
      <c r="U35460">
        <v>27</v>
      </c>
      <c r="V35460">
        <v>27</v>
      </c>
      <c r="W35460">
        <v>28</v>
      </c>
      <c r="X35460">
        <v>28</v>
      </c>
      <c r="Y35460">
        <v>29</v>
      </c>
      <c r="Z35460">
        <v>30</v>
      </c>
      <c r="AA35460">
        <v>30</v>
      </c>
      <c r="AB35460">
        <v>31</v>
      </c>
      <c r="AC35460">
        <v>31</v>
      </c>
      <c r="AD35460">
        <v>32</v>
      </c>
      <c r="AE35460">
        <v>32</v>
      </c>
      <c r="AF35460">
        <v>33</v>
      </c>
      <c r="AG35460">
        <v>33</v>
      </c>
      <c r="AH35460">
        <v>33</v>
      </c>
      <c r="AI35460">
        <v>33</v>
      </c>
      <c r="AJ35460">
        <v>33</v>
      </c>
      <c r="AK35460">
        <v>34</v>
      </c>
      <c r="AL35460">
        <v>34</v>
      </c>
      <c r="AM35460">
        <v>34</v>
      </c>
      <c r="AN35460">
        <v>34</v>
      </c>
      <c r="AO35460">
        <v>34</v>
      </c>
      <c r="AP35460">
        <v>35</v>
      </c>
      <c r="AQ35460">
        <v>35</v>
      </c>
    </row>
    <row r="35461" spans="1:43">
      <c r="A35461" t="s">
        <v>21987</v>
      </c>
      <c r="B35461" t="s">
        <v>21988</v>
      </c>
      <c r="C35461" t="s">
        <v>21941</v>
      </c>
      <c r="D35461" t="s">
        <v>21942</v>
      </c>
      <c r="E35461" t="s">
        <v>21935</v>
      </c>
      <c r="F35461" t="s">
        <v>21936</v>
      </c>
      <c r="G35461" t="s">
        <v>20255</v>
      </c>
      <c r="H35461" t="s">
        <v>20256</v>
      </c>
      <c r="I35461" s="2">
        <v>1</v>
      </c>
      <c r="J35461" s="2">
        <v>0</v>
      </c>
      <c r="K35461" s="2">
        <v>0</v>
      </c>
      <c r="L35461" t="s">
        <v>120</v>
      </c>
      <c r="M35461" t="s">
        <v>83</v>
      </c>
      <c r="N35461" t="s">
        <v>91</v>
      </c>
      <c r="O35461" t="s">
        <v>85</v>
      </c>
      <c r="P35461" t="s">
        <v>86</v>
      </c>
      <c r="Q35461">
        <v>24</v>
      </c>
      <c r="R35461">
        <v>24</v>
      </c>
      <c r="S35461">
        <v>25</v>
      </c>
      <c r="T35461">
        <v>25</v>
      </c>
      <c r="U35461">
        <v>26</v>
      </c>
      <c r="V35461">
        <v>26</v>
      </c>
      <c r="W35461">
        <v>27</v>
      </c>
      <c r="X35461">
        <v>27</v>
      </c>
      <c r="Y35461">
        <v>27</v>
      </c>
      <c r="Z35461">
        <v>28</v>
      </c>
      <c r="AA35461">
        <v>28</v>
      </c>
      <c r="AB35461">
        <v>29</v>
      </c>
      <c r="AC35461">
        <v>29</v>
      </c>
      <c r="AD35461">
        <v>30</v>
      </c>
      <c r="AE35461">
        <v>30</v>
      </c>
      <c r="AF35461">
        <v>31</v>
      </c>
      <c r="AG35461">
        <v>31</v>
      </c>
      <c r="AH35461">
        <v>32</v>
      </c>
      <c r="AI35461">
        <v>32</v>
      </c>
      <c r="AJ35461">
        <v>33</v>
      </c>
      <c r="AK35461">
        <v>33</v>
      </c>
      <c r="AL35461">
        <v>34</v>
      </c>
      <c r="AM35461">
        <v>34</v>
      </c>
      <c r="AN35461">
        <v>34</v>
      </c>
      <c r="AO35461">
        <v>34</v>
      </c>
      <c r="AP35461">
        <v>34</v>
      </c>
      <c r="AQ35461">
        <v>35</v>
      </c>
    </row>
    <row r="35462" spans="1:43">
      <c r="A35462" t="s">
        <v>21989</v>
      </c>
      <c r="B35462" t="s">
        <v>21990</v>
      </c>
      <c r="C35462" t="s">
        <v>21975</v>
      </c>
      <c r="D35462" t="s">
        <v>21976</v>
      </c>
      <c r="E35462" t="s">
        <v>21935</v>
      </c>
      <c r="F35462" t="s">
        <v>21936</v>
      </c>
      <c r="G35462" t="s">
        <v>20255</v>
      </c>
      <c r="H35462" t="s">
        <v>20256</v>
      </c>
      <c r="I35462" s="2">
        <v>1</v>
      </c>
      <c r="J35462" s="2">
        <v>0</v>
      </c>
      <c r="K35462" s="2">
        <v>0</v>
      </c>
      <c r="L35462" t="s">
        <v>120</v>
      </c>
      <c r="M35462" t="s">
        <v>83</v>
      </c>
      <c r="N35462" t="s">
        <v>84</v>
      </c>
      <c r="O35462" t="s">
        <v>85</v>
      </c>
      <c r="P35462" t="s">
        <v>86</v>
      </c>
      <c r="Q35462">
        <v>45</v>
      </c>
      <c r="R35462">
        <v>46</v>
      </c>
      <c r="S35462">
        <v>47</v>
      </c>
      <c r="T35462">
        <v>48</v>
      </c>
      <c r="U35462">
        <v>49</v>
      </c>
      <c r="V35462">
        <v>50</v>
      </c>
      <c r="W35462">
        <v>51</v>
      </c>
      <c r="X35462">
        <v>52</v>
      </c>
      <c r="Y35462">
        <v>53</v>
      </c>
      <c r="Z35462">
        <v>54</v>
      </c>
      <c r="AA35462">
        <v>55</v>
      </c>
      <c r="AB35462">
        <v>56</v>
      </c>
      <c r="AC35462">
        <v>57</v>
      </c>
      <c r="AD35462">
        <v>58</v>
      </c>
      <c r="AE35462">
        <v>59</v>
      </c>
      <c r="AF35462">
        <v>60</v>
      </c>
      <c r="AG35462">
        <v>61</v>
      </c>
      <c r="AH35462">
        <v>62</v>
      </c>
      <c r="AI35462">
        <v>63</v>
      </c>
      <c r="AJ35462">
        <v>65</v>
      </c>
      <c r="AK35462">
        <v>66</v>
      </c>
      <c r="AL35462">
        <v>66</v>
      </c>
      <c r="AM35462">
        <v>67</v>
      </c>
      <c r="AN35462">
        <v>68</v>
      </c>
      <c r="AO35462">
        <v>68</v>
      </c>
      <c r="AP35462">
        <v>69</v>
      </c>
      <c r="AQ35462">
        <v>70</v>
      </c>
    </row>
    <row r="35463" spans="1:43">
      <c r="A35463" t="s">
        <v>21989</v>
      </c>
      <c r="B35463" t="s">
        <v>21990</v>
      </c>
      <c r="C35463" t="s">
        <v>21975</v>
      </c>
      <c r="D35463" t="s">
        <v>21976</v>
      </c>
      <c r="E35463" t="s">
        <v>21935</v>
      </c>
      <c r="F35463" t="s">
        <v>21936</v>
      </c>
      <c r="G35463" t="s">
        <v>20255</v>
      </c>
      <c r="H35463" t="s">
        <v>20256</v>
      </c>
      <c r="I35463" s="2">
        <v>1</v>
      </c>
      <c r="J35463" s="2">
        <v>0</v>
      </c>
      <c r="K35463" s="2">
        <v>0</v>
      </c>
      <c r="L35463" t="s">
        <v>120</v>
      </c>
      <c r="M35463" t="s">
        <v>87</v>
      </c>
      <c r="N35463" t="s">
        <v>88</v>
      </c>
      <c r="O35463" t="s">
        <v>85</v>
      </c>
      <c r="P35463" t="s">
        <v>86</v>
      </c>
      <c r="Q35463">
        <v>45</v>
      </c>
      <c r="R35463">
        <v>45</v>
      </c>
      <c r="S35463">
        <v>46</v>
      </c>
      <c r="T35463">
        <v>46</v>
      </c>
      <c r="U35463">
        <v>47</v>
      </c>
      <c r="V35463">
        <v>47</v>
      </c>
      <c r="W35463">
        <v>48</v>
      </c>
      <c r="X35463">
        <v>48</v>
      </c>
      <c r="Y35463">
        <v>49</v>
      </c>
      <c r="Z35463">
        <v>50</v>
      </c>
      <c r="AA35463">
        <v>50</v>
      </c>
      <c r="AB35463">
        <v>51</v>
      </c>
      <c r="AC35463">
        <v>51</v>
      </c>
      <c r="AD35463">
        <v>52</v>
      </c>
      <c r="AE35463">
        <v>52</v>
      </c>
      <c r="AF35463">
        <v>53</v>
      </c>
      <c r="AG35463">
        <v>54</v>
      </c>
      <c r="AH35463">
        <v>54</v>
      </c>
      <c r="AI35463">
        <v>55</v>
      </c>
      <c r="AJ35463">
        <v>55</v>
      </c>
      <c r="AK35463">
        <v>56</v>
      </c>
      <c r="AL35463">
        <v>57</v>
      </c>
      <c r="AM35463">
        <v>58</v>
      </c>
      <c r="AN35463">
        <v>58</v>
      </c>
      <c r="AO35463">
        <v>59</v>
      </c>
      <c r="AP35463">
        <v>60</v>
      </c>
      <c r="AQ35463">
        <v>60</v>
      </c>
    </row>
    <row r="35464" spans="1:43">
      <c r="A35464" t="s">
        <v>21989</v>
      </c>
      <c r="B35464" t="s">
        <v>21990</v>
      </c>
      <c r="C35464" t="s">
        <v>21975</v>
      </c>
      <c r="D35464" t="s">
        <v>21976</v>
      </c>
      <c r="E35464" t="s">
        <v>21935</v>
      </c>
      <c r="F35464" t="s">
        <v>21936</v>
      </c>
      <c r="G35464" t="s">
        <v>20255</v>
      </c>
      <c r="H35464" t="s">
        <v>20256</v>
      </c>
      <c r="I35464" s="2">
        <v>1</v>
      </c>
      <c r="J35464" s="2">
        <v>0</v>
      </c>
      <c r="K35464" s="2">
        <v>0</v>
      </c>
      <c r="L35464" t="s">
        <v>120</v>
      </c>
      <c r="M35464" t="s">
        <v>89</v>
      </c>
      <c r="N35464" t="s">
        <v>90</v>
      </c>
      <c r="O35464" t="s">
        <v>85</v>
      </c>
      <c r="P35464" t="s">
        <v>86</v>
      </c>
      <c r="Q35464">
        <v>45</v>
      </c>
      <c r="R35464">
        <v>46</v>
      </c>
      <c r="S35464">
        <v>47</v>
      </c>
      <c r="T35464">
        <v>49</v>
      </c>
      <c r="U35464">
        <v>50</v>
      </c>
      <c r="V35464">
        <v>51</v>
      </c>
      <c r="W35464">
        <v>53</v>
      </c>
      <c r="X35464">
        <v>54</v>
      </c>
      <c r="Y35464">
        <v>55</v>
      </c>
      <c r="Z35464">
        <v>56</v>
      </c>
      <c r="AA35464">
        <v>57</v>
      </c>
      <c r="AB35464">
        <v>59</v>
      </c>
      <c r="AC35464">
        <v>60</v>
      </c>
      <c r="AD35464">
        <v>61</v>
      </c>
      <c r="AE35464">
        <v>62</v>
      </c>
      <c r="AF35464">
        <v>63</v>
      </c>
      <c r="AG35464">
        <v>63</v>
      </c>
      <c r="AH35464">
        <v>64</v>
      </c>
      <c r="AI35464">
        <v>64</v>
      </c>
      <c r="AJ35464">
        <v>65</v>
      </c>
      <c r="AK35464">
        <v>66</v>
      </c>
      <c r="AL35464">
        <v>66</v>
      </c>
      <c r="AM35464">
        <v>67</v>
      </c>
      <c r="AN35464">
        <v>67</v>
      </c>
      <c r="AO35464">
        <v>68</v>
      </c>
      <c r="AP35464">
        <v>68</v>
      </c>
      <c r="AQ35464">
        <v>69</v>
      </c>
    </row>
    <row r="35465" spans="1:43">
      <c r="A35465" t="s">
        <v>21989</v>
      </c>
      <c r="B35465" t="s">
        <v>21990</v>
      </c>
      <c r="C35465" t="s">
        <v>21975</v>
      </c>
      <c r="D35465" t="s">
        <v>21976</v>
      </c>
      <c r="E35465" t="s">
        <v>21935</v>
      </c>
      <c r="F35465" t="s">
        <v>21936</v>
      </c>
      <c r="G35465" t="s">
        <v>20255</v>
      </c>
      <c r="H35465" t="s">
        <v>20256</v>
      </c>
      <c r="I35465" s="2">
        <v>1</v>
      </c>
      <c r="J35465" s="2">
        <v>0</v>
      </c>
      <c r="K35465" s="2">
        <v>0</v>
      </c>
      <c r="L35465" t="s">
        <v>120</v>
      </c>
      <c r="M35465" t="s">
        <v>83</v>
      </c>
      <c r="N35465" t="s">
        <v>91</v>
      </c>
      <c r="O35465" t="s">
        <v>85</v>
      </c>
      <c r="P35465" t="s">
        <v>86</v>
      </c>
      <c r="Q35465">
        <v>45</v>
      </c>
      <c r="R35465">
        <v>46</v>
      </c>
      <c r="S35465">
        <v>47</v>
      </c>
      <c r="T35465">
        <v>48</v>
      </c>
      <c r="U35465">
        <v>49</v>
      </c>
      <c r="V35465">
        <v>50</v>
      </c>
      <c r="W35465">
        <v>51</v>
      </c>
      <c r="X35465">
        <v>52</v>
      </c>
      <c r="Y35465">
        <v>53</v>
      </c>
      <c r="Z35465">
        <v>54</v>
      </c>
      <c r="AA35465">
        <v>55</v>
      </c>
      <c r="AB35465">
        <v>56</v>
      </c>
      <c r="AC35465">
        <v>57</v>
      </c>
      <c r="AD35465">
        <v>58</v>
      </c>
      <c r="AE35465">
        <v>59</v>
      </c>
      <c r="AF35465">
        <v>60</v>
      </c>
      <c r="AG35465">
        <v>61</v>
      </c>
      <c r="AH35465">
        <v>62</v>
      </c>
      <c r="AI35465">
        <v>63</v>
      </c>
      <c r="AJ35465">
        <v>65</v>
      </c>
      <c r="AK35465">
        <v>66</v>
      </c>
      <c r="AL35465">
        <v>66</v>
      </c>
      <c r="AM35465">
        <v>67</v>
      </c>
      <c r="AN35465">
        <v>68</v>
      </c>
      <c r="AO35465">
        <v>68</v>
      </c>
      <c r="AP35465">
        <v>69</v>
      </c>
      <c r="AQ35465">
        <v>70</v>
      </c>
    </row>
    <row r="35466" spans="1:43">
      <c r="A35466" t="s">
        <v>21991</v>
      </c>
      <c r="B35466" t="s">
        <v>21992</v>
      </c>
      <c r="C35466" t="s">
        <v>21967</v>
      </c>
      <c r="D35466" t="s">
        <v>21968</v>
      </c>
      <c r="E35466" t="s">
        <v>21935</v>
      </c>
      <c r="F35466" t="s">
        <v>21936</v>
      </c>
      <c r="G35466" t="s">
        <v>20255</v>
      </c>
      <c r="H35466" t="s">
        <v>20256</v>
      </c>
      <c r="I35466" s="2">
        <v>1</v>
      </c>
      <c r="J35466" s="2">
        <v>0</v>
      </c>
      <c r="K35466" s="2">
        <v>0</v>
      </c>
      <c r="L35466" t="s">
        <v>120</v>
      </c>
      <c r="M35466" t="s">
        <v>83</v>
      </c>
      <c r="N35466" t="s">
        <v>84</v>
      </c>
      <c r="O35466" t="s">
        <v>85</v>
      </c>
      <c r="P35466" t="s">
        <v>86</v>
      </c>
      <c r="Q35466">
        <v>72</v>
      </c>
      <c r="R35466">
        <v>73</v>
      </c>
      <c r="S35466">
        <v>75</v>
      </c>
      <c r="T35466">
        <v>76</v>
      </c>
      <c r="U35466">
        <v>78</v>
      </c>
      <c r="V35466">
        <v>80</v>
      </c>
      <c r="W35466">
        <v>81</v>
      </c>
      <c r="X35466">
        <v>83</v>
      </c>
      <c r="Y35466">
        <v>84</v>
      </c>
      <c r="Z35466">
        <v>86</v>
      </c>
      <c r="AA35466">
        <v>87</v>
      </c>
      <c r="AB35466">
        <v>89</v>
      </c>
      <c r="AC35466">
        <v>91</v>
      </c>
      <c r="AD35466">
        <v>92</v>
      </c>
      <c r="AE35466">
        <v>94</v>
      </c>
      <c r="AF35466">
        <v>96</v>
      </c>
      <c r="AG35466">
        <v>97</v>
      </c>
      <c r="AH35466">
        <v>99</v>
      </c>
      <c r="AI35466">
        <v>101</v>
      </c>
      <c r="AJ35466">
        <v>103</v>
      </c>
      <c r="AK35466">
        <v>105</v>
      </c>
      <c r="AL35466">
        <v>106</v>
      </c>
      <c r="AM35466">
        <v>107</v>
      </c>
      <c r="AN35466">
        <v>108</v>
      </c>
      <c r="AO35466">
        <v>109</v>
      </c>
      <c r="AP35466">
        <v>110</v>
      </c>
      <c r="AQ35466">
        <v>111</v>
      </c>
    </row>
    <row r="35467" spans="1:43">
      <c r="A35467" t="s">
        <v>21991</v>
      </c>
      <c r="B35467" t="s">
        <v>21992</v>
      </c>
      <c r="C35467" t="s">
        <v>21967</v>
      </c>
      <c r="D35467" t="s">
        <v>21968</v>
      </c>
      <c r="E35467" t="s">
        <v>21935</v>
      </c>
      <c r="F35467" t="s">
        <v>21936</v>
      </c>
      <c r="G35467" t="s">
        <v>20255</v>
      </c>
      <c r="H35467" t="s">
        <v>20256</v>
      </c>
      <c r="I35467" s="2">
        <v>1</v>
      </c>
      <c r="J35467" s="2">
        <v>0</v>
      </c>
      <c r="K35467" s="2">
        <v>0</v>
      </c>
      <c r="L35467" t="s">
        <v>120</v>
      </c>
      <c r="M35467" t="s">
        <v>87</v>
      </c>
      <c r="N35467" t="s">
        <v>88</v>
      </c>
      <c r="O35467" t="s">
        <v>85</v>
      </c>
      <c r="P35467" t="s">
        <v>86</v>
      </c>
      <c r="Q35467">
        <v>72</v>
      </c>
      <c r="R35467">
        <v>73</v>
      </c>
      <c r="S35467">
        <v>74</v>
      </c>
      <c r="T35467">
        <v>75</v>
      </c>
      <c r="U35467">
        <v>76</v>
      </c>
      <c r="V35467">
        <v>76</v>
      </c>
      <c r="W35467">
        <v>77</v>
      </c>
      <c r="X35467">
        <v>78</v>
      </c>
      <c r="Y35467">
        <v>79</v>
      </c>
      <c r="Z35467">
        <v>80</v>
      </c>
      <c r="AA35467">
        <v>81</v>
      </c>
      <c r="AB35467">
        <v>82</v>
      </c>
      <c r="AC35467">
        <v>83</v>
      </c>
      <c r="AD35467">
        <v>84</v>
      </c>
      <c r="AE35467">
        <v>85</v>
      </c>
      <c r="AF35467">
        <v>86</v>
      </c>
      <c r="AG35467">
        <v>87</v>
      </c>
      <c r="AH35467">
        <v>88</v>
      </c>
      <c r="AI35467">
        <v>89</v>
      </c>
      <c r="AJ35467">
        <v>90</v>
      </c>
      <c r="AK35467">
        <v>91</v>
      </c>
      <c r="AL35467">
        <v>92</v>
      </c>
      <c r="AM35467">
        <v>93</v>
      </c>
      <c r="AN35467">
        <v>94</v>
      </c>
      <c r="AO35467">
        <v>95</v>
      </c>
      <c r="AP35467">
        <v>96</v>
      </c>
      <c r="AQ35467">
        <v>98</v>
      </c>
    </row>
    <row r="35468" spans="1:43">
      <c r="A35468" t="s">
        <v>21991</v>
      </c>
      <c r="B35468" t="s">
        <v>21992</v>
      </c>
      <c r="C35468" t="s">
        <v>21967</v>
      </c>
      <c r="D35468" t="s">
        <v>21968</v>
      </c>
      <c r="E35468" t="s">
        <v>21935</v>
      </c>
      <c r="F35468" t="s">
        <v>21936</v>
      </c>
      <c r="G35468" t="s">
        <v>20255</v>
      </c>
      <c r="H35468" t="s">
        <v>20256</v>
      </c>
      <c r="I35468" s="2">
        <v>1</v>
      </c>
      <c r="J35468" s="2">
        <v>0</v>
      </c>
      <c r="K35468" s="2">
        <v>0</v>
      </c>
      <c r="L35468" t="s">
        <v>120</v>
      </c>
      <c r="M35468" t="s">
        <v>89</v>
      </c>
      <c r="N35468" t="s">
        <v>90</v>
      </c>
      <c r="O35468" t="s">
        <v>85</v>
      </c>
      <c r="P35468" t="s">
        <v>86</v>
      </c>
      <c r="Q35468">
        <v>72</v>
      </c>
      <c r="R35468">
        <v>75</v>
      </c>
      <c r="S35468">
        <v>77</v>
      </c>
      <c r="T35468">
        <v>79</v>
      </c>
      <c r="U35468">
        <v>81</v>
      </c>
      <c r="V35468">
        <v>83</v>
      </c>
      <c r="W35468">
        <v>85</v>
      </c>
      <c r="X35468">
        <v>87</v>
      </c>
      <c r="Y35468">
        <v>89</v>
      </c>
      <c r="Z35468">
        <v>91</v>
      </c>
      <c r="AA35468">
        <v>93</v>
      </c>
      <c r="AB35468">
        <v>95</v>
      </c>
      <c r="AC35468">
        <v>97</v>
      </c>
      <c r="AD35468">
        <v>99</v>
      </c>
      <c r="AE35468">
        <v>101</v>
      </c>
      <c r="AF35468">
        <v>102</v>
      </c>
      <c r="AG35468">
        <v>102</v>
      </c>
      <c r="AH35468">
        <v>103</v>
      </c>
      <c r="AI35468">
        <v>104</v>
      </c>
      <c r="AJ35468">
        <v>105</v>
      </c>
      <c r="AK35468">
        <v>106</v>
      </c>
      <c r="AL35468">
        <v>107</v>
      </c>
      <c r="AM35468">
        <v>108</v>
      </c>
      <c r="AN35468">
        <v>109</v>
      </c>
      <c r="AO35468">
        <v>110</v>
      </c>
      <c r="AP35468">
        <v>111</v>
      </c>
      <c r="AQ35468">
        <v>112</v>
      </c>
    </row>
    <row r="35469" spans="1:43">
      <c r="A35469" t="s">
        <v>21991</v>
      </c>
      <c r="B35469" t="s">
        <v>21992</v>
      </c>
      <c r="C35469" t="s">
        <v>21967</v>
      </c>
      <c r="D35469" t="s">
        <v>21968</v>
      </c>
      <c r="E35469" t="s">
        <v>21935</v>
      </c>
      <c r="F35469" t="s">
        <v>21936</v>
      </c>
      <c r="G35469" t="s">
        <v>20255</v>
      </c>
      <c r="H35469" t="s">
        <v>20256</v>
      </c>
      <c r="I35469" s="2">
        <v>1</v>
      </c>
      <c r="J35469" s="2">
        <v>0</v>
      </c>
      <c r="K35469" s="2">
        <v>0</v>
      </c>
      <c r="L35469" t="s">
        <v>120</v>
      </c>
      <c r="M35469" t="s">
        <v>83</v>
      </c>
      <c r="N35469" t="s">
        <v>91</v>
      </c>
      <c r="O35469" t="s">
        <v>85</v>
      </c>
      <c r="P35469" t="s">
        <v>86</v>
      </c>
      <c r="Q35469">
        <v>72</v>
      </c>
      <c r="R35469">
        <v>73</v>
      </c>
      <c r="S35469">
        <v>75</v>
      </c>
      <c r="T35469">
        <v>76</v>
      </c>
      <c r="U35469">
        <v>78</v>
      </c>
      <c r="V35469">
        <v>80</v>
      </c>
      <c r="W35469">
        <v>81</v>
      </c>
      <c r="X35469">
        <v>83</v>
      </c>
      <c r="Y35469">
        <v>84</v>
      </c>
      <c r="Z35469">
        <v>86</v>
      </c>
      <c r="AA35469">
        <v>87</v>
      </c>
      <c r="AB35469">
        <v>89</v>
      </c>
      <c r="AC35469">
        <v>91</v>
      </c>
      <c r="AD35469">
        <v>92</v>
      </c>
      <c r="AE35469">
        <v>94</v>
      </c>
      <c r="AF35469">
        <v>96</v>
      </c>
      <c r="AG35469">
        <v>97</v>
      </c>
      <c r="AH35469">
        <v>99</v>
      </c>
      <c r="AI35469">
        <v>101</v>
      </c>
      <c r="AJ35469">
        <v>103</v>
      </c>
      <c r="AK35469">
        <v>105</v>
      </c>
      <c r="AL35469">
        <v>106</v>
      </c>
      <c r="AM35469">
        <v>107</v>
      </c>
      <c r="AN35469">
        <v>108</v>
      </c>
      <c r="AO35469">
        <v>109</v>
      </c>
      <c r="AP35469">
        <v>110</v>
      </c>
      <c r="AQ35469">
        <v>111</v>
      </c>
    </row>
    <row r="35470" spans="1:43">
      <c r="A35470" t="s">
        <v>21993</v>
      </c>
      <c r="B35470" t="s">
        <v>21994</v>
      </c>
      <c r="C35470" t="s">
        <v>21979</v>
      </c>
      <c r="D35470" t="s">
        <v>21980</v>
      </c>
      <c r="E35470" t="s">
        <v>21935</v>
      </c>
      <c r="F35470" t="s">
        <v>21936</v>
      </c>
      <c r="G35470" t="s">
        <v>20255</v>
      </c>
      <c r="H35470" t="s">
        <v>20256</v>
      </c>
      <c r="I35470" s="2">
        <v>1</v>
      </c>
      <c r="J35470" s="2">
        <v>0</v>
      </c>
      <c r="K35470" s="2">
        <v>0</v>
      </c>
      <c r="L35470" t="s">
        <v>120</v>
      </c>
      <c r="M35470" t="s">
        <v>83</v>
      </c>
      <c r="N35470" t="s">
        <v>84</v>
      </c>
      <c r="O35470" t="s">
        <v>85</v>
      </c>
      <c r="P35470" t="s">
        <v>86</v>
      </c>
      <c r="Q35470">
        <v>65</v>
      </c>
      <c r="R35470">
        <v>66</v>
      </c>
      <c r="S35470">
        <v>68</v>
      </c>
      <c r="T35470">
        <v>69</v>
      </c>
      <c r="U35470">
        <v>70</v>
      </c>
      <c r="V35470">
        <v>71</v>
      </c>
      <c r="W35470">
        <v>73</v>
      </c>
      <c r="X35470">
        <v>74</v>
      </c>
      <c r="Y35470">
        <v>75</v>
      </c>
      <c r="Z35470">
        <v>76</v>
      </c>
      <c r="AA35470">
        <v>78</v>
      </c>
      <c r="AB35470">
        <v>79</v>
      </c>
      <c r="AC35470">
        <v>80</v>
      </c>
      <c r="AD35470">
        <v>82</v>
      </c>
      <c r="AE35470">
        <v>83</v>
      </c>
      <c r="AF35470">
        <v>84</v>
      </c>
      <c r="AG35470">
        <v>86</v>
      </c>
      <c r="AH35470">
        <v>87</v>
      </c>
      <c r="AI35470">
        <v>89</v>
      </c>
      <c r="AJ35470">
        <v>90</v>
      </c>
      <c r="AK35470">
        <v>92</v>
      </c>
      <c r="AL35470">
        <v>93</v>
      </c>
      <c r="AM35470">
        <v>93</v>
      </c>
      <c r="AN35470">
        <v>94</v>
      </c>
      <c r="AO35470">
        <v>95</v>
      </c>
      <c r="AP35470">
        <v>95</v>
      </c>
      <c r="AQ35470">
        <v>96</v>
      </c>
    </row>
    <row r="35471" spans="1:43">
      <c r="A35471" t="s">
        <v>21993</v>
      </c>
      <c r="B35471" t="s">
        <v>21994</v>
      </c>
      <c r="C35471" t="s">
        <v>21979</v>
      </c>
      <c r="D35471" t="s">
        <v>21980</v>
      </c>
      <c r="E35471" t="s">
        <v>21935</v>
      </c>
      <c r="F35471" t="s">
        <v>21936</v>
      </c>
      <c r="G35471" t="s">
        <v>20255</v>
      </c>
      <c r="H35471" t="s">
        <v>20256</v>
      </c>
      <c r="I35471" s="2">
        <v>1</v>
      </c>
      <c r="J35471" s="2">
        <v>0</v>
      </c>
      <c r="K35471" s="2">
        <v>0</v>
      </c>
      <c r="L35471" t="s">
        <v>120</v>
      </c>
      <c r="M35471" t="s">
        <v>87</v>
      </c>
      <c r="N35471" t="s">
        <v>88</v>
      </c>
      <c r="O35471" t="s">
        <v>85</v>
      </c>
      <c r="P35471" t="s">
        <v>86</v>
      </c>
      <c r="Q35471">
        <v>65</v>
      </c>
      <c r="R35471">
        <v>66</v>
      </c>
      <c r="S35471">
        <v>67</v>
      </c>
      <c r="T35471">
        <v>67</v>
      </c>
      <c r="U35471">
        <v>68</v>
      </c>
      <c r="V35471">
        <v>69</v>
      </c>
      <c r="W35471">
        <v>69</v>
      </c>
      <c r="X35471">
        <v>70</v>
      </c>
      <c r="Y35471">
        <v>71</v>
      </c>
      <c r="Z35471">
        <v>71</v>
      </c>
      <c r="AA35471">
        <v>72</v>
      </c>
      <c r="AB35471">
        <v>73</v>
      </c>
      <c r="AC35471">
        <v>73</v>
      </c>
      <c r="AD35471">
        <v>74</v>
      </c>
      <c r="AE35471">
        <v>75</v>
      </c>
      <c r="AF35471">
        <v>75</v>
      </c>
      <c r="AG35471">
        <v>76</v>
      </c>
      <c r="AH35471">
        <v>77</v>
      </c>
      <c r="AI35471">
        <v>78</v>
      </c>
      <c r="AJ35471">
        <v>79</v>
      </c>
      <c r="AK35471">
        <v>79</v>
      </c>
      <c r="AL35471">
        <v>80</v>
      </c>
      <c r="AM35471">
        <v>81</v>
      </c>
      <c r="AN35471">
        <v>82</v>
      </c>
      <c r="AO35471">
        <v>83</v>
      </c>
      <c r="AP35471">
        <v>84</v>
      </c>
      <c r="AQ35471">
        <v>85</v>
      </c>
    </row>
    <row r="35472" spans="1:43">
      <c r="A35472" t="s">
        <v>21993</v>
      </c>
      <c r="B35472" t="s">
        <v>21994</v>
      </c>
      <c r="C35472" t="s">
        <v>21979</v>
      </c>
      <c r="D35472" t="s">
        <v>21980</v>
      </c>
      <c r="E35472" t="s">
        <v>21935</v>
      </c>
      <c r="F35472" t="s">
        <v>21936</v>
      </c>
      <c r="G35472" t="s">
        <v>20255</v>
      </c>
      <c r="H35472" t="s">
        <v>20256</v>
      </c>
      <c r="I35472" s="2">
        <v>1</v>
      </c>
      <c r="J35472" s="2">
        <v>0</v>
      </c>
      <c r="K35472" s="2">
        <v>0</v>
      </c>
      <c r="L35472" t="s">
        <v>120</v>
      </c>
      <c r="M35472" t="s">
        <v>89</v>
      </c>
      <c r="N35472" t="s">
        <v>90</v>
      </c>
      <c r="O35472" t="s">
        <v>85</v>
      </c>
      <c r="P35472" t="s">
        <v>86</v>
      </c>
      <c r="Q35472">
        <v>65</v>
      </c>
      <c r="R35472">
        <v>66</v>
      </c>
      <c r="S35472">
        <v>68</v>
      </c>
      <c r="T35472">
        <v>70</v>
      </c>
      <c r="U35472">
        <v>72</v>
      </c>
      <c r="V35472">
        <v>74</v>
      </c>
      <c r="W35472">
        <v>75</v>
      </c>
      <c r="X35472">
        <v>77</v>
      </c>
      <c r="Y35472">
        <v>79</v>
      </c>
      <c r="Z35472">
        <v>80</v>
      </c>
      <c r="AA35472">
        <v>82</v>
      </c>
      <c r="AB35472">
        <v>83</v>
      </c>
      <c r="AC35472">
        <v>85</v>
      </c>
      <c r="AD35472">
        <v>87</v>
      </c>
      <c r="AE35472">
        <v>88</v>
      </c>
      <c r="AF35472">
        <v>89</v>
      </c>
      <c r="AG35472">
        <v>89</v>
      </c>
      <c r="AH35472">
        <v>90</v>
      </c>
      <c r="AI35472">
        <v>90</v>
      </c>
      <c r="AJ35472">
        <v>91</v>
      </c>
      <c r="AK35472">
        <v>92</v>
      </c>
      <c r="AL35472">
        <v>92</v>
      </c>
      <c r="AM35472">
        <v>93</v>
      </c>
      <c r="AN35472">
        <v>94</v>
      </c>
      <c r="AO35472">
        <v>94</v>
      </c>
      <c r="AP35472">
        <v>95</v>
      </c>
      <c r="AQ35472">
        <v>96</v>
      </c>
    </row>
    <row r="35473" spans="1:43">
      <c r="A35473" t="s">
        <v>21993</v>
      </c>
      <c r="B35473" t="s">
        <v>21994</v>
      </c>
      <c r="C35473" t="s">
        <v>21979</v>
      </c>
      <c r="D35473" t="s">
        <v>21980</v>
      </c>
      <c r="E35473" t="s">
        <v>21935</v>
      </c>
      <c r="F35473" t="s">
        <v>21936</v>
      </c>
      <c r="G35473" t="s">
        <v>20255</v>
      </c>
      <c r="H35473" t="s">
        <v>20256</v>
      </c>
      <c r="I35473" s="2">
        <v>1</v>
      </c>
      <c r="J35473" s="2">
        <v>0</v>
      </c>
      <c r="K35473" s="2">
        <v>0</v>
      </c>
      <c r="L35473" t="s">
        <v>120</v>
      </c>
      <c r="M35473" t="s">
        <v>83</v>
      </c>
      <c r="N35473" t="s">
        <v>91</v>
      </c>
      <c r="O35473" t="s">
        <v>85</v>
      </c>
      <c r="P35473" t="s">
        <v>86</v>
      </c>
      <c r="Q35473">
        <v>65</v>
      </c>
      <c r="R35473">
        <v>66</v>
      </c>
      <c r="S35473">
        <v>68</v>
      </c>
      <c r="T35473">
        <v>69</v>
      </c>
      <c r="U35473">
        <v>70</v>
      </c>
      <c r="V35473">
        <v>71</v>
      </c>
      <c r="W35473">
        <v>73</v>
      </c>
      <c r="X35473">
        <v>74</v>
      </c>
      <c r="Y35473">
        <v>75</v>
      </c>
      <c r="Z35473">
        <v>76</v>
      </c>
      <c r="AA35473">
        <v>78</v>
      </c>
      <c r="AB35473">
        <v>79</v>
      </c>
      <c r="AC35473">
        <v>80</v>
      </c>
      <c r="AD35473">
        <v>82</v>
      </c>
      <c r="AE35473">
        <v>83</v>
      </c>
      <c r="AF35473">
        <v>84</v>
      </c>
      <c r="AG35473">
        <v>86</v>
      </c>
      <c r="AH35473">
        <v>87</v>
      </c>
      <c r="AI35473">
        <v>89</v>
      </c>
      <c r="AJ35473">
        <v>90</v>
      </c>
      <c r="AK35473">
        <v>92</v>
      </c>
      <c r="AL35473">
        <v>93</v>
      </c>
      <c r="AM35473">
        <v>93</v>
      </c>
      <c r="AN35473">
        <v>94</v>
      </c>
      <c r="AO35473">
        <v>95</v>
      </c>
      <c r="AP35473">
        <v>95</v>
      </c>
      <c r="AQ35473">
        <v>96</v>
      </c>
    </row>
    <row r="35474" spans="1:43">
      <c r="A35474" t="s">
        <v>21995</v>
      </c>
      <c r="B35474" t="s">
        <v>21996</v>
      </c>
      <c r="C35474" t="s">
        <v>21933</v>
      </c>
      <c r="D35474" t="s">
        <v>21934</v>
      </c>
      <c r="E35474" t="s">
        <v>21935</v>
      </c>
      <c r="F35474" t="s">
        <v>21936</v>
      </c>
      <c r="G35474" t="s">
        <v>20255</v>
      </c>
      <c r="H35474" t="s">
        <v>20256</v>
      </c>
      <c r="I35474" s="2">
        <v>1</v>
      </c>
      <c r="J35474" s="2">
        <v>0</v>
      </c>
      <c r="K35474" s="2">
        <v>0</v>
      </c>
      <c r="L35474" t="s">
        <v>120</v>
      </c>
      <c r="M35474" t="s">
        <v>83</v>
      </c>
      <c r="N35474" t="s">
        <v>84</v>
      </c>
      <c r="O35474" t="s">
        <v>85</v>
      </c>
      <c r="P35474" t="s">
        <v>86</v>
      </c>
      <c r="Q35474">
        <v>49</v>
      </c>
      <c r="R35474">
        <v>49</v>
      </c>
      <c r="S35474">
        <v>50</v>
      </c>
      <c r="T35474">
        <v>51</v>
      </c>
      <c r="U35474">
        <v>52</v>
      </c>
      <c r="V35474">
        <v>53</v>
      </c>
      <c r="W35474">
        <v>54</v>
      </c>
      <c r="X35474">
        <v>55</v>
      </c>
      <c r="Y35474">
        <v>56</v>
      </c>
      <c r="Z35474">
        <v>57</v>
      </c>
      <c r="AA35474">
        <v>58</v>
      </c>
      <c r="AB35474">
        <v>59</v>
      </c>
      <c r="AC35474">
        <v>60</v>
      </c>
      <c r="AD35474">
        <v>61</v>
      </c>
      <c r="AE35474">
        <v>62</v>
      </c>
      <c r="AF35474">
        <v>63</v>
      </c>
      <c r="AG35474">
        <v>64</v>
      </c>
      <c r="AH35474">
        <v>65</v>
      </c>
      <c r="AI35474">
        <v>67</v>
      </c>
      <c r="AJ35474">
        <v>68</v>
      </c>
      <c r="AK35474">
        <v>69</v>
      </c>
      <c r="AL35474">
        <v>70</v>
      </c>
      <c r="AM35474">
        <v>70</v>
      </c>
      <c r="AN35474">
        <v>71</v>
      </c>
      <c r="AO35474">
        <v>71</v>
      </c>
      <c r="AP35474">
        <v>72</v>
      </c>
      <c r="AQ35474">
        <v>72</v>
      </c>
    </row>
    <row r="35475" spans="1:43">
      <c r="A35475" t="s">
        <v>21995</v>
      </c>
      <c r="B35475" t="s">
        <v>21996</v>
      </c>
      <c r="C35475" t="s">
        <v>21933</v>
      </c>
      <c r="D35475" t="s">
        <v>21934</v>
      </c>
      <c r="E35475" t="s">
        <v>21935</v>
      </c>
      <c r="F35475" t="s">
        <v>21936</v>
      </c>
      <c r="G35475" t="s">
        <v>20255</v>
      </c>
      <c r="H35475" t="s">
        <v>20256</v>
      </c>
      <c r="I35475" s="2">
        <v>1</v>
      </c>
      <c r="J35475" s="2">
        <v>0</v>
      </c>
      <c r="K35475" s="2">
        <v>0</v>
      </c>
      <c r="L35475" t="s">
        <v>120</v>
      </c>
      <c r="M35475" t="s">
        <v>87</v>
      </c>
      <c r="N35475" t="s">
        <v>88</v>
      </c>
      <c r="O35475" t="s">
        <v>85</v>
      </c>
      <c r="P35475" t="s">
        <v>86</v>
      </c>
      <c r="Q35475">
        <v>49</v>
      </c>
      <c r="R35475">
        <v>50</v>
      </c>
      <c r="S35475">
        <v>50</v>
      </c>
      <c r="T35475">
        <v>51</v>
      </c>
      <c r="U35475">
        <v>51</v>
      </c>
      <c r="V35475">
        <v>52</v>
      </c>
      <c r="W35475">
        <v>52</v>
      </c>
      <c r="X35475">
        <v>53</v>
      </c>
      <c r="Y35475">
        <v>53</v>
      </c>
      <c r="Z35475">
        <v>54</v>
      </c>
      <c r="AA35475">
        <v>54</v>
      </c>
      <c r="AB35475">
        <v>55</v>
      </c>
      <c r="AC35475">
        <v>55</v>
      </c>
      <c r="AD35475">
        <v>56</v>
      </c>
      <c r="AE35475">
        <v>56</v>
      </c>
      <c r="AF35475">
        <v>57</v>
      </c>
      <c r="AG35475">
        <v>57</v>
      </c>
      <c r="AH35475">
        <v>58</v>
      </c>
      <c r="AI35475">
        <v>59</v>
      </c>
      <c r="AJ35475">
        <v>59</v>
      </c>
      <c r="AK35475">
        <v>60</v>
      </c>
      <c r="AL35475">
        <v>60</v>
      </c>
      <c r="AM35475">
        <v>61</v>
      </c>
      <c r="AN35475">
        <v>62</v>
      </c>
      <c r="AO35475">
        <v>62</v>
      </c>
      <c r="AP35475">
        <v>63</v>
      </c>
      <c r="AQ35475">
        <v>64</v>
      </c>
    </row>
    <row r="35476" spans="1:43">
      <c r="A35476" t="s">
        <v>21995</v>
      </c>
      <c r="B35476" t="s">
        <v>21996</v>
      </c>
      <c r="C35476" t="s">
        <v>21933</v>
      </c>
      <c r="D35476" t="s">
        <v>21934</v>
      </c>
      <c r="E35476" t="s">
        <v>21935</v>
      </c>
      <c r="F35476" t="s">
        <v>21936</v>
      </c>
      <c r="G35476" t="s">
        <v>20255</v>
      </c>
      <c r="H35476" t="s">
        <v>20256</v>
      </c>
      <c r="I35476" s="2">
        <v>1</v>
      </c>
      <c r="J35476" s="2">
        <v>0</v>
      </c>
      <c r="K35476" s="2">
        <v>0</v>
      </c>
      <c r="L35476" t="s">
        <v>120</v>
      </c>
      <c r="M35476" t="s">
        <v>89</v>
      </c>
      <c r="N35476" t="s">
        <v>90</v>
      </c>
      <c r="O35476" t="s">
        <v>85</v>
      </c>
      <c r="P35476" t="s">
        <v>86</v>
      </c>
      <c r="Q35476">
        <v>49</v>
      </c>
      <c r="R35476">
        <v>50</v>
      </c>
      <c r="S35476">
        <v>52</v>
      </c>
      <c r="T35476">
        <v>53</v>
      </c>
      <c r="U35476">
        <v>54</v>
      </c>
      <c r="V35476">
        <v>56</v>
      </c>
      <c r="W35476">
        <v>57</v>
      </c>
      <c r="X35476">
        <v>58</v>
      </c>
      <c r="Y35476">
        <v>59</v>
      </c>
      <c r="Z35476">
        <v>61</v>
      </c>
      <c r="AA35476">
        <v>62</v>
      </c>
      <c r="AB35476">
        <v>63</v>
      </c>
      <c r="AC35476">
        <v>64</v>
      </c>
      <c r="AD35476">
        <v>66</v>
      </c>
      <c r="AE35476">
        <v>67</v>
      </c>
      <c r="AF35476">
        <v>67</v>
      </c>
      <c r="AG35476">
        <v>68</v>
      </c>
      <c r="AH35476">
        <v>68</v>
      </c>
      <c r="AI35476">
        <v>69</v>
      </c>
      <c r="AJ35476">
        <v>69</v>
      </c>
      <c r="AK35476">
        <v>70</v>
      </c>
      <c r="AL35476">
        <v>70</v>
      </c>
      <c r="AM35476">
        <v>71</v>
      </c>
      <c r="AN35476">
        <v>71</v>
      </c>
      <c r="AO35476">
        <v>72</v>
      </c>
      <c r="AP35476">
        <v>72</v>
      </c>
      <c r="AQ35476">
        <v>73</v>
      </c>
    </row>
    <row r="35477" spans="1:43">
      <c r="A35477" t="s">
        <v>21995</v>
      </c>
      <c r="B35477" t="s">
        <v>21996</v>
      </c>
      <c r="C35477" t="s">
        <v>21933</v>
      </c>
      <c r="D35477" t="s">
        <v>21934</v>
      </c>
      <c r="E35477" t="s">
        <v>21935</v>
      </c>
      <c r="F35477" t="s">
        <v>21936</v>
      </c>
      <c r="G35477" t="s">
        <v>20255</v>
      </c>
      <c r="H35477" t="s">
        <v>20256</v>
      </c>
      <c r="I35477" s="2">
        <v>1</v>
      </c>
      <c r="J35477" s="2">
        <v>0</v>
      </c>
      <c r="K35477" s="2">
        <v>0</v>
      </c>
      <c r="L35477" t="s">
        <v>120</v>
      </c>
      <c r="M35477" t="s">
        <v>83</v>
      </c>
      <c r="N35477" t="s">
        <v>91</v>
      </c>
      <c r="O35477" t="s">
        <v>85</v>
      </c>
      <c r="P35477" t="s">
        <v>86</v>
      </c>
      <c r="Q35477">
        <v>49</v>
      </c>
      <c r="R35477">
        <v>49</v>
      </c>
      <c r="S35477">
        <v>50</v>
      </c>
      <c r="T35477">
        <v>51</v>
      </c>
      <c r="U35477">
        <v>52</v>
      </c>
      <c r="V35477">
        <v>53</v>
      </c>
      <c r="W35477">
        <v>54</v>
      </c>
      <c r="X35477">
        <v>55</v>
      </c>
      <c r="Y35477">
        <v>56</v>
      </c>
      <c r="Z35477">
        <v>57</v>
      </c>
      <c r="AA35477">
        <v>58</v>
      </c>
      <c r="AB35477">
        <v>59</v>
      </c>
      <c r="AC35477">
        <v>60</v>
      </c>
      <c r="AD35477">
        <v>61</v>
      </c>
      <c r="AE35477">
        <v>62</v>
      </c>
      <c r="AF35477">
        <v>63</v>
      </c>
      <c r="AG35477">
        <v>64</v>
      </c>
      <c r="AH35477">
        <v>65</v>
      </c>
      <c r="AI35477">
        <v>67</v>
      </c>
      <c r="AJ35477">
        <v>68</v>
      </c>
      <c r="AK35477">
        <v>69</v>
      </c>
      <c r="AL35477">
        <v>70</v>
      </c>
      <c r="AM35477">
        <v>70</v>
      </c>
      <c r="AN35477">
        <v>71</v>
      </c>
      <c r="AO35477">
        <v>71</v>
      </c>
      <c r="AP35477">
        <v>72</v>
      </c>
      <c r="AQ35477">
        <v>72</v>
      </c>
    </row>
    <row r="35478" spans="1:43">
      <c r="A35478" t="s">
        <v>21997</v>
      </c>
      <c r="B35478" t="s">
        <v>21998</v>
      </c>
      <c r="C35478" t="s">
        <v>21999</v>
      </c>
      <c r="D35478" t="s">
        <v>22000</v>
      </c>
      <c r="E35478" t="s">
        <v>21935</v>
      </c>
      <c r="F35478" t="s">
        <v>21936</v>
      </c>
      <c r="G35478" t="s">
        <v>20255</v>
      </c>
      <c r="H35478" t="s">
        <v>20256</v>
      </c>
      <c r="I35478" s="2">
        <v>1</v>
      </c>
      <c r="J35478" s="2">
        <v>0</v>
      </c>
      <c r="K35478" s="2">
        <v>0</v>
      </c>
      <c r="L35478" t="s">
        <v>120</v>
      </c>
      <c r="M35478" t="s">
        <v>83</v>
      </c>
      <c r="N35478" t="s">
        <v>84</v>
      </c>
      <c r="O35478" t="s">
        <v>85</v>
      </c>
      <c r="P35478" t="s">
        <v>86</v>
      </c>
      <c r="Q35478">
        <v>28</v>
      </c>
      <c r="R35478">
        <v>29</v>
      </c>
      <c r="S35478">
        <v>29</v>
      </c>
      <c r="T35478">
        <v>30</v>
      </c>
      <c r="U35478">
        <v>30</v>
      </c>
      <c r="V35478">
        <v>31</v>
      </c>
      <c r="W35478">
        <v>32</v>
      </c>
      <c r="X35478">
        <v>32</v>
      </c>
      <c r="Y35478">
        <v>33</v>
      </c>
      <c r="Z35478">
        <v>33</v>
      </c>
      <c r="AA35478">
        <v>34</v>
      </c>
      <c r="AB35478">
        <v>35</v>
      </c>
      <c r="AC35478">
        <v>35</v>
      </c>
      <c r="AD35478">
        <v>36</v>
      </c>
      <c r="AE35478">
        <v>37</v>
      </c>
      <c r="AF35478">
        <v>37</v>
      </c>
      <c r="AG35478">
        <v>38</v>
      </c>
      <c r="AH35478">
        <v>39</v>
      </c>
      <c r="AI35478">
        <v>39</v>
      </c>
      <c r="AJ35478">
        <v>40</v>
      </c>
      <c r="AK35478">
        <v>41</v>
      </c>
      <c r="AL35478">
        <v>41</v>
      </c>
      <c r="AM35478">
        <v>42</v>
      </c>
      <c r="AN35478">
        <v>42</v>
      </c>
      <c r="AO35478">
        <v>43</v>
      </c>
      <c r="AP35478">
        <v>43</v>
      </c>
      <c r="AQ35478">
        <v>44</v>
      </c>
    </row>
    <row r="35479" spans="1:43">
      <c r="A35479" t="s">
        <v>21997</v>
      </c>
      <c r="B35479" t="s">
        <v>21998</v>
      </c>
      <c r="C35479" t="s">
        <v>21999</v>
      </c>
      <c r="D35479" t="s">
        <v>22000</v>
      </c>
      <c r="E35479" t="s">
        <v>21935</v>
      </c>
      <c r="F35479" t="s">
        <v>21936</v>
      </c>
      <c r="G35479" t="s">
        <v>20255</v>
      </c>
      <c r="H35479" t="s">
        <v>20256</v>
      </c>
      <c r="I35479" s="2">
        <v>1</v>
      </c>
      <c r="J35479" s="2">
        <v>0</v>
      </c>
      <c r="K35479" s="2">
        <v>0</v>
      </c>
      <c r="L35479" t="s">
        <v>120</v>
      </c>
      <c r="M35479" t="s">
        <v>87</v>
      </c>
      <c r="N35479" t="s">
        <v>88</v>
      </c>
      <c r="O35479" t="s">
        <v>85</v>
      </c>
      <c r="P35479" t="s">
        <v>86</v>
      </c>
      <c r="Q35479">
        <v>28</v>
      </c>
      <c r="R35479">
        <v>28</v>
      </c>
      <c r="S35479">
        <v>28</v>
      </c>
      <c r="T35479">
        <v>29</v>
      </c>
      <c r="U35479">
        <v>29</v>
      </c>
      <c r="V35479">
        <v>29</v>
      </c>
      <c r="W35479">
        <v>30</v>
      </c>
      <c r="X35479">
        <v>30</v>
      </c>
      <c r="Y35479">
        <v>30</v>
      </c>
      <c r="Z35479">
        <v>31</v>
      </c>
      <c r="AA35479">
        <v>31</v>
      </c>
      <c r="AB35479">
        <v>31</v>
      </c>
      <c r="AC35479">
        <v>32</v>
      </c>
      <c r="AD35479">
        <v>32</v>
      </c>
      <c r="AE35479">
        <v>32</v>
      </c>
      <c r="AF35479">
        <v>33</v>
      </c>
      <c r="AG35479">
        <v>33</v>
      </c>
      <c r="AH35479">
        <v>34</v>
      </c>
      <c r="AI35479">
        <v>34</v>
      </c>
      <c r="AJ35479">
        <v>34</v>
      </c>
      <c r="AK35479">
        <v>35</v>
      </c>
      <c r="AL35479">
        <v>35</v>
      </c>
      <c r="AM35479">
        <v>36</v>
      </c>
      <c r="AN35479">
        <v>36</v>
      </c>
      <c r="AO35479">
        <v>37</v>
      </c>
      <c r="AP35479">
        <v>37</v>
      </c>
      <c r="AQ35479">
        <v>38</v>
      </c>
    </row>
    <row r="35480" spans="1:43">
      <c r="A35480" t="s">
        <v>21997</v>
      </c>
      <c r="B35480" t="s">
        <v>21998</v>
      </c>
      <c r="C35480" t="s">
        <v>21999</v>
      </c>
      <c r="D35480" t="s">
        <v>22000</v>
      </c>
      <c r="E35480" t="s">
        <v>21935</v>
      </c>
      <c r="F35480" t="s">
        <v>21936</v>
      </c>
      <c r="G35480" t="s">
        <v>20255</v>
      </c>
      <c r="H35480" t="s">
        <v>20256</v>
      </c>
      <c r="I35480" s="2">
        <v>1</v>
      </c>
      <c r="J35480" s="2">
        <v>0</v>
      </c>
      <c r="K35480" s="2">
        <v>0</v>
      </c>
      <c r="L35480" t="s">
        <v>120</v>
      </c>
      <c r="M35480" t="s">
        <v>89</v>
      </c>
      <c r="N35480" t="s">
        <v>90</v>
      </c>
      <c r="O35480" t="s">
        <v>85</v>
      </c>
      <c r="P35480" t="s">
        <v>86</v>
      </c>
      <c r="Q35480">
        <v>28</v>
      </c>
      <c r="R35480">
        <v>29</v>
      </c>
      <c r="S35480">
        <v>30</v>
      </c>
      <c r="T35480">
        <v>31</v>
      </c>
      <c r="U35480">
        <v>32</v>
      </c>
      <c r="V35480">
        <v>32</v>
      </c>
      <c r="W35480">
        <v>33</v>
      </c>
      <c r="X35480">
        <v>34</v>
      </c>
      <c r="Y35480">
        <v>35</v>
      </c>
      <c r="Z35480">
        <v>35</v>
      </c>
      <c r="AA35480">
        <v>36</v>
      </c>
      <c r="AB35480">
        <v>37</v>
      </c>
      <c r="AC35480">
        <v>38</v>
      </c>
      <c r="AD35480">
        <v>39</v>
      </c>
      <c r="AE35480">
        <v>39</v>
      </c>
      <c r="AF35480">
        <v>40</v>
      </c>
      <c r="AG35480">
        <v>40</v>
      </c>
      <c r="AH35480">
        <v>40</v>
      </c>
      <c r="AI35480">
        <v>41</v>
      </c>
      <c r="AJ35480">
        <v>41</v>
      </c>
      <c r="AK35480">
        <v>42</v>
      </c>
      <c r="AL35480">
        <v>42</v>
      </c>
      <c r="AM35480">
        <v>42</v>
      </c>
      <c r="AN35480">
        <v>43</v>
      </c>
      <c r="AO35480">
        <v>43</v>
      </c>
      <c r="AP35480">
        <v>44</v>
      </c>
      <c r="AQ35480">
        <v>44</v>
      </c>
    </row>
    <row r="35481" spans="1:43">
      <c r="A35481" t="s">
        <v>21997</v>
      </c>
      <c r="B35481" t="s">
        <v>21998</v>
      </c>
      <c r="C35481" t="s">
        <v>21999</v>
      </c>
      <c r="D35481" t="s">
        <v>22000</v>
      </c>
      <c r="E35481" t="s">
        <v>21935</v>
      </c>
      <c r="F35481" t="s">
        <v>21936</v>
      </c>
      <c r="G35481" t="s">
        <v>20255</v>
      </c>
      <c r="H35481" t="s">
        <v>20256</v>
      </c>
      <c r="I35481" s="2">
        <v>1</v>
      </c>
      <c r="J35481" s="2">
        <v>0</v>
      </c>
      <c r="K35481" s="2">
        <v>0</v>
      </c>
      <c r="L35481" t="s">
        <v>120</v>
      </c>
      <c r="M35481" t="s">
        <v>83</v>
      </c>
      <c r="N35481" t="s">
        <v>91</v>
      </c>
      <c r="O35481" t="s">
        <v>85</v>
      </c>
      <c r="P35481" t="s">
        <v>86</v>
      </c>
      <c r="Q35481">
        <v>28</v>
      </c>
      <c r="R35481">
        <v>29</v>
      </c>
      <c r="S35481">
        <v>29</v>
      </c>
      <c r="T35481">
        <v>30</v>
      </c>
      <c r="U35481">
        <v>30</v>
      </c>
      <c r="V35481">
        <v>31</v>
      </c>
      <c r="W35481">
        <v>32</v>
      </c>
      <c r="X35481">
        <v>32</v>
      </c>
      <c r="Y35481">
        <v>33</v>
      </c>
      <c r="Z35481">
        <v>33</v>
      </c>
      <c r="AA35481">
        <v>34</v>
      </c>
      <c r="AB35481">
        <v>35</v>
      </c>
      <c r="AC35481">
        <v>35</v>
      </c>
      <c r="AD35481">
        <v>36</v>
      </c>
      <c r="AE35481">
        <v>37</v>
      </c>
      <c r="AF35481">
        <v>37</v>
      </c>
      <c r="AG35481">
        <v>38</v>
      </c>
      <c r="AH35481">
        <v>39</v>
      </c>
      <c r="AI35481">
        <v>39</v>
      </c>
      <c r="AJ35481">
        <v>40</v>
      </c>
      <c r="AK35481">
        <v>41</v>
      </c>
      <c r="AL35481">
        <v>41</v>
      </c>
      <c r="AM35481">
        <v>42</v>
      </c>
      <c r="AN35481">
        <v>42</v>
      </c>
      <c r="AO35481">
        <v>43</v>
      </c>
      <c r="AP35481">
        <v>43</v>
      </c>
      <c r="AQ35481">
        <v>44</v>
      </c>
    </row>
    <row r="35482" spans="1:43">
      <c r="A35482" t="s">
        <v>22001</v>
      </c>
      <c r="B35482" t="s">
        <v>22002</v>
      </c>
      <c r="C35482" t="s">
        <v>21949</v>
      </c>
      <c r="D35482" t="s">
        <v>21950</v>
      </c>
      <c r="E35482" t="s">
        <v>21935</v>
      </c>
      <c r="F35482" t="s">
        <v>21936</v>
      </c>
      <c r="G35482" t="s">
        <v>20255</v>
      </c>
      <c r="H35482" t="s">
        <v>20256</v>
      </c>
      <c r="I35482" s="2">
        <v>1</v>
      </c>
      <c r="J35482" s="2">
        <v>0</v>
      </c>
      <c r="K35482" s="2">
        <v>0</v>
      </c>
      <c r="L35482" t="s">
        <v>120</v>
      </c>
      <c r="M35482" t="s">
        <v>83</v>
      </c>
      <c r="N35482" t="s">
        <v>84</v>
      </c>
      <c r="O35482" t="s">
        <v>85</v>
      </c>
      <c r="P35482" t="s">
        <v>86</v>
      </c>
      <c r="Q35482">
        <v>9</v>
      </c>
      <c r="R35482">
        <v>10</v>
      </c>
      <c r="S35482">
        <v>10</v>
      </c>
      <c r="T35482">
        <v>10</v>
      </c>
      <c r="U35482">
        <v>10</v>
      </c>
      <c r="V35482">
        <v>10</v>
      </c>
      <c r="W35482">
        <v>11</v>
      </c>
      <c r="X35482">
        <v>11</v>
      </c>
      <c r="Y35482">
        <v>11</v>
      </c>
      <c r="Z35482">
        <v>11</v>
      </c>
      <c r="AA35482">
        <v>11</v>
      </c>
      <c r="AB35482">
        <v>12</v>
      </c>
      <c r="AC35482">
        <v>12</v>
      </c>
      <c r="AD35482">
        <v>12</v>
      </c>
      <c r="AE35482">
        <v>12</v>
      </c>
      <c r="AF35482">
        <v>12</v>
      </c>
      <c r="AG35482">
        <v>13</v>
      </c>
      <c r="AH35482">
        <v>13</v>
      </c>
      <c r="AI35482">
        <v>13</v>
      </c>
      <c r="AJ35482">
        <v>13</v>
      </c>
      <c r="AK35482">
        <v>14</v>
      </c>
      <c r="AL35482">
        <v>14</v>
      </c>
      <c r="AM35482">
        <v>14</v>
      </c>
      <c r="AN35482">
        <v>14</v>
      </c>
      <c r="AO35482">
        <v>14</v>
      </c>
      <c r="AP35482">
        <v>14</v>
      </c>
      <c r="AQ35482">
        <v>15</v>
      </c>
    </row>
    <row r="35483" spans="1:43">
      <c r="A35483" t="s">
        <v>22001</v>
      </c>
      <c r="B35483" t="s">
        <v>22002</v>
      </c>
      <c r="C35483" t="s">
        <v>21949</v>
      </c>
      <c r="D35483" t="s">
        <v>21950</v>
      </c>
      <c r="E35483" t="s">
        <v>21935</v>
      </c>
      <c r="F35483" t="s">
        <v>21936</v>
      </c>
      <c r="G35483" t="s">
        <v>20255</v>
      </c>
      <c r="H35483" t="s">
        <v>20256</v>
      </c>
      <c r="I35483" s="2">
        <v>1</v>
      </c>
      <c r="J35483" s="2">
        <v>0</v>
      </c>
      <c r="K35483" s="2">
        <v>0</v>
      </c>
      <c r="L35483" t="s">
        <v>120</v>
      </c>
      <c r="M35483" t="s">
        <v>87</v>
      </c>
      <c r="N35483" t="s">
        <v>88</v>
      </c>
      <c r="O35483" t="s">
        <v>85</v>
      </c>
      <c r="P35483" t="s">
        <v>86</v>
      </c>
      <c r="Q35483">
        <v>9</v>
      </c>
      <c r="R35483">
        <v>9</v>
      </c>
      <c r="S35483">
        <v>9</v>
      </c>
      <c r="T35483">
        <v>10</v>
      </c>
      <c r="U35483">
        <v>10</v>
      </c>
      <c r="V35483">
        <v>10</v>
      </c>
      <c r="W35483">
        <v>10</v>
      </c>
      <c r="X35483">
        <v>10</v>
      </c>
      <c r="Y35483">
        <v>10</v>
      </c>
      <c r="Z35483">
        <v>10</v>
      </c>
      <c r="AA35483">
        <v>10</v>
      </c>
      <c r="AB35483">
        <v>10</v>
      </c>
      <c r="AC35483">
        <v>11</v>
      </c>
      <c r="AD35483">
        <v>11</v>
      </c>
      <c r="AE35483">
        <v>11</v>
      </c>
      <c r="AF35483">
        <v>11</v>
      </c>
      <c r="AG35483">
        <v>11</v>
      </c>
      <c r="AH35483">
        <v>11</v>
      </c>
      <c r="AI35483">
        <v>11</v>
      </c>
      <c r="AJ35483">
        <v>12</v>
      </c>
      <c r="AK35483">
        <v>12</v>
      </c>
      <c r="AL35483">
        <v>12</v>
      </c>
      <c r="AM35483">
        <v>12</v>
      </c>
      <c r="AN35483">
        <v>12</v>
      </c>
      <c r="AO35483">
        <v>12</v>
      </c>
      <c r="AP35483">
        <v>12</v>
      </c>
      <c r="AQ35483">
        <v>13</v>
      </c>
    </row>
    <row r="35484" spans="1:43">
      <c r="A35484" t="s">
        <v>22001</v>
      </c>
      <c r="B35484" t="s">
        <v>22002</v>
      </c>
      <c r="C35484" t="s">
        <v>21949</v>
      </c>
      <c r="D35484" t="s">
        <v>21950</v>
      </c>
      <c r="E35484" t="s">
        <v>21935</v>
      </c>
      <c r="F35484" t="s">
        <v>21936</v>
      </c>
      <c r="G35484" t="s">
        <v>20255</v>
      </c>
      <c r="H35484" t="s">
        <v>20256</v>
      </c>
      <c r="I35484" s="2">
        <v>1</v>
      </c>
      <c r="J35484" s="2">
        <v>0</v>
      </c>
      <c r="K35484" s="2">
        <v>0</v>
      </c>
      <c r="L35484" t="s">
        <v>120</v>
      </c>
      <c r="M35484" t="s">
        <v>89</v>
      </c>
      <c r="N35484" t="s">
        <v>90</v>
      </c>
      <c r="O35484" t="s">
        <v>85</v>
      </c>
      <c r="P35484" t="s">
        <v>86</v>
      </c>
      <c r="Q35484">
        <v>9</v>
      </c>
      <c r="R35484">
        <v>10</v>
      </c>
      <c r="S35484">
        <v>10</v>
      </c>
      <c r="T35484">
        <v>10</v>
      </c>
      <c r="U35484">
        <v>11</v>
      </c>
      <c r="V35484">
        <v>11</v>
      </c>
      <c r="W35484">
        <v>11</v>
      </c>
      <c r="X35484">
        <v>11</v>
      </c>
      <c r="Y35484">
        <v>12</v>
      </c>
      <c r="Z35484">
        <v>12</v>
      </c>
      <c r="AA35484">
        <v>12</v>
      </c>
      <c r="AB35484">
        <v>12</v>
      </c>
      <c r="AC35484">
        <v>13</v>
      </c>
      <c r="AD35484">
        <v>13</v>
      </c>
      <c r="AE35484">
        <v>13</v>
      </c>
      <c r="AF35484">
        <v>13</v>
      </c>
      <c r="AG35484">
        <v>13</v>
      </c>
      <c r="AH35484">
        <v>14</v>
      </c>
      <c r="AI35484">
        <v>14</v>
      </c>
      <c r="AJ35484">
        <v>14</v>
      </c>
      <c r="AK35484">
        <v>14</v>
      </c>
      <c r="AL35484">
        <v>14</v>
      </c>
      <c r="AM35484">
        <v>14</v>
      </c>
      <c r="AN35484">
        <v>14</v>
      </c>
      <c r="AO35484">
        <v>14</v>
      </c>
      <c r="AP35484">
        <v>15</v>
      </c>
      <c r="AQ35484">
        <v>15</v>
      </c>
    </row>
    <row r="35485" spans="1:43">
      <c r="A35485" t="s">
        <v>22001</v>
      </c>
      <c r="B35485" t="s">
        <v>22002</v>
      </c>
      <c r="C35485" t="s">
        <v>21949</v>
      </c>
      <c r="D35485" t="s">
        <v>21950</v>
      </c>
      <c r="E35485" t="s">
        <v>21935</v>
      </c>
      <c r="F35485" t="s">
        <v>21936</v>
      </c>
      <c r="G35485" t="s">
        <v>20255</v>
      </c>
      <c r="H35485" t="s">
        <v>20256</v>
      </c>
      <c r="I35485" s="2">
        <v>1</v>
      </c>
      <c r="J35485" s="2">
        <v>0</v>
      </c>
      <c r="K35485" s="2">
        <v>0</v>
      </c>
      <c r="L35485" t="s">
        <v>120</v>
      </c>
      <c r="M35485" t="s">
        <v>83</v>
      </c>
      <c r="N35485" t="s">
        <v>91</v>
      </c>
      <c r="O35485" t="s">
        <v>85</v>
      </c>
      <c r="P35485" t="s">
        <v>86</v>
      </c>
      <c r="Q35485">
        <v>9</v>
      </c>
      <c r="R35485">
        <v>10</v>
      </c>
      <c r="S35485">
        <v>10</v>
      </c>
      <c r="T35485">
        <v>10</v>
      </c>
      <c r="U35485">
        <v>10</v>
      </c>
      <c r="V35485">
        <v>10</v>
      </c>
      <c r="W35485">
        <v>11</v>
      </c>
      <c r="X35485">
        <v>11</v>
      </c>
      <c r="Y35485">
        <v>11</v>
      </c>
      <c r="Z35485">
        <v>11</v>
      </c>
      <c r="AA35485">
        <v>11</v>
      </c>
      <c r="AB35485">
        <v>12</v>
      </c>
      <c r="AC35485">
        <v>12</v>
      </c>
      <c r="AD35485">
        <v>12</v>
      </c>
      <c r="AE35485">
        <v>12</v>
      </c>
      <c r="AF35485">
        <v>12</v>
      </c>
      <c r="AG35485">
        <v>13</v>
      </c>
      <c r="AH35485">
        <v>13</v>
      </c>
      <c r="AI35485">
        <v>13</v>
      </c>
      <c r="AJ35485">
        <v>13</v>
      </c>
      <c r="AK35485">
        <v>14</v>
      </c>
      <c r="AL35485">
        <v>14</v>
      </c>
      <c r="AM35485">
        <v>14</v>
      </c>
      <c r="AN35485">
        <v>14</v>
      </c>
      <c r="AO35485">
        <v>14</v>
      </c>
      <c r="AP35485">
        <v>14</v>
      </c>
      <c r="AQ35485">
        <v>15</v>
      </c>
    </row>
    <row r="35486" spans="1:43">
      <c r="A35486" t="s">
        <v>22003</v>
      </c>
      <c r="B35486" t="s">
        <v>22004</v>
      </c>
      <c r="C35486" t="s">
        <v>21949</v>
      </c>
      <c r="D35486" t="s">
        <v>21950</v>
      </c>
      <c r="E35486" t="s">
        <v>21935</v>
      </c>
      <c r="F35486" t="s">
        <v>21936</v>
      </c>
      <c r="G35486" t="s">
        <v>20255</v>
      </c>
      <c r="H35486" t="s">
        <v>20256</v>
      </c>
      <c r="I35486" s="2">
        <v>1</v>
      </c>
      <c r="J35486" s="2">
        <v>0</v>
      </c>
      <c r="K35486" s="2">
        <v>0</v>
      </c>
      <c r="L35486" t="s">
        <v>120</v>
      </c>
      <c r="M35486" t="s">
        <v>83</v>
      </c>
      <c r="N35486" t="s">
        <v>84</v>
      </c>
      <c r="O35486" t="s">
        <v>85</v>
      </c>
      <c r="P35486" t="s">
        <v>86</v>
      </c>
      <c r="Q35486">
        <v>39</v>
      </c>
      <c r="R35486">
        <v>40</v>
      </c>
      <c r="S35486">
        <v>41</v>
      </c>
      <c r="T35486">
        <v>42</v>
      </c>
      <c r="U35486">
        <v>43</v>
      </c>
      <c r="V35486">
        <v>43</v>
      </c>
      <c r="W35486">
        <v>44</v>
      </c>
      <c r="X35486">
        <v>45</v>
      </c>
      <c r="Y35486">
        <v>46</v>
      </c>
      <c r="Z35486">
        <v>47</v>
      </c>
      <c r="AA35486">
        <v>48</v>
      </c>
      <c r="AB35486">
        <v>49</v>
      </c>
      <c r="AC35486">
        <v>49</v>
      </c>
      <c r="AD35486">
        <v>50</v>
      </c>
      <c r="AE35486">
        <v>51</v>
      </c>
      <c r="AF35486">
        <v>52</v>
      </c>
      <c r="AG35486">
        <v>53</v>
      </c>
      <c r="AH35486">
        <v>54</v>
      </c>
      <c r="AI35486">
        <v>55</v>
      </c>
      <c r="AJ35486">
        <v>56</v>
      </c>
      <c r="AK35486">
        <v>57</v>
      </c>
      <c r="AL35486">
        <v>58</v>
      </c>
      <c r="AM35486">
        <v>59</v>
      </c>
      <c r="AN35486">
        <v>59</v>
      </c>
      <c r="AO35486">
        <v>60</v>
      </c>
      <c r="AP35486">
        <v>60</v>
      </c>
      <c r="AQ35486">
        <v>61</v>
      </c>
    </row>
    <row r="35487" spans="1:43">
      <c r="A35487" t="s">
        <v>22003</v>
      </c>
      <c r="B35487" t="s">
        <v>22004</v>
      </c>
      <c r="C35487" t="s">
        <v>21949</v>
      </c>
      <c r="D35487" t="s">
        <v>21950</v>
      </c>
      <c r="E35487" t="s">
        <v>21935</v>
      </c>
      <c r="F35487" t="s">
        <v>21936</v>
      </c>
      <c r="G35487" t="s">
        <v>20255</v>
      </c>
      <c r="H35487" t="s">
        <v>20256</v>
      </c>
      <c r="I35487" s="2">
        <v>1</v>
      </c>
      <c r="J35487" s="2">
        <v>0</v>
      </c>
      <c r="K35487" s="2">
        <v>0</v>
      </c>
      <c r="L35487" t="s">
        <v>120</v>
      </c>
      <c r="M35487" t="s">
        <v>87</v>
      </c>
      <c r="N35487" t="s">
        <v>88</v>
      </c>
      <c r="O35487" t="s">
        <v>85</v>
      </c>
      <c r="P35487" t="s">
        <v>86</v>
      </c>
      <c r="Q35487">
        <v>39</v>
      </c>
      <c r="R35487">
        <v>39</v>
      </c>
      <c r="S35487">
        <v>40</v>
      </c>
      <c r="T35487">
        <v>40</v>
      </c>
      <c r="U35487">
        <v>41</v>
      </c>
      <c r="V35487">
        <v>41</v>
      </c>
      <c r="W35487">
        <v>42</v>
      </c>
      <c r="X35487">
        <v>42</v>
      </c>
      <c r="Y35487">
        <v>42</v>
      </c>
      <c r="Z35487">
        <v>43</v>
      </c>
      <c r="AA35487">
        <v>43</v>
      </c>
      <c r="AB35487">
        <v>44</v>
      </c>
      <c r="AC35487">
        <v>44</v>
      </c>
      <c r="AD35487">
        <v>45</v>
      </c>
      <c r="AE35487">
        <v>46</v>
      </c>
      <c r="AF35487">
        <v>46</v>
      </c>
      <c r="AG35487">
        <v>47</v>
      </c>
      <c r="AH35487">
        <v>47</v>
      </c>
      <c r="AI35487">
        <v>48</v>
      </c>
      <c r="AJ35487">
        <v>48</v>
      </c>
      <c r="AK35487">
        <v>49</v>
      </c>
      <c r="AL35487">
        <v>50</v>
      </c>
      <c r="AM35487">
        <v>50</v>
      </c>
      <c r="AN35487">
        <v>51</v>
      </c>
      <c r="AO35487">
        <v>51</v>
      </c>
      <c r="AP35487">
        <v>52</v>
      </c>
      <c r="AQ35487">
        <v>53</v>
      </c>
    </row>
    <row r="35488" spans="1:43">
      <c r="A35488" t="s">
        <v>22003</v>
      </c>
      <c r="B35488" t="s">
        <v>22004</v>
      </c>
      <c r="C35488" t="s">
        <v>21949</v>
      </c>
      <c r="D35488" t="s">
        <v>21950</v>
      </c>
      <c r="E35488" t="s">
        <v>21935</v>
      </c>
      <c r="F35488" t="s">
        <v>21936</v>
      </c>
      <c r="G35488" t="s">
        <v>20255</v>
      </c>
      <c r="H35488" t="s">
        <v>20256</v>
      </c>
      <c r="I35488" s="2">
        <v>1</v>
      </c>
      <c r="J35488" s="2">
        <v>0</v>
      </c>
      <c r="K35488" s="2">
        <v>0</v>
      </c>
      <c r="L35488" t="s">
        <v>120</v>
      </c>
      <c r="M35488" t="s">
        <v>89</v>
      </c>
      <c r="N35488" t="s">
        <v>90</v>
      </c>
      <c r="O35488" t="s">
        <v>85</v>
      </c>
      <c r="P35488" t="s">
        <v>86</v>
      </c>
      <c r="Q35488">
        <v>39</v>
      </c>
      <c r="R35488">
        <v>41</v>
      </c>
      <c r="S35488">
        <v>42</v>
      </c>
      <c r="T35488">
        <v>43</v>
      </c>
      <c r="U35488">
        <v>44</v>
      </c>
      <c r="V35488">
        <v>45</v>
      </c>
      <c r="W35488">
        <v>46</v>
      </c>
      <c r="X35488">
        <v>47</v>
      </c>
      <c r="Y35488">
        <v>49</v>
      </c>
      <c r="Z35488">
        <v>50</v>
      </c>
      <c r="AA35488">
        <v>51</v>
      </c>
      <c r="AB35488">
        <v>52</v>
      </c>
      <c r="AC35488">
        <v>53</v>
      </c>
      <c r="AD35488">
        <v>54</v>
      </c>
      <c r="AE35488">
        <v>55</v>
      </c>
      <c r="AF35488">
        <v>56</v>
      </c>
      <c r="AG35488">
        <v>56</v>
      </c>
      <c r="AH35488">
        <v>57</v>
      </c>
      <c r="AI35488">
        <v>57</v>
      </c>
      <c r="AJ35488">
        <v>58</v>
      </c>
      <c r="AK35488">
        <v>58</v>
      </c>
      <c r="AL35488">
        <v>59</v>
      </c>
      <c r="AM35488">
        <v>59</v>
      </c>
      <c r="AN35488">
        <v>60</v>
      </c>
      <c r="AO35488">
        <v>61</v>
      </c>
      <c r="AP35488">
        <v>61</v>
      </c>
      <c r="AQ35488">
        <v>62</v>
      </c>
    </row>
    <row r="35489" spans="1:43">
      <c r="A35489" t="s">
        <v>22003</v>
      </c>
      <c r="B35489" t="s">
        <v>22004</v>
      </c>
      <c r="C35489" t="s">
        <v>21949</v>
      </c>
      <c r="D35489" t="s">
        <v>21950</v>
      </c>
      <c r="E35489" t="s">
        <v>21935</v>
      </c>
      <c r="F35489" t="s">
        <v>21936</v>
      </c>
      <c r="G35489" t="s">
        <v>20255</v>
      </c>
      <c r="H35489" t="s">
        <v>20256</v>
      </c>
      <c r="I35489" s="2">
        <v>1</v>
      </c>
      <c r="J35489" s="2">
        <v>0</v>
      </c>
      <c r="K35489" s="2">
        <v>0</v>
      </c>
      <c r="L35489" t="s">
        <v>120</v>
      </c>
      <c r="M35489" t="s">
        <v>83</v>
      </c>
      <c r="N35489" t="s">
        <v>91</v>
      </c>
      <c r="O35489" t="s">
        <v>85</v>
      </c>
      <c r="P35489" t="s">
        <v>86</v>
      </c>
      <c r="Q35489">
        <v>39</v>
      </c>
      <c r="R35489">
        <v>40</v>
      </c>
      <c r="S35489">
        <v>41</v>
      </c>
      <c r="T35489">
        <v>42</v>
      </c>
      <c r="U35489">
        <v>43</v>
      </c>
      <c r="V35489">
        <v>43</v>
      </c>
      <c r="W35489">
        <v>44</v>
      </c>
      <c r="X35489">
        <v>45</v>
      </c>
      <c r="Y35489">
        <v>46</v>
      </c>
      <c r="Z35489">
        <v>47</v>
      </c>
      <c r="AA35489">
        <v>48</v>
      </c>
      <c r="AB35489">
        <v>49</v>
      </c>
      <c r="AC35489">
        <v>49</v>
      </c>
      <c r="AD35489">
        <v>50</v>
      </c>
      <c r="AE35489">
        <v>51</v>
      </c>
      <c r="AF35489">
        <v>52</v>
      </c>
      <c r="AG35489">
        <v>53</v>
      </c>
      <c r="AH35489">
        <v>54</v>
      </c>
      <c r="AI35489">
        <v>55</v>
      </c>
      <c r="AJ35489">
        <v>56</v>
      </c>
      <c r="AK35489">
        <v>57</v>
      </c>
      <c r="AL35489">
        <v>58</v>
      </c>
      <c r="AM35489">
        <v>59</v>
      </c>
      <c r="AN35489">
        <v>59</v>
      </c>
      <c r="AO35489">
        <v>60</v>
      </c>
      <c r="AP35489">
        <v>60</v>
      </c>
      <c r="AQ35489">
        <v>61</v>
      </c>
    </row>
    <row r="35490" spans="1:43">
      <c r="A35490" t="s">
        <v>22005</v>
      </c>
      <c r="B35490" t="s">
        <v>22006</v>
      </c>
      <c r="C35490" t="s">
        <v>22007</v>
      </c>
      <c r="D35490" t="s">
        <v>22008</v>
      </c>
      <c r="E35490" t="s">
        <v>21935</v>
      </c>
      <c r="F35490" t="s">
        <v>21936</v>
      </c>
      <c r="G35490" t="s">
        <v>20255</v>
      </c>
      <c r="H35490" t="s">
        <v>20256</v>
      </c>
      <c r="I35490" s="2">
        <v>1</v>
      </c>
      <c r="J35490" s="2">
        <v>0</v>
      </c>
      <c r="K35490" s="2">
        <v>0</v>
      </c>
      <c r="L35490" t="s">
        <v>120</v>
      </c>
      <c r="M35490" t="s">
        <v>83</v>
      </c>
      <c r="N35490" t="s">
        <v>84</v>
      </c>
      <c r="O35490" t="s">
        <v>85</v>
      </c>
      <c r="P35490" t="s">
        <v>86</v>
      </c>
      <c r="Q35490">
        <v>45</v>
      </c>
      <c r="R35490">
        <v>46</v>
      </c>
      <c r="S35490">
        <v>47</v>
      </c>
      <c r="T35490">
        <v>48</v>
      </c>
      <c r="U35490">
        <v>49</v>
      </c>
      <c r="V35490">
        <v>50</v>
      </c>
      <c r="W35490">
        <v>51</v>
      </c>
      <c r="X35490">
        <v>52</v>
      </c>
      <c r="Y35490">
        <v>53</v>
      </c>
      <c r="Z35490">
        <v>54</v>
      </c>
      <c r="AA35490">
        <v>55</v>
      </c>
      <c r="AB35490">
        <v>56</v>
      </c>
      <c r="AC35490">
        <v>57</v>
      </c>
      <c r="AD35490">
        <v>58</v>
      </c>
      <c r="AE35490">
        <v>59</v>
      </c>
      <c r="AF35490">
        <v>60</v>
      </c>
      <c r="AG35490">
        <v>61</v>
      </c>
      <c r="AH35490">
        <v>62</v>
      </c>
      <c r="AI35490">
        <v>63</v>
      </c>
      <c r="AJ35490">
        <v>64</v>
      </c>
      <c r="AK35490">
        <v>65</v>
      </c>
      <c r="AL35490">
        <v>66</v>
      </c>
      <c r="AM35490">
        <v>67</v>
      </c>
      <c r="AN35490">
        <v>67</v>
      </c>
      <c r="AO35490">
        <v>68</v>
      </c>
      <c r="AP35490">
        <v>69</v>
      </c>
      <c r="AQ35490">
        <v>69</v>
      </c>
    </row>
    <row r="35491" spans="1:43">
      <c r="A35491" t="s">
        <v>22005</v>
      </c>
      <c r="B35491" t="s">
        <v>22006</v>
      </c>
      <c r="C35491" t="s">
        <v>22007</v>
      </c>
      <c r="D35491" t="s">
        <v>22008</v>
      </c>
      <c r="E35491" t="s">
        <v>21935</v>
      </c>
      <c r="F35491" t="s">
        <v>21936</v>
      </c>
      <c r="G35491" t="s">
        <v>20255</v>
      </c>
      <c r="H35491" t="s">
        <v>20256</v>
      </c>
      <c r="I35491" s="2">
        <v>1</v>
      </c>
      <c r="J35491" s="2">
        <v>0</v>
      </c>
      <c r="K35491" s="2">
        <v>0</v>
      </c>
      <c r="L35491" t="s">
        <v>120</v>
      </c>
      <c r="M35491" t="s">
        <v>87</v>
      </c>
      <c r="N35491" t="s">
        <v>88</v>
      </c>
      <c r="O35491" t="s">
        <v>85</v>
      </c>
      <c r="P35491" t="s">
        <v>86</v>
      </c>
      <c r="Q35491">
        <v>45</v>
      </c>
      <c r="R35491">
        <v>45</v>
      </c>
      <c r="S35491">
        <v>46</v>
      </c>
      <c r="T35491">
        <v>46</v>
      </c>
      <c r="U35491">
        <v>47</v>
      </c>
      <c r="V35491">
        <v>47</v>
      </c>
      <c r="W35491">
        <v>48</v>
      </c>
      <c r="X35491">
        <v>48</v>
      </c>
      <c r="Y35491">
        <v>49</v>
      </c>
      <c r="Z35491">
        <v>49</v>
      </c>
      <c r="AA35491">
        <v>50</v>
      </c>
      <c r="AB35491">
        <v>50</v>
      </c>
      <c r="AC35491">
        <v>51</v>
      </c>
      <c r="AD35491">
        <v>51</v>
      </c>
      <c r="AE35491">
        <v>52</v>
      </c>
      <c r="AF35491">
        <v>53</v>
      </c>
      <c r="AG35491">
        <v>53</v>
      </c>
      <c r="AH35491">
        <v>54</v>
      </c>
      <c r="AI35491">
        <v>55</v>
      </c>
      <c r="AJ35491">
        <v>55</v>
      </c>
      <c r="AK35491">
        <v>56</v>
      </c>
      <c r="AL35491">
        <v>57</v>
      </c>
      <c r="AM35491">
        <v>57</v>
      </c>
      <c r="AN35491">
        <v>58</v>
      </c>
      <c r="AO35491">
        <v>59</v>
      </c>
      <c r="AP35491">
        <v>59</v>
      </c>
      <c r="AQ35491">
        <v>60</v>
      </c>
    </row>
    <row r="35492" spans="1:43">
      <c r="A35492" t="s">
        <v>22005</v>
      </c>
      <c r="B35492" t="s">
        <v>22006</v>
      </c>
      <c r="C35492" t="s">
        <v>22007</v>
      </c>
      <c r="D35492" t="s">
        <v>22008</v>
      </c>
      <c r="E35492" t="s">
        <v>21935</v>
      </c>
      <c r="F35492" t="s">
        <v>21936</v>
      </c>
      <c r="G35492" t="s">
        <v>20255</v>
      </c>
      <c r="H35492" t="s">
        <v>20256</v>
      </c>
      <c r="I35492" s="2">
        <v>1</v>
      </c>
      <c r="J35492" s="2">
        <v>0</v>
      </c>
      <c r="K35492" s="2">
        <v>0</v>
      </c>
      <c r="L35492" t="s">
        <v>120</v>
      </c>
      <c r="M35492" t="s">
        <v>89</v>
      </c>
      <c r="N35492" t="s">
        <v>90</v>
      </c>
      <c r="O35492" t="s">
        <v>85</v>
      </c>
      <c r="P35492" t="s">
        <v>86</v>
      </c>
      <c r="Q35492">
        <v>45</v>
      </c>
      <c r="R35492">
        <v>47</v>
      </c>
      <c r="S35492">
        <v>48</v>
      </c>
      <c r="T35492">
        <v>49</v>
      </c>
      <c r="U35492">
        <v>51</v>
      </c>
      <c r="V35492">
        <v>52</v>
      </c>
      <c r="W35492">
        <v>53</v>
      </c>
      <c r="X35492">
        <v>54</v>
      </c>
      <c r="Y35492">
        <v>56</v>
      </c>
      <c r="Z35492">
        <v>57</v>
      </c>
      <c r="AA35492">
        <v>58</v>
      </c>
      <c r="AB35492">
        <v>59</v>
      </c>
      <c r="AC35492">
        <v>61</v>
      </c>
      <c r="AD35492">
        <v>62</v>
      </c>
      <c r="AE35492">
        <v>63</v>
      </c>
      <c r="AF35492">
        <v>63</v>
      </c>
      <c r="AG35492">
        <v>64</v>
      </c>
      <c r="AH35492">
        <v>64</v>
      </c>
      <c r="AI35492">
        <v>65</v>
      </c>
      <c r="AJ35492">
        <v>66</v>
      </c>
      <c r="AK35492">
        <v>66</v>
      </c>
      <c r="AL35492">
        <v>67</v>
      </c>
      <c r="AM35492">
        <v>67</v>
      </c>
      <c r="AN35492">
        <v>68</v>
      </c>
      <c r="AO35492">
        <v>68</v>
      </c>
      <c r="AP35492">
        <v>69</v>
      </c>
      <c r="AQ35492">
        <v>70</v>
      </c>
    </row>
    <row r="35493" spans="1:43">
      <c r="A35493" t="s">
        <v>22005</v>
      </c>
      <c r="B35493" t="s">
        <v>22006</v>
      </c>
      <c r="C35493" t="s">
        <v>22007</v>
      </c>
      <c r="D35493" t="s">
        <v>22008</v>
      </c>
      <c r="E35493" t="s">
        <v>21935</v>
      </c>
      <c r="F35493" t="s">
        <v>21936</v>
      </c>
      <c r="G35493" t="s">
        <v>20255</v>
      </c>
      <c r="H35493" t="s">
        <v>20256</v>
      </c>
      <c r="I35493" s="2">
        <v>1</v>
      </c>
      <c r="J35493" s="2">
        <v>0</v>
      </c>
      <c r="K35493" s="2">
        <v>0</v>
      </c>
      <c r="L35493" t="s">
        <v>120</v>
      </c>
      <c r="M35493" t="s">
        <v>83</v>
      </c>
      <c r="N35493" t="s">
        <v>91</v>
      </c>
      <c r="O35493" t="s">
        <v>85</v>
      </c>
      <c r="P35493" t="s">
        <v>86</v>
      </c>
      <c r="Q35493">
        <v>45</v>
      </c>
      <c r="R35493">
        <v>46</v>
      </c>
      <c r="S35493">
        <v>47</v>
      </c>
      <c r="T35493">
        <v>48</v>
      </c>
      <c r="U35493">
        <v>49</v>
      </c>
      <c r="V35493">
        <v>50</v>
      </c>
      <c r="W35493">
        <v>51</v>
      </c>
      <c r="X35493">
        <v>52</v>
      </c>
      <c r="Y35493">
        <v>53</v>
      </c>
      <c r="Z35493">
        <v>54</v>
      </c>
      <c r="AA35493">
        <v>55</v>
      </c>
      <c r="AB35493">
        <v>56</v>
      </c>
      <c r="AC35493">
        <v>57</v>
      </c>
      <c r="AD35493">
        <v>58</v>
      </c>
      <c r="AE35493">
        <v>59</v>
      </c>
      <c r="AF35493">
        <v>60</v>
      </c>
      <c r="AG35493">
        <v>61</v>
      </c>
      <c r="AH35493">
        <v>62</v>
      </c>
      <c r="AI35493">
        <v>63</v>
      </c>
      <c r="AJ35493">
        <v>64</v>
      </c>
      <c r="AK35493">
        <v>65</v>
      </c>
      <c r="AL35493">
        <v>66</v>
      </c>
      <c r="AM35493">
        <v>67</v>
      </c>
      <c r="AN35493">
        <v>67</v>
      </c>
      <c r="AO35493">
        <v>68</v>
      </c>
      <c r="AP35493">
        <v>69</v>
      </c>
      <c r="AQ35493">
        <v>69</v>
      </c>
    </row>
    <row r="35494" spans="1:43">
      <c r="A35494" t="s">
        <v>22009</v>
      </c>
      <c r="B35494" t="s">
        <v>22010</v>
      </c>
      <c r="C35494" t="s">
        <v>21979</v>
      </c>
      <c r="D35494" t="s">
        <v>21980</v>
      </c>
      <c r="E35494" t="s">
        <v>21935</v>
      </c>
      <c r="F35494" t="s">
        <v>21936</v>
      </c>
      <c r="G35494" t="s">
        <v>20255</v>
      </c>
      <c r="H35494" t="s">
        <v>20256</v>
      </c>
      <c r="I35494" s="2">
        <v>1</v>
      </c>
      <c r="J35494" s="2">
        <v>0</v>
      </c>
      <c r="K35494" s="2">
        <v>0</v>
      </c>
      <c r="L35494" t="s">
        <v>120</v>
      </c>
      <c r="M35494" t="s">
        <v>83</v>
      </c>
      <c r="N35494" t="s">
        <v>84</v>
      </c>
      <c r="O35494" t="s">
        <v>85</v>
      </c>
      <c r="P35494" t="s">
        <v>86</v>
      </c>
      <c r="Q35494">
        <v>66</v>
      </c>
      <c r="R35494">
        <v>68</v>
      </c>
      <c r="S35494">
        <v>69</v>
      </c>
      <c r="T35494">
        <v>70</v>
      </c>
      <c r="U35494">
        <v>72</v>
      </c>
      <c r="V35494">
        <v>73</v>
      </c>
      <c r="W35494">
        <v>75</v>
      </c>
      <c r="X35494">
        <v>76</v>
      </c>
      <c r="Y35494">
        <v>78</v>
      </c>
      <c r="Z35494">
        <v>79</v>
      </c>
      <c r="AA35494">
        <v>80</v>
      </c>
      <c r="AB35494">
        <v>82</v>
      </c>
      <c r="AC35494">
        <v>83</v>
      </c>
      <c r="AD35494">
        <v>85</v>
      </c>
      <c r="AE35494">
        <v>86</v>
      </c>
      <c r="AF35494">
        <v>88</v>
      </c>
      <c r="AG35494">
        <v>90</v>
      </c>
      <c r="AH35494">
        <v>91</v>
      </c>
      <c r="AI35494">
        <v>93</v>
      </c>
      <c r="AJ35494">
        <v>95</v>
      </c>
      <c r="AK35494">
        <v>96</v>
      </c>
      <c r="AL35494">
        <v>97</v>
      </c>
      <c r="AM35494">
        <v>98</v>
      </c>
      <c r="AN35494">
        <v>99</v>
      </c>
      <c r="AO35494">
        <v>100</v>
      </c>
      <c r="AP35494">
        <v>101</v>
      </c>
      <c r="AQ35494">
        <v>102</v>
      </c>
    </row>
    <row r="35495" spans="1:43">
      <c r="A35495" t="s">
        <v>22009</v>
      </c>
      <c r="B35495" t="s">
        <v>22010</v>
      </c>
      <c r="C35495" t="s">
        <v>21979</v>
      </c>
      <c r="D35495" t="s">
        <v>21980</v>
      </c>
      <c r="E35495" t="s">
        <v>21935</v>
      </c>
      <c r="F35495" t="s">
        <v>21936</v>
      </c>
      <c r="G35495" t="s">
        <v>20255</v>
      </c>
      <c r="H35495" t="s">
        <v>20256</v>
      </c>
      <c r="I35495" s="2">
        <v>1</v>
      </c>
      <c r="J35495" s="2">
        <v>0</v>
      </c>
      <c r="K35495" s="2">
        <v>0</v>
      </c>
      <c r="L35495" t="s">
        <v>120</v>
      </c>
      <c r="M35495" t="s">
        <v>87</v>
      </c>
      <c r="N35495" t="s">
        <v>88</v>
      </c>
      <c r="O35495" t="s">
        <v>85</v>
      </c>
      <c r="P35495" t="s">
        <v>86</v>
      </c>
      <c r="Q35495">
        <v>66</v>
      </c>
      <c r="R35495">
        <v>66</v>
      </c>
      <c r="S35495">
        <v>67</v>
      </c>
      <c r="T35495">
        <v>68</v>
      </c>
      <c r="U35495">
        <v>69</v>
      </c>
      <c r="V35495">
        <v>69</v>
      </c>
      <c r="W35495">
        <v>70</v>
      </c>
      <c r="X35495">
        <v>71</v>
      </c>
      <c r="Y35495">
        <v>72</v>
      </c>
      <c r="Z35495">
        <v>73</v>
      </c>
      <c r="AA35495">
        <v>73</v>
      </c>
      <c r="AB35495">
        <v>74</v>
      </c>
      <c r="AC35495">
        <v>75</v>
      </c>
      <c r="AD35495">
        <v>76</v>
      </c>
      <c r="AE35495">
        <v>77</v>
      </c>
      <c r="AF35495">
        <v>78</v>
      </c>
      <c r="AG35495">
        <v>79</v>
      </c>
      <c r="AH35495">
        <v>79</v>
      </c>
      <c r="AI35495">
        <v>80</v>
      </c>
      <c r="AJ35495">
        <v>81</v>
      </c>
      <c r="AK35495">
        <v>82</v>
      </c>
      <c r="AL35495">
        <v>83</v>
      </c>
      <c r="AM35495">
        <v>84</v>
      </c>
      <c r="AN35495">
        <v>85</v>
      </c>
      <c r="AO35495">
        <v>86</v>
      </c>
      <c r="AP35495">
        <v>87</v>
      </c>
      <c r="AQ35495">
        <v>89</v>
      </c>
    </row>
    <row r="35496" spans="1:43">
      <c r="A35496" t="s">
        <v>22009</v>
      </c>
      <c r="B35496" t="s">
        <v>22010</v>
      </c>
      <c r="C35496" t="s">
        <v>21979</v>
      </c>
      <c r="D35496" t="s">
        <v>21980</v>
      </c>
      <c r="E35496" t="s">
        <v>21935</v>
      </c>
      <c r="F35496" t="s">
        <v>21936</v>
      </c>
      <c r="G35496" t="s">
        <v>20255</v>
      </c>
      <c r="H35496" t="s">
        <v>20256</v>
      </c>
      <c r="I35496" s="2">
        <v>1</v>
      </c>
      <c r="J35496" s="2">
        <v>0</v>
      </c>
      <c r="K35496" s="2">
        <v>0</v>
      </c>
      <c r="L35496" t="s">
        <v>120</v>
      </c>
      <c r="M35496" t="s">
        <v>89</v>
      </c>
      <c r="N35496" t="s">
        <v>90</v>
      </c>
      <c r="O35496" t="s">
        <v>85</v>
      </c>
      <c r="P35496" t="s">
        <v>86</v>
      </c>
      <c r="Q35496">
        <v>66</v>
      </c>
      <c r="R35496">
        <v>68</v>
      </c>
      <c r="S35496">
        <v>70</v>
      </c>
      <c r="T35496">
        <v>72</v>
      </c>
      <c r="U35496">
        <v>74</v>
      </c>
      <c r="V35496">
        <v>76</v>
      </c>
      <c r="W35496">
        <v>77</v>
      </c>
      <c r="X35496">
        <v>79</v>
      </c>
      <c r="Y35496">
        <v>81</v>
      </c>
      <c r="Z35496">
        <v>83</v>
      </c>
      <c r="AA35496">
        <v>85</v>
      </c>
      <c r="AB35496">
        <v>86</v>
      </c>
      <c r="AC35496">
        <v>88</v>
      </c>
      <c r="AD35496">
        <v>90</v>
      </c>
      <c r="AE35496">
        <v>92</v>
      </c>
      <c r="AF35496">
        <v>92</v>
      </c>
      <c r="AG35496">
        <v>93</v>
      </c>
      <c r="AH35496">
        <v>94</v>
      </c>
      <c r="AI35496">
        <v>95</v>
      </c>
      <c r="AJ35496">
        <v>96</v>
      </c>
      <c r="AK35496">
        <v>96</v>
      </c>
      <c r="AL35496">
        <v>97</v>
      </c>
      <c r="AM35496">
        <v>98</v>
      </c>
      <c r="AN35496">
        <v>99</v>
      </c>
      <c r="AO35496">
        <v>100</v>
      </c>
      <c r="AP35496">
        <v>101</v>
      </c>
      <c r="AQ35496">
        <v>102</v>
      </c>
    </row>
    <row r="35497" spans="1:43">
      <c r="A35497" t="s">
        <v>22009</v>
      </c>
      <c r="B35497" t="s">
        <v>22010</v>
      </c>
      <c r="C35497" t="s">
        <v>21979</v>
      </c>
      <c r="D35497" t="s">
        <v>21980</v>
      </c>
      <c r="E35497" t="s">
        <v>21935</v>
      </c>
      <c r="F35497" t="s">
        <v>21936</v>
      </c>
      <c r="G35497" t="s">
        <v>20255</v>
      </c>
      <c r="H35497" t="s">
        <v>20256</v>
      </c>
      <c r="I35497" s="2">
        <v>1</v>
      </c>
      <c r="J35497" s="2">
        <v>0</v>
      </c>
      <c r="K35497" s="2">
        <v>0</v>
      </c>
      <c r="L35497" t="s">
        <v>120</v>
      </c>
      <c r="M35497" t="s">
        <v>83</v>
      </c>
      <c r="N35497" t="s">
        <v>91</v>
      </c>
      <c r="O35497" t="s">
        <v>85</v>
      </c>
      <c r="P35497" t="s">
        <v>86</v>
      </c>
      <c r="Q35497">
        <v>66</v>
      </c>
      <c r="R35497">
        <v>68</v>
      </c>
      <c r="S35497">
        <v>69</v>
      </c>
      <c r="T35497">
        <v>70</v>
      </c>
      <c r="U35497">
        <v>72</v>
      </c>
      <c r="V35497">
        <v>73</v>
      </c>
      <c r="W35497">
        <v>75</v>
      </c>
      <c r="X35497">
        <v>76</v>
      </c>
      <c r="Y35497">
        <v>78</v>
      </c>
      <c r="Z35497">
        <v>79</v>
      </c>
      <c r="AA35497">
        <v>80</v>
      </c>
      <c r="AB35497">
        <v>82</v>
      </c>
      <c r="AC35497">
        <v>83</v>
      </c>
      <c r="AD35497">
        <v>85</v>
      </c>
      <c r="AE35497">
        <v>86</v>
      </c>
      <c r="AF35497">
        <v>88</v>
      </c>
      <c r="AG35497">
        <v>90</v>
      </c>
      <c r="AH35497">
        <v>91</v>
      </c>
      <c r="AI35497">
        <v>93</v>
      </c>
      <c r="AJ35497">
        <v>95</v>
      </c>
      <c r="AK35497">
        <v>96</v>
      </c>
      <c r="AL35497">
        <v>97</v>
      </c>
      <c r="AM35497">
        <v>98</v>
      </c>
      <c r="AN35497">
        <v>99</v>
      </c>
      <c r="AO35497">
        <v>100</v>
      </c>
      <c r="AP35497">
        <v>101</v>
      </c>
      <c r="AQ35497">
        <v>102</v>
      </c>
    </row>
    <row r="35498" spans="1:43">
      <c r="A35498" t="s">
        <v>22011</v>
      </c>
      <c r="B35498" t="s">
        <v>22012</v>
      </c>
      <c r="C35498" t="s">
        <v>21975</v>
      </c>
      <c r="D35498" t="s">
        <v>21976</v>
      </c>
      <c r="E35498" t="s">
        <v>21935</v>
      </c>
      <c r="F35498" t="s">
        <v>21936</v>
      </c>
      <c r="G35498" t="s">
        <v>20255</v>
      </c>
      <c r="H35498" t="s">
        <v>20256</v>
      </c>
      <c r="I35498" s="2">
        <v>1</v>
      </c>
      <c r="J35498" s="2">
        <v>0</v>
      </c>
      <c r="K35498" s="2">
        <v>0</v>
      </c>
      <c r="L35498" t="s">
        <v>120</v>
      </c>
      <c r="M35498" t="s">
        <v>83</v>
      </c>
      <c r="N35498" t="s">
        <v>84</v>
      </c>
      <c r="O35498" t="s">
        <v>85</v>
      </c>
      <c r="P35498" t="s">
        <v>86</v>
      </c>
      <c r="Q35498">
        <v>37</v>
      </c>
      <c r="R35498">
        <v>38</v>
      </c>
      <c r="S35498">
        <v>38</v>
      </c>
      <c r="T35498">
        <v>39</v>
      </c>
      <c r="U35498">
        <v>40</v>
      </c>
      <c r="V35498">
        <v>41</v>
      </c>
      <c r="W35498">
        <v>41</v>
      </c>
      <c r="X35498">
        <v>42</v>
      </c>
      <c r="Y35498">
        <v>43</v>
      </c>
      <c r="Z35498">
        <v>44</v>
      </c>
      <c r="AA35498">
        <v>44</v>
      </c>
      <c r="AB35498">
        <v>45</v>
      </c>
      <c r="AC35498">
        <v>46</v>
      </c>
      <c r="AD35498">
        <v>47</v>
      </c>
      <c r="AE35498">
        <v>47</v>
      </c>
      <c r="AF35498">
        <v>48</v>
      </c>
      <c r="AG35498">
        <v>49</v>
      </c>
      <c r="AH35498">
        <v>50</v>
      </c>
      <c r="AI35498">
        <v>51</v>
      </c>
      <c r="AJ35498">
        <v>51</v>
      </c>
      <c r="AK35498">
        <v>52</v>
      </c>
      <c r="AL35498">
        <v>53</v>
      </c>
      <c r="AM35498">
        <v>53</v>
      </c>
      <c r="AN35498">
        <v>54</v>
      </c>
      <c r="AO35498">
        <v>54</v>
      </c>
      <c r="AP35498">
        <v>54</v>
      </c>
      <c r="AQ35498">
        <v>55</v>
      </c>
    </row>
    <row r="35499" spans="1:43">
      <c r="A35499" t="s">
        <v>22011</v>
      </c>
      <c r="B35499" t="s">
        <v>22012</v>
      </c>
      <c r="C35499" t="s">
        <v>21975</v>
      </c>
      <c r="D35499" t="s">
        <v>21976</v>
      </c>
      <c r="E35499" t="s">
        <v>21935</v>
      </c>
      <c r="F35499" t="s">
        <v>21936</v>
      </c>
      <c r="G35499" t="s">
        <v>20255</v>
      </c>
      <c r="H35499" t="s">
        <v>20256</v>
      </c>
      <c r="I35499" s="2">
        <v>1</v>
      </c>
      <c r="J35499" s="2">
        <v>0</v>
      </c>
      <c r="K35499" s="2">
        <v>0</v>
      </c>
      <c r="L35499" t="s">
        <v>120</v>
      </c>
      <c r="M35499" t="s">
        <v>87</v>
      </c>
      <c r="N35499" t="s">
        <v>88</v>
      </c>
      <c r="O35499" t="s">
        <v>85</v>
      </c>
      <c r="P35499" t="s">
        <v>86</v>
      </c>
      <c r="Q35499">
        <v>37</v>
      </c>
      <c r="R35499">
        <v>37</v>
      </c>
      <c r="S35499">
        <v>37</v>
      </c>
      <c r="T35499">
        <v>38</v>
      </c>
      <c r="U35499">
        <v>38</v>
      </c>
      <c r="V35499">
        <v>38</v>
      </c>
      <c r="W35499">
        <v>39</v>
      </c>
      <c r="X35499">
        <v>39</v>
      </c>
      <c r="Y35499">
        <v>40</v>
      </c>
      <c r="Z35499">
        <v>40</v>
      </c>
      <c r="AA35499">
        <v>40</v>
      </c>
      <c r="AB35499">
        <v>41</v>
      </c>
      <c r="AC35499">
        <v>41</v>
      </c>
      <c r="AD35499">
        <v>42</v>
      </c>
      <c r="AE35499">
        <v>42</v>
      </c>
      <c r="AF35499">
        <v>42</v>
      </c>
      <c r="AG35499">
        <v>43</v>
      </c>
      <c r="AH35499">
        <v>43</v>
      </c>
      <c r="AI35499">
        <v>44</v>
      </c>
      <c r="AJ35499">
        <v>44</v>
      </c>
      <c r="AK35499">
        <v>45</v>
      </c>
      <c r="AL35499">
        <v>45</v>
      </c>
      <c r="AM35499">
        <v>45</v>
      </c>
      <c r="AN35499">
        <v>46</v>
      </c>
      <c r="AO35499">
        <v>46</v>
      </c>
      <c r="AP35499">
        <v>47</v>
      </c>
      <c r="AQ35499">
        <v>47</v>
      </c>
    </row>
    <row r="35500" spans="1:43">
      <c r="A35500" t="s">
        <v>22011</v>
      </c>
      <c r="B35500" t="s">
        <v>22012</v>
      </c>
      <c r="C35500" t="s">
        <v>21975</v>
      </c>
      <c r="D35500" t="s">
        <v>21976</v>
      </c>
      <c r="E35500" t="s">
        <v>21935</v>
      </c>
      <c r="F35500" t="s">
        <v>21936</v>
      </c>
      <c r="G35500" t="s">
        <v>20255</v>
      </c>
      <c r="H35500" t="s">
        <v>20256</v>
      </c>
      <c r="I35500" s="2">
        <v>1</v>
      </c>
      <c r="J35500" s="2">
        <v>0</v>
      </c>
      <c r="K35500" s="2">
        <v>0</v>
      </c>
      <c r="L35500" t="s">
        <v>120</v>
      </c>
      <c r="M35500" t="s">
        <v>89</v>
      </c>
      <c r="N35500" t="s">
        <v>90</v>
      </c>
      <c r="O35500" t="s">
        <v>85</v>
      </c>
      <c r="P35500" t="s">
        <v>86</v>
      </c>
      <c r="Q35500">
        <v>37</v>
      </c>
      <c r="R35500">
        <v>38</v>
      </c>
      <c r="S35500">
        <v>39</v>
      </c>
      <c r="T35500">
        <v>40</v>
      </c>
      <c r="U35500">
        <v>41</v>
      </c>
      <c r="V35500">
        <v>42</v>
      </c>
      <c r="W35500">
        <v>43</v>
      </c>
      <c r="X35500">
        <v>44</v>
      </c>
      <c r="Y35500">
        <v>45</v>
      </c>
      <c r="Z35500">
        <v>46</v>
      </c>
      <c r="AA35500">
        <v>47</v>
      </c>
      <c r="AB35500">
        <v>48</v>
      </c>
      <c r="AC35500">
        <v>49</v>
      </c>
      <c r="AD35500">
        <v>50</v>
      </c>
      <c r="AE35500">
        <v>51</v>
      </c>
      <c r="AF35500">
        <v>51</v>
      </c>
      <c r="AG35500">
        <v>52</v>
      </c>
      <c r="AH35500">
        <v>52</v>
      </c>
      <c r="AI35500">
        <v>52</v>
      </c>
      <c r="AJ35500">
        <v>53</v>
      </c>
      <c r="AK35500">
        <v>53</v>
      </c>
      <c r="AL35500">
        <v>53</v>
      </c>
      <c r="AM35500">
        <v>54</v>
      </c>
      <c r="AN35500">
        <v>54</v>
      </c>
      <c r="AO35500">
        <v>55</v>
      </c>
      <c r="AP35500">
        <v>55</v>
      </c>
      <c r="AQ35500">
        <v>55</v>
      </c>
    </row>
    <row r="35501" spans="1:43">
      <c r="A35501" t="s">
        <v>22011</v>
      </c>
      <c r="B35501" t="s">
        <v>22012</v>
      </c>
      <c r="C35501" t="s">
        <v>21975</v>
      </c>
      <c r="D35501" t="s">
        <v>21976</v>
      </c>
      <c r="E35501" t="s">
        <v>21935</v>
      </c>
      <c r="F35501" t="s">
        <v>21936</v>
      </c>
      <c r="G35501" t="s">
        <v>20255</v>
      </c>
      <c r="H35501" t="s">
        <v>20256</v>
      </c>
      <c r="I35501" s="2">
        <v>1</v>
      </c>
      <c r="J35501" s="2">
        <v>0</v>
      </c>
      <c r="K35501" s="2">
        <v>0</v>
      </c>
      <c r="L35501" t="s">
        <v>120</v>
      </c>
      <c r="M35501" t="s">
        <v>83</v>
      </c>
      <c r="N35501" t="s">
        <v>91</v>
      </c>
      <c r="O35501" t="s">
        <v>85</v>
      </c>
      <c r="P35501" t="s">
        <v>86</v>
      </c>
      <c r="Q35501">
        <v>37</v>
      </c>
      <c r="R35501">
        <v>38</v>
      </c>
      <c r="S35501">
        <v>38</v>
      </c>
      <c r="T35501">
        <v>39</v>
      </c>
      <c r="U35501">
        <v>40</v>
      </c>
      <c r="V35501">
        <v>41</v>
      </c>
      <c r="W35501">
        <v>41</v>
      </c>
      <c r="X35501">
        <v>42</v>
      </c>
      <c r="Y35501">
        <v>43</v>
      </c>
      <c r="Z35501">
        <v>44</v>
      </c>
      <c r="AA35501">
        <v>44</v>
      </c>
      <c r="AB35501">
        <v>45</v>
      </c>
      <c r="AC35501">
        <v>46</v>
      </c>
      <c r="AD35501">
        <v>47</v>
      </c>
      <c r="AE35501">
        <v>47</v>
      </c>
      <c r="AF35501">
        <v>48</v>
      </c>
      <c r="AG35501">
        <v>49</v>
      </c>
      <c r="AH35501">
        <v>50</v>
      </c>
      <c r="AI35501">
        <v>51</v>
      </c>
      <c r="AJ35501">
        <v>51</v>
      </c>
      <c r="AK35501">
        <v>52</v>
      </c>
      <c r="AL35501">
        <v>53</v>
      </c>
      <c r="AM35501">
        <v>53</v>
      </c>
      <c r="AN35501">
        <v>54</v>
      </c>
      <c r="AO35501">
        <v>54</v>
      </c>
      <c r="AP35501">
        <v>54</v>
      </c>
      <c r="AQ35501">
        <v>55</v>
      </c>
    </row>
    <row r="35502" spans="1:43">
      <c r="A35502" t="s">
        <v>22013</v>
      </c>
      <c r="B35502" t="s">
        <v>22014</v>
      </c>
      <c r="C35502" t="s">
        <v>21941</v>
      </c>
      <c r="D35502" t="s">
        <v>21942</v>
      </c>
      <c r="E35502" t="s">
        <v>21935</v>
      </c>
      <c r="F35502" t="s">
        <v>21936</v>
      </c>
      <c r="G35502" t="s">
        <v>20255</v>
      </c>
      <c r="H35502" t="s">
        <v>20256</v>
      </c>
      <c r="I35502" s="2">
        <v>1</v>
      </c>
      <c r="J35502" s="2">
        <v>0</v>
      </c>
      <c r="K35502" s="2">
        <v>0</v>
      </c>
      <c r="L35502" t="s">
        <v>120</v>
      </c>
      <c r="M35502" t="s">
        <v>83</v>
      </c>
      <c r="N35502" t="s">
        <v>84</v>
      </c>
      <c r="O35502" t="s">
        <v>85</v>
      </c>
      <c r="P35502" t="s">
        <v>86</v>
      </c>
      <c r="Q35502">
        <v>32</v>
      </c>
      <c r="R35502">
        <v>33</v>
      </c>
      <c r="S35502">
        <v>33</v>
      </c>
      <c r="T35502">
        <v>34</v>
      </c>
      <c r="U35502">
        <v>34</v>
      </c>
      <c r="V35502">
        <v>35</v>
      </c>
      <c r="W35502">
        <v>36</v>
      </c>
      <c r="X35502">
        <v>36</v>
      </c>
      <c r="Y35502">
        <v>37</v>
      </c>
      <c r="Z35502">
        <v>38</v>
      </c>
      <c r="AA35502">
        <v>38</v>
      </c>
      <c r="AB35502">
        <v>39</v>
      </c>
      <c r="AC35502">
        <v>39</v>
      </c>
      <c r="AD35502">
        <v>40</v>
      </c>
      <c r="AE35502">
        <v>41</v>
      </c>
      <c r="AF35502">
        <v>41</v>
      </c>
      <c r="AG35502">
        <v>42</v>
      </c>
      <c r="AH35502">
        <v>43</v>
      </c>
      <c r="AI35502">
        <v>43</v>
      </c>
      <c r="AJ35502">
        <v>44</v>
      </c>
      <c r="AK35502">
        <v>45</v>
      </c>
      <c r="AL35502">
        <v>45</v>
      </c>
      <c r="AM35502">
        <v>46</v>
      </c>
      <c r="AN35502">
        <v>46</v>
      </c>
      <c r="AO35502">
        <v>46</v>
      </c>
      <c r="AP35502">
        <v>47</v>
      </c>
      <c r="AQ35502">
        <v>47</v>
      </c>
    </row>
    <row r="35503" spans="1:43">
      <c r="A35503" t="s">
        <v>22013</v>
      </c>
      <c r="B35503" t="s">
        <v>22014</v>
      </c>
      <c r="C35503" t="s">
        <v>21941</v>
      </c>
      <c r="D35503" t="s">
        <v>21942</v>
      </c>
      <c r="E35503" t="s">
        <v>21935</v>
      </c>
      <c r="F35503" t="s">
        <v>21936</v>
      </c>
      <c r="G35503" t="s">
        <v>20255</v>
      </c>
      <c r="H35503" t="s">
        <v>20256</v>
      </c>
      <c r="I35503" s="2">
        <v>1</v>
      </c>
      <c r="J35503" s="2">
        <v>0</v>
      </c>
      <c r="K35503" s="2">
        <v>0</v>
      </c>
      <c r="L35503" t="s">
        <v>120</v>
      </c>
      <c r="M35503" t="s">
        <v>87</v>
      </c>
      <c r="N35503" t="s">
        <v>88</v>
      </c>
      <c r="O35503" t="s">
        <v>85</v>
      </c>
      <c r="P35503" t="s">
        <v>86</v>
      </c>
      <c r="Q35503">
        <v>32</v>
      </c>
      <c r="R35503">
        <v>32</v>
      </c>
      <c r="S35503">
        <v>32</v>
      </c>
      <c r="T35503">
        <v>33</v>
      </c>
      <c r="U35503">
        <v>33</v>
      </c>
      <c r="V35503">
        <v>33</v>
      </c>
      <c r="W35503">
        <v>34</v>
      </c>
      <c r="X35503">
        <v>34</v>
      </c>
      <c r="Y35503">
        <v>34</v>
      </c>
      <c r="Z35503">
        <v>34</v>
      </c>
      <c r="AA35503">
        <v>35</v>
      </c>
      <c r="AB35503">
        <v>35</v>
      </c>
      <c r="AC35503">
        <v>35</v>
      </c>
      <c r="AD35503">
        <v>36</v>
      </c>
      <c r="AE35503">
        <v>36</v>
      </c>
      <c r="AF35503">
        <v>36</v>
      </c>
      <c r="AG35503">
        <v>37</v>
      </c>
      <c r="AH35503">
        <v>37</v>
      </c>
      <c r="AI35503">
        <v>37</v>
      </c>
      <c r="AJ35503">
        <v>38</v>
      </c>
      <c r="AK35503">
        <v>38</v>
      </c>
      <c r="AL35503">
        <v>39</v>
      </c>
      <c r="AM35503">
        <v>39</v>
      </c>
      <c r="AN35503">
        <v>39</v>
      </c>
      <c r="AO35503">
        <v>40</v>
      </c>
      <c r="AP35503">
        <v>40</v>
      </c>
      <c r="AQ35503">
        <v>41</v>
      </c>
    </row>
    <row r="35504" spans="1:43">
      <c r="A35504" t="s">
        <v>22013</v>
      </c>
      <c r="B35504" t="s">
        <v>22014</v>
      </c>
      <c r="C35504" t="s">
        <v>21941</v>
      </c>
      <c r="D35504" t="s">
        <v>21942</v>
      </c>
      <c r="E35504" t="s">
        <v>21935</v>
      </c>
      <c r="F35504" t="s">
        <v>21936</v>
      </c>
      <c r="G35504" t="s">
        <v>20255</v>
      </c>
      <c r="H35504" t="s">
        <v>20256</v>
      </c>
      <c r="I35504" s="2">
        <v>1</v>
      </c>
      <c r="J35504" s="2">
        <v>0</v>
      </c>
      <c r="K35504" s="2">
        <v>0</v>
      </c>
      <c r="L35504" t="s">
        <v>120</v>
      </c>
      <c r="M35504" t="s">
        <v>89</v>
      </c>
      <c r="N35504" t="s">
        <v>90</v>
      </c>
      <c r="O35504" t="s">
        <v>85</v>
      </c>
      <c r="P35504" t="s">
        <v>86</v>
      </c>
      <c r="Q35504">
        <v>32</v>
      </c>
      <c r="R35504">
        <v>33</v>
      </c>
      <c r="S35504">
        <v>34</v>
      </c>
      <c r="T35504">
        <v>35</v>
      </c>
      <c r="U35504">
        <v>36</v>
      </c>
      <c r="V35504">
        <v>37</v>
      </c>
      <c r="W35504">
        <v>37</v>
      </c>
      <c r="X35504">
        <v>38</v>
      </c>
      <c r="Y35504">
        <v>39</v>
      </c>
      <c r="Z35504">
        <v>40</v>
      </c>
      <c r="AA35504">
        <v>41</v>
      </c>
      <c r="AB35504">
        <v>41</v>
      </c>
      <c r="AC35504">
        <v>42</v>
      </c>
      <c r="AD35504">
        <v>43</v>
      </c>
      <c r="AE35504">
        <v>44</v>
      </c>
      <c r="AF35504">
        <v>44</v>
      </c>
      <c r="AG35504">
        <v>44</v>
      </c>
      <c r="AH35504">
        <v>45</v>
      </c>
      <c r="AI35504">
        <v>45</v>
      </c>
      <c r="AJ35504">
        <v>45</v>
      </c>
      <c r="AK35504">
        <v>45</v>
      </c>
      <c r="AL35504">
        <v>46</v>
      </c>
      <c r="AM35504">
        <v>46</v>
      </c>
      <c r="AN35504">
        <v>46</v>
      </c>
      <c r="AO35504">
        <v>47</v>
      </c>
      <c r="AP35504">
        <v>47</v>
      </c>
      <c r="AQ35504">
        <v>47</v>
      </c>
    </row>
    <row r="35505" spans="1:43">
      <c r="A35505" t="s">
        <v>22013</v>
      </c>
      <c r="B35505" t="s">
        <v>22014</v>
      </c>
      <c r="C35505" t="s">
        <v>21941</v>
      </c>
      <c r="D35505" t="s">
        <v>21942</v>
      </c>
      <c r="E35505" t="s">
        <v>21935</v>
      </c>
      <c r="F35505" t="s">
        <v>21936</v>
      </c>
      <c r="G35505" t="s">
        <v>20255</v>
      </c>
      <c r="H35505" t="s">
        <v>20256</v>
      </c>
      <c r="I35505" s="2">
        <v>1</v>
      </c>
      <c r="J35505" s="2">
        <v>0</v>
      </c>
      <c r="K35505" s="2">
        <v>0</v>
      </c>
      <c r="L35505" t="s">
        <v>120</v>
      </c>
      <c r="M35505" t="s">
        <v>83</v>
      </c>
      <c r="N35505" t="s">
        <v>91</v>
      </c>
      <c r="O35505" t="s">
        <v>85</v>
      </c>
      <c r="P35505" t="s">
        <v>86</v>
      </c>
      <c r="Q35505">
        <v>32</v>
      </c>
      <c r="R35505">
        <v>33</v>
      </c>
      <c r="S35505">
        <v>33</v>
      </c>
      <c r="T35505">
        <v>34</v>
      </c>
      <c r="U35505">
        <v>34</v>
      </c>
      <c r="V35505">
        <v>35</v>
      </c>
      <c r="W35505">
        <v>36</v>
      </c>
      <c r="X35505">
        <v>36</v>
      </c>
      <c r="Y35505">
        <v>37</v>
      </c>
      <c r="Z35505">
        <v>38</v>
      </c>
      <c r="AA35505">
        <v>38</v>
      </c>
      <c r="AB35505">
        <v>39</v>
      </c>
      <c r="AC35505">
        <v>39</v>
      </c>
      <c r="AD35505">
        <v>40</v>
      </c>
      <c r="AE35505">
        <v>41</v>
      </c>
      <c r="AF35505">
        <v>41</v>
      </c>
      <c r="AG35505">
        <v>42</v>
      </c>
      <c r="AH35505">
        <v>43</v>
      </c>
      <c r="AI35505">
        <v>43</v>
      </c>
      <c r="AJ35505">
        <v>44</v>
      </c>
      <c r="AK35505">
        <v>45</v>
      </c>
      <c r="AL35505">
        <v>45</v>
      </c>
      <c r="AM35505">
        <v>46</v>
      </c>
      <c r="AN35505">
        <v>46</v>
      </c>
      <c r="AO35505">
        <v>46</v>
      </c>
      <c r="AP35505">
        <v>47</v>
      </c>
      <c r="AQ35505">
        <v>47</v>
      </c>
    </row>
    <row r="35506" spans="1:43">
      <c r="A35506" t="s">
        <v>22015</v>
      </c>
      <c r="B35506" t="s">
        <v>22016</v>
      </c>
      <c r="C35506" t="s">
        <v>21941</v>
      </c>
      <c r="D35506" t="s">
        <v>21942</v>
      </c>
      <c r="E35506" t="s">
        <v>21935</v>
      </c>
      <c r="F35506" t="s">
        <v>21936</v>
      </c>
      <c r="G35506" t="s">
        <v>20255</v>
      </c>
      <c r="H35506" t="s">
        <v>20256</v>
      </c>
      <c r="I35506" s="2">
        <v>1</v>
      </c>
      <c r="J35506" s="2">
        <v>0</v>
      </c>
      <c r="K35506" s="2">
        <v>0</v>
      </c>
      <c r="L35506" t="s">
        <v>120</v>
      </c>
      <c r="M35506" t="s">
        <v>83</v>
      </c>
      <c r="N35506" t="s">
        <v>84</v>
      </c>
      <c r="O35506" t="s">
        <v>85</v>
      </c>
      <c r="P35506" t="s">
        <v>86</v>
      </c>
      <c r="Q35506">
        <v>19</v>
      </c>
      <c r="R35506">
        <v>19</v>
      </c>
      <c r="S35506">
        <v>19</v>
      </c>
      <c r="T35506">
        <v>20</v>
      </c>
      <c r="U35506">
        <v>20</v>
      </c>
      <c r="V35506">
        <v>20</v>
      </c>
      <c r="W35506">
        <v>21</v>
      </c>
      <c r="X35506">
        <v>21</v>
      </c>
      <c r="Y35506">
        <v>22</v>
      </c>
      <c r="Z35506">
        <v>22</v>
      </c>
      <c r="AA35506">
        <v>22</v>
      </c>
      <c r="AB35506">
        <v>23</v>
      </c>
      <c r="AC35506">
        <v>23</v>
      </c>
      <c r="AD35506">
        <v>24</v>
      </c>
      <c r="AE35506">
        <v>24</v>
      </c>
      <c r="AF35506">
        <v>24</v>
      </c>
      <c r="AG35506">
        <v>25</v>
      </c>
      <c r="AH35506">
        <v>25</v>
      </c>
      <c r="AI35506">
        <v>26</v>
      </c>
      <c r="AJ35506">
        <v>26</v>
      </c>
      <c r="AK35506">
        <v>27</v>
      </c>
      <c r="AL35506">
        <v>27</v>
      </c>
      <c r="AM35506">
        <v>27</v>
      </c>
      <c r="AN35506">
        <v>27</v>
      </c>
      <c r="AO35506">
        <v>28</v>
      </c>
      <c r="AP35506">
        <v>28</v>
      </c>
      <c r="AQ35506">
        <v>28</v>
      </c>
    </row>
    <row r="35507" spans="1:43">
      <c r="A35507" t="s">
        <v>22015</v>
      </c>
      <c r="B35507" t="s">
        <v>22016</v>
      </c>
      <c r="C35507" t="s">
        <v>21941</v>
      </c>
      <c r="D35507" t="s">
        <v>21942</v>
      </c>
      <c r="E35507" t="s">
        <v>21935</v>
      </c>
      <c r="F35507" t="s">
        <v>21936</v>
      </c>
      <c r="G35507" t="s">
        <v>20255</v>
      </c>
      <c r="H35507" t="s">
        <v>20256</v>
      </c>
      <c r="I35507" s="2">
        <v>1</v>
      </c>
      <c r="J35507" s="2">
        <v>0</v>
      </c>
      <c r="K35507" s="2">
        <v>0</v>
      </c>
      <c r="L35507" t="s">
        <v>120</v>
      </c>
      <c r="M35507" t="s">
        <v>87</v>
      </c>
      <c r="N35507" t="s">
        <v>88</v>
      </c>
      <c r="O35507" t="s">
        <v>85</v>
      </c>
      <c r="P35507" t="s">
        <v>86</v>
      </c>
      <c r="Q35507">
        <v>19</v>
      </c>
      <c r="R35507">
        <v>20</v>
      </c>
      <c r="S35507">
        <v>20</v>
      </c>
      <c r="T35507">
        <v>20</v>
      </c>
      <c r="U35507">
        <v>20</v>
      </c>
      <c r="V35507">
        <v>20</v>
      </c>
      <c r="W35507">
        <v>21</v>
      </c>
      <c r="X35507">
        <v>21</v>
      </c>
      <c r="Y35507">
        <v>21</v>
      </c>
      <c r="Z35507">
        <v>21</v>
      </c>
      <c r="AA35507">
        <v>21</v>
      </c>
      <c r="AB35507">
        <v>22</v>
      </c>
      <c r="AC35507">
        <v>22</v>
      </c>
      <c r="AD35507">
        <v>22</v>
      </c>
      <c r="AE35507">
        <v>22</v>
      </c>
      <c r="AF35507">
        <v>23</v>
      </c>
      <c r="AG35507">
        <v>23</v>
      </c>
      <c r="AH35507">
        <v>23</v>
      </c>
      <c r="AI35507">
        <v>23</v>
      </c>
      <c r="AJ35507">
        <v>23</v>
      </c>
      <c r="AK35507">
        <v>24</v>
      </c>
      <c r="AL35507">
        <v>24</v>
      </c>
      <c r="AM35507">
        <v>24</v>
      </c>
      <c r="AN35507">
        <v>25</v>
      </c>
      <c r="AO35507">
        <v>25</v>
      </c>
      <c r="AP35507">
        <v>25</v>
      </c>
      <c r="AQ35507">
        <v>25</v>
      </c>
    </row>
    <row r="35508" spans="1:43">
      <c r="A35508" t="s">
        <v>22015</v>
      </c>
      <c r="B35508" t="s">
        <v>22016</v>
      </c>
      <c r="C35508" t="s">
        <v>21941</v>
      </c>
      <c r="D35508" t="s">
        <v>21942</v>
      </c>
      <c r="E35508" t="s">
        <v>21935</v>
      </c>
      <c r="F35508" t="s">
        <v>21936</v>
      </c>
      <c r="G35508" t="s">
        <v>20255</v>
      </c>
      <c r="H35508" t="s">
        <v>20256</v>
      </c>
      <c r="I35508" s="2">
        <v>1</v>
      </c>
      <c r="J35508" s="2">
        <v>0</v>
      </c>
      <c r="K35508" s="2">
        <v>0</v>
      </c>
      <c r="L35508" t="s">
        <v>120</v>
      </c>
      <c r="M35508" t="s">
        <v>89</v>
      </c>
      <c r="N35508" t="s">
        <v>90</v>
      </c>
      <c r="O35508" t="s">
        <v>85</v>
      </c>
      <c r="P35508" t="s">
        <v>86</v>
      </c>
      <c r="Q35508">
        <v>19</v>
      </c>
      <c r="R35508">
        <v>19</v>
      </c>
      <c r="S35508">
        <v>20</v>
      </c>
      <c r="T35508">
        <v>20</v>
      </c>
      <c r="U35508">
        <v>21</v>
      </c>
      <c r="V35508">
        <v>21</v>
      </c>
      <c r="W35508">
        <v>22</v>
      </c>
      <c r="X35508">
        <v>22</v>
      </c>
      <c r="Y35508">
        <v>23</v>
      </c>
      <c r="Z35508">
        <v>23</v>
      </c>
      <c r="AA35508">
        <v>24</v>
      </c>
      <c r="AB35508">
        <v>24</v>
      </c>
      <c r="AC35508">
        <v>25</v>
      </c>
      <c r="AD35508">
        <v>25</v>
      </c>
      <c r="AE35508">
        <v>26</v>
      </c>
      <c r="AF35508">
        <v>26</v>
      </c>
      <c r="AG35508">
        <v>26</v>
      </c>
      <c r="AH35508">
        <v>26</v>
      </c>
      <c r="AI35508">
        <v>27</v>
      </c>
      <c r="AJ35508">
        <v>27</v>
      </c>
      <c r="AK35508">
        <v>27</v>
      </c>
      <c r="AL35508">
        <v>27</v>
      </c>
      <c r="AM35508">
        <v>27</v>
      </c>
      <c r="AN35508">
        <v>28</v>
      </c>
      <c r="AO35508">
        <v>28</v>
      </c>
      <c r="AP35508">
        <v>28</v>
      </c>
      <c r="AQ35508">
        <v>28</v>
      </c>
    </row>
    <row r="35509" spans="1:43">
      <c r="A35509" t="s">
        <v>22015</v>
      </c>
      <c r="B35509" t="s">
        <v>22016</v>
      </c>
      <c r="C35509" t="s">
        <v>21941</v>
      </c>
      <c r="D35509" t="s">
        <v>21942</v>
      </c>
      <c r="E35509" t="s">
        <v>21935</v>
      </c>
      <c r="F35509" t="s">
        <v>21936</v>
      </c>
      <c r="G35509" t="s">
        <v>20255</v>
      </c>
      <c r="H35509" t="s">
        <v>20256</v>
      </c>
      <c r="I35509" s="2">
        <v>1</v>
      </c>
      <c r="J35509" s="2">
        <v>0</v>
      </c>
      <c r="K35509" s="2">
        <v>0</v>
      </c>
      <c r="L35509" t="s">
        <v>120</v>
      </c>
      <c r="M35509" t="s">
        <v>83</v>
      </c>
      <c r="N35509" t="s">
        <v>91</v>
      </c>
      <c r="O35509" t="s">
        <v>85</v>
      </c>
      <c r="P35509" t="s">
        <v>86</v>
      </c>
      <c r="Q35509">
        <v>19</v>
      </c>
      <c r="R35509">
        <v>19</v>
      </c>
      <c r="S35509">
        <v>19</v>
      </c>
      <c r="T35509">
        <v>20</v>
      </c>
      <c r="U35509">
        <v>20</v>
      </c>
      <c r="V35509">
        <v>20</v>
      </c>
      <c r="W35509">
        <v>21</v>
      </c>
      <c r="X35509">
        <v>21</v>
      </c>
      <c r="Y35509">
        <v>22</v>
      </c>
      <c r="Z35509">
        <v>22</v>
      </c>
      <c r="AA35509">
        <v>22</v>
      </c>
      <c r="AB35509">
        <v>23</v>
      </c>
      <c r="AC35509">
        <v>23</v>
      </c>
      <c r="AD35509">
        <v>24</v>
      </c>
      <c r="AE35509">
        <v>24</v>
      </c>
      <c r="AF35509">
        <v>24</v>
      </c>
      <c r="AG35509">
        <v>25</v>
      </c>
      <c r="AH35509">
        <v>25</v>
      </c>
      <c r="AI35509">
        <v>26</v>
      </c>
      <c r="AJ35509">
        <v>26</v>
      </c>
      <c r="AK35509">
        <v>27</v>
      </c>
      <c r="AL35509">
        <v>27</v>
      </c>
      <c r="AM35509">
        <v>27</v>
      </c>
      <c r="AN35509">
        <v>27</v>
      </c>
      <c r="AO35509">
        <v>28</v>
      </c>
      <c r="AP35509">
        <v>28</v>
      </c>
      <c r="AQ35509">
        <v>28</v>
      </c>
    </row>
    <row r="35510" spans="1:43">
      <c r="A35510" t="s">
        <v>22017</v>
      </c>
      <c r="B35510" t="s">
        <v>22018</v>
      </c>
      <c r="C35510" t="s">
        <v>21941</v>
      </c>
      <c r="D35510" t="s">
        <v>21942</v>
      </c>
      <c r="E35510" t="s">
        <v>21935</v>
      </c>
      <c r="F35510" t="s">
        <v>21936</v>
      </c>
      <c r="G35510" t="s">
        <v>20255</v>
      </c>
      <c r="H35510" t="s">
        <v>20256</v>
      </c>
      <c r="I35510" s="2">
        <v>1</v>
      </c>
      <c r="J35510" s="2">
        <v>0</v>
      </c>
      <c r="K35510" s="2">
        <v>0</v>
      </c>
      <c r="L35510" t="s">
        <v>120</v>
      </c>
      <c r="M35510" t="s">
        <v>83</v>
      </c>
      <c r="N35510" t="s">
        <v>84</v>
      </c>
      <c r="O35510" t="s">
        <v>85</v>
      </c>
      <c r="P35510" t="s">
        <v>86</v>
      </c>
      <c r="Q35510">
        <v>35</v>
      </c>
      <c r="R35510">
        <v>35</v>
      </c>
      <c r="S35510">
        <v>36</v>
      </c>
      <c r="T35510">
        <v>36</v>
      </c>
      <c r="U35510">
        <v>36</v>
      </c>
      <c r="V35510">
        <v>37</v>
      </c>
      <c r="W35510">
        <v>37</v>
      </c>
      <c r="X35510">
        <v>38</v>
      </c>
      <c r="Y35510">
        <v>38</v>
      </c>
      <c r="Z35510">
        <v>39</v>
      </c>
      <c r="AA35510">
        <v>39</v>
      </c>
      <c r="AB35510">
        <v>40</v>
      </c>
      <c r="AC35510">
        <v>40</v>
      </c>
      <c r="AD35510">
        <v>40</v>
      </c>
      <c r="AE35510">
        <v>41</v>
      </c>
      <c r="AF35510">
        <v>41</v>
      </c>
      <c r="AG35510">
        <v>42</v>
      </c>
      <c r="AH35510">
        <v>42</v>
      </c>
      <c r="AI35510">
        <v>43</v>
      </c>
      <c r="AJ35510">
        <v>43</v>
      </c>
      <c r="AK35510">
        <v>44</v>
      </c>
      <c r="AL35510">
        <v>44</v>
      </c>
      <c r="AM35510">
        <v>44</v>
      </c>
      <c r="AN35510">
        <v>44</v>
      </c>
      <c r="AO35510">
        <v>44</v>
      </c>
      <c r="AP35510">
        <v>44</v>
      </c>
      <c r="AQ35510">
        <v>44</v>
      </c>
    </row>
    <row r="35511" spans="1:43">
      <c r="A35511" t="s">
        <v>22017</v>
      </c>
      <c r="B35511" t="s">
        <v>22018</v>
      </c>
      <c r="C35511" t="s">
        <v>21941</v>
      </c>
      <c r="D35511" t="s">
        <v>21942</v>
      </c>
      <c r="E35511" t="s">
        <v>21935</v>
      </c>
      <c r="F35511" t="s">
        <v>21936</v>
      </c>
      <c r="G35511" t="s">
        <v>20255</v>
      </c>
      <c r="H35511" t="s">
        <v>20256</v>
      </c>
      <c r="I35511" s="2">
        <v>1</v>
      </c>
      <c r="J35511" s="2">
        <v>0</v>
      </c>
      <c r="K35511" s="2">
        <v>0</v>
      </c>
      <c r="L35511" t="s">
        <v>120</v>
      </c>
      <c r="M35511" t="s">
        <v>87</v>
      </c>
      <c r="N35511" t="s">
        <v>88</v>
      </c>
      <c r="O35511" t="s">
        <v>85</v>
      </c>
      <c r="P35511" t="s">
        <v>86</v>
      </c>
      <c r="Q35511">
        <v>35</v>
      </c>
      <c r="R35511">
        <v>35</v>
      </c>
      <c r="S35511">
        <v>36</v>
      </c>
      <c r="T35511">
        <v>36</v>
      </c>
      <c r="U35511">
        <v>36</v>
      </c>
      <c r="V35511">
        <v>36</v>
      </c>
      <c r="W35511">
        <v>36</v>
      </c>
      <c r="X35511">
        <v>36</v>
      </c>
      <c r="Y35511">
        <v>36</v>
      </c>
      <c r="Z35511">
        <v>37</v>
      </c>
      <c r="AA35511">
        <v>37</v>
      </c>
      <c r="AB35511">
        <v>37</v>
      </c>
      <c r="AC35511">
        <v>37</v>
      </c>
      <c r="AD35511">
        <v>37</v>
      </c>
      <c r="AE35511">
        <v>37</v>
      </c>
      <c r="AF35511">
        <v>37</v>
      </c>
      <c r="AG35511">
        <v>38</v>
      </c>
      <c r="AH35511">
        <v>38</v>
      </c>
      <c r="AI35511">
        <v>38</v>
      </c>
      <c r="AJ35511">
        <v>38</v>
      </c>
      <c r="AK35511">
        <v>38</v>
      </c>
      <c r="AL35511">
        <v>38</v>
      </c>
      <c r="AM35511">
        <v>38</v>
      </c>
      <c r="AN35511">
        <v>39</v>
      </c>
      <c r="AO35511">
        <v>39</v>
      </c>
      <c r="AP35511">
        <v>39</v>
      </c>
      <c r="AQ35511">
        <v>39</v>
      </c>
    </row>
    <row r="35512" spans="1:43">
      <c r="A35512" t="s">
        <v>22017</v>
      </c>
      <c r="B35512" t="s">
        <v>22018</v>
      </c>
      <c r="C35512" t="s">
        <v>21941</v>
      </c>
      <c r="D35512" t="s">
        <v>21942</v>
      </c>
      <c r="E35512" t="s">
        <v>21935</v>
      </c>
      <c r="F35512" t="s">
        <v>21936</v>
      </c>
      <c r="G35512" t="s">
        <v>20255</v>
      </c>
      <c r="H35512" t="s">
        <v>20256</v>
      </c>
      <c r="I35512" s="2">
        <v>1</v>
      </c>
      <c r="J35512" s="2">
        <v>0</v>
      </c>
      <c r="K35512" s="2">
        <v>0</v>
      </c>
      <c r="L35512" t="s">
        <v>120</v>
      </c>
      <c r="M35512" t="s">
        <v>89</v>
      </c>
      <c r="N35512" t="s">
        <v>90</v>
      </c>
      <c r="O35512" t="s">
        <v>85</v>
      </c>
      <c r="P35512" t="s">
        <v>86</v>
      </c>
      <c r="Q35512">
        <v>35</v>
      </c>
      <c r="R35512">
        <v>36</v>
      </c>
      <c r="S35512">
        <v>36</v>
      </c>
      <c r="T35512">
        <v>37</v>
      </c>
      <c r="U35512">
        <v>38</v>
      </c>
      <c r="V35512">
        <v>39</v>
      </c>
      <c r="W35512">
        <v>39</v>
      </c>
      <c r="X35512">
        <v>40</v>
      </c>
      <c r="Y35512">
        <v>41</v>
      </c>
      <c r="Z35512">
        <v>41</v>
      </c>
      <c r="AA35512">
        <v>42</v>
      </c>
      <c r="AB35512">
        <v>42</v>
      </c>
      <c r="AC35512">
        <v>43</v>
      </c>
      <c r="AD35512">
        <v>44</v>
      </c>
      <c r="AE35512">
        <v>44</v>
      </c>
      <c r="AF35512">
        <v>44</v>
      </c>
      <c r="AG35512">
        <v>44</v>
      </c>
      <c r="AH35512">
        <v>44</v>
      </c>
      <c r="AI35512">
        <v>44</v>
      </c>
      <c r="AJ35512">
        <v>44</v>
      </c>
      <c r="AK35512">
        <v>44</v>
      </c>
      <c r="AL35512">
        <v>44</v>
      </c>
      <c r="AM35512">
        <v>44</v>
      </c>
      <c r="AN35512">
        <v>44</v>
      </c>
      <c r="AO35512">
        <v>44</v>
      </c>
      <c r="AP35512">
        <v>44</v>
      </c>
      <c r="AQ35512">
        <v>44</v>
      </c>
    </row>
    <row r="35513" spans="1:43">
      <c r="A35513" t="s">
        <v>22017</v>
      </c>
      <c r="B35513" t="s">
        <v>22018</v>
      </c>
      <c r="C35513" t="s">
        <v>21941</v>
      </c>
      <c r="D35513" t="s">
        <v>21942</v>
      </c>
      <c r="E35513" t="s">
        <v>21935</v>
      </c>
      <c r="F35513" t="s">
        <v>21936</v>
      </c>
      <c r="G35513" t="s">
        <v>20255</v>
      </c>
      <c r="H35513" t="s">
        <v>20256</v>
      </c>
      <c r="I35513" s="2">
        <v>1</v>
      </c>
      <c r="J35513" s="2">
        <v>0</v>
      </c>
      <c r="K35513" s="2">
        <v>0</v>
      </c>
      <c r="L35513" t="s">
        <v>120</v>
      </c>
      <c r="M35513" t="s">
        <v>83</v>
      </c>
      <c r="N35513" t="s">
        <v>91</v>
      </c>
      <c r="O35513" t="s">
        <v>85</v>
      </c>
      <c r="P35513" t="s">
        <v>86</v>
      </c>
      <c r="Q35513">
        <v>35</v>
      </c>
      <c r="R35513">
        <v>35</v>
      </c>
      <c r="S35513">
        <v>36</v>
      </c>
      <c r="T35513">
        <v>36</v>
      </c>
      <c r="U35513">
        <v>36</v>
      </c>
      <c r="V35513">
        <v>37</v>
      </c>
      <c r="W35513">
        <v>37</v>
      </c>
      <c r="X35513">
        <v>38</v>
      </c>
      <c r="Y35513">
        <v>38</v>
      </c>
      <c r="Z35513">
        <v>39</v>
      </c>
      <c r="AA35513">
        <v>39</v>
      </c>
      <c r="AB35513">
        <v>40</v>
      </c>
      <c r="AC35513">
        <v>40</v>
      </c>
      <c r="AD35513">
        <v>40</v>
      </c>
      <c r="AE35513">
        <v>41</v>
      </c>
      <c r="AF35513">
        <v>41</v>
      </c>
      <c r="AG35513">
        <v>42</v>
      </c>
      <c r="AH35513">
        <v>42</v>
      </c>
      <c r="AI35513">
        <v>43</v>
      </c>
      <c r="AJ35513">
        <v>43</v>
      </c>
      <c r="AK35513">
        <v>44</v>
      </c>
      <c r="AL35513">
        <v>44</v>
      </c>
      <c r="AM35513">
        <v>44</v>
      </c>
      <c r="AN35513">
        <v>44</v>
      </c>
      <c r="AO35513">
        <v>44</v>
      </c>
      <c r="AP35513">
        <v>44</v>
      </c>
      <c r="AQ35513">
        <v>44</v>
      </c>
    </row>
    <row r="35514" spans="1:43">
      <c r="A35514" t="s">
        <v>22019</v>
      </c>
      <c r="B35514" t="s">
        <v>22020</v>
      </c>
      <c r="C35514" t="s">
        <v>22007</v>
      </c>
      <c r="D35514" t="s">
        <v>22008</v>
      </c>
      <c r="E35514" t="s">
        <v>21935</v>
      </c>
      <c r="F35514" t="s">
        <v>21936</v>
      </c>
      <c r="G35514" t="s">
        <v>20255</v>
      </c>
      <c r="H35514" t="s">
        <v>20256</v>
      </c>
      <c r="I35514" s="2">
        <v>1</v>
      </c>
      <c r="J35514" s="2">
        <v>0</v>
      </c>
      <c r="K35514" s="2">
        <v>0</v>
      </c>
      <c r="L35514" t="s">
        <v>120</v>
      </c>
      <c r="M35514" t="s">
        <v>83</v>
      </c>
      <c r="N35514" t="s">
        <v>84</v>
      </c>
      <c r="O35514" t="s">
        <v>85</v>
      </c>
      <c r="P35514" t="s">
        <v>86</v>
      </c>
      <c r="Q35514">
        <v>27</v>
      </c>
      <c r="R35514">
        <v>27</v>
      </c>
      <c r="S35514">
        <v>28</v>
      </c>
      <c r="T35514">
        <v>29</v>
      </c>
      <c r="U35514">
        <v>29</v>
      </c>
      <c r="V35514">
        <v>30</v>
      </c>
      <c r="W35514">
        <v>30</v>
      </c>
      <c r="X35514">
        <v>31</v>
      </c>
      <c r="Y35514">
        <v>32</v>
      </c>
      <c r="Z35514">
        <v>32</v>
      </c>
      <c r="AA35514">
        <v>33</v>
      </c>
      <c r="AB35514">
        <v>33</v>
      </c>
      <c r="AC35514">
        <v>34</v>
      </c>
      <c r="AD35514">
        <v>35</v>
      </c>
      <c r="AE35514">
        <v>35</v>
      </c>
      <c r="AF35514">
        <v>36</v>
      </c>
      <c r="AG35514">
        <v>37</v>
      </c>
      <c r="AH35514">
        <v>37</v>
      </c>
      <c r="AI35514">
        <v>38</v>
      </c>
      <c r="AJ35514">
        <v>39</v>
      </c>
      <c r="AK35514">
        <v>39</v>
      </c>
      <c r="AL35514">
        <v>40</v>
      </c>
      <c r="AM35514">
        <v>40</v>
      </c>
      <c r="AN35514">
        <v>40</v>
      </c>
      <c r="AO35514">
        <v>41</v>
      </c>
      <c r="AP35514">
        <v>41</v>
      </c>
      <c r="AQ35514">
        <v>42</v>
      </c>
    </row>
    <row r="35515" spans="1:43">
      <c r="A35515" t="s">
        <v>22019</v>
      </c>
      <c r="B35515" t="s">
        <v>22020</v>
      </c>
      <c r="C35515" t="s">
        <v>22007</v>
      </c>
      <c r="D35515" t="s">
        <v>22008</v>
      </c>
      <c r="E35515" t="s">
        <v>21935</v>
      </c>
      <c r="F35515" t="s">
        <v>21936</v>
      </c>
      <c r="G35515" t="s">
        <v>20255</v>
      </c>
      <c r="H35515" t="s">
        <v>20256</v>
      </c>
      <c r="I35515" s="2">
        <v>1</v>
      </c>
      <c r="J35515" s="2">
        <v>0</v>
      </c>
      <c r="K35515" s="2">
        <v>0</v>
      </c>
      <c r="L35515" t="s">
        <v>120</v>
      </c>
      <c r="M35515" t="s">
        <v>87</v>
      </c>
      <c r="N35515" t="s">
        <v>88</v>
      </c>
      <c r="O35515" t="s">
        <v>85</v>
      </c>
      <c r="P35515" t="s">
        <v>86</v>
      </c>
      <c r="Q35515">
        <v>27</v>
      </c>
      <c r="R35515">
        <v>27</v>
      </c>
      <c r="S35515">
        <v>27</v>
      </c>
      <c r="T35515">
        <v>28</v>
      </c>
      <c r="U35515">
        <v>28</v>
      </c>
      <c r="V35515">
        <v>28</v>
      </c>
      <c r="W35515">
        <v>29</v>
      </c>
      <c r="X35515">
        <v>29</v>
      </c>
      <c r="Y35515">
        <v>29</v>
      </c>
      <c r="Z35515">
        <v>30</v>
      </c>
      <c r="AA35515">
        <v>30</v>
      </c>
      <c r="AB35515">
        <v>30</v>
      </c>
      <c r="AC35515">
        <v>31</v>
      </c>
      <c r="AD35515">
        <v>31</v>
      </c>
      <c r="AE35515">
        <v>31</v>
      </c>
      <c r="AF35515">
        <v>32</v>
      </c>
      <c r="AG35515">
        <v>32</v>
      </c>
      <c r="AH35515">
        <v>32</v>
      </c>
      <c r="AI35515">
        <v>33</v>
      </c>
      <c r="AJ35515">
        <v>33</v>
      </c>
      <c r="AK35515">
        <v>34</v>
      </c>
      <c r="AL35515">
        <v>34</v>
      </c>
      <c r="AM35515">
        <v>34</v>
      </c>
      <c r="AN35515">
        <v>35</v>
      </c>
      <c r="AO35515">
        <v>35</v>
      </c>
      <c r="AP35515">
        <v>36</v>
      </c>
      <c r="AQ35515">
        <v>36</v>
      </c>
    </row>
    <row r="35516" spans="1:43">
      <c r="A35516" t="s">
        <v>22019</v>
      </c>
      <c r="B35516" t="s">
        <v>22020</v>
      </c>
      <c r="C35516" t="s">
        <v>22007</v>
      </c>
      <c r="D35516" t="s">
        <v>22008</v>
      </c>
      <c r="E35516" t="s">
        <v>21935</v>
      </c>
      <c r="F35516" t="s">
        <v>21936</v>
      </c>
      <c r="G35516" t="s">
        <v>20255</v>
      </c>
      <c r="H35516" t="s">
        <v>20256</v>
      </c>
      <c r="I35516" s="2">
        <v>1</v>
      </c>
      <c r="J35516" s="2">
        <v>0</v>
      </c>
      <c r="K35516" s="2">
        <v>0</v>
      </c>
      <c r="L35516" t="s">
        <v>120</v>
      </c>
      <c r="M35516" t="s">
        <v>89</v>
      </c>
      <c r="N35516" t="s">
        <v>90</v>
      </c>
      <c r="O35516" t="s">
        <v>85</v>
      </c>
      <c r="P35516" t="s">
        <v>86</v>
      </c>
      <c r="Q35516">
        <v>27</v>
      </c>
      <c r="R35516">
        <v>28</v>
      </c>
      <c r="S35516">
        <v>29</v>
      </c>
      <c r="T35516">
        <v>30</v>
      </c>
      <c r="U35516">
        <v>30</v>
      </c>
      <c r="V35516">
        <v>31</v>
      </c>
      <c r="W35516">
        <v>32</v>
      </c>
      <c r="X35516">
        <v>33</v>
      </c>
      <c r="Y35516">
        <v>33</v>
      </c>
      <c r="Z35516">
        <v>34</v>
      </c>
      <c r="AA35516">
        <v>35</v>
      </c>
      <c r="AB35516">
        <v>36</v>
      </c>
      <c r="AC35516">
        <v>36</v>
      </c>
      <c r="AD35516">
        <v>37</v>
      </c>
      <c r="AE35516">
        <v>38</v>
      </c>
      <c r="AF35516">
        <v>38</v>
      </c>
      <c r="AG35516">
        <v>38</v>
      </c>
      <c r="AH35516">
        <v>39</v>
      </c>
      <c r="AI35516">
        <v>39</v>
      </c>
      <c r="AJ35516">
        <v>39</v>
      </c>
      <c r="AK35516">
        <v>40</v>
      </c>
      <c r="AL35516">
        <v>40</v>
      </c>
      <c r="AM35516">
        <v>41</v>
      </c>
      <c r="AN35516">
        <v>41</v>
      </c>
      <c r="AO35516">
        <v>41</v>
      </c>
      <c r="AP35516">
        <v>42</v>
      </c>
      <c r="AQ35516">
        <v>42</v>
      </c>
    </row>
    <row r="35517" spans="1:43">
      <c r="A35517" t="s">
        <v>22019</v>
      </c>
      <c r="B35517" t="s">
        <v>22020</v>
      </c>
      <c r="C35517" t="s">
        <v>22007</v>
      </c>
      <c r="D35517" t="s">
        <v>22008</v>
      </c>
      <c r="E35517" t="s">
        <v>21935</v>
      </c>
      <c r="F35517" t="s">
        <v>21936</v>
      </c>
      <c r="G35517" t="s">
        <v>20255</v>
      </c>
      <c r="H35517" t="s">
        <v>20256</v>
      </c>
      <c r="I35517" s="2">
        <v>1</v>
      </c>
      <c r="J35517" s="2">
        <v>0</v>
      </c>
      <c r="K35517" s="2">
        <v>0</v>
      </c>
      <c r="L35517" t="s">
        <v>120</v>
      </c>
      <c r="M35517" t="s">
        <v>83</v>
      </c>
      <c r="N35517" t="s">
        <v>91</v>
      </c>
      <c r="O35517" t="s">
        <v>85</v>
      </c>
      <c r="P35517" t="s">
        <v>86</v>
      </c>
      <c r="Q35517">
        <v>27</v>
      </c>
      <c r="R35517">
        <v>27</v>
      </c>
      <c r="S35517">
        <v>28</v>
      </c>
      <c r="T35517">
        <v>29</v>
      </c>
      <c r="U35517">
        <v>29</v>
      </c>
      <c r="V35517">
        <v>30</v>
      </c>
      <c r="W35517">
        <v>30</v>
      </c>
      <c r="X35517">
        <v>31</v>
      </c>
      <c r="Y35517">
        <v>32</v>
      </c>
      <c r="Z35517">
        <v>32</v>
      </c>
      <c r="AA35517">
        <v>33</v>
      </c>
      <c r="AB35517">
        <v>33</v>
      </c>
      <c r="AC35517">
        <v>34</v>
      </c>
      <c r="AD35517">
        <v>35</v>
      </c>
      <c r="AE35517">
        <v>35</v>
      </c>
      <c r="AF35517">
        <v>36</v>
      </c>
      <c r="AG35517">
        <v>37</v>
      </c>
      <c r="AH35517">
        <v>37</v>
      </c>
      <c r="AI35517">
        <v>38</v>
      </c>
      <c r="AJ35517">
        <v>39</v>
      </c>
      <c r="AK35517">
        <v>39</v>
      </c>
      <c r="AL35517">
        <v>40</v>
      </c>
      <c r="AM35517">
        <v>40</v>
      </c>
      <c r="AN35517">
        <v>40</v>
      </c>
      <c r="AO35517">
        <v>41</v>
      </c>
      <c r="AP35517">
        <v>41</v>
      </c>
      <c r="AQ35517">
        <v>42</v>
      </c>
    </row>
    <row r="35518" spans="1:43">
      <c r="A35518" t="s">
        <v>22021</v>
      </c>
      <c r="B35518" t="s">
        <v>22022</v>
      </c>
      <c r="C35518" t="s">
        <v>21949</v>
      </c>
      <c r="D35518" t="s">
        <v>21950</v>
      </c>
      <c r="E35518" t="s">
        <v>21935</v>
      </c>
      <c r="F35518" t="s">
        <v>21936</v>
      </c>
      <c r="G35518" t="s">
        <v>20255</v>
      </c>
      <c r="H35518" t="s">
        <v>20256</v>
      </c>
      <c r="I35518" s="2">
        <v>1</v>
      </c>
      <c r="J35518" s="2">
        <v>0</v>
      </c>
      <c r="K35518" s="2">
        <v>0</v>
      </c>
      <c r="L35518" t="s">
        <v>120</v>
      </c>
      <c r="M35518" t="s">
        <v>83</v>
      </c>
      <c r="N35518" t="s">
        <v>84</v>
      </c>
      <c r="O35518" t="s">
        <v>85</v>
      </c>
      <c r="P35518" t="s">
        <v>86</v>
      </c>
      <c r="Q35518">
        <v>30</v>
      </c>
      <c r="R35518">
        <v>30</v>
      </c>
      <c r="S35518">
        <v>31</v>
      </c>
      <c r="T35518">
        <v>32</v>
      </c>
      <c r="U35518">
        <v>32</v>
      </c>
      <c r="V35518">
        <v>33</v>
      </c>
      <c r="W35518">
        <v>33</v>
      </c>
      <c r="X35518">
        <v>34</v>
      </c>
      <c r="Y35518">
        <v>35</v>
      </c>
      <c r="Z35518">
        <v>35</v>
      </c>
      <c r="AA35518">
        <v>36</v>
      </c>
      <c r="AB35518">
        <v>37</v>
      </c>
      <c r="AC35518">
        <v>37</v>
      </c>
      <c r="AD35518">
        <v>38</v>
      </c>
      <c r="AE35518">
        <v>39</v>
      </c>
      <c r="AF35518">
        <v>39</v>
      </c>
      <c r="AG35518">
        <v>40</v>
      </c>
      <c r="AH35518">
        <v>41</v>
      </c>
      <c r="AI35518">
        <v>42</v>
      </c>
      <c r="AJ35518">
        <v>42</v>
      </c>
      <c r="AK35518">
        <v>43</v>
      </c>
      <c r="AL35518">
        <v>44</v>
      </c>
      <c r="AM35518">
        <v>44</v>
      </c>
      <c r="AN35518">
        <v>45</v>
      </c>
      <c r="AO35518">
        <v>45</v>
      </c>
      <c r="AP35518">
        <v>45</v>
      </c>
      <c r="AQ35518">
        <v>46</v>
      </c>
    </row>
    <row r="35519" spans="1:43">
      <c r="A35519" t="s">
        <v>22021</v>
      </c>
      <c r="B35519" t="s">
        <v>22022</v>
      </c>
      <c r="C35519" t="s">
        <v>21949</v>
      </c>
      <c r="D35519" t="s">
        <v>21950</v>
      </c>
      <c r="E35519" t="s">
        <v>21935</v>
      </c>
      <c r="F35519" t="s">
        <v>21936</v>
      </c>
      <c r="G35519" t="s">
        <v>20255</v>
      </c>
      <c r="H35519" t="s">
        <v>20256</v>
      </c>
      <c r="I35519" s="2">
        <v>1</v>
      </c>
      <c r="J35519" s="2">
        <v>0</v>
      </c>
      <c r="K35519" s="2">
        <v>0</v>
      </c>
      <c r="L35519" t="s">
        <v>120</v>
      </c>
      <c r="M35519" t="s">
        <v>87</v>
      </c>
      <c r="N35519" t="s">
        <v>88</v>
      </c>
      <c r="O35519" t="s">
        <v>85</v>
      </c>
      <c r="P35519" t="s">
        <v>86</v>
      </c>
      <c r="Q35519">
        <v>30</v>
      </c>
      <c r="R35519">
        <v>31</v>
      </c>
      <c r="S35519">
        <v>31</v>
      </c>
      <c r="T35519">
        <v>31</v>
      </c>
      <c r="U35519">
        <v>32</v>
      </c>
      <c r="V35519">
        <v>32</v>
      </c>
      <c r="W35519">
        <v>32</v>
      </c>
      <c r="X35519">
        <v>33</v>
      </c>
      <c r="Y35519">
        <v>33</v>
      </c>
      <c r="Z35519">
        <v>33</v>
      </c>
      <c r="AA35519">
        <v>34</v>
      </c>
      <c r="AB35519">
        <v>34</v>
      </c>
      <c r="AC35519">
        <v>35</v>
      </c>
      <c r="AD35519">
        <v>35</v>
      </c>
      <c r="AE35519">
        <v>35</v>
      </c>
      <c r="AF35519">
        <v>36</v>
      </c>
      <c r="AG35519">
        <v>36</v>
      </c>
      <c r="AH35519">
        <v>37</v>
      </c>
      <c r="AI35519">
        <v>37</v>
      </c>
      <c r="AJ35519">
        <v>37</v>
      </c>
      <c r="AK35519">
        <v>38</v>
      </c>
      <c r="AL35519">
        <v>38</v>
      </c>
      <c r="AM35519">
        <v>39</v>
      </c>
      <c r="AN35519">
        <v>39</v>
      </c>
      <c r="AO35519">
        <v>40</v>
      </c>
      <c r="AP35519">
        <v>40</v>
      </c>
      <c r="AQ35519">
        <v>41</v>
      </c>
    </row>
    <row r="35520" spans="1:43">
      <c r="A35520" t="s">
        <v>22021</v>
      </c>
      <c r="B35520" t="s">
        <v>22022</v>
      </c>
      <c r="C35520" t="s">
        <v>21949</v>
      </c>
      <c r="D35520" t="s">
        <v>21950</v>
      </c>
      <c r="E35520" t="s">
        <v>21935</v>
      </c>
      <c r="F35520" t="s">
        <v>21936</v>
      </c>
      <c r="G35520" t="s">
        <v>20255</v>
      </c>
      <c r="H35520" t="s">
        <v>20256</v>
      </c>
      <c r="I35520" s="2">
        <v>1</v>
      </c>
      <c r="J35520" s="2">
        <v>0</v>
      </c>
      <c r="K35520" s="2">
        <v>0</v>
      </c>
      <c r="L35520" t="s">
        <v>120</v>
      </c>
      <c r="M35520" t="s">
        <v>89</v>
      </c>
      <c r="N35520" t="s">
        <v>90</v>
      </c>
      <c r="O35520" t="s">
        <v>85</v>
      </c>
      <c r="P35520" t="s">
        <v>86</v>
      </c>
      <c r="Q35520">
        <v>30</v>
      </c>
      <c r="R35520">
        <v>31</v>
      </c>
      <c r="S35520">
        <v>32</v>
      </c>
      <c r="T35520">
        <v>33</v>
      </c>
      <c r="U35520">
        <v>33</v>
      </c>
      <c r="V35520">
        <v>34</v>
      </c>
      <c r="W35520">
        <v>35</v>
      </c>
      <c r="X35520">
        <v>36</v>
      </c>
      <c r="Y35520">
        <v>37</v>
      </c>
      <c r="Z35520">
        <v>38</v>
      </c>
      <c r="AA35520">
        <v>38</v>
      </c>
      <c r="AB35520">
        <v>39</v>
      </c>
      <c r="AC35520">
        <v>40</v>
      </c>
      <c r="AD35520">
        <v>41</v>
      </c>
      <c r="AE35520">
        <v>42</v>
      </c>
      <c r="AF35520">
        <v>42</v>
      </c>
      <c r="AG35520">
        <v>42</v>
      </c>
      <c r="AH35520">
        <v>43</v>
      </c>
      <c r="AI35520">
        <v>43</v>
      </c>
      <c r="AJ35520">
        <v>43</v>
      </c>
      <c r="AK35520">
        <v>44</v>
      </c>
      <c r="AL35520">
        <v>44</v>
      </c>
      <c r="AM35520">
        <v>45</v>
      </c>
      <c r="AN35520">
        <v>45</v>
      </c>
      <c r="AO35520">
        <v>45</v>
      </c>
      <c r="AP35520">
        <v>46</v>
      </c>
      <c r="AQ35520">
        <v>46</v>
      </c>
    </row>
    <row r="35521" spans="1:43">
      <c r="A35521" t="s">
        <v>22021</v>
      </c>
      <c r="B35521" t="s">
        <v>22022</v>
      </c>
      <c r="C35521" t="s">
        <v>21949</v>
      </c>
      <c r="D35521" t="s">
        <v>21950</v>
      </c>
      <c r="E35521" t="s">
        <v>21935</v>
      </c>
      <c r="F35521" t="s">
        <v>21936</v>
      </c>
      <c r="G35521" t="s">
        <v>20255</v>
      </c>
      <c r="H35521" t="s">
        <v>20256</v>
      </c>
      <c r="I35521" s="2">
        <v>1</v>
      </c>
      <c r="J35521" s="2">
        <v>0</v>
      </c>
      <c r="K35521" s="2">
        <v>0</v>
      </c>
      <c r="L35521" t="s">
        <v>120</v>
      </c>
      <c r="M35521" t="s">
        <v>83</v>
      </c>
      <c r="N35521" t="s">
        <v>91</v>
      </c>
      <c r="O35521" t="s">
        <v>85</v>
      </c>
      <c r="P35521" t="s">
        <v>86</v>
      </c>
      <c r="Q35521">
        <v>30</v>
      </c>
      <c r="R35521">
        <v>30</v>
      </c>
      <c r="S35521">
        <v>31</v>
      </c>
      <c r="T35521">
        <v>32</v>
      </c>
      <c r="U35521">
        <v>32</v>
      </c>
      <c r="V35521">
        <v>33</v>
      </c>
      <c r="W35521">
        <v>33</v>
      </c>
      <c r="X35521">
        <v>34</v>
      </c>
      <c r="Y35521">
        <v>35</v>
      </c>
      <c r="Z35521">
        <v>35</v>
      </c>
      <c r="AA35521">
        <v>36</v>
      </c>
      <c r="AB35521">
        <v>37</v>
      </c>
      <c r="AC35521">
        <v>37</v>
      </c>
      <c r="AD35521">
        <v>38</v>
      </c>
      <c r="AE35521">
        <v>39</v>
      </c>
      <c r="AF35521">
        <v>39</v>
      </c>
      <c r="AG35521">
        <v>40</v>
      </c>
      <c r="AH35521">
        <v>41</v>
      </c>
      <c r="AI35521">
        <v>42</v>
      </c>
      <c r="AJ35521">
        <v>42</v>
      </c>
      <c r="AK35521">
        <v>43</v>
      </c>
      <c r="AL35521">
        <v>44</v>
      </c>
      <c r="AM35521">
        <v>44</v>
      </c>
      <c r="AN35521">
        <v>45</v>
      </c>
      <c r="AO35521">
        <v>45</v>
      </c>
      <c r="AP35521">
        <v>45</v>
      </c>
      <c r="AQ35521">
        <v>46</v>
      </c>
    </row>
    <row r="35522" spans="1:43">
      <c r="A35522" t="s">
        <v>22023</v>
      </c>
      <c r="B35522" t="s">
        <v>22024</v>
      </c>
      <c r="C35522" t="s">
        <v>21999</v>
      </c>
      <c r="D35522" t="s">
        <v>22000</v>
      </c>
      <c r="E35522" t="s">
        <v>21935</v>
      </c>
      <c r="F35522" t="s">
        <v>21936</v>
      </c>
      <c r="G35522" t="s">
        <v>20255</v>
      </c>
      <c r="H35522" t="s">
        <v>20256</v>
      </c>
      <c r="I35522" s="2">
        <v>1</v>
      </c>
      <c r="J35522" s="2">
        <v>0</v>
      </c>
      <c r="K35522" s="2">
        <v>0</v>
      </c>
      <c r="L35522" t="s">
        <v>120</v>
      </c>
      <c r="M35522" t="s">
        <v>83</v>
      </c>
      <c r="N35522" t="s">
        <v>84</v>
      </c>
      <c r="O35522" t="s">
        <v>85</v>
      </c>
      <c r="P35522" t="s">
        <v>86</v>
      </c>
      <c r="Q35522">
        <v>70</v>
      </c>
      <c r="R35522">
        <v>72</v>
      </c>
      <c r="S35522">
        <v>73</v>
      </c>
      <c r="T35522">
        <v>75</v>
      </c>
      <c r="U35522">
        <v>77</v>
      </c>
      <c r="V35522">
        <v>78</v>
      </c>
      <c r="W35522">
        <v>80</v>
      </c>
      <c r="X35522">
        <v>81</v>
      </c>
      <c r="Y35522">
        <v>83</v>
      </c>
      <c r="Z35522">
        <v>85</v>
      </c>
      <c r="AA35522">
        <v>86</v>
      </c>
      <c r="AB35522">
        <v>88</v>
      </c>
      <c r="AC35522">
        <v>89</v>
      </c>
      <c r="AD35522">
        <v>91</v>
      </c>
      <c r="AE35522">
        <v>93</v>
      </c>
      <c r="AF35522">
        <v>95</v>
      </c>
      <c r="AG35522">
        <v>96</v>
      </c>
      <c r="AH35522">
        <v>98</v>
      </c>
      <c r="AI35522">
        <v>100</v>
      </c>
      <c r="AJ35522">
        <v>102</v>
      </c>
      <c r="AK35522">
        <v>104</v>
      </c>
      <c r="AL35522">
        <v>105</v>
      </c>
      <c r="AM35522">
        <v>106</v>
      </c>
      <c r="AN35522">
        <v>107</v>
      </c>
      <c r="AO35522">
        <v>109</v>
      </c>
      <c r="AP35522">
        <v>110</v>
      </c>
      <c r="AQ35522">
        <v>111</v>
      </c>
    </row>
    <row r="35523" spans="1:43">
      <c r="A35523" t="s">
        <v>22023</v>
      </c>
      <c r="B35523" t="s">
        <v>22024</v>
      </c>
      <c r="C35523" t="s">
        <v>21999</v>
      </c>
      <c r="D35523" t="s">
        <v>22000</v>
      </c>
      <c r="E35523" t="s">
        <v>21935</v>
      </c>
      <c r="F35523" t="s">
        <v>21936</v>
      </c>
      <c r="G35523" t="s">
        <v>20255</v>
      </c>
      <c r="H35523" t="s">
        <v>20256</v>
      </c>
      <c r="I35523" s="2">
        <v>1</v>
      </c>
      <c r="J35523" s="2">
        <v>0</v>
      </c>
      <c r="K35523" s="2">
        <v>0</v>
      </c>
      <c r="L35523" t="s">
        <v>120</v>
      </c>
      <c r="M35523" t="s">
        <v>87</v>
      </c>
      <c r="N35523" t="s">
        <v>88</v>
      </c>
      <c r="O35523" t="s">
        <v>85</v>
      </c>
      <c r="P35523" t="s">
        <v>86</v>
      </c>
      <c r="Q35523">
        <v>70</v>
      </c>
      <c r="R35523">
        <v>70</v>
      </c>
      <c r="S35523">
        <v>71</v>
      </c>
      <c r="T35523">
        <v>72</v>
      </c>
      <c r="U35523">
        <v>73</v>
      </c>
      <c r="V35523">
        <v>74</v>
      </c>
      <c r="W35523">
        <v>75</v>
      </c>
      <c r="X35523">
        <v>76</v>
      </c>
      <c r="Y35523">
        <v>77</v>
      </c>
      <c r="Z35523">
        <v>78</v>
      </c>
      <c r="AA35523">
        <v>79</v>
      </c>
      <c r="AB35523">
        <v>80</v>
      </c>
      <c r="AC35523">
        <v>81</v>
      </c>
      <c r="AD35523">
        <v>82</v>
      </c>
      <c r="AE35523">
        <v>83</v>
      </c>
      <c r="AF35523">
        <v>84</v>
      </c>
      <c r="AG35523">
        <v>85</v>
      </c>
      <c r="AH35523">
        <v>86</v>
      </c>
      <c r="AI35523">
        <v>87</v>
      </c>
      <c r="AJ35523">
        <v>88</v>
      </c>
      <c r="AK35523">
        <v>90</v>
      </c>
      <c r="AL35523">
        <v>91</v>
      </c>
      <c r="AM35523">
        <v>92</v>
      </c>
      <c r="AN35523">
        <v>93</v>
      </c>
      <c r="AO35523">
        <v>94</v>
      </c>
      <c r="AP35523">
        <v>96</v>
      </c>
      <c r="AQ35523">
        <v>97</v>
      </c>
    </row>
    <row r="35524" spans="1:43">
      <c r="A35524" t="s">
        <v>22023</v>
      </c>
      <c r="B35524" t="s">
        <v>22024</v>
      </c>
      <c r="C35524" t="s">
        <v>21999</v>
      </c>
      <c r="D35524" t="s">
        <v>22000</v>
      </c>
      <c r="E35524" t="s">
        <v>21935</v>
      </c>
      <c r="F35524" t="s">
        <v>21936</v>
      </c>
      <c r="G35524" t="s">
        <v>20255</v>
      </c>
      <c r="H35524" t="s">
        <v>20256</v>
      </c>
      <c r="I35524" s="2">
        <v>1</v>
      </c>
      <c r="J35524" s="2">
        <v>0</v>
      </c>
      <c r="K35524" s="2">
        <v>0</v>
      </c>
      <c r="L35524" t="s">
        <v>120</v>
      </c>
      <c r="M35524" t="s">
        <v>89</v>
      </c>
      <c r="N35524" t="s">
        <v>90</v>
      </c>
      <c r="O35524" t="s">
        <v>85</v>
      </c>
      <c r="P35524" t="s">
        <v>86</v>
      </c>
      <c r="Q35524">
        <v>70</v>
      </c>
      <c r="R35524">
        <v>72</v>
      </c>
      <c r="S35524">
        <v>74</v>
      </c>
      <c r="T35524">
        <v>76</v>
      </c>
      <c r="U35524">
        <v>79</v>
      </c>
      <c r="V35524">
        <v>81</v>
      </c>
      <c r="W35524">
        <v>83</v>
      </c>
      <c r="X35524">
        <v>84</v>
      </c>
      <c r="Y35524">
        <v>86</v>
      </c>
      <c r="Z35524">
        <v>88</v>
      </c>
      <c r="AA35524">
        <v>90</v>
      </c>
      <c r="AB35524">
        <v>92</v>
      </c>
      <c r="AC35524">
        <v>94</v>
      </c>
      <c r="AD35524">
        <v>96</v>
      </c>
      <c r="AE35524">
        <v>98</v>
      </c>
      <c r="AF35524">
        <v>99</v>
      </c>
      <c r="AG35524">
        <v>100</v>
      </c>
      <c r="AH35524">
        <v>101</v>
      </c>
      <c r="AI35524">
        <v>102</v>
      </c>
      <c r="AJ35524">
        <v>103</v>
      </c>
      <c r="AK35524">
        <v>105</v>
      </c>
      <c r="AL35524">
        <v>106</v>
      </c>
      <c r="AM35524">
        <v>107</v>
      </c>
      <c r="AN35524">
        <v>108</v>
      </c>
      <c r="AO35524">
        <v>109</v>
      </c>
      <c r="AP35524">
        <v>110</v>
      </c>
      <c r="AQ35524">
        <v>112</v>
      </c>
    </row>
    <row r="35525" spans="1:43">
      <c r="A35525" t="s">
        <v>22023</v>
      </c>
      <c r="B35525" t="s">
        <v>22024</v>
      </c>
      <c r="C35525" t="s">
        <v>21999</v>
      </c>
      <c r="D35525" t="s">
        <v>22000</v>
      </c>
      <c r="E35525" t="s">
        <v>21935</v>
      </c>
      <c r="F35525" t="s">
        <v>21936</v>
      </c>
      <c r="G35525" t="s">
        <v>20255</v>
      </c>
      <c r="H35525" t="s">
        <v>20256</v>
      </c>
      <c r="I35525" s="2">
        <v>1</v>
      </c>
      <c r="J35525" s="2">
        <v>0</v>
      </c>
      <c r="K35525" s="2">
        <v>0</v>
      </c>
      <c r="L35525" t="s">
        <v>120</v>
      </c>
      <c r="M35525" t="s">
        <v>83</v>
      </c>
      <c r="N35525" t="s">
        <v>91</v>
      </c>
      <c r="O35525" t="s">
        <v>85</v>
      </c>
      <c r="P35525" t="s">
        <v>86</v>
      </c>
      <c r="Q35525">
        <v>70</v>
      </c>
      <c r="R35525">
        <v>72</v>
      </c>
      <c r="S35525">
        <v>73</v>
      </c>
      <c r="T35525">
        <v>75</v>
      </c>
      <c r="U35525">
        <v>77</v>
      </c>
      <c r="V35525">
        <v>78</v>
      </c>
      <c r="W35525">
        <v>80</v>
      </c>
      <c r="X35525">
        <v>81</v>
      </c>
      <c r="Y35525">
        <v>83</v>
      </c>
      <c r="Z35525">
        <v>85</v>
      </c>
      <c r="AA35525">
        <v>86</v>
      </c>
      <c r="AB35525">
        <v>88</v>
      </c>
      <c r="AC35525">
        <v>89</v>
      </c>
      <c r="AD35525">
        <v>91</v>
      </c>
      <c r="AE35525">
        <v>93</v>
      </c>
      <c r="AF35525">
        <v>95</v>
      </c>
      <c r="AG35525">
        <v>96</v>
      </c>
      <c r="AH35525">
        <v>98</v>
      </c>
      <c r="AI35525">
        <v>100</v>
      </c>
      <c r="AJ35525">
        <v>102</v>
      </c>
      <c r="AK35525">
        <v>104</v>
      </c>
      <c r="AL35525">
        <v>105</v>
      </c>
      <c r="AM35525">
        <v>106</v>
      </c>
      <c r="AN35525">
        <v>107</v>
      </c>
      <c r="AO35525">
        <v>109</v>
      </c>
      <c r="AP35525">
        <v>110</v>
      </c>
      <c r="AQ35525">
        <v>111</v>
      </c>
    </row>
    <row r="35526" spans="1:43">
      <c r="A35526" t="s">
        <v>22025</v>
      </c>
      <c r="B35526" t="s">
        <v>22026</v>
      </c>
      <c r="C35526" t="s">
        <v>22007</v>
      </c>
      <c r="D35526" t="s">
        <v>22008</v>
      </c>
      <c r="E35526" t="s">
        <v>21935</v>
      </c>
      <c r="F35526" t="s">
        <v>21936</v>
      </c>
      <c r="G35526" t="s">
        <v>20255</v>
      </c>
      <c r="H35526" t="s">
        <v>20256</v>
      </c>
      <c r="I35526" s="2">
        <v>1</v>
      </c>
      <c r="J35526" s="2">
        <v>0</v>
      </c>
      <c r="K35526" s="2">
        <v>0</v>
      </c>
      <c r="L35526" t="s">
        <v>120</v>
      </c>
      <c r="M35526" t="s">
        <v>83</v>
      </c>
      <c r="N35526" t="s">
        <v>84</v>
      </c>
      <c r="O35526" t="s">
        <v>85</v>
      </c>
      <c r="P35526" t="s">
        <v>86</v>
      </c>
      <c r="Q35526">
        <v>6</v>
      </c>
      <c r="R35526">
        <v>6</v>
      </c>
      <c r="S35526">
        <v>6</v>
      </c>
      <c r="T35526">
        <v>6</v>
      </c>
      <c r="U35526">
        <v>6</v>
      </c>
      <c r="V35526">
        <v>7</v>
      </c>
      <c r="W35526">
        <v>7</v>
      </c>
      <c r="X35526">
        <v>7</v>
      </c>
      <c r="Y35526">
        <v>7</v>
      </c>
      <c r="Z35526">
        <v>7</v>
      </c>
      <c r="AA35526">
        <v>7</v>
      </c>
      <c r="AB35526">
        <v>7</v>
      </c>
      <c r="AC35526">
        <v>8</v>
      </c>
      <c r="AD35526">
        <v>8</v>
      </c>
      <c r="AE35526">
        <v>8</v>
      </c>
      <c r="AF35526">
        <v>8</v>
      </c>
      <c r="AG35526">
        <v>8</v>
      </c>
      <c r="AH35526">
        <v>8</v>
      </c>
      <c r="AI35526">
        <v>8</v>
      </c>
      <c r="AJ35526">
        <v>9</v>
      </c>
      <c r="AK35526">
        <v>9</v>
      </c>
      <c r="AL35526">
        <v>9</v>
      </c>
      <c r="AM35526">
        <v>9</v>
      </c>
      <c r="AN35526">
        <v>9</v>
      </c>
      <c r="AO35526">
        <v>9</v>
      </c>
      <c r="AP35526">
        <v>9</v>
      </c>
      <c r="AQ35526">
        <v>9</v>
      </c>
    </row>
    <row r="35527" spans="1:43">
      <c r="A35527" t="s">
        <v>22025</v>
      </c>
      <c r="B35527" t="s">
        <v>22026</v>
      </c>
      <c r="C35527" t="s">
        <v>22007</v>
      </c>
      <c r="D35527" t="s">
        <v>22008</v>
      </c>
      <c r="E35527" t="s">
        <v>21935</v>
      </c>
      <c r="F35527" t="s">
        <v>21936</v>
      </c>
      <c r="G35527" t="s">
        <v>20255</v>
      </c>
      <c r="H35527" t="s">
        <v>20256</v>
      </c>
      <c r="I35527" s="2">
        <v>1</v>
      </c>
      <c r="J35527" s="2">
        <v>0</v>
      </c>
      <c r="K35527" s="2">
        <v>0</v>
      </c>
      <c r="L35527" t="s">
        <v>120</v>
      </c>
      <c r="M35527" t="s">
        <v>87</v>
      </c>
      <c r="N35527" t="s">
        <v>88</v>
      </c>
      <c r="O35527" t="s">
        <v>85</v>
      </c>
      <c r="P35527" t="s">
        <v>86</v>
      </c>
      <c r="Q35527">
        <v>6</v>
      </c>
      <c r="R35527">
        <v>6</v>
      </c>
      <c r="S35527">
        <v>6</v>
      </c>
      <c r="T35527">
        <v>6</v>
      </c>
      <c r="U35527">
        <v>6</v>
      </c>
      <c r="V35527">
        <v>6</v>
      </c>
      <c r="W35527">
        <v>6</v>
      </c>
      <c r="X35527">
        <v>6</v>
      </c>
      <c r="Y35527">
        <v>6</v>
      </c>
      <c r="Z35527">
        <v>7</v>
      </c>
      <c r="AA35527">
        <v>7</v>
      </c>
      <c r="AB35527">
        <v>7</v>
      </c>
      <c r="AC35527">
        <v>7</v>
      </c>
      <c r="AD35527">
        <v>7</v>
      </c>
      <c r="AE35527">
        <v>7</v>
      </c>
      <c r="AF35527">
        <v>7</v>
      </c>
      <c r="AG35527">
        <v>7</v>
      </c>
      <c r="AH35527">
        <v>7</v>
      </c>
      <c r="AI35527">
        <v>7</v>
      </c>
      <c r="AJ35527">
        <v>7</v>
      </c>
      <c r="AK35527">
        <v>8</v>
      </c>
      <c r="AL35527">
        <v>8</v>
      </c>
      <c r="AM35527">
        <v>8</v>
      </c>
      <c r="AN35527">
        <v>8</v>
      </c>
      <c r="AO35527">
        <v>8</v>
      </c>
      <c r="AP35527">
        <v>8</v>
      </c>
      <c r="AQ35527">
        <v>8</v>
      </c>
    </row>
    <row r="35528" spans="1:43">
      <c r="A35528" t="s">
        <v>22025</v>
      </c>
      <c r="B35528" t="s">
        <v>22026</v>
      </c>
      <c r="C35528" t="s">
        <v>22007</v>
      </c>
      <c r="D35528" t="s">
        <v>22008</v>
      </c>
      <c r="E35528" t="s">
        <v>21935</v>
      </c>
      <c r="F35528" t="s">
        <v>21936</v>
      </c>
      <c r="G35528" t="s">
        <v>20255</v>
      </c>
      <c r="H35528" t="s">
        <v>20256</v>
      </c>
      <c r="I35528" s="2">
        <v>1</v>
      </c>
      <c r="J35528" s="2">
        <v>0</v>
      </c>
      <c r="K35528" s="2">
        <v>0</v>
      </c>
      <c r="L35528" t="s">
        <v>120</v>
      </c>
      <c r="M35528" t="s">
        <v>89</v>
      </c>
      <c r="N35528" t="s">
        <v>90</v>
      </c>
      <c r="O35528" t="s">
        <v>85</v>
      </c>
      <c r="P35528" t="s">
        <v>86</v>
      </c>
      <c r="Q35528">
        <v>6</v>
      </c>
      <c r="R35528">
        <v>6</v>
      </c>
      <c r="S35528">
        <v>6</v>
      </c>
      <c r="T35528">
        <v>7</v>
      </c>
      <c r="U35528">
        <v>7</v>
      </c>
      <c r="V35528">
        <v>7</v>
      </c>
      <c r="W35528">
        <v>7</v>
      </c>
      <c r="X35528">
        <v>7</v>
      </c>
      <c r="Y35528">
        <v>7</v>
      </c>
      <c r="Z35528">
        <v>8</v>
      </c>
      <c r="AA35528">
        <v>8</v>
      </c>
      <c r="AB35528">
        <v>8</v>
      </c>
      <c r="AC35528">
        <v>8</v>
      </c>
      <c r="AD35528">
        <v>8</v>
      </c>
      <c r="AE35528">
        <v>8</v>
      </c>
      <c r="AF35528">
        <v>8</v>
      </c>
      <c r="AG35528">
        <v>9</v>
      </c>
      <c r="AH35528">
        <v>9</v>
      </c>
      <c r="AI35528">
        <v>9</v>
      </c>
      <c r="AJ35528">
        <v>9</v>
      </c>
      <c r="AK35528">
        <v>9</v>
      </c>
      <c r="AL35528">
        <v>9</v>
      </c>
      <c r="AM35528">
        <v>9</v>
      </c>
      <c r="AN35528">
        <v>9</v>
      </c>
      <c r="AO35528">
        <v>9</v>
      </c>
      <c r="AP35528">
        <v>9</v>
      </c>
      <c r="AQ35528">
        <v>9</v>
      </c>
    </row>
    <row r="35529" spans="1:43">
      <c r="A35529" t="s">
        <v>22025</v>
      </c>
      <c r="B35529" t="s">
        <v>22026</v>
      </c>
      <c r="C35529" t="s">
        <v>22007</v>
      </c>
      <c r="D35529" t="s">
        <v>22008</v>
      </c>
      <c r="E35529" t="s">
        <v>21935</v>
      </c>
      <c r="F35529" t="s">
        <v>21936</v>
      </c>
      <c r="G35529" t="s">
        <v>20255</v>
      </c>
      <c r="H35529" t="s">
        <v>20256</v>
      </c>
      <c r="I35529" s="2">
        <v>1</v>
      </c>
      <c r="J35529" s="2">
        <v>0</v>
      </c>
      <c r="K35529" s="2">
        <v>0</v>
      </c>
      <c r="L35529" t="s">
        <v>120</v>
      </c>
      <c r="M35529" t="s">
        <v>83</v>
      </c>
      <c r="N35529" t="s">
        <v>91</v>
      </c>
      <c r="O35529" t="s">
        <v>85</v>
      </c>
      <c r="P35529" t="s">
        <v>86</v>
      </c>
      <c r="Q35529">
        <v>6</v>
      </c>
      <c r="R35529">
        <v>6</v>
      </c>
      <c r="S35529">
        <v>6</v>
      </c>
      <c r="T35529">
        <v>6</v>
      </c>
      <c r="U35529">
        <v>6</v>
      </c>
      <c r="V35529">
        <v>7</v>
      </c>
      <c r="W35529">
        <v>7</v>
      </c>
      <c r="X35529">
        <v>7</v>
      </c>
      <c r="Y35529">
        <v>7</v>
      </c>
      <c r="Z35529">
        <v>7</v>
      </c>
      <c r="AA35529">
        <v>7</v>
      </c>
      <c r="AB35529">
        <v>7</v>
      </c>
      <c r="AC35529">
        <v>8</v>
      </c>
      <c r="AD35529">
        <v>8</v>
      </c>
      <c r="AE35529">
        <v>8</v>
      </c>
      <c r="AF35529">
        <v>8</v>
      </c>
      <c r="AG35529">
        <v>8</v>
      </c>
      <c r="AH35529">
        <v>8</v>
      </c>
      <c r="AI35529">
        <v>8</v>
      </c>
      <c r="AJ35529">
        <v>9</v>
      </c>
      <c r="AK35529">
        <v>9</v>
      </c>
      <c r="AL35529">
        <v>9</v>
      </c>
      <c r="AM35529">
        <v>9</v>
      </c>
      <c r="AN35529">
        <v>9</v>
      </c>
      <c r="AO35529">
        <v>9</v>
      </c>
      <c r="AP35529">
        <v>9</v>
      </c>
      <c r="AQ35529">
        <v>9</v>
      </c>
    </row>
    <row r="35530" spans="1:43">
      <c r="A35530" t="s">
        <v>22027</v>
      </c>
      <c r="B35530" t="s">
        <v>22028</v>
      </c>
      <c r="C35530" t="s">
        <v>22029</v>
      </c>
      <c r="D35530" t="s">
        <v>22030</v>
      </c>
      <c r="E35530" t="s">
        <v>21935</v>
      </c>
      <c r="F35530" t="s">
        <v>21936</v>
      </c>
      <c r="G35530" t="s">
        <v>20255</v>
      </c>
      <c r="H35530" t="s">
        <v>20256</v>
      </c>
      <c r="I35530" s="2">
        <v>1</v>
      </c>
      <c r="J35530" s="2">
        <v>0</v>
      </c>
      <c r="K35530" s="2">
        <v>0</v>
      </c>
      <c r="L35530" t="s">
        <v>120</v>
      </c>
      <c r="M35530" t="s">
        <v>83</v>
      </c>
      <c r="N35530" t="s">
        <v>84</v>
      </c>
      <c r="O35530" t="s">
        <v>85</v>
      </c>
      <c r="P35530" t="s">
        <v>86</v>
      </c>
      <c r="Q35530">
        <v>35</v>
      </c>
      <c r="R35530">
        <v>36</v>
      </c>
      <c r="S35530">
        <v>37</v>
      </c>
      <c r="T35530">
        <v>38</v>
      </c>
      <c r="U35530">
        <v>39</v>
      </c>
      <c r="V35530">
        <v>39</v>
      </c>
      <c r="W35530">
        <v>40</v>
      </c>
      <c r="X35530">
        <v>41</v>
      </c>
      <c r="Y35530">
        <v>42</v>
      </c>
      <c r="Z35530">
        <v>43</v>
      </c>
      <c r="AA35530">
        <v>43</v>
      </c>
      <c r="AB35530">
        <v>44</v>
      </c>
      <c r="AC35530">
        <v>45</v>
      </c>
      <c r="AD35530">
        <v>46</v>
      </c>
      <c r="AE35530">
        <v>47</v>
      </c>
      <c r="AF35530">
        <v>48</v>
      </c>
      <c r="AG35530">
        <v>49</v>
      </c>
      <c r="AH35530">
        <v>49</v>
      </c>
      <c r="AI35530">
        <v>50</v>
      </c>
      <c r="AJ35530">
        <v>51</v>
      </c>
      <c r="AK35530">
        <v>52</v>
      </c>
      <c r="AL35530">
        <v>53</v>
      </c>
      <c r="AM35530">
        <v>53</v>
      </c>
      <c r="AN35530">
        <v>54</v>
      </c>
      <c r="AO35530">
        <v>55</v>
      </c>
      <c r="AP35530">
        <v>55</v>
      </c>
      <c r="AQ35530">
        <v>56</v>
      </c>
    </row>
    <row r="35531" spans="1:43">
      <c r="A35531" t="s">
        <v>22027</v>
      </c>
      <c r="B35531" t="s">
        <v>22028</v>
      </c>
      <c r="C35531" t="s">
        <v>22029</v>
      </c>
      <c r="D35531" t="s">
        <v>22030</v>
      </c>
      <c r="E35531" t="s">
        <v>21935</v>
      </c>
      <c r="F35531" t="s">
        <v>21936</v>
      </c>
      <c r="G35531" t="s">
        <v>20255</v>
      </c>
      <c r="H35531" t="s">
        <v>20256</v>
      </c>
      <c r="I35531" s="2">
        <v>1</v>
      </c>
      <c r="J35531" s="2">
        <v>0</v>
      </c>
      <c r="K35531" s="2">
        <v>0</v>
      </c>
      <c r="L35531" t="s">
        <v>120</v>
      </c>
      <c r="M35531" t="s">
        <v>87</v>
      </c>
      <c r="N35531" t="s">
        <v>88</v>
      </c>
      <c r="O35531" t="s">
        <v>85</v>
      </c>
      <c r="P35531" t="s">
        <v>86</v>
      </c>
      <c r="Q35531">
        <v>35</v>
      </c>
      <c r="R35531">
        <v>35</v>
      </c>
      <c r="S35531">
        <v>36</v>
      </c>
      <c r="T35531">
        <v>36</v>
      </c>
      <c r="U35531">
        <v>37</v>
      </c>
      <c r="V35531">
        <v>37</v>
      </c>
      <c r="W35531">
        <v>38</v>
      </c>
      <c r="X35531">
        <v>38</v>
      </c>
      <c r="Y35531">
        <v>39</v>
      </c>
      <c r="Z35531">
        <v>39</v>
      </c>
      <c r="AA35531">
        <v>40</v>
      </c>
      <c r="AB35531">
        <v>40</v>
      </c>
      <c r="AC35531">
        <v>41</v>
      </c>
      <c r="AD35531">
        <v>41</v>
      </c>
      <c r="AE35531">
        <v>42</v>
      </c>
      <c r="AF35531">
        <v>42</v>
      </c>
      <c r="AG35531">
        <v>43</v>
      </c>
      <c r="AH35531">
        <v>43</v>
      </c>
      <c r="AI35531">
        <v>44</v>
      </c>
      <c r="AJ35531">
        <v>45</v>
      </c>
      <c r="AK35531">
        <v>45</v>
      </c>
      <c r="AL35531">
        <v>46</v>
      </c>
      <c r="AM35531">
        <v>46</v>
      </c>
      <c r="AN35531">
        <v>47</v>
      </c>
      <c r="AO35531">
        <v>48</v>
      </c>
      <c r="AP35531">
        <v>48</v>
      </c>
      <c r="AQ35531">
        <v>49</v>
      </c>
    </row>
    <row r="35532" spans="1:43">
      <c r="A35532" t="s">
        <v>22027</v>
      </c>
      <c r="B35532" t="s">
        <v>22028</v>
      </c>
      <c r="C35532" t="s">
        <v>22029</v>
      </c>
      <c r="D35532" t="s">
        <v>22030</v>
      </c>
      <c r="E35532" t="s">
        <v>21935</v>
      </c>
      <c r="F35532" t="s">
        <v>21936</v>
      </c>
      <c r="G35532" t="s">
        <v>20255</v>
      </c>
      <c r="H35532" t="s">
        <v>20256</v>
      </c>
      <c r="I35532" s="2">
        <v>1</v>
      </c>
      <c r="J35532" s="2">
        <v>0</v>
      </c>
      <c r="K35532" s="2">
        <v>0</v>
      </c>
      <c r="L35532" t="s">
        <v>120</v>
      </c>
      <c r="M35532" t="s">
        <v>89</v>
      </c>
      <c r="N35532" t="s">
        <v>90</v>
      </c>
      <c r="O35532" t="s">
        <v>85</v>
      </c>
      <c r="P35532" t="s">
        <v>86</v>
      </c>
      <c r="Q35532">
        <v>35</v>
      </c>
      <c r="R35532">
        <v>36</v>
      </c>
      <c r="S35532">
        <v>37</v>
      </c>
      <c r="T35532">
        <v>38</v>
      </c>
      <c r="U35532">
        <v>39</v>
      </c>
      <c r="V35532">
        <v>40</v>
      </c>
      <c r="W35532">
        <v>41</v>
      </c>
      <c r="X35532">
        <v>42</v>
      </c>
      <c r="Y35532">
        <v>43</v>
      </c>
      <c r="Z35532">
        <v>44</v>
      </c>
      <c r="AA35532">
        <v>45</v>
      </c>
      <c r="AB35532">
        <v>46</v>
      </c>
      <c r="AC35532">
        <v>47</v>
      </c>
      <c r="AD35532">
        <v>48</v>
      </c>
      <c r="AE35532">
        <v>49</v>
      </c>
      <c r="AF35532">
        <v>49</v>
      </c>
      <c r="AG35532">
        <v>50</v>
      </c>
      <c r="AH35532">
        <v>50</v>
      </c>
      <c r="AI35532">
        <v>51</v>
      </c>
      <c r="AJ35532">
        <v>52</v>
      </c>
      <c r="AK35532">
        <v>52</v>
      </c>
      <c r="AL35532">
        <v>53</v>
      </c>
      <c r="AM35532">
        <v>53</v>
      </c>
      <c r="AN35532">
        <v>54</v>
      </c>
      <c r="AO35532">
        <v>54</v>
      </c>
      <c r="AP35532">
        <v>55</v>
      </c>
      <c r="AQ35532">
        <v>56</v>
      </c>
    </row>
    <row r="35533" spans="1:43">
      <c r="A35533" t="s">
        <v>22027</v>
      </c>
      <c r="B35533" t="s">
        <v>22028</v>
      </c>
      <c r="C35533" t="s">
        <v>22029</v>
      </c>
      <c r="D35533" t="s">
        <v>22030</v>
      </c>
      <c r="E35533" t="s">
        <v>21935</v>
      </c>
      <c r="F35533" t="s">
        <v>21936</v>
      </c>
      <c r="G35533" t="s">
        <v>20255</v>
      </c>
      <c r="H35533" t="s">
        <v>20256</v>
      </c>
      <c r="I35533" s="2">
        <v>1</v>
      </c>
      <c r="J35533" s="2">
        <v>0</v>
      </c>
      <c r="K35533" s="2">
        <v>0</v>
      </c>
      <c r="L35533" t="s">
        <v>120</v>
      </c>
      <c r="M35533" t="s">
        <v>83</v>
      </c>
      <c r="N35533" t="s">
        <v>91</v>
      </c>
      <c r="O35533" t="s">
        <v>85</v>
      </c>
      <c r="P35533" t="s">
        <v>86</v>
      </c>
      <c r="Q35533">
        <v>35</v>
      </c>
      <c r="R35533">
        <v>36</v>
      </c>
      <c r="S35533">
        <v>37</v>
      </c>
      <c r="T35533">
        <v>38</v>
      </c>
      <c r="U35533">
        <v>39</v>
      </c>
      <c r="V35533">
        <v>39</v>
      </c>
      <c r="W35533">
        <v>40</v>
      </c>
      <c r="X35533">
        <v>41</v>
      </c>
      <c r="Y35533">
        <v>42</v>
      </c>
      <c r="Z35533">
        <v>43</v>
      </c>
      <c r="AA35533">
        <v>43</v>
      </c>
      <c r="AB35533">
        <v>44</v>
      </c>
      <c r="AC35533">
        <v>45</v>
      </c>
      <c r="AD35533">
        <v>46</v>
      </c>
      <c r="AE35533">
        <v>47</v>
      </c>
      <c r="AF35533">
        <v>48</v>
      </c>
      <c r="AG35533">
        <v>49</v>
      </c>
      <c r="AH35533">
        <v>49</v>
      </c>
      <c r="AI35533">
        <v>50</v>
      </c>
      <c r="AJ35533">
        <v>51</v>
      </c>
      <c r="AK35533">
        <v>52</v>
      </c>
      <c r="AL35533">
        <v>53</v>
      </c>
      <c r="AM35533">
        <v>53</v>
      </c>
      <c r="AN35533">
        <v>54</v>
      </c>
      <c r="AO35533">
        <v>55</v>
      </c>
      <c r="AP35533">
        <v>55</v>
      </c>
      <c r="AQ35533">
        <v>56</v>
      </c>
    </row>
    <row r="35534" spans="1:43">
      <c r="A35534" t="s">
        <v>22031</v>
      </c>
      <c r="B35534" t="s">
        <v>22032</v>
      </c>
      <c r="C35534" t="s">
        <v>22007</v>
      </c>
      <c r="D35534" t="s">
        <v>22008</v>
      </c>
      <c r="E35534" t="s">
        <v>21935</v>
      </c>
      <c r="F35534" t="s">
        <v>21936</v>
      </c>
      <c r="G35534" t="s">
        <v>20255</v>
      </c>
      <c r="H35534" t="s">
        <v>20256</v>
      </c>
      <c r="I35534" s="2">
        <v>1</v>
      </c>
      <c r="J35534" s="2">
        <v>0</v>
      </c>
      <c r="K35534" s="2">
        <v>0</v>
      </c>
      <c r="L35534" t="s">
        <v>120</v>
      </c>
      <c r="M35534" t="s">
        <v>83</v>
      </c>
      <c r="N35534" t="s">
        <v>84</v>
      </c>
      <c r="O35534" t="s">
        <v>85</v>
      </c>
      <c r="P35534" t="s">
        <v>86</v>
      </c>
      <c r="Q35534">
        <v>4</v>
      </c>
      <c r="R35534">
        <v>4</v>
      </c>
      <c r="S35534">
        <v>4</v>
      </c>
      <c r="T35534">
        <v>4</v>
      </c>
      <c r="U35534">
        <v>5</v>
      </c>
      <c r="V35534">
        <v>5</v>
      </c>
      <c r="W35534">
        <v>5</v>
      </c>
      <c r="X35534">
        <v>5</v>
      </c>
      <c r="Y35534">
        <v>5</v>
      </c>
      <c r="Z35534">
        <v>5</v>
      </c>
      <c r="AA35534">
        <v>5</v>
      </c>
      <c r="AB35534">
        <v>5</v>
      </c>
      <c r="AC35534">
        <v>5</v>
      </c>
      <c r="AD35534">
        <v>5</v>
      </c>
      <c r="AE35534">
        <v>5</v>
      </c>
      <c r="AF35534">
        <v>6</v>
      </c>
      <c r="AG35534">
        <v>6</v>
      </c>
      <c r="AH35534">
        <v>6</v>
      </c>
      <c r="AI35534">
        <v>6</v>
      </c>
      <c r="AJ35534">
        <v>6</v>
      </c>
      <c r="AK35534">
        <v>6</v>
      </c>
      <c r="AL35534">
        <v>6</v>
      </c>
      <c r="AM35534">
        <v>6</v>
      </c>
      <c r="AN35534">
        <v>6</v>
      </c>
      <c r="AO35534">
        <v>6</v>
      </c>
      <c r="AP35534">
        <v>6</v>
      </c>
      <c r="AQ35534">
        <v>7</v>
      </c>
    </row>
    <row r="35535" spans="1:43">
      <c r="A35535" t="s">
        <v>22031</v>
      </c>
      <c r="B35535" t="s">
        <v>22032</v>
      </c>
      <c r="C35535" t="s">
        <v>22007</v>
      </c>
      <c r="D35535" t="s">
        <v>22008</v>
      </c>
      <c r="E35535" t="s">
        <v>21935</v>
      </c>
      <c r="F35535" t="s">
        <v>21936</v>
      </c>
      <c r="G35535" t="s">
        <v>20255</v>
      </c>
      <c r="H35535" t="s">
        <v>20256</v>
      </c>
      <c r="I35535" s="2">
        <v>1</v>
      </c>
      <c r="J35535" s="2">
        <v>0</v>
      </c>
      <c r="K35535" s="2">
        <v>0</v>
      </c>
      <c r="L35535" t="s">
        <v>120</v>
      </c>
      <c r="M35535" t="s">
        <v>87</v>
      </c>
      <c r="N35535" t="s">
        <v>88</v>
      </c>
      <c r="O35535" t="s">
        <v>85</v>
      </c>
      <c r="P35535" t="s">
        <v>86</v>
      </c>
      <c r="Q35535">
        <v>4</v>
      </c>
      <c r="R35535">
        <v>4</v>
      </c>
      <c r="S35535">
        <v>4</v>
      </c>
      <c r="T35535">
        <v>4</v>
      </c>
      <c r="U35535">
        <v>4</v>
      </c>
      <c r="V35535">
        <v>4</v>
      </c>
      <c r="W35535">
        <v>4</v>
      </c>
      <c r="X35535">
        <v>4</v>
      </c>
      <c r="Y35535">
        <v>5</v>
      </c>
      <c r="Z35535">
        <v>5</v>
      </c>
      <c r="AA35535">
        <v>5</v>
      </c>
      <c r="AB35535">
        <v>5</v>
      </c>
      <c r="AC35535">
        <v>5</v>
      </c>
      <c r="AD35535">
        <v>5</v>
      </c>
      <c r="AE35535">
        <v>5</v>
      </c>
      <c r="AF35535">
        <v>5</v>
      </c>
      <c r="AG35535">
        <v>5</v>
      </c>
      <c r="AH35535">
        <v>5</v>
      </c>
      <c r="AI35535">
        <v>5</v>
      </c>
      <c r="AJ35535">
        <v>5</v>
      </c>
      <c r="AK35535">
        <v>5</v>
      </c>
      <c r="AL35535">
        <v>5</v>
      </c>
      <c r="AM35535">
        <v>5</v>
      </c>
      <c r="AN35535">
        <v>5</v>
      </c>
      <c r="AO35535">
        <v>6</v>
      </c>
      <c r="AP35535">
        <v>6</v>
      </c>
      <c r="AQ35535">
        <v>6</v>
      </c>
    </row>
    <row r="35536" spans="1:43">
      <c r="A35536" t="s">
        <v>22031</v>
      </c>
      <c r="B35536" t="s">
        <v>22032</v>
      </c>
      <c r="C35536" t="s">
        <v>22007</v>
      </c>
      <c r="D35536" t="s">
        <v>22008</v>
      </c>
      <c r="E35536" t="s">
        <v>21935</v>
      </c>
      <c r="F35536" t="s">
        <v>21936</v>
      </c>
      <c r="G35536" t="s">
        <v>20255</v>
      </c>
      <c r="H35536" t="s">
        <v>20256</v>
      </c>
      <c r="I35536" s="2">
        <v>1</v>
      </c>
      <c r="J35536" s="2">
        <v>0</v>
      </c>
      <c r="K35536" s="2">
        <v>0</v>
      </c>
      <c r="L35536" t="s">
        <v>120</v>
      </c>
      <c r="M35536" t="s">
        <v>89</v>
      </c>
      <c r="N35536" t="s">
        <v>90</v>
      </c>
      <c r="O35536" t="s">
        <v>85</v>
      </c>
      <c r="P35536" t="s">
        <v>86</v>
      </c>
      <c r="Q35536">
        <v>4</v>
      </c>
      <c r="R35536">
        <v>4</v>
      </c>
      <c r="S35536">
        <v>4</v>
      </c>
      <c r="T35536">
        <v>5</v>
      </c>
      <c r="U35536">
        <v>5</v>
      </c>
      <c r="V35536">
        <v>5</v>
      </c>
      <c r="W35536">
        <v>5</v>
      </c>
      <c r="X35536">
        <v>5</v>
      </c>
      <c r="Y35536">
        <v>5</v>
      </c>
      <c r="Z35536">
        <v>5</v>
      </c>
      <c r="AA35536">
        <v>5</v>
      </c>
      <c r="AB35536">
        <v>5</v>
      </c>
      <c r="AC35536">
        <v>6</v>
      </c>
      <c r="AD35536">
        <v>6</v>
      </c>
      <c r="AE35536">
        <v>6</v>
      </c>
      <c r="AF35536">
        <v>6</v>
      </c>
      <c r="AG35536">
        <v>6</v>
      </c>
      <c r="AH35536">
        <v>6</v>
      </c>
      <c r="AI35536">
        <v>6</v>
      </c>
      <c r="AJ35536">
        <v>6</v>
      </c>
      <c r="AK35536">
        <v>6</v>
      </c>
      <c r="AL35536">
        <v>6</v>
      </c>
      <c r="AM35536">
        <v>6</v>
      </c>
      <c r="AN35536">
        <v>6</v>
      </c>
      <c r="AO35536">
        <v>6</v>
      </c>
      <c r="AP35536">
        <v>7</v>
      </c>
      <c r="AQ35536">
        <v>7</v>
      </c>
    </row>
    <row r="35537" spans="1:43">
      <c r="A35537" t="s">
        <v>22031</v>
      </c>
      <c r="B35537" t="s">
        <v>22032</v>
      </c>
      <c r="C35537" t="s">
        <v>22007</v>
      </c>
      <c r="D35537" t="s">
        <v>22008</v>
      </c>
      <c r="E35537" t="s">
        <v>21935</v>
      </c>
      <c r="F35537" t="s">
        <v>21936</v>
      </c>
      <c r="G35537" t="s">
        <v>20255</v>
      </c>
      <c r="H35537" t="s">
        <v>20256</v>
      </c>
      <c r="I35537" s="2">
        <v>1</v>
      </c>
      <c r="J35537" s="2">
        <v>0</v>
      </c>
      <c r="K35537" s="2">
        <v>0</v>
      </c>
      <c r="L35537" t="s">
        <v>120</v>
      </c>
      <c r="M35537" t="s">
        <v>83</v>
      </c>
      <c r="N35537" t="s">
        <v>91</v>
      </c>
      <c r="O35537" t="s">
        <v>85</v>
      </c>
      <c r="P35537" t="s">
        <v>86</v>
      </c>
      <c r="Q35537">
        <v>4</v>
      </c>
      <c r="R35537">
        <v>4</v>
      </c>
      <c r="S35537">
        <v>4</v>
      </c>
      <c r="T35537">
        <v>4</v>
      </c>
      <c r="U35537">
        <v>5</v>
      </c>
      <c r="V35537">
        <v>5</v>
      </c>
      <c r="W35537">
        <v>5</v>
      </c>
      <c r="X35537">
        <v>5</v>
      </c>
      <c r="Y35537">
        <v>5</v>
      </c>
      <c r="Z35537">
        <v>5</v>
      </c>
      <c r="AA35537">
        <v>5</v>
      </c>
      <c r="AB35537">
        <v>5</v>
      </c>
      <c r="AC35537">
        <v>5</v>
      </c>
      <c r="AD35537">
        <v>5</v>
      </c>
      <c r="AE35537">
        <v>5</v>
      </c>
      <c r="AF35537">
        <v>6</v>
      </c>
      <c r="AG35537">
        <v>6</v>
      </c>
      <c r="AH35537">
        <v>6</v>
      </c>
      <c r="AI35537">
        <v>6</v>
      </c>
      <c r="AJ35537">
        <v>6</v>
      </c>
      <c r="AK35537">
        <v>6</v>
      </c>
      <c r="AL35537">
        <v>6</v>
      </c>
      <c r="AM35537">
        <v>6</v>
      </c>
      <c r="AN35537">
        <v>6</v>
      </c>
      <c r="AO35537">
        <v>6</v>
      </c>
      <c r="AP35537">
        <v>6</v>
      </c>
      <c r="AQ35537">
        <v>7</v>
      </c>
    </row>
    <row r="35538" spans="1:43">
      <c r="A35538" t="s">
        <v>22033</v>
      </c>
      <c r="B35538" t="s">
        <v>22034</v>
      </c>
      <c r="C35538" t="s">
        <v>21999</v>
      </c>
      <c r="D35538" t="s">
        <v>22000</v>
      </c>
      <c r="E35538" t="s">
        <v>21935</v>
      </c>
      <c r="F35538" t="s">
        <v>21936</v>
      </c>
      <c r="G35538" t="s">
        <v>20255</v>
      </c>
      <c r="H35538" t="s">
        <v>20256</v>
      </c>
      <c r="I35538" s="2">
        <v>1</v>
      </c>
      <c r="J35538" s="2">
        <v>0</v>
      </c>
      <c r="K35538" s="2">
        <v>0</v>
      </c>
      <c r="L35538" t="s">
        <v>120</v>
      </c>
      <c r="M35538" t="s">
        <v>83</v>
      </c>
      <c r="N35538" t="s">
        <v>84</v>
      </c>
      <c r="O35538" t="s">
        <v>85</v>
      </c>
      <c r="P35538" t="s">
        <v>86</v>
      </c>
      <c r="Q35538">
        <v>22</v>
      </c>
      <c r="R35538">
        <v>22</v>
      </c>
      <c r="S35538">
        <v>23</v>
      </c>
      <c r="T35538">
        <v>23</v>
      </c>
      <c r="U35538">
        <v>24</v>
      </c>
      <c r="V35538">
        <v>24</v>
      </c>
      <c r="W35538">
        <v>25</v>
      </c>
      <c r="X35538">
        <v>25</v>
      </c>
      <c r="Y35538">
        <v>26</v>
      </c>
      <c r="Z35538">
        <v>26</v>
      </c>
      <c r="AA35538">
        <v>27</v>
      </c>
      <c r="AB35538">
        <v>27</v>
      </c>
      <c r="AC35538">
        <v>28</v>
      </c>
      <c r="AD35538">
        <v>28</v>
      </c>
      <c r="AE35538">
        <v>29</v>
      </c>
      <c r="AF35538">
        <v>29</v>
      </c>
      <c r="AG35538">
        <v>30</v>
      </c>
      <c r="AH35538">
        <v>30</v>
      </c>
      <c r="AI35538">
        <v>31</v>
      </c>
      <c r="AJ35538">
        <v>31</v>
      </c>
      <c r="AK35538">
        <v>32</v>
      </c>
      <c r="AL35538">
        <v>32</v>
      </c>
      <c r="AM35538">
        <v>33</v>
      </c>
      <c r="AN35538">
        <v>33</v>
      </c>
      <c r="AO35538">
        <v>34</v>
      </c>
      <c r="AP35538">
        <v>34</v>
      </c>
      <c r="AQ35538">
        <v>34</v>
      </c>
    </row>
    <row r="35539" spans="1:43">
      <c r="A35539" t="s">
        <v>22033</v>
      </c>
      <c r="B35539" t="s">
        <v>22034</v>
      </c>
      <c r="C35539" t="s">
        <v>21999</v>
      </c>
      <c r="D35539" t="s">
        <v>22000</v>
      </c>
      <c r="E35539" t="s">
        <v>21935</v>
      </c>
      <c r="F35539" t="s">
        <v>21936</v>
      </c>
      <c r="G35539" t="s">
        <v>20255</v>
      </c>
      <c r="H35539" t="s">
        <v>20256</v>
      </c>
      <c r="I35539" s="2">
        <v>1</v>
      </c>
      <c r="J35539" s="2">
        <v>0</v>
      </c>
      <c r="K35539" s="2">
        <v>0</v>
      </c>
      <c r="L35539" t="s">
        <v>120</v>
      </c>
      <c r="M35539" t="s">
        <v>87</v>
      </c>
      <c r="N35539" t="s">
        <v>88</v>
      </c>
      <c r="O35539" t="s">
        <v>85</v>
      </c>
      <c r="P35539" t="s">
        <v>86</v>
      </c>
      <c r="Q35539">
        <v>22</v>
      </c>
      <c r="R35539">
        <v>22</v>
      </c>
      <c r="S35539">
        <v>22</v>
      </c>
      <c r="T35539">
        <v>22</v>
      </c>
      <c r="U35539">
        <v>23</v>
      </c>
      <c r="V35539">
        <v>23</v>
      </c>
      <c r="W35539">
        <v>23</v>
      </c>
      <c r="X35539">
        <v>24</v>
      </c>
      <c r="Y35539">
        <v>24</v>
      </c>
      <c r="Z35539">
        <v>24</v>
      </c>
      <c r="AA35539">
        <v>24</v>
      </c>
      <c r="AB35539">
        <v>25</v>
      </c>
      <c r="AC35539">
        <v>25</v>
      </c>
      <c r="AD35539">
        <v>25</v>
      </c>
      <c r="AE35539">
        <v>26</v>
      </c>
      <c r="AF35539">
        <v>26</v>
      </c>
      <c r="AG35539">
        <v>26</v>
      </c>
      <c r="AH35539">
        <v>27</v>
      </c>
      <c r="AI35539">
        <v>27</v>
      </c>
      <c r="AJ35539">
        <v>27</v>
      </c>
      <c r="AK35539">
        <v>28</v>
      </c>
      <c r="AL35539">
        <v>28</v>
      </c>
      <c r="AM35539">
        <v>28</v>
      </c>
      <c r="AN35539">
        <v>29</v>
      </c>
      <c r="AO35539">
        <v>29</v>
      </c>
      <c r="AP35539">
        <v>29</v>
      </c>
      <c r="AQ35539">
        <v>30</v>
      </c>
    </row>
    <row r="35540" spans="1:43">
      <c r="A35540" t="s">
        <v>22033</v>
      </c>
      <c r="B35540" t="s">
        <v>22034</v>
      </c>
      <c r="C35540" t="s">
        <v>21999</v>
      </c>
      <c r="D35540" t="s">
        <v>22000</v>
      </c>
      <c r="E35540" t="s">
        <v>21935</v>
      </c>
      <c r="F35540" t="s">
        <v>21936</v>
      </c>
      <c r="G35540" t="s">
        <v>20255</v>
      </c>
      <c r="H35540" t="s">
        <v>20256</v>
      </c>
      <c r="I35540" s="2">
        <v>1</v>
      </c>
      <c r="J35540" s="2">
        <v>0</v>
      </c>
      <c r="K35540" s="2">
        <v>0</v>
      </c>
      <c r="L35540" t="s">
        <v>120</v>
      </c>
      <c r="M35540" t="s">
        <v>89</v>
      </c>
      <c r="N35540" t="s">
        <v>90</v>
      </c>
      <c r="O35540" t="s">
        <v>85</v>
      </c>
      <c r="P35540" t="s">
        <v>86</v>
      </c>
      <c r="Q35540">
        <v>22</v>
      </c>
      <c r="R35540">
        <v>23</v>
      </c>
      <c r="S35540">
        <v>23</v>
      </c>
      <c r="T35540">
        <v>24</v>
      </c>
      <c r="U35540">
        <v>25</v>
      </c>
      <c r="V35540">
        <v>25</v>
      </c>
      <c r="W35540">
        <v>26</v>
      </c>
      <c r="X35540">
        <v>26</v>
      </c>
      <c r="Y35540">
        <v>27</v>
      </c>
      <c r="Z35540">
        <v>28</v>
      </c>
      <c r="AA35540">
        <v>28</v>
      </c>
      <c r="AB35540">
        <v>29</v>
      </c>
      <c r="AC35540">
        <v>30</v>
      </c>
      <c r="AD35540">
        <v>30</v>
      </c>
      <c r="AE35540">
        <v>31</v>
      </c>
      <c r="AF35540">
        <v>31</v>
      </c>
      <c r="AG35540">
        <v>31</v>
      </c>
      <c r="AH35540">
        <v>32</v>
      </c>
      <c r="AI35540">
        <v>32</v>
      </c>
      <c r="AJ35540">
        <v>32</v>
      </c>
      <c r="AK35540">
        <v>33</v>
      </c>
      <c r="AL35540">
        <v>33</v>
      </c>
      <c r="AM35540">
        <v>33</v>
      </c>
      <c r="AN35540">
        <v>34</v>
      </c>
      <c r="AO35540">
        <v>34</v>
      </c>
      <c r="AP35540">
        <v>34</v>
      </c>
      <c r="AQ35540">
        <v>35</v>
      </c>
    </row>
    <row r="35541" spans="1:43">
      <c r="A35541" t="s">
        <v>22033</v>
      </c>
      <c r="B35541" t="s">
        <v>22034</v>
      </c>
      <c r="C35541" t="s">
        <v>21999</v>
      </c>
      <c r="D35541" t="s">
        <v>22000</v>
      </c>
      <c r="E35541" t="s">
        <v>21935</v>
      </c>
      <c r="F35541" t="s">
        <v>21936</v>
      </c>
      <c r="G35541" t="s">
        <v>20255</v>
      </c>
      <c r="H35541" t="s">
        <v>20256</v>
      </c>
      <c r="I35541" s="2">
        <v>1</v>
      </c>
      <c r="J35541" s="2">
        <v>0</v>
      </c>
      <c r="K35541" s="2">
        <v>0</v>
      </c>
      <c r="L35541" t="s">
        <v>120</v>
      </c>
      <c r="M35541" t="s">
        <v>83</v>
      </c>
      <c r="N35541" t="s">
        <v>91</v>
      </c>
      <c r="O35541" t="s">
        <v>85</v>
      </c>
      <c r="P35541" t="s">
        <v>86</v>
      </c>
      <c r="Q35541">
        <v>22</v>
      </c>
      <c r="R35541">
        <v>22</v>
      </c>
      <c r="S35541">
        <v>23</v>
      </c>
      <c r="T35541">
        <v>23</v>
      </c>
      <c r="U35541">
        <v>24</v>
      </c>
      <c r="V35541">
        <v>24</v>
      </c>
      <c r="W35541">
        <v>25</v>
      </c>
      <c r="X35541">
        <v>25</v>
      </c>
      <c r="Y35541">
        <v>26</v>
      </c>
      <c r="Z35541">
        <v>26</v>
      </c>
      <c r="AA35541">
        <v>27</v>
      </c>
      <c r="AB35541">
        <v>27</v>
      </c>
      <c r="AC35541">
        <v>28</v>
      </c>
      <c r="AD35541">
        <v>28</v>
      </c>
      <c r="AE35541">
        <v>29</v>
      </c>
      <c r="AF35541">
        <v>29</v>
      </c>
      <c r="AG35541">
        <v>30</v>
      </c>
      <c r="AH35541">
        <v>30</v>
      </c>
      <c r="AI35541">
        <v>31</v>
      </c>
      <c r="AJ35541">
        <v>31</v>
      </c>
      <c r="AK35541">
        <v>32</v>
      </c>
      <c r="AL35541">
        <v>32</v>
      </c>
      <c r="AM35541">
        <v>33</v>
      </c>
      <c r="AN35541">
        <v>33</v>
      </c>
      <c r="AO35541">
        <v>34</v>
      </c>
      <c r="AP35541">
        <v>34</v>
      </c>
      <c r="AQ35541">
        <v>34</v>
      </c>
    </row>
    <row r="35542" spans="1:43">
      <c r="A35542" t="s">
        <v>22035</v>
      </c>
      <c r="B35542" t="s">
        <v>22036</v>
      </c>
      <c r="C35542" t="s">
        <v>22029</v>
      </c>
      <c r="D35542" t="s">
        <v>22030</v>
      </c>
      <c r="E35542" t="s">
        <v>21935</v>
      </c>
      <c r="F35542" t="s">
        <v>21936</v>
      </c>
      <c r="G35542" t="s">
        <v>20255</v>
      </c>
      <c r="H35542" t="s">
        <v>20256</v>
      </c>
      <c r="I35542" s="2">
        <v>1</v>
      </c>
      <c r="J35542" s="2">
        <v>0</v>
      </c>
      <c r="K35542" s="2">
        <v>0</v>
      </c>
      <c r="L35542" t="s">
        <v>120</v>
      </c>
      <c r="M35542" t="s">
        <v>83</v>
      </c>
      <c r="N35542" t="s">
        <v>84</v>
      </c>
      <c r="O35542" t="s">
        <v>85</v>
      </c>
      <c r="P35542" t="s">
        <v>86</v>
      </c>
      <c r="Q35542">
        <v>19</v>
      </c>
      <c r="R35542">
        <v>19</v>
      </c>
      <c r="S35542">
        <v>20</v>
      </c>
      <c r="T35542">
        <v>20</v>
      </c>
      <c r="U35542">
        <v>21</v>
      </c>
      <c r="V35542">
        <v>21</v>
      </c>
      <c r="W35542">
        <v>22</v>
      </c>
      <c r="X35542">
        <v>22</v>
      </c>
      <c r="Y35542">
        <v>23</v>
      </c>
      <c r="Z35542">
        <v>23</v>
      </c>
      <c r="AA35542">
        <v>23</v>
      </c>
      <c r="AB35542">
        <v>24</v>
      </c>
      <c r="AC35542">
        <v>24</v>
      </c>
      <c r="AD35542">
        <v>25</v>
      </c>
      <c r="AE35542">
        <v>25</v>
      </c>
      <c r="AF35542">
        <v>26</v>
      </c>
      <c r="AG35542">
        <v>26</v>
      </c>
      <c r="AH35542">
        <v>27</v>
      </c>
      <c r="AI35542">
        <v>27</v>
      </c>
      <c r="AJ35542">
        <v>28</v>
      </c>
      <c r="AK35542">
        <v>28</v>
      </c>
      <c r="AL35542">
        <v>28</v>
      </c>
      <c r="AM35542">
        <v>29</v>
      </c>
      <c r="AN35542">
        <v>29</v>
      </c>
      <c r="AO35542">
        <v>29</v>
      </c>
      <c r="AP35542">
        <v>30</v>
      </c>
      <c r="AQ35542">
        <v>30</v>
      </c>
    </row>
    <row r="35543" spans="1:43">
      <c r="A35543" t="s">
        <v>22035</v>
      </c>
      <c r="B35543" t="s">
        <v>22036</v>
      </c>
      <c r="C35543" t="s">
        <v>22029</v>
      </c>
      <c r="D35543" t="s">
        <v>22030</v>
      </c>
      <c r="E35543" t="s">
        <v>21935</v>
      </c>
      <c r="F35543" t="s">
        <v>21936</v>
      </c>
      <c r="G35543" t="s">
        <v>20255</v>
      </c>
      <c r="H35543" t="s">
        <v>20256</v>
      </c>
      <c r="I35543" s="2">
        <v>1</v>
      </c>
      <c r="J35543" s="2">
        <v>0</v>
      </c>
      <c r="K35543" s="2">
        <v>0</v>
      </c>
      <c r="L35543" t="s">
        <v>120</v>
      </c>
      <c r="M35543" t="s">
        <v>87</v>
      </c>
      <c r="N35543" t="s">
        <v>88</v>
      </c>
      <c r="O35543" t="s">
        <v>85</v>
      </c>
      <c r="P35543" t="s">
        <v>86</v>
      </c>
      <c r="Q35543">
        <v>19</v>
      </c>
      <c r="R35543">
        <v>19</v>
      </c>
      <c r="S35543">
        <v>19</v>
      </c>
      <c r="T35543">
        <v>20</v>
      </c>
      <c r="U35543">
        <v>20</v>
      </c>
      <c r="V35543">
        <v>20</v>
      </c>
      <c r="W35543">
        <v>20</v>
      </c>
      <c r="X35543">
        <v>21</v>
      </c>
      <c r="Y35543">
        <v>21</v>
      </c>
      <c r="Z35543">
        <v>21</v>
      </c>
      <c r="AA35543">
        <v>21</v>
      </c>
      <c r="AB35543">
        <v>22</v>
      </c>
      <c r="AC35543">
        <v>22</v>
      </c>
      <c r="AD35543">
        <v>22</v>
      </c>
      <c r="AE35543">
        <v>22</v>
      </c>
      <c r="AF35543">
        <v>23</v>
      </c>
      <c r="AG35543">
        <v>23</v>
      </c>
      <c r="AH35543">
        <v>23</v>
      </c>
      <c r="AI35543">
        <v>24</v>
      </c>
      <c r="AJ35543">
        <v>24</v>
      </c>
      <c r="AK35543">
        <v>24</v>
      </c>
      <c r="AL35543">
        <v>25</v>
      </c>
      <c r="AM35543">
        <v>25</v>
      </c>
      <c r="AN35543">
        <v>25</v>
      </c>
      <c r="AO35543">
        <v>26</v>
      </c>
      <c r="AP35543">
        <v>26</v>
      </c>
      <c r="AQ35543">
        <v>26</v>
      </c>
    </row>
    <row r="35544" spans="1:43">
      <c r="A35544" t="s">
        <v>22035</v>
      </c>
      <c r="B35544" t="s">
        <v>22036</v>
      </c>
      <c r="C35544" t="s">
        <v>22029</v>
      </c>
      <c r="D35544" t="s">
        <v>22030</v>
      </c>
      <c r="E35544" t="s">
        <v>21935</v>
      </c>
      <c r="F35544" t="s">
        <v>21936</v>
      </c>
      <c r="G35544" t="s">
        <v>20255</v>
      </c>
      <c r="H35544" t="s">
        <v>20256</v>
      </c>
      <c r="I35544" s="2">
        <v>1</v>
      </c>
      <c r="J35544" s="2">
        <v>0</v>
      </c>
      <c r="K35544" s="2">
        <v>0</v>
      </c>
      <c r="L35544" t="s">
        <v>120</v>
      </c>
      <c r="M35544" t="s">
        <v>89</v>
      </c>
      <c r="N35544" t="s">
        <v>90</v>
      </c>
      <c r="O35544" t="s">
        <v>85</v>
      </c>
      <c r="P35544" t="s">
        <v>86</v>
      </c>
      <c r="Q35544">
        <v>19</v>
      </c>
      <c r="R35544">
        <v>20</v>
      </c>
      <c r="S35544">
        <v>20</v>
      </c>
      <c r="T35544">
        <v>21</v>
      </c>
      <c r="U35544">
        <v>22</v>
      </c>
      <c r="V35544">
        <v>22</v>
      </c>
      <c r="W35544">
        <v>23</v>
      </c>
      <c r="X35544">
        <v>23</v>
      </c>
      <c r="Y35544">
        <v>24</v>
      </c>
      <c r="Z35544">
        <v>24</v>
      </c>
      <c r="AA35544">
        <v>25</v>
      </c>
      <c r="AB35544">
        <v>25</v>
      </c>
      <c r="AC35544">
        <v>26</v>
      </c>
      <c r="AD35544">
        <v>26</v>
      </c>
      <c r="AE35544">
        <v>27</v>
      </c>
      <c r="AF35544">
        <v>27</v>
      </c>
      <c r="AG35544">
        <v>27</v>
      </c>
      <c r="AH35544">
        <v>28</v>
      </c>
      <c r="AI35544">
        <v>28</v>
      </c>
      <c r="AJ35544">
        <v>28</v>
      </c>
      <c r="AK35544">
        <v>29</v>
      </c>
      <c r="AL35544">
        <v>29</v>
      </c>
      <c r="AM35544">
        <v>29</v>
      </c>
      <c r="AN35544">
        <v>30</v>
      </c>
      <c r="AO35544">
        <v>30</v>
      </c>
      <c r="AP35544">
        <v>30</v>
      </c>
      <c r="AQ35544">
        <v>30</v>
      </c>
    </row>
    <row r="35545" spans="1:43">
      <c r="A35545" t="s">
        <v>22035</v>
      </c>
      <c r="B35545" t="s">
        <v>22036</v>
      </c>
      <c r="C35545" t="s">
        <v>22029</v>
      </c>
      <c r="D35545" t="s">
        <v>22030</v>
      </c>
      <c r="E35545" t="s">
        <v>21935</v>
      </c>
      <c r="F35545" t="s">
        <v>21936</v>
      </c>
      <c r="G35545" t="s">
        <v>20255</v>
      </c>
      <c r="H35545" t="s">
        <v>20256</v>
      </c>
      <c r="I35545" s="2">
        <v>1</v>
      </c>
      <c r="J35545" s="2">
        <v>0</v>
      </c>
      <c r="K35545" s="2">
        <v>0</v>
      </c>
      <c r="L35545" t="s">
        <v>120</v>
      </c>
      <c r="M35545" t="s">
        <v>83</v>
      </c>
      <c r="N35545" t="s">
        <v>91</v>
      </c>
      <c r="O35545" t="s">
        <v>85</v>
      </c>
      <c r="P35545" t="s">
        <v>86</v>
      </c>
      <c r="Q35545">
        <v>19</v>
      </c>
      <c r="R35545">
        <v>19</v>
      </c>
      <c r="S35545">
        <v>20</v>
      </c>
      <c r="T35545">
        <v>20</v>
      </c>
      <c r="U35545">
        <v>21</v>
      </c>
      <c r="V35545">
        <v>21</v>
      </c>
      <c r="W35545">
        <v>22</v>
      </c>
      <c r="X35545">
        <v>22</v>
      </c>
      <c r="Y35545">
        <v>23</v>
      </c>
      <c r="Z35545">
        <v>23</v>
      </c>
      <c r="AA35545">
        <v>23</v>
      </c>
      <c r="AB35545">
        <v>24</v>
      </c>
      <c r="AC35545">
        <v>24</v>
      </c>
      <c r="AD35545">
        <v>25</v>
      </c>
      <c r="AE35545">
        <v>25</v>
      </c>
      <c r="AF35545">
        <v>26</v>
      </c>
      <c r="AG35545">
        <v>26</v>
      </c>
      <c r="AH35545">
        <v>27</v>
      </c>
      <c r="AI35545">
        <v>27</v>
      </c>
      <c r="AJ35545">
        <v>28</v>
      </c>
      <c r="AK35545">
        <v>28</v>
      </c>
      <c r="AL35545">
        <v>28</v>
      </c>
      <c r="AM35545">
        <v>29</v>
      </c>
      <c r="AN35545">
        <v>29</v>
      </c>
      <c r="AO35545">
        <v>29</v>
      </c>
      <c r="AP35545">
        <v>30</v>
      </c>
      <c r="AQ35545">
        <v>30</v>
      </c>
    </row>
    <row r="35546" spans="1:43">
      <c r="A35546" t="s">
        <v>22037</v>
      </c>
      <c r="B35546" t="s">
        <v>22038</v>
      </c>
      <c r="C35546" t="s">
        <v>21999</v>
      </c>
      <c r="D35546" t="s">
        <v>22000</v>
      </c>
      <c r="E35546" t="s">
        <v>21935</v>
      </c>
      <c r="F35546" t="s">
        <v>21936</v>
      </c>
      <c r="G35546" t="s">
        <v>20255</v>
      </c>
      <c r="H35546" t="s">
        <v>20256</v>
      </c>
      <c r="I35546" s="2">
        <v>1</v>
      </c>
      <c r="J35546" s="2">
        <v>0</v>
      </c>
      <c r="K35546" s="2">
        <v>0</v>
      </c>
      <c r="L35546" t="s">
        <v>120</v>
      </c>
      <c r="M35546" t="s">
        <v>83</v>
      </c>
      <c r="N35546" t="s">
        <v>84</v>
      </c>
      <c r="O35546" t="s">
        <v>85</v>
      </c>
      <c r="P35546" t="s">
        <v>86</v>
      </c>
      <c r="Q35546">
        <v>16</v>
      </c>
      <c r="R35546">
        <v>17</v>
      </c>
      <c r="S35546">
        <v>17</v>
      </c>
      <c r="T35546">
        <v>17</v>
      </c>
      <c r="U35546">
        <v>18</v>
      </c>
      <c r="V35546">
        <v>18</v>
      </c>
      <c r="W35546">
        <v>19</v>
      </c>
      <c r="X35546">
        <v>19</v>
      </c>
      <c r="Y35546">
        <v>19</v>
      </c>
      <c r="Z35546">
        <v>20</v>
      </c>
      <c r="AA35546">
        <v>20</v>
      </c>
      <c r="AB35546">
        <v>20</v>
      </c>
      <c r="AC35546">
        <v>21</v>
      </c>
      <c r="AD35546">
        <v>21</v>
      </c>
      <c r="AE35546">
        <v>22</v>
      </c>
      <c r="AF35546">
        <v>22</v>
      </c>
      <c r="AG35546">
        <v>22</v>
      </c>
      <c r="AH35546">
        <v>23</v>
      </c>
      <c r="AI35546">
        <v>23</v>
      </c>
      <c r="AJ35546">
        <v>24</v>
      </c>
      <c r="AK35546">
        <v>24</v>
      </c>
      <c r="AL35546">
        <v>24</v>
      </c>
      <c r="AM35546">
        <v>25</v>
      </c>
      <c r="AN35546">
        <v>25</v>
      </c>
      <c r="AO35546">
        <v>25</v>
      </c>
      <c r="AP35546">
        <v>25</v>
      </c>
      <c r="AQ35546">
        <v>25</v>
      </c>
    </row>
    <row r="35547" spans="1:43">
      <c r="A35547" t="s">
        <v>22037</v>
      </c>
      <c r="B35547" t="s">
        <v>22038</v>
      </c>
      <c r="C35547" t="s">
        <v>21999</v>
      </c>
      <c r="D35547" t="s">
        <v>22000</v>
      </c>
      <c r="E35547" t="s">
        <v>21935</v>
      </c>
      <c r="F35547" t="s">
        <v>21936</v>
      </c>
      <c r="G35547" t="s">
        <v>20255</v>
      </c>
      <c r="H35547" t="s">
        <v>20256</v>
      </c>
      <c r="I35547" s="2">
        <v>1</v>
      </c>
      <c r="J35547" s="2">
        <v>0</v>
      </c>
      <c r="K35547" s="2">
        <v>0</v>
      </c>
      <c r="L35547" t="s">
        <v>120</v>
      </c>
      <c r="M35547" t="s">
        <v>87</v>
      </c>
      <c r="N35547" t="s">
        <v>88</v>
      </c>
      <c r="O35547" t="s">
        <v>85</v>
      </c>
      <c r="P35547" t="s">
        <v>86</v>
      </c>
      <c r="Q35547">
        <v>16</v>
      </c>
      <c r="R35547">
        <v>16</v>
      </c>
      <c r="S35547">
        <v>17</v>
      </c>
      <c r="T35547">
        <v>17</v>
      </c>
      <c r="U35547">
        <v>17</v>
      </c>
      <c r="V35547">
        <v>17</v>
      </c>
      <c r="W35547">
        <v>17</v>
      </c>
      <c r="X35547">
        <v>18</v>
      </c>
      <c r="Y35547">
        <v>18</v>
      </c>
      <c r="Z35547">
        <v>18</v>
      </c>
      <c r="AA35547">
        <v>18</v>
      </c>
      <c r="AB35547">
        <v>18</v>
      </c>
      <c r="AC35547">
        <v>19</v>
      </c>
      <c r="AD35547">
        <v>19</v>
      </c>
      <c r="AE35547">
        <v>19</v>
      </c>
      <c r="AF35547">
        <v>19</v>
      </c>
      <c r="AG35547">
        <v>20</v>
      </c>
      <c r="AH35547">
        <v>20</v>
      </c>
      <c r="AI35547">
        <v>20</v>
      </c>
      <c r="AJ35547">
        <v>20</v>
      </c>
      <c r="AK35547">
        <v>21</v>
      </c>
      <c r="AL35547">
        <v>21</v>
      </c>
      <c r="AM35547">
        <v>21</v>
      </c>
      <c r="AN35547">
        <v>21</v>
      </c>
      <c r="AO35547">
        <v>22</v>
      </c>
      <c r="AP35547">
        <v>22</v>
      </c>
      <c r="AQ35547">
        <v>22</v>
      </c>
    </row>
    <row r="35548" spans="1:43">
      <c r="A35548" t="s">
        <v>22037</v>
      </c>
      <c r="B35548" t="s">
        <v>22038</v>
      </c>
      <c r="C35548" t="s">
        <v>21999</v>
      </c>
      <c r="D35548" t="s">
        <v>22000</v>
      </c>
      <c r="E35548" t="s">
        <v>21935</v>
      </c>
      <c r="F35548" t="s">
        <v>21936</v>
      </c>
      <c r="G35548" t="s">
        <v>20255</v>
      </c>
      <c r="H35548" t="s">
        <v>20256</v>
      </c>
      <c r="I35548" s="2">
        <v>1</v>
      </c>
      <c r="J35548" s="2">
        <v>0</v>
      </c>
      <c r="K35548" s="2">
        <v>0</v>
      </c>
      <c r="L35548" t="s">
        <v>120</v>
      </c>
      <c r="M35548" t="s">
        <v>89</v>
      </c>
      <c r="N35548" t="s">
        <v>90</v>
      </c>
      <c r="O35548" t="s">
        <v>85</v>
      </c>
      <c r="P35548" t="s">
        <v>86</v>
      </c>
      <c r="Q35548">
        <v>16</v>
      </c>
      <c r="R35548">
        <v>16</v>
      </c>
      <c r="S35548">
        <v>17</v>
      </c>
      <c r="T35548">
        <v>17</v>
      </c>
      <c r="U35548">
        <v>18</v>
      </c>
      <c r="V35548">
        <v>18</v>
      </c>
      <c r="W35548">
        <v>18</v>
      </c>
      <c r="X35548">
        <v>19</v>
      </c>
      <c r="Y35548">
        <v>19</v>
      </c>
      <c r="Z35548">
        <v>20</v>
      </c>
      <c r="AA35548">
        <v>20</v>
      </c>
      <c r="AB35548">
        <v>21</v>
      </c>
      <c r="AC35548">
        <v>21</v>
      </c>
      <c r="AD35548">
        <v>22</v>
      </c>
      <c r="AE35548">
        <v>22</v>
      </c>
      <c r="AF35548">
        <v>22</v>
      </c>
      <c r="AG35548">
        <v>22</v>
      </c>
      <c r="AH35548">
        <v>23</v>
      </c>
      <c r="AI35548">
        <v>23</v>
      </c>
      <c r="AJ35548">
        <v>23</v>
      </c>
      <c r="AK35548">
        <v>23</v>
      </c>
      <c r="AL35548">
        <v>24</v>
      </c>
      <c r="AM35548">
        <v>24</v>
      </c>
      <c r="AN35548">
        <v>24</v>
      </c>
      <c r="AO35548">
        <v>24</v>
      </c>
      <c r="AP35548">
        <v>24</v>
      </c>
      <c r="AQ35548">
        <v>25</v>
      </c>
    </row>
    <row r="35549" spans="1:43">
      <c r="A35549" t="s">
        <v>22037</v>
      </c>
      <c r="B35549" t="s">
        <v>22038</v>
      </c>
      <c r="C35549" t="s">
        <v>21999</v>
      </c>
      <c r="D35549" t="s">
        <v>22000</v>
      </c>
      <c r="E35549" t="s">
        <v>21935</v>
      </c>
      <c r="F35549" t="s">
        <v>21936</v>
      </c>
      <c r="G35549" t="s">
        <v>20255</v>
      </c>
      <c r="H35549" t="s">
        <v>20256</v>
      </c>
      <c r="I35549" s="2">
        <v>1</v>
      </c>
      <c r="J35549" s="2">
        <v>0</v>
      </c>
      <c r="K35549" s="2">
        <v>0</v>
      </c>
      <c r="L35549" t="s">
        <v>120</v>
      </c>
      <c r="M35549" t="s">
        <v>83</v>
      </c>
      <c r="N35549" t="s">
        <v>91</v>
      </c>
      <c r="O35549" t="s">
        <v>85</v>
      </c>
      <c r="P35549" t="s">
        <v>86</v>
      </c>
      <c r="Q35549">
        <v>16</v>
      </c>
      <c r="R35549">
        <v>17</v>
      </c>
      <c r="S35549">
        <v>17</v>
      </c>
      <c r="T35549">
        <v>17</v>
      </c>
      <c r="U35549">
        <v>18</v>
      </c>
      <c r="V35549">
        <v>18</v>
      </c>
      <c r="W35549">
        <v>19</v>
      </c>
      <c r="X35549">
        <v>19</v>
      </c>
      <c r="Y35549">
        <v>19</v>
      </c>
      <c r="Z35549">
        <v>20</v>
      </c>
      <c r="AA35549">
        <v>20</v>
      </c>
      <c r="AB35549">
        <v>20</v>
      </c>
      <c r="AC35549">
        <v>21</v>
      </c>
      <c r="AD35549">
        <v>21</v>
      </c>
      <c r="AE35549">
        <v>22</v>
      </c>
      <c r="AF35549">
        <v>22</v>
      </c>
      <c r="AG35549">
        <v>22</v>
      </c>
      <c r="AH35549">
        <v>23</v>
      </c>
      <c r="AI35549">
        <v>23</v>
      </c>
      <c r="AJ35549">
        <v>24</v>
      </c>
      <c r="AK35549">
        <v>24</v>
      </c>
      <c r="AL35549">
        <v>24</v>
      </c>
      <c r="AM35549">
        <v>25</v>
      </c>
      <c r="AN35549">
        <v>25</v>
      </c>
      <c r="AO35549">
        <v>25</v>
      </c>
      <c r="AP35549">
        <v>25</v>
      </c>
      <c r="AQ35549">
        <v>25</v>
      </c>
    </row>
    <row r="35550" spans="1:43">
      <c r="A35550" t="s">
        <v>22039</v>
      </c>
      <c r="B35550" t="s">
        <v>22040</v>
      </c>
      <c r="C35550" t="s">
        <v>22029</v>
      </c>
      <c r="D35550" t="s">
        <v>22030</v>
      </c>
      <c r="E35550" t="s">
        <v>21935</v>
      </c>
      <c r="F35550" t="s">
        <v>21936</v>
      </c>
      <c r="G35550" t="s">
        <v>20255</v>
      </c>
      <c r="H35550" t="s">
        <v>20256</v>
      </c>
      <c r="I35550" s="2">
        <v>1</v>
      </c>
      <c r="J35550" s="2">
        <v>0</v>
      </c>
      <c r="K35550" s="2">
        <v>0</v>
      </c>
      <c r="L35550" t="s">
        <v>120</v>
      </c>
      <c r="M35550" t="s">
        <v>83</v>
      </c>
      <c r="N35550" t="s">
        <v>84</v>
      </c>
      <c r="O35550" t="s">
        <v>85</v>
      </c>
      <c r="P35550" t="s">
        <v>86</v>
      </c>
      <c r="Q35550">
        <v>3</v>
      </c>
      <c r="R35550">
        <v>3</v>
      </c>
      <c r="S35550">
        <v>3</v>
      </c>
      <c r="T35550">
        <v>3</v>
      </c>
      <c r="U35550">
        <v>3</v>
      </c>
      <c r="V35550">
        <v>3</v>
      </c>
      <c r="W35550">
        <v>3</v>
      </c>
      <c r="X35550">
        <v>4</v>
      </c>
      <c r="Y35550">
        <v>4</v>
      </c>
      <c r="Z35550">
        <v>4</v>
      </c>
      <c r="AA35550">
        <v>4</v>
      </c>
      <c r="AB35550">
        <v>4</v>
      </c>
      <c r="AC35550">
        <v>4</v>
      </c>
      <c r="AD35550">
        <v>4</v>
      </c>
      <c r="AE35550">
        <v>4</v>
      </c>
      <c r="AF35550">
        <v>4</v>
      </c>
      <c r="AG35550">
        <v>4</v>
      </c>
      <c r="AH35550">
        <v>4</v>
      </c>
      <c r="AI35550">
        <v>4</v>
      </c>
      <c r="AJ35550">
        <v>4</v>
      </c>
      <c r="AK35550">
        <v>5</v>
      </c>
      <c r="AL35550">
        <v>5</v>
      </c>
      <c r="AM35550">
        <v>5</v>
      </c>
      <c r="AN35550">
        <v>5</v>
      </c>
      <c r="AO35550">
        <v>5</v>
      </c>
      <c r="AP35550">
        <v>5</v>
      </c>
      <c r="AQ35550">
        <v>5</v>
      </c>
    </row>
    <row r="35551" spans="1:43">
      <c r="A35551" t="s">
        <v>22039</v>
      </c>
      <c r="B35551" t="s">
        <v>22040</v>
      </c>
      <c r="C35551" t="s">
        <v>22029</v>
      </c>
      <c r="D35551" t="s">
        <v>22030</v>
      </c>
      <c r="E35551" t="s">
        <v>21935</v>
      </c>
      <c r="F35551" t="s">
        <v>21936</v>
      </c>
      <c r="G35551" t="s">
        <v>20255</v>
      </c>
      <c r="H35551" t="s">
        <v>20256</v>
      </c>
      <c r="I35551" s="2">
        <v>1</v>
      </c>
      <c r="J35551" s="2">
        <v>0</v>
      </c>
      <c r="K35551" s="2">
        <v>0</v>
      </c>
      <c r="L35551" t="s">
        <v>120</v>
      </c>
      <c r="M35551" t="s">
        <v>87</v>
      </c>
      <c r="N35551" t="s">
        <v>88</v>
      </c>
      <c r="O35551" t="s">
        <v>85</v>
      </c>
      <c r="P35551" t="s">
        <v>86</v>
      </c>
      <c r="Q35551">
        <v>3</v>
      </c>
      <c r="R35551">
        <v>3</v>
      </c>
      <c r="S35551">
        <v>3</v>
      </c>
      <c r="T35551">
        <v>3</v>
      </c>
      <c r="U35551">
        <v>3</v>
      </c>
      <c r="V35551">
        <v>3</v>
      </c>
      <c r="W35551">
        <v>3</v>
      </c>
      <c r="X35551">
        <v>3</v>
      </c>
      <c r="Y35551">
        <v>3</v>
      </c>
      <c r="Z35551">
        <v>3</v>
      </c>
      <c r="AA35551">
        <v>3</v>
      </c>
      <c r="AB35551">
        <v>3</v>
      </c>
      <c r="AC35551">
        <v>4</v>
      </c>
      <c r="AD35551">
        <v>4</v>
      </c>
      <c r="AE35551">
        <v>4</v>
      </c>
      <c r="AF35551">
        <v>4</v>
      </c>
      <c r="AG35551">
        <v>4</v>
      </c>
      <c r="AH35551">
        <v>4</v>
      </c>
      <c r="AI35551">
        <v>4</v>
      </c>
      <c r="AJ35551">
        <v>4</v>
      </c>
      <c r="AK35551">
        <v>4</v>
      </c>
      <c r="AL35551">
        <v>4</v>
      </c>
      <c r="AM35551">
        <v>4</v>
      </c>
      <c r="AN35551">
        <v>4</v>
      </c>
      <c r="AO35551">
        <v>4</v>
      </c>
      <c r="AP35551">
        <v>4</v>
      </c>
      <c r="AQ35551">
        <v>4</v>
      </c>
    </row>
    <row r="35552" spans="1:43">
      <c r="A35552" t="s">
        <v>22039</v>
      </c>
      <c r="B35552" t="s">
        <v>22040</v>
      </c>
      <c r="C35552" t="s">
        <v>22029</v>
      </c>
      <c r="D35552" t="s">
        <v>22030</v>
      </c>
      <c r="E35552" t="s">
        <v>21935</v>
      </c>
      <c r="F35552" t="s">
        <v>21936</v>
      </c>
      <c r="G35552" t="s">
        <v>20255</v>
      </c>
      <c r="H35552" t="s">
        <v>20256</v>
      </c>
      <c r="I35552" s="2">
        <v>1</v>
      </c>
      <c r="J35552" s="2">
        <v>0</v>
      </c>
      <c r="K35552" s="2">
        <v>0</v>
      </c>
      <c r="L35552" t="s">
        <v>120</v>
      </c>
      <c r="M35552" t="s">
        <v>89</v>
      </c>
      <c r="N35552" t="s">
        <v>90</v>
      </c>
      <c r="O35552" t="s">
        <v>85</v>
      </c>
      <c r="P35552" t="s">
        <v>86</v>
      </c>
      <c r="Q35552">
        <v>3</v>
      </c>
      <c r="R35552">
        <v>3</v>
      </c>
      <c r="S35552">
        <v>3</v>
      </c>
      <c r="T35552">
        <v>3</v>
      </c>
      <c r="U35552">
        <v>3</v>
      </c>
      <c r="V35552">
        <v>4</v>
      </c>
      <c r="W35552">
        <v>4</v>
      </c>
      <c r="X35552">
        <v>4</v>
      </c>
      <c r="Y35552">
        <v>4</v>
      </c>
      <c r="Z35552">
        <v>4</v>
      </c>
      <c r="AA35552">
        <v>4</v>
      </c>
      <c r="AB35552">
        <v>4</v>
      </c>
      <c r="AC35552">
        <v>4</v>
      </c>
      <c r="AD35552">
        <v>4</v>
      </c>
      <c r="AE35552">
        <v>4</v>
      </c>
      <c r="AF35552">
        <v>4</v>
      </c>
      <c r="AG35552">
        <v>4</v>
      </c>
      <c r="AH35552">
        <v>4</v>
      </c>
      <c r="AI35552">
        <v>4</v>
      </c>
      <c r="AJ35552">
        <v>5</v>
      </c>
      <c r="AK35552">
        <v>5</v>
      </c>
      <c r="AL35552">
        <v>5</v>
      </c>
      <c r="AM35552">
        <v>5</v>
      </c>
      <c r="AN35552">
        <v>5</v>
      </c>
      <c r="AO35552">
        <v>5</v>
      </c>
      <c r="AP35552">
        <v>5</v>
      </c>
      <c r="AQ35552">
        <v>5</v>
      </c>
    </row>
    <row r="35553" spans="1:43">
      <c r="A35553" t="s">
        <v>22039</v>
      </c>
      <c r="B35553" t="s">
        <v>22040</v>
      </c>
      <c r="C35553" t="s">
        <v>22029</v>
      </c>
      <c r="D35553" t="s">
        <v>22030</v>
      </c>
      <c r="E35553" t="s">
        <v>21935</v>
      </c>
      <c r="F35553" t="s">
        <v>21936</v>
      </c>
      <c r="G35553" t="s">
        <v>20255</v>
      </c>
      <c r="H35553" t="s">
        <v>20256</v>
      </c>
      <c r="I35553" s="2">
        <v>1</v>
      </c>
      <c r="J35553" s="2">
        <v>0</v>
      </c>
      <c r="K35553" s="2">
        <v>0</v>
      </c>
      <c r="L35553" t="s">
        <v>120</v>
      </c>
      <c r="M35553" t="s">
        <v>83</v>
      </c>
      <c r="N35553" t="s">
        <v>91</v>
      </c>
      <c r="O35553" t="s">
        <v>85</v>
      </c>
      <c r="P35553" t="s">
        <v>86</v>
      </c>
      <c r="Q35553">
        <v>3</v>
      </c>
      <c r="R35553">
        <v>3</v>
      </c>
      <c r="S35553">
        <v>3</v>
      </c>
      <c r="T35553">
        <v>3</v>
      </c>
      <c r="U35553">
        <v>3</v>
      </c>
      <c r="V35553">
        <v>3</v>
      </c>
      <c r="W35553">
        <v>3</v>
      </c>
      <c r="X35553">
        <v>4</v>
      </c>
      <c r="Y35553">
        <v>4</v>
      </c>
      <c r="Z35553">
        <v>4</v>
      </c>
      <c r="AA35553">
        <v>4</v>
      </c>
      <c r="AB35553">
        <v>4</v>
      </c>
      <c r="AC35553">
        <v>4</v>
      </c>
      <c r="AD35553">
        <v>4</v>
      </c>
      <c r="AE35553">
        <v>4</v>
      </c>
      <c r="AF35553">
        <v>4</v>
      </c>
      <c r="AG35553">
        <v>4</v>
      </c>
      <c r="AH35553">
        <v>4</v>
      </c>
      <c r="AI35553">
        <v>4</v>
      </c>
      <c r="AJ35553">
        <v>4</v>
      </c>
      <c r="AK35553">
        <v>5</v>
      </c>
      <c r="AL35553">
        <v>5</v>
      </c>
      <c r="AM35553">
        <v>5</v>
      </c>
      <c r="AN35553">
        <v>5</v>
      </c>
      <c r="AO35553">
        <v>5</v>
      </c>
      <c r="AP35553">
        <v>5</v>
      </c>
      <c r="AQ35553">
        <v>5</v>
      </c>
    </row>
    <row r="35554" spans="1:43">
      <c r="A35554" t="s">
        <v>22041</v>
      </c>
      <c r="B35554" t="s">
        <v>22042</v>
      </c>
      <c r="C35554" t="s">
        <v>22029</v>
      </c>
      <c r="D35554" t="s">
        <v>22030</v>
      </c>
      <c r="E35554" t="s">
        <v>21935</v>
      </c>
      <c r="F35554" t="s">
        <v>21936</v>
      </c>
      <c r="G35554" t="s">
        <v>20255</v>
      </c>
      <c r="H35554" t="s">
        <v>20256</v>
      </c>
      <c r="I35554" s="2">
        <v>1</v>
      </c>
      <c r="J35554" s="2">
        <v>0</v>
      </c>
      <c r="K35554" s="2">
        <v>0</v>
      </c>
      <c r="L35554" t="s">
        <v>120</v>
      </c>
      <c r="M35554" t="s">
        <v>83</v>
      </c>
      <c r="N35554" t="s">
        <v>84</v>
      </c>
      <c r="O35554" t="s">
        <v>85</v>
      </c>
      <c r="P35554" t="s">
        <v>86</v>
      </c>
      <c r="Q35554">
        <v>20</v>
      </c>
      <c r="R35554">
        <v>20</v>
      </c>
      <c r="S35554">
        <v>20</v>
      </c>
      <c r="T35554">
        <v>21</v>
      </c>
      <c r="U35554">
        <v>21</v>
      </c>
      <c r="V35554">
        <v>22</v>
      </c>
      <c r="W35554">
        <v>22</v>
      </c>
      <c r="X35554">
        <v>22</v>
      </c>
      <c r="Y35554">
        <v>23</v>
      </c>
      <c r="Z35554">
        <v>23</v>
      </c>
      <c r="AA35554">
        <v>24</v>
      </c>
      <c r="AB35554">
        <v>24</v>
      </c>
      <c r="AC35554">
        <v>25</v>
      </c>
      <c r="AD35554">
        <v>25</v>
      </c>
      <c r="AE35554">
        <v>26</v>
      </c>
      <c r="AF35554">
        <v>26</v>
      </c>
      <c r="AG35554">
        <v>27</v>
      </c>
      <c r="AH35554">
        <v>27</v>
      </c>
      <c r="AI35554">
        <v>27</v>
      </c>
      <c r="AJ35554">
        <v>28</v>
      </c>
      <c r="AK35554">
        <v>28</v>
      </c>
      <c r="AL35554">
        <v>29</v>
      </c>
      <c r="AM35554">
        <v>29</v>
      </c>
      <c r="AN35554">
        <v>29</v>
      </c>
      <c r="AO35554">
        <v>30</v>
      </c>
      <c r="AP35554">
        <v>30</v>
      </c>
      <c r="AQ35554">
        <v>30</v>
      </c>
    </row>
    <row r="35555" spans="1:43">
      <c r="A35555" t="s">
        <v>22041</v>
      </c>
      <c r="B35555" t="s">
        <v>22042</v>
      </c>
      <c r="C35555" t="s">
        <v>22029</v>
      </c>
      <c r="D35555" t="s">
        <v>22030</v>
      </c>
      <c r="E35555" t="s">
        <v>21935</v>
      </c>
      <c r="F35555" t="s">
        <v>21936</v>
      </c>
      <c r="G35555" t="s">
        <v>20255</v>
      </c>
      <c r="H35555" t="s">
        <v>20256</v>
      </c>
      <c r="I35555" s="2">
        <v>1</v>
      </c>
      <c r="J35555" s="2">
        <v>0</v>
      </c>
      <c r="K35555" s="2">
        <v>0</v>
      </c>
      <c r="L35555" t="s">
        <v>120</v>
      </c>
      <c r="M35555" t="s">
        <v>87</v>
      </c>
      <c r="N35555" t="s">
        <v>88</v>
      </c>
      <c r="O35555" t="s">
        <v>85</v>
      </c>
      <c r="P35555" t="s">
        <v>86</v>
      </c>
      <c r="Q35555">
        <v>20</v>
      </c>
      <c r="R35555">
        <v>21</v>
      </c>
      <c r="S35555">
        <v>21</v>
      </c>
      <c r="T35555">
        <v>21</v>
      </c>
      <c r="U35555">
        <v>21</v>
      </c>
      <c r="V35555">
        <v>21</v>
      </c>
      <c r="W35555">
        <v>22</v>
      </c>
      <c r="X35555">
        <v>22</v>
      </c>
      <c r="Y35555">
        <v>22</v>
      </c>
      <c r="Z35555">
        <v>22</v>
      </c>
      <c r="AA35555">
        <v>23</v>
      </c>
      <c r="AB35555">
        <v>23</v>
      </c>
      <c r="AC35555">
        <v>23</v>
      </c>
      <c r="AD35555">
        <v>23</v>
      </c>
      <c r="AE35555">
        <v>24</v>
      </c>
      <c r="AF35555">
        <v>24</v>
      </c>
      <c r="AG35555">
        <v>24</v>
      </c>
      <c r="AH35555">
        <v>25</v>
      </c>
      <c r="AI35555">
        <v>25</v>
      </c>
      <c r="AJ35555">
        <v>25</v>
      </c>
      <c r="AK35555">
        <v>25</v>
      </c>
      <c r="AL35555">
        <v>26</v>
      </c>
      <c r="AM35555">
        <v>26</v>
      </c>
      <c r="AN35555">
        <v>26</v>
      </c>
      <c r="AO35555">
        <v>27</v>
      </c>
      <c r="AP35555">
        <v>27</v>
      </c>
      <c r="AQ35555">
        <v>27</v>
      </c>
    </row>
    <row r="35556" spans="1:43">
      <c r="A35556" t="s">
        <v>22041</v>
      </c>
      <c r="B35556" t="s">
        <v>22042</v>
      </c>
      <c r="C35556" t="s">
        <v>22029</v>
      </c>
      <c r="D35556" t="s">
        <v>22030</v>
      </c>
      <c r="E35556" t="s">
        <v>21935</v>
      </c>
      <c r="F35556" t="s">
        <v>21936</v>
      </c>
      <c r="G35556" t="s">
        <v>20255</v>
      </c>
      <c r="H35556" t="s">
        <v>20256</v>
      </c>
      <c r="I35556" s="2">
        <v>1</v>
      </c>
      <c r="J35556" s="2">
        <v>0</v>
      </c>
      <c r="K35556" s="2">
        <v>0</v>
      </c>
      <c r="L35556" t="s">
        <v>120</v>
      </c>
      <c r="M35556" t="s">
        <v>89</v>
      </c>
      <c r="N35556" t="s">
        <v>90</v>
      </c>
      <c r="O35556" t="s">
        <v>85</v>
      </c>
      <c r="P35556" t="s">
        <v>86</v>
      </c>
      <c r="Q35556">
        <v>20</v>
      </c>
      <c r="R35556">
        <v>20</v>
      </c>
      <c r="S35556">
        <v>21</v>
      </c>
      <c r="T35556">
        <v>21</v>
      </c>
      <c r="U35556">
        <v>22</v>
      </c>
      <c r="V35556">
        <v>23</v>
      </c>
      <c r="W35556">
        <v>23</v>
      </c>
      <c r="X35556">
        <v>24</v>
      </c>
      <c r="Y35556">
        <v>24</v>
      </c>
      <c r="Z35556">
        <v>25</v>
      </c>
      <c r="AA35556">
        <v>25</v>
      </c>
      <c r="AB35556">
        <v>26</v>
      </c>
      <c r="AC35556">
        <v>26</v>
      </c>
      <c r="AD35556">
        <v>27</v>
      </c>
      <c r="AE35556">
        <v>27</v>
      </c>
      <c r="AF35556">
        <v>28</v>
      </c>
      <c r="AG35556">
        <v>28</v>
      </c>
      <c r="AH35556">
        <v>28</v>
      </c>
      <c r="AI35556">
        <v>28</v>
      </c>
      <c r="AJ35556">
        <v>29</v>
      </c>
      <c r="AK35556">
        <v>29</v>
      </c>
      <c r="AL35556">
        <v>29</v>
      </c>
      <c r="AM35556">
        <v>29</v>
      </c>
      <c r="AN35556">
        <v>30</v>
      </c>
      <c r="AO35556">
        <v>30</v>
      </c>
      <c r="AP35556">
        <v>30</v>
      </c>
      <c r="AQ35556">
        <v>31</v>
      </c>
    </row>
    <row r="35557" spans="1:43">
      <c r="A35557" t="s">
        <v>22041</v>
      </c>
      <c r="B35557" t="s">
        <v>22042</v>
      </c>
      <c r="C35557" t="s">
        <v>22029</v>
      </c>
      <c r="D35557" t="s">
        <v>22030</v>
      </c>
      <c r="E35557" t="s">
        <v>21935</v>
      </c>
      <c r="F35557" t="s">
        <v>21936</v>
      </c>
      <c r="G35557" t="s">
        <v>20255</v>
      </c>
      <c r="H35557" t="s">
        <v>20256</v>
      </c>
      <c r="I35557" s="2">
        <v>1</v>
      </c>
      <c r="J35557" s="2">
        <v>0</v>
      </c>
      <c r="K35557" s="2">
        <v>0</v>
      </c>
      <c r="L35557" t="s">
        <v>120</v>
      </c>
      <c r="M35557" t="s">
        <v>83</v>
      </c>
      <c r="N35557" t="s">
        <v>91</v>
      </c>
      <c r="O35557" t="s">
        <v>85</v>
      </c>
      <c r="P35557" t="s">
        <v>86</v>
      </c>
      <c r="Q35557">
        <v>20</v>
      </c>
      <c r="R35557">
        <v>20</v>
      </c>
      <c r="S35557">
        <v>20</v>
      </c>
      <c r="T35557">
        <v>21</v>
      </c>
      <c r="U35557">
        <v>21</v>
      </c>
      <c r="V35557">
        <v>22</v>
      </c>
      <c r="W35557">
        <v>22</v>
      </c>
      <c r="X35557">
        <v>22</v>
      </c>
      <c r="Y35557">
        <v>23</v>
      </c>
      <c r="Z35557">
        <v>23</v>
      </c>
      <c r="AA35557">
        <v>24</v>
      </c>
      <c r="AB35557">
        <v>24</v>
      </c>
      <c r="AC35557">
        <v>25</v>
      </c>
      <c r="AD35557">
        <v>25</v>
      </c>
      <c r="AE35557">
        <v>26</v>
      </c>
      <c r="AF35557">
        <v>26</v>
      </c>
      <c r="AG35557">
        <v>27</v>
      </c>
      <c r="AH35557">
        <v>27</v>
      </c>
      <c r="AI35557">
        <v>27</v>
      </c>
      <c r="AJ35557">
        <v>28</v>
      </c>
      <c r="AK35557">
        <v>28</v>
      </c>
      <c r="AL35557">
        <v>29</v>
      </c>
      <c r="AM35557">
        <v>29</v>
      </c>
      <c r="AN35557">
        <v>29</v>
      </c>
      <c r="AO35557">
        <v>30</v>
      </c>
      <c r="AP35557">
        <v>30</v>
      </c>
      <c r="AQ35557">
        <v>30</v>
      </c>
    </row>
    <row r="35558" spans="1:43">
      <c r="A35558" t="s">
        <v>22043</v>
      </c>
      <c r="B35558" t="s">
        <v>22044</v>
      </c>
      <c r="C35558" t="s">
        <v>21933</v>
      </c>
      <c r="D35558" t="s">
        <v>21934</v>
      </c>
      <c r="E35558" t="s">
        <v>21935</v>
      </c>
      <c r="F35558" t="s">
        <v>21936</v>
      </c>
      <c r="G35558" t="s">
        <v>20255</v>
      </c>
      <c r="H35558" t="s">
        <v>20256</v>
      </c>
      <c r="I35558" s="2">
        <v>1</v>
      </c>
      <c r="J35558" s="2">
        <v>0</v>
      </c>
      <c r="K35558" s="2">
        <v>0</v>
      </c>
      <c r="L35558" t="s">
        <v>120</v>
      </c>
      <c r="M35558" t="s">
        <v>83</v>
      </c>
      <c r="N35558" t="s">
        <v>84</v>
      </c>
      <c r="O35558" t="s">
        <v>85</v>
      </c>
      <c r="P35558" t="s">
        <v>86</v>
      </c>
      <c r="Q35558">
        <v>24</v>
      </c>
      <c r="R35558">
        <v>25</v>
      </c>
      <c r="S35558">
        <v>26</v>
      </c>
      <c r="T35558">
        <v>26</v>
      </c>
      <c r="U35558">
        <v>27</v>
      </c>
      <c r="V35558">
        <v>27</v>
      </c>
      <c r="W35558">
        <v>28</v>
      </c>
      <c r="X35558">
        <v>28</v>
      </c>
      <c r="Y35558">
        <v>29</v>
      </c>
      <c r="Z35558">
        <v>29</v>
      </c>
      <c r="AA35558">
        <v>30</v>
      </c>
      <c r="AB35558">
        <v>30</v>
      </c>
      <c r="AC35558">
        <v>31</v>
      </c>
      <c r="AD35558">
        <v>32</v>
      </c>
      <c r="AE35558">
        <v>32</v>
      </c>
      <c r="AF35558">
        <v>33</v>
      </c>
      <c r="AG35558">
        <v>33</v>
      </c>
      <c r="AH35558">
        <v>34</v>
      </c>
      <c r="AI35558">
        <v>35</v>
      </c>
      <c r="AJ35558">
        <v>35</v>
      </c>
      <c r="AK35558">
        <v>36</v>
      </c>
      <c r="AL35558">
        <v>36</v>
      </c>
      <c r="AM35558">
        <v>37</v>
      </c>
      <c r="AN35558">
        <v>37</v>
      </c>
      <c r="AO35558">
        <v>37</v>
      </c>
      <c r="AP35558">
        <v>38</v>
      </c>
      <c r="AQ35558">
        <v>38</v>
      </c>
    </row>
    <row r="35559" spans="1:43">
      <c r="A35559" t="s">
        <v>22043</v>
      </c>
      <c r="B35559" t="s">
        <v>22044</v>
      </c>
      <c r="C35559" t="s">
        <v>21933</v>
      </c>
      <c r="D35559" t="s">
        <v>21934</v>
      </c>
      <c r="E35559" t="s">
        <v>21935</v>
      </c>
      <c r="F35559" t="s">
        <v>21936</v>
      </c>
      <c r="G35559" t="s">
        <v>20255</v>
      </c>
      <c r="H35559" t="s">
        <v>20256</v>
      </c>
      <c r="I35559" s="2">
        <v>1</v>
      </c>
      <c r="J35559" s="2">
        <v>0</v>
      </c>
      <c r="K35559" s="2">
        <v>0</v>
      </c>
      <c r="L35559" t="s">
        <v>120</v>
      </c>
      <c r="M35559" t="s">
        <v>87</v>
      </c>
      <c r="N35559" t="s">
        <v>88</v>
      </c>
      <c r="O35559" t="s">
        <v>85</v>
      </c>
      <c r="P35559" t="s">
        <v>86</v>
      </c>
      <c r="Q35559">
        <v>24</v>
      </c>
      <c r="R35559">
        <v>25</v>
      </c>
      <c r="S35559">
        <v>25</v>
      </c>
      <c r="T35559">
        <v>25</v>
      </c>
      <c r="U35559">
        <v>25</v>
      </c>
      <c r="V35559">
        <v>26</v>
      </c>
      <c r="W35559">
        <v>26</v>
      </c>
      <c r="X35559">
        <v>26</v>
      </c>
      <c r="Y35559">
        <v>27</v>
      </c>
      <c r="Z35559">
        <v>27</v>
      </c>
      <c r="AA35559">
        <v>27</v>
      </c>
      <c r="AB35559">
        <v>27</v>
      </c>
      <c r="AC35559">
        <v>28</v>
      </c>
      <c r="AD35559">
        <v>28</v>
      </c>
      <c r="AE35559">
        <v>28</v>
      </c>
      <c r="AF35559">
        <v>29</v>
      </c>
      <c r="AG35559">
        <v>29</v>
      </c>
      <c r="AH35559">
        <v>29</v>
      </c>
      <c r="AI35559">
        <v>30</v>
      </c>
      <c r="AJ35559">
        <v>30</v>
      </c>
      <c r="AK35559">
        <v>31</v>
      </c>
      <c r="AL35559">
        <v>31</v>
      </c>
      <c r="AM35559">
        <v>31</v>
      </c>
      <c r="AN35559">
        <v>32</v>
      </c>
      <c r="AO35559">
        <v>32</v>
      </c>
      <c r="AP35559">
        <v>32</v>
      </c>
      <c r="AQ35559">
        <v>33</v>
      </c>
    </row>
    <row r="35560" spans="1:43">
      <c r="A35560" t="s">
        <v>22043</v>
      </c>
      <c r="B35560" t="s">
        <v>22044</v>
      </c>
      <c r="C35560" t="s">
        <v>21933</v>
      </c>
      <c r="D35560" t="s">
        <v>21934</v>
      </c>
      <c r="E35560" t="s">
        <v>21935</v>
      </c>
      <c r="F35560" t="s">
        <v>21936</v>
      </c>
      <c r="G35560" t="s">
        <v>20255</v>
      </c>
      <c r="H35560" t="s">
        <v>20256</v>
      </c>
      <c r="I35560" s="2">
        <v>1</v>
      </c>
      <c r="J35560" s="2">
        <v>0</v>
      </c>
      <c r="K35560" s="2">
        <v>0</v>
      </c>
      <c r="L35560" t="s">
        <v>120</v>
      </c>
      <c r="M35560" t="s">
        <v>89</v>
      </c>
      <c r="N35560" t="s">
        <v>90</v>
      </c>
      <c r="O35560" t="s">
        <v>85</v>
      </c>
      <c r="P35560" t="s">
        <v>86</v>
      </c>
      <c r="Q35560">
        <v>24</v>
      </c>
      <c r="R35560">
        <v>24</v>
      </c>
      <c r="S35560">
        <v>25</v>
      </c>
      <c r="T35560">
        <v>26</v>
      </c>
      <c r="U35560">
        <v>27</v>
      </c>
      <c r="V35560">
        <v>27</v>
      </c>
      <c r="W35560">
        <v>28</v>
      </c>
      <c r="X35560">
        <v>29</v>
      </c>
      <c r="Y35560">
        <v>29</v>
      </c>
      <c r="Z35560">
        <v>30</v>
      </c>
      <c r="AA35560">
        <v>31</v>
      </c>
      <c r="AB35560">
        <v>31</v>
      </c>
      <c r="AC35560">
        <v>32</v>
      </c>
      <c r="AD35560">
        <v>33</v>
      </c>
      <c r="AE35560">
        <v>33</v>
      </c>
      <c r="AF35560">
        <v>34</v>
      </c>
      <c r="AG35560">
        <v>34</v>
      </c>
      <c r="AH35560">
        <v>34</v>
      </c>
      <c r="AI35560">
        <v>35</v>
      </c>
      <c r="AJ35560">
        <v>35</v>
      </c>
      <c r="AK35560">
        <v>35</v>
      </c>
      <c r="AL35560">
        <v>36</v>
      </c>
      <c r="AM35560">
        <v>36</v>
      </c>
      <c r="AN35560">
        <v>36</v>
      </c>
      <c r="AO35560">
        <v>37</v>
      </c>
      <c r="AP35560">
        <v>37</v>
      </c>
      <c r="AQ35560">
        <v>37</v>
      </c>
    </row>
    <row r="35561" spans="1:43">
      <c r="A35561" t="s">
        <v>22043</v>
      </c>
      <c r="B35561" t="s">
        <v>22044</v>
      </c>
      <c r="C35561" t="s">
        <v>21933</v>
      </c>
      <c r="D35561" t="s">
        <v>21934</v>
      </c>
      <c r="E35561" t="s">
        <v>21935</v>
      </c>
      <c r="F35561" t="s">
        <v>21936</v>
      </c>
      <c r="G35561" t="s">
        <v>20255</v>
      </c>
      <c r="H35561" t="s">
        <v>20256</v>
      </c>
      <c r="I35561" s="2">
        <v>1</v>
      </c>
      <c r="J35561" s="2">
        <v>0</v>
      </c>
      <c r="K35561" s="2">
        <v>0</v>
      </c>
      <c r="L35561" t="s">
        <v>120</v>
      </c>
      <c r="M35561" t="s">
        <v>83</v>
      </c>
      <c r="N35561" t="s">
        <v>91</v>
      </c>
      <c r="O35561" t="s">
        <v>85</v>
      </c>
      <c r="P35561" t="s">
        <v>86</v>
      </c>
      <c r="Q35561">
        <v>24</v>
      </c>
      <c r="R35561">
        <v>25</v>
      </c>
      <c r="S35561">
        <v>26</v>
      </c>
      <c r="T35561">
        <v>26</v>
      </c>
      <c r="U35561">
        <v>27</v>
      </c>
      <c r="V35561">
        <v>27</v>
      </c>
      <c r="W35561">
        <v>28</v>
      </c>
      <c r="X35561">
        <v>28</v>
      </c>
      <c r="Y35561">
        <v>29</v>
      </c>
      <c r="Z35561">
        <v>29</v>
      </c>
      <c r="AA35561">
        <v>30</v>
      </c>
      <c r="AB35561">
        <v>30</v>
      </c>
      <c r="AC35561">
        <v>31</v>
      </c>
      <c r="AD35561">
        <v>32</v>
      </c>
      <c r="AE35561">
        <v>32</v>
      </c>
      <c r="AF35561">
        <v>33</v>
      </c>
      <c r="AG35561">
        <v>33</v>
      </c>
      <c r="AH35561">
        <v>34</v>
      </c>
      <c r="AI35561">
        <v>35</v>
      </c>
      <c r="AJ35561">
        <v>35</v>
      </c>
      <c r="AK35561">
        <v>36</v>
      </c>
      <c r="AL35561">
        <v>36</v>
      </c>
      <c r="AM35561">
        <v>37</v>
      </c>
      <c r="AN35561">
        <v>37</v>
      </c>
      <c r="AO35561">
        <v>37</v>
      </c>
      <c r="AP35561">
        <v>38</v>
      </c>
      <c r="AQ35561">
        <v>38</v>
      </c>
    </row>
    <row r="35562" spans="1:43">
      <c r="A35562" t="s">
        <v>22045</v>
      </c>
      <c r="B35562" t="s">
        <v>22046</v>
      </c>
      <c r="C35562" t="s">
        <v>21967</v>
      </c>
      <c r="D35562" t="s">
        <v>21968</v>
      </c>
      <c r="E35562" t="s">
        <v>21935</v>
      </c>
      <c r="F35562" t="s">
        <v>21936</v>
      </c>
      <c r="G35562" t="s">
        <v>20255</v>
      </c>
      <c r="H35562" t="s">
        <v>20256</v>
      </c>
      <c r="I35562" s="2">
        <v>1</v>
      </c>
      <c r="J35562" s="2">
        <v>0</v>
      </c>
      <c r="K35562" s="2">
        <v>0</v>
      </c>
      <c r="L35562" t="s">
        <v>120</v>
      </c>
      <c r="M35562" t="s">
        <v>83</v>
      </c>
      <c r="N35562" t="s">
        <v>84</v>
      </c>
      <c r="O35562" t="s">
        <v>85</v>
      </c>
      <c r="P35562" t="s">
        <v>86</v>
      </c>
      <c r="Q35562">
        <v>56</v>
      </c>
      <c r="R35562">
        <v>57</v>
      </c>
      <c r="S35562">
        <v>58</v>
      </c>
      <c r="T35562">
        <v>60</v>
      </c>
      <c r="U35562">
        <v>61</v>
      </c>
      <c r="V35562">
        <v>62</v>
      </c>
      <c r="W35562">
        <v>63</v>
      </c>
      <c r="X35562">
        <v>64</v>
      </c>
      <c r="Y35562">
        <v>66</v>
      </c>
      <c r="Z35562">
        <v>67</v>
      </c>
      <c r="AA35562">
        <v>68</v>
      </c>
      <c r="AB35562">
        <v>69</v>
      </c>
      <c r="AC35562">
        <v>71</v>
      </c>
      <c r="AD35562">
        <v>72</v>
      </c>
      <c r="AE35562">
        <v>73</v>
      </c>
      <c r="AF35562">
        <v>74</v>
      </c>
      <c r="AG35562">
        <v>76</v>
      </c>
      <c r="AH35562">
        <v>77</v>
      </c>
      <c r="AI35562">
        <v>79</v>
      </c>
      <c r="AJ35562">
        <v>80</v>
      </c>
      <c r="AK35562">
        <v>81</v>
      </c>
      <c r="AL35562">
        <v>82</v>
      </c>
      <c r="AM35562">
        <v>83</v>
      </c>
      <c r="AN35562">
        <v>84</v>
      </c>
      <c r="AO35562">
        <v>85</v>
      </c>
      <c r="AP35562">
        <v>86</v>
      </c>
      <c r="AQ35562">
        <v>86</v>
      </c>
    </row>
    <row r="35563" spans="1:43">
      <c r="A35563" t="s">
        <v>22045</v>
      </c>
      <c r="B35563" t="s">
        <v>22046</v>
      </c>
      <c r="C35563" t="s">
        <v>21967</v>
      </c>
      <c r="D35563" t="s">
        <v>21968</v>
      </c>
      <c r="E35563" t="s">
        <v>21935</v>
      </c>
      <c r="F35563" t="s">
        <v>21936</v>
      </c>
      <c r="G35563" t="s">
        <v>20255</v>
      </c>
      <c r="H35563" t="s">
        <v>20256</v>
      </c>
      <c r="I35563" s="2">
        <v>1</v>
      </c>
      <c r="J35563" s="2">
        <v>0</v>
      </c>
      <c r="K35563" s="2">
        <v>0</v>
      </c>
      <c r="L35563" t="s">
        <v>120</v>
      </c>
      <c r="M35563" t="s">
        <v>87</v>
      </c>
      <c r="N35563" t="s">
        <v>88</v>
      </c>
      <c r="O35563" t="s">
        <v>85</v>
      </c>
      <c r="P35563" t="s">
        <v>86</v>
      </c>
      <c r="Q35563">
        <v>56</v>
      </c>
      <c r="R35563">
        <v>57</v>
      </c>
      <c r="S35563">
        <v>58</v>
      </c>
      <c r="T35563">
        <v>58</v>
      </c>
      <c r="U35563">
        <v>59</v>
      </c>
      <c r="V35563">
        <v>60</v>
      </c>
      <c r="W35563">
        <v>60</v>
      </c>
      <c r="X35563">
        <v>61</v>
      </c>
      <c r="Y35563">
        <v>62</v>
      </c>
      <c r="Z35563">
        <v>62</v>
      </c>
      <c r="AA35563">
        <v>63</v>
      </c>
      <c r="AB35563">
        <v>64</v>
      </c>
      <c r="AC35563">
        <v>64</v>
      </c>
      <c r="AD35563">
        <v>65</v>
      </c>
      <c r="AE35563">
        <v>66</v>
      </c>
      <c r="AF35563">
        <v>67</v>
      </c>
      <c r="AG35563">
        <v>67</v>
      </c>
      <c r="AH35563">
        <v>68</v>
      </c>
      <c r="AI35563">
        <v>69</v>
      </c>
      <c r="AJ35563">
        <v>70</v>
      </c>
      <c r="AK35563">
        <v>71</v>
      </c>
      <c r="AL35563">
        <v>71</v>
      </c>
      <c r="AM35563">
        <v>72</v>
      </c>
      <c r="AN35563">
        <v>73</v>
      </c>
      <c r="AO35563">
        <v>74</v>
      </c>
      <c r="AP35563">
        <v>75</v>
      </c>
      <c r="AQ35563">
        <v>76</v>
      </c>
    </row>
    <row r="35564" spans="1:43">
      <c r="A35564" t="s">
        <v>22045</v>
      </c>
      <c r="B35564" t="s">
        <v>22046</v>
      </c>
      <c r="C35564" t="s">
        <v>21967</v>
      </c>
      <c r="D35564" t="s">
        <v>21968</v>
      </c>
      <c r="E35564" t="s">
        <v>21935</v>
      </c>
      <c r="F35564" t="s">
        <v>21936</v>
      </c>
      <c r="G35564" t="s">
        <v>20255</v>
      </c>
      <c r="H35564" t="s">
        <v>20256</v>
      </c>
      <c r="I35564" s="2">
        <v>1</v>
      </c>
      <c r="J35564" s="2">
        <v>0</v>
      </c>
      <c r="K35564" s="2">
        <v>0</v>
      </c>
      <c r="L35564" t="s">
        <v>120</v>
      </c>
      <c r="M35564" t="s">
        <v>89</v>
      </c>
      <c r="N35564" t="s">
        <v>90</v>
      </c>
      <c r="O35564" t="s">
        <v>85</v>
      </c>
      <c r="P35564" t="s">
        <v>86</v>
      </c>
      <c r="Q35564">
        <v>56</v>
      </c>
      <c r="R35564">
        <v>58</v>
      </c>
      <c r="S35564">
        <v>60</v>
      </c>
      <c r="T35564">
        <v>62</v>
      </c>
      <c r="U35564">
        <v>63</v>
      </c>
      <c r="V35564">
        <v>65</v>
      </c>
      <c r="W35564">
        <v>66</v>
      </c>
      <c r="X35564">
        <v>68</v>
      </c>
      <c r="Y35564">
        <v>69</v>
      </c>
      <c r="Z35564">
        <v>71</v>
      </c>
      <c r="AA35564">
        <v>72</v>
      </c>
      <c r="AB35564">
        <v>74</v>
      </c>
      <c r="AC35564">
        <v>76</v>
      </c>
      <c r="AD35564">
        <v>77</v>
      </c>
      <c r="AE35564">
        <v>78</v>
      </c>
      <c r="AF35564">
        <v>79</v>
      </c>
      <c r="AG35564">
        <v>80</v>
      </c>
      <c r="AH35564">
        <v>80</v>
      </c>
      <c r="AI35564">
        <v>81</v>
      </c>
      <c r="AJ35564">
        <v>82</v>
      </c>
      <c r="AK35564">
        <v>83</v>
      </c>
      <c r="AL35564">
        <v>83</v>
      </c>
      <c r="AM35564">
        <v>84</v>
      </c>
      <c r="AN35564">
        <v>85</v>
      </c>
      <c r="AO35564">
        <v>86</v>
      </c>
      <c r="AP35564">
        <v>86</v>
      </c>
      <c r="AQ35564">
        <v>87</v>
      </c>
    </row>
    <row r="35565" spans="1:43">
      <c r="A35565" t="s">
        <v>22045</v>
      </c>
      <c r="B35565" t="s">
        <v>22046</v>
      </c>
      <c r="C35565" t="s">
        <v>21967</v>
      </c>
      <c r="D35565" t="s">
        <v>21968</v>
      </c>
      <c r="E35565" t="s">
        <v>21935</v>
      </c>
      <c r="F35565" t="s">
        <v>21936</v>
      </c>
      <c r="G35565" t="s">
        <v>20255</v>
      </c>
      <c r="H35565" t="s">
        <v>20256</v>
      </c>
      <c r="I35565" s="2">
        <v>1</v>
      </c>
      <c r="J35565" s="2">
        <v>0</v>
      </c>
      <c r="K35565" s="2">
        <v>0</v>
      </c>
      <c r="L35565" t="s">
        <v>120</v>
      </c>
      <c r="M35565" t="s">
        <v>83</v>
      </c>
      <c r="N35565" t="s">
        <v>91</v>
      </c>
      <c r="O35565" t="s">
        <v>85</v>
      </c>
      <c r="P35565" t="s">
        <v>86</v>
      </c>
      <c r="Q35565">
        <v>56</v>
      </c>
      <c r="R35565">
        <v>57</v>
      </c>
      <c r="S35565">
        <v>58</v>
      </c>
      <c r="T35565">
        <v>60</v>
      </c>
      <c r="U35565">
        <v>61</v>
      </c>
      <c r="V35565">
        <v>62</v>
      </c>
      <c r="W35565">
        <v>63</v>
      </c>
      <c r="X35565">
        <v>64</v>
      </c>
      <c r="Y35565">
        <v>66</v>
      </c>
      <c r="Z35565">
        <v>67</v>
      </c>
      <c r="AA35565">
        <v>68</v>
      </c>
      <c r="AB35565">
        <v>69</v>
      </c>
      <c r="AC35565">
        <v>71</v>
      </c>
      <c r="AD35565">
        <v>72</v>
      </c>
      <c r="AE35565">
        <v>73</v>
      </c>
      <c r="AF35565">
        <v>74</v>
      </c>
      <c r="AG35565">
        <v>76</v>
      </c>
      <c r="AH35565">
        <v>77</v>
      </c>
      <c r="AI35565">
        <v>79</v>
      </c>
      <c r="AJ35565">
        <v>80</v>
      </c>
      <c r="AK35565">
        <v>81</v>
      </c>
      <c r="AL35565">
        <v>82</v>
      </c>
      <c r="AM35565">
        <v>83</v>
      </c>
      <c r="AN35565">
        <v>84</v>
      </c>
      <c r="AO35565">
        <v>85</v>
      </c>
      <c r="AP35565">
        <v>86</v>
      </c>
      <c r="AQ35565">
        <v>86</v>
      </c>
    </row>
    <row r="35566" spans="1:43">
      <c r="A35566" t="s">
        <v>22047</v>
      </c>
      <c r="B35566" t="s">
        <v>22048</v>
      </c>
      <c r="C35566" t="s">
        <v>21945</v>
      </c>
      <c r="D35566" t="s">
        <v>21946</v>
      </c>
      <c r="E35566" t="s">
        <v>21935</v>
      </c>
      <c r="F35566" t="s">
        <v>21936</v>
      </c>
      <c r="G35566" t="s">
        <v>20255</v>
      </c>
      <c r="H35566" t="s">
        <v>20256</v>
      </c>
      <c r="I35566" s="2">
        <v>1</v>
      </c>
      <c r="J35566" s="2">
        <v>0</v>
      </c>
      <c r="K35566" s="2">
        <v>0</v>
      </c>
      <c r="L35566" t="s">
        <v>120</v>
      </c>
      <c r="M35566" t="s">
        <v>83</v>
      </c>
      <c r="N35566" t="s">
        <v>84</v>
      </c>
      <c r="O35566" t="s">
        <v>85</v>
      </c>
      <c r="P35566" t="s">
        <v>86</v>
      </c>
      <c r="Q35566">
        <v>19</v>
      </c>
      <c r="R35566">
        <v>19</v>
      </c>
      <c r="S35566">
        <v>20</v>
      </c>
      <c r="T35566">
        <v>20</v>
      </c>
      <c r="U35566">
        <v>20</v>
      </c>
      <c r="V35566">
        <v>20</v>
      </c>
      <c r="W35566">
        <v>21</v>
      </c>
      <c r="X35566">
        <v>21</v>
      </c>
      <c r="Y35566">
        <v>21</v>
      </c>
      <c r="Z35566">
        <v>21</v>
      </c>
      <c r="AA35566">
        <v>22</v>
      </c>
      <c r="AB35566">
        <v>22</v>
      </c>
      <c r="AC35566">
        <v>22</v>
      </c>
      <c r="AD35566">
        <v>22</v>
      </c>
      <c r="AE35566">
        <v>23</v>
      </c>
      <c r="AF35566">
        <v>23</v>
      </c>
      <c r="AG35566">
        <v>23</v>
      </c>
      <c r="AH35566">
        <v>23</v>
      </c>
      <c r="AI35566">
        <v>24</v>
      </c>
      <c r="AJ35566">
        <v>24</v>
      </c>
      <c r="AK35566">
        <v>24</v>
      </c>
      <c r="AL35566">
        <v>24</v>
      </c>
      <c r="AM35566">
        <v>24</v>
      </c>
      <c r="AN35566">
        <v>24</v>
      </c>
      <c r="AO35566">
        <v>24</v>
      </c>
      <c r="AP35566">
        <v>24</v>
      </c>
      <c r="AQ35566">
        <v>24</v>
      </c>
    </row>
    <row r="35567" spans="1:43">
      <c r="A35567" t="s">
        <v>22047</v>
      </c>
      <c r="B35567" t="s">
        <v>22048</v>
      </c>
      <c r="C35567" t="s">
        <v>21945</v>
      </c>
      <c r="D35567" t="s">
        <v>21946</v>
      </c>
      <c r="E35567" t="s">
        <v>21935</v>
      </c>
      <c r="F35567" t="s">
        <v>21936</v>
      </c>
      <c r="G35567" t="s">
        <v>20255</v>
      </c>
      <c r="H35567" t="s">
        <v>20256</v>
      </c>
      <c r="I35567" s="2">
        <v>1</v>
      </c>
      <c r="J35567" s="2">
        <v>0</v>
      </c>
      <c r="K35567" s="2">
        <v>0</v>
      </c>
      <c r="L35567" t="s">
        <v>120</v>
      </c>
      <c r="M35567" t="s">
        <v>87</v>
      </c>
      <c r="N35567" t="s">
        <v>88</v>
      </c>
      <c r="O35567" t="s">
        <v>85</v>
      </c>
      <c r="P35567" t="s">
        <v>86</v>
      </c>
      <c r="Q35567">
        <v>19</v>
      </c>
      <c r="R35567">
        <v>19</v>
      </c>
      <c r="S35567">
        <v>19</v>
      </c>
      <c r="T35567">
        <v>19</v>
      </c>
      <c r="U35567">
        <v>19</v>
      </c>
      <c r="V35567">
        <v>19</v>
      </c>
      <c r="W35567">
        <v>19</v>
      </c>
      <c r="X35567">
        <v>19</v>
      </c>
      <c r="Y35567">
        <v>20</v>
      </c>
      <c r="Z35567">
        <v>20</v>
      </c>
      <c r="AA35567">
        <v>20</v>
      </c>
      <c r="AB35567">
        <v>20</v>
      </c>
      <c r="AC35567">
        <v>20</v>
      </c>
      <c r="AD35567">
        <v>20</v>
      </c>
      <c r="AE35567">
        <v>20</v>
      </c>
      <c r="AF35567">
        <v>20</v>
      </c>
      <c r="AG35567">
        <v>20</v>
      </c>
      <c r="AH35567">
        <v>20</v>
      </c>
      <c r="AI35567">
        <v>20</v>
      </c>
      <c r="AJ35567">
        <v>20</v>
      </c>
      <c r="AK35567">
        <v>21</v>
      </c>
      <c r="AL35567">
        <v>21</v>
      </c>
      <c r="AM35567">
        <v>21</v>
      </c>
      <c r="AN35567">
        <v>21</v>
      </c>
      <c r="AO35567">
        <v>21</v>
      </c>
      <c r="AP35567">
        <v>21</v>
      </c>
      <c r="AQ35567">
        <v>21</v>
      </c>
    </row>
    <row r="35568" spans="1:43">
      <c r="A35568" t="s">
        <v>22047</v>
      </c>
      <c r="B35568" t="s">
        <v>22048</v>
      </c>
      <c r="C35568" t="s">
        <v>21945</v>
      </c>
      <c r="D35568" t="s">
        <v>21946</v>
      </c>
      <c r="E35568" t="s">
        <v>21935</v>
      </c>
      <c r="F35568" t="s">
        <v>21936</v>
      </c>
      <c r="G35568" t="s">
        <v>20255</v>
      </c>
      <c r="H35568" t="s">
        <v>20256</v>
      </c>
      <c r="I35568" s="2">
        <v>1</v>
      </c>
      <c r="J35568" s="2">
        <v>0</v>
      </c>
      <c r="K35568" s="2">
        <v>0</v>
      </c>
      <c r="L35568" t="s">
        <v>120</v>
      </c>
      <c r="M35568" t="s">
        <v>89</v>
      </c>
      <c r="N35568" t="s">
        <v>90</v>
      </c>
      <c r="O35568" t="s">
        <v>85</v>
      </c>
      <c r="P35568" t="s">
        <v>86</v>
      </c>
      <c r="Q35568">
        <v>19</v>
      </c>
      <c r="R35568">
        <v>20</v>
      </c>
      <c r="S35568">
        <v>20</v>
      </c>
      <c r="T35568">
        <v>20</v>
      </c>
      <c r="U35568">
        <v>21</v>
      </c>
      <c r="V35568">
        <v>21</v>
      </c>
      <c r="W35568">
        <v>22</v>
      </c>
      <c r="X35568">
        <v>22</v>
      </c>
      <c r="Y35568">
        <v>22</v>
      </c>
      <c r="Z35568">
        <v>23</v>
      </c>
      <c r="AA35568">
        <v>23</v>
      </c>
      <c r="AB35568">
        <v>23</v>
      </c>
      <c r="AC35568">
        <v>24</v>
      </c>
      <c r="AD35568">
        <v>24</v>
      </c>
      <c r="AE35568">
        <v>24</v>
      </c>
      <c r="AF35568">
        <v>24</v>
      </c>
      <c r="AG35568">
        <v>24</v>
      </c>
      <c r="AH35568">
        <v>24</v>
      </c>
      <c r="AI35568">
        <v>24</v>
      </c>
      <c r="AJ35568">
        <v>24</v>
      </c>
      <c r="AK35568">
        <v>24</v>
      </c>
      <c r="AL35568">
        <v>24</v>
      </c>
      <c r="AM35568">
        <v>24</v>
      </c>
      <c r="AN35568">
        <v>25</v>
      </c>
      <c r="AO35568">
        <v>25</v>
      </c>
      <c r="AP35568">
        <v>25</v>
      </c>
      <c r="AQ35568">
        <v>25</v>
      </c>
    </row>
    <row r="35569" spans="1:43">
      <c r="A35569" t="s">
        <v>22047</v>
      </c>
      <c r="B35569" t="s">
        <v>22048</v>
      </c>
      <c r="C35569" t="s">
        <v>21945</v>
      </c>
      <c r="D35569" t="s">
        <v>21946</v>
      </c>
      <c r="E35569" t="s">
        <v>21935</v>
      </c>
      <c r="F35569" t="s">
        <v>21936</v>
      </c>
      <c r="G35569" t="s">
        <v>20255</v>
      </c>
      <c r="H35569" t="s">
        <v>20256</v>
      </c>
      <c r="I35569" s="2">
        <v>1</v>
      </c>
      <c r="J35569" s="2">
        <v>0</v>
      </c>
      <c r="K35569" s="2">
        <v>0</v>
      </c>
      <c r="L35569" t="s">
        <v>120</v>
      </c>
      <c r="M35569" t="s">
        <v>83</v>
      </c>
      <c r="N35569" t="s">
        <v>91</v>
      </c>
      <c r="O35569" t="s">
        <v>85</v>
      </c>
      <c r="P35569" t="s">
        <v>86</v>
      </c>
      <c r="Q35569">
        <v>19</v>
      </c>
      <c r="R35569">
        <v>19</v>
      </c>
      <c r="S35569">
        <v>20</v>
      </c>
      <c r="T35569">
        <v>20</v>
      </c>
      <c r="U35569">
        <v>20</v>
      </c>
      <c r="V35569">
        <v>20</v>
      </c>
      <c r="W35569">
        <v>21</v>
      </c>
      <c r="X35569">
        <v>21</v>
      </c>
      <c r="Y35569">
        <v>21</v>
      </c>
      <c r="Z35569">
        <v>21</v>
      </c>
      <c r="AA35569">
        <v>22</v>
      </c>
      <c r="AB35569">
        <v>22</v>
      </c>
      <c r="AC35569">
        <v>22</v>
      </c>
      <c r="AD35569">
        <v>22</v>
      </c>
      <c r="AE35569">
        <v>23</v>
      </c>
      <c r="AF35569">
        <v>23</v>
      </c>
      <c r="AG35569">
        <v>23</v>
      </c>
      <c r="AH35569">
        <v>23</v>
      </c>
      <c r="AI35569">
        <v>24</v>
      </c>
      <c r="AJ35569">
        <v>24</v>
      </c>
      <c r="AK35569">
        <v>24</v>
      </c>
      <c r="AL35569">
        <v>24</v>
      </c>
      <c r="AM35569">
        <v>24</v>
      </c>
      <c r="AN35569">
        <v>24</v>
      </c>
      <c r="AO35569">
        <v>24</v>
      </c>
      <c r="AP35569">
        <v>24</v>
      </c>
      <c r="AQ35569">
        <v>24</v>
      </c>
    </row>
    <row r="35570" spans="1:43">
      <c r="A35570" t="s">
        <v>22049</v>
      </c>
      <c r="B35570" t="s">
        <v>22050</v>
      </c>
      <c r="C35570" t="s">
        <v>21945</v>
      </c>
      <c r="D35570" t="s">
        <v>21946</v>
      </c>
      <c r="E35570" t="s">
        <v>21935</v>
      </c>
      <c r="F35570" t="s">
        <v>21936</v>
      </c>
      <c r="G35570" t="s">
        <v>20255</v>
      </c>
      <c r="H35570" t="s">
        <v>20256</v>
      </c>
      <c r="I35570" s="2">
        <v>1</v>
      </c>
      <c r="J35570" s="2">
        <v>0</v>
      </c>
      <c r="K35570" s="2">
        <v>0</v>
      </c>
      <c r="L35570" t="s">
        <v>120</v>
      </c>
      <c r="M35570" t="s">
        <v>83</v>
      </c>
      <c r="N35570" t="s">
        <v>84</v>
      </c>
      <c r="O35570" t="s">
        <v>85</v>
      </c>
      <c r="P35570" t="s">
        <v>86</v>
      </c>
      <c r="Q35570">
        <v>17</v>
      </c>
      <c r="R35570">
        <v>17</v>
      </c>
      <c r="S35570">
        <v>18</v>
      </c>
      <c r="T35570">
        <v>18</v>
      </c>
      <c r="U35570">
        <v>18</v>
      </c>
      <c r="V35570">
        <v>19</v>
      </c>
      <c r="W35570">
        <v>19</v>
      </c>
      <c r="X35570">
        <v>19</v>
      </c>
      <c r="Y35570">
        <v>20</v>
      </c>
      <c r="Z35570">
        <v>20</v>
      </c>
      <c r="AA35570">
        <v>21</v>
      </c>
      <c r="AB35570">
        <v>21</v>
      </c>
      <c r="AC35570">
        <v>21</v>
      </c>
      <c r="AD35570">
        <v>22</v>
      </c>
      <c r="AE35570">
        <v>22</v>
      </c>
      <c r="AF35570">
        <v>23</v>
      </c>
      <c r="AG35570">
        <v>23</v>
      </c>
      <c r="AH35570">
        <v>23</v>
      </c>
      <c r="AI35570">
        <v>24</v>
      </c>
      <c r="AJ35570">
        <v>24</v>
      </c>
      <c r="AK35570">
        <v>25</v>
      </c>
      <c r="AL35570">
        <v>25</v>
      </c>
      <c r="AM35570">
        <v>25</v>
      </c>
      <c r="AN35570">
        <v>25</v>
      </c>
      <c r="AO35570">
        <v>26</v>
      </c>
      <c r="AP35570">
        <v>26</v>
      </c>
      <c r="AQ35570">
        <v>26</v>
      </c>
    </row>
    <row r="35571" spans="1:43">
      <c r="A35571" t="s">
        <v>22049</v>
      </c>
      <c r="B35571" t="s">
        <v>22050</v>
      </c>
      <c r="C35571" t="s">
        <v>21945</v>
      </c>
      <c r="D35571" t="s">
        <v>21946</v>
      </c>
      <c r="E35571" t="s">
        <v>21935</v>
      </c>
      <c r="F35571" t="s">
        <v>21936</v>
      </c>
      <c r="G35571" t="s">
        <v>20255</v>
      </c>
      <c r="H35571" t="s">
        <v>20256</v>
      </c>
      <c r="I35571" s="2">
        <v>1</v>
      </c>
      <c r="J35571" s="2">
        <v>0</v>
      </c>
      <c r="K35571" s="2">
        <v>0</v>
      </c>
      <c r="L35571" t="s">
        <v>120</v>
      </c>
      <c r="M35571" t="s">
        <v>87</v>
      </c>
      <c r="N35571" t="s">
        <v>88</v>
      </c>
      <c r="O35571" t="s">
        <v>85</v>
      </c>
      <c r="P35571" t="s">
        <v>86</v>
      </c>
      <c r="Q35571">
        <v>17</v>
      </c>
      <c r="R35571">
        <v>17</v>
      </c>
      <c r="S35571">
        <v>17</v>
      </c>
      <c r="T35571">
        <v>17</v>
      </c>
      <c r="U35571">
        <v>18</v>
      </c>
      <c r="V35571">
        <v>18</v>
      </c>
      <c r="W35571">
        <v>18</v>
      </c>
      <c r="X35571">
        <v>18</v>
      </c>
      <c r="Y35571">
        <v>18</v>
      </c>
      <c r="Z35571">
        <v>19</v>
      </c>
      <c r="AA35571">
        <v>19</v>
      </c>
      <c r="AB35571">
        <v>19</v>
      </c>
      <c r="AC35571">
        <v>19</v>
      </c>
      <c r="AD35571">
        <v>19</v>
      </c>
      <c r="AE35571">
        <v>20</v>
      </c>
      <c r="AF35571">
        <v>20</v>
      </c>
      <c r="AG35571">
        <v>20</v>
      </c>
      <c r="AH35571">
        <v>20</v>
      </c>
      <c r="AI35571">
        <v>20</v>
      </c>
      <c r="AJ35571">
        <v>21</v>
      </c>
      <c r="AK35571">
        <v>21</v>
      </c>
      <c r="AL35571">
        <v>21</v>
      </c>
      <c r="AM35571">
        <v>21</v>
      </c>
      <c r="AN35571">
        <v>22</v>
      </c>
      <c r="AO35571">
        <v>22</v>
      </c>
      <c r="AP35571">
        <v>22</v>
      </c>
      <c r="AQ35571">
        <v>23</v>
      </c>
    </row>
    <row r="35572" spans="1:43">
      <c r="A35572" t="s">
        <v>22049</v>
      </c>
      <c r="B35572" t="s">
        <v>22050</v>
      </c>
      <c r="C35572" t="s">
        <v>21945</v>
      </c>
      <c r="D35572" t="s">
        <v>21946</v>
      </c>
      <c r="E35572" t="s">
        <v>21935</v>
      </c>
      <c r="F35572" t="s">
        <v>21936</v>
      </c>
      <c r="G35572" t="s">
        <v>20255</v>
      </c>
      <c r="H35572" t="s">
        <v>20256</v>
      </c>
      <c r="I35572" s="2">
        <v>1</v>
      </c>
      <c r="J35572" s="2">
        <v>0</v>
      </c>
      <c r="K35572" s="2">
        <v>0</v>
      </c>
      <c r="L35572" t="s">
        <v>120</v>
      </c>
      <c r="M35572" t="s">
        <v>89</v>
      </c>
      <c r="N35572" t="s">
        <v>90</v>
      </c>
      <c r="O35572" t="s">
        <v>85</v>
      </c>
      <c r="P35572" t="s">
        <v>86</v>
      </c>
      <c r="Q35572">
        <v>17</v>
      </c>
      <c r="R35572">
        <v>18</v>
      </c>
      <c r="S35572">
        <v>18</v>
      </c>
      <c r="T35572">
        <v>19</v>
      </c>
      <c r="U35572">
        <v>19</v>
      </c>
      <c r="V35572">
        <v>20</v>
      </c>
      <c r="W35572">
        <v>20</v>
      </c>
      <c r="X35572">
        <v>21</v>
      </c>
      <c r="Y35572">
        <v>21</v>
      </c>
      <c r="Z35572">
        <v>21</v>
      </c>
      <c r="AA35572">
        <v>22</v>
      </c>
      <c r="AB35572">
        <v>22</v>
      </c>
      <c r="AC35572">
        <v>23</v>
      </c>
      <c r="AD35572">
        <v>23</v>
      </c>
      <c r="AE35572">
        <v>24</v>
      </c>
      <c r="AF35572">
        <v>24</v>
      </c>
      <c r="AG35572">
        <v>24</v>
      </c>
      <c r="AH35572">
        <v>24</v>
      </c>
      <c r="AI35572">
        <v>24</v>
      </c>
      <c r="AJ35572">
        <v>25</v>
      </c>
      <c r="AK35572">
        <v>25</v>
      </c>
      <c r="AL35572">
        <v>25</v>
      </c>
      <c r="AM35572">
        <v>25</v>
      </c>
      <c r="AN35572">
        <v>26</v>
      </c>
      <c r="AO35572">
        <v>26</v>
      </c>
      <c r="AP35572">
        <v>26</v>
      </c>
      <c r="AQ35572">
        <v>26</v>
      </c>
    </row>
    <row r="35573" spans="1:43">
      <c r="A35573" t="s">
        <v>22049</v>
      </c>
      <c r="B35573" t="s">
        <v>22050</v>
      </c>
      <c r="C35573" t="s">
        <v>21945</v>
      </c>
      <c r="D35573" t="s">
        <v>21946</v>
      </c>
      <c r="E35573" t="s">
        <v>21935</v>
      </c>
      <c r="F35573" t="s">
        <v>21936</v>
      </c>
      <c r="G35573" t="s">
        <v>20255</v>
      </c>
      <c r="H35573" t="s">
        <v>20256</v>
      </c>
      <c r="I35573" s="2">
        <v>1</v>
      </c>
      <c r="J35573" s="2">
        <v>0</v>
      </c>
      <c r="K35573" s="2">
        <v>0</v>
      </c>
      <c r="L35573" t="s">
        <v>120</v>
      </c>
      <c r="M35573" t="s">
        <v>83</v>
      </c>
      <c r="N35573" t="s">
        <v>91</v>
      </c>
      <c r="O35573" t="s">
        <v>85</v>
      </c>
      <c r="P35573" t="s">
        <v>86</v>
      </c>
      <c r="Q35573">
        <v>17</v>
      </c>
      <c r="R35573">
        <v>17</v>
      </c>
      <c r="S35573">
        <v>18</v>
      </c>
      <c r="T35573">
        <v>18</v>
      </c>
      <c r="U35573">
        <v>18</v>
      </c>
      <c r="V35573">
        <v>19</v>
      </c>
      <c r="W35573">
        <v>19</v>
      </c>
      <c r="X35573">
        <v>19</v>
      </c>
      <c r="Y35573">
        <v>20</v>
      </c>
      <c r="Z35573">
        <v>20</v>
      </c>
      <c r="AA35573">
        <v>21</v>
      </c>
      <c r="AB35573">
        <v>21</v>
      </c>
      <c r="AC35573">
        <v>21</v>
      </c>
      <c r="AD35573">
        <v>22</v>
      </c>
      <c r="AE35573">
        <v>22</v>
      </c>
      <c r="AF35573">
        <v>23</v>
      </c>
      <c r="AG35573">
        <v>23</v>
      </c>
      <c r="AH35573">
        <v>23</v>
      </c>
      <c r="AI35573">
        <v>24</v>
      </c>
      <c r="AJ35573">
        <v>24</v>
      </c>
      <c r="AK35573">
        <v>25</v>
      </c>
      <c r="AL35573">
        <v>25</v>
      </c>
      <c r="AM35573">
        <v>25</v>
      </c>
      <c r="AN35573">
        <v>25</v>
      </c>
      <c r="AO35573">
        <v>26</v>
      </c>
      <c r="AP35573">
        <v>26</v>
      </c>
      <c r="AQ35573">
        <v>26</v>
      </c>
    </row>
    <row r="35574" spans="1:43">
      <c r="A35574" t="s">
        <v>22051</v>
      </c>
      <c r="B35574" t="s">
        <v>22052</v>
      </c>
      <c r="C35574" t="s">
        <v>21975</v>
      </c>
      <c r="D35574" t="s">
        <v>21976</v>
      </c>
      <c r="E35574" t="s">
        <v>21935</v>
      </c>
      <c r="F35574" t="s">
        <v>21936</v>
      </c>
      <c r="G35574" t="s">
        <v>20255</v>
      </c>
      <c r="H35574" t="s">
        <v>20256</v>
      </c>
      <c r="I35574" s="2">
        <v>1</v>
      </c>
      <c r="J35574" s="2">
        <v>0</v>
      </c>
      <c r="K35574" s="2">
        <v>0</v>
      </c>
      <c r="L35574" t="s">
        <v>120</v>
      </c>
      <c r="M35574" t="s">
        <v>83</v>
      </c>
      <c r="N35574" t="s">
        <v>84</v>
      </c>
      <c r="O35574" t="s">
        <v>85</v>
      </c>
      <c r="P35574" t="s">
        <v>86</v>
      </c>
      <c r="Q35574">
        <v>11</v>
      </c>
      <c r="R35574">
        <v>11</v>
      </c>
      <c r="S35574">
        <v>11</v>
      </c>
      <c r="T35574">
        <v>11</v>
      </c>
      <c r="U35574">
        <v>12</v>
      </c>
      <c r="V35574">
        <v>12</v>
      </c>
      <c r="W35574">
        <v>12</v>
      </c>
      <c r="X35574">
        <v>12</v>
      </c>
      <c r="Y35574">
        <v>13</v>
      </c>
      <c r="Z35574">
        <v>13</v>
      </c>
      <c r="AA35574">
        <v>13</v>
      </c>
      <c r="AB35574">
        <v>13</v>
      </c>
      <c r="AC35574">
        <v>14</v>
      </c>
      <c r="AD35574">
        <v>14</v>
      </c>
      <c r="AE35574">
        <v>14</v>
      </c>
      <c r="AF35574">
        <v>14</v>
      </c>
      <c r="AG35574">
        <v>15</v>
      </c>
      <c r="AH35574">
        <v>15</v>
      </c>
      <c r="AI35574">
        <v>15</v>
      </c>
      <c r="AJ35574">
        <v>15</v>
      </c>
      <c r="AK35574">
        <v>16</v>
      </c>
      <c r="AL35574">
        <v>16</v>
      </c>
      <c r="AM35574">
        <v>16</v>
      </c>
      <c r="AN35574">
        <v>16</v>
      </c>
      <c r="AO35574">
        <v>16</v>
      </c>
      <c r="AP35574">
        <v>16</v>
      </c>
      <c r="AQ35574">
        <v>17</v>
      </c>
    </row>
    <row r="35575" spans="1:43">
      <c r="A35575" t="s">
        <v>22051</v>
      </c>
      <c r="B35575" t="s">
        <v>22052</v>
      </c>
      <c r="C35575" t="s">
        <v>21975</v>
      </c>
      <c r="D35575" t="s">
        <v>21976</v>
      </c>
      <c r="E35575" t="s">
        <v>21935</v>
      </c>
      <c r="F35575" t="s">
        <v>21936</v>
      </c>
      <c r="G35575" t="s">
        <v>20255</v>
      </c>
      <c r="H35575" t="s">
        <v>20256</v>
      </c>
      <c r="I35575" s="2">
        <v>1</v>
      </c>
      <c r="J35575" s="2">
        <v>0</v>
      </c>
      <c r="K35575" s="2">
        <v>0</v>
      </c>
      <c r="L35575" t="s">
        <v>120</v>
      </c>
      <c r="M35575" t="s">
        <v>87</v>
      </c>
      <c r="N35575" t="s">
        <v>88</v>
      </c>
      <c r="O35575" t="s">
        <v>85</v>
      </c>
      <c r="P35575" t="s">
        <v>86</v>
      </c>
      <c r="Q35575">
        <v>11</v>
      </c>
      <c r="R35575">
        <v>11</v>
      </c>
      <c r="S35575">
        <v>11</v>
      </c>
      <c r="T35575">
        <v>11</v>
      </c>
      <c r="U35575">
        <v>11</v>
      </c>
      <c r="V35575">
        <v>11</v>
      </c>
      <c r="W35575">
        <v>11</v>
      </c>
      <c r="X35575">
        <v>12</v>
      </c>
      <c r="Y35575">
        <v>12</v>
      </c>
      <c r="Z35575">
        <v>12</v>
      </c>
      <c r="AA35575">
        <v>12</v>
      </c>
      <c r="AB35575">
        <v>12</v>
      </c>
      <c r="AC35575">
        <v>12</v>
      </c>
      <c r="AD35575">
        <v>12</v>
      </c>
      <c r="AE35575">
        <v>12</v>
      </c>
      <c r="AF35575">
        <v>13</v>
      </c>
      <c r="AG35575">
        <v>13</v>
      </c>
      <c r="AH35575">
        <v>13</v>
      </c>
      <c r="AI35575">
        <v>13</v>
      </c>
      <c r="AJ35575">
        <v>13</v>
      </c>
      <c r="AK35575">
        <v>13</v>
      </c>
      <c r="AL35575">
        <v>14</v>
      </c>
      <c r="AM35575">
        <v>14</v>
      </c>
      <c r="AN35575">
        <v>14</v>
      </c>
      <c r="AO35575">
        <v>14</v>
      </c>
      <c r="AP35575">
        <v>14</v>
      </c>
      <c r="AQ35575">
        <v>14</v>
      </c>
    </row>
    <row r="35576" spans="1:43">
      <c r="A35576" t="s">
        <v>22051</v>
      </c>
      <c r="B35576" t="s">
        <v>22052</v>
      </c>
      <c r="C35576" t="s">
        <v>21975</v>
      </c>
      <c r="D35576" t="s">
        <v>21976</v>
      </c>
      <c r="E35576" t="s">
        <v>21935</v>
      </c>
      <c r="F35576" t="s">
        <v>21936</v>
      </c>
      <c r="G35576" t="s">
        <v>20255</v>
      </c>
      <c r="H35576" t="s">
        <v>20256</v>
      </c>
      <c r="I35576" s="2">
        <v>1</v>
      </c>
      <c r="J35576" s="2">
        <v>0</v>
      </c>
      <c r="K35576" s="2">
        <v>0</v>
      </c>
      <c r="L35576" t="s">
        <v>120</v>
      </c>
      <c r="M35576" t="s">
        <v>89</v>
      </c>
      <c r="N35576" t="s">
        <v>90</v>
      </c>
      <c r="O35576" t="s">
        <v>85</v>
      </c>
      <c r="P35576" t="s">
        <v>86</v>
      </c>
      <c r="Q35576">
        <v>11</v>
      </c>
      <c r="R35576">
        <v>11</v>
      </c>
      <c r="S35576">
        <v>11</v>
      </c>
      <c r="T35576">
        <v>12</v>
      </c>
      <c r="U35576">
        <v>12</v>
      </c>
      <c r="V35576">
        <v>12</v>
      </c>
      <c r="W35576">
        <v>13</v>
      </c>
      <c r="X35576">
        <v>13</v>
      </c>
      <c r="Y35576">
        <v>13</v>
      </c>
      <c r="Z35576">
        <v>14</v>
      </c>
      <c r="AA35576">
        <v>14</v>
      </c>
      <c r="AB35576">
        <v>14</v>
      </c>
      <c r="AC35576">
        <v>15</v>
      </c>
      <c r="AD35576">
        <v>15</v>
      </c>
      <c r="AE35576">
        <v>15</v>
      </c>
      <c r="AF35576">
        <v>15</v>
      </c>
      <c r="AG35576">
        <v>15</v>
      </c>
      <c r="AH35576">
        <v>15</v>
      </c>
      <c r="AI35576">
        <v>16</v>
      </c>
      <c r="AJ35576">
        <v>16</v>
      </c>
      <c r="AK35576">
        <v>16</v>
      </c>
      <c r="AL35576">
        <v>16</v>
      </c>
      <c r="AM35576">
        <v>16</v>
      </c>
      <c r="AN35576">
        <v>16</v>
      </c>
      <c r="AO35576">
        <v>16</v>
      </c>
      <c r="AP35576">
        <v>17</v>
      </c>
      <c r="AQ35576">
        <v>17</v>
      </c>
    </row>
    <row r="35577" spans="1:43">
      <c r="A35577" t="s">
        <v>22051</v>
      </c>
      <c r="B35577" t="s">
        <v>22052</v>
      </c>
      <c r="C35577" t="s">
        <v>21975</v>
      </c>
      <c r="D35577" t="s">
        <v>21976</v>
      </c>
      <c r="E35577" t="s">
        <v>21935</v>
      </c>
      <c r="F35577" t="s">
        <v>21936</v>
      </c>
      <c r="G35577" t="s">
        <v>20255</v>
      </c>
      <c r="H35577" t="s">
        <v>20256</v>
      </c>
      <c r="I35577" s="2">
        <v>1</v>
      </c>
      <c r="J35577" s="2">
        <v>0</v>
      </c>
      <c r="K35577" s="2">
        <v>0</v>
      </c>
      <c r="L35577" t="s">
        <v>120</v>
      </c>
      <c r="M35577" t="s">
        <v>83</v>
      </c>
      <c r="N35577" t="s">
        <v>91</v>
      </c>
      <c r="O35577" t="s">
        <v>85</v>
      </c>
      <c r="P35577" t="s">
        <v>86</v>
      </c>
      <c r="Q35577">
        <v>11</v>
      </c>
      <c r="R35577">
        <v>11</v>
      </c>
      <c r="S35577">
        <v>11</v>
      </c>
      <c r="T35577">
        <v>11</v>
      </c>
      <c r="U35577">
        <v>12</v>
      </c>
      <c r="V35577">
        <v>12</v>
      </c>
      <c r="W35577">
        <v>12</v>
      </c>
      <c r="X35577">
        <v>12</v>
      </c>
      <c r="Y35577">
        <v>13</v>
      </c>
      <c r="Z35577">
        <v>13</v>
      </c>
      <c r="AA35577">
        <v>13</v>
      </c>
      <c r="AB35577">
        <v>13</v>
      </c>
      <c r="AC35577">
        <v>14</v>
      </c>
      <c r="AD35577">
        <v>14</v>
      </c>
      <c r="AE35577">
        <v>14</v>
      </c>
      <c r="AF35577">
        <v>14</v>
      </c>
      <c r="AG35577">
        <v>15</v>
      </c>
      <c r="AH35577">
        <v>15</v>
      </c>
      <c r="AI35577">
        <v>15</v>
      </c>
      <c r="AJ35577">
        <v>15</v>
      </c>
      <c r="AK35577">
        <v>16</v>
      </c>
      <c r="AL35577">
        <v>16</v>
      </c>
      <c r="AM35577">
        <v>16</v>
      </c>
      <c r="AN35577">
        <v>16</v>
      </c>
      <c r="AO35577">
        <v>16</v>
      </c>
      <c r="AP35577">
        <v>16</v>
      </c>
      <c r="AQ35577">
        <v>17</v>
      </c>
    </row>
    <row r="35578" spans="1:43">
      <c r="A35578" t="s">
        <v>22053</v>
      </c>
      <c r="B35578" t="s">
        <v>22054</v>
      </c>
      <c r="C35578" t="s">
        <v>21967</v>
      </c>
      <c r="D35578" t="s">
        <v>21968</v>
      </c>
      <c r="E35578" t="s">
        <v>21935</v>
      </c>
      <c r="F35578" t="s">
        <v>21936</v>
      </c>
      <c r="G35578" t="s">
        <v>20255</v>
      </c>
      <c r="H35578" t="s">
        <v>20256</v>
      </c>
      <c r="I35578" s="2">
        <v>1</v>
      </c>
      <c r="J35578" s="2">
        <v>0</v>
      </c>
      <c r="K35578" s="2">
        <v>0</v>
      </c>
      <c r="L35578" t="s">
        <v>120</v>
      </c>
      <c r="M35578" t="s">
        <v>83</v>
      </c>
      <c r="N35578" t="s">
        <v>84</v>
      </c>
      <c r="O35578" t="s">
        <v>85</v>
      </c>
      <c r="P35578" t="s">
        <v>86</v>
      </c>
      <c r="Q35578">
        <v>37</v>
      </c>
      <c r="R35578">
        <v>37</v>
      </c>
      <c r="S35578">
        <v>38</v>
      </c>
      <c r="T35578">
        <v>39</v>
      </c>
      <c r="U35578">
        <v>40</v>
      </c>
      <c r="V35578">
        <v>41</v>
      </c>
      <c r="W35578">
        <v>41</v>
      </c>
      <c r="X35578">
        <v>42</v>
      </c>
      <c r="Y35578">
        <v>43</v>
      </c>
      <c r="Z35578">
        <v>44</v>
      </c>
      <c r="AA35578">
        <v>45</v>
      </c>
      <c r="AB35578">
        <v>45</v>
      </c>
      <c r="AC35578">
        <v>46</v>
      </c>
      <c r="AD35578">
        <v>47</v>
      </c>
      <c r="AE35578">
        <v>48</v>
      </c>
      <c r="AF35578">
        <v>49</v>
      </c>
      <c r="AG35578">
        <v>50</v>
      </c>
      <c r="AH35578">
        <v>51</v>
      </c>
      <c r="AI35578">
        <v>51</v>
      </c>
      <c r="AJ35578">
        <v>52</v>
      </c>
      <c r="AK35578">
        <v>53</v>
      </c>
      <c r="AL35578">
        <v>54</v>
      </c>
      <c r="AM35578">
        <v>54</v>
      </c>
      <c r="AN35578">
        <v>55</v>
      </c>
      <c r="AO35578">
        <v>55</v>
      </c>
      <c r="AP35578">
        <v>56</v>
      </c>
      <c r="AQ35578">
        <v>56</v>
      </c>
    </row>
    <row r="35579" spans="1:43">
      <c r="A35579" t="s">
        <v>22053</v>
      </c>
      <c r="B35579" t="s">
        <v>22054</v>
      </c>
      <c r="C35579" t="s">
        <v>21967</v>
      </c>
      <c r="D35579" t="s">
        <v>21968</v>
      </c>
      <c r="E35579" t="s">
        <v>21935</v>
      </c>
      <c r="F35579" t="s">
        <v>21936</v>
      </c>
      <c r="G35579" t="s">
        <v>20255</v>
      </c>
      <c r="H35579" t="s">
        <v>20256</v>
      </c>
      <c r="I35579" s="2">
        <v>1</v>
      </c>
      <c r="J35579" s="2">
        <v>0</v>
      </c>
      <c r="K35579" s="2">
        <v>0</v>
      </c>
      <c r="L35579" t="s">
        <v>120</v>
      </c>
      <c r="M35579" t="s">
        <v>87</v>
      </c>
      <c r="N35579" t="s">
        <v>88</v>
      </c>
      <c r="O35579" t="s">
        <v>85</v>
      </c>
      <c r="P35579" t="s">
        <v>86</v>
      </c>
      <c r="Q35579">
        <v>37</v>
      </c>
      <c r="R35579">
        <v>38</v>
      </c>
      <c r="S35579">
        <v>38</v>
      </c>
      <c r="T35579">
        <v>39</v>
      </c>
      <c r="U35579">
        <v>39</v>
      </c>
      <c r="V35579">
        <v>39</v>
      </c>
      <c r="W35579">
        <v>40</v>
      </c>
      <c r="X35579">
        <v>40</v>
      </c>
      <c r="Y35579">
        <v>41</v>
      </c>
      <c r="Z35579">
        <v>41</v>
      </c>
      <c r="AA35579">
        <v>42</v>
      </c>
      <c r="AB35579">
        <v>42</v>
      </c>
      <c r="AC35579">
        <v>43</v>
      </c>
      <c r="AD35579">
        <v>43</v>
      </c>
      <c r="AE35579">
        <v>43</v>
      </c>
      <c r="AF35579">
        <v>44</v>
      </c>
      <c r="AG35579">
        <v>44</v>
      </c>
      <c r="AH35579">
        <v>45</v>
      </c>
      <c r="AI35579">
        <v>46</v>
      </c>
      <c r="AJ35579">
        <v>46</v>
      </c>
      <c r="AK35579">
        <v>47</v>
      </c>
      <c r="AL35579">
        <v>47</v>
      </c>
      <c r="AM35579">
        <v>48</v>
      </c>
      <c r="AN35579">
        <v>48</v>
      </c>
      <c r="AO35579">
        <v>49</v>
      </c>
      <c r="AP35579">
        <v>49</v>
      </c>
      <c r="AQ35579">
        <v>50</v>
      </c>
    </row>
    <row r="35580" spans="1:43">
      <c r="A35580" t="s">
        <v>22053</v>
      </c>
      <c r="B35580" t="s">
        <v>22054</v>
      </c>
      <c r="C35580" t="s">
        <v>21967</v>
      </c>
      <c r="D35580" t="s">
        <v>21968</v>
      </c>
      <c r="E35580" t="s">
        <v>21935</v>
      </c>
      <c r="F35580" t="s">
        <v>21936</v>
      </c>
      <c r="G35580" t="s">
        <v>20255</v>
      </c>
      <c r="H35580" t="s">
        <v>20256</v>
      </c>
      <c r="I35580" s="2">
        <v>1</v>
      </c>
      <c r="J35580" s="2">
        <v>0</v>
      </c>
      <c r="K35580" s="2">
        <v>0</v>
      </c>
      <c r="L35580" t="s">
        <v>120</v>
      </c>
      <c r="M35580" t="s">
        <v>89</v>
      </c>
      <c r="N35580" t="s">
        <v>90</v>
      </c>
      <c r="O35580" t="s">
        <v>85</v>
      </c>
      <c r="P35580" t="s">
        <v>86</v>
      </c>
      <c r="Q35580">
        <v>37</v>
      </c>
      <c r="R35580">
        <v>38</v>
      </c>
      <c r="S35580">
        <v>39</v>
      </c>
      <c r="T35580">
        <v>40</v>
      </c>
      <c r="U35580">
        <v>41</v>
      </c>
      <c r="V35580">
        <v>42</v>
      </c>
      <c r="W35580">
        <v>43</v>
      </c>
      <c r="X35580">
        <v>44</v>
      </c>
      <c r="Y35580">
        <v>45</v>
      </c>
      <c r="Z35580">
        <v>46</v>
      </c>
      <c r="AA35580">
        <v>47</v>
      </c>
      <c r="AB35580">
        <v>48</v>
      </c>
      <c r="AC35580">
        <v>49</v>
      </c>
      <c r="AD35580">
        <v>50</v>
      </c>
      <c r="AE35580">
        <v>51</v>
      </c>
      <c r="AF35580">
        <v>52</v>
      </c>
      <c r="AG35580">
        <v>52</v>
      </c>
      <c r="AH35580">
        <v>53</v>
      </c>
      <c r="AI35580">
        <v>53</v>
      </c>
      <c r="AJ35580">
        <v>53</v>
      </c>
      <c r="AK35580">
        <v>54</v>
      </c>
      <c r="AL35580">
        <v>54</v>
      </c>
      <c r="AM35580">
        <v>55</v>
      </c>
      <c r="AN35580">
        <v>55</v>
      </c>
      <c r="AO35580">
        <v>56</v>
      </c>
      <c r="AP35580">
        <v>56</v>
      </c>
      <c r="AQ35580">
        <v>57</v>
      </c>
    </row>
    <row r="35581" spans="1:43">
      <c r="A35581" t="s">
        <v>22053</v>
      </c>
      <c r="B35581" t="s">
        <v>22054</v>
      </c>
      <c r="C35581" t="s">
        <v>21967</v>
      </c>
      <c r="D35581" t="s">
        <v>21968</v>
      </c>
      <c r="E35581" t="s">
        <v>21935</v>
      </c>
      <c r="F35581" t="s">
        <v>21936</v>
      </c>
      <c r="G35581" t="s">
        <v>20255</v>
      </c>
      <c r="H35581" t="s">
        <v>20256</v>
      </c>
      <c r="I35581" s="2">
        <v>1</v>
      </c>
      <c r="J35581" s="2">
        <v>0</v>
      </c>
      <c r="K35581" s="2">
        <v>0</v>
      </c>
      <c r="L35581" t="s">
        <v>120</v>
      </c>
      <c r="M35581" t="s">
        <v>83</v>
      </c>
      <c r="N35581" t="s">
        <v>91</v>
      </c>
      <c r="O35581" t="s">
        <v>85</v>
      </c>
      <c r="P35581" t="s">
        <v>86</v>
      </c>
      <c r="Q35581">
        <v>37</v>
      </c>
      <c r="R35581">
        <v>37</v>
      </c>
      <c r="S35581">
        <v>38</v>
      </c>
      <c r="T35581">
        <v>39</v>
      </c>
      <c r="U35581">
        <v>40</v>
      </c>
      <c r="V35581">
        <v>41</v>
      </c>
      <c r="W35581">
        <v>41</v>
      </c>
      <c r="X35581">
        <v>42</v>
      </c>
      <c r="Y35581">
        <v>43</v>
      </c>
      <c r="Z35581">
        <v>44</v>
      </c>
      <c r="AA35581">
        <v>45</v>
      </c>
      <c r="AB35581">
        <v>45</v>
      </c>
      <c r="AC35581">
        <v>46</v>
      </c>
      <c r="AD35581">
        <v>47</v>
      </c>
      <c r="AE35581">
        <v>48</v>
      </c>
      <c r="AF35581">
        <v>49</v>
      </c>
      <c r="AG35581">
        <v>50</v>
      </c>
      <c r="AH35581">
        <v>51</v>
      </c>
      <c r="AI35581">
        <v>51</v>
      </c>
      <c r="AJ35581">
        <v>52</v>
      </c>
      <c r="AK35581">
        <v>53</v>
      </c>
      <c r="AL35581">
        <v>54</v>
      </c>
      <c r="AM35581">
        <v>54</v>
      </c>
      <c r="AN35581">
        <v>55</v>
      </c>
      <c r="AO35581">
        <v>55</v>
      </c>
      <c r="AP35581">
        <v>56</v>
      </c>
      <c r="AQ35581">
        <v>56</v>
      </c>
    </row>
    <row r="35582" spans="1:43">
      <c r="A35582" t="s">
        <v>22055</v>
      </c>
      <c r="B35582" t="s">
        <v>22056</v>
      </c>
      <c r="C35582" t="s">
        <v>21979</v>
      </c>
      <c r="D35582" t="s">
        <v>21980</v>
      </c>
      <c r="E35582" t="s">
        <v>21935</v>
      </c>
      <c r="F35582" t="s">
        <v>21936</v>
      </c>
      <c r="G35582" t="s">
        <v>20255</v>
      </c>
      <c r="H35582" t="s">
        <v>20256</v>
      </c>
      <c r="I35582" s="2">
        <v>1</v>
      </c>
      <c r="J35582" s="2">
        <v>0</v>
      </c>
      <c r="K35582" s="2">
        <v>0</v>
      </c>
      <c r="L35582" t="s">
        <v>120</v>
      </c>
      <c r="M35582" t="s">
        <v>83</v>
      </c>
      <c r="N35582" t="s">
        <v>84</v>
      </c>
      <c r="O35582" t="s">
        <v>85</v>
      </c>
      <c r="P35582" t="s">
        <v>86</v>
      </c>
      <c r="Q35582">
        <v>15</v>
      </c>
      <c r="R35582">
        <v>15</v>
      </c>
      <c r="S35582">
        <v>16</v>
      </c>
      <c r="T35582">
        <v>16</v>
      </c>
      <c r="U35582">
        <v>16</v>
      </c>
      <c r="V35582">
        <v>16</v>
      </c>
      <c r="W35582">
        <v>17</v>
      </c>
      <c r="X35582">
        <v>17</v>
      </c>
      <c r="Y35582">
        <v>17</v>
      </c>
      <c r="Z35582">
        <v>17</v>
      </c>
      <c r="AA35582">
        <v>17</v>
      </c>
      <c r="AB35582">
        <v>18</v>
      </c>
      <c r="AC35582">
        <v>18</v>
      </c>
      <c r="AD35582">
        <v>18</v>
      </c>
      <c r="AE35582">
        <v>18</v>
      </c>
      <c r="AF35582">
        <v>19</v>
      </c>
      <c r="AG35582">
        <v>19</v>
      </c>
      <c r="AH35582">
        <v>19</v>
      </c>
      <c r="AI35582">
        <v>19</v>
      </c>
      <c r="AJ35582">
        <v>19</v>
      </c>
      <c r="AK35582">
        <v>20</v>
      </c>
      <c r="AL35582">
        <v>20</v>
      </c>
      <c r="AM35582">
        <v>20</v>
      </c>
      <c r="AN35582">
        <v>20</v>
      </c>
      <c r="AO35582">
        <v>20</v>
      </c>
      <c r="AP35582">
        <v>20</v>
      </c>
      <c r="AQ35582">
        <v>20</v>
      </c>
    </row>
    <row r="35583" spans="1:43">
      <c r="A35583" t="s">
        <v>22055</v>
      </c>
      <c r="B35583" t="s">
        <v>22056</v>
      </c>
      <c r="C35583" t="s">
        <v>21979</v>
      </c>
      <c r="D35583" t="s">
        <v>21980</v>
      </c>
      <c r="E35583" t="s">
        <v>21935</v>
      </c>
      <c r="F35583" t="s">
        <v>21936</v>
      </c>
      <c r="G35583" t="s">
        <v>20255</v>
      </c>
      <c r="H35583" t="s">
        <v>20256</v>
      </c>
      <c r="I35583" s="2">
        <v>1</v>
      </c>
      <c r="J35583" s="2">
        <v>0</v>
      </c>
      <c r="K35583" s="2">
        <v>0</v>
      </c>
      <c r="L35583" t="s">
        <v>120</v>
      </c>
      <c r="M35583" t="s">
        <v>87</v>
      </c>
      <c r="N35583" t="s">
        <v>88</v>
      </c>
      <c r="O35583" t="s">
        <v>85</v>
      </c>
      <c r="P35583" t="s">
        <v>86</v>
      </c>
      <c r="Q35583">
        <v>15</v>
      </c>
      <c r="R35583">
        <v>15</v>
      </c>
      <c r="S35583">
        <v>15</v>
      </c>
      <c r="T35583">
        <v>15</v>
      </c>
      <c r="U35583">
        <v>15</v>
      </c>
      <c r="V35583">
        <v>16</v>
      </c>
      <c r="W35583">
        <v>16</v>
      </c>
      <c r="X35583">
        <v>16</v>
      </c>
      <c r="Y35583">
        <v>16</v>
      </c>
      <c r="Z35583">
        <v>16</v>
      </c>
      <c r="AA35583">
        <v>16</v>
      </c>
      <c r="AB35583">
        <v>16</v>
      </c>
      <c r="AC35583">
        <v>16</v>
      </c>
      <c r="AD35583">
        <v>16</v>
      </c>
      <c r="AE35583">
        <v>16</v>
      </c>
      <c r="AF35583">
        <v>16</v>
      </c>
      <c r="AG35583">
        <v>16</v>
      </c>
      <c r="AH35583">
        <v>17</v>
      </c>
      <c r="AI35583">
        <v>17</v>
      </c>
      <c r="AJ35583">
        <v>17</v>
      </c>
      <c r="AK35583">
        <v>17</v>
      </c>
      <c r="AL35583">
        <v>17</v>
      </c>
      <c r="AM35583">
        <v>17</v>
      </c>
      <c r="AN35583">
        <v>17</v>
      </c>
      <c r="AO35583">
        <v>17</v>
      </c>
      <c r="AP35583">
        <v>17</v>
      </c>
      <c r="AQ35583">
        <v>17</v>
      </c>
    </row>
    <row r="35584" spans="1:43">
      <c r="A35584" t="s">
        <v>22055</v>
      </c>
      <c r="B35584" t="s">
        <v>22056</v>
      </c>
      <c r="C35584" t="s">
        <v>21979</v>
      </c>
      <c r="D35584" t="s">
        <v>21980</v>
      </c>
      <c r="E35584" t="s">
        <v>21935</v>
      </c>
      <c r="F35584" t="s">
        <v>21936</v>
      </c>
      <c r="G35584" t="s">
        <v>20255</v>
      </c>
      <c r="H35584" t="s">
        <v>20256</v>
      </c>
      <c r="I35584" s="2">
        <v>1</v>
      </c>
      <c r="J35584" s="2">
        <v>0</v>
      </c>
      <c r="K35584" s="2">
        <v>0</v>
      </c>
      <c r="L35584" t="s">
        <v>120</v>
      </c>
      <c r="M35584" t="s">
        <v>89</v>
      </c>
      <c r="N35584" t="s">
        <v>90</v>
      </c>
      <c r="O35584" t="s">
        <v>85</v>
      </c>
      <c r="P35584" t="s">
        <v>86</v>
      </c>
      <c r="Q35584">
        <v>15</v>
      </c>
      <c r="R35584">
        <v>16</v>
      </c>
      <c r="S35584">
        <v>16</v>
      </c>
      <c r="T35584">
        <v>16</v>
      </c>
      <c r="U35584">
        <v>17</v>
      </c>
      <c r="V35584">
        <v>17</v>
      </c>
      <c r="W35584">
        <v>17</v>
      </c>
      <c r="X35584">
        <v>18</v>
      </c>
      <c r="Y35584">
        <v>18</v>
      </c>
      <c r="Z35584">
        <v>18</v>
      </c>
      <c r="AA35584">
        <v>19</v>
      </c>
      <c r="AB35584">
        <v>19</v>
      </c>
      <c r="AC35584">
        <v>19</v>
      </c>
      <c r="AD35584">
        <v>19</v>
      </c>
      <c r="AE35584">
        <v>20</v>
      </c>
      <c r="AF35584">
        <v>20</v>
      </c>
      <c r="AG35584">
        <v>20</v>
      </c>
      <c r="AH35584">
        <v>20</v>
      </c>
      <c r="AI35584">
        <v>20</v>
      </c>
      <c r="AJ35584">
        <v>20</v>
      </c>
      <c r="AK35584">
        <v>20</v>
      </c>
      <c r="AL35584">
        <v>20</v>
      </c>
      <c r="AM35584">
        <v>20</v>
      </c>
      <c r="AN35584">
        <v>20</v>
      </c>
      <c r="AO35584">
        <v>20</v>
      </c>
      <c r="AP35584">
        <v>20</v>
      </c>
      <c r="AQ35584">
        <v>20</v>
      </c>
    </row>
    <row r="35585" spans="1:43">
      <c r="A35585" t="s">
        <v>22055</v>
      </c>
      <c r="B35585" t="s">
        <v>22056</v>
      </c>
      <c r="C35585" t="s">
        <v>21979</v>
      </c>
      <c r="D35585" t="s">
        <v>21980</v>
      </c>
      <c r="E35585" t="s">
        <v>21935</v>
      </c>
      <c r="F35585" t="s">
        <v>21936</v>
      </c>
      <c r="G35585" t="s">
        <v>20255</v>
      </c>
      <c r="H35585" t="s">
        <v>20256</v>
      </c>
      <c r="I35585" s="2">
        <v>1</v>
      </c>
      <c r="J35585" s="2">
        <v>0</v>
      </c>
      <c r="K35585" s="2">
        <v>0</v>
      </c>
      <c r="L35585" t="s">
        <v>120</v>
      </c>
      <c r="M35585" t="s">
        <v>83</v>
      </c>
      <c r="N35585" t="s">
        <v>91</v>
      </c>
      <c r="O35585" t="s">
        <v>85</v>
      </c>
      <c r="P35585" t="s">
        <v>86</v>
      </c>
      <c r="Q35585">
        <v>15</v>
      </c>
      <c r="R35585">
        <v>15</v>
      </c>
      <c r="S35585">
        <v>16</v>
      </c>
      <c r="T35585">
        <v>16</v>
      </c>
      <c r="U35585">
        <v>16</v>
      </c>
      <c r="V35585">
        <v>16</v>
      </c>
      <c r="W35585">
        <v>17</v>
      </c>
      <c r="X35585">
        <v>17</v>
      </c>
      <c r="Y35585">
        <v>17</v>
      </c>
      <c r="Z35585">
        <v>17</v>
      </c>
      <c r="AA35585">
        <v>17</v>
      </c>
      <c r="AB35585">
        <v>18</v>
      </c>
      <c r="AC35585">
        <v>18</v>
      </c>
      <c r="AD35585">
        <v>18</v>
      </c>
      <c r="AE35585">
        <v>18</v>
      </c>
      <c r="AF35585">
        <v>19</v>
      </c>
      <c r="AG35585">
        <v>19</v>
      </c>
      <c r="AH35585">
        <v>19</v>
      </c>
      <c r="AI35585">
        <v>19</v>
      </c>
      <c r="AJ35585">
        <v>19</v>
      </c>
      <c r="AK35585">
        <v>20</v>
      </c>
      <c r="AL35585">
        <v>20</v>
      </c>
      <c r="AM35585">
        <v>20</v>
      </c>
      <c r="AN35585">
        <v>20</v>
      </c>
      <c r="AO35585">
        <v>20</v>
      </c>
      <c r="AP35585">
        <v>20</v>
      </c>
      <c r="AQ35585">
        <v>20</v>
      </c>
    </row>
    <row r="35586" spans="1:43">
      <c r="A35586" t="s">
        <v>22057</v>
      </c>
      <c r="B35586" t="s">
        <v>22058</v>
      </c>
      <c r="C35586" t="s">
        <v>21975</v>
      </c>
      <c r="D35586" t="s">
        <v>21976</v>
      </c>
      <c r="E35586" t="s">
        <v>21935</v>
      </c>
      <c r="F35586" t="s">
        <v>21936</v>
      </c>
      <c r="G35586" t="s">
        <v>20255</v>
      </c>
      <c r="H35586" t="s">
        <v>20256</v>
      </c>
      <c r="I35586" s="2">
        <v>1</v>
      </c>
      <c r="J35586" s="2">
        <v>0</v>
      </c>
      <c r="K35586" s="2">
        <v>0</v>
      </c>
      <c r="L35586" t="s">
        <v>120</v>
      </c>
      <c r="M35586" t="s">
        <v>83</v>
      </c>
      <c r="N35586" t="s">
        <v>84</v>
      </c>
      <c r="O35586" t="s">
        <v>85</v>
      </c>
      <c r="P35586" t="s">
        <v>86</v>
      </c>
      <c r="Q35586">
        <v>49</v>
      </c>
      <c r="R35586">
        <v>50</v>
      </c>
      <c r="S35586">
        <v>51</v>
      </c>
      <c r="T35586">
        <v>52</v>
      </c>
      <c r="U35586">
        <v>53</v>
      </c>
      <c r="V35586">
        <v>54</v>
      </c>
      <c r="W35586">
        <v>56</v>
      </c>
      <c r="X35586">
        <v>57</v>
      </c>
      <c r="Y35586">
        <v>58</v>
      </c>
      <c r="Z35586">
        <v>59</v>
      </c>
      <c r="AA35586">
        <v>60</v>
      </c>
      <c r="AB35586">
        <v>61</v>
      </c>
      <c r="AC35586">
        <v>62</v>
      </c>
      <c r="AD35586">
        <v>63</v>
      </c>
      <c r="AE35586">
        <v>64</v>
      </c>
      <c r="AF35586">
        <v>65</v>
      </c>
      <c r="AG35586">
        <v>67</v>
      </c>
      <c r="AH35586">
        <v>68</v>
      </c>
      <c r="AI35586">
        <v>69</v>
      </c>
      <c r="AJ35586">
        <v>70</v>
      </c>
      <c r="AK35586">
        <v>72</v>
      </c>
      <c r="AL35586">
        <v>72</v>
      </c>
      <c r="AM35586">
        <v>73</v>
      </c>
      <c r="AN35586">
        <v>74</v>
      </c>
      <c r="AO35586">
        <v>74</v>
      </c>
      <c r="AP35586">
        <v>75</v>
      </c>
      <c r="AQ35586">
        <v>76</v>
      </c>
    </row>
    <row r="35587" spans="1:43">
      <c r="A35587" t="s">
        <v>22057</v>
      </c>
      <c r="B35587" t="s">
        <v>22058</v>
      </c>
      <c r="C35587" t="s">
        <v>21975</v>
      </c>
      <c r="D35587" t="s">
        <v>21976</v>
      </c>
      <c r="E35587" t="s">
        <v>21935</v>
      </c>
      <c r="F35587" t="s">
        <v>21936</v>
      </c>
      <c r="G35587" t="s">
        <v>20255</v>
      </c>
      <c r="H35587" t="s">
        <v>20256</v>
      </c>
      <c r="I35587" s="2">
        <v>1</v>
      </c>
      <c r="J35587" s="2">
        <v>0</v>
      </c>
      <c r="K35587" s="2">
        <v>0</v>
      </c>
      <c r="L35587" t="s">
        <v>120</v>
      </c>
      <c r="M35587" t="s">
        <v>87</v>
      </c>
      <c r="N35587" t="s">
        <v>88</v>
      </c>
      <c r="O35587" t="s">
        <v>85</v>
      </c>
      <c r="P35587" t="s">
        <v>86</v>
      </c>
      <c r="Q35587">
        <v>49</v>
      </c>
      <c r="R35587">
        <v>49</v>
      </c>
      <c r="S35587">
        <v>50</v>
      </c>
      <c r="T35587">
        <v>51</v>
      </c>
      <c r="U35587">
        <v>51</v>
      </c>
      <c r="V35587">
        <v>52</v>
      </c>
      <c r="W35587">
        <v>52</v>
      </c>
      <c r="X35587">
        <v>53</v>
      </c>
      <c r="Y35587">
        <v>53</v>
      </c>
      <c r="Z35587">
        <v>54</v>
      </c>
      <c r="AA35587">
        <v>55</v>
      </c>
      <c r="AB35587">
        <v>55</v>
      </c>
      <c r="AC35587">
        <v>56</v>
      </c>
      <c r="AD35587">
        <v>56</v>
      </c>
      <c r="AE35587">
        <v>57</v>
      </c>
      <c r="AF35587">
        <v>58</v>
      </c>
      <c r="AG35587">
        <v>58</v>
      </c>
      <c r="AH35587">
        <v>59</v>
      </c>
      <c r="AI35587">
        <v>60</v>
      </c>
      <c r="AJ35587">
        <v>60</v>
      </c>
      <c r="AK35587">
        <v>61</v>
      </c>
      <c r="AL35587">
        <v>62</v>
      </c>
      <c r="AM35587">
        <v>63</v>
      </c>
      <c r="AN35587">
        <v>63</v>
      </c>
      <c r="AO35587">
        <v>64</v>
      </c>
      <c r="AP35587">
        <v>65</v>
      </c>
      <c r="AQ35587">
        <v>66</v>
      </c>
    </row>
    <row r="35588" spans="1:43">
      <c r="A35588" t="s">
        <v>22057</v>
      </c>
      <c r="B35588" t="s">
        <v>22058</v>
      </c>
      <c r="C35588" t="s">
        <v>21975</v>
      </c>
      <c r="D35588" t="s">
        <v>21976</v>
      </c>
      <c r="E35588" t="s">
        <v>21935</v>
      </c>
      <c r="F35588" t="s">
        <v>21936</v>
      </c>
      <c r="G35588" t="s">
        <v>20255</v>
      </c>
      <c r="H35588" t="s">
        <v>20256</v>
      </c>
      <c r="I35588" s="2">
        <v>1</v>
      </c>
      <c r="J35588" s="2">
        <v>0</v>
      </c>
      <c r="K35588" s="2">
        <v>0</v>
      </c>
      <c r="L35588" t="s">
        <v>120</v>
      </c>
      <c r="M35588" t="s">
        <v>89</v>
      </c>
      <c r="N35588" t="s">
        <v>90</v>
      </c>
      <c r="O35588" t="s">
        <v>85</v>
      </c>
      <c r="P35588" t="s">
        <v>86</v>
      </c>
      <c r="Q35588">
        <v>49</v>
      </c>
      <c r="R35588">
        <v>50</v>
      </c>
      <c r="S35588">
        <v>52</v>
      </c>
      <c r="T35588">
        <v>53</v>
      </c>
      <c r="U35588">
        <v>55</v>
      </c>
      <c r="V35588">
        <v>56</v>
      </c>
      <c r="W35588">
        <v>57</v>
      </c>
      <c r="X35588">
        <v>59</v>
      </c>
      <c r="Y35588">
        <v>60</v>
      </c>
      <c r="Z35588">
        <v>61</v>
      </c>
      <c r="AA35588">
        <v>63</v>
      </c>
      <c r="AB35588">
        <v>64</v>
      </c>
      <c r="AC35588">
        <v>65</v>
      </c>
      <c r="AD35588">
        <v>67</v>
      </c>
      <c r="AE35588">
        <v>68</v>
      </c>
      <c r="AF35588">
        <v>69</v>
      </c>
      <c r="AG35588">
        <v>69</v>
      </c>
      <c r="AH35588">
        <v>70</v>
      </c>
      <c r="AI35588">
        <v>70</v>
      </c>
      <c r="AJ35588">
        <v>71</v>
      </c>
      <c r="AK35588">
        <v>72</v>
      </c>
      <c r="AL35588">
        <v>72</v>
      </c>
      <c r="AM35588">
        <v>73</v>
      </c>
      <c r="AN35588">
        <v>73</v>
      </c>
      <c r="AO35588">
        <v>74</v>
      </c>
      <c r="AP35588">
        <v>75</v>
      </c>
      <c r="AQ35588">
        <v>76</v>
      </c>
    </row>
    <row r="35589" spans="1:43">
      <c r="A35589" t="s">
        <v>22057</v>
      </c>
      <c r="B35589" t="s">
        <v>22058</v>
      </c>
      <c r="C35589" t="s">
        <v>21975</v>
      </c>
      <c r="D35589" t="s">
        <v>21976</v>
      </c>
      <c r="E35589" t="s">
        <v>21935</v>
      </c>
      <c r="F35589" t="s">
        <v>21936</v>
      </c>
      <c r="G35589" t="s">
        <v>20255</v>
      </c>
      <c r="H35589" t="s">
        <v>20256</v>
      </c>
      <c r="I35589" s="2">
        <v>1</v>
      </c>
      <c r="J35589" s="2">
        <v>0</v>
      </c>
      <c r="K35589" s="2">
        <v>0</v>
      </c>
      <c r="L35589" t="s">
        <v>120</v>
      </c>
      <c r="M35589" t="s">
        <v>83</v>
      </c>
      <c r="N35589" t="s">
        <v>91</v>
      </c>
      <c r="O35589" t="s">
        <v>85</v>
      </c>
      <c r="P35589" t="s">
        <v>86</v>
      </c>
      <c r="Q35589">
        <v>49</v>
      </c>
      <c r="R35589">
        <v>50</v>
      </c>
      <c r="S35589">
        <v>51</v>
      </c>
      <c r="T35589">
        <v>52</v>
      </c>
      <c r="U35589">
        <v>53</v>
      </c>
      <c r="V35589">
        <v>54</v>
      </c>
      <c r="W35589">
        <v>56</v>
      </c>
      <c r="X35589">
        <v>57</v>
      </c>
      <c r="Y35589">
        <v>58</v>
      </c>
      <c r="Z35589">
        <v>59</v>
      </c>
      <c r="AA35589">
        <v>60</v>
      </c>
      <c r="AB35589">
        <v>61</v>
      </c>
      <c r="AC35589">
        <v>62</v>
      </c>
      <c r="AD35589">
        <v>63</v>
      </c>
      <c r="AE35589">
        <v>64</v>
      </c>
      <c r="AF35589">
        <v>65</v>
      </c>
      <c r="AG35589">
        <v>67</v>
      </c>
      <c r="AH35589">
        <v>68</v>
      </c>
      <c r="AI35589">
        <v>69</v>
      </c>
      <c r="AJ35589">
        <v>70</v>
      </c>
      <c r="AK35589">
        <v>72</v>
      </c>
      <c r="AL35589">
        <v>72</v>
      </c>
      <c r="AM35589">
        <v>73</v>
      </c>
      <c r="AN35589">
        <v>74</v>
      </c>
      <c r="AO35589">
        <v>74</v>
      </c>
      <c r="AP35589">
        <v>75</v>
      </c>
      <c r="AQ35589">
        <v>76</v>
      </c>
    </row>
    <row r="35590" spans="1:43">
      <c r="A35590" t="s">
        <v>22059</v>
      </c>
      <c r="B35590" t="s">
        <v>22060</v>
      </c>
      <c r="C35590" t="s">
        <v>21983</v>
      </c>
      <c r="D35590" t="s">
        <v>21984</v>
      </c>
      <c r="E35590" t="s">
        <v>21935</v>
      </c>
      <c r="F35590" t="s">
        <v>21936</v>
      </c>
      <c r="G35590" t="s">
        <v>20255</v>
      </c>
      <c r="H35590" t="s">
        <v>20256</v>
      </c>
      <c r="I35590" s="2">
        <v>1</v>
      </c>
      <c r="J35590" s="2">
        <v>0</v>
      </c>
      <c r="K35590" s="2">
        <v>0</v>
      </c>
      <c r="L35590" t="s">
        <v>120</v>
      </c>
      <c r="M35590" t="s">
        <v>83</v>
      </c>
      <c r="N35590" t="s">
        <v>84</v>
      </c>
      <c r="O35590" t="s">
        <v>85</v>
      </c>
      <c r="P35590" t="s">
        <v>86</v>
      </c>
      <c r="Q35590">
        <v>57</v>
      </c>
      <c r="R35590">
        <v>58</v>
      </c>
      <c r="S35590">
        <v>60</v>
      </c>
      <c r="T35590">
        <v>61</v>
      </c>
      <c r="U35590">
        <v>62</v>
      </c>
      <c r="V35590">
        <v>63</v>
      </c>
      <c r="W35590">
        <v>65</v>
      </c>
      <c r="X35590">
        <v>66</v>
      </c>
      <c r="Y35590">
        <v>67</v>
      </c>
      <c r="Z35590">
        <v>68</v>
      </c>
      <c r="AA35590">
        <v>70</v>
      </c>
      <c r="AB35590">
        <v>71</v>
      </c>
      <c r="AC35590">
        <v>72</v>
      </c>
      <c r="AD35590">
        <v>73</v>
      </c>
      <c r="AE35590">
        <v>75</v>
      </c>
      <c r="AF35590">
        <v>76</v>
      </c>
      <c r="AG35590">
        <v>77</v>
      </c>
      <c r="AH35590">
        <v>79</v>
      </c>
      <c r="AI35590">
        <v>80</v>
      </c>
      <c r="AJ35590">
        <v>82</v>
      </c>
      <c r="AK35590">
        <v>83</v>
      </c>
      <c r="AL35590">
        <v>84</v>
      </c>
      <c r="AM35590">
        <v>85</v>
      </c>
      <c r="AN35590">
        <v>86</v>
      </c>
      <c r="AO35590">
        <v>86</v>
      </c>
      <c r="AP35590">
        <v>87</v>
      </c>
      <c r="AQ35590">
        <v>88</v>
      </c>
    </row>
    <row r="35591" spans="1:43">
      <c r="A35591" t="s">
        <v>22059</v>
      </c>
      <c r="B35591" t="s">
        <v>22060</v>
      </c>
      <c r="C35591" t="s">
        <v>21983</v>
      </c>
      <c r="D35591" t="s">
        <v>21984</v>
      </c>
      <c r="E35591" t="s">
        <v>21935</v>
      </c>
      <c r="F35591" t="s">
        <v>21936</v>
      </c>
      <c r="G35591" t="s">
        <v>20255</v>
      </c>
      <c r="H35591" t="s">
        <v>20256</v>
      </c>
      <c r="I35591" s="2">
        <v>1</v>
      </c>
      <c r="J35591" s="2">
        <v>0</v>
      </c>
      <c r="K35591" s="2">
        <v>0</v>
      </c>
      <c r="L35591" t="s">
        <v>120</v>
      </c>
      <c r="M35591" t="s">
        <v>87</v>
      </c>
      <c r="N35591" t="s">
        <v>88</v>
      </c>
      <c r="O35591" t="s">
        <v>85</v>
      </c>
      <c r="P35591" t="s">
        <v>86</v>
      </c>
      <c r="Q35591">
        <v>57</v>
      </c>
      <c r="R35591">
        <v>57</v>
      </c>
      <c r="S35591">
        <v>58</v>
      </c>
      <c r="T35591">
        <v>59</v>
      </c>
      <c r="U35591">
        <v>59</v>
      </c>
      <c r="V35591">
        <v>60</v>
      </c>
      <c r="W35591">
        <v>61</v>
      </c>
      <c r="X35591">
        <v>61</v>
      </c>
      <c r="Y35591">
        <v>62</v>
      </c>
      <c r="Z35591">
        <v>63</v>
      </c>
      <c r="AA35591">
        <v>63</v>
      </c>
      <c r="AB35591">
        <v>64</v>
      </c>
      <c r="AC35591">
        <v>65</v>
      </c>
      <c r="AD35591">
        <v>66</v>
      </c>
      <c r="AE35591">
        <v>66</v>
      </c>
      <c r="AF35591">
        <v>67</v>
      </c>
      <c r="AG35591">
        <v>68</v>
      </c>
      <c r="AH35591">
        <v>69</v>
      </c>
      <c r="AI35591">
        <v>70</v>
      </c>
      <c r="AJ35591">
        <v>70</v>
      </c>
      <c r="AK35591">
        <v>71</v>
      </c>
      <c r="AL35591">
        <v>72</v>
      </c>
      <c r="AM35591">
        <v>73</v>
      </c>
      <c r="AN35591">
        <v>74</v>
      </c>
      <c r="AO35591">
        <v>75</v>
      </c>
      <c r="AP35591">
        <v>76</v>
      </c>
      <c r="AQ35591">
        <v>77</v>
      </c>
    </row>
    <row r="35592" spans="1:43">
      <c r="A35592" t="s">
        <v>22059</v>
      </c>
      <c r="B35592" t="s">
        <v>22060</v>
      </c>
      <c r="C35592" t="s">
        <v>21983</v>
      </c>
      <c r="D35592" t="s">
        <v>21984</v>
      </c>
      <c r="E35592" t="s">
        <v>21935</v>
      </c>
      <c r="F35592" t="s">
        <v>21936</v>
      </c>
      <c r="G35592" t="s">
        <v>20255</v>
      </c>
      <c r="H35592" t="s">
        <v>20256</v>
      </c>
      <c r="I35592" s="2">
        <v>1</v>
      </c>
      <c r="J35592" s="2">
        <v>0</v>
      </c>
      <c r="K35592" s="2">
        <v>0</v>
      </c>
      <c r="L35592" t="s">
        <v>120</v>
      </c>
      <c r="M35592" t="s">
        <v>89</v>
      </c>
      <c r="N35592" t="s">
        <v>90</v>
      </c>
      <c r="O35592" t="s">
        <v>85</v>
      </c>
      <c r="P35592" t="s">
        <v>86</v>
      </c>
      <c r="Q35592">
        <v>57</v>
      </c>
      <c r="R35592">
        <v>58</v>
      </c>
      <c r="S35592">
        <v>60</v>
      </c>
      <c r="T35592">
        <v>62</v>
      </c>
      <c r="U35592">
        <v>64</v>
      </c>
      <c r="V35592">
        <v>65</v>
      </c>
      <c r="W35592">
        <v>67</v>
      </c>
      <c r="X35592">
        <v>68</v>
      </c>
      <c r="Y35592">
        <v>70</v>
      </c>
      <c r="Z35592">
        <v>71</v>
      </c>
      <c r="AA35592">
        <v>73</v>
      </c>
      <c r="AB35592">
        <v>75</v>
      </c>
      <c r="AC35592">
        <v>76</v>
      </c>
      <c r="AD35592">
        <v>78</v>
      </c>
      <c r="AE35592">
        <v>79</v>
      </c>
      <c r="AF35592">
        <v>80</v>
      </c>
      <c r="AG35592">
        <v>80</v>
      </c>
      <c r="AH35592">
        <v>81</v>
      </c>
      <c r="AI35592">
        <v>82</v>
      </c>
      <c r="AJ35592">
        <v>82</v>
      </c>
      <c r="AK35592">
        <v>83</v>
      </c>
      <c r="AL35592">
        <v>84</v>
      </c>
      <c r="AM35592">
        <v>85</v>
      </c>
      <c r="AN35592">
        <v>85</v>
      </c>
      <c r="AO35592">
        <v>86</v>
      </c>
      <c r="AP35592">
        <v>87</v>
      </c>
      <c r="AQ35592">
        <v>88</v>
      </c>
    </row>
    <row r="35593" spans="1:43">
      <c r="A35593" t="s">
        <v>22059</v>
      </c>
      <c r="B35593" t="s">
        <v>22060</v>
      </c>
      <c r="C35593" t="s">
        <v>21983</v>
      </c>
      <c r="D35593" t="s">
        <v>21984</v>
      </c>
      <c r="E35593" t="s">
        <v>21935</v>
      </c>
      <c r="F35593" t="s">
        <v>21936</v>
      </c>
      <c r="G35593" t="s">
        <v>20255</v>
      </c>
      <c r="H35593" t="s">
        <v>20256</v>
      </c>
      <c r="I35593" s="2">
        <v>1</v>
      </c>
      <c r="J35593" s="2">
        <v>0</v>
      </c>
      <c r="K35593" s="2">
        <v>0</v>
      </c>
      <c r="L35593" t="s">
        <v>120</v>
      </c>
      <c r="M35593" t="s">
        <v>83</v>
      </c>
      <c r="N35593" t="s">
        <v>91</v>
      </c>
      <c r="O35593" t="s">
        <v>85</v>
      </c>
      <c r="P35593" t="s">
        <v>86</v>
      </c>
      <c r="Q35593">
        <v>57</v>
      </c>
      <c r="R35593">
        <v>58</v>
      </c>
      <c r="S35593">
        <v>60</v>
      </c>
      <c r="T35593">
        <v>61</v>
      </c>
      <c r="U35593">
        <v>62</v>
      </c>
      <c r="V35593">
        <v>63</v>
      </c>
      <c r="W35593">
        <v>65</v>
      </c>
      <c r="X35593">
        <v>66</v>
      </c>
      <c r="Y35593">
        <v>67</v>
      </c>
      <c r="Z35593">
        <v>68</v>
      </c>
      <c r="AA35593">
        <v>70</v>
      </c>
      <c r="AB35593">
        <v>71</v>
      </c>
      <c r="AC35593">
        <v>72</v>
      </c>
      <c r="AD35593">
        <v>73</v>
      </c>
      <c r="AE35593">
        <v>75</v>
      </c>
      <c r="AF35593">
        <v>76</v>
      </c>
      <c r="AG35593">
        <v>77</v>
      </c>
      <c r="AH35593">
        <v>79</v>
      </c>
      <c r="AI35593">
        <v>80</v>
      </c>
      <c r="AJ35593">
        <v>82</v>
      </c>
      <c r="AK35593">
        <v>83</v>
      </c>
      <c r="AL35593">
        <v>84</v>
      </c>
      <c r="AM35593">
        <v>85</v>
      </c>
      <c r="AN35593">
        <v>86</v>
      </c>
      <c r="AO35593">
        <v>86</v>
      </c>
      <c r="AP35593">
        <v>87</v>
      </c>
      <c r="AQ35593">
        <v>88</v>
      </c>
    </row>
    <row r="35594" spans="1:43">
      <c r="A35594" t="s">
        <v>22061</v>
      </c>
      <c r="B35594" t="s">
        <v>22062</v>
      </c>
      <c r="C35594" t="s">
        <v>22063</v>
      </c>
      <c r="D35594" t="s">
        <v>22064</v>
      </c>
      <c r="E35594" t="s">
        <v>21687</v>
      </c>
      <c r="F35594" t="s">
        <v>21688</v>
      </c>
      <c r="G35594" t="s">
        <v>20255</v>
      </c>
      <c r="H35594" t="s">
        <v>20256</v>
      </c>
      <c r="I35594" s="2">
        <v>1</v>
      </c>
      <c r="J35594" s="2">
        <v>0</v>
      </c>
      <c r="K35594" s="2">
        <v>0</v>
      </c>
      <c r="L35594" t="s">
        <v>120</v>
      </c>
      <c r="M35594" t="s">
        <v>83</v>
      </c>
      <c r="N35594" t="s">
        <v>84</v>
      </c>
      <c r="O35594" t="s">
        <v>85</v>
      </c>
      <c r="P35594" t="s">
        <v>86</v>
      </c>
      <c r="Q35594">
        <v>227</v>
      </c>
      <c r="R35594">
        <v>230</v>
      </c>
      <c r="S35594">
        <v>233</v>
      </c>
      <c r="T35594">
        <v>236</v>
      </c>
      <c r="U35594">
        <v>239</v>
      </c>
      <c r="V35594">
        <v>242</v>
      </c>
      <c r="W35594">
        <v>245</v>
      </c>
      <c r="X35594">
        <v>248</v>
      </c>
      <c r="Y35594">
        <v>251</v>
      </c>
      <c r="Z35594">
        <v>253</v>
      </c>
      <c r="AA35594">
        <v>256</v>
      </c>
      <c r="AB35594">
        <v>259</v>
      </c>
      <c r="AC35594">
        <v>262</v>
      </c>
      <c r="AD35594">
        <v>265</v>
      </c>
      <c r="AE35594">
        <v>267</v>
      </c>
      <c r="AF35594">
        <v>270</v>
      </c>
      <c r="AG35594">
        <v>273</v>
      </c>
      <c r="AH35594">
        <v>276</v>
      </c>
      <c r="AI35594">
        <v>279</v>
      </c>
      <c r="AJ35594">
        <v>282</v>
      </c>
      <c r="AK35594">
        <v>285</v>
      </c>
      <c r="AL35594">
        <v>287</v>
      </c>
      <c r="AM35594">
        <v>288</v>
      </c>
      <c r="AN35594">
        <v>289</v>
      </c>
      <c r="AO35594">
        <v>290</v>
      </c>
      <c r="AP35594">
        <v>291</v>
      </c>
      <c r="AQ35594">
        <v>292</v>
      </c>
    </row>
    <row r="35595" spans="1:43">
      <c r="A35595" t="s">
        <v>22061</v>
      </c>
      <c r="B35595" t="s">
        <v>22062</v>
      </c>
      <c r="C35595" t="s">
        <v>22063</v>
      </c>
      <c r="D35595" t="s">
        <v>22064</v>
      </c>
      <c r="E35595" t="s">
        <v>21687</v>
      </c>
      <c r="F35595" t="s">
        <v>21688</v>
      </c>
      <c r="G35595" t="s">
        <v>20255</v>
      </c>
      <c r="H35595" t="s">
        <v>20256</v>
      </c>
      <c r="I35595" s="2">
        <v>1</v>
      </c>
      <c r="J35595" s="2">
        <v>0</v>
      </c>
      <c r="K35595" s="2">
        <v>0</v>
      </c>
      <c r="L35595" t="s">
        <v>120</v>
      </c>
      <c r="M35595" t="s">
        <v>87</v>
      </c>
      <c r="N35595" t="s">
        <v>88</v>
      </c>
      <c r="O35595" t="s">
        <v>85</v>
      </c>
      <c r="P35595" t="s">
        <v>86</v>
      </c>
      <c r="Q35595">
        <v>227</v>
      </c>
      <c r="R35595">
        <v>228</v>
      </c>
      <c r="S35595">
        <v>229</v>
      </c>
      <c r="T35595">
        <v>230</v>
      </c>
      <c r="U35595">
        <v>230</v>
      </c>
      <c r="V35595">
        <v>231</v>
      </c>
      <c r="W35595">
        <v>232</v>
      </c>
      <c r="X35595">
        <v>233</v>
      </c>
      <c r="Y35595">
        <v>234</v>
      </c>
      <c r="Z35595">
        <v>235</v>
      </c>
      <c r="AA35595">
        <v>236</v>
      </c>
      <c r="AB35595">
        <v>237</v>
      </c>
      <c r="AC35595">
        <v>238</v>
      </c>
      <c r="AD35595">
        <v>239</v>
      </c>
      <c r="AE35595">
        <v>240</v>
      </c>
      <c r="AF35595">
        <v>241</v>
      </c>
      <c r="AG35595">
        <v>242</v>
      </c>
      <c r="AH35595">
        <v>243</v>
      </c>
      <c r="AI35595">
        <v>244</v>
      </c>
      <c r="AJ35595">
        <v>245</v>
      </c>
      <c r="AK35595">
        <v>247</v>
      </c>
      <c r="AL35595">
        <v>248</v>
      </c>
      <c r="AM35595">
        <v>249</v>
      </c>
      <c r="AN35595">
        <v>250</v>
      </c>
      <c r="AO35595">
        <v>252</v>
      </c>
      <c r="AP35595">
        <v>253</v>
      </c>
      <c r="AQ35595">
        <v>254</v>
      </c>
    </row>
    <row r="35596" spans="1:43">
      <c r="A35596" t="s">
        <v>22061</v>
      </c>
      <c r="B35596" t="s">
        <v>22062</v>
      </c>
      <c r="C35596" t="s">
        <v>22063</v>
      </c>
      <c r="D35596" t="s">
        <v>22064</v>
      </c>
      <c r="E35596" t="s">
        <v>21687</v>
      </c>
      <c r="F35596" t="s">
        <v>21688</v>
      </c>
      <c r="G35596" t="s">
        <v>20255</v>
      </c>
      <c r="H35596" t="s">
        <v>20256</v>
      </c>
      <c r="I35596" s="2">
        <v>1</v>
      </c>
      <c r="J35596" s="2">
        <v>0</v>
      </c>
      <c r="K35596" s="2">
        <v>0</v>
      </c>
      <c r="L35596" t="s">
        <v>120</v>
      </c>
      <c r="M35596" t="s">
        <v>89</v>
      </c>
      <c r="N35596" t="s">
        <v>90</v>
      </c>
      <c r="O35596" t="s">
        <v>85</v>
      </c>
      <c r="P35596" t="s">
        <v>86</v>
      </c>
      <c r="Q35596">
        <v>227</v>
      </c>
      <c r="R35596">
        <v>232</v>
      </c>
      <c r="S35596">
        <v>237</v>
      </c>
      <c r="T35596">
        <v>242</v>
      </c>
      <c r="U35596">
        <v>246</v>
      </c>
      <c r="V35596">
        <v>251</v>
      </c>
      <c r="W35596">
        <v>255</v>
      </c>
      <c r="X35596">
        <v>259</v>
      </c>
      <c r="Y35596">
        <v>263</v>
      </c>
      <c r="Z35596">
        <v>266</v>
      </c>
      <c r="AA35596">
        <v>270</v>
      </c>
      <c r="AB35596">
        <v>274</v>
      </c>
      <c r="AC35596">
        <v>278</v>
      </c>
      <c r="AD35596">
        <v>281</v>
      </c>
      <c r="AE35596">
        <v>284</v>
      </c>
      <c r="AF35596">
        <v>285</v>
      </c>
      <c r="AG35596">
        <v>286</v>
      </c>
      <c r="AH35596">
        <v>287</v>
      </c>
      <c r="AI35596">
        <v>288</v>
      </c>
      <c r="AJ35596">
        <v>289</v>
      </c>
      <c r="AK35596">
        <v>290</v>
      </c>
      <c r="AL35596">
        <v>291</v>
      </c>
      <c r="AM35596">
        <v>292</v>
      </c>
      <c r="AN35596">
        <v>293</v>
      </c>
      <c r="AO35596">
        <v>294</v>
      </c>
      <c r="AP35596">
        <v>295</v>
      </c>
      <c r="AQ35596">
        <v>296</v>
      </c>
    </row>
    <row r="35597" spans="1:43">
      <c r="A35597" t="s">
        <v>22061</v>
      </c>
      <c r="B35597" t="s">
        <v>22062</v>
      </c>
      <c r="C35597" t="s">
        <v>22063</v>
      </c>
      <c r="D35597" t="s">
        <v>22064</v>
      </c>
      <c r="E35597" t="s">
        <v>21687</v>
      </c>
      <c r="F35597" t="s">
        <v>21688</v>
      </c>
      <c r="G35597" t="s">
        <v>20255</v>
      </c>
      <c r="H35597" t="s">
        <v>20256</v>
      </c>
      <c r="I35597" s="2">
        <v>1</v>
      </c>
      <c r="J35597" s="2">
        <v>0</v>
      </c>
      <c r="K35597" s="2">
        <v>0</v>
      </c>
      <c r="L35597" t="s">
        <v>120</v>
      </c>
      <c r="M35597" t="s">
        <v>83</v>
      </c>
      <c r="N35597" t="s">
        <v>91</v>
      </c>
      <c r="O35597" t="s">
        <v>85</v>
      </c>
      <c r="P35597" t="s">
        <v>86</v>
      </c>
      <c r="Q35597">
        <v>227</v>
      </c>
      <c r="R35597">
        <v>230</v>
      </c>
      <c r="S35597">
        <v>233</v>
      </c>
      <c r="T35597">
        <v>236</v>
      </c>
      <c r="U35597">
        <v>239</v>
      </c>
      <c r="V35597">
        <v>242</v>
      </c>
      <c r="W35597">
        <v>245</v>
      </c>
      <c r="X35597">
        <v>248</v>
      </c>
      <c r="Y35597">
        <v>251</v>
      </c>
      <c r="Z35597">
        <v>253</v>
      </c>
      <c r="AA35597">
        <v>256</v>
      </c>
      <c r="AB35597">
        <v>259</v>
      </c>
      <c r="AC35597">
        <v>262</v>
      </c>
      <c r="AD35597">
        <v>265</v>
      </c>
      <c r="AE35597">
        <v>267</v>
      </c>
      <c r="AF35597">
        <v>270</v>
      </c>
      <c r="AG35597">
        <v>273</v>
      </c>
      <c r="AH35597">
        <v>276</v>
      </c>
      <c r="AI35597">
        <v>279</v>
      </c>
      <c r="AJ35597">
        <v>282</v>
      </c>
      <c r="AK35597">
        <v>285</v>
      </c>
      <c r="AL35597">
        <v>287</v>
      </c>
      <c r="AM35597">
        <v>288</v>
      </c>
      <c r="AN35597">
        <v>289</v>
      </c>
      <c r="AO35597">
        <v>290</v>
      </c>
      <c r="AP35597">
        <v>291</v>
      </c>
      <c r="AQ35597">
        <v>292</v>
      </c>
    </row>
    <row r="35598" spans="1:43">
      <c r="A35598" t="s">
        <v>22065</v>
      </c>
      <c r="B35598" t="s">
        <v>22066</v>
      </c>
      <c r="C35598" t="s">
        <v>22067</v>
      </c>
      <c r="D35598" t="s">
        <v>22068</v>
      </c>
      <c r="E35598" t="s">
        <v>21687</v>
      </c>
      <c r="F35598" t="s">
        <v>21688</v>
      </c>
      <c r="G35598" t="s">
        <v>20255</v>
      </c>
      <c r="H35598" t="s">
        <v>20256</v>
      </c>
      <c r="I35598" s="2">
        <v>1</v>
      </c>
      <c r="J35598" s="2">
        <v>0</v>
      </c>
      <c r="K35598" s="2">
        <v>0</v>
      </c>
      <c r="L35598" t="s">
        <v>120</v>
      </c>
      <c r="M35598" t="s">
        <v>83</v>
      </c>
      <c r="N35598" t="s">
        <v>84</v>
      </c>
      <c r="O35598" t="s">
        <v>85</v>
      </c>
      <c r="P35598" t="s">
        <v>86</v>
      </c>
      <c r="Q35598">
        <v>24</v>
      </c>
      <c r="R35598">
        <v>25</v>
      </c>
      <c r="S35598">
        <v>25</v>
      </c>
      <c r="T35598">
        <v>25</v>
      </c>
      <c r="U35598">
        <v>26</v>
      </c>
      <c r="V35598">
        <v>26</v>
      </c>
      <c r="W35598">
        <v>26</v>
      </c>
      <c r="X35598">
        <v>26</v>
      </c>
      <c r="Y35598">
        <v>27</v>
      </c>
      <c r="Z35598">
        <v>27</v>
      </c>
      <c r="AA35598">
        <v>27</v>
      </c>
      <c r="AB35598">
        <v>27</v>
      </c>
      <c r="AC35598">
        <v>28</v>
      </c>
      <c r="AD35598">
        <v>28</v>
      </c>
      <c r="AE35598">
        <v>28</v>
      </c>
      <c r="AF35598">
        <v>29</v>
      </c>
      <c r="AG35598">
        <v>29</v>
      </c>
      <c r="AH35598">
        <v>29</v>
      </c>
      <c r="AI35598">
        <v>29</v>
      </c>
      <c r="AJ35598">
        <v>30</v>
      </c>
      <c r="AK35598">
        <v>30</v>
      </c>
      <c r="AL35598">
        <v>30</v>
      </c>
      <c r="AM35598">
        <v>30</v>
      </c>
      <c r="AN35598">
        <v>30</v>
      </c>
      <c r="AO35598">
        <v>30</v>
      </c>
      <c r="AP35598">
        <v>30</v>
      </c>
      <c r="AQ35598">
        <v>30</v>
      </c>
    </row>
    <row r="35599" spans="1:43">
      <c r="A35599" t="s">
        <v>22065</v>
      </c>
      <c r="B35599" t="s">
        <v>22066</v>
      </c>
      <c r="C35599" t="s">
        <v>22067</v>
      </c>
      <c r="D35599" t="s">
        <v>22068</v>
      </c>
      <c r="E35599" t="s">
        <v>21687</v>
      </c>
      <c r="F35599" t="s">
        <v>21688</v>
      </c>
      <c r="G35599" t="s">
        <v>20255</v>
      </c>
      <c r="H35599" t="s">
        <v>20256</v>
      </c>
      <c r="I35599" s="2">
        <v>1</v>
      </c>
      <c r="J35599" s="2">
        <v>0</v>
      </c>
      <c r="K35599" s="2">
        <v>0</v>
      </c>
      <c r="L35599" t="s">
        <v>120</v>
      </c>
      <c r="M35599" t="s">
        <v>87</v>
      </c>
      <c r="N35599" t="s">
        <v>88</v>
      </c>
      <c r="O35599" t="s">
        <v>85</v>
      </c>
      <c r="P35599" t="s">
        <v>86</v>
      </c>
      <c r="Q35599">
        <v>24</v>
      </c>
      <c r="R35599">
        <v>24</v>
      </c>
      <c r="S35599">
        <v>24</v>
      </c>
      <c r="T35599">
        <v>24</v>
      </c>
      <c r="U35599">
        <v>24</v>
      </c>
      <c r="V35599">
        <v>24</v>
      </c>
      <c r="W35599">
        <v>25</v>
      </c>
      <c r="X35599">
        <v>25</v>
      </c>
      <c r="Y35599">
        <v>25</v>
      </c>
      <c r="Z35599">
        <v>25</v>
      </c>
      <c r="AA35599">
        <v>25</v>
      </c>
      <c r="AB35599">
        <v>25</v>
      </c>
      <c r="AC35599">
        <v>25</v>
      </c>
      <c r="AD35599">
        <v>25</v>
      </c>
      <c r="AE35599">
        <v>25</v>
      </c>
      <c r="AF35599">
        <v>25</v>
      </c>
      <c r="AG35599">
        <v>25</v>
      </c>
      <c r="AH35599">
        <v>25</v>
      </c>
      <c r="AI35599">
        <v>26</v>
      </c>
      <c r="AJ35599">
        <v>26</v>
      </c>
      <c r="AK35599">
        <v>26</v>
      </c>
      <c r="AL35599">
        <v>26</v>
      </c>
      <c r="AM35599">
        <v>26</v>
      </c>
      <c r="AN35599">
        <v>26</v>
      </c>
      <c r="AO35599">
        <v>26</v>
      </c>
      <c r="AP35599">
        <v>26</v>
      </c>
      <c r="AQ35599">
        <v>26</v>
      </c>
    </row>
    <row r="35600" spans="1:43">
      <c r="A35600" t="s">
        <v>22065</v>
      </c>
      <c r="B35600" t="s">
        <v>22066</v>
      </c>
      <c r="C35600" t="s">
        <v>22067</v>
      </c>
      <c r="D35600" t="s">
        <v>22068</v>
      </c>
      <c r="E35600" t="s">
        <v>21687</v>
      </c>
      <c r="F35600" t="s">
        <v>21688</v>
      </c>
      <c r="G35600" t="s">
        <v>20255</v>
      </c>
      <c r="H35600" t="s">
        <v>20256</v>
      </c>
      <c r="I35600" s="2">
        <v>1</v>
      </c>
      <c r="J35600" s="2">
        <v>0</v>
      </c>
      <c r="K35600" s="2">
        <v>0</v>
      </c>
      <c r="L35600" t="s">
        <v>120</v>
      </c>
      <c r="M35600" t="s">
        <v>89</v>
      </c>
      <c r="N35600" t="s">
        <v>90</v>
      </c>
      <c r="O35600" t="s">
        <v>85</v>
      </c>
      <c r="P35600" t="s">
        <v>86</v>
      </c>
      <c r="Q35600">
        <v>24</v>
      </c>
      <c r="R35600">
        <v>24</v>
      </c>
      <c r="S35600">
        <v>25</v>
      </c>
      <c r="T35600">
        <v>25</v>
      </c>
      <c r="U35600">
        <v>26</v>
      </c>
      <c r="V35600">
        <v>26</v>
      </c>
      <c r="W35600">
        <v>26</v>
      </c>
      <c r="X35600">
        <v>27</v>
      </c>
      <c r="Y35600">
        <v>27</v>
      </c>
      <c r="Z35600">
        <v>27</v>
      </c>
      <c r="AA35600">
        <v>28</v>
      </c>
      <c r="AB35600">
        <v>28</v>
      </c>
      <c r="AC35600">
        <v>29</v>
      </c>
      <c r="AD35600">
        <v>29</v>
      </c>
      <c r="AE35600">
        <v>29</v>
      </c>
      <c r="AF35600">
        <v>29</v>
      </c>
      <c r="AG35600">
        <v>29</v>
      </c>
      <c r="AH35600">
        <v>29</v>
      </c>
      <c r="AI35600">
        <v>29</v>
      </c>
      <c r="AJ35600">
        <v>29</v>
      </c>
      <c r="AK35600">
        <v>30</v>
      </c>
      <c r="AL35600">
        <v>30</v>
      </c>
      <c r="AM35600">
        <v>30</v>
      </c>
      <c r="AN35600">
        <v>30</v>
      </c>
      <c r="AO35600">
        <v>30</v>
      </c>
      <c r="AP35600">
        <v>30</v>
      </c>
      <c r="AQ35600">
        <v>30</v>
      </c>
    </row>
    <row r="35601" spans="1:43">
      <c r="A35601" t="s">
        <v>22065</v>
      </c>
      <c r="B35601" t="s">
        <v>22066</v>
      </c>
      <c r="C35601" t="s">
        <v>22067</v>
      </c>
      <c r="D35601" t="s">
        <v>22068</v>
      </c>
      <c r="E35601" t="s">
        <v>21687</v>
      </c>
      <c r="F35601" t="s">
        <v>21688</v>
      </c>
      <c r="G35601" t="s">
        <v>20255</v>
      </c>
      <c r="H35601" t="s">
        <v>20256</v>
      </c>
      <c r="I35601" s="2">
        <v>1</v>
      </c>
      <c r="J35601" s="2">
        <v>0</v>
      </c>
      <c r="K35601" s="2">
        <v>0</v>
      </c>
      <c r="L35601" t="s">
        <v>120</v>
      </c>
      <c r="M35601" t="s">
        <v>83</v>
      </c>
      <c r="N35601" t="s">
        <v>91</v>
      </c>
      <c r="O35601" t="s">
        <v>85</v>
      </c>
      <c r="P35601" t="s">
        <v>86</v>
      </c>
      <c r="Q35601">
        <v>24</v>
      </c>
      <c r="R35601">
        <v>25</v>
      </c>
      <c r="S35601">
        <v>25</v>
      </c>
      <c r="T35601">
        <v>25</v>
      </c>
      <c r="U35601">
        <v>26</v>
      </c>
      <c r="V35601">
        <v>26</v>
      </c>
      <c r="W35601">
        <v>26</v>
      </c>
      <c r="X35601">
        <v>26</v>
      </c>
      <c r="Y35601">
        <v>27</v>
      </c>
      <c r="Z35601">
        <v>27</v>
      </c>
      <c r="AA35601">
        <v>27</v>
      </c>
      <c r="AB35601">
        <v>27</v>
      </c>
      <c r="AC35601">
        <v>28</v>
      </c>
      <c r="AD35601">
        <v>28</v>
      </c>
      <c r="AE35601">
        <v>28</v>
      </c>
      <c r="AF35601">
        <v>29</v>
      </c>
      <c r="AG35601">
        <v>29</v>
      </c>
      <c r="AH35601">
        <v>29</v>
      </c>
      <c r="AI35601">
        <v>29</v>
      </c>
      <c r="AJ35601">
        <v>30</v>
      </c>
      <c r="AK35601">
        <v>30</v>
      </c>
      <c r="AL35601">
        <v>30</v>
      </c>
      <c r="AM35601">
        <v>30</v>
      </c>
      <c r="AN35601">
        <v>30</v>
      </c>
      <c r="AO35601">
        <v>30</v>
      </c>
      <c r="AP35601">
        <v>30</v>
      </c>
      <c r="AQ35601">
        <v>30</v>
      </c>
    </row>
    <row r="35602" spans="1:43">
      <c r="A35602" t="s">
        <v>22069</v>
      </c>
      <c r="B35602" t="s">
        <v>22070</v>
      </c>
      <c r="C35602" t="s">
        <v>22063</v>
      </c>
      <c r="D35602" t="s">
        <v>22064</v>
      </c>
      <c r="E35602" t="s">
        <v>21687</v>
      </c>
      <c r="F35602" t="s">
        <v>21688</v>
      </c>
      <c r="G35602" t="s">
        <v>20255</v>
      </c>
      <c r="H35602" t="s">
        <v>20256</v>
      </c>
      <c r="I35602" s="2">
        <v>1</v>
      </c>
      <c r="J35602" s="2">
        <v>0</v>
      </c>
      <c r="K35602" s="2">
        <v>0</v>
      </c>
      <c r="L35602" t="s">
        <v>120</v>
      </c>
      <c r="M35602" t="s">
        <v>83</v>
      </c>
      <c r="N35602" t="s">
        <v>84</v>
      </c>
      <c r="O35602" t="s">
        <v>85</v>
      </c>
      <c r="P35602" t="s">
        <v>86</v>
      </c>
      <c r="Q35602">
        <v>41</v>
      </c>
      <c r="R35602">
        <v>41</v>
      </c>
      <c r="S35602">
        <v>42</v>
      </c>
      <c r="T35602">
        <v>42</v>
      </c>
      <c r="U35602">
        <v>43</v>
      </c>
      <c r="V35602">
        <v>43</v>
      </c>
      <c r="W35602">
        <v>44</v>
      </c>
      <c r="X35602">
        <v>44</v>
      </c>
      <c r="Y35602">
        <v>45</v>
      </c>
      <c r="Z35602">
        <v>45</v>
      </c>
      <c r="AA35602">
        <v>45</v>
      </c>
      <c r="AB35602">
        <v>46</v>
      </c>
      <c r="AC35602">
        <v>46</v>
      </c>
      <c r="AD35602">
        <v>47</v>
      </c>
      <c r="AE35602">
        <v>47</v>
      </c>
      <c r="AF35602">
        <v>48</v>
      </c>
      <c r="AG35602">
        <v>48</v>
      </c>
      <c r="AH35602">
        <v>48</v>
      </c>
      <c r="AI35602">
        <v>49</v>
      </c>
      <c r="AJ35602">
        <v>49</v>
      </c>
      <c r="AK35602">
        <v>50</v>
      </c>
      <c r="AL35602">
        <v>50</v>
      </c>
      <c r="AM35602">
        <v>50</v>
      </c>
      <c r="AN35602">
        <v>50</v>
      </c>
      <c r="AO35602">
        <v>50</v>
      </c>
      <c r="AP35602">
        <v>50</v>
      </c>
      <c r="AQ35602">
        <v>50</v>
      </c>
    </row>
    <row r="35603" spans="1:43">
      <c r="A35603" t="s">
        <v>22069</v>
      </c>
      <c r="B35603" t="s">
        <v>22070</v>
      </c>
      <c r="C35603" t="s">
        <v>22063</v>
      </c>
      <c r="D35603" t="s">
        <v>22064</v>
      </c>
      <c r="E35603" t="s">
        <v>21687</v>
      </c>
      <c r="F35603" t="s">
        <v>21688</v>
      </c>
      <c r="G35603" t="s">
        <v>20255</v>
      </c>
      <c r="H35603" t="s">
        <v>20256</v>
      </c>
      <c r="I35603" s="2">
        <v>1</v>
      </c>
      <c r="J35603" s="2">
        <v>0</v>
      </c>
      <c r="K35603" s="2">
        <v>0</v>
      </c>
      <c r="L35603" t="s">
        <v>120</v>
      </c>
      <c r="M35603" t="s">
        <v>87</v>
      </c>
      <c r="N35603" t="s">
        <v>88</v>
      </c>
      <c r="O35603" t="s">
        <v>85</v>
      </c>
      <c r="P35603" t="s">
        <v>86</v>
      </c>
      <c r="Q35603">
        <v>41</v>
      </c>
      <c r="R35603">
        <v>42</v>
      </c>
      <c r="S35603">
        <v>42</v>
      </c>
      <c r="T35603">
        <v>42</v>
      </c>
      <c r="U35603">
        <v>42</v>
      </c>
      <c r="V35603">
        <v>42</v>
      </c>
      <c r="W35603">
        <v>42</v>
      </c>
      <c r="X35603">
        <v>42</v>
      </c>
      <c r="Y35603">
        <v>42</v>
      </c>
      <c r="Z35603">
        <v>42</v>
      </c>
      <c r="AA35603">
        <v>42</v>
      </c>
      <c r="AB35603">
        <v>43</v>
      </c>
      <c r="AC35603">
        <v>43</v>
      </c>
      <c r="AD35603">
        <v>43</v>
      </c>
      <c r="AE35603">
        <v>43</v>
      </c>
      <c r="AF35603">
        <v>43</v>
      </c>
      <c r="AG35603">
        <v>43</v>
      </c>
      <c r="AH35603">
        <v>43</v>
      </c>
      <c r="AI35603">
        <v>44</v>
      </c>
      <c r="AJ35603">
        <v>44</v>
      </c>
      <c r="AK35603">
        <v>44</v>
      </c>
      <c r="AL35603">
        <v>44</v>
      </c>
      <c r="AM35603">
        <v>44</v>
      </c>
      <c r="AN35603">
        <v>44</v>
      </c>
      <c r="AO35603">
        <v>44</v>
      </c>
      <c r="AP35603">
        <v>45</v>
      </c>
      <c r="AQ35603">
        <v>45</v>
      </c>
    </row>
    <row r="35604" spans="1:43">
      <c r="A35604" t="s">
        <v>22069</v>
      </c>
      <c r="B35604" t="s">
        <v>22070</v>
      </c>
      <c r="C35604" t="s">
        <v>22063</v>
      </c>
      <c r="D35604" t="s">
        <v>22064</v>
      </c>
      <c r="E35604" t="s">
        <v>21687</v>
      </c>
      <c r="F35604" t="s">
        <v>21688</v>
      </c>
      <c r="G35604" t="s">
        <v>20255</v>
      </c>
      <c r="H35604" t="s">
        <v>20256</v>
      </c>
      <c r="I35604" s="2">
        <v>1</v>
      </c>
      <c r="J35604" s="2">
        <v>0</v>
      </c>
      <c r="K35604" s="2">
        <v>0</v>
      </c>
      <c r="L35604" t="s">
        <v>120</v>
      </c>
      <c r="M35604" t="s">
        <v>89</v>
      </c>
      <c r="N35604" t="s">
        <v>90</v>
      </c>
      <c r="O35604" t="s">
        <v>85</v>
      </c>
      <c r="P35604" t="s">
        <v>86</v>
      </c>
      <c r="Q35604">
        <v>41</v>
      </c>
      <c r="R35604">
        <v>42</v>
      </c>
      <c r="S35604">
        <v>43</v>
      </c>
      <c r="T35604">
        <v>44</v>
      </c>
      <c r="U35604">
        <v>44</v>
      </c>
      <c r="V35604">
        <v>45</v>
      </c>
      <c r="W35604">
        <v>46</v>
      </c>
      <c r="X35604">
        <v>46</v>
      </c>
      <c r="Y35604">
        <v>47</v>
      </c>
      <c r="Z35604">
        <v>48</v>
      </c>
      <c r="AA35604">
        <v>48</v>
      </c>
      <c r="AB35604">
        <v>49</v>
      </c>
      <c r="AC35604">
        <v>49</v>
      </c>
      <c r="AD35604">
        <v>50</v>
      </c>
      <c r="AE35604">
        <v>50</v>
      </c>
      <c r="AF35604">
        <v>50</v>
      </c>
      <c r="AG35604">
        <v>50</v>
      </c>
      <c r="AH35604">
        <v>50</v>
      </c>
      <c r="AI35604">
        <v>51</v>
      </c>
      <c r="AJ35604">
        <v>51</v>
      </c>
      <c r="AK35604">
        <v>51</v>
      </c>
      <c r="AL35604">
        <v>51</v>
      </c>
      <c r="AM35604">
        <v>51</v>
      </c>
      <c r="AN35604">
        <v>51</v>
      </c>
      <c r="AO35604">
        <v>51</v>
      </c>
      <c r="AP35604">
        <v>51</v>
      </c>
      <c r="AQ35604">
        <v>51</v>
      </c>
    </row>
    <row r="35605" spans="1:43">
      <c r="A35605" t="s">
        <v>22069</v>
      </c>
      <c r="B35605" t="s">
        <v>22070</v>
      </c>
      <c r="C35605" t="s">
        <v>22063</v>
      </c>
      <c r="D35605" t="s">
        <v>22064</v>
      </c>
      <c r="E35605" t="s">
        <v>21687</v>
      </c>
      <c r="F35605" t="s">
        <v>21688</v>
      </c>
      <c r="G35605" t="s">
        <v>20255</v>
      </c>
      <c r="H35605" t="s">
        <v>20256</v>
      </c>
      <c r="I35605" s="2">
        <v>1</v>
      </c>
      <c r="J35605" s="2">
        <v>0</v>
      </c>
      <c r="K35605" s="2">
        <v>0</v>
      </c>
      <c r="L35605" t="s">
        <v>120</v>
      </c>
      <c r="M35605" t="s">
        <v>83</v>
      </c>
      <c r="N35605" t="s">
        <v>91</v>
      </c>
      <c r="O35605" t="s">
        <v>85</v>
      </c>
      <c r="P35605" t="s">
        <v>86</v>
      </c>
      <c r="Q35605">
        <v>41</v>
      </c>
      <c r="R35605">
        <v>41</v>
      </c>
      <c r="S35605">
        <v>42</v>
      </c>
      <c r="T35605">
        <v>42</v>
      </c>
      <c r="U35605">
        <v>43</v>
      </c>
      <c r="V35605">
        <v>43</v>
      </c>
      <c r="W35605">
        <v>44</v>
      </c>
      <c r="X35605">
        <v>44</v>
      </c>
      <c r="Y35605">
        <v>45</v>
      </c>
      <c r="Z35605">
        <v>45</v>
      </c>
      <c r="AA35605">
        <v>45</v>
      </c>
      <c r="AB35605">
        <v>46</v>
      </c>
      <c r="AC35605">
        <v>46</v>
      </c>
      <c r="AD35605">
        <v>47</v>
      </c>
      <c r="AE35605">
        <v>47</v>
      </c>
      <c r="AF35605">
        <v>48</v>
      </c>
      <c r="AG35605">
        <v>48</v>
      </c>
      <c r="AH35605">
        <v>48</v>
      </c>
      <c r="AI35605">
        <v>49</v>
      </c>
      <c r="AJ35605">
        <v>49</v>
      </c>
      <c r="AK35605">
        <v>50</v>
      </c>
      <c r="AL35605">
        <v>50</v>
      </c>
      <c r="AM35605">
        <v>50</v>
      </c>
      <c r="AN35605">
        <v>50</v>
      </c>
      <c r="AO35605">
        <v>50</v>
      </c>
      <c r="AP35605">
        <v>50</v>
      </c>
      <c r="AQ35605">
        <v>50</v>
      </c>
    </row>
    <row r="35606" spans="1:43">
      <c r="A35606" t="s">
        <v>22071</v>
      </c>
      <c r="B35606" t="s">
        <v>22072</v>
      </c>
      <c r="C35606" t="s">
        <v>22073</v>
      </c>
      <c r="D35606" t="s">
        <v>22074</v>
      </c>
      <c r="E35606" t="s">
        <v>21687</v>
      </c>
      <c r="F35606" t="s">
        <v>21688</v>
      </c>
      <c r="G35606" t="s">
        <v>20255</v>
      </c>
      <c r="H35606" t="s">
        <v>20256</v>
      </c>
      <c r="I35606" s="2">
        <v>1</v>
      </c>
      <c r="J35606" s="2">
        <v>0</v>
      </c>
      <c r="K35606" s="2">
        <v>0</v>
      </c>
      <c r="L35606" t="s">
        <v>120</v>
      </c>
      <c r="M35606" t="s">
        <v>83</v>
      </c>
      <c r="N35606" t="s">
        <v>84</v>
      </c>
      <c r="O35606" t="s">
        <v>85</v>
      </c>
      <c r="P35606" t="s">
        <v>86</v>
      </c>
      <c r="Q35606">
        <v>41</v>
      </c>
      <c r="R35606">
        <v>41</v>
      </c>
      <c r="S35606">
        <v>41</v>
      </c>
      <c r="T35606">
        <v>42</v>
      </c>
      <c r="U35606">
        <v>42</v>
      </c>
      <c r="V35606">
        <v>42</v>
      </c>
      <c r="W35606">
        <v>43</v>
      </c>
      <c r="X35606">
        <v>43</v>
      </c>
      <c r="Y35606">
        <v>43</v>
      </c>
      <c r="Z35606">
        <v>44</v>
      </c>
      <c r="AA35606">
        <v>44</v>
      </c>
      <c r="AB35606">
        <v>44</v>
      </c>
      <c r="AC35606">
        <v>45</v>
      </c>
      <c r="AD35606">
        <v>45</v>
      </c>
      <c r="AE35606">
        <v>45</v>
      </c>
      <c r="AF35606">
        <v>46</v>
      </c>
      <c r="AG35606">
        <v>46</v>
      </c>
      <c r="AH35606">
        <v>46</v>
      </c>
      <c r="AI35606">
        <v>46</v>
      </c>
      <c r="AJ35606">
        <v>47</v>
      </c>
      <c r="AK35606">
        <v>47</v>
      </c>
      <c r="AL35606">
        <v>47</v>
      </c>
      <c r="AM35606">
        <v>47</v>
      </c>
      <c r="AN35606">
        <v>47</v>
      </c>
      <c r="AO35606">
        <v>47</v>
      </c>
      <c r="AP35606">
        <v>47</v>
      </c>
      <c r="AQ35606">
        <v>47</v>
      </c>
    </row>
    <row r="35607" spans="1:43">
      <c r="A35607" t="s">
        <v>22071</v>
      </c>
      <c r="B35607" t="s">
        <v>22072</v>
      </c>
      <c r="C35607" t="s">
        <v>22073</v>
      </c>
      <c r="D35607" t="s">
        <v>22074</v>
      </c>
      <c r="E35607" t="s">
        <v>21687</v>
      </c>
      <c r="F35607" t="s">
        <v>21688</v>
      </c>
      <c r="G35607" t="s">
        <v>20255</v>
      </c>
      <c r="H35607" t="s">
        <v>20256</v>
      </c>
      <c r="I35607" s="2">
        <v>1</v>
      </c>
      <c r="J35607" s="2">
        <v>0</v>
      </c>
      <c r="K35607" s="2">
        <v>0</v>
      </c>
      <c r="L35607" t="s">
        <v>120</v>
      </c>
      <c r="M35607" t="s">
        <v>87</v>
      </c>
      <c r="N35607" t="s">
        <v>88</v>
      </c>
      <c r="O35607" t="s">
        <v>85</v>
      </c>
      <c r="P35607" t="s">
        <v>86</v>
      </c>
      <c r="Q35607">
        <v>41</v>
      </c>
      <c r="R35607">
        <v>41</v>
      </c>
      <c r="S35607">
        <v>41</v>
      </c>
      <c r="T35607">
        <v>41</v>
      </c>
      <c r="U35607">
        <v>41</v>
      </c>
      <c r="V35607">
        <v>41</v>
      </c>
      <c r="W35607">
        <v>41</v>
      </c>
      <c r="X35607">
        <v>41</v>
      </c>
      <c r="Y35607">
        <v>41</v>
      </c>
      <c r="Z35607">
        <v>41</v>
      </c>
      <c r="AA35607">
        <v>41</v>
      </c>
      <c r="AB35607">
        <v>41</v>
      </c>
      <c r="AC35607">
        <v>41</v>
      </c>
      <c r="AD35607">
        <v>41</v>
      </c>
      <c r="AE35607">
        <v>41</v>
      </c>
      <c r="AF35607">
        <v>41</v>
      </c>
      <c r="AG35607">
        <v>41</v>
      </c>
      <c r="AH35607">
        <v>41</v>
      </c>
      <c r="AI35607">
        <v>41</v>
      </c>
      <c r="AJ35607">
        <v>41</v>
      </c>
      <c r="AK35607">
        <v>41</v>
      </c>
      <c r="AL35607">
        <v>41</v>
      </c>
      <c r="AM35607">
        <v>41</v>
      </c>
      <c r="AN35607">
        <v>41</v>
      </c>
      <c r="AO35607">
        <v>41</v>
      </c>
      <c r="AP35607">
        <v>41</v>
      </c>
      <c r="AQ35607">
        <v>41</v>
      </c>
    </row>
    <row r="35608" spans="1:43">
      <c r="A35608" t="s">
        <v>22071</v>
      </c>
      <c r="B35608" t="s">
        <v>22072</v>
      </c>
      <c r="C35608" t="s">
        <v>22073</v>
      </c>
      <c r="D35608" t="s">
        <v>22074</v>
      </c>
      <c r="E35608" t="s">
        <v>21687</v>
      </c>
      <c r="F35608" t="s">
        <v>21688</v>
      </c>
      <c r="G35608" t="s">
        <v>20255</v>
      </c>
      <c r="H35608" t="s">
        <v>20256</v>
      </c>
      <c r="I35608" s="2">
        <v>1</v>
      </c>
      <c r="J35608" s="2">
        <v>0</v>
      </c>
      <c r="K35608" s="2">
        <v>0</v>
      </c>
      <c r="L35608" t="s">
        <v>120</v>
      </c>
      <c r="M35608" t="s">
        <v>89</v>
      </c>
      <c r="N35608" t="s">
        <v>90</v>
      </c>
      <c r="O35608" t="s">
        <v>85</v>
      </c>
      <c r="P35608" t="s">
        <v>86</v>
      </c>
      <c r="Q35608">
        <v>41</v>
      </c>
      <c r="R35608">
        <v>42</v>
      </c>
      <c r="S35608">
        <v>42</v>
      </c>
      <c r="T35608">
        <v>43</v>
      </c>
      <c r="U35608">
        <v>44</v>
      </c>
      <c r="V35608">
        <v>44</v>
      </c>
      <c r="W35608">
        <v>45</v>
      </c>
      <c r="X35608">
        <v>45</v>
      </c>
      <c r="Y35608">
        <v>46</v>
      </c>
      <c r="Z35608">
        <v>46</v>
      </c>
      <c r="AA35608">
        <v>47</v>
      </c>
      <c r="AB35608">
        <v>47</v>
      </c>
      <c r="AC35608">
        <v>48</v>
      </c>
      <c r="AD35608">
        <v>48</v>
      </c>
      <c r="AE35608">
        <v>49</v>
      </c>
      <c r="AF35608">
        <v>48</v>
      </c>
      <c r="AG35608">
        <v>48</v>
      </c>
      <c r="AH35608">
        <v>48</v>
      </c>
      <c r="AI35608">
        <v>48</v>
      </c>
      <c r="AJ35608">
        <v>48</v>
      </c>
      <c r="AK35608">
        <v>48</v>
      </c>
      <c r="AL35608">
        <v>48</v>
      </c>
      <c r="AM35608">
        <v>48</v>
      </c>
      <c r="AN35608">
        <v>48</v>
      </c>
      <c r="AO35608">
        <v>47</v>
      </c>
      <c r="AP35608">
        <v>47</v>
      </c>
      <c r="AQ35608">
        <v>47</v>
      </c>
    </row>
    <row r="35609" spans="1:43">
      <c r="A35609" t="s">
        <v>22071</v>
      </c>
      <c r="B35609" t="s">
        <v>22072</v>
      </c>
      <c r="C35609" t="s">
        <v>22073</v>
      </c>
      <c r="D35609" t="s">
        <v>22074</v>
      </c>
      <c r="E35609" t="s">
        <v>21687</v>
      </c>
      <c r="F35609" t="s">
        <v>21688</v>
      </c>
      <c r="G35609" t="s">
        <v>20255</v>
      </c>
      <c r="H35609" t="s">
        <v>20256</v>
      </c>
      <c r="I35609" s="2">
        <v>1</v>
      </c>
      <c r="J35609" s="2">
        <v>0</v>
      </c>
      <c r="K35609" s="2">
        <v>0</v>
      </c>
      <c r="L35609" t="s">
        <v>120</v>
      </c>
      <c r="M35609" t="s">
        <v>83</v>
      </c>
      <c r="N35609" t="s">
        <v>91</v>
      </c>
      <c r="O35609" t="s">
        <v>85</v>
      </c>
      <c r="P35609" t="s">
        <v>86</v>
      </c>
      <c r="Q35609">
        <v>41</v>
      </c>
      <c r="R35609">
        <v>41</v>
      </c>
      <c r="S35609">
        <v>41</v>
      </c>
      <c r="T35609">
        <v>42</v>
      </c>
      <c r="U35609">
        <v>42</v>
      </c>
      <c r="V35609">
        <v>42</v>
      </c>
      <c r="W35609">
        <v>43</v>
      </c>
      <c r="X35609">
        <v>43</v>
      </c>
      <c r="Y35609">
        <v>43</v>
      </c>
      <c r="Z35609">
        <v>44</v>
      </c>
      <c r="AA35609">
        <v>44</v>
      </c>
      <c r="AB35609">
        <v>44</v>
      </c>
      <c r="AC35609">
        <v>45</v>
      </c>
      <c r="AD35609">
        <v>45</v>
      </c>
      <c r="AE35609">
        <v>45</v>
      </c>
      <c r="AF35609">
        <v>46</v>
      </c>
      <c r="AG35609">
        <v>46</v>
      </c>
      <c r="AH35609">
        <v>46</v>
      </c>
      <c r="AI35609">
        <v>46</v>
      </c>
      <c r="AJ35609">
        <v>47</v>
      </c>
      <c r="AK35609">
        <v>47</v>
      </c>
      <c r="AL35609">
        <v>47</v>
      </c>
      <c r="AM35609">
        <v>47</v>
      </c>
      <c r="AN35609">
        <v>47</v>
      </c>
      <c r="AO35609">
        <v>47</v>
      </c>
      <c r="AP35609">
        <v>47</v>
      </c>
      <c r="AQ35609">
        <v>47</v>
      </c>
    </row>
    <row r="35610" spans="1:43">
      <c r="A35610" t="s">
        <v>22075</v>
      </c>
      <c r="B35610" t="s">
        <v>22076</v>
      </c>
      <c r="C35610" t="s">
        <v>22077</v>
      </c>
      <c r="D35610" t="s">
        <v>22078</v>
      </c>
      <c r="E35610" t="s">
        <v>21687</v>
      </c>
      <c r="F35610" t="s">
        <v>21688</v>
      </c>
      <c r="G35610" t="s">
        <v>20255</v>
      </c>
      <c r="H35610" t="s">
        <v>20256</v>
      </c>
      <c r="I35610" s="2">
        <v>1</v>
      </c>
      <c r="J35610" s="2">
        <v>0</v>
      </c>
      <c r="K35610" s="2">
        <v>0</v>
      </c>
      <c r="L35610" t="s">
        <v>120</v>
      </c>
      <c r="M35610" t="s">
        <v>83</v>
      </c>
      <c r="N35610" t="s">
        <v>84</v>
      </c>
      <c r="O35610" t="s">
        <v>85</v>
      </c>
      <c r="P35610" t="s">
        <v>86</v>
      </c>
      <c r="Q35610">
        <v>21</v>
      </c>
      <c r="R35610">
        <v>21</v>
      </c>
      <c r="S35610">
        <v>21</v>
      </c>
      <c r="T35610">
        <v>22</v>
      </c>
      <c r="U35610">
        <v>22</v>
      </c>
      <c r="V35610">
        <v>22</v>
      </c>
      <c r="W35610">
        <v>22</v>
      </c>
      <c r="X35610">
        <v>23</v>
      </c>
      <c r="Y35610">
        <v>23</v>
      </c>
      <c r="Z35610">
        <v>23</v>
      </c>
      <c r="AA35610">
        <v>23</v>
      </c>
      <c r="AB35610">
        <v>23</v>
      </c>
      <c r="AC35610">
        <v>24</v>
      </c>
      <c r="AD35610">
        <v>24</v>
      </c>
      <c r="AE35610">
        <v>24</v>
      </c>
      <c r="AF35610">
        <v>24</v>
      </c>
      <c r="AG35610">
        <v>24</v>
      </c>
      <c r="AH35610">
        <v>25</v>
      </c>
      <c r="AI35610">
        <v>25</v>
      </c>
      <c r="AJ35610">
        <v>25</v>
      </c>
      <c r="AK35610">
        <v>25</v>
      </c>
      <c r="AL35610">
        <v>25</v>
      </c>
      <c r="AM35610">
        <v>25</v>
      </c>
      <c r="AN35610">
        <v>25</v>
      </c>
      <c r="AO35610">
        <v>25</v>
      </c>
      <c r="AP35610">
        <v>25</v>
      </c>
      <c r="AQ35610">
        <v>26</v>
      </c>
    </row>
    <row r="35611" spans="1:43">
      <c r="A35611" t="s">
        <v>22075</v>
      </c>
      <c r="B35611" t="s">
        <v>22076</v>
      </c>
      <c r="C35611" t="s">
        <v>22077</v>
      </c>
      <c r="D35611" t="s">
        <v>22078</v>
      </c>
      <c r="E35611" t="s">
        <v>21687</v>
      </c>
      <c r="F35611" t="s">
        <v>21688</v>
      </c>
      <c r="G35611" t="s">
        <v>20255</v>
      </c>
      <c r="H35611" t="s">
        <v>20256</v>
      </c>
      <c r="I35611" s="2">
        <v>1</v>
      </c>
      <c r="J35611" s="2">
        <v>0</v>
      </c>
      <c r="K35611" s="2">
        <v>0</v>
      </c>
      <c r="L35611" t="s">
        <v>120</v>
      </c>
      <c r="M35611" t="s">
        <v>87</v>
      </c>
      <c r="N35611" t="s">
        <v>88</v>
      </c>
      <c r="O35611" t="s">
        <v>85</v>
      </c>
      <c r="P35611" t="s">
        <v>86</v>
      </c>
      <c r="Q35611">
        <v>21</v>
      </c>
      <c r="R35611">
        <v>21</v>
      </c>
      <c r="S35611">
        <v>21</v>
      </c>
      <c r="T35611">
        <v>21</v>
      </c>
      <c r="U35611">
        <v>21</v>
      </c>
      <c r="V35611">
        <v>21</v>
      </c>
      <c r="W35611">
        <v>21</v>
      </c>
      <c r="X35611">
        <v>21</v>
      </c>
      <c r="Y35611">
        <v>21</v>
      </c>
      <c r="Z35611">
        <v>21</v>
      </c>
      <c r="AA35611">
        <v>21</v>
      </c>
      <c r="AB35611">
        <v>21</v>
      </c>
      <c r="AC35611">
        <v>21</v>
      </c>
      <c r="AD35611">
        <v>21</v>
      </c>
      <c r="AE35611">
        <v>21</v>
      </c>
      <c r="AF35611">
        <v>21</v>
      </c>
      <c r="AG35611">
        <v>21</v>
      </c>
      <c r="AH35611">
        <v>21</v>
      </c>
      <c r="AI35611">
        <v>21</v>
      </c>
      <c r="AJ35611">
        <v>22</v>
      </c>
      <c r="AK35611">
        <v>22</v>
      </c>
      <c r="AL35611">
        <v>22</v>
      </c>
      <c r="AM35611">
        <v>22</v>
      </c>
      <c r="AN35611">
        <v>22</v>
      </c>
      <c r="AO35611">
        <v>22</v>
      </c>
      <c r="AP35611">
        <v>22</v>
      </c>
      <c r="AQ35611">
        <v>22</v>
      </c>
    </row>
    <row r="35612" spans="1:43">
      <c r="A35612" t="s">
        <v>22075</v>
      </c>
      <c r="B35612" t="s">
        <v>22076</v>
      </c>
      <c r="C35612" t="s">
        <v>22077</v>
      </c>
      <c r="D35612" t="s">
        <v>22078</v>
      </c>
      <c r="E35612" t="s">
        <v>21687</v>
      </c>
      <c r="F35612" t="s">
        <v>21688</v>
      </c>
      <c r="G35612" t="s">
        <v>20255</v>
      </c>
      <c r="H35612" t="s">
        <v>20256</v>
      </c>
      <c r="I35612" s="2">
        <v>1</v>
      </c>
      <c r="J35612" s="2">
        <v>0</v>
      </c>
      <c r="K35612" s="2">
        <v>0</v>
      </c>
      <c r="L35612" t="s">
        <v>120</v>
      </c>
      <c r="M35612" t="s">
        <v>89</v>
      </c>
      <c r="N35612" t="s">
        <v>90</v>
      </c>
      <c r="O35612" t="s">
        <v>85</v>
      </c>
      <c r="P35612" t="s">
        <v>86</v>
      </c>
      <c r="Q35612">
        <v>21</v>
      </c>
      <c r="R35612">
        <v>22</v>
      </c>
      <c r="S35612">
        <v>22</v>
      </c>
      <c r="T35612">
        <v>22</v>
      </c>
      <c r="U35612">
        <v>23</v>
      </c>
      <c r="V35612">
        <v>23</v>
      </c>
      <c r="W35612">
        <v>23</v>
      </c>
      <c r="X35612">
        <v>24</v>
      </c>
      <c r="Y35612">
        <v>24</v>
      </c>
      <c r="Z35612">
        <v>24</v>
      </c>
      <c r="AA35612">
        <v>25</v>
      </c>
      <c r="AB35612">
        <v>25</v>
      </c>
      <c r="AC35612">
        <v>25</v>
      </c>
      <c r="AD35612">
        <v>26</v>
      </c>
      <c r="AE35612">
        <v>26</v>
      </c>
      <c r="AF35612">
        <v>26</v>
      </c>
      <c r="AG35612">
        <v>26</v>
      </c>
      <c r="AH35612">
        <v>26</v>
      </c>
      <c r="AI35612">
        <v>26</v>
      </c>
      <c r="AJ35612">
        <v>26</v>
      </c>
      <c r="AK35612">
        <v>26</v>
      </c>
      <c r="AL35612">
        <v>26</v>
      </c>
      <c r="AM35612">
        <v>26</v>
      </c>
      <c r="AN35612">
        <v>26</v>
      </c>
      <c r="AO35612">
        <v>26</v>
      </c>
      <c r="AP35612">
        <v>26</v>
      </c>
      <c r="AQ35612">
        <v>26</v>
      </c>
    </row>
    <row r="35613" spans="1:43">
      <c r="A35613" t="s">
        <v>22075</v>
      </c>
      <c r="B35613" t="s">
        <v>22076</v>
      </c>
      <c r="C35613" t="s">
        <v>22077</v>
      </c>
      <c r="D35613" t="s">
        <v>22078</v>
      </c>
      <c r="E35613" t="s">
        <v>21687</v>
      </c>
      <c r="F35613" t="s">
        <v>21688</v>
      </c>
      <c r="G35613" t="s">
        <v>20255</v>
      </c>
      <c r="H35613" t="s">
        <v>20256</v>
      </c>
      <c r="I35613" s="2">
        <v>1</v>
      </c>
      <c r="J35613" s="2">
        <v>0</v>
      </c>
      <c r="K35613" s="2">
        <v>0</v>
      </c>
      <c r="L35613" t="s">
        <v>120</v>
      </c>
      <c r="M35613" t="s">
        <v>83</v>
      </c>
      <c r="N35613" t="s">
        <v>91</v>
      </c>
      <c r="O35613" t="s">
        <v>85</v>
      </c>
      <c r="P35613" t="s">
        <v>86</v>
      </c>
      <c r="Q35613">
        <v>21</v>
      </c>
      <c r="R35613">
        <v>21</v>
      </c>
      <c r="S35613">
        <v>21</v>
      </c>
      <c r="T35613">
        <v>22</v>
      </c>
      <c r="U35613">
        <v>22</v>
      </c>
      <c r="V35613">
        <v>22</v>
      </c>
      <c r="W35613">
        <v>22</v>
      </c>
      <c r="X35613">
        <v>23</v>
      </c>
      <c r="Y35613">
        <v>23</v>
      </c>
      <c r="Z35613">
        <v>23</v>
      </c>
      <c r="AA35613">
        <v>23</v>
      </c>
      <c r="AB35613">
        <v>23</v>
      </c>
      <c r="AC35613">
        <v>24</v>
      </c>
      <c r="AD35613">
        <v>24</v>
      </c>
      <c r="AE35613">
        <v>24</v>
      </c>
      <c r="AF35613">
        <v>24</v>
      </c>
      <c r="AG35613">
        <v>24</v>
      </c>
      <c r="AH35613">
        <v>25</v>
      </c>
      <c r="AI35613">
        <v>25</v>
      </c>
      <c r="AJ35613">
        <v>25</v>
      </c>
      <c r="AK35613">
        <v>25</v>
      </c>
      <c r="AL35613">
        <v>25</v>
      </c>
      <c r="AM35613">
        <v>25</v>
      </c>
      <c r="AN35613">
        <v>25</v>
      </c>
      <c r="AO35613">
        <v>25</v>
      </c>
      <c r="AP35613">
        <v>25</v>
      </c>
      <c r="AQ35613">
        <v>26</v>
      </c>
    </row>
    <row r="35614" spans="1:43">
      <c r="A35614" t="s">
        <v>22079</v>
      </c>
      <c r="B35614" t="s">
        <v>22080</v>
      </c>
      <c r="C35614" t="s">
        <v>22077</v>
      </c>
      <c r="D35614" t="s">
        <v>22078</v>
      </c>
      <c r="E35614" t="s">
        <v>21687</v>
      </c>
      <c r="F35614" t="s">
        <v>21688</v>
      </c>
      <c r="G35614" t="s">
        <v>20255</v>
      </c>
      <c r="H35614" t="s">
        <v>20256</v>
      </c>
      <c r="I35614" s="2">
        <v>1</v>
      </c>
      <c r="J35614" s="2">
        <v>0</v>
      </c>
      <c r="K35614" s="2">
        <v>0</v>
      </c>
      <c r="L35614" t="s">
        <v>120</v>
      </c>
      <c r="M35614" t="s">
        <v>83</v>
      </c>
      <c r="N35614" t="s">
        <v>84</v>
      </c>
      <c r="O35614" t="s">
        <v>85</v>
      </c>
      <c r="P35614" t="s">
        <v>86</v>
      </c>
      <c r="Q35614">
        <v>27</v>
      </c>
      <c r="R35614">
        <v>28</v>
      </c>
      <c r="S35614">
        <v>28</v>
      </c>
      <c r="T35614">
        <v>28</v>
      </c>
      <c r="U35614">
        <v>28</v>
      </c>
      <c r="V35614">
        <v>29</v>
      </c>
      <c r="W35614">
        <v>29</v>
      </c>
      <c r="X35614">
        <v>29</v>
      </c>
      <c r="Y35614">
        <v>30</v>
      </c>
      <c r="Z35614">
        <v>30</v>
      </c>
      <c r="AA35614">
        <v>30</v>
      </c>
      <c r="AB35614">
        <v>30</v>
      </c>
      <c r="AC35614">
        <v>31</v>
      </c>
      <c r="AD35614">
        <v>31</v>
      </c>
      <c r="AE35614">
        <v>31</v>
      </c>
      <c r="AF35614">
        <v>31</v>
      </c>
      <c r="AG35614">
        <v>32</v>
      </c>
      <c r="AH35614">
        <v>32</v>
      </c>
      <c r="AI35614">
        <v>32</v>
      </c>
      <c r="AJ35614">
        <v>32</v>
      </c>
      <c r="AK35614">
        <v>33</v>
      </c>
      <c r="AL35614">
        <v>33</v>
      </c>
      <c r="AM35614">
        <v>33</v>
      </c>
      <c r="AN35614">
        <v>33</v>
      </c>
      <c r="AO35614">
        <v>33</v>
      </c>
      <c r="AP35614">
        <v>33</v>
      </c>
      <c r="AQ35614">
        <v>33</v>
      </c>
    </row>
    <row r="35615" spans="1:43">
      <c r="A35615" t="s">
        <v>22079</v>
      </c>
      <c r="B35615" t="s">
        <v>22080</v>
      </c>
      <c r="C35615" t="s">
        <v>22077</v>
      </c>
      <c r="D35615" t="s">
        <v>22078</v>
      </c>
      <c r="E35615" t="s">
        <v>21687</v>
      </c>
      <c r="F35615" t="s">
        <v>21688</v>
      </c>
      <c r="G35615" t="s">
        <v>20255</v>
      </c>
      <c r="H35615" t="s">
        <v>20256</v>
      </c>
      <c r="I35615" s="2">
        <v>1</v>
      </c>
      <c r="J35615" s="2">
        <v>0</v>
      </c>
      <c r="K35615" s="2">
        <v>0</v>
      </c>
      <c r="L35615" t="s">
        <v>120</v>
      </c>
      <c r="M35615" t="s">
        <v>87</v>
      </c>
      <c r="N35615" t="s">
        <v>88</v>
      </c>
      <c r="O35615" t="s">
        <v>85</v>
      </c>
      <c r="P35615" t="s">
        <v>86</v>
      </c>
      <c r="Q35615">
        <v>27</v>
      </c>
      <c r="R35615">
        <v>27</v>
      </c>
      <c r="S35615">
        <v>27</v>
      </c>
      <c r="T35615">
        <v>27</v>
      </c>
      <c r="U35615">
        <v>27</v>
      </c>
      <c r="V35615">
        <v>27</v>
      </c>
      <c r="W35615">
        <v>27</v>
      </c>
      <c r="X35615">
        <v>27</v>
      </c>
      <c r="Y35615">
        <v>27</v>
      </c>
      <c r="Z35615">
        <v>27</v>
      </c>
      <c r="AA35615">
        <v>27</v>
      </c>
      <c r="AB35615">
        <v>27</v>
      </c>
      <c r="AC35615">
        <v>27</v>
      </c>
      <c r="AD35615">
        <v>28</v>
      </c>
      <c r="AE35615">
        <v>28</v>
      </c>
      <c r="AF35615">
        <v>28</v>
      </c>
      <c r="AG35615">
        <v>28</v>
      </c>
      <c r="AH35615">
        <v>28</v>
      </c>
      <c r="AI35615">
        <v>28</v>
      </c>
      <c r="AJ35615">
        <v>28</v>
      </c>
      <c r="AK35615">
        <v>28</v>
      </c>
      <c r="AL35615">
        <v>28</v>
      </c>
      <c r="AM35615">
        <v>28</v>
      </c>
      <c r="AN35615">
        <v>28</v>
      </c>
      <c r="AO35615">
        <v>28</v>
      </c>
      <c r="AP35615">
        <v>28</v>
      </c>
      <c r="AQ35615">
        <v>28</v>
      </c>
    </row>
    <row r="35616" spans="1:43">
      <c r="A35616" t="s">
        <v>22079</v>
      </c>
      <c r="B35616" t="s">
        <v>22080</v>
      </c>
      <c r="C35616" t="s">
        <v>22077</v>
      </c>
      <c r="D35616" t="s">
        <v>22078</v>
      </c>
      <c r="E35616" t="s">
        <v>21687</v>
      </c>
      <c r="F35616" t="s">
        <v>21688</v>
      </c>
      <c r="G35616" t="s">
        <v>20255</v>
      </c>
      <c r="H35616" t="s">
        <v>20256</v>
      </c>
      <c r="I35616" s="2">
        <v>1</v>
      </c>
      <c r="J35616" s="2">
        <v>0</v>
      </c>
      <c r="K35616" s="2">
        <v>0</v>
      </c>
      <c r="L35616" t="s">
        <v>120</v>
      </c>
      <c r="M35616" t="s">
        <v>89</v>
      </c>
      <c r="N35616" t="s">
        <v>90</v>
      </c>
      <c r="O35616" t="s">
        <v>85</v>
      </c>
      <c r="P35616" t="s">
        <v>86</v>
      </c>
      <c r="Q35616">
        <v>27</v>
      </c>
      <c r="R35616">
        <v>27</v>
      </c>
      <c r="S35616">
        <v>28</v>
      </c>
      <c r="T35616">
        <v>28</v>
      </c>
      <c r="U35616">
        <v>29</v>
      </c>
      <c r="V35616">
        <v>29</v>
      </c>
      <c r="W35616">
        <v>29</v>
      </c>
      <c r="X35616">
        <v>30</v>
      </c>
      <c r="Y35616">
        <v>30</v>
      </c>
      <c r="Z35616">
        <v>31</v>
      </c>
      <c r="AA35616">
        <v>31</v>
      </c>
      <c r="AB35616">
        <v>31</v>
      </c>
      <c r="AC35616">
        <v>32</v>
      </c>
      <c r="AD35616">
        <v>32</v>
      </c>
      <c r="AE35616">
        <v>32</v>
      </c>
      <c r="AF35616">
        <v>32</v>
      </c>
      <c r="AG35616">
        <v>32</v>
      </c>
      <c r="AH35616">
        <v>32</v>
      </c>
      <c r="AI35616">
        <v>32</v>
      </c>
      <c r="AJ35616">
        <v>32</v>
      </c>
      <c r="AK35616">
        <v>32</v>
      </c>
      <c r="AL35616">
        <v>32</v>
      </c>
      <c r="AM35616">
        <v>32</v>
      </c>
      <c r="AN35616">
        <v>32</v>
      </c>
      <c r="AO35616">
        <v>32</v>
      </c>
      <c r="AP35616">
        <v>32</v>
      </c>
      <c r="AQ35616">
        <v>32</v>
      </c>
    </row>
    <row r="35617" spans="1:43">
      <c r="A35617" t="s">
        <v>22079</v>
      </c>
      <c r="B35617" t="s">
        <v>22080</v>
      </c>
      <c r="C35617" t="s">
        <v>22077</v>
      </c>
      <c r="D35617" t="s">
        <v>22078</v>
      </c>
      <c r="E35617" t="s">
        <v>21687</v>
      </c>
      <c r="F35617" t="s">
        <v>21688</v>
      </c>
      <c r="G35617" t="s">
        <v>20255</v>
      </c>
      <c r="H35617" t="s">
        <v>20256</v>
      </c>
      <c r="I35617" s="2">
        <v>1</v>
      </c>
      <c r="J35617" s="2">
        <v>0</v>
      </c>
      <c r="K35617" s="2">
        <v>0</v>
      </c>
      <c r="L35617" t="s">
        <v>120</v>
      </c>
      <c r="M35617" t="s">
        <v>83</v>
      </c>
      <c r="N35617" t="s">
        <v>91</v>
      </c>
      <c r="O35617" t="s">
        <v>85</v>
      </c>
      <c r="P35617" t="s">
        <v>86</v>
      </c>
      <c r="Q35617">
        <v>27</v>
      </c>
      <c r="R35617">
        <v>28</v>
      </c>
      <c r="S35617">
        <v>28</v>
      </c>
      <c r="T35617">
        <v>28</v>
      </c>
      <c r="U35617">
        <v>28</v>
      </c>
      <c r="V35617">
        <v>29</v>
      </c>
      <c r="W35617">
        <v>29</v>
      </c>
      <c r="X35617">
        <v>29</v>
      </c>
      <c r="Y35617">
        <v>30</v>
      </c>
      <c r="Z35617">
        <v>30</v>
      </c>
      <c r="AA35617">
        <v>30</v>
      </c>
      <c r="AB35617">
        <v>30</v>
      </c>
      <c r="AC35617">
        <v>31</v>
      </c>
      <c r="AD35617">
        <v>31</v>
      </c>
      <c r="AE35617">
        <v>31</v>
      </c>
      <c r="AF35617">
        <v>31</v>
      </c>
      <c r="AG35617">
        <v>32</v>
      </c>
      <c r="AH35617">
        <v>32</v>
      </c>
      <c r="AI35617">
        <v>32</v>
      </c>
      <c r="AJ35617">
        <v>32</v>
      </c>
      <c r="AK35617">
        <v>33</v>
      </c>
      <c r="AL35617">
        <v>33</v>
      </c>
      <c r="AM35617">
        <v>33</v>
      </c>
      <c r="AN35617">
        <v>33</v>
      </c>
      <c r="AO35617">
        <v>33</v>
      </c>
      <c r="AP35617">
        <v>33</v>
      </c>
      <c r="AQ35617">
        <v>33</v>
      </c>
    </row>
    <row r="35618" spans="1:43">
      <c r="A35618" t="s">
        <v>22081</v>
      </c>
      <c r="B35618" t="s">
        <v>22082</v>
      </c>
      <c r="C35618" t="s">
        <v>22077</v>
      </c>
      <c r="D35618" t="s">
        <v>22078</v>
      </c>
      <c r="E35618" t="s">
        <v>21687</v>
      </c>
      <c r="F35618" t="s">
        <v>21688</v>
      </c>
      <c r="G35618" t="s">
        <v>20255</v>
      </c>
      <c r="H35618" t="s">
        <v>20256</v>
      </c>
      <c r="I35618" s="2">
        <v>1</v>
      </c>
      <c r="J35618" s="2">
        <v>0</v>
      </c>
      <c r="K35618" s="2">
        <v>0</v>
      </c>
      <c r="L35618" t="s">
        <v>120</v>
      </c>
      <c r="M35618" t="s">
        <v>83</v>
      </c>
      <c r="N35618" t="s">
        <v>84</v>
      </c>
      <c r="O35618" t="s">
        <v>85</v>
      </c>
      <c r="P35618" t="s">
        <v>86</v>
      </c>
      <c r="Q35618">
        <v>20</v>
      </c>
      <c r="R35618">
        <v>20</v>
      </c>
      <c r="S35618">
        <v>20</v>
      </c>
      <c r="T35618">
        <v>20</v>
      </c>
      <c r="U35618">
        <v>21</v>
      </c>
      <c r="V35618">
        <v>21</v>
      </c>
      <c r="W35618">
        <v>21</v>
      </c>
      <c r="X35618">
        <v>21</v>
      </c>
      <c r="Y35618">
        <v>21</v>
      </c>
      <c r="Z35618">
        <v>21</v>
      </c>
      <c r="AA35618">
        <v>22</v>
      </c>
      <c r="AB35618">
        <v>22</v>
      </c>
      <c r="AC35618">
        <v>22</v>
      </c>
      <c r="AD35618">
        <v>22</v>
      </c>
      <c r="AE35618">
        <v>22</v>
      </c>
      <c r="AF35618">
        <v>23</v>
      </c>
      <c r="AG35618">
        <v>23</v>
      </c>
      <c r="AH35618">
        <v>23</v>
      </c>
      <c r="AI35618">
        <v>23</v>
      </c>
      <c r="AJ35618">
        <v>23</v>
      </c>
      <c r="AK35618">
        <v>24</v>
      </c>
      <c r="AL35618">
        <v>24</v>
      </c>
      <c r="AM35618">
        <v>24</v>
      </c>
      <c r="AN35618">
        <v>24</v>
      </c>
      <c r="AO35618">
        <v>24</v>
      </c>
      <c r="AP35618">
        <v>24</v>
      </c>
      <c r="AQ35618">
        <v>24</v>
      </c>
    </row>
    <row r="35619" spans="1:43">
      <c r="A35619" t="s">
        <v>22081</v>
      </c>
      <c r="B35619" t="s">
        <v>22082</v>
      </c>
      <c r="C35619" t="s">
        <v>22077</v>
      </c>
      <c r="D35619" t="s">
        <v>22078</v>
      </c>
      <c r="E35619" t="s">
        <v>21687</v>
      </c>
      <c r="F35619" t="s">
        <v>21688</v>
      </c>
      <c r="G35619" t="s">
        <v>20255</v>
      </c>
      <c r="H35619" t="s">
        <v>20256</v>
      </c>
      <c r="I35619" s="2">
        <v>1</v>
      </c>
      <c r="J35619" s="2">
        <v>0</v>
      </c>
      <c r="K35619" s="2">
        <v>0</v>
      </c>
      <c r="L35619" t="s">
        <v>120</v>
      </c>
      <c r="M35619" t="s">
        <v>87</v>
      </c>
      <c r="N35619" t="s">
        <v>88</v>
      </c>
      <c r="O35619" t="s">
        <v>85</v>
      </c>
      <c r="P35619" t="s">
        <v>86</v>
      </c>
      <c r="Q35619">
        <v>20</v>
      </c>
      <c r="R35619">
        <v>20</v>
      </c>
      <c r="S35619">
        <v>20</v>
      </c>
      <c r="T35619">
        <v>20</v>
      </c>
      <c r="U35619">
        <v>20</v>
      </c>
      <c r="V35619">
        <v>20</v>
      </c>
      <c r="W35619">
        <v>20</v>
      </c>
      <c r="X35619">
        <v>20</v>
      </c>
      <c r="Y35619">
        <v>20</v>
      </c>
      <c r="Z35619">
        <v>20</v>
      </c>
      <c r="AA35619">
        <v>20</v>
      </c>
      <c r="AB35619">
        <v>20</v>
      </c>
      <c r="AC35619">
        <v>20</v>
      </c>
      <c r="AD35619">
        <v>20</v>
      </c>
      <c r="AE35619">
        <v>20</v>
      </c>
      <c r="AF35619">
        <v>20</v>
      </c>
      <c r="AG35619">
        <v>20</v>
      </c>
      <c r="AH35619">
        <v>20</v>
      </c>
      <c r="AI35619">
        <v>20</v>
      </c>
      <c r="AJ35619">
        <v>20</v>
      </c>
      <c r="AK35619">
        <v>20</v>
      </c>
      <c r="AL35619">
        <v>20</v>
      </c>
      <c r="AM35619">
        <v>20</v>
      </c>
      <c r="AN35619">
        <v>20</v>
      </c>
      <c r="AO35619">
        <v>20</v>
      </c>
      <c r="AP35619">
        <v>20</v>
      </c>
      <c r="AQ35619">
        <v>20</v>
      </c>
    </row>
    <row r="35620" spans="1:43">
      <c r="A35620" t="s">
        <v>22081</v>
      </c>
      <c r="B35620" t="s">
        <v>22082</v>
      </c>
      <c r="C35620" t="s">
        <v>22077</v>
      </c>
      <c r="D35620" t="s">
        <v>22078</v>
      </c>
      <c r="E35620" t="s">
        <v>21687</v>
      </c>
      <c r="F35620" t="s">
        <v>21688</v>
      </c>
      <c r="G35620" t="s">
        <v>20255</v>
      </c>
      <c r="H35620" t="s">
        <v>20256</v>
      </c>
      <c r="I35620" s="2">
        <v>1</v>
      </c>
      <c r="J35620" s="2">
        <v>0</v>
      </c>
      <c r="K35620" s="2">
        <v>0</v>
      </c>
      <c r="L35620" t="s">
        <v>120</v>
      </c>
      <c r="M35620" t="s">
        <v>89</v>
      </c>
      <c r="N35620" t="s">
        <v>90</v>
      </c>
      <c r="O35620" t="s">
        <v>85</v>
      </c>
      <c r="P35620" t="s">
        <v>86</v>
      </c>
      <c r="Q35620">
        <v>20</v>
      </c>
      <c r="R35620">
        <v>20</v>
      </c>
      <c r="S35620">
        <v>21</v>
      </c>
      <c r="T35620">
        <v>21</v>
      </c>
      <c r="U35620">
        <v>21</v>
      </c>
      <c r="V35620">
        <v>22</v>
      </c>
      <c r="W35620">
        <v>22</v>
      </c>
      <c r="X35620">
        <v>22</v>
      </c>
      <c r="Y35620">
        <v>23</v>
      </c>
      <c r="Z35620">
        <v>23</v>
      </c>
      <c r="AA35620">
        <v>23</v>
      </c>
      <c r="AB35620">
        <v>23</v>
      </c>
      <c r="AC35620">
        <v>24</v>
      </c>
      <c r="AD35620">
        <v>24</v>
      </c>
      <c r="AE35620">
        <v>24</v>
      </c>
      <c r="AF35620">
        <v>24</v>
      </c>
      <c r="AG35620">
        <v>24</v>
      </c>
      <c r="AH35620">
        <v>24</v>
      </c>
      <c r="AI35620">
        <v>24</v>
      </c>
      <c r="AJ35620">
        <v>24</v>
      </c>
      <c r="AK35620">
        <v>24</v>
      </c>
      <c r="AL35620">
        <v>24</v>
      </c>
      <c r="AM35620">
        <v>24</v>
      </c>
      <c r="AN35620">
        <v>24</v>
      </c>
      <c r="AO35620">
        <v>24</v>
      </c>
      <c r="AP35620">
        <v>24</v>
      </c>
      <c r="AQ35620">
        <v>24</v>
      </c>
    </row>
    <row r="35621" spans="1:43">
      <c r="A35621" t="s">
        <v>22081</v>
      </c>
      <c r="B35621" t="s">
        <v>22082</v>
      </c>
      <c r="C35621" t="s">
        <v>22077</v>
      </c>
      <c r="D35621" t="s">
        <v>22078</v>
      </c>
      <c r="E35621" t="s">
        <v>21687</v>
      </c>
      <c r="F35621" t="s">
        <v>21688</v>
      </c>
      <c r="G35621" t="s">
        <v>20255</v>
      </c>
      <c r="H35621" t="s">
        <v>20256</v>
      </c>
      <c r="I35621" s="2">
        <v>1</v>
      </c>
      <c r="J35621" s="2">
        <v>0</v>
      </c>
      <c r="K35621" s="2">
        <v>0</v>
      </c>
      <c r="L35621" t="s">
        <v>120</v>
      </c>
      <c r="M35621" t="s">
        <v>83</v>
      </c>
      <c r="N35621" t="s">
        <v>91</v>
      </c>
      <c r="O35621" t="s">
        <v>85</v>
      </c>
      <c r="P35621" t="s">
        <v>86</v>
      </c>
      <c r="Q35621">
        <v>20</v>
      </c>
      <c r="R35621">
        <v>20</v>
      </c>
      <c r="S35621">
        <v>20</v>
      </c>
      <c r="T35621">
        <v>20</v>
      </c>
      <c r="U35621">
        <v>21</v>
      </c>
      <c r="V35621">
        <v>21</v>
      </c>
      <c r="W35621">
        <v>21</v>
      </c>
      <c r="X35621">
        <v>21</v>
      </c>
      <c r="Y35621">
        <v>21</v>
      </c>
      <c r="Z35621">
        <v>21</v>
      </c>
      <c r="AA35621">
        <v>22</v>
      </c>
      <c r="AB35621">
        <v>22</v>
      </c>
      <c r="AC35621">
        <v>22</v>
      </c>
      <c r="AD35621">
        <v>22</v>
      </c>
      <c r="AE35621">
        <v>22</v>
      </c>
      <c r="AF35621">
        <v>23</v>
      </c>
      <c r="AG35621">
        <v>23</v>
      </c>
      <c r="AH35621">
        <v>23</v>
      </c>
      <c r="AI35621">
        <v>23</v>
      </c>
      <c r="AJ35621">
        <v>23</v>
      </c>
      <c r="AK35621">
        <v>24</v>
      </c>
      <c r="AL35621">
        <v>24</v>
      </c>
      <c r="AM35621">
        <v>24</v>
      </c>
      <c r="AN35621">
        <v>24</v>
      </c>
      <c r="AO35621">
        <v>24</v>
      </c>
      <c r="AP35621">
        <v>24</v>
      </c>
      <c r="AQ35621">
        <v>24</v>
      </c>
    </row>
    <row r="35622" spans="1:43">
      <c r="A35622" t="s">
        <v>22083</v>
      </c>
      <c r="B35622" t="s">
        <v>22084</v>
      </c>
      <c r="C35622" t="s">
        <v>22085</v>
      </c>
      <c r="D35622" t="s">
        <v>22086</v>
      </c>
      <c r="E35622" t="s">
        <v>21687</v>
      </c>
      <c r="F35622" t="s">
        <v>21688</v>
      </c>
      <c r="G35622" t="s">
        <v>20255</v>
      </c>
      <c r="H35622" t="s">
        <v>20256</v>
      </c>
      <c r="I35622" s="2">
        <v>1</v>
      </c>
      <c r="J35622" s="2">
        <v>0</v>
      </c>
      <c r="K35622" s="2">
        <v>0</v>
      </c>
      <c r="L35622" t="s">
        <v>120</v>
      </c>
      <c r="M35622" t="s">
        <v>83</v>
      </c>
      <c r="N35622" t="s">
        <v>84</v>
      </c>
      <c r="O35622" t="s">
        <v>85</v>
      </c>
      <c r="P35622" t="s">
        <v>86</v>
      </c>
      <c r="Q35622">
        <v>52</v>
      </c>
      <c r="R35622">
        <v>52</v>
      </c>
      <c r="S35622">
        <v>53</v>
      </c>
      <c r="T35622">
        <v>54</v>
      </c>
      <c r="U35622">
        <v>54</v>
      </c>
      <c r="V35622">
        <v>55</v>
      </c>
      <c r="W35622">
        <v>55</v>
      </c>
      <c r="X35622">
        <v>56</v>
      </c>
      <c r="Y35622">
        <v>56</v>
      </c>
      <c r="Z35622">
        <v>57</v>
      </c>
      <c r="AA35622">
        <v>57</v>
      </c>
      <c r="AB35622">
        <v>58</v>
      </c>
      <c r="AC35622">
        <v>58</v>
      </c>
      <c r="AD35622">
        <v>59</v>
      </c>
      <c r="AE35622">
        <v>59</v>
      </c>
      <c r="AF35622">
        <v>60</v>
      </c>
      <c r="AG35622">
        <v>60</v>
      </c>
      <c r="AH35622">
        <v>61</v>
      </c>
      <c r="AI35622">
        <v>61</v>
      </c>
      <c r="AJ35622">
        <v>62</v>
      </c>
      <c r="AK35622">
        <v>62</v>
      </c>
      <c r="AL35622">
        <v>62</v>
      </c>
      <c r="AM35622">
        <v>62</v>
      </c>
      <c r="AN35622">
        <v>62</v>
      </c>
      <c r="AO35622">
        <v>62</v>
      </c>
      <c r="AP35622">
        <v>62</v>
      </c>
      <c r="AQ35622">
        <v>62</v>
      </c>
    </row>
    <row r="35623" spans="1:43">
      <c r="A35623" t="s">
        <v>22083</v>
      </c>
      <c r="B35623" t="s">
        <v>22084</v>
      </c>
      <c r="C35623" t="s">
        <v>22085</v>
      </c>
      <c r="D35623" t="s">
        <v>22086</v>
      </c>
      <c r="E35623" t="s">
        <v>21687</v>
      </c>
      <c r="F35623" t="s">
        <v>21688</v>
      </c>
      <c r="G35623" t="s">
        <v>20255</v>
      </c>
      <c r="H35623" t="s">
        <v>20256</v>
      </c>
      <c r="I35623" s="2">
        <v>1</v>
      </c>
      <c r="J35623" s="2">
        <v>0</v>
      </c>
      <c r="K35623" s="2">
        <v>0</v>
      </c>
      <c r="L35623" t="s">
        <v>120</v>
      </c>
      <c r="M35623" t="s">
        <v>87</v>
      </c>
      <c r="N35623" t="s">
        <v>88</v>
      </c>
      <c r="O35623" t="s">
        <v>85</v>
      </c>
      <c r="P35623" t="s">
        <v>86</v>
      </c>
      <c r="Q35623">
        <v>52</v>
      </c>
      <c r="R35623">
        <v>52</v>
      </c>
      <c r="S35623">
        <v>53</v>
      </c>
      <c r="T35623">
        <v>53</v>
      </c>
      <c r="U35623">
        <v>53</v>
      </c>
      <c r="V35623">
        <v>53</v>
      </c>
      <c r="W35623">
        <v>53</v>
      </c>
      <c r="X35623">
        <v>53</v>
      </c>
      <c r="Y35623">
        <v>53</v>
      </c>
      <c r="Z35623">
        <v>53</v>
      </c>
      <c r="AA35623">
        <v>53</v>
      </c>
      <c r="AB35623">
        <v>53</v>
      </c>
      <c r="AC35623">
        <v>53</v>
      </c>
      <c r="AD35623">
        <v>53</v>
      </c>
      <c r="AE35623">
        <v>53</v>
      </c>
      <c r="AF35623">
        <v>54</v>
      </c>
      <c r="AG35623">
        <v>54</v>
      </c>
      <c r="AH35623">
        <v>54</v>
      </c>
      <c r="AI35623">
        <v>54</v>
      </c>
      <c r="AJ35623">
        <v>54</v>
      </c>
      <c r="AK35623">
        <v>54</v>
      </c>
      <c r="AL35623">
        <v>54</v>
      </c>
      <c r="AM35623">
        <v>54</v>
      </c>
      <c r="AN35623">
        <v>55</v>
      </c>
      <c r="AO35623">
        <v>55</v>
      </c>
      <c r="AP35623">
        <v>55</v>
      </c>
      <c r="AQ35623">
        <v>55</v>
      </c>
    </row>
    <row r="35624" spans="1:43">
      <c r="A35624" t="s">
        <v>22083</v>
      </c>
      <c r="B35624" t="s">
        <v>22084</v>
      </c>
      <c r="C35624" t="s">
        <v>22085</v>
      </c>
      <c r="D35624" t="s">
        <v>22086</v>
      </c>
      <c r="E35624" t="s">
        <v>21687</v>
      </c>
      <c r="F35624" t="s">
        <v>21688</v>
      </c>
      <c r="G35624" t="s">
        <v>20255</v>
      </c>
      <c r="H35624" t="s">
        <v>20256</v>
      </c>
      <c r="I35624" s="2">
        <v>1</v>
      </c>
      <c r="J35624" s="2">
        <v>0</v>
      </c>
      <c r="K35624" s="2">
        <v>0</v>
      </c>
      <c r="L35624" t="s">
        <v>120</v>
      </c>
      <c r="M35624" t="s">
        <v>89</v>
      </c>
      <c r="N35624" t="s">
        <v>90</v>
      </c>
      <c r="O35624" t="s">
        <v>85</v>
      </c>
      <c r="P35624" t="s">
        <v>86</v>
      </c>
      <c r="Q35624">
        <v>52</v>
      </c>
      <c r="R35624">
        <v>53</v>
      </c>
      <c r="S35624">
        <v>54</v>
      </c>
      <c r="T35624">
        <v>55</v>
      </c>
      <c r="U35624">
        <v>56</v>
      </c>
      <c r="V35624">
        <v>57</v>
      </c>
      <c r="W35624">
        <v>58</v>
      </c>
      <c r="X35624">
        <v>59</v>
      </c>
      <c r="Y35624">
        <v>59</v>
      </c>
      <c r="Z35624">
        <v>60</v>
      </c>
      <c r="AA35624">
        <v>61</v>
      </c>
      <c r="AB35624">
        <v>62</v>
      </c>
      <c r="AC35624">
        <v>62</v>
      </c>
      <c r="AD35624">
        <v>63</v>
      </c>
      <c r="AE35624">
        <v>63</v>
      </c>
      <c r="AF35624">
        <v>63</v>
      </c>
      <c r="AG35624">
        <v>63</v>
      </c>
      <c r="AH35624">
        <v>63</v>
      </c>
      <c r="AI35624">
        <v>63</v>
      </c>
      <c r="AJ35624">
        <v>63</v>
      </c>
      <c r="AK35624">
        <v>63</v>
      </c>
      <c r="AL35624">
        <v>63</v>
      </c>
      <c r="AM35624">
        <v>63</v>
      </c>
      <c r="AN35624">
        <v>63</v>
      </c>
      <c r="AO35624">
        <v>63</v>
      </c>
      <c r="AP35624">
        <v>63</v>
      </c>
      <c r="AQ35624">
        <v>63</v>
      </c>
    </row>
    <row r="35625" spans="1:43">
      <c r="A35625" t="s">
        <v>22083</v>
      </c>
      <c r="B35625" t="s">
        <v>22084</v>
      </c>
      <c r="C35625" t="s">
        <v>22085</v>
      </c>
      <c r="D35625" t="s">
        <v>22086</v>
      </c>
      <c r="E35625" t="s">
        <v>21687</v>
      </c>
      <c r="F35625" t="s">
        <v>21688</v>
      </c>
      <c r="G35625" t="s">
        <v>20255</v>
      </c>
      <c r="H35625" t="s">
        <v>20256</v>
      </c>
      <c r="I35625" s="2">
        <v>1</v>
      </c>
      <c r="J35625" s="2">
        <v>0</v>
      </c>
      <c r="K35625" s="2">
        <v>0</v>
      </c>
      <c r="L35625" t="s">
        <v>120</v>
      </c>
      <c r="M35625" t="s">
        <v>83</v>
      </c>
      <c r="N35625" t="s">
        <v>91</v>
      </c>
      <c r="O35625" t="s">
        <v>85</v>
      </c>
      <c r="P35625" t="s">
        <v>86</v>
      </c>
      <c r="Q35625">
        <v>52</v>
      </c>
      <c r="R35625">
        <v>52</v>
      </c>
      <c r="S35625">
        <v>53</v>
      </c>
      <c r="T35625">
        <v>54</v>
      </c>
      <c r="U35625">
        <v>54</v>
      </c>
      <c r="V35625">
        <v>55</v>
      </c>
      <c r="W35625">
        <v>55</v>
      </c>
      <c r="X35625">
        <v>56</v>
      </c>
      <c r="Y35625">
        <v>56</v>
      </c>
      <c r="Z35625">
        <v>57</v>
      </c>
      <c r="AA35625">
        <v>57</v>
      </c>
      <c r="AB35625">
        <v>58</v>
      </c>
      <c r="AC35625">
        <v>58</v>
      </c>
      <c r="AD35625">
        <v>59</v>
      </c>
      <c r="AE35625">
        <v>59</v>
      </c>
      <c r="AF35625">
        <v>60</v>
      </c>
      <c r="AG35625">
        <v>60</v>
      </c>
      <c r="AH35625">
        <v>61</v>
      </c>
      <c r="AI35625">
        <v>61</v>
      </c>
      <c r="AJ35625">
        <v>62</v>
      </c>
      <c r="AK35625">
        <v>62</v>
      </c>
      <c r="AL35625">
        <v>62</v>
      </c>
      <c r="AM35625">
        <v>62</v>
      </c>
      <c r="AN35625">
        <v>62</v>
      </c>
      <c r="AO35625">
        <v>62</v>
      </c>
      <c r="AP35625">
        <v>62</v>
      </c>
      <c r="AQ35625">
        <v>62</v>
      </c>
    </row>
    <row r="35626" spans="1:43">
      <c r="A35626" t="s">
        <v>22087</v>
      </c>
      <c r="B35626" t="s">
        <v>22088</v>
      </c>
      <c r="C35626" t="s">
        <v>22089</v>
      </c>
      <c r="D35626" t="s">
        <v>22090</v>
      </c>
      <c r="E35626" t="s">
        <v>21687</v>
      </c>
      <c r="F35626" t="s">
        <v>21688</v>
      </c>
      <c r="G35626" t="s">
        <v>20255</v>
      </c>
      <c r="H35626" t="s">
        <v>20256</v>
      </c>
      <c r="I35626" s="2">
        <v>1</v>
      </c>
      <c r="J35626" s="2">
        <v>0</v>
      </c>
      <c r="K35626" s="2">
        <v>0</v>
      </c>
      <c r="L35626" t="s">
        <v>120</v>
      </c>
      <c r="M35626" t="s">
        <v>83</v>
      </c>
      <c r="N35626" t="s">
        <v>84</v>
      </c>
      <c r="O35626" t="s">
        <v>85</v>
      </c>
      <c r="P35626" t="s">
        <v>86</v>
      </c>
      <c r="Q35626">
        <v>40</v>
      </c>
      <c r="R35626">
        <v>41</v>
      </c>
      <c r="S35626">
        <v>41</v>
      </c>
      <c r="T35626">
        <v>41</v>
      </c>
      <c r="U35626">
        <v>42</v>
      </c>
      <c r="V35626">
        <v>42</v>
      </c>
      <c r="W35626">
        <v>43</v>
      </c>
      <c r="X35626">
        <v>43</v>
      </c>
      <c r="Y35626">
        <v>44</v>
      </c>
      <c r="Z35626">
        <v>44</v>
      </c>
      <c r="AA35626">
        <v>44</v>
      </c>
      <c r="AB35626">
        <v>45</v>
      </c>
      <c r="AC35626">
        <v>45</v>
      </c>
      <c r="AD35626">
        <v>46</v>
      </c>
      <c r="AE35626">
        <v>46</v>
      </c>
      <c r="AF35626">
        <v>46</v>
      </c>
      <c r="AG35626">
        <v>47</v>
      </c>
      <c r="AH35626">
        <v>47</v>
      </c>
      <c r="AI35626">
        <v>48</v>
      </c>
      <c r="AJ35626">
        <v>48</v>
      </c>
      <c r="AK35626">
        <v>48</v>
      </c>
      <c r="AL35626">
        <v>49</v>
      </c>
      <c r="AM35626">
        <v>49</v>
      </c>
      <c r="AN35626">
        <v>49</v>
      </c>
      <c r="AO35626">
        <v>49</v>
      </c>
      <c r="AP35626">
        <v>49</v>
      </c>
      <c r="AQ35626">
        <v>49</v>
      </c>
    </row>
    <row r="35627" spans="1:43">
      <c r="A35627" t="s">
        <v>22087</v>
      </c>
      <c r="B35627" t="s">
        <v>22088</v>
      </c>
      <c r="C35627" t="s">
        <v>22089</v>
      </c>
      <c r="D35627" t="s">
        <v>22090</v>
      </c>
      <c r="E35627" t="s">
        <v>21687</v>
      </c>
      <c r="F35627" t="s">
        <v>21688</v>
      </c>
      <c r="G35627" t="s">
        <v>20255</v>
      </c>
      <c r="H35627" t="s">
        <v>20256</v>
      </c>
      <c r="I35627" s="2">
        <v>1</v>
      </c>
      <c r="J35627" s="2">
        <v>0</v>
      </c>
      <c r="K35627" s="2">
        <v>0</v>
      </c>
      <c r="L35627" t="s">
        <v>120</v>
      </c>
      <c r="M35627" t="s">
        <v>87</v>
      </c>
      <c r="N35627" t="s">
        <v>88</v>
      </c>
      <c r="O35627" t="s">
        <v>85</v>
      </c>
      <c r="P35627" t="s">
        <v>86</v>
      </c>
      <c r="Q35627">
        <v>40</v>
      </c>
      <c r="R35627">
        <v>40</v>
      </c>
      <c r="S35627">
        <v>40</v>
      </c>
      <c r="T35627">
        <v>40</v>
      </c>
      <c r="U35627">
        <v>40</v>
      </c>
      <c r="V35627">
        <v>40</v>
      </c>
      <c r="W35627">
        <v>40</v>
      </c>
      <c r="X35627">
        <v>40</v>
      </c>
      <c r="Y35627">
        <v>40</v>
      </c>
      <c r="Z35627">
        <v>40</v>
      </c>
      <c r="AA35627">
        <v>40</v>
      </c>
      <c r="AB35627">
        <v>41</v>
      </c>
      <c r="AC35627">
        <v>41</v>
      </c>
      <c r="AD35627">
        <v>41</v>
      </c>
      <c r="AE35627">
        <v>41</v>
      </c>
      <c r="AF35627">
        <v>41</v>
      </c>
      <c r="AG35627">
        <v>41</v>
      </c>
      <c r="AH35627">
        <v>41</v>
      </c>
      <c r="AI35627">
        <v>41</v>
      </c>
      <c r="AJ35627">
        <v>41</v>
      </c>
      <c r="AK35627">
        <v>41</v>
      </c>
      <c r="AL35627">
        <v>42</v>
      </c>
      <c r="AM35627">
        <v>42</v>
      </c>
      <c r="AN35627">
        <v>42</v>
      </c>
      <c r="AO35627">
        <v>42</v>
      </c>
      <c r="AP35627">
        <v>42</v>
      </c>
      <c r="AQ35627">
        <v>42</v>
      </c>
    </row>
    <row r="35628" spans="1:43">
      <c r="A35628" t="s">
        <v>22087</v>
      </c>
      <c r="B35628" t="s">
        <v>22088</v>
      </c>
      <c r="C35628" t="s">
        <v>22089</v>
      </c>
      <c r="D35628" t="s">
        <v>22090</v>
      </c>
      <c r="E35628" t="s">
        <v>21687</v>
      </c>
      <c r="F35628" t="s">
        <v>21688</v>
      </c>
      <c r="G35628" t="s">
        <v>20255</v>
      </c>
      <c r="H35628" t="s">
        <v>20256</v>
      </c>
      <c r="I35628" s="2">
        <v>1</v>
      </c>
      <c r="J35628" s="2">
        <v>0</v>
      </c>
      <c r="K35628" s="2">
        <v>0</v>
      </c>
      <c r="L35628" t="s">
        <v>120</v>
      </c>
      <c r="M35628" t="s">
        <v>89</v>
      </c>
      <c r="N35628" t="s">
        <v>90</v>
      </c>
      <c r="O35628" t="s">
        <v>85</v>
      </c>
      <c r="P35628" t="s">
        <v>86</v>
      </c>
      <c r="Q35628">
        <v>40</v>
      </c>
      <c r="R35628">
        <v>41</v>
      </c>
      <c r="S35628">
        <v>42</v>
      </c>
      <c r="T35628">
        <v>43</v>
      </c>
      <c r="U35628">
        <v>44</v>
      </c>
      <c r="V35628">
        <v>44</v>
      </c>
      <c r="W35628">
        <v>45</v>
      </c>
      <c r="X35628">
        <v>45</v>
      </c>
      <c r="Y35628">
        <v>46</v>
      </c>
      <c r="Z35628">
        <v>47</v>
      </c>
      <c r="AA35628">
        <v>47</v>
      </c>
      <c r="AB35628">
        <v>48</v>
      </c>
      <c r="AC35628">
        <v>48</v>
      </c>
      <c r="AD35628">
        <v>49</v>
      </c>
      <c r="AE35628">
        <v>49</v>
      </c>
      <c r="AF35628">
        <v>49</v>
      </c>
      <c r="AG35628">
        <v>49</v>
      </c>
      <c r="AH35628">
        <v>49</v>
      </c>
      <c r="AI35628">
        <v>49</v>
      </c>
      <c r="AJ35628">
        <v>49</v>
      </c>
      <c r="AK35628">
        <v>49</v>
      </c>
      <c r="AL35628">
        <v>49</v>
      </c>
      <c r="AM35628">
        <v>49</v>
      </c>
      <c r="AN35628">
        <v>49</v>
      </c>
      <c r="AO35628">
        <v>49</v>
      </c>
      <c r="AP35628">
        <v>49</v>
      </c>
      <c r="AQ35628">
        <v>49</v>
      </c>
    </row>
    <row r="35629" spans="1:43">
      <c r="A35629" t="s">
        <v>22087</v>
      </c>
      <c r="B35629" t="s">
        <v>22088</v>
      </c>
      <c r="C35629" t="s">
        <v>22089</v>
      </c>
      <c r="D35629" t="s">
        <v>22090</v>
      </c>
      <c r="E35629" t="s">
        <v>21687</v>
      </c>
      <c r="F35629" t="s">
        <v>21688</v>
      </c>
      <c r="G35629" t="s">
        <v>20255</v>
      </c>
      <c r="H35629" t="s">
        <v>20256</v>
      </c>
      <c r="I35629" s="2">
        <v>1</v>
      </c>
      <c r="J35629" s="2">
        <v>0</v>
      </c>
      <c r="K35629" s="2">
        <v>0</v>
      </c>
      <c r="L35629" t="s">
        <v>120</v>
      </c>
      <c r="M35629" t="s">
        <v>83</v>
      </c>
      <c r="N35629" t="s">
        <v>91</v>
      </c>
      <c r="O35629" t="s">
        <v>85</v>
      </c>
      <c r="P35629" t="s">
        <v>86</v>
      </c>
      <c r="Q35629">
        <v>40</v>
      </c>
      <c r="R35629">
        <v>41</v>
      </c>
      <c r="S35629">
        <v>41</v>
      </c>
      <c r="T35629">
        <v>41</v>
      </c>
      <c r="U35629">
        <v>42</v>
      </c>
      <c r="V35629">
        <v>42</v>
      </c>
      <c r="W35629">
        <v>43</v>
      </c>
      <c r="X35629">
        <v>43</v>
      </c>
      <c r="Y35629">
        <v>44</v>
      </c>
      <c r="Z35629">
        <v>44</v>
      </c>
      <c r="AA35629">
        <v>44</v>
      </c>
      <c r="AB35629">
        <v>45</v>
      </c>
      <c r="AC35629">
        <v>45</v>
      </c>
      <c r="AD35629">
        <v>46</v>
      </c>
      <c r="AE35629">
        <v>46</v>
      </c>
      <c r="AF35629">
        <v>46</v>
      </c>
      <c r="AG35629">
        <v>47</v>
      </c>
      <c r="AH35629">
        <v>47</v>
      </c>
      <c r="AI35629">
        <v>48</v>
      </c>
      <c r="AJ35629">
        <v>48</v>
      </c>
      <c r="AK35629">
        <v>48</v>
      </c>
      <c r="AL35629">
        <v>49</v>
      </c>
      <c r="AM35629">
        <v>49</v>
      </c>
      <c r="AN35629">
        <v>49</v>
      </c>
      <c r="AO35629">
        <v>49</v>
      </c>
      <c r="AP35629">
        <v>49</v>
      </c>
      <c r="AQ35629">
        <v>49</v>
      </c>
    </row>
    <row r="35630" spans="1:43">
      <c r="A35630" t="s">
        <v>22091</v>
      </c>
      <c r="B35630" t="s">
        <v>22092</v>
      </c>
      <c r="C35630" t="s">
        <v>22085</v>
      </c>
      <c r="D35630" t="s">
        <v>22086</v>
      </c>
      <c r="E35630" t="s">
        <v>21687</v>
      </c>
      <c r="F35630" t="s">
        <v>21688</v>
      </c>
      <c r="G35630" t="s">
        <v>20255</v>
      </c>
      <c r="H35630" t="s">
        <v>20256</v>
      </c>
      <c r="I35630" s="2">
        <v>1</v>
      </c>
      <c r="J35630" s="2">
        <v>0</v>
      </c>
      <c r="K35630" s="2">
        <v>0</v>
      </c>
      <c r="L35630" t="s">
        <v>120</v>
      </c>
      <c r="M35630" t="s">
        <v>83</v>
      </c>
      <c r="N35630" t="s">
        <v>84</v>
      </c>
      <c r="O35630" t="s">
        <v>85</v>
      </c>
      <c r="P35630" t="s">
        <v>86</v>
      </c>
      <c r="Q35630">
        <v>49</v>
      </c>
      <c r="R35630">
        <v>50</v>
      </c>
      <c r="S35630">
        <v>50</v>
      </c>
      <c r="T35630">
        <v>51</v>
      </c>
      <c r="U35630">
        <v>51</v>
      </c>
      <c r="V35630">
        <v>52</v>
      </c>
      <c r="W35630">
        <v>52</v>
      </c>
      <c r="X35630">
        <v>52</v>
      </c>
      <c r="Y35630">
        <v>53</v>
      </c>
      <c r="Z35630">
        <v>53</v>
      </c>
      <c r="AA35630">
        <v>54</v>
      </c>
      <c r="AB35630">
        <v>54</v>
      </c>
      <c r="AC35630">
        <v>55</v>
      </c>
      <c r="AD35630">
        <v>55</v>
      </c>
      <c r="AE35630">
        <v>55</v>
      </c>
      <c r="AF35630">
        <v>56</v>
      </c>
      <c r="AG35630">
        <v>56</v>
      </c>
      <c r="AH35630">
        <v>57</v>
      </c>
      <c r="AI35630">
        <v>57</v>
      </c>
      <c r="AJ35630">
        <v>58</v>
      </c>
      <c r="AK35630">
        <v>58</v>
      </c>
      <c r="AL35630">
        <v>58</v>
      </c>
      <c r="AM35630">
        <v>58</v>
      </c>
      <c r="AN35630">
        <v>58</v>
      </c>
      <c r="AO35630">
        <v>58</v>
      </c>
      <c r="AP35630">
        <v>58</v>
      </c>
      <c r="AQ35630">
        <v>58</v>
      </c>
    </row>
    <row r="35631" spans="1:43">
      <c r="A35631" t="s">
        <v>22091</v>
      </c>
      <c r="B35631" t="s">
        <v>22092</v>
      </c>
      <c r="C35631" t="s">
        <v>22085</v>
      </c>
      <c r="D35631" t="s">
        <v>22086</v>
      </c>
      <c r="E35631" t="s">
        <v>21687</v>
      </c>
      <c r="F35631" t="s">
        <v>21688</v>
      </c>
      <c r="G35631" t="s">
        <v>20255</v>
      </c>
      <c r="H35631" t="s">
        <v>20256</v>
      </c>
      <c r="I35631" s="2">
        <v>1</v>
      </c>
      <c r="J35631" s="2">
        <v>0</v>
      </c>
      <c r="K35631" s="2">
        <v>0</v>
      </c>
      <c r="L35631" t="s">
        <v>120</v>
      </c>
      <c r="M35631" t="s">
        <v>87</v>
      </c>
      <c r="N35631" t="s">
        <v>88</v>
      </c>
      <c r="O35631" t="s">
        <v>85</v>
      </c>
      <c r="P35631" t="s">
        <v>86</v>
      </c>
      <c r="Q35631">
        <v>49</v>
      </c>
      <c r="R35631">
        <v>49</v>
      </c>
      <c r="S35631">
        <v>49</v>
      </c>
      <c r="T35631">
        <v>49</v>
      </c>
      <c r="U35631">
        <v>49</v>
      </c>
      <c r="V35631">
        <v>49</v>
      </c>
      <c r="W35631">
        <v>49</v>
      </c>
      <c r="X35631">
        <v>49</v>
      </c>
      <c r="Y35631">
        <v>49</v>
      </c>
      <c r="Z35631">
        <v>49</v>
      </c>
      <c r="AA35631">
        <v>49</v>
      </c>
      <c r="AB35631">
        <v>49</v>
      </c>
      <c r="AC35631">
        <v>49</v>
      </c>
      <c r="AD35631">
        <v>49</v>
      </c>
      <c r="AE35631">
        <v>49</v>
      </c>
      <c r="AF35631">
        <v>49</v>
      </c>
      <c r="AG35631">
        <v>49</v>
      </c>
      <c r="AH35631">
        <v>49</v>
      </c>
      <c r="AI35631">
        <v>49</v>
      </c>
      <c r="AJ35631">
        <v>49</v>
      </c>
      <c r="AK35631">
        <v>50</v>
      </c>
      <c r="AL35631">
        <v>50</v>
      </c>
      <c r="AM35631">
        <v>50</v>
      </c>
      <c r="AN35631">
        <v>50</v>
      </c>
      <c r="AO35631">
        <v>50</v>
      </c>
      <c r="AP35631">
        <v>50</v>
      </c>
      <c r="AQ35631">
        <v>50</v>
      </c>
    </row>
    <row r="35632" spans="1:43">
      <c r="A35632" t="s">
        <v>22091</v>
      </c>
      <c r="B35632" t="s">
        <v>22092</v>
      </c>
      <c r="C35632" t="s">
        <v>22085</v>
      </c>
      <c r="D35632" t="s">
        <v>22086</v>
      </c>
      <c r="E35632" t="s">
        <v>21687</v>
      </c>
      <c r="F35632" t="s">
        <v>21688</v>
      </c>
      <c r="G35632" t="s">
        <v>20255</v>
      </c>
      <c r="H35632" t="s">
        <v>20256</v>
      </c>
      <c r="I35632" s="2">
        <v>1</v>
      </c>
      <c r="J35632" s="2">
        <v>0</v>
      </c>
      <c r="K35632" s="2">
        <v>0</v>
      </c>
      <c r="L35632" t="s">
        <v>120</v>
      </c>
      <c r="M35632" t="s">
        <v>89</v>
      </c>
      <c r="N35632" t="s">
        <v>90</v>
      </c>
      <c r="O35632" t="s">
        <v>85</v>
      </c>
      <c r="P35632" t="s">
        <v>86</v>
      </c>
      <c r="Q35632">
        <v>49</v>
      </c>
      <c r="R35632">
        <v>49</v>
      </c>
      <c r="S35632">
        <v>50</v>
      </c>
      <c r="T35632">
        <v>51</v>
      </c>
      <c r="U35632">
        <v>52</v>
      </c>
      <c r="V35632">
        <v>53</v>
      </c>
      <c r="W35632">
        <v>54</v>
      </c>
      <c r="X35632">
        <v>54</v>
      </c>
      <c r="Y35632">
        <v>55</v>
      </c>
      <c r="Z35632">
        <v>56</v>
      </c>
      <c r="AA35632">
        <v>56</v>
      </c>
      <c r="AB35632">
        <v>57</v>
      </c>
      <c r="AC35632">
        <v>58</v>
      </c>
      <c r="AD35632">
        <v>58</v>
      </c>
      <c r="AE35632">
        <v>59</v>
      </c>
      <c r="AF35632">
        <v>58</v>
      </c>
      <c r="AG35632">
        <v>58</v>
      </c>
      <c r="AH35632">
        <v>58</v>
      </c>
      <c r="AI35632">
        <v>58</v>
      </c>
      <c r="AJ35632">
        <v>58</v>
      </c>
      <c r="AK35632">
        <v>58</v>
      </c>
      <c r="AL35632">
        <v>58</v>
      </c>
      <c r="AM35632">
        <v>58</v>
      </c>
      <c r="AN35632">
        <v>58</v>
      </c>
      <c r="AO35632">
        <v>58</v>
      </c>
      <c r="AP35632">
        <v>57</v>
      </c>
      <c r="AQ35632">
        <v>57</v>
      </c>
    </row>
    <row r="35633" spans="1:43">
      <c r="A35633" t="s">
        <v>22091</v>
      </c>
      <c r="B35633" t="s">
        <v>22092</v>
      </c>
      <c r="C35633" t="s">
        <v>22085</v>
      </c>
      <c r="D35633" t="s">
        <v>22086</v>
      </c>
      <c r="E35633" t="s">
        <v>21687</v>
      </c>
      <c r="F35633" t="s">
        <v>21688</v>
      </c>
      <c r="G35633" t="s">
        <v>20255</v>
      </c>
      <c r="H35633" t="s">
        <v>20256</v>
      </c>
      <c r="I35633" s="2">
        <v>1</v>
      </c>
      <c r="J35633" s="2">
        <v>0</v>
      </c>
      <c r="K35633" s="2">
        <v>0</v>
      </c>
      <c r="L35633" t="s">
        <v>120</v>
      </c>
      <c r="M35633" t="s">
        <v>83</v>
      </c>
      <c r="N35633" t="s">
        <v>91</v>
      </c>
      <c r="O35633" t="s">
        <v>85</v>
      </c>
      <c r="P35633" t="s">
        <v>86</v>
      </c>
      <c r="Q35633">
        <v>49</v>
      </c>
      <c r="R35633">
        <v>50</v>
      </c>
      <c r="S35633">
        <v>50</v>
      </c>
      <c r="T35633">
        <v>51</v>
      </c>
      <c r="U35633">
        <v>51</v>
      </c>
      <c r="V35633">
        <v>52</v>
      </c>
      <c r="W35633">
        <v>52</v>
      </c>
      <c r="X35633">
        <v>52</v>
      </c>
      <c r="Y35633">
        <v>53</v>
      </c>
      <c r="Z35633">
        <v>53</v>
      </c>
      <c r="AA35633">
        <v>54</v>
      </c>
      <c r="AB35633">
        <v>54</v>
      </c>
      <c r="AC35633">
        <v>55</v>
      </c>
      <c r="AD35633">
        <v>55</v>
      </c>
      <c r="AE35633">
        <v>55</v>
      </c>
      <c r="AF35633">
        <v>56</v>
      </c>
      <c r="AG35633">
        <v>56</v>
      </c>
      <c r="AH35633">
        <v>57</v>
      </c>
      <c r="AI35633">
        <v>57</v>
      </c>
      <c r="AJ35633">
        <v>58</v>
      </c>
      <c r="AK35633">
        <v>58</v>
      </c>
      <c r="AL35633">
        <v>58</v>
      </c>
      <c r="AM35633">
        <v>58</v>
      </c>
      <c r="AN35633">
        <v>58</v>
      </c>
      <c r="AO35633">
        <v>58</v>
      </c>
      <c r="AP35633">
        <v>58</v>
      </c>
      <c r="AQ35633">
        <v>58</v>
      </c>
    </row>
    <row r="35634" spans="1:43">
      <c r="A35634" t="s">
        <v>22093</v>
      </c>
      <c r="B35634" t="s">
        <v>22094</v>
      </c>
      <c r="C35634" t="s">
        <v>22089</v>
      </c>
      <c r="D35634" t="s">
        <v>22090</v>
      </c>
      <c r="E35634" t="s">
        <v>21687</v>
      </c>
      <c r="F35634" t="s">
        <v>21688</v>
      </c>
      <c r="G35634" t="s">
        <v>20255</v>
      </c>
      <c r="H35634" t="s">
        <v>20256</v>
      </c>
      <c r="I35634" s="2">
        <v>1</v>
      </c>
      <c r="J35634" s="2">
        <v>0</v>
      </c>
      <c r="K35634" s="2">
        <v>0</v>
      </c>
      <c r="L35634" t="s">
        <v>120</v>
      </c>
      <c r="M35634" t="s">
        <v>83</v>
      </c>
      <c r="N35634" t="s">
        <v>84</v>
      </c>
      <c r="O35634" t="s">
        <v>85</v>
      </c>
      <c r="P35634" t="s">
        <v>86</v>
      </c>
      <c r="Q35634">
        <v>55</v>
      </c>
      <c r="R35634">
        <v>55</v>
      </c>
      <c r="S35634">
        <v>56</v>
      </c>
      <c r="T35634">
        <v>57</v>
      </c>
      <c r="U35634">
        <v>57</v>
      </c>
      <c r="V35634">
        <v>58</v>
      </c>
      <c r="W35634">
        <v>59</v>
      </c>
      <c r="X35634">
        <v>59</v>
      </c>
      <c r="Y35634">
        <v>60</v>
      </c>
      <c r="Z35634">
        <v>60</v>
      </c>
      <c r="AA35634">
        <v>61</v>
      </c>
      <c r="AB35634">
        <v>61</v>
      </c>
      <c r="AC35634">
        <v>62</v>
      </c>
      <c r="AD35634">
        <v>63</v>
      </c>
      <c r="AE35634">
        <v>63</v>
      </c>
      <c r="AF35634">
        <v>64</v>
      </c>
      <c r="AG35634">
        <v>64</v>
      </c>
      <c r="AH35634">
        <v>65</v>
      </c>
      <c r="AI35634">
        <v>65</v>
      </c>
      <c r="AJ35634">
        <v>66</v>
      </c>
      <c r="AK35634">
        <v>67</v>
      </c>
      <c r="AL35634">
        <v>67</v>
      </c>
      <c r="AM35634">
        <v>67</v>
      </c>
      <c r="AN35634">
        <v>67</v>
      </c>
      <c r="AO35634">
        <v>67</v>
      </c>
      <c r="AP35634">
        <v>67</v>
      </c>
      <c r="AQ35634">
        <v>67</v>
      </c>
    </row>
    <row r="35635" spans="1:43">
      <c r="A35635" t="s">
        <v>22093</v>
      </c>
      <c r="B35635" t="s">
        <v>22094</v>
      </c>
      <c r="C35635" t="s">
        <v>22089</v>
      </c>
      <c r="D35635" t="s">
        <v>22090</v>
      </c>
      <c r="E35635" t="s">
        <v>21687</v>
      </c>
      <c r="F35635" t="s">
        <v>21688</v>
      </c>
      <c r="G35635" t="s">
        <v>20255</v>
      </c>
      <c r="H35635" t="s">
        <v>20256</v>
      </c>
      <c r="I35635" s="2">
        <v>1</v>
      </c>
      <c r="J35635" s="2">
        <v>0</v>
      </c>
      <c r="K35635" s="2">
        <v>0</v>
      </c>
      <c r="L35635" t="s">
        <v>120</v>
      </c>
      <c r="M35635" t="s">
        <v>87</v>
      </c>
      <c r="N35635" t="s">
        <v>88</v>
      </c>
      <c r="O35635" t="s">
        <v>85</v>
      </c>
      <c r="P35635" t="s">
        <v>86</v>
      </c>
      <c r="Q35635">
        <v>55</v>
      </c>
      <c r="R35635">
        <v>55</v>
      </c>
      <c r="S35635">
        <v>56</v>
      </c>
      <c r="T35635">
        <v>56</v>
      </c>
      <c r="U35635">
        <v>56</v>
      </c>
      <c r="V35635">
        <v>56</v>
      </c>
      <c r="W35635">
        <v>56</v>
      </c>
      <c r="X35635">
        <v>56</v>
      </c>
      <c r="Y35635">
        <v>56</v>
      </c>
      <c r="Z35635">
        <v>56</v>
      </c>
      <c r="AA35635">
        <v>57</v>
      </c>
      <c r="AB35635">
        <v>57</v>
      </c>
      <c r="AC35635">
        <v>57</v>
      </c>
      <c r="AD35635">
        <v>57</v>
      </c>
      <c r="AE35635">
        <v>57</v>
      </c>
      <c r="AF35635">
        <v>57</v>
      </c>
      <c r="AG35635">
        <v>57</v>
      </c>
      <c r="AH35635">
        <v>58</v>
      </c>
      <c r="AI35635">
        <v>58</v>
      </c>
      <c r="AJ35635">
        <v>58</v>
      </c>
      <c r="AK35635">
        <v>58</v>
      </c>
      <c r="AL35635">
        <v>58</v>
      </c>
      <c r="AM35635">
        <v>59</v>
      </c>
      <c r="AN35635">
        <v>59</v>
      </c>
      <c r="AO35635">
        <v>59</v>
      </c>
      <c r="AP35635">
        <v>59</v>
      </c>
      <c r="AQ35635">
        <v>59</v>
      </c>
    </row>
    <row r="35636" spans="1:43">
      <c r="A35636" t="s">
        <v>22093</v>
      </c>
      <c r="B35636" t="s">
        <v>22094</v>
      </c>
      <c r="C35636" t="s">
        <v>22089</v>
      </c>
      <c r="D35636" t="s">
        <v>22090</v>
      </c>
      <c r="E35636" t="s">
        <v>21687</v>
      </c>
      <c r="F35636" t="s">
        <v>21688</v>
      </c>
      <c r="G35636" t="s">
        <v>20255</v>
      </c>
      <c r="H35636" t="s">
        <v>20256</v>
      </c>
      <c r="I35636" s="2">
        <v>1</v>
      </c>
      <c r="J35636" s="2">
        <v>0</v>
      </c>
      <c r="K35636" s="2">
        <v>0</v>
      </c>
      <c r="L35636" t="s">
        <v>120</v>
      </c>
      <c r="M35636" t="s">
        <v>89</v>
      </c>
      <c r="N35636" t="s">
        <v>90</v>
      </c>
      <c r="O35636" t="s">
        <v>85</v>
      </c>
      <c r="P35636" t="s">
        <v>86</v>
      </c>
      <c r="Q35636">
        <v>55</v>
      </c>
      <c r="R35636">
        <v>56</v>
      </c>
      <c r="S35636">
        <v>57</v>
      </c>
      <c r="T35636">
        <v>59</v>
      </c>
      <c r="U35636">
        <v>60</v>
      </c>
      <c r="V35636">
        <v>60</v>
      </c>
      <c r="W35636">
        <v>61</v>
      </c>
      <c r="X35636">
        <v>62</v>
      </c>
      <c r="Y35636">
        <v>63</v>
      </c>
      <c r="Z35636">
        <v>64</v>
      </c>
      <c r="AA35636">
        <v>65</v>
      </c>
      <c r="AB35636">
        <v>65</v>
      </c>
      <c r="AC35636">
        <v>66</v>
      </c>
      <c r="AD35636">
        <v>67</v>
      </c>
      <c r="AE35636">
        <v>68</v>
      </c>
      <c r="AF35636">
        <v>68</v>
      </c>
      <c r="AG35636">
        <v>68</v>
      </c>
      <c r="AH35636">
        <v>68</v>
      </c>
      <c r="AI35636">
        <v>68</v>
      </c>
      <c r="AJ35636">
        <v>68</v>
      </c>
      <c r="AK35636">
        <v>68</v>
      </c>
      <c r="AL35636">
        <v>68</v>
      </c>
      <c r="AM35636">
        <v>68</v>
      </c>
      <c r="AN35636">
        <v>68</v>
      </c>
      <c r="AO35636">
        <v>68</v>
      </c>
      <c r="AP35636">
        <v>68</v>
      </c>
      <c r="AQ35636">
        <v>68</v>
      </c>
    </row>
    <row r="35637" spans="1:43">
      <c r="A35637" t="s">
        <v>22093</v>
      </c>
      <c r="B35637" t="s">
        <v>22094</v>
      </c>
      <c r="C35637" t="s">
        <v>22089</v>
      </c>
      <c r="D35637" t="s">
        <v>22090</v>
      </c>
      <c r="E35637" t="s">
        <v>21687</v>
      </c>
      <c r="F35637" t="s">
        <v>21688</v>
      </c>
      <c r="G35637" t="s">
        <v>20255</v>
      </c>
      <c r="H35637" t="s">
        <v>20256</v>
      </c>
      <c r="I35637" s="2">
        <v>1</v>
      </c>
      <c r="J35637" s="2">
        <v>0</v>
      </c>
      <c r="K35637" s="2">
        <v>0</v>
      </c>
      <c r="L35637" t="s">
        <v>120</v>
      </c>
      <c r="M35637" t="s">
        <v>83</v>
      </c>
      <c r="N35637" t="s">
        <v>91</v>
      </c>
      <c r="O35637" t="s">
        <v>85</v>
      </c>
      <c r="P35637" t="s">
        <v>86</v>
      </c>
      <c r="Q35637">
        <v>55</v>
      </c>
      <c r="R35637">
        <v>55</v>
      </c>
      <c r="S35637">
        <v>56</v>
      </c>
      <c r="T35637">
        <v>57</v>
      </c>
      <c r="U35637">
        <v>57</v>
      </c>
      <c r="V35637">
        <v>58</v>
      </c>
      <c r="W35637">
        <v>59</v>
      </c>
      <c r="X35637">
        <v>59</v>
      </c>
      <c r="Y35637">
        <v>60</v>
      </c>
      <c r="Z35637">
        <v>60</v>
      </c>
      <c r="AA35637">
        <v>61</v>
      </c>
      <c r="AB35637">
        <v>61</v>
      </c>
      <c r="AC35637">
        <v>62</v>
      </c>
      <c r="AD35637">
        <v>63</v>
      </c>
      <c r="AE35637">
        <v>63</v>
      </c>
      <c r="AF35637">
        <v>64</v>
      </c>
      <c r="AG35637">
        <v>64</v>
      </c>
      <c r="AH35637">
        <v>65</v>
      </c>
      <c r="AI35637">
        <v>65</v>
      </c>
      <c r="AJ35637">
        <v>66</v>
      </c>
      <c r="AK35637">
        <v>67</v>
      </c>
      <c r="AL35637">
        <v>67</v>
      </c>
      <c r="AM35637">
        <v>67</v>
      </c>
      <c r="AN35637">
        <v>67</v>
      </c>
      <c r="AO35637">
        <v>67</v>
      </c>
      <c r="AP35637">
        <v>67</v>
      </c>
      <c r="AQ35637">
        <v>67</v>
      </c>
    </row>
    <row r="35638" spans="1:43">
      <c r="A35638" t="s">
        <v>22095</v>
      </c>
      <c r="B35638" t="s">
        <v>22096</v>
      </c>
      <c r="C35638" t="s">
        <v>22097</v>
      </c>
      <c r="D35638" t="s">
        <v>22098</v>
      </c>
      <c r="E35638" t="s">
        <v>21687</v>
      </c>
      <c r="F35638" t="s">
        <v>21688</v>
      </c>
      <c r="G35638" t="s">
        <v>20255</v>
      </c>
      <c r="H35638" t="s">
        <v>20256</v>
      </c>
      <c r="I35638" s="2">
        <v>1</v>
      </c>
      <c r="J35638" s="2">
        <v>0</v>
      </c>
      <c r="K35638" s="2">
        <v>0</v>
      </c>
      <c r="L35638" t="s">
        <v>120</v>
      </c>
      <c r="M35638" t="s">
        <v>83</v>
      </c>
      <c r="N35638" t="s">
        <v>84</v>
      </c>
      <c r="O35638" t="s">
        <v>85</v>
      </c>
      <c r="P35638" t="s">
        <v>86</v>
      </c>
      <c r="Q35638">
        <v>37</v>
      </c>
      <c r="R35638">
        <v>38</v>
      </c>
      <c r="S35638">
        <v>38</v>
      </c>
      <c r="T35638">
        <v>38</v>
      </c>
      <c r="U35638">
        <v>39</v>
      </c>
      <c r="V35638">
        <v>39</v>
      </c>
      <c r="W35638">
        <v>39</v>
      </c>
      <c r="X35638">
        <v>40</v>
      </c>
      <c r="Y35638">
        <v>40</v>
      </c>
      <c r="Z35638">
        <v>40</v>
      </c>
      <c r="AA35638">
        <v>41</v>
      </c>
      <c r="AB35638">
        <v>41</v>
      </c>
      <c r="AC35638">
        <v>41</v>
      </c>
      <c r="AD35638">
        <v>42</v>
      </c>
      <c r="AE35638">
        <v>42</v>
      </c>
      <c r="AF35638">
        <v>42</v>
      </c>
      <c r="AG35638">
        <v>43</v>
      </c>
      <c r="AH35638">
        <v>43</v>
      </c>
      <c r="AI35638">
        <v>43</v>
      </c>
      <c r="AJ35638">
        <v>44</v>
      </c>
      <c r="AK35638">
        <v>44</v>
      </c>
      <c r="AL35638">
        <v>44</v>
      </c>
      <c r="AM35638">
        <v>44</v>
      </c>
      <c r="AN35638">
        <v>44</v>
      </c>
      <c r="AO35638">
        <v>44</v>
      </c>
      <c r="AP35638">
        <v>44</v>
      </c>
      <c r="AQ35638">
        <v>44</v>
      </c>
    </row>
    <row r="35639" spans="1:43">
      <c r="A35639" t="s">
        <v>22095</v>
      </c>
      <c r="B35639" t="s">
        <v>22096</v>
      </c>
      <c r="C35639" t="s">
        <v>22097</v>
      </c>
      <c r="D35639" t="s">
        <v>22098</v>
      </c>
      <c r="E35639" t="s">
        <v>21687</v>
      </c>
      <c r="F35639" t="s">
        <v>21688</v>
      </c>
      <c r="G35639" t="s">
        <v>20255</v>
      </c>
      <c r="H35639" t="s">
        <v>20256</v>
      </c>
      <c r="I35639" s="2">
        <v>1</v>
      </c>
      <c r="J35639" s="2">
        <v>0</v>
      </c>
      <c r="K35639" s="2">
        <v>0</v>
      </c>
      <c r="L35639" t="s">
        <v>120</v>
      </c>
      <c r="M35639" t="s">
        <v>87</v>
      </c>
      <c r="N35639" t="s">
        <v>88</v>
      </c>
      <c r="O35639" t="s">
        <v>85</v>
      </c>
      <c r="P35639" t="s">
        <v>86</v>
      </c>
      <c r="Q35639">
        <v>37</v>
      </c>
      <c r="R35639">
        <v>37</v>
      </c>
      <c r="S35639">
        <v>37</v>
      </c>
      <c r="T35639">
        <v>37</v>
      </c>
      <c r="U35639">
        <v>37</v>
      </c>
      <c r="V35639">
        <v>37</v>
      </c>
      <c r="W35639">
        <v>37</v>
      </c>
      <c r="X35639">
        <v>37</v>
      </c>
      <c r="Y35639">
        <v>37</v>
      </c>
      <c r="Z35639">
        <v>37</v>
      </c>
      <c r="AA35639">
        <v>37</v>
      </c>
      <c r="AB35639">
        <v>37</v>
      </c>
      <c r="AC35639">
        <v>37</v>
      </c>
      <c r="AD35639">
        <v>37</v>
      </c>
      <c r="AE35639">
        <v>37</v>
      </c>
      <c r="AF35639">
        <v>37</v>
      </c>
      <c r="AG35639">
        <v>37</v>
      </c>
      <c r="AH35639">
        <v>37</v>
      </c>
      <c r="AI35639">
        <v>38</v>
      </c>
      <c r="AJ35639">
        <v>38</v>
      </c>
      <c r="AK35639">
        <v>38</v>
      </c>
      <c r="AL35639">
        <v>38</v>
      </c>
      <c r="AM35639">
        <v>38</v>
      </c>
      <c r="AN35639">
        <v>38</v>
      </c>
      <c r="AO35639">
        <v>38</v>
      </c>
      <c r="AP35639">
        <v>38</v>
      </c>
      <c r="AQ35639">
        <v>38</v>
      </c>
    </row>
    <row r="35640" spans="1:43">
      <c r="A35640" t="s">
        <v>22095</v>
      </c>
      <c r="B35640" t="s">
        <v>22096</v>
      </c>
      <c r="C35640" t="s">
        <v>22097</v>
      </c>
      <c r="D35640" t="s">
        <v>22098</v>
      </c>
      <c r="E35640" t="s">
        <v>21687</v>
      </c>
      <c r="F35640" t="s">
        <v>21688</v>
      </c>
      <c r="G35640" t="s">
        <v>20255</v>
      </c>
      <c r="H35640" t="s">
        <v>20256</v>
      </c>
      <c r="I35640" s="2">
        <v>1</v>
      </c>
      <c r="J35640" s="2">
        <v>0</v>
      </c>
      <c r="K35640" s="2">
        <v>0</v>
      </c>
      <c r="L35640" t="s">
        <v>120</v>
      </c>
      <c r="M35640" t="s">
        <v>89</v>
      </c>
      <c r="N35640" t="s">
        <v>90</v>
      </c>
      <c r="O35640" t="s">
        <v>85</v>
      </c>
      <c r="P35640" t="s">
        <v>86</v>
      </c>
      <c r="Q35640">
        <v>37</v>
      </c>
      <c r="R35640">
        <v>37</v>
      </c>
      <c r="S35640">
        <v>38</v>
      </c>
      <c r="T35640">
        <v>39</v>
      </c>
      <c r="U35640">
        <v>39</v>
      </c>
      <c r="V35640">
        <v>40</v>
      </c>
      <c r="W35640">
        <v>40</v>
      </c>
      <c r="X35640">
        <v>41</v>
      </c>
      <c r="Y35640">
        <v>41</v>
      </c>
      <c r="Z35640">
        <v>42</v>
      </c>
      <c r="AA35640">
        <v>42</v>
      </c>
      <c r="AB35640">
        <v>43</v>
      </c>
      <c r="AC35640">
        <v>43</v>
      </c>
      <c r="AD35640">
        <v>44</v>
      </c>
      <c r="AE35640">
        <v>44</v>
      </c>
      <c r="AF35640">
        <v>44</v>
      </c>
      <c r="AG35640">
        <v>44</v>
      </c>
      <c r="AH35640">
        <v>44</v>
      </c>
      <c r="AI35640">
        <v>44</v>
      </c>
      <c r="AJ35640">
        <v>44</v>
      </c>
      <c r="AK35640">
        <v>44</v>
      </c>
      <c r="AL35640">
        <v>44</v>
      </c>
      <c r="AM35640">
        <v>44</v>
      </c>
      <c r="AN35640">
        <v>43</v>
      </c>
      <c r="AO35640">
        <v>43</v>
      </c>
      <c r="AP35640">
        <v>43</v>
      </c>
      <c r="AQ35640">
        <v>43</v>
      </c>
    </row>
    <row r="35641" spans="1:43">
      <c r="A35641" t="s">
        <v>22095</v>
      </c>
      <c r="B35641" t="s">
        <v>22096</v>
      </c>
      <c r="C35641" t="s">
        <v>22097</v>
      </c>
      <c r="D35641" t="s">
        <v>22098</v>
      </c>
      <c r="E35641" t="s">
        <v>21687</v>
      </c>
      <c r="F35641" t="s">
        <v>21688</v>
      </c>
      <c r="G35641" t="s">
        <v>20255</v>
      </c>
      <c r="H35641" t="s">
        <v>20256</v>
      </c>
      <c r="I35641" s="2">
        <v>1</v>
      </c>
      <c r="J35641" s="2">
        <v>0</v>
      </c>
      <c r="K35641" s="2">
        <v>0</v>
      </c>
      <c r="L35641" t="s">
        <v>120</v>
      </c>
      <c r="M35641" t="s">
        <v>83</v>
      </c>
      <c r="N35641" t="s">
        <v>91</v>
      </c>
      <c r="O35641" t="s">
        <v>85</v>
      </c>
      <c r="P35641" t="s">
        <v>86</v>
      </c>
      <c r="Q35641">
        <v>37</v>
      </c>
      <c r="R35641">
        <v>38</v>
      </c>
      <c r="S35641">
        <v>38</v>
      </c>
      <c r="T35641">
        <v>38</v>
      </c>
      <c r="U35641">
        <v>39</v>
      </c>
      <c r="V35641">
        <v>39</v>
      </c>
      <c r="W35641">
        <v>39</v>
      </c>
      <c r="X35641">
        <v>40</v>
      </c>
      <c r="Y35641">
        <v>40</v>
      </c>
      <c r="Z35641">
        <v>40</v>
      </c>
      <c r="AA35641">
        <v>41</v>
      </c>
      <c r="AB35641">
        <v>41</v>
      </c>
      <c r="AC35641">
        <v>41</v>
      </c>
      <c r="AD35641">
        <v>42</v>
      </c>
      <c r="AE35641">
        <v>42</v>
      </c>
      <c r="AF35641">
        <v>42</v>
      </c>
      <c r="AG35641">
        <v>43</v>
      </c>
      <c r="AH35641">
        <v>43</v>
      </c>
      <c r="AI35641">
        <v>43</v>
      </c>
      <c r="AJ35641">
        <v>44</v>
      </c>
      <c r="AK35641">
        <v>44</v>
      </c>
      <c r="AL35641">
        <v>44</v>
      </c>
      <c r="AM35641">
        <v>44</v>
      </c>
      <c r="AN35641">
        <v>44</v>
      </c>
      <c r="AO35641">
        <v>44</v>
      </c>
      <c r="AP35641">
        <v>44</v>
      </c>
      <c r="AQ35641">
        <v>44</v>
      </c>
    </row>
    <row r="35642" spans="1:43">
      <c r="A35642" t="s">
        <v>22099</v>
      </c>
      <c r="B35642" t="s">
        <v>22100</v>
      </c>
      <c r="C35642" t="s">
        <v>22101</v>
      </c>
      <c r="D35642" t="s">
        <v>22102</v>
      </c>
      <c r="E35642" t="s">
        <v>21687</v>
      </c>
      <c r="F35642" t="s">
        <v>21688</v>
      </c>
      <c r="G35642" t="s">
        <v>20255</v>
      </c>
      <c r="H35642" t="s">
        <v>20256</v>
      </c>
      <c r="I35642" s="2">
        <v>1</v>
      </c>
      <c r="J35642" s="2">
        <v>0</v>
      </c>
      <c r="K35642" s="2">
        <v>0</v>
      </c>
      <c r="L35642" t="s">
        <v>120</v>
      </c>
      <c r="M35642" t="s">
        <v>83</v>
      </c>
      <c r="N35642" t="s">
        <v>84</v>
      </c>
      <c r="O35642" t="s">
        <v>85</v>
      </c>
      <c r="P35642" t="s">
        <v>86</v>
      </c>
      <c r="Q35642">
        <v>14</v>
      </c>
      <c r="R35642">
        <v>14</v>
      </c>
      <c r="S35642">
        <v>14</v>
      </c>
      <c r="T35642">
        <v>14</v>
      </c>
      <c r="U35642">
        <v>14</v>
      </c>
      <c r="V35642">
        <v>15</v>
      </c>
      <c r="W35642">
        <v>15</v>
      </c>
      <c r="X35642">
        <v>15</v>
      </c>
      <c r="Y35642">
        <v>15</v>
      </c>
      <c r="Z35642">
        <v>15</v>
      </c>
      <c r="AA35642">
        <v>15</v>
      </c>
      <c r="AB35642">
        <v>16</v>
      </c>
      <c r="AC35642">
        <v>16</v>
      </c>
      <c r="AD35642">
        <v>16</v>
      </c>
      <c r="AE35642">
        <v>16</v>
      </c>
      <c r="AF35642">
        <v>16</v>
      </c>
      <c r="AG35642">
        <v>16</v>
      </c>
      <c r="AH35642">
        <v>16</v>
      </c>
      <c r="AI35642">
        <v>17</v>
      </c>
      <c r="AJ35642">
        <v>17</v>
      </c>
      <c r="AK35642">
        <v>17</v>
      </c>
      <c r="AL35642">
        <v>17</v>
      </c>
      <c r="AM35642">
        <v>17</v>
      </c>
      <c r="AN35642">
        <v>17</v>
      </c>
      <c r="AO35642">
        <v>17</v>
      </c>
      <c r="AP35642">
        <v>17</v>
      </c>
      <c r="AQ35642">
        <v>17</v>
      </c>
    </row>
    <row r="35643" spans="1:43">
      <c r="A35643" t="s">
        <v>22099</v>
      </c>
      <c r="B35643" t="s">
        <v>22100</v>
      </c>
      <c r="C35643" t="s">
        <v>22101</v>
      </c>
      <c r="D35643" t="s">
        <v>22102</v>
      </c>
      <c r="E35643" t="s">
        <v>21687</v>
      </c>
      <c r="F35643" t="s">
        <v>21688</v>
      </c>
      <c r="G35643" t="s">
        <v>20255</v>
      </c>
      <c r="H35643" t="s">
        <v>20256</v>
      </c>
      <c r="I35643" s="2">
        <v>1</v>
      </c>
      <c r="J35643" s="2">
        <v>0</v>
      </c>
      <c r="K35643" s="2">
        <v>0</v>
      </c>
      <c r="L35643" t="s">
        <v>120</v>
      </c>
      <c r="M35643" t="s">
        <v>87</v>
      </c>
      <c r="N35643" t="s">
        <v>88</v>
      </c>
      <c r="O35643" t="s">
        <v>85</v>
      </c>
      <c r="P35643" t="s">
        <v>86</v>
      </c>
      <c r="Q35643">
        <v>14</v>
      </c>
      <c r="R35643">
        <v>14</v>
      </c>
      <c r="S35643">
        <v>14</v>
      </c>
      <c r="T35643">
        <v>14</v>
      </c>
      <c r="U35643">
        <v>14</v>
      </c>
      <c r="V35643">
        <v>14</v>
      </c>
      <c r="W35643">
        <v>14</v>
      </c>
      <c r="X35643">
        <v>14</v>
      </c>
      <c r="Y35643">
        <v>14</v>
      </c>
      <c r="Z35643">
        <v>14</v>
      </c>
      <c r="AA35643">
        <v>14</v>
      </c>
      <c r="AB35643">
        <v>14</v>
      </c>
      <c r="AC35643">
        <v>14</v>
      </c>
      <c r="AD35643">
        <v>14</v>
      </c>
      <c r="AE35643">
        <v>14</v>
      </c>
      <c r="AF35643">
        <v>14</v>
      </c>
      <c r="AG35643">
        <v>14</v>
      </c>
      <c r="AH35643">
        <v>14</v>
      </c>
      <c r="AI35643">
        <v>14</v>
      </c>
      <c r="AJ35643">
        <v>14</v>
      </c>
      <c r="AK35643">
        <v>15</v>
      </c>
      <c r="AL35643">
        <v>15</v>
      </c>
      <c r="AM35643">
        <v>15</v>
      </c>
      <c r="AN35643">
        <v>15</v>
      </c>
      <c r="AO35643">
        <v>15</v>
      </c>
      <c r="AP35643">
        <v>15</v>
      </c>
      <c r="AQ35643">
        <v>15</v>
      </c>
    </row>
    <row r="35644" spans="1:43">
      <c r="A35644" t="s">
        <v>22099</v>
      </c>
      <c r="B35644" t="s">
        <v>22100</v>
      </c>
      <c r="C35644" t="s">
        <v>22101</v>
      </c>
      <c r="D35644" t="s">
        <v>22102</v>
      </c>
      <c r="E35644" t="s">
        <v>21687</v>
      </c>
      <c r="F35644" t="s">
        <v>21688</v>
      </c>
      <c r="G35644" t="s">
        <v>20255</v>
      </c>
      <c r="H35644" t="s">
        <v>20256</v>
      </c>
      <c r="I35644" s="2">
        <v>1</v>
      </c>
      <c r="J35644" s="2">
        <v>0</v>
      </c>
      <c r="K35644" s="2">
        <v>0</v>
      </c>
      <c r="L35644" t="s">
        <v>120</v>
      </c>
      <c r="M35644" t="s">
        <v>89</v>
      </c>
      <c r="N35644" t="s">
        <v>90</v>
      </c>
      <c r="O35644" t="s">
        <v>85</v>
      </c>
      <c r="P35644" t="s">
        <v>86</v>
      </c>
      <c r="Q35644">
        <v>14</v>
      </c>
      <c r="R35644">
        <v>14</v>
      </c>
      <c r="S35644">
        <v>14</v>
      </c>
      <c r="T35644">
        <v>15</v>
      </c>
      <c r="U35644">
        <v>15</v>
      </c>
      <c r="V35644">
        <v>15</v>
      </c>
      <c r="W35644">
        <v>16</v>
      </c>
      <c r="X35644">
        <v>16</v>
      </c>
      <c r="Y35644">
        <v>16</v>
      </c>
      <c r="Z35644">
        <v>16</v>
      </c>
      <c r="AA35644">
        <v>16</v>
      </c>
      <c r="AB35644">
        <v>17</v>
      </c>
      <c r="AC35644">
        <v>17</v>
      </c>
      <c r="AD35644">
        <v>17</v>
      </c>
      <c r="AE35644">
        <v>17</v>
      </c>
      <c r="AF35644">
        <v>17</v>
      </c>
      <c r="AG35644">
        <v>17</v>
      </c>
      <c r="AH35644">
        <v>17</v>
      </c>
      <c r="AI35644">
        <v>17</v>
      </c>
      <c r="AJ35644">
        <v>17</v>
      </c>
      <c r="AK35644">
        <v>17</v>
      </c>
      <c r="AL35644">
        <v>17</v>
      </c>
      <c r="AM35644">
        <v>17</v>
      </c>
      <c r="AN35644">
        <v>17</v>
      </c>
      <c r="AO35644">
        <v>17</v>
      </c>
      <c r="AP35644">
        <v>17</v>
      </c>
      <c r="AQ35644">
        <v>17</v>
      </c>
    </row>
    <row r="35645" spans="1:43">
      <c r="A35645" t="s">
        <v>22099</v>
      </c>
      <c r="B35645" t="s">
        <v>22100</v>
      </c>
      <c r="C35645" t="s">
        <v>22101</v>
      </c>
      <c r="D35645" t="s">
        <v>22102</v>
      </c>
      <c r="E35645" t="s">
        <v>21687</v>
      </c>
      <c r="F35645" t="s">
        <v>21688</v>
      </c>
      <c r="G35645" t="s">
        <v>20255</v>
      </c>
      <c r="H35645" t="s">
        <v>20256</v>
      </c>
      <c r="I35645" s="2">
        <v>1</v>
      </c>
      <c r="J35645" s="2">
        <v>0</v>
      </c>
      <c r="K35645" s="2">
        <v>0</v>
      </c>
      <c r="L35645" t="s">
        <v>120</v>
      </c>
      <c r="M35645" t="s">
        <v>83</v>
      </c>
      <c r="N35645" t="s">
        <v>91</v>
      </c>
      <c r="O35645" t="s">
        <v>85</v>
      </c>
      <c r="P35645" t="s">
        <v>86</v>
      </c>
      <c r="Q35645">
        <v>14</v>
      </c>
      <c r="R35645">
        <v>14</v>
      </c>
      <c r="S35645">
        <v>14</v>
      </c>
      <c r="T35645">
        <v>14</v>
      </c>
      <c r="U35645">
        <v>14</v>
      </c>
      <c r="V35645">
        <v>15</v>
      </c>
      <c r="W35645">
        <v>15</v>
      </c>
      <c r="X35645">
        <v>15</v>
      </c>
      <c r="Y35645">
        <v>15</v>
      </c>
      <c r="Z35645">
        <v>15</v>
      </c>
      <c r="AA35645">
        <v>15</v>
      </c>
      <c r="AB35645">
        <v>16</v>
      </c>
      <c r="AC35645">
        <v>16</v>
      </c>
      <c r="AD35645">
        <v>16</v>
      </c>
      <c r="AE35645">
        <v>16</v>
      </c>
      <c r="AF35645">
        <v>16</v>
      </c>
      <c r="AG35645">
        <v>16</v>
      </c>
      <c r="AH35645">
        <v>16</v>
      </c>
      <c r="AI35645">
        <v>17</v>
      </c>
      <c r="AJ35645">
        <v>17</v>
      </c>
      <c r="AK35645">
        <v>17</v>
      </c>
      <c r="AL35645">
        <v>17</v>
      </c>
      <c r="AM35645">
        <v>17</v>
      </c>
      <c r="AN35645">
        <v>17</v>
      </c>
      <c r="AO35645">
        <v>17</v>
      </c>
      <c r="AP35645">
        <v>17</v>
      </c>
      <c r="AQ35645">
        <v>17</v>
      </c>
    </row>
    <row r="35646" spans="1:43">
      <c r="A35646" t="s">
        <v>22103</v>
      </c>
      <c r="B35646" t="s">
        <v>22104</v>
      </c>
      <c r="C35646" t="s">
        <v>22101</v>
      </c>
      <c r="D35646" t="s">
        <v>22102</v>
      </c>
      <c r="E35646" t="s">
        <v>21687</v>
      </c>
      <c r="F35646" t="s">
        <v>21688</v>
      </c>
      <c r="G35646" t="s">
        <v>20255</v>
      </c>
      <c r="H35646" t="s">
        <v>20256</v>
      </c>
      <c r="I35646" s="2">
        <v>1</v>
      </c>
      <c r="J35646" s="2">
        <v>0</v>
      </c>
      <c r="K35646" s="2">
        <v>0</v>
      </c>
      <c r="L35646" t="s">
        <v>120</v>
      </c>
      <c r="M35646" t="s">
        <v>83</v>
      </c>
      <c r="N35646" t="s">
        <v>84</v>
      </c>
      <c r="O35646" t="s">
        <v>85</v>
      </c>
      <c r="P35646" t="s">
        <v>86</v>
      </c>
      <c r="Q35646">
        <v>70</v>
      </c>
      <c r="R35646">
        <v>71</v>
      </c>
      <c r="S35646">
        <v>72</v>
      </c>
      <c r="T35646">
        <v>72</v>
      </c>
      <c r="U35646">
        <v>73</v>
      </c>
      <c r="V35646">
        <v>74</v>
      </c>
      <c r="W35646">
        <v>75</v>
      </c>
      <c r="X35646">
        <v>75</v>
      </c>
      <c r="Y35646">
        <v>76</v>
      </c>
      <c r="Z35646">
        <v>77</v>
      </c>
      <c r="AA35646">
        <v>77</v>
      </c>
      <c r="AB35646">
        <v>78</v>
      </c>
      <c r="AC35646">
        <v>79</v>
      </c>
      <c r="AD35646">
        <v>79</v>
      </c>
      <c r="AE35646">
        <v>80</v>
      </c>
      <c r="AF35646">
        <v>81</v>
      </c>
      <c r="AG35646">
        <v>81</v>
      </c>
      <c r="AH35646">
        <v>82</v>
      </c>
      <c r="AI35646">
        <v>83</v>
      </c>
      <c r="AJ35646">
        <v>84</v>
      </c>
      <c r="AK35646">
        <v>84</v>
      </c>
      <c r="AL35646">
        <v>84</v>
      </c>
      <c r="AM35646">
        <v>84</v>
      </c>
      <c r="AN35646">
        <v>84</v>
      </c>
      <c r="AO35646">
        <v>85</v>
      </c>
      <c r="AP35646">
        <v>85</v>
      </c>
      <c r="AQ35646">
        <v>85</v>
      </c>
    </row>
    <row r="35647" spans="1:43">
      <c r="A35647" t="s">
        <v>22103</v>
      </c>
      <c r="B35647" t="s">
        <v>22104</v>
      </c>
      <c r="C35647" t="s">
        <v>22101</v>
      </c>
      <c r="D35647" t="s">
        <v>22102</v>
      </c>
      <c r="E35647" t="s">
        <v>21687</v>
      </c>
      <c r="F35647" t="s">
        <v>21688</v>
      </c>
      <c r="G35647" t="s">
        <v>20255</v>
      </c>
      <c r="H35647" t="s">
        <v>20256</v>
      </c>
      <c r="I35647" s="2">
        <v>1</v>
      </c>
      <c r="J35647" s="2">
        <v>0</v>
      </c>
      <c r="K35647" s="2">
        <v>0</v>
      </c>
      <c r="L35647" t="s">
        <v>120</v>
      </c>
      <c r="M35647" t="s">
        <v>87</v>
      </c>
      <c r="N35647" t="s">
        <v>88</v>
      </c>
      <c r="O35647" t="s">
        <v>85</v>
      </c>
      <c r="P35647" t="s">
        <v>86</v>
      </c>
      <c r="Q35647">
        <v>70</v>
      </c>
      <c r="R35647">
        <v>71</v>
      </c>
      <c r="S35647">
        <v>71</v>
      </c>
      <c r="T35647">
        <v>71</v>
      </c>
      <c r="U35647">
        <v>71</v>
      </c>
      <c r="V35647">
        <v>71</v>
      </c>
      <c r="W35647">
        <v>71</v>
      </c>
      <c r="X35647">
        <v>71</v>
      </c>
      <c r="Y35647">
        <v>71</v>
      </c>
      <c r="Z35647">
        <v>72</v>
      </c>
      <c r="AA35647">
        <v>72</v>
      </c>
      <c r="AB35647">
        <v>72</v>
      </c>
      <c r="AC35647">
        <v>72</v>
      </c>
      <c r="AD35647">
        <v>72</v>
      </c>
      <c r="AE35647">
        <v>72</v>
      </c>
      <c r="AF35647">
        <v>72</v>
      </c>
      <c r="AG35647">
        <v>73</v>
      </c>
      <c r="AH35647">
        <v>73</v>
      </c>
      <c r="AI35647">
        <v>73</v>
      </c>
      <c r="AJ35647">
        <v>73</v>
      </c>
      <c r="AK35647">
        <v>73</v>
      </c>
      <c r="AL35647">
        <v>74</v>
      </c>
      <c r="AM35647">
        <v>74</v>
      </c>
      <c r="AN35647">
        <v>74</v>
      </c>
      <c r="AO35647">
        <v>74</v>
      </c>
      <c r="AP35647">
        <v>74</v>
      </c>
      <c r="AQ35647">
        <v>75</v>
      </c>
    </row>
    <row r="35648" spans="1:43">
      <c r="A35648" t="s">
        <v>22103</v>
      </c>
      <c r="B35648" t="s">
        <v>22104</v>
      </c>
      <c r="C35648" t="s">
        <v>22101</v>
      </c>
      <c r="D35648" t="s">
        <v>22102</v>
      </c>
      <c r="E35648" t="s">
        <v>21687</v>
      </c>
      <c r="F35648" t="s">
        <v>21688</v>
      </c>
      <c r="G35648" t="s">
        <v>20255</v>
      </c>
      <c r="H35648" t="s">
        <v>20256</v>
      </c>
      <c r="I35648" s="2">
        <v>1</v>
      </c>
      <c r="J35648" s="2">
        <v>0</v>
      </c>
      <c r="K35648" s="2">
        <v>0</v>
      </c>
      <c r="L35648" t="s">
        <v>120</v>
      </c>
      <c r="M35648" t="s">
        <v>89</v>
      </c>
      <c r="N35648" t="s">
        <v>90</v>
      </c>
      <c r="O35648" t="s">
        <v>85</v>
      </c>
      <c r="P35648" t="s">
        <v>86</v>
      </c>
      <c r="Q35648">
        <v>70</v>
      </c>
      <c r="R35648">
        <v>71</v>
      </c>
      <c r="S35648">
        <v>72</v>
      </c>
      <c r="T35648">
        <v>74</v>
      </c>
      <c r="U35648">
        <v>75</v>
      </c>
      <c r="V35648">
        <v>76</v>
      </c>
      <c r="W35648">
        <v>77</v>
      </c>
      <c r="X35648">
        <v>78</v>
      </c>
      <c r="Y35648">
        <v>79</v>
      </c>
      <c r="Z35648">
        <v>80</v>
      </c>
      <c r="AA35648">
        <v>81</v>
      </c>
      <c r="AB35648">
        <v>82</v>
      </c>
      <c r="AC35648">
        <v>83</v>
      </c>
      <c r="AD35648">
        <v>84</v>
      </c>
      <c r="AE35648">
        <v>85</v>
      </c>
      <c r="AF35648">
        <v>85</v>
      </c>
      <c r="AG35648">
        <v>85</v>
      </c>
      <c r="AH35648">
        <v>85</v>
      </c>
      <c r="AI35648">
        <v>85</v>
      </c>
      <c r="AJ35648">
        <v>85</v>
      </c>
      <c r="AK35648">
        <v>85</v>
      </c>
      <c r="AL35648">
        <v>84</v>
      </c>
      <c r="AM35648">
        <v>84</v>
      </c>
      <c r="AN35648">
        <v>84</v>
      </c>
      <c r="AO35648">
        <v>85</v>
      </c>
      <c r="AP35648">
        <v>85</v>
      </c>
      <c r="AQ35648">
        <v>85</v>
      </c>
    </row>
    <row r="35649" spans="1:43">
      <c r="A35649" t="s">
        <v>22103</v>
      </c>
      <c r="B35649" t="s">
        <v>22104</v>
      </c>
      <c r="C35649" t="s">
        <v>22101</v>
      </c>
      <c r="D35649" t="s">
        <v>22102</v>
      </c>
      <c r="E35649" t="s">
        <v>21687</v>
      </c>
      <c r="F35649" t="s">
        <v>21688</v>
      </c>
      <c r="G35649" t="s">
        <v>20255</v>
      </c>
      <c r="H35649" t="s">
        <v>20256</v>
      </c>
      <c r="I35649" s="2">
        <v>1</v>
      </c>
      <c r="J35649" s="2">
        <v>0</v>
      </c>
      <c r="K35649" s="2">
        <v>0</v>
      </c>
      <c r="L35649" t="s">
        <v>120</v>
      </c>
      <c r="M35649" t="s">
        <v>83</v>
      </c>
      <c r="N35649" t="s">
        <v>91</v>
      </c>
      <c r="O35649" t="s">
        <v>85</v>
      </c>
      <c r="P35649" t="s">
        <v>86</v>
      </c>
      <c r="Q35649">
        <v>70</v>
      </c>
      <c r="R35649">
        <v>71</v>
      </c>
      <c r="S35649">
        <v>72</v>
      </c>
      <c r="T35649">
        <v>72</v>
      </c>
      <c r="U35649">
        <v>73</v>
      </c>
      <c r="V35649">
        <v>74</v>
      </c>
      <c r="W35649">
        <v>75</v>
      </c>
      <c r="X35649">
        <v>75</v>
      </c>
      <c r="Y35649">
        <v>76</v>
      </c>
      <c r="Z35649">
        <v>77</v>
      </c>
      <c r="AA35649">
        <v>77</v>
      </c>
      <c r="AB35649">
        <v>78</v>
      </c>
      <c r="AC35649">
        <v>79</v>
      </c>
      <c r="AD35649">
        <v>79</v>
      </c>
      <c r="AE35649">
        <v>80</v>
      </c>
      <c r="AF35649">
        <v>81</v>
      </c>
      <c r="AG35649">
        <v>81</v>
      </c>
      <c r="AH35649">
        <v>82</v>
      </c>
      <c r="AI35649">
        <v>83</v>
      </c>
      <c r="AJ35649">
        <v>84</v>
      </c>
      <c r="AK35649">
        <v>84</v>
      </c>
      <c r="AL35649">
        <v>84</v>
      </c>
      <c r="AM35649">
        <v>84</v>
      </c>
      <c r="AN35649">
        <v>84</v>
      </c>
      <c r="AO35649">
        <v>85</v>
      </c>
      <c r="AP35649">
        <v>85</v>
      </c>
      <c r="AQ35649">
        <v>85</v>
      </c>
    </row>
    <row r="35650" spans="1:43">
      <c r="A35650" t="s">
        <v>22105</v>
      </c>
      <c r="B35650" t="s">
        <v>22106</v>
      </c>
      <c r="C35650" t="s">
        <v>22101</v>
      </c>
      <c r="D35650" t="s">
        <v>22102</v>
      </c>
      <c r="E35650" t="s">
        <v>21687</v>
      </c>
      <c r="F35650" t="s">
        <v>21688</v>
      </c>
      <c r="G35650" t="s">
        <v>20255</v>
      </c>
      <c r="H35650" t="s">
        <v>20256</v>
      </c>
      <c r="I35650" s="2">
        <v>1</v>
      </c>
      <c r="J35650" s="2">
        <v>0</v>
      </c>
      <c r="K35650" s="2">
        <v>0</v>
      </c>
      <c r="L35650" t="s">
        <v>120</v>
      </c>
      <c r="M35650" t="s">
        <v>83</v>
      </c>
      <c r="N35650" t="s">
        <v>84</v>
      </c>
      <c r="O35650" t="s">
        <v>85</v>
      </c>
      <c r="P35650" t="s">
        <v>86</v>
      </c>
      <c r="Q35650">
        <v>3</v>
      </c>
      <c r="R35650">
        <v>3</v>
      </c>
      <c r="S35650">
        <v>4</v>
      </c>
      <c r="T35650">
        <v>4</v>
      </c>
      <c r="U35650">
        <v>4</v>
      </c>
      <c r="V35650">
        <v>4</v>
      </c>
      <c r="W35650">
        <v>4</v>
      </c>
      <c r="X35650">
        <v>4</v>
      </c>
      <c r="Y35650">
        <v>4</v>
      </c>
      <c r="Z35650">
        <v>4</v>
      </c>
      <c r="AA35650">
        <v>4</v>
      </c>
      <c r="AB35650">
        <v>4</v>
      </c>
      <c r="AC35650">
        <v>4</v>
      </c>
      <c r="AD35650">
        <v>4</v>
      </c>
      <c r="AE35650">
        <v>4</v>
      </c>
      <c r="AF35650">
        <v>4</v>
      </c>
      <c r="AG35650">
        <v>4</v>
      </c>
      <c r="AH35650">
        <v>4</v>
      </c>
      <c r="AI35650">
        <v>4</v>
      </c>
      <c r="AJ35650">
        <v>4</v>
      </c>
      <c r="AK35650">
        <v>4</v>
      </c>
      <c r="AL35650">
        <v>4</v>
      </c>
      <c r="AM35650">
        <v>4</v>
      </c>
      <c r="AN35650">
        <v>4</v>
      </c>
      <c r="AO35650">
        <v>4</v>
      </c>
      <c r="AP35650">
        <v>4</v>
      </c>
      <c r="AQ35650">
        <v>4</v>
      </c>
    </row>
    <row r="35651" spans="1:43">
      <c r="A35651" t="s">
        <v>22105</v>
      </c>
      <c r="B35651" t="s">
        <v>22106</v>
      </c>
      <c r="C35651" t="s">
        <v>22101</v>
      </c>
      <c r="D35651" t="s">
        <v>22102</v>
      </c>
      <c r="E35651" t="s">
        <v>21687</v>
      </c>
      <c r="F35651" t="s">
        <v>21688</v>
      </c>
      <c r="G35651" t="s">
        <v>20255</v>
      </c>
      <c r="H35651" t="s">
        <v>20256</v>
      </c>
      <c r="I35651" s="2">
        <v>1</v>
      </c>
      <c r="J35651" s="2">
        <v>0</v>
      </c>
      <c r="K35651" s="2">
        <v>0</v>
      </c>
      <c r="L35651" t="s">
        <v>120</v>
      </c>
      <c r="M35651" t="s">
        <v>87</v>
      </c>
      <c r="N35651" t="s">
        <v>88</v>
      </c>
      <c r="O35651" t="s">
        <v>85</v>
      </c>
      <c r="P35651" t="s">
        <v>86</v>
      </c>
      <c r="Q35651">
        <v>3</v>
      </c>
      <c r="R35651">
        <v>3</v>
      </c>
      <c r="S35651">
        <v>3</v>
      </c>
      <c r="T35651">
        <v>3</v>
      </c>
      <c r="U35651">
        <v>3</v>
      </c>
      <c r="V35651">
        <v>3</v>
      </c>
      <c r="W35651">
        <v>3</v>
      </c>
      <c r="X35651">
        <v>3</v>
      </c>
      <c r="Y35651">
        <v>3</v>
      </c>
      <c r="Z35651">
        <v>3</v>
      </c>
      <c r="AA35651">
        <v>3</v>
      </c>
      <c r="AB35651">
        <v>3</v>
      </c>
      <c r="AC35651">
        <v>3</v>
      </c>
      <c r="AD35651">
        <v>3</v>
      </c>
      <c r="AE35651">
        <v>3</v>
      </c>
      <c r="AF35651">
        <v>3</v>
      </c>
      <c r="AG35651">
        <v>3</v>
      </c>
      <c r="AH35651">
        <v>4</v>
      </c>
      <c r="AI35651">
        <v>4</v>
      </c>
      <c r="AJ35651">
        <v>4</v>
      </c>
      <c r="AK35651">
        <v>4</v>
      </c>
      <c r="AL35651">
        <v>4</v>
      </c>
      <c r="AM35651">
        <v>4</v>
      </c>
      <c r="AN35651">
        <v>4</v>
      </c>
      <c r="AO35651">
        <v>4</v>
      </c>
      <c r="AP35651">
        <v>4</v>
      </c>
      <c r="AQ35651">
        <v>4</v>
      </c>
    </row>
    <row r="35652" spans="1:43">
      <c r="A35652" t="s">
        <v>22105</v>
      </c>
      <c r="B35652" t="s">
        <v>22106</v>
      </c>
      <c r="C35652" t="s">
        <v>22101</v>
      </c>
      <c r="D35652" t="s">
        <v>22102</v>
      </c>
      <c r="E35652" t="s">
        <v>21687</v>
      </c>
      <c r="F35652" t="s">
        <v>21688</v>
      </c>
      <c r="G35652" t="s">
        <v>20255</v>
      </c>
      <c r="H35652" t="s">
        <v>20256</v>
      </c>
      <c r="I35652" s="2">
        <v>1</v>
      </c>
      <c r="J35652" s="2">
        <v>0</v>
      </c>
      <c r="K35652" s="2">
        <v>0</v>
      </c>
      <c r="L35652" t="s">
        <v>120</v>
      </c>
      <c r="M35652" t="s">
        <v>89</v>
      </c>
      <c r="N35652" t="s">
        <v>90</v>
      </c>
      <c r="O35652" t="s">
        <v>85</v>
      </c>
      <c r="P35652" t="s">
        <v>86</v>
      </c>
      <c r="Q35652">
        <v>3</v>
      </c>
      <c r="R35652">
        <v>4</v>
      </c>
      <c r="S35652">
        <v>4</v>
      </c>
      <c r="T35652">
        <v>4</v>
      </c>
      <c r="U35652">
        <v>4</v>
      </c>
      <c r="V35652">
        <v>4</v>
      </c>
      <c r="W35652">
        <v>4</v>
      </c>
      <c r="X35652">
        <v>4</v>
      </c>
      <c r="Y35652">
        <v>4</v>
      </c>
      <c r="Z35652">
        <v>4</v>
      </c>
      <c r="AA35652">
        <v>4</v>
      </c>
      <c r="AB35652">
        <v>4</v>
      </c>
      <c r="AC35652">
        <v>4</v>
      </c>
      <c r="AD35652">
        <v>4</v>
      </c>
      <c r="AE35652">
        <v>4</v>
      </c>
      <c r="AF35652">
        <v>4</v>
      </c>
      <c r="AG35652">
        <v>4</v>
      </c>
      <c r="AH35652">
        <v>4</v>
      </c>
      <c r="AI35652">
        <v>4</v>
      </c>
      <c r="AJ35652">
        <v>4</v>
      </c>
      <c r="AK35652">
        <v>4</v>
      </c>
      <c r="AL35652">
        <v>4</v>
      </c>
      <c r="AM35652">
        <v>4</v>
      </c>
      <c r="AN35652">
        <v>4</v>
      </c>
      <c r="AO35652">
        <v>4</v>
      </c>
      <c r="AP35652">
        <v>4</v>
      </c>
      <c r="AQ35652">
        <v>4</v>
      </c>
    </row>
    <row r="35653" spans="1:43">
      <c r="A35653" t="s">
        <v>22105</v>
      </c>
      <c r="B35653" t="s">
        <v>22106</v>
      </c>
      <c r="C35653" t="s">
        <v>22101</v>
      </c>
      <c r="D35653" t="s">
        <v>22102</v>
      </c>
      <c r="E35653" t="s">
        <v>21687</v>
      </c>
      <c r="F35653" t="s">
        <v>21688</v>
      </c>
      <c r="G35653" t="s">
        <v>20255</v>
      </c>
      <c r="H35653" t="s">
        <v>20256</v>
      </c>
      <c r="I35653" s="2">
        <v>1</v>
      </c>
      <c r="J35653" s="2">
        <v>0</v>
      </c>
      <c r="K35653" s="2">
        <v>0</v>
      </c>
      <c r="L35653" t="s">
        <v>120</v>
      </c>
      <c r="M35653" t="s">
        <v>83</v>
      </c>
      <c r="N35653" t="s">
        <v>91</v>
      </c>
      <c r="O35653" t="s">
        <v>85</v>
      </c>
      <c r="P35653" t="s">
        <v>86</v>
      </c>
      <c r="Q35653">
        <v>3</v>
      </c>
      <c r="R35653">
        <v>3</v>
      </c>
      <c r="S35653">
        <v>4</v>
      </c>
      <c r="T35653">
        <v>4</v>
      </c>
      <c r="U35653">
        <v>4</v>
      </c>
      <c r="V35653">
        <v>4</v>
      </c>
      <c r="W35653">
        <v>4</v>
      </c>
      <c r="X35653">
        <v>4</v>
      </c>
      <c r="Y35653">
        <v>4</v>
      </c>
      <c r="Z35653">
        <v>4</v>
      </c>
      <c r="AA35653">
        <v>4</v>
      </c>
      <c r="AB35653">
        <v>4</v>
      </c>
      <c r="AC35653">
        <v>4</v>
      </c>
      <c r="AD35653">
        <v>4</v>
      </c>
      <c r="AE35653">
        <v>4</v>
      </c>
      <c r="AF35653">
        <v>4</v>
      </c>
      <c r="AG35653">
        <v>4</v>
      </c>
      <c r="AH35653">
        <v>4</v>
      </c>
      <c r="AI35653">
        <v>4</v>
      </c>
      <c r="AJ35653">
        <v>4</v>
      </c>
      <c r="AK35653">
        <v>4</v>
      </c>
      <c r="AL35653">
        <v>4</v>
      </c>
      <c r="AM35653">
        <v>4</v>
      </c>
      <c r="AN35653">
        <v>4</v>
      </c>
      <c r="AO35653">
        <v>4</v>
      </c>
      <c r="AP35653">
        <v>4</v>
      </c>
      <c r="AQ35653">
        <v>4</v>
      </c>
    </row>
    <row r="35654" spans="1:43">
      <c r="A35654" t="s">
        <v>22107</v>
      </c>
      <c r="B35654" t="s">
        <v>22108</v>
      </c>
      <c r="C35654" t="s">
        <v>22101</v>
      </c>
      <c r="D35654" t="s">
        <v>22102</v>
      </c>
      <c r="E35654" t="s">
        <v>21687</v>
      </c>
      <c r="F35654" t="s">
        <v>21688</v>
      </c>
      <c r="G35654" t="s">
        <v>20255</v>
      </c>
      <c r="H35654" t="s">
        <v>20256</v>
      </c>
      <c r="I35654" s="2">
        <v>1</v>
      </c>
      <c r="J35654" s="2">
        <v>0</v>
      </c>
      <c r="K35654" s="2">
        <v>0</v>
      </c>
      <c r="L35654" t="s">
        <v>120</v>
      </c>
      <c r="M35654" t="s">
        <v>83</v>
      </c>
      <c r="N35654" t="s">
        <v>84</v>
      </c>
      <c r="O35654" t="s">
        <v>85</v>
      </c>
      <c r="P35654" t="s">
        <v>86</v>
      </c>
      <c r="Q35654">
        <v>13</v>
      </c>
      <c r="R35654">
        <v>13</v>
      </c>
      <c r="S35654">
        <v>13</v>
      </c>
      <c r="T35654">
        <v>13</v>
      </c>
      <c r="U35654">
        <v>13</v>
      </c>
      <c r="V35654">
        <v>13</v>
      </c>
      <c r="W35654">
        <v>13</v>
      </c>
      <c r="X35654">
        <v>14</v>
      </c>
      <c r="Y35654">
        <v>14</v>
      </c>
      <c r="Z35654">
        <v>14</v>
      </c>
      <c r="AA35654">
        <v>14</v>
      </c>
      <c r="AB35654">
        <v>14</v>
      </c>
      <c r="AC35654">
        <v>14</v>
      </c>
      <c r="AD35654">
        <v>14</v>
      </c>
      <c r="AE35654">
        <v>14</v>
      </c>
      <c r="AF35654">
        <v>15</v>
      </c>
      <c r="AG35654">
        <v>15</v>
      </c>
      <c r="AH35654">
        <v>15</v>
      </c>
      <c r="AI35654">
        <v>15</v>
      </c>
      <c r="AJ35654">
        <v>15</v>
      </c>
      <c r="AK35654">
        <v>15</v>
      </c>
      <c r="AL35654">
        <v>15</v>
      </c>
      <c r="AM35654">
        <v>15</v>
      </c>
      <c r="AN35654">
        <v>15</v>
      </c>
      <c r="AO35654">
        <v>15</v>
      </c>
      <c r="AP35654">
        <v>15</v>
      </c>
      <c r="AQ35654">
        <v>15</v>
      </c>
    </row>
    <row r="35655" spans="1:43">
      <c r="A35655" t="s">
        <v>22107</v>
      </c>
      <c r="B35655" t="s">
        <v>22108</v>
      </c>
      <c r="C35655" t="s">
        <v>22101</v>
      </c>
      <c r="D35655" t="s">
        <v>22102</v>
      </c>
      <c r="E35655" t="s">
        <v>21687</v>
      </c>
      <c r="F35655" t="s">
        <v>21688</v>
      </c>
      <c r="G35655" t="s">
        <v>20255</v>
      </c>
      <c r="H35655" t="s">
        <v>20256</v>
      </c>
      <c r="I35655" s="2">
        <v>1</v>
      </c>
      <c r="J35655" s="2">
        <v>0</v>
      </c>
      <c r="K35655" s="2">
        <v>0</v>
      </c>
      <c r="L35655" t="s">
        <v>120</v>
      </c>
      <c r="M35655" t="s">
        <v>87</v>
      </c>
      <c r="N35655" t="s">
        <v>88</v>
      </c>
      <c r="O35655" t="s">
        <v>85</v>
      </c>
      <c r="P35655" t="s">
        <v>86</v>
      </c>
      <c r="Q35655">
        <v>13</v>
      </c>
      <c r="R35655">
        <v>13</v>
      </c>
      <c r="S35655">
        <v>13</v>
      </c>
      <c r="T35655">
        <v>13</v>
      </c>
      <c r="U35655">
        <v>13</v>
      </c>
      <c r="V35655">
        <v>13</v>
      </c>
      <c r="W35655">
        <v>13</v>
      </c>
      <c r="X35655">
        <v>13</v>
      </c>
      <c r="Y35655">
        <v>13</v>
      </c>
      <c r="Z35655">
        <v>13</v>
      </c>
      <c r="AA35655">
        <v>13</v>
      </c>
      <c r="AB35655">
        <v>13</v>
      </c>
      <c r="AC35655">
        <v>13</v>
      </c>
      <c r="AD35655">
        <v>13</v>
      </c>
      <c r="AE35655">
        <v>13</v>
      </c>
      <c r="AF35655">
        <v>13</v>
      </c>
      <c r="AG35655">
        <v>13</v>
      </c>
      <c r="AH35655">
        <v>13</v>
      </c>
      <c r="AI35655">
        <v>13</v>
      </c>
      <c r="AJ35655">
        <v>13</v>
      </c>
      <c r="AK35655">
        <v>13</v>
      </c>
      <c r="AL35655">
        <v>13</v>
      </c>
      <c r="AM35655">
        <v>13</v>
      </c>
      <c r="AN35655">
        <v>13</v>
      </c>
      <c r="AO35655">
        <v>13</v>
      </c>
      <c r="AP35655">
        <v>13</v>
      </c>
      <c r="AQ35655">
        <v>13</v>
      </c>
    </row>
    <row r="35656" spans="1:43">
      <c r="A35656" t="s">
        <v>22107</v>
      </c>
      <c r="B35656" t="s">
        <v>22108</v>
      </c>
      <c r="C35656" t="s">
        <v>22101</v>
      </c>
      <c r="D35656" t="s">
        <v>22102</v>
      </c>
      <c r="E35656" t="s">
        <v>21687</v>
      </c>
      <c r="F35656" t="s">
        <v>21688</v>
      </c>
      <c r="G35656" t="s">
        <v>20255</v>
      </c>
      <c r="H35656" t="s">
        <v>20256</v>
      </c>
      <c r="I35656" s="2">
        <v>1</v>
      </c>
      <c r="J35656" s="2">
        <v>0</v>
      </c>
      <c r="K35656" s="2">
        <v>0</v>
      </c>
      <c r="L35656" t="s">
        <v>120</v>
      </c>
      <c r="M35656" t="s">
        <v>89</v>
      </c>
      <c r="N35656" t="s">
        <v>90</v>
      </c>
      <c r="O35656" t="s">
        <v>85</v>
      </c>
      <c r="P35656" t="s">
        <v>86</v>
      </c>
      <c r="Q35656">
        <v>13</v>
      </c>
      <c r="R35656">
        <v>13</v>
      </c>
      <c r="S35656">
        <v>13</v>
      </c>
      <c r="T35656">
        <v>13</v>
      </c>
      <c r="U35656">
        <v>14</v>
      </c>
      <c r="V35656">
        <v>14</v>
      </c>
      <c r="W35656">
        <v>14</v>
      </c>
      <c r="X35656">
        <v>14</v>
      </c>
      <c r="Y35656">
        <v>14</v>
      </c>
      <c r="Z35656">
        <v>15</v>
      </c>
      <c r="AA35656">
        <v>15</v>
      </c>
      <c r="AB35656">
        <v>15</v>
      </c>
      <c r="AC35656">
        <v>15</v>
      </c>
      <c r="AD35656">
        <v>15</v>
      </c>
      <c r="AE35656">
        <v>15</v>
      </c>
      <c r="AF35656">
        <v>15</v>
      </c>
      <c r="AG35656">
        <v>15</v>
      </c>
      <c r="AH35656">
        <v>15</v>
      </c>
      <c r="AI35656">
        <v>15</v>
      </c>
      <c r="AJ35656">
        <v>15</v>
      </c>
      <c r="AK35656">
        <v>15</v>
      </c>
      <c r="AL35656">
        <v>15</v>
      </c>
      <c r="AM35656">
        <v>15</v>
      </c>
      <c r="AN35656">
        <v>15</v>
      </c>
      <c r="AO35656">
        <v>15</v>
      </c>
      <c r="AP35656">
        <v>15</v>
      </c>
      <c r="AQ35656">
        <v>15</v>
      </c>
    </row>
    <row r="35657" spans="1:43">
      <c r="A35657" t="s">
        <v>22107</v>
      </c>
      <c r="B35657" t="s">
        <v>22108</v>
      </c>
      <c r="C35657" t="s">
        <v>22101</v>
      </c>
      <c r="D35657" t="s">
        <v>22102</v>
      </c>
      <c r="E35657" t="s">
        <v>21687</v>
      </c>
      <c r="F35657" t="s">
        <v>21688</v>
      </c>
      <c r="G35657" t="s">
        <v>20255</v>
      </c>
      <c r="H35657" t="s">
        <v>20256</v>
      </c>
      <c r="I35657" s="2">
        <v>1</v>
      </c>
      <c r="J35657" s="2">
        <v>0</v>
      </c>
      <c r="K35657" s="2">
        <v>0</v>
      </c>
      <c r="L35657" t="s">
        <v>120</v>
      </c>
      <c r="M35657" t="s">
        <v>83</v>
      </c>
      <c r="N35657" t="s">
        <v>91</v>
      </c>
      <c r="O35657" t="s">
        <v>85</v>
      </c>
      <c r="P35657" t="s">
        <v>86</v>
      </c>
      <c r="Q35657">
        <v>13</v>
      </c>
      <c r="R35657">
        <v>13</v>
      </c>
      <c r="S35657">
        <v>13</v>
      </c>
      <c r="T35657">
        <v>13</v>
      </c>
      <c r="U35657">
        <v>13</v>
      </c>
      <c r="V35657">
        <v>13</v>
      </c>
      <c r="W35657">
        <v>13</v>
      </c>
      <c r="X35657">
        <v>14</v>
      </c>
      <c r="Y35657">
        <v>14</v>
      </c>
      <c r="Z35657">
        <v>14</v>
      </c>
      <c r="AA35657">
        <v>14</v>
      </c>
      <c r="AB35657">
        <v>14</v>
      </c>
      <c r="AC35657">
        <v>14</v>
      </c>
      <c r="AD35657">
        <v>14</v>
      </c>
      <c r="AE35657">
        <v>14</v>
      </c>
      <c r="AF35657">
        <v>15</v>
      </c>
      <c r="AG35657">
        <v>15</v>
      </c>
      <c r="AH35657">
        <v>15</v>
      </c>
      <c r="AI35657">
        <v>15</v>
      </c>
      <c r="AJ35657">
        <v>15</v>
      </c>
      <c r="AK35657">
        <v>15</v>
      </c>
      <c r="AL35657">
        <v>15</v>
      </c>
      <c r="AM35657">
        <v>15</v>
      </c>
      <c r="AN35657">
        <v>15</v>
      </c>
      <c r="AO35657">
        <v>15</v>
      </c>
      <c r="AP35657">
        <v>15</v>
      </c>
      <c r="AQ35657">
        <v>15</v>
      </c>
    </row>
    <row r="35658" spans="1:43">
      <c r="A35658" t="s">
        <v>22109</v>
      </c>
      <c r="B35658" t="s">
        <v>22110</v>
      </c>
      <c r="C35658" t="s">
        <v>22111</v>
      </c>
      <c r="D35658" t="s">
        <v>22112</v>
      </c>
      <c r="E35658" t="s">
        <v>21687</v>
      </c>
      <c r="F35658" t="s">
        <v>21688</v>
      </c>
      <c r="G35658" t="s">
        <v>20255</v>
      </c>
      <c r="H35658" t="s">
        <v>20256</v>
      </c>
      <c r="I35658" s="2">
        <v>1</v>
      </c>
      <c r="J35658" s="2">
        <v>0</v>
      </c>
      <c r="K35658" s="2">
        <v>0</v>
      </c>
      <c r="L35658" t="s">
        <v>120</v>
      </c>
      <c r="M35658" t="s">
        <v>83</v>
      </c>
      <c r="N35658" t="s">
        <v>84</v>
      </c>
      <c r="O35658" t="s">
        <v>85</v>
      </c>
      <c r="P35658" t="s">
        <v>86</v>
      </c>
      <c r="Q35658">
        <v>24</v>
      </c>
      <c r="R35658">
        <v>24</v>
      </c>
      <c r="S35658">
        <v>24</v>
      </c>
      <c r="T35658">
        <v>24</v>
      </c>
      <c r="U35658">
        <v>25</v>
      </c>
      <c r="V35658">
        <v>25</v>
      </c>
      <c r="W35658">
        <v>25</v>
      </c>
      <c r="X35658">
        <v>25</v>
      </c>
      <c r="Y35658">
        <v>26</v>
      </c>
      <c r="Z35658">
        <v>26</v>
      </c>
      <c r="AA35658">
        <v>26</v>
      </c>
      <c r="AB35658">
        <v>26</v>
      </c>
      <c r="AC35658">
        <v>26</v>
      </c>
      <c r="AD35658">
        <v>27</v>
      </c>
      <c r="AE35658">
        <v>27</v>
      </c>
      <c r="AF35658">
        <v>27</v>
      </c>
      <c r="AG35658">
        <v>27</v>
      </c>
      <c r="AH35658">
        <v>28</v>
      </c>
      <c r="AI35658">
        <v>28</v>
      </c>
      <c r="AJ35658">
        <v>28</v>
      </c>
      <c r="AK35658">
        <v>28</v>
      </c>
      <c r="AL35658">
        <v>28</v>
      </c>
      <c r="AM35658">
        <v>28</v>
      </c>
      <c r="AN35658">
        <v>28</v>
      </c>
      <c r="AO35658">
        <v>28</v>
      </c>
      <c r="AP35658">
        <v>28</v>
      </c>
      <c r="AQ35658">
        <v>28</v>
      </c>
    </row>
    <row r="35659" spans="1:43">
      <c r="A35659" t="s">
        <v>22109</v>
      </c>
      <c r="B35659" t="s">
        <v>22110</v>
      </c>
      <c r="C35659" t="s">
        <v>22111</v>
      </c>
      <c r="D35659" t="s">
        <v>22112</v>
      </c>
      <c r="E35659" t="s">
        <v>21687</v>
      </c>
      <c r="F35659" t="s">
        <v>21688</v>
      </c>
      <c r="G35659" t="s">
        <v>20255</v>
      </c>
      <c r="H35659" t="s">
        <v>20256</v>
      </c>
      <c r="I35659" s="2">
        <v>1</v>
      </c>
      <c r="J35659" s="2">
        <v>0</v>
      </c>
      <c r="K35659" s="2">
        <v>0</v>
      </c>
      <c r="L35659" t="s">
        <v>120</v>
      </c>
      <c r="M35659" t="s">
        <v>87</v>
      </c>
      <c r="N35659" t="s">
        <v>88</v>
      </c>
      <c r="O35659" t="s">
        <v>85</v>
      </c>
      <c r="P35659" t="s">
        <v>86</v>
      </c>
      <c r="Q35659">
        <v>24</v>
      </c>
      <c r="R35659">
        <v>24</v>
      </c>
      <c r="S35659">
        <v>24</v>
      </c>
      <c r="T35659">
        <v>24</v>
      </c>
      <c r="U35659">
        <v>24</v>
      </c>
      <c r="V35659">
        <v>25</v>
      </c>
      <c r="W35659">
        <v>25</v>
      </c>
      <c r="X35659">
        <v>25</v>
      </c>
      <c r="Y35659">
        <v>25</v>
      </c>
      <c r="Z35659">
        <v>25</v>
      </c>
      <c r="AA35659">
        <v>25</v>
      </c>
      <c r="AB35659">
        <v>25</v>
      </c>
      <c r="AC35659">
        <v>25</v>
      </c>
      <c r="AD35659">
        <v>25</v>
      </c>
      <c r="AE35659">
        <v>25</v>
      </c>
      <c r="AF35659">
        <v>25</v>
      </c>
      <c r="AG35659">
        <v>25</v>
      </c>
      <c r="AH35659">
        <v>25</v>
      </c>
      <c r="AI35659">
        <v>25</v>
      </c>
      <c r="AJ35659">
        <v>25</v>
      </c>
      <c r="AK35659">
        <v>25</v>
      </c>
      <c r="AL35659">
        <v>25</v>
      </c>
      <c r="AM35659">
        <v>25</v>
      </c>
      <c r="AN35659">
        <v>25</v>
      </c>
      <c r="AO35659">
        <v>26</v>
      </c>
      <c r="AP35659">
        <v>26</v>
      </c>
      <c r="AQ35659">
        <v>26</v>
      </c>
    </row>
    <row r="35660" spans="1:43">
      <c r="A35660" t="s">
        <v>22109</v>
      </c>
      <c r="B35660" t="s">
        <v>22110</v>
      </c>
      <c r="C35660" t="s">
        <v>22111</v>
      </c>
      <c r="D35660" t="s">
        <v>22112</v>
      </c>
      <c r="E35660" t="s">
        <v>21687</v>
      </c>
      <c r="F35660" t="s">
        <v>21688</v>
      </c>
      <c r="G35660" t="s">
        <v>20255</v>
      </c>
      <c r="H35660" t="s">
        <v>20256</v>
      </c>
      <c r="I35660" s="2">
        <v>1</v>
      </c>
      <c r="J35660" s="2">
        <v>0</v>
      </c>
      <c r="K35660" s="2">
        <v>0</v>
      </c>
      <c r="L35660" t="s">
        <v>120</v>
      </c>
      <c r="M35660" t="s">
        <v>89</v>
      </c>
      <c r="N35660" t="s">
        <v>90</v>
      </c>
      <c r="O35660" t="s">
        <v>85</v>
      </c>
      <c r="P35660" t="s">
        <v>86</v>
      </c>
      <c r="Q35660">
        <v>24</v>
      </c>
      <c r="R35660">
        <v>24</v>
      </c>
      <c r="S35660">
        <v>25</v>
      </c>
      <c r="T35660">
        <v>25</v>
      </c>
      <c r="U35660">
        <v>26</v>
      </c>
      <c r="V35660">
        <v>26</v>
      </c>
      <c r="W35660">
        <v>26</v>
      </c>
      <c r="X35660">
        <v>27</v>
      </c>
      <c r="Y35660">
        <v>27</v>
      </c>
      <c r="Z35660">
        <v>27</v>
      </c>
      <c r="AA35660">
        <v>28</v>
      </c>
      <c r="AB35660">
        <v>28</v>
      </c>
      <c r="AC35660">
        <v>28</v>
      </c>
      <c r="AD35660">
        <v>29</v>
      </c>
      <c r="AE35660">
        <v>29</v>
      </c>
      <c r="AF35660">
        <v>29</v>
      </c>
      <c r="AG35660">
        <v>29</v>
      </c>
      <c r="AH35660">
        <v>29</v>
      </c>
      <c r="AI35660">
        <v>29</v>
      </c>
      <c r="AJ35660">
        <v>29</v>
      </c>
      <c r="AK35660">
        <v>29</v>
      </c>
      <c r="AL35660">
        <v>29</v>
      </c>
      <c r="AM35660">
        <v>29</v>
      </c>
      <c r="AN35660">
        <v>29</v>
      </c>
      <c r="AO35660">
        <v>29</v>
      </c>
      <c r="AP35660">
        <v>29</v>
      </c>
      <c r="AQ35660">
        <v>29</v>
      </c>
    </row>
    <row r="35661" spans="1:43">
      <c r="A35661" t="s">
        <v>22109</v>
      </c>
      <c r="B35661" t="s">
        <v>22110</v>
      </c>
      <c r="C35661" t="s">
        <v>22111</v>
      </c>
      <c r="D35661" t="s">
        <v>22112</v>
      </c>
      <c r="E35661" t="s">
        <v>21687</v>
      </c>
      <c r="F35661" t="s">
        <v>21688</v>
      </c>
      <c r="G35661" t="s">
        <v>20255</v>
      </c>
      <c r="H35661" t="s">
        <v>20256</v>
      </c>
      <c r="I35661" s="2">
        <v>1</v>
      </c>
      <c r="J35661" s="2">
        <v>0</v>
      </c>
      <c r="K35661" s="2">
        <v>0</v>
      </c>
      <c r="L35661" t="s">
        <v>120</v>
      </c>
      <c r="M35661" t="s">
        <v>83</v>
      </c>
      <c r="N35661" t="s">
        <v>91</v>
      </c>
      <c r="O35661" t="s">
        <v>85</v>
      </c>
      <c r="P35661" t="s">
        <v>86</v>
      </c>
      <c r="Q35661">
        <v>24</v>
      </c>
      <c r="R35661">
        <v>24</v>
      </c>
      <c r="S35661">
        <v>24</v>
      </c>
      <c r="T35661">
        <v>24</v>
      </c>
      <c r="U35661">
        <v>25</v>
      </c>
      <c r="V35661">
        <v>25</v>
      </c>
      <c r="W35661">
        <v>25</v>
      </c>
      <c r="X35661">
        <v>25</v>
      </c>
      <c r="Y35661">
        <v>26</v>
      </c>
      <c r="Z35661">
        <v>26</v>
      </c>
      <c r="AA35661">
        <v>26</v>
      </c>
      <c r="AB35661">
        <v>26</v>
      </c>
      <c r="AC35661">
        <v>26</v>
      </c>
      <c r="AD35661">
        <v>27</v>
      </c>
      <c r="AE35661">
        <v>27</v>
      </c>
      <c r="AF35661">
        <v>27</v>
      </c>
      <c r="AG35661">
        <v>27</v>
      </c>
      <c r="AH35661">
        <v>28</v>
      </c>
      <c r="AI35661">
        <v>28</v>
      </c>
      <c r="AJ35661">
        <v>28</v>
      </c>
      <c r="AK35661">
        <v>28</v>
      </c>
      <c r="AL35661">
        <v>28</v>
      </c>
      <c r="AM35661">
        <v>28</v>
      </c>
      <c r="AN35661">
        <v>28</v>
      </c>
      <c r="AO35661">
        <v>28</v>
      </c>
      <c r="AP35661">
        <v>28</v>
      </c>
      <c r="AQ35661">
        <v>28</v>
      </c>
    </row>
    <row r="35662" spans="1:43">
      <c r="A35662" t="s">
        <v>22113</v>
      </c>
      <c r="B35662" t="s">
        <v>22114</v>
      </c>
      <c r="C35662" t="s">
        <v>22111</v>
      </c>
      <c r="D35662" t="s">
        <v>22112</v>
      </c>
      <c r="E35662" t="s">
        <v>21687</v>
      </c>
      <c r="F35662" t="s">
        <v>21688</v>
      </c>
      <c r="G35662" t="s">
        <v>20255</v>
      </c>
      <c r="H35662" t="s">
        <v>20256</v>
      </c>
      <c r="I35662" s="2">
        <v>1</v>
      </c>
      <c r="J35662" s="2">
        <v>0</v>
      </c>
      <c r="K35662" s="2">
        <v>0</v>
      </c>
      <c r="L35662" t="s">
        <v>120</v>
      </c>
      <c r="M35662" t="s">
        <v>83</v>
      </c>
      <c r="N35662" t="s">
        <v>84</v>
      </c>
      <c r="O35662" t="s">
        <v>85</v>
      </c>
      <c r="P35662" t="s">
        <v>86</v>
      </c>
      <c r="Q35662">
        <v>8</v>
      </c>
      <c r="R35662">
        <v>8</v>
      </c>
      <c r="S35662">
        <v>8</v>
      </c>
      <c r="T35662">
        <v>8</v>
      </c>
      <c r="U35662">
        <v>9</v>
      </c>
      <c r="V35662">
        <v>9</v>
      </c>
      <c r="W35662">
        <v>9</v>
      </c>
      <c r="X35662">
        <v>9</v>
      </c>
      <c r="Y35662">
        <v>9</v>
      </c>
      <c r="Z35662">
        <v>9</v>
      </c>
      <c r="AA35662">
        <v>9</v>
      </c>
      <c r="AB35662">
        <v>9</v>
      </c>
      <c r="AC35662">
        <v>9</v>
      </c>
      <c r="AD35662">
        <v>9</v>
      </c>
      <c r="AE35662">
        <v>9</v>
      </c>
      <c r="AF35662">
        <v>9</v>
      </c>
      <c r="AG35662">
        <v>10</v>
      </c>
      <c r="AH35662">
        <v>10</v>
      </c>
      <c r="AI35662">
        <v>10</v>
      </c>
      <c r="AJ35662">
        <v>10</v>
      </c>
      <c r="AK35662">
        <v>10</v>
      </c>
      <c r="AL35662">
        <v>10</v>
      </c>
      <c r="AM35662">
        <v>10</v>
      </c>
      <c r="AN35662">
        <v>10</v>
      </c>
      <c r="AO35662">
        <v>10</v>
      </c>
      <c r="AP35662">
        <v>10</v>
      </c>
      <c r="AQ35662">
        <v>10</v>
      </c>
    </row>
    <row r="35663" spans="1:43">
      <c r="A35663" t="s">
        <v>22113</v>
      </c>
      <c r="B35663" t="s">
        <v>22114</v>
      </c>
      <c r="C35663" t="s">
        <v>22111</v>
      </c>
      <c r="D35663" t="s">
        <v>22112</v>
      </c>
      <c r="E35663" t="s">
        <v>21687</v>
      </c>
      <c r="F35663" t="s">
        <v>21688</v>
      </c>
      <c r="G35663" t="s">
        <v>20255</v>
      </c>
      <c r="H35663" t="s">
        <v>20256</v>
      </c>
      <c r="I35663" s="2">
        <v>1</v>
      </c>
      <c r="J35663" s="2">
        <v>0</v>
      </c>
      <c r="K35663" s="2">
        <v>0</v>
      </c>
      <c r="L35663" t="s">
        <v>120</v>
      </c>
      <c r="M35663" t="s">
        <v>87</v>
      </c>
      <c r="N35663" t="s">
        <v>88</v>
      </c>
      <c r="O35663" t="s">
        <v>85</v>
      </c>
      <c r="P35663" t="s">
        <v>86</v>
      </c>
      <c r="Q35663">
        <v>8</v>
      </c>
      <c r="R35663">
        <v>8</v>
      </c>
      <c r="S35663">
        <v>8</v>
      </c>
      <c r="T35663">
        <v>8</v>
      </c>
      <c r="U35663">
        <v>8</v>
      </c>
      <c r="V35663">
        <v>8</v>
      </c>
      <c r="W35663">
        <v>8</v>
      </c>
      <c r="X35663">
        <v>8</v>
      </c>
      <c r="Y35663">
        <v>8</v>
      </c>
      <c r="Z35663">
        <v>8</v>
      </c>
      <c r="AA35663">
        <v>8</v>
      </c>
      <c r="AB35663">
        <v>8</v>
      </c>
      <c r="AC35663">
        <v>8</v>
      </c>
      <c r="AD35663">
        <v>8</v>
      </c>
      <c r="AE35663">
        <v>8</v>
      </c>
      <c r="AF35663">
        <v>8</v>
      </c>
      <c r="AG35663">
        <v>8</v>
      </c>
      <c r="AH35663">
        <v>8</v>
      </c>
      <c r="AI35663">
        <v>8</v>
      </c>
      <c r="AJ35663">
        <v>8</v>
      </c>
      <c r="AK35663">
        <v>8</v>
      </c>
      <c r="AL35663">
        <v>9</v>
      </c>
      <c r="AM35663">
        <v>9</v>
      </c>
      <c r="AN35663">
        <v>9</v>
      </c>
      <c r="AO35663">
        <v>9</v>
      </c>
      <c r="AP35663">
        <v>9</v>
      </c>
      <c r="AQ35663">
        <v>9</v>
      </c>
    </row>
    <row r="35664" spans="1:43">
      <c r="A35664" t="s">
        <v>22113</v>
      </c>
      <c r="B35664" t="s">
        <v>22114</v>
      </c>
      <c r="C35664" t="s">
        <v>22111</v>
      </c>
      <c r="D35664" t="s">
        <v>22112</v>
      </c>
      <c r="E35664" t="s">
        <v>21687</v>
      </c>
      <c r="F35664" t="s">
        <v>21688</v>
      </c>
      <c r="G35664" t="s">
        <v>20255</v>
      </c>
      <c r="H35664" t="s">
        <v>20256</v>
      </c>
      <c r="I35664" s="2">
        <v>1</v>
      </c>
      <c r="J35664" s="2">
        <v>0</v>
      </c>
      <c r="K35664" s="2">
        <v>0</v>
      </c>
      <c r="L35664" t="s">
        <v>120</v>
      </c>
      <c r="M35664" t="s">
        <v>89</v>
      </c>
      <c r="N35664" t="s">
        <v>90</v>
      </c>
      <c r="O35664" t="s">
        <v>85</v>
      </c>
      <c r="P35664" t="s">
        <v>86</v>
      </c>
      <c r="Q35664">
        <v>8</v>
      </c>
      <c r="R35664">
        <v>8</v>
      </c>
      <c r="S35664">
        <v>9</v>
      </c>
      <c r="T35664">
        <v>9</v>
      </c>
      <c r="U35664">
        <v>9</v>
      </c>
      <c r="V35664">
        <v>9</v>
      </c>
      <c r="W35664">
        <v>9</v>
      </c>
      <c r="X35664">
        <v>9</v>
      </c>
      <c r="Y35664">
        <v>9</v>
      </c>
      <c r="Z35664">
        <v>10</v>
      </c>
      <c r="AA35664">
        <v>10</v>
      </c>
      <c r="AB35664">
        <v>10</v>
      </c>
      <c r="AC35664">
        <v>10</v>
      </c>
      <c r="AD35664">
        <v>10</v>
      </c>
      <c r="AE35664">
        <v>10</v>
      </c>
      <c r="AF35664">
        <v>10</v>
      </c>
      <c r="AG35664">
        <v>10</v>
      </c>
      <c r="AH35664">
        <v>10</v>
      </c>
      <c r="AI35664">
        <v>10</v>
      </c>
      <c r="AJ35664">
        <v>10</v>
      </c>
      <c r="AK35664">
        <v>10</v>
      </c>
      <c r="AL35664">
        <v>10</v>
      </c>
      <c r="AM35664">
        <v>10</v>
      </c>
      <c r="AN35664">
        <v>10</v>
      </c>
      <c r="AO35664">
        <v>10</v>
      </c>
      <c r="AP35664">
        <v>10</v>
      </c>
      <c r="AQ35664">
        <v>10</v>
      </c>
    </row>
    <row r="35665" spans="1:43">
      <c r="A35665" t="s">
        <v>22113</v>
      </c>
      <c r="B35665" t="s">
        <v>22114</v>
      </c>
      <c r="C35665" t="s">
        <v>22111</v>
      </c>
      <c r="D35665" t="s">
        <v>22112</v>
      </c>
      <c r="E35665" t="s">
        <v>21687</v>
      </c>
      <c r="F35665" t="s">
        <v>21688</v>
      </c>
      <c r="G35665" t="s">
        <v>20255</v>
      </c>
      <c r="H35665" t="s">
        <v>20256</v>
      </c>
      <c r="I35665" s="2">
        <v>1</v>
      </c>
      <c r="J35665" s="2">
        <v>0</v>
      </c>
      <c r="K35665" s="2">
        <v>0</v>
      </c>
      <c r="L35665" t="s">
        <v>120</v>
      </c>
      <c r="M35665" t="s">
        <v>83</v>
      </c>
      <c r="N35665" t="s">
        <v>91</v>
      </c>
      <c r="O35665" t="s">
        <v>85</v>
      </c>
      <c r="P35665" t="s">
        <v>86</v>
      </c>
      <c r="Q35665">
        <v>8</v>
      </c>
      <c r="R35665">
        <v>8</v>
      </c>
      <c r="S35665">
        <v>8</v>
      </c>
      <c r="T35665">
        <v>8</v>
      </c>
      <c r="U35665">
        <v>9</v>
      </c>
      <c r="V35665">
        <v>9</v>
      </c>
      <c r="W35665">
        <v>9</v>
      </c>
      <c r="X35665">
        <v>9</v>
      </c>
      <c r="Y35665">
        <v>9</v>
      </c>
      <c r="Z35665">
        <v>9</v>
      </c>
      <c r="AA35665">
        <v>9</v>
      </c>
      <c r="AB35665">
        <v>9</v>
      </c>
      <c r="AC35665">
        <v>9</v>
      </c>
      <c r="AD35665">
        <v>9</v>
      </c>
      <c r="AE35665">
        <v>9</v>
      </c>
      <c r="AF35665">
        <v>9</v>
      </c>
      <c r="AG35665">
        <v>10</v>
      </c>
      <c r="AH35665">
        <v>10</v>
      </c>
      <c r="AI35665">
        <v>10</v>
      </c>
      <c r="AJ35665">
        <v>10</v>
      </c>
      <c r="AK35665">
        <v>10</v>
      </c>
      <c r="AL35665">
        <v>10</v>
      </c>
      <c r="AM35665">
        <v>10</v>
      </c>
      <c r="AN35665">
        <v>10</v>
      </c>
      <c r="AO35665">
        <v>10</v>
      </c>
      <c r="AP35665">
        <v>10</v>
      </c>
      <c r="AQ35665">
        <v>10</v>
      </c>
    </row>
    <row r="35666" spans="1:43">
      <c r="A35666" t="s">
        <v>22115</v>
      </c>
      <c r="B35666" t="s">
        <v>22116</v>
      </c>
      <c r="C35666" t="s">
        <v>22111</v>
      </c>
      <c r="D35666" t="s">
        <v>22112</v>
      </c>
      <c r="E35666" t="s">
        <v>21687</v>
      </c>
      <c r="F35666" t="s">
        <v>21688</v>
      </c>
      <c r="G35666" t="s">
        <v>20255</v>
      </c>
      <c r="H35666" t="s">
        <v>20256</v>
      </c>
      <c r="I35666" s="2">
        <v>1</v>
      </c>
      <c r="J35666" s="2">
        <v>0</v>
      </c>
      <c r="K35666" s="2">
        <v>0</v>
      </c>
      <c r="L35666" t="s">
        <v>120</v>
      </c>
      <c r="M35666" t="s">
        <v>83</v>
      </c>
      <c r="N35666" t="s">
        <v>84</v>
      </c>
      <c r="O35666" t="s">
        <v>85</v>
      </c>
      <c r="P35666" t="s">
        <v>86</v>
      </c>
      <c r="Q35666">
        <v>1</v>
      </c>
      <c r="R35666">
        <v>1</v>
      </c>
      <c r="S35666">
        <v>1</v>
      </c>
      <c r="T35666">
        <v>1</v>
      </c>
      <c r="U35666">
        <v>1</v>
      </c>
      <c r="V35666">
        <v>1</v>
      </c>
      <c r="W35666">
        <v>1</v>
      </c>
      <c r="X35666">
        <v>1</v>
      </c>
      <c r="Y35666">
        <v>1</v>
      </c>
      <c r="Z35666">
        <v>1</v>
      </c>
      <c r="AA35666">
        <v>1</v>
      </c>
      <c r="AB35666">
        <v>1</v>
      </c>
      <c r="AC35666">
        <v>1</v>
      </c>
      <c r="AD35666">
        <v>1</v>
      </c>
      <c r="AE35666">
        <v>1</v>
      </c>
      <c r="AF35666">
        <v>1</v>
      </c>
      <c r="AG35666">
        <v>1</v>
      </c>
      <c r="AH35666">
        <v>1</v>
      </c>
      <c r="AI35666">
        <v>1</v>
      </c>
      <c r="AJ35666">
        <v>1</v>
      </c>
      <c r="AK35666">
        <v>1</v>
      </c>
      <c r="AL35666">
        <v>1</v>
      </c>
      <c r="AM35666">
        <v>1</v>
      </c>
      <c r="AN35666">
        <v>1</v>
      </c>
      <c r="AO35666">
        <v>1</v>
      </c>
      <c r="AP35666">
        <v>1</v>
      </c>
      <c r="AQ35666">
        <v>1</v>
      </c>
    </row>
    <row r="35667" spans="1:43">
      <c r="A35667" t="s">
        <v>22115</v>
      </c>
      <c r="B35667" t="s">
        <v>22116</v>
      </c>
      <c r="C35667" t="s">
        <v>22111</v>
      </c>
      <c r="D35667" t="s">
        <v>22112</v>
      </c>
      <c r="E35667" t="s">
        <v>21687</v>
      </c>
      <c r="F35667" t="s">
        <v>21688</v>
      </c>
      <c r="G35667" t="s">
        <v>20255</v>
      </c>
      <c r="H35667" t="s">
        <v>20256</v>
      </c>
      <c r="I35667" s="2">
        <v>1</v>
      </c>
      <c r="J35667" s="2">
        <v>0</v>
      </c>
      <c r="K35667" s="2">
        <v>0</v>
      </c>
      <c r="L35667" t="s">
        <v>120</v>
      </c>
      <c r="M35667" t="s">
        <v>87</v>
      </c>
      <c r="N35667" t="s">
        <v>88</v>
      </c>
      <c r="O35667" t="s">
        <v>85</v>
      </c>
      <c r="P35667" t="s">
        <v>86</v>
      </c>
      <c r="Q35667">
        <v>1</v>
      </c>
      <c r="R35667">
        <v>1</v>
      </c>
      <c r="S35667">
        <v>1</v>
      </c>
      <c r="T35667">
        <v>1</v>
      </c>
      <c r="U35667">
        <v>1</v>
      </c>
      <c r="V35667">
        <v>1</v>
      </c>
      <c r="W35667">
        <v>1</v>
      </c>
      <c r="X35667">
        <v>1</v>
      </c>
      <c r="Y35667">
        <v>1</v>
      </c>
      <c r="Z35667">
        <v>1</v>
      </c>
      <c r="AA35667">
        <v>1</v>
      </c>
      <c r="AB35667">
        <v>1</v>
      </c>
      <c r="AC35667">
        <v>1</v>
      </c>
      <c r="AD35667">
        <v>1</v>
      </c>
      <c r="AE35667">
        <v>1</v>
      </c>
      <c r="AF35667">
        <v>1</v>
      </c>
      <c r="AG35667">
        <v>1</v>
      </c>
      <c r="AH35667">
        <v>1</v>
      </c>
      <c r="AI35667">
        <v>1</v>
      </c>
      <c r="AJ35667">
        <v>1</v>
      </c>
      <c r="AK35667">
        <v>1</v>
      </c>
      <c r="AL35667">
        <v>1</v>
      </c>
      <c r="AM35667">
        <v>1</v>
      </c>
      <c r="AN35667">
        <v>1</v>
      </c>
      <c r="AO35667">
        <v>1</v>
      </c>
      <c r="AP35667">
        <v>1</v>
      </c>
      <c r="AQ35667">
        <v>1</v>
      </c>
    </row>
    <row r="35668" spans="1:43">
      <c r="A35668" t="s">
        <v>22115</v>
      </c>
      <c r="B35668" t="s">
        <v>22116</v>
      </c>
      <c r="C35668" t="s">
        <v>22111</v>
      </c>
      <c r="D35668" t="s">
        <v>22112</v>
      </c>
      <c r="E35668" t="s">
        <v>21687</v>
      </c>
      <c r="F35668" t="s">
        <v>21688</v>
      </c>
      <c r="G35668" t="s">
        <v>20255</v>
      </c>
      <c r="H35668" t="s">
        <v>20256</v>
      </c>
      <c r="I35668" s="2">
        <v>1</v>
      </c>
      <c r="J35668" s="2">
        <v>0</v>
      </c>
      <c r="K35668" s="2">
        <v>0</v>
      </c>
      <c r="L35668" t="s">
        <v>120</v>
      </c>
      <c r="M35668" t="s">
        <v>89</v>
      </c>
      <c r="N35668" t="s">
        <v>90</v>
      </c>
      <c r="O35668" t="s">
        <v>85</v>
      </c>
      <c r="P35668" t="s">
        <v>86</v>
      </c>
      <c r="Q35668">
        <v>1</v>
      </c>
      <c r="R35668">
        <v>1</v>
      </c>
      <c r="S35668">
        <v>1</v>
      </c>
      <c r="T35668">
        <v>1</v>
      </c>
      <c r="U35668">
        <v>1</v>
      </c>
      <c r="V35668">
        <v>1</v>
      </c>
      <c r="W35668">
        <v>1</v>
      </c>
      <c r="X35668">
        <v>1</v>
      </c>
      <c r="Y35668">
        <v>1</v>
      </c>
      <c r="Z35668">
        <v>1</v>
      </c>
      <c r="AA35668">
        <v>1</v>
      </c>
      <c r="AB35668">
        <v>1</v>
      </c>
      <c r="AC35668">
        <v>1</v>
      </c>
      <c r="AD35668">
        <v>1</v>
      </c>
      <c r="AE35668">
        <v>1</v>
      </c>
      <c r="AF35668">
        <v>1</v>
      </c>
      <c r="AG35668">
        <v>1</v>
      </c>
      <c r="AH35668">
        <v>1</v>
      </c>
      <c r="AI35668">
        <v>1</v>
      </c>
      <c r="AJ35668">
        <v>1</v>
      </c>
      <c r="AK35668">
        <v>1</v>
      </c>
      <c r="AL35668">
        <v>1</v>
      </c>
      <c r="AM35668">
        <v>1</v>
      </c>
      <c r="AN35668">
        <v>1</v>
      </c>
      <c r="AO35668">
        <v>1</v>
      </c>
      <c r="AP35668">
        <v>1</v>
      </c>
      <c r="AQ35668">
        <v>1</v>
      </c>
    </row>
    <row r="35669" spans="1:43">
      <c r="A35669" t="s">
        <v>22115</v>
      </c>
      <c r="B35669" t="s">
        <v>22116</v>
      </c>
      <c r="C35669" t="s">
        <v>22111</v>
      </c>
      <c r="D35669" t="s">
        <v>22112</v>
      </c>
      <c r="E35669" t="s">
        <v>21687</v>
      </c>
      <c r="F35669" t="s">
        <v>21688</v>
      </c>
      <c r="G35669" t="s">
        <v>20255</v>
      </c>
      <c r="H35669" t="s">
        <v>20256</v>
      </c>
      <c r="I35669" s="2">
        <v>1</v>
      </c>
      <c r="J35669" s="2">
        <v>0</v>
      </c>
      <c r="K35669" s="2">
        <v>0</v>
      </c>
      <c r="L35669" t="s">
        <v>120</v>
      </c>
      <c r="M35669" t="s">
        <v>83</v>
      </c>
      <c r="N35669" t="s">
        <v>91</v>
      </c>
      <c r="O35669" t="s">
        <v>85</v>
      </c>
      <c r="P35669" t="s">
        <v>86</v>
      </c>
      <c r="Q35669">
        <v>1</v>
      </c>
      <c r="R35669">
        <v>1</v>
      </c>
      <c r="S35669">
        <v>1</v>
      </c>
      <c r="T35669">
        <v>1</v>
      </c>
      <c r="U35669">
        <v>1</v>
      </c>
      <c r="V35669">
        <v>1</v>
      </c>
      <c r="W35669">
        <v>1</v>
      </c>
      <c r="X35669">
        <v>1</v>
      </c>
      <c r="Y35669">
        <v>1</v>
      </c>
      <c r="Z35669">
        <v>1</v>
      </c>
      <c r="AA35669">
        <v>1</v>
      </c>
      <c r="AB35669">
        <v>1</v>
      </c>
      <c r="AC35669">
        <v>1</v>
      </c>
      <c r="AD35669">
        <v>1</v>
      </c>
      <c r="AE35669">
        <v>1</v>
      </c>
      <c r="AF35669">
        <v>1</v>
      </c>
      <c r="AG35669">
        <v>1</v>
      </c>
      <c r="AH35669">
        <v>1</v>
      </c>
      <c r="AI35669">
        <v>1</v>
      </c>
      <c r="AJ35669">
        <v>1</v>
      </c>
      <c r="AK35669">
        <v>1</v>
      </c>
      <c r="AL35669">
        <v>1</v>
      </c>
      <c r="AM35669">
        <v>1</v>
      </c>
      <c r="AN35669">
        <v>1</v>
      </c>
      <c r="AO35669">
        <v>1</v>
      </c>
      <c r="AP35669">
        <v>1</v>
      </c>
      <c r="AQ35669">
        <v>1</v>
      </c>
    </row>
    <row r="35670" spans="1:43">
      <c r="A35670" t="s">
        <v>22117</v>
      </c>
      <c r="B35670" t="s">
        <v>22118</v>
      </c>
      <c r="C35670" t="s">
        <v>22111</v>
      </c>
      <c r="D35670" t="s">
        <v>22112</v>
      </c>
      <c r="E35670" t="s">
        <v>21687</v>
      </c>
      <c r="F35670" t="s">
        <v>21688</v>
      </c>
      <c r="G35670" t="s">
        <v>20255</v>
      </c>
      <c r="H35670" t="s">
        <v>20256</v>
      </c>
      <c r="I35670" s="2">
        <v>1</v>
      </c>
      <c r="J35670" s="2">
        <v>0</v>
      </c>
      <c r="K35670" s="2">
        <v>0</v>
      </c>
      <c r="L35670" t="s">
        <v>120</v>
      </c>
      <c r="M35670" t="s">
        <v>83</v>
      </c>
      <c r="N35670" t="s">
        <v>84</v>
      </c>
      <c r="O35670" t="s">
        <v>85</v>
      </c>
      <c r="P35670" t="s">
        <v>86</v>
      </c>
      <c r="Q35670">
        <v>60</v>
      </c>
      <c r="R35670">
        <v>60</v>
      </c>
      <c r="S35670">
        <v>61</v>
      </c>
      <c r="T35670">
        <v>62</v>
      </c>
      <c r="U35670">
        <v>62</v>
      </c>
      <c r="V35670">
        <v>63</v>
      </c>
      <c r="W35670">
        <v>64</v>
      </c>
      <c r="X35670">
        <v>64</v>
      </c>
      <c r="Y35670">
        <v>65</v>
      </c>
      <c r="Z35670">
        <v>65</v>
      </c>
      <c r="AA35670">
        <v>66</v>
      </c>
      <c r="AB35670">
        <v>66</v>
      </c>
      <c r="AC35670">
        <v>67</v>
      </c>
      <c r="AD35670">
        <v>67</v>
      </c>
      <c r="AE35670">
        <v>68</v>
      </c>
      <c r="AF35670">
        <v>69</v>
      </c>
      <c r="AG35670">
        <v>69</v>
      </c>
      <c r="AH35670">
        <v>70</v>
      </c>
      <c r="AI35670">
        <v>70</v>
      </c>
      <c r="AJ35670">
        <v>71</v>
      </c>
      <c r="AK35670">
        <v>72</v>
      </c>
      <c r="AL35670">
        <v>72</v>
      </c>
      <c r="AM35670">
        <v>72</v>
      </c>
      <c r="AN35670">
        <v>72</v>
      </c>
      <c r="AO35670">
        <v>72</v>
      </c>
      <c r="AP35670">
        <v>72</v>
      </c>
      <c r="AQ35670">
        <v>72</v>
      </c>
    </row>
    <row r="35671" spans="1:43">
      <c r="A35671" t="s">
        <v>22117</v>
      </c>
      <c r="B35671" t="s">
        <v>22118</v>
      </c>
      <c r="C35671" t="s">
        <v>22111</v>
      </c>
      <c r="D35671" t="s">
        <v>22112</v>
      </c>
      <c r="E35671" t="s">
        <v>21687</v>
      </c>
      <c r="F35671" t="s">
        <v>21688</v>
      </c>
      <c r="G35671" t="s">
        <v>20255</v>
      </c>
      <c r="H35671" t="s">
        <v>20256</v>
      </c>
      <c r="I35671" s="2">
        <v>1</v>
      </c>
      <c r="J35671" s="2">
        <v>0</v>
      </c>
      <c r="K35671" s="2">
        <v>0</v>
      </c>
      <c r="L35671" t="s">
        <v>120</v>
      </c>
      <c r="M35671" t="s">
        <v>87</v>
      </c>
      <c r="N35671" t="s">
        <v>88</v>
      </c>
      <c r="O35671" t="s">
        <v>85</v>
      </c>
      <c r="P35671" t="s">
        <v>86</v>
      </c>
      <c r="Q35671">
        <v>60</v>
      </c>
      <c r="R35671">
        <v>60</v>
      </c>
      <c r="S35671">
        <v>60</v>
      </c>
      <c r="T35671">
        <v>60</v>
      </c>
      <c r="U35671">
        <v>60</v>
      </c>
      <c r="V35671">
        <v>61</v>
      </c>
      <c r="W35671">
        <v>61</v>
      </c>
      <c r="X35671">
        <v>61</v>
      </c>
      <c r="Y35671">
        <v>61</v>
      </c>
      <c r="Z35671">
        <v>61</v>
      </c>
      <c r="AA35671">
        <v>61</v>
      </c>
      <c r="AB35671">
        <v>61</v>
      </c>
      <c r="AC35671">
        <v>61</v>
      </c>
      <c r="AD35671">
        <v>61</v>
      </c>
      <c r="AE35671">
        <v>62</v>
      </c>
      <c r="AF35671">
        <v>62</v>
      </c>
      <c r="AG35671">
        <v>62</v>
      </c>
      <c r="AH35671">
        <v>62</v>
      </c>
      <c r="AI35671">
        <v>62</v>
      </c>
      <c r="AJ35671">
        <v>62</v>
      </c>
      <c r="AK35671">
        <v>62</v>
      </c>
      <c r="AL35671">
        <v>63</v>
      </c>
      <c r="AM35671">
        <v>63</v>
      </c>
      <c r="AN35671">
        <v>63</v>
      </c>
      <c r="AO35671">
        <v>63</v>
      </c>
      <c r="AP35671">
        <v>63</v>
      </c>
      <c r="AQ35671">
        <v>64</v>
      </c>
    </row>
    <row r="35672" spans="1:43">
      <c r="A35672" t="s">
        <v>22117</v>
      </c>
      <c r="B35672" t="s">
        <v>22118</v>
      </c>
      <c r="C35672" t="s">
        <v>22111</v>
      </c>
      <c r="D35672" t="s">
        <v>22112</v>
      </c>
      <c r="E35672" t="s">
        <v>21687</v>
      </c>
      <c r="F35672" t="s">
        <v>21688</v>
      </c>
      <c r="G35672" t="s">
        <v>20255</v>
      </c>
      <c r="H35672" t="s">
        <v>20256</v>
      </c>
      <c r="I35672" s="2">
        <v>1</v>
      </c>
      <c r="J35672" s="2">
        <v>0</v>
      </c>
      <c r="K35672" s="2">
        <v>0</v>
      </c>
      <c r="L35672" t="s">
        <v>120</v>
      </c>
      <c r="M35672" t="s">
        <v>89</v>
      </c>
      <c r="N35672" t="s">
        <v>90</v>
      </c>
      <c r="O35672" t="s">
        <v>85</v>
      </c>
      <c r="P35672" t="s">
        <v>86</v>
      </c>
      <c r="Q35672">
        <v>60</v>
      </c>
      <c r="R35672">
        <v>61</v>
      </c>
      <c r="S35672">
        <v>62</v>
      </c>
      <c r="T35672">
        <v>64</v>
      </c>
      <c r="U35672">
        <v>65</v>
      </c>
      <c r="V35672">
        <v>66</v>
      </c>
      <c r="W35672">
        <v>66</v>
      </c>
      <c r="X35672">
        <v>67</v>
      </c>
      <c r="Y35672">
        <v>68</v>
      </c>
      <c r="Z35672">
        <v>69</v>
      </c>
      <c r="AA35672">
        <v>70</v>
      </c>
      <c r="AB35672">
        <v>71</v>
      </c>
      <c r="AC35672">
        <v>72</v>
      </c>
      <c r="AD35672">
        <v>72</v>
      </c>
      <c r="AE35672">
        <v>73</v>
      </c>
      <c r="AF35672">
        <v>73</v>
      </c>
      <c r="AG35672">
        <v>73</v>
      </c>
      <c r="AH35672">
        <v>73</v>
      </c>
      <c r="AI35672">
        <v>73</v>
      </c>
      <c r="AJ35672">
        <v>73</v>
      </c>
      <c r="AK35672">
        <v>73</v>
      </c>
      <c r="AL35672">
        <v>73</v>
      </c>
      <c r="AM35672">
        <v>73</v>
      </c>
      <c r="AN35672">
        <v>73</v>
      </c>
      <c r="AO35672">
        <v>73</v>
      </c>
      <c r="AP35672">
        <v>73</v>
      </c>
      <c r="AQ35672">
        <v>73</v>
      </c>
    </row>
    <row r="35673" spans="1:43">
      <c r="A35673" t="s">
        <v>22117</v>
      </c>
      <c r="B35673" t="s">
        <v>22118</v>
      </c>
      <c r="C35673" t="s">
        <v>22111</v>
      </c>
      <c r="D35673" t="s">
        <v>22112</v>
      </c>
      <c r="E35673" t="s">
        <v>21687</v>
      </c>
      <c r="F35673" t="s">
        <v>21688</v>
      </c>
      <c r="G35673" t="s">
        <v>20255</v>
      </c>
      <c r="H35673" t="s">
        <v>20256</v>
      </c>
      <c r="I35673" s="2">
        <v>1</v>
      </c>
      <c r="J35673" s="2">
        <v>0</v>
      </c>
      <c r="K35673" s="2">
        <v>0</v>
      </c>
      <c r="L35673" t="s">
        <v>120</v>
      </c>
      <c r="M35673" t="s">
        <v>83</v>
      </c>
      <c r="N35673" t="s">
        <v>91</v>
      </c>
      <c r="O35673" t="s">
        <v>85</v>
      </c>
      <c r="P35673" t="s">
        <v>86</v>
      </c>
      <c r="Q35673">
        <v>60</v>
      </c>
      <c r="R35673">
        <v>60</v>
      </c>
      <c r="S35673">
        <v>61</v>
      </c>
      <c r="T35673">
        <v>62</v>
      </c>
      <c r="U35673">
        <v>62</v>
      </c>
      <c r="V35673">
        <v>63</v>
      </c>
      <c r="W35673">
        <v>64</v>
      </c>
      <c r="X35673">
        <v>64</v>
      </c>
      <c r="Y35673">
        <v>65</v>
      </c>
      <c r="Z35673">
        <v>65</v>
      </c>
      <c r="AA35673">
        <v>66</v>
      </c>
      <c r="AB35673">
        <v>66</v>
      </c>
      <c r="AC35673">
        <v>67</v>
      </c>
      <c r="AD35673">
        <v>67</v>
      </c>
      <c r="AE35673">
        <v>68</v>
      </c>
      <c r="AF35673">
        <v>69</v>
      </c>
      <c r="AG35673">
        <v>69</v>
      </c>
      <c r="AH35673">
        <v>70</v>
      </c>
      <c r="AI35673">
        <v>70</v>
      </c>
      <c r="AJ35673">
        <v>71</v>
      </c>
      <c r="AK35673">
        <v>72</v>
      </c>
      <c r="AL35673">
        <v>72</v>
      </c>
      <c r="AM35673">
        <v>72</v>
      </c>
      <c r="AN35673">
        <v>72</v>
      </c>
      <c r="AO35673">
        <v>72</v>
      </c>
      <c r="AP35673">
        <v>72</v>
      </c>
      <c r="AQ35673">
        <v>72</v>
      </c>
    </row>
    <row r="35674" spans="1:43">
      <c r="A35674" t="s">
        <v>22119</v>
      </c>
      <c r="B35674" t="s">
        <v>22120</v>
      </c>
      <c r="C35674" t="s">
        <v>22101</v>
      </c>
      <c r="D35674" t="s">
        <v>22102</v>
      </c>
      <c r="E35674" t="s">
        <v>21687</v>
      </c>
      <c r="F35674" t="s">
        <v>21688</v>
      </c>
      <c r="G35674" t="s">
        <v>20255</v>
      </c>
      <c r="H35674" t="s">
        <v>20256</v>
      </c>
      <c r="I35674" s="2">
        <v>1</v>
      </c>
      <c r="J35674" s="2">
        <v>0</v>
      </c>
      <c r="K35674" s="2">
        <v>0</v>
      </c>
      <c r="L35674" t="s">
        <v>120</v>
      </c>
      <c r="M35674" t="s">
        <v>83</v>
      </c>
      <c r="N35674" t="s">
        <v>84</v>
      </c>
      <c r="O35674" t="s">
        <v>85</v>
      </c>
      <c r="P35674" t="s">
        <v>86</v>
      </c>
      <c r="Q35674">
        <v>109</v>
      </c>
      <c r="R35674">
        <v>111</v>
      </c>
      <c r="S35674">
        <v>112</v>
      </c>
      <c r="T35674">
        <v>113</v>
      </c>
      <c r="U35674">
        <v>115</v>
      </c>
      <c r="V35674">
        <v>116</v>
      </c>
      <c r="W35674">
        <v>117</v>
      </c>
      <c r="X35674">
        <v>119</v>
      </c>
      <c r="Y35674">
        <v>120</v>
      </c>
      <c r="Z35674">
        <v>121</v>
      </c>
      <c r="AA35674">
        <v>122</v>
      </c>
      <c r="AB35674">
        <v>124</v>
      </c>
      <c r="AC35674">
        <v>125</v>
      </c>
      <c r="AD35674">
        <v>126</v>
      </c>
      <c r="AE35674">
        <v>127</v>
      </c>
      <c r="AF35674">
        <v>129</v>
      </c>
      <c r="AG35674">
        <v>130</v>
      </c>
      <c r="AH35674">
        <v>131</v>
      </c>
      <c r="AI35674">
        <v>133</v>
      </c>
      <c r="AJ35674">
        <v>134</v>
      </c>
      <c r="AK35674">
        <v>135</v>
      </c>
      <c r="AL35674">
        <v>136</v>
      </c>
      <c r="AM35674">
        <v>136</v>
      </c>
      <c r="AN35674">
        <v>136</v>
      </c>
      <c r="AO35674">
        <v>137</v>
      </c>
      <c r="AP35674">
        <v>137</v>
      </c>
      <c r="AQ35674">
        <v>138</v>
      </c>
    </row>
    <row r="35675" spans="1:43">
      <c r="A35675" t="s">
        <v>22119</v>
      </c>
      <c r="B35675" t="s">
        <v>22120</v>
      </c>
      <c r="C35675" t="s">
        <v>22101</v>
      </c>
      <c r="D35675" t="s">
        <v>22102</v>
      </c>
      <c r="E35675" t="s">
        <v>21687</v>
      </c>
      <c r="F35675" t="s">
        <v>21688</v>
      </c>
      <c r="G35675" t="s">
        <v>20255</v>
      </c>
      <c r="H35675" t="s">
        <v>20256</v>
      </c>
      <c r="I35675" s="2">
        <v>1</v>
      </c>
      <c r="J35675" s="2">
        <v>0</v>
      </c>
      <c r="K35675" s="2">
        <v>0</v>
      </c>
      <c r="L35675" t="s">
        <v>120</v>
      </c>
      <c r="M35675" t="s">
        <v>87</v>
      </c>
      <c r="N35675" t="s">
        <v>88</v>
      </c>
      <c r="O35675" t="s">
        <v>85</v>
      </c>
      <c r="P35675" t="s">
        <v>86</v>
      </c>
      <c r="Q35675">
        <v>109</v>
      </c>
      <c r="R35675">
        <v>110</v>
      </c>
      <c r="S35675">
        <v>110</v>
      </c>
      <c r="T35675">
        <v>110</v>
      </c>
      <c r="U35675">
        <v>111</v>
      </c>
      <c r="V35675">
        <v>111</v>
      </c>
      <c r="W35675">
        <v>111</v>
      </c>
      <c r="X35675">
        <v>112</v>
      </c>
      <c r="Y35675">
        <v>112</v>
      </c>
      <c r="Z35675">
        <v>112</v>
      </c>
      <c r="AA35675">
        <v>113</v>
      </c>
      <c r="AB35675">
        <v>113</v>
      </c>
      <c r="AC35675">
        <v>113</v>
      </c>
      <c r="AD35675">
        <v>114</v>
      </c>
      <c r="AE35675">
        <v>114</v>
      </c>
      <c r="AF35675">
        <v>115</v>
      </c>
      <c r="AG35675">
        <v>115</v>
      </c>
      <c r="AH35675">
        <v>115</v>
      </c>
      <c r="AI35675">
        <v>116</v>
      </c>
      <c r="AJ35675">
        <v>116</v>
      </c>
      <c r="AK35675">
        <v>117</v>
      </c>
      <c r="AL35675">
        <v>117</v>
      </c>
      <c r="AM35675">
        <v>118</v>
      </c>
      <c r="AN35675">
        <v>118</v>
      </c>
      <c r="AO35675">
        <v>119</v>
      </c>
      <c r="AP35675">
        <v>119</v>
      </c>
      <c r="AQ35675">
        <v>120</v>
      </c>
    </row>
    <row r="35676" spans="1:43">
      <c r="A35676" t="s">
        <v>22119</v>
      </c>
      <c r="B35676" t="s">
        <v>22120</v>
      </c>
      <c r="C35676" t="s">
        <v>22101</v>
      </c>
      <c r="D35676" t="s">
        <v>22102</v>
      </c>
      <c r="E35676" t="s">
        <v>21687</v>
      </c>
      <c r="F35676" t="s">
        <v>21688</v>
      </c>
      <c r="G35676" t="s">
        <v>20255</v>
      </c>
      <c r="H35676" t="s">
        <v>20256</v>
      </c>
      <c r="I35676" s="2">
        <v>1</v>
      </c>
      <c r="J35676" s="2">
        <v>0</v>
      </c>
      <c r="K35676" s="2">
        <v>0</v>
      </c>
      <c r="L35676" t="s">
        <v>120</v>
      </c>
      <c r="M35676" t="s">
        <v>89</v>
      </c>
      <c r="N35676" t="s">
        <v>90</v>
      </c>
      <c r="O35676" t="s">
        <v>85</v>
      </c>
      <c r="P35676" t="s">
        <v>86</v>
      </c>
      <c r="Q35676">
        <v>109</v>
      </c>
      <c r="R35676">
        <v>112</v>
      </c>
      <c r="S35676">
        <v>114</v>
      </c>
      <c r="T35676">
        <v>116</v>
      </c>
      <c r="U35676">
        <v>118</v>
      </c>
      <c r="V35676">
        <v>120</v>
      </c>
      <c r="W35676">
        <v>122</v>
      </c>
      <c r="X35676">
        <v>124</v>
      </c>
      <c r="Y35676">
        <v>126</v>
      </c>
      <c r="Z35676">
        <v>127</v>
      </c>
      <c r="AA35676">
        <v>129</v>
      </c>
      <c r="AB35676">
        <v>131</v>
      </c>
      <c r="AC35676">
        <v>133</v>
      </c>
      <c r="AD35676">
        <v>134</v>
      </c>
      <c r="AE35676">
        <v>135</v>
      </c>
      <c r="AF35676">
        <v>136</v>
      </c>
      <c r="AG35676">
        <v>136</v>
      </c>
      <c r="AH35676">
        <v>136</v>
      </c>
      <c r="AI35676">
        <v>136</v>
      </c>
      <c r="AJ35676">
        <v>137</v>
      </c>
      <c r="AK35676">
        <v>137</v>
      </c>
      <c r="AL35676">
        <v>137</v>
      </c>
      <c r="AM35676">
        <v>138</v>
      </c>
      <c r="AN35676">
        <v>138</v>
      </c>
      <c r="AO35676">
        <v>138</v>
      </c>
      <c r="AP35676">
        <v>139</v>
      </c>
      <c r="AQ35676">
        <v>139</v>
      </c>
    </row>
    <row r="35677" spans="1:43">
      <c r="A35677" t="s">
        <v>22119</v>
      </c>
      <c r="B35677" t="s">
        <v>22120</v>
      </c>
      <c r="C35677" t="s">
        <v>22101</v>
      </c>
      <c r="D35677" t="s">
        <v>22102</v>
      </c>
      <c r="E35677" t="s">
        <v>21687</v>
      </c>
      <c r="F35677" t="s">
        <v>21688</v>
      </c>
      <c r="G35677" t="s">
        <v>20255</v>
      </c>
      <c r="H35677" t="s">
        <v>20256</v>
      </c>
      <c r="I35677" s="2">
        <v>1</v>
      </c>
      <c r="J35677" s="2">
        <v>0</v>
      </c>
      <c r="K35677" s="2">
        <v>0</v>
      </c>
      <c r="L35677" t="s">
        <v>120</v>
      </c>
      <c r="M35677" t="s">
        <v>83</v>
      </c>
      <c r="N35677" t="s">
        <v>91</v>
      </c>
      <c r="O35677" t="s">
        <v>85</v>
      </c>
      <c r="P35677" t="s">
        <v>86</v>
      </c>
      <c r="Q35677">
        <v>109</v>
      </c>
      <c r="R35677">
        <v>111</v>
      </c>
      <c r="S35677">
        <v>112</v>
      </c>
      <c r="T35677">
        <v>113</v>
      </c>
      <c r="U35677">
        <v>115</v>
      </c>
      <c r="V35677">
        <v>116</v>
      </c>
      <c r="W35677">
        <v>117</v>
      </c>
      <c r="X35677">
        <v>119</v>
      </c>
      <c r="Y35677">
        <v>120</v>
      </c>
      <c r="Z35677">
        <v>121</v>
      </c>
      <c r="AA35677">
        <v>122</v>
      </c>
      <c r="AB35677">
        <v>124</v>
      </c>
      <c r="AC35677">
        <v>125</v>
      </c>
      <c r="AD35677">
        <v>126</v>
      </c>
      <c r="AE35677">
        <v>127</v>
      </c>
      <c r="AF35677">
        <v>129</v>
      </c>
      <c r="AG35677">
        <v>130</v>
      </c>
      <c r="AH35677">
        <v>131</v>
      </c>
      <c r="AI35677">
        <v>133</v>
      </c>
      <c r="AJ35677">
        <v>134</v>
      </c>
      <c r="AK35677">
        <v>135</v>
      </c>
      <c r="AL35677">
        <v>136</v>
      </c>
      <c r="AM35677">
        <v>136</v>
      </c>
      <c r="AN35677">
        <v>136</v>
      </c>
      <c r="AO35677">
        <v>137</v>
      </c>
      <c r="AP35677">
        <v>137</v>
      </c>
      <c r="AQ35677">
        <v>138</v>
      </c>
    </row>
    <row r="35678" spans="1:43">
      <c r="A35678" t="s">
        <v>22121</v>
      </c>
      <c r="B35678" t="s">
        <v>22122</v>
      </c>
      <c r="C35678" t="s">
        <v>22101</v>
      </c>
      <c r="D35678" t="s">
        <v>22102</v>
      </c>
      <c r="E35678" t="s">
        <v>21687</v>
      </c>
      <c r="F35678" t="s">
        <v>21688</v>
      </c>
      <c r="G35678" t="s">
        <v>20255</v>
      </c>
      <c r="H35678" t="s">
        <v>20256</v>
      </c>
      <c r="I35678" s="2">
        <v>1</v>
      </c>
      <c r="J35678" s="2">
        <v>0</v>
      </c>
      <c r="K35678" s="2">
        <v>0</v>
      </c>
      <c r="L35678" t="s">
        <v>120</v>
      </c>
      <c r="M35678" t="s">
        <v>83</v>
      </c>
      <c r="N35678" t="s">
        <v>84</v>
      </c>
      <c r="O35678" t="s">
        <v>85</v>
      </c>
      <c r="P35678" t="s">
        <v>86</v>
      </c>
      <c r="Q35678">
        <v>37</v>
      </c>
      <c r="R35678">
        <v>37</v>
      </c>
      <c r="S35678">
        <v>37</v>
      </c>
      <c r="T35678">
        <v>38</v>
      </c>
      <c r="U35678">
        <v>38</v>
      </c>
      <c r="V35678">
        <v>39</v>
      </c>
      <c r="W35678">
        <v>39</v>
      </c>
      <c r="X35678">
        <v>39</v>
      </c>
      <c r="Y35678">
        <v>40</v>
      </c>
      <c r="Z35678">
        <v>40</v>
      </c>
      <c r="AA35678">
        <v>41</v>
      </c>
      <c r="AB35678">
        <v>41</v>
      </c>
      <c r="AC35678">
        <v>41</v>
      </c>
      <c r="AD35678">
        <v>42</v>
      </c>
      <c r="AE35678">
        <v>42</v>
      </c>
      <c r="AF35678">
        <v>42</v>
      </c>
      <c r="AG35678">
        <v>43</v>
      </c>
      <c r="AH35678">
        <v>43</v>
      </c>
      <c r="AI35678">
        <v>44</v>
      </c>
      <c r="AJ35678">
        <v>44</v>
      </c>
      <c r="AK35678">
        <v>44</v>
      </c>
      <c r="AL35678">
        <v>45</v>
      </c>
      <c r="AM35678">
        <v>45</v>
      </c>
      <c r="AN35678">
        <v>45</v>
      </c>
      <c r="AO35678">
        <v>45</v>
      </c>
      <c r="AP35678">
        <v>45</v>
      </c>
      <c r="AQ35678">
        <v>45</v>
      </c>
    </row>
    <row r="35679" spans="1:43">
      <c r="A35679" t="s">
        <v>22121</v>
      </c>
      <c r="B35679" t="s">
        <v>22122</v>
      </c>
      <c r="C35679" t="s">
        <v>22101</v>
      </c>
      <c r="D35679" t="s">
        <v>22102</v>
      </c>
      <c r="E35679" t="s">
        <v>21687</v>
      </c>
      <c r="F35679" t="s">
        <v>21688</v>
      </c>
      <c r="G35679" t="s">
        <v>20255</v>
      </c>
      <c r="H35679" t="s">
        <v>20256</v>
      </c>
      <c r="I35679" s="2">
        <v>1</v>
      </c>
      <c r="J35679" s="2">
        <v>0</v>
      </c>
      <c r="K35679" s="2">
        <v>0</v>
      </c>
      <c r="L35679" t="s">
        <v>120</v>
      </c>
      <c r="M35679" t="s">
        <v>87</v>
      </c>
      <c r="N35679" t="s">
        <v>88</v>
      </c>
      <c r="O35679" t="s">
        <v>85</v>
      </c>
      <c r="P35679" t="s">
        <v>86</v>
      </c>
      <c r="Q35679">
        <v>37</v>
      </c>
      <c r="R35679">
        <v>37</v>
      </c>
      <c r="S35679">
        <v>37</v>
      </c>
      <c r="T35679">
        <v>37</v>
      </c>
      <c r="U35679">
        <v>38</v>
      </c>
      <c r="V35679">
        <v>38</v>
      </c>
      <c r="W35679">
        <v>38</v>
      </c>
      <c r="X35679">
        <v>38</v>
      </c>
      <c r="Y35679">
        <v>38</v>
      </c>
      <c r="Z35679">
        <v>38</v>
      </c>
      <c r="AA35679">
        <v>38</v>
      </c>
      <c r="AB35679">
        <v>38</v>
      </c>
      <c r="AC35679">
        <v>38</v>
      </c>
      <c r="AD35679">
        <v>38</v>
      </c>
      <c r="AE35679">
        <v>38</v>
      </c>
      <c r="AF35679">
        <v>38</v>
      </c>
      <c r="AG35679">
        <v>39</v>
      </c>
      <c r="AH35679">
        <v>39</v>
      </c>
      <c r="AI35679">
        <v>39</v>
      </c>
      <c r="AJ35679">
        <v>39</v>
      </c>
      <c r="AK35679">
        <v>39</v>
      </c>
      <c r="AL35679">
        <v>39</v>
      </c>
      <c r="AM35679">
        <v>39</v>
      </c>
      <c r="AN35679">
        <v>39</v>
      </c>
      <c r="AO35679">
        <v>39</v>
      </c>
      <c r="AP35679">
        <v>40</v>
      </c>
      <c r="AQ35679">
        <v>40</v>
      </c>
    </row>
    <row r="35680" spans="1:43">
      <c r="A35680" t="s">
        <v>22121</v>
      </c>
      <c r="B35680" t="s">
        <v>22122</v>
      </c>
      <c r="C35680" t="s">
        <v>22101</v>
      </c>
      <c r="D35680" t="s">
        <v>22102</v>
      </c>
      <c r="E35680" t="s">
        <v>21687</v>
      </c>
      <c r="F35680" t="s">
        <v>21688</v>
      </c>
      <c r="G35680" t="s">
        <v>20255</v>
      </c>
      <c r="H35680" t="s">
        <v>20256</v>
      </c>
      <c r="I35680" s="2">
        <v>1</v>
      </c>
      <c r="J35680" s="2">
        <v>0</v>
      </c>
      <c r="K35680" s="2">
        <v>0</v>
      </c>
      <c r="L35680" t="s">
        <v>120</v>
      </c>
      <c r="M35680" t="s">
        <v>89</v>
      </c>
      <c r="N35680" t="s">
        <v>90</v>
      </c>
      <c r="O35680" t="s">
        <v>85</v>
      </c>
      <c r="P35680" t="s">
        <v>86</v>
      </c>
      <c r="Q35680">
        <v>37</v>
      </c>
      <c r="R35680">
        <v>38</v>
      </c>
      <c r="S35680">
        <v>38</v>
      </c>
      <c r="T35680">
        <v>39</v>
      </c>
      <c r="U35680">
        <v>40</v>
      </c>
      <c r="V35680">
        <v>40</v>
      </c>
      <c r="W35680">
        <v>41</v>
      </c>
      <c r="X35680">
        <v>41</v>
      </c>
      <c r="Y35680">
        <v>42</v>
      </c>
      <c r="Z35680">
        <v>43</v>
      </c>
      <c r="AA35680">
        <v>43</v>
      </c>
      <c r="AB35680">
        <v>44</v>
      </c>
      <c r="AC35680">
        <v>44</v>
      </c>
      <c r="AD35680">
        <v>45</v>
      </c>
      <c r="AE35680">
        <v>45</v>
      </c>
      <c r="AF35680">
        <v>45</v>
      </c>
      <c r="AG35680">
        <v>45</v>
      </c>
      <c r="AH35680">
        <v>45</v>
      </c>
      <c r="AI35680">
        <v>45</v>
      </c>
      <c r="AJ35680">
        <v>45</v>
      </c>
      <c r="AK35680">
        <v>45</v>
      </c>
      <c r="AL35680">
        <v>45</v>
      </c>
      <c r="AM35680">
        <v>45</v>
      </c>
      <c r="AN35680">
        <v>45</v>
      </c>
      <c r="AO35680">
        <v>45</v>
      </c>
      <c r="AP35680">
        <v>46</v>
      </c>
      <c r="AQ35680">
        <v>46</v>
      </c>
    </row>
    <row r="35681" spans="1:43">
      <c r="A35681" t="s">
        <v>22121</v>
      </c>
      <c r="B35681" t="s">
        <v>22122</v>
      </c>
      <c r="C35681" t="s">
        <v>22101</v>
      </c>
      <c r="D35681" t="s">
        <v>22102</v>
      </c>
      <c r="E35681" t="s">
        <v>21687</v>
      </c>
      <c r="F35681" t="s">
        <v>21688</v>
      </c>
      <c r="G35681" t="s">
        <v>20255</v>
      </c>
      <c r="H35681" t="s">
        <v>20256</v>
      </c>
      <c r="I35681" s="2">
        <v>1</v>
      </c>
      <c r="J35681" s="2">
        <v>0</v>
      </c>
      <c r="K35681" s="2">
        <v>0</v>
      </c>
      <c r="L35681" t="s">
        <v>120</v>
      </c>
      <c r="M35681" t="s">
        <v>83</v>
      </c>
      <c r="N35681" t="s">
        <v>91</v>
      </c>
      <c r="O35681" t="s">
        <v>85</v>
      </c>
      <c r="P35681" t="s">
        <v>86</v>
      </c>
      <c r="Q35681">
        <v>37</v>
      </c>
      <c r="R35681">
        <v>37</v>
      </c>
      <c r="S35681">
        <v>37</v>
      </c>
      <c r="T35681">
        <v>38</v>
      </c>
      <c r="U35681">
        <v>38</v>
      </c>
      <c r="V35681">
        <v>39</v>
      </c>
      <c r="W35681">
        <v>39</v>
      </c>
      <c r="X35681">
        <v>39</v>
      </c>
      <c r="Y35681">
        <v>40</v>
      </c>
      <c r="Z35681">
        <v>40</v>
      </c>
      <c r="AA35681">
        <v>41</v>
      </c>
      <c r="AB35681">
        <v>41</v>
      </c>
      <c r="AC35681">
        <v>41</v>
      </c>
      <c r="AD35681">
        <v>42</v>
      </c>
      <c r="AE35681">
        <v>42</v>
      </c>
      <c r="AF35681">
        <v>42</v>
      </c>
      <c r="AG35681">
        <v>43</v>
      </c>
      <c r="AH35681">
        <v>43</v>
      </c>
      <c r="AI35681">
        <v>44</v>
      </c>
      <c r="AJ35681">
        <v>44</v>
      </c>
      <c r="AK35681">
        <v>44</v>
      </c>
      <c r="AL35681">
        <v>45</v>
      </c>
      <c r="AM35681">
        <v>45</v>
      </c>
      <c r="AN35681">
        <v>45</v>
      </c>
      <c r="AO35681">
        <v>45</v>
      </c>
      <c r="AP35681">
        <v>45</v>
      </c>
      <c r="AQ35681">
        <v>45</v>
      </c>
    </row>
    <row r="35682" spans="1:43">
      <c r="A35682" t="s">
        <v>22123</v>
      </c>
      <c r="B35682" t="s">
        <v>22124</v>
      </c>
      <c r="C35682" t="s">
        <v>22125</v>
      </c>
      <c r="D35682" t="s">
        <v>22126</v>
      </c>
      <c r="E35682" t="s">
        <v>21687</v>
      </c>
      <c r="F35682" t="s">
        <v>21688</v>
      </c>
      <c r="G35682" t="s">
        <v>20255</v>
      </c>
      <c r="H35682" t="s">
        <v>20256</v>
      </c>
      <c r="I35682" s="2">
        <v>1</v>
      </c>
      <c r="J35682" s="2">
        <v>0</v>
      </c>
      <c r="K35682" s="2">
        <v>0</v>
      </c>
      <c r="L35682" t="s">
        <v>120</v>
      </c>
      <c r="M35682" t="s">
        <v>83</v>
      </c>
      <c r="N35682" t="s">
        <v>84</v>
      </c>
      <c r="O35682" t="s">
        <v>85</v>
      </c>
      <c r="P35682" t="s">
        <v>86</v>
      </c>
      <c r="Q35682">
        <v>10</v>
      </c>
      <c r="R35682">
        <v>10</v>
      </c>
      <c r="S35682">
        <v>10</v>
      </c>
      <c r="T35682">
        <v>10</v>
      </c>
      <c r="U35682">
        <v>10</v>
      </c>
      <c r="V35682">
        <v>10</v>
      </c>
      <c r="W35682">
        <v>10</v>
      </c>
      <c r="X35682">
        <v>10</v>
      </c>
      <c r="Y35682">
        <v>11</v>
      </c>
      <c r="Z35682">
        <v>11</v>
      </c>
      <c r="AA35682">
        <v>11</v>
      </c>
      <c r="AB35682">
        <v>11</v>
      </c>
      <c r="AC35682">
        <v>11</v>
      </c>
      <c r="AD35682">
        <v>11</v>
      </c>
      <c r="AE35682">
        <v>11</v>
      </c>
      <c r="AF35682">
        <v>11</v>
      </c>
      <c r="AG35682">
        <v>11</v>
      </c>
      <c r="AH35682">
        <v>11</v>
      </c>
      <c r="AI35682">
        <v>12</v>
      </c>
      <c r="AJ35682">
        <v>12</v>
      </c>
      <c r="AK35682">
        <v>12</v>
      </c>
      <c r="AL35682">
        <v>12</v>
      </c>
      <c r="AM35682">
        <v>12</v>
      </c>
      <c r="AN35682">
        <v>12</v>
      </c>
      <c r="AO35682">
        <v>12</v>
      </c>
      <c r="AP35682">
        <v>12</v>
      </c>
      <c r="AQ35682">
        <v>12</v>
      </c>
    </row>
    <row r="35683" spans="1:43">
      <c r="A35683" t="s">
        <v>22123</v>
      </c>
      <c r="B35683" t="s">
        <v>22124</v>
      </c>
      <c r="C35683" t="s">
        <v>22125</v>
      </c>
      <c r="D35683" t="s">
        <v>22126</v>
      </c>
      <c r="E35683" t="s">
        <v>21687</v>
      </c>
      <c r="F35683" t="s">
        <v>21688</v>
      </c>
      <c r="G35683" t="s">
        <v>20255</v>
      </c>
      <c r="H35683" t="s">
        <v>20256</v>
      </c>
      <c r="I35683" s="2">
        <v>1</v>
      </c>
      <c r="J35683" s="2">
        <v>0</v>
      </c>
      <c r="K35683" s="2">
        <v>0</v>
      </c>
      <c r="L35683" t="s">
        <v>120</v>
      </c>
      <c r="M35683" t="s">
        <v>87</v>
      </c>
      <c r="N35683" t="s">
        <v>88</v>
      </c>
      <c r="O35683" t="s">
        <v>85</v>
      </c>
      <c r="P35683" t="s">
        <v>86</v>
      </c>
      <c r="Q35683">
        <v>10</v>
      </c>
      <c r="R35683">
        <v>10</v>
      </c>
      <c r="S35683">
        <v>10</v>
      </c>
      <c r="T35683">
        <v>10</v>
      </c>
      <c r="U35683">
        <v>10</v>
      </c>
      <c r="V35683">
        <v>10</v>
      </c>
      <c r="W35683">
        <v>10</v>
      </c>
      <c r="X35683">
        <v>10</v>
      </c>
      <c r="Y35683">
        <v>10</v>
      </c>
      <c r="Z35683">
        <v>10</v>
      </c>
      <c r="AA35683">
        <v>10</v>
      </c>
      <c r="AB35683">
        <v>10</v>
      </c>
      <c r="AC35683">
        <v>10</v>
      </c>
      <c r="AD35683">
        <v>10</v>
      </c>
      <c r="AE35683">
        <v>10</v>
      </c>
      <c r="AF35683">
        <v>10</v>
      </c>
      <c r="AG35683">
        <v>10</v>
      </c>
      <c r="AH35683">
        <v>10</v>
      </c>
      <c r="AI35683">
        <v>10</v>
      </c>
      <c r="AJ35683">
        <v>10</v>
      </c>
      <c r="AK35683">
        <v>10</v>
      </c>
      <c r="AL35683">
        <v>10</v>
      </c>
      <c r="AM35683">
        <v>10</v>
      </c>
      <c r="AN35683">
        <v>10</v>
      </c>
      <c r="AO35683">
        <v>10</v>
      </c>
      <c r="AP35683">
        <v>10</v>
      </c>
      <c r="AQ35683">
        <v>10</v>
      </c>
    </row>
    <row r="35684" spans="1:43">
      <c r="A35684" t="s">
        <v>22123</v>
      </c>
      <c r="B35684" t="s">
        <v>22124</v>
      </c>
      <c r="C35684" t="s">
        <v>22125</v>
      </c>
      <c r="D35684" t="s">
        <v>22126</v>
      </c>
      <c r="E35684" t="s">
        <v>21687</v>
      </c>
      <c r="F35684" t="s">
        <v>21688</v>
      </c>
      <c r="G35684" t="s">
        <v>20255</v>
      </c>
      <c r="H35684" t="s">
        <v>20256</v>
      </c>
      <c r="I35684" s="2">
        <v>1</v>
      </c>
      <c r="J35684" s="2">
        <v>0</v>
      </c>
      <c r="K35684" s="2">
        <v>0</v>
      </c>
      <c r="L35684" t="s">
        <v>120</v>
      </c>
      <c r="M35684" t="s">
        <v>89</v>
      </c>
      <c r="N35684" t="s">
        <v>90</v>
      </c>
      <c r="O35684" t="s">
        <v>85</v>
      </c>
      <c r="P35684" t="s">
        <v>86</v>
      </c>
      <c r="Q35684">
        <v>10</v>
      </c>
      <c r="R35684">
        <v>10</v>
      </c>
      <c r="S35684">
        <v>10</v>
      </c>
      <c r="T35684">
        <v>10</v>
      </c>
      <c r="U35684">
        <v>10</v>
      </c>
      <c r="V35684">
        <v>11</v>
      </c>
      <c r="W35684">
        <v>11</v>
      </c>
      <c r="X35684">
        <v>11</v>
      </c>
      <c r="Y35684">
        <v>11</v>
      </c>
      <c r="Z35684">
        <v>11</v>
      </c>
      <c r="AA35684">
        <v>11</v>
      </c>
      <c r="AB35684">
        <v>12</v>
      </c>
      <c r="AC35684">
        <v>12</v>
      </c>
      <c r="AD35684">
        <v>12</v>
      </c>
      <c r="AE35684">
        <v>12</v>
      </c>
      <c r="AF35684">
        <v>12</v>
      </c>
      <c r="AG35684">
        <v>12</v>
      </c>
      <c r="AH35684">
        <v>12</v>
      </c>
      <c r="AI35684">
        <v>12</v>
      </c>
      <c r="AJ35684">
        <v>12</v>
      </c>
      <c r="AK35684">
        <v>12</v>
      </c>
      <c r="AL35684">
        <v>12</v>
      </c>
      <c r="AM35684">
        <v>12</v>
      </c>
      <c r="AN35684">
        <v>12</v>
      </c>
      <c r="AO35684">
        <v>12</v>
      </c>
      <c r="AP35684">
        <v>12</v>
      </c>
      <c r="AQ35684">
        <v>12</v>
      </c>
    </row>
    <row r="35685" spans="1:43">
      <c r="A35685" t="s">
        <v>22123</v>
      </c>
      <c r="B35685" t="s">
        <v>22124</v>
      </c>
      <c r="C35685" t="s">
        <v>22125</v>
      </c>
      <c r="D35685" t="s">
        <v>22126</v>
      </c>
      <c r="E35685" t="s">
        <v>21687</v>
      </c>
      <c r="F35685" t="s">
        <v>21688</v>
      </c>
      <c r="G35685" t="s">
        <v>20255</v>
      </c>
      <c r="H35685" t="s">
        <v>20256</v>
      </c>
      <c r="I35685" s="2">
        <v>1</v>
      </c>
      <c r="J35685" s="2">
        <v>0</v>
      </c>
      <c r="K35685" s="2">
        <v>0</v>
      </c>
      <c r="L35685" t="s">
        <v>120</v>
      </c>
      <c r="M35685" t="s">
        <v>83</v>
      </c>
      <c r="N35685" t="s">
        <v>91</v>
      </c>
      <c r="O35685" t="s">
        <v>85</v>
      </c>
      <c r="P35685" t="s">
        <v>86</v>
      </c>
      <c r="Q35685">
        <v>10</v>
      </c>
      <c r="R35685">
        <v>10</v>
      </c>
      <c r="S35685">
        <v>10</v>
      </c>
      <c r="T35685">
        <v>10</v>
      </c>
      <c r="U35685">
        <v>10</v>
      </c>
      <c r="V35685">
        <v>10</v>
      </c>
      <c r="W35685">
        <v>10</v>
      </c>
      <c r="X35685">
        <v>10</v>
      </c>
      <c r="Y35685">
        <v>11</v>
      </c>
      <c r="Z35685">
        <v>11</v>
      </c>
      <c r="AA35685">
        <v>11</v>
      </c>
      <c r="AB35685">
        <v>11</v>
      </c>
      <c r="AC35685">
        <v>11</v>
      </c>
      <c r="AD35685">
        <v>11</v>
      </c>
      <c r="AE35685">
        <v>11</v>
      </c>
      <c r="AF35685">
        <v>11</v>
      </c>
      <c r="AG35685">
        <v>11</v>
      </c>
      <c r="AH35685">
        <v>11</v>
      </c>
      <c r="AI35685">
        <v>12</v>
      </c>
      <c r="AJ35685">
        <v>12</v>
      </c>
      <c r="AK35685">
        <v>12</v>
      </c>
      <c r="AL35685">
        <v>12</v>
      </c>
      <c r="AM35685">
        <v>12</v>
      </c>
      <c r="AN35685">
        <v>12</v>
      </c>
      <c r="AO35685">
        <v>12</v>
      </c>
      <c r="AP35685">
        <v>12</v>
      </c>
      <c r="AQ35685">
        <v>12</v>
      </c>
    </row>
    <row r="35686" spans="1:43">
      <c r="A35686" t="s">
        <v>22127</v>
      </c>
      <c r="B35686" t="s">
        <v>22128</v>
      </c>
      <c r="C35686" t="s">
        <v>22125</v>
      </c>
      <c r="D35686" t="s">
        <v>22126</v>
      </c>
      <c r="E35686" t="s">
        <v>21687</v>
      </c>
      <c r="F35686" t="s">
        <v>21688</v>
      </c>
      <c r="G35686" t="s">
        <v>20255</v>
      </c>
      <c r="H35686" t="s">
        <v>20256</v>
      </c>
      <c r="I35686" s="2">
        <v>1</v>
      </c>
      <c r="J35686" s="2">
        <v>0</v>
      </c>
      <c r="K35686" s="2">
        <v>0</v>
      </c>
      <c r="L35686" t="s">
        <v>120</v>
      </c>
      <c r="M35686" t="s">
        <v>83</v>
      </c>
      <c r="N35686" t="s">
        <v>84</v>
      </c>
      <c r="O35686" t="s">
        <v>85</v>
      </c>
      <c r="P35686" t="s">
        <v>86</v>
      </c>
      <c r="Q35686">
        <v>8</v>
      </c>
      <c r="R35686">
        <v>8</v>
      </c>
      <c r="S35686">
        <v>8</v>
      </c>
      <c r="T35686">
        <v>8</v>
      </c>
      <c r="U35686">
        <v>8</v>
      </c>
      <c r="V35686">
        <v>8</v>
      </c>
      <c r="W35686">
        <v>8</v>
      </c>
      <c r="X35686">
        <v>8</v>
      </c>
      <c r="Y35686">
        <v>8</v>
      </c>
      <c r="Z35686">
        <v>8</v>
      </c>
      <c r="AA35686">
        <v>9</v>
      </c>
      <c r="AB35686">
        <v>9</v>
      </c>
      <c r="AC35686">
        <v>9</v>
      </c>
      <c r="AD35686">
        <v>9</v>
      </c>
      <c r="AE35686">
        <v>9</v>
      </c>
      <c r="AF35686">
        <v>9</v>
      </c>
      <c r="AG35686">
        <v>9</v>
      </c>
      <c r="AH35686">
        <v>9</v>
      </c>
      <c r="AI35686">
        <v>9</v>
      </c>
      <c r="AJ35686">
        <v>9</v>
      </c>
      <c r="AK35686">
        <v>9</v>
      </c>
      <c r="AL35686">
        <v>9</v>
      </c>
      <c r="AM35686">
        <v>9</v>
      </c>
      <c r="AN35686">
        <v>9</v>
      </c>
      <c r="AO35686">
        <v>9</v>
      </c>
      <c r="AP35686">
        <v>9</v>
      </c>
      <c r="AQ35686">
        <v>9</v>
      </c>
    </row>
    <row r="35687" spans="1:43">
      <c r="A35687" t="s">
        <v>22127</v>
      </c>
      <c r="B35687" t="s">
        <v>22128</v>
      </c>
      <c r="C35687" t="s">
        <v>22125</v>
      </c>
      <c r="D35687" t="s">
        <v>22126</v>
      </c>
      <c r="E35687" t="s">
        <v>21687</v>
      </c>
      <c r="F35687" t="s">
        <v>21688</v>
      </c>
      <c r="G35687" t="s">
        <v>20255</v>
      </c>
      <c r="H35687" t="s">
        <v>20256</v>
      </c>
      <c r="I35687" s="2">
        <v>1</v>
      </c>
      <c r="J35687" s="2">
        <v>0</v>
      </c>
      <c r="K35687" s="2">
        <v>0</v>
      </c>
      <c r="L35687" t="s">
        <v>120</v>
      </c>
      <c r="M35687" t="s">
        <v>87</v>
      </c>
      <c r="N35687" t="s">
        <v>88</v>
      </c>
      <c r="O35687" t="s">
        <v>85</v>
      </c>
      <c r="P35687" t="s">
        <v>86</v>
      </c>
      <c r="Q35687">
        <v>8</v>
      </c>
      <c r="R35687">
        <v>8</v>
      </c>
      <c r="S35687">
        <v>8</v>
      </c>
      <c r="T35687">
        <v>8</v>
      </c>
      <c r="U35687">
        <v>8</v>
      </c>
      <c r="V35687">
        <v>8</v>
      </c>
      <c r="W35687">
        <v>8</v>
      </c>
      <c r="X35687">
        <v>8</v>
      </c>
      <c r="Y35687">
        <v>8</v>
      </c>
      <c r="Z35687">
        <v>8</v>
      </c>
      <c r="AA35687">
        <v>8</v>
      </c>
      <c r="AB35687">
        <v>8</v>
      </c>
      <c r="AC35687">
        <v>8</v>
      </c>
      <c r="AD35687">
        <v>8</v>
      </c>
      <c r="AE35687">
        <v>8</v>
      </c>
      <c r="AF35687">
        <v>8</v>
      </c>
      <c r="AG35687">
        <v>8</v>
      </c>
      <c r="AH35687">
        <v>8</v>
      </c>
      <c r="AI35687">
        <v>8</v>
      </c>
      <c r="AJ35687">
        <v>8</v>
      </c>
      <c r="AK35687">
        <v>8</v>
      </c>
      <c r="AL35687">
        <v>8</v>
      </c>
      <c r="AM35687">
        <v>8</v>
      </c>
      <c r="AN35687">
        <v>8</v>
      </c>
      <c r="AO35687">
        <v>8</v>
      </c>
      <c r="AP35687">
        <v>8</v>
      </c>
      <c r="AQ35687">
        <v>8</v>
      </c>
    </row>
    <row r="35688" spans="1:43">
      <c r="A35688" t="s">
        <v>22127</v>
      </c>
      <c r="B35688" t="s">
        <v>22128</v>
      </c>
      <c r="C35688" t="s">
        <v>22125</v>
      </c>
      <c r="D35688" t="s">
        <v>22126</v>
      </c>
      <c r="E35688" t="s">
        <v>21687</v>
      </c>
      <c r="F35688" t="s">
        <v>21688</v>
      </c>
      <c r="G35688" t="s">
        <v>20255</v>
      </c>
      <c r="H35688" t="s">
        <v>20256</v>
      </c>
      <c r="I35688" s="2">
        <v>1</v>
      </c>
      <c r="J35688" s="2">
        <v>0</v>
      </c>
      <c r="K35688" s="2">
        <v>0</v>
      </c>
      <c r="L35688" t="s">
        <v>120</v>
      </c>
      <c r="M35688" t="s">
        <v>89</v>
      </c>
      <c r="N35688" t="s">
        <v>90</v>
      </c>
      <c r="O35688" t="s">
        <v>85</v>
      </c>
      <c r="P35688" t="s">
        <v>86</v>
      </c>
      <c r="Q35688">
        <v>8</v>
      </c>
      <c r="R35688">
        <v>8</v>
      </c>
      <c r="S35688">
        <v>8</v>
      </c>
      <c r="T35688">
        <v>8</v>
      </c>
      <c r="U35688">
        <v>8</v>
      </c>
      <c r="V35688">
        <v>8</v>
      </c>
      <c r="W35688">
        <v>9</v>
      </c>
      <c r="X35688">
        <v>9</v>
      </c>
      <c r="Y35688">
        <v>9</v>
      </c>
      <c r="Z35688">
        <v>9</v>
      </c>
      <c r="AA35688">
        <v>9</v>
      </c>
      <c r="AB35688">
        <v>9</v>
      </c>
      <c r="AC35688">
        <v>9</v>
      </c>
      <c r="AD35688">
        <v>9</v>
      </c>
      <c r="AE35688">
        <v>9</v>
      </c>
      <c r="AF35688">
        <v>9</v>
      </c>
      <c r="AG35688">
        <v>9</v>
      </c>
      <c r="AH35688">
        <v>9</v>
      </c>
      <c r="AI35688">
        <v>9</v>
      </c>
      <c r="AJ35688">
        <v>9</v>
      </c>
      <c r="AK35688">
        <v>9</v>
      </c>
      <c r="AL35688">
        <v>9</v>
      </c>
      <c r="AM35688">
        <v>9</v>
      </c>
      <c r="AN35688">
        <v>9</v>
      </c>
      <c r="AO35688">
        <v>9</v>
      </c>
      <c r="AP35688">
        <v>9</v>
      </c>
      <c r="AQ35688">
        <v>9</v>
      </c>
    </row>
    <row r="35689" spans="1:43">
      <c r="A35689" t="s">
        <v>22127</v>
      </c>
      <c r="B35689" t="s">
        <v>22128</v>
      </c>
      <c r="C35689" t="s">
        <v>22125</v>
      </c>
      <c r="D35689" t="s">
        <v>22126</v>
      </c>
      <c r="E35689" t="s">
        <v>21687</v>
      </c>
      <c r="F35689" t="s">
        <v>21688</v>
      </c>
      <c r="G35689" t="s">
        <v>20255</v>
      </c>
      <c r="H35689" t="s">
        <v>20256</v>
      </c>
      <c r="I35689" s="2">
        <v>1</v>
      </c>
      <c r="J35689" s="2">
        <v>0</v>
      </c>
      <c r="K35689" s="2">
        <v>0</v>
      </c>
      <c r="L35689" t="s">
        <v>120</v>
      </c>
      <c r="M35689" t="s">
        <v>83</v>
      </c>
      <c r="N35689" t="s">
        <v>91</v>
      </c>
      <c r="O35689" t="s">
        <v>85</v>
      </c>
      <c r="P35689" t="s">
        <v>86</v>
      </c>
      <c r="Q35689">
        <v>8</v>
      </c>
      <c r="R35689">
        <v>8</v>
      </c>
      <c r="S35689">
        <v>8</v>
      </c>
      <c r="T35689">
        <v>8</v>
      </c>
      <c r="U35689">
        <v>8</v>
      </c>
      <c r="V35689">
        <v>8</v>
      </c>
      <c r="W35689">
        <v>8</v>
      </c>
      <c r="X35689">
        <v>8</v>
      </c>
      <c r="Y35689">
        <v>8</v>
      </c>
      <c r="Z35689">
        <v>8</v>
      </c>
      <c r="AA35689">
        <v>9</v>
      </c>
      <c r="AB35689">
        <v>9</v>
      </c>
      <c r="AC35689">
        <v>9</v>
      </c>
      <c r="AD35689">
        <v>9</v>
      </c>
      <c r="AE35689">
        <v>9</v>
      </c>
      <c r="AF35689">
        <v>9</v>
      </c>
      <c r="AG35689">
        <v>9</v>
      </c>
      <c r="AH35689">
        <v>9</v>
      </c>
      <c r="AI35689">
        <v>9</v>
      </c>
      <c r="AJ35689">
        <v>9</v>
      </c>
      <c r="AK35689">
        <v>9</v>
      </c>
      <c r="AL35689">
        <v>9</v>
      </c>
      <c r="AM35689">
        <v>9</v>
      </c>
      <c r="AN35689">
        <v>9</v>
      </c>
      <c r="AO35689">
        <v>9</v>
      </c>
      <c r="AP35689">
        <v>9</v>
      </c>
      <c r="AQ35689">
        <v>9</v>
      </c>
    </row>
    <row r="35690" spans="1:43">
      <c r="A35690" t="s">
        <v>22129</v>
      </c>
      <c r="B35690" t="s">
        <v>22130</v>
      </c>
      <c r="C35690" t="s">
        <v>22125</v>
      </c>
      <c r="D35690" t="s">
        <v>22126</v>
      </c>
      <c r="E35690" t="s">
        <v>21687</v>
      </c>
      <c r="F35690" t="s">
        <v>21688</v>
      </c>
      <c r="G35690" t="s">
        <v>20255</v>
      </c>
      <c r="H35690" t="s">
        <v>20256</v>
      </c>
      <c r="I35690" s="2">
        <v>1</v>
      </c>
      <c r="J35690" s="2">
        <v>0</v>
      </c>
      <c r="K35690" s="2">
        <v>0</v>
      </c>
      <c r="L35690" t="s">
        <v>120</v>
      </c>
      <c r="M35690" t="s">
        <v>83</v>
      </c>
      <c r="N35690" t="s">
        <v>84</v>
      </c>
      <c r="O35690" t="s">
        <v>85</v>
      </c>
      <c r="P35690" t="s">
        <v>86</v>
      </c>
      <c r="Q35690">
        <v>3</v>
      </c>
      <c r="R35690">
        <v>3</v>
      </c>
      <c r="S35690">
        <v>3</v>
      </c>
      <c r="T35690">
        <v>3</v>
      </c>
      <c r="U35690">
        <v>3</v>
      </c>
      <c r="V35690">
        <v>3</v>
      </c>
      <c r="W35690">
        <v>3</v>
      </c>
      <c r="X35690">
        <v>3</v>
      </c>
      <c r="Y35690">
        <v>3</v>
      </c>
      <c r="Z35690">
        <v>3</v>
      </c>
      <c r="AA35690">
        <v>3</v>
      </c>
      <c r="AB35690">
        <v>3</v>
      </c>
      <c r="AC35690">
        <v>3</v>
      </c>
      <c r="AD35690">
        <v>3</v>
      </c>
      <c r="AE35690">
        <v>3</v>
      </c>
      <c r="AF35690">
        <v>3</v>
      </c>
      <c r="AG35690">
        <v>3</v>
      </c>
      <c r="AH35690">
        <v>3</v>
      </c>
      <c r="AI35690">
        <v>3</v>
      </c>
      <c r="AJ35690">
        <v>3</v>
      </c>
      <c r="AK35690">
        <v>3</v>
      </c>
      <c r="AL35690">
        <v>3</v>
      </c>
      <c r="AM35690">
        <v>3</v>
      </c>
      <c r="AN35690">
        <v>3</v>
      </c>
      <c r="AO35690">
        <v>3</v>
      </c>
      <c r="AP35690">
        <v>3</v>
      </c>
      <c r="AQ35690">
        <v>3</v>
      </c>
    </row>
    <row r="35691" spans="1:43">
      <c r="A35691" t="s">
        <v>22129</v>
      </c>
      <c r="B35691" t="s">
        <v>22130</v>
      </c>
      <c r="C35691" t="s">
        <v>22125</v>
      </c>
      <c r="D35691" t="s">
        <v>22126</v>
      </c>
      <c r="E35691" t="s">
        <v>21687</v>
      </c>
      <c r="F35691" t="s">
        <v>21688</v>
      </c>
      <c r="G35691" t="s">
        <v>20255</v>
      </c>
      <c r="H35691" t="s">
        <v>20256</v>
      </c>
      <c r="I35691" s="2">
        <v>1</v>
      </c>
      <c r="J35691" s="2">
        <v>0</v>
      </c>
      <c r="K35691" s="2">
        <v>0</v>
      </c>
      <c r="L35691" t="s">
        <v>120</v>
      </c>
      <c r="M35691" t="s">
        <v>87</v>
      </c>
      <c r="N35691" t="s">
        <v>88</v>
      </c>
      <c r="O35691" t="s">
        <v>85</v>
      </c>
      <c r="P35691" t="s">
        <v>86</v>
      </c>
      <c r="Q35691">
        <v>3</v>
      </c>
      <c r="R35691">
        <v>3</v>
      </c>
      <c r="S35691">
        <v>3</v>
      </c>
      <c r="T35691">
        <v>3</v>
      </c>
      <c r="U35691">
        <v>3</v>
      </c>
      <c r="V35691">
        <v>3</v>
      </c>
      <c r="W35691">
        <v>3</v>
      </c>
      <c r="X35691">
        <v>3</v>
      </c>
      <c r="Y35691">
        <v>3</v>
      </c>
      <c r="Z35691">
        <v>3</v>
      </c>
      <c r="AA35691">
        <v>3</v>
      </c>
      <c r="AB35691">
        <v>3</v>
      </c>
      <c r="AC35691">
        <v>3</v>
      </c>
      <c r="AD35691">
        <v>3</v>
      </c>
      <c r="AE35691">
        <v>3</v>
      </c>
      <c r="AF35691">
        <v>3</v>
      </c>
      <c r="AG35691">
        <v>3</v>
      </c>
      <c r="AH35691">
        <v>3</v>
      </c>
      <c r="AI35691">
        <v>3</v>
      </c>
      <c r="AJ35691">
        <v>3</v>
      </c>
      <c r="AK35691">
        <v>3</v>
      </c>
      <c r="AL35691">
        <v>3</v>
      </c>
      <c r="AM35691">
        <v>3</v>
      </c>
      <c r="AN35691">
        <v>3</v>
      </c>
      <c r="AO35691">
        <v>3</v>
      </c>
      <c r="AP35691">
        <v>3</v>
      </c>
      <c r="AQ35691">
        <v>3</v>
      </c>
    </row>
    <row r="35692" spans="1:43">
      <c r="A35692" t="s">
        <v>22129</v>
      </c>
      <c r="B35692" t="s">
        <v>22130</v>
      </c>
      <c r="C35692" t="s">
        <v>22125</v>
      </c>
      <c r="D35692" t="s">
        <v>22126</v>
      </c>
      <c r="E35692" t="s">
        <v>21687</v>
      </c>
      <c r="F35692" t="s">
        <v>21688</v>
      </c>
      <c r="G35692" t="s">
        <v>20255</v>
      </c>
      <c r="H35692" t="s">
        <v>20256</v>
      </c>
      <c r="I35692" s="2">
        <v>1</v>
      </c>
      <c r="J35692" s="2">
        <v>0</v>
      </c>
      <c r="K35692" s="2">
        <v>0</v>
      </c>
      <c r="L35692" t="s">
        <v>120</v>
      </c>
      <c r="M35692" t="s">
        <v>89</v>
      </c>
      <c r="N35692" t="s">
        <v>90</v>
      </c>
      <c r="O35692" t="s">
        <v>85</v>
      </c>
      <c r="P35692" t="s">
        <v>86</v>
      </c>
      <c r="Q35692">
        <v>3</v>
      </c>
      <c r="R35692">
        <v>3</v>
      </c>
      <c r="S35692">
        <v>3</v>
      </c>
      <c r="T35692">
        <v>3</v>
      </c>
      <c r="U35692">
        <v>3</v>
      </c>
      <c r="V35692">
        <v>3</v>
      </c>
      <c r="W35692">
        <v>3</v>
      </c>
      <c r="X35692">
        <v>3</v>
      </c>
      <c r="Y35692">
        <v>3</v>
      </c>
      <c r="Z35692">
        <v>3</v>
      </c>
      <c r="AA35692">
        <v>3</v>
      </c>
      <c r="AB35692">
        <v>3</v>
      </c>
      <c r="AC35692">
        <v>3</v>
      </c>
      <c r="AD35692">
        <v>3</v>
      </c>
      <c r="AE35692">
        <v>3</v>
      </c>
      <c r="AF35692">
        <v>3</v>
      </c>
      <c r="AG35692">
        <v>3</v>
      </c>
      <c r="AH35692">
        <v>3</v>
      </c>
      <c r="AI35692">
        <v>3</v>
      </c>
      <c r="AJ35692">
        <v>3</v>
      </c>
      <c r="AK35692">
        <v>3</v>
      </c>
      <c r="AL35692">
        <v>3</v>
      </c>
      <c r="AM35692">
        <v>3</v>
      </c>
      <c r="AN35692">
        <v>3</v>
      </c>
      <c r="AO35692">
        <v>3</v>
      </c>
      <c r="AP35692">
        <v>3</v>
      </c>
      <c r="AQ35692">
        <v>3</v>
      </c>
    </row>
    <row r="35693" spans="1:43">
      <c r="A35693" t="s">
        <v>22129</v>
      </c>
      <c r="B35693" t="s">
        <v>22130</v>
      </c>
      <c r="C35693" t="s">
        <v>22125</v>
      </c>
      <c r="D35693" t="s">
        <v>22126</v>
      </c>
      <c r="E35693" t="s">
        <v>21687</v>
      </c>
      <c r="F35693" t="s">
        <v>21688</v>
      </c>
      <c r="G35693" t="s">
        <v>20255</v>
      </c>
      <c r="H35693" t="s">
        <v>20256</v>
      </c>
      <c r="I35693" s="2">
        <v>1</v>
      </c>
      <c r="J35693" s="2">
        <v>0</v>
      </c>
      <c r="K35693" s="2">
        <v>0</v>
      </c>
      <c r="L35693" t="s">
        <v>120</v>
      </c>
      <c r="M35693" t="s">
        <v>83</v>
      </c>
      <c r="N35693" t="s">
        <v>91</v>
      </c>
      <c r="O35693" t="s">
        <v>85</v>
      </c>
      <c r="P35693" t="s">
        <v>86</v>
      </c>
      <c r="Q35693">
        <v>3</v>
      </c>
      <c r="R35693">
        <v>3</v>
      </c>
      <c r="S35693">
        <v>3</v>
      </c>
      <c r="T35693">
        <v>3</v>
      </c>
      <c r="U35693">
        <v>3</v>
      </c>
      <c r="V35693">
        <v>3</v>
      </c>
      <c r="W35693">
        <v>3</v>
      </c>
      <c r="X35693">
        <v>3</v>
      </c>
      <c r="Y35693">
        <v>3</v>
      </c>
      <c r="Z35693">
        <v>3</v>
      </c>
      <c r="AA35693">
        <v>3</v>
      </c>
      <c r="AB35693">
        <v>3</v>
      </c>
      <c r="AC35693">
        <v>3</v>
      </c>
      <c r="AD35693">
        <v>3</v>
      </c>
      <c r="AE35693">
        <v>3</v>
      </c>
      <c r="AF35693">
        <v>3</v>
      </c>
      <c r="AG35693">
        <v>3</v>
      </c>
      <c r="AH35693">
        <v>3</v>
      </c>
      <c r="AI35693">
        <v>3</v>
      </c>
      <c r="AJ35693">
        <v>3</v>
      </c>
      <c r="AK35693">
        <v>3</v>
      </c>
      <c r="AL35693">
        <v>3</v>
      </c>
      <c r="AM35693">
        <v>3</v>
      </c>
      <c r="AN35693">
        <v>3</v>
      </c>
      <c r="AO35693">
        <v>3</v>
      </c>
      <c r="AP35693">
        <v>3</v>
      </c>
      <c r="AQ35693">
        <v>3</v>
      </c>
    </row>
    <row r="35694" spans="1:43">
      <c r="A35694" t="s">
        <v>22131</v>
      </c>
      <c r="B35694" t="s">
        <v>22132</v>
      </c>
      <c r="C35694" t="s">
        <v>22125</v>
      </c>
      <c r="D35694" t="s">
        <v>22126</v>
      </c>
      <c r="E35694" t="s">
        <v>21687</v>
      </c>
      <c r="F35694" t="s">
        <v>21688</v>
      </c>
      <c r="G35694" t="s">
        <v>20255</v>
      </c>
      <c r="H35694" t="s">
        <v>20256</v>
      </c>
      <c r="I35694" s="2">
        <v>1</v>
      </c>
      <c r="J35694" s="2">
        <v>0</v>
      </c>
      <c r="K35694" s="2">
        <v>0</v>
      </c>
      <c r="L35694" t="s">
        <v>120</v>
      </c>
      <c r="M35694" t="s">
        <v>83</v>
      </c>
      <c r="N35694" t="s">
        <v>84</v>
      </c>
      <c r="O35694" t="s">
        <v>85</v>
      </c>
      <c r="P35694" t="s">
        <v>86</v>
      </c>
      <c r="Q35694">
        <v>8</v>
      </c>
      <c r="R35694">
        <v>8</v>
      </c>
      <c r="S35694">
        <v>8</v>
      </c>
      <c r="T35694">
        <v>8</v>
      </c>
      <c r="U35694">
        <v>8</v>
      </c>
      <c r="V35694">
        <v>8</v>
      </c>
      <c r="W35694">
        <v>9</v>
      </c>
      <c r="X35694">
        <v>9</v>
      </c>
      <c r="Y35694">
        <v>9</v>
      </c>
      <c r="Z35694">
        <v>9</v>
      </c>
      <c r="AA35694">
        <v>9</v>
      </c>
      <c r="AB35694">
        <v>9</v>
      </c>
      <c r="AC35694">
        <v>9</v>
      </c>
      <c r="AD35694">
        <v>9</v>
      </c>
      <c r="AE35694">
        <v>9</v>
      </c>
      <c r="AF35694">
        <v>9</v>
      </c>
      <c r="AG35694">
        <v>9</v>
      </c>
      <c r="AH35694">
        <v>9</v>
      </c>
      <c r="AI35694">
        <v>9</v>
      </c>
      <c r="AJ35694">
        <v>10</v>
      </c>
      <c r="AK35694">
        <v>10</v>
      </c>
      <c r="AL35694">
        <v>10</v>
      </c>
      <c r="AM35694">
        <v>10</v>
      </c>
      <c r="AN35694">
        <v>10</v>
      </c>
      <c r="AO35694">
        <v>10</v>
      </c>
      <c r="AP35694">
        <v>10</v>
      </c>
      <c r="AQ35694">
        <v>10</v>
      </c>
    </row>
    <row r="35695" spans="1:43">
      <c r="A35695" t="s">
        <v>22131</v>
      </c>
      <c r="B35695" t="s">
        <v>22132</v>
      </c>
      <c r="C35695" t="s">
        <v>22125</v>
      </c>
      <c r="D35695" t="s">
        <v>22126</v>
      </c>
      <c r="E35695" t="s">
        <v>21687</v>
      </c>
      <c r="F35695" t="s">
        <v>21688</v>
      </c>
      <c r="G35695" t="s">
        <v>20255</v>
      </c>
      <c r="H35695" t="s">
        <v>20256</v>
      </c>
      <c r="I35695" s="2">
        <v>1</v>
      </c>
      <c r="J35695" s="2">
        <v>0</v>
      </c>
      <c r="K35695" s="2">
        <v>0</v>
      </c>
      <c r="L35695" t="s">
        <v>120</v>
      </c>
      <c r="M35695" t="s">
        <v>87</v>
      </c>
      <c r="N35695" t="s">
        <v>88</v>
      </c>
      <c r="O35695" t="s">
        <v>85</v>
      </c>
      <c r="P35695" t="s">
        <v>86</v>
      </c>
      <c r="Q35695">
        <v>8</v>
      </c>
      <c r="R35695">
        <v>8</v>
      </c>
      <c r="S35695">
        <v>8</v>
      </c>
      <c r="T35695">
        <v>8</v>
      </c>
      <c r="U35695">
        <v>8</v>
      </c>
      <c r="V35695">
        <v>8</v>
      </c>
      <c r="W35695">
        <v>8</v>
      </c>
      <c r="X35695">
        <v>8</v>
      </c>
      <c r="Y35695">
        <v>8</v>
      </c>
      <c r="Z35695">
        <v>8</v>
      </c>
      <c r="AA35695">
        <v>8</v>
      </c>
      <c r="AB35695">
        <v>8</v>
      </c>
      <c r="AC35695">
        <v>8</v>
      </c>
      <c r="AD35695">
        <v>8</v>
      </c>
      <c r="AE35695">
        <v>8</v>
      </c>
      <c r="AF35695">
        <v>8</v>
      </c>
      <c r="AG35695">
        <v>8</v>
      </c>
      <c r="AH35695">
        <v>8</v>
      </c>
      <c r="AI35695">
        <v>8</v>
      </c>
      <c r="AJ35695">
        <v>8</v>
      </c>
      <c r="AK35695">
        <v>8</v>
      </c>
      <c r="AL35695">
        <v>8</v>
      </c>
      <c r="AM35695">
        <v>8</v>
      </c>
      <c r="AN35695">
        <v>8</v>
      </c>
      <c r="AO35695">
        <v>8</v>
      </c>
      <c r="AP35695">
        <v>8</v>
      </c>
      <c r="AQ35695">
        <v>8</v>
      </c>
    </row>
    <row r="35696" spans="1:43">
      <c r="A35696" t="s">
        <v>22131</v>
      </c>
      <c r="B35696" t="s">
        <v>22132</v>
      </c>
      <c r="C35696" t="s">
        <v>22125</v>
      </c>
      <c r="D35696" t="s">
        <v>22126</v>
      </c>
      <c r="E35696" t="s">
        <v>21687</v>
      </c>
      <c r="F35696" t="s">
        <v>21688</v>
      </c>
      <c r="G35696" t="s">
        <v>20255</v>
      </c>
      <c r="H35696" t="s">
        <v>20256</v>
      </c>
      <c r="I35696" s="2">
        <v>1</v>
      </c>
      <c r="J35696" s="2">
        <v>0</v>
      </c>
      <c r="K35696" s="2">
        <v>0</v>
      </c>
      <c r="L35696" t="s">
        <v>120</v>
      </c>
      <c r="M35696" t="s">
        <v>89</v>
      </c>
      <c r="N35696" t="s">
        <v>90</v>
      </c>
      <c r="O35696" t="s">
        <v>85</v>
      </c>
      <c r="P35696" t="s">
        <v>86</v>
      </c>
      <c r="Q35696">
        <v>8</v>
      </c>
      <c r="R35696">
        <v>8</v>
      </c>
      <c r="S35696">
        <v>8</v>
      </c>
      <c r="T35696">
        <v>9</v>
      </c>
      <c r="U35696">
        <v>9</v>
      </c>
      <c r="V35696">
        <v>9</v>
      </c>
      <c r="W35696">
        <v>9</v>
      </c>
      <c r="X35696">
        <v>9</v>
      </c>
      <c r="Y35696">
        <v>9</v>
      </c>
      <c r="Z35696">
        <v>9</v>
      </c>
      <c r="AA35696">
        <v>9</v>
      </c>
      <c r="AB35696">
        <v>9</v>
      </c>
      <c r="AC35696">
        <v>10</v>
      </c>
      <c r="AD35696">
        <v>10</v>
      </c>
      <c r="AE35696">
        <v>10</v>
      </c>
      <c r="AF35696">
        <v>10</v>
      </c>
      <c r="AG35696">
        <v>10</v>
      </c>
      <c r="AH35696">
        <v>10</v>
      </c>
      <c r="AI35696">
        <v>10</v>
      </c>
      <c r="AJ35696">
        <v>10</v>
      </c>
      <c r="AK35696">
        <v>10</v>
      </c>
      <c r="AL35696">
        <v>10</v>
      </c>
      <c r="AM35696">
        <v>10</v>
      </c>
      <c r="AN35696">
        <v>10</v>
      </c>
      <c r="AO35696">
        <v>10</v>
      </c>
      <c r="AP35696">
        <v>10</v>
      </c>
      <c r="AQ35696">
        <v>10</v>
      </c>
    </row>
    <row r="35697" spans="1:43">
      <c r="A35697" t="s">
        <v>22131</v>
      </c>
      <c r="B35697" t="s">
        <v>22132</v>
      </c>
      <c r="C35697" t="s">
        <v>22125</v>
      </c>
      <c r="D35697" t="s">
        <v>22126</v>
      </c>
      <c r="E35697" t="s">
        <v>21687</v>
      </c>
      <c r="F35697" t="s">
        <v>21688</v>
      </c>
      <c r="G35697" t="s">
        <v>20255</v>
      </c>
      <c r="H35697" t="s">
        <v>20256</v>
      </c>
      <c r="I35697" s="2">
        <v>1</v>
      </c>
      <c r="J35697" s="2">
        <v>0</v>
      </c>
      <c r="K35697" s="2">
        <v>0</v>
      </c>
      <c r="L35697" t="s">
        <v>120</v>
      </c>
      <c r="M35697" t="s">
        <v>83</v>
      </c>
      <c r="N35697" t="s">
        <v>91</v>
      </c>
      <c r="O35697" t="s">
        <v>85</v>
      </c>
      <c r="P35697" t="s">
        <v>86</v>
      </c>
      <c r="Q35697">
        <v>8</v>
      </c>
      <c r="R35697">
        <v>8</v>
      </c>
      <c r="S35697">
        <v>8</v>
      </c>
      <c r="T35697">
        <v>8</v>
      </c>
      <c r="U35697">
        <v>8</v>
      </c>
      <c r="V35697">
        <v>8</v>
      </c>
      <c r="W35697">
        <v>9</v>
      </c>
      <c r="X35697">
        <v>9</v>
      </c>
      <c r="Y35697">
        <v>9</v>
      </c>
      <c r="Z35697">
        <v>9</v>
      </c>
      <c r="AA35697">
        <v>9</v>
      </c>
      <c r="AB35697">
        <v>9</v>
      </c>
      <c r="AC35697">
        <v>9</v>
      </c>
      <c r="AD35697">
        <v>9</v>
      </c>
      <c r="AE35697">
        <v>9</v>
      </c>
      <c r="AF35697">
        <v>9</v>
      </c>
      <c r="AG35697">
        <v>9</v>
      </c>
      <c r="AH35697">
        <v>9</v>
      </c>
      <c r="AI35697">
        <v>9</v>
      </c>
      <c r="AJ35697">
        <v>10</v>
      </c>
      <c r="AK35697">
        <v>10</v>
      </c>
      <c r="AL35697">
        <v>10</v>
      </c>
      <c r="AM35697">
        <v>10</v>
      </c>
      <c r="AN35697">
        <v>10</v>
      </c>
      <c r="AO35697">
        <v>10</v>
      </c>
      <c r="AP35697">
        <v>10</v>
      </c>
      <c r="AQ35697">
        <v>10</v>
      </c>
    </row>
    <row r="35698" spans="1:43">
      <c r="A35698" t="s">
        <v>22133</v>
      </c>
      <c r="B35698" t="s">
        <v>22134</v>
      </c>
      <c r="C35698" t="s">
        <v>22085</v>
      </c>
      <c r="D35698" t="s">
        <v>22086</v>
      </c>
      <c r="E35698" t="s">
        <v>21687</v>
      </c>
      <c r="F35698" t="s">
        <v>21688</v>
      </c>
      <c r="G35698" t="s">
        <v>20255</v>
      </c>
      <c r="H35698" t="s">
        <v>20256</v>
      </c>
      <c r="I35698" s="2">
        <v>1</v>
      </c>
      <c r="J35698" s="2">
        <v>0</v>
      </c>
      <c r="K35698" s="2">
        <v>0</v>
      </c>
      <c r="L35698" t="s">
        <v>120</v>
      </c>
      <c r="M35698" t="s">
        <v>83</v>
      </c>
      <c r="N35698" t="s">
        <v>84</v>
      </c>
      <c r="O35698" t="s">
        <v>85</v>
      </c>
      <c r="P35698" t="s">
        <v>86</v>
      </c>
      <c r="Q35698">
        <v>37</v>
      </c>
      <c r="R35698">
        <v>37</v>
      </c>
      <c r="S35698">
        <v>37</v>
      </c>
      <c r="T35698">
        <v>38</v>
      </c>
      <c r="U35698">
        <v>38</v>
      </c>
      <c r="V35698">
        <v>39</v>
      </c>
      <c r="W35698">
        <v>39</v>
      </c>
      <c r="X35698">
        <v>39</v>
      </c>
      <c r="Y35698">
        <v>40</v>
      </c>
      <c r="Z35698">
        <v>40</v>
      </c>
      <c r="AA35698">
        <v>40</v>
      </c>
      <c r="AB35698">
        <v>41</v>
      </c>
      <c r="AC35698">
        <v>41</v>
      </c>
      <c r="AD35698">
        <v>41</v>
      </c>
      <c r="AE35698">
        <v>42</v>
      </c>
      <c r="AF35698">
        <v>42</v>
      </c>
      <c r="AG35698">
        <v>42</v>
      </c>
      <c r="AH35698">
        <v>43</v>
      </c>
      <c r="AI35698">
        <v>43</v>
      </c>
      <c r="AJ35698">
        <v>44</v>
      </c>
      <c r="AK35698">
        <v>44</v>
      </c>
      <c r="AL35698">
        <v>44</v>
      </c>
      <c r="AM35698">
        <v>44</v>
      </c>
      <c r="AN35698">
        <v>44</v>
      </c>
      <c r="AO35698">
        <v>44</v>
      </c>
      <c r="AP35698">
        <v>44</v>
      </c>
      <c r="AQ35698">
        <v>44</v>
      </c>
    </row>
    <row r="35699" spans="1:43">
      <c r="A35699" t="s">
        <v>22133</v>
      </c>
      <c r="B35699" t="s">
        <v>22134</v>
      </c>
      <c r="C35699" t="s">
        <v>22085</v>
      </c>
      <c r="D35699" t="s">
        <v>22086</v>
      </c>
      <c r="E35699" t="s">
        <v>21687</v>
      </c>
      <c r="F35699" t="s">
        <v>21688</v>
      </c>
      <c r="G35699" t="s">
        <v>20255</v>
      </c>
      <c r="H35699" t="s">
        <v>20256</v>
      </c>
      <c r="I35699" s="2">
        <v>1</v>
      </c>
      <c r="J35699" s="2">
        <v>0</v>
      </c>
      <c r="K35699" s="2">
        <v>0</v>
      </c>
      <c r="L35699" t="s">
        <v>120</v>
      </c>
      <c r="M35699" t="s">
        <v>87</v>
      </c>
      <c r="N35699" t="s">
        <v>88</v>
      </c>
      <c r="O35699" t="s">
        <v>85</v>
      </c>
      <c r="P35699" t="s">
        <v>86</v>
      </c>
      <c r="Q35699">
        <v>37</v>
      </c>
      <c r="R35699">
        <v>37</v>
      </c>
      <c r="S35699">
        <v>37</v>
      </c>
      <c r="T35699">
        <v>37</v>
      </c>
      <c r="U35699">
        <v>38</v>
      </c>
      <c r="V35699">
        <v>38</v>
      </c>
      <c r="W35699">
        <v>38</v>
      </c>
      <c r="X35699">
        <v>38</v>
      </c>
      <c r="Y35699">
        <v>38</v>
      </c>
      <c r="Z35699">
        <v>38</v>
      </c>
      <c r="AA35699">
        <v>38</v>
      </c>
      <c r="AB35699">
        <v>38</v>
      </c>
      <c r="AC35699">
        <v>38</v>
      </c>
      <c r="AD35699">
        <v>38</v>
      </c>
      <c r="AE35699">
        <v>38</v>
      </c>
      <c r="AF35699">
        <v>38</v>
      </c>
      <c r="AG35699">
        <v>38</v>
      </c>
      <c r="AH35699">
        <v>38</v>
      </c>
      <c r="AI35699">
        <v>38</v>
      </c>
      <c r="AJ35699">
        <v>38</v>
      </c>
      <c r="AK35699">
        <v>38</v>
      </c>
      <c r="AL35699">
        <v>39</v>
      </c>
      <c r="AM35699">
        <v>39</v>
      </c>
      <c r="AN35699">
        <v>39</v>
      </c>
      <c r="AO35699">
        <v>39</v>
      </c>
      <c r="AP35699">
        <v>39</v>
      </c>
      <c r="AQ35699">
        <v>39</v>
      </c>
    </row>
    <row r="35700" spans="1:43">
      <c r="A35700" t="s">
        <v>22133</v>
      </c>
      <c r="B35700" t="s">
        <v>22134</v>
      </c>
      <c r="C35700" t="s">
        <v>22085</v>
      </c>
      <c r="D35700" t="s">
        <v>22086</v>
      </c>
      <c r="E35700" t="s">
        <v>21687</v>
      </c>
      <c r="F35700" t="s">
        <v>21688</v>
      </c>
      <c r="G35700" t="s">
        <v>20255</v>
      </c>
      <c r="H35700" t="s">
        <v>20256</v>
      </c>
      <c r="I35700" s="2">
        <v>1</v>
      </c>
      <c r="J35700" s="2">
        <v>0</v>
      </c>
      <c r="K35700" s="2">
        <v>0</v>
      </c>
      <c r="L35700" t="s">
        <v>120</v>
      </c>
      <c r="M35700" t="s">
        <v>89</v>
      </c>
      <c r="N35700" t="s">
        <v>90</v>
      </c>
      <c r="O35700" t="s">
        <v>85</v>
      </c>
      <c r="P35700" t="s">
        <v>86</v>
      </c>
      <c r="Q35700">
        <v>37</v>
      </c>
      <c r="R35700">
        <v>38</v>
      </c>
      <c r="S35700">
        <v>38</v>
      </c>
      <c r="T35700">
        <v>39</v>
      </c>
      <c r="U35700">
        <v>40</v>
      </c>
      <c r="V35700">
        <v>40</v>
      </c>
      <c r="W35700">
        <v>41</v>
      </c>
      <c r="X35700">
        <v>41</v>
      </c>
      <c r="Y35700">
        <v>42</v>
      </c>
      <c r="Z35700">
        <v>42</v>
      </c>
      <c r="AA35700">
        <v>43</v>
      </c>
      <c r="AB35700">
        <v>43</v>
      </c>
      <c r="AC35700">
        <v>44</v>
      </c>
      <c r="AD35700">
        <v>45</v>
      </c>
      <c r="AE35700">
        <v>45</v>
      </c>
      <c r="AF35700">
        <v>45</v>
      </c>
      <c r="AG35700">
        <v>45</v>
      </c>
      <c r="AH35700">
        <v>45</v>
      </c>
      <c r="AI35700">
        <v>45</v>
      </c>
      <c r="AJ35700">
        <v>45</v>
      </c>
      <c r="AK35700">
        <v>45</v>
      </c>
      <c r="AL35700">
        <v>45</v>
      </c>
      <c r="AM35700">
        <v>45</v>
      </c>
      <c r="AN35700">
        <v>45</v>
      </c>
      <c r="AO35700">
        <v>45</v>
      </c>
      <c r="AP35700">
        <v>45</v>
      </c>
      <c r="AQ35700">
        <v>44</v>
      </c>
    </row>
    <row r="35701" spans="1:43">
      <c r="A35701" t="s">
        <v>22133</v>
      </c>
      <c r="B35701" t="s">
        <v>22134</v>
      </c>
      <c r="C35701" t="s">
        <v>22085</v>
      </c>
      <c r="D35701" t="s">
        <v>22086</v>
      </c>
      <c r="E35701" t="s">
        <v>21687</v>
      </c>
      <c r="F35701" t="s">
        <v>21688</v>
      </c>
      <c r="G35701" t="s">
        <v>20255</v>
      </c>
      <c r="H35701" t="s">
        <v>20256</v>
      </c>
      <c r="I35701" s="2">
        <v>1</v>
      </c>
      <c r="J35701" s="2">
        <v>0</v>
      </c>
      <c r="K35701" s="2">
        <v>0</v>
      </c>
      <c r="L35701" t="s">
        <v>120</v>
      </c>
      <c r="M35701" t="s">
        <v>83</v>
      </c>
      <c r="N35701" t="s">
        <v>91</v>
      </c>
      <c r="O35701" t="s">
        <v>85</v>
      </c>
      <c r="P35701" t="s">
        <v>86</v>
      </c>
      <c r="Q35701">
        <v>37</v>
      </c>
      <c r="R35701">
        <v>37</v>
      </c>
      <c r="S35701">
        <v>37</v>
      </c>
      <c r="T35701">
        <v>38</v>
      </c>
      <c r="U35701">
        <v>38</v>
      </c>
      <c r="V35701">
        <v>39</v>
      </c>
      <c r="W35701">
        <v>39</v>
      </c>
      <c r="X35701">
        <v>39</v>
      </c>
      <c r="Y35701">
        <v>40</v>
      </c>
      <c r="Z35701">
        <v>40</v>
      </c>
      <c r="AA35701">
        <v>40</v>
      </c>
      <c r="AB35701">
        <v>41</v>
      </c>
      <c r="AC35701">
        <v>41</v>
      </c>
      <c r="AD35701">
        <v>41</v>
      </c>
      <c r="AE35701">
        <v>42</v>
      </c>
      <c r="AF35701">
        <v>42</v>
      </c>
      <c r="AG35701">
        <v>42</v>
      </c>
      <c r="AH35701">
        <v>43</v>
      </c>
      <c r="AI35701">
        <v>43</v>
      </c>
      <c r="AJ35701">
        <v>44</v>
      </c>
      <c r="AK35701">
        <v>44</v>
      </c>
      <c r="AL35701">
        <v>44</v>
      </c>
      <c r="AM35701">
        <v>44</v>
      </c>
      <c r="AN35701">
        <v>44</v>
      </c>
      <c r="AO35701">
        <v>44</v>
      </c>
      <c r="AP35701">
        <v>44</v>
      </c>
      <c r="AQ35701">
        <v>44</v>
      </c>
    </row>
    <row r="35702" spans="1:43">
      <c r="A35702" t="s">
        <v>22135</v>
      </c>
      <c r="B35702" t="s">
        <v>22136</v>
      </c>
      <c r="C35702" t="s">
        <v>22073</v>
      </c>
      <c r="D35702" t="s">
        <v>22074</v>
      </c>
      <c r="E35702" t="s">
        <v>21687</v>
      </c>
      <c r="F35702" t="s">
        <v>21688</v>
      </c>
      <c r="G35702" t="s">
        <v>20255</v>
      </c>
      <c r="H35702" t="s">
        <v>20256</v>
      </c>
      <c r="I35702" s="2">
        <v>1</v>
      </c>
      <c r="J35702" s="2">
        <v>0</v>
      </c>
      <c r="K35702" s="2">
        <v>0</v>
      </c>
      <c r="L35702" t="s">
        <v>120</v>
      </c>
      <c r="M35702" t="s">
        <v>83</v>
      </c>
      <c r="N35702" t="s">
        <v>84</v>
      </c>
      <c r="O35702" t="s">
        <v>85</v>
      </c>
      <c r="P35702" t="s">
        <v>86</v>
      </c>
      <c r="Q35702">
        <v>43</v>
      </c>
      <c r="R35702">
        <v>43</v>
      </c>
      <c r="S35702">
        <v>44</v>
      </c>
      <c r="T35702">
        <v>44</v>
      </c>
      <c r="U35702">
        <v>45</v>
      </c>
      <c r="V35702">
        <v>45</v>
      </c>
      <c r="W35702">
        <v>46</v>
      </c>
      <c r="X35702">
        <v>46</v>
      </c>
      <c r="Y35702">
        <v>47</v>
      </c>
      <c r="Z35702">
        <v>47</v>
      </c>
      <c r="AA35702">
        <v>47</v>
      </c>
      <c r="AB35702">
        <v>48</v>
      </c>
      <c r="AC35702">
        <v>48</v>
      </c>
      <c r="AD35702">
        <v>49</v>
      </c>
      <c r="AE35702">
        <v>49</v>
      </c>
      <c r="AF35702">
        <v>49</v>
      </c>
      <c r="AG35702">
        <v>50</v>
      </c>
      <c r="AH35702">
        <v>50</v>
      </c>
      <c r="AI35702">
        <v>51</v>
      </c>
      <c r="AJ35702">
        <v>51</v>
      </c>
      <c r="AK35702">
        <v>51</v>
      </c>
      <c r="AL35702">
        <v>52</v>
      </c>
      <c r="AM35702">
        <v>52</v>
      </c>
      <c r="AN35702">
        <v>52</v>
      </c>
      <c r="AO35702">
        <v>52</v>
      </c>
      <c r="AP35702">
        <v>52</v>
      </c>
      <c r="AQ35702">
        <v>52</v>
      </c>
    </row>
    <row r="35703" spans="1:43">
      <c r="A35703" t="s">
        <v>22135</v>
      </c>
      <c r="B35703" t="s">
        <v>22136</v>
      </c>
      <c r="C35703" t="s">
        <v>22073</v>
      </c>
      <c r="D35703" t="s">
        <v>22074</v>
      </c>
      <c r="E35703" t="s">
        <v>21687</v>
      </c>
      <c r="F35703" t="s">
        <v>21688</v>
      </c>
      <c r="G35703" t="s">
        <v>20255</v>
      </c>
      <c r="H35703" t="s">
        <v>20256</v>
      </c>
      <c r="I35703" s="2">
        <v>1</v>
      </c>
      <c r="J35703" s="2">
        <v>0</v>
      </c>
      <c r="K35703" s="2">
        <v>0</v>
      </c>
      <c r="L35703" t="s">
        <v>120</v>
      </c>
      <c r="M35703" t="s">
        <v>87</v>
      </c>
      <c r="N35703" t="s">
        <v>88</v>
      </c>
      <c r="O35703" t="s">
        <v>85</v>
      </c>
      <c r="P35703" t="s">
        <v>86</v>
      </c>
      <c r="Q35703">
        <v>43</v>
      </c>
      <c r="R35703">
        <v>43</v>
      </c>
      <c r="S35703">
        <v>43</v>
      </c>
      <c r="T35703">
        <v>43</v>
      </c>
      <c r="U35703">
        <v>43</v>
      </c>
      <c r="V35703">
        <v>43</v>
      </c>
      <c r="W35703">
        <v>43</v>
      </c>
      <c r="X35703">
        <v>43</v>
      </c>
      <c r="Y35703">
        <v>43</v>
      </c>
      <c r="Z35703">
        <v>43</v>
      </c>
      <c r="AA35703">
        <v>43</v>
      </c>
      <c r="AB35703">
        <v>43</v>
      </c>
      <c r="AC35703">
        <v>43</v>
      </c>
      <c r="AD35703">
        <v>43</v>
      </c>
      <c r="AE35703">
        <v>43</v>
      </c>
      <c r="AF35703">
        <v>44</v>
      </c>
      <c r="AG35703">
        <v>44</v>
      </c>
      <c r="AH35703">
        <v>44</v>
      </c>
      <c r="AI35703">
        <v>44</v>
      </c>
      <c r="AJ35703">
        <v>44</v>
      </c>
      <c r="AK35703">
        <v>44</v>
      </c>
      <c r="AL35703">
        <v>44</v>
      </c>
      <c r="AM35703">
        <v>44</v>
      </c>
      <c r="AN35703">
        <v>44</v>
      </c>
      <c r="AO35703">
        <v>44</v>
      </c>
      <c r="AP35703">
        <v>45</v>
      </c>
      <c r="AQ35703">
        <v>45</v>
      </c>
    </row>
    <row r="35704" spans="1:43">
      <c r="A35704" t="s">
        <v>22135</v>
      </c>
      <c r="B35704" t="s">
        <v>22136</v>
      </c>
      <c r="C35704" t="s">
        <v>22073</v>
      </c>
      <c r="D35704" t="s">
        <v>22074</v>
      </c>
      <c r="E35704" t="s">
        <v>21687</v>
      </c>
      <c r="F35704" t="s">
        <v>21688</v>
      </c>
      <c r="G35704" t="s">
        <v>20255</v>
      </c>
      <c r="H35704" t="s">
        <v>20256</v>
      </c>
      <c r="I35704" s="2">
        <v>1</v>
      </c>
      <c r="J35704" s="2">
        <v>0</v>
      </c>
      <c r="K35704" s="2">
        <v>0</v>
      </c>
      <c r="L35704" t="s">
        <v>120</v>
      </c>
      <c r="M35704" t="s">
        <v>89</v>
      </c>
      <c r="N35704" t="s">
        <v>90</v>
      </c>
      <c r="O35704" t="s">
        <v>85</v>
      </c>
      <c r="P35704" t="s">
        <v>86</v>
      </c>
      <c r="Q35704">
        <v>43</v>
      </c>
      <c r="R35704">
        <v>44</v>
      </c>
      <c r="S35704">
        <v>45</v>
      </c>
      <c r="T35704">
        <v>46</v>
      </c>
      <c r="U35704">
        <v>47</v>
      </c>
      <c r="V35704">
        <v>47</v>
      </c>
      <c r="W35704">
        <v>48</v>
      </c>
      <c r="X35704">
        <v>49</v>
      </c>
      <c r="Y35704">
        <v>49</v>
      </c>
      <c r="Z35704">
        <v>50</v>
      </c>
      <c r="AA35704">
        <v>50</v>
      </c>
      <c r="AB35704">
        <v>51</v>
      </c>
      <c r="AC35704">
        <v>52</v>
      </c>
      <c r="AD35704">
        <v>52</v>
      </c>
      <c r="AE35704">
        <v>52</v>
      </c>
      <c r="AF35704">
        <v>52</v>
      </c>
      <c r="AG35704">
        <v>52</v>
      </c>
      <c r="AH35704">
        <v>52</v>
      </c>
      <c r="AI35704">
        <v>52</v>
      </c>
      <c r="AJ35704">
        <v>52</v>
      </c>
      <c r="AK35704">
        <v>52</v>
      </c>
      <c r="AL35704">
        <v>52</v>
      </c>
      <c r="AM35704">
        <v>52</v>
      </c>
      <c r="AN35704">
        <v>52</v>
      </c>
      <c r="AO35704">
        <v>52</v>
      </c>
      <c r="AP35704">
        <v>52</v>
      </c>
      <c r="AQ35704">
        <v>52</v>
      </c>
    </row>
    <row r="35705" spans="1:43">
      <c r="A35705" t="s">
        <v>22135</v>
      </c>
      <c r="B35705" t="s">
        <v>22136</v>
      </c>
      <c r="C35705" t="s">
        <v>22073</v>
      </c>
      <c r="D35705" t="s">
        <v>22074</v>
      </c>
      <c r="E35705" t="s">
        <v>21687</v>
      </c>
      <c r="F35705" t="s">
        <v>21688</v>
      </c>
      <c r="G35705" t="s">
        <v>20255</v>
      </c>
      <c r="H35705" t="s">
        <v>20256</v>
      </c>
      <c r="I35705" s="2">
        <v>1</v>
      </c>
      <c r="J35705" s="2">
        <v>0</v>
      </c>
      <c r="K35705" s="2">
        <v>0</v>
      </c>
      <c r="L35705" t="s">
        <v>120</v>
      </c>
      <c r="M35705" t="s">
        <v>83</v>
      </c>
      <c r="N35705" t="s">
        <v>91</v>
      </c>
      <c r="O35705" t="s">
        <v>85</v>
      </c>
      <c r="P35705" t="s">
        <v>86</v>
      </c>
      <c r="Q35705">
        <v>43</v>
      </c>
      <c r="R35705">
        <v>43</v>
      </c>
      <c r="S35705">
        <v>44</v>
      </c>
      <c r="T35705">
        <v>44</v>
      </c>
      <c r="U35705">
        <v>45</v>
      </c>
      <c r="V35705">
        <v>45</v>
      </c>
      <c r="W35705">
        <v>46</v>
      </c>
      <c r="X35705">
        <v>46</v>
      </c>
      <c r="Y35705">
        <v>47</v>
      </c>
      <c r="Z35705">
        <v>47</v>
      </c>
      <c r="AA35705">
        <v>47</v>
      </c>
      <c r="AB35705">
        <v>48</v>
      </c>
      <c r="AC35705">
        <v>48</v>
      </c>
      <c r="AD35705">
        <v>49</v>
      </c>
      <c r="AE35705">
        <v>49</v>
      </c>
      <c r="AF35705">
        <v>49</v>
      </c>
      <c r="AG35705">
        <v>50</v>
      </c>
      <c r="AH35705">
        <v>50</v>
      </c>
      <c r="AI35705">
        <v>51</v>
      </c>
      <c r="AJ35705">
        <v>51</v>
      </c>
      <c r="AK35705">
        <v>51</v>
      </c>
      <c r="AL35705">
        <v>52</v>
      </c>
      <c r="AM35705">
        <v>52</v>
      </c>
      <c r="AN35705">
        <v>52</v>
      </c>
      <c r="AO35705">
        <v>52</v>
      </c>
      <c r="AP35705">
        <v>52</v>
      </c>
      <c r="AQ35705">
        <v>52</v>
      </c>
    </row>
    <row r="35706" spans="1:43">
      <c r="A35706" t="s">
        <v>22137</v>
      </c>
      <c r="B35706" t="s">
        <v>22138</v>
      </c>
      <c r="C35706" t="s">
        <v>22139</v>
      </c>
      <c r="D35706" t="s">
        <v>22140</v>
      </c>
      <c r="E35706" t="s">
        <v>21687</v>
      </c>
      <c r="F35706" t="s">
        <v>21688</v>
      </c>
      <c r="G35706" t="s">
        <v>20255</v>
      </c>
      <c r="H35706" t="s">
        <v>20256</v>
      </c>
      <c r="I35706" s="2">
        <v>1</v>
      </c>
      <c r="J35706" s="2">
        <v>0</v>
      </c>
      <c r="K35706" s="2">
        <v>0</v>
      </c>
      <c r="L35706" t="s">
        <v>120</v>
      </c>
      <c r="M35706" t="s">
        <v>83</v>
      </c>
      <c r="N35706" t="s">
        <v>84</v>
      </c>
      <c r="O35706" t="s">
        <v>85</v>
      </c>
      <c r="P35706" t="s">
        <v>86</v>
      </c>
      <c r="Q35706">
        <v>22</v>
      </c>
      <c r="R35706">
        <v>23</v>
      </c>
      <c r="S35706">
        <v>23</v>
      </c>
      <c r="T35706">
        <v>23</v>
      </c>
      <c r="U35706">
        <v>23</v>
      </c>
      <c r="V35706">
        <v>24</v>
      </c>
      <c r="W35706">
        <v>24</v>
      </c>
      <c r="X35706">
        <v>24</v>
      </c>
      <c r="Y35706">
        <v>24</v>
      </c>
      <c r="Z35706">
        <v>25</v>
      </c>
      <c r="AA35706">
        <v>25</v>
      </c>
      <c r="AB35706">
        <v>25</v>
      </c>
      <c r="AC35706">
        <v>25</v>
      </c>
      <c r="AD35706">
        <v>26</v>
      </c>
      <c r="AE35706">
        <v>26</v>
      </c>
      <c r="AF35706">
        <v>26</v>
      </c>
      <c r="AG35706">
        <v>26</v>
      </c>
      <c r="AH35706">
        <v>26</v>
      </c>
      <c r="AI35706">
        <v>27</v>
      </c>
      <c r="AJ35706">
        <v>27</v>
      </c>
      <c r="AK35706">
        <v>27</v>
      </c>
      <c r="AL35706">
        <v>27</v>
      </c>
      <c r="AM35706">
        <v>27</v>
      </c>
      <c r="AN35706">
        <v>27</v>
      </c>
      <c r="AO35706">
        <v>27</v>
      </c>
      <c r="AP35706">
        <v>27</v>
      </c>
      <c r="AQ35706">
        <v>27</v>
      </c>
    </row>
    <row r="35707" spans="1:43">
      <c r="A35707" t="s">
        <v>22137</v>
      </c>
      <c r="B35707" t="s">
        <v>22138</v>
      </c>
      <c r="C35707" t="s">
        <v>22139</v>
      </c>
      <c r="D35707" t="s">
        <v>22140</v>
      </c>
      <c r="E35707" t="s">
        <v>21687</v>
      </c>
      <c r="F35707" t="s">
        <v>21688</v>
      </c>
      <c r="G35707" t="s">
        <v>20255</v>
      </c>
      <c r="H35707" t="s">
        <v>20256</v>
      </c>
      <c r="I35707" s="2">
        <v>1</v>
      </c>
      <c r="J35707" s="2">
        <v>0</v>
      </c>
      <c r="K35707" s="2">
        <v>0</v>
      </c>
      <c r="L35707" t="s">
        <v>120</v>
      </c>
      <c r="M35707" t="s">
        <v>87</v>
      </c>
      <c r="N35707" t="s">
        <v>88</v>
      </c>
      <c r="O35707" t="s">
        <v>85</v>
      </c>
      <c r="P35707" t="s">
        <v>86</v>
      </c>
      <c r="Q35707">
        <v>22</v>
      </c>
      <c r="R35707">
        <v>22</v>
      </c>
      <c r="S35707">
        <v>22</v>
      </c>
      <c r="T35707">
        <v>22</v>
      </c>
      <c r="U35707">
        <v>22</v>
      </c>
      <c r="V35707">
        <v>22</v>
      </c>
      <c r="W35707">
        <v>23</v>
      </c>
      <c r="X35707">
        <v>23</v>
      </c>
      <c r="Y35707">
        <v>23</v>
      </c>
      <c r="Z35707">
        <v>23</v>
      </c>
      <c r="AA35707">
        <v>23</v>
      </c>
      <c r="AB35707">
        <v>23</v>
      </c>
      <c r="AC35707">
        <v>23</v>
      </c>
      <c r="AD35707">
        <v>23</v>
      </c>
      <c r="AE35707">
        <v>23</v>
      </c>
      <c r="AF35707">
        <v>23</v>
      </c>
      <c r="AG35707">
        <v>23</v>
      </c>
      <c r="AH35707">
        <v>23</v>
      </c>
      <c r="AI35707">
        <v>23</v>
      </c>
      <c r="AJ35707">
        <v>23</v>
      </c>
      <c r="AK35707">
        <v>23</v>
      </c>
      <c r="AL35707">
        <v>23</v>
      </c>
      <c r="AM35707">
        <v>23</v>
      </c>
      <c r="AN35707">
        <v>23</v>
      </c>
      <c r="AO35707">
        <v>23</v>
      </c>
      <c r="AP35707">
        <v>24</v>
      </c>
      <c r="AQ35707">
        <v>24</v>
      </c>
    </row>
    <row r="35708" spans="1:43">
      <c r="A35708" t="s">
        <v>22137</v>
      </c>
      <c r="B35708" t="s">
        <v>22138</v>
      </c>
      <c r="C35708" t="s">
        <v>22139</v>
      </c>
      <c r="D35708" t="s">
        <v>22140</v>
      </c>
      <c r="E35708" t="s">
        <v>21687</v>
      </c>
      <c r="F35708" t="s">
        <v>21688</v>
      </c>
      <c r="G35708" t="s">
        <v>20255</v>
      </c>
      <c r="H35708" t="s">
        <v>20256</v>
      </c>
      <c r="I35708" s="2">
        <v>1</v>
      </c>
      <c r="J35708" s="2">
        <v>0</v>
      </c>
      <c r="K35708" s="2">
        <v>0</v>
      </c>
      <c r="L35708" t="s">
        <v>120</v>
      </c>
      <c r="M35708" t="s">
        <v>89</v>
      </c>
      <c r="N35708" t="s">
        <v>90</v>
      </c>
      <c r="O35708" t="s">
        <v>85</v>
      </c>
      <c r="P35708" t="s">
        <v>86</v>
      </c>
      <c r="Q35708">
        <v>22</v>
      </c>
      <c r="R35708">
        <v>22</v>
      </c>
      <c r="S35708">
        <v>23</v>
      </c>
      <c r="T35708">
        <v>23</v>
      </c>
      <c r="U35708">
        <v>23</v>
      </c>
      <c r="V35708">
        <v>24</v>
      </c>
      <c r="W35708">
        <v>24</v>
      </c>
      <c r="X35708">
        <v>24</v>
      </c>
      <c r="Y35708">
        <v>25</v>
      </c>
      <c r="Z35708">
        <v>25</v>
      </c>
      <c r="AA35708">
        <v>25</v>
      </c>
      <c r="AB35708">
        <v>26</v>
      </c>
      <c r="AC35708">
        <v>26</v>
      </c>
      <c r="AD35708">
        <v>26</v>
      </c>
      <c r="AE35708">
        <v>27</v>
      </c>
      <c r="AF35708">
        <v>27</v>
      </c>
      <c r="AG35708">
        <v>27</v>
      </c>
      <c r="AH35708">
        <v>27</v>
      </c>
      <c r="AI35708">
        <v>27</v>
      </c>
      <c r="AJ35708">
        <v>27</v>
      </c>
      <c r="AK35708">
        <v>27</v>
      </c>
      <c r="AL35708">
        <v>27</v>
      </c>
      <c r="AM35708">
        <v>27</v>
      </c>
      <c r="AN35708">
        <v>27</v>
      </c>
      <c r="AO35708">
        <v>27</v>
      </c>
      <c r="AP35708">
        <v>27</v>
      </c>
      <c r="AQ35708">
        <v>27</v>
      </c>
    </row>
    <row r="35709" spans="1:43">
      <c r="A35709" t="s">
        <v>22137</v>
      </c>
      <c r="B35709" t="s">
        <v>22138</v>
      </c>
      <c r="C35709" t="s">
        <v>22139</v>
      </c>
      <c r="D35709" t="s">
        <v>22140</v>
      </c>
      <c r="E35709" t="s">
        <v>21687</v>
      </c>
      <c r="F35709" t="s">
        <v>21688</v>
      </c>
      <c r="G35709" t="s">
        <v>20255</v>
      </c>
      <c r="H35709" t="s">
        <v>20256</v>
      </c>
      <c r="I35709" s="2">
        <v>1</v>
      </c>
      <c r="J35709" s="2">
        <v>0</v>
      </c>
      <c r="K35709" s="2">
        <v>0</v>
      </c>
      <c r="L35709" t="s">
        <v>120</v>
      </c>
      <c r="M35709" t="s">
        <v>83</v>
      </c>
      <c r="N35709" t="s">
        <v>91</v>
      </c>
      <c r="O35709" t="s">
        <v>85</v>
      </c>
      <c r="P35709" t="s">
        <v>86</v>
      </c>
      <c r="Q35709">
        <v>22</v>
      </c>
      <c r="R35709">
        <v>23</v>
      </c>
      <c r="S35709">
        <v>23</v>
      </c>
      <c r="T35709">
        <v>23</v>
      </c>
      <c r="U35709">
        <v>23</v>
      </c>
      <c r="V35709">
        <v>24</v>
      </c>
      <c r="W35709">
        <v>24</v>
      </c>
      <c r="X35709">
        <v>24</v>
      </c>
      <c r="Y35709">
        <v>24</v>
      </c>
      <c r="Z35709">
        <v>25</v>
      </c>
      <c r="AA35709">
        <v>25</v>
      </c>
      <c r="AB35709">
        <v>25</v>
      </c>
      <c r="AC35709">
        <v>25</v>
      </c>
      <c r="AD35709">
        <v>26</v>
      </c>
      <c r="AE35709">
        <v>26</v>
      </c>
      <c r="AF35709">
        <v>26</v>
      </c>
      <c r="AG35709">
        <v>26</v>
      </c>
      <c r="AH35709">
        <v>26</v>
      </c>
      <c r="AI35709">
        <v>27</v>
      </c>
      <c r="AJ35709">
        <v>27</v>
      </c>
      <c r="AK35709">
        <v>27</v>
      </c>
      <c r="AL35709">
        <v>27</v>
      </c>
      <c r="AM35709">
        <v>27</v>
      </c>
      <c r="AN35709">
        <v>27</v>
      </c>
      <c r="AO35709">
        <v>27</v>
      </c>
      <c r="AP35709">
        <v>27</v>
      </c>
      <c r="AQ35709">
        <v>27</v>
      </c>
    </row>
    <row r="35710" spans="1:43">
      <c r="A35710" t="s">
        <v>22141</v>
      </c>
      <c r="B35710" t="s">
        <v>22142</v>
      </c>
      <c r="C35710" t="s">
        <v>22067</v>
      </c>
      <c r="D35710" t="s">
        <v>22068</v>
      </c>
      <c r="E35710" t="s">
        <v>21687</v>
      </c>
      <c r="F35710" t="s">
        <v>21688</v>
      </c>
      <c r="G35710" t="s">
        <v>20255</v>
      </c>
      <c r="H35710" t="s">
        <v>20256</v>
      </c>
      <c r="I35710" s="2">
        <v>1</v>
      </c>
      <c r="J35710" s="2">
        <v>0</v>
      </c>
      <c r="K35710" s="2">
        <v>0</v>
      </c>
      <c r="L35710" t="s">
        <v>120</v>
      </c>
      <c r="M35710" t="s">
        <v>83</v>
      </c>
      <c r="N35710" t="s">
        <v>84</v>
      </c>
      <c r="O35710" t="s">
        <v>85</v>
      </c>
      <c r="P35710" t="s">
        <v>86</v>
      </c>
      <c r="Q35710">
        <v>13</v>
      </c>
      <c r="R35710">
        <v>13</v>
      </c>
      <c r="S35710">
        <v>13</v>
      </c>
      <c r="T35710">
        <v>14</v>
      </c>
      <c r="U35710">
        <v>14</v>
      </c>
      <c r="V35710">
        <v>14</v>
      </c>
      <c r="W35710">
        <v>14</v>
      </c>
      <c r="X35710">
        <v>14</v>
      </c>
      <c r="Y35710">
        <v>14</v>
      </c>
      <c r="Z35710">
        <v>15</v>
      </c>
      <c r="AA35710">
        <v>15</v>
      </c>
      <c r="AB35710">
        <v>15</v>
      </c>
      <c r="AC35710">
        <v>15</v>
      </c>
      <c r="AD35710">
        <v>15</v>
      </c>
      <c r="AE35710">
        <v>15</v>
      </c>
      <c r="AF35710">
        <v>15</v>
      </c>
      <c r="AG35710">
        <v>16</v>
      </c>
      <c r="AH35710">
        <v>16</v>
      </c>
      <c r="AI35710">
        <v>16</v>
      </c>
      <c r="AJ35710">
        <v>16</v>
      </c>
      <c r="AK35710">
        <v>16</v>
      </c>
      <c r="AL35710">
        <v>16</v>
      </c>
      <c r="AM35710">
        <v>16</v>
      </c>
      <c r="AN35710">
        <v>16</v>
      </c>
      <c r="AO35710">
        <v>16</v>
      </c>
      <c r="AP35710">
        <v>16</v>
      </c>
      <c r="AQ35710">
        <v>16</v>
      </c>
    </row>
    <row r="35711" spans="1:43">
      <c r="A35711" t="s">
        <v>22141</v>
      </c>
      <c r="B35711" t="s">
        <v>22142</v>
      </c>
      <c r="C35711" t="s">
        <v>22067</v>
      </c>
      <c r="D35711" t="s">
        <v>22068</v>
      </c>
      <c r="E35711" t="s">
        <v>21687</v>
      </c>
      <c r="F35711" t="s">
        <v>21688</v>
      </c>
      <c r="G35711" t="s">
        <v>20255</v>
      </c>
      <c r="H35711" t="s">
        <v>20256</v>
      </c>
      <c r="I35711" s="2">
        <v>1</v>
      </c>
      <c r="J35711" s="2">
        <v>0</v>
      </c>
      <c r="K35711" s="2">
        <v>0</v>
      </c>
      <c r="L35711" t="s">
        <v>120</v>
      </c>
      <c r="M35711" t="s">
        <v>87</v>
      </c>
      <c r="N35711" t="s">
        <v>88</v>
      </c>
      <c r="O35711" t="s">
        <v>85</v>
      </c>
      <c r="P35711" t="s">
        <v>86</v>
      </c>
      <c r="Q35711">
        <v>13</v>
      </c>
      <c r="R35711">
        <v>13</v>
      </c>
      <c r="S35711">
        <v>13</v>
      </c>
      <c r="T35711">
        <v>13</v>
      </c>
      <c r="U35711">
        <v>13</v>
      </c>
      <c r="V35711">
        <v>13</v>
      </c>
      <c r="W35711">
        <v>13</v>
      </c>
      <c r="X35711">
        <v>13</v>
      </c>
      <c r="Y35711">
        <v>13</v>
      </c>
      <c r="Z35711">
        <v>13</v>
      </c>
      <c r="AA35711">
        <v>13</v>
      </c>
      <c r="AB35711">
        <v>13</v>
      </c>
      <c r="AC35711">
        <v>13</v>
      </c>
      <c r="AD35711">
        <v>14</v>
      </c>
      <c r="AE35711">
        <v>14</v>
      </c>
      <c r="AF35711">
        <v>14</v>
      </c>
      <c r="AG35711">
        <v>14</v>
      </c>
      <c r="AH35711">
        <v>14</v>
      </c>
      <c r="AI35711">
        <v>14</v>
      </c>
      <c r="AJ35711">
        <v>14</v>
      </c>
      <c r="AK35711">
        <v>14</v>
      </c>
      <c r="AL35711">
        <v>14</v>
      </c>
      <c r="AM35711">
        <v>14</v>
      </c>
      <c r="AN35711">
        <v>14</v>
      </c>
      <c r="AO35711">
        <v>14</v>
      </c>
      <c r="AP35711">
        <v>14</v>
      </c>
      <c r="AQ35711">
        <v>14</v>
      </c>
    </row>
    <row r="35712" spans="1:43">
      <c r="A35712" t="s">
        <v>22141</v>
      </c>
      <c r="B35712" t="s">
        <v>22142</v>
      </c>
      <c r="C35712" t="s">
        <v>22067</v>
      </c>
      <c r="D35712" t="s">
        <v>22068</v>
      </c>
      <c r="E35712" t="s">
        <v>21687</v>
      </c>
      <c r="F35712" t="s">
        <v>21688</v>
      </c>
      <c r="G35712" t="s">
        <v>20255</v>
      </c>
      <c r="H35712" t="s">
        <v>20256</v>
      </c>
      <c r="I35712" s="2">
        <v>1</v>
      </c>
      <c r="J35712" s="2">
        <v>0</v>
      </c>
      <c r="K35712" s="2">
        <v>0</v>
      </c>
      <c r="L35712" t="s">
        <v>120</v>
      </c>
      <c r="M35712" t="s">
        <v>89</v>
      </c>
      <c r="N35712" t="s">
        <v>90</v>
      </c>
      <c r="O35712" t="s">
        <v>85</v>
      </c>
      <c r="P35712" t="s">
        <v>86</v>
      </c>
      <c r="Q35712">
        <v>13</v>
      </c>
      <c r="R35712">
        <v>14</v>
      </c>
      <c r="S35712">
        <v>14</v>
      </c>
      <c r="T35712">
        <v>14</v>
      </c>
      <c r="U35712">
        <v>14</v>
      </c>
      <c r="V35712">
        <v>15</v>
      </c>
      <c r="W35712">
        <v>15</v>
      </c>
      <c r="X35712">
        <v>15</v>
      </c>
      <c r="Y35712">
        <v>15</v>
      </c>
      <c r="Z35712">
        <v>15</v>
      </c>
      <c r="AA35712">
        <v>16</v>
      </c>
      <c r="AB35712">
        <v>16</v>
      </c>
      <c r="AC35712">
        <v>16</v>
      </c>
      <c r="AD35712">
        <v>16</v>
      </c>
      <c r="AE35712">
        <v>16</v>
      </c>
      <c r="AF35712">
        <v>16</v>
      </c>
      <c r="AG35712">
        <v>16</v>
      </c>
      <c r="AH35712">
        <v>16</v>
      </c>
      <c r="AI35712">
        <v>16</v>
      </c>
      <c r="AJ35712">
        <v>16</v>
      </c>
      <c r="AK35712">
        <v>16</v>
      </c>
      <c r="AL35712">
        <v>16</v>
      </c>
      <c r="AM35712">
        <v>16</v>
      </c>
      <c r="AN35712">
        <v>17</v>
      </c>
      <c r="AO35712">
        <v>17</v>
      </c>
      <c r="AP35712">
        <v>17</v>
      </c>
      <c r="AQ35712">
        <v>17</v>
      </c>
    </row>
    <row r="35713" spans="1:43">
      <c r="A35713" t="s">
        <v>22141</v>
      </c>
      <c r="B35713" t="s">
        <v>22142</v>
      </c>
      <c r="C35713" t="s">
        <v>22067</v>
      </c>
      <c r="D35713" t="s">
        <v>22068</v>
      </c>
      <c r="E35713" t="s">
        <v>21687</v>
      </c>
      <c r="F35713" t="s">
        <v>21688</v>
      </c>
      <c r="G35713" t="s">
        <v>20255</v>
      </c>
      <c r="H35713" t="s">
        <v>20256</v>
      </c>
      <c r="I35713" s="2">
        <v>1</v>
      </c>
      <c r="J35713" s="2">
        <v>0</v>
      </c>
      <c r="K35713" s="2">
        <v>0</v>
      </c>
      <c r="L35713" t="s">
        <v>120</v>
      </c>
      <c r="M35713" t="s">
        <v>83</v>
      </c>
      <c r="N35713" t="s">
        <v>91</v>
      </c>
      <c r="O35713" t="s">
        <v>85</v>
      </c>
      <c r="P35713" t="s">
        <v>86</v>
      </c>
      <c r="Q35713">
        <v>13</v>
      </c>
      <c r="R35713">
        <v>13</v>
      </c>
      <c r="S35713">
        <v>13</v>
      </c>
      <c r="T35713">
        <v>14</v>
      </c>
      <c r="U35713">
        <v>14</v>
      </c>
      <c r="V35713">
        <v>14</v>
      </c>
      <c r="W35713">
        <v>14</v>
      </c>
      <c r="X35713">
        <v>14</v>
      </c>
      <c r="Y35713">
        <v>14</v>
      </c>
      <c r="Z35713">
        <v>15</v>
      </c>
      <c r="AA35713">
        <v>15</v>
      </c>
      <c r="AB35713">
        <v>15</v>
      </c>
      <c r="AC35713">
        <v>15</v>
      </c>
      <c r="AD35713">
        <v>15</v>
      </c>
      <c r="AE35713">
        <v>15</v>
      </c>
      <c r="AF35713">
        <v>15</v>
      </c>
      <c r="AG35713">
        <v>16</v>
      </c>
      <c r="AH35713">
        <v>16</v>
      </c>
      <c r="AI35713">
        <v>16</v>
      </c>
      <c r="AJ35713">
        <v>16</v>
      </c>
      <c r="AK35713">
        <v>16</v>
      </c>
      <c r="AL35713">
        <v>16</v>
      </c>
      <c r="AM35713">
        <v>16</v>
      </c>
      <c r="AN35713">
        <v>16</v>
      </c>
      <c r="AO35713">
        <v>16</v>
      </c>
      <c r="AP35713">
        <v>16</v>
      </c>
      <c r="AQ35713">
        <v>16</v>
      </c>
    </row>
    <row r="35714" spans="1:43">
      <c r="A35714" t="s">
        <v>22143</v>
      </c>
      <c r="B35714" t="s">
        <v>22144</v>
      </c>
      <c r="C35714" t="s">
        <v>22067</v>
      </c>
      <c r="D35714" t="s">
        <v>22068</v>
      </c>
      <c r="E35714" t="s">
        <v>21687</v>
      </c>
      <c r="F35714" t="s">
        <v>21688</v>
      </c>
      <c r="G35714" t="s">
        <v>20255</v>
      </c>
      <c r="H35714" t="s">
        <v>20256</v>
      </c>
      <c r="I35714" s="2">
        <v>1</v>
      </c>
      <c r="J35714" s="2">
        <v>0</v>
      </c>
      <c r="K35714" s="2">
        <v>0</v>
      </c>
      <c r="L35714" t="s">
        <v>120</v>
      </c>
      <c r="M35714" t="s">
        <v>83</v>
      </c>
      <c r="N35714" t="s">
        <v>84</v>
      </c>
      <c r="O35714" t="s">
        <v>85</v>
      </c>
      <c r="P35714" t="s">
        <v>86</v>
      </c>
      <c r="Q35714">
        <v>28</v>
      </c>
      <c r="R35714">
        <v>28</v>
      </c>
      <c r="S35714">
        <v>29</v>
      </c>
      <c r="T35714">
        <v>29</v>
      </c>
      <c r="U35714">
        <v>29</v>
      </c>
      <c r="V35714">
        <v>30</v>
      </c>
      <c r="W35714">
        <v>30</v>
      </c>
      <c r="X35714">
        <v>30</v>
      </c>
      <c r="Y35714">
        <v>31</v>
      </c>
      <c r="Z35714">
        <v>31</v>
      </c>
      <c r="AA35714">
        <v>31</v>
      </c>
      <c r="AB35714">
        <v>32</v>
      </c>
      <c r="AC35714">
        <v>32</v>
      </c>
      <c r="AD35714">
        <v>32</v>
      </c>
      <c r="AE35714">
        <v>33</v>
      </c>
      <c r="AF35714">
        <v>33</v>
      </c>
      <c r="AG35714">
        <v>33</v>
      </c>
      <c r="AH35714">
        <v>34</v>
      </c>
      <c r="AI35714">
        <v>34</v>
      </c>
      <c r="AJ35714">
        <v>34</v>
      </c>
      <c r="AK35714">
        <v>35</v>
      </c>
      <c r="AL35714">
        <v>35</v>
      </c>
      <c r="AM35714">
        <v>35</v>
      </c>
      <c r="AN35714">
        <v>35</v>
      </c>
      <c r="AO35714">
        <v>35</v>
      </c>
      <c r="AP35714">
        <v>35</v>
      </c>
      <c r="AQ35714">
        <v>35</v>
      </c>
    </row>
    <row r="35715" spans="1:43">
      <c r="A35715" t="s">
        <v>22143</v>
      </c>
      <c r="B35715" t="s">
        <v>22144</v>
      </c>
      <c r="C35715" t="s">
        <v>22067</v>
      </c>
      <c r="D35715" t="s">
        <v>22068</v>
      </c>
      <c r="E35715" t="s">
        <v>21687</v>
      </c>
      <c r="F35715" t="s">
        <v>21688</v>
      </c>
      <c r="G35715" t="s">
        <v>20255</v>
      </c>
      <c r="H35715" t="s">
        <v>20256</v>
      </c>
      <c r="I35715" s="2">
        <v>1</v>
      </c>
      <c r="J35715" s="2">
        <v>0</v>
      </c>
      <c r="K35715" s="2">
        <v>0</v>
      </c>
      <c r="L35715" t="s">
        <v>120</v>
      </c>
      <c r="M35715" t="s">
        <v>87</v>
      </c>
      <c r="N35715" t="s">
        <v>88</v>
      </c>
      <c r="O35715" t="s">
        <v>85</v>
      </c>
      <c r="P35715" t="s">
        <v>86</v>
      </c>
      <c r="Q35715">
        <v>28</v>
      </c>
      <c r="R35715">
        <v>28</v>
      </c>
      <c r="S35715">
        <v>28</v>
      </c>
      <c r="T35715">
        <v>28</v>
      </c>
      <c r="U35715">
        <v>28</v>
      </c>
      <c r="V35715">
        <v>28</v>
      </c>
      <c r="W35715">
        <v>28</v>
      </c>
      <c r="X35715">
        <v>28</v>
      </c>
      <c r="Y35715">
        <v>29</v>
      </c>
      <c r="Z35715">
        <v>29</v>
      </c>
      <c r="AA35715">
        <v>29</v>
      </c>
      <c r="AB35715">
        <v>29</v>
      </c>
      <c r="AC35715">
        <v>29</v>
      </c>
      <c r="AD35715">
        <v>29</v>
      </c>
      <c r="AE35715">
        <v>29</v>
      </c>
      <c r="AF35715">
        <v>29</v>
      </c>
      <c r="AG35715">
        <v>29</v>
      </c>
      <c r="AH35715">
        <v>29</v>
      </c>
      <c r="AI35715">
        <v>30</v>
      </c>
      <c r="AJ35715">
        <v>30</v>
      </c>
      <c r="AK35715">
        <v>30</v>
      </c>
      <c r="AL35715">
        <v>30</v>
      </c>
      <c r="AM35715">
        <v>30</v>
      </c>
      <c r="AN35715">
        <v>30</v>
      </c>
      <c r="AO35715">
        <v>30</v>
      </c>
      <c r="AP35715">
        <v>30</v>
      </c>
      <c r="AQ35715">
        <v>30</v>
      </c>
    </row>
    <row r="35716" spans="1:43">
      <c r="A35716" t="s">
        <v>22143</v>
      </c>
      <c r="B35716" t="s">
        <v>22144</v>
      </c>
      <c r="C35716" t="s">
        <v>22067</v>
      </c>
      <c r="D35716" t="s">
        <v>22068</v>
      </c>
      <c r="E35716" t="s">
        <v>21687</v>
      </c>
      <c r="F35716" t="s">
        <v>21688</v>
      </c>
      <c r="G35716" t="s">
        <v>20255</v>
      </c>
      <c r="H35716" t="s">
        <v>20256</v>
      </c>
      <c r="I35716" s="2">
        <v>1</v>
      </c>
      <c r="J35716" s="2">
        <v>0</v>
      </c>
      <c r="K35716" s="2">
        <v>0</v>
      </c>
      <c r="L35716" t="s">
        <v>120</v>
      </c>
      <c r="M35716" t="s">
        <v>89</v>
      </c>
      <c r="N35716" t="s">
        <v>90</v>
      </c>
      <c r="O35716" t="s">
        <v>85</v>
      </c>
      <c r="P35716" t="s">
        <v>86</v>
      </c>
      <c r="Q35716">
        <v>28</v>
      </c>
      <c r="R35716">
        <v>29</v>
      </c>
      <c r="S35716">
        <v>30</v>
      </c>
      <c r="T35716">
        <v>30</v>
      </c>
      <c r="U35716">
        <v>31</v>
      </c>
      <c r="V35716">
        <v>31</v>
      </c>
      <c r="W35716">
        <v>32</v>
      </c>
      <c r="X35716">
        <v>32</v>
      </c>
      <c r="Y35716">
        <v>32</v>
      </c>
      <c r="Z35716">
        <v>33</v>
      </c>
      <c r="AA35716">
        <v>33</v>
      </c>
      <c r="AB35716">
        <v>34</v>
      </c>
      <c r="AC35716">
        <v>34</v>
      </c>
      <c r="AD35716">
        <v>35</v>
      </c>
      <c r="AE35716">
        <v>35</v>
      </c>
      <c r="AF35716">
        <v>35</v>
      </c>
      <c r="AG35716">
        <v>35</v>
      </c>
      <c r="AH35716">
        <v>35</v>
      </c>
      <c r="AI35716">
        <v>35</v>
      </c>
      <c r="AJ35716">
        <v>35</v>
      </c>
      <c r="AK35716">
        <v>35</v>
      </c>
      <c r="AL35716">
        <v>35</v>
      </c>
      <c r="AM35716">
        <v>35</v>
      </c>
      <c r="AN35716">
        <v>35</v>
      </c>
      <c r="AO35716">
        <v>36</v>
      </c>
      <c r="AP35716">
        <v>36</v>
      </c>
      <c r="AQ35716">
        <v>36</v>
      </c>
    </row>
    <row r="35717" spans="1:43">
      <c r="A35717" t="s">
        <v>22143</v>
      </c>
      <c r="B35717" t="s">
        <v>22144</v>
      </c>
      <c r="C35717" t="s">
        <v>22067</v>
      </c>
      <c r="D35717" t="s">
        <v>22068</v>
      </c>
      <c r="E35717" t="s">
        <v>21687</v>
      </c>
      <c r="F35717" t="s">
        <v>21688</v>
      </c>
      <c r="G35717" t="s">
        <v>20255</v>
      </c>
      <c r="H35717" t="s">
        <v>20256</v>
      </c>
      <c r="I35717" s="2">
        <v>1</v>
      </c>
      <c r="J35717" s="2">
        <v>0</v>
      </c>
      <c r="K35717" s="2">
        <v>0</v>
      </c>
      <c r="L35717" t="s">
        <v>120</v>
      </c>
      <c r="M35717" t="s">
        <v>83</v>
      </c>
      <c r="N35717" t="s">
        <v>91</v>
      </c>
      <c r="O35717" t="s">
        <v>85</v>
      </c>
      <c r="P35717" t="s">
        <v>86</v>
      </c>
      <c r="Q35717">
        <v>28</v>
      </c>
      <c r="R35717">
        <v>28</v>
      </c>
      <c r="S35717">
        <v>29</v>
      </c>
      <c r="T35717">
        <v>29</v>
      </c>
      <c r="U35717">
        <v>29</v>
      </c>
      <c r="V35717">
        <v>30</v>
      </c>
      <c r="W35717">
        <v>30</v>
      </c>
      <c r="X35717">
        <v>30</v>
      </c>
      <c r="Y35717">
        <v>31</v>
      </c>
      <c r="Z35717">
        <v>31</v>
      </c>
      <c r="AA35717">
        <v>31</v>
      </c>
      <c r="AB35717">
        <v>32</v>
      </c>
      <c r="AC35717">
        <v>32</v>
      </c>
      <c r="AD35717">
        <v>32</v>
      </c>
      <c r="AE35717">
        <v>33</v>
      </c>
      <c r="AF35717">
        <v>33</v>
      </c>
      <c r="AG35717">
        <v>33</v>
      </c>
      <c r="AH35717">
        <v>34</v>
      </c>
      <c r="AI35717">
        <v>34</v>
      </c>
      <c r="AJ35717">
        <v>34</v>
      </c>
      <c r="AK35717">
        <v>35</v>
      </c>
      <c r="AL35717">
        <v>35</v>
      </c>
      <c r="AM35717">
        <v>35</v>
      </c>
      <c r="AN35717">
        <v>35</v>
      </c>
      <c r="AO35717">
        <v>35</v>
      </c>
      <c r="AP35717">
        <v>35</v>
      </c>
      <c r="AQ35717">
        <v>35</v>
      </c>
    </row>
    <row r="35718" spans="1:43">
      <c r="A35718" t="s">
        <v>22145</v>
      </c>
      <c r="B35718" t="s">
        <v>22146</v>
      </c>
      <c r="C35718" t="s">
        <v>22067</v>
      </c>
      <c r="D35718" t="s">
        <v>22068</v>
      </c>
      <c r="E35718" t="s">
        <v>21687</v>
      </c>
      <c r="F35718" t="s">
        <v>21688</v>
      </c>
      <c r="G35718" t="s">
        <v>20255</v>
      </c>
      <c r="H35718" t="s">
        <v>20256</v>
      </c>
      <c r="I35718" s="2">
        <v>1</v>
      </c>
      <c r="J35718" s="2">
        <v>0</v>
      </c>
      <c r="K35718" s="2">
        <v>0</v>
      </c>
      <c r="L35718" t="s">
        <v>120</v>
      </c>
      <c r="M35718" t="s">
        <v>83</v>
      </c>
      <c r="N35718" t="s">
        <v>84</v>
      </c>
      <c r="O35718" t="s">
        <v>85</v>
      </c>
      <c r="P35718" t="s">
        <v>86</v>
      </c>
      <c r="Q35718">
        <v>8</v>
      </c>
      <c r="R35718">
        <v>8</v>
      </c>
      <c r="S35718">
        <v>8</v>
      </c>
      <c r="T35718">
        <v>8</v>
      </c>
      <c r="U35718">
        <v>9</v>
      </c>
      <c r="V35718">
        <v>9</v>
      </c>
      <c r="W35718">
        <v>9</v>
      </c>
      <c r="X35718">
        <v>9</v>
      </c>
      <c r="Y35718">
        <v>9</v>
      </c>
      <c r="Z35718">
        <v>9</v>
      </c>
      <c r="AA35718">
        <v>9</v>
      </c>
      <c r="AB35718">
        <v>9</v>
      </c>
      <c r="AC35718">
        <v>9</v>
      </c>
      <c r="AD35718">
        <v>9</v>
      </c>
      <c r="AE35718">
        <v>9</v>
      </c>
      <c r="AF35718">
        <v>10</v>
      </c>
      <c r="AG35718">
        <v>10</v>
      </c>
      <c r="AH35718">
        <v>10</v>
      </c>
      <c r="AI35718">
        <v>10</v>
      </c>
      <c r="AJ35718">
        <v>10</v>
      </c>
      <c r="AK35718">
        <v>10</v>
      </c>
      <c r="AL35718">
        <v>10</v>
      </c>
      <c r="AM35718">
        <v>10</v>
      </c>
      <c r="AN35718">
        <v>10</v>
      </c>
      <c r="AO35718">
        <v>10</v>
      </c>
      <c r="AP35718">
        <v>10</v>
      </c>
      <c r="AQ35718">
        <v>10</v>
      </c>
    </row>
    <row r="35719" spans="1:43">
      <c r="A35719" t="s">
        <v>22145</v>
      </c>
      <c r="B35719" t="s">
        <v>22146</v>
      </c>
      <c r="C35719" t="s">
        <v>22067</v>
      </c>
      <c r="D35719" t="s">
        <v>22068</v>
      </c>
      <c r="E35719" t="s">
        <v>21687</v>
      </c>
      <c r="F35719" t="s">
        <v>21688</v>
      </c>
      <c r="G35719" t="s">
        <v>20255</v>
      </c>
      <c r="H35719" t="s">
        <v>20256</v>
      </c>
      <c r="I35719" s="2">
        <v>1</v>
      </c>
      <c r="J35719" s="2">
        <v>0</v>
      </c>
      <c r="K35719" s="2">
        <v>0</v>
      </c>
      <c r="L35719" t="s">
        <v>120</v>
      </c>
      <c r="M35719" t="s">
        <v>87</v>
      </c>
      <c r="N35719" t="s">
        <v>88</v>
      </c>
      <c r="O35719" t="s">
        <v>85</v>
      </c>
      <c r="P35719" t="s">
        <v>86</v>
      </c>
      <c r="Q35719">
        <v>8</v>
      </c>
      <c r="R35719">
        <v>8</v>
      </c>
      <c r="S35719">
        <v>8</v>
      </c>
      <c r="T35719">
        <v>8</v>
      </c>
      <c r="U35719">
        <v>8</v>
      </c>
      <c r="V35719">
        <v>8</v>
      </c>
      <c r="W35719">
        <v>8</v>
      </c>
      <c r="X35719">
        <v>8</v>
      </c>
      <c r="Y35719">
        <v>8</v>
      </c>
      <c r="Z35719">
        <v>8</v>
      </c>
      <c r="AA35719">
        <v>8</v>
      </c>
      <c r="AB35719">
        <v>8</v>
      </c>
      <c r="AC35719">
        <v>8</v>
      </c>
      <c r="AD35719">
        <v>8</v>
      </c>
      <c r="AE35719">
        <v>8</v>
      </c>
      <c r="AF35719">
        <v>8</v>
      </c>
      <c r="AG35719">
        <v>8</v>
      </c>
      <c r="AH35719">
        <v>8</v>
      </c>
      <c r="AI35719">
        <v>9</v>
      </c>
      <c r="AJ35719">
        <v>9</v>
      </c>
      <c r="AK35719">
        <v>9</v>
      </c>
      <c r="AL35719">
        <v>9</v>
      </c>
      <c r="AM35719">
        <v>9</v>
      </c>
      <c r="AN35719">
        <v>9</v>
      </c>
      <c r="AO35719">
        <v>9</v>
      </c>
      <c r="AP35719">
        <v>9</v>
      </c>
      <c r="AQ35719">
        <v>9</v>
      </c>
    </row>
    <row r="35720" spans="1:43">
      <c r="A35720" t="s">
        <v>22145</v>
      </c>
      <c r="B35720" t="s">
        <v>22146</v>
      </c>
      <c r="C35720" t="s">
        <v>22067</v>
      </c>
      <c r="D35720" t="s">
        <v>22068</v>
      </c>
      <c r="E35720" t="s">
        <v>21687</v>
      </c>
      <c r="F35720" t="s">
        <v>21688</v>
      </c>
      <c r="G35720" t="s">
        <v>20255</v>
      </c>
      <c r="H35720" t="s">
        <v>20256</v>
      </c>
      <c r="I35720" s="2">
        <v>1</v>
      </c>
      <c r="J35720" s="2">
        <v>0</v>
      </c>
      <c r="K35720" s="2">
        <v>0</v>
      </c>
      <c r="L35720" t="s">
        <v>120</v>
      </c>
      <c r="M35720" t="s">
        <v>89</v>
      </c>
      <c r="N35720" t="s">
        <v>90</v>
      </c>
      <c r="O35720" t="s">
        <v>85</v>
      </c>
      <c r="P35720" t="s">
        <v>86</v>
      </c>
      <c r="Q35720">
        <v>8</v>
      </c>
      <c r="R35720">
        <v>8</v>
      </c>
      <c r="S35720">
        <v>9</v>
      </c>
      <c r="T35720">
        <v>9</v>
      </c>
      <c r="U35720">
        <v>9</v>
      </c>
      <c r="V35720">
        <v>9</v>
      </c>
      <c r="W35720">
        <v>9</v>
      </c>
      <c r="X35720">
        <v>9</v>
      </c>
      <c r="Y35720">
        <v>9</v>
      </c>
      <c r="Z35720">
        <v>10</v>
      </c>
      <c r="AA35720">
        <v>10</v>
      </c>
      <c r="AB35720">
        <v>10</v>
      </c>
      <c r="AC35720">
        <v>10</v>
      </c>
      <c r="AD35720">
        <v>10</v>
      </c>
      <c r="AE35720">
        <v>10</v>
      </c>
      <c r="AF35720">
        <v>10</v>
      </c>
      <c r="AG35720">
        <v>10</v>
      </c>
      <c r="AH35720">
        <v>10</v>
      </c>
      <c r="AI35720">
        <v>10</v>
      </c>
      <c r="AJ35720">
        <v>10</v>
      </c>
      <c r="AK35720">
        <v>10</v>
      </c>
      <c r="AL35720">
        <v>10</v>
      </c>
      <c r="AM35720">
        <v>10</v>
      </c>
      <c r="AN35720">
        <v>10</v>
      </c>
      <c r="AO35720">
        <v>10</v>
      </c>
      <c r="AP35720">
        <v>10</v>
      </c>
      <c r="AQ35720">
        <v>10</v>
      </c>
    </row>
    <row r="35721" spans="1:43">
      <c r="A35721" t="s">
        <v>22145</v>
      </c>
      <c r="B35721" t="s">
        <v>22146</v>
      </c>
      <c r="C35721" t="s">
        <v>22067</v>
      </c>
      <c r="D35721" t="s">
        <v>22068</v>
      </c>
      <c r="E35721" t="s">
        <v>21687</v>
      </c>
      <c r="F35721" t="s">
        <v>21688</v>
      </c>
      <c r="G35721" t="s">
        <v>20255</v>
      </c>
      <c r="H35721" t="s">
        <v>20256</v>
      </c>
      <c r="I35721" s="2">
        <v>1</v>
      </c>
      <c r="J35721" s="2">
        <v>0</v>
      </c>
      <c r="K35721" s="2">
        <v>0</v>
      </c>
      <c r="L35721" t="s">
        <v>120</v>
      </c>
      <c r="M35721" t="s">
        <v>83</v>
      </c>
      <c r="N35721" t="s">
        <v>91</v>
      </c>
      <c r="O35721" t="s">
        <v>85</v>
      </c>
      <c r="P35721" t="s">
        <v>86</v>
      </c>
      <c r="Q35721">
        <v>8</v>
      </c>
      <c r="R35721">
        <v>8</v>
      </c>
      <c r="S35721">
        <v>8</v>
      </c>
      <c r="T35721">
        <v>8</v>
      </c>
      <c r="U35721">
        <v>9</v>
      </c>
      <c r="V35721">
        <v>9</v>
      </c>
      <c r="W35721">
        <v>9</v>
      </c>
      <c r="X35721">
        <v>9</v>
      </c>
      <c r="Y35721">
        <v>9</v>
      </c>
      <c r="Z35721">
        <v>9</v>
      </c>
      <c r="AA35721">
        <v>9</v>
      </c>
      <c r="AB35721">
        <v>9</v>
      </c>
      <c r="AC35721">
        <v>9</v>
      </c>
      <c r="AD35721">
        <v>9</v>
      </c>
      <c r="AE35721">
        <v>9</v>
      </c>
      <c r="AF35721">
        <v>10</v>
      </c>
      <c r="AG35721">
        <v>10</v>
      </c>
      <c r="AH35721">
        <v>10</v>
      </c>
      <c r="AI35721">
        <v>10</v>
      </c>
      <c r="AJ35721">
        <v>10</v>
      </c>
      <c r="AK35721">
        <v>10</v>
      </c>
      <c r="AL35721">
        <v>10</v>
      </c>
      <c r="AM35721">
        <v>10</v>
      </c>
      <c r="AN35721">
        <v>10</v>
      </c>
      <c r="AO35721">
        <v>10</v>
      </c>
      <c r="AP35721">
        <v>10</v>
      </c>
      <c r="AQ35721">
        <v>10</v>
      </c>
    </row>
    <row r="35722" spans="1:43">
      <c r="A35722" t="s">
        <v>22147</v>
      </c>
      <c r="B35722" t="s">
        <v>22148</v>
      </c>
      <c r="C35722" t="s">
        <v>22149</v>
      </c>
      <c r="D35722" t="s">
        <v>22150</v>
      </c>
      <c r="E35722" t="s">
        <v>21687</v>
      </c>
      <c r="F35722" t="s">
        <v>21688</v>
      </c>
      <c r="G35722" t="s">
        <v>20255</v>
      </c>
      <c r="H35722" t="s">
        <v>20256</v>
      </c>
      <c r="I35722" s="2">
        <v>1</v>
      </c>
      <c r="J35722" s="2">
        <v>0</v>
      </c>
      <c r="K35722" s="2">
        <v>0</v>
      </c>
      <c r="L35722" t="s">
        <v>120</v>
      </c>
      <c r="M35722" t="s">
        <v>83</v>
      </c>
      <c r="N35722" t="s">
        <v>84</v>
      </c>
      <c r="O35722" t="s">
        <v>85</v>
      </c>
      <c r="P35722" t="s">
        <v>86</v>
      </c>
      <c r="Q35722">
        <v>5</v>
      </c>
      <c r="R35722">
        <v>5</v>
      </c>
      <c r="S35722">
        <v>5</v>
      </c>
      <c r="T35722">
        <v>5</v>
      </c>
      <c r="U35722">
        <v>5</v>
      </c>
      <c r="V35722">
        <v>5</v>
      </c>
      <c r="W35722">
        <v>5</v>
      </c>
      <c r="X35722">
        <v>5</v>
      </c>
      <c r="Y35722">
        <v>5</v>
      </c>
      <c r="Z35722">
        <v>5</v>
      </c>
      <c r="AA35722">
        <v>5</v>
      </c>
      <c r="AB35722">
        <v>5</v>
      </c>
      <c r="AC35722">
        <v>5</v>
      </c>
      <c r="AD35722">
        <v>5</v>
      </c>
      <c r="AE35722">
        <v>5</v>
      </c>
      <c r="AF35722">
        <v>5</v>
      </c>
      <c r="AG35722">
        <v>6</v>
      </c>
      <c r="AH35722">
        <v>6</v>
      </c>
      <c r="AI35722">
        <v>6</v>
      </c>
      <c r="AJ35722">
        <v>6</v>
      </c>
      <c r="AK35722">
        <v>6</v>
      </c>
      <c r="AL35722">
        <v>6</v>
      </c>
      <c r="AM35722">
        <v>6</v>
      </c>
      <c r="AN35722">
        <v>6</v>
      </c>
      <c r="AO35722">
        <v>6</v>
      </c>
      <c r="AP35722">
        <v>6</v>
      </c>
      <c r="AQ35722">
        <v>6</v>
      </c>
    </row>
    <row r="35723" spans="1:43">
      <c r="A35723" t="s">
        <v>22147</v>
      </c>
      <c r="B35723" t="s">
        <v>22148</v>
      </c>
      <c r="C35723" t="s">
        <v>22149</v>
      </c>
      <c r="D35723" t="s">
        <v>22150</v>
      </c>
      <c r="E35723" t="s">
        <v>21687</v>
      </c>
      <c r="F35723" t="s">
        <v>21688</v>
      </c>
      <c r="G35723" t="s">
        <v>20255</v>
      </c>
      <c r="H35723" t="s">
        <v>20256</v>
      </c>
      <c r="I35723" s="2">
        <v>1</v>
      </c>
      <c r="J35723" s="2">
        <v>0</v>
      </c>
      <c r="K35723" s="2">
        <v>0</v>
      </c>
      <c r="L35723" t="s">
        <v>120</v>
      </c>
      <c r="M35723" t="s">
        <v>87</v>
      </c>
      <c r="N35723" t="s">
        <v>88</v>
      </c>
      <c r="O35723" t="s">
        <v>85</v>
      </c>
      <c r="P35723" t="s">
        <v>86</v>
      </c>
      <c r="Q35723">
        <v>5</v>
      </c>
      <c r="R35723">
        <v>5</v>
      </c>
      <c r="S35723">
        <v>5</v>
      </c>
      <c r="T35723">
        <v>5</v>
      </c>
      <c r="U35723">
        <v>5</v>
      </c>
      <c r="V35723">
        <v>5</v>
      </c>
      <c r="W35723">
        <v>5</v>
      </c>
      <c r="X35723">
        <v>5</v>
      </c>
      <c r="Y35723">
        <v>5</v>
      </c>
      <c r="Z35723">
        <v>5</v>
      </c>
      <c r="AA35723">
        <v>5</v>
      </c>
      <c r="AB35723">
        <v>5</v>
      </c>
      <c r="AC35723">
        <v>5</v>
      </c>
      <c r="AD35723">
        <v>5</v>
      </c>
      <c r="AE35723">
        <v>5</v>
      </c>
      <c r="AF35723">
        <v>5</v>
      </c>
      <c r="AG35723">
        <v>5</v>
      </c>
      <c r="AH35723">
        <v>5</v>
      </c>
      <c r="AI35723">
        <v>5</v>
      </c>
      <c r="AJ35723">
        <v>5</v>
      </c>
      <c r="AK35723">
        <v>5</v>
      </c>
      <c r="AL35723">
        <v>5</v>
      </c>
      <c r="AM35723">
        <v>5</v>
      </c>
      <c r="AN35723">
        <v>5</v>
      </c>
      <c r="AO35723">
        <v>5</v>
      </c>
      <c r="AP35723">
        <v>5</v>
      </c>
      <c r="AQ35723">
        <v>5</v>
      </c>
    </row>
    <row r="35724" spans="1:43">
      <c r="A35724" t="s">
        <v>22147</v>
      </c>
      <c r="B35724" t="s">
        <v>22148</v>
      </c>
      <c r="C35724" t="s">
        <v>22149</v>
      </c>
      <c r="D35724" t="s">
        <v>22150</v>
      </c>
      <c r="E35724" t="s">
        <v>21687</v>
      </c>
      <c r="F35724" t="s">
        <v>21688</v>
      </c>
      <c r="G35724" t="s">
        <v>20255</v>
      </c>
      <c r="H35724" t="s">
        <v>20256</v>
      </c>
      <c r="I35724" s="2">
        <v>1</v>
      </c>
      <c r="J35724" s="2">
        <v>0</v>
      </c>
      <c r="K35724" s="2">
        <v>0</v>
      </c>
      <c r="L35724" t="s">
        <v>120</v>
      </c>
      <c r="M35724" t="s">
        <v>89</v>
      </c>
      <c r="N35724" t="s">
        <v>90</v>
      </c>
      <c r="O35724" t="s">
        <v>85</v>
      </c>
      <c r="P35724" t="s">
        <v>86</v>
      </c>
      <c r="Q35724">
        <v>5</v>
      </c>
      <c r="R35724">
        <v>5</v>
      </c>
      <c r="S35724">
        <v>5</v>
      </c>
      <c r="T35724">
        <v>5</v>
      </c>
      <c r="U35724">
        <v>5</v>
      </c>
      <c r="V35724">
        <v>5</v>
      </c>
      <c r="W35724">
        <v>5</v>
      </c>
      <c r="X35724">
        <v>5</v>
      </c>
      <c r="Y35724">
        <v>5</v>
      </c>
      <c r="Z35724">
        <v>6</v>
      </c>
      <c r="AA35724">
        <v>6</v>
      </c>
      <c r="AB35724">
        <v>6</v>
      </c>
      <c r="AC35724">
        <v>6</v>
      </c>
      <c r="AD35724">
        <v>6</v>
      </c>
      <c r="AE35724">
        <v>6</v>
      </c>
      <c r="AF35724">
        <v>6</v>
      </c>
      <c r="AG35724">
        <v>6</v>
      </c>
      <c r="AH35724">
        <v>6</v>
      </c>
      <c r="AI35724">
        <v>6</v>
      </c>
      <c r="AJ35724">
        <v>6</v>
      </c>
      <c r="AK35724">
        <v>6</v>
      </c>
      <c r="AL35724">
        <v>6</v>
      </c>
      <c r="AM35724">
        <v>6</v>
      </c>
      <c r="AN35724">
        <v>6</v>
      </c>
      <c r="AO35724">
        <v>6</v>
      </c>
      <c r="AP35724">
        <v>6</v>
      </c>
      <c r="AQ35724">
        <v>6</v>
      </c>
    </row>
    <row r="35725" spans="1:43">
      <c r="A35725" t="s">
        <v>22147</v>
      </c>
      <c r="B35725" t="s">
        <v>22148</v>
      </c>
      <c r="C35725" t="s">
        <v>22149</v>
      </c>
      <c r="D35725" t="s">
        <v>22150</v>
      </c>
      <c r="E35725" t="s">
        <v>21687</v>
      </c>
      <c r="F35725" t="s">
        <v>21688</v>
      </c>
      <c r="G35725" t="s">
        <v>20255</v>
      </c>
      <c r="H35725" t="s">
        <v>20256</v>
      </c>
      <c r="I35725" s="2">
        <v>1</v>
      </c>
      <c r="J35725" s="2">
        <v>0</v>
      </c>
      <c r="K35725" s="2">
        <v>0</v>
      </c>
      <c r="L35725" t="s">
        <v>120</v>
      </c>
      <c r="M35725" t="s">
        <v>83</v>
      </c>
      <c r="N35725" t="s">
        <v>91</v>
      </c>
      <c r="O35725" t="s">
        <v>85</v>
      </c>
      <c r="P35725" t="s">
        <v>86</v>
      </c>
      <c r="Q35725">
        <v>5</v>
      </c>
      <c r="R35725">
        <v>5</v>
      </c>
      <c r="S35725">
        <v>5</v>
      </c>
      <c r="T35725">
        <v>5</v>
      </c>
      <c r="U35725">
        <v>5</v>
      </c>
      <c r="V35725">
        <v>5</v>
      </c>
      <c r="W35725">
        <v>5</v>
      </c>
      <c r="X35725">
        <v>5</v>
      </c>
      <c r="Y35725">
        <v>5</v>
      </c>
      <c r="Z35725">
        <v>5</v>
      </c>
      <c r="AA35725">
        <v>5</v>
      </c>
      <c r="AB35725">
        <v>5</v>
      </c>
      <c r="AC35725">
        <v>5</v>
      </c>
      <c r="AD35725">
        <v>5</v>
      </c>
      <c r="AE35725">
        <v>5</v>
      </c>
      <c r="AF35725">
        <v>5</v>
      </c>
      <c r="AG35725">
        <v>6</v>
      </c>
      <c r="AH35725">
        <v>6</v>
      </c>
      <c r="AI35725">
        <v>6</v>
      </c>
      <c r="AJ35725">
        <v>6</v>
      </c>
      <c r="AK35725">
        <v>6</v>
      </c>
      <c r="AL35725">
        <v>6</v>
      </c>
      <c r="AM35725">
        <v>6</v>
      </c>
      <c r="AN35725">
        <v>6</v>
      </c>
      <c r="AO35725">
        <v>6</v>
      </c>
      <c r="AP35725">
        <v>6</v>
      </c>
      <c r="AQ35725">
        <v>6</v>
      </c>
    </row>
    <row r="35726" spans="1:43">
      <c r="A35726" t="s">
        <v>22151</v>
      </c>
      <c r="B35726" t="s">
        <v>22152</v>
      </c>
      <c r="C35726" t="s">
        <v>22149</v>
      </c>
      <c r="D35726" t="s">
        <v>22150</v>
      </c>
      <c r="E35726" t="s">
        <v>21687</v>
      </c>
      <c r="F35726" t="s">
        <v>21688</v>
      </c>
      <c r="G35726" t="s">
        <v>20255</v>
      </c>
      <c r="H35726" t="s">
        <v>20256</v>
      </c>
      <c r="I35726" s="2">
        <v>1</v>
      </c>
      <c r="J35726" s="2">
        <v>0</v>
      </c>
      <c r="K35726" s="2">
        <v>0</v>
      </c>
      <c r="L35726" t="s">
        <v>120</v>
      </c>
      <c r="M35726" t="s">
        <v>83</v>
      </c>
      <c r="N35726" t="s">
        <v>84</v>
      </c>
      <c r="O35726" t="s">
        <v>85</v>
      </c>
      <c r="P35726" t="s">
        <v>86</v>
      </c>
      <c r="Q35726">
        <v>4</v>
      </c>
      <c r="R35726">
        <v>4</v>
      </c>
      <c r="S35726">
        <v>4</v>
      </c>
      <c r="T35726">
        <v>4</v>
      </c>
      <c r="U35726">
        <v>4</v>
      </c>
      <c r="V35726">
        <v>4</v>
      </c>
      <c r="W35726">
        <v>4</v>
      </c>
      <c r="X35726">
        <v>4</v>
      </c>
      <c r="Y35726">
        <v>4</v>
      </c>
      <c r="Z35726">
        <v>4</v>
      </c>
      <c r="AA35726">
        <v>4</v>
      </c>
      <c r="AB35726">
        <v>4</v>
      </c>
      <c r="AC35726">
        <v>4</v>
      </c>
      <c r="AD35726">
        <v>4</v>
      </c>
      <c r="AE35726">
        <v>4</v>
      </c>
      <c r="AF35726">
        <v>4</v>
      </c>
      <c r="AG35726">
        <v>4</v>
      </c>
      <c r="AH35726">
        <v>4</v>
      </c>
      <c r="AI35726">
        <v>4</v>
      </c>
      <c r="AJ35726">
        <v>4</v>
      </c>
      <c r="AK35726">
        <v>4</v>
      </c>
      <c r="AL35726">
        <v>4</v>
      </c>
      <c r="AM35726">
        <v>4</v>
      </c>
      <c r="AN35726">
        <v>4</v>
      </c>
      <c r="AO35726">
        <v>4</v>
      </c>
      <c r="AP35726">
        <v>4</v>
      </c>
      <c r="AQ35726">
        <v>4</v>
      </c>
    </row>
    <row r="35727" spans="1:43">
      <c r="A35727" t="s">
        <v>22151</v>
      </c>
      <c r="B35727" t="s">
        <v>22152</v>
      </c>
      <c r="C35727" t="s">
        <v>22149</v>
      </c>
      <c r="D35727" t="s">
        <v>22150</v>
      </c>
      <c r="E35727" t="s">
        <v>21687</v>
      </c>
      <c r="F35727" t="s">
        <v>21688</v>
      </c>
      <c r="G35727" t="s">
        <v>20255</v>
      </c>
      <c r="H35727" t="s">
        <v>20256</v>
      </c>
      <c r="I35727" s="2">
        <v>1</v>
      </c>
      <c r="J35727" s="2">
        <v>0</v>
      </c>
      <c r="K35727" s="2">
        <v>0</v>
      </c>
      <c r="L35727" t="s">
        <v>120</v>
      </c>
      <c r="M35727" t="s">
        <v>87</v>
      </c>
      <c r="N35727" t="s">
        <v>88</v>
      </c>
      <c r="O35727" t="s">
        <v>85</v>
      </c>
      <c r="P35727" t="s">
        <v>86</v>
      </c>
      <c r="Q35727">
        <v>4</v>
      </c>
      <c r="R35727">
        <v>4</v>
      </c>
      <c r="S35727">
        <v>4</v>
      </c>
      <c r="T35727">
        <v>4</v>
      </c>
      <c r="U35727">
        <v>4</v>
      </c>
      <c r="V35727">
        <v>4</v>
      </c>
      <c r="W35727">
        <v>4</v>
      </c>
      <c r="X35727">
        <v>4</v>
      </c>
      <c r="Y35727">
        <v>4</v>
      </c>
      <c r="Z35727">
        <v>4</v>
      </c>
      <c r="AA35727">
        <v>4</v>
      </c>
      <c r="AB35727">
        <v>4</v>
      </c>
      <c r="AC35727">
        <v>4</v>
      </c>
      <c r="AD35727">
        <v>4</v>
      </c>
      <c r="AE35727">
        <v>4</v>
      </c>
      <c r="AF35727">
        <v>4</v>
      </c>
      <c r="AG35727">
        <v>4</v>
      </c>
      <c r="AH35727">
        <v>4</v>
      </c>
      <c r="AI35727">
        <v>4</v>
      </c>
      <c r="AJ35727">
        <v>4</v>
      </c>
      <c r="AK35727">
        <v>4</v>
      </c>
      <c r="AL35727">
        <v>4</v>
      </c>
      <c r="AM35727">
        <v>4</v>
      </c>
      <c r="AN35727">
        <v>4</v>
      </c>
      <c r="AO35727">
        <v>4</v>
      </c>
      <c r="AP35727">
        <v>4</v>
      </c>
      <c r="AQ35727">
        <v>4</v>
      </c>
    </row>
    <row r="35728" spans="1:43">
      <c r="A35728" t="s">
        <v>22151</v>
      </c>
      <c r="B35728" t="s">
        <v>22152</v>
      </c>
      <c r="C35728" t="s">
        <v>22149</v>
      </c>
      <c r="D35728" t="s">
        <v>22150</v>
      </c>
      <c r="E35728" t="s">
        <v>21687</v>
      </c>
      <c r="F35728" t="s">
        <v>21688</v>
      </c>
      <c r="G35728" t="s">
        <v>20255</v>
      </c>
      <c r="H35728" t="s">
        <v>20256</v>
      </c>
      <c r="I35728" s="2">
        <v>1</v>
      </c>
      <c r="J35728" s="2">
        <v>0</v>
      </c>
      <c r="K35728" s="2">
        <v>0</v>
      </c>
      <c r="L35728" t="s">
        <v>120</v>
      </c>
      <c r="M35728" t="s">
        <v>89</v>
      </c>
      <c r="N35728" t="s">
        <v>90</v>
      </c>
      <c r="O35728" t="s">
        <v>85</v>
      </c>
      <c r="P35728" t="s">
        <v>86</v>
      </c>
      <c r="Q35728">
        <v>4</v>
      </c>
      <c r="R35728">
        <v>4</v>
      </c>
      <c r="S35728">
        <v>4</v>
      </c>
      <c r="T35728">
        <v>4</v>
      </c>
      <c r="U35728">
        <v>4</v>
      </c>
      <c r="V35728">
        <v>4</v>
      </c>
      <c r="W35728">
        <v>4</v>
      </c>
      <c r="X35728">
        <v>4</v>
      </c>
      <c r="Y35728">
        <v>4</v>
      </c>
      <c r="Z35728">
        <v>4</v>
      </c>
      <c r="AA35728">
        <v>4</v>
      </c>
      <c r="AB35728">
        <v>4</v>
      </c>
      <c r="AC35728">
        <v>4</v>
      </c>
      <c r="AD35728">
        <v>4</v>
      </c>
      <c r="AE35728">
        <v>4</v>
      </c>
      <c r="AF35728">
        <v>4</v>
      </c>
      <c r="AG35728">
        <v>4</v>
      </c>
      <c r="AH35728">
        <v>4</v>
      </c>
      <c r="AI35728">
        <v>4</v>
      </c>
      <c r="AJ35728">
        <v>4</v>
      </c>
      <c r="AK35728">
        <v>4</v>
      </c>
      <c r="AL35728">
        <v>4</v>
      </c>
      <c r="AM35728">
        <v>4</v>
      </c>
      <c r="AN35728">
        <v>4</v>
      </c>
      <c r="AO35728">
        <v>4</v>
      </c>
      <c r="AP35728">
        <v>4</v>
      </c>
      <c r="AQ35728">
        <v>4</v>
      </c>
    </row>
    <row r="35729" spans="1:43">
      <c r="A35729" t="s">
        <v>22151</v>
      </c>
      <c r="B35729" t="s">
        <v>22152</v>
      </c>
      <c r="C35729" t="s">
        <v>22149</v>
      </c>
      <c r="D35729" t="s">
        <v>22150</v>
      </c>
      <c r="E35729" t="s">
        <v>21687</v>
      </c>
      <c r="F35729" t="s">
        <v>21688</v>
      </c>
      <c r="G35729" t="s">
        <v>20255</v>
      </c>
      <c r="H35729" t="s">
        <v>20256</v>
      </c>
      <c r="I35729" s="2">
        <v>1</v>
      </c>
      <c r="J35729" s="2">
        <v>0</v>
      </c>
      <c r="K35729" s="2">
        <v>0</v>
      </c>
      <c r="L35729" t="s">
        <v>120</v>
      </c>
      <c r="M35729" t="s">
        <v>83</v>
      </c>
      <c r="N35729" t="s">
        <v>91</v>
      </c>
      <c r="O35729" t="s">
        <v>85</v>
      </c>
      <c r="P35729" t="s">
        <v>86</v>
      </c>
      <c r="Q35729">
        <v>4</v>
      </c>
      <c r="R35729">
        <v>4</v>
      </c>
      <c r="S35729">
        <v>4</v>
      </c>
      <c r="T35729">
        <v>4</v>
      </c>
      <c r="U35729">
        <v>4</v>
      </c>
      <c r="V35729">
        <v>4</v>
      </c>
      <c r="W35729">
        <v>4</v>
      </c>
      <c r="X35729">
        <v>4</v>
      </c>
      <c r="Y35729">
        <v>4</v>
      </c>
      <c r="Z35729">
        <v>4</v>
      </c>
      <c r="AA35729">
        <v>4</v>
      </c>
      <c r="AB35729">
        <v>4</v>
      </c>
      <c r="AC35729">
        <v>4</v>
      </c>
      <c r="AD35729">
        <v>4</v>
      </c>
      <c r="AE35729">
        <v>4</v>
      </c>
      <c r="AF35729">
        <v>4</v>
      </c>
      <c r="AG35729">
        <v>4</v>
      </c>
      <c r="AH35729">
        <v>4</v>
      </c>
      <c r="AI35729">
        <v>4</v>
      </c>
      <c r="AJ35729">
        <v>4</v>
      </c>
      <c r="AK35729">
        <v>4</v>
      </c>
      <c r="AL35729">
        <v>4</v>
      </c>
      <c r="AM35729">
        <v>4</v>
      </c>
      <c r="AN35729">
        <v>4</v>
      </c>
      <c r="AO35729">
        <v>4</v>
      </c>
      <c r="AP35729">
        <v>4</v>
      </c>
      <c r="AQ35729">
        <v>4</v>
      </c>
    </row>
    <row r="35730" spans="1:43">
      <c r="A35730" t="s">
        <v>22153</v>
      </c>
      <c r="B35730" t="s">
        <v>22154</v>
      </c>
      <c r="C35730" t="s">
        <v>22149</v>
      </c>
      <c r="D35730" t="s">
        <v>22150</v>
      </c>
      <c r="E35730" t="s">
        <v>21687</v>
      </c>
      <c r="F35730" t="s">
        <v>21688</v>
      </c>
      <c r="G35730" t="s">
        <v>20255</v>
      </c>
      <c r="H35730" t="s">
        <v>20256</v>
      </c>
      <c r="I35730" s="2">
        <v>1</v>
      </c>
      <c r="J35730" s="2">
        <v>0</v>
      </c>
      <c r="K35730" s="2">
        <v>0</v>
      </c>
      <c r="L35730" t="s">
        <v>120</v>
      </c>
      <c r="M35730" t="s">
        <v>83</v>
      </c>
      <c r="N35730" t="s">
        <v>84</v>
      </c>
      <c r="O35730" t="s">
        <v>85</v>
      </c>
      <c r="P35730" t="s">
        <v>86</v>
      </c>
      <c r="Q35730">
        <v>49</v>
      </c>
      <c r="R35730">
        <v>49</v>
      </c>
      <c r="S35730">
        <v>50</v>
      </c>
      <c r="T35730">
        <v>50</v>
      </c>
      <c r="U35730">
        <v>51</v>
      </c>
      <c r="V35730">
        <v>51</v>
      </c>
      <c r="W35730">
        <v>52</v>
      </c>
      <c r="X35730">
        <v>52</v>
      </c>
      <c r="Y35730">
        <v>53</v>
      </c>
      <c r="Z35730">
        <v>53</v>
      </c>
      <c r="AA35730">
        <v>54</v>
      </c>
      <c r="AB35730">
        <v>54</v>
      </c>
      <c r="AC35730">
        <v>55</v>
      </c>
      <c r="AD35730">
        <v>55</v>
      </c>
      <c r="AE35730">
        <v>56</v>
      </c>
      <c r="AF35730">
        <v>56</v>
      </c>
      <c r="AG35730">
        <v>57</v>
      </c>
      <c r="AH35730">
        <v>57</v>
      </c>
      <c r="AI35730">
        <v>58</v>
      </c>
      <c r="AJ35730">
        <v>58</v>
      </c>
      <c r="AK35730">
        <v>59</v>
      </c>
      <c r="AL35730">
        <v>59</v>
      </c>
      <c r="AM35730">
        <v>59</v>
      </c>
      <c r="AN35730">
        <v>59</v>
      </c>
      <c r="AO35730">
        <v>59</v>
      </c>
      <c r="AP35730">
        <v>59</v>
      </c>
      <c r="AQ35730">
        <v>59</v>
      </c>
    </row>
    <row r="35731" spans="1:43">
      <c r="A35731" t="s">
        <v>22153</v>
      </c>
      <c r="B35731" t="s">
        <v>22154</v>
      </c>
      <c r="C35731" t="s">
        <v>22149</v>
      </c>
      <c r="D35731" t="s">
        <v>22150</v>
      </c>
      <c r="E35731" t="s">
        <v>21687</v>
      </c>
      <c r="F35731" t="s">
        <v>21688</v>
      </c>
      <c r="G35731" t="s">
        <v>20255</v>
      </c>
      <c r="H35731" t="s">
        <v>20256</v>
      </c>
      <c r="I35731" s="2">
        <v>1</v>
      </c>
      <c r="J35731" s="2">
        <v>0</v>
      </c>
      <c r="K35731" s="2">
        <v>0</v>
      </c>
      <c r="L35731" t="s">
        <v>120</v>
      </c>
      <c r="M35731" t="s">
        <v>87</v>
      </c>
      <c r="N35731" t="s">
        <v>88</v>
      </c>
      <c r="O35731" t="s">
        <v>85</v>
      </c>
      <c r="P35731" t="s">
        <v>86</v>
      </c>
      <c r="Q35731">
        <v>49</v>
      </c>
      <c r="R35731">
        <v>49</v>
      </c>
      <c r="S35731">
        <v>49</v>
      </c>
      <c r="T35731">
        <v>49</v>
      </c>
      <c r="U35731">
        <v>49</v>
      </c>
      <c r="V35731">
        <v>50</v>
      </c>
      <c r="W35731">
        <v>50</v>
      </c>
      <c r="X35731">
        <v>50</v>
      </c>
      <c r="Y35731">
        <v>50</v>
      </c>
      <c r="Z35731">
        <v>50</v>
      </c>
      <c r="AA35731">
        <v>50</v>
      </c>
      <c r="AB35731">
        <v>50</v>
      </c>
      <c r="AC35731">
        <v>50</v>
      </c>
      <c r="AD35731">
        <v>50</v>
      </c>
      <c r="AE35731">
        <v>50</v>
      </c>
      <c r="AF35731">
        <v>51</v>
      </c>
      <c r="AG35731">
        <v>51</v>
      </c>
      <c r="AH35731">
        <v>51</v>
      </c>
      <c r="AI35731">
        <v>51</v>
      </c>
      <c r="AJ35731">
        <v>51</v>
      </c>
      <c r="AK35731">
        <v>51</v>
      </c>
      <c r="AL35731">
        <v>51</v>
      </c>
      <c r="AM35731">
        <v>51</v>
      </c>
      <c r="AN35731">
        <v>52</v>
      </c>
      <c r="AO35731">
        <v>52</v>
      </c>
      <c r="AP35731">
        <v>52</v>
      </c>
      <c r="AQ35731">
        <v>52</v>
      </c>
    </row>
    <row r="35732" spans="1:43">
      <c r="A35732" t="s">
        <v>22153</v>
      </c>
      <c r="B35732" t="s">
        <v>22154</v>
      </c>
      <c r="C35732" t="s">
        <v>22149</v>
      </c>
      <c r="D35732" t="s">
        <v>22150</v>
      </c>
      <c r="E35732" t="s">
        <v>21687</v>
      </c>
      <c r="F35732" t="s">
        <v>21688</v>
      </c>
      <c r="G35732" t="s">
        <v>20255</v>
      </c>
      <c r="H35732" t="s">
        <v>20256</v>
      </c>
      <c r="I35732" s="2">
        <v>1</v>
      </c>
      <c r="J35732" s="2">
        <v>0</v>
      </c>
      <c r="K35732" s="2">
        <v>0</v>
      </c>
      <c r="L35732" t="s">
        <v>120</v>
      </c>
      <c r="M35732" t="s">
        <v>89</v>
      </c>
      <c r="N35732" t="s">
        <v>90</v>
      </c>
      <c r="O35732" t="s">
        <v>85</v>
      </c>
      <c r="P35732" t="s">
        <v>86</v>
      </c>
      <c r="Q35732">
        <v>49</v>
      </c>
      <c r="R35732">
        <v>50</v>
      </c>
      <c r="S35732">
        <v>51</v>
      </c>
      <c r="T35732">
        <v>52</v>
      </c>
      <c r="U35732">
        <v>53</v>
      </c>
      <c r="V35732">
        <v>54</v>
      </c>
      <c r="W35732">
        <v>54</v>
      </c>
      <c r="X35732">
        <v>55</v>
      </c>
      <c r="Y35732">
        <v>56</v>
      </c>
      <c r="Z35732">
        <v>56</v>
      </c>
      <c r="AA35732">
        <v>57</v>
      </c>
      <c r="AB35732">
        <v>58</v>
      </c>
      <c r="AC35732">
        <v>59</v>
      </c>
      <c r="AD35732">
        <v>59</v>
      </c>
      <c r="AE35732">
        <v>60</v>
      </c>
      <c r="AF35732">
        <v>60</v>
      </c>
      <c r="AG35732">
        <v>60</v>
      </c>
      <c r="AH35732">
        <v>60</v>
      </c>
      <c r="AI35732">
        <v>60</v>
      </c>
      <c r="AJ35732">
        <v>59</v>
      </c>
      <c r="AK35732">
        <v>59</v>
      </c>
      <c r="AL35732">
        <v>59</v>
      </c>
      <c r="AM35732">
        <v>59</v>
      </c>
      <c r="AN35732">
        <v>60</v>
      </c>
      <c r="AO35732">
        <v>60</v>
      </c>
      <c r="AP35732">
        <v>60</v>
      </c>
      <c r="AQ35732">
        <v>60</v>
      </c>
    </row>
    <row r="35733" spans="1:43">
      <c r="A35733" t="s">
        <v>22153</v>
      </c>
      <c r="B35733" t="s">
        <v>22154</v>
      </c>
      <c r="C35733" t="s">
        <v>22149</v>
      </c>
      <c r="D35733" t="s">
        <v>22150</v>
      </c>
      <c r="E35733" t="s">
        <v>21687</v>
      </c>
      <c r="F35733" t="s">
        <v>21688</v>
      </c>
      <c r="G35733" t="s">
        <v>20255</v>
      </c>
      <c r="H35733" t="s">
        <v>20256</v>
      </c>
      <c r="I35733" s="2">
        <v>1</v>
      </c>
      <c r="J35733" s="2">
        <v>0</v>
      </c>
      <c r="K35733" s="2">
        <v>0</v>
      </c>
      <c r="L35733" t="s">
        <v>120</v>
      </c>
      <c r="M35733" t="s">
        <v>83</v>
      </c>
      <c r="N35733" t="s">
        <v>91</v>
      </c>
      <c r="O35733" t="s">
        <v>85</v>
      </c>
      <c r="P35733" t="s">
        <v>86</v>
      </c>
      <c r="Q35733">
        <v>49</v>
      </c>
      <c r="R35733">
        <v>49</v>
      </c>
      <c r="S35733">
        <v>50</v>
      </c>
      <c r="T35733">
        <v>50</v>
      </c>
      <c r="U35733">
        <v>51</v>
      </c>
      <c r="V35733">
        <v>51</v>
      </c>
      <c r="W35733">
        <v>52</v>
      </c>
      <c r="X35733">
        <v>52</v>
      </c>
      <c r="Y35733">
        <v>53</v>
      </c>
      <c r="Z35733">
        <v>53</v>
      </c>
      <c r="AA35733">
        <v>54</v>
      </c>
      <c r="AB35733">
        <v>54</v>
      </c>
      <c r="AC35733">
        <v>55</v>
      </c>
      <c r="AD35733">
        <v>55</v>
      </c>
      <c r="AE35733">
        <v>56</v>
      </c>
      <c r="AF35733">
        <v>56</v>
      </c>
      <c r="AG35733">
        <v>57</v>
      </c>
      <c r="AH35733">
        <v>57</v>
      </c>
      <c r="AI35733">
        <v>58</v>
      </c>
      <c r="AJ35733">
        <v>58</v>
      </c>
      <c r="AK35733">
        <v>59</v>
      </c>
      <c r="AL35733">
        <v>59</v>
      </c>
      <c r="AM35733">
        <v>59</v>
      </c>
      <c r="AN35733">
        <v>59</v>
      </c>
      <c r="AO35733">
        <v>59</v>
      </c>
      <c r="AP35733">
        <v>59</v>
      </c>
      <c r="AQ35733">
        <v>59</v>
      </c>
    </row>
    <row r="35734" spans="1:43">
      <c r="A35734" t="s">
        <v>22155</v>
      </c>
      <c r="B35734" t="s">
        <v>22156</v>
      </c>
      <c r="C35734" t="s">
        <v>22157</v>
      </c>
      <c r="D35734" t="s">
        <v>22158</v>
      </c>
      <c r="E35734" t="s">
        <v>21687</v>
      </c>
      <c r="F35734" t="s">
        <v>21688</v>
      </c>
      <c r="G35734" t="s">
        <v>20255</v>
      </c>
      <c r="H35734" t="s">
        <v>20256</v>
      </c>
      <c r="I35734" s="2">
        <v>1</v>
      </c>
      <c r="J35734" s="2">
        <v>0</v>
      </c>
      <c r="K35734" s="2">
        <v>0</v>
      </c>
      <c r="L35734" t="s">
        <v>120</v>
      </c>
      <c r="M35734" t="s">
        <v>83</v>
      </c>
      <c r="N35734" t="s">
        <v>84</v>
      </c>
      <c r="O35734" t="s">
        <v>85</v>
      </c>
      <c r="P35734" t="s">
        <v>86</v>
      </c>
      <c r="Q35734">
        <v>17</v>
      </c>
      <c r="R35734">
        <v>18</v>
      </c>
      <c r="S35734">
        <v>18</v>
      </c>
      <c r="T35734">
        <v>18</v>
      </c>
      <c r="U35734">
        <v>18</v>
      </c>
      <c r="V35734">
        <v>18</v>
      </c>
      <c r="W35734">
        <v>19</v>
      </c>
      <c r="X35734">
        <v>19</v>
      </c>
      <c r="Y35734">
        <v>19</v>
      </c>
      <c r="Z35734">
        <v>19</v>
      </c>
      <c r="AA35734">
        <v>19</v>
      </c>
      <c r="AB35734">
        <v>19</v>
      </c>
      <c r="AC35734">
        <v>20</v>
      </c>
      <c r="AD35734">
        <v>20</v>
      </c>
      <c r="AE35734">
        <v>20</v>
      </c>
      <c r="AF35734">
        <v>20</v>
      </c>
      <c r="AG35734">
        <v>20</v>
      </c>
      <c r="AH35734">
        <v>20</v>
      </c>
      <c r="AI35734">
        <v>21</v>
      </c>
      <c r="AJ35734">
        <v>21</v>
      </c>
      <c r="AK35734">
        <v>21</v>
      </c>
      <c r="AL35734">
        <v>21</v>
      </c>
      <c r="AM35734">
        <v>21</v>
      </c>
      <c r="AN35734">
        <v>21</v>
      </c>
      <c r="AO35734">
        <v>21</v>
      </c>
      <c r="AP35734">
        <v>21</v>
      </c>
      <c r="AQ35734">
        <v>21</v>
      </c>
    </row>
    <row r="35735" spans="1:43">
      <c r="A35735" t="s">
        <v>22155</v>
      </c>
      <c r="B35735" t="s">
        <v>22156</v>
      </c>
      <c r="C35735" t="s">
        <v>22157</v>
      </c>
      <c r="D35735" t="s">
        <v>22158</v>
      </c>
      <c r="E35735" t="s">
        <v>21687</v>
      </c>
      <c r="F35735" t="s">
        <v>21688</v>
      </c>
      <c r="G35735" t="s">
        <v>20255</v>
      </c>
      <c r="H35735" t="s">
        <v>20256</v>
      </c>
      <c r="I35735" s="2">
        <v>1</v>
      </c>
      <c r="J35735" s="2">
        <v>0</v>
      </c>
      <c r="K35735" s="2">
        <v>0</v>
      </c>
      <c r="L35735" t="s">
        <v>120</v>
      </c>
      <c r="M35735" t="s">
        <v>87</v>
      </c>
      <c r="N35735" t="s">
        <v>88</v>
      </c>
      <c r="O35735" t="s">
        <v>85</v>
      </c>
      <c r="P35735" t="s">
        <v>86</v>
      </c>
      <c r="Q35735">
        <v>17</v>
      </c>
      <c r="R35735">
        <v>17</v>
      </c>
      <c r="S35735">
        <v>17</v>
      </c>
      <c r="T35735">
        <v>17</v>
      </c>
      <c r="U35735">
        <v>17</v>
      </c>
      <c r="V35735">
        <v>17</v>
      </c>
      <c r="W35735">
        <v>17</v>
      </c>
      <c r="X35735">
        <v>17</v>
      </c>
      <c r="Y35735">
        <v>17</v>
      </c>
      <c r="Z35735">
        <v>17</v>
      </c>
      <c r="AA35735">
        <v>18</v>
      </c>
      <c r="AB35735">
        <v>18</v>
      </c>
      <c r="AC35735">
        <v>18</v>
      </c>
      <c r="AD35735">
        <v>18</v>
      </c>
      <c r="AE35735">
        <v>18</v>
      </c>
      <c r="AF35735">
        <v>18</v>
      </c>
      <c r="AG35735">
        <v>18</v>
      </c>
      <c r="AH35735">
        <v>18</v>
      </c>
      <c r="AI35735">
        <v>18</v>
      </c>
      <c r="AJ35735">
        <v>18</v>
      </c>
      <c r="AK35735">
        <v>18</v>
      </c>
      <c r="AL35735">
        <v>18</v>
      </c>
      <c r="AM35735">
        <v>18</v>
      </c>
      <c r="AN35735">
        <v>18</v>
      </c>
      <c r="AO35735">
        <v>18</v>
      </c>
      <c r="AP35735">
        <v>18</v>
      </c>
      <c r="AQ35735">
        <v>18</v>
      </c>
    </row>
    <row r="35736" spans="1:43">
      <c r="A35736" t="s">
        <v>22155</v>
      </c>
      <c r="B35736" t="s">
        <v>22156</v>
      </c>
      <c r="C35736" t="s">
        <v>22157</v>
      </c>
      <c r="D35736" t="s">
        <v>22158</v>
      </c>
      <c r="E35736" t="s">
        <v>21687</v>
      </c>
      <c r="F35736" t="s">
        <v>21688</v>
      </c>
      <c r="G35736" t="s">
        <v>20255</v>
      </c>
      <c r="H35736" t="s">
        <v>20256</v>
      </c>
      <c r="I35736" s="2">
        <v>1</v>
      </c>
      <c r="J35736" s="2">
        <v>0</v>
      </c>
      <c r="K35736" s="2">
        <v>0</v>
      </c>
      <c r="L35736" t="s">
        <v>120</v>
      </c>
      <c r="M35736" t="s">
        <v>89</v>
      </c>
      <c r="N35736" t="s">
        <v>90</v>
      </c>
      <c r="O35736" t="s">
        <v>85</v>
      </c>
      <c r="P35736" t="s">
        <v>86</v>
      </c>
      <c r="Q35736">
        <v>17</v>
      </c>
      <c r="R35736">
        <v>17</v>
      </c>
      <c r="S35736">
        <v>17</v>
      </c>
      <c r="T35736">
        <v>18</v>
      </c>
      <c r="U35736">
        <v>18</v>
      </c>
      <c r="V35736">
        <v>18</v>
      </c>
      <c r="W35736">
        <v>18</v>
      </c>
      <c r="X35736">
        <v>19</v>
      </c>
      <c r="Y35736">
        <v>19</v>
      </c>
      <c r="Z35736">
        <v>19</v>
      </c>
      <c r="AA35736">
        <v>19</v>
      </c>
      <c r="AB35736">
        <v>20</v>
      </c>
      <c r="AC35736">
        <v>20</v>
      </c>
      <c r="AD35736">
        <v>20</v>
      </c>
      <c r="AE35736">
        <v>20</v>
      </c>
      <c r="AF35736">
        <v>20</v>
      </c>
      <c r="AG35736">
        <v>20</v>
      </c>
      <c r="AH35736">
        <v>20</v>
      </c>
      <c r="AI35736">
        <v>20</v>
      </c>
      <c r="AJ35736">
        <v>20</v>
      </c>
      <c r="AK35736">
        <v>20</v>
      </c>
      <c r="AL35736">
        <v>20</v>
      </c>
      <c r="AM35736">
        <v>20</v>
      </c>
      <c r="AN35736">
        <v>20</v>
      </c>
      <c r="AO35736">
        <v>20</v>
      </c>
      <c r="AP35736">
        <v>20</v>
      </c>
      <c r="AQ35736">
        <v>20</v>
      </c>
    </row>
    <row r="35737" spans="1:43">
      <c r="A35737" t="s">
        <v>22155</v>
      </c>
      <c r="B35737" t="s">
        <v>22156</v>
      </c>
      <c r="C35737" t="s">
        <v>22157</v>
      </c>
      <c r="D35737" t="s">
        <v>22158</v>
      </c>
      <c r="E35737" t="s">
        <v>21687</v>
      </c>
      <c r="F35737" t="s">
        <v>21688</v>
      </c>
      <c r="G35737" t="s">
        <v>20255</v>
      </c>
      <c r="H35737" t="s">
        <v>20256</v>
      </c>
      <c r="I35737" s="2">
        <v>1</v>
      </c>
      <c r="J35737" s="2">
        <v>0</v>
      </c>
      <c r="K35737" s="2">
        <v>0</v>
      </c>
      <c r="L35737" t="s">
        <v>120</v>
      </c>
      <c r="M35737" t="s">
        <v>83</v>
      </c>
      <c r="N35737" t="s">
        <v>91</v>
      </c>
      <c r="O35737" t="s">
        <v>85</v>
      </c>
      <c r="P35737" t="s">
        <v>86</v>
      </c>
      <c r="Q35737">
        <v>17</v>
      </c>
      <c r="R35737">
        <v>18</v>
      </c>
      <c r="S35737">
        <v>18</v>
      </c>
      <c r="T35737">
        <v>18</v>
      </c>
      <c r="U35737">
        <v>18</v>
      </c>
      <c r="V35737">
        <v>18</v>
      </c>
      <c r="W35737">
        <v>19</v>
      </c>
      <c r="X35737">
        <v>19</v>
      </c>
      <c r="Y35737">
        <v>19</v>
      </c>
      <c r="Z35737">
        <v>19</v>
      </c>
      <c r="AA35737">
        <v>19</v>
      </c>
      <c r="AB35737">
        <v>19</v>
      </c>
      <c r="AC35737">
        <v>20</v>
      </c>
      <c r="AD35737">
        <v>20</v>
      </c>
      <c r="AE35737">
        <v>20</v>
      </c>
      <c r="AF35737">
        <v>20</v>
      </c>
      <c r="AG35737">
        <v>20</v>
      </c>
      <c r="AH35737">
        <v>20</v>
      </c>
      <c r="AI35737">
        <v>21</v>
      </c>
      <c r="AJ35737">
        <v>21</v>
      </c>
      <c r="AK35737">
        <v>21</v>
      </c>
      <c r="AL35737">
        <v>21</v>
      </c>
      <c r="AM35737">
        <v>21</v>
      </c>
      <c r="AN35737">
        <v>21</v>
      </c>
      <c r="AO35737">
        <v>21</v>
      </c>
      <c r="AP35737">
        <v>21</v>
      </c>
      <c r="AQ35737">
        <v>21</v>
      </c>
    </row>
    <row r="35738" spans="1:43">
      <c r="A35738" t="s">
        <v>22159</v>
      </c>
      <c r="B35738" t="s">
        <v>22160</v>
      </c>
      <c r="C35738" t="s">
        <v>22157</v>
      </c>
      <c r="D35738" t="s">
        <v>22158</v>
      </c>
      <c r="E35738" t="s">
        <v>21687</v>
      </c>
      <c r="F35738" t="s">
        <v>21688</v>
      </c>
      <c r="G35738" t="s">
        <v>20255</v>
      </c>
      <c r="H35738" t="s">
        <v>20256</v>
      </c>
      <c r="I35738" s="2">
        <v>1</v>
      </c>
      <c r="J35738" s="2">
        <v>0</v>
      </c>
      <c r="K35738" s="2">
        <v>0</v>
      </c>
      <c r="L35738" t="s">
        <v>120</v>
      </c>
      <c r="M35738" t="s">
        <v>83</v>
      </c>
      <c r="N35738" t="s">
        <v>84</v>
      </c>
      <c r="O35738" t="s">
        <v>85</v>
      </c>
      <c r="P35738" t="s">
        <v>86</v>
      </c>
      <c r="Q35738">
        <v>13</v>
      </c>
      <c r="R35738">
        <v>13</v>
      </c>
      <c r="S35738">
        <v>13</v>
      </c>
      <c r="T35738">
        <v>13</v>
      </c>
      <c r="U35738">
        <v>13</v>
      </c>
      <c r="V35738">
        <v>14</v>
      </c>
      <c r="W35738">
        <v>14</v>
      </c>
      <c r="X35738">
        <v>14</v>
      </c>
      <c r="Y35738">
        <v>14</v>
      </c>
      <c r="Z35738">
        <v>14</v>
      </c>
      <c r="AA35738">
        <v>14</v>
      </c>
      <c r="AB35738">
        <v>14</v>
      </c>
      <c r="AC35738">
        <v>14</v>
      </c>
      <c r="AD35738">
        <v>15</v>
      </c>
      <c r="AE35738">
        <v>15</v>
      </c>
      <c r="AF35738">
        <v>15</v>
      </c>
      <c r="AG35738">
        <v>15</v>
      </c>
      <c r="AH35738">
        <v>15</v>
      </c>
      <c r="AI35738">
        <v>15</v>
      </c>
      <c r="AJ35738">
        <v>15</v>
      </c>
      <c r="AK35738">
        <v>15</v>
      </c>
      <c r="AL35738">
        <v>15</v>
      </c>
      <c r="AM35738">
        <v>15</v>
      </c>
      <c r="AN35738">
        <v>15</v>
      </c>
      <c r="AO35738">
        <v>15</v>
      </c>
      <c r="AP35738">
        <v>15</v>
      </c>
      <c r="AQ35738">
        <v>15</v>
      </c>
    </row>
    <row r="35739" spans="1:43">
      <c r="A35739" t="s">
        <v>22159</v>
      </c>
      <c r="B35739" t="s">
        <v>22160</v>
      </c>
      <c r="C35739" t="s">
        <v>22157</v>
      </c>
      <c r="D35739" t="s">
        <v>22158</v>
      </c>
      <c r="E35739" t="s">
        <v>21687</v>
      </c>
      <c r="F35739" t="s">
        <v>21688</v>
      </c>
      <c r="G35739" t="s">
        <v>20255</v>
      </c>
      <c r="H35739" t="s">
        <v>20256</v>
      </c>
      <c r="I35739" s="2">
        <v>1</v>
      </c>
      <c r="J35739" s="2">
        <v>0</v>
      </c>
      <c r="K35739" s="2">
        <v>0</v>
      </c>
      <c r="L35739" t="s">
        <v>120</v>
      </c>
      <c r="M35739" t="s">
        <v>87</v>
      </c>
      <c r="N35739" t="s">
        <v>88</v>
      </c>
      <c r="O35739" t="s">
        <v>85</v>
      </c>
      <c r="P35739" t="s">
        <v>86</v>
      </c>
      <c r="Q35739">
        <v>13</v>
      </c>
      <c r="R35739">
        <v>13</v>
      </c>
      <c r="S35739">
        <v>13</v>
      </c>
      <c r="T35739">
        <v>13</v>
      </c>
      <c r="U35739">
        <v>13</v>
      </c>
      <c r="V35739">
        <v>13</v>
      </c>
      <c r="W35739">
        <v>13</v>
      </c>
      <c r="X35739">
        <v>13</v>
      </c>
      <c r="Y35739">
        <v>13</v>
      </c>
      <c r="Z35739">
        <v>13</v>
      </c>
      <c r="AA35739">
        <v>13</v>
      </c>
      <c r="AB35739">
        <v>13</v>
      </c>
      <c r="AC35739">
        <v>13</v>
      </c>
      <c r="AD35739">
        <v>13</v>
      </c>
      <c r="AE35739">
        <v>13</v>
      </c>
      <c r="AF35739">
        <v>13</v>
      </c>
      <c r="AG35739">
        <v>13</v>
      </c>
      <c r="AH35739">
        <v>13</v>
      </c>
      <c r="AI35739">
        <v>13</v>
      </c>
      <c r="AJ35739">
        <v>13</v>
      </c>
      <c r="AK35739">
        <v>13</v>
      </c>
      <c r="AL35739">
        <v>13</v>
      </c>
      <c r="AM35739">
        <v>13</v>
      </c>
      <c r="AN35739">
        <v>13</v>
      </c>
      <c r="AO35739">
        <v>13</v>
      </c>
      <c r="AP35739">
        <v>13</v>
      </c>
      <c r="AQ35739">
        <v>13</v>
      </c>
    </row>
    <row r="35740" spans="1:43">
      <c r="A35740" t="s">
        <v>22159</v>
      </c>
      <c r="B35740" t="s">
        <v>22160</v>
      </c>
      <c r="C35740" t="s">
        <v>22157</v>
      </c>
      <c r="D35740" t="s">
        <v>22158</v>
      </c>
      <c r="E35740" t="s">
        <v>21687</v>
      </c>
      <c r="F35740" t="s">
        <v>21688</v>
      </c>
      <c r="G35740" t="s">
        <v>20255</v>
      </c>
      <c r="H35740" t="s">
        <v>20256</v>
      </c>
      <c r="I35740" s="2">
        <v>1</v>
      </c>
      <c r="J35740" s="2">
        <v>0</v>
      </c>
      <c r="K35740" s="2">
        <v>0</v>
      </c>
      <c r="L35740" t="s">
        <v>120</v>
      </c>
      <c r="M35740" t="s">
        <v>89</v>
      </c>
      <c r="N35740" t="s">
        <v>90</v>
      </c>
      <c r="O35740" t="s">
        <v>85</v>
      </c>
      <c r="P35740" t="s">
        <v>86</v>
      </c>
      <c r="Q35740">
        <v>13</v>
      </c>
      <c r="R35740">
        <v>13</v>
      </c>
      <c r="S35740">
        <v>13</v>
      </c>
      <c r="T35740">
        <v>14</v>
      </c>
      <c r="U35740">
        <v>14</v>
      </c>
      <c r="V35740">
        <v>14</v>
      </c>
      <c r="W35740">
        <v>14</v>
      </c>
      <c r="X35740">
        <v>15</v>
      </c>
      <c r="Y35740">
        <v>15</v>
      </c>
      <c r="Z35740">
        <v>15</v>
      </c>
      <c r="AA35740">
        <v>15</v>
      </c>
      <c r="AB35740">
        <v>15</v>
      </c>
      <c r="AC35740">
        <v>15</v>
      </c>
      <c r="AD35740">
        <v>16</v>
      </c>
      <c r="AE35740">
        <v>16</v>
      </c>
      <c r="AF35740">
        <v>16</v>
      </c>
      <c r="AG35740">
        <v>16</v>
      </c>
      <c r="AH35740">
        <v>16</v>
      </c>
      <c r="AI35740">
        <v>16</v>
      </c>
      <c r="AJ35740">
        <v>16</v>
      </c>
      <c r="AK35740">
        <v>16</v>
      </c>
      <c r="AL35740">
        <v>16</v>
      </c>
      <c r="AM35740">
        <v>16</v>
      </c>
      <c r="AN35740">
        <v>16</v>
      </c>
      <c r="AO35740">
        <v>16</v>
      </c>
      <c r="AP35740">
        <v>16</v>
      </c>
      <c r="AQ35740">
        <v>16</v>
      </c>
    </row>
    <row r="35741" spans="1:43">
      <c r="A35741" t="s">
        <v>22159</v>
      </c>
      <c r="B35741" t="s">
        <v>22160</v>
      </c>
      <c r="C35741" t="s">
        <v>22157</v>
      </c>
      <c r="D35741" t="s">
        <v>22158</v>
      </c>
      <c r="E35741" t="s">
        <v>21687</v>
      </c>
      <c r="F35741" t="s">
        <v>21688</v>
      </c>
      <c r="G35741" t="s">
        <v>20255</v>
      </c>
      <c r="H35741" t="s">
        <v>20256</v>
      </c>
      <c r="I35741" s="2">
        <v>1</v>
      </c>
      <c r="J35741" s="2">
        <v>0</v>
      </c>
      <c r="K35741" s="2">
        <v>0</v>
      </c>
      <c r="L35741" t="s">
        <v>120</v>
      </c>
      <c r="M35741" t="s">
        <v>83</v>
      </c>
      <c r="N35741" t="s">
        <v>91</v>
      </c>
      <c r="O35741" t="s">
        <v>85</v>
      </c>
      <c r="P35741" t="s">
        <v>86</v>
      </c>
      <c r="Q35741">
        <v>13</v>
      </c>
      <c r="R35741">
        <v>13</v>
      </c>
      <c r="S35741">
        <v>13</v>
      </c>
      <c r="T35741">
        <v>13</v>
      </c>
      <c r="U35741">
        <v>13</v>
      </c>
      <c r="V35741">
        <v>14</v>
      </c>
      <c r="W35741">
        <v>14</v>
      </c>
      <c r="X35741">
        <v>14</v>
      </c>
      <c r="Y35741">
        <v>14</v>
      </c>
      <c r="Z35741">
        <v>14</v>
      </c>
      <c r="AA35741">
        <v>14</v>
      </c>
      <c r="AB35741">
        <v>14</v>
      </c>
      <c r="AC35741">
        <v>14</v>
      </c>
      <c r="AD35741">
        <v>15</v>
      </c>
      <c r="AE35741">
        <v>15</v>
      </c>
      <c r="AF35741">
        <v>15</v>
      </c>
      <c r="AG35741">
        <v>15</v>
      </c>
      <c r="AH35741">
        <v>15</v>
      </c>
      <c r="AI35741">
        <v>15</v>
      </c>
      <c r="AJ35741">
        <v>15</v>
      </c>
      <c r="AK35741">
        <v>15</v>
      </c>
      <c r="AL35741">
        <v>15</v>
      </c>
      <c r="AM35741">
        <v>15</v>
      </c>
      <c r="AN35741">
        <v>15</v>
      </c>
      <c r="AO35741">
        <v>15</v>
      </c>
      <c r="AP35741">
        <v>15</v>
      </c>
      <c r="AQ35741">
        <v>15</v>
      </c>
    </row>
    <row r="35742" spans="1:43">
      <c r="A35742" t="s">
        <v>22161</v>
      </c>
      <c r="B35742" t="s">
        <v>22162</v>
      </c>
      <c r="C35742" t="s">
        <v>22073</v>
      </c>
      <c r="D35742" t="s">
        <v>22074</v>
      </c>
      <c r="E35742" t="s">
        <v>21687</v>
      </c>
      <c r="F35742" t="s">
        <v>21688</v>
      </c>
      <c r="G35742" t="s">
        <v>20255</v>
      </c>
      <c r="H35742" t="s">
        <v>20256</v>
      </c>
      <c r="I35742" s="2">
        <v>1</v>
      </c>
      <c r="J35742" s="2">
        <v>0</v>
      </c>
      <c r="K35742" s="2">
        <v>0</v>
      </c>
      <c r="L35742" t="s">
        <v>120</v>
      </c>
      <c r="M35742" t="s">
        <v>83</v>
      </c>
      <c r="N35742" t="s">
        <v>84</v>
      </c>
      <c r="O35742" t="s">
        <v>85</v>
      </c>
      <c r="P35742" t="s">
        <v>86</v>
      </c>
      <c r="Q35742">
        <v>11</v>
      </c>
      <c r="R35742">
        <v>12</v>
      </c>
      <c r="S35742">
        <v>12</v>
      </c>
      <c r="T35742">
        <v>12</v>
      </c>
      <c r="U35742">
        <v>12</v>
      </c>
      <c r="V35742">
        <v>12</v>
      </c>
      <c r="W35742">
        <v>12</v>
      </c>
      <c r="X35742">
        <v>12</v>
      </c>
      <c r="Y35742">
        <v>12</v>
      </c>
      <c r="Z35742">
        <v>13</v>
      </c>
      <c r="AA35742">
        <v>13</v>
      </c>
      <c r="AB35742">
        <v>13</v>
      </c>
      <c r="AC35742">
        <v>13</v>
      </c>
      <c r="AD35742">
        <v>13</v>
      </c>
      <c r="AE35742">
        <v>13</v>
      </c>
      <c r="AF35742">
        <v>13</v>
      </c>
      <c r="AG35742">
        <v>13</v>
      </c>
      <c r="AH35742">
        <v>14</v>
      </c>
      <c r="AI35742">
        <v>14</v>
      </c>
      <c r="AJ35742">
        <v>14</v>
      </c>
      <c r="AK35742">
        <v>14</v>
      </c>
      <c r="AL35742">
        <v>14</v>
      </c>
      <c r="AM35742">
        <v>14</v>
      </c>
      <c r="AN35742">
        <v>14</v>
      </c>
      <c r="AO35742">
        <v>14</v>
      </c>
      <c r="AP35742">
        <v>14</v>
      </c>
      <c r="AQ35742">
        <v>14</v>
      </c>
    </row>
    <row r="35743" spans="1:43">
      <c r="A35743" t="s">
        <v>22161</v>
      </c>
      <c r="B35743" t="s">
        <v>22162</v>
      </c>
      <c r="C35743" t="s">
        <v>22073</v>
      </c>
      <c r="D35743" t="s">
        <v>22074</v>
      </c>
      <c r="E35743" t="s">
        <v>21687</v>
      </c>
      <c r="F35743" t="s">
        <v>21688</v>
      </c>
      <c r="G35743" t="s">
        <v>20255</v>
      </c>
      <c r="H35743" t="s">
        <v>20256</v>
      </c>
      <c r="I35743" s="2">
        <v>1</v>
      </c>
      <c r="J35743" s="2">
        <v>0</v>
      </c>
      <c r="K35743" s="2">
        <v>0</v>
      </c>
      <c r="L35743" t="s">
        <v>120</v>
      </c>
      <c r="M35743" t="s">
        <v>87</v>
      </c>
      <c r="N35743" t="s">
        <v>88</v>
      </c>
      <c r="O35743" t="s">
        <v>85</v>
      </c>
      <c r="P35743" t="s">
        <v>86</v>
      </c>
      <c r="Q35743">
        <v>11</v>
      </c>
      <c r="R35743">
        <v>11</v>
      </c>
      <c r="S35743">
        <v>11</v>
      </c>
      <c r="T35743">
        <v>11</v>
      </c>
      <c r="U35743">
        <v>11</v>
      </c>
      <c r="V35743">
        <v>11</v>
      </c>
      <c r="W35743">
        <v>11</v>
      </c>
      <c r="X35743">
        <v>12</v>
      </c>
      <c r="Y35743">
        <v>12</v>
      </c>
      <c r="Z35743">
        <v>12</v>
      </c>
      <c r="AA35743">
        <v>12</v>
      </c>
      <c r="AB35743">
        <v>12</v>
      </c>
      <c r="AC35743">
        <v>12</v>
      </c>
      <c r="AD35743">
        <v>12</v>
      </c>
      <c r="AE35743">
        <v>12</v>
      </c>
      <c r="AF35743">
        <v>12</v>
      </c>
      <c r="AG35743">
        <v>12</v>
      </c>
      <c r="AH35743">
        <v>12</v>
      </c>
      <c r="AI35743">
        <v>12</v>
      </c>
      <c r="AJ35743">
        <v>12</v>
      </c>
      <c r="AK35743">
        <v>12</v>
      </c>
      <c r="AL35743">
        <v>12</v>
      </c>
      <c r="AM35743">
        <v>12</v>
      </c>
      <c r="AN35743">
        <v>12</v>
      </c>
      <c r="AO35743">
        <v>12</v>
      </c>
      <c r="AP35743">
        <v>12</v>
      </c>
      <c r="AQ35743">
        <v>12</v>
      </c>
    </row>
    <row r="35744" spans="1:43">
      <c r="A35744" t="s">
        <v>22161</v>
      </c>
      <c r="B35744" t="s">
        <v>22162</v>
      </c>
      <c r="C35744" t="s">
        <v>22073</v>
      </c>
      <c r="D35744" t="s">
        <v>22074</v>
      </c>
      <c r="E35744" t="s">
        <v>21687</v>
      </c>
      <c r="F35744" t="s">
        <v>21688</v>
      </c>
      <c r="G35744" t="s">
        <v>20255</v>
      </c>
      <c r="H35744" t="s">
        <v>20256</v>
      </c>
      <c r="I35744" s="2">
        <v>1</v>
      </c>
      <c r="J35744" s="2">
        <v>0</v>
      </c>
      <c r="K35744" s="2">
        <v>0</v>
      </c>
      <c r="L35744" t="s">
        <v>120</v>
      </c>
      <c r="M35744" t="s">
        <v>89</v>
      </c>
      <c r="N35744" t="s">
        <v>90</v>
      </c>
      <c r="O35744" t="s">
        <v>85</v>
      </c>
      <c r="P35744" t="s">
        <v>86</v>
      </c>
      <c r="Q35744">
        <v>11</v>
      </c>
      <c r="R35744">
        <v>11</v>
      </c>
      <c r="S35744">
        <v>11</v>
      </c>
      <c r="T35744">
        <v>11</v>
      </c>
      <c r="U35744">
        <v>11</v>
      </c>
      <c r="V35744">
        <v>12</v>
      </c>
      <c r="W35744">
        <v>12</v>
      </c>
      <c r="X35744">
        <v>12</v>
      </c>
      <c r="Y35744">
        <v>12</v>
      </c>
      <c r="Z35744">
        <v>12</v>
      </c>
      <c r="AA35744">
        <v>13</v>
      </c>
      <c r="AB35744">
        <v>13</v>
      </c>
      <c r="AC35744">
        <v>13</v>
      </c>
      <c r="AD35744">
        <v>13</v>
      </c>
      <c r="AE35744">
        <v>13</v>
      </c>
      <c r="AF35744">
        <v>13</v>
      </c>
      <c r="AG35744">
        <v>13</v>
      </c>
      <c r="AH35744">
        <v>13</v>
      </c>
      <c r="AI35744">
        <v>13</v>
      </c>
      <c r="AJ35744">
        <v>13</v>
      </c>
      <c r="AK35744">
        <v>13</v>
      </c>
      <c r="AL35744">
        <v>13</v>
      </c>
      <c r="AM35744">
        <v>13</v>
      </c>
      <c r="AN35744">
        <v>13</v>
      </c>
      <c r="AO35744">
        <v>13</v>
      </c>
      <c r="AP35744">
        <v>13</v>
      </c>
      <c r="AQ35744">
        <v>13</v>
      </c>
    </row>
    <row r="35745" spans="1:43">
      <c r="A35745" t="s">
        <v>22161</v>
      </c>
      <c r="B35745" t="s">
        <v>22162</v>
      </c>
      <c r="C35745" t="s">
        <v>22073</v>
      </c>
      <c r="D35745" t="s">
        <v>22074</v>
      </c>
      <c r="E35745" t="s">
        <v>21687</v>
      </c>
      <c r="F35745" t="s">
        <v>21688</v>
      </c>
      <c r="G35745" t="s">
        <v>20255</v>
      </c>
      <c r="H35745" t="s">
        <v>20256</v>
      </c>
      <c r="I35745" s="2">
        <v>1</v>
      </c>
      <c r="J35745" s="2">
        <v>0</v>
      </c>
      <c r="K35745" s="2">
        <v>0</v>
      </c>
      <c r="L35745" t="s">
        <v>120</v>
      </c>
      <c r="M35745" t="s">
        <v>83</v>
      </c>
      <c r="N35745" t="s">
        <v>91</v>
      </c>
      <c r="O35745" t="s">
        <v>85</v>
      </c>
      <c r="P35745" t="s">
        <v>86</v>
      </c>
      <c r="Q35745">
        <v>11</v>
      </c>
      <c r="R35745">
        <v>12</v>
      </c>
      <c r="S35745">
        <v>12</v>
      </c>
      <c r="T35745">
        <v>12</v>
      </c>
      <c r="U35745">
        <v>12</v>
      </c>
      <c r="V35745">
        <v>12</v>
      </c>
      <c r="W35745">
        <v>12</v>
      </c>
      <c r="X35745">
        <v>12</v>
      </c>
      <c r="Y35745">
        <v>12</v>
      </c>
      <c r="Z35745">
        <v>13</v>
      </c>
      <c r="AA35745">
        <v>13</v>
      </c>
      <c r="AB35745">
        <v>13</v>
      </c>
      <c r="AC35745">
        <v>13</v>
      </c>
      <c r="AD35745">
        <v>13</v>
      </c>
      <c r="AE35745">
        <v>13</v>
      </c>
      <c r="AF35745">
        <v>13</v>
      </c>
      <c r="AG35745">
        <v>13</v>
      </c>
      <c r="AH35745">
        <v>14</v>
      </c>
      <c r="AI35745">
        <v>14</v>
      </c>
      <c r="AJ35745">
        <v>14</v>
      </c>
      <c r="AK35745">
        <v>14</v>
      </c>
      <c r="AL35745">
        <v>14</v>
      </c>
      <c r="AM35745">
        <v>14</v>
      </c>
      <c r="AN35745">
        <v>14</v>
      </c>
      <c r="AO35745">
        <v>14</v>
      </c>
      <c r="AP35745">
        <v>14</v>
      </c>
      <c r="AQ35745">
        <v>14</v>
      </c>
    </row>
    <row r="35746" spans="1:43">
      <c r="A35746" t="s">
        <v>22163</v>
      </c>
      <c r="B35746" t="s">
        <v>22164</v>
      </c>
      <c r="C35746" t="s">
        <v>22073</v>
      </c>
      <c r="D35746" t="s">
        <v>22074</v>
      </c>
      <c r="E35746" t="s">
        <v>21687</v>
      </c>
      <c r="F35746" t="s">
        <v>21688</v>
      </c>
      <c r="G35746" t="s">
        <v>20255</v>
      </c>
      <c r="H35746" t="s">
        <v>20256</v>
      </c>
      <c r="I35746" s="2">
        <v>1</v>
      </c>
      <c r="J35746" s="2">
        <v>0</v>
      </c>
      <c r="K35746" s="2">
        <v>0</v>
      </c>
      <c r="L35746" t="s">
        <v>120</v>
      </c>
      <c r="M35746" t="s">
        <v>83</v>
      </c>
      <c r="N35746" t="s">
        <v>84</v>
      </c>
      <c r="O35746" t="s">
        <v>85</v>
      </c>
      <c r="P35746" t="s">
        <v>86</v>
      </c>
      <c r="Q35746">
        <v>27</v>
      </c>
      <c r="R35746">
        <v>28</v>
      </c>
      <c r="S35746">
        <v>28</v>
      </c>
      <c r="T35746">
        <v>28</v>
      </c>
      <c r="U35746">
        <v>29</v>
      </c>
      <c r="V35746">
        <v>29</v>
      </c>
      <c r="W35746">
        <v>29</v>
      </c>
      <c r="X35746">
        <v>29</v>
      </c>
      <c r="Y35746">
        <v>30</v>
      </c>
      <c r="Z35746">
        <v>30</v>
      </c>
      <c r="AA35746">
        <v>30</v>
      </c>
      <c r="AB35746">
        <v>31</v>
      </c>
      <c r="AC35746">
        <v>31</v>
      </c>
      <c r="AD35746">
        <v>31</v>
      </c>
      <c r="AE35746">
        <v>31</v>
      </c>
      <c r="AF35746">
        <v>32</v>
      </c>
      <c r="AG35746">
        <v>32</v>
      </c>
      <c r="AH35746">
        <v>32</v>
      </c>
      <c r="AI35746">
        <v>32</v>
      </c>
      <c r="AJ35746">
        <v>33</v>
      </c>
      <c r="AK35746">
        <v>33</v>
      </c>
      <c r="AL35746">
        <v>33</v>
      </c>
      <c r="AM35746">
        <v>33</v>
      </c>
      <c r="AN35746">
        <v>33</v>
      </c>
      <c r="AO35746">
        <v>33</v>
      </c>
      <c r="AP35746">
        <v>33</v>
      </c>
      <c r="AQ35746">
        <v>33</v>
      </c>
    </row>
    <row r="35747" spans="1:43">
      <c r="A35747" t="s">
        <v>22163</v>
      </c>
      <c r="B35747" t="s">
        <v>22164</v>
      </c>
      <c r="C35747" t="s">
        <v>22073</v>
      </c>
      <c r="D35747" t="s">
        <v>22074</v>
      </c>
      <c r="E35747" t="s">
        <v>21687</v>
      </c>
      <c r="F35747" t="s">
        <v>21688</v>
      </c>
      <c r="G35747" t="s">
        <v>20255</v>
      </c>
      <c r="H35747" t="s">
        <v>20256</v>
      </c>
      <c r="I35747" s="2">
        <v>1</v>
      </c>
      <c r="J35747" s="2">
        <v>0</v>
      </c>
      <c r="K35747" s="2">
        <v>0</v>
      </c>
      <c r="L35747" t="s">
        <v>120</v>
      </c>
      <c r="M35747" t="s">
        <v>87</v>
      </c>
      <c r="N35747" t="s">
        <v>88</v>
      </c>
      <c r="O35747" t="s">
        <v>85</v>
      </c>
      <c r="P35747" t="s">
        <v>86</v>
      </c>
      <c r="Q35747">
        <v>27</v>
      </c>
      <c r="R35747">
        <v>27</v>
      </c>
      <c r="S35747">
        <v>27</v>
      </c>
      <c r="T35747">
        <v>27</v>
      </c>
      <c r="U35747">
        <v>27</v>
      </c>
      <c r="V35747">
        <v>27</v>
      </c>
      <c r="W35747">
        <v>27</v>
      </c>
      <c r="X35747">
        <v>27</v>
      </c>
      <c r="Y35747">
        <v>28</v>
      </c>
      <c r="Z35747">
        <v>28</v>
      </c>
      <c r="AA35747">
        <v>28</v>
      </c>
      <c r="AB35747">
        <v>28</v>
      </c>
      <c r="AC35747">
        <v>28</v>
      </c>
      <c r="AD35747">
        <v>28</v>
      </c>
      <c r="AE35747">
        <v>28</v>
      </c>
      <c r="AF35747">
        <v>28</v>
      </c>
      <c r="AG35747">
        <v>28</v>
      </c>
      <c r="AH35747">
        <v>28</v>
      </c>
      <c r="AI35747">
        <v>28</v>
      </c>
      <c r="AJ35747">
        <v>28</v>
      </c>
      <c r="AK35747">
        <v>28</v>
      </c>
      <c r="AL35747">
        <v>28</v>
      </c>
      <c r="AM35747">
        <v>28</v>
      </c>
      <c r="AN35747">
        <v>28</v>
      </c>
      <c r="AO35747">
        <v>28</v>
      </c>
      <c r="AP35747">
        <v>29</v>
      </c>
      <c r="AQ35747">
        <v>29</v>
      </c>
    </row>
    <row r="35748" spans="1:43">
      <c r="A35748" t="s">
        <v>22163</v>
      </c>
      <c r="B35748" t="s">
        <v>22164</v>
      </c>
      <c r="C35748" t="s">
        <v>22073</v>
      </c>
      <c r="D35748" t="s">
        <v>22074</v>
      </c>
      <c r="E35748" t="s">
        <v>21687</v>
      </c>
      <c r="F35748" t="s">
        <v>21688</v>
      </c>
      <c r="G35748" t="s">
        <v>20255</v>
      </c>
      <c r="H35748" t="s">
        <v>20256</v>
      </c>
      <c r="I35748" s="2">
        <v>1</v>
      </c>
      <c r="J35748" s="2">
        <v>0</v>
      </c>
      <c r="K35748" s="2">
        <v>0</v>
      </c>
      <c r="L35748" t="s">
        <v>120</v>
      </c>
      <c r="M35748" t="s">
        <v>89</v>
      </c>
      <c r="N35748" t="s">
        <v>90</v>
      </c>
      <c r="O35748" t="s">
        <v>85</v>
      </c>
      <c r="P35748" t="s">
        <v>86</v>
      </c>
      <c r="Q35748">
        <v>27</v>
      </c>
      <c r="R35748">
        <v>27</v>
      </c>
      <c r="S35748">
        <v>28</v>
      </c>
      <c r="T35748">
        <v>28</v>
      </c>
      <c r="U35748">
        <v>29</v>
      </c>
      <c r="V35748">
        <v>29</v>
      </c>
      <c r="W35748">
        <v>30</v>
      </c>
      <c r="X35748">
        <v>30</v>
      </c>
      <c r="Y35748">
        <v>30</v>
      </c>
      <c r="Z35748">
        <v>31</v>
      </c>
      <c r="AA35748">
        <v>31</v>
      </c>
      <c r="AB35748">
        <v>32</v>
      </c>
      <c r="AC35748">
        <v>32</v>
      </c>
      <c r="AD35748">
        <v>32</v>
      </c>
      <c r="AE35748">
        <v>33</v>
      </c>
      <c r="AF35748">
        <v>33</v>
      </c>
      <c r="AG35748">
        <v>33</v>
      </c>
      <c r="AH35748">
        <v>33</v>
      </c>
      <c r="AI35748">
        <v>33</v>
      </c>
      <c r="AJ35748">
        <v>33</v>
      </c>
      <c r="AK35748">
        <v>33</v>
      </c>
      <c r="AL35748">
        <v>33</v>
      </c>
      <c r="AM35748">
        <v>32</v>
      </c>
      <c r="AN35748">
        <v>32</v>
      </c>
      <c r="AO35748">
        <v>32</v>
      </c>
      <c r="AP35748">
        <v>32</v>
      </c>
      <c r="AQ35748">
        <v>33</v>
      </c>
    </row>
    <row r="35749" spans="1:43">
      <c r="A35749" t="s">
        <v>22163</v>
      </c>
      <c r="B35749" t="s">
        <v>22164</v>
      </c>
      <c r="C35749" t="s">
        <v>22073</v>
      </c>
      <c r="D35749" t="s">
        <v>22074</v>
      </c>
      <c r="E35749" t="s">
        <v>21687</v>
      </c>
      <c r="F35749" t="s">
        <v>21688</v>
      </c>
      <c r="G35749" t="s">
        <v>20255</v>
      </c>
      <c r="H35749" t="s">
        <v>20256</v>
      </c>
      <c r="I35749" s="2">
        <v>1</v>
      </c>
      <c r="J35749" s="2">
        <v>0</v>
      </c>
      <c r="K35749" s="2">
        <v>0</v>
      </c>
      <c r="L35749" t="s">
        <v>120</v>
      </c>
      <c r="M35749" t="s">
        <v>83</v>
      </c>
      <c r="N35749" t="s">
        <v>91</v>
      </c>
      <c r="O35749" t="s">
        <v>85</v>
      </c>
      <c r="P35749" t="s">
        <v>86</v>
      </c>
      <c r="Q35749">
        <v>27</v>
      </c>
      <c r="R35749">
        <v>28</v>
      </c>
      <c r="S35749">
        <v>28</v>
      </c>
      <c r="T35749">
        <v>28</v>
      </c>
      <c r="U35749">
        <v>29</v>
      </c>
      <c r="V35749">
        <v>29</v>
      </c>
      <c r="W35749">
        <v>29</v>
      </c>
      <c r="X35749">
        <v>29</v>
      </c>
      <c r="Y35749">
        <v>30</v>
      </c>
      <c r="Z35749">
        <v>30</v>
      </c>
      <c r="AA35749">
        <v>30</v>
      </c>
      <c r="AB35749">
        <v>31</v>
      </c>
      <c r="AC35749">
        <v>31</v>
      </c>
      <c r="AD35749">
        <v>31</v>
      </c>
      <c r="AE35749">
        <v>31</v>
      </c>
      <c r="AF35749">
        <v>32</v>
      </c>
      <c r="AG35749">
        <v>32</v>
      </c>
      <c r="AH35749">
        <v>32</v>
      </c>
      <c r="AI35749">
        <v>32</v>
      </c>
      <c r="AJ35749">
        <v>33</v>
      </c>
      <c r="AK35749">
        <v>33</v>
      </c>
      <c r="AL35749">
        <v>33</v>
      </c>
      <c r="AM35749">
        <v>33</v>
      </c>
      <c r="AN35749">
        <v>33</v>
      </c>
      <c r="AO35749">
        <v>33</v>
      </c>
      <c r="AP35749">
        <v>33</v>
      </c>
      <c r="AQ35749">
        <v>33</v>
      </c>
    </row>
    <row r="35750" spans="1:43">
      <c r="A35750" t="s">
        <v>22165</v>
      </c>
      <c r="B35750" t="s">
        <v>22166</v>
      </c>
      <c r="C35750" t="s">
        <v>22085</v>
      </c>
      <c r="D35750" t="s">
        <v>22086</v>
      </c>
      <c r="E35750" t="s">
        <v>21687</v>
      </c>
      <c r="F35750" t="s">
        <v>21688</v>
      </c>
      <c r="G35750" t="s">
        <v>20255</v>
      </c>
      <c r="H35750" t="s">
        <v>20256</v>
      </c>
      <c r="I35750" s="2">
        <v>1</v>
      </c>
      <c r="J35750" s="2">
        <v>0</v>
      </c>
      <c r="K35750" s="2">
        <v>0</v>
      </c>
      <c r="L35750" t="s">
        <v>120</v>
      </c>
      <c r="M35750" t="s">
        <v>83</v>
      </c>
      <c r="N35750" t="s">
        <v>84</v>
      </c>
      <c r="O35750" t="s">
        <v>85</v>
      </c>
      <c r="P35750" t="s">
        <v>86</v>
      </c>
      <c r="Q35750">
        <v>31</v>
      </c>
      <c r="R35750">
        <v>31</v>
      </c>
      <c r="S35750">
        <v>32</v>
      </c>
      <c r="T35750">
        <v>32</v>
      </c>
      <c r="U35750">
        <v>32</v>
      </c>
      <c r="V35750">
        <v>33</v>
      </c>
      <c r="W35750">
        <v>33</v>
      </c>
      <c r="X35750">
        <v>33</v>
      </c>
      <c r="Y35750">
        <v>34</v>
      </c>
      <c r="Z35750">
        <v>34</v>
      </c>
      <c r="AA35750">
        <v>34</v>
      </c>
      <c r="AB35750">
        <v>34</v>
      </c>
      <c r="AC35750">
        <v>35</v>
      </c>
      <c r="AD35750">
        <v>35</v>
      </c>
      <c r="AE35750">
        <v>35</v>
      </c>
      <c r="AF35750">
        <v>36</v>
      </c>
      <c r="AG35750">
        <v>36</v>
      </c>
      <c r="AH35750">
        <v>36</v>
      </c>
      <c r="AI35750">
        <v>37</v>
      </c>
      <c r="AJ35750">
        <v>37</v>
      </c>
      <c r="AK35750">
        <v>37</v>
      </c>
      <c r="AL35750">
        <v>37</v>
      </c>
      <c r="AM35750">
        <v>37</v>
      </c>
      <c r="AN35750">
        <v>37</v>
      </c>
      <c r="AO35750">
        <v>37</v>
      </c>
      <c r="AP35750">
        <v>37</v>
      </c>
      <c r="AQ35750">
        <v>38</v>
      </c>
    </row>
    <row r="35751" spans="1:43">
      <c r="A35751" t="s">
        <v>22165</v>
      </c>
      <c r="B35751" t="s">
        <v>22166</v>
      </c>
      <c r="C35751" t="s">
        <v>22085</v>
      </c>
      <c r="D35751" t="s">
        <v>22086</v>
      </c>
      <c r="E35751" t="s">
        <v>21687</v>
      </c>
      <c r="F35751" t="s">
        <v>21688</v>
      </c>
      <c r="G35751" t="s">
        <v>20255</v>
      </c>
      <c r="H35751" t="s">
        <v>20256</v>
      </c>
      <c r="I35751" s="2">
        <v>1</v>
      </c>
      <c r="J35751" s="2">
        <v>0</v>
      </c>
      <c r="K35751" s="2">
        <v>0</v>
      </c>
      <c r="L35751" t="s">
        <v>120</v>
      </c>
      <c r="M35751" t="s">
        <v>87</v>
      </c>
      <c r="N35751" t="s">
        <v>88</v>
      </c>
      <c r="O35751" t="s">
        <v>85</v>
      </c>
      <c r="P35751" t="s">
        <v>86</v>
      </c>
      <c r="Q35751">
        <v>31</v>
      </c>
      <c r="R35751">
        <v>31</v>
      </c>
      <c r="S35751">
        <v>31</v>
      </c>
      <c r="T35751">
        <v>31</v>
      </c>
      <c r="U35751">
        <v>31</v>
      </c>
      <c r="V35751">
        <v>31</v>
      </c>
      <c r="W35751">
        <v>31</v>
      </c>
      <c r="X35751">
        <v>31</v>
      </c>
      <c r="Y35751">
        <v>31</v>
      </c>
      <c r="Z35751">
        <v>31</v>
      </c>
      <c r="AA35751">
        <v>31</v>
      </c>
      <c r="AB35751">
        <v>31</v>
      </c>
      <c r="AC35751">
        <v>31</v>
      </c>
      <c r="AD35751">
        <v>31</v>
      </c>
      <c r="AE35751">
        <v>31</v>
      </c>
      <c r="AF35751">
        <v>31</v>
      </c>
      <c r="AG35751">
        <v>32</v>
      </c>
      <c r="AH35751">
        <v>32</v>
      </c>
      <c r="AI35751">
        <v>32</v>
      </c>
      <c r="AJ35751">
        <v>32</v>
      </c>
      <c r="AK35751">
        <v>32</v>
      </c>
      <c r="AL35751">
        <v>32</v>
      </c>
      <c r="AM35751">
        <v>32</v>
      </c>
      <c r="AN35751">
        <v>32</v>
      </c>
      <c r="AO35751">
        <v>32</v>
      </c>
      <c r="AP35751">
        <v>32</v>
      </c>
      <c r="AQ35751">
        <v>32</v>
      </c>
    </row>
    <row r="35752" spans="1:43">
      <c r="A35752" t="s">
        <v>22165</v>
      </c>
      <c r="B35752" t="s">
        <v>22166</v>
      </c>
      <c r="C35752" t="s">
        <v>22085</v>
      </c>
      <c r="D35752" t="s">
        <v>22086</v>
      </c>
      <c r="E35752" t="s">
        <v>21687</v>
      </c>
      <c r="F35752" t="s">
        <v>21688</v>
      </c>
      <c r="G35752" t="s">
        <v>20255</v>
      </c>
      <c r="H35752" t="s">
        <v>20256</v>
      </c>
      <c r="I35752" s="2">
        <v>1</v>
      </c>
      <c r="J35752" s="2">
        <v>0</v>
      </c>
      <c r="K35752" s="2">
        <v>0</v>
      </c>
      <c r="L35752" t="s">
        <v>120</v>
      </c>
      <c r="M35752" t="s">
        <v>89</v>
      </c>
      <c r="N35752" t="s">
        <v>90</v>
      </c>
      <c r="O35752" t="s">
        <v>85</v>
      </c>
      <c r="P35752" t="s">
        <v>86</v>
      </c>
      <c r="Q35752">
        <v>31</v>
      </c>
      <c r="R35752">
        <v>32</v>
      </c>
      <c r="S35752">
        <v>32</v>
      </c>
      <c r="T35752">
        <v>33</v>
      </c>
      <c r="U35752">
        <v>33</v>
      </c>
      <c r="V35752">
        <v>34</v>
      </c>
      <c r="W35752">
        <v>34</v>
      </c>
      <c r="X35752">
        <v>35</v>
      </c>
      <c r="Y35752">
        <v>35</v>
      </c>
      <c r="Z35752">
        <v>36</v>
      </c>
      <c r="AA35752">
        <v>36</v>
      </c>
      <c r="AB35752">
        <v>37</v>
      </c>
      <c r="AC35752">
        <v>37</v>
      </c>
      <c r="AD35752">
        <v>38</v>
      </c>
      <c r="AE35752">
        <v>38</v>
      </c>
      <c r="AF35752">
        <v>38</v>
      </c>
      <c r="AG35752">
        <v>38</v>
      </c>
      <c r="AH35752">
        <v>38</v>
      </c>
      <c r="AI35752">
        <v>38</v>
      </c>
      <c r="AJ35752">
        <v>38</v>
      </c>
      <c r="AK35752">
        <v>38</v>
      </c>
      <c r="AL35752">
        <v>38</v>
      </c>
      <c r="AM35752">
        <v>38</v>
      </c>
      <c r="AN35752">
        <v>38</v>
      </c>
      <c r="AO35752">
        <v>38</v>
      </c>
      <c r="AP35752">
        <v>38</v>
      </c>
      <c r="AQ35752">
        <v>38</v>
      </c>
    </row>
    <row r="35753" spans="1:43">
      <c r="A35753" t="s">
        <v>22165</v>
      </c>
      <c r="B35753" t="s">
        <v>22166</v>
      </c>
      <c r="C35753" t="s">
        <v>22085</v>
      </c>
      <c r="D35753" t="s">
        <v>22086</v>
      </c>
      <c r="E35753" t="s">
        <v>21687</v>
      </c>
      <c r="F35753" t="s">
        <v>21688</v>
      </c>
      <c r="G35753" t="s">
        <v>20255</v>
      </c>
      <c r="H35753" t="s">
        <v>20256</v>
      </c>
      <c r="I35753" s="2">
        <v>1</v>
      </c>
      <c r="J35753" s="2">
        <v>0</v>
      </c>
      <c r="K35753" s="2">
        <v>0</v>
      </c>
      <c r="L35753" t="s">
        <v>120</v>
      </c>
      <c r="M35753" t="s">
        <v>83</v>
      </c>
      <c r="N35753" t="s">
        <v>91</v>
      </c>
      <c r="O35753" t="s">
        <v>85</v>
      </c>
      <c r="P35753" t="s">
        <v>86</v>
      </c>
      <c r="Q35753">
        <v>31</v>
      </c>
      <c r="R35753">
        <v>31</v>
      </c>
      <c r="S35753">
        <v>32</v>
      </c>
      <c r="T35753">
        <v>32</v>
      </c>
      <c r="U35753">
        <v>32</v>
      </c>
      <c r="V35753">
        <v>33</v>
      </c>
      <c r="W35753">
        <v>33</v>
      </c>
      <c r="X35753">
        <v>33</v>
      </c>
      <c r="Y35753">
        <v>34</v>
      </c>
      <c r="Z35753">
        <v>34</v>
      </c>
      <c r="AA35753">
        <v>34</v>
      </c>
      <c r="AB35753">
        <v>34</v>
      </c>
      <c r="AC35753">
        <v>35</v>
      </c>
      <c r="AD35753">
        <v>35</v>
      </c>
      <c r="AE35753">
        <v>35</v>
      </c>
      <c r="AF35753">
        <v>36</v>
      </c>
      <c r="AG35753">
        <v>36</v>
      </c>
      <c r="AH35753">
        <v>36</v>
      </c>
      <c r="AI35753">
        <v>37</v>
      </c>
      <c r="AJ35753">
        <v>37</v>
      </c>
      <c r="AK35753">
        <v>37</v>
      </c>
      <c r="AL35753">
        <v>37</v>
      </c>
      <c r="AM35753">
        <v>37</v>
      </c>
      <c r="AN35753">
        <v>37</v>
      </c>
      <c r="AO35753">
        <v>37</v>
      </c>
      <c r="AP35753">
        <v>37</v>
      </c>
      <c r="AQ35753">
        <v>38</v>
      </c>
    </row>
    <row r="35754" spans="1:43">
      <c r="A35754" t="s">
        <v>22167</v>
      </c>
      <c r="B35754" t="s">
        <v>22168</v>
      </c>
      <c r="C35754" t="s">
        <v>22085</v>
      </c>
      <c r="D35754" t="s">
        <v>22086</v>
      </c>
      <c r="E35754" t="s">
        <v>21687</v>
      </c>
      <c r="F35754" t="s">
        <v>21688</v>
      </c>
      <c r="G35754" t="s">
        <v>20255</v>
      </c>
      <c r="H35754" t="s">
        <v>20256</v>
      </c>
      <c r="I35754" s="2">
        <v>1</v>
      </c>
      <c r="J35754" s="2">
        <v>0</v>
      </c>
      <c r="K35754" s="2">
        <v>0</v>
      </c>
      <c r="L35754" t="s">
        <v>120</v>
      </c>
      <c r="M35754" t="s">
        <v>83</v>
      </c>
      <c r="N35754" t="s">
        <v>84</v>
      </c>
      <c r="O35754" t="s">
        <v>85</v>
      </c>
      <c r="P35754" t="s">
        <v>86</v>
      </c>
      <c r="Q35754">
        <v>35</v>
      </c>
      <c r="R35754">
        <v>35</v>
      </c>
      <c r="S35754">
        <v>36</v>
      </c>
      <c r="T35754">
        <v>36</v>
      </c>
      <c r="U35754">
        <v>36</v>
      </c>
      <c r="V35754">
        <v>37</v>
      </c>
      <c r="W35754">
        <v>37</v>
      </c>
      <c r="X35754">
        <v>37</v>
      </c>
      <c r="Y35754">
        <v>38</v>
      </c>
      <c r="Z35754">
        <v>38</v>
      </c>
      <c r="AA35754">
        <v>39</v>
      </c>
      <c r="AB35754">
        <v>39</v>
      </c>
      <c r="AC35754">
        <v>39</v>
      </c>
      <c r="AD35754">
        <v>40</v>
      </c>
      <c r="AE35754">
        <v>40</v>
      </c>
      <c r="AF35754">
        <v>40</v>
      </c>
      <c r="AG35754">
        <v>41</v>
      </c>
      <c r="AH35754">
        <v>41</v>
      </c>
      <c r="AI35754">
        <v>41</v>
      </c>
      <c r="AJ35754">
        <v>42</v>
      </c>
      <c r="AK35754">
        <v>42</v>
      </c>
      <c r="AL35754">
        <v>42</v>
      </c>
      <c r="AM35754">
        <v>42</v>
      </c>
      <c r="AN35754">
        <v>42</v>
      </c>
      <c r="AO35754">
        <v>42</v>
      </c>
      <c r="AP35754">
        <v>42</v>
      </c>
      <c r="AQ35754">
        <v>42</v>
      </c>
    </row>
    <row r="35755" spans="1:43">
      <c r="A35755" t="s">
        <v>22167</v>
      </c>
      <c r="B35755" t="s">
        <v>22168</v>
      </c>
      <c r="C35755" t="s">
        <v>22085</v>
      </c>
      <c r="D35755" t="s">
        <v>22086</v>
      </c>
      <c r="E35755" t="s">
        <v>21687</v>
      </c>
      <c r="F35755" t="s">
        <v>21688</v>
      </c>
      <c r="G35755" t="s">
        <v>20255</v>
      </c>
      <c r="H35755" t="s">
        <v>20256</v>
      </c>
      <c r="I35755" s="2">
        <v>1</v>
      </c>
      <c r="J35755" s="2">
        <v>0</v>
      </c>
      <c r="K35755" s="2">
        <v>0</v>
      </c>
      <c r="L35755" t="s">
        <v>120</v>
      </c>
      <c r="M35755" t="s">
        <v>87</v>
      </c>
      <c r="N35755" t="s">
        <v>88</v>
      </c>
      <c r="O35755" t="s">
        <v>85</v>
      </c>
      <c r="P35755" t="s">
        <v>86</v>
      </c>
      <c r="Q35755">
        <v>35</v>
      </c>
      <c r="R35755">
        <v>35</v>
      </c>
      <c r="S35755">
        <v>35</v>
      </c>
      <c r="T35755">
        <v>35</v>
      </c>
      <c r="U35755">
        <v>35</v>
      </c>
      <c r="V35755">
        <v>35</v>
      </c>
      <c r="W35755">
        <v>35</v>
      </c>
      <c r="X35755">
        <v>35</v>
      </c>
      <c r="Y35755">
        <v>35</v>
      </c>
      <c r="Z35755">
        <v>35</v>
      </c>
      <c r="AA35755">
        <v>35</v>
      </c>
      <c r="AB35755">
        <v>35</v>
      </c>
      <c r="AC35755">
        <v>35</v>
      </c>
      <c r="AD35755">
        <v>35</v>
      </c>
      <c r="AE35755">
        <v>35</v>
      </c>
      <c r="AF35755">
        <v>35</v>
      </c>
      <c r="AG35755">
        <v>36</v>
      </c>
      <c r="AH35755">
        <v>36</v>
      </c>
      <c r="AI35755">
        <v>36</v>
      </c>
      <c r="AJ35755">
        <v>36</v>
      </c>
      <c r="AK35755">
        <v>36</v>
      </c>
      <c r="AL35755">
        <v>36</v>
      </c>
      <c r="AM35755">
        <v>36</v>
      </c>
      <c r="AN35755">
        <v>36</v>
      </c>
      <c r="AO35755">
        <v>36</v>
      </c>
      <c r="AP35755">
        <v>36</v>
      </c>
      <c r="AQ35755">
        <v>36</v>
      </c>
    </row>
    <row r="35756" spans="1:43">
      <c r="A35756" t="s">
        <v>22167</v>
      </c>
      <c r="B35756" t="s">
        <v>22168</v>
      </c>
      <c r="C35756" t="s">
        <v>22085</v>
      </c>
      <c r="D35756" t="s">
        <v>22086</v>
      </c>
      <c r="E35756" t="s">
        <v>21687</v>
      </c>
      <c r="F35756" t="s">
        <v>21688</v>
      </c>
      <c r="G35756" t="s">
        <v>20255</v>
      </c>
      <c r="H35756" t="s">
        <v>20256</v>
      </c>
      <c r="I35756" s="2">
        <v>1</v>
      </c>
      <c r="J35756" s="2">
        <v>0</v>
      </c>
      <c r="K35756" s="2">
        <v>0</v>
      </c>
      <c r="L35756" t="s">
        <v>120</v>
      </c>
      <c r="M35756" t="s">
        <v>89</v>
      </c>
      <c r="N35756" t="s">
        <v>90</v>
      </c>
      <c r="O35756" t="s">
        <v>85</v>
      </c>
      <c r="P35756" t="s">
        <v>86</v>
      </c>
      <c r="Q35756">
        <v>35</v>
      </c>
      <c r="R35756">
        <v>36</v>
      </c>
      <c r="S35756">
        <v>37</v>
      </c>
      <c r="T35756">
        <v>37</v>
      </c>
      <c r="U35756">
        <v>38</v>
      </c>
      <c r="V35756">
        <v>38</v>
      </c>
      <c r="W35756">
        <v>39</v>
      </c>
      <c r="X35756">
        <v>39</v>
      </c>
      <c r="Y35756">
        <v>40</v>
      </c>
      <c r="Z35756">
        <v>41</v>
      </c>
      <c r="AA35756">
        <v>41</v>
      </c>
      <c r="AB35756">
        <v>42</v>
      </c>
      <c r="AC35756">
        <v>42</v>
      </c>
      <c r="AD35756">
        <v>43</v>
      </c>
      <c r="AE35756">
        <v>43</v>
      </c>
      <c r="AF35756">
        <v>43</v>
      </c>
      <c r="AG35756">
        <v>43</v>
      </c>
      <c r="AH35756">
        <v>43</v>
      </c>
      <c r="AI35756">
        <v>43</v>
      </c>
      <c r="AJ35756">
        <v>43</v>
      </c>
      <c r="AK35756">
        <v>43</v>
      </c>
      <c r="AL35756">
        <v>43</v>
      </c>
      <c r="AM35756">
        <v>43</v>
      </c>
      <c r="AN35756">
        <v>43</v>
      </c>
      <c r="AO35756">
        <v>43</v>
      </c>
      <c r="AP35756">
        <v>43</v>
      </c>
      <c r="AQ35756">
        <v>43</v>
      </c>
    </row>
    <row r="35757" spans="1:43">
      <c r="A35757" t="s">
        <v>22167</v>
      </c>
      <c r="B35757" t="s">
        <v>22168</v>
      </c>
      <c r="C35757" t="s">
        <v>22085</v>
      </c>
      <c r="D35757" t="s">
        <v>22086</v>
      </c>
      <c r="E35757" t="s">
        <v>21687</v>
      </c>
      <c r="F35757" t="s">
        <v>21688</v>
      </c>
      <c r="G35757" t="s">
        <v>20255</v>
      </c>
      <c r="H35757" t="s">
        <v>20256</v>
      </c>
      <c r="I35757" s="2">
        <v>1</v>
      </c>
      <c r="J35757" s="2">
        <v>0</v>
      </c>
      <c r="K35757" s="2">
        <v>0</v>
      </c>
      <c r="L35757" t="s">
        <v>120</v>
      </c>
      <c r="M35757" t="s">
        <v>83</v>
      </c>
      <c r="N35757" t="s">
        <v>91</v>
      </c>
      <c r="O35757" t="s">
        <v>85</v>
      </c>
      <c r="P35757" t="s">
        <v>86</v>
      </c>
      <c r="Q35757">
        <v>35</v>
      </c>
      <c r="R35757">
        <v>35</v>
      </c>
      <c r="S35757">
        <v>36</v>
      </c>
      <c r="T35757">
        <v>36</v>
      </c>
      <c r="U35757">
        <v>36</v>
      </c>
      <c r="V35757">
        <v>37</v>
      </c>
      <c r="W35757">
        <v>37</v>
      </c>
      <c r="X35757">
        <v>37</v>
      </c>
      <c r="Y35757">
        <v>38</v>
      </c>
      <c r="Z35757">
        <v>38</v>
      </c>
      <c r="AA35757">
        <v>39</v>
      </c>
      <c r="AB35757">
        <v>39</v>
      </c>
      <c r="AC35757">
        <v>39</v>
      </c>
      <c r="AD35757">
        <v>40</v>
      </c>
      <c r="AE35757">
        <v>40</v>
      </c>
      <c r="AF35757">
        <v>40</v>
      </c>
      <c r="AG35757">
        <v>41</v>
      </c>
      <c r="AH35757">
        <v>41</v>
      </c>
      <c r="AI35757">
        <v>41</v>
      </c>
      <c r="AJ35757">
        <v>42</v>
      </c>
      <c r="AK35757">
        <v>42</v>
      </c>
      <c r="AL35757">
        <v>42</v>
      </c>
      <c r="AM35757">
        <v>42</v>
      </c>
      <c r="AN35757">
        <v>42</v>
      </c>
      <c r="AO35757">
        <v>42</v>
      </c>
      <c r="AP35757">
        <v>42</v>
      </c>
      <c r="AQ35757">
        <v>42</v>
      </c>
    </row>
    <row r="35758" spans="1:43">
      <c r="A35758" t="s">
        <v>22169</v>
      </c>
      <c r="B35758" t="s">
        <v>22170</v>
      </c>
      <c r="C35758" t="s">
        <v>22063</v>
      </c>
      <c r="D35758" t="s">
        <v>22064</v>
      </c>
      <c r="E35758" t="s">
        <v>21687</v>
      </c>
      <c r="F35758" t="s">
        <v>21688</v>
      </c>
      <c r="G35758" t="s">
        <v>20255</v>
      </c>
      <c r="H35758" t="s">
        <v>20256</v>
      </c>
      <c r="I35758" s="2">
        <v>1</v>
      </c>
      <c r="J35758" s="2">
        <v>0</v>
      </c>
      <c r="K35758" s="2">
        <v>0</v>
      </c>
      <c r="L35758" t="s">
        <v>120</v>
      </c>
      <c r="M35758" t="s">
        <v>83</v>
      </c>
      <c r="N35758" t="s">
        <v>84</v>
      </c>
      <c r="O35758" t="s">
        <v>85</v>
      </c>
      <c r="P35758" t="s">
        <v>86</v>
      </c>
      <c r="Q35758">
        <v>38</v>
      </c>
      <c r="R35758">
        <v>38</v>
      </c>
      <c r="S35758">
        <v>39</v>
      </c>
      <c r="T35758">
        <v>39</v>
      </c>
      <c r="U35758">
        <v>40</v>
      </c>
      <c r="V35758">
        <v>40</v>
      </c>
      <c r="W35758">
        <v>40</v>
      </c>
      <c r="X35758">
        <v>41</v>
      </c>
      <c r="Y35758">
        <v>41</v>
      </c>
      <c r="Z35758">
        <v>42</v>
      </c>
      <c r="AA35758">
        <v>42</v>
      </c>
      <c r="AB35758">
        <v>43</v>
      </c>
      <c r="AC35758">
        <v>43</v>
      </c>
      <c r="AD35758">
        <v>43</v>
      </c>
      <c r="AE35758">
        <v>44</v>
      </c>
      <c r="AF35758">
        <v>44</v>
      </c>
      <c r="AG35758">
        <v>45</v>
      </c>
      <c r="AH35758">
        <v>45</v>
      </c>
      <c r="AI35758">
        <v>46</v>
      </c>
      <c r="AJ35758">
        <v>46</v>
      </c>
      <c r="AK35758">
        <v>46</v>
      </c>
      <c r="AL35758">
        <v>47</v>
      </c>
      <c r="AM35758">
        <v>47</v>
      </c>
      <c r="AN35758">
        <v>47</v>
      </c>
      <c r="AO35758">
        <v>47</v>
      </c>
      <c r="AP35758">
        <v>47</v>
      </c>
      <c r="AQ35758">
        <v>47</v>
      </c>
    </row>
    <row r="35759" spans="1:43">
      <c r="A35759" t="s">
        <v>22169</v>
      </c>
      <c r="B35759" t="s">
        <v>22170</v>
      </c>
      <c r="C35759" t="s">
        <v>22063</v>
      </c>
      <c r="D35759" t="s">
        <v>22064</v>
      </c>
      <c r="E35759" t="s">
        <v>21687</v>
      </c>
      <c r="F35759" t="s">
        <v>21688</v>
      </c>
      <c r="G35759" t="s">
        <v>20255</v>
      </c>
      <c r="H35759" t="s">
        <v>20256</v>
      </c>
      <c r="I35759" s="2">
        <v>1</v>
      </c>
      <c r="J35759" s="2">
        <v>0</v>
      </c>
      <c r="K35759" s="2">
        <v>0</v>
      </c>
      <c r="L35759" t="s">
        <v>120</v>
      </c>
      <c r="M35759" t="s">
        <v>87</v>
      </c>
      <c r="N35759" t="s">
        <v>88</v>
      </c>
      <c r="O35759" t="s">
        <v>85</v>
      </c>
      <c r="P35759" t="s">
        <v>86</v>
      </c>
      <c r="Q35759">
        <v>38</v>
      </c>
      <c r="R35759">
        <v>38</v>
      </c>
      <c r="S35759">
        <v>39</v>
      </c>
      <c r="T35759">
        <v>39</v>
      </c>
      <c r="U35759">
        <v>39</v>
      </c>
      <c r="V35759">
        <v>39</v>
      </c>
      <c r="W35759">
        <v>39</v>
      </c>
      <c r="X35759">
        <v>39</v>
      </c>
      <c r="Y35759">
        <v>39</v>
      </c>
      <c r="Z35759">
        <v>39</v>
      </c>
      <c r="AA35759">
        <v>39</v>
      </c>
      <c r="AB35759">
        <v>40</v>
      </c>
      <c r="AC35759">
        <v>40</v>
      </c>
      <c r="AD35759">
        <v>40</v>
      </c>
      <c r="AE35759">
        <v>40</v>
      </c>
      <c r="AF35759">
        <v>40</v>
      </c>
      <c r="AG35759">
        <v>40</v>
      </c>
      <c r="AH35759">
        <v>40</v>
      </c>
      <c r="AI35759">
        <v>40</v>
      </c>
      <c r="AJ35759">
        <v>41</v>
      </c>
      <c r="AK35759">
        <v>41</v>
      </c>
      <c r="AL35759">
        <v>41</v>
      </c>
      <c r="AM35759">
        <v>41</v>
      </c>
      <c r="AN35759">
        <v>41</v>
      </c>
      <c r="AO35759">
        <v>41</v>
      </c>
      <c r="AP35759">
        <v>41</v>
      </c>
      <c r="AQ35759">
        <v>42</v>
      </c>
    </row>
    <row r="35760" spans="1:43">
      <c r="A35760" t="s">
        <v>22169</v>
      </c>
      <c r="B35760" t="s">
        <v>22170</v>
      </c>
      <c r="C35760" t="s">
        <v>22063</v>
      </c>
      <c r="D35760" t="s">
        <v>22064</v>
      </c>
      <c r="E35760" t="s">
        <v>21687</v>
      </c>
      <c r="F35760" t="s">
        <v>21688</v>
      </c>
      <c r="G35760" t="s">
        <v>20255</v>
      </c>
      <c r="H35760" t="s">
        <v>20256</v>
      </c>
      <c r="I35760" s="2">
        <v>1</v>
      </c>
      <c r="J35760" s="2">
        <v>0</v>
      </c>
      <c r="K35760" s="2">
        <v>0</v>
      </c>
      <c r="L35760" t="s">
        <v>120</v>
      </c>
      <c r="M35760" t="s">
        <v>89</v>
      </c>
      <c r="N35760" t="s">
        <v>90</v>
      </c>
      <c r="O35760" t="s">
        <v>85</v>
      </c>
      <c r="P35760" t="s">
        <v>86</v>
      </c>
      <c r="Q35760">
        <v>38</v>
      </c>
      <c r="R35760">
        <v>39</v>
      </c>
      <c r="S35760">
        <v>40</v>
      </c>
      <c r="T35760">
        <v>40</v>
      </c>
      <c r="U35760">
        <v>41</v>
      </c>
      <c r="V35760">
        <v>42</v>
      </c>
      <c r="W35760">
        <v>42</v>
      </c>
      <c r="X35760">
        <v>43</v>
      </c>
      <c r="Y35760">
        <v>44</v>
      </c>
      <c r="Z35760">
        <v>44</v>
      </c>
      <c r="AA35760">
        <v>45</v>
      </c>
      <c r="AB35760">
        <v>45</v>
      </c>
      <c r="AC35760">
        <v>46</v>
      </c>
      <c r="AD35760">
        <v>47</v>
      </c>
      <c r="AE35760">
        <v>47</v>
      </c>
      <c r="AF35760">
        <v>47</v>
      </c>
      <c r="AG35760">
        <v>47</v>
      </c>
      <c r="AH35760">
        <v>47</v>
      </c>
      <c r="AI35760">
        <v>47</v>
      </c>
      <c r="AJ35760">
        <v>47</v>
      </c>
      <c r="AK35760">
        <v>47</v>
      </c>
      <c r="AL35760">
        <v>47</v>
      </c>
      <c r="AM35760">
        <v>48</v>
      </c>
      <c r="AN35760">
        <v>48</v>
      </c>
      <c r="AO35760">
        <v>48</v>
      </c>
      <c r="AP35760">
        <v>48</v>
      </c>
      <c r="AQ35760">
        <v>48</v>
      </c>
    </row>
    <row r="35761" spans="1:43">
      <c r="A35761" t="s">
        <v>22169</v>
      </c>
      <c r="B35761" t="s">
        <v>22170</v>
      </c>
      <c r="C35761" t="s">
        <v>22063</v>
      </c>
      <c r="D35761" t="s">
        <v>22064</v>
      </c>
      <c r="E35761" t="s">
        <v>21687</v>
      </c>
      <c r="F35761" t="s">
        <v>21688</v>
      </c>
      <c r="G35761" t="s">
        <v>20255</v>
      </c>
      <c r="H35761" t="s">
        <v>20256</v>
      </c>
      <c r="I35761" s="2">
        <v>1</v>
      </c>
      <c r="J35761" s="2">
        <v>0</v>
      </c>
      <c r="K35761" s="2">
        <v>0</v>
      </c>
      <c r="L35761" t="s">
        <v>120</v>
      </c>
      <c r="M35761" t="s">
        <v>83</v>
      </c>
      <c r="N35761" t="s">
        <v>91</v>
      </c>
      <c r="O35761" t="s">
        <v>85</v>
      </c>
      <c r="P35761" t="s">
        <v>86</v>
      </c>
      <c r="Q35761">
        <v>38</v>
      </c>
      <c r="R35761">
        <v>38</v>
      </c>
      <c r="S35761">
        <v>39</v>
      </c>
      <c r="T35761">
        <v>39</v>
      </c>
      <c r="U35761">
        <v>40</v>
      </c>
      <c r="V35761">
        <v>40</v>
      </c>
      <c r="W35761">
        <v>40</v>
      </c>
      <c r="X35761">
        <v>41</v>
      </c>
      <c r="Y35761">
        <v>41</v>
      </c>
      <c r="Z35761">
        <v>42</v>
      </c>
      <c r="AA35761">
        <v>42</v>
      </c>
      <c r="AB35761">
        <v>43</v>
      </c>
      <c r="AC35761">
        <v>43</v>
      </c>
      <c r="AD35761">
        <v>43</v>
      </c>
      <c r="AE35761">
        <v>44</v>
      </c>
      <c r="AF35761">
        <v>44</v>
      </c>
      <c r="AG35761">
        <v>45</v>
      </c>
      <c r="AH35761">
        <v>45</v>
      </c>
      <c r="AI35761">
        <v>46</v>
      </c>
      <c r="AJ35761">
        <v>46</v>
      </c>
      <c r="AK35761">
        <v>46</v>
      </c>
      <c r="AL35761">
        <v>47</v>
      </c>
      <c r="AM35761">
        <v>47</v>
      </c>
      <c r="AN35761">
        <v>47</v>
      </c>
      <c r="AO35761">
        <v>47</v>
      </c>
      <c r="AP35761">
        <v>47</v>
      </c>
      <c r="AQ35761">
        <v>47</v>
      </c>
    </row>
    <row r="35762" spans="1:43">
      <c r="A35762" t="s">
        <v>22171</v>
      </c>
      <c r="B35762" t="s">
        <v>22172</v>
      </c>
      <c r="C35762" t="s">
        <v>22097</v>
      </c>
      <c r="D35762" t="s">
        <v>22098</v>
      </c>
      <c r="E35762" t="s">
        <v>21687</v>
      </c>
      <c r="F35762" t="s">
        <v>21688</v>
      </c>
      <c r="G35762" t="s">
        <v>20255</v>
      </c>
      <c r="H35762" t="s">
        <v>20256</v>
      </c>
      <c r="I35762" s="2">
        <v>1</v>
      </c>
      <c r="J35762" s="2">
        <v>0</v>
      </c>
      <c r="K35762" s="2">
        <v>0</v>
      </c>
      <c r="L35762" t="s">
        <v>120</v>
      </c>
      <c r="M35762" t="s">
        <v>83</v>
      </c>
      <c r="N35762" t="s">
        <v>84</v>
      </c>
      <c r="O35762" t="s">
        <v>85</v>
      </c>
      <c r="P35762" t="s">
        <v>86</v>
      </c>
      <c r="Q35762">
        <v>75</v>
      </c>
      <c r="R35762">
        <v>76</v>
      </c>
      <c r="S35762">
        <v>77</v>
      </c>
      <c r="T35762">
        <v>78</v>
      </c>
      <c r="U35762">
        <v>78</v>
      </c>
      <c r="V35762">
        <v>79</v>
      </c>
      <c r="W35762">
        <v>80</v>
      </c>
      <c r="X35762">
        <v>81</v>
      </c>
      <c r="Y35762">
        <v>81</v>
      </c>
      <c r="Z35762">
        <v>82</v>
      </c>
      <c r="AA35762">
        <v>83</v>
      </c>
      <c r="AB35762">
        <v>83</v>
      </c>
      <c r="AC35762">
        <v>84</v>
      </c>
      <c r="AD35762">
        <v>85</v>
      </c>
      <c r="AE35762">
        <v>85</v>
      </c>
      <c r="AF35762">
        <v>86</v>
      </c>
      <c r="AG35762">
        <v>87</v>
      </c>
      <c r="AH35762">
        <v>88</v>
      </c>
      <c r="AI35762">
        <v>88</v>
      </c>
      <c r="AJ35762">
        <v>89</v>
      </c>
      <c r="AK35762">
        <v>90</v>
      </c>
      <c r="AL35762">
        <v>90</v>
      </c>
      <c r="AM35762">
        <v>90</v>
      </c>
      <c r="AN35762">
        <v>90</v>
      </c>
      <c r="AO35762">
        <v>90</v>
      </c>
      <c r="AP35762">
        <v>90</v>
      </c>
      <c r="AQ35762">
        <v>90</v>
      </c>
    </row>
    <row r="35763" spans="1:43">
      <c r="A35763" t="s">
        <v>22171</v>
      </c>
      <c r="B35763" t="s">
        <v>22172</v>
      </c>
      <c r="C35763" t="s">
        <v>22097</v>
      </c>
      <c r="D35763" t="s">
        <v>22098</v>
      </c>
      <c r="E35763" t="s">
        <v>21687</v>
      </c>
      <c r="F35763" t="s">
        <v>21688</v>
      </c>
      <c r="G35763" t="s">
        <v>20255</v>
      </c>
      <c r="H35763" t="s">
        <v>20256</v>
      </c>
      <c r="I35763" s="2">
        <v>1</v>
      </c>
      <c r="J35763" s="2">
        <v>0</v>
      </c>
      <c r="K35763" s="2">
        <v>0</v>
      </c>
      <c r="L35763" t="s">
        <v>120</v>
      </c>
      <c r="M35763" t="s">
        <v>87</v>
      </c>
      <c r="N35763" t="s">
        <v>88</v>
      </c>
      <c r="O35763" t="s">
        <v>85</v>
      </c>
      <c r="P35763" t="s">
        <v>86</v>
      </c>
      <c r="Q35763">
        <v>75</v>
      </c>
      <c r="R35763">
        <v>75</v>
      </c>
      <c r="S35763">
        <v>75</v>
      </c>
      <c r="T35763">
        <v>75</v>
      </c>
      <c r="U35763">
        <v>75</v>
      </c>
      <c r="V35763">
        <v>75</v>
      </c>
      <c r="W35763">
        <v>75</v>
      </c>
      <c r="X35763">
        <v>75</v>
      </c>
      <c r="Y35763">
        <v>75</v>
      </c>
      <c r="Z35763">
        <v>75</v>
      </c>
      <c r="AA35763">
        <v>75</v>
      </c>
      <c r="AB35763">
        <v>75</v>
      </c>
      <c r="AC35763">
        <v>76</v>
      </c>
      <c r="AD35763">
        <v>76</v>
      </c>
      <c r="AE35763">
        <v>76</v>
      </c>
      <c r="AF35763">
        <v>76</v>
      </c>
      <c r="AG35763">
        <v>76</v>
      </c>
      <c r="AH35763">
        <v>76</v>
      </c>
      <c r="AI35763">
        <v>76</v>
      </c>
      <c r="AJ35763">
        <v>76</v>
      </c>
      <c r="AK35763">
        <v>76</v>
      </c>
      <c r="AL35763">
        <v>77</v>
      </c>
      <c r="AM35763">
        <v>77</v>
      </c>
      <c r="AN35763">
        <v>77</v>
      </c>
      <c r="AO35763">
        <v>77</v>
      </c>
      <c r="AP35763">
        <v>77</v>
      </c>
      <c r="AQ35763">
        <v>77</v>
      </c>
    </row>
    <row r="35764" spans="1:43">
      <c r="A35764" t="s">
        <v>22171</v>
      </c>
      <c r="B35764" t="s">
        <v>22172</v>
      </c>
      <c r="C35764" t="s">
        <v>22097</v>
      </c>
      <c r="D35764" t="s">
        <v>22098</v>
      </c>
      <c r="E35764" t="s">
        <v>21687</v>
      </c>
      <c r="F35764" t="s">
        <v>21688</v>
      </c>
      <c r="G35764" t="s">
        <v>20255</v>
      </c>
      <c r="H35764" t="s">
        <v>20256</v>
      </c>
      <c r="I35764" s="2">
        <v>1</v>
      </c>
      <c r="J35764" s="2">
        <v>0</v>
      </c>
      <c r="K35764" s="2">
        <v>0</v>
      </c>
      <c r="L35764" t="s">
        <v>120</v>
      </c>
      <c r="M35764" t="s">
        <v>89</v>
      </c>
      <c r="N35764" t="s">
        <v>90</v>
      </c>
      <c r="O35764" t="s">
        <v>85</v>
      </c>
      <c r="P35764" t="s">
        <v>86</v>
      </c>
      <c r="Q35764">
        <v>75</v>
      </c>
      <c r="R35764">
        <v>76</v>
      </c>
      <c r="S35764">
        <v>78</v>
      </c>
      <c r="T35764">
        <v>79</v>
      </c>
      <c r="U35764">
        <v>80</v>
      </c>
      <c r="V35764">
        <v>82</v>
      </c>
      <c r="W35764">
        <v>83</v>
      </c>
      <c r="X35764">
        <v>84</v>
      </c>
      <c r="Y35764">
        <v>85</v>
      </c>
      <c r="Z35764">
        <v>86</v>
      </c>
      <c r="AA35764">
        <v>87</v>
      </c>
      <c r="AB35764">
        <v>88</v>
      </c>
      <c r="AC35764">
        <v>89</v>
      </c>
      <c r="AD35764">
        <v>90</v>
      </c>
      <c r="AE35764">
        <v>91</v>
      </c>
      <c r="AF35764">
        <v>91</v>
      </c>
      <c r="AG35764">
        <v>91</v>
      </c>
      <c r="AH35764">
        <v>90</v>
      </c>
      <c r="AI35764">
        <v>90</v>
      </c>
      <c r="AJ35764">
        <v>90</v>
      </c>
      <c r="AK35764">
        <v>90</v>
      </c>
      <c r="AL35764">
        <v>90</v>
      </c>
      <c r="AM35764">
        <v>90</v>
      </c>
      <c r="AN35764">
        <v>90</v>
      </c>
      <c r="AO35764">
        <v>90</v>
      </c>
      <c r="AP35764">
        <v>90</v>
      </c>
      <c r="AQ35764">
        <v>90</v>
      </c>
    </row>
    <row r="35765" spans="1:43">
      <c r="A35765" t="s">
        <v>22171</v>
      </c>
      <c r="B35765" t="s">
        <v>22172</v>
      </c>
      <c r="C35765" t="s">
        <v>22097</v>
      </c>
      <c r="D35765" t="s">
        <v>22098</v>
      </c>
      <c r="E35765" t="s">
        <v>21687</v>
      </c>
      <c r="F35765" t="s">
        <v>21688</v>
      </c>
      <c r="G35765" t="s">
        <v>20255</v>
      </c>
      <c r="H35765" t="s">
        <v>20256</v>
      </c>
      <c r="I35765" s="2">
        <v>1</v>
      </c>
      <c r="J35765" s="2">
        <v>0</v>
      </c>
      <c r="K35765" s="2">
        <v>0</v>
      </c>
      <c r="L35765" t="s">
        <v>120</v>
      </c>
      <c r="M35765" t="s">
        <v>83</v>
      </c>
      <c r="N35765" t="s">
        <v>91</v>
      </c>
      <c r="O35765" t="s">
        <v>85</v>
      </c>
      <c r="P35765" t="s">
        <v>86</v>
      </c>
      <c r="Q35765">
        <v>75</v>
      </c>
      <c r="R35765">
        <v>76</v>
      </c>
      <c r="S35765">
        <v>77</v>
      </c>
      <c r="T35765">
        <v>78</v>
      </c>
      <c r="U35765">
        <v>78</v>
      </c>
      <c r="V35765">
        <v>79</v>
      </c>
      <c r="W35765">
        <v>80</v>
      </c>
      <c r="X35765">
        <v>81</v>
      </c>
      <c r="Y35765">
        <v>81</v>
      </c>
      <c r="Z35765">
        <v>82</v>
      </c>
      <c r="AA35765">
        <v>83</v>
      </c>
      <c r="AB35765">
        <v>83</v>
      </c>
      <c r="AC35765">
        <v>84</v>
      </c>
      <c r="AD35765">
        <v>85</v>
      </c>
      <c r="AE35765">
        <v>85</v>
      </c>
      <c r="AF35765">
        <v>86</v>
      </c>
      <c r="AG35765">
        <v>87</v>
      </c>
      <c r="AH35765">
        <v>88</v>
      </c>
      <c r="AI35765">
        <v>88</v>
      </c>
      <c r="AJ35765">
        <v>89</v>
      </c>
      <c r="AK35765">
        <v>90</v>
      </c>
      <c r="AL35765">
        <v>90</v>
      </c>
      <c r="AM35765">
        <v>90</v>
      </c>
      <c r="AN35765">
        <v>90</v>
      </c>
      <c r="AO35765">
        <v>90</v>
      </c>
      <c r="AP35765">
        <v>90</v>
      </c>
      <c r="AQ35765">
        <v>90</v>
      </c>
    </row>
    <row r="35766" spans="1:43">
      <c r="A35766" t="s">
        <v>22173</v>
      </c>
      <c r="B35766" t="s">
        <v>22174</v>
      </c>
      <c r="C35766" t="s">
        <v>22157</v>
      </c>
      <c r="D35766" t="s">
        <v>22158</v>
      </c>
      <c r="E35766" t="s">
        <v>21687</v>
      </c>
      <c r="F35766" t="s">
        <v>21688</v>
      </c>
      <c r="G35766" t="s">
        <v>20255</v>
      </c>
      <c r="H35766" t="s">
        <v>20256</v>
      </c>
      <c r="I35766" s="2">
        <v>1</v>
      </c>
      <c r="J35766" s="2">
        <v>0</v>
      </c>
      <c r="K35766" s="2">
        <v>0</v>
      </c>
      <c r="L35766" t="s">
        <v>120</v>
      </c>
      <c r="M35766" t="s">
        <v>83</v>
      </c>
      <c r="N35766" t="s">
        <v>84</v>
      </c>
      <c r="O35766" t="s">
        <v>85</v>
      </c>
      <c r="P35766" t="s">
        <v>86</v>
      </c>
      <c r="Q35766">
        <v>13</v>
      </c>
      <c r="R35766">
        <v>13</v>
      </c>
      <c r="S35766">
        <v>13</v>
      </c>
      <c r="T35766">
        <v>13</v>
      </c>
      <c r="U35766">
        <v>13</v>
      </c>
      <c r="V35766">
        <v>13</v>
      </c>
      <c r="W35766">
        <v>14</v>
      </c>
      <c r="X35766">
        <v>14</v>
      </c>
      <c r="Y35766">
        <v>14</v>
      </c>
      <c r="Z35766">
        <v>14</v>
      </c>
      <c r="AA35766">
        <v>14</v>
      </c>
      <c r="AB35766">
        <v>14</v>
      </c>
      <c r="AC35766">
        <v>14</v>
      </c>
      <c r="AD35766">
        <v>14</v>
      </c>
      <c r="AE35766">
        <v>15</v>
      </c>
      <c r="AF35766">
        <v>15</v>
      </c>
      <c r="AG35766">
        <v>15</v>
      </c>
      <c r="AH35766">
        <v>15</v>
      </c>
      <c r="AI35766">
        <v>15</v>
      </c>
      <c r="AJ35766">
        <v>15</v>
      </c>
      <c r="AK35766">
        <v>15</v>
      </c>
      <c r="AL35766">
        <v>15</v>
      </c>
      <c r="AM35766">
        <v>15</v>
      </c>
      <c r="AN35766">
        <v>15</v>
      </c>
      <c r="AO35766">
        <v>15</v>
      </c>
      <c r="AP35766">
        <v>15</v>
      </c>
      <c r="AQ35766">
        <v>15</v>
      </c>
    </row>
    <row r="35767" spans="1:43">
      <c r="A35767" t="s">
        <v>22173</v>
      </c>
      <c r="B35767" t="s">
        <v>22174</v>
      </c>
      <c r="C35767" t="s">
        <v>22157</v>
      </c>
      <c r="D35767" t="s">
        <v>22158</v>
      </c>
      <c r="E35767" t="s">
        <v>21687</v>
      </c>
      <c r="F35767" t="s">
        <v>21688</v>
      </c>
      <c r="G35767" t="s">
        <v>20255</v>
      </c>
      <c r="H35767" t="s">
        <v>20256</v>
      </c>
      <c r="I35767" s="2">
        <v>1</v>
      </c>
      <c r="J35767" s="2">
        <v>0</v>
      </c>
      <c r="K35767" s="2">
        <v>0</v>
      </c>
      <c r="L35767" t="s">
        <v>120</v>
      </c>
      <c r="M35767" t="s">
        <v>87</v>
      </c>
      <c r="N35767" t="s">
        <v>88</v>
      </c>
      <c r="O35767" t="s">
        <v>85</v>
      </c>
      <c r="P35767" t="s">
        <v>86</v>
      </c>
      <c r="Q35767">
        <v>13</v>
      </c>
      <c r="R35767">
        <v>13</v>
      </c>
      <c r="S35767">
        <v>13</v>
      </c>
      <c r="T35767">
        <v>13</v>
      </c>
      <c r="U35767">
        <v>13</v>
      </c>
      <c r="V35767">
        <v>13</v>
      </c>
      <c r="W35767">
        <v>13</v>
      </c>
      <c r="X35767">
        <v>13</v>
      </c>
      <c r="Y35767">
        <v>13</v>
      </c>
      <c r="Z35767">
        <v>13</v>
      </c>
      <c r="AA35767">
        <v>13</v>
      </c>
      <c r="AB35767">
        <v>13</v>
      </c>
      <c r="AC35767">
        <v>13</v>
      </c>
      <c r="AD35767">
        <v>13</v>
      </c>
      <c r="AE35767">
        <v>13</v>
      </c>
      <c r="AF35767">
        <v>13</v>
      </c>
      <c r="AG35767">
        <v>13</v>
      </c>
      <c r="AH35767">
        <v>13</v>
      </c>
      <c r="AI35767">
        <v>13</v>
      </c>
      <c r="AJ35767">
        <v>13</v>
      </c>
      <c r="AK35767">
        <v>13</v>
      </c>
      <c r="AL35767">
        <v>13</v>
      </c>
      <c r="AM35767">
        <v>13</v>
      </c>
      <c r="AN35767">
        <v>13</v>
      </c>
      <c r="AO35767">
        <v>13</v>
      </c>
      <c r="AP35767">
        <v>13</v>
      </c>
      <c r="AQ35767">
        <v>13</v>
      </c>
    </row>
    <row r="35768" spans="1:43">
      <c r="A35768" t="s">
        <v>22173</v>
      </c>
      <c r="B35768" t="s">
        <v>22174</v>
      </c>
      <c r="C35768" t="s">
        <v>22157</v>
      </c>
      <c r="D35768" t="s">
        <v>22158</v>
      </c>
      <c r="E35768" t="s">
        <v>21687</v>
      </c>
      <c r="F35768" t="s">
        <v>21688</v>
      </c>
      <c r="G35768" t="s">
        <v>20255</v>
      </c>
      <c r="H35768" t="s">
        <v>20256</v>
      </c>
      <c r="I35768" s="2">
        <v>1</v>
      </c>
      <c r="J35768" s="2">
        <v>0</v>
      </c>
      <c r="K35768" s="2">
        <v>0</v>
      </c>
      <c r="L35768" t="s">
        <v>120</v>
      </c>
      <c r="M35768" t="s">
        <v>89</v>
      </c>
      <c r="N35768" t="s">
        <v>90</v>
      </c>
      <c r="O35768" t="s">
        <v>85</v>
      </c>
      <c r="P35768" t="s">
        <v>86</v>
      </c>
      <c r="Q35768">
        <v>13</v>
      </c>
      <c r="R35768">
        <v>13</v>
      </c>
      <c r="S35768">
        <v>13</v>
      </c>
      <c r="T35768">
        <v>14</v>
      </c>
      <c r="U35768">
        <v>14</v>
      </c>
      <c r="V35768">
        <v>14</v>
      </c>
      <c r="W35768">
        <v>14</v>
      </c>
      <c r="X35768">
        <v>14</v>
      </c>
      <c r="Y35768">
        <v>15</v>
      </c>
      <c r="Z35768">
        <v>15</v>
      </c>
      <c r="AA35768">
        <v>15</v>
      </c>
      <c r="AB35768">
        <v>15</v>
      </c>
      <c r="AC35768">
        <v>15</v>
      </c>
      <c r="AD35768">
        <v>15</v>
      </c>
      <c r="AE35768">
        <v>16</v>
      </c>
      <c r="AF35768">
        <v>16</v>
      </c>
      <c r="AG35768">
        <v>16</v>
      </c>
      <c r="AH35768">
        <v>16</v>
      </c>
      <c r="AI35768">
        <v>16</v>
      </c>
      <c r="AJ35768">
        <v>16</v>
      </c>
      <c r="AK35768">
        <v>16</v>
      </c>
      <c r="AL35768">
        <v>16</v>
      </c>
      <c r="AM35768">
        <v>16</v>
      </c>
      <c r="AN35768">
        <v>16</v>
      </c>
      <c r="AO35768">
        <v>16</v>
      </c>
      <c r="AP35768">
        <v>16</v>
      </c>
      <c r="AQ35768">
        <v>16</v>
      </c>
    </row>
    <row r="35769" spans="1:43">
      <c r="A35769" t="s">
        <v>22173</v>
      </c>
      <c r="B35769" t="s">
        <v>22174</v>
      </c>
      <c r="C35769" t="s">
        <v>22157</v>
      </c>
      <c r="D35769" t="s">
        <v>22158</v>
      </c>
      <c r="E35769" t="s">
        <v>21687</v>
      </c>
      <c r="F35769" t="s">
        <v>21688</v>
      </c>
      <c r="G35769" t="s">
        <v>20255</v>
      </c>
      <c r="H35769" t="s">
        <v>20256</v>
      </c>
      <c r="I35769" s="2">
        <v>1</v>
      </c>
      <c r="J35769" s="2">
        <v>0</v>
      </c>
      <c r="K35769" s="2">
        <v>0</v>
      </c>
      <c r="L35769" t="s">
        <v>120</v>
      </c>
      <c r="M35769" t="s">
        <v>83</v>
      </c>
      <c r="N35769" t="s">
        <v>91</v>
      </c>
      <c r="O35769" t="s">
        <v>85</v>
      </c>
      <c r="P35769" t="s">
        <v>86</v>
      </c>
      <c r="Q35769">
        <v>13</v>
      </c>
      <c r="R35769">
        <v>13</v>
      </c>
      <c r="S35769">
        <v>13</v>
      </c>
      <c r="T35769">
        <v>13</v>
      </c>
      <c r="U35769">
        <v>13</v>
      </c>
      <c r="V35769">
        <v>13</v>
      </c>
      <c r="W35769">
        <v>14</v>
      </c>
      <c r="X35769">
        <v>14</v>
      </c>
      <c r="Y35769">
        <v>14</v>
      </c>
      <c r="Z35769">
        <v>14</v>
      </c>
      <c r="AA35769">
        <v>14</v>
      </c>
      <c r="AB35769">
        <v>14</v>
      </c>
      <c r="AC35769">
        <v>14</v>
      </c>
      <c r="AD35769">
        <v>14</v>
      </c>
      <c r="AE35769">
        <v>15</v>
      </c>
      <c r="AF35769">
        <v>15</v>
      </c>
      <c r="AG35769">
        <v>15</v>
      </c>
      <c r="AH35769">
        <v>15</v>
      </c>
      <c r="AI35769">
        <v>15</v>
      </c>
      <c r="AJ35769">
        <v>15</v>
      </c>
      <c r="AK35769">
        <v>15</v>
      </c>
      <c r="AL35769">
        <v>15</v>
      </c>
      <c r="AM35769">
        <v>15</v>
      </c>
      <c r="AN35769">
        <v>15</v>
      </c>
      <c r="AO35769">
        <v>15</v>
      </c>
      <c r="AP35769">
        <v>15</v>
      </c>
      <c r="AQ35769">
        <v>15</v>
      </c>
    </row>
    <row r="35770" spans="1:43">
      <c r="A35770" t="s">
        <v>22175</v>
      </c>
      <c r="B35770" t="s">
        <v>22176</v>
      </c>
      <c r="C35770" t="s">
        <v>22157</v>
      </c>
      <c r="D35770" t="s">
        <v>22158</v>
      </c>
      <c r="E35770" t="s">
        <v>21687</v>
      </c>
      <c r="F35770" t="s">
        <v>21688</v>
      </c>
      <c r="G35770" t="s">
        <v>20255</v>
      </c>
      <c r="H35770" t="s">
        <v>20256</v>
      </c>
      <c r="I35770" s="2">
        <v>1</v>
      </c>
      <c r="J35770" s="2">
        <v>0</v>
      </c>
      <c r="K35770" s="2">
        <v>0</v>
      </c>
      <c r="L35770" t="s">
        <v>120</v>
      </c>
      <c r="M35770" t="s">
        <v>83</v>
      </c>
      <c r="N35770" t="s">
        <v>84</v>
      </c>
      <c r="O35770" t="s">
        <v>85</v>
      </c>
      <c r="P35770" t="s">
        <v>86</v>
      </c>
      <c r="Q35770">
        <v>3</v>
      </c>
      <c r="R35770">
        <v>3</v>
      </c>
      <c r="S35770">
        <v>3</v>
      </c>
      <c r="T35770">
        <v>3</v>
      </c>
      <c r="U35770">
        <v>3</v>
      </c>
      <c r="V35770">
        <v>3</v>
      </c>
      <c r="W35770">
        <v>3</v>
      </c>
      <c r="X35770">
        <v>3</v>
      </c>
      <c r="Y35770">
        <v>3</v>
      </c>
      <c r="Z35770">
        <v>3</v>
      </c>
      <c r="AA35770">
        <v>3</v>
      </c>
      <c r="AB35770">
        <v>3</v>
      </c>
      <c r="AC35770">
        <v>3</v>
      </c>
      <c r="AD35770">
        <v>3</v>
      </c>
      <c r="AE35770">
        <v>4</v>
      </c>
      <c r="AF35770">
        <v>4</v>
      </c>
      <c r="AG35770">
        <v>4</v>
      </c>
      <c r="AH35770">
        <v>4</v>
      </c>
      <c r="AI35770">
        <v>4</v>
      </c>
      <c r="AJ35770">
        <v>4</v>
      </c>
      <c r="AK35770">
        <v>4</v>
      </c>
      <c r="AL35770">
        <v>4</v>
      </c>
      <c r="AM35770">
        <v>4</v>
      </c>
      <c r="AN35770">
        <v>4</v>
      </c>
      <c r="AO35770">
        <v>4</v>
      </c>
      <c r="AP35770">
        <v>4</v>
      </c>
      <c r="AQ35770">
        <v>4</v>
      </c>
    </row>
    <row r="35771" spans="1:43">
      <c r="A35771" t="s">
        <v>22175</v>
      </c>
      <c r="B35771" t="s">
        <v>22176</v>
      </c>
      <c r="C35771" t="s">
        <v>22157</v>
      </c>
      <c r="D35771" t="s">
        <v>22158</v>
      </c>
      <c r="E35771" t="s">
        <v>21687</v>
      </c>
      <c r="F35771" t="s">
        <v>21688</v>
      </c>
      <c r="G35771" t="s">
        <v>20255</v>
      </c>
      <c r="H35771" t="s">
        <v>20256</v>
      </c>
      <c r="I35771" s="2">
        <v>1</v>
      </c>
      <c r="J35771" s="2">
        <v>0</v>
      </c>
      <c r="K35771" s="2">
        <v>0</v>
      </c>
      <c r="L35771" t="s">
        <v>120</v>
      </c>
      <c r="M35771" t="s">
        <v>87</v>
      </c>
      <c r="N35771" t="s">
        <v>88</v>
      </c>
      <c r="O35771" t="s">
        <v>85</v>
      </c>
      <c r="P35771" t="s">
        <v>86</v>
      </c>
      <c r="Q35771">
        <v>3</v>
      </c>
      <c r="R35771">
        <v>3</v>
      </c>
      <c r="S35771">
        <v>3</v>
      </c>
      <c r="T35771">
        <v>3</v>
      </c>
      <c r="U35771">
        <v>3</v>
      </c>
      <c r="V35771">
        <v>3</v>
      </c>
      <c r="W35771">
        <v>3</v>
      </c>
      <c r="X35771">
        <v>3</v>
      </c>
      <c r="Y35771">
        <v>3</v>
      </c>
      <c r="Z35771">
        <v>3</v>
      </c>
      <c r="AA35771">
        <v>3</v>
      </c>
      <c r="AB35771">
        <v>3</v>
      </c>
      <c r="AC35771">
        <v>3</v>
      </c>
      <c r="AD35771">
        <v>3</v>
      </c>
      <c r="AE35771">
        <v>3</v>
      </c>
      <c r="AF35771">
        <v>3</v>
      </c>
      <c r="AG35771">
        <v>3</v>
      </c>
      <c r="AH35771">
        <v>3</v>
      </c>
      <c r="AI35771">
        <v>3</v>
      </c>
      <c r="AJ35771">
        <v>3</v>
      </c>
      <c r="AK35771">
        <v>3</v>
      </c>
      <c r="AL35771">
        <v>3</v>
      </c>
      <c r="AM35771">
        <v>3</v>
      </c>
      <c r="AN35771">
        <v>3</v>
      </c>
      <c r="AO35771">
        <v>3</v>
      </c>
      <c r="AP35771">
        <v>3</v>
      </c>
      <c r="AQ35771">
        <v>3</v>
      </c>
    </row>
    <row r="35772" spans="1:43">
      <c r="A35772" t="s">
        <v>22175</v>
      </c>
      <c r="B35772" t="s">
        <v>22176</v>
      </c>
      <c r="C35772" t="s">
        <v>22157</v>
      </c>
      <c r="D35772" t="s">
        <v>22158</v>
      </c>
      <c r="E35772" t="s">
        <v>21687</v>
      </c>
      <c r="F35772" t="s">
        <v>21688</v>
      </c>
      <c r="G35772" t="s">
        <v>20255</v>
      </c>
      <c r="H35772" t="s">
        <v>20256</v>
      </c>
      <c r="I35772" s="2">
        <v>1</v>
      </c>
      <c r="J35772" s="2">
        <v>0</v>
      </c>
      <c r="K35772" s="2">
        <v>0</v>
      </c>
      <c r="L35772" t="s">
        <v>120</v>
      </c>
      <c r="M35772" t="s">
        <v>89</v>
      </c>
      <c r="N35772" t="s">
        <v>90</v>
      </c>
      <c r="O35772" t="s">
        <v>85</v>
      </c>
      <c r="P35772" t="s">
        <v>86</v>
      </c>
      <c r="Q35772">
        <v>3</v>
      </c>
      <c r="R35772">
        <v>3</v>
      </c>
      <c r="S35772">
        <v>3</v>
      </c>
      <c r="T35772">
        <v>3</v>
      </c>
      <c r="U35772">
        <v>3</v>
      </c>
      <c r="V35772">
        <v>3</v>
      </c>
      <c r="W35772">
        <v>3</v>
      </c>
      <c r="X35772">
        <v>3</v>
      </c>
      <c r="Y35772">
        <v>4</v>
      </c>
      <c r="Z35772">
        <v>4</v>
      </c>
      <c r="AA35772">
        <v>4</v>
      </c>
      <c r="AB35772">
        <v>4</v>
      </c>
      <c r="AC35772">
        <v>4</v>
      </c>
      <c r="AD35772">
        <v>4</v>
      </c>
      <c r="AE35772">
        <v>4</v>
      </c>
      <c r="AF35772">
        <v>4</v>
      </c>
      <c r="AG35772">
        <v>4</v>
      </c>
      <c r="AH35772">
        <v>4</v>
      </c>
      <c r="AI35772">
        <v>4</v>
      </c>
      <c r="AJ35772">
        <v>4</v>
      </c>
      <c r="AK35772">
        <v>4</v>
      </c>
      <c r="AL35772">
        <v>4</v>
      </c>
      <c r="AM35772">
        <v>4</v>
      </c>
      <c r="AN35772">
        <v>4</v>
      </c>
      <c r="AO35772">
        <v>4</v>
      </c>
      <c r="AP35772">
        <v>4</v>
      </c>
      <c r="AQ35772">
        <v>4</v>
      </c>
    </row>
    <row r="35773" spans="1:43">
      <c r="A35773" t="s">
        <v>22175</v>
      </c>
      <c r="B35773" t="s">
        <v>22176</v>
      </c>
      <c r="C35773" t="s">
        <v>22157</v>
      </c>
      <c r="D35773" t="s">
        <v>22158</v>
      </c>
      <c r="E35773" t="s">
        <v>21687</v>
      </c>
      <c r="F35773" t="s">
        <v>21688</v>
      </c>
      <c r="G35773" t="s">
        <v>20255</v>
      </c>
      <c r="H35773" t="s">
        <v>20256</v>
      </c>
      <c r="I35773" s="2">
        <v>1</v>
      </c>
      <c r="J35773" s="2">
        <v>0</v>
      </c>
      <c r="K35773" s="2">
        <v>0</v>
      </c>
      <c r="L35773" t="s">
        <v>120</v>
      </c>
      <c r="M35773" t="s">
        <v>83</v>
      </c>
      <c r="N35773" t="s">
        <v>91</v>
      </c>
      <c r="O35773" t="s">
        <v>85</v>
      </c>
      <c r="P35773" t="s">
        <v>86</v>
      </c>
      <c r="Q35773">
        <v>3</v>
      </c>
      <c r="R35773">
        <v>3</v>
      </c>
      <c r="S35773">
        <v>3</v>
      </c>
      <c r="T35773">
        <v>3</v>
      </c>
      <c r="U35773">
        <v>3</v>
      </c>
      <c r="V35773">
        <v>3</v>
      </c>
      <c r="W35773">
        <v>3</v>
      </c>
      <c r="X35773">
        <v>3</v>
      </c>
      <c r="Y35773">
        <v>3</v>
      </c>
      <c r="Z35773">
        <v>3</v>
      </c>
      <c r="AA35773">
        <v>3</v>
      </c>
      <c r="AB35773">
        <v>3</v>
      </c>
      <c r="AC35773">
        <v>3</v>
      </c>
      <c r="AD35773">
        <v>3</v>
      </c>
      <c r="AE35773">
        <v>4</v>
      </c>
      <c r="AF35773">
        <v>4</v>
      </c>
      <c r="AG35773">
        <v>4</v>
      </c>
      <c r="AH35773">
        <v>4</v>
      </c>
      <c r="AI35773">
        <v>4</v>
      </c>
      <c r="AJ35773">
        <v>4</v>
      </c>
      <c r="AK35773">
        <v>4</v>
      </c>
      <c r="AL35773">
        <v>4</v>
      </c>
      <c r="AM35773">
        <v>4</v>
      </c>
      <c r="AN35773">
        <v>4</v>
      </c>
      <c r="AO35773">
        <v>4</v>
      </c>
      <c r="AP35773">
        <v>4</v>
      </c>
      <c r="AQ35773">
        <v>4</v>
      </c>
    </row>
    <row r="35774" spans="1:43">
      <c r="A35774" t="s">
        <v>22177</v>
      </c>
      <c r="B35774" t="s">
        <v>22178</v>
      </c>
      <c r="C35774" t="s">
        <v>22157</v>
      </c>
      <c r="D35774" t="s">
        <v>22158</v>
      </c>
      <c r="E35774" t="s">
        <v>21687</v>
      </c>
      <c r="F35774" t="s">
        <v>21688</v>
      </c>
      <c r="G35774" t="s">
        <v>20255</v>
      </c>
      <c r="H35774" t="s">
        <v>20256</v>
      </c>
      <c r="I35774" s="2">
        <v>1</v>
      </c>
      <c r="J35774" s="2">
        <v>0</v>
      </c>
      <c r="K35774" s="2">
        <v>0</v>
      </c>
      <c r="L35774" t="s">
        <v>120</v>
      </c>
      <c r="M35774" t="s">
        <v>83</v>
      </c>
      <c r="N35774" t="s">
        <v>84</v>
      </c>
      <c r="O35774" t="s">
        <v>85</v>
      </c>
      <c r="P35774" t="s">
        <v>86</v>
      </c>
      <c r="Q35774">
        <v>11</v>
      </c>
      <c r="R35774">
        <v>11</v>
      </c>
      <c r="S35774">
        <v>11</v>
      </c>
      <c r="T35774">
        <v>11</v>
      </c>
      <c r="U35774">
        <v>11</v>
      </c>
      <c r="V35774">
        <v>11</v>
      </c>
      <c r="W35774">
        <v>11</v>
      </c>
      <c r="X35774">
        <v>12</v>
      </c>
      <c r="Y35774">
        <v>12</v>
      </c>
      <c r="Z35774">
        <v>12</v>
      </c>
      <c r="AA35774">
        <v>12</v>
      </c>
      <c r="AB35774">
        <v>12</v>
      </c>
      <c r="AC35774">
        <v>12</v>
      </c>
      <c r="AD35774">
        <v>12</v>
      </c>
      <c r="AE35774">
        <v>12</v>
      </c>
      <c r="AF35774">
        <v>12</v>
      </c>
      <c r="AG35774">
        <v>13</v>
      </c>
      <c r="AH35774">
        <v>13</v>
      </c>
      <c r="AI35774">
        <v>13</v>
      </c>
      <c r="AJ35774">
        <v>13</v>
      </c>
      <c r="AK35774">
        <v>13</v>
      </c>
      <c r="AL35774">
        <v>13</v>
      </c>
      <c r="AM35774">
        <v>13</v>
      </c>
      <c r="AN35774">
        <v>13</v>
      </c>
      <c r="AO35774">
        <v>13</v>
      </c>
      <c r="AP35774">
        <v>13</v>
      </c>
      <c r="AQ35774">
        <v>13</v>
      </c>
    </row>
    <row r="35775" spans="1:43">
      <c r="A35775" t="s">
        <v>22177</v>
      </c>
      <c r="B35775" t="s">
        <v>22178</v>
      </c>
      <c r="C35775" t="s">
        <v>22157</v>
      </c>
      <c r="D35775" t="s">
        <v>22158</v>
      </c>
      <c r="E35775" t="s">
        <v>21687</v>
      </c>
      <c r="F35775" t="s">
        <v>21688</v>
      </c>
      <c r="G35775" t="s">
        <v>20255</v>
      </c>
      <c r="H35775" t="s">
        <v>20256</v>
      </c>
      <c r="I35775" s="2">
        <v>1</v>
      </c>
      <c r="J35775" s="2">
        <v>0</v>
      </c>
      <c r="K35775" s="2">
        <v>0</v>
      </c>
      <c r="L35775" t="s">
        <v>120</v>
      </c>
      <c r="M35775" t="s">
        <v>87</v>
      </c>
      <c r="N35775" t="s">
        <v>88</v>
      </c>
      <c r="O35775" t="s">
        <v>85</v>
      </c>
      <c r="P35775" t="s">
        <v>86</v>
      </c>
      <c r="Q35775">
        <v>11</v>
      </c>
      <c r="R35775">
        <v>11</v>
      </c>
      <c r="S35775">
        <v>11</v>
      </c>
      <c r="T35775">
        <v>11</v>
      </c>
      <c r="U35775">
        <v>11</v>
      </c>
      <c r="V35775">
        <v>11</v>
      </c>
      <c r="W35775">
        <v>11</v>
      </c>
      <c r="X35775">
        <v>11</v>
      </c>
      <c r="Y35775">
        <v>11</v>
      </c>
      <c r="Z35775">
        <v>11</v>
      </c>
      <c r="AA35775">
        <v>11</v>
      </c>
      <c r="AB35775">
        <v>11</v>
      </c>
      <c r="AC35775">
        <v>11</v>
      </c>
      <c r="AD35775">
        <v>11</v>
      </c>
      <c r="AE35775">
        <v>11</v>
      </c>
      <c r="AF35775">
        <v>11</v>
      </c>
      <c r="AG35775">
        <v>11</v>
      </c>
      <c r="AH35775">
        <v>11</v>
      </c>
      <c r="AI35775">
        <v>11</v>
      </c>
      <c r="AJ35775">
        <v>11</v>
      </c>
      <c r="AK35775">
        <v>11</v>
      </c>
      <c r="AL35775">
        <v>11</v>
      </c>
      <c r="AM35775">
        <v>11</v>
      </c>
      <c r="AN35775">
        <v>11</v>
      </c>
      <c r="AO35775">
        <v>11</v>
      </c>
      <c r="AP35775">
        <v>11</v>
      </c>
      <c r="AQ35775">
        <v>11</v>
      </c>
    </row>
    <row r="35776" spans="1:43">
      <c r="A35776" t="s">
        <v>22177</v>
      </c>
      <c r="B35776" t="s">
        <v>22178</v>
      </c>
      <c r="C35776" t="s">
        <v>22157</v>
      </c>
      <c r="D35776" t="s">
        <v>22158</v>
      </c>
      <c r="E35776" t="s">
        <v>21687</v>
      </c>
      <c r="F35776" t="s">
        <v>21688</v>
      </c>
      <c r="G35776" t="s">
        <v>20255</v>
      </c>
      <c r="H35776" t="s">
        <v>20256</v>
      </c>
      <c r="I35776" s="2">
        <v>1</v>
      </c>
      <c r="J35776" s="2">
        <v>0</v>
      </c>
      <c r="K35776" s="2">
        <v>0</v>
      </c>
      <c r="L35776" t="s">
        <v>120</v>
      </c>
      <c r="M35776" t="s">
        <v>89</v>
      </c>
      <c r="N35776" t="s">
        <v>90</v>
      </c>
      <c r="O35776" t="s">
        <v>85</v>
      </c>
      <c r="P35776" t="s">
        <v>86</v>
      </c>
      <c r="Q35776">
        <v>11</v>
      </c>
      <c r="R35776">
        <v>11</v>
      </c>
      <c r="S35776">
        <v>11</v>
      </c>
      <c r="T35776">
        <v>12</v>
      </c>
      <c r="U35776">
        <v>12</v>
      </c>
      <c r="V35776">
        <v>12</v>
      </c>
      <c r="W35776">
        <v>12</v>
      </c>
      <c r="X35776">
        <v>12</v>
      </c>
      <c r="Y35776">
        <v>12</v>
      </c>
      <c r="Z35776">
        <v>13</v>
      </c>
      <c r="AA35776">
        <v>13</v>
      </c>
      <c r="AB35776">
        <v>13</v>
      </c>
      <c r="AC35776">
        <v>13</v>
      </c>
      <c r="AD35776">
        <v>13</v>
      </c>
      <c r="AE35776">
        <v>13</v>
      </c>
      <c r="AF35776">
        <v>13</v>
      </c>
      <c r="AG35776">
        <v>13</v>
      </c>
      <c r="AH35776">
        <v>13</v>
      </c>
      <c r="AI35776">
        <v>13</v>
      </c>
      <c r="AJ35776">
        <v>13</v>
      </c>
      <c r="AK35776">
        <v>13</v>
      </c>
      <c r="AL35776">
        <v>13</v>
      </c>
      <c r="AM35776">
        <v>13</v>
      </c>
      <c r="AN35776">
        <v>13</v>
      </c>
      <c r="AO35776">
        <v>13</v>
      </c>
      <c r="AP35776">
        <v>13</v>
      </c>
      <c r="AQ35776">
        <v>13</v>
      </c>
    </row>
    <row r="35777" spans="1:43">
      <c r="A35777" t="s">
        <v>22177</v>
      </c>
      <c r="B35777" t="s">
        <v>22178</v>
      </c>
      <c r="C35777" t="s">
        <v>22157</v>
      </c>
      <c r="D35777" t="s">
        <v>22158</v>
      </c>
      <c r="E35777" t="s">
        <v>21687</v>
      </c>
      <c r="F35777" t="s">
        <v>21688</v>
      </c>
      <c r="G35777" t="s">
        <v>20255</v>
      </c>
      <c r="H35777" t="s">
        <v>20256</v>
      </c>
      <c r="I35777" s="2">
        <v>1</v>
      </c>
      <c r="J35777" s="2">
        <v>0</v>
      </c>
      <c r="K35777" s="2">
        <v>0</v>
      </c>
      <c r="L35777" t="s">
        <v>120</v>
      </c>
      <c r="M35777" t="s">
        <v>83</v>
      </c>
      <c r="N35777" t="s">
        <v>91</v>
      </c>
      <c r="O35777" t="s">
        <v>85</v>
      </c>
      <c r="P35777" t="s">
        <v>86</v>
      </c>
      <c r="Q35777">
        <v>11</v>
      </c>
      <c r="R35777">
        <v>11</v>
      </c>
      <c r="S35777">
        <v>11</v>
      </c>
      <c r="T35777">
        <v>11</v>
      </c>
      <c r="U35777">
        <v>11</v>
      </c>
      <c r="V35777">
        <v>11</v>
      </c>
      <c r="W35777">
        <v>11</v>
      </c>
      <c r="X35777">
        <v>12</v>
      </c>
      <c r="Y35777">
        <v>12</v>
      </c>
      <c r="Z35777">
        <v>12</v>
      </c>
      <c r="AA35777">
        <v>12</v>
      </c>
      <c r="AB35777">
        <v>12</v>
      </c>
      <c r="AC35777">
        <v>12</v>
      </c>
      <c r="AD35777">
        <v>12</v>
      </c>
      <c r="AE35777">
        <v>12</v>
      </c>
      <c r="AF35777">
        <v>12</v>
      </c>
      <c r="AG35777">
        <v>13</v>
      </c>
      <c r="AH35777">
        <v>13</v>
      </c>
      <c r="AI35777">
        <v>13</v>
      </c>
      <c r="AJ35777">
        <v>13</v>
      </c>
      <c r="AK35777">
        <v>13</v>
      </c>
      <c r="AL35777">
        <v>13</v>
      </c>
      <c r="AM35777">
        <v>13</v>
      </c>
      <c r="AN35777">
        <v>13</v>
      </c>
      <c r="AO35777">
        <v>13</v>
      </c>
      <c r="AP35777">
        <v>13</v>
      </c>
      <c r="AQ35777">
        <v>13</v>
      </c>
    </row>
    <row r="35778" spans="1:43">
      <c r="A35778" t="s">
        <v>22179</v>
      </c>
      <c r="B35778" t="s">
        <v>22180</v>
      </c>
      <c r="C35778" t="s">
        <v>22181</v>
      </c>
      <c r="D35778" t="s">
        <v>22182</v>
      </c>
      <c r="E35778" t="s">
        <v>21687</v>
      </c>
      <c r="F35778" t="s">
        <v>21688</v>
      </c>
      <c r="G35778" t="s">
        <v>20255</v>
      </c>
      <c r="H35778" t="s">
        <v>20256</v>
      </c>
      <c r="I35778" s="2">
        <v>1</v>
      </c>
      <c r="J35778" s="2">
        <v>0</v>
      </c>
      <c r="K35778" s="2">
        <v>0</v>
      </c>
      <c r="L35778" t="s">
        <v>120</v>
      </c>
      <c r="M35778" t="s">
        <v>83</v>
      </c>
      <c r="N35778" t="s">
        <v>84</v>
      </c>
      <c r="O35778" t="s">
        <v>85</v>
      </c>
      <c r="P35778" t="s">
        <v>86</v>
      </c>
      <c r="Q35778">
        <v>8</v>
      </c>
      <c r="R35778">
        <v>8</v>
      </c>
      <c r="S35778">
        <v>8</v>
      </c>
      <c r="T35778">
        <v>8</v>
      </c>
      <c r="U35778">
        <v>8</v>
      </c>
      <c r="V35778">
        <v>9</v>
      </c>
      <c r="W35778">
        <v>9</v>
      </c>
      <c r="X35778">
        <v>9</v>
      </c>
      <c r="Y35778">
        <v>9</v>
      </c>
      <c r="Z35778">
        <v>9</v>
      </c>
      <c r="AA35778">
        <v>9</v>
      </c>
      <c r="AB35778">
        <v>9</v>
      </c>
      <c r="AC35778">
        <v>9</v>
      </c>
      <c r="AD35778">
        <v>9</v>
      </c>
      <c r="AE35778">
        <v>9</v>
      </c>
      <c r="AF35778">
        <v>9</v>
      </c>
      <c r="AG35778">
        <v>9</v>
      </c>
      <c r="AH35778">
        <v>9</v>
      </c>
      <c r="AI35778">
        <v>10</v>
      </c>
      <c r="AJ35778">
        <v>10</v>
      </c>
      <c r="AK35778">
        <v>10</v>
      </c>
      <c r="AL35778">
        <v>10</v>
      </c>
      <c r="AM35778">
        <v>10</v>
      </c>
      <c r="AN35778">
        <v>10</v>
      </c>
      <c r="AO35778">
        <v>10</v>
      </c>
      <c r="AP35778">
        <v>10</v>
      </c>
      <c r="AQ35778">
        <v>10</v>
      </c>
    </row>
    <row r="35779" spans="1:43">
      <c r="A35779" t="s">
        <v>22179</v>
      </c>
      <c r="B35779" t="s">
        <v>22180</v>
      </c>
      <c r="C35779" t="s">
        <v>22181</v>
      </c>
      <c r="D35779" t="s">
        <v>22182</v>
      </c>
      <c r="E35779" t="s">
        <v>21687</v>
      </c>
      <c r="F35779" t="s">
        <v>21688</v>
      </c>
      <c r="G35779" t="s">
        <v>20255</v>
      </c>
      <c r="H35779" t="s">
        <v>20256</v>
      </c>
      <c r="I35779" s="2">
        <v>1</v>
      </c>
      <c r="J35779" s="2">
        <v>0</v>
      </c>
      <c r="K35779" s="2">
        <v>0</v>
      </c>
      <c r="L35779" t="s">
        <v>120</v>
      </c>
      <c r="M35779" t="s">
        <v>87</v>
      </c>
      <c r="N35779" t="s">
        <v>88</v>
      </c>
      <c r="O35779" t="s">
        <v>85</v>
      </c>
      <c r="P35779" t="s">
        <v>86</v>
      </c>
      <c r="Q35779">
        <v>8</v>
      </c>
      <c r="R35779">
        <v>8</v>
      </c>
      <c r="S35779">
        <v>8</v>
      </c>
      <c r="T35779">
        <v>8</v>
      </c>
      <c r="U35779">
        <v>8</v>
      </c>
      <c r="V35779">
        <v>8</v>
      </c>
      <c r="W35779">
        <v>8</v>
      </c>
      <c r="X35779">
        <v>8</v>
      </c>
      <c r="Y35779">
        <v>8</v>
      </c>
      <c r="Z35779">
        <v>8</v>
      </c>
      <c r="AA35779">
        <v>8</v>
      </c>
      <c r="AB35779">
        <v>8</v>
      </c>
      <c r="AC35779">
        <v>8</v>
      </c>
      <c r="AD35779">
        <v>8</v>
      </c>
      <c r="AE35779">
        <v>8</v>
      </c>
      <c r="AF35779">
        <v>8</v>
      </c>
      <c r="AG35779">
        <v>8</v>
      </c>
      <c r="AH35779">
        <v>8</v>
      </c>
      <c r="AI35779">
        <v>8</v>
      </c>
      <c r="AJ35779">
        <v>8</v>
      </c>
      <c r="AK35779">
        <v>8</v>
      </c>
      <c r="AL35779">
        <v>8</v>
      </c>
      <c r="AM35779">
        <v>8</v>
      </c>
      <c r="AN35779">
        <v>8</v>
      </c>
      <c r="AO35779">
        <v>8</v>
      </c>
      <c r="AP35779">
        <v>8</v>
      </c>
      <c r="AQ35779">
        <v>8</v>
      </c>
    </row>
    <row r="35780" spans="1:43">
      <c r="A35780" t="s">
        <v>22179</v>
      </c>
      <c r="B35780" t="s">
        <v>22180</v>
      </c>
      <c r="C35780" t="s">
        <v>22181</v>
      </c>
      <c r="D35780" t="s">
        <v>22182</v>
      </c>
      <c r="E35780" t="s">
        <v>21687</v>
      </c>
      <c r="F35780" t="s">
        <v>21688</v>
      </c>
      <c r="G35780" t="s">
        <v>20255</v>
      </c>
      <c r="H35780" t="s">
        <v>20256</v>
      </c>
      <c r="I35780" s="2">
        <v>1</v>
      </c>
      <c r="J35780" s="2">
        <v>0</v>
      </c>
      <c r="K35780" s="2">
        <v>0</v>
      </c>
      <c r="L35780" t="s">
        <v>120</v>
      </c>
      <c r="M35780" t="s">
        <v>89</v>
      </c>
      <c r="N35780" t="s">
        <v>90</v>
      </c>
      <c r="O35780" t="s">
        <v>85</v>
      </c>
      <c r="P35780" t="s">
        <v>86</v>
      </c>
      <c r="Q35780">
        <v>8</v>
      </c>
      <c r="R35780">
        <v>8</v>
      </c>
      <c r="S35780">
        <v>8</v>
      </c>
      <c r="T35780">
        <v>9</v>
      </c>
      <c r="U35780">
        <v>9</v>
      </c>
      <c r="V35780">
        <v>9</v>
      </c>
      <c r="W35780">
        <v>9</v>
      </c>
      <c r="X35780">
        <v>9</v>
      </c>
      <c r="Y35780">
        <v>9</v>
      </c>
      <c r="Z35780">
        <v>9</v>
      </c>
      <c r="AA35780">
        <v>9</v>
      </c>
      <c r="AB35780">
        <v>10</v>
      </c>
      <c r="AC35780">
        <v>10</v>
      </c>
      <c r="AD35780">
        <v>10</v>
      </c>
      <c r="AE35780">
        <v>10</v>
      </c>
      <c r="AF35780">
        <v>10</v>
      </c>
      <c r="AG35780">
        <v>10</v>
      </c>
      <c r="AH35780">
        <v>10</v>
      </c>
      <c r="AI35780">
        <v>10</v>
      </c>
      <c r="AJ35780">
        <v>10</v>
      </c>
      <c r="AK35780">
        <v>10</v>
      </c>
      <c r="AL35780">
        <v>10</v>
      </c>
      <c r="AM35780">
        <v>10</v>
      </c>
      <c r="AN35780">
        <v>10</v>
      </c>
      <c r="AO35780">
        <v>10</v>
      </c>
      <c r="AP35780">
        <v>10</v>
      </c>
      <c r="AQ35780">
        <v>10</v>
      </c>
    </row>
    <row r="35781" spans="1:43">
      <c r="A35781" t="s">
        <v>22179</v>
      </c>
      <c r="B35781" t="s">
        <v>22180</v>
      </c>
      <c r="C35781" t="s">
        <v>22181</v>
      </c>
      <c r="D35781" t="s">
        <v>22182</v>
      </c>
      <c r="E35781" t="s">
        <v>21687</v>
      </c>
      <c r="F35781" t="s">
        <v>21688</v>
      </c>
      <c r="G35781" t="s">
        <v>20255</v>
      </c>
      <c r="H35781" t="s">
        <v>20256</v>
      </c>
      <c r="I35781" s="2">
        <v>1</v>
      </c>
      <c r="J35781" s="2">
        <v>0</v>
      </c>
      <c r="K35781" s="2">
        <v>0</v>
      </c>
      <c r="L35781" t="s">
        <v>120</v>
      </c>
      <c r="M35781" t="s">
        <v>83</v>
      </c>
      <c r="N35781" t="s">
        <v>91</v>
      </c>
      <c r="O35781" t="s">
        <v>85</v>
      </c>
      <c r="P35781" t="s">
        <v>86</v>
      </c>
      <c r="Q35781">
        <v>8</v>
      </c>
      <c r="R35781">
        <v>8</v>
      </c>
      <c r="S35781">
        <v>8</v>
      </c>
      <c r="T35781">
        <v>8</v>
      </c>
      <c r="U35781">
        <v>8</v>
      </c>
      <c r="V35781">
        <v>9</v>
      </c>
      <c r="W35781">
        <v>9</v>
      </c>
      <c r="X35781">
        <v>9</v>
      </c>
      <c r="Y35781">
        <v>9</v>
      </c>
      <c r="Z35781">
        <v>9</v>
      </c>
      <c r="AA35781">
        <v>9</v>
      </c>
      <c r="AB35781">
        <v>9</v>
      </c>
      <c r="AC35781">
        <v>9</v>
      </c>
      <c r="AD35781">
        <v>9</v>
      </c>
      <c r="AE35781">
        <v>9</v>
      </c>
      <c r="AF35781">
        <v>9</v>
      </c>
      <c r="AG35781">
        <v>9</v>
      </c>
      <c r="AH35781">
        <v>9</v>
      </c>
      <c r="AI35781">
        <v>10</v>
      </c>
      <c r="AJ35781">
        <v>10</v>
      </c>
      <c r="AK35781">
        <v>10</v>
      </c>
      <c r="AL35781">
        <v>10</v>
      </c>
      <c r="AM35781">
        <v>10</v>
      </c>
      <c r="AN35781">
        <v>10</v>
      </c>
      <c r="AO35781">
        <v>10</v>
      </c>
      <c r="AP35781">
        <v>10</v>
      </c>
      <c r="AQ35781">
        <v>10</v>
      </c>
    </row>
    <row r="35782" spans="1:43">
      <c r="A35782" t="s">
        <v>22183</v>
      </c>
      <c r="B35782" t="s">
        <v>22184</v>
      </c>
      <c r="C35782" t="s">
        <v>22181</v>
      </c>
      <c r="D35782" t="s">
        <v>22182</v>
      </c>
      <c r="E35782" t="s">
        <v>21687</v>
      </c>
      <c r="F35782" t="s">
        <v>21688</v>
      </c>
      <c r="G35782" t="s">
        <v>20255</v>
      </c>
      <c r="H35782" t="s">
        <v>20256</v>
      </c>
      <c r="I35782" s="2">
        <v>1</v>
      </c>
      <c r="J35782" s="2">
        <v>0</v>
      </c>
      <c r="K35782" s="2">
        <v>0</v>
      </c>
      <c r="L35782" t="s">
        <v>120</v>
      </c>
      <c r="M35782" t="s">
        <v>83</v>
      </c>
      <c r="N35782" t="s">
        <v>84</v>
      </c>
      <c r="O35782" t="s">
        <v>85</v>
      </c>
      <c r="P35782" t="s">
        <v>86</v>
      </c>
      <c r="Q35782">
        <v>29</v>
      </c>
      <c r="R35782">
        <v>30</v>
      </c>
      <c r="S35782">
        <v>30</v>
      </c>
      <c r="T35782">
        <v>30</v>
      </c>
      <c r="U35782">
        <v>31</v>
      </c>
      <c r="V35782">
        <v>31</v>
      </c>
      <c r="W35782">
        <v>31</v>
      </c>
      <c r="X35782">
        <v>31</v>
      </c>
      <c r="Y35782">
        <v>32</v>
      </c>
      <c r="Z35782">
        <v>32</v>
      </c>
      <c r="AA35782">
        <v>32</v>
      </c>
      <c r="AB35782">
        <v>33</v>
      </c>
      <c r="AC35782">
        <v>33</v>
      </c>
      <c r="AD35782">
        <v>33</v>
      </c>
      <c r="AE35782">
        <v>33</v>
      </c>
      <c r="AF35782">
        <v>34</v>
      </c>
      <c r="AG35782">
        <v>34</v>
      </c>
      <c r="AH35782">
        <v>34</v>
      </c>
      <c r="AI35782">
        <v>35</v>
      </c>
      <c r="AJ35782">
        <v>35</v>
      </c>
      <c r="AK35782">
        <v>35</v>
      </c>
      <c r="AL35782">
        <v>35</v>
      </c>
      <c r="AM35782">
        <v>35</v>
      </c>
      <c r="AN35782">
        <v>35</v>
      </c>
      <c r="AO35782">
        <v>35</v>
      </c>
      <c r="AP35782">
        <v>35</v>
      </c>
      <c r="AQ35782">
        <v>35</v>
      </c>
    </row>
    <row r="35783" spans="1:43">
      <c r="A35783" t="s">
        <v>22183</v>
      </c>
      <c r="B35783" t="s">
        <v>22184</v>
      </c>
      <c r="C35783" t="s">
        <v>22181</v>
      </c>
      <c r="D35783" t="s">
        <v>22182</v>
      </c>
      <c r="E35783" t="s">
        <v>21687</v>
      </c>
      <c r="F35783" t="s">
        <v>21688</v>
      </c>
      <c r="G35783" t="s">
        <v>20255</v>
      </c>
      <c r="H35783" t="s">
        <v>20256</v>
      </c>
      <c r="I35783" s="2">
        <v>1</v>
      </c>
      <c r="J35783" s="2">
        <v>0</v>
      </c>
      <c r="K35783" s="2">
        <v>0</v>
      </c>
      <c r="L35783" t="s">
        <v>120</v>
      </c>
      <c r="M35783" t="s">
        <v>87</v>
      </c>
      <c r="N35783" t="s">
        <v>88</v>
      </c>
      <c r="O35783" t="s">
        <v>85</v>
      </c>
      <c r="P35783" t="s">
        <v>86</v>
      </c>
      <c r="Q35783">
        <v>29</v>
      </c>
      <c r="R35783">
        <v>29</v>
      </c>
      <c r="S35783">
        <v>29</v>
      </c>
      <c r="T35783">
        <v>29</v>
      </c>
      <c r="U35783">
        <v>29</v>
      </c>
      <c r="V35783">
        <v>29</v>
      </c>
      <c r="W35783">
        <v>29</v>
      </c>
      <c r="X35783">
        <v>29</v>
      </c>
      <c r="Y35783">
        <v>29</v>
      </c>
      <c r="Z35783">
        <v>29</v>
      </c>
      <c r="AA35783">
        <v>29</v>
      </c>
      <c r="AB35783">
        <v>30</v>
      </c>
      <c r="AC35783">
        <v>30</v>
      </c>
      <c r="AD35783">
        <v>30</v>
      </c>
      <c r="AE35783">
        <v>30</v>
      </c>
      <c r="AF35783">
        <v>30</v>
      </c>
      <c r="AG35783">
        <v>30</v>
      </c>
      <c r="AH35783">
        <v>30</v>
      </c>
      <c r="AI35783">
        <v>30</v>
      </c>
      <c r="AJ35783">
        <v>30</v>
      </c>
      <c r="AK35783">
        <v>30</v>
      </c>
      <c r="AL35783">
        <v>30</v>
      </c>
      <c r="AM35783">
        <v>30</v>
      </c>
      <c r="AN35783">
        <v>30</v>
      </c>
      <c r="AO35783">
        <v>31</v>
      </c>
      <c r="AP35783">
        <v>31</v>
      </c>
      <c r="AQ35783">
        <v>31</v>
      </c>
    </row>
    <row r="35784" spans="1:43">
      <c r="A35784" t="s">
        <v>22183</v>
      </c>
      <c r="B35784" t="s">
        <v>22184</v>
      </c>
      <c r="C35784" t="s">
        <v>22181</v>
      </c>
      <c r="D35784" t="s">
        <v>22182</v>
      </c>
      <c r="E35784" t="s">
        <v>21687</v>
      </c>
      <c r="F35784" t="s">
        <v>21688</v>
      </c>
      <c r="G35784" t="s">
        <v>20255</v>
      </c>
      <c r="H35784" t="s">
        <v>20256</v>
      </c>
      <c r="I35784" s="2">
        <v>1</v>
      </c>
      <c r="J35784" s="2">
        <v>0</v>
      </c>
      <c r="K35784" s="2">
        <v>0</v>
      </c>
      <c r="L35784" t="s">
        <v>120</v>
      </c>
      <c r="M35784" t="s">
        <v>89</v>
      </c>
      <c r="N35784" t="s">
        <v>90</v>
      </c>
      <c r="O35784" t="s">
        <v>85</v>
      </c>
      <c r="P35784" t="s">
        <v>86</v>
      </c>
      <c r="Q35784">
        <v>29</v>
      </c>
      <c r="R35784">
        <v>30</v>
      </c>
      <c r="S35784">
        <v>31</v>
      </c>
      <c r="T35784">
        <v>31</v>
      </c>
      <c r="U35784">
        <v>32</v>
      </c>
      <c r="V35784">
        <v>32</v>
      </c>
      <c r="W35784">
        <v>33</v>
      </c>
      <c r="X35784">
        <v>33</v>
      </c>
      <c r="Y35784">
        <v>33</v>
      </c>
      <c r="Z35784">
        <v>34</v>
      </c>
      <c r="AA35784">
        <v>34</v>
      </c>
      <c r="AB35784">
        <v>35</v>
      </c>
      <c r="AC35784">
        <v>35</v>
      </c>
      <c r="AD35784">
        <v>35</v>
      </c>
      <c r="AE35784">
        <v>36</v>
      </c>
      <c r="AF35784">
        <v>36</v>
      </c>
      <c r="AG35784">
        <v>36</v>
      </c>
      <c r="AH35784">
        <v>36</v>
      </c>
      <c r="AI35784">
        <v>36</v>
      </c>
      <c r="AJ35784">
        <v>36</v>
      </c>
      <c r="AK35784">
        <v>36</v>
      </c>
      <c r="AL35784">
        <v>36</v>
      </c>
      <c r="AM35784">
        <v>36</v>
      </c>
      <c r="AN35784">
        <v>36</v>
      </c>
      <c r="AO35784">
        <v>36</v>
      </c>
      <c r="AP35784">
        <v>36</v>
      </c>
      <c r="AQ35784">
        <v>36</v>
      </c>
    </row>
    <row r="35785" spans="1:43">
      <c r="A35785" t="s">
        <v>22183</v>
      </c>
      <c r="B35785" t="s">
        <v>22184</v>
      </c>
      <c r="C35785" t="s">
        <v>22181</v>
      </c>
      <c r="D35785" t="s">
        <v>22182</v>
      </c>
      <c r="E35785" t="s">
        <v>21687</v>
      </c>
      <c r="F35785" t="s">
        <v>21688</v>
      </c>
      <c r="G35785" t="s">
        <v>20255</v>
      </c>
      <c r="H35785" t="s">
        <v>20256</v>
      </c>
      <c r="I35785" s="2">
        <v>1</v>
      </c>
      <c r="J35785" s="2">
        <v>0</v>
      </c>
      <c r="K35785" s="2">
        <v>0</v>
      </c>
      <c r="L35785" t="s">
        <v>120</v>
      </c>
      <c r="M35785" t="s">
        <v>83</v>
      </c>
      <c r="N35785" t="s">
        <v>91</v>
      </c>
      <c r="O35785" t="s">
        <v>85</v>
      </c>
      <c r="P35785" t="s">
        <v>86</v>
      </c>
      <c r="Q35785">
        <v>29</v>
      </c>
      <c r="R35785">
        <v>30</v>
      </c>
      <c r="S35785">
        <v>30</v>
      </c>
      <c r="T35785">
        <v>30</v>
      </c>
      <c r="U35785">
        <v>31</v>
      </c>
      <c r="V35785">
        <v>31</v>
      </c>
      <c r="W35785">
        <v>31</v>
      </c>
      <c r="X35785">
        <v>31</v>
      </c>
      <c r="Y35785">
        <v>32</v>
      </c>
      <c r="Z35785">
        <v>32</v>
      </c>
      <c r="AA35785">
        <v>32</v>
      </c>
      <c r="AB35785">
        <v>33</v>
      </c>
      <c r="AC35785">
        <v>33</v>
      </c>
      <c r="AD35785">
        <v>33</v>
      </c>
      <c r="AE35785">
        <v>33</v>
      </c>
      <c r="AF35785">
        <v>34</v>
      </c>
      <c r="AG35785">
        <v>34</v>
      </c>
      <c r="AH35785">
        <v>34</v>
      </c>
      <c r="AI35785">
        <v>35</v>
      </c>
      <c r="AJ35785">
        <v>35</v>
      </c>
      <c r="AK35785">
        <v>35</v>
      </c>
      <c r="AL35785">
        <v>35</v>
      </c>
      <c r="AM35785">
        <v>35</v>
      </c>
      <c r="AN35785">
        <v>35</v>
      </c>
      <c r="AO35785">
        <v>35</v>
      </c>
      <c r="AP35785">
        <v>35</v>
      </c>
      <c r="AQ35785">
        <v>35</v>
      </c>
    </row>
    <row r="35786" spans="1:43">
      <c r="A35786" t="s">
        <v>22185</v>
      </c>
      <c r="B35786" t="s">
        <v>22186</v>
      </c>
      <c r="C35786" t="s">
        <v>22181</v>
      </c>
      <c r="D35786" t="s">
        <v>22182</v>
      </c>
      <c r="E35786" t="s">
        <v>21687</v>
      </c>
      <c r="F35786" t="s">
        <v>21688</v>
      </c>
      <c r="G35786" t="s">
        <v>20255</v>
      </c>
      <c r="H35786" t="s">
        <v>20256</v>
      </c>
      <c r="I35786" s="2">
        <v>1</v>
      </c>
      <c r="J35786" s="2">
        <v>0</v>
      </c>
      <c r="K35786" s="2">
        <v>0</v>
      </c>
      <c r="L35786" t="s">
        <v>120</v>
      </c>
      <c r="M35786" t="s">
        <v>83</v>
      </c>
      <c r="N35786" t="s">
        <v>84</v>
      </c>
      <c r="O35786" t="s">
        <v>85</v>
      </c>
      <c r="P35786" t="s">
        <v>86</v>
      </c>
      <c r="Q35786">
        <v>17</v>
      </c>
      <c r="R35786">
        <v>18</v>
      </c>
      <c r="S35786">
        <v>18</v>
      </c>
      <c r="T35786">
        <v>18</v>
      </c>
      <c r="U35786">
        <v>18</v>
      </c>
      <c r="V35786">
        <v>18</v>
      </c>
      <c r="W35786">
        <v>19</v>
      </c>
      <c r="X35786">
        <v>19</v>
      </c>
      <c r="Y35786">
        <v>19</v>
      </c>
      <c r="Z35786">
        <v>19</v>
      </c>
      <c r="AA35786">
        <v>19</v>
      </c>
      <c r="AB35786">
        <v>19</v>
      </c>
      <c r="AC35786">
        <v>20</v>
      </c>
      <c r="AD35786">
        <v>20</v>
      </c>
      <c r="AE35786">
        <v>20</v>
      </c>
      <c r="AF35786">
        <v>20</v>
      </c>
      <c r="AG35786">
        <v>20</v>
      </c>
      <c r="AH35786">
        <v>20</v>
      </c>
      <c r="AI35786">
        <v>21</v>
      </c>
      <c r="AJ35786">
        <v>21</v>
      </c>
      <c r="AK35786">
        <v>21</v>
      </c>
      <c r="AL35786">
        <v>21</v>
      </c>
      <c r="AM35786">
        <v>21</v>
      </c>
      <c r="AN35786">
        <v>21</v>
      </c>
      <c r="AO35786">
        <v>21</v>
      </c>
      <c r="AP35786">
        <v>21</v>
      </c>
      <c r="AQ35786">
        <v>21</v>
      </c>
    </row>
    <row r="35787" spans="1:43">
      <c r="A35787" t="s">
        <v>22185</v>
      </c>
      <c r="B35787" t="s">
        <v>22186</v>
      </c>
      <c r="C35787" t="s">
        <v>22181</v>
      </c>
      <c r="D35787" t="s">
        <v>22182</v>
      </c>
      <c r="E35787" t="s">
        <v>21687</v>
      </c>
      <c r="F35787" t="s">
        <v>21688</v>
      </c>
      <c r="G35787" t="s">
        <v>20255</v>
      </c>
      <c r="H35787" t="s">
        <v>20256</v>
      </c>
      <c r="I35787" s="2">
        <v>1</v>
      </c>
      <c r="J35787" s="2">
        <v>0</v>
      </c>
      <c r="K35787" s="2">
        <v>0</v>
      </c>
      <c r="L35787" t="s">
        <v>120</v>
      </c>
      <c r="M35787" t="s">
        <v>87</v>
      </c>
      <c r="N35787" t="s">
        <v>88</v>
      </c>
      <c r="O35787" t="s">
        <v>85</v>
      </c>
      <c r="P35787" t="s">
        <v>86</v>
      </c>
      <c r="Q35787">
        <v>17</v>
      </c>
      <c r="R35787">
        <v>17</v>
      </c>
      <c r="S35787">
        <v>17</v>
      </c>
      <c r="T35787">
        <v>17</v>
      </c>
      <c r="U35787">
        <v>17</v>
      </c>
      <c r="V35787">
        <v>17</v>
      </c>
      <c r="W35787">
        <v>17</v>
      </c>
      <c r="X35787">
        <v>17</v>
      </c>
      <c r="Y35787">
        <v>18</v>
      </c>
      <c r="Z35787">
        <v>18</v>
      </c>
      <c r="AA35787">
        <v>18</v>
      </c>
      <c r="AB35787">
        <v>18</v>
      </c>
      <c r="AC35787">
        <v>18</v>
      </c>
      <c r="AD35787">
        <v>18</v>
      </c>
      <c r="AE35787">
        <v>18</v>
      </c>
      <c r="AF35787">
        <v>18</v>
      </c>
      <c r="AG35787">
        <v>18</v>
      </c>
      <c r="AH35787">
        <v>18</v>
      </c>
      <c r="AI35787">
        <v>18</v>
      </c>
      <c r="AJ35787">
        <v>18</v>
      </c>
      <c r="AK35787">
        <v>18</v>
      </c>
      <c r="AL35787">
        <v>18</v>
      </c>
      <c r="AM35787">
        <v>18</v>
      </c>
      <c r="AN35787">
        <v>18</v>
      </c>
      <c r="AO35787">
        <v>18</v>
      </c>
      <c r="AP35787">
        <v>18</v>
      </c>
      <c r="AQ35787">
        <v>18</v>
      </c>
    </row>
    <row r="35788" spans="1:43">
      <c r="A35788" t="s">
        <v>22185</v>
      </c>
      <c r="B35788" t="s">
        <v>22186</v>
      </c>
      <c r="C35788" t="s">
        <v>22181</v>
      </c>
      <c r="D35788" t="s">
        <v>22182</v>
      </c>
      <c r="E35788" t="s">
        <v>21687</v>
      </c>
      <c r="F35788" t="s">
        <v>21688</v>
      </c>
      <c r="G35788" t="s">
        <v>20255</v>
      </c>
      <c r="H35788" t="s">
        <v>20256</v>
      </c>
      <c r="I35788" s="2">
        <v>1</v>
      </c>
      <c r="J35788" s="2">
        <v>0</v>
      </c>
      <c r="K35788" s="2">
        <v>0</v>
      </c>
      <c r="L35788" t="s">
        <v>120</v>
      </c>
      <c r="M35788" t="s">
        <v>89</v>
      </c>
      <c r="N35788" t="s">
        <v>90</v>
      </c>
      <c r="O35788" t="s">
        <v>85</v>
      </c>
      <c r="P35788" t="s">
        <v>86</v>
      </c>
      <c r="Q35788">
        <v>17</v>
      </c>
      <c r="R35788">
        <v>17</v>
      </c>
      <c r="S35788">
        <v>17</v>
      </c>
      <c r="T35788">
        <v>18</v>
      </c>
      <c r="U35788">
        <v>18</v>
      </c>
      <c r="V35788">
        <v>18</v>
      </c>
      <c r="W35788">
        <v>18</v>
      </c>
      <c r="X35788">
        <v>19</v>
      </c>
      <c r="Y35788">
        <v>19</v>
      </c>
      <c r="Z35788">
        <v>19</v>
      </c>
      <c r="AA35788">
        <v>19</v>
      </c>
      <c r="AB35788">
        <v>20</v>
      </c>
      <c r="AC35788">
        <v>20</v>
      </c>
      <c r="AD35788">
        <v>20</v>
      </c>
      <c r="AE35788">
        <v>20</v>
      </c>
      <c r="AF35788">
        <v>20</v>
      </c>
      <c r="AG35788">
        <v>20</v>
      </c>
      <c r="AH35788">
        <v>20</v>
      </c>
      <c r="AI35788">
        <v>20</v>
      </c>
      <c r="AJ35788">
        <v>20</v>
      </c>
      <c r="AK35788">
        <v>20</v>
      </c>
      <c r="AL35788">
        <v>20</v>
      </c>
      <c r="AM35788">
        <v>20</v>
      </c>
      <c r="AN35788">
        <v>20</v>
      </c>
      <c r="AO35788">
        <v>20</v>
      </c>
      <c r="AP35788">
        <v>20</v>
      </c>
      <c r="AQ35788">
        <v>20</v>
      </c>
    </row>
    <row r="35789" spans="1:43">
      <c r="A35789" t="s">
        <v>22185</v>
      </c>
      <c r="B35789" t="s">
        <v>22186</v>
      </c>
      <c r="C35789" t="s">
        <v>22181</v>
      </c>
      <c r="D35789" t="s">
        <v>22182</v>
      </c>
      <c r="E35789" t="s">
        <v>21687</v>
      </c>
      <c r="F35789" t="s">
        <v>21688</v>
      </c>
      <c r="G35789" t="s">
        <v>20255</v>
      </c>
      <c r="H35789" t="s">
        <v>20256</v>
      </c>
      <c r="I35789" s="2">
        <v>1</v>
      </c>
      <c r="J35789" s="2">
        <v>0</v>
      </c>
      <c r="K35789" s="2">
        <v>0</v>
      </c>
      <c r="L35789" t="s">
        <v>120</v>
      </c>
      <c r="M35789" t="s">
        <v>83</v>
      </c>
      <c r="N35789" t="s">
        <v>91</v>
      </c>
      <c r="O35789" t="s">
        <v>85</v>
      </c>
      <c r="P35789" t="s">
        <v>86</v>
      </c>
      <c r="Q35789">
        <v>17</v>
      </c>
      <c r="R35789">
        <v>18</v>
      </c>
      <c r="S35789">
        <v>18</v>
      </c>
      <c r="T35789">
        <v>18</v>
      </c>
      <c r="U35789">
        <v>18</v>
      </c>
      <c r="V35789">
        <v>18</v>
      </c>
      <c r="W35789">
        <v>19</v>
      </c>
      <c r="X35789">
        <v>19</v>
      </c>
      <c r="Y35789">
        <v>19</v>
      </c>
      <c r="Z35789">
        <v>19</v>
      </c>
      <c r="AA35789">
        <v>19</v>
      </c>
      <c r="AB35789">
        <v>19</v>
      </c>
      <c r="AC35789">
        <v>20</v>
      </c>
      <c r="AD35789">
        <v>20</v>
      </c>
      <c r="AE35789">
        <v>20</v>
      </c>
      <c r="AF35789">
        <v>20</v>
      </c>
      <c r="AG35789">
        <v>20</v>
      </c>
      <c r="AH35789">
        <v>20</v>
      </c>
      <c r="AI35789">
        <v>21</v>
      </c>
      <c r="AJ35789">
        <v>21</v>
      </c>
      <c r="AK35789">
        <v>21</v>
      </c>
      <c r="AL35789">
        <v>21</v>
      </c>
      <c r="AM35789">
        <v>21</v>
      </c>
      <c r="AN35789">
        <v>21</v>
      </c>
      <c r="AO35789">
        <v>21</v>
      </c>
      <c r="AP35789">
        <v>21</v>
      </c>
      <c r="AQ35789">
        <v>21</v>
      </c>
    </row>
    <row r="35790" spans="1:43">
      <c r="A35790" t="s">
        <v>22187</v>
      </c>
      <c r="B35790" t="s">
        <v>22188</v>
      </c>
      <c r="C35790" t="s">
        <v>22077</v>
      </c>
      <c r="D35790" t="s">
        <v>22078</v>
      </c>
      <c r="E35790" t="s">
        <v>21687</v>
      </c>
      <c r="F35790" t="s">
        <v>21688</v>
      </c>
      <c r="G35790" t="s">
        <v>20255</v>
      </c>
      <c r="H35790" t="s">
        <v>20256</v>
      </c>
      <c r="I35790" s="2">
        <v>1</v>
      </c>
      <c r="J35790" s="2">
        <v>0</v>
      </c>
      <c r="K35790" s="2">
        <v>0</v>
      </c>
      <c r="L35790" t="s">
        <v>120</v>
      </c>
      <c r="M35790" t="s">
        <v>83</v>
      </c>
      <c r="N35790" t="s">
        <v>84</v>
      </c>
      <c r="O35790" t="s">
        <v>85</v>
      </c>
      <c r="P35790" t="s">
        <v>86</v>
      </c>
      <c r="Q35790">
        <v>17</v>
      </c>
      <c r="R35790">
        <v>17</v>
      </c>
      <c r="S35790">
        <v>17</v>
      </c>
      <c r="T35790">
        <v>17</v>
      </c>
      <c r="U35790">
        <v>17</v>
      </c>
      <c r="V35790">
        <v>18</v>
      </c>
      <c r="W35790">
        <v>18</v>
      </c>
      <c r="X35790">
        <v>18</v>
      </c>
      <c r="Y35790">
        <v>18</v>
      </c>
      <c r="Z35790">
        <v>18</v>
      </c>
      <c r="AA35790">
        <v>18</v>
      </c>
      <c r="AB35790">
        <v>19</v>
      </c>
      <c r="AC35790">
        <v>19</v>
      </c>
      <c r="AD35790">
        <v>19</v>
      </c>
      <c r="AE35790">
        <v>19</v>
      </c>
      <c r="AF35790">
        <v>19</v>
      </c>
      <c r="AG35790">
        <v>19</v>
      </c>
      <c r="AH35790">
        <v>19</v>
      </c>
      <c r="AI35790">
        <v>20</v>
      </c>
      <c r="AJ35790">
        <v>20</v>
      </c>
      <c r="AK35790">
        <v>20</v>
      </c>
      <c r="AL35790">
        <v>20</v>
      </c>
      <c r="AM35790">
        <v>20</v>
      </c>
      <c r="AN35790">
        <v>20</v>
      </c>
      <c r="AO35790">
        <v>20</v>
      </c>
      <c r="AP35790">
        <v>20</v>
      </c>
      <c r="AQ35790">
        <v>20</v>
      </c>
    </row>
    <row r="35791" spans="1:43">
      <c r="A35791" t="s">
        <v>22187</v>
      </c>
      <c r="B35791" t="s">
        <v>22188</v>
      </c>
      <c r="C35791" t="s">
        <v>22077</v>
      </c>
      <c r="D35791" t="s">
        <v>22078</v>
      </c>
      <c r="E35791" t="s">
        <v>21687</v>
      </c>
      <c r="F35791" t="s">
        <v>21688</v>
      </c>
      <c r="G35791" t="s">
        <v>20255</v>
      </c>
      <c r="H35791" t="s">
        <v>20256</v>
      </c>
      <c r="I35791" s="2">
        <v>1</v>
      </c>
      <c r="J35791" s="2">
        <v>0</v>
      </c>
      <c r="K35791" s="2">
        <v>0</v>
      </c>
      <c r="L35791" t="s">
        <v>120</v>
      </c>
      <c r="M35791" t="s">
        <v>87</v>
      </c>
      <c r="N35791" t="s">
        <v>88</v>
      </c>
      <c r="O35791" t="s">
        <v>85</v>
      </c>
      <c r="P35791" t="s">
        <v>86</v>
      </c>
      <c r="Q35791">
        <v>17</v>
      </c>
      <c r="R35791">
        <v>17</v>
      </c>
      <c r="S35791">
        <v>17</v>
      </c>
      <c r="T35791">
        <v>17</v>
      </c>
      <c r="U35791">
        <v>17</v>
      </c>
      <c r="V35791">
        <v>17</v>
      </c>
      <c r="W35791">
        <v>17</v>
      </c>
      <c r="X35791">
        <v>17</v>
      </c>
      <c r="Y35791">
        <v>17</v>
      </c>
      <c r="Z35791">
        <v>17</v>
      </c>
      <c r="AA35791">
        <v>17</v>
      </c>
      <c r="AB35791">
        <v>17</v>
      </c>
      <c r="AC35791">
        <v>17</v>
      </c>
      <c r="AD35791">
        <v>17</v>
      </c>
      <c r="AE35791">
        <v>17</v>
      </c>
      <c r="AF35791">
        <v>17</v>
      </c>
      <c r="AG35791">
        <v>17</v>
      </c>
      <c r="AH35791">
        <v>17</v>
      </c>
      <c r="AI35791">
        <v>17</v>
      </c>
      <c r="AJ35791">
        <v>17</v>
      </c>
      <c r="AK35791">
        <v>17</v>
      </c>
      <c r="AL35791">
        <v>17</v>
      </c>
      <c r="AM35791">
        <v>17</v>
      </c>
      <c r="AN35791">
        <v>17</v>
      </c>
      <c r="AO35791">
        <v>17</v>
      </c>
      <c r="AP35791">
        <v>17</v>
      </c>
      <c r="AQ35791">
        <v>17</v>
      </c>
    </row>
    <row r="35792" spans="1:43">
      <c r="A35792" t="s">
        <v>22187</v>
      </c>
      <c r="B35792" t="s">
        <v>22188</v>
      </c>
      <c r="C35792" t="s">
        <v>22077</v>
      </c>
      <c r="D35792" t="s">
        <v>22078</v>
      </c>
      <c r="E35792" t="s">
        <v>21687</v>
      </c>
      <c r="F35792" t="s">
        <v>21688</v>
      </c>
      <c r="G35792" t="s">
        <v>20255</v>
      </c>
      <c r="H35792" t="s">
        <v>20256</v>
      </c>
      <c r="I35792" s="2">
        <v>1</v>
      </c>
      <c r="J35792" s="2">
        <v>0</v>
      </c>
      <c r="K35792" s="2">
        <v>0</v>
      </c>
      <c r="L35792" t="s">
        <v>120</v>
      </c>
      <c r="M35792" t="s">
        <v>89</v>
      </c>
      <c r="N35792" t="s">
        <v>90</v>
      </c>
      <c r="O35792" t="s">
        <v>85</v>
      </c>
      <c r="P35792" t="s">
        <v>86</v>
      </c>
      <c r="Q35792">
        <v>17</v>
      </c>
      <c r="R35792">
        <v>17</v>
      </c>
      <c r="S35792">
        <v>17</v>
      </c>
      <c r="T35792">
        <v>18</v>
      </c>
      <c r="U35792">
        <v>18</v>
      </c>
      <c r="V35792">
        <v>18</v>
      </c>
      <c r="W35792">
        <v>19</v>
      </c>
      <c r="X35792">
        <v>19</v>
      </c>
      <c r="Y35792">
        <v>19</v>
      </c>
      <c r="Z35792">
        <v>19</v>
      </c>
      <c r="AA35792">
        <v>20</v>
      </c>
      <c r="AB35792">
        <v>20</v>
      </c>
      <c r="AC35792">
        <v>20</v>
      </c>
      <c r="AD35792">
        <v>20</v>
      </c>
      <c r="AE35792">
        <v>20</v>
      </c>
      <c r="AF35792">
        <v>20</v>
      </c>
      <c r="AG35792">
        <v>20</v>
      </c>
      <c r="AH35792">
        <v>20</v>
      </c>
      <c r="AI35792">
        <v>20</v>
      </c>
      <c r="AJ35792">
        <v>20</v>
      </c>
      <c r="AK35792">
        <v>20</v>
      </c>
      <c r="AL35792">
        <v>20</v>
      </c>
      <c r="AM35792">
        <v>20</v>
      </c>
      <c r="AN35792">
        <v>20</v>
      </c>
      <c r="AO35792">
        <v>20</v>
      </c>
      <c r="AP35792">
        <v>20</v>
      </c>
      <c r="AQ35792">
        <v>20</v>
      </c>
    </row>
    <row r="35793" spans="1:43">
      <c r="A35793" t="s">
        <v>22187</v>
      </c>
      <c r="B35793" t="s">
        <v>22188</v>
      </c>
      <c r="C35793" t="s">
        <v>22077</v>
      </c>
      <c r="D35793" t="s">
        <v>22078</v>
      </c>
      <c r="E35793" t="s">
        <v>21687</v>
      </c>
      <c r="F35793" t="s">
        <v>21688</v>
      </c>
      <c r="G35793" t="s">
        <v>20255</v>
      </c>
      <c r="H35793" t="s">
        <v>20256</v>
      </c>
      <c r="I35793" s="2">
        <v>1</v>
      </c>
      <c r="J35793" s="2">
        <v>0</v>
      </c>
      <c r="K35793" s="2">
        <v>0</v>
      </c>
      <c r="L35793" t="s">
        <v>120</v>
      </c>
      <c r="M35793" t="s">
        <v>83</v>
      </c>
      <c r="N35793" t="s">
        <v>91</v>
      </c>
      <c r="O35793" t="s">
        <v>85</v>
      </c>
      <c r="P35793" t="s">
        <v>86</v>
      </c>
      <c r="Q35793">
        <v>17</v>
      </c>
      <c r="R35793">
        <v>17</v>
      </c>
      <c r="S35793">
        <v>17</v>
      </c>
      <c r="T35793">
        <v>17</v>
      </c>
      <c r="U35793">
        <v>17</v>
      </c>
      <c r="V35793">
        <v>18</v>
      </c>
      <c r="W35793">
        <v>18</v>
      </c>
      <c r="X35793">
        <v>18</v>
      </c>
      <c r="Y35793">
        <v>18</v>
      </c>
      <c r="Z35793">
        <v>18</v>
      </c>
      <c r="AA35793">
        <v>18</v>
      </c>
      <c r="AB35793">
        <v>19</v>
      </c>
      <c r="AC35793">
        <v>19</v>
      </c>
      <c r="AD35793">
        <v>19</v>
      </c>
      <c r="AE35793">
        <v>19</v>
      </c>
      <c r="AF35793">
        <v>19</v>
      </c>
      <c r="AG35793">
        <v>19</v>
      </c>
      <c r="AH35793">
        <v>19</v>
      </c>
      <c r="AI35793">
        <v>20</v>
      </c>
      <c r="AJ35793">
        <v>20</v>
      </c>
      <c r="AK35793">
        <v>20</v>
      </c>
      <c r="AL35793">
        <v>20</v>
      </c>
      <c r="AM35793">
        <v>20</v>
      </c>
      <c r="AN35793">
        <v>20</v>
      </c>
      <c r="AO35793">
        <v>20</v>
      </c>
      <c r="AP35793">
        <v>20</v>
      </c>
      <c r="AQ35793">
        <v>20</v>
      </c>
    </row>
    <row r="35794" spans="1:43">
      <c r="A35794" t="s">
        <v>22189</v>
      </c>
      <c r="B35794" t="s">
        <v>22190</v>
      </c>
      <c r="C35794" t="s">
        <v>22077</v>
      </c>
      <c r="D35794" t="s">
        <v>22078</v>
      </c>
      <c r="E35794" t="s">
        <v>21687</v>
      </c>
      <c r="F35794" t="s">
        <v>21688</v>
      </c>
      <c r="G35794" t="s">
        <v>20255</v>
      </c>
      <c r="H35794" t="s">
        <v>20256</v>
      </c>
      <c r="I35794" s="2">
        <v>1</v>
      </c>
      <c r="J35794" s="2">
        <v>0</v>
      </c>
      <c r="K35794" s="2">
        <v>0</v>
      </c>
      <c r="L35794" t="s">
        <v>120</v>
      </c>
      <c r="M35794" t="s">
        <v>83</v>
      </c>
      <c r="N35794" t="s">
        <v>84</v>
      </c>
      <c r="O35794" t="s">
        <v>85</v>
      </c>
      <c r="P35794" t="s">
        <v>86</v>
      </c>
      <c r="Q35794">
        <v>50</v>
      </c>
      <c r="R35794">
        <v>51</v>
      </c>
      <c r="S35794">
        <v>51</v>
      </c>
      <c r="T35794">
        <v>52</v>
      </c>
      <c r="U35794">
        <v>52</v>
      </c>
      <c r="V35794">
        <v>53</v>
      </c>
      <c r="W35794">
        <v>53</v>
      </c>
      <c r="X35794">
        <v>54</v>
      </c>
      <c r="Y35794">
        <v>54</v>
      </c>
      <c r="Z35794">
        <v>55</v>
      </c>
      <c r="AA35794">
        <v>55</v>
      </c>
      <c r="AB35794">
        <v>56</v>
      </c>
      <c r="AC35794">
        <v>56</v>
      </c>
      <c r="AD35794">
        <v>57</v>
      </c>
      <c r="AE35794">
        <v>57</v>
      </c>
      <c r="AF35794">
        <v>58</v>
      </c>
      <c r="AG35794">
        <v>58</v>
      </c>
      <c r="AH35794">
        <v>59</v>
      </c>
      <c r="AI35794">
        <v>59</v>
      </c>
      <c r="AJ35794">
        <v>60</v>
      </c>
      <c r="AK35794">
        <v>60</v>
      </c>
      <c r="AL35794">
        <v>60</v>
      </c>
      <c r="AM35794">
        <v>60</v>
      </c>
      <c r="AN35794">
        <v>60</v>
      </c>
      <c r="AO35794">
        <v>60</v>
      </c>
      <c r="AP35794">
        <v>60</v>
      </c>
      <c r="AQ35794">
        <v>60</v>
      </c>
    </row>
    <row r="35795" spans="1:43">
      <c r="A35795" t="s">
        <v>22189</v>
      </c>
      <c r="B35795" t="s">
        <v>22190</v>
      </c>
      <c r="C35795" t="s">
        <v>22077</v>
      </c>
      <c r="D35795" t="s">
        <v>22078</v>
      </c>
      <c r="E35795" t="s">
        <v>21687</v>
      </c>
      <c r="F35795" t="s">
        <v>21688</v>
      </c>
      <c r="G35795" t="s">
        <v>20255</v>
      </c>
      <c r="H35795" t="s">
        <v>20256</v>
      </c>
      <c r="I35795" s="2">
        <v>1</v>
      </c>
      <c r="J35795" s="2">
        <v>0</v>
      </c>
      <c r="K35795" s="2">
        <v>0</v>
      </c>
      <c r="L35795" t="s">
        <v>120</v>
      </c>
      <c r="M35795" t="s">
        <v>87</v>
      </c>
      <c r="N35795" t="s">
        <v>88</v>
      </c>
      <c r="O35795" t="s">
        <v>85</v>
      </c>
      <c r="P35795" t="s">
        <v>86</v>
      </c>
      <c r="Q35795">
        <v>50</v>
      </c>
      <c r="R35795">
        <v>50</v>
      </c>
      <c r="S35795">
        <v>50</v>
      </c>
      <c r="T35795">
        <v>50</v>
      </c>
      <c r="U35795">
        <v>50</v>
      </c>
      <c r="V35795">
        <v>50</v>
      </c>
      <c r="W35795">
        <v>50</v>
      </c>
      <c r="X35795">
        <v>50</v>
      </c>
      <c r="Y35795">
        <v>50</v>
      </c>
      <c r="Z35795">
        <v>50</v>
      </c>
      <c r="AA35795">
        <v>50</v>
      </c>
      <c r="AB35795">
        <v>50</v>
      </c>
      <c r="AC35795">
        <v>51</v>
      </c>
      <c r="AD35795">
        <v>51</v>
      </c>
      <c r="AE35795">
        <v>51</v>
      </c>
      <c r="AF35795">
        <v>51</v>
      </c>
      <c r="AG35795">
        <v>51</v>
      </c>
      <c r="AH35795">
        <v>51</v>
      </c>
      <c r="AI35795">
        <v>51</v>
      </c>
      <c r="AJ35795">
        <v>51</v>
      </c>
      <c r="AK35795">
        <v>51</v>
      </c>
      <c r="AL35795">
        <v>52</v>
      </c>
      <c r="AM35795">
        <v>52</v>
      </c>
      <c r="AN35795">
        <v>52</v>
      </c>
      <c r="AO35795">
        <v>52</v>
      </c>
      <c r="AP35795">
        <v>52</v>
      </c>
      <c r="AQ35795">
        <v>52</v>
      </c>
    </row>
    <row r="35796" spans="1:43">
      <c r="A35796" t="s">
        <v>22189</v>
      </c>
      <c r="B35796" t="s">
        <v>22190</v>
      </c>
      <c r="C35796" t="s">
        <v>22077</v>
      </c>
      <c r="D35796" t="s">
        <v>22078</v>
      </c>
      <c r="E35796" t="s">
        <v>21687</v>
      </c>
      <c r="F35796" t="s">
        <v>21688</v>
      </c>
      <c r="G35796" t="s">
        <v>20255</v>
      </c>
      <c r="H35796" t="s">
        <v>20256</v>
      </c>
      <c r="I35796" s="2">
        <v>1</v>
      </c>
      <c r="J35796" s="2">
        <v>0</v>
      </c>
      <c r="K35796" s="2">
        <v>0</v>
      </c>
      <c r="L35796" t="s">
        <v>120</v>
      </c>
      <c r="M35796" t="s">
        <v>89</v>
      </c>
      <c r="N35796" t="s">
        <v>90</v>
      </c>
      <c r="O35796" t="s">
        <v>85</v>
      </c>
      <c r="P35796" t="s">
        <v>86</v>
      </c>
      <c r="Q35796">
        <v>50</v>
      </c>
      <c r="R35796">
        <v>51</v>
      </c>
      <c r="S35796">
        <v>52</v>
      </c>
      <c r="T35796">
        <v>52</v>
      </c>
      <c r="U35796">
        <v>53</v>
      </c>
      <c r="V35796">
        <v>54</v>
      </c>
      <c r="W35796">
        <v>55</v>
      </c>
      <c r="X35796">
        <v>56</v>
      </c>
      <c r="Y35796">
        <v>56</v>
      </c>
      <c r="Z35796">
        <v>57</v>
      </c>
      <c r="AA35796">
        <v>58</v>
      </c>
      <c r="AB35796">
        <v>58</v>
      </c>
      <c r="AC35796">
        <v>59</v>
      </c>
      <c r="AD35796">
        <v>60</v>
      </c>
      <c r="AE35796">
        <v>60</v>
      </c>
      <c r="AF35796">
        <v>60</v>
      </c>
      <c r="AG35796">
        <v>60</v>
      </c>
      <c r="AH35796">
        <v>60</v>
      </c>
      <c r="AI35796">
        <v>60</v>
      </c>
      <c r="AJ35796">
        <v>60</v>
      </c>
      <c r="AK35796">
        <v>60</v>
      </c>
      <c r="AL35796">
        <v>60</v>
      </c>
      <c r="AM35796">
        <v>60</v>
      </c>
      <c r="AN35796">
        <v>60</v>
      </c>
      <c r="AO35796">
        <v>60</v>
      </c>
      <c r="AP35796">
        <v>60</v>
      </c>
      <c r="AQ35796">
        <v>60</v>
      </c>
    </row>
    <row r="35797" spans="1:43">
      <c r="A35797" t="s">
        <v>22189</v>
      </c>
      <c r="B35797" t="s">
        <v>22190</v>
      </c>
      <c r="C35797" t="s">
        <v>22077</v>
      </c>
      <c r="D35797" t="s">
        <v>22078</v>
      </c>
      <c r="E35797" t="s">
        <v>21687</v>
      </c>
      <c r="F35797" t="s">
        <v>21688</v>
      </c>
      <c r="G35797" t="s">
        <v>20255</v>
      </c>
      <c r="H35797" t="s">
        <v>20256</v>
      </c>
      <c r="I35797" s="2">
        <v>1</v>
      </c>
      <c r="J35797" s="2">
        <v>0</v>
      </c>
      <c r="K35797" s="2">
        <v>0</v>
      </c>
      <c r="L35797" t="s">
        <v>120</v>
      </c>
      <c r="M35797" t="s">
        <v>83</v>
      </c>
      <c r="N35797" t="s">
        <v>91</v>
      </c>
      <c r="O35797" t="s">
        <v>85</v>
      </c>
      <c r="P35797" t="s">
        <v>86</v>
      </c>
      <c r="Q35797">
        <v>50</v>
      </c>
      <c r="R35797">
        <v>51</v>
      </c>
      <c r="S35797">
        <v>51</v>
      </c>
      <c r="T35797">
        <v>52</v>
      </c>
      <c r="U35797">
        <v>52</v>
      </c>
      <c r="V35797">
        <v>53</v>
      </c>
      <c r="W35797">
        <v>53</v>
      </c>
      <c r="X35797">
        <v>54</v>
      </c>
      <c r="Y35797">
        <v>54</v>
      </c>
      <c r="Z35797">
        <v>55</v>
      </c>
      <c r="AA35797">
        <v>55</v>
      </c>
      <c r="AB35797">
        <v>56</v>
      </c>
      <c r="AC35797">
        <v>56</v>
      </c>
      <c r="AD35797">
        <v>57</v>
      </c>
      <c r="AE35797">
        <v>57</v>
      </c>
      <c r="AF35797">
        <v>58</v>
      </c>
      <c r="AG35797">
        <v>58</v>
      </c>
      <c r="AH35797">
        <v>59</v>
      </c>
      <c r="AI35797">
        <v>59</v>
      </c>
      <c r="AJ35797">
        <v>60</v>
      </c>
      <c r="AK35797">
        <v>60</v>
      </c>
      <c r="AL35797">
        <v>60</v>
      </c>
      <c r="AM35797">
        <v>60</v>
      </c>
      <c r="AN35797">
        <v>60</v>
      </c>
      <c r="AO35797">
        <v>60</v>
      </c>
      <c r="AP35797">
        <v>60</v>
      </c>
      <c r="AQ35797">
        <v>60</v>
      </c>
    </row>
    <row r="35798" spans="1:43">
      <c r="A35798" t="s">
        <v>22191</v>
      </c>
      <c r="B35798" t="s">
        <v>22192</v>
      </c>
      <c r="C35798" t="s">
        <v>22181</v>
      </c>
      <c r="D35798" t="s">
        <v>22182</v>
      </c>
      <c r="E35798" t="s">
        <v>21687</v>
      </c>
      <c r="F35798" t="s">
        <v>21688</v>
      </c>
      <c r="G35798" t="s">
        <v>20255</v>
      </c>
      <c r="H35798" t="s">
        <v>20256</v>
      </c>
      <c r="I35798" s="2">
        <v>1</v>
      </c>
      <c r="J35798" s="2">
        <v>0</v>
      </c>
      <c r="K35798" s="2">
        <v>0</v>
      </c>
      <c r="L35798" t="s">
        <v>120</v>
      </c>
      <c r="M35798" t="s">
        <v>83</v>
      </c>
      <c r="N35798" t="s">
        <v>84</v>
      </c>
      <c r="O35798" t="s">
        <v>85</v>
      </c>
      <c r="P35798" t="s">
        <v>86</v>
      </c>
      <c r="Q35798">
        <v>8</v>
      </c>
      <c r="R35798">
        <v>8</v>
      </c>
      <c r="S35798">
        <v>8</v>
      </c>
      <c r="T35798">
        <v>8</v>
      </c>
      <c r="U35798">
        <v>8</v>
      </c>
      <c r="V35798">
        <v>8</v>
      </c>
      <c r="W35798">
        <v>9</v>
      </c>
      <c r="X35798">
        <v>9</v>
      </c>
      <c r="Y35798">
        <v>9</v>
      </c>
      <c r="Z35798">
        <v>9</v>
      </c>
      <c r="AA35798">
        <v>9</v>
      </c>
      <c r="AB35798">
        <v>9</v>
      </c>
      <c r="AC35798">
        <v>9</v>
      </c>
      <c r="AD35798">
        <v>9</v>
      </c>
      <c r="AE35798">
        <v>9</v>
      </c>
      <c r="AF35798">
        <v>9</v>
      </c>
      <c r="AG35798">
        <v>9</v>
      </c>
      <c r="AH35798">
        <v>9</v>
      </c>
      <c r="AI35798">
        <v>9</v>
      </c>
      <c r="AJ35798">
        <v>10</v>
      </c>
      <c r="AK35798">
        <v>10</v>
      </c>
      <c r="AL35798">
        <v>10</v>
      </c>
      <c r="AM35798">
        <v>10</v>
      </c>
      <c r="AN35798">
        <v>10</v>
      </c>
      <c r="AO35798">
        <v>10</v>
      </c>
      <c r="AP35798">
        <v>10</v>
      </c>
      <c r="AQ35798">
        <v>10</v>
      </c>
    </row>
    <row r="35799" spans="1:43">
      <c r="A35799" t="s">
        <v>22191</v>
      </c>
      <c r="B35799" t="s">
        <v>22192</v>
      </c>
      <c r="C35799" t="s">
        <v>22181</v>
      </c>
      <c r="D35799" t="s">
        <v>22182</v>
      </c>
      <c r="E35799" t="s">
        <v>21687</v>
      </c>
      <c r="F35799" t="s">
        <v>21688</v>
      </c>
      <c r="G35799" t="s">
        <v>20255</v>
      </c>
      <c r="H35799" t="s">
        <v>20256</v>
      </c>
      <c r="I35799" s="2">
        <v>1</v>
      </c>
      <c r="J35799" s="2">
        <v>0</v>
      </c>
      <c r="K35799" s="2">
        <v>0</v>
      </c>
      <c r="L35799" t="s">
        <v>120</v>
      </c>
      <c r="M35799" t="s">
        <v>87</v>
      </c>
      <c r="N35799" t="s">
        <v>88</v>
      </c>
      <c r="O35799" t="s">
        <v>85</v>
      </c>
      <c r="P35799" t="s">
        <v>86</v>
      </c>
      <c r="Q35799">
        <v>8</v>
      </c>
      <c r="R35799">
        <v>8</v>
      </c>
      <c r="S35799">
        <v>8</v>
      </c>
      <c r="T35799">
        <v>8</v>
      </c>
      <c r="U35799">
        <v>8</v>
      </c>
      <c r="V35799">
        <v>8</v>
      </c>
      <c r="W35799">
        <v>8</v>
      </c>
      <c r="X35799">
        <v>8</v>
      </c>
      <c r="Y35799">
        <v>8</v>
      </c>
      <c r="Z35799">
        <v>8</v>
      </c>
      <c r="AA35799">
        <v>8</v>
      </c>
      <c r="AB35799">
        <v>8</v>
      </c>
      <c r="AC35799">
        <v>8</v>
      </c>
      <c r="AD35799">
        <v>8</v>
      </c>
      <c r="AE35799">
        <v>8</v>
      </c>
      <c r="AF35799">
        <v>8</v>
      </c>
      <c r="AG35799">
        <v>8</v>
      </c>
      <c r="AH35799">
        <v>8</v>
      </c>
      <c r="AI35799">
        <v>8</v>
      </c>
      <c r="AJ35799">
        <v>8</v>
      </c>
      <c r="AK35799">
        <v>8</v>
      </c>
      <c r="AL35799">
        <v>8</v>
      </c>
      <c r="AM35799">
        <v>8</v>
      </c>
      <c r="AN35799">
        <v>8</v>
      </c>
      <c r="AO35799">
        <v>8</v>
      </c>
      <c r="AP35799">
        <v>8</v>
      </c>
      <c r="AQ35799">
        <v>8</v>
      </c>
    </row>
    <row r="35800" spans="1:43">
      <c r="A35800" t="s">
        <v>22191</v>
      </c>
      <c r="B35800" t="s">
        <v>22192</v>
      </c>
      <c r="C35800" t="s">
        <v>22181</v>
      </c>
      <c r="D35800" t="s">
        <v>22182</v>
      </c>
      <c r="E35800" t="s">
        <v>21687</v>
      </c>
      <c r="F35800" t="s">
        <v>21688</v>
      </c>
      <c r="G35800" t="s">
        <v>20255</v>
      </c>
      <c r="H35800" t="s">
        <v>20256</v>
      </c>
      <c r="I35800" s="2">
        <v>1</v>
      </c>
      <c r="J35800" s="2">
        <v>0</v>
      </c>
      <c r="K35800" s="2">
        <v>0</v>
      </c>
      <c r="L35800" t="s">
        <v>120</v>
      </c>
      <c r="M35800" t="s">
        <v>89</v>
      </c>
      <c r="N35800" t="s">
        <v>90</v>
      </c>
      <c r="O35800" t="s">
        <v>85</v>
      </c>
      <c r="P35800" t="s">
        <v>86</v>
      </c>
      <c r="Q35800">
        <v>8</v>
      </c>
      <c r="R35800">
        <v>8</v>
      </c>
      <c r="S35800">
        <v>8</v>
      </c>
      <c r="T35800">
        <v>9</v>
      </c>
      <c r="U35800">
        <v>9</v>
      </c>
      <c r="V35800">
        <v>9</v>
      </c>
      <c r="W35800">
        <v>9</v>
      </c>
      <c r="X35800">
        <v>9</v>
      </c>
      <c r="Y35800">
        <v>9</v>
      </c>
      <c r="Z35800">
        <v>9</v>
      </c>
      <c r="AA35800">
        <v>9</v>
      </c>
      <c r="AB35800">
        <v>9</v>
      </c>
      <c r="AC35800">
        <v>10</v>
      </c>
      <c r="AD35800">
        <v>10</v>
      </c>
      <c r="AE35800">
        <v>10</v>
      </c>
      <c r="AF35800">
        <v>10</v>
      </c>
      <c r="AG35800">
        <v>10</v>
      </c>
      <c r="AH35800">
        <v>10</v>
      </c>
      <c r="AI35800">
        <v>10</v>
      </c>
      <c r="AJ35800">
        <v>10</v>
      </c>
      <c r="AK35800">
        <v>10</v>
      </c>
      <c r="AL35800">
        <v>10</v>
      </c>
      <c r="AM35800">
        <v>10</v>
      </c>
      <c r="AN35800">
        <v>10</v>
      </c>
      <c r="AO35800">
        <v>10</v>
      </c>
      <c r="AP35800">
        <v>10</v>
      </c>
      <c r="AQ35800">
        <v>10</v>
      </c>
    </row>
    <row r="35801" spans="1:43">
      <c r="A35801" t="s">
        <v>22191</v>
      </c>
      <c r="B35801" t="s">
        <v>22192</v>
      </c>
      <c r="C35801" t="s">
        <v>22181</v>
      </c>
      <c r="D35801" t="s">
        <v>22182</v>
      </c>
      <c r="E35801" t="s">
        <v>21687</v>
      </c>
      <c r="F35801" t="s">
        <v>21688</v>
      </c>
      <c r="G35801" t="s">
        <v>20255</v>
      </c>
      <c r="H35801" t="s">
        <v>20256</v>
      </c>
      <c r="I35801" s="2">
        <v>1</v>
      </c>
      <c r="J35801" s="2">
        <v>0</v>
      </c>
      <c r="K35801" s="2">
        <v>0</v>
      </c>
      <c r="L35801" t="s">
        <v>120</v>
      </c>
      <c r="M35801" t="s">
        <v>83</v>
      </c>
      <c r="N35801" t="s">
        <v>91</v>
      </c>
      <c r="O35801" t="s">
        <v>85</v>
      </c>
      <c r="P35801" t="s">
        <v>86</v>
      </c>
      <c r="Q35801">
        <v>8</v>
      </c>
      <c r="R35801">
        <v>8</v>
      </c>
      <c r="S35801">
        <v>8</v>
      </c>
      <c r="T35801">
        <v>8</v>
      </c>
      <c r="U35801">
        <v>8</v>
      </c>
      <c r="V35801">
        <v>8</v>
      </c>
      <c r="W35801">
        <v>9</v>
      </c>
      <c r="X35801">
        <v>9</v>
      </c>
      <c r="Y35801">
        <v>9</v>
      </c>
      <c r="Z35801">
        <v>9</v>
      </c>
      <c r="AA35801">
        <v>9</v>
      </c>
      <c r="AB35801">
        <v>9</v>
      </c>
      <c r="AC35801">
        <v>9</v>
      </c>
      <c r="AD35801">
        <v>9</v>
      </c>
      <c r="AE35801">
        <v>9</v>
      </c>
      <c r="AF35801">
        <v>9</v>
      </c>
      <c r="AG35801">
        <v>9</v>
      </c>
      <c r="AH35801">
        <v>9</v>
      </c>
      <c r="AI35801">
        <v>9</v>
      </c>
      <c r="AJ35801">
        <v>10</v>
      </c>
      <c r="AK35801">
        <v>10</v>
      </c>
      <c r="AL35801">
        <v>10</v>
      </c>
      <c r="AM35801">
        <v>10</v>
      </c>
      <c r="AN35801">
        <v>10</v>
      </c>
      <c r="AO35801">
        <v>10</v>
      </c>
      <c r="AP35801">
        <v>10</v>
      </c>
      <c r="AQ35801">
        <v>10</v>
      </c>
    </row>
    <row r="35802" spans="1:43">
      <c r="A35802" t="s">
        <v>22193</v>
      </c>
      <c r="B35802" t="s">
        <v>22194</v>
      </c>
      <c r="C35802" t="s">
        <v>22067</v>
      </c>
      <c r="D35802" t="s">
        <v>22068</v>
      </c>
      <c r="E35802" t="s">
        <v>21687</v>
      </c>
      <c r="F35802" t="s">
        <v>21688</v>
      </c>
      <c r="G35802" t="s">
        <v>20255</v>
      </c>
      <c r="H35802" t="s">
        <v>20256</v>
      </c>
      <c r="I35802" s="2">
        <v>1</v>
      </c>
      <c r="J35802" s="2">
        <v>0</v>
      </c>
      <c r="K35802" s="2">
        <v>0</v>
      </c>
      <c r="L35802" t="s">
        <v>120</v>
      </c>
      <c r="M35802" t="s">
        <v>83</v>
      </c>
      <c r="N35802" t="s">
        <v>84</v>
      </c>
      <c r="O35802" t="s">
        <v>85</v>
      </c>
      <c r="P35802" t="s">
        <v>86</v>
      </c>
      <c r="Q35802">
        <v>7</v>
      </c>
      <c r="R35802">
        <v>8</v>
      </c>
      <c r="S35802">
        <v>8</v>
      </c>
      <c r="T35802">
        <v>8</v>
      </c>
      <c r="U35802">
        <v>8</v>
      </c>
      <c r="V35802">
        <v>8</v>
      </c>
      <c r="W35802">
        <v>8</v>
      </c>
      <c r="X35802">
        <v>8</v>
      </c>
      <c r="Y35802">
        <v>8</v>
      </c>
      <c r="Z35802">
        <v>8</v>
      </c>
      <c r="AA35802">
        <v>8</v>
      </c>
      <c r="AB35802">
        <v>8</v>
      </c>
      <c r="AC35802">
        <v>8</v>
      </c>
      <c r="AD35802">
        <v>8</v>
      </c>
      <c r="AE35802">
        <v>9</v>
      </c>
      <c r="AF35802">
        <v>9</v>
      </c>
      <c r="AG35802">
        <v>9</v>
      </c>
      <c r="AH35802">
        <v>9</v>
      </c>
      <c r="AI35802">
        <v>9</v>
      </c>
      <c r="AJ35802">
        <v>9</v>
      </c>
      <c r="AK35802">
        <v>9</v>
      </c>
      <c r="AL35802">
        <v>9</v>
      </c>
      <c r="AM35802">
        <v>9</v>
      </c>
      <c r="AN35802">
        <v>9</v>
      </c>
      <c r="AO35802">
        <v>9</v>
      </c>
      <c r="AP35802">
        <v>9</v>
      </c>
      <c r="AQ35802">
        <v>9</v>
      </c>
    </row>
    <row r="35803" spans="1:43">
      <c r="A35803" t="s">
        <v>22193</v>
      </c>
      <c r="B35803" t="s">
        <v>22194</v>
      </c>
      <c r="C35803" t="s">
        <v>22067</v>
      </c>
      <c r="D35803" t="s">
        <v>22068</v>
      </c>
      <c r="E35803" t="s">
        <v>21687</v>
      </c>
      <c r="F35803" t="s">
        <v>21688</v>
      </c>
      <c r="G35803" t="s">
        <v>20255</v>
      </c>
      <c r="H35803" t="s">
        <v>20256</v>
      </c>
      <c r="I35803" s="2">
        <v>1</v>
      </c>
      <c r="J35803" s="2">
        <v>0</v>
      </c>
      <c r="K35803" s="2">
        <v>0</v>
      </c>
      <c r="L35803" t="s">
        <v>120</v>
      </c>
      <c r="M35803" t="s">
        <v>87</v>
      </c>
      <c r="N35803" t="s">
        <v>88</v>
      </c>
      <c r="O35803" t="s">
        <v>85</v>
      </c>
      <c r="P35803" t="s">
        <v>86</v>
      </c>
      <c r="Q35803">
        <v>7</v>
      </c>
      <c r="R35803">
        <v>7</v>
      </c>
      <c r="S35803">
        <v>7</v>
      </c>
      <c r="T35803">
        <v>7</v>
      </c>
      <c r="U35803">
        <v>7</v>
      </c>
      <c r="V35803">
        <v>7</v>
      </c>
      <c r="W35803">
        <v>7</v>
      </c>
      <c r="X35803">
        <v>7</v>
      </c>
      <c r="Y35803">
        <v>8</v>
      </c>
      <c r="Z35803">
        <v>8</v>
      </c>
      <c r="AA35803">
        <v>8</v>
      </c>
      <c r="AB35803">
        <v>8</v>
      </c>
      <c r="AC35803">
        <v>8</v>
      </c>
      <c r="AD35803">
        <v>8</v>
      </c>
      <c r="AE35803">
        <v>8</v>
      </c>
      <c r="AF35803">
        <v>8</v>
      </c>
      <c r="AG35803">
        <v>8</v>
      </c>
      <c r="AH35803">
        <v>8</v>
      </c>
      <c r="AI35803">
        <v>8</v>
      </c>
      <c r="AJ35803">
        <v>8</v>
      </c>
      <c r="AK35803">
        <v>8</v>
      </c>
      <c r="AL35803">
        <v>8</v>
      </c>
      <c r="AM35803">
        <v>8</v>
      </c>
      <c r="AN35803">
        <v>8</v>
      </c>
      <c r="AO35803">
        <v>8</v>
      </c>
      <c r="AP35803">
        <v>8</v>
      </c>
      <c r="AQ35803">
        <v>8</v>
      </c>
    </row>
    <row r="35804" spans="1:43">
      <c r="A35804" t="s">
        <v>22193</v>
      </c>
      <c r="B35804" t="s">
        <v>22194</v>
      </c>
      <c r="C35804" t="s">
        <v>22067</v>
      </c>
      <c r="D35804" t="s">
        <v>22068</v>
      </c>
      <c r="E35804" t="s">
        <v>21687</v>
      </c>
      <c r="F35804" t="s">
        <v>21688</v>
      </c>
      <c r="G35804" t="s">
        <v>20255</v>
      </c>
      <c r="H35804" t="s">
        <v>20256</v>
      </c>
      <c r="I35804" s="2">
        <v>1</v>
      </c>
      <c r="J35804" s="2">
        <v>0</v>
      </c>
      <c r="K35804" s="2">
        <v>0</v>
      </c>
      <c r="L35804" t="s">
        <v>120</v>
      </c>
      <c r="M35804" t="s">
        <v>89</v>
      </c>
      <c r="N35804" t="s">
        <v>90</v>
      </c>
      <c r="O35804" t="s">
        <v>85</v>
      </c>
      <c r="P35804" t="s">
        <v>86</v>
      </c>
      <c r="Q35804">
        <v>7</v>
      </c>
      <c r="R35804">
        <v>7</v>
      </c>
      <c r="S35804">
        <v>7</v>
      </c>
      <c r="T35804">
        <v>7</v>
      </c>
      <c r="U35804">
        <v>7</v>
      </c>
      <c r="V35804">
        <v>7</v>
      </c>
      <c r="W35804">
        <v>7</v>
      </c>
      <c r="X35804">
        <v>7</v>
      </c>
      <c r="Y35804">
        <v>8</v>
      </c>
      <c r="Z35804">
        <v>8</v>
      </c>
      <c r="AA35804">
        <v>8</v>
      </c>
      <c r="AB35804">
        <v>8</v>
      </c>
      <c r="AC35804">
        <v>8</v>
      </c>
      <c r="AD35804">
        <v>8</v>
      </c>
      <c r="AE35804">
        <v>8</v>
      </c>
      <c r="AF35804">
        <v>8</v>
      </c>
      <c r="AG35804">
        <v>8</v>
      </c>
      <c r="AH35804">
        <v>8</v>
      </c>
      <c r="AI35804">
        <v>8</v>
      </c>
      <c r="AJ35804">
        <v>8</v>
      </c>
      <c r="AK35804">
        <v>8</v>
      </c>
      <c r="AL35804">
        <v>8</v>
      </c>
      <c r="AM35804">
        <v>8</v>
      </c>
      <c r="AN35804">
        <v>8</v>
      </c>
      <c r="AO35804">
        <v>8</v>
      </c>
      <c r="AP35804">
        <v>8</v>
      </c>
      <c r="AQ35804">
        <v>8</v>
      </c>
    </row>
    <row r="35805" spans="1:43">
      <c r="A35805" t="s">
        <v>22193</v>
      </c>
      <c r="B35805" t="s">
        <v>22194</v>
      </c>
      <c r="C35805" t="s">
        <v>22067</v>
      </c>
      <c r="D35805" t="s">
        <v>22068</v>
      </c>
      <c r="E35805" t="s">
        <v>21687</v>
      </c>
      <c r="F35805" t="s">
        <v>21688</v>
      </c>
      <c r="G35805" t="s">
        <v>20255</v>
      </c>
      <c r="H35805" t="s">
        <v>20256</v>
      </c>
      <c r="I35805" s="2">
        <v>1</v>
      </c>
      <c r="J35805" s="2">
        <v>0</v>
      </c>
      <c r="K35805" s="2">
        <v>0</v>
      </c>
      <c r="L35805" t="s">
        <v>120</v>
      </c>
      <c r="M35805" t="s">
        <v>83</v>
      </c>
      <c r="N35805" t="s">
        <v>91</v>
      </c>
      <c r="O35805" t="s">
        <v>85</v>
      </c>
      <c r="P35805" t="s">
        <v>86</v>
      </c>
      <c r="Q35805">
        <v>7</v>
      </c>
      <c r="R35805">
        <v>8</v>
      </c>
      <c r="S35805">
        <v>8</v>
      </c>
      <c r="T35805">
        <v>8</v>
      </c>
      <c r="U35805">
        <v>8</v>
      </c>
      <c r="V35805">
        <v>8</v>
      </c>
      <c r="W35805">
        <v>8</v>
      </c>
      <c r="X35805">
        <v>8</v>
      </c>
      <c r="Y35805">
        <v>8</v>
      </c>
      <c r="Z35805">
        <v>8</v>
      </c>
      <c r="AA35805">
        <v>8</v>
      </c>
      <c r="AB35805">
        <v>8</v>
      </c>
      <c r="AC35805">
        <v>8</v>
      </c>
      <c r="AD35805">
        <v>8</v>
      </c>
      <c r="AE35805">
        <v>9</v>
      </c>
      <c r="AF35805">
        <v>9</v>
      </c>
      <c r="AG35805">
        <v>9</v>
      </c>
      <c r="AH35805">
        <v>9</v>
      </c>
      <c r="AI35805">
        <v>9</v>
      </c>
      <c r="AJ35805">
        <v>9</v>
      </c>
      <c r="AK35805">
        <v>9</v>
      </c>
      <c r="AL35805">
        <v>9</v>
      </c>
      <c r="AM35805">
        <v>9</v>
      </c>
      <c r="AN35805">
        <v>9</v>
      </c>
      <c r="AO35805">
        <v>9</v>
      </c>
      <c r="AP35805">
        <v>9</v>
      </c>
      <c r="AQ35805">
        <v>9</v>
      </c>
    </row>
    <row r="35806" spans="1:43">
      <c r="A35806" t="s">
        <v>22195</v>
      </c>
      <c r="B35806" t="s">
        <v>22196</v>
      </c>
      <c r="C35806" t="s">
        <v>22067</v>
      </c>
      <c r="D35806" t="s">
        <v>22068</v>
      </c>
      <c r="E35806" t="s">
        <v>21687</v>
      </c>
      <c r="F35806" t="s">
        <v>21688</v>
      </c>
      <c r="G35806" t="s">
        <v>20255</v>
      </c>
      <c r="H35806" t="s">
        <v>20256</v>
      </c>
      <c r="I35806" s="2">
        <v>1</v>
      </c>
      <c r="J35806" s="2">
        <v>0</v>
      </c>
      <c r="K35806" s="2">
        <v>0</v>
      </c>
      <c r="L35806" t="s">
        <v>120</v>
      </c>
      <c r="M35806" t="s">
        <v>83</v>
      </c>
      <c r="N35806" t="s">
        <v>84</v>
      </c>
      <c r="O35806" t="s">
        <v>85</v>
      </c>
      <c r="P35806" t="s">
        <v>86</v>
      </c>
      <c r="Q35806">
        <v>8</v>
      </c>
      <c r="R35806">
        <v>8</v>
      </c>
      <c r="S35806">
        <v>8</v>
      </c>
      <c r="T35806">
        <v>8</v>
      </c>
      <c r="U35806">
        <v>8</v>
      </c>
      <c r="V35806">
        <v>9</v>
      </c>
      <c r="W35806">
        <v>9</v>
      </c>
      <c r="X35806">
        <v>9</v>
      </c>
      <c r="Y35806">
        <v>9</v>
      </c>
      <c r="Z35806">
        <v>9</v>
      </c>
      <c r="AA35806">
        <v>9</v>
      </c>
      <c r="AB35806">
        <v>9</v>
      </c>
      <c r="AC35806">
        <v>9</v>
      </c>
      <c r="AD35806">
        <v>9</v>
      </c>
      <c r="AE35806">
        <v>9</v>
      </c>
      <c r="AF35806">
        <v>9</v>
      </c>
      <c r="AG35806">
        <v>9</v>
      </c>
      <c r="AH35806">
        <v>10</v>
      </c>
      <c r="AI35806">
        <v>10</v>
      </c>
      <c r="AJ35806">
        <v>10</v>
      </c>
      <c r="AK35806">
        <v>10</v>
      </c>
      <c r="AL35806">
        <v>10</v>
      </c>
      <c r="AM35806">
        <v>10</v>
      </c>
      <c r="AN35806">
        <v>10</v>
      </c>
      <c r="AO35806">
        <v>10</v>
      </c>
      <c r="AP35806">
        <v>10</v>
      </c>
      <c r="AQ35806">
        <v>10</v>
      </c>
    </row>
    <row r="35807" spans="1:43">
      <c r="A35807" t="s">
        <v>22195</v>
      </c>
      <c r="B35807" t="s">
        <v>22196</v>
      </c>
      <c r="C35807" t="s">
        <v>22067</v>
      </c>
      <c r="D35807" t="s">
        <v>22068</v>
      </c>
      <c r="E35807" t="s">
        <v>21687</v>
      </c>
      <c r="F35807" t="s">
        <v>21688</v>
      </c>
      <c r="G35807" t="s">
        <v>20255</v>
      </c>
      <c r="H35807" t="s">
        <v>20256</v>
      </c>
      <c r="I35807" s="2">
        <v>1</v>
      </c>
      <c r="J35807" s="2">
        <v>0</v>
      </c>
      <c r="K35807" s="2">
        <v>0</v>
      </c>
      <c r="L35807" t="s">
        <v>120</v>
      </c>
      <c r="M35807" t="s">
        <v>87</v>
      </c>
      <c r="N35807" t="s">
        <v>88</v>
      </c>
      <c r="O35807" t="s">
        <v>85</v>
      </c>
      <c r="P35807" t="s">
        <v>86</v>
      </c>
      <c r="Q35807">
        <v>8</v>
      </c>
      <c r="R35807">
        <v>8</v>
      </c>
      <c r="S35807">
        <v>8</v>
      </c>
      <c r="T35807">
        <v>8</v>
      </c>
      <c r="U35807">
        <v>8</v>
      </c>
      <c r="V35807">
        <v>8</v>
      </c>
      <c r="W35807">
        <v>8</v>
      </c>
      <c r="X35807">
        <v>8</v>
      </c>
      <c r="Y35807">
        <v>8</v>
      </c>
      <c r="Z35807">
        <v>8</v>
      </c>
      <c r="AA35807">
        <v>8</v>
      </c>
      <c r="AB35807">
        <v>8</v>
      </c>
      <c r="AC35807">
        <v>8</v>
      </c>
      <c r="AD35807">
        <v>8</v>
      </c>
      <c r="AE35807">
        <v>8</v>
      </c>
      <c r="AF35807">
        <v>8</v>
      </c>
      <c r="AG35807">
        <v>8</v>
      </c>
      <c r="AH35807">
        <v>8</v>
      </c>
      <c r="AI35807">
        <v>8</v>
      </c>
      <c r="AJ35807">
        <v>8</v>
      </c>
      <c r="AK35807">
        <v>8</v>
      </c>
      <c r="AL35807">
        <v>8</v>
      </c>
      <c r="AM35807">
        <v>8</v>
      </c>
      <c r="AN35807">
        <v>9</v>
      </c>
      <c r="AO35807">
        <v>9</v>
      </c>
      <c r="AP35807">
        <v>9</v>
      </c>
      <c r="AQ35807">
        <v>9</v>
      </c>
    </row>
    <row r="35808" spans="1:43">
      <c r="A35808" t="s">
        <v>22195</v>
      </c>
      <c r="B35808" t="s">
        <v>22196</v>
      </c>
      <c r="C35808" t="s">
        <v>22067</v>
      </c>
      <c r="D35808" t="s">
        <v>22068</v>
      </c>
      <c r="E35808" t="s">
        <v>21687</v>
      </c>
      <c r="F35808" t="s">
        <v>21688</v>
      </c>
      <c r="G35808" t="s">
        <v>20255</v>
      </c>
      <c r="H35808" t="s">
        <v>20256</v>
      </c>
      <c r="I35808" s="2">
        <v>1</v>
      </c>
      <c r="J35808" s="2">
        <v>0</v>
      </c>
      <c r="K35808" s="2">
        <v>0</v>
      </c>
      <c r="L35808" t="s">
        <v>120</v>
      </c>
      <c r="M35808" t="s">
        <v>89</v>
      </c>
      <c r="N35808" t="s">
        <v>90</v>
      </c>
      <c r="O35808" t="s">
        <v>85</v>
      </c>
      <c r="P35808" t="s">
        <v>86</v>
      </c>
      <c r="Q35808">
        <v>8</v>
      </c>
      <c r="R35808">
        <v>8</v>
      </c>
      <c r="S35808">
        <v>9</v>
      </c>
      <c r="T35808">
        <v>9</v>
      </c>
      <c r="U35808">
        <v>9</v>
      </c>
      <c r="V35808">
        <v>9</v>
      </c>
      <c r="W35808">
        <v>9</v>
      </c>
      <c r="X35808">
        <v>9</v>
      </c>
      <c r="Y35808">
        <v>9</v>
      </c>
      <c r="Z35808">
        <v>9</v>
      </c>
      <c r="AA35808">
        <v>10</v>
      </c>
      <c r="AB35808">
        <v>10</v>
      </c>
      <c r="AC35808">
        <v>10</v>
      </c>
      <c r="AD35808">
        <v>10</v>
      </c>
      <c r="AE35808">
        <v>10</v>
      </c>
      <c r="AF35808">
        <v>10</v>
      </c>
      <c r="AG35808">
        <v>10</v>
      </c>
      <c r="AH35808">
        <v>10</v>
      </c>
      <c r="AI35808">
        <v>10</v>
      </c>
      <c r="AJ35808">
        <v>10</v>
      </c>
      <c r="AK35808">
        <v>10</v>
      </c>
      <c r="AL35808">
        <v>10</v>
      </c>
      <c r="AM35808">
        <v>10</v>
      </c>
      <c r="AN35808">
        <v>10</v>
      </c>
      <c r="AO35808">
        <v>10</v>
      </c>
      <c r="AP35808">
        <v>10</v>
      </c>
      <c r="AQ35808">
        <v>10</v>
      </c>
    </row>
    <row r="35809" spans="1:43">
      <c r="A35809" t="s">
        <v>22195</v>
      </c>
      <c r="B35809" t="s">
        <v>22196</v>
      </c>
      <c r="C35809" t="s">
        <v>22067</v>
      </c>
      <c r="D35809" t="s">
        <v>22068</v>
      </c>
      <c r="E35809" t="s">
        <v>21687</v>
      </c>
      <c r="F35809" t="s">
        <v>21688</v>
      </c>
      <c r="G35809" t="s">
        <v>20255</v>
      </c>
      <c r="H35809" t="s">
        <v>20256</v>
      </c>
      <c r="I35809" s="2">
        <v>1</v>
      </c>
      <c r="J35809" s="2">
        <v>0</v>
      </c>
      <c r="K35809" s="2">
        <v>0</v>
      </c>
      <c r="L35809" t="s">
        <v>120</v>
      </c>
      <c r="M35809" t="s">
        <v>83</v>
      </c>
      <c r="N35809" t="s">
        <v>91</v>
      </c>
      <c r="O35809" t="s">
        <v>85</v>
      </c>
      <c r="P35809" t="s">
        <v>86</v>
      </c>
      <c r="Q35809">
        <v>8</v>
      </c>
      <c r="R35809">
        <v>8</v>
      </c>
      <c r="S35809">
        <v>8</v>
      </c>
      <c r="T35809">
        <v>8</v>
      </c>
      <c r="U35809">
        <v>8</v>
      </c>
      <c r="V35809">
        <v>9</v>
      </c>
      <c r="W35809">
        <v>9</v>
      </c>
      <c r="X35809">
        <v>9</v>
      </c>
      <c r="Y35809">
        <v>9</v>
      </c>
      <c r="Z35809">
        <v>9</v>
      </c>
      <c r="AA35809">
        <v>9</v>
      </c>
      <c r="AB35809">
        <v>9</v>
      </c>
      <c r="AC35809">
        <v>9</v>
      </c>
      <c r="AD35809">
        <v>9</v>
      </c>
      <c r="AE35809">
        <v>9</v>
      </c>
      <c r="AF35809">
        <v>9</v>
      </c>
      <c r="AG35809">
        <v>9</v>
      </c>
      <c r="AH35809">
        <v>10</v>
      </c>
      <c r="AI35809">
        <v>10</v>
      </c>
      <c r="AJ35809">
        <v>10</v>
      </c>
      <c r="AK35809">
        <v>10</v>
      </c>
      <c r="AL35809">
        <v>10</v>
      </c>
      <c r="AM35809">
        <v>10</v>
      </c>
      <c r="AN35809">
        <v>10</v>
      </c>
      <c r="AO35809">
        <v>10</v>
      </c>
      <c r="AP35809">
        <v>10</v>
      </c>
      <c r="AQ35809">
        <v>10</v>
      </c>
    </row>
    <row r="35810" spans="1:43">
      <c r="A35810" t="s">
        <v>22197</v>
      </c>
      <c r="B35810" t="s">
        <v>22198</v>
      </c>
      <c r="C35810" t="s">
        <v>22089</v>
      </c>
      <c r="D35810" t="s">
        <v>22090</v>
      </c>
      <c r="E35810" t="s">
        <v>21687</v>
      </c>
      <c r="F35810" t="s">
        <v>21688</v>
      </c>
      <c r="G35810" t="s">
        <v>20255</v>
      </c>
      <c r="H35810" t="s">
        <v>20256</v>
      </c>
      <c r="I35810" s="2">
        <v>1</v>
      </c>
      <c r="J35810" s="2">
        <v>0</v>
      </c>
      <c r="K35810" s="2">
        <v>0</v>
      </c>
      <c r="L35810" t="s">
        <v>120</v>
      </c>
      <c r="M35810" t="s">
        <v>83</v>
      </c>
      <c r="N35810" t="s">
        <v>84</v>
      </c>
      <c r="O35810" t="s">
        <v>85</v>
      </c>
      <c r="P35810" t="s">
        <v>86</v>
      </c>
      <c r="Q35810">
        <v>55</v>
      </c>
      <c r="R35810">
        <v>56</v>
      </c>
      <c r="S35810">
        <v>57</v>
      </c>
      <c r="T35810">
        <v>57</v>
      </c>
      <c r="U35810">
        <v>58</v>
      </c>
      <c r="V35810">
        <v>58</v>
      </c>
      <c r="W35810">
        <v>59</v>
      </c>
      <c r="X35810">
        <v>60</v>
      </c>
      <c r="Y35810">
        <v>60</v>
      </c>
      <c r="Z35810">
        <v>61</v>
      </c>
      <c r="AA35810">
        <v>61</v>
      </c>
      <c r="AB35810">
        <v>62</v>
      </c>
      <c r="AC35810">
        <v>63</v>
      </c>
      <c r="AD35810">
        <v>63</v>
      </c>
      <c r="AE35810">
        <v>64</v>
      </c>
      <c r="AF35810">
        <v>64</v>
      </c>
      <c r="AG35810">
        <v>65</v>
      </c>
      <c r="AH35810">
        <v>66</v>
      </c>
      <c r="AI35810">
        <v>66</v>
      </c>
      <c r="AJ35810">
        <v>67</v>
      </c>
      <c r="AK35810">
        <v>68</v>
      </c>
      <c r="AL35810">
        <v>68</v>
      </c>
      <c r="AM35810">
        <v>68</v>
      </c>
      <c r="AN35810">
        <v>68</v>
      </c>
      <c r="AO35810">
        <v>68</v>
      </c>
      <c r="AP35810">
        <v>68</v>
      </c>
      <c r="AQ35810">
        <v>68</v>
      </c>
    </row>
    <row r="35811" spans="1:43">
      <c r="A35811" t="s">
        <v>22197</v>
      </c>
      <c r="B35811" t="s">
        <v>22198</v>
      </c>
      <c r="C35811" t="s">
        <v>22089</v>
      </c>
      <c r="D35811" t="s">
        <v>22090</v>
      </c>
      <c r="E35811" t="s">
        <v>21687</v>
      </c>
      <c r="F35811" t="s">
        <v>21688</v>
      </c>
      <c r="G35811" t="s">
        <v>20255</v>
      </c>
      <c r="H35811" t="s">
        <v>20256</v>
      </c>
      <c r="I35811" s="2">
        <v>1</v>
      </c>
      <c r="J35811" s="2">
        <v>0</v>
      </c>
      <c r="K35811" s="2">
        <v>0</v>
      </c>
      <c r="L35811" t="s">
        <v>120</v>
      </c>
      <c r="M35811" t="s">
        <v>87</v>
      </c>
      <c r="N35811" t="s">
        <v>88</v>
      </c>
      <c r="O35811" t="s">
        <v>85</v>
      </c>
      <c r="P35811" t="s">
        <v>86</v>
      </c>
      <c r="Q35811">
        <v>55</v>
      </c>
      <c r="R35811">
        <v>55</v>
      </c>
      <c r="S35811">
        <v>55</v>
      </c>
      <c r="T35811">
        <v>55</v>
      </c>
      <c r="U35811">
        <v>55</v>
      </c>
      <c r="V35811">
        <v>55</v>
      </c>
      <c r="W35811">
        <v>56</v>
      </c>
      <c r="X35811">
        <v>56</v>
      </c>
      <c r="Y35811">
        <v>56</v>
      </c>
      <c r="Z35811">
        <v>56</v>
      </c>
      <c r="AA35811">
        <v>56</v>
      </c>
      <c r="AB35811">
        <v>56</v>
      </c>
      <c r="AC35811">
        <v>56</v>
      </c>
      <c r="AD35811">
        <v>57</v>
      </c>
      <c r="AE35811">
        <v>57</v>
      </c>
      <c r="AF35811">
        <v>57</v>
      </c>
      <c r="AG35811">
        <v>57</v>
      </c>
      <c r="AH35811">
        <v>57</v>
      </c>
      <c r="AI35811">
        <v>57</v>
      </c>
      <c r="AJ35811">
        <v>58</v>
      </c>
      <c r="AK35811">
        <v>58</v>
      </c>
      <c r="AL35811">
        <v>58</v>
      </c>
      <c r="AM35811">
        <v>58</v>
      </c>
      <c r="AN35811">
        <v>58</v>
      </c>
      <c r="AO35811">
        <v>59</v>
      </c>
      <c r="AP35811">
        <v>59</v>
      </c>
      <c r="AQ35811">
        <v>59</v>
      </c>
    </row>
    <row r="35812" spans="1:43">
      <c r="A35812" t="s">
        <v>22197</v>
      </c>
      <c r="B35812" t="s">
        <v>22198</v>
      </c>
      <c r="C35812" t="s">
        <v>22089</v>
      </c>
      <c r="D35812" t="s">
        <v>22090</v>
      </c>
      <c r="E35812" t="s">
        <v>21687</v>
      </c>
      <c r="F35812" t="s">
        <v>21688</v>
      </c>
      <c r="G35812" t="s">
        <v>20255</v>
      </c>
      <c r="H35812" t="s">
        <v>20256</v>
      </c>
      <c r="I35812" s="2">
        <v>1</v>
      </c>
      <c r="J35812" s="2">
        <v>0</v>
      </c>
      <c r="K35812" s="2">
        <v>0</v>
      </c>
      <c r="L35812" t="s">
        <v>120</v>
      </c>
      <c r="M35812" t="s">
        <v>89</v>
      </c>
      <c r="N35812" t="s">
        <v>90</v>
      </c>
      <c r="O35812" t="s">
        <v>85</v>
      </c>
      <c r="P35812" t="s">
        <v>86</v>
      </c>
      <c r="Q35812">
        <v>55</v>
      </c>
      <c r="R35812">
        <v>56</v>
      </c>
      <c r="S35812">
        <v>57</v>
      </c>
      <c r="T35812">
        <v>58</v>
      </c>
      <c r="U35812">
        <v>59</v>
      </c>
      <c r="V35812">
        <v>60</v>
      </c>
      <c r="W35812">
        <v>61</v>
      </c>
      <c r="X35812">
        <v>62</v>
      </c>
      <c r="Y35812">
        <v>63</v>
      </c>
      <c r="Z35812">
        <v>64</v>
      </c>
      <c r="AA35812">
        <v>64</v>
      </c>
      <c r="AB35812">
        <v>65</v>
      </c>
      <c r="AC35812">
        <v>66</v>
      </c>
      <c r="AD35812">
        <v>67</v>
      </c>
      <c r="AE35812">
        <v>67</v>
      </c>
      <c r="AF35812">
        <v>68</v>
      </c>
      <c r="AG35812">
        <v>68</v>
      </c>
      <c r="AH35812">
        <v>68</v>
      </c>
      <c r="AI35812">
        <v>68</v>
      </c>
      <c r="AJ35812">
        <v>68</v>
      </c>
      <c r="AK35812">
        <v>68</v>
      </c>
      <c r="AL35812">
        <v>68</v>
      </c>
      <c r="AM35812">
        <v>68</v>
      </c>
      <c r="AN35812">
        <v>68</v>
      </c>
      <c r="AO35812">
        <v>68</v>
      </c>
      <c r="AP35812">
        <v>68</v>
      </c>
      <c r="AQ35812">
        <v>68</v>
      </c>
    </row>
    <row r="35813" spans="1:43">
      <c r="A35813" t="s">
        <v>22197</v>
      </c>
      <c r="B35813" t="s">
        <v>22198</v>
      </c>
      <c r="C35813" t="s">
        <v>22089</v>
      </c>
      <c r="D35813" t="s">
        <v>22090</v>
      </c>
      <c r="E35813" t="s">
        <v>21687</v>
      </c>
      <c r="F35813" t="s">
        <v>21688</v>
      </c>
      <c r="G35813" t="s">
        <v>20255</v>
      </c>
      <c r="H35813" t="s">
        <v>20256</v>
      </c>
      <c r="I35813" s="2">
        <v>1</v>
      </c>
      <c r="J35813" s="2">
        <v>0</v>
      </c>
      <c r="K35813" s="2">
        <v>0</v>
      </c>
      <c r="L35813" t="s">
        <v>120</v>
      </c>
      <c r="M35813" t="s">
        <v>83</v>
      </c>
      <c r="N35813" t="s">
        <v>91</v>
      </c>
      <c r="O35813" t="s">
        <v>85</v>
      </c>
      <c r="P35813" t="s">
        <v>86</v>
      </c>
      <c r="Q35813">
        <v>55</v>
      </c>
      <c r="R35813">
        <v>56</v>
      </c>
      <c r="S35813">
        <v>57</v>
      </c>
      <c r="T35813">
        <v>57</v>
      </c>
      <c r="U35813">
        <v>58</v>
      </c>
      <c r="V35813">
        <v>58</v>
      </c>
      <c r="W35813">
        <v>59</v>
      </c>
      <c r="X35813">
        <v>60</v>
      </c>
      <c r="Y35813">
        <v>60</v>
      </c>
      <c r="Z35813">
        <v>61</v>
      </c>
      <c r="AA35813">
        <v>61</v>
      </c>
      <c r="AB35813">
        <v>62</v>
      </c>
      <c r="AC35813">
        <v>63</v>
      </c>
      <c r="AD35813">
        <v>63</v>
      </c>
      <c r="AE35813">
        <v>64</v>
      </c>
      <c r="AF35813">
        <v>64</v>
      </c>
      <c r="AG35813">
        <v>65</v>
      </c>
      <c r="AH35813">
        <v>66</v>
      </c>
      <c r="AI35813">
        <v>66</v>
      </c>
      <c r="AJ35813">
        <v>67</v>
      </c>
      <c r="AK35813">
        <v>68</v>
      </c>
      <c r="AL35813">
        <v>68</v>
      </c>
      <c r="AM35813">
        <v>68</v>
      </c>
      <c r="AN35813">
        <v>68</v>
      </c>
      <c r="AO35813">
        <v>68</v>
      </c>
      <c r="AP35813">
        <v>68</v>
      </c>
      <c r="AQ35813">
        <v>68</v>
      </c>
    </row>
    <row r="35814" spans="1:43">
      <c r="A35814" t="s">
        <v>22199</v>
      </c>
      <c r="B35814" t="s">
        <v>22200</v>
      </c>
      <c r="C35814" t="s">
        <v>22139</v>
      </c>
      <c r="D35814" t="s">
        <v>22140</v>
      </c>
      <c r="E35814" t="s">
        <v>21687</v>
      </c>
      <c r="F35814" t="s">
        <v>21688</v>
      </c>
      <c r="G35814" t="s">
        <v>20255</v>
      </c>
      <c r="H35814" t="s">
        <v>20256</v>
      </c>
      <c r="I35814" s="2">
        <v>1</v>
      </c>
      <c r="J35814" s="2">
        <v>0</v>
      </c>
      <c r="K35814" s="2">
        <v>0</v>
      </c>
      <c r="L35814" t="s">
        <v>120</v>
      </c>
      <c r="M35814" t="s">
        <v>83</v>
      </c>
      <c r="N35814" t="s">
        <v>84</v>
      </c>
      <c r="O35814" t="s">
        <v>85</v>
      </c>
      <c r="P35814" t="s">
        <v>86</v>
      </c>
      <c r="Q35814">
        <v>53</v>
      </c>
      <c r="R35814">
        <v>53</v>
      </c>
      <c r="S35814">
        <v>54</v>
      </c>
      <c r="T35814">
        <v>54</v>
      </c>
      <c r="U35814">
        <v>55</v>
      </c>
      <c r="V35814">
        <v>55</v>
      </c>
      <c r="W35814">
        <v>56</v>
      </c>
      <c r="X35814">
        <v>56</v>
      </c>
      <c r="Y35814">
        <v>57</v>
      </c>
      <c r="Z35814">
        <v>58</v>
      </c>
      <c r="AA35814">
        <v>58</v>
      </c>
      <c r="AB35814">
        <v>59</v>
      </c>
      <c r="AC35814">
        <v>59</v>
      </c>
      <c r="AD35814">
        <v>60</v>
      </c>
      <c r="AE35814">
        <v>60</v>
      </c>
      <c r="AF35814">
        <v>61</v>
      </c>
      <c r="AG35814">
        <v>61</v>
      </c>
      <c r="AH35814">
        <v>62</v>
      </c>
      <c r="AI35814">
        <v>62</v>
      </c>
      <c r="AJ35814">
        <v>63</v>
      </c>
      <c r="AK35814">
        <v>63</v>
      </c>
      <c r="AL35814">
        <v>63</v>
      </c>
      <c r="AM35814">
        <v>63</v>
      </c>
      <c r="AN35814">
        <v>64</v>
      </c>
      <c r="AO35814">
        <v>64</v>
      </c>
      <c r="AP35814">
        <v>64</v>
      </c>
      <c r="AQ35814">
        <v>64</v>
      </c>
    </row>
    <row r="35815" spans="1:43">
      <c r="A35815" t="s">
        <v>22199</v>
      </c>
      <c r="B35815" t="s">
        <v>22200</v>
      </c>
      <c r="C35815" t="s">
        <v>22139</v>
      </c>
      <c r="D35815" t="s">
        <v>22140</v>
      </c>
      <c r="E35815" t="s">
        <v>21687</v>
      </c>
      <c r="F35815" t="s">
        <v>21688</v>
      </c>
      <c r="G35815" t="s">
        <v>20255</v>
      </c>
      <c r="H35815" t="s">
        <v>20256</v>
      </c>
      <c r="I35815" s="2">
        <v>1</v>
      </c>
      <c r="J35815" s="2">
        <v>0</v>
      </c>
      <c r="K35815" s="2">
        <v>0</v>
      </c>
      <c r="L35815" t="s">
        <v>120</v>
      </c>
      <c r="M35815" t="s">
        <v>87</v>
      </c>
      <c r="N35815" t="s">
        <v>88</v>
      </c>
      <c r="O35815" t="s">
        <v>85</v>
      </c>
      <c r="P35815" t="s">
        <v>86</v>
      </c>
      <c r="Q35815">
        <v>53</v>
      </c>
      <c r="R35815">
        <v>53</v>
      </c>
      <c r="S35815">
        <v>53</v>
      </c>
      <c r="T35815">
        <v>53</v>
      </c>
      <c r="U35815">
        <v>53</v>
      </c>
      <c r="V35815">
        <v>53</v>
      </c>
      <c r="W35815">
        <v>54</v>
      </c>
      <c r="X35815">
        <v>54</v>
      </c>
      <c r="Y35815">
        <v>54</v>
      </c>
      <c r="Z35815">
        <v>54</v>
      </c>
      <c r="AA35815">
        <v>54</v>
      </c>
      <c r="AB35815">
        <v>54</v>
      </c>
      <c r="AC35815">
        <v>54</v>
      </c>
      <c r="AD35815">
        <v>54</v>
      </c>
      <c r="AE35815">
        <v>54</v>
      </c>
      <c r="AF35815">
        <v>54</v>
      </c>
      <c r="AG35815">
        <v>55</v>
      </c>
      <c r="AH35815">
        <v>55</v>
      </c>
      <c r="AI35815">
        <v>55</v>
      </c>
      <c r="AJ35815">
        <v>55</v>
      </c>
      <c r="AK35815">
        <v>55</v>
      </c>
      <c r="AL35815">
        <v>55</v>
      </c>
      <c r="AM35815">
        <v>55</v>
      </c>
      <c r="AN35815">
        <v>56</v>
      </c>
      <c r="AO35815">
        <v>56</v>
      </c>
      <c r="AP35815">
        <v>56</v>
      </c>
      <c r="AQ35815">
        <v>56</v>
      </c>
    </row>
    <row r="35816" spans="1:43">
      <c r="A35816" t="s">
        <v>22199</v>
      </c>
      <c r="B35816" t="s">
        <v>22200</v>
      </c>
      <c r="C35816" t="s">
        <v>22139</v>
      </c>
      <c r="D35816" t="s">
        <v>22140</v>
      </c>
      <c r="E35816" t="s">
        <v>21687</v>
      </c>
      <c r="F35816" t="s">
        <v>21688</v>
      </c>
      <c r="G35816" t="s">
        <v>20255</v>
      </c>
      <c r="H35816" t="s">
        <v>20256</v>
      </c>
      <c r="I35816" s="2">
        <v>1</v>
      </c>
      <c r="J35816" s="2">
        <v>0</v>
      </c>
      <c r="K35816" s="2">
        <v>0</v>
      </c>
      <c r="L35816" t="s">
        <v>120</v>
      </c>
      <c r="M35816" t="s">
        <v>89</v>
      </c>
      <c r="N35816" t="s">
        <v>90</v>
      </c>
      <c r="O35816" t="s">
        <v>85</v>
      </c>
      <c r="P35816" t="s">
        <v>86</v>
      </c>
      <c r="Q35816">
        <v>53</v>
      </c>
      <c r="R35816">
        <v>54</v>
      </c>
      <c r="S35816">
        <v>55</v>
      </c>
      <c r="T35816">
        <v>56</v>
      </c>
      <c r="U35816">
        <v>57</v>
      </c>
      <c r="V35816">
        <v>58</v>
      </c>
      <c r="W35816">
        <v>59</v>
      </c>
      <c r="X35816">
        <v>59</v>
      </c>
      <c r="Y35816">
        <v>60</v>
      </c>
      <c r="Z35816">
        <v>61</v>
      </c>
      <c r="AA35816">
        <v>62</v>
      </c>
      <c r="AB35816">
        <v>62</v>
      </c>
      <c r="AC35816">
        <v>63</v>
      </c>
      <c r="AD35816">
        <v>64</v>
      </c>
      <c r="AE35816">
        <v>64</v>
      </c>
      <c r="AF35816">
        <v>64</v>
      </c>
      <c r="AG35816">
        <v>64</v>
      </c>
      <c r="AH35816">
        <v>64</v>
      </c>
      <c r="AI35816">
        <v>64</v>
      </c>
      <c r="AJ35816">
        <v>64</v>
      </c>
      <c r="AK35816">
        <v>64</v>
      </c>
      <c r="AL35816">
        <v>64</v>
      </c>
      <c r="AM35816">
        <v>64</v>
      </c>
      <c r="AN35816">
        <v>64</v>
      </c>
      <c r="AO35816">
        <v>64</v>
      </c>
      <c r="AP35816">
        <v>64</v>
      </c>
      <c r="AQ35816">
        <v>64</v>
      </c>
    </row>
    <row r="35817" spans="1:43">
      <c r="A35817" t="s">
        <v>22199</v>
      </c>
      <c r="B35817" t="s">
        <v>22200</v>
      </c>
      <c r="C35817" t="s">
        <v>22139</v>
      </c>
      <c r="D35817" t="s">
        <v>22140</v>
      </c>
      <c r="E35817" t="s">
        <v>21687</v>
      </c>
      <c r="F35817" t="s">
        <v>21688</v>
      </c>
      <c r="G35817" t="s">
        <v>20255</v>
      </c>
      <c r="H35817" t="s">
        <v>20256</v>
      </c>
      <c r="I35817" s="2">
        <v>1</v>
      </c>
      <c r="J35817" s="2">
        <v>0</v>
      </c>
      <c r="K35817" s="2">
        <v>0</v>
      </c>
      <c r="L35817" t="s">
        <v>120</v>
      </c>
      <c r="M35817" t="s">
        <v>83</v>
      </c>
      <c r="N35817" t="s">
        <v>91</v>
      </c>
      <c r="O35817" t="s">
        <v>85</v>
      </c>
      <c r="P35817" t="s">
        <v>86</v>
      </c>
      <c r="Q35817">
        <v>53</v>
      </c>
      <c r="R35817">
        <v>53</v>
      </c>
      <c r="S35817">
        <v>54</v>
      </c>
      <c r="T35817">
        <v>54</v>
      </c>
      <c r="U35817">
        <v>55</v>
      </c>
      <c r="V35817">
        <v>55</v>
      </c>
      <c r="W35817">
        <v>56</v>
      </c>
      <c r="X35817">
        <v>56</v>
      </c>
      <c r="Y35817">
        <v>57</v>
      </c>
      <c r="Z35817">
        <v>58</v>
      </c>
      <c r="AA35817">
        <v>58</v>
      </c>
      <c r="AB35817">
        <v>59</v>
      </c>
      <c r="AC35817">
        <v>59</v>
      </c>
      <c r="AD35817">
        <v>60</v>
      </c>
      <c r="AE35817">
        <v>60</v>
      </c>
      <c r="AF35817">
        <v>61</v>
      </c>
      <c r="AG35817">
        <v>61</v>
      </c>
      <c r="AH35817">
        <v>62</v>
      </c>
      <c r="AI35817">
        <v>62</v>
      </c>
      <c r="AJ35817">
        <v>63</v>
      </c>
      <c r="AK35817">
        <v>63</v>
      </c>
      <c r="AL35817">
        <v>63</v>
      </c>
      <c r="AM35817">
        <v>63</v>
      </c>
      <c r="AN35817">
        <v>64</v>
      </c>
      <c r="AO35817">
        <v>64</v>
      </c>
      <c r="AP35817">
        <v>64</v>
      </c>
      <c r="AQ35817">
        <v>64</v>
      </c>
    </row>
    <row r="35818" spans="1:43">
      <c r="A35818" t="s">
        <v>22201</v>
      </c>
      <c r="B35818" t="s">
        <v>22202</v>
      </c>
      <c r="C35818" t="s">
        <v>22203</v>
      </c>
      <c r="D35818" t="s">
        <v>22204</v>
      </c>
      <c r="E35818" t="s">
        <v>22205</v>
      </c>
      <c r="F35818" t="s">
        <v>22206</v>
      </c>
      <c r="G35818" t="s">
        <v>20255</v>
      </c>
      <c r="H35818" t="s">
        <v>20256</v>
      </c>
      <c r="I35818" s="2">
        <v>1</v>
      </c>
      <c r="J35818" s="2">
        <v>0</v>
      </c>
      <c r="K35818" s="2">
        <v>0</v>
      </c>
      <c r="L35818" t="s">
        <v>120</v>
      </c>
      <c r="M35818" t="s">
        <v>83</v>
      </c>
      <c r="N35818" t="s">
        <v>84</v>
      </c>
      <c r="O35818" t="s">
        <v>85</v>
      </c>
      <c r="P35818" t="s">
        <v>86</v>
      </c>
      <c r="Q35818">
        <v>57</v>
      </c>
      <c r="R35818">
        <v>58</v>
      </c>
      <c r="S35818">
        <v>59</v>
      </c>
      <c r="T35818">
        <v>60</v>
      </c>
      <c r="U35818">
        <v>61</v>
      </c>
      <c r="V35818">
        <v>62</v>
      </c>
      <c r="W35818">
        <v>64</v>
      </c>
      <c r="X35818">
        <v>65</v>
      </c>
      <c r="Y35818">
        <v>66</v>
      </c>
      <c r="Z35818">
        <v>67</v>
      </c>
      <c r="AA35818">
        <v>68</v>
      </c>
      <c r="AB35818">
        <v>69</v>
      </c>
      <c r="AC35818">
        <v>70</v>
      </c>
      <c r="AD35818">
        <v>72</v>
      </c>
      <c r="AE35818">
        <v>73</v>
      </c>
      <c r="AF35818">
        <v>74</v>
      </c>
      <c r="AG35818">
        <v>75</v>
      </c>
      <c r="AH35818">
        <v>76</v>
      </c>
      <c r="AI35818">
        <v>78</v>
      </c>
      <c r="AJ35818">
        <v>79</v>
      </c>
      <c r="AK35818">
        <v>80</v>
      </c>
      <c r="AL35818">
        <v>81</v>
      </c>
      <c r="AM35818">
        <v>82</v>
      </c>
      <c r="AN35818">
        <v>82</v>
      </c>
      <c r="AO35818">
        <v>83</v>
      </c>
      <c r="AP35818">
        <v>84</v>
      </c>
      <c r="AQ35818">
        <v>84</v>
      </c>
    </row>
    <row r="35819" spans="1:43">
      <c r="A35819" t="s">
        <v>22201</v>
      </c>
      <c r="B35819" t="s">
        <v>22202</v>
      </c>
      <c r="C35819" t="s">
        <v>22203</v>
      </c>
      <c r="D35819" t="s">
        <v>22204</v>
      </c>
      <c r="E35819" t="s">
        <v>22205</v>
      </c>
      <c r="F35819" t="s">
        <v>22206</v>
      </c>
      <c r="G35819" t="s">
        <v>20255</v>
      </c>
      <c r="H35819" t="s">
        <v>20256</v>
      </c>
      <c r="I35819" s="2">
        <v>1</v>
      </c>
      <c r="J35819" s="2">
        <v>0</v>
      </c>
      <c r="K35819" s="2">
        <v>0</v>
      </c>
      <c r="L35819" t="s">
        <v>120</v>
      </c>
      <c r="M35819" t="s">
        <v>87</v>
      </c>
      <c r="N35819" t="s">
        <v>88</v>
      </c>
      <c r="O35819" t="s">
        <v>85</v>
      </c>
      <c r="P35819" t="s">
        <v>86</v>
      </c>
      <c r="Q35819">
        <v>57</v>
      </c>
      <c r="R35819">
        <v>58</v>
      </c>
      <c r="S35819">
        <v>58</v>
      </c>
      <c r="T35819">
        <v>59</v>
      </c>
      <c r="U35819">
        <v>60</v>
      </c>
      <c r="V35819">
        <v>60</v>
      </c>
      <c r="W35819">
        <v>61</v>
      </c>
      <c r="X35819">
        <v>61</v>
      </c>
      <c r="Y35819">
        <v>62</v>
      </c>
      <c r="Z35819">
        <v>63</v>
      </c>
      <c r="AA35819">
        <v>63</v>
      </c>
      <c r="AB35819">
        <v>64</v>
      </c>
      <c r="AC35819">
        <v>64</v>
      </c>
      <c r="AD35819">
        <v>65</v>
      </c>
      <c r="AE35819">
        <v>66</v>
      </c>
      <c r="AF35819">
        <v>66</v>
      </c>
      <c r="AG35819">
        <v>67</v>
      </c>
      <c r="AH35819">
        <v>68</v>
      </c>
      <c r="AI35819">
        <v>68</v>
      </c>
      <c r="AJ35819">
        <v>69</v>
      </c>
      <c r="AK35819">
        <v>70</v>
      </c>
      <c r="AL35819">
        <v>70</v>
      </c>
      <c r="AM35819">
        <v>71</v>
      </c>
      <c r="AN35819">
        <v>72</v>
      </c>
      <c r="AO35819">
        <v>72</v>
      </c>
      <c r="AP35819">
        <v>73</v>
      </c>
      <c r="AQ35819">
        <v>74</v>
      </c>
    </row>
    <row r="35820" spans="1:43">
      <c r="A35820" t="s">
        <v>22201</v>
      </c>
      <c r="B35820" t="s">
        <v>22202</v>
      </c>
      <c r="C35820" t="s">
        <v>22203</v>
      </c>
      <c r="D35820" t="s">
        <v>22204</v>
      </c>
      <c r="E35820" t="s">
        <v>22205</v>
      </c>
      <c r="F35820" t="s">
        <v>22206</v>
      </c>
      <c r="G35820" t="s">
        <v>20255</v>
      </c>
      <c r="H35820" t="s">
        <v>20256</v>
      </c>
      <c r="I35820" s="2">
        <v>1</v>
      </c>
      <c r="J35820" s="2">
        <v>0</v>
      </c>
      <c r="K35820" s="2">
        <v>0</v>
      </c>
      <c r="L35820" t="s">
        <v>120</v>
      </c>
      <c r="M35820" t="s">
        <v>89</v>
      </c>
      <c r="N35820" t="s">
        <v>90</v>
      </c>
      <c r="O35820" t="s">
        <v>85</v>
      </c>
      <c r="P35820" t="s">
        <v>86</v>
      </c>
      <c r="Q35820">
        <v>57</v>
      </c>
      <c r="R35820">
        <v>59</v>
      </c>
      <c r="S35820">
        <v>61</v>
      </c>
      <c r="T35820">
        <v>62</v>
      </c>
      <c r="U35820">
        <v>64</v>
      </c>
      <c r="V35820">
        <v>65</v>
      </c>
      <c r="W35820">
        <v>67</v>
      </c>
      <c r="X35820">
        <v>68</v>
      </c>
      <c r="Y35820">
        <v>70</v>
      </c>
      <c r="Z35820">
        <v>71</v>
      </c>
      <c r="AA35820">
        <v>72</v>
      </c>
      <c r="AB35820">
        <v>74</v>
      </c>
      <c r="AC35820">
        <v>75</v>
      </c>
      <c r="AD35820">
        <v>77</v>
      </c>
      <c r="AE35820">
        <v>78</v>
      </c>
      <c r="AF35820">
        <v>79</v>
      </c>
      <c r="AG35820">
        <v>79</v>
      </c>
      <c r="AH35820">
        <v>80</v>
      </c>
      <c r="AI35820">
        <v>80</v>
      </c>
      <c r="AJ35820">
        <v>81</v>
      </c>
      <c r="AK35820">
        <v>82</v>
      </c>
      <c r="AL35820">
        <v>82</v>
      </c>
      <c r="AM35820">
        <v>83</v>
      </c>
      <c r="AN35820">
        <v>84</v>
      </c>
      <c r="AO35820">
        <v>84</v>
      </c>
      <c r="AP35820">
        <v>85</v>
      </c>
      <c r="AQ35820">
        <v>86</v>
      </c>
    </row>
    <row r="35821" spans="1:43">
      <c r="A35821" t="s">
        <v>22201</v>
      </c>
      <c r="B35821" t="s">
        <v>22202</v>
      </c>
      <c r="C35821" t="s">
        <v>22203</v>
      </c>
      <c r="D35821" t="s">
        <v>22204</v>
      </c>
      <c r="E35821" t="s">
        <v>22205</v>
      </c>
      <c r="F35821" t="s">
        <v>22206</v>
      </c>
      <c r="G35821" t="s">
        <v>20255</v>
      </c>
      <c r="H35821" t="s">
        <v>20256</v>
      </c>
      <c r="I35821" s="2">
        <v>1</v>
      </c>
      <c r="J35821" s="2">
        <v>0</v>
      </c>
      <c r="K35821" s="2">
        <v>0</v>
      </c>
      <c r="L35821" t="s">
        <v>120</v>
      </c>
      <c r="M35821" t="s">
        <v>83</v>
      </c>
      <c r="N35821" t="s">
        <v>91</v>
      </c>
      <c r="O35821" t="s">
        <v>85</v>
      </c>
      <c r="P35821" t="s">
        <v>86</v>
      </c>
      <c r="Q35821">
        <v>57</v>
      </c>
      <c r="R35821">
        <v>58</v>
      </c>
      <c r="S35821">
        <v>59</v>
      </c>
      <c r="T35821">
        <v>60</v>
      </c>
      <c r="U35821">
        <v>61</v>
      </c>
      <c r="V35821">
        <v>62</v>
      </c>
      <c r="W35821">
        <v>64</v>
      </c>
      <c r="X35821">
        <v>65</v>
      </c>
      <c r="Y35821">
        <v>66</v>
      </c>
      <c r="Z35821">
        <v>67</v>
      </c>
      <c r="AA35821">
        <v>68</v>
      </c>
      <c r="AB35821">
        <v>69</v>
      </c>
      <c r="AC35821">
        <v>70</v>
      </c>
      <c r="AD35821">
        <v>72</v>
      </c>
      <c r="AE35821">
        <v>73</v>
      </c>
      <c r="AF35821">
        <v>74</v>
      </c>
      <c r="AG35821">
        <v>75</v>
      </c>
      <c r="AH35821">
        <v>76</v>
      </c>
      <c r="AI35821">
        <v>78</v>
      </c>
      <c r="AJ35821">
        <v>79</v>
      </c>
      <c r="AK35821">
        <v>80</v>
      </c>
      <c r="AL35821">
        <v>81</v>
      </c>
      <c r="AM35821">
        <v>82</v>
      </c>
      <c r="AN35821">
        <v>82</v>
      </c>
      <c r="AO35821">
        <v>83</v>
      </c>
      <c r="AP35821">
        <v>84</v>
      </c>
      <c r="AQ35821">
        <v>84</v>
      </c>
    </row>
    <row r="35822" spans="1:43">
      <c r="A35822" t="s">
        <v>22207</v>
      </c>
      <c r="B35822" t="s">
        <v>22208</v>
      </c>
      <c r="C35822" t="s">
        <v>22203</v>
      </c>
      <c r="D35822" t="s">
        <v>22204</v>
      </c>
      <c r="E35822" t="s">
        <v>22205</v>
      </c>
      <c r="F35822" t="s">
        <v>22206</v>
      </c>
      <c r="G35822" t="s">
        <v>20255</v>
      </c>
      <c r="H35822" t="s">
        <v>20256</v>
      </c>
      <c r="I35822" s="2">
        <v>1</v>
      </c>
      <c r="J35822" s="2">
        <v>0</v>
      </c>
      <c r="K35822" s="2">
        <v>0</v>
      </c>
      <c r="L35822" t="s">
        <v>120</v>
      </c>
      <c r="M35822" t="s">
        <v>83</v>
      </c>
      <c r="N35822" t="s">
        <v>84</v>
      </c>
      <c r="O35822" t="s">
        <v>85</v>
      </c>
      <c r="P35822" t="s">
        <v>86</v>
      </c>
      <c r="Q35822">
        <v>78</v>
      </c>
      <c r="R35822">
        <v>80</v>
      </c>
      <c r="S35822">
        <v>81</v>
      </c>
      <c r="T35822">
        <v>83</v>
      </c>
      <c r="U35822">
        <v>84</v>
      </c>
      <c r="V35822">
        <v>86</v>
      </c>
      <c r="W35822">
        <v>87</v>
      </c>
      <c r="X35822">
        <v>89</v>
      </c>
      <c r="Y35822">
        <v>91</v>
      </c>
      <c r="Z35822">
        <v>92</v>
      </c>
      <c r="AA35822">
        <v>94</v>
      </c>
      <c r="AB35822">
        <v>95</v>
      </c>
      <c r="AC35822">
        <v>97</v>
      </c>
      <c r="AD35822">
        <v>98</v>
      </c>
      <c r="AE35822">
        <v>100</v>
      </c>
      <c r="AF35822">
        <v>102</v>
      </c>
      <c r="AG35822">
        <v>103</v>
      </c>
      <c r="AH35822">
        <v>105</v>
      </c>
      <c r="AI35822">
        <v>107</v>
      </c>
      <c r="AJ35822">
        <v>109</v>
      </c>
      <c r="AK35822">
        <v>110</v>
      </c>
      <c r="AL35822">
        <v>112</v>
      </c>
      <c r="AM35822">
        <v>112</v>
      </c>
      <c r="AN35822">
        <v>113</v>
      </c>
      <c r="AO35822">
        <v>114</v>
      </c>
      <c r="AP35822">
        <v>115</v>
      </c>
      <c r="AQ35822">
        <v>116</v>
      </c>
    </row>
    <row r="35823" spans="1:43">
      <c r="A35823" t="s">
        <v>22207</v>
      </c>
      <c r="B35823" t="s">
        <v>22208</v>
      </c>
      <c r="C35823" t="s">
        <v>22203</v>
      </c>
      <c r="D35823" t="s">
        <v>22204</v>
      </c>
      <c r="E35823" t="s">
        <v>22205</v>
      </c>
      <c r="F35823" t="s">
        <v>22206</v>
      </c>
      <c r="G35823" t="s">
        <v>20255</v>
      </c>
      <c r="H35823" t="s">
        <v>20256</v>
      </c>
      <c r="I35823" s="2">
        <v>1</v>
      </c>
      <c r="J35823" s="2">
        <v>0</v>
      </c>
      <c r="K35823" s="2">
        <v>0</v>
      </c>
      <c r="L35823" t="s">
        <v>120</v>
      </c>
      <c r="M35823" t="s">
        <v>87</v>
      </c>
      <c r="N35823" t="s">
        <v>88</v>
      </c>
      <c r="O35823" t="s">
        <v>85</v>
      </c>
      <c r="P35823" t="s">
        <v>86</v>
      </c>
      <c r="Q35823">
        <v>78</v>
      </c>
      <c r="R35823">
        <v>79</v>
      </c>
      <c r="S35823">
        <v>80</v>
      </c>
      <c r="T35823">
        <v>81</v>
      </c>
      <c r="U35823">
        <v>81</v>
      </c>
      <c r="V35823">
        <v>82</v>
      </c>
      <c r="W35823">
        <v>83</v>
      </c>
      <c r="X35823">
        <v>84</v>
      </c>
      <c r="Y35823">
        <v>85</v>
      </c>
      <c r="Z35823">
        <v>86</v>
      </c>
      <c r="AA35823">
        <v>86</v>
      </c>
      <c r="AB35823">
        <v>87</v>
      </c>
      <c r="AC35823">
        <v>88</v>
      </c>
      <c r="AD35823">
        <v>89</v>
      </c>
      <c r="AE35823">
        <v>90</v>
      </c>
      <c r="AF35823">
        <v>91</v>
      </c>
      <c r="AG35823">
        <v>92</v>
      </c>
      <c r="AH35823">
        <v>93</v>
      </c>
      <c r="AI35823">
        <v>93</v>
      </c>
      <c r="AJ35823">
        <v>94</v>
      </c>
      <c r="AK35823">
        <v>95</v>
      </c>
      <c r="AL35823">
        <v>96</v>
      </c>
      <c r="AM35823">
        <v>97</v>
      </c>
      <c r="AN35823">
        <v>98</v>
      </c>
      <c r="AO35823">
        <v>99</v>
      </c>
      <c r="AP35823">
        <v>100</v>
      </c>
      <c r="AQ35823">
        <v>101</v>
      </c>
    </row>
    <row r="35824" spans="1:43">
      <c r="A35824" t="s">
        <v>22207</v>
      </c>
      <c r="B35824" t="s">
        <v>22208</v>
      </c>
      <c r="C35824" t="s">
        <v>22203</v>
      </c>
      <c r="D35824" t="s">
        <v>22204</v>
      </c>
      <c r="E35824" t="s">
        <v>22205</v>
      </c>
      <c r="F35824" t="s">
        <v>22206</v>
      </c>
      <c r="G35824" t="s">
        <v>20255</v>
      </c>
      <c r="H35824" t="s">
        <v>20256</v>
      </c>
      <c r="I35824" s="2">
        <v>1</v>
      </c>
      <c r="J35824" s="2">
        <v>0</v>
      </c>
      <c r="K35824" s="2">
        <v>0</v>
      </c>
      <c r="L35824" t="s">
        <v>120</v>
      </c>
      <c r="M35824" t="s">
        <v>89</v>
      </c>
      <c r="N35824" t="s">
        <v>90</v>
      </c>
      <c r="O35824" t="s">
        <v>85</v>
      </c>
      <c r="P35824" t="s">
        <v>86</v>
      </c>
      <c r="Q35824">
        <v>78</v>
      </c>
      <c r="R35824">
        <v>80</v>
      </c>
      <c r="S35824">
        <v>82</v>
      </c>
      <c r="T35824">
        <v>84</v>
      </c>
      <c r="U35824">
        <v>87</v>
      </c>
      <c r="V35824">
        <v>89</v>
      </c>
      <c r="W35824">
        <v>91</v>
      </c>
      <c r="X35824">
        <v>93</v>
      </c>
      <c r="Y35824">
        <v>95</v>
      </c>
      <c r="Z35824">
        <v>97</v>
      </c>
      <c r="AA35824">
        <v>99</v>
      </c>
      <c r="AB35824">
        <v>101</v>
      </c>
      <c r="AC35824">
        <v>103</v>
      </c>
      <c r="AD35824">
        <v>105</v>
      </c>
      <c r="AE35824">
        <v>106</v>
      </c>
      <c r="AF35824">
        <v>107</v>
      </c>
      <c r="AG35824">
        <v>108</v>
      </c>
      <c r="AH35824">
        <v>109</v>
      </c>
      <c r="AI35824">
        <v>110</v>
      </c>
      <c r="AJ35824">
        <v>111</v>
      </c>
      <c r="AK35824">
        <v>112</v>
      </c>
      <c r="AL35824">
        <v>113</v>
      </c>
      <c r="AM35824">
        <v>114</v>
      </c>
      <c r="AN35824">
        <v>114</v>
      </c>
      <c r="AO35824">
        <v>115</v>
      </c>
      <c r="AP35824">
        <v>116</v>
      </c>
      <c r="AQ35824">
        <v>117</v>
      </c>
    </row>
    <row r="35825" spans="1:43">
      <c r="A35825" t="s">
        <v>22207</v>
      </c>
      <c r="B35825" t="s">
        <v>22208</v>
      </c>
      <c r="C35825" t="s">
        <v>22203</v>
      </c>
      <c r="D35825" t="s">
        <v>22204</v>
      </c>
      <c r="E35825" t="s">
        <v>22205</v>
      </c>
      <c r="F35825" t="s">
        <v>22206</v>
      </c>
      <c r="G35825" t="s">
        <v>20255</v>
      </c>
      <c r="H35825" t="s">
        <v>20256</v>
      </c>
      <c r="I35825" s="2">
        <v>1</v>
      </c>
      <c r="J35825" s="2">
        <v>0</v>
      </c>
      <c r="K35825" s="2">
        <v>0</v>
      </c>
      <c r="L35825" t="s">
        <v>120</v>
      </c>
      <c r="M35825" t="s">
        <v>83</v>
      </c>
      <c r="N35825" t="s">
        <v>91</v>
      </c>
      <c r="O35825" t="s">
        <v>85</v>
      </c>
      <c r="P35825" t="s">
        <v>86</v>
      </c>
      <c r="Q35825">
        <v>78</v>
      </c>
      <c r="R35825">
        <v>80</v>
      </c>
      <c r="S35825">
        <v>81</v>
      </c>
      <c r="T35825">
        <v>83</v>
      </c>
      <c r="U35825">
        <v>84</v>
      </c>
      <c r="V35825">
        <v>86</v>
      </c>
      <c r="W35825">
        <v>87</v>
      </c>
      <c r="X35825">
        <v>89</v>
      </c>
      <c r="Y35825">
        <v>91</v>
      </c>
      <c r="Z35825">
        <v>92</v>
      </c>
      <c r="AA35825">
        <v>94</v>
      </c>
      <c r="AB35825">
        <v>95</v>
      </c>
      <c r="AC35825">
        <v>97</v>
      </c>
      <c r="AD35825">
        <v>98</v>
      </c>
      <c r="AE35825">
        <v>100</v>
      </c>
      <c r="AF35825">
        <v>102</v>
      </c>
      <c r="AG35825">
        <v>103</v>
      </c>
      <c r="AH35825">
        <v>105</v>
      </c>
      <c r="AI35825">
        <v>107</v>
      </c>
      <c r="AJ35825">
        <v>109</v>
      </c>
      <c r="AK35825">
        <v>110</v>
      </c>
      <c r="AL35825">
        <v>112</v>
      </c>
      <c r="AM35825">
        <v>112</v>
      </c>
      <c r="AN35825">
        <v>113</v>
      </c>
      <c r="AO35825">
        <v>114</v>
      </c>
      <c r="AP35825">
        <v>115</v>
      </c>
      <c r="AQ35825">
        <v>116</v>
      </c>
    </row>
    <row r="35826" spans="1:43">
      <c r="A35826" t="s">
        <v>22209</v>
      </c>
      <c r="B35826" t="s">
        <v>22210</v>
      </c>
      <c r="C35826" t="s">
        <v>22211</v>
      </c>
      <c r="D35826" t="s">
        <v>22212</v>
      </c>
      <c r="E35826" t="s">
        <v>22205</v>
      </c>
      <c r="F35826" t="s">
        <v>22206</v>
      </c>
      <c r="G35826" t="s">
        <v>20255</v>
      </c>
      <c r="H35826" t="s">
        <v>20256</v>
      </c>
      <c r="I35826" s="2">
        <v>1</v>
      </c>
      <c r="J35826" s="2">
        <v>0</v>
      </c>
      <c r="K35826" s="2">
        <v>0</v>
      </c>
      <c r="L35826" t="s">
        <v>120</v>
      </c>
      <c r="M35826" t="s">
        <v>83</v>
      </c>
      <c r="N35826" t="s">
        <v>84</v>
      </c>
      <c r="O35826" t="s">
        <v>85</v>
      </c>
      <c r="P35826" t="s">
        <v>86</v>
      </c>
      <c r="Q35826">
        <v>69</v>
      </c>
      <c r="R35826">
        <v>71</v>
      </c>
      <c r="S35826">
        <v>72</v>
      </c>
      <c r="T35826">
        <v>73</v>
      </c>
      <c r="U35826">
        <v>75</v>
      </c>
      <c r="V35826">
        <v>76</v>
      </c>
      <c r="W35826">
        <v>77</v>
      </c>
      <c r="X35826">
        <v>79</v>
      </c>
      <c r="Y35826">
        <v>80</v>
      </c>
      <c r="Z35826">
        <v>81</v>
      </c>
      <c r="AA35826">
        <v>82</v>
      </c>
      <c r="AB35826">
        <v>84</v>
      </c>
      <c r="AC35826">
        <v>85</v>
      </c>
      <c r="AD35826">
        <v>86</v>
      </c>
      <c r="AE35826">
        <v>88</v>
      </c>
      <c r="AF35826">
        <v>89</v>
      </c>
      <c r="AG35826">
        <v>91</v>
      </c>
      <c r="AH35826">
        <v>92</v>
      </c>
      <c r="AI35826">
        <v>93</v>
      </c>
      <c r="AJ35826">
        <v>95</v>
      </c>
      <c r="AK35826">
        <v>96</v>
      </c>
      <c r="AL35826">
        <v>97</v>
      </c>
      <c r="AM35826">
        <v>98</v>
      </c>
      <c r="AN35826">
        <v>98</v>
      </c>
      <c r="AO35826">
        <v>99</v>
      </c>
      <c r="AP35826">
        <v>99</v>
      </c>
      <c r="AQ35826">
        <v>100</v>
      </c>
    </row>
    <row r="35827" spans="1:43">
      <c r="A35827" t="s">
        <v>22209</v>
      </c>
      <c r="B35827" t="s">
        <v>22210</v>
      </c>
      <c r="C35827" t="s">
        <v>22211</v>
      </c>
      <c r="D35827" t="s">
        <v>22212</v>
      </c>
      <c r="E35827" t="s">
        <v>22205</v>
      </c>
      <c r="F35827" t="s">
        <v>22206</v>
      </c>
      <c r="G35827" t="s">
        <v>20255</v>
      </c>
      <c r="H35827" t="s">
        <v>20256</v>
      </c>
      <c r="I35827" s="2">
        <v>1</v>
      </c>
      <c r="J35827" s="2">
        <v>0</v>
      </c>
      <c r="K35827" s="2">
        <v>0</v>
      </c>
      <c r="L35827" t="s">
        <v>120</v>
      </c>
      <c r="M35827" t="s">
        <v>87</v>
      </c>
      <c r="N35827" t="s">
        <v>88</v>
      </c>
      <c r="O35827" t="s">
        <v>85</v>
      </c>
      <c r="P35827" t="s">
        <v>86</v>
      </c>
      <c r="Q35827">
        <v>69</v>
      </c>
      <c r="R35827">
        <v>69</v>
      </c>
      <c r="S35827">
        <v>70</v>
      </c>
      <c r="T35827">
        <v>71</v>
      </c>
      <c r="U35827">
        <v>71</v>
      </c>
      <c r="V35827">
        <v>72</v>
      </c>
      <c r="W35827">
        <v>73</v>
      </c>
      <c r="X35827">
        <v>73</v>
      </c>
      <c r="Y35827">
        <v>74</v>
      </c>
      <c r="Z35827">
        <v>75</v>
      </c>
      <c r="AA35827">
        <v>75</v>
      </c>
      <c r="AB35827">
        <v>76</v>
      </c>
      <c r="AC35827">
        <v>77</v>
      </c>
      <c r="AD35827">
        <v>77</v>
      </c>
      <c r="AE35827">
        <v>78</v>
      </c>
      <c r="AF35827">
        <v>79</v>
      </c>
      <c r="AG35827">
        <v>79</v>
      </c>
      <c r="AH35827">
        <v>80</v>
      </c>
      <c r="AI35827">
        <v>81</v>
      </c>
      <c r="AJ35827">
        <v>82</v>
      </c>
      <c r="AK35827">
        <v>82</v>
      </c>
      <c r="AL35827">
        <v>83</v>
      </c>
      <c r="AM35827">
        <v>84</v>
      </c>
      <c r="AN35827">
        <v>85</v>
      </c>
      <c r="AO35827">
        <v>85</v>
      </c>
      <c r="AP35827">
        <v>86</v>
      </c>
      <c r="AQ35827">
        <v>87</v>
      </c>
    </row>
    <row r="35828" spans="1:43">
      <c r="A35828" t="s">
        <v>22209</v>
      </c>
      <c r="B35828" t="s">
        <v>22210</v>
      </c>
      <c r="C35828" t="s">
        <v>22211</v>
      </c>
      <c r="D35828" t="s">
        <v>22212</v>
      </c>
      <c r="E35828" t="s">
        <v>22205</v>
      </c>
      <c r="F35828" t="s">
        <v>22206</v>
      </c>
      <c r="G35828" t="s">
        <v>20255</v>
      </c>
      <c r="H35828" t="s">
        <v>20256</v>
      </c>
      <c r="I35828" s="2">
        <v>1</v>
      </c>
      <c r="J35828" s="2">
        <v>0</v>
      </c>
      <c r="K35828" s="2">
        <v>0</v>
      </c>
      <c r="L35828" t="s">
        <v>120</v>
      </c>
      <c r="M35828" t="s">
        <v>89</v>
      </c>
      <c r="N35828" t="s">
        <v>90</v>
      </c>
      <c r="O35828" t="s">
        <v>85</v>
      </c>
      <c r="P35828" t="s">
        <v>86</v>
      </c>
      <c r="Q35828">
        <v>69</v>
      </c>
      <c r="R35828">
        <v>71</v>
      </c>
      <c r="S35828">
        <v>73</v>
      </c>
      <c r="T35828">
        <v>75</v>
      </c>
      <c r="U35828">
        <v>77</v>
      </c>
      <c r="V35828">
        <v>78</v>
      </c>
      <c r="W35828">
        <v>80</v>
      </c>
      <c r="X35828">
        <v>82</v>
      </c>
      <c r="Y35828">
        <v>83</v>
      </c>
      <c r="Z35828">
        <v>85</v>
      </c>
      <c r="AA35828">
        <v>87</v>
      </c>
      <c r="AB35828">
        <v>88</v>
      </c>
      <c r="AC35828">
        <v>90</v>
      </c>
      <c r="AD35828">
        <v>92</v>
      </c>
      <c r="AE35828">
        <v>93</v>
      </c>
      <c r="AF35828">
        <v>94</v>
      </c>
      <c r="AG35828">
        <v>94</v>
      </c>
      <c r="AH35828">
        <v>95</v>
      </c>
      <c r="AI35828">
        <v>95</v>
      </c>
      <c r="AJ35828">
        <v>96</v>
      </c>
      <c r="AK35828">
        <v>96</v>
      </c>
      <c r="AL35828">
        <v>97</v>
      </c>
      <c r="AM35828">
        <v>97</v>
      </c>
      <c r="AN35828">
        <v>98</v>
      </c>
      <c r="AO35828">
        <v>98</v>
      </c>
      <c r="AP35828">
        <v>99</v>
      </c>
      <c r="AQ35828">
        <v>99</v>
      </c>
    </row>
    <row r="35829" spans="1:43">
      <c r="A35829" t="s">
        <v>22209</v>
      </c>
      <c r="B35829" t="s">
        <v>22210</v>
      </c>
      <c r="C35829" t="s">
        <v>22211</v>
      </c>
      <c r="D35829" t="s">
        <v>22212</v>
      </c>
      <c r="E35829" t="s">
        <v>22205</v>
      </c>
      <c r="F35829" t="s">
        <v>22206</v>
      </c>
      <c r="G35829" t="s">
        <v>20255</v>
      </c>
      <c r="H35829" t="s">
        <v>20256</v>
      </c>
      <c r="I35829" s="2">
        <v>1</v>
      </c>
      <c r="J35829" s="2">
        <v>0</v>
      </c>
      <c r="K35829" s="2">
        <v>0</v>
      </c>
      <c r="L35829" t="s">
        <v>120</v>
      </c>
      <c r="M35829" t="s">
        <v>83</v>
      </c>
      <c r="N35829" t="s">
        <v>91</v>
      </c>
      <c r="O35829" t="s">
        <v>85</v>
      </c>
      <c r="P35829" t="s">
        <v>86</v>
      </c>
      <c r="Q35829">
        <v>69</v>
      </c>
      <c r="R35829">
        <v>71</v>
      </c>
      <c r="S35829">
        <v>72</v>
      </c>
      <c r="T35829">
        <v>73</v>
      </c>
      <c r="U35829">
        <v>75</v>
      </c>
      <c r="V35829">
        <v>76</v>
      </c>
      <c r="W35829">
        <v>77</v>
      </c>
      <c r="X35829">
        <v>79</v>
      </c>
      <c r="Y35829">
        <v>80</v>
      </c>
      <c r="Z35829">
        <v>81</v>
      </c>
      <c r="AA35829">
        <v>82</v>
      </c>
      <c r="AB35829">
        <v>84</v>
      </c>
      <c r="AC35829">
        <v>85</v>
      </c>
      <c r="AD35829">
        <v>86</v>
      </c>
      <c r="AE35829">
        <v>88</v>
      </c>
      <c r="AF35829">
        <v>89</v>
      </c>
      <c r="AG35829">
        <v>91</v>
      </c>
      <c r="AH35829">
        <v>92</v>
      </c>
      <c r="AI35829">
        <v>93</v>
      </c>
      <c r="AJ35829">
        <v>95</v>
      </c>
      <c r="AK35829">
        <v>96</v>
      </c>
      <c r="AL35829">
        <v>97</v>
      </c>
      <c r="AM35829">
        <v>98</v>
      </c>
      <c r="AN35829">
        <v>98</v>
      </c>
      <c r="AO35829">
        <v>99</v>
      </c>
      <c r="AP35829">
        <v>99</v>
      </c>
      <c r="AQ35829">
        <v>100</v>
      </c>
    </row>
    <row r="35830" spans="1:43">
      <c r="A35830" t="s">
        <v>22213</v>
      </c>
      <c r="B35830" t="s">
        <v>22214</v>
      </c>
      <c r="C35830" t="s">
        <v>22215</v>
      </c>
      <c r="D35830" t="s">
        <v>22216</v>
      </c>
      <c r="E35830" t="s">
        <v>22205</v>
      </c>
      <c r="F35830" t="s">
        <v>22206</v>
      </c>
      <c r="G35830" t="s">
        <v>20255</v>
      </c>
      <c r="H35830" t="s">
        <v>20256</v>
      </c>
      <c r="I35830" s="2">
        <v>1</v>
      </c>
      <c r="J35830" s="2">
        <v>0</v>
      </c>
      <c r="K35830" s="2">
        <v>0</v>
      </c>
      <c r="L35830" t="s">
        <v>120</v>
      </c>
      <c r="M35830" t="s">
        <v>83</v>
      </c>
      <c r="N35830" t="s">
        <v>84</v>
      </c>
      <c r="O35830" t="s">
        <v>85</v>
      </c>
      <c r="P35830" t="s">
        <v>86</v>
      </c>
      <c r="Q35830">
        <v>20</v>
      </c>
      <c r="R35830">
        <v>20</v>
      </c>
      <c r="S35830">
        <v>21</v>
      </c>
      <c r="T35830">
        <v>21</v>
      </c>
      <c r="U35830">
        <v>22</v>
      </c>
      <c r="V35830">
        <v>22</v>
      </c>
      <c r="W35830">
        <v>22</v>
      </c>
      <c r="X35830">
        <v>23</v>
      </c>
      <c r="Y35830">
        <v>23</v>
      </c>
      <c r="Z35830">
        <v>24</v>
      </c>
      <c r="AA35830">
        <v>24</v>
      </c>
      <c r="AB35830">
        <v>24</v>
      </c>
      <c r="AC35830">
        <v>25</v>
      </c>
      <c r="AD35830">
        <v>25</v>
      </c>
      <c r="AE35830">
        <v>26</v>
      </c>
      <c r="AF35830">
        <v>26</v>
      </c>
      <c r="AG35830">
        <v>27</v>
      </c>
      <c r="AH35830">
        <v>27</v>
      </c>
      <c r="AI35830">
        <v>27</v>
      </c>
      <c r="AJ35830">
        <v>28</v>
      </c>
      <c r="AK35830">
        <v>28</v>
      </c>
      <c r="AL35830">
        <v>29</v>
      </c>
      <c r="AM35830">
        <v>29</v>
      </c>
      <c r="AN35830">
        <v>29</v>
      </c>
      <c r="AO35830">
        <v>29</v>
      </c>
      <c r="AP35830">
        <v>29</v>
      </c>
      <c r="AQ35830">
        <v>30</v>
      </c>
    </row>
    <row r="35831" spans="1:43">
      <c r="A35831" t="s">
        <v>22213</v>
      </c>
      <c r="B35831" t="s">
        <v>22214</v>
      </c>
      <c r="C35831" t="s">
        <v>22215</v>
      </c>
      <c r="D35831" t="s">
        <v>22216</v>
      </c>
      <c r="E35831" t="s">
        <v>22205</v>
      </c>
      <c r="F35831" t="s">
        <v>22206</v>
      </c>
      <c r="G35831" t="s">
        <v>20255</v>
      </c>
      <c r="H35831" t="s">
        <v>20256</v>
      </c>
      <c r="I35831" s="2">
        <v>1</v>
      </c>
      <c r="J35831" s="2">
        <v>0</v>
      </c>
      <c r="K35831" s="2">
        <v>0</v>
      </c>
      <c r="L35831" t="s">
        <v>120</v>
      </c>
      <c r="M35831" t="s">
        <v>87</v>
      </c>
      <c r="N35831" t="s">
        <v>88</v>
      </c>
      <c r="O35831" t="s">
        <v>85</v>
      </c>
      <c r="P35831" t="s">
        <v>86</v>
      </c>
      <c r="Q35831">
        <v>20</v>
      </c>
      <c r="R35831">
        <v>20</v>
      </c>
      <c r="S35831">
        <v>20</v>
      </c>
      <c r="T35831">
        <v>20</v>
      </c>
      <c r="U35831">
        <v>21</v>
      </c>
      <c r="V35831">
        <v>21</v>
      </c>
      <c r="W35831">
        <v>21</v>
      </c>
      <c r="X35831">
        <v>21</v>
      </c>
      <c r="Y35831">
        <v>21</v>
      </c>
      <c r="Z35831">
        <v>22</v>
      </c>
      <c r="AA35831">
        <v>22</v>
      </c>
      <c r="AB35831">
        <v>22</v>
      </c>
      <c r="AC35831">
        <v>22</v>
      </c>
      <c r="AD35831">
        <v>23</v>
      </c>
      <c r="AE35831">
        <v>23</v>
      </c>
      <c r="AF35831">
        <v>23</v>
      </c>
      <c r="AG35831">
        <v>23</v>
      </c>
      <c r="AH35831">
        <v>23</v>
      </c>
      <c r="AI35831">
        <v>24</v>
      </c>
      <c r="AJ35831">
        <v>24</v>
      </c>
      <c r="AK35831">
        <v>24</v>
      </c>
      <c r="AL35831">
        <v>24</v>
      </c>
      <c r="AM35831">
        <v>25</v>
      </c>
      <c r="AN35831">
        <v>25</v>
      </c>
      <c r="AO35831">
        <v>25</v>
      </c>
      <c r="AP35831">
        <v>25</v>
      </c>
      <c r="AQ35831">
        <v>26</v>
      </c>
    </row>
    <row r="35832" spans="1:43">
      <c r="A35832" t="s">
        <v>22213</v>
      </c>
      <c r="B35832" t="s">
        <v>22214</v>
      </c>
      <c r="C35832" t="s">
        <v>22215</v>
      </c>
      <c r="D35832" t="s">
        <v>22216</v>
      </c>
      <c r="E35832" t="s">
        <v>22205</v>
      </c>
      <c r="F35832" t="s">
        <v>22206</v>
      </c>
      <c r="G35832" t="s">
        <v>20255</v>
      </c>
      <c r="H35832" t="s">
        <v>20256</v>
      </c>
      <c r="I35832" s="2">
        <v>1</v>
      </c>
      <c r="J35832" s="2">
        <v>0</v>
      </c>
      <c r="K35832" s="2">
        <v>0</v>
      </c>
      <c r="L35832" t="s">
        <v>120</v>
      </c>
      <c r="M35832" t="s">
        <v>89</v>
      </c>
      <c r="N35832" t="s">
        <v>90</v>
      </c>
      <c r="O35832" t="s">
        <v>85</v>
      </c>
      <c r="P35832" t="s">
        <v>86</v>
      </c>
      <c r="Q35832">
        <v>20</v>
      </c>
      <c r="R35832">
        <v>21</v>
      </c>
      <c r="S35832">
        <v>21</v>
      </c>
      <c r="T35832">
        <v>22</v>
      </c>
      <c r="U35832">
        <v>22</v>
      </c>
      <c r="V35832">
        <v>23</v>
      </c>
      <c r="W35832">
        <v>24</v>
      </c>
      <c r="X35832">
        <v>24</v>
      </c>
      <c r="Y35832">
        <v>25</v>
      </c>
      <c r="Z35832">
        <v>25</v>
      </c>
      <c r="AA35832">
        <v>26</v>
      </c>
      <c r="AB35832">
        <v>26</v>
      </c>
      <c r="AC35832">
        <v>27</v>
      </c>
      <c r="AD35832">
        <v>27</v>
      </c>
      <c r="AE35832">
        <v>28</v>
      </c>
      <c r="AF35832">
        <v>28</v>
      </c>
      <c r="AG35832">
        <v>28</v>
      </c>
      <c r="AH35832">
        <v>28</v>
      </c>
      <c r="AI35832">
        <v>28</v>
      </c>
      <c r="AJ35832">
        <v>29</v>
      </c>
      <c r="AK35832">
        <v>29</v>
      </c>
      <c r="AL35832">
        <v>29</v>
      </c>
      <c r="AM35832">
        <v>29</v>
      </c>
      <c r="AN35832">
        <v>29</v>
      </c>
      <c r="AO35832">
        <v>30</v>
      </c>
      <c r="AP35832">
        <v>30</v>
      </c>
      <c r="AQ35832">
        <v>30</v>
      </c>
    </row>
    <row r="35833" spans="1:43">
      <c r="A35833" t="s">
        <v>22213</v>
      </c>
      <c r="B35833" t="s">
        <v>22214</v>
      </c>
      <c r="C35833" t="s">
        <v>22215</v>
      </c>
      <c r="D35833" t="s">
        <v>22216</v>
      </c>
      <c r="E35833" t="s">
        <v>22205</v>
      </c>
      <c r="F35833" t="s">
        <v>22206</v>
      </c>
      <c r="G35833" t="s">
        <v>20255</v>
      </c>
      <c r="H35833" t="s">
        <v>20256</v>
      </c>
      <c r="I35833" s="2">
        <v>1</v>
      </c>
      <c r="J35833" s="2">
        <v>0</v>
      </c>
      <c r="K35833" s="2">
        <v>0</v>
      </c>
      <c r="L35833" t="s">
        <v>120</v>
      </c>
      <c r="M35833" t="s">
        <v>83</v>
      </c>
      <c r="N35833" t="s">
        <v>91</v>
      </c>
      <c r="O35833" t="s">
        <v>85</v>
      </c>
      <c r="P35833" t="s">
        <v>86</v>
      </c>
      <c r="Q35833">
        <v>20</v>
      </c>
      <c r="R35833">
        <v>20</v>
      </c>
      <c r="S35833">
        <v>21</v>
      </c>
      <c r="T35833">
        <v>21</v>
      </c>
      <c r="U35833">
        <v>22</v>
      </c>
      <c r="V35833">
        <v>22</v>
      </c>
      <c r="W35833">
        <v>22</v>
      </c>
      <c r="X35833">
        <v>23</v>
      </c>
      <c r="Y35833">
        <v>23</v>
      </c>
      <c r="Z35833">
        <v>24</v>
      </c>
      <c r="AA35833">
        <v>24</v>
      </c>
      <c r="AB35833">
        <v>24</v>
      </c>
      <c r="AC35833">
        <v>25</v>
      </c>
      <c r="AD35833">
        <v>25</v>
      </c>
      <c r="AE35833">
        <v>26</v>
      </c>
      <c r="AF35833">
        <v>26</v>
      </c>
      <c r="AG35833">
        <v>27</v>
      </c>
      <c r="AH35833">
        <v>27</v>
      </c>
      <c r="AI35833">
        <v>27</v>
      </c>
      <c r="AJ35833">
        <v>28</v>
      </c>
      <c r="AK35833">
        <v>28</v>
      </c>
      <c r="AL35833">
        <v>29</v>
      </c>
      <c r="AM35833">
        <v>29</v>
      </c>
      <c r="AN35833">
        <v>29</v>
      </c>
      <c r="AO35833">
        <v>29</v>
      </c>
      <c r="AP35833">
        <v>29</v>
      </c>
      <c r="AQ35833">
        <v>30</v>
      </c>
    </row>
    <row r="35834" spans="1:43">
      <c r="A35834" t="s">
        <v>22217</v>
      </c>
      <c r="B35834" t="s">
        <v>22218</v>
      </c>
      <c r="C35834" t="s">
        <v>22219</v>
      </c>
      <c r="D35834" t="s">
        <v>22220</v>
      </c>
      <c r="E35834" t="s">
        <v>22205</v>
      </c>
      <c r="F35834" t="s">
        <v>22206</v>
      </c>
      <c r="G35834" t="s">
        <v>20255</v>
      </c>
      <c r="H35834" t="s">
        <v>20256</v>
      </c>
      <c r="I35834" s="2">
        <v>1</v>
      </c>
      <c r="J35834" s="2">
        <v>0</v>
      </c>
      <c r="K35834" s="2">
        <v>0</v>
      </c>
      <c r="L35834" t="s">
        <v>120</v>
      </c>
      <c r="M35834" t="s">
        <v>83</v>
      </c>
      <c r="N35834" t="s">
        <v>84</v>
      </c>
      <c r="O35834" t="s">
        <v>85</v>
      </c>
      <c r="P35834" t="s">
        <v>86</v>
      </c>
      <c r="Q35834">
        <v>26</v>
      </c>
      <c r="R35834">
        <v>26</v>
      </c>
      <c r="S35834">
        <v>27</v>
      </c>
      <c r="T35834">
        <v>27</v>
      </c>
      <c r="U35834">
        <v>28</v>
      </c>
      <c r="V35834">
        <v>28</v>
      </c>
      <c r="W35834">
        <v>29</v>
      </c>
      <c r="X35834">
        <v>29</v>
      </c>
      <c r="Y35834">
        <v>30</v>
      </c>
      <c r="Z35834">
        <v>30</v>
      </c>
      <c r="AA35834">
        <v>31</v>
      </c>
      <c r="AB35834">
        <v>31</v>
      </c>
      <c r="AC35834">
        <v>32</v>
      </c>
      <c r="AD35834">
        <v>32</v>
      </c>
      <c r="AE35834">
        <v>33</v>
      </c>
      <c r="AF35834">
        <v>33</v>
      </c>
      <c r="AG35834">
        <v>34</v>
      </c>
      <c r="AH35834">
        <v>34</v>
      </c>
      <c r="AI35834">
        <v>35</v>
      </c>
      <c r="AJ35834">
        <v>36</v>
      </c>
      <c r="AK35834">
        <v>36</v>
      </c>
      <c r="AL35834">
        <v>37</v>
      </c>
      <c r="AM35834">
        <v>37</v>
      </c>
      <c r="AN35834">
        <v>37</v>
      </c>
      <c r="AO35834">
        <v>37</v>
      </c>
      <c r="AP35834">
        <v>38</v>
      </c>
      <c r="AQ35834">
        <v>38</v>
      </c>
    </row>
    <row r="35835" spans="1:43">
      <c r="A35835" t="s">
        <v>22217</v>
      </c>
      <c r="B35835" t="s">
        <v>22218</v>
      </c>
      <c r="C35835" t="s">
        <v>22219</v>
      </c>
      <c r="D35835" t="s">
        <v>22220</v>
      </c>
      <c r="E35835" t="s">
        <v>22205</v>
      </c>
      <c r="F35835" t="s">
        <v>22206</v>
      </c>
      <c r="G35835" t="s">
        <v>20255</v>
      </c>
      <c r="H35835" t="s">
        <v>20256</v>
      </c>
      <c r="I35835" s="2">
        <v>1</v>
      </c>
      <c r="J35835" s="2">
        <v>0</v>
      </c>
      <c r="K35835" s="2">
        <v>0</v>
      </c>
      <c r="L35835" t="s">
        <v>120</v>
      </c>
      <c r="M35835" t="s">
        <v>87</v>
      </c>
      <c r="N35835" t="s">
        <v>88</v>
      </c>
      <c r="O35835" t="s">
        <v>85</v>
      </c>
      <c r="P35835" t="s">
        <v>86</v>
      </c>
      <c r="Q35835">
        <v>26</v>
      </c>
      <c r="R35835">
        <v>27</v>
      </c>
      <c r="S35835">
        <v>27</v>
      </c>
      <c r="T35835">
        <v>27</v>
      </c>
      <c r="U35835">
        <v>27</v>
      </c>
      <c r="V35835">
        <v>28</v>
      </c>
      <c r="W35835">
        <v>28</v>
      </c>
      <c r="X35835">
        <v>28</v>
      </c>
      <c r="Y35835">
        <v>28</v>
      </c>
      <c r="Z35835">
        <v>29</v>
      </c>
      <c r="AA35835">
        <v>29</v>
      </c>
      <c r="AB35835">
        <v>29</v>
      </c>
      <c r="AC35835">
        <v>30</v>
      </c>
      <c r="AD35835">
        <v>30</v>
      </c>
      <c r="AE35835">
        <v>30</v>
      </c>
      <c r="AF35835">
        <v>30</v>
      </c>
      <c r="AG35835">
        <v>31</v>
      </c>
      <c r="AH35835">
        <v>31</v>
      </c>
      <c r="AI35835">
        <v>31</v>
      </c>
      <c r="AJ35835">
        <v>32</v>
      </c>
      <c r="AK35835">
        <v>32</v>
      </c>
      <c r="AL35835">
        <v>32</v>
      </c>
      <c r="AM35835">
        <v>33</v>
      </c>
      <c r="AN35835">
        <v>33</v>
      </c>
      <c r="AO35835">
        <v>33</v>
      </c>
      <c r="AP35835">
        <v>33</v>
      </c>
      <c r="AQ35835">
        <v>34</v>
      </c>
    </row>
    <row r="35836" spans="1:43">
      <c r="A35836" t="s">
        <v>22217</v>
      </c>
      <c r="B35836" t="s">
        <v>22218</v>
      </c>
      <c r="C35836" t="s">
        <v>22219</v>
      </c>
      <c r="D35836" t="s">
        <v>22220</v>
      </c>
      <c r="E35836" t="s">
        <v>22205</v>
      </c>
      <c r="F35836" t="s">
        <v>22206</v>
      </c>
      <c r="G35836" t="s">
        <v>20255</v>
      </c>
      <c r="H35836" t="s">
        <v>20256</v>
      </c>
      <c r="I35836" s="2">
        <v>1</v>
      </c>
      <c r="J35836" s="2">
        <v>0</v>
      </c>
      <c r="K35836" s="2">
        <v>0</v>
      </c>
      <c r="L35836" t="s">
        <v>120</v>
      </c>
      <c r="M35836" t="s">
        <v>89</v>
      </c>
      <c r="N35836" t="s">
        <v>90</v>
      </c>
      <c r="O35836" t="s">
        <v>85</v>
      </c>
      <c r="P35836" t="s">
        <v>86</v>
      </c>
      <c r="Q35836">
        <v>26</v>
      </c>
      <c r="R35836">
        <v>27</v>
      </c>
      <c r="S35836">
        <v>27</v>
      </c>
      <c r="T35836">
        <v>28</v>
      </c>
      <c r="U35836">
        <v>29</v>
      </c>
      <c r="V35836">
        <v>29</v>
      </c>
      <c r="W35836">
        <v>30</v>
      </c>
      <c r="X35836">
        <v>31</v>
      </c>
      <c r="Y35836">
        <v>31</v>
      </c>
      <c r="Z35836">
        <v>32</v>
      </c>
      <c r="AA35836">
        <v>33</v>
      </c>
      <c r="AB35836">
        <v>33</v>
      </c>
      <c r="AC35836">
        <v>34</v>
      </c>
      <c r="AD35836">
        <v>35</v>
      </c>
      <c r="AE35836">
        <v>35</v>
      </c>
      <c r="AF35836">
        <v>35</v>
      </c>
      <c r="AG35836">
        <v>36</v>
      </c>
      <c r="AH35836">
        <v>36</v>
      </c>
      <c r="AI35836">
        <v>36</v>
      </c>
      <c r="AJ35836">
        <v>36</v>
      </c>
      <c r="AK35836">
        <v>37</v>
      </c>
      <c r="AL35836">
        <v>37</v>
      </c>
      <c r="AM35836">
        <v>37</v>
      </c>
      <c r="AN35836">
        <v>37</v>
      </c>
      <c r="AO35836">
        <v>38</v>
      </c>
      <c r="AP35836">
        <v>38</v>
      </c>
      <c r="AQ35836">
        <v>38</v>
      </c>
    </row>
    <row r="35837" spans="1:43">
      <c r="A35837" t="s">
        <v>22217</v>
      </c>
      <c r="B35837" t="s">
        <v>22218</v>
      </c>
      <c r="C35837" t="s">
        <v>22219</v>
      </c>
      <c r="D35837" t="s">
        <v>22220</v>
      </c>
      <c r="E35837" t="s">
        <v>22205</v>
      </c>
      <c r="F35837" t="s">
        <v>22206</v>
      </c>
      <c r="G35837" t="s">
        <v>20255</v>
      </c>
      <c r="H35837" t="s">
        <v>20256</v>
      </c>
      <c r="I35837" s="2">
        <v>1</v>
      </c>
      <c r="J35837" s="2">
        <v>0</v>
      </c>
      <c r="K35837" s="2">
        <v>0</v>
      </c>
      <c r="L35837" t="s">
        <v>120</v>
      </c>
      <c r="M35837" t="s">
        <v>83</v>
      </c>
      <c r="N35837" t="s">
        <v>91</v>
      </c>
      <c r="O35837" t="s">
        <v>85</v>
      </c>
      <c r="P35837" t="s">
        <v>86</v>
      </c>
      <c r="Q35837">
        <v>26</v>
      </c>
      <c r="R35837">
        <v>26</v>
      </c>
      <c r="S35837">
        <v>27</v>
      </c>
      <c r="T35837">
        <v>27</v>
      </c>
      <c r="U35837">
        <v>28</v>
      </c>
      <c r="V35837">
        <v>28</v>
      </c>
      <c r="W35837">
        <v>29</v>
      </c>
      <c r="X35837">
        <v>29</v>
      </c>
      <c r="Y35837">
        <v>30</v>
      </c>
      <c r="Z35837">
        <v>30</v>
      </c>
      <c r="AA35837">
        <v>31</v>
      </c>
      <c r="AB35837">
        <v>31</v>
      </c>
      <c r="AC35837">
        <v>32</v>
      </c>
      <c r="AD35837">
        <v>32</v>
      </c>
      <c r="AE35837">
        <v>33</v>
      </c>
      <c r="AF35837">
        <v>33</v>
      </c>
      <c r="AG35837">
        <v>34</v>
      </c>
      <c r="AH35837">
        <v>34</v>
      </c>
      <c r="AI35837">
        <v>35</v>
      </c>
      <c r="AJ35837">
        <v>36</v>
      </c>
      <c r="AK35837">
        <v>36</v>
      </c>
      <c r="AL35837">
        <v>37</v>
      </c>
      <c r="AM35837">
        <v>37</v>
      </c>
      <c r="AN35837">
        <v>37</v>
      </c>
      <c r="AO35837">
        <v>37</v>
      </c>
      <c r="AP35837">
        <v>38</v>
      </c>
      <c r="AQ35837">
        <v>38</v>
      </c>
    </row>
    <row r="35838" spans="1:43">
      <c r="A35838" t="s">
        <v>22221</v>
      </c>
      <c r="B35838" t="s">
        <v>22222</v>
      </c>
      <c r="C35838" t="s">
        <v>22219</v>
      </c>
      <c r="D35838" t="s">
        <v>22220</v>
      </c>
      <c r="E35838" t="s">
        <v>22205</v>
      </c>
      <c r="F35838" t="s">
        <v>22206</v>
      </c>
      <c r="G35838" t="s">
        <v>20255</v>
      </c>
      <c r="H35838" t="s">
        <v>20256</v>
      </c>
      <c r="I35838" s="2">
        <v>1</v>
      </c>
      <c r="J35838" s="2">
        <v>0</v>
      </c>
      <c r="K35838" s="2">
        <v>0</v>
      </c>
      <c r="L35838" t="s">
        <v>120</v>
      </c>
      <c r="M35838" t="s">
        <v>83</v>
      </c>
      <c r="N35838" t="s">
        <v>84</v>
      </c>
      <c r="O35838" t="s">
        <v>85</v>
      </c>
      <c r="P35838" t="s">
        <v>86</v>
      </c>
      <c r="Q35838">
        <v>33</v>
      </c>
      <c r="R35838">
        <v>33</v>
      </c>
      <c r="S35838">
        <v>34</v>
      </c>
      <c r="T35838">
        <v>35</v>
      </c>
      <c r="U35838">
        <v>35</v>
      </c>
      <c r="V35838">
        <v>36</v>
      </c>
      <c r="W35838">
        <v>37</v>
      </c>
      <c r="X35838">
        <v>37</v>
      </c>
      <c r="Y35838">
        <v>38</v>
      </c>
      <c r="Z35838">
        <v>39</v>
      </c>
      <c r="AA35838">
        <v>39</v>
      </c>
      <c r="AB35838">
        <v>40</v>
      </c>
      <c r="AC35838">
        <v>41</v>
      </c>
      <c r="AD35838">
        <v>41</v>
      </c>
      <c r="AE35838">
        <v>42</v>
      </c>
      <c r="AF35838">
        <v>43</v>
      </c>
      <c r="AG35838">
        <v>43</v>
      </c>
      <c r="AH35838">
        <v>44</v>
      </c>
      <c r="AI35838">
        <v>45</v>
      </c>
      <c r="AJ35838">
        <v>45</v>
      </c>
      <c r="AK35838">
        <v>46</v>
      </c>
      <c r="AL35838">
        <v>47</v>
      </c>
      <c r="AM35838">
        <v>47</v>
      </c>
      <c r="AN35838">
        <v>47</v>
      </c>
      <c r="AO35838">
        <v>48</v>
      </c>
      <c r="AP35838">
        <v>48</v>
      </c>
      <c r="AQ35838">
        <v>48</v>
      </c>
    </row>
    <row r="35839" spans="1:43">
      <c r="A35839" t="s">
        <v>22221</v>
      </c>
      <c r="B35839" t="s">
        <v>22222</v>
      </c>
      <c r="C35839" t="s">
        <v>22219</v>
      </c>
      <c r="D35839" t="s">
        <v>22220</v>
      </c>
      <c r="E35839" t="s">
        <v>22205</v>
      </c>
      <c r="F35839" t="s">
        <v>22206</v>
      </c>
      <c r="G35839" t="s">
        <v>20255</v>
      </c>
      <c r="H35839" t="s">
        <v>20256</v>
      </c>
      <c r="I35839" s="2">
        <v>1</v>
      </c>
      <c r="J35839" s="2">
        <v>0</v>
      </c>
      <c r="K35839" s="2">
        <v>0</v>
      </c>
      <c r="L35839" t="s">
        <v>120</v>
      </c>
      <c r="M35839" t="s">
        <v>87</v>
      </c>
      <c r="N35839" t="s">
        <v>88</v>
      </c>
      <c r="O35839" t="s">
        <v>85</v>
      </c>
      <c r="P35839" t="s">
        <v>86</v>
      </c>
      <c r="Q35839">
        <v>33</v>
      </c>
      <c r="R35839">
        <v>34</v>
      </c>
      <c r="S35839">
        <v>34</v>
      </c>
      <c r="T35839">
        <v>34</v>
      </c>
      <c r="U35839">
        <v>35</v>
      </c>
      <c r="V35839">
        <v>35</v>
      </c>
      <c r="W35839">
        <v>35</v>
      </c>
      <c r="X35839">
        <v>36</v>
      </c>
      <c r="Y35839">
        <v>36</v>
      </c>
      <c r="Z35839">
        <v>36</v>
      </c>
      <c r="AA35839">
        <v>37</v>
      </c>
      <c r="AB35839">
        <v>37</v>
      </c>
      <c r="AC35839">
        <v>37</v>
      </c>
      <c r="AD35839">
        <v>38</v>
      </c>
      <c r="AE35839">
        <v>38</v>
      </c>
      <c r="AF35839">
        <v>39</v>
      </c>
      <c r="AG35839">
        <v>39</v>
      </c>
      <c r="AH35839">
        <v>39</v>
      </c>
      <c r="AI35839">
        <v>40</v>
      </c>
      <c r="AJ35839">
        <v>40</v>
      </c>
      <c r="AK35839">
        <v>40</v>
      </c>
      <c r="AL35839">
        <v>41</v>
      </c>
      <c r="AM35839">
        <v>41</v>
      </c>
      <c r="AN35839">
        <v>42</v>
      </c>
      <c r="AO35839">
        <v>42</v>
      </c>
      <c r="AP35839">
        <v>42</v>
      </c>
      <c r="AQ35839">
        <v>43</v>
      </c>
    </row>
    <row r="35840" spans="1:43">
      <c r="A35840" t="s">
        <v>22221</v>
      </c>
      <c r="B35840" t="s">
        <v>22222</v>
      </c>
      <c r="C35840" t="s">
        <v>22219</v>
      </c>
      <c r="D35840" t="s">
        <v>22220</v>
      </c>
      <c r="E35840" t="s">
        <v>22205</v>
      </c>
      <c r="F35840" t="s">
        <v>22206</v>
      </c>
      <c r="G35840" t="s">
        <v>20255</v>
      </c>
      <c r="H35840" t="s">
        <v>20256</v>
      </c>
      <c r="I35840" s="2">
        <v>1</v>
      </c>
      <c r="J35840" s="2">
        <v>0</v>
      </c>
      <c r="K35840" s="2">
        <v>0</v>
      </c>
      <c r="L35840" t="s">
        <v>120</v>
      </c>
      <c r="M35840" t="s">
        <v>89</v>
      </c>
      <c r="N35840" t="s">
        <v>90</v>
      </c>
      <c r="O35840" t="s">
        <v>85</v>
      </c>
      <c r="P35840" t="s">
        <v>86</v>
      </c>
      <c r="Q35840">
        <v>33</v>
      </c>
      <c r="R35840">
        <v>34</v>
      </c>
      <c r="S35840">
        <v>35</v>
      </c>
      <c r="T35840">
        <v>36</v>
      </c>
      <c r="U35840">
        <v>37</v>
      </c>
      <c r="V35840">
        <v>38</v>
      </c>
      <c r="W35840">
        <v>38</v>
      </c>
      <c r="X35840">
        <v>39</v>
      </c>
      <c r="Y35840">
        <v>40</v>
      </c>
      <c r="Z35840">
        <v>41</v>
      </c>
      <c r="AA35840">
        <v>42</v>
      </c>
      <c r="AB35840">
        <v>43</v>
      </c>
      <c r="AC35840">
        <v>43</v>
      </c>
      <c r="AD35840">
        <v>44</v>
      </c>
      <c r="AE35840">
        <v>45</v>
      </c>
      <c r="AF35840">
        <v>45</v>
      </c>
      <c r="AG35840">
        <v>46</v>
      </c>
      <c r="AH35840">
        <v>46</v>
      </c>
      <c r="AI35840">
        <v>46</v>
      </c>
      <c r="AJ35840">
        <v>46</v>
      </c>
      <c r="AK35840">
        <v>47</v>
      </c>
      <c r="AL35840">
        <v>47</v>
      </c>
      <c r="AM35840">
        <v>47</v>
      </c>
      <c r="AN35840">
        <v>48</v>
      </c>
      <c r="AO35840">
        <v>48</v>
      </c>
      <c r="AP35840">
        <v>48</v>
      </c>
      <c r="AQ35840">
        <v>49</v>
      </c>
    </row>
    <row r="35841" spans="1:43">
      <c r="A35841" t="s">
        <v>22221</v>
      </c>
      <c r="B35841" t="s">
        <v>22222</v>
      </c>
      <c r="C35841" t="s">
        <v>22219</v>
      </c>
      <c r="D35841" t="s">
        <v>22220</v>
      </c>
      <c r="E35841" t="s">
        <v>22205</v>
      </c>
      <c r="F35841" t="s">
        <v>22206</v>
      </c>
      <c r="G35841" t="s">
        <v>20255</v>
      </c>
      <c r="H35841" t="s">
        <v>20256</v>
      </c>
      <c r="I35841" s="2">
        <v>1</v>
      </c>
      <c r="J35841" s="2">
        <v>0</v>
      </c>
      <c r="K35841" s="2">
        <v>0</v>
      </c>
      <c r="L35841" t="s">
        <v>120</v>
      </c>
      <c r="M35841" t="s">
        <v>83</v>
      </c>
      <c r="N35841" t="s">
        <v>91</v>
      </c>
      <c r="O35841" t="s">
        <v>85</v>
      </c>
      <c r="P35841" t="s">
        <v>86</v>
      </c>
      <c r="Q35841">
        <v>33</v>
      </c>
      <c r="R35841">
        <v>33</v>
      </c>
      <c r="S35841">
        <v>34</v>
      </c>
      <c r="T35841">
        <v>35</v>
      </c>
      <c r="U35841">
        <v>35</v>
      </c>
      <c r="V35841">
        <v>36</v>
      </c>
      <c r="W35841">
        <v>37</v>
      </c>
      <c r="X35841">
        <v>37</v>
      </c>
      <c r="Y35841">
        <v>38</v>
      </c>
      <c r="Z35841">
        <v>39</v>
      </c>
      <c r="AA35841">
        <v>39</v>
      </c>
      <c r="AB35841">
        <v>40</v>
      </c>
      <c r="AC35841">
        <v>41</v>
      </c>
      <c r="AD35841">
        <v>41</v>
      </c>
      <c r="AE35841">
        <v>42</v>
      </c>
      <c r="AF35841">
        <v>43</v>
      </c>
      <c r="AG35841">
        <v>43</v>
      </c>
      <c r="AH35841">
        <v>44</v>
      </c>
      <c r="AI35841">
        <v>45</v>
      </c>
      <c r="AJ35841">
        <v>45</v>
      </c>
      <c r="AK35841">
        <v>46</v>
      </c>
      <c r="AL35841">
        <v>47</v>
      </c>
      <c r="AM35841">
        <v>47</v>
      </c>
      <c r="AN35841">
        <v>47</v>
      </c>
      <c r="AO35841">
        <v>48</v>
      </c>
      <c r="AP35841">
        <v>48</v>
      </c>
      <c r="AQ35841">
        <v>48</v>
      </c>
    </row>
    <row r="35842" spans="1:43">
      <c r="A35842" t="s">
        <v>22223</v>
      </c>
      <c r="B35842" t="s">
        <v>22224</v>
      </c>
      <c r="C35842" t="s">
        <v>22225</v>
      </c>
      <c r="D35842" t="s">
        <v>22226</v>
      </c>
      <c r="E35842" t="s">
        <v>22205</v>
      </c>
      <c r="F35842" t="s">
        <v>22206</v>
      </c>
      <c r="G35842" t="s">
        <v>20255</v>
      </c>
      <c r="H35842" t="s">
        <v>20256</v>
      </c>
      <c r="I35842" s="2">
        <v>1</v>
      </c>
      <c r="J35842" s="2">
        <v>0</v>
      </c>
      <c r="K35842" s="2">
        <v>0</v>
      </c>
      <c r="L35842" t="s">
        <v>120</v>
      </c>
      <c r="M35842" t="s">
        <v>83</v>
      </c>
      <c r="N35842" t="s">
        <v>84</v>
      </c>
      <c r="O35842" t="s">
        <v>85</v>
      </c>
      <c r="P35842" t="s">
        <v>86</v>
      </c>
      <c r="Q35842">
        <v>33</v>
      </c>
      <c r="R35842">
        <v>33</v>
      </c>
      <c r="S35842">
        <v>34</v>
      </c>
      <c r="T35842">
        <v>35</v>
      </c>
      <c r="U35842">
        <v>35</v>
      </c>
      <c r="V35842">
        <v>36</v>
      </c>
      <c r="W35842">
        <v>36</v>
      </c>
      <c r="X35842">
        <v>37</v>
      </c>
      <c r="Y35842">
        <v>38</v>
      </c>
      <c r="Z35842">
        <v>38</v>
      </c>
      <c r="AA35842">
        <v>39</v>
      </c>
      <c r="AB35842">
        <v>40</v>
      </c>
      <c r="AC35842">
        <v>40</v>
      </c>
      <c r="AD35842">
        <v>41</v>
      </c>
      <c r="AE35842">
        <v>42</v>
      </c>
      <c r="AF35842">
        <v>42</v>
      </c>
      <c r="AG35842">
        <v>43</v>
      </c>
      <c r="AH35842">
        <v>44</v>
      </c>
      <c r="AI35842">
        <v>44</v>
      </c>
      <c r="AJ35842">
        <v>45</v>
      </c>
      <c r="AK35842">
        <v>46</v>
      </c>
      <c r="AL35842">
        <v>46</v>
      </c>
      <c r="AM35842">
        <v>47</v>
      </c>
      <c r="AN35842">
        <v>47</v>
      </c>
      <c r="AO35842">
        <v>47</v>
      </c>
      <c r="AP35842">
        <v>48</v>
      </c>
      <c r="AQ35842">
        <v>48</v>
      </c>
    </row>
    <row r="35843" spans="1:43">
      <c r="A35843" t="s">
        <v>22223</v>
      </c>
      <c r="B35843" t="s">
        <v>22224</v>
      </c>
      <c r="C35843" t="s">
        <v>22225</v>
      </c>
      <c r="D35843" t="s">
        <v>22226</v>
      </c>
      <c r="E35843" t="s">
        <v>22205</v>
      </c>
      <c r="F35843" t="s">
        <v>22206</v>
      </c>
      <c r="G35843" t="s">
        <v>20255</v>
      </c>
      <c r="H35843" t="s">
        <v>20256</v>
      </c>
      <c r="I35843" s="2">
        <v>1</v>
      </c>
      <c r="J35843" s="2">
        <v>0</v>
      </c>
      <c r="K35843" s="2">
        <v>0</v>
      </c>
      <c r="L35843" t="s">
        <v>120</v>
      </c>
      <c r="M35843" t="s">
        <v>87</v>
      </c>
      <c r="N35843" t="s">
        <v>88</v>
      </c>
      <c r="O35843" t="s">
        <v>85</v>
      </c>
      <c r="P35843" t="s">
        <v>86</v>
      </c>
      <c r="Q35843">
        <v>33</v>
      </c>
      <c r="R35843">
        <v>34</v>
      </c>
      <c r="S35843">
        <v>34</v>
      </c>
      <c r="T35843">
        <v>34</v>
      </c>
      <c r="U35843">
        <v>35</v>
      </c>
      <c r="V35843">
        <v>35</v>
      </c>
      <c r="W35843">
        <v>35</v>
      </c>
      <c r="X35843">
        <v>36</v>
      </c>
      <c r="Y35843">
        <v>36</v>
      </c>
      <c r="Z35843">
        <v>36</v>
      </c>
      <c r="AA35843">
        <v>37</v>
      </c>
      <c r="AB35843">
        <v>37</v>
      </c>
      <c r="AC35843">
        <v>37</v>
      </c>
      <c r="AD35843">
        <v>38</v>
      </c>
      <c r="AE35843">
        <v>38</v>
      </c>
      <c r="AF35843">
        <v>38</v>
      </c>
      <c r="AG35843">
        <v>39</v>
      </c>
      <c r="AH35843">
        <v>39</v>
      </c>
      <c r="AI35843">
        <v>39</v>
      </c>
      <c r="AJ35843">
        <v>40</v>
      </c>
      <c r="AK35843">
        <v>40</v>
      </c>
      <c r="AL35843">
        <v>41</v>
      </c>
      <c r="AM35843">
        <v>41</v>
      </c>
      <c r="AN35843">
        <v>41</v>
      </c>
      <c r="AO35843">
        <v>42</v>
      </c>
      <c r="AP35843">
        <v>42</v>
      </c>
      <c r="AQ35843">
        <v>43</v>
      </c>
    </row>
    <row r="35844" spans="1:43">
      <c r="A35844" t="s">
        <v>22223</v>
      </c>
      <c r="B35844" t="s">
        <v>22224</v>
      </c>
      <c r="C35844" t="s">
        <v>22225</v>
      </c>
      <c r="D35844" t="s">
        <v>22226</v>
      </c>
      <c r="E35844" t="s">
        <v>22205</v>
      </c>
      <c r="F35844" t="s">
        <v>22206</v>
      </c>
      <c r="G35844" t="s">
        <v>20255</v>
      </c>
      <c r="H35844" t="s">
        <v>20256</v>
      </c>
      <c r="I35844" s="2">
        <v>1</v>
      </c>
      <c r="J35844" s="2">
        <v>0</v>
      </c>
      <c r="K35844" s="2">
        <v>0</v>
      </c>
      <c r="L35844" t="s">
        <v>120</v>
      </c>
      <c r="M35844" t="s">
        <v>89</v>
      </c>
      <c r="N35844" t="s">
        <v>90</v>
      </c>
      <c r="O35844" t="s">
        <v>85</v>
      </c>
      <c r="P35844" t="s">
        <v>86</v>
      </c>
      <c r="Q35844">
        <v>33</v>
      </c>
      <c r="R35844">
        <v>34</v>
      </c>
      <c r="S35844">
        <v>35</v>
      </c>
      <c r="T35844">
        <v>36</v>
      </c>
      <c r="U35844">
        <v>37</v>
      </c>
      <c r="V35844">
        <v>37</v>
      </c>
      <c r="W35844">
        <v>38</v>
      </c>
      <c r="X35844">
        <v>39</v>
      </c>
      <c r="Y35844">
        <v>40</v>
      </c>
      <c r="Z35844">
        <v>41</v>
      </c>
      <c r="AA35844">
        <v>42</v>
      </c>
      <c r="AB35844">
        <v>42</v>
      </c>
      <c r="AC35844">
        <v>43</v>
      </c>
      <c r="AD35844">
        <v>44</v>
      </c>
      <c r="AE35844">
        <v>45</v>
      </c>
      <c r="AF35844">
        <v>45</v>
      </c>
      <c r="AG35844">
        <v>45</v>
      </c>
      <c r="AH35844">
        <v>46</v>
      </c>
      <c r="AI35844">
        <v>46</v>
      </c>
      <c r="AJ35844">
        <v>46</v>
      </c>
      <c r="AK35844">
        <v>47</v>
      </c>
      <c r="AL35844">
        <v>47</v>
      </c>
      <c r="AM35844">
        <v>47</v>
      </c>
      <c r="AN35844">
        <v>47</v>
      </c>
      <c r="AO35844">
        <v>48</v>
      </c>
      <c r="AP35844">
        <v>48</v>
      </c>
      <c r="AQ35844">
        <v>48</v>
      </c>
    </row>
    <row r="35845" spans="1:43">
      <c r="A35845" t="s">
        <v>22223</v>
      </c>
      <c r="B35845" t="s">
        <v>22224</v>
      </c>
      <c r="C35845" t="s">
        <v>22225</v>
      </c>
      <c r="D35845" t="s">
        <v>22226</v>
      </c>
      <c r="E35845" t="s">
        <v>22205</v>
      </c>
      <c r="F35845" t="s">
        <v>22206</v>
      </c>
      <c r="G35845" t="s">
        <v>20255</v>
      </c>
      <c r="H35845" t="s">
        <v>20256</v>
      </c>
      <c r="I35845" s="2">
        <v>1</v>
      </c>
      <c r="J35845" s="2">
        <v>0</v>
      </c>
      <c r="K35845" s="2">
        <v>0</v>
      </c>
      <c r="L35845" t="s">
        <v>120</v>
      </c>
      <c r="M35845" t="s">
        <v>83</v>
      </c>
      <c r="N35845" t="s">
        <v>91</v>
      </c>
      <c r="O35845" t="s">
        <v>85</v>
      </c>
      <c r="P35845" t="s">
        <v>86</v>
      </c>
      <c r="Q35845">
        <v>33</v>
      </c>
      <c r="R35845">
        <v>33</v>
      </c>
      <c r="S35845">
        <v>34</v>
      </c>
      <c r="T35845">
        <v>35</v>
      </c>
      <c r="U35845">
        <v>35</v>
      </c>
      <c r="V35845">
        <v>36</v>
      </c>
      <c r="W35845">
        <v>36</v>
      </c>
      <c r="X35845">
        <v>37</v>
      </c>
      <c r="Y35845">
        <v>38</v>
      </c>
      <c r="Z35845">
        <v>38</v>
      </c>
      <c r="AA35845">
        <v>39</v>
      </c>
      <c r="AB35845">
        <v>40</v>
      </c>
      <c r="AC35845">
        <v>40</v>
      </c>
      <c r="AD35845">
        <v>41</v>
      </c>
      <c r="AE35845">
        <v>42</v>
      </c>
      <c r="AF35845">
        <v>42</v>
      </c>
      <c r="AG35845">
        <v>43</v>
      </c>
      <c r="AH35845">
        <v>44</v>
      </c>
      <c r="AI35845">
        <v>44</v>
      </c>
      <c r="AJ35845">
        <v>45</v>
      </c>
      <c r="AK35845">
        <v>46</v>
      </c>
      <c r="AL35845">
        <v>46</v>
      </c>
      <c r="AM35845">
        <v>47</v>
      </c>
      <c r="AN35845">
        <v>47</v>
      </c>
      <c r="AO35845">
        <v>47</v>
      </c>
      <c r="AP35845">
        <v>48</v>
      </c>
      <c r="AQ35845">
        <v>48</v>
      </c>
    </row>
    <row r="35846" spans="1:43">
      <c r="A35846" t="s">
        <v>22227</v>
      </c>
      <c r="B35846" t="s">
        <v>22228</v>
      </c>
      <c r="C35846" t="s">
        <v>22225</v>
      </c>
      <c r="D35846" t="s">
        <v>22226</v>
      </c>
      <c r="E35846" t="s">
        <v>22205</v>
      </c>
      <c r="F35846" t="s">
        <v>22206</v>
      </c>
      <c r="G35846" t="s">
        <v>20255</v>
      </c>
      <c r="H35846" t="s">
        <v>20256</v>
      </c>
      <c r="I35846" s="2">
        <v>1</v>
      </c>
      <c r="J35846" s="2">
        <v>0</v>
      </c>
      <c r="K35846" s="2">
        <v>0</v>
      </c>
      <c r="L35846" t="s">
        <v>120</v>
      </c>
      <c r="M35846" t="s">
        <v>83</v>
      </c>
      <c r="N35846" t="s">
        <v>84</v>
      </c>
      <c r="O35846" t="s">
        <v>85</v>
      </c>
      <c r="P35846" t="s">
        <v>86</v>
      </c>
      <c r="Q35846">
        <v>9</v>
      </c>
      <c r="R35846">
        <v>10</v>
      </c>
      <c r="S35846">
        <v>10</v>
      </c>
      <c r="T35846">
        <v>10</v>
      </c>
      <c r="U35846">
        <v>10</v>
      </c>
      <c r="V35846">
        <v>10</v>
      </c>
      <c r="W35846">
        <v>11</v>
      </c>
      <c r="X35846">
        <v>11</v>
      </c>
      <c r="Y35846">
        <v>11</v>
      </c>
      <c r="Z35846">
        <v>11</v>
      </c>
      <c r="AA35846">
        <v>11</v>
      </c>
      <c r="AB35846">
        <v>12</v>
      </c>
      <c r="AC35846">
        <v>12</v>
      </c>
      <c r="AD35846">
        <v>12</v>
      </c>
      <c r="AE35846">
        <v>12</v>
      </c>
      <c r="AF35846">
        <v>12</v>
      </c>
      <c r="AG35846">
        <v>12</v>
      </c>
      <c r="AH35846">
        <v>13</v>
      </c>
      <c r="AI35846">
        <v>13</v>
      </c>
      <c r="AJ35846">
        <v>13</v>
      </c>
      <c r="AK35846">
        <v>13</v>
      </c>
      <c r="AL35846">
        <v>13</v>
      </c>
      <c r="AM35846">
        <v>14</v>
      </c>
      <c r="AN35846">
        <v>14</v>
      </c>
      <c r="AO35846">
        <v>14</v>
      </c>
      <c r="AP35846">
        <v>14</v>
      </c>
      <c r="AQ35846">
        <v>14</v>
      </c>
    </row>
    <row r="35847" spans="1:43">
      <c r="A35847" t="s">
        <v>22227</v>
      </c>
      <c r="B35847" t="s">
        <v>22228</v>
      </c>
      <c r="C35847" t="s">
        <v>22225</v>
      </c>
      <c r="D35847" t="s">
        <v>22226</v>
      </c>
      <c r="E35847" t="s">
        <v>22205</v>
      </c>
      <c r="F35847" t="s">
        <v>22206</v>
      </c>
      <c r="G35847" t="s">
        <v>20255</v>
      </c>
      <c r="H35847" t="s">
        <v>20256</v>
      </c>
      <c r="I35847" s="2">
        <v>1</v>
      </c>
      <c r="J35847" s="2">
        <v>0</v>
      </c>
      <c r="K35847" s="2">
        <v>0</v>
      </c>
      <c r="L35847" t="s">
        <v>120</v>
      </c>
      <c r="M35847" t="s">
        <v>87</v>
      </c>
      <c r="N35847" t="s">
        <v>88</v>
      </c>
      <c r="O35847" t="s">
        <v>85</v>
      </c>
      <c r="P35847" t="s">
        <v>86</v>
      </c>
      <c r="Q35847">
        <v>9</v>
      </c>
      <c r="R35847">
        <v>9</v>
      </c>
      <c r="S35847">
        <v>10</v>
      </c>
      <c r="T35847">
        <v>10</v>
      </c>
      <c r="U35847">
        <v>10</v>
      </c>
      <c r="V35847">
        <v>10</v>
      </c>
      <c r="W35847">
        <v>10</v>
      </c>
      <c r="X35847">
        <v>10</v>
      </c>
      <c r="Y35847">
        <v>10</v>
      </c>
      <c r="Z35847">
        <v>10</v>
      </c>
      <c r="AA35847">
        <v>10</v>
      </c>
      <c r="AB35847">
        <v>10</v>
      </c>
      <c r="AC35847">
        <v>11</v>
      </c>
      <c r="AD35847">
        <v>11</v>
      </c>
      <c r="AE35847">
        <v>11</v>
      </c>
      <c r="AF35847">
        <v>11</v>
      </c>
      <c r="AG35847">
        <v>11</v>
      </c>
      <c r="AH35847">
        <v>11</v>
      </c>
      <c r="AI35847">
        <v>11</v>
      </c>
      <c r="AJ35847">
        <v>11</v>
      </c>
      <c r="AK35847">
        <v>11</v>
      </c>
      <c r="AL35847">
        <v>11</v>
      </c>
      <c r="AM35847">
        <v>12</v>
      </c>
      <c r="AN35847">
        <v>12</v>
      </c>
      <c r="AO35847">
        <v>12</v>
      </c>
      <c r="AP35847">
        <v>12</v>
      </c>
      <c r="AQ35847">
        <v>12</v>
      </c>
    </row>
    <row r="35848" spans="1:43">
      <c r="A35848" t="s">
        <v>22227</v>
      </c>
      <c r="B35848" t="s">
        <v>22228</v>
      </c>
      <c r="C35848" t="s">
        <v>22225</v>
      </c>
      <c r="D35848" t="s">
        <v>22226</v>
      </c>
      <c r="E35848" t="s">
        <v>22205</v>
      </c>
      <c r="F35848" t="s">
        <v>22206</v>
      </c>
      <c r="G35848" t="s">
        <v>20255</v>
      </c>
      <c r="H35848" t="s">
        <v>20256</v>
      </c>
      <c r="I35848" s="2">
        <v>1</v>
      </c>
      <c r="J35848" s="2">
        <v>0</v>
      </c>
      <c r="K35848" s="2">
        <v>0</v>
      </c>
      <c r="L35848" t="s">
        <v>120</v>
      </c>
      <c r="M35848" t="s">
        <v>89</v>
      </c>
      <c r="N35848" t="s">
        <v>90</v>
      </c>
      <c r="O35848" t="s">
        <v>85</v>
      </c>
      <c r="P35848" t="s">
        <v>86</v>
      </c>
      <c r="Q35848">
        <v>9</v>
      </c>
      <c r="R35848">
        <v>9</v>
      </c>
      <c r="S35848">
        <v>9</v>
      </c>
      <c r="T35848">
        <v>9</v>
      </c>
      <c r="U35848">
        <v>10</v>
      </c>
      <c r="V35848">
        <v>10</v>
      </c>
      <c r="W35848">
        <v>10</v>
      </c>
      <c r="X35848">
        <v>10</v>
      </c>
      <c r="Y35848">
        <v>11</v>
      </c>
      <c r="Z35848">
        <v>11</v>
      </c>
      <c r="AA35848">
        <v>11</v>
      </c>
      <c r="AB35848">
        <v>11</v>
      </c>
      <c r="AC35848">
        <v>12</v>
      </c>
      <c r="AD35848">
        <v>12</v>
      </c>
      <c r="AE35848">
        <v>12</v>
      </c>
      <c r="AF35848">
        <v>12</v>
      </c>
      <c r="AG35848">
        <v>12</v>
      </c>
      <c r="AH35848">
        <v>12</v>
      </c>
      <c r="AI35848">
        <v>12</v>
      </c>
      <c r="AJ35848">
        <v>12</v>
      </c>
      <c r="AK35848">
        <v>12</v>
      </c>
      <c r="AL35848">
        <v>13</v>
      </c>
      <c r="AM35848">
        <v>13</v>
      </c>
      <c r="AN35848">
        <v>13</v>
      </c>
      <c r="AO35848">
        <v>13</v>
      </c>
      <c r="AP35848">
        <v>13</v>
      </c>
      <c r="AQ35848">
        <v>13</v>
      </c>
    </row>
    <row r="35849" spans="1:43">
      <c r="A35849" t="s">
        <v>22227</v>
      </c>
      <c r="B35849" t="s">
        <v>22228</v>
      </c>
      <c r="C35849" t="s">
        <v>22225</v>
      </c>
      <c r="D35849" t="s">
        <v>22226</v>
      </c>
      <c r="E35849" t="s">
        <v>22205</v>
      </c>
      <c r="F35849" t="s">
        <v>22206</v>
      </c>
      <c r="G35849" t="s">
        <v>20255</v>
      </c>
      <c r="H35849" t="s">
        <v>20256</v>
      </c>
      <c r="I35849" s="2">
        <v>1</v>
      </c>
      <c r="J35849" s="2">
        <v>0</v>
      </c>
      <c r="K35849" s="2">
        <v>0</v>
      </c>
      <c r="L35849" t="s">
        <v>120</v>
      </c>
      <c r="M35849" t="s">
        <v>83</v>
      </c>
      <c r="N35849" t="s">
        <v>91</v>
      </c>
      <c r="O35849" t="s">
        <v>85</v>
      </c>
      <c r="P35849" t="s">
        <v>86</v>
      </c>
      <c r="Q35849">
        <v>9</v>
      </c>
      <c r="R35849">
        <v>10</v>
      </c>
      <c r="S35849">
        <v>10</v>
      </c>
      <c r="T35849">
        <v>10</v>
      </c>
      <c r="U35849">
        <v>10</v>
      </c>
      <c r="V35849">
        <v>10</v>
      </c>
      <c r="W35849">
        <v>11</v>
      </c>
      <c r="X35849">
        <v>11</v>
      </c>
      <c r="Y35849">
        <v>11</v>
      </c>
      <c r="Z35849">
        <v>11</v>
      </c>
      <c r="AA35849">
        <v>11</v>
      </c>
      <c r="AB35849">
        <v>12</v>
      </c>
      <c r="AC35849">
        <v>12</v>
      </c>
      <c r="AD35849">
        <v>12</v>
      </c>
      <c r="AE35849">
        <v>12</v>
      </c>
      <c r="AF35849">
        <v>12</v>
      </c>
      <c r="AG35849">
        <v>12</v>
      </c>
      <c r="AH35849">
        <v>13</v>
      </c>
      <c r="AI35849">
        <v>13</v>
      </c>
      <c r="AJ35849">
        <v>13</v>
      </c>
      <c r="AK35849">
        <v>13</v>
      </c>
      <c r="AL35849">
        <v>13</v>
      </c>
      <c r="AM35849">
        <v>14</v>
      </c>
      <c r="AN35849">
        <v>14</v>
      </c>
      <c r="AO35849">
        <v>14</v>
      </c>
      <c r="AP35849">
        <v>14</v>
      </c>
      <c r="AQ35849">
        <v>14</v>
      </c>
    </row>
    <row r="35850" spans="1:43">
      <c r="A35850" t="s">
        <v>22229</v>
      </c>
      <c r="B35850" t="s">
        <v>22230</v>
      </c>
      <c r="C35850" t="s">
        <v>22231</v>
      </c>
      <c r="D35850" t="s">
        <v>22232</v>
      </c>
      <c r="E35850" t="s">
        <v>22205</v>
      </c>
      <c r="F35850" t="s">
        <v>22206</v>
      </c>
      <c r="G35850" t="s">
        <v>20255</v>
      </c>
      <c r="H35850" t="s">
        <v>20256</v>
      </c>
      <c r="I35850" s="2">
        <v>1</v>
      </c>
      <c r="J35850" s="2">
        <v>0</v>
      </c>
      <c r="K35850" s="2">
        <v>0</v>
      </c>
      <c r="L35850" t="s">
        <v>120</v>
      </c>
      <c r="M35850" t="s">
        <v>83</v>
      </c>
      <c r="N35850" t="s">
        <v>84</v>
      </c>
      <c r="O35850" t="s">
        <v>85</v>
      </c>
      <c r="P35850" t="s">
        <v>86</v>
      </c>
      <c r="Q35850">
        <v>57</v>
      </c>
      <c r="R35850">
        <v>58</v>
      </c>
      <c r="S35850">
        <v>59</v>
      </c>
      <c r="T35850">
        <v>60</v>
      </c>
      <c r="U35850">
        <v>61</v>
      </c>
      <c r="V35850">
        <v>62</v>
      </c>
      <c r="W35850">
        <v>63</v>
      </c>
      <c r="X35850">
        <v>64</v>
      </c>
      <c r="Y35850">
        <v>66</v>
      </c>
      <c r="Z35850">
        <v>67</v>
      </c>
      <c r="AA35850">
        <v>68</v>
      </c>
      <c r="AB35850">
        <v>69</v>
      </c>
      <c r="AC35850">
        <v>70</v>
      </c>
      <c r="AD35850">
        <v>71</v>
      </c>
      <c r="AE35850">
        <v>72</v>
      </c>
      <c r="AF35850">
        <v>74</v>
      </c>
      <c r="AG35850">
        <v>75</v>
      </c>
      <c r="AH35850">
        <v>76</v>
      </c>
      <c r="AI35850">
        <v>77</v>
      </c>
      <c r="AJ35850">
        <v>78</v>
      </c>
      <c r="AK35850">
        <v>80</v>
      </c>
      <c r="AL35850">
        <v>81</v>
      </c>
      <c r="AM35850">
        <v>81</v>
      </c>
      <c r="AN35850">
        <v>82</v>
      </c>
      <c r="AO35850">
        <v>82</v>
      </c>
      <c r="AP35850">
        <v>83</v>
      </c>
      <c r="AQ35850">
        <v>83</v>
      </c>
    </row>
    <row r="35851" spans="1:43">
      <c r="A35851" t="s">
        <v>22229</v>
      </c>
      <c r="B35851" t="s">
        <v>22230</v>
      </c>
      <c r="C35851" t="s">
        <v>22231</v>
      </c>
      <c r="D35851" t="s">
        <v>22232</v>
      </c>
      <c r="E35851" t="s">
        <v>22205</v>
      </c>
      <c r="F35851" t="s">
        <v>22206</v>
      </c>
      <c r="G35851" t="s">
        <v>20255</v>
      </c>
      <c r="H35851" t="s">
        <v>20256</v>
      </c>
      <c r="I35851" s="2">
        <v>1</v>
      </c>
      <c r="J35851" s="2">
        <v>0</v>
      </c>
      <c r="K35851" s="2">
        <v>0</v>
      </c>
      <c r="L35851" t="s">
        <v>120</v>
      </c>
      <c r="M35851" t="s">
        <v>87</v>
      </c>
      <c r="N35851" t="s">
        <v>88</v>
      </c>
      <c r="O35851" t="s">
        <v>85</v>
      </c>
      <c r="P35851" t="s">
        <v>86</v>
      </c>
      <c r="Q35851">
        <v>57</v>
      </c>
      <c r="R35851">
        <v>58</v>
      </c>
      <c r="S35851">
        <v>58</v>
      </c>
      <c r="T35851">
        <v>59</v>
      </c>
      <c r="U35851">
        <v>59</v>
      </c>
      <c r="V35851">
        <v>60</v>
      </c>
      <c r="W35851">
        <v>60</v>
      </c>
      <c r="X35851">
        <v>61</v>
      </c>
      <c r="Y35851">
        <v>62</v>
      </c>
      <c r="Z35851">
        <v>62</v>
      </c>
      <c r="AA35851">
        <v>63</v>
      </c>
      <c r="AB35851">
        <v>63</v>
      </c>
      <c r="AC35851">
        <v>64</v>
      </c>
      <c r="AD35851">
        <v>65</v>
      </c>
      <c r="AE35851">
        <v>65</v>
      </c>
      <c r="AF35851">
        <v>66</v>
      </c>
      <c r="AG35851">
        <v>67</v>
      </c>
      <c r="AH35851">
        <v>67</v>
      </c>
      <c r="AI35851">
        <v>68</v>
      </c>
      <c r="AJ35851">
        <v>69</v>
      </c>
      <c r="AK35851">
        <v>69</v>
      </c>
      <c r="AL35851">
        <v>70</v>
      </c>
      <c r="AM35851">
        <v>71</v>
      </c>
      <c r="AN35851">
        <v>71</v>
      </c>
      <c r="AO35851">
        <v>72</v>
      </c>
      <c r="AP35851">
        <v>73</v>
      </c>
      <c r="AQ35851">
        <v>73</v>
      </c>
    </row>
    <row r="35852" spans="1:43">
      <c r="A35852" t="s">
        <v>22229</v>
      </c>
      <c r="B35852" t="s">
        <v>22230</v>
      </c>
      <c r="C35852" t="s">
        <v>22231</v>
      </c>
      <c r="D35852" t="s">
        <v>22232</v>
      </c>
      <c r="E35852" t="s">
        <v>22205</v>
      </c>
      <c r="F35852" t="s">
        <v>22206</v>
      </c>
      <c r="G35852" t="s">
        <v>20255</v>
      </c>
      <c r="H35852" t="s">
        <v>20256</v>
      </c>
      <c r="I35852" s="2">
        <v>1</v>
      </c>
      <c r="J35852" s="2">
        <v>0</v>
      </c>
      <c r="K35852" s="2">
        <v>0</v>
      </c>
      <c r="L35852" t="s">
        <v>120</v>
      </c>
      <c r="M35852" t="s">
        <v>89</v>
      </c>
      <c r="N35852" t="s">
        <v>90</v>
      </c>
      <c r="O35852" t="s">
        <v>85</v>
      </c>
      <c r="P35852" t="s">
        <v>86</v>
      </c>
      <c r="Q35852">
        <v>57</v>
      </c>
      <c r="R35852">
        <v>59</v>
      </c>
      <c r="S35852">
        <v>60</v>
      </c>
      <c r="T35852">
        <v>62</v>
      </c>
      <c r="U35852">
        <v>63</v>
      </c>
      <c r="V35852">
        <v>65</v>
      </c>
      <c r="W35852">
        <v>66</v>
      </c>
      <c r="X35852">
        <v>68</v>
      </c>
      <c r="Y35852">
        <v>69</v>
      </c>
      <c r="Z35852">
        <v>71</v>
      </c>
      <c r="AA35852">
        <v>72</v>
      </c>
      <c r="AB35852">
        <v>73</v>
      </c>
      <c r="AC35852">
        <v>75</v>
      </c>
      <c r="AD35852">
        <v>76</v>
      </c>
      <c r="AE35852">
        <v>78</v>
      </c>
      <c r="AF35852">
        <v>78</v>
      </c>
      <c r="AG35852">
        <v>79</v>
      </c>
      <c r="AH35852">
        <v>79</v>
      </c>
      <c r="AI35852">
        <v>80</v>
      </c>
      <c r="AJ35852">
        <v>80</v>
      </c>
      <c r="AK35852">
        <v>81</v>
      </c>
      <c r="AL35852">
        <v>81</v>
      </c>
      <c r="AM35852">
        <v>82</v>
      </c>
      <c r="AN35852">
        <v>83</v>
      </c>
      <c r="AO35852">
        <v>83</v>
      </c>
      <c r="AP35852">
        <v>84</v>
      </c>
      <c r="AQ35852">
        <v>84</v>
      </c>
    </row>
    <row r="35853" spans="1:43">
      <c r="A35853" t="s">
        <v>22229</v>
      </c>
      <c r="B35853" t="s">
        <v>22230</v>
      </c>
      <c r="C35853" t="s">
        <v>22231</v>
      </c>
      <c r="D35853" t="s">
        <v>22232</v>
      </c>
      <c r="E35853" t="s">
        <v>22205</v>
      </c>
      <c r="F35853" t="s">
        <v>22206</v>
      </c>
      <c r="G35853" t="s">
        <v>20255</v>
      </c>
      <c r="H35853" t="s">
        <v>20256</v>
      </c>
      <c r="I35853" s="2">
        <v>1</v>
      </c>
      <c r="J35853" s="2">
        <v>0</v>
      </c>
      <c r="K35853" s="2">
        <v>0</v>
      </c>
      <c r="L35853" t="s">
        <v>120</v>
      </c>
      <c r="M35853" t="s">
        <v>83</v>
      </c>
      <c r="N35853" t="s">
        <v>91</v>
      </c>
      <c r="O35853" t="s">
        <v>85</v>
      </c>
      <c r="P35853" t="s">
        <v>86</v>
      </c>
      <c r="Q35853">
        <v>57</v>
      </c>
      <c r="R35853">
        <v>58</v>
      </c>
      <c r="S35853">
        <v>59</v>
      </c>
      <c r="T35853">
        <v>60</v>
      </c>
      <c r="U35853">
        <v>61</v>
      </c>
      <c r="V35853">
        <v>62</v>
      </c>
      <c r="W35853">
        <v>63</v>
      </c>
      <c r="X35853">
        <v>64</v>
      </c>
      <c r="Y35853">
        <v>66</v>
      </c>
      <c r="Z35853">
        <v>67</v>
      </c>
      <c r="AA35853">
        <v>68</v>
      </c>
      <c r="AB35853">
        <v>69</v>
      </c>
      <c r="AC35853">
        <v>70</v>
      </c>
      <c r="AD35853">
        <v>71</v>
      </c>
      <c r="AE35853">
        <v>72</v>
      </c>
      <c r="AF35853">
        <v>74</v>
      </c>
      <c r="AG35853">
        <v>75</v>
      </c>
      <c r="AH35853">
        <v>76</v>
      </c>
      <c r="AI35853">
        <v>77</v>
      </c>
      <c r="AJ35853">
        <v>78</v>
      </c>
      <c r="AK35853">
        <v>80</v>
      </c>
      <c r="AL35853">
        <v>81</v>
      </c>
      <c r="AM35853">
        <v>81</v>
      </c>
      <c r="AN35853">
        <v>82</v>
      </c>
      <c r="AO35853">
        <v>82</v>
      </c>
      <c r="AP35853">
        <v>83</v>
      </c>
      <c r="AQ35853">
        <v>83</v>
      </c>
    </row>
    <row r="35854" spans="1:43">
      <c r="A35854" t="s">
        <v>22233</v>
      </c>
      <c r="B35854" t="s">
        <v>22234</v>
      </c>
      <c r="C35854" t="s">
        <v>22231</v>
      </c>
      <c r="D35854" t="s">
        <v>22232</v>
      </c>
      <c r="E35854" t="s">
        <v>22205</v>
      </c>
      <c r="F35854" t="s">
        <v>22206</v>
      </c>
      <c r="G35854" t="s">
        <v>20255</v>
      </c>
      <c r="H35854" t="s">
        <v>20256</v>
      </c>
      <c r="I35854" s="2">
        <v>1</v>
      </c>
      <c r="J35854" s="2">
        <v>0</v>
      </c>
      <c r="K35854" s="2">
        <v>0</v>
      </c>
      <c r="L35854" t="s">
        <v>120</v>
      </c>
      <c r="M35854" t="s">
        <v>83</v>
      </c>
      <c r="N35854" t="s">
        <v>84</v>
      </c>
      <c r="O35854" t="s">
        <v>85</v>
      </c>
      <c r="P35854" t="s">
        <v>86</v>
      </c>
      <c r="Q35854">
        <v>69</v>
      </c>
      <c r="R35854">
        <v>71</v>
      </c>
      <c r="S35854">
        <v>72</v>
      </c>
      <c r="T35854">
        <v>73</v>
      </c>
      <c r="U35854">
        <v>75</v>
      </c>
      <c r="V35854">
        <v>76</v>
      </c>
      <c r="W35854">
        <v>77</v>
      </c>
      <c r="X35854">
        <v>79</v>
      </c>
      <c r="Y35854">
        <v>80</v>
      </c>
      <c r="Z35854">
        <v>81</v>
      </c>
      <c r="AA35854">
        <v>83</v>
      </c>
      <c r="AB35854">
        <v>84</v>
      </c>
      <c r="AC35854">
        <v>86</v>
      </c>
      <c r="AD35854">
        <v>87</v>
      </c>
      <c r="AE35854">
        <v>89</v>
      </c>
      <c r="AF35854">
        <v>90</v>
      </c>
      <c r="AG35854">
        <v>92</v>
      </c>
      <c r="AH35854">
        <v>93</v>
      </c>
      <c r="AI35854">
        <v>95</v>
      </c>
      <c r="AJ35854">
        <v>96</v>
      </c>
      <c r="AK35854">
        <v>98</v>
      </c>
      <c r="AL35854">
        <v>99</v>
      </c>
      <c r="AM35854">
        <v>99</v>
      </c>
      <c r="AN35854">
        <v>100</v>
      </c>
      <c r="AO35854">
        <v>100</v>
      </c>
      <c r="AP35854">
        <v>101</v>
      </c>
      <c r="AQ35854">
        <v>102</v>
      </c>
    </row>
    <row r="35855" spans="1:43">
      <c r="A35855" t="s">
        <v>22233</v>
      </c>
      <c r="B35855" t="s">
        <v>22234</v>
      </c>
      <c r="C35855" t="s">
        <v>22231</v>
      </c>
      <c r="D35855" t="s">
        <v>22232</v>
      </c>
      <c r="E35855" t="s">
        <v>22205</v>
      </c>
      <c r="F35855" t="s">
        <v>22206</v>
      </c>
      <c r="G35855" t="s">
        <v>20255</v>
      </c>
      <c r="H35855" t="s">
        <v>20256</v>
      </c>
      <c r="I35855" s="2">
        <v>1</v>
      </c>
      <c r="J35855" s="2">
        <v>0</v>
      </c>
      <c r="K35855" s="2">
        <v>0</v>
      </c>
      <c r="L35855" t="s">
        <v>120</v>
      </c>
      <c r="M35855" t="s">
        <v>87</v>
      </c>
      <c r="N35855" t="s">
        <v>88</v>
      </c>
      <c r="O35855" t="s">
        <v>85</v>
      </c>
      <c r="P35855" t="s">
        <v>86</v>
      </c>
      <c r="Q35855">
        <v>69</v>
      </c>
      <c r="R35855">
        <v>69</v>
      </c>
      <c r="S35855">
        <v>70</v>
      </c>
      <c r="T35855">
        <v>71</v>
      </c>
      <c r="U35855">
        <v>71</v>
      </c>
      <c r="V35855">
        <v>72</v>
      </c>
      <c r="W35855">
        <v>73</v>
      </c>
      <c r="X35855">
        <v>73</v>
      </c>
      <c r="Y35855">
        <v>74</v>
      </c>
      <c r="Z35855">
        <v>75</v>
      </c>
      <c r="AA35855">
        <v>76</v>
      </c>
      <c r="AB35855">
        <v>76</v>
      </c>
      <c r="AC35855">
        <v>77</v>
      </c>
      <c r="AD35855">
        <v>78</v>
      </c>
      <c r="AE35855">
        <v>78</v>
      </c>
      <c r="AF35855">
        <v>79</v>
      </c>
      <c r="AG35855">
        <v>80</v>
      </c>
      <c r="AH35855">
        <v>81</v>
      </c>
      <c r="AI35855">
        <v>82</v>
      </c>
      <c r="AJ35855">
        <v>82</v>
      </c>
      <c r="AK35855">
        <v>83</v>
      </c>
      <c r="AL35855">
        <v>84</v>
      </c>
      <c r="AM35855">
        <v>85</v>
      </c>
      <c r="AN35855">
        <v>86</v>
      </c>
      <c r="AO35855">
        <v>86</v>
      </c>
      <c r="AP35855">
        <v>87</v>
      </c>
      <c r="AQ35855">
        <v>88</v>
      </c>
    </row>
    <row r="35856" spans="1:43">
      <c r="A35856" t="s">
        <v>22233</v>
      </c>
      <c r="B35856" t="s">
        <v>22234</v>
      </c>
      <c r="C35856" t="s">
        <v>22231</v>
      </c>
      <c r="D35856" t="s">
        <v>22232</v>
      </c>
      <c r="E35856" t="s">
        <v>22205</v>
      </c>
      <c r="F35856" t="s">
        <v>22206</v>
      </c>
      <c r="G35856" t="s">
        <v>20255</v>
      </c>
      <c r="H35856" t="s">
        <v>20256</v>
      </c>
      <c r="I35856" s="2">
        <v>1</v>
      </c>
      <c r="J35856" s="2">
        <v>0</v>
      </c>
      <c r="K35856" s="2">
        <v>0</v>
      </c>
      <c r="L35856" t="s">
        <v>120</v>
      </c>
      <c r="M35856" t="s">
        <v>89</v>
      </c>
      <c r="N35856" t="s">
        <v>90</v>
      </c>
      <c r="O35856" t="s">
        <v>85</v>
      </c>
      <c r="P35856" t="s">
        <v>86</v>
      </c>
      <c r="Q35856">
        <v>69</v>
      </c>
      <c r="R35856">
        <v>71</v>
      </c>
      <c r="S35856">
        <v>73</v>
      </c>
      <c r="T35856">
        <v>75</v>
      </c>
      <c r="U35856">
        <v>77</v>
      </c>
      <c r="V35856">
        <v>78</v>
      </c>
      <c r="W35856">
        <v>80</v>
      </c>
      <c r="X35856">
        <v>82</v>
      </c>
      <c r="Y35856">
        <v>84</v>
      </c>
      <c r="Z35856">
        <v>86</v>
      </c>
      <c r="AA35856">
        <v>87</v>
      </c>
      <c r="AB35856">
        <v>89</v>
      </c>
      <c r="AC35856">
        <v>91</v>
      </c>
      <c r="AD35856">
        <v>93</v>
      </c>
      <c r="AE35856">
        <v>94</v>
      </c>
      <c r="AF35856">
        <v>95</v>
      </c>
      <c r="AG35856">
        <v>95</v>
      </c>
      <c r="AH35856">
        <v>96</v>
      </c>
      <c r="AI35856">
        <v>96</v>
      </c>
      <c r="AJ35856">
        <v>97</v>
      </c>
      <c r="AK35856">
        <v>98</v>
      </c>
      <c r="AL35856">
        <v>98</v>
      </c>
      <c r="AM35856">
        <v>99</v>
      </c>
      <c r="AN35856">
        <v>99</v>
      </c>
      <c r="AO35856">
        <v>100</v>
      </c>
      <c r="AP35856">
        <v>101</v>
      </c>
      <c r="AQ35856">
        <v>101</v>
      </c>
    </row>
    <row r="35857" spans="1:43">
      <c r="A35857" t="s">
        <v>22233</v>
      </c>
      <c r="B35857" t="s">
        <v>22234</v>
      </c>
      <c r="C35857" t="s">
        <v>22231</v>
      </c>
      <c r="D35857" t="s">
        <v>22232</v>
      </c>
      <c r="E35857" t="s">
        <v>22205</v>
      </c>
      <c r="F35857" t="s">
        <v>22206</v>
      </c>
      <c r="G35857" t="s">
        <v>20255</v>
      </c>
      <c r="H35857" t="s">
        <v>20256</v>
      </c>
      <c r="I35857" s="2">
        <v>1</v>
      </c>
      <c r="J35857" s="2">
        <v>0</v>
      </c>
      <c r="K35857" s="2">
        <v>0</v>
      </c>
      <c r="L35857" t="s">
        <v>120</v>
      </c>
      <c r="M35857" t="s">
        <v>83</v>
      </c>
      <c r="N35857" t="s">
        <v>91</v>
      </c>
      <c r="O35857" t="s">
        <v>85</v>
      </c>
      <c r="P35857" t="s">
        <v>86</v>
      </c>
      <c r="Q35857">
        <v>69</v>
      </c>
      <c r="R35857">
        <v>71</v>
      </c>
      <c r="S35857">
        <v>72</v>
      </c>
      <c r="T35857">
        <v>73</v>
      </c>
      <c r="U35857">
        <v>75</v>
      </c>
      <c r="V35857">
        <v>76</v>
      </c>
      <c r="W35857">
        <v>77</v>
      </c>
      <c r="X35857">
        <v>79</v>
      </c>
      <c r="Y35857">
        <v>80</v>
      </c>
      <c r="Z35857">
        <v>81</v>
      </c>
      <c r="AA35857">
        <v>83</v>
      </c>
      <c r="AB35857">
        <v>84</v>
      </c>
      <c r="AC35857">
        <v>86</v>
      </c>
      <c r="AD35857">
        <v>87</v>
      </c>
      <c r="AE35857">
        <v>89</v>
      </c>
      <c r="AF35857">
        <v>90</v>
      </c>
      <c r="AG35857">
        <v>92</v>
      </c>
      <c r="AH35857">
        <v>93</v>
      </c>
      <c r="AI35857">
        <v>95</v>
      </c>
      <c r="AJ35857">
        <v>96</v>
      </c>
      <c r="AK35857">
        <v>98</v>
      </c>
      <c r="AL35857">
        <v>99</v>
      </c>
      <c r="AM35857">
        <v>99</v>
      </c>
      <c r="AN35857">
        <v>100</v>
      </c>
      <c r="AO35857">
        <v>100</v>
      </c>
      <c r="AP35857">
        <v>101</v>
      </c>
      <c r="AQ35857">
        <v>102</v>
      </c>
    </row>
    <row r="35858" spans="1:43">
      <c r="A35858" t="s">
        <v>22235</v>
      </c>
      <c r="B35858" t="s">
        <v>22236</v>
      </c>
      <c r="C35858" t="s">
        <v>22219</v>
      </c>
      <c r="D35858" t="s">
        <v>22220</v>
      </c>
      <c r="E35858" t="s">
        <v>22205</v>
      </c>
      <c r="F35858" t="s">
        <v>22206</v>
      </c>
      <c r="G35858" t="s">
        <v>20255</v>
      </c>
      <c r="H35858" t="s">
        <v>20256</v>
      </c>
      <c r="I35858" s="2">
        <v>1</v>
      </c>
      <c r="J35858" s="2">
        <v>0</v>
      </c>
      <c r="K35858" s="2">
        <v>0</v>
      </c>
      <c r="L35858" t="s">
        <v>120</v>
      </c>
      <c r="M35858" t="s">
        <v>83</v>
      </c>
      <c r="N35858" t="s">
        <v>84</v>
      </c>
      <c r="O35858" t="s">
        <v>85</v>
      </c>
      <c r="P35858" t="s">
        <v>86</v>
      </c>
      <c r="Q35858">
        <v>17</v>
      </c>
      <c r="R35858">
        <v>17</v>
      </c>
      <c r="S35858">
        <v>18</v>
      </c>
      <c r="T35858">
        <v>18</v>
      </c>
      <c r="U35858">
        <v>19</v>
      </c>
      <c r="V35858">
        <v>19</v>
      </c>
      <c r="W35858">
        <v>19</v>
      </c>
      <c r="X35858">
        <v>20</v>
      </c>
      <c r="Y35858">
        <v>20</v>
      </c>
      <c r="Z35858">
        <v>20</v>
      </c>
      <c r="AA35858">
        <v>21</v>
      </c>
      <c r="AB35858">
        <v>21</v>
      </c>
      <c r="AC35858">
        <v>21</v>
      </c>
      <c r="AD35858">
        <v>22</v>
      </c>
      <c r="AE35858">
        <v>22</v>
      </c>
      <c r="AF35858">
        <v>22</v>
      </c>
      <c r="AG35858">
        <v>23</v>
      </c>
      <c r="AH35858">
        <v>23</v>
      </c>
      <c r="AI35858">
        <v>23</v>
      </c>
      <c r="AJ35858">
        <v>24</v>
      </c>
      <c r="AK35858">
        <v>24</v>
      </c>
      <c r="AL35858">
        <v>24</v>
      </c>
      <c r="AM35858">
        <v>25</v>
      </c>
      <c r="AN35858">
        <v>25</v>
      </c>
      <c r="AO35858">
        <v>25</v>
      </c>
      <c r="AP35858">
        <v>25</v>
      </c>
      <c r="AQ35858">
        <v>25</v>
      </c>
    </row>
    <row r="35859" spans="1:43">
      <c r="A35859" t="s">
        <v>22235</v>
      </c>
      <c r="B35859" t="s">
        <v>22236</v>
      </c>
      <c r="C35859" t="s">
        <v>22219</v>
      </c>
      <c r="D35859" t="s">
        <v>22220</v>
      </c>
      <c r="E35859" t="s">
        <v>22205</v>
      </c>
      <c r="F35859" t="s">
        <v>22206</v>
      </c>
      <c r="G35859" t="s">
        <v>20255</v>
      </c>
      <c r="H35859" t="s">
        <v>20256</v>
      </c>
      <c r="I35859" s="2">
        <v>1</v>
      </c>
      <c r="J35859" s="2">
        <v>0</v>
      </c>
      <c r="K35859" s="2">
        <v>0</v>
      </c>
      <c r="L35859" t="s">
        <v>120</v>
      </c>
      <c r="M35859" t="s">
        <v>87</v>
      </c>
      <c r="N35859" t="s">
        <v>88</v>
      </c>
      <c r="O35859" t="s">
        <v>85</v>
      </c>
      <c r="P35859" t="s">
        <v>86</v>
      </c>
      <c r="Q35859">
        <v>17</v>
      </c>
      <c r="R35859">
        <v>17</v>
      </c>
      <c r="S35859">
        <v>17</v>
      </c>
      <c r="T35859">
        <v>18</v>
      </c>
      <c r="U35859">
        <v>18</v>
      </c>
      <c r="V35859">
        <v>18</v>
      </c>
      <c r="W35859">
        <v>18</v>
      </c>
      <c r="X35859">
        <v>18</v>
      </c>
      <c r="Y35859">
        <v>18</v>
      </c>
      <c r="Z35859">
        <v>19</v>
      </c>
      <c r="AA35859">
        <v>19</v>
      </c>
      <c r="AB35859">
        <v>19</v>
      </c>
      <c r="AC35859">
        <v>19</v>
      </c>
      <c r="AD35859">
        <v>19</v>
      </c>
      <c r="AE35859">
        <v>20</v>
      </c>
      <c r="AF35859">
        <v>20</v>
      </c>
      <c r="AG35859">
        <v>20</v>
      </c>
      <c r="AH35859">
        <v>20</v>
      </c>
      <c r="AI35859">
        <v>20</v>
      </c>
      <c r="AJ35859">
        <v>21</v>
      </c>
      <c r="AK35859">
        <v>21</v>
      </c>
      <c r="AL35859">
        <v>21</v>
      </c>
      <c r="AM35859">
        <v>21</v>
      </c>
      <c r="AN35859">
        <v>21</v>
      </c>
      <c r="AO35859">
        <v>22</v>
      </c>
      <c r="AP35859">
        <v>22</v>
      </c>
      <c r="AQ35859">
        <v>22</v>
      </c>
    </row>
    <row r="35860" spans="1:43">
      <c r="A35860" t="s">
        <v>22235</v>
      </c>
      <c r="B35860" t="s">
        <v>22236</v>
      </c>
      <c r="C35860" t="s">
        <v>22219</v>
      </c>
      <c r="D35860" t="s">
        <v>22220</v>
      </c>
      <c r="E35860" t="s">
        <v>22205</v>
      </c>
      <c r="F35860" t="s">
        <v>22206</v>
      </c>
      <c r="G35860" t="s">
        <v>20255</v>
      </c>
      <c r="H35860" t="s">
        <v>20256</v>
      </c>
      <c r="I35860" s="2">
        <v>1</v>
      </c>
      <c r="J35860" s="2">
        <v>0</v>
      </c>
      <c r="K35860" s="2">
        <v>0</v>
      </c>
      <c r="L35860" t="s">
        <v>120</v>
      </c>
      <c r="M35860" t="s">
        <v>89</v>
      </c>
      <c r="N35860" t="s">
        <v>90</v>
      </c>
      <c r="O35860" t="s">
        <v>85</v>
      </c>
      <c r="P35860" t="s">
        <v>86</v>
      </c>
      <c r="Q35860">
        <v>17</v>
      </c>
      <c r="R35860">
        <v>18</v>
      </c>
      <c r="S35860">
        <v>18</v>
      </c>
      <c r="T35860">
        <v>19</v>
      </c>
      <c r="U35860">
        <v>19</v>
      </c>
      <c r="V35860">
        <v>20</v>
      </c>
      <c r="W35860">
        <v>20</v>
      </c>
      <c r="X35860">
        <v>21</v>
      </c>
      <c r="Y35860">
        <v>21</v>
      </c>
      <c r="Z35860">
        <v>21</v>
      </c>
      <c r="AA35860">
        <v>22</v>
      </c>
      <c r="AB35860">
        <v>22</v>
      </c>
      <c r="AC35860">
        <v>23</v>
      </c>
      <c r="AD35860">
        <v>23</v>
      </c>
      <c r="AE35860">
        <v>24</v>
      </c>
      <c r="AF35860">
        <v>24</v>
      </c>
      <c r="AG35860">
        <v>24</v>
      </c>
      <c r="AH35860">
        <v>24</v>
      </c>
      <c r="AI35860">
        <v>24</v>
      </c>
      <c r="AJ35860">
        <v>24</v>
      </c>
      <c r="AK35860">
        <v>25</v>
      </c>
      <c r="AL35860">
        <v>25</v>
      </c>
      <c r="AM35860">
        <v>25</v>
      </c>
      <c r="AN35860">
        <v>25</v>
      </c>
      <c r="AO35860">
        <v>25</v>
      </c>
      <c r="AP35860">
        <v>26</v>
      </c>
      <c r="AQ35860">
        <v>26</v>
      </c>
    </row>
    <row r="35861" spans="1:43">
      <c r="A35861" t="s">
        <v>22235</v>
      </c>
      <c r="B35861" t="s">
        <v>22236</v>
      </c>
      <c r="C35861" t="s">
        <v>22219</v>
      </c>
      <c r="D35861" t="s">
        <v>22220</v>
      </c>
      <c r="E35861" t="s">
        <v>22205</v>
      </c>
      <c r="F35861" t="s">
        <v>22206</v>
      </c>
      <c r="G35861" t="s">
        <v>20255</v>
      </c>
      <c r="H35861" t="s">
        <v>20256</v>
      </c>
      <c r="I35861" s="2">
        <v>1</v>
      </c>
      <c r="J35861" s="2">
        <v>0</v>
      </c>
      <c r="K35861" s="2">
        <v>0</v>
      </c>
      <c r="L35861" t="s">
        <v>120</v>
      </c>
      <c r="M35861" t="s">
        <v>83</v>
      </c>
      <c r="N35861" t="s">
        <v>91</v>
      </c>
      <c r="O35861" t="s">
        <v>85</v>
      </c>
      <c r="P35861" t="s">
        <v>86</v>
      </c>
      <c r="Q35861">
        <v>17</v>
      </c>
      <c r="R35861">
        <v>17</v>
      </c>
      <c r="S35861">
        <v>18</v>
      </c>
      <c r="T35861">
        <v>18</v>
      </c>
      <c r="U35861">
        <v>19</v>
      </c>
      <c r="V35861">
        <v>19</v>
      </c>
      <c r="W35861">
        <v>19</v>
      </c>
      <c r="X35861">
        <v>20</v>
      </c>
      <c r="Y35861">
        <v>20</v>
      </c>
      <c r="Z35861">
        <v>20</v>
      </c>
      <c r="AA35861">
        <v>21</v>
      </c>
      <c r="AB35861">
        <v>21</v>
      </c>
      <c r="AC35861">
        <v>21</v>
      </c>
      <c r="AD35861">
        <v>22</v>
      </c>
      <c r="AE35861">
        <v>22</v>
      </c>
      <c r="AF35861">
        <v>22</v>
      </c>
      <c r="AG35861">
        <v>23</v>
      </c>
      <c r="AH35861">
        <v>23</v>
      </c>
      <c r="AI35861">
        <v>23</v>
      </c>
      <c r="AJ35861">
        <v>24</v>
      </c>
      <c r="AK35861">
        <v>24</v>
      </c>
      <c r="AL35861">
        <v>24</v>
      </c>
      <c r="AM35861">
        <v>25</v>
      </c>
      <c r="AN35861">
        <v>25</v>
      </c>
      <c r="AO35861">
        <v>25</v>
      </c>
      <c r="AP35861">
        <v>25</v>
      </c>
      <c r="AQ35861">
        <v>25</v>
      </c>
    </row>
    <row r="35862" spans="1:43">
      <c r="A35862" t="s">
        <v>22237</v>
      </c>
      <c r="B35862" t="s">
        <v>22238</v>
      </c>
      <c r="C35862" t="s">
        <v>22231</v>
      </c>
      <c r="D35862" t="s">
        <v>22232</v>
      </c>
      <c r="E35862" t="s">
        <v>22205</v>
      </c>
      <c r="F35862" t="s">
        <v>22206</v>
      </c>
      <c r="G35862" t="s">
        <v>20255</v>
      </c>
      <c r="H35862" t="s">
        <v>20256</v>
      </c>
      <c r="I35862" s="2">
        <v>0.85</v>
      </c>
      <c r="J35862" s="2">
        <v>0</v>
      </c>
      <c r="K35862" s="2">
        <v>0</v>
      </c>
      <c r="L35862" t="s">
        <v>120</v>
      </c>
      <c r="M35862" t="s">
        <v>83</v>
      </c>
      <c r="N35862" t="s">
        <v>84</v>
      </c>
      <c r="O35862" t="s">
        <v>85</v>
      </c>
      <c r="P35862" t="s">
        <v>86</v>
      </c>
      <c r="Q35862">
        <v>136</v>
      </c>
      <c r="R35862">
        <v>139</v>
      </c>
      <c r="S35862">
        <v>141</v>
      </c>
      <c r="T35862">
        <v>144</v>
      </c>
      <c r="U35862">
        <v>147</v>
      </c>
      <c r="V35862">
        <v>150</v>
      </c>
      <c r="W35862">
        <v>152</v>
      </c>
      <c r="X35862">
        <v>155</v>
      </c>
      <c r="Y35862">
        <v>158</v>
      </c>
      <c r="Z35862">
        <v>160</v>
      </c>
      <c r="AA35862">
        <v>163</v>
      </c>
      <c r="AB35862">
        <v>166</v>
      </c>
      <c r="AC35862">
        <v>169</v>
      </c>
      <c r="AD35862">
        <v>171</v>
      </c>
      <c r="AE35862">
        <v>174</v>
      </c>
      <c r="AF35862">
        <v>177</v>
      </c>
      <c r="AG35862">
        <v>180</v>
      </c>
      <c r="AH35862">
        <v>183</v>
      </c>
      <c r="AI35862">
        <v>186</v>
      </c>
      <c r="AJ35862">
        <v>189</v>
      </c>
      <c r="AK35862">
        <v>192</v>
      </c>
      <c r="AL35862">
        <v>194</v>
      </c>
      <c r="AM35862">
        <v>195</v>
      </c>
      <c r="AN35862">
        <v>197</v>
      </c>
      <c r="AO35862">
        <v>198</v>
      </c>
      <c r="AP35862">
        <v>200</v>
      </c>
      <c r="AQ35862">
        <v>202</v>
      </c>
    </row>
    <row r="35863" spans="1:43">
      <c r="A35863" t="s">
        <v>22237</v>
      </c>
      <c r="B35863" t="s">
        <v>22238</v>
      </c>
      <c r="C35863" t="s">
        <v>22231</v>
      </c>
      <c r="D35863" t="s">
        <v>22232</v>
      </c>
      <c r="E35863" t="s">
        <v>22205</v>
      </c>
      <c r="F35863" t="s">
        <v>22206</v>
      </c>
      <c r="G35863" t="s">
        <v>20255</v>
      </c>
      <c r="H35863" t="s">
        <v>20256</v>
      </c>
      <c r="I35863" s="2">
        <v>0.85</v>
      </c>
      <c r="J35863" s="2">
        <v>0</v>
      </c>
      <c r="K35863" s="2">
        <v>0</v>
      </c>
      <c r="L35863" t="s">
        <v>120</v>
      </c>
      <c r="M35863" t="s">
        <v>87</v>
      </c>
      <c r="N35863" t="s">
        <v>88</v>
      </c>
      <c r="O35863" t="s">
        <v>85</v>
      </c>
      <c r="P35863" t="s">
        <v>86</v>
      </c>
      <c r="Q35863">
        <v>136</v>
      </c>
      <c r="R35863">
        <v>137</v>
      </c>
      <c r="S35863">
        <v>139</v>
      </c>
      <c r="T35863">
        <v>140</v>
      </c>
      <c r="U35863">
        <v>141</v>
      </c>
      <c r="V35863">
        <v>143</v>
      </c>
      <c r="W35863">
        <v>144</v>
      </c>
      <c r="X35863">
        <v>146</v>
      </c>
      <c r="Y35863">
        <v>147</v>
      </c>
      <c r="Z35863">
        <v>148</v>
      </c>
      <c r="AA35863">
        <v>150</v>
      </c>
      <c r="AB35863">
        <v>151</v>
      </c>
      <c r="AC35863">
        <v>153</v>
      </c>
      <c r="AD35863">
        <v>154</v>
      </c>
      <c r="AE35863">
        <v>156</v>
      </c>
      <c r="AF35863">
        <v>157</v>
      </c>
      <c r="AG35863">
        <v>159</v>
      </c>
      <c r="AH35863">
        <v>161</v>
      </c>
      <c r="AI35863">
        <v>162</v>
      </c>
      <c r="AJ35863">
        <v>164</v>
      </c>
      <c r="AK35863">
        <v>165</v>
      </c>
      <c r="AL35863">
        <v>167</v>
      </c>
      <c r="AM35863">
        <v>169</v>
      </c>
      <c r="AN35863">
        <v>171</v>
      </c>
      <c r="AO35863">
        <v>172</v>
      </c>
      <c r="AP35863">
        <v>174</v>
      </c>
      <c r="AQ35863">
        <v>176</v>
      </c>
    </row>
    <row r="35864" spans="1:43">
      <c r="A35864" t="s">
        <v>22237</v>
      </c>
      <c r="B35864" t="s">
        <v>22238</v>
      </c>
      <c r="C35864" t="s">
        <v>22231</v>
      </c>
      <c r="D35864" t="s">
        <v>22232</v>
      </c>
      <c r="E35864" t="s">
        <v>22205</v>
      </c>
      <c r="F35864" t="s">
        <v>22206</v>
      </c>
      <c r="G35864" t="s">
        <v>20255</v>
      </c>
      <c r="H35864" t="s">
        <v>20256</v>
      </c>
      <c r="I35864" s="2">
        <v>0.85</v>
      </c>
      <c r="J35864" s="2">
        <v>0</v>
      </c>
      <c r="K35864" s="2">
        <v>0</v>
      </c>
      <c r="L35864" t="s">
        <v>120</v>
      </c>
      <c r="M35864" t="s">
        <v>89</v>
      </c>
      <c r="N35864" t="s">
        <v>90</v>
      </c>
      <c r="O35864" t="s">
        <v>85</v>
      </c>
      <c r="P35864" t="s">
        <v>86</v>
      </c>
      <c r="Q35864">
        <v>136</v>
      </c>
      <c r="R35864">
        <v>140</v>
      </c>
      <c r="S35864">
        <v>144</v>
      </c>
      <c r="T35864">
        <v>148</v>
      </c>
      <c r="U35864">
        <v>152</v>
      </c>
      <c r="V35864">
        <v>155</v>
      </c>
      <c r="W35864">
        <v>159</v>
      </c>
      <c r="X35864">
        <v>162</v>
      </c>
      <c r="Y35864">
        <v>166</v>
      </c>
      <c r="Z35864">
        <v>169</v>
      </c>
      <c r="AA35864">
        <v>172</v>
      </c>
      <c r="AB35864">
        <v>176</v>
      </c>
      <c r="AC35864">
        <v>179</v>
      </c>
      <c r="AD35864">
        <v>183</v>
      </c>
      <c r="AE35864">
        <v>185</v>
      </c>
      <c r="AF35864">
        <v>187</v>
      </c>
      <c r="AG35864">
        <v>188</v>
      </c>
      <c r="AH35864">
        <v>190</v>
      </c>
      <c r="AI35864">
        <v>191</v>
      </c>
      <c r="AJ35864">
        <v>193</v>
      </c>
      <c r="AK35864">
        <v>194</v>
      </c>
      <c r="AL35864">
        <v>196</v>
      </c>
      <c r="AM35864">
        <v>197</v>
      </c>
      <c r="AN35864">
        <v>199</v>
      </c>
      <c r="AO35864">
        <v>200</v>
      </c>
      <c r="AP35864">
        <v>202</v>
      </c>
      <c r="AQ35864">
        <v>203</v>
      </c>
    </row>
    <row r="35865" spans="1:43">
      <c r="A35865" t="s">
        <v>22237</v>
      </c>
      <c r="B35865" t="s">
        <v>22238</v>
      </c>
      <c r="C35865" t="s">
        <v>22231</v>
      </c>
      <c r="D35865" t="s">
        <v>22232</v>
      </c>
      <c r="E35865" t="s">
        <v>22205</v>
      </c>
      <c r="F35865" t="s">
        <v>22206</v>
      </c>
      <c r="G35865" t="s">
        <v>20255</v>
      </c>
      <c r="H35865" t="s">
        <v>20256</v>
      </c>
      <c r="I35865" s="2">
        <v>0.85</v>
      </c>
      <c r="J35865" s="2">
        <v>0</v>
      </c>
      <c r="K35865" s="2">
        <v>0</v>
      </c>
      <c r="L35865" t="s">
        <v>120</v>
      </c>
      <c r="M35865" t="s">
        <v>83</v>
      </c>
      <c r="N35865" t="s">
        <v>91</v>
      </c>
      <c r="O35865" t="s">
        <v>85</v>
      </c>
      <c r="P35865" t="s">
        <v>86</v>
      </c>
      <c r="Q35865">
        <v>136</v>
      </c>
      <c r="R35865">
        <v>139</v>
      </c>
      <c r="S35865">
        <v>141</v>
      </c>
      <c r="T35865">
        <v>144</v>
      </c>
      <c r="U35865">
        <v>147</v>
      </c>
      <c r="V35865">
        <v>150</v>
      </c>
      <c r="W35865">
        <v>152</v>
      </c>
      <c r="X35865">
        <v>155</v>
      </c>
      <c r="Y35865">
        <v>158</v>
      </c>
      <c r="Z35865">
        <v>160</v>
      </c>
      <c r="AA35865">
        <v>163</v>
      </c>
      <c r="AB35865">
        <v>166</v>
      </c>
      <c r="AC35865">
        <v>169</v>
      </c>
      <c r="AD35865">
        <v>171</v>
      </c>
      <c r="AE35865">
        <v>174</v>
      </c>
      <c r="AF35865">
        <v>177</v>
      </c>
      <c r="AG35865">
        <v>180</v>
      </c>
      <c r="AH35865">
        <v>183</v>
      </c>
      <c r="AI35865">
        <v>186</v>
      </c>
      <c r="AJ35865">
        <v>189</v>
      </c>
      <c r="AK35865">
        <v>192</v>
      </c>
      <c r="AL35865">
        <v>194</v>
      </c>
      <c r="AM35865">
        <v>195</v>
      </c>
      <c r="AN35865">
        <v>197</v>
      </c>
      <c r="AO35865">
        <v>198</v>
      </c>
      <c r="AP35865">
        <v>200</v>
      </c>
      <c r="AQ35865">
        <v>202</v>
      </c>
    </row>
    <row r="35866" spans="1:43">
      <c r="A35866" t="s">
        <v>22239</v>
      </c>
      <c r="B35866" t="s">
        <v>22240</v>
      </c>
      <c r="C35866" t="s">
        <v>22219</v>
      </c>
      <c r="D35866" t="s">
        <v>22220</v>
      </c>
      <c r="E35866" t="s">
        <v>22205</v>
      </c>
      <c r="F35866" t="s">
        <v>22206</v>
      </c>
      <c r="G35866" t="s">
        <v>20255</v>
      </c>
      <c r="H35866" t="s">
        <v>20256</v>
      </c>
      <c r="I35866" s="2">
        <v>1</v>
      </c>
      <c r="J35866" s="2">
        <v>0</v>
      </c>
      <c r="K35866" s="2">
        <v>0</v>
      </c>
      <c r="L35866" t="s">
        <v>120</v>
      </c>
      <c r="M35866" t="s">
        <v>83</v>
      </c>
      <c r="N35866" t="s">
        <v>84</v>
      </c>
      <c r="O35866" t="s">
        <v>85</v>
      </c>
      <c r="P35866" t="s">
        <v>86</v>
      </c>
      <c r="Q35866">
        <v>22</v>
      </c>
      <c r="R35866">
        <v>23</v>
      </c>
      <c r="S35866">
        <v>23</v>
      </c>
      <c r="T35866">
        <v>24</v>
      </c>
      <c r="U35866">
        <v>24</v>
      </c>
      <c r="V35866">
        <v>25</v>
      </c>
      <c r="W35866">
        <v>25</v>
      </c>
      <c r="X35866">
        <v>26</v>
      </c>
      <c r="Y35866">
        <v>26</v>
      </c>
      <c r="Z35866">
        <v>26</v>
      </c>
      <c r="AA35866">
        <v>27</v>
      </c>
      <c r="AB35866">
        <v>27</v>
      </c>
      <c r="AC35866">
        <v>28</v>
      </c>
      <c r="AD35866">
        <v>28</v>
      </c>
      <c r="AE35866">
        <v>29</v>
      </c>
      <c r="AF35866">
        <v>29</v>
      </c>
      <c r="AG35866">
        <v>30</v>
      </c>
      <c r="AH35866">
        <v>30</v>
      </c>
      <c r="AI35866">
        <v>31</v>
      </c>
      <c r="AJ35866">
        <v>31</v>
      </c>
      <c r="AK35866">
        <v>32</v>
      </c>
      <c r="AL35866">
        <v>32</v>
      </c>
      <c r="AM35866">
        <v>32</v>
      </c>
      <c r="AN35866">
        <v>32</v>
      </c>
      <c r="AO35866">
        <v>33</v>
      </c>
      <c r="AP35866">
        <v>33</v>
      </c>
      <c r="AQ35866">
        <v>33</v>
      </c>
    </row>
    <row r="35867" spans="1:43">
      <c r="A35867" t="s">
        <v>22239</v>
      </c>
      <c r="B35867" t="s">
        <v>22240</v>
      </c>
      <c r="C35867" t="s">
        <v>22219</v>
      </c>
      <c r="D35867" t="s">
        <v>22220</v>
      </c>
      <c r="E35867" t="s">
        <v>22205</v>
      </c>
      <c r="F35867" t="s">
        <v>22206</v>
      </c>
      <c r="G35867" t="s">
        <v>20255</v>
      </c>
      <c r="H35867" t="s">
        <v>20256</v>
      </c>
      <c r="I35867" s="2">
        <v>1</v>
      </c>
      <c r="J35867" s="2">
        <v>0</v>
      </c>
      <c r="K35867" s="2">
        <v>0</v>
      </c>
      <c r="L35867" t="s">
        <v>120</v>
      </c>
      <c r="M35867" t="s">
        <v>87</v>
      </c>
      <c r="N35867" t="s">
        <v>88</v>
      </c>
      <c r="O35867" t="s">
        <v>85</v>
      </c>
      <c r="P35867" t="s">
        <v>86</v>
      </c>
      <c r="Q35867">
        <v>22</v>
      </c>
      <c r="R35867">
        <v>22</v>
      </c>
      <c r="S35867">
        <v>23</v>
      </c>
      <c r="T35867">
        <v>23</v>
      </c>
      <c r="U35867">
        <v>23</v>
      </c>
      <c r="V35867">
        <v>23</v>
      </c>
      <c r="W35867">
        <v>24</v>
      </c>
      <c r="X35867">
        <v>24</v>
      </c>
      <c r="Y35867">
        <v>24</v>
      </c>
      <c r="Z35867">
        <v>24</v>
      </c>
      <c r="AA35867">
        <v>25</v>
      </c>
      <c r="AB35867">
        <v>25</v>
      </c>
      <c r="AC35867">
        <v>25</v>
      </c>
      <c r="AD35867">
        <v>25</v>
      </c>
      <c r="AE35867">
        <v>26</v>
      </c>
      <c r="AF35867">
        <v>26</v>
      </c>
      <c r="AG35867">
        <v>26</v>
      </c>
      <c r="AH35867">
        <v>26</v>
      </c>
      <c r="AI35867">
        <v>27</v>
      </c>
      <c r="AJ35867">
        <v>27</v>
      </c>
      <c r="AK35867">
        <v>27</v>
      </c>
      <c r="AL35867">
        <v>27</v>
      </c>
      <c r="AM35867">
        <v>28</v>
      </c>
      <c r="AN35867">
        <v>28</v>
      </c>
      <c r="AO35867">
        <v>28</v>
      </c>
      <c r="AP35867">
        <v>28</v>
      </c>
      <c r="AQ35867">
        <v>29</v>
      </c>
    </row>
    <row r="35868" spans="1:43">
      <c r="A35868" t="s">
        <v>22239</v>
      </c>
      <c r="B35868" t="s">
        <v>22240</v>
      </c>
      <c r="C35868" t="s">
        <v>22219</v>
      </c>
      <c r="D35868" t="s">
        <v>22220</v>
      </c>
      <c r="E35868" t="s">
        <v>22205</v>
      </c>
      <c r="F35868" t="s">
        <v>22206</v>
      </c>
      <c r="G35868" t="s">
        <v>20255</v>
      </c>
      <c r="H35868" t="s">
        <v>20256</v>
      </c>
      <c r="I35868" s="2">
        <v>1</v>
      </c>
      <c r="J35868" s="2">
        <v>0</v>
      </c>
      <c r="K35868" s="2">
        <v>0</v>
      </c>
      <c r="L35868" t="s">
        <v>120</v>
      </c>
      <c r="M35868" t="s">
        <v>89</v>
      </c>
      <c r="N35868" t="s">
        <v>90</v>
      </c>
      <c r="O35868" t="s">
        <v>85</v>
      </c>
      <c r="P35868" t="s">
        <v>86</v>
      </c>
      <c r="Q35868">
        <v>22</v>
      </c>
      <c r="R35868">
        <v>22</v>
      </c>
      <c r="S35868">
        <v>23</v>
      </c>
      <c r="T35868">
        <v>24</v>
      </c>
      <c r="U35868">
        <v>24</v>
      </c>
      <c r="V35868">
        <v>25</v>
      </c>
      <c r="W35868">
        <v>25</v>
      </c>
      <c r="X35868">
        <v>26</v>
      </c>
      <c r="Y35868">
        <v>26</v>
      </c>
      <c r="Z35868">
        <v>27</v>
      </c>
      <c r="AA35868">
        <v>28</v>
      </c>
      <c r="AB35868">
        <v>28</v>
      </c>
      <c r="AC35868">
        <v>29</v>
      </c>
      <c r="AD35868">
        <v>29</v>
      </c>
      <c r="AE35868">
        <v>30</v>
      </c>
      <c r="AF35868">
        <v>30</v>
      </c>
      <c r="AG35868">
        <v>30</v>
      </c>
      <c r="AH35868">
        <v>30</v>
      </c>
      <c r="AI35868">
        <v>31</v>
      </c>
      <c r="AJ35868">
        <v>31</v>
      </c>
      <c r="AK35868">
        <v>31</v>
      </c>
      <c r="AL35868">
        <v>31</v>
      </c>
      <c r="AM35868">
        <v>32</v>
      </c>
      <c r="AN35868">
        <v>32</v>
      </c>
      <c r="AO35868">
        <v>32</v>
      </c>
      <c r="AP35868">
        <v>32</v>
      </c>
      <c r="AQ35868">
        <v>33</v>
      </c>
    </row>
    <row r="35869" spans="1:43">
      <c r="A35869" t="s">
        <v>22239</v>
      </c>
      <c r="B35869" t="s">
        <v>22240</v>
      </c>
      <c r="C35869" t="s">
        <v>22219</v>
      </c>
      <c r="D35869" t="s">
        <v>22220</v>
      </c>
      <c r="E35869" t="s">
        <v>22205</v>
      </c>
      <c r="F35869" t="s">
        <v>22206</v>
      </c>
      <c r="G35869" t="s">
        <v>20255</v>
      </c>
      <c r="H35869" t="s">
        <v>20256</v>
      </c>
      <c r="I35869" s="2">
        <v>1</v>
      </c>
      <c r="J35869" s="2">
        <v>0</v>
      </c>
      <c r="K35869" s="2">
        <v>0</v>
      </c>
      <c r="L35869" t="s">
        <v>120</v>
      </c>
      <c r="M35869" t="s">
        <v>83</v>
      </c>
      <c r="N35869" t="s">
        <v>91</v>
      </c>
      <c r="O35869" t="s">
        <v>85</v>
      </c>
      <c r="P35869" t="s">
        <v>86</v>
      </c>
      <c r="Q35869">
        <v>22</v>
      </c>
      <c r="R35869">
        <v>23</v>
      </c>
      <c r="S35869">
        <v>23</v>
      </c>
      <c r="T35869">
        <v>24</v>
      </c>
      <c r="U35869">
        <v>24</v>
      </c>
      <c r="V35869">
        <v>25</v>
      </c>
      <c r="W35869">
        <v>25</v>
      </c>
      <c r="X35869">
        <v>26</v>
      </c>
      <c r="Y35869">
        <v>26</v>
      </c>
      <c r="Z35869">
        <v>26</v>
      </c>
      <c r="AA35869">
        <v>27</v>
      </c>
      <c r="AB35869">
        <v>27</v>
      </c>
      <c r="AC35869">
        <v>28</v>
      </c>
      <c r="AD35869">
        <v>28</v>
      </c>
      <c r="AE35869">
        <v>29</v>
      </c>
      <c r="AF35869">
        <v>29</v>
      </c>
      <c r="AG35869">
        <v>30</v>
      </c>
      <c r="AH35869">
        <v>30</v>
      </c>
      <c r="AI35869">
        <v>31</v>
      </c>
      <c r="AJ35869">
        <v>31</v>
      </c>
      <c r="AK35869">
        <v>32</v>
      </c>
      <c r="AL35869">
        <v>32</v>
      </c>
      <c r="AM35869">
        <v>32</v>
      </c>
      <c r="AN35869">
        <v>32</v>
      </c>
      <c r="AO35869">
        <v>33</v>
      </c>
      <c r="AP35869">
        <v>33</v>
      </c>
      <c r="AQ35869">
        <v>33</v>
      </c>
    </row>
    <row r="35870" spans="1:43">
      <c r="A35870" t="s">
        <v>22241</v>
      </c>
      <c r="B35870" t="s">
        <v>22242</v>
      </c>
      <c r="C35870" t="s">
        <v>22231</v>
      </c>
      <c r="D35870" t="s">
        <v>22232</v>
      </c>
      <c r="E35870" t="s">
        <v>22205</v>
      </c>
      <c r="F35870" t="s">
        <v>22206</v>
      </c>
      <c r="G35870" t="s">
        <v>20255</v>
      </c>
      <c r="H35870" t="s">
        <v>20256</v>
      </c>
      <c r="I35870" s="2">
        <v>1</v>
      </c>
      <c r="J35870" s="2">
        <v>0</v>
      </c>
      <c r="K35870" s="2">
        <v>0</v>
      </c>
      <c r="L35870" t="s">
        <v>120</v>
      </c>
      <c r="M35870" t="s">
        <v>83</v>
      </c>
      <c r="N35870" t="s">
        <v>84</v>
      </c>
      <c r="O35870" t="s">
        <v>85</v>
      </c>
      <c r="P35870" t="s">
        <v>86</v>
      </c>
      <c r="Q35870">
        <v>33</v>
      </c>
      <c r="R35870">
        <v>34</v>
      </c>
      <c r="S35870">
        <v>35</v>
      </c>
      <c r="T35870">
        <v>35</v>
      </c>
      <c r="U35870">
        <v>36</v>
      </c>
      <c r="V35870">
        <v>37</v>
      </c>
      <c r="W35870">
        <v>37</v>
      </c>
      <c r="X35870">
        <v>38</v>
      </c>
      <c r="Y35870">
        <v>39</v>
      </c>
      <c r="Z35870">
        <v>39</v>
      </c>
      <c r="AA35870">
        <v>40</v>
      </c>
      <c r="AB35870">
        <v>41</v>
      </c>
      <c r="AC35870">
        <v>41</v>
      </c>
      <c r="AD35870">
        <v>42</v>
      </c>
      <c r="AE35870">
        <v>43</v>
      </c>
      <c r="AF35870">
        <v>43</v>
      </c>
      <c r="AG35870">
        <v>44</v>
      </c>
      <c r="AH35870">
        <v>45</v>
      </c>
      <c r="AI35870">
        <v>45</v>
      </c>
      <c r="AJ35870">
        <v>46</v>
      </c>
      <c r="AK35870">
        <v>47</v>
      </c>
      <c r="AL35870">
        <v>47</v>
      </c>
      <c r="AM35870">
        <v>48</v>
      </c>
      <c r="AN35870">
        <v>48</v>
      </c>
      <c r="AO35870">
        <v>48</v>
      </c>
      <c r="AP35870">
        <v>49</v>
      </c>
      <c r="AQ35870">
        <v>49</v>
      </c>
    </row>
    <row r="35871" spans="1:43">
      <c r="A35871" t="s">
        <v>22241</v>
      </c>
      <c r="B35871" t="s">
        <v>22242</v>
      </c>
      <c r="C35871" t="s">
        <v>22231</v>
      </c>
      <c r="D35871" t="s">
        <v>22232</v>
      </c>
      <c r="E35871" t="s">
        <v>22205</v>
      </c>
      <c r="F35871" t="s">
        <v>22206</v>
      </c>
      <c r="G35871" t="s">
        <v>20255</v>
      </c>
      <c r="H35871" t="s">
        <v>20256</v>
      </c>
      <c r="I35871" s="2">
        <v>1</v>
      </c>
      <c r="J35871" s="2">
        <v>0</v>
      </c>
      <c r="K35871" s="2">
        <v>0</v>
      </c>
      <c r="L35871" t="s">
        <v>120</v>
      </c>
      <c r="M35871" t="s">
        <v>87</v>
      </c>
      <c r="N35871" t="s">
        <v>88</v>
      </c>
      <c r="O35871" t="s">
        <v>85</v>
      </c>
      <c r="P35871" t="s">
        <v>86</v>
      </c>
      <c r="Q35871">
        <v>33</v>
      </c>
      <c r="R35871">
        <v>33</v>
      </c>
      <c r="S35871">
        <v>34</v>
      </c>
      <c r="T35871">
        <v>34</v>
      </c>
      <c r="U35871">
        <v>34</v>
      </c>
      <c r="V35871">
        <v>35</v>
      </c>
      <c r="W35871">
        <v>35</v>
      </c>
      <c r="X35871">
        <v>35</v>
      </c>
      <c r="Y35871">
        <v>36</v>
      </c>
      <c r="Z35871">
        <v>36</v>
      </c>
      <c r="AA35871">
        <v>36</v>
      </c>
      <c r="AB35871">
        <v>37</v>
      </c>
      <c r="AC35871">
        <v>37</v>
      </c>
      <c r="AD35871">
        <v>37</v>
      </c>
      <c r="AE35871">
        <v>38</v>
      </c>
      <c r="AF35871">
        <v>38</v>
      </c>
      <c r="AG35871">
        <v>39</v>
      </c>
      <c r="AH35871">
        <v>39</v>
      </c>
      <c r="AI35871">
        <v>39</v>
      </c>
      <c r="AJ35871">
        <v>40</v>
      </c>
      <c r="AK35871">
        <v>40</v>
      </c>
      <c r="AL35871">
        <v>41</v>
      </c>
      <c r="AM35871">
        <v>41</v>
      </c>
      <c r="AN35871">
        <v>41</v>
      </c>
      <c r="AO35871">
        <v>42</v>
      </c>
      <c r="AP35871">
        <v>42</v>
      </c>
      <c r="AQ35871">
        <v>43</v>
      </c>
    </row>
    <row r="35872" spans="1:43">
      <c r="A35872" t="s">
        <v>22241</v>
      </c>
      <c r="B35872" t="s">
        <v>22242</v>
      </c>
      <c r="C35872" t="s">
        <v>22231</v>
      </c>
      <c r="D35872" t="s">
        <v>22232</v>
      </c>
      <c r="E35872" t="s">
        <v>22205</v>
      </c>
      <c r="F35872" t="s">
        <v>22206</v>
      </c>
      <c r="G35872" t="s">
        <v>20255</v>
      </c>
      <c r="H35872" t="s">
        <v>20256</v>
      </c>
      <c r="I35872" s="2">
        <v>1</v>
      </c>
      <c r="J35872" s="2">
        <v>0</v>
      </c>
      <c r="K35872" s="2">
        <v>0</v>
      </c>
      <c r="L35872" t="s">
        <v>120</v>
      </c>
      <c r="M35872" t="s">
        <v>89</v>
      </c>
      <c r="N35872" t="s">
        <v>90</v>
      </c>
      <c r="O35872" t="s">
        <v>85</v>
      </c>
      <c r="P35872" t="s">
        <v>86</v>
      </c>
      <c r="Q35872">
        <v>33</v>
      </c>
      <c r="R35872">
        <v>33</v>
      </c>
      <c r="S35872">
        <v>34</v>
      </c>
      <c r="T35872">
        <v>35</v>
      </c>
      <c r="U35872">
        <v>36</v>
      </c>
      <c r="V35872">
        <v>37</v>
      </c>
      <c r="W35872">
        <v>38</v>
      </c>
      <c r="X35872">
        <v>39</v>
      </c>
      <c r="Y35872">
        <v>40</v>
      </c>
      <c r="Z35872">
        <v>41</v>
      </c>
      <c r="AA35872">
        <v>41</v>
      </c>
      <c r="AB35872">
        <v>42</v>
      </c>
      <c r="AC35872">
        <v>43</v>
      </c>
      <c r="AD35872">
        <v>44</v>
      </c>
      <c r="AE35872">
        <v>45</v>
      </c>
      <c r="AF35872">
        <v>45</v>
      </c>
      <c r="AG35872">
        <v>45</v>
      </c>
      <c r="AH35872">
        <v>46</v>
      </c>
      <c r="AI35872">
        <v>46</v>
      </c>
      <c r="AJ35872">
        <v>46</v>
      </c>
      <c r="AK35872">
        <v>47</v>
      </c>
      <c r="AL35872">
        <v>47</v>
      </c>
      <c r="AM35872">
        <v>47</v>
      </c>
      <c r="AN35872">
        <v>48</v>
      </c>
      <c r="AO35872">
        <v>48</v>
      </c>
      <c r="AP35872">
        <v>49</v>
      </c>
      <c r="AQ35872">
        <v>49</v>
      </c>
    </row>
    <row r="35873" spans="1:43">
      <c r="A35873" t="s">
        <v>22241</v>
      </c>
      <c r="B35873" t="s">
        <v>22242</v>
      </c>
      <c r="C35873" t="s">
        <v>22231</v>
      </c>
      <c r="D35873" t="s">
        <v>22232</v>
      </c>
      <c r="E35873" t="s">
        <v>22205</v>
      </c>
      <c r="F35873" t="s">
        <v>22206</v>
      </c>
      <c r="G35873" t="s">
        <v>20255</v>
      </c>
      <c r="H35873" t="s">
        <v>20256</v>
      </c>
      <c r="I35873" s="2">
        <v>1</v>
      </c>
      <c r="J35873" s="2">
        <v>0</v>
      </c>
      <c r="K35873" s="2">
        <v>0</v>
      </c>
      <c r="L35873" t="s">
        <v>120</v>
      </c>
      <c r="M35873" t="s">
        <v>83</v>
      </c>
      <c r="N35873" t="s">
        <v>91</v>
      </c>
      <c r="O35873" t="s">
        <v>85</v>
      </c>
      <c r="P35873" t="s">
        <v>86</v>
      </c>
      <c r="Q35873">
        <v>33</v>
      </c>
      <c r="R35873">
        <v>34</v>
      </c>
      <c r="S35873">
        <v>35</v>
      </c>
      <c r="T35873">
        <v>35</v>
      </c>
      <c r="U35873">
        <v>36</v>
      </c>
      <c r="V35873">
        <v>37</v>
      </c>
      <c r="W35873">
        <v>37</v>
      </c>
      <c r="X35873">
        <v>38</v>
      </c>
      <c r="Y35873">
        <v>39</v>
      </c>
      <c r="Z35873">
        <v>39</v>
      </c>
      <c r="AA35873">
        <v>40</v>
      </c>
      <c r="AB35873">
        <v>41</v>
      </c>
      <c r="AC35873">
        <v>41</v>
      </c>
      <c r="AD35873">
        <v>42</v>
      </c>
      <c r="AE35873">
        <v>43</v>
      </c>
      <c r="AF35873">
        <v>43</v>
      </c>
      <c r="AG35873">
        <v>44</v>
      </c>
      <c r="AH35873">
        <v>45</v>
      </c>
      <c r="AI35873">
        <v>45</v>
      </c>
      <c r="AJ35873">
        <v>46</v>
      </c>
      <c r="AK35873">
        <v>47</v>
      </c>
      <c r="AL35873">
        <v>47</v>
      </c>
      <c r="AM35873">
        <v>48</v>
      </c>
      <c r="AN35873">
        <v>48</v>
      </c>
      <c r="AO35873">
        <v>48</v>
      </c>
      <c r="AP35873">
        <v>49</v>
      </c>
      <c r="AQ35873">
        <v>49</v>
      </c>
    </row>
    <row r="35874" spans="1:43">
      <c r="A35874" t="s">
        <v>22243</v>
      </c>
      <c r="B35874" t="s">
        <v>22244</v>
      </c>
      <c r="C35874" t="s">
        <v>22225</v>
      </c>
      <c r="D35874" t="s">
        <v>22226</v>
      </c>
      <c r="E35874" t="s">
        <v>22205</v>
      </c>
      <c r="F35874" t="s">
        <v>22206</v>
      </c>
      <c r="G35874" t="s">
        <v>20255</v>
      </c>
      <c r="H35874" t="s">
        <v>20256</v>
      </c>
      <c r="I35874" s="2">
        <v>1</v>
      </c>
      <c r="J35874" s="2">
        <v>0</v>
      </c>
      <c r="K35874" s="2">
        <v>0</v>
      </c>
      <c r="L35874" t="s">
        <v>120</v>
      </c>
      <c r="M35874" t="s">
        <v>83</v>
      </c>
      <c r="N35874" t="s">
        <v>84</v>
      </c>
      <c r="O35874" t="s">
        <v>85</v>
      </c>
      <c r="P35874" t="s">
        <v>86</v>
      </c>
      <c r="Q35874">
        <v>11</v>
      </c>
      <c r="R35874">
        <v>12</v>
      </c>
      <c r="S35874">
        <v>12</v>
      </c>
      <c r="T35874">
        <v>12</v>
      </c>
      <c r="U35874">
        <v>12</v>
      </c>
      <c r="V35874">
        <v>13</v>
      </c>
      <c r="W35874">
        <v>13</v>
      </c>
      <c r="X35874">
        <v>13</v>
      </c>
      <c r="Y35874">
        <v>13</v>
      </c>
      <c r="Z35874">
        <v>13</v>
      </c>
      <c r="AA35874">
        <v>14</v>
      </c>
      <c r="AB35874">
        <v>14</v>
      </c>
      <c r="AC35874">
        <v>14</v>
      </c>
      <c r="AD35874">
        <v>14</v>
      </c>
      <c r="AE35874">
        <v>15</v>
      </c>
      <c r="AF35874">
        <v>15</v>
      </c>
      <c r="AG35874">
        <v>15</v>
      </c>
      <c r="AH35874">
        <v>15</v>
      </c>
      <c r="AI35874">
        <v>16</v>
      </c>
      <c r="AJ35874">
        <v>16</v>
      </c>
      <c r="AK35874">
        <v>16</v>
      </c>
      <c r="AL35874">
        <v>16</v>
      </c>
      <c r="AM35874">
        <v>16</v>
      </c>
      <c r="AN35874">
        <v>17</v>
      </c>
      <c r="AO35874">
        <v>17</v>
      </c>
      <c r="AP35874">
        <v>17</v>
      </c>
      <c r="AQ35874">
        <v>17</v>
      </c>
    </row>
    <row r="35875" spans="1:43">
      <c r="A35875" t="s">
        <v>22243</v>
      </c>
      <c r="B35875" t="s">
        <v>22244</v>
      </c>
      <c r="C35875" t="s">
        <v>22225</v>
      </c>
      <c r="D35875" t="s">
        <v>22226</v>
      </c>
      <c r="E35875" t="s">
        <v>22205</v>
      </c>
      <c r="F35875" t="s">
        <v>22206</v>
      </c>
      <c r="G35875" t="s">
        <v>20255</v>
      </c>
      <c r="H35875" t="s">
        <v>20256</v>
      </c>
      <c r="I35875" s="2">
        <v>1</v>
      </c>
      <c r="J35875" s="2">
        <v>0</v>
      </c>
      <c r="K35875" s="2">
        <v>0</v>
      </c>
      <c r="L35875" t="s">
        <v>120</v>
      </c>
      <c r="M35875" t="s">
        <v>87</v>
      </c>
      <c r="N35875" t="s">
        <v>88</v>
      </c>
      <c r="O35875" t="s">
        <v>85</v>
      </c>
      <c r="P35875" t="s">
        <v>86</v>
      </c>
      <c r="Q35875">
        <v>11</v>
      </c>
      <c r="R35875">
        <v>11</v>
      </c>
      <c r="S35875">
        <v>12</v>
      </c>
      <c r="T35875">
        <v>12</v>
      </c>
      <c r="U35875">
        <v>12</v>
      </c>
      <c r="V35875">
        <v>12</v>
      </c>
      <c r="W35875">
        <v>12</v>
      </c>
      <c r="X35875">
        <v>12</v>
      </c>
      <c r="Y35875">
        <v>12</v>
      </c>
      <c r="Z35875">
        <v>12</v>
      </c>
      <c r="AA35875">
        <v>12</v>
      </c>
      <c r="AB35875">
        <v>13</v>
      </c>
      <c r="AC35875">
        <v>13</v>
      </c>
      <c r="AD35875">
        <v>13</v>
      </c>
      <c r="AE35875">
        <v>13</v>
      </c>
      <c r="AF35875">
        <v>13</v>
      </c>
      <c r="AG35875">
        <v>13</v>
      </c>
      <c r="AH35875">
        <v>13</v>
      </c>
      <c r="AI35875">
        <v>13</v>
      </c>
      <c r="AJ35875">
        <v>14</v>
      </c>
      <c r="AK35875">
        <v>14</v>
      </c>
      <c r="AL35875">
        <v>14</v>
      </c>
      <c r="AM35875">
        <v>14</v>
      </c>
      <c r="AN35875">
        <v>14</v>
      </c>
      <c r="AO35875">
        <v>14</v>
      </c>
      <c r="AP35875">
        <v>14</v>
      </c>
      <c r="AQ35875">
        <v>15</v>
      </c>
    </row>
    <row r="35876" spans="1:43">
      <c r="A35876" t="s">
        <v>22243</v>
      </c>
      <c r="B35876" t="s">
        <v>22244</v>
      </c>
      <c r="C35876" t="s">
        <v>22225</v>
      </c>
      <c r="D35876" t="s">
        <v>22226</v>
      </c>
      <c r="E35876" t="s">
        <v>22205</v>
      </c>
      <c r="F35876" t="s">
        <v>22206</v>
      </c>
      <c r="G35876" t="s">
        <v>20255</v>
      </c>
      <c r="H35876" t="s">
        <v>20256</v>
      </c>
      <c r="I35876" s="2">
        <v>1</v>
      </c>
      <c r="J35876" s="2">
        <v>0</v>
      </c>
      <c r="K35876" s="2">
        <v>0</v>
      </c>
      <c r="L35876" t="s">
        <v>120</v>
      </c>
      <c r="M35876" t="s">
        <v>89</v>
      </c>
      <c r="N35876" t="s">
        <v>90</v>
      </c>
      <c r="O35876" t="s">
        <v>85</v>
      </c>
      <c r="P35876" t="s">
        <v>86</v>
      </c>
      <c r="Q35876">
        <v>11</v>
      </c>
      <c r="R35876">
        <v>11</v>
      </c>
      <c r="S35876">
        <v>11</v>
      </c>
      <c r="T35876">
        <v>12</v>
      </c>
      <c r="U35876">
        <v>12</v>
      </c>
      <c r="V35876">
        <v>12</v>
      </c>
      <c r="W35876">
        <v>12</v>
      </c>
      <c r="X35876">
        <v>13</v>
      </c>
      <c r="Y35876">
        <v>13</v>
      </c>
      <c r="Z35876">
        <v>13</v>
      </c>
      <c r="AA35876">
        <v>14</v>
      </c>
      <c r="AB35876">
        <v>14</v>
      </c>
      <c r="AC35876">
        <v>14</v>
      </c>
      <c r="AD35876">
        <v>14</v>
      </c>
      <c r="AE35876">
        <v>15</v>
      </c>
      <c r="AF35876">
        <v>15</v>
      </c>
      <c r="AG35876">
        <v>15</v>
      </c>
      <c r="AH35876">
        <v>15</v>
      </c>
      <c r="AI35876">
        <v>15</v>
      </c>
      <c r="AJ35876">
        <v>15</v>
      </c>
      <c r="AK35876">
        <v>15</v>
      </c>
      <c r="AL35876">
        <v>15</v>
      </c>
      <c r="AM35876">
        <v>16</v>
      </c>
      <c r="AN35876">
        <v>16</v>
      </c>
      <c r="AO35876">
        <v>16</v>
      </c>
      <c r="AP35876">
        <v>16</v>
      </c>
      <c r="AQ35876">
        <v>16</v>
      </c>
    </row>
    <row r="35877" spans="1:43">
      <c r="A35877" t="s">
        <v>22243</v>
      </c>
      <c r="B35877" t="s">
        <v>22244</v>
      </c>
      <c r="C35877" t="s">
        <v>22225</v>
      </c>
      <c r="D35877" t="s">
        <v>22226</v>
      </c>
      <c r="E35877" t="s">
        <v>22205</v>
      </c>
      <c r="F35877" t="s">
        <v>22206</v>
      </c>
      <c r="G35877" t="s">
        <v>20255</v>
      </c>
      <c r="H35877" t="s">
        <v>20256</v>
      </c>
      <c r="I35877" s="2">
        <v>1</v>
      </c>
      <c r="J35877" s="2">
        <v>0</v>
      </c>
      <c r="K35877" s="2">
        <v>0</v>
      </c>
      <c r="L35877" t="s">
        <v>120</v>
      </c>
      <c r="M35877" t="s">
        <v>83</v>
      </c>
      <c r="N35877" t="s">
        <v>91</v>
      </c>
      <c r="O35877" t="s">
        <v>85</v>
      </c>
      <c r="P35877" t="s">
        <v>86</v>
      </c>
      <c r="Q35877">
        <v>11</v>
      </c>
      <c r="R35877">
        <v>12</v>
      </c>
      <c r="S35877">
        <v>12</v>
      </c>
      <c r="T35877">
        <v>12</v>
      </c>
      <c r="U35877">
        <v>12</v>
      </c>
      <c r="V35877">
        <v>13</v>
      </c>
      <c r="W35877">
        <v>13</v>
      </c>
      <c r="X35877">
        <v>13</v>
      </c>
      <c r="Y35877">
        <v>13</v>
      </c>
      <c r="Z35877">
        <v>13</v>
      </c>
      <c r="AA35877">
        <v>14</v>
      </c>
      <c r="AB35877">
        <v>14</v>
      </c>
      <c r="AC35877">
        <v>14</v>
      </c>
      <c r="AD35877">
        <v>14</v>
      </c>
      <c r="AE35877">
        <v>15</v>
      </c>
      <c r="AF35877">
        <v>15</v>
      </c>
      <c r="AG35877">
        <v>15</v>
      </c>
      <c r="AH35877">
        <v>15</v>
      </c>
      <c r="AI35877">
        <v>16</v>
      </c>
      <c r="AJ35877">
        <v>16</v>
      </c>
      <c r="AK35877">
        <v>16</v>
      </c>
      <c r="AL35877">
        <v>16</v>
      </c>
      <c r="AM35877">
        <v>16</v>
      </c>
      <c r="AN35877">
        <v>17</v>
      </c>
      <c r="AO35877">
        <v>17</v>
      </c>
      <c r="AP35877">
        <v>17</v>
      </c>
      <c r="AQ35877">
        <v>17</v>
      </c>
    </row>
    <row r="35878" spans="1:43">
      <c r="A35878" t="s">
        <v>22245</v>
      </c>
      <c r="B35878" t="s">
        <v>22246</v>
      </c>
      <c r="C35878" t="s">
        <v>22225</v>
      </c>
      <c r="D35878" t="s">
        <v>22226</v>
      </c>
      <c r="E35878" t="s">
        <v>22205</v>
      </c>
      <c r="F35878" t="s">
        <v>22206</v>
      </c>
      <c r="G35878" t="s">
        <v>20255</v>
      </c>
      <c r="H35878" t="s">
        <v>20256</v>
      </c>
      <c r="I35878" s="2">
        <v>1</v>
      </c>
      <c r="J35878" s="2">
        <v>0</v>
      </c>
      <c r="K35878" s="2">
        <v>0</v>
      </c>
      <c r="L35878" t="s">
        <v>120</v>
      </c>
      <c r="M35878" t="s">
        <v>83</v>
      </c>
      <c r="N35878" t="s">
        <v>84</v>
      </c>
      <c r="O35878" t="s">
        <v>85</v>
      </c>
      <c r="P35878" t="s">
        <v>86</v>
      </c>
      <c r="Q35878">
        <v>7</v>
      </c>
      <c r="R35878">
        <v>8</v>
      </c>
      <c r="S35878">
        <v>8</v>
      </c>
      <c r="T35878">
        <v>8</v>
      </c>
      <c r="U35878">
        <v>8</v>
      </c>
      <c r="V35878">
        <v>8</v>
      </c>
      <c r="W35878">
        <v>8</v>
      </c>
      <c r="X35878">
        <v>8</v>
      </c>
      <c r="Y35878">
        <v>9</v>
      </c>
      <c r="Z35878">
        <v>9</v>
      </c>
      <c r="AA35878">
        <v>9</v>
      </c>
      <c r="AB35878">
        <v>9</v>
      </c>
      <c r="AC35878">
        <v>9</v>
      </c>
      <c r="AD35878">
        <v>9</v>
      </c>
      <c r="AE35878">
        <v>10</v>
      </c>
      <c r="AF35878">
        <v>10</v>
      </c>
      <c r="AG35878">
        <v>10</v>
      </c>
      <c r="AH35878">
        <v>10</v>
      </c>
      <c r="AI35878">
        <v>10</v>
      </c>
      <c r="AJ35878">
        <v>10</v>
      </c>
      <c r="AK35878">
        <v>11</v>
      </c>
      <c r="AL35878">
        <v>11</v>
      </c>
      <c r="AM35878">
        <v>11</v>
      </c>
      <c r="AN35878">
        <v>11</v>
      </c>
      <c r="AO35878">
        <v>11</v>
      </c>
      <c r="AP35878">
        <v>11</v>
      </c>
      <c r="AQ35878">
        <v>11</v>
      </c>
    </row>
    <row r="35879" spans="1:43">
      <c r="A35879" t="s">
        <v>22245</v>
      </c>
      <c r="B35879" t="s">
        <v>22246</v>
      </c>
      <c r="C35879" t="s">
        <v>22225</v>
      </c>
      <c r="D35879" t="s">
        <v>22226</v>
      </c>
      <c r="E35879" t="s">
        <v>22205</v>
      </c>
      <c r="F35879" t="s">
        <v>22206</v>
      </c>
      <c r="G35879" t="s">
        <v>20255</v>
      </c>
      <c r="H35879" t="s">
        <v>20256</v>
      </c>
      <c r="I35879" s="2">
        <v>1</v>
      </c>
      <c r="J35879" s="2">
        <v>0</v>
      </c>
      <c r="K35879" s="2">
        <v>0</v>
      </c>
      <c r="L35879" t="s">
        <v>120</v>
      </c>
      <c r="M35879" t="s">
        <v>87</v>
      </c>
      <c r="N35879" t="s">
        <v>88</v>
      </c>
      <c r="O35879" t="s">
        <v>85</v>
      </c>
      <c r="P35879" t="s">
        <v>86</v>
      </c>
      <c r="Q35879">
        <v>7</v>
      </c>
      <c r="R35879">
        <v>7</v>
      </c>
      <c r="S35879">
        <v>8</v>
      </c>
      <c r="T35879">
        <v>8</v>
      </c>
      <c r="U35879">
        <v>8</v>
      </c>
      <c r="V35879">
        <v>8</v>
      </c>
      <c r="W35879">
        <v>8</v>
      </c>
      <c r="X35879">
        <v>8</v>
      </c>
      <c r="Y35879">
        <v>8</v>
      </c>
      <c r="Z35879">
        <v>8</v>
      </c>
      <c r="AA35879">
        <v>8</v>
      </c>
      <c r="AB35879">
        <v>8</v>
      </c>
      <c r="AC35879">
        <v>8</v>
      </c>
      <c r="AD35879">
        <v>8</v>
      </c>
      <c r="AE35879">
        <v>8</v>
      </c>
      <c r="AF35879">
        <v>9</v>
      </c>
      <c r="AG35879">
        <v>9</v>
      </c>
      <c r="AH35879">
        <v>9</v>
      </c>
      <c r="AI35879">
        <v>9</v>
      </c>
      <c r="AJ35879">
        <v>9</v>
      </c>
      <c r="AK35879">
        <v>9</v>
      </c>
      <c r="AL35879">
        <v>9</v>
      </c>
      <c r="AM35879">
        <v>9</v>
      </c>
      <c r="AN35879">
        <v>9</v>
      </c>
      <c r="AO35879">
        <v>9</v>
      </c>
      <c r="AP35879">
        <v>9</v>
      </c>
      <c r="AQ35879">
        <v>10</v>
      </c>
    </row>
    <row r="35880" spans="1:43">
      <c r="A35880" t="s">
        <v>22245</v>
      </c>
      <c r="B35880" t="s">
        <v>22246</v>
      </c>
      <c r="C35880" t="s">
        <v>22225</v>
      </c>
      <c r="D35880" t="s">
        <v>22226</v>
      </c>
      <c r="E35880" t="s">
        <v>22205</v>
      </c>
      <c r="F35880" t="s">
        <v>22206</v>
      </c>
      <c r="G35880" t="s">
        <v>20255</v>
      </c>
      <c r="H35880" t="s">
        <v>20256</v>
      </c>
      <c r="I35880" s="2">
        <v>1</v>
      </c>
      <c r="J35880" s="2">
        <v>0</v>
      </c>
      <c r="K35880" s="2">
        <v>0</v>
      </c>
      <c r="L35880" t="s">
        <v>120</v>
      </c>
      <c r="M35880" t="s">
        <v>89</v>
      </c>
      <c r="N35880" t="s">
        <v>90</v>
      </c>
      <c r="O35880" t="s">
        <v>85</v>
      </c>
      <c r="P35880" t="s">
        <v>86</v>
      </c>
      <c r="Q35880">
        <v>7</v>
      </c>
      <c r="R35880">
        <v>7</v>
      </c>
      <c r="S35880">
        <v>7</v>
      </c>
      <c r="T35880">
        <v>7</v>
      </c>
      <c r="U35880">
        <v>7</v>
      </c>
      <c r="V35880">
        <v>8</v>
      </c>
      <c r="W35880">
        <v>8</v>
      </c>
      <c r="X35880">
        <v>8</v>
      </c>
      <c r="Y35880">
        <v>8</v>
      </c>
      <c r="Z35880">
        <v>8</v>
      </c>
      <c r="AA35880">
        <v>9</v>
      </c>
      <c r="AB35880">
        <v>9</v>
      </c>
      <c r="AC35880">
        <v>9</v>
      </c>
      <c r="AD35880">
        <v>9</v>
      </c>
      <c r="AE35880">
        <v>9</v>
      </c>
      <c r="AF35880">
        <v>9</v>
      </c>
      <c r="AG35880">
        <v>9</v>
      </c>
      <c r="AH35880">
        <v>9</v>
      </c>
      <c r="AI35880">
        <v>9</v>
      </c>
      <c r="AJ35880">
        <v>10</v>
      </c>
      <c r="AK35880">
        <v>10</v>
      </c>
      <c r="AL35880">
        <v>10</v>
      </c>
      <c r="AM35880">
        <v>10</v>
      </c>
      <c r="AN35880">
        <v>10</v>
      </c>
      <c r="AO35880">
        <v>10</v>
      </c>
      <c r="AP35880">
        <v>10</v>
      </c>
      <c r="AQ35880">
        <v>10</v>
      </c>
    </row>
    <row r="35881" spans="1:43">
      <c r="A35881" t="s">
        <v>22245</v>
      </c>
      <c r="B35881" t="s">
        <v>22246</v>
      </c>
      <c r="C35881" t="s">
        <v>22225</v>
      </c>
      <c r="D35881" t="s">
        <v>22226</v>
      </c>
      <c r="E35881" t="s">
        <v>22205</v>
      </c>
      <c r="F35881" t="s">
        <v>22206</v>
      </c>
      <c r="G35881" t="s">
        <v>20255</v>
      </c>
      <c r="H35881" t="s">
        <v>20256</v>
      </c>
      <c r="I35881" s="2">
        <v>1</v>
      </c>
      <c r="J35881" s="2">
        <v>0</v>
      </c>
      <c r="K35881" s="2">
        <v>0</v>
      </c>
      <c r="L35881" t="s">
        <v>120</v>
      </c>
      <c r="M35881" t="s">
        <v>83</v>
      </c>
      <c r="N35881" t="s">
        <v>91</v>
      </c>
      <c r="O35881" t="s">
        <v>85</v>
      </c>
      <c r="P35881" t="s">
        <v>86</v>
      </c>
      <c r="Q35881">
        <v>7</v>
      </c>
      <c r="R35881">
        <v>8</v>
      </c>
      <c r="S35881">
        <v>8</v>
      </c>
      <c r="T35881">
        <v>8</v>
      </c>
      <c r="U35881">
        <v>8</v>
      </c>
      <c r="V35881">
        <v>8</v>
      </c>
      <c r="W35881">
        <v>8</v>
      </c>
      <c r="X35881">
        <v>8</v>
      </c>
      <c r="Y35881">
        <v>9</v>
      </c>
      <c r="Z35881">
        <v>9</v>
      </c>
      <c r="AA35881">
        <v>9</v>
      </c>
      <c r="AB35881">
        <v>9</v>
      </c>
      <c r="AC35881">
        <v>9</v>
      </c>
      <c r="AD35881">
        <v>9</v>
      </c>
      <c r="AE35881">
        <v>10</v>
      </c>
      <c r="AF35881">
        <v>10</v>
      </c>
      <c r="AG35881">
        <v>10</v>
      </c>
      <c r="AH35881">
        <v>10</v>
      </c>
      <c r="AI35881">
        <v>10</v>
      </c>
      <c r="AJ35881">
        <v>10</v>
      </c>
      <c r="AK35881">
        <v>11</v>
      </c>
      <c r="AL35881">
        <v>11</v>
      </c>
      <c r="AM35881">
        <v>11</v>
      </c>
      <c r="AN35881">
        <v>11</v>
      </c>
      <c r="AO35881">
        <v>11</v>
      </c>
      <c r="AP35881">
        <v>11</v>
      </c>
      <c r="AQ35881">
        <v>11</v>
      </c>
    </row>
    <row r="35882" spans="1:43">
      <c r="A35882" t="s">
        <v>22247</v>
      </c>
      <c r="B35882" t="s">
        <v>22248</v>
      </c>
      <c r="C35882" t="s">
        <v>22225</v>
      </c>
      <c r="D35882" t="s">
        <v>22226</v>
      </c>
      <c r="E35882" t="s">
        <v>22205</v>
      </c>
      <c r="F35882" t="s">
        <v>22206</v>
      </c>
      <c r="G35882" t="s">
        <v>20255</v>
      </c>
      <c r="H35882" t="s">
        <v>20256</v>
      </c>
      <c r="I35882" s="2">
        <v>1</v>
      </c>
      <c r="J35882" s="2">
        <v>0</v>
      </c>
      <c r="K35882" s="2">
        <v>0</v>
      </c>
      <c r="L35882" t="s">
        <v>120</v>
      </c>
      <c r="M35882" t="s">
        <v>83</v>
      </c>
      <c r="N35882" t="s">
        <v>84</v>
      </c>
      <c r="O35882" t="s">
        <v>85</v>
      </c>
      <c r="P35882" t="s">
        <v>86</v>
      </c>
      <c r="Q35882">
        <v>29</v>
      </c>
      <c r="R35882">
        <v>29</v>
      </c>
      <c r="S35882">
        <v>30</v>
      </c>
      <c r="T35882">
        <v>31</v>
      </c>
      <c r="U35882">
        <v>31</v>
      </c>
      <c r="V35882">
        <v>32</v>
      </c>
      <c r="W35882">
        <v>32</v>
      </c>
      <c r="X35882">
        <v>33</v>
      </c>
      <c r="Y35882">
        <v>33</v>
      </c>
      <c r="Z35882">
        <v>34</v>
      </c>
      <c r="AA35882">
        <v>35</v>
      </c>
      <c r="AB35882">
        <v>35</v>
      </c>
      <c r="AC35882">
        <v>36</v>
      </c>
      <c r="AD35882">
        <v>36</v>
      </c>
      <c r="AE35882">
        <v>37</v>
      </c>
      <c r="AF35882">
        <v>38</v>
      </c>
      <c r="AG35882">
        <v>38</v>
      </c>
      <c r="AH35882">
        <v>39</v>
      </c>
      <c r="AI35882">
        <v>39</v>
      </c>
      <c r="AJ35882">
        <v>40</v>
      </c>
      <c r="AK35882">
        <v>41</v>
      </c>
      <c r="AL35882">
        <v>41</v>
      </c>
      <c r="AM35882">
        <v>41</v>
      </c>
      <c r="AN35882">
        <v>42</v>
      </c>
      <c r="AO35882">
        <v>42</v>
      </c>
      <c r="AP35882">
        <v>42</v>
      </c>
      <c r="AQ35882">
        <v>42</v>
      </c>
    </row>
    <row r="35883" spans="1:43">
      <c r="A35883" t="s">
        <v>22247</v>
      </c>
      <c r="B35883" t="s">
        <v>22248</v>
      </c>
      <c r="C35883" t="s">
        <v>22225</v>
      </c>
      <c r="D35883" t="s">
        <v>22226</v>
      </c>
      <c r="E35883" t="s">
        <v>22205</v>
      </c>
      <c r="F35883" t="s">
        <v>22206</v>
      </c>
      <c r="G35883" t="s">
        <v>20255</v>
      </c>
      <c r="H35883" t="s">
        <v>20256</v>
      </c>
      <c r="I35883" s="2">
        <v>1</v>
      </c>
      <c r="J35883" s="2">
        <v>0</v>
      </c>
      <c r="K35883" s="2">
        <v>0</v>
      </c>
      <c r="L35883" t="s">
        <v>120</v>
      </c>
      <c r="M35883" t="s">
        <v>87</v>
      </c>
      <c r="N35883" t="s">
        <v>88</v>
      </c>
      <c r="O35883" t="s">
        <v>85</v>
      </c>
      <c r="P35883" t="s">
        <v>86</v>
      </c>
      <c r="Q35883">
        <v>29</v>
      </c>
      <c r="R35883">
        <v>29</v>
      </c>
      <c r="S35883">
        <v>29</v>
      </c>
      <c r="T35883">
        <v>29</v>
      </c>
      <c r="U35883">
        <v>30</v>
      </c>
      <c r="V35883">
        <v>30</v>
      </c>
      <c r="W35883">
        <v>30</v>
      </c>
      <c r="X35883">
        <v>31</v>
      </c>
      <c r="Y35883">
        <v>31</v>
      </c>
      <c r="Z35883">
        <v>31</v>
      </c>
      <c r="AA35883">
        <v>31</v>
      </c>
      <c r="AB35883">
        <v>32</v>
      </c>
      <c r="AC35883">
        <v>32</v>
      </c>
      <c r="AD35883">
        <v>32</v>
      </c>
      <c r="AE35883">
        <v>33</v>
      </c>
      <c r="AF35883">
        <v>33</v>
      </c>
      <c r="AG35883">
        <v>33</v>
      </c>
      <c r="AH35883">
        <v>34</v>
      </c>
      <c r="AI35883">
        <v>34</v>
      </c>
      <c r="AJ35883">
        <v>34</v>
      </c>
      <c r="AK35883">
        <v>35</v>
      </c>
      <c r="AL35883">
        <v>35</v>
      </c>
      <c r="AM35883">
        <v>35</v>
      </c>
      <c r="AN35883">
        <v>36</v>
      </c>
      <c r="AO35883">
        <v>36</v>
      </c>
      <c r="AP35883">
        <v>36</v>
      </c>
      <c r="AQ35883">
        <v>37</v>
      </c>
    </row>
    <row r="35884" spans="1:43">
      <c r="A35884" t="s">
        <v>22247</v>
      </c>
      <c r="B35884" t="s">
        <v>22248</v>
      </c>
      <c r="C35884" t="s">
        <v>22225</v>
      </c>
      <c r="D35884" t="s">
        <v>22226</v>
      </c>
      <c r="E35884" t="s">
        <v>22205</v>
      </c>
      <c r="F35884" t="s">
        <v>22206</v>
      </c>
      <c r="G35884" t="s">
        <v>20255</v>
      </c>
      <c r="H35884" t="s">
        <v>20256</v>
      </c>
      <c r="I35884" s="2">
        <v>1</v>
      </c>
      <c r="J35884" s="2">
        <v>0</v>
      </c>
      <c r="K35884" s="2">
        <v>0</v>
      </c>
      <c r="L35884" t="s">
        <v>120</v>
      </c>
      <c r="M35884" t="s">
        <v>89</v>
      </c>
      <c r="N35884" t="s">
        <v>90</v>
      </c>
      <c r="O35884" t="s">
        <v>85</v>
      </c>
      <c r="P35884" t="s">
        <v>86</v>
      </c>
      <c r="Q35884">
        <v>29</v>
      </c>
      <c r="R35884">
        <v>30</v>
      </c>
      <c r="S35884">
        <v>31</v>
      </c>
      <c r="T35884">
        <v>32</v>
      </c>
      <c r="U35884">
        <v>32</v>
      </c>
      <c r="V35884">
        <v>33</v>
      </c>
      <c r="W35884">
        <v>34</v>
      </c>
      <c r="X35884">
        <v>35</v>
      </c>
      <c r="Y35884">
        <v>35</v>
      </c>
      <c r="Z35884">
        <v>36</v>
      </c>
      <c r="AA35884">
        <v>37</v>
      </c>
      <c r="AB35884">
        <v>38</v>
      </c>
      <c r="AC35884">
        <v>38</v>
      </c>
      <c r="AD35884">
        <v>39</v>
      </c>
      <c r="AE35884">
        <v>40</v>
      </c>
      <c r="AF35884">
        <v>40</v>
      </c>
      <c r="AG35884">
        <v>40</v>
      </c>
      <c r="AH35884">
        <v>40</v>
      </c>
      <c r="AI35884">
        <v>41</v>
      </c>
      <c r="AJ35884">
        <v>41</v>
      </c>
      <c r="AK35884">
        <v>41</v>
      </c>
      <c r="AL35884">
        <v>41</v>
      </c>
      <c r="AM35884">
        <v>42</v>
      </c>
      <c r="AN35884">
        <v>42</v>
      </c>
      <c r="AO35884">
        <v>42</v>
      </c>
      <c r="AP35884">
        <v>42</v>
      </c>
      <c r="AQ35884">
        <v>43</v>
      </c>
    </row>
    <row r="35885" spans="1:43">
      <c r="A35885" t="s">
        <v>22247</v>
      </c>
      <c r="B35885" t="s">
        <v>22248</v>
      </c>
      <c r="C35885" t="s">
        <v>22225</v>
      </c>
      <c r="D35885" t="s">
        <v>22226</v>
      </c>
      <c r="E35885" t="s">
        <v>22205</v>
      </c>
      <c r="F35885" t="s">
        <v>22206</v>
      </c>
      <c r="G35885" t="s">
        <v>20255</v>
      </c>
      <c r="H35885" t="s">
        <v>20256</v>
      </c>
      <c r="I35885" s="2">
        <v>1</v>
      </c>
      <c r="J35885" s="2">
        <v>0</v>
      </c>
      <c r="K35885" s="2">
        <v>0</v>
      </c>
      <c r="L35885" t="s">
        <v>120</v>
      </c>
      <c r="M35885" t="s">
        <v>83</v>
      </c>
      <c r="N35885" t="s">
        <v>91</v>
      </c>
      <c r="O35885" t="s">
        <v>85</v>
      </c>
      <c r="P35885" t="s">
        <v>86</v>
      </c>
      <c r="Q35885">
        <v>29</v>
      </c>
      <c r="R35885">
        <v>29</v>
      </c>
      <c r="S35885">
        <v>30</v>
      </c>
      <c r="T35885">
        <v>31</v>
      </c>
      <c r="U35885">
        <v>31</v>
      </c>
      <c r="V35885">
        <v>32</v>
      </c>
      <c r="W35885">
        <v>32</v>
      </c>
      <c r="X35885">
        <v>33</v>
      </c>
      <c r="Y35885">
        <v>33</v>
      </c>
      <c r="Z35885">
        <v>34</v>
      </c>
      <c r="AA35885">
        <v>35</v>
      </c>
      <c r="AB35885">
        <v>35</v>
      </c>
      <c r="AC35885">
        <v>36</v>
      </c>
      <c r="AD35885">
        <v>36</v>
      </c>
      <c r="AE35885">
        <v>37</v>
      </c>
      <c r="AF35885">
        <v>38</v>
      </c>
      <c r="AG35885">
        <v>38</v>
      </c>
      <c r="AH35885">
        <v>39</v>
      </c>
      <c r="AI35885">
        <v>39</v>
      </c>
      <c r="AJ35885">
        <v>40</v>
      </c>
      <c r="AK35885">
        <v>41</v>
      </c>
      <c r="AL35885">
        <v>41</v>
      </c>
      <c r="AM35885">
        <v>41</v>
      </c>
      <c r="AN35885">
        <v>42</v>
      </c>
      <c r="AO35885">
        <v>42</v>
      </c>
      <c r="AP35885">
        <v>42</v>
      </c>
      <c r="AQ35885">
        <v>42</v>
      </c>
    </row>
    <row r="35886" spans="1:43">
      <c r="A35886" t="s">
        <v>22249</v>
      </c>
      <c r="B35886" t="s">
        <v>22250</v>
      </c>
      <c r="C35886" t="s">
        <v>22251</v>
      </c>
      <c r="D35886" t="s">
        <v>22252</v>
      </c>
      <c r="E35886" t="s">
        <v>22205</v>
      </c>
      <c r="F35886" t="s">
        <v>22206</v>
      </c>
      <c r="G35886" t="s">
        <v>20255</v>
      </c>
      <c r="H35886" t="s">
        <v>20256</v>
      </c>
      <c r="I35886" s="2">
        <v>1</v>
      </c>
      <c r="J35886" s="2">
        <v>0</v>
      </c>
      <c r="K35886" s="2">
        <v>0</v>
      </c>
      <c r="L35886" t="s">
        <v>120</v>
      </c>
      <c r="M35886" t="s">
        <v>83</v>
      </c>
      <c r="N35886" t="s">
        <v>84</v>
      </c>
      <c r="O35886" t="s">
        <v>85</v>
      </c>
      <c r="P35886" t="s">
        <v>86</v>
      </c>
      <c r="Q35886">
        <v>59</v>
      </c>
      <c r="R35886">
        <v>60</v>
      </c>
      <c r="S35886">
        <v>61</v>
      </c>
      <c r="T35886">
        <v>62</v>
      </c>
      <c r="U35886">
        <v>64</v>
      </c>
      <c r="V35886">
        <v>65</v>
      </c>
      <c r="W35886">
        <v>66</v>
      </c>
      <c r="X35886">
        <v>67</v>
      </c>
      <c r="Y35886">
        <v>68</v>
      </c>
      <c r="Z35886">
        <v>69</v>
      </c>
      <c r="AA35886">
        <v>71</v>
      </c>
      <c r="AB35886">
        <v>72</v>
      </c>
      <c r="AC35886">
        <v>73</v>
      </c>
      <c r="AD35886">
        <v>74</v>
      </c>
      <c r="AE35886">
        <v>75</v>
      </c>
      <c r="AF35886">
        <v>77</v>
      </c>
      <c r="AG35886">
        <v>78</v>
      </c>
      <c r="AH35886">
        <v>79</v>
      </c>
      <c r="AI35886">
        <v>81</v>
      </c>
      <c r="AJ35886">
        <v>82</v>
      </c>
      <c r="AK35886">
        <v>83</v>
      </c>
      <c r="AL35886">
        <v>84</v>
      </c>
      <c r="AM35886">
        <v>84</v>
      </c>
      <c r="AN35886">
        <v>85</v>
      </c>
      <c r="AO35886">
        <v>85</v>
      </c>
      <c r="AP35886">
        <v>86</v>
      </c>
      <c r="AQ35886">
        <v>86</v>
      </c>
    </row>
    <row r="35887" spans="1:43">
      <c r="A35887" t="s">
        <v>22249</v>
      </c>
      <c r="B35887" t="s">
        <v>22250</v>
      </c>
      <c r="C35887" t="s">
        <v>22251</v>
      </c>
      <c r="D35887" t="s">
        <v>22252</v>
      </c>
      <c r="E35887" t="s">
        <v>22205</v>
      </c>
      <c r="F35887" t="s">
        <v>22206</v>
      </c>
      <c r="G35887" t="s">
        <v>20255</v>
      </c>
      <c r="H35887" t="s">
        <v>20256</v>
      </c>
      <c r="I35887" s="2">
        <v>1</v>
      </c>
      <c r="J35887" s="2">
        <v>0</v>
      </c>
      <c r="K35887" s="2">
        <v>0</v>
      </c>
      <c r="L35887" t="s">
        <v>120</v>
      </c>
      <c r="M35887" t="s">
        <v>87</v>
      </c>
      <c r="N35887" t="s">
        <v>88</v>
      </c>
      <c r="O35887" t="s">
        <v>85</v>
      </c>
      <c r="P35887" t="s">
        <v>86</v>
      </c>
      <c r="Q35887">
        <v>59</v>
      </c>
      <c r="R35887">
        <v>60</v>
      </c>
      <c r="S35887">
        <v>61</v>
      </c>
      <c r="T35887">
        <v>61</v>
      </c>
      <c r="U35887">
        <v>62</v>
      </c>
      <c r="V35887">
        <v>62</v>
      </c>
      <c r="W35887">
        <v>63</v>
      </c>
      <c r="X35887">
        <v>63</v>
      </c>
      <c r="Y35887">
        <v>64</v>
      </c>
      <c r="Z35887">
        <v>65</v>
      </c>
      <c r="AA35887">
        <v>65</v>
      </c>
      <c r="AB35887">
        <v>66</v>
      </c>
      <c r="AC35887">
        <v>66</v>
      </c>
      <c r="AD35887">
        <v>67</v>
      </c>
      <c r="AE35887">
        <v>68</v>
      </c>
      <c r="AF35887">
        <v>68</v>
      </c>
      <c r="AG35887">
        <v>69</v>
      </c>
      <c r="AH35887">
        <v>70</v>
      </c>
      <c r="AI35887">
        <v>70</v>
      </c>
      <c r="AJ35887">
        <v>71</v>
      </c>
      <c r="AK35887">
        <v>72</v>
      </c>
      <c r="AL35887">
        <v>72</v>
      </c>
      <c r="AM35887">
        <v>73</v>
      </c>
      <c r="AN35887">
        <v>74</v>
      </c>
      <c r="AO35887">
        <v>74</v>
      </c>
      <c r="AP35887">
        <v>75</v>
      </c>
      <c r="AQ35887">
        <v>76</v>
      </c>
    </row>
    <row r="35888" spans="1:43">
      <c r="A35888" t="s">
        <v>22249</v>
      </c>
      <c r="B35888" t="s">
        <v>22250</v>
      </c>
      <c r="C35888" t="s">
        <v>22251</v>
      </c>
      <c r="D35888" t="s">
        <v>22252</v>
      </c>
      <c r="E35888" t="s">
        <v>22205</v>
      </c>
      <c r="F35888" t="s">
        <v>22206</v>
      </c>
      <c r="G35888" t="s">
        <v>20255</v>
      </c>
      <c r="H35888" t="s">
        <v>20256</v>
      </c>
      <c r="I35888" s="2">
        <v>1</v>
      </c>
      <c r="J35888" s="2">
        <v>0</v>
      </c>
      <c r="K35888" s="2">
        <v>0</v>
      </c>
      <c r="L35888" t="s">
        <v>120</v>
      </c>
      <c r="M35888" t="s">
        <v>89</v>
      </c>
      <c r="N35888" t="s">
        <v>90</v>
      </c>
      <c r="O35888" t="s">
        <v>85</v>
      </c>
      <c r="P35888" t="s">
        <v>86</v>
      </c>
      <c r="Q35888">
        <v>59</v>
      </c>
      <c r="R35888">
        <v>60</v>
      </c>
      <c r="S35888">
        <v>62</v>
      </c>
      <c r="T35888">
        <v>63</v>
      </c>
      <c r="U35888">
        <v>65</v>
      </c>
      <c r="V35888">
        <v>67</v>
      </c>
      <c r="W35888">
        <v>68</v>
      </c>
      <c r="X35888">
        <v>70</v>
      </c>
      <c r="Y35888">
        <v>71</v>
      </c>
      <c r="Z35888">
        <v>73</v>
      </c>
      <c r="AA35888">
        <v>74</v>
      </c>
      <c r="AB35888">
        <v>76</v>
      </c>
      <c r="AC35888">
        <v>77</v>
      </c>
      <c r="AD35888">
        <v>79</v>
      </c>
      <c r="AE35888">
        <v>80</v>
      </c>
      <c r="AF35888">
        <v>81</v>
      </c>
      <c r="AG35888">
        <v>81</v>
      </c>
      <c r="AH35888">
        <v>81</v>
      </c>
      <c r="AI35888">
        <v>82</v>
      </c>
      <c r="AJ35888">
        <v>82</v>
      </c>
      <c r="AK35888">
        <v>83</v>
      </c>
      <c r="AL35888">
        <v>83</v>
      </c>
      <c r="AM35888">
        <v>84</v>
      </c>
      <c r="AN35888">
        <v>84</v>
      </c>
      <c r="AO35888">
        <v>85</v>
      </c>
      <c r="AP35888">
        <v>85</v>
      </c>
      <c r="AQ35888">
        <v>86</v>
      </c>
    </row>
    <row r="35889" spans="1:43">
      <c r="A35889" t="s">
        <v>22249</v>
      </c>
      <c r="B35889" t="s">
        <v>22250</v>
      </c>
      <c r="C35889" t="s">
        <v>22251</v>
      </c>
      <c r="D35889" t="s">
        <v>22252</v>
      </c>
      <c r="E35889" t="s">
        <v>22205</v>
      </c>
      <c r="F35889" t="s">
        <v>22206</v>
      </c>
      <c r="G35889" t="s">
        <v>20255</v>
      </c>
      <c r="H35889" t="s">
        <v>20256</v>
      </c>
      <c r="I35889" s="2">
        <v>1</v>
      </c>
      <c r="J35889" s="2">
        <v>0</v>
      </c>
      <c r="K35889" s="2">
        <v>0</v>
      </c>
      <c r="L35889" t="s">
        <v>120</v>
      </c>
      <c r="M35889" t="s">
        <v>83</v>
      </c>
      <c r="N35889" t="s">
        <v>91</v>
      </c>
      <c r="O35889" t="s">
        <v>85</v>
      </c>
      <c r="P35889" t="s">
        <v>86</v>
      </c>
      <c r="Q35889">
        <v>59</v>
      </c>
      <c r="R35889">
        <v>60</v>
      </c>
      <c r="S35889">
        <v>61</v>
      </c>
      <c r="T35889">
        <v>62</v>
      </c>
      <c r="U35889">
        <v>64</v>
      </c>
      <c r="V35889">
        <v>65</v>
      </c>
      <c r="W35889">
        <v>66</v>
      </c>
      <c r="X35889">
        <v>67</v>
      </c>
      <c r="Y35889">
        <v>68</v>
      </c>
      <c r="Z35889">
        <v>69</v>
      </c>
      <c r="AA35889">
        <v>71</v>
      </c>
      <c r="AB35889">
        <v>72</v>
      </c>
      <c r="AC35889">
        <v>73</v>
      </c>
      <c r="AD35889">
        <v>74</v>
      </c>
      <c r="AE35889">
        <v>75</v>
      </c>
      <c r="AF35889">
        <v>77</v>
      </c>
      <c r="AG35889">
        <v>78</v>
      </c>
      <c r="AH35889">
        <v>79</v>
      </c>
      <c r="AI35889">
        <v>81</v>
      </c>
      <c r="AJ35889">
        <v>82</v>
      </c>
      <c r="AK35889">
        <v>83</v>
      </c>
      <c r="AL35889">
        <v>84</v>
      </c>
      <c r="AM35889">
        <v>84</v>
      </c>
      <c r="AN35889">
        <v>85</v>
      </c>
      <c r="AO35889">
        <v>85</v>
      </c>
      <c r="AP35889">
        <v>86</v>
      </c>
      <c r="AQ35889">
        <v>86</v>
      </c>
    </row>
    <row r="35890" spans="1:43">
      <c r="A35890" t="s">
        <v>22253</v>
      </c>
      <c r="B35890" t="s">
        <v>22254</v>
      </c>
      <c r="C35890" t="s">
        <v>22211</v>
      </c>
      <c r="D35890" t="s">
        <v>22212</v>
      </c>
      <c r="E35890" t="s">
        <v>22205</v>
      </c>
      <c r="F35890" t="s">
        <v>22206</v>
      </c>
      <c r="G35890" t="s">
        <v>20255</v>
      </c>
      <c r="H35890" t="s">
        <v>20256</v>
      </c>
      <c r="I35890" s="2">
        <v>1</v>
      </c>
      <c r="J35890" s="2">
        <v>0</v>
      </c>
      <c r="K35890" s="2">
        <v>0</v>
      </c>
      <c r="L35890" t="s">
        <v>120</v>
      </c>
      <c r="M35890" t="s">
        <v>83</v>
      </c>
      <c r="N35890" t="s">
        <v>84</v>
      </c>
      <c r="O35890" t="s">
        <v>85</v>
      </c>
      <c r="P35890" t="s">
        <v>86</v>
      </c>
      <c r="Q35890">
        <v>67</v>
      </c>
      <c r="R35890">
        <v>69</v>
      </c>
      <c r="S35890">
        <v>70</v>
      </c>
      <c r="T35890">
        <v>71</v>
      </c>
      <c r="U35890">
        <v>73</v>
      </c>
      <c r="V35890">
        <v>74</v>
      </c>
      <c r="W35890">
        <v>75</v>
      </c>
      <c r="X35890">
        <v>77</v>
      </c>
      <c r="Y35890">
        <v>78</v>
      </c>
      <c r="Z35890">
        <v>79</v>
      </c>
      <c r="AA35890">
        <v>81</v>
      </c>
      <c r="AB35890">
        <v>82</v>
      </c>
      <c r="AC35890">
        <v>83</v>
      </c>
      <c r="AD35890">
        <v>85</v>
      </c>
      <c r="AE35890">
        <v>86</v>
      </c>
      <c r="AF35890">
        <v>87</v>
      </c>
      <c r="AG35890">
        <v>89</v>
      </c>
      <c r="AH35890">
        <v>90</v>
      </c>
      <c r="AI35890">
        <v>92</v>
      </c>
      <c r="AJ35890">
        <v>93</v>
      </c>
      <c r="AK35890">
        <v>95</v>
      </c>
      <c r="AL35890">
        <v>96</v>
      </c>
      <c r="AM35890">
        <v>96</v>
      </c>
      <c r="AN35890">
        <v>97</v>
      </c>
      <c r="AO35890">
        <v>98</v>
      </c>
      <c r="AP35890">
        <v>99</v>
      </c>
      <c r="AQ35890">
        <v>99</v>
      </c>
    </row>
    <row r="35891" spans="1:43">
      <c r="A35891" t="s">
        <v>22253</v>
      </c>
      <c r="B35891" t="s">
        <v>22254</v>
      </c>
      <c r="C35891" t="s">
        <v>22211</v>
      </c>
      <c r="D35891" t="s">
        <v>22212</v>
      </c>
      <c r="E35891" t="s">
        <v>22205</v>
      </c>
      <c r="F35891" t="s">
        <v>22206</v>
      </c>
      <c r="G35891" t="s">
        <v>20255</v>
      </c>
      <c r="H35891" t="s">
        <v>20256</v>
      </c>
      <c r="I35891" s="2">
        <v>1</v>
      </c>
      <c r="J35891" s="2">
        <v>0</v>
      </c>
      <c r="K35891" s="2">
        <v>0</v>
      </c>
      <c r="L35891" t="s">
        <v>120</v>
      </c>
      <c r="M35891" t="s">
        <v>87</v>
      </c>
      <c r="N35891" t="s">
        <v>88</v>
      </c>
      <c r="O35891" t="s">
        <v>85</v>
      </c>
      <c r="P35891" t="s">
        <v>86</v>
      </c>
      <c r="Q35891">
        <v>67</v>
      </c>
      <c r="R35891">
        <v>67</v>
      </c>
      <c r="S35891">
        <v>68</v>
      </c>
      <c r="T35891">
        <v>69</v>
      </c>
      <c r="U35891">
        <v>69</v>
      </c>
      <c r="V35891">
        <v>70</v>
      </c>
      <c r="W35891">
        <v>71</v>
      </c>
      <c r="X35891">
        <v>71</v>
      </c>
      <c r="Y35891">
        <v>72</v>
      </c>
      <c r="Z35891">
        <v>73</v>
      </c>
      <c r="AA35891">
        <v>73</v>
      </c>
      <c r="AB35891">
        <v>74</v>
      </c>
      <c r="AC35891">
        <v>75</v>
      </c>
      <c r="AD35891">
        <v>76</v>
      </c>
      <c r="AE35891">
        <v>76</v>
      </c>
      <c r="AF35891">
        <v>77</v>
      </c>
      <c r="AG35891">
        <v>78</v>
      </c>
      <c r="AH35891">
        <v>79</v>
      </c>
      <c r="AI35891">
        <v>79</v>
      </c>
      <c r="AJ35891">
        <v>80</v>
      </c>
      <c r="AK35891">
        <v>81</v>
      </c>
      <c r="AL35891">
        <v>82</v>
      </c>
      <c r="AM35891">
        <v>83</v>
      </c>
      <c r="AN35891">
        <v>83</v>
      </c>
      <c r="AO35891">
        <v>84</v>
      </c>
      <c r="AP35891">
        <v>85</v>
      </c>
      <c r="AQ35891">
        <v>86</v>
      </c>
    </row>
    <row r="35892" spans="1:43">
      <c r="A35892" t="s">
        <v>22253</v>
      </c>
      <c r="B35892" t="s">
        <v>22254</v>
      </c>
      <c r="C35892" t="s">
        <v>22211</v>
      </c>
      <c r="D35892" t="s">
        <v>22212</v>
      </c>
      <c r="E35892" t="s">
        <v>22205</v>
      </c>
      <c r="F35892" t="s">
        <v>22206</v>
      </c>
      <c r="G35892" t="s">
        <v>20255</v>
      </c>
      <c r="H35892" t="s">
        <v>20256</v>
      </c>
      <c r="I35892" s="2">
        <v>1</v>
      </c>
      <c r="J35892" s="2">
        <v>0</v>
      </c>
      <c r="K35892" s="2">
        <v>0</v>
      </c>
      <c r="L35892" t="s">
        <v>120</v>
      </c>
      <c r="M35892" t="s">
        <v>89</v>
      </c>
      <c r="N35892" t="s">
        <v>90</v>
      </c>
      <c r="O35892" t="s">
        <v>85</v>
      </c>
      <c r="P35892" t="s">
        <v>86</v>
      </c>
      <c r="Q35892">
        <v>67</v>
      </c>
      <c r="R35892">
        <v>69</v>
      </c>
      <c r="S35892">
        <v>71</v>
      </c>
      <c r="T35892">
        <v>73</v>
      </c>
      <c r="U35892">
        <v>74</v>
      </c>
      <c r="V35892">
        <v>76</v>
      </c>
      <c r="W35892">
        <v>78</v>
      </c>
      <c r="X35892">
        <v>80</v>
      </c>
      <c r="Y35892">
        <v>81</v>
      </c>
      <c r="Z35892">
        <v>83</v>
      </c>
      <c r="AA35892">
        <v>85</v>
      </c>
      <c r="AB35892">
        <v>86</v>
      </c>
      <c r="AC35892">
        <v>88</v>
      </c>
      <c r="AD35892">
        <v>90</v>
      </c>
      <c r="AE35892">
        <v>91</v>
      </c>
      <c r="AF35892">
        <v>92</v>
      </c>
      <c r="AG35892">
        <v>93</v>
      </c>
      <c r="AH35892">
        <v>93</v>
      </c>
      <c r="AI35892">
        <v>94</v>
      </c>
      <c r="AJ35892">
        <v>95</v>
      </c>
      <c r="AK35892">
        <v>95</v>
      </c>
      <c r="AL35892">
        <v>96</v>
      </c>
      <c r="AM35892">
        <v>97</v>
      </c>
      <c r="AN35892">
        <v>97</v>
      </c>
      <c r="AO35892">
        <v>98</v>
      </c>
      <c r="AP35892">
        <v>99</v>
      </c>
      <c r="AQ35892">
        <v>99</v>
      </c>
    </row>
    <row r="35893" spans="1:43">
      <c r="A35893" t="s">
        <v>22253</v>
      </c>
      <c r="B35893" t="s">
        <v>22254</v>
      </c>
      <c r="C35893" t="s">
        <v>22211</v>
      </c>
      <c r="D35893" t="s">
        <v>22212</v>
      </c>
      <c r="E35893" t="s">
        <v>22205</v>
      </c>
      <c r="F35893" t="s">
        <v>22206</v>
      </c>
      <c r="G35893" t="s">
        <v>20255</v>
      </c>
      <c r="H35893" t="s">
        <v>20256</v>
      </c>
      <c r="I35893" s="2">
        <v>1</v>
      </c>
      <c r="J35893" s="2">
        <v>0</v>
      </c>
      <c r="K35893" s="2">
        <v>0</v>
      </c>
      <c r="L35893" t="s">
        <v>120</v>
      </c>
      <c r="M35893" t="s">
        <v>83</v>
      </c>
      <c r="N35893" t="s">
        <v>91</v>
      </c>
      <c r="O35893" t="s">
        <v>85</v>
      </c>
      <c r="P35893" t="s">
        <v>86</v>
      </c>
      <c r="Q35893">
        <v>67</v>
      </c>
      <c r="R35893">
        <v>69</v>
      </c>
      <c r="S35893">
        <v>70</v>
      </c>
      <c r="T35893">
        <v>71</v>
      </c>
      <c r="U35893">
        <v>73</v>
      </c>
      <c r="V35893">
        <v>74</v>
      </c>
      <c r="W35893">
        <v>75</v>
      </c>
      <c r="X35893">
        <v>77</v>
      </c>
      <c r="Y35893">
        <v>78</v>
      </c>
      <c r="Z35893">
        <v>79</v>
      </c>
      <c r="AA35893">
        <v>81</v>
      </c>
      <c r="AB35893">
        <v>82</v>
      </c>
      <c r="AC35893">
        <v>83</v>
      </c>
      <c r="AD35893">
        <v>85</v>
      </c>
      <c r="AE35893">
        <v>86</v>
      </c>
      <c r="AF35893">
        <v>87</v>
      </c>
      <c r="AG35893">
        <v>89</v>
      </c>
      <c r="AH35893">
        <v>90</v>
      </c>
      <c r="AI35893">
        <v>92</v>
      </c>
      <c r="AJ35893">
        <v>93</v>
      </c>
      <c r="AK35893">
        <v>95</v>
      </c>
      <c r="AL35893">
        <v>96</v>
      </c>
      <c r="AM35893">
        <v>96</v>
      </c>
      <c r="AN35893">
        <v>97</v>
      </c>
      <c r="AO35893">
        <v>98</v>
      </c>
      <c r="AP35893">
        <v>99</v>
      </c>
      <c r="AQ35893">
        <v>99</v>
      </c>
    </row>
    <row r="35894" spans="1:43">
      <c r="A35894" t="s">
        <v>22255</v>
      </c>
      <c r="B35894" t="s">
        <v>22256</v>
      </c>
      <c r="C35894" t="s">
        <v>22211</v>
      </c>
      <c r="D35894" t="s">
        <v>22212</v>
      </c>
      <c r="E35894" t="s">
        <v>22205</v>
      </c>
      <c r="F35894" t="s">
        <v>22206</v>
      </c>
      <c r="G35894" t="s">
        <v>20255</v>
      </c>
      <c r="H35894" t="s">
        <v>20256</v>
      </c>
      <c r="I35894" s="2">
        <v>1</v>
      </c>
      <c r="J35894" s="2">
        <v>0</v>
      </c>
      <c r="K35894" s="2">
        <v>0</v>
      </c>
      <c r="L35894" t="s">
        <v>120</v>
      </c>
      <c r="M35894" t="s">
        <v>83</v>
      </c>
      <c r="N35894" t="s">
        <v>84</v>
      </c>
      <c r="O35894" t="s">
        <v>85</v>
      </c>
      <c r="P35894" t="s">
        <v>86</v>
      </c>
      <c r="Q35894">
        <v>38</v>
      </c>
      <c r="R35894">
        <v>39</v>
      </c>
      <c r="S35894">
        <v>40</v>
      </c>
      <c r="T35894">
        <v>40</v>
      </c>
      <c r="U35894">
        <v>41</v>
      </c>
      <c r="V35894">
        <v>42</v>
      </c>
      <c r="W35894">
        <v>43</v>
      </c>
      <c r="X35894">
        <v>43</v>
      </c>
      <c r="Y35894">
        <v>44</v>
      </c>
      <c r="Z35894">
        <v>45</v>
      </c>
      <c r="AA35894">
        <v>46</v>
      </c>
      <c r="AB35894">
        <v>47</v>
      </c>
      <c r="AC35894">
        <v>47</v>
      </c>
      <c r="AD35894">
        <v>48</v>
      </c>
      <c r="AE35894">
        <v>49</v>
      </c>
      <c r="AF35894">
        <v>50</v>
      </c>
      <c r="AG35894">
        <v>50</v>
      </c>
      <c r="AH35894">
        <v>51</v>
      </c>
      <c r="AI35894">
        <v>52</v>
      </c>
      <c r="AJ35894">
        <v>53</v>
      </c>
      <c r="AK35894">
        <v>54</v>
      </c>
      <c r="AL35894">
        <v>54</v>
      </c>
      <c r="AM35894">
        <v>55</v>
      </c>
      <c r="AN35894">
        <v>55</v>
      </c>
      <c r="AO35894">
        <v>56</v>
      </c>
      <c r="AP35894">
        <v>56</v>
      </c>
      <c r="AQ35894">
        <v>56</v>
      </c>
    </row>
    <row r="35895" spans="1:43">
      <c r="A35895" t="s">
        <v>22255</v>
      </c>
      <c r="B35895" t="s">
        <v>22256</v>
      </c>
      <c r="C35895" t="s">
        <v>22211</v>
      </c>
      <c r="D35895" t="s">
        <v>22212</v>
      </c>
      <c r="E35895" t="s">
        <v>22205</v>
      </c>
      <c r="F35895" t="s">
        <v>22206</v>
      </c>
      <c r="G35895" t="s">
        <v>20255</v>
      </c>
      <c r="H35895" t="s">
        <v>20256</v>
      </c>
      <c r="I35895" s="2">
        <v>1</v>
      </c>
      <c r="J35895" s="2">
        <v>0</v>
      </c>
      <c r="K35895" s="2">
        <v>0</v>
      </c>
      <c r="L35895" t="s">
        <v>120</v>
      </c>
      <c r="M35895" t="s">
        <v>87</v>
      </c>
      <c r="N35895" t="s">
        <v>88</v>
      </c>
      <c r="O35895" t="s">
        <v>85</v>
      </c>
      <c r="P35895" t="s">
        <v>86</v>
      </c>
      <c r="Q35895">
        <v>38</v>
      </c>
      <c r="R35895">
        <v>38</v>
      </c>
      <c r="S35895">
        <v>39</v>
      </c>
      <c r="T35895">
        <v>39</v>
      </c>
      <c r="U35895">
        <v>39</v>
      </c>
      <c r="V35895">
        <v>40</v>
      </c>
      <c r="W35895">
        <v>40</v>
      </c>
      <c r="X35895">
        <v>41</v>
      </c>
      <c r="Y35895">
        <v>41</v>
      </c>
      <c r="Z35895">
        <v>41</v>
      </c>
      <c r="AA35895">
        <v>42</v>
      </c>
      <c r="AB35895">
        <v>42</v>
      </c>
      <c r="AC35895">
        <v>43</v>
      </c>
      <c r="AD35895">
        <v>43</v>
      </c>
      <c r="AE35895">
        <v>43</v>
      </c>
      <c r="AF35895">
        <v>44</v>
      </c>
      <c r="AG35895">
        <v>44</v>
      </c>
      <c r="AH35895">
        <v>45</v>
      </c>
      <c r="AI35895">
        <v>45</v>
      </c>
      <c r="AJ35895">
        <v>46</v>
      </c>
      <c r="AK35895">
        <v>46</v>
      </c>
      <c r="AL35895">
        <v>46</v>
      </c>
      <c r="AM35895">
        <v>47</v>
      </c>
      <c r="AN35895">
        <v>47</v>
      </c>
      <c r="AO35895">
        <v>48</v>
      </c>
      <c r="AP35895">
        <v>48</v>
      </c>
      <c r="AQ35895">
        <v>49</v>
      </c>
    </row>
    <row r="35896" spans="1:43">
      <c r="A35896" t="s">
        <v>22255</v>
      </c>
      <c r="B35896" t="s">
        <v>22256</v>
      </c>
      <c r="C35896" t="s">
        <v>22211</v>
      </c>
      <c r="D35896" t="s">
        <v>22212</v>
      </c>
      <c r="E35896" t="s">
        <v>22205</v>
      </c>
      <c r="F35896" t="s">
        <v>22206</v>
      </c>
      <c r="G35896" t="s">
        <v>20255</v>
      </c>
      <c r="H35896" t="s">
        <v>20256</v>
      </c>
      <c r="I35896" s="2">
        <v>1</v>
      </c>
      <c r="J35896" s="2">
        <v>0</v>
      </c>
      <c r="K35896" s="2">
        <v>0</v>
      </c>
      <c r="L35896" t="s">
        <v>120</v>
      </c>
      <c r="M35896" t="s">
        <v>89</v>
      </c>
      <c r="N35896" t="s">
        <v>90</v>
      </c>
      <c r="O35896" t="s">
        <v>85</v>
      </c>
      <c r="P35896" t="s">
        <v>86</v>
      </c>
      <c r="Q35896">
        <v>38</v>
      </c>
      <c r="R35896">
        <v>39</v>
      </c>
      <c r="S35896">
        <v>40</v>
      </c>
      <c r="T35896">
        <v>41</v>
      </c>
      <c r="U35896">
        <v>42</v>
      </c>
      <c r="V35896">
        <v>43</v>
      </c>
      <c r="W35896">
        <v>44</v>
      </c>
      <c r="X35896">
        <v>45</v>
      </c>
      <c r="Y35896">
        <v>46</v>
      </c>
      <c r="Z35896">
        <v>47</v>
      </c>
      <c r="AA35896">
        <v>48</v>
      </c>
      <c r="AB35896">
        <v>49</v>
      </c>
      <c r="AC35896">
        <v>50</v>
      </c>
      <c r="AD35896">
        <v>51</v>
      </c>
      <c r="AE35896">
        <v>51</v>
      </c>
      <c r="AF35896">
        <v>52</v>
      </c>
      <c r="AG35896">
        <v>52</v>
      </c>
      <c r="AH35896">
        <v>53</v>
      </c>
      <c r="AI35896">
        <v>53</v>
      </c>
      <c r="AJ35896">
        <v>53</v>
      </c>
      <c r="AK35896">
        <v>54</v>
      </c>
      <c r="AL35896">
        <v>54</v>
      </c>
      <c r="AM35896">
        <v>54</v>
      </c>
      <c r="AN35896">
        <v>55</v>
      </c>
      <c r="AO35896">
        <v>55</v>
      </c>
      <c r="AP35896">
        <v>56</v>
      </c>
      <c r="AQ35896">
        <v>56</v>
      </c>
    </row>
    <row r="35897" spans="1:43">
      <c r="A35897" t="s">
        <v>22255</v>
      </c>
      <c r="B35897" t="s">
        <v>22256</v>
      </c>
      <c r="C35897" t="s">
        <v>22211</v>
      </c>
      <c r="D35897" t="s">
        <v>22212</v>
      </c>
      <c r="E35897" t="s">
        <v>22205</v>
      </c>
      <c r="F35897" t="s">
        <v>22206</v>
      </c>
      <c r="G35897" t="s">
        <v>20255</v>
      </c>
      <c r="H35897" t="s">
        <v>20256</v>
      </c>
      <c r="I35897" s="2">
        <v>1</v>
      </c>
      <c r="J35897" s="2">
        <v>0</v>
      </c>
      <c r="K35897" s="2">
        <v>0</v>
      </c>
      <c r="L35897" t="s">
        <v>120</v>
      </c>
      <c r="M35897" t="s">
        <v>83</v>
      </c>
      <c r="N35897" t="s">
        <v>91</v>
      </c>
      <c r="O35897" t="s">
        <v>85</v>
      </c>
      <c r="P35897" t="s">
        <v>86</v>
      </c>
      <c r="Q35897">
        <v>38</v>
      </c>
      <c r="R35897">
        <v>39</v>
      </c>
      <c r="S35897">
        <v>40</v>
      </c>
      <c r="T35897">
        <v>40</v>
      </c>
      <c r="U35897">
        <v>41</v>
      </c>
      <c r="V35897">
        <v>42</v>
      </c>
      <c r="W35897">
        <v>43</v>
      </c>
      <c r="X35897">
        <v>43</v>
      </c>
      <c r="Y35897">
        <v>44</v>
      </c>
      <c r="Z35897">
        <v>45</v>
      </c>
      <c r="AA35897">
        <v>46</v>
      </c>
      <c r="AB35897">
        <v>47</v>
      </c>
      <c r="AC35897">
        <v>47</v>
      </c>
      <c r="AD35897">
        <v>48</v>
      </c>
      <c r="AE35897">
        <v>49</v>
      </c>
      <c r="AF35897">
        <v>50</v>
      </c>
      <c r="AG35897">
        <v>50</v>
      </c>
      <c r="AH35897">
        <v>51</v>
      </c>
      <c r="AI35897">
        <v>52</v>
      </c>
      <c r="AJ35897">
        <v>53</v>
      </c>
      <c r="AK35897">
        <v>54</v>
      </c>
      <c r="AL35897">
        <v>54</v>
      </c>
      <c r="AM35897">
        <v>55</v>
      </c>
      <c r="AN35897">
        <v>55</v>
      </c>
      <c r="AO35897">
        <v>56</v>
      </c>
      <c r="AP35897">
        <v>56</v>
      </c>
      <c r="AQ35897">
        <v>56</v>
      </c>
    </row>
    <row r="35898" spans="1:43">
      <c r="A35898" t="s">
        <v>22257</v>
      </c>
      <c r="B35898" t="s">
        <v>22258</v>
      </c>
      <c r="C35898" t="s">
        <v>22211</v>
      </c>
      <c r="D35898" t="s">
        <v>22212</v>
      </c>
      <c r="E35898" t="s">
        <v>22205</v>
      </c>
      <c r="F35898" t="s">
        <v>22206</v>
      </c>
      <c r="G35898" t="s">
        <v>20255</v>
      </c>
      <c r="H35898" t="s">
        <v>20256</v>
      </c>
      <c r="I35898" s="2">
        <v>1</v>
      </c>
      <c r="J35898" s="2">
        <v>0</v>
      </c>
      <c r="K35898" s="2">
        <v>0</v>
      </c>
      <c r="L35898" t="s">
        <v>120</v>
      </c>
      <c r="M35898" t="s">
        <v>83</v>
      </c>
      <c r="N35898" t="s">
        <v>84</v>
      </c>
      <c r="O35898" t="s">
        <v>85</v>
      </c>
      <c r="P35898" t="s">
        <v>86</v>
      </c>
      <c r="Q35898">
        <v>30</v>
      </c>
      <c r="R35898">
        <v>30</v>
      </c>
      <c r="S35898">
        <v>30</v>
      </c>
      <c r="T35898">
        <v>31</v>
      </c>
      <c r="U35898">
        <v>31</v>
      </c>
      <c r="V35898">
        <v>32</v>
      </c>
      <c r="W35898">
        <v>32</v>
      </c>
      <c r="X35898">
        <v>32</v>
      </c>
      <c r="Y35898">
        <v>33</v>
      </c>
      <c r="Z35898">
        <v>33</v>
      </c>
      <c r="AA35898">
        <v>33</v>
      </c>
      <c r="AB35898">
        <v>34</v>
      </c>
      <c r="AC35898">
        <v>34</v>
      </c>
      <c r="AD35898">
        <v>34</v>
      </c>
      <c r="AE35898">
        <v>35</v>
      </c>
      <c r="AF35898">
        <v>35</v>
      </c>
      <c r="AG35898">
        <v>36</v>
      </c>
      <c r="AH35898">
        <v>36</v>
      </c>
      <c r="AI35898">
        <v>36</v>
      </c>
      <c r="AJ35898">
        <v>37</v>
      </c>
      <c r="AK35898">
        <v>37</v>
      </c>
      <c r="AL35898">
        <v>37</v>
      </c>
      <c r="AM35898">
        <v>37</v>
      </c>
      <c r="AN35898">
        <v>37</v>
      </c>
      <c r="AO35898">
        <v>37</v>
      </c>
      <c r="AP35898">
        <v>37</v>
      </c>
      <c r="AQ35898">
        <v>37</v>
      </c>
    </row>
    <row r="35899" spans="1:43">
      <c r="A35899" t="s">
        <v>22257</v>
      </c>
      <c r="B35899" t="s">
        <v>22258</v>
      </c>
      <c r="C35899" t="s">
        <v>22211</v>
      </c>
      <c r="D35899" t="s">
        <v>22212</v>
      </c>
      <c r="E35899" t="s">
        <v>22205</v>
      </c>
      <c r="F35899" t="s">
        <v>22206</v>
      </c>
      <c r="G35899" t="s">
        <v>20255</v>
      </c>
      <c r="H35899" t="s">
        <v>20256</v>
      </c>
      <c r="I35899" s="2">
        <v>1</v>
      </c>
      <c r="J35899" s="2">
        <v>0</v>
      </c>
      <c r="K35899" s="2">
        <v>0</v>
      </c>
      <c r="L35899" t="s">
        <v>120</v>
      </c>
      <c r="M35899" t="s">
        <v>87</v>
      </c>
      <c r="N35899" t="s">
        <v>88</v>
      </c>
      <c r="O35899" t="s">
        <v>85</v>
      </c>
      <c r="P35899" t="s">
        <v>86</v>
      </c>
      <c r="Q35899">
        <v>30</v>
      </c>
      <c r="R35899">
        <v>30</v>
      </c>
      <c r="S35899">
        <v>31</v>
      </c>
      <c r="T35899">
        <v>31</v>
      </c>
      <c r="U35899">
        <v>31</v>
      </c>
      <c r="V35899">
        <v>31</v>
      </c>
      <c r="W35899">
        <v>31</v>
      </c>
      <c r="X35899">
        <v>31</v>
      </c>
      <c r="Y35899">
        <v>31</v>
      </c>
      <c r="Z35899">
        <v>31</v>
      </c>
      <c r="AA35899">
        <v>31</v>
      </c>
      <c r="AB35899">
        <v>32</v>
      </c>
      <c r="AC35899">
        <v>32</v>
      </c>
      <c r="AD35899">
        <v>32</v>
      </c>
      <c r="AE35899">
        <v>32</v>
      </c>
      <c r="AF35899">
        <v>32</v>
      </c>
      <c r="AG35899">
        <v>32</v>
      </c>
      <c r="AH35899">
        <v>32</v>
      </c>
      <c r="AI35899">
        <v>32</v>
      </c>
      <c r="AJ35899">
        <v>32</v>
      </c>
      <c r="AK35899">
        <v>33</v>
      </c>
      <c r="AL35899">
        <v>33</v>
      </c>
      <c r="AM35899">
        <v>33</v>
      </c>
      <c r="AN35899">
        <v>33</v>
      </c>
      <c r="AO35899">
        <v>33</v>
      </c>
      <c r="AP35899">
        <v>33</v>
      </c>
      <c r="AQ35899">
        <v>33</v>
      </c>
    </row>
    <row r="35900" spans="1:43">
      <c r="A35900" t="s">
        <v>22257</v>
      </c>
      <c r="B35900" t="s">
        <v>22258</v>
      </c>
      <c r="C35900" t="s">
        <v>22211</v>
      </c>
      <c r="D35900" t="s">
        <v>22212</v>
      </c>
      <c r="E35900" t="s">
        <v>22205</v>
      </c>
      <c r="F35900" t="s">
        <v>22206</v>
      </c>
      <c r="G35900" t="s">
        <v>20255</v>
      </c>
      <c r="H35900" t="s">
        <v>20256</v>
      </c>
      <c r="I35900" s="2">
        <v>1</v>
      </c>
      <c r="J35900" s="2">
        <v>0</v>
      </c>
      <c r="K35900" s="2">
        <v>0</v>
      </c>
      <c r="L35900" t="s">
        <v>120</v>
      </c>
      <c r="M35900" t="s">
        <v>89</v>
      </c>
      <c r="N35900" t="s">
        <v>90</v>
      </c>
      <c r="O35900" t="s">
        <v>85</v>
      </c>
      <c r="P35900" t="s">
        <v>86</v>
      </c>
      <c r="Q35900">
        <v>30</v>
      </c>
      <c r="R35900">
        <v>31</v>
      </c>
      <c r="S35900">
        <v>31</v>
      </c>
      <c r="T35900">
        <v>32</v>
      </c>
      <c r="U35900">
        <v>32</v>
      </c>
      <c r="V35900">
        <v>33</v>
      </c>
      <c r="W35900">
        <v>34</v>
      </c>
      <c r="X35900">
        <v>34</v>
      </c>
      <c r="Y35900">
        <v>35</v>
      </c>
      <c r="Z35900">
        <v>35</v>
      </c>
      <c r="AA35900">
        <v>36</v>
      </c>
      <c r="AB35900">
        <v>36</v>
      </c>
      <c r="AC35900">
        <v>37</v>
      </c>
      <c r="AD35900">
        <v>37</v>
      </c>
      <c r="AE35900">
        <v>37</v>
      </c>
      <c r="AF35900">
        <v>37</v>
      </c>
      <c r="AG35900">
        <v>37</v>
      </c>
      <c r="AH35900">
        <v>37</v>
      </c>
      <c r="AI35900">
        <v>37</v>
      </c>
      <c r="AJ35900">
        <v>37</v>
      </c>
      <c r="AK35900">
        <v>38</v>
      </c>
      <c r="AL35900">
        <v>38</v>
      </c>
      <c r="AM35900">
        <v>38</v>
      </c>
      <c r="AN35900">
        <v>38</v>
      </c>
      <c r="AO35900">
        <v>38</v>
      </c>
      <c r="AP35900">
        <v>38</v>
      </c>
      <c r="AQ35900">
        <v>38</v>
      </c>
    </row>
    <row r="35901" spans="1:43">
      <c r="A35901" t="s">
        <v>22257</v>
      </c>
      <c r="B35901" t="s">
        <v>22258</v>
      </c>
      <c r="C35901" t="s">
        <v>22211</v>
      </c>
      <c r="D35901" t="s">
        <v>22212</v>
      </c>
      <c r="E35901" t="s">
        <v>22205</v>
      </c>
      <c r="F35901" t="s">
        <v>22206</v>
      </c>
      <c r="G35901" t="s">
        <v>20255</v>
      </c>
      <c r="H35901" t="s">
        <v>20256</v>
      </c>
      <c r="I35901" s="2">
        <v>1</v>
      </c>
      <c r="J35901" s="2">
        <v>0</v>
      </c>
      <c r="K35901" s="2">
        <v>0</v>
      </c>
      <c r="L35901" t="s">
        <v>120</v>
      </c>
      <c r="M35901" t="s">
        <v>83</v>
      </c>
      <c r="N35901" t="s">
        <v>91</v>
      </c>
      <c r="O35901" t="s">
        <v>85</v>
      </c>
      <c r="P35901" t="s">
        <v>86</v>
      </c>
      <c r="Q35901">
        <v>30</v>
      </c>
      <c r="R35901">
        <v>30</v>
      </c>
      <c r="S35901">
        <v>30</v>
      </c>
      <c r="T35901">
        <v>31</v>
      </c>
      <c r="U35901">
        <v>31</v>
      </c>
      <c r="V35901">
        <v>32</v>
      </c>
      <c r="W35901">
        <v>32</v>
      </c>
      <c r="X35901">
        <v>32</v>
      </c>
      <c r="Y35901">
        <v>33</v>
      </c>
      <c r="Z35901">
        <v>33</v>
      </c>
      <c r="AA35901">
        <v>33</v>
      </c>
      <c r="AB35901">
        <v>34</v>
      </c>
      <c r="AC35901">
        <v>34</v>
      </c>
      <c r="AD35901">
        <v>34</v>
      </c>
      <c r="AE35901">
        <v>35</v>
      </c>
      <c r="AF35901">
        <v>35</v>
      </c>
      <c r="AG35901">
        <v>36</v>
      </c>
      <c r="AH35901">
        <v>36</v>
      </c>
      <c r="AI35901">
        <v>36</v>
      </c>
      <c r="AJ35901">
        <v>37</v>
      </c>
      <c r="AK35901">
        <v>37</v>
      </c>
      <c r="AL35901">
        <v>37</v>
      </c>
      <c r="AM35901">
        <v>37</v>
      </c>
      <c r="AN35901">
        <v>37</v>
      </c>
      <c r="AO35901">
        <v>37</v>
      </c>
      <c r="AP35901">
        <v>37</v>
      </c>
      <c r="AQ35901">
        <v>37</v>
      </c>
    </row>
    <row r="35902" spans="1:43">
      <c r="A35902" t="s">
        <v>22259</v>
      </c>
      <c r="B35902" t="s">
        <v>22260</v>
      </c>
      <c r="C35902" t="s">
        <v>22261</v>
      </c>
      <c r="D35902" t="s">
        <v>22262</v>
      </c>
      <c r="E35902" t="s">
        <v>22205</v>
      </c>
      <c r="F35902" t="s">
        <v>22206</v>
      </c>
      <c r="G35902" t="s">
        <v>20255</v>
      </c>
      <c r="H35902" t="s">
        <v>20256</v>
      </c>
      <c r="I35902" s="2">
        <v>1</v>
      </c>
      <c r="J35902" s="2">
        <v>0</v>
      </c>
      <c r="K35902" s="2">
        <v>0</v>
      </c>
      <c r="L35902" t="s">
        <v>120</v>
      </c>
      <c r="M35902" t="s">
        <v>83</v>
      </c>
      <c r="N35902" t="s">
        <v>84</v>
      </c>
      <c r="O35902" t="s">
        <v>85</v>
      </c>
      <c r="P35902" t="s">
        <v>86</v>
      </c>
      <c r="Q35902">
        <v>36</v>
      </c>
      <c r="R35902">
        <v>36</v>
      </c>
      <c r="S35902">
        <v>37</v>
      </c>
      <c r="T35902">
        <v>38</v>
      </c>
      <c r="U35902">
        <v>38</v>
      </c>
      <c r="V35902">
        <v>39</v>
      </c>
      <c r="W35902">
        <v>40</v>
      </c>
      <c r="X35902">
        <v>41</v>
      </c>
      <c r="Y35902">
        <v>41</v>
      </c>
      <c r="Z35902">
        <v>42</v>
      </c>
      <c r="AA35902">
        <v>43</v>
      </c>
      <c r="AB35902">
        <v>43</v>
      </c>
      <c r="AC35902">
        <v>44</v>
      </c>
      <c r="AD35902">
        <v>45</v>
      </c>
      <c r="AE35902">
        <v>45</v>
      </c>
      <c r="AF35902">
        <v>46</v>
      </c>
      <c r="AG35902">
        <v>47</v>
      </c>
      <c r="AH35902">
        <v>48</v>
      </c>
      <c r="AI35902">
        <v>49</v>
      </c>
      <c r="AJ35902">
        <v>49</v>
      </c>
      <c r="AK35902">
        <v>50</v>
      </c>
      <c r="AL35902">
        <v>51</v>
      </c>
      <c r="AM35902">
        <v>51</v>
      </c>
      <c r="AN35902">
        <v>51</v>
      </c>
      <c r="AO35902">
        <v>52</v>
      </c>
      <c r="AP35902">
        <v>52</v>
      </c>
      <c r="AQ35902">
        <v>52</v>
      </c>
    </row>
    <row r="35903" spans="1:43">
      <c r="A35903" t="s">
        <v>22259</v>
      </c>
      <c r="B35903" t="s">
        <v>22260</v>
      </c>
      <c r="C35903" t="s">
        <v>22261</v>
      </c>
      <c r="D35903" t="s">
        <v>22262</v>
      </c>
      <c r="E35903" t="s">
        <v>22205</v>
      </c>
      <c r="F35903" t="s">
        <v>22206</v>
      </c>
      <c r="G35903" t="s">
        <v>20255</v>
      </c>
      <c r="H35903" t="s">
        <v>20256</v>
      </c>
      <c r="I35903" s="2">
        <v>1</v>
      </c>
      <c r="J35903" s="2">
        <v>0</v>
      </c>
      <c r="K35903" s="2">
        <v>0</v>
      </c>
      <c r="L35903" t="s">
        <v>120</v>
      </c>
      <c r="M35903" t="s">
        <v>87</v>
      </c>
      <c r="N35903" t="s">
        <v>88</v>
      </c>
      <c r="O35903" t="s">
        <v>85</v>
      </c>
      <c r="P35903" t="s">
        <v>86</v>
      </c>
      <c r="Q35903">
        <v>36</v>
      </c>
      <c r="R35903">
        <v>37</v>
      </c>
      <c r="S35903">
        <v>37</v>
      </c>
      <c r="T35903">
        <v>37</v>
      </c>
      <c r="U35903">
        <v>38</v>
      </c>
      <c r="V35903">
        <v>38</v>
      </c>
      <c r="W35903">
        <v>38</v>
      </c>
      <c r="X35903">
        <v>39</v>
      </c>
      <c r="Y35903">
        <v>39</v>
      </c>
      <c r="Z35903">
        <v>39</v>
      </c>
      <c r="AA35903">
        <v>40</v>
      </c>
      <c r="AB35903">
        <v>40</v>
      </c>
      <c r="AC35903">
        <v>41</v>
      </c>
      <c r="AD35903">
        <v>41</v>
      </c>
      <c r="AE35903">
        <v>41</v>
      </c>
      <c r="AF35903">
        <v>42</v>
      </c>
      <c r="AG35903">
        <v>42</v>
      </c>
      <c r="AH35903">
        <v>42</v>
      </c>
      <c r="AI35903">
        <v>43</v>
      </c>
      <c r="AJ35903">
        <v>43</v>
      </c>
      <c r="AK35903">
        <v>44</v>
      </c>
      <c r="AL35903">
        <v>44</v>
      </c>
      <c r="AM35903">
        <v>44</v>
      </c>
      <c r="AN35903">
        <v>45</v>
      </c>
      <c r="AO35903">
        <v>45</v>
      </c>
      <c r="AP35903">
        <v>46</v>
      </c>
      <c r="AQ35903">
        <v>46</v>
      </c>
    </row>
    <row r="35904" spans="1:43">
      <c r="A35904" t="s">
        <v>22259</v>
      </c>
      <c r="B35904" t="s">
        <v>22260</v>
      </c>
      <c r="C35904" t="s">
        <v>22261</v>
      </c>
      <c r="D35904" t="s">
        <v>22262</v>
      </c>
      <c r="E35904" t="s">
        <v>22205</v>
      </c>
      <c r="F35904" t="s">
        <v>22206</v>
      </c>
      <c r="G35904" t="s">
        <v>20255</v>
      </c>
      <c r="H35904" t="s">
        <v>20256</v>
      </c>
      <c r="I35904" s="2">
        <v>1</v>
      </c>
      <c r="J35904" s="2">
        <v>0</v>
      </c>
      <c r="K35904" s="2">
        <v>0</v>
      </c>
      <c r="L35904" t="s">
        <v>120</v>
      </c>
      <c r="M35904" t="s">
        <v>89</v>
      </c>
      <c r="N35904" t="s">
        <v>90</v>
      </c>
      <c r="O35904" t="s">
        <v>85</v>
      </c>
      <c r="P35904" t="s">
        <v>86</v>
      </c>
      <c r="Q35904">
        <v>36</v>
      </c>
      <c r="R35904">
        <v>37</v>
      </c>
      <c r="S35904">
        <v>38</v>
      </c>
      <c r="T35904">
        <v>39</v>
      </c>
      <c r="U35904">
        <v>40</v>
      </c>
      <c r="V35904">
        <v>41</v>
      </c>
      <c r="W35904">
        <v>42</v>
      </c>
      <c r="X35904">
        <v>43</v>
      </c>
      <c r="Y35904">
        <v>44</v>
      </c>
      <c r="Z35904">
        <v>45</v>
      </c>
      <c r="AA35904">
        <v>45</v>
      </c>
      <c r="AB35904">
        <v>46</v>
      </c>
      <c r="AC35904">
        <v>47</v>
      </c>
      <c r="AD35904">
        <v>48</v>
      </c>
      <c r="AE35904">
        <v>49</v>
      </c>
      <c r="AF35904">
        <v>49</v>
      </c>
      <c r="AG35904">
        <v>50</v>
      </c>
      <c r="AH35904">
        <v>50</v>
      </c>
      <c r="AI35904">
        <v>50</v>
      </c>
      <c r="AJ35904">
        <v>50</v>
      </c>
      <c r="AK35904">
        <v>51</v>
      </c>
      <c r="AL35904">
        <v>51</v>
      </c>
      <c r="AM35904">
        <v>51</v>
      </c>
      <c r="AN35904">
        <v>52</v>
      </c>
      <c r="AO35904">
        <v>52</v>
      </c>
      <c r="AP35904">
        <v>52</v>
      </c>
      <c r="AQ35904">
        <v>53</v>
      </c>
    </row>
    <row r="35905" spans="1:43">
      <c r="A35905" t="s">
        <v>22259</v>
      </c>
      <c r="B35905" t="s">
        <v>22260</v>
      </c>
      <c r="C35905" t="s">
        <v>22261</v>
      </c>
      <c r="D35905" t="s">
        <v>22262</v>
      </c>
      <c r="E35905" t="s">
        <v>22205</v>
      </c>
      <c r="F35905" t="s">
        <v>22206</v>
      </c>
      <c r="G35905" t="s">
        <v>20255</v>
      </c>
      <c r="H35905" t="s">
        <v>20256</v>
      </c>
      <c r="I35905" s="2">
        <v>1</v>
      </c>
      <c r="J35905" s="2">
        <v>0</v>
      </c>
      <c r="K35905" s="2">
        <v>0</v>
      </c>
      <c r="L35905" t="s">
        <v>120</v>
      </c>
      <c r="M35905" t="s">
        <v>83</v>
      </c>
      <c r="N35905" t="s">
        <v>91</v>
      </c>
      <c r="O35905" t="s">
        <v>85</v>
      </c>
      <c r="P35905" t="s">
        <v>86</v>
      </c>
      <c r="Q35905">
        <v>36</v>
      </c>
      <c r="R35905">
        <v>36</v>
      </c>
      <c r="S35905">
        <v>37</v>
      </c>
      <c r="T35905">
        <v>38</v>
      </c>
      <c r="U35905">
        <v>38</v>
      </c>
      <c r="V35905">
        <v>39</v>
      </c>
      <c r="W35905">
        <v>40</v>
      </c>
      <c r="X35905">
        <v>41</v>
      </c>
      <c r="Y35905">
        <v>41</v>
      </c>
      <c r="Z35905">
        <v>42</v>
      </c>
      <c r="AA35905">
        <v>43</v>
      </c>
      <c r="AB35905">
        <v>43</v>
      </c>
      <c r="AC35905">
        <v>44</v>
      </c>
      <c r="AD35905">
        <v>45</v>
      </c>
      <c r="AE35905">
        <v>45</v>
      </c>
      <c r="AF35905">
        <v>46</v>
      </c>
      <c r="AG35905">
        <v>47</v>
      </c>
      <c r="AH35905">
        <v>48</v>
      </c>
      <c r="AI35905">
        <v>49</v>
      </c>
      <c r="AJ35905">
        <v>49</v>
      </c>
      <c r="AK35905">
        <v>50</v>
      </c>
      <c r="AL35905">
        <v>51</v>
      </c>
      <c r="AM35905">
        <v>51</v>
      </c>
      <c r="AN35905">
        <v>51</v>
      </c>
      <c r="AO35905">
        <v>52</v>
      </c>
      <c r="AP35905">
        <v>52</v>
      </c>
      <c r="AQ35905">
        <v>52</v>
      </c>
    </row>
    <row r="35906" spans="1:43">
      <c r="A35906" t="s">
        <v>22263</v>
      </c>
      <c r="B35906" t="s">
        <v>22264</v>
      </c>
      <c r="C35906" t="s">
        <v>22211</v>
      </c>
      <c r="D35906" t="s">
        <v>22212</v>
      </c>
      <c r="E35906" t="s">
        <v>22205</v>
      </c>
      <c r="F35906" t="s">
        <v>22206</v>
      </c>
      <c r="G35906" t="s">
        <v>20255</v>
      </c>
      <c r="H35906" t="s">
        <v>20256</v>
      </c>
      <c r="I35906" s="2">
        <v>1</v>
      </c>
      <c r="J35906" s="2">
        <v>0</v>
      </c>
      <c r="K35906" s="2">
        <v>0</v>
      </c>
      <c r="L35906" t="s">
        <v>120</v>
      </c>
      <c r="M35906" t="s">
        <v>83</v>
      </c>
      <c r="N35906" t="s">
        <v>84</v>
      </c>
      <c r="O35906" t="s">
        <v>85</v>
      </c>
      <c r="P35906" t="s">
        <v>86</v>
      </c>
      <c r="Q35906">
        <v>77</v>
      </c>
      <c r="R35906">
        <v>78</v>
      </c>
      <c r="S35906">
        <v>80</v>
      </c>
      <c r="T35906">
        <v>81</v>
      </c>
      <c r="U35906">
        <v>83</v>
      </c>
      <c r="V35906">
        <v>84</v>
      </c>
      <c r="W35906">
        <v>86</v>
      </c>
      <c r="X35906">
        <v>87</v>
      </c>
      <c r="Y35906">
        <v>89</v>
      </c>
      <c r="Z35906">
        <v>90</v>
      </c>
      <c r="AA35906">
        <v>92</v>
      </c>
      <c r="AB35906">
        <v>94</v>
      </c>
      <c r="AC35906">
        <v>95</v>
      </c>
      <c r="AD35906">
        <v>97</v>
      </c>
      <c r="AE35906">
        <v>98</v>
      </c>
      <c r="AF35906">
        <v>100</v>
      </c>
      <c r="AG35906">
        <v>102</v>
      </c>
      <c r="AH35906">
        <v>103</v>
      </c>
      <c r="AI35906">
        <v>105</v>
      </c>
      <c r="AJ35906">
        <v>107</v>
      </c>
      <c r="AK35906">
        <v>108</v>
      </c>
      <c r="AL35906">
        <v>109</v>
      </c>
      <c r="AM35906">
        <v>110</v>
      </c>
      <c r="AN35906">
        <v>111</v>
      </c>
      <c r="AO35906">
        <v>112</v>
      </c>
      <c r="AP35906">
        <v>113</v>
      </c>
      <c r="AQ35906">
        <v>114</v>
      </c>
    </row>
    <row r="35907" spans="1:43">
      <c r="A35907" t="s">
        <v>22263</v>
      </c>
      <c r="B35907" t="s">
        <v>22264</v>
      </c>
      <c r="C35907" t="s">
        <v>22211</v>
      </c>
      <c r="D35907" t="s">
        <v>22212</v>
      </c>
      <c r="E35907" t="s">
        <v>22205</v>
      </c>
      <c r="F35907" t="s">
        <v>22206</v>
      </c>
      <c r="G35907" t="s">
        <v>20255</v>
      </c>
      <c r="H35907" t="s">
        <v>20256</v>
      </c>
      <c r="I35907" s="2">
        <v>1</v>
      </c>
      <c r="J35907" s="2">
        <v>0</v>
      </c>
      <c r="K35907" s="2">
        <v>0</v>
      </c>
      <c r="L35907" t="s">
        <v>120</v>
      </c>
      <c r="M35907" t="s">
        <v>87</v>
      </c>
      <c r="N35907" t="s">
        <v>88</v>
      </c>
      <c r="O35907" t="s">
        <v>85</v>
      </c>
      <c r="P35907" t="s">
        <v>86</v>
      </c>
      <c r="Q35907">
        <v>77</v>
      </c>
      <c r="R35907">
        <v>78</v>
      </c>
      <c r="S35907">
        <v>79</v>
      </c>
      <c r="T35907">
        <v>79</v>
      </c>
      <c r="U35907">
        <v>80</v>
      </c>
      <c r="V35907">
        <v>81</v>
      </c>
      <c r="W35907">
        <v>82</v>
      </c>
      <c r="X35907">
        <v>82</v>
      </c>
      <c r="Y35907">
        <v>83</v>
      </c>
      <c r="Z35907">
        <v>84</v>
      </c>
      <c r="AA35907">
        <v>85</v>
      </c>
      <c r="AB35907">
        <v>86</v>
      </c>
      <c r="AC35907">
        <v>87</v>
      </c>
      <c r="AD35907">
        <v>87</v>
      </c>
      <c r="AE35907">
        <v>88</v>
      </c>
      <c r="AF35907">
        <v>89</v>
      </c>
      <c r="AG35907">
        <v>90</v>
      </c>
      <c r="AH35907">
        <v>91</v>
      </c>
      <c r="AI35907">
        <v>92</v>
      </c>
      <c r="AJ35907">
        <v>93</v>
      </c>
      <c r="AK35907">
        <v>93</v>
      </c>
      <c r="AL35907">
        <v>94</v>
      </c>
      <c r="AM35907">
        <v>95</v>
      </c>
      <c r="AN35907">
        <v>96</v>
      </c>
      <c r="AO35907">
        <v>97</v>
      </c>
      <c r="AP35907">
        <v>98</v>
      </c>
      <c r="AQ35907">
        <v>99</v>
      </c>
    </row>
    <row r="35908" spans="1:43">
      <c r="A35908" t="s">
        <v>22263</v>
      </c>
      <c r="B35908" t="s">
        <v>22264</v>
      </c>
      <c r="C35908" t="s">
        <v>22211</v>
      </c>
      <c r="D35908" t="s">
        <v>22212</v>
      </c>
      <c r="E35908" t="s">
        <v>22205</v>
      </c>
      <c r="F35908" t="s">
        <v>22206</v>
      </c>
      <c r="G35908" t="s">
        <v>20255</v>
      </c>
      <c r="H35908" t="s">
        <v>20256</v>
      </c>
      <c r="I35908" s="2">
        <v>1</v>
      </c>
      <c r="J35908" s="2">
        <v>0</v>
      </c>
      <c r="K35908" s="2">
        <v>0</v>
      </c>
      <c r="L35908" t="s">
        <v>120</v>
      </c>
      <c r="M35908" t="s">
        <v>89</v>
      </c>
      <c r="N35908" t="s">
        <v>90</v>
      </c>
      <c r="O35908" t="s">
        <v>85</v>
      </c>
      <c r="P35908" t="s">
        <v>86</v>
      </c>
      <c r="Q35908">
        <v>77</v>
      </c>
      <c r="R35908">
        <v>80</v>
      </c>
      <c r="S35908">
        <v>82</v>
      </c>
      <c r="T35908">
        <v>84</v>
      </c>
      <c r="U35908">
        <v>86</v>
      </c>
      <c r="V35908">
        <v>88</v>
      </c>
      <c r="W35908">
        <v>90</v>
      </c>
      <c r="X35908">
        <v>92</v>
      </c>
      <c r="Y35908">
        <v>94</v>
      </c>
      <c r="Z35908">
        <v>96</v>
      </c>
      <c r="AA35908">
        <v>98</v>
      </c>
      <c r="AB35908">
        <v>100</v>
      </c>
      <c r="AC35908">
        <v>102</v>
      </c>
      <c r="AD35908">
        <v>104</v>
      </c>
      <c r="AE35908">
        <v>106</v>
      </c>
      <c r="AF35908">
        <v>106</v>
      </c>
      <c r="AG35908">
        <v>107</v>
      </c>
      <c r="AH35908">
        <v>108</v>
      </c>
      <c r="AI35908">
        <v>109</v>
      </c>
      <c r="AJ35908">
        <v>109</v>
      </c>
      <c r="AK35908">
        <v>110</v>
      </c>
      <c r="AL35908">
        <v>111</v>
      </c>
      <c r="AM35908">
        <v>112</v>
      </c>
      <c r="AN35908">
        <v>113</v>
      </c>
      <c r="AO35908">
        <v>113</v>
      </c>
      <c r="AP35908">
        <v>114</v>
      </c>
      <c r="AQ35908">
        <v>115</v>
      </c>
    </row>
    <row r="35909" spans="1:43">
      <c r="A35909" t="s">
        <v>22263</v>
      </c>
      <c r="B35909" t="s">
        <v>22264</v>
      </c>
      <c r="C35909" t="s">
        <v>22211</v>
      </c>
      <c r="D35909" t="s">
        <v>22212</v>
      </c>
      <c r="E35909" t="s">
        <v>22205</v>
      </c>
      <c r="F35909" t="s">
        <v>22206</v>
      </c>
      <c r="G35909" t="s">
        <v>20255</v>
      </c>
      <c r="H35909" t="s">
        <v>20256</v>
      </c>
      <c r="I35909" s="2">
        <v>1</v>
      </c>
      <c r="J35909" s="2">
        <v>0</v>
      </c>
      <c r="K35909" s="2">
        <v>0</v>
      </c>
      <c r="L35909" t="s">
        <v>120</v>
      </c>
      <c r="M35909" t="s">
        <v>83</v>
      </c>
      <c r="N35909" t="s">
        <v>91</v>
      </c>
      <c r="O35909" t="s">
        <v>85</v>
      </c>
      <c r="P35909" t="s">
        <v>86</v>
      </c>
      <c r="Q35909">
        <v>77</v>
      </c>
      <c r="R35909">
        <v>78</v>
      </c>
      <c r="S35909">
        <v>80</v>
      </c>
      <c r="T35909">
        <v>81</v>
      </c>
      <c r="U35909">
        <v>83</v>
      </c>
      <c r="V35909">
        <v>84</v>
      </c>
      <c r="W35909">
        <v>86</v>
      </c>
      <c r="X35909">
        <v>87</v>
      </c>
      <c r="Y35909">
        <v>89</v>
      </c>
      <c r="Z35909">
        <v>90</v>
      </c>
      <c r="AA35909">
        <v>92</v>
      </c>
      <c r="AB35909">
        <v>94</v>
      </c>
      <c r="AC35909">
        <v>95</v>
      </c>
      <c r="AD35909">
        <v>97</v>
      </c>
      <c r="AE35909">
        <v>98</v>
      </c>
      <c r="AF35909">
        <v>100</v>
      </c>
      <c r="AG35909">
        <v>102</v>
      </c>
      <c r="AH35909">
        <v>103</v>
      </c>
      <c r="AI35909">
        <v>105</v>
      </c>
      <c r="AJ35909">
        <v>107</v>
      </c>
      <c r="AK35909">
        <v>108</v>
      </c>
      <c r="AL35909">
        <v>109</v>
      </c>
      <c r="AM35909">
        <v>110</v>
      </c>
      <c r="AN35909">
        <v>111</v>
      </c>
      <c r="AO35909">
        <v>112</v>
      </c>
      <c r="AP35909">
        <v>113</v>
      </c>
      <c r="AQ35909">
        <v>114</v>
      </c>
    </row>
    <row r="35910" spans="1:43">
      <c r="A35910" t="s">
        <v>22265</v>
      </c>
      <c r="B35910" t="s">
        <v>22266</v>
      </c>
      <c r="C35910" t="s">
        <v>22267</v>
      </c>
      <c r="D35910" t="s">
        <v>22268</v>
      </c>
      <c r="E35910" t="s">
        <v>22205</v>
      </c>
      <c r="F35910" t="s">
        <v>22206</v>
      </c>
      <c r="G35910" t="s">
        <v>20255</v>
      </c>
      <c r="H35910" t="s">
        <v>20256</v>
      </c>
      <c r="I35910" s="2">
        <v>1</v>
      </c>
      <c r="J35910" s="2">
        <v>0</v>
      </c>
      <c r="K35910" s="2">
        <v>0</v>
      </c>
      <c r="L35910" t="s">
        <v>120</v>
      </c>
      <c r="M35910" t="s">
        <v>83</v>
      </c>
      <c r="N35910" t="s">
        <v>84</v>
      </c>
      <c r="O35910" t="s">
        <v>85</v>
      </c>
      <c r="P35910" t="s">
        <v>86</v>
      </c>
      <c r="Q35910">
        <v>8</v>
      </c>
      <c r="R35910">
        <v>8</v>
      </c>
      <c r="S35910">
        <v>8</v>
      </c>
      <c r="T35910">
        <v>8</v>
      </c>
      <c r="U35910">
        <v>8</v>
      </c>
      <c r="V35910">
        <v>8</v>
      </c>
      <c r="W35910">
        <v>8</v>
      </c>
      <c r="X35910">
        <v>9</v>
      </c>
      <c r="Y35910">
        <v>9</v>
      </c>
      <c r="Z35910">
        <v>9</v>
      </c>
      <c r="AA35910">
        <v>9</v>
      </c>
      <c r="AB35910">
        <v>9</v>
      </c>
      <c r="AC35910">
        <v>9</v>
      </c>
      <c r="AD35910">
        <v>10</v>
      </c>
      <c r="AE35910">
        <v>10</v>
      </c>
      <c r="AF35910">
        <v>10</v>
      </c>
      <c r="AG35910">
        <v>10</v>
      </c>
      <c r="AH35910">
        <v>10</v>
      </c>
      <c r="AI35910">
        <v>10</v>
      </c>
      <c r="AJ35910">
        <v>10</v>
      </c>
      <c r="AK35910">
        <v>11</v>
      </c>
      <c r="AL35910">
        <v>11</v>
      </c>
      <c r="AM35910">
        <v>11</v>
      </c>
      <c r="AN35910">
        <v>11</v>
      </c>
      <c r="AO35910">
        <v>11</v>
      </c>
      <c r="AP35910">
        <v>11</v>
      </c>
      <c r="AQ35910">
        <v>11</v>
      </c>
    </row>
    <row r="35911" spans="1:43">
      <c r="A35911" t="s">
        <v>22265</v>
      </c>
      <c r="B35911" t="s">
        <v>22266</v>
      </c>
      <c r="C35911" t="s">
        <v>22267</v>
      </c>
      <c r="D35911" t="s">
        <v>22268</v>
      </c>
      <c r="E35911" t="s">
        <v>22205</v>
      </c>
      <c r="F35911" t="s">
        <v>22206</v>
      </c>
      <c r="G35911" t="s">
        <v>20255</v>
      </c>
      <c r="H35911" t="s">
        <v>20256</v>
      </c>
      <c r="I35911" s="2">
        <v>1</v>
      </c>
      <c r="J35911" s="2">
        <v>0</v>
      </c>
      <c r="K35911" s="2">
        <v>0</v>
      </c>
      <c r="L35911" t="s">
        <v>120</v>
      </c>
      <c r="M35911" t="s">
        <v>87</v>
      </c>
      <c r="N35911" t="s">
        <v>88</v>
      </c>
      <c r="O35911" t="s">
        <v>85</v>
      </c>
      <c r="P35911" t="s">
        <v>86</v>
      </c>
      <c r="Q35911">
        <v>8</v>
      </c>
      <c r="R35911">
        <v>8</v>
      </c>
      <c r="S35911">
        <v>8</v>
      </c>
      <c r="T35911">
        <v>8</v>
      </c>
      <c r="U35911">
        <v>8</v>
      </c>
      <c r="V35911">
        <v>8</v>
      </c>
      <c r="W35911">
        <v>8</v>
      </c>
      <c r="X35911">
        <v>8</v>
      </c>
      <c r="Y35911">
        <v>8</v>
      </c>
      <c r="Z35911">
        <v>8</v>
      </c>
      <c r="AA35911">
        <v>8</v>
      </c>
      <c r="AB35911">
        <v>8</v>
      </c>
      <c r="AC35911">
        <v>8</v>
      </c>
      <c r="AD35911">
        <v>9</v>
      </c>
      <c r="AE35911">
        <v>9</v>
      </c>
      <c r="AF35911">
        <v>9</v>
      </c>
      <c r="AG35911">
        <v>9</v>
      </c>
      <c r="AH35911">
        <v>9</v>
      </c>
      <c r="AI35911">
        <v>9</v>
      </c>
      <c r="AJ35911">
        <v>9</v>
      </c>
      <c r="AK35911">
        <v>9</v>
      </c>
      <c r="AL35911">
        <v>9</v>
      </c>
      <c r="AM35911">
        <v>9</v>
      </c>
      <c r="AN35911">
        <v>9</v>
      </c>
      <c r="AO35911">
        <v>9</v>
      </c>
      <c r="AP35911">
        <v>10</v>
      </c>
      <c r="AQ35911">
        <v>10</v>
      </c>
    </row>
    <row r="35912" spans="1:43">
      <c r="A35912" t="s">
        <v>22265</v>
      </c>
      <c r="B35912" t="s">
        <v>22266</v>
      </c>
      <c r="C35912" t="s">
        <v>22267</v>
      </c>
      <c r="D35912" t="s">
        <v>22268</v>
      </c>
      <c r="E35912" t="s">
        <v>22205</v>
      </c>
      <c r="F35912" t="s">
        <v>22206</v>
      </c>
      <c r="G35912" t="s">
        <v>20255</v>
      </c>
      <c r="H35912" t="s">
        <v>20256</v>
      </c>
      <c r="I35912" s="2">
        <v>1</v>
      </c>
      <c r="J35912" s="2">
        <v>0</v>
      </c>
      <c r="K35912" s="2">
        <v>0</v>
      </c>
      <c r="L35912" t="s">
        <v>120</v>
      </c>
      <c r="M35912" t="s">
        <v>89</v>
      </c>
      <c r="N35912" t="s">
        <v>90</v>
      </c>
      <c r="O35912" t="s">
        <v>85</v>
      </c>
      <c r="P35912" t="s">
        <v>86</v>
      </c>
      <c r="Q35912">
        <v>8</v>
      </c>
      <c r="R35912">
        <v>8</v>
      </c>
      <c r="S35912">
        <v>8</v>
      </c>
      <c r="T35912">
        <v>8</v>
      </c>
      <c r="U35912">
        <v>8</v>
      </c>
      <c r="V35912">
        <v>9</v>
      </c>
      <c r="W35912">
        <v>9</v>
      </c>
      <c r="X35912">
        <v>9</v>
      </c>
      <c r="Y35912">
        <v>9</v>
      </c>
      <c r="Z35912">
        <v>9</v>
      </c>
      <c r="AA35912">
        <v>10</v>
      </c>
      <c r="AB35912">
        <v>10</v>
      </c>
      <c r="AC35912">
        <v>10</v>
      </c>
      <c r="AD35912">
        <v>10</v>
      </c>
      <c r="AE35912">
        <v>10</v>
      </c>
      <c r="AF35912">
        <v>10</v>
      </c>
      <c r="AG35912">
        <v>10</v>
      </c>
      <c r="AH35912">
        <v>11</v>
      </c>
      <c r="AI35912">
        <v>11</v>
      </c>
      <c r="AJ35912">
        <v>11</v>
      </c>
      <c r="AK35912">
        <v>11</v>
      </c>
      <c r="AL35912">
        <v>11</v>
      </c>
      <c r="AM35912">
        <v>11</v>
      </c>
      <c r="AN35912">
        <v>11</v>
      </c>
      <c r="AO35912">
        <v>11</v>
      </c>
      <c r="AP35912">
        <v>11</v>
      </c>
      <c r="AQ35912">
        <v>11</v>
      </c>
    </row>
    <row r="35913" spans="1:43">
      <c r="A35913" t="s">
        <v>22265</v>
      </c>
      <c r="B35913" t="s">
        <v>22266</v>
      </c>
      <c r="C35913" t="s">
        <v>22267</v>
      </c>
      <c r="D35913" t="s">
        <v>22268</v>
      </c>
      <c r="E35913" t="s">
        <v>22205</v>
      </c>
      <c r="F35913" t="s">
        <v>22206</v>
      </c>
      <c r="G35913" t="s">
        <v>20255</v>
      </c>
      <c r="H35913" t="s">
        <v>20256</v>
      </c>
      <c r="I35913" s="2">
        <v>1</v>
      </c>
      <c r="J35913" s="2">
        <v>0</v>
      </c>
      <c r="K35913" s="2">
        <v>0</v>
      </c>
      <c r="L35913" t="s">
        <v>120</v>
      </c>
      <c r="M35913" t="s">
        <v>83</v>
      </c>
      <c r="N35913" t="s">
        <v>91</v>
      </c>
      <c r="O35913" t="s">
        <v>85</v>
      </c>
      <c r="P35913" t="s">
        <v>86</v>
      </c>
      <c r="Q35913">
        <v>8</v>
      </c>
      <c r="R35913">
        <v>8</v>
      </c>
      <c r="S35913">
        <v>8</v>
      </c>
      <c r="T35913">
        <v>8</v>
      </c>
      <c r="U35913">
        <v>8</v>
      </c>
      <c r="V35913">
        <v>8</v>
      </c>
      <c r="W35913">
        <v>8</v>
      </c>
      <c r="X35913">
        <v>9</v>
      </c>
      <c r="Y35913">
        <v>9</v>
      </c>
      <c r="Z35913">
        <v>9</v>
      </c>
      <c r="AA35913">
        <v>9</v>
      </c>
      <c r="AB35913">
        <v>9</v>
      </c>
      <c r="AC35913">
        <v>9</v>
      </c>
      <c r="AD35913">
        <v>10</v>
      </c>
      <c r="AE35913">
        <v>10</v>
      </c>
      <c r="AF35913">
        <v>10</v>
      </c>
      <c r="AG35913">
        <v>10</v>
      </c>
      <c r="AH35913">
        <v>10</v>
      </c>
      <c r="AI35913">
        <v>10</v>
      </c>
      <c r="AJ35913">
        <v>10</v>
      </c>
      <c r="AK35913">
        <v>11</v>
      </c>
      <c r="AL35913">
        <v>11</v>
      </c>
      <c r="AM35913">
        <v>11</v>
      </c>
      <c r="AN35913">
        <v>11</v>
      </c>
      <c r="AO35913">
        <v>11</v>
      </c>
      <c r="AP35913">
        <v>11</v>
      </c>
      <c r="AQ35913">
        <v>11</v>
      </c>
    </row>
    <row r="35914" spans="1:43">
      <c r="A35914" t="s">
        <v>22269</v>
      </c>
      <c r="B35914" t="s">
        <v>22270</v>
      </c>
      <c r="C35914" t="s">
        <v>22267</v>
      </c>
      <c r="D35914" t="s">
        <v>22268</v>
      </c>
      <c r="E35914" t="s">
        <v>22205</v>
      </c>
      <c r="F35914" t="s">
        <v>22206</v>
      </c>
      <c r="G35914" t="s">
        <v>20255</v>
      </c>
      <c r="H35914" t="s">
        <v>20256</v>
      </c>
      <c r="I35914" s="2">
        <v>1</v>
      </c>
      <c r="J35914" s="2">
        <v>0</v>
      </c>
      <c r="K35914" s="2">
        <v>0</v>
      </c>
      <c r="L35914" t="s">
        <v>120</v>
      </c>
      <c r="M35914" t="s">
        <v>83</v>
      </c>
      <c r="N35914" t="s">
        <v>84</v>
      </c>
      <c r="O35914" t="s">
        <v>85</v>
      </c>
      <c r="P35914" t="s">
        <v>86</v>
      </c>
      <c r="Q35914">
        <v>3</v>
      </c>
      <c r="R35914">
        <v>3</v>
      </c>
      <c r="S35914">
        <v>3</v>
      </c>
      <c r="T35914">
        <v>3</v>
      </c>
      <c r="U35914">
        <v>3</v>
      </c>
      <c r="V35914">
        <v>3</v>
      </c>
      <c r="W35914">
        <v>3</v>
      </c>
      <c r="X35914">
        <v>3</v>
      </c>
      <c r="Y35914">
        <v>3</v>
      </c>
      <c r="Z35914">
        <v>3</v>
      </c>
      <c r="AA35914">
        <v>3</v>
      </c>
      <c r="AB35914">
        <v>3</v>
      </c>
      <c r="AC35914">
        <v>3</v>
      </c>
      <c r="AD35914">
        <v>3</v>
      </c>
      <c r="AE35914">
        <v>3</v>
      </c>
      <c r="AF35914">
        <v>3</v>
      </c>
      <c r="AG35914">
        <v>3</v>
      </c>
      <c r="AH35914">
        <v>3</v>
      </c>
      <c r="AI35914">
        <v>3</v>
      </c>
      <c r="AJ35914">
        <v>4</v>
      </c>
      <c r="AK35914">
        <v>4</v>
      </c>
      <c r="AL35914">
        <v>4</v>
      </c>
      <c r="AM35914">
        <v>4</v>
      </c>
      <c r="AN35914">
        <v>4</v>
      </c>
      <c r="AO35914">
        <v>4</v>
      </c>
      <c r="AP35914">
        <v>4</v>
      </c>
      <c r="AQ35914">
        <v>4</v>
      </c>
    </row>
    <row r="35915" spans="1:43">
      <c r="A35915" t="s">
        <v>22269</v>
      </c>
      <c r="B35915" t="s">
        <v>22270</v>
      </c>
      <c r="C35915" t="s">
        <v>22267</v>
      </c>
      <c r="D35915" t="s">
        <v>22268</v>
      </c>
      <c r="E35915" t="s">
        <v>22205</v>
      </c>
      <c r="F35915" t="s">
        <v>22206</v>
      </c>
      <c r="G35915" t="s">
        <v>20255</v>
      </c>
      <c r="H35915" t="s">
        <v>20256</v>
      </c>
      <c r="I35915" s="2">
        <v>1</v>
      </c>
      <c r="J35915" s="2">
        <v>0</v>
      </c>
      <c r="K35915" s="2">
        <v>0</v>
      </c>
      <c r="L35915" t="s">
        <v>120</v>
      </c>
      <c r="M35915" t="s">
        <v>87</v>
      </c>
      <c r="N35915" t="s">
        <v>88</v>
      </c>
      <c r="O35915" t="s">
        <v>85</v>
      </c>
      <c r="P35915" t="s">
        <v>86</v>
      </c>
      <c r="Q35915">
        <v>3</v>
      </c>
      <c r="R35915">
        <v>3</v>
      </c>
      <c r="S35915">
        <v>3</v>
      </c>
      <c r="T35915">
        <v>3</v>
      </c>
      <c r="U35915">
        <v>3</v>
      </c>
      <c r="V35915">
        <v>3</v>
      </c>
      <c r="W35915">
        <v>3</v>
      </c>
      <c r="X35915">
        <v>3</v>
      </c>
      <c r="Y35915">
        <v>3</v>
      </c>
      <c r="Z35915">
        <v>3</v>
      </c>
      <c r="AA35915">
        <v>3</v>
      </c>
      <c r="AB35915">
        <v>3</v>
      </c>
      <c r="AC35915">
        <v>3</v>
      </c>
      <c r="AD35915">
        <v>3</v>
      </c>
      <c r="AE35915">
        <v>3</v>
      </c>
      <c r="AF35915">
        <v>3</v>
      </c>
      <c r="AG35915">
        <v>3</v>
      </c>
      <c r="AH35915">
        <v>3</v>
      </c>
      <c r="AI35915">
        <v>3</v>
      </c>
      <c r="AJ35915">
        <v>3</v>
      </c>
      <c r="AK35915">
        <v>3</v>
      </c>
      <c r="AL35915">
        <v>3</v>
      </c>
      <c r="AM35915">
        <v>3</v>
      </c>
      <c r="AN35915">
        <v>3</v>
      </c>
      <c r="AO35915">
        <v>3</v>
      </c>
      <c r="AP35915">
        <v>3</v>
      </c>
      <c r="AQ35915">
        <v>3</v>
      </c>
    </row>
    <row r="35916" spans="1:43">
      <c r="A35916" t="s">
        <v>22269</v>
      </c>
      <c r="B35916" t="s">
        <v>22270</v>
      </c>
      <c r="C35916" t="s">
        <v>22267</v>
      </c>
      <c r="D35916" t="s">
        <v>22268</v>
      </c>
      <c r="E35916" t="s">
        <v>22205</v>
      </c>
      <c r="F35916" t="s">
        <v>22206</v>
      </c>
      <c r="G35916" t="s">
        <v>20255</v>
      </c>
      <c r="H35916" t="s">
        <v>20256</v>
      </c>
      <c r="I35916" s="2">
        <v>1</v>
      </c>
      <c r="J35916" s="2">
        <v>0</v>
      </c>
      <c r="K35916" s="2">
        <v>0</v>
      </c>
      <c r="L35916" t="s">
        <v>120</v>
      </c>
      <c r="M35916" t="s">
        <v>89</v>
      </c>
      <c r="N35916" t="s">
        <v>90</v>
      </c>
      <c r="O35916" t="s">
        <v>85</v>
      </c>
      <c r="P35916" t="s">
        <v>86</v>
      </c>
      <c r="Q35916">
        <v>3</v>
      </c>
      <c r="R35916">
        <v>3</v>
      </c>
      <c r="S35916">
        <v>3</v>
      </c>
      <c r="T35916">
        <v>3</v>
      </c>
      <c r="U35916">
        <v>3</v>
      </c>
      <c r="V35916">
        <v>3</v>
      </c>
      <c r="W35916">
        <v>3</v>
      </c>
      <c r="X35916">
        <v>3</v>
      </c>
      <c r="Y35916">
        <v>3</v>
      </c>
      <c r="Z35916">
        <v>3</v>
      </c>
      <c r="AA35916">
        <v>3</v>
      </c>
      <c r="AB35916">
        <v>3</v>
      </c>
      <c r="AC35916">
        <v>3</v>
      </c>
      <c r="AD35916">
        <v>3</v>
      </c>
      <c r="AE35916">
        <v>3</v>
      </c>
      <c r="AF35916">
        <v>3</v>
      </c>
      <c r="AG35916">
        <v>4</v>
      </c>
      <c r="AH35916">
        <v>4</v>
      </c>
      <c r="AI35916">
        <v>4</v>
      </c>
      <c r="AJ35916">
        <v>4</v>
      </c>
      <c r="AK35916">
        <v>4</v>
      </c>
      <c r="AL35916">
        <v>4</v>
      </c>
      <c r="AM35916">
        <v>4</v>
      </c>
      <c r="AN35916">
        <v>4</v>
      </c>
      <c r="AO35916">
        <v>4</v>
      </c>
      <c r="AP35916">
        <v>4</v>
      </c>
      <c r="AQ35916">
        <v>4</v>
      </c>
    </row>
    <row r="35917" spans="1:43">
      <c r="A35917" t="s">
        <v>22269</v>
      </c>
      <c r="B35917" t="s">
        <v>22270</v>
      </c>
      <c r="C35917" t="s">
        <v>22267</v>
      </c>
      <c r="D35917" t="s">
        <v>22268</v>
      </c>
      <c r="E35917" t="s">
        <v>22205</v>
      </c>
      <c r="F35917" t="s">
        <v>22206</v>
      </c>
      <c r="G35917" t="s">
        <v>20255</v>
      </c>
      <c r="H35917" t="s">
        <v>20256</v>
      </c>
      <c r="I35917" s="2">
        <v>1</v>
      </c>
      <c r="J35917" s="2">
        <v>0</v>
      </c>
      <c r="K35917" s="2">
        <v>0</v>
      </c>
      <c r="L35917" t="s">
        <v>120</v>
      </c>
      <c r="M35917" t="s">
        <v>83</v>
      </c>
      <c r="N35917" t="s">
        <v>91</v>
      </c>
      <c r="O35917" t="s">
        <v>85</v>
      </c>
      <c r="P35917" t="s">
        <v>86</v>
      </c>
      <c r="Q35917">
        <v>3</v>
      </c>
      <c r="R35917">
        <v>3</v>
      </c>
      <c r="S35917">
        <v>3</v>
      </c>
      <c r="T35917">
        <v>3</v>
      </c>
      <c r="U35917">
        <v>3</v>
      </c>
      <c r="V35917">
        <v>3</v>
      </c>
      <c r="W35917">
        <v>3</v>
      </c>
      <c r="X35917">
        <v>3</v>
      </c>
      <c r="Y35917">
        <v>3</v>
      </c>
      <c r="Z35917">
        <v>3</v>
      </c>
      <c r="AA35917">
        <v>3</v>
      </c>
      <c r="AB35917">
        <v>3</v>
      </c>
      <c r="AC35917">
        <v>3</v>
      </c>
      <c r="AD35917">
        <v>3</v>
      </c>
      <c r="AE35917">
        <v>3</v>
      </c>
      <c r="AF35917">
        <v>3</v>
      </c>
      <c r="AG35917">
        <v>3</v>
      </c>
      <c r="AH35917">
        <v>3</v>
      </c>
      <c r="AI35917">
        <v>3</v>
      </c>
      <c r="AJ35917">
        <v>4</v>
      </c>
      <c r="AK35917">
        <v>4</v>
      </c>
      <c r="AL35917">
        <v>4</v>
      </c>
      <c r="AM35917">
        <v>4</v>
      </c>
      <c r="AN35917">
        <v>4</v>
      </c>
      <c r="AO35917">
        <v>4</v>
      </c>
      <c r="AP35917">
        <v>4</v>
      </c>
      <c r="AQ35917">
        <v>4</v>
      </c>
    </row>
    <row r="35918" spans="1:43">
      <c r="A35918" t="s">
        <v>22271</v>
      </c>
      <c r="B35918" t="s">
        <v>22272</v>
      </c>
      <c r="C35918" t="s">
        <v>22273</v>
      </c>
      <c r="D35918" t="s">
        <v>22274</v>
      </c>
      <c r="E35918" t="s">
        <v>22205</v>
      </c>
      <c r="F35918" t="s">
        <v>22206</v>
      </c>
      <c r="G35918" t="s">
        <v>20255</v>
      </c>
      <c r="H35918" t="s">
        <v>20256</v>
      </c>
      <c r="I35918" s="2">
        <v>1</v>
      </c>
      <c r="J35918" s="2">
        <v>0</v>
      </c>
      <c r="K35918" s="2">
        <v>0</v>
      </c>
      <c r="L35918" t="s">
        <v>120</v>
      </c>
      <c r="M35918" t="s">
        <v>83</v>
      </c>
      <c r="N35918" t="s">
        <v>84</v>
      </c>
      <c r="O35918" t="s">
        <v>85</v>
      </c>
      <c r="P35918" t="s">
        <v>86</v>
      </c>
      <c r="Q35918">
        <v>14</v>
      </c>
      <c r="R35918">
        <v>15</v>
      </c>
      <c r="S35918">
        <v>15</v>
      </c>
      <c r="T35918">
        <v>15</v>
      </c>
      <c r="U35918">
        <v>15</v>
      </c>
      <c r="V35918">
        <v>16</v>
      </c>
      <c r="W35918">
        <v>16</v>
      </c>
      <c r="X35918">
        <v>16</v>
      </c>
      <c r="Y35918">
        <v>17</v>
      </c>
      <c r="Z35918">
        <v>17</v>
      </c>
      <c r="AA35918">
        <v>17</v>
      </c>
      <c r="AB35918">
        <v>17</v>
      </c>
      <c r="AC35918">
        <v>18</v>
      </c>
      <c r="AD35918">
        <v>18</v>
      </c>
      <c r="AE35918">
        <v>18</v>
      </c>
      <c r="AF35918">
        <v>18</v>
      </c>
      <c r="AG35918">
        <v>19</v>
      </c>
      <c r="AH35918">
        <v>19</v>
      </c>
      <c r="AI35918">
        <v>19</v>
      </c>
      <c r="AJ35918">
        <v>20</v>
      </c>
      <c r="AK35918">
        <v>20</v>
      </c>
      <c r="AL35918">
        <v>20</v>
      </c>
      <c r="AM35918">
        <v>20</v>
      </c>
      <c r="AN35918">
        <v>20</v>
      </c>
      <c r="AO35918">
        <v>21</v>
      </c>
      <c r="AP35918">
        <v>21</v>
      </c>
      <c r="AQ35918">
        <v>21</v>
      </c>
    </row>
    <row r="35919" spans="1:43">
      <c r="A35919" t="s">
        <v>22271</v>
      </c>
      <c r="B35919" t="s">
        <v>22272</v>
      </c>
      <c r="C35919" t="s">
        <v>22273</v>
      </c>
      <c r="D35919" t="s">
        <v>22274</v>
      </c>
      <c r="E35919" t="s">
        <v>22205</v>
      </c>
      <c r="F35919" t="s">
        <v>22206</v>
      </c>
      <c r="G35919" t="s">
        <v>20255</v>
      </c>
      <c r="H35919" t="s">
        <v>20256</v>
      </c>
      <c r="I35919" s="2">
        <v>1</v>
      </c>
      <c r="J35919" s="2">
        <v>0</v>
      </c>
      <c r="K35919" s="2">
        <v>0</v>
      </c>
      <c r="L35919" t="s">
        <v>120</v>
      </c>
      <c r="M35919" t="s">
        <v>87</v>
      </c>
      <c r="N35919" t="s">
        <v>88</v>
      </c>
      <c r="O35919" t="s">
        <v>85</v>
      </c>
      <c r="P35919" t="s">
        <v>86</v>
      </c>
      <c r="Q35919">
        <v>14</v>
      </c>
      <c r="R35919">
        <v>14</v>
      </c>
      <c r="S35919">
        <v>14</v>
      </c>
      <c r="T35919">
        <v>15</v>
      </c>
      <c r="U35919">
        <v>15</v>
      </c>
      <c r="V35919">
        <v>15</v>
      </c>
      <c r="W35919">
        <v>15</v>
      </c>
      <c r="X35919">
        <v>15</v>
      </c>
      <c r="Y35919">
        <v>15</v>
      </c>
      <c r="Z35919">
        <v>15</v>
      </c>
      <c r="AA35919">
        <v>16</v>
      </c>
      <c r="AB35919">
        <v>16</v>
      </c>
      <c r="AC35919">
        <v>16</v>
      </c>
      <c r="AD35919">
        <v>16</v>
      </c>
      <c r="AE35919">
        <v>16</v>
      </c>
      <c r="AF35919">
        <v>16</v>
      </c>
      <c r="AG35919">
        <v>17</v>
      </c>
      <c r="AH35919">
        <v>17</v>
      </c>
      <c r="AI35919">
        <v>17</v>
      </c>
      <c r="AJ35919">
        <v>17</v>
      </c>
      <c r="AK35919">
        <v>17</v>
      </c>
      <c r="AL35919">
        <v>17</v>
      </c>
      <c r="AM35919">
        <v>18</v>
      </c>
      <c r="AN35919">
        <v>18</v>
      </c>
      <c r="AO35919">
        <v>18</v>
      </c>
      <c r="AP35919">
        <v>18</v>
      </c>
      <c r="AQ35919">
        <v>18</v>
      </c>
    </row>
    <row r="35920" spans="1:43">
      <c r="A35920" t="s">
        <v>22271</v>
      </c>
      <c r="B35920" t="s">
        <v>22272</v>
      </c>
      <c r="C35920" t="s">
        <v>22273</v>
      </c>
      <c r="D35920" t="s">
        <v>22274</v>
      </c>
      <c r="E35920" t="s">
        <v>22205</v>
      </c>
      <c r="F35920" t="s">
        <v>22206</v>
      </c>
      <c r="G35920" t="s">
        <v>20255</v>
      </c>
      <c r="H35920" t="s">
        <v>20256</v>
      </c>
      <c r="I35920" s="2">
        <v>1</v>
      </c>
      <c r="J35920" s="2">
        <v>0</v>
      </c>
      <c r="K35920" s="2">
        <v>0</v>
      </c>
      <c r="L35920" t="s">
        <v>120</v>
      </c>
      <c r="M35920" t="s">
        <v>89</v>
      </c>
      <c r="N35920" t="s">
        <v>90</v>
      </c>
      <c r="O35920" t="s">
        <v>85</v>
      </c>
      <c r="P35920" t="s">
        <v>86</v>
      </c>
      <c r="Q35920">
        <v>14</v>
      </c>
      <c r="R35920">
        <v>15</v>
      </c>
      <c r="S35920">
        <v>15</v>
      </c>
      <c r="T35920">
        <v>16</v>
      </c>
      <c r="U35920">
        <v>16</v>
      </c>
      <c r="V35920">
        <v>16</v>
      </c>
      <c r="W35920">
        <v>17</v>
      </c>
      <c r="X35920">
        <v>17</v>
      </c>
      <c r="Y35920">
        <v>17</v>
      </c>
      <c r="Z35920">
        <v>18</v>
      </c>
      <c r="AA35920">
        <v>18</v>
      </c>
      <c r="AB35920">
        <v>18</v>
      </c>
      <c r="AC35920">
        <v>19</v>
      </c>
      <c r="AD35920">
        <v>19</v>
      </c>
      <c r="AE35920">
        <v>19</v>
      </c>
      <c r="AF35920">
        <v>20</v>
      </c>
      <c r="AG35920">
        <v>20</v>
      </c>
      <c r="AH35920">
        <v>20</v>
      </c>
      <c r="AI35920">
        <v>20</v>
      </c>
      <c r="AJ35920">
        <v>20</v>
      </c>
      <c r="AK35920">
        <v>20</v>
      </c>
      <c r="AL35920">
        <v>20</v>
      </c>
      <c r="AM35920">
        <v>20</v>
      </c>
      <c r="AN35920">
        <v>21</v>
      </c>
      <c r="AO35920">
        <v>21</v>
      </c>
      <c r="AP35920">
        <v>21</v>
      </c>
      <c r="AQ35920">
        <v>21</v>
      </c>
    </row>
    <row r="35921" spans="1:43">
      <c r="A35921" t="s">
        <v>22271</v>
      </c>
      <c r="B35921" t="s">
        <v>22272</v>
      </c>
      <c r="C35921" t="s">
        <v>22273</v>
      </c>
      <c r="D35921" t="s">
        <v>22274</v>
      </c>
      <c r="E35921" t="s">
        <v>22205</v>
      </c>
      <c r="F35921" t="s">
        <v>22206</v>
      </c>
      <c r="G35921" t="s">
        <v>20255</v>
      </c>
      <c r="H35921" t="s">
        <v>20256</v>
      </c>
      <c r="I35921" s="2">
        <v>1</v>
      </c>
      <c r="J35921" s="2">
        <v>0</v>
      </c>
      <c r="K35921" s="2">
        <v>0</v>
      </c>
      <c r="L35921" t="s">
        <v>120</v>
      </c>
      <c r="M35921" t="s">
        <v>83</v>
      </c>
      <c r="N35921" t="s">
        <v>91</v>
      </c>
      <c r="O35921" t="s">
        <v>85</v>
      </c>
      <c r="P35921" t="s">
        <v>86</v>
      </c>
      <c r="Q35921">
        <v>14</v>
      </c>
      <c r="R35921">
        <v>15</v>
      </c>
      <c r="S35921">
        <v>15</v>
      </c>
      <c r="T35921">
        <v>15</v>
      </c>
      <c r="U35921">
        <v>15</v>
      </c>
      <c r="V35921">
        <v>16</v>
      </c>
      <c r="W35921">
        <v>16</v>
      </c>
      <c r="X35921">
        <v>16</v>
      </c>
      <c r="Y35921">
        <v>17</v>
      </c>
      <c r="Z35921">
        <v>17</v>
      </c>
      <c r="AA35921">
        <v>17</v>
      </c>
      <c r="AB35921">
        <v>17</v>
      </c>
      <c r="AC35921">
        <v>18</v>
      </c>
      <c r="AD35921">
        <v>18</v>
      </c>
      <c r="AE35921">
        <v>18</v>
      </c>
      <c r="AF35921">
        <v>18</v>
      </c>
      <c r="AG35921">
        <v>19</v>
      </c>
      <c r="AH35921">
        <v>19</v>
      </c>
      <c r="AI35921">
        <v>19</v>
      </c>
      <c r="AJ35921">
        <v>20</v>
      </c>
      <c r="AK35921">
        <v>20</v>
      </c>
      <c r="AL35921">
        <v>20</v>
      </c>
      <c r="AM35921">
        <v>20</v>
      </c>
      <c r="AN35921">
        <v>20</v>
      </c>
      <c r="AO35921">
        <v>21</v>
      </c>
      <c r="AP35921">
        <v>21</v>
      </c>
      <c r="AQ35921">
        <v>21</v>
      </c>
    </row>
    <row r="35922" spans="1:43">
      <c r="A35922" t="s">
        <v>22275</v>
      </c>
      <c r="B35922" t="s">
        <v>22276</v>
      </c>
      <c r="C35922" t="s">
        <v>22267</v>
      </c>
      <c r="D35922" t="s">
        <v>22268</v>
      </c>
      <c r="E35922" t="s">
        <v>22205</v>
      </c>
      <c r="F35922" t="s">
        <v>22206</v>
      </c>
      <c r="G35922" t="s">
        <v>20255</v>
      </c>
      <c r="H35922" t="s">
        <v>20256</v>
      </c>
      <c r="I35922" s="2">
        <v>1</v>
      </c>
      <c r="J35922" s="2">
        <v>0</v>
      </c>
      <c r="K35922" s="2">
        <v>0</v>
      </c>
      <c r="L35922" t="s">
        <v>120</v>
      </c>
      <c r="M35922" t="s">
        <v>83</v>
      </c>
      <c r="N35922" t="s">
        <v>84</v>
      </c>
      <c r="O35922" t="s">
        <v>85</v>
      </c>
      <c r="P35922" t="s">
        <v>86</v>
      </c>
      <c r="Q35922">
        <v>10</v>
      </c>
      <c r="R35922">
        <v>10</v>
      </c>
      <c r="S35922">
        <v>11</v>
      </c>
      <c r="T35922">
        <v>11</v>
      </c>
      <c r="U35922">
        <v>11</v>
      </c>
      <c r="V35922">
        <v>11</v>
      </c>
      <c r="W35922">
        <v>11</v>
      </c>
      <c r="X35922">
        <v>12</v>
      </c>
      <c r="Y35922">
        <v>12</v>
      </c>
      <c r="Z35922">
        <v>12</v>
      </c>
      <c r="AA35922">
        <v>12</v>
      </c>
      <c r="AB35922">
        <v>12</v>
      </c>
      <c r="AC35922">
        <v>13</v>
      </c>
      <c r="AD35922">
        <v>13</v>
      </c>
      <c r="AE35922">
        <v>13</v>
      </c>
      <c r="AF35922">
        <v>13</v>
      </c>
      <c r="AG35922">
        <v>14</v>
      </c>
      <c r="AH35922">
        <v>14</v>
      </c>
      <c r="AI35922">
        <v>14</v>
      </c>
      <c r="AJ35922">
        <v>14</v>
      </c>
      <c r="AK35922">
        <v>14</v>
      </c>
      <c r="AL35922">
        <v>15</v>
      </c>
      <c r="AM35922">
        <v>15</v>
      </c>
      <c r="AN35922">
        <v>15</v>
      </c>
      <c r="AO35922">
        <v>15</v>
      </c>
      <c r="AP35922">
        <v>15</v>
      </c>
      <c r="AQ35922">
        <v>15</v>
      </c>
    </row>
    <row r="35923" spans="1:43">
      <c r="A35923" t="s">
        <v>22275</v>
      </c>
      <c r="B35923" t="s">
        <v>22276</v>
      </c>
      <c r="C35923" t="s">
        <v>22267</v>
      </c>
      <c r="D35923" t="s">
        <v>22268</v>
      </c>
      <c r="E35923" t="s">
        <v>22205</v>
      </c>
      <c r="F35923" t="s">
        <v>22206</v>
      </c>
      <c r="G35923" t="s">
        <v>20255</v>
      </c>
      <c r="H35923" t="s">
        <v>20256</v>
      </c>
      <c r="I35923" s="2">
        <v>1</v>
      </c>
      <c r="J35923" s="2">
        <v>0</v>
      </c>
      <c r="K35923" s="2">
        <v>0</v>
      </c>
      <c r="L35923" t="s">
        <v>120</v>
      </c>
      <c r="M35923" t="s">
        <v>87</v>
      </c>
      <c r="N35923" t="s">
        <v>88</v>
      </c>
      <c r="O35923" t="s">
        <v>85</v>
      </c>
      <c r="P35923" t="s">
        <v>86</v>
      </c>
      <c r="Q35923">
        <v>10</v>
      </c>
      <c r="R35923">
        <v>10</v>
      </c>
      <c r="S35923">
        <v>10</v>
      </c>
      <c r="T35923">
        <v>10</v>
      </c>
      <c r="U35923">
        <v>11</v>
      </c>
      <c r="V35923">
        <v>11</v>
      </c>
      <c r="W35923">
        <v>11</v>
      </c>
      <c r="X35923">
        <v>11</v>
      </c>
      <c r="Y35923">
        <v>11</v>
      </c>
      <c r="Z35923">
        <v>11</v>
      </c>
      <c r="AA35923">
        <v>11</v>
      </c>
      <c r="AB35923">
        <v>11</v>
      </c>
      <c r="AC35923">
        <v>11</v>
      </c>
      <c r="AD35923">
        <v>12</v>
      </c>
      <c r="AE35923">
        <v>12</v>
      </c>
      <c r="AF35923">
        <v>12</v>
      </c>
      <c r="AG35923">
        <v>12</v>
      </c>
      <c r="AH35923">
        <v>12</v>
      </c>
      <c r="AI35923">
        <v>12</v>
      </c>
      <c r="AJ35923">
        <v>12</v>
      </c>
      <c r="AK35923">
        <v>12</v>
      </c>
      <c r="AL35923">
        <v>12</v>
      </c>
      <c r="AM35923">
        <v>13</v>
      </c>
      <c r="AN35923">
        <v>13</v>
      </c>
      <c r="AO35923">
        <v>13</v>
      </c>
      <c r="AP35923">
        <v>13</v>
      </c>
      <c r="AQ35923">
        <v>13</v>
      </c>
    </row>
    <row r="35924" spans="1:43">
      <c r="A35924" t="s">
        <v>22275</v>
      </c>
      <c r="B35924" t="s">
        <v>22276</v>
      </c>
      <c r="C35924" t="s">
        <v>22267</v>
      </c>
      <c r="D35924" t="s">
        <v>22268</v>
      </c>
      <c r="E35924" t="s">
        <v>22205</v>
      </c>
      <c r="F35924" t="s">
        <v>22206</v>
      </c>
      <c r="G35924" t="s">
        <v>20255</v>
      </c>
      <c r="H35924" t="s">
        <v>20256</v>
      </c>
      <c r="I35924" s="2">
        <v>1</v>
      </c>
      <c r="J35924" s="2">
        <v>0</v>
      </c>
      <c r="K35924" s="2">
        <v>0</v>
      </c>
      <c r="L35924" t="s">
        <v>120</v>
      </c>
      <c r="M35924" t="s">
        <v>89</v>
      </c>
      <c r="N35924" t="s">
        <v>90</v>
      </c>
      <c r="O35924" t="s">
        <v>85</v>
      </c>
      <c r="P35924" t="s">
        <v>86</v>
      </c>
      <c r="Q35924">
        <v>10</v>
      </c>
      <c r="R35924">
        <v>11</v>
      </c>
      <c r="S35924">
        <v>11</v>
      </c>
      <c r="T35924">
        <v>11</v>
      </c>
      <c r="U35924">
        <v>11</v>
      </c>
      <c r="V35924">
        <v>12</v>
      </c>
      <c r="W35924">
        <v>12</v>
      </c>
      <c r="X35924">
        <v>12</v>
      </c>
      <c r="Y35924">
        <v>13</v>
      </c>
      <c r="Z35924">
        <v>13</v>
      </c>
      <c r="AA35924">
        <v>13</v>
      </c>
      <c r="AB35924">
        <v>13</v>
      </c>
      <c r="AC35924">
        <v>14</v>
      </c>
      <c r="AD35924">
        <v>14</v>
      </c>
      <c r="AE35924">
        <v>14</v>
      </c>
      <c r="AF35924">
        <v>14</v>
      </c>
      <c r="AG35924">
        <v>14</v>
      </c>
      <c r="AH35924">
        <v>14</v>
      </c>
      <c r="AI35924">
        <v>14</v>
      </c>
      <c r="AJ35924">
        <v>15</v>
      </c>
      <c r="AK35924">
        <v>15</v>
      </c>
      <c r="AL35924">
        <v>15</v>
      </c>
      <c r="AM35924">
        <v>15</v>
      </c>
      <c r="AN35924">
        <v>15</v>
      </c>
      <c r="AO35924">
        <v>15</v>
      </c>
      <c r="AP35924">
        <v>15</v>
      </c>
      <c r="AQ35924">
        <v>15</v>
      </c>
    </row>
    <row r="35925" spans="1:43">
      <c r="A35925" t="s">
        <v>22275</v>
      </c>
      <c r="B35925" t="s">
        <v>22276</v>
      </c>
      <c r="C35925" t="s">
        <v>22267</v>
      </c>
      <c r="D35925" t="s">
        <v>22268</v>
      </c>
      <c r="E35925" t="s">
        <v>22205</v>
      </c>
      <c r="F35925" t="s">
        <v>22206</v>
      </c>
      <c r="G35925" t="s">
        <v>20255</v>
      </c>
      <c r="H35925" t="s">
        <v>20256</v>
      </c>
      <c r="I35925" s="2">
        <v>1</v>
      </c>
      <c r="J35925" s="2">
        <v>0</v>
      </c>
      <c r="K35925" s="2">
        <v>0</v>
      </c>
      <c r="L35925" t="s">
        <v>120</v>
      </c>
      <c r="M35925" t="s">
        <v>83</v>
      </c>
      <c r="N35925" t="s">
        <v>91</v>
      </c>
      <c r="O35925" t="s">
        <v>85</v>
      </c>
      <c r="P35925" t="s">
        <v>86</v>
      </c>
      <c r="Q35925">
        <v>10</v>
      </c>
      <c r="R35925">
        <v>10</v>
      </c>
      <c r="S35925">
        <v>11</v>
      </c>
      <c r="T35925">
        <v>11</v>
      </c>
      <c r="U35925">
        <v>11</v>
      </c>
      <c r="V35925">
        <v>11</v>
      </c>
      <c r="W35925">
        <v>11</v>
      </c>
      <c r="X35925">
        <v>12</v>
      </c>
      <c r="Y35925">
        <v>12</v>
      </c>
      <c r="Z35925">
        <v>12</v>
      </c>
      <c r="AA35925">
        <v>12</v>
      </c>
      <c r="AB35925">
        <v>12</v>
      </c>
      <c r="AC35925">
        <v>13</v>
      </c>
      <c r="AD35925">
        <v>13</v>
      </c>
      <c r="AE35925">
        <v>13</v>
      </c>
      <c r="AF35925">
        <v>13</v>
      </c>
      <c r="AG35925">
        <v>14</v>
      </c>
      <c r="AH35925">
        <v>14</v>
      </c>
      <c r="AI35925">
        <v>14</v>
      </c>
      <c r="AJ35925">
        <v>14</v>
      </c>
      <c r="AK35925">
        <v>14</v>
      </c>
      <c r="AL35925">
        <v>15</v>
      </c>
      <c r="AM35925">
        <v>15</v>
      </c>
      <c r="AN35925">
        <v>15</v>
      </c>
      <c r="AO35925">
        <v>15</v>
      </c>
      <c r="AP35925">
        <v>15</v>
      </c>
      <c r="AQ35925">
        <v>15</v>
      </c>
    </row>
    <row r="35926" spans="1:43">
      <c r="A35926" t="s">
        <v>22277</v>
      </c>
      <c r="B35926" t="s">
        <v>22278</v>
      </c>
      <c r="C35926" t="s">
        <v>22267</v>
      </c>
      <c r="D35926" t="s">
        <v>22268</v>
      </c>
      <c r="E35926" t="s">
        <v>22205</v>
      </c>
      <c r="F35926" t="s">
        <v>22206</v>
      </c>
      <c r="G35926" t="s">
        <v>20255</v>
      </c>
      <c r="H35926" t="s">
        <v>20256</v>
      </c>
      <c r="I35926" s="2">
        <v>1</v>
      </c>
      <c r="J35926" s="2">
        <v>0</v>
      </c>
      <c r="K35926" s="2">
        <v>0</v>
      </c>
      <c r="L35926" t="s">
        <v>120</v>
      </c>
      <c r="M35926" t="s">
        <v>83</v>
      </c>
      <c r="N35926" t="s">
        <v>84</v>
      </c>
      <c r="O35926" t="s">
        <v>85</v>
      </c>
      <c r="P35926" t="s">
        <v>86</v>
      </c>
      <c r="Q35926">
        <v>32</v>
      </c>
      <c r="R35926">
        <v>33</v>
      </c>
      <c r="S35926">
        <v>33</v>
      </c>
      <c r="T35926">
        <v>34</v>
      </c>
      <c r="U35926">
        <v>35</v>
      </c>
      <c r="V35926">
        <v>35</v>
      </c>
      <c r="W35926">
        <v>36</v>
      </c>
      <c r="X35926">
        <v>36</v>
      </c>
      <c r="Y35926">
        <v>37</v>
      </c>
      <c r="Z35926">
        <v>38</v>
      </c>
      <c r="AA35926">
        <v>38</v>
      </c>
      <c r="AB35926">
        <v>39</v>
      </c>
      <c r="AC35926">
        <v>40</v>
      </c>
      <c r="AD35926">
        <v>40</v>
      </c>
      <c r="AE35926">
        <v>41</v>
      </c>
      <c r="AF35926">
        <v>42</v>
      </c>
      <c r="AG35926">
        <v>42</v>
      </c>
      <c r="AH35926">
        <v>43</v>
      </c>
      <c r="AI35926">
        <v>44</v>
      </c>
      <c r="AJ35926">
        <v>44</v>
      </c>
      <c r="AK35926">
        <v>45</v>
      </c>
      <c r="AL35926">
        <v>45</v>
      </c>
      <c r="AM35926">
        <v>46</v>
      </c>
      <c r="AN35926">
        <v>46</v>
      </c>
      <c r="AO35926">
        <v>46</v>
      </c>
      <c r="AP35926">
        <v>47</v>
      </c>
      <c r="AQ35926">
        <v>47</v>
      </c>
    </row>
    <row r="35927" spans="1:43">
      <c r="A35927" t="s">
        <v>22277</v>
      </c>
      <c r="B35927" t="s">
        <v>22278</v>
      </c>
      <c r="C35927" t="s">
        <v>22267</v>
      </c>
      <c r="D35927" t="s">
        <v>22268</v>
      </c>
      <c r="E35927" t="s">
        <v>22205</v>
      </c>
      <c r="F35927" t="s">
        <v>22206</v>
      </c>
      <c r="G35927" t="s">
        <v>20255</v>
      </c>
      <c r="H35927" t="s">
        <v>20256</v>
      </c>
      <c r="I35927" s="2">
        <v>1</v>
      </c>
      <c r="J35927" s="2">
        <v>0</v>
      </c>
      <c r="K35927" s="2">
        <v>0</v>
      </c>
      <c r="L35927" t="s">
        <v>120</v>
      </c>
      <c r="M35927" t="s">
        <v>87</v>
      </c>
      <c r="N35927" t="s">
        <v>88</v>
      </c>
      <c r="O35927" t="s">
        <v>85</v>
      </c>
      <c r="P35927" t="s">
        <v>86</v>
      </c>
      <c r="Q35927">
        <v>32</v>
      </c>
      <c r="R35927">
        <v>32</v>
      </c>
      <c r="S35927">
        <v>32</v>
      </c>
      <c r="T35927">
        <v>33</v>
      </c>
      <c r="U35927">
        <v>33</v>
      </c>
      <c r="V35927">
        <v>33</v>
      </c>
      <c r="W35927">
        <v>34</v>
      </c>
      <c r="X35927">
        <v>34</v>
      </c>
      <c r="Y35927">
        <v>34</v>
      </c>
      <c r="Z35927">
        <v>35</v>
      </c>
      <c r="AA35927">
        <v>35</v>
      </c>
      <c r="AB35927">
        <v>35</v>
      </c>
      <c r="AC35927">
        <v>36</v>
      </c>
      <c r="AD35927">
        <v>36</v>
      </c>
      <c r="AE35927">
        <v>36</v>
      </c>
      <c r="AF35927">
        <v>37</v>
      </c>
      <c r="AG35927">
        <v>37</v>
      </c>
      <c r="AH35927">
        <v>37</v>
      </c>
      <c r="AI35927">
        <v>38</v>
      </c>
      <c r="AJ35927">
        <v>38</v>
      </c>
      <c r="AK35927">
        <v>39</v>
      </c>
      <c r="AL35927">
        <v>39</v>
      </c>
      <c r="AM35927">
        <v>39</v>
      </c>
      <c r="AN35927">
        <v>40</v>
      </c>
      <c r="AO35927">
        <v>40</v>
      </c>
      <c r="AP35927">
        <v>41</v>
      </c>
      <c r="AQ35927">
        <v>41</v>
      </c>
    </row>
    <row r="35928" spans="1:43">
      <c r="A35928" t="s">
        <v>22277</v>
      </c>
      <c r="B35928" t="s">
        <v>22278</v>
      </c>
      <c r="C35928" t="s">
        <v>22267</v>
      </c>
      <c r="D35928" t="s">
        <v>22268</v>
      </c>
      <c r="E35928" t="s">
        <v>22205</v>
      </c>
      <c r="F35928" t="s">
        <v>22206</v>
      </c>
      <c r="G35928" t="s">
        <v>20255</v>
      </c>
      <c r="H35928" t="s">
        <v>20256</v>
      </c>
      <c r="I35928" s="2">
        <v>1</v>
      </c>
      <c r="J35928" s="2">
        <v>0</v>
      </c>
      <c r="K35928" s="2">
        <v>0</v>
      </c>
      <c r="L35928" t="s">
        <v>120</v>
      </c>
      <c r="M35928" t="s">
        <v>89</v>
      </c>
      <c r="N35928" t="s">
        <v>90</v>
      </c>
      <c r="O35928" t="s">
        <v>85</v>
      </c>
      <c r="P35928" t="s">
        <v>86</v>
      </c>
      <c r="Q35928">
        <v>32</v>
      </c>
      <c r="R35928">
        <v>33</v>
      </c>
      <c r="S35928">
        <v>34</v>
      </c>
      <c r="T35928">
        <v>35</v>
      </c>
      <c r="U35928">
        <v>36</v>
      </c>
      <c r="V35928">
        <v>37</v>
      </c>
      <c r="W35928">
        <v>38</v>
      </c>
      <c r="X35928">
        <v>38</v>
      </c>
      <c r="Y35928">
        <v>39</v>
      </c>
      <c r="Z35928">
        <v>40</v>
      </c>
      <c r="AA35928">
        <v>41</v>
      </c>
      <c r="AB35928">
        <v>42</v>
      </c>
      <c r="AC35928">
        <v>42</v>
      </c>
      <c r="AD35928">
        <v>43</v>
      </c>
      <c r="AE35928">
        <v>44</v>
      </c>
      <c r="AF35928">
        <v>44</v>
      </c>
      <c r="AG35928">
        <v>44</v>
      </c>
      <c r="AH35928">
        <v>45</v>
      </c>
      <c r="AI35928">
        <v>45</v>
      </c>
      <c r="AJ35928">
        <v>45</v>
      </c>
      <c r="AK35928">
        <v>46</v>
      </c>
      <c r="AL35928">
        <v>46</v>
      </c>
      <c r="AM35928">
        <v>46</v>
      </c>
      <c r="AN35928">
        <v>46</v>
      </c>
      <c r="AO35928">
        <v>47</v>
      </c>
      <c r="AP35928">
        <v>47</v>
      </c>
      <c r="AQ35928">
        <v>47</v>
      </c>
    </row>
    <row r="35929" spans="1:43">
      <c r="A35929" t="s">
        <v>22277</v>
      </c>
      <c r="B35929" t="s">
        <v>22278</v>
      </c>
      <c r="C35929" t="s">
        <v>22267</v>
      </c>
      <c r="D35929" t="s">
        <v>22268</v>
      </c>
      <c r="E35929" t="s">
        <v>22205</v>
      </c>
      <c r="F35929" t="s">
        <v>22206</v>
      </c>
      <c r="G35929" t="s">
        <v>20255</v>
      </c>
      <c r="H35929" t="s">
        <v>20256</v>
      </c>
      <c r="I35929" s="2">
        <v>1</v>
      </c>
      <c r="J35929" s="2">
        <v>0</v>
      </c>
      <c r="K35929" s="2">
        <v>0</v>
      </c>
      <c r="L35929" t="s">
        <v>120</v>
      </c>
      <c r="M35929" t="s">
        <v>83</v>
      </c>
      <c r="N35929" t="s">
        <v>91</v>
      </c>
      <c r="O35929" t="s">
        <v>85</v>
      </c>
      <c r="P35929" t="s">
        <v>86</v>
      </c>
      <c r="Q35929">
        <v>32</v>
      </c>
      <c r="R35929">
        <v>33</v>
      </c>
      <c r="S35929">
        <v>33</v>
      </c>
      <c r="T35929">
        <v>34</v>
      </c>
      <c r="U35929">
        <v>35</v>
      </c>
      <c r="V35929">
        <v>35</v>
      </c>
      <c r="W35929">
        <v>36</v>
      </c>
      <c r="X35929">
        <v>36</v>
      </c>
      <c r="Y35929">
        <v>37</v>
      </c>
      <c r="Z35929">
        <v>38</v>
      </c>
      <c r="AA35929">
        <v>38</v>
      </c>
      <c r="AB35929">
        <v>39</v>
      </c>
      <c r="AC35929">
        <v>40</v>
      </c>
      <c r="AD35929">
        <v>40</v>
      </c>
      <c r="AE35929">
        <v>41</v>
      </c>
      <c r="AF35929">
        <v>42</v>
      </c>
      <c r="AG35929">
        <v>42</v>
      </c>
      <c r="AH35929">
        <v>43</v>
      </c>
      <c r="AI35929">
        <v>44</v>
      </c>
      <c r="AJ35929">
        <v>44</v>
      </c>
      <c r="AK35929">
        <v>45</v>
      </c>
      <c r="AL35929">
        <v>45</v>
      </c>
      <c r="AM35929">
        <v>46</v>
      </c>
      <c r="AN35929">
        <v>46</v>
      </c>
      <c r="AO35929">
        <v>46</v>
      </c>
      <c r="AP35929">
        <v>47</v>
      </c>
      <c r="AQ35929">
        <v>47</v>
      </c>
    </row>
    <row r="35930" spans="1:43">
      <c r="A35930" t="s">
        <v>22279</v>
      </c>
      <c r="B35930" t="s">
        <v>22280</v>
      </c>
      <c r="C35930" t="s">
        <v>22215</v>
      </c>
      <c r="D35930" t="s">
        <v>22216</v>
      </c>
      <c r="E35930" t="s">
        <v>22205</v>
      </c>
      <c r="F35930" t="s">
        <v>22206</v>
      </c>
      <c r="G35930" t="s">
        <v>20255</v>
      </c>
      <c r="H35930" t="s">
        <v>20256</v>
      </c>
      <c r="I35930" s="2">
        <v>1</v>
      </c>
      <c r="J35930" s="2">
        <v>0</v>
      </c>
      <c r="K35930" s="2">
        <v>0</v>
      </c>
      <c r="L35930" t="s">
        <v>120</v>
      </c>
      <c r="M35930" t="s">
        <v>83</v>
      </c>
      <c r="N35930" t="s">
        <v>84</v>
      </c>
      <c r="O35930" t="s">
        <v>85</v>
      </c>
      <c r="P35930" t="s">
        <v>86</v>
      </c>
      <c r="Q35930">
        <v>22</v>
      </c>
      <c r="R35930">
        <v>23</v>
      </c>
      <c r="S35930">
        <v>23</v>
      </c>
      <c r="T35930">
        <v>24</v>
      </c>
      <c r="U35930">
        <v>24</v>
      </c>
      <c r="V35930">
        <v>24</v>
      </c>
      <c r="W35930">
        <v>25</v>
      </c>
      <c r="X35930">
        <v>25</v>
      </c>
      <c r="Y35930">
        <v>26</v>
      </c>
      <c r="Z35930">
        <v>26</v>
      </c>
      <c r="AA35930">
        <v>27</v>
      </c>
      <c r="AB35930">
        <v>27</v>
      </c>
      <c r="AC35930">
        <v>27</v>
      </c>
      <c r="AD35930">
        <v>28</v>
      </c>
      <c r="AE35930">
        <v>28</v>
      </c>
      <c r="AF35930">
        <v>29</v>
      </c>
      <c r="AG35930">
        <v>29</v>
      </c>
      <c r="AH35930">
        <v>30</v>
      </c>
      <c r="AI35930">
        <v>30</v>
      </c>
      <c r="AJ35930">
        <v>31</v>
      </c>
      <c r="AK35930">
        <v>31</v>
      </c>
      <c r="AL35930">
        <v>32</v>
      </c>
      <c r="AM35930">
        <v>32</v>
      </c>
      <c r="AN35930">
        <v>32</v>
      </c>
      <c r="AO35930">
        <v>32</v>
      </c>
      <c r="AP35930">
        <v>32</v>
      </c>
      <c r="AQ35930">
        <v>33</v>
      </c>
    </row>
    <row r="35931" spans="1:43">
      <c r="A35931" t="s">
        <v>22279</v>
      </c>
      <c r="B35931" t="s">
        <v>22280</v>
      </c>
      <c r="C35931" t="s">
        <v>22215</v>
      </c>
      <c r="D35931" t="s">
        <v>22216</v>
      </c>
      <c r="E35931" t="s">
        <v>22205</v>
      </c>
      <c r="F35931" t="s">
        <v>22206</v>
      </c>
      <c r="G35931" t="s">
        <v>20255</v>
      </c>
      <c r="H35931" t="s">
        <v>20256</v>
      </c>
      <c r="I35931" s="2">
        <v>1</v>
      </c>
      <c r="J35931" s="2">
        <v>0</v>
      </c>
      <c r="K35931" s="2">
        <v>0</v>
      </c>
      <c r="L35931" t="s">
        <v>120</v>
      </c>
      <c r="M35931" t="s">
        <v>87</v>
      </c>
      <c r="N35931" t="s">
        <v>88</v>
      </c>
      <c r="O35931" t="s">
        <v>85</v>
      </c>
      <c r="P35931" t="s">
        <v>86</v>
      </c>
      <c r="Q35931">
        <v>22</v>
      </c>
      <c r="R35931">
        <v>22</v>
      </c>
      <c r="S35931">
        <v>22</v>
      </c>
      <c r="T35931">
        <v>23</v>
      </c>
      <c r="U35931">
        <v>23</v>
      </c>
      <c r="V35931">
        <v>23</v>
      </c>
      <c r="W35931">
        <v>23</v>
      </c>
      <c r="X35931">
        <v>24</v>
      </c>
      <c r="Y35931">
        <v>24</v>
      </c>
      <c r="Z35931">
        <v>24</v>
      </c>
      <c r="AA35931">
        <v>24</v>
      </c>
      <c r="AB35931">
        <v>24</v>
      </c>
      <c r="AC35931">
        <v>25</v>
      </c>
      <c r="AD35931">
        <v>25</v>
      </c>
      <c r="AE35931">
        <v>25</v>
      </c>
      <c r="AF35931">
        <v>25</v>
      </c>
      <c r="AG35931">
        <v>26</v>
      </c>
      <c r="AH35931">
        <v>26</v>
      </c>
      <c r="AI35931">
        <v>26</v>
      </c>
      <c r="AJ35931">
        <v>26</v>
      </c>
      <c r="AK35931">
        <v>27</v>
      </c>
      <c r="AL35931">
        <v>27</v>
      </c>
      <c r="AM35931">
        <v>27</v>
      </c>
      <c r="AN35931">
        <v>28</v>
      </c>
      <c r="AO35931">
        <v>28</v>
      </c>
      <c r="AP35931">
        <v>28</v>
      </c>
      <c r="AQ35931">
        <v>28</v>
      </c>
    </row>
    <row r="35932" spans="1:43">
      <c r="A35932" t="s">
        <v>22279</v>
      </c>
      <c r="B35932" t="s">
        <v>22280</v>
      </c>
      <c r="C35932" t="s">
        <v>22215</v>
      </c>
      <c r="D35932" t="s">
        <v>22216</v>
      </c>
      <c r="E35932" t="s">
        <v>22205</v>
      </c>
      <c r="F35932" t="s">
        <v>22206</v>
      </c>
      <c r="G35932" t="s">
        <v>20255</v>
      </c>
      <c r="H35932" t="s">
        <v>20256</v>
      </c>
      <c r="I35932" s="2">
        <v>1</v>
      </c>
      <c r="J35932" s="2">
        <v>0</v>
      </c>
      <c r="K35932" s="2">
        <v>0</v>
      </c>
      <c r="L35932" t="s">
        <v>120</v>
      </c>
      <c r="M35932" t="s">
        <v>89</v>
      </c>
      <c r="N35932" t="s">
        <v>90</v>
      </c>
      <c r="O35932" t="s">
        <v>85</v>
      </c>
      <c r="P35932" t="s">
        <v>86</v>
      </c>
      <c r="Q35932">
        <v>22</v>
      </c>
      <c r="R35932">
        <v>23</v>
      </c>
      <c r="S35932">
        <v>24</v>
      </c>
      <c r="T35932">
        <v>24</v>
      </c>
      <c r="U35932">
        <v>25</v>
      </c>
      <c r="V35932">
        <v>25</v>
      </c>
      <c r="W35932">
        <v>26</v>
      </c>
      <c r="X35932">
        <v>27</v>
      </c>
      <c r="Y35932">
        <v>27</v>
      </c>
      <c r="Z35932">
        <v>28</v>
      </c>
      <c r="AA35932">
        <v>28</v>
      </c>
      <c r="AB35932">
        <v>29</v>
      </c>
      <c r="AC35932">
        <v>29</v>
      </c>
      <c r="AD35932">
        <v>30</v>
      </c>
      <c r="AE35932">
        <v>30</v>
      </c>
      <c r="AF35932">
        <v>31</v>
      </c>
      <c r="AG35932">
        <v>31</v>
      </c>
      <c r="AH35932">
        <v>31</v>
      </c>
      <c r="AI35932">
        <v>31</v>
      </c>
      <c r="AJ35932">
        <v>31</v>
      </c>
      <c r="AK35932">
        <v>32</v>
      </c>
      <c r="AL35932">
        <v>32</v>
      </c>
      <c r="AM35932">
        <v>32</v>
      </c>
      <c r="AN35932">
        <v>32</v>
      </c>
      <c r="AO35932">
        <v>32</v>
      </c>
      <c r="AP35932">
        <v>33</v>
      </c>
      <c r="AQ35932">
        <v>33</v>
      </c>
    </row>
    <row r="35933" spans="1:43">
      <c r="A35933" t="s">
        <v>22279</v>
      </c>
      <c r="B35933" t="s">
        <v>22280</v>
      </c>
      <c r="C35933" t="s">
        <v>22215</v>
      </c>
      <c r="D35933" t="s">
        <v>22216</v>
      </c>
      <c r="E35933" t="s">
        <v>22205</v>
      </c>
      <c r="F35933" t="s">
        <v>22206</v>
      </c>
      <c r="G35933" t="s">
        <v>20255</v>
      </c>
      <c r="H35933" t="s">
        <v>20256</v>
      </c>
      <c r="I35933" s="2">
        <v>1</v>
      </c>
      <c r="J35933" s="2">
        <v>0</v>
      </c>
      <c r="K35933" s="2">
        <v>0</v>
      </c>
      <c r="L35933" t="s">
        <v>120</v>
      </c>
      <c r="M35933" t="s">
        <v>83</v>
      </c>
      <c r="N35933" t="s">
        <v>91</v>
      </c>
      <c r="O35933" t="s">
        <v>85</v>
      </c>
      <c r="P35933" t="s">
        <v>86</v>
      </c>
      <c r="Q35933">
        <v>22</v>
      </c>
      <c r="R35933">
        <v>23</v>
      </c>
      <c r="S35933">
        <v>23</v>
      </c>
      <c r="T35933">
        <v>24</v>
      </c>
      <c r="U35933">
        <v>24</v>
      </c>
      <c r="V35933">
        <v>24</v>
      </c>
      <c r="W35933">
        <v>25</v>
      </c>
      <c r="X35933">
        <v>25</v>
      </c>
      <c r="Y35933">
        <v>26</v>
      </c>
      <c r="Z35933">
        <v>26</v>
      </c>
      <c r="AA35933">
        <v>27</v>
      </c>
      <c r="AB35933">
        <v>27</v>
      </c>
      <c r="AC35933">
        <v>27</v>
      </c>
      <c r="AD35933">
        <v>28</v>
      </c>
      <c r="AE35933">
        <v>28</v>
      </c>
      <c r="AF35933">
        <v>29</v>
      </c>
      <c r="AG35933">
        <v>29</v>
      </c>
      <c r="AH35933">
        <v>30</v>
      </c>
      <c r="AI35933">
        <v>30</v>
      </c>
      <c r="AJ35933">
        <v>31</v>
      </c>
      <c r="AK35933">
        <v>31</v>
      </c>
      <c r="AL35933">
        <v>32</v>
      </c>
      <c r="AM35933">
        <v>32</v>
      </c>
      <c r="AN35933">
        <v>32</v>
      </c>
      <c r="AO35933">
        <v>32</v>
      </c>
      <c r="AP35933">
        <v>32</v>
      </c>
      <c r="AQ35933">
        <v>33</v>
      </c>
    </row>
    <row r="35934" spans="1:43">
      <c r="A35934" t="s">
        <v>22281</v>
      </c>
      <c r="B35934" t="s">
        <v>22282</v>
      </c>
      <c r="C35934" t="s">
        <v>22283</v>
      </c>
      <c r="D35934" t="s">
        <v>22284</v>
      </c>
      <c r="E35934" t="s">
        <v>22205</v>
      </c>
      <c r="F35934" t="s">
        <v>22206</v>
      </c>
      <c r="G35934" t="s">
        <v>20255</v>
      </c>
      <c r="H35934" t="s">
        <v>20256</v>
      </c>
      <c r="I35934" s="2">
        <v>1</v>
      </c>
      <c r="J35934" s="2">
        <v>0</v>
      </c>
      <c r="K35934" s="2">
        <v>0</v>
      </c>
      <c r="L35934" t="s">
        <v>120</v>
      </c>
      <c r="M35934" t="s">
        <v>83</v>
      </c>
      <c r="N35934" t="s">
        <v>84</v>
      </c>
      <c r="O35934" t="s">
        <v>85</v>
      </c>
      <c r="P35934" t="s">
        <v>86</v>
      </c>
      <c r="Q35934">
        <v>15</v>
      </c>
      <c r="R35934">
        <v>15</v>
      </c>
      <c r="S35934">
        <v>15</v>
      </c>
      <c r="T35934">
        <v>16</v>
      </c>
      <c r="U35934">
        <v>16</v>
      </c>
      <c r="V35934">
        <v>16</v>
      </c>
      <c r="W35934">
        <v>17</v>
      </c>
      <c r="X35934">
        <v>17</v>
      </c>
      <c r="Y35934">
        <v>17</v>
      </c>
      <c r="Z35934">
        <v>18</v>
      </c>
      <c r="AA35934">
        <v>18</v>
      </c>
      <c r="AB35934">
        <v>18</v>
      </c>
      <c r="AC35934">
        <v>18</v>
      </c>
      <c r="AD35934">
        <v>19</v>
      </c>
      <c r="AE35934">
        <v>19</v>
      </c>
      <c r="AF35934">
        <v>19</v>
      </c>
      <c r="AG35934">
        <v>20</v>
      </c>
      <c r="AH35934">
        <v>20</v>
      </c>
      <c r="AI35934">
        <v>20</v>
      </c>
      <c r="AJ35934">
        <v>21</v>
      </c>
      <c r="AK35934">
        <v>21</v>
      </c>
      <c r="AL35934">
        <v>21</v>
      </c>
      <c r="AM35934">
        <v>21</v>
      </c>
      <c r="AN35934">
        <v>22</v>
      </c>
      <c r="AO35934">
        <v>22</v>
      </c>
      <c r="AP35934">
        <v>22</v>
      </c>
      <c r="AQ35934">
        <v>22</v>
      </c>
    </row>
    <row r="35935" spans="1:43">
      <c r="A35935" t="s">
        <v>22281</v>
      </c>
      <c r="B35935" t="s">
        <v>22282</v>
      </c>
      <c r="C35935" t="s">
        <v>22283</v>
      </c>
      <c r="D35935" t="s">
        <v>22284</v>
      </c>
      <c r="E35935" t="s">
        <v>22205</v>
      </c>
      <c r="F35935" t="s">
        <v>22206</v>
      </c>
      <c r="G35935" t="s">
        <v>20255</v>
      </c>
      <c r="H35935" t="s">
        <v>20256</v>
      </c>
      <c r="I35935" s="2">
        <v>1</v>
      </c>
      <c r="J35935" s="2">
        <v>0</v>
      </c>
      <c r="K35935" s="2">
        <v>0</v>
      </c>
      <c r="L35935" t="s">
        <v>120</v>
      </c>
      <c r="M35935" t="s">
        <v>87</v>
      </c>
      <c r="N35935" t="s">
        <v>88</v>
      </c>
      <c r="O35935" t="s">
        <v>85</v>
      </c>
      <c r="P35935" t="s">
        <v>86</v>
      </c>
      <c r="Q35935">
        <v>15</v>
      </c>
      <c r="R35935">
        <v>15</v>
      </c>
      <c r="S35935">
        <v>15</v>
      </c>
      <c r="T35935">
        <v>15</v>
      </c>
      <c r="U35935">
        <v>15</v>
      </c>
      <c r="V35935">
        <v>16</v>
      </c>
      <c r="W35935">
        <v>16</v>
      </c>
      <c r="X35935">
        <v>16</v>
      </c>
      <c r="Y35935">
        <v>16</v>
      </c>
      <c r="Z35935">
        <v>16</v>
      </c>
      <c r="AA35935">
        <v>16</v>
      </c>
      <c r="AB35935">
        <v>16</v>
      </c>
      <c r="AC35935">
        <v>17</v>
      </c>
      <c r="AD35935">
        <v>17</v>
      </c>
      <c r="AE35935">
        <v>17</v>
      </c>
      <c r="AF35935">
        <v>17</v>
      </c>
      <c r="AG35935">
        <v>17</v>
      </c>
      <c r="AH35935">
        <v>17</v>
      </c>
      <c r="AI35935">
        <v>18</v>
      </c>
      <c r="AJ35935">
        <v>18</v>
      </c>
      <c r="AK35935">
        <v>18</v>
      </c>
      <c r="AL35935">
        <v>18</v>
      </c>
      <c r="AM35935">
        <v>18</v>
      </c>
      <c r="AN35935">
        <v>18</v>
      </c>
      <c r="AO35935">
        <v>19</v>
      </c>
      <c r="AP35935">
        <v>19</v>
      </c>
      <c r="AQ35935">
        <v>19</v>
      </c>
    </row>
    <row r="35936" spans="1:43">
      <c r="A35936" t="s">
        <v>22281</v>
      </c>
      <c r="B35936" t="s">
        <v>22282</v>
      </c>
      <c r="C35936" t="s">
        <v>22283</v>
      </c>
      <c r="D35936" t="s">
        <v>22284</v>
      </c>
      <c r="E35936" t="s">
        <v>22205</v>
      </c>
      <c r="F35936" t="s">
        <v>22206</v>
      </c>
      <c r="G35936" t="s">
        <v>20255</v>
      </c>
      <c r="H35936" t="s">
        <v>20256</v>
      </c>
      <c r="I35936" s="2">
        <v>1</v>
      </c>
      <c r="J35936" s="2">
        <v>0</v>
      </c>
      <c r="K35936" s="2">
        <v>0</v>
      </c>
      <c r="L35936" t="s">
        <v>120</v>
      </c>
      <c r="M35936" t="s">
        <v>89</v>
      </c>
      <c r="N35936" t="s">
        <v>90</v>
      </c>
      <c r="O35936" t="s">
        <v>85</v>
      </c>
      <c r="P35936" t="s">
        <v>86</v>
      </c>
      <c r="Q35936">
        <v>15</v>
      </c>
      <c r="R35936">
        <v>15</v>
      </c>
      <c r="S35936">
        <v>16</v>
      </c>
      <c r="T35936">
        <v>16</v>
      </c>
      <c r="U35936">
        <v>17</v>
      </c>
      <c r="V35936">
        <v>17</v>
      </c>
      <c r="W35936">
        <v>17</v>
      </c>
      <c r="X35936">
        <v>18</v>
      </c>
      <c r="Y35936">
        <v>18</v>
      </c>
      <c r="Z35936">
        <v>19</v>
      </c>
      <c r="AA35936">
        <v>19</v>
      </c>
      <c r="AB35936">
        <v>19</v>
      </c>
      <c r="AC35936">
        <v>20</v>
      </c>
      <c r="AD35936">
        <v>20</v>
      </c>
      <c r="AE35936">
        <v>20</v>
      </c>
      <c r="AF35936">
        <v>21</v>
      </c>
      <c r="AG35936">
        <v>21</v>
      </c>
      <c r="AH35936">
        <v>21</v>
      </c>
      <c r="AI35936">
        <v>21</v>
      </c>
      <c r="AJ35936">
        <v>21</v>
      </c>
      <c r="AK35936">
        <v>21</v>
      </c>
      <c r="AL35936">
        <v>21</v>
      </c>
      <c r="AM35936">
        <v>22</v>
      </c>
      <c r="AN35936">
        <v>22</v>
      </c>
      <c r="AO35936">
        <v>22</v>
      </c>
      <c r="AP35936">
        <v>22</v>
      </c>
      <c r="AQ35936">
        <v>22</v>
      </c>
    </row>
    <row r="35937" spans="1:43">
      <c r="A35937" t="s">
        <v>22281</v>
      </c>
      <c r="B35937" t="s">
        <v>22282</v>
      </c>
      <c r="C35937" t="s">
        <v>22283</v>
      </c>
      <c r="D35937" t="s">
        <v>22284</v>
      </c>
      <c r="E35937" t="s">
        <v>22205</v>
      </c>
      <c r="F35937" t="s">
        <v>22206</v>
      </c>
      <c r="G35937" t="s">
        <v>20255</v>
      </c>
      <c r="H35937" t="s">
        <v>20256</v>
      </c>
      <c r="I35937" s="2">
        <v>1</v>
      </c>
      <c r="J35937" s="2">
        <v>0</v>
      </c>
      <c r="K35937" s="2">
        <v>0</v>
      </c>
      <c r="L35937" t="s">
        <v>120</v>
      </c>
      <c r="M35937" t="s">
        <v>83</v>
      </c>
      <c r="N35937" t="s">
        <v>91</v>
      </c>
      <c r="O35937" t="s">
        <v>85</v>
      </c>
      <c r="P35937" t="s">
        <v>86</v>
      </c>
      <c r="Q35937">
        <v>15</v>
      </c>
      <c r="R35937">
        <v>15</v>
      </c>
      <c r="S35937">
        <v>15</v>
      </c>
      <c r="T35937">
        <v>16</v>
      </c>
      <c r="U35937">
        <v>16</v>
      </c>
      <c r="V35937">
        <v>16</v>
      </c>
      <c r="W35937">
        <v>17</v>
      </c>
      <c r="X35937">
        <v>17</v>
      </c>
      <c r="Y35937">
        <v>17</v>
      </c>
      <c r="Z35937">
        <v>18</v>
      </c>
      <c r="AA35937">
        <v>18</v>
      </c>
      <c r="AB35937">
        <v>18</v>
      </c>
      <c r="AC35937">
        <v>18</v>
      </c>
      <c r="AD35937">
        <v>19</v>
      </c>
      <c r="AE35937">
        <v>19</v>
      </c>
      <c r="AF35937">
        <v>19</v>
      </c>
      <c r="AG35937">
        <v>20</v>
      </c>
      <c r="AH35937">
        <v>20</v>
      </c>
      <c r="AI35937">
        <v>20</v>
      </c>
      <c r="AJ35937">
        <v>21</v>
      </c>
      <c r="AK35937">
        <v>21</v>
      </c>
      <c r="AL35937">
        <v>21</v>
      </c>
      <c r="AM35937">
        <v>21</v>
      </c>
      <c r="AN35937">
        <v>22</v>
      </c>
      <c r="AO35937">
        <v>22</v>
      </c>
      <c r="AP35937">
        <v>22</v>
      </c>
      <c r="AQ35937">
        <v>22</v>
      </c>
    </row>
    <row r="35938" spans="1:43">
      <c r="A35938" t="s">
        <v>22285</v>
      </c>
      <c r="B35938" t="s">
        <v>22286</v>
      </c>
      <c r="C35938" t="s">
        <v>22203</v>
      </c>
      <c r="D35938" t="s">
        <v>22204</v>
      </c>
      <c r="E35938" t="s">
        <v>22205</v>
      </c>
      <c r="F35938" t="s">
        <v>22206</v>
      </c>
      <c r="G35938" t="s">
        <v>20255</v>
      </c>
      <c r="H35938" t="s">
        <v>20256</v>
      </c>
      <c r="I35938" s="2">
        <v>1</v>
      </c>
      <c r="J35938" s="2">
        <v>0</v>
      </c>
      <c r="K35938" s="2">
        <v>0</v>
      </c>
      <c r="L35938" t="s">
        <v>120</v>
      </c>
      <c r="M35938" t="s">
        <v>83</v>
      </c>
      <c r="N35938" t="s">
        <v>84</v>
      </c>
      <c r="O35938" t="s">
        <v>85</v>
      </c>
      <c r="P35938" t="s">
        <v>86</v>
      </c>
      <c r="Q35938">
        <v>43</v>
      </c>
      <c r="R35938">
        <v>43</v>
      </c>
      <c r="S35938">
        <v>44</v>
      </c>
      <c r="T35938">
        <v>45</v>
      </c>
      <c r="U35938">
        <v>46</v>
      </c>
      <c r="V35938">
        <v>47</v>
      </c>
      <c r="W35938">
        <v>48</v>
      </c>
      <c r="X35938">
        <v>49</v>
      </c>
      <c r="Y35938">
        <v>49</v>
      </c>
      <c r="Z35938">
        <v>50</v>
      </c>
      <c r="AA35938">
        <v>51</v>
      </c>
      <c r="AB35938">
        <v>52</v>
      </c>
      <c r="AC35938">
        <v>53</v>
      </c>
      <c r="AD35938">
        <v>54</v>
      </c>
      <c r="AE35938">
        <v>55</v>
      </c>
      <c r="AF35938">
        <v>55</v>
      </c>
      <c r="AG35938">
        <v>56</v>
      </c>
      <c r="AH35938">
        <v>57</v>
      </c>
      <c r="AI35938">
        <v>58</v>
      </c>
      <c r="AJ35938">
        <v>59</v>
      </c>
      <c r="AK35938">
        <v>60</v>
      </c>
      <c r="AL35938">
        <v>61</v>
      </c>
      <c r="AM35938">
        <v>61</v>
      </c>
      <c r="AN35938">
        <v>62</v>
      </c>
      <c r="AO35938">
        <v>62</v>
      </c>
      <c r="AP35938">
        <v>63</v>
      </c>
      <c r="AQ35938">
        <v>63</v>
      </c>
    </row>
    <row r="35939" spans="1:43">
      <c r="A35939" t="s">
        <v>22285</v>
      </c>
      <c r="B35939" t="s">
        <v>22286</v>
      </c>
      <c r="C35939" t="s">
        <v>22203</v>
      </c>
      <c r="D35939" t="s">
        <v>22204</v>
      </c>
      <c r="E35939" t="s">
        <v>22205</v>
      </c>
      <c r="F35939" t="s">
        <v>22206</v>
      </c>
      <c r="G35939" t="s">
        <v>20255</v>
      </c>
      <c r="H35939" t="s">
        <v>20256</v>
      </c>
      <c r="I35939" s="2">
        <v>1</v>
      </c>
      <c r="J35939" s="2">
        <v>0</v>
      </c>
      <c r="K35939" s="2">
        <v>0</v>
      </c>
      <c r="L35939" t="s">
        <v>120</v>
      </c>
      <c r="M35939" t="s">
        <v>87</v>
      </c>
      <c r="N35939" t="s">
        <v>88</v>
      </c>
      <c r="O35939" t="s">
        <v>85</v>
      </c>
      <c r="P35939" t="s">
        <v>86</v>
      </c>
      <c r="Q35939">
        <v>43</v>
      </c>
      <c r="R35939">
        <v>44</v>
      </c>
      <c r="S35939">
        <v>44</v>
      </c>
      <c r="T35939">
        <v>45</v>
      </c>
      <c r="U35939">
        <v>45</v>
      </c>
      <c r="V35939">
        <v>45</v>
      </c>
      <c r="W35939">
        <v>46</v>
      </c>
      <c r="X35939">
        <v>46</v>
      </c>
      <c r="Y35939">
        <v>47</v>
      </c>
      <c r="Z35939">
        <v>47</v>
      </c>
      <c r="AA35939">
        <v>48</v>
      </c>
      <c r="AB35939">
        <v>48</v>
      </c>
      <c r="AC35939">
        <v>49</v>
      </c>
      <c r="AD35939">
        <v>49</v>
      </c>
      <c r="AE35939">
        <v>49</v>
      </c>
      <c r="AF35939">
        <v>50</v>
      </c>
      <c r="AG35939">
        <v>50</v>
      </c>
      <c r="AH35939">
        <v>51</v>
      </c>
      <c r="AI35939">
        <v>51</v>
      </c>
      <c r="AJ35939">
        <v>52</v>
      </c>
      <c r="AK35939">
        <v>52</v>
      </c>
      <c r="AL35939">
        <v>53</v>
      </c>
      <c r="AM35939">
        <v>53</v>
      </c>
      <c r="AN35939">
        <v>54</v>
      </c>
      <c r="AO35939">
        <v>55</v>
      </c>
      <c r="AP35939">
        <v>55</v>
      </c>
      <c r="AQ35939">
        <v>56</v>
      </c>
    </row>
    <row r="35940" spans="1:43">
      <c r="A35940" t="s">
        <v>22285</v>
      </c>
      <c r="B35940" t="s">
        <v>22286</v>
      </c>
      <c r="C35940" t="s">
        <v>22203</v>
      </c>
      <c r="D35940" t="s">
        <v>22204</v>
      </c>
      <c r="E35940" t="s">
        <v>22205</v>
      </c>
      <c r="F35940" t="s">
        <v>22206</v>
      </c>
      <c r="G35940" t="s">
        <v>20255</v>
      </c>
      <c r="H35940" t="s">
        <v>20256</v>
      </c>
      <c r="I35940" s="2">
        <v>1</v>
      </c>
      <c r="J35940" s="2">
        <v>0</v>
      </c>
      <c r="K35940" s="2">
        <v>0</v>
      </c>
      <c r="L35940" t="s">
        <v>120</v>
      </c>
      <c r="M35940" t="s">
        <v>89</v>
      </c>
      <c r="N35940" t="s">
        <v>90</v>
      </c>
      <c r="O35940" t="s">
        <v>85</v>
      </c>
      <c r="P35940" t="s">
        <v>86</v>
      </c>
      <c r="Q35940">
        <v>43</v>
      </c>
      <c r="R35940">
        <v>44</v>
      </c>
      <c r="S35940">
        <v>45</v>
      </c>
      <c r="T35940">
        <v>47</v>
      </c>
      <c r="U35940">
        <v>48</v>
      </c>
      <c r="V35940">
        <v>49</v>
      </c>
      <c r="W35940">
        <v>50</v>
      </c>
      <c r="X35940">
        <v>51</v>
      </c>
      <c r="Y35940">
        <v>52</v>
      </c>
      <c r="Z35940">
        <v>53</v>
      </c>
      <c r="AA35940">
        <v>54</v>
      </c>
      <c r="AB35940">
        <v>55</v>
      </c>
      <c r="AC35940">
        <v>56</v>
      </c>
      <c r="AD35940">
        <v>58</v>
      </c>
      <c r="AE35940">
        <v>58</v>
      </c>
      <c r="AF35940">
        <v>59</v>
      </c>
      <c r="AG35940">
        <v>59</v>
      </c>
      <c r="AH35940">
        <v>60</v>
      </c>
      <c r="AI35940">
        <v>60</v>
      </c>
      <c r="AJ35940">
        <v>61</v>
      </c>
      <c r="AK35940">
        <v>61</v>
      </c>
      <c r="AL35940">
        <v>62</v>
      </c>
      <c r="AM35940">
        <v>62</v>
      </c>
      <c r="AN35940">
        <v>62</v>
      </c>
      <c r="AO35940">
        <v>63</v>
      </c>
      <c r="AP35940">
        <v>63</v>
      </c>
      <c r="AQ35940">
        <v>64</v>
      </c>
    </row>
    <row r="35941" spans="1:43">
      <c r="A35941" t="s">
        <v>22285</v>
      </c>
      <c r="B35941" t="s">
        <v>22286</v>
      </c>
      <c r="C35941" t="s">
        <v>22203</v>
      </c>
      <c r="D35941" t="s">
        <v>22204</v>
      </c>
      <c r="E35941" t="s">
        <v>22205</v>
      </c>
      <c r="F35941" t="s">
        <v>22206</v>
      </c>
      <c r="G35941" t="s">
        <v>20255</v>
      </c>
      <c r="H35941" t="s">
        <v>20256</v>
      </c>
      <c r="I35941" s="2">
        <v>1</v>
      </c>
      <c r="J35941" s="2">
        <v>0</v>
      </c>
      <c r="K35941" s="2">
        <v>0</v>
      </c>
      <c r="L35941" t="s">
        <v>120</v>
      </c>
      <c r="M35941" t="s">
        <v>83</v>
      </c>
      <c r="N35941" t="s">
        <v>91</v>
      </c>
      <c r="O35941" t="s">
        <v>85</v>
      </c>
      <c r="P35941" t="s">
        <v>86</v>
      </c>
      <c r="Q35941">
        <v>43</v>
      </c>
      <c r="R35941">
        <v>43</v>
      </c>
      <c r="S35941">
        <v>44</v>
      </c>
      <c r="T35941">
        <v>45</v>
      </c>
      <c r="U35941">
        <v>46</v>
      </c>
      <c r="V35941">
        <v>47</v>
      </c>
      <c r="W35941">
        <v>48</v>
      </c>
      <c r="X35941">
        <v>49</v>
      </c>
      <c r="Y35941">
        <v>49</v>
      </c>
      <c r="Z35941">
        <v>50</v>
      </c>
      <c r="AA35941">
        <v>51</v>
      </c>
      <c r="AB35941">
        <v>52</v>
      </c>
      <c r="AC35941">
        <v>53</v>
      </c>
      <c r="AD35941">
        <v>54</v>
      </c>
      <c r="AE35941">
        <v>55</v>
      </c>
      <c r="AF35941">
        <v>55</v>
      </c>
      <c r="AG35941">
        <v>56</v>
      </c>
      <c r="AH35941">
        <v>57</v>
      </c>
      <c r="AI35941">
        <v>58</v>
      </c>
      <c r="AJ35941">
        <v>59</v>
      </c>
      <c r="AK35941">
        <v>60</v>
      </c>
      <c r="AL35941">
        <v>61</v>
      </c>
      <c r="AM35941">
        <v>61</v>
      </c>
      <c r="AN35941">
        <v>62</v>
      </c>
      <c r="AO35941">
        <v>62</v>
      </c>
      <c r="AP35941">
        <v>63</v>
      </c>
      <c r="AQ35941">
        <v>63</v>
      </c>
    </row>
    <row r="35942" spans="1:43">
      <c r="A35942" t="s">
        <v>22287</v>
      </c>
      <c r="B35942" t="s">
        <v>22288</v>
      </c>
      <c r="C35942" t="s">
        <v>22203</v>
      </c>
      <c r="D35942" t="s">
        <v>22204</v>
      </c>
      <c r="E35942" t="s">
        <v>22205</v>
      </c>
      <c r="F35942" t="s">
        <v>22206</v>
      </c>
      <c r="G35942" t="s">
        <v>20255</v>
      </c>
      <c r="H35942" t="s">
        <v>20256</v>
      </c>
      <c r="I35942" s="2">
        <v>1</v>
      </c>
      <c r="J35942" s="2">
        <v>0</v>
      </c>
      <c r="K35942" s="2">
        <v>0</v>
      </c>
      <c r="L35942" t="s">
        <v>120</v>
      </c>
      <c r="M35942" t="s">
        <v>83</v>
      </c>
      <c r="N35942" t="s">
        <v>84</v>
      </c>
      <c r="O35942" t="s">
        <v>85</v>
      </c>
      <c r="P35942" t="s">
        <v>86</v>
      </c>
      <c r="Q35942">
        <v>55</v>
      </c>
      <c r="R35942">
        <v>56</v>
      </c>
      <c r="S35942">
        <v>57</v>
      </c>
      <c r="T35942">
        <v>58</v>
      </c>
      <c r="U35942">
        <v>59</v>
      </c>
      <c r="V35942">
        <v>61</v>
      </c>
      <c r="W35942">
        <v>62</v>
      </c>
      <c r="X35942">
        <v>63</v>
      </c>
      <c r="Y35942">
        <v>64</v>
      </c>
      <c r="Z35942">
        <v>65</v>
      </c>
      <c r="AA35942">
        <v>66</v>
      </c>
      <c r="AB35942">
        <v>67</v>
      </c>
      <c r="AC35942">
        <v>68</v>
      </c>
      <c r="AD35942">
        <v>69</v>
      </c>
      <c r="AE35942">
        <v>70</v>
      </c>
      <c r="AF35942">
        <v>72</v>
      </c>
      <c r="AG35942">
        <v>73</v>
      </c>
      <c r="AH35942">
        <v>74</v>
      </c>
      <c r="AI35942">
        <v>75</v>
      </c>
      <c r="AJ35942">
        <v>76</v>
      </c>
      <c r="AK35942">
        <v>78</v>
      </c>
      <c r="AL35942">
        <v>78</v>
      </c>
      <c r="AM35942">
        <v>79</v>
      </c>
      <c r="AN35942">
        <v>80</v>
      </c>
      <c r="AO35942">
        <v>80</v>
      </c>
      <c r="AP35942">
        <v>81</v>
      </c>
      <c r="AQ35942">
        <v>81</v>
      </c>
    </row>
    <row r="35943" spans="1:43">
      <c r="A35943" t="s">
        <v>22287</v>
      </c>
      <c r="B35943" t="s">
        <v>22288</v>
      </c>
      <c r="C35943" t="s">
        <v>22203</v>
      </c>
      <c r="D35943" t="s">
        <v>22204</v>
      </c>
      <c r="E35943" t="s">
        <v>22205</v>
      </c>
      <c r="F35943" t="s">
        <v>22206</v>
      </c>
      <c r="G35943" t="s">
        <v>20255</v>
      </c>
      <c r="H35943" t="s">
        <v>20256</v>
      </c>
      <c r="I35943" s="2">
        <v>1</v>
      </c>
      <c r="J35943" s="2">
        <v>0</v>
      </c>
      <c r="K35943" s="2">
        <v>0</v>
      </c>
      <c r="L35943" t="s">
        <v>120</v>
      </c>
      <c r="M35943" t="s">
        <v>87</v>
      </c>
      <c r="N35943" t="s">
        <v>88</v>
      </c>
      <c r="O35943" t="s">
        <v>85</v>
      </c>
      <c r="P35943" t="s">
        <v>86</v>
      </c>
      <c r="Q35943">
        <v>55</v>
      </c>
      <c r="R35943">
        <v>55</v>
      </c>
      <c r="S35943">
        <v>56</v>
      </c>
      <c r="T35943">
        <v>56</v>
      </c>
      <c r="U35943">
        <v>57</v>
      </c>
      <c r="V35943">
        <v>57</v>
      </c>
      <c r="W35943">
        <v>58</v>
      </c>
      <c r="X35943">
        <v>58</v>
      </c>
      <c r="Y35943">
        <v>59</v>
      </c>
      <c r="Z35943">
        <v>60</v>
      </c>
      <c r="AA35943">
        <v>60</v>
      </c>
      <c r="AB35943">
        <v>61</v>
      </c>
      <c r="AC35943">
        <v>61</v>
      </c>
      <c r="AD35943">
        <v>62</v>
      </c>
      <c r="AE35943">
        <v>63</v>
      </c>
      <c r="AF35943">
        <v>63</v>
      </c>
      <c r="AG35943">
        <v>64</v>
      </c>
      <c r="AH35943">
        <v>65</v>
      </c>
      <c r="AI35943">
        <v>65</v>
      </c>
      <c r="AJ35943">
        <v>66</v>
      </c>
      <c r="AK35943">
        <v>66</v>
      </c>
      <c r="AL35943">
        <v>67</v>
      </c>
      <c r="AM35943">
        <v>68</v>
      </c>
      <c r="AN35943">
        <v>68</v>
      </c>
      <c r="AO35943">
        <v>69</v>
      </c>
      <c r="AP35943">
        <v>70</v>
      </c>
      <c r="AQ35943">
        <v>71</v>
      </c>
    </row>
    <row r="35944" spans="1:43">
      <c r="A35944" t="s">
        <v>22287</v>
      </c>
      <c r="B35944" t="s">
        <v>22288</v>
      </c>
      <c r="C35944" t="s">
        <v>22203</v>
      </c>
      <c r="D35944" t="s">
        <v>22204</v>
      </c>
      <c r="E35944" t="s">
        <v>22205</v>
      </c>
      <c r="F35944" t="s">
        <v>22206</v>
      </c>
      <c r="G35944" t="s">
        <v>20255</v>
      </c>
      <c r="H35944" t="s">
        <v>20256</v>
      </c>
      <c r="I35944" s="2">
        <v>1</v>
      </c>
      <c r="J35944" s="2">
        <v>0</v>
      </c>
      <c r="K35944" s="2">
        <v>0</v>
      </c>
      <c r="L35944" t="s">
        <v>120</v>
      </c>
      <c r="M35944" t="s">
        <v>89</v>
      </c>
      <c r="N35944" t="s">
        <v>90</v>
      </c>
      <c r="O35944" t="s">
        <v>85</v>
      </c>
      <c r="P35944" t="s">
        <v>86</v>
      </c>
      <c r="Q35944">
        <v>55</v>
      </c>
      <c r="R35944">
        <v>56</v>
      </c>
      <c r="S35944">
        <v>58</v>
      </c>
      <c r="T35944">
        <v>59</v>
      </c>
      <c r="U35944">
        <v>61</v>
      </c>
      <c r="V35944">
        <v>62</v>
      </c>
      <c r="W35944">
        <v>64</v>
      </c>
      <c r="X35944">
        <v>65</v>
      </c>
      <c r="Y35944">
        <v>66</v>
      </c>
      <c r="Z35944">
        <v>68</v>
      </c>
      <c r="AA35944">
        <v>69</v>
      </c>
      <c r="AB35944">
        <v>71</v>
      </c>
      <c r="AC35944">
        <v>72</v>
      </c>
      <c r="AD35944">
        <v>73</v>
      </c>
      <c r="AE35944">
        <v>74</v>
      </c>
      <c r="AF35944">
        <v>75</v>
      </c>
      <c r="AG35944">
        <v>76</v>
      </c>
      <c r="AH35944">
        <v>76</v>
      </c>
      <c r="AI35944">
        <v>77</v>
      </c>
      <c r="AJ35944">
        <v>77</v>
      </c>
      <c r="AK35944">
        <v>78</v>
      </c>
      <c r="AL35944">
        <v>79</v>
      </c>
      <c r="AM35944">
        <v>79</v>
      </c>
      <c r="AN35944">
        <v>80</v>
      </c>
      <c r="AO35944">
        <v>80</v>
      </c>
      <c r="AP35944">
        <v>81</v>
      </c>
      <c r="AQ35944">
        <v>81</v>
      </c>
    </row>
    <row r="35945" spans="1:43">
      <c r="A35945" t="s">
        <v>22287</v>
      </c>
      <c r="B35945" t="s">
        <v>22288</v>
      </c>
      <c r="C35945" t="s">
        <v>22203</v>
      </c>
      <c r="D35945" t="s">
        <v>22204</v>
      </c>
      <c r="E35945" t="s">
        <v>22205</v>
      </c>
      <c r="F35945" t="s">
        <v>22206</v>
      </c>
      <c r="G35945" t="s">
        <v>20255</v>
      </c>
      <c r="H35945" t="s">
        <v>20256</v>
      </c>
      <c r="I35945" s="2">
        <v>1</v>
      </c>
      <c r="J35945" s="2">
        <v>0</v>
      </c>
      <c r="K35945" s="2">
        <v>0</v>
      </c>
      <c r="L35945" t="s">
        <v>120</v>
      </c>
      <c r="M35945" t="s">
        <v>83</v>
      </c>
      <c r="N35945" t="s">
        <v>91</v>
      </c>
      <c r="O35945" t="s">
        <v>85</v>
      </c>
      <c r="P35945" t="s">
        <v>86</v>
      </c>
      <c r="Q35945">
        <v>55</v>
      </c>
      <c r="R35945">
        <v>56</v>
      </c>
      <c r="S35945">
        <v>57</v>
      </c>
      <c r="T35945">
        <v>58</v>
      </c>
      <c r="U35945">
        <v>59</v>
      </c>
      <c r="V35945">
        <v>61</v>
      </c>
      <c r="W35945">
        <v>62</v>
      </c>
      <c r="X35945">
        <v>63</v>
      </c>
      <c r="Y35945">
        <v>64</v>
      </c>
      <c r="Z35945">
        <v>65</v>
      </c>
      <c r="AA35945">
        <v>66</v>
      </c>
      <c r="AB35945">
        <v>67</v>
      </c>
      <c r="AC35945">
        <v>68</v>
      </c>
      <c r="AD35945">
        <v>69</v>
      </c>
      <c r="AE35945">
        <v>70</v>
      </c>
      <c r="AF35945">
        <v>72</v>
      </c>
      <c r="AG35945">
        <v>73</v>
      </c>
      <c r="AH35945">
        <v>74</v>
      </c>
      <c r="AI35945">
        <v>75</v>
      </c>
      <c r="AJ35945">
        <v>76</v>
      </c>
      <c r="AK35945">
        <v>78</v>
      </c>
      <c r="AL35945">
        <v>78</v>
      </c>
      <c r="AM35945">
        <v>79</v>
      </c>
      <c r="AN35945">
        <v>80</v>
      </c>
      <c r="AO35945">
        <v>80</v>
      </c>
      <c r="AP35945">
        <v>81</v>
      </c>
      <c r="AQ35945">
        <v>81</v>
      </c>
    </row>
    <row r="35946" spans="1:43">
      <c r="A35946" t="s">
        <v>22289</v>
      </c>
      <c r="B35946" t="s">
        <v>22290</v>
      </c>
      <c r="C35946" t="s">
        <v>22203</v>
      </c>
      <c r="D35946" t="s">
        <v>22204</v>
      </c>
      <c r="E35946" t="s">
        <v>22205</v>
      </c>
      <c r="F35946" t="s">
        <v>22206</v>
      </c>
      <c r="G35946" t="s">
        <v>20255</v>
      </c>
      <c r="H35946" t="s">
        <v>20256</v>
      </c>
      <c r="I35946" s="2">
        <v>1</v>
      </c>
      <c r="J35946" s="2">
        <v>0</v>
      </c>
      <c r="K35946" s="2">
        <v>0</v>
      </c>
      <c r="L35946" t="s">
        <v>120</v>
      </c>
      <c r="M35946" t="s">
        <v>83</v>
      </c>
      <c r="N35946" t="s">
        <v>84</v>
      </c>
      <c r="O35946" t="s">
        <v>85</v>
      </c>
      <c r="P35946" t="s">
        <v>86</v>
      </c>
      <c r="Q35946">
        <v>24</v>
      </c>
      <c r="R35946">
        <v>24</v>
      </c>
      <c r="S35946">
        <v>25</v>
      </c>
      <c r="T35946">
        <v>25</v>
      </c>
      <c r="U35946">
        <v>26</v>
      </c>
      <c r="V35946">
        <v>26</v>
      </c>
      <c r="W35946">
        <v>27</v>
      </c>
      <c r="X35946">
        <v>27</v>
      </c>
      <c r="Y35946">
        <v>27</v>
      </c>
      <c r="Z35946">
        <v>28</v>
      </c>
      <c r="AA35946">
        <v>28</v>
      </c>
      <c r="AB35946">
        <v>29</v>
      </c>
      <c r="AC35946">
        <v>29</v>
      </c>
      <c r="AD35946">
        <v>30</v>
      </c>
      <c r="AE35946">
        <v>30</v>
      </c>
      <c r="AF35946">
        <v>31</v>
      </c>
      <c r="AG35946">
        <v>31</v>
      </c>
      <c r="AH35946">
        <v>32</v>
      </c>
      <c r="AI35946">
        <v>32</v>
      </c>
      <c r="AJ35946">
        <v>33</v>
      </c>
      <c r="AK35946">
        <v>33</v>
      </c>
      <c r="AL35946">
        <v>34</v>
      </c>
      <c r="AM35946">
        <v>34</v>
      </c>
      <c r="AN35946">
        <v>34</v>
      </c>
      <c r="AO35946">
        <v>35</v>
      </c>
      <c r="AP35946">
        <v>35</v>
      </c>
      <c r="AQ35946">
        <v>35</v>
      </c>
    </row>
    <row r="35947" spans="1:43">
      <c r="A35947" t="s">
        <v>22289</v>
      </c>
      <c r="B35947" t="s">
        <v>22290</v>
      </c>
      <c r="C35947" t="s">
        <v>22203</v>
      </c>
      <c r="D35947" t="s">
        <v>22204</v>
      </c>
      <c r="E35947" t="s">
        <v>22205</v>
      </c>
      <c r="F35947" t="s">
        <v>22206</v>
      </c>
      <c r="G35947" t="s">
        <v>20255</v>
      </c>
      <c r="H35947" t="s">
        <v>20256</v>
      </c>
      <c r="I35947" s="2">
        <v>1</v>
      </c>
      <c r="J35947" s="2">
        <v>0</v>
      </c>
      <c r="K35947" s="2">
        <v>0</v>
      </c>
      <c r="L35947" t="s">
        <v>120</v>
      </c>
      <c r="M35947" t="s">
        <v>87</v>
      </c>
      <c r="N35947" t="s">
        <v>88</v>
      </c>
      <c r="O35947" t="s">
        <v>85</v>
      </c>
      <c r="P35947" t="s">
        <v>86</v>
      </c>
      <c r="Q35947">
        <v>24</v>
      </c>
      <c r="R35947">
        <v>25</v>
      </c>
      <c r="S35947">
        <v>25</v>
      </c>
      <c r="T35947">
        <v>25</v>
      </c>
      <c r="U35947">
        <v>25</v>
      </c>
      <c r="V35947">
        <v>26</v>
      </c>
      <c r="W35947">
        <v>26</v>
      </c>
      <c r="X35947">
        <v>26</v>
      </c>
      <c r="Y35947">
        <v>26</v>
      </c>
      <c r="Z35947">
        <v>27</v>
      </c>
      <c r="AA35947">
        <v>27</v>
      </c>
      <c r="AB35947">
        <v>27</v>
      </c>
      <c r="AC35947">
        <v>27</v>
      </c>
      <c r="AD35947">
        <v>28</v>
      </c>
      <c r="AE35947">
        <v>28</v>
      </c>
      <c r="AF35947">
        <v>28</v>
      </c>
      <c r="AG35947">
        <v>28</v>
      </c>
      <c r="AH35947">
        <v>29</v>
      </c>
      <c r="AI35947">
        <v>29</v>
      </c>
      <c r="AJ35947">
        <v>29</v>
      </c>
      <c r="AK35947">
        <v>30</v>
      </c>
      <c r="AL35947">
        <v>30</v>
      </c>
      <c r="AM35947">
        <v>30</v>
      </c>
      <c r="AN35947">
        <v>30</v>
      </c>
      <c r="AO35947">
        <v>31</v>
      </c>
      <c r="AP35947">
        <v>31</v>
      </c>
      <c r="AQ35947">
        <v>31</v>
      </c>
    </row>
    <row r="35948" spans="1:43">
      <c r="A35948" t="s">
        <v>22289</v>
      </c>
      <c r="B35948" t="s">
        <v>22290</v>
      </c>
      <c r="C35948" t="s">
        <v>22203</v>
      </c>
      <c r="D35948" t="s">
        <v>22204</v>
      </c>
      <c r="E35948" t="s">
        <v>22205</v>
      </c>
      <c r="F35948" t="s">
        <v>22206</v>
      </c>
      <c r="G35948" t="s">
        <v>20255</v>
      </c>
      <c r="H35948" t="s">
        <v>20256</v>
      </c>
      <c r="I35948" s="2">
        <v>1</v>
      </c>
      <c r="J35948" s="2">
        <v>0</v>
      </c>
      <c r="K35948" s="2">
        <v>0</v>
      </c>
      <c r="L35948" t="s">
        <v>120</v>
      </c>
      <c r="M35948" t="s">
        <v>89</v>
      </c>
      <c r="N35948" t="s">
        <v>90</v>
      </c>
      <c r="O35948" t="s">
        <v>85</v>
      </c>
      <c r="P35948" t="s">
        <v>86</v>
      </c>
      <c r="Q35948">
        <v>24</v>
      </c>
      <c r="R35948">
        <v>25</v>
      </c>
      <c r="S35948">
        <v>25</v>
      </c>
      <c r="T35948">
        <v>26</v>
      </c>
      <c r="U35948">
        <v>27</v>
      </c>
      <c r="V35948">
        <v>27</v>
      </c>
      <c r="W35948">
        <v>28</v>
      </c>
      <c r="X35948">
        <v>28</v>
      </c>
      <c r="Y35948">
        <v>29</v>
      </c>
      <c r="Z35948">
        <v>30</v>
      </c>
      <c r="AA35948">
        <v>30</v>
      </c>
      <c r="AB35948">
        <v>31</v>
      </c>
      <c r="AC35948">
        <v>31</v>
      </c>
      <c r="AD35948">
        <v>32</v>
      </c>
      <c r="AE35948">
        <v>32</v>
      </c>
      <c r="AF35948">
        <v>33</v>
      </c>
      <c r="AG35948">
        <v>33</v>
      </c>
      <c r="AH35948">
        <v>33</v>
      </c>
      <c r="AI35948">
        <v>33</v>
      </c>
      <c r="AJ35948">
        <v>34</v>
      </c>
      <c r="AK35948">
        <v>34</v>
      </c>
      <c r="AL35948">
        <v>34</v>
      </c>
      <c r="AM35948">
        <v>34</v>
      </c>
      <c r="AN35948">
        <v>35</v>
      </c>
      <c r="AO35948">
        <v>35</v>
      </c>
      <c r="AP35948">
        <v>35</v>
      </c>
      <c r="AQ35948">
        <v>35</v>
      </c>
    </row>
    <row r="35949" spans="1:43">
      <c r="A35949" t="s">
        <v>22289</v>
      </c>
      <c r="B35949" t="s">
        <v>22290</v>
      </c>
      <c r="C35949" t="s">
        <v>22203</v>
      </c>
      <c r="D35949" t="s">
        <v>22204</v>
      </c>
      <c r="E35949" t="s">
        <v>22205</v>
      </c>
      <c r="F35949" t="s">
        <v>22206</v>
      </c>
      <c r="G35949" t="s">
        <v>20255</v>
      </c>
      <c r="H35949" t="s">
        <v>20256</v>
      </c>
      <c r="I35949" s="2">
        <v>1</v>
      </c>
      <c r="J35949" s="2">
        <v>0</v>
      </c>
      <c r="K35949" s="2">
        <v>0</v>
      </c>
      <c r="L35949" t="s">
        <v>120</v>
      </c>
      <c r="M35949" t="s">
        <v>83</v>
      </c>
      <c r="N35949" t="s">
        <v>91</v>
      </c>
      <c r="O35949" t="s">
        <v>85</v>
      </c>
      <c r="P35949" t="s">
        <v>86</v>
      </c>
      <c r="Q35949">
        <v>24</v>
      </c>
      <c r="R35949">
        <v>24</v>
      </c>
      <c r="S35949">
        <v>25</v>
      </c>
      <c r="T35949">
        <v>25</v>
      </c>
      <c r="U35949">
        <v>26</v>
      </c>
      <c r="V35949">
        <v>26</v>
      </c>
      <c r="W35949">
        <v>27</v>
      </c>
      <c r="X35949">
        <v>27</v>
      </c>
      <c r="Y35949">
        <v>27</v>
      </c>
      <c r="Z35949">
        <v>28</v>
      </c>
      <c r="AA35949">
        <v>28</v>
      </c>
      <c r="AB35949">
        <v>29</v>
      </c>
      <c r="AC35949">
        <v>29</v>
      </c>
      <c r="AD35949">
        <v>30</v>
      </c>
      <c r="AE35949">
        <v>30</v>
      </c>
      <c r="AF35949">
        <v>31</v>
      </c>
      <c r="AG35949">
        <v>31</v>
      </c>
      <c r="AH35949">
        <v>32</v>
      </c>
      <c r="AI35949">
        <v>32</v>
      </c>
      <c r="AJ35949">
        <v>33</v>
      </c>
      <c r="AK35949">
        <v>33</v>
      </c>
      <c r="AL35949">
        <v>34</v>
      </c>
      <c r="AM35949">
        <v>34</v>
      </c>
      <c r="AN35949">
        <v>34</v>
      </c>
      <c r="AO35949">
        <v>35</v>
      </c>
      <c r="AP35949">
        <v>35</v>
      </c>
      <c r="AQ35949">
        <v>35</v>
      </c>
    </row>
    <row r="35950" spans="1:43">
      <c r="A35950" t="s">
        <v>22291</v>
      </c>
      <c r="B35950" t="s">
        <v>22292</v>
      </c>
      <c r="C35950" t="s">
        <v>22273</v>
      </c>
      <c r="D35950" t="s">
        <v>22274</v>
      </c>
      <c r="E35950" t="s">
        <v>22205</v>
      </c>
      <c r="F35950" t="s">
        <v>22206</v>
      </c>
      <c r="G35950" t="s">
        <v>20255</v>
      </c>
      <c r="H35950" t="s">
        <v>20256</v>
      </c>
      <c r="I35950" s="2">
        <v>1</v>
      </c>
      <c r="J35950" s="2">
        <v>0</v>
      </c>
      <c r="K35950" s="2">
        <v>0</v>
      </c>
      <c r="L35950" t="s">
        <v>120</v>
      </c>
      <c r="M35950" t="s">
        <v>83</v>
      </c>
      <c r="N35950" t="s">
        <v>84</v>
      </c>
      <c r="O35950" t="s">
        <v>85</v>
      </c>
      <c r="P35950" t="s">
        <v>86</v>
      </c>
      <c r="Q35950">
        <v>69</v>
      </c>
      <c r="R35950">
        <v>70</v>
      </c>
      <c r="S35950">
        <v>71</v>
      </c>
      <c r="T35950">
        <v>73</v>
      </c>
      <c r="U35950">
        <v>74</v>
      </c>
      <c r="V35950">
        <v>75</v>
      </c>
      <c r="W35950">
        <v>77</v>
      </c>
      <c r="X35950">
        <v>78</v>
      </c>
      <c r="Y35950">
        <v>79</v>
      </c>
      <c r="Z35950">
        <v>81</v>
      </c>
      <c r="AA35950">
        <v>82</v>
      </c>
      <c r="AB35950">
        <v>84</v>
      </c>
      <c r="AC35950">
        <v>85</v>
      </c>
      <c r="AD35950">
        <v>86</v>
      </c>
      <c r="AE35950">
        <v>88</v>
      </c>
      <c r="AF35950">
        <v>89</v>
      </c>
      <c r="AG35950">
        <v>91</v>
      </c>
      <c r="AH35950">
        <v>92</v>
      </c>
      <c r="AI35950">
        <v>94</v>
      </c>
      <c r="AJ35950">
        <v>95</v>
      </c>
      <c r="AK35950">
        <v>97</v>
      </c>
      <c r="AL35950">
        <v>98</v>
      </c>
      <c r="AM35950">
        <v>98</v>
      </c>
      <c r="AN35950">
        <v>99</v>
      </c>
      <c r="AO35950">
        <v>100</v>
      </c>
      <c r="AP35950">
        <v>100</v>
      </c>
      <c r="AQ35950">
        <v>101</v>
      </c>
    </row>
    <row r="35951" spans="1:43">
      <c r="A35951" t="s">
        <v>22291</v>
      </c>
      <c r="B35951" t="s">
        <v>22292</v>
      </c>
      <c r="C35951" t="s">
        <v>22273</v>
      </c>
      <c r="D35951" t="s">
        <v>22274</v>
      </c>
      <c r="E35951" t="s">
        <v>22205</v>
      </c>
      <c r="F35951" t="s">
        <v>22206</v>
      </c>
      <c r="G35951" t="s">
        <v>20255</v>
      </c>
      <c r="H35951" t="s">
        <v>20256</v>
      </c>
      <c r="I35951" s="2">
        <v>1</v>
      </c>
      <c r="J35951" s="2">
        <v>0</v>
      </c>
      <c r="K35951" s="2">
        <v>0</v>
      </c>
      <c r="L35951" t="s">
        <v>120</v>
      </c>
      <c r="M35951" t="s">
        <v>87</v>
      </c>
      <c r="N35951" t="s">
        <v>88</v>
      </c>
      <c r="O35951" t="s">
        <v>85</v>
      </c>
      <c r="P35951" t="s">
        <v>86</v>
      </c>
      <c r="Q35951">
        <v>69</v>
      </c>
      <c r="R35951">
        <v>70</v>
      </c>
      <c r="S35951">
        <v>70</v>
      </c>
      <c r="T35951">
        <v>71</v>
      </c>
      <c r="U35951">
        <v>72</v>
      </c>
      <c r="V35951">
        <v>72</v>
      </c>
      <c r="W35951">
        <v>73</v>
      </c>
      <c r="X35951">
        <v>74</v>
      </c>
      <c r="Y35951">
        <v>75</v>
      </c>
      <c r="Z35951">
        <v>75</v>
      </c>
      <c r="AA35951">
        <v>76</v>
      </c>
      <c r="AB35951">
        <v>77</v>
      </c>
      <c r="AC35951">
        <v>77</v>
      </c>
      <c r="AD35951">
        <v>78</v>
      </c>
      <c r="AE35951">
        <v>79</v>
      </c>
      <c r="AF35951">
        <v>80</v>
      </c>
      <c r="AG35951">
        <v>81</v>
      </c>
      <c r="AH35951">
        <v>81</v>
      </c>
      <c r="AI35951">
        <v>82</v>
      </c>
      <c r="AJ35951">
        <v>83</v>
      </c>
      <c r="AK35951">
        <v>84</v>
      </c>
      <c r="AL35951">
        <v>85</v>
      </c>
      <c r="AM35951">
        <v>85</v>
      </c>
      <c r="AN35951">
        <v>86</v>
      </c>
      <c r="AO35951">
        <v>87</v>
      </c>
      <c r="AP35951">
        <v>88</v>
      </c>
      <c r="AQ35951">
        <v>89</v>
      </c>
    </row>
    <row r="35952" spans="1:43">
      <c r="A35952" t="s">
        <v>22291</v>
      </c>
      <c r="B35952" t="s">
        <v>22292</v>
      </c>
      <c r="C35952" t="s">
        <v>22273</v>
      </c>
      <c r="D35952" t="s">
        <v>22274</v>
      </c>
      <c r="E35952" t="s">
        <v>22205</v>
      </c>
      <c r="F35952" t="s">
        <v>22206</v>
      </c>
      <c r="G35952" t="s">
        <v>20255</v>
      </c>
      <c r="H35952" t="s">
        <v>20256</v>
      </c>
      <c r="I35952" s="2">
        <v>1</v>
      </c>
      <c r="J35952" s="2">
        <v>0</v>
      </c>
      <c r="K35952" s="2">
        <v>0</v>
      </c>
      <c r="L35952" t="s">
        <v>120</v>
      </c>
      <c r="M35952" t="s">
        <v>89</v>
      </c>
      <c r="N35952" t="s">
        <v>90</v>
      </c>
      <c r="O35952" t="s">
        <v>85</v>
      </c>
      <c r="P35952" t="s">
        <v>86</v>
      </c>
      <c r="Q35952">
        <v>69</v>
      </c>
      <c r="R35952">
        <v>71</v>
      </c>
      <c r="S35952">
        <v>73</v>
      </c>
      <c r="T35952">
        <v>75</v>
      </c>
      <c r="U35952">
        <v>77</v>
      </c>
      <c r="V35952">
        <v>79</v>
      </c>
      <c r="W35952">
        <v>81</v>
      </c>
      <c r="X35952">
        <v>82</v>
      </c>
      <c r="Y35952">
        <v>84</v>
      </c>
      <c r="Z35952">
        <v>86</v>
      </c>
      <c r="AA35952">
        <v>87</v>
      </c>
      <c r="AB35952">
        <v>89</v>
      </c>
      <c r="AC35952">
        <v>91</v>
      </c>
      <c r="AD35952">
        <v>93</v>
      </c>
      <c r="AE35952">
        <v>94</v>
      </c>
      <c r="AF35952">
        <v>95</v>
      </c>
      <c r="AG35952">
        <v>95</v>
      </c>
      <c r="AH35952">
        <v>96</v>
      </c>
      <c r="AI35952">
        <v>97</v>
      </c>
      <c r="AJ35952">
        <v>97</v>
      </c>
      <c r="AK35952">
        <v>98</v>
      </c>
      <c r="AL35952">
        <v>99</v>
      </c>
      <c r="AM35952">
        <v>99</v>
      </c>
      <c r="AN35952">
        <v>100</v>
      </c>
      <c r="AO35952">
        <v>101</v>
      </c>
      <c r="AP35952">
        <v>101</v>
      </c>
      <c r="AQ35952">
        <v>102</v>
      </c>
    </row>
    <row r="35953" spans="1:43">
      <c r="A35953" t="s">
        <v>22291</v>
      </c>
      <c r="B35953" t="s">
        <v>22292</v>
      </c>
      <c r="C35953" t="s">
        <v>22273</v>
      </c>
      <c r="D35953" t="s">
        <v>22274</v>
      </c>
      <c r="E35953" t="s">
        <v>22205</v>
      </c>
      <c r="F35953" t="s">
        <v>22206</v>
      </c>
      <c r="G35953" t="s">
        <v>20255</v>
      </c>
      <c r="H35953" t="s">
        <v>20256</v>
      </c>
      <c r="I35953" s="2">
        <v>1</v>
      </c>
      <c r="J35953" s="2">
        <v>0</v>
      </c>
      <c r="K35953" s="2">
        <v>0</v>
      </c>
      <c r="L35953" t="s">
        <v>120</v>
      </c>
      <c r="M35953" t="s">
        <v>83</v>
      </c>
      <c r="N35953" t="s">
        <v>91</v>
      </c>
      <c r="O35953" t="s">
        <v>85</v>
      </c>
      <c r="P35953" t="s">
        <v>86</v>
      </c>
      <c r="Q35953">
        <v>69</v>
      </c>
      <c r="R35953">
        <v>70</v>
      </c>
      <c r="S35953">
        <v>71</v>
      </c>
      <c r="T35953">
        <v>73</v>
      </c>
      <c r="U35953">
        <v>74</v>
      </c>
      <c r="V35953">
        <v>75</v>
      </c>
      <c r="W35953">
        <v>77</v>
      </c>
      <c r="X35953">
        <v>78</v>
      </c>
      <c r="Y35953">
        <v>79</v>
      </c>
      <c r="Z35953">
        <v>81</v>
      </c>
      <c r="AA35953">
        <v>82</v>
      </c>
      <c r="AB35953">
        <v>84</v>
      </c>
      <c r="AC35953">
        <v>85</v>
      </c>
      <c r="AD35953">
        <v>86</v>
      </c>
      <c r="AE35953">
        <v>88</v>
      </c>
      <c r="AF35953">
        <v>89</v>
      </c>
      <c r="AG35953">
        <v>91</v>
      </c>
      <c r="AH35953">
        <v>92</v>
      </c>
      <c r="AI35953">
        <v>94</v>
      </c>
      <c r="AJ35953">
        <v>95</v>
      </c>
      <c r="AK35953">
        <v>97</v>
      </c>
      <c r="AL35953">
        <v>98</v>
      </c>
      <c r="AM35953">
        <v>98</v>
      </c>
      <c r="AN35953">
        <v>99</v>
      </c>
      <c r="AO35953">
        <v>100</v>
      </c>
      <c r="AP35953">
        <v>100</v>
      </c>
      <c r="AQ35953">
        <v>101</v>
      </c>
    </row>
    <row r="35954" spans="1:43">
      <c r="A35954" t="s">
        <v>22293</v>
      </c>
      <c r="B35954" t="s">
        <v>22294</v>
      </c>
      <c r="C35954" t="s">
        <v>22273</v>
      </c>
      <c r="D35954" t="s">
        <v>22274</v>
      </c>
      <c r="E35954" t="s">
        <v>22205</v>
      </c>
      <c r="F35954" t="s">
        <v>22206</v>
      </c>
      <c r="G35954" t="s">
        <v>20255</v>
      </c>
      <c r="H35954" t="s">
        <v>20256</v>
      </c>
      <c r="I35954" s="2">
        <v>1</v>
      </c>
      <c r="J35954" s="2">
        <v>0</v>
      </c>
      <c r="K35954" s="2">
        <v>0</v>
      </c>
      <c r="L35954" t="s">
        <v>120</v>
      </c>
      <c r="M35954" t="s">
        <v>83</v>
      </c>
      <c r="N35954" t="s">
        <v>84</v>
      </c>
      <c r="O35954" t="s">
        <v>85</v>
      </c>
      <c r="P35954" t="s">
        <v>86</v>
      </c>
      <c r="Q35954">
        <v>41</v>
      </c>
      <c r="R35954">
        <v>42</v>
      </c>
      <c r="S35954">
        <v>43</v>
      </c>
      <c r="T35954">
        <v>44</v>
      </c>
      <c r="U35954">
        <v>44</v>
      </c>
      <c r="V35954">
        <v>45</v>
      </c>
      <c r="W35954">
        <v>46</v>
      </c>
      <c r="X35954">
        <v>47</v>
      </c>
      <c r="Y35954">
        <v>48</v>
      </c>
      <c r="Z35954">
        <v>48</v>
      </c>
      <c r="AA35954">
        <v>49</v>
      </c>
      <c r="AB35954">
        <v>50</v>
      </c>
      <c r="AC35954">
        <v>51</v>
      </c>
      <c r="AD35954">
        <v>52</v>
      </c>
      <c r="AE35954">
        <v>53</v>
      </c>
      <c r="AF35954">
        <v>54</v>
      </c>
      <c r="AG35954">
        <v>54</v>
      </c>
      <c r="AH35954">
        <v>55</v>
      </c>
      <c r="AI35954">
        <v>56</v>
      </c>
      <c r="AJ35954">
        <v>57</v>
      </c>
      <c r="AK35954">
        <v>58</v>
      </c>
      <c r="AL35954">
        <v>59</v>
      </c>
      <c r="AM35954">
        <v>59</v>
      </c>
      <c r="AN35954">
        <v>59</v>
      </c>
      <c r="AO35954">
        <v>60</v>
      </c>
      <c r="AP35954">
        <v>60</v>
      </c>
      <c r="AQ35954">
        <v>61</v>
      </c>
    </row>
    <row r="35955" spans="1:43">
      <c r="A35955" t="s">
        <v>22293</v>
      </c>
      <c r="B35955" t="s">
        <v>22294</v>
      </c>
      <c r="C35955" t="s">
        <v>22273</v>
      </c>
      <c r="D35955" t="s">
        <v>22274</v>
      </c>
      <c r="E35955" t="s">
        <v>22205</v>
      </c>
      <c r="F35955" t="s">
        <v>22206</v>
      </c>
      <c r="G35955" t="s">
        <v>20255</v>
      </c>
      <c r="H35955" t="s">
        <v>20256</v>
      </c>
      <c r="I35955" s="2">
        <v>1</v>
      </c>
      <c r="J35955" s="2">
        <v>0</v>
      </c>
      <c r="K35955" s="2">
        <v>0</v>
      </c>
      <c r="L35955" t="s">
        <v>120</v>
      </c>
      <c r="M35955" t="s">
        <v>87</v>
      </c>
      <c r="N35955" t="s">
        <v>88</v>
      </c>
      <c r="O35955" t="s">
        <v>85</v>
      </c>
      <c r="P35955" t="s">
        <v>86</v>
      </c>
      <c r="Q35955">
        <v>41</v>
      </c>
      <c r="R35955">
        <v>41</v>
      </c>
      <c r="S35955">
        <v>42</v>
      </c>
      <c r="T35955">
        <v>42</v>
      </c>
      <c r="U35955">
        <v>42</v>
      </c>
      <c r="V35955">
        <v>43</v>
      </c>
      <c r="W35955">
        <v>43</v>
      </c>
      <c r="X35955">
        <v>44</v>
      </c>
      <c r="Y35955">
        <v>44</v>
      </c>
      <c r="Z35955">
        <v>45</v>
      </c>
      <c r="AA35955">
        <v>45</v>
      </c>
      <c r="AB35955">
        <v>45</v>
      </c>
      <c r="AC35955">
        <v>46</v>
      </c>
      <c r="AD35955">
        <v>46</v>
      </c>
      <c r="AE35955">
        <v>47</v>
      </c>
      <c r="AF35955">
        <v>47</v>
      </c>
      <c r="AG35955">
        <v>48</v>
      </c>
      <c r="AH35955">
        <v>48</v>
      </c>
      <c r="AI35955">
        <v>49</v>
      </c>
      <c r="AJ35955">
        <v>49</v>
      </c>
      <c r="AK35955">
        <v>50</v>
      </c>
      <c r="AL35955">
        <v>50</v>
      </c>
      <c r="AM35955">
        <v>51</v>
      </c>
      <c r="AN35955">
        <v>51</v>
      </c>
      <c r="AO35955">
        <v>52</v>
      </c>
      <c r="AP35955">
        <v>52</v>
      </c>
      <c r="AQ35955">
        <v>53</v>
      </c>
    </row>
    <row r="35956" spans="1:43">
      <c r="A35956" t="s">
        <v>22293</v>
      </c>
      <c r="B35956" t="s">
        <v>22294</v>
      </c>
      <c r="C35956" t="s">
        <v>22273</v>
      </c>
      <c r="D35956" t="s">
        <v>22274</v>
      </c>
      <c r="E35956" t="s">
        <v>22205</v>
      </c>
      <c r="F35956" t="s">
        <v>22206</v>
      </c>
      <c r="G35956" t="s">
        <v>20255</v>
      </c>
      <c r="H35956" t="s">
        <v>20256</v>
      </c>
      <c r="I35956" s="2">
        <v>1</v>
      </c>
      <c r="J35956" s="2">
        <v>0</v>
      </c>
      <c r="K35956" s="2">
        <v>0</v>
      </c>
      <c r="L35956" t="s">
        <v>120</v>
      </c>
      <c r="M35956" t="s">
        <v>89</v>
      </c>
      <c r="N35956" t="s">
        <v>90</v>
      </c>
      <c r="O35956" t="s">
        <v>85</v>
      </c>
      <c r="P35956" t="s">
        <v>86</v>
      </c>
      <c r="Q35956">
        <v>41</v>
      </c>
      <c r="R35956">
        <v>42</v>
      </c>
      <c r="S35956">
        <v>43</v>
      </c>
      <c r="T35956">
        <v>44</v>
      </c>
      <c r="U35956">
        <v>45</v>
      </c>
      <c r="V35956">
        <v>46</v>
      </c>
      <c r="W35956">
        <v>47</v>
      </c>
      <c r="X35956">
        <v>48</v>
      </c>
      <c r="Y35956">
        <v>49</v>
      </c>
      <c r="Z35956">
        <v>50</v>
      </c>
      <c r="AA35956">
        <v>51</v>
      </c>
      <c r="AB35956">
        <v>53</v>
      </c>
      <c r="AC35956">
        <v>54</v>
      </c>
      <c r="AD35956">
        <v>55</v>
      </c>
      <c r="AE35956">
        <v>56</v>
      </c>
      <c r="AF35956">
        <v>56</v>
      </c>
      <c r="AG35956">
        <v>56</v>
      </c>
      <c r="AH35956">
        <v>57</v>
      </c>
      <c r="AI35956">
        <v>57</v>
      </c>
      <c r="AJ35956">
        <v>57</v>
      </c>
      <c r="AK35956">
        <v>58</v>
      </c>
      <c r="AL35956">
        <v>58</v>
      </c>
      <c r="AM35956">
        <v>59</v>
      </c>
      <c r="AN35956">
        <v>59</v>
      </c>
      <c r="AO35956">
        <v>59</v>
      </c>
      <c r="AP35956">
        <v>60</v>
      </c>
      <c r="AQ35956">
        <v>60</v>
      </c>
    </row>
    <row r="35957" spans="1:43">
      <c r="A35957" t="s">
        <v>22293</v>
      </c>
      <c r="B35957" t="s">
        <v>22294</v>
      </c>
      <c r="C35957" t="s">
        <v>22273</v>
      </c>
      <c r="D35957" t="s">
        <v>22274</v>
      </c>
      <c r="E35957" t="s">
        <v>22205</v>
      </c>
      <c r="F35957" t="s">
        <v>22206</v>
      </c>
      <c r="G35957" t="s">
        <v>20255</v>
      </c>
      <c r="H35957" t="s">
        <v>20256</v>
      </c>
      <c r="I35957" s="2">
        <v>1</v>
      </c>
      <c r="J35957" s="2">
        <v>0</v>
      </c>
      <c r="K35957" s="2">
        <v>0</v>
      </c>
      <c r="L35957" t="s">
        <v>120</v>
      </c>
      <c r="M35957" t="s">
        <v>83</v>
      </c>
      <c r="N35957" t="s">
        <v>91</v>
      </c>
      <c r="O35957" t="s">
        <v>85</v>
      </c>
      <c r="P35957" t="s">
        <v>86</v>
      </c>
      <c r="Q35957">
        <v>41</v>
      </c>
      <c r="R35957">
        <v>42</v>
      </c>
      <c r="S35957">
        <v>43</v>
      </c>
      <c r="T35957">
        <v>44</v>
      </c>
      <c r="U35957">
        <v>44</v>
      </c>
      <c r="V35957">
        <v>45</v>
      </c>
      <c r="W35957">
        <v>46</v>
      </c>
      <c r="X35957">
        <v>47</v>
      </c>
      <c r="Y35957">
        <v>48</v>
      </c>
      <c r="Z35957">
        <v>48</v>
      </c>
      <c r="AA35957">
        <v>49</v>
      </c>
      <c r="AB35957">
        <v>50</v>
      </c>
      <c r="AC35957">
        <v>51</v>
      </c>
      <c r="AD35957">
        <v>52</v>
      </c>
      <c r="AE35957">
        <v>53</v>
      </c>
      <c r="AF35957">
        <v>54</v>
      </c>
      <c r="AG35957">
        <v>54</v>
      </c>
      <c r="AH35957">
        <v>55</v>
      </c>
      <c r="AI35957">
        <v>56</v>
      </c>
      <c r="AJ35957">
        <v>57</v>
      </c>
      <c r="AK35957">
        <v>58</v>
      </c>
      <c r="AL35957">
        <v>59</v>
      </c>
      <c r="AM35957">
        <v>59</v>
      </c>
      <c r="AN35957">
        <v>59</v>
      </c>
      <c r="AO35957">
        <v>60</v>
      </c>
      <c r="AP35957">
        <v>60</v>
      </c>
      <c r="AQ35957">
        <v>61</v>
      </c>
    </row>
    <row r="35958" spans="1:43">
      <c r="A35958" t="s">
        <v>22295</v>
      </c>
      <c r="B35958" t="s">
        <v>22296</v>
      </c>
      <c r="C35958" t="s">
        <v>22273</v>
      </c>
      <c r="D35958" t="s">
        <v>22274</v>
      </c>
      <c r="E35958" t="s">
        <v>22205</v>
      </c>
      <c r="F35958" t="s">
        <v>22206</v>
      </c>
      <c r="G35958" t="s">
        <v>20255</v>
      </c>
      <c r="H35958" t="s">
        <v>20256</v>
      </c>
      <c r="I35958" s="2">
        <v>1</v>
      </c>
      <c r="J35958" s="2">
        <v>0</v>
      </c>
      <c r="K35958" s="2">
        <v>0</v>
      </c>
      <c r="L35958" t="s">
        <v>120</v>
      </c>
      <c r="M35958" t="s">
        <v>83</v>
      </c>
      <c r="N35958" t="s">
        <v>84</v>
      </c>
      <c r="O35958" t="s">
        <v>85</v>
      </c>
      <c r="P35958" t="s">
        <v>86</v>
      </c>
      <c r="Q35958">
        <v>17</v>
      </c>
      <c r="R35958">
        <v>17</v>
      </c>
      <c r="S35958">
        <v>17</v>
      </c>
      <c r="T35958">
        <v>18</v>
      </c>
      <c r="U35958">
        <v>18</v>
      </c>
      <c r="V35958">
        <v>18</v>
      </c>
      <c r="W35958">
        <v>19</v>
      </c>
      <c r="X35958">
        <v>19</v>
      </c>
      <c r="Y35958">
        <v>19</v>
      </c>
      <c r="Z35958">
        <v>19</v>
      </c>
      <c r="AA35958">
        <v>20</v>
      </c>
      <c r="AB35958">
        <v>20</v>
      </c>
      <c r="AC35958">
        <v>21</v>
      </c>
      <c r="AD35958">
        <v>21</v>
      </c>
      <c r="AE35958">
        <v>21</v>
      </c>
      <c r="AF35958">
        <v>22</v>
      </c>
      <c r="AG35958">
        <v>22</v>
      </c>
      <c r="AH35958">
        <v>22</v>
      </c>
      <c r="AI35958">
        <v>23</v>
      </c>
      <c r="AJ35958">
        <v>23</v>
      </c>
      <c r="AK35958">
        <v>23</v>
      </c>
      <c r="AL35958">
        <v>24</v>
      </c>
      <c r="AM35958">
        <v>24</v>
      </c>
      <c r="AN35958">
        <v>24</v>
      </c>
      <c r="AO35958">
        <v>24</v>
      </c>
      <c r="AP35958">
        <v>24</v>
      </c>
      <c r="AQ35958">
        <v>24</v>
      </c>
    </row>
    <row r="35959" spans="1:43">
      <c r="A35959" t="s">
        <v>22295</v>
      </c>
      <c r="B35959" t="s">
        <v>22296</v>
      </c>
      <c r="C35959" t="s">
        <v>22273</v>
      </c>
      <c r="D35959" t="s">
        <v>22274</v>
      </c>
      <c r="E35959" t="s">
        <v>22205</v>
      </c>
      <c r="F35959" t="s">
        <v>22206</v>
      </c>
      <c r="G35959" t="s">
        <v>20255</v>
      </c>
      <c r="H35959" t="s">
        <v>20256</v>
      </c>
      <c r="I35959" s="2">
        <v>1</v>
      </c>
      <c r="J35959" s="2">
        <v>0</v>
      </c>
      <c r="K35959" s="2">
        <v>0</v>
      </c>
      <c r="L35959" t="s">
        <v>120</v>
      </c>
      <c r="M35959" t="s">
        <v>87</v>
      </c>
      <c r="N35959" t="s">
        <v>88</v>
      </c>
      <c r="O35959" t="s">
        <v>85</v>
      </c>
      <c r="P35959" t="s">
        <v>86</v>
      </c>
      <c r="Q35959">
        <v>17</v>
      </c>
      <c r="R35959">
        <v>18</v>
      </c>
      <c r="S35959">
        <v>18</v>
      </c>
      <c r="T35959">
        <v>18</v>
      </c>
      <c r="U35959">
        <v>18</v>
      </c>
      <c r="V35959">
        <v>18</v>
      </c>
      <c r="W35959">
        <v>18</v>
      </c>
      <c r="X35959">
        <v>19</v>
      </c>
      <c r="Y35959">
        <v>19</v>
      </c>
      <c r="Z35959">
        <v>19</v>
      </c>
      <c r="AA35959">
        <v>19</v>
      </c>
      <c r="AB35959">
        <v>19</v>
      </c>
      <c r="AC35959">
        <v>19</v>
      </c>
      <c r="AD35959">
        <v>20</v>
      </c>
      <c r="AE35959">
        <v>20</v>
      </c>
      <c r="AF35959">
        <v>20</v>
      </c>
      <c r="AG35959">
        <v>20</v>
      </c>
      <c r="AH35959">
        <v>20</v>
      </c>
      <c r="AI35959">
        <v>21</v>
      </c>
      <c r="AJ35959">
        <v>21</v>
      </c>
      <c r="AK35959">
        <v>21</v>
      </c>
      <c r="AL35959">
        <v>21</v>
      </c>
      <c r="AM35959">
        <v>21</v>
      </c>
      <c r="AN35959">
        <v>22</v>
      </c>
      <c r="AO35959">
        <v>22</v>
      </c>
      <c r="AP35959">
        <v>22</v>
      </c>
      <c r="AQ35959">
        <v>22</v>
      </c>
    </row>
    <row r="35960" spans="1:43">
      <c r="A35960" t="s">
        <v>22295</v>
      </c>
      <c r="B35960" t="s">
        <v>22296</v>
      </c>
      <c r="C35960" t="s">
        <v>22273</v>
      </c>
      <c r="D35960" t="s">
        <v>22274</v>
      </c>
      <c r="E35960" t="s">
        <v>22205</v>
      </c>
      <c r="F35960" t="s">
        <v>22206</v>
      </c>
      <c r="G35960" t="s">
        <v>20255</v>
      </c>
      <c r="H35960" t="s">
        <v>20256</v>
      </c>
      <c r="I35960" s="2">
        <v>1</v>
      </c>
      <c r="J35960" s="2">
        <v>0</v>
      </c>
      <c r="K35960" s="2">
        <v>0</v>
      </c>
      <c r="L35960" t="s">
        <v>120</v>
      </c>
      <c r="M35960" t="s">
        <v>89</v>
      </c>
      <c r="N35960" t="s">
        <v>90</v>
      </c>
      <c r="O35960" t="s">
        <v>85</v>
      </c>
      <c r="P35960" t="s">
        <v>86</v>
      </c>
      <c r="Q35960">
        <v>17</v>
      </c>
      <c r="R35960">
        <v>17</v>
      </c>
      <c r="S35960">
        <v>18</v>
      </c>
      <c r="T35960">
        <v>18</v>
      </c>
      <c r="U35960">
        <v>19</v>
      </c>
      <c r="V35960">
        <v>19</v>
      </c>
      <c r="W35960">
        <v>19</v>
      </c>
      <c r="X35960">
        <v>20</v>
      </c>
      <c r="Y35960">
        <v>20</v>
      </c>
      <c r="Z35960">
        <v>21</v>
      </c>
      <c r="AA35960">
        <v>21</v>
      </c>
      <c r="AB35960">
        <v>22</v>
      </c>
      <c r="AC35960">
        <v>22</v>
      </c>
      <c r="AD35960">
        <v>22</v>
      </c>
      <c r="AE35960">
        <v>23</v>
      </c>
      <c r="AF35960">
        <v>23</v>
      </c>
      <c r="AG35960">
        <v>23</v>
      </c>
      <c r="AH35960">
        <v>23</v>
      </c>
      <c r="AI35960">
        <v>23</v>
      </c>
      <c r="AJ35960">
        <v>24</v>
      </c>
      <c r="AK35960">
        <v>24</v>
      </c>
      <c r="AL35960">
        <v>24</v>
      </c>
      <c r="AM35960">
        <v>24</v>
      </c>
      <c r="AN35960">
        <v>24</v>
      </c>
      <c r="AO35960">
        <v>24</v>
      </c>
      <c r="AP35960">
        <v>24</v>
      </c>
      <c r="AQ35960">
        <v>25</v>
      </c>
    </row>
    <row r="35961" spans="1:43">
      <c r="A35961" t="s">
        <v>22295</v>
      </c>
      <c r="B35961" t="s">
        <v>22296</v>
      </c>
      <c r="C35961" t="s">
        <v>22273</v>
      </c>
      <c r="D35961" t="s">
        <v>22274</v>
      </c>
      <c r="E35961" t="s">
        <v>22205</v>
      </c>
      <c r="F35961" t="s">
        <v>22206</v>
      </c>
      <c r="G35961" t="s">
        <v>20255</v>
      </c>
      <c r="H35961" t="s">
        <v>20256</v>
      </c>
      <c r="I35961" s="2">
        <v>1</v>
      </c>
      <c r="J35961" s="2">
        <v>0</v>
      </c>
      <c r="K35961" s="2">
        <v>0</v>
      </c>
      <c r="L35961" t="s">
        <v>120</v>
      </c>
      <c r="M35961" t="s">
        <v>83</v>
      </c>
      <c r="N35961" t="s">
        <v>91</v>
      </c>
      <c r="O35961" t="s">
        <v>85</v>
      </c>
      <c r="P35961" t="s">
        <v>86</v>
      </c>
      <c r="Q35961">
        <v>17</v>
      </c>
      <c r="R35961">
        <v>17</v>
      </c>
      <c r="S35961">
        <v>17</v>
      </c>
      <c r="T35961">
        <v>18</v>
      </c>
      <c r="U35961">
        <v>18</v>
      </c>
      <c r="V35961">
        <v>18</v>
      </c>
      <c r="W35961">
        <v>19</v>
      </c>
      <c r="X35961">
        <v>19</v>
      </c>
      <c r="Y35961">
        <v>19</v>
      </c>
      <c r="Z35961">
        <v>19</v>
      </c>
      <c r="AA35961">
        <v>20</v>
      </c>
      <c r="AB35961">
        <v>20</v>
      </c>
      <c r="AC35961">
        <v>21</v>
      </c>
      <c r="AD35961">
        <v>21</v>
      </c>
      <c r="AE35961">
        <v>21</v>
      </c>
      <c r="AF35961">
        <v>22</v>
      </c>
      <c r="AG35961">
        <v>22</v>
      </c>
      <c r="AH35961">
        <v>22</v>
      </c>
      <c r="AI35961">
        <v>23</v>
      </c>
      <c r="AJ35961">
        <v>23</v>
      </c>
      <c r="AK35961">
        <v>23</v>
      </c>
      <c r="AL35961">
        <v>24</v>
      </c>
      <c r="AM35961">
        <v>24</v>
      </c>
      <c r="AN35961">
        <v>24</v>
      </c>
      <c r="AO35961">
        <v>24</v>
      </c>
      <c r="AP35961">
        <v>24</v>
      </c>
      <c r="AQ35961">
        <v>24</v>
      </c>
    </row>
    <row r="35962" spans="1:43">
      <c r="A35962" t="s">
        <v>22297</v>
      </c>
      <c r="B35962" t="s">
        <v>22298</v>
      </c>
      <c r="C35962" t="s">
        <v>22299</v>
      </c>
      <c r="D35962" t="s">
        <v>22300</v>
      </c>
      <c r="E35962" t="s">
        <v>22205</v>
      </c>
      <c r="F35962" t="s">
        <v>22206</v>
      </c>
      <c r="G35962" t="s">
        <v>20255</v>
      </c>
      <c r="H35962" t="s">
        <v>20256</v>
      </c>
      <c r="I35962" s="2">
        <v>1</v>
      </c>
      <c r="J35962" s="2">
        <v>0</v>
      </c>
      <c r="K35962" s="2">
        <v>0</v>
      </c>
      <c r="L35962" t="s">
        <v>120</v>
      </c>
      <c r="M35962" t="s">
        <v>83</v>
      </c>
      <c r="N35962" t="s">
        <v>84</v>
      </c>
      <c r="O35962" t="s">
        <v>85</v>
      </c>
      <c r="P35962" t="s">
        <v>86</v>
      </c>
      <c r="Q35962">
        <v>31</v>
      </c>
      <c r="R35962">
        <v>31</v>
      </c>
      <c r="S35962">
        <v>32</v>
      </c>
      <c r="T35962">
        <v>33</v>
      </c>
      <c r="U35962">
        <v>33</v>
      </c>
      <c r="V35962">
        <v>34</v>
      </c>
      <c r="W35962">
        <v>34</v>
      </c>
      <c r="X35962">
        <v>35</v>
      </c>
      <c r="Y35962">
        <v>36</v>
      </c>
      <c r="Z35962">
        <v>36</v>
      </c>
      <c r="AA35962">
        <v>37</v>
      </c>
      <c r="AB35962">
        <v>38</v>
      </c>
      <c r="AC35962">
        <v>38</v>
      </c>
      <c r="AD35962">
        <v>39</v>
      </c>
      <c r="AE35962">
        <v>39</v>
      </c>
      <c r="AF35962">
        <v>40</v>
      </c>
      <c r="AG35962">
        <v>41</v>
      </c>
      <c r="AH35962">
        <v>41</v>
      </c>
      <c r="AI35962">
        <v>42</v>
      </c>
      <c r="AJ35962">
        <v>43</v>
      </c>
      <c r="AK35962">
        <v>43</v>
      </c>
      <c r="AL35962">
        <v>44</v>
      </c>
      <c r="AM35962">
        <v>44</v>
      </c>
      <c r="AN35962">
        <v>45</v>
      </c>
      <c r="AO35962">
        <v>45</v>
      </c>
      <c r="AP35962">
        <v>45</v>
      </c>
      <c r="AQ35962">
        <v>46</v>
      </c>
    </row>
    <row r="35963" spans="1:43">
      <c r="A35963" t="s">
        <v>22297</v>
      </c>
      <c r="B35963" t="s">
        <v>22298</v>
      </c>
      <c r="C35963" t="s">
        <v>22299</v>
      </c>
      <c r="D35963" t="s">
        <v>22300</v>
      </c>
      <c r="E35963" t="s">
        <v>22205</v>
      </c>
      <c r="F35963" t="s">
        <v>22206</v>
      </c>
      <c r="G35963" t="s">
        <v>20255</v>
      </c>
      <c r="H35963" t="s">
        <v>20256</v>
      </c>
      <c r="I35963" s="2">
        <v>1</v>
      </c>
      <c r="J35963" s="2">
        <v>0</v>
      </c>
      <c r="K35963" s="2">
        <v>0</v>
      </c>
      <c r="L35963" t="s">
        <v>120</v>
      </c>
      <c r="M35963" t="s">
        <v>87</v>
      </c>
      <c r="N35963" t="s">
        <v>88</v>
      </c>
      <c r="O35963" t="s">
        <v>85</v>
      </c>
      <c r="P35963" t="s">
        <v>86</v>
      </c>
      <c r="Q35963">
        <v>31</v>
      </c>
      <c r="R35963">
        <v>32</v>
      </c>
      <c r="S35963">
        <v>32</v>
      </c>
      <c r="T35963">
        <v>32</v>
      </c>
      <c r="U35963">
        <v>33</v>
      </c>
      <c r="V35963">
        <v>33</v>
      </c>
      <c r="W35963">
        <v>33</v>
      </c>
      <c r="X35963">
        <v>34</v>
      </c>
      <c r="Y35963">
        <v>34</v>
      </c>
      <c r="Z35963">
        <v>34</v>
      </c>
      <c r="AA35963">
        <v>35</v>
      </c>
      <c r="AB35963">
        <v>35</v>
      </c>
      <c r="AC35963">
        <v>35</v>
      </c>
      <c r="AD35963">
        <v>36</v>
      </c>
      <c r="AE35963">
        <v>36</v>
      </c>
      <c r="AF35963">
        <v>36</v>
      </c>
      <c r="AG35963">
        <v>37</v>
      </c>
      <c r="AH35963">
        <v>37</v>
      </c>
      <c r="AI35963">
        <v>37</v>
      </c>
      <c r="AJ35963">
        <v>38</v>
      </c>
      <c r="AK35963">
        <v>38</v>
      </c>
      <c r="AL35963">
        <v>38</v>
      </c>
      <c r="AM35963">
        <v>39</v>
      </c>
      <c r="AN35963">
        <v>39</v>
      </c>
      <c r="AO35963">
        <v>40</v>
      </c>
      <c r="AP35963">
        <v>40</v>
      </c>
      <c r="AQ35963">
        <v>40</v>
      </c>
    </row>
    <row r="35964" spans="1:43">
      <c r="A35964" t="s">
        <v>22297</v>
      </c>
      <c r="B35964" t="s">
        <v>22298</v>
      </c>
      <c r="C35964" t="s">
        <v>22299</v>
      </c>
      <c r="D35964" t="s">
        <v>22300</v>
      </c>
      <c r="E35964" t="s">
        <v>22205</v>
      </c>
      <c r="F35964" t="s">
        <v>22206</v>
      </c>
      <c r="G35964" t="s">
        <v>20255</v>
      </c>
      <c r="H35964" t="s">
        <v>20256</v>
      </c>
      <c r="I35964" s="2">
        <v>1</v>
      </c>
      <c r="J35964" s="2">
        <v>0</v>
      </c>
      <c r="K35964" s="2">
        <v>0</v>
      </c>
      <c r="L35964" t="s">
        <v>120</v>
      </c>
      <c r="M35964" t="s">
        <v>89</v>
      </c>
      <c r="N35964" t="s">
        <v>90</v>
      </c>
      <c r="O35964" t="s">
        <v>85</v>
      </c>
      <c r="P35964" t="s">
        <v>86</v>
      </c>
      <c r="Q35964">
        <v>31</v>
      </c>
      <c r="R35964">
        <v>32</v>
      </c>
      <c r="S35964">
        <v>33</v>
      </c>
      <c r="T35964">
        <v>34</v>
      </c>
      <c r="U35964">
        <v>35</v>
      </c>
      <c r="V35964">
        <v>35</v>
      </c>
      <c r="W35964">
        <v>36</v>
      </c>
      <c r="X35964">
        <v>37</v>
      </c>
      <c r="Y35964">
        <v>38</v>
      </c>
      <c r="Z35964">
        <v>39</v>
      </c>
      <c r="AA35964">
        <v>39</v>
      </c>
      <c r="AB35964">
        <v>40</v>
      </c>
      <c r="AC35964">
        <v>41</v>
      </c>
      <c r="AD35964">
        <v>42</v>
      </c>
      <c r="AE35964">
        <v>42</v>
      </c>
      <c r="AF35964">
        <v>43</v>
      </c>
      <c r="AG35964">
        <v>43</v>
      </c>
      <c r="AH35964">
        <v>43</v>
      </c>
      <c r="AI35964">
        <v>44</v>
      </c>
      <c r="AJ35964">
        <v>44</v>
      </c>
      <c r="AK35964">
        <v>44</v>
      </c>
      <c r="AL35964">
        <v>44</v>
      </c>
      <c r="AM35964">
        <v>45</v>
      </c>
      <c r="AN35964">
        <v>45</v>
      </c>
      <c r="AO35964">
        <v>45</v>
      </c>
      <c r="AP35964">
        <v>46</v>
      </c>
      <c r="AQ35964">
        <v>46</v>
      </c>
    </row>
    <row r="35965" spans="1:43">
      <c r="A35965" t="s">
        <v>22297</v>
      </c>
      <c r="B35965" t="s">
        <v>22298</v>
      </c>
      <c r="C35965" t="s">
        <v>22299</v>
      </c>
      <c r="D35965" t="s">
        <v>22300</v>
      </c>
      <c r="E35965" t="s">
        <v>22205</v>
      </c>
      <c r="F35965" t="s">
        <v>22206</v>
      </c>
      <c r="G35965" t="s">
        <v>20255</v>
      </c>
      <c r="H35965" t="s">
        <v>20256</v>
      </c>
      <c r="I35965" s="2">
        <v>1</v>
      </c>
      <c r="J35965" s="2">
        <v>0</v>
      </c>
      <c r="K35965" s="2">
        <v>0</v>
      </c>
      <c r="L35965" t="s">
        <v>120</v>
      </c>
      <c r="M35965" t="s">
        <v>83</v>
      </c>
      <c r="N35965" t="s">
        <v>91</v>
      </c>
      <c r="O35965" t="s">
        <v>85</v>
      </c>
      <c r="P35965" t="s">
        <v>86</v>
      </c>
      <c r="Q35965">
        <v>31</v>
      </c>
      <c r="R35965">
        <v>31</v>
      </c>
      <c r="S35965">
        <v>32</v>
      </c>
      <c r="T35965">
        <v>33</v>
      </c>
      <c r="U35965">
        <v>33</v>
      </c>
      <c r="V35965">
        <v>34</v>
      </c>
      <c r="W35965">
        <v>34</v>
      </c>
      <c r="X35965">
        <v>35</v>
      </c>
      <c r="Y35965">
        <v>36</v>
      </c>
      <c r="Z35965">
        <v>36</v>
      </c>
      <c r="AA35965">
        <v>37</v>
      </c>
      <c r="AB35965">
        <v>38</v>
      </c>
      <c r="AC35965">
        <v>38</v>
      </c>
      <c r="AD35965">
        <v>39</v>
      </c>
      <c r="AE35965">
        <v>39</v>
      </c>
      <c r="AF35965">
        <v>40</v>
      </c>
      <c r="AG35965">
        <v>41</v>
      </c>
      <c r="AH35965">
        <v>41</v>
      </c>
      <c r="AI35965">
        <v>42</v>
      </c>
      <c r="AJ35965">
        <v>43</v>
      </c>
      <c r="AK35965">
        <v>43</v>
      </c>
      <c r="AL35965">
        <v>44</v>
      </c>
      <c r="AM35965">
        <v>44</v>
      </c>
      <c r="AN35965">
        <v>45</v>
      </c>
      <c r="AO35965">
        <v>45</v>
      </c>
      <c r="AP35965">
        <v>45</v>
      </c>
      <c r="AQ35965">
        <v>46</v>
      </c>
    </row>
    <row r="35966" spans="1:43">
      <c r="A35966" t="s">
        <v>22301</v>
      </c>
      <c r="B35966" t="s">
        <v>22302</v>
      </c>
      <c r="C35966" t="s">
        <v>22299</v>
      </c>
      <c r="D35966" t="s">
        <v>22300</v>
      </c>
      <c r="E35966" t="s">
        <v>22205</v>
      </c>
      <c r="F35966" t="s">
        <v>22206</v>
      </c>
      <c r="G35966" t="s">
        <v>20255</v>
      </c>
      <c r="H35966" t="s">
        <v>20256</v>
      </c>
      <c r="I35966" s="2">
        <v>1</v>
      </c>
      <c r="J35966" s="2">
        <v>0</v>
      </c>
      <c r="K35966" s="2">
        <v>0</v>
      </c>
      <c r="L35966" t="s">
        <v>120</v>
      </c>
      <c r="M35966" t="s">
        <v>83</v>
      </c>
      <c r="N35966" t="s">
        <v>84</v>
      </c>
      <c r="O35966" t="s">
        <v>85</v>
      </c>
      <c r="P35966" t="s">
        <v>86</v>
      </c>
      <c r="Q35966">
        <v>78</v>
      </c>
      <c r="R35966">
        <v>80</v>
      </c>
      <c r="S35966">
        <v>81</v>
      </c>
      <c r="T35966">
        <v>83</v>
      </c>
      <c r="U35966">
        <v>84</v>
      </c>
      <c r="V35966">
        <v>86</v>
      </c>
      <c r="W35966">
        <v>87</v>
      </c>
      <c r="X35966">
        <v>89</v>
      </c>
      <c r="Y35966">
        <v>90</v>
      </c>
      <c r="Z35966">
        <v>92</v>
      </c>
      <c r="AA35966">
        <v>94</v>
      </c>
      <c r="AB35966">
        <v>95</v>
      </c>
      <c r="AC35966">
        <v>97</v>
      </c>
      <c r="AD35966">
        <v>98</v>
      </c>
      <c r="AE35966">
        <v>100</v>
      </c>
      <c r="AF35966">
        <v>102</v>
      </c>
      <c r="AG35966">
        <v>103</v>
      </c>
      <c r="AH35966">
        <v>105</v>
      </c>
      <c r="AI35966">
        <v>107</v>
      </c>
      <c r="AJ35966">
        <v>108</v>
      </c>
      <c r="AK35966">
        <v>110</v>
      </c>
      <c r="AL35966">
        <v>111</v>
      </c>
      <c r="AM35966">
        <v>112</v>
      </c>
      <c r="AN35966">
        <v>113</v>
      </c>
      <c r="AO35966">
        <v>114</v>
      </c>
      <c r="AP35966">
        <v>115</v>
      </c>
      <c r="AQ35966">
        <v>116</v>
      </c>
    </row>
    <row r="35967" spans="1:43">
      <c r="A35967" t="s">
        <v>22301</v>
      </c>
      <c r="B35967" t="s">
        <v>22302</v>
      </c>
      <c r="C35967" t="s">
        <v>22299</v>
      </c>
      <c r="D35967" t="s">
        <v>22300</v>
      </c>
      <c r="E35967" t="s">
        <v>22205</v>
      </c>
      <c r="F35967" t="s">
        <v>22206</v>
      </c>
      <c r="G35967" t="s">
        <v>20255</v>
      </c>
      <c r="H35967" t="s">
        <v>20256</v>
      </c>
      <c r="I35967" s="2">
        <v>1</v>
      </c>
      <c r="J35967" s="2">
        <v>0</v>
      </c>
      <c r="K35967" s="2">
        <v>0</v>
      </c>
      <c r="L35967" t="s">
        <v>120</v>
      </c>
      <c r="M35967" t="s">
        <v>87</v>
      </c>
      <c r="N35967" t="s">
        <v>88</v>
      </c>
      <c r="O35967" t="s">
        <v>85</v>
      </c>
      <c r="P35967" t="s">
        <v>86</v>
      </c>
      <c r="Q35967">
        <v>78</v>
      </c>
      <c r="R35967">
        <v>79</v>
      </c>
      <c r="S35967">
        <v>80</v>
      </c>
      <c r="T35967">
        <v>81</v>
      </c>
      <c r="U35967">
        <v>81</v>
      </c>
      <c r="V35967">
        <v>82</v>
      </c>
      <c r="W35967">
        <v>83</v>
      </c>
      <c r="X35967">
        <v>84</v>
      </c>
      <c r="Y35967">
        <v>85</v>
      </c>
      <c r="Z35967">
        <v>85</v>
      </c>
      <c r="AA35967">
        <v>86</v>
      </c>
      <c r="AB35967">
        <v>87</v>
      </c>
      <c r="AC35967">
        <v>88</v>
      </c>
      <c r="AD35967">
        <v>89</v>
      </c>
      <c r="AE35967">
        <v>90</v>
      </c>
      <c r="AF35967">
        <v>91</v>
      </c>
      <c r="AG35967">
        <v>91</v>
      </c>
      <c r="AH35967">
        <v>92</v>
      </c>
      <c r="AI35967">
        <v>93</v>
      </c>
      <c r="AJ35967">
        <v>94</v>
      </c>
      <c r="AK35967">
        <v>95</v>
      </c>
      <c r="AL35967">
        <v>96</v>
      </c>
      <c r="AM35967">
        <v>97</v>
      </c>
      <c r="AN35967">
        <v>98</v>
      </c>
      <c r="AO35967">
        <v>99</v>
      </c>
      <c r="AP35967">
        <v>100</v>
      </c>
      <c r="AQ35967">
        <v>101</v>
      </c>
    </row>
    <row r="35968" spans="1:43">
      <c r="A35968" t="s">
        <v>22301</v>
      </c>
      <c r="B35968" t="s">
        <v>22302</v>
      </c>
      <c r="C35968" t="s">
        <v>22299</v>
      </c>
      <c r="D35968" t="s">
        <v>22300</v>
      </c>
      <c r="E35968" t="s">
        <v>22205</v>
      </c>
      <c r="F35968" t="s">
        <v>22206</v>
      </c>
      <c r="G35968" t="s">
        <v>20255</v>
      </c>
      <c r="H35968" t="s">
        <v>20256</v>
      </c>
      <c r="I35968" s="2">
        <v>1</v>
      </c>
      <c r="J35968" s="2">
        <v>0</v>
      </c>
      <c r="K35968" s="2">
        <v>0</v>
      </c>
      <c r="L35968" t="s">
        <v>120</v>
      </c>
      <c r="M35968" t="s">
        <v>89</v>
      </c>
      <c r="N35968" t="s">
        <v>90</v>
      </c>
      <c r="O35968" t="s">
        <v>85</v>
      </c>
      <c r="P35968" t="s">
        <v>86</v>
      </c>
      <c r="Q35968">
        <v>78</v>
      </c>
      <c r="R35968">
        <v>80</v>
      </c>
      <c r="S35968">
        <v>82</v>
      </c>
      <c r="T35968">
        <v>84</v>
      </c>
      <c r="U35968">
        <v>86</v>
      </c>
      <c r="V35968">
        <v>89</v>
      </c>
      <c r="W35968">
        <v>91</v>
      </c>
      <c r="X35968">
        <v>93</v>
      </c>
      <c r="Y35968">
        <v>95</v>
      </c>
      <c r="Z35968">
        <v>97</v>
      </c>
      <c r="AA35968">
        <v>99</v>
      </c>
      <c r="AB35968">
        <v>101</v>
      </c>
      <c r="AC35968">
        <v>103</v>
      </c>
      <c r="AD35968">
        <v>105</v>
      </c>
      <c r="AE35968">
        <v>106</v>
      </c>
      <c r="AF35968">
        <v>107</v>
      </c>
      <c r="AG35968">
        <v>108</v>
      </c>
      <c r="AH35968">
        <v>109</v>
      </c>
      <c r="AI35968">
        <v>109</v>
      </c>
      <c r="AJ35968">
        <v>110</v>
      </c>
      <c r="AK35968">
        <v>111</v>
      </c>
      <c r="AL35968">
        <v>112</v>
      </c>
      <c r="AM35968">
        <v>113</v>
      </c>
      <c r="AN35968">
        <v>113</v>
      </c>
      <c r="AO35968">
        <v>114</v>
      </c>
      <c r="AP35968">
        <v>115</v>
      </c>
      <c r="AQ35968">
        <v>116</v>
      </c>
    </row>
    <row r="35969" spans="1:43">
      <c r="A35969" t="s">
        <v>22301</v>
      </c>
      <c r="B35969" t="s">
        <v>22302</v>
      </c>
      <c r="C35969" t="s">
        <v>22299</v>
      </c>
      <c r="D35969" t="s">
        <v>22300</v>
      </c>
      <c r="E35969" t="s">
        <v>22205</v>
      </c>
      <c r="F35969" t="s">
        <v>22206</v>
      </c>
      <c r="G35969" t="s">
        <v>20255</v>
      </c>
      <c r="H35969" t="s">
        <v>20256</v>
      </c>
      <c r="I35969" s="2">
        <v>1</v>
      </c>
      <c r="J35969" s="2">
        <v>0</v>
      </c>
      <c r="K35969" s="2">
        <v>0</v>
      </c>
      <c r="L35969" t="s">
        <v>120</v>
      </c>
      <c r="M35969" t="s">
        <v>83</v>
      </c>
      <c r="N35969" t="s">
        <v>91</v>
      </c>
      <c r="O35969" t="s">
        <v>85</v>
      </c>
      <c r="P35969" t="s">
        <v>86</v>
      </c>
      <c r="Q35969">
        <v>78</v>
      </c>
      <c r="R35969">
        <v>80</v>
      </c>
      <c r="S35969">
        <v>81</v>
      </c>
      <c r="T35969">
        <v>83</v>
      </c>
      <c r="U35969">
        <v>84</v>
      </c>
      <c r="V35969">
        <v>86</v>
      </c>
      <c r="W35969">
        <v>87</v>
      </c>
      <c r="X35969">
        <v>89</v>
      </c>
      <c r="Y35969">
        <v>90</v>
      </c>
      <c r="Z35969">
        <v>92</v>
      </c>
      <c r="AA35969">
        <v>94</v>
      </c>
      <c r="AB35969">
        <v>95</v>
      </c>
      <c r="AC35969">
        <v>97</v>
      </c>
      <c r="AD35969">
        <v>98</v>
      </c>
      <c r="AE35969">
        <v>100</v>
      </c>
      <c r="AF35969">
        <v>102</v>
      </c>
      <c r="AG35969">
        <v>103</v>
      </c>
      <c r="AH35969">
        <v>105</v>
      </c>
      <c r="AI35969">
        <v>107</v>
      </c>
      <c r="AJ35969">
        <v>108</v>
      </c>
      <c r="AK35969">
        <v>110</v>
      </c>
      <c r="AL35969">
        <v>111</v>
      </c>
      <c r="AM35969">
        <v>112</v>
      </c>
      <c r="AN35969">
        <v>113</v>
      </c>
      <c r="AO35969">
        <v>114</v>
      </c>
      <c r="AP35969">
        <v>115</v>
      </c>
      <c r="AQ35969">
        <v>116</v>
      </c>
    </row>
    <row r="35970" spans="1:43">
      <c r="A35970" t="s">
        <v>22303</v>
      </c>
      <c r="B35970" t="s">
        <v>22304</v>
      </c>
      <c r="C35970" t="s">
        <v>22299</v>
      </c>
      <c r="D35970" t="s">
        <v>22300</v>
      </c>
      <c r="E35970" t="s">
        <v>22205</v>
      </c>
      <c r="F35970" t="s">
        <v>22206</v>
      </c>
      <c r="G35970" t="s">
        <v>20255</v>
      </c>
      <c r="H35970" t="s">
        <v>20256</v>
      </c>
      <c r="I35970" s="2">
        <v>1</v>
      </c>
      <c r="J35970" s="2">
        <v>0</v>
      </c>
      <c r="K35970" s="2">
        <v>0</v>
      </c>
      <c r="L35970" t="s">
        <v>120</v>
      </c>
      <c r="M35970" t="s">
        <v>83</v>
      </c>
      <c r="N35970" t="s">
        <v>84</v>
      </c>
      <c r="O35970" t="s">
        <v>85</v>
      </c>
      <c r="P35970" t="s">
        <v>86</v>
      </c>
      <c r="Q35970">
        <v>16</v>
      </c>
      <c r="R35970">
        <v>17</v>
      </c>
      <c r="S35970">
        <v>17</v>
      </c>
      <c r="T35970">
        <v>17</v>
      </c>
      <c r="U35970">
        <v>18</v>
      </c>
      <c r="V35970">
        <v>18</v>
      </c>
      <c r="W35970">
        <v>18</v>
      </c>
      <c r="X35970">
        <v>19</v>
      </c>
      <c r="Y35970">
        <v>19</v>
      </c>
      <c r="Z35970">
        <v>19</v>
      </c>
      <c r="AA35970">
        <v>20</v>
      </c>
      <c r="AB35970">
        <v>20</v>
      </c>
      <c r="AC35970">
        <v>20</v>
      </c>
      <c r="AD35970">
        <v>21</v>
      </c>
      <c r="AE35970">
        <v>21</v>
      </c>
      <c r="AF35970">
        <v>21</v>
      </c>
      <c r="AG35970">
        <v>22</v>
      </c>
      <c r="AH35970">
        <v>22</v>
      </c>
      <c r="AI35970">
        <v>22</v>
      </c>
      <c r="AJ35970">
        <v>23</v>
      </c>
      <c r="AK35970">
        <v>23</v>
      </c>
      <c r="AL35970">
        <v>23</v>
      </c>
      <c r="AM35970">
        <v>24</v>
      </c>
      <c r="AN35970">
        <v>24</v>
      </c>
      <c r="AO35970">
        <v>24</v>
      </c>
      <c r="AP35970">
        <v>24</v>
      </c>
      <c r="AQ35970">
        <v>24</v>
      </c>
    </row>
    <row r="35971" spans="1:43">
      <c r="A35971" t="s">
        <v>22303</v>
      </c>
      <c r="B35971" t="s">
        <v>22304</v>
      </c>
      <c r="C35971" t="s">
        <v>22299</v>
      </c>
      <c r="D35971" t="s">
        <v>22300</v>
      </c>
      <c r="E35971" t="s">
        <v>22205</v>
      </c>
      <c r="F35971" t="s">
        <v>22206</v>
      </c>
      <c r="G35971" t="s">
        <v>20255</v>
      </c>
      <c r="H35971" t="s">
        <v>20256</v>
      </c>
      <c r="I35971" s="2">
        <v>1</v>
      </c>
      <c r="J35971" s="2">
        <v>0</v>
      </c>
      <c r="K35971" s="2">
        <v>0</v>
      </c>
      <c r="L35971" t="s">
        <v>120</v>
      </c>
      <c r="M35971" t="s">
        <v>87</v>
      </c>
      <c r="N35971" t="s">
        <v>88</v>
      </c>
      <c r="O35971" t="s">
        <v>85</v>
      </c>
      <c r="P35971" t="s">
        <v>86</v>
      </c>
      <c r="Q35971">
        <v>16</v>
      </c>
      <c r="R35971">
        <v>16</v>
      </c>
      <c r="S35971">
        <v>17</v>
      </c>
      <c r="T35971">
        <v>17</v>
      </c>
      <c r="U35971">
        <v>17</v>
      </c>
      <c r="V35971">
        <v>17</v>
      </c>
      <c r="W35971">
        <v>17</v>
      </c>
      <c r="X35971">
        <v>17</v>
      </c>
      <c r="Y35971">
        <v>18</v>
      </c>
      <c r="Z35971">
        <v>18</v>
      </c>
      <c r="AA35971">
        <v>18</v>
      </c>
      <c r="AB35971">
        <v>18</v>
      </c>
      <c r="AC35971">
        <v>18</v>
      </c>
      <c r="AD35971">
        <v>18</v>
      </c>
      <c r="AE35971">
        <v>19</v>
      </c>
      <c r="AF35971">
        <v>19</v>
      </c>
      <c r="AG35971">
        <v>19</v>
      </c>
      <c r="AH35971">
        <v>19</v>
      </c>
      <c r="AI35971">
        <v>19</v>
      </c>
      <c r="AJ35971">
        <v>20</v>
      </c>
      <c r="AK35971">
        <v>20</v>
      </c>
      <c r="AL35971">
        <v>20</v>
      </c>
      <c r="AM35971">
        <v>20</v>
      </c>
      <c r="AN35971">
        <v>20</v>
      </c>
      <c r="AO35971">
        <v>21</v>
      </c>
      <c r="AP35971">
        <v>21</v>
      </c>
      <c r="AQ35971">
        <v>21</v>
      </c>
    </row>
    <row r="35972" spans="1:43">
      <c r="A35972" t="s">
        <v>22303</v>
      </c>
      <c r="B35972" t="s">
        <v>22304</v>
      </c>
      <c r="C35972" t="s">
        <v>22299</v>
      </c>
      <c r="D35972" t="s">
        <v>22300</v>
      </c>
      <c r="E35972" t="s">
        <v>22205</v>
      </c>
      <c r="F35972" t="s">
        <v>22206</v>
      </c>
      <c r="G35972" t="s">
        <v>20255</v>
      </c>
      <c r="H35972" t="s">
        <v>20256</v>
      </c>
      <c r="I35972" s="2">
        <v>1</v>
      </c>
      <c r="J35972" s="2">
        <v>0</v>
      </c>
      <c r="K35972" s="2">
        <v>0</v>
      </c>
      <c r="L35972" t="s">
        <v>120</v>
      </c>
      <c r="M35972" t="s">
        <v>89</v>
      </c>
      <c r="N35972" t="s">
        <v>90</v>
      </c>
      <c r="O35972" t="s">
        <v>85</v>
      </c>
      <c r="P35972" t="s">
        <v>86</v>
      </c>
      <c r="Q35972">
        <v>16</v>
      </c>
      <c r="R35972">
        <v>16</v>
      </c>
      <c r="S35972">
        <v>16</v>
      </c>
      <c r="T35972">
        <v>17</v>
      </c>
      <c r="U35972">
        <v>17</v>
      </c>
      <c r="V35972">
        <v>18</v>
      </c>
      <c r="W35972">
        <v>18</v>
      </c>
      <c r="X35972">
        <v>19</v>
      </c>
      <c r="Y35972">
        <v>19</v>
      </c>
      <c r="Z35972">
        <v>19</v>
      </c>
      <c r="AA35972">
        <v>20</v>
      </c>
      <c r="AB35972">
        <v>20</v>
      </c>
      <c r="AC35972">
        <v>21</v>
      </c>
      <c r="AD35972">
        <v>21</v>
      </c>
      <c r="AE35972">
        <v>22</v>
      </c>
      <c r="AF35972">
        <v>22</v>
      </c>
      <c r="AG35972">
        <v>22</v>
      </c>
      <c r="AH35972">
        <v>22</v>
      </c>
      <c r="AI35972">
        <v>22</v>
      </c>
      <c r="AJ35972">
        <v>22</v>
      </c>
      <c r="AK35972">
        <v>23</v>
      </c>
      <c r="AL35972">
        <v>23</v>
      </c>
      <c r="AM35972">
        <v>23</v>
      </c>
      <c r="AN35972">
        <v>23</v>
      </c>
      <c r="AO35972">
        <v>23</v>
      </c>
      <c r="AP35972">
        <v>23</v>
      </c>
      <c r="AQ35972">
        <v>24</v>
      </c>
    </row>
    <row r="35973" spans="1:43">
      <c r="A35973" t="s">
        <v>22303</v>
      </c>
      <c r="B35973" t="s">
        <v>22304</v>
      </c>
      <c r="C35973" t="s">
        <v>22299</v>
      </c>
      <c r="D35973" t="s">
        <v>22300</v>
      </c>
      <c r="E35973" t="s">
        <v>22205</v>
      </c>
      <c r="F35973" t="s">
        <v>22206</v>
      </c>
      <c r="G35973" t="s">
        <v>20255</v>
      </c>
      <c r="H35973" t="s">
        <v>20256</v>
      </c>
      <c r="I35973" s="2">
        <v>1</v>
      </c>
      <c r="J35973" s="2">
        <v>0</v>
      </c>
      <c r="K35973" s="2">
        <v>0</v>
      </c>
      <c r="L35973" t="s">
        <v>120</v>
      </c>
      <c r="M35973" t="s">
        <v>83</v>
      </c>
      <c r="N35973" t="s">
        <v>91</v>
      </c>
      <c r="O35973" t="s">
        <v>85</v>
      </c>
      <c r="P35973" t="s">
        <v>86</v>
      </c>
      <c r="Q35973">
        <v>16</v>
      </c>
      <c r="R35973">
        <v>17</v>
      </c>
      <c r="S35973">
        <v>17</v>
      </c>
      <c r="T35973">
        <v>17</v>
      </c>
      <c r="U35973">
        <v>18</v>
      </c>
      <c r="V35973">
        <v>18</v>
      </c>
      <c r="W35973">
        <v>18</v>
      </c>
      <c r="X35973">
        <v>19</v>
      </c>
      <c r="Y35973">
        <v>19</v>
      </c>
      <c r="Z35973">
        <v>19</v>
      </c>
      <c r="AA35973">
        <v>20</v>
      </c>
      <c r="AB35973">
        <v>20</v>
      </c>
      <c r="AC35973">
        <v>20</v>
      </c>
      <c r="AD35973">
        <v>21</v>
      </c>
      <c r="AE35973">
        <v>21</v>
      </c>
      <c r="AF35973">
        <v>21</v>
      </c>
      <c r="AG35973">
        <v>22</v>
      </c>
      <c r="AH35973">
        <v>22</v>
      </c>
      <c r="AI35973">
        <v>22</v>
      </c>
      <c r="AJ35973">
        <v>23</v>
      </c>
      <c r="AK35973">
        <v>23</v>
      </c>
      <c r="AL35973">
        <v>23</v>
      </c>
      <c r="AM35973">
        <v>24</v>
      </c>
      <c r="AN35973">
        <v>24</v>
      </c>
      <c r="AO35973">
        <v>24</v>
      </c>
      <c r="AP35973">
        <v>24</v>
      </c>
      <c r="AQ35973">
        <v>24</v>
      </c>
    </row>
    <row r="35974" spans="1:43">
      <c r="A35974" t="s">
        <v>22305</v>
      </c>
      <c r="B35974" t="s">
        <v>22306</v>
      </c>
      <c r="C35974" t="s">
        <v>22307</v>
      </c>
      <c r="D35974" t="s">
        <v>22308</v>
      </c>
      <c r="E35974" t="s">
        <v>22205</v>
      </c>
      <c r="F35974" t="s">
        <v>22206</v>
      </c>
      <c r="G35974" t="s">
        <v>20255</v>
      </c>
      <c r="H35974" t="s">
        <v>20256</v>
      </c>
      <c r="I35974" s="2">
        <v>1</v>
      </c>
      <c r="J35974" s="2">
        <v>0</v>
      </c>
      <c r="K35974" s="2">
        <v>0</v>
      </c>
      <c r="L35974" t="s">
        <v>120</v>
      </c>
      <c r="M35974" t="s">
        <v>83</v>
      </c>
      <c r="N35974" t="s">
        <v>84</v>
      </c>
      <c r="O35974" t="s">
        <v>85</v>
      </c>
      <c r="P35974" t="s">
        <v>86</v>
      </c>
      <c r="Q35974">
        <v>13</v>
      </c>
      <c r="R35974">
        <v>14</v>
      </c>
      <c r="S35974">
        <v>14</v>
      </c>
      <c r="T35974">
        <v>14</v>
      </c>
      <c r="U35974">
        <v>14</v>
      </c>
      <c r="V35974">
        <v>15</v>
      </c>
      <c r="W35974">
        <v>15</v>
      </c>
      <c r="X35974">
        <v>15</v>
      </c>
      <c r="Y35974">
        <v>15</v>
      </c>
      <c r="Z35974">
        <v>16</v>
      </c>
      <c r="AA35974">
        <v>16</v>
      </c>
      <c r="AB35974">
        <v>16</v>
      </c>
      <c r="AC35974">
        <v>16</v>
      </c>
      <c r="AD35974">
        <v>17</v>
      </c>
      <c r="AE35974">
        <v>17</v>
      </c>
      <c r="AF35974">
        <v>17</v>
      </c>
      <c r="AG35974">
        <v>18</v>
      </c>
      <c r="AH35974">
        <v>18</v>
      </c>
      <c r="AI35974">
        <v>18</v>
      </c>
      <c r="AJ35974">
        <v>18</v>
      </c>
      <c r="AK35974">
        <v>19</v>
      </c>
      <c r="AL35974">
        <v>19</v>
      </c>
      <c r="AM35974">
        <v>19</v>
      </c>
      <c r="AN35974">
        <v>19</v>
      </c>
      <c r="AO35974">
        <v>19</v>
      </c>
      <c r="AP35974">
        <v>19</v>
      </c>
      <c r="AQ35974">
        <v>20</v>
      </c>
    </row>
    <row r="35975" spans="1:43">
      <c r="A35975" t="s">
        <v>22305</v>
      </c>
      <c r="B35975" t="s">
        <v>22306</v>
      </c>
      <c r="C35975" t="s">
        <v>22307</v>
      </c>
      <c r="D35975" t="s">
        <v>22308</v>
      </c>
      <c r="E35975" t="s">
        <v>22205</v>
      </c>
      <c r="F35975" t="s">
        <v>22206</v>
      </c>
      <c r="G35975" t="s">
        <v>20255</v>
      </c>
      <c r="H35975" t="s">
        <v>20256</v>
      </c>
      <c r="I35975" s="2">
        <v>1</v>
      </c>
      <c r="J35975" s="2">
        <v>0</v>
      </c>
      <c r="K35975" s="2">
        <v>0</v>
      </c>
      <c r="L35975" t="s">
        <v>120</v>
      </c>
      <c r="M35975" t="s">
        <v>87</v>
      </c>
      <c r="N35975" t="s">
        <v>88</v>
      </c>
      <c r="O35975" t="s">
        <v>85</v>
      </c>
      <c r="P35975" t="s">
        <v>86</v>
      </c>
      <c r="Q35975">
        <v>13</v>
      </c>
      <c r="R35975">
        <v>13</v>
      </c>
      <c r="S35975">
        <v>13</v>
      </c>
      <c r="T35975">
        <v>14</v>
      </c>
      <c r="U35975">
        <v>14</v>
      </c>
      <c r="V35975">
        <v>14</v>
      </c>
      <c r="W35975">
        <v>14</v>
      </c>
      <c r="X35975">
        <v>14</v>
      </c>
      <c r="Y35975">
        <v>14</v>
      </c>
      <c r="Z35975">
        <v>14</v>
      </c>
      <c r="AA35975">
        <v>15</v>
      </c>
      <c r="AB35975">
        <v>15</v>
      </c>
      <c r="AC35975">
        <v>15</v>
      </c>
      <c r="AD35975">
        <v>15</v>
      </c>
      <c r="AE35975">
        <v>15</v>
      </c>
      <c r="AF35975">
        <v>15</v>
      </c>
      <c r="AG35975">
        <v>15</v>
      </c>
      <c r="AH35975">
        <v>16</v>
      </c>
      <c r="AI35975">
        <v>16</v>
      </c>
      <c r="AJ35975">
        <v>16</v>
      </c>
      <c r="AK35975">
        <v>16</v>
      </c>
      <c r="AL35975">
        <v>16</v>
      </c>
      <c r="AM35975">
        <v>16</v>
      </c>
      <c r="AN35975">
        <v>17</v>
      </c>
      <c r="AO35975">
        <v>17</v>
      </c>
      <c r="AP35975">
        <v>17</v>
      </c>
      <c r="AQ35975">
        <v>17</v>
      </c>
    </row>
    <row r="35976" spans="1:43">
      <c r="A35976" t="s">
        <v>22305</v>
      </c>
      <c r="B35976" t="s">
        <v>22306</v>
      </c>
      <c r="C35976" t="s">
        <v>22307</v>
      </c>
      <c r="D35976" t="s">
        <v>22308</v>
      </c>
      <c r="E35976" t="s">
        <v>22205</v>
      </c>
      <c r="F35976" t="s">
        <v>22206</v>
      </c>
      <c r="G35976" t="s">
        <v>20255</v>
      </c>
      <c r="H35976" t="s">
        <v>20256</v>
      </c>
      <c r="I35976" s="2">
        <v>1</v>
      </c>
      <c r="J35976" s="2">
        <v>0</v>
      </c>
      <c r="K35976" s="2">
        <v>0</v>
      </c>
      <c r="L35976" t="s">
        <v>120</v>
      </c>
      <c r="M35976" t="s">
        <v>89</v>
      </c>
      <c r="N35976" t="s">
        <v>90</v>
      </c>
      <c r="O35976" t="s">
        <v>85</v>
      </c>
      <c r="P35976" t="s">
        <v>86</v>
      </c>
      <c r="Q35976">
        <v>13</v>
      </c>
      <c r="R35976">
        <v>14</v>
      </c>
      <c r="S35976">
        <v>14</v>
      </c>
      <c r="T35976">
        <v>15</v>
      </c>
      <c r="U35976">
        <v>15</v>
      </c>
      <c r="V35976">
        <v>15</v>
      </c>
      <c r="W35976">
        <v>16</v>
      </c>
      <c r="X35976">
        <v>16</v>
      </c>
      <c r="Y35976">
        <v>16</v>
      </c>
      <c r="Z35976">
        <v>17</v>
      </c>
      <c r="AA35976">
        <v>17</v>
      </c>
      <c r="AB35976">
        <v>17</v>
      </c>
      <c r="AC35976">
        <v>18</v>
      </c>
      <c r="AD35976">
        <v>18</v>
      </c>
      <c r="AE35976">
        <v>18</v>
      </c>
      <c r="AF35976">
        <v>18</v>
      </c>
      <c r="AG35976">
        <v>18</v>
      </c>
      <c r="AH35976">
        <v>19</v>
      </c>
      <c r="AI35976">
        <v>19</v>
      </c>
      <c r="AJ35976">
        <v>19</v>
      </c>
      <c r="AK35976">
        <v>19</v>
      </c>
      <c r="AL35976">
        <v>19</v>
      </c>
      <c r="AM35976">
        <v>19</v>
      </c>
      <c r="AN35976">
        <v>19</v>
      </c>
      <c r="AO35976">
        <v>20</v>
      </c>
      <c r="AP35976">
        <v>20</v>
      </c>
      <c r="AQ35976">
        <v>20</v>
      </c>
    </row>
    <row r="35977" spans="1:43">
      <c r="A35977" t="s">
        <v>22305</v>
      </c>
      <c r="B35977" t="s">
        <v>22306</v>
      </c>
      <c r="C35977" t="s">
        <v>22307</v>
      </c>
      <c r="D35977" t="s">
        <v>22308</v>
      </c>
      <c r="E35977" t="s">
        <v>22205</v>
      </c>
      <c r="F35977" t="s">
        <v>22206</v>
      </c>
      <c r="G35977" t="s">
        <v>20255</v>
      </c>
      <c r="H35977" t="s">
        <v>20256</v>
      </c>
      <c r="I35977" s="2">
        <v>1</v>
      </c>
      <c r="J35977" s="2">
        <v>0</v>
      </c>
      <c r="K35977" s="2">
        <v>0</v>
      </c>
      <c r="L35977" t="s">
        <v>120</v>
      </c>
      <c r="M35977" t="s">
        <v>83</v>
      </c>
      <c r="N35977" t="s">
        <v>91</v>
      </c>
      <c r="O35977" t="s">
        <v>85</v>
      </c>
      <c r="P35977" t="s">
        <v>86</v>
      </c>
      <c r="Q35977">
        <v>13</v>
      </c>
      <c r="R35977">
        <v>14</v>
      </c>
      <c r="S35977">
        <v>14</v>
      </c>
      <c r="T35977">
        <v>14</v>
      </c>
      <c r="U35977">
        <v>14</v>
      </c>
      <c r="V35977">
        <v>15</v>
      </c>
      <c r="W35977">
        <v>15</v>
      </c>
      <c r="X35977">
        <v>15</v>
      </c>
      <c r="Y35977">
        <v>15</v>
      </c>
      <c r="Z35977">
        <v>16</v>
      </c>
      <c r="AA35977">
        <v>16</v>
      </c>
      <c r="AB35977">
        <v>16</v>
      </c>
      <c r="AC35977">
        <v>16</v>
      </c>
      <c r="AD35977">
        <v>17</v>
      </c>
      <c r="AE35977">
        <v>17</v>
      </c>
      <c r="AF35977">
        <v>17</v>
      </c>
      <c r="AG35977">
        <v>18</v>
      </c>
      <c r="AH35977">
        <v>18</v>
      </c>
      <c r="AI35977">
        <v>18</v>
      </c>
      <c r="AJ35977">
        <v>18</v>
      </c>
      <c r="AK35977">
        <v>19</v>
      </c>
      <c r="AL35977">
        <v>19</v>
      </c>
      <c r="AM35977">
        <v>19</v>
      </c>
      <c r="AN35977">
        <v>19</v>
      </c>
      <c r="AO35977">
        <v>19</v>
      </c>
      <c r="AP35977">
        <v>19</v>
      </c>
      <c r="AQ35977">
        <v>20</v>
      </c>
    </row>
    <row r="35978" spans="1:43">
      <c r="A35978" t="s">
        <v>22309</v>
      </c>
      <c r="B35978" t="s">
        <v>22310</v>
      </c>
      <c r="C35978" t="s">
        <v>22307</v>
      </c>
      <c r="D35978" t="s">
        <v>22308</v>
      </c>
      <c r="E35978" t="s">
        <v>22205</v>
      </c>
      <c r="F35978" t="s">
        <v>22206</v>
      </c>
      <c r="G35978" t="s">
        <v>20255</v>
      </c>
      <c r="H35978" t="s">
        <v>20256</v>
      </c>
      <c r="I35978" s="2">
        <v>1</v>
      </c>
      <c r="J35978" s="2">
        <v>0</v>
      </c>
      <c r="K35978" s="2">
        <v>0</v>
      </c>
      <c r="L35978" t="s">
        <v>120</v>
      </c>
      <c r="M35978" t="s">
        <v>83</v>
      </c>
      <c r="N35978" t="s">
        <v>84</v>
      </c>
      <c r="O35978" t="s">
        <v>85</v>
      </c>
      <c r="P35978" t="s">
        <v>86</v>
      </c>
      <c r="Q35978">
        <v>67</v>
      </c>
      <c r="R35978">
        <v>68</v>
      </c>
      <c r="S35978">
        <v>69</v>
      </c>
      <c r="T35978">
        <v>71</v>
      </c>
      <c r="U35978">
        <v>72</v>
      </c>
      <c r="V35978">
        <v>73</v>
      </c>
      <c r="W35978">
        <v>75</v>
      </c>
      <c r="X35978">
        <v>76</v>
      </c>
      <c r="Y35978">
        <v>77</v>
      </c>
      <c r="Z35978">
        <v>79</v>
      </c>
      <c r="AA35978">
        <v>80</v>
      </c>
      <c r="AB35978">
        <v>81</v>
      </c>
      <c r="AC35978">
        <v>83</v>
      </c>
      <c r="AD35978">
        <v>84</v>
      </c>
      <c r="AE35978">
        <v>85</v>
      </c>
      <c r="AF35978">
        <v>87</v>
      </c>
      <c r="AG35978">
        <v>88</v>
      </c>
      <c r="AH35978">
        <v>90</v>
      </c>
      <c r="AI35978">
        <v>91</v>
      </c>
      <c r="AJ35978">
        <v>93</v>
      </c>
      <c r="AK35978">
        <v>94</v>
      </c>
      <c r="AL35978">
        <v>95</v>
      </c>
      <c r="AM35978">
        <v>96</v>
      </c>
      <c r="AN35978">
        <v>96</v>
      </c>
      <c r="AO35978">
        <v>97</v>
      </c>
      <c r="AP35978">
        <v>98</v>
      </c>
      <c r="AQ35978">
        <v>98</v>
      </c>
    </row>
    <row r="35979" spans="1:43">
      <c r="A35979" t="s">
        <v>22309</v>
      </c>
      <c r="B35979" t="s">
        <v>22310</v>
      </c>
      <c r="C35979" t="s">
        <v>22307</v>
      </c>
      <c r="D35979" t="s">
        <v>22308</v>
      </c>
      <c r="E35979" t="s">
        <v>22205</v>
      </c>
      <c r="F35979" t="s">
        <v>22206</v>
      </c>
      <c r="G35979" t="s">
        <v>20255</v>
      </c>
      <c r="H35979" t="s">
        <v>20256</v>
      </c>
      <c r="I35979" s="2">
        <v>1</v>
      </c>
      <c r="J35979" s="2">
        <v>0</v>
      </c>
      <c r="K35979" s="2">
        <v>0</v>
      </c>
      <c r="L35979" t="s">
        <v>120</v>
      </c>
      <c r="M35979" t="s">
        <v>87</v>
      </c>
      <c r="N35979" t="s">
        <v>88</v>
      </c>
      <c r="O35979" t="s">
        <v>85</v>
      </c>
      <c r="P35979" t="s">
        <v>86</v>
      </c>
      <c r="Q35979">
        <v>67</v>
      </c>
      <c r="R35979">
        <v>68</v>
      </c>
      <c r="S35979">
        <v>68</v>
      </c>
      <c r="T35979">
        <v>69</v>
      </c>
      <c r="U35979">
        <v>70</v>
      </c>
      <c r="V35979">
        <v>70</v>
      </c>
      <c r="W35979">
        <v>71</v>
      </c>
      <c r="X35979">
        <v>72</v>
      </c>
      <c r="Y35979">
        <v>72</v>
      </c>
      <c r="Z35979">
        <v>73</v>
      </c>
      <c r="AA35979">
        <v>74</v>
      </c>
      <c r="AB35979">
        <v>74</v>
      </c>
      <c r="AC35979">
        <v>75</v>
      </c>
      <c r="AD35979">
        <v>76</v>
      </c>
      <c r="AE35979">
        <v>77</v>
      </c>
      <c r="AF35979">
        <v>77</v>
      </c>
      <c r="AG35979">
        <v>78</v>
      </c>
      <c r="AH35979">
        <v>79</v>
      </c>
      <c r="AI35979">
        <v>80</v>
      </c>
      <c r="AJ35979">
        <v>80</v>
      </c>
      <c r="AK35979">
        <v>81</v>
      </c>
      <c r="AL35979">
        <v>82</v>
      </c>
      <c r="AM35979">
        <v>83</v>
      </c>
      <c r="AN35979">
        <v>83</v>
      </c>
      <c r="AO35979">
        <v>84</v>
      </c>
      <c r="AP35979">
        <v>85</v>
      </c>
      <c r="AQ35979">
        <v>86</v>
      </c>
    </row>
    <row r="35980" spans="1:43">
      <c r="A35980" t="s">
        <v>22309</v>
      </c>
      <c r="B35980" t="s">
        <v>22310</v>
      </c>
      <c r="C35980" t="s">
        <v>22307</v>
      </c>
      <c r="D35980" t="s">
        <v>22308</v>
      </c>
      <c r="E35980" t="s">
        <v>22205</v>
      </c>
      <c r="F35980" t="s">
        <v>22206</v>
      </c>
      <c r="G35980" t="s">
        <v>20255</v>
      </c>
      <c r="H35980" t="s">
        <v>20256</v>
      </c>
      <c r="I35980" s="2">
        <v>1</v>
      </c>
      <c r="J35980" s="2">
        <v>0</v>
      </c>
      <c r="K35980" s="2">
        <v>0</v>
      </c>
      <c r="L35980" t="s">
        <v>120</v>
      </c>
      <c r="M35980" t="s">
        <v>89</v>
      </c>
      <c r="N35980" t="s">
        <v>90</v>
      </c>
      <c r="O35980" t="s">
        <v>85</v>
      </c>
      <c r="P35980" t="s">
        <v>86</v>
      </c>
      <c r="Q35980">
        <v>67</v>
      </c>
      <c r="R35980">
        <v>69</v>
      </c>
      <c r="S35980">
        <v>71</v>
      </c>
      <c r="T35980">
        <v>73</v>
      </c>
      <c r="U35980">
        <v>75</v>
      </c>
      <c r="V35980">
        <v>77</v>
      </c>
      <c r="W35980">
        <v>78</v>
      </c>
      <c r="X35980">
        <v>80</v>
      </c>
      <c r="Y35980">
        <v>82</v>
      </c>
      <c r="Z35980">
        <v>84</v>
      </c>
      <c r="AA35980">
        <v>85</v>
      </c>
      <c r="AB35980">
        <v>87</v>
      </c>
      <c r="AC35980">
        <v>89</v>
      </c>
      <c r="AD35980">
        <v>91</v>
      </c>
      <c r="AE35980">
        <v>92</v>
      </c>
      <c r="AF35980">
        <v>92</v>
      </c>
      <c r="AG35980">
        <v>93</v>
      </c>
      <c r="AH35980">
        <v>94</v>
      </c>
      <c r="AI35980">
        <v>94</v>
      </c>
      <c r="AJ35980">
        <v>95</v>
      </c>
      <c r="AK35980">
        <v>95</v>
      </c>
      <c r="AL35980">
        <v>96</v>
      </c>
      <c r="AM35980">
        <v>97</v>
      </c>
      <c r="AN35980">
        <v>97</v>
      </c>
      <c r="AO35980">
        <v>98</v>
      </c>
      <c r="AP35980">
        <v>98</v>
      </c>
      <c r="AQ35980">
        <v>99</v>
      </c>
    </row>
    <row r="35981" spans="1:43">
      <c r="A35981" t="s">
        <v>22309</v>
      </c>
      <c r="B35981" t="s">
        <v>22310</v>
      </c>
      <c r="C35981" t="s">
        <v>22307</v>
      </c>
      <c r="D35981" t="s">
        <v>22308</v>
      </c>
      <c r="E35981" t="s">
        <v>22205</v>
      </c>
      <c r="F35981" t="s">
        <v>22206</v>
      </c>
      <c r="G35981" t="s">
        <v>20255</v>
      </c>
      <c r="H35981" t="s">
        <v>20256</v>
      </c>
      <c r="I35981" s="2">
        <v>1</v>
      </c>
      <c r="J35981" s="2">
        <v>0</v>
      </c>
      <c r="K35981" s="2">
        <v>0</v>
      </c>
      <c r="L35981" t="s">
        <v>120</v>
      </c>
      <c r="M35981" t="s">
        <v>83</v>
      </c>
      <c r="N35981" t="s">
        <v>91</v>
      </c>
      <c r="O35981" t="s">
        <v>85</v>
      </c>
      <c r="P35981" t="s">
        <v>86</v>
      </c>
      <c r="Q35981">
        <v>67</v>
      </c>
      <c r="R35981">
        <v>68</v>
      </c>
      <c r="S35981">
        <v>69</v>
      </c>
      <c r="T35981">
        <v>71</v>
      </c>
      <c r="U35981">
        <v>72</v>
      </c>
      <c r="V35981">
        <v>73</v>
      </c>
      <c r="W35981">
        <v>75</v>
      </c>
      <c r="X35981">
        <v>76</v>
      </c>
      <c r="Y35981">
        <v>77</v>
      </c>
      <c r="Z35981">
        <v>79</v>
      </c>
      <c r="AA35981">
        <v>80</v>
      </c>
      <c r="AB35981">
        <v>81</v>
      </c>
      <c r="AC35981">
        <v>83</v>
      </c>
      <c r="AD35981">
        <v>84</v>
      </c>
      <c r="AE35981">
        <v>85</v>
      </c>
      <c r="AF35981">
        <v>87</v>
      </c>
      <c r="AG35981">
        <v>88</v>
      </c>
      <c r="AH35981">
        <v>90</v>
      </c>
      <c r="AI35981">
        <v>91</v>
      </c>
      <c r="AJ35981">
        <v>93</v>
      </c>
      <c r="AK35981">
        <v>94</v>
      </c>
      <c r="AL35981">
        <v>95</v>
      </c>
      <c r="AM35981">
        <v>96</v>
      </c>
      <c r="AN35981">
        <v>96</v>
      </c>
      <c r="AO35981">
        <v>97</v>
      </c>
      <c r="AP35981">
        <v>98</v>
      </c>
      <c r="AQ35981">
        <v>98</v>
      </c>
    </row>
    <row r="35982" spans="1:43">
      <c r="A35982" t="s">
        <v>22311</v>
      </c>
      <c r="B35982" t="s">
        <v>22312</v>
      </c>
      <c r="C35982" t="s">
        <v>22273</v>
      </c>
      <c r="D35982" t="s">
        <v>22274</v>
      </c>
      <c r="E35982" t="s">
        <v>22205</v>
      </c>
      <c r="F35982" t="s">
        <v>22206</v>
      </c>
      <c r="G35982" t="s">
        <v>20255</v>
      </c>
      <c r="H35982" t="s">
        <v>20256</v>
      </c>
      <c r="I35982" s="2">
        <v>1</v>
      </c>
      <c r="J35982" s="2">
        <v>0</v>
      </c>
      <c r="K35982" s="2">
        <v>0</v>
      </c>
      <c r="L35982" t="s">
        <v>120</v>
      </c>
      <c r="M35982" t="s">
        <v>83</v>
      </c>
      <c r="N35982" t="s">
        <v>84</v>
      </c>
      <c r="O35982" t="s">
        <v>85</v>
      </c>
      <c r="P35982" t="s">
        <v>86</v>
      </c>
      <c r="Q35982">
        <v>42</v>
      </c>
      <c r="R35982">
        <v>43</v>
      </c>
      <c r="S35982">
        <v>44</v>
      </c>
      <c r="T35982">
        <v>45</v>
      </c>
      <c r="U35982">
        <v>45</v>
      </c>
      <c r="V35982">
        <v>46</v>
      </c>
      <c r="W35982">
        <v>47</v>
      </c>
      <c r="X35982">
        <v>48</v>
      </c>
      <c r="Y35982">
        <v>49</v>
      </c>
      <c r="Z35982">
        <v>50</v>
      </c>
      <c r="AA35982">
        <v>50</v>
      </c>
      <c r="AB35982">
        <v>51</v>
      </c>
      <c r="AC35982">
        <v>52</v>
      </c>
      <c r="AD35982">
        <v>53</v>
      </c>
      <c r="AE35982">
        <v>54</v>
      </c>
      <c r="AF35982">
        <v>55</v>
      </c>
      <c r="AG35982">
        <v>56</v>
      </c>
      <c r="AH35982">
        <v>57</v>
      </c>
      <c r="AI35982">
        <v>58</v>
      </c>
      <c r="AJ35982">
        <v>58</v>
      </c>
      <c r="AK35982">
        <v>59</v>
      </c>
      <c r="AL35982">
        <v>60</v>
      </c>
      <c r="AM35982">
        <v>60</v>
      </c>
      <c r="AN35982">
        <v>61</v>
      </c>
      <c r="AO35982">
        <v>61</v>
      </c>
      <c r="AP35982">
        <v>62</v>
      </c>
      <c r="AQ35982">
        <v>62</v>
      </c>
    </row>
    <row r="35983" spans="1:43">
      <c r="A35983" t="s">
        <v>22311</v>
      </c>
      <c r="B35983" t="s">
        <v>22312</v>
      </c>
      <c r="C35983" t="s">
        <v>22273</v>
      </c>
      <c r="D35983" t="s">
        <v>22274</v>
      </c>
      <c r="E35983" t="s">
        <v>22205</v>
      </c>
      <c r="F35983" t="s">
        <v>22206</v>
      </c>
      <c r="G35983" t="s">
        <v>20255</v>
      </c>
      <c r="H35983" t="s">
        <v>20256</v>
      </c>
      <c r="I35983" s="2">
        <v>1</v>
      </c>
      <c r="J35983" s="2">
        <v>0</v>
      </c>
      <c r="K35983" s="2">
        <v>0</v>
      </c>
      <c r="L35983" t="s">
        <v>120</v>
      </c>
      <c r="M35983" t="s">
        <v>87</v>
      </c>
      <c r="N35983" t="s">
        <v>88</v>
      </c>
      <c r="O35983" t="s">
        <v>85</v>
      </c>
      <c r="P35983" t="s">
        <v>86</v>
      </c>
      <c r="Q35983">
        <v>42</v>
      </c>
      <c r="R35983">
        <v>42</v>
      </c>
      <c r="S35983">
        <v>43</v>
      </c>
      <c r="T35983">
        <v>43</v>
      </c>
      <c r="U35983">
        <v>43</v>
      </c>
      <c r="V35983">
        <v>44</v>
      </c>
      <c r="W35983">
        <v>44</v>
      </c>
      <c r="X35983">
        <v>45</v>
      </c>
      <c r="Y35983">
        <v>45</v>
      </c>
      <c r="Z35983">
        <v>46</v>
      </c>
      <c r="AA35983">
        <v>46</v>
      </c>
      <c r="AB35983">
        <v>47</v>
      </c>
      <c r="AC35983">
        <v>47</v>
      </c>
      <c r="AD35983">
        <v>47</v>
      </c>
      <c r="AE35983">
        <v>48</v>
      </c>
      <c r="AF35983">
        <v>48</v>
      </c>
      <c r="AG35983">
        <v>49</v>
      </c>
      <c r="AH35983">
        <v>49</v>
      </c>
      <c r="AI35983">
        <v>50</v>
      </c>
      <c r="AJ35983">
        <v>50</v>
      </c>
      <c r="AK35983">
        <v>51</v>
      </c>
      <c r="AL35983">
        <v>51</v>
      </c>
      <c r="AM35983">
        <v>52</v>
      </c>
      <c r="AN35983">
        <v>52</v>
      </c>
      <c r="AO35983">
        <v>53</v>
      </c>
      <c r="AP35983">
        <v>53</v>
      </c>
      <c r="AQ35983">
        <v>54</v>
      </c>
    </row>
    <row r="35984" spans="1:43">
      <c r="A35984" t="s">
        <v>22311</v>
      </c>
      <c r="B35984" t="s">
        <v>22312</v>
      </c>
      <c r="C35984" t="s">
        <v>22273</v>
      </c>
      <c r="D35984" t="s">
        <v>22274</v>
      </c>
      <c r="E35984" t="s">
        <v>22205</v>
      </c>
      <c r="F35984" t="s">
        <v>22206</v>
      </c>
      <c r="G35984" t="s">
        <v>20255</v>
      </c>
      <c r="H35984" t="s">
        <v>20256</v>
      </c>
      <c r="I35984" s="2">
        <v>1</v>
      </c>
      <c r="J35984" s="2">
        <v>0</v>
      </c>
      <c r="K35984" s="2">
        <v>0</v>
      </c>
      <c r="L35984" t="s">
        <v>120</v>
      </c>
      <c r="M35984" t="s">
        <v>89</v>
      </c>
      <c r="N35984" t="s">
        <v>90</v>
      </c>
      <c r="O35984" t="s">
        <v>85</v>
      </c>
      <c r="P35984" t="s">
        <v>86</v>
      </c>
      <c r="Q35984">
        <v>42</v>
      </c>
      <c r="R35984">
        <v>43</v>
      </c>
      <c r="S35984">
        <v>44</v>
      </c>
      <c r="T35984">
        <v>45</v>
      </c>
      <c r="U35984">
        <v>46</v>
      </c>
      <c r="V35984">
        <v>47</v>
      </c>
      <c r="W35984">
        <v>48</v>
      </c>
      <c r="X35984">
        <v>50</v>
      </c>
      <c r="Y35984">
        <v>51</v>
      </c>
      <c r="Z35984">
        <v>52</v>
      </c>
      <c r="AA35984">
        <v>53</v>
      </c>
      <c r="AB35984">
        <v>54</v>
      </c>
      <c r="AC35984">
        <v>55</v>
      </c>
      <c r="AD35984">
        <v>56</v>
      </c>
      <c r="AE35984">
        <v>57</v>
      </c>
      <c r="AF35984">
        <v>57</v>
      </c>
      <c r="AG35984">
        <v>58</v>
      </c>
      <c r="AH35984">
        <v>58</v>
      </c>
      <c r="AI35984">
        <v>58</v>
      </c>
      <c r="AJ35984">
        <v>59</v>
      </c>
      <c r="AK35984">
        <v>59</v>
      </c>
      <c r="AL35984">
        <v>60</v>
      </c>
      <c r="AM35984">
        <v>60</v>
      </c>
      <c r="AN35984">
        <v>60</v>
      </c>
      <c r="AO35984">
        <v>61</v>
      </c>
      <c r="AP35984">
        <v>61</v>
      </c>
      <c r="AQ35984">
        <v>62</v>
      </c>
    </row>
    <row r="35985" spans="1:43">
      <c r="A35985" t="s">
        <v>22311</v>
      </c>
      <c r="B35985" t="s">
        <v>22312</v>
      </c>
      <c r="C35985" t="s">
        <v>22273</v>
      </c>
      <c r="D35985" t="s">
        <v>22274</v>
      </c>
      <c r="E35985" t="s">
        <v>22205</v>
      </c>
      <c r="F35985" t="s">
        <v>22206</v>
      </c>
      <c r="G35985" t="s">
        <v>20255</v>
      </c>
      <c r="H35985" t="s">
        <v>20256</v>
      </c>
      <c r="I35985" s="2">
        <v>1</v>
      </c>
      <c r="J35985" s="2">
        <v>0</v>
      </c>
      <c r="K35985" s="2">
        <v>0</v>
      </c>
      <c r="L35985" t="s">
        <v>120</v>
      </c>
      <c r="M35985" t="s">
        <v>83</v>
      </c>
      <c r="N35985" t="s">
        <v>91</v>
      </c>
      <c r="O35985" t="s">
        <v>85</v>
      </c>
      <c r="P35985" t="s">
        <v>86</v>
      </c>
      <c r="Q35985">
        <v>42</v>
      </c>
      <c r="R35985">
        <v>43</v>
      </c>
      <c r="S35985">
        <v>44</v>
      </c>
      <c r="T35985">
        <v>45</v>
      </c>
      <c r="U35985">
        <v>45</v>
      </c>
      <c r="V35985">
        <v>46</v>
      </c>
      <c r="W35985">
        <v>47</v>
      </c>
      <c r="X35985">
        <v>48</v>
      </c>
      <c r="Y35985">
        <v>49</v>
      </c>
      <c r="Z35985">
        <v>50</v>
      </c>
      <c r="AA35985">
        <v>50</v>
      </c>
      <c r="AB35985">
        <v>51</v>
      </c>
      <c r="AC35985">
        <v>52</v>
      </c>
      <c r="AD35985">
        <v>53</v>
      </c>
      <c r="AE35985">
        <v>54</v>
      </c>
      <c r="AF35985">
        <v>55</v>
      </c>
      <c r="AG35985">
        <v>56</v>
      </c>
      <c r="AH35985">
        <v>57</v>
      </c>
      <c r="AI35985">
        <v>58</v>
      </c>
      <c r="AJ35985">
        <v>58</v>
      </c>
      <c r="AK35985">
        <v>59</v>
      </c>
      <c r="AL35985">
        <v>60</v>
      </c>
      <c r="AM35985">
        <v>60</v>
      </c>
      <c r="AN35985">
        <v>61</v>
      </c>
      <c r="AO35985">
        <v>61</v>
      </c>
      <c r="AP35985">
        <v>62</v>
      </c>
      <c r="AQ35985">
        <v>62</v>
      </c>
    </row>
    <row r="35986" spans="1:43">
      <c r="A35986" t="s">
        <v>22313</v>
      </c>
      <c r="B35986" t="s">
        <v>22314</v>
      </c>
      <c r="C35986" t="s">
        <v>22315</v>
      </c>
      <c r="D35986" t="s">
        <v>22316</v>
      </c>
      <c r="E35986" t="s">
        <v>22205</v>
      </c>
      <c r="F35986" t="s">
        <v>22206</v>
      </c>
      <c r="G35986" t="s">
        <v>20255</v>
      </c>
      <c r="H35986" t="s">
        <v>20256</v>
      </c>
      <c r="I35986" s="2">
        <v>1</v>
      </c>
      <c r="J35986" s="2">
        <v>0</v>
      </c>
      <c r="K35986" s="2">
        <v>0</v>
      </c>
      <c r="L35986" t="s">
        <v>120</v>
      </c>
      <c r="M35986" t="s">
        <v>83</v>
      </c>
      <c r="N35986" t="s">
        <v>84</v>
      </c>
      <c r="O35986" t="s">
        <v>85</v>
      </c>
      <c r="P35986" t="s">
        <v>86</v>
      </c>
      <c r="Q35986">
        <v>77</v>
      </c>
      <c r="R35986">
        <v>79</v>
      </c>
      <c r="S35986">
        <v>80</v>
      </c>
      <c r="T35986">
        <v>82</v>
      </c>
      <c r="U35986">
        <v>83</v>
      </c>
      <c r="V35986">
        <v>85</v>
      </c>
      <c r="W35986">
        <v>86</v>
      </c>
      <c r="X35986">
        <v>88</v>
      </c>
      <c r="Y35986">
        <v>89</v>
      </c>
      <c r="Z35986">
        <v>91</v>
      </c>
      <c r="AA35986">
        <v>92</v>
      </c>
      <c r="AB35986">
        <v>94</v>
      </c>
      <c r="AC35986">
        <v>96</v>
      </c>
      <c r="AD35986">
        <v>97</v>
      </c>
      <c r="AE35986">
        <v>99</v>
      </c>
      <c r="AF35986">
        <v>100</v>
      </c>
      <c r="AG35986">
        <v>102</v>
      </c>
      <c r="AH35986">
        <v>104</v>
      </c>
      <c r="AI35986">
        <v>105</v>
      </c>
      <c r="AJ35986">
        <v>107</v>
      </c>
      <c r="AK35986">
        <v>109</v>
      </c>
      <c r="AL35986">
        <v>110</v>
      </c>
      <c r="AM35986">
        <v>110</v>
      </c>
      <c r="AN35986">
        <v>111</v>
      </c>
      <c r="AO35986">
        <v>112</v>
      </c>
      <c r="AP35986">
        <v>113</v>
      </c>
      <c r="AQ35986">
        <v>113</v>
      </c>
    </row>
    <row r="35987" spans="1:43">
      <c r="A35987" t="s">
        <v>22313</v>
      </c>
      <c r="B35987" t="s">
        <v>22314</v>
      </c>
      <c r="C35987" t="s">
        <v>22315</v>
      </c>
      <c r="D35987" t="s">
        <v>22316</v>
      </c>
      <c r="E35987" t="s">
        <v>22205</v>
      </c>
      <c r="F35987" t="s">
        <v>22206</v>
      </c>
      <c r="G35987" t="s">
        <v>20255</v>
      </c>
      <c r="H35987" t="s">
        <v>20256</v>
      </c>
      <c r="I35987" s="2">
        <v>1</v>
      </c>
      <c r="J35987" s="2">
        <v>0</v>
      </c>
      <c r="K35987" s="2">
        <v>0</v>
      </c>
      <c r="L35987" t="s">
        <v>120</v>
      </c>
      <c r="M35987" t="s">
        <v>87</v>
      </c>
      <c r="N35987" t="s">
        <v>88</v>
      </c>
      <c r="O35987" t="s">
        <v>85</v>
      </c>
      <c r="P35987" t="s">
        <v>86</v>
      </c>
      <c r="Q35987">
        <v>77</v>
      </c>
      <c r="R35987">
        <v>77</v>
      </c>
      <c r="S35987">
        <v>78</v>
      </c>
      <c r="T35987">
        <v>79</v>
      </c>
      <c r="U35987">
        <v>80</v>
      </c>
      <c r="V35987">
        <v>80</v>
      </c>
      <c r="W35987">
        <v>81</v>
      </c>
      <c r="X35987">
        <v>82</v>
      </c>
      <c r="Y35987">
        <v>83</v>
      </c>
      <c r="Z35987">
        <v>84</v>
      </c>
      <c r="AA35987">
        <v>84</v>
      </c>
      <c r="AB35987">
        <v>85</v>
      </c>
      <c r="AC35987">
        <v>86</v>
      </c>
      <c r="AD35987">
        <v>87</v>
      </c>
      <c r="AE35987">
        <v>88</v>
      </c>
      <c r="AF35987">
        <v>89</v>
      </c>
      <c r="AG35987">
        <v>89</v>
      </c>
      <c r="AH35987">
        <v>90</v>
      </c>
      <c r="AI35987">
        <v>91</v>
      </c>
      <c r="AJ35987">
        <v>92</v>
      </c>
      <c r="AK35987">
        <v>93</v>
      </c>
      <c r="AL35987">
        <v>94</v>
      </c>
      <c r="AM35987">
        <v>95</v>
      </c>
      <c r="AN35987">
        <v>96</v>
      </c>
      <c r="AO35987">
        <v>97</v>
      </c>
      <c r="AP35987">
        <v>98</v>
      </c>
      <c r="AQ35987">
        <v>99</v>
      </c>
    </row>
    <row r="35988" spans="1:43">
      <c r="A35988" t="s">
        <v>22313</v>
      </c>
      <c r="B35988" t="s">
        <v>22314</v>
      </c>
      <c r="C35988" t="s">
        <v>22315</v>
      </c>
      <c r="D35988" t="s">
        <v>22316</v>
      </c>
      <c r="E35988" t="s">
        <v>22205</v>
      </c>
      <c r="F35988" t="s">
        <v>22206</v>
      </c>
      <c r="G35988" t="s">
        <v>20255</v>
      </c>
      <c r="H35988" t="s">
        <v>20256</v>
      </c>
      <c r="I35988" s="2">
        <v>1</v>
      </c>
      <c r="J35988" s="2">
        <v>0</v>
      </c>
      <c r="K35988" s="2">
        <v>0</v>
      </c>
      <c r="L35988" t="s">
        <v>120</v>
      </c>
      <c r="M35988" t="s">
        <v>89</v>
      </c>
      <c r="N35988" t="s">
        <v>90</v>
      </c>
      <c r="O35988" t="s">
        <v>85</v>
      </c>
      <c r="P35988" t="s">
        <v>86</v>
      </c>
      <c r="Q35988">
        <v>77</v>
      </c>
      <c r="R35988">
        <v>79</v>
      </c>
      <c r="S35988">
        <v>81</v>
      </c>
      <c r="T35988">
        <v>83</v>
      </c>
      <c r="U35988">
        <v>86</v>
      </c>
      <c r="V35988">
        <v>88</v>
      </c>
      <c r="W35988">
        <v>90</v>
      </c>
      <c r="X35988">
        <v>92</v>
      </c>
      <c r="Y35988">
        <v>93</v>
      </c>
      <c r="Z35988">
        <v>95</v>
      </c>
      <c r="AA35988">
        <v>97</v>
      </c>
      <c r="AB35988">
        <v>99</v>
      </c>
      <c r="AC35988">
        <v>101</v>
      </c>
      <c r="AD35988">
        <v>103</v>
      </c>
      <c r="AE35988">
        <v>105</v>
      </c>
      <c r="AF35988">
        <v>105</v>
      </c>
      <c r="AG35988">
        <v>106</v>
      </c>
      <c r="AH35988">
        <v>107</v>
      </c>
      <c r="AI35988">
        <v>108</v>
      </c>
      <c r="AJ35988">
        <v>108</v>
      </c>
      <c r="AK35988">
        <v>109</v>
      </c>
      <c r="AL35988">
        <v>110</v>
      </c>
      <c r="AM35988">
        <v>110</v>
      </c>
      <c r="AN35988">
        <v>111</v>
      </c>
      <c r="AO35988">
        <v>112</v>
      </c>
      <c r="AP35988">
        <v>113</v>
      </c>
      <c r="AQ35988">
        <v>113</v>
      </c>
    </row>
    <row r="35989" spans="1:43">
      <c r="A35989" t="s">
        <v>22313</v>
      </c>
      <c r="B35989" t="s">
        <v>22314</v>
      </c>
      <c r="C35989" t="s">
        <v>22315</v>
      </c>
      <c r="D35989" t="s">
        <v>22316</v>
      </c>
      <c r="E35989" t="s">
        <v>22205</v>
      </c>
      <c r="F35989" t="s">
        <v>22206</v>
      </c>
      <c r="G35989" t="s">
        <v>20255</v>
      </c>
      <c r="H35989" t="s">
        <v>20256</v>
      </c>
      <c r="I35989" s="2">
        <v>1</v>
      </c>
      <c r="J35989" s="2">
        <v>0</v>
      </c>
      <c r="K35989" s="2">
        <v>0</v>
      </c>
      <c r="L35989" t="s">
        <v>120</v>
      </c>
      <c r="M35989" t="s">
        <v>83</v>
      </c>
      <c r="N35989" t="s">
        <v>91</v>
      </c>
      <c r="O35989" t="s">
        <v>85</v>
      </c>
      <c r="P35989" t="s">
        <v>86</v>
      </c>
      <c r="Q35989">
        <v>77</v>
      </c>
      <c r="R35989">
        <v>79</v>
      </c>
      <c r="S35989">
        <v>80</v>
      </c>
      <c r="T35989">
        <v>82</v>
      </c>
      <c r="U35989">
        <v>83</v>
      </c>
      <c r="V35989">
        <v>85</v>
      </c>
      <c r="W35989">
        <v>86</v>
      </c>
      <c r="X35989">
        <v>88</v>
      </c>
      <c r="Y35989">
        <v>89</v>
      </c>
      <c r="Z35989">
        <v>91</v>
      </c>
      <c r="AA35989">
        <v>92</v>
      </c>
      <c r="AB35989">
        <v>94</v>
      </c>
      <c r="AC35989">
        <v>96</v>
      </c>
      <c r="AD35989">
        <v>97</v>
      </c>
      <c r="AE35989">
        <v>99</v>
      </c>
      <c r="AF35989">
        <v>100</v>
      </c>
      <c r="AG35989">
        <v>102</v>
      </c>
      <c r="AH35989">
        <v>104</v>
      </c>
      <c r="AI35989">
        <v>105</v>
      </c>
      <c r="AJ35989">
        <v>107</v>
      </c>
      <c r="AK35989">
        <v>109</v>
      </c>
      <c r="AL35989">
        <v>110</v>
      </c>
      <c r="AM35989">
        <v>110</v>
      </c>
      <c r="AN35989">
        <v>111</v>
      </c>
      <c r="AO35989">
        <v>112</v>
      </c>
      <c r="AP35989">
        <v>113</v>
      </c>
      <c r="AQ35989">
        <v>113</v>
      </c>
    </row>
    <row r="35990" spans="1:43">
      <c r="A35990" t="s">
        <v>22317</v>
      </c>
      <c r="B35990" t="s">
        <v>22318</v>
      </c>
      <c r="C35990" t="s">
        <v>22261</v>
      </c>
      <c r="D35990" t="s">
        <v>22262</v>
      </c>
      <c r="E35990" t="s">
        <v>22205</v>
      </c>
      <c r="F35990" t="s">
        <v>22206</v>
      </c>
      <c r="G35990" t="s">
        <v>20255</v>
      </c>
      <c r="H35990" t="s">
        <v>20256</v>
      </c>
      <c r="I35990" s="2">
        <v>1</v>
      </c>
      <c r="J35990" s="2">
        <v>0</v>
      </c>
      <c r="K35990" s="2">
        <v>0</v>
      </c>
      <c r="L35990" t="s">
        <v>120</v>
      </c>
      <c r="M35990" t="s">
        <v>83</v>
      </c>
      <c r="N35990" t="s">
        <v>84</v>
      </c>
      <c r="O35990" t="s">
        <v>85</v>
      </c>
      <c r="P35990" t="s">
        <v>86</v>
      </c>
      <c r="Q35990">
        <v>73</v>
      </c>
      <c r="R35990">
        <v>74</v>
      </c>
      <c r="S35990">
        <v>75</v>
      </c>
      <c r="T35990">
        <v>77</v>
      </c>
      <c r="U35990">
        <v>78</v>
      </c>
      <c r="V35990">
        <v>80</v>
      </c>
      <c r="W35990">
        <v>81</v>
      </c>
      <c r="X35990">
        <v>82</v>
      </c>
      <c r="Y35990">
        <v>84</v>
      </c>
      <c r="Z35990">
        <v>85</v>
      </c>
      <c r="AA35990">
        <v>87</v>
      </c>
      <c r="AB35990">
        <v>88</v>
      </c>
      <c r="AC35990">
        <v>90</v>
      </c>
      <c r="AD35990">
        <v>91</v>
      </c>
      <c r="AE35990">
        <v>93</v>
      </c>
      <c r="AF35990">
        <v>94</v>
      </c>
      <c r="AG35990">
        <v>96</v>
      </c>
      <c r="AH35990">
        <v>97</v>
      </c>
      <c r="AI35990">
        <v>99</v>
      </c>
      <c r="AJ35990">
        <v>100</v>
      </c>
      <c r="AK35990">
        <v>102</v>
      </c>
      <c r="AL35990">
        <v>103</v>
      </c>
      <c r="AM35990">
        <v>103</v>
      </c>
      <c r="AN35990">
        <v>104</v>
      </c>
      <c r="AO35990">
        <v>105</v>
      </c>
      <c r="AP35990">
        <v>106</v>
      </c>
      <c r="AQ35990">
        <v>106</v>
      </c>
    </row>
    <row r="35991" spans="1:43">
      <c r="A35991" t="s">
        <v>22317</v>
      </c>
      <c r="B35991" t="s">
        <v>22318</v>
      </c>
      <c r="C35991" t="s">
        <v>22261</v>
      </c>
      <c r="D35991" t="s">
        <v>22262</v>
      </c>
      <c r="E35991" t="s">
        <v>22205</v>
      </c>
      <c r="F35991" t="s">
        <v>22206</v>
      </c>
      <c r="G35991" t="s">
        <v>20255</v>
      </c>
      <c r="H35991" t="s">
        <v>20256</v>
      </c>
      <c r="I35991" s="2">
        <v>1</v>
      </c>
      <c r="J35991" s="2">
        <v>0</v>
      </c>
      <c r="K35991" s="2">
        <v>0</v>
      </c>
      <c r="L35991" t="s">
        <v>120</v>
      </c>
      <c r="M35991" t="s">
        <v>87</v>
      </c>
      <c r="N35991" t="s">
        <v>88</v>
      </c>
      <c r="O35991" t="s">
        <v>85</v>
      </c>
      <c r="P35991" t="s">
        <v>86</v>
      </c>
      <c r="Q35991">
        <v>73</v>
      </c>
      <c r="R35991">
        <v>74</v>
      </c>
      <c r="S35991">
        <v>74</v>
      </c>
      <c r="T35991">
        <v>75</v>
      </c>
      <c r="U35991">
        <v>76</v>
      </c>
      <c r="V35991">
        <v>76</v>
      </c>
      <c r="W35991">
        <v>77</v>
      </c>
      <c r="X35991">
        <v>78</v>
      </c>
      <c r="Y35991">
        <v>79</v>
      </c>
      <c r="Z35991">
        <v>79</v>
      </c>
      <c r="AA35991">
        <v>80</v>
      </c>
      <c r="AB35991">
        <v>81</v>
      </c>
      <c r="AC35991">
        <v>81</v>
      </c>
      <c r="AD35991">
        <v>82</v>
      </c>
      <c r="AE35991">
        <v>83</v>
      </c>
      <c r="AF35991">
        <v>84</v>
      </c>
      <c r="AG35991">
        <v>84</v>
      </c>
      <c r="AH35991">
        <v>85</v>
      </c>
      <c r="AI35991">
        <v>86</v>
      </c>
      <c r="AJ35991">
        <v>87</v>
      </c>
      <c r="AK35991">
        <v>88</v>
      </c>
      <c r="AL35991">
        <v>88</v>
      </c>
      <c r="AM35991">
        <v>89</v>
      </c>
      <c r="AN35991">
        <v>90</v>
      </c>
      <c r="AO35991">
        <v>91</v>
      </c>
      <c r="AP35991">
        <v>92</v>
      </c>
      <c r="AQ35991">
        <v>93</v>
      </c>
    </row>
    <row r="35992" spans="1:43">
      <c r="A35992" t="s">
        <v>22317</v>
      </c>
      <c r="B35992" t="s">
        <v>22318</v>
      </c>
      <c r="C35992" t="s">
        <v>22261</v>
      </c>
      <c r="D35992" t="s">
        <v>22262</v>
      </c>
      <c r="E35992" t="s">
        <v>22205</v>
      </c>
      <c r="F35992" t="s">
        <v>22206</v>
      </c>
      <c r="G35992" t="s">
        <v>20255</v>
      </c>
      <c r="H35992" t="s">
        <v>20256</v>
      </c>
      <c r="I35992" s="2">
        <v>1</v>
      </c>
      <c r="J35992" s="2">
        <v>0</v>
      </c>
      <c r="K35992" s="2">
        <v>0</v>
      </c>
      <c r="L35992" t="s">
        <v>120</v>
      </c>
      <c r="M35992" t="s">
        <v>89</v>
      </c>
      <c r="N35992" t="s">
        <v>90</v>
      </c>
      <c r="O35992" t="s">
        <v>85</v>
      </c>
      <c r="P35992" t="s">
        <v>86</v>
      </c>
      <c r="Q35992">
        <v>73</v>
      </c>
      <c r="R35992">
        <v>75</v>
      </c>
      <c r="S35992">
        <v>77</v>
      </c>
      <c r="T35992">
        <v>79</v>
      </c>
      <c r="U35992">
        <v>81</v>
      </c>
      <c r="V35992">
        <v>83</v>
      </c>
      <c r="W35992">
        <v>85</v>
      </c>
      <c r="X35992">
        <v>87</v>
      </c>
      <c r="Y35992">
        <v>89</v>
      </c>
      <c r="Z35992">
        <v>91</v>
      </c>
      <c r="AA35992">
        <v>92</v>
      </c>
      <c r="AB35992">
        <v>94</v>
      </c>
      <c r="AC35992">
        <v>96</v>
      </c>
      <c r="AD35992">
        <v>98</v>
      </c>
      <c r="AE35992">
        <v>99</v>
      </c>
      <c r="AF35992">
        <v>100</v>
      </c>
      <c r="AG35992">
        <v>101</v>
      </c>
      <c r="AH35992">
        <v>101</v>
      </c>
      <c r="AI35992">
        <v>102</v>
      </c>
      <c r="AJ35992">
        <v>103</v>
      </c>
      <c r="AK35992">
        <v>103</v>
      </c>
      <c r="AL35992">
        <v>104</v>
      </c>
      <c r="AM35992">
        <v>105</v>
      </c>
      <c r="AN35992">
        <v>105</v>
      </c>
      <c r="AO35992">
        <v>106</v>
      </c>
      <c r="AP35992">
        <v>107</v>
      </c>
      <c r="AQ35992">
        <v>107</v>
      </c>
    </row>
    <row r="35993" spans="1:43">
      <c r="A35993" t="s">
        <v>22317</v>
      </c>
      <c r="B35993" t="s">
        <v>22318</v>
      </c>
      <c r="C35993" t="s">
        <v>22261</v>
      </c>
      <c r="D35993" t="s">
        <v>22262</v>
      </c>
      <c r="E35993" t="s">
        <v>22205</v>
      </c>
      <c r="F35993" t="s">
        <v>22206</v>
      </c>
      <c r="G35993" t="s">
        <v>20255</v>
      </c>
      <c r="H35993" t="s">
        <v>20256</v>
      </c>
      <c r="I35993" s="2">
        <v>1</v>
      </c>
      <c r="J35993" s="2">
        <v>0</v>
      </c>
      <c r="K35993" s="2">
        <v>0</v>
      </c>
      <c r="L35993" t="s">
        <v>120</v>
      </c>
      <c r="M35993" t="s">
        <v>83</v>
      </c>
      <c r="N35993" t="s">
        <v>91</v>
      </c>
      <c r="O35993" t="s">
        <v>85</v>
      </c>
      <c r="P35993" t="s">
        <v>86</v>
      </c>
      <c r="Q35993">
        <v>73</v>
      </c>
      <c r="R35993">
        <v>74</v>
      </c>
      <c r="S35993">
        <v>75</v>
      </c>
      <c r="T35993">
        <v>77</v>
      </c>
      <c r="U35993">
        <v>78</v>
      </c>
      <c r="V35993">
        <v>80</v>
      </c>
      <c r="W35993">
        <v>81</v>
      </c>
      <c r="X35993">
        <v>82</v>
      </c>
      <c r="Y35993">
        <v>84</v>
      </c>
      <c r="Z35993">
        <v>85</v>
      </c>
      <c r="AA35993">
        <v>87</v>
      </c>
      <c r="AB35993">
        <v>88</v>
      </c>
      <c r="AC35993">
        <v>90</v>
      </c>
      <c r="AD35993">
        <v>91</v>
      </c>
      <c r="AE35993">
        <v>93</v>
      </c>
      <c r="AF35993">
        <v>94</v>
      </c>
      <c r="AG35993">
        <v>96</v>
      </c>
      <c r="AH35993">
        <v>97</v>
      </c>
      <c r="AI35993">
        <v>99</v>
      </c>
      <c r="AJ35993">
        <v>100</v>
      </c>
      <c r="AK35993">
        <v>102</v>
      </c>
      <c r="AL35993">
        <v>103</v>
      </c>
      <c r="AM35993">
        <v>103</v>
      </c>
      <c r="AN35993">
        <v>104</v>
      </c>
      <c r="AO35993">
        <v>105</v>
      </c>
      <c r="AP35993">
        <v>106</v>
      </c>
      <c r="AQ35993">
        <v>106</v>
      </c>
    </row>
    <row r="35994" spans="1:43">
      <c r="A35994" t="s">
        <v>22319</v>
      </c>
      <c r="B35994" t="s">
        <v>22320</v>
      </c>
      <c r="C35994" t="s">
        <v>22321</v>
      </c>
      <c r="D35994" t="s">
        <v>22322</v>
      </c>
      <c r="E35994" t="s">
        <v>22205</v>
      </c>
      <c r="F35994" t="s">
        <v>22206</v>
      </c>
      <c r="G35994" t="s">
        <v>20255</v>
      </c>
      <c r="H35994" t="s">
        <v>20256</v>
      </c>
      <c r="I35994" s="2">
        <v>1</v>
      </c>
      <c r="J35994" s="2">
        <v>0</v>
      </c>
      <c r="K35994" s="2">
        <v>0</v>
      </c>
      <c r="L35994" t="s">
        <v>120</v>
      </c>
      <c r="M35994" t="s">
        <v>83</v>
      </c>
      <c r="N35994" t="s">
        <v>84</v>
      </c>
      <c r="O35994" t="s">
        <v>85</v>
      </c>
      <c r="P35994" t="s">
        <v>86</v>
      </c>
      <c r="Q35994">
        <v>84</v>
      </c>
      <c r="R35994">
        <v>86</v>
      </c>
      <c r="S35994">
        <v>87</v>
      </c>
      <c r="T35994">
        <v>89</v>
      </c>
      <c r="U35994">
        <v>90</v>
      </c>
      <c r="V35994">
        <v>92</v>
      </c>
      <c r="W35994">
        <v>94</v>
      </c>
      <c r="X35994">
        <v>95</v>
      </c>
      <c r="Y35994">
        <v>97</v>
      </c>
      <c r="Z35994">
        <v>99</v>
      </c>
      <c r="AA35994">
        <v>100</v>
      </c>
      <c r="AB35994">
        <v>102</v>
      </c>
      <c r="AC35994">
        <v>104</v>
      </c>
      <c r="AD35994">
        <v>105</v>
      </c>
      <c r="AE35994">
        <v>107</v>
      </c>
      <c r="AF35994">
        <v>109</v>
      </c>
      <c r="AG35994">
        <v>111</v>
      </c>
      <c r="AH35994">
        <v>113</v>
      </c>
      <c r="AI35994">
        <v>114</v>
      </c>
      <c r="AJ35994">
        <v>116</v>
      </c>
      <c r="AK35994">
        <v>118</v>
      </c>
      <c r="AL35994">
        <v>119</v>
      </c>
      <c r="AM35994">
        <v>120</v>
      </c>
      <c r="AN35994">
        <v>121</v>
      </c>
      <c r="AO35994">
        <v>121</v>
      </c>
      <c r="AP35994">
        <v>122</v>
      </c>
      <c r="AQ35994">
        <v>123</v>
      </c>
    </row>
    <row r="35995" spans="1:43">
      <c r="A35995" t="s">
        <v>22319</v>
      </c>
      <c r="B35995" t="s">
        <v>22320</v>
      </c>
      <c r="C35995" t="s">
        <v>22321</v>
      </c>
      <c r="D35995" t="s">
        <v>22322</v>
      </c>
      <c r="E35995" t="s">
        <v>22205</v>
      </c>
      <c r="F35995" t="s">
        <v>22206</v>
      </c>
      <c r="G35995" t="s">
        <v>20255</v>
      </c>
      <c r="H35995" t="s">
        <v>20256</v>
      </c>
      <c r="I35995" s="2">
        <v>1</v>
      </c>
      <c r="J35995" s="2">
        <v>0</v>
      </c>
      <c r="K35995" s="2">
        <v>0</v>
      </c>
      <c r="L35995" t="s">
        <v>120</v>
      </c>
      <c r="M35995" t="s">
        <v>87</v>
      </c>
      <c r="N35995" t="s">
        <v>88</v>
      </c>
      <c r="O35995" t="s">
        <v>85</v>
      </c>
      <c r="P35995" t="s">
        <v>86</v>
      </c>
      <c r="Q35995">
        <v>84</v>
      </c>
      <c r="R35995">
        <v>85</v>
      </c>
      <c r="S35995">
        <v>86</v>
      </c>
      <c r="T35995">
        <v>87</v>
      </c>
      <c r="U35995">
        <v>87</v>
      </c>
      <c r="V35995">
        <v>88</v>
      </c>
      <c r="W35995">
        <v>89</v>
      </c>
      <c r="X35995">
        <v>90</v>
      </c>
      <c r="Y35995">
        <v>91</v>
      </c>
      <c r="Z35995">
        <v>92</v>
      </c>
      <c r="AA35995">
        <v>92</v>
      </c>
      <c r="AB35995">
        <v>93</v>
      </c>
      <c r="AC35995">
        <v>94</v>
      </c>
      <c r="AD35995">
        <v>95</v>
      </c>
      <c r="AE35995">
        <v>96</v>
      </c>
      <c r="AF35995">
        <v>97</v>
      </c>
      <c r="AG35995">
        <v>98</v>
      </c>
      <c r="AH35995">
        <v>98</v>
      </c>
      <c r="AI35995">
        <v>99</v>
      </c>
      <c r="AJ35995">
        <v>100</v>
      </c>
      <c r="AK35995">
        <v>101</v>
      </c>
      <c r="AL35995">
        <v>102</v>
      </c>
      <c r="AM35995">
        <v>103</v>
      </c>
      <c r="AN35995">
        <v>104</v>
      </c>
      <c r="AO35995">
        <v>105</v>
      </c>
      <c r="AP35995">
        <v>106</v>
      </c>
      <c r="AQ35995">
        <v>107</v>
      </c>
    </row>
    <row r="35996" spans="1:43">
      <c r="A35996" t="s">
        <v>22319</v>
      </c>
      <c r="B35996" t="s">
        <v>22320</v>
      </c>
      <c r="C35996" t="s">
        <v>22321</v>
      </c>
      <c r="D35996" t="s">
        <v>22322</v>
      </c>
      <c r="E35996" t="s">
        <v>22205</v>
      </c>
      <c r="F35996" t="s">
        <v>22206</v>
      </c>
      <c r="G35996" t="s">
        <v>20255</v>
      </c>
      <c r="H35996" t="s">
        <v>20256</v>
      </c>
      <c r="I35996" s="2">
        <v>1</v>
      </c>
      <c r="J35996" s="2">
        <v>0</v>
      </c>
      <c r="K35996" s="2">
        <v>0</v>
      </c>
      <c r="L35996" t="s">
        <v>120</v>
      </c>
      <c r="M35996" t="s">
        <v>89</v>
      </c>
      <c r="N35996" t="s">
        <v>90</v>
      </c>
      <c r="O35996" t="s">
        <v>85</v>
      </c>
      <c r="P35996" t="s">
        <v>86</v>
      </c>
      <c r="Q35996">
        <v>84</v>
      </c>
      <c r="R35996">
        <v>86</v>
      </c>
      <c r="S35996">
        <v>89</v>
      </c>
      <c r="T35996">
        <v>91</v>
      </c>
      <c r="U35996">
        <v>93</v>
      </c>
      <c r="V35996">
        <v>95</v>
      </c>
      <c r="W35996">
        <v>97</v>
      </c>
      <c r="X35996">
        <v>100</v>
      </c>
      <c r="Y35996">
        <v>102</v>
      </c>
      <c r="Z35996">
        <v>104</v>
      </c>
      <c r="AA35996">
        <v>106</v>
      </c>
      <c r="AB35996">
        <v>108</v>
      </c>
      <c r="AC35996">
        <v>110</v>
      </c>
      <c r="AD35996">
        <v>113</v>
      </c>
      <c r="AE35996">
        <v>114</v>
      </c>
      <c r="AF35996">
        <v>115</v>
      </c>
      <c r="AG35996">
        <v>116</v>
      </c>
      <c r="AH35996">
        <v>116</v>
      </c>
      <c r="AI35996">
        <v>117</v>
      </c>
      <c r="AJ35996">
        <v>118</v>
      </c>
      <c r="AK35996">
        <v>118</v>
      </c>
      <c r="AL35996">
        <v>119</v>
      </c>
      <c r="AM35996">
        <v>120</v>
      </c>
      <c r="AN35996">
        <v>120</v>
      </c>
      <c r="AO35996">
        <v>121</v>
      </c>
      <c r="AP35996">
        <v>122</v>
      </c>
      <c r="AQ35996">
        <v>123</v>
      </c>
    </row>
    <row r="35997" spans="1:43">
      <c r="A35997" t="s">
        <v>22319</v>
      </c>
      <c r="B35997" t="s">
        <v>22320</v>
      </c>
      <c r="C35997" t="s">
        <v>22321</v>
      </c>
      <c r="D35997" t="s">
        <v>22322</v>
      </c>
      <c r="E35997" t="s">
        <v>22205</v>
      </c>
      <c r="F35997" t="s">
        <v>22206</v>
      </c>
      <c r="G35997" t="s">
        <v>20255</v>
      </c>
      <c r="H35997" t="s">
        <v>20256</v>
      </c>
      <c r="I35997" s="2">
        <v>1</v>
      </c>
      <c r="J35997" s="2">
        <v>0</v>
      </c>
      <c r="K35997" s="2">
        <v>0</v>
      </c>
      <c r="L35997" t="s">
        <v>120</v>
      </c>
      <c r="M35997" t="s">
        <v>83</v>
      </c>
      <c r="N35997" t="s">
        <v>91</v>
      </c>
      <c r="O35997" t="s">
        <v>85</v>
      </c>
      <c r="P35997" t="s">
        <v>86</v>
      </c>
      <c r="Q35997">
        <v>84</v>
      </c>
      <c r="R35997">
        <v>86</v>
      </c>
      <c r="S35997">
        <v>87</v>
      </c>
      <c r="T35997">
        <v>89</v>
      </c>
      <c r="U35997">
        <v>90</v>
      </c>
      <c r="V35997">
        <v>92</v>
      </c>
      <c r="W35997">
        <v>94</v>
      </c>
      <c r="X35997">
        <v>95</v>
      </c>
      <c r="Y35997">
        <v>97</v>
      </c>
      <c r="Z35997">
        <v>99</v>
      </c>
      <c r="AA35997">
        <v>100</v>
      </c>
      <c r="AB35997">
        <v>102</v>
      </c>
      <c r="AC35997">
        <v>104</v>
      </c>
      <c r="AD35997">
        <v>105</v>
      </c>
      <c r="AE35997">
        <v>107</v>
      </c>
      <c r="AF35997">
        <v>109</v>
      </c>
      <c r="AG35997">
        <v>111</v>
      </c>
      <c r="AH35997">
        <v>113</v>
      </c>
      <c r="AI35997">
        <v>114</v>
      </c>
      <c r="AJ35997">
        <v>116</v>
      </c>
      <c r="AK35997">
        <v>118</v>
      </c>
      <c r="AL35997">
        <v>119</v>
      </c>
      <c r="AM35997">
        <v>120</v>
      </c>
      <c r="AN35997">
        <v>121</v>
      </c>
      <c r="AO35997">
        <v>121</v>
      </c>
      <c r="AP35997">
        <v>122</v>
      </c>
      <c r="AQ35997">
        <v>123</v>
      </c>
    </row>
    <row r="35998" spans="1:43">
      <c r="A35998" t="s">
        <v>22323</v>
      </c>
      <c r="B35998" t="s">
        <v>22324</v>
      </c>
      <c r="C35998" t="s">
        <v>22215</v>
      </c>
      <c r="D35998" t="s">
        <v>22216</v>
      </c>
      <c r="E35998" t="s">
        <v>22205</v>
      </c>
      <c r="F35998" t="s">
        <v>22206</v>
      </c>
      <c r="G35998" t="s">
        <v>20255</v>
      </c>
      <c r="H35998" t="s">
        <v>20256</v>
      </c>
      <c r="I35998" s="2">
        <v>1</v>
      </c>
      <c r="J35998" s="2">
        <v>0</v>
      </c>
      <c r="K35998" s="2">
        <v>0</v>
      </c>
      <c r="L35998" t="s">
        <v>120</v>
      </c>
      <c r="M35998" t="s">
        <v>83</v>
      </c>
      <c r="N35998" t="s">
        <v>84</v>
      </c>
      <c r="O35998" t="s">
        <v>85</v>
      </c>
      <c r="P35998" t="s">
        <v>86</v>
      </c>
      <c r="Q35998">
        <v>85</v>
      </c>
      <c r="R35998">
        <v>87</v>
      </c>
      <c r="S35998">
        <v>89</v>
      </c>
      <c r="T35998">
        <v>91</v>
      </c>
      <c r="U35998">
        <v>92</v>
      </c>
      <c r="V35998">
        <v>94</v>
      </c>
      <c r="W35998">
        <v>96</v>
      </c>
      <c r="X35998">
        <v>97</v>
      </c>
      <c r="Y35998">
        <v>99</v>
      </c>
      <c r="Z35998">
        <v>101</v>
      </c>
      <c r="AA35998">
        <v>102</v>
      </c>
      <c r="AB35998">
        <v>104</v>
      </c>
      <c r="AC35998">
        <v>106</v>
      </c>
      <c r="AD35998">
        <v>107</v>
      </c>
      <c r="AE35998">
        <v>109</v>
      </c>
      <c r="AF35998">
        <v>111</v>
      </c>
      <c r="AG35998">
        <v>113</v>
      </c>
      <c r="AH35998">
        <v>115</v>
      </c>
      <c r="AI35998">
        <v>116</v>
      </c>
      <c r="AJ35998">
        <v>118</v>
      </c>
      <c r="AK35998">
        <v>120</v>
      </c>
      <c r="AL35998">
        <v>121</v>
      </c>
      <c r="AM35998">
        <v>122</v>
      </c>
      <c r="AN35998">
        <v>123</v>
      </c>
      <c r="AO35998">
        <v>124</v>
      </c>
      <c r="AP35998">
        <v>125</v>
      </c>
      <c r="AQ35998">
        <v>126</v>
      </c>
    </row>
    <row r="35999" spans="1:43">
      <c r="A35999" t="s">
        <v>22323</v>
      </c>
      <c r="B35999" t="s">
        <v>22324</v>
      </c>
      <c r="C35999" t="s">
        <v>22215</v>
      </c>
      <c r="D35999" t="s">
        <v>22216</v>
      </c>
      <c r="E35999" t="s">
        <v>22205</v>
      </c>
      <c r="F35999" t="s">
        <v>22206</v>
      </c>
      <c r="G35999" t="s">
        <v>20255</v>
      </c>
      <c r="H35999" t="s">
        <v>20256</v>
      </c>
      <c r="I35999" s="2">
        <v>1</v>
      </c>
      <c r="J35999" s="2">
        <v>0</v>
      </c>
      <c r="K35999" s="2">
        <v>0</v>
      </c>
      <c r="L35999" t="s">
        <v>120</v>
      </c>
      <c r="M35999" t="s">
        <v>87</v>
      </c>
      <c r="N35999" t="s">
        <v>88</v>
      </c>
      <c r="O35999" t="s">
        <v>85</v>
      </c>
      <c r="P35999" t="s">
        <v>86</v>
      </c>
      <c r="Q35999">
        <v>85</v>
      </c>
      <c r="R35999">
        <v>85</v>
      </c>
      <c r="S35999">
        <v>86</v>
      </c>
      <c r="T35999">
        <v>87</v>
      </c>
      <c r="U35999">
        <v>88</v>
      </c>
      <c r="V35999">
        <v>89</v>
      </c>
      <c r="W35999">
        <v>90</v>
      </c>
      <c r="X35999">
        <v>91</v>
      </c>
      <c r="Y35999">
        <v>92</v>
      </c>
      <c r="Z35999">
        <v>92</v>
      </c>
      <c r="AA35999">
        <v>93</v>
      </c>
      <c r="AB35999">
        <v>94</v>
      </c>
      <c r="AC35999">
        <v>95</v>
      </c>
      <c r="AD35999">
        <v>96</v>
      </c>
      <c r="AE35999">
        <v>97</v>
      </c>
      <c r="AF35999">
        <v>98</v>
      </c>
      <c r="AG35999">
        <v>99</v>
      </c>
      <c r="AH35999">
        <v>100</v>
      </c>
      <c r="AI35999">
        <v>101</v>
      </c>
      <c r="AJ35999">
        <v>102</v>
      </c>
      <c r="AK35999">
        <v>103</v>
      </c>
      <c r="AL35999">
        <v>104</v>
      </c>
      <c r="AM35999">
        <v>105</v>
      </c>
      <c r="AN35999">
        <v>106</v>
      </c>
      <c r="AO35999">
        <v>107</v>
      </c>
      <c r="AP35999">
        <v>108</v>
      </c>
      <c r="AQ35999">
        <v>109</v>
      </c>
    </row>
    <row r="36000" spans="1:43">
      <c r="A36000" t="s">
        <v>22323</v>
      </c>
      <c r="B36000" t="s">
        <v>22324</v>
      </c>
      <c r="C36000" t="s">
        <v>22215</v>
      </c>
      <c r="D36000" t="s">
        <v>22216</v>
      </c>
      <c r="E36000" t="s">
        <v>22205</v>
      </c>
      <c r="F36000" t="s">
        <v>22206</v>
      </c>
      <c r="G36000" t="s">
        <v>20255</v>
      </c>
      <c r="H36000" t="s">
        <v>20256</v>
      </c>
      <c r="I36000" s="2">
        <v>1</v>
      </c>
      <c r="J36000" s="2">
        <v>0</v>
      </c>
      <c r="K36000" s="2">
        <v>0</v>
      </c>
      <c r="L36000" t="s">
        <v>120</v>
      </c>
      <c r="M36000" t="s">
        <v>89</v>
      </c>
      <c r="N36000" t="s">
        <v>90</v>
      </c>
      <c r="O36000" t="s">
        <v>85</v>
      </c>
      <c r="P36000" t="s">
        <v>86</v>
      </c>
      <c r="Q36000">
        <v>85</v>
      </c>
      <c r="R36000">
        <v>88</v>
      </c>
      <c r="S36000">
        <v>90</v>
      </c>
      <c r="T36000">
        <v>92</v>
      </c>
      <c r="U36000">
        <v>95</v>
      </c>
      <c r="V36000">
        <v>97</v>
      </c>
      <c r="W36000">
        <v>99</v>
      </c>
      <c r="X36000">
        <v>101</v>
      </c>
      <c r="Y36000">
        <v>104</v>
      </c>
      <c r="Z36000">
        <v>106</v>
      </c>
      <c r="AA36000">
        <v>108</v>
      </c>
      <c r="AB36000">
        <v>110</v>
      </c>
      <c r="AC36000">
        <v>112</v>
      </c>
      <c r="AD36000">
        <v>114</v>
      </c>
      <c r="AE36000">
        <v>116</v>
      </c>
      <c r="AF36000">
        <v>117</v>
      </c>
      <c r="AG36000">
        <v>118</v>
      </c>
      <c r="AH36000">
        <v>118</v>
      </c>
      <c r="AI36000">
        <v>119</v>
      </c>
      <c r="AJ36000">
        <v>120</v>
      </c>
      <c r="AK36000">
        <v>121</v>
      </c>
      <c r="AL36000">
        <v>122</v>
      </c>
      <c r="AM36000">
        <v>122</v>
      </c>
      <c r="AN36000">
        <v>123</v>
      </c>
      <c r="AO36000">
        <v>124</v>
      </c>
      <c r="AP36000">
        <v>125</v>
      </c>
      <c r="AQ36000">
        <v>126</v>
      </c>
    </row>
    <row r="36001" spans="1:43">
      <c r="A36001" t="s">
        <v>22323</v>
      </c>
      <c r="B36001" t="s">
        <v>22324</v>
      </c>
      <c r="C36001" t="s">
        <v>22215</v>
      </c>
      <c r="D36001" t="s">
        <v>22216</v>
      </c>
      <c r="E36001" t="s">
        <v>22205</v>
      </c>
      <c r="F36001" t="s">
        <v>22206</v>
      </c>
      <c r="G36001" t="s">
        <v>20255</v>
      </c>
      <c r="H36001" t="s">
        <v>20256</v>
      </c>
      <c r="I36001" s="2">
        <v>1</v>
      </c>
      <c r="J36001" s="2">
        <v>0</v>
      </c>
      <c r="K36001" s="2">
        <v>0</v>
      </c>
      <c r="L36001" t="s">
        <v>120</v>
      </c>
      <c r="M36001" t="s">
        <v>83</v>
      </c>
      <c r="N36001" t="s">
        <v>91</v>
      </c>
      <c r="O36001" t="s">
        <v>85</v>
      </c>
      <c r="P36001" t="s">
        <v>86</v>
      </c>
      <c r="Q36001">
        <v>85</v>
      </c>
      <c r="R36001">
        <v>87</v>
      </c>
      <c r="S36001">
        <v>89</v>
      </c>
      <c r="T36001">
        <v>91</v>
      </c>
      <c r="U36001">
        <v>92</v>
      </c>
      <c r="V36001">
        <v>94</v>
      </c>
      <c r="W36001">
        <v>96</v>
      </c>
      <c r="X36001">
        <v>97</v>
      </c>
      <c r="Y36001">
        <v>99</v>
      </c>
      <c r="Z36001">
        <v>101</v>
      </c>
      <c r="AA36001">
        <v>102</v>
      </c>
      <c r="AB36001">
        <v>104</v>
      </c>
      <c r="AC36001">
        <v>106</v>
      </c>
      <c r="AD36001">
        <v>107</v>
      </c>
      <c r="AE36001">
        <v>109</v>
      </c>
      <c r="AF36001">
        <v>111</v>
      </c>
      <c r="AG36001">
        <v>113</v>
      </c>
      <c r="AH36001">
        <v>115</v>
      </c>
      <c r="AI36001">
        <v>116</v>
      </c>
      <c r="AJ36001">
        <v>118</v>
      </c>
      <c r="AK36001">
        <v>120</v>
      </c>
      <c r="AL36001">
        <v>121</v>
      </c>
      <c r="AM36001">
        <v>122</v>
      </c>
      <c r="AN36001">
        <v>123</v>
      </c>
      <c r="AO36001">
        <v>124</v>
      </c>
      <c r="AP36001">
        <v>125</v>
      </c>
      <c r="AQ36001">
        <v>126</v>
      </c>
    </row>
    <row r="36002" spans="1:43">
      <c r="A36002" t="s">
        <v>22325</v>
      </c>
      <c r="B36002" t="s">
        <v>22326</v>
      </c>
      <c r="C36002" t="s">
        <v>22307</v>
      </c>
      <c r="D36002" t="s">
        <v>22308</v>
      </c>
      <c r="E36002" t="s">
        <v>22205</v>
      </c>
      <c r="F36002" t="s">
        <v>22206</v>
      </c>
      <c r="G36002" t="s">
        <v>20255</v>
      </c>
      <c r="H36002" t="s">
        <v>20256</v>
      </c>
      <c r="I36002" s="2">
        <v>1</v>
      </c>
      <c r="J36002" s="2">
        <v>0</v>
      </c>
      <c r="K36002" s="2">
        <v>0</v>
      </c>
      <c r="L36002" t="s">
        <v>120</v>
      </c>
      <c r="M36002" t="s">
        <v>83</v>
      </c>
      <c r="N36002" t="s">
        <v>84</v>
      </c>
      <c r="O36002" t="s">
        <v>85</v>
      </c>
      <c r="P36002" t="s">
        <v>86</v>
      </c>
      <c r="Q36002">
        <v>5</v>
      </c>
      <c r="R36002">
        <v>5</v>
      </c>
      <c r="S36002">
        <v>5</v>
      </c>
      <c r="T36002">
        <v>5</v>
      </c>
      <c r="U36002">
        <v>5</v>
      </c>
      <c r="V36002">
        <v>5</v>
      </c>
      <c r="W36002">
        <v>5</v>
      </c>
      <c r="X36002">
        <v>5</v>
      </c>
      <c r="Y36002">
        <v>5</v>
      </c>
      <c r="Z36002">
        <v>5</v>
      </c>
      <c r="AA36002">
        <v>5</v>
      </c>
      <c r="AB36002">
        <v>6</v>
      </c>
      <c r="AC36002">
        <v>6</v>
      </c>
      <c r="AD36002">
        <v>6</v>
      </c>
      <c r="AE36002">
        <v>6</v>
      </c>
      <c r="AF36002">
        <v>6</v>
      </c>
      <c r="AG36002">
        <v>6</v>
      </c>
      <c r="AH36002">
        <v>6</v>
      </c>
      <c r="AI36002">
        <v>6</v>
      </c>
      <c r="AJ36002">
        <v>6</v>
      </c>
      <c r="AK36002">
        <v>6</v>
      </c>
      <c r="AL36002">
        <v>6</v>
      </c>
      <c r="AM36002">
        <v>6</v>
      </c>
      <c r="AN36002">
        <v>6</v>
      </c>
      <c r="AO36002">
        <v>7</v>
      </c>
      <c r="AP36002">
        <v>7</v>
      </c>
      <c r="AQ36002">
        <v>7</v>
      </c>
    </row>
    <row r="36003" spans="1:43">
      <c r="A36003" t="s">
        <v>22325</v>
      </c>
      <c r="B36003" t="s">
        <v>22326</v>
      </c>
      <c r="C36003" t="s">
        <v>22307</v>
      </c>
      <c r="D36003" t="s">
        <v>22308</v>
      </c>
      <c r="E36003" t="s">
        <v>22205</v>
      </c>
      <c r="F36003" t="s">
        <v>22206</v>
      </c>
      <c r="G36003" t="s">
        <v>20255</v>
      </c>
      <c r="H36003" t="s">
        <v>20256</v>
      </c>
      <c r="I36003" s="2">
        <v>1</v>
      </c>
      <c r="J36003" s="2">
        <v>0</v>
      </c>
      <c r="K36003" s="2">
        <v>0</v>
      </c>
      <c r="L36003" t="s">
        <v>120</v>
      </c>
      <c r="M36003" t="s">
        <v>87</v>
      </c>
      <c r="N36003" t="s">
        <v>88</v>
      </c>
      <c r="O36003" t="s">
        <v>85</v>
      </c>
      <c r="P36003" t="s">
        <v>86</v>
      </c>
      <c r="Q36003">
        <v>5</v>
      </c>
      <c r="R36003">
        <v>6</v>
      </c>
      <c r="S36003">
        <v>6</v>
      </c>
      <c r="T36003">
        <v>6</v>
      </c>
      <c r="U36003">
        <v>6</v>
      </c>
      <c r="V36003">
        <v>6</v>
      </c>
      <c r="W36003">
        <v>6</v>
      </c>
      <c r="X36003">
        <v>6</v>
      </c>
      <c r="Y36003">
        <v>6</v>
      </c>
      <c r="Z36003">
        <v>6</v>
      </c>
      <c r="AA36003">
        <v>6</v>
      </c>
      <c r="AB36003">
        <v>6</v>
      </c>
      <c r="AC36003">
        <v>6</v>
      </c>
      <c r="AD36003">
        <v>6</v>
      </c>
      <c r="AE36003">
        <v>6</v>
      </c>
      <c r="AF36003">
        <v>6</v>
      </c>
      <c r="AG36003">
        <v>6</v>
      </c>
      <c r="AH36003">
        <v>6</v>
      </c>
      <c r="AI36003">
        <v>6</v>
      </c>
      <c r="AJ36003">
        <v>6</v>
      </c>
      <c r="AK36003">
        <v>6</v>
      </c>
      <c r="AL36003">
        <v>7</v>
      </c>
      <c r="AM36003">
        <v>7</v>
      </c>
      <c r="AN36003">
        <v>7</v>
      </c>
      <c r="AO36003">
        <v>7</v>
      </c>
      <c r="AP36003">
        <v>7</v>
      </c>
      <c r="AQ36003">
        <v>7</v>
      </c>
    </row>
    <row r="36004" spans="1:43">
      <c r="A36004" t="s">
        <v>22325</v>
      </c>
      <c r="B36004" t="s">
        <v>22326</v>
      </c>
      <c r="C36004" t="s">
        <v>22307</v>
      </c>
      <c r="D36004" t="s">
        <v>22308</v>
      </c>
      <c r="E36004" t="s">
        <v>22205</v>
      </c>
      <c r="F36004" t="s">
        <v>22206</v>
      </c>
      <c r="G36004" t="s">
        <v>20255</v>
      </c>
      <c r="H36004" t="s">
        <v>20256</v>
      </c>
      <c r="I36004" s="2">
        <v>1</v>
      </c>
      <c r="J36004" s="2">
        <v>0</v>
      </c>
      <c r="K36004" s="2">
        <v>0</v>
      </c>
      <c r="L36004" t="s">
        <v>120</v>
      </c>
      <c r="M36004" t="s">
        <v>89</v>
      </c>
      <c r="N36004" t="s">
        <v>90</v>
      </c>
      <c r="O36004" t="s">
        <v>85</v>
      </c>
      <c r="P36004" t="s">
        <v>86</v>
      </c>
      <c r="Q36004">
        <v>5</v>
      </c>
      <c r="R36004">
        <v>5</v>
      </c>
      <c r="S36004">
        <v>5</v>
      </c>
      <c r="T36004">
        <v>5</v>
      </c>
      <c r="U36004">
        <v>5</v>
      </c>
      <c r="V36004">
        <v>5</v>
      </c>
      <c r="W36004">
        <v>5</v>
      </c>
      <c r="X36004">
        <v>5</v>
      </c>
      <c r="Y36004">
        <v>6</v>
      </c>
      <c r="Z36004">
        <v>6</v>
      </c>
      <c r="AA36004">
        <v>6</v>
      </c>
      <c r="AB36004">
        <v>6</v>
      </c>
      <c r="AC36004">
        <v>6</v>
      </c>
      <c r="AD36004">
        <v>6</v>
      </c>
      <c r="AE36004">
        <v>6</v>
      </c>
      <c r="AF36004">
        <v>6</v>
      </c>
      <c r="AG36004">
        <v>6</v>
      </c>
      <c r="AH36004">
        <v>6</v>
      </c>
      <c r="AI36004">
        <v>6</v>
      </c>
      <c r="AJ36004">
        <v>6</v>
      </c>
      <c r="AK36004">
        <v>6</v>
      </c>
      <c r="AL36004">
        <v>6</v>
      </c>
      <c r="AM36004">
        <v>6</v>
      </c>
      <c r="AN36004">
        <v>7</v>
      </c>
      <c r="AO36004">
        <v>7</v>
      </c>
      <c r="AP36004">
        <v>7</v>
      </c>
      <c r="AQ36004">
        <v>7</v>
      </c>
    </row>
    <row r="36005" spans="1:43">
      <c r="A36005" t="s">
        <v>22325</v>
      </c>
      <c r="B36005" t="s">
        <v>22326</v>
      </c>
      <c r="C36005" t="s">
        <v>22307</v>
      </c>
      <c r="D36005" t="s">
        <v>22308</v>
      </c>
      <c r="E36005" t="s">
        <v>22205</v>
      </c>
      <c r="F36005" t="s">
        <v>22206</v>
      </c>
      <c r="G36005" t="s">
        <v>20255</v>
      </c>
      <c r="H36005" t="s">
        <v>20256</v>
      </c>
      <c r="I36005" s="2">
        <v>1</v>
      </c>
      <c r="J36005" s="2">
        <v>0</v>
      </c>
      <c r="K36005" s="2">
        <v>0</v>
      </c>
      <c r="L36005" t="s">
        <v>120</v>
      </c>
      <c r="M36005" t="s">
        <v>83</v>
      </c>
      <c r="N36005" t="s">
        <v>91</v>
      </c>
      <c r="O36005" t="s">
        <v>85</v>
      </c>
      <c r="P36005" t="s">
        <v>86</v>
      </c>
      <c r="Q36005">
        <v>5</v>
      </c>
      <c r="R36005">
        <v>5</v>
      </c>
      <c r="S36005">
        <v>5</v>
      </c>
      <c r="T36005">
        <v>5</v>
      </c>
      <c r="U36005">
        <v>5</v>
      </c>
      <c r="V36005">
        <v>5</v>
      </c>
      <c r="W36005">
        <v>5</v>
      </c>
      <c r="X36005">
        <v>5</v>
      </c>
      <c r="Y36005">
        <v>5</v>
      </c>
      <c r="Z36005">
        <v>5</v>
      </c>
      <c r="AA36005">
        <v>5</v>
      </c>
      <c r="AB36005">
        <v>6</v>
      </c>
      <c r="AC36005">
        <v>6</v>
      </c>
      <c r="AD36005">
        <v>6</v>
      </c>
      <c r="AE36005">
        <v>6</v>
      </c>
      <c r="AF36005">
        <v>6</v>
      </c>
      <c r="AG36005">
        <v>6</v>
      </c>
      <c r="AH36005">
        <v>6</v>
      </c>
      <c r="AI36005">
        <v>6</v>
      </c>
      <c r="AJ36005">
        <v>6</v>
      </c>
      <c r="AK36005">
        <v>6</v>
      </c>
      <c r="AL36005">
        <v>6</v>
      </c>
      <c r="AM36005">
        <v>6</v>
      </c>
      <c r="AN36005">
        <v>6</v>
      </c>
      <c r="AO36005">
        <v>7</v>
      </c>
      <c r="AP36005">
        <v>7</v>
      </c>
      <c r="AQ36005">
        <v>7</v>
      </c>
    </row>
    <row r="36006" spans="1:43">
      <c r="A36006" t="s">
        <v>22327</v>
      </c>
      <c r="B36006" t="s">
        <v>22328</v>
      </c>
      <c r="C36006" t="s">
        <v>22307</v>
      </c>
      <c r="D36006" t="s">
        <v>22308</v>
      </c>
      <c r="E36006" t="s">
        <v>22205</v>
      </c>
      <c r="F36006" t="s">
        <v>22206</v>
      </c>
      <c r="G36006" t="s">
        <v>20255</v>
      </c>
      <c r="H36006" t="s">
        <v>20256</v>
      </c>
      <c r="I36006" s="2">
        <v>1</v>
      </c>
      <c r="J36006" s="2">
        <v>0</v>
      </c>
      <c r="K36006" s="2">
        <v>0</v>
      </c>
      <c r="L36006" t="s">
        <v>120</v>
      </c>
      <c r="M36006" t="s">
        <v>83</v>
      </c>
      <c r="N36006" t="s">
        <v>84</v>
      </c>
      <c r="O36006" t="s">
        <v>85</v>
      </c>
      <c r="P36006" t="s">
        <v>86</v>
      </c>
      <c r="Q36006">
        <v>12</v>
      </c>
      <c r="R36006">
        <v>12</v>
      </c>
      <c r="S36006">
        <v>13</v>
      </c>
      <c r="T36006">
        <v>13</v>
      </c>
      <c r="U36006">
        <v>13</v>
      </c>
      <c r="V36006">
        <v>13</v>
      </c>
      <c r="W36006">
        <v>14</v>
      </c>
      <c r="X36006">
        <v>14</v>
      </c>
      <c r="Y36006">
        <v>14</v>
      </c>
      <c r="Z36006">
        <v>14</v>
      </c>
      <c r="AA36006">
        <v>15</v>
      </c>
      <c r="AB36006">
        <v>15</v>
      </c>
      <c r="AC36006">
        <v>15</v>
      </c>
      <c r="AD36006">
        <v>15</v>
      </c>
      <c r="AE36006">
        <v>16</v>
      </c>
      <c r="AF36006">
        <v>16</v>
      </c>
      <c r="AG36006">
        <v>16</v>
      </c>
      <c r="AH36006">
        <v>16</v>
      </c>
      <c r="AI36006">
        <v>17</v>
      </c>
      <c r="AJ36006">
        <v>17</v>
      </c>
      <c r="AK36006">
        <v>17</v>
      </c>
      <c r="AL36006">
        <v>17</v>
      </c>
      <c r="AM36006">
        <v>17</v>
      </c>
      <c r="AN36006">
        <v>17</v>
      </c>
      <c r="AO36006">
        <v>18</v>
      </c>
      <c r="AP36006">
        <v>18</v>
      </c>
      <c r="AQ36006">
        <v>18</v>
      </c>
    </row>
    <row r="36007" spans="1:43">
      <c r="A36007" t="s">
        <v>22327</v>
      </c>
      <c r="B36007" t="s">
        <v>22328</v>
      </c>
      <c r="C36007" t="s">
        <v>22307</v>
      </c>
      <c r="D36007" t="s">
        <v>22308</v>
      </c>
      <c r="E36007" t="s">
        <v>22205</v>
      </c>
      <c r="F36007" t="s">
        <v>22206</v>
      </c>
      <c r="G36007" t="s">
        <v>20255</v>
      </c>
      <c r="H36007" t="s">
        <v>20256</v>
      </c>
      <c r="I36007" s="2">
        <v>1</v>
      </c>
      <c r="J36007" s="2">
        <v>0</v>
      </c>
      <c r="K36007" s="2">
        <v>0</v>
      </c>
      <c r="L36007" t="s">
        <v>120</v>
      </c>
      <c r="M36007" t="s">
        <v>87</v>
      </c>
      <c r="N36007" t="s">
        <v>88</v>
      </c>
      <c r="O36007" t="s">
        <v>85</v>
      </c>
      <c r="P36007" t="s">
        <v>86</v>
      </c>
      <c r="Q36007">
        <v>12</v>
      </c>
      <c r="R36007">
        <v>12</v>
      </c>
      <c r="S36007">
        <v>12</v>
      </c>
      <c r="T36007">
        <v>12</v>
      </c>
      <c r="U36007">
        <v>13</v>
      </c>
      <c r="V36007">
        <v>13</v>
      </c>
      <c r="W36007">
        <v>13</v>
      </c>
      <c r="X36007">
        <v>13</v>
      </c>
      <c r="Y36007">
        <v>13</v>
      </c>
      <c r="Z36007">
        <v>13</v>
      </c>
      <c r="AA36007">
        <v>13</v>
      </c>
      <c r="AB36007">
        <v>13</v>
      </c>
      <c r="AC36007">
        <v>14</v>
      </c>
      <c r="AD36007">
        <v>14</v>
      </c>
      <c r="AE36007">
        <v>14</v>
      </c>
      <c r="AF36007">
        <v>14</v>
      </c>
      <c r="AG36007">
        <v>14</v>
      </c>
      <c r="AH36007">
        <v>14</v>
      </c>
      <c r="AI36007">
        <v>14</v>
      </c>
      <c r="AJ36007">
        <v>15</v>
      </c>
      <c r="AK36007">
        <v>15</v>
      </c>
      <c r="AL36007">
        <v>15</v>
      </c>
      <c r="AM36007">
        <v>15</v>
      </c>
      <c r="AN36007">
        <v>15</v>
      </c>
      <c r="AO36007">
        <v>15</v>
      </c>
      <c r="AP36007">
        <v>16</v>
      </c>
      <c r="AQ36007">
        <v>16</v>
      </c>
    </row>
    <row r="36008" spans="1:43">
      <c r="A36008" t="s">
        <v>22327</v>
      </c>
      <c r="B36008" t="s">
        <v>22328</v>
      </c>
      <c r="C36008" t="s">
        <v>22307</v>
      </c>
      <c r="D36008" t="s">
        <v>22308</v>
      </c>
      <c r="E36008" t="s">
        <v>22205</v>
      </c>
      <c r="F36008" t="s">
        <v>22206</v>
      </c>
      <c r="G36008" t="s">
        <v>20255</v>
      </c>
      <c r="H36008" t="s">
        <v>20256</v>
      </c>
      <c r="I36008" s="2">
        <v>1</v>
      </c>
      <c r="J36008" s="2">
        <v>0</v>
      </c>
      <c r="K36008" s="2">
        <v>0</v>
      </c>
      <c r="L36008" t="s">
        <v>120</v>
      </c>
      <c r="M36008" t="s">
        <v>89</v>
      </c>
      <c r="N36008" t="s">
        <v>90</v>
      </c>
      <c r="O36008" t="s">
        <v>85</v>
      </c>
      <c r="P36008" t="s">
        <v>86</v>
      </c>
      <c r="Q36008">
        <v>12</v>
      </c>
      <c r="R36008">
        <v>13</v>
      </c>
      <c r="S36008">
        <v>13</v>
      </c>
      <c r="T36008">
        <v>13</v>
      </c>
      <c r="U36008">
        <v>14</v>
      </c>
      <c r="V36008">
        <v>14</v>
      </c>
      <c r="W36008">
        <v>14</v>
      </c>
      <c r="X36008">
        <v>15</v>
      </c>
      <c r="Y36008">
        <v>15</v>
      </c>
      <c r="Z36008">
        <v>15</v>
      </c>
      <c r="AA36008">
        <v>15</v>
      </c>
      <c r="AB36008">
        <v>16</v>
      </c>
      <c r="AC36008">
        <v>16</v>
      </c>
      <c r="AD36008">
        <v>16</v>
      </c>
      <c r="AE36008">
        <v>17</v>
      </c>
      <c r="AF36008">
        <v>17</v>
      </c>
      <c r="AG36008">
        <v>17</v>
      </c>
      <c r="AH36008">
        <v>17</v>
      </c>
      <c r="AI36008">
        <v>17</v>
      </c>
      <c r="AJ36008">
        <v>17</v>
      </c>
      <c r="AK36008">
        <v>17</v>
      </c>
      <c r="AL36008">
        <v>17</v>
      </c>
      <c r="AM36008">
        <v>17</v>
      </c>
      <c r="AN36008">
        <v>18</v>
      </c>
      <c r="AO36008">
        <v>18</v>
      </c>
      <c r="AP36008">
        <v>18</v>
      </c>
      <c r="AQ36008">
        <v>18</v>
      </c>
    </row>
    <row r="36009" spans="1:43">
      <c r="A36009" t="s">
        <v>22327</v>
      </c>
      <c r="B36009" t="s">
        <v>22328</v>
      </c>
      <c r="C36009" t="s">
        <v>22307</v>
      </c>
      <c r="D36009" t="s">
        <v>22308</v>
      </c>
      <c r="E36009" t="s">
        <v>22205</v>
      </c>
      <c r="F36009" t="s">
        <v>22206</v>
      </c>
      <c r="G36009" t="s">
        <v>20255</v>
      </c>
      <c r="H36009" t="s">
        <v>20256</v>
      </c>
      <c r="I36009" s="2">
        <v>1</v>
      </c>
      <c r="J36009" s="2">
        <v>0</v>
      </c>
      <c r="K36009" s="2">
        <v>0</v>
      </c>
      <c r="L36009" t="s">
        <v>120</v>
      </c>
      <c r="M36009" t="s">
        <v>83</v>
      </c>
      <c r="N36009" t="s">
        <v>91</v>
      </c>
      <c r="O36009" t="s">
        <v>85</v>
      </c>
      <c r="P36009" t="s">
        <v>86</v>
      </c>
      <c r="Q36009">
        <v>12</v>
      </c>
      <c r="R36009">
        <v>12</v>
      </c>
      <c r="S36009">
        <v>13</v>
      </c>
      <c r="T36009">
        <v>13</v>
      </c>
      <c r="U36009">
        <v>13</v>
      </c>
      <c r="V36009">
        <v>13</v>
      </c>
      <c r="W36009">
        <v>14</v>
      </c>
      <c r="X36009">
        <v>14</v>
      </c>
      <c r="Y36009">
        <v>14</v>
      </c>
      <c r="Z36009">
        <v>14</v>
      </c>
      <c r="AA36009">
        <v>15</v>
      </c>
      <c r="AB36009">
        <v>15</v>
      </c>
      <c r="AC36009">
        <v>15</v>
      </c>
      <c r="AD36009">
        <v>15</v>
      </c>
      <c r="AE36009">
        <v>16</v>
      </c>
      <c r="AF36009">
        <v>16</v>
      </c>
      <c r="AG36009">
        <v>16</v>
      </c>
      <c r="AH36009">
        <v>16</v>
      </c>
      <c r="AI36009">
        <v>17</v>
      </c>
      <c r="AJ36009">
        <v>17</v>
      </c>
      <c r="AK36009">
        <v>17</v>
      </c>
      <c r="AL36009">
        <v>17</v>
      </c>
      <c r="AM36009">
        <v>17</v>
      </c>
      <c r="AN36009">
        <v>17</v>
      </c>
      <c r="AO36009">
        <v>18</v>
      </c>
      <c r="AP36009">
        <v>18</v>
      </c>
      <c r="AQ36009">
        <v>18</v>
      </c>
    </row>
    <row r="36010" spans="1:43">
      <c r="A36010" t="s">
        <v>22329</v>
      </c>
      <c r="B36010" t="s">
        <v>22330</v>
      </c>
      <c r="C36010" t="s">
        <v>22307</v>
      </c>
      <c r="D36010" t="s">
        <v>22308</v>
      </c>
      <c r="E36010" t="s">
        <v>22205</v>
      </c>
      <c r="F36010" t="s">
        <v>22206</v>
      </c>
      <c r="G36010" t="s">
        <v>20255</v>
      </c>
      <c r="H36010" t="s">
        <v>20256</v>
      </c>
      <c r="I36010" s="2">
        <v>1</v>
      </c>
      <c r="J36010" s="2">
        <v>0</v>
      </c>
      <c r="K36010" s="2">
        <v>0</v>
      </c>
      <c r="L36010" t="s">
        <v>120</v>
      </c>
      <c r="M36010" t="s">
        <v>83</v>
      </c>
      <c r="N36010" t="s">
        <v>84</v>
      </c>
      <c r="O36010" t="s">
        <v>85</v>
      </c>
      <c r="P36010" t="s">
        <v>86</v>
      </c>
      <c r="Q36010">
        <v>9</v>
      </c>
      <c r="R36010">
        <v>9</v>
      </c>
      <c r="S36010">
        <v>9</v>
      </c>
      <c r="T36010">
        <v>9</v>
      </c>
      <c r="U36010">
        <v>10</v>
      </c>
      <c r="V36010">
        <v>10</v>
      </c>
      <c r="W36010">
        <v>10</v>
      </c>
      <c r="X36010">
        <v>10</v>
      </c>
      <c r="Y36010">
        <v>10</v>
      </c>
      <c r="Z36010">
        <v>11</v>
      </c>
      <c r="AA36010">
        <v>11</v>
      </c>
      <c r="AB36010">
        <v>11</v>
      </c>
      <c r="AC36010">
        <v>11</v>
      </c>
      <c r="AD36010">
        <v>11</v>
      </c>
      <c r="AE36010">
        <v>11</v>
      </c>
      <c r="AF36010">
        <v>12</v>
      </c>
      <c r="AG36010">
        <v>12</v>
      </c>
      <c r="AH36010">
        <v>12</v>
      </c>
      <c r="AI36010">
        <v>12</v>
      </c>
      <c r="AJ36010">
        <v>12</v>
      </c>
      <c r="AK36010">
        <v>12</v>
      </c>
      <c r="AL36010">
        <v>13</v>
      </c>
      <c r="AM36010">
        <v>13</v>
      </c>
      <c r="AN36010">
        <v>13</v>
      </c>
      <c r="AO36010">
        <v>13</v>
      </c>
      <c r="AP36010">
        <v>13</v>
      </c>
      <c r="AQ36010">
        <v>13</v>
      </c>
    </row>
    <row r="36011" spans="1:43">
      <c r="A36011" t="s">
        <v>22329</v>
      </c>
      <c r="B36011" t="s">
        <v>22330</v>
      </c>
      <c r="C36011" t="s">
        <v>22307</v>
      </c>
      <c r="D36011" t="s">
        <v>22308</v>
      </c>
      <c r="E36011" t="s">
        <v>22205</v>
      </c>
      <c r="F36011" t="s">
        <v>22206</v>
      </c>
      <c r="G36011" t="s">
        <v>20255</v>
      </c>
      <c r="H36011" t="s">
        <v>20256</v>
      </c>
      <c r="I36011" s="2">
        <v>1</v>
      </c>
      <c r="J36011" s="2">
        <v>0</v>
      </c>
      <c r="K36011" s="2">
        <v>0</v>
      </c>
      <c r="L36011" t="s">
        <v>120</v>
      </c>
      <c r="M36011" t="s">
        <v>87</v>
      </c>
      <c r="N36011" t="s">
        <v>88</v>
      </c>
      <c r="O36011" t="s">
        <v>85</v>
      </c>
      <c r="P36011" t="s">
        <v>86</v>
      </c>
      <c r="Q36011">
        <v>9</v>
      </c>
      <c r="R36011">
        <v>9</v>
      </c>
      <c r="S36011">
        <v>9</v>
      </c>
      <c r="T36011">
        <v>9</v>
      </c>
      <c r="U36011">
        <v>9</v>
      </c>
      <c r="V36011">
        <v>9</v>
      </c>
      <c r="W36011">
        <v>9</v>
      </c>
      <c r="X36011">
        <v>9</v>
      </c>
      <c r="Y36011">
        <v>10</v>
      </c>
      <c r="Z36011">
        <v>10</v>
      </c>
      <c r="AA36011">
        <v>10</v>
      </c>
      <c r="AB36011">
        <v>10</v>
      </c>
      <c r="AC36011">
        <v>10</v>
      </c>
      <c r="AD36011">
        <v>10</v>
      </c>
      <c r="AE36011">
        <v>10</v>
      </c>
      <c r="AF36011">
        <v>10</v>
      </c>
      <c r="AG36011">
        <v>10</v>
      </c>
      <c r="AH36011">
        <v>10</v>
      </c>
      <c r="AI36011">
        <v>11</v>
      </c>
      <c r="AJ36011">
        <v>11</v>
      </c>
      <c r="AK36011">
        <v>11</v>
      </c>
      <c r="AL36011">
        <v>11</v>
      </c>
      <c r="AM36011">
        <v>11</v>
      </c>
      <c r="AN36011">
        <v>11</v>
      </c>
      <c r="AO36011">
        <v>11</v>
      </c>
      <c r="AP36011">
        <v>11</v>
      </c>
      <c r="AQ36011">
        <v>11</v>
      </c>
    </row>
    <row r="36012" spans="1:43">
      <c r="A36012" t="s">
        <v>22329</v>
      </c>
      <c r="B36012" t="s">
        <v>22330</v>
      </c>
      <c r="C36012" t="s">
        <v>22307</v>
      </c>
      <c r="D36012" t="s">
        <v>22308</v>
      </c>
      <c r="E36012" t="s">
        <v>22205</v>
      </c>
      <c r="F36012" t="s">
        <v>22206</v>
      </c>
      <c r="G36012" t="s">
        <v>20255</v>
      </c>
      <c r="H36012" t="s">
        <v>20256</v>
      </c>
      <c r="I36012" s="2">
        <v>1</v>
      </c>
      <c r="J36012" s="2">
        <v>0</v>
      </c>
      <c r="K36012" s="2">
        <v>0</v>
      </c>
      <c r="L36012" t="s">
        <v>120</v>
      </c>
      <c r="M36012" t="s">
        <v>89</v>
      </c>
      <c r="N36012" t="s">
        <v>90</v>
      </c>
      <c r="O36012" t="s">
        <v>85</v>
      </c>
      <c r="P36012" t="s">
        <v>86</v>
      </c>
      <c r="Q36012">
        <v>9</v>
      </c>
      <c r="R36012">
        <v>9</v>
      </c>
      <c r="S36012">
        <v>10</v>
      </c>
      <c r="T36012">
        <v>10</v>
      </c>
      <c r="U36012">
        <v>10</v>
      </c>
      <c r="V36012">
        <v>10</v>
      </c>
      <c r="W36012">
        <v>10</v>
      </c>
      <c r="X36012">
        <v>11</v>
      </c>
      <c r="Y36012">
        <v>11</v>
      </c>
      <c r="Z36012">
        <v>11</v>
      </c>
      <c r="AA36012">
        <v>11</v>
      </c>
      <c r="AB36012">
        <v>12</v>
      </c>
      <c r="AC36012">
        <v>12</v>
      </c>
      <c r="AD36012">
        <v>12</v>
      </c>
      <c r="AE36012">
        <v>12</v>
      </c>
      <c r="AF36012">
        <v>12</v>
      </c>
      <c r="AG36012">
        <v>12</v>
      </c>
      <c r="AH36012">
        <v>12</v>
      </c>
      <c r="AI36012">
        <v>12</v>
      </c>
      <c r="AJ36012">
        <v>13</v>
      </c>
      <c r="AK36012">
        <v>13</v>
      </c>
      <c r="AL36012">
        <v>13</v>
      </c>
      <c r="AM36012">
        <v>13</v>
      </c>
      <c r="AN36012">
        <v>13</v>
      </c>
      <c r="AO36012">
        <v>13</v>
      </c>
      <c r="AP36012">
        <v>13</v>
      </c>
      <c r="AQ36012">
        <v>13</v>
      </c>
    </row>
    <row r="36013" spans="1:43">
      <c r="A36013" t="s">
        <v>22329</v>
      </c>
      <c r="B36013" t="s">
        <v>22330</v>
      </c>
      <c r="C36013" t="s">
        <v>22307</v>
      </c>
      <c r="D36013" t="s">
        <v>22308</v>
      </c>
      <c r="E36013" t="s">
        <v>22205</v>
      </c>
      <c r="F36013" t="s">
        <v>22206</v>
      </c>
      <c r="G36013" t="s">
        <v>20255</v>
      </c>
      <c r="H36013" t="s">
        <v>20256</v>
      </c>
      <c r="I36013" s="2">
        <v>1</v>
      </c>
      <c r="J36013" s="2">
        <v>0</v>
      </c>
      <c r="K36013" s="2">
        <v>0</v>
      </c>
      <c r="L36013" t="s">
        <v>120</v>
      </c>
      <c r="M36013" t="s">
        <v>83</v>
      </c>
      <c r="N36013" t="s">
        <v>91</v>
      </c>
      <c r="O36013" t="s">
        <v>85</v>
      </c>
      <c r="P36013" t="s">
        <v>86</v>
      </c>
      <c r="Q36013">
        <v>9</v>
      </c>
      <c r="R36013">
        <v>9</v>
      </c>
      <c r="S36013">
        <v>9</v>
      </c>
      <c r="T36013">
        <v>9</v>
      </c>
      <c r="U36013">
        <v>10</v>
      </c>
      <c r="V36013">
        <v>10</v>
      </c>
      <c r="W36013">
        <v>10</v>
      </c>
      <c r="X36013">
        <v>10</v>
      </c>
      <c r="Y36013">
        <v>10</v>
      </c>
      <c r="Z36013">
        <v>11</v>
      </c>
      <c r="AA36013">
        <v>11</v>
      </c>
      <c r="AB36013">
        <v>11</v>
      </c>
      <c r="AC36013">
        <v>11</v>
      </c>
      <c r="AD36013">
        <v>11</v>
      </c>
      <c r="AE36013">
        <v>11</v>
      </c>
      <c r="AF36013">
        <v>12</v>
      </c>
      <c r="AG36013">
        <v>12</v>
      </c>
      <c r="AH36013">
        <v>12</v>
      </c>
      <c r="AI36013">
        <v>12</v>
      </c>
      <c r="AJ36013">
        <v>12</v>
      </c>
      <c r="AK36013">
        <v>12</v>
      </c>
      <c r="AL36013">
        <v>13</v>
      </c>
      <c r="AM36013">
        <v>13</v>
      </c>
      <c r="AN36013">
        <v>13</v>
      </c>
      <c r="AO36013">
        <v>13</v>
      </c>
      <c r="AP36013">
        <v>13</v>
      </c>
      <c r="AQ36013">
        <v>13</v>
      </c>
    </row>
    <row r="36014" spans="1:43">
      <c r="A36014" t="s">
        <v>22331</v>
      </c>
      <c r="B36014" t="s">
        <v>22332</v>
      </c>
      <c r="C36014" t="s">
        <v>22267</v>
      </c>
      <c r="D36014" t="s">
        <v>22268</v>
      </c>
      <c r="E36014" t="s">
        <v>22205</v>
      </c>
      <c r="F36014" t="s">
        <v>22206</v>
      </c>
      <c r="G36014" t="s">
        <v>20255</v>
      </c>
      <c r="H36014" t="s">
        <v>20256</v>
      </c>
      <c r="I36014" s="2">
        <v>1</v>
      </c>
      <c r="J36014" s="2">
        <v>0</v>
      </c>
      <c r="K36014" s="2">
        <v>0</v>
      </c>
      <c r="L36014" t="s">
        <v>120</v>
      </c>
      <c r="M36014" t="s">
        <v>83</v>
      </c>
      <c r="N36014" t="s">
        <v>84</v>
      </c>
      <c r="O36014" t="s">
        <v>85</v>
      </c>
      <c r="P36014" t="s">
        <v>86</v>
      </c>
      <c r="Q36014">
        <v>16</v>
      </c>
      <c r="R36014">
        <v>16</v>
      </c>
      <c r="S36014">
        <v>16</v>
      </c>
      <c r="T36014">
        <v>17</v>
      </c>
      <c r="U36014">
        <v>17</v>
      </c>
      <c r="V36014">
        <v>17</v>
      </c>
      <c r="W36014">
        <v>18</v>
      </c>
      <c r="X36014">
        <v>18</v>
      </c>
      <c r="Y36014">
        <v>18</v>
      </c>
      <c r="Z36014">
        <v>19</v>
      </c>
      <c r="AA36014">
        <v>19</v>
      </c>
      <c r="AB36014">
        <v>19</v>
      </c>
      <c r="AC36014">
        <v>20</v>
      </c>
      <c r="AD36014">
        <v>20</v>
      </c>
      <c r="AE36014">
        <v>20</v>
      </c>
      <c r="AF36014">
        <v>21</v>
      </c>
      <c r="AG36014">
        <v>21</v>
      </c>
      <c r="AH36014">
        <v>21</v>
      </c>
      <c r="AI36014">
        <v>22</v>
      </c>
      <c r="AJ36014">
        <v>22</v>
      </c>
      <c r="AK36014">
        <v>22</v>
      </c>
      <c r="AL36014">
        <v>22</v>
      </c>
      <c r="AM36014">
        <v>23</v>
      </c>
      <c r="AN36014">
        <v>23</v>
      </c>
      <c r="AO36014">
        <v>23</v>
      </c>
      <c r="AP36014">
        <v>23</v>
      </c>
      <c r="AQ36014">
        <v>23</v>
      </c>
    </row>
    <row r="36015" spans="1:43">
      <c r="A36015" t="s">
        <v>22331</v>
      </c>
      <c r="B36015" t="s">
        <v>22332</v>
      </c>
      <c r="C36015" t="s">
        <v>22267</v>
      </c>
      <c r="D36015" t="s">
        <v>22268</v>
      </c>
      <c r="E36015" t="s">
        <v>22205</v>
      </c>
      <c r="F36015" t="s">
        <v>22206</v>
      </c>
      <c r="G36015" t="s">
        <v>20255</v>
      </c>
      <c r="H36015" t="s">
        <v>20256</v>
      </c>
      <c r="I36015" s="2">
        <v>1</v>
      </c>
      <c r="J36015" s="2">
        <v>0</v>
      </c>
      <c r="K36015" s="2">
        <v>0</v>
      </c>
      <c r="L36015" t="s">
        <v>120</v>
      </c>
      <c r="M36015" t="s">
        <v>87</v>
      </c>
      <c r="N36015" t="s">
        <v>88</v>
      </c>
      <c r="O36015" t="s">
        <v>85</v>
      </c>
      <c r="P36015" t="s">
        <v>86</v>
      </c>
      <c r="Q36015">
        <v>16</v>
      </c>
      <c r="R36015">
        <v>16</v>
      </c>
      <c r="S36015">
        <v>16</v>
      </c>
      <c r="T36015">
        <v>16</v>
      </c>
      <c r="U36015">
        <v>16</v>
      </c>
      <c r="V36015">
        <v>16</v>
      </c>
      <c r="W36015">
        <v>17</v>
      </c>
      <c r="X36015">
        <v>17</v>
      </c>
      <c r="Y36015">
        <v>17</v>
      </c>
      <c r="Z36015">
        <v>17</v>
      </c>
      <c r="AA36015">
        <v>17</v>
      </c>
      <c r="AB36015">
        <v>17</v>
      </c>
      <c r="AC36015">
        <v>18</v>
      </c>
      <c r="AD36015">
        <v>18</v>
      </c>
      <c r="AE36015">
        <v>18</v>
      </c>
      <c r="AF36015">
        <v>18</v>
      </c>
      <c r="AG36015">
        <v>18</v>
      </c>
      <c r="AH36015">
        <v>18</v>
      </c>
      <c r="AI36015">
        <v>19</v>
      </c>
      <c r="AJ36015">
        <v>19</v>
      </c>
      <c r="AK36015">
        <v>19</v>
      </c>
      <c r="AL36015">
        <v>19</v>
      </c>
      <c r="AM36015">
        <v>19</v>
      </c>
      <c r="AN36015">
        <v>20</v>
      </c>
      <c r="AO36015">
        <v>20</v>
      </c>
      <c r="AP36015">
        <v>20</v>
      </c>
      <c r="AQ36015">
        <v>20</v>
      </c>
    </row>
    <row r="36016" spans="1:43">
      <c r="A36016" t="s">
        <v>22331</v>
      </c>
      <c r="B36016" t="s">
        <v>22332</v>
      </c>
      <c r="C36016" t="s">
        <v>22267</v>
      </c>
      <c r="D36016" t="s">
        <v>22268</v>
      </c>
      <c r="E36016" t="s">
        <v>22205</v>
      </c>
      <c r="F36016" t="s">
        <v>22206</v>
      </c>
      <c r="G36016" t="s">
        <v>20255</v>
      </c>
      <c r="H36016" t="s">
        <v>20256</v>
      </c>
      <c r="I36016" s="2">
        <v>1</v>
      </c>
      <c r="J36016" s="2">
        <v>0</v>
      </c>
      <c r="K36016" s="2">
        <v>0</v>
      </c>
      <c r="L36016" t="s">
        <v>120</v>
      </c>
      <c r="M36016" t="s">
        <v>89</v>
      </c>
      <c r="N36016" t="s">
        <v>90</v>
      </c>
      <c r="O36016" t="s">
        <v>85</v>
      </c>
      <c r="P36016" t="s">
        <v>86</v>
      </c>
      <c r="Q36016">
        <v>16</v>
      </c>
      <c r="R36016">
        <v>16</v>
      </c>
      <c r="S36016">
        <v>17</v>
      </c>
      <c r="T36016">
        <v>17</v>
      </c>
      <c r="U36016">
        <v>18</v>
      </c>
      <c r="V36016">
        <v>18</v>
      </c>
      <c r="W36016">
        <v>19</v>
      </c>
      <c r="X36016">
        <v>19</v>
      </c>
      <c r="Y36016">
        <v>19</v>
      </c>
      <c r="Z36016">
        <v>20</v>
      </c>
      <c r="AA36016">
        <v>20</v>
      </c>
      <c r="AB36016">
        <v>21</v>
      </c>
      <c r="AC36016">
        <v>21</v>
      </c>
      <c r="AD36016">
        <v>21</v>
      </c>
      <c r="AE36016">
        <v>22</v>
      </c>
      <c r="AF36016">
        <v>22</v>
      </c>
      <c r="AG36016">
        <v>22</v>
      </c>
      <c r="AH36016">
        <v>22</v>
      </c>
      <c r="AI36016">
        <v>22</v>
      </c>
      <c r="AJ36016">
        <v>22</v>
      </c>
      <c r="AK36016">
        <v>23</v>
      </c>
      <c r="AL36016">
        <v>23</v>
      </c>
      <c r="AM36016">
        <v>23</v>
      </c>
      <c r="AN36016">
        <v>23</v>
      </c>
      <c r="AO36016">
        <v>23</v>
      </c>
      <c r="AP36016">
        <v>23</v>
      </c>
      <c r="AQ36016">
        <v>23</v>
      </c>
    </row>
    <row r="36017" spans="1:43">
      <c r="A36017" t="s">
        <v>22331</v>
      </c>
      <c r="B36017" t="s">
        <v>22332</v>
      </c>
      <c r="C36017" t="s">
        <v>22267</v>
      </c>
      <c r="D36017" t="s">
        <v>22268</v>
      </c>
      <c r="E36017" t="s">
        <v>22205</v>
      </c>
      <c r="F36017" t="s">
        <v>22206</v>
      </c>
      <c r="G36017" t="s">
        <v>20255</v>
      </c>
      <c r="H36017" t="s">
        <v>20256</v>
      </c>
      <c r="I36017" s="2">
        <v>1</v>
      </c>
      <c r="J36017" s="2">
        <v>0</v>
      </c>
      <c r="K36017" s="2">
        <v>0</v>
      </c>
      <c r="L36017" t="s">
        <v>120</v>
      </c>
      <c r="M36017" t="s">
        <v>83</v>
      </c>
      <c r="N36017" t="s">
        <v>91</v>
      </c>
      <c r="O36017" t="s">
        <v>85</v>
      </c>
      <c r="P36017" t="s">
        <v>86</v>
      </c>
      <c r="Q36017">
        <v>16</v>
      </c>
      <c r="R36017">
        <v>16</v>
      </c>
      <c r="S36017">
        <v>16</v>
      </c>
      <c r="T36017">
        <v>17</v>
      </c>
      <c r="U36017">
        <v>17</v>
      </c>
      <c r="V36017">
        <v>17</v>
      </c>
      <c r="W36017">
        <v>18</v>
      </c>
      <c r="X36017">
        <v>18</v>
      </c>
      <c r="Y36017">
        <v>18</v>
      </c>
      <c r="Z36017">
        <v>19</v>
      </c>
      <c r="AA36017">
        <v>19</v>
      </c>
      <c r="AB36017">
        <v>19</v>
      </c>
      <c r="AC36017">
        <v>20</v>
      </c>
      <c r="AD36017">
        <v>20</v>
      </c>
      <c r="AE36017">
        <v>20</v>
      </c>
      <c r="AF36017">
        <v>21</v>
      </c>
      <c r="AG36017">
        <v>21</v>
      </c>
      <c r="AH36017">
        <v>21</v>
      </c>
      <c r="AI36017">
        <v>22</v>
      </c>
      <c r="AJ36017">
        <v>22</v>
      </c>
      <c r="AK36017">
        <v>22</v>
      </c>
      <c r="AL36017">
        <v>22</v>
      </c>
      <c r="AM36017">
        <v>23</v>
      </c>
      <c r="AN36017">
        <v>23</v>
      </c>
      <c r="AO36017">
        <v>23</v>
      </c>
      <c r="AP36017">
        <v>23</v>
      </c>
      <c r="AQ36017">
        <v>23</v>
      </c>
    </row>
    <row r="36018" spans="1:43">
      <c r="A36018" t="s">
        <v>22333</v>
      </c>
      <c r="B36018" t="s">
        <v>22334</v>
      </c>
      <c r="C36018" t="s">
        <v>22283</v>
      </c>
      <c r="D36018" t="s">
        <v>22284</v>
      </c>
      <c r="E36018" t="s">
        <v>22205</v>
      </c>
      <c r="F36018" t="s">
        <v>22206</v>
      </c>
      <c r="G36018" t="s">
        <v>20255</v>
      </c>
      <c r="H36018" t="s">
        <v>20256</v>
      </c>
      <c r="I36018" s="2">
        <v>1</v>
      </c>
      <c r="J36018" s="2">
        <v>0</v>
      </c>
      <c r="K36018" s="2">
        <v>0</v>
      </c>
      <c r="L36018" t="s">
        <v>120</v>
      </c>
      <c r="M36018" t="s">
        <v>83</v>
      </c>
      <c r="N36018" t="s">
        <v>84</v>
      </c>
      <c r="O36018" t="s">
        <v>85</v>
      </c>
      <c r="P36018" t="s">
        <v>86</v>
      </c>
      <c r="Q36018">
        <v>38</v>
      </c>
      <c r="R36018">
        <v>39</v>
      </c>
      <c r="S36018">
        <v>40</v>
      </c>
      <c r="T36018">
        <v>41</v>
      </c>
      <c r="U36018">
        <v>41</v>
      </c>
      <c r="V36018">
        <v>42</v>
      </c>
      <c r="W36018">
        <v>43</v>
      </c>
      <c r="X36018">
        <v>44</v>
      </c>
      <c r="Y36018">
        <v>45</v>
      </c>
      <c r="Z36018">
        <v>45</v>
      </c>
      <c r="AA36018">
        <v>46</v>
      </c>
      <c r="AB36018">
        <v>47</v>
      </c>
      <c r="AC36018">
        <v>48</v>
      </c>
      <c r="AD36018">
        <v>49</v>
      </c>
      <c r="AE36018">
        <v>49</v>
      </c>
      <c r="AF36018">
        <v>50</v>
      </c>
      <c r="AG36018">
        <v>51</v>
      </c>
      <c r="AH36018">
        <v>52</v>
      </c>
      <c r="AI36018">
        <v>53</v>
      </c>
      <c r="AJ36018">
        <v>54</v>
      </c>
      <c r="AK36018">
        <v>54</v>
      </c>
      <c r="AL36018">
        <v>55</v>
      </c>
      <c r="AM36018">
        <v>55</v>
      </c>
      <c r="AN36018">
        <v>56</v>
      </c>
      <c r="AO36018">
        <v>56</v>
      </c>
      <c r="AP36018">
        <v>57</v>
      </c>
      <c r="AQ36018">
        <v>57</v>
      </c>
    </row>
    <row r="36019" spans="1:43">
      <c r="A36019" t="s">
        <v>22333</v>
      </c>
      <c r="B36019" t="s">
        <v>22334</v>
      </c>
      <c r="C36019" t="s">
        <v>22283</v>
      </c>
      <c r="D36019" t="s">
        <v>22284</v>
      </c>
      <c r="E36019" t="s">
        <v>22205</v>
      </c>
      <c r="F36019" t="s">
        <v>22206</v>
      </c>
      <c r="G36019" t="s">
        <v>20255</v>
      </c>
      <c r="H36019" t="s">
        <v>20256</v>
      </c>
      <c r="I36019" s="2">
        <v>1</v>
      </c>
      <c r="J36019" s="2">
        <v>0</v>
      </c>
      <c r="K36019" s="2">
        <v>0</v>
      </c>
      <c r="L36019" t="s">
        <v>120</v>
      </c>
      <c r="M36019" t="s">
        <v>87</v>
      </c>
      <c r="N36019" t="s">
        <v>88</v>
      </c>
      <c r="O36019" t="s">
        <v>85</v>
      </c>
      <c r="P36019" t="s">
        <v>86</v>
      </c>
      <c r="Q36019">
        <v>38</v>
      </c>
      <c r="R36019">
        <v>39</v>
      </c>
      <c r="S36019">
        <v>39</v>
      </c>
      <c r="T36019">
        <v>39</v>
      </c>
      <c r="U36019">
        <v>40</v>
      </c>
      <c r="V36019">
        <v>40</v>
      </c>
      <c r="W36019">
        <v>40</v>
      </c>
      <c r="X36019">
        <v>41</v>
      </c>
      <c r="Y36019">
        <v>41</v>
      </c>
      <c r="Z36019">
        <v>42</v>
      </c>
      <c r="AA36019">
        <v>42</v>
      </c>
      <c r="AB36019">
        <v>42</v>
      </c>
      <c r="AC36019">
        <v>43</v>
      </c>
      <c r="AD36019">
        <v>43</v>
      </c>
      <c r="AE36019">
        <v>44</v>
      </c>
      <c r="AF36019">
        <v>44</v>
      </c>
      <c r="AG36019">
        <v>45</v>
      </c>
      <c r="AH36019">
        <v>45</v>
      </c>
      <c r="AI36019">
        <v>45</v>
      </c>
      <c r="AJ36019">
        <v>46</v>
      </c>
      <c r="AK36019">
        <v>46</v>
      </c>
      <c r="AL36019">
        <v>47</v>
      </c>
      <c r="AM36019">
        <v>47</v>
      </c>
      <c r="AN36019">
        <v>48</v>
      </c>
      <c r="AO36019">
        <v>48</v>
      </c>
      <c r="AP36019">
        <v>49</v>
      </c>
      <c r="AQ36019">
        <v>49</v>
      </c>
    </row>
    <row r="36020" spans="1:43">
      <c r="A36020" t="s">
        <v>22333</v>
      </c>
      <c r="B36020" t="s">
        <v>22334</v>
      </c>
      <c r="C36020" t="s">
        <v>22283</v>
      </c>
      <c r="D36020" t="s">
        <v>22284</v>
      </c>
      <c r="E36020" t="s">
        <v>22205</v>
      </c>
      <c r="F36020" t="s">
        <v>22206</v>
      </c>
      <c r="G36020" t="s">
        <v>20255</v>
      </c>
      <c r="H36020" t="s">
        <v>20256</v>
      </c>
      <c r="I36020" s="2">
        <v>1</v>
      </c>
      <c r="J36020" s="2">
        <v>0</v>
      </c>
      <c r="K36020" s="2">
        <v>0</v>
      </c>
      <c r="L36020" t="s">
        <v>120</v>
      </c>
      <c r="M36020" t="s">
        <v>89</v>
      </c>
      <c r="N36020" t="s">
        <v>90</v>
      </c>
      <c r="O36020" t="s">
        <v>85</v>
      </c>
      <c r="P36020" t="s">
        <v>86</v>
      </c>
      <c r="Q36020">
        <v>38</v>
      </c>
      <c r="R36020">
        <v>39</v>
      </c>
      <c r="S36020">
        <v>40</v>
      </c>
      <c r="T36020">
        <v>41</v>
      </c>
      <c r="U36020">
        <v>42</v>
      </c>
      <c r="V36020">
        <v>43</v>
      </c>
      <c r="W36020">
        <v>44</v>
      </c>
      <c r="X36020">
        <v>45</v>
      </c>
      <c r="Y36020">
        <v>46</v>
      </c>
      <c r="Z36020">
        <v>47</v>
      </c>
      <c r="AA36020">
        <v>48</v>
      </c>
      <c r="AB36020">
        <v>49</v>
      </c>
      <c r="AC36020">
        <v>50</v>
      </c>
      <c r="AD36020">
        <v>51</v>
      </c>
      <c r="AE36020">
        <v>52</v>
      </c>
      <c r="AF36020">
        <v>52</v>
      </c>
      <c r="AG36020">
        <v>53</v>
      </c>
      <c r="AH36020">
        <v>53</v>
      </c>
      <c r="AI36020">
        <v>54</v>
      </c>
      <c r="AJ36020">
        <v>54</v>
      </c>
      <c r="AK36020">
        <v>54</v>
      </c>
      <c r="AL36020">
        <v>55</v>
      </c>
      <c r="AM36020">
        <v>55</v>
      </c>
      <c r="AN36020">
        <v>55</v>
      </c>
      <c r="AO36020">
        <v>56</v>
      </c>
      <c r="AP36020">
        <v>56</v>
      </c>
      <c r="AQ36020">
        <v>57</v>
      </c>
    </row>
    <row r="36021" spans="1:43">
      <c r="A36021" t="s">
        <v>22333</v>
      </c>
      <c r="B36021" t="s">
        <v>22334</v>
      </c>
      <c r="C36021" t="s">
        <v>22283</v>
      </c>
      <c r="D36021" t="s">
        <v>22284</v>
      </c>
      <c r="E36021" t="s">
        <v>22205</v>
      </c>
      <c r="F36021" t="s">
        <v>22206</v>
      </c>
      <c r="G36021" t="s">
        <v>20255</v>
      </c>
      <c r="H36021" t="s">
        <v>20256</v>
      </c>
      <c r="I36021" s="2">
        <v>1</v>
      </c>
      <c r="J36021" s="2">
        <v>0</v>
      </c>
      <c r="K36021" s="2">
        <v>0</v>
      </c>
      <c r="L36021" t="s">
        <v>120</v>
      </c>
      <c r="M36021" t="s">
        <v>83</v>
      </c>
      <c r="N36021" t="s">
        <v>91</v>
      </c>
      <c r="O36021" t="s">
        <v>85</v>
      </c>
      <c r="P36021" t="s">
        <v>86</v>
      </c>
      <c r="Q36021">
        <v>38</v>
      </c>
      <c r="R36021">
        <v>39</v>
      </c>
      <c r="S36021">
        <v>40</v>
      </c>
      <c r="T36021">
        <v>41</v>
      </c>
      <c r="U36021">
        <v>41</v>
      </c>
      <c r="V36021">
        <v>42</v>
      </c>
      <c r="W36021">
        <v>43</v>
      </c>
      <c r="X36021">
        <v>44</v>
      </c>
      <c r="Y36021">
        <v>45</v>
      </c>
      <c r="Z36021">
        <v>45</v>
      </c>
      <c r="AA36021">
        <v>46</v>
      </c>
      <c r="AB36021">
        <v>47</v>
      </c>
      <c r="AC36021">
        <v>48</v>
      </c>
      <c r="AD36021">
        <v>49</v>
      </c>
      <c r="AE36021">
        <v>49</v>
      </c>
      <c r="AF36021">
        <v>50</v>
      </c>
      <c r="AG36021">
        <v>51</v>
      </c>
      <c r="AH36021">
        <v>52</v>
      </c>
      <c r="AI36021">
        <v>53</v>
      </c>
      <c r="AJ36021">
        <v>54</v>
      </c>
      <c r="AK36021">
        <v>54</v>
      </c>
      <c r="AL36021">
        <v>55</v>
      </c>
      <c r="AM36021">
        <v>55</v>
      </c>
      <c r="AN36021">
        <v>56</v>
      </c>
      <c r="AO36021">
        <v>56</v>
      </c>
      <c r="AP36021">
        <v>57</v>
      </c>
      <c r="AQ36021">
        <v>57</v>
      </c>
    </row>
    <row r="36022" spans="1:43">
      <c r="A36022" t="s">
        <v>22335</v>
      </c>
      <c r="B36022" t="s">
        <v>22336</v>
      </c>
      <c r="C36022" t="s">
        <v>22283</v>
      </c>
      <c r="D36022" t="s">
        <v>22284</v>
      </c>
      <c r="E36022" t="s">
        <v>22205</v>
      </c>
      <c r="F36022" t="s">
        <v>22206</v>
      </c>
      <c r="G36022" t="s">
        <v>20255</v>
      </c>
      <c r="H36022" t="s">
        <v>20256</v>
      </c>
      <c r="I36022" s="2">
        <v>1</v>
      </c>
      <c r="J36022" s="2">
        <v>0</v>
      </c>
      <c r="K36022" s="2">
        <v>0</v>
      </c>
      <c r="L36022" t="s">
        <v>120</v>
      </c>
      <c r="M36022" t="s">
        <v>83</v>
      </c>
      <c r="N36022" t="s">
        <v>84</v>
      </c>
      <c r="O36022" t="s">
        <v>85</v>
      </c>
      <c r="P36022" t="s">
        <v>86</v>
      </c>
      <c r="Q36022">
        <v>72</v>
      </c>
      <c r="R36022">
        <v>74</v>
      </c>
      <c r="S36022">
        <v>75</v>
      </c>
      <c r="T36022">
        <v>77</v>
      </c>
      <c r="U36022">
        <v>78</v>
      </c>
      <c r="V36022">
        <v>80</v>
      </c>
      <c r="W36022">
        <v>81</v>
      </c>
      <c r="X36022">
        <v>82</v>
      </c>
      <c r="Y36022">
        <v>84</v>
      </c>
      <c r="Z36022">
        <v>85</v>
      </c>
      <c r="AA36022">
        <v>87</v>
      </c>
      <c r="AB36022">
        <v>88</v>
      </c>
      <c r="AC36022">
        <v>90</v>
      </c>
      <c r="AD36022">
        <v>91</v>
      </c>
      <c r="AE36022">
        <v>93</v>
      </c>
      <c r="AF36022">
        <v>94</v>
      </c>
      <c r="AG36022">
        <v>96</v>
      </c>
      <c r="AH36022">
        <v>97</v>
      </c>
      <c r="AI36022">
        <v>99</v>
      </c>
      <c r="AJ36022">
        <v>101</v>
      </c>
      <c r="AK36022">
        <v>102</v>
      </c>
      <c r="AL36022">
        <v>103</v>
      </c>
      <c r="AM36022">
        <v>104</v>
      </c>
      <c r="AN36022">
        <v>105</v>
      </c>
      <c r="AO36022">
        <v>105</v>
      </c>
      <c r="AP36022">
        <v>106</v>
      </c>
      <c r="AQ36022">
        <v>107</v>
      </c>
    </row>
    <row r="36023" spans="1:43">
      <c r="A36023" t="s">
        <v>22335</v>
      </c>
      <c r="B36023" t="s">
        <v>22336</v>
      </c>
      <c r="C36023" t="s">
        <v>22283</v>
      </c>
      <c r="D36023" t="s">
        <v>22284</v>
      </c>
      <c r="E36023" t="s">
        <v>22205</v>
      </c>
      <c r="F36023" t="s">
        <v>22206</v>
      </c>
      <c r="G36023" t="s">
        <v>20255</v>
      </c>
      <c r="H36023" t="s">
        <v>20256</v>
      </c>
      <c r="I36023" s="2">
        <v>1</v>
      </c>
      <c r="J36023" s="2">
        <v>0</v>
      </c>
      <c r="K36023" s="2">
        <v>0</v>
      </c>
      <c r="L36023" t="s">
        <v>120</v>
      </c>
      <c r="M36023" t="s">
        <v>87</v>
      </c>
      <c r="N36023" t="s">
        <v>88</v>
      </c>
      <c r="O36023" t="s">
        <v>85</v>
      </c>
      <c r="P36023" t="s">
        <v>86</v>
      </c>
      <c r="Q36023">
        <v>72</v>
      </c>
      <c r="R36023">
        <v>72</v>
      </c>
      <c r="S36023">
        <v>73</v>
      </c>
      <c r="T36023">
        <v>74</v>
      </c>
      <c r="U36023">
        <v>75</v>
      </c>
      <c r="V36023">
        <v>75</v>
      </c>
      <c r="W36023">
        <v>76</v>
      </c>
      <c r="X36023">
        <v>77</v>
      </c>
      <c r="Y36023">
        <v>78</v>
      </c>
      <c r="Z36023">
        <v>78</v>
      </c>
      <c r="AA36023">
        <v>79</v>
      </c>
      <c r="AB36023">
        <v>80</v>
      </c>
      <c r="AC36023">
        <v>81</v>
      </c>
      <c r="AD36023">
        <v>81</v>
      </c>
      <c r="AE36023">
        <v>82</v>
      </c>
      <c r="AF36023">
        <v>83</v>
      </c>
      <c r="AG36023">
        <v>84</v>
      </c>
      <c r="AH36023">
        <v>85</v>
      </c>
      <c r="AI36023">
        <v>85</v>
      </c>
      <c r="AJ36023">
        <v>86</v>
      </c>
      <c r="AK36023">
        <v>87</v>
      </c>
      <c r="AL36023">
        <v>88</v>
      </c>
      <c r="AM36023">
        <v>89</v>
      </c>
      <c r="AN36023">
        <v>90</v>
      </c>
      <c r="AO36023">
        <v>91</v>
      </c>
      <c r="AP36023">
        <v>92</v>
      </c>
      <c r="AQ36023">
        <v>92</v>
      </c>
    </row>
    <row r="36024" spans="1:43">
      <c r="A36024" t="s">
        <v>22335</v>
      </c>
      <c r="B36024" t="s">
        <v>22336</v>
      </c>
      <c r="C36024" t="s">
        <v>22283</v>
      </c>
      <c r="D36024" t="s">
        <v>22284</v>
      </c>
      <c r="E36024" t="s">
        <v>22205</v>
      </c>
      <c r="F36024" t="s">
        <v>22206</v>
      </c>
      <c r="G36024" t="s">
        <v>20255</v>
      </c>
      <c r="H36024" t="s">
        <v>20256</v>
      </c>
      <c r="I36024" s="2">
        <v>1</v>
      </c>
      <c r="J36024" s="2">
        <v>0</v>
      </c>
      <c r="K36024" s="2">
        <v>0</v>
      </c>
      <c r="L36024" t="s">
        <v>120</v>
      </c>
      <c r="M36024" t="s">
        <v>89</v>
      </c>
      <c r="N36024" t="s">
        <v>90</v>
      </c>
      <c r="O36024" t="s">
        <v>85</v>
      </c>
      <c r="P36024" t="s">
        <v>86</v>
      </c>
      <c r="Q36024">
        <v>72</v>
      </c>
      <c r="R36024">
        <v>74</v>
      </c>
      <c r="S36024">
        <v>76</v>
      </c>
      <c r="T36024">
        <v>78</v>
      </c>
      <c r="U36024">
        <v>80</v>
      </c>
      <c r="V36024">
        <v>82</v>
      </c>
      <c r="W36024">
        <v>84</v>
      </c>
      <c r="X36024">
        <v>86</v>
      </c>
      <c r="Y36024">
        <v>88</v>
      </c>
      <c r="Z36024">
        <v>90</v>
      </c>
      <c r="AA36024">
        <v>91</v>
      </c>
      <c r="AB36024">
        <v>93</v>
      </c>
      <c r="AC36024">
        <v>95</v>
      </c>
      <c r="AD36024">
        <v>97</v>
      </c>
      <c r="AE36024">
        <v>99</v>
      </c>
      <c r="AF36024">
        <v>99</v>
      </c>
      <c r="AG36024">
        <v>100</v>
      </c>
      <c r="AH36024">
        <v>101</v>
      </c>
      <c r="AI36024">
        <v>101</v>
      </c>
      <c r="AJ36024">
        <v>102</v>
      </c>
      <c r="AK36024">
        <v>103</v>
      </c>
      <c r="AL36024">
        <v>103</v>
      </c>
      <c r="AM36024">
        <v>104</v>
      </c>
      <c r="AN36024">
        <v>105</v>
      </c>
      <c r="AO36024">
        <v>105</v>
      </c>
      <c r="AP36024">
        <v>106</v>
      </c>
      <c r="AQ36024">
        <v>107</v>
      </c>
    </row>
    <row r="36025" spans="1:43">
      <c r="A36025" t="s">
        <v>22335</v>
      </c>
      <c r="B36025" t="s">
        <v>22336</v>
      </c>
      <c r="C36025" t="s">
        <v>22283</v>
      </c>
      <c r="D36025" t="s">
        <v>22284</v>
      </c>
      <c r="E36025" t="s">
        <v>22205</v>
      </c>
      <c r="F36025" t="s">
        <v>22206</v>
      </c>
      <c r="G36025" t="s">
        <v>20255</v>
      </c>
      <c r="H36025" t="s">
        <v>20256</v>
      </c>
      <c r="I36025" s="2">
        <v>1</v>
      </c>
      <c r="J36025" s="2">
        <v>0</v>
      </c>
      <c r="K36025" s="2">
        <v>0</v>
      </c>
      <c r="L36025" t="s">
        <v>120</v>
      </c>
      <c r="M36025" t="s">
        <v>83</v>
      </c>
      <c r="N36025" t="s">
        <v>91</v>
      </c>
      <c r="O36025" t="s">
        <v>85</v>
      </c>
      <c r="P36025" t="s">
        <v>86</v>
      </c>
      <c r="Q36025">
        <v>72</v>
      </c>
      <c r="R36025">
        <v>74</v>
      </c>
      <c r="S36025">
        <v>75</v>
      </c>
      <c r="T36025">
        <v>77</v>
      </c>
      <c r="U36025">
        <v>78</v>
      </c>
      <c r="V36025">
        <v>80</v>
      </c>
      <c r="W36025">
        <v>81</v>
      </c>
      <c r="X36025">
        <v>82</v>
      </c>
      <c r="Y36025">
        <v>84</v>
      </c>
      <c r="Z36025">
        <v>85</v>
      </c>
      <c r="AA36025">
        <v>87</v>
      </c>
      <c r="AB36025">
        <v>88</v>
      </c>
      <c r="AC36025">
        <v>90</v>
      </c>
      <c r="AD36025">
        <v>91</v>
      </c>
      <c r="AE36025">
        <v>93</v>
      </c>
      <c r="AF36025">
        <v>94</v>
      </c>
      <c r="AG36025">
        <v>96</v>
      </c>
      <c r="AH36025">
        <v>97</v>
      </c>
      <c r="AI36025">
        <v>99</v>
      </c>
      <c r="AJ36025">
        <v>101</v>
      </c>
      <c r="AK36025">
        <v>102</v>
      </c>
      <c r="AL36025">
        <v>103</v>
      </c>
      <c r="AM36025">
        <v>104</v>
      </c>
      <c r="AN36025">
        <v>105</v>
      </c>
      <c r="AO36025">
        <v>105</v>
      </c>
      <c r="AP36025">
        <v>106</v>
      </c>
      <c r="AQ36025">
        <v>107</v>
      </c>
    </row>
    <row r="36026" spans="1:43">
      <c r="A36026" t="s">
        <v>22337</v>
      </c>
      <c r="B36026" t="s">
        <v>22338</v>
      </c>
      <c r="C36026" t="s">
        <v>22283</v>
      </c>
      <c r="D36026" t="s">
        <v>22284</v>
      </c>
      <c r="E36026" t="s">
        <v>22205</v>
      </c>
      <c r="F36026" t="s">
        <v>22206</v>
      </c>
      <c r="G36026" t="s">
        <v>20255</v>
      </c>
      <c r="H36026" t="s">
        <v>20256</v>
      </c>
      <c r="I36026" s="2">
        <v>1</v>
      </c>
      <c r="J36026" s="2">
        <v>0</v>
      </c>
      <c r="K36026" s="2">
        <v>0</v>
      </c>
      <c r="L36026" t="s">
        <v>120</v>
      </c>
      <c r="M36026" t="s">
        <v>83</v>
      </c>
      <c r="N36026" t="s">
        <v>84</v>
      </c>
      <c r="O36026" t="s">
        <v>85</v>
      </c>
      <c r="P36026" t="s">
        <v>86</v>
      </c>
      <c r="Q36026">
        <v>16</v>
      </c>
      <c r="R36026">
        <v>16</v>
      </c>
      <c r="S36026">
        <v>16</v>
      </c>
      <c r="T36026">
        <v>17</v>
      </c>
      <c r="U36026">
        <v>17</v>
      </c>
      <c r="V36026">
        <v>17</v>
      </c>
      <c r="W36026">
        <v>18</v>
      </c>
      <c r="X36026">
        <v>18</v>
      </c>
      <c r="Y36026">
        <v>18</v>
      </c>
      <c r="Z36026">
        <v>18</v>
      </c>
      <c r="AA36026">
        <v>19</v>
      </c>
      <c r="AB36026">
        <v>19</v>
      </c>
      <c r="AC36026">
        <v>19</v>
      </c>
      <c r="AD36026">
        <v>20</v>
      </c>
      <c r="AE36026">
        <v>20</v>
      </c>
      <c r="AF36026">
        <v>20</v>
      </c>
      <c r="AG36026">
        <v>21</v>
      </c>
      <c r="AH36026">
        <v>21</v>
      </c>
      <c r="AI36026">
        <v>21</v>
      </c>
      <c r="AJ36026">
        <v>22</v>
      </c>
      <c r="AK36026">
        <v>22</v>
      </c>
      <c r="AL36026">
        <v>22</v>
      </c>
      <c r="AM36026">
        <v>22</v>
      </c>
      <c r="AN36026">
        <v>23</v>
      </c>
      <c r="AO36026">
        <v>23</v>
      </c>
      <c r="AP36026">
        <v>23</v>
      </c>
      <c r="AQ36026">
        <v>23</v>
      </c>
    </row>
    <row r="36027" spans="1:43">
      <c r="A36027" t="s">
        <v>22337</v>
      </c>
      <c r="B36027" t="s">
        <v>22338</v>
      </c>
      <c r="C36027" t="s">
        <v>22283</v>
      </c>
      <c r="D36027" t="s">
        <v>22284</v>
      </c>
      <c r="E36027" t="s">
        <v>22205</v>
      </c>
      <c r="F36027" t="s">
        <v>22206</v>
      </c>
      <c r="G36027" t="s">
        <v>20255</v>
      </c>
      <c r="H36027" t="s">
        <v>20256</v>
      </c>
      <c r="I36027" s="2">
        <v>1</v>
      </c>
      <c r="J36027" s="2">
        <v>0</v>
      </c>
      <c r="K36027" s="2">
        <v>0</v>
      </c>
      <c r="L36027" t="s">
        <v>120</v>
      </c>
      <c r="M36027" t="s">
        <v>87</v>
      </c>
      <c r="N36027" t="s">
        <v>88</v>
      </c>
      <c r="O36027" t="s">
        <v>85</v>
      </c>
      <c r="P36027" t="s">
        <v>86</v>
      </c>
      <c r="Q36027">
        <v>16</v>
      </c>
      <c r="R36027">
        <v>16</v>
      </c>
      <c r="S36027">
        <v>16</v>
      </c>
      <c r="T36027">
        <v>16</v>
      </c>
      <c r="U36027">
        <v>16</v>
      </c>
      <c r="V36027">
        <v>16</v>
      </c>
      <c r="W36027">
        <v>16</v>
      </c>
      <c r="X36027">
        <v>17</v>
      </c>
      <c r="Y36027">
        <v>17</v>
      </c>
      <c r="Z36027">
        <v>17</v>
      </c>
      <c r="AA36027">
        <v>17</v>
      </c>
      <c r="AB36027">
        <v>17</v>
      </c>
      <c r="AC36027">
        <v>17</v>
      </c>
      <c r="AD36027">
        <v>18</v>
      </c>
      <c r="AE36027">
        <v>18</v>
      </c>
      <c r="AF36027">
        <v>18</v>
      </c>
      <c r="AG36027">
        <v>18</v>
      </c>
      <c r="AH36027">
        <v>18</v>
      </c>
      <c r="AI36027">
        <v>18</v>
      </c>
      <c r="AJ36027">
        <v>19</v>
      </c>
      <c r="AK36027">
        <v>19</v>
      </c>
      <c r="AL36027">
        <v>19</v>
      </c>
      <c r="AM36027">
        <v>19</v>
      </c>
      <c r="AN36027">
        <v>19</v>
      </c>
      <c r="AO36027">
        <v>20</v>
      </c>
      <c r="AP36027">
        <v>20</v>
      </c>
      <c r="AQ36027">
        <v>20</v>
      </c>
    </row>
    <row r="36028" spans="1:43">
      <c r="A36028" t="s">
        <v>22337</v>
      </c>
      <c r="B36028" t="s">
        <v>22338</v>
      </c>
      <c r="C36028" t="s">
        <v>22283</v>
      </c>
      <c r="D36028" t="s">
        <v>22284</v>
      </c>
      <c r="E36028" t="s">
        <v>22205</v>
      </c>
      <c r="F36028" t="s">
        <v>22206</v>
      </c>
      <c r="G36028" t="s">
        <v>20255</v>
      </c>
      <c r="H36028" t="s">
        <v>20256</v>
      </c>
      <c r="I36028" s="2">
        <v>1</v>
      </c>
      <c r="J36028" s="2">
        <v>0</v>
      </c>
      <c r="K36028" s="2">
        <v>0</v>
      </c>
      <c r="L36028" t="s">
        <v>120</v>
      </c>
      <c r="M36028" t="s">
        <v>89</v>
      </c>
      <c r="N36028" t="s">
        <v>90</v>
      </c>
      <c r="O36028" t="s">
        <v>85</v>
      </c>
      <c r="P36028" t="s">
        <v>86</v>
      </c>
      <c r="Q36028">
        <v>16</v>
      </c>
      <c r="R36028">
        <v>16</v>
      </c>
      <c r="S36028">
        <v>17</v>
      </c>
      <c r="T36028">
        <v>17</v>
      </c>
      <c r="U36028">
        <v>18</v>
      </c>
      <c r="V36028">
        <v>18</v>
      </c>
      <c r="W36028">
        <v>18</v>
      </c>
      <c r="X36028">
        <v>19</v>
      </c>
      <c r="Y36028">
        <v>19</v>
      </c>
      <c r="Z36028">
        <v>20</v>
      </c>
      <c r="AA36028">
        <v>20</v>
      </c>
      <c r="AB36028">
        <v>20</v>
      </c>
      <c r="AC36028">
        <v>21</v>
      </c>
      <c r="AD36028">
        <v>21</v>
      </c>
      <c r="AE36028">
        <v>22</v>
      </c>
      <c r="AF36028">
        <v>22</v>
      </c>
      <c r="AG36028">
        <v>22</v>
      </c>
      <c r="AH36028">
        <v>22</v>
      </c>
      <c r="AI36028">
        <v>22</v>
      </c>
      <c r="AJ36028">
        <v>22</v>
      </c>
      <c r="AK36028">
        <v>22</v>
      </c>
      <c r="AL36028">
        <v>23</v>
      </c>
      <c r="AM36028">
        <v>23</v>
      </c>
      <c r="AN36028">
        <v>23</v>
      </c>
      <c r="AO36028">
        <v>23</v>
      </c>
      <c r="AP36028">
        <v>23</v>
      </c>
      <c r="AQ36028">
        <v>23</v>
      </c>
    </row>
    <row r="36029" spans="1:43">
      <c r="A36029" t="s">
        <v>22337</v>
      </c>
      <c r="B36029" t="s">
        <v>22338</v>
      </c>
      <c r="C36029" t="s">
        <v>22283</v>
      </c>
      <c r="D36029" t="s">
        <v>22284</v>
      </c>
      <c r="E36029" t="s">
        <v>22205</v>
      </c>
      <c r="F36029" t="s">
        <v>22206</v>
      </c>
      <c r="G36029" t="s">
        <v>20255</v>
      </c>
      <c r="H36029" t="s">
        <v>20256</v>
      </c>
      <c r="I36029" s="2">
        <v>1</v>
      </c>
      <c r="J36029" s="2">
        <v>0</v>
      </c>
      <c r="K36029" s="2">
        <v>0</v>
      </c>
      <c r="L36029" t="s">
        <v>120</v>
      </c>
      <c r="M36029" t="s">
        <v>83</v>
      </c>
      <c r="N36029" t="s">
        <v>91</v>
      </c>
      <c r="O36029" t="s">
        <v>85</v>
      </c>
      <c r="P36029" t="s">
        <v>86</v>
      </c>
      <c r="Q36029">
        <v>16</v>
      </c>
      <c r="R36029">
        <v>16</v>
      </c>
      <c r="S36029">
        <v>16</v>
      </c>
      <c r="T36029">
        <v>17</v>
      </c>
      <c r="U36029">
        <v>17</v>
      </c>
      <c r="V36029">
        <v>17</v>
      </c>
      <c r="W36029">
        <v>18</v>
      </c>
      <c r="X36029">
        <v>18</v>
      </c>
      <c r="Y36029">
        <v>18</v>
      </c>
      <c r="Z36029">
        <v>18</v>
      </c>
      <c r="AA36029">
        <v>19</v>
      </c>
      <c r="AB36029">
        <v>19</v>
      </c>
      <c r="AC36029">
        <v>19</v>
      </c>
      <c r="AD36029">
        <v>20</v>
      </c>
      <c r="AE36029">
        <v>20</v>
      </c>
      <c r="AF36029">
        <v>20</v>
      </c>
      <c r="AG36029">
        <v>21</v>
      </c>
      <c r="AH36029">
        <v>21</v>
      </c>
      <c r="AI36029">
        <v>21</v>
      </c>
      <c r="AJ36029">
        <v>22</v>
      </c>
      <c r="AK36029">
        <v>22</v>
      </c>
      <c r="AL36029">
        <v>22</v>
      </c>
      <c r="AM36029">
        <v>22</v>
      </c>
      <c r="AN36029">
        <v>23</v>
      </c>
      <c r="AO36029">
        <v>23</v>
      </c>
      <c r="AP36029">
        <v>23</v>
      </c>
      <c r="AQ36029">
        <v>23</v>
      </c>
    </row>
    <row r="36030" spans="1:43">
      <c r="A36030" t="s">
        <v>22339</v>
      </c>
      <c r="B36030" t="s">
        <v>22340</v>
      </c>
      <c r="C36030" t="s">
        <v>22215</v>
      </c>
      <c r="D36030" t="s">
        <v>22216</v>
      </c>
      <c r="E36030" t="s">
        <v>22205</v>
      </c>
      <c r="F36030" t="s">
        <v>22206</v>
      </c>
      <c r="G36030" t="s">
        <v>20255</v>
      </c>
      <c r="H36030" t="s">
        <v>20256</v>
      </c>
      <c r="I36030" s="2">
        <v>1</v>
      </c>
      <c r="J36030" s="2">
        <v>0</v>
      </c>
      <c r="K36030" s="2">
        <v>0</v>
      </c>
      <c r="L36030" t="s">
        <v>120</v>
      </c>
      <c r="M36030" t="s">
        <v>83</v>
      </c>
      <c r="N36030" t="s">
        <v>84</v>
      </c>
      <c r="O36030" t="s">
        <v>85</v>
      </c>
      <c r="P36030" t="s">
        <v>86</v>
      </c>
      <c r="Q36030">
        <v>114</v>
      </c>
      <c r="R36030">
        <v>117</v>
      </c>
      <c r="S36030">
        <v>119</v>
      </c>
      <c r="T36030">
        <v>121</v>
      </c>
      <c r="U36030">
        <v>123</v>
      </c>
      <c r="V36030">
        <v>126</v>
      </c>
      <c r="W36030">
        <v>128</v>
      </c>
      <c r="X36030">
        <v>130</v>
      </c>
      <c r="Y36030">
        <v>133</v>
      </c>
      <c r="Z36030">
        <v>135</v>
      </c>
      <c r="AA36030">
        <v>137</v>
      </c>
      <c r="AB36030">
        <v>140</v>
      </c>
      <c r="AC36030">
        <v>142</v>
      </c>
      <c r="AD36030">
        <v>144</v>
      </c>
      <c r="AE36030">
        <v>147</v>
      </c>
      <c r="AF36030">
        <v>149</v>
      </c>
      <c r="AG36030">
        <v>151</v>
      </c>
      <c r="AH36030">
        <v>154</v>
      </c>
      <c r="AI36030">
        <v>156</v>
      </c>
      <c r="AJ36030">
        <v>159</v>
      </c>
      <c r="AK36030">
        <v>162</v>
      </c>
      <c r="AL36030">
        <v>163</v>
      </c>
      <c r="AM36030">
        <v>164</v>
      </c>
      <c r="AN36030">
        <v>166</v>
      </c>
      <c r="AO36030">
        <v>167</v>
      </c>
      <c r="AP36030">
        <v>168</v>
      </c>
      <c r="AQ36030">
        <v>169</v>
      </c>
    </row>
    <row r="36031" spans="1:43">
      <c r="A36031" t="s">
        <v>22339</v>
      </c>
      <c r="B36031" t="s">
        <v>22340</v>
      </c>
      <c r="C36031" t="s">
        <v>22215</v>
      </c>
      <c r="D36031" t="s">
        <v>22216</v>
      </c>
      <c r="E36031" t="s">
        <v>22205</v>
      </c>
      <c r="F36031" t="s">
        <v>22206</v>
      </c>
      <c r="G36031" t="s">
        <v>20255</v>
      </c>
      <c r="H36031" t="s">
        <v>20256</v>
      </c>
      <c r="I36031" s="2">
        <v>1</v>
      </c>
      <c r="J36031" s="2">
        <v>0</v>
      </c>
      <c r="K36031" s="2">
        <v>0</v>
      </c>
      <c r="L36031" t="s">
        <v>120</v>
      </c>
      <c r="M36031" t="s">
        <v>87</v>
      </c>
      <c r="N36031" t="s">
        <v>88</v>
      </c>
      <c r="O36031" t="s">
        <v>85</v>
      </c>
      <c r="P36031" t="s">
        <v>86</v>
      </c>
      <c r="Q36031">
        <v>114</v>
      </c>
      <c r="R36031">
        <v>116</v>
      </c>
      <c r="S36031">
        <v>117</v>
      </c>
      <c r="T36031">
        <v>118</v>
      </c>
      <c r="U36031">
        <v>119</v>
      </c>
      <c r="V36031">
        <v>120</v>
      </c>
      <c r="W36031">
        <v>121</v>
      </c>
      <c r="X36031">
        <v>123</v>
      </c>
      <c r="Y36031">
        <v>124</v>
      </c>
      <c r="Z36031">
        <v>125</v>
      </c>
      <c r="AA36031">
        <v>126</v>
      </c>
      <c r="AB36031">
        <v>127</v>
      </c>
      <c r="AC36031">
        <v>129</v>
      </c>
      <c r="AD36031">
        <v>130</v>
      </c>
      <c r="AE36031">
        <v>131</v>
      </c>
      <c r="AF36031">
        <v>132</v>
      </c>
      <c r="AG36031">
        <v>134</v>
      </c>
      <c r="AH36031">
        <v>135</v>
      </c>
      <c r="AI36031">
        <v>136</v>
      </c>
      <c r="AJ36031">
        <v>138</v>
      </c>
      <c r="AK36031">
        <v>139</v>
      </c>
      <c r="AL36031">
        <v>140</v>
      </c>
      <c r="AM36031">
        <v>142</v>
      </c>
      <c r="AN36031">
        <v>143</v>
      </c>
      <c r="AO36031">
        <v>145</v>
      </c>
      <c r="AP36031">
        <v>146</v>
      </c>
      <c r="AQ36031">
        <v>148</v>
      </c>
    </row>
    <row r="36032" spans="1:43">
      <c r="A36032" t="s">
        <v>22339</v>
      </c>
      <c r="B36032" t="s">
        <v>22340</v>
      </c>
      <c r="C36032" t="s">
        <v>22215</v>
      </c>
      <c r="D36032" t="s">
        <v>22216</v>
      </c>
      <c r="E36032" t="s">
        <v>22205</v>
      </c>
      <c r="F36032" t="s">
        <v>22206</v>
      </c>
      <c r="G36032" t="s">
        <v>20255</v>
      </c>
      <c r="H36032" t="s">
        <v>20256</v>
      </c>
      <c r="I36032" s="2">
        <v>1</v>
      </c>
      <c r="J36032" s="2">
        <v>0</v>
      </c>
      <c r="K36032" s="2">
        <v>0</v>
      </c>
      <c r="L36032" t="s">
        <v>120</v>
      </c>
      <c r="M36032" t="s">
        <v>89</v>
      </c>
      <c r="N36032" t="s">
        <v>90</v>
      </c>
      <c r="O36032" t="s">
        <v>85</v>
      </c>
      <c r="P36032" t="s">
        <v>86</v>
      </c>
      <c r="Q36032">
        <v>114</v>
      </c>
      <c r="R36032">
        <v>118</v>
      </c>
      <c r="S36032">
        <v>121</v>
      </c>
      <c r="T36032">
        <v>124</v>
      </c>
      <c r="U36032">
        <v>127</v>
      </c>
      <c r="V36032">
        <v>130</v>
      </c>
      <c r="W36032">
        <v>133</v>
      </c>
      <c r="X36032">
        <v>136</v>
      </c>
      <c r="Y36032">
        <v>139</v>
      </c>
      <c r="Z36032">
        <v>142</v>
      </c>
      <c r="AA36032">
        <v>145</v>
      </c>
      <c r="AB36032">
        <v>148</v>
      </c>
      <c r="AC36032">
        <v>151</v>
      </c>
      <c r="AD36032">
        <v>154</v>
      </c>
      <c r="AE36032">
        <v>156</v>
      </c>
      <c r="AF36032">
        <v>157</v>
      </c>
      <c r="AG36032">
        <v>159</v>
      </c>
      <c r="AH36032">
        <v>160</v>
      </c>
      <c r="AI36032">
        <v>161</v>
      </c>
      <c r="AJ36032">
        <v>162</v>
      </c>
      <c r="AK36032">
        <v>163</v>
      </c>
      <c r="AL36032">
        <v>164</v>
      </c>
      <c r="AM36032">
        <v>166</v>
      </c>
      <c r="AN36032">
        <v>167</v>
      </c>
      <c r="AO36032">
        <v>168</v>
      </c>
      <c r="AP36032">
        <v>169</v>
      </c>
      <c r="AQ36032">
        <v>170</v>
      </c>
    </row>
    <row r="36033" spans="1:43">
      <c r="A36033" t="s">
        <v>22339</v>
      </c>
      <c r="B36033" t="s">
        <v>22340</v>
      </c>
      <c r="C36033" t="s">
        <v>22215</v>
      </c>
      <c r="D36033" t="s">
        <v>22216</v>
      </c>
      <c r="E36033" t="s">
        <v>22205</v>
      </c>
      <c r="F36033" t="s">
        <v>22206</v>
      </c>
      <c r="G36033" t="s">
        <v>20255</v>
      </c>
      <c r="H36033" t="s">
        <v>20256</v>
      </c>
      <c r="I36033" s="2">
        <v>1</v>
      </c>
      <c r="J36033" s="2">
        <v>0</v>
      </c>
      <c r="K36033" s="2">
        <v>0</v>
      </c>
      <c r="L36033" t="s">
        <v>120</v>
      </c>
      <c r="M36033" t="s">
        <v>83</v>
      </c>
      <c r="N36033" t="s">
        <v>91</v>
      </c>
      <c r="O36033" t="s">
        <v>85</v>
      </c>
      <c r="P36033" t="s">
        <v>86</v>
      </c>
      <c r="Q36033">
        <v>114</v>
      </c>
      <c r="R36033">
        <v>117</v>
      </c>
      <c r="S36033">
        <v>119</v>
      </c>
      <c r="T36033">
        <v>121</v>
      </c>
      <c r="U36033">
        <v>123</v>
      </c>
      <c r="V36033">
        <v>126</v>
      </c>
      <c r="W36033">
        <v>128</v>
      </c>
      <c r="X36033">
        <v>130</v>
      </c>
      <c r="Y36033">
        <v>133</v>
      </c>
      <c r="Z36033">
        <v>135</v>
      </c>
      <c r="AA36033">
        <v>137</v>
      </c>
      <c r="AB36033">
        <v>140</v>
      </c>
      <c r="AC36033">
        <v>142</v>
      </c>
      <c r="AD36033">
        <v>144</v>
      </c>
      <c r="AE36033">
        <v>147</v>
      </c>
      <c r="AF36033">
        <v>149</v>
      </c>
      <c r="AG36033">
        <v>151</v>
      </c>
      <c r="AH36033">
        <v>154</v>
      </c>
      <c r="AI36033">
        <v>156</v>
      </c>
      <c r="AJ36033">
        <v>159</v>
      </c>
      <c r="AK36033">
        <v>162</v>
      </c>
      <c r="AL36033">
        <v>163</v>
      </c>
      <c r="AM36033">
        <v>164</v>
      </c>
      <c r="AN36033">
        <v>166</v>
      </c>
      <c r="AO36033">
        <v>167</v>
      </c>
      <c r="AP36033">
        <v>168</v>
      </c>
      <c r="AQ36033">
        <v>169</v>
      </c>
    </row>
    <row r="36034" spans="1:43">
      <c r="A36034" t="s">
        <v>22341</v>
      </c>
      <c r="B36034" t="s">
        <v>22342</v>
      </c>
      <c r="C36034" t="s">
        <v>22283</v>
      </c>
      <c r="D36034" t="s">
        <v>22284</v>
      </c>
      <c r="E36034" t="s">
        <v>22205</v>
      </c>
      <c r="F36034" t="s">
        <v>22206</v>
      </c>
      <c r="G36034" t="s">
        <v>20255</v>
      </c>
      <c r="H36034" t="s">
        <v>20256</v>
      </c>
      <c r="I36034" s="2">
        <v>1</v>
      </c>
      <c r="J36034" s="2">
        <v>0</v>
      </c>
      <c r="K36034" s="2">
        <v>0</v>
      </c>
      <c r="L36034" t="s">
        <v>120</v>
      </c>
      <c r="M36034" t="s">
        <v>83</v>
      </c>
      <c r="N36034" t="s">
        <v>84</v>
      </c>
      <c r="O36034" t="s">
        <v>85</v>
      </c>
      <c r="P36034" t="s">
        <v>86</v>
      </c>
      <c r="Q36034">
        <v>61</v>
      </c>
      <c r="R36034">
        <v>62</v>
      </c>
      <c r="S36034">
        <v>64</v>
      </c>
      <c r="T36034">
        <v>65</v>
      </c>
      <c r="U36034">
        <v>66</v>
      </c>
      <c r="V36034">
        <v>67</v>
      </c>
      <c r="W36034">
        <v>69</v>
      </c>
      <c r="X36034">
        <v>70</v>
      </c>
      <c r="Y36034">
        <v>71</v>
      </c>
      <c r="Z36034">
        <v>72</v>
      </c>
      <c r="AA36034">
        <v>73</v>
      </c>
      <c r="AB36034">
        <v>75</v>
      </c>
      <c r="AC36034">
        <v>76</v>
      </c>
      <c r="AD36034">
        <v>77</v>
      </c>
      <c r="AE36034">
        <v>78</v>
      </c>
      <c r="AF36034">
        <v>80</v>
      </c>
      <c r="AG36034">
        <v>81</v>
      </c>
      <c r="AH36034">
        <v>82</v>
      </c>
      <c r="AI36034">
        <v>84</v>
      </c>
      <c r="AJ36034">
        <v>85</v>
      </c>
      <c r="AK36034">
        <v>87</v>
      </c>
      <c r="AL36034">
        <v>87</v>
      </c>
      <c r="AM36034">
        <v>88</v>
      </c>
      <c r="AN36034">
        <v>89</v>
      </c>
      <c r="AO36034">
        <v>89</v>
      </c>
      <c r="AP36034">
        <v>90</v>
      </c>
      <c r="AQ36034">
        <v>91</v>
      </c>
    </row>
    <row r="36035" spans="1:43">
      <c r="A36035" t="s">
        <v>22341</v>
      </c>
      <c r="B36035" t="s">
        <v>22342</v>
      </c>
      <c r="C36035" t="s">
        <v>22283</v>
      </c>
      <c r="D36035" t="s">
        <v>22284</v>
      </c>
      <c r="E36035" t="s">
        <v>22205</v>
      </c>
      <c r="F36035" t="s">
        <v>22206</v>
      </c>
      <c r="G36035" t="s">
        <v>20255</v>
      </c>
      <c r="H36035" t="s">
        <v>20256</v>
      </c>
      <c r="I36035" s="2">
        <v>1</v>
      </c>
      <c r="J36035" s="2">
        <v>0</v>
      </c>
      <c r="K36035" s="2">
        <v>0</v>
      </c>
      <c r="L36035" t="s">
        <v>120</v>
      </c>
      <c r="M36035" t="s">
        <v>87</v>
      </c>
      <c r="N36035" t="s">
        <v>88</v>
      </c>
      <c r="O36035" t="s">
        <v>85</v>
      </c>
      <c r="P36035" t="s">
        <v>86</v>
      </c>
      <c r="Q36035">
        <v>61</v>
      </c>
      <c r="R36035">
        <v>61</v>
      </c>
      <c r="S36035">
        <v>62</v>
      </c>
      <c r="T36035">
        <v>63</v>
      </c>
      <c r="U36035">
        <v>63</v>
      </c>
      <c r="V36035">
        <v>64</v>
      </c>
      <c r="W36035">
        <v>64</v>
      </c>
      <c r="X36035">
        <v>65</v>
      </c>
      <c r="Y36035">
        <v>66</v>
      </c>
      <c r="Z36035">
        <v>66</v>
      </c>
      <c r="AA36035">
        <v>67</v>
      </c>
      <c r="AB36035">
        <v>68</v>
      </c>
      <c r="AC36035">
        <v>68</v>
      </c>
      <c r="AD36035">
        <v>69</v>
      </c>
      <c r="AE36035">
        <v>70</v>
      </c>
      <c r="AF36035">
        <v>70</v>
      </c>
      <c r="AG36035">
        <v>71</v>
      </c>
      <c r="AH36035">
        <v>72</v>
      </c>
      <c r="AI36035">
        <v>72</v>
      </c>
      <c r="AJ36035">
        <v>73</v>
      </c>
      <c r="AK36035">
        <v>74</v>
      </c>
      <c r="AL36035">
        <v>74</v>
      </c>
      <c r="AM36035">
        <v>75</v>
      </c>
      <c r="AN36035">
        <v>76</v>
      </c>
      <c r="AO36035">
        <v>77</v>
      </c>
      <c r="AP36035">
        <v>77</v>
      </c>
      <c r="AQ36035">
        <v>78</v>
      </c>
    </row>
    <row r="36036" spans="1:43">
      <c r="A36036" t="s">
        <v>22341</v>
      </c>
      <c r="B36036" t="s">
        <v>22342</v>
      </c>
      <c r="C36036" t="s">
        <v>22283</v>
      </c>
      <c r="D36036" t="s">
        <v>22284</v>
      </c>
      <c r="E36036" t="s">
        <v>22205</v>
      </c>
      <c r="F36036" t="s">
        <v>22206</v>
      </c>
      <c r="G36036" t="s">
        <v>20255</v>
      </c>
      <c r="H36036" t="s">
        <v>20256</v>
      </c>
      <c r="I36036" s="2">
        <v>1</v>
      </c>
      <c r="J36036" s="2">
        <v>0</v>
      </c>
      <c r="K36036" s="2">
        <v>0</v>
      </c>
      <c r="L36036" t="s">
        <v>120</v>
      </c>
      <c r="M36036" t="s">
        <v>89</v>
      </c>
      <c r="N36036" t="s">
        <v>90</v>
      </c>
      <c r="O36036" t="s">
        <v>85</v>
      </c>
      <c r="P36036" t="s">
        <v>86</v>
      </c>
      <c r="Q36036">
        <v>61</v>
      </c>
      <c r="R36036">
        <v>63</v>
      </c>
      <c r="S36036">
        <v>64</v>
      </c>
      <c r="T36036">
        <v>66</v>
      </c>
      <c r="U36036">
        <v>68</v>
      </c>
      <c r="V36036">
        <v>69</v>
      </c>
      <c r="W36036">
        <v>71</v>
      </c>
      <c r="X36036">
        <v>73</v>
      </c>
      <c r="Y36036">
        <v>74</v>
      </c>
      <c r="Z36036">
        <v>76</v>
      </c>
      <c r="AA36036">
        <v>77</v>
      </c>
      <c r="AB36036">
        <v>79</v>
      </c>
      <c r="AC36036">
        <v>80</v>
      </c>
      <c r="AD36036">
        <v>82</v>
      </c>
      <c r="AE36036">
        <v>83</v>
      </c>
      <c r="AF36036">
        <v>84</v>
      </c>
      <c r="AG36036">
        <v>84</v>
      </c>
      <c r="AH36036">
        <v>85</v>
      </c>
      <c r="AI36036">
        <v>86</v>
      </c>
      <c r="AJ36036">
        <v>86</v>
      </c>
      <c r="AK36036">
        <v>87</v>
      </c>
      <c r="AL36036">
        <v>87</v>
      </c>
      <c r="AM36036">
        <v>88</v>
      </c>
      <c r="AN36036">
        <v>89</v>
      </c>
      <c r="AO36036">
        <v>89</v>
      </c>
      <c r="AP36036">
        <v>90</v>
      </c>
      <c r="AQ36036">
        <v>90</v>
      </c>
    </row>
    <row r="36037" spans="1:43">
      <c r="A36037" t="s">
        <v>22341</v>
      </c>
      <c r="B36037" t="s">
        <v>22342</v>
      </c>
      <c r="C36037" t="s">
        <v>22283</v>
      </c>
      <c r="D36037" t="s">
        <v>22284</v>
      </c>
      <c r="E36037" t="s">
        <v>22205</v>
      </c>
      <c r="F36037" t="s">
        <v>22206</v>
      </c>
      <c r="G36037" t="s">
        <v>20255</v>
      </c>
      <c r="H36037" t="s">
        <v>20256</v>
      </c>
      <c r="I36037" s="2">
        <v>1</v>
      </c>
      <c r="J36037" s="2">
        <v>0</v>
      </c>
      <c r="K36037" s="2">
        <v>0</v>
      </c>
      <c r="L36037" t="s">
        <v>120</v>
      </c>
      <c r="M36037" t="s">
        <v>83</v>
      </c>
      <c r="N36037" t="s">
        <v>91</v>
      </c>
      <c r="O36037" t="s">
        <v>85</v>
      </c>
      <c r="P36037" t="s">
        <v>86</v>
      </c>
      <c r="Q36037">
        <v>61</v>
      </c>
      <c r="R36037">
        <v>62</v>
      </c>
      <c r="S36037">
        <v>64</v>
      </c>
      <c r="T36037">
        <v>65</v>
      </c>
      <c r="U36037">
        <v>66</v>
      </c>
      <c r="V36037">
        <v>67</v>
      </c>
      <c r="W36037">
        <v>69</v>
      </c>
      <c r="X36037">
        <v>70</v>
      </c>
      <c r="Y36037">
        <v>71</v>
      </c>
      <c r="Z36037">
        <v>72</v>
      </c>
      <c r="AA36037">
        <v>73</v>
      </c>
      <c r="AB36037">
        <v>75</v>
      </c>
      <c r="AC36037">
        <v>76</v>
      </c>
      <c r="AD36037">
        <v>77</v>
      </c>
      <c r="AE36037">
        <v>78</v>
      </c>
      <c r="AF36037">
        <v>80</v>
      </c>
      <c r="AG36037">
        <v>81</v>
      </c>
      <c r="AH36037">
        <v>82</v>
      </c>
      <c r="AI36037">
        <v>84</v>
      </c>
      <c r="AJ36037">
        <v>85</v>
      </c>
      <c r="AK36037">
        <v>87</v>
      </c>
      <c r="AL36037">
        <v>87</v>
      </c>
      <c r="AM36037">
        <v>88</v>
      </c>
      <c r="AN36037">
        <v>89</v>
      </c>
      <c r="AO36037">
        <v>89</v>
      </c>
      <c r="AP36037">
        <v>90</v>
      </c>
      <c r="AQ36037">
        <v>91</v>
      </c>
    </row>
    <row r="36038" spans="1:43">
      <c r="A36038" t="s">
        <v>22343</v>
      </c>
      <c r="B36038" t="s">
        <v>22344</v>
      </c>
      <c r="C36038" t="s">
        <v>22251</v>
      </c>
      <c r="D36038" t="s">
        <v>22252</v>
      </c>
      <c r="E36038" t="s">
        <v>22205</v>
      </c>
      <c r="F36038" t="s">
        <v>22206</v>
      </c>
      <c r="G36038" t="s">
        <v>20255</v>
      </c>
      <c r="H36038" t="s">
        <v>20256</v>
      </c>
      <c r="I36038" s="2">
        <v>1</v>
      </c>
      <c r="J36038" s="2">
        <v>0</v>
      </c>
      <c r="K36038" s="2">
        <v>0</v>
      </c>
      <c r="L36038" t="s">
        <v>120</v>
      </c>
      <c r="M36038" t="s">
        <v>83</v>
      </c>
      <c r="N36038" t="s">
        <v>84</v>
      </c>
      <c r="O36038" t="s">
        <v>85</v>
      </c>
      <c r="P36038" t="s">
        <v>86</v>
      </c>
      <c r="Q36038">
        <v>6</v>
      </c>
      <c r="R36038">
        <v>6</v>
      </c>
      <c r="S36038">
        <v>6</v>
      </c>
      <c r="T36038">
        <v>6</v>
      </c>
      <c r="U36038">
        <v>6</v>
      </c>
      <c r="V36038">
        <v>6</v>
      </c>
      <c r="W36038">
        <v>6</v>
      </c>
      <c r="X36038">
        <v>6</v>
      </c>
      <c r="Y36038">
        <v>6</v>
      </c>
      <c r="Z36038">
        <v>7</v>
      </c>
      <c r="AA36038">
        <v>7</v>
      </c>
      <c r="AB36038">
        <v>7</v>
      </c>
      <c r="AC36038">
        <v>7</v>
      </c>
      <c r="AD36038">
        <v>7</v>
      </c>
      <c r="AE36038">
        <v>7</v>
      </c>
      <c r="AF36038">
        <v>7</v>
      </c>
      <c r="AG36038">
        <v>7</v>
      </c>
      <c r="AH36038">
        <v>7</v>
      </c>
      <c r="AI36038">
        <v>8</v>
      </c>
      <c r="AJ36038">
        <v>8</v>
      </c>
      <c r="AK36038">
        <v>8</v>
      </c>
      <c r="AL36038">
        <v>8</v>
      </c>
      <c r="AM36038">
        <v>8</v>
      </c>
      <c r="AN36038">
        <v>8</v>
      </c>
      <c r="AO36038">
        <v>8</v>
      </c>
      <c r="AP36038">
        <v>8</v>
      </c>
      <c r="AQ36038">
        <v>8</v>
      </c>
    </row>
    <row r="36039" spans="1:43">
      <c r="A36039" t="s">
        <v>22343</v>
      </c>
      <c r="B36039" t="s">
        <v>22344</v>
      </c>
      <c r="C36039" t="s">
        <v>22251</v>
      </c>
      <c r="D36039" t="s">
        <v>22252</v>
      </c>
      <c r="E36039" t="s">
        <v>22205</v>
      </c>
      <c r="F36039" t="s">
        <v>22206</v>
      </c>
      <c r="G36039" t="s">
        <v>20255</v>
      </c>
      <c r="H36039" t="s">
        <v>20256</v>
      </c>
      <c r="I36039" s="2">
        <v>1</v>
      </c>
      <c r="J36039" s="2">
        <v>0</v>
      </c>
      <c r="K36039" s="2">
        <v>0</v>
      </c>
      <c r="L36039" t="s">
        <v>120</v>
      </c>
      <c r="M36039" t="s">
        <v>87</v>
      </c>
      <c r="N36039" t="s">
        <v>88</v>
      </c>
      <c r="O36039" t="s">
        <v>85</v>
      </c>
      <c r="P36039" t="s">
        <v>86</v>
      </c>
      <c r="Q36039">
        <v>6</v>
      </c>
      <c r="R36039">
        <v>7</v>
      </c>
      <c r="S36039">
        <v>7</v>
      </c>
      <c r="T36039">
        <v>7</v>
      </c>
      <c r="U36039">
        <v>7</v>
      </c>
      <c r="V36039">
        <v>7</v>
      </c>
      <c r="W36039">
        <v>7</v>
      </c>
      <c r="X36039">
        <v>7</v>
      </c>
      <c r="Y36039">
        <v>7</v>
      </c>
      <c r="Z36039">
        <v>7</v>
      </c>
      <c r="AA36039">
        <v>7</v>
      </c>
      <c r="AB36039">
        <v>7</v>
      </c>
      <c r="AC36039">
        <v>7</v>
      </c>
      <c r="AD36039">
        <v>7</v>
      </c>
      <c r="AE36039">
        <v>7</v>
      </c>
      <c r="AF36039">
        <v>7</v>
      </c>
      <c r="AG36039">
        <v>7</v>
      </c>
      <c r="AH36039">
        <v>7</v>
      </c>
      <c r="AI36039">
        <v>8</v>
      </c>
      <c r="AJ36039">
        <v>8</v>
      </c>
      <c r="AK36039">
        <v>8</v>
      </c>
      <c r="AL36039">
        <v>8</v>
      </c>
      <c r="AM36039">
        <v>8</v>
      </c>
      <c r="AN36039">
        <v>8</v>
      </c>
      <c r="AO36039">
        <v>8</v>
      </c>
      <c r="AP36039">
        <v>8</v>
      </c>
      <c r="AQ36039">
        <v>8</v>
      </c>
    </row>
    <row r="36040" spans="1:43">
      <c r="A36040" t="s">
        <v>22343</v>
      </c>
      <c r="B36040" t="s">
        <v>22344</v>
      </c>
      <c r="C36040" t="s">
        <v>22251</v>
      </c>
      <c r="D36040" t="s">
        <v>22252</v>
      </c>
      <c r="E36040" t="s">
        <v>22205</v>
      </c>
      <c r="F36040" t="s">
        <v>22206</v>
      </c>
      <c r="G36040" t="s">
        <v>20255</v>
      </c>
      <c r="H36040" t="s">
        <v>20256</v>
      </c>
      <c r="I36040" s="2">
        <v>1</v>
      </c>
      <c r="J36040" s="2">
        <v>0</v>
      </c>
      <c r="K36040" s="2">
        <v>0</v>
      </c>
      <c r="L36040" t="s">
        <v>120</v>
      </c>
      <c r="M36040" t="s">
        <v>89</v>
      </c>
      <c r="N36040" t="s">
        <v>90</v>
      </c>
      <c r="O36040" t="s">
        <v>85</v>
      </c>
      <c r="P36040" t="s">
        <v>86</v>
      </c>
      <c r="Q36040">
        <v>6</v>
      </c>
      <c r="R36040">
        <v>6</v>
      </c>
      <c r="S36040">
        <v>6</v>
      </c>
      <c r="T36040">
        <v>6</v>
      </c>
      <c r="U36040">
        <v>6</v>
      </c>
      <c r="V36040">
        <v>6</v>
      </c>
      <c r="W36040">
        <v>6</v>
      </c>
      <c r="X36040">
        <v>7</v>
      </c>
      <c r="Y36040">
        <v>7</v>
      </c>
      <c r="Z36040">
        <v>7</v>
      </c>
      <c r="AA36040">
        <v>7</v>
      </c>
      <c r="AB36040">
        <v>7</v>
      </c>
      <c r="AC36040">
        <v>7</v>
      </c>
      <c r="AD36040">
        <v>7</v>
      </c>
      <c r="AE36040">
        <v>8</v>
      </c>
      <c r="AF36040">
        <v>8</v>
      </c>
      <c r="AG36040">
        <v>8</v>
      </c>
      <c r="AH36040">
        <v>8</v>
      </c>
      <c r="AI36040">
        <v>8</v>
      </c>
      <c r="AJ36040">
        <v>8</v>
      </c>
      <c r="AK36040">
        <v>8</v>
      </c>
      <c r="AL36040">
        <v>8</v>
      </c>
      <c r="AM36040">
        <v>8</v>
      </c>
      <c r="AN36040">
        <v>8</v>
      </c>
      <c r="AO36040">
        <v>8</v>
      </c>
      <c r="AP36040">
        <v>8</v>
      </c>
      <c r="AQ36040">
        <v>8</v>
      </c>
    </row>
    <row r="36041" spans="1:43">
      <c r="A36041" t="s">
        <v>22343</v>
      </c>
      <c r="B36041" t="s">
        <v>22344</v>
      </c>
      <c r="C36041" t="s">
        <v>22251</v>
      </c>
      <c r="D36041" t="s">
        <v>22252</v>
      </c>
      <c r="E36041" t="s">
        <v>22205</v>
      </c>
      <c r="F36041" t="s">
        <v>22206</v>
      </c>
      <c r="G36041" t="s">
        <v>20255</v>
      </c>
      <c r="H36041" t="s">
        <v>20256</v>
      </c>
      <c r="I36041" s="2">
        <v>1</v>
      </c>
      <c r="J36041" s="2">
        <v>0</v>
      </c>
      <c r="K36041" s="2">
        <v>0</v>
      </c>
      <c r="L36041" t="s">
        <v>120</v>
      </c>
      <c r="M36041" t="s">
        <v>83</v>
      </c>
      <c r="N36041" t="s">
        <v>91</v>
      </c>
      <c r="O36041" t="s">
        <v>85</v>
      </c>
      <c r="P36041" t="s">
        <v>86</v>
      </c>
      <c r="Q36041">
        <v>6</v>
      </c>
      <c r="R36041">
        <v>6</v>
      </c>
      <c r="S36041">
        <v>6</v>
      </c>
      <c r="T36041">
        <v>6</v>
      </c>
      <c r="U36041">
        <v>6</v>
      </c>
      <c r="V36041">
        <v>6</v>
      </c>
      <c r="W36041">
        <v>6</v>
      </c>
      <c r="X36041">
        <v>6</v>
      </c>
      <c r="Y36041">
        <v>6</v>
      </c>
      <c r="Z36041">
        <v>7</v>
      </c>
      <c r="AA36041">
        <v>7</v>
      </c>
      <c r="AB36041">
        <v>7</v>
      </c>
      <c r="AC36041">
        <v>7</v>
      </c>
      <c r="AD36041">
        <v>7</v>
      </c>
      <c r="AE36041">
        <v>7</v>
      </c>
      <c r="AF36041">
        <v>7</v>
      </c>
      <c r="AG36041">
        <v>7</v>
      </c>
      <c r="AH36041">
        <v>7</v>
      </c>
      <c r="AI36041">
        <v>8</v>
      </c>
      <c r="AJ36041">
        <v>8</v>
      </c>
      <c r="AK36041">
        <v>8</v>
      </c>
      <c r="AL36041">
        <v>8</v>
      </c>
      <c r="AM36041">
        <v>8</v>
      </c>
      <c r="AN36041">
        <v>8</v>
      </c>
      <c r="AO36041">
        <v>8</v>
      </c>
      <c r="AP36041">
        <v>8</v>
      </c>
      <c r="AQ36041">
        <v>8</v>
      </c>
    </row>
    <row r="36042" spans="1:43">
      <c r="A36042" t="s">
        <v>22345</v>
      </c>
      <c r="B36042" t="s">
        <v>22346</v>
      </c>
      <c r="C36042" t="s">
        <v>22251</v>
      </c>
      <c r="D36042" t="s">
        <v>22252</v>
      </c>
      <c r="E36042" t="s">
        <v>22205</v>
      </c>
      <c r="F36042" t="s">
        <v>22206</v>
      </c>
      <c r="G36042" t="s">
        <v>20255</v>
      </c>
      <c r="H36042" t="s">
        <v>20256</v>
      </c>
      <c r="I36042" s="2">
        <v>1</v>
      </c>
      <c r="J36042" s="2">
        <v>0</v>
      </c>
      <c r="K36042" s="2">
        <v>0</v>
      </c>
      <c r="L36042" t="s">
        <v>120</v>
      </c>
      <c r="M36042" t="s">
        <v>83</v>
      </c>
      <c r="N36042" t="s">
        <v>84</v>
      </c>
      <c r="O36042" t="s">
        <v>85</v>
      </c>
      <c r="P36042" t="s">
        <v>86</v>
      </c>
      <c r="Q36042">
        <v>14</v>
      </c>
      <c r="R36042">
        <v>14</v>
      </c>
      <c r="S36042">
        <v>15</v>
      </c>
      <c r="T36042">
        <v>15</v>
      </c>
      <c r="U36042">
        <v>15</v>
      </c>
      <c r="V36042">
        <v>15</v>
      </c>
      <c r="W36042">
        <v>16</v>
      </c>
      <c r="X36042">
        <v>16</v>
      </c>
      <c r="Y36042">
        <v>16</v>
      </c>
      <c r="Z36042">
        <v>16</v>
      </c>
      <c r="AA36042">
        <v>17</v>
      </c>
      <c r="AB36042">
        <v>17</v>
      </c>
      <c r="AC36042">
        <v>17</v>
      </c>
      <c r="AD36042">
        <v>18</v>
      </c>
      <c r="AE36042">
        <v>18</v>
      </c>
      <c r="AF36042">
        <v>18</v>
      </c>
      <c r="AG36042">
        <v>18</v>
      </c>
      <c r="AH36042">
        <v>19</v>
      </c>
      <c r="AI36042">
        <v>19</v>
      </c>
      <c r="AJ36042">
        <v>19</v>
      </c>
      <c r="AK36042">
        <v>20</v>
      </c>
      <c r="AL36042">
        <v>20</v>
      </c>
      <c r="AM36042">
        <v>20</v>
      </c>
      <c r="AN36042">
        <v>20</v>
      </c>
      <c r="AO36042">
        <v>20</v>
      </c>
      <c r="AP36042">
        <v>20</v>
      </c>
      <c r="AQ36042">
        <v>21</v>
      </c>
    </row>
    <row r="36043" spans="1:43">
      <c r="A36043" t="s">
        <v>22345</v>
      </c>
      <c r="B36043" t="s">
        <v>22346</v>
      </c>
      <c r="C36043" t="s">
        <v>22251</v>
      </c>
      <c r="D36043" t="s">
        <v>22252</v>
      </c>
      <c r="E36043" t="s">
        <v>22205</v>
      </c>
      <c r="F36043" t="s">
        <v>22206</v>
      </c>
      <c r="G36043" t="s">
        <v>20255</v>
      </c>
      <c r="H36043" t="s">
        <v>20256</v>
      </c>
      <c r="I36043" s="2">
        <v>1</v>
      </c>
      <c r="J36043" s="2">
        <v>0</v>
      </c>
      <c r="K36043" s="2">
        <v>0</v>
      </c>
      <c r="L36043" t="s">
        <v>120</v>
      </c>
      <c r="M36043" t="s">
        <v>87</v>
      </c>
      <c r="N36043" t="s">
        <v>88</v>
      </c>
      <c r="O36043" t="s">
        <v>85</v>
      </c>
      <c r="P36043" t="s">
        <v>86</v>
      </c>
      <c r="Q36043">
        <v>14</v>
      </c>
      <c r="R36043">
        <v>14</v>
      </c>
      <c r="S36043">
        <v>14</v>
      </c>
      <c r="T36043">
        <v>14</v>
      </c>
      <c r="U36043">
        <v>14</v>
      </c>
      <c r="V36043">
        <v>15</v>
      </c>
      <c r="W36043">
        <v>15</v>
      </c>
      <c r="X36043">
        <v>15</v>
      </c>
      <c r="Y36043">
        <v>15</v>
      </c>
      <c r="Z36043">
        <v>15</v>
      </c>
      <c r="AA36043">
        <v>15</v>
      </c>
      <c r="AB36043">
        <v>15</v>
      </c>
      <c r="AC36043">
        <v>16</v>
      </c>
      <c r="AD36043">
        <v>16</v>
      </c>
      <c r="AE36043">
        <v>16</v>
      </c>
      <c r="AF36043">
        <v>16</v>
      </c>
      <c r="AG36043">
        <v>16</v>
      </c>
      <c r="AH36043">
        <v>16</v>
      </c>
      <c r="AI36043">
        <v>16</v>
      </c>
      <c r="AJ36043">
        <v>17</v>
      </c>
      <c r="AK36043">
        <v>17</v>
      </c>
      <c r="AL36043">
        <v>17</v>
      </c>
      <c r="AM36043">
        <v>17</v>
      </c>
      <c r="AN36043">
        <v>17</v>
      </c>
      <c r="AO36043">
        <v>17</v>
      </c>
      <c r="AP36043">
        <v>18</v>
      </c>
      <c r="AQ36043">
        <v>18</v>
      </c>
    </row>
    <row r="36044" spans="1:43">
      <c r="A36044" t="s">
        <v>22345</v>
      </c>
      <c r="B36044" t="s">
        <v>22346</v>
      </c>
      <c r="C36044" t="s">
        <v>22251</v>
      </c>
      <c r="D36044" t="s">
        <v>22252</v>
      </c>
      <c r="E36044" t="s">
        <v>22205</v>
      </c>
      <c r="F36044" t="s">
        <v>22206</v>
      </c>
      <c r="G36044" t="s">
        <v>20255</v>
      </c>
      <c r="H36044" t="s">
        <v>20256</v>
      </c>
      <c r="I36044" s="2">
        <v>1</v>
      </c>
      <c r="J36044" s="2">
        <v>0</v>
      </c>
      <c r="K36044" s="2">
        <v>0</v>
      </c>
      <c r="L36044" t="s">
        <v>120</v>
      </c>
      <c r="M36044" t="s">
        <v>89</v>
      </c>
      <c r="N36044" t="s">
        <v>90</v>
      </c>
      <c r="O36044" t="s">
        <v>85</v>
      </c>
      <c r="P36044" t="s">
        <v>86</v>
      </c>
      <c r="Q36044">
        <v>14</v>
      </c>
      <c r="R36044">
        <v>15</v>
      </c>
      <c r="S36044">
        <v>15</v>
      </c>
      <c r="T36044">
        <v>15</v>
      </c>
      <c r="U36044">
        <v>16</v>
      </c>
      <c r="V36044">
        <v>16</v>
      </c>
      <c r="W36044">
        <v>16</v>
      </c>
      <c r="X36044">
        <v>17</v>
      </c>
      <c r="Y36044">
        <v>17</v>
      </c>
      <c r="Z36044">
        <v>17</v>
      </c>
      <c r="AA36044">
        <v>18</v>
      </c>
      <c r="AB36044">
        <v>18</v>
      </c>
      <c r="AC36044">
        <v>19</v>
      </c>
      <c r="AD36044">
        <v>19</v>
      </c>
      <c r="AE36044">
        <v>19</v>
      </c>
      <c r="AF36044">
        <v>19</v>
      </c>
      <c r="AG36044">
        <v>19</v>
      </c>
      <c r="AH36044">
        <v>20</v>
      </c>
      <c r="AI36044">
        <v>20</v>
      </c>
      <c r="AJ36044">
        <v>20</v>
      </c>
      <c r="AK36044">
        <v>20</v>
      </c>
      <c r="AL36044">
        <v>20</v>
      </c>
      <c r="AM36044">
        <v>20</v>
      </c>
      <c r="AN36044">
        <v>20</v>
      </c>
      <c r="AO36044">
        <v>20</v>
      </c>
      <c r="AP36044">
        <v>21</v>
      </c>
      <c r="AQ36044">
        <v>21</v>
      </c>
    </row>
    <row r="36045" spans="1:43">
      <c r="A36045" t="s">
        <v>22345</v>
      </c>
      <c r="B36045" t="s">
        <v>22346</v>
      </c>
      <c r="C36045" t="s">
        <v>22251</v>
      </c>
      <c r="D36045" t="s">
        <v>22252</v>
      </c>
      <c r="E36045" t="s">
        <v>22205</v>
      </c>
      <c r="F36045" t="s">
        <v>22206</v>
      </c>
      <c r="G36045" t="s">
        <v>20255</v>
      </c>
      <c r="H36045" t="s">
        <v>20256</v>
      </c>
      <c r="I36045" s="2">
        <v>1</v>
      </c>
      <c r="J36045" s="2">
        <v>0</v>
      </c>
      <c r="K36045" s="2">
        <v>0</v>
      </c>
      <c r="L36045" t="s">
        <v>120</v>
      </c>
      <c r="M36045" t="s">
        <v>83</v>
      </c>
      <c r="N36045" t="s">
        <v>91</v>
      </c>
      <c r="O36045" t="s">
        <v>85</v>
      </c>
      <c r="P36045" t="s">
        <v>86</v>
      </c>
      <c r="Q36045">
        <v>14</v>
      </c>
      <c r="R36045">
        <v>14</v>
      </c>
      <c r="S36045">
        <v>15</v>
      </c>
      <c r="T36045">
        <v>15</v>
      </c>
      <c r="U36045">
        <v>15</v>
      </c>
      <c r="V36045">
        <v>15</v>
      </c>
      <c r="W36045">
        <v>16</v>
      </c>
      <c r="X36045">
        <v>16</v>
      </c>
      <c r="Y36045">
        <v>16</v>
      </c>
      <c r="Z36045">
        <v>16</v>
      </c>
      <c r="AA36045">
        <v>17</v>
      </c>
      <c r="AB36045">
        <v>17</v>
      </c>
      <c r="AC36045">
        <v>17</v>
      </c>
      <c r="AD36045">
        <v>18</v>
      </c>
      <c r="AE36045">
        <v>18</v>
      </c>
      <c r="AF36045">
        <v>18</v>
      </c>
      <c r="AG36045">
        <v>18</v>
      </c>
      <c r="AH36045">
        <v>19</v>
      </c>
      <c r="AI36045">
        <v>19</v>
      </c>
      <c r="AJ36045">
        <v>19</v>
      </c>
      <c r="AK36045">
        <v>20</v>
      </c>
      <c r="AL36045">
        <v>20</v>
      </c>
      <c r="AM36045">
        <v>20</v>
      </c>
      <c r="AN36045">
        <v>20</v>
      </c>
      <c r="AO36045">
        <v>20</v>
      </c>
      <c r="AP36045">
        <v>20</v>
      </c>
      <c r="AQ36045">
        <v>21</v>
      </c>
    </row>
    <row r="36046" spans="1:43">
      <c r="A36046" t="s">
        <v>22347</v>
      </c>
      <c r="B36046" t="s">
        <v>22348</v>
      </c>
      <c r="C36046" t="s">
        <v>22251</v>
      </c>
      <c r="D36046" t="s">
        <v>22252</v>
      </c>
      <c r="E36046" t="s">
        <v>22205</v>
      </c>
      <c r="F36046" t="s">
        <v>22206</v>
      </c>
      <c r="G36046" t="s">
        <v>20255</v>
      </c>
      <c r="H36046" t="s">
        <v>20256</v>
      </c>
      <c r="I36046" s="2">
        <v>1</v>
      </c>
      <c r="J36046" s="2">
        <v>0</v>
      </c>
      <c r="K36046" s="2">
        <v>0</v>
      </c>
      <c r="L36046" t="s">
        <v>120</v>
      </c>
      <c r="M36046" t="s">
        <v>83</v>
      </c>
      <c r="N36046" t="s">
        <v>84</v>
      </c>
      <c r="O36046" t="s">
        <v>85</v>
      </c>
      <c r="P36046" t="s">
        <v>86</v>
      </c>
      <c r="Q36046">
        <v>24</v>
      </c>
      <c r="R36046">
        <v>24</v>
      </c>
      <c r="S36046">
        <v>25</v>
      </c>
      <c r="T36046">
        <v>25</v>
      </c>
      <c r="U36046">
        <v>25</v>
      </c>
      <c r="V36046">
        <v>26</v>
      </c>
      <c r="W36046">
        <v>26</v>
      </c>
      <c r="X36046">
        <v>27</v>
      </c>
      <c r="Y36046">
        <v>27</v>
      </c>
      <c r="Z36046">
        <v>28</v>
      </c>
      <c r="AA36046">
        <v>28</v>
      </c>
      <c r="AB36046">
        <v>29</v>
      </c>
      <c r="AC36046">
        <v>29</v>
      </c>
      <c r="AD36046">
        <v>30</v>
      </c>
      <c r="AE36046">
        <v>30</v>
      </c>
      <c r="AF36046">
        <v>31</v>
      </c>
      <c r="AG36046">
        <v>31</v>
      </c>
      <c r="AH36046">
        <v>32</v>
      </c>
      <c r="AI36046">
        <v>32</v>
      </c>
      <c r="AJ36046">
        <v>33</v>
      </c>
      <c r="AK36046">
        <v>33</v>
      </c>
      <c r="AL36046">
        <v>34</v>
      </c>
      <c r="AM36046">
        <v>34</v>
      </c>
      <c r="AN36046">
        <v>34</v>
      </c>
      <c r="AO36046">
        <v>34</v>
      </c>
      <c r="AP36046">
        <v>34</v>
      </c>
      <c r="AQ36046">
        <v>35</v>
      </c>
    </row>
    <row r="36047" spans="1:43">
      <c r="A36047" t="s">
        <v>22347</v>
      </c>
      <c r="B36047" t="s">
        <v>22348</v>
      </c>
      <c r="C36047" t="s">
        <v>22251</v>
      </c>
      <c r="D36047" t="s">
        <v>22252</v>
      </c>
      <c r="E36047" t="s">
        <v>22205</v>
      </c>
      <c r="F36047" t="s">
        <v>22206</v>
      </c>
      <c r="G36047" t="s">
        <v>20255</v>
      </c>
      <c r="H36047" t="s">
        <v>20256</v>
      </c>
      <c r="I36047" s="2">
        <v>1</v>
      </c>
      <c r="J36047" s="2">
        <v>0</v>
      </c>
      <c r="K36047" s="2">
        <v>0</v>
      </c>
      <c r="L36047" t="s">
        <v>120</v>
      </c>
      <c r="M36047" t="s">
        <v>87</v>
      </c>
      <c r="N36047" t="s">
        <v>88</v>
      </c>
      <c r="O36047" t="s">
        <v>85</v>
      </c>
      <c r="P36047" t="s">
        <v>86</v>
      </c>
      <c r="Q36047">
        <v>24</v>
      </c>
      <c r="R36047">
        <v>25</v>
      </c>
      <c r="S36047">
        <v>25</v>
      </c>
      <c r="T36047">
        <v>25</v>
      </c>
      <c r="U36047">
        <v>25</v>
      </c>
      <c r="V36047">
        <v>26</v>
      </c>
      <c r="W36047">
        <v>26</v>
      </c>
      <c r="X36047">
        <v>26</v>
      </c>
      <c r="Y36047">
        <v>26</v>
      </c>
      <c r="Z36047">
        <v>27</v>
      </c>
      <c r="AA36047">
        <v>27</v>
      </c>
      <c r="AB36047">
        <v>27</v>
      </c>
      <c r="AC36047">
        <v>27</v>
      </c>
      <c r="AD36047">
        <v>28</v>
      </c>
      <c r="AE36047">
        <v>28</v>
      </c>
      <c r="AF36047">
        <v>28</v>
      </c>
      <c r="AG36047">
        <v>28</v>
      </c>
      <c r="AH36047">
        <v>29</v>
      </c>
      <c r="AI36047">
        <v>29</v>
      </c>
      <c r="AJ36047">
        <v>29</v>
      </c>
      <c r="AK36047">
        <v>29</v>
      </c>
      <c r="AL36047">
        <v>30</v>
      </c>
      <c r="AM36047">
        <v>30</v>
      </c>
      <c r="AN36047">
        <v>30</v>
      </c>
      <c r="AO36047">
        <v>30</v>
      </c>
      <c r="AP36047">
        <v>31</v>
      </c>
      <c r="AQ36047">
        <v>31</v>
      </c>
    </row>
    <row r="36048" spans="1:43">
      <c r="A36048" t="s">
        <v>22347</v>
      </c>
      <c r="B36048" t="s">
        <v>22348</v>
      </c>
      <c r="C36048" t="s">
        <v>22251</v>
      </c>
      <c r="D36048" t="s">
        <v>22252</v>
      </c>
      <c r="E36048" t="s">
        <v>22205</v>
      </c>
      <c r="F36048" t="s">
        <v>22206</v>
      </c>
      <c r="G36048" t="s">
        <v>20255</v>
      </c>
      <c r="H36048" t="s">
        <v>20256</v>
      </c>
      <c r="I36048" s="2">
        <v>1</v>
      </c>
      <c r="J36048" s="2">
        <v>0</v>
      </c>
      <c r="K36048" s="2">
        <v>0</v>
      </c>
      <c r="L36048" t="s">
        <v>120</v>
      </c>
      <c r="M36048" t="s">
        <v>89</v>
      </c>
      <c r="N36048" t="s">
        <v>90</v>
      </c>
      <c r="O36048" t="s">
        <v>85</v>
      </c>
      <c r="P36048" t="s">
        <v>86</v>
      </c>
      <c r="Q36048">
        <v>24</v>
      </c>
      <c r="R36048">
        <v>25</v>
      </c>
      <c r="S36048">
        <v>25</v>
      </c>
      <c r="T36048">
        <v>26</v>
      </c>
      <c r="U36048">
        <v>26</v>
      </c>
      <c r="V36048">
        <v>27</v>
      </c>
      <c r="W36048">
        <v>28</v>
      </c>
      <c r="X36048">
        <v>28</v>
      </c>
      <c r="Y36048">
        <v>29</v>
      </c>
      <c r="Z36048">
        <v>30</v>
      </c>
      <c r="AA36048">
        <v>30</v>
      </c>
      <c r="AB36048">
        <v>31</v>
      </c>
      <c r="AC36048">
        <v>31</v>
      </c>
      <c r="AD36048">
        <v>32</v>
      </c>
      <c r="AE36048">
        <v>32</v>
      </c>
      <c r="AF36048">
        <v>33</v>
      </c>
      <c r="AG36048">
        <v>33</v>
      </c>
      <c r="AH36048">
        <v>33</v>
      </c>
      <c r="AI36048">
        <v>33</v>
      </c>
      <c r="AJ36048">
        <v>33</v>
      </c>
      <c r="AK36048">
        <v>34</v>
      </c>
      <c r="AL36048">
        <v>34</v>
      </c>
      <c r="AM36048">
        <v>34</v>
      </c>
      <c r="AN36048">
        <v>34</v>
      </c>
      <c r="AO36048">
        <v>34</v>
      </c>
      <c r="AP36048">
        <v>35</v>
      </c>
      <c r="AQ36048">
        <v>35</v>
      </c>
    </row>
    <row r="36049" spans="1:43">
      <c r="A36049" t="s">
        <v>22347</v>
      </c>
      <c r="B36049" t="s">
        <v>22348</v>
      </c>
      <c r="C36049" t="s">
        <v>22251</v>
      </c>
      <c r="D36049" t="s">
        <v>22252</v>
      </c>
      <c r="E36049" t="s">
        <v>22205</v>
      </c>
      <c r="F36049" t="s">
        <v>22206</v>
      </c>
      <c r="G36049" t="s">
        <v>20255</v>
      </c>
      <c r="H36049" t="s">
        <v>20256</v>
      </c>
      <c r="I36049" s="2">
        <v>1</v>
      </c>
      <c r="J36049" s="2">
        <v>0</v>
      </c>
      <c r="K36049" s="2">
        <v>0</v>
      </c>
      <c r="L36049" t="s">
        <v>120</v>
      </c>
      <c r="M36049" t="s">
        <v>83</v>
      </c>
      <c r="N36049" t="s">
        <v>91</v>
      </c>
      <c r="O36049" t="s">
        <v>85</v>
      </c>
      <c r="P36049" t="s">
        <v>86</v>
      </c>
      <c r="Q36049">
        <v>24</v>
      </c>
      <c r="R36049">
        <v>24</v>
      </c>
      <c r="S36049">
        <v>25</v>
      </c>
      <c r="T36049">
        <v>25</v>
      </c>
      <c r="U36049">
        <v>25</v>
      </c>
      <c r="V36049">
        <v>26</v>
      </c>
      <c r="W36049">
        <v>26</v>
      </c>
      <c r="X36049">
        <v>27</v>
      </c>
      <c r="Y36049">
        <v>27</v>
      </c>
      <c r="Z36049">
        <v>28</v>
      </c>
      <c r="AA36049">
        <v>28</v>
      </c>
      <c r="AB36049">
        <v>29</v>
      </c>
      <c r="AC36049">
        <v>29</v>
      </c>
      <c r="AD36049">
        <v>30</v>
      </c>
      <c r="AE36049">
        <v>30</v>
      </c>
      <c r="AF36049">
        <v>31</v>
      </c>
      <c r="AG36049">
        <v>31</v>
      </c>
      <c r="AH36049">
        <v>32</v>
      </c>
      <c r="AI36049">
        <v>32</v>
      </c>
      <c r="AJ36049">
        <v>33</v>
      </c>
      <c r="AK36049">
        <v>33</v>
      </c>
      <c r="AL36049">
        <v>34</v>
      </c>
      <c r="AM36049">
        <v>34</v>
      </c>
      <c r="AN36049">
        <v>34</v>
      </c>
      <c r="AO36049">
        <v>34</v>
      </c>
      <c r="AP36049">
        <v>34</v>
      </c>
      <c r="AQ36049">
        <v>35</v>
      </c>
    </row>
    <row r="36050" spans="1:43">
      <c r="A36050" t="s">
        <v>22349</v>
      </c>
      <c r="B36050" t="s">
        <v>22350</v>
      </c>
      <c r="C36050" t="s">
        <v>22251</v>
      </c>
      <c r="D36050" t="s">
        <v>22252</v>
      </c>
      <c r="E36050" t="s">
        <v>22205</v>
      </c>
      <c r="F36050" t="s">
        <v>22206</v>
      </c>
      <c r="G36050" t="s">
        <v>20255</v>
      </c>
      <c r="H36050" t="s">
        <v>20256</v>
      </c>
      <c r="I36050" s="2">
        <v>1</v>
      </c>
      <c r="J36050" s="2">
        <v>0</v>
      </c>
      <c r="K36050" s="2">
        <v>0</v>
      </c>
      <c r="L36050" t="s">
        <v>120</v>
      </c>
      <c r="M36050" t="s">
        <v>83</v>
      </c>
      <c r="N36050" t="s">
        <v>84</v>
      </c>
      <c r="O36050" t="s">
        <v>85</v>
      </c>
      <c r="P36050" t="s">
        <v>86</v>
      </c>
      <c r="Q36050">
        <v>17</v>
      </c>
      <c r="R36050">
        <v>17</v>
      </c>
      <c r="S36050">
        <v>17</v>
      </c>
      <c r="T36050">
        <v>17</v>
      </c>
      <c r="U36050">
        <v>18</v>
      </c>
      <c r="V36050">
        <v>18</v>
      </c>
      <c r="W36050">
        <v>18</v>
      </c>
      <c r="X36050">
        <v>18</v>
      </c>
      <c r="Y36050">
        <v>18</v>
      </c>
      <c r="Z36050">
        <v>19</v>
      </c>
      <c r="AA36050">
        <v>19</v>
      </c>
      <c r="AB36050">
        <v>19</v>
      </c>
      <c r="AC36050">
        <v>19</v>
      </c>
      <c r="AD36050">
        <v>20</v>
      </c>
      <c r="AE36050">
        <v>20</v>
      </c>
      <c r="AF36050">
        <v>20</v>
      </c>
      <c r="AG36050">
        <v>20</v>
      </c>
      <c r="AH36050">
        <v>20</v>
      </c>
      <c r="AI36050">
        <v>21</v>
      </c>
      <c r="AJ36050">
        <v>21</v>
      </c>
      <c r="AK36050">
        <v>21</v>
      </c>
      <c r="AL36050">
        <v>21</v>
      </c>
      <c r="AM36050">
        <v>21</v>
      </c>
      <c r="AN36050">
        <v>21</v>
      </c>
      <c r="AO36050">
        <v>21</v>
      </c>
      <c r="AP36050">
        <v>21</v>
      </c>
      <c r="AQ36050">
        <v>21</v>
      </c>
    </row>
    <row r="36051" spans="1:43">
      <c r="A36051" t="s">
        <v>22349</v>
      </c>
      <c r="B36051" t="s">
        <v>22350</v>
      </c>
      <c r="C36051" t="s">
        <v>22251</v>
      </c>
      <c r="D36051" t="s">
        <v>22252</v>
      </c>
      <c r="E36051" t="s">
        <v>22205</v>
      </c>
      <c r="F36051" t="s">
        <v>22206</v>
      </c>
      <c r="G36051" t="s">
        <v>20255</v>
      </c>
      <c r="H36051" t="s">
        <v>20256</v>
      </c>
      <c r="I36051" s="2">
        <v>1</v>
      </c>
      <c r="J36051" s="2">
        <v>0</v>
      </c>
      <c r="K36051" s="2">
        <v>0</v>
      </c>
      <c r="L36051" t="s">
        <v>120</v>
      </c>
      <c r="M36051" t="s">
        <v>87</v>
      </c>
      <c r="N36051" t="s">
        <v>88</v>
      </c>
      <c r="O36051" t="s">
        <v>85</v>
      </c>
      <c r="P36051" t="s">
        <v>86</v>
      </c>
      <c r="Q36051">
        <v>17</v>
      </c>
      <c r="R36051">
        <v>17</v>
      </c>
      <c r="S36051">
        <v>17</v>
      </c>
      <c r="T36051">
        <v>17</v>
      </c>
      <c r="U36051">
        <v>17</v>
      </c>
      <c r="V36051">
        <v>17</v>
      </c>
      <c r="W36051">
        <v>17</v>
      </c>
      <c r="X36051">
        <v>17</v>
      </c>
      <c r="Y36051">
        <v>17</v>
      </c>
      <c r="Z36051">
        <v>17</v>
      </c>
      <c r="AA36051">
        <v>17</v>
      </c>
      <c r="AB36051">
        <v>17</v>
      </c>
      <c r="AC36051">
        <v>17</v>
      </c>
      <c r="AD36051">
        <v>17</v>
      </c>
      <c r="AE36051">
        <v>17</v>
      </c>
      <c r="AF36051">
        <v>17</v>
      </c>
      <c r="AG36051">
        <v>18</v>
      </c>
      <c r="AH36051">
        <v>18</v>
      </c>
      <c r="AI36051">
        <v>18</v>
      </c>
      <c r="AJ36051">
        <v>18</v>
      </c>
      <c r="AK36051">
        <v>18</v>
      </c>
      <c r="AL36051">
        <v>18</v>
      </c>
      <c r="AM36051">
        <v>18</v>
      </c>
      <c r="AN36051">
        <v>18</v>
      </c>
      <c r="AO36051">
        <v>18</v>
      </c>
      <c r="AP36051">
        <v>18</v>
      </c>
      <c r="AQ36051">
        <v>18</v>
      </c>
    </row>
    <row r="36052" spans="1:43">
      <c r="A36052" t="s">
        <v>22349</v>
      </c>
      <c r="B36052" t="s">
        <v>22350</v>
      </c>
      <c r="C36052" t="s">
        <v>22251</v>
      </c>
      <c r="D36052" t="s">
        <v>22252</v>
      </c>
      <c r="E36052" t="s">
        <v>22205</v>
      </c>
      <c r="F36052" t="s">
        <v>22206</v>
      </c>
      <c r="G36052" t="s">
        <v>20255</v>
      </c>
      <c r="H36052" t="s">
        <v>20256</v>
      </c>
      <c r="I36052" s="2">
        <v>1</v>
      </c>
      <c r="J36052" s="2">
        <v>0</v>
      </c>
      <c r="K36052" s="2">
        <v>0</v>
      </c>
      <c r="L36052" t="s">
        <v>120</v>
      </c>
      <c r="M36052" t="s">
        <v>89</v>
      </c>
      <c r="N36052" t="s">
        <v>90</v>
      </c>
      <c r="O36052" t="s">
        <v>85</v>
      </c>
      <c r="P36052" t="s">
        <v>86</v>
      </c>
      <c r="Q36052">
        <v>17</v>
      </c>
      <c r="R36052">
        <v>17</v>
      </c>
      <c r="S36052">
        <v>18</v>
      </c>
      <c r="T36052">
        <v>18</v>
      </c>
      <c r="U36052">
        <v>18</v>
      </c>
      <c r="V36052">
        <v>19</v>
      </c>
      <c r="W36052">
        <v>19</v>
      </c>
      <c r="X36052">
        <v>19</v>
      </c>
      <c r="Y36052">
        <v>20</v>
      </c>
      <c r="Z36052">
        <v>20</v>
      </c>
      <c r="AA36052">
        <v>20</v>
      </c>
      <c r="AB36052">
        <v>20</v>
      </c>
      <c r="AC36052">
        <v>21</v>
      </c>
      <c r="AD36052">
        <v>21</v>
      </c>
      <c r="AE36052">
        <v>21</v>
      </c>
      <c r="AF36052">
        <v>21</v>
      </c>
      <c r="AG36052">
        <v>21</v>
      </c>
      <c r="AH36052">
        <v>21</v>
      </c>
      <c r="AI36052">
        <v>21</v>
      </c>
      <c r="AJ36052">
        <v>21</v>
      </c>
      <c r="AK36052">
        <v>21</v>
      </c>
      <c r="AL36052">
        <v>21</v>
      </c>
      <c r="AM36052">
        <v>21</v>
      </c>
      <c r="AN36052">
        <v>21</v>
      </c>
      <c r="AO36052">
        <v>21</v>
      </c>
      <c r="AP36052">
        <v>21</v>
      </c>
      <c r="AQ36052">
        <v>21</v>
      </c>
    </row>
    <row r="36053" spans="1:43">
      <c r="A36053" t="s">
        <v>22349</v>
      </c>
      <c r="B36053" t="s">
        <v>22350</v>
      </c>
      <c r="C36053" t="s">
        <v>22251</v>
      </c>
      <c r="D36053" t="s">
        <v>22252</v>
      </c>
      <c r="E36053" t="s">
        <v>22205</v>
      </c>
      <c r="F36053" t="s">
        <v>22206</v>
      </c>
      <c r="G36053" t="s">
        <v>20255</v>
      </c>
      <c r="H36053" t="s">
        <v>20256</v>
      </c>
      <c r="I36053" s="2">
        <v>1</v>
      </c>
      <c r="J36053" s="2">
        <v>0</v>
      </c>
      <c r="K36053" s="2">
        <v>0</v>
      </c>
      <c r="L36053" t="s">
        <v>120</v>
      </c>
      <c r="M36053" t="s">
        <v>83</v>
      </c>
      <c r="N36053" t="s">
        <v>91</v>
      </c>
      <c r="O36053" t="s">
        <v>85</v>
      </c>
      <c r="P36053" t="s">
        <v>86</v>
      </c>
      <c r="Q36053">
        <v>17</v>
      </c>
      <c r="R36053">
        <v>17</v>
      </c>
      <c r="S36053">
        <v>17</v>
      </c>
      <c r="T36053">
        <v>17</v>
      </c>
      <c r="U36053">
        <v>18</v>
      </c>
      <c r="V36053">
        <v>18</v>
      </c>
      <c r="W36053">
        <v>18</v>
      </c>
      <c r="X36053">
        <v>18</v>
      </c>
      <c r="Y36053">
        <v>18</v>
      </c>
      <c r="Z36053">
        <v>19</v>
      </c>
      <c r="AA36053">
        <v>19</v>
      </c>
      <c r="AB36053">
        <v>19</v>
      </c>
      <c r="AC36053">
        <v>19</v>
      </c>
      <c r="AD36053">
        <v>20</v>
      </c>
      <c r="AE36053">
        <v>20</v>
      </c>
      <c r="AF36053">
        <v>20</v>
      </c>
      <c r="AG36053">
        <v>20</v>
      </c>
      <c r="AH36053">
        <v>20</v>
      </c>
      <c r="AI36053">
        <v>21</v>
      </c>
      <c r="AJ36053">
        <v>21</v>
      </c>
      <c r="AK36053">
        <v>21</v>
      </c>
      <c r="AL36053">
        <v>21</v>
      </c>
      <c r="AM36053">
        <v>21</v>
      </c>
      <c r="AN36053">
        <v>21</v>
      </c>
      <c r="AO36053">
        <v>21</v>
      </c>
      <c r="AP36053">
        <v>21</v>
      </c>
      <c r="AQ36053">
        <v>21</v>
      </c>
    </row>
    <row r="36054" spans="1:43">
      <c r="A36054" t="s">
        <v>22351</v>
      </c>
      <c r="B36054" t="s">
        <v>22352</v>
      </c>
      <c r="C36054" t="s">
        <v>22251</v>
      </c>
      <c r="D36054" t="s">
        <v>22252</v>
      </c>
      <c r="E36054" t="s">
        <v>22205</v>
      </c>
      <c r="F36054" t="s">
        <v>22206</v>
      </c>
      <c r="G36054" t="s">
        <v>20255</v>
      </c>
      <c r="H36054" t="s">
        <v>20256</v>
      </c>
      <c r="I36054" s="2">
        <v>1</v>
      </c>
      <c r="J36054" s="2">
        <v>0</v>
      </c>
      <c r="K36054" s="2">
        <v>0</v>
      </c>
      <c r="L36054" t="s">
        <v>120</v>
      </c>
      <c r="M36054" t="s">
        <v>83</v>
      </c>
      <c r="N36054" t="s">
        <v>84</v>
      </c>
      <c r="O36054" t="s">
        <v>85</v>
      </c>
      <c r="P36054" t="s">
        <v>86</v>
      </c>
      <c r="Q36054">
        <v>18</v>
      </c>
      <c r="R36054">
        <v>19</v>
      </c>
      <c r="S36054">
        <v>19</v>
      </c>
      <c r="T36054">
        <v>20</v>
      </c>
      <c r="U36054">
        <v>20</v>
      </c>
      <c r="V36054">
        <v>20</v>
      </c>
      <c r="W36054">
        <v>21</v>
      </c>
      <c r="X36054">
        <v>21</v>
      </c>
      <c r="Y36054">
        <v>21</v>
      </c>
      <c r="Z36054">
        <v>22</v>
      </c>
      <c r="AA36054">
        <v>22</v>
      </c>
      <c r="AB36054">
        <v>23</v>
      </c>
      <c r="AC36054">
        <v>23</v>
      </c>
      <c r="AD36054">
        <v>23</v>
      </c>
      <c r="AE36054">
        <v>24</v>
      </c>
      <c r="AF36054">
        <v>24</v>
      </c>
      <c r="AG36054">
        <v>24</v>
      </c>
      <c r="AH36054">
        <v>25</v>
      </c>
      <c r="AI36054">
        <v>25</v>
      </c>
      <c r="AJ36054">
        <v>26</v>
      </c>
      <c r="AK36054">
        <v>26</v>
      </c>
      <c r="AL36054">
        <v>26</v>
      </c>
      <c r="AM36054">
        <v>26</v>
      </c>
      <c r="AN36054">
        <v>27</v>
      </c>
      <c r="AO36054">
        <v>27</v>
      </c>
      <c r="AP36054">
        <v>27</v>
      </c>
      <c r="AQ36054">
        <v>27</v>
      </c>
    </row>
    <row r="36055" spans="1:43">
      <c r="A36055" t="s">
        <v>22351</v>
      </c>
      <c r="B36055" t="s">
        <v>22352</v>
      </c>
      <c r="C36055" t="s">
        <v>22251</v>
      </c>
      <c r="D36055" t="s">
        <v>22252</v>
      </c>
      <c r="E36055" t="s">
        <v>22205</v>
      </c>
      <c r="F36055" t="s">
        <v>22206</v>
      </c>
      <c r="G36055" t="s">
        <v>20255</v>
      </c>
      <c r="H36055" t="s">
        <v>20256</v>
      </c>
      <c r="I36055" s="2">
        <v>1</v>
      </c>
      <c r="J36055" s="2">
        <v>0</v>
      </c>
      <c r="K36055" s="2">
        <v>0</v>
      </c>
      <c r="L36055" t="s">
        <v>120</v>
      </c>
      <c r="M36055" t="s">
        <v>87</v>
      </c>
      <c r="N36055" t="s">
        <v>88</v>
      </c>
      <c r="O36055" t="s">
        <v>85</v>
      </c>
      <c r="P36055" t="s">
        <v>86</v>
      </c>
      <c r="Q36055">
        <v>18</v>
      </c>
      <c r="R36055">
        <v>19</v>
      </c>
      <c r="S36055">
        <v>19</v>
      </c>
      <c r="T36055">
        <v>19</v>
      </c>
      <c r="U36055">
        <v>19</v>
      </c>
      <c r="V36055">
        <v>19</v>
      </c>
      <c r="W36055">
        <v>19</v>
      </c>
      <c r="X36055">
        <v>20</v>
      </c>
      <c r="Y36055">
        <v>20</v>
      </c>
      <c r="Z36055">
        <v>20</v>
      </c>
      <c r="AA36055">
        <v>20</v>
      </c>
      <c r="AB36055">
        <v>20</v>
      </c>
      <c r="AC36055">
        <v>21</v>
      </c>
      <c r="AD36055">
        <v>21</v>
      </c>
      <c r="AE36055">
        <v>21</v>
      </c>
      <c r="AF36055">
        <v>21</v>
      </c>
      <c r="AG36055">
        <v>21</v>
      </c>
      <c r="AH36055">
        <v>22</v>
      </c>
      <c r="AI36055">
        <v>22</v>
      </c>
      <c r="AJ36055">
        <v>22</v>
      </c>
      <c r="AK36055">
        <v>22</v>
      </c>
      <c r="AL36055">
        <v>22</v>
      </c>
      <c r="AM36055">
        <v>23</v>
      </c>
      <c r="AN36055">
        <v>23</v>
      </c>
      <c r="AO36055">
        <v>23</v>
      </c>
      <c r="AP36055">
        <v>23</v>
      </c>
      <c r="AQ36055">
        <v>24</v>
      </c>
    </row>
    <row r="36056" spans="1:43">
      <c r="A36056" t="s">
        <v>22351</v>
      </c>
      <c r="B36056" t="s">
        <v>22352</v>
      </c>
      <c r="C36056" t="s">
        <v>22251</v>
      </c>
      <c r="D36056" t="s">
        <v>22252</v>
      </c>
      <c r="E36056" t="s">
        <v>22205</v>
      </c>
      <c r="F36056" t="s">
        <v>22206</v>
      </c>
      <c r="G36056" t="s">
        <v>20255</v>
      </c>
      <c r="H36056" t="s">
        <v>20256</v>
      </c>
      <c r="I36056" s="2">
        <v>1</v>
      </c>
      <c r="J36056" s="2">
        <v>0</v>
      </c>
      <c r="K36056" s="2">
        <v>0</v>
      </c>
      <c r="L36056" t="s">
        <v>120</v>
      </c>
      <c r="M36056" t="s">
        <v>89</v>
      </c>
      <c r="N36056" t="s">
        <v>90</v>
      </c>
      <c r="O36056" t="s">
        <v>85</v>
      </c>
      <c r="P36056" t="s">
        <v>86</v>
      </c>
      <c r="Q36056">
        <v>18</v>
      </c>
      <c r="R36056">
        <v>18</v>
      </c>
      <c r="S36056">
        <v>19</v>
      </c>
      <c r="T36056">
        <v>19</v>
      </c>
      <c r="U36056">
        <v>20</v>
      </c>
      <c r="V36056">
        <v>20</v>
      </c>
      <c r="W36056">
        <v>21</v>
      </c>
      <c r="X36056">
        <v>21</v>
      </c>
      <c r="Y36056">
        <v>22</v>
      </c>
      <c r="Z36056">
        <v>22</v>
      </c>
      <c r="AA36056">
        <v>23</v>
      </c>
      <c r="AB36056">
        <v>23</v>
      </c>
      <c r="AC36056">
        <v>24</v>
      </c>
      <c r="AD36056">
        <v>24</v>
      </c>
      <c r="AE36056">
        <v>24</v>
      </c>
      <c r="AF36056">
        <v>25</v>
      </c>
      <c r="AG36056">
        <v>25</v>
      </c>
      <c r="AH36056">
        <v>25</v>
      </c>
      <c r="AI36056">
        <v>25</v>
      </c>
      <c r="AJ36056">
        <v>25</v>
      </c>
      <c r="AK36056">
        <v>25</v>
      </c>
      <c r="AL36056">
        <v>26</v>
      </c>
      <c r="AM36056">
        <v>26</v>
      </c>
      <c r="AN36056">
        <v>26</v>
      </c>
      <c r="AO36056">
        <v>26</v>
      </c>
      <c r="AP36056">
        <v>26</v>
      </c>
      <c r="AQ36056">
        <v>26</v>
      </c>
    </row>
    <row r="36057" spans="1:43">
      <c r="A36057" t="s">
        <v>22351</v>
      </c>
      <c r="B36057" t="s">
        <v>22352</v>
      </c>
      <c r="C36057" t="s">
        <v>22251</v>
      </c>
      <c r="D36057" t="s">
        <v>22252</v>
      </c>
      <c r="E36057" t="s">
        <v>22205</v>
      </c>
      <c r="F36057" t="s">
        <v>22206</v>
      </c>
      <c r="G36057" t="s">
        <v>20255</v>
      </c>
      <c r="H36057" t="s">
        <v>20256</v>
      </c>
      <c r="I36057" s="2">
        <v>1</v>
      </c>
      <c r="J36057" s="2">
        <v>0</v>
      </c>
      <c r="K36057" s="2">
        <v>0</v>
      </c>
      <c r="L36057" t="s">
        <v>120</v>
      </c>
      <c r="M36057" t="s">
        <v>83</v>
      </c>
      <c r="N36057" t="s">
        <v>91</v>
      </c>
      <c r="O36057" t="s">
        <v>85</v>
      </c>
      <c r="P36057" t="s">
        <v>86</v>
      </c>
      <c r="Q36057">
        <v>18</v>
      </c>
      <c r="R36057">
        <v>19</v>
      </c>
      <c r="S36057">
        <v>19</v>
      </c>
      <c r="T36057">
        <v>20</v>
      </c>
      <c r="U36057">
        <v>20</v>
      </c>
      <c r="V36057">
        <v>20</v>
      </c>
      <c r="W36057">
        <v>21</v>
      </c>
      <c r="X36057">
        <v>21</v>
      </c>
      <c r="Y36057">
        <v>21</v>
      </c>
      <c r="Z36057">
        <v>22</v>
      </c>
      <c r="AA36057">
        <v>22</v>
      </c>
      <c r="AB36057">
        <v>23</v>
      </c>
      <c r="AC36057">
        <v>23</v>
      </c>
      <c r="AD36057">
        <v>23</v>
      </c>
      <c r="AE36057">
        <v>24</v>
      </c>
      <c r="AF36057">
        <v>24</v>
      </c>
      <c r="AG36057">
        <v>24</v>
      </c>
      <c r="AH36057">
        <v>25</v>
      </c>
      <c r="AI36057">
        <v>25</v>
      </c>
      <c r="AJ36057">
        <v>26</v>
      </c>
      <c r="AK36057">
        <v>26</v>
      </c>
      <c r="AL36057">
        <v>26</v>
      </c>
      <c r="AM36057">
        <v>26</v>
      </c>
      <c r="AN36057">
        <v>27</v>
      </c>
      <c r="AO36057">
        <v>27</v>
      </c>
      <c r="AP36057">
        <v>27</v>
      </c>
      <c r="AQ36057">
        <v>27</v>
      </c>
    </row>
    <row r="36058" spans="1:43">
      <c r="A36058" t="s">
        <v>22353</v>
      </c>
      <c r="B36058" t="s">
        <v>22354</v>
      </c>
      <c r="C36058" t="s">
        <v>22321</v>
      </c>
      <c r="D36058" t="s">
        <v>22322</v>
      </c>
      <c r="E36058" t="s">
        <v>22205</v>
      </c>
      <c r="F36058" t="s">
        <v>22206</v>
      </c>
      <c r="G36058" t="s">
        <v>20255</v>
      </c>
      <c r="H36058" t="s">
        <v>20256</v>
      </c>
      <c r="I36058" s="2">
        <v>1</v>
      </c>
      <c r="J36058" s="2">
        <v>0</v>
      </c>
      <c r="K36058" s="2">
        <v>0</v>
      </c>
      <c r="L36058" t="s">
        <v>120</v>
      </c>
      <c r="M36058" t="s">
        <v>83</v>
      </c>
      <c r="N36058" t="s">
        <v>84</v>
      </c>
      <c r="O36058" t="s">
        <v>85</v>
      </c>
      <c r="P36058" t="s">
        <v>86</v>
      </c>
      <c r="Q36058">
        <v>58</v>
      </c>
      <c r="R36058">
        <v>59</v>
      </c>
      <c r="S36058">
        <v>60</v>
      </c>
      <c r="T36058">
        <v>62</v>
      </c>
      <c r="U36058">
        <v>63</v>
      </c>
      <c r="V36058">
        <v>64</v>
      </c>
      <c r="W36058">
        <v>65</v>
      </c>
      <c r="X36058">
        <v>66</v>
      </c>
      <c r="Y36058">
        <v>67</v>
      </c>
      <c r="Z36058">
        <v>68</v>
      </c>
      <c r="AA36058">
        <v>69</v>
      </c>
      <c r="AB36058">
        <v>71</v>
      </c>
      <c r="AC36058">
        <v>72</v>
      </c>
      <c r="AD36058">
        <v>73</v>
      </c>
      <c r="AE36058">
        <v>74</v>
      </c>
      <c r="AF36058">
        <v>75</v>
      </c>
      <c r="AG36058">
        <v>76</v>
      </c>
      <c r="AH36058">
        <v>78</v>
      </c>
      <c r="AI36058">
        <v>79</v>
      </c>
      <c r="AJ36058">
        <v>80</v>
      </c>
      <c r="AK36058">
        <v>81</v>
      </c>
      <c r="AL36058">
        <v>82</v>
      </c>
      <c r="AM36058">
        <v>83</v>
      </c>
      <c r="AN36058">
        <v>83</v>
      </c>
      <c r="AO36058">
        <v>84</v>
      </c>
      <c r="AP36058">
        <v>84</v>
      </c>
      <c r="AQ36058">
        <v>85</v>
      </c>
    </row>
    <row r="36059" spans="1:43">
      <c r="A36059" t="s">
        <v>22353</v>
      </c>
      <c r="B36059" t="s">
        <v>22354</v>
      </c>
      <c r="C36059" t="s">
        <v>22321</v>
      </c>
      <c r="D36059" t="s">
        <v>22322</v>
      </c>
      <c r="E36059" t="s">
        <v>22205</v>
      </c>
      <c r="F36059" t="s">
        <v>22206</v>
      </c>
      <c r="G36059" t="s">
        <v>20255</v>
      </c>
      <c r="H36059" t="s">
        <v>20256</v>
      </c>
      <c r="I36059" s="2">
        <v>1</v>
      </c>
      <c r="J36059" s="2">
        <v>0</v>
      </c>
      <c r="K36059" s="2">
        <v>0</v>
      </c>
      <c r="L36059" t="s">
        <v>120</v>
      </c>
      <c r="M36059" t="s">
        <v>87</v>
      </c>
      <c r="N36059" t="s">
        <v>88</v>
      </c>
      <c r="O36059" t="s">
        <v>85</v>
      </c>
      <c r="P36059" t="s">
        <v>86</v>
      </c>
      <c r="Q36059">
        <v>58</v>
      </c>
      <c r="R36059">
        <v>58</v>
      </c>
      <c r="S36059">
        <v>59</v>
      </c>
      <c r="T36059">
        <v>59</v>
      </c>
      <c r="U36059">
        <v>60</v>
      </c>
      <c r="V36059">
        <v>60</v>
      </c>
      <c r="W36059">
        <v>61</v>
      </c>
      <c r="X36059">
        <v>62</v>
      </c>
      <c r="Y36059">
        <v>62</v>
      </c>
      <c r="Z36059">
        <v>63</v>
      </c>
      <c r="AA36059">
        <v>63</v>
      </c>
      <c r="AB36059">
        <v>64</v>
      </c>
      <c r="AC36059">
        <v>64</v>
      </c>
      <c r="AD36059">
        <v>65</v>
      </c>
      <c r="AE36059">
        <v>66</v>
      </c>
      <c r="AF36059">
        <v>66</v>
      </c>
      <c r="AG36059">
        <v>67</v>
      </c>
      <c r="AH36059">
        <v>67</v>
      </c>
      <c r="AI36059">
        <v>68</v>
      </c>
      <c r="AJ36059">
        <v>69</v>
      </c>
      <c r="AK36059">
        <v>69</v>
      </c>
      <c r="AL36059">
        <v>70</v>
      </c>
      <c r="AM36059">
        <v>71</v>
      </c>
      <c r="AN36059">
        <v>71</v>
      </c>
      <c r="AO36059">
        <v>72</v>
      </c>
      <c r="AP36059">
        <v>73</v>
      </c>
      <c r="AQ36059">
        <v>73</v>
      </c>
    </row>
    <row r="36060" spans="1:43">
      <c r="A36060" t="s">
        <v>22353</v>
      </c>
      <c r="B36060" t="s">
        <v>22354</v>
      </c>
      <c r="C36060" t="s">
        <v>22321</v>
      </c>
      <c r="D36060" t="s">
        <v>22322</v>
      </c>
      <c r="E36060" t="s">
        <v>22205</v>
      </c>
      <c r="F36060" t="s">
        <v>22206</v>
      </c>
      <c r="G36060" t="s">
        <v>20255</v>
      </c>
      <c r="H36060" t="s">
        <v>20256</v>
      </c>
      <c r="I36060" s="2">
        <v>1</v>
      </c>
      <c r="J36060" s="2">
        <v>0</v>
      </c>
      <c r="K36060" s="2">
        <v>0</v>
      </c>
      <c r="L36060" t="s">
        <v>120</v>
      </c>
      <c r="M36060" t="s">
        <v>89</v>
      </c>
      <c r="N36060" t="s">
        <v>90</v>
      </c>
      <c r="O36060" t="s">
        <v>85</v>
      </c>
      <c r="P36060" t="s">
        <v>86</v>
      </c>
      <c r="Q36060">
        <v>58</v>
      </c>
      <c r="R36060">
        <v>59</v>
      </c>
      <c r="S36060">
        <v>61</v>
      </c>
      <c r="T36060">
        <v>63</v>
      </c>
      <c r="U36060">
        <v>64</v>
      </c>
      <c r="V36060">
        <v>66</v>
      </c>
      <c r="W36060">
        <v>67</v>
      </c>
      <c r="X36060">
        <v>69</v>
      </c>
      <c r="Y36060">
        <v>70</v>
      </c>
      <c r="Z36060">
        <v>72</v>
      </c>
      <c r="AA36060">
        <v>73</v>
      </c>
      <c r="AB36060">
        <v>74</v>
      </c>
      <c r="AC36060">
        <v>76</v>
      </c>
      <c r="AD36060">
        <v>77</v>
      </c>
      <c r="AE36060">
        <v>79</v>
      </c>
      <c r="AF36060">
        <v>79</v>
      </c>
      <c r="AG36060">
        <v>80</v>
      </c>
      <c r="AH36060">
        <v>80</v>
      </c>
      <c r="AI36060">
        <v>81</v>
      </c>
      <c r="AJ36060">
        <v>81</v>
      </c>
      <c r="AK36060">
        <v>82</v>
      </c>
      <c r="AL36060">
        <v>82</v>
      </c>
      <c r="AM36060">
        <v>83</v>
      </c>
      <c r="AN36060">
        <v>83</v>
      </c>
      <c r="AO36060">
        <v>84</v>
      </c>
      <c r="AP36060">
        <v>84</v>
      </c>
      <c r="AQ36060">
        <v>85</v>
      </c>
    </row>
    <row r="36061" spans="1:43">
      <c r="A36061" t="s">
        <v>22353</v>
      </c>
      <c r="B36061" t="s">
        <v>22354</v>
      </c>
      <c r="C36061" t="s">
        <v>22321</v>
      </c>
      <c r="D36061" t="s">
        <v>22322</v>
      </c>
      <c r="E36061" t="s">
        <v>22205</v>
      </c>
      <c r="F36061" t="s">
        <v>22206</v>
      </c>
      <c r="G36061" t="s">
        <v>20255</v>
      </c>
      <c r="H36061" t="s">
        <v>20256</v>
      </c>
      <c r="I36061" s="2">
        <v>1</v>
      </c>
      <c r="J36061" s="2">
        <v>0</v>
      </c>
      <c r="K36061" s="2">
        <v>0</v>
      </c>
      <c r="L36061" t="s">
        <v>120</v>
      </c>
      <c r="M36061" t="s">
        <v>83</v>
      </c>
      <c r="N36061" t="s">
        <v>91</v>
      </c>
      <c r="O36061" t="s">
        <v>85</v>
      </c>
      <c r="P36061" t="s">
        <v>86</v>
      </c>
      <c r="Q36061">
        <v>58</v>
      </c>
      <c r="R36061">
        <v>59</v>
      </c>
      <c r="S36061">
        <v>60</v>
      </c>
      <c r="T36061">
        <v>62</v>
      </c>
      <c r="U36061">
        <v>63</v>
      </c>
      <c r="V36061">
        <v>64</v>
      </c>
      <c r="W36061">
        <v>65</v>
      </c>
      <c r="X36061">
        <v>66</v>
      </c>
      <c r="Y36061">
        <v>67</v>
      </c>
      <c r="Z36061">
        <v>68</v>
      </c>
      <c r="AA36061">
        <v>69</v>
      </c>
      <c r="AB36061">
        <v>71</v>
      </c>
      <c r="AC36061">
        <v>72</v>
      </c>
      <c r="AD36061">
        <v>73</v>
      </c>
      <c r="AE36061">
        <v>74</v>
      </c>
      <c r="AF36061">
        <v>75</v>
      </c>
      <c r="AG36061">
        <v>76</v>
      </c>
      <c r="AH36061">
        <v>78</v>
      </c>
      <c r="AI36061">
        <v>79</v>
      </c>
      <c r="AJ36061">
        <v>80</v>
      </c>
      <c r="AK36061">
        <v>81</v>
      </c>
      <c r="AL36061">
        <v>82</v>
      </c>
      <c r="AM36061">
        <v>83</v>
      </c>
      <c r="AN36061">
        <v>83</v>
      </c>
      <c r="AO36061">
        <v>84</v>
      </c>
      <c r="AP36061">
        <v>84</v>
      </c>
      <c r="AQ36061">
        <v>85</v>
      </c>
    </row>
    <row r="36062" spans="1:43">
      <c r="A36062" t="s">
        <v>22355</v>
      </c>
      <c r="B36062" t="s">
        <v>22356</v>
      </c>
      <c r="C36062" t="s">
        <v>22299</v>
      </c>
      <c r="D36062" t="s">
        <v>22300</v>
      </c>
      <c r="E36062" t="s">
        <v>22205</v>
      </c>
      <c r="F36062" t="s">
        <v>22206</v>
      </c>
      <c r="G36062" t="s">
        <v>20255</v>
      </c>
      <c r="H36062" t="s">
        <v>20256</v>
      </c>
      <c r="I36062" s="2">
        <v>1</v>
      </c>
      <c r="J36062" s="2">
        <v>0</v>
      </c>
      <c r="K36062" s="2">
        <v>0</v>
      </c>
      <c r="L36062" t="s">
        <v>120</v>
      </c>
      <c r="M36062" t="s">
        <v>83</v>
      </c>
      <c r="N36062" t="s">
        <v>84</v>
      </c>
      <c r="O36062" t="s">
        <v>85</v>
      </c>
      <c r="P36062" t="s">
        <v>86</v>
      </c>
      <c r="Q36062">
        <v>37</v>
      </c>
      <c r="R36062">
        <v>38</v>
      </c>
      <c r="S36062">
        <v>39</v>
      </c>
      <c r="T36062">
        <v>40</v>
      </c>
      <c r="U36062">
        <v>40</v>
      </c>
      <c r="V36062">
        <v>41</v>
      </c>
      <c r="W36062">
        <v>42</v>
      </c>
      <c r="X36062">
        <v>43</v>
      </c>
      <c r="Y36062">
        <v>43</v>
      </c>
      <c r="Z36062">
        <v>44</v>
      </c>
      <c r="AA36062">
        <v>45</v>
      </c>
      <c r="AB36062">
        <v>46</v>
      </c>
      <c r="AC36062">
        <v>46</v>
      </c>
      <c r="AD36062">
        <v>47</v>
      </c>
      <c r="AE36062">
        <v>48</v>
      </c>
      <c r="AF36062">
        <v>49</v>
      </c>
      <c r="AG36062">
        <v>49</v>
      </c>
      <c r="AH36062">
        <v>50</v>
      </c>
      <c r="AI36062">
        <v>51</v>
      </c>
      <c r="AJ36062">
        <v>52</v>
      </c>
      <c r="AK36062">
        <v>53</v>
      </c>
      <c r="AL36062">
        <v>53</v>
      </c>
      <c r="AM36062">
        <v>54</v>
      </c>
      <c r="AN36062">
        <v>54</v>
      </c>
      <c r="AO36062">
        <v>54</v>
      </c>
      <c r="AP36062">
        <v>55</v>
      </c>
      <c r="AQ36062">
        <v>55</v>
      </c>
    </row>
    <row r="36063" spans="1:43">
      <c r="A36063" t="s">
        <v>22355</v>
      </c>
      <c r="B36063" t="s">
        <v>22356</v>
      </c>
      <c r="C36063" t="s">
        <v>22299</v>
      </c>
      <c r="D36063" t="s">
        <v>22300</v>
      </c>
      <c r="E36063" t="s">
        <v>22205</v>
      </c>
      <c r="F36063" t="s">
        <v>22206</v>
      </c>
      <c r="G36063" t="s">
        <v>20255</v>
      </c>
      <c r="H36063" t="s">
        <v>20256</v>
      </c>
      <c r="I36063" s="2">
        <v>1</v>
      </c>
      <c r="J36063" s="2">
        <v>0</v>
      </c>
      <c r="K36063" s="2">
        <v>0</v>
      </c>
      <c r="L36063" t="s">
        <v>120</v>
      </c>
      <c r="M36063" t="s">
        <v>87</v>
      </c>
      <c r="N36063" t="s">
        <v>88</v>
      </c>
      <c r="O36063" t="s">
        <v>85</v>
      </c>
      <c r="P36063" t="s">
        <v>86</v>
      </c>
      <c r="Q36063">
        <v>37</v>
      </c>
      <c r="R36063">
        <v>37</v>
      </c>
      <c r="S36063">
        <v>38</v>
      </c>
      <c r="T36063">
        <v>38</v>
      </c>
      <c r="U36063">
        <v>39</v>
      </c>
      <c r="V36063">
        <v>39</v>
      </c>
      <c r="W36063">
        <v>39</v>
      </c>
      <c r="X36063">
        <v>40</v>
      </c>
      <c r="Y36063">
        <v>40</v>
      </c>
      <c r="Z36063">
        <v>40</v>
      </c>
      <c r="AA36063">
        <v>41</v>
      </c>
      <c r="AB36063">
        <v>41</v>
      </c>
      <c r="AC36063">
        <v>42</v>
      </c>
      <c r="AD36063">
        <v>42</v>
      </c>
      <c r="AE36063">
        <v>42</v>
      </c>
      <c r="AF36063">
        <v>43</v>
      </c>
      <c r="AG36063">
        <v>43</v>
      </c>
      <c r="AH36063">
        <v>44</v>
      </c>
      <c r="AI36063">
        <v>44</v>
      </c>
      <c r="AJ36063">
        <v>45</v>
      </c>
      <c r="AK36063">
        <v>45</v>
      </c>
      <c r="AL36063">
        <v>45</v>
      </c>
      <c r="AM36063">
        <v>46</v>
      </c>
      <c r="AN36063">
        <v>46</v>
      </c>
      <c r="AO36063">
        <v>47</v>
      </c>
      <c r="AP36063">
        <v>47</v>
      </c>
      <c r="AQ36063">
        <v>48</v>
      </c>
    </row>
    <row r="36064" spans="1:43">
      <c r="A36064" t="s">
        <v>22355</v>
      </c>
      <c r="B36064" t="s">
        <v>22356</v>
      </c>
      <c r="C36064" t="s">
        <v>22299</v>
      </c>
      <c r="D36064" t="s">
        <v>22300</v>
      </c>
      <c r="E36064" t="s">
        <v>22205</v>
      </c>
      <c r="F36064" t="s">
        <v>22206</v>
      </c>
      <c r="G36064" t="s">
        <v>20255</v>
      </c>
      <c r="H36064" t="s">
        <v>20256</v>
      </c>
      <c r="I36064" s="2">
        <v>1</v>
      </c>
      <c r="J36064" s="2">
        <v>0</v>
      </c>
      <c r="K36064" s="2">
        <v>0</v>
      </c>
      <c r="L36064" t="s">
        <v>120</v>
      </c>
      <c r="M36064" t="s">
        <v>89</v>
      </c>
      <c r="N36064" t="s">
        <v>90</v>
      </c>
      <c r="O36064" t="s">
        <v>85</v>
      </c>
      <c r="P36064" t="s">
        <v>86</v>
      </c>
      <c r="Q36064">
        <v>37</v>
      </c>
      <c r="R36064">
        <v>38</v>
      </c>
      <c r="S36064">
        <v>39</v>
      </c>
      <c r="T36064">
        <v>40</v>
      </c>
      <c r="U36064">
        <v>41</v>
      </c>
      <c r="V36064">
        <v>42</v>
      </c>
      <c r="W36064">
        <v>43</v>
      </c>
      <c r="X36064">
        <v>44</v>
      </c>
      <c r="Y36064">
        <v>45</v>
      </c>
      <c r="Z36064">
        <v>46</v>
      </c>
      <c r="AA36064">
        <v>47</v>
      </c>
      <c r="AB36064">
        <v>48</v>
      </c>
      <c r="AC36064">
        <v>49</v>
      </c>
      <c r="AD36064">
        <v>50</v>
      </c>
      <c r="AE36064">
        <v>50</v>
      </c>
      <c r="AF36064">
        <v>51</v>
      </c>
      <c r="AG36064">
        <v>51</v>
      </c>
      <c r="AH36064">
        <v>51</v>
      </c>
      <c r="AI36064">
        <v>52</v>
      </c>
      <c r="AJ36064">
        <v>52</v>
      </c>
      <c r="AK36064">
        <v>53</v>
      </c>
      <c r="AL36064">
        <v>53</v>
      </c>
      <c r="AM36064">
        <v>53</v>
      </c>
      <c r="AN36064">
        <v>54</v>
      </c>
      <c r="AO36064">
        <v>54</v>
      </c>
      <c r="AP36064">
        <v>55</v>
      </c>
      <c r="AQ36064">
        <v>55</v>
      </c>
    </row>
    <row r="36065" spans="1:43">
      <c r="A36065" t="s">
        <v>22355</v>
      </c>
      <c r="B36065" t="s">
        <v>22356</v>
      </c>
      <c r="C36065" t="s">
        <v>22299</v>
      </c>
      <c r="D36065" t="s">
        <v>22300</v>
      </c>
      <c r="E36065" t="s">
        <v>22205</v>
      </c>
      <c r="F36065" t="s">
        <v>22206</v>
      </c>
      <c r="G36065" t="s">
        <v>20255</v>
      </c>
      <c r="H36065" t="s">
        <v>20256</v>
      </c>
      <c r="I36065" s="2">
        <v>1</v>
      </c>
      <c r="J36065" s="2">
        <v>0</v>
      </c>
      <c r="K36065" s="2">
        <v>0</v>
      </c>
      <c r="L36065" t="s">
        <v>120</v>
      </c>
      <c r="M36065" t="s">
        <v>83</v>
      </c>
      <c r="N36065" t="s">
        <v>91</v>
      </c>
      <c r="O36065" t="s">
        <v>85</v>
      </c>
      <c r="P36065" t="s">
        <v>86</v>
      </c>
      <c r="Q36065">
        <v>37</v>
      </c>
      <c r="R36065">
        <v>38</v>
      </c>
      <c r="S36065">
        <v>39</v>
      </c>
      <c r="T36065">
        <v>40</v>
      </c>
      <c r="U36065">
        <v>40</v>
      </c>
      <c r="V36065">
        <v>41</v>
      </c>
      <c r="W36065">
        <v>42</v>
      </c>
      <c r="X36065">
        <v>43</v>
      </c>
      <c r="Y36065">
        <v>43</v>
      </c>
      <c r="Z36065">
        <v>44</v>
      </c>
      <c r="AA36065">
        <v>45</v>
      </c>
      <c r="AB36065">
        <v>46</v>
      </c>
      <c r="AC36065">
        <v>46</v>
      </c>
      <c r="AD36065">
        <v>47</v>
      </c>
      <c r="AE36065">
        <v>48</v>
      </c>
      <c r="AF36065">
        <v>49</v>
      </c>
      <c r="AG36065">
        <v>49</v>
      </c>
      <c r="AH36065">
        <v>50</v>
      </c>
      <c r="AI36065">
        <v>51</v>
      </c>
      <c r="AJ36065">
        <v>52</v>
      </c>
      <c r="AK36065">
        <v>53</v>
      </c>
      <c r="AL36065">
        <v>53</v>
      </c>
      <c r="AM36065">
        <v>54</v>
      </c>
      <c r="AN36065">
        <v>54</v>
      </c>
      <c r="AO36065">
        <v>54</v>
      </c>
      <c r="AP36065">
        <v>55</v>
      </c>
      <c r="AQ36065">
        <v>55</v>
      </c>
    </row>
    <row r="36066" spans="1:43">
      <c r="A36066" t="s">
        <v>22357</v>
      </c>
      <c r="B36066" t="s">
        <v>22358</v>
      </c>
      <c r="C36066" t="s">
        <v>22261</v>
      </c>
      <c r="D36066" t="s">
        <v>22262</v>
      </c>
      <c r="E36066" t="s">
        <v>22205</v>
      </c>
      <c r="F36066" t="s">
        <v>22206</v>
      </c>
      <c r="G36066" t="s">
        <v>20255</v>
      </c>
      <c r="H36066" t="s">
        <v>20256</v>
      </c>
      <c r="I36066" s="2">
        <v>1</v>
      </c>
      <c r="J36066" s="2">
        <v>0</v>
      </c>
      <c r="K36066" s="2">
        <v>0</v>
      </c>
      <c r="L36066" t="s">
        <v>120</v>
      </c>
      <c r="M36066" t="s">
        <v>83</v>
      </c>
      <c r="N36066" t="s">
        <v>84</v>
      </c>
      <c r="O36066" t="s">
        <v>85</v>
      </c>
      <c r="P36066" t="s">
        <v>86</v>
      </c>
      <c r="Q36066">
        <v>53</v>
      </c>
      <c r="R36066">
        <v>54</v>
      </c>
      <c r="S36066">
        <v>55</v>
      </c>
      <c r="T36066">
        <v>56</v>
      </c>
      <c r="U36066">
        <v>57</v>
      </c>
      <c r="V36066">
        <v>58</v>
      </c>
      <c r="W36066">
        <v>59</v>
      </c>
      <c r="X36066">
        <v>60</v>
      </c>
      <c r="Y36066">
        <v>61</v>
      </c>
      <c r="Z36066">
        <v>62</v>
      </c>
      <c r="AA36066">
        <v>63</v>
      </c>
      <c r="AB36066">
        <v>64</v>
      </c>
      <c r="AC36066">
        <v>65</v>
      </c>
      <c r="AD36066">
        <v>66</v>
      </c>
      <c r="AE36066">
        <v>67</v>
      </c>
      <c r="AF36066">
        <v>68</v>
      </c>
      <c r="AG36066">
        <v>69</v>
      </c>
      <c r="AH36066">
        <v>70</v>
      </c>
      <c r="AI36066">
        <v>71</v>
      </c>
      <c r="AJ36066">
        <v>72</v>
      </c>
      <c r="AK36066">
        <v>73</v>
      </c>
      <c r="AL36066">
        <v>74</v>
      </c>
      <c r="AM36066">
        <v>74</v>
      </c>
      <c r="AN36066">
        <v>75</v>
      </c>
      <c r="AO36066">
        <v>75</v>
      </c>
      <c r="AP36066">
        <v>76</v>
      </c>
      <c r="AQ36066">
        <v>76</v>
      </c>
    </row>
    <row r="36067" spans="1:43">
      <c r="A36067" t="s">
        <v>22357</v>
      </c>
      <c r="B36067" t="s">
        <v>22358</v>
      </c>
      <c r="C36067" t="s">
        <v>22261</v>
      </c>
      <c r="D36067" t="s">
        <v>22262</v>
      </c>
      <c r="E36067" t="s">
        <v>22205</v>
      </c>
      <c r="F36067" t="s">
        <v>22206</v>
      </c>
      <c r="G36067" t="s">
        <v>20255</v>
      </c>
      <c r="H36067" t="s">
        <v>20256</v>
      </c>
      <c r="I36067" s="2">
        <v>1</v>
      </c>
      <c r="J36067" s="2">
        <v>0</v>
      </c>
      <c r="K36067" s="2">
        <v>0</v>
      </c>
      <c r="L36067" t="s">
        <v>120</v>
      </c>
      <c r="M36067" t="s">
        <v>87</v>
      </c>
      <c r="N36067" t="s">
        <v>88</v>
      </c>
      <c r="O36067" t="s">
        <v>85</v>
      </c>
      <c r="P36067" t="s">
        <v>86</v>
      </c>
      <c r="Q36067">
        <v>53</v>
      </c>
      <c r="R36067">
        <v>54</v>
      </c>
      <c r="S36067">
        <v>54</v>
      </c>
      <c r="T36067">
        <v>55</v>
      </c>
      <c r="U36067">
        <v>55</v>
      </c>
      <c r="V36067">
        <v>56</v>
      </c>
      <c r="W36067">
        <v>56</v>
      </c>
      <c r="X36067">
        <v>57</v>
      </c>
      <c r="Y36067">
        <v>57</v>
      </c>
      <c r="Z36067">
        <v>58</v>
      </c>
      <c r="AA36067">
        <v>58</v>
      </c>
      <c r="AB36067">
        <v>59</v>
      </c>
      <c r="AC36067">
        <v>59</v>
      </c>
      <c r="AD36067">
        <v>60</v>
      </c>
      <c r="AE36067">
        <v>60</v>
      </c>
      <c r="AF36067">
        <v>61</v>
      </c>
      <c r="AG36067">
        <v>61</v>
      </c>
      <c r="AH36067">
        <v>62</v>
      </c>
      <c r="AI36067">
        <v>62</v>
      </c>
      <c r="AJ36067">
        <v>63</v>
      </c>
      <c r="AK36067">
        <v>64</v>
      </c>
      <c r="AL36067">
        <v>64</v>
      </c>
      <c r="AM36067">
        <v>65</v>
      </c>
      <c r="AN36067">
        <v>65</v>
      </c>
      <c r="AO36067">
        <v>66</v>
      </c>
      <c r="AP36067">
        <v>67</v>
      </c>
      <c r="AQ36067">
        <v>67</v>
      </c>
    </row>
    <row r="36068" spans="1:43">
      <c r="A36068" t="s">
        <v>22357</v>
      </c>
      <c r="B36068" t="s">
        <v>22358</v>
      </c>
      <c r="C36068" t="s">
        <v>22261</v>
      </c>
      <c r="D36068" t="s">
        <v>22262</v>
      </c>
      <c r="E36068" t="s">
        <v>22205</v>
      </c>
      <c r="F36068" t="s">
        <v>22206</v>
      </c>
      <c r="G36068" t="s">
        <v>20255</v>
      </c>
      <c r="H36068" t="s">
        <v>20256</v>
      </c>
      <c r="I36068" s="2">
        <v>1</v>
      </c>
      <c r="J36068" s="2">
        <v>0</v>
      </c>
      <c r="K36068" s="2">
        <v>0</v>
      </c>
      <c r="L36068" t="s">
        <v>120</v>
      </c>
      <c r="M36068" t="s">
        <v>89</v>
      </c>
      <c r="N36068" t="s">
        <v>90</v>
      </c>
      <c r="O36068" t="s">
        <v>85</v>
      </c>
      <c r="P36068" t="s">
        <v>86</v>
      </c>
      <c r="Q36068">
        <v>53</v>
      </c>
      <c r="R36068">
        <v>55</v>
      </c>
      <c r="S36068">
        <v>56</v>
      </c>
      <c r="T36068">
        <v>58</v>
      </c>
      <c r="U36068">
        <v>59</v>
      </c>
      <c r="V36068">
        <v>60</v>
      </c>
      <c r="W36068">
        <v>62</v>
      </c>
      <c r="X36068">
        <v>63</v>
      </c>
      <c r="Y36068">
        <v>64</v>
      </c>
      <c r="Z36068">
        <v>65</v>
      </c>
      <c r="AA36068">
        <v>67</v>
      </c>
      <c r="AB36068">
        <v>68</v>
      </c>
      <c r="AC36068">
        <v>69</v>
      </c>
      <c r="AD36068">
        <v>71</v>
      </c>
      <c r="AE36068">
        <v>72</v>
      </c>
      <c r="AF36068">
        <v>72</v>
      </c>
      <c r="AG36068">
        <v>72</v>
      </c>
      <c r="AH36068">
        <v>73</v>
      </c>
      <c r="AI36068">
        <v>73</v>
      </c>
      <c r="AJ36068">
        <v>74</v>
      </c>
      <c r="AK36068">
        <v>74</v>
      </c>
      <c r="AL36068">
        <v>75</v>
      </c>
      <c r="AM36068">
        <v>75</v>
      </c>
      <c r="AN36068">
        <v>75</v>
      </c>
      <c r="AO36068">
        <v>76</v>
      </c>
      <c r="AP36068">
        <v>76</v>
      </c>
      <c r="AQ36068">
        <v>77</v>
      </c>
    </row>
    <row r="36069" spans="1:43">
      <c r="A36069" t="s">
        <v>22357</v>
      </c>
      <c r="B36069" t="s">
        <v>22358</v>
      </c>
      <c r="C36069" t="s">
        <v>22261</v>
      </c>
      <c r="D36069" t="s">
        <v>22262</v>
      </c>
      <c r="E36069" t="s">
        <v>22205</v>
      </c>
      <c r="F36069" t="s">
        <v>22206</v>
      </c>
      <c r="G36069" t="s">
        <v>20255</v>
      </c>
      <c r="H36069" t="s">
        <v>20256</v>
      </c>
      <c r="I36069" s="2">
        <v>1</v>
      </c>
      <c r="J36069" s="2">
        <v>0</v>
      </c>
      <c r="K36069" s="2">
        <v>0</v>
      </c>
      <c r="L36069" t="s">
        <v>120</v>
      </c>
      <c r="M36069" t="s">
        <v>83</v>
      </c>
      <c r="N36069" t="s">
        <v>91</v>
      </c>
      <c r="O36069" t="s">
        <v>85</v>
      </c>
      <c r="P36069" t="s">
        <v>86</v>
      </c>
      <c r="Q36069">
        <v>53</v>
      </c>
      <c r="R36069">
        <v>54</v>
      </c>
      <c r="S36069">
        <v>55</v>
      </c>
      <c r="T36069">
        <v>56</v>
      </c>
      <c r="U36069">
        <v>57</v>
      </c>
      <c r="V36069">
        <v>58</v>
      </c>
      <c r="W36069">
        <v>59</v>
      </c>
      <c r="X36069">
        <v>60</v>
      </c>
      <c r="Y36069">
        <v>61</v>
      </c>
      <c r="Z36069">
        <v>62</v>
      </c>
      <c r="AA36069">
        <v>63</v>
      </c>
      <c r="AB36069">
        <v>64</v>
      </c>
      <c r="AC36069">
        <v>65</v>
      </c>
      <c r="AD36069">
        <v>66</v>
      </c>
      <c r="AE36069">
        <v>67</v>
      </c>
      <c r="AF36069">
        <v>68</v>
      </c>
      <c r="AG36069">
        <v>69</v>
      </c>
      <c r="AH36069">
        <v>70</v>
      </c>
      <c r="AI36069">
        <v>71</v>
      </c>
      <c r="AJ36069">
        <v>72</v>
      </c>
      <c r="AK36069">
        <v>73</v>
      </c>
      <c r="AL36069">
        <v>74</v>
      </c>
      <c r="AM36069">
        <v>74</v>
      </c>
      <c r="AN36069">
        <v>75</v>
      </c>
      <c r="AO36069">
        <v>75</v>
      </c>
      <c r="AP36069">
        <v>76</v>
      </c>
      <c r="AQ36069">
        <v>76</v>
      </c>
    </row>
    <row r="36070" spans="1:43">
      <c r="A36070" t="s">
        <v>22359</v>
      </c>
      <c r="B36070" t="s">
        <v>22360</v>
      </c>
      <c r="C36070" t="s">
        <v>22321</v>
      </c>
      <c r="D36070" t="s">
        <v>22322</v>
      </c>
      <c r="E36070" t="s">
        <v>22205</v>
      </c>
      <c r="F36070" t="s">
        <v>22206</v>
      </c>
      <c r="G36070" t="s">
        <v>20255</v>
      </c>
      <c r="H36070" t="s">
        <v>20256</v>
      </c>
      <c r="I36070" s="2">
        <v>1</v>
      </c>
      <c r="J36070" s="2">
        <v>0</v>
      </c>
      <c r="K36070" s="2">
        <v>0</v>
      </c>
      <c r="L36070" t="s">
        <v>120</v>
      </c>
      <c r="M36070" t="s">
        <v>83</v>
      </c>
      <c r="N36070" t="s">
        <v>84</v>
      </c>
      <c r="O36070" t="s">
        <v>85</v>
      </c>
      <c r="P36070" t="s">
        <v>86</v>
      </c>
      <c r="Q36070">
        <v>59</v>
      </c>
      <c r="R36070">
        <v>60</v>
      </c>
      <c r="S36070">
        <v>60</v>
      </c>
      <c r="T36070">
        <v>61</v>
      </c>
      <c r="U36070">
        <v>62</v>
      </c>
      <c r="V36070">
        <v>63</v>
      </c>
      <c r="W36070">
        <v>64</v>
      </c>
      <c r="X36070">
        <v>64</v>
      </c>
      <c r="Y36070">
        <v>65</v>
      </c>
      <c r="Z36070">
        <v>66</v>
      </c>
      <c r="AA36070">
        <v>66</v>
      </c>
      <c r="AB36070">
        <v>67</v>
      </c>
      <c r="AC36070">
        <v>68</v>
      </c>
      <c r="AD36070">
        <v>69</v>
      </c>
      <c r="AE36070">
        <v>69</v>
      </c>
      <c r="AF36070">
        <v>70</v>
      </c>
      <c r="AG36070">
        <v>71</v>
      </c>
      <c r="AH36070">
        <v>71</v>
      </c>
      <c r="AI36070">
        <v>72</v>
      </c>
      <c r="AJ36070">
        <v>73</v>
      </c>
      <c r="AK36070">
        <v>74</v>
      </c>
      <c r="AL36070">
        <v>74</v>
      </c>
      <c r="AM36070">
        <v>74</v>
      </c>
      <c r="AN36070">
        <v>74</v>
      </c>
      <c r="AO36070">
        <v>74</v>
      </c>
      <c r="AP36070">
        <v>75</v>
      </c>
      <c r="AQ36070">
        <v>75</v>
      </c>
    </row>
    <row r="36071" spans="1:43">
      <c r="A36071" t="s">
        <v>22359</v>
      </c>
      <c r="B36071" t="s">
        <v>22360</v>
      </c>
      <c r="C36071" t="s">
        <v>22321</v>
      </c>
      <c r="D36071" t="s">
        <v>22322</v>
      </c>
      <c r="E36071" t="s">
        <v>22205</v>
      </c>
      <c r="F36071" t="s">
        <v>22206</v>
      </c>
      <c r="G36071" t="s">
        <v>20255</v>
      </c>
      <c r="H36071" t="s">
        <v>20256</v>
      </c>
      <c r="I36071" s="2">
        <v>1</v>
      </c>
      <c r="J36071" s="2">
        <v>0</v>
      </c>
      <c r="K36071" s="2">
        <v>0</v>
      </c>
      <c r="L36071" t="s">
        <v>120</v>
      </c>
      <c r="M36071" t="s">
        <v>87</v>
      </c>
      <c r="N36071" t="s">
        <v>88</v>
      </c>
      <c r="O36071" t="s">
        <v>85</v>
      </c>
      <c r="P36071" t="s">
        <v>86</v>
      </c>
      <c r="Q36071">
        <v>59</v>
      </c>
      <c r="R36071">
        <v>59</v>
      </c>
      <c r="S36071">
        <v>60</v>
      </c>
      <c r="T36071">
        <v>60</v>
      </c>
      <c r="U36071">
        <v>60</v>
      </c>
      <c r="V36071">
        <v>60</v>
      </c>
      <c r="W36071">
        <v>61</v>
      </c>
      <c r="X36071">
        <v>61</v>
      </c>
      <c r="Y36071">
        <v>61</v>
      </c>
      <c r="Z36071">
        <v>61</v>
      </c>
      <c r="AA36071">
        <v>62</v>
      </c>
      <c r="AB36071">
        <v>62</v>
      </c>
      <c r="AC36071">
        <v>62</v>
      </c>
      <c r="AD36071">
        <v>62</v>
      </c>
      <c r="AE36071">
        <v>63</v>
      </c>
      <c r="AF36071">
        <v>63</v>
      </c>
      <c r="AG36071">
        <v>63</v>
      </c>
      <c r="AH36071">
        <v>63</v>
      </c>
      <c r="AI36071">
        <v>64</v>
      </c>
      <c r="AJ36071">
        <v>64</v>
      </c>
      <c r="AK36071">
        <v>64</v>
      </c>
      <c r="AL36071">
        <v>64</v>
      </c>
      <c r="AM36071">
        <v>65</v>
      </c>
      <c r="AN36071">
        <v>65</v>
      </c>
      <c r="AO36071">
        <v>65</v>
      </c>
      <c r="AP36071">
        <v>66</v>
      </c>
      <c r="AQ36071">
        <v>66</v>
      </c>
    </row>
    <row r="36072" spans="1:43">
      <c r="A36072" t="s">
        <v>22359</v>
      </c>
      <c r="B36072" t="s">
        <v>22360</v>
      </c>
      <c r="C36072" t="s">
        <v>22321</v>
      </c>
      <c r="D36072" t="s">
        <v>22322</v>
      </c>
      <c r="E36072" t="s">
        <v>22205</v>
      </c>
      <c r="F36072" t="s">
        <v>22206</v>
      </c>
      <c r="G36072" t="s">
        <v>20255</v>
      </c>
      <c r="H36072" t="s">
        <v>20256</v>
      </c>
      <c r="I36072" s="2">
        <v>1</v>
      </c>
      <c r="J36072" s="2">
        <v>0</v>
      </c>
      <c r="K36072" s="2">
        <v>0</v>
      </c>
      <c r="L36072" t="s">
        <v>120</v>
      </c>
      <c r="M36072" t="s">
        <v>89</v>
      </c>
      <c r="N36072" t="s">
        <v>90</v>
      </c>
      <c r="O36072" t="s">
        <v>85</v>
      </c>
      <c r="P36072" t="s">
        <v>86</v>
      </c>
      <c r="Q36072">
        <v>59</v>
      </c>
      <c r="R36072">
        <v>61</v>
      </c>
      <c r="S36072">
        <v>62</v>
      </c>
      <c r="T36072">
        <v>63</v>
      </c>
      <c r="U36072">
        <v>64</v>
      </c>
      <c r="V36072">
        <v>65</v>
      </c>
      <c r="W36072">
        <v>66</v>
      </c>
      <c r="X36072">
        <v>68</v>
      </c>
      <c r="Y36072">
        <v>69</v>
      </c>
      <c r="Z36072">
        <v>70</v>
      </c>
      <c r="AA36072">
        <v>70</v>
      </c>
      <c r="AB36072">
        <v>71</v>
      </c>
      <c r="AC36072">
        <v>72</v>
      </c>
      <c r="AD36072">
        <v>73</v>
      </c>
      <c r="AE36072">
        <v>74</v>
      </c>
      <c r="AF36072">
        <v>74</v>
      </c>
      <c r="AG36072">
        <v>74</v>
      </c>
      <c r="AH36072">
        <v>75</v>
      </c>
      <c r="AI36072">
        <v>75</v>
      </c>
      <c r="AJ36072">
        <v>75</v>
      </c>
      <c r="AK36072">
        <v>75</v>
      </c>
      <c r="AL36072">
        <v>75</v>
      </c>
      <c r="AM36072">
        <v>75</v>
      </c>
      <c r="AN36072">
        <v>76</v>
      </c>
      <c r="AO36072">
        <v>76</v>
      </c>
      <c r="AP36072">
        <v>76</v>
      </c>
      <c r="AQ36072">
        <v>76</v>
      </c>
    </row>
    <row r="36073" spans="1:43">
      <c r="A36073" t="s">
        <v>22359</v>
      </c>
      <c r="B36073" t="s">
        <v>22360</v>
      </c>
      <c r="C36073" t="s">
        <v>22321</v>
      </c>
      <c r="D36073" t="s">
        <v>22322</v>
      </c>
      <c r="E36073" t="s">
        <v>22205</v>
      </c>
      <c r="F36073" t="s">
        <v>22206</v>
      </c>
      <c r="G36073" t="s">
        <v>20255</v>
      </c>
      <c r="H36073" t="s">
        <v>20256</v>
      </c>
      <c r="I36073" s="2">
        <v>1</v>
      </c>
      <c r="J36073" s="2">
        <v>0</v>
      </c>
      <c r="K36073" s="2">
        <v>0</v>
      </c>
      <c r="L36073" t="s">
        <v>120</v>
      </c>
      <c r="M36073" t="s">
        <v>83</v>
      </c>
      <c r="N36073" t="s">
        <v>91</v>
      </c>
      <c r="O36073" t="s">
        <v>85</v>
      </c>
      <c r="P36073" t="s">
        <v>86</v>
      </c>
      <c r="Q36073">
        <v>59</v>
      </c>
      <c r="R36073">
        <v>60</v>
      </c>
      <c r="S36073">
        <v>60</v>
      </c>
      <c r="T36073">
        <v>61</v>
      </c>
      <c r="U36073">
        <v>62</v>
      </c>
      <c r="V36073">
        <v>63</v>
      </c>
      <c r="W36073">
        <v>64</v>
      </c>
      <c r="X36073">
        <v>64</v>
      </c>
      <c r="Y36073">
        <v>65</v>
      </c>
      <c r="Z36073">
        <v>66</v>
      </c>
      <c r="AA36073">
        <v>66</v>
      </c>
      <c r="AB36073">
        <v>67</v>
      </c>
      <c r="AC36073">
        <v>68</v>
      </c>
      <c r="AD36073">
        <v>69</v>
      </c>
      <c r="AE36073">
        <v>69</v>
      </c>
      <c r="AF36073">
        <v>70</v>
      </c>
      <c r="AG36073">
        <v>71</v>
      </c>
      <c r="AH36073">
        <v>71</v>
      </c>
      <c r="AI36073">
        <v>72</v>
      </c>
      <c r="AJ36073">
        <v>73</v>
      </c>
      <c r="AK36073">
        <v>74</v>
      </c>
      <c r="AL36073">
        <v>74</v>
      </c>
      <c r="AM36073">
        <v>74</v>
      </c>
      <c r="AN36073">
        <v>74</v>
      </c>
      <c r="AO36073">
        <v>74</v>
      </c>
      <c r="AP36073">
        <v>75</v>
      </c>
      <c r="AQ36073">
        <v>75</v>
      </c>
    </row>
    <row r="36074" spans="1:43">
      <c r="A36074" t="s">
        <v>22361</v>
      </c>
      <c r="B36074" t="s">
        <v>22362</v>
      </c>
      <c r="C36074" t="s">
        <v>22363</v>
      </c>
      <c r="D36074" t="s">
        <v>22364</v>
      </c>
      <c r="E36074" t="s">
        <v>22205</v>
      </c>
      <c r="F36074" t="s">
        <v>22206</v>
      </c>
      <c r="G36074" t="s">
        <v>20255</v>
      </c>
      <c r="H36074" t="s">
        <v>20256</v>
      </c>
      <c r="I36074" s="2">
        <v>1</v>
      </c>
      <c r="J36074" s="2">
        <v>0</v>
      </c>
      <c r="K36074" s="2">
        <v>0</v>
      </c>
      <c r="L36074" t="s">
        <v>120</v>
      </c>
      <c r="M36074" t="s">
        <v>83</v>
      </c>
      <c r="N36074" t="s">
        <v>84</v>
      </c>
      <c r="O36074" t="s">
        <v>85</v>
      </c>
      <c r="P36074" t="s">
        <v>86</v>
      </c>
      <c r="Q36074">
        <v>20</v>
      </c>
      <c r="R36074">
        <v>20</v>
      </c>
      <c r="S36074">
        <v>21</v>
      </c>
      <c r="T36074">
        <v>21</v>
      </c>
      <c r="U36074">
        <v>22</v>
      </c>
      <c r="V36074">
        <v>22</v>
      </c>
      <c r="W36074">
        <v>22</v>
      </c>
      <c r="X36074">
        <v>23</v>
      </c>
      <c r="Y36074">
        <v>23</v>
      </c>
      <c r="Z36074">
        <v>24</v>
      </c>
      <c r="AA36074">
        <v>24</v>
      </c>
      <c r="AB36074">
        <v>24</v>
      </c>
      <c r="AC36074">
        <v>25</v>
      </c>
      <c r="AD36074">
        <v>25</v>
      </c>
      <c r="AE36074">
        <v>26</v>
      </c>
      <c r="AF36074">
        <v>26</v>
      </c>
      <c r="AG36074">
        <v>27</v>
      </c>
      <c r="AH36074">
        <v>27</v>
      </c>
      <c r="AI36074">
        <v>27</v>
      </c>
      <c r="AJ36074">
        <v>28</v>
      </c>
      <c r="AK36074">
        <v>28</v>
      </c>
      <c r="AL36074">
        <v>29</v>
      </c>
      <c r="AM36074">
        <v>29</v>
      </c>
      <c r="AN36074">
        <v>29</v>
      </c>
      <c r="AO36074">
        <v>29</v>
      </c>
      <c r="AP36074">
        <v>30</v>
      </c>
      <c r="AQ36074">
        <v>30</v>
      </c>
    </row>
    <row r="36075" spans="1:43">
      <c r="A36075" t="s">
        <v>22361</v>
      </c>
      <c r="B36075" t="s">
        <v>22362</v>
      </c>
      <c r="C36075" t="s">
        <v>22363</v>
      </c>
      <c r="D36075" t="s">
        <v>22364</v>
      </c>
      <c r="E36075" t="s">
        <v>22205</v>
      </c>
      <c r="F36075" t="s">
        <v>22206</v>
      </c>
      <c r="G36075" t="s">
        <v>20255</v>
      </c>
      <c r="H36075" t="s">
        <v>20256</v>
      </c>
      <c r="I36075" s="2">
        <v>1</v>
      </c>
      <c r="J36075" s="2">
        <v>0</v>
      </c>
      <c r="K36075" s="2">
        <v>0</v>
      </c>
      <c r="L36075" t="s">
        <v>120</v>
      </c>
      <c r="M36075" t="s">
        <v>87</v>
      </c>
      <c r="N36075" t="s">
        <v>88</v>
      </c>
      <c r="O36075" t="s">
        <v>85</v>
      </c>
      <c r="P36075" t="s">
        <v>86</v>
      </c>
      <c r="Q36075">
        <v>20</v>
      </c>
      <c r="R36075">
        <v>20</v>
      </c>
      <c r="S36075">
        <v>20</v>
      </c>
      <c r="T36075">
        <v>20</v>
      </c>
      <c r="U36075">
        <v>21</v>
      </c>
      <c r="V36075">
        <v>21</v>
      </c>
      <c r="W36075">
        <v>21</v>
      </c>
      <c r="X36075">
        <v>21</v>
      </c>
      <c r="Y36075">
        <v>22</v>
      </c>
      <c r="Z36075">
        <v>22</v>
      </c>
      <c r="AA36075">
        <v>22</v>
      </c>
      <c r="AB36075">
        <v>22</v>
      </c>
      <c r="AC36075">
        <v>22</v>
      </c>
      <c r="AD36075">
        <v>23</v>
      </c>
      <c r="AE36075">
        <v>23</v>
      </c>
      <c r="AF36075">
        <v>23</v>
      </c>
      <c r="AG36075">
        <v>23</v>
      </c>
      <c r="AH36075">
        <v>24</v>
      </c>
      <c r="AI36075">
        <v>24</v>
      </c>
      <c r="AJ36075">
        <v>24</v>
      </c>
      <c r="AK36075">
        <v>24</v>
      </c>
      <c r="AL36075">
        <v>24</v>
      </c>
      <c r="AM36075">
        <v>25</v>
      </c>
      <c r="AN36075">
        <v>25</v>
      </c>
      <c r="AO36075">
        <v>25</v>
      </c>
      <c r="AP36075">
        <v>25</v>
      </c>
      <c r="AQ36075">
        <v>26</v>
      </c>
    </row>
    <row r="36076" spans="1:43">
      <c r="A36076" t="s">
        <v>22361</v>
      </c>
      <c r="B36076" t="s">
        <v>22362</v>
      </c>
      <c r="C36076" t="s">
        <v>22363</v>
      </c>
      <c r="D36076" t="s">
        <v>22364</v>
      </c>
      <c r="E36076" t="s">
        <v>22205</v>
      </c>
      <c r="F36076" t="s">
        <v>22206</v>
      </c>
      <c r="G36076" t="s">
        <v>20255</v>
      </c>
      <c r="H36076" t="s">
        <v>20256</v>
      </c>
      <c r="I36076" s="2">
        <v>1</v>
      </c>
      <c r="J36076" s="2">
        <v>0</v>
      </c>
      <c r="K36076" s="2">
        <v>0</v>
      </c>
      <c r="L36076" t="s">
        <v>120</v>
      </c>
      <c r="M36076" t="s">
        <v>89</v>
      </c>
      <c r="N36076" t="s">
        <v>90</v>
      </c>
      <c r="O36076" t="s">
        <v>85</v>
      </c>
      <c r="P36076" t="s">
        <v>86</v>
      </c>
      <c r="Q36076">
        <v>20</v>
      </c>
      <c r="R36076">
        <v>21</v>
      </c>
      <c r="S36076">
        <v>21</v>
      </c>
      <c r="T36076">
        <v>22</v>
      </c>
      <c r="U36076">
        <v>23</v>
      </c>
      <c r="V36076">
        <v>23</v>
      </c>
      <c r="W36076">
        <v>24</v>
      </c>
      <c r="X36076">
        <v>24</v>
      </c>
      <c r="Y36076">
        <v>25</v>
      </c>
      <c r="Z36076">
        <v>25</v>
      </c>
      <c r="AA36076">
        <v>26</v>
      </c>
      <c r="AB36076">
        <v>26</v>
      </c>
      <c r="AC36076">
        <v>27</v>
      </c>
      <c r="AD36076">
        <v>27</v>
      </c>
      <c r="AE36076">
        <v>28</v>
      </c>
      <c r="AF36076">
        <v>28</v>
      </c>
      <c r="AG36076">
        <v>28</v>
      </c>
      <c r="AH36076">
        <v>28</v>
      </c>
      <c r="AI36076">
        <v>28</v>
      </c>
      <c r="AJ36076">
        <v>29</v>
      </c>
      <c r="AK36076">
        <v>29</v>
      </c>
      <c r="AL36076">
        <v>29</v>
      </c>
      <c r="AM36076">
        <v>29</v>
      </c>
      <c r="AN36076">
        <v>30</v>
      </c>
      <c r="AO36076">
        <v>30</v>
      </c>
      <c r="AP36076">
        <v>30</v>
      </c>
      <c r="AQ36076">
        <v>30</v>
      </c>
    </row>
    <row r="36077" spans="1:43">
      <c r="A36077" t="s">
        <v>22361</v>
      </c>
      <c r="B36077" t="s">
        <v>22362</v>
      </c>
      <c r="C36077" t="s">
        <v>22363</v>
      </c>
      <c r="D36077" t="s">
        <v>22364</v>
      </c>
      <c r="E36077" t="s">
        <v>22205</v>
      </c>
      <c r="F36077" t="s">
        <v>22206</v>
      </c>
      <c r="G36077" t="s">
        <v>20255</v>
      </c>
      <c r="H36077" t="s">
        <v>20256</v>
      </c>
      <c r="I36077" s="2">
        <v>1</v>
      </c>
      <c r="J36077" s="2">
        <v>0</v>
      </c>
      <c r="K36077" s="2">
        <v>0</v>
      </c>
      <c r="L36077" t="s">
        <v>120</v>
      </c>
      <c r="M36077" t="s">
        <v>83</v>
      </c>
      <c r="N36077" t="s">
        <v>91</v>
      </c>
      <c r="O36077" t="s">
        <v>85</v>
      </c>
      <c r="P36077" t="s">
        <v>86</v>
      </c>
      <c r="Q36077">
        <v>20</v>
      </c>
      <c r="R36077">
        <v>20</v>
      </c>
      <c r="S36077">
        <v>21</v>
      </c>
      <c r="T36077">
        <v>21</v>
      </c>
      <c r="U36077">
        <v>22</v>
      </c>
      <c r="V36077">
        <v>22</v>
      </c>
      <c r="W36077">
        <v>22</v>
      </c>
      <c r="X36077">
        <v>23</v>
      </c>
      <c r="Y36077">
        <v>23</v>
      </c>
      <c r="Z36077">
        <v>24</v>
      </c>
      <c r="AA36077">
        <v>24</v>
      </c>
      <c r="AB36077">
        <v>24</v>
      </c>
      <c r="AC36077">
        <v>25</v>
      </c>
      <c r="AD36077">
        <v>25</v>
      </c>
      <c r="AE36077">
        <v>26</v>
      </c>
      <c r="AF36077">
        <v>26</v>
      </c>
      <c r="AG36077">
        <v>27</v>
      </c>
      <c r="AH36077">
        <v>27</v>
      </c>
      <c r="AI36077">
        <v>27</v>
      </c>
      <c r="AJ36077">
        <v>28</v>
      </c>
      <c r="AK36077">
        <v>28</v>
      </c>
      <c r="AL36077">
        <v>29</v>
      </c>
      <c r="AM36077">
        <v>29</v>
      </c>
      <c r="AN36077">
        <v>29</v>
      </c>
      <c r="AO36077">
        <v>29</v>
      </c>
      <c r="AP36077">
        <v>30</v>
      </c>
      <c r="AQ36077">
        <v>30</v>
      </c>
    </row>
    <row r="36078" spans="1:43">
      <c r="A36078" t="s">
        <v>22365</v>
      </c>
      <c r="B36078" t="s">
        <v>22366</v>
      </c>
      <c r="C36078" t="s">
        <v>22363</v>
      </c>
      <c r="D36078" t="s">
        <v>22364</v>
      </c>
      <c r="E36078" t="s">
        <v>22205</v>
      </c>
      <c r="F36078" t="s">
        <v>22206</v>
      </c>
      <c r="G36078" t="s">
        <v>20255</v>
      </c>
      <c r="H36078" t="s">
        <v>20256</v>
      </c>
      <c r="I36078" s="2">
        <v>1</v>
      </c>
      <c r="J36078" s="2">
        <v>0</v>
      </c>
      <c r="K36078" s="2">
        <v>0</v>
      </c>
      <c r="L36078" t="s">
        <v>120</v>
      </c>
      <c r="M36078" t="s">
        <v>83</v>
      </c>
      <c r="N36078" t="s">
        <v>84</v>
      </c>
      <c r="O36078" t="s">
        <v>85</v>
      </c>
      <c r="P36078" t="s">
        <v>86</v>
      </c>
      <c r="Q36078">
        <v>100</v>
      </c>
      <c r="R36078">
        <v>102</v>
      </c>
      <c r="S36078">
        <v>104</v>
      </c>
      <c r="T36078">
        <v>106</v>
      </c>
      <c r="U36078">
        <v>108</v>
      </c>
      <c r="V36078">
        <v>110</v>
      </c>
      <c r="W36078">
        <v>112</v>
      </c>
      <c r="X36078">
        <v>114</v>
      </c>
      <c r="Y36078">
        <v>116</v>
      </c>
      <c r="Z36078">
        <v>118</v>
      </c>
      <c r="AA36078">
        <v>120</v>
      </c>
      <c r="AB36078">
        <v>122</v>
      </c>
      <c r="AC36078">
        <v>124</v>
      </c>
      <c r="AD36078">
        <v>126</v>
      </c>
      <c r="AE36078">
        <v>128</v>
      </c>
      <c r="AF36078">
        <v>130</v>
      </c>
      <c r="AG36078">
        <v>133</v>
      </c>
      <c r="AH36078">
        <v>135</v>
      </c>
      <c r="AI36078">
        <v>137</v>
      </c>
      <c r="AJ36078">
        <v>139</v>
      </c>
      <c r="AK36078">
        <v>141</v>
      </c>
      <c r="AL36078">
        <v>143</v>
      </c>
      <c r="AM36078">
        <v>144</v>
      </c>
      <c r="AN36078">
        <v>145</v>
      </c>
      <c r="AO36078">
        <v>146</v>
      </c>
      <c r="AP36078">
        <v>147</v>
      </c>
      <c r="AQ36078">
        <v>149</v>
      </c>
    </row>
    <row r="36079" spans="1:43">
      <c r="A36079" t="s">
        <v>22365</v>
      </c>
      <c r="B36079" t="s">
        <v>22366</v>
      </c>
      <c r="C36079" t="s">
        <v>22363</v>
      </c>
      <c r="D36079" t="s">
        <v>22364</v>
      </c>
      <c r="E36079" t="s">
        <v>22205</v>
      </c>
      <c r="F36079" t="s">
        <v>22206</v>
      </c>
      <c r="G36079" t="s">
        <v>20255</v>
      </c>
      <c r="H36079" t="s">
        <v>20256</v>
      </c>
      <c r="I36079" s="2">
        <v>1</v>
      </c>
      <c r="J36079" s="2">
        <v>0</v>
      </c>
      <c r="K36079" s="2">
        <v>0</v>
      </c>
      <c r="L36079" t="s">
        <v>120</v>
      </c>
      <c r="M36079" t="s">
        <v>87</v>
      </c>
      <c r="N36079" t="s">
        <v>88</v>
      </c>
      <c r="O36079" t="s">
        <v>85</v>
      </c>
      <c r="P36079" t="s">
        <v>86</v>
      </c>
      <c r="Q36079">
        <v>100</v>
      </c>
      <c r="R36079">
        <v>101</v>
      </c>
      <c r="S36079">
        <v>102</v>
      </c>
      <c r="T36079">
        <v>103</v>
      </c>
      <c r="U36079">
        <v>104</v>
      </c>
      <c r="V36079">
        <v>105</v>
      </c>
      <c r="W36079">
        <v>106</v>
      </c>
      <c r="X36079">
        <v>107</v>
      </c>
      <c r="Y36079">
        <v>108</v>
      </c>
      <c r="Z36079">
        <v>109</v>
      </c>
      <c r="AA36079">
        <v>110</v>
      </c>
      <c r="AB36079">
        <v>112</v>
      </c>
      <c r="AC36079">
        <v>113</v>
      </c>
      <c r="AD36079">
        <v>114</v>
      </c>
      <c r="AE36079">
        <v>115</v>
      </c>
      <c r="AF36079">
        <v>116</v>
      </c>
      <c r="AG36079">
        <v>117</v>
      </c>
      <c r="AH36079">
        <v>118</v>
      </c>
      <c r="AI36079">
        <v>119</v>
      </c>
      <c r="AJ36079">
        <v>121</v>
      </c>
      <c r="AK36079">
        <v>122</v>
      </c>
      <c r="AL36079">
        <v>123</v>
      </c>
      <c r="AM36079">
        <v>124</v>
      </c>
      <c r="AN36079">
        <v>126</v>
      </c>
      <c r="AO36079">
        <v>127</v>
      </c>
      <c r="AP36079">
        <v>128</v>
      </c>
      <c r="AQ36079">
        <v>129</v>
      </c>
    </row>
    <row r="36080" spans="1:43">
      <c r="A36080" t="s">
        <v>22365</v>
      </c>
      <c r="B36080" t="s">
        <v>22366</v>
      </c>
      <c r="C36080" t="s">
        <v>22363</v>
      </c>
      <c r="D36080" t="s">
        <v>22364</v>
      </c>
      <c r="E36080" t="s">
        <v>22205</v>
      </c>
      <c r="F36080" t="s">
        <v>22206</v>
      </c>
      <c r="G36080" t="s">
        <v>20255</v>
      </c>
      <c r="H36080" t="s">
        <v>20256</v>
      </c>
      <c r="I36080" s="2">
        <v>1</v>
      </c>
      <c r="J36080" s="2">
        <v>0</v>
      </c>
      <c r="K36080" s="2">
        <v>0</v>
      </c>
      <c r="L36080" t="s">
        <v>120</v>
      </c>
      <c r="M36080" t="s">
        <v>89</v>
      </c>
      <c r="N36080" t="s">
        <v>90</v>
      </c>
      <c r="O36080" t="s">
        <v>85</v>
      </c>
      <c r="P36080" t="s">
        <v>86</v>
      </c>
      <c r="Q36080">
        <v>100</v>
      </c>
      <c r="R36080">
        <v>103</v>
      </c>
      <c r="S36080">
        <v>106</v>
      </c>
      <c r="T36080">
        <v>108</v>
      </c>
      <c r="U36080">
        <v>111</v>
      </c>
      <c r="V36080">
        <v>114</v>
      </c>
      <c r="W36080">
        <v>116</v>
      </c>
      <c r="X36080">
        <v>119</v>
      </c>
      <c r="Y36080">
        <v>122</v>
      </c>
      <c r="Z36080">
        <v>124</v>
      </c>
      <c r="AA36080">
        <v>127</v>
      </c>
      <c r="AB36080">
        <v>129</v>
      </c>
      <c r="AC36080">
        <v>132</v>
      </c>
      <c r="AD36080">
        <v>134</v>
      </c>
      <c r="AE36080">
        <v>136</v>
      </c>
      <c r="AF36080">
        <v>138</v>
      </c>
      <c r="AG36080">
        <v>139</v>
      </c>
      <c r="AH36080">
        <v>140</v>
      </c>
      <c r="AI36080">
        <v>141</v>
      </c>
      <c r="AJ36080">
        <v>142</v>
      </c>
      <c r="AK36080">
        <v>143</v>
      </c>
      <c r="AL36080">
        <v>144</v>
      </c>
      <c r="AM36080">
        <v>145</v>
      </c>
      <c r="AN36080">
        <v>146</v>
      </c>
      <c r="AO36080">
        <v>147</v>
      </c>
      <c r="AP36080">
        <v>149</v>
      </c>
      <c r="AQ36080">
        <v>150</v>
      </c>
    </row>
    <row r="36081" spans="1:43">
      <c r="A36081" t="s">
        <v>22365</v>
      </c>
      <c r="B36081" t="s">
        <v>22366</v>
      </c>
      <c r="C36081" t="s">
        <v>22363</v>
      </c>
      <c r="D36081" t="s">
        <v>22364</v>
      </c>
      <c r="E36081" t="s">
        <v>22205</v>
      </c>
      <c r="F36081" t="s">
        <v>22206</v>
      </c>
      <c r="G36081" t="s">
        <v>20255</v>
      </c>
      <c r="H36081" t="s">
        <v>20256</v>
      </c>
      <c r="I36081" s="2">
        <v>1</v>
      </c>
      <c r="J36081" s="2">
        <v>0</v>
      </c>
      <c r="K36081" s="2">
        <v>0</v>
      </c>
      <c r="L36081" t="s">
        <v>120</v>
      </c>
      <c r="M36081" t="s">
        <v>83</v>
      </c>
      <c r="N36081" t="s">
        <v>91</v>
      </c>
      <c r="O36081" t="s">
        <v>85</v>
      </c>
      <c r="P36081" t="s">
        <v>86</v>
      </c>
      <c r="Q36081">
        <v>100</v>
      </c>
      <c r="R36081">
        <v>102</v>
      </c>
      <c r="S36081">
        <v>104</v>
      </c>
      <c r="T36081">
        <v>106</v>
      </c>
      <c r="U36081">
        <v>108</v>
      </c>
      <c r="V36081">
        <v>110</v>
      </c>
      <c r="W36081">
        <v>112</v>
      </c>
      <c r="X36081">
        <v>114</v>
      </c>
      <c r="Y36081">
        <v>116</v>
      </c>
      <c r="Z36081">
        <v>118</v>
      </c>
      <c r="AA36081">
        <v>120</v>
      </c>
      <c r="AB36081">
        <v>122</v>
      </c>
      <c r="AC36081">
        <v>124</v>
      </c>
      <c r="AD36081">
        <v>126</v>
      </c>
      <c r="AE36081">
        <v>128</v>
      </c>
      <c r="AF36081">
        <v>130</v>
      </c>
      <c r="AG36081">
        <v>133</v>
      </c>
      <c r="AH36081">
        <v>135</v>
      </c>
      <c r="AI36081">
        <v>137</v>
      </c>
      <c r="AJ36081">
        <v>139</v>
      </c>
      <c r="AK36081">
        <v>141</v>
      </c>
      <c r="AL36081">
        <v>143</v>
      </c>
      <c r="AM36081">
        <v>144</v>
      </c>
      <c r="AN36081">
        <v>145</v>
      </c>
      <c r="AO36081">
        <v>146</v>
      </c>
      <c r="AP36081">
        <v>147</v>
      </c>
      <c r="AQ36081">
        <v>149</v>
      </c>
    </row>
    <row r="36082" spans="1:43">
      <c r="A36082" t="s">
        <v>22367</v>
      </c>
      <c r="B36082" t="s">
        <v>22368</v>
      </c>
      <c r="C36082" t="s">
        <v>22363</v>
      </c>
      <c r="D36082" t="s">
        <v>22364</v>
      </c>
      <c r="E36082" t="s">
        <v>22205</v>
      </c>
      <c r="F36082" t="s">
        <v>22206</v>
      </c>
      <c r="G36082" t="s">
        <v>20255</v>
      </c>
      <c r="H36082" t="s">
        <v>20256</v>
      </c>
      <c r="I36082" s="2">
        <v>1</v>
      </c>
      <c r="J36082" s="2">
        <v>0</v>
      </c>
      <c r="K36082" s="2">
        <v>0</v>
      </c>
      <c r="L36082" t="s">
        <v>120</v>
      </c>
      <c r="M36082" t="s">
        <v>83</v>
      </c>
      <c r="N36082" t="s">
        <v>84</v>
      </c>
      <c r="O36082" t="s">
        <v>85</v>
      </c>
      <c r="P36082" t="s">
        <v>86</v>
      </c>
      <c r="Q36082">
        <v>67</v>
      </c>
      <c r="R36082">
        <v>68</v>
      </c>
      <c r="S36082">
        <v>70</v>
      </c>
      <c r="T36082">
        <v>71</v>
      </c>
      <c r="U36082">
        <v>72</v>
      </c>
      <c r="V36082">
        <v>74</v>
      </c>
      <c r="W36082">
        <v>75</v>
      </c>
      <c r="X36082">
        <v>76</v>
      </c>
      <c r="Y36082">
        <v>78</v>
      </c>
      <c r="Z36082">
        <v>79</v>
      </c>
      <c r="AA36082">
        <v>80</v>
      </c>
      <c r="AB36082">
        <v>82</v>
      </c>
      <c r="AC36082">
        <v>83</v>
      </c>
      <c r="AD36082">
        <v>85</v>
      </c>
      <c r="AE36082">
        <v>86</v>
      </c>
      <c r="AF36082">
        <v>87</v>
      </c>
      <c r="AG36082">
        <v>89</v>
      </c>
      <c r="AH36082">
        <v>90</v>
      </c>
      <c r="AI36082">
        <v>92</v>
      </c>
      <c r="AJ36082">
        <v>93</v>
      </c>
      <c r="AK36082">
        <v>95</v>
      </c>
      <c r="AL36082">
        <v>96</v>
      </c>
      <c r="AM36082">
        <v>96</v>
      </c>
      <c r="AN36082">
        <v>97</v>
      </c>
      <c r="AO36082">
        <v>98</v>
      </c>
      <c r="AP36082">
        <v>99</v>
      </c>
      <c r="AQ36082">
        <v>100</v>
      </c>
    </row>
    <row r="36083" spans="1:43">
      <c r="A36083" t="s">
        <v>22367</v>
      </c>
      <c r="B36083" t="s">
        <v>22368</v>
      </c>
      <c r="C36083" t="s">
        <v>22363</v>
      </c>
      <c r="D36083" t="s">
        <v>22364</v>
      </c>
      <c r="E36083" t="s">
        <v>22205</v>
      </c>
      <c r="F36083" t="s">
        <v>22206</v>
      </c>
      <c r="G36083" t="s">
        <v>20255</v>
      </c>
      <c r="H36083" t="s">
        <v>20256</v>
      </c>
      <c r="I36083" s="2">
        <v>1</v>
      </c>
      <c r="J36083" s="2">
        <v>0</v>
      </c>
      <c r="K36083" s="2">
        <v>0</v>
      </c>
      <c r="L36083" t="s">
        <v>120</v>
      </c>
      <c r="M36083" t="s">
        <v>87</v>
      </c>
      <c r="N36083" t="s">
        <v>88</v>
      </c>
      <c r="O36083" t="s">
        <v>85</v>
      </c>
      <c r="P36083" t="s">
        <v>86</v>
      </c>
      <c r="Q36083">
        <v>67</v>
      </c>
      <c r="R36083">
        <v>68</v>
      </c>
      <c r="S36083">
        <v>69</v>
      </c>
      <c r="T36083">
        <v>69</v>
      </c>
      <c r="U36083">
        <v>70</v>
      </c>
      <c r="V36083">
        <v>71</v>
      </c>
      <c r="W36083">
        <v>72</v>
      </c>
      <c r="X36083">
        <v>72</v>
      </c>
      <c r="Y36083">
        <v>73</v>
      </c>
      <c r="Z36083">
        <v>74</v>
      </c>
      <c r="AA36083">
        <v>74</v>
      </c>
      <c r="AB36083">
        <v>75</v>
      </c>
      <c r="AC36083">
        <v>76</v>
      </c>
      <c r="AD36083">
        <v>77</v>
      </c>
      <c r="AE36083">
        <v>77</v>
      </c>
      <c r="AF36083">
        <v>78</v>
      </c>
      <c r="AG36083">
        <v>79</v>
      </c>
      <c r="AH36083">
        <v>80</v>
      </c>
      <c r="AI36083">
        <v>80</v>
      </c>
      <c r="AJ36083">
        <v>81</v>
      </c>
      <c r="AK36083">
        <v>82</v>
      </c>
      <c r="AL36083">
        <v>83</v>
      </c>
      <c r="AM36083">
        <v>84</v>
      </c>
      <c r="AN36083">
        <v>84</v>
      </c>
      <c r="AO36083">
        <v>85</v>
      </c>
      <c r="AP36083">
        <v>86</v>
      </c>
      <c r="AQ36083">
        <v>87</v>
      </c>
    </row>
    <row r="36084" spans="1:43">
      <c r="A36084" t="s">
        <v>22367</v>
      </c>
      <c r="B36084" t="s">
        <v>22368</v>
      </c>
      <c r="C36084" t="s">
        <v>22363</v>
      </c>
      <c r="D36084" t="s">
        <v>22364</v>
      </c>
      <c r="E36084" t="s">
        <v>22205</v>
      </c>
      <c r="F36084" t="s">
        <v>22206</v>
      </c>
      <c r="G36084" t="s">
        <v>20255</v>
      </c>
      <c r="H36084" t="s">
        <v>20256</v>
      </c>
      <c r="I36084" s="2">
        <v>1</v>
      </c>
      <c r="J36084" s="2">
        <v>0</v>
      </c>
      <c r="K36084" s="2">
        <v>0</v>
      </c>
      <c r="L36084" t="s">
        <v>120</v>
      </c>
      <c r="M36084" t="s">
        <v>89</v>
      </c>
      <c r="N36084" t="s">
        <v>90</v>
      </c>
      <c r="O36084" t="s">
        <v>85</v>
      </c>
      <c r="P36084" t="s">
        <v>86</v>
      </c>
      <c r="Q36084">
        <v>67</v>
      </c>
      <c r="R36084">
        <v>69</v>
      </c>
      <c r="S36084">
        <v>70</v>
      </c>
      <c r="T36084">
        <v>72</v>
      </c>
      <c r="U36084">
        <v>74</v>
      </c>
      <c r="V36084">
        <v>76</v>
      </c>
      <c r="W36084">
        <v>78</v>
      </c>
      <c r="X36084">
        <v>79</v>
      </c>
      <c r="Y36084">
        <v>81</v>
      </c>
      <c r="Z36084">
        <v>83</v>
      </c>
      <c r="AA36084">
        <v>85</v>
      </c>
      <c r="AB36084">
        <v>86</v>
      </c>
      <c r="AC36084">
        <v>88</v>
      </c>
      <c r="AD36084">
        <v>90</v>
      </c>
      <c r="AE36084">
        <v>91</v>
      </c>
      <c r="AF36084">
        <v>92</v>
      </c>
      <c r="AG36084">
        <v>93</v>
      </c>
      <c r="AH36084">
        <v>93</v>
      </c>
      <c r="AI36084">
        <v>94</v>
      </c>
      <c r="AJ36084">
        <v>95</v>
      </c>
      <c r="AK36084">
        <v>95</v>
      </c>
      <c r="AL36084">
        <v>96</v>
      </c>
      <c r="AM36084">
        <v>97</v>
      </c>
      <c r="AN36084">
        <v>98</v>
      </c>
      <c r="AO36084">
        <v>98</v>
      </c>
      <c r="AP36084">
        <v>99</v>
      </c>
      <c r="AQ36084">
        <v>100</v>
      </c>
    </row>
    <row r="36085" spans="1:43">
      <c r="A36085" t="s">
        <v>22367</v>
      </c>
      <c r="B36085" t="s">
        <v>22368</v>
      </c>
      <c r="C36085" t="s">
        <v>22363</v>
      </c>
      <c r="D36085" t="s">
        <v>22364</v>
      </c>
      <c r="E36085" t="s">
        <v>22205</v>
      </c>
      <c r="F36085" t="s">
        <v>22206</v>
      </c>
      <c r="G36085" t="s">
        <v>20255</v>
      </c>
      <c r="H36085" t="s">
        <v>20256</v>
      </c>
      <c r="I36085" s="2">
        <v>1</v>
      </c>
      <c r="J36085" s="2">
        <v>0</v>
      </c>
      <c r="K36085" s="2">
        <v>0</v>
      </c>
      <c r="L36085" t="s">
        <v>120</v>
      </c>
      <c r="M36085" t="s">
        <v>83</v>
      </c>
      <c r="N36085" t="s">
        <v>91</v>
      </c>
      <c r="O36085" t="s">
        <v>85</v>
      </c>
      <c r="P36085" t="s">
        <v>86</v>
      </c>
      <c r="Q36085">
        <v>67</v>
      </c>
      <c r="R36085">
        <v>68</v>
      </c>
      <c r="S36085">
        <v>70</v>
      </c>
      <c r="T36085">
        <v>71</v>
      </c>
      <c r="U36085">
        <v>72</v>
      </c>
      <c r="V36085">
        <v>74</v>
      </c>
      <c r="W36085">
        <v>75</v>
      </c>
      <c r="X36085">
        <v>76</v>
      </c>
      <c r="Y36085">
        <v>78</v>
      </c>
      <c r="Z36085">
        <v>79</v>
      </c>
      <c r="AA36085">
        <v>80</v>
      </c>
      <c r="AB36085">
        <v>82</v>
      </c>
      <c r="AC36085">
        <v>83</v>
      </c>
      <c r="AD36085">
        <v>85</v>
      </c>
      <c r="AE36085">
        <v>86</v>
      </c>
      <c r="AF36085">
        <v>87</v>
      </c>
      <c r="AG36085">
        <v>89</v>
      </c>
      <c r="AH36085">
        <v>90</v>
      </c>
      <c r="AI36085">
        <v>92</v>
      </c>
      <c r="AJ36085">
        <v>93</v>
      </c>
      <c r="AK36085">
        <v>95</v>
      </c>
      <c r="AL36085">
        <v>96</v>
      </c>
      <c r="AM36085">
        <v>96</v>
      </c>
      <c r="AN36085">
        <v>97</v>
      </c>
      <c r="AO36085">
        <v>98</v>
      </c>
      <c r="AP36085">
        <v>99</v>
      </c>
      <c r="AQ36085">
        <v>100</v>
      </c>
    </row>
    <row r="36086" spans="1:43">
      <c r="A36086" t="s">
        <v>22369</v>
      </c>
      <c r="B36086" t="s">
        <v>22370</v>
      </c>
      <c r="C36086" t="s">
        <v>22371</v>
      </c>
      <c r="D36086" t="s">
        <v>22372</v>
      </c>
      <c r="E36086" t="s">
        <v>22205</v>
      </c>
      <c r="F36086" t="s">
        <v>22206</v>
      </c>
      <c r="G36086" t="s">
        <v>20255</v>
      </c>
      <c r="H36086" t="s">
        <v>20256</v>
      </c>
      <c r="I36086" s="2">
        <v>1</v>
      </c>
      <c r="J36086" s="2">
        <v>0</v>
      </c>
      <c r="K36086" s="2">
        <v>0</v>
      </c>
      <c r="L36086" t="s">
        <v>120</v>
      </c>
      <c r="M36086" t="s">
        <v>83</v>
      </c>
      <c r="N36086" t="s">
        <v>84</v>
      </c>
      <c r="O36086" t="s">
        <v>85</v>
      </c>
      <c r="P36086" t="s">
        <v>86</v>
      </c>
      <c r="Q36086">
        <v>7</v>
      </c>
      <c r="R36086">
        <v>7</v>
      </c>
      <c r="S36086">
        <v>8</v>
      </c>
      <c r="T36086">
        <v>8</v>
      </c>
      <c r="U36086">
        <v>8</v>
      </c>
      <c r="V36086">
        <v>8</v>
      </c>
      <c r="W36086">
        <v>8</v>
      </c>
      <c r="X36086">
        <v>8</v>
      </c>
      <c r="Y36086">
        <v>8</v>
      </c>
      <c r="Z36086">
        <v>8</v>
      </c>
      <c r="AA36086">
        <v>9</v>
      </c>
      <c r="AB36086">
        <v>9</v>
      </c>
      <c r="AC36086">
        <v>9</v>
      </c>
      <c r="AD36086">
        <v>9</v>
      </c>
      <c r="AE36086">
        <v>9</v>
      </c>
      <c r="AF36086">
        <v>9</v>
      </c>
      <c r="AG36086">
        <v>9</v>
      </c>
      <c r="AH36086">
        <v>10</v>
      </c>
      <c r="AI36086">
        <v>10</v>
      </c>
      <c r="AJ36086">
        <v>10</v>
      </c>
      <c r="AK36086">
        <v>10</v>
      </c>
      <c r="AL36086">
        <v>10</v>
      </c>
      <c r="AM36086">
        <v>10</v>
      </c>
      <c r="AN36086">
        <v>10</v>
      </c>
      <c r="AO36086">
        <v>10</v>
      </c>
      <c r="AP36086">
        <v>10</v>
      </c>
      <c r="AQ36086">
        <v>10</v>
      </c>
    </row>
    <row r="36087" spans="1:43">
      <c r="A36087" t="s">
        <v>22369</v>
      </c>
      <c r="B36087" t="s">
        <v>22370</v>
      </c>
      <c r="C36087" t="s">
        <v>22371</v>
      </c>
      <c r="D36087" t="s">
        <v>22372</v>
      </c>
      <c r="E36087" t="s">
        <v>22205</v>
      </c>
      <c r="F36087" t="s">
        <v>22206</v>
      </c>
      <c r="G36087" t="s">
        <v>20255</v>
      </c>
      <c r="H36087" t="s">
        <v>20256</v>
      </c>
      <c r="I36087" s="2">
        <v>1</v>
      </c>
      <c r="J36087" s="2">
        <v>0</v>
      </c>
      <c r="K36087" s="2">
        <v>0</v>
      </c>
      <c r="L36087" t="s">
        <v>120</v>
      </c>
      <c r="M36087" t="s">
        <v>87</v>
      </c>
      <c r="N36087" t="s">
        <v>88</v>
      </c>
      <c r="O36087" t="s">
        <v>85</v>
      </c>
      <c r="P36087" t="s">
        <v>86</v>
      </c>
      <c r="Q36087">
        <v>7</v>
      </c>
      <c r="R36087">
        <v>7</v>
      </c>
      <c r="S36087">
        <v>7</v>
      </c>
      <c r="T36087">
        <v>7</v>
      </c>
      <c r="U36087">
        <v>7</v>
      </c>
      <c r="V36087">
        <v>8</v>
      </c>
      <c r="W36087">
        <v>8</v>
      </c>
      <c r="X36087">
        <v>8</v>
      </c>
      <c r="Y36087">
        <v>8</v>
      </c>
      <c r="Z36087">
        <v>8</v>
      </c>
      <c r="AA36087">
        <v>8</v>
      </c>
      <c r="AB36087">
        <v>8</v>
      </c>
      <c r="AC36087">
        <v>8</v>
      </c>
      <c r="AD36087">
        <v>8</v>
      </c>
      <c r="AE36087">
        <v>8</v>
      </c>
      <c r="AF36087">
        <v>8</v>
      </c>
      <c r="AG36087">
        <v>8</v>
      </c>
      <c r="AH36087">
        <v>8</v>
      </c>
      <c r="AI36087">
        <v>8</v>
      </c>
      <c r="AJ36087">
        <v>8</v>
      </c>
      <c r="AK36087">
        <v>9</v>
      </c>
      <c r="AL36087">
        <v>9</v>
      </c>
      <c r="AM36087">
        <v>9</v>
      </c>
      <c r="AN36087">
        <v>9</v>
      </c>
      <c r="AO36087">
        <v>9</v>
      </c>
      <c r="AP36087">
        <v>9</v>
      </c>
      <c r="AQ36087">
        <v>9</v>
      </c>
    </row>
    <row r="36088" spans="1:43">
      <c r="A36088" t="s">
        <v>22369</v>
      </c>
      <c r="B36088" t="s">
        <v>22370</v>
      </c>
      <c r="C36088" t="s">
        <v>22371</v>
      </c>
      <c r="D36088" t="s">
        <v>22372</v>
      </c>
      <c r="E36088" t="s">
        <v>22205</v>
      </c>
      <c r="F36088" t="s">
        <v>22206</v>
      </c>
      <c r="G36088" t="s">
        <v>20255</v>
      </c>
      <c r="H36088" t="s">
        <v>20256</v>
      </c>
      <c r="I36088" s="2">
        <v>1</v>
      </c>
      <c r="J36088" s="2">
        <v>0</v>
      </c>
      <c r="K36088" s="2">
        <v>0</v>
      </c>
      <c r="L36088" t="s">
        <v>120</v>
      </c>
      <c r="M36088" t="s">
        <v>89</v>
      </c>
      <c r="N36088" t="s">
        <v>90</v>
      </c>
      <c r="O36088" t="s">
        <v>85</v>
      </c>
      <c r="P36088" t="s">
        <v>86</v>
      </c>
      <c r="Q36088">
        <v>7</v>
      </c>
      <c r="R36088">
        <v>8</v>
      </c>
      <c r="S36088">
        <v>8</v>
      </c>
      <c r="T36088">
        <v>8</v>
      </c>
      <c r="U36088">
        <v>8</v>
      </c>
      <c r="V36088">
        <v>8</v>
      </c>
      <c r="W36088">
        <v>8</v>
      </c>
      <c r="X36088">
        <v>9</v>
      </c>
      <c r="Y36088">
        <v>9</v>
      </c>
      <c r="Z36088">
        <v>9</v>
      </c>
      <c r="AA36088">
        <v>9</v>
      </c>
      <c r="AB36088">
        <v>9</v>
      </c>
      <c r="AC36088">
        <v>9</v>
      </c>
      <c r="AD36088">
        <v>10</v>
      </c>
      <c r="AE36088">
        <v>10</v>
      </c>
      <c r="AF36088">
        <v>10</v>
      </c>
      <c r="AG36088">
        <v>10</v>
      </c>
      <c r="AH36088">
        <v>10</v>
      </c>
      <c r="AI36088">
        <v>10</v>
      </c>
      <c r="AJ36088">
        <v>10</v>
      </c>
      <c r="AK36088">
        <v>10</v>
      </c>
      <c r="AL36088">
        <v>10</v>
      </c>
      <c r="AM36088">
        <v>10</v>
      </c>
      <c r="AN36088">
        <v>10</v>
      </c>
      <c r="AO36088">
        <v>10</v>
      </c>
      <c r="AP36088">
        <v>10</v>
      </c>
      <c r="AQ36088">
        <v>10</v>
      </c>
    </row>
    <row r="36089" spans="1:43">
      <c r="A36089" t="s">
        <v>22369</v>
      </c>
      <c r="B36089" t="s">
        <v>22370</v>
      </c>
      <c r="C36089" t="s">
        <v>22371</v>
      </c>
      <c r="D36089" t="s">
        <v>22372</v>
      </c>
      <c r="E36089" t="s">
        <v>22205</v>
      </c>
      <c r="F36089" t="s">
        <v>22206</v>
      </c>
      <c r="G36089" t="s">
        <v>20255</v>
      </c>
      <c r="H36089" t="s">
        <v>20256</v>
      </c>
      <c r="I36089" s="2">
        <v>1</v>
      </c>
      <c r="J36089" s="2">
        <v>0</v>
      </c>
      <c r="K36089" s="2">
        <v>0</v>
      </c>
      <c r="L36089" t="s">
        <v>120</v>
      </c>
      <c r="M36089" t="s">
        <v>83</v>
      </c>
      <c r="N36089" t="s">
        <v>91</v>
      </c>
      <c r="O36089" t="s">
        <v>85</v>
      </c>
      <c r="P36089" t="s">
        <v>86</v>
      </c>
      <c r="Q36089">
        <v>7</v>
      </c>
      <c r="R36089">
        <v>7</v>
      </c>
      <c r="S36089">
        <v>8</v>
      </c>
      <c r="T36089">
        <v>8</v>
      </c>
      <c r="U36089">
        <v>8</v>
      </c>
      <c r="V36089">
        <v>8</v>
      </c>
      <c r="W36089">
        <v>8</v>
      </c>
      <c r="X36089">
        <v>8</v>
      </c>
      <c r="Y36089">
        <v>8</v>
      </c>
      <c r="Z36089">
        <v>8</v>
      </c>
      <c r="AA36089">
        <v>9</v>
      </c>
      <c r="AB36089">
        <v>9</v>
      </c>
      <c r="AC36089">
        <v>9</v>
      </c>
      <c r="AD36089">
        <v>9</v>
      </c>
      <c r="AE36089">
        <v>9</v>
      </c>
      <c r="AF36089">
        <v>9</v>
      </c>
      <c r="AG36089">
        <v>9</v>
      </c>
      <c r="AH36089">
        <v>10</v>
      </c>
      <c r="AI36089">
        <v>10</v>
      </c>
      <c r="AJ36089">
        <v>10</v>
      </c>
      <c r="AK36089">
        <v>10</v>
      </c>
      <c r="AL36089">
        <v>10</v>
      </c>
      <c r="AM36089">
        <v>10</v>
      </c>
      <c r="AN36089">
        <v>10</v>
      </c>
      <c r="AO36089">
        <v>10</v>
      </c>
      <c r="AP36089">
        <v>10</v>
      </c>
      <c r="AQ36089">
        <v>10</v>
      </c>
    </row>
    <row r="36090" spans="1:43">
      <c r="A36090" t="s">
        <v>22373</v>
      </c>
      <c r="B36090" t="s">
        <v>22374</v>
      </c>
      <c r="C36090" t="s">
        <v>22363</v>
      </c>
      <c r="D36090" t="s">
        <v>22364</v>
      </c>
      <c r="E36090" t="s">
        <v>22205</v>
      </c>
      <c r="F36090" t="s">
        <v>22206</v>
      </c>
      <c r="G36090" t="s">
        <v>20255</v>
      </c>
      <c r="H36090" t="s">
        <v>20256</v>
      </c>
      <c r="I36090" s="2">
        <v>1</v>
      </c>
      <c r="J36090" s="2">
        <v>0</v>
      </c>
      <c r="K36090" s="2">
        <v>0</v>
      </c>
      <c r="L36090" t="s">
        <v>120</v>
      </c>
      <c r="M36090" t="s">
        <v>83</v>
      </c>
      <c r="N36090" t="s">
        <v>84</v>
      </c>
      <c r="O36090" t="s">
        <v>85</v>
      </c>
      <c r="P36090" t="s">
        <v>86</v>
      </c>
      <c r="Q36090">
        <v>8</v>
      </c>
      <c r="R36090">
        <v>8</v>
      </c>
      <c r="S36090">
        <v>8</v>
      </c>
      <c r="T36090">
        <v>8</v>
      </c>
      <c r="U36090">
        <v>8</v>
      </c>
      <c r="V36090">
        <v>9</v>
      </c>
      <c r="W36090">
        <v>9</v>
      </c>
      <c r="X36090">
        <v>9</v>
      </c>
      <c r="Y36090">
        <v>9</v>
      </c>
      <c r="Z36090">
        <v>9</v>
      </c>
      <c r="AA36090">
        <v>9</v>
      </c>
      <c r="AB36090">
        <v>9</v>
      </c>
      <c r="AC36090">
        <v>10</v>
      </c>
      <c r="AD36090">
        <v>10</v>
      </c>
      <c r="AE36090">
        <v>10</v>
      </c>
      <c r="AF36090">
        <v>10</v>
      </c>
      <c r="AG36090">
        <v>10</v>
      </c>
      <c r="AH36090">
        <v>10</v>
      </c>
      <c r="AI36090">
        <v>11</v>
      </c>
      <c r="AJ36090">
        <v>11</v>
      </c>
      <c r="AK36090">
        <v>11</v>
      </c>
      <c r="AL36090">
        <v>11</v>
      </c>
      <c r="AM36090">
        <v>11</v>
      </c>
      <c r="AN36090">
        <v>11</v>
      </c>
      <c r="AO36090">
        <v>11</v>
      </c>
      <c r="AP36090">
        <v>11</v>
      </c>
      <c r="AQ36090">
        <v>12</v>
      </c>
    </row>
    <row r="36091" spans="1:43">
      <c r="A36091" t="s">
        <v>22373</v>
      </c>
      <c r="B36091" t="s">
        <v>22374</v>
      </c>
      <c r="C36091" t="s">
        <v>22363</v>
      </c>
      <c r="D36091" t="s">
        <v>22364</v>
      </c>
      <c r="E36091" t="s">
        <v>22205</v>
      </c>
      <c r="F36091" t="s">
        <v>22206</v>
      </c>
      <c r="G36091" t="s">
        <v>20255</v>
      </c>
      <c r="H36091" t="s">
        <v>20256</v>
      </c>
      <c r="I36091" s="2">
        <v>1</v>
      </c>
      <c r="J36091" s="2">
        <v>0</v>
      </c>
      <c r="K36091" s="2">
        <v>0</v>
      </c>
      <c r="L36091" t="s">
        <v>120</v>
      </c>
      <c r="M36091" t="s">
        <v>87</v>
      </c>
      <c r="N36091" t="s">
        <v>88</v>
      </c>
      <c r="O36091" t="s">
        <v>85</v>
      </c>
      <c r="P36091" t="s">
        <v>86</v>
      </c>
      <c r="Q36091">
        <v>8</v>
      </c>
      <c r="R36091">
        <v>8</v>
      </c>
      <c r="S36091">
        <v>8</v>
      </c>
      <c r="T36091">
        <v>8</v>
      </c>
      <c r="U36091">
        <v>8</v>
      </c>
      <c r="V36091">
        <v>8</v>
      </c>
      <c r="W36091">
        <v>8</v>
      </c>
      <c r="X36091">
        <v>8</v>
      </c>
      <c r="Y36091">
        <v>8</v>
      </c>
      <c r="Z36091">
        <v>8</v>
      </c>
      <c r="AA36091">
        <v>9</v>
      </c>
      <c r="AB36091">
        <v>9</v>
      </c>
      <c r="AC36091">
        <v>9</v>
      </c>
      <c r="AD36091">
        <v>9</v>
      </c>
      <c r="AE36091">
        <v>9</v>
      </c>
      <c r="AF36091">
        <v>9</v>
      </c>
      <c r="AG36091">
        <v>9</v>
      </c>
      <c r="AH36091">
        <v>9</v>
      </c>
      <c r="AI36091">
        <v>9</v>
      </c>
      <c r="AJ36091">
        <v>9</v>
      </c>
      <c r="AK36091">
        <v>9</v>
      </c>
      <c r="AL36091">
        <v>9</v>
      </c>
      <c r="AM36091">
        <v>10</v>
      </c>
      <c r="AN36091">
        <v>10</v>
      </c>
      <c r="AO36091">
        <v>10</v>
      </c>
      <c r="AP36091">
        <v>10</v>
      </c>
      <c r="AQ36091">
        <v>10</v>
      </c>
    </row>
    <row r="36092" spans="1:43">
      <c r="A36092" t="s">
        <v>22373</v>
      </c>
      <c r="B36092" t="s">
        <v>22374</v>
      </c>
      <c r="C36092" t="s">
        <v>22363</v>
      </c>
      <c r="D36092" t="s">
        <v>22364</v>
      </c>
      <c r="E36092" t="s">
        <v>22205</v>
      </c>
      <c r="F36092" t="s">
        <v>22206</v>
      </c>
      <c r="G36092" t="s">
        <v>20255</v>
      </c>
      <c r="H36092" t="s">
        <v>20256</v>
      </c>
      <c r="I36092" s="2">
        <v>1</v>
      </c>
      <c r="J36092" s="2">
        <v>0</v>
      </c>
      <c r="K36092" s="2">
        <v>0</v>
      </c>
      <c r="L36092" t="s">
        <v>120</v>
      </c>
      <c r="M36092" t="s">
        <v>89</v>
      </c>
      <c r="N36092" t="s">
        <v>90</v>
      </c>
      <c r="O36092" t="s">
        <v>85</v>
      </c>
      <c r="P36092" t="s">
        <v>86</v>
      </c>
      <c r="Q36092">
        <v>8</v>
      </c>
      <c r="R36092">
        <v>8</v>
      </c>
      <c r="S36092">
        <v>8</v>
      </c>
      <c r="T36092">
        <v>9</v>
      </c>
      <c r="U36092">
        <v>9</v>
      </c>
      <c r="V36092">
        <v>9</v>
      </c>
      <c r="W36092">
        <v>9</v>
      </c>
      <c r="X36092">
        <v>9</v>
      </c>
      <c r="Y36092">
        <v>10</v>
      </c>
      <c r="Z36092">
        <v>10</v>
      </c>
      <c r="AA36092">
        <v>10</v>
      </c>
      <c r="AB36092">
        <v>10</v>
      </c>
      <c r="AC36092">
        <v>10</v>
      </c>
      <c r="AD36092">
        <v>11</v>
      </c>
      <c r="AE36092">
        <v>11</v>
      </c>
      <c r="AF36092">
        <v>11</v>
      </c>
      <c r="AG36092">
        <v>11</v>
      </c>
      <c r="AH36092">
        <v>11</v>
      </c>
      <c r="AI36092">
        <v>11</v>
      </c>
      <c r="AJ36092">
        <v>11</v>
      </c>
      <c r="AK36092">
        <v>11</v>
      </c>
      <c r="AL36092">
        <v>11</v>
      </c>
      <c r="AM36092">
        <v>11</v>
      </c>
      <c r="AN36092">
        <v>11</v>
      </c>
      <c r="AO36092">
        <v>11</v>
      </c>
      <c r="AP36092">
        <v>12</v>
      </c>
      <c r="AQ36092">
        <v>12</v>
      </c>
    </row>
    <row r="36093" spans="1:43">
      <c r="A36093" t="s">
        <v>22373</v>
      </c>
      <c r="B36093" t="s">
        <v>22374</v>
      </c>
      <c r="C36093" t="s">
        <v>22363</v>
      </c>
      <c r="D36093" t="s">
        <v>22364</v>
      </c>
      <c r="E36093" t="s">
        <v>22205</v>
      </c>
      <c r="F36093" t="s">
        <v>22206</v>
      </c>
      <c r="G36093" t="s">
        <v>20255</v>
      </c>
      <c r="H36093" t="s">
        <v>20256</v>
      </c>
      <c r="I36093" s="2">
        <v>1</v>
      </c>
      <c r="J36093" s="2">
        <v>0</v>
      </c>
      <c r="K36093" s="2">
        <v>0</v>
      </c>
      <c r="L36093" t="s">
        <v>120</v>
      </c>
      <c r="M36093" t="s">
        <v>83</v>
      </c>
      <c r="N36093" t="s">
        <v>91</v>
      </c>
      <c r="O36093" t="s">
        <v>85</v>
      </c>
      <c r="P36093" t="s">
        <v>86</v>
      </c>
      <c r="Q36093">
        <v>8</v>
      </c>
      <c r="R36093">
        <v>8</v>
      </c>
      <c r="S36093">
        <v>8</v>
      </c>
      <c r="T36093">
        <v>8</v>
      </c>
      <c r="U36093">
        <v>8</v>
      </c>
      <c r="V36093">
        <v>9</v>
      </c>
      <c r="W36093">
        <v>9</v>
      </c>
      <c r="X36093">
        <v>9</v>
      </c>
      <c r="Y36093">
        <v>9</v>
      </c>
      <c r="Z36093">
        <v>9</v>
      </c>
      <c r="AA36093">
        <v>9</v>
      </c>
      <c r="AB36093">
        <v>9</v>
      </c>
      <c r="AC36093">
        <v>10</v>
      </c>
      <c r="AD36093">
        <v>10</v>
      </c>
      <c r="AE36093">
        <v>10</v>
      </c>
      <c r="AF36093">
        <v>10</v>
      </c>
      <c r="AG36093">
        <v>10</v>
      </c>
      <c r="AH36093">
        <v>10</v>
      </c>
      <c r="AI36093">
        <v>11</v>
      </c>
      <c r="AJ36093">
        <v>11</v>
      </c>
      <c r="AK36093">
        <v>11</v>
      </c>
      <c r="AL36093">
        <v>11</v>
      </c>
      <c r="AM36093">
        <v>11</v>
      </c>
      <c r="AN36093">
        <v>11</v>
      </c>
      <c r="AO36093">
        <v>11</v>
      </c>
      <c r="AP36093">
        <v>11</v>
      </c>
      <c r="AQ36093">
        <v>12</v>
      </c>
    </row>
    <row r="36094" spans="1:43">
      <c r="A36094" t="s">
        <v>22375</v>
      </c>
      <c r="B36094" t="s">
        <v>22376</v>
      </c>
      <c r="C36094" t="s">
        <v>22363</v>
      </c>
      <c r="D36094" t="s">
        <v>22364</v>
      </c>
      <c r="E36094" t="s">
        <v>22205</v>
      </c>
      <c r="F36094" t="s">
        <v>22206</v>
      </c>
      <c r="G36094" t="s">
        <v>20255</v>
      </c>
      <c r="H36094" t="s">
        <v>20256</v>
      </c>
      <c r="I36094" s="2">
        <v>1</v>
      </c>
      <c r="J36094" s="2">
        <v>0</v>
      </c>
      <c r="K36094" s="2">
        <v>0</v>
      </c>
      <c r="L36094" t="s">
        <v>120</v>
      </c>
      <c r="M36094" t="s">
        <v>83</v>
      </c>
      <c r="N36094" t="s">
        <v>84</v>
      </c>
      <c r="O36094" t="s">
        <v>85</v>
      </c>
      <c r="P36094" t="s">
        <v>86</v>
      </c>
      <c r="Q36094">
        <v>6</v>
      </c>
      <c r="R36094">
        <v>6</v>
      </c>
      <c r="S36094">
        <v>6</v>
      </c>
      <c r="T36094">
        <v>6</v>
      </c>
      <c r="U36094">
        <v>6</v>
      </c>
      <c r="V36094">
        <v>6</v>
      </c>
      <c r="W36094">
        <v>6</v>
      </c>
      <c r="X36094">
        <v>6</v>
      </c>
      <c r="Y36094">
        <v>7</v>
      </c>
      <c r="Z36094">
        <v>7</v>
      </c>
      <c r="AA36094">
        <v>7</v>
      </c>
      <c r="AB36094">
        <v>7</v>
      </c>
      <c r="AC36094">
        <v>7</v>
      </c>
      <c r="AD36094">
        <v>7</v>
      </c>
      <c r="AE36094">
        <v>7</v>
      </c>
      <c r="AF36094">
        <v>7</v>
      </c>
      <c r="AG36094">
        <v>8</v>
      </c>
      <c r="AH36094">
        <v>8</v>
      </c>
      <c r="AI36094">
        <v>8</v>
      </c>
      <c r="AJ36094">
        <v>8</v>
      </c>
      <c r="AK36094">
        <v>8</v>
      </c>
      <c r="AL36094">
        <v>8</v>
      </c>
      <c r="AM36094">
        <v>8</v>
      </c>
      <c r="AN36094">
        <v>8</v>
      </c>
      <c r="AO36094">
        <v>8</v>
      </c>
      <c r="AP36094">
        <v>8</v>
      </c>
      <c r="AQ36094">
        <v>8</v>
      </c>
    </row>
    <row r="36095" spans="1:43">
      <c r="A36095" t="s">
        <v>22375</v>
      </c>
      <c r="B36095" t="s">
        <v>22376</v>
      </c>
      <c r="C36095" t="s">
        <v>22363</v>
      </c>
      <c r="D36095" t="s">
        <v>22364</v>
      </c>
      <c r="E36095" t="s">
        <v>22205</v>
      </c>
      <c r="F36095" t="s">
        <v>22206</v>
      </c>
      <c r="G36095" t="s">
        <v>20255</v>
      </c>
      <c r="H36095" t="s">
        <v>20256</v>
      </c>
      <c r="I36095" s="2">
        <v>1</v>
      </c>
      <c r="J36095" s="2">
        <v>0</v>
      </c>
      <c r="K36095" s="2">
        <v>0</v>
      </c>
      <c r="L36095" t="s">
        <v>120</v>
      </c>
      <c r="M36095" t="s">
        <v>87</v>
      </c>
      <c r="N36095" t="s">
        <v>88</v>
      </c>
      <c r="O36095" t="s">
        <v>85</v>
      </c>
      <c r="P36095" t="s">
        <v>86</v>
      </c>
      <c r="Q36095">
        <v>6</v>
      </c>
      <c r="R36095">
        <v>6</v>
      </c>
      <c r="S36095">
        <v>6</v>
      </c>
      <c r="T36095">
        <v>6</v>
      </c>
      <c r="U36095">
        <v>6</v>
      </c>
      <c r="V36095">
        <v>6</v>
      </c>
      <c r="W36095">
        <v>6</v>
      </c>
      <c r="X36095">
        <v>6</v>
      </c>
      <c r="Y36095">
        <v>6</v>
      </c>
      <c r="Z36095">
        <v>6</v>
      </c>
      <c r="AA36095">
        <v>6</v>
      </c>
      <c r="AB36095">
        <v>6</v>
      </c>
      <c r="AC36095">
        <v>6</v>
      </c>
      <c r="AD36095">
        <v>6</v>
      </c>
      <c r="AE36095">
        <v>6</v>
      </c>
      <c r="AF36095">
        <v>7</v>
      </c>
      <c r="AG36095">
        <v>7</v>
      </c>
      <c r="AH36095">
        <v>7</v>
      </c>
      <c r="AI36095">
        <v>7</v>
      </c>
      <c r="AJ36095">
        <v>7</v>
      </c>
      <c r="AK36095">
        <v>7</v>
      </c>
      <c r="AL36095">
        <v>7</v>
      </c>
      <c r="AM36095">
        <v>7</v>
      </c>
      <c r="AN36095">
        <v>7</v>
      </c>
      <c r="AO36095">
        <v>7</v>
      </c>
      <c r="AP36095">
        <v>7</v>
      </c>
      <c r="AQ36095">
        <v>7</v>
      </c>
    </row>
    <row r="36096" spans="1:43">
      <c r="A36096" t="s">
        <v>22375</v>
      </c>
      <c r="B36096" t="s">
        <v>22376</v>
      </c>
      <c r="C36096" t="s">
        <v>22363</v>
      </c>
      <c r="D36096" t="s">
        <v>22364</v>
      </c>
      <c r="E36096" t="s">
        <v>22205</v>
      </c>
      <c r="F36096" t="s">
        <v>22206</v>
      </c>
      <c r="G36096" t="s">
        <v>20255</v>
      </c>
      <c r="H36096" t="s">
        <v>20256</v>
      </c>
      <c r="I36096" s="2">
        <v>1</v>
      </c>
      <c r="J36096" s="2">
        <v>0</v>
      </c>
      <c r="K36096" s="2">
        <v>0</v>
      </c>
      <c r="L36096" t="s">
        <v>120</v>
      </c>
      <c r="M36096" t="s">
        <v>89</v>
      </c>
      <c r="N36096" t="s">
        <v>90</v>
      </c>
      <c r="O36096" t="s">
        <v>85</v>
      </c>
      <c r="P36096" t="s">
        <v>86</v>
      </c>
      <c r="Q36096">
        <v>6</v>
      </c>
      <c r="R36096">
        <v>6</v>
      </c>
      <c r="S36096">
        <v>6</v>
      </c>
      <c r="T36096">
        <v>6</v>
      </c>
      <c r="U36096">
        <v>6</v>
      </c>
      <c r="V36096">
        <v>7</v>
      </c>
      <c r="W36096">
        <v>7</v>
      </c>
      <c r="X36096">
        <v>7</v>
      </c>
      <c r="Y36096">
        <v>7</v>
      </c>
      <c r="Z36096">
        <v>7</v>
      </c>
      <c r="AA36096">
        <v>7</v>
      </c>
      <c r="AB36096">
        <v>7</v>
      </c>
      <c r="AC36096">
        <v>8</v>
      </c>
      <c r="AD36096">
        <v>8</v>
      </c>
      <c r="AE36096">
        <v>8</v>
      </c>
      <c r="AF36096">
        <v>8</v>
      </c>
      <c r="AG36096">
        <v>8</v>
      </c>
      <c r="AH36096">
        <v>8</v>
      </c>
      <c r="AI36096">
        <v>8</v>
      </c>
      <c r="AJ36096">
        <v>8</v>
      </c>
      <c r="AK36096">
        <v>8</v>
      </c>
      <c r="AL36096">
        <v>8</v>
      </c>
      <c r="AM36096">
        <v>8</v>
      </c>
      <c r="AN36096">
        <v>8</v>
      </c>
      <c r="AO36096">
        <v>8</v>
      </c>
      <c r="AP36096">
        <v>8</v>
      </c>
      <c r="AQ36096">
        <v>8</v>
      </c>
    </row>
    <row r="36097" spans="1:43">
      <c r="A36097" t="s">
        <v>22375</v>
      </c>
      <c r="B36097" t="s">
        <v>22376</v>
      </c>
      <c r="C36097" t="s">
        <v>22363</v>
      </c>
      <c r="D36097" t="s">
        <v>22364</v>
      </c>
      <c r="E36097" t="s">
        <v>22205</v>
      </c>
      <c r="F36097" t="s">
        <v>22206</v>
      </c>
      <c r="G36097" t="s">
        <v>20255</v>
      </c>
      <c r="H36097" t="s">
        <v>20256</v>
      </c>
      <c r="I36097" s="2">
        <v>1</v>
      </c>
      <c r="J36097" s="2">
        <v>0</v>
      </c>
      <c r="K36097" s="2">
        <v>0</v>
      </c>
      <c r="L36097" t="s">
        <v>120</v>
      </c>
      <c r="M36097" t="s">
        <v>83</v>
      </c>
      <c r="N36097" t="s">
        <v>91</v>
      </c>
      <c r="O36097" t="s">
        <v>85</v>
      </c>
      <c r="P36097" t="s">
        <v>86</v>
      </c>
      <c r="Q36097">
        <v>6</v>
      </c>
      <c r="R36097">
        <v>6</v>
      </c>
      <c r="S36097">
        <v>6</v>
      </c>
      <c r="T36097">
        <v>6</v>
      </c>
      <c r="U36097">
        <v>6</v>
      </c>
      <c r="V36097">
        <v>6</v>
      </c>
      <c r="W36097">
        <v>6</v>
      </c>
      <c r="X36097">
        <v>6</v>
      </c>
      <c r="Y36097">
        <v>7</v>
      </c>
      <c r="Z36097">
        <v>7</v>
      </c>
      <c r="AA36097">
        <v>7</v>
      </c>
      <c r="AB36097">
        <v>7</v>
      </c>
      <c r="AC36097">
        <v>7</v>
      </c>
      <c r="AD36097">
        <v>7</v>
      </c>
      <c r="AE36097">
        <v>7</v>
      </c>
      <c r="AF36097">
        <v>7</v>
      </c>
      <c r="AG36097">
        <v>8</v>
      </c>
      <c r="AH36097">
        <v>8</v>
      </c>
      <c r="AI36097">
        <v>8</v>
      </c>
      <c r="AJ36097">
        <v>8</v>
      </c>
      <c r="AK36097">
        <v>8</v>
      </c>
      <c r="AL36097">
        <v>8</v>
      </c>
      <c r="AM36097">
        <v>8</v>
      </c>
      <c r="AN36097">
        <v>8</v>
      </c>
      <c r="AO36097">
        <v>8</v>
      </c>
      <c r="AP36097">
        <v>8</v>
      </c>
      <c r="AQ36097">
        <v>8</v>
      </c>
    </row>
    <row r="36098" spans="1:43">
      <c r="A36098" t="s">
        <v>22377</v>
      </c>
      <c r="B36098" t="s">
        <v>22378</v>
      </c>
      <c r="C36098" t="s">
        <v>22379</v>
      </c>
      <c r="D36098" t="s">
        <v>22380</v>
      </c>
      <c r="E36098" t="s">
        <v>22205</v>
      </c>
      <c r="F36098" t="s">
        <v>22206</v>
      </c>
      <c r="G36098" t="s">
        <v>20255</v>
      </c>
      <c r="H36098" t="s">
        <v>20256</v>
      </c>
      <c r="I36098" s="2">
        <v>1</v>
      </c>
      <c r="J36098" s="2">
        <v>0</v>
      </c>
      <c r="K36098" s="2">
        <v>0</v>
      </c>
      <c r="L36098" t="s">
        <v>120</v>
      </c>
      <c r="M36098" t="s">
        <v>83</v>
      </c>
      <c r="N36098" t="s">
        <v>84</v>
      </c>
      <c r="O36098" t="s">
        <v>85</v>
      </c>
      <c r="P36098" t="s">
        <v>86</v>
      </c>
      <c r="Q36098">
        <v>56</v>
      </c>
      <c r="R36098">
        <v>57</v>
      </c>
      <c r="S36098">
        <v>58</v>
      </c>
      <c r="T36098">
        <v>59</v>
      </c>
      <c r="U36098">
        <v>60</v>
      </c>
      <c r="V36098">
        <v>61</v>
      </c>
      <c r="W36098">
        <v>62</v>
      </c>
      <c r="X36098">
        <v>63</v>
      </c>
      <c r="Y36098">
        <v>64</v>
      </c>
      <c r="Z36098">
        <v>66</v>
      </c>
      <c r="AA36098">
        <v>67</v>
      </c>
      <c r="AB36098">
        <v>68</v>
      </c>
      <c r="AC36098">
        <v>69</v>
      </c>
      <c r="AD36098">
        <v>70</v>
      </c>
      <c r="AE36098">
        <v>71</v>
      </c>
      <c r="AF36098">
        <v>72</v>
      </c>
      <c r="AG36098">
        <v>74</v>
      </c>
      <c r="AH36098">
        <v>75</v>
      </c>
      <c r="AI36098">
        <v>76</v>
      </c>
      <c r="AJ36098">
        <v>77</v>
      </c>
      <c r="AK36098">
        <v>78</v>
      </c>
      <c r="AL36098">
        <v>79</v>
      </c>
      <c r="AM36098">
        <v>80</v>
      </c>
      <c r="AN36098">
        <v>80</v>
      </c>
      <c r="AO36098">
        <v>81</v>
      </c>
      <c r="AP36098">
        <v>82</v>
      </c>
      <c r="AQ36098">
        <v>82</v>
      </c>
    </row>
    <row r="36099" spans="1:43">
      <c r="A36099" t="s">
        <v>22377</v>
      </c>
      <c r="B36099" t="s">
        <v>22378</v>
      </c>
      <c r="C36099" t="s">
        <v>22379</v>
      </c>
      <c r="D36099" t="s">
        <v>22380</v>
      </c>
      <c r="E36099" t="s">
        <v>22205</v>
      </c>
      <c r="F36099" t="s">
        <v>22206</v>
      </c>
      <c r="G36099" t="s">
        <v>20255</v>
      </c>
      <c r="H36099" t="s">
        <v>20256</v>
      </c>
      <c r="I36099" s="2">
        <v>1</v>
      </c>
      <c r="J36099" s="2">
        <v>0</v>
      </c>
      <c r="K36099" s="2">
        <v>0</v>
      </c>
      <c r="L36099" t="s">
        <v>120</v>
      </c>
      <c r="M36099" t="s">
        <v>87</v>
      </c>
      <c r="N36099" t="s">
        <v>88</v>
      </c>
      <c r="O36099" t="s">
        <v>85</v>
      </c>
      <c r="P36099" t="s">
        <v>86</v>
      </c>
      <c r="Q36099">
        <v>56</v>
      </c>
      <c r="R36099">
        <v>57</v>
      </c>
      <c r="S36099">
        <v>57</v>
      </c>
      <c r="T36099">
        <v>58</v>
      </c>
      <c r="U36099">
        <v>58</v>
      </c>
      <c r="V36099">
        <v>59</v>
      </c>
      <c r="W36099">
        <v>59</v>
      </c>
      <c r="X36099">
        <v>60</v>
      </c>
      <c r="Y36099">
        <v>61</v>
      </c>
      <c r="Z36099">
        <v>61</v>
      </c>
      <c r="AA36099">
        <v>62</v>
      </c>
      <c r="AB36099">
        <v>62</v>
      </c>
      <c r="AC36099">
        <v>63</v>
      </c>
      <c r="AD36099">
        <v>64</v>
      </c>
      <c r="AE36099">
        <v>64</v>
      </c>
      <c r="AF36099">
        <v>65</v>
      </c>
      <c r="AG36099">
        <v>65</v>
      </c>
      <c r="AH36099">
        <v>66</v>
      </c>
      <c r="AI36099">
        <v>67</v>
      </c>
      <c r="AJ36099">
        <v>67</v>
      </c>
      <c r="AK36099">
        <v>68</v>
      </c>
      <c r="AL36099">
        <v>69</v>
      </c>
      <c r="AM36099">
        <v>69</v>
      </c>
      <c r="AN36099">
        <v>70</v>
      </c>
      <c r="AO36099">
        <v>71</v>
      </c>
      <c r="AP36099">
        <v>71</v>
      </c>
      <c r="AQ36099">
        <v>72</v>
      </c>
    </row>
    <row r="36100" spans="1:43">
      <c r="A36100" t="s">
        <v>22377</v>
      </c>
      <c r="B36100" t="s">
        <v>22378</v>
      </c>
      <c r="C36100" t="s">
        <v>22379</v>
      </c>
      <c r="D36100" t="s">
        <v>22380</v>
      </c>
      <c r="E36100" t="s">
        <v>22205</v>
      </c>
      <c r="F36100" t="s">
        <v>22206</v>
      </c>
      <c r="G36100" t="s">
        <v>20255</v>
      </c>
      <c r="H36100" t="s">
        <v>20256</v>
      </c>
      <c r="I36100" s="2">
        <v>1</v>
      </c>
      <c r="J36100" s="2">
        <v>0</v>
      </c>
      <c r="K36100" s="2">
        <v>0</v>
      </c>
      <c r="L36100" t="s">
        <v>120</v>
      </c>
      <c r="M36100" t="s">
        <v>89</v>
      </c>
      <c r="N36100" t="s">
        <v>90</v>
      </c>
      <c r="O36100" t="s">
        <v>85</v>
      </c>
      <c r="P36100" t="s">
        <v>86</v>
      </c>
      <c r="Q36100">
        <v>56</v>
      </c>
      <c r="R36100">
        <v>58</v>
      </c>
      <c r="S36100">
        <v>59</v>
      </c>
      <c r="T36100">
        <v>61</v>
      </c>
      <c r="U36100">
        <v>62</v>
      </c>
      <c r="V36100">
        <v>64</v>
      </c>
      <c r="W36100">
        <v>65</v>
      </c>
      <c r="X36100">
        <v>67</v>
      </c>
      <c r="Y36100">
        <v>68</v>
      </c>
      <c r="Z36100">
        <v>70</v>
      </c>
      <c r="AA36100">
        <v>71</v>
      </c>
      <c r="AB36100">
        <v>72</v>
      </c>
      <c r="AC36100">
        <v>74</v>
      </c>
      <c r="AD36100">
        <v>75</v>
      </c>
      <c r="AE36100">
        <v>76</v>
      </c>
      <c r="AF36100">
        <v>77</v>
      </c>
      <c r="AG36100">
        <v>77</v>
      </c>
      <c r="AH36100">
        <v>78</v>
      </c>
      <c r="AI36100">
        <v>79</v>
      </c>
      <c r="AJ36100">
        <v>79</v>
      </c>
      <c r="AK36100">
        <v>80</v>
      </c>
      <c r="AL36100">
        <v>80</v>
      </c>
      <c r="AM36100">
        <v>81</v>
      </c>
      <c r="AN36100">
        <v>81</v>
      </c>
      <c r="AO36100">
        <v>82</v>
      </c>
      <c r="AP36100">
        <v>83</v>
      </c>
      <c r="AQ36100">
        <v>83</v>
      </c>
    </row>
    <row r="36101" spans="1:43">
      <c r="A36101" t="s">
        <v>22377</v>
      </c>
      <c r="B36101" t="s">
        <v>22378</v>
      </c>
      <c r="C36101" t="s">
        <v>22379</v>
      </c>
      <c r="D36101" t="s">
        <v>22380</v>
      </c>
      <c r="E36101" t="s">
        <v>22205</v>
      </c>
      <c r="F36101" t="s">
        <v>22206</v>
      </c>
      <c r="G36101" t="s">
        <v>20255</v>
      </c>
      <c r="H36101" t="s">
        <v>20256</v>
      </c>
      <c r="I36101" s="2">
        <v>1</v>
      </c>
      <c r="J36101" s="2">
        <v>0</v>
      </c>
      <c r="K36101" s="2">
        <v>0</v>
      </c>
      <c r="L36101" t="s">
        <v>120</v>
      </c>
      <c r="M36101" t="s">
        <v>83</v>
      </c>
      <c r="N36101" t="s">
        <v>91</v>
      </c>
      <c r="O36101" t="s">
        <v>85</v>
      </c>
      <c r="P36101" t="s">
        <v>86</v>
      </c>
      <c r="Q36101">
        <v>56</v>
      </c>
      <c r="R36101">
        <v>57</v>
      </c>
      <c r="S36101">
        <v>58</v>
      </c>
      <c r="T36101">
        <v>59</v>
      </c>
      <c r="U36101">
        <v>60</v>
      </c>
      <c r="V36101">
        <v>61</v>
      </c>
      <c r="W36101">
        <v>62</v>
      </c>
      <c r="X36101">
        <v>63</v>
      </c>
      <c r="Y36101">
        <v>64</v>
      </c>
      <c r="Z36101">
        <v>66</v>
      </c>
      <c r="AA36101">
        <v>67</v>
      </c>
      <c r="AB36101">
        <v>68</v>
      </c>
      <c r="AC36101">
        <v>69</v>
      </c>
      <c r="AD36101">
        <v>70</v>
      </c>
      <c r="AE36101">
        <v>71</v>
      </c>
      <c r="AF36101">
        <v>72</v>
      </c>
      <c r="AG36101">
        <v>74</v>
      </c>
      <c r="AH36101">
        <v>75</v>
      </c>
      <c r="AI36101">
        <v>76</v>
      </c>
      <c r="AJ36101">
        <v>77</v>
      </c>
      <c r="AK36101">
        <v>78</v>
      </c>
      <c r="AL36101">
        <v>79</v>
      </c>
      <c r="AM36101">
        <v>80</v>
      </c>
      <c r="AN36101">
        <v>80</v>
      </c>
      <c r="AO36101">
        <v>81</v>
      </c>
      <c r="AP36101">
        <v>82</v>
      </c>
      <c r="AQ36101">
        <v>82</v>
      </c>
    </row>
    <row r="36102" spans="1:43">
      <c r="A36102" t="s">
        <v>22381</v>
      </c>
      <c r="B36102" t="s">
        <v>22382</v>
      </c>
      <c r="C36102" t="s">
        <v>22383</v>
      </c>
      <c r="D36102" t="s">
        <v>22384</v>
      </c>
      <c r="E36102" t="s">
        <v>22205</v>
      </c>
      <c r="F36102" t="s">
        <v>22206</v>
      </c>
      <c r="G36102" t="s">
        <v>20255</v>
      </c>
      <c r="H36102" t="s">
        <v>20256</v>
      </c>
      <c r="I36102" s="2">
        <v>1</v>
      </c>
      <c r="J36102" s="2">
        <v>0</v>
      </c>
      <c r="K36102" s="2">
        <v>0</v>
      </c>
      <c r="L36102" t="s">
        <v>120</v>
      </c>
      <c r="M36102" t="s">
        <v>83</v>
      </c>
      <c r="N36102" t="s">
        <v>84</v>
      </c>
      <c r="O36102" t="s">
        <v>85</v>
      </c>
      <c r="P36102" t="s">
        <v>86</v>
      </c>
      <c r="Q36102">
        <v>97</v>
      </c>
      <c r="R36102">
        <v>99</v>
      </c>
      <c r="S36102">
        <v>101</v>
      </c>
      <c r="T36102">
        <v>103</v>
      </c>
      <c r="U36102">
        <v>105</v>
      </c>
      <c r="V36102">
        <v>107</v>
      </c>
      <c r="W36102">
        <v>109</v>
      </c>
      <c r="X36102">
        <v>111</v>
      </c>
      <c r="Y36102">
        <v>113</v>
      </c>
      <c r="Z36102">
        <v>115</v>
      </c>
      <c r="AA36102">
        <v>117</v>
      </c>
      <c r="AB36102">
        <v>119</v>
      </c>
      <c r="AC36102">
        <v>121</v>
      </c>
      <c r="AD36102">
        <v>123</v>
      </c>
      <c r="AE36102">
        <v>125</v>
      </c>
      <c r="AF36102">
        <v>127</v>
      </c>
      <c r="AG36102">
        <v>129</v>
      </c>
      <c r="AH36102">
        <v>131</v>
      </c>
      <c r="AI36102">
        <v>133</v>
      </c>
      <c r="AJ36102">
        <v>135</v>
      </c>
      <c r="AK36102">
        <v>137</v>
      </c>
      <c r="AL36102">
        <v>139</v>
      </c>
      <c r="AM36102">
        <v>140</v>
      </c>
      <c r="AN36102">
        <v>141</v>
      </c>
      <c r="AO36102">
        <v>142</v>
      </c>
      <c r="AP36102">
        <v>143</v>
      </c>
      <c r="AQ36102">
        <v>144</v>
      </c>
    </row>
    <row r="36103" spans="1:43">
      <c r="A36103" t="s">
        <v>22381</v>
      </c>
      <c r="B36103" t="s">
        <v>22382</v>
      </c>
      <c r="C36103" t="s">
        <v>22383</v>
      </c>
      <c r="D36103" t="s">
        <v>22384</v>
      </c>
      <c r="E36103" t="s">
        <v>22205</v>
      </c>
      <c r="F36103" t="s">
        <v>22206</v>
      </c>
      <c r="G36103" t="s">
        <v>20255</v>
      </c>
      <c r="H36103" t="s">
        <v>20256</v>
      </c>
      <c r="I36103" s="2">
        <v>1</v>
      </c>
      <c r="J36103" s="2">
        <v>0</v>
      </c>
      <c r="K36103" s="2">
        <v>0</v>
      </c>
      <c r="L36103" t="s">
        <v>120</v>
      </c>
      <c r="M36103" t="s">
        <v>87</v>
      </c>
      <c r="N36103" t="s">
        <v>88</v>
      </c>
      <c r="O36103" t="s">
        <v>85</v>
      </c>
      <c r="P36103" t="s">
        <v>86</v>
      </c>
      <c r="Q36103">
        <v>97</v>
      </c>
      <c r="R36103">
        <v>98</v>
      </c>
      <c r="S36103">
        <v>99</v>
      </c>
      <c r="T36103">
        <v>100</v>
      </c>
      <c r="U36103">
        <v>101</v>
      </c>
      <c r="V36103">
        <v>102</v>
      </c>
      <c r="W36103">
        <v>103</v>
      </c>
      <c r="X36103">
        <v>104</v>
      </c>
      <c r="Y36103">
        <v>105</v>
      </c>
      <c r="Z36103">
        <v>106</v>
      </c>
      <c r="AA36103">
        <v>107</v>
      </c>
      <c r="AB36103">
        <v>108</v>
      </c>
      <c r="AC36103">
        <v>110</v>
      </c>
      <c r="AD36103">
        <v>111</v>
      </c>
      <c r="AE36103">
        <v>112</v>
      </c>
      <c r="AF36103">
        <v>113</v>
      </c>
      <c r="AG36103">
        <v>114</v>
      </c>
      <c r="AH36103">
        <v>115</v>
      </c>
      <c r="AI36103">
        <v>116</v>
      </c>
      <c r="AJ36103">
        <v>117</v>
      </c>
      <c r="AK36103">
        <v>118</v>
      </c>
      <c r="AL36103">
        <v>120</v>
      </c>
      <c r="AM36103">
        <v>121</v>
      </c>
      <c r="AN36103">
        <v>122</v>
      </c>
      <c r="AO36103">
        <v>123</v>
      </c>
      <c r="AP36103">
        <v>124</v>
      </c>
      <c r="AQ36103">
        <v>126</v>
      </c>
    </row>
    <row r="36104" spans="1:43">
      <c r="A36104" t="s">
        <v>22381</v>
      </c>
      <c r="B36104" t="s">
        <v>22382</v>
      </c>
      <c r="C36104" t="s">
        <v>22383</v>
      </c>
      <c r="D36104" t="s">
        <v>22384</v>
      </c>
      <c r="E36104" t="s">
        <v>22205</v>
      </c>
      <c r="F36104" t="s">
        <v>22206</v>
      </c>
      <c r="G36104" t="s">
        <v>20255</v>
      </c>
      <c r="H36104" t="s">
        <v>20256</v>
      </c>
      <c r="I36104" s="2">
        <v>1</v>
      </c>
      <c r="J36104" s="2">
        <v>0</v>
      </c>
      <c r="K36104" s="2">
        <v>0</v>
      </c>
      <c r="L36104" t="s">
        <v>120</v>
      </c>
      <c r="M36104" t="s">
        <v>89</v>
      </c>
      <c r="N36104" t="s">
        <v>90</v>
      </c>
      <c r="O36104" t="s">
        <v>85</v>
      </c>
      <c r="P36104" t="s">
        <v>86</v>
      </c>
      <c r="Q36104">
        <v>97</v>
      </c>
      <c r="R36104">
        <v>100</v>
      </c>
      <c r="S36104">
        <v>103</v>
      </c>
      <c r="T36104">
        <v>106</v>
      </c>
      <c r="U36104">
        <v>108</v>
      </c>
      <c r="V36104">
        <v>111</v>
      </c>
      <c r="W36104">
        <v>113</v>
      </c>
      <c r="X36104">
        <v>116</v>
      </c>
      <c r="Y36104">
        <v>118</v>
      </c>
      <c r="Z36104">
        <v>121</v>
      </c>
      <c r="AA36104">
        <v>123</v>
      </c>
      <c r="AB36104">
        <v>126</v>
      </c>
      <c r="AC36104">
        <v>128</v>
      </c>
      <c r="AD36104">
        <v>131</v>
      </c>
      <c r="AE36104">
        <v>133</v>
      </c>
      <c r="AF36104">
        <v>134</v>
      </c>
      <c r="AG36104">
        <v>135</v>
      </c>
      <c r="AH36104">
        <v>136</v>
      </c>
      <c r="AI36104">
        <v>137</v>
      </c>
      <c r="AJ36104">
        <v>138</v>
      </c>
      <c r="AK36104">
        <v>139</v>
      </c>
      <c r="AL36104">
        <v>140</v>
      </c>
      <c r="AM36104">
        <v>141</v>
      </c>
      <c r="AN36104">
        <v>142</v>
      </c>
      <c r="AO36104">
        <v>143</v>
      </c>
      <c r="AP36104">
        <v>144</v>
      </c>
      <c r="AQ36104">
        <v>145</v>
      </c>
    </row>
    <row r="36105" spans="1:43">
      <c r="A36105" t="s">
        <v>22381</v>
      </c>
      <c r="B36105" t="s">
        <v>22382</v>
      </c>
      <c r="C36105" t="s">
        <v>22383</v>
      </c>
      <c r="D36105" t="s">
        <v>22384</v>
      </c>
      <c r="E36105" t="s">
        <v>22205</v>
      </c>
      <c r="F36105" t="s">
        <v>22206</v>
      </c>
      <c r="G36105" t="s">
        <v>20255</v>
      </c>
      <c r="H36105" t="s">
        <v>20256</v>
      </c>
      <c r="I36105" s="2">
        <v>1</v>
      </c>
      <c r="J36105" s="2">
        <v>0</v>
      </c>
      <c r="K36105" s="2">
        <v>0</v>
      </c>
      <c r="L36105" t="s">
        <v>120</v>
      </c>
      <c r="M36105" t="s">
        <v>83</v>
      </c>
      <c r="N36105" t="s">
        <v>91</v>
      </c>
      <c r="O36105" t="s">
        <v>85</v>
      </c>
      <c r="P36105" t="s">
        <v>86</v>
      </c>
      <c r="Q36105">
        <v>97</v>
      </c>
      <c r="R36105">
        <v>99</v>
      </c>
      <c r="S36105">
        <v>101</v>
      </c>
      <c r="T36105">
        <v>103</v>
      </c>
      <c r="U36105">
        <v>105</v>
      </c>
      <c r="V36105">
        <v>107</v>
      </c>
      <c r="W36105">
        <v>109</v>
      </c>
      <c r="X36105">
        <v>111</v>
      </c>
      <c r="Y36105">
        <v>113</v>
      </c>
      <c r="Z36105">
        <v>115</v>
      </c>
      <c r="AA36105">
        <v>117</v>
      </c>
      <c r="AB36105">
        <v>119</v>
      </c>
      <c r="AC36105">
        <v>121</v>
      </c>
      <c r="AD36105">
        <v>123</v>
      </c>
      <c r="AE36105">
        <v>125</v>
      </c>
      <c r="AF36105">
        <v>127</v>
      </c>
      <c r="AG36105">
        <v>129</v>
      </c>
      <c r="AH36105">
        <v>131</v>
      </c>
      <c r="AI36105">
        <v>133</v>
      </c>
      <c r="AJ36105">
        <v>135</v>
      </c>
      <c r="AK36105">
        <v>137</v>
      </c>
      <c r="AL36105">
        <v>139</v>
      </c>
      <c r="AM36105">
        <v>140</v>
      </c>
      <c r="AN36105">
        <v>141</v>
      </c>
      <c r="AO36105">
        <v>142</v>
      </c>
      <c r="AP36105">
        <v>143</v>
      </c>
      <c r="AQ36105">
        <v>144</v>
      </c>
    </row>
    <row r="36106" spans="1:43">
      <c r="A36106" t="s">
        <v>22385</v>
      </c>
      <c r="B36106" t="s">
        <v>22386</v>
      </c>
      <c r="C36106" t="s">
        <v>22383</v>
      </c>
      <c r="D36106" t="s">
        <v>22384</v>
      </c>
      <c r="E36106" t="s">
        <v>22205</v>
      </c>
      <c r="F36106" t="s">
        <v>22206</v>
      </c>
      <c r="G36106" t="s">
        <v>20255</v>
      </c>
      <c r="H36106" t="s">
        <v>20256</v>
      </c>
      <c r="I36106" s="2">
        <v>1</v>
      </c>
      <c r="J36106" s="2">
        <v>0</v>
      </c>
      <c r="K36106" s="2">
        <v>0</v>
      </c>
      <c r="L36106" t="s">
        <v>120</v>
      </c>
      <c r="M36106" t="s">
        <v>83</v>
      </c>
      <c r="N36106" t="s">
        <v>84</v>
      </c>
      <c r="O36106" t="s">
        <v>85</v>
      </c>
      <c r="P36106" t="s">
        <v>86</v>
      </c>
      <c r="Q36106">
        <v>10</v>
      </c>
      <c r="R36106">
        <v>10</v>
      </c>
      <c r="S36106">
        <v>10</v>
      </c>
      <c r="T36106">
        <v>11</v>
      </c>
      <c r="U36106">
        <v>11</v>
      </c>
      <c r="V36106">
        <v>11</v>
      </c>
      <c r="W36106">
        <v>11</v>
      </c>
      <c r="X36106">
        <v>11</v>
      </c>
      <c r="Y36106">
        <v>12</v>
      </c>
      <c r="Z36106">
        <v>12</v>
      </c>
      <c r="AA36106">
        <v>12</v>
      </c>
      <c r="AB36106">
        <v>12</v>
      </c>
      <c r="AC36106">
        <v>12</v>
      </c>
      <c r="AD36106">
        <v>13</v>
      </c>
      <c r="AE36106">
        <v>13</v>
      </c>
      <c r="AF36106">
        <v>13</v>
      </c>
      <c r="AG36106">
        <v>13</v>
      </c>
      <c r="AH36106">
        <v>14</v>
      </c>
      <c r="AI36106">
        <v>14</v>
      </c>
      <c r="AJ36106">
        <v>14</v>
      </c>
      <c r="AK36106">
        <v>14</v>
      </c>
      <c r="AL36106">
        <v>14</v>
      </c>
      <c r="AM36106">
        <v>14</v>
      </c>
      <c r="AN36106">
        <v>15</v>
      </c>
      <c r="AO36106">
        <v>15</v>
      </c>
      <c r="AP36106">
        <v>15</v>
      </c>
      <c r="AQ36106">
        <v>15</v>
      </c>
    </row>
    <row r="36107" spans="1:43">
      <c r="A36107" t="s">
        <v>22385</v>
      </c>
      <c r="B36107" t="s">
        <v>22386</v>
      </c>
      <c r="C36107" t="s">
        <v>22383</v>
      </c>
      <c r="D36107" t="s">
        <v>22384</v>
      </c>
      <c r="E36107" t="s">
        <v>22205</v>
      </c>
      <c r="F36107" t="s">
        <v>22206</v>
      </c>
      <c r="G36107" t="s">
        <v>20255</v>
      </c>
      <c r="H36107" t="s">
        <v>20256</v>
      </c>
      <c r="I36107" s="2">
        <v>1</v>
      </c>
      <c r="J36107" s="2">
        <v>0</v>
      </c>
      <c r="K36107" s="2">
        <v>0</v>
      </c>
      <c r="L36107" t="s">
        <v>120</v>
      </c>
      <c r="M36107" t="s">
        <v>87</v>
      </c>
      <c r="N36107" t="s">
        <v>88</v>
      </c>
      <c r="O36107" t="s">
        <v>85</v>
      </c>
      <c r="P36107" t="s">
        <v>86</v>
      </c>
      <c r="Q36107">
        <v>10</v>
      </c>
      <c r="R36107">
        <v>10</v>
      </c>
      <c r="S36107">
        <v>10</v>
      </c>
      <c r="T36107">
        <v>10</v>
      </c>
      <c r="U36107">
        <v>10</v>
      </c>
      <c r="V36107">
        <v>10</v>
      </c>
      <c r="W36107">
        <v>11</v>
      </c>
      <c r="X36107">
        <v>11</v>
      </c>
      <c r="Y36107">
        <v>11</v>
      </c>
      <c r="Z36107">
        <v>11</v>
      </c>
      <c r="AA36107">
        <v>11</v>
      </c>
      <c r="AB36107">
        <v>11</v>
      </c>
      <c r="AC36107">
        <v>11</v>
      </c>
      <c r="AD36107">
        <v>11</v>
      </c>
      <c r="AE36107">
        <v>11</v>
      </c>
      <c r="AF36107">
        <v>12</v>
      </c>
      <c r="AG36107">
        <v>12</v>
      </c>
      <c r="AH36107">
        <v>12</v>
      </c>
      <c r="AI36107">
        <v>12</v>
      </c>
      <c r="AJ36107">
        <v>12</v>
      </c>
      <c r="AK36107">
        <v>12</v>
      </c>
      <c r="AL36107">
        <v>12</v>
      </c>
      <c r="AM36107">
        <v>12</v>
      </c>
      <c r="AN36107">
        <v>13</v>
      </c>
      <c r="AO36107">
        <v>13</v>
      </c>
      <c r="AP36107">
        <v>13</v>
      </c>
      <c r="AQ36107">
        <v>13</v>
      </c>
    </row>
    <row r="36108" spans="1:43">
      <c r="A36108" t="s">
        <v>22385</v>
      </c>
      <c r="B36108" t="s">
        <v>22386</v>
      </c>
      <c r="C36108" t="s">
        <v>22383</v>
      </c>
      <c r="D36108" t="s">
        <v>22384</v>
      </c>
      <c r="E36108" t="s">
        <v>22205</v>
      </c>
      <c r="F36108" t="s">
        <v>22206</v>
      </c>
      <c r="G36108" t="s">
        <v>20255</v>
      </c>
      <c r="H36108" t="s">
        <v>20256</v>
      </c>
      <c r="I36108" s="2">
        <v>1</v>
      </c>
      <c r="J36108" s="2">
        <v>0</v>
      </c>
      <c r="K36108" s="2">
        <v>0</v>
      </c>
      <c r="L36108" t="s">
        <v>120</v>
      </c>
      <c r="M36108" t="s">
        <v>89</v>
      </c>
      <c r="N36108" t="s">
        <v>90</v>
      </c>
      <c r="O36108" t="s">
        <v>85</v>
      </c>
      <c r="P36108" t="s">
        <v>86</v>
      </c>
      <c r="Q36108">
        <v>10</v>
      </c>
      <c r="R36108">
        <v>10</v>
      </c>
      <c r="S36108">
        <v>11</v>
      </c>
      <c r="T36108">
        <v>11</v>
      </c>
      <c r="U36108">
        <v>11</v>
      </c>
      <c r="V36108">
        <v>12</v>
      </c>
      <c r="W36108">
        <v>12</v>
      </c>
      <c r="X36108">
        <v>12</v>
      </c>
      <c r="Y36108">
        <v>12</v>
      </c>
      <c r="Z36108">
        <v>13</v>
      </c>
      <c r="AA36108">
        <v>13</v>
      </c>
      <c r="AB36108">
        <v>13</v>
      </c>
      <c r="AC36108">
        <v>13</v>
      </c>
      <c r="AD36108">
        <v>14</v>
      </c>
      <c r="AE36108">
        <v>14</v>
      </c>
      <c r="AF36108">
        <v>14</v>
      </c>
      <c r="AG36108">
        <v>14</v>
      </c>
      <c r="AH36108">
        <v>14</v>
      </c>
      <c r="AI36108">
        <v>14</v>
      </c>
      <c r="AJ36108">
        <v>14</v>
      </c>
      <c r="AK36108">
        <v>14</v>
      </c>
      <c r="AL36108">
        <v>15</v>
      </c>
      <c r="AM36108">
        <v>15</v>
      </c>
      <c r="AN36108">
        <v>15</v>
      </c>
      <c r="AO36108">
        <v>15</v>
      </c>
      <c r="AP36108">
        <v>15</v>
      </c>
      <c r="AQ36108">
        <v>15</v>
      </c>
    </row>
    <row r="36109" spans="1:43">
      <c r="A36109" t="s">
        <v>22385</v>
      </c>
      <c r="B36109" t="s">
        <v>22386</v>
      </c>
      <c r="C36109" t="s">
        <v>22383</v>
      </c>
      <c r="D36109" t="s">
        <v>22384</v>
      </c>
      <c r="E36109" t="s">
        <v>22205</v>
      </c>
      <c r="F36109" t="s">
        <v>22206</v>
      </c>
      <c r="G36109" t="s">
        <v>20255</v>
      </c>
      <c r="H36109" t="s">
        <v>20256</v>
      </c>
      <c r="I36109" s="2">
        <v>1</v>
      </c>
      <c r="J36109" s="2">
        <v>0</v>
      </c>
      <c r="K36109" s="2">
        <v>0</v>
      </c>
      <c r="L36109" t="s">
        <v>120</v>
      </c>
      <c r="M36109" t="s">
        <v>83</v>
      </c>
      <c r="N36109" t="s">
        <v>91</v>
      </c>
      <c r="O36109" t="s">
        <v>85</v>
      </c>
      <c r="P36109" t="s">
        <v>86</v>
      </c>
      <c r="Q36109">
        <v>10</v>
      </c>
      <c r="R36109">
        <v>10</v>
      </c>
      <c r="S36109">
        <v>10</v>
      </c>
      <c r="T36109">
        <v>11</v>
      </c>
      <c r="U36109">
        <v>11</v>
      </c>
      <c r="V36109">
        <v>11</v>
      </c>
      <c r="W36109">
        <v>11</v>
      </c>
      <c r="X36109">
        <v>11</v>
      </c>
      <c r="Y36109">
        <v>12</v>
      </c>
      <c r="Z36109">
        <v>12</v>
      </c>
      <c r="AA36109">
        <v>12</v>
      </c>
      <c r="AB36109">
        <v>12</v>
      </c>
      <c r="AC36109">
        <v>12</v>
      </c>
      <c r="AD36109">
        <v>13</v>
      </c>
      <c r="AE36109">
        <v>13</v>
      </c>
      <c r="AF36109">
        <v>13</v>
      </c>
      <c r="AG36109">
        <v>13</v>
      </c>
      <c r="AH36109">
        <v>14</v>
      </c>
      <c r="AI36109">
        <v>14</v>
      </c>
      <c r="AJ36109">
        <v>14</v>
      </c>
      <c r="AK36109">
        <v>14</v>
      </c>
      <c r="AL36109">
        <v>14</v>
      </c>
      <c r="AM36109">
        <v>14</v>
      </c>
      <c r="AN36109">
        <v>15</v>
      </c>
      <c r="AO36109">
        <v>15</v>
      </c>
      <c r="AP36109">
        <v>15</v>
      </c>
      <c r="AQ36109">
        <v>15</v>
      </c>
    </row>
    <row r="36110" spans="1:43">
      <c r="A36110" t="s">
        <v>22387</v>
      </c>
      <c r="B36110" t="s">
        <v>22388</v>
      </c>
      <c r="C36110" t="s">
        <v>22383</v>
      </c>
      <c r="D36110" t="s">
        <v>22384</v>
      </c>
      <c r="E36110" t="s">
        <v>22205</v>
      </c>
      <c r="F36110" t="s">
        <v>22206</v>
      </c>
      <c r="G36110" t="s">
        <v>20255</v>
      </c>
      <c r="H36110" t="s">
        <v>20256</v>
      </c>
      <c r="I36110" s="2">
        <v>1</v>
      </c>
      <c r="J36110" s="2">
        <v>0</v>
      </c>
      <c r="K36110" s="2">
        <v>0</v>
      </c>
      <c r="L36110" t="s">
        <v>120</v>
      </c>
      <c r="M36110" t="s">
        <v>83</v>
      </c>
      <c r="N36110" t="s">
        <v>84</v>
      </c>
      <c r="O36110" t="s">
        <v>85</v>
      </c>
      <c r="P36110" t="s">
        <v>86</v>
      </c>
      <c r="Q36110">
        <v>11</v>
      </c>
      <c r="R36110">
        <v>11</v>
      </c>
      <c r="S36110">
        <v>12</v>
      </c>
      <c r="T36110">
        <v>12</v>
      </c>
      <c r="U36110">
        <v>12</v>
      </c>
      <c r="V36110">
        <v>12</v>
      </c>
      <c r="W36110">
        <v>13</v>
      </c>
      <c r="X36110">
        <v>13</v>
      </c>
      <c r="Y36110">
        <v>13</v>
      </c>
      <c r="Z36110">
        <v>13</v>
      </c>
      <c r="AA36110">
        <v>13</v>
      </c>
      <c r="AB36110">
        <v>14</v>
      </c>
      <c r="AC36110">
        <v>14</v>
      </c>
      <c r="AD36110">
        <v>14</v>
      </c>
      <c r="AE36110">
        <v>14</v>
      </c>
      <c r="AF36110">
        <v>15</v>
      </c>
      <c r="AG36110">
        <v>15</v>
      </c>
      <c r="AH36110">
        <v>15</v>
      </c>
      <c r="AI36110">
        <v>15</v>
      </c>
      <c r="AJ36110">
        <v>16</v>
      </c>
      <c r="AK36110">
        <v>16</v>
      </c>
      <c r="AL36110">
        <v>16</v>
      </c>
      <c r="AM36110">
        <v>16</v>
      </c>
      <c r="AN36110">
        <v>16</v>
      </c>
      <c r="AO36110">
        <v>16</v>
      </c>
      <c r="AP36110">
        <v>16</v>
      </c>
      <c r="AQ36110">
        <v>17</v>
      </c>
    </row>
    <row r="36111" spans="1:43">
      <c r="A36111" t="s">
        <v>22387</v>
      </c>
      <c r="B36111" t="s">
        <v>22388</v>
      </c>
      <c r="C36111" t="s">
        <v>22383</v>
      </c>
      <c r="D36111" t="s">
        <v>22384</v>
      </c>
      <c r="E36111" t="s">
        <v>22205</v>
      </c>
      <c r="F36111" t="s">
        <v>22206</v>
      </c>
      <c r="G36111" t="s">
        <v>20255</v>
      </c>
      <c r="H36111" t="s">
        <v>20256</v>
      </c>
      <c r="I36111" s="2">
        <v>1</v>
      </c>
      <c r="J36111" s="2">
        <v>0</v>
      </c>
      <c r="K36111" s="2">
        <v>0</v>
      </c>
      <c r="L36111" t="s">
        <v>120</v>
      </c>
      <c r="M36111" t="s">
        <v>87</v>
      </c>
      <c r="N36111" t="s">
        <v>88</v>
      </c>
      <c r="O36111" t="s">
        <v>85</v>
      </c>
      <c r="P36111" t="s">
        <v>86</v>
      </c>
      <c r="Q36111">
        <v>11</v>
      </c>
      <c r="R36111">
        <v>11</v>
      </c>
      <c r="S36111">
        <v>11</v>
      </c>
      <c r="T36111">
        <v>11</v>
      </c>
      <c r="U36111">
        <v>12</v>
      </c>
      <c r="V36111">
        <v>12</v>
      </c>
      <c r="W36111">
        <v>12</v>
      </c>
      <c r="X36111">
        <v>12</v>
      </c>
      <c r="Y36111">
        <v>12</v>
      </c>
      <c r="Z36111">
        <v>12</v>
      </c>
      <c r="AA36111">
        <v>12</v>
      </c>
      <c r="AB36111">
        <v>12</v>
      </c>
      <c r="AC36111">
        <v>12</v>
      </c>
      <c r="AD36111">
        <v>13</v>
      </c>
      <c r="AE36111">
        <v>13</v>
      </c>
      <c r="AF36111">
        <v>13</v>
      </c>
      <c r="AG36111">
        <v>13</v>
      </c>
      <c r="AH36111">
        <v>13</v>
      </c>
      <c r="AI36111">
        <v>13</v>
      </c>
      <c r="AJ36111">
        <v>13</v>
      </c>
      <c r="AK36111">
        <v>13</v>
      </c>
      <c r="AL36111">
        <v>14</v>
      </c>
      <c r="AM36111">
        <v>14</v>
      </c>
      <c r="AN36111">
        <v>14</v>
      </c>
      <c r="AO36111">
        <v>14</v>
      </c>
      <c r="AP36111">
        <v>14</v>
      </c>
      <c r="AQ36111">
        <v>14</v>
      </c>
    </row>
    <row r="36112" spans="1:43">
      <c r="A36112" t="s">
        <v>22387</v>
      </c>
      <c r="B36112" t="s">
        <v>22388</v>
      </c>
      <c r="C36112" t="s">
        <v>22383</v>
      </c>
      <c r="D36112" t="s">
        <v>22384</v>
      </c>
      <c r="E36112" t="s">
        <v>22205</v>
      </c>
      <c r="F36112" t="s">
        <v>22206</v>
      </c>
      <c r="G36112" t="s">
        <v>20255</v>
      </c>
      <c r="H36112" t="s">
        <v>20256</v>
      </c>
      <c r="I36112" s="2">
        <v>1</v>
      </c>
      <c r="J36112" s="2">
        <v>0</v>
      </c>
      <c r="K36112" s="2">
        <v>0</v>
      </c>
      <c r="L36112" t="s">
        <v>120</v>
      </c>
      <c r="M36112" t="s">
        <v>89</v>
      </c>
      <c r="N36112" t="s">
        <v>90</v>
      </c>
      <c r="O36112" t="s">
        <v>85</v>
      </c>
      <c r="P36112" t="s">
        <v>86</v>
      </c>
      <c r="Q36112">
        <v>11</v>
      </c>
      <c r="R36112">
        <v>12</v>
      </c>
      <c r="S36112">
        <v>12</v>
      </c>
      <c r="T36112">
        <v>12</v>
      </c>
      <c r="U36112">
        <v>13</v>
      </c>
      <c r="V36112">
        <v>13</v>
      </c>
      <c r="W36112">
        <v>13</v>
      </c>
      <c r="X36112">
        <v>13</v>
      </c>
      <c r="Y36112">
        <v>14</v>
      </c>
      <c r="Z36112">
        <v>14</v>
      </c>
      <c r="AA36112">
        <v>14</v>
      </c>
      <c r="AB36112">
        <v>15</v>
      </c>
      <c r="AC36112">
        <v>15</v>
      </c>
      <c r="AD36112">
        <v>15</v>
      </c>
      <c r="AE36112">
        <v>15</v>
      </c>
      <c r="AF36112">
        <v>15</v>
      </c>
      <c r="AG36112">
        <v>16</v>
      </c>
      <c r="AH36112">
        <v>16</v>
      </c>
      <c r="AI36112">
        <v>16</v>
      </c>
      <c r="AJ36112">
        <v>16</v>
      </c>
      <c r="AK36112">
        <v>16</v>
      </c>
      <c r="AL36112">
        <v>16</v>
      </c>
      <c r="AM36112">
        <v>16</v>
      </c>
      <c r="AN36112">
        <v>16</v>
      </c>
      <c r="AO36112">
        <v>17</v>
      </c>
      <c r="AP36112">
        <v>17</v>
      </c>
      <c r="AQ36112">
        <v>17</v>
      </c>
    </row>
    <row r="36113" spans="1:43">
      <c r="A36113" t="s">
        <v>22387</v>
      </c>
      <c r="B36113" t="s">
        <v>22388</v>
      </c>
      <c r="C36113" t="s">
        <v>22383</v>
      </c>
      <c r="D36113" t="s">
        <v>22384</v>
      </c>
      <c r="E36113" t="s">
        <v>22205</v>
      </c>
      <c r="F36113" t="s">
        <v>22206</v>
      </c>
      <c r="G36113" t="s">
        <v>20255</v>
      </c>
      <c r="H36113" t="s">
        <v>20256</v>
      </c>
      <c r="I36113" s="2">
        <v>1</v>
      </c>
      <c r="J36113" s="2">
        <v>0</v>
      </c>
      <c r="K36113" s="2">
        <v>0</v>
      </c>
      <c r="L36113" t="s">
        <v>120</v>
      </c>
      <c r="M36113" t="s">
        <v>83</v>
      </c>
      <c r="N36113" t="s">
        <v>91</v>
      </c>
      <c r="O36113" t="s">
        <v>85</v>
      </c>
      <c r="P36113" t="s">
        <v>86</v>
      </c>
      <c r="Q36113">
        <v>11</v>
      </c>
      <c r="R36113">
        <v>11</v>
      </c>
      <c r="S36113">
        <v>12</v>
      </c>
      <c r="T36113">
        <v>12</v>
      </c>
      <c r="U36113">
        <v>12</v>
      </c>
      <c r="V36113">
        <v>12</v>
      </c>
      <c r="W36113">
        <v>13</v>
      </c>
      <c r="X36113">
        <v>13</v>
      </c>
      <c r="Y36113">
        <v>13</v>
      </c>
      <c r="Z36113">
        <v>13</v>
      </c>
      <c r="AA36113">
        <v>13</v>
      </c>
      <c r="AB36113">
        <v>14</v>
      </c>
      <c r="AC36113">
        <v>14</v>
      </c>
      <c r="AD36113">
        <v>14</v>
      </c>
      <c r="AE36113">
        <v>14</v>
      </c>
      <c r="AF36113">
        <v>15</v>
      </c>
      <c r="AG36113">
        <v>15</v>
      </c>
      <c r="AH36113">
        <v>15</v>
      </c>
      <c r="AI36113">
        <v>15</v>
      </c>
      <c r="AJ36113">
        <v>16</v>
      </c>
      <c r="AK36113">
        <v>16</v>
      </c>
      <c r="AL36113">
        <v>16</v>
      </c>
      <c r="AM36113">
        <v>16</v>
      </c>
      <c r="AN36113">
        <v>16</v>
      </c>
      <c r="AO36113">
        <v>16</v>
      </c>
      <c r="AP36113">
        <v>16</v>
      </c>
      <c r="AQ36113">
        <v>17</v>
      </c>
    </row>
    <row r="36114" spans="1:43">
      <c r="A36114" t="s">
        <v>22389</v>
      </c>
      <c r="B36114" t="s">
        <v>22390</v>
      </c>
      <c r="C36114" t="s">
        <v>22391</v>
      </c>
      <c r="D36114" t="s">
        <v>22392</v>
      </c>
      <c r="E36114" t="s">
        <v>22205</v>
      </c>
      <c r="F36114" t="s">
        <v>22206</v>
      </c>
      <c r="G36114" t="s">
        <v>20255</v>
      </c>
      <c r="H36114" t="s">
        <v>20256</v>
      </c>
      <c r="I36114" s="2">
        <v>1</v>
      </c>
      <c r="J36114" s="2">
        <v>0</v>
      </c>
      <c r="K36114" s="2">
        <v>0</v>
      </c>
      <c r="L36114" t="s">
        <v>120</v>
      </c>
      <c r="M36114" t="s">
        <v>83</v>
      </c>
      <c r="N36114" t="s">
        <v>84</v>
      </c>
      <c r="O36114" t="s">
        <v>85</v>
      </c>
      <c r="P36114" t="s">
        <v>86</v>
      </c>
      <c r="Q36114">
        <v>6</v>
      </c>
      <c r="R36114">
        <v>6</v>
      </c>
      <c r="S36114">
        <v>6</v>
      </c>
      <c r="T36114">
        <v>6</v>
      </c>
      <c r="U36114">
        <v>6</v>
      </c>
      <c r="V36114">
        <v>6</v>
      </c>
      <c r="W36114">
        <v>7</v>
      </c>
      <c r="X36114">
        <v>7</v>
      </c>
      <c r="Y36114">
        <v>7</v>
      </c>
      <c r="Z36114">
        <v>7</v>
      </c>
      <c r="AA36114">
        <v>7</v>
      </c>
      <c r="AB36114">
        <v>7</v>
      </c>
      <c r="AC36114">
        <v>7</v>
      </c>
      <c r="AD36114">
        <v>7</v>
      </c>
      <c r="AE36114">
        <v>7</v>
      </c>
      <c r="AF36114">
        <v>8</v>
      </c>
      <c r="AG36114">
        <v>8</v>
      </c>
      <c r="AH36114">
        <v>8</v>
      </c>
      <c r="AI36114">
        <v>8</v>
      </c>
      <c r="AJ36114">
        <v>8</v>
      </c>
      <c r="AK36114">
        <v>8</v>
      </c>
      <c r="AL36114">
        <v>8</v>
      </c>
      <c r="AM36114">
        <v>8</v>
      </c>
      <c r="AN36114">
        <v>8</v>
      </c>
      <c r="AO36114">
        <v>8</v>
      </c>
      <c r="AP36114">
        <v>9</v>
      </c>
      <c r="AQ36114">
        <v>9</v>
      </c>
    </row>
    <row r="36115" spans="1:43">
      <c r="A36115" t="s">
        <v>22389</v>
      </c>
      <c r="B36115" t="s">
        <v>22390</v>
      </c>
      <c r="C36115" t="s">
        <v>22391</v>
      </c>
      <c r="D36115" t="s">
        <v>22392</v>
      </c>
      <c r="E36115" t="s">
        <v>22205</v>
      </c>
      <c r="F36115" t="s">
        <v>22206</v>
      </c>
      <c r="G36115" t="s">
        <v>20255</v>
      </c>
      <c r="H36115" t="s">
        <v>20256</v>
      </c>
      <c r="I36115" s="2">
        <v>1</v>
      </c>
      <c r="J36115" s="2">
        <v>0</v>
      </c>
      <c r="K36115" s="2">
        <v>0</v>
      </c>
      <c r="L36115" t="s">
        <v>120</v>
      </c>
      <c r="M36115" t="s">
        <v>87</v>
      </c>
      <c r="N36115" t="s">
        <v>88</v>
      </c>
      <c r="O36115" t="s">
        <v>85</v>
      </c>
      <c r="P36115" t="s">
        <v>86</v>
      </c>
      <c r="Q36115">
        <v>6</v>
      </c>
      <c r="R36115">
        <v>6</v>
      </c>
      <c r="S36115">
        <v>6</v>
      </c>
      <c r="T36115">
        <v>6</v>
      </c>
      <c r="U36115">
        <v>6</v>
      </c>
      <c r="V36115">
        <v>6</v>
      </c>
      <c r="W36115">
        <v>6</v>
      </c>
      <c r="X36115">
        <v>6</v>
      </c>
      <c r="Y36115">
        <v>6</v>
      </c>
      <c r="Z36115">
        <v>6</v>
      </c>
      <c r="AA36115">
        <v>6</v>
      </c>
      <c r="AB36115">
        <v>6</v>
      </c>
      <c r="AC36115">
        <v>6</v>
      </c>
      <c r="AD36115">
        <v>7</v>
      </c>
      <c r="AE36115">
        <v>7</v>
      </c>
      <c r="AF36115">
        <v>7</v>
      </c>
      <c r="AG36115">
        <v>7</v>
      </c>
      <c r="AH36115">
        <v>7</v>
      </c>
      <c r="AI36115">
        <v>7</v>
      </c>
      <c r="AJ36115">
        <v>7</v>
      </c>
      <c r="AK36115">
        <v>7</v>
      </c>
      <c r="AL36115">
        <v>7</v>
      </c>
      <c r="AM36115">
        <v>7</v>
      </c>
      <c r="AN36115">
        <v>7</v>
      </c>
      <c r="AO36115">
        <v>7</v>
      </c>
      <c r="AP36115">
        <v>7</v>
      </c>
      <c r="AQ36115">
        <v>7</v>
      </c>
    </row>
    <row r="36116" spans="1:43">
      <c r="A36116" t="s">
        <v>22389</v>
      </c>
      <c r="B36116" t="s">
        <v>22390</v>
      </c>
      <c r="C36116" t="s">
        <v>22391</v>
      </c>
      <c r="D36116" t="s">
        <v>22392</v>
      </c>
      <c r="E36116" t="s">
        <v>22205</v>
      </c>
      <c r="F36116" t="s">
        <v>22206</v>
      </c>
      <c r="G36116" t="s">
        <v>20255</v>
      </c>
      <c r="H36116" t="s">
        <v>20256</v>
      </c>
      <c r="I36116" s="2">
        <v>1</v>
      </c>
      <c r="J36116" s="2">
        <v>0</v>
      </c>
      <c r="K36116" s="2">
        <v>0</v>
      </c>
      <c r="L36116" t="s">
        <v>120</v>
      </c>
      <c r="M36116" t="s">
        <v>89</v>
      </c>
      <c r="N36116" t="s">
        <v>90</v>
      </c>
      <c r="O36116" t="s">
        <v>85</v>
      </c>
      <c r="P36116" t="s">
        <v>86</v>
      </c>
      <c r="Q36116">
        <v>6</v>
      </c>
      <c r="R36116">
        <v>6</v>
      </c>
      <c r="S36116">
        <v>6</v>
      </c>
      <c r="T36116">
        <v>6</v>
      </c>
      <c r="U36116">
        <v>7</v>
      </c>
      <c r="V36116">
        <v>7</v>
      </c>
      <c r="W36116">
        <v>7</v>
      </c>
      <c r="X36116">
        <v>7</v>
      </c>
      <c r="Y36116">
        <v>7</v>
      </c>
      <c r="Z36116">
        <v>7</v>
      </c>
      <c r="AA36116">
        <v>7</v>
      </c>
      <c r="AB36116">
        <v>8</v>
      </c>
      <c r="AC36116">
        <v>8</v>
      </c>
      <c r="AD36116">
        <v>8</v>
      </c>
      <c r="AE36116">
        <v>8</v>
      </c>
      <c r="AF36116">
        <v>8</v>
      </c>
      <c r="AG36116">
        <v>8</v>
      </c>
      <c r="AH36116">
        <v>8</v>
      </c>
      <c r="AI36116">
        <v>8</v>
      </c>
      <c r="AJ36116">
        <v>8</v>
      </c>
      <c r="AK36116">
        <v>8</v>
      </c>
      <c r="AL36116">
        <v>8</v>
      </c>
      <c r="AM36116">
        <v>8</v>
      </c>
      <c r="AN36116">
        <v>8</v>
      </c>
      <c r="AO36116">
        <v>9</v>
      </c>
      <c r="AP36116">
        <v>9</v>
      </c>
      <c r="AQ36116">
        <v>9</v>
      </c>
    </row>
    <row r="36117" spans="1:43">
      <c r="A36117" t="s">
        <v>22389</v>
      </c>
      <c r="B36117" t="s">
        <v>22390</v>
      </c>
      <c r="C36117" t="s">
        <v>22391</v>
      </c>
      <c r="D36117" t="s">
        <v>22392</v>
      </c>
      <c r="E36117" t="s">
        <v>22205</v>
      </c>
      <c r="F36117" t="s">
        <v>22206</v>
      </c>
      <c r="G36117" t="s">
        <v>20255</v>
      </c>
      <c r="H36117" t="s">
        <v>20256</v>
      </c>
      <c r="I36117" s="2">
        <v>1</v>
      </c>
      <c r="J36117" s="2">
        <v>0</v>
      </c>
      <c r="K36117" s="2">
        <v>0</v>
      </c>
      <c r="L36117" t="s">
        <v>120</v>
      </c>
      <c r="M36117" t="s">
        <v>83</v>
      </c>
      <c r="N36117" t="s">
        <v>91</v>
      </c>
      <c r="O36117" t="s">
        <v>85</v>
      </c>
      <c r="P36117" t="s">
        <v>86</v>
      </c>
      <c r="Q36117">
        <v>6</v>
      </c>
      <c r="R36117">
        <v>6</v>
      </c>
      <c r="S36117">
        <v>6</v>
      </c>
      <c r="T36117">
        <v>6</v>
      </c>
      <c r="U36117">
        <v>6</v>
      </c>
      <c r="V36117">
        <v>6</v>
      </c>
      <c r="W36117">
        <v>7</v>
      </c>
      <c r="X36117">
        <v>7</v>
      </c>
      <c r="Y36117">
        <v>7</v>
      </c>
      <c r="Z36117">
        <v>7</v>
      </c>
      <c r="AA36117">
        <v>7</v>
      </c>
      <c r="AB36117">
        <v>7</v>
      </c>
      <c r="AC36117">
        <v>7</v>
      </c>
      <c r="AD36117">
        <v>7</v>
      </c>
      <c r="AE36117">
        <v>7</v>
      </c>
      <c r="AF36117">
        <v>8</v>
      </c>
      <c r="AG36117">
        <v>8</v>
      </c>
      <c r="AH36117">
        <v>8</v>
      </c>
      <c r="AI36117">
        <v>8</v>
      </c>
      <c r="AJ36117">
        <v>8</v>
      </c>
      <c r="AK36117">
        <v>8</v>
      </c>
      <c r="AL36117">
        <v>8</v>
      </c>
      <c r="AM36117">
        <v>8</v>
      </c>
      <c r="AN36117">
        <v>8</v>
      </c>
      <c r="AO36117">
        <v>8</v>
      </c>
      <c r="AP36117">
        <v>9</v>
      </c>
      <c r="AQ36117">
        <v>9</v>
      </c>
    </row>
    <row r="36118" spans="1:43">
      <c r="A36118" t="s">
        <v>22393</v>
      </c>
      <c r="B36118" t="s">
        <v>22394</v>
      </c>
      <c r="C36118" t="s">
        <v>22395</v>
      </c>
      <c r="D36118" t="s">
        <v>22396</v>
      </c>
      <c r="E36118" t="s">
        <v>22205</v>
      </c>
      <c r="F36118" t="s">
        <v>22206</v>
      </c>
      <c r="G36118" t="s">
        <v>20255</v>
      </c>
      <c r="H36118" t="s">
        <v>20256</v>
      </c>
      <c r="I36118" s="2">
        <v>1</v>
      </c>
      <c r="J36118" s="2">
        <v>0</v>
      </c>
      <c r="K36118" s="2">
        <v>0</v>
      </c>
      <c r="L36118" t="s">
        <v>120</v>
      </c>
      <c r="M36118" t="s">
        <v>83</v>
      </c>
      <c r="N36118" t="s">
        <v>84</v>
      </c>
      <c r="O36118" t="s">
        <v>85</v>
      </c>
      <c r="P36118" t="s">
        <v>86</v>
      </c>
      <c r="Q36118">
        <v>6</v>
      </c>
      <c r="R36118">
        <v>6</v>
      </c>
      <c r="S36118">
        <v>7</v>
      </c>
      <c r="T36118">
        <v>7</v>
      </c>
      <c r="U36118">
        <v>7</v>
      </c>
      <c r="V36118">
        <v>7</v>
      </c>
      <c r="W36118">
        <v>7</v>
      </c>
      <c r="X36118">
        <v>7</v>
      </c>
      <c r="Y36118">
        <v>7</v>
      </c>
      <c r="Z36118">
        <v>7</v>
      </c>
      <c r="AA36118">
        <v>8</v>
      </c>
      <c r="AB36118">
        <v>8</v>
      </c>
      <c r="AC36118">
        <v>8</v>
      </c>
      <c r="AD36118">
        <v>8</v>
      </c>
      <c r="AE36118">
        <v>8</v>
      </c>
      <c r="AF36118">
        <v>8</v>
      </c>
      <c r="AG36118">
        <v>8</v>
      </c>
      <c r="AH36118">
        <v>9</v>
      </c>
      <c r="AI36118">
        <v>9</v>
      </c>
      <c r="AJ36118">
        <v>9</v>
      </c>
      <c r="AK36118">
        <v>9</v>
      </c>
      <c r="AL36118">
        <v>9</v>
      </c>
      <c r="AM36118">
        <v>9</v>
      </c>
      <c r="AN36118">
        <v>9</v>
      </c>
      <c r="AO36118">
        <v>9</v>
      </c>
      <c r="AP36118">
        <v>9</v>
      </c>
      <c r="AQ36118">
        <v>9</v>
      </c>
    </row>
    <row r="36119" spans="1:43">
      <c r="A36119" t="s">
        <v>22393</v>
      </c>
      <c r="B36119" t="s">
        <v>22394</v>
      </c>
      <c r="C36119" t="s">
        <v>22395</v>
      </c>
      <c r="D36119" t="s">
        <v>22396</v>
      </c>
      <c r="E36119" t="s">
        <v>22205</v>
      </c>
      <c r="F36119" t="s">
        <v>22206</v>
      </c>
      <c r="G36119" t="s">
        <v>20255</v>
      </c>
      <c r="H36119" t="s">
        <v>20256</v>
      </c>
      <c r="I36119" s="2">
        <v>1</v>
      </c>
      <c r="J36119" s="2">
        <v>0</v>
      </c>
      <c r="K36119" s="2">
        <v>0</v>
      </c>
      <c r="L36119" t="s">
        <v>120</v>
      </c>
      <c r="M36119" t="s">
        <v>87</v>
      </c>
      <c r="N36119" t="s">
        <v>88</v>
      </c>
      <c r="O36119" t="s">
        <v>85</v>
      </c>
      <c r="P36119" t="s">
        <v>86</v>
      </c>
      <c r="Q36119">
        <v>6</v>
      </c>
      <c r="R36119">
        <v>6</v>
      </c>
      <c r="S36119">
        <v>6</v>
      </c>
      <c r="T36119">
        <v>6</v>
      </c>
      <c r="U36119">
        <v>7</v>
      </c>
      <c r="V36119">
        <v>7</v>
      </c>
      <c r="W36119">
        <v>7</v>
      </c>
      <c r="X36119">
        <v>7</v>
      </c>
      <c r="Y36119">
        <v>7</v>
      </c>
      <c r="Z36119">
        <v>7</v>
      </c>
      <c r="AA36119">
        <v>7</v>
      </c>
      <c r="AB36119">
        <v>7</v>
      </c>
      <c r="AC36119">
        <v>7</v>
      </c>
      <c r="AD36119">
        <v>7</v>
      </c>
      <c r="AE36119">
        <v>7</v>
      </c>
      <c r="AF36119">
        <v>7</v>
      </c>
      <c r="AG36119">
        <v>7</v>
      </c>
      <c r="AH36119">
        <v>7</v>
      </c>
      <c r="AI36119">
        <v>8</v>
      </c>
      <c r="AJ36119">
        <v>8</v>
      </c>
      <c r="AK36119">
        <v>8</v>
      </c>
      <c r="AL36119">
        <v>8</v>
      </c>
      <c r="AM36119">
        <v>8</v>
      </c>
      <c r="AN36119">
        <v>8</v>
      </c>
      <c r="AO36119">
        <v>8</v>
      </c>
      <c r="AP36119">
        <v>8</v>
      </c>
      <c r="AQ36119">
        <v>8</v>
      </c>
    </row>
    <row r="36120" spans="1:43">
      <c r="A36120" t="s">
        <v>22393</v>
      </c>
      <c r="B36120" t="s">
        <v>22394</v>
      </c>
      <c r="C36120" t="s">
        <v>22395</v>
      </c>
      <c r="D36120" t="s">
        <v>22396</v>
      </c>
      <c r="E36120" t="s">
        <v>22205</v>
      </c>
      <c r="F36120" t="s">
        <v>22206</v>
      </c>
      <c r="G36120" t="s">
        <v>20255</v>
      </c>
      <c r="H36120" t="s">
        <v>20256</v>
      </c>
      <c r="I36120" s="2">
        <v>1</v>
      </c>
      <c r="J36120" s="2">
        <v>0</v>
      </c>
      <c r="K36120" s="2">
        <v>0</v>
      </c>
      <c r="L36120" t="s">
        <v>120</v>
      </c>
      <c r="M36120" t="s">
        <v>89</v>
      </c>
      <c r="N36120" t="s">
        <v>90</v>
      </c>
      <c r="O36120" t="s">
        <v>85</v>
      </c>
      <c r="P36120" t="s">
        <v>86</v>
      </c>
      <c r="Q36120">
        <v>6</v>
      </c>
      <c r="R36120">
        <v>7</v>
      </c>
      <c r="S36120">
        <v>7</v>
      </c>
      <c r="T36120">
        <v>7</v>
      </c>
      <c r="U36120">
        <v>7</v>
      </c>
      <c r="V36120">
        <v>7</v>
      </c>
      <c r="W36120">
        <v>7</v>
      </c>
      <c r="X36120">
        <v>8</v>
      </c>
      <c r="Y36120">
        <v>8</v>
      </c>
      <c r="Z36120">
        <v>8</v>
      </c>
      <c r="AA36120">
        <v>8</v>
      </c>
      <c r="AB36120">
        <v>8</v>
      </c>
      <c r="AC36120">
        <v>8</v>
      </c>
      <c r="AD36120">
        <v>9</v>
      </c>
      <c r="AE36120">
        <v>9</v>
      </c>
      <c r="AF36120">
        <v>9</v>
      </c>
      <c r="AG36120">
        <v>9</v>
      </c>
      <c r="AH36120">
        <v>9</v>
      </c>
      <c r="AI36120">
        <v>9</v>
      </c>
      <c r="AJ36120">
        <v>9</v>
      </c>
      <c r="AK36120">
        <v>9</v>
      </c>
      <c r="AL36120">
        <v>9</v>
      </c>
      <c r="AM36120">
        <v>9</v>
      </c>
      <c r="AN36120">
        <v>9</v>
      </c>
      <c r="AO36120">
        <v>9</v>
      </c>
      <c r="AP36120">
        <v>9</v>
      </c>
      <c r="AQ36120">
        <v>9</v>
      </c>
    </row>
    <row r="36121" spans="1:43">
      <c r="A36121" t="s">
        <v>22393</v>
      </c>
      <c r="B36121" t="s">
        <v>22394</v>
      </c>
      <c r="C36121" t="s">
        <v>22395</v>
      </c>
      <c r="D36121" t="s">
        <v>22396</v>
      </c>
      <c r="E36121" t="s">
        <v>22205</v>
      </c>
      <c r="F36121" t="s">
        <v>22206</v>
      </c>
      <c r="G36121" t="s">
        <v>20255</v>
      </c>
      <c r="H36121" t="s">
        <v>20256</v>
      </c>
      <c r="I36121" s="2">
        <v>1</v>
      </c>
      <c r="J36121" s="2">
        <v>0</v>
      </c>
      <c r="K36121" s="2">
        <v>0</v>
      </c>
      <c r="L36121" t="s">
        <v>120</v>
      </c>
      <c r="M36121" t="s">
        <v>83</v>
      </c>
      <c r="N36121" t="s">
        <v>91</v>
      </c>
      <c r="O36121" t="s">
        <v>85</v>
      </c>
      <c r="P36121" t="s">
        <v>86</v>
      </c>
      <c r="Q36121">
        <v>6</v>
      </c>
      <c r="R36121">
        <v>6</v>
      </c>
      <c r="S36121">
        <v>7</v>
      </c>
      <c r="T36121">
        <v>7</v>
      </c>
      <c r="U36121">
        <v>7</v>
      </c>
      <c r="V36121">
        <v>7</v>
      </c>
      <c r="W36121">
        <v>7</v>
      </c>
      <c r="X36121">
        <v>7</v>
      </c>
      <c r="Y36121">
        <v>7</v>
      </c>
      <c r="Z36121">
        <v>7</v>
      </c>
      <c r="AA36121">
        <v>8</v>
      </c>
      <c r="AB36121">
        <v>8</v>
      </c>
      <c r="AC36121">
        <v>8</v>
      </c>
      <c r="AD36121">
        <v>8</v>
      </c>
      <c r="AE36121">
        <v>8</v>
      </c>
      <c r="AF36121">
        <v>8</v>
      </c>
      <c r="AG36121">
        <v>8</v>
      </c>
      <c r="AH36121">
        <v>9</v>
      </c>
      <c r="AI36121">
        <v>9</v>
      </c>
      <c r="AJ36121">
        <v>9</v>
      </c>
      <c r="AK36121">
        <v>9</v>
      </c>
      <c r="AL36121">
        <v>9</v>
      </c>
      <c r="AM36121">
        <v>9</v>
      </c>
      <c r="AN36121">
        <v>9</v>
      </c>
      <c r="AO36121">
        <v>9</v>
      </c>
      <c r="AP36121">
        <v>9</v>
      </c>
      <c r="AQ36121">
        <v>9</v>
      </c>
    </row>
    <row r="36122" spans="1:43">
      <c r="A36122" t="s">
        <v>22397</v>
      </c>
      <c r="B36122" t="s">
        <v>22398</v>
      </c>
      <c r="C36122" t="s">
        <v>22391</v>
      </c>
      <c r="D36122" t="s">
        <v>22392</v>
      </c>
      <c r="E36122" t="s">
        <v>22205</v>
      </c>
      <c r="F36122" t="s">
        <v>22206</v>
      </c>
      <c r="G36122" t="s">
        <v>20255</v>
      </c>
      <c r="H36122" t="s">
        <v>20256</v>
      </c>
      <c r="I36122" s="2">
        <v>1</v>
      </c>
      <c r="J36122" s="2">
        <v>0</v>
      </c>
      <c r="K36122" s="2">
        <v>0</v>
      </c>
      <c r="L36122" t="s">
        <v>120</v>
      </c>
      <c r="M36122" t="s">
        <v>83</v>
      </c>
      <c r="N36122" t="s">
        <v>84</v>
      </c>
      <c r="O36122" t="s">
        <v>85</v>
      </c>
      <c r="P36122" t="s">
        <v>86</v>
      </c>
      <c r="Q36122">
        <v>11</v>
      </c>
      <c r="R36122">
        <v>11</v>
      </c>
      <c r="S36122">
        <v>12</v>
      </c>
      <c r="T36122">
        <v>12</v>
      </c>
      <c r="U36122">
        <v>12</v>
      </c>
      <c r="V36122">
        <v>12</v>
      </c>
      <c r="W36122">
        <v>12</v>
      </c>
      <c r="X36122">
        <v>13</v>
      </c>
      <c r="Y36122">
        <v>13</v>
      </c>
      <c r="Z36122">
        <v>13</v>
      </c>
      <c r="AA36122">
        <v>13</v>
      </c>
      <c r="AB36122">
        <v>14</v>
      </c>
      <c r="AC36122">
        <v>14</v>
      </c>
      <c r="AD36122">
        <v>14</v>
      </c>
      <c r="AE36122">
        <v>14</v>
      </c>
      <c r="AF36122">
        <v>15</v>
      </c>
      <c r="AG36122">
        <v>15</v>
      </c>
      <c r="AH36122">
        <v>15</v>
      </c>
      <c r="AI36122">
        <v>15</v>
      </c>
      <c r="AJ36122">
        <v>15</v>
      </c>
      <c r="AK36122">
        <v>16</v>
      </c>
      <c r="AL36122">
        <v>16</v>
      </c>
      <c r="AM36122">
        <v>16</v>
      </c>
      <c r="AN36122">
        <v>16</v>
      </c>
      <c r="AO36122">
        <v>16</v>
      </c>
      <c r="AP36122">
        <v>16</v>
      </c>
      <c r="AQ36122">
        <v>16</v>
      </c>
    </row>
    <row r="36123" spans="1:43">
      <c r="A36123" t="s">
        <v>22397</v>
      </c>
      <c r="B36123" t="s">
        <v>22398</v>
      </c>
      <c r="C36123" t="s">
        <v>22391</v>
      </c>
      <c r="D36123" t="s">
        <v>22392</v>
      </c>
      <c r="E36123" t="s">
        <v>22205</v>
      </c>
      <c r="F36123" t="s">
        <v>22206</v>
      </c>
      <c r="G36123" t="s">
        <v>20255</v>
      </c>
      <c r="H36123" t="s">
        <v>20256</v>
      </c>
      <c r="I36123" s="2">
        <v>1</v>
      </c>
      <c r="J36123" s="2">
        <v>0</v>
      </c>
      <c r="K36123" s="2">
        <v>0</v>
      </c>
      <c r="L36123" t="s">
        <v>120</v>
      </c>
      <c r="M36123" t="s">
        <v>87</v>
      </c>
      <c r="N36123" t="s">
        <v>88</v>
      </c>
      <c r="O36123" t="s">
        <v>85</v>
      </c>
      <c r="P36123" t="s">
        <v>86</v>
      </c>
      <c r="Q36123">
        <v>11</v>
      </c>
      <c r="R36123">
        <v>11</v>
      </c>
      <c r="S36123">
        <v>11</v>
      </c>
      <c r="T36123">
        <v>11</v>
      </c>
      <c r="U36123">
        <v>12</v>
      </c>
      <c r="V36123">
        <v>12</v>
      </c>
      <c r="W36123">
        <v>12</v>
      </c>
      <c r="X36123">
        <v>12</v>
      </c>
      <c r="Y36123">
        <v>12</v>
      </c>
      <c r="Z36123">
        <v>12</v>
      </c>
      <c r="AA36123">
        <v>12</v>
      </c>
      <c r="AB36123">
        <v>12</v>
      </c>
      <c r="AC36123">
        <v>12</v>
      </c>
      <c r="AD36123">
        <v>13</v>
      </c>
      <c r="AE36123">
        <v>13</v>
      </c>
      <c r="AF36123">
        <v>13</v>
      </c>
      <c r="AG36123">
        <v>13</v>
      </c>
      <c r="AH36123">
        <v>13</v>
      </c>
      <c r="AI36123">
        <v>13</v>
      </c>
      <c r="AJ36123">
        <v>13</v>
      </c>
      <c r="AK36123">
        <v>13</v>
      </c>
      <c r="AL36123">
        <v>14</v>
      </c>
      <c r="AM36123">
        <v>14</v>
      </c>
      <c r="AN36123">
        <v>14</v>
      </c>
      <c r="AO36123">
        <v>14</v>
      </c>
      <c r="AP36123">
        <v>14</v>
      </c>
      <c r="AQ36123">
        <v>14</v>
      </c>
    </row>
    <row r="36124" spans="1:43">
      <c r="A36124" t="s">
        <v>22397</v>
      </c>
      <c r="B36124" t="s">
        <v>22398</v>
      </c>
      <c r="C36124" t="s">
        <v>22391</v>
      </c>
      <c r="D36124" t="s">
        <v>22392</v>
      </c>
      <c r="E36124" t="s">
        <v>22205</v>
      </c>
      <c r="F36124" t="s">
        <v>22206</v>
      </c>
      <c r="G36124" t="s">
        <v>20255</v>
      </c>
      <c r="H36124" t="s">
        <v>20256</v>
      </c>
      <c r="I36124" s="2">
        <v>1</v>
      </c>
      <c r="J36124" s="2">
        <v>0</v>
      </c>
      <c r="K36124" s="2">
        <v>0</v>
      </c>
      <c r="L36124" t="s">
        <v>120</v>
      </c>
      <c r="M36124" t="s">
        <v>89</v>
      </c>
      <c r="N36124" t="s">
        <v>90</v>
      </c>
      <c r="O36124" t="s">
        <v>85</v>
      </c>
      <c r="P36124" t="s">
        <v>86</v>
      </c>
      <c r="Q36124">
        <v>11</v>
      </c>
      <c r="R36124">
        <v>12</v>
      </c>
      <c r="S36124">
        <v>12</v>
      </c>
      <c r="T36124">
        <v>12</v>
      </c>
      <c r="U36124">
        <v>13</v>
      </c>
      <c r="V36124">
        <v>13</v>
      </c>
      <c r="W36124">
        <v>13</v>
      </c>
      <c r="X36124">
        <v>13</v>
      </c>
      <c r="Y36124">
        <v>14</v>
      </c>
      <c r="Z36124">
        <v>14</v>
      </c>
      <c r="AA36124">
        <v>14</v>
      </c>
      <c r="AB36124">
        <v>15</v>
      </c>
      <c r="AC36124">
        <v>15</v>
      </c>
      <c r="AD36124">
        <v>15</v>
      </c>
      <c r="AE36124">
        <v>15</v>
      </c>
      <c r="AF36124">
        <v>15</v>
      </c>
      <c r="AG36124">
        <v>16</v>
      </c>
      <c r="AH36124">
        <v>16</v>
      </c>
      <c r="AI36124">
        <v>16</v>
      </c>
      <c r="AJ36124">
        <v>16</v>
      </c>
      <c r="AK36124">
        <v>16</v>
      </c>
      <c r="AL36124">
        <v>16</v>
      </c>
      <c r="AM36124">
        <v>16</v>
      </c>
      <c r="AN36124">
        <v>16</v>
      </c>
      <c r="AO36124">
        <v>16</v>
      </c>
      <c r="AP36124">
        <v>16</v>
      </c>
      <c r="AQ36124">
        <v>17</v>
      </c>
    </row>
    <row r="36125" spans="1:43">
      <c r="A36125" t="s">
        <v>22397</v>
      </c>
      <c r="B36125" t="s">
        <v>22398</v>
      </c>
      <c r="C36125" t="s">
        <v>22391</v>
      </c>
      <c r="D36125" t="s">
        <v>22392</v>
      </c>
      <c r="E36125" t="s">
        <v>22205</v>
      </c>
      <c r="F36125" t="s">
        <v>22206</v>
      </c>
      <c r="G36125" t="s">
        <v>20255</v>
      </c>
      <c r="H36125" t="s">
        <v>20256</v>
      </c>
      <c r="I36125" s="2">
        <v>1</v>
      </c>
      <c r="J36125" s="2">
        <v>0</v>
      </c>
      <c r="K36125" s="2">
        <v>0</v>
      </c>
      <c r="L36125" t="s">
        <v>120</v>
      </c>
      <c r="M36125" t="s">
        <v>83</v>
      </c>
      <c r="N36125" t="s">
        <v>91</v>
      </c>
      <c r="O36125" t="s">
        <v>85</v>
      </c>
      <c r="P36125" t="s">
        <v>86</v>
      </c>
      <c r="Q36125">
        <v>11</v>
      </c>
      <c r="R36125">
        <v>11</v>
      </c>
      <c r="S36125">
        <v>12</v>
      </c>
      <c r="T36125">
        <v>12</v>
      </c>
      <c r="U36125">
        <v>12</v>
      </c>
      <c r="V36125">
        <v>12</v>
      </c>
      <c r="W36125">
        <v>12</v>
      </c>
      <c r="X36125">
        <v>13</v>
      </c>
      <c r="Y36125">
        <v>13</v>
      </c>
      <c r="Z36125">
        <v>13</v>
      </c>
      <c r="AA36125">
        <v>13</v>
      </c>
      <c r="AB36125">
        <v>14</v>
      </c>
      <c r="AC36125">
        <v>14</v>
      </c>
      <c r="AD36125">
        <v>14</v>
      </c>
      <c r="AE36125">
        <v>14</v>
      </c>
      <c r="AF36125">
        <v>15</v>
      </c>
      <c r="AG36125">
        <v>15</v>
      </c>
      <c r="AH36125">
        <v>15</v>
      </c>
      <c r="AI36125">
        <v>15</v>
      </c>
      <c r="AJ36125">
        <v>15</v>
      </c>
      <c r="AK36125">
        <v>16</v>
      </c>
      <c r="AL36125">
        <v>16</v>
      </c>
      <c r="AM36125">
        <v>16</v>
      </c>
      <c r="AN36125">
        <v>16</v>
      </c>
      <c r="AO36125">
        <v>16</v>
      </c>
      <c r="AP36125">
        <v>16</v>
      </c>
      <c r="AQ36125">
        <v>16</v>
      </c>
    </row>
    <row r="36126" spans="1:43">
      <c r="A36126" t="s">
        <v>22399</v>
      </c>
      <c r="B36126" t="s">
        <v>22400</v>
      </c>
      <c r="C36126" t="s">
        <v>22395</v>
      </c>
      <c r="D36126" t="s">
        <v>22396</v>
      </c>
      <c r="E36126" t="s">
        <v>22205</v>
      </c>
      <c r="F36126" t="s">
        <v>22206</v>
      </c>
      <c r="G36126" t="s">
        <v>20255</v>
      </c>
      <c r="H36126" t="s">
        <v>20256</v>
      </c>
      <c r="I36126" s="2">
        <v>1</v>
      </c>
      <c r="J36126" s="2">
        <v>0</v>
      </c>
      <c r="K36126" s="2">
        <v>0</v>
      </c>
      <c r="L36126" t="s">
        <v>120</v>
      </c>
      <c r="M36126" t="s">
        <v>83</v>
      </c>
      <c r="N36126" t="s">
        <v>84</v>
      </c>
      <c r="O36126" t="s">
        <v>85</v>
      </c>
      <c r="P36126" t="s">
        <v>86</v>
      </c>
      <c r="Q36126">
        <v>16</v>
      </c>
      <c r="R36126">
        <v>16</v>
      </c>
      <c r="S36126">
        <v>16</v>
      </c>
      <c r="T36126">
        <v>17</v>
      </c>
      <c r="U36126">
        <v>17</v>
      </c>
      <c r="V36126">
        <v>17</v>
      </c>
      <c r="W36126">
        <v>17</v>
      </c>
      <c r="X36126">
        <v>18</v>
      </c>
      <c r="Y36126">
        <v>18</v>
      </c>
      <c r="Z36126">
        <v>18</v>
      </c>
      <c r="AA36126">
        <v>19</v>
      </c>
      <c r="AB36126">
        <v>19</v>
      </c>
      <c r="AC36126">
        <v>19</v>
      </c>
      <c r="AD36126">
        <v>20</v>
      </c>
      <c r="AE36126">
        <v>20</v>
      </c>
      <c r="AF36126">
        <v>20</v>
      </c>
      <c r="AG36126">
        <v>21</v>
      </c>
      <c r="AH36126">
        <v>21</v>
      </c>
      <c r="AI36126">
        <v>21</v>
      </c>
      <c r="AJ36126">
        <v>22</v>
      </c>
      <c r="AK36126">
        <v>22</v>
      </c>
      <c r="AL36126">
        <v>22</v>
      </c>
      <c r="AM36126">
        <v>22</v>
      </c>
      <c r="AN36126">
        <v>23</v>
      </c>
      <c r="AO36126">
        <v>23</v>
      </c>
      <c r="AP36126">
        <v>23</v>
      </c>
      <c r="AQ36126">
        <v>23</v>
      </c>
    </row>
    <row r="36127" spans="1:43">
      <c r="A36127" t="s">
        <v>22399</v>
      </c>
      <c r="B36127" t="s">
        <v>22400</v>
      </c>
      <c r="C36127" t="s">
        <v>22395</v>
      </c>
      <c r="D36127" t="s">
        <v>22396</v>
      </c>
      <c r="E36127" t="s">
        <v>22205</v>
      </c>
      <c r="F36127" t="s">
        <v>22206</v>
      </c>
      <c r="G36127" t="s">
        <v>20255</v>
      </c>
      <c r="H36127" t="s">
        <v>20256</v>
      </c>
      <c r="I36127" s="2">
        <v>1</v>
      </c>
      <c r="J36127" s="2">
        <v>0</v>
      </c>
      <c r="K36127" s="2">
        <v>0</v>
      </c>
      <c r="L36127" t="s">
        <v>120</v>
      </c>
      <c r="M36127" t="s">
        <v>87</v>
      </c>
      <c r="N36127" t="s">
        <v>88</v>
      </c>
      <c r="O36127" t="s">
        <v>85</v>
      </c>
      <c r="P36127" t="s">
        <v>86</v>
      </c>
      <c r="Q36127">
        <v>16</v>
      </c>
      <c r="R36127">
        <v>17</v>
      </c>
      <c r="S36127">
        <v>17</v>
      </c>
      <c r="T36127">
        <v>17</v>
      </c>
      <c r="U36127">
        <v>17</v>
      </c>
      <c r="V36127">
        <v>17</v>
      </c>
      <c r="W36127">
        <v>17</v>
      </c>
      <c r="X36127">
        <v>18</v>
      </c>
      <c r="Y36127">
        <v>18</v>
      </c>
      <c r="Z36127">
        <v>18</v>
      </c>
      <c r="AA36127">
        <v>18</v>
      </c>
      <c r="AB36127">
        <v>18</v>
      </c>
      <c r="AC36127">
        <v>18</v>
      </c>
      <c r="AD36127">
        <v>19</v>
      </c>
      <c r="AE36127">
        <v>19</v>
      </c>
      <c r="AF36127">
        <v>19</v>
      </c>
      <c r="AG36127">
        <v>19</v>
      </c>
      <c r="AH36127">
        <v>19</v>
      </c>
      <c r="AI36127">
        <v>19</v>
      </c>
      <c r="AJ36127">
        <v>20</v>
      </c>
      <c r="AK36127">
        <v>20</v>
      </c>
      <c r="AL36127">
        <v>20</v>
      </c>
      <c r="AM36127">
        <v>20</v>
      </c>
      <c r="AN36127">
        <v>20</v>
      </c>
      <c r="AO36127">
        <v>21</v>
      </c>
      <c r="AP36127">
        <v>21</v>
      </c>
      <c r="AQ36127">
        <v>21</v>
      </c>
    </row>
    <row r="36128" spans="1:43">
      <c r="A36128" t="s">
        <v>22399</v>
      </c>
      <c r="B36128" t="s">
        <v>22400</v>
      </c>
      <c r="C36128" t="s">
        <v>22395</v>
      </c>
      <c r="D36128" t="s">
        <v>22396</v>
      </c>
      <c r="E36128" t="s">
        <v>22205</v>
      </c>
      <c r="F36128" t="s">
        <v>22206</v>
      </c>
      <c r="G36128" t="s">
        <v>20255</v>
      </c>
      <c r="H36128" t="s">
        <v>20256</v>
      </c>
      <c r="I36128" s="2">
        <v>1</v>
      </c>
      <c r="J36128" s="2">
        <v>0</v>
      </c>
      <c r="K36128" s="2">
        <v>0</v>
      </c>
      <c r="L36128" t="s">
        <v>120</v>
      </c>
      <c r="M36128" t="s">
        <v>89</v>
      </c>
      <c r="N36128" t="s">
        <v>90</v>
      </c>
      <c r="O36128" t="s">
        <v>85</v>
      </c>
      <c r="P36128" t="s">
        <v>86</v>
      </c>
      <c r="Q36128">
        <v>16</v>
      </c>
      <c r="R36128">
        <v>16</v>
      </c>
      <c r="S36128">
        <v>17</v>
      </c>
      <c r="T36128">
        <v>17</v>
      </c>
      <c r="U36128">
        <v>17</v>
      </c>
      <c r="V36128">
        <v>18</v>
      </c>
      <c r="W36128">
        <v>18</v>
      </c>
      <c r="X36128">
        <v>19</v>
      </c>
      <c r="Y36128">
        <v>19</v>
      </c>
      <c r="Z36128">
        <v>20</v>
      </c>
      <c r="AA36128">
        <v>20</v>
      </c>
      <c r="AB36128">
        <v>20</v>
      </c>
      <c r="AC36128">
        <v>21</v>
      </c>
      <c r="AD36128">
        <v>21</v>
      </c>
      <c r="AE36128">
        <v>21</v>
      </c>
      <c r="AF36128">
        <v>22</v>
      </c>
      <c r="AG36128">
        <v>22</v>
      </c>
      <c r="AH36128">
        <v>22</v>
      </c>
      <c r="AI36128">
        <v>22</v>
      </c>
      <c r="AJ36128">
        <v>22</v>
      </c>
      <c r="AK36128">
        <v>22</v>
      </c>
      <c r="AL36128">
        <v>22</v>
      </c>
      <c r="AM36128">
        <v>23</v>
      </c>
      <c r="AN36128">
        <v>23</v>
      </c>
      <c r="AO36128">
        <v>23</v>
      </c>
      <c r="AP36128">
        <v>23</v>
      </c>
      <c r="AQ36128">
        <v>23</v>
      </c>
    </row>
    <row r="36129" spans="1:43">
      <c r="A36129" t="s">
        <v>22399</v>
      </c>
      <c r="B36129" t="s">
        <v>22400</v>
      </c>
      <c r="C36129" t="s">
        <v>22395</v>
      </c>
      <c r="D36129" t="s">
        <v>22396</v>
      </c>
      <c r="E36129" t="s">
        <v>22205</v>
      </c>
      <c r="F36129" t="s">
        <v>22206</v>
      </c>
      <c r="G36129" t="s">
        <v>20255</v>
      </c>
      <c r="H36129" t="s">
        <v>20256</v>
      </c>
      <c r="I36129" s="2">
        <v>1</v>
      </c>
      <c r="J36129" s="2">
        <v>0</v>
      </c>
      <c r="K36129" s="2">
        <v>0</v>
      </c>
      <c r="L36129" t="s">
        <v>120</v>
      </c>
      <c r="M36129" t="s">
        <v>83</v>
      </c>
      <c r="N36129" t="s">
        <v>91</v>
      </c>
      <c r="O36129" t="s">
        <v>85</v>
      </c>
      <c r="P36129" t="s">
        <v>86</v>
      </c>
      <c r="Q36129">
        <v>16</v>
      </c>
      <c r="R36129">
        <v>16</v>
      </c>
      <c r="S36129">
        <v>16</v>
      </c>
      <c r="T36129">
        <v>17</v>
      </c>
      <c r="U36129">
        <v>17</v>
      </c>
      <c r="V36129">
        <v>17</v>
      </c>
      <c r="W36129">
        <v>17</v>
      </c>
      <c r="X36129">
        <v>18</v>
      </c>
      <c r="Y36129">
        <v>18</v>
      </c>
      <c r="Z36129">
        <v>18</v>
      </c>
      <c r="AA36129">
        <v>19</v>
      </c>
      <c r="AB36129">
        <v>19</v>
      </c>
      <c r="AC36129">
        <v>19</v>
      </c>
      <c r="AD36129">
        <v>20</v>
      </c>
      <c r="AE36129">
        <v>20</v>
      </c>
      <c r="AF36129">
        <v>20</v>
      </c>
      <c r="AG36129">
        <v>21</v>
      </c>
      <c r="AH36129">
        <v>21</v>
      </c>
      <c r="AI36129">
        <v>21</v>
      </c>
      <c r="AJ36129">
        <v>22</v>
      </c>
      <c r="AK36129">
        <v>22</v>
      </c>
      <c r="AL36129">
        <v>22</v>
      </c>
      <c r="AM36129">
        <v>22</v>
      </c>
      <c r="AN36129">
        <v>23</v>
      </c>
      <c r="AO36129">
        <v>23</v>
      </c>
      <c r="AP36129">
        <v>23</v>
      </c>
      <c r="AQ36129">
        <v>23</v>
      </c>
    </row>
    <row r="36130" spans="1:43">
      <c r="A36130" t="s">
        <v>22401</v>
      </c>
      <c r="B36130" t="s">
        <v>22402</v>
      </c>
      <c r="C36130" t="s">
        <v>22395</v>
      </c>
      <c r="D36130" t="s">
        <v>22396</v>
      </c>
      <c r="E36130" t="s">
        <v>22205</v>
      </c>
      <c r="F36130" t="s">
        <v>22206</v>
      </c>
      <c r="G36130" t="s">
        <v>20255</v>
      </c>
      <c r="H36130" t="s">
        <v>20256</v>
      </c>
      <c r="I36130" s="2">
        <v>1</v>
      </c>
      <c r="J36130" s="2">
        <v>0</v>
      </c>
      <c r="K36130" s="2">
        <v>0</v>
      </c>
      <c r="L36130" t="s">
        <v>120</v>
      </c>
      <c r="M36130" t="s">
        <v>83</v>
      </c>
      <c r="N36130" t="s">
        <v>84</v>
      </c>
      <c r="O36130" t="s">
        <v>85</v>
      </c>
      <c r="P36130" t="s">
        <v>86</v>
      </c>
      <c r="Q36130">
        <v>18</v>
      </c>
      <c r="R36130">
        <v>19</v>
      </c>
      <c r="S36130">
        <v>19</v>
      </c>
      <c r="T36130">
        <v>19</v>
      </c>
      <c r="U36130">
        <v>20</v>
      </c>
      <c r="V36130">
        <v>20</v>
      </c>
      <c r="W36130">
        <v>20</v>
      </c>
      <c r="X36130">
        <v>21</v>
      </c>
      <c r="Y36130">
        <v>21</v>
      </c>
      <c r="Z36130">
        <v>21</v>
      </c>
      <c r="AA36130">
        <v>22</v>
      </c>
      <c r="AB36130">
        <v>22</v>
      </c>
      <c r="AC36130">
        <v>23</v>
      </c>
      <c r="AD36130">
        <v>23</v>
      </c>
      <c r="AE36130">
        <v>23</v>
      </c>
      <c r="AF36130">
        <v>24</v>
      </c>
      <c r="AG36130">
        <v>24</v>
      </c>
      <c r="AH36130">
        <v>25</v>
      </c>
      <c r="AI36130">
        <v>25</v>
      </c>
      <c r="AJ36130">
        <v>25</v>
      </c>
      <c r="AK36130">
        <v>26</v>
      </c>
      <c r="AL36130">
        <v>26</v>
      </c>
      <c r="AM36130">
        <v>26</v>
      </c>
      <c r="AN36130">
        <v>26</v>
      </c>
      <c r="AO36130">
        <v>26</v>
      </c>
      <c r="AP36130">
        <v>27</v>
      </c>
      <c r="AQ36130">
        <v>27</v>
      </c>
    </row>
    <row r="36131" spans="1:43">
      <c r="A36131" t="s">
        <v>22401</v>
      </c>
      <c r="B36131" t="s">
        <v>22402</v>
      </c>
      <c r="C36131" t="s">
        <v>22395</v>
      </c>
      <c r="D36131" t="s">
        <v>22396</v>
      </c>
      <c r="E36131" t="s">
        <v>22205</v>
      </c>
      <c r="F36131" t="s">
        <v>22206</v>
      </c>
      <c r="G36131" t="s">
        <v>20255</v>
      </c>
      <c r="H36131" t="s">
        <v>20256</v>
      </c>
      <c r="I36131" s="2">
        <v>1</v>
      </c>
      <c r="J36131" s="2">
        <v>0</v>
      </c>
      <c r="K36131" s="2">
        <v>0</v>
      </c>
      <c r="L36131" t="s">
        <v>120</v>
      </c>
      <c r="M36131" t="s">
        <v>87</v>
      </c>
      <c r="N36131" t="s">
        <v>88</v>
      </c>
      <c r="O36131" t="s">
        <v>85</v>
      </c>
      <c r="P36131" t="s">
        <v>86</v>
      </c>
      <c r="Q36131">
        <v>18</v>
      </c>
      <c r="R36131">
        <v>18</v>
      </c>
      <c r="S36131">
        <v>18</v>
      </c>
      <c r="T36131">
        <v>19</v>
      </c>
      <c r="U36131">
        <v>19</v>
      </c>
      <c r="V36131">
        <v>19</v>
      </c>
      <c r="W36131">
        <v>19</v>
      </c>
      <c r="X36131">
        <v>19</v>
      </c>
      <c r="Y36131">
        <v>20</v>
      </c>
      <c r="Z36131">
        <v>20</v>
      </c>
      <c r="AA36131">
        <v>20</v>
      </c>
      <c r="AB36131">
        <v>20</v>
      </c>
      <c r="AC36131">
        <v>20</v>
      </c>
      <c r="AD36131">
        <v>20</v>
      </c>
      <c r="AE36131">
        <v>21</v>
      </c>
      <c r="AF36131">
        <v>21</v>
      </c>
      <c r="AG36131">
        <v>21</v>
      </c>
      <c r="AH36131">
        <v>21</v>
      </c>
      <c r="AI36131">
        <v>21</v>
      </c>
      <c r="AJ36131">
        <v>22</v>
      </c>
      <c r="AK36131">
        <v>22</v>
      </c>
      <c r="AL36131">
        <v>22</v>
      </c>
      <c r="AM36131">
        <v>22</v>
      </c>
      <c r="AN36131">
        <v>23</v>
      </c>
      <c r="AO36131">
        <v>23</v>
      </c>
      <c r="AP36131">
        <v>23</v>
      </c>
      <c r="AQ36131">
        <v>23</v>
      </c>
    </row>
    <row r="36132" spans="1:43">
      <c r="A36132" t="s">
        <v>22401</v>
      </c>
      <c r="B36132" t="s">
        <v>22402</v>
      </c>
      <c r="C36132" t="s">
        <v>22395</v>
      </c>
      <c r="D36132" t="s">
        <v>22396</v>
      </c>
      <c r="E36132" t="s">
        <v>22205</v>
      </c>
      <c r="F36132" t="s">
        <v>22206</v>
      </c>
      <c r="G36132" t="s">
        <v>20255</v>
      </c>
      <c r="H36132" t="s">
        <v>20256</v>
      </c>
      <c r="I36132" s="2">
        <v>1</v>
      </c>
      <c r="J36132" s="2">
        <v>0</v>
      </c>
      <c r="K36132" s="2">
        <v>0</v>
      </c>
      <c r="L36132" t="s">
        <v>120</v>
      </c>
      <c r="M36132" t="s">
        <v>89</v>
      </c>
      <c r="N36132" t="s">
        <v>90</v>
      </c>
      <c r="O36132" t="s">
        <v>85</v>
      </c>
      <c r="P36132" t="s">
        <v>86</v>
      </c>
      <c r="Q36132">
        <v>18</v>
      </c>
      <c r="R36132">
        <v>19</v>
      </c>
      <c r="S36132">
        <v>19</v>
      </c>
      <c r="T36132">
        <v>20</v>
      </c>
      <c r="U36132">
        <v>20</v>
      </c>
      <c r="V36132">
        <v>21</v>
      </c>
      <c r="W36132">
        <v>21</v>
      </c>
      <c r="X36132">
        <v>22</v>
      </c>
      <c r="Y36132">
        <v>22</v>
      </c>
      <c r="Z36132">
        <v>23</v>
      </c>
      <c r="AA36132">
        <v>23</v>
      </c>
      <c r="AB36132">
        <v>24</v>
      </c>
      <c r="AC36132">
        <v>24</v>
      </c>
      <c r="AD36132">
        <v>25</v>
      </c>
      <c r="AE36132">
        <v>25</v>
      </c>
      <c r="AF36132">
        <v>25</v>
      </c>
      <c r="AG36132">
        <v>25</v>
      </c>
      <c r="AH36132">
        <v>26</v>
      </c>
      <c r="AI36132">
        <v>26</v>
      </c>
      <c r="AJ36132">
        <v>26</v>
      </c>
      <c r="AK36132">
        <v>26</v>
      </c>
      <c r="AL36132">
        <v>26</v>
      </c>
      <c r="AM36132">
        <v>26</v>
      </c>
      <c r="AN36132">
        <v>27</v>
      </c>
      <c r="AO36132">
        <v>27</v>
      </c>
      <c r="AP36132">
        <v>27</v>
      </c>
      <c r="AQ36132">
        <v>27</v>
      </c>
    </row>
    <row r="36133" spans="1:43">
      <c r="A36133" t="s">
        <v>22401</v>
      </c>
      <c r="B36133" t="s">
        <v>22402</v>
      </c>
      <c r="C36133" t="s">
        <v>22395</v>
      </c>
      <c r="D36133" t="s">
        <v>22396</v>
      </c>
      <c r="E36133" t="s">
        <v>22205</v>
      </c>
      <c r="F36133" t="s">
        <v>22206</v>
      </c>
      <c r="G36133" t="s">
        <v>20255</v>
      </c>
      <c r="H36133" t="s">
        <v>20256</v>
      </c>
      <c r="I36133" s="2">
        <v>1</v>
      </c>
      <c r="J36133" s="2">
        <v>0</v>
      </c>
      <c r="K36133" s="2">
        <v>0</v>
      </c>
      <c r="L36133" t="s">
        <v>120</v>
      </c>
      <c r="M36133" t="s">
        <v>83</v>
      </c>
      <c r="N36133" t="s">
        <v>91</v>
      </c>
      <c r="O36133" t="s">
        <v>85</v>
      </c>
      <c r="P36133" t="s">
        <v>86</v>
      </c>
      <c r="Q36133">
        <v>18</v>
      </c>
      <c r="R36133">
        <v>19</v>
      </c>
      <c r="S36133">
        <v>19</v>
      </c>
      <c r="T36133">
        <v>19</v>
      </c>
      <c r="U36133">
        <v>20</v>
      </c>
      <c r="V36133">
        <v>20</v>
      </c>
      <c r="W36133">
        <v>20</v>
      </c>
      <c r="X36133">
        <v>21</v>
      </c>
      <c r="Y36133">
        <v>21</v>
      </c>
      <c r="Z36133">
        <v>21</v>
      </c>
      <c r="AA36133">
        <v>22</v>
      </c>
      <c r="AB36133">
        <v>22</v>
      </c>
      <c r="AC36133">
        <v>23</v>
      </c>
      <c r="AD36133">
        <v>23</v>
      </c>
      <c r="AE36133">
        <v>23</v>
      </c>
      <c r="AF36133">
        <v>24</v>
      </c>
      <c r="AG36133">
        <v>24</v>
      </c>
      <c r="AH36133">
        <v>25</v>
      </c>
      <c r="AI36133">
        <v>25</v>
      </c>
      <c r="AJ36133">
        <v>25</v>
      </c>
      <c r="AK36133">
        <v>26</v>
      </c>
      <c r="AL36133">
        <v>26</v>
      </c>
      <c r="AM36133">
        <v>26</v>
      </c>
      <c r="AN36133">
        <v>26</v>
      </c>
      <c r="AO36133">
        <v>26</v>
      </c>
      <c r="AP36133">
        <v>27</v>
      </c>
      <c r="AQ36133">
        <v>27</v>
      </c>
    </row>
    <row r="36134" spans="1:43">
      <c r="A36134" t="s">
        <v>22403</v>
      </c>
      <c r="B36134" t="s">
        <v>22404</v>
      </c>
      <c r="C36134" t="s">
        <v>22395</v>
      </c>
      <c r="D36134" t="s">
        <v>22396</v>
      </c>
      <c r="E36134" t="s">
        <v>22205</v>
      </c>
      <c r="F36134" t="s">
        <v>22206</v>
      </c>
      <c r="G36134" t="s">
        <v>20255</v>
      </c>
      <c r="H36134" t="s">
        <v>20256</v>
      </c>
      <c r="I36134" s="2">
        <v>1</v>
      </c>
      <c r="J36134" s="2">
        <v>0</v>
      </c>
      <c r="K36134" s="2">
        <v>0</v>
      </c>
      <c r="L36134" t="s">
        <v>120</v>
      </c>
      <c r="M36134" t="s">
        <v>83</v>
      </c>
      <c r="N36134" t="s">
        <v>84</v>
      </c>
      <c r="O36134" t="s">
        <v>85</v>
      </c>
      <c r="P36134" t="s">
        <v>86</v>
      </c>
      <c r="Q36134">
        <v>4</v>
      </c>
      <c r="R36134">
        <v>4</v>
      </c>
      <c r="S36134">
        <v>4</v>
      </c>
      <c r="T36134">
        <v>4</v>
      </c>
      <c r="U36134">
        <v>4</v>
      </c>
      <c r="V36134">
        <v>4</v>
      </c>
      <c r="W36134">
        <v>5</v>
      </c>
      <c r="X36134">
        <v>5</v>
      </c>
      <c r="Y36134">
        <v>5</v>
      </c>
      <c r="Z36134">
        <v>5</v>
      </c>
      <c r="AA36134">
        <v>5</v>
      </c>
      <c r="AB36134">
        <v>5</v>
      </c>
      <c r="AC36134">
        <v>5</v>
      </c>
      <c r="AD36134">
        <v>5</v>
      </c>
      <c r="AE36134">
        <v>5</v>
      </c>
      <c r="AF36134">
        <v>5</v>
      </c>
      <c r="AG36134">
        <v>5</v>
      </c>
      <c r="AH36134">
        <v>5</v>
      </c>
      <c r="AI36134">
        <v>6</v>
      </c>
      <c r="AJ36134">
        <v>6</v>
      </c>
      <c r="AK36134">
        <v>6</v>
      </c>
      <c r="AL36134">
        <v>6</v>
      </c>
      <c r="AM36134">
        <v>6</v>
      </c>
      <c r="AN36134">
        <v>6</v>
      </c>
      <c r="AO36134">
        <v>6</v>
      </c>
      <c r="AP36134">
        <v>6</v>
      </c>
      <c r="AQ36134">
        <v>6</v>
      </c>
    </row>
    <row r="36135" spans="1:43">
      <c r="A36135" t="s">
        <v>22403</v>
      </c>
      <c r="B36135" t="s">
        <v>22404</v>
      </c>
      <c r="C36135" t="s">
        <v>22395</v>
      </c>
      <c r="D36135" t="s">
        <v>22396</v>
      </c>
      <c r="E36135" t="s">
        <v>22205</v>
      </c>
      <c r="F36135" t="s">
        <v>22206</v>
      </c>
      <c r="G36135" t="s">
        <v>20255</v>
      </c>
      <c r="H36135" t="s">
        <v>20256</v>
      </c>
      <c r="I36135" s="2">
        <v>1</v>
      </c>
      <c r="J36135" s="2">
        <v>0</v>
      </c>
      <c r="K36135" s="2">
        <v>0</v>
      </c>
      <c r="L36135" t="s">
        <v>120</v>
      </c>
      <c r="M36135" t="s">
        <v>87</v>
      </c>
      <c r="N36135" t="s">
        <v>88</v>
      </c>
      <c r="O36135" t="s">
        <v>85</v>
      </c>
      <c r="P36135" t="s">
        <v>86</v>
      </c>
      <c r="Q36135">
        <v>4</v>
      </c>
      <c r="R36135">
        <v>4</v>
      </c>
      <c r="S36135">
        <v>4</v>
      </c>
      <c r="T36135">
        <v>4</v>
      </c>
      <c r="U36135">
        <v>4</v>
      </c>
      <c r="V36135">
        <v>4</v>
      </c>
      <c r="W36135">
        <v>4</v>
      </c>
      <c r="X36135">
        <v>4</v>
      </c>
      <c r="Y36135">
        <v>4</v>
      </c>
      <c r="Z36135">
        <v>4</v>
      </c>
      <c r="AA36135">
        <v>4</v>
      </c>
      <c r="AB36135">
        <v>4</v>
      </c>
      <c r="AC36135">
        <v>4</v>
      </c>
      <c r="AD36135">
        <v>5</v>
      </c>
      <c r="AE36135">
        <v>5</v>
      </c>
      <c r="AF36135">
        <v>5</v>
      </c>
      <c r="AG36135">
        <v>5</v>
      </c>
      <c r="AH36135">
        <v>5</v>
      </c>
      <c r="AI36135">
        <v>5</v>
      </c>
      <c r="AJ36135">
        <v>5</v>
      </c>
      <c r="AK36135">
        <v>5</v>
      </c>
      <c r="AL36135">
        <v>5</v>
      </c>
      <c r="AM36135">
        <v>5</v>
      </c>
      <c r="AN36135">
        <v>5</v>
      </c>
      <c r="AO36135">
        <v>5</v>
      </c>
      <c r="AP36135">
        <v>5</v>
      </c>
      <c r="AQ36135">
        <v>5</v>
      </c>
    </row>
    <row r="36136" spans="1:43">
      <c r="A36136" t="s">
        <v>22403</v>
      </c>
      <c r="B36136" t="s">
        <v>22404</v>
      </c>
      <c r="C36136" t="s">
        <v>22395</v>
      </c>
      <c r="D36136" t="s">
        <v>22396</v>
      </c>
      <c r="E36136" t="s">
        <v>22205</v>
      </c>
      <c r="F36136" t="s">
        <v>22206</v>
      </c>
      <c r="G36136" t="s">
        <v>20255</v>
      </c>
      <c r="H36136" t="s">
        <v>20256</v>
      </c>
      <c r="I36136" s="2">
        <v>1</v>
      </c>
      <c r="J36136" s="2">
        <v>0</v>
      </c>
      <c r="K36136" s="2">
        <v>0</v>
      </c>
      <c r="L36136" t="s">
        <v>120</v>
      </c>
      <c r="M36136" t="s">
        <v>89</v>
      </c>
      <c r="N36136" t="s">
        <v>90</v>
      </c>
      <c r="O36136" t="s">
        <v>85</v>
      </c>
      <c r="P36136" t="s">
        <v>86</v>
      </c>
      <c r="Q36136">
        <v>4</v>
      </c>
      <c r="R36136">
        <v>4</v>
      </c>
      <c r="S36136">
        <v>4</v>
      </c>
      <c r="T36136">
        <v>4</v>
      </c>
      <c r="U36136">
        <v>5</v>
      </c>
      <c r="V36136">
        <v>5</v>
      </c>
      <c r="W36136">
        <v>5</v>
      </c>
      <c r="X36136">
        <v>5</v>
      </c>
      <c r="Y36136">
        <v>5</v>
      </c>
      <c r="Z36136">
        <v>5</v>
      </c>
      <c r="AA36136">
        <v>5</v>
      </c>
      <c r="AB36136">
        <v>5</v>
      </c>
      <c r="AC36136">
        <v>5</v>
      </c>
      <c r="AD36136">
        <v>5</v>
      </c>
      <c r="AE36136">
        <v>6</v>
      </c>
      <c r="AF36136">
        <v>6</v>
      </c>
      <c r="AG36136">
        <v>6</v>
      </c>
      <c r="AH36136">
        <v>6</v>
      </c>
      <c r="AI36136">
        <v>6</v>
      </c>
      <c r="AJ36136">
        <v>6</v>
      </c>
      <c r="AK36136">
        <v>6</v>
      </c>
      <c r="AL36136">
        <v>6</v>
      </c>
      <c r="AM36136">
        <v>6</v>
      </c>
      <c r="AN36136">
        <v>6</v>
      </c>
      <c r="AO36136">
        <v>6</v>
      </c>
      <c r="AP36136">
        <v>6</v>
      </c>
      <c r="AQ36136">
        <v>6</v>
      </c>
    </row>
    <row r="36137" spans="1:43">
      <c r="A36137" t="s">
        <v>22403</v>
      </c>
      <c r="B36137" t="s">
        <v>22404</v>
      </c>
      <c r="C36137" t="s">
        <v>22395</v>
      </c>
      <c r="D36137" t="s">
        <v>22396</v>
      </c>
      <c r="E36137" t="s">
        <v>22205</v>
      </c>
      <c r="F36137" t="s">
        <v>22206</v>
      </c>
      <c r="G36137" t="s">
        <v>20255</v>
      </c>
      <c r="H36137" t="s">
        <v>20256</v>
      </c>
      <c r="I36137" s="2">
        <v>1</v>
      </c>
      <c r="J36137" s="2">
        <v>0</v>
      </c>
      <c r="K36137" s="2">
        <v>0</v>
      </c>
      <c r="L36137" t="s">
        <v>120</v>
      </c>
      <c r="M36137" t="s">
        <v>83</v>
      </c>
      <c r="N36137" t="s">
        <v>91</v>
      </c>
      <c r="O36137" t="s">
        <v>85</v>
      </c>
      <c r="P36137" t="s">
        <v>86</v>
      </c>
      <c r="Q36137">
        <v>4</v>
      </c>
      <c r="R36137">
        <v>4</v>
      </c>
      <c r="S36137">
        <v>4</v>
      </c>
      <c r="T36137">
        <v>4</v>
      </c>
      <c r="U36137">
        <v>4</v>
      </c>
      <c r="V36137">
        <v>4</v>
      </c>
      <c r="W36137">
        <v>5</v>
      </c>
      <c r="X36137">
        <v>5</v>
      </c>
      <c r="Y36137">
        <v>5</v>
      </c>
      <c r="Z36137">
        <v>5</v>
      </c>
      <c r="AA36137">
        <v>5</v>
      </c>
      <c r="AB36137">
        <v>5</v>
      </c>
      <c r="AC36137">
        <v>5</v>
      </c>
      <c r="AD36137">
        <v>5</v>
      </c>
      <c r="AE36137">
        <v>5</v>
      </c>
      <c r="AF36137">
        <v>5</v>
      </c>
      <c r="AG36137">
        <v>5</v>
      </c>
      <c r="AH36137">
        <v>5</v>
      </c>
      <c r="AI36137">
        <v>6</v>
      </c>
      <c r="AJ36137">
        <v>6</v>
      </c>
      <c r="AK36137">
        <v>6</v>
      </c>
      <c r="AL36137">
        <v>6</v>
      </c>
      <c r="AM36137">
        <v>6</v>
      </c>
      <c r="AN36137">
        <v>6</v>
      </c>
      <c r="AO36137">
        <v>6</v>
      </c>
      <c r="AP36137">
        <v>6</v>
      </c>
      <c r="AQ36137">
        <v>6</v>
      </c>
    </row>
    <row r="36138" spans="1:43">
      <c r="A36138" t="s">
        <v>22405</v>
      </c>
      <c r="B36138" t="s">
        <v>22406</v>
      </c>
      <c r="C36138" t="s">
        <v>22407</v>
      </c>
      <c r="D36138" t="s">
        <v>22408</v>
      </c>
      <c r="E36138" t="s">
        <v>22205</v>
      </c>
      <c r="F36138" t="s">
        <v>22206</v>
      </c>
      <c r="G36138" t="s">
        <v>20255</v>
      </c>
      <c r="H36138" t="s">
        <v>20256</v>
      </c>
      <c r="I36138" s="2">
        <v>1</v>
      </c>
      <c r="J36138" s="2">
        <v>0</v>
      </c>
      <c r="K36138" s="2">
        <v>0</v>
      </c>
      <c r="L36138" t="s">
        <v>120</v>
      </c>
      <c r="M36138" t="s">
        <v>83</v>
      </c>
      <c r="N36138" t="s">
        <v>84</v>
      </c>
      <c r="O36138" t="s">
        <v>85</v>
      </c>
      <c r="P36138" t="s">
        <v>86</v>
      </c>
      <c r="Q36138">
        <v>9</v>
      </c>
      <c r="R36138">
        <v>10</v>
      </c>
      <c r="S36138">
        <v>10</v>
      </c>
      <c r="T36138">
        <v>10</v>
      </c>
      <c r="U36138">
        <v>10</v>
      </c>
      <c r="V36138">
        <v>10</v>
      </c>
      <c r="W36138">
        <v>10</v>
      </c>
      <c r="X36138">
        <v>11</v>
      </c>
      <c r="Y36138">
        <v>11</v>
      </c>
      <c r="Z36138">
        <v>11</v>
      </c>
      <c r="AA36138">
        <v>11</v>
      </c>
      <c r="AB36138">
        <v>11</v>
      </c>
      <c r="AC36138">
        <v>12</v>
      </c>
      <c r="AD36138">
        <v>12</v>
      </c>
      <c r="AE36138">
        <v>12</v>
      </c>
      <c r="AF36138">
        <v>12</v>
      </c>
      <c r="AG36138">
        <v>12</v>
      </c>
      <c r="AH36138">
        <v>13</v>
      </c>
      <c r="AI36138">
        <v>13</v>
      </c>
      <c r="AJ36138">
        <v>13</v>
      </c>
      <c r="AK36138">
        <v>13</v>
      </c>
      <c r="AL36138">
        <v>13</v>
      </c>
      <c r="AM36138">
        <v>13</v>
      </c>
      <c r="AN36138">
        <v>14</v>
      </c>
      <c r="AO36138">
        <v>14</v>
      </c>
      <c r="AP36138">
        <v>14</v>
      </c>
      <c r="AQ36138">
        <v>14</v>
      </c>
    </row>
    <row r="36139" spans="1:43">
      <c r="A36139" t="s">
        <v>22405</v>
      </c>
      <c r="B36139" t="s">
        <v>22406</v>
      </c>
      <c r="C36139" t="s">
        <v>22407</v>
      </c>
      <c r="D36139" t="s">
        <v>22408</v>
      </c>
      <c r="E36139" t="s">
        <v>22205</v>
      </c>
      <c r="F36139" t="s">
        <v>22206</v>
      </c>
      <c r="G36139" t="s">
        <v>20255</v>
      </c>
      <c r="H36139" t="s">
        <v>20256</v>
      </c>
      <c r="I36139" s="2">
        <v>1</v>
      </c>
      <c r="J36139" s="2">
        <v>0</v>
      </c>
      <c r="K36139" s="2">
        <v>0</v>
      </c>
      <c r="L36139" t="s">
        <v>120</v>
      </c>
      <c r="M36139" t="s">
        <v>87</v>
      </c>
      <c r="N36139" t="s">
        <v>88</v>
      </c>
      <c r="O36139" t="s">
        <v>85</v>
      </c>
      <c r="P36139" t="s">
        <v>86</v>
      </c>
      <c r="Q36139">
        <v>9</v>
      </c>
      <c r="R36139">
        <v>9</v>
      </c>
      <c r="S36139">
        <v>9</v>
      </c>
      <c r="T36139">
        <v>10</v>
      </c>
      <c r="U36139">
        <v>10</v>
      </c>
      <c r="V36139">
        <v>10</v>
      </c>
      <c r="W36139">
        <v>10</v>
      </c>
      <c r="X36139">
        <v>10</v>
      </c>
      <c r="Y36139">
        <v>10</v>
      </c>
      <c r="Z36139">
        <v>10</v>
      </c>
      <c r="AA36139">
        <v>10</v>
      </c>
      <c r="AB36139">
        <v>10</v>
      </c>
      <c r="AC36139">
        <v>10</v>
      </c>
      <c r="AD36139">
        <v>11</v>
      </c>
      <c r="AE36139">
        <v>11</v>
      </c>
      <c r="AF36139">
        <v>11</v>
      </c>
      <c r="AG36139">
        <v>11</v>
      </c>
      <c r="AH36139">
        <v>11</v>
      </c>
      <c r="AI36139">
        <v>11</v>
      </c>
      <c r="AJ36139">
        <v>11</v>
      </c>
      <c r="AK36139">
        <v>11</v>
      </c>
      <c r="AL36139">
        <v>11</v>
      </c>
      <c r="AM36139">
        <v>12</v>
      </c>
      <c r="AN36139">
        <v>12</v>
      </c>
      <c r="AO36139">
        <v>12</v>
      </c>
      <c r="AP36139">
        <v>12</v>
      </c>
      <c r="AQ36139">
        <v>12</v>
      </c>
    </row>
    <row r="36140" spans="1:43">
      <c r="A36140" t="s">
        <v>22405</v>
      </c>
      <c r="B36140" t="s">
        <v>22406</v>
      </c>
      <c r="C36140" t="s">
        <v>22407</v>
      </c>
      <c r="D36140" t="s">
        <v>22408</v>
      </c>
      <c r="E36140" t="s">
        <v>22205</v>
      </c>
      <c r="F36140" t="s">
        <v>22206</v>
      </c>
      <c r="G36140" t="s">
        <v>20255</v>
      </c>
      <c r="H36140" t="s">
        <v>20256</v>
      </c>
      <c r="I36140" s="2">
        <v>1</v>
      </c>
      <c r="J36140" s="2">
        <v>0</v>
      </c>
      <c r="K36140" s="2">
        <v>0</v>
      </c>
      <c r="L36140" t="s">
        <v>120</v>
      </c>
      <c r="M36140" t="s">
        <v>89</v>
      </c>
      <c r="N36140" t="s">
        <v>90</v>
      </c>
      <c r="O36140" t="s">
        <v>85</v>
      </c>
      <c r="P36140" t="s">
        <v>86</v>
      </c>
      <c r="Q36140">
        <v>9</v>
      </c>
      <c r="R36140">
        <v>10</v>
      </c>
      <c r="S36140">
        <v>10</v>
      </c>
      <c r="T36140">
        <v>10</v>
      </c>
      <c r="U36140">
        <v>11</v>
      </c>
      <c r="V36140">
        <v>11</v>
      </c>
      <c r="W36140">
        <v>11</v>
      </c>
      <c r="X36140">
        <v>11</v>
      </c>
      <c r="Y36140">
        <v>12</v>
      </c>
      <c r="Z36140">
        <v>12</v>
      </c>
      <c r="AA36140">
        <v>12</v>
      </c>
      <c r="AB36140">
        <v>12</v>
      </c>
      <c r="AC36140">
        <v>12</v>
      </c>
      <c r="AD36140">
        <v>13</v>
      </c>
      <c r="AE36140">
        <v>13</v>
      </c>
      <c r="AF36140">
        <v>13</v>
      </c>
      <c r="AG36140">
        <v>13</v>
      </c>
      <c r="AH36140">
        <v>13</v>
      </c>
      <c r="AI36140">
        <v>13</v>
      </c>
      <c r="AJ36140">
        <v>13</v>
      </c>
      <c r="AK36140">
        <v>13</v>
      </c>
      <c r="AL36140">
        <v>13</v>
      </c>
      <c r="AM36140">
        <v>14</v>
      </c>
      <c r="AN36140">
        <v>14</v>
      </c>
      <c r="AO36140">
        <v>14</v>
      </c>
      <c r="AP36140">
        <v>14</v>
      </c>
      <c r="AQ36140">
        <v>14</v>
      </c>
    </row>
    <row r="36141" spans="1:43">
      <c r="A36141" t="s">
        <v>22405</v>
      </c>
      <c r="B36141" t="s">
        <v>22406</v>
      </c>
      <c r="C36141" t="s">
        <v>22407</v>
      </c>
      <c r="D36141" t="s">
        <v>22408</v>
      </c>
      <c r="E36141" t="s">
        <v>22205</v>
      </c>
      <c r="F36141" t="s">
        <v>22206</v>
      </c>
      <c r="G36141" t="s">
        <v>20255</v>
      </c>
      <c r="H36141" t="s">
        <v>20256</v>
      </c>
      <c r="I36141" s="2">
        <v>1</v>
      </c>
      <c r="J36141" s="2">
        <v>0</v>
      </c>
      <c r="K36141" s="2">
        <v>0</v>
      </c>
      <c r="L36141" t="s">
        <v>120</v>
      </c>
      <c r="M36141" t="s">
        <v>83</v>
      </c>
      <c r="N36141" t="s">
        <v>91</v>
      </c>
      <c r="O36141" t="s">
        <v>85</v>
      </c>
      <c r="P36141" t="s">
        <v>86</v>
      </c>
      <c r="Q36141">
        <v>9</v>
      </c>
      <c r="R36141">
        <v>10</v>
      </c>
      <c r="S36141">
        <v>10</v>
      </c>
      <c r="T36141">
        <v>10</v>
      </c>
      <c r="U36141">
        <v>10</v>
      </c>
      <c r="V36141">
        <v>10</v>
      </c>
      <c r="W36141">
        <v>10</v>
      </c>
      <c r="X36141">
        <v>11</v>
      </c>
      <c r="Y36141">
        <v>11</v>
      </c>
      <c r="Z36141">
        <v>11</v>
      </c>
      <c r="AA36141">
        <v>11</v>
      </c>
      <c r="AB36141">
        <v>11</v>
      </c>
      <c r="AC36141">
        <v>12</v>
      </c>
      <c r="AD36141">
        <v>12</v>
      </c>
      <c r="AE36141">
        <v>12</v>
      </c>
      <c r="AF36141">
        <v>12</v>
      </c>
      <c r="AG36141">
        <v>12</v>
      </c>
      <c r="AH36141">
        <v>13</v>
      </c>
      <c r="AI36141">
        <v>13</v>
      </c>
      <c r="AJ36141">
        <v>13</v>
      </c>
      <c r="AK36141">
        <v>13</v>
      </c>
      <c r="AL36141">
        <v>13</v>
      </c>
      <c r="AM36141">
        <v>13</v>
      </c>
      <c r="AN36141">
        <v>14</v>
      </c>
      <c r="AO36141">
        <v>14</v>
      </c>
      <c r="AP36141">
        <v>14</v>
      </c>
      <c r="AQ36141">
        <v>14</v>
      </c>
    </row>
    <row r="36142" spans="1:43">
      <c r="A36142" t="s">
        <v>22409</v>
      </c>
      <c r="B36142" t="s">
        <v>22410</v>
      </c>
      <c r="C36142" t="s">
        <v>22411</v>
      </c>
      <c r="D36142" t="s">
        <v>22412</v>
      </c>
      <c r="E36142" t="s">
        <v>22205</v>
      </c>
      <c r="F36142" t="s">
        <v>22206</v>
      </c>
      <c r="G36142" t="s">
        <v>20255</v>
      </c>
      <c r="H36142" t="s">
        <v>20256</v>
      </c>
      <c r="I36142" s="2">
        <v>1</v>
      </c>
      <c r="J36142" s="2">
        <v>0</v>
      </c>
      <c r="K36142" s="2">
        <v>0</v>
      </c>
      <c r="L36142" t="s">
        <v>120</v>
      </c>
      <c r="M36142" t="s">
        <v>83</v>
      </c>
      <c r="N36142" t="s">
        <v>84</v>
      </c>
      <c r="O36142" t="s">
        <v>85</v>
      </c>
      <c r="P36142" t="s">
        <v>86</v>
      </c>
      <c r="Q36142">
        <v>10</v>
      </c>
      <c r="R36142">
        <v>10</v>
      </c>
      <c r="S36142">
        <v>11</v>
      </c>
      <c r="T36142">
        <v>11</v>
      </c>
      <c r="U36142">
        <v>11</v>
      </c>
      <c r="V36142">
        <v>11</v>
      </c>
      <c r="W36142">
        <v>12</v>
      </c>
      <c r="X36142">
        <v>12</v>
      </c>
      <c r="Y36142">
        <v>12</v>
      </c>
      <c r="Z36142">
        <v>12</v>
      </c>
      <c r="AA36142">
        <v>12</v>
      </c>
      <c r="AB36142">
        <v>13</v>
      </c>
      <c r="AC36142">
        <v>13</v>
      </c>
      <c r="AD36142">
        <v>13</v>
      </c>
      <c r="AE36142">
        <v>13</v>
      </c>
      <c r="AF36142">
        <v>13</v>
      </c>
      <c r="AG36142">
        <v>14</v>
      </c>
      <c r="AH36142">
        <v>14</v>
      </c>
      <c r="AI36142">
        <v>14</v>
      </c>
      <c r="AJ36142">
        <v>14</v>
      </c>
      <c r="AK36142">
        <v>14</v>
      </c>
      <c r="AL36142">
        <v>15</v>
      </c>
      <c r="AM36142">
        <v>15</v>
      </c>
      <c r="AN36142">
        <v>15</v>
      </c>
      <c r="AO36142">
        <v>15</v>
      </c>
      <c r="AP36142">
        <v>15</v>
      </c>
      <c r="AQ36142">
        <v>15</v>
      </c>
    </row>
    <row r="36143" spans="1:43">
      <c r="A36143" t="s">
        <v>22409</v>
      </c>
      <c r="B36143" t="s">
        <v>22410</v>
      </c>
      <c r="C36143" t="s">
        <v>22411</v>
      </c>
      <c r="D36143" t="s">
        <v>22412</v>
      </c>
      <c r="E36143" t="s">
        <v>22205</v>
      </c>
      <c r="F36143" t="s">
        <v>22206</v>
      </c>
      <c r="G36143" t="s">
        <v>20255</v>
      </c>
      <c r="H36143" t="s">
        <v>20256</v>
      </c>
      <c r="I36143" s="2">
        <v>1</v>
      </c>
      <c r="J36143" s="2">
        <v>0</v>
      </c>
      <c r="K36143" s="2">
        <v>0</v>
      </c>
      <c r="L36143" t="s">
        <v>120</v>
      </c>
      <c r="M36143" t="s">
        <v>87</v>
      </c>
      <c r="N36143" t="s">
        <v>88</v>
      </c>
      <c r="O36143" t="s">
        <v>85</v>
      </c>
      <c r="P36143" t="s">
        <v>86</v>
      </c>
      <c r="Q36143">
        <v>10</v>
      </c>
      <c r="R36143">
        <v>10</v>
      </c>
      <c r="S36143">
        <v>10</v>
      </c>
      <c r="T36143">
        <v>11</v>
      </c>
      <c r="U36143">
        <v>11</v>
      </c>
      <c r="V36143">
        <v>11</v>
      </c>
      <c r="W36143">
        <v>11</v>
      </c>
      <c r="X36143">
        <v>11</v>
      </c>
      <c r="Y36143">
        <v>11</v>
      </c>
      <c r="Z36143">
        <v>11</v>
      </c>
      <c r="AA36143">
        <v>11</v>
      </c>
      <c r="AB36143">
        <v>11</v>
      </c>
      <c r="AC36143">
        <v>11</v>
      </c>
      <c r="AD36143">
        <v>12</v>
      </c>
      <c r="AE36143">
        <v>12</v>
      </c>
      <c r="AF36143">
        <v>12</v>
      </c>
      <c r="AG36143">
        <v>12</v>
      </c>
      <c r="AH36143">
        <v>12</v>
      </c>
      <c r="AI36143">
        <v>12</v>
      </c>
      <c r="AJ36143">
        <v>12</v>
      </c>
      <c r="AK36143">
        <v>12</v>
      </c>
      <c r="AL36143">
        <v>13</v>
      </c>
      <c r="AM36143">
        <v>13</v>
      </c>
      <c r="AN36143">
        <v>13</v>
      </c>
      <c r="AO36143">
        <v>13</v>
      </c>
      <c r="AP36143">
        <v>13</v>
      </c>
      <c r="AQ36143">
        <v>13</v>
      </c>
    </row>
    <row r="36144" spans="1:43">
      <c r="A36144" t="s">
        <v>22409</v>
      </c>
      <c r="B36144" t="s">
        <v>22410</v>
      </c>
      <c r="C36144" t="s">
        <v>22411</v>
      </c>
      <c r="D36144" t="s">
        <v>22412</v>
      </c>
      <c r="E36144" t="s">
        <v>22205</v>
      </c>
      <c r="F36144" t="s">
        <v>22206</v>
      </c>
      <c r="G36144" t="s">
        <v>20255</v>
      </c>
      <c r="H36144" t="s">
        <v>20256</v>
      </c>
      <c r="I36144" s="2">
        <v>1</v>
      </c>
      <c r="J36144" s="2">
        <v>0</v>
      </c>
      <c r="K36144" s="2">
        <v>0</v>
      </c>
      <c r="L36144" t="s">
        <v>120</v>
      </c>
      <c r="M36144" t="s">
        <v>89</v>
      </c>
      <c r="N36144" t="s">
        <v>90</v>
      </c>
      <c r="O36144" t="s">
        <v>85</v>
      </c>
      <c r="P36144" t="s">
        <v>86</v>
      </c>
      <c r="Q36144">
        <v>10</v>
      </c>
      <c r="R36144">
        <v>11</v>
      </c>
      <c r="S36144">
        <v>11</v>
      </c>
      <c r="T36144">
        <v>11</v>
      </c>
      <c r="U36144">
        <v>12</v>
      </c>
      <c r="V36144">
        <v>12</v>
      </c>
      <c r="W36144">
        <v>12</v>
      </c>
      <c r="X36144">
        <v>12</v>
      </c>
      <c r="Y36144">
        <v>13</v>
      </c>
      <c r="Z36144">
        <v>13</v>
      </c>
      <c r="AA36144">
        <v>13</v>
      </c>
      <c r="AB36144">
        <v>13</v>
      </c>
      <c r="AC36144">
        <v>14</v>
      </c>
      <c r="AD36144">
        <v>14</v>
      </c>
      <c r="AE36144">
        <v>14</v>
      </c>
      <c r="AF36144">
        <v>14</v>
      </c>
      <c r="AG36144">
        <v>14</v>
      </c>
      <c r="AH36144">
        <v>14</v>
      </c>
      <c r="AI36144">
        <v>14</v>
      </c>
      <c r="AJ36144">
        <v>15</v>
      </c>
      <c r="AK36144">
        <v>15</v>
      </c>
      <c r="AL36144">
        <v>15</v>
      </c>
      <c r="AM36144">
        <v>15</v>
      </c>
      <c r="AN36144">
        <v>15</v>
      </c>
      <c r="AO36144">
        <v>15</v>
      </c>
      <c r="AP36144">
        <v>15</v>
      </c>
      <c r="AQ36144">
        <v>15</v>
      </c>
    </row>
    <row r="36145" spans="1:43">
      <c r="A36145" t="s">
        <v>22409</v>
      </c>
      <c r="B36145" t="s">
        <v>22410</v>
      </c>
      <c r="C36145" t="s">
        <v>22411</v>
      </c>
      <c r="D36145" t="s">
        <v>22412</v>
      </c>
      <c r="E36145" t="s">
        <v>22205</v>
      </c>
      <c r="F36145" t="s">
        <v>22206</v>
      </c>
      <c r="G36145" t="s">
        <v>20255</v>
      </c>
      <c r="H36145" t="s">
        <v>20256</v>
      </c>
      <c r="I36145" s="2">
        <v>1</v>
      </c>
      <c r="J36145" s="2">
        <v>0</v>
      </c>
      <c r="K36145" s="2">
        <v>0</v>
      </c>
      <c r="L36145" t="s">
        <v>120</v>
      </c>
      <c r="M36145" t="s">
        <v>83</v>
      </c>
      <c r="N36145" t="s">
        <v>91</v>
      </c>
      <c r="O36145" t="s">
        <v>85</v>
      </c>
      <c r="P36145" t="s">
        <v>86</v>
      </c>
      <c r="Q36145">
        <v>10</v>
      </c>
      <c r="R36145">
        <v>10</v>
      </c>
      <c r="S36145">
        <v>11</v>
      </c>
      <c r="T36145">
        <v>11</v>
      </c>
      <c r="U36145">
        <v>11</v>
      </c>
      <c r="V36145">
        <v>11</v>
      </c>
      <c r="W36145">
        <v>12</v>
      </c>
      <c r="X36145">
        <v>12</v>
      </c>
      <c r="Y36145">
        <v>12</v>
      </c>
      <c r="Z36145">
        <v>12</v>
      </c>
      <c r="AA36145">
        <v>12</v>
      </c>
      <c r="AB36145">
        <v>13</v>
      </c>
      <c r="AC36145">
        <v>13</v>
      </c>
      <c r="AD36145">
        <v>13</v>
      </c>
      <c r="AE36145">
        <v>13</v>
      </c>
      <c r="AF36145">
        <v>13</v>
      </c>
      <c r="AG36145">
        <v>14</v>
      </c>
      <c r="AH36145">
        <v>14</v>
      </c>
      <c r="AI36145">
        <v>14</v>
      </c>
      <c r="AJ36145">
        <v>14</v>
      </c>
      <c r="AK36145">
        <v>14</v>
      </c>
      <c r="AL36145">
        <v>15</v>
      </c>
      <c r="AM36145">
        <v>15</v>
      </c>
      <c r="AN36145">
        <v>15</v>
      </c>
      <c r="AO36145">
        <v>15</v>
      </c>
      <c r="AP36145">
        <v>15</v>
      </c>
      <c r="AQ36145">
        <v>15</v>
      </c>
    </row>
    <row r="36146" spans="1:43">
      <c r="A36146" t="s">
        <v>22413</v>
      </c>
      <c r="B36146" t="s">
        <v>22414</v>
      </c>
      <c r="C36146" t="s">
        <v>22411</v>
      </c>
      <c r="D36146" t="s">
        <v>22412</v>
      </c>
      <c r="E36146" t="s">
        <v>22205</v>
      </c>
      <c r="F36146" t="s">
        <v>22206</v>
      </c>
      <c r="G36146" t="s">
        <v>20255</v>
      </c>
      <c r="H36146" t="s">
        <v>20256</v>
      </c>
      <c r="I36146" s="2">
        <v>0.98</v>
      </c>
      <c r="J36146" s="2">
        <v>0</v>
      </c>
      <c r="K36146" s="2">
        <v>0</v>
      </c>
      <c r="L36146" t="s">
        <v>120</v>
      </c>
      <c r="M36146" t="s">
        <v>83</v>
      </c>
      <c r="N36146" t="s">
        <v>84</v>
      </c>
      <c r="O36146" t="s">
        <v>85</v>
      </c>
      <c r="P36146" t="s">
        <v>86</v>
      </c>
      <c r="Q36146">
        <v>17</v>
      </c>
      <c r="R36146">
        <v>18</v>
      </c>
      <c r="S36146">
        <v>18</v>
      </c>
      <c r="T36146">
        <v>19</v>
      </c>
      <c r="U36146">
        <v>19</v>
      </c>
      <c r="V36146">
        <v>19</v>
      </c>
      <c r="W36146">
        <v>20</v>
      </c>
      <c r="X36146">
        <v>20</v>
      </c>
      <c r="Y36146">
        <v>20</v>
      </c>
      <c r="Z36146">
        <v>21</v>
      </c>
      <c r="AA36146">
        <v>21</v>
      </c>
      <c r="AB36146">
        <v>21</v>
      </c>
      <c r="AC36146">
        <v>22</v>
      </c>
      <c r="AD36146">
        <v>22</v>
      </c>
      <c r="AE36146">
        <v>22</v>
      </c>
      <c r="AF36146">
        <v>23</v>
      </c>
      <c r="AG36146">
        <v>23</v>
      </c>
      <c r="AH36146">
        <v>24</v>
      </c>
      <c r="AI36146">
        <v>24</v>
      </c>
      <c r="AJ36146">
        <v>24</v>
      </c>
      <c r="AK36146">
        <v>25</v>
      </c>
      <c r="AL36146">
        <v>25</v>
      </c>
      <c r="AM36146">
        <v>25</v>
      </c>
      <c r="AN36146">
        <v>25</v>
      </c>
      <c r="AO36146">
        <v>26</v>
      </c>
      <c r="AP36146">
        <v>26</v>
      </c>
      <c r="AQ36146">
        <v>26</v>
      </c>
    </row>
    <row r="36147" spans="1:43">
      <c r="A36147" t="s">
        <v>22413</v>
      </c>
      <c r="B36147" t="s">
        <v>22414</v>
      </c>
      <c r="C36147" t="s">
        <v>22411</v>
      </c>
      <c r="D36147" t="s">
        <v>22412</v>
      </c>
      <c r="E36147" t="s">
        <v>22205</v>
      </c>
      <c r="F36147" t="s">
        <v>22206</v>
      </c>
      <c r="G36147" t="s">
        <v>20255</v>
      </c>
      <c r="H36147" t="s">
        <v>20256</v>
      </c>
      <c r="I36147" s="2">
        <v>0.98</v>
      </c>
      <c r="J36147" s="2">
        <v>0</v>
      </c>
      <c r="K36147" s="2">
        <v>0</v>
      </c>
      <c r="L36147" t="s">
        <v>120</v>
      </c>
      <c r="M36147" t="s">
        <v>87</v>
      </c>
      <c r="N36147" t="s">
        <v>88</v>
      </c>
      <c r="O36147" t="s">
        <v>85</v>
      </c>
      <c r="P36147" t="s">
        <v>86</v>
      </c>
      <c r="Q36147">
        <v>17</v>
      </c>
      <c r="R36147">
        <v>17</v>
      </c>
      <c r="S36147">
        <v>18</v>
      </c>
      <c r="T36147">
        <v>18</v>
      </c>
      <c r="U36147">
        <v>18</v>
      </c>
      <c r="V36147">
        <v>18</v>
      </c>
      <c r="W36147">
        <v>18</v>
      </c>
      <c r="X36147">
        <v>19</v>
      </c>
      <c r="Y36147">
        <v>19</v>
      </c>
      <c r="Z36147">
        <v>19</v>
      </c>
      <c r="AA36147">
        <v>19</v>
      </c>
      <c r="AB36147">
        <v>19</v>
      </c>
      <c r="AC36147">
        <v>19</v>
      </c>
      <c r="AD36147">
        <v>20</v>
      </c>
      <c r="AE36147">
        <v>20</v>
      </c>
      <c r="AF36147">
        <v>20</v>
      </c>
      <c r="AG36147">
        <v>20</v>
      </c>
      <c r="AH36147">
        <v>20</v>
      </c>
      <c r="AI36147">
        <v>21</v>
      </c>
      <c r="AJ36147">
        <v>21</v>
      </c>
      <c r="AK36147">
        <v>21</v>
      </c>
      <c r="AL36147">
        <v>21</v>
      </c>
      <c r="AM36147">
        <v>21</v>
      </c>
      <c r="AN36147">
        <v>22</v>
      </c>
      <c r="AO36147">
        <v>22</v>
      </c>
      <c r="AP36147">
        <v>22</v>
      </c>
      <c r="AQ36147">
        <v>22</v>
      </c>
    </row>
    <row r="36148" spans="1:43">
      <c r="A36148" t="s">
        <v>22413</v>
      </c>
      <c r="B36148" t="s">
        <v>22414</v>
      </c>
      <c r="C36148" t="s">
        <v>22411</v>
      </c>
      <c r="D36148" t="s">
        <v>22412</v>
      </c>
      <c r="E36148" t="s">
        <v>22205</v>
      </c>
      <c r="F36148" t="s">
        <v>22206</v>
      </c>
      <c r="G36148" t="s">
        <v>20255</v>
      </c>
      <c r="H36148" t="s">
        <v>20256</v>
      </c>
      <c r="I36148" s="2">
        <v>0.98</v>
      </c>
      <c r="J36148" s="2">
        <v>0</v>
      </c>
      <c r="K36148" s="2">
        <v>0</v>
      </c>
      <c r="L36148" t="s">
        <v>120</v>
      </c>
      <c r="M36148" t="s">
        <v>89</v>
      </c>
      <c r="N36148" t="s">
        <v>90</v>
      </c>
      <c r="O36148" t="s">
        <v>85</v>
      </c>
      <c r="P36148" t="s">
        <v>86</v>
      </c>
      <c r="Q36148">
        <v>17</v>
      </c>
      <c r="R36148">
        <v>17</v>
      </c>
      <c r="S36148">
        <v>18</v>
      </c>
      <c r="T36148">
        <v>18</v>
      </c>
      <c r="U36148">
        <v>19</v>
      </c>
      <c r="V36148">
        <v>19</v>
      </c>
      <c r="W36148">
        <v>20</v>
      </c>
      <c r="X36148">
        <v>20</v>
      </c>
      <c r="Y36148">
        <v>20</v>
      </c>
      <c r="Z36148">
        <v>21</v>
      </c>
      <c r="AA36148">
        <v>21</v>
      </c>
      <c r="AB36148">
        <v>22</v>
      </c>
      <c r="AC36148">
        <v>22</v>
      </c>
      <c r="AD36148">
        <v>23</v>
      </c>
      <c r="AE36148">
        <v>23</v>
      </c>
      <c r="AF36148">
        <v>23</v>
      </c>
      <c r="AG36148">
        <v>23</v>
      </c>
      <c r="AH36148">
        <v>24</v>
      </c>
      <c r="AI36148">
        <v>24</v>
      </c>
      <c r="AJ36148">
        <v>24</v>
      </c>
      <c r="AK36148">
        <v>24</v>
      </c>
      <c r="AL36148">
        <v>24</v>
      </c>
      <c r="AM36148">
        <v>24</v>
      </c>
      <c r="AN36148">
        <v>25</v>
      </c>
      <c r="AO36148">
        <v>25</v>
      </c>
      <c r="AP36148">
        <v>25</v>
      </c>
      <c r="AQ36148">
        <v>25</v>
      </c>
    </row>
    <row r="36149" spans="1:43">
      <c r="A36149" t="s">
        <v>22413</v>
      </c>
      <c r="B36149" t="s">
        <v>22414</v>
      </c>
      <c r="C36149" t="s">
        <v>22411</v>
      </c>
      <c r="D36149" t="s">
        <v>22412</v>
      </c>
      <c r="E36149" t="s">
        <v>22205</v>
      </c>
      <c r="F36149" t="s">
        <v>22206</v>
      </c>
      <c r="G36149" t="s">
        <v>20255</v>
      </c>
      <c r="H36149" t="s">
        <v>20256</v>
      </c>
      <c r="I36149" s="2">
        <v>0.98</v>
      </c>
      <c r="J36149" s="2">
        <v>0</v>
      </c>
      <c r="K36149" s="2">
        <v>0</v>
      </c>
      <c r="L36149" t="s">
        <v>120</v>
      </c>
      <c r="M36149" t="s">
        <v>83</v>
      </c>
      <c r="N36149" t="s">
        <v>91</v>
      </c>
      <c r="O36149" t="s">
        <v>85</v>
      </c>
      <c r="P36149" t="s">
        <v>86</v>
      </c>
      <c r="Q36149">
        <v>17</v>
      </c>
      <c r="R36149">
        <v>18</v>
      </c>
      <c r="S36149">
        <v>18</v>
      </c>
      <c r="T36149">
        <v>19</v>
      </c>
      <c r="U36149">
        <v>19</v>
      </c>
      <c r="V36149">
        <v>19</v>
      </c>
      <c r="W36149">
        <v>20</v>
      </c>
      <c r="X36149">
        <v>20</v>
      </c>
      <c r="Y36149">
        <v>20</v>
      </c>
      <c r="Z36149">
        <v>21</v>
      </c>
      <c r="AA36149">
        <v>21</v>
      </c>
      <c r="AB36149">
        <v>21</v>
      </c>
      <c r="AC36149">
        <v>22</v>
      </c>
      <c r="AD36149">
        <v>22</v>
      </c>
      <c r="AE36149">
        <v>22</v>
      </c>
      <c r="AF36149">
        <v>23</v>
      </c>
      <c r="AG36149">
        <v>23</v>
      </c>
      <c r="AH36149">
        <v>24</v>
      </c>
      <c r="AI36149">
        <v>24</v>
      </c>
      <c r="AJ36149">
        <v>24</v>
      </c>
      <c r="AK36149">
        <v>25</v>
      </c>
      <c r="AL36149">
        <v>25</v>
      </c>
      <c r="AM36149">
        <v>25</v>
      </c>
      <c r="AN36149">
        <v>25</v>
      </c>
      <c r="AO36149">
        <v>26</v>
      </c>
      <c r="AP36149">
        <v>26</v>
      </c>
      <c r="AQ36149">
        <v>26</v>
      </c>
    </row>
    <row r="36150" spans="1:43">
      <c r="A36150" t="s">
        <v>22415</v>
      </c>
      <c r="B36150" t="s">
        <v>22416</v>
      </c>
      <c r="C36150" t="s">
        <v>22411</v>
      </c>
      <c r="D36150" t="s">
        <v>22412</v>
      </c>
      <c r="E36150" t="s">
        <v>22205</v>
      </c>
      <c r="F36150" t="s">
        <v>22206</v>
      </c>
      <c r="G36150" t="s">
        <v>20255</v>
      </c>
      <c r="H36150" t="s">
        <v>20256</v>
      </c>
      <c r="I36150" s="2">
        <v>1</v>
      </c>
      <c r="J36150" s="2">
        <v>0</v>
      </c>
      <c r="K36150" s="2">
        <v>0</v>
      </c>
      <c r="L36150" t="s">
        <v>120</v>
      </c>
      <c r="M36150" t="s">
        <v>83</v>
      </c>
      <c r="N36150" t="s">
        <v>84</v>
      </c>
      <c r="O36150" t="s">
        <v>85</v>
      </c>
      <c r="P36150" t="s">
        <v>86</v>
      </c>
      <c r="Q36150">
        <v>9</v>
      </c>
      <c r="R36150">
        <v>9</v>
      </c>
      <c r="S36150">
        <v>9</v>
      </c>
      <c r="T36150">
        <v>9</v>
      </c>
      <c r="U36150">
        <v>10</v>
      </c>
      <c r="V36150">
        <v>10</v>
      </c>
      <c r="W36150">
        <v>10</v>
      </c>
      <c r="X36150">
        <v>10</v>
      </c>
      <c r="Y36150">
        <v>10</v>
      </c>
      <c r="Z36150">
        <v>11</v>
      </c>
      <c r="AA36150">
        <v>11</v>
      </c>
      <c r="AB36150">
        <v>11</v>
      </c>
      <c r="AC36150">
        <v>11</v>
      </c>
      <c r="AD36150">
        <v>11</v>
      </c>
      <c r="AE36150">
        <v>11</v>
      </c>
      <c r="AF36150">
        <v>12</v>
      </c>
      <c r="AG36150">
        <v>12</v>
      </c>
      <c r="AH36150">
        <v>12</v>
      </c>
      <c r="AI36150">
        <v>12</v>
      </c>
      <c r="AJ36150">
        <v>12</v>
      </c>
      <c r="AK36150">
        <v>13</v>
      </c>
      <c r="AL36150">
        <v>13</v>
      </c>
      <c r="AM36150">
        <v>13</v>
      </c>
      <c r="AN36150">
        <v>13</v>
      </c>
      <c r="AO36150">
        <v>13</v>
      </c>
      <c r="AP36150">
        <v>13</v>
      </c>
      <c r="AQ36150">
        <v>13</v>
      </c>
    </row>
    <row r="36151" spans="1:43">
      <c r="A36151" t="s">
        <v>22415</v>
      </c>
      <c r="B36151" t="s">
        <v>22416</v>
      </c>
      <c r="C36151" t="s">
        <v>22411</v>
      </c>
      <c r="D36151" t="s">
        <v>22412</v>
      </c>
      <c r="E36151" t="s">
        <v>22205</v>
      </c>
      <c r="F36151" t="s">
        <v>22206</v>
      </c>
      <c r="G36151" t="s">
        <v>20255</v>
      </c>
      <c r="H36151" t="s">
        <v>20256</v>
      </c>
      <c r="I36151" s="2">
        <v>1</v>
      </c>
      <c r="J36151" s="2">
        <v>0</v>
      </c>
      <c r="K36151" s="2">
        <v>0</v>
      </c>
      <c r="L36151" t="s">
        <v>120</v>
      </c>
      <c r="M36151" t="s">
        <v>87</v>
      </c>
      <c r="N36151" t="s">
        <v>88</v>
      </c>
      <c r="O36151" t="s">
        <v>85</v>
      </c>
      <c r="P36151" t="s">
        <v>86</v>
      </c>
      <c r="Q36151">
        <v>9</v>
      </c>
      <c r="R36151">
        <v>9</v>
      </c>
      <c r="S36151">
        <v>9</v>
      </c>
      <c r="T36151">
        <v>9</v>
      </c>
      <c r="U36151">
        <v>9</v>
      </c>
      <c r="V36151">
        <v>9</v>
      </c>
      <c r="W36151">
        <v>9</v>
      </c>
      <c r="X36151">
        <v>10</v>
      </c>
      <c r="Y36151">
        <v>10</v>
      </c>
      <c r="Z36151">
        <v>10</v>
      </c>
      <c r="AA36151">
        <v>10</v>
      </c>
      <c r="AB36151">
        <v>10</v>
      </c>
      <c r="AC36151">
        <v>10</v>
      </c>
      <c r="AD36151">
        <v>10</v>
      </c>
      <c r="AE36151">
        <v>10</v>
      </c>
      <c r="AF36151">
        <v>10</v>
      </c>
      <c r="AG36151">
        <v>10</v>
      </c>
      <c r="AH36151">
        <v>10</v>
      </c>
      <c r="AI36151">
        <v>11</v>
      </c>
      <c r="AJ36151">
        <v>11</v>
      </c>
      <c r="AK36151">
        <v>11</v>
      </c>
      <c r="AL36151">
        <v>11</v>
      </c>
      <c r="AM36151">
        <v>11</v>
      </c>
      <c r="AN36151">
        <v>11</v>
      </c>
      <c r="AO36151">
        <v>11</v>
      </c>
      <c r="AP36151">
        <v>11</v>
      </c>
      <c r="AQ36151">
        <v>11</v>
      </c>
    </row>
    <row r="36152" spans="1:43">
      <c r="A36152" t="s">
        <v>22415</v>
      </c>
      <c r="B36152" t="s">
        <v>22416</v>
      </c>
      <c r="C36152" t="s">
        <v>22411</v>
      </c>
      <c r="D36152" t="s">
        <v>22412</v>
      </c>
      <c r="E36152" t="s">
        <v>22205</v>
      </c>
      <c r="F36152" t="s">
        <v>22206</v>
      </c>
      <c r="G36152" t="s">
        <v>20255</v>
      </c>
      <c r="H36152" t="s">
        <v>20256</v>
      </c>
      <c r="I36152" s="2">
        <v>1</v>
      </c>
      <c r="J36152" s="2">
        <v>0</v>
      </c>
      <c r="K36152" s="2">
        <v>0</v>
      </c>
      <c r="L36152" t="s">
        <v>120</v>
      </c>
      <c r="M36152" t="s">
        <v>89</v>
      </c>
      <c r="N36152" t="s">
        <v>90</v>
      </c>
      <c r="O36152" t="s">
        <v>85</v>
      </c>
      <c r="P36152" t="s">
        <v>86</v>
      </c>
      <c r="Q36152">
        <v>9</v>
      </c>
      <c r="R36152">
        <v>9</v>
      </c>
      <c r="S36152">
        <v>10</v>
      </c>
      <c r="T36152">
        <v>10</v>
      </c>
      <c r="U36152">
        <v>10</v>
      </c>
      <c r="V36152">
        <v>10</v>
      </c>
      <c r="W36152">
        <v>11</v>
      </c>
      <c r="X36152">
        <v>11</v>
      </c>
      <c r="Y36152">
        <v>11</v>
      </c>
      <c r="Z36152">
        <v>11</v>
      </c>
      <c r="AA36152">
        <v>11</v>
      </c>
      <c r="AB36152">
        <v>12</v>
      </c>
      <c r="AC36152">
        <v>12</v>
      </c>
      <c r="AD36152">
        <v>12</v>
      </c>
      <c r="AE36152">
        <v>12</v>
      </c>
      <c r="AF36152">
        <v>12</v>
      </c>
      <c r="AG36152">
        <v>12</v>
      </c>
      <c r="AH36152">
        <v>13</v>
      </c>
      <c r="AI36152">
        <v>13</v>
      </c>
      <c r="AJ36152">
        <v>13</v>
      </c>
      <c r="AK36152">
        <v>13</v>
      </c>
      <c r="AL36152">
        <v>13</v>
      </c>
      <c r="AM36152">
        <v>13</v>
      </c>
      <c r="AN36152">
        <v>13</v>
      </c>
      <c r="AO36152">
        <v>13</v>
      </c>
      <c r="AP36152">
        <v>13</v>
      </c>
      <c r="AQ36152">
        <v>13</v>
      </c>
    </row>
    <row r="36153" spans="1:43">
      <c r="A36153" t="s">
        <v>22415</v>
      </c>
      <c r="B36153" t="s">
        <v>22416</v>
      </c>
      <c r="C36153" t="s">
        <v>22411</v>
      </c>
      <c r="D36153" t="s">
        <v>22412</v>
      </c>
      <c r="E36153" t="s">
        <v>22205</v>
      </c>
      <c r="F36153" t="s">
        <v>22206</v>
      </c>
      <c r="G36153" t="s">
        <v>20255</v>
      </c>
      <c r="H36153" t="s">
        <v>20256</v>
      </c>
      <c r="I36153" s="2">
        <v>1</v>
      </c>
      <c r="J36153" s="2">
        <v>0</v>
      </c>
      <c r="K36153" s="2">
        <v>0</v>
      </c>
      <c r="L36153" t="s">
        <v>120</v>
      </c>
      <c r="M36153" t="s">
        <v>83</v>
      </c>
      <c r="N36153" t="s">
        <v>91</v>
      </c>
      <c r="O36153" t="s">
        <v>85</v>
      </c>
      <c r="P36153" t="s">
        <v>86</v>
      </c>
      <c r="Q36153">
        <v>9</v>
      </c>
      <c r="R36153">
        <v>9</v>
      </c>
      <c r="S36153">
        <v>9</v>
      </c>
      <c r="T36153">
        <v>9</v>
      </c>
      <c r="U36153">
        <v>10</v>
      </c>
      <c r="V36153">
        <v>10</v>
      </c>
      <c r="W36153">
        <v>10</v>
      </c>
      <c r="X36153">
        <v>10</v>
      </c>
      <c r="Y36153">
        <v>10</v>
      </c>
      <c r="Z36153">
        <v>11</v>
      </c>
      <c r="AA36153">
        <v>11</v>
      </c>
      <c r="AB36153">
        <v>11</v>
      </c>
      <c r="AC36153">
        <v>11</v>
      </c>
      <c r="AD36153">
        <v>11</v>
      </c>
      <c r="AE36153">
        <v>11</v>
      </c>
      <c r="AF36153">
        <v>12</v>
      </c>
      <c r="AG36153">
        <v>12</v>
      </c>
      <c r="AH36153">
        <v>12</v>
      </c>
      <c r="AI36153">
        <v>12</v>
      </c>
      <c r="AJ36153">
        <v>12</v>
      </c>
      <c r="AK36153">
        <v>13</v>
      </c>
      <c r="AL36153">
        <v>13</v>
      </c>
      <c r="AM36153">
        <v>13</v>
      </c>
      <c r="AN36153">
        <v>13</v>
      </c>
      <c r="AO36153">
        <v>13</v>
      </c>
      <c r="AP36153">
        <v>13</v>
      </c>
      <c r="AQ36153">
        <v>13</v>
      </c>
    </row>
    <row r="36154" spans="1:43">
      <c r="A36154" t="s">
        <v>22417</v>
      </c>
      <c r="B36154" t="s">
        <v>22418</v>
      </c>
      <c r="C36154" t="s">
        <v>22379</v>
      </c>
      <c r="D36154" t="s">
        <v>22380</v>
      </c>
      <c r="E36154" t="s">
        <v>22205</v>
      </c>
      <c r="F36154" t="s">
        <v>22206</v>
      </c>
      <c r="G36154" t="s">
        <v>20255</v>
      </c>
      <c r="H36154" t="s">
        <v>20256</v>
      </c>
      <c r="I36154" s="2">
        <v>1</v>
      </c>
      <c r="J36154" s="2">
        <v>0</v>
      </c>
      <c r="K36154" s="2">
        <v>0</v>
      </c>
      <c r="L36154" t="s">
        <v>120</v>
      </c>
      <c r="M36154" t="s">
        <v>83</v>
      </c>
      <c r="N36154" t="s">
        <v>84</v>
      </c>
      <c r="O36154" t="s">
        <v>85</v>
      </c>
      <c r="P36154" t="s">
        <v>86</v>
      </c>
      <c r="Q36154">
        <v>33</v>
      </c>
      <c r="R36154">
        <v>34</v>
      </c>
      <c r="S36154">
        <v>34</v>
      </c>
      <c r="T36154">
        <v>35</v>
      </c>
      <c r="U36154">
        <v>36</v>
      </c>
      <c r="V36154">
        <v>36</v>
      </c>
      <c r="W36154">
        <v>37</v>
      </c>
      <c r="X36154">
        <v>38</v>
      </c>
      <c r="Y36154">
        <v>38</v>
      </c>
      <c r="Z36154">
        <v>39</v>
      </c>
      <c r="AA36154">
        <v>40</v>
      </c>
      <c r="AB36154">
        <v>40</v>
      </c>
      <c r="AC36154">
        <v>41</v>
      </c>
      <c r="AD36154">
        <v>42</v>
      </c>
      <c r="AE36154">
        <v>42</v>
      </c>
      <c r="AF36154">
        <v>43</v>
      </c>
      <c r="AG36154">
        <v>44</v>
      </c>
      <c r="AH36154">
        <v>44</v>
      </c>
      <c r="AI36154">
        <v>45</v>
      </c>
      <c r="AJ36154">
        <v>46</v>
      </c>
      <c r="AK36154">
        <v>47</v>
      </c>
      <c r="AL36154">
        <v>47</v>
      </c>
      <c r="AM36154">
        <v>48</v>
      </c>
      <c r="AN36154">
        <v>48</v>
      </c>
      <c r="AO36154">
        <v>48</v>
      </c>
      <c r="AP36154">
        <v>49</v>
      </c>
      <c r="AQ36154">
        <v>49</v>
      </c>
    </row>
    <row r="36155" spans="1:43">
      <c r="A36155" t="s">
        <v>22417</v>
      </c>
      <c r="B36155" t="s">
        <v>22418</v>
      </c>
      <c r="C36155" t="s">
        <v>22379</v>
      </c>
      <c r="D36155" t="s">
        <v>22380</v>
      </c>
      <c r="E36155" t="s">
        <v>22205</v>
      </c>
      <c r="F36155" t="s">
        <v>22206</v>
      </c>
      <c r="G36155" t="s">
        <v>20255</v>
      </c>
      <c r="H36155" t="s">
        <v>20256</v>
      </c>
      <c r="I36155" s="2">
        <v>1</v>
      </c>
      <c r="J36155" s="2">
        <v>0</v>
      </c>
      <c r="K36155" s="2">
        <v>0</v>
      </c>
      <c r="L36155" t="s">
        <v>120</v>
      </c>
      <c r="M36155" t="s">
        <v>87</v>
      </c>
      <c r="N36155" t="s">
        <v>88</v>
      </c>
      <c r="O36155" t="s">
        <v>85</v>
      </c>
      <c r="P36155" t="s">
        <v>86</v>
      </c>
      <c r="Q36155">
        <v>33</v>
      </c>
      <c r="R36155">
        <v>33</v>
      </c>
      <c r="S36155">
        <v>33</v>
      </c>
      <c r="T36155">
        <v>34</v>
      </c>
      <c r="U36155">
        <v>34</v>
      </c>
      <c r="V36155">
        <v>34</v>
      </c>
      <c r="W36155">
        <v>35</v>
      </c>
      <c r="X36155">
        <v>35</v>
      </c>
      <c r="Y36155">
        <v>35</v>
      </c>
      <c r="Z36155">
        <v>36</v>
      </c>
      <c r="AA36155">
        <v>36</v>
      </c>
      <c r="AB36155">
        <v>36</v>
      </c>
      <c r="AC36155">
        <v>37</v>
      </c>
      <c r="AD36155">
        <v>37</v>
      </c>
      <c r="AE36155">
        <v>37</v>
      </c>
      <c r="AF36155">
        <v>38</v>
      </c>
      <c r="AG36155">
        <v>38</v>
      </c>
      <c r="AH36155">
        <v>39</v>
      </c>
      <c r="AI36155">
        <v>39</v>
      </c>
      <c r="AJ36155">
        <v>39</v>
      </c>
      <c r="AK36155">
        <v>40</v>
      </c>
      <c r="AL36155">
        <v>40</v>
      </c>
      <c r="AM36155">
        <v>41</v>
      </c>
      <c r="AN36155">
        <v>41</v>
      </c>
      <c r="AO36155">
        <v>41</v>
      </c>
      <c r="AP36155">
        <v>42</v>
      </c>
      <c r="AQ36155">
        <v>42</v>
      </c>
    </row>
    <row r="36156" spans="1:43">
      <c r="A36156" t="s">
        <v>22417</v>
      </c>
      <c r="B36156" t="s">
        <v>22418</v>
      </c>
      <c r="C36156" t="s">
        <v>22379</v>
      </c>
      <c r="D36156" t="s">
        <v>22380</v>
      </c>
      <c r="E36156" t="s">
        <v>22205</v>
      </c>
      <c r="F36156" t="s">
        <v>22206</v>
      </c>
      <c r="G36156" t="s">
        <v>20255</v>
      </c>
      <c r="H36156" t="s">
        <v>20256</v>
      </c>
      <c r="I36156" s="2">
        <v>1</v>
      </c>
      <c r="J36156" s="2">
        <v>0</v>
      </c>
      <c r="K36156" s="2">
        <v>0</v>
      </c>
      <c r="L36156" t="s">
        <v>120</v>
      </c>
      <c r="M36156" t="s">
        <v>89</v>
      </c>
      <c r="N36156" t="s">
        <v>90</v>
      </c>
      <c r="O36156" t="s">
        <v>85</v>
      </c>
      <c r="P36156" t="s">
        <v>86</v>
      </c>
      <c r="Q36156">
        <v>33</v>
      </c>
      <c r="R36156">
        <v>34</v>
      </c>
      <c r="S36156">
        <v>35</v>
      </c>
      <c r="T36156">
        <v>36</v>
      </c>
      <c r="U36156">
        <v>37</v>
      </c>
      <c r="V36156">
        <v>38</v>
      </c>
      <c r="W36156">
        <v>39</v>
      </c>
      <c r="X36156">
        <v>40</v>
      </c>
      <c r="Y36156">
        <v>40</v>
      </c>
      <c r="Z36156">
        <v>41</v>
      </c>
      <c r="AA36156">
        <v>42</v>
      </c>
      <c r="AB36156">
        <v>43</v>
      </c>
      <c r="AC36156">
        <v>44</v>
      </c>
      <c r="AD36156">
        <v>45</v>
      </c>
      <c r="AE36156">
        <v>45</v>
      </c>
      <c r="AF36156">
        <v>46</v>
      </c>
      <c r="AG36156">
        <v>46</v>
      </c>
      <c r="AH36156">
        <v>46</v>
      </c>
      <c r="AI36156">
        <v>47</v>
      </c>
      <c r="AJ36156">
        <v>47</v>
      </c>
      <c r="AK36156">
        <v>48</v>
      </c>
      <c r="AL36156">
        <v>48</v>
      </c>
      <c r="AM36156">
        <v>48</v>
      </c>
      <c r="AN36156">
        <v>49</v>
      </c>
      <c r="AO36156">
        <v>49</v>
      </c>
      <c r="AP36156">
        <v>49</v>
      </c>
      <c r="AQ36156">
        <v>50</v>
      </c>
    </row>
    <row r="36157" spans="1:43">
      <c r="A36157" t="s">
        <v>22417</v>
      </c>
      <c r="B36157" t="s">
        <v>22418</v>
      </c>
      <c r="C36157" t="s">
        <v>22379</v>
      </c>
      <c r="D36157" t="s">
        <v>22380</v>
      </c>
      <c r="E36157" t="s">
        <v>22205</v>
      </c>
      <c r="F36157" t="s">
        <v>22206</v>
      </c>
      <c r="G36157" t="s">
        <v>20255</v>
      </c>
      <c r="H36157" t="s">
        <v>20256</v>
      </c>
      <c r="I36157" s="2">
        <v>1</v>
      </c>
      <c r="J36157" s="2">
        <v>0</v>
      </c>
      <c r="K36157" s="2">
        <v>0</v>
      </c>
      <c r="L36157" t="s">
        <v>120</v>
      </c>
      <c r="M36157" t="s">
        <v>83</v>
      </c>
      <c r="N36157" t="s">
        <v>91</v>
      </c>
      <c r="O36157" t="s">
        <v>85</v>
      </c>
      <c r="P36157" t="s">
        <v>86</v>
      </c>
      <c r="Q36157">
        <v>33</v>
      </c>
      <c r="R36157">
        <v>34</v>
      </c>
      <c r="S36157">
        <v>34</v>
      </c>
      <c r="T36157">
        <v>35</v>
      </c>
      <c r="U36157">
        <v>36</v>
      </c>
      <c r="V36157">
        <v>36</v>
      </c>
      <c r="W36157">
        <v>37</v>
      </c>
      <c r="X36157">
        <v>38</v>
      </c>
      <c r="Y36157">
        <v>38</v>
      </c>
      <c r="Z36157">
        <v>39</v>
      </c>
      <c r="AA36157">
        <v>40</v>
      </c>
      <c r="AB36157">
        <v>40</v>
      </c>
      <c r="AC36157">
        <v>41</v>
      </c>
      <c r="AD36157">
        <v>42</v>
      </c>
      <c r="AE36157">
        <v>42</v>
      </c>
      <c r="AF36157">
        <v>43</v>
      </c>
      <c r="AG36157">
        <v>44</v>
      </c>
      <c r="AH36157">
        <v>44</v>
      </c>
      <c r="AI36157">
        <v>45</v>
      </c>
      <c r="AJ36157">
        <v>46</v>
      </c>
      <c r="AK36157">
        <v>47</v>
      </c>
      <c r="AL36157">
        <v>47</v>
      </c>
      <c r="AM36157">
        <v>48</v>
      </c>
      <c r="AN36157">
        <v>48</v>
      </c>
      <c r="AO36157">
        <v>48</v>
      </c>
      <c r="AP36157">
        <v>49</v>
      </c>
      <c r="AQ36157">
        <v>49</v>
      </c>
    </row>
    <row r="36158" spans="1:43">
      <c r="A36158" t="s">
        <v>22419</v>
      </c>
      <c r="B36158" t="s">
        <v>22420</v>
      </c>
      <c r="C36158" t="s">
        <v>22379</v>
      </c>
      <c r="D36158" t="s">
        <v>22380</v>
      </c>
      <c r="E36158" t="s">
        <v>22205</v>
      </c>
      <c r="F36158" t="s">
        <v>22206</v>
      </c>
      <c r="G36158" t="s">
        <v>20255</v>
      </c>
      <c r="H36158" t="s">
        <v>20256</v>
      </c>
      <c r="I36158" s="2">
        <v>1</v>
      </c>
      <c r="J36158" s="2">
        <v>0</v>
      </c>
      <c r="K36158" s="2">
        <v>0</v>
      </c>
      <c r="L36158" t="s">
        <v>120</v>
      </c>
      <c r="M36158" t="s">
        <v>83</v>
      </c>
      <c r="N36158" t="s">
        <v>84</v>
      </c>
      <c r="O36158" t="s">
        <v>85</v>
      </c>
      <c r="P36158" t="s">
        <v>86</v>
      </c>
      <c r="Q36158">
        <v>92</v>
      </c>
      <c r="R36158">
        <v>93</v>
      </c>
      <c r="S36158">
        <v>95</v>
      </c>
      <c r="T36158">
        <v>97</v>
      </c>
      <c r="U36158">
        <v>99</v>
      </c>
      <c r="V36158">
        <v>101</v>
      </c>
      <c r="W36158">
        <v>102</v>
      </c>
      <c r="X36158">
        <v>104</v>
      </c>
      <c r="Y36158">
        <v>106</v>
      </c>
      <c r="Z36158">
        <v>108</v>
      </c>
      <c r="AA36158">
        <v>110</v>
      </c>
      <c r="AB36158">
        <v>112</v>
      </c>
      <c r="AC36158">
        <v>114</v>
      </c>
      <c r="AD36158">
        <v>116</v>
      </c>
      <c r="AE36158">
        <v>117</v>
      </c>
      <c r="AF36158">
        <v>119</v>
      </c>
      <c r="AG36158">
        <v>121</v>
      </c>
      <c r="AH36158">
        <v>123</v>
      </c>
      <c r="AI36158">
        <v>125</v>
      </c>
      <c r="AJ36158">
        <v>127</v>
      </c>
      <c r="AK36158">
        <v>130</v>
      </c>
      <c r="AL36158">
        <v>131</v>
      </c>
      <c r="AM36158">
        <v>132</v>
      </c>
      <c r="AN36158">
        <v>133</v>
      </c>
      <c r="AO36158">
        <v>134</v>
      </c>
      <c r="AP36158">
        <v>135</v>
      </c>
      <c r="AQ36158">
        <v>136</v>
      </c>
    </row>
    <row r="36159" spans="1:43">
      <c r="A36159" t="s">
        <v>22419</v>
      </c>
      <c r="B36159" t="s">
        <v>22420</v>
      </c>
      <c r="C36159" t="s">
        <v>22379</v>
      </c>
      <c r="D36159" t="s">
        <v>22380</v>
      </c>
      <c r="E36159" t="s">
        <v>22205</v>
      </c>
      <c r="F36159" t="s">
        <v>22206</v>
      </c>
      <c r="G36159" t="s">
        <v>20255</v>
      </c>
      <c r="H36159" t="s">
        <v>20256</v>
      </c>
      <c r="I36159" s="2">
        <v>1</v>
      </c>
      <c r="J36159" s="2">
        <v>0</v>
      </c>
      <c r="K36159" s="2">
        <v>0</v>
      </c>
      <c r="L36159" t="s">
        <v>120</v>
      </c>
      <c r="M36159" t="s">
        <v>87</v>
      </c>
      <c r="N36159" t="s">
        <v>88</v>
      </c>
      <c r="O36159" t="s">
        <v>85</v>
      </c>
      <c r="P36159" t="s">
        <v>86</v>
      </c>
      <c r="Q36159">
        <v>92</v>
      </c>
      <c r="R36159">
        <v>93</v>
      </c>
      <c r="S36159">
        <v>94</v>
      </c>
      <c r="T36159">
        <v>95</v>
      </c>
      <c r="U36159">
        <v>95</v>
      </c>
      <c r="V36159">
        <v>96</v>
      </c>
      <c r="W36159">
        <v>97</v>
      </c>
      <c r="X36159">
        <v>98</v>
      </c>
      <c r="Y36159">
        <v>99</v>
      </c>
      <c r="Z36159">
        <v>100</v>
      </c>
      <c r="AA36159">
        <v>101</v>
      </c>
      <c r="AB36159">
        <v>102</v>
      </c>
      <c r="AC36159">
        <v>103</v>
      </c>
      <c r="AD36159">
        <v>104</v>
      </c>
      <c r="AE36159">
        <v>105</v>
      </c>
      <c r="AF36159">
        <v>106</v>
      </c>
      <c r="AG36159">
        <v>107</v>
      </c>
      <c r="AH36159">
        <v>108</v>
      </c>
      <c r="AI36159">
        <v>109</v>
      </c>
      <c r="AJ36159">
        <v>110</v>
      </c>
      <c r="AK36159">
        <v>111</v>
      </c>
      <c r="AL36159">
        <v>113</v>
      </c>
      <c r="AM36159">
        <v>114</v>
      </c>
      <c r="AN36159">
        <v>115</v>
      </c>
      <c r="AO36159">
        <v>116</v>
      </c>
      <c r="AP36159">
        <v>117</v>
      </c>
      <c r="AQ36159">
        <v>118</v>
      </c>
    </row>
    <row r="36160" spans="1:43">
      <c r="A36160" t="s">
        <v>22419</v>
      </c>
      <c r="B36160" t="s">
        <v>22420</v>
      </c>
      <c r="C36160" t="s">
        <v>22379</v>
      </c>
      <c r="D36160" t="s">
        <v>22380</v>
      </c>
      <c r="E36160" t="s">
        <v>22205</v>
      </c>
      <c r="F36160" t="s">
        <v>22206</v>
      </c>
      <c r="G36160" t="s">
        <v>20255</v>
      </c>
      <c r="H36160" t="s">
        <v>20256</v>
      </c>
      <c r="I36160" s="2">
        <v>1</v>
      </c>
      <c r="J36160" s="2">
        <v>0</v>
      </c>
      <c r="K36160" s="2">
        <v>0</v>
      </c>
      <c r="L36160" t="s">
        <v>120</v>
      </c>
      <c r="M36160" t="s">
        <v>89</v>
      </c>
      <c r="N36160" t="s">
        <v>90</v>
      </c>
      <c r="O36160" t="s">
        <v>85</v>
      </c>
      <c r="P36160" t="s">
        <v>86</v>
      </c>
      <c r="Q36160">
        <v>92</v>
      </c>
      <c r="R36160">
        <v>95</v>
      </c>
      <c r="S36160">
        <v>98</v>
      </c>
      <c r="T36160">
        <v>100</v>
      </c>
      <c r="U36160">
        <v>103</v>
      </c>
      <c r="V36160">
        <v>105</v>
      </c>
      <c r="W36160">
        <v>108</v>
      </c>
      <c r="X36160">
        <v>110</v>
      </c>
      <c r="Y36160">
        <v>112</v>
      </c>
      <c r="Z36160">
        <v>115</v>
      </c>
      <c r="AA36160">
        <v>117</v>
      </c>
      <c r="AB36160">
        <v>119</v>
      </c>
      <c r="AC36160">
        <v>122</v>
      </c>
      <c r="AD36160">
        <v>124</v>
      </c>
      <c r="AE36160">
        <v>126</v>
      </c>
      <c r="AF36160">
        <v>127</v>
      </c>
      <c r="AG36160">
        <v>128</v>
      </c>
      <c r="AH36160">
        <v>129</v>
      </c>
      <c r="AI36160">
        <v>130</v>
      </c>
      <c r="AJ36160">
        <v>131</v>
      </c>
      <c r="AK36160">
        <v>132</v>
      </c>
      <c r="AL36160">
        <v>133</v>
      </c>
      <c r="AM36160">
        <v>134</v>
      </c>
      <c r="AN36160">
        <v>135</v>
      </c>
      <c r="AO36160">
        <v>136</v>
      </c>
      <c r="AP36160">
        <v>137</v>
      </c>
      <c r="AQ36160">
        <v>138</v>
      </c>
    </row>
    <row r="36161" spans="1:43">
      <c r="A36161" t="s">
        <v>22419</v>
      </c>
      <c r="B36161" t="s">
        <v>22420</v>
      </c>
      <c r="C36161" t="s">
        <v>22379</v>
      </c>
      <c r="D36161" t="s">
        <v>22380</v>
      </c>
      <c r="E36161" t="s">
        <v>22205</v>
      </c>
      <c r="F36161" t="s">
        <v>22206</v>
      </c>
      <c r="G36161" t="s">
        <v>20255</v>
      </c>
      <c r="H36161" t="s">
        <v>20256</v>
      </c>
      <c r="I36161" s="2">
        <v>1</v>
      </c>
      <c r="J36161" s="2">
        <v>0</v>
      </c>
      <c r="K36161" s="2">
        <v>0</v>
      </c>
      <c r="L36161" t="s">
        <v>120</v>
      </c>
      <c r="M36161" t="s">
        <v>83</v>
      </c>
      <c r="N36161" t="s">
        <v>91</v>
      </c>
      <c r="O36161" t="s">
        <v>85</v>
      </c>
      <c r="P36161" t="s">
        <v>86</v>
      </c>
      <c r="Q36161">
        <v>92</v>
      </c>
      <c r="R36161">
        <v>93</v>
      </c>
      <c r="S36161">
        <v>95</v>
      </c>
      <c r="T36161">
        <v>97</v>
      </c>
      <c r="U36161">
        <v>99</v>
      </c>
      <c r="V36161">
        <v>101</v>
      </c>
      <c r="W36161">
        <v>102</v>
      </c>
      <c r="X36161">
        <v>104</v>
      </c>
      <c r="Y36161">
        <v>106</v>
      </c>
      <c r="Z36161">
        <v>108</v>
      </c>
      <c r="AA36161">
        <v>110</v>
      </c>
      <c r="AB36161">
        <v>112</v>
      </c>
      <c r="AC36161">
        <v>114</v>
      </c>
      <c r="AD36161">
        <v>116</v>
      </c>
      <c r="AE36161">
        <v>117</v>
      </c>
      <c r="AF36161">
        <v>119</v>
      </c>
      <c r="AG36161">
        <v>121</v>
      </c>
      <c r="AH36161">
        <v>123</v>
      </c>
      <c r="AI36161">
        <v>125</v>
      </c>
      <c r="AJ36161">
        <v>127</v>
      </c>
      <c r="AK36161">
        <v>130</v>
      </c>
      <c r="AL36161">
        <v>131</v>
      </c>
      <c r="AM36161">
        <v>132</v>
      </c>
      <c r="AN36161">
        <v>133</v>
      </c>
      <c r="AO36161">
        <v>134</v>
      </c>
      <c r="AP36161">
        <v>135</v>
      </c>
      <c r="AQ36161">
        <v>136</v>
      </c>
    </row>
    <row r="36162" spans="1:43">
      <c r="A36162" t="s">
        <v>22421</v>
      </c>
      <c r="B36162" t="s">
        <v>22422</v>
      </c>
      <c r="C36162" t="s">
        <v>22379</v>
      </c>
      <c r="D36162" t="s">
        <v>22380</v>
      </c>
      <c r="E36162" t="s">
        <v>22205</v>
      </c>
      <c r="F36162" t="s">
        <v>22206</v>
      </c>
      <c r="G36162" t="s">
        <v>20255</v>
      </c>
      <c r="H36162" t="s">
        <v>20256</v>
      </c>
      <c r="I36162" s="2">
        <v>1</v>
      </c>
      <c r="J36162" s="2">
        <v>0</v>
      </c>
      <c r="K36162" s="2">
        <v>0</v>
      </c>
      <c r="L36162" t="s">
        <v>120</v>
      </c>
      <c r="M36162" t="s">
        <v>83</v>
      </c>
      <c r="N36162" t="s">
        <v>84</v>
      </c>
      <c r="O36162" t="s">
        <v>85</v>
      </c>
      <c r="P36162" t="s">
        <v>86</v>
      </c>
      <c r="Q36162">
        <v>8</v>
      </c>
      <c r="R36162">
        <v>8</v>
      </c>
      <c r="S36162">
        <v>8</v>
      </c>
      <c r="T36162">
        <v>9</v>
      </c>
      <c r="U36162">
        <v>9</v>
      </c>
      <c r="V36162">
        <v>9</v>
      </c>
      <c r="W36162">
        <v>9</v>
      </c>
      <c r="X36162">
        <v>9</v>
      </c>
      <c r="Y36162">
        <v>9</v>
      </c>
      <c r="Z36162">
        <v>10</v>
      </c>
      <c r="AA36162">
        <v>10</v>
      </c>
      <c r="AB36162">
        <v>10</v>
      </c>
      <c r="AC36162">
        <v>10</v>
      </c>
      <c r="AD36162">
        <v>10</v>
      </c>
      <c r="AE36162">
        <v>10</v>
      </c>
      <c r="AF36162">
        <v>11</v>
      </c>
      <c r="AG36162">
        <v>11</v>
      </c>
      <c r="AH36162">
        <v>11</v>
      </c>
      <c r="AI36162">
        <v>11</v>
      </c>
      <c r="AJ36162">
        <v>11</v>
      </c>
      <c r="AK36162">
        <v>12</v>
      </c>
      <c r="AL36162">
        <v>12</v>
      </c>
      <c r="AM36162">
        <v>12</v>
      </c>
      <c r="AN36162">
        <v>12</v>
      </c>
      <c r="AO36162">
        <v>12</v>
      </c>
      <c r="AP36162">
        <v>12</v>
      </c>
      <c r="AQ36162">
        <v>12</v>
      </c>
    </row>
    <row r="36163" spans="1:43">
      <c r="A36163" t="s">
        <v>22421</v>
      </c>
      <c r="B36163" t="s">
        <v>22422</v>
      </c>
      <c r="C36163" t="s">
        <v>22379</v>
      </c>
      <c r="D36163" t="s">
        <v>22380</v>
      </c>
      <c r="E36163" t="s">
        <v>22205</v>
      </c>
      <c r="F36163" t="s">
        <v>22206</v>
      </c>
      <c r="G36163" t="s">
        <v>20255</v>
      </c>
      <c r="H36163" t="s">
        <v>20256</v>
      </c>
      <c r="I36163" s="2">
        <v>1</v>
      </c>
      <c r="J36163" s="2">
        <v>0</v>
      </c>
      <c r="K36163" s="2">
        <v>0</v>
      </c>
      <c r="L36163" t="s">
        <v>120</v>
      </c>
      <c r="M36163" t="s">
        <v>87</v>
      </c>
      <c r="N36163" t="s">
        <v>88</v>
      </c>
      <c r="O36163" t="s">
        <v>85</v>
      </c>
      <c r="P36163" t="s">
        <v>86</v>
      </c>
      <c r="Q36163">
        <v>8</v>
      </c>
      <c r="R36163">
        <v>8</v>
      </c>
      <c r="S36163">
        <v>8</v>
      </c>
      <c r="T36163">
        <v>8</v>
      </c>
      <c r="U36163">
        <v>8</v>
      </c>
      <c r="V36163">
        <v>9</v>
      </c>
      <c r="W36163">
        <v>9</v>
      </c>
      <c r="X36163">
        <v>9</v>
      </c>
      <c r="Y36163">
        <v>9</v>
      </c>
      <c r="Z36163">
        <v>9</v>
      </c>
      <c r="AA36163">
        <v>9</v>
      </c>
      <c r="AB36163">
        <v>9</v>
      </c>
      <c r="AC36163">
        <v>9</v>
      </c>
      <c r="AD36163">
        <v>9</v>
      </c>
      <c r="AE36163">
        <v>9</v>
      </c>
      <c r="AF36163">
        <v>9</v>
      </c>
      <c r="AG36163">
        <v>9</v>
      </c>
      <c r="AH36163">
        <v>10</v>
      </c>
      <c r="AI36163">
        <v>10</v>
      </c>
      <c r="AJ36163">
        <v>10</v>
      </c>
      <c r="AK36163">
        <v>10</v>
      </c>
      <c r="AL36163">
        <v>10</v>
      </c>
      <c r="AM36163">
        <v>10</v>
      </c>
      <c r="AN36163">
        <v>10</v>
      </c>
      <c r="AO36163">
        <v>10</v>
      </c>
      <c r="AP36163">
        <v>10</v>
      </c>
      <c r="AQ36163">
        <v>10</v>
      </c>
    </row>
    <row r="36164" spans="1:43">
      <c r="A36164" t="s">
        <v>22421</v>
      </c>
      <c r="B36164" t="s">
        <v>22422</v>
      </c>
      <c r="C36164" t="s">
        <v>22379</v>
      </c>
      <c r="D36164" t="s">
        <v>22380</v>
      </c>
      <c r="E36164" t="s">
        <v>22205</v>
      </c>
      <c r="F36164" t="s">
        <v>22206</v>
      </c>
      <c r="G36164" t="s">
        <v>20255</v>
      </c>
      <c r="H36164" t="s">
        <v>20256</v>
      </c>
      <c r="I36164" s="2">
        <v>1</v>
      </c>
      <c r="J36164" s="2">
        <v>0</v>
      </c>
      <c r="K36164" s="2">
        <v>0</v>
      </c>
      <c r="L36164" t="s">
        <v>120</v>
      </c>
      <c r="M36164" t="s">
        <v>89</v>
      </c>
      <c r="N36164" t="s">
        <v>90</v>
      </c>
      <c r="O36164" t="s">
        <v>85</v>
      </c>
      <c r="P36164" t="s">
        <v>86</v>
      </c>
      <c r="Q36164">
        <v>8</v>
      </c>
      <c r="R36164">
        <v>8</v>
      </c>
      <c r="S36164">
        <v>9</v>
      </c>
      <c r="T36164">
        <v>9</v>
      </c>
      <c r="U36164">
        <v>9</v>
      </c>
      <c r="V36164">
        <v>9</v>
      </c>
      <c r="W36164">
        <v>10</v>
      </c>
      <c r="X36164">
        <v>10</v>
      </c>
      <c r="Y36164">
        <v>10</v>
      </c>
      <c r="Z36164">
        <v>10</v>
      </c>
      <c r="AA36164">
        <v>10</v>
      </c>
      <c r="AB36164">
        <v>11</v>
      </c>
      <c r="AC36164">
        <v>11</v>
      </c>
      <c r="AD36164">
        <v>11</v>
      </c>
      <c r="AE36164">
        <v>11</v>
      </c>
      <c r="AF36164">
        <v>11</v>
      </c>
      <c r="AG36164">
        <v>11</v>
      </c>
      <c r="AH36164">
        <v>12</v>
      </c>
      <c r="AI36164">
        <v>12</v>
      </c>
      <c r="AJ36164">
        <v>12</v>
      </c>
      <c r="AK36164">
        <v>12</v>
      </c>
      <c r="AL36164">
        <v>12</v>
      </c>
      <c r="AM36164">
        <v>12</v>
      </c>
      <c r="AN36164">
        <v>12</v>
      </c>
      <c r="AO36164">
        <v>12</v>
      </c>
      <c r="AP36164">
        <v>12</v>
      </c>
      <c r="AQ36164">
        <v>12</v>
      </c>
    </row>
    <row r="36165" spans="1:43">
      <c r="A36165" t="s">
        <v>22421</v>
      </c>
      <c r="B36165" t="s">
        <v>22422</v>
      </c>
      <c r="C36165" t="s">
        <v>22379</v>
      </c>
      <c r="D36165" t="s">
        <v>22380</v>
      </c>
      <c r="E36165" t="s">
        <v>22205</v>
      </c>
      <c r="F36165" t="s">
        <v>22206</v>
      </c>
      <c r="G36165" t="s">
        <v>20255</v>
      </c>
      <c r="H36165" t="s">
        <v>20256</v>
      </c>
      <c r="I36165" s="2">
        <v>1</v>
      </c>
      <c r="J36165" s="2">
        <v>0</v>
      </c>
      <c r="K36165" s="2">
        <v>0</v>
      </c>
      <c r="L36165" t="s">
        <v>120</v>
      </c>
      <c r="M36165" t="s">
        <v>83</v>
      </c>
      <c r="N36165" t="s">
        <v>91</v>
      </c>
      <c r="O36165" t="s">
        <v>85</v>
      </c>
      <c r="P36165" t="s">
        <v>86</v>
      </c>
      <c r="Q36165">
        <v>8</v>
      </c>
      <c r="R36165">
        <v>8</v>
      </c>
      <c r="S36165">
        <v>8</v>
      </c>
      <c r="T36165">
        <v>9</v>
      </c>
      <c r="U36165">
        <v>9</v>
      </c>
      <c r="V36165">
        <v>9</v>
      </c>
      <c r="W36165">
        <v>9</v>
      </c>
      <c r="X36165">
        <v>9</v>
      </c>
      <c r="Y36165">
        <v>9</v>
      </c>
      <c r="Z36165">
        <v>10</v>
      </c>
      <c r="AA36165">
        <v>10</v>
      </c>
      <c r="AB36165">
        <v>10</v>
      </c>
      <c r="AC36165">
        <v>10</v>
      </c>
      <c r="AD36165">
        <v>10</v>
      </c>
      <c r="AE36165">
        <v>10</v>
      </c>
      <c r="AF36165">
        <v>11</v>
      </c>
      <c r="AG36165">
        <v>11</v>
      </c>
      <c r="AH36165">
        <v>11</v>
      </c>
      <c r="AI36165">
        <v>11</v>
      </c>
      <c r="AJ36165">
        <v>11</v>
      </c>
      <c r="AK36165">
        <v>12</v>
      </c>
      <c r="AL36165">
        <v>12</v>
      </c>
      <c r="AM36165">
        <v>12</v>
      </c>
      <c r="AN36165">
        <v>12</v>
      </c>
      <c r="AO36165">
        <v>12</v>
      </c>
      <c r="AP36165">
        <v>12</v>
      </c>
      <c r="AQ36165">
        <v>12</v>
      </c>
    </row>
    <row r="36166" spans="1:43">
      <c r="A36166" t="s">
        <v>22423</v>
      </c>
      <c r="B36166" t="s">
        <v>22424</v>
      </c>
      <c r="C36166" t="s">
        <v>22425</v>
      </c>
      <c r="D36166" t="s">
        <v>22426</v>
      </c>
      <c r="E36166" t="s">
        <v>22205</v>
      </c>
      <c r="F36166" t="s">
        <v>22206</v>
      </c>
      <c r="G36166" t="s">
        <v>20255</v>
      </c>
      <c r="H36166" t="s">
        <v>20256</v>
      </c>
      <c r="I36166" s="2">
        <v>1</v>
      </c>
      <c r="J36166" s="2">
        <v>0</v>
      </c>
      <c r="K36166" s="2">
        <v>0</v>
      </c>
      <c r="L36166" t="s">
        <v>120</v>
      </c>
      <c r="M36166" t="s">
        <v>83</v>
      </c>
      <c r="N36166" t="s">
        <v>84</v>
      </c>
      <c r="O36166" t="s">
        <v>85</v>
      </c>
      <c r="P36166" t="s">
        <v>86</v>
      </c>
      <c r="Q36166">
        <v>14</v>
      </c>
      <c r="R36166">
        <v>14</v>
      </c>
      <c r="S36166">
        <v>15</v>
      </c>
      <c r="T36166">
        <v>15</v>
      </c>
      <c r="U36166">
        <v>15</v>
      </c>
      <c r="V36166">
        <v>15</v>
      </c>
      <c r="W36166">
        <v>16</v>
      </c>
      <c r="X36166">
        <v>16</v>
      </c>
      <c r="Y36166">
        <v>16</v>
      </c>
      <c r="Z36166">
        <v>17</v>
      </c>
      <c r="AA36166">
        <v>17</v>
      </c>
      <c r="AB36166">
        <v>17</v>
      </c>
      <c r="AC36166">
        <v>17</v>
      </c>
      <c r="AD36166">
        <v>18</v>
      </c>
      <c r="AE36166">
        <v>18</v>
      </c>
      <c r="AF36166">
        <v>18</v>
      </c>
      <c r="AG36166">
        <v>19</v>
      </c>
      <c r="AH36166">
        <v>19</v>
      </c>
      <c r="AI36166">
        <v>19</v>
      </c>
      <c r="AJ36166">
        <v>20</v>
      </c>
      <c r="AK36166">
        <v>20</v>
      </c>
      <c r="AL36166">
        <v>20</v>
      </c>
      <c r="AM36166">
        <v>20</v>
      </c>
      <c r="AN36166">
        <v>20</v>
      </c>
      <c r="AO36166">
        <v>21</v>
      </c>
      <c r="AP36166">
        <v>21</v>
      </c>
      <c r="AQ36166">
        <v>21</v>
      </c>
    </row>
    <row r="36167" spans="1:43">
      <c r="A36167" t="s">
        <v>22423</v>
      </c>
      <c r="B36167" t="s">
        <v>22424</v>
      </c>
      <c r="C36167" t="s">
        <v>22425</v>
      </c>
      <c r="D36167" t="s">
        <v>22426</v>
      </c>
      <c r="E36167" t="s">
        <v>22205</v>
      </c>
      <c r="F36167" t="s">
        <v>22206</v>
      </c>
      <c r="G36167" t="s">
        <v>20255</v>
      </c>
      <c r="H36167" t="s">
        <v>20256</v>
      </c>
      <c r="I36167" s="2">
        <v>1</v>
      </c>
      <c r="J36167" s="2">
        <v>0</v>
      </c>
      <c r="K36167" s="2">
        <v>0</v>
      </c>
      <c r="L36167" t="s">
        <v>120</v>
      </c>
      <c r="M36167" t="s">
        <v>87</v>
      </c>
      <c r="N36167" t="s">
        <v>88</v>
      </c>
      <c r="O36167" t="s">
        <v>85</v>
      </c>
      <c r="P36167" t="s">
        <v>86</v>
      </c>
      <c r="Q36167">
        <v>14</v>
      </c>
      <c r="R36167">
        <v>14</v>
      </c>
      <c r="S36167">
        <v>14</v>
      </c>
      <c r="T36167">
        <v>14</v>
      </c>
      <c r="U36167">
        <v>14</v>
      </c>
      <c r="V36167">
        <v>15</v>
      </c>
      <c r="W36167">
        <v>15</v>
      </c>
      <c r="X36167">
        <v>15</v>
      </c>
      <c r="Y36167">
        <v>15</v>
      </c>
      <c r="Z36167">
        <v>15</v>
      </c>
      <c r="AA36167">
        <v>15</v>
      </c>
      <c r="AB36167">
        <v>16</v>
      </c>
      <c r="AC36167">
        <v>16</v>
      </c>
      <c r="AD36167">
        <v>16</v>
      </c>
      <c r="AE36167">
        <v>16</v>
      </c>
      <c r="AF36167">
        <v>16</v>
      </c>
      <c r="AG36167">
        <v>16</v>
      </c>
      <c r="AH36167">
        <v>16</v>
      </c>
      <c r="AI36167">
        <v>17</v>
      </c>
      <c r="AJ36167">
        <v>17</v>
      </c>
      <c r="AK36167">
        <v>17</v>
      </c>
      <c r="AL36167">
        <v>17</v>
      </c>
      <c r="AM36167">
        <v>17</v>
      </c>
      <c r="AN36167">
        <v>17</v>
      </c>
      <c r="AO36167">
        <v>18</v>
      </c>
      <c r="AP36167">
        <v>18</v>
      </c>
      <c r="AQ36167">
        <v>18</v>
      </c>
    </row>
    <row r="36168" spans="1:43">
      <c r="A36168" t="s">
        <v>22423</v>
      </c>
      <c r="B36168" t="s">
        <v>22424</v>
      </c>
      <c r="C36168" t="s">
        <v>22425</v>
      </c>
      <c r="D36168" t="s">
        <v>22426</v>
      </c>
      <c r="E36168" t="s">
        <v>22205</v>
      </c>
      <c r="F36168" t="s">
        <v>22206</v>
      </c>
      <c r="G36168" t="s">
        <v>20255</v>
      </c>
      <c r="H36168" t="s">
        <v>20256</v>
      </c>
      <c r="I36168" s="2">
        <v>1</v>
      </c>
      <c r="J36168" s="2">
        <v>0</v>
      </c>
      <c r="K36168" s="2">
        <v>0</v>
      </c>
      <c r="L36168" t="s">
        <v>120</v>
      </c>
      <c r="M36168" t="s">
        <v>89</v>
      </c>
      <c r="N36168" t="s">
        <v>90</v>
      </c>
      <c r="O36168" t="s">
        <v>85</v>
      </c>
      <c r="P36168" t="s">
        <v>86</v>
      </c>
      <c r="Q36168">
        <v>14</v>
      </c>
      <c r="R36168">
        <v>15</v>
      </c>
      <c r="S36168">
        <v>15</v>
      </c>
      <c r="T36168">
        <v>15</v>
      </c>
      <c r="U36168">
        <v>16</v>
      </c>
      <c r="V36168">
        <v>16</v>
      </c>
      <c r="W36168">
        <v>16</v>
      </c>
      <c r="X36168">
        <v>17</v>
      </c>
      <c r="Y36168">
        <v>17</v>
      </c>
      <c r="Z36168">
        <v>18</v>
      </c>
      <c r="AA36168">
        <v>18</v>
      </c>
      <c r="AB36168">
        <v>18</v>
      </c>
      <c r="AC36168">
        <v>19</v>
      </c>
      <c r="AD36168">
        <v>19</v>
      </c>
      <c r="AE36168">
        <v>19</v>
      </c>
      <c r="AF36168">
        <v>19</v>
      </c>
      <c r="AG36168">
        <v>20</v>
      </c>
      <c r="AH36168">
        <v>20</v>
      </c>
      <c r="AI36168">
        <v>20</v>
      </c>
      <c r="AJ36168">
        <v>20</v>
      </c>
      <c r="AK36168">
        <v>20</v>
      </c>
      <c r="AL36168">
        <v>20</v>
      </c>
      <c r="AM36168">
        <v>20</v>
      </c>
      <c r="AN36168">
        <v>21</v>
      </c>
      <c r="AO36168">
        <v>21</v>
      </c>
      <c r="AP36168">
        <v>21</v>
      </c>
      <c r="AQ36168">
        <v>21</v>
      </c>
    </row>
    <row r="36169" spans="1:43">
      <c r="A36169" t="s">
        <v>22423</v>
      </c>
      <c r="B36169" t="s">
        <v>22424</v>
      </c>
      <c r="C36169" t="s">
        <v>22425</v>
      </c>
      <c r="D36169" t="s">
        <v>22426</v>
      </c>
      <c r="E36169" t="s">
        <v>22205</v>
      </c>
      <c r="F36169" t="s">
        <v>22206</v>
      </c>
      <c r="G36169" t="s">
        <v>20255</v>
      </c>
      <c r="H36169" t="s">
        <v>20256</v>
      </c>
      <c r="I36169" s="2">
        <v>1</v>
      </c>
      <c r="J36169" s="2">
        <v>0</v>
      </c>
      <c r="K36169" s="2">
        <v>0</v>
      </c>
      <c r="L36169" t="s">
        <v>120</v>
      </c>
      <c r="M36169" t="s">
        <v>83</v>
      </c>
      <c r="N36169" t="s">
        <v>91</v>
      </c>
      <c r="O36169" t="s">
        <v>85</v>
      </c>
      <c r="P36169" t="s">
        <v>86</v>
      </c>
      <c r="Q36169">
        <v>14</v>
      </c>
      <c r="R36169">
        <v>14</v>
      </c>
      <c r="S36169">
        <v>15</v>
      </c>
      <c r="T36169">
        <v>15</v>
      </c>
      <c r="U36169">
        <v>15</v>
      </c>
      <c r="V36169">
        <v>15</v>
      </c>
      <c r="W36169">
        <v>16</v>
      </c>
      <c r="X36169">
        <v>16</v>
      </c>
      <c r="Y36169">
        <v>16</v>
      </c>
      <c r="Z36169">
        <v>17</v>
      </c>
      <c r="AA36169">
        <v>17</v>
      </c>
      <c r="AB36169">
        <v>17</v>
      </c>
      <c r="AC36169">
        <v>17</v>
      </c>
      <c r="AD36169">
        <v>18</v>
      </c>
      <c r="AE36169">
        <v>18</v>
      </c>
      <c r="AF36169">
        <v>18</v>
      </c>
      <c r="AG36169">
        <v>19</v>
      </c>
      <c r="AH36169">
        <v>19</v>
      </c>
      <c r="AI36169">
        <v>19</v>
      </c>
      <c r="AJ36169">
        <v>20</v>
      </c>
      <c r="AK36169">
        <v>20</v>
      </c>
      <c r="AL36169">
        <v>20</v>
      </c>
      <c r="AM36169">
        <v>20</v>
      </c>
      <c r="AN36169">
        <v>20</v>
      </c>
      <c r="AO36169">
        <v>21</v>
      </c>
      <c r="AP36169">
        <v>21</v>
      </c>
      <c r="AQ36169">
        <v>21</v>
      </c>
    </row>
    <row r="36170" spans="1:43">
      <c r="A36170" t="s">
        <v>22427</v>
      </c>
      <c r="B36170" t="s">
        <v>22428</v>
      </c>
      <c r="C36170" t="s">
        <v>22429</v>
      </c>
      <c r="D36170" t="s">
        <v>22430</v>
      </c>
      <c r="E36170" t="s">
        <v>22205</v>
      </c>
      <c r="F36170" t="s">
        <v>22206</v>
      </c>
      <c r="G36170" t="s">
        <v>20255</v>
      </c>
      <c r="H36170" t="s">
        <v>20256</v>
      </c>
      <c r="I36170" s="2">
        <v>1</v>
      </c>
      <c r="J36170" s="2">
        <v>0</v>
      </c>
      <c r="K36170" s="2">
        <v>0</v>
      </c>
      <c r="L36170" t="s">
        <v>120</v>
      </c>
      <c r="M36170" t="s">
        <v>83</v>
      </c>
      <c r="N36170" t="s">
        <v>84</v>
      </c>
      <c r="O36170" t="s">
        <v>85</v>
      </c>
      <c r="P36170" t="s">
        <v>86</v>
      </c>
      <c r="Q36170">
        <v>214</v>
      </c>
      <c r="R36170">
        <v>218</v>
      </c>
      <c r="S36170">
        <v>223</v>
      </c>
      <c r="T36170">
        <v>227</v>
      </c>
      <c r="U36170">
        <v>231</v>
      </c>
      <c r="V36170">
        <v>235</v>
      </c>
      <c r="W36170">
        <v>240</v>
      </c>
      <c r="X36170">
        <v>244</v>
      </c>
      <c r="Y36170">
        <v>248</v>
      </c>
      <c r="Z36170">
        <v>253</v>
      </c>
      <c r="AA36170">
        <v>257</v>
      </c>
      <c r="AB36170">
        <v>261</v>
      </c>
      <c r="AC36170">
        <v>266</v>
      </c>
      <c r="AD36170">
        <v>270</v>
      </c>
      <c r="AE36170">
        <v>274</v>
      </c>
      <c r="AF36170">
        <v>279</v>
      </c>
      <c r="AG36170">
        <v>284</v>
      </c>
      <c r="AH36170">
        <v>288</v>
      </c>
      <c r="AI36170">
        <v>293</v>
      </c>
      <c r="AJ36170">
        <v>298</v>
      </c>
      <c r="AK36170">
        <v>302</v>
      </c>
      <c r="AL36170">
        <v>306</v>
      </c>
      <c r="AM36170">
        <v>308</v>
      </c>
      <c r="AN36170">
        <v>310</v>
      </c>
      <c r="AO36170">
        <v>313</v>
      </c>
      <c r="AP36170">
        <v>316</v>
      </c>
      <c r="AQ36170">
        <v>318</v>
      </c>
    </row>
    <row r="36171" spans="1:43">
      <c r="A36171" t="s">
        <v>22427</v>
      </c>
      <c r="B36171" t="s">
        <v>22428</v>
      </c>
      <c r="C36171" t="s">
        <v>22429</v>
      </c>
      <c r="D36171" t="s">
        <v>22430</v>
      </c>
      <c r="E36171" t="s">
        <v>22205</v>
      </c>
      <c r="F36171" t="s">
        <v>22206</v>
      </c>
      <c r="G36171" t="s">
        <v>20255</v>
      </c>
      <c r="H36171" t="s">
        <v>20256</v>
      </c>
      <c r="I36171" s="2">
        <v>1</v>
      </c>
      <c r="J36171" s="2">
        <v>0</v>
      </c>
      <c r="K36171" s="2">
        <v>0</v>
      </c>
      <c r="L36171" t="s">
        <v>120</v>
      </c>
      <c r="M36171" t="s">
        <v>87</v>
      </c>
      <c r="N36171" t="s">
        <v>88</v>
      </c>
      <c r="O36171" t="s">
        <v>85</v>
      </c>
      <c r="P36171" t="s">
        <v>86</v>
      </c>
      <c r="Q36171">
        <v>214</v>
      </c>
      <c r="R36171">
        <v>216</v>
      </c>
      <c r="S36171">
        <v>218</v>
      </c>
      <c r="T36171">
        <v>221</v>
      </c>
      <c r="U36171">
        <v>223</v>
      </c>
      <c r="V36171">
        <v>225</v>
      </c>
      <c r="W36171">
        <v>227</v>
      </c>
      <c r="X36171">
        <v>229</v>
      </c>
      <c r="Y36171">
        <v>232</v>
      </c>
      <c r="Z36171">
        <v>234</v>
      </c>
      <c r="AA36171">
        <v>236</v>
      </c>
      <c r="AB36171">
        <v>239</v>
      </c>
      <c r="AC36171">
        <v>241</v>
      </c>
      <c r="AD36171">
        <v>243</v>
      </c>
      <c r="AE36171">
        <v>246</v>
      </c>
      <c r="AF36171">
        <v>248</v>
      </c>
      <c r="AG36171">
        <v>251</v>
      </c>
      <c r="AH36171">
        <v>253</v>
      </c>
      <c r="AI36171">
        <v>256</v>
      </c>
      <c r="AJ36171">
        <v>258</v>
      </c>
      <c r="AK36171">
        <v>261</v>
      </c>
      <c r="AL36171">
        <v>263</v>
      </c>
      <c r="AM36171">
        <v>266</v>
      </c>
      <c r="AN36171">
        <v>269</v>
      </c>
      <c r="AO36171">
        <v>271</v>
      </c>
      <c r="AP36171">
        <v>274</v>
      </c>
      <c r="AQ36171">
        <v>277</v>
      </c>
    </row>
    <row r="36172" spans="1:43">
      <c r="A36172" t="s">
        <v>22427</v>
      </c>
      <c r="B36172" t="s">
        <v>22428</v>
      </c>
      <c r="C36172" t="s">
        <v>22429</v>
      </c>
      <c r="D36172" t="s">
        <v>22430</v>
      </c>
      <c r="E36172" t="s">
        <v>22205</v>
      </c>
      <c r="F36172" t="s">
        <v>22206</v>
      </c>
      <c r="G36172" t="s">
        <v>20255</v>
      </c>
      <c r="H36172" t="s">
        <v>20256</v>
      </c>
      <c r="I36172" s="2">
        <v>1</v>
      </c>
      <c r="J36172" s="2">
        <v>0</v>
      </c>
      <c r="K36172" s="2">
        <v>0</v>
      </c>
      <c r="L36172" t="s">
        <v>120</v>
      </c>
      <c r="M36172" t="s">
        <v>89</v>
      </c>
      <c r="N36172" t="s">
        <v>90</v>
      </c>
      <c r="O36172" t="s">
        <v>85</v>
      </c>
      <c r="P36172" t="s">
        <v>86</v>
      </c>
      <c r="Q36172">
        <v>214</v>
      </c>
      <c r="R36172">
        <v>220</v>
      </c>
      <c r="S36172">
        <v>226</v>
      </c>
      <c r="T36172">
        <v>232</v>
      </c>
      <c r="U36172">
        <v>238</v>
      </c>
      <c r="V36172">
        <v>244</v>
      </c>
      <c r="W36172">
        <v>249</v>
      </c>
      <c r="X36172">
        <v>255</v>
      </c>
      <c r="Y36172">
        <v>260</v>
      </c>
      <c r="Z36172">
        <v>266</v>
      </c>
      <c r="AA36172">
        <v>271</v>
      </c>
      <c r="AB36172">
        <v>276</v>
      </c>
      <c r="AC36172">
        <v>282</v>
      </c>
      <c r="AD36172">
        <v>288</v>
      </c>
      <c r="AE36172">
        <v>292</v>
      </c>
      <c r="AF36172">
        <v>294</v>
      </c>
      <c r="AG36172">
        <v>297</v>
      </c>
      <c r="AH36172">
        <v>299</v>
      </c>
      <c r="AI36172">
        <v>301</v>
      </c>
      <c r="AJ36172">
        <v>304</v>
      </c>
      <c r="AK36172">
        <v>306</v>
      </c>
      <c r="AL36172">
        <v>309</v>
      </c>
      <c r="AM36172">
        <v>311</v>
      </c>
      <c r="AN36172">
        <v>313</v>
      </c>
      <c r="AO36172">
        <v>316</v>
      </c>
      <c r="AP36172">
        <v>318</v>
      </c>
      <c r="AQ36172">
        <v>321</v>
      </c>
    </row>
    <row r="36173" spans="1:43">
      <c r="A36173" t="s">
        <v>22427</v>
      </c>
      <c r="B36173" t="s">
        <v>22428</v>
      </c>
      <c r="C36173" t="s">
        <v>22429</v>
      </c>
      <c r="D36173" t="s">
        <v>22430</v>
      </c>
      <c r="E36173" t="s">
        <v>22205</v>
      </c>
      <c r="F36173" t="s">
        <v>22206</v>
      </c>
      <c r="G36173" t="s">
        <v>20255</v>
      </c>
      <c r="H36173" t="s">
        <v>20256</v>
      </c>
      <c r="I36173" s="2">
        <v>1</v>
      </c>
      <c r="J36173" s="2">
        <v>0</v>
      </c>
      <c r="K36173" s="2">
        <v>0</v>
      </c>
      <c r="L36173" t="s">
        <v>120</v>
      </c>
      <c r="M36173" t="s">
        <v>83</v>
      </c>
      <c r="N36173" t="s">
        <v>91</v>
      </c>
      <c r="O36173" t="s">
        <v>85</v>
      </c>
      <c r="P36173" t="s">
        <v>86</v>
      </c>
      <c r="Q36173">
        <v>214</v>
      </c>
      <c r="R36173">
        <v>218</v>
      </c>
      <c r="S36173">
        <v>223</v>
      </c>
      <c r="T36173">
        <v>227</v>
      </c>
      <c r="U36173">
        <v>231</v>
      </c>
      <c r="V36173">
        <v>235</v>
      </c>
      <c r="W36173">
        <v>240</v>
      </c>
      <c r="X36173">
        <v>244</v>
      </c>
      <c r="Y36173">
        <v>248</v>
      </c>
      <c r="Z36173">
        <v>253</v>
      </c>
      <c r="AA36173">
        <v>257</v>
      </c>
      <c r="AB36173">
        <v>261</v>
      </c>
      <c r="AC36173">
        <v>266</v>
      </c>
      <c r="AD36173">
        <v>270</v>
      </c>
      <c r="AE36173">
        <v>274</v>
      </c>
      <c r="AF36173">
        <v>279</v>
      </c>
      <c r="AG36173">
        <v>284</v>
      </c>
      <c r="AH36173">
        <v>288</v>
      </c>
      <c r="AI36173">
        <v>293</v>
      </c>
      <c r="AJ36173">
        <v>298</v>
      </c>
      <c r="AK36173">
        <v>302</v>
      </c>
      <c r="AL36173">
        <v>306</v>
      </c>
      <c r="AM36173">
        <v>308</v>
      </c>
      <c r="AN36173">
        <v>310</v>
      </c>
      <c r="AO36173">
        <v>313</v>
      </c>
      <c r="AP36173">
        <v>316</v>
      </c>
      <c r="AQ36173">
        <v>318</v>
      </c>
    </row>
    <row r="36174" spans="1:43">
      <c r="A36174" t="s">
        <v>22431</v>
      </c>
      <c r="B36174" t="s">
        <v>22432</v>
      </c>
      <c r="C36174" t="s">
        <v>22425</v>
      </c>
      <c r="D36174" t="s">
        <v>22426</v>
      </c>
      <c r="E36174" t="s">
        <v>22205</v>
      </c>
      <c r="F36174" t="s">
        <v>22206</v>
      </c>
      <c r="G36174" t="s">
        <v>20255</v>
      </c>
      <c r="H36174" t="s">
        <v>20256</v>
      </c>
      <c r="I36174" s="2">
        <v>1</v>
      </c>
      <c r="J36174" s="2">
        <v>0</v>
      </c>
      <c r="K36174" s="2">
        <v>0</v>
      </c>
      <c r="L36174" t="s">
        <v>120</v>
      </c>
      <c r="M36174" t="s">
        <v>83</v>
      </c>
      <c r="N36174" t="s">
        <v>84</v>
      </c>
      <c r="O36174" t="s">
        <v>85</v>
      </c>
      <c r="P36174" t="s">
        <v>86</v>
      </c>
      <c r="Q36174">
        <v>9</v>
      </c>
      <c r="R36174">
        <v>9</v>
      </c>
      <c r="S36174">
        <v>9</v>
      </c>
      <c r="T36174">
        <v>9</v>
      </c>
      <c r="U36174">
        <v>9</v>
      </c>
      <c r="V36174">
        <v>10</v>
      </c>
      <c r="W36174">
        <v>10</v>
      </c>
      <c r="X36174">
        <v>10</v>
      </c>
      <c r="Y36174">
        <v>10</v>
      </c>
      <c r="Z36174">
        <v>10</v>
      </c>
      <c r="AA36174">
        <v>10</v>
      </c>
      <c r="AB36174">
        <v>11</v>
      </c>
      <c r="AC36174">
        <v>11</v>
      </c>
      <c r="AD36174">
        <v>11</v>
      </c>
      <c r="AE36174">
        <v>11</v>
      </c>
      <c r="AF36174">
        <v>11</v>
      </c>
      <c r="AG36174">
        <v>12</v>
      </c>
      <c r="AH36174">
        <v>12</v>
      </c>
      <c r="AI36174">
        <v>12</v>
      </c>
      <c r="AJ36174">
        <v>12</v>
      </c>
      <c r="AK36174">
        <v>12</v>
      </c>
      <c r="AL36174">
        <v>12</v>
      </c>
      <c r="AM36174">
        <v>13</v>
      </c>
      <c r="AN36174">
        <v>13</v>
      </c>
      <c r="AO36174">
        <v>13</v>
      </c>
      <c r="AP36174">
        <v>13</v>
      </c>
      <c r="AQ36174">
        <v>13</v>
      </c>
    </row>
    <row r="36175" spans="1:43">
      <c r="A36175" t="s">
        <v>22431</v>
      </c>
      <c r="B36175" t="s">
        <v>22432</v>
      </c>
      <c r="C36175" t="s">
        <v>22425</v>
      </c>
      <c r="D36175" t="s">
        <v>22426</v>
      </c>
      <c r="E36175" t="s">
        <v>22205</v>
      </c>
      <c r="F36175" t="s">
        <v>22206</v>
      </c>
      <c r="G36175" t="s">
        <v>20255</v>
      </c>
      <c r="H36175" t="s">
        <v>20256</v>
      </c>
      <c r="I36175" s="2">
        <v>1</v>
      </c>
      <c r="J36175" s="2">
        <v>0</v>
      </c>
      <c r="K36175" s="2">
        <v>0</v>
      </c>
      <c r="L36175" t="s">
        <v>120</v>
      </c>
      <c r="M36175" t="s">
        <v>87</v>
      </c>
      <c r="N36175" t="s">
        <v>88</v>
      </c>
      <c r="O36175" t="s">
        <v>85</v>
      </c>
      <c r="P36175" t="s">
        <v>86</v>
      </c>
      <c r="Q36175">
        <v>9</v>
      </c>
      <c r="R36175">
        <v>9</v>
      </c>
      <c r="S36175">
        <v>9</v>
      </c>
      <c r="T36175">
        <v>9</v>
      </c>
      <c r="U36175">
        <v>9</v>
      </c>
      <c r="V36175">
        <v>9</v>
      </c>
      <c r="W36175">
        <v>9</v>
      </c>
      <c r="X36175">
        <v>9</v>
      </c>
      <c r="Y36175">
        <v>9</v>
      </c>
      <c r="Z36175">
        <v>9</v>
      </c>
      <c r="AA36175">
        <v>10</v>
      </c>
      <c r="AB36175">
        <v>10</v>
      </c>
      <c r="AC36175">
        <v>10</v>
      </c>
      <c r="AD36175">
        <v>10</v>
      </c>
      <c r="AE36175">
        <v>10</v>
      </c>
      <c r="AF36175">
        <v>10</v>
      </c>
      <c r="AG36175">
        <v>10</v>
      </c>
      <c r="AH36175">
        <v>10</v>
      </c>
      <c r="AI36175">
        <v>10</v>
      </c>
      <c r="AJ36175">
        <v>10</v>
      </c>
      <c r="AK36175">
        <v>11</v>
      </c>
      <c r="AL36175">
        <v>11</v>
      </c>
      <c r="AM36175">
        <v>11</v>
      </c>
      <c r="AN36175">
        <v>11</v>
      </c>
      <c r="AO36175">
        <v>11</v>
      </c>
      <c r="AP36175">
        <v>11</v>
      </c>
      <c r="AQ36175">
        <v>11</v>
      </c>
    </row>
    <row r="36176" spans="1:43">
      <c r="A36176" t="s">
        <v>22431</v>
      </c>
      <c r="B36176" t="s">
        <v>22432</v>
      </c>
      <c r="C36176" t="s">
        <v>22425</v>
      </c>
      <c r="D36176" t="s">
        <v>22426</v>
      </c>
      <c r="E36176" t="s">
        <v>22205</v>
      </c>
      <c r="F36176" t="s">
        <v>22206</v>
      </c>
      <c r="G36176" t="s">
        <v>20255</v>
      </c>
      <c r="H36176" t="s">
        <v>20256</v>
      </c>
      <c r="I36176" s="2">
        <v>1</v>
      </c>
      <c r="J36176" s="2">
        <v>0</v>
      </c>
      <c r="K36176" s="2">
        <v>0</v>
      </c>
      <c r="L36176" t="s">
        <v>120</v>
      </c>
      <c r="M36176" t="s">
        <v>89</v>
      </c>
      <c r="N36176" t="s">
        <v>90</v>
      </c>
      <c r="O36176" t="s">
        <v>85</v>
      </c>
      <c r="P36176" t="s">
        <v>86</v>
      </c>
      <c r="Q36176">
        <v>9</v>
      </c>
      <c r="R36176">
        <v>9</v>
      </c>
      <c r="S36176">
        <v>9</v>
      </c>
      <c r="T36176">
        <v>10</v>
      </c>
      <c r="U36176">
        <v>10</v>
      </c>
      <c r="V36176">
        <v>10</v>
      </c>
      <c r="W36176">
        <v>10</v>
      </c>
      <c r="X36176">
        <v>10</v>
      </c>
      <c r="Y36176">
        <v>11</v>
      </c>
      <c r="Z36176">
        <v>11</v>
      </c>
      <c r="AA36176">
        <v>11</v>
      </c>
      <c r="AB36176">
        <v>11</v>
      </c>
      <c r="AC36176">
        <v>12</v>
      </c>
      <c r="AD36176">
        <v>12</v>
      </c>
      <c r="AE36176">
        <v>12</v>
      </c>
      <c r="AF36176">
        <v>12</v>
      </c>
      <c r="AG36176">
        <v>12</v>
      </c>
      <c r="AH36176">
        <v>12</v>
      </c>
      <c r="AI36176">
        <v>12</v>
      </c>
      <c r="AJ36176">
        <v>12</v>
      </c>
      <c r="AK36176">
        <v>13</v>
      </c>
      <c r="AL36176">
        <v>13</v>
      </c>
      <c r="AM36176">
        <v>13</v>
      </c>
      <c r="AN36176">
        <v>13</v>
      </c>
      <c r="AO36176">
        <v>13</v>
      </c>
      <c r="AP36176">
        <v>13</v>
      </c>
      <c r="AQ36176">
        <v>13</v>
      </c>
    </row>
    <row r="36177" spans="1:43">
      <c r="A36177" t="s">
        <v>22431</v>
      </c>
      <c r="B36177" t="s">
        <v>22432</v>
      </c>
      <c r="C36177" t="s">
        <v>22425</v>
      </c>
      <c r="D36177" t="s">
        <v>22426</v>
      </c>
      <c r="E36177" t="s">
        <v>22205</v>
      </c>
      <c r="F36177" t="s">
        <v>22206</v>
      </c>
      <c r="G36177" t="s">
        <v>20255</v>
      </c>
      <c r="H36177" t="s">
        <v>20256</v>
      </c>
      <c r="I36177" s="2">
        <v>1</v>
      </c>
      <c r="J36177" s="2">
        <v>0</v>
      </c>
      <c r="K36177" s="2">
        <v>0</v>
      </c>
      <c r="L36177" t="s">
        <v>120</v>
      </c>
      <c r="M36177" t="s">
        <v>83</v>
      </c>
      <c r="N36177" t="s">
        <v>91</v>
      </c>
      <c r="O36177" t="s">
        <v>85</v>
      </c>
      <c r="P36177" t="s">
        <v>86</v>
      </c>
      <c r="Q36177">
        <v>9</v>
      </c>
      <c r="R36177">
        <v>9</v>
      </c>
      <c r="S36177">
        <v>9</v>
      </c>
      <c r="T36177">
        <v>9</v>
      </c>
      <c r="U36177">
        <v>9</v>
      </c>
      <c r="V36177">
        <v>10</v>
      </c>
      <c r="W36177">
        <v>10</v>
      </c>
      <c r="X36177">
        <v>10</v>
      </c>
      <c r="Y36177">
        <v>10</v>
      </c>
      <c r="Z36177">
        <v>10</v>
      </c>
      <c r="AA36177">
        <v>10</v>
      </c>
      <c r="AB36177">
        <v>11</v>
      </c>
      <c r="AC36177">
        <v>11</v>
      </c>
      <c r="AD36177">
        <v>11</v>
      </c>
      <c r="AE36177">
        <v>11</v>
      </c>
      <c r="AF36177">
        <v>11</v>
      </c>
      <c r="AG36177">
        <v>12</v>
      </c>
      <c r="AH36177">
        <v>12</v>
      </c>
      <c r="AI36177">
        <v>12</v>
      </c>
      <c r="AJ36177">
        <v>12</v>
      </c>
      <c r="AK36177">
        <v>12</v>
      </c>
      <c r="AL36177">
        <v>12</v>
      </c>
      <c r="AM36177">
        <v>13</v>
      </c>
      <c r="AN36177">
        <v>13</v>
      </c>
      <c r="AO36177">
        <v>13</v>
      </c>
      <c r="AP36177">
        <v>13</v>
      </c>
      <c r="AQ36177">
        <v>13</v>
      </c>
    </row>
    <row r="36178" spans="1:43">
      <c r="A36178" t="s">
        <v>22433</v>
      </c>
      <c r="B36178" t="s">
        <v>22434</v>
      </c>
      <c r="C36178" t="s">
        <v>22425</v>
      </c>
      <c r="D36178" t="s">
        <v>22426</v>
      </c>
      <c r="E36178" t="s">
        <v>22205</v>
      </c>
      <c r="F36178" t="s">
        <v>22206</v>
      </c>
      <c r="G36178" t="s">
        <v>20255</v>
      </c>
      <c r="H36178" t="s">
        <v>20256</v>
      </c>
      <c r="I36178" s="2">
        <v>1</v>
      </c>
      <c r="J36178" s="2">
        <v>0</v>
      </c>
      <c r="K36178" s="2">
        <v>0</v>
      </c>
      <c r="L36178" t="s">
        <v>120</v>
      </c>
      <c r="M36178" t="s">
        <v>83</v>
      </c>
      <c r="N36178" t="s">
        <v>84</v>
      </c>
      <c r="O36178" t="s">
        <v>85</v>
      </c>
      <c r="P36178" t="s">
        <v>86</v>
      </c>
      <c r="Q36178">
        <v>77</v>
      </c>
      <c r="R36178">
        <v>78</v>
      </c>
      <c r="S36178">
        <v>80</v>
      </c>
      <c r="T36178">
        <v>81</v>
      </c>
      <c r="U36178">
        <v>83</v>
      </c>
      <c r="V36178">
        <v>84</v>
      </c>
      <c r="W36178">
        <v>86</v>
      </c>
      <c r="X36178">
        <v>87</v>
      </c>
      <c r="Y36178">
        <v>89</v>
      </c>
      <c r="Z36178">
        <v>90</v>
      </c>
      <c r="AA36178">
        <v>92</v>
      </c>
      <c r="AB36178">
        <v>93</v>
      </c>
      <c r="AC36178">
        <v>95</v>
      </c>
      <c r="AD36178">
        <v>97</v>
      </c>
      <c r="AE36178">
        <v>98</v>
      </c>
      <c r="AF36178">
        <v>100</v>
      </c>
      <c r="AG36178">
        <v>101</v>
      </c>
      <c r="AH36178">
        <v>103</v>
      </c>
      <c r="AI36178">
        <v>105</v>
      </c>
      <c r="AJ36178">
        <v>106</v>
      </c>
      <c r="AK36178">
        <v>108</v>
      </c>
      <c r="AL36178">
        <v>109</v>
      </c>
      <c r="AM36178">
        <v>110</v>
      </c>
      <c r="AN36178">
        <v>111</v>
      </c>
      <c r="AO36178">
        <v>112</v>
      </c>
      <c r="AP36178">
        <v>113</v>
      </c>
      <c r="AQ36178">
        <v>114</v>
      </c>
    </row>
    <row r="36179" spans="1:43">
      <c r="A36179" t="s">
        <v>22433</v>
      </c>
      <c r="B36179" t="s">
        <v>22434</v>
      </c>
      <c r="C36179" t="s">
        <v>22425</v>
      </c>
      <c r="D36179" t="s">
        <v>22426</v>
      </c>
      <c r="E36179" t="s">
        <v>22205</v>
      </c>
      <c r="F36179" t="s">
        <v>22206</v>
      </c>
      <c r="G36179" t="s">
        <v>20255</v>
      </c>
      <c r="H36179" t="s">
        <v>20256</v>
      </c>
      <c r="I36179" s="2">
        <v>1</v>
      </c>
      <c r="J36179" s="2">
        <v>0</v>
      </c>
      <c r="K36179" s="2">
        <v>0</v>
      </c>
      <c r="L36179" t="s">
        <v>120</v>
      </c>
      <c r="M36179" t="s">
        <v>87</v>
      </c>
      <c r="N36179" t="s">
        <v>88</v>
      </c>
      <c r="O36179" t="s">
        <v>85</v>
      </c>
      <c r="P36179" t="s">
        <v>86</v>
      </c>
      <c r="Q36179">
        <v>77</v>
      </c>
      <c r="R36179">
        <v>78</v>
      </c>
      <c r="S36179">
        <v>78</v>
      </c>
      <c r="T36179">
        <v>79</v>
      </c>
      <c r="U36179">
        <v>80</v>
      </c>
      <c r="V36179">
        <v>81</v>
      </c>
      <c r="W36179">
        <v>82</v>
      </c>
      <c r="X36179">
        <v>82</v>
      </c>
      <c r="Y36179">
        <v>83</v>
      </c>
      <c r="Z36179">
        <v>84</v>
      </c>
      <c r="AA36179">
        <v>85</v>
      </c>
      <c r="AB36179">
        <v>86</v>
      </c>
      <c r="AC36179">
        <v>86</v>
      </c>
      <c r="AD36179">
        <v>87</v>
      </c>
      <c r="AE36179">
        <v>88</v>
      </c>
      <c r="AF36179">
        <v>89</v>
      </c>
      <c r="AG36179">
        <v>90</v>
      </c>
      <c r="AH36179">
        <v>91</v>
      </c>
      <c r="AI36179">
        <v>92</v>
      </c>
      <c r="AJ36179">
        <v>93</v>
      </c>
      <c r="AK36179">
        <v>94</v>
      </c>
      <c r="AL36179">
        <v>94</v>
      </c>
      <c r="AM36179">
        <v>95</v>
      </c>
      <c r="AN36179">
        <v>96</v>
      </c>
      <c r="AO36179">
        <v>97</v>
      </c>
      <c r="AP36179">
        <v>98</v>
      </c>
      <c r="AQ36179">
        <v>99</v>
      </c>
    </row>
    <row r="36180" spans="1:43">
      <c r="A36180" t="s">
        <v>22433</v>
      </c>
      <c r="B36180" t="s">
        <v>22434</v>
      </c>
      <c r="C36180" t="s">
        <v>22425</v>
      </c>
      <c r="D36180" t="s">
        <v>22426</v>
      </c>
      <c r="E36180" t="s">
        <v>22205</v>
      </c>
      <c r="F36180" t="s">
        <v>22206</v>
      </c>
      <c r="G36180" t="s">
        <v>20255</v>
      </c>
      <c r="H36180" t="s">
        <v>20256</v>
      </c>
      <c r="I36180" s="2">
        <v>1</v>
      </c>
      <c r="J36180" s="2">
        <v>0</v>
      </c>
      <c r="K36180" s="2">
        <v>0</v>
      </c>
      <c r="L36180" t="s">
        <v>120</v>
      </c>
      <c r="M36180" t="s">
        <v>89</v>
      </c>
      <c r="N36180" t="s">
        <v>90</v>
      </c>
      <c r="O36180" t="s">
        <v>85</v>
      </c>
      <c r="P36180" t="s">
        <v>86</v>
      </c>
      <c r="Q36180">
        <v>77</v>
      </c>
      <c r="R36180">
        <v>79</v>
      </c>
      <c r="S36180">
        <v>82</v>
      </c>
      <c r="T36180">
        <v>84</v>
      </c>
      <c r="U36180">
        <v>86</v>
      </c>
      <c r="V36180">
        <v>88</v>
      </c>
      <c r="W36180">
        <v>90</v>
      </c>
      <c r="X36180">
        <v>92</v>
      </c>
      <c r="Y36180">
        <v>94</v>
      </c>
      <c r="Z36180">
        <v>96</v>
      </c>
      <c r="AA36180">
        <v>98</v>
      </c>
      <c r="AB36180">
        <v>100</v>
      </c>
      <c r="AC36180">
        <v>102</v>
      </c>
      <c r="AD36180">
        <v>104</v>
      </c>
      <c r="AE36180">
        <v>105</v>
      </c>
      <c r="AF36180">
        <v>106</v>
      </c>
      <c r="AG36180">
        <v>107</v>
      </c>
      <c r="AH36180">
        <v>108</v>
      </c>
      <c r="AI36180">
        <v>109</v>
      </c>
      <c r="AJ36180">
        <v>109</v>
      </c>
      <c r="AK36180">
        <v>110</v>
      </c>
      <c r="AL36180">
        <v>111</v>
      </c>
      <c r="AM36180">
        <v>112</v>
      </c>
      <c r="AN36180">
        <v>113</v>
      </c>
      <c r="AO36180">
        <v>114</v>
      </c>
      <c r="AP36180">
        <v>115</v>
      </c>
      <c r="AQ36180">
        <v>115</v>
      </c>
    </row>
    <row r="36181" spans="1:43">
      <c r="A36181" t="s">
        <v>22433</v>
      </c>
      <c r="B36181" t="s">
        <v>22434</v>
      </c>
      <c r="C36181" t="s">
        <v>22425</v>
      </c>
      <c r="D36181" t="s">
        <v>22426</v>
      </c>
      <c r="E36181" t="s">
        <v>22205</v>
      </c>
      <c r="F36181" t="s">
        <v>22206</v>
      </c>
      <c r="G36181" t="s">
        <v>20255</v>
      </c>
      <c r="H36181" t="s">
        <v>20256</v>
      </c>
      <c r="I36181" s="2">
        <v>1</v>
      </c>
      <c r="J36181" s="2">
        <v>0</v>
      </c>
      <c r="K36181" s="2">
        <v>0</v>
      </c>
      <c r="L36181" t="s">
        <v>120</v>
      </c>
      <c r="M36181" t="s">
        <v>83</v>
      </c>
      <c r="N36181" t="s">
        <v>91</v>
      </c>
      <c r="O36181" t="s">
        <v>85</v>
      </c>
      <c r="P36181" t="s">
        <v>86</v>
      </c>
      <c r="Q36181">
        <v>77</v>
      </c>
      <c r="R36181">
        <v>78</v>
      </c>
      <c r="S36181">
        <v>80</v>
      </c>
      <c r="T36181">
        <v>81</v>
      </c>
      <c r="U36181">
        <v>83</v>
      </c>
      <c r="V36181">
        <v>84</v>
      </c>
      <c r="W36181">
        <v>86</v>
      </c>
      <c r="X36181">
        <v>87</v>
      </c>
      <c r="Y36181">
        <v>89</v>
      </c>
      <c r="Z36181">
        <v>90</v>
      </c>
      <c r="AA36181">
        <v>92</v>
      </c>
      <c r="AB36181">
        <v>93</v>
      </c>
      <c r="AC36181">
        <v>95</v>
      </c>
      <c r="AD36181">
        <v>97</v>
      </c>
      <c r="AE36181">
        <v>98</v>
      </c>
      <c r="AF36181">
        <v>100</v>
      </c>
      <c r="AG36181">
        <v>101</v>
      </c>
      <c r="AH36181">
        <v>103</v>
      </c>
      <c r="AI36181">
        <v>105</v>
      </c>
      <c r="AJ36181">
        <v>106</v>
      </c>
      <c r="AK36181">
        <v>108</v>
      </c>
      <c r="AL36181">
        <v>109</v>
      </c>
      <c r="AM36181">
        <v>110</v>
      </c>
      <c r="AN36181">
        <v>111</v>
      </c>
      <c r="AO36181">
        <v>112</v>
      </c>
      <c r="AP36181">
        <v>113</v>
      </c>
      <c r="AQ36181">
        <v>114</v>
      </c>
    </row>
    <row r="36182" spans="1:43">
      <c r="A36182" t="s">
        <v>22435</v>
      </c>
      <c r="B36182" t="s">
        <v>22436</v>
      </c>
      <c r="C36182" t="s">
        <v>22425</v>
      </c>
      <c r="D36182" t="s">
        <v>22426</v>
      </c>
      <c r="E36182" t="s">
        <v>22205</v>
      </c>
      <c r="F36182" t="s">
        <v>22206</v>
      </c>
      <c r="G36182" t="s">
        <v>20255</v>
      </c>
      <c r="H36182" t="s">
        <v>20256</v>
      </c>
      <c r="I36182" s="2">
        <v>1</v>
      </c>
      <c r="J36182" s="2">
        <v>0</v>
      </c>
      <c r="K36182" s="2">
        <v>0</v>
      </c>
      <c r="L36182" t="s">
        <v>120</v>
      </c>
      <c r="M36182" t="s">
        <v>83</v>
      </c>
      <c r="N36182" t="s">
        <v>84</v>
      </c>
      <c r="O36182" t="s">
        <v>85</v>
      </c>
      <c r="P36182" t="s">
        <v>86</v>
      </c>
      <c r="Q36182">
        <v>73</v>
      </c>
      <c r="R36182">
        <v>75</v>
      </c>
      <c r="S36182">
        <v>76</v>
      </c>
      <c r="T36182">
        <v>77</v>
      </c>
      <c r="U36182">
        <v>79</v>
      </c>
      <c r="V36182">
        <v>80</v>
      </c>
      <c r="W36182">
        <v>82</v>
      </c>
      <c r="X36182">
        <v>83</v>
      </c>
      <c r="Y36182">
        <v>85</v>
      </c>
      <c r="Z36182">
        <v>86</v>
      </c>
      <c r="AA36182">
        <v>88</v>
      </c>
      <c r="AB36182">
        <v>89</v>
      </c>
      <c r="AC36182">
        <v>91</v>
      </c>
      <c r="AD36182">
        <v>92</v>
      </c>
      <c r="AE36182">
        <v>94</v>
      </c>
      <c r="AF36182">
        <v>95</v>
      </c>
      <c r="AG36182">
        <v>97</v>
      </c>
      <c r="AH36182">
        <v>98</v>
      </c>
      <c r="AI36182">
        <v>100</v>
      </c>
      <c r="AJ36182">
        <v>102</v>
      </c>
      <c r="AK36182">
        <v>103</v>
      </c>
      <c r="AL36182">
        <v>104</v>
      </c>
      <c r="AM36182">
        <v>105</v>
      </c>
      <c r="AN36182">
        <v>106</v>
      </c>
      <c r="AO36182">
        <v>107</v>
      </c>
      <c r="AP36182">
        <v>108</v>
      </c>
      <c r="AQ36182">
        <v>109</v>
      </c>
    </row>
    <row r="36183" spans="1:43">
      <c r="A36183" t="s">
        <v>22435</v>
      </c>
      <c r="B36183" t="s">
        <v>22436</v>
      </c>
      <c r="C36183" t="s">
        <v>22425</v>
      </c>
      <c r="D36183" t="s">
        <v>22426</v>
      </c>
      <c r="E36183" t="s">
        <v>22205</v>
      </c>
      <c r="F36183" t="s">
        <v>22206</v>
      </c>
      <c r="G36183" t="s">
        <v>20255</v>
      </c>
      <c r="H36183" t="s">
        <v>20256</v>
      </c>
      <c r="I36183" s="2">
        <v>1</v>
      </c>
      <c r="J36183" s="2">
        <v>0</v>
      </c>
      <c r="K36183" s="2">
        <v>0</v>
      </c>
      <c r="L36183" t="s">
        <v>120</v>
      </c>
      <c r="M36183" t="s">
        <v>87</v>
      </c>
      <c r="N36183" t="s">
        <v>88</v>
      </c>
      <c r="O36183" t="s">
        <v>85</v>
      </c>
      <c r="P36183" t="s">
        <v>86</v>
      </c>
      <c r="Q36183">
        <v>73</v>
      </c>
      <c r="R36183">
        <v>74</v>
      </c>
      <c r="S36183">
        <v>75</v>
      </c>
      <c r="T36183">
        <v>76</v>
      </c>
      <c r="U36183">
        <v>76</v>
      </c>
      <c r="V36183">
        <v>77</v>
      </c>
      <c r="W36183">
        <v>78</v>
      </c>
      <c r="X36183">
        <v>79</v>
      </c>
      <c r="Y36183">
        <v>79</v>
      </c>
      <c r="Z36183">
        <v>80</v>
      </c>
      <c r="AA36183">
        <v>81</v>
      </c>
      <c r="AB36183">
        <v>82</v>
      </c>
      <c r="AC36183">
        <v>83</v>
      </c>
      <c r="AD36183">
        <v>83</v>
      </c>
      <c r="AE36183">
        <v>84</v>
      </c>
      <c r="AF36183">
        <v>85</v>
      </c>
      <c r="AG36183">
        <v>86</v>
      </c>
      <c r="AH36183">
        <v>87</v>
      </c>
      <c r="AI36183">
        <v>88</v>
      </c>
      <c r="AJ36183">
        <v>88</v>
      </c>
      <c r="AK36183">
        <v>89</v>
      </c>
      <c r="AL36183">
        <v>90</v>
      </c>
      <c r="AM36183">
        <v>91</v>
      </c>
      <c r="AN36183">
        <v>92</v>
      </c>
      <c r="AO36183">
        <v>93</v>
      </c>
      <c r="AP36183">
        <v>94</v>
      </c>
      <c r="AQ36183">
        <v>95</v>
      </c>
    </row>
    <row r="36184" spans="1:43">
      <c r="A36184" t="s">
        <v>22435</v>
      </c>
      <c r="B36184" t="s">
        <v>22436</v>
      </c>
      <c r="C36184" t="s">
        <v>22425</v>
      </c>
      <c r="D36184" t="s">
        <v>22426</v>
      </c>
      <c r="E36184" t="s">
        <v>22205</v>
      </c>
      <c r="F36184" t="s">
        <v>22206</v>
      </c>
      <c r="G36184" t="s">
        <v>20255</v>
      </c>
      <c r="H36184" t="s">
        <v>20256</v>
      </c>
      <c r="I36184" s="2">
        <v>1</v>
      </c>
      <c r="J36184" s="2">
        <v>0</v>
      </c>
      <c r="K36184" s="2">
        <v>0</v>
      </c>
      <c r="L36184" t="s">
        <v>120</v>
      </c>
      <c r="M36184" t="s">
        <v>89</v>
      </c>
      <c r="N36184" t="s">
        <v>90</v>
      </c>
      <c r="O36184" t="s">
        <v>85</v>
      </c>
      <c r="P36184" t="s">
        <v>86</v>
      </c>
      <c r="Q36184">
        <v>73</v>
      </c>
      <c r="R36184">
        <v>75</v>
      </c>
      <c r="S36184">
        <v>77</v>
      </c>
      <c r="T36184">
        <v>79</v>
      </c>
      <c r="U36184">
        <v>81</v>
      </c>
      <c r="V36184">
        <v>83</v>
      </c>
      <c r="W36184">
        <v>85</v>
      </c>
      <c r="X36184">
        <v>87</v>
      </c>
      <c r="Y36184">
        <v>89</v>
      </c>
      <c r="Z36184">
        <v>91</v>
      </c>
      <c r="AA36184">
        <v>92</v>
      </c>
      <c r="AB36184">
        <v>94</v>
      </c>
      <c r="AC36184">
        <v>96</v>
      </c>
      <c r="AD36184">
        <v>98</v>
      </c>
      <c r="AE36184">
        <v>100</v>
      </c>
      <c r="AF36184">
        <v>100</v>
      </c>
      <c r="AG36184">
        <v>101</v>
      </c>
      <c r="AH36184">
        <v>102</v>
      </c>
      <c r="AI36184">
        <v>103</v>
      </c>
      <c r="AJ36184">
        <v>103</v>
      </c>
      <c r="AK36184">
        <v>104</v>
      </c>
      <c r="AL36184">
        <v>105</v>
      </c>
      <c r="AM36184">
        <v>106</v>
      </c>
      <c r="AN36184">
        <v>107</v>
      </c>
      <c r="AO36184">
        <v>107</v>
      </c>
      <c r="AP36184">
        <v>108</v>
      </c>
      <c r="AQ36184">
        <v>109</v>
      </c>
    </row>
    <row r="36185" spans="1:43">
      <c r="A36185" t="s">
        <v>22435</v>
      </c>
      <c r="B36185" t="s">
        <v>22436</v>
      </c>
      <c r="C36185" t="s">
        <v>22425</v>
      </c>
      <c r="D36185" t="s">
        <v>22426</v>
      </c>
      <c r="E36185" t="s">
        <v>22205</v>
      </c>
      <c r="F36185" t="s">
        <v>22206</v>
      </c>
      <c r="G36185" t="s">
        <v>20255</v>
      </c>
      <c r="H36185" t="s">
        <v>20256</v>
      </c>
      <c r="I36185" s="2">
        <v>1</v>
      </c>
      <c r="J36185" s="2">
        <v>0</v>
      </c>
      <c r="K36185" s="2">
        <v>0</v>
      </c>
      <c r="L36185" t="s">
        <v>120</v>
      </c>
      <c r="M36185" t="s">
        <v>83</v>
      </c>
      <c r="N36185" t="s">
        <v>91</v>
      </c>
      <c r="O36185" t="s">
        <v>85</v>
      </c>
      <c r="P36185" t="s">
        <v>86</v>
      </c>
      <c r="Q36185">
        <v>73</v>
      </c>
      <c r="R36185">
        <v>75</v>
      </c>
      <c r="S36185">
        <v>76</v>
      </c>
      <c r="T36185">
        <v>77</v>
      </c>
      <c r="U36185">
        <v>79</v>
      </c>
      <c r="V36185">
        <v>80</v>
      </c>
      <c r="W36185">
        <v>82</v>
      </c>
      <c r="X36185">
        <v>83</v>
      </c>
      <c r="Y36185">
        <v>85</v>
      </c>
      <c r="Z36185">
        <v>86</v>
      </c>
      <c r="AA36185">
        <v>88</v>
      </c>
      <c r="AB36185">
        <v>89</v>
      </c>
      <c r="AC36185">
        <v>91</v>
      </c>
      <c r="AD36185">
        <v>92</v>
      </c>
      <c r="AE36185">
        <v>94</v>
      </c>
      <c r="AF36185">
        <v>95</v>
      </c>
      <c r="AG36185">
        <v>97</v>
      </c>
      <c r="AH36185">
        <v>98</v>
      </c>
      <c r="AI36185">
        <v>100</v>
      </c>
      <c r="AJ36185">
        <v>102</v>
      </c>
      <c r="AK36185">
        <v>103</v>
      </c>
      <c r="AL36185">
        <v>104</v>
      </c>
      <c r="AM36185">
        <v>105</v>
      </c>
      <c r="AN36185">
        <v>106</v>
      </c>
      <c r="AO36185">
        <v>107</v>
      </c>
      <c r="AP36185">
        <v>108</v>
      </c>
      <c r="AQ36185">
        <v>109</v>
      </c>
    </row>
    <row r="36186" spans="1:43">
      <c r="A36186" t="s">
        <v>22437</v>
      </c>
      <c r="B36186" t="s">
        <v>22438</v>
      </c>
      <c r="C36186" t="s">
        <v>22407</v>
      </c>
      <c r="D36186" t="s">
        <v>22408</v>
      </c>
      <c r="E36186" t="s">
        <v>22205</v>
      </c>
      <c r="F36186" t="s">
        <v>22206</v>
      </c>
      <c r="G36186" t="s">
        <v>20255</v>
      </c>
      <c r="H36186" t="s">
        <v>20256</v>
      </c>
      <c r="I36186" s="2">
        <v>1</v>
      </c>
      <c r="J36186" s="2">
        <v>0</v>
      </c>
      <c r="K36186" s="2">
        <v>0</v>
      </c>
      <c r="L36186" t="s">
        <v>120</v>
      </c>
      <c r="M36186" t="s">
        <v>83</v>
      </c>
      <c r="N36186" t="s">
        <v>84</v>
      </c>
      <c r="O36186" t="s">
        <v>85</v>
      </c>
      <c r="P36186" t="s">
        <v>86</v>
      </c>
      <c r="Q36186">
        <v>17</v>
      </c>
      <c r="R36186">
        <v>17</v>
      </c>
      <c r="S36186">
        <v>17</v>
      </c>
      <c r="T36186">
        <v>18</v>
      </c>
      <c r="U36186">
        <v>18</v>
      </c>
      <c r="V36186">
        <v>18</v>
      </c>
      <c r="W36186">
        <v>19</v>
      </c>
      <c r="X36186">
        <v>19</v>
      </c>
      <c r="Y36186">
        <v>19</v>
      </c>
      <c r="Z36186">
        <v>19</v>
      </c>
      <c r="AA36186">
        <v>20</v>
      </c>
      <c r="AB36186">
        <v>20</v>
      </c>
      <c r="AC36186">
        <v>20</v>
      </c>
      <c r="AD36186">
        <v>21</v>
      </c>
      <c r="AE36186">
        <v>21</v>
      </c>
      <c r="AF36186">
        <v>22</v>
      </c>
      <c r="AG36186">
        <v>22</v>
      </c>
      <c r="AH36186">
        <v>22</v>
      </c>
      <c r="AI36186">
        <v>23</v>
      </c>
      <c r="AJ36186">
        <v>23</v>
      </c>
      <c r="AK36186">
        <v>23</v>
      </c>
      <c r="AL36186">
        <v>24</v>
      </c>
      <c r="AM36186">
        <v>24</v>
      </c>
      <c r="AN36186">
        <v>24</v>
      </c>
      <c r="AO36186">
        <v>24</v>
      </c>
      <c r="AP36186">
        <v>24</v>
      </c>
      <c r="AQ36186">
        <v>24</v>
      </c>
    </row>
    <row r="36187" spans="1:43">
      <c r="A36187" t="s">
        <v>22437</v>
      </c>
      <c r="B36187" t="s">
        <v>22438</v>
      </c>
      <c r="C36187" t="s">
        <v>22407</v>
      </c>
      <c r="D36187" t="s">
        <v>22408</v>
      </c>
      <c r="E36187" t="s">
        <v>22205</v>
      </c>
      <c r="F36187" t="s">
        <v>22206</v>
      </c>
      <c r="G36187" t="s">
        <v>20255</v>
      </c>
      <c r="H36187" t="s">
        <v>20256</v>
      </c>
      <c r="I36187" s="2">
        <v>1</v>
      </c>
      <c r="J36187" s="2">
        <v>0</v>
      </c>
      <c r="K36187" s="2">
        <v>0</v>
      </c>
      <c r="L36187" t="s">
        <v>120</v>
      </c>
      <c r="M36187" t="s">
        <v>87</v>
      </c>
      <c r="N36187" t="s">
        <v>88</v>
      </c>
      <c r="O36187" t="s">
        <v>85</v>
      </c>
      <c r="P36187" t="s">
        <v>86</v>
      </c>
      <c r="Q36187">
        <v>17</v>
      </c>
      <c r="R36187">
        <v>18</v>
      </c>
      <c r="S36187">
        <v>18</v>
      </c>
      <c r="T36187">
        <v>18</v>
      </c>
      <c r="U36187">
        <v>18</v>
      </c>
      <c r="V36187">
        <v>18</v>
      </c>
      <c r="W36187">
        <v>18</v>
      </c>
      <c r="X36187">
        <v>19</v>
      </c>
      <c r="Y36187">
        <v>19</v>
      </c>
      <c r="Z36187">
        <v>19</v>
      </c>
      <c r="AA36187">
        <v>19</v>
      </c>
      <c r="AB36187">
        <v>19</v>
      </c>
      <c r="AC36187">
        <v>19</v>
      </c>
      <c r="AD36187">
        <v>20</v>
      </c>
      <c r="AE36187">
        <v>20</v>
      </c>
      <c r="AF36187">
        <v>20</v>
      </c>
      <c r="AG36187">
        <v>20</v>
      </c>
      <c r="AH36187">
        <v>20</v>
      </c>
      <c r="AI36187">
        <v>21</v>
      </c>
      <c r="AJ36187">
        <v>21</v>
      </c>
      <c r="AK36187">
        <v>21</v>
      </c>
      <c r="AL36187">
        <v>21</v>
      </c>
      <c r="AM36187">
        <v>21</v>
      </c>
      <c r="AN36187">
        <v>22</v>
      </c>
      <c r="AO36187">
        <v>22</v>
      </c>
      <c r="AP36187">
        <v>22</v>
      </c>
      <c r="AQ36187">
        <v>22</v>
      </c>
    </row>
    <row r="36188" spans="1:43">
      <c r="A36188" t="s">
        <v>22437</v>
      </c>
      <c r="B36188" t="s">
        <v>22438</v>
      </c>
      <c r="C36188" t="s">
        <v>22407</v>
      </c>
      <c r="D36188" t="s">
        <v>22408</v>
      </c>
      <c r="E36188" t="s">
        <v>22205</v>
      </c>
      <c r="F36188" t="s">
        <v>22206</v>
      </c>
      <c r="G36188" t="s">
        <v>20255</v>
      </c>
      <c r="H36188" t="s">
        <v>20256</v>
      </c>
      <c r="I36188" s="2">
        <v>1</v>
      </c>
      <c r="J36188" s="2">
        <v>0</v>
      </c>
      <c r="K36188" s="2">
        <v>0</v>
      </c>
      <c r="L36188" t="s">
        <v>120</v>
      </c>
      <c r="M36188" t="s">
        <v>89</v>
      </c>
      <c r="N36188" t="s">
        <v>90</v>
      </c>
      <c r="O36188" t="s">
        <v>85</v>
      </c>
      <c r="P36188" t="s">
        <v>86</v>
      </c>
      <c r="Q36188">
        <v>17</v>
      </c>
      <c r="R36188">
        <v>17</v>
      </c>
      <c r="S36188">
        <v>18</v>
      </c>
      <c r="T36188">
        <v>18</v>
      </c>
      <c r="U36188">
        <v>19</v>
      </c>
      <c r="V36188">
        <v>19</v>
      </c>
      <c r="W36188">
        <v>19</v>
      </c>
      <c r="X36188">
        <v>20</v>
      </c>
      <c r="Y36188">
        <v>20</v>
      </c>
      <c r="Z36188">
        <v>21</v>
      </c>
      <c r="AA36188">
        <v>21</v>
      </c>
      <c r="AB36188">
        <v>21</v>
      </c>
      <c r="AC36188">
        <v>22</v>
      </c>
      <c r="AD36188">
        <v>22</v>
      </c>
      <c r="AE36188">
        <v>23</v>
      </c>
      <c r="AF36188">
        <v>23</v>
      </c>
      <c r="AG36188">
        <v>23</v>
      </c>
      <c r="AH36188">
        <v>23</v>
      </c>
      <c r="AI36188">
        <v>23</v>
      </c>
      <c r="AJ36188">
        <v>24</v>
      </c>
      <c r="AK36188">
        <v>24</v>
      </c>
      <c r="AL36188">
        <v>24</v>
      </c>
      <c r="AM36188">
        <v>24</v>
      </c>
      <c r="AN36188">
        <v>24</v>
      </c>
      <c r="AO36188">
        <v>24</v>
      </c>
      <c r="AP36188">
        <v>25</v>
      </c>
      <c r="AQ36188">
        <v>25</v>
      </c>
    </row>
    <row r="36189" spans="1:43">
      <c r="A36189" t="s">
        <v>22437</v>
      </c>
      <c r="B36189" t="s">
        <v>22438</v>
      </c>
      <c r="C36189" t="s">
        <v>22407</v>
      </c>
      <c r="D36189" t="s">
        <v>22408</v>
      </c>
      <c r="E36189" t="s">
        <v>22205</v>
      </c>
      <c r="F36189" t="s">
        <v>22206</v>
      </c>
      <c r="G36189" t="s">
        <v>20255</v>
      </c>
      <c r="H36189" t="s">
        <v>20256</v>
      </c>
      <c r="I36189" s="2">
        <v>1</v>
      </c>
      <c r="J36189" s="2">
        <v>0</v>
      </c>
      <c r="K36189" s="2">
        <v>0</v>
      </c>
      <c r="L36189" t="s">
        <v>120</v>
      </c>
      <c r="M36189" t="s">
        <v>83</v>
      </c>
      <c r="N36189" t="s">
        <v>91</v>
      </c>
      <c r="O36189" t="s">
        <v>85</v>
      </c>
      <c r="P36189" t="s">
        <v>86</v>
      </c>
      <c r="Q36189">
        <v>17</v>
      </c>
      <c r="R36189">
        <v>17</v>
      </c>
      <c r="S36189">
        <v>17</v>
      </c>
      <c r="T36189">
        <v>18</v>
      </c>
      <c r="U36189">
        <v>18</v>
      </c>
      <c r="V36189">
        <v>18</v>
      </c>
      <c r="W36189">
        <v>19</v>
      </c>
      <c r="X36189">
        <v>19</v>
      </c>
      <c r="Y36189">
        <v>19</v>
      </c>
      <c r="Z36189">
        <v>19</v>
      </c>
      <c r="AA36189">
        <v>20</v>
      </c>
      <c r="AB36189">
        <v>20</v>
      </c>
      <c r="AC36189">
        <v>20</v>
      </c>
      <c r="AD36189">
        <v>21</v>
      </c>
      <c r="AE36189">
        <v>21</v>
      </c>
      <c r="AF36189">
        <v>22</v>
      </c>
      <c r="AG36189">
        <v>22</v>
      </c>
      <c r="AH36189">
        <v>22</v>
      </c>
      <c r="AI36189">
        <v>23</v>
      </c>
      <c r="AJ36189">
        <v>23</v>
      </c>
      <c r="AK36189">
        <v>23</v>
      </c>
      <c r="AL36189">
        <v>24</v>
      </c>
      <c r="AM36189">
        <v>24</v>
      </c>
      <c r="AN36189">
        <v>24</v>
      </c>
      <c r="AO36189">
        <v>24</v>
      </c>
      <c r="AP36189">
        <v>24</v>
      </c>
      <c r="AQ36189">
        <v>24</v>
      </c>
    </row>
    <row r="36190" spans="1:43">
      <c r="A36190" t="s">
        <v>22439</v>
      </c>
      <c r="B36190" t="s">
        <v>22440</v>
      </c>
      <c r="C36190" t="s">
        <v>22407</v>
      </c>
      <c r="D36190" t="s">
        <v>22408</v>
      </c>
      <c r="E36190" t="s">
        <v>22205</v>
      </c>
      <c r="F36190" t="s">
        <v>22206</v>
      </c>
      <c r="G36190" t="s">
        <v>20255</v>
      </c>
      <c r="H36190" t="s">
        <v>20256</v>
      </c>
      <c r="I36190" s="2">
        <v>1</v>
      </c>
      <c r="J36190" s="2">
        <v>0</v>
      </c>
      <c r="K36190" s="2">
        <v>0</v>
      </c>
      <c r="L36190" t="s">
        <v>120</v>
      </c>
      <c r="M36190" t="s">
        <v>83</v>
      </c>
      <c r="N36190" t="s">
        <v>84</v>
      </c>
      <c r="O36190" t="s">
        <v>85</v>
      </c>
      <c r="P36190" t="s">
        <v>86</v>
      </c>
      <c r="Q36190">
        <v>25</v>
      </c>
      <c r="R36190">
        <v>26</v>
      </c>
      <c r="S36190">
        <v>26</v>
      </c>
      <c r="T36190">
        <v>26</v>
      </c>
      <c r="U36190">
        <v>27</v>
      </c>
      <c r="V36190">
        <v>27</v>
      </c>
      <c r="W36190">
        <v>28</v>
      </c>
      <c r="X36190">
        <v>28</v>
      </c>
      <c r="Y36190">
        <v>28</v>
      </c>
      <c r="Z36190">
        <v>29</v>
      </c>
      <c r="AA36190">
        <v>29</v>
      </c>
      <c r="AB36190">
        <v>29</v>
      </c>
      <c r="AC36190">
        <v>29</v>
      </c>
      <c r="AD36190">
        <v>30</v>
      </c>
      <c r="AE36190">
        <v>30</v>
      </c>
      <c r="AF36190">
        <v>30</v>
      </c>
      <c r="AG36190">
        <v>31</v>
      </c>
      <c r="AH36190">
        <v>31</v>
      </c>
      <c r="AI36190">
        <v>31</v>
      </c>
      <c r="AJ36190">
        <v>32</v>
      </c>
      <c r="AK36190">
        <v>32</v>
      </c>
      <c r="AL36190">
        <v>32</v>
      </c>
      <c r="AM36190">
        <v>32</v>
      </c>
      <c r="AN36190">
        <v>32</v>
      </c>
      <c r="AO36190">
        <v>32</v>
      </c>
      <c r="AP36190">
        <v>32</v>
      </c>
      <c r="AQ36190">
        <v>32</v>
      </c>
    </row>
    <row r="36191" spans="1:43">
      <c r="A36191" t="s">
        <v>22439</v>
      </c>
      <c r="B36191" t="s">
        <v>22440</v>
      </c>
      <c r="C36191" t="s">
        <v>22407</v>
      </c>
      <c r="D36191" t="s">
        <v>22408</v>
      </c>
      <c r="E36191" t="s">
        <v>22205</v>
      </c>
      <c r="F36191" t="s">
        <v>22206</v>
      </c>
      <c r="G36191" t="s">
        <v>20255</v>
      </c>
      <c r="H36191" t="s">
        <v>20256</v>
      </c>
      <c r="I36191" s="2">
        <v>1</v>
      </c>
      <c r="J36191" s="2">
        <v>0</v>
      </c>
      <c r="K36191" s="2">
        <v>0</v>
      </c>
      <c r="L36191" t="s">
        <v>120</v>
      </c>
      <c r="M36191" t="s">
        <v>87</v>
      </c>
      <c r="N36191" t="s">
        <v>88</v>
      </c>
      <c r="O36191" t="s">
        <v>85</v>
      </c>
      <c r="P36191" t="s">
        <v>86</v>
      </c>
      <c r="Q36191">
        <v>25</v>
      </c>
      <c r="R36191">
        <v>25</v>
      </c>
      <c r="S36191">
        <v>25</v>
      </c>
      <c r="T36191">
        <v>26</v>
      </c>
      <c r="U36191">
        <v>26</v>
      </c>
      <c r="V36191">
        <v>26</v>
      </c>
      <c r="W36191">
        <v>26</v>
      </c>
      <c r="X36191">
        <v>26</v>
      </c>
      <c r="Y36191">
        <v>26</v>
      </c>
      <c r="Z36191">
        <v>26</v>
      </c>
      <c r="AA36191">
        <v>26</v>
      </c>
      <c r="AB36191">
        <v>26</v>
      </c>
      <c r="AC36191">
        <v>27</v>
      </c>
      <c r="AD36191">
        <v>27</v>
      </c>
      <c r="AE36191">
        <v>27</v>
      </c>
      <c r="AF36191">
        <v>27</v>
      </c>
      <c r="AG36191">
        <v>27</v>
      </c>
      <c r="AH36191">
        <v>27</v>
      </c>
      <c r="AI36191">
        <v>27</v>
      </c>
      <c r="AJ36191">
        <v>27</v>
      </c>
      <c r="AK36191">
        <v>27</v>
      </c>
      <c r="AL36191">
        <v>28</v>
      </c>
      <c r="AM36191">
        <v>28</v>
      </c>
      <c r="AN36191">
        <v>28</v>
      </c>
      <c r="AO36191">
        <v>28</v>
      </c>
      <c r="AP36191">
        <v>28</v>
      </c>
      <c r="AQ36191">
        <v>28</v>
      </c>
    </row>
    <row r="36192" spans="1:43">
      <c r="A36192" t="s">
        <v>22439</v>
      </c>
      <c r="B36192" t="s">
        <v>22440</v>
      </c>
      <c r="C36192" t="s">
        <v>22407</v>
      </c>
      <c r="D36192" t="s">
        <v>22408</v>
      </c>
      <c r="E36192" t="s">
        <v>22205</v>
      </c>
      <c r="F36192" t="s">
        <v>22206</v>
      </c>
      <c r="G36192" t="s">
        <v>20255</v>
      </c>
      <c r="H36192" t="s">
        <v>20256</v>
      </c>
      <c r="I36192" s="2">
        <v>1</v>
      </c>
      <c r="J36192" s="2">
        <v>0</v>
      </c>
      <c r="K36192" s="2">
        <v>0</v>
      </c>
      <c r="L36192" t="s">
        <v>120</v>
      </c>
      <c r="M36192" t="s">
        <v>89</v>
      </c>
      <c r="N36192" t="s">
        <v>90</v>
      </c>
      <c r="O36192" t="s">
        <v>85</v>
      </c>
      <c r="P36192" t="s">
        <v>86</v>
      </c>
      <c r="Q36192">
        <v>25</v>
      </c>
      <c r="R36192">
        <v>25</v>
      </c>
      <c r="S36192">
        <v>26</v>
      </c>
      <c r="T36192">
        <v>26</v>
      </c>
      <c r="U36192">
        <v>27</v>
      </c>
      <c r="V36192">
        <v>27</v>
      </c>
      <c r="W36192">
        <v>28</v>
      </c>
      <c r="X36192">
        <v>28</v>
      </c>
      <c r="Y36192">
        <v>29</v>
      </c>
      <c r="Z36192">
        <v>29</v>
      </c>
      <c r="AA36192">
        <v>30</v>
      </c>
      <c r="AB36192">
        <v>30</v>
      </c>
      <c r="AC36192">
        <v>31</v>
      </c>
      <c r="AD36192">
        <v>31</v>
      </c>
      <c r="AE36192">
        <v>31</v>
      </c>
      <c r="AF36192">
        <v>31</v>
      </c>
      <c r="AG36192">
        <v>31</v>
      </c>
      <c r="AH36192">
        <v>31</v>
      </c>
      <c r="AI36192">
        <v>32</v>
      </c>
      <c r="AJ36192">
        <v>32</v>
      </c>
      <c r="AK36192">
        <v>32</v>
      </c>
      <c r="AL36192">
        <v>32</v>
      </c>
      <c r="AM36192">
        <v>32</v>
      </c>
      <c r="AN36192">
        <v>32</v>
      </c>
      <c r="AO36192">
        <v>32</v>
      </c>
      <c r="AP36192">
        <v>32</v>
      </c>
      <c r="AQ36192">
        <v>32</v>
      </c>
    </row>
    <row r="36193" spans="1:43">
      <c r="A36193" t="s">
        <v>22439</v>
      </c>
      <c r="B36193" t="s">
        <v>22440</v>
      </c>
      <c r="C36193" t="s">
        <v>22407</v>
      </c>
      <c r="D36193" t="s">
        <v>22408</v>
      </c>
      <c r="E36193" t="s">
        <v>22205</v>
      </c>
      <c r="F36193" t="s">
        <v>22206</v>
      </c>
      <c r="G36193" t="s">
        <v>20255</v>
      </c>
      <c r="H36193" t="s">
        <v>20256</v>
      </c>
      <c r="I36193" s="2">
        <v>1</v>
      </c>
      <c r="J36193" s="2">
        <v>0</v>
      </c>
      <c r="K36193" s="2">
        <v>0</v>
      </c>
      <c r="L36193" t="s">
        <v>120</v>
      </c>
      <c r="M36193" t="s">
        <v>83</v>
      </c>
      <c r="N36193" t="s">
        <v>91</v>
      </c>
      <c r="O36193" t="s">
        <v>85</v>
      </c>
      <c r="P36193" t="s">
        <v>86</v>
      </c>
      <c r="Q36193">
        <v>25</v>
      </c>
      <c r="R36193">
        <v>26</v>
      </c>
      <c r="S36193">
        <v>26</v>
      </c>
      <c r="T36193">
        <v>26</v>
      </c>
      <c r="U36193">
        <v>27</v>
      </c>
      <c r="V36193">
        <v>27</v>
      </c>
      <c r="W36193">
        <v>28</v>
      </c>
      <c r="X36193">
        <v>28</v>
      </c>
      <c r="Y36193">
        <v>28</v>
      </c>
      <c r="Z36193">
        <v>29</v>
      </c>
      <c r="AA36193">
        <v>29</v>
      </c>
      <c r="AB36193">
        <v>29</v>
      </c>
      <c r="AC36193">
        <v>29</v>
      </c>
      <c r="AD36193">
        <v>30</v>
      </c>
      <c r="AE36193">
        <v>30</v>
      </c>
      <c r="AF36193">
        <v>30</v>
      </c>
      <c r="AG36193">
        <v>31</v>
      </c>
      <c r="AH36193">
        <v>31</v>
      </c>
      <c r="AI36193">
        <v>31</v>
      </c>
      <c r="AJ36193">
        <v>32</v>
      </c>
      <c r="AK36193">
        <v>32</v>
      </c>
      <c r="AL36193">
        <v>32</v>
      </c>
      <c r="AM36193">
        <v>32</v>
      </c>
      <c r="AN36193">
        <v>32</v>
      </c>
      <c r="AO36193">
        <v>32</v>
      </c>
      <c r="AP36193">
        <v>32</v>
      </c>
      <c r="AQ36193">
        <v>32</v>
      </c>
    </row>
    <row r="36194" spans="1:43">
      <c r="A36194" t="s">
        <v>22441</v>
      </c>
      <c r="B36194" t="s">
        <v>22442</v>
      </c>
      <c r="C36194" t="s">
        <v>22407</v>
      </c>
      <c r="D36194" t="s">
        <v>22408</v>
      </c>
      <c r="E36194" t="s">
        <v>22205</v>
      </c>
      <c r="F36194" t="s">
        <v>22206</v>
      </c>
      <c r="G36194" t="s">
        <v>20255</v>
      </c>
      <c r="H36194" t="s">
        <v>20256</v>
      </c>
      <c r="I36194" s="2">
        <v>1</v>
      </c>
      <c r="J36194" s="2">
        <v>0</v>
      </c>
      <c r="K36194" s="2">
        <v>0</v>
      </c>
      <c r="L36194" t="s">
        <v>120</v>
      </c>
      <c r="M36194" t="s">
        <v>83</v>
      </c>
      <c r="N36194" t="s">
        <v>84</v>
      </c>
      <c r="O36194" t="s">
        <v>85</v>
      </c>
      <c r="P36194" t="s">
        <v>86</v>
      </c>
      <c r="Q36194">
        <v>83</v>
      </c>
      <c r="R36194">
        <v>85</v>
      </c>
      <c r="S36194">
        <v>87</v>
      </c>
      <c r="T36194">
        <v>88</v>
      </c>
      <c r="U36194">
        <v>90</v>
      </c>
      <c r="V36194">
        <v>92</v>
      </c>
      <c r="W36194">
        <v>93</v>
      </c>
      <c r="X36194">
        <v>95</v>
      </c>
      <c r="Y36194">
        <v>97</v>
      </c>
      <c r="Z36194">
        <v>98</v>
      </c>
      <c r="AA36194">
        <v>100</v>
      </c>
      <c r="AB36194">
        <v>102</v>
      </c>
      <c r="AC36194">
        <v>103</v>
      </c>
      <c r="AD36194">
        <v>105</v>
      </c>
      <c r="AE36194">
        <v>107</v>
      </c>
      <c r="AF36194">
        <v>109</v>
      </c>
      <c r="AG36194">
        <v>110</v>
      </c>
      <c r="AH36194">
        <v>112</v>
      </c>
      <c r="AI36194">
        <v>114</v>
      </c>
      <c r="AJ36194">
        <v>116</v>
      </c>
      <c r="AK36194">
        <v>118</v>
      </c>
      <c r="AL36194">
        <v>119</v>
      </c>
      <c r="AM36194">
        <v>120</v>
      </c>
      <c r="AN36194">
        <v>120</v>
      </c>
      <c r="AO36194">
        <v>121</v>
      </c>
      <c r="AP36194">
        <v>122</v>
      </c>
      <c r="AQ36194">
        <v>123</v>
      </c>
    </row>
    <row r="36195" spans="1:43">
      <c r="A36195" t="s">
        <v>22441</v>
      </c>
      <c r="B36195" t="s">
        <v>22442</v>
      </c>
      <c r="C36195" t="s">
        <v>22407</v>
      </c>
      <c r="D36195" t="s">
        <v>22408</v>
      </c>
      <c r="E36195" t="s">
        <v>22205</v>
      </c>
      <c r="F36195" t="s">
        <v>22206</v>
      </c>
      <c r="G36195" t="s">
        <v>20255</v>
      </c>
      <c r="H36195" t="s">
        <v>20256</v>
      </c>
      <c r="I36195" s="2">
        <v>1</v>
      </c>
      <c r="J36195" s="2">
        <v>0</v>
      </c>
      <c r="K36195" s="2">
        <v>0</v>
      </c>
      <c r="L36195" t="s">
        <v>120</v>
      </c>
      <c r="M36195" t="s">
        <v>87</v>
      </c>
      <c r="N36195" t="s">
        <v>88</v>
      </c>
      <c r="O36195" t="s">
        <v>85</v>
      </c>
      <c r="P36195" t="s">
        <v>86</v>
      </c>
      <c r="Q36195">
        <v>83</v>
      </c>
      <c r="R36195">
        <v>84</v>
      </c>
      <c r="S36195">
        <v>84</v>
      </c>
      <c r="T36195">
        <v>85</v>
      </c>
      <c r="U36195">
        <v>86</v>
      </c>
      <c r="V36195">
        <v>87</v>
      </c>
      <c r="W36195">
        <v>88</v>
      </c>
      <c r="X36195">
        <v>89</v>
      </c>
      <c r="Y36195">
        <v>89</v>
      </c>
      <c r="Z36195">
        <v>90</v>
      </c>
      <c r="AA36195">
        <v>91</v>
      </c>
      <c r="AB36195">
        <v>92</v>
      </c>
      <c r="AC36195">
        <v>93</v>
      </c>
      <c r="AD36195">
        <v>94</v>
      </c>
      <c r="AE36195">
        <v>95</v>
      </c>
      <c r="AF36195">
        <v>96</v>
      </c>
      <c r="AG36195">
        <v>97</v>
      </c>
      <c r="AH36195">
        <v>98</v>
      </c>
      <c r="AI36195">
        <v>99</v>
      </c>
      <c r="AJ36195">
        <v>100</v>
      </c>
      <c r="AK36195">
        <v>101</v>
      </c>
      <c r="AL36195">
        <v>102</v>
      </c>
      <c r="AM36195">
        <v>103</v>
      </c>
      <c r="AN36195">
        <v>104</v>
      </c>
      <c r="AO36195">
        <v>105</v>
      </c>
      <c r="AP36195">
        <v>106</v>
      </c>
      <c r="AQ36195">
        <v>107</v>
      </c>
    </row>
    <row r="36196" spans="1:43">
      <c r="A36196" t="s">
        <v>22441</v>
      </c>
      <c r="B36196" t="s">
        <v>22442</v>
      </c>
      <c r="C36196" t="s">
        <v>22407</v>
      </c>
      <c r="D36196" t="s">
        <v>22408</v>
      </c>
      <c r="E36196" t="s">
        <v>22205</v>
      </c>
      <c r="F36196" t="s">
        <v>22206</v>
      </c>
      <c r="G36196" t="s">
        <v>20255</v>
      </c>
      <c r="H36196" t="s">
        <v>20256</v>
      </c>
      <c r="I36196" s="2">
        <v>1</v>
      </c>
      <c r="J36196" s="2">
        <v>0</v>
      </c>
      <c r="K36196" s="2">
        <v>0</v>
      </c>
      <c r="L36196" t="s">
        <v>120</v>
      </c>
      <c r="M36196" t="s">
        <v>89</v>
      </c>
      <c r="N36196" t="s">
        <v>90</v>
      </c>
      <c r="O36196" t="s">
        <v>85</v>
      </c>
      <c r="P36196" t="s">
        <v>86</v>
      </c>
      <c r="Q36196">
        <v>83</v>
      </c>
      <c r="R36196">
        <v>86</v>
      </c>
      <c r="S36196">
        <v>88</v>
      </c>
      <c r="T36196">
        <v>90</v>
      </c>
      <c r="U36196">
        <v>93</v>
      </c>
      <c r="V36196">
        <v>95</v>
      </c>
      <c r="W36196">
        <v>97</v>
      </c>
      <c r="X36196">
        <v>99</v>
      </c>
      <c r="Y36196">
        <v>101</v>
      </c>
      <c r="Z36196">
        <v>103</v>
      </c>
      <c r="AA36196">
        <v>105</v>
      </c>
      <c r="AB36196">
        <v>107</v>
      </c>
      <c r="AC36196">
        <v>110</v>
      </c>
      <c r="AD36196">
        <v>112</v>
      </c>
      <c r="AE36196">
        <v>113</v>
      </c>
      <c r="AF36196">
        <v>114</v>
      </c>
      <c r="AG36196">
        <v>115</v>
      </c>
      <c r="AH36196">
        <v>116</v>
      </c>
      <c r="AI36196">
        <v>117</v>
      </c>
      <c r="AJ36196">
        <v>118</v>
      </c>
      <c r="AK36196">
        <v>118</v>
      </c>
      <c r="AL36196">
        <v>119</v>
      </c>
      <c r="AM36196">
        <v>120</v>
      </c>
      <c r="AN36196">
        <v>121</v>
      </c>
      <c r="AO36196">
        <v>122</v>
      </c>
      <c r="AP36196">
        <v>123</v>
      </c>
      <c r="AQ36196">
        <v>124</v>
      </c>
    </row>
    <row r="36197" spans="1:43">
      <c r="A36197" t="s">
        <v>22441</v>
      </c>
      <c r="B36197" t="s">
        <v>22442</v>
      </c>
      <c r="C36197" t="s">
        <v>22407</v>
      </c>
      <c r="D36197" t="s">
        <v>22408</v>
      </c>
      <c r="E36197" t="s">
        <v>22205</v>
      </c>
      <c r="F36197" t="s">
        <v>22206</v>
      </c>
      <c r="G36197" t="s">
        <v>20255</v>
      </c>
      <c r="H36197" t="s">
        <v>20256</v>
      </c>
      <c r="I36197" s="2">
        <v>1</v>
      </c>
      <c r="J36197" s="2">
        <v>0</v>
      </c>
      <c r="K36197" s="2">
        <v>0</v>
      </c>
      <c r="L36197" t="s">
        <v>120</v>
      </c>
      <c r="M36197" t="s">
        <v>83</v>
      </c>
      <c r="N36197" t="s">
        <v>91</v>
      </c>
      <c r="O36197" t="s">
        <v>85</v>
      </c>
      <c r="P36197" t="s">
        <v>86</v>
      </c>
      <c r="Q36197">
        <v>83</v>
      </c>
      <c r="R36197">
        <v>85</v>
      </c>
      <c r="S36197">
        <v>87</v>
      </c>
      <c r="T36197">
        <v>88</v>
      </c>
      <c r="U36197">
        <v>90</v>
      </c>
      <c r="V36197">
        <v>92</v>
      </c>
      <c r="W36197">
        <v>93</v>
      </c>
      <c r="X36197">
        <v>95</v>
      </c>
      <c r="Y36197">
        <v>97</v>
      </c>
      <c r="Z36197">
        <v>98</v>
      </c>
      <c r="AA36197">
        <v>100</v>
      </c>
      <c r="AB36197">
        <v>102</v>
      </c>
      <c r="AC36197">
        <v>103</v>
      </c>
      <c r="AD36197">
        <v>105</v>
      </c>
      <c r="AE36197">
        <v>107</v>
      </c>
      <c r="AF36197">
        <v>109</v>
      </c>
      <c r="AG36197">
        <v>110</v>
      </c>
      <c r="AH36197">
        <v>112</v>
      </c>
      <c r="AI36197">
        <v>114</v>
      </c>
      <c r="AJ36197">
        <v>116</v>
      </c>
      <c r="AK36197">
        <v>118</v>
      </c>
      <c r="AL36197">
        <v>119</v>
      </c>
      <c r="AM36197">
        <v>120</v>
      </c>
      <c r="AN36197">
        <v>120</v>
      </c>
      <c r="AO36197">
        <v>121</v>
      </c>
      <c r="AP36197">
        <v>122</v>
      </c>
      <c r="AQ36197">
        <v>123</v>
      </c>
    </row>
    <row r="36198" spans="1:43">
      <c r="A36198" t="s">
        <v>22443</v>
      </c>
      <c r="B36198" t="s">
        <v>22444</v>
      </c>
      <c r="C36198" t="s">
        <v>22429</v>
      </c>
      <c r="D36198" t="s">
        <v>22430</v>
      </c>
      <c r="E36198" t="s">
        <v>22205</v>
      </c>
      <c r="F36198" t="s">
        <v>22206</v>
      </c>
      <c r="G36198" t="s">
        <v>20255</v>
      </c>
      <c r="H36198" t="s">
        <v>20256</v>
      </c>
      <c r="I36198" s="2">
        <v>1</v>
      </c>
      <c r="J36198" s="2">
        <v>0</v>
      </c>
      <c r="K36198" s="2">
        <v>0</v>
      </c>
      <c r="L36198" t="s">
        <v>120</v>
      </c>
      <c r="M36198" t="s">
        <v>83</v>
      </c>
      <c r="N36198" t="s">
        <v>84</v>
      </c>
      <c r="O36198" t="s">
        <v>85</v>
      </c>
      <c r="P36198" t="s">
        <v>86</v>
      </c>
      <c r="Q36198">
        <v>15</v>
      </c>
      <c r="R36198">
        <v>15</v>
      </c>
      <c r="S36198">
        <v>15</v>
      </c>
      <c r="T36198">
        <v>16</v>
      </c>
      <c r="U36198">
        <v>16</v>
      </c>
      <c r="V36198">
        <v>16</v>
      </c>
      <c r="W36198">
        <v>17</v>
      </c>
      <c r="X36198">
        <v>17</v>
      </c>
      <c r="Y36198">
        <v>17</v>
      </c>
      <c r="Z36198">
        <v>17</v>
      </c>
      <c r="AA36198">
        <v>18</v>
      </c>
      <c r="AB36198">
        <v>18</v>
      </c>
      <c r="AC36198">
        <v>18</v>
      </c>
      <c r="AD36198">
        <v>19</v>
      </c>
      <c r="AE36198">
        <v>19</v>
      </c>
      <c r="AF36198">
        <v>19</v>
      </c>
      <c r="AG36198">
        <v>19</v>
      </c>
      <c r="AH36198">
        <v>20</v>
      </c>
      <c r="AI36198">
        <v>20</v>
      </c>
      <c r="AJ36198">
        <v>20</v>
      </c>
      <c r="AK36198">
        <v>21</v>
      </c>
      <c r="AL36198">
        <v>21</v>
      </c>
      <c r="AM36198">
        <v>21</v>
      </c>
      <c r="AN36198">
        <v>21</v>
      </c>
      <c r="AO36198">
        <v>21</v>
      </c>
      <c r="AP36198">
        <v>22</v>
      </c>
      <c r="AQ36198">
        <v>22</v>
      </c>
    </row>
    <row r="36199" spans="1:43">
      <c r="A36199" t="s">
        <v>22443</v>
      </c>
      <c r="B36199" t="s">
        <v>22444</v>
      </c>
      <c r="C36199" t="s">
        <v>22429</v>
      </c>
      <c r="D36199" t="s">
        <v>22430</v>
      </c>
      <c r="E36199" t="s">
        <v>22205</v>
      </c>
      <c r="F36199" t="s">
        <v>22206</v>
      </c>
      <c r="G36199" t="s">
        <v>20255</v>
      </c>
      <c r="H36199" t="s">
        <v>20256</v>
      </c>
      <c r="I36199" s="2">
        <v>1</v>
      </c>
      <c r="J36199" s="2">
        <v>0</v>
      </c>
      <c r="K36199" s="2">
        <v>0</v>
      </c>
      <c r="L36199" t="s">
        <v>120</v>
      </c>
      <c r="M36199" t="s">
        <v>87</v>
      </c>
      <c r="N36199" t="s">
        <v>88</v>
      </c>
      <c r="O36199" t="s">
        <v>85</v>
      </c>
      <c r="P36199" t="s">
        <v>86</v>
      </c>
      <c r="Q36199">
        <v>15</v>
      </c>
      <c r="R36199">
        <v>15</v>
      </c>
      <c r="S36199">
        <v>15</v>
      </c>
      <c r="T36199">
        <v>15</v>
      </c>
      <c r="U36199">
        <v>15</v>
      </c>
      <c r="V36199">
        <v>15</v>
      </c>
      <c r="W36199">
        <v>16</v>
      </c>
      <c r="X36199">
        <v>16</v>
      </c>
      <c r="Y36199">
        <v>16</v>
      </c>
      <c r="Z36199">
        <v>16</v>
      </c>
      <c r="AA36199">
        <v>16</v>
      </c>
      <c r="AB36199">
        <v>16</v>
      </c>
      <c r="AC36199">
        <v>16</v>
      </c>
      <c r="AD36199">
        <v>17</v>
      </c>
      <c r="AE36199">
        <v>17</v>
      </c>
      <c r="AF36199">
        <v>17</v>
      </c>
      <c r="AG36199">
        <v>17</v>
      </c>
      <c r="AH36199">
        <v>17</v>
      </c>
      <c r="AI36199">
        <v>17</v>
      </c>
      <c r="AJ36199">
        <v>18</v>
      </c>
      <c r="AK36199">
        <v>18</v>
      </c>
      <c r="AL36199">
        <v>18</v>
      </c>
      <c r="AM36199">
        <v>18</v>
      </c>
      <c r="AN36199">
        <v>18</v>
      </c>
      <c r="AO36199">
        <v>19</v>
      </c>
      <c r="AP36199">
        <v>19</v>
      </c>
      <c r="AQ36199">
        <v>19</v>
      </c>
    </row>
    <row r="36200" spans="1:43">
      <c r="A36200" t="s">
        <v>22443</v>
      </c>
      <c r="B36200" t="s">
        <v>22444</v>
      </c>
      <c r="C36200" t="s">
        <v>22429</v>
      </c>
      <c r="D36200" t="s">
        <v>22430</v>
      </c>
      <c r="E36200" t="s">
        <v>22205</v>
      </c>
      <c r="F36200" t="s">
        <v>22206</v>
      </c>
      <c r="G36200" t="s">
        <v>20255</v>
      </c>
      <c r="H36200" t="s">
        <v>20256</v>
      </c>
      <c r="I36200" s="2">
        <v>1</v>
      </c>
      <c r="J36200" s="2">
        <v>0</v>
      </c>
      <c r="K36200" s="2">
        <v>0</v>
      </c>
      <c r="L36200" t="s">
        <v>120</v>
      </c>
      <c r="M36200" t="s">
        <v>89</v>
      </c>
      <c r="N36200" t="s">
        <v>90</v>
      </c>
      <c r="O36200" t="s">
        <v>85</v>
      </c>
      <c r="P36200" t="s">
        <v>86</v>
      </c>
      <c r="Q36200">
        <v>15</v>
      </c>
      <c r="R36200">
        <v>15</v>
      </c>
      <c r="S36200">
        <v>16</v>
      </c>
      <c r="T36200">
        <v>16</v>
      </c>
      <c r="U36200">
        <v>17</v>
      </c>
      <c r="V36200">
        <v>17</v>
      </c>
      <c r="W36200">
        <v>17</v>
      </c>
      <c r="X36200">
        <v>18</v>
      </c>
      <c r="Y36200">
        <v>18</v>
      </c>
      <c r="Z36200">
        <v>18</v>
      </c>
      <c r="AA36200">
        <v>19</v>
      </c>
      <c r="AB36200">
        <v>19</v>
      </c>
      <c r="AC36200">
        <v>20</v>
      </c>
      <c r="AD36200">
        <v>20</v>
      </c>
      <c r="AE36200">
        <v>20</v>
      </c>
      <c r="AF36200">
        <v>20</v>
      </c>
      <c r="AG36200">
        <v>20</v>
      </c>
      <c r="AH36200">
        <v>21</v>
      </c>
      <c r="AI36200">
        <v>21</v>
      </c>
      <c r="AJ36200">
        <v>21</v>
      </c>
      <c r="AK36200">
        <v>21</v>
      </c>
      <c r="AL36200">
        <v>21</v>
      </c>
      <c r="AM36200">
        <v>21</v>
      </c>
      <c r="AN36200">
        <v>22</v>
      </c>
      <c r="AO36200">
        <v>22</v>
      </c>
      <c r="AP36200">
        <v>22</v>
      </c>
      <c r="AQ36200">
        <v>22</v>
      </c>
    </row>
    <row r="36201" spans="1:43">
      <c r="A36201" t="s">
        <v>22443</v>
      </c>
      <c r="B36201" t="s">
        <v>22444</v>
      </c>
      <c r="C36201" t="s">
        <v>22429</v>
      </c>
      <c r="D36201" t="s">
        <v>22430</v>
      </c>
      <c r="E36201" t="s">
        <v>22205</v>
      </c>
      <c r="F36201" t="s">
        <v>22206</v>
      </c>
      <c r="G36201" t="s">
        <v>20255</v>
      </c>
      <c r="H36201" t="s">
        <v>20256</v>
      </c>
      <c r="I36201" s="2">
        <v>1</v>
      </c>
      <c r="J36201" s="2">
        <v>0</v>
      </c>
      <c r="K36201" s="2">
        <v>0</v>
      </c>
      <c r="L36201" t="s">
        <v>120</v>
      </c>
      <c r="M36201" t="s">
        <v>83</v>
      </c>
      <c r="N36201" t="s">
        <v>91</v>
      </c>
      <c r="O36201" t="s">
        <v>85</v>
      </c>
      <c r="P36201" t="s">
        <v>86</v>
      </c>
      <c r="Q36201">
        <v>15</v>
      </c>
      <c r="R36201">
        <v>15</v>
      </c>
      <c r="S36201">
        <v>15</v>
      </c>
      <c r="T36201">
        <v>16</v>
      </c>
      <c r="U36201">
        <v>16</v>
      </c>
      <c r="V36201">
        <v>16</v>
      </c>
      <c r="W36201">
        <v>17</v>
      </c>
      <c r="X36201">
        <v>17</v>
      </c>
      <c r="Y36201">
        <v>17</v>
      </c>
      <c r="Z36201">
        <v>17</v>
      </c>
      <c r="AA36201">
        <v>18</v>
      </c>
      <c r="AB36201">
        <v>18</v>
      </c>
      <c r="AC36201">
        <v>18</v>
      </c>
      <c r="AD36201">
        <v>19</v>
      </c>
      <c r="AE36201">
        <v>19</v>
      </c>
      <c r="AF36201">
        <v>19</v>
      </c>
      <c r="AG36201">
        <v>19</v>
      </c>
      <c r="AH36201">
        <v>20</v>
      </c>
      <c r="AI36201">
        <v>20</v>
      </c>
      <c r="AJ36201">
        <v>20</v>
      </c>
      <c r="AK36201">
        <v>21</v>
      </c>
      <c r="AL36201">
        <v>21</v>
      </c>
      <c r="AM36201">
        <v>21</v>
      </c>
      <c r="AN36201">
        <v>21</v>
      </c>
      <c r="AO36201">
        <v>21</v>
      </c>
      <c r="AP36201">
        <v>22</v>
      </c>
      <c r="AQ36201">
        <v>22</v>
      </c>
    </row>
    <row r="36202" spans="1:43">
      <c r="A36202" t="s">
        <v>22445</v>
      </c>
      <c r="B36202" t="s">
        <v>22446</v>
      </c>
      <c r="C36202" t="s">
        <v>22447</v>
      </c>
      <c r="D36202" t="s">
        <v>22448</v>
      </c>
      <c r="E36202" t="s">
        <v>22205</v>
      </c>
      <c r="F36202" t="s">
        <v>22206</v>
      </c>
      <c r="G36202" t="s">
        <v>20255</v>
      </c>
      <c r="H36202" t="s">
        <v>20256</v>
      </c>
      <c r="I36202" s="2">
        <v>1</v>
      </c>
      <c r="J36202" s="2">
        <v>0</v>
      </c>
      <c r="K36202" s="2">
        <v>0</v>
      </c>
      <c r="L36202" t="s">
        <v>120</v>
      </c>
      <c r="M36202" t="s">
        <v>83</v>
      </c>
      <c r="N36202" t="s">
        <v>84</v>
      </c>
      <c r="O36202" t="s">
        <v>85</v>
      </c>
      <c r="P36202" t="s">
        <v>86</v>
      </c>
      <c r="Q36202">
        <v>9</v>
      </c>
      <c r="R36202">
        <v>9</v>
      </c>
      <c r="S36202">
        <v>10</v>
      </c>
      <c r="T36202">
        <v>10</v>
      </c>
      <c r="U36202">
        <v>10</v>
      </c>
      <c r="V36202">
        <v>10</v>
      </c>
      <c r="W36202">
        <v>10</v>
      </c>
      <c r="X36202">
        <v>10</v>
      </c>
      <c r="Y36202">
        <v>11</v>
      </c>
      <c r="Z36202">
        <v>11</v>
      </c>
      <c r="AA36202">
        <v>11</v>
      </c>
      <c r="AB36202">
        <v>11</v>
      </c>
      <c r="AC36202">
        <v>11</v>
      </c>
      <c r="AD36202">
        <v>12</v>
      </c>
      <c r="AE36202">
        <v>12</v>
      </c>
      <c r="AF36202">
        <v>12</v>
      </c>
      <c r="AG36202">
        <v>12</v>
      </c>
      <c r="AH36202">
        <v>12</v>
      </c>
      <c r="AI36202">
        <v>13</v>
      </c>
      <c r="AJ36202">
        <v>13</v>
      </c>
      <c r="AK36202">
        <v>13</v>
      </c>
      <c r="AL36202">
        <v>13</v>
      </c>
      <c r="AM36202">
        <v>13</v>
      </c>
      <c r="AN36202">
        <v>13</v>
      </c>
      <c r="AO36202">
        <v>13</v>
      </c>
      <c r="AP36202">
        <v>13</v>
      </c>
      <c r="AQ36202">
        <v>14</v>
      </c>
    </row>
    <row r="36203" spans="1:43">
      <c r="A36203" t="s">
        <v>22445</v>
      </c>
      <c r="B36203" t="s">
        <v>22446</v>
      </c>
      <c r="C36203" t="s">
        <v>22447</v>
      </c>
      <c r="D36203" t="s">
        <v>22448</v>
      </c>
      <c r="E36203" t="s">
        <v>22205</v>
      </c>
      <c r="F36203" t="s">
        <v>22206</v>
      </c>
      <c r="G36203" t="s">
        <v>20255</v>
      </c>
      <c r="H36203" t="s">
        <v>20256</v>
      </c>
      <c r="I36203" s="2">
        <v>1</v>
      </c>
      <c r="J36203" s="2">
        <v>0</v>
      </c>
      <c r="K36203" s="2">
        <v>0</v>
      </c>
      <c r="L36203" t="s">
        <v>120</v>
      </c>
      <c r="M36203" t="s">
        <v>87</v>
      </c>
      <c r="N36203" t="s">
        <v>88</v>
      </c>
      <c r="O36203" t="s">
        <v>85</v>
      </c>
      <c r="P36203" t="s">
        <v>86</v>
      </c>
      <c r="Q36203">
        <v>9</v>
      </c>
      <c r="R36203">
        <v>9</v>
      </c>
      <c r="S36203">
        <v>9</v>
      </c>
      <c r="T36203">
        <v>9</v>
      </c>
      <c r="U36203">
        <v>9</v>
      </c>
      <c r="V36203">
        <v>10</v>
      </c>
      <c r="W36203">
        <v>10</v>
      </c>
      <c r="X36203">
        <v>10</v>
      </c>
      <c r="Y36203">
        <v>10</v>
      </c>
      <c r="Z36203">
        <v>10</v>
      </c>
      <c r="AA36203">
        <v>10</v>
      </c>
      <c r="AB36203">
        <v>10</v>
      </c>
      <c r="AC36203">
        <v>10</v>
      </c>
      <c r="AD36203">
        <v>10</v>
      </c>
      <c r="AE36203">
        <v>10</v>
      </c>
      <c r="AF36203">
        <v>11</v>
      </c>
      <c r="AG36203">
        <v>11</v>
      </c>
      <c r="AH36203">
        <v>11</v>
      </c>
      <c r="AI36203">
        <v>11</v>
      </c>
      <c r="AJ36203">
        <v>11</v>
      </c>
      <c r="AK36203">
        <v>11</v>
      </c>
      <c r="AL36203">
        <v>11</v>
      </c>
      <c r="AM36203">
        <v>11</v>
      </c>
      <c r="AN36203">
        <v>11</v>
      </c>
      <c r="AO36203">
        <v>12</v>
      </c>
      <c r="AP36203">
        <v>12</v>
      </c>
      <c r="AQ36203">
        <v>12</v>
      </c>
    </row>
    <row r="36204" spans="1:43">
      <c r="A36204" t="s">
        <v>22445</v>
      </c>
      <c r="B36204" t="s">
        <v>22446</v>
      </c>
      <c r="C36204" t="s">
        <v>22447</v>
      </c>
      <c r="D36204" t="s">
        <v>22448</v>
      </c>
      <c r="E36204" t="s">
        <v>22205</v>
      </c>
      <c r="F36204" t="s">
        <v>22206</v>
      </c>
      <c r="G36204" t="s">
        <v>20255</v>
      </c>
      <c r="H36204" t="s">
        <v>20256</v>
      </c>
      <c r="I36204" s="2">
        <v>1</v>
      </c>
      <c r="J36204" s="2">
        <v>0</v>
      </c>
      <c r="K36204" s="2">
        <v>0</v>
      </c>
      <c r="L36204" t="s">
        <v>120</v>
      </c>
      <c r="M36204" t="s">
        <v>89</v>
      </c>
      <c r="N36204" t="s">
        <v>90</v>
      </c>
      <c r="O36204" t="s">
        <v>85</v>
      </c>
      <c r="P36204" t="s">
        <v>86</v>
      </c>
      <c r="Q36204">
        <v>9</v>
      </c>
      <c r="R36204">
        <v>10</v>
      </c>
      <c r="S36204">
        <v>10</v>
      </c>
      <c r="T36204">
        <v>10</v>
      </c>
      <c r="U36204">
        <v>10</v>
      </c>
      <c r="V36204">
        <v>11</v>
      </c>
      <c r="W36204">
        <v>11</v>
      </c>
      <c r="X36204">
        <v>11</v>
      </c>
      <c r="Y36204">
        <v>11</v>
      </c>
      <c r="Z36204">
        <v>11</v>
      </c>
      <c r="AA36204">
        <v>12</v>
      </c>
      <c r="AB36204">
        <v>12</v>
      </c>
      <c r="AC36204">
        <v>12</v>
      </c>
      <c r="AD36204">
        <v>12</v>
      </c>
      <c r="AE36204">
        <v>13</v>
      </c>
      <c r="AF36204">
        <v>13</v>
      </c>
      <c r="AG36204">
        <v>13</v>
      </c>
      <c r="AH36204">
        <v>13</v>
      </c>
      <c r="AI36204">
        <v>13</v>
      </c>
      <c r="AJ36204">
        <v>13</v>
      </c>
      <c r="AK36204">
        <v>13</v>
      </c>
      <c r="AL36204">
        <v>13</v>
      </c>
      <c r="AM36204">
        <v>13</v>
      </c>
      <c r="AN36204">
        <v>13</v>
      </c>
      <c r="AO36204">
        <v>14</v>
      </c>
      <c r="AP36204">
        <v>14</v>
      </c>
      <c r="AQ36204">
        <v>14</v>
      </c>
    </row>
    <row r="36205" spans="1:43">
      <c r="A36205" t="s">
        <v>22445</v>
      </c>
      <c r="B36205" t="s">
        <v>22446</v>
      </c>
      <c r="C36205" t="s">
        <v>22447</v>
      </c>
      <c r="D36205" t="s">
        <v>22448</v>
      </c>
      <c r="E36205" t="s">
        <v>22205</v>
      </c>
      <c r="F36205" t="s">
        <v>22206</v>
      </c>
      <c r="G36205" t="s">
        <v>20255</v>
      </c>
      <c r="H36205" t="s">
        <v>20256</v>
      </c>
      <c r="I36205" s="2">
        <v>1</v>
      </c>
      <c r="J36205" s="2">
        <v>0</v>
      </c>
      <c r="K36205" s="2">
        <v>0</v>
      </c>
      <c r="L36205" t="s">
        <v>120</v>
      </c>
      <c r="M36205" t="s">
        <v>83</v>
      </c>
      <c r="N36205" t="s">
        <v>91</v>
      </c>
      <c r="O36205" t="s">
        <v>85</v>
      </c>
      <c r="P36205" t="s">
        <v>86</v>
      </c>
      <c r="Q36205">
        <v>9</v>
      </c>
      <c r="R36205">
        <v>9</v>
      </c>
      <c r="S36205">
        <v>10</v>
      </c>
      <c r="T36205">
        <v>10</v>
      </c>
      <c r="U36205">
        <v>10</v>
      </c>
      <c r="V36205">
        <v>10</v>
      </c>
      <c r="W36205">
        <v>10</v>
      </c>
      <c r="X36205">
        <v>10</v>
      </c>
      <c r="Y36205">
        <v>11</v>
      </c>
      <c r="Z36205">
        <v>11</v>
      </c>
      <c r="AA36205">
        <v>11</v>
      </c>
      <c r="AB36205">
        <v>11</v>
      </c>
      <c r="AC36205">
        <v>11</v>
      </c>
      <c r="AD36205">
        <v>12</v>
      </c>
      <c r="AE36205">
        <v>12</v>
      </c>
      <c r="AF36205">
        <v>12</v>
      </c>
      <c r="AG36205">
        <v>12</v>
      </c>
      <c r="AH36205">
        <v>12</v>
      </c>
      <c r="AI36205">
        <v>13</v>
      </c>
      <c r="AJ36205">
        <v>13</v>
      </c>
      <c r="AK36205">
        <v>13</v>
      </c>
      <c r="AL36205">
        <v>13</v>
      </c>
      <c r="AM36205">
        <v>13</v>
      </c>
      <c r="AN36205">
        <v>13</v>
      </c>
      <c r="AO36205">
        <v>13</v>
      </c>
      <c r="AP36205">
        <v>13</v>
      </c>
      <c r="AQ36205">
        <v>14</v>
      </c>
    </row>
    <row r="36206" spans="1:43">
      <c r="A36206" t="s">
        <v>22449</v>
      </c>
      <c r="B36206" t="s">
        <v>22450</v>
      </c>
      <c r="C36206" t="s">
        <v>22429</v>
      </c>
      <c r="D36206" t="s">
        <v>22430</v>
      </c>
      <c r="E36206" t="s">
        <v>22205</v>
      </c>
      <c r="F36206" t="s">
        <v>22206</v>
      </c>
      <c r="G36206" t="s">
        <v>20255</v>
      </c>
      <c r="H36206" t="s">
        <v>20256</v>
      </c>
      <c r="I36206" s="2">
        <v>0.9</v>
      </c>
      <c r="J36206" s="2">
        <v>0</v>
      </c>
      <c r="K36206" s="2">
        <v>0</v>
      </c>
      <c r="L36206" t="s">
        <v>120</v>
      </c>
      <c r="M36206" t="s">
        <v>83</v>
      </c>
      <c r="N36206" t="s">
        <v>84</v>
      </c>
      <c r="O36206" t="s">
        <v>85</v>
      </c>
      <c r="P36206" t="s">
        <v>86</v>
      </c>
      <c r="Q36206">
        <v>36</v>
      </c>
      <c r="R36206">
        <v>37</v>
      </c>
      <c r="S36206">
        <v>38</v>
      </c>
      <c r="T36206">
        <v>38</v>
      </c>
      <c r="U36206">
        <v>39</v>
      </c>
      <c r="V36206">
        <v>40</v>
      </c>
      <c r="W36206">
        <v>40</v>
      </c>
      <c r="X36206">
        <v>41</v>
      </c>
      <c r="Y36206">
        <v>42</v>
      </c>
      <c r="Z36206">
        <v>43</v>
      </c>
      <c r="AA36206">
        <v>43</v>
      </c>
      <c r="AB36206">
        <v>44</v>
      </c>
      <c r="AC36206">
        <v>45</v>
      </c>
      <c r="AD36206">
        <v>45</v>
      </c>
      <c r="AE36206">
        <v>46</v>
      </c>
      <c r="AF36206">
        <v>47</v>
      </c>
      <c r="AG36206">
        <v>48</v>
      </c>
      <c r="AH36206">
        <v>48</v>
      </c>
      <c r="AI36206">
        <v>49</v>
      </c>
      <c r="AJ36206">
        <v>50</v>
      </c>
      <c r="AK36206">
        <v>51</v>
      </c>
      <c r="AL36206">
        <v>51</v>
      </c>
      <c r="AM36206">
        <v>52</v>
      </c>
      <c r="AN36206">
        <v>52</v>
      </c>
      <c r="AO36206">
        <v>53</v>
      </c>
      <c r="AP36206">
        <v>53</v>
      </c>
      <c r="AQ36206">
        <v>53</v>
      </c>
    </row>
    <row r="36207" spans="1:43">
      <c r="A36207" t="s">
        <v>22449</v>
      </c>
      <c r="B36207" t="s">
        <v>22450</v>
      </c>
      <c r="C36207" t="s">
        <v>22429</v>
      </c>
      <c r="D36207" t="s">
        <v>22430</v>
      </c>
      <c r="E36207" t="s">
        <v>22205</v>
      </c>
      <c r="F36207" t="s">
        <v>22206</v>
      </c>
      <c r="G36207" t="s">
        <v>20255</v>
      </c>
      <c r="H36207" t="s">
        <v>20256</v>
      </c>
      <c r="I36207" s="2">
        <v>0.9</v>
      </c>
      <c r="J36207" s="2">
        <v>0</v>
      </c>
      <c r="K36207" s="2">
        <v>0</v>
      </c>
      <c r="L36207" t="s">
        <v>120</v>
      </c>
      <c r="M36207" t="s">
        <v>87</v>
      </c>
      <c r="N36207" t="s">
        <v>88</v>
      </c>
      <c r="O36207" t="s">
        <v>85</v>
      </c>
      <c r="P36207" t="s">
        <v>86</v>
      </c>
      <c r="Q36207">
        <v>36</v>
      </c>
      <c r="R36207">
        <v>36</v>
      </c>
      <c r="S36207">
        <v>36</v>
      </c>
      <c r="T36207">
        <v>37</v>
      </c>
      <c r="U36207">
        <v>37</v>
      </c>
      <c r="V36207">
        <v>38</v>
      </c>
      <c r="W36207">
        <v>38</v>
      </c>
      <c r="X36207">
        <v>38</v>
      </c>
      <c r="Y36207">
        <v>39</v>
      </c>
      <c r="Z36207">
        <v>39</v>
      </c>
      <c r="AA36207">
        <v>40</v>
      </c>
      <c r="AB36207">
        <v>40</v>
      </c>
      <c r="AC36207">
        <v>40</v>
      </c>
      <c r="AD36207">
        <v>41</v>
      </c>
      <c r="AE36207">
        <v>41</v>
      </c>
      <c r="AF36207">
        <v>42</v>
      </c>
      <c r="AG36207">
        <v>42</v>
      </c>
      <c r="AH36207">
        <v>42</v>
      </c>
      <c r="AI36207">
        <v>43</v>
      </c>
      <c r="AJ36207">
        <v>43</v>
      </c>
      <c r="AK36207">
        <v>44</v>
      </c>
      <c r="AL36207">
        <v>44</v>
      </c>
      <c r="AM36207">
        <v>45</v>
      </c>
      <c r="AN36207">
        <v>45</v>
      </c>
      <c r="AO36207">
        <v>45</v>
      </c>
      <c r="AP36207">
        <v>46</v>
      </c>
      <c r="AQ36207">
        <v>46</v>
      </c>
    </row>
    <row r="36208" spans="1:43">
      <c r="A36208" t="s">
        <v>22449</v>
      </c>
      <c r="B36208" t="s">
        <v>22450</v>
      </c>
      <c r="C36208" t="s">
        <v>22429</v>
      </c>
      <c r="D36208" t="s">
        <v>22430</v>
      </c>
      <c r="E36208" t="s">
        <v>22205</v>
      </c>
      <c r="F36208" t="s">
        <v>22206</v>
      </c>
      <c r="G36208" t="s">
        <v>20255</v>
      </c>
      <c r="H36208" t="s">
        <v>20256</v>
      </c>
      <c r="I36208" s="2">
        <v>0.9</v>
      </c>
      <c r="J36208" s="2">
        <v>0</v>
      </c>
      <c r="K36208" s="2">
        <v>0</v>
      </c>
      <c r="L36208" t="s">
        <v>120</v>
      </c>
      <c r="M36208" t="s">
        <v>89</v>
      </c>
      <c r="N36208" t="s">
        <v>90</v>
      </c>
      <c r="O36208" t="s">
        <v>85</v>
      </c>
      <c r="P36208" t="s">
        <v>86</v>
      </c>
      <c r="Q36208">
        <v>36</v>
      </c>
      <c r="R36208">
        <v>37</v>
      </c>
      <c r="S36208">
        <v>38</v>
      </c>
      <c r="T36208">
        <v>40</v>
      </c>
      <c r="U36208">
        <v>40</v>
      </c>
      <c r="V36208">
        <v>41</v>
      </c>
      <c r="W36208">
        <v>42</v>
      </c>
      <c r="X36208">
        <v>43</v>
      </c>
      <c r="Y36208">
        <v>44</v>
      </c>
      <c r="Z36208">
        <v>45</v>
      </c>
      <c r="AA36208">
        <v>46</v>
      </c>
      <c r="AB36208">
        <v>47</v>
      </c>
      <c r="AC36208">
        <v>48</v>
      </c>
      <c r="AD36208">
        <v>49</v>
      </c>
      <c r="AE36208">
        <v>49</v>
      </c>
      <c r="AF36208">
        <v>50</v>
      </c>
      <c r="AG36208">
        <v>50</v>
      </c>
      <c r="AH36208">
        <v>51</v>
      </c>
      <c r="AI36208">
        <v>51</v>
      </c>
      <c r="AJ36208">
        <v>51</v>
      </c>
      <c r="AK36208">
        <v>52</v>
      </c>
      <c r="AL36208">
        <v>52</v>
      </c>
      <c r="AM36208">
        <v>52</v>
      </c>
      <c r="AN36208">
        <v>53</v>
      </c>
      <c r="AO36208">
        <v>53</v>
      </c>
      <c r="AP36208">
        <v>54</v>
      </c>
      <c r="AQ36208">
        <v>54</v>
      </c>
    </row>
    <row r="36209" spans="1:43">
      <c r="A36209" t="s">
        <v>22449</v>
      </c>
      <c r="B36209" t="s">
        <v>22450</v>
      </c>
      <c r="C36209" t="s">
        <v>22429</v>
      </c>
      <c r="D36209" t="s">
        <v>22430</v>
      </c>
      <c r="E36209" t="s">
        <v>22205</v>
      </c>
      <c r="F36209" t="s">
        <v>22206</v>
      </c>
      <c r="G36209" t="s">
        <v>20255</v>
      </c>
      <c r="H36209" t="s">
        <v>20256</v>
      </c>
      <c r="I36209" s="2">
        <v>0.9</v>
      </c>
      <c r="J36209" s="2">
        <v>0</v>
      </c>
      <c r="K36209" s="2">
        <v>0</v>
      </c>
      <c r="L36209" t="s">
        <v>120</v>
      </c>
      <c r="M36209" t="s">
        <v>83</v>
      </c>
      <c r="N36209" t="s">
        <v>91</v>
      </c>
      <c r="O36209" t="s">
        <v>85</v>
      </c>
      <c r="P36209" t="s">
        <v>86</v>
      </c>
      <c r="Q36209">
        <v>36</v>
      </c>
      <c r="R36209">
        <v>37</v>
      </c>
      <c r="S36209">
        <v>38</v>
      </c>
      <c r="T36209">
        <v>38</v>
      </c>
      <c r="U36209">
        <v>39</v>
      </c>
      <c r="V36209">
        <v>40</v>
      </c>
      <c r="W36209">
        <v>40</v>
      </c>
      <c r="X36209">
        <v>41</v>
      </c>
      <c r="Y36209">
        <v>42</v>
      </c>
      <c r="Z36209">
        <v>43</v>
      </c>
      <c r="AA36209">
        <v>43</v>
      </c>
      <c r="AB36209">
        <v>44</v>
      </c>
      <c r="AC36209">
        <v>45</v>
      </c>
      <c r="AD36209">
        <v>45</v>
      </c>
      <c r="AE36209">
        <v>46</v>
      </c>
      <c r="AF36209">
        <v>47</v>
      </c>
      <c r="AG36209">
        <v>48</v>
      </c>
      <c r="AH36209">
        <v>48</v>
      </c>
      <c r="AI36209">
        <v>49</v>
      </c>
      <c r="AJ36209">
        <v>50</v>
      </c>
      <c r="AK36209">
        <v>51</v>
      </c>
      <c r="AL36209">
        <v>51</v>
      </c>
      <c r="AM36209">
        <v>52</v>
      </c>
      <c r="AN36209">
        <v>52</v>
      </c>
      <c r="AO36209">
        <v>53</v>
      </c>
      <c r="AP36209">
        <v>53</v>
      </c>
      <c r="AQ36209">
        <v>53</v>
      </c>
    </row>
    <row r="36210" spans="1:43">
      <c r="A36210" t="s">
        <v>22451</v>
      </c>
      <c r="B36210" t="s">
        <v>22452</v>
      </c>
      <c r="C36210" t="s">
        <v>22453</v>
      </c>
      <c r="D36210" t="s">
        <v>22454</v>
      </c>
      <c r="E36210" t="s">
        <v>22205</v>
      </c>
      <c r="F36210" t="s">
        <v>22206</v>
      </c>
      <c r="G36210" t="s">
        <v>20255</v>
      </c>
      <c r="H36210" t="s">
        <v>20256</v>
      </c>
      <c r="I36210" s="2">
        <v>1</v>
      </c>
      <c r="J36210" s="2">
        <v>0</v>
      </c>
      <c r="K36210" s="2">
        <v>0</v>
      </c>
      <c r="L36210" t="s">
        <v>120</v>
      </c>
      <c r="M36210" t="s">
        <v>83</v>
      </c>
      <c r="N36210" t="s">
        <v>84</v>
      </c>
      <c r="O36210" t="s">
        <v>85</v>
      </c>
      <c r="P36210" t="s">
        <v>86</v>
      </c>
      <c r="Q36210">
        <v>21</v>
      </c>
      <c r="R36210">
        <v>21</v>
      </c>
      <c r="S36210">
        <v>22</v>
      </c>
      <c r="T36210">
        <v>22</v>
      </c>
      <c r="U36210">
        <v>23</v>
      </c>
      <c r="V36210">
        <v>23</v>
      </c>
      <c r="W36210">
        <v>23</v>
      </c>
      <c r="X36210">
        <v>24</v>
      </c>
      <c r="Y36210">
        <v>24</v>
      </c>
      <c r="Z36210">
        <v>25</v>
      </c>
      <c r="AA36210">
        <v>25</v>
      </c>
      <c r="AB36210">
        <v>26</v>
      </c>
      <c r="AC36210">
        <v>26</v>
      </c>
      <c r="AD36210">
        <v>26</v>
      </c>
      <c r="AE36210">
        <v>27</v>
      </c>
      <c r="AF36210">
        <v>27</v>
      </c>
      <c r="AG36210">
        <v>28</v>
      </c>
      <c r="AH36210">
        <v>28</v>
      </c>
      <c r="AI36210">
        <v>29</v>
      </c>
      <c r="AJ36210">
        <v>29</v>
      </c>
      <c r="AK36210">
        <v>29</v>
      </c>
      <c r="AL36210">
        <v>30</v>
      </c>
      <c r="AM36210">
        <v>30</v>
      </c>
      <c r="AN36210">
        <v>30</v>
      </c>
      <c r="AO36210">
        <v>30</v>
      </c>
      <c r="AP36210">
        <v>31</v>
      </c>
      <c r="AQ36210">
        <v>31</v>
      </c>
    </row>
    <row r="36211" spans="1:43">
      <c r="A36211" t="s">
        <v>22451</v>
      </c>
      <c r="B36211" t="s">
        <v>22452</v>
      </c>
      <c r="C36211" t="s">
        <v>22453</v>
      </c>
      <c r="D36211" t="s">
        <v>22454</v>
      </c>
      <c r="E36211" t="s">
        <v>22205</v>
      </c>
      <c r="F36211" t="s">
        <v>22206</v>
      </c>
      <c r="G36211" t="s">
        <v>20255</v>
      </c>
      <c r="H36211" t="s">
        <v>20256</v>
      </c>
      <c r="I36211" s="2">
        <v>1</v>
      </c>
      <c r="J36211" s="2">
        <v>0</v>
      </c>
      <c r="K36211" s="2">
        <v>0</v>
      </c>
      <c r="L36211" t="s">
        <v>120</v>
      </c>
      <c r="M36211" t="s">
        <v>87</v>
      </c>
      <c r="N36211" t="s">
        <v>88</v>
      </c>
      <c r="O36211" t="s">
        <v>85</v>
      </c>
      <c r="P36211" t="s">
        <v>86</v>
      </c>
      <c r="Q36211">
        <v>21</v>
      </c>
      <c r="R36211">
        <v>21</v>
      </c>
      <c r="S36211">
        <v>21</v>
      </c>
      <c r="T36211">
        <v>21</v>
      </c>
      <c r="U36211">
        <v>22</v>
      </c>
      <c r="V36211">
        <v>22</v>
      </c>
      <c r="W36211">
        <v>22</v>
      </c>
      <c r="X36211">
        <v>22</v>
      </c>
      <c r="Y36211">
        <v>22</v>
      </c>
      <c r="Z36211">
        <v>23</v>
      </c>
      <c r="AA36211">
        <v>23</v>
      </c>
      <c r="AB36211">
        <v>23</v>
      </c>
      <c r="AC36211">
        <v>23</v>
      </c>
      <c r="AD36211">
        <v>24</v>
      </c>
      <c r="AE36211">
        <v>24</v>
      </c>
      <c r="AF36211">
        <v>24</v>
      </c>
      <c r="AG36211">
        <v>24</v>
      </c>
      <c r="AH36211">
        <v>25</v>
      </c>
      <c r="AI36211">
        <v>25</v>
      </c>
      <c r="AJ36211">
        <v>25</v>
      </c>
      <c r="AK36211">
        <v>25</v>
      </c>
      <c r="AL36211">
        <v>26</v>
      </c>
      <c r="AM36211">
        <v>26</v>
      </c>
      <c r="AN36211">
        <v>26</v>
      </c>
      <c r="AO36211">
        <v>26</v>
      </c>
      <c r="AP36211">
        <v>27</v>
      </c>
      <c r="AQ36211">
        <v>27</v>
      </c>
    </row>
    <row r="36212" spans="1:43">
      <c r="A36212" t="s">
        <v>22451</v>
      </c>
      <c r="B36212" t="s">
        <v>22452</v>
      </c>
      <c r="C36212" t="s">
        <v>22453</v>
      </c>
      <c r="D36212" t="s">
        <v>22454</v>
      </c>
      <c r="E36212" t="s">
        <v>22205</v>
      </c>
      <c r="F36212" t="s">
        <v>22206</v>
      </c>
      <c r="G36212" t="s">
        <v>20255</v>
      </c>
      <c r="H36212" t="s">
        <v>20256</v>
      </c>
      <c r="I36212" s="2">
        <v>1</v>
      </c>
      <c r="J36212" s="2">
        <v>0</v>
      </c>
      <c r="K36212" s="2">
        <v>0</v>
      </c>
      <c r="L36212" t="s">
        <v>120</v>
      </c>
      <c r="M36212" t="s">
        <v>89</v>
      </c>
      <c r="N36212" t="s">
        <v>90</v>
      </c>
      <c r="O36212" t="s">
        <v>85</v>
      </c>
      <c r="P36212" t="s">
        <v>86</v>
      </c>
      <c r="Q36212">
        <v>21</v>
      </c>
      <c r="R36212">
        <v>22</v>
      </c>
      <c r="S36212">
        <v>22</v>
      </c>
      <c r="T36212">
        <v>23</v>
      </c>
      <c r="U36212">
        <v>24</v>
      </c>
      <c r="V36212">
        <v>24</v>
      </c>
      <c r="W36212">
        <v>25</v>
      </c>
      <c r="X36212">
        <v>25</v>
      </c>
      <c r="Y36212">
        <v>26</v>
      </c>
      <c r="Z36212">
        <v>26</v>
      </c>
      <c r="AA36212">
        <v>27</v>
      </c>
      <c r="AB36212">
        <v>27</v>
      </c>
      <c r="AC36212">
        <v>28</v>
      </c>
      <c r="AD36212">
        <v>28</v>
      </c>
      <c r="AE36212">
        <v>29</v>
      </c>
      <c r="AF36212">
        <v>29</v>
      </c>
      <c r="AG36212">
        <v>29</v>
      </c>
      <c r="AH36212">
        <v>29</v>
      </c>
      <c r="AI36212">
        <v>30</v>
      </c>
      <c r="AJ36212">
        <v>30</v>
      </c>
      <c r="AK36212">
        <v>30</v>
      </c>
      <c r="AL36212">
        <v>30</v>
      </c>
      <c r="AM36212">
        <v>30</v>
      </c>
      <c r="AN36212">
        <v>31</v>
      </c>
      <c r="AO36212">
        <v>31</v>
      </c>
      <c r="AP36212">
        <v>31</v>
      </c>
      <c r="AQ36212">
        <v>31</v>
      </c>
    </row>
    <row r="36213" spans="1:43">
      <c r="A36213" t="s">
        <v>22451</v>
      </c>
      <c r="B36213" t="s">
        <v>22452</v>
      </c>
      <c r="C36213" t="s">
        <v>22453</v>
      </c>
      <c r="D36213" t="s">
        <v>22454</v>
      </c>
      <c r="E36213" t="s">
        <v>22205</v>
      </c>
      <c r="F36213" t="s">
        <v>22206</v>
      </c>
      <c r="G36213" t="s">
        <v>20255</v>
      </c>
      <c r="H36213" t="s">
        <v>20256</v>
      </c>
      <c r="I36213" s="2">
        <v>1</v>
      </c>
      <c r="J36213" s="2">
        <v>0</v>
      </c>
      <c r="K36213" s="2">
        <v>0</v>
      </c>
      <c r="L36213" t="s">
        <v>120</v>
      </c>
      <c r="M36213" t="s">
        <v>83</v>
      </c>
      <c r="N36213" t="s">
        <v>91</v>
      </c>
      <c r="O36213" t="s">
        <v>85</v>
      </c>
      <c r="P36213" t="s">
        <v>86</v>
      </c>
      <c r="Q36213">
        <v>21</v>
      </c>
      <c r="R36213">
        <v>21</v>
      </c>
      <c r="S36213">
        <v>22</v>
      </c>
      <c r="T36213">
        <v>22</v>
      </c>
      <c r="U36213">
        <v>23</v>
      </c>
      <c r="V36213">
        <v>23</v>
      </c>
      <c r="W36213">
        <v>23</v>
      </c>
      <c r="X36213">
        <v>24</v>
      </c>
      <c r="Y36213">
        <v>24</v>
      </c>
      <c r="Z36213">
        <v>25</v>
      </c>
      <c r="AA36213">
        <v>25</v>
      </c>
      <c r="AB36213">
        <v>26</v>
      </c>
      <c r="AC36213">
        <v>26</v>
      </c>
      <c r="AD36213">
        <v>26</v>
      </c>
      <c r="AE36213">
        <v>27</v>
      </c>
      <c r="AF36213">
        <v>27</v>
      </c>
      <c r="AG36213">
        <v>28</v>
      </c>
      <c r="AH36213">
        <v>28</v>
      </c>
      <c r="AI36213">
        <v>29</v>
      </c>
      <c r="AJ36213">
        <v>29</v>
      </c>
      <c r="AK36213">
        <v>29</v>
      </c>
      <c r="AL36213">
        <v>30</v>
      </c>
      <c r="AM36213">
        <v>30</v>
      </c>
      <c r="AN36213">
        <v>30</v>
      </c>
      <c r="AO36213">
        <v>30</v>
      </c>
      <c r="AP36213">
        <v>31</v>
      </c>
      <c r="AQ36213">
        <v>31</v>
      </c>
    </row>
    <row r="36214" spans="1:43">
      <c r="A36214" t="s">
        <v>22455</v>
      </c>
      <c r="B36214" t="s">
        <v>22456</v>
      </c>
      <c r="C36214" t="s">
        <v>22429</v>
      </c>
      <c r="D36214" t="s">
        <v>22430</v>
      </c>
      <c r="E36214" t="s">
        <v>22205</v>
      </c>
      <c r="F36214" t="s">
        <v>22206</v>
      </c>
      <c r="G36214" t="s">
        <v>20255</v>
      </c>
      <c r="H36214" t="s">
        <v>20256</v>
      </c>
      <c r="I36214" s="2">
        <v>1</v>
      </c>
      <c r="J36214" s="2">
        <v>0</v>
      </c>
      <c r="K36214" s="2">
        <v>0</v>
      </c>
      <c r="L36214" t="s">
        <v>120</v>
      </c>
      <c r="M36214" t="s">
        <v>83</v>
      </c>
      <c r="N36214" t="s">
        <v>84</v>
      </c>
      <c r="O36214" t="s">
        <v>85</v>
      </c>
      <c r="P36214" t="s">
        <v>86</v>
      </c>
      <c r="Q36214">
        <v>93</v>
      </c>
      <c r="R36214">
        <v>95</v>
      </c>
      <c r="S36214">
        <v>97</v>
      </c>
      <c r="T36214">
        <v>98</v>
      </c>
      <c r="U36214">
        <v>100</v>
      </c>
      <c r="V36214">
        <v>102</v>
      </c>
      <c r="W36214">
        <v>104</v>
      </c>
      <c r="X36214">
        <v>106</v>
      </c>
      <c r="Y36214">
        <v>108</v>
      </c>
      <c r="Z36214">
        <v>110</v>
      </c>
      <c r="AA36214">
        <v>111</v>
      </c>
      <c r="AB36214">
        <v>113</v>
      </c>
      <c r="AC36214">
        <v>115</v>
      </c>
      <c r="AD36214">
        <v>117</v>
      </c>
      <c r="AE36214">
        <v>119</v>
      </c>
      <c r="AF36214">
        <v>121</v>
      </c>
      <c r="AG36214">
        <v>123</v>
      </c>
      <c r="AH36214">
        <v>125</v>
      </c>
      <c r="AI36214">
        <v>127</v>
      </c>
      <c r="AJ36214">
        <v>129</v>
      </c>
      <c r="AK36214">
        <v>131</v>
      </c>
      <c r="AL36214">
        <v>132</v>
      </c>
      <c r="AM36214">
        <v>133</v>
      </c>
      <c r="AN36214">
        <v>134</v>
      </c>
      <c r="AO36214">
        <v>135</v>
      </c>
      <c r="AP36214">
        <v>136</v>
      </c>
      <c r="AQ36214">
        <v>137</v>
      </c>
    </row>
    <row r="36215" spans="1:43">
      <c r="A36215" t="s">
        <v>22455</v>
      </c>
      <c r="B36215" t="s">
        <v>22456</v>
      </c>
      <c r="C36215" t="s">
        <v>22429</v>
      </c>
      <c r="D36215" t="s">
        <v>22430</v>
      </c>
      <c r="E36215" t="s">
        <v>22205</v>
      </c>
      <c r="F36215" t="s">
        <v>22206</v>
      </c>
      <c r="G36215" t="s">
        <v>20255</v>
      </c>
      <c r="H36215" t="s">
        <v>20256</v>
      </c>
      <c r="I36215" s="2">
        <v>1</v>
      </c>
      <c r="J36215" s="2">
        <v>0</v>
      </c>
      <c r="K36215" s="2">
        <v>0</v>
      </c>
      <c r="L36215" t="s">
        <v>120</v>
      </c>
      <c r="M36215" t="s">
        <v>87</v>
      </c>
      <c r="N36215" t="s">
        <v>88</v>
      </c>
      <c r="O36215" t="s">
        <v>85</v>
      </c>
      <c r="P36215" t="s">
        <v>86</v>
      </c>
      <c r="Q36215">
        <v>93</v>
      </c>
      <c r="R36215">
        <v>94</v>
      </c>
      <c r="S36215">
        <v>95</v>
      </c>
      <c r="T36215">
        <v>96</v>
      </c>
      <c r="U36215">
        <v>97</v>
      </c>
      <c r="V36215">
        <v>98</v>
      </c>
      <c r="W36215">
        <v>99</v>
      </c>
      <c r="X36215">
        <v>100</v>
      </c>
      <c r="Y36215">
        <v>101</v>
      </c>
      <c r="Z36215">
        <v>102</v>
      </c>
      <c r="AA36215">
        <v>103</v>
      </c>
      <c r="AB36215">
        <v>104</v>
      </c>
      <c r="AC36215">
        <v>105</v>
      </c>
      <c r="AD36215">
        <v>106</v>
      </c>
      <c r="AE36215">
        <v>107</v>
      </c>
      <c r="AF36215">
        <v>108</v>
      </c>
      <c r="AG36215">
        <v>109</v>
      </c>
      <c r="AH36215">
        <v>110</v>
      </c>
      <c r="AI36215">
        <v>111</v>
      </c>
      <c r="AJ36215">
        <v>112</v>
      </c>
      <c r="AK36215">
        <v>113</v>
      </c>
      <c r="AL36215">
        <v>114</v>
      </c>
      <c r="AM36215">
        <v>116</v>
      </c>
      <c r="AN36215">
        <v>117</v>
      </c>
      <c r="AO36215">
        <v>118</v>
      </c>
      <c r="AP36215">
        <v>119</v>
      </c>
      <c r="AQ36215">
        <v>120</v>
      </c>
    </row>
    <row r="36216" spans="1:43">
      <c r="A36216" t="s">
        <v>22455</v>
      </c>
      <c r="B36216" t="s">
        <v>22456</v>
      </c>
      <c r="C36216" t="s">
        <v>22429</v>
      </c>
      <c r="D36216" t="s">
        <v>22430</v>
      </c>
      <c r="E36216" t="s">
        <v>22205</v>
      </c>
      <c r="F36216" t="s">
        <v>22206</v>
      </c>
      <c r="G36216" t="s">
        <v>20255</v>
      </c>
      <c r="H36216" t="s">
        <v>20256</v>
      </c>
      <c r="I36216" s="2">
        <v>1</v>
      </c>
      <c r="J36216" s="2">
        <v>0</v>
      </c>
      <c r="K36216" s="2">
        <v>0</v>
      </c>
      <c r="L36216" t="s">
        <v>120</v>
      </c>
      <c r="M36216" t="s">
        <v>89</v>
      </c>
      <c r="N36216" t="s">
        <v>90</v>
      </c>
      <c r="O36216" t="s">
        <v>85</v>
      </c>
      <c r="P36216" t="s">
        <v>86</v>
      </c>
      <c r="Q36216">
        <v>93</v>
      </c>
      <c r="R36216">
        <v>95</v>
      </c>
      <c r="S36216">
        <v>98</v>
      </c>
      <c r="T36216">
        <v>101</v>
      </c>
      <c r="U36216">
        <v>103</v>
      </c>
      <c r="V36216">
        <v>106</v>
      </c>
      <c r="W36216">
        <v>108</v>
      </c>
      <c r="X36216">
        <v>110</v>
      </c>
      <c r="Y36216">
        <v>113</v>
      </c>
      <c r="Z36216">
        <v>115</v>
      </c>
      <c r="AA36216">
        <v>117</v>
      </c>
      <c r="AB36216">
        <v>119</v>
      </c>
      <c r="AC36216">
        <v>122</v>
      </c>
      <c r="AD36216">
        <v>124</v>
      </c>
      <c r="AE36216">
        <v>126</v>
      </c>
      <c r="AF36216">
        <v>127</v>
      </c>
      <c r="AG36216">
        <v>128</v>
      </c>
      <c r="AH36216">
        <v>129</v>
      </c>
      <c r="AI36216">
        <v>130</v>
      </c>
      <c r="AJ36216">
        <v>131</v>
      </c>
      <c r="AK36216">
        <v>132</v>
      </c>
      <c r="AL36216">
        <v>133</v>
      </c>
      <c r="AM36216">
        <v>134</v>
      </c>
      <c r="AN36216">
        <v>135</v>
      </c>
      <c r="AO36216">
        <v>136</v>
      </c>
      <c r="AP36216">
        <v>137</v>
      </c>
      <c r="AQ36216">
        <v>138</v>
      </c>
    </row>
    <row r="36217" spans="1:43">
      <c r="A36217" t="s">
        <v>22455</v>
      </c>
      <c r="B36217" t="s">
        <v>22456</v>
      </c>
      <c r="C36217" t="s">
        <v>22429</v>
      </c>
      <c r="D36217" t="s">
        <v>22430</v>
      </c>
      <c r="E36217" t="s">
        <v>22205</v>
      </c>
      <c r="F36217" t="s">
        <v>22206</v>
      </c>
      <c r="G36217" t="s">
        <v>20255</v>
      </c>
      <c r="H36217" t="s">
        <v>20256</v>
      </c>
      <c r="I36217" s="2">
        <v>1</v>
      </c>
      <c r="J36217" s="2">
        <v>0</v>
      </c>
      <c r="K36217" s="2">
        <v>0</v>
      </c>
      <c r="L36217" t="s">
        <v>120</v>
      </c>
      <c r="M36217" t="s">
        <v>83</v>
      </c>
      <c r="N36217" t="s">
        <v>91</v>
      </c>
      <c r="O36217" t="s">
        <v>85</v>
      </c>
      <c r="P36217" t="s">
        <v>86</v>
      </c>
      <c r="Q36217">
        <v>93</v>
      </c>
      <c r="R36217">
        <v>95</v>
      </c>
      <c r="S36217">
        <v>97</v>
      </c>
      <c r="T36217">
        <v>98</v>
      </c>
      <c r="U36217">
        <v>100</v>
      </c>
      <c r="V36217">
        <v>102</v>
      </c>
      <c r="W36217">
        <v>104</v>
      </c>
      <c r="X36217">
        <v>106</v>
      </c>
      <c r="Y36217">
        <v>108</v>
      </c>
      <c r="Z36217">
        <v>110</v>
      </c>
      <c r="AA36217">
        <v>111</v>
      </c>
      <c r="AB36217">
        <v>113</v>
      </c>
      <c r="AC36217">
        <v>115</v>
      </c>
      <c r="AD36217">
        <v>117</v>
      </c>
      <c r="AE36217">
        <v>119</v>
      </c>
      <c r="AF36217">
        <v>121</v>
      </c>
      <c r="AG36217">
        <v>123</v>
      </c>
      <c r="AH36217">
        <v>125</v>
      </c>
      <c r="AI36217">
        <v>127</v>
      </c>
      <c r="AJ36217">
        <v>129</v>
      </c>
      <c r="AK36217">
        <v>131</v>
      </c>
      <c r="AL36217">
        <v>132</v>
      </c>
      <c r="AM36217">
        <v>133</v>
      </c>
      <c r="AN36217">
        <v>134</v>
      </c>
      <c r="AO36217">
        <v>135</v>
      </c>
      <c r="AP36217">
        <v>136</v>
      </c>
      <c r="AQ36217">
        <v>137</v>
      </c>
    </row>
    <row r="36218" spans="1:43">
      <c r="A36218" t="s">
        <v>22457</v>
      </c>
      <c r="B36218" t="s">
        <v>22458</v>
      </c>
      <c r="C36218" t="s">
        <v>22411</v>
      </c>
      <c r="D36218" t="s">
        <v>22412</v>
      </c>
      <c r="E36218" t="s">
        <v>22205</v>
      </c>
      <c r="F36218" t="s">
        <v>22206</v>
      </c>
      <c r="G36218" t="s">
        <v>20255</v>
      </c>
      <c r="H36218" t="s">
        <v>20256</v>
      </c>
      <c r="I36218" s="2">
        <v>1</v>
      </c>
      <c r="J36218" s="2">
        <v>0</v>
      </c>
      <c r="K36218" s="2">
        <v>0</v>
      </c>
      <c r="L36218" t="s">
        <v>120</v>
      </c>
      <c r="M36218" t="s">
        <v>83</v>
      </c>
      <c r="N36218" t="s">
        <v>84</v>
      </c>
      <c r="O36218" t="s">
        <v>85</v>
      </c>
      <c r="P36218" t="s">
        <v>86</v>
      </c>
      <c r="Q36218">
        <v>22</v>
      </c>
      <c r="R36218">
        <v>22</v>
      </c>
      <c r="S36218">
        <v>23</v>
      </c>
      <c r="T36218">
        <v>23</v>
      </c>
      <c r="U36218">
        <v>24</v>
      </c>
      <c r="V36218">
        <v>24</v>
      </c>
      <c r="W36218">
        <v>24</v>
      </c>
      <c r="X36218">
        <v>25</v>
      </c>
      <c r="Y36218">
        <v>25</v>
      </c>
      <c r="Z36218">
        <v>26</v>
      </c>
      <c r="AA36218">
        <v>26</v>
      </c>
      <c r="AB36218">
        <v>26</v>
      </c>
      <c r="AC36218">
        <v>27</v>
      </c>
      <c r="AD36218">
        <v>27</v>
      </c>
      <c r="AE36218">
        <v>28</v>
      </c>
      <c r="AF36218">
        <v>28</v>
      </c>
      <c r="AG36218">
        <v>29</v>
      </c>
      <c r="AH36218">
        <v>29</v>
      </c>
      <c r="AI36218">
        <v>29</v>
      </c>
      <c r="AJ36218">
        <v>30</v>
      </c>
      <c r="AK36218">
        <v>30</v>
      </c>
      <c r="AL36218">
        <v>31</v>
      </c>
      <c r="AM36218">
        <v>31</v>
      </c>
      <c r="AN36218">
        <v>31</v>
      </c>
      <c r="AO36218">
        <v>31</v>
      </c>
      <c r="AP36218">
        <v>31</v>
      </c>
      <c r="AQ36218">
        <v>32</v>
      </c>
    </row>
    <row r="36219" spans="1:43">
      <c r="A36219" t="s">
        <v>22457</v>
      </c>
      <c r="B36219" t="s">
        <v>22458</v>
      </c>
      <c r="C36219" t="s">
        <v>22411</v>
      </c>
      <c r="D36219" t="s">
        <v>22412</v>
      </c>
      <c r="E36219" t="s">
        <v>22205</v>
      </c>
      <c r="F36219" t="s">
        <v>22206</v>
      </c>
      <c r="G36219" t="s">
        <v>20255</v>
      </c>
      <c r="H36219" t="s">
        <v>20256</v>
      </c>
      <c r="I36219" s="2">
        <v>1</v>
      </c>
      <c r="J36219" s="2">
        <v>0</v>
      </c>
      <c r="K36219" s="2">
        <v>0</v>
      </c>
      <c r="L36219" t="s">
        <v>120</v>
      </c>
      <c r="M36219" t="s">
        <v>87</v>
      </c>
      <c r="N36219" t="s">
        <v>88</v>
      </c>
      <c r="O36219" t="s">
        <v>85</v>
      </c>
      <c r="P36219" t="s">
        <v>86</v>
      </c>
      <c r="Q36219">
        <v>22</v>
      </c>
      <c r="R36219">
        <v>22</v>
      </c>
      <c r="S36219">
        <v>22</v>
      </c>
      <c r="T36219">
        <v>22</v>
      </c>
      <c r="U36219">
        <v>23</v>
      </c>
      <c r="V36219">
        <v>23</v>
      </c>
      <c r="W36219">
        <v>23</v>
      </c>
      <c r="X36219">
        <v>23</v>
      </c>
      <c r="Y36219">
        <v>23</v>
      </c>
      <c r="Z36219">
        <v>23</v>
      </c>
      <c r="AA36219">
        <v>24</v>
      </c>
      <c r="AB36219">
        <v>24</v>
      </c>
      <c r="AC36219">
        <v>24</v>
      </c>
      <c r="AD36219">
        <v>24</v>
      </c>
      <c r="AE36219">
        <v>24</v>
      </c>
      <c r="AF36219">
        <v>25</v>
      </c>
      <c r="AG36219">
        <v>25</v>
      </c>
      <c r="AH36219">
        <v>25</v>
      </c>
      <c r="AI36219">
        <v>25</v>
      </c>
      <c r="AJ36219">
        <v>26</v>
      </c>
      <c r="AK36219">
        <v>26</v>
      </c>
      <c r="AL36219">
        <v>26</v>
      </c>
      <c r="AM36219">
        <v>26</v>
      </c>
      <c r="AN36219">
        <v>26</v>
      </c>
      <c r="AO36219">
        <v>27</v>
      </c>
      <c r="AP36219">
        <v>27</v>
      </c>
      <c r="AQ36219">
        <v>27</v>
      </c>
    </row>
    <row r="36220" spans="1:43">
      <c r="A36220" t="s">
        <v>22457</v>
      </c>
      <c r="B36220" t="s">
        <v>22458</v>
      </c>
      <c r="C36220" t="s">
        <v>22411</v>
      </c>
      <c r="D36220" t="s">
        <v>22412</v>
      </c>
      <c r="E36220" t="s">
        <v>22205</v>
      </c>
      <c r="F36220" t="s">
        <v>22206</v>
      </c>
      <c r="G36220" t="s">
        <v>20255</v>
      </c>
      <c r="H36220" t="s">
        <v>20256</v>
      </c>
      <c r="I36220" s="2">
        <v>1</v>
      </c>
      <c r="J36220" s="2">
        <v>0</v>
      </c>
      <c r="K36220" s="2">
        <v>0</v>
      </c>
      <c r="L36220" t="s">
        <v>120</v>
      </c>
      <c r="M36220" t="s">
        <v>89</v>
      </c>
      <c r="N36220" t="s">
        <v>90</v>
      </c>
      <c r="O36220" t="s">
        <v>85</v>
      </c>
      <c r="P36220" t="s">
        <v>86</v>
      </c>
      <c r="Q36220">
        <v>22</v>
      </c>
      <c r="R36220">
        <v>23</v>
      </c>
      <c r="S36220">
        <v>23</v>
      </c>
      <c r="T36220">
        <v>24</v>
      </c>
      <c r="U36220">
        <v>24</v>
      </c>
      <c r="V36220">
        <v>25</v>
      </c>
      <c r="W36220">
        <v>26</v>
      </c>
      <c r="X36220">
        <v>26</v>
      </c>
      <c r="Y36220">
        <v>27</v>
      </c>
      <c r="Z36220">
        <v>27</v>
      </c>
      <c r="AA36220">
        <v>28</v>
      </c>
      <c r="AB36220">
        <v>28</v>
      </c>
      <c r="AC36220">
        <v>29</v>
      </c>
      <c r="AD36220">
        <v>29</v>
      </c>
      <c r="AE36220">
        <v>30</v>
      </c>
      <c r="AF36220">
        <v>30</v>
      </c>
      <c r="AG36220">
        <v>30</v>
      </c>
      <c r="AH36220">
        <v>30</v>
      </c>
      <c r="AI36220">
        <v>30</v>
      </c>
      <c r="AJ36220">
        <v>31</v>
      </c>
      <c r="AK36220">
        <v>31</v>
      </c>
      <c r="AL36220">
        <v>31</v>
      </c>
      <c r="AM36220">
        <v>31</v>
      </c>
      <c r="AN36220">
        <v>31</v>
      </c>
      <c r="AO36220">
        <v>31</v>
      </c>
      <c r="AP36220">
        <v>32</v>
      </c>
      <c r="AQ36220">
        <v>32</v>
      </c>
    </row>
    <row r="36221" spans="1:43">
      <c r="A36221" t="s">
        <v>22457</v>
      </c>
      <c r="B36221" t="s">
        <v>22458</v>
      </c>
      <c r="C36221" t="s">
        <v>22411</v>
      </c>
      <c r="D36221" t="s">
        <v>22412</v>
      </c>
      <c r="E36221" t="s">
        <v>22205</v>
      </c>
      <c r="F36221" t="s">
        <v>22206</v>
      </c>
      <c r="G36221" t="s">
        <v>20255</v>
      </c>
      <c r="H36221" t="s">
        <v>20256</v>
      </c>
      <c r="I36221" s="2">
        <v>1</v>
      </c>
      <c r="J36221" s="2">
        <v>0</v>
      </c>
      <c r="K36221" s="2">
        <v>0</v>
      </c>
      <c r="L36221" t="s">
        <v>120</v>
      </c>
      <c r="M36221" t="s">
        <v>83</v>
      </c>
      <c r="N36221" t="s">
        <v>91</v>
      </c>
      <c r="O36221" t="s">
        <v>85</v>
      </c>
      <c r="P36221" t="s">
        <v>86</v>
      </c>
      <c r="Q36221">
        <v>22</v>
      </c>
      <c r="R36221">
        <v>22</v>
      </c>
      <c r="S36221">
        <v>23</v>
      </c>
      <c r="T36221">
        <v>23</v>
      </c>
      <c r="U36221">
        <v>24</v>
      </c>
      <c r="V36221">
        <v>24</v>
      </c>
      <c r="W36221">
        <v>24</v>
      </c>
      <c r="X36221">
        <v>25</v>
      </c>
      <c r="Y36221">
        <v>25</v>
      </c>
      <c r="Z36221">
        <v>26</v>
      </c>
      <c r="AA36221">
        <v>26</v>
      </c>
      <c r="AB36221">
        <v>26</v>
      </c>
      <c r="AC36221">
        <v>27</v>
      </c>
      <c r="AD36221">
        <v>27</v>
      </c>
      <c r="AE36221">
        <v>28</v>
      </c>
      <c r="AF36221">
        <v>28</v>
      </c>
      <c r="AG36221">
        <v>29</v>
      </c>
      <c r="AH36221">
        <v>29</v>
      </c>
      <c r="AI36221">
        <v>29</v>
      </c>
      <c r="AJ36221">
        <v>30</v>
      </c>
      <c r="AK36221">
        <v>30</v>
      </c>
      <c r="AL36221">
        <v>31</v>
      </c>
      <c r="AM36221">
        <v>31</v>
      </c>
      <c r="AN36221">
        <v>31</v>
      </c>
      <c r="AO36221">
        <v>31</v>
      </c>
      <c r="AP36221">
        <v>31</v>
      </c>
      <c r="AQ36221">
        <v>32</v>
      </c>
    </row>
    <row r="36222" spans="1:43">
      <c r="A36222" t="s">
        <v>22459</v>
      </c>
      <c r="B36222" t="s">
        <v>22460</v>
      </c>
      <c r="C36222" t="s">
        <v>22411</v>
      </c>
      <c r="D36222" t="s">
        <v>22412</v>
      </c>
      <c r="E36222" t="s">
        <v>22205</v>
      </c>
      <c r="F36222" t="s">
        <v>22206</v>
      </c>
      <c r="G36222" t="s">
        <v>20255</v>
      </c>
      <c r="H36222" t="s">
        <v>20256</v>
      </c>
      <c r="I36222" s="2">
        <v>1</v>
      </c>
      <c r="J36222" s="2">
        <v>0</v>
      </c>
      <c r="K36222" s="2">
        <v>0</v>
      </c>
      <c r="L36222" t="s">
        <v>120</v>
      </c>
      <c r="M36222" t="s">
        <v>83</v>
      </c>
      <c r="N36222" t="s">
        <v>84</v>
      </c>
      <c r="O36222" t="s">
        <v>85</v>
      </c>
      <c r="P36222" t="s">
        <v>86</v>
      </c>
      <c r="Q36222">
        <v>26</v>
      </c>
      <c r="R36222">
        <v>27</v>
      </c>
      <c r="S36222">
        <v>27</v>
      </c>
      <c r="T36222">
        <v>27</v>
      </c>
      <c r="U36222">
        <v>28</v>
      </c>
      <c r="V36222">
        <v>28</v>
      </c>
      <c r="W36222">
        <v>28</v>
      </c>
      <c r="X36222">
        <v>29</v>
      </c>
      <c r="Y36222">
        <v>29</v>
      </c>
      <c r="Z36222">
        <v>30</v>
      </c>
      <c r="AA36222">
        <v>30</v>
      </c>
      <c r="AB36222">
        <v>30</v>
      </c>
      <c r="AC36222">
        <v>31</v>
      </c>
      <c r="AD36222">
        <v>31</v>
      </c>
      <c r="AE36222">
        <v>31</v>
      </c>
      <c r="AF36222">
        <v>32</v>
      </c>
      <c r="AG36222">
        <v>32</v>
      </c>
      <c r="AH36222">
        <v>32</v>
      </c>
      <c r="AI36222">
        <v>33</v>
      </c>
      <c r="AJ36222">
        <v>33</v>
      </c>
      <c r="AK36222">
        <v>33</v>
      </c>
      <c r="AL36222">
        <v>33</v>
      </c>
      <c r="AM36222">
        <v>33</v>
      </c>
      <c r="AN36222">
        <v>33</v>
      </c>
      <c r="AO36222">
        <v>34</v>
      </c>
      <c r="AP36222">
        <v>34</v>
      </c>
      <c r="AQ36222">
        <v>34</v>
      </c>
    </row>
    <row r="36223" spans="1:43">
      <c r="A36223" t="s">
        <v>22459</v>
      </c>
      <c r="B36223" t="s">
        <v>22460</v>
      </c>
      <c r="C36223" t="s">
        <v>22411</v>
      </c>
      <c r="D36223" t="s">
        <v>22412</v>
      </c>
      <c r="E36223" t="s">
        <v>22205</v>
      </c>
      <c r="F36223" t="s">
        <v>22206</v>
      </c>
      <c r="G36223" t="s">
        <v>20255</v>
      </c>
      <c r="H36223" t="s">
        <v>20256</v>
      </c>
      <c r="I36223" s="2">
        <v>1</v>
      </c>
      <c r="J36223" s="2">
        <v>0</v>
      </c>
      <c r="K36223" s="2">
        <v>0</v>
      </c>
      <c r="L36223" t="s">
        <v>120</v>
      </c>
      <c r="M36223" t="s">
        <v>87</v>
      </c>
      <c r="N36223" t="s">
        <v>88</v>
      </c>
      <c r="O36223" t="s">
        <v>85</v>
      </c>
      <c r="P36223" t="s">
        <v>86</v>
      </c>
      <c r="Q36223">
        <v>26</v>
      </c>
      <c r="R36223">
        <v>26</v>
      </c>
      <c r="S36223">
        <v>26</v>
      </c>
      <c r="T36223">
        <v>26</v>
      </c>
      <c r="U36223">
        <v>27</v>
      </c>
      <c r="V36223">
        <v>27</v>
      </c>
      <c r="W36223">
        <v>27</v>
      </c>
      <c r="X36223">
        <v>27</v>
      </c>
      <c r="Y36223">
        <v>27</v>
      </c>
      <c r="Z36223">
        <v>27</v>
      </c>
      <c r="AA36223">
        <v>27</v>
      </c>
      <c r="AB36223">
        <v>27</v>
      </c>
      <c r="AC36223">
        <v>27</v>
      </c>
      <c r="AD36223">
        <v>27</v>
      </c>
      <c r="AE36223">
        <v>28</v>
      </c>
      <c r="AF36223">
        <v>28</v>
      </c>
      <c r="AG36223">
        <v>28</v>
      </c>
      <c r="AH36223">
        <v>28</v>
      </c>
      <c r="AI36223">
        <v>28</v>
      </c>
      <c r="AJ36223">
        <v>28</v>
      </c>
      <c r="AK36223">
        <v>28</v>
      </c>
      <c r="AL36223">
        <v>28</v>
      </c>
      <c r="AM36223">
        <v>28</v>
      </c>
      <c r="AN36223">
        <v>29</v>
      </c>
      <c r="AO36223">
        <v>29</v>
      </c>
      <c r="AP36223">
        <v>29</v>
      </c>
      <c r="AQ36223">
        <v>29</v>
      </c>
    </row>
    <row r="36224" spans="1:43">
      <c r="A36224" t="s">
        <v>22459</v>
      </c>
      <c r="B36224" t="s">
        <v>22460</v>
      </c>
      <c r="C36224" t="s">
        <v>22411</v>
      </c>
      <c r="D36224" t="s">
        <v>22412</v>
      </c>
      <c r="E36224" t="s">
        <v>22205</v>
      </c>
      <c r="F36224" t="s">
        <v>22206</v>
      </c>
      <c r="G36224" t="s">
        <v>20255</v>
      </c>
      <c r="H36224" t="s">
        <v>20256</v>
      </c>
      <c r="I36224" s="2">
        <v>1</v>
      </c>
      <c r="J36224" s="2">
        <v>0</v>
      </c>
      <c r="K36224" s="2">
        <v>0</v>
      </c>
      <c r="L36224" t="s">
        <v>120</v>
      </c>
      <c r="M36224" t="s">
        <v>89</v>
      </c>
      <c r="N36224" t="s">
        <v>90</v>
      </c>
      <c r="O36224" t="s">
        <v>85</v>
      </c>
      <c r="P36224" t="s">
        <v>86</v>
      </c>
      <c r="Q36224">
        <v>26</v>
      </c>
      <c r="R36224">
        <v>26</v>
      </c>
      <c r="S36224">
        <v>27</v>
      </c>
      <c r="T36224">
        <v>27</v>
      </c>
      <c r="U36224">
        <v>28</v>
      </c>
      <c r="V36224">
        <v>28</v>
      </c>
      <c r="W36224">
        <v>29</v>
      </c>
      <c r="X36224">
        <v>29</v>
      </c>
      <c r="Y36224">
        <v>30</v>
      </c>
      <c r="Z36224">
        <v>30</v>
      </c>
      <c r="AA36224">
        <v>31</v>
      </c>
      <c r="AB36224">
        <v>31</v>
      </c>
      <c r="AC36224">
        <v>32</v>
      </c>
      <c r="AD36224">
        <v>32</v>
      </c>
      <c r="AE36224">
        <v>33</v>
      </c>
      <c r="AF36224">
        <v>33</v>
      </c>
      <c r="AG36224">
        <v>33</v>
      </c>
      <c r="AH36224">
        <v>33</v>
      </c>
      <c r="AI36224">
        <v>33</v>
      </c>
      <c r="AJ36224">
        <v>33</v>
      </c>
      <c r="AK36224">
        <v>33</v>
      </c>
      <c r="AL36224">
        <v>33</v>
      </c>
      <c r="AM36224">
        <v>33</v>
      </c>
      <c r="AN36224">
        <v>33</v>
      </c>
      <c r="AO36224">
        <v>33</v>
      </c>
      <c r="AP36224">
        <v>33</v>
      </c>
      <c r="AQ36224">
        <v>33</v>
      </c>
    </row>
    <row r="36225" spans="1:43">
      <c r="A36225" t="s">
        <v>22459</v>
      </c>
      <c r="B36225" t="s">
        <v>22460</v>
      </c>
      <c r="C36225" t="s">
        <v>22411</v>
      </c>
      <c r="D36225" t="s">
        <v>22412</v>
      </c>
      <c r="E36225" t="s">
        <v>22205</v>
      </c>
      <c r="F36225" t="s">
        <v>22206</v>
      </c>
      <c r="G36225" t="s">
        <v>20255</v>
      </c>
      <c r="H36225" t="s">
        <v>20256</v>
      </c>
      <c r="I36225" s="2">
        <v>1</v>
      </c>
      <c r="J36225" s="2">
        <v>0</v>
      </c>
      <c r="K36225" s="2">
        <v>0</v>
      </c>
      <c r="L36225" t="s">
        <v>120</v>
      </c>
      <c r="M36225" t="s">
        <v>83</v>
      </c>
      <c r="N36225" t="s">
        <v>91</v>
      </c>
      <c r="O36225" t="s">
        <v>85</v>
      </c>
      <c r="P36225" t="s">
        <v>86</v>
      </c>
      <c r="Q36225">
        <v>26</v>
      </c>
      <c r="R36225">
        <v>27</v>
      </c>
      <c r="S36225">
        <v>27</v>
      </c>
      <c r="T36225">
        <v>27</v>
      </c>
      <c r="U36225">
        <v>28</v>
      </c>
      <c r="V36225">
        <v>28</v>
      </c>
      <c r="W36225">
        <v>28</v>
      </c>
      <c r="X36225">
        <v>29</v>
      </c>
      <c r="Y36225">
        <v>29</v>
      </c>
      <c r="Z36225">
        <v>30</v>
      </c>
      <c r="AA36225">
        <v>30</v>
      </c>
      <c r="AB36225">
        <v>30</v>
      </c>
      <c r="AC36225">
        <v>31</v>
      </c>
      <c r="AD36225">
        <v>31</v>
      </c>
      <c r="AE36225">
        <v>31</v>
      </c>
      <c r="AF36225">
        <v>32</v>
      </c>
      <c r="AG36225">
        <v>32</v>
      </c>
      <c r="AH36225">
        <v>32</v>
      </c>
      <c r="AI36225">
        <v>33</v>
      </c>
      <c r="AJ36225">
        <v>33</v>
      </c>
      <c r="AK36225">
        <v>33</v>
      </c>
      <c r="AL36225">
        <v>33</v>
      </c>
      <c r="AM36225">
        <v>33</v>
      </c>
      <c r="AN36225">
        <v>33</v>
      </c>
      <c r="AO36225">
        <v>34</v>
      </c>
      <c r="AP36225">
        <v>34</v>
      </c>
      <c r="AQ36225">
        <v>34</v>
      </c>
    </row>
    <row r="36226" spans="1:43">
      <c r="A36226" t="s">
        <v>22461</v>
      </c>
      <c r="B36226" t="s">
        <v>22462</v>
      </c>
      <c r="C36226" t="s">
        <v>22463</v>
      </c>
      <c r="D36226" t="s">
        <v>22464</v>
      </c>
      <c r="E36226" t="s">
        <v>22205</v>
      </c>
      <c r="F36226" t="s">
        <v>22206</v>
      </c>
      <c r="G36226" t="s">
        <v>20255</v>
      </c>
      <c r="H36226" t="s">
        <v>20256</v>
      </c>
      <c r="I36226" s="2">
        <v>1</v>
      </c>
      <c r="J36226" s="2">
        <v>0</v>
      </c>
      <c r="K36226" s="2">
        <v>0</v>
      </c>
      <c r="L36226" t="s">
        <v>120</v>
      </c>
      <c r="M36226" t="s">
        <v>83</v>
      </c>
      <c r="N36226" t="s">
        <v>84</v>
      </c>
      <c r="O36226" t="s">
        <v>85</v>
      </c>
      <c r="P36226" t="s">
        <v>86</v>
      </c>
      <c r="Q36226">
        <v>8</v>
      </c>
      <c r="R36226">
        <v>8</v>
      </c>
      <c r="S36226">
        <v>8</v>
      </c>
      <c r="T36226">
        <v>8</v>
      </c>
      <c r="U36226">
        <v>8</v>
      </c>
      <c r="V36226">
        <v>9</v>
      </c>
      <c r="W36226">
        <v>9</v>
      </c>
      <c r="X36226">
        <v>9</v>
      </c>
      <c r="Y36226">
        <v>9</v>
      </c>
      <c r="Z36226">
        <v>9</v>
      </c>
      <c r="AA36226">
        <v>9</v>
      </c>
      <c r="AB36226">
        <v>9</v>
      </c>
      <c r="AC36226">
        <v>10</v>
      </c>
      <c r="AD36226">
        <v>10</v>
      </c>
      <c r="AE36226">
        <v>10</v>
      </c>
      <c r="AF36226">
        <v>10</v>
      </c>
      <c r="AG36226">
        <v>10</v>
      </c>
      <c r="AH36226">
        <v>10</v>
      </c>
      <c r="AI36226">
        <v>11</v>
      </c>
      <c r="AJ36226">
        <v>11</v>
      </c>
      <c r="AK36226">
        <v>11</v>
      </c>
      <c r="AL36226">
        <v>11</v>
      </c>
      <c r="AM36226">
        <v>11</v>
      </c>
      <c r="AN36226">
        <v>11</v>
      </c>
      <c r="AO36226">
        <v>11</v>
      </c>
      <c r="AP36226">
        <v>11</v>
      </c>
      <c r="AQ36226">
        <v>12</v>
      </c>
    </row>
    <row r="36227" spans="1:43">
      <c r="A36227" t="s">
        <v>22461</v>
      </c>
      <c r="B36227" t="s">
        <v>22462</v>
      </c>
      <c r="C36227" t="s">
        <v>22463</v>
      </c>
      <c r="D36227" t="s">
        <v>22464</v>
      </c>
      <c r="E36227" t="s">
        <v>22205</v>
      </c>
      <c r="F36227" t="s">
        <v>22206</v>
      </c>
      <c r="G36227" t="s">
        <v>20255</v>
      </c>
      <c r="H36227" t="s">
        <v>20256</v>
      </c>
      <c r="I36227" s="2">
        <v>1</v>
      </c>
      <c r="J36227" s="2">
        <v>0</v>
      </c>
      <c r="K36227" s="2">
        <v>0</v>
      </c>
      <c r="L36227" t="s">
        <v>120</v>
      </c>
      <c r="M36227" t="s">
        <v>87</v>
      </c>
      <c r="N36227" t="s">
        <v>88</v>
      </c>
      <c r="O36227" t="s">
        <v>85</v>
      </c>
      <c r="P36227" t="s">
        <v>86</v>
      </c>
      <c r="Q36227">
        <v>8</v>
      </c>
      <c r="R36227">
        <v>8</v>
      </c>
      <c r="S36227">
        <v>8</v>
      </c>
      <c r="T36227">
        <v>8</v>
      </c>
      <c r="U36227">
        <v>8</v>
      </c>
      <c r="V36227">
        <v>8</v>
      </c>
      <c r="W36227">
        <v>8</v>
      </c>
      <c r="X36227">
        <v>8</v>
      </c>
      <c r="Y36227">
        <v>8</v>
      </c>
      <c r="Z36227">
        <v>8</v>
      </c>
      <c r="AA36227">
        <v>9</v>
      </c>
      <c r="AB36227">
        <v>9</v>
      </c>
      <c r="AC36227">
        <v>9</v>
      </c>
      <c r="AD36227">
        <v>9</v>
      </c>
      <c r="AE36227">
        <v>9</v>
      </c>
      <c r="AF36227">
        <v>9</v>
      </c>
      <c r="AG36227">
        <v>9</v>
      </c>
      <c r="AH36227">
        <v>9</v>
      </c>
      <c r="AI36227">
        <v>9</v>
      </c>
      <c r="AJ36227">
        <v>9</v>
      </c>
      <c r="AK36227">
        <v>9</v>
      </c>
      <c r="AL36227">
        <v>9</v>
      </c>
      <c r="AM36227">
        <v>10</v>
      </c>
      <c r="AN36227">
        <v>10</v>
      </c>
      <c r="AO36227">
        <v>10</v>
      </c>
      <c r="AP36227">
        <v>10</v>
      </c>
      <c r="AQ36227">
        <v>10</v>
      </c>
    </row>
    <row r="36228" spans="1:43">
      <c r="A36228" t="s">
        <v>22461</v>
      </c>
      <c r="B36228" t="s">
        <v>22462</v>
      </c>
      <c r="C36228" t="s">
        <v>22463</v>
      </c>
      <c r="D36228" t="s">
        <v>22464</v>
      </c>
      <c r="E36228" t="s">
        <v>22205</v>
      </c>
      <c r="F36228" t="s">
        <v>22206</v>
      </c>
      <c r="G36228" t="s">
        <v>20255</v>
      </c>
      <c r="H36228" t="s">
        <v>20256</v>
      </c>
      <c r="I36228" s="2">
        <v>1</v>
      </c>
      <c r="J36228" s="2">
        <v>0</v>
      </c>
      <c r="K36228" s="2">
        <v>0</v>
      </c>
      <c r="L36228" t="s">
        <v>120</v>
      </c>
      <c r="M36228" t="s">
        <v>89</v>
      </c>
      <c r="N36228" t="s">
        <v>90</v>
      </c>
      <c r="O36228" t="s">
        <v>85</v>
      </c>
      <c r="P36228" t="s">
        <v>86</v>
      </c>
      <c r="Q36228">
        <v>8</v>
      </c>
      <c r="R36228">
        <v>8</v>
      </c>
      <c r="S36228">
        <v>8</v>
      </c>
      <c r="T36228">
        <v>9</v>
      </c>
      <c r="U36228">
        <v>9</v>
      </c>
      <c r="V36228">
        <v>9</v>
      </c>
      <c r="W36228">
        <v>9</v>
      </c>
      <c r="X36228">
        <v>9</v>
      </c>
      <c r="Y36228">
        <v>10</v>
      </c>
      <c r="Z36228">
        <v>10</v>
      </c>
      <c r="AA36228">
        <v>10</v>
      </c>
      <c r="AB36228">
        <v>10</v>
      </c>
      <c r="AC36228">
        <v>10</v>
      </c>
      <c r="AD36228">
        <v>11</v>
      </c>
      <c r="AE36228">
        <v>11</v>
      </c>
      <c r="AF36228">
        <v>11</v>
      </c>
      <c r="AG36228">
        <v>11</v>
      </c>
      <c r="AH36228">
        <v>11</v>
      </c>
      <c r="AI36228">
        <v>11</v>
      </c>
      <c r="AJ36228">
        <v>11</v>
      </c>
      <c r="AK36228">
        <v>11</v>
      </c>
      <c r="AL36228">
        <v>11</v>
      </c>
      <c r="AM36228">
        <v>11</v>
      </c>
      <c r="AN36228">
        <v>11</v>
      </c>
      <c r="AO36228">
        <v>12</v>
      </c>
      <c r="AP36228">
        <v>12</v>
      </c>
      <c r="AQ36228">
        <v>12</v>
      </c>
    </row>
    <row r="36229" spans="1:43">
      <c r="A36229" t="s">
        <v>22461</v>
      </c>
      <c r="B36229" t="s">
        <v>22462</v>
      </c>
      <c r="C36229" t="s">
        <v>22463</v>
      </c>
      <c r="D36229" t="s">
        <v>22464</v>
      </c>
      <c r="E36229" t="s">
        <v>22205</v>
      </c>
      <c r="F36229" t="s">
        <v>22206</v>
      </c>
      <c r="G36229" t="s">
        <v>20255</v>
      </c>
      <c r="H36229" t="s">
        <v>20256</v>
      </c>
      <c r="I36229" s="2">
        <v>1</v>
      </c>
      <c r="J36229" s="2">
        <v>0</v>
      </c>
      <c r="K36229" s="2">
        <v>0</v>
      </c>
      <c r="L36229" t="s">
        <v>120</v>
      </c>
      <c r="M36229" t="s">
        <v>83</v>
      </c>
      <c r="N36229" t="s">
        <v>91</v>
      </c>
      <c r="O36229" t="s">
        <v>85</v>
      </c>
      <c r="P36229" t="s">
        <v>86</v>
      </c>
      <c r="Q36229">
        <v>8</v>
      </c>
      <c r="R36229">
        <v>8</v>
      </c>
      <c r="S36229">
        <v>8</v>
      </c>
      <c r="T36229">
        <v>8</v>
      </c>
      <c r="U36229">
        <v>8</v>
      </c>
      <c r="V36229">
        <v>9</v>
      </c>
      <c r="W36229">
        <v>9</v>
      </c>
      <c r="X36229">
        <v>9</v>
      </c>
      <c r="Y36229">
        <v>9</v>
      </c>
      <c r="Z36229">
        <v>9</v>
      </c>
      <c r="AA36229">
        <v>9</v>
      </c>
      <c r="AB36229">
        <v>9</v>
      </c>
      <c r="AC36229">
        <v>10</v>
      </c>
      <c r="AD36229">
        <v>10</v>
      </c>
      <c r="AE36229">
        <v>10</v>
      </c>
      <c r="AF36229">
        <v>10</v>
      </c>
      <c r="AG36229">
        <v>10</v>
      </c>
      <c r="AH36229">
        <v>10</v>
      </c>
      <c r="AI36229">
        <v>11</v>
      </c>
      <c r="AJ36229">
        <v>11</v>
      </c>
      <c r="AK36229">
        <v>11</v>
      </c>
      <c r="AL36229">
        <v>11</v>
      </c>
      <c r="AM36229">
        <v>11</v>
      </c>
      <c r="AN36229">
        <v>11</v>
      </c>
      <c r="AO36229">
        <v>11</v>
      </c>
      <c r="AP36229">
        <v>11</v>
      </c>
      <c r="AQ36229">
        <v>12</v>
      </c>
    </row>
    <row r="36230" spans="1:43">
      <c r="A36230" t="s">
        <v>22465</v>
      </c>
      <c r="B36230" t="s">
        <v>22466</v>
      </c>
      <c r="C36230" t="s">
        <v>22463</v>
      </c>
      <c r="D36230" t="s">
        <v>22464</v>
      </c>
      <c r="E36230" t="s">
        <v>22205</v>
      </c>
      <c r="F36230" t="s">
        <v>22206</v>
      </c>
      <c r="G36230" t="s">
        <v>20255</v>
      </c>
      <c r="H36230" t="s">
        <v>20256</v>
      </c>
      <c r="I36230" s="2">
        <v>1</v>
      </c>
      <c r="J36230" s="2">
        <v>0</v>
      </c>
      <c r="K36230" s="2">
        <v>0</v>
      </c>
      <c r="L36230" t="s">
        <v>120</v>
      </c>
      <c r="M36230" t="s">
        <v>83</v>
      </c>
      <c r="N36230" t="s">
        <v>84</v>
      </c>
      <c r="O36230" t="s">
        <v>85</v>
      </c>
      <c r="P36230" t="s">
        <v>86</v>
      </c>
      <c r="Q36230">
        <v>14</v>
      </c>
      <c r="R36230">
        <v>14</v>
      </c>
      <c r="S36230">
        <v>14</v>
      </c>
      <c r="T36230">
        <v>15</v>
      </c>
      <c r="U36230">
        <v>15</v>
      </c>
      <c r="V36230">
        <v>15</v>
      </c>
      <c r="W36230">
        <v>15</v>
      </c>
      <c r="X36230">
        <v>16</v>
      </c>
      <c r="Y36230">
        <v>16</v>
      </c>
      <c r="Z36230">
        <v>16</v>
      </c>
      <c r="AA36230">
        <v>17</v>
      </c>
      <c r="AB36230">
        <v>17</v>
      </c>
      <c r="AC36230">
        <v>17</v>
      </c>
      <c r="AD36230">
        <v>17</v>
      </c>
      <c r="AE36230">
        <v>18</v>
      </c>
      <c r="AF36230">
        <v>18</v>
      </c>
      <c r="AG36230">
        <v>18</v>
      </c>
      <c r="AH36230">
        <v>19</v>
      </c>
      <c r="AI36230">
        <v>19</v>
      </c>
      <c r="AJ36230">
        <v>19</v>
      </c>
      <c r="AK36230">
        <v>19</v>
      </c>
      <c r="AL36230">
        <v>20</v>
      </c>
      <c r="AM36230">
        <v>20</v>
      </c>
      <c r="AN36230">
        <v>20</v>
      </c>
      <c r="AO36230">
        <v>20</v>
      </c>
      <c r="AP36230">
        <v>20</v>
      </c>
      <c r="AQ36230">
        <v>20</v>
      </c>
    </row>
    <row r="36231" spans="1:43">
      <c r="A36231" t="s">
        <v>22465</v>
      </c>
      <c r="B36231" t="s">
        <v>22466</v>
      </c>
      <c r="C36231" t="s">
        <v>22463</v>
      </c>
      <c r="D36231" t="s">
        <v>22464</v>
      </c>
      <c r="E36231" t="s">
        <v>22205</v>
      </c>
      <c r="F36231" t="s">
        <v>22206</v>
      </c>
      <c r="G36231" t="s">
        <v>20255</v>
      </c>
      <c r="H36231" t="s">
        <v>20256</v>
      </c>
      <c r="I36231" s="2">
        <v>1</v>
      </c>
      <c r="J36231" s="2">
        <v>0</v>
      </c>
      <c r="K36231" s="2">
        <v>0</v>
      </c>
      <c r="L36231" t="s">
        <v>120</v>
      </c>
      <c r="M36231" t="s">
        <v>87</v>
      </c>
      <c r="N36231" t="s">
        <v>88</v>
      </c>
      <c r="O36231" t="s">
        <v>85</v>
      </c>
      <c r="P36231" t="s">
        <v>86</v>
      </c>
      <c r="Q36231">
        <v>14</v>
      </c>
      <c r="R36231">
        <v>14</v>
      </c>
      <c r="S36231">
        <v>14</v>
      </c>
      <c r="T36231">
        <v>14</v>
      </c>
      <c r="U36231">
        <v>14</v>
      </c>
      <c r="V36231">
        <v>14</v>
      </c>
      <c r="W36231">
        <v>15</v>
      </c>
      <c r="X36231">
        <v>15</v>
      </c>
      <c r="Y36231">
        <v>15</v>
      </c>
      <c r="Z36231">
        <v>15</v>
      </c>
      <c r="AA36231">
        <v>15</v>
      </c>
      <c r="AB36231">
        <v>15</v>
      </c>
      <c r="AC36231">
        <v>15</v>
      </c>
      <c r="AD36231">
        <v>16</v>
      </c>
      <c r="AE36231">
        <v>16</v>
      </c>
      <c r="AF36231">
        <v>16</v>
      </c>
      <c r="AG36231">
        <v>16</v>
      </c>
      <c r="AH36231">
        <v>16</v>
      </c>
      <c r="AI36231">
        <v>16</v>
      </c>
      <c r="AJ36231">
        <v>16</v>
      </c>
      <c r="AK36231">
        <v>17</v>
      </c>
      <c r="AL36231">
        <v>17</v>
      </c>
      <c r="AM36231">
        <v>17</v>
      </c>
      <c r="AN36231">
        <v>17</v>
      </c>
      <c r="AO36231">
        <v>17</v>
      </c>
      <c r="AP36231">
        <v>17</v>
      </c>
      <c r="AQ36231">
        <v>18</v>
      </c>
    </row>
    <row r="36232" spans="1:43">
      <c r="A36232" t="s">
        <v>22465</v>
      </c>
      <c r="B36232" t="s">
        <v>22466</v>
      </c>
      <c r="C36232" t="s">
        <v>22463</v>
      </c>
      <c r="D36232" t="s">
        <v>22464</v>
      </c>
      <c r="E36232" t="s">
        <v>22205</v>
      </c>
      <c r="F36232" t="s">
        <v>22206</v>
      </c>
      <c r="G36232" t="s">
        <v>20255</v>
      </c>
      <c r="H36232" t="s">
        <v>20256</v>
      </c>
      <c r="I36232" s="2">
        <v>1</v>
      </c>
      <c r="J36232" s="2">
        <v>0</v>
      </c>
      <c r="K36232" s="2">
        <v>0</v>
      </c>
      <c r="L36232" t="s">
        <v>120</v>
      </c>
      <c r="M36232" t="s">
        <v>89</v>
      </c>
      <c r="N36232" t="s">
        <v>90</v>
      </c>
      <c r="O36232" t="s">
        <v>85</v>
      </c>
      <c r="P36232" t="s">
        <v>86</v>
      </c>
      <c r="Q36232">
        <v>14</v>
      </c>
      <c r="R36232">
        <v>14</v>
      </c>
      <c r="S36232">
        <v>15</v>
      </c>
      <c r="T36232">
        <v>15</v>
      </c>
      <c r="U36232">
        <v>15</v>
      </c>
      <c r="V36232">
        <v>16</v>
      </c>
      <c r="W36232">
        <v>16</v>
      </c>
      <c r="X36232">
        <v>17</v>
      </c>
      <c r="Y36232">
        <v>17</v>
      </c>
      <c r="Z36232">
        <v>17</v>
      </c>
      <c r="AA36232">
        <v>18</v>
      </c>
      <c r="AB36232">
        <v>18</v>
      </c>
      <c r="AC36232">
        <v>18</v>
      </c>
      <c r="AD36232">
        <v>19</v>
      </c>
      <c r="AE36232">
        <v>19</v>
      </c>
      <c r="AF36232">
        <v>19</v>
      </c>
      <c r="AG36232">
        <v>19</v>
      </c>
      <c r="AH36232">
        <v>19</v>
      </c>
      <c r="AI36232">
        <v>20</v>
      </c>
      <c r="AJ36232">
        <v>20</v>
      </c>
      <c r="AK36232">
        <v>20</v>
      </c>
      <c r="AL36232">
        <v>20</v>
      </c>
      <c r="AM36232">
        <v>20</v>
      </c>
      <c r="AN36232">
        <v>20</v>
      </c>
      <c r="AO36232">
        <v>20</v>
      </c>
      <c r="AP36232">
        <v>20</v>
      </c>
      <c r="AQ36232">
        <v>21</v>
      </c>
    </row>
    <row r="36233" spans="1:43">
      <c r="A36233" t="s">
        <v>22465</v>
      </c>
      <c r="B36233" t="s">
        <v>22466</v>
      </c>
      <c r="C36233" t="s">
        <v>22463</v>
      </c>
      <c r="D36233" t="s">
        <v>22464</v>
      </c>
      <c r="E36233" t="s">
        <v>22205</v>
      </c>
      <c r="F36233" t="s">
        <v>22206</v>
      </c>
      <c r="G36233" t="s">
        <v>20255</v>
      </c>
      <c r="H36233" t="s">
        <v>20256</v>
      </c>
      <c r="I36233" s="2">
        <v>1</v>
      </c>
      <c r="J36233" s="2">
        <v>0</v>
      </c>
      <c r="K36233" s="2">
        <v>0</v>
      </c>
      <c r="L36233" t="s">
        <v>120</v>
      </c>
      <c r="M36233" t="s">
        <v>83</v>
      </c>
      <c r="N36233" t="s">
        <v>91</v>
      </c>
      <c r="O36233" t="s">
        <v>85</v>
      </c>
      <c r="P36233" t="s">
        <v>86</v>
      </c>
      <c r="Q36233">
        <v>14</v>
      </c>
      <c r="R36233">
        <v>14</v>
      </c>
      <c r="S36233">
        <v>14</v>
      </c>
      <c r="T36233">
        <v>15</v>
      </c>
      <c r="U36233">
        <v>15</v>
      </c>
      <c r="V36233">
        <v>15</v>
      </c>
      <c r="W36233">
        <v>15</v>
      </c>
      <c r="X36233">
        <v>16</v>
      </c>
      <c r="Y36233">
        <v>16</v>
      </c>
      <c r="Z36233">
        <v>16</v>
      </c>
      <c r="AA36233">
        <v>17</v>
      </c>
      <c r="AB36233">
        <v>17</v>
      </c>
      <c r="AC36233">
        <v>17</v>
      </c>
      <c r="AD36233">
        <v>17</v>
      </c>
      <c r="AE36233">
        <v>18</v>
      </c>
      <c r="AF36233">
        <v>18</v>
      </c>
      <c r="AG36233">
        <v>18</v>
      </c>
      <c r="AH36233">
        <v>19</v>
      </c>
      <c r="AI36233">
        <v>19</v>
      </c>
      <c r="AJ36233">
        <v>19</v>
      </c>
      <c r="AK36233">
        <v>19</v>
      </c>
      <c r="AL36233">
        <v>20</v>
      </c>
      <c r="AM36233">
        <v>20</v>
      </c>
      <c r="AN36233">
        <v>20</v>
      </c>
      <c r="AO36233">
        <v>20</v>
      </c>
      <c r="AP36233">
        <v>20</v>
      </c>
      <c r="AQ36233">
        <v>20</v>
      </c>
    </row>
    <row r="36234" spans="1:43">
      <c r="A36234" t="s">
        <v>22467</v>
      </c>
      <c r="B36234" t="s">
        <v>22468</v>
      </c>
      <c r="C36234" t="s">
        <v>22447</v>
      </c>
      <c r="D36234" t="s">
        <v>22448</v>
      </c>
      <c r="E36234" t="s">
        <v>22205</v>
      </c>
      <c r="F36234" t="s">
        <v>22206</v>
      </c>
      <c r="G36234" t="s">
        <v>20255</v>
      </c>
      <c r="H36234" t="s">
        <v>20256</v>
      </c>
      <c r="I36234" s="2">
        <v>1</v>
      </c>
      <c r="J36234" s="2">
        <v>0</v>
      </c>
      <c r="K36234" s="2">
        <v>0</v>
      </c>
      <c r="L36234" t="s">
        <v>120</v>
      </c>
      <c r="M36234" t="s">
        <v>83</v>
      </c>
      <c r="N36234" t="s">
        <v>84</v>
      </c>
      <c r="O36234" t="s">
        <v>85</v>
      </c>
      <c r="P36234" t="s">
        <v>86</v>
      </c>
      <c r="Q36234">
        <v>15</v>
      </c>
      <c r="R36234">
        <v>15</v>
      </c>
      <c r="S36234">
        <v>15</v>
      </c>
      <c r="T36234">
        <v>16</v>
      </c>
      <c r="U36234">
        <v>16</v>
      </c>
      <c r="V36234">
        <v>16</v>
      </c>
      <c r="W36234">
        <v>16</v>
      </c>
      <c r="X36234">
        <v>17</v>
      </c>
      <c r="Y36234">
        <v>17</v>
      </c>
      <c r="Z36234">
        <v>17</v>
      </c>
      <c r="AA36234">
        <v>18</v>
      </c>
      <c r="AB36234">
        <v>18</v>
      </c>
      <c r="AC36234">
        <v>18</v>
      </c>
      <c r="AD36234">
        <v>18</v>
      </c>
      <c r="AE36234">
        <v>19</v>
      </c>
      <c r="AF36234">
        <v>19</v>
      </c>
      <c r="AG36234">
        <v>19</v>
      </c>
      <c r="AH36234">
        <v>20</v>
      </c>
      <c r="AI36234">
        <v>20</v>
      </c>
      <c r="AJ36234">
        <v>20</v>
      </c>
      <c r="AK36234">
        <v>21</v>
      </c>
      <c r="AL36234">
        <v>21</v>
      </c>
      <c r="AM36234">
        <v>21</v>
      </c>
      <c r="AN36234">
        <v>21</v>
      </c>
      <c r="AO36234">
        <v>21</v>
      </c>
      <c r="AP36234">
        <v>22</v>
      </c>
      <c r="AQ36234">
        <v>22</v>
      </c>
    </row>
    <row r="36235" spans="1:43">
      <c r="A36235" t="s">
        <v>22467</v>
      </c>
      <c r="B36235" t="s">
        <v>22468</v>
      </c>
      <c r="C36235" t="s">
        <v>22447</v>
      </c>
      <c r="D36235" t="s">
        <v>22448</v>
      </c>
      <c r="E36235" t="s">
        <v>22205</v>
      </c>
      <c r="F36235" t="s">
        <v>22206</v>
      </c>
      <c r="G36235" t="s">
        <v>20255</v>
      </c>
      <c r="H36235" t="s">
        <v>20256</v>
      </c>
      <c r="I36235" s="2">
        <v>1</v>
      </c>
      <c r="J36235" s="2">
        <v>0</v>
      </c>
      <c r="K36235" s="2">
        <v>0</v>
      </c>
      <c r="L36235" t="s">
        <v>120</v>
      </c>
      <c r="M36235" t="s">
        <v>87</v>
      </c>
      <c r="N36235" t="s">
        <v>88</v>
      </c>
      <c r="O36235" t="s">
        <v>85</v>
      </c>
      <c r="P36235" t="s">
        <v>86</v>
      </c>
      <c r="Q36235">
        <v>15</v>
      </c>
      <c r="R36235">
        <v>15</v>
      </c>
      <c r="S36235">
        <v>15</v>
      </c>
      <c r="T36235">
        <v>15</v>
      </c>
      <c r="U36235">
        <v>15</v>
      </c>
      <c r="V36235">
        <v>15</v>
      </c>
      <c r="W36235">
        <v>15</v>
      </c>
      <c r="X36235">
        <v>16</v>
      </c>
      <c r="Y36235">
        <v>16</v>
      </c>
      <c r="Z36235">
        <v>16</v>
      </c>
      <c r="AA36235">
        <v>16</v>
      </c>
      <c r="AB36235">
        <v>16</v>
      </c>
      <c r="AC36235">
        <v>16</v>
      </c>
      <c r="AD36235">
        <v>17</v>
      </c>
      <c r="AE36235">
        <v>17</v>
      </c>
      <c r="AF36235">
        <v>17</v>
      </c>
      <c r="AG36235">
        <v>17</v>
      </c>
      <c r="AH36235">
        <v>17</v>
      </c>
      <c r="AI36235">
        <v>17</v>
      </c>
      <c r="AJ36235">
        <v>18</v>
      </c>
      <c r="AK36235">
        <v>18</v>
      </c>
      <c r="AL36235">
        <v>18</v>
      </c>
      <c r="AM36235">
        <v>18</v>
      </c>
      <c r="AN36235">
        <v>18</v>
      </c>
      <c r="AO36235">
        <v>18</v>
      </c>
      <c r="AP36235">
        <v>19</v>
      </c>
      <c r="AQ36235">
        <v>19</v>
      </c>
    </row>
    <row r="36236" spans="1:43">
      <c r="A36236" t="s">
        <v>22467</v>
      </c>
      <c r="B36236" t="s">
        <v>22468</v>
      </c>
      <c r="C36236" t="s">
        <v>22447</v>
      </c>
      <c r="D36236" t="s">
        <v>22448</v>
      </c>
      <c r="E36236" t="s">
        <v>22205</v>
      </c>
      <c r="F36236" t="s">
        <v>22206</v>
      </c>
      <c r="G36236" t="s">
        <v>20255</v>
      </c>
      <c r="H36236" t="s">
        <v>20256</v>
      </c>
      <c r="I36236" s="2">
        <v>1</v>
      </c>
      <c r="J36236" s="2">
        <v>0</v>
      </c>
      <c r="K36236" s="2">
        <v>0</v>
      </c>
      <c r="L36236" t="s">
        <v>120</v>
      </c>
      <c r="M36236" t="s">
        <v>89</v>
      </c>
      <c r="N36236" t="s">
        <v>90</v>
      </c>
      <c r="O36236" t="s">
        <v>85</v>
      </c>
      <c r="P36236" t="s">
        <v>86</v>
      </c>
      <c r="Q36236">
        <v>15</v>
      </c>
      <c r="R36236">
        <v>15</v>
      </c>
      <c r="S36236">
        <v>16</v>
      </c>
      <c r="T36236">
        <v>16</v>
      </c>
      <c r="U36236">
        <v>16</v>
      </c>
      <c r="V36236">
        <v>17</v>
      </c>
      <c r="W36236">
        <v>17</v>
      </c>
      <c r="X36236">
        <v>18</v>
      </c>
      <c r="Y36236">
        <v>18</v>
      </c>
      <c r="Z36236">
        <v>18</v>
      </c>
      <c r="AA36236">
        <v>19</v>
      </c>
      <c r="AB36236">
        <v>19</v>
      </c>
      <c r="AC36236">
        <v>19</v>
      </c>
      <c r="AD36236">
        <v>20</v>
      </c>
      <c r="AE36236">
        <v>20</v>
      </c>
      <c r="AF36236">
        <v>20</v>
      </c>
      <c r="AG36236">
        <v>20</v>
      </c>
      <c r="AH36236">
        <v>21</v>
      </c>
      <c r="AI36236">
        <v>21</v>
      </c>
      <c r="AJ36236">
        <v>21</v>
      </c>
      <c r="AK36236">
        <v>21</v>
      </c>
      <c r="AL36236">
        <v>21</v>
      </c>
      <c r="AM36236">
        <v>21</v>
      </c>
      <c r="AN36236">
        <v>22</v>
      </c>
      <c r="AO36236">
        <v>22</v>
      </c>
      <c r="AP36236">
        <v>22</v>
      </c>
      <c r="AQ36236">
        <v>22</v>
      </c>
    </row>
    <row r="36237" spans="1:43">
      <c r="A36237" t="s">
        <v>22467</v>
      </c>
      <c r="B36237" t="s">
        <v>22468</v>
      </c>
      <c r="C36237" t="s">
        <v>22447</v>
      </c>
      <c r="D36237" t="s">
        <v>22448</v>
      </c>
      <c r="E36237" t="s">
        <v>22205</v>
      </c>
      <c r="F36237" t="s">
        <v>22206</v>
      </c>
      <c r="G36237" t="s">
        <v>20255</v>
      </c>
      <c r="H36237" t="s">
        <v>20256</v>
      </c>
      <c r="I36237" s="2">
        <v>1</v>
      </c>
      <c r="J36237" s="2">
        <v>0</v>
      </c>
      <c r="K36237" s="2">
        <v>0</v>
      </c>
      <c r="L36237" t="s">
        <v>120</v>
      </c>
      <c r="M36237" t="s">
        <v>83</v>
      </c>
      <c r="N36237" t="s">
        <v>91</v>
      </c>
      <c r="O36237" t="s">
        <v>85</v>
      </c>
      <c r="P36237" t="s">
        <v>86</v>
      </c>
      <c r="Q36237">
        <v>15</v>
      </c>
      <c r="R36237">
        <v>15</v>
      </c>
      <c r="S36237">
        <v>15</v>
      </c>
      <c r="T36237">
        <v>16</v>
      </c>
      <c r="U36237">
        <v>16</v>
      </c>
      <c r="V36237">
        <v>16</v>
      </c>
      <c r="W36237">
        <v>16</v>
      </c>
      <c r="X36237">
        <v>17</v>
      </c>
      <c r="Y36237">
        <v>17</v>
      </c>
      <c r="Z36237">
        <v>17</v>
      </c>
      <c r="AA36237">
        <v>18</v>
      </c>
      <c r="AB36237">
        <v>18</v>
      </c>
      <c r="AC36237">
        <v>18</v>
      </c>
      <c r="AD36237">
        <v>18</v>
      </c>
      <c r="AE36237">
        <v>19</v>
      </c>
      <c r="AF36237">
        <v>19</v>
      </c>
      <c r="AG36237">
        <v>19</v>
      </c>
      <c r="AH36237">
        <v>20</v>
      </c>
      <c r="AI36237">
        <v>20</v>
      </c>
      <c r="AJ36237">
        <v>20</v>
      </c>
      <c r="AK36237">
        <v>21</v>
      </c>
      <c r="AL36237">
        <v>21</v>
      </c>
      <c r="AM36237">
        <v>21</v>
      </c>
      <c r="AN36237">
        <v>21</v>
      </c>
      <c r="AO36237">
        <v>21</v>
      </c>
      <c r="AP36237">
        <v>22</v>
      </c>
      <c r="AQ36237">
        <v>22</v>
      </c>
    </row>
    <row r="36238" spans="1:43">
      <c r="A36238" t="s">
        <v>22469</v>
      </c>
      <c r="B36238" t="s">
        <v>22470</v>
      </c>
      <c r="C36238" t="s">
        <v>22425</v>
      </c>
      <c r="D36238" t="s">
        <v>22426</v>
      </c>
      <c r="E36238" t="s">
        <v>22205</v>
      </c>
      <c r="F36238" t="s">
        <v>22206</v>
      </c>
      <c r="G36238" t="s">
        <v>20255</v>
      </c>
      <c r="H36238" t="s">
        <v>20256</v>
      </c>
      <c r="I36238" s="2">
        <v>1</v>
      </c>
      <c r="J36238" s="2">
        <v>0</v>
      </c>
      <c r="K36238" s="2">
        <v>0</v>
      </c>
      <c r="L36238" t="s">
        <v>120</v>
      </c>
      <c r="M36238" t="s">
        <v>83</v>
      </c>
      <c r="N36238" t="s">
        <v>84</v>
      </c>
      <c r="O36238" t="s">
        <v>85</v>
      </c>
      <c r="P36238" t="s">
        <v>86</v>
      </c>
      <c r="Q36238">
        <v>12</v>
      </c>
      <c r="R36238">
        <v>12</v>
      </c>
      <c r="S36238">
        <v>12</v>
      </c>
      <c r="T36238">
        <v>13</v>
      </c>
      <c r="U36238">
        <v>13</v>
      </c>
      <c r="V36238">
        <v>13</v>
      </c>
      <c r="W36238">
        <v>13</v>
      </c>
      <c r="X36238">
        <v>13</v>
      </c>
      <c r="Y36238">
        <v>14</v>
      </c>
      <c r="Z36238">
        <v>14</v>
      </c>
      <c r="AA36238">
        <v>14</v>
      </c>
      <c r="AB36238">
        <v>14</v>
      </c>
      <c r="AC36238">
        <v>15</v>
      </c>
      <c r="AD36238">
        <v>15</v>
      </c>
      <c r="AE36238">
        <v>15</v>
      </c>
      <c r="AF36238">
        <v>15</v>
      </c>
      <c r="AG36238">
        <v>16</v>
      </c>
      <c r="AH36238">
        <v>16</v>
      </c>
      <c r="AI36238">
        <v>16</v>
      </c>
      <c r="AJ36238">
        <v>16</v>
      </c>
      <c r="AK36238">
        <v>17</v>
      </c>
      <c r="AL36238">
        <v>17</v>
      </c>
      <c r="AM36238">
        <v>17</v>
      </c>
      <c r="AN36238">
        <v>17</v>
      </c>
      <c r="AO36238">
        <v>17</v>
      </c>
      <c r="AP36238">
        <v>17</v>
      </c>
      <c r="AQ36238">
        <v>18</v>
      </c>
    </row>
    <row r="36239" spans="1:43">
      <c r="A36239" t="s">
        <v>22469</v>
      </c>
      <c r="B36239" t="s">
        <v>22470</v>
      </c>
      <c r="C36239" t="s">
        <v>22425</v>
      </c>
      <c r="D36239" t="s">
        <v>22426</v>
      </c>
      <c r="E36239" t="s">
        <v>22205</v>
      </c>
      <c r="F36239" t="s">
        <v>22206</v>
      </c>
      <c r="G36239" t="s">
        <v>20255</v>
      </c>
      <c r="H36239" t="s">
        <v>20256</v>
      </c>
      <c r="I36239" s="2">
        <v>1</v>
      </c>
      <c r="J36239" s="2">
        <v>0</v>
      </c>
      <c r="K36239" s="2">
        <v>0</v>
      </c>
      <c r="L36239" t="s">
        <v>120</v>
      </c>
      <c r="M36239" t="s">
        <v>87</v>
      </c>
      <c r="N36239" t="s">
        <v>88</v>
      </c>
      <c r="O36239" t="s">
        <v>85</v>
      </c>
      <c r="P36239" t="s">
        <v>86</v>
      </c>
      <c r="Q36239">
        <v>12</v>
      </c>
      <c r="R36239">
        <v>12</v>
      </c>
      <c r="S36239">
        <v>12</v>
      </c>
      <c r="T36239">
        <v>12</v>
      </c>
      <c r="U36239">
        <v>12</v>
      </c>
      <c r="V36239">
        <v>12</v>
      </c>
      <c r="W36239">
        <v>12</v>
      </c>
      <c r="X36239">
        <v>13</v>
      </c>
      <c r="Y36239">
        <v>13</v>
      </c>
      <c r="Z36239">
        <v>13</v>
      </c>
      <c r="AA36239">
        <v>13</v>
      </c>
      <c r="AB36239">
        <v>13</v>
      </c>
      <c r="AC36239">
        <v>13</v>
      </c>
      <c r="AD36239">
        <v>13</v>
      </c>
      <c r="AE36239">
        <v>13</v>
      </c>
      <c r="AF36239">
        <v>14</v>
      </c>
      <c r="AG36239">
        <v>14</v>
      </c>
      <c r="AH36239">
        <v>14</v>
      </c>
      <c r="AI36239">
        <v>14</v>
      </c>
      <c r="AJ36239">
        <v>14</v>
      </c>
      <c r="AK36239">
        <v>14</v>
      </c>
      <c r="AL36239">
        <v>14</v>
      </c>
      <c r="AM36239">
        <v>15</v>
      </c>
      <c r="AN36239">
        <v>15</v>
      </c>
      <c r="AO36239">
        <v>15</v>
      </c>
      <c r="AP36239">
        <v>15</v>
      </c>
      <c r="AQ36239">
        <v>15</v>
      </c>
    </row>
    <row r="36240" spans="1:43">
      <c r="A36240" t="s">
        <v>22469</v>
      </c>
      <c r="B36240" t="s">
        <v>22470</v>
      </c>
      <c r="C36240" t="s">
        <v>22425</v>
      </c>
      <c r="D36240" t="s">
        <v>22426</v>
      </c>
      <c r="E36240" t="s">
        <v>22205</v>
      </c>
      <c r="F36240" t="s">
        <v>22206</v>
      </c>
      <c r="G36240" t="s">
        <v>20255</v>
      </c>
      <c r="H36240" t="s">
        <v>20256</v>
      </c>
      <c r="I36240" s="2">
        <v>1</v>
      </c>
      <c r="J36240" s="2">
        <v>0</v>
      </c>
      <c r="K36240" s="2">
        <v>0</v>
      </c>
      <c r="L36240" t="s">
        <v>120</v>
      </c>
      <c r="M36240" t="s">
        <v>89</v>
      </c>
      <c r="N36240" t="s">
        <v>90</v>
      </c>
      <c r="O36240" t="s">
        <v>85</v>
      </c>
      <c r="P36240" t="s">
        <v>86</v>
      </c>
      <c r="Q36240">
        <v>12</v>
      </c>
      <c r="R36240">
        <v>12</v>
      </c>
      <c r="S36240">
        <v>13</v>
      </c>
      <c r="T36240">
        <v>13</v>
      </c>
      <c r="U36240">
        <v>13</v>
      </c>
      <c r="V36240">
        <v>14</v>
      </c>
      <c r="W36240">
        <v>14</v>
      </c>
      <c r="X36240">
        <v>14</v>
      </c>
      <c r="Y36240">
        <v>14</v>
      </c>
      <c r="Z36240">
        <v>15</v>
      </c>
      <c r="AA36240">
        <v>15</v>
      </c>
      <c r="AB36240">
        <v>15</v>
      </c>
      <c r="AC36240">
        <v>16</v>
      </c>
      <c r="AD36240">
        <v>16</v>
      </c>
      <c r="AE36240">
        <v>16</v>
      </c>
      <c r="AF36240">
        <v>16</v>
      </c>
      <c r="AG36240">
        <v>16</v>
      </c>
      <c r="AH36240">
        <v>17</v>
      </c>
      <c r="AI36240">
        <v>17</v>
      </c>
      <c r="AJ36240">
        <v>17</v>
      </c>
      <c r="AK36240">
        <v>17</v>
      </c>
      <c r="AL36240">
        <v>17</v>
      </c>
      <c r="AM36240">
        <v>17</v>
      </c>
      <c r="AN36240">
        <v>17</v>
      </c>
      <c r="AO36240">
        <v>17</v>
      </c>
      <c r="AP36240">
        <v>18</v>
      </c>
      <c r="AQ36240">
        <v>18</v>
      </c>
    </row>
    <row r="36241" spans="1:43">
      <c r="A36241" t="s">
        <v>22469</v>
      </c>
      <c r="B36241" t="s">
        <v>22470</v>
      </c>
      <c r="C36241" t="s">
        <v>22425</v>
      </c>
      <c r="D36241" t="s">
        <v>22426</v>
      </c>
      <c r="E36241" t="s">
        <v>22205</v>
      </c>
      <c r="F36241" t="s">
        <v>22206</v>
      </c>
      <c r="G36241" t="s">
        <v>20255</v>
      </c>
      <c r="H36241" t="s">
        <v>20256</v>
      </c>
      <c r="I36241" s="2">
        <v>1</v>
      </c>
      <c r="J36241" s="2">
        <v>0</v>
      </c>
      <c r="K36241" s="2">
        <v>0</v>
      </c>
      <c r="L36241" t="s">
        <v>120</v>
      </c>
      <c r="M36241" t="s">
        <v>83</v>
      </c>
      <c r="N36241" t="s">
        <v>91</v>
      </c>
      <c r="O36241" t="s">
        <v>85</v>
      </c>
      <c r="P36241" t="s">
        <v>86</v>
      </c>
      <c r="Q36241">
        <v>12</v>
      </c>
      <c r="R36241">
        <v>12</v>
      </c>
      <c r="S36241">
        <v>12</v>
      </c>
      <c r="T36241">
        <v>13</v>
      </c>
      <c r="U36241">
        <v>13</v>
      </c>
      <c r="V36241">
        <v>13</v>
      </c>
      <c r="W36241">
        <v>13</v>
      </c>
      <c r="X36241">
        <v>13</v>
      </c>
      <c r="Y36241">
        <v>14</v>
      </c>
      <c r="Z36241">
        <v>14</v>
      </c>
      <c r="AA36241">
        <v>14</v>
      </c>
      <c r="AB36241">
        <v>14</v>
      </c>
      <c r="AC36241">
        <v>15</v>
      </c>
      <c r="AD36241">
        <v>15</v>
      </c>
      <c r="AE36241">
        <v>15</v>
      </c>
      <c r="AF36241">
        <v>15</v>
      </c>
      <c r="AG36241">
        <v>16</v>
      </c>
      <c r="AH36241">
        <v>16</v>
      </c>
      <c r="AI36241">
        <v>16</v>
      </c>
      <c r="AJ36241">
        <v>16</v>
      </c>
      <c r="AK36241">
        <v>17</v>
      </c>
      <c r="AL36241">
        <v>17</v>
      </c>
      <c r="AM36241">
        <v>17</v>
      </c>
      <c r="AN36241">
        <v>17</v>
      </c>
      <c r="AO36241">
        <v>17</v>
      </c>
      <c r="AP36241">
        <v>17</v>
      </c>
      <c r="AQ36241">
        <v>18</v>
      </c>
    </row>
    <row r="36242" spans="1:43">
      <c r="A36242" t="s">
        <v>22471</v>
      </c>
      <c r="B36242" t="s">
        <v>22472</v>
      </c>
      <c r="C36242" t="s">
        <v>22425</v>
      </c>
      <c r="D36242" t="s">
        <v>22426</v>
      </c>
      <c r="E36242" t="s">
        <v>22205</v>
      </c>
      <c r="F36242" t="s">
        <v>22206</v>
      </c>
      <c r="G36242" t="s">
        <v>20255</v>
      </c>
      <c r="H36242" t="s">
        <v>20256</v>
      </c>
      <c r="I36242" s="2">
        <v>1</v>
      </c>
      <c r="J36242" s="2">
        <v>0</v>
      </c>
      <c r="K36242" s="2">
        <v>0</v>
      </c>
      <c r="L36242" t="s">
        <v>120</v>
      </c>
      <c r="M36242" t="s">
        <v>83</v>
      </c>
      <c r="N36242" t="s">
        <v>84</v>
      </c>
      <c r="O36242" t="s">
        <v>85</v>
      </c>
      <c r="P36242" t="s">
        <v>86</v>
      </c>
      <c r="Q36242">
        <v>30</v>
      </c>
      <c r="R36242">
        <v>31</v>
      </c>
      <c r="S36242">
        <v>31</v>
      </c>
      <c r="T36242">
        <v>31</v>
      </c>
      <c r="U36242">
        <v>32</v>
      </c>
      <c r="V36242">
        <v>32</v>
      </c>
      <c r="W36242">
        <v>33</v>
      </c>
      <c r="X36242">
        <v>33</v>
      </c>
      <c r="Y36242">
        <v>34</v>
      </c>
      <c r="Z36242">
        <v>34</v>
      </c>
      <c r="AA36242">
        <v>34</v>
      </c>
      <c r="AB36242">
        <v>35</v>
      </c>
      <c r="AC36242">
        <v>35</v>
      </c>
      <c r="AD36242">
        <v>36</v>
      </c>
      <c r="AE36242">
        <v>36</v>
      </c>
      <c r="AF36242">
        <v>36</v>
      </c>
      <c r="AG36242">
        <v>37</v>
      </c>
      <c r="AH36242">
        <v>37</v>
      </c>
      <c r="AI36242">
        <v>38</v>
      </c>
      <c r="AJ36242">
        <v>38</v>
      </c>
      <c r="AK36242">
        <v>38</v>
      </c>
      <c r="AL36242">
        <v>39</v>
      </c>
      <c r="AM36242">
        <v>39</v>
      </c>
      <c r="AN36242">
        <v>39</v>
      </c>
      <c r="AO36242">
        <v>39</v>
      </c>
      <c r="AP36242">
        <v>39</v>
      </c>
      <c r="AQ36242">
        <v>39</v>
      </c>
    </row>
    <row r="36243" spans="1:43">
      <c r="A36243" t="s">
        <v>22471</v>
      </c>
      <c r="B36243" t="s">
        <v>22472</v>
      </c>
      <c r="C36243" t="s">
        <v>22425</v>
      </c>
      <c r="D36243" t="s">
        <v>22426</v>
      </c>
      <c r="E36243" t="s">
        <v>22205</v>
      </c>
      <c r="F36243" t="s">
        <v>22206</v>
      </c>
      <c r="G36243" t="s">
        <v>20255</v>
      </c>
      <c r="H36243" t="s">
        <v>20256</v>
      </c>
      <c r="I36243" s="2">
        <v>1</v>
      </c>
      <c r="J36243" s="2">
        <v>0</v>
      </c>
      <c r="K36243" s="2">
        <v>0</v>
      </c>
      <c r="L36243" t="s">
        <v>120</v>
      </c>
      <c r="M36243" t="s">
        <v>87</v>
      </c>
      <c r="N36243" t="s">
        <v>88</v>
      </c>
      <c r="O36243" t="s">
        <v>85</v>
      </c>
      <c r="P36243" t="s">
        <v>86</v>
      </c>
      <c r="Q36243">
        <v>30</v>
      </c>
      <c r="R36243">
        <v>30</v>
      </c>
      <c r="S36243">
        <v>30</v>
      </c>
      <c r="T36243">
        <v>30</v>
      </c>
      <c r="U36243">
        <v>30</v>
      </c>
      <c r="V36243">
        <v>31</v>
      </c>
      <c r="W36243">
        <v>31</v>
      </c>
      <c r="X36243">
        <v>31</v>
      </c>
      <c r="Y36243">
        <v>31</v>
      </c>
      <c r="Z36243">
        <v>31</v>
      </c>
      <c r="AA36243">
        <v>31</v>
      </c>
      <c r="AB36243">
        <v>31</v>
      </c>
      <c r="AC36243">
        <v>32</v>
      </c>
      <c r="AD36243">
        <v>32</v>
      </c>
      <c r="AE36243">
        <v>32</v>
      </c>
      <c r="AF36243">
        <v>32</v>
      </c>
      <c r="AG36243">
        <v>32</v>
      </c>
      <c r="AH36243">
        <v>32</v>
      </c>
      <c r="AI36243">
        <v>32</v>
      </c>
      <c r="AJ36243">
        <v>33</v>
      </c>
      <c r="AK36243">
        <v>33</v>
      </c>
      <c r="AL36243">
        <v>33</v>
      </c>
      <c r="AM36243">
        <v>33</v>
      </c>
      <c r="AN36243">
        <v>33</v>
      </c>
      <c r="AO36243">
        <v>33</v>
      </c>
      <c r="AP36243">
        <v>34</v>
      </c>
      <c r="AQ36243">
        <v>34</v>
      </c>
    </row>
    <row r="36244" spans="1:43">
      <c r="A36244" t="s">
        <v>22471</v>
      </c>
      <c r="B36244" t="s">
        <v>22472</v>
      </c>
      <c r="C36244" t="s">
        <v>22425</v>
      </c>
      <c r="D36244" t="s">
        <v>22426</v>
      </c>
      <c r="E36244" t="s">
        <v>22205</v>
      </c>
      <c r="F36244" t="s">
        <v>22206</v>
      </c>
      <c r="G36244" t="s">
        <v>20255</v>
      </c>
      <c r="H36244" t="s">
        <v>20256</v>
      </c>
      <c r="I36244" s="2">
        <v>1</v>
      </c>
      <c r="J36244" s="2">
        <v>0</v>
      </c>
      <c r="K36244" s="2">
        <v>0</v>
      </c>
      <c r="L36244" t="s">
        <v>120</v>
      </c>
      <c r="M36244" t="s">
        <v>89</v>
      </c>
      <c r="N36244" t="s">
        <v>90</v>
      </c>
      <c r="O36244" t="s">
        <v>85</v>
      </c>
      <c r="P36244" t="s">
        <v>86</v>
      </c>
      <c r="Q36244">
        <v>30</v>
      </c>
      <c r="R36244">
        <v>31</v>
      </c>
      <c r="S36244">
        <v>32</v>
      </c>
      <c r="T36244">
        <v>32</v>
      </c>
      <c r="U36244">
        <v>33</v>
      </c>
      <c r="V36244">
        <v>34</v>
      </c>
      <c r="W36244">
        <v>34</v>
      </c>
      <c r="X36244">
        <v>35</v>
      </c>
      <c r="Y36244">
        <v>35</v>
      </c>
      <c r="Z36244">
        <v>36</v>
      </c>
      <c r="AA36244">
        <v>37</v>
      </c>
      <c r="AB36244">
        <v>37</v>
      </c>
      <c r="AC36244">
        <v>38</v>
      </c>
      <c r="AD36244">
        <v>38</v>
      </c>
      <c r="AE36244">
        <v>39</v>
      </c>
      <c r="AF36244">
        <v>39</v>
      </c>
      <c r="AG36244">
        <v>39</v>
      </c>
      <c r="AH36244">
        <v>39</v>
      </c>
      <c r="AI36244">
        <v>39</v>
      </c>
      <c r="AJ36244">
        <v>39</v>
      </c>
      <c r="AK36244">
        <v>39</v>
      </c>
      <c r="AL36244">
        <v>39</v>
      </c>
      <c r="AM36244">
        <v>39</v>
      </c>
      <c r="AN36244">
        <v>39</v>
      </c>
      <c r="AO36244">
        <v>40</v>
      </c>
      <c r="AP36244">
        <v>40</v>
      </c>
      <c r="AQ36244">
        <v>40</v>
      </c>
    </row>
    <row r="36245" spans="1:43">
      <c r="A36245" t="s">
        <v>22471</v>
      </c>
      <c r="B36245" t="s">
        <v>22472</v>
      </c>
      <c r="C36245" t="s">
        <v>22425</v>
      </c>
      <c r="D36245" t="s">
        <v>22426</v>
      </c>
      <c r="E36245" t="s">
        <v>22205</v>
      </c>
      <c r="F36245" t="s">
        <v>22206</v>
      </c>
      <c r="G36245" t="s">
        <v>20255</v>
      </c>
      <c r="H36245" t="s">
        <v>20256</v>
      </c>
      <c r="I36245" s="2">
        <v>1</v>
      </c>
      <c r="J36245" s="2">
        <v>0</v>
      </c>
      <c r="K36245" s="2">
        <v>0</v>
      </c>
      <c r="L36245" t="s">
        <v>120</v>
      </c>
      <c r="M36245" t="s">
        <v>83</v>
      </c>
      <c r="N36245" t="s">
        <v>91</v>
      </c>
      <c r="O36245" t="s">
        <v>85</v>
      </c>
      <c r="P36245" t="s">
        <v>86</v>
      </c>
      <c r="Q36245">
        <v>30</v>
      </c>
      <c r="R36245">
        <v>31</v>
      </c>
      <c r="S36245">
        <v>31</v>
      </c>
      <c r="T36245">
        <v>31</v>
      </c>
      <c r="U36245">
        <v>32</v>
      </c>
      <c r="V36245">
        <v>32</v>
      </c>
      <c r="W36245">
        <v>33</v>
      </c>
      <c r="X36245">
        <v>33</v>
      </c>
      <c r="Y36245">
        <v>34</v>
      </c>
      <c r="Z36245">
        <v>34</v>
      </c>
      <c r="AA36245">
        <v>34</v>
      </c>
      <c r="AB36245">
        <v>35</v>
      </c>
      <c r="AC36245">
        <v>35</v>
      </c>
      <c r="AD36245">
        <v>36</v>
      </c>
      <c r="AE36245">
        <v>36</v>
      </c>
      <c r="AF36245">
        <v>36</v>
      </c>
      <c r="AG36245">
        <v>37</v>
      </c>
      <c r="AH36245">
        <v>37</v>
      </c>
      <c r="AI36245">
        <v>38</v>
      </c>
      <c r="AJ36245">
        <v>38</v>
      </c>
      <c r="AK36245">
        <v>38</v>
      </c>
      <c r="AL36245">
        <v>39</v>
      </c>
      <c r="AM36245">
        <v>39</v>
      </c>
      <c r="AN36245">
        <v>39</v>
      </c>
      <c r="AO36245">
        <v>39</v>
      </c>
      <c r="AP36245">
        <v>39</v>
      </c>
      <c r="AQ36245">
        <v>39</v>
      </c>
    </row>
    <row r="36246" spans="1:43">
      <c r="A36246" t="s">
        <v>22473</v>
      </c>
      <c r="B36246" t="s">
        <v>22474</v>
      </c>
      <c r="C36246" t="s">
        <v>22475</v>
      </c>
      <c r="D36246" t="s">
        <v>22476</v>
      </c>
      <c r="E36246" t="s">
        <v>22205</v>
      </c>
      <c r="F36246" t="s">
        <v>22206</v>
      </c>
      <c r="G36246" t="s">
        <v>20255</v>
      </c>
      <c r="H36246" t="s">
        <v>20256</v>
      </c>
      <c r="I36246" s="2">
        <v>1</v>
      </c>
      <c r="J36246" s="2">
        <v>0</v>
      </c>
      <c r="K36246" s="2">
        <v>0</v>
      </c>
      <c r="L36246" t="s">
        <v>120</v>
      </c>
      <c r="M36246" t="s">
        <v>83</v>
      </c>
      <c r="N36246" t="s">
        <v>84</v>
      </c>
      <c r="O36246" t="s">
        <v>85</v>
      </c>
      <c r="P36246" t="s">
        <v>86</v>
      </c>
      <c r="Q36246">
        <v>18</v>
      </c>
      <c r="R36246">
        <v>18</v>
      </c>
      <c r="S36246">
        <v>18</v>
      </c>
      <c r="T36246">
        <v>19</v>
      </c>
      <c r="U36246">
        <v>19</v>
      </c>
      <c r="V36246">
        <v>19</v>
      </c>
      <c r="W36246">
        <v>19</v>
      </c>
      <c r="X36246">
        <v>20</v>
      </c>
      <c r="Y36246">
        <v>20</v>
      </c>
      <c r="Z36246">
        <v>20</v>
      </c>
      <c r="AA36246">
        <v>20</v>
      </c>
      <c r="AB36246">
        <v>21</v>
      </c>
      <c r="AC36246">
        <v>21</v>
      </c>
      <c r="AD36246">
        <v>21</v>
      </c>
      <c r="AE36246">
        <v>21</v>
      </c>
      <c r="AF36246">
        <v>22</v>
      </c>
      <c r="AG36246">
        <v>22</v>
      </c>
      <c r="AH36246">
        <v>22</v>
      </c>
      <c r="AI36246">
        <v>22</v>
      </c>
      <c r="AJ36246">
        <v>22</v>
      </c>
      <c r="AK36246">
        <v>23</v>
      </c>
      <c r="AL36246">
        <v>23</v>
      </c>
      <c r="AM36246">
        <v>23</v>
      </c>
      <c r="AN36246">
        <v>23</v>
      </c>
      <c r="AO36246">
        <v>23</v>
      </c>
      <c r="AP36246">
        <v>23</v>
      </c>
      <c r="AQ36246">
        <v>23</v>
      </c>
    </row>
    <row r="36247" spans="1:43">
      <c r="A36247" t="s">
        <v>22473</v>
      </c>
      <c r="B36247" t="s">
        <v>22474</v>
      </c>
      <c r="C36247" t="s">
        <v>22475</v>
      </c>
      <c r="D36247" t="s">
        <v>22476</v>
      </c>
      <c r="E36247" t="s">
        <v>22205</v>
      </c>
      <c r="F36247" t="s">
        <v>22206</v>
      </c>
      <c r="G36247" t="s">
        <v>20255</v>
      </c>
      <c r="H36247" t="s">
        <v>20256</v>
      </c>
      <c r="I36247" s="2">
        <v>1</v>
      </c>
      <c r="J36247" s="2">
        <v>0</v>
      </c>
      <c r="K36247" s="2">
        <v>0</v>
      </c>
      <c r="L36247" t="s">
        <v>120</v>
      </c>
      <c r="M36247" t="s">
        <v>87</v>
      </c>
      <c r="N36247" t="s">
        <v>88</v>
      </c>
      <c r="O36247" t="s">
        <v>85</v>
      </c>
      <c r="P36247" t="s">
        <v>86</v>
      </c>
      <c r="Q36247">
        <v>18</v>
      </c>
      <c r="R36247">
        <v>18</v>
      </c>
      <c r="S36247">
        <v>18</v>
      </c>
      <c r="T36247">
        <v>18</v>
      </c>
      <c r="U36247">
        <v>18</v>
      </c>
      <c r="V36247">
        <v>18</v>
      </c>
      <c r="W36247">
        <v>18</v>
      </c>
      <c r="X36247">
        <v>18</v>
      </c>
      <c r="Y36247">
        <v>18</v>
      </c>
      <c r="Z36247">
        <v>19</v>
      </c>
      <c r="AA36247">
        <v>19</v>
      </c>
      <c r="AB36247">
        <v>19</v>
      </c>
      <c r="AC36247">
        <v>19</v>
      </c>
      <c r="AD36247">
        <v>19</v>
      </c>
      <c r="AE36247">
        <v>19</v>
      </c>
      <c r="AF36247">
        <v>19</v>
      </c>
      <c r="AG36247">
        <v>19</v>
      </c>
      <c r="AH36247">
        <v>19</v>
      </c>
      <c r="AI36247">
        <v>19</v>
      </c>
      <c r="AJ36247">
        <v>19</v>
      </c>
      <c r="AK36247">
        <v>19</v>
      </c>
      <c r="AL36247">
        <v>20</v>
      </c>
      <c r="AM36247">
        <v>20</v>
      </c>
      <c r="AN36247">
        <v>20</v>
      </c>
      <c r="AO36247">
        <v>20</v>
      </c>
      <c r="AP36247">
        <v>20</v>
      </c>
      <c r="AQ36247">
        <v>20</v>
      </c>
    </row>
    <row r="36248" spans="1:43">
      <c r="A36248" t="s">
        <v>22473</v>
      </c>
      <c r="B36248" t="s">
        <v>22474</v>
      </c>
      <c r="C36248" t="s">
        <v>22475</v>
      </c>
      <c r="D36248" t="s">
        <v>22476</v>
      </c>
      <c r="E36248" t="s">
        <v>22205</v>
      </c>
      <c r="F36248" t="s">
        <v>22206</v>
      </c>
      <c r="G36248" t="s">
        <v>20255</v>
      </c>
      <c r="H36248" t="s">
        <v>20256</v>
      </c>
      <c r="I36248" s="2">
        <v>1</v>
      </c>
      <c r="J36248" s="2">
        <v>0</v>
      </c>
      <c r="K36248" s="2">
        <v>0</v>
      </c>
      <c r="L36248" t="s">
        <v>120</v>
      </c>
      <c r="M36248" t="s">
        <v>89</v>
      </c>
      <c r="N36248" t="s">
        <v>90</v>
      </c>
      <c r="O36248" t="s">
        <v>85</v>
      </c>
      <c r="P36248" t="s">
        <v>86</v>
      </c>
      <c r="Q36248">
        <v>18</v>
      </c>
      <c r="R36248">
        <v>19</v>
      </c>
      <c r="S36248">
        <v>19</v>
      </c>
      <c r="T36248">
        <v>19</v>
      </c>
      <c r="U36248">
        <v>20</v>
      </c>
      <c r="V36248">
        <v>20</v>
      </c>
      <c r="W36248">
        <v>20</v>
      </c>
      <c r="X36248">
        <v>21</v>
      </c>
      <c r="Y36248">
        <v>21</v>
      </c>
      <c r="Z36248">
        <v>21</v>
      </c>
      <c r="AA36248">
        <v>22</v>
      </c>
      <c r="AB36248">
        <v>22</v>
      </c>
      <c r="AC36248">
        <v>22</v>
      </c>
      <c r="AD36248">
        <v>23</v>
      </c>
      <c r="AE36248">
        <v>23</v>
      </c>
      <c r="AF36248">
        <v>23</v>
      </c>
      <c r="AG36248">
        <v>23</v>
      </c>
      <c r="AH36248">
        <v>23</v>
      </c>
      <c r="AI36248">
        <v>23</v>
      </c>
      <c r="AJ36248">
        <v>23</v>
      </c>
      <c r="AK36248">
        <v>23</v>
      </c>
      <c r="AL36248">
        <v>23</v>
      </c>
      <c r="AM36248">
        <v>23</v>
      </c>
      <c r="AN36248">
        <v>23</v>
      </c>
      <c r="AO36248">
        <v>23</v>
      </c>
      <c r="AP36248">
        <v>23</v>
      </c>
      <c r="AQ36248">
        <v>23</v>
      </c>
    </row>
    <row r="36249" spans="1:43">
      <c r="A36249" t="s">
        <v>22473</v>
      </c>
      <c r="B36249" t="s">
        <v>22474</v>
      </c>
      <c r="C36249" t="s">
        <v>22475</v>
      </c>
      <c r="D36249" t="s">
        <v>22476</v>
      </c>
      <c r="E36249" t="s">
        <v>22205</v>
      </c>
      <c r="F36249" t="s">
        <v>22206</v>
      </c>
      <c r="G36249" t="s">
        <v>20255</v>
      </c>
      <c r="H36249" t="s">
        <v>20256</v>
      </c>
      <c r="I36249" s="2">
        <v>1</v>
      </c>
      <c r="J36249" s="2">
        <v>0</v>
      </c>
      <c r="K36249" s="2">
        <v>0</v>
      </c>
      <c r="L36249" t="s">
        <v>120</v>
      </c>
      <c r="M36249" t="s">
        <v>83</v>
      </c>
      <c r="N36249" t="s">
        <v>91</v>
      </c>
      <c r="O36249" t="s">
        <v>85</v>
      </c>
      <c r="P36249" t="s">
        <v>86</v>
      </c>
      <c r="Q36249">
        <v>18</v>
      </c>
      <c r="R36249">
        <v>18</v>
      </c>
      <c r="S36249">
        <v>18</v>
      </c>
      <c r="T36249">
        <v>19</v>
      </c>
      <c r="U36249">
        <v>19</v>
      </c>
      <c r="V36249">
        <v>19</v>
      </c>
      <c r="W36249">
        <v>19</v>
      </c>
      <c r="X36249">
        <v>20</v>
      </c>
      <c r="Y36249">
        <v>20</v>
      </c>
      <c r="Z36249">
        <v>20</v>
      </c>
      <c r="AA36249">
        <v>20</v>
      </c>
      <c r="AB36249">
        <v>21</v>
      </c>
      <c r="AC36249">
        <v>21</v>
      </c>
      <c r="AD36249">
        <v>21</v>
      </c>
      <c r="AE36249">
        <v>21</v>
      </c>
      <c r="AF36249">
        <v>22</v>
      </c>
      <c r="AG36249">
        <v>22</v>
      </c>
      <c r="AH36249">
        <v>22</v>
      </c>
      <c r="AI36249">
        <v>22</v>
      </c>
      <c r="AJ36249">
        <v>22</v>
      </c>
      <c r="AK36249">
        <v>23</v>
      </c>
      <c r="AL36249">
        <v>23</v>
      </c>
      <c r="AM36249">
        <v>23</v>
      </c>
      <c r="AN36249">
        <v>23</v>
      </c>
      <c r="AO36249">
        <v>23</v>
      </c>
      <c r="AP36249">
        <v>23</v>
      </c>
      <c r="AQ36249">
        <v>23</v>
      </c>
    </row>
    <row r="36250" spans="1:43">
      <c r="A36250" t="s">
        <v>22477</v>
      </c>
      <c r="B36250" t="s">
        <v>22478</v>
      </c>
      <c r="C36250" t="s">
        <v>22475</v>
      </c>
      <c r="D36250" t="s">
        <v>22476</v>
      </c>
      <c r="E36250" t="s">
        <v>22205</v>
      </c>
      <c r="F36250" t="s">
        <v>22206</v>
      </c>
      <c r="G36250" t="s">
        <v>20255</v>
      </c>
      <c r="H36250" t="s">
        <v>20256</v>
      </c>
      <c r="I36250" s="2">
        <v>1</v>
      </c>
      <c r="J36250" s="2">
        <v>0</v>
      </c>
      <c r="K36250" s="2">
        <v>0</v>
      </c>
      <c r="L36250" t="s">
        <v>120</v>
      </c>
      <c r="M36250" t="s">
        <v>83</v>
      </c>
      <c r="N36250" t="s">
        <v>84</v>
      </c>
      <c r="O36250" t="s">
        <v>85</v>
      </c>
      <c r="P36250" t="s">
        <v>86</v>
      </c>
      <c r="Q36250">
        <v>11</v>
      </c>
      <c r="R36250">
        <v>11</v>
      </c>
      <c r="S36250">
        <v>11</v>
      </c>
      <c r="T36250">
        <v>11</v>
      </c>
      <c r="U36250">
        <v>12</v>
      </c>
      <c r="V36250">
        <v>12</v>
      </c>
      <c r="W36250">
        <v>12</v>
      </c>
      <c r="X36250">
        <v>12</v>
      </c>
      <c r="Y36250">
        <v>12</v>
      </c>
      <c r="Z36250">
        <v>13</v>
      </c>
      <c r="AA36250">
        <v>13</v>
      </c>
      <c r="AB36250">
        <v>13</v>
      </c>
      <c r="AC36250">
        <v>13</v>
      </c>
      <c r="AD36250">
        <v>14</v>
      </c>
      <c r="AE36250">
        <v>14</v>
      </c>
      <c r="AF36250">
        <v>14</v>
      </c>
      <c r="AG36250">
        <v>14</v>
      </c>
      <c r="AH36250">
        <v>14</v>
      </c>
      <c r="AI36250">
        <v>15</v>
      </c>
      <c r="AJ36250">
        <v>15</v>
      </c>
      <c r="AK36250">
        <v>15</v>
      </c>
      <c r="AL36250">
        <v>15</v>
      </c>
      <c r="AM36250">
        <v>15</v>
      </c>
      <c r="AN36250">
        <v>15</v>
      </c>
      <c r="AO36250">
        <v>16</v>
      </c>
      <c r="AP36250">
        <v>16</v>
      </c>
      <c r="AQ36250">
        <v>16</v>
      </c>
    </row>
    <row r="36251" spans="1:43">
      <c r="A36251" t="s">
        <v>22477</v>
      </c>
      <c r="B36251" t="s">
        <v>22478</v>
      </c>
      <c r="C36251" t="s">
        <v>22475</v>
      </c>
      <c r="D36251" t="s">
        <v>22476</v>
      </c>
      <c r="E36251" t="s">
        <v>22205</v>
      </c>
      <c r="F36251" t="s">
        <v>22206</v>
      </c>
      <c r="G36251" t="s">
        <v>20255</v>
      </c>
      <c r="H36251" t="s">
        <v>20256</v>
      </c>
      <c r="I36251" s="2">
        <v>1</v>
      </c>
      <c r="J36251" s="2">
        <v>0</v>
      </c>
      <c r="K36251" s="2">
        <v>0</v>
      </c>
      <c r="L36251" t="s">
        <v>120</v>
      </c>
      <c r="M36251" t="s">
        <v>87</v>
      </c>
      <c r="N36251" t="s">
        <v>88</v>
      </c>
      <c r="O36251" t="s">
        <v>85</v>
      </c>
      <c r="P36251" t="s">
        <v>86</v>
      </c>
      <c r="Q36251">
        <v>11</v>
      </c>
      <c r="R36251">
        <v>11</v>
      </c>
      <c r="S36251">
        <v>11</v>
      </c>
      <c r="T36251">
        <v>11</v>
      </c>
      <c r="U36251">
        <v>11</v>
      </c>
      <c r="V36251">
        <v>11</v>
      </c>
      <c r="W36251">
        <v>11</v>
      </c>
      <c r="X36251">
        <v>11</v>
      </c>
      <c r="Y36251">
        <v>12</v>
      </c>
      <c r="Z36251">
        <v>12</v>
      </c>
      <c r="AA36251">
        <v>12</v>
      </c>
      <c r="AB36251">
        <v>12</v>
      </c>
      <c r="AC36251">
        <v>12</v>
      </c>
      <c r="AD36251">
        <v>12</v>
      </c>
      <c r="AE36251">
        <v>12</v>
      </c>
      <c r="AF36251">
        <v>12</v>
      </c>
      <c r="AG36251">
        <v>13</v>
      </c>
      <c r="AH36251">
        <v>13</v>
      </c>
      <c r="AI36251">
        <v>13</v>
      </c>
      <c r="AJ36251">
        <v>13</v>
      </c>
      <c r="AK36251">
        <v>13</v>
      </c>
      <c r="AL36251">
        <v>13</v>
      </c>
      <c r="AM36251">
        <v>13</v>
      </c>
      <c r="AN36251">
        <v>13</v>
      </c>
      <c r="AO36251">
        <v>14</v>
      </c>
      <c r="AP36251">
        <v>14</v>
      </c>
      <c r="AQ36251">
        <v>14</v>
      </c>
    </row>
    <row r="36252" spans="1:43">
      <c r="A36252" t="s">
        <v>22477</v>
      </c>
      <c r="B36252" t="s">
        <v>22478</v>
      </c>
      <c r="C36252" t="s">
        <v>22475</v>
      </c>
      <c r="D36252" t="s">
        <v>22476</v>
      </c>
      <c r="E36252" t="s">
        <v>22205</v>
      </c>
      <c r="F36252" t="s">
        <v>22206</v>
      </c>
      <c r="G36252" t="s">
        <v>20255</v>
      </c>
      <c r="H36252" t="s">
        <v>20256</v>
      </c>
      <c r="I36252" s="2">
        <v>1</v>
      </c>
      <c r="J36252" s="2">
        <v>0</v>
      </c>
      <c r="K36252" s="2">
        <v>0</v>
      </c>
      <c r="L36252" t="s">
        <v>120</v>
      </c>
      <c r="M36252" t="s">
        <v>89</v>
      </c>
      <c r="N36252" t="s">
        <v>90</v>
      </c>
      <c r="O36252" t="s">
        <v>85</v>
      </c>
      <c r="P36252" t="s">
        <v>86</v>
      </c>
      <c r="Q36252">
        <v>11</v>
      </c>
      <c r="R36252">
        <v>11</v>
      </c>
      <c r="S36252">
        <v>11</v>
      </c>
      <c r="T36252">
        <v>12</v>
      </c>
      <c r="U36252">
        <v>12</v>
      </c>
      <c r="V36252">
        <v>12</v>
      </c>
      <c r="W36252">
        <v>13</v>
      </c>
      <c r="X36252">
        <v>13</v>
      </c>
      <c r="Y36252">
        <v>13</v>
      </c>
      <c r="Z36252">
        <v>13</v>
      </c>
      <c r="AA36252">
        <v>14</v>
      </c>
      <c r="AB36252">
        <v>14</v>
      </c>
      <c r="AC36252">
        <v>14</v>
      </c>
      <c r="AD36252">
        <v>14</v>
      </c>
      <c r="AE36252">
        <v>15</v>
      </c>
      <c r="AF36252">
        <v>15</v>
      </c>
      <c r="AG36252">
        <v>15</v>
      </c>
      <c r="AH36252">
        <v>15</v>
      </c>
      <c r="AI36252">
        <v>15</v>
      </c>
      <c r="AJ36252">
        <v>15</v>
      </c>
      <c r="AK36252">
        <v>15</v>
      </c>
      <c r="AL36252">
        <v>15</v>
      </c>
      <c r="AM36252">
        <v>15</v>
      </c>
      <c r="AN36252">
        <v>16</v>
      </c>
      <c r="AO36252">
        <v>16</v>
      </c>
      <c r="AP36252">
        <v>16</v>
      </c>
      <c r="AQ36252">
        <v>16</v>
      </c>
    </row>
    <row r="36253" spans="1:43">
      <c r="A36253" t="s">
        <v>22477</v>
      </c>
      <c r="B36253" t="s">
        <v>22478</v>
      </c>
      <c r="C36253" t="s">
        <v>22475</v>
      </c>
      <c r="D36253" t="s">
        <v>22476</v>
      </c>
      <c r="E36253" t="s">
        <v>22205</v>
      </c>
      <c r="F36253" t="s">
        <v>22206</v>
      </c>
      <c r="G36253" t="s">
        <v>20255</v>
      </c>
      <c r="H36253" t="s">
        <v>20256</v>
      </c>
      <c r="I36253" s="2">
        <v>1</v>
      </c>
      <c r="J36253" s="2">
        <v>0</v>
      </c>
      <c r="K36253" s="2">
        <v>0</v>
      </c>
      <c r="L36253" t="s">
        <v>120</v>
      </c>
      <c r="M36253" t="s">
        <v>83</v>
      </c>
      <c r="N36253" t="s">
        <v>91</v>
      </c>
      <c r="O36253" t="s">
        <v>85</v>
      </c>
      <c r="P36253" t="s">
        <v>86</v>
      </c>
      <c r="Q36253">
        <v>11</v>
      </c>
      <c r="R36253">
        <v>11</v>
      </c>
      <c r="S36253">
        <v>11</v>
      </c>
      <c r="T36253">
        <v>11</v>
      </c>
      <c r="U36253">
        <v>12</v>
      </c>
      <c r="V36253">
        <v>12</v>
      </c>
      <c r="W36253">
        <v>12</v>
      </c>
      <c r="X36253">
        <v>12</v>
      </c>
      <c r="Y36253">
        <v>12</v>
      </c>
      <c r="Z36253">
        <v>13</v>
      </c>
      <c r="AA36253">
        <v>13</v>
      </c>
      <c r="AB36253">
        <v>13</v>
      </c>
      <c r="AC36253">
        <v>13</v>
      </c>
      <c r="AD36253">
        <v>14</v>
      </c>
      <c r="AE36253">
        <v>14</v>
      </c>
      <c r="AF36253">
        <v>14</v>
      </c>
      <c r="AG36253">
        <v>14</v>
      </c>
      <c r="AH36253">
        <v>14</v>
      </c>
      <c r="AI36253">
        <v>15</v>
      </c>
      <c r="AJ36253">
        <v>15</v>
      </c>
      <c r="AK36253">
        <v>15</v>
      </c>
      <c r="AL36253">
        <v>15</v>
      </c>
      <c r="AM36253">
        <v>15</v>
      </c>
      <c r="AN36253">
        <v>15</v>
      </c>
      <c r="AO36253">
        <v>16</v>
      </c>
      <c r="AP36253">
        <v>16</v>
      </c>
      <c r="AQ36253">
        <v>16</v>
      </c>
    </row>
    <row r="36254" spans="1:43">
      <c r="A36254" t="s">
        <v>22479</v>
      </c>
      <c r="B36254" t="s">
        <v>22480</v>
      </c>
      <c r="C36254" t="s">
        <v>22391</v>
      </c>
      <c r="D36254" t="s">
        <v>22392</v>
      </c>
      <c r="E36254" t="s">
        <v>22205</v>
      </c>
      <c r="F36254" t="s">
        <v>22206</v>
      </c>
      <c r="G36254" t="s">
        <v>20255</v>
      </c>
      <c r="H36254" t="s">
        <v>20256</v>
      </c>
      <c r="I36254" s="2">
        <v>1</v>
      </c>
      <c r="J36254" s="2">
        <v>0</v>
      </c>
      <c r="K36254" s="2">
        <v>0</v>
      </c>
      <c r="L36254" t="s">
        <v>120</v>
      </c>
      <c r="M36254" t="s">
        <v>83</v>
      </c>
      <c r="N36254" t="s">
        <v>84</v>
      </c>
      <c r="O36254" t="s">
        <v>85</v>
      </c>
      <c r="P36254" t="s">
        <v>86</v>
      </c>
      <c r="Q36254">
        <v>6</v>
      </c>
      <c r="R36254">
        <v>7</v>
      </c>
      <c r="S36254">
        <v>7</v>
      </c>
      <c r="T36254">
        <v>7</v>
      </c>
      <c r="U36254">
        <v>7</v>
      </c>
      <c r="V36254">
        <v>7</v>
      </c>
      <c r="W36254">
        <v>7</v>
      </c>
      <c r="X36254">
        <v>7</v>
      </c>
      <c r="Y36254">
        <v>7</v>
      </c>
      <c r="Z36254">
        <v>8</v>
      </c>
      <c r="AA36254">
        <v>8</v>
      </c>
      <c r="AB36254">
        <v>8</v>
      </c>
      <c r="AC36254">
        <v>8</v>
      </c>
      <c r="AD36254">
        <v>8</v>
      </c>
      <c r="AE36254">
        <v>8</v>
      </c>
      <c r="AF36254">
        <v>8</v>
      </c>
      <c r="AG36254">
        <v>8</v>
      </c>
      <c r="AH36254">
        <v>9</v>
      </c>
      <c r="AI36254">
        <v>9</v>
      </c>
      <c r="AJ36254">
        <v>9</v>
      </c>
      <c r="AK36254">
        <v>9</v>
      </c>
      <c r="AL36254">
        <v>9</v>
      </c>
      <c r="AM36254">
        <v>9</v>
      </c>
      <c r="AN36254">
        <v>9</v>
      </c>
      <c r="AO36254">
        <v>9</v>
      </c>
      <c r="AP36254">
        <v>9</v>
      </c>
      <c r="AQ36254">
        <v>9</v>
      </c>
    </row>
    <row r="36255" spans="1:43">
      <c r="A36255" t="s">
        <v>22479</v>
      </c>
      <c r="B36255" t="s">
        <v>22480</v>
      </c>
      <c r="C36255" t="s">
        <v>22391</v>
      </c>
      <c r="D36255" t="s">
        <v>22392</v>
      </c>
      <c r="E36255" t="s">
        <v>22205</v>
      </c>
      <c r="F36255" t="s">
        <v>22206</v>
      </c>
      <c r="G36255" t="s">
        <v>20255</v>
      </c>
      <c r="H36255" t="s">
        <v>20256</v>
      </c>
      <c r="I36255" s="2">
        <v>1</v>
      </c>
      <c r="J36255" s="2">
        <v>0</v>
      </c>
      <c r="K36255" s="2">
        <v>0</v>
      </c>
      <c r="L36255" t="s">
        <v>120</v>
      </c>
      <c r="M36255" t="s">
        <v>87</v>
      </c>
      <c r="N36255" t="s">
        <v>88</v>
      </c>
      <c r="O36255" t="s">
        <v>85</v>
      </c>
      <c r="P36255" t="s">
        <v>86</v>
      </c>
      <c r="Q36255">
        <v>6</v>
      </c>
      <c r="R36255">
        <v>6</v>
      </c>
      <c r="S36255">
        <v>6</v>
      </c>
      <c r="T36255">
        <v>7</v>
      </c>
      <c r="U36255">
        <v>7</v>
      </c>
      <c r="V36255">
        <v>7</v>
      </c>
      <c r="W36255">
        <v>7</v>
      </c>
      <c r="X36255">
        <v>7</v>
      </c>
      <c r="Y36255">
        <v>7</v>
      </c>
      <c r="Z36255">
        <v>7</v>
      </c>
      <c r="AA36255">
        <v>7</v>
      </c>
      <c r="AB36255">
        <v>7</v>
      </c>
      <c r="AC36255">
        <v>7</v>
      </c>
      <c r="AD36255">
        <v>7</v>
      </c>
      <c r="AE36255">
        <v>7</v>
      </c>
      <c r="AF36255">
        <v>7</v>
      </c>
      <c r="AG36255">
        <v>7</v>
      </c>
      <c r="AH36255">
        <v>7</v>
      </c>
      <c r="AI36255">
        <v>8</v>
      </c>
      <c r="AJ36255">
        <v>8</v>
      </c>
      <c r="AK36255">
        <v>8</v>
      </c>
      <c r="AL36255">
        <v>8</v>
      </c>
      <c r="AM36255">
        <v>8</v>
      </c>
      <c r="AN36255">
        <v>8</v>
      </c>
      <c r="AO36255">
        <v>8</v>
      </c>
      <c r="AP36255">
        <v>8</v>
      </c>
      <c r="AQ36255">
        <v>8</v>
      </c>
    </row>
    <row r="36256" spans="1:43">
      <c r="A36256" t="s">
        <v>22479</v>
      </c>
      <c r="B36256" t="s">
        <v>22480</v>
      </c>
      <c r="C36256" t="s">
        <v>22391</v>
      </c>
      <c r="D36256" t="s">
        <v>22392</v>
      </c>
      <c r="E36256" t="s">
        <v>22205</v>
      </c>
      <c r="F36256" t="s">
        <v>22206</v>
      </c>
      <c r="G36256" t="s">
        <v>20255</v>
      </c>
      <c r="H36256" t="s">
        <v>20256</v>
      </c>
      <c r="I36256" s="2">
        <v>1</v>
      </c>
      <c r="J36256" s="2">
        <v>0</v>
      </c>
      <c r="K36256" s="2">
        <v>0</v>
      </c>
      <c r="L36256" t="s">
        <v>120</v>
      </c>
      <c r="M36256" t="s">
        <v>89</v>
      </c>
      <c r="N36256" t="s">
        <v>90</v>
      </c>
      <c r="O36256" t="s">
        <v>85</v>
      </c>
      <c r="P36256" t="s">
        <v>86</v>
      </c>
      <c r="Q36256">
        <v>6</v>
      </c>
      <c r="R36256">
        <v>7</v>
      </c>
      <c r="S36256">
        <v>7</v>
      </c>
      <c r="T36256">
        <v>7</v>
      </c>
      <c r="U36256">
        <v>7</v>
      </c>
      <c r="V36256">
        <v>7</v>
      </c>
      <c r="W36256">
        <v>7</v>
      </c>
      <c r="X36256">
        <v>8</v>
      </c>
      <c r="Y36256">
        <v>8</v>
      </c>
      <c r="Z36256">
        <v>8</v>
      </c>
      <c r="AA36256">
        <v>8</v>
      </c>
      <c r="AB36256">
        <v>8</v>
      </c>
      <c r="AC36256">
        <v>8</v>
      </c>
      <c r="AD36256">
        <v>9</v>
      </c>
      <c r="AE36256">
        <v>9</v>
      </c>
      <c r="AF36256">
        <v>9</v>
      </c>
      <c r="AG36256">
        <v>9</v>
      </c>
      <c r="AH36256">
        <v>9</v>
      </c>
      <c r="AI36256">
        <v>9</v>
      </c>
      <c r="AJ36256">
        <v>9</v>
      </c>
      <c r="AK36256">
        <v>9</v>
      </c>
      <c r="AL36256">
        <v>9</v>
      </c>
      <c r="AM36256">
        <v>9</v>
      </c>
      <c r="AN36256">
        <v>9</v>
      </c>
      <c r="AO36256">
        <v>9</v>
      </c>
      <c r="AP36256">
        <v>9</v>
      </c>
      <c r="AQ36256">
        <v>9</v>
      </c>
    </row>
    <row r="36257" spans="1:43">
      <c r="A36257" t="s">
        <v>22479</v>
      </c>
      <c r="B36257" t="s">
        <v>22480</v>
      </c>
      <c r="C36257" t="s">
        <v>22391</v>
      </c>
      <c r="D36257" t="s">
        <v>22392</v>
      </c>
      <c r="E36257" t="s">
        <v>22205</v>
      </c>
      <c r="F36257" t="s">
        <v>22206</v>
      </c>
      <c r="G36257" t="s">
        <v>20255</v>
      </c>
      <c r="H36257" t="s">
        <v>20256</v>
      </c>
      <c r="I36257" s="2">
        <v>1</v>
      </c>
      <c r="J36257" s="2">
        <v>0</v>
      </c>
      <c r="K36257" s="2">
        <v>0</v>
      </c>
      <c r="L36257" t="s">
        <v>120</v>
      </c>
      <c r="M36257" t="s">
        <v>83</v>
      </c>
      <c r="N36257" t="s">
        <v>91</v>
      </c>
      <c r="O36257" t="s">
        <v>85</v>
      </c>
      <c r="P36257" t="s">
        <v>86</v>
      </c>
      <c r="Q36257">
        <v>6</v>
      </c>
      <c r="R36257">
        <v>7</v>
      </c>
      <c r="S36257">
        <v>7</v>
      </c>
      <c r="T36257">
        <v>7</v>
      </c>
      <c r="U36257">
        <v>7</v>
      </c>
      <c r="V36257">
        <v>7</v>
      </c>
      <c r="W36257">
        <v>7</v>
      </c>
      <c r="X36257">
        <v>7</v>
      </c>
      <c r="Y36257">
        <v>7</v>
      </c>
      <c r="Z36257">
        <v>8</v>
      </c>
      <c r="AA36257">
        <v>8</v>
      </c>
      <c r="AB36257">
        <v>8</v>
      </c>
      <c r="AC36257">
        <v>8</v>
      </c>
      <c r="AD36257">
        <v>8</v>
      </c>
      <c r="AE36257">
        <v>8</v>
      </c>
      <c r="AF36257">
        <v>8</v>
      </c>
      <c r="AG36257">
        <v>8</v>
      </c>
      <c r="AH36257">
        <v>9</v>
      </c>
      <c r="AI36257">
        <v>9</v>
      </c>
      <c r="AJ36257">
        <v>9</v>
      </c>
      <c r="AK36257">
        <v>9</v>
      </c>
      <c r="AL36257">
        <v>9</v>
      </c>
      <c r="AM36257">
        <v>9</v>
      </c>
      <c r="AN36257">
        <v>9</v>
      </c>
      <c r="AO36257">
        <v>9</v>
      </c>
      <c r="AP36257">
        <v>9</v>
      </c>
      <c r="AQ36257">
        <v>9</v>
      </c>
    </row>
    <row r="36258" spans="1:43">
      <c r="A36258" t="s">
        <v>22481</v>
      </c>
      <c r="B36258" t="s">
        <v>22482</v>
      </c>
      <c r="C36258" t="s">
        <v>22391</v>
      </c>
      <c r="D36258" t="s">
        <v>22392</v>
      </c>
      <c r="E36258" t="s">
        <v>22205</v>
      </c>
      <c r="F36258" t="s">
        <v>22206</v>
      </c>
      <c r="G36258" t="s">
        <v>20255</v>
      </c>
      <c r="H36258" t="s">
        <v>20256</v>
      </c>
      <c r="I36258" s="2">
        <v>1</v>
      </c>
      <c r="J36258" s="2">
        <v>0</v>
      </c>
      <c r="K36258" s="2">
        <v>0</v>
      </c>
      <c r="L36258" t="s">
        <v>120</v>
      </c>
      <c r="M36258" t="s">
        <v>83</v>
      </c>
      <c r="N36258" t="s">
        <v>84</v>
      </c>
      <c r="O36258" t="s">
        <v>85</v>
      </c>
      <c r="P36258" t="s">
        <v>86</v>
      </c>
      <c r="Q36258">
        <v>12</v>
      </c>
      <c r="R36258">
        <v>12</v>
      </c>
      <c r="S36258">
        <v>13</v>
      </c>
      <c r="T36258">
        <v>13</v>
      </c>
      <c r="U36258">
        <v>13</v>
      </c>
      <c r="V36258">
        <v>13</v>
      </c>
      <c r="W36258">
        <v>14</v>
      </c>
      <c r="X36258">
        <v>14</v>
      </c>
      <c r="Y36258">
        <v>14</v>
      </c>
      <c r="Z36258">
        <v>14</v>
      </c>
      <c r="AA36258">
        <v>15</v>
      </c>
      <c r="AB36258">
        <v>15</v>
      </c>
      <c r="AC36258">
        <v>15</v>
      </c>
      <c r="AD36258">
        <v>15</v>
      </c>
      <c r="AE36258">
        <v>16</v>
      </c>
      <c r="AF36258">
        <v>16</v>
      </c>
      <c r="AG36258">
        <v>16</v>
      </c>
      <c r="AH36258">
        <v>16</v>
      </c>
      <c r="AI36258">
        <v>17</v>
      </c>
      <c r="AJ36258">
        <v>17</v>
      </c>
      <c r="AK36258">
        <v>17</v>
      </c>
      <c r="AL36258">
        <v>17</v>
      </c>
      <c r="AM36258">
        <v>17</v>
      </c>
      <c r="AN36258">
        <v>17</v>
      </c>
      <c r="AO36258">
        <v>18</v>
      </c>
      <c r="AP36258">
        <v>18</v>
      </c>
      <c r="AQ36258">
        <v>18</v>
      </c>
    </row>
    <row r="36259" spans="1:43">
      <c r="A36259" t="s">
        <v>22481</v>
      </c>
      <c r="B36259" t="s">
        <v>22482</v>
      </c>
      <c r="C36259" t="s">
        <v>22391</v>
      </c>
      <c r="D36259" t="s">
        <v>22392</v>
      </c>
      <c r="E36259" t="s">
        <v>22205</v>
      </c>
      <c r="F36259" t="s">
        <v>22206</v>
      </c>
      <c r="G36259" t="s">
        <v>20255</v>
      </c>
      <c r="H36259" t="s">
        <v>20256</v>
      </c>
      <c r="I36259" s="2">
        <v>1</v>
      </c>
      <c r="J36259" s="2">
        <v>0</v>
      </c>
      <c r="K36259" s="2">
        <v>0</v>
      </c>
      <c r="L36259" t="s">
        <v>120</v>
      </c>
      <c r="M36259" t="s">
        <v>87</v>
      </c>
      <c r="N36259" t="s">
        <v>88</v>
      </c>
      <c r="O36259" t="s">
        <v>85</v>
      </c>
      <c r="P36259" t="s">
        <v>86</v>
      </c>
      <c r="Q36259">
        <v>12</v>
      </c>
      <c r="R36259">
        <v>12</v>
      </c>
      <c r="S36259">
        <v>12</v>
      </c>
      <c r="T36259">
        <v>12</v>
      </c>
      <c r="U36259">
        <v>13</v>
      </c>
      <c r="V36259">
        <v>13</v>
      </c>
      <c r="W36259">
        <v>13</v>
      </c>
      <c r="X36259">
        <v>13</v>
      </c>
      <c r="Y36259">
        <v>13</v>
      </c>
      <c r="Z36259">
        <v>13</v>
      </c>
      <c r="AA36259">
        <v>13</v>
      </c>
      <c r="AB36259">
        <v>13</v>
      </c>
      <c r="AC36259">
        <v>14</v>
      </c>
      <c r="AD36259">
        <v>14</v>
      </c>
      <c r="AE36259">
        <v>14</v>
      </c>
      <c r="AF36259">
        <v>14</v>
      </c>
      <c r="AG36259">
        <v>14</v>
      </c>
      <c r="AH36259">
        <v>14</v>
      </c>
      <c r="AI36259">
        <v>14</v>
      </c>
      <c r="AJ36259">
        <v>15</v>
      </c>
      <c r="AK36259">
        <v>15</v>
      </c>
      <c r="AL36259">
        <v>15</v>
      </c>
      <c r="AM36259">
        <v>15</v>
      </c>
      <c r="AN36259">
        <v>15</v>
      </c>
      <c r="AO36259">
        <v>15</v>
      </c>
      <c r="AP36259">
        <v>15</v>
      </c>
      <c r="AQ36259">
        <v>16</v>
      </c>
    </row>
    <row r="36260" spans="1:43">
      <c r="A36260" t="s">
        <v>22481</v>
      </c>
      <c r="B36260" t="s">
        <v>22482</v>
      </c>
      <c r="C36260" t="s">
        <v>22391</v>
      </c>
      <c r="D36260" t="s">
        <v>22392</v>
      </c>
      <c r="E36260" t="s">
        <v>22205</v>
      </c>
      <c r="F36260" t="s">
        <v>22206</v>
      </c>
      <c r="G36260" t="s">
        <v>20255</v>
      </c>
      <c r="H36260" t="s">
        <v>20256</v>
      </c>
      <c r="I36260" s="2">
        <v>1</v>
      </c>
      <c r="J36260" s="2">
        <v>0</v>
      </c>
      <c r="K36260" s="2">
        <v>0</v>
      </c>
      <c r="L36260" t="s">
        <v>120</v>
      </c>
      <c r="M36260" t="s">
        <v>89</v>
      </c>
      <c r="N36260" t="s">
        <v>90</v>
      </c>
      <c r="O36260" t="s">
        <v>85</v>
      </c>
      <c r="P36260" t="s">
        <v>86</v>
      </c>
      <c r="Q36260">
        <v>12</v>
      </c>
      <c r="R36260">
        <v>13</v>
      </c>
      <c r="S36260">
        <v>13</v>
      </c>
      <c r="T36260">
        <v>13</v>
      </c>
      <c r="U36260">
        <v>14</v>
      </c>
      <c r="V36260">
        <v>14</v>
      </c>
      <c r="W36260">
        <v>14</v>
      </c>
      <c r="X36260">
        <v>15</v>
      </c>
      <c r="Y36260">
        <v>15</v>
      </c>
      <c r="Z36260">
        <v>15</v>
      </c>
      <c r="AA36260">
        <v>15</v>
      </c>
      <c r="AB36260">
        <v>16</v>
      </c>
      <c r="AC36260">
        <v>16</v>
      </c>
      <c r="AD36260">
        <v>16</v>
      </c>
      <c r="AE36260">
        <v>17</v>
      </c>
      <c r="AF36260">
        <v>17</v>
      </c>
      <c r="AG36260">
        <v>17</v>
      </c>
      <c r="AH36260">
        <v>17</v>
      </c>
      <c r="AI36260">
        <v>17</v>
      </c>
      <c r="AJ36260">
        <v>17</v>
      </c>
      <c r="AK36260">
        <v>17</v>
      </c>
      <c r="AL36260">
        <v>17</v>
      </c>
      <c r="AM36260">
        <v>17</v>
      </c>
      <c r="AN36260">
        <v>18</v>
      </c>
      <c r="AO36260">
        <v>18</v>
      </c>
      <c r="AP36260">
        <v>18</v>
      </c>
      <c r="AQ36260">
        <v>18</v>
      </c>
    </row>
    <row r="36261" spans="1:43">
      <c r="A36261" t="s">
        <v>22481</v>
      </c>
      <c r="B36261" t="s">
        <v>22482</v>
      </c>
      <c r="C36261" t="s">
        <v>22391</v>
      </c>
      <c r="D36261" t="s">
        <v>22392</v>
      </c>
      <c r="E36261" t="s">
        <v>22205</v>
      </c>
      <c r="F36261" t="s">
        <v>22206</v>
      </c>
      <c r="G36261" t="s">
        <v>20255</v>
      </c>
      <c r="H36261" t="s">
        <v>20256</v>
      </c>
      <c r="I36261" s="2">
        <v>1</v>
      </c>
      <c r="J36261" s="2">
        <v>0</v>
      </c>
      <c r="K36261" s="2">
        <v>0</v>
      </c>
      <c r="L36261" t="s">
        <v>120</v>
      </c>
      <c r="M36261" t="s">
        <v>83</v>
      </c>
      <c r="N36261" t="s">
        <v>91</v>
      </c>
      <c r="O36261" t="s">
        <v>85</v>
      </c>
      <c r="P36261" t="s">
        <v>86</v>
      </c>
      <c r="Q36261">
        <v>12</v>
      </c>
      <c r="R36261">
        <v>12</v>
      </c>
      <c r="S36261">
        <v>13</v>
      </c>
      <c r="T36261">
        <v>13</v>
      </c>
      <c r="U36261">
        <v>13</v>
      </c>
      <c r="V36261">
        <v>13</v>
      </c>
      <c r="W36261">
        <v>14</v>
      </c>
      <c r="X36261">
        <v>14</v>
      </c>
      <c r="Y36261">
        <v>14</v>
      </c>
      <c r="Z36261">
        <v>14</v>
      </c>
      <c r="AA36261">
        <v>15</v>
      </c>
      <c r="AB36261">
        <v>15</v>
      </c>
      <c r="AC36261">
        <v>15</v>
      </c>
      <c r="AD36261">
        <v>15</v>
      </c>
      <c r="AE36261">
        <v>16</v>
      </c>
      <c r="AF36261">
        <v>16</v>
      </c>
      <c r="AG36261">
        <v>16</v>
      </c>
      <c r="AH36261">
        <v>16</v>
      </c>
      <c r="AI36261">
        <v>17</v>
      </c>
      <c r="AJ36261">
        <v>17</v>
      </c>
      <c r="AK36261">
        <v>17</v>
      </c>
      <c r="AL36261">
        <v>17</v>
      </c>
      <c r="AM36261">
        <v>17</v>
      </c>
      <c r="AN36261">
        <v>17</v>
      </c>
      <c r="AO36261">
        <v>18</v>
      </c>
      <c r="AP36261">
        <v>18</v>
      </c>
      <c r="AQ36261">
        <v>18</v>
      </c>
    </row>
    <row r="36262" spans="1:43">
      <c r="A36262" t="s">
        <v>22483</v>
      </c>
      <c r="B36262" t="s">
        <v>22484</v>
      </c>
      <c r="C36262" t="s">
        <v>22447</v>
      </c>
      <c r="D36262" t="s">
        <v>22448</v>
      </c>
      <c r="E36262" t="s">
        <v>22205</v>
      </c>
      <c r="F36262" t="s">
        <v>22206</v>
      </c>
      <c r="G36262" t="s">
        <v>20255</v>
      </c>
      <c r="H36262" t="s">
        <v>20256</v>
      </c>
      <c r="I36262" s="2">
        <v>1</v>
      </c>
      <c r="J36262" s="2">
        <v>0</v>
      </c>
      <c r="K36262" s="2">
        <v>0</v>
      </c>
      <c r="L36262" t="s">
        <v>120</v>
      </c>
      <c r="M36262" t="s">
        <v>83</v>
      </c>
      <c r="N36262" t="s">
        <v>84</v>
      </c>
      <c r="O36262" t="s">
        <v>85</v>
      </c>
      <c r="P36262" t="s">
        <v>86</v>
      </c>
      <c r="Q36262">
        <v>60</v>
      </c>
      <c r="R36262">
        <v>62</v>
      </c>
      <c r="S36262">
        <v>63</v>
      </c>
      <c r="T36262">
        <v>64</v>
      </c>
      <c r="U36262">
        <v>65</v>
      </c>
      <c r="V36262">
        <v>66</v>
      </c>
      <c r="W36262">
        <v>68</v>
      </c>
      <c r="X36262">
        <v>69</v>
      </c>
      <c r="Y36262">
        <v>70</v>
      </c>
      <c r="Z36262">
        <v>71</v>
      </c>
      <c r="AA36262">
        <v>72</v>
      </c>
      <c r="AB36262">
        <v>73</v>
      </c>
      <c r="AC36262">
        <v>75</v>
      </c>
      <c r="AD36262">
        <v>76</v>
      </c>
      <c r="AE36262">
        <v>77</v>
      </c>
      <c r="AF36262">
        <v>78</v>
      </c>
      <c r="AG36262">
        <v>79</v>
      </c>
      <c r="AH36262">
        <v>81</v>
      </c>
      <c r="AI36262">
        <v>82</v>
      </c>
      <c r="AJ36262">
        <v>83</v>
      </c>
      <c r="AK36262">
        <v>85</v>
      </c>
      <c r="AL36262">
        <v>85</v>
      </c>
      <c r="AM36262">
        <v>86</v>
      </c>
      <c r="AN36262">
        <v>86</v>
      </c>
      <c r="AO36262">
        <v>87</v>
      </c>
      <c r="AP36262">
        <v>88</v>
      </c>
      <c r="AQ36262">
        <v>88</v>
      </c>
    </row>
    <row r="36263" spans="1:43">
      <c r="A36263" t="s">
        <v>22483</v>
      </c>
      <c r="B36263" t="s">
        <v>22484</v>
      </c>
      <c r="C36263" t="s">
        <v>22447</v>
      </c>
      <c r="D36263" t="s">
        <v>22448</v>
      </c>
      <c r="E36263" t="s">
        <v>22205</v>
      </c>
      <c r="F36263" t="s">
        <v>22206</v>
      </c>
      <c r="G36263" t="s">
        <v>20255</v>
      </c>
      <c r="H36263" t="s">
        <v>20256</v>
      </c>
      <c r="I36263" s="2">
        <v>1</v>
      </c>
      <c r="J36263" s="2">
        <v>0</v>
      </c>
      <c r="K36263" s="2">
        <v>0</v>
      </c>
      <c r="L36263" t="s">
        <v>120</v>
      </c>
      <c r="M36263" t="s">
        <v>87</v>
      </c>
      <c r="N36263" t="s">
        <v>88</v>
      </c>
      <c r="O36263" t="s">
        <v>85</v>
      </c>
      <c r="P36263" t="s">
        <v>86</v>
      </c>
      <c r="Q36263">
        <v>60</v>
      </c>
      <c r="R36263">
        <v>60</v>
      </c>
      <c r="S36263">
        <v>61</v>
      </c>
      <c r="T36263">
        <v>62</v>
      </c>
      <c r="U36263">
        <v>62</v>
      </c>
      <c r="V36263">
        <v>63</v>
      </c>
      <c r="W36263">
        <v>63</v>
      </c>
      <c r="X36263">
        <v>64</v>
      </c>
      <c r="Y36263">
        <v>65</v>
      </c>
      <c r="Z36263">
        <v>65</v>
      </c>
      <c r="AA36263">
        <v>66</v>
      </c>
      <c r="AB36263">
        <v>67</v>
      </c>
      <c r="AC36263">
        <v>67</v>
      </c>
      <c r="AD36263">
        <v>68</v>
      </c>
      <c r="AE36263">
        <v>69</v>
      </c>
      <c r="AF36263">
        <v>69</v>
      </c>
      <c r="AG36263">
        <v>70</v>
      </c>
      <c r="AH36263">
        <v>71</v>
      </c>
      <c r="AI36263">
        <v>71</v>
      </c>
      <c r="AJ36263">
        <v>72</v>
      </c>
      <c r="AK36263">
        <v>73</v>
      </c>
      <c r="AL36263">
        <v>73</v>
      </c>
      <c r="AM36263">
        <v>74</v>
      </c>
      <c r="AN36263">
        <v>75</v>
      </c>
      <c r="AO36263">
        <v>76</v>
      </c>
      <c r="AP36263">
        <v>76</v>
      </c>
      <c r="AQ36263">
        <v>77</v>
      </c>
    </row>
    <row r="36264" spans="1:43">
      <c r="A36264" t="s">
        <v>22483</v>
      </c>
      <c r="B36264" t="s">
        <v>22484</v>
      </c>
      <c r="C36264" t="s">
        <v>22447</v>
      </c>
      <c r="D36264" t="s">
        <v>22448</v>
      </c>
      <c r="E36264" t="s">
        <v>22205</v>
      </c>
      <c r="F36264" t="s">
        <v>22206</v>
      </c>
      <c r="G36264" t="s">
        <v>20255</v>
      </c>
      <c r="H36264" t="s">
        <v>20256</v>
      </c>
      <c r="I36264" s="2">
        <v>1</v>
      </c>
      <c r="J36264" s="2">
        <v>0</v>
      </c>
      <c r="K36264" s="2">
        <v>0</v>
      </c>
      <c r="L36264" t="s">
        <v>120</v>
      </c>
      <c r="M36264" t="s">
        <v>89</v>
      </c>
      <c r="N36264" t="s">
        <v>90</v>
      </c>
      <c r="O36264" t="s">
        <v>85</v>
      </c>
      <c r="P36264" t="s">
        <v>86</v>
      </c>
      <c r="Q36264">
        <v>60</v>
      </c>
      <c r="R36264">
        <v>62</v>
      </c>
      <c r="S36264">
        <v>63</v>
      </c>
      <c r="T36264">
        <v>65</v>
      </c>
      <c r="U36264">
        <v>67</v>
      </c>
      <c r="V36264">
        <v>68</v>
      </c>
      <c r="W36264">
        <v>70</v>
      </c>
      <c r="X36264">
        <v>71</v>
      </c>
      <c r="Y36264">
        <v>73</v>
      </c>
      <c r="Z36264">
        <v>74</v>
      </c>
      <c r="AA36264">
        <v>76</v>
      </c>
      <c r="AB36264">
        <v>77</v>
      </c>
      <c r="AC36264">
        <v>79</v>
      </c>
      <c r="AD36264">
        <v>80</v>
      </c>
      <c r="AE36264">
        <v>81</v>
      </c>
      <c r="AF36264">
        <v>82</v>
      </c>
      <c r="AG36264">
        <v>82</v>
      </c>
      <c r="AH36264">
        <v>83</v>
      </c>
      <c r="AI36264">
        <v>83</v>
      </c>
      <c r="AJ36264">
        <v>84</v>
      </c>
      <c r="AK36264">
        <v>85</v>
      </c>
      <c r="AL36264">
        <v>85</v>
      </c>
      <c r="AM36264">
        <v>86</v>
      </c>
      <c r="AN36264">
        <v>86</v>
      </c>
      <c r="AO36264">
        <v>87</v>
      </c>
      <c r="AP36264">
        <v>87</v>
      </c>
      <c r="AQ36264">
        <v>88</v>
      </c>
    </row>
    <row r="36265" spans="1:43">
      <c r="A36265" t="s">
        <v>22483</v>
      </c>
      <c r="B36265" t="s">
        <v>22484</v>
      </c>
      <c r="C36265" t="s">
        <v>22447</v>
      </c>
      <c r="D36265" t="s">
        <v>22448</v>
      </c>
      <c r="E36265" t="s">
        <v>22205</v>
      </c>
      <c r="F36265" t="s">
        <v>22206</v>
      </c>
      <c r="G36265" t="s">
        <v>20255</v>
      </c>
      <c r="H36265" t="s">
        <v>20256</v>
      </c>
      <c r="I36265" s="2">
        <v>1</v>
      </c>
      <c r="J36265" s="2">
        <v>0</v>
      </c>
      <c r="K36265" s="2">
        <v>0</v>
      </c>
      <c r="L36265" t="s">
        <v>120</v>
      </c>
      <c r="M36265" t="s">
        <v>83</v>
      </c>
      <c r="N36265" t="s">
        <v>91</v>
      </c>
      <c r="O36265" t="s">
        <v>85</v>
      </c>
      <c r="P36265" t="s">
        <v>86</v>
      </c>
      <c r="Q36265">
        <v>60</v>
      </c>
      <c r="R36265">
        <v>62</v>
      </c>
      <c r="S36265">
        <v>63</v>
      </c>
      <c r="T36265">
        <v>64</v>
      </c>
      <c r="U36265">
        <v>65</v>
      </c>
      <c r="V36265">
        <v>66</v>
      </c>
      <c r="W36265">
        <v>68</v>
      </c>
      <c r="X36265">
        <v>69</v>
      </c>
      <c r="Y36265">
        <v>70</v>
      </c>
      <c r="Z36265">
        <v>71</v>
      </c>
      <c r="AA36265">
        <v>72</v>
      </c>
      <c r="AB36265">
        <v>73</v>
      </c>
      <c r="AC36265">
        <v>75</v>
      </c>
      <c r="AD36265">
        <v>76</v>
      </c>
      <c r="AE36265">
        <v>77</v>
      </c>
      <c r="AF36265">
        <v>78</v>
      </c>
      <c r="AG36265">
        <v>79</v>
      </c>
      <c r="AH36265">
        <v>81</v>
      </c>
      <c r="AI36265">
        <v>82</v>
      </c>
      <c r="AJ36265">
        <v>83</v>
      </c>
      <c r="AK36265">
        <v>85</v>
      </c>
      <c r="AL36265">
        <v>85</v>
      </c>
      <c r="AM36265">
        <v>86</v>
      </c>
      <c r="AN36265">
        <v>86</v>
      </c>
      <c r="AO36265">
        <v>87</v>
      </c>
      <c r="AP36265">
        <v>88</v>
      </c>
      <c r="AQ36265">
        <v>88</v>
      </c>
    </row>
    <row r="36266" spans="1:43">
      <c r="A36266" t="s">
        <v>22485</v>
      </c>
      <c r="B36266" t="s">
        <v>22486</v>
      </c>
      <c r="C36266" t="s">
        <v>22475</v>
      </c>
      <c r="D36266" t="s">
        <v>22476</v>
      </c>
      <c r="E36266" t="s">
        <v>22205</v>
      </c>
      <c r="F36266" t="s">
        <v>22206</v>
      </c>
      <c r="G36266" t="s">
        <v>20255</v>
      </c>
      <c r="H36266" t="s">
        <v>20256</v>
      </c>
      <c r="I36266" s="2">
        <v>1</v>
      </c>
      <c r="J36266" s="2">
        <v>0</v>
      </c>
      <c r="K36266" s="2">
        <v>0</v>
      </c>
      <c r="L36266" t="s">
        <v>120</v>
      </c>
      <c r="M36266" t="s">
        <v>83</v>
      </c>
      <c r="N36266" t="s">
        <v>84</v>
      </c>
      <c r="O36266" t="s">
        <v>85</v>
      </c>
      <c r="P36266" t="s">
        <v>86</v>
      </c>
      <c r="Q36266">
        <v>11</v>
      </c>
      <c r="R36266">
        <v>11</v>
      </c>
      <c r="S36266">
        <v>11</v>
      </c>
      <c r="T36266">
        <v>12</v>
      </c>
      <c r="U36266">
        <v>12</v>
      </c>
      <c r="V36266">
        <v>12</v>
      </c>
      <c r="W36266">
        <v>12</v>
      </c>
      <c r="X36266">
        <v>12</v>
      </c>
      <c r="Y36266">
        <v>13</v>
      </c>
      <c r="Z36266">
        <v>13</v>
      </c>
      <c r="AA36266">
        <v>13</v>
      </c>
      <c r="AB36266">
        <v>13</v>
      </c>
      <c r="AC36266">
        <v>13</v>
      </c>
      <c r="AD36266">
        <v>14</v>
      </c>
      <c r="AE36266">
        <v>14</v>
      </c>
      <c r="AF36266">
        <v>14</v>
      </c>
      <c r="AG36266">
        <v>14</v>
      </c>
      <c r="AH36266">
        <v>15</v>
      </c>
      <c r="AI36266">
        <v>15</v>
      </c>
      <c r="AJ36266">
        <v>15</v>
      </c>
      <c r="AK36266">
        <v>15</v>
      </c>
      <c r="AL36266">
        <v>15</v>
      </c>
      <c r="AM36266">
        <v>15</v>
      </c>
      <c r="AN36266">
        <v>16</v>
      </c>
      <c r="AO36266">
        <v>16</v>
      </c>
      <c r="AP36266">
        <v>16</v>
      </c>
      <c r="AQ36266">
        <v>16</v>
      </c>
    </row>
    <row r="36267" spans="1:43">
      <c r="A36267" t="s">
        <v>22485</v>
      </c>
      <c r="B36267" t="s">
        <v>22486</v>
      </c>
      <c r="C36267" t="s">
        <v>22475</v>
      </c>
      <c r="D36267" t="s">
        <v>22476</v>
      </c>
      <c r="E36267" t="s">
        <v>22205</v>
      </c>
      <c r="F36267" t="s">
        <v>22206</v>
      </c>
      <c r="G36267" t="s">
        <v>20255</v>
      </c>
      <c r="H36267" t="s">
        <v>20256</v>
      </c>
      <c r="I36267" s="2">
        <v>1</v>
      </c>
      <c r="J36267" s="2">
        <v>0</v>
      </c>
      <c r="K36267" s="2">
        <v>0</v>
      </c>
      <c r="L36267" t="s">
        <v>120</v>
      </c>
      <c r="M36267" t="s">
        <v>87</v>
      </c>
      <c r="N36267" t="s">
        <v>88</v>
      </c>
      <c r="O36267" t="s">
        <v>85</v>
      </c>
      <c r="P36267" t="s">
        <v>86</v>
      </c>
      <c r="Q36267">
        <v>11</v>
      </c>
      <c r="R36267">
        <v>11</v>
      </c>
      <c r="S36267">
        <v>11</v>
      </c>
      <c r="T36267">
        <v>11</v>
      </c>
      <c r="U36267">
        <v>11</v>
      </c>
      <c r="V36267">
        <v>11</v>
      </c>
      <c r="W36267">
        <v>11</v>
      </c>
      <c r="X36267">
        <v>12</v>
      </c>
      <c r="Y36267">
        <v>12</v>
      </c>
      <c r="Z36267">
        <v>12</v>
      </c>
      <c r="AA36267">
        <v>12</v>
      </c>
      <c r="AB36267">
        <v>12</v>
      </c>
      <c r="AC36267">
        <v>12</v>
      </c>
      <c r="AD36267">
        <v>12</v>
      </c>
      <c r="AE36267">
        <v>12</v>
      </c>
      <c r="AF36267">
        <v>12</v>
      </c>
      <c r="AG36267">
        <v>13</v>
      </c>
      <c r="AH36267">
        <v>13</v>
      </c>
      <c r="AI36267">
        <v>13</v>
      </c>
      <c r="AJ36267">
        <v>13</v>
      </c>
      <c r="AK36267">
        <v>13</v>
      </c>
      <c r="AL36267">
        <v>13</v>
      </c>
      <c r="AM36267">
        <v>13</v>
      </c>
      <c r="AN36267">
        <v>14</v>
      </c>
      <c r="AO36267">
        <v>14</v>
      </c>
      <c r="AP36267">
        <v>14</v>
      </c>
      <c r="AQ36267">
        <v>14</v>
      </c>
    </row>
    <row r="36268" spans="1:43">
      <c r="A36268" t="s">
        <v>22485</v>
      </c>
      <c r="B36268" t="s">
        <v>22486</v>
      </c>
      <c r="C36268" t="s">
        <v>22475</v>
      </c>
      <c r="D36268" t="s">
        <v>22476</v>
      </c>
      <c r="E36268" t="s">
        <v>22205</v>
      </c>
      <c r="F36268" t="s">
        <v>22206</v>
      </c>
      <c r="G36268" t="s">
        <v>20255</v>
      </c>
      <c r="H36268" t="s">
        <v>20256</v>
      </c>
      <c r="I36268" s="2">
        <v>1</v>
      </c>
      <c r="J36268" s="2">
        <v>0</v>
      </c>
      <c r="K36268" s="2">
        <v>0</v>
      </c>
      <c r="L36268" t="s">
        <v>120</v>
      </c>
      <c r="M36268" t="s">
        <v>89</v>
      </c>
      <c r="N36268" t="s">
        <v>90</v>
      </c>
      <c r="O36268" t="s">
        <v>85</v>
      </c>
      <c r="P36268" t="s">
        <v>86</v>
      </c>
      <c r="Q36268">
        <v>11</v>
      </c>
      <c r="R36268">
        <v>11</v>
      </c>
      <c r="S36268">
        <v>12</v>
      </c>
      <c r="T36268">
        <v>12</v>
      </c>
      <c r="U36268">
        <v>12</v>
      </c>
      <c r="V36268">
        <v>12</v>
      </c>
      <c r="W36268">
        <v>13</v>
      </c>
      <c r="X36268">
        <v>13</v>
      </c>
      <c r="Y36268">
        <v>13</v>
      </c>
      <c r="Z36268">
        <v>14</v>
      </c>
      <c r="AA36268">
        <v>14</v>
      </c>
      <c r="AB36268">
        <v>14</v>
      </c>
      <c r="AC36268">
        <v>14</v>
      </c>
      <c r="AD36268">
        <v>15</v>
      </c>
      <c r="AE36268">
        <v>15</v>
      </c>
      <c r="AF36268">
        <v>15</v>
      </c>
      <c r="AG36268">
        <v>15</v>
      </c>
      <c r="AH36268">
        <v>15</v>
      </c>
      <c r="AI36268">
        <v>15</v>
      </c>
      <c r="AJ36268">
        <v>15</v>
      </c>
      <c r="AK36268">
        <v>15</v>
      </c>
      <c r="AL36268">
        <v>16</v>
      </c>
      <c r="AM36268">
        <v>16</v>
      </c>
      <c r="AN36268">
        <v>16</v>
      </c>
      <c r="AO36268">
        <v>16</v>
      </c>
      <c r="AP36268">
        <v>16</v>
      </c>
      <c r="AQ36268">
        <v>16</v>
      </c>
    </row>
    <row r="36269" spans="1:43">
      <c r="A36269" t="s">
        <v>22485</v>
      </c>
      <c r="B36269" t="s">
        <v>22486</v>
      </c>
      <c r="C36269" t="s">
        <v>22475</v>
      </c>
      <c r="D36269" t="s">
        <v>22476</v>
      </c>
      <c r="E36269" t="s">
        <v>22205</v>
      </c>
      <c r="F36269" t="s">
        <v>22206</v>
      </c>
      <c r="G36269" t="s">
        <v>20255</v>
      </c>
      <c r="H36269" t="s">
        <v>20256</v>
      </c>
      <c r="I36269" s="2">
        <v>1</v>
      </c>
      <c r="J36269" s="2">
        <v>0</v>
      </c>
      <c r="K36269" s="2">
        <v>0</v>
      </c>
      <c r="L36269" t="s">
        <v>120</v>
      </c>
      <c r="M36269" t="s">
        <v>83</v>
      </c>
      <c r="N36269" t="s">
        <v>91</v>
      </c>
      <c r="O36269" t="s">
        <v>85</v>
      </c>
      <c r="P36269" t="s">
        <v>86</v>
      </c>
      <c r="Q36269">
        <v>11</v>
      </c>
      <c r="R36269">
        <v>11</v>
      </c>
      <c r="S36269">
        <v>11</v>
      </c>
      <c r="T36269">
        <v>12</v>
      </c>
      <c r="U36269">
        <v>12</v>
      </c>
      <c r="V36269">
        <v>12</v>
      </c>
      <c r="W36269">
        <v>12</v>
      </c>
      <c r="X36269">
        <v>12</v>
      </c>
      <c r="Y36269">
        <v>13</v>
      </c>
      <c r="Z36269">
        <v>13</v>
      </c>
      <c r="AA36269">
        <v>13</v>
      </c>
      <c r="AB36269">
        <v>13</v>
      </c>
      <c r="AC36269">
        <v>13</v>
      </c>
      <c r="AD36269">
        <v>14</v>
      </c>
      <c r="AE36269">
        <v>14</v>
      </c>
      <c r="AF36269">
        <v>14</v>
      </c>
      <c r="AG36269">
        <v>14</v>
      </c>
      <c r="AH36269">
        <v>15</v>
      </c>
      <c r="AI36269">
        <v>15</v>
      </c>
      <c r="AJ36269">
        <v>15</v>
      </c>
      <c r="AK36269">
        <v>15</v>
      </c>
      <c r="AL36269">
        <v>15</v>
      </c>
      <c r="AM36269">
        <v>15</v>
      </c>
      <c r="AN36269">
        <v>16</v>
      </c>
      <c r="AO36269">
        <v>16</v>
      </c>
      <c r="AP36269">
        <v>16</v>
      </c>
      <c r="AQ36269">
        <v>16</v>
      </c>
    </row>
    <row r="36270" spans="1:43">
      <c r="A36270" t="s">
        <v>22487</v>
      </c>
      <c r="B36270" t="s">
        <v>22488</v>
      </c>
      <c r="C36270" t="s">
        <v>22407</v>
      </c>
      <c r="D36270" t="s">
        <v>22408</v>
      </c>
      <c r="E36270" t="s">
        <v>22205</v>
      </c>
      <c r="F36270" t="s">
        <v>22206</v>
      </c>
      <c r="G36270" t="s">
        <v>20255</v>
      </c>
      <c r="H36270" t="s">
        <v>20256</v>
      </c>
      <c r="I36270" s="2">
        <v>0.95</v>
      </c>
      <c r="J36270" s="2">
        <v>0</v>
      </c>
      <c r="K36270" s="2">
        <v>0</v>
      </c>
      <c r="L36270" t="s">
        <v>120</v>
      </c>
      <c r="M36270" t="s">
        <v>83</v>
      </c>
      <c r="N36270" t="s">
        <v>84</v>
      </c>
      <c r="O36270" t="s">
        <v>85</v>
      </c>
      <c r="P36270" t="s">
        <v>86</v>
      </c>
      <c r="Q36270">
        <v>19</v>
      </c>
      <c r="R36270">
        <v>20</v>
      </c>
      <c r="S36270">
        <v>20</v>
      </c>
      <c r="T36270">
        <v>21</v>
      </c>
      <c r="U36270">
        <v>21</v>
      </c>
      <c r="V36270">
        <v>21</v>
      </c>
      <c r="W36270">
        <v>22</v>
      </c>
      <c r="X36270">
        <v>22</v>
      </c>
      <c r="Y36270">
        <v>22</v>
      </c>
      <c r="Z36270">
        <v>23</v>
      </c>
      <c r="AA36270">
        <v>23</v>
      </c>
      <c r="AB36270">
        <v>24</v>
      </c>
      <c r="AC36270">
        <v>24</v>
      </c>
      <c r="AD36270">
        <v>24</v>
      </c>
      <c r="AE36270">
        <v>25</v>
      </c>
      <c r="AF36270">
        <v>25</v>
      </c>
      <c r="AG36270">
        <v>26</v>
      </c>
      <c r="AH36270">
        <v>26</v>
      </c>
      <c r="AI36270">
        <v>26</v>
      </c>
      <c r="AJ36270">
        <v>27</v>
      </c>
      <c r="AK36270">
        <v>27</v>
      </c>
      <c r="AL36270">
        <v>28</v>
      </c>
      <c r="AM36270">
        <v>28</v>
      </c>
      <c r="AN36270">
        <v>28</v>
      </c>
      <c r="AO36270">
        <v>28</v>
      </c>
      <c r="AP36270">
        <v>28</v>
      </c>
      <c r="AQ36270">
        <v>29</v>
      </c>
    </row>
    <row r="36271" spans="1:43">
      <c r="A36271" t="s">
        <v>22487</v>
      </c>
      <c r="B36271" t="s">
        <v>22488</v>
      </c>
      <c r="C36271" t="s">
        <v>22407</v>
      </c>
      <c r="D36271" t="s">
        <v>22408</v>
      </c>
      <c r="E36271" t="s">
        <v>22205</v>
      </c>
      <c r="F36271" t="s">
        <v>22206</v>
      </c>
      <c r="G36271" t="s">
        <v>20255</v>
      </c>
      <c r="H36271" t="s">
        <v>20256</v>
      </c>
      <c r="I36271" s="2">
        <v>0.95</v>
      </c>
      <c r="J36271" s="2">
        <v>0</v>
      </c>
      <c r="K36271" s="2">
        <v>0</v>
      </c>
      <c r="L36271" t="s">
        <v>120</v>
      </c>
      <c r="M36271" t="s">
        <v>87</v>
      </c>
      <c r="N36271" t="s">
        <v>88</v>
      </c>
      <c r="O36271" t="s">
        <v>85</v>
      </c>
      <c r="P36271" t="s">
        <v>86</v>
      </c>
      <c r="Q36271">
        <v>19</v>
      </c>
      <c r="R36271">
        <v>19</v>
      </c>
      <c r="S36271">
        <v>20</v>
      </c>
      <c r="T36271">
        <v>20</v>
      </c>
      <c r="U36271">
        <v>20</v>
      </c>
      <c r="V36271">
        <v>20</v>
      </c>
      <c r="W36271">
        <v>20</v>
      </c>
      <c r="X36271">
        <v>21</v>
      </c>
      <c r="Y36271">
        <v>21</v>
      </c>
      <c r="Z36271">
        <v>21</v>
      </c>
      <c r="AA36271">
        <v>21</v>
      </c>
      <c r="AB36271">
        <v>21</v>
      </c>
      <c r="AC36271">
        <v>22</v>
      </c>
      <c r="AD36271">
        <v>22</v>
      </c>
      <c r="AE36271">
        <v>22</v>
      </c>
      <c r="AF36271">
        <v>22</v>
      </c>
      <c r="AG36271">
        <v>22</v>
      </c>
      <c r="AH36271">
        <v>23</v>
      </c>
      <c r="AI36271">
        <v>23</v>
      </c>
      <c r="AJ36271">
        <v>23</v>
      </c>
      <c r="AK36271">
        <v>23</v>
      </c>
      <c r="AL36271">
        <v>24</v>
      </c>
      <c r="AM36271">
        <v>24</v>
      </c>
      <c r="AN36271">
        <v>24</v>
      </c>
      <c r="AO36271">
        <v>24</v>
      </c>
      <c r="AP36271">
        <v>25</v>
      </c>
      <c r="AQ36271">
        <v>25</v>
      </c>
    </row>
    <row r="36272" spans="1:43">
      <c r="A36272" t="s">
        <v>22487</v>
      </c>
      <c r="B36272" t="s">
        <v>22488</v>
      </c>
      <c r="C36272" t="s">
        <v>22407</v>
      </c>
      <c r="D36272" t="s">
        <v>22408</v>
      </c>
      <c r="E36272" t="s">
        <v>22205</v>
      </c>
      <c r="F36272" t="s">
        <v>22206</v>
      </c>
      <c r="G36272" t="s">
        <v>20255</v>
      </c>
      <c r="H36272" t="s">
        <v>20256</v>
      </c>
      <c r="I36272" s="2">
        <v>0.95</v>
      </c>
      <c r="J36272" s="2">
        <v>0</v>
      </c>
      <c r="K36272" s="2">
        <v>0</v>
      </c>
      <c r="L36272" t="s">
        <v>120</v>
      </c>
      <c r="M36272" t="s">
        <v>89</v>
      </c>
      <c r="N36272" t="s">
        <v>90</v>
      </c>
      <c r="O36272" t="s">
        <v>85</v>
      </c>
      <c r="P36272" t="s">
        <v>86</v>
      </c>
      <c r="Q36272">
        <v>19</v>
      </c>
      <c r="R36272">
        <v>19</v>
      </c>
      <c r="S36272">
        <v>20</v>
      </c>
      <c r="T36272">
        <v>20</v>
      </c>
      <c r="U36272">
        <v>21</v>
      </c>
      <c r="V36272">
        <v>21</v>
      </c>
      <c r="W36272">
        <v>22</v>
      </c>
      <c r="X36272">
        <v>22</v>
      </c>
      <c r="Y36272">
        <v>23</v>
      </c>
      <c r="Z36272">
        <v>23</v>
      </c>
      <c r="AA36272">
        <v>24</v>
      </c>
      <c r="AB36272">
        <v>24</v>
      </c>
      <c r="AC36272">
        <v>25</v>
      </c>
      <c r="AD36272">
        <v>25</v>
      </c>
      <c r="AE36272">
        <v>26</v>
      </c>
      <c r="AF36272">
        <v>26</v>
      </c>
      <c r="AG36272">
        <v>26</v>
      </c>
      <c r="AH36272">
        <v>26</v>
      </c>
      <c r="AI36272">
        <v>26</v>
      </c>
      <c r="AJ36272">
        <v>27</v>
      </c>
      <c r="AK36272">
        <v>27</v>
      </c>
      <c r="AL36272">
        <v>27</v>
      </c>
      <c r="AM36272">
        <v>27</v>
      </c>
      <c r="AN36272">
        <v>27</v>
      </c>
      <c r="AO36272">
        <v>28</v>
      </c>
      <c r="AP36272">
        <v>28</v>
      </c>
      <c r="AQ36272">
        <v>28</v>
      </c>
    </row>
    <row r="36273" spans="1:43">
      <c r="A36273" t="s">
        <v>22487</v>
      </c>
      <c r="B36273" t="s">
        <v>22488</v>
      </c>
      <c r="C36273" t="s">
        <v>22407</v>
      </c>
      <c r="D36273" t="s">
        <v>22408</v>
      </c>
      <c r="E36273" t="s">
        <v>22205</v>
      </c>
      <c r="F36273" t="s">
        <v>22206</v>
      </c>
      <c r="G36273" t="s">
        <v>20255</v>
      </c>
      <c r="H36273" t="s">
        <v>20256</v>
      </c>
      <c r="I36273" s="2">
        <v>0.95</v>
      </c>
      <c r="J36273" s="2">
        <v>0</v>
      </c>
      <c r="K36273" s="2">
        <v>0</v>
      </c>
      <c r="L36273" t="s">
        <v>120</v>
      </c>
      <c r="M36273" t="s">
        <v>83</v>
      </c>
      <c r="N36273" t="s">
        <v>91</v>
      </c>
      <c r="O36273" t="s">
        <v>85</v>
      </c>
      <c r="P36273" t="s">
        <v>86</v>
      </c>
      <c r="Q36273">
        <v>19</v>
      </c>
      <c r="R36273">
        <v>20</v>
      </c>
      <c r="S36273">
        <v>20</v>
      </c>
      <c r="T36273">
        <v>21</v>
      </c>
      <c r="U36273">
        <v>21</v>
      </c>
      <c r="V36273">
        <v>21</v>
      </c>
      <c r="W36273">
        <v>22</v>
      </c>
      <c r="X36273">
        <v>22</v>
      </c>
      <c r="Y36273">
        <v>22</v>
      </c>
      <c r="Z36273">
        <v>23</v>
      </c>
      <c r="AA36273">
        <v>23</v>
      </c>
      <c r="AB36273">
        <v>24</v>
      </c>
      <c r="AC36273">
        <v>24</v>
      </c>
      <c r="AD36273">
        <v>24</v>
      </c>
      <c r="AE36273">
        <v>25</v>
      </c>
      <c r="AF36273">
        <v>25</v>
      </c>
      <c r="AG36273">
        <v>26</v>
      </c>
      <c r="AH36273">
        <v>26</v>
      </c>
      <c r="AI36273">
        <v>26</v>
      </c>
      <c r="AJ36273">
        <v>27</v>
      </c>
      <c r="AK36273">
        <v>27</v>
      </c>
      <c r="AL36273">
        <v>28</v>
      </c>
      <c r="AM36273">
        <v>28</v>
      </c>
      <c r="AN36273">
        <v>28</v>
      </c>
      <c r="AO36273">
        <v>28</v>
      </c>
      <c r="AP36273">
        <v>28</v>
      </c>
      <c r="AQ36273">
        <v>29</v>
      </c>
    </row>
    <row r="36274" spans="1:43">
      <c r="A36274" t="s">
        <v>22489</v>
      </c>
      <c r="B36274" t="s">
        <v>22490</v>
      </c>
      <c r="C36274" t="s">
        <v>22407</v>
      </c>
      <c r="D36274" t="s">
        <v>22408</v>
      </c>
      <c r="E36274" t="s">
        <v>22205</v>
      </c>
      <c r="F36274" t="s">
        <v>22206</v>
      </c>
      <c r="G36274" t="s">
        <v>20255</v>
      </c>
      <c r="H36274" t="s">
        <v>20256</v>
      </c>
      <c r="I36274" s="2">
        <v>1</v>
      </c>
      <c r="J36274" s="2">
        <v>0</v>
      </c>
      <c r="K36274" s="2">
        <v>0</v>
      </c>
      <c r="L36274" t="s">
        <v>120</v>
      </c>
      <c r="M36274" t="s">
        <v>83</v>
      </c>
      <c r="N36274" t="s">
        <v>84</v>
      </c>
      <c r="O36274" t="s">
        <v>85</v>
      </c>
      <c r="P36274" t="s">
        <v>86</v>
      </c>
      <c r="Q36274">
        <v>9</v>
      </c>
      <c r="R36274">
        <v>9</v>
      </c>
      <c r="S36274">
        <v>9</v>
      </c>
      <c r="T36274">
        <v>10</v>
      </c>
      <c r="U36274">
        <v>10</v>
      </c>
      <c r="V36274">
        <v>10</v>
      </c>
      <c r="W36274">
        <v>10</v>
      </c>
      <c r="X36274">
        <v>10</v>
      </c>
      <c r="Y36274">
        <v>11</v>
      </c>
      <c r="Z36274">
        <v>11</v>
      </c>
      <c r="AA36274">
        <v>11</v>
      </c>
      <c r="AB36274">
        <v>11</v>
      </c>
      <c r="AC36274">
        <v>11</v>
      </c>
      <c r="AD36274">
        <v>11</v>
      </c>
      <c r="AE36274">
        <v>12</v>
      </c>
      <c r="AF36274">
        <v>12</v>
      </c>
      <c r="AG36274">
        <v>12</v>
      </c>
      <c r="AH36274">
        <v>12</v>
      </c>
      <c r="AI36274">
        <v>12</v>
      </c>
      <c r="AJ36274">
        <v>13</v>
      </c>
      <c r="AK36274">
        <v>13</v>
      </c>
      <c r="AL36274">
        <v>13</v>
      </c>
      <c r="AM36274">
        <v>13</v>
      </c>
      <c r="AN36274">
        <v>13</v>
      </c>
      <c r="AO36274">
        <v>13</v>
      </c>
      <c r="AP36274">
        <v>13</v>
      </c>
      <c r="AQ36274">
        <v>13</v>
      </c>
    </row>
    <row r="36275" spans="1:43">
      <c r="A36275" t="s">
        <v>22489</v>
      </c>
      <c r="B36275" t="s">
        <v>22490</v>
      </c>
      <c r="C36275" t="s">
        <v>22407</v>
      </c>
      <c r="D36275" t="s">
        <v>22408</v>
      </c>
      <c r="E36275" t="s">
        <v>22205</v>
      </c>
      <c r="F36275" t="s">
        <v>22206</v>
      </c>
      <c r="G36275" t="s">
        <v>20255</v>
      </c>
      <c r="H36275" t="s">
        <v>20256</v>
      </c>
      <c r="I36275" s="2">
        <v>1</v>
      </c>
      <c r="J36275" s="2">
        <v>0</v>
      </c>
      <c r="K36275" s="2">
        <v>0</v>
      </c>
      <c r="L36275" t="s">
        <v>120</v>
      </c>
      <c r="M36275" t="s">
        <v>87</v>
      </c>
      <c r="N36275" t="s">
        <v>88</v>
      </c>
      <c r="O36275" t="s">
        <v>85</v>
      </c>
      <c r="P36275" t="s">
        <v>86</v>
      </c>
      <c r="Q36275">
        <v>9</v>
      </c>
      <c r="R36275">
        <v>9</v>
      </c>
      <c r="S36275">
        <v>9</v>
      </c>
      <c r="T36275">
        <v>9</v>
      </c>
      <c r="U36275">
        <v>9</v>
      </c>
      <c r="V36275">
        <v>9</v>
      </c>
      <c r="W36275">
        <v>10</v>
      </c>
      <c r="X36275">
        <v>10</v>
      </c>
      <c r="Y36275">
        <v>10</v>
      </c>
      <c r="Z36275">
        <v>10</v>
      </c>
      <c r="AA36275">
        <v>10</v>
      </c>
      <c r="AB36275">
        <v>10</v>
      </c>
      <c r="AC36275">
        <v>10</v>
      </c>
      <c r="AD36275">
        <v>10</v>
      </c>
      <c r="AE36275">
        <v>10</v>
      </c>
      <c r="AF36275">
        <v>10</v>
      </c>
      <c r="AG36275">
        <v>11</v>
      </c>
      <c r="AH36275">
        <v>11</v>
      </c>
      <c r="AI36275">
        <v>11</v>
      </c>
      <c r="AJ36275">
        <v>11</v>
      </c>
      <c r="AK36275">
        <v>11</v>
      </c>
      <c r="AL36275">
        <v>11</v>
      </c>
      <c r="AM36275">
        <v>11</v>
      </c>
      <c r="AN36275">
        <v>11</v>
      </c>
      <c r="AO36275">
        <v>11</v>
      </c>
      <c r="AP36275">
        <v>12</v>
      </c>
      <c r="AQ36275">
        <v>12</v>
      </c>
    </row>
    <row r="36276" spans="1:43">
      <c r="A36276" t="s">
        <v>22489</v>
      </c>
      <c r="B36276" t="s">
        <v>22490</v>
      </c>
      <c r="C36276" t="s">
        <v>22407</v>
      </c>
      <c r="D36276" t="s">
        <v>22408</v>
      </c>
      <c r="E36276" t="s">
        <v>22205</v>
      </c>
      <c r="F36276" t="s">
        <v>22206</v>
      </c>
      <c r="G36276" t="s">
        <v>20255</v>
      </c>
      <c r="H36276" t="s">
        <v>20256</v>
      </c>
      <c r="I36276" s="2">
        <v>1</v>
      </c>
      <c r="J36276" s="2">
        <v>0</v>
      </c>
      <c r="K36276" s="2">
        <v>0</v>
      </c>
      <c r="L36276" t="s">
        <v>120</v>
      </c>
      <c r="M36276" t="s">
        <v>89</v>
      </c>
      <c r="N36276" t="s">
        <v>90</v>
      </c>
      <c r="O36276" t="s">
        <v>85</v>
      </c>
      <c r="P36276" t="s">
        <v>86</v>
      </c>
      <c r="Q36276">
        <v>9</v>
      </c>
      <c r="R36276">
        <v>9</v>
      </c>
      <c r="S36276">
        <v>10</v>
      </c>
      <c r="T36276">
        <v>10</v>
      </c>
      <c r="U36276">
        <v>10</v>
      </c>
      <c r="V36276">
        <v>10</v>
      </c>
      <c r="W36276">
        <v>11</v>
      </c>
      <c r="X36276">
        <v>11</v>
      </c>
      <c r="Y36276">
        <v>11</v>
      </c>
      <c r="Z36276">
        <v>11</v>
      </c>
      <c r="AA36276">
        <v>12</v>
      </c>
      <c r="AB36276">
        <v>12</v>
      </c>
      <c r="AC36276">
        <v>12</v>
      </c>
      <c r="AD36276">
        <v>12</v>
      </c>
      <c r="AE36276">
        <v>12</v>
      </c>
      <c r="AF36276">
        <v>13</v>
      </c>
      <c r="AG36276">
        <v>13</v>
      </c>
      <c r="AH36276">
        <v>13</v>
      </c>
      <c r="AI36276">
        <v>13</v>
      </c>
      <c r="AJ36276">
        <v>13</v>
      </c>
      <c r="AK36276">
        <v>13</v>
      </c>
      <c r="AL36276">
        <v>13</v>
      </c>
      <c r="AM36276">
        <v>13</v>
      </c>
      <c r="AN36276">
        <v>13</v>
      </c>
      <c r="AO36276">
        <v>13</v>
      </c>
      <c r="AP36276">
        <v>13</v>
      </c>
      <c r="AQ36276">
        <v>14</v>
      </c>
    </row>
    <row r="36277" spans="1:43">
      <c r="A36277" t="s">
        <v>22489</v>
      </c>
      <c r="B36277" t="s">
        <v>22490</v>
      </c>
      <c r="C36277" t="s">
        <v>22407</v>
      </c>
      <c r="D36277" t="s">
        <v>22408</v>
      </c>
      <c r="E36277" t="s">
        <v>22205</v>
      </c>
      <c r="F36277" t="s">
        <v>22206</v>
      </c>
      <c r="G36277" t="s">
        <v>20255</v>
      </c>
      <c r="H36277" t="s">
        <v>20256</v>
      </c>
      <c r="I36277" s="2">
        <v>1</v>
      </c>
      <c r="J36277" s="2">
        <v>0</v>
      </c>
      <c r="K36277" s="2">
        <v>0</v>
      </c>
      <c r="L36277" t="s">
        <v>120</v>
      </c>
      <c r="M36277" t="s">
        <v>83</v>
      </c>
      <c r="N36277" t="s">
        <v>91</v>
      </c>
      <c r="O36277" t="s">
        <v>85</v>
      </c>
      <c r="P36277" t="s">
        <v>86</v>
      </c>
      <c r="Q36277">
        <v>9</v>
      </c>
      <c r="R36277">
        <v>9</v>
      </c>
      <c r="S36277">
        <v>9</v>
      </c>
      <c r="T36277">
        <v>10</v>
      </c>
      <c r="U36277">
        <v>10</v>
      </c>
      <c r="V36277">
        <v>10</v>
      </c>
      <c r="W36277">
        <v>10</v>
      </c>
      <c r="X36277">
        <v>10</v>
      </c>
      <c r="Y36277">
        <v>11</v>
      </c>
      <c r="Z36277">
        <v>11</v>
      </c>
      <c r="AA36277">
        <v>11</v>
      </c>
      <c r="AB36277">
        <v>11</v>
      </c>
      <c r="AC36277">
        <v>11</v>
      </c>
      <c r="AD36277">
        <v>11</v>
      </c>
      <c r="AE36277">
        <v>12</v>
      </c>
      <c r="AF36277">
        <v>12</v>
      </c>
      <c r="AG36277">
        <v>12</v>
      </c>
      <c r="AH36277">
        <v>12</v>
      </c>
      <c r="AI36277">
        <v>12</v>
      </c>
      <c r="AJ36277">
        <v>13</v>
      </c>
      <c r="AK36277">
        <v>13</v>
      </c>
      <c r="AL36277">
        <v>13</v>
      </c>
      <c r="AM36277">
        <v>13</v>
      </c>
      <c r="AN36277">
        <v>13</v>
      </c>
      <c r="AO36277">
        <v>13</v>
      </c>
      <c r="AP36277">
        <v>13</v>
      </c>
      <c r="AQ36277">
        <v>13</v>
      </c>
    </row>
    <row r="36278" spans="1:43">
      <c r="A36278" t="s">
        <v>22491</v>
      </c>
      <c r="B36278" t="s">
        <v>22492</v>
      </c>
      <c r="C36278" t="s">
        <v>22453</v>
      </c>
      <c r="D36278" t="s">
        <v>22454</v>
      </c>
      <c r="E36278" t="s">
        <v>22205</v>
      </c>
      <c r="F36278" t="s">
        <v>22206</v>
      </c>
      <c r="G36278" t="s">
        <v>20255</v>
      </c>
      <c r="H36278" t="s">
        <v>20256</v>
      </c>
      <c r="I36278" s="2">
        <v>1</v>
      </c>
      <c r="J36278" s="2">
        <v>0</v>
      </c>
      <c r="K36278" s="2">
        <v>0</v>
      </c>
      <c r="L36278" t="s">
        <v>120</v>
      </c>
      <c r="M36278" t="s">
        <v>83</v>
      </c>
      <c r="N36278" t="s">
        <v>84</v>
      </c>
      <c r="O36278" t="s">
        <v>85</v>
      </c>
      <c r="P36278" t="s">
        <v>86</v>
      </c>
      <c r="Q36278">
        <v>8</v>
      </c>
      <c r="R36278">
        <v>8</v>
      </c>
      <c r="S36278">
        <v>8</v>
      </c>
      <c r="T36278">
        <v>8</v>
      </c>
      <c r="U36278">
        <v>8</v>
      </c>
      <c r="V36278">
        <v>9</v>
      </c>
      <c r="W36278">
        <v>9</v>
      </c>
      <c r="X36278">
        <v>9</v>
      </c>
      <c r="Y36278">
        <v>9</v>
      </c>
      <c r="Z36278">
        <v>9</v>
      </c>
      <c r="AA36278">
        <v>9</v>
      </c>
      <c r="AB36278">
        <v>10</v>
      </c>
      <c r="AC36278">
        <v>10</v>
      </c>
      <c r="AD36278">
        <v>10</v>
      </c>
      <c r="AE36278">
        <v>10</v>
      </c>
      <c r="AF36278">
        <v>10</v>
      </c>
      <c r="AG36278">
        <v>10</v>
      </c>
      <c r="AH36278">
        <v>10</v>
      </c>
      <c r="AI36278">
        <v>11</v>
      </c>
      <c r="AJ36278">
        <v>11</v>
      </c>
      <c r="AK36278">
        <v>11</v>
      </c>
      <c r="AL36278">
        <v>11</v>
      </c>
      <c r="AM36278">
        <v>11</v>
      </c>
      <c r="AN36278">
        <v>11</v>
      </c>
      <c r="AO36278">
        <v>11</v>
      </c>
      <c r="AP36278">
        <v>11</v>
      </c>
      <c r="AQ36278">
        <v>12</v>
      </c>
    </row>
    <row r="36279" spans="1:43">
      <c r="A36279" t="s">
        <v>22491</v>
      </c>
      <c r="B36279" t="s">
        <v>22492</v>
      </c>
      <c r="C36279" t="s">
        <v>22453</v>
      </c>
      <c r="D36279" t="s">
        <v>22454</v>
      </c>
      <c r="E36279" t="s">
        <v>22205</v>
      </c>
      <c r="F36279" t="s">
        <v>22206</v>
      </c>
      <c r="G36279" t="s">
        <v>20255</v>
      </c>
      <c r="H36279" t="s">
        <v>20256</v>
      </c>
      <c r="I36279" s="2">
        <v>1</v>
      </c>
      <c r="J36279" s="2">
        <v>0</v>
      </c>
      <c r="K36279" s="2">
        <v>0</v>
      </c>
      <c r="L36279" t="s">
        <v>120</v>
      </c>
      <c r="M36279" t="s">
        <v>87</v>
      </c>
      <c r="N36279" t="s">
        <v>88</v>
      </c>
      <c r="O36279" t="s">
        <v>85</v>
      </c>
      <c r="P36279" t="s">
        <v>86</v>
      </c>
      <c r="Q36279">
        <v>8</v>
      </c>
      <c r="R36279">
        <v>8</v>
      </c>
      <c r="S36279">
        <v>8</v>
      </c>
      <c r="T36279">
        <v>8</v>
      </c>
      <c r="U36279">
        <v>8</v>
      </c>
      <c r="V36279">
        <v>8</v>
      </c>
      <c r="W36279">
        <v>8</v>
      </c>
      <c r="X36279">
        <v>8</v>
      </c>
      <c r="Y36279">
        <v>8</v>
      </c>
      <c r="Z36279">
        <v>8</v>
      </c>
      <c r="AA36279">
        <v>9</v>
      </c>
      <c r="AB36279">
        <v>9</v>
      </c>
      <c r="AC36279">
        <v>9</v>
      </c>
      <c r="AD36279">
        <v>9</v>
      </c>
      <c r="AE36279">
        <v>9</v>
      </c>
      <c r="AF36279">
        <v>9</v>
      </c>
      <c r="AG36279">
        <v>9</v>
      </c>
      <c r="AH36279">
        <v>9</v>
      </c>
      <c r="AI36279">
        <v>9</v>
      </c>
      <c r="AJ36279">
        <v>9</v>
      </c>
      <c r="AK36279">
        <v>9</v>
      </c>
      <c r="AL36279">
        <v>10</v>
      </c>
      <c r="AM36279">
        <v>10</v>
      </c>
      <c r="AN36279">
        <v>10</v>
      </c>
      <c r="AO36279">
        <v>10</v>
      </c>
      <c r="AP36279">
        <v>10</v>
      </c>
      <c r="AQ36279">
        <v>10</v>
      </c>
    </row>
    <row r="36280" spans="1:43">
      <c r="A36280" t="s">
        <v>22491</v>
      </c>
      <c r="B36280" t="s">
        <v>22492</v>
      </c>
      <c r="C36280" t="s">
        <v>22453</v>
      </c>
      <c r="D36280" t="s">
        <v>22454</v>
      </c>
      <c r="E36280" t="s">
        <v>22205</v>
      </c>
      <c r="F36280" t="s">
        <v>22206</v>
      </c>
      <c r="G36280" t="s">
        <v>20255</v>
      </c>
      <c r="H36280" t="s">
        <v>20256</v>
      </c>
      <c r="I36280" s="2">
        <v>1</v>
      </c>
      <c r="J36280" s="2">
        <v>0</v>
      </c>
      <c r="K36280" s="2">
        <v>0</v>
      </c>
      <c r="L36280" t="s">
        <v>120</v>
      </c>
      <c r="M36280" t="s">
        <v>89</v>
      </c>
      <c r="N36280" t="s">
        <v>90</v>
      </c>
      <c r="O36280" t="s">
        <v>85</v>
      </c>
      <c r="P36280" t="s">
        <v>86</v>
      </c>
      <c r="Q36280">
        <v>8</v>
      </c>
      <c r="R36280">
        <v>8</v>
      </c>
      <c r="S36280">
        <v>8</v>
      </c>
      <c r="T36280">
        <v>9</v>
      </c>
      <c r="U36280">
        <v>9</v>
      </c>
      <c r="V36280">
        <v>9</v>
      </c>
      <c r="W36280">
        <v>9</v>
      </c>
      <c r="X36280">
        <v>9</v>
      </c>
      <c r="Y36280">
        <v>10</v>
      </c>
      <c r="Z36280">
        <v>10</v>
      </c>
      <c r="AA36280">
        <v>10</v>
      </c>
      <c r="AB36280">
        <v>10</v>
      </c>
      <c r="AC36280">
        <v>10</v>
      </c>
      <c r="AD36280">
        <v>11</v>
      </c>
      <c r="AE36280">
        <v>11</v>
      </c>
      <c r="AF36280">
        <v>11</v>
      </c>
      <c r="AG36280">
        <v>11</v>
      </c>
      <c r="AH36280">
        <v>11</v>
      </c>
      <c r="AI36280">
        <v>11</v>
      </c>
      <c r="AJ36280">
        <v>11</v>
      </c>
      <c r="AK36280">
        <v>11</v>
      </c>
      <c r="AL36280">
        <v>11</v>
      </c>
      <c r="AM36280">
        <v>11</v>
      </c>
      <c r="AN36280">
        <v>11</v>
      </c>
      <c r="AO36280">
        <v>11</v>
      </c>
      <c r="AP36280">
        <v>12</v>
      </c>
      <c r="AQ36280">
        <v>12</v>
      </c>
    </row>
    <row r="36281" spans="1:43">
      <c r="A36281" t="s">
        <v>22491</v>
      </c>
      <c r="B36281" t="s">
        <v>22492</v>
      </c>
      <c r="C36281" t="s">
        <v>22453</v>
      </c>
      <c r="D36281" t="s">
        <v>22454</v>
      </c>
      <c r="E36281" t="s">
        <v>22205</v>
      </c>
      <c r="F36281" t="s">
        <v>22206</v>
      </c>
      <c r="G36281" t="s">
        <v>20255</v>
      </c>
      <c r="H36281" t="s">
        <v>20256</v>
      </c>
      <c r="I36281" s="2">
        <v>1</v>
      </c>
      <c r="J36281" s="2">
        <v>0</v>
      </c>
      <c r="K36281" s="2">
        <v>0</v>
      </c>
      <c r="L36281" t="s">
        <v>120</v>
      </c>
      <c r="M36281" t="s">
        <v>83</v>
      </c>
      <c r="N36281" t="s">
        <v>91</v>
      </c>
      <c r="O36281" t="s">
        <v>85</v>
      </c>
      <c r="P36281" t="s">
        <v>86</v>
      </c>
      <c r="Q36281">
        <v>8</v>
      </c>
      <c r="R36281">
        <v>8</v>
      </c>
      <c r="S36281">
        <v>8</v>
      </c>
      <c r="T36281">
        <v>8</v>
      </c>
      <c r="U36281">
        <v>8</v>
      </c>
      <c r="V36281">
        <v>9</v>
      </c>
      <c r="W36281">
        <v>9</v>
      </c>
      <c r="X36281">
        <v>9</v>
      </c>
      <c r="Y36281">
        <v>9</v>
      </c>
      <c r="Z36281">
        <v>9</v>
      </c>
      <c r="AA36281">
        <v>9</v>
      </c>
      <c r="AB36281">
        <v>10</v>
      </c>
      <c r="AC36281">
        <v>10</v>
      </c>
      <c r="AD36281">
        <v>10</v>
      </c>
      <c r="AE36281">
        <v>10</v>
      </c>
      <c r="AF36281">
        <v>10</v>
      </c>
      <c r="AG36281">
        <v>10</v>
      </c>
      <c r="AH36281">
        <v>10</v>
      </c>
      <c r="AI36281">
        <v>11</v>
      </c>
      <c r="AJ36281">
        <v>11</v>
      </c>
      <c r="AK36281">
        <v>11</v>
      </c>
      <c r="AL36281">
        <v>11</v>
      </c>
      <c r="AM36281">
        <v>11</v>
      </c>
      <c r="AN36281">
        <v>11</v>
      </c>
      <c r="AO36281">
        <v>11</v>
      </c>
      <c r="AP36281">
        <v>11</v>
      </c>
      <c r="AQ36281">
        <v>12</v>
      </c>
    </row>
    <row r="36282" spans="1:43">
      <c r="A36282" t="s">
        <v>22493</v>
      </c>
      <c r="B36282" t="s">
        <v>22494</v>
      </c>
      <c r="C36282" t="s">
        <v>22453</v>
      </c>
      <c r="D36282" t="s">
        <v>22454</v>
      </c>
      <c r="E36282" t="s">
        <v>22205</v>
      </c>
      <c r="F36282" t="s">
        <v>22206</v>
      </c>
      <c r="G36282" t="s">
        <v>20255</v>
      </c>
      <c r="H36282" t="s">
        <v>20256</v>
      </c>
      <c r="I36282" s="2">
        <v>1</v>
      </c>
      <c r="J36282" s="2">
        <v>0</v>
      </c>
      <c r="K36282" s="2">
        <v>0</v>
      </c>
      <c r="L36282" t="s">
        <v>120</v>
      </c>
      <c r="M36282" t="s">
        <v>83</v>
      </c>
      <c r="N36282" t="s">
        <v>84</v>
      </c>
      <c r="O36282" t="s">
        <v>85</v>
      </c>
      <c r="P36282" t="s">
        <v>86</v>
      </c>
      <c r="Q36282">
        <v>4</v>
      </c>
      <c r="R36282">
        <v>4</v>
      </c>
      <c r="S36282">
        <v>4</v>
      </c>
      <c r="T36282">
        <v>4</v>
      </c>
      <c r="U36282">
        <v>4</v>
      </c>
      <c r="V36282">
        <v>4</v>
      </c>
      <c r="W36282">
        <v>4</v>
      </c>
      <c r="X36282">
        <v>4</v>
      </c>
      <c r="Y36282">
        <v>4</v>
      </c>
      <c r="Z36282">
        <v>4</v>
      </c>
      <c r="AA36282">
        <v>4</v>
      </c>
      <c r="AB36282">
        <v>4</v>
      </c>
      <c r="AC36282">
        <v>4</v>
      </c>
      <c r="AD36282">
        <v>5</v>
      </c>
      <c r="AE36282">
        <v>5</v>
      </c>
      <c r="AF36282">
        <v>5</v>
      </c>
      <c r="AG36282">
        <v>5</v>
      </c>
      <c r="AH36282">
        <v>5</v>
      </c>
      <c r="AI36282">
        <v>5</v>
      </c>
      <c r="AJ36282">
        <v>5</v>
      </c>
      <c r="AK36282">
        <v>5</v>
      </c>
      <c r="AL36282">
        <v>5</v>
      </c>
      <c r="AM36282">
        <v>5</v>
      </c>
      <c r="AN36282">
        <v>5</v>
      </c>
      <c r="AO36282">
        <v>5</v>
      </c>
      <c r="AP36282">
        <v>5</v>
      </c>
      <c r="AQ36282">
        <v>5</v>
      </c>
    </row>
    <row r="36283" spans="1:43">
      <c r="A36283" t="s">
        <v>22493</v>
      </c>
      <c r="B36283" t="s">
        <v>22494</v>
      </c>
      <c r="C36283" t="s">
        <v>22453</v>
      </c>
      <c r="D36283" t="s">
        <v>22454</v>
      </c>
      <c r="E36283" t="s">
        <v>22205</v>
      </c>
      <c r="F36283" t="s">
        <v>22206</v>
      </c>
      <c r="G36283" t="s">
        <v>20255</v>
      </c>
      <c r="H36283" t="s">
        <v>20256</v>
      </c>
      <c r="I36283" s="2">
        <v>1</v>
      </c>
      <c r="J36283" s="2">
        <v>0</v>
      </c>
      <c r="K36283" s="2">
        <v>0</v>
      </c>
      <c r="L36283" t="s">
        <v>120</v>
      </c>
      <c r="M36283" t="s">
        <v>87</v>
      </c>
      <c r="N36283" t="s">
        <v>88</v>
      </c>
      <c r="O36283" t="s">
        <v>85</v>
      </c>
      <c r="P36283" t="s">
        <v>86</v>
      </c>
      <c r="Q36283">
        <v>4</v>
      </c>
      <c r="R36283">
        <v>4</v>
      </c>
      <c r="S36283">
        <v>4</v>
      </c>
      <c r="T36283">
        <v>4</v>
      </c>
      <c r="U36283">
        <v>4</v>
      </c>
      <c r="V36283">
        <v>4</v>
      </c>
      <c r="W36283">
        <v>4</v>
      </c>
      <c r="X36283">
        <v>4</v>
      </c>
      <c r="Y36283">
        <v>4</v>
      </c>
      <c r="Z36283">
        <v>4</v>
      </c>
      <c r="AA36283">
        <v>4</v>
      </c>
      <c r="AB36283">
        <v>4</v>
      </c>
      <c r="AC36283">
        <v>4</v>
      </c>
      <c r="AD36283">
        <v>4</v>
      </c>
      <c r="AE36283">
        <v>4</v>
      </c>
      <c r="AF36283">
        <v>4</v>
      </c>
      <c r="AG36283">
        <v>4</v>
      </c>
      <c r="AH36283">
        <v>4</v>
      </c>
      <c r="AI36283">
        <v>4</v>
      </c>
      <c r="AJ36283">
        <v>4</v>
      </c>
      <c r="AK36283">
        <v>4</v>
      </c>
      <c r="AL36283">
        <v>4</v>
      </c>
      <c r="AM36283">
        <v>4</v>
      </c>
      <c r="AN36283">
        <v>4</v>
      </c>
      <c r="AO36283">
        <v>5</v>
      </c>
      <c r="AP36283">
        <v>5</v>
      </c>
      <c r="AQ36283">
        <v>5</v>
      </c>
    </row>
    <row r="36284" spans="1:43">
      <c r="A36284" t="s">
        <v>22493</v>
      </c>
      <c r="B36284" t="s">
        <v>22494</v>
      </c>
      <c r="C36284" t="s">
        <v>22453</v>
      </c>
      <c r="D36284" t="s">
        <v>22454</v>
      </c>
      <c r="E36284" t="s">
        <v>22205</v>
      </c>
      <c r="F36284" t="s">
        <v>22206</v>
      </c>
      <c r="G36284" t="s">
        <v>20255</v>
      </c>
      <c r="H36284" t="s">
        <v>20256</v>
      </c>
      <c r="I36284" s="2">
        <v>1</v>
      </c>
      <c r="J36284" s="2">
        <v>0</v>
      </c>
      <c r="K36284" s="2">
        <v>0</v>
      </c>
      <c r="L36284" t="s">
        <v>120</v>
      </c>
      <c r="M36284" t="s">
        <v>89</v>
      </c>
      <c r="N36284" t="s">
        <v>90</v>
      </c>
      <c r="O36284" t="s">
        <v>85</v>
      </c>
      <c r="P36284" t="s">
        <v>86</v>
      </c>
      <c r="Q36284">
        <v>4</v>
      </c>
      <c r="R36284">
        <v>4</v>
      </c>
      <c r="S36284">
        <v>4</v>
      </c>
      <c r="T36284">
        <v>4</v>
      </c>
      <c r="U36284">
        <v>4</v>
      </c>
      <c r="V36284">
        <v>4</v>
      </c>
      <c r="W36284">
        <v>4</v>
      </c>
      <c r="X36284">
        <v>4</v>
      </c>
      <c r="Y36284">
        <v>4</v>
      </c>
      <c r="Z36284">
        <v>4</v>
      </c>
      <c r="AA36284">
        <v>5</v>
      </c>
      <c r="AB36284">
        <v>5</v>
      </c>
      <c r="AC36284">
        <v>5</v>
      </c>
      <c r="AD36284">
        <v>5</v>
      </c>
      <c r="AE36284">
        <v>5</v>
      </c>
      <c r="AF36284">
        <v>5</v>
      </c>
      <c r="AG36284">
        <v>5</v>
      </c>
      <c r="AH36284">
        <v>5</v>
      </c>
      <c r="AI36284">
        <v>5</v>
      </c>
      <c r="AJ36284">
        <v>5</v>
      </c>
      <c r="AK36284">
        <v>5</v>
      </c>
      <c r="AL36284">
        <v>5</v>
      </c>
      <c r="AM36284">
        <v>5</v>
      </c>
      <c r="AN36284">
        <v>5</v>
      </c>
      <c r="AO36284">
        <v>5</v>
      </c>
      <c r="AP36284">
        <v>5</v>
      </c>
      <c r="AQ36284">
        <v>5</v>
      </c>
    </row>
    <row r="36285" spans="1:43">
      <c r="A36285" t="s">
        <v>22493</v>
      </c>
      <c r="B36285" t="s">
        <v>22494</v>
      </c>
      <c r="C36285" t="s">
        <v>22453</v>
      </c>
      <c r="D36285" t="s">
        <v>22454</v>
      </c>
      <c r="E36285" t="s">
        <v>22205</v>
      </c>
      <c r="F36285" t="s">
        <v>22206</v>
      </c>
      <c r="G36285" t="s">
        <v>20255</v>
      </c>
      <c r="H36285" t="s">
        <v>20256</v>
      </c>
      <c r="I36285" s="2">
        <v>1</v>
      </c>
      <c r="J36285" s="2">
        <v>0</v>
      </c>
      <c r="K36285" s="2">
        <v>0</v>
      </c>
      <c r="L36285" t="s">
        <v>120</v>
      </c>
      <c r="M36285" t="s">
        <v>83</v>
      </c>
      <c r="N36285" t="s">
        <v>91</v>
      </c>
      <c r="O36285" t="s">
        <v>85</v>
      </c>
      <c r="P36285" t="s">
        <v>86</v>
      </c>
      <c r="Q36285">
        <v>4</v>
      </c>
      <c r="R36285">
        <v>4</v>
      </c>
      <c r="S36285">
        <v>4</v>
      </c>
      <c r="T36285">
        <v>4</v>
      </c>
      <c r="U36285">
        <v>4</v>
      </c>
      <c r="V36285">
        <v>4</v>
      </c>
      <c r="W36285">
        <v>4</v>
      </c>
      <c r="X36285">
        <v>4</v>
      </c>
      <c r="Y36285">
        <v>4</v>
      </c>
      <c r="Z36285">
        <v>4</v>
      </c>
      <c r="AA36285">
        <v>4</v>
      </c>
      <c r="AB36285">
        <v>4</v>
      </c>
      <c r="AC36285">
        <v>4</v>
      </c>
      <c r="AD36285">
        <v>5</v>
      </c>
      <c r="AE36285">
        <v>5</v>
      </c>
      <c r="AF36285">
        <v>5</v>
      </c>
      <c r="AG36285">
        <v>5</v>
      </c>
      <c r="AH36285">
        <v>5</v>
      </c>
      <c r="AI36285">
        <v>5</v>
      </c>
      <c r="AJ36285">
        <v>5</v>
      </c>
      <c r="AK36285">
        <v>5</v>
      </c>
      <c r="AL36285">
        <v>5</v>
      </c>
      <c r="AM36285">
        <v>5</v>
      </c>
      <c r="AN36285">
        <v>5</v>
      </c>
      <c r="AO36285">
        <v>5</v>
      </c>
      <c r="AP36285">
        <v>5</v>
      </c>
      <c r="AQ36285">
        <v>5</v>
      </c>
    </row>
    <row r="36286" spans="1:43">
      <c r="A36286" t="s">
        <v>22495</v>
      </c>
      <c r="B36286" t="s">
        <v>22496</v>
      </c>
      <c r="C36286" t="s">
        <v>22429</v>
      </c>
      <c r="D36286" t="s">
        <v>22430</v>
      </c>
      <c r="E36286" t="s">
        <v>22205</v>
      </c>
      <c r="F36286" t="s">
        <v>22206</v>
      </c>
      <c r="G36286" t="s">
        <v>20255</v>
      </c>
      <c r="H36286" t="s">
        <v>20256</v>
      </c>
      <c r="I36286" s="2">
        <v>1</v>
      </c>
      <c r="J36286" s="2">
        <v>0</v>
      </c>
      <c r="K36286" s="2">
        <v>0</v>
      </c>
      <c r="L36286" t="s">
        <v>120</v>
      </c>
      <c r="M36286" t="s">
        <v>83</v>
      </c>
      <c r="N36286" t="s">
        <v>84</v>
      </c>
      <c r="O36286" t="s">
        <v>85</v>
      </c>
      <c r="P36286" t="s">
        <v>86</v>
      </c>
      <c r="Q36286">
        <v>14</v>
      </c>
      <c r="R36286">
        <v>14</v>
      </c>
      <c r="S36286">
        <v>14</v>
      </c>
      <c r="T36286">
        <v>14</v>
      </c>
      <c r="U36286">
        <v>15</v>
      </c>
      <c r="V36286">
        <v>15</v>
      </c>
      <c r="W36286">
        <v>15</v>
      </c>
      <c r="X36286">
        <v>15</v>
      </c>
      <c r="Y36286">
        <v>16</v>
      </c>
      <c r="Z36286">
        <v>16</v>
      </c>
      <c r="AA36286">
        <v>16</v>
      </c>
      <c r="AB36286">
        <v>17</v>
      </c>
      <c r="AC36286">
        <v>17</v>
      </c>
      <c r="AD36286">
        <v>17</v>
      </c>
      <c r="AE36286">
        <v>17</v>
      </c>
      <c r="AF36286">
        <v>18</v>
      </c>
      <c r="AG36286">
        <v>18</v>
      </c>
      <c r="AH36286">
        <v>18</v>
      </c>
      <c r="AI36286">
        <v>18</v>
      </c>
      <c r="AJ36286">
        <v>19</v>
      </c>
      <c r="AK36286">
        <v>19</v>
      </c>
      <c r="AL36286">
        <v>19</v>
      </c>
      <c r="AM36286">
        <v>19</v>
      </c>
      <c r="AN36286">
        <v>20</v>
      </c>
      <c r="AO36286">
        <v>20</v>
      </c>
      <c r="AP36286">
        <v>20</v>
      </c>
      <c r="AQ36286">
        <v>20</v>
      </c>
    </row>
    <row r="36287" spans="1:43">
      <c r="A36287" t="s">
        <v>22495</v>
      </c>
      <c r="B36287" t="s">
        <v>22496</v>
      </c>
      <c r="C36287" t="s">
        <v>22429</v>
      </c>
      <c r="D36287" t="s">
        <v>22430</v>
      </c>
      <c r="E36287" t="s">
        <v>22205</v>
      </c>
      <c r="F36287" t="s">
        <v>22206</v>
      </c>
      <c r="G36287" t="s">
        <v>20255</v>
      </c>
      <c r="H36287" t="s">
        <v>20256</v>
      </c>
      <c r="I36287" s="2">
        <v>1</v>
      </c>
      <c r="J36287" s="2">
        <v>0</v>
      </c>
      <c r="K36287" s="2">
        <v>0</v>
      </c>
      <c r="L36287" t="s">
        <v>120</v>
      </c>
      <c r="M36287" t="s">
        <v>87</v>
      </c>
      <c r="N36287" t="s">
        <v>88</v>
      </c>
      <c r="O36287" t="s">
        <v>85</v>
      </c>
      <c r="P36287" t="s">
        <v>86</v>
      </c>
      <c r="Q36287">
        <v>14</v>
      </c>
      <c r="R36287">
        <v>15</v>
      </c>
      <c r="S36287">
        <v>15</v>
      </c>
      <c r="T36287">
        <v>15</v>
      </c>
      <c r="U36287">
        <v>15</v>
      </c>
      <c r="V36287">
        <v>15</v>
      </c>
      <c r="W36287">
        <v>15</v>
      </c>
      <c r="X36287">
        <v>15</v>
      </c>
      <c r="Y36287">
        <v>16</v>
      </c>
      <c r="Z36287">
        <v>16</v>
      </c>
      <c r="AA36287">
        <v>16</v>
      </c>
      <c r="AB36287">
        <v>16</v>
      </c>
      <c r="AC36287">
        <v>16</v>
      </c>
      <c r="AD36287">
        <v>16</v>
      </c>
      <c r="AE36287">
        <v>16</v>
      </c>
      <c r="AF36287">
        <v>17</v>
      </c>
      <c r="AG36287">
        <v>17</v>
      </c>
      <c r="AH36287">
        <v>17</v>
      </c>
      <c r="AI36287">
        <v>17</v>
      </c>
      <c r="AJ36287">
        <v>17</v>
      </c>
      <c r="AK36287">
        <v>17</v>
      </c>
      <c r="AL36287">
        <v>18</v>
      </c>
      <c r="AM36287">
        <v>18</v>
      </c>
      <c r="AN36287">
        <v>18</v>
      </c>
      <c r="AO36287">
        <v>18</v>
      </c>
      <c r="AP36287">
        <v>18</v>
      </c>
      <c r="AQ36287">
        <v>18</v>
      </c>
    </row>
    <row r="36288" spans="1:43">
      <c r="A36288" t="s">
        <v>22495</v>
      </c>
      <c r="B36288" t="s">
        <v>22496</v>
      </c>
      <c r="C36288" t="s">
        <v>22429</v>
      </c>
      <c r="D36288" t="s">
        <v>22430</v>
      </c>
      <c r="E36288" t="s">
        <v>22205</v>
      </c>
      <c r="F36288" t="s">
        <v>22206</v>
      </c>
      <c r="G36288" t="s">
        <v>20255</v>
      </c>
      <c r="H36288" t="s">
        <v>20256</v>
      </c>
      <c r="I36288" s="2">
        <v>1</v>
      </c>
      <c r="J36288" s="2">
        <v>0</v>
      </c>
      <c r="K36288" s="2">
        <v>0</v>
      </c>
      <c r="L36288" t="s">
        <v>120</v>
      </c>
      <c r="M36288" t="s">
        <v>89</v>
      </c>
      <c r="N36288" t="s">
        <v>90</v>
      </c>
      <c r="O36288" t="s">
        <v>85</v>
      </c>
      <c r="P36288" t="s">
        <v>86</v>
      </c>
      <c r="Q36288">
        <v>14</v>
      </c>
      <c r="R36288">
        <v>14</v>
      </c>
      <c r="S36288">
        <v>14</v>
      </c>
      <c r="T36288">
        <v>15</v>
      </c>
      <c r="U36288">
        <v>15</v>
      </c>
      <c r="V36288">
        <v>16</v>
      </c>
      <c r="W36288">
        <v>16</v>
      </c>
      <c r="X36288">
        <v>16</v>
      </c>
      <c r="Y36288">
        <v>17</v>
      </c>
      <c r="Z36288">
        <v>17</v>
      </c>
      <c r="AA36288">
        <v>17</v>
      </c>
      <c r="AB36288">
        <v>18</v>
      </c>
      <c r="AC36288">
        <v>18</v>
      </c>
      <c r="AD36288">
        <v>18</v>
      </c>
      <c r="AE36288">
        <v>19</v>
      </c>
      <c r="AF36288">
        <v>19</v>
      </c>
      <c r="AG36288">
        <v>19</v>
      </c>
      <c r="AH36288">
        <v>19</v>
      </c>
      <c r="AI36288">
        <v>19</v>
      </c>
      <c r="AJ36288">
        <v>19</v>
      </c>
      <c r="AK36288">
        <v>19</v>
      </c>
      <c r="AL36288">
        <v>20</v>
      </c>
      <c r="AM36288">
        <v>20</v>
      </c>
      <c r="AN36288">
        <v>20</v>
      </c>
      <c r="AO36288">
        <v>20</v>
      </c>
      <c r="AP36288">
        <v>20</v>
      </c>
      <c r="AQ36288">
        <v>20</v>
      </c>
    </row>
    <row r="36289" spans="1:43">
      <c r="A36289" t="s">
        <v>22495</v>
      </c>
      <c r="B36289" t="s">
        <v>22496</v>
      </c>
      <c r="C36289" t="s">
        <v>22429</v>
      </c>
      <c r="D36289" t="s">
        <v>22430</v>
      </c>
      <c r="E36289" t="s">
        <v>22205</v>
      </c>
      <c r="F36289" t="s">
        <v>22206</v>
      </c>
      <c r="G36289" t="s">
        <v>20255</v>
      </c>
      <c r="H36289" t="s">
        <v>20256</v>
      </c>
      <c r="I36289" s="2">
        <v>1</v>
      </c>
      <c r="J36289" s="2">
        <v>0</v>
      </c>
      <c r="K36289" s="2">
        <v>0</v>
      </c>
      <c r="L36289" t="s">
        <v>120</v>
      </c>
      <c r="M36289" t="s">
        <v>83</v>
      </c>
      <c r="N36289" t="s">
        <v>91</v>
      </c>
      <c r="O36289" t="s">
        <v>85</v>
      </c>
      <c r="P36289" t="s">
        <v>86</v>
      </c>
      <c r="Q36289">
        <v>14</v>
      </c>
      <c r="R36289">
        <v>14</v>
      </c>
      <c r="S36289">
        <v>14</v>
      </c>
      <c r="T36289">
        <v>14</v>
      </c>
      <c r="U36289">
        <v>15</v>
      </c>
      <c r="V36289">
        <v>15</v>
      </c>
      <c r="W36289">
        <v>15</v>
      </c>
      <c r="X36289">
        <v>15</v>
      </c>
      <c r="Y36289">
        <v>16</v>
      </c>
      <c r="Z36289">
        <v>16</v>
      </c>
      <c r="AA36289">
        <v>16</v>
      </c>
      <c r="AB36289">
        <v>17</v>
      </c>
      <c r="AC36289">
        <v>17</v>
      </c>
      <c r="AD36289">
        <v>17</v>
      </c>
      <c r="AE36289">
        <v>17</v>
      </c>
      <c r="AF36289">
        <v>18</v>
      </c>
      <c r="AG36289">
        <v>18</v>
      </c>
      <c r="AH36289">
        <v>18</v>
      </c>
      <c r="AI36289">
        <v>18</v>
      </c>
      <c r="AJ36289">
        <v>19</v>
      </c>
      <c r="AK36289">
        <v>19</v>
      </c>
      <c r="AL36289">
        <v>19</v>
      </c>
      <c r="AM36289">
        <v>19</v>
      </c>
      <c r="AN36289">
        <v>20</v>
      </c>
      <c r="AO36289">
        <v>20</v>
      </c>
      <c r="AP36289">
        <v>20</v>
      </c>
      <c r="AQ36289">
        <v>20</v>
      </c>
    </row>
    <row r="36290" spans="1:43">
      <c r="A36290" t="s">
        <v>22497</v>
      </c>
      <c r="B36290" t="s">
        <v>22498</v>
      </c>
      <c r="C36290" t="s">
        <v>22463</v>
      </c>
      <c r="D36290" t="s">
        <v>22464</v>
      </c>
      <c r="E36290" t="s">
        <v>22205</v>
      </c>
      <c r="F36290" t="s">
        <v>22206</v>
      </c>
      <c r="G36290" t="s">
        <v>20255</v>
      </c>
      <c r="H36290" t="s">
        <v>20256</v>
      </c>
      <c r="I36290" s="2">
        <v>1</v>
      </c>
      <c r="J36290" s="2">
        <v>0</v>
      </c>
      <c r="K36290" s="2">
        <v>0</v>
      </c>
      <c r="L36290" t="s">
        <v>120</v>
      </c>
      <c r="M36290" t="s">
        <v>83</v>
      </c>
      <c r="N36290" t="s">
        <v>84</v>
      </c>
      <c r="O36290" t="s">
        <v>85</v>
      </c>
      <c r="P36290" t="s">
        <v>86</v>
      </c>
      <c r="Q36290">
        <v>3</v>
      </c>
      <c r="R36290">
        <v>3</v>
      </c>
      <c r="S36290">
        <v>3</v>
      </c>
      <c r="T36290">
        <v>3</v>
      </c>
      <c r="U36290">
        <v>3</v>
      </c>
      <c r="V36290">
        <v>3</v>
      </c>
      <c r="W36290">
        <v>3</v>
      </c>
      <c r="X36290">
        <v>3</v>
      </c>
      <c r="Y36290">
        <v>3</v>
      </c>
      <c r="Z36290">
        <v>3</v>
      </c>
      <c r="AA36290">
        <v>3</v>
      </c>
      <c r="AB36290">
        <v>3</v>
      </c>
      <c r="AC36290">
        <v>3</v>
      </c>
      <c r="AD36290">
        <v>3</v>
      </c>
      <c r="AE36290">
        <v>3</v>
      </c>
      <c r="AF36290">
        <v>3</v>
      </c>
      <c r="AG36290">
        <v>3</v>
      </c>
      <c r="AH36290">
        <v>3</v>
      </c>
      <c r="AI36290">
        <v>3</v>
      </c>
      <c r="AJ36290">
        <v>4</v>
      </c>
      <c r="AK36290">
        <v>4</v>
      </c>
      <c r="AL36290">
        <v>4</v>
      </c>
      <c r="AM36290">
        <v>4</v>
      </c>
      <c r="AN36290">
        <v>4</v>
      </c>
      <c r="AO36290">
        <v>4</v>
      </c>
      <c r="AP36290">
        <v>4</v>
      </c>
      <c r="AQ36290">
        <v>4</v>
      </c>
    </row>
    <row r="36291" spans="1:43">
      <c r="A36291" t="s">
        <v>22497</v>
      </c>
      <c r="B36291" t="s">
        <v>22498</v>
      </c>
      <c r="C36291" t="s">
        <v>22463</v>
      </c>
      <c r="D36291" t="s">
        <v>22464</v>
      </c>
      <c r="E36291" t="s">
        <v>22205</v>
      </c>
      <c r="F36291" t="s">
        <v>22206</v>
      </c>
      <c r="G36291" t="s">
        <v>20255</v>
      </c>
      <c r="H36291" t="s">
        <v>20256</v>
      </c>
      <c r="I36291" s="2">
        <v>1</v>
      </c>
      <c r="J36291" s="2">
        <v>0</v>
      </c>
      <c r="K36291" s="2">
        <v>0</v>
      </c>
      <c r="L36291" t="s">
        <v>120</v>
      </c>
      <c r="M36291" t="s">
        <v>87</v>
      </c>
      <c r="N36291" t="s">
        <v>88</v>
      </c>
      <c r="O36291" t="s">
        <v>85</v>
      </c>
      <c r="P36291" t="s">
        <v>86</v>
      </c>
      <c r="Q36291">
        <v>3</v>
      </c>
      <c r="R36291">
        <v>3</v>
      </c>
      <c r="S36291">
        <v>3</v>
      </c>
      <c r="T36291">
        <v>3</v>
      </c>
      <c r="U36291">
        <v>3</v>
      </c>
      <c r="V36291">
        <v>3</v>
      </c>
      <c r="W36291">
        <v>3</v>
      </c>
      <c r="X36291">
        <v>3</v>
      </c>
      <c r="Y36291">
        <v>3</v>
      </c>
      <c r="Z36291">
        <v>3</v>
      </c>
      <c r="AA36291">
        <v>3</v>
      </c>
      <c r="AB36291">
        <v>3</v>
      </c>
      <c r="AC36291">
        <v>3</v>
      </c>
      <c r="AD36291">
        <v>3</v>
      </c>
      <c r="AE36291">
        <v>3</v>
      </c>
      <c r="AF36291">
        <v>3</v>
      </c>
      <c r="AG36291">
        <v>3</v>
      </c>
      <c r="AH36291">
        <v>3</v>
      </c>
      <c r="AI36291">
        <v>3</v>
      </c>
      <c r="AJ36291">
        <v>3</v>
      </c>
      <c r="AK36291">
        <v>3</v>
      </c>
      <c r="AL36291">
        <v>3</v>
      </c>
      <c r="AM36291">
        <v>3</v>
      </c>
      <c r="AN36291">
        <v>3</v>
      </c>
      <c r="AO36291">
        <v>3</v>
      </c>
      <c r="AP36291">
        <v>3</v>
      </c>
      <c r="AQ36291">
        <v>3</v>
      </c>
    </row>
    <row r="36292" spans="1:43">
      <c r="A36292" t="s">
        <v>22497</v>
      </c>
      <c r="B36292" t="s">
        <v>22498</v>
      </c>
      <c r="C36292" t="s">
        <v>22463</v>
      </c>
      <c r="D36292" t="s">
        <v>22464</v>
      </c>
      <c r="E36292" t="s">
        <v>22205</v>
      </c>
      <c r="F36292" t="s">
        <v>22206</v>
      </c>
      <c r="G36292" t="s">
        <v>20255</v>
      </c>
      <c r="H36292" t="s">
        <v>20256</v>
      </c>
      <c r="I36292" s="2">
        <v>1</v>
      </c>
      <c r="J36292" s="2">
        <v>0</v>
      </c>
      <c r="K36292" s="2">
        <v>0</v>
      </c>
      <c r="L36292" t="s">
        <v>120</v>
      </c>
      <c r="M36292" t="s">
        <v>89</v>
      </c>
      <c r="N36292" t="s">
        <v>90</v>
      </c>
      <c r="O36292" t="s">
        <v>85</v>
      </c>
      <c r="P36292" t="s">
        <v>86</v>
      </c>
      <c r="Q36292">
        <v>3</v>
      </c>
      <c r="R36292">
        <v>3</v>
      </c>
      <c r="S36292">
        <v>3</v>
      </c>
      <c r="T36292">
        <v>3</v>
      </c>
      <c r="U36292">
        <v>3</v>
      </c>
      <c r="V36292">
        <v>3</v>
      </c>
      <c r="W36292">
        <v>3</v>
      </c>
      <c r="X36292">
        <v>3</v>
      </c>
      <c r="Y36292">
        <v>3</v>
      </c>
      <c r="Z36292">
        <v>3</v>
      </c>
      <c r="AA36292">
        <v>3</v>
      </c>
      <c r="AB36292">
        <v>3</v>
      </c>
      <c r="AC36292">
        <v>3</v>
      </c>
      <c r="AD36292">
        <v>3</v>
      </c>
      <c r="AE36292">
        <v>3</v>
      </c>
      <c r="AF36292">
        <v>3</v>
      </c>
      <c r="AG36292">
        <v>4</v>
      </c>
      <c r="AH36292">
        <v>4</v>
      </c>
      <c r="AI36292">
        <v>4</v>
      </c>
      <c r="AJ36292">
        <v>4</v>
      </c>
      <c r="AK36292">
        <v>4</v>
      </c>
      <c r="AL36292">
        <v>4</v>
      </c>
      <c r="AM36292">
        <v>4</v>
      </c>
      <c r="AN36292">
        <v>4</v>
      </c>
      <c r="AO36292">
        <v>4</v>
      </c>
      <c r="AP36292">
        <v>4</v>
      </c>
      <c r="AQ36292">
        <v>4</v>
      </c>
    </row>
    <row r="36293" spans="1:43">
      <c r="A36293" t="s">
        <v>22497</v>
      </c>
      <c r="B36293" t="s">
        <v>22498</v>
      </c>
      <c r="C36293" t="s">
        <v>22463</v>
      </c>
      <c r="D36293" t="s">
        <v>22464</v>
      </c>
      <c r="E36293" t="s">
        <v>22205</v>
      </c>
      <c r="F36293" t="s">
        <v>22206</v>
      </c>
      <c r="G36293" t="s">
        <v>20255</v>
      </c>
      <c r="H36293" t="s">
        <v>20256</v>
      </c>
      <c r="I36293" s="2">
        <v>1</v>
      </c>
      <c r="J36293" s="2">
        <v>0</v>
      </c>
      <c r="K36293" s="2">
        <v>0</v>
      </c>
      <c r="L36293" t="s">
        <v>120</v>
      </c>
      <c r="M36293" t="s">
        <v>83</v>
      </c>
      <c r="N36293" t="s">
        <v>91</v>
      </c>
      <c r="O36293" t="s">
        <v>85</v>
      </c>
      <c r="P36293" t="s">
        <v>86</v>
      </c>
      <c r="Q36293">
        <v>3</v>
      </c>
      <c r="R36293">
        <v>3</v>
      </c>
      <c r="S36293">
        <v>3</v>
      </c>
      <c r="T36293">
        <v>3</v>
      </c>
      <c r="U36293">
        <v>3</v>
      </c>
      <c r="V36293">
        <v>3</v>
      </c>
      <c r="W36293">
        <v>3</v>
      </c>
      <c r="X36293">
        <v>3</v>
      </c>
      <c r="Y36293">
        <v>3</v>
      </c>
      <c r="Z36293">
        <v>3</v>
      </c>
      <c r="AA36293">
        <v>3</v>
      </c>
      <c r="AB36293">
        <v>3</v>
      </c>
      <c r="AC36293">
        <v>3</v>
      </c>
      <c r="AD36293">
        <v>3</v>
      </c>
      <c r="AE36293">
        <v>3</v>
      </c>
      <c r="AF36293">
        <v>3</v>
      </c>
      <c r="AG36293">
        <v>3</v>
      </c>
      <c r="AH36293">
        <v>3</v>
      </c>
      <c r="AI36293">
        <v>3</v>
      </c>
      <c r="AJ36293">
        <v>4</v>
      </c>
      <c r="AK36293">
        <v>4</v>
      </c>
      <c r="AL36293">
        <v>4</v>
      </c>
      <c r="AM36293">
        <v>4</v>
      </c>
      <c r="AN36293">
        <v>4</v>
      </c>
      <c r="AO36293">
        <v>4</v>
      </c>
      <c r="AP36293">
        <v>4</v>
      </c>
      <c r="AQ36293">
        <v>4</v>
      </c>
    </row>
    <row r="36294" spans="1:43">
      <c r="A36294" t="s">
        <v>22499</v>
      </c>
      <c r="B36294" t="s">
        <v>22500</v>
      </c>
      <c r="C36294" t="s">
        <v>22475</v>
      </c>
      <c r="D36294" t="s">
        <v>22476</v>
      </c>
      <c r="E36294" t="s">
        <v>22205</v>
      </c>
      <c r="F36294" t="s">
        <v>22206</v>
      </c>
      <c r="G36294" t="s">
        <v>20255</v>
      </c>
      <c r="H36294" t="s">
        <v>20256</v>
      </c>
      <c r="I36294" s="2">
        <v>1</v>
      </c>
      <c r="J36294" s="2">
        <v>0</v>
      </c>
      <c r="K36294" s="2">
        <v>0</v>
      </c>
      <c r="L36294" t="s">
        <v>120</v>
      </c>
      <c r="M36294" t="s">
        <v>83</v>
      </c>
      <c r="N36294" t="s">
        <v>84</v>
      </c>
      <c r="O36294" t="s">
        <v>85</v>
      </c>
      <c r="P36294" t="s">
        <v>86</v>
      </c>
      <c r="Q36294">
        <v>9</v>
      </c>
      <c r="R36294">
        <v>9</v>
      </c>
      <c r="S36294">
        <v>9</v>
      </c>
      <c r="T36294">
        <v>9</v>
      </c>
      <c r="U36294">
        <v>9</v>
      </c>
      <c r="V36294">
        <v>10</v>
      </c>
      <c r="W36294">
        <v>10</v>
      </c>
      <c r="X36294">
        <v>10</v>
      </c>
      <c r="Y36294">
        <v>10</v>
      </c>
      <c r="Z36294">
        <v>10</v>
      </c>
      <c r="AA36294">
        <v>10</v>
      </c>
      <c r="AB36294">
        <v>11</v>
      </c>
      <c r="AC36294">
        <v>11</v>
      </c>
      <c r="AD36294">
        <v>11</v>
      </c>
      <c r="AE36294">
        <v>11</v>
      </c>
      <c r="AF36294">
        <v>11</v>
      </c>
      <c r="AG36294">
        <v>11</v>
      </c>
      <c r="AH36294">
        <v>12</v>
      </c>
      <c r="AI36294">
        <v>12</v>
      </c>
      <c r="AJ36294">
        <v>12</v>
      </c>
      <c r="AK36294">
        <v>12</v>
      </c>
      <c r="AL36294">
        <v>12</v>
      </c>
      <c r="AM36294">
        <v>12</v>
      </c>
      <c r="AN36294">
        <v>12</v>
      </c>
      <c r="AO36294">
        <v>13</v>
      </c>
      <c r="AP36294">
        <v>13</v>
      </c>
      <c r="AQ36294">
        <v>13</v>
      </c>
    </row>
    <row r="36295" spans="1:43">
      <c r="A36295" t="s">
        <v>22499</v>
      </c>
      <c r="B36295" t="s">
        <v>22500</v>
      </c>
      <c r="C36295" t="s">
        <v>22475</v>
      </c>
      <c r="D36295" t="s">
        <v>22476</v>
      </c>
      <c r="E36295" t="s">
        <v>22205</v>
      </c>
      <c r="F36295" t="s">
        <v>22206</v>
      </c>
      <c r="G36295" t="s">
        <v>20255</v>
      </c>
      <c r="H36295" t="s">
        <v>20256</v>
      </c>
      <c r="I36295" s="2">
        <v>1</v>
      </c>
      <c r="J36295" s="2">
        <v>0</v>
      </c>
      <c r="K36295" s="2">
        <v>0</v>
      </c>
      <c r="L36295" t="s">
        <v>120</v>
      </c>
      <c r="M36295" t="s">
        <v>87</v>
      </c>
      <c r="N36295" t="s">
        <v>88</v>
      </c>
      <c r="O36295" t="s">
        <v>85</v>
      </c>
      <c r="P36295" t="s">
        <v>86</v>
      </c>
      <c r="Q36295">
        <v>9</v>
      </c>
      <c r="R36295">
        <v>9</v>
      </c>
      <c r="S36295">
        <v>9</v>
      </c>
      <c r="T36295">
        <v>9</v>
      </c>
      <c r="U36295">
        <v>9</v>
      </c>
      <c r="V36295">
        <v>9</v>
      </c>
      <c r="W36295">
        <v>9</v>
      </c>
      <c r="X36295">
        <v>9</v>
      </c>
      <c r="Y36295">
        <v>9</v>
      </c>
      <c r="Z36295">
        <v>9</v>
      </c>
      <c r="AA36295">
        <v>9</v>
      </c>
      <c r="AB36295">
        <v>10</v>
      </c>
      <c r="AC36295">
        <v>10</v>
      </c>
      <c r="AD36295">
        <v>10</v>
      </c>
      <c r="AE36295">
        <v>10</v>
      </c>
      <c r="AF36295">
        <v>10</v>
      </c>
      <c r="AG36295">
        <v>10</v>
      </c>
      <c r="AH36295">
        <v>10</v>
      </c>
      <c r="AI36295">
        <v>10</v>
      </c>
      <c r="AJ36295">
        <v>10</v>
      </c>
      <c r="AK36295">
        <v>10</v>
      </c>
      <c r="AL36295">
        <v>11</v>
      </c>
      <c r="AM36295">
        <v>11</v>
      </c>
      <c r="AN36295">
        <v>11</v>
      </c>
      <c r="AO36295">
        <v>11</v>
      </c>
      <c r="AP36295">
        <v>11</v>
      </c>
      <c r="AQ36295">
        <v>11</v>
      </c>
    </row>
    <row r="36296" spans="1:43">
      <c r="A36296" t="s">
        <v>22499</v>
      </c>
      <c r="B36296" t="s">
        <v>22500</v>
      </c>
      <c r="C36296" t="s">
        <v>22475</v>
      </c>
      <c r="D36296" t="s">
        <v>22476</v>
      </c>
      <c r="E36296" t="s">
        <v>22205</v>
      </c>
      <c r="F36296" t="s">
        <v>22206</v>
      </c>
      <c r="G36296" t="s">
        <v>20255</v>
      </c>
      <c r="H36296" t="s">
        <v>20256</v>
      </c>
      <c r="I36296" s="2">
        <v>1</v>
      </c>
      <c r="J36296" s="2">
        <v>0</v>
      </c>
      <c r="K36296" s="2">
        <v>0</v>
      </c>
      <c r="L36296" t="s">
        <v>120</v>
      </c>
      <c r="M36296" t="s">
        <v>89</v>
      </c>
      <c r="N36296" t="s">
        <v>90</v>
      </c>
      <c r="O36296" t="s">
        <v>85</v>
      </c>
      <c r="P36296" t="s">
        <v>86</v>
      </c>
      <c r="Q36296">
        <v>9</v>
      </c>
      <c r="R36296">
        <v>9</v>
      </c>
      <c r="S36296">
        <v>9</v>
      </c>
      <c r="T36296">
        <v>9</v>
      </c>
      <c r="U36296">
        <v>10</v>
      </c>
      <c r="V36296">
        <v>10</v>
      </c>
      <c r="W36296">
        <v>10</v>
      </c>
      <c r="X36296">
        <v>10</v>
      </c>
      <c r="Y36296">
        <v>11</v>
      </c>
      <c r="Z36296">
        <v>11</v>
      </c>
      <c r="AA36296">
        <v>11</v>
      </c>
      <c r="AB36296">
        <v>11</v>
      </c>
      <c r="AC36296">
        <v>11</v>
      </c>
      <c r="AD36296">
        <v>12</v>
      </c>
      <c r="AE36296">
        <v>12</v>
      </c>
      <c r="AF36296">
        <v>12</v>
      </c>
      <c r="AG36296">
        <v>12</v>
      </c>
      <c r="AH36296">
        <v>12</v>
      </c>
      <c r="AI36296">
        <v>12</v>
      </c>
      <c r="AJ36296">
        <v>12</v>
      </c>
      <c r="AK36296">
        <v>12</v>
      </c>
      <c r="AL36296">
        <v>12</v>
      </c>
      <c r="AM36296">
        <v>12</v>
      </c>
      <c r="AN36296">
        <v>13</v>
      </c>
      <c r="AO36296">
        <v>13</v>
      </c>
      <c r="AP36296">
        <v>13</v>
      </c>
      <c r="AQ36296">
        <v>13</v>
      </c>
    </row>
    <row r="36297" spans="1:43">
      <c r="A36297" t="s">
        <v>22499</v>
      </c>
      <c r="B36297" t="s">
        <v>22500</v>
      </c>
      <c r="C36297" t="s">
        <v>22475</v>
      </c>
      <c r="D36297" t="s">
        <v>22476</v>
      </c>
      <c r="E36297" t="s">
        <v>22205</v>
      </c>
      <c r="F36297" t="s">
        <v>22206</v>
      </c>
      <c r="G36297" t="s">
        <v>20255</v>
      </c>
      <c r="H36297" t="s">
        <v>20256</v>
      </c>
      <c r="I36297" s="2">
        <v>1</v>
      </c>
      <c r="J36297" s="2">
        <v>0</v>
      </c>
      <c r="K36297" s="2">
        <v>0</v>
      </c>
      <c r="L36297" t="s">
        <v>120</v>
      </c>
      <c r="M36297" t="s">
        <v>83</v>
      </c>
      <c r="N36297" t="s">
        <v>91</v>
      </c>
      <c r="O36297" t="s">
        <v>85</v>
      </c>
      <c r="P36297" t="s">
        <v>86</v>
      </c>
      <c r="Q36297">
        <v>9</v>
      </c>
      <c r="R36297">
        <v>9</v>
      </c>
      <c r="S36297">
        <v>9</v>
      </c>
      <c r="T36297">
        <v>9</v>
      </c>
      <c r="U36297">
        <v>9</v>
      </c>
      <c r="V36297">
        <v>10</v>
      </c>
      <c r="W36297">
        <v>10</v>
      </c>
      <c r="X36297">
        <v>10</v>
      </c>
      <c r="Y36297">
        <v>10</v>
      </c>
      <c r="Z36297">
        <v>10</v>
      </c>
      <c r="AA36297">
        <v>10</v>
      </c>
      <c r="AB36297">
        <v>11</v>
      </c>
      <c r="AC36297">
        <v>11</v>
      </c>
      <c r="AD36297">
        <v>11</v>
      </c>
      <c r="AE36297">
        <v>11</v>
      </c>
      <c r="AF36297">
        <v>11</v>
      </c>
      <c r="AG36297">
        <v>11</v>
      </c>
      <c r="AH36297">
        <v>12</v>
      </c>
      <c r="AI36297">
        <v>12</v>
      </c>
      <c r="AJ36297">
        <v>12</v>
      </c>
      <c r="AK36297">
        <v>12</v>
      </c>
      <c r="AL36297">
        <v>12</v>
      </c>
      <c r="AM36297">
        <v>12</v>
      </c>
      <c r="AN36297">
        <v>12</v>
      </c>
      <c r="AO36297">
        <v>13</v>
      </c>
      <c r="AP36297">
        <v>13</v>
      </c>
      <c r="AQ36297">
        <v>13</v>
      </c>
    </row>
    <row r="36298" spans="1:43">
      <c r="A36298" t="s">
        <v>22501</v>
      </c>
      <c r="B36298" t="s">
        <v>22502</v>
      </c>
      <c r="C36298" t="s">
        <v>22463</v>
      </c>
      <c r="D36298" t="s">
        <v>22464</v>
      </c>
      <c r="E36298" t="s">
        <v>22205</v>
      </c>
      <c r="F36298" t="s">
        <v>22206</v>
      </c>
      <c r="G36298" t="s">
        <v>20255</v>
      </c>
      <c r="H36298" t="s">
        <v>20256</v>
      </c>
      <c r="I36298" s="2">
        <v>1</v>
      </c>
      <c r="J36298" s="2">
        <v>0</v>
      </c>
      <c r="K36298" s="2">
        <v>0</v>
      </c>
      <c r="L36298" t="s">
        <v>120</v>
      </c>
      <c r="M36298" t="s">
        <v>83</v>
      </c>
      <c r="N36298" t="s">
        <v>84</v>
      </c>
      <c r="O36298" t="s">
        <v>85</v>
      </c>
      <c r="P36298" t="s">
        <v>86</v>
      </c>
      <c r="Q36298">
        <v>22</v>
      </c>
      <c r="R36298">
        <v>22</v>
      </c>
      <c r="S36298">
        <v>22</v>
      </c>
      <c r="T36298">
        <v>23</v>
      </c>
      <c r="U36298">
        <v>23</v>
      </c>
      <c r="V36298">
        <v>24</v>
      </c>
      <c r="W36298">
        <v>24</v>
      </c>
      <c r="X36298">
        <v>25</v>
      </c>
      <c r="Y36298">
        <v>25</v>
      </c>
      <c r="Z36298">
        <v>25</v>
      </c>
      <c r="AA36298">
        <v>26</v>
      </c>
      <c r="AB36298">
        <v>26</v>
      </c>
      <c r="AC36298">
        <v>27</v>
      </c>
      <c r="AD36298">
        <v>27</v>
      </c>
      <c r="AE36298">
        <v>28</v>
      </c>
      <c r="AF36298">
        <v>28</v>
      </c>
      <c r="AG36298">
        <v>28</v>
      </c>
      <c r="AH36298">
        <v>29</v>
      </c>
      <c r="AI36298">
        <v>29</v>
      </c>
      <c r="AJ36298">
        <v>30</v>
      </c>
      <c r="AK36298">
        <v>30</v>
      </c>
      <c r="AL36298">
        <v>31</v>
      </c>
      <c r="AM36298">
        <v>31</v>
      </c>
      <c r="AN36298">
        <v>31</v>
      </c>
      <c r="AO36298">
        <v>31</v>
      </c>
      <c r="AP36298">
        <v>31</v>
      </c>
      <c r="AQ36298">
        <v>32</v>
      </c>
    </row>
    <row r="36299" spans="1:43">
      <c r="A36299" t="s">
        <v>22501</v>
      </c>
      <c r="B36299" t="s">
        <v>22502</v>
      </c>
      <c r="C36299" t="s">
        <v>22463</v>
      </c>
      <c r="D36299" t="s">
        <v>22464</v>
      </c>
      <c r="E36299" t="s">
        <v>22205</v>
      </c>
      <c r="F36299" t="s">
        <v>22206</v>
      </c>
      <c r="G36299" t="s">
        <v>20255</v>
      </c>
      <c r="H36299" t="s">
        <v>20256</v>
      </c>
      <c r="I36299" s="2">
        <v>1</v>
      </c>
      <c r="J36299" s="2">
        <v>0</v>
      </c>
      <c r="K36299" s="2">
        <v>0</v>
      </c>
      <c r="L36299" t="s">
        <v>120</v>
      </c>
      <c r="M36299" t="s">
        <v>87</v>
      </c>
      <c r="N36299" t="s">
        <v>88</v>
      </c>
      <c r="O36299" t="s">
        <v>85</v>
      </c>
      <c r="P36299" t="s">
        <v>86</v>
      </c>
      <c r="Q36299">
        <v>22</v>
      </c>
      <c r="R36299">
        <v>23</v>
      </c>
      <c r="S36299">
        <v>23</v>
      </c>
      <c r="T36299">
        <v>23</v>
      </c>
      <c r="U36299">
        <v>23</v>
      </c>
      <c r="V36299">
        <v>23</v>
      </c>
      <c r="W36299">
        <v>24</v>
      </c>
      <c r="X36299">
        <v>24</v>
      </c>
      <c r="Y36299">
        <v>24</v>
      </c>
      <c r="Z36299">
        <v>24</v>
      </c>
      <c r="AA36299">
        <v>25</v>
      </c>
      <c r="AB36299">
        <v>25</v>
      </c>
      <c r="AC36299">
        <v>25</v>
      </c>
      <c r="AD36299">
        <v>25</v>
      </c>
      <c r="AE36299">
        <v>25</v>
      </c>
      <c r="AF36299">
        <v>26</v>
      </c>
      <c r="AG36299">
        <v>26</v>
      </c>
      <c r="AH36299">
        <v>26</v>
      </c>
      <c r="AI36299">
        <v>26</v>
      </c>
      <c r="AJ36299">
        <v>27</v>
      </c>
      <c r="AK36299">
        <v>27</v>
      </c>
      <c r="AL36299">
        <v>27</v>
      </c>
      <c r="AM36299">
        <v>27</v>
      </c>
      <c r="AN36299">
        <v>28</v>
      </c>
      <c r="AO36299">
        <v>28</v>
      </c>
      <c r="AP36299">
        <v>28</v>
      </c>
      <c r="AQ36299">
        <v>29</v>
      </c>
    </row>
    <row r="36300" spans="1:43">
      <c r="A36300" t="s">
        <v>22501</v>
      </c>
      <c r="B36300" t="s">
        <v>22502</v>
      </c>
      <c r="C36300" t="s">
        <v>22463</v>
      </c>
      <c r="D36300" t="s">
        <v>22464</v>
      </c>
      <c r="E36300" t="s">
        <v>22205</v>
      </c>
      <c r="F36300" t="s">
        <v>22206</v>
      </c>
      <c r="G36300" t="s">
        <v>20255</v>
      </c>
      <c r="H36300" t="s">
        <v>20256</v>
      </c>
      <c r="I36300" s="2">
        <v>1</v>
      </c>
      <c r="J36300" s="2">
        <v>0</v>
      </c>
      <c r="K36300" s="2">
        <v>0</v>
      </c>
      <c r="L36300" t="s">
        <v>120</v>
      </c>
      <c r="M36300" t="s">
        <v>89</v>
      </c>
      <c r="N36300" t="s">
        <v>90</v>
      </c>
      <c r="O36300" t="s">
        <v>85</v>
      </c>
      <c r="P36300" t="s">
        <v>86</v>
      </c>
      <c r="Q36300">
        <v>22</v>
      </c>
      <c r="R36300">
        <v>22</v>
      </c>
      <c r="S36300">
        <v>23</v>
      </c>
      <c r="T36300">
        <v>24</v>
      </c>
      <c r="U36300">
        <v>24</v>
      </c>
      <c r="V36300">
        <v>25</v>
      </c>
      <c r="W36300">
        <v>25</v>
      </c>
      <c r="X36300">
        <v>26</v>
      </c>
      <c r="Y36300">
        <v>26</v>
      </c>
      <c r="Z36300">
        <v>27</v>
      </c>
      <c r="AA36300">
        <v>27</v>
      </c>
      <c r="AB36300">
        <v>28</v>
      </c>
      <c r="AC36300">
        <v>29</v>
      </c>
      <c r="AD36300">
        <v>29</v>
      </c>
      <c r="AE36300">
        <v>30</v>
      </c>
      <c r="AF36300">
        <v>30</v>
      </c>
      <c r="AG36300">
        <v>30</v>
      </c>
      <c r="AH36300">
        <v>30</v>
      </c>
      <c r="AI36300">
        <v>30</v>
      </c>
      <c r="AJ36300">
        <v>31</v>
      </c>
      <c r="AK36300">
        <v>31</v>
      </c>
      <c r="AL36300">
        <v>31</v>
      </c>
      <c r="AM36300">
        <v>31</v>
      </c>
      <c r="AN36300">
        <v>31</v>
      </c>
      <c r="AO36300">
        <v>32</v>
      </c>
      <c r="AP36300">
        <v>32</v>
      </c>
      <c r="AQ36300">
        <v>32</v>
      </c>
    </row>
    <row r="36301" spans="1:43">
      <c r="A36301" t="s">
        <v>22501</v>
      </c>
      <c r="B36301" t="s">
        <v>22502</v>
      </c>
      <c r="C36301" t="s">
        <v>22463</v>
      </c>
      <c r="D36301" t="s">
        <v>22464</v>
      </c>
      <c r="E36301" t="s">
        <v>22205</v>
      </c>
      <c r="F36301" t="s">
        <v>22206</v>
      </c>
      <c r="G36301" t="s">
        <v>20255</v>
      </c>
      <c r="H36301" t="s">
        <v>20256</v>
      </c>
      <c r="I36301" s="2">
        <v>1</v>
      </c>
      <c r="J36301" s="2">
        <v>0</v>
      </c>
      <c r="K36301" s="2">
        <v>0</v>
      </c>
      <c r="L36301" t="s">
        <v>120</v>
      </c>
      <c r="M36301" t="s">
        <v>83</v>
      </c>
      <c r="N36301" t="s">
        <v>91</v>
      </c>
      <c r="O36301" t="s">
        <v>85</v>
      </c>
      <c r="P36301" t="s">
        <v>86</v>
      </c>
      <c r="Q36301">
        <v>22</v>
      </c>
      <c r="R36301">
        <v>22</v>
      </c>
      <c r="S36301">
        <v>22</v>
      </c>
      <c r="T36301">
        <v>23</v>
      </c>
      <c r="U36301">
        <v>23</v>
      </c>
      <c r="V36301">
        <v>24</v>
      </c>
      <c r="W36301">
        <v>24</v>
      </c>
      <c r="X36301">
        <v>25</v>
      </c>
      <c r="Y36301">
        <v>25</v>
      </c>
      <c r="Z36301">
        <v>25</v>
      </c>
      <c r="AA36301">
        <v>26</v>
      </c>
      <c r="AB36301">
        <v>26</v>
      </c>
      <c r="AC36301">
        <v>27</v>
      </c>
      <c r="AD36301">
        <v>27</v>
      </c>
      <c r="AE36301">
        <v>28</v>
      </c>
      <c r="AF36301">
        <v>28</v>
      </c>
      <c r="AG36301">
        <v>28</v>
      </c>
      <c r="AH36301">
        <v>29</v>
      </c>
      <c r="AI36301">
        <v>29</v>
      </c>
      <c r="AJ36301">
        <v>30</v>
      </c>
      <c r="AK36301">
        <v>30</v>
      </c>
      <c r="AL36301">
        <v>31</v>
      </c>
      <c r="AM36301">
        <v>31</v>
      </c>
      <c r="AN36301">
        <v>31</v>
      </c>
      <c r="AO36301">
        <v>31</v>
      </c>
      <c r="AP36301">
        <v>31</v>
      </c>
      <c r="AQ36301">
        <v>32</v>
      </c>
    </row>
    <row r="36302" spans="1:43">
      <c r="A36302" t="s">
        <v>22503</v>
      </c>
      <c r="B36302" t="s">
        <v>22504</v>
      </c>
      <c r="C36302" t="s">
        <v>22475</v>
      </c>
      <c r="D36302" t="s">
        <v>22476</v>
      </c>
      <c r="E36302" t="s">
        <v>22205</v>
      </c>
      <c r="F36302" t="s">
        <v>22206</v>
      </c>
      <c r="G36302" t="s">
        <v>20255</v>
      </c>
      <c r="H36302" t="s">
        <v>20256</v>
      </c>
      <c r="I36302" s="2">
        <v>1</v>
      </c>
      <c r="J36302" s="2">
        <v>0</v>
      </c>
      <c r="K36302" s="2">
        <v>0</v>
      </c>
      <c r="L36302" t="s">
        <v>120</v>
      </c>
      <c r="M36302" t="s">
        <v>83</v>
      </c>
      <c r="N36302" t="s">
        <v>84</v>
      </c>
      <c r="O36302" t="s">
        <v>85</v>
      </c>
      <c r="P36302" t="s">
        <v>86</v>
      </c>
      <c r="Q36302">
        <v>9</v>
      </c>
      <c r="R36302">
        <v>9</v>
      </c>
      <c r="S36302">
        <v>9</v>
      </c>
      <c r="T36302">
        <v>9</v>
      </c>
      <c r="U36302">
        <v>9</v>
      </c>
      <c r="V36302">
        <v>9</v>
      </c>
      <c r="W36302">
        <v>10</v>
      </c>
      <c r="X36302">
        <v>10</v>
      </c>
      <c r="Y36302">
        <v>10</v>
      </c>
      <c r="Z36302">
        <v>10</v>
      </c>
      <c r="AA36302">
        <v>10</v>
      </c>
      <c r="AB36302">
        <v>10</v>
      </c>
      <c r="AC36302">
        <v>11</v>
      </c>
      <c r="AD36302">
        <v>11</v>
      </c>
      <c r="AE36302">
        <v>11</v>
      </c>
      <c r="AF36302">
        <v>11</v>
      </c>
      <c r="AG36302">
        <v>11</v>
      </c>
      <c r="AH36302">
        <v>11</v>
      </c>
      <c r="AI36302">
        <v>12</v>
      </c>
      <c r="AJ36302">
        <v>12</v>
      </c>
      <c r="AK36302">
        <v>12</v>
      </c>
      <c r="AL36302">
        <v>12</v>
      </c>
      <c r="AM36302">
        <v>12</v>
      </c>
      <c r="AN36302">
        <v>12</v>
      </c>
      <c r="AO36302">
        <v>12</v>
      </c>
      <c r="AP36302">
        <v>12</v>
      </c>
      <c r="AQ36302">
        <v>13</v>
      </c>
    </row>
    <row r="36303" spans="1:43">
      <c r="A36303" t="s">
        <v>22503</v>
      </c>
      <c r="B36303" t="s">
        <v>22504</v>
      </c>
      <c r="C36303" t="s">
        <v>22475</v>
      </c>
      <c r="D36303" t="s">
        <v>22476</v>
      </c>
      <c r="E36303" t="s">
        <v>22205</v>
      </c>
      <c r="F36303" t="s">
        <v>22206</v>
      </c>
      <c r="G36303" t="s">
        <v>20255</v>
      </c>
      <c r="H36303" t="s">
        <v>20256</v>
      </c>
      <c r="I36303" s="2">
        <v>1</v>
      </c>
      <c r="J36303" s="2">
        <v>0</v>
      </c>
      <c r="K36303" s="2">
        <v>0</v>
      </c>
      <c r="L36303" t="s">
        <v>120</v>
      </c>
      <c r="M36303" t="s">
        <v>87</v>
      </c>
      <c r="N36303" t="s">
        <v>88</v>
      </c>
      <c r="O36303" t="s">
        <v>85</v>
      </c>
      <c r="P36303" t="s">
        <v>86</v>
      </c>
      <c r="Q36303">
        <v>9</v>
      </c>
      <c r="R36303">
        <v>10</v>
      </c>
      <c r="S36303">
        <v>10</v>
      </c>
      <c r="T36303">
        <v>10</v>
      </c>
      <c r="U36303">
        <v>10</v>
      </c>
      <c r="V36303">
        <v>10</v>
      </c>
      <c r="W36303">
        <v>10</v>
      </c>
      <c r="X36303">
        <v>10</v>
      </c>
      <c r="Y36303">
        <v>10</v>
      </c>
      <c r="Z36303">
        <v>10</v>
      </c>
      <c r="AA36303">
        <v>10</v>
      </c>
      <c r="AB36303">
        <v>10</v>
      </c>
      <c r="AC36303">
        <v>11</v>
      </c>
      <c r="AD36303">
        <v>11</v>
      </c>
      <c r="AE36303">
        <v>11</v>
      </c>
      <c r="AF36303">
        <v>11</v>
      </c>
      <c r="AG36303">
        <v>11</v>
      </c>
      <c r="AH36303">
        <v>11</v>
      </c>
      <c r="AI36303">
        <v>11</v>
      </c>
      <c r="AJ36303">
        <v>11</v>
      </c>
      <c r="AK36303">
        <v>11</v>
      </c>
      <c r="AL36303">
        <v>11</v>
      </c>
      <c r="AM36303">
        <v>11</v>
      </c>
      <c r="AN36303">
        <v>12</v>
      </c>
      <c r="AO36303">
        <v>12</v>
      </c>
      <c r="AP36303">
        <v>12</v>
      </c>
      <c r="AQ36303">
        <v>12</v>
      </c>
    </row>
    <row r="36304" spans="1:43">
      <c r="A36304" t="s">
        <v>22503</v>
      </c>
      <c r="B36304" t="s">
        <v>22504</v>
      </c>
      <c r="C36304" t="s">
        <v>22475</v>
      </c>
      <c r="D36304" t="s">
        <v>22476</v>
      </c>
      <c r="E36304" t="s">
        <v>22205</v>
      </c>
      <c r="F36304" t="s">
        <v>22206</v>
      </c>
      <c r="G36304" t="s">
        <v>20255</v>
      </c>
      <c r="H36304" t="s">
        <v>20256</v>
      </c>
      <c r="I36304" s="2">
        <v>1</v>
      </c>
      <c r="J36304" s="2">
        <v>0</v>
      </c>
      <c r="K36304" s="2">
        <v>0</v>
      </c>
      <c r="L36304" t="s">
        <v>120</v>
      </c>
      <c r="M36304" t="s">
        <v>89</v>
      </c>
      <c r="N36304" t="s">
        <v>90</v>
      </c>
      <c r="O36304" t="s">
        <v>85</v>
      </c>
      <c r="P36304" t="s">
        <v>86</v>
      </c>
      <c r="Q36304">
        <v>9</v>
      </c>
      <c r="R36304">
        <v>9</v>
      </c>
      <c r="S36304">
        <v>9</v>
      </c>
      <c r="T36304">
        <v>9</v>
      </c>
      <c r="U36304">
        <v>10</v>
      </c>
      <c r="V36304">
        <v>10</v>
      </c>
      <c r="W36304">
        <v>10</v>
      </c>
      <c r="X36304">
        <v>10</v>
      </c>
      <c r="Y36304">
        <v>10</v>
      </c>
      <c r="Z36304">
        <v>11</v>
      </c>
      <c r="AA36304">
        <v>11</v>
      </c>
      <c r="AB36304">
        <v>11</v>
      </c>
      <c r="AC36304">
        <v>11</v>
      </c>
      <c r="AD36304">
        <v>12</v>
      </c>
      <c r="AE36304">
        <v>12</v>
      </c>
      <c r="AF36304">
        <v>12</v>
      </c>
      <c r="AG36304">
        <v>12</v>
      </c>
      <c r="AH36304">
        <v>12</v>
      </c>
      <c r="AI36304">
        <v>12</v>
      </c>
      <c r="AJ36304">
        <v>12</v>
      </c>
      <c r="AK36304">
        <v>12</v>
      </c>
      <c r="AL36304">
        <v>12</v>
      </c>
      <c r="AM36304">
        <v>12</v>
      </c>
      <c r="AN36304">
        <v>12</v>
      </c>
      <c r="AO36304">
        <v>12</v>
      </c>
      <c r="AP36304">
        <v>13</v>
      </c>
      <c r="AQ36304">
        <v>13</v>
      </c>
    </row>
    <row r="36305" spans="1:43">
      <c r="A36305" t="s">
        <v>22503</v>
      </c>
      <c r="B36305" t="s">
        <v>22504</v>
      </c>
      <c r="C36305" t="s">
        <v>22475</v>
      </c>
      <c r="D36305" t="s">
        <v>22476</v>
      </c>
      <c r="E36305" t="s">
        <v>22205</v>
      </c>
      <c r="F36305" t="s">
        <v>22206</v>
      </c>
      <c r="G36305" t="s">
        <v>20255</v>
      </c>
      <c r="H36305" t="s">
        <v>20256</v>
      </c>
      <c r="I36305" s="2">
        <v>1</v>
      </c>
      <c r="J36305" s="2">
        <v>0</v>
      </c>
      <c r="K36305" s="2">
        <v>0</v>
      </c>
      <c r="L36305" t="s">
        <v>120</v>
      </c>
      <c r="M36305" t="s">
        <v>83</v>
      </c>
      <c r="N36305" t="s">
        <v>91</v>
      </c>
      <c r="O36305" t="s">
        <v>85</v>
      </c>
      <c r="P36305" t="s">
        <v>86</v>
      </c>
      <c r="Q36305">
        <v>9</v>
      </c>
      <c r="R36305">
        <v>9</v>
      </c>
      <c r="S36305">
        <v>9</v>
      </c>
      <c r="T36305">
        <v>9</v>
      </c>
      <c r="U36305">
        <v>9</v>
      </c>
      <c r="V36305">
        <v>9</v>
      </c>
      <c r="W36305">
        <v>10</v>
      </c>
      <c r="X36305">
        <v>10</v>
      </c>
      <c r="Y36305">
        <v>10</v>
      </c>
      <c r="Z36305">
        <v>10</v>
      </c>
      <c r="AA36305">
        <v>10</v>
      </c>
      <c r="AB36305">
        <v>10</v>
      </c>
      <c r="AC36305">
        <v>11</v>
      </c>
      <c r="AD36305">
        <v>11</v>
      </c>
      <c r="AE36305">
        <v>11</v>
      </c>
      <c r="AF36305">
        <v>11</v>
      </c>
      <c r="AG36305">
        <v>11</v>
      </c>
      <c r="AH36305">
        <v>11</v>
      </c>
      <c r="AI36305">
        <v>12</v>
      </c>
      <c r="AJ36305">
        <v>12</v>
      </c>
      <c r="AK36305">
        <v>12</v>
      </c>
      <c r="AL36305">
        <v>12</v>
      </c>
      <c r="AM36305">
        <v>12</v>
      </c>
      <c r="AN36305">
        <v>12</v>
      </c>
      <c r="AO36305">
        <v>12</v>
      </c>
      <c r="AP36305">
        <v>12</v>
      </c>
      <c r="AQ36305">
        <v>13</v>
      </c>
    </row>
    <row r="36306" spans="1:43">
      <c r="A36306" t="s">
        <v>22505</v>
      </c>
      <c r="B36306" t="s">
        <v>22506</v>
      </c>
      <c r="C36306" t="s">
        <v>22463</v>
      </c>
      <c r="D36306" t="s">
        <v>22464</v>
      </c>
      <c r="E36306" t="s">
        <v>22205</v>
      </c>
      <c r="F36306" t="s">
        <v>22206</v>
      </c>
      <c r="G36306" t="s">
        <v>20255</v>
      </c>
      <c r="H36306" t="s">
        <v>20256</v>
      </c>
      <c r="I36306" s="2">
        <v>1</v>
      </c>
      <c r="J36306" s="2">
        <v>0</v>
      </c>
      <c r="K36306" s="2">
        <v>0</v>
      </c>
      <c r="L36306" t="s">
        <v>120</v>
      </c>
      <c r="M36306" t="s">
        <v>83</v>
      </c>
      <c r="N36306" t="s">
        <v>84</v>
      </c>
      <c r="O36306" t="s">
        <v>85</v>
      </c>
      <c r="P36306" t="s">
        <v>86</v>
      </c>
      <c r="Q36306">
        <v>12</v>
      </c>
      <c r="R36306">
        <v>12</v>
      </c>
      <c r="S36306">
        <v>12</v>
      </c>
      <c r="T36306">
        <v>13</v>
      </c>
      <c r="U36306">
        <v>13</v>
      </c>
      <c r="V36306">
        <v>13</v>
      </c>
      <c r="W36306">
        <v>13</v>
      </c>
      <c r="X36306">
        <v>14</v>
      </c>
      <c r="Y36306">
        <v>14</v>
      </c>
      <c r="Z36306">
        <v>14</v>
      </c>
      <c r="AA36306">
        <v>14</v>
      </c>
      <c r="AB36306">
        <v>15</v>
      </c>
      <c r="AC36306">
        <v>15</v>
      </c>
      <c r="AD36306">
        <v>15</v>
      </c>
      <c r="AE36306">
        <v>15</v>
      </c>
      <c r="AF36306">
        <v>16</v>
      </c>
      <c r="AG36306">
        <v>16</v>
      </c>
      <c r="AH36306">
        <v>16</v>
      </c>
      <c r="AI36306">
        <v>16</v>
      </c>
      <c r="AJ36306">
        <v>17</v>
      </c>
      <c r="AK36306">
        <v>17</v>
      </c>
      <c r="AL36306">
        <v>17</v>
      </c>
      <c r="AM36306">
        <v>17</v>
      </c>
      <c r="AN36306">
        <v>17</v>
      </c>
      <c r="AO36306">
        <v>17</v>
      </c>
      <c r="AP36306">
        <v>18</v>
      </c>
      <c r="AQ36306">
        <v>18</v>
      </c>
    </row>
    <row r="36307" spans="1:43">
      <c r="A36307" t="s">
        <v>22505</v>
      </c>
      <c r="B36307" t="s">
        <v>22506</v>
      </c>
      <c r="C36307" t="s">
        <v>22463</v>
      </c>
      <c r="D36307" t="s">
        <v>22464</v>
      </c>
      <c r="E36307" t="s">
        <v>22205</v>
      </c>
      <c r="F36307" t="s">
        <v>22206</v>
      </c>
      <c r="G36307" t="s">
        <v>20255</v>
      </c>
      <c r="H36307" t="s">
        <v>20256</v>
      </c>
      <c r="I36307" s="2">
        <v>1</v>
      </c>
      <c r="J36307" s="2">
        <v>0</v>
      </c>
      <c r="K36307" s="2">
        <v>0</v>
      </c>
      <c r="L36307" t="s">
        <v>120</v>
      </c>
      <c r="M36307" t="s">
        <v>87</v>
      </c>
      <c r="N36307" t="s">
        <v>88</v>
      </c>
      <c r="O36307" t="s">
        <v>85</v>
      </c>
      <c r="P36307" t="s">
        <v>86</v>
      </c>
      <c r="Q36307">
        <v>12</v>
      </c>
      <c r="R36307">
        <v>12</v>
      </c>
      <c r="S36307">
        <v>12</v>
      </c>
      <c r="T36307">
        <v>12</v>
      </c>
      <c r="U36307">
        <v>12</v>
      </c>
      <c r="V36307">
        <v>12</v>
      </c>
      <c r="W36307">
        <v>13</v>
      </c>
      <c r="X36307">
        <v>13</v>
      </c>
      <c r="Y36307">
        <v>13</v>
      </c>
      <c r="Z36307">
        <v>13</v>
      </c>
      <c r="AA36307">
        <v>13</v>
      </c>
      <c r="AB36307">
        <v>13</v>
      </c>
      <c r="AC36307">
        <v>13</v>
      </c>
      <c r="AD36307">
        <v>13</v>
      </c>
      <c r="AE36307">
        <v>14</v>
      </c>
      <c r="AF36307">
        <v>14</v>
      </c>
      <c r="AG36307">
        <v>14</v>
      </c>
      <c r="AH36307">
        <v>14</v>
      </c>
      <c r="AI36307">
        <v>14</v>
      </c>
      <c r="AJ36307">
        <v>14</v>
      </c>
      <c r="AK36307">
        <v>14</v>
      </c>
      <c r="AL36307">
        <v>15</v>
      </c>
      <c r="AM36307">
        <v>15</v>
      </c>
      <c r="AN36307">
        <v>15</v>
      </c>
      <c r="AO36307">
        <v>15</v>
      </c>
      <c r="AP36307">
        <v>15</v>
      </c>
      <c r="AQ36307">
        <v>15</v>
      </c>
    </row>
    <row r="36308" spans="1:43">
      <c r="A36308" t="s">
        <v>22505</v>
      </c>
      <c r="B36308" t="s">
        <v>22506</v>
      </c>
      <c r="C36308" t="s">
        <v>22463</v>
      </c>
      <c r="D36308" t="s">
        <v>22464</v>
      </c>
      <c r="E36308" t="s">
        <v>22205</v>
      </c>
      <c r="F36308" t="s">
        <v>22206</v>
      </c>
      <c r="G36308" t="s">
        <v>20255</v>
      </c>
      <c r="H36308" t="s">
        <v>20256</v>
      </c>
      <c r="I36308" s="2">
        <v>1</v>
      </c>
      <c r="J36308" s="2">
        <v>0</v>
      </c>
      <c r="K36308" s="2">
        <v>0</v>
      </c>
      <c r="L36308" t="s">
        <v>120</v>
      </c>
      <c r="M36308" t="s">
        <v>89</v>
      </c>
      <c r="N36308" t="s">
        <v>90</v>
      </c>
      <c r="O36308" t="s">
        <v>85</v>
      </c>
      <c r="P36308" t="s">
        <v>86</v>
      </c>
      <c r="Q36308">
        <v>12</v>
      </c>
      <c r="R36308">
        <v>12</v>
      </c>
      <c r="S36308">
        <v>13</v>
      </c>
      <c r="T36308">
        <v>13</v>
      </c>
      <c r="U36308">
        <v>13</v>
      </c>
      <c r="V36308">
        <v>14</v>
      </c>
      <c r="W36308">
        <v>14</v>
      </c>
      <c r="X36308">
        <v>14</v>
      </c>
      <c r="Y36308">
        <v>15</v>
      </c>
      <c r="Z36308">
        <v>15</v>
      </c>
      <c r="AA36308">
        <v>15</v>
      </c>
      <c r="AB36308">
        <v>16</v>
      </c>
      <c r="AC36308">
        <v>16</v>
      </c>
      <c r="AD36308">
        <v>16</v>
      </c>
      <c r="AE36308">
        <v>16</v>
      </c>
      <c r="AF36308">
        <v>17</v>
      </c>
      <c r="AG36308">
        <v>17</v>
      </c>
      <c r="AH36308">
        <v>17</v>
      </c>
      <c r="AI36308">
        <v>17</v>
      </c>
      <c r="AJ36308">
        <v>17</v>
      </c>
      <c r="AK36308">
        <v>17</v>
      </c>
      <c r="AL36308">
        <v>17</v>
      </c>
      <c r="AM36308">
        <v>17</v>
      </c>
      <c r="AN36308">
        <v>17</v>
      </c>
      <c r="AO36308">
        <v>18</v>
      </c>
      <c r="AP36308">
        <v>18</v>
      </c>
      <c r="AQ36308">
        <v>18</v>
      </c>
    </row>
    <row r="36309" spans="1:43">
      <c r="A36309" t="s">
        <v>22505</v>
      </c>
      <c r="B36309" t="s">
        <v>22506</v>
      </c>
      <c r="C36309" t="s">
        <v>22463</v>
      </c>
      <c r="D36309" t="s">
        <v>22464</v>
      </c>
      <c r="E36309" t="s">
        <v>22205</v>
      </c>
      <c r="F36309" t="s">
        <v>22206</v>
      </c>
      <c r="G36309" t="s">
        <v>20255</v>
      </c>
      <c r="H36309" t="s">
        <v>20256</v>
      </c>
      <c r="I36309" s="2">
        <v>1</v>
      </c>
      <c r="J36309" s="2">
        <v>0</v>
      </c>
      <c r="K36309" s="2">
        <v>0</v>
      </c>
      <c r="L36309" t="s">
        <v>120</v>
      </c>
      <c r="M36309" t="s">
        <v>83</v>
      </c>
      <c r="N36309" t="s">
        <v>91</v>
      </c>
      <c r="O36309" t="s">
        <v>85</v>
      </c>
      <c r="P36309" t="s">
        <v>86</v>
      </c>
      <c r="Q36309">
        <v>12</v>
      </c>
      <c r="R36309">
        <v>12</v>
      </c>
      <c r="S36309">
        <v>12</v>
      </c>
      <c r="T36309">
        <v>13</v>
      </c>
      <c r="U36309">
        <v>13</v>
      </c>
      <c r="V36309">
        <v>13</v>
      </c>
      <c r="W36309">
        <v>13</v>
      </c>
      <c r="X36309">
        <v>14</v>
      </c>
      <c r="Y36309">
        <v>14</v>
      </c>
      <c r="Z36309">
        <v>14</v>
      </c>
      <c r="AA36309">
        <v>14</v>
      </c>
      <c r="AB36309">
        <v>15</v>
      </c>
      <c r="AC36309">
        <v>15</v>
      </c>
      <c r="AD36309">
        <v>15</v>
      </c>
      <c r="AE36309">
        <v>15</v>
      </c>
      <c r="AF36309">
        <v>16</v>
      </c>
      <c r="AG36309">
        <v>16</v>
      </c>
      <c r="AH36309">
        <v>16</v>
      </c>
      <c r="AI36309">
        <v>16</v>
      </c>
      <c r="AJ36309">
        <v>17</v>
      </c>
      <c r="AK36309">
        <v>17</v>
      </c>
      <c r="AL36309">
        <v>17</v>
      </c>
      <c r="AM36309">
        <v>17</v>
      </c>
      <c r="AN36309">
        <v>17</v>
      </c>
      <c r="AO36309">
        <v>17</v>
      </c>
      <c r="AP36309">
        <v>18</v>
      </c>
      <c r="AQ36309">
        <v>18</v>
      </c>
    </row>
    <row r="36310" spans="1:43">
      <c r="A36310" t="s">
        <v>22507</v>
      </c>
      <c r="B36310" t="s">
        <v>22508</v>
      </c>
      <c r="C36310" t="s">
        <v>22509</v>
      </c>
      <c r="D36310" t="s">
        <v>22510</v>
      </c>
      <c r="E36310" t="s">
        <v>22205</v>
      </c>
      <c r="F36310" t="s">
        <v>22206</v>
      </c>
      <c r="G36310" t="s">
        <v>20255</v>
      </c>
      <c r="H36310" t="s">
        <v>20256</v>
      </c>
      <c r="I36310" s="2">
        <v>1</v>
      </c>
      <c r="J36310" s="2">
        <v>0</v>
      </c>
      <c r="K36310" s="2">
        <v>0</v>
      </c>
      <c r="L36310" t="s">
        <v>120</v>
      </c>
      <c r="M36310" t="s">
        <v>83</v>
      </c>
      <c r="N36310" t="s">
        <v>84</v>
      </c>
      <c r="O36310" t="s">
        <v>85</v>
      </c>
      <c r="P36310" t="s">
        <v>86</v>
      </c>
      <c r="Q36310">
        <v>25</v>
      </c>
      <c r="R36310">
        <v>26</v>
      </c>
      <c r="S36310">
        <v>26</v>
      </c>
      <c r="T36310">
        <v>27</v>
      </c>
      <c r="U36310">
        <v>27</v>
      </c>
      <c r="V36310">
        <v>28</v>
      </c>
      <c r="W36310">
        <v>28</v>
      </c>
      <c r="X36310">
        <v>29</v>
      </c>
      <c r="Y36310">
        <v>29</v>
      </c>
      <c r="Z36310">
        <v>30</v>
      </c>
      <c r="AA36310">
        <v>30</v>
      </c>
      <c r="AB36310">
        <v>31</v>
      </c>
      <c r="AC36310">
        <v>31</v>
      </c>
      <c r="AD36310">
        <v>32</v>
      </c>
      <c r="AE36310">
        <v>32</v>
      </c>
      <c r="AF36310">
        <v>33</v>
      </c>
      <c r="AG36310">
        <v>33</v>
      </c>
      <c r="AH36310">
        <v>34</v>
      </c>
      <c r="AI36310">
        <v>34</v>
      </c>
      <c r="AJ36310">
        <v>35</v>
      </c>
      <c r="AK36310">
        <v>35</v>
      </c>
      <c r="AL36310">
        <v>36</v>
      </c>
      <c r="AM36310">
        <v>36</v>
      </c>
      <c r="AN36310">
        <v>36</v>
      </c>
      <c r="AO36310">
        <v>37</v>
      </c>
      <c r="AP36310">
        <v>37</v>
      </c>
      <c r="AQ36310">
        <v>37</v>
      </c>
    </row>
    <row r="36311" spans="1:43">
      <c r="A36311" t="s">
        <v>22507</v>
      </c>
      <c r="B36311" t="s">
        <v>22508</v>
      </c>
      <c r="C36311" t="s">
        <v>22509</v>
      </c>
      <c r="D36311" t="s">
        <v>22510</v>
      </c>
      <c r="E36311" t="s">
        <v>22205</v>
      </c>
      <c r="F36311" t="s">
        <v>22206</v>
      </c>
      <c r="G36311" t="s">
        <v>20255</v>
      </c>
      <c r="H36311" t="s">
        <v>20256</v>
      </c>
      <c r="I36311" s="2">
        <v>1</v>
      </c>
      <c r="J36311" s="2">
        <v>0</v>
      </c>
      <c r="K36311" s="2">
        <v>0</v>
      </c>
      <c r="L36311" t="s">
        <v>120</v>
      </c>
      <c r="M36311" t="s">
        <v>87</v>
      </c>
      <c r="N36311" t="s">
        <v>88</v>
      </c>
      <c r="O36311" t="s">
        <v>85</v>
      </c>
      <c r="P36311" t="s">
        <v>86</v>
      </c>
      <c r="Q36311">
        <v>25</v>
      </c>
      <c r="R36311">
        <v>25</v>
      </c>
      <c r="S36311">
        <v>25</v>
      </c>
      <c r="T36311">
        <v>26</v>
      </c>
      <c r="U36311">
        <v>26</v>
      </c>
      <c r="V36311">
        <v>26</v>
      </c>
      <c r="W36311">
        <v>26</v>
      </c>
      <c r="X36311">
        <v>27</v>
      </c>
      <c r="Y36311">
        <v>27</v>
      </c>
      <c r="Z36311">
        <v>27</v>
      </c>
      <c r="AA36311">
        <v>27</v>
      </c>
      <c r="AB36311">
        <v>28</v>
      </c>
      <c r="AC36311">
        <v>28</v>
      </c>
      <c r="AD36311">
        <v>28</v>
      </c>
      <c r="AE36311">
        <v>29</v>
      </c>
      <c r="AF36311">
        <v>29</v>
      </c>
      <c r="AG36311">
        <v>29</v>
      </c>
      <c r="AH36311">
        <v>29</v>
      </c>
      <c r="AI36311">
        <v>30</v>
      </c>
      <c r="AJ36311">
        <v>30</v>
      </c>
      <c r="AK36311">
        <v>30</v>
      </c>
      <c r="AL36311">
        <v>31</v>
      </c>
      <c r="AM36311">
        <v>31</v>
      </c>
      <c r="AN36311">
        <v>31</v>
      </c>
      <c r="AO36311">
        <v>32</v>
      </c>
      <c r="AP36311">
        <v>32</v>
      </c>
      <c r="AQ36311">
        <v>32</v>
      </c>
    </row>
    <row r="36312" spans="1:43">
      <c r="A36312" t="s">
        <v>22507</v>
      </c>
      <c r="B36312" t="s">
        <v>22508</v>
      </c>
      <c r="C36312" t="s">
        <v>22509</v>
      </c>
      <c r="D36312" t="s">
        <v>22510</v>
      </c>
      <c r="E36312" t="s">
        <v>22205</v>
      </c>
      <c r="F36312" t="s">
        <v>22206</v>
      </c>
      <c r="G36312" t="s">
        <v>20255</v>
      </c>
      <c r="H36312" t="s">
        <v>20256</v>
      </c>
      <c r="I36312" s="2">
        <v>1</v>
      </c>
      <c r="J36312" s="2">
        <v>0</v>
      </c>
      <c r="K36312" s="2">
        <v>0</v>
      </c>
      <c r="L36312" t="s">
        <v>120</v>
      </c>
      <c r="M36312" t="s">
        <v>89</v>
      </c>
      <c r="N36312" t="s">
        <v>90</v>
      </c>
      <c r="O36312" t="s">
        <v>85</v>
      </c>
      <c r="P36312" t="s">
        <v>86</v>
      </c>
      <c r="Q36312">
        <v>25</v>
      </c>
      <c r="R36312">
        <v>26</v>
      </c>
      <c r="S36312">
        <v>27</v>
      </c>
      <c r="T36312">
        <v>27</v>
      </c>
      <c r="U36312">
        <v>28</v>
      </c>
      <c r="V36312">
        <v>29</v>
      </c>
      <c r="W36312">
        <v>29</v>
      </c>
      <c r="X36312">
        <v>30</v>
      </c>
      <c r="Y36312">
        <v>31</v>
      </c>
      <c r="Z36312">
        <v>31</v>
      </c>
      <c r="AA36312">
        <v>32</v>
      </c>
      <c r="AB36312">
        <v>33</v>
      </c>
      <c r="AC36312">
        <v>33</v>
      </c>
      <c r="AD36312">
        <v>34</v>
      </c>
      <c r="AE36312">
        <v>34</v>
      </c>
      <c r="AF36312">
        <v>35</v>
      </c>
      <c r="AG36312">
        <v>35</v>
      </c>
      <c r="AH36312">
        <v>35</v>
      </c>
      <c r="AI36312">
        <v>36</v>
      </c>
      <c r="AJ36312">
        <v>36</v>
      </c>
      <c r="AK36312">
        <v>36</v>
      </c>
      <c r="AL36312">
        <v>36</v>
      </c>
      <c r="AM36312">
        <v>37</v>
      </c>
      <c r="AN36312">
        <v>37</v>
      </c>
      <c r="AO36312">
        <v>37</v>
      </c>
      <c r="AP36312">
        <v>37</v>
      </c>
      <c r="AQ36312">
        <v>38</v>
      </c>
    </row>
    <row r="36313" spans="1:43">
      <c r="A36313" t="s">
        <v>22507</v>
      </c>
      <c r="B36313" t="s">
        <v>22508</v>
      </c>
      <c r="C36313" t="s">
        <v>22509</v>
      </c>
      <c r="D36313" t="s">
        <v>22510</v>
      </c>
      <c r="E36313" t="s">
        <v>22205</v>
      </c>
      <c r="F36313" t="s">
        <v>22206</v>
      </c>
      <c r="G36313" t="s">
        <v>20255</v>
      </c>
      <c r="H36313" t="s">
        <v>20256</v>
      </c>
      <c r="I36313" s="2">
        <v>1</v>
      </c>
      <c r="J36313" s="2">
        <v>0</v>
      </c>
      <c r="K36313" s="2">
        <v>0</v>
      </c>
      <c r="L36313" t="s">
        <v>120</v>
      </c>
      <c r="M36313" t="s">
        <v>83</v>
      </c>
      <c r="N36313" t="s">
        <v>91</v>
      </c>
      <c r="O36313" t="s">
        <v>85</v>
      </c>
      <c r="P36313" t="s">
        <v>86</v>
      </c>
      <c r="Q36313">
        <v>25</v>
      </c>
      <c r="R36313">
        <v>26</v>
      </c>
      <c r="S36313">
        <v>26</v>
      </c>
      <c r="T36313">
        <v>27</v>
      </c>
      <c r="U36313">
        <v>27</v>
      </c>
      <c r="V36313">
        <v>28</v>
      </c>
      <c r="W36313">
        <v>28</v>
      </c>
      <c r="X36313">
        <v>29</v>
      </c>
      <c r="Y36313">
        <v>29</v>
      </c>
      <c r="Z36313">
        <v>30</v>
      </c>
      <c r="AA36313">
        <v>30</v>
      </c>
      <c r="AB36313">
        <v>31</v>
      </c>
      <c r="AC36313">
        <v>31</v>
      </c>
      <c r="AD36313">
        <v>32</v>
      </c>
      <c r="AE36313">
        <v>32</v>
      </c>
      <c r="AF36313">
        <v>33</v>
      </c>
      <c r="AG36313">
        <v>33</v>
      </c>
      <c r="AH36313">
        <v>34</v>
      </c>
      <c r="AI36313">
        <v>34</v>
      </c>
      <c r="AJ36313">
        <v>35</v>
      </c>
      <c r="AK36313">
        <v>35</v>
      </c>
      <c r="AL36313">
        <v>36</v>
      </c>
      <c r="AM36313">
        <v>36</v>
      </c>
      <c r="AN36313">
        <v>36</v>
      </c>
      <c r="AO36313">
        <v>37</v>
      </c>
      <c r="AP36313">
        <v>37</v>
      </c>
      <c r="AQ36313">
        <v>37</v>
      </c>
    </row>
    <row r="36314" spans="1:43">
      <c r="A36314" t="s">
        <v>22511</v>
      </c>
      <c r="B36314" t="s">
        <v>22512</v>
      </c>
      <c r="C36314" t="s">
        <v>22383</v>
      </c>
      <c r="D36314" t="s">
        <v>22384</v>
      </c>
      <c r="E36314" t="s">
        <v>22205</v>
      </c>
      <c r="F36314" t="s">
        <v>22206</v>
      </c>
      <c r="G36314" t="s">
        <v>20255</v>
      </c>
      <c r="H36314" t="s">
        <v>20256</v>
      </c>
      <c r="I36314" s="2">
        <v>1</v>
      </c>
      <c r="J36314" s="2">
        <v>0</v>
      </c>
      <c r="K36314" s="2">
        <v>0</v>
      </c>
      <c r="L36314" t="s">
        <v>120</v>
      </c>
      <c r="M36314" t="s">
        <v>83</v>
      </c>
      <c r="N36314" t="s">
        <v>84</v>
      </c>
      <c r="O36314" t="s">
        <v>85</v>
      </c>
      <c r="P36314" t="s">
        <v>86</v>
      </c>
      <c r="Q36314">
        <v>73</v>
      </c>
      <c r="R36314">
        <v>74</v>
      </c>
      <c r="S36314">
        <v>76</v>
      </c>
      <c r="T36314">
        <v>77</v>
      </c>
      <c r="U36314">
        <v>79</v>
      </c>
      <c r="V36314">
        <v>80</v>
      </c>
      <c r="W36314">
        <v>82</v>
      </c>
      <c r="X36314">
        <v>83</v>
      </c>
      <c r="Y36314">
        <v>84</v>
      </c>
      <c r="Z36314">
        <v>86</v>
      </c>
      <c r="AA36314">
        <v>87</v>
      </c>
      <c r="AB36314">
        <v>89</v>
      </c>
      <c r="AC36314">
        <v>90</v>
      </c>
      <c r="AD36314">
        <v>92</v>
      </c>
      <c r="AE36314">
        <v>93</v>
      </c>
      <c r="AF36314">
        <v>95</v>
      </c>
      <c r="AG36314">
        <v>96</v>
      </c>
      <c r="AH36314">
        <v>98</v>
      </c>
      <c r="AI36314">
        <v>99</v>
      </c>
      <c r="AJ36314">
        <v>101</v>
      </c>
      <c r="AK36314">
        <v>103</v>
      </c>
      <c r="AL36314">
        <v>104</v>
      </c>
      <c r="AM36314">
        <v>104</v>
      </c>
      <c r="AN36314">
        <v>105</v>
      </c>
      <c r="AO36314">
        <v>106</v>
      </c>
      <c r="AP36314">
        <v>106</v>
      </c>
      <c r="AQ36314">
        <v>107</v>
      </c>
    </row>
    <row r="36315" spans="1:43">
      <c r="A36315" t="s">
        <v>22511</v>
      </c>
      <c r="B36315" t="s">
        <v>22512</v>
      </c>
      <c r="C36315" t="s">
        <v>22383</v>
      </c>
      <c r="D36315" t="s">
        <v>22384</v>
      </c>
      <c r="E36315" t="s">
        <v>22205</v>
      </c>
      <c r="F36315" t="s">
        <v>22206</v>
      </c>
      <c r="G36315" t="s">
        <v>20255</v>
      </c>
      <c r="H36315" t="s">
        <v>20256</v>
      </c>
      <c r="I36315" s="2">
        <v>1</v>
      </c>
      <c r="J36315" s="2">
        <v>0</v>
      </c>
      <c r="K36315" s="2">
        <v>0</v>
      </c>
      <c r="L36315" t="s">
        <v>120</v>
      </c>
      <c r="M36315" t="s">
        <v>87</v>
      </c>
      <c r="N36315" t="s">
        <v>88</v>
      </c>
      <c r="O36315" t="s">
        <v>85</v>
      </c>
      <c r="P36315" t="s">
        <v>86</v>
      </c>
      <c r="Q36315">
        <v>73</v>
      </c>
      <c r="R36315">
        <v>74</v>
      </c>
      <c r="S36315">
        <v>75</v>
      </c>
      <c r="T36315">
        <v>75</v>
      </c>
      <c r="U36315">
        <v>76</v>
      </c>
      <c r="V36315">
        <v>77</v>
      </c>
      <c r="W36315">
        <v>78</v>
      </c>
      <c r="X36315">
        <v>78</v>
      </c>
      <c r="Y36315">
        <v>79</v>
      </c>
      <c r="Z36315">
        <v>80</v>
      </c>
      <c r="AA36315">
        <v>81</v>
      </c>
      <c r="AB36315">
        <v>81</v>
      </c>
      <c r="AC36315">
        <v>82</v>
      </c>
      <c r="AD36315">
        <v>83</v>
      </c>
      <c r="AE36315">
        <v>84</v>
      </c>
      <c r="AF36315">
        <v>84</v>
      </c>
      <c r="AG36315">
        <v>85</v>
      </c>
      <c r="AH36315">
        <v>86</v>
      </c>
      <c r="AI36315">
        <v>87</v>
      </c>
      <c r="AJ36315">
        <v>88</v>
      </c>
      <c r="AK36315">
        <v>89</v>
      </c>
      <c r="AL36315">
        <v>89</v>
      </c>
      <c r="AM36315">
        <v>90</v>
      </c>
      <c r="AN36315">
        <v>91</v>
      </c>
      <c r="AO36315">
        <v>92</v>
      </c>
      <c r="AP36315">
        <v>93</v>
      </c>
      <c r="AQ36315">
        <v>94</v>
      </c>
    </row>
    <row r="36316" spans="1:43">
      <c r="A36316" t="s">
        <v>22511</v>
      </c>
      <c r="B36316" t="s">
        <v>22512</v>
      </c>
      <c r="C36316" t="s">
        <v>22383</v>
      </c>
      <c r="D36316" t="s">
        <v>22384</v>
      </c>
      <c r="E36316" t="s">
        <v>22205</v>
      </c>
      <c r="F36316" t="s">
        <v>22206</v>
      </c>
      <c r="G36316" t="s">
        <v>20255</v>
      </c>
      <c r="H36316" t="s">
        <v>20256</v>
      </c>
      <c r="I36316" s="2">
        <v>1</v>
      </c>
      <c r="J36316" s="2">
        <v>0</v>
      </c>
      <c r="K36316" s="2">
        <v>0</v>
      </c>
      <c r="L36316" t="s">
        <v>120</v>
      </c>
      <c r="M36316" t="s">
        <v>89</v>
      </c>
      <c r="N36316" t="s">
        <v>90</v>
      </c>
      <c r="O36316" t="s">
        <v>85</v>
      </c>
      <c r="P36316" t="s">
        <v>86</v>
      </c>
      <c r="Q36316">
        <v>73</v>
      </c>
      <c r="R36316">
        <v>75</v>
      </c>
      <c r="S36316">
        <v>77</v>
      </c>
      <c r="T36316">
        <v>79</v>
      </c>
      <c r="U36316">
        <v>81</v>
      </c>
      <c r="V36316">
        <v>83</v>
      </c>
      <c r="W36316">
        <v>85</v>
      </c>
      <c r="X36316">
        <v>86</v>
      </c>
      <c r="Y36316">
        <v>88</v>
      </c>
      <c r="Z36316">
        <v>90</v>
      </c>
      <c r="AA36316">
        <v>92</v>
      </c>
      <c r="AB36316">
        <v>94</v>
      </c>
      <c r="AC36316">
        <v>96</v>
      </c>
      <c r="AD36316">
        <v>98</v>
      </c>
      <c r="AE36316">
        <v>99</v>
      </c>
      <c r="AF36316">
        <v>100</v>
      </c>
      <c r="AG36316">
        <v>100</v>
      </c>
      <c r="AH36316">
        <v>101</v>
      </c>
      <c r="AI36316">
        <v>102</v>
      </c>
      <c r="AJ36316">
        <v>102</v>
      </c>
      <c r="AK36316">
        <v>103</v>
      </c>
      <c r="AL36316">
        <v>104</v>
      </c>
      <c r="AM36316">
        <v>104</v>
      </c>
      <c r="AN36316">
        <v>105</v>
      </c>
      <c r="AO36316">
        <v>106</v>
      </c>
      <c r="AP36316">
        <v>106</v>
      </c>
      <c r="AQ36316">
        <v>107</v>
      </c>
    </row>
    <row r="36317" spans="1:43">
      <c r="A36317" t="s">
        <v>22511</v>
      </c>
      <c r="B36317" t="s">
        <v>22512</v>
      </c>
      <c r="C36317" t="s">
        <v>22383</v>
      </c>
      <c r="D36317" t="s">
        <v>22384</v>
      </c>
      <c r="E36317" t="s">
        <v>22205</v>
      </c>
      <c r="F36317" t="s">
        <v>22206</v>
      </c>
      <c r="G36317" t="s">
        <v>20255</v>
      </c>
      <c r="H36317" t="s">
        <v>20256</v>
      </c>
      <c r="I36317" s="2">
        <v>1</v>
      </c>
      <c r="J36317" s="2">
        <v>0</v>
      </c>
      <c r="K36317" s="2">
        <v>0</v>
      </c>
      <c r="L36317" t="s">
        <v>120</v>
      </c>
      <c r="M36317" t="s">
        <v>83</v>
      </c>
      <c r="N36317" t="s">
        <v>91</v>
      </c>
      <c r="O36317" t="s">
        <v>85</v>
      </c>
      <c r="P36317" t="s">
        <v>86</v>
      </c>
      <c r="Q36317">
        <v>73</v>
      </c>
      <c r="R36317">
        <v>74</v>
      </c>
      <c r="S36317">
        <v>76</v>
      </c>
      <c r="T36317">
        <v>77</v>
      </c>
      <c r="U36317">
        <v>79</v>
      </c>
      <c r="V36317">
        <v>80</v>
      </c>
      <c r="W36317">
        <v>82</v>
      </c>
      <c r="X36317">
        <v>83</v>
      </c>
      <c r="Y36317">
        <v>84</v>
      </c>
      <c r="Z36317">
        <v>86</v>
      </c>
      <c r="AA36317">
        <v>87</v>
      </c>
      <c r="AB36317">
        <v>89</v>
      </c>
      <c r="AC36317">
        <v>90</v>
      </c>
      <c r="AD36317">
        <v>92</v>
      </c>
      <c r="AE36317">
        <v>93</v>
      </c>
      <c r="AF36317">
        <v>95</v>
      </c>
      <c r="AG36317">
        <v>96</v>
      </c>
      <c r="AH36317">
        <v>98</v>
      </c>
      <c r="AI36317">
        <v>99</v>
      </c>
      <c r="AJ36317">
        <v>101</v>
      </c>
      <c r="AK36317">
        <v>103</v>
      </c>
      <c r="AL36317">
        <v>104</v>
      </c>
      <c r="AM36317">
        <v>104</v>
      </c>
      <c r="AN36317">
        <v>105</v>
      </c>
      <c r="AO36317">
        <v>106</v>
      </c>
      <c r="AP36317">
        <v>106</v>
      </c>
      <c r="AQ36317">
        <v>107</v>
      </c>
    </row>
    <row r="36318" spans="1:43">
      <c r="A36318" t="s">
        <v>22513</v>
      </c>
      <c r="B36318" t="s">
        <v>22514</v>
      </c>
      <c r="C36318" t="s">
        <v>22371</v>
      </c>
      <c r="D36318" t="s">
        <v>22372</v>
      </c>
      <c r="E36318" t="s">
        <v>22205</v>
      </c>
      <c r="F36318" t="s">
        <v>22206</v>
      </c>
      <c r="G36318" t="s">
        <v>20255</v>
      </c>
      <c r="H36318" t="s">
        <v>20256</v>
      </c>
      <c r="I36318" s="2">
        <v>1</v>
      </c>
      <c r="J36318" s="2">
        <v>0</v>
      </c>
      <c r="K36318" s="2">
        <v>0</v>
      </c>
      <c r="L36318" t="s">
        <v>120</v>
      </c>
      <c r="M36318" t="s">
        <v>83</v>
      </c>
      <c r="N36318" t="s">
        <v>84</v>
      </c>
      <c r="O36318" t="s">
        <v>85</v>
      </c>
      <c r="P36318" t="s">
        <v>86</v>
      </c>
      <c r="Q36318">
        <v>77</v>
      </c>
      <c r="R36318">
        <v>78</v>
      </c>
      <c r="S36318">
        <v>80</v>
      </c>
      <c r="T36318">
        <v>81</v>
      </c>
      <c r="U36318">
        <v>82</v>
      </c>
      <c r="V36318">
        <v>84</v>
      </c>
      <c r="W36318">
        <v>85</v>
      </c>
      <c r="X36318">
        <v>87</v>
      </c>
      <c r="Y36318">
        <v>88</v>
      </c>
      <c r="Z36318">
        <v>89</v>
      </c>
      <c r="AA36318">
        <v>91</v>
      </c>
      <c r="AB36318">
        <v>92</v>
      </c>
      <c r="AC36318">
        <v>94</v>
      </c>
      <c r="AD36318">
        <v>95</v>
      </c>
      <c r="AE36318">
        <v>97</v>
      </c>
      <c r="AF36318">
        <v>98</v>
      </c>
      <c r="AG36318">
        <v>100</v>
      </c>
      <c r="AH36318">
        <v>101</v>
      </c>
      <c r="AI36318">
        <v>103</v>
      </c>
      <c r="AJ36318">
        <v>104</v>
      </c>
      <c r="AK36318">
        <v>106</v>
      </c>
      <c r="AL36318">
        <v>107</v>
      </c>
      <c r="AM36318">
        <v>107</v>
      </c>
      <c r="AN36318">
        <v>108</v>
      </c>
      <c r="AO36318">
        <v>109</v>
      </c>
      <c r="AP36318">
        <v>109</v>
      </c>
      <c r="AQ36318">
        <v>110</v>
      </c>
    </row>
    <row r="36319" spans="1:43">
      <c r="A36319" t="s">
        <v>22513</v>
      </c>
      <c r="B36319" t="s">
        <v>22514</v>
      </c>
      <c r="C36319" t="s">
        <v>22371</v>
      </c>
      <c r="D36319" t="s">
        <v>22372</v>
      </c>
      <c r="E36319" t="s">
        <v>22205</v>
      </c>
      <c r="F36319" t="s">
        <v>22206</v>
      </c>
      <c r="G36319" t="s">
        <v>20255</v>
      </c>
      <c r="H36319" t="s">
        <v>20256</v>
      </c>
      <c r="I36319" s="2">
        <v>1</v>
      </c>
      <c r="J36319" s="2">
        <v>0</v>
      </c>
      <c r="K36319" s="2">
        <v>0</v>
      </c>
      <c r="L36319" t="s">
        <v>120</v>
      </c>
      <c r="M36319" t="s">
        <v>87</v>
      </c>
      <c r="N36319" t="s">
        <v>88</v>
      </c>
      <c r="O36319" t="s">
        <v>85</v>
      </c>
      <c r="P36319" t="s">
        <v>86</v>
      </c>
      <c r="Q36319">
        <v>77</v>
      </c>
      <c r="R36319">
        <v>78</v>
      </c>
      <c r="S36319">
        <v>78</v>
      </c>
      <c r="T36319">
        <v>79</v>
      </c>
      <c r="U36319">
        <v>80</v>
      </c>
      <c r="V36319">
        <v>80</v>
      </c>
      <c r="W36319">
        <v>81</v>
      </c>
      <c r="X36319">
        <v>82</v>
      </c>
      <c r="Y36319">
        <v>82</v>
      </c>
      <c r="Z36319">
        <v>83</v>
      </c>
      <c r="AA36319">
        <v>84</v>
      </c>
      <c r="AB36319">
        <v>85</v>
      </c>
      <c r="AC36319">
        <v>85</v>
      </c>
      <c r="AD36319">
        <v>86</v>
      </c>
      <c r="AE36319">
        <v>87</v>
      </c>
      <c r="AF36319">
        <v>88</v>
      </c>
      <c r="AG36319">
        <v>88</v>
      </c>
      <c r="AH36319">
        <v>89</v>
      </c>
      <c r="AI36319">
        <v>90</v>
      </c>
      <c r="AJ36319">
        <v>91</v>
      </c>
      <c r="AK36319">
        <v>92</v>
      </c>
      <c r="AL36319">
        <v>92</v>
      </c>
      <c r="AM36319">
        <v>93</v>
      </c>
      <c r="AN36319">
        <v>94</v>
      </c>
      <c r="AO36319">
        <v>95</v>
      </c>
      <c r="AP36319">
        <v>96</v>
      </c>
      <c r="AQ36319">
        <v>97</v>
      </c>
    </row>
    <row r="36320" spans="1:43">
      <c r="A36320" t="s">
        <v>22513</v>
      </c>
      <c r="B36320" t="s">
        <v>22514</v>
      </c>
      <c r="C36320" t="s">
        <v>22371</v>
      </c>
      <c r="D36320" t="s">
        <v>22372</v>
      </c>
      <c r="E36320" t="s">
        <v>22205</v>
      </c>
      <c r="F36320" t="s">
        <v>22206</v>
      </c>
      <c r="G36320" t="s">
        <v>20255</v>
      </c>
      <c r="H36320" t="s">
        <v>20256</v>
      </c>
      <c r="I36320" s="2">
        <v>1</v>
      </c>
      <c r="J36320" s="2">
        <v>0</v>
      </c>
      <c r="K36320" s="2">
        <v>0</v>
      </c>
      <c r="L36320" t="s">
        <v>120</v>
      </c>
      <c r="M36320" t="s">
        <v>89</v>
      </c>
      <c r="N36320" t="s">
        <v>90</v>
      </c>
      <c r="O36320" t="s">
        <v>85</v>
      </c>
      <c r="P36320" t="s">
        <v>86</v>
      </c>
      <c r="Q36320">
        <v>77</v>
      </c>
      <c r="R36320">
        <v>79</v>
      </c>
      <c r="S36320">
        <v>82</v>
      </c>
      <c r="T36320">
        <v>84</v>
      </c>
      <c r="U36320">
        <v>86</v>
      </c>
      <c r="V36320">
        <v>88</v>
      </c>
      <c r="W36320">
        <v>89</v>
      </c>
      <c r="X36320">
        <v>91</v>
      </c>
      <c r="Y36320">
        <v>93</v>
      </c>
      <c r="Z36320">
        <v>95</v>
      </c>
      <c r="AA36320">
        <v>97</v>
      </c>
      <c r="AB36320">
        <v>99</v>
      </c>
      <c r="AC36320">
        <v>100</v>
      </c>
      <c r="AD36320">
        <v>102</v>
      </c>
      <c r="AE36320">
        <v>104</v>
      </c>
      <c r="AF36320">
        <v>104</v>
      </c>
      <c r="AG36320">
        <v>105</v>
      </c>
      <c r="AH36320">
        <v>105</v>
      </c>
      <c r="AI36320">
        <v>106</v>
      </c>
      <c r="AJ36320">
        <v>107</v>
      </c>
      <c r="AK36320">
        <v>107</v>
      </c>
      <c r="AL36320">
        <v>108</v>
      </c>
      <c r="AM36320">
        <v>108</v>
      </c>
      <c r="AN36320">
        <v>109</v>
      </c>
      <c r="AO36320">
        <v>110</v>
      </c>
      <c r="AP36320">
        <v>110</v>
      </c>
      <c r="AQ36320">
        <v>111</v>
      </c>
    </row>
    <row r="36321" spans="1:43">
      <c r="A36321" t="s">
        <v>22513</v>
      </c>
      <c r="B36321" t="s">
        <v>22514</v>
      </c>
      <c r="C36321" t="s">
        <v>22371</v>
      </c>
      <c r="D36321" t="s">
        <v>22372</v>
      </c>
      <c r="E36321" t="s">
        <v>22205</v>
      </c>
      <c r="F36321" t="s">
        <v>22206</v>
      </c>
      <c r="G36321" t="s">
        <v>20255</v>
      </c>
      <c r="H36321" t="s">
        <v>20256</v>
      </c>
      <c r="I36321" s="2">
        <v>1</v>
      </c>
      <c r="J36321" s="2">
        <v>0</v>
      </c>
      <c r="K36321" s="2">
        <v>0</v>
      </c>
      <c r="L36321" t="s">
        <v>120</v>
      </c>
      <c r="M36321" t="s">
        <v>83</v>
      </c>
      <c r="N36321" t="s">
        <v>91</v>
      </c>
      <c r="O36321" t="s">
        <v>85</v>
      </c>
      <c r="P36321" t="s">
        <v>86</v>
      </c>
      <c r="Q36321">
        <v>77</v>
      </c>
      <c r="R36321">
        <v>78</v>
      </c>
      <c r="S36321">
        <v>80</v>
      </c>
      <c r="T36321">
        <v>81</v>
      </c>
      <c r="U36321">
        <v>82</v>
      </c>
      <c r="V36321">
        <v>84</v>
      </c>
      <c r="W36321">
        <v>85</v>
      </c>
      <c r="X36321">
        <v>87</v>
      </c>
      <c r="Y36321">
        <v>88</v>
      </c>
      <c r="Z36321">
        <v>89</v>
      </c>
      <c r="AA36321">
        <v>91</v>
      </c>
      <c r="AB36321">
        <v>92</v>
      </c>
      <c r="AC36321">
        <v>94</v>
      </c>
      <c r="AD36321">
        <v>95</v>
      </c>
      <c r="AE36321">
        <v>97</v>
      </c>
      <c r="AF36321">
        <v>98</v>
      </c>
      <c r="AG36321">
        <v>100</v>
      </c>
      <c r="AH36321">
        <v>101</v>
      </c>
      <c r="AI36321">
        <v>103</v>
      </c>
      <c r="AJ36321">
        <v>104</v>
      </c>
      <c r="AK36321">
        <v>106</v>
      </c>
      <c r="AL36321">
        <v>107</v>
      </c>
      <c r="AM36321">
        <v>107</v>
      </c>
      <c r="AN36321">
        <v>108</v>
      </c>
      <c r="AO36321">
        <v>109</v>
      </c>
      <c r="AP36321">
        <v>109</v>
      </c>
      <c r="AQ36321">
        <v>110</v>
      </c>
    </row>
    <row r="36322" spans="1:43">
      <c r="A36322" t="s">
        <v>22515</v>
      </c>
      <c r="B36322" t="s">
        <v>22516</v>
      </c>
      <c r="C36322" t="s">
        <v>22453</v>
      </c>
      <c r="D36322" t="s">
        <v>22454</v>
      </c>
      <c r="E36322" t="s">
        <v>22205</v>
      </c>
      <c r="F36322" t="s">
        <v>22206</v>
      </c>
      <c r="G36322" t="s">
        <v>20255</v>
      </c>
      <c r="H36322" t="s">
        <v>20256</v>
      </c>
      <c r="I36322" s="2">
        <v>1</v>
      </c>
      <c r="J36322" s="2">
        <v>0</v>
      </c>
      <c r="K36322" s="2">
        <v>0</v>
      </c>
      <c r="L36322" t="s">
        <v>120</v>
      </c>
      <c r="M36322" t="s">
        <v>83</v>
      </c>
      <c r="N36322" t="s">
        <v>84</v>
      </c>
      <c r="O36322" t="s">
        <v>85</v>
      </c>
      <c r="P36322" t="s">
        <v>86</v>
      </c>
      <c r="Q36322">
        <v>10</v>
      </c>
      <c r="R36322">
        <v>10</v>
      </c>
      <c r="S36322">
        <v>10</v>
      </c>
      <c r="T36322">
        <v>10</v>
      </c>
      <c r="U36322">
        <v>11</v>
      </c>
      <c r="V36322">
        <v>11</v>
      </c>
      <c r="W36322">
        <v>11</v>
      </c>
      <c r="X36322">
        <v>11</v>
      </c>
      <c r="Y36322">
        <v>11</v>
      </c>
      <c r="Z36322">
        <v>11</v>
      </c>
      <c r="AA36322">
        <v>12</v>
      </c>
      <c r="AB36322">
        <v>12</v>
      </c>
      <c r="AC36322">
        <v>12</v>
      </c>
      <c r="AD36322">
        <v>12</v>
      </c>
      <c r="AE36322">
        <v>12</v>
      </c>
      <c r="AF36322">
        <v>13</v>
      </c>
      <c r="AG36322">
        <v>13</v>
      </c>
      <c r="AH36322">
        <v>13</v>
      </c>
      <c r="AI36322">
        <v>13</v>
      </c>
      <c r="AJ36322">
        <v>13</v>
      </c>
      <c r="AK36322">
        <v>14</v>
      </c>
      <c r="AL36322">
        <v>14</v>
      </c>
      <c r="AM36322">
        <v>14</v>
      </c>
      <c r="AN36322">
        <v>14</v>
      </c>
      <c r="AO36322">
        <v>14</v>
      </c>
      <c r="AP36322">
        <v>14</v>
      </c>
      <c r="AQ36322">
        <v>14</v>
      </c>
    </row>
    <row r="36323" spans="1:43">
      <c r="A36323" t="s">
        <v>22515</v>
      </c>
      <c r="B36323" t="s">
        <v>22516</v>
      </c>
      <c r="C36323" t="s">
        <v>22453</v>
      </c>
      <c r="D36323" t="s">
        <v>22454</v>
      </c>
      <c r="E36323" t="s">
        <v>22205</v>
      </c>
      <c r="F36323" t="s">
        <v>22206</v>
      </c>
      <c r="G36323" t="s">
        <v>20255</v>
      </c>
      <c r="H36323" t="s">
        <v>20256</v>
      </c>
      <c r="I36323" s="2">
        <v>1</v>
      </c>
      <c r="J36323" s="2">
        <v>0</v>
      </c>
      <c r="K36323" s="2">
        <v>0</v>
      </c>
      <c r="L36323" t="s">
        <v>120</v>
      </c>
      <c r="M36323" t="s">
        <v>87</v>
      </c>
      <c r="N36323" t="s">
        <v>88</v>
      </c>
      <c r="O36323" t="s">
        <v>85</v>
      </c>
      <c r="P36323" t="s">
        <v>86</v>
      </c>
      <c r="Q36323">
        <v>10</v>
      </c>
      <c r="R36323">
        <v>10</v>
      </c>
      <c r="S36323">
        <v>10</v>
      </c>
      <c r="T36323">
        <v>10</v>
      </c>
      <c r="U36323">
        <v>10</v>
      </c>
      <c r="V36323">
        <v>10</v>
      </c>
      <c r="W36323">
        <v>10</v>
      </c>
      <c r="X36323">
        <v>10</v>
      </c>
      <c r="Y36323">
        <v>10</v>
      </c>
      <c r="Z36323">
        <v>11</v>
      </c>
      <c r="AA36323">
        <v>11</v>
      </c>
      <c r="AB36323">
        <v>11</v>
      </c>
      <c r="AC36323">
        <v>11</v>
      </c>
      <c r="AD36323">
        <v>11</v>
      </c>
      <c r="AE36323">
        <v>11</v>
      </c>
      <c r="AF36323">
        <v>11</v>
      </c>
      <c r="AG36323">
        <v>11</v>
      </c>
      <c r="AH36323">
        <v>11</v>
      </c>
      <c r="AI36323">
        <v>11</v>
      </c>
      <c r="AJ36323">
        <v>12</v>
      </c>
      <c r="AK36323">
        <v>12</v>
      </c>
      <c r="AL36323">
        <v>12</v>
      </c>
      <c r="AM36323">
        <v>12</v>
      </c>
      <c r="AN36323">
        <v>12</v>
      </c>
      <c r="AO36323">
        <v>12</v>
      </c>
      <c r="AP36323">
        <v>12</v>
      </c>
      <c r="AQ36323">
        <v>12</v>
      </c>
    </row>
    <row r="36324" spans="1:43">
      <c r="A36324" t="s">
        <v>22515</v>
      </c>
      <c r="B36324" t="s">
        <v>22516</v>
      </c>
      <c r="C36324" t="s">
        <v>22453</v>
      </c>
      <c r="D36324" t="s">
        <v>22454</v>
      </c>
      <c r="E36324" t="s">
        <v>22205</v>
      </c>
      <c r="F36324" t="s">
        <v>22206</v>
      </c>
      <c r="G36324" t="s">
        <v>20255</v>
      </c>
      <c r="H36324" t="s">
        <v>20256</v>
      </c>
      <c r="I36324" s="2">
        <v>1</v>
      </c>
      <c r="J36324" s="2">
        <v>0</v>
      </c>
      <c r="K36324" s="2">
        <v>0</v>
      </c>
      <c r="L36324" t="s">
        <v>120</v>
      </c>
      <c r="M36324" t="s">
        <v>89</v>
      </c>
      <c r="N36324" t="s">
        <v>90</v>
      </c>
      <c r="O36324" t="s">
        <v>85</v>
      </c>
      <c r="P36324" t="s">
        <v>86</v>
      </c>
      <c r="Q36324">
        <v>10</v>
      </c>
      <c r="R36324">
        <v>10</v>
      </c>
      <c r="S36324">
        <v>10</v>
      </c>
      <c r="T36324">
        <v>11</v>
      </c>
      <c r="U36324">
        <v>11</v>
      </c>
      <c r="V36324">
        <v>11</v>
      </c>
      <c r="W36324">
        <v>11</v>
      </c>
      <c r="X36324">
        <v>12</v>
      </c>
      <c r="Y36324">
        <v>12</v>
      </c>
      <c r="Z36324">
        <v>12</v>
      </c>
      <c r="AA36324">
        <v>12</v>
      </c>
      <c r="AB36324">
        <v>13</v>
      </c>
      <c r="AC36324">
        <v>13</v>
      </c>
      <c r="AD36324">
        <v>13</v>
      </c>
      <c r="AE36324">
        <v>13</v>
      </c>
      <c r="AF36324">
        <v>13</v>
      </c>
      <c r="AG36324">
        <v>14</v>
      </c>
      <c r="AH36324">
        <v>14</v>
      </c>
      <c r="AI36324">
        <v>14</v>
      </c>
      <c r="AJ36324">
        <v>14</v>
      </c>
      <c r="AK36324">
        <v>14</v>
      </c>
      <c r="AL36324">
        <v>14</v>
      </c>
      <c r="AM36324">
        <v>14</v>
      </c>
      <c r="AN36324">
        <v>14</v>
      </c>
      <c r="AO36324">
        <v>14</v>
      </c>
      <c r="AP36324">
        <v>14</v>
      </c>
      <c r="AQ36324">
        <v>14</v>
      </c>
    </row>
    <row r="36325" spans="1:43">
      <c r="A36325" t="s">
        <v>22515</v>
      </c>
      <c r="B36325" t="s">
        <v>22516</v>
      </c>
      <c r="C36325" t="s">
        <v>22453</v>
      </c>
      <c r="D36325" t="s">
        <v>22454</v>
      </c>
      <c r="E36325" t="s">
        <v>22205</v>
      </c>
      <c r="F36325" t="s">
        <v>22206</v>
      </c>
      <c r="G36325" t="s">
        <v>20255</v>
      </c>
      <c r="H36325" t="s">
        <v>20256</v>
      </c>
      <c r="I36325" s="2">
        <v>1</v>
      </c>
      <c r="J36325" s="2">
        <v>0</v>
      </c>
      <c r="K36325" s="2">
        <v>0</v>
      </c>
      <c r="L36325" t="s">
        <v>120</v>
      </c>
      <c r="M36325" t="s">
        <v>83</v>
      </c>
      <c r="N36325" t="s">
        <v>91</v>
      </c>
      <c r="O36325" t="s">
        <v>85</v>
      </c>
      <c r="P36325" t="s">
        <v>86</v>
      </c>
      <c r="Q36325">
        <v>10</v>
      </c>
      <c r="R36325">
        <v>10</v>
      </c>
      <c r="S36325">
        <v>10</v>
      </c>
      <c r="T36325">
        <v>10</v>
      </c>
      <c r="U36325">
        <v>11</v>
      </c>
      <c r="V36325">
        <v>11</v>
      </c>
      <c r="W36325">
        <v>11</v>
      </c>
      <c r="X36325">
        <v>11</v>
      </c>
      <c r="Y36325">
        <v>11</v>
      </c>
      <c r="Z36325">
        <v>11</v>
      </c>
      <c r="AA36325">
        <v>12</v>
      </c>
      <c r="AB36325">
        <v>12</v>
      </c>
      <c r="AC36325">
        <v>12</v>
      </c>
      <c r="AD36325">
        <v>12</v>
      </c>
      <c r="AE36325">
        <v>12</v>
      </c>
      <c r="AF36325">
        <v>13</v>
      </c>
      <c r="AG36325">
        <v>13</v>
      </c>
      <c r="AH36325">
        <v>13</v>
      </c>
      <c r="AI36325">
        <v>13</v>
      </c>
      <c r="AJ36325">
        <v>13</v>
      </c>
      <c r="AK36325">
        <v>14</v>
      </c>
      <c r="AL36325">
        <v>14</v>
      </c>
      <c r="AM36325">
        <v>14</v>
      </c>
      <c r="AN36325">
        <v>14</v>
      </c>
      <c r="AO36325">
        <v>14</v>
      </c>
      <c r="AP36325">
        <v>14</v>
      </c>
      <c r="AQ36325">
        <v>14</v>
      </c>
    </row>
    <row r="36326" spans="1:43">
      <c r="A36326" t="s">
        <v>22517</v>
      </c>
      <c r="B36326" t="s">
        <v>22518</v>
      </c>
      <c r="C36326" t="s">
        <v>22391</v>
      </c>
      <c r="D36326" t="s">
        <v>22392</v>
      </c>
      <c r="E36326" t="s">
        <v>22205</v>
      </c>
      <c r="F36326" t="s">
        <v>22206</v>
      </c>
      <c r="G36326" t="s">
        <v>20255</v>
      </c>
      <c r="H36326" t="s">
        <v>20256</v>
      </c>
      <c r="I36326" s="2">
        <v>1</v>
      </c>
      <c r="J36326" s="2">
        <v>0</v>
      </c>
      <c r="K36326" s="2">
        <v>0</v>
      </c>
      <c r="L36326" t="s">
        <v>120</v>
      </c>
      <c r="M36326" t="s">
        <v>83</v>
      </c>
      <c r="N36326" t="s">
        <v>84</v>
      </c>
      <c r="O36326" t="s">
        <v>85</v>
      </c>
      <c r="P36326" t="s">
        <v>86</v>
      </c>
      <c r="Q36326">
        <v>7</v>
      </c>
      <c r="R36326">
        <v>7</v>
      </c>
      <c r="S36326">
        <v>7</v>
      </c>
      <c r="T36326">
        <v>7</v>
      </c>
      <c r="U36326">
        <v>7</v>
      </c>
      <c r="V36326">
        <v>7</v>
      </c>
      <c r="W36326">
        <v>7</v>
      </c>
      <c r="X36326">
        <v>8</v>
      </c>
      <c r="Y36326">
        <v>8</v>
      </c>
      <c r="Z36326">
        <v>8</v>
      </c>
      <c r="AA36326">
        <v>8</v>
      </c>
      <c r="AB36326">
        <v>8</v>
      </c>
      <c r="AC36326">
        <v>8</v>
      </c>
      <c r="AD36326">
        <v>8</v>
      </c>
      <c r="AE36326">
        <v>8</v>
      </c>
      <c r="AF36326">
        <v>9</v>
      </c>
      <c r="AG36326">
        <v>9</v>
      </c>
      <c r="AH36326">
        <v>9</v>
      </c>
      <c r="AI36326">
        <v>9</v>
      </c>
      <c r="AJ36326">
        <v>9</v>
      </c>
      <c r="AK36326">
        <v>9</v>
      </c>
      <c r="AL36326">
        <v>9</v>
      </c>
      <c r="AM36326">
        <v>9</v>
      </c>
      <c r="AN36326">
        <v>10</v>
      </c>
      <c r="AO36326">
        <v>10</v>
      </c>
      <c r="AP36326">
        <v>10</v>
      </c>
      <c r="AQ36326">
        <v>10</v>
      </c>
    </row>
    <row r="36327" spans="1:43">
      <c r="A36327" t="s">
        <v>22517</v>
      </c>
      <c r="B36327" t="s">
        <v>22518</v>
      </c>
      <c r="C36327" t="s">
        <v>22391</v>
      </c>
      <c r="D36327" t="s">
        <v>22392</v>
      </c>
      <c r="E36327" t="s">
        <v>22205</v>
      </c>
      <c r="F36327" t="s">
        <v>22206</v>
      </c>
      <c r="G36327" t="s">
        <v>20255</v>
      </c>
      <c r="H36327" t="s">
        <v>20256</v>
      </c>
      <c r="I36327" s="2">
        <v>1</v>
      </c>
      <c r="J36327" s="2">
        <v>0</v>
      </c>
      <c r="K36327" s="2">
        <v>0</v>
      </c>
      <c r="L36327" t="s">
        <v>120</v>
      </c>
      <c r="M36327" t="s">
        <v>87</v>
      </c>
      <c r="N36327" t="s">
        <v>88</v>
      </c>
      <c r="O36327" t="s">
        <v>85</v>
      </c>
      <c r="P36327" t="s">
        <v>86</v>
      </c>
      <c r="Q36327">
        <v>7</v>
      </c>
      <c r="R36327">
        <v>7</v>
      </c>
      <c r="S36327">
        <v>7</v>
      </c>
      <c r="T36327">
        <v>7</v>
      </c>
      <c r="U36327">
        <v>7</v>
      </c>
      <c r="V36327">
        <v>7</v>
      </c>
      <c r="W36327">
        <v>7</v>
      </c>
      <c r="X36327">
        <v>7</v>
      </c>
      <c r="Y36327">
        <v>7</v>
      </c>
      <c r="Z36327">
        <v>7</v>
      </c>
      <c r="AA36327">
        <v>7</v>
      </c>
      <c r="AB36327">
        <v>7</v>
      </c>
      <c r="AC36327">
        <v>7</v>
      </c>
      <c r="AD36327">
        <v>7</v>
      </c>
      <c r="AE36327">
        <v>8</v>
      </c>
      <c r="AF36327">
        <v>8</v>
      </c>
      <c r="AG36327">
        <v>8</v>
      </c>
      <c r="AH36327">
        <v>8</v>
      </c>
      <c r="AI36327">
        <v>8</v>
      </c>
      <c r="AJ36327">
        <v>8</v>
      </c>
      <c r="AK36327">
        <v>8</v>
      </c>
      <c r="AL36327">
        <v>8</v>
      </c>
      <c r="AM36327">
        <v>8</v>
      </c>
      <c r="AN36327">
        <v>8</v>
      </c>
      <c r="AO36327">
        <v>8</v>
      </c>
      <c r="AP36327">
        <v>8</v>
      </c>
      <c r="AQ36327">
        <v>8</v>
      </c>
    </row>
    <row r="36328" spans="1:43">
      <c r="A36328" t="s">
        <v>22517</v>
      </c>
      <c r="B36328" t="s">
        <v>22518</v>
      </c>
      <c r="C36328" t="s">
        <v>22391</v>
      </c>
      <c r="D36328" t="s">
        <v>22392</v>
      </c>
      <c r="E36328" t="s">
        <v>22205</v>
      </c>
      <c r="F36328" t="s">
        <v>22206</v>
      </c>
      <c r="G36328" t="s">
        <v>20255</v>
      </c>
      <c r="H36328" t="s">
        <v>20256</v>
      </c>
      <c r="I36328" s="2">
        <v>1</v>
      </c>
      <c r="J36328" s="2">
        <v>0</v>
      </c>
      <c r="K36328" s="2">
        <v>0</v>
      </c>
      <c r="L36328" t="s">
        <v>120</v>
      </c>
      <c r="M36328" t="s">
        <v>89</v>
      </c>
      <c r="N36328" t="s">
        <v>90</v>
      </c>
      <c r="O36328" t="s">
        <v>85</v>
      </c>
      <c r="P36328" t="s">
        <v>86</v>
      </c>
      <c r="Q36328">
        <v>7</v>
      </c>
      <c r="R36328">
        <v>7</v>
      </c>
      <c r="S36328">
        <v>7</v>
      </c>
      <c r="T36328">
        <v>7</v>
      </c>
      <c r="U36328">
        <v>7</v>
      </c>
      <c r="V36328">
        <v>8</v>
      </c>
      <c r="W36328">
        <v>8</v>
      </c>
      <c r="X36328">
        <v>8</v>
      </c>
      <c r="Y36328">
        <v>8</v>
      </c>
      <c r="Z36328">
        <v>8</v>
      </c>
      <c r="AA36328">
        <v>8</v>
      </c>
      <c r="AB36328">
        <v>9</v>
      </c>
      <c r="AC36328">
        <v>9</v>
      </c>
      <c r="AD36328">
        <v>9</v>
      </c>
      <c r="AE36328">
        <v>9</v>
      </c>
      <c r="AF36328">
        <v>9</v>
      </c>
      <c r="AG36328">
        <v>9</v>
      </c>
      <c r="AH36328">
        <v>9</v>
      </c>
      <c r="AI36328">
        <v>9</v>
      </c>
      <c r="AJ36328">
        <v>9</v>
      </c>
      <c r="AK36328">
        <v>9</v>
      </c>
      <c r="AL36328">
        <v>10</v>
      </c>
      <c r="AM36328">
        <v>10</v>
      </c>
      <c r="AN36328">
        <v>10</v>
      </c>
      <c r="AO36328">
        <v>10</v>
      </c>
      <c r="AP36328">
        <v>10</v>
      </c>
      <c r="AQ36328">
        <v>10</v>
      </c>
    </row>
    <row r="36329" spans="1:43">
      <c r="A36329" t="s">
        <v>22517</v>
      </c>
      <c r="B36329" t="s">
        <v>22518</v>
      </c>
      <c r="C36329" t="s">
        <v>22391</v>
      </c>
      <c r="D36329" t="s">
        <v>22392</v>
      </c>
      <c r="E36329" t="s">
        <v>22205</v>
      </c>
      <c r="F36329" t="s">
        <v>22206</v>
      </c>
      <c r="G36329" t="s">
        <v>20255</v>
      </c>
      <c r="H36329" t="s">
        <v>20256</v>
      </c>
      <c r="I36329" s="2">
        <v>1</v>
      </c>
      <c r="J36329" s="2">
        <v>0</v>
      </c>
      <c r="K36329" s="2">
        <v>0</v>
      </c>
      <c r="L36329" t="s">
        <v>120</v>
      </c>
      <c r="M36329" t="s">
        <v>83</v>
      </c>
      <c r="N36329" t="s">
        <v>91</v>
      </c>
      <c r="O36329" t="s">
        <v>85</v>
      </c>
      <c r="P36329" t="s">
        <v>86</v>
      </c>
      <c r="Q36329">
        <v>7</v>
      </c>
      <c r="R36329">
        <v>7</v>
      </c>
      <c r="S36329">
        <v>7</v>
      </c>
      <c r="T36329">
        <v>7</v>
      </c>
      <c r="U36329">
        <v>7</v>
      </c>
      <c r="V36329">
        <v>7</v>
      </c>
      <c r="W36329">
        <v>7</v>
      </c>
      <c r="X36329">
        <v>8</v>
      </c>
      <c r="Y36329">
        <v>8</v>
      </c>
      <c r="Z36329">
        <v>8</v>
      </c>
      <c r="AA36329">
        <v>8</v>
      </c>
      <c r="AB36329">
        <v>8</v>
      </c>
      <c r="AC36329">
        <v>8</v>
      </c>
      <c r="AD36329">
        <v>8</v>
      </c>
      <c r="AE36329">
        <v>8</v>
      </c>
      <c r="AF36329">
        <v>9</v>
      </c>
      <c r="AG36329">
        <v>9</v>
      </c>
      <c r="AH36329">
        <v>9</v>
      </c>
      <c r="AI36329">
        <v>9</v>
      </c>
      <c r="AJ36329">
        <v>9</v>
      </c>
      <c r="AK36329">
        <v>9</v>
      </c>
      <c r="AL36329">
        <v>9</v>
      </c>
      <c r="AM36329">
        <v>9</v>
      </c>
      <c r="AN36329">
        <v>10</v>
      </c>
      <c r="AO36329">
        <v>10</v>
      </c>
      <c r="AP36329">
        <v>10</v>
      </c>
      <c r="AQ36329">
        <v>10</v>
      </c>
    </row>
    <row r="36330" spans="1:43">
      <c r="A36330" t="s">
        <v>22519</v>
      </c>
      <c r="B36330" t="s">
        <v>22520</v>
      </c>
      <c r="C36330" t="s">
        <v>22447</v>
      </c>
      <c r="D36330" t="s">
        <v>22448</v>
      </c>
      <c r="E36330" t="s">
        <v>22205</v>
      </c>
      <c r="F36330" t="s">
        <v>22206</v>
      </c>
      <c r="G36330" t="s">
        <v>20255</v>
      </c>
      <c r="H36330" t="s">
        <v>20256</v>
      </c>
      <c r="I36330" s="2">
        <v>1</v>
      </c>
      <c r="J36330" s="2">
        <v>0</v>
      </c>
      <c r="K36330" s="2">
        <v>0</v>
      </c>
      <c r="L36330" t="s">
        <v>120</v>
      </c>
      <c r="M36330" t="s">
        <v>83</v>
      </c>
      <c r="N36330" t="s">
        <v>84</v>
      </c>
      <c r="O36330" t="s">
        <v>85</v>
      </c>
      <c r="P36330" t="s">
        <v>86</v>
      </c>
      <c r="Q36330">
        <v>37</v>
      </c>
      <c r="R36330">
        <v>38</v>
      </c>
      <c r="S36330">
        <v>39</v>
      </c>
      <c r="T36330">
        <v>40</v>
      </c>
      <c r="U36330">
        <v>40</v>
      </c>
      <c r="V36330">
        <v>41</v>
      </c>
      <c r="W36330">
        <v>42</v>
      </c>
      <c r="X36330">
        <v>43</v>
      </c>
      <c r="Y36330">
        <v>43</v>
      </c>
      <c r="Z36330">
        <v>44</v>
      </c>
      <c r="AA36330">
        <v>45</v>
      </c>
      <c r="AB36330">
        <v>46</v>
      </c>
      <c r="AC36330">
        <v>46</v>
      </c>
      <c r="AD36330">
        <v>47</v>
      </c>
      <c r="AE36330">
        <v>48</v>
      </c>
      <c r="AF36330">
        <v>49</v>
      </c>
      <c r="AG36330">
        <v>49</v>
      </c>
      <c r="AH36330">
        <v>50</v>
      </c>
      <c r="AI36330">
        <v>51</v>
      </c>
      <c r="AJ36330">
        <v>52</v>
      </c>
      <c r="AK36330">
        <v>53</v>
      </c>
      <c r="AL36330">
        <v>53</v>
      </c>
      <c r="AM36330">
        <v>54</v>
      </c>
      <c r="AN36330">
        <v>54</v>
      </c>
      <c r="AO36330">
        <v>54</v>
      </c>
      <c r="AP36330">
        <v>55</v>
      </c>
      <c r="AQ36330">
        <v>55</v>
      </c>
    </row>
    <row r="36331" spans="1:43">
      <c r="A36331" t="s">
        <v>22519</v>
      </c>
      <c r="B36331" t="s">
        <v>22520</v>
      </c>
      <c r="C36331" t="s">
        <v>22447</v>
      </c>
      <c r="D36331" t="s">
        <v>22448</v>
      </c>
      <c r="E36331" t="s">
        <v>22205</v>
      </c>
      <c r="F36331" t="s">
        <v>22206</v>
      </c>
      <c r="G36331" t="s">
        <v>20255</v>
      </c>
      <c r="H36331" t="s">
        <v>20256</v>
      </c>
      <c r="I36331" s="2">
        <v>1</v>
      </c>
      <c r="J36331" s="2">
        <v>0</v>
      </c>
      <c r="K36331" s="2">
        <v>0</v>
      </c>
      <c r="L36331" t="s">
        <v>120</v>
      </c>
      <c r="M36331" t="s">
        <v>87</v>
      </c>
      <c r="N36331" t="s">
        <v>88</v>
      </c>
      <c r="O36331" t="s">
        <v>85</v>
      </c>
      <c r="P36331" t="s">
        <v>86</v>
      </c>
      <c r="Q36331">
        <v>37</v>
      </c>
      <c r="R36331">
        <v>37</v>
      </c>
      <c r="S36331">
        <v>38</v>
      </c>
      <c r="T36331">
        <v>38</v>
      </c>
      <c r="U36331">
        <v>39</v>
      </c>
      <c r="V36331">
        <v>39</v>
      </c>
      <c r="W36331">
        <v>39</v>
      </c>
      <c r="X36331">
        <v>40</v>
      </c>
      <c r="Y36331">
        <v>40</v>
      </c>
      <c r="Z36331">
        <v>40</v>
      </c>
      <c r="AA36331">
        <v>41</v>
      </c>
      <c r="AB36331">
        <v>41</v>
      </c>
      <c r="AC36331">
        <v>42</v>
      </c>
      <c r="AD36331">
        <v>42</v>
      </c>
      <c r="AE36331">
        <v>42</v>
      </c>
      <c r="AF36331">
        <v>43</v>
      </c>
      <c r="AG36331">
        <v>43</v>
      </c>
      <c r="AH36331">
        <v>44</v>
      </c>
      <c r="AI36331">
        <v>44</v>
      </c>
      <c r="AJ36331">
        <v>45</v>
      </c>
      <c r="AK36331">
        <v>45</v>
      </c>
      <c r="AL36331">
        <v>45</v>
      </c>
      <c r="AM36331">
        <v>46</v>
      </c>
      <c r="AN36331">
        <v>46</v>
      </c>
      <c r="AO36331">
        <v>47</v>
      </c>
      <c r="AP36331">
        <v>47</v>
      </c>
      <c r="AQ36331">
        <v>48</v>
      </c>
    </row>
    <row r="36332" spans="1:43">
      <c r="A36332" t="s">
        <v>22519</v>
      </c>
      <c r="B36332" t="s">
        <v>22520</v>
      </c>
      <c r="C36332" t="s">
        <v>22447</v>
      </c>
      <c r="D36332" t="s">
        <v>22448</v>
      </c>
      <c r="E36332" t="s">
        <v>22205</v>
      </c>
      <c r="F36332" t="s">
        <v>22206</v>
      </c>
      <c r="G36332" t="s">
        <v>20255</v>
      </c>
      <c r="H36332" t="s">
        <v>20256</v>
      </c>
      <c r="I36332" s="2">
        <v>1</v>
      </c>
      <c r="J36332" s="2">
        <v>0</v>
      </c>
      <c r="K36332" s="2">
        <v>0</v>
      </c>
      <c r="L36332" t="s">
        <v>120</v>
      </c>
      <c r="M36332" t="s">
        <v>89</v>
      </c>
      <c r="N36332" t="s">
        <v>90</v>
      </c>
      <c r="O36332" t="s">
        <v>85</v>
      </c>
      <c r="P36332" t="s">
        <v>86</v>
      </c>
      <c r="Q36332">
        <v>37</v>
      </c>
      <c r="R36332">
        <v>38</v>
      </c>
      <c r="S36332">
        <v>39</v>
      </c>
      <c r="T36332">
        <v>40</v>
      </c>
      <c r="U36332">
        <v>41</v>
      </c>
      <c r="V36332">
        <v>42</v>
      </c>
      <c r="W36332">
        <v>43</v>
      </c>
      <c r="X36332">
        <v>44</v>
      </c>
      <c r="Y36332">
        <v>45</v>
      </c>
      <c r="Z36332">
        <v>46</v>
      </c>
      <c r="AA36332">
        <v>47</v>
      </c>
      <c r="AB36332">
        <v>48</v>
      </c>
      <c r="AC36332">
        <v>49</v>
      </c>
      <c r="AD36332">
        <v>50</v>
      </c>
      <c r="AE36332">
        <v>50</v>
      </c>
      <c r="AF36332">
        <v>51</v>
      </c>
      <c r="AG36332">
        <v>51</v>
      </c>
      <c r="AH36332">
        <v>51</v>
      </c>
      <c r="AI36332">
        <v>52</v>
      </c>
      <c r="AJ36332">
        <v>52</v>
      </c>
      <c r="AK36332">
        <v>52</v>
      </c>
      <c r="AL36332">
        <v>53</v>
      </c>
      <c r="AM36332">
        <v>53</v>
      </c>
      <c r="AN36332">
        <v>53</v>
      </c>
      <c r="AO36332">
        <v>54</v>
      </c>
      <c r="AP36332">
        <v>54</v>
      </c>
      <c r="AQ36332">
        <v>54</v>
      </c>
    </row>
    <row r="36333" spans="1:43">
      <c r="A36333" t="s">
        <v>22519</v>
      </c>
      <c r="B36333" t="s">
        <v>22520</v>
      </c>
      <c r="C36333" t="s">
        <v>22447</v>
      </c>
      <c r="D36333" t="s">
        <v>22448</v>
      </c>
      <c r="E36333" t="s">
        <v>22205</v>
      </c>
      <c r="F36333" t="s">
        <v>22206</v>
      </c>
      <c r="G36333" t="s">
        <v>20255</v>
      </c>
      <c r="H36333" t="s">
        <v>20256</v>
      </c>
      <c r="I36333" s="2">
        <v>1</v>
      </c>
      <c r="J36333" s="2">
        <v>0</v>
      </c>
      <c r="K36333" s="2">
        <v>0</v>
      </c>
      <c r="L36333" t="s">
        <v>120</v>
      </c>
      <c r="M36333" t="s">
        <v>83</v>
      </c>
      <c r="N36333" t="s">
        <v>91</v>
      </c>
      <c r="O36333" t="s">
        <v>85</v>
      </c>
      <c r="P36333" t="s">
        <v>86</v>
      </c>
      <c r="Q36333">
        <v>37</v>
      </c>
      <c r="R36333">
        <v>38</v>
      </c>
      <c r="S36333">
        <v>39</v>
      </c>
      <c r="T36333">
        <v>40</v>
      </c>
      <c r="U36333">
        <v>40</v>
      </c>
      <c r="V36333">
        <v>41</v>
      </c>
      <c r="W36333">
        <v>42</v>
      </c>
      <c r="X36333">
        <v>43</v>
      </c>
      <c r="Y36333">
        <v>43</v>
      </c>
      <c r="Z36333">
        <v>44</v>
      </c>
      <c r="AA36333">
        <v>45</v>
      </c>
      <c r="AB36333">
        <v>46</v>
      </c>
      <c r="AC36333">
        <v>46</v>
      </c>
      <c r="AD36333">
        <v>47</v>
      </c>
      <c r="AE36333">
        <v>48</v>
      </c>
      <c r="AF36333">
        <v>49</v>
      </c>
      <c r="AG36333">
        <v>49</v>
      </c>
      <c r="AH36333">
        <v>50</v>
      </c>
      <c r="AI36333">
        <v>51</v>
      </c>
      <c r="AJ36333">
        <v>52</v>
      </c>
      <c r="AK36333">
        <v>53</v>
      </c>
      <c r="AL36333">
        <v>53</v>
      </c>
      <c r="AM36333">
        <v>54</v>
      </c>
      <c r="AN36333">
        <v>54</v>
      </c>
      <c r="AO36333">
        <v>54</v>
      </c>
      <c r="AP36333">
        <v>55</v>
      </c>
      <c r="AQ36333">
        <v>55</v>
      </c>
    </row>
    <row r="36334" spans="1:43">
      <c r="A36334" t="s">
        <v>22521</v>
      </c>
      <c r="B36334" t="s">
        <v>22522</v>
      </c>
      <c r="C36334" t="s">
        <v>22447</v>
      </c>
      <c r="D36334" t="s">
        <v>22448</v>
      </c>
      <c r="E36334" t="s">
        <v>22205</v>
      </c>
      <c r="F36334" t="s">
        <v>22206</v>
      </c>
      <c r="G36334" t="s">
        <v>20255</v>
      </c>
      <c r="H36334" t="s">
        <v>20256</v>
      </c>
      <c r="I36334" s="2">
        <v>1</v>
      </c>
      <c r="J36334" s="2">
        <v>0</v>
      </c>
      <c r="K36334" s="2">
        <v>0</v>
      </c>
      <c r="L36334" t="s">
        <v>120</v>
      </c>
      <c r="M36334" t="s">
        <v>83</v>
      </c>
      <c r="N36334" t="s">
        <v>84</v>
      </c>
      <c r="O36334" t="s">
        <v>85</v>
      </c>
      <c r="P36334" t="s">
        <v>86</v>
      </c>
      <c r="Q36334">
        <v>33</v>
      </c>
      <c r="R36334">
        <v>34</v>
      </c>
      <c r="S36334">
        <v>34</v>
      </c>
      <c r="T36334">
        <v>35</v>
      </c>
      <c r="U36334">
        <v>36</v>
      </c>
      <c r="V36334">
        <v>36</v>
      </c>
      <c r="W36334">
        <v>37</v>
      </c>
      <c r="X36334">
        <v>38</v>
      </c>
      <c r="Y36334">
        <v>38</v>
      </c>
      <c r="Z36334">
        <v>39</v>
      </c>
      <c r="AA36334">
        <v>40</v>
      </c>
      <c r="AB36334">
        <v>40</v>
      </c>
      <c r="AC36334">
        <v>41</v>
      </c>
      <c r="AD36334">
        <v>42</v>
      </c>
      <c r="AE36334">
        <v>42</v>
      </c>
      <c r="AF36334">
        <v>43</v>
      </c>
      <c r="AG36334">
        <v>44</v>
      </c>
      <c r="AH36334">
        <v>44</v>
      </c>
      <c r="AI36334">
        <v>45</v>
      </c>
      <c r="AJ36334">
        <v>46</v>
      </c>
      <c r="AK36334">
        <v>47</v>
      </c>
      <c r="AL36334">
        <v>47</v>
      </c>
      <c r="AM36334">
        <v>47</v>
      </c>
      <c r="AN36334">
        <v>48</v>
      </c>
      <c r="AO36334">
        <v>48</v>
      </c>
      <c r="AP36334">
        <v>48</v>
      </c>
      <c r="AQ36334">
        <v>49</v>
      </c>
    </row>
    <row r="36335" spans="1:43">
      <c r="A36335" t="s">
        <v>22521</v>
      </c>
      <c r="B36335" t="s">
        <v>22522</v>
      </c>
      <c r="C36335" t="s">
        <v>22447</v>
      </c>
      <c r="D36335" t="s">
        <v>22448</v>
      </c>
      <c r="E36335" t="s">
        <v>22205</v>
      </c>
      <c r="F36335" t="s">
        <v>22206</v>
      </c>
      <c r="G36335" t="s">
        <v>20255</v>
      </c>
      <c r="H36335" t="s">
        <v>20256</v>
      </c>
      <c r="I36335" s="2">
        <v>1</v>
      </c>
      <c r="J36335" s="2">
        <v>0</v>
      </c>
      <c r="K36335" s="2">
        <v>0</v>
      </c>
      <c r="L36335" t="s">
        <v>120</v>
      </c>
      <c r="M36335" t="s">
        <v>87</v>
      </c>
      <c r="N36335" t="s">
        <v>88</v>
      </c>
      <c r="O36335" t="s">
        <v>85</v>
      </c>
      <c r="P36335" t="s">
        <v>86</v>
      </c>
      <c r="Q36335">
        <v>33</v>
      </c>
      <c r="R36335">
        <v>33</v>
      </c>
      <c r="S36335">
        <v>33</v>
      </c>
      <c r="T36335">
        <v>34</v>
      </c>
      <c r="U36335">
        <v>34</v>
      </c>
      <c r="V36335">
        <v>34</v>
      </c>
      <c r="W36335">
        <v>35</v>
      </c>
      <c r="X36335">
        <v>35</v>
      </c>
      <c r="Y36335">
        <v>35</v>
      </c>
      <c r="Z36335">
        <v>36</v>
      </c>
      <c r="AA36335">
        <v>36</v>
      </c>
      <c r="AB36335">
        <v>37</v>
      </c>
      <c r="AC36335">
        <v>37</v>
      </c>
      <c r="AD36335">
        <v>37</v>
      </c>
      <c r="AE36335">
        <v>38</v>
      </c>
      <c r="AF36335">
        <v>38</v>
      </c>
      <c r="AG36335">
        <v>38</v>
      </c>
      <c r="AH36335">
        <v>39</v>
      </c>
      <c r="AI36335">
        <v>39</v>
      </c>
      <c r="AJ36335">
        <v>39</v>
      </c>
      <c r="AK36335">
        <v>40</v>
      </c>
      <c r="AL36335">
        <v>40</v>
      </c>
      <c r="AM36335">
        <v>41</v>
      </c>
      <c r="AN36335">
        <v>41</v>
      </c>
      <c r="AO36335">
        <v>41</v>
      </c>
      <c r="AP36335">
        <v>42</v>
      </c>
      <c r="AQ36335">
        <v>42</v>
      </c>
    </row>
    <row r="36336" spans="1:43">
      <c r="A36336" t="s">
        <v>22521</v>
      </c>
      <c r="B36336" t="s">
        <v>22522</v>
      </c>
      <c r="C36336" t="s">
        <v>22447</v>
      </c>
      <c r="D36336" t="s">
        <v>22448</v>
      </c>
      <c r="E36336" t="s">
        <v>22205</v>
      </c>
      <c r="F36336" t="s">
        <v>22206</v>
      </c>
      <c r="G36336" t="s">
        <v>20255</v>
      </c>
      <c r="H36336" t="s">
        <v>20256</v>
      </c>
      <c r="I36336" s="2">
        <v>1</v>
      </c>
      <c r="J36336" s="2">
        <v>0</v>
      </c>
      <c r="K36336" s="2">
        <v>0</v>
      </c>
      <c r="L36336" t="s">
        <v>120</v>
      </c>
      <c r="M36336" t="s">
        <v>89</v>
      </c>
      <c r="N36336" t="s">
        <v>90</v>
      </c>
      <c r="O36336" t="s">
        <v>85</v>
      </c>
      <c r="P36336" t="s">
        <v>86</v>
      </c>
      <c r="Q36336">
        <v>33</v>
      </c>
      <c r="R36336">
        <v>34</v>
      </c>
      <c r="S36336">
        <v>35</v>
      </c>
      <c r="T36336">
        <v>36</v>
      </c>
      <c r="U36336">
        <v>37</v>
      </c>
      <c r="V36336">
        <v>38</v>
      </c>
      <c r="W36336">
        <v>39</v>
      </c>
      <c r="X36336">
        <v>40</v>
      </c>
      <c r="Y36336">
        <v>41</v>
      </c>
      <c r="Z36336">
        <v>41</v>
      </c>
      <c r="AA36336">
        <v>42</v>
      </c>
      <c r="AB36336">
        <v>43</v>
      </c>
      <c r="AC36336">
        <v>44</v>
      </c>
      <c r="AD36336">
        <v>45</v>
      </c>
      <c r="AE36336">
        <v>45</v>
      </c>
      <c r="AF36336">
        <v>46</v>
      </c>
      <c r="AG36336">
        <v>46</v>
      </c>
      <c r="AH36336">
        <v>46</v>
      </c>
      <c r="AI36336">
        <v>47</v>
      </c>
      <c r="AJ36336">
        <v>47</v>
      </c>
      <c r="AK36336">
        <v>47</v>
      </c>
      <c r="AL36336">
        <v>48</v>
      </c>
      <c r="AM36336">
        <v>48</v>
      </c>
      <c r="AN36336">
        <v>48</v>
      </c>
      <c r="AO36336">
        <v>48</v>
      </c>
      <c r="AP36336">
        <v>49</v>
      </c>
      <c r="AQ36336">
        <v>49</v>
      </c>
    </row>
    <row r="36337" spans="1:43">
      <c r="A36337" t="s">
        <v>22521</v>
      </c>
      <c r="B36337" t="s">
        <v>22522</v>
      </c>
      <c r="C36337" t="s">
        <v>22447</v>
      </c>
      <c r="D36337" t="s">
        <v>22448</v>
      </c>
      <c r="E36337" t="s">
        <v>22205</v>
      </c>
      <c r="F36337" t="s">
        <v>22206</v>
      </c>
      <c r="G36337" t="s">
        <v>20255</v>
      </c>
      <c r="H36337" t="s">
        <v>20256</v>
      </c>
      <c r="I36337" s="2">
        <v>1</v>
      </c>
      <c r="J36337" s="2">
        <v>0</v>
      </c>
      <c r="K36337" s="2">
        <v>0</v>
      </c>
      <c r="L36337" t="s">
        <v>120</v>
      </c>
      <c r="M36337" t="s">
        <v>83</v>
      </c>
      <c r="N36337" t="s">
        <v>91</v>
      </c>
      <c r="O36337" t="s">
        <v>85</v>
      </c>
      <c r="P36337" t="s">
        <v>86</v>
      </c>
      <c r="Q36337">
        <v>33</v>
      </c>
      <c r="R36337">
        <v>34</v>
      </c>
      <c r="S36337">
        <v>34</v>
      </c>
      <c r="T36337">
        <v>35</v>
      </c>
      <c r="U36337">
        <v>36</v>
      </c>
      <c r="V36337">
        <v>36</v>
      </c>
      <c r="W36337">
        <v>37</v>
      </c>
      <c r="X36337">
        <v>38</v>
      </c>
      <c r="Y36337">
        <v>38</v>
      </c>
      <c r="Z36337">
        <v>39</v>
      </c>
      <c r="AA36337">
        <v>40</v>
      </c>
      <c r="AB36337">
        <v>40</v>
      </c>
      <c r="AC36337">
        <v>41</v>
      </c>
      <c r="AD36337">
        <v>42</v>
      </c>
      <c r="AE36337">
        <v>42</v>
      </c>
      <c r="AF36337">
        <v>43</v>
      </c>
      <c r="AG36337">
        <v>44</v>
      </c>
      <c r="AH36337">
        <v>44</v>
      </c>
      <c r="AI36337">
        <v>45</v>
      </c>
      <c r="AJ36337">
        <v>46</v>
      </c>
      <c r="AK36337">
        <v>47</v>
      </c>
      <c r="AL36337">
        <v>47</v>
      </c>
      <c r="AM36337">
        <v>47</v>
      </c>
      <c r="AN36337">
        <v>48</v>
      </c>
      <c r="AO36337">
        <v>48</v>
      </c>
      <c r="AP36337">
        <v>48</v>
      </c>
      <c r="AQ36337">
        <v>49</v>
      </c>
    </row>
    <row r="36338" spans="1:43">
      <c r="A36338" t="s">
        <v>22523</v>
      </c>
      <c r="B36338" t="s">
        <v>22524</v>
      </c>
      <c r="C36338" t="s">
        <v>22453</v>
      </c>
      <c r="D36338" t="s">
        <v>22454</v>
      </c>
      <c r="E36338" t="s">
        <v>22205</v>
      </c>
      <c r="F36338" t="s">
        <v>22206</v>
      </c>
      <c r="G36338" t="s">
        <v>20255</v>
      </c>
      <c r="H36338" t="s">
        <v>20256</v>
      </c>
      <c r="I36338" s="2">
        <v>1</v>
      </c>
      <c r="J36338" s="2">
        <v>0</v>
      </c>
      <c r="K36338" s="2">
        <v>0</v>
      </c>
      <c r="L36338" t="s">
        <v>120</v>
      </c>
      <c r="M36338" t="s">
        <v>83</v>
      </c>
      <c r="N36338" t="s">
        <v>84</v>
      </c>
      <c r="O36338" t="s">
        <v>85</v>
      </c>
      <c r="P36338" t="s">
        <v>86</v>
      </c>
      <c r="Q36338">
        <v>8</v>
      </c>
      <c r="R36338">
        <v>8</v>
      </c>
      <c r="S36338">
        <v>8</v>
      </c>
      <c r="T36338">
        <v>9</v>
      </c>
      <c r="U36338">
        <v>9</v>
      </c>
      <c r="V36338">
        <v>9</v>
      </c>
      <c r="W36338">
        <v>9</v>
      </c>
      <c r="X36338">
        <v>9</v>
      </c>
      <c r="Y36338">
        <v>9</v>
      </c>
      <c r="Z36338">
        <v>9</v>
      </c>
      <c r="AA36338">
        <v>10</v>
      </c>
      <c r="AB36338">
        <v>10</v>
      </c>
      <c r="AC36338">
        <v>10</v>
      </c>
      <c r="AD36338">
        <v>10</v>
      </c>
      <c r="AE36338">
        <v>10</v>
      </c>
      <c r="AF36338">
        <v>10</v>
      </c>
      <c r="AG36338">
        <v>11</v>
      </c>
      <c r="AH36338">
        <v>11</v>
      </c>
      <c r="AI36338">
        <v>11</v>
      </c>
      <c r="AJ36338">
        <v>11</v>
      </c>
      <c r="AK36338">
        <v>11</v>
      </c>
      <c r="AL36338">
        <v>11</v>
      </c>
      <c r="AM36338">
        <v>12</v>
      </c>
      <c r="AN36338">
        <v>12</v>
      </c>
      <c r="AO36338">
        <v>12</v>
      </c>
      <c r="AP36338">
        <v>12</v>
      </c>
      <c r="AQ36338">
        <v>12</v>
      </c>
    </row>
    <row r="36339" spans="1:43">
      <c r="A36339" t="s">
        <v>22523</v>
      </c>
      <c r="B36339" t="s">
        <v>22524</v>
      </c>
      <c r="C36339" t="s">
        <v>22453</v>
      </c>
      <c r="D36339" t="s">
        <v>22454</v>
      </c>
      <c r="E36339" t="s">
        <v>22205</v>
      </c>
      <c r="F36339" t="s">
        <v>22206</v>
      </c>
      <c r="G36339" t="s">
        <v>20255</v>
      </c>
      <c r="H36339" t="s">
        <v>20256</v>
      </c>
      <c r="I36339" s="2">
        <v>1</v>
      </c>
      <c r="J36339" s="2">
        <v>0</v>
      </c>
      <c r="K36339" s="2">
        <v>0</v>
      </c>
      <c r="L36339" t="s">
        <v>120</v>
      </c>
      <c r="M36339" t="s">
        <v>87</v>
      </c>
      <c r="N36339" t="s">
        <v>88</v>
      </c>
      <c r="O36339" t="s">
        <v>85</v>
      </c>
      <c r="P36339" t="s">
        <v>86</v>
      </c>
      <c r="Q36339">
        <v>8</v>
      </c>
      <c r="R36339">
        <v>8</v>
      </c>
      <c r="S36339">
        <v>8</v>
      </c>
      <c r="T36339">
        <v>8</v>
      </c>
      <c r="U36339">
        <v>8</v>
      </c>
      <c r="V36339">
        <v>8</v>
      </c>
      <c r="W36339">
        <v>8</v>
      </c>
      <c r="X36339">
        <v>9</v>
      </c>
      <c r="Y36339">
        <v>9</v>
      </c>
      <c r="Z36339">
        <v>9</v>
      </c>
      <c r="AA36339">
        <v>9</v>
      </c>
      <c r="AB36339">
        <v>9</v>
      </c>
      <c r="AC36339">
        <v>9</v>
      </c>
      <c r="AD36339">
        <v>9</v>
      </c>
      <c r="AE36339">
        <v>9</v>
      </c>
      <c r="AF36339">
        <v>9</v>
      </c>
      <c r="AG36339">
        <v>9</v>
      </c>
      <c r="AH36339">
        <v>9</v>
      </c>
      <c r="AI36339">
        <v>10</v>
      </c>
      <c r="AJ36339">
        <v>10</v>
      </c>
      <c r="AK36339">
        <v>10</v>
      </c>
      <c r="AL36339">
        <v>10</v>
      </c>
      <c r="AM36339">
        <v>10</v>
      </c>
      <c r="AN36339">
        <v>10</v>
      </c>
      <c r="AO36339">
        <v>10</v>
      </c>
      <c r="AP36339">
        <v>10</v>
      </c>
      <c r="AQ36339">
        <v>10</v>
      </c>
    </row>
    <row r="36340" spans="1:43">
      <c r="A36340" t="s">
        <v>22523</v>
      </c>
      <c r="B36340" t="s">
        <v>22524</v>
      </c>
      <c r="C36340" t="s">
        <v>22453</v>
      </c>
      <c r="D36340" t="s">
        <v>22454</v>
      </c>
      <c r="E36340" t="s">
        <v>22205</v>
      </c>
      <c r="F36340" t="s">
        <v>22206</v>
      </c>
      <c r="G36340" t="s">
        <v>20255</v>
      </c>
      <c r="H36340" t="s">
        <v>20256</v>
      </c>
      <c r="I36340" s="2">
        <v>1</v>
      </c>
      <c r="J36340" s="2">
        <v>0</v>
      </c>
      <c r="K36340" s="2">
        <v>0</v>
      </c>
      <c r="L36340" t="s">
        <v>120</v>
      </c>
      <c r="M36340" t="s">
        <v>89</v>
      </c>
      <c r="N36340" t="s">
        <v>90</v>
      </c>
      <c r="O36340" t="s">
        <v>85</v>
      </c>
      <c r="P36340" t="s">
        <v>86</v>
      </c>
      <c r="Q36340">
        <v>8</v>
      </c>
      <c r="R36340">
        <v>8</v>
      </c>
      <c r="S36340">
        <v>9</v>
      </c>
      <c r="T36340">
        <v>9</v>
      </c>
      <c r="U36340">
        <v>9</v>
      </c>
      <c r="V36340">
        <v>9</v>
      </c>
      <c r="W36340">
        <v>9</v>
      </c>
      <c r="X36340">
        <v>10</v>
      </c>
      <c r="Y36340">
        <v>10</v>
      </c>
      <c r="Z36340">
        <v>10</v>
      </c>
      <c r="AA36340">
        <v>10</v>
      </c>
      <c r="AB36340">
        <v>10</v>
      </c>
      <c r="AC36340">
        <v>11</v>
      </c>
      <c r="AD36340">
        <v>11</v>
      </c>
      <c r="AE36340">
        <v>11</v>
      </c>
      <c r="AF36340">
        <v>11</v>
      </c>
      <c r="AG36340">
        <v>11</v>
      </c>
      <c r="AH36340">
        <v>11</v>
      </c>
      <c r="AI36340">
        <v>11</v>
      </c>
      <c r="AJ36340">
        <v>11</v>
      </c>
      <c r="AK36340">
        <v>11</v>
      </c>
      <c r="AL36340">
        <v>12</v>
      </c>
      <c r="AM36340">
        <v>12</v>
      </c>
      <c r="AN36340">
        <v>12</v>
      </c>
      <c r="AO36340">
        <v>12</v>
      </c>
      <c r="AP36340">
        <v>12</v>
      </c>
      <c r="AQ36340">
        <v>12</v>
      </c>
    </row>
    <row r="36341" spans="1:43">
      <c r="A36341" t="s">
        <v>22523</v>
      </c>
      <c r="B36341" t="s">
        <v>22524</v>
      </c>
      <c r="C36341" t="s">
        <v>22453</v>
      </c>
      <c r="D36341" t="s">
        <v>22454</v>
      </c>
      <c r="E36341" t="s">
        <v>22205</v>
      </c>
      <c r="F36341" t="s">
        <v>22206</v>
      </c>
      <c r="G36341" t="s">
        <v>20255</v>
      </c>
      <c r="H36341" t="s">
        <v>20256</v>
      </c>
      <c r="I36341" s="2">
        <v>1</v>
      </c>
      <c r="J36341" s="2">
        <v>0</v>
      </c>
      <c r="K36341" s="2">
        <v>0</v>
      </c>
      <c r="L36341" t="s">
        <v>120</v>
      </c>
      <c r="M36341" t="s">
        <v>83</v>
      </c>
      <c r="N36341" t="s">
        <v>91</v>
      </c>
      <c r="O36341" t="s">
        <v>85</v>
      </c>
      <c r="P36341" t="s">
        <v>86</v>
      </c>
      <c r="Q36341">
        <v>8</v>
      </c>
      <c r="R36341">
        <v>8</v>
      </c>
      <c r="S36341">
        <v>8</v>
      </c>
      <c r="T36341">
        <v>9</v>
      </c>
      <c r="U36341">
        <v>9</v>
      </c>
      <c r="V36341">
        <v>9</v>
      </c>
      <c r="W36341">
        <v>9</v>
      </c>
      <c r="X36341">
        <v>9</v>
      </c>
      <c r="Y36341">
        <v>9</v>
      </c>
      <c r="Z36341">
        <v>9</v>
      </c>
      <c r="AA36341">
        <v>10</v>
      </c>
      <c r="AB36341">
        <v>10</v>
      </c>
      <c r="AC36341">
        <v>10</v>
      </c>
      <c r="AD36341">
        <v>10</v>
      </c>
      <c r="AE36341">
        <v>10</v>
      </c>
      <c r="AF36341">
        <v>10</v>
      </c>
      <c r="AG36341">
        <v>11</v>
      </c>
      <c r="AH36341">
        <v>11</v>
      </c>
      <c r="AI36341">
        <v>11</v>
      </c>
      <c r="AJ36341">
        <v>11</v>
      </c>
      <c r="AK36341">
        <v>11</v>
      </c>
      <c r="AL36341">
        <v>11</v>
      </c>
      <c r="AM36341">
        <v>12</v>
      </c>
      <c r="AN36341">
        <v>12</v>
      </c>
      <c r="AO36341">
        <v>12</v>
      </c>
      <c r="AP36341">
        <v>12</v>
      </c>
      <c r="AQ36341">
        <v>12</v>
      </c>
    </row>
    <row r="36342" spans="1:43">
      <c r="A36342" t="s">
        <v>22525</v>
      </c>
      <c r="B36342" t="s">
        <v>22526</v>
      </c>
      <c r="C36342" t="s">
        <v>22371</v>
      </c>
      <c r="D36342" t="s">
        <v>22372</v>
      </c>
      <c r="E36342" t="s">
        <v>22205</v>
      </c>
      <c r="F36342" t="s">
        <v>22206</v>
      </c>
      <c r="G36342" t="s">
        <v>20255</v>
      </c>
      <c r="H36342" t="s">
        <v>20256</v>
      </c>
      <c r="I36342" s="2">
        <v>1</v>
      </c>
      <c r="J36342" s="2">
        <v>0</v>
      </c>
      <c r="K36342" s="2">
        <v>0</v>
      </c>
      <c r="L36342" t="s">
        <v>120</v>
      </c>
      <c r="M36342" t="s">
        <v>83</v>
      </c>
      <c r="N36342" t="s">
        <v>84</v>
      </c>
      <c r="O36342" t="s">
        <v>85</v>
      </c>
      <c r="P36342" t="s">
        <v>86</v>
      </c>
      <c r="Q36342">
        <v>7</v>
      </c>
      <c r="R36342">
        <v>7</v>
      </c>
      <c r="S36342">
        <v>7</v>
      </c>
      <c r="T36342">
        <v>7</v>
      </c>
      <c r="U36342">
        <v>7</v>
      </c>
      <c r="V36342">
        <v>7</v>
      </c>
      <c r="W36342">
        <v>8</v>
      </c>
      <c r="X36342">
        <v>8</v>
      </c>
      <c r="Y36342">
        <v>8</v>
      </c>
      <c r="Z36342">
        <v>8</v>
      </c>
      <c r="AA36342">
        <v>8</v>
      </c>
      <c r="AB36342">
        <v>8</v>
      </c>
      <c r="AC36342">
        <v>8</v>
      </c>
      <c r="AD36342">
        <v>9</v>
      </c>
      <c r="AE36342">
        <v>9</v>
      </c>
      <c r="AF36342">
        <v>9</v>
      </c>
      <c r="AG36342">
        <v>9</v>
      </c>
      <c r="AH36342">
        <v>9</v>
      </c>
      <c r="AI36342">
        <v>9</v>
      </c>
      <c r="AJ36342">
        <v>9</v>
      </c>
      <c r="AK36342">
        <v>10</v>
      </c>
      <c r="AL36342">
        <v>10</v>
      </c>
      <c r="AM36342">
        <v>10</v>
      </c>
      <c r="AN36342">
        <v>10</v>
      </c>
      <c r="AO36342">
        <v>10</v>
      </c>
      <c r="AP36342">
        <v>10</v>
      </c>
      <c r="AQ36342">
        <v>10</v>
      </c>
    </row>
    <row r="36343" spans="1:43">
      <c r="A36343" t="s">
        <v>22525</v>
      </c>
      <c r="B36343" t="s">
        <v>22526</v>
      </c>
      <c r="C36343" t="s">
        <v>22371</v>
      </c>
      <c r="D36343" t="s">
        <v>22372</v>
      </c>
      <c r="E36343" t="s">
        <v>22205</v>
      </c>
      <c r="F36343" t="s">
        <v>22206</v>
      </c>
      <c r="G36343" t="s">
        <v>20255</v>
      </c>
      <c r="H36343" t="s">
        <v>20256</v>
      </c>
      <c r="I36343" s="2">
        <v>1</v>
      </c>
      <c r="J36343" s="2">
        <v>0</v>
      </c>
      <c r="K36343" s="2">
        <v>0</v>
      </c>
      <c r="L36343" t="s">
        <v>120</v>
      </c>
      <c r="M36343" t="s">
        <v>87</v>
      </c>
      <c r="N36343" t="s">
        <v>88</v>
      </c>
      <c r="O36343" t="s">
        <v>85</v>
      </c>
      <c r="P36343" t="s">
        <v>86</v>
      </c>
      <c r="Q36343">
        <v>7</v>
      </c>
      <c r="R36343">
        <v>7</v>
      </c>
      <c r="S36343">
        <v>7</v>
      </c>
      <c r="T36343">
        <v>7</v>
      </c>
      <c r="U36343">
        <v>7</v>
      </c>
      <c r="V36343">
        <v>7</v>
      </c>
      <c r="W36343">
        <v>7</v>
      </c>
      <c r="X36343">
        <v>7</v>
      </c>
      <c r="Y36343">
        <v>7</v>
      </c>
      <c r="Z36343">
        <v>7</v>
      </c>
      <c r="AA36343">
        <v>7</v>
      </c>
      <c r="AB36343">
        <v>7</v>
      </c>
      <c r="AC36343">
        <v>8</v>
      </c>
      <c r="AD36343">
        <v>8</v>
      </c>
      <c r="AE36343">
        <v>8</v>
      </c>
      <c r="AF36343">
        <v>8</v>
      </c>
      <c r="AG36343">
        <v>8</v>
      </c>
      <c r="AH36343">
        <v>8</v>
      </c>
      <c r="AI36343">
        <v>8</v>
      </c>
      <c r="AJ36343">
        <v>8</v>
      </c>
      <c r="AK36343">
        <v>8</v>
      </c>
      <c r="AL36343">
        <v>8</v>
      </c>
      <c r="AM36343">
        <v>8</v>
      </c>
      <c r="AN36343">
        <v>8</v>
      </c>
      <c r="AO36343">
        <v>8</v>
      </c>
      <c r="AP36343">
        <v>8</v>
      </c>
      <c r="AQ36343">
        <v>9</v>
      </c>
    </row>
    <row r="36344" spans="1:43">
      <c r="A36344" t="s">
        <v>22525</v>
      </c>
      <c r="B36344" t="s">
        <v>22526</v>
      </c>
      <c r="C36344" t="s">
        <v>22371</v>
      </c>
      <c r="D36344" t="s">
        <v>22372</v>
      </c>
      <c r="E36344" t="s">
        <v>22205</v>
      </c>
      <c r="F36344" t="s">
        <v>22206</v>
      </c>
      <c r="G36344" t="s">
        <v>20255</v>
      </c>
      <c r="H36344" t="s">
        <v>20256</v>
      </c>
      <c r="I36344" s="2">
        <v>1</v>
      </c>
      <c r="J36344" s="2">
        <v>0</v>
      </c>
      <c r="K36344" s="2">
        <v>0</v>
      </c>
      <c r="L36344" t="s">
        <v>120</v>
      </c>
      <c r="M36344" t="s">
        <v>89</v>
      </c>
      <c r="N36344" t="s">
        <v>90</v>
      </c>
      <c r="O36344" t="s">
        <v>85</v>
      </c>
      <c r="P36344" t="s">
        <v>86</v>
      </c>
      <c r="Q36344">
        <v>7</v>
      </c>
      <c r="R36344">
        <v>7</v>
      </c>
      <c r="S36344">
        <v>7</v>
      </c>
      <c r="T36344">
        <v>7</v>
      </c>
      <c r="U36344">
        <v>8</v>
      </c>
      <c r="V36344">
        <v>8</v>
      </c>
      <c r="W36344">
        <v>8</v>
      </c>
      <c r="X36344">
        <v>8</v>
      </c>
      <c r="Y36344">
        <v>8</v>
      </c>
      <c r="Z36344">
        <v>8</v>
      </c>
      <c r="AA36344">
        <v>9</v>
      </c>
      <c r="AB36344">
        <v>9</v>
      </c>
      <c r="AC36344">
        <v>9</v>
      </c>
      <c r="AD36344">
        <v>9</v>
      </c>
      <c r="AE36344">
        <v>9</v>
      </c>
      <c r="AF36344">
        <v>9</v>
      </c>
      <c r="AG36344">
        <v>9</v>
      </c>
      <c r="AH36344">
        <v>9</v>
      </c>
      <c r="AI36344">
        <v>9</v>
      </c>
      <c r="AJ36344">
        <v>10</v>
      </c>
      <c r="AK36344">
        <v>10</v>
      </c>
      <c r="AL36344">
        <v>10</v>
      </c>
      <c r="AM36344">
        <v>10</v>
      </c>
      <c r="AN36344">
        <v>10</v>
      </c>
      <c r="AO36344">
        <v>10</v>
      </c>
      <c r="AP36344">
        <v>10</v>
      </c>
      <c r="AQ36344">
        <v>10</v>
      </c>
    </row>
    <row r="36345" spans="1:43">
      <c r="A36345" t="s">
        <v>22525</v>
      </c>
      <c r="B36345" t="s">
        <v>22526</v>
      </c>
      <c r="C36345" t="s">
        <v>22371</v>
      </c>
      <c r="D36345" t="s">
        <v>22372</v>
      </c>
      <c r="E36345" t="s">
        <v>22205</v>
      </c>
      <c r="F36345" t="s">
        <v>22206</v>
      </c>
      <c r="G36345" t="s">
        <v>20255</v>
      </c>
      <c r="H36345" t="s">
        <v>20256</v>
      </c>
      <c r="I36345" s="2">
        <v>1</v>
      </c>
      <c r="J36345" s="2">
        <v>0</v>
      </c>
      <c r="K36345" s="2">
        <v>0</v>
      </c>
      <c r="L36345" t="s">
        <v>120</v>
      </c>
      <c r="M36345" t="s">
        <v>83</v>
      </c>
      <c r="N36345" t="s">
        <v>91</v>
      </c>
      <c r="O36345" t="s">
        <v>85</v>
      </c>
      <c r="P36345" t="s">
        <v>86</v>
      </c>
      <c r="Q36345">
        <v>7</v>
      </c>
      <c r="R36345">
        <v>7</v>
      </c>
      <c r="S36345">
        <v>7</v>
      </c>
      <c r="T36345">
        <v>7</v>
      </c>
      <c r="U36345">
        <v>7</v>
      </c>
      <c r="V36345">
        <v>7</v>
      </c>
      <c r="W36345">
        <v>8</v>
      </c>
      <c r="X36345">
        <v>8</v>
      </c>
      <c r="Y36345">
        <v>8</v>
      </c>
      <c r="Z36345">
        <v>8</v>
      </c>
      <c r="AA36345">
        <v>8</v>
      </c>
      <c r="AB36345">
        <v>8</v>
      </c>
      <c r="AC36345">
        <v>8</v>
      </c>
      <c r="AD36345">
        <v>9</v>
      </c>
      <c r="AE36345">
        <v>9</v>
      </c>
      <c r="AF36345">
        <v>9</v>
      </c>
      <c r="AG36345">
        <v>9</v>
      </c>
      <c r="AH36345">
        <v>9</v>
      </c>
      <c r="AI36345">
        <v>9</v>
      </c>
      <c r="AJ36345">
        <v>9</v>
      </c>
      <c r="AK36345">
        <v>10</v>
      </c>
      <c r="AL36345">
        <v>10</v>
      </c>
      <c r="AM36345">
        <v>10</v>
      </c>
      <c r="AN36345">
        <v>10</v>
      </c>
      <c r="AO36345">
        <v>10</v>
      </c>
      <c r="AP36345">
        <v>10</v>
      </c>
      <c r="AQ36345">
        <v>10</v>
      </c>
    </row>
    <row r="36346" spans="1:43">
      <c r="A36346" t="s">
        <v>22527</v>
      </c>
      <c r="B36346" t="s">
        <v>22528</v>
      </c>
      <c r="C36346" t="s">
        <v>22371</v>
      </c>
      <c r="D36346" t="s">
        <v>22372</v>
      </c>
      <c r="E36346" t="s">
        <v>22205</v>
      </c>
      <c r="F36346" t="s">
        <v>22206</v>
      </c>
      <c r="G36346" t="s">
        <v>20255</v>
      </c>
      <c r="H36346" t="s">
        <v>20256</v>
      </c>
      <c r="I36346" s="2">
        <v>1</v>
      </c>
      <c r="J36346" s="2">
        <v>0</v>
      </c>
      <c r="K36346" s="2">
        <v>0</v>
      </c>
      <c r="L36346" t="s">
        <v>120</v>
      </c>
      <c r="M36346" t="s">
        <v>83</v>
      </c>
      <c r="N36346" t="s">
        <v>84</v>
      </c>
      <c r="O36346" t="s">
        <v>85</v>
      </c>
      <c r="P36346" t="s">
        <v>86</v>
      </c>
      <c r="Q36346">
        <v>27</v>
      </c>
      <c r="R36346">
        <v>28</v>
      </c>
      <c r="S36346">
        <v>28</v>
      </c>
      <c r="T36346">
        <v>29</v>
      </c>
      <c r="U36346">
        <v>29</v>
      </c>
      <c r="V36346">
        <v>30</v>
      </c>
      <c r="W36346">
        <v>30</v>
      </c>
      <c r="X36346">
        <v>31</v>
      </c>
      <c r="Y36346">
        <v>31</v>
      </c>
      <c r="Z36346">
        <v>32</v>
      </c>
      <c r="AA36346">
        <v>32</v>
      </c>
      <c r="AB36346">
        <v>33</v>
      </c>
      <c r="AC36346">
        <v>33</v>
      </c>
      <c r="AD36346">
        <v>34</v>
      </c>
      <c r="AE36346">
        <v>35</v>
      </c>
      <c r="AF36346">
        <v>35</v>
      </c>
      <c r="AG36346">
        <v>36</v>
      </c>
      <c r="AH36346">
        <v>36</v>
      </c>
      <c r="AI36346">
        <v>37</v>
      </c>
      <c r="AJ36346">
        <v>37</v>
      </c>
      <c r="AK36346">
        <v>38</v>
      </c>
      <c r="AL36346">
        <v>38</v>
      </c>
      <c r="AM36346">
        <v>39</v>
      </c>
      <c r="AN36346">
        <v>39</v>
      </c>
      <c r="AO36346">
        <v>39</v>
      </c>
      <c r="AP36346">
        <v>39</v>
      </c>
      <c r="AQ36346">
        <v>39</v>
      </c>
    </row>
    <row r="36347" spans="1:43">
      <c r="A36347" t="s">
        <v>22527</v>
      </c>
      <c r="B36347" t="s">
        <v>22528</v>
      </c>
      <c r="C36347" t="s">
        <v>22371</v>
      </c>
      <c r="D36347" t="s">
        <v>22372</v>
      </c>
      <c r="E36347" t="s">
        <v>22205</v>
      </c>
      <c r="F36347" t="s">
        <v>22206</v>
      </c>
      <c r="G36347" t="s">
        <v>20255</v>
      </c>
      <c r="H36347" t="s">
        <v>20256</v>
      </c>
      <c r="I36347" s="2">
        <v>1</v>
      </c>
      <c r="J36347" s="2">
        <v>0</v>
      </c>
      <c r="K36347" s="2">
        <v>0</v>
      </c>
      <c r="L36347" t="s">
        <v>120</v>
      </c>
      <c r="M36347" t="s">
        <v>87</v>
      </c>
      <c r="N36347" t="s">
        <v>88</v>
      </c>
      <c r="O36347" t="s">
        <v>85</v>
      </c>
      <c r="P36347" t="s">
        <v>86</v>
      </c>
      <c r="Q36347">
        <v>27</v>
      </c>
      <c r="R36347">
        <v>27</v>
      </c>
      <c r="S36347">
        <v>27</v>
      </c>
      <c r="T36347">
        <v>28</v>
      </c>
      <c r="U36347">
        <v>28</v>
      </c>
      <c r="V36347">
        <v>28</v>
      </c>
      <c r="W36347">
        <v>28</v>
      </c>
      <c r="X36347">
        <v>29</v>
      </c>
      <c r="Y36347">
        <v>29</v>
      </c>
      <c r="Z36347">
        <v>29</v>
      </c>
      <c r="AA36347">
        <v>29</v>
      </c>
      <c r="AB36347">
        <v>30</v>
      </c>
      <c r="AC36347">
        <v>30</v>
      </c>
      <c r="AD36347">
        <v>30</v>
      </c>
      <c r="AE36347">
        <v>31</v>
      </c>
      <c r="AF36347">
        <v>31</v>
      </c>
      <c r="AG36347">
        <v>31</v>
      </c>
      <c r="AH36347">
        <v>31</v>
      </c>
      <c r="AI36347">
        <v>32</v>
      </c>
      <c r="AJ36347">
        <v>32</v>
      </c>
      <c r="AK36347">
        <v>32</v>
      </c>
      <c r="AL36347">
        <v>33</v>
      </c>
      <c r="AM36347">
        <v>33</v>
      </c>
      <c r="AN36347">
        <v>33</v>
      </c>
      <c r="AO36347">
        <v>33</v>
      </c>
      <c r="AP36347">
        <v>34</v>
      </c>
      <c r="AQ36347">
        <v>34</v>
      </c>
    </row>
    <row r="36348" spans="1:43">
      <c r="A36348" t="s">
        <v>22527</v>
      </c>
      <c r="B36348" t="s">
        <v>22528</v>
      </c>
      <c r="C36348" t="s">
        <v>22371</v>
      </c>
      <c r="D36348" t="s">
        <v>22372</v>
      </c>
      <c r="E36348" t="s">
        <v>22205</v>
      </c>
      <c r="F36348" t="s">
        <v>22206</v>
      </c>
      <c r="G36348" t="s">
        <v>20255</v>
      </c>
      <c r="H36348" t="s">
        <v>20256</v>
      </c>
      <c r="I36348" s="2">
        <v>1</v>
      </c>
      <c r="J36348" s="2">
        <v>0</v>
      </c>
      <c r="K36348" s="2">
        <v>0</v>
      </c>
      <c r="L36348" t="s">
        <v>120</v>
      </c>
      <c r="M36348" t="s">
        <v>89</v>
      </c>
      <c r="N36348" t="s">
        <v>90</v>
      </c>
      <c r="O36348" t="s">
        <v>85</v>
      </c>
      <c r="P36348" t="s">
        <v>86</v>
      </c>
      <c r="Q36348">
        <v>27</v>
      </c>
      <c r="R36348">
        <v>28</v>
      </c>
      <c r="S36348">
        <v>29</v>
      </c>
      <c r="T36348">
        <v>30</v>
      </c>
      <c r="U36348">
        <v>30</v>
      </c>
      <c r="V36348">
        <v>31</v>
      </c>
      <c r="W36348">
        <v>32</v>
      </c>
      <c r="X36348">
        <v>33</v>
      </c>
      <c r="Y36348">
        <v>33</v>
      </c>
      <c r="Z36348">
        <v>34</v>
      </c>
      <c r="AA36348">
        <v>35</v>
      </c>
      <c r="AB36348">
        <v>35</v>
      </c>
      <c r="AC36348">
        <v>36</v>
      </c>
      <c r="AD36348">
        <v>37</v>
      </c>
      <c r="AE36348">
        <v>37</v>
      </c>
      <c r="AF36348">
        <v>37</v>
      </c>
      <c r="AG36348">
        <v>38</v>
      </c>
      <c r="AH36348">
        <v>38</v>
      </c>
      <c r="AI36348">
        <v>38</v>
      </c>
      <c r="AJ36348">
        <v>38</v>
      </c>
      <c r="AK36348">
        <v>38</v>
      </c>
      <c r="AL36348">
        <v>39</v>
      </c>
      <c r="AM36348">
        <v>39</v>
      </c>
      <c r="AN36348">
        <v>39</v>
      </c>
      <c r="AO36348">
        <v>39</v>
      </c>
      <c r="AP36348">
        <v>39</v>
      </c>
      <c r="AQ36348">
        <v>40</v>
      </c>
    </row>
    <row r="36349" spans="1:43">
      <c r="A36349" t="s">
        <v>22527</v>
      </c>
      <c r="B36349" t="s">
        <v>22528</v>
      </c>
      <c r="C36349" t="s">
        <v>22371</v>
      </c>
      <c r="D36349" t="s">
        <v>22372</v>
      </c>
      <c r="E36349" t="s">
        <v>22205</v>
      </c>
      <c r="F36349" t="s">
        <v>22206</v>
      </c>
      <c r="G36349" t="s">
        <v>20255</v>
      </c>
      <c r="H36349" t="s">
        <v>20256</v>
      </c>
      <c r="I36349" s="2">
        <v>1</v>
      </c>
      <c r="J36349" s="2">
        <v>0</v>
      </c>
      <c r="K36349" s="2">
        <v>0</v>
      </c>
      <c r="L36349" t="s">
        <v>120</v>
      </c>
      <c r="M36349" t="s">
        <v>83</v>
      </c>
      <c r="N36349" t="s">
        <v>91</v>
      </c>
      <c r="O36349" t="s">
        <v>85</v>
      </c>
      <c r="P36349" t="s">
        <v>86</v>
      </c>
      <c r="Q36349">
        <v>27</v>
      </c>
      <c r="R36349">
        <v>28</v>
      </c>
      <c r="S36349">
        <v>28</v>
      </c>
      <c r="T36349">
        <v>29</v>
      </c>
      <c r="U36349">
        <v>29</v>
      </c>
      <c r="V36349">
        <v>30</v>
      </c>
      <c r="W36349">
        <v>30</v>
      </c>
      <c r="X36349">
        <v>31</v>
      </c>
      <c r="Y36349">
        <v>31</v>
      </c>
      <c r="Z36349">
        <v>32</v>
      </c>
      <c r="AA36349">
        <v>32</v>
      </c>
      <c r="AB36349">
        <v>33</v>
      </c>
      <c r="AC36349">
        <v>33</v>
      </c>
      <c r="AD36349">
        <v>34</v>
      </c>
      <c r="AE36349">
        <v>35</v>
      </c>
      <c r="AF36349">
        <v>35</v>
      </c>
      <c r="AG36349">
        <v>36</v>
      </c>
      <c r="AH36349">
        <v>36</v>
      </c>
      <c r="AI36349">
        <v>37</v>
      </c>
      <c r="AJ36349">
        <v>37</v>
      </c>
      <c r="AK36349">
        <v>38</v>
      </c>
      <c r="AL36349">
        <v>38</v>
      </c>
      <c r="AM36349">
        <v>39</v>
      </c>
      <c r="AN36349">
        <v>39</v>
      </c>
      <c r="AO36349">
        <v>39</v>
      </c>
      <c r="AP36349">
        <v>39</v>
      </c>
      <c r="AQ36349">
        <v>39</v>
      </c>
    </row>
    <row r="36350" spans="1:43">
      <c r="A36350" t="s">
        <v>22529</v>
      </c>
      <c r="B36350" t="s">
        <v>22530</v>
      </c>
      <c r="C36350" t="s">
        <v>22371</v>
      </c>
      <c r="D36350" t="s">
        <v>22372</v>
      </c>
      <c r="E36350" t="s">
        <v>22205</v>
      </c>
      <c r="F36350" t="s">
        <v>22206</v>
      </c>
      <c r="G36350" t="s">
        <v>20255</v>
      </c>
      <c r="H36350" t="s">
        <v>20256</v>
      </c>
      <c r="I36350" s="2">
        <v>1</v>
      </c>
      <c r="J36350" s="2">
        <v>0</v>
      </c>
      <c r="K36350" s="2">
        <v>0</v>
      </c>
      <c r="L36350" t="s">
        <v>120</v>
      </c>
      <c r="M36350" t="s">
        <v>83</v>
      </c>
      <c r="N36350" t="s">
        <v>84</v>
      </c>
      <c r="O36350" t="s">
        <v>85</v>
      </c>
      <c r="P36350" t="s">
        <v>86</v>
      </c>
      <c r="Q36350">
        <v>19</v>
      </c>
      <c r="R36350">
        <v>20</v>
      </c>
      <c r="S36350">
        <v>20</v>
      </c>
      <c r="T36350">
        <v>20</v>
      </c>
      <c r="U36350">
        <v>21</v>
      </c>
      <c r="V36350">
        <v>21</v>
      </c>
      <c r="W36350">
        <v>22</v>
      </c>
      <c r="X36350">
        <v>22</v>
      </c>
      <c r="Y36350">
        <v>22</v>
      </c>
      <c r="Z36350">
        <v>23</v>
      </c>
      <c r="AA36350">
        <v>23</v>
      </c>
      <c r="AB36350">
        <v>23</v>
      </c>
      <c r="AC36350">
        <v>24</v>
      </c>
      <c r="AD36350">
        <v>24</v>
      </c>
      <c r="AE36350">
        <v>25</v>
      </c>
      <c r="AF36350">
        <v>25</v>
      </c>
      <c r="AG36350">
        <v>25</v>
      </c>
      <c r="AH36350">
        <v>26</v>
      </c>
      <c r="AI36350">
        <v>26</v>
      </c>
      <c r="AJ36350">
        <v>27</v>
      </c>
      <c r="AK36350">
        <v>27</v>
      </c>
      <c r="AL36350">
        <v>27</v>
      </c>
      <c r="AM36350">
        <v>27</v>
      </c>
      <c r="AN36350">
        <v>28</v>
      </c>
      <c r="AO36350">
        <v>28</v>
      </c>
      <c r="AP36350">
        <v>28</v>
      </c>
      <c r="AQ36350">
        <v>28</v>
      </c>
    </row>
    <row r="36351" spans="1:43">
      <c r="A36351" t="s">
        <v>22529</v>
      </c>
      <c r="B36351" t="s">
        <v>22530</v>
      </c>
      <c r="C36351" t="s">
        <v>22371</v>
      </c>
      <c r="D36351" t="s">
        <v>22372</v>
      </c>
      <c r="E36351" t="s">
        <v>22205</v>
      </c>
      <c r="F36351" t="s">
        <v>22206</v>
      </c>
      <c r="G36351" t="s">
        <v>20255</v>
      </c>
      <c r="H36351" t="s">
        <v>20256</v>
      </c>
      <c r="I36351" s="2">
        <v>1</v>
      </c>
      <c r="J36351" s="2">
        <v>0</v>
      </c>
      <c r="K36351" s="2">
        <v>0</v>
      </c>
      <c r="L36351" t="s">
        <v>120</v>
      </c>
      <c r="M36351" t="s">
        <v>87</v>
      </c>
      <c r="N36351" t="s">
        <v>88</v>
      </c>
      <c r="O36351" t="s">
        <v>85</v>
      </c>
      <c r="P36351" t="s">
        <v>86</v>
      </c>
      <c r="Q36351">
        <v>19</v>
      </c>
      <c r="R36351">
        <v>19</v>
      </c>
      <c r="S36351">
        <v>20</v>
      </c>
      <c r="T36351">
        <v>20</v>
      </c>
      <c r="U36351">
        <v>20</v>
      </c>
      <c r="V36351">
        <v>20</v>
      </c>
      <c r="W36351">
        <v>20</v>
      </c>
      <c r="X36351">
        <v>20</v>
      </c>
      <c r="Y36351">
        <v>21</v>
      </c>
      <c r="Z36351">
        <v>21</v>
      </c>
      <c r="AA36351">
        <v>21</v>
      </c>
      <c r="AB36351">
        <v>21</v>
      </c>
      <c r="AC36351">
        <v>21</v>
      </c>
      <c r="AD36351">
        <v>22</v>
      </c>
      <c r="AE36351">
        <v>22</v>
      </c>
      <c r="AF36351">
        <v>22</v>
      </c>
      <c r="AG36351">
        <v>22</v>
      </c>
      <c r="AH36351">
        <v>22</v>
      </c>
      <c r="AI36351">
        <v>23</v>
      </c>
      <c r="AJ36351">
        <v>23</v>
      </c>
      <c r="AK36351">
        <v>23</v>
      </c>
      <c r="AL36351">
        <v>23</v>
      </c>
      <c r="AM36351">
        <v>23</v>
      </c>
      <c r="AN36351">
        <v>24</v>
      </c>
      <c r="AO36351">
        <v>24</v>
      </c>
      <c r="AP36351">
        <v>24</v>
      </c>
      <c r="AQ36351">
        <v>24</v>
      </c>
    </row>
    <row r="36352" spans="1:43">
      <c r="A36352" t="s">
        <v>22529</v>
      </c>
      <c r="B36352" t="s">
        <v>22530</v>
      </c>
      <c r="C36352" t="s">
        <v>22371</v>
      </c>
      <c r="D36352" t="s">
        <v>22372</v>
      </c>
      <c r="E36352" t="s">
        <v>22205</v>
      </c>
      <c r="F36352" t="s">
        <v>22206</v>
      </c>
      <c r="G36352" t="s">
        <v>20255</v>
      </c>
      <c r="H36352" t="s">
        <v>20256</v>
      </c>
      <c r="I36352" s="2">
        <v>1</v>
      </c>
      <c r="J36352" s="2">
        <v>0</v>
      </c>
      <c r="K36352" s="2">
        <v>0</v>
      </c>
      <c r="L36352" t="s">
        <v>120</v>
      </c>
      <c r="M36352" t="s">
        <v>89</v>
      </c>
      <c r="N36352" t="s">
        <v>90</v>
      </c>
      <c r="O36352" t="s">
        <v>85</v>
      </c>
      <c r="P36352" t="s">
        <v>86</v>
      </c>
      <c r="Q36352">
        <v>19</v>
      </c>
      <c r="R36352">
        <v>19</v>
      </c>
      <c r="S36352">
        <v>20</v>
      </c>
      <c r="T36352">
        <v>20</v>
      </c>
      <c r="U36352">
        <v>21</v>
      </c>
      <c r="V36352">
        <v>21</v>
      </c>
      <c r="W36352">
        <v>22</v>
      </c>
      <c r="X36352">
        <v>22</v>
      </c>
      <c r="Y36352">
        <v>23</v>
      </c>
      <c r="Z36352">
        <v>23</v>
      </c>
      <c r="AA36352">
        <v>24</v>
      </c>
      <c r="AB36352">
        <v>24</v>
      </c>
      <c r="AC36352">
        <v>25</v>
      </c>
      <c r="AD36352">
        <v>25</v>
      </c>
      <c r="AE36352">
        <v>25</v>
      </c>
      <c r="AF36352">
        <v>26</v>
      </c>
      <c r="AG36352">
        <v>26</v>
      </c>
      <c r="AH36352">
        <v>26</v>
      </c>
      <c r="AI36352">
        <v>26</v>
      </c>
      <c r="AJ36352">
        <v>26</v>
      </c>
      <c r="AK36352">
        <v>26</v>
      </c>
      <c r="AL36352">
        <v>26</v>
      </c>
      <c r="AM36352">
        <v>27</v>
      </c>
      <c r="AN36352">
        <v>27</v>
      </c>
      <c r="AO36352">
        <v>27</v>
      </c>
      <c r="AP36352">
        <v>27</v>
      </c>
      <c r="AQ36352">
        <v>27</v>
      </c>
    </row>
    <row r="36353" spans="1:43">
      <c r="A36353" t="s">
        <v>22529</v>
      </c>
      <c r="B36353" t="s">
        <v>22530</v>
      </c>
      <c r="C36353" t="s">
        <v>22371</v>
      </c>
      <c r="D36353" t="s">
        <v>22372</v>
      </c>
      <c r="E36353" t="s">
        <v>22205</v>
      </c>
      <c r="F36353" t="s">
        <v>22206</v>
      </c>
      <c r="G36353" t="s">
        <v>20255</v>
      </c>
      <c r="H36353" t="s">
        <v>20256</v>
      </c>
      <c r="I36353" s="2">
        <v>1</v>
      </c>
      <c r="J36353" s="2">
        <v>0</v>
      </c>
      <c r="K36353" s="2">
        <v>0</v>
      </c>
      <c r="L36353" t="s">
        <v>120</v>
      </c>
      <c r="M36353" t="s">
        <v>83</v>
      </c>
      <c r="N36353" t="s">
        <v>91</v>
      </c>
      <c r="O36353" t="s">
        <v>85</v>
      </c>
      <c r="P36353" t="s">
        <v>86</v>
      </c>
      <c r="Q36353">
        <v>19</v>
      </c>
      <c r="R36353">
        <v>20</v>
      </c>
      <c r="S36353">
        <v>20</v>
      </c>
      <c r="T36353">
        <v>20</v>
      </c>
      <c r="U36353">
        <v>21</v>
      </c>
      <c r="V36353">
        <v>21</v>
      </c>
      <c r="W36353">
        <v>22</v>
      </c>
      <c r="X36353">
        <v>22</v>
      </c>
      <c r="Y36353">
        <v>22</v>
      </c>
      <c r="Z36353">
        <v>23</v>
      </c>
      <c r="AA36353">
        <v>23</v>
      </c>
      <c r="AB36353">
        <v>23</v>
      </c>
      <c r="AC36353">
        <v>24</v>
      </c>
      <c r="AD36353">
        <v>24</v>
      </c>
      <c r="AE36353">
        <v>25</v>
      </c>
      <c r="AF36353">
        <v>25</v>
      </c>
      <c r="AG36353">
        <v>25</v>
      </c>
      <c r="AH36353">
        <v>26</v>
      </c>
      <c r="AI36353">
        <v>26</v>
      </c>
      <c r="AJ36353">
        <v>27</v>
      </c>
      <c r="AK36353">
        <v>27</v>
      </c>
      <c r="AL36353">
        <v>27</v>
      </c>
      <c r="AM36353">
        <v>27</v>
      </c>
      <c r="AN36353">
        <v>28</v>
      </c>
      <c r="AO36353">
        <v>28</v>
      </c>
      <c r="AP36353">
        <v>28</v>
      </c>
      <c r="AQ36353">
        <v>28</v>
      </c>
    </row>
    <row r="36354" spans="1:43">
      <c r="A36354" t="s">
        <v>22531</v>
      </c>
      <c r="B36354" t="s">
        <v>22532</v>
      </c>
      <c r="C36354" t="s">
        <v>22509</v>
      </c>
      <c r="D36354" t="s">
        <v>22510</v>
      </c>
      <c r="E36354" t="s">
        <v>22205</v>
      </c>
      <c r="F36354" t="s">
        <v>22206</v>
      </c>
      <c r="G36354" t="s">
        <v>20255</v>
      </c>
      <c r="H36354" t="s">
        <v>20256</v>
      </c>
      <c r="I36354" s="2">
        <v>1</v>
      </c>
      <c r="J36354" s="2">
        <v>0</v>
      </c>
      <c r="K36354" s="2">
        <v>0</v>
      </c>
      <c r="L36354" t="s">
        <v>120</v>
      </c>
      <c r="M36354" t="s">
        <v>83</v>
      </c>
      <c r="N36354" t="s">
        <v>84</v>
      </c>
      <c r="O36354" t="s">
        <v>85</v>
      </c>
      <c r="P36354" t="s">
        <v>86</v>
      </c>
      <c r="Q36354">
        <v>75</v>
      </c>
      <c r="R36354">
        <v>76</v>
      </c>
      <c r="S36354">
        <v>78</v>
      </c>
      <c r="T36354">
        <v>79</v>
      </c>
      <c r="U36354">
        <v>81</v>
      </c>
      <c r="V36354">
        <v>82</v>
      </c>
      <c r="W36354">
        <v>83</v>
      </c>
      <c r="X36354">
        <v>85</v>
      </c>
      <c r="Y36354">
        <v>86</v>
      </c>
      <c r="Z36354">
        <v>88</v>
      </c>
      <c r="AA36354">
        <v>89</v>
      </c>
      <c r="AB36354">
        <v>91</v>
      </c>
      <c r="AC36354">
        <v>92</v>
      </c>
      <c r="AD36354">
        <v>94</v>
      </c>
      <c r="AE36354">
        <v>96</v>
      </c>
      <c r="AF36354">
        <v>97</v>
      </c>
      <c r="AG36354">
        <v>99</v>
      </c>
      <c r="AH36354">
        <v>100</v>
      </c>
      <c r="AI36354">
        <v>102</v>
      </c>
      <c r="AJ36354">
        <v>104</v>
      </c>
      <c r="AK36354">
        <v>105</v>
      </c>
      <c r="AL36354">
        <v>106</v>
      </c>
      <c r="AM36354">
        <v>107</v>
      </c>
      <c r="AN36354">
        <v>108</v>
      </c>
      <c r="AO36354">
        <v>108</v>
      </c>
      <c r="AP36354">
        <v>109</v>
      </c>
      <c r="AQ36354">
        <v>110</v>
      </c>
    </row>
    <row r="36355" spans="1:43">
      <c r="A36355" t="s">
        <v>22531</v>
      </c>
      <c r="B36355" t="s">
        <v>22532</v>
      </c>
      <c r="C36355" t="s">
        <v>22509</v>
      </c>
      <c r="D36355" t="s">
        <v>22510</v>
      </c>
      <c r="E36355" t="s">
        <v>22205</v>
      </c>
      <c r="F36355" t="s">
        <v>22206</v>
      </c>
      <c r="G36355" t="s">
        <v>20255</v>
      </c>
      <c r="H36355" t="s">
        <v>20256</v>
      </c>
      <c r="I36355" s="2">
        <v>1</v>
      </c>
      <c r="J36355" s="2">
        <v>0</v>
      </c>
      <c r="K36355" s="2">
        <v>0</v>
      </c>
      <c r="L36355" t="s">
        <v>120</v>
      </c>
      <c r="M36355" t="s">
        <v>87</v>
      </c>
      <c r="N36355" t="s">
        <v>88</v>
      </c>
      <c r="O36355" t="s">
        <v>85</v>
      </c>
      <c r="P36355" t="s">
        <v>86</v>
      </c>
      <c r="Q36355">
        <v>75</v>
      </c>
      <c r="R36355">
        <v>76</v>
      </c>
      <c r="S36355">
        <v>76</v>
      </c>
      <c r="T36355">
        <v>77</v>
      </c>
      <c r="U36355">
        <v>78</v>
      </c>
      <c r="V36355">
        <v>79</v>
      </c>
      <c r="W36355">
        <v>79</v>
      </c>
      <c r="X36355">
        <v>80</v>
      </c>
      <c r="Y36355">
        <v>81</v>
      </c>
      <c r="Z36355">
        <v>82</v>
      </c>
      <c r="AA36355">
        <v>82</v>
      </c>
      <c r="AB36355">
        <v>83</v>
      </c>
      <c r="AC36355">
        <v>84</v>
      </c>
      <c r="AD36355">
        <v>85</v>
      </c>
      <c r="AE36355">
        <v>86</v>
      </c>
      <c r="AF36355">
        <v>86</v>
      </c>
      <c r="AG36355">
        <v>87</v>
      </c>
      <c r="AH36355">
        <v>88</v>
      </c>
      <c r="AI36355">
        <v>89</v>
      </c>
      <c r="AJ36355">
        <v>90</v>
      </c>
      <c r="AK36355">
        <v>91</v>
      </c>
      <c r="AL36355">
        <v>92</v>
      </c>
      <c r="AM36355">
        <v>92</v>
      </c>
      <c r="AN36355">
        <v>93</v>
      </c>
      <c r="AO36355">
        <v>94</v>
      </c>
      <c r="AP36355">
        <v>95</v>
      </c>
      <c r="AQ36355">
        <v>96</v>
      </c>
    </row>
    <row r="36356" spans="1:43">
      <c r="A36356" t="s">
        <v>22531</v>
      </c>
      <c r="B36356" t="s">
        <v>22532</v>
      </c>
      <c r="C36356" t="s">
        <v>22509</v>
      </c>
      <c r="D36356" t="s">
        <v>22510</v>
      </c>
      <c r="E36356" t="s">
        <v>22205</v>
      </c>
      <c r="F36356" t="s">
        <v>22206</v>
      </c>
      <c r="G36356" t="s">
        <v>20255</v>
      </c>
      <c r="H36356" t="s">
        <v>20256</v>
      </c>
      <c r="I36356" s="2">
        <v>1</v>
      </c>
      <c r="J36356" s="2">
        <v>0</v>
      </c>
      <c r="K36356" s="2">
        <v>0</v>
      </c>
      <c r="L36356" t="s">
        <v>120</v>
      </c>
      <c r="M36356" t="s">
        <v>89</v>
      </c>
      <c r="N36356" t="s">
        <v>90</v>
      </c>
      <c r="O36356" t="s">
        <v>85</v>
      </c>
      <c r="P36356" t="s">
        <v>86</v>
      </c>
      <c r="Q36356">
        <v>75</v>
      </c>
      <c r="R36356">
        <v>77</v>
      </c>
      <c r="S36356">
        <v>80</v>
      </c>
      <c r="T36356">
        <v>82</v>
      </c>
      <c r="U36356">
        <v>84</v>
      </c>
      <c r="V36356">
        <v>86</v>
      </c>
      <c r="W36356">
        <v>88</v>
      </c>
      <c r="X36356">
        <v>90</v>
      </c>
      <c r="Y36356">
        <v>91</v>
      </c>
      <c r="Z36356">
        <v>93</v>
      </c>
      <c r="AA36356">
        <v>95</v>
      </c>
      <c r="AB36356">
        <v>97</v>
      </c>
      <c r="AC36356">
        <v>99</v>
      </c>
      <c r="AD36356">
        <v>101</v>
      </c>
      <c r="AE36356">
        <v>103</v>
      </c>
      <c r="AF36356">
        <v>103</v>
      </c>
      <c r="AG36356">
        <v>104</v>
      </c>
      <c r="AH36356">
        <v>105</v>
      </c>
      <c r="AI36356">
        <v>105</v>
      </c>
      <c r="AJ36356">
        <v>106</v>
      </c>
      <c r="AK36356">
        <v>107</v>
      </c>
      <c r="AL36356">
        <v>107</v>
      </c>
      <c r="AM36356">
        <v>108</v>
      </c>
      <c r="AN36356">
        <v>109</v>
      </c>
      <c r="AO36356">
        <v>109</v>
      </c>
      <c r="AP36356">
        <v>110</v>
      </c>
      <c r="AQ36356">
        <v>111</v>
      </c>
    </row>
    <row r="36357" spans="1:43">
      <c r="A36357" t="s">
        <v>22531</v>
      </c>
      <c r="B36357" t="s">
        <v>22532</v>
      </c>
      <c r="C36357" t="s">
        <v>22509</v>
      </c>
      <c r="D36357" t="s">
        <v>22510</v>
      </c>
      <c r="E36357" t="s">
        <v>22205</v>
      </c>
      <c r="F36357" t="s">
        <v>22206</v>
      </c>
      <c r="G36357" t="s">
        <v>20255</v>
      </c>
      <c r="H36357" t="s">
        <v>20256</v>
      </c>
      <c r="I36357" s="2">
        <v>1</v>
      </c>
      <c r="J36357" s="2">
        <v>0</v>
      </c>
      <c r="K36357" s="2">
        <v>0</v>
      </c>
      <c r="L36357" t="s">
        <v>120</v>
      </c>
      <c r="M36357" t="s">
        <v>83</v>
      </c>
      <c r="N36357" t="s">
        <v>91</v>
      </c>
      <c r="O36357" t="s">
        <v>85</v>
      </c>
      <c r="P36357" t="s">
        <v>86</v>
      </c>
      <c r="Q36357">
        <v>75</v>
      </c>
      <c r="R36357">
        <v>76</v>
      </c>
      <c r="S36357">
        <v>78</v>
      </c>
      <c r="T36357">
        <v>79</v>
      </c>
      <c r="U36357">
        <v>81</v>
      </c>
      <c r="V36357">
        <v>82</v>
      </c>
      <c r="W36357">
        <v>83</v>
      </c>
      <c r="X36357">
        <v>85</v>
      </c>
      <c r="Y36357">
        <v>86</v>
      </c>
      <c r="Z36357">
        <v>88</v>
      </c>
      <c r="AA36357">
        <v>89</v>
      </c>
      <c r="AB36357">
        <v>91</v>
      </c>
      <c r="AC36357">
        <v>92</v>
      </c>
      <c r="AD36357">
        <v>94</v>
      </c>
      <c r="AE36357">
        <v>96</v>
      </c>
      <c r="AF36357">
        <v>97</v>
      </c>
      <c r="AG36357">
        <v>99</v>
      </c>
      <c r="AH36357">
        <v>100</v>
      </c>
      <c r="AI36357">
        <v>102</v>
      </c>
      <c r="AJ36357">
        <v>104</v>
      </c>
      <c r="AK36357">
        <v>105</v>
      </c>
      <c r="AL36357">
        <v>106</v>
      </c>
      <c r="AM36357">
        <v>107</v>
      </c>
      <c r="AN36357">
        <v>108</v>
      </c>
      <c r="AO36357">
        <v>108</v>
      </c>
      <c r="AP36357">
        <v>109</v>
      </c>
      <c r="AQ36357">
        <v>110</v>
      </c>
    </row>
    <row r="36358" spans="1:43">
      <c r="A36358" t="s">
        <v>22533</v>
      </c>
      <c r="B36358" t="s">
        <v>22534</v>
      </c>
      <c r="C36358" t="s">
        <v>22535</v>
      </c>
      <c r="D36358" t="s">
        <v>22536</v>
      </c>
      <c r="E36358" t="s">
        <v>22537</v>
      </c>
      <c r="F36358" t="s">
        <v>22538</v>
      </c>
      <c r="G36358" t="s">
        <v>22539</v>
      </c>
      <c r="H36358" t="s">
        <v>22540</v>
      </c>
      <c r="I36358" s="2">
        <v>0</v>
      </c>
      <c r="J36358" s="2">
        <v>0</v>
      </c>
      <c r="K36358" s="2">
        <v>1</v>
      </c>
      <c r="L36358" t="s">
        <v>995</v>
      </c>
      <c r="M36358" t="s">
        <v>83</v>
      </c>
      <c r="N36358" t="s">
        <v>84</v>
      </c>
      <c r="O36358" t="s">
        <v>85</v>
      </c>
      <c r="P36358" t="s">
        <v>86</v>
      </c>
      <c r="Q36358">
        <v>22</v>
      </c>
      <c r="R36358">
        <v>22</v>
      </c>
      <c r="S36358">
        <v>22</v>
      </c>
      <c r="T36358">
        <v>22</v>
      </c>
      <c r="U36358">
        <v>23</v>
      </c>
      <c r="V36358">
        <v>23</v>
      </c>
      <c r="W36358">
        <v>23</v>
      </c>
      <c r="X36358">
        <v>23</v>
      </c>
      <c r="Y36358">
        <v>24</v>
      </c>
      <c r="Z36358">
        <v>24</v>
      </c>
      <c r="AA36358">
        <v>24</v>
      </c>
      <c r="AB36358">
        <v>24</v>
      </c>
      <c r="AC36358">
        <v>25</v>
      </c>
      <c r="AD36358">
        <v>25</v>
      </c>
      <c r="AE36358">
        <v>25</v>
      </c>
      <c r="AF36358">
        <v>25</v>
      </c>
      <c r="AG36358">
        <v>26</v>
      </c>
      <c r="AH36358">
        <v>26</v>
      </c>
      <c r="AI36358">
        <v>26</v>
      </c>
      <c r="AJ36358">
        <v>26</v>
      </c>
      <c r="AK36358">
        <v>26</v>
      </c>
      <c r="AL36358">
        <v>26</v>
      </c>
      <c r="AM36358">
        <v>26</v>
      </c>
      <c r="AN36358">
        <v>26</v>
      </c>
      <c r="AO36358">
        <v>26</v>
      </c>
      <c r="AP36358">
        <v>26</v>
      </c>
      <c r="AQ36358">
        <v>26</v>
      </c>
    </row>
    <row r="36359" spans="1:43">
      <c r="A36359" t="s">
        <v>22533</v>
      </c>
      <c r="B36359" t="s">
        <v>22534</v>
      </c>
      <c r="C36359" t="s">
        <v>22535</v>
      </c>
      <c r="D36359" t="s">
        <v>22536</v>
      </c>
      <c r="E36359" t="s">
        <v>22537</v>
      </c>
      <c r="F36359" t="s">
        <v>22538</v>
      </c>
      <c r="G36359" t="s">
        <v>22539</v>
      </c>
      <c r="H36359" t="s">
        <v>22540</v>
      </c>
      <c r="I36359" s="2">
        <v>0</v>
      </c>
      <c r="J36359" s="2">
        <v>0</v>
      </c>
      <c r="K36359" s="2">
        <v>1</v>
      </c>
      <c r="L36359" t="s">
        <v>995</v>
      </c>
      <c r="M36359" t="s">
        <v>87</v>
      </c>
      <c r="N36359" t="s">
        <v>88</v>
      </c>
      <c r="O36359" t="s">
        <v>85</v>
      </c>
      <c r="P36359" t="s">
        <v>86</v>
      </c>
      <c r="Q36359">
        <v>22</v>
      </c>
      <c r="R36359">
        <v>22</v>
      </c>
      <c r="S36359">
        <v>22</v>
      </c>
      <c r="T36359">
        <v>23</v>
      </c>
      <c r="U36359">
        <v>23</v>
      </c>
      <c r="V36359">
        <v>23</v>
      </c>
      <c r="W36359">
        <v>23</v>
      </c>
      <c r="X36359">
        <v>23</v>
      </c>
      <c r="Y36359">
        <v>23</v>
      </c>
      <c r="Z36359">
        <v>23</v>
      </c>
      <c r="AA36359">
        <v>23</v>
      </c>
      <c r="AB36359">
        <v>23</v>
      </c>
      <c r="AC36359">
        <v>23</v>
      </c>
      <c r="AD36359">
        <v>23</v>
      </c>
      <c r="AE36359">
        <v>23</v>
      </c>
      <c r="AF36359">
        <v>23</v>
      </c>
      <c r="AG36359">
        <v>23</v>
      </c>
      <c r="AH36359">
        <v>23</v>
      </c>
      <c r="AI36359">
        <v>24</v>
      </c>
      <c r="AJ36359">
        <v>24</v>
      </c>
      <c r="AK36359">
        <v>24</v>
      </c>
      <c r="AL36359">
        <v>24</v>
      </c>
      <c r="AM36359">
        <v>24</v>
      </c>
      <c r="AN36359">
        <v>24</v>
      </c>
      <c r="AO36359">
        <v>24</v>
      </c>
      <c r="AP36359">
        <v>24</v>
      </c>
      <c r="AQ36359">
        <v>24</v>
      </c>
    </row>
    <row r="36360" spans="1:43">
      <c r="A36360" t="s">
        <v>22533</v>
      </c>
      <c r="B36360" t="s">
        <v>22534</v>
      </c>
      <c r="C36360" t="s">
        <v>22535</v>
      </c>
      <c r="D36360" t="s">
        <v>22536</v>
      </c>
      <c r="E36360" t="s">
        <v>22537</v>
      </c>
      <c r="F36360" t="s">
        <v>22538</v>
      </c>
      <c r="G36360" t="s">
        <v>22539</v>
      </c>
      <c r="H36360" t="s">
        <v>22540</v>
      </c>
      <c r="I36360" s="2">
        <v>0</v>
      </c>
      <c r="J36360" s="2">
        <v>0</v>
      </c>
      <c r="K36360" s="2">
        <v>1</v>
      </c>
      <c r="L36360" t="s">
        <v>995</v>
      </c>
      <c r="M36360" t="s">
        <v>89</v>
      </c>
      <c r="N36360" t="s">
        <v>90</v>
      </c>
      <c r="O36360" t="s">
        <v>85</v>
      </c>
      <c r="P36360" t="s">
        <v>86</v>
      </c>
      <c r="Q36360">
        <v>22</v>
      </c>
      <c r="R36360">
        <v>22</v>
      </c>
      <c r="S36360">
        <v>23</v>
      </c>
      <c r="T36360">
        <v>23</v>
      </c>
      <c r="U36360">
        <v>24</v>
      </c>
      <c r="V36360">
        <v>24</v>
      </c>
      <c r="W36360">
        <v>24</v>
      </c>
      <c r="X36360">
        <v>25</v>
      </c>
      <c r="Y36360">
        <v>25</v>
      </c>
      <c r="Z36360">
        <v>25</v>
      </c>
      <c r="AA36360">
        <v>26</v>
      </c>
      <c r="AB36360">
        <v>26</v>
      </c>
      <c r="AC36360">
        <v>26</v>
      </c>
      <c r="AD36360">
        <v>27</v>
      </c>
      <c r="AE36360">
        <v>27</v>
      </c>
      <c r="AF36360">
        <v>27</v>
      </c>
      <c r="AG36360">
        <v>27</v>
      </c>
      <c r="AH36360">
        <v>27</v>
      </c>
      <c r="AI36360">
        <v>27</v>
      </c>
      <c r="AJ36360">
        <v>27</v>
      </c>
      <c r="AK36360">
        <v>27</v>
      </c>
      <c r="AL36360">
        <v>27</v>
      </c>
      <c r="AM36360">
        <v>27</v>
      </c>
      <c r="AN36360">
        <v>27</v>
      </c>
      <c r="AO36360">
        <v>26</v>
      </c>
      <c r="AP36360">
        <v>26</v>
      </c>
      <c r="AQ36360">
        <v>26</v>
      </c>
    </row>
    <row r="36361" spans="1:43">
      <c r="A36361" t="s">
        <v>22533</v>
      </c>
      <c r="B36361" t="s">
        <v>22534</v>
      </c>
      <c r="C36361" t="s">
        <v>22535</v>
      </c>
      <c r="D36361" t="s">
        <v>22536</v>
      </c>
      <c r="E36361" t="s">
        <v>22537</v>
      </c>
      <c r="F36361" t="s">
        <v>22538</v>
      </c>
      <c r="G36361" t="s">
        <v>22539</v>
      </c>
      <c r="H36361" t="s">
        <v>22540</v>
      </c>
      <c r="I36361" s="2">
        <v>0</v>
      </c>
      <c r="J36361" s="2">
        <v>0</v>
      </c>
      <c r="K36361" s="2">
        <v>1</v>
      </c>
      <c r="L36361" t="s">
        <v>995</v>
      </c>
      <c r="M36361" t="s">
        <v>83</v>
      </c>
      <c r="N36361" t="s">
        <v>91</v>
      </c>
      <c r="O36361" t="s">
        <v>85</v>
      </c>
      <c r="P36361" t="s">
        <v>86</v>
      </c>
      <c r="Q36361">
        <v>22</v>
      </c>
      <c r="R36361">
        <v>22</v>
      </c>
      <c r="S36361">
        <v>22</v>
      </c>
      <c r="T36361">
        <v>22</v>
      </c>
      <c r="U36361">
        <v>23</v>
      </c>
      <c r="V36361">
        <v>23</v>
      </c>
      <c r="W36361">
        <v>23</v>
      </c>
      <c r="X36361">
        <v>23</v>
      </c>
      <c r="Y36361">
        <v>24</v>
      </c>
      <c r="Z36361">
        <v>24</v>
      </c>
      <c r="AA36361">
        <v>24</v>
      </c>
      <c r="AB36361">
        <v>24</v>
      </c>
      <c r="AC36361">
        <v>25</v>
      </c>
      <c r="AD36361">
        <v>25</v>
      </c>
      <c r="AE36361">
        <v>25</v>
      </c>
      <c r="AF36361">
        <v>25</v>
      </c>
      <c r="AG36361">
        <v>26</v>
      </c>
      <c r="AH36361">
        <v>26</v>
      </c>
      <c r="AI36361">
        <v>26</v>
      </c>
      <c r="AJ36361">
        <v>26</v>
      </c>
      <c r="AK36361">
        <v>26</v>
      </c>
      <c r="AL36361">
        <v>26</v>
      </c>
      <c r="AM36361">
        <v>26</v>
      </c>
      <c r="AN36361">
        <v>26</v>
      </c>
      <c r="AO36361">
        <v>26</v>
      </c>
      <c r="AP36361">
        <v>26</v>
      </c>
      <c r="AQ36361">
        <v>26</v>
      </c>
    </row>
    <row r="36362" spans="1:43">
      <c r="A36362" t="s">
        <v>22541</v>
      </c>
      <c r="B36362" t="s">
        <v>22542</v>
      </c>
      <c r="C36362" t="s">
        <v>22535</v>
      </c>
      <c r="D36362" t="s">
        <v>22536</v>
      </c>
      <c r="E36362" t="s">
        <v>22537</v>
      </c>
      <c r="F36362" t="s">
        <v>22538</v>
      </c>
      <c r="G36362" t="s">
        <v>22539</v>
      </c>
      <c r="H36362" t="s">
        <v>22540</v>
      </c>
      <c r="I36362" s="2">
        <v>0</v>
      </c>
      <c r="J36362" s="2">
        <v>0</v>
      </c>
      <c r="K36362" s="2">
        <v>1</v>
      </c>
      <c r="L36362" t="s">
        <v>995</v>
      </c>
      <c r="M36362" t="s">
        <v>83</v>
      </c>
      <c r="N36362" t="s">
        <v>84</v>
      </c>
      <c r="O36362" t="s">
        <v>85</v>
      </c>
      <c r="P36362" t="s">
        <v>86</v>
      </c>
      <c r="Q36362">
        <v>49</v>
      </c>
      <c r="R36362">
        <v>50</v>
      </c>
      <c r="S36362">
        <v>51</v>
      </c>
      <c r="T36362">
        <v>51</v>
      </c>
      <c r="U36362">
        <v>52</v>
      </c>
      <c r="V36362">
        <v>53</v>
      </c>
      <c r="W36362">
        <v>53</v>
      </c>
      <c r="X36362">
        <v>54</v>
      </c>
      <c r="Y36362">
        <v>54</v>
      </c>
      <c r="Z36362">
        <v>55</v>
      </c>
      <c r="AA36362">
        <v>56</v>
      </c>
      <c r="AB36362">
        <v>56</v>
      </c>
      <c r="AC36362">
        <v>57</v>
      </c>
      <c r="AD36362">
        <v>57</v>
      </c>
      <c r="AE36362">
        <v>58</v>
      </c>
      <c r="AF36362">
        <v>58</v>
      </c>
      <c r="AG36362">
        <v>59</v>
      </c>
      <c r="AH36362">
        <v>59</v>
      </c>
      <c r="AI36362">
        <v>60</v>
      </c>
      <c r="AJ36362">
        <v>60</v>
      </c>
      <c r="AK36362">
        <v>61</v>
      </c>
      <c r="AL36362">
        <v>61</v>
      </c>
      <c r="AM36362">
        <v>61</v>
      </c>
      <c r="AN36362">
        <v>61</v>
      </c>
      <c r="AO36362">
        <v>60</v>
      </c>
      <c r="AP36362">
        <v>60</v>
      </c>
      <c r="AQ36362">
        <v>60</v>
      </c>
    </row>
    <row r="36363" spans="1:43">
      <c r="A36363" t="s">
        <v>22541</v>
      </c>
      <c r="B36363" t="s">
        <v>22542</v>
      </c>
      <c r="C36363" t="s">
        <v>22535</v>
      </c>
      <c r="D36363" t="s">
        <v>22536</v>
      </c>
      <c r="E36363" t="s">
        <v>22537</v>
      </c>
      <c r="F36363" t="s">
        <v>22538</v>
      </c>
      <c r="G36363" t="s">
        <v>22539</v>
      </c>
      <c r="H36363" t="s">
        <v>22540</v>
      </c>
      <c r="I36363" s="2">
        <v>0</v>
      </c>
      <c r="J36363" s="2">
        <v>0</v>
      </c>
      <c r="K36363" s="2">
        <v>1</v>
      </c>
      <c r="L36363" t="s">
        <v>995</v>
      </c>
      <c r="M36363" t="s">
        <v>87</v>
      </c>
      <c r="N36363" t="s">
        <v>88</v>
      </c>
      <c r="O36363" t="s">
        <v>85</v>
      </c>
      <c r="P36363" t="s">
        <v>86</v>
      </c>
      <c r="Q36363">
        <v>49</v>
      </c>
      <c r="R36363">
        <v>49</v>
      </c>
      <c r="S36363">
        <v>49</v>
      </c>
      <c r="T36363">
        <v>50</v>
      </c>
      <c r="U36363">
        <v>50</v>
      </c>
      <c r="V36363">
        <v>50</v>
      </c>
      <c r="W36363">
        <v>50</v>
      </c>
      <c r="X36363">
        <v>50</v>
      </c>
      <c r="Y36363">
        <v>50</v>
      </c>
      <c r="Z36363">
        <v>51</v>
      </c>
      <c r="AA36363">
        <v>51</v>
      </c>
      <c r="AB36363">
        <v>51</v>
      </c>
      <c r="AC36363">
        <v>51</v>
      </c>
      <c r="AD36363">
        <v>51</v>
      </c>
      <c r="AE36363">
        <v>51</v>
      </c>
      <c r="AF36363">
        <v>51</v>
      </c>
      <c r="AG36363">
        <v>51</v>
      </c>
      <c r="AH36363">
        <v>52</v>
      </c>
      <c r="AI36363">
        <v>52</v>
      </c>
      <c r="AJ36363">
        <v>52</v>
      </c>
      <c r="AK36363">
        <v>52</v>
      </c>
      <c r="AL36363">
        <v>52</v>
      </c>
      <c r="AM36363">
        <v>52</v>
      </c>
      <c r="AN36363">
        <v>52</v>
      </c>
      <c r="AO36363">
        <v>52</v>
      </c>
      <c r="AP36363">
        <v>52</v>
      </c>
      <c r="AQ36363">
        <v>52</v>
      </c>
    </row>
    <row r="36364" spans="1:43">
      <c r="A36364" t="s">
        <v>22541</v>
      </c>
      <c r="B36364" t="s">
        <v>22542</v>
      </c>
      <c r="C36364" t="s">
        <v>22535</v>
      </c>
      <c r="D36364" t="s">
        <v>22536</v>
      </c>
      <c r="E36364" t="s">
        <v>22537</v>
      </c>
      <c r="F36364" t="s">
        <v>22538</v>
      </c>
      <c r="G36364" t="s">
        <v>22539</v>
      </c>
      <c r="H36364" t="s">
        <v>22540</v>
      </c>
      <c r="I36364" s="2">
        <v>0</v>
      </c>
      <c r="J36364" s="2">
        <v>0</v>
      </c>
      <c r="K36364" s="2">
        <v>1</v>
      </c>
      <c r="L36364" t="s">
        <v>995</v>
      </c>
      <c r="M36364" t="s">
        <v>89</v>
      </c>
      <c r="N36364" t="s">
        <v>90</v>
      </c>
      <c r="O36364" t="s">
        <v>85</v>
      </c>
      <c r="P36364" t="s">
        <v>86</v>
      </c>
      <c r="Q36364">
        <v>49</v>
      </c>
      <c r="R36364">
        <v>50</v>
      </c>
      <c r="S36364">
        <v>51</v>
      </c>
      <c r="T36364">
        <v>52</v>
      </c>
      <c r="U36364">
        <v>53</v>
      </c>
      <c r="V36364">
        <v>54</v>
      </c>
      <c r="W36364">
        <v>55</v>
      </c>
      <c r="X36364">
        <v>56</v>
      </c>
      <c r="Y36364">
        <v>57</v>
      </c>
      <c r="Z36364">
        <v>57</v>
      </c>
      <c r="AA36364">
        <v>58</v>
      </c>
      <c r="AB36364">
        <v>59</v>
      </c>
      <c r="AC36364">
        <v>60</v>
      </c>
      <c r="AD36364">
        <v>60</v>
      </c>
      <c r="AE36364">
        <v>61</v>
      </c>
      <c r="AF36364">
        <v>61</v>
      </c>
      <c r="AG36364">
        <v>61</v>
      </c>
      <c r="AH36364">
        <v>61</v>
      </c>
      <c r="AI36364">
        <v>60</v>
      </c>
      <c r="AJ36364">
        <v>60</v>
      </c>
      <c r="AK36364">
        <v>60</v>
      </c>
      <c r="AL36364">
        <v>60</v>
      </c>
      <c r="AM36364">
        <v>60</v>
      </c>
      <c r="AN36364">
        <v>60</v>
      </c>
      <c r="AO36364">
        <v>60</v>
      </c>
      <c r="AP36364">
        <v>60</v>
      </c>
      <c r="AQ36364">
        <v>60</v>
      </c>
    </row>
    <row r="36365" spans="1:43">
      <c r="A36365" t="s">
        <v>22541</v>
      </c>
      <c r="B36365" t="s">
        <v>22542</v>
      </c>
      <c r="C36365" t="s">
        <v>22535</v>
      </c>
      <c r="D36365" t="s">
        <v>22536</v>
      </c>
      <c r="E36365" t="s">
        <v>22537</v>
      </c>
      <c r="F36365" t="s">
        <v>22538</v>
      </c>
      <c r="G36365" t="s">
        <v>22539</v>
      </c>
      <c r="H36365" t="s">
        <v>22540</v>
      </c>
      <c r="I36365" s="2">
        <v>0</v>
      </c>
      <c r="J36365" s="2">
        <v>0</v>
      </c>
      <c r="K36365" s="2">
        <v>1</v>
      </c>
      <c r="L36365" t="s">
        <v>995</v>
      </c>
      <c r="M36365" t="s">
        <v>83</v>
      </c>
      <c r="N36365" t="s">
        <v>91</v>
      </c>
      <c r="O36365" t="s">
        <v>85</v>
      </c>
      <c r="P36365" t="s">
        <v>86</v>
      </c>
      <c r="Q36365">
        <v>49</v>
      </c>
      <c r="R36365">
        <v>50</v>
      </c>
      <c r="S36365">
        <v>51</v>
      </c>
      <c r="T36365">
        <v>51</v>
      </c>
      <c r="U36365">
        <v>52</v>
      </c>
      <c r="V36365">
        <v>53</v>
      </c>
      <c r="W36365">
        <v>53</v>
      </c>
      <c r="X36365">
        <v>54</v>
      </c>
      <c r="Y36365">
        <v>54</v>
      </c>
      <c r="Z36365">
        <v>55</v>
      </c>
      <c r="AA36365">
        <v>56</v>
      </c>
      <c r="AB36365">
        <v>56</v>
      </c>
      <c r="AC36365">
        <v>57</v>
      </c>
      <c r="AD36365">
        <v>57</v>
      </c>
      <c r="AE36365">
        <v>58</v>
      </c>
      <c r="AF36365">
        <v>58</v>
      </c>
      <c r="AG36365">
        <v>59</v>
      </c>
      <c r="AH36365">
        <v>59</v>
      </c>
      <c r="AI36365">
        <v>60</v>
      </c>
      <c r="AJ36365">
        <v>60</v>
      </c>
      <c r="AK36365">
        <v>61</v>
      </c>
      <c r="AL36365">
        <v>61</v>
      </c>
      <c r="AM36365">
        <v>61</v>
      </c>
      <c r="AN36365">
        <v>61</v>
      </c>
      <c r="AO36365">
        <v>60</v>
      </c>
      <c r="AP36365">
        <v>60</v>
      </c>
      <c r="AQ36365">
        <v>60</v>
      </c>
    </row>
    <row r="36366" spans="1:43">
      <c r="A36366" t="s">
        <v>22543</v>
      </c>
      <c r="B36366" t="s">
        <v>22544</v>
      </c>
      <c r="C36366" t="s">
        <v>22535</v>
      </c>
      <c r="D36366" t="s">
        <v>22536</v>
      </c>
      <c r="E36366" t="s">
        <v>22537</v>
      </c>
      <c r="F36366" t="s">
        <v>22538</v>
      </c>
      <c r="G36366" t="s">
        <v>22539</v>
      </c>
      <c r="H36366" t="s">
        <v>22540</v>
      </c>
      <c r="I36366" s="2">
        <v>0</v>
      </c>
      <c r="J36366" s="2">
        <v>0</v>
      </c>
      <c r="K36366" s="2">
        <v>1</v>
      </c>
      <c r="L36366" t="s">
        <v>995</v>
      </c>
      <c r="M36366" t="s">
        <v>83</v>
      </c>
      <c r="N36366" t="s">
        <v>84</v>
      </c>
      <c r="O36366" t="s">
        <v>85</v>
      </c>
      <c r="P36366" t="s">
        <v>86</v>
      </c>
      <c r="Q36366">
        <v>42</v>
      </c>
      <c r="R36366">
        <v>43</v>
      </c>
      <c r="S36366">
        <v>43</v>
      </c>
      <c r="T36366">
        <v>44</v>
      </c>
      <c r="U36366">
        <v>44</v>
      </c>
      <c r="V36366">
        <v>45</v>
      </c>
      <c r="W36366">
        <v>46</v>
      </c>
      <c r="X36366">
        <v>46</v>
      </c>
      <c r="Y36366">
        <v>47</v>
      </c>
      <c r="Z36366">
        <v>47</v>
      </c>
      <c r="AA36366">
        <v>48</v>
      </c>
      <c r="AB36366">
        <v>48</v>
      </c>
      <c r="AC36366">
        <v>48</v>
      </c>
      <c r="AD36366">
        <v>49</v>
      </c>
      <c r="AE36366">
        <v>49</v>
      </c>
      <c r="AF36366">
        <v>50</v>
      </c>
      <c r="AG36366">
        <v>50</v>
      </c>
      <c r="AH36366">
        <v>51</v>
      </c>
      <c r="AI36366">
        <v>51</v>
      </c>
      <c r="AJ36366">
        <v>51</v>
      </c>
      <c r="AK36366">
        <v>52</v>
      </c>
      <c r="AL36366">
        <v>52</v>
      </c>
      <c r="AM36366">
        <v>52</v>
      </c>
      <c r="AN36366">
        <v>52</v>
      </c>
      <c r="AO36366">
        <v>52</v>
      </c>
      <c r="AP36366">
        <v>52</v>
      </c>
      <c r="AQ36366">
        <v>51</v>
      </c>
    </row>
    <row r="36367" spans="1:43">
      <c r="A36367" t="s">
        <v>22543</v>
      </c>
      <c r="B36367" t="s">
        <v>22544</v>
      </c>
      <c r="C36367" t="s">
        <v>22535</v>
      </c>
      <c r="D36367" t="s">
        <v>22536</v>
      </c>
      <c r="E36367" t="s">
        <v>22537</v>
      </c>
      <c r="F36367" t="s">
        <v>22538</v>
      </c>
      <c r="G36367" t="s">
        <v>22539</v>
      </c>
      <c r="H36367" t="s">
        <v>22540</v>
      </c>
      <c r="I36367" s="2">
        <v>0</v>
      </c>
      <c r="J36367" s="2">
        <v>0</v>
      </c>
      <c r="K36367" s="2">
        <v>1</v>
      </c>
      <c r="L36367" t="s">
        <v>995</v>
      </c>
      <c r="M36367" t="s">
        <v>87</v>
      </c>
      <c r="N36367" t="s">
        <v>88</v>
      </c>
      <c r="O36367" t="s">
        <v>85</v>
      </c>
      <c r="P36367" t="s">
        <v>86</v>
      </c>
      <c r="Q36367">
        <v>42</v>
      </c>
      <c r="R36367">
        <v>42</v>
      </c>
      <c r="S36367">
        <v>42</v>
      </c>
      <c r="T36367">
        <v>42</v>
      </c>
      <c r="U36367">
        <v>42</v>
      </c>
      <c r="V36367">
        <v>43</v>
      </c>
      <c r="W36367">
        <v>43</v>
      </c>
      <c r="X36367">
        <v>43</v>
      </c>
      <c r="Y36367">
        <v>43</v>
      </c>
      <c r="Z36367">
        <v>43</v>
      </c>
      <c r="AA36367">
        <v>43</v>
      </c>
      <c r="AB36367">
        <v>43</v>
      </c>
      <c r="AC36367">
        <v>44</v>
      </c>
      <c r="AD36367">
        <v>44</v>
      </c>
      <c r="AE36367">
        <v>44</v>
      </c>
      <c r="AF36367">
        <v>44</v>
      </c>
      <c r="AG36367">
        <v>44</v>
      </c>
      <c r="AH36367">
        <v>44</v>
      </c>
      <c r="AI36367">
        <v>44</v>
      </c>
      <c r="AJ36367">
        <v>44</v>
      </c>
      <c r="AK36367">
        <v>44</v>
      </c>
      <c r="AL36367">
        <v>44</v>
      </c>
      <c r="AM36367">
        <v>45</v>
      </c>
      <c r="AN36367">
        <v>45</v>
      </c>
      <c r="AO36367">
        <v>45</v>
      </c>
      <c r="AP36367">
        <v>45</v>
      </c>
      <c r="AQ36367">
        <v>45</v>
      </c>
    </row>
    <row r="36368" spans="1:43">
      <c r="A36368" t="s">
        <v>22543</v>
      </c>
      <c r="B36368" t="s">
        <v>22544</v>
      </c>
      <c r="C36368" t="s">
        <v>22535</v>
      </c>
      <c r="D36368" t="s">
        <v>22536</v>
      </c>
      <c r="E36368" t="s">
        <v>22537</v>
      </c>
      <c r="F36368" t="s">
        <v>22538</v>
      </c>
      <c r="G36368" t="s">
        <v>22539</v>
      </c>
      <c r="H36368" t="s">
        <v>22540</v>
      </c>
      <c r="I36368" s="2">
        <v>0</v>
      </c>
      <c r="J36368" s="2">
        <v>0</v>
      </c>
      <c r="K36368" s="2">
        <v>1</v>
      </c>
      <c r="L36368" t="s">
        <v>995</v>
      </c>
      <c r="M36368" t="s">
        <v>89</v>
      </c>
      <c r="N36368" t="s">
        <v>90</v>
      </c>
      <c r="O36368" t="s">
        <v>85</v>
      </c>
      <c r="P36368" t="s">
        <v>86</v>
      </c>
      <c r="Q36368">
        <v>42</v>
      </c>
      <c r="R36368">
        <v>43</v>
      </c>
      <c r="S36368">
        <v>43</v>
      </c>
      <c r="T36368">
        <v>44</v>
      </c>
      <c r="U36368">
        <v>45</v>
      </c>
      <c r="V36368">
        <v>46</v>
      </c>
      <c r="W36368">
        <v>47</v>
      </c>
      <c r="X36368">
        <v>48</v>
      </c>
      <c r="Y36368">
        <v>48</v>
      </c>
      <c r="Z36368">
        <v>49</v>
      </c>
      <c r="AA36368">
        <v>50</v>
      </c>
      <c r="AB36368">
        <v>50</v>
      </c>
      <c r="AC36368">
        <v>51</v>
      </c>
      <c r="AD36368">
        <v>51</v>
      </c>
      <c r="AE36368">
        <v>52</v>
      </c>
      <c r="AF36368">
        <v>52</v>
      </c>
      <c r="AG36368">
        <v>52</v>
      </c>
      <c r="AH36368">
        <v>52</v>
      </c>
      <c r="AI36368">
        <v>52</v>
      </c>
      <c r="AJ36368">
        <v>51</v>
      </c>
      <c r="AK36368">
        <v>51</v>
      </c>
      <c r="AL36368">
        <v>51</v>
      </c>
      <c r="AM36368">
        <v>51</v>
      </c>
      <c r="AN36368">
        <v>51</v>
      </c>
      <c r="AO36368">
        <v>51</v>
      </c>
      <c r="AP36368">
        <v>51</v>
      </c>
      <c r="AQ36368">
        <v>51</v>
      </c>
    </row>
    <row r="36369" spans="1:43">
      <c r="A36369" t="s">
        <v>22543</v>
      </c>
      <c r="B36369" t="s">
        <v>22544</v>
      </c>
      <c r="C36369" t="s">
        <v>22535</v>
      </c>
      <c r="D36369" t="s">
        <v>22536</v>
      </c>
      <c r="E36369" t="s">
        <v>22537</v>
      </c>
      <c r="F36369" t="s">
        <v>22538</v>
      </c>
      <c r="G36369" t="s">
        <v>22539</v>
      </c>
      <c r="H36369" t="s">
        <v>22540</v>
      </c>
      <c r="I36369" s="2">
        <v>0</v>
      </c>
      <c r="J36369" s="2">
        <v>0</v>
      </c>
      <c r="K36369" s="2">
        <v>1</v>
      </c>
      <c r="L36369" t="s">
        <v>995</v>
      </c>
      <c r="M36369" t="s">
        <v>83</v>
      </c>
      <c r="N36369" t="s">
        <v>91</v>
      </c>
      <c r="O36369" t="s">
        <v>85</v>
      </c>
      <c r="P36369" t="s">
        <v>86</v>
      </c>
      <c r="Q36369">
        <v>42</v>
      </c>
      <c r="R36369">
        <v>43</v>
      </c>
      <c r="S36369">
        <v>43</v>
      </c>
      <c r="T36369">
        <v>44</v>
      </c>
      <c r="U36369">
        <v>44</v>
      </c>
      <c r="V36369">
        <v>45</v>
      </c>
      <c r="W36369">
        <v>46</v>
      </c>
      <c r="X36369">
        <v>46</v>
      </c>
      <c r="Y36369">
        <v>47</v>
      </c>
      <c r="Z36369">
        <v>47</v>
      </c>
      <c r="AA36369">
        <v>48</v>
      </c>
      <c r="AB36369">
        <v>48</v>
      </c>
      <c r="AC36369">
        <v>48</v>
      </c>
      <c r="AD36369">
        <v>49</v>
      </c>
      <c r="AE36369">
        <v>49</v>
      </c>
      <c r="AF36369">
        <v>50</v>
      </c>
      <c r="AG36369">
        <v>50</v>
      </c>
      <c r="AH36369">
        <v>51</v>
      </c>
      <c r="AI36369">
        <v>51</v>
      </c>
      <c r="AJ36369">
        <v>51</v>
      </c>
      <c r="AK36369">
        <v>52</v>
      </c>
      <c r="AL36369">
        <v>52</v>
      </c>
      <c r="AM36369">
        <v>52</v>
      </c>
      <c r="AN36369">
        <v>52</v>
      </c>
      <c r="AO36369">
        <v>52</v>
      </c>
      <c r="AP36369">
        <v>52</v>
      </c>
      <c r="AQ36369">
        <v>51</v>
      </c>
    </row>
    <row r="36370" spans="1:43">
      <c r="A36370" t="s">
        <v>22545</v>
      </c>
      <c r="B36370" t="s">
        <v>22546</v>
      </c>
      <c r="C36370" t="s">
        <v>22535</v>
      </c>
      <c r="D36370" t="s">
        <v>22536</v>
      </c>
      <c r="E36370" t="s">
        <v>22537</v>
      </c>
      <c r="F36370" t="s">
        <v>22538</v>
      </c>
      <c r="G36370" t="s">
        <v>22539</v>
      </c>
      <c r="H36370" t="s">
        <v>22540</v>
      </c>
      <c r="I36370" s="2">
        <v>0</v>
      </c>
      <c r="J36370" s="2">
        <v>0</v>
      </c>
      <c r="K36370" s="2">
        <v>1</v>
      </c>
      <c r="L36370" t="s">
        <v>995</v>
      </c>
      <c r="M36370" t="s">
        <v>83</v>
      </c>
      <c r="N36370" t="s">
        <v>84</v>
      </c>
      <c r="O36370" t="s">
        <v>85</v>
      </c>
      <c r="P36370" t="s">
        <v>86</v>
      </c>
      <c r="Q36370">
        <v>13</v>
      </c>
      <c r="R36370">
        <v>13</v>
      </c>
      <c r="S36370">
        <v>13</v>
      </c>
      <c r="T36370">
        <v>14</v>
      </c>
      <c r="U36370">
        <v>14</v>
      </c>
      <c r="V36370">
        <v>14</v>
      </c>
      <c r="W36370">
        <v>14</v>
      </c>
      <c r="X36370">
        <v>14</v>
      </c>
      <c r="Y36370">
        <v>14</v>
      </c>
      <c r="Z36370">
        <v>15</v>
      </c>
      <c r="AA36370">
        <v>15</v>
      </c>
      <c r="AB36370">
        <v>15</v>
      </c>
      <c r="AC36370">
        <v>15</v>
      </c>
      <c r="AD36370">
        <v>15</v>
      </c>
      <c r="AE36370">
        <v>15</v>
      </c>
      <c r="AF36370">
        <v>16</v>
      </c>
      <c r="AG36370">
        <v>16</v>
      </c>
      <c r="AH36370">
        <v>16</v>
      </c>
      <c r="AI36370">
        <v>16</v>
      </c>
      <c r="AJ36370">
        <v>16</v>
      </c>
      <c r="AK36370">
        <v>16</v>
      </c>
      <c r="AL36370">
        <v>16</v>
      </c>
      <c r="AM36370">
        <v>16</v>
      </c>
      <c r="AN36370">
        <v>16</v>
      </c>
      <c r="AO36370">
        <v>16</v>
      </c>
      <c r="AP36370">
        <v>16</v>
      </c>
      <c r="AQ36370">
        <v>16</v>
      </c>
    </row>
    <row r="36371" spans="1:43">
      <c r="A36371" t="s">
        <v>22545</v>
      </c>
      <c r="B36371" t="s">
        <v>22546</v>
      </c>
      <c r="C36371" t="s">
        <v>22535</v>
      </c>
      <c r="D36371" t="s">
        <v>22536</v>
      </c>
      <c r="E36371" t="s">
        <v>22537</v>
      </c>
      <c r="F36371" t="s">
        <v>22538</v>
      </c>
      <c r="G36371" t="s">
        <v>22539</v>
      </c>
      <c r="H36371" t="s">
        <v>22540</v>
      </c>
      <c r="I36371" s="2">
        <v>0</v>
      </c>
      <c r="J36371" s="2">
        <v>0</v>
      </c>
      <c r="K36371" s="2">
        <v>1</v>
      </c>
      <c r="L36371" t="s">
        <v>995</v>
      </c>
      <c r="M36371" t="s">
        <v>87</v>
      </c>
      <c r="N36371" t="s">
        <v>88</v>
      </c>
      <c r="O36371" t="s">
        <v>85</v>
      </c>
      <c r="P36371" t="s">
        <v>86</v>
      </c>
      <c r="Q36371">
        <v>13</v>
      </c>
      <c r="R36371">
        <v>13</v>
      </c>
      <c r="S36371">
        <v>13</v>
      </c>
      <c r="T36371">
        <v>13</v>
      </c>
      <c r="U36371">
        <v>13</v>
      </c>
      <c r="V36371">
        <v>13</v>
      </c>
      <c r="W36371">
        <v>13</v>
      </c>
      <c r="X36371">
        <v>13</v>
      </c>
      <c r="Y36371">
        <v>13</v>
      </c>
      <c r="Z36371">
        <v>13</v>
      </c>
      <c r="AA36371">
        <v>13</v>
      </c>
      <c r="AB36371">
        <v>14</v>
      </c>
      <c r="AC36371">
        <v>14</v>
      </c>
      <c r="AD36371">
        <v>14</v>
      </c>
      <c r="AE36371">
        <v>14</v>
      </c>
      <c r="AF36371">
        <v>14</v>
      </c>
      <c r="AG36371">
        <v>14</v>
      </c>
      <c r="AH36371">
        <v>14</v>
      </c>
      <c r="AI36371">
        <v>14</v>
      </c>
      <c r="AJ36371">
        <v>14</v>
      </c>
      <c r="AK36371">
        <v>14</v>
      </c>
      <c r="AL36371">
        <v>14</v>
      </c>
      <c r="AM36371">
        <v>14</v>
      </c>
      <c r="AN36371">
        <v>14</v>
      </c>
      <c r="AO36371">
        <v>14</v>
      </c>
      <c r="AP36371">
        <v>14</v>
      </c>
      <c r="AQ36371">
        <v>14</v>
      </c>
    </row>
    <row r="36372" spans="1:43">
      <c r="A36372" t="s">
        <v>22545</v>
      </c>
      <c r="B36372" t="s">
        <v>22546</v>
      </c>
      <c r="C36372" t="s">
        <v>22535</v>
      </c>
      <c r="D36372" t="s">
        <v>22536</v>
      </c>
      <c r="E36372" t="s">
        <v>22537</v>
      </c>
      <c r="F36372" t="s">
        <v>22538</v>
      </c>
      <c r="G36372" t="s">
        <v>22539</v>
      </c>
      <c r="H36372" t="s">
        <v>22540</v>
      </c>
      <c r="I36372" s="2">
        <v>0</v>
      </c>
      <c r="J36372" s="2">
        <v>0</v>
      </c>
      <c r="K36372" s="2">
        <v>1</v>
      </c>
      <c r="L36372" t="s">
        <v>995</v>
      </c>
      <c r="M36372" t="s">
        <v>89</v>
      </c>
      <c r="N36372" t="s">
        <v>90</v>
      </c>
      <c r="O36372" t="s">
        <v>85</v>
      </c>
      <c r="P36372" t="s">
        <v>86</v>
      </c>
      <c r="Q36372">
        <v>13</v>
      </c>
      <c r="R36372">
        <v>14</v>
      </c>
      <c r="S36372">
        <v>14</v>
      </c>
      <c r="T36372">
        <v>14</v>
      </c>
      <c r="U36372">
        <v>14</v>
      </c>
      <c r="V36372">
        <v>15</v>
      </c>
      <c r="W36372">
        <v>15</v>
      </c>
      <c r="X36372">
        <v>15</v>
      </c>
      <c r="Y36372">
        <v>15</v>
      </c>
      <c r="Z36372">
        <v>16</v>
      </c>
      <c r="AA36372">
        <v>16</v>
      </c>
      <c r="AB36372">
        <v>16</v>
      </c>
      <c r="AC36372">
        <v>16</v>
      </c>
      <c r="AD36372">
        <v>16</v>
      </c>
      <c r="AE36372">
        <v>16</v>
      </c>
      <c r="AF36372">
        <v>16</v>
      </c>
      <c r="AG36372">
        <v>16</v>
      </c>
      <c r="AH36372">
        <v>16</v>
      </c>
      <c r="AI36372">
        <v>16</v>
      </c>
      <c r="AJ36372">
        <v>16</v>
      </c>
      <c r="AK36372">
        <v>16</v>
      </c>
      <c r="AL36372">
        <v>16</v>
      </c>
      <c r="AM36372">
        <v>16</v>
      </c>
      <c r="AN36372">
        <v>16</v>
      </c>
      <c r="AO36372">
        <v>16</v>
      </c>
      <c r="AP36372">
        <v>16</v>
      </c>
      <c r="AQ36372">
        <v>16</v>
      </c>
    </row>
    <row r="36373" spans="1:43">
      <c r="A36373" t="s">
        <v>22545</v>
      </c>
      <c r="B36373" t="s">
        <v>22546</v>
      </c>
      <c r="C36373" t="s">
        <v>22535</v>
      </c>
      <c r="D36373" t="s">
        <v>22536</v>
      </c>
      <c r="E36373" t="s">
        <v>22537</v>
      </c>
      <c r="F36373" t="s">
        <v>22538</v>
      </c>
      <c r="G36373" t="s">
        <v>22539</v>
      </c>
      <c r="H36373" t="s">
        <v>22540</v>
      </c>
      <c r="I36373" s="2">
        <v>0</v>
      </c>
      <c r="J36373" s="2">
        <v>0</v>
      </c>
      <c r="K36373" s="2">
        <v>1</v>
      </c>
      <c r="L36373" t="s">
        <v>995</v>
      </c>
      <c r="M36373" t="s">
        <v>83</v>
      </c>
      <c r="N36373" t="s">
        <v>91</v>
      </c>
      <c r="O36373" t="s">
        <v>85</v>
      </c>
      <c r="P36373" t="s">
        <v>86</v>
      </c>
      <c r="Q36373">
        <v>13</v>
      </c>
      <c r="R36373">
        <v>13</v>
      </c>
      <c r="S36373">
        <v>13</v>
      </c>
      <c r="T36373">
        <v>14</v>
      </c>
      <c r="U36373">
        <v>14</v>
      </c>
      <c r="V36373">
        <v>14</v>
      </c>
      <c r="W36373">
        <v>14</v>
      </c>
      <c r="X36373">
        <v>14</v>
      </c>
      <c r="Y36373">
        <v>14</v>
      </c>
      <c r="Z36373">
        <v>15</v>
      </c>
      <c r="AA36373">
        <v>15</v>
      </c>
      <c r="AB36373">
        <v>15</v>
      </c>
      <c r="AC36373">
        <v>15</v>
      </c>
      <c r="AD36373">
        <v>15</v>
      </c>
      <c r="AE36373">
        <v>15</v>
      </c>
      <c r="AF36373">
        <v>16</v>
      </c>
      <c r="AG36373">
        <v>16</v>
      </c>
      <c r="AH36373">
        <v>16</v>
      </c>
      <c r="AI36373">
        <v>16</v>
      </c>
      <c r="AJ36373">
        <v>16</v>
      </c>
      <c r="AK36373">
        <v>16</v>
      </c>
      <c r="AL36373">
        <v>16</v>
      </c>
      <c r="AM36373">
        <v>16</v>
      </c>
      <c r="AN36373">
        <v>16</v>
      </c>
      <c r="AO36373">
        <v>16</v>
      </c>
      <c r="AP36373">
        <v>16</v>
      </c>
      <c r="AQ36373">
        <v>16</v>
      </c>
    </row>
    <row r="36374" spans="1:43">
      <c r="A36374" t="s">
        <v>22547</v>
      </c>
      <c r="B36374" t="s">
        <v>22548</v>
      </c>
      <c r="C36374" t="s">
        <v>22549</v>
      </c>
      <c r="D36374" t="s">
        <v>22550</v>
      </c>
      <c r="E36374" t="s">
        <v>22537</v>
      </c>
      <c r="F36374" t="s">
        <v>22538</v>
      </c>
      <c r="G36374" t="s">
        <v>22539</v>
      </c>
      <c r="H36374" t="s">
        <v>22540</v>
      </c>
      <c r="I36374" s="2">
        <v>0</v>
      </c>
      <c r="J36374" s="2">
        <v>0</v>
      </c>
      <c r="K36374" s="2">
        <v>1</v>
      </c>
      <c r="L36374" t="s">
        <v>995</v>
      </c>
      <c r="M36374" t="s">
        <v>83</v>
      </c>
      <c r="N36374" t="s">
        <v>84</v>
      </c>
      <c r="O36374" t="s">
        <v>85</v>
      </c>
      <c r="P36374" t="s">
        <v>86</v>
      </c>
      <c r="Q36374">
        <v>45</v>
      </c>
      <c r="R36374">
        <v>46</v>
      </c>
      <c r="S36374">
        <v>46</v>
      </c>
      <c r="T36374">
        <v>47</v>
      </c>
      <c r="U36374">
        <v>48</v>
      </c>
      <c r="V36374">
        <v>48</v>
      </c>
      <c r="W36374">
        <v>49</v>
      </c>
      <c r="X36374">
        <v>49</v>
      </c>
      <c r="Y36374">
        <v>50</v>
      </c>
      <c r="Z36374">
        <v>50</v>
      </c>
      <c r="AA36374">
        <v>51</v>
      </c>
      <c r="AB36374">
        <v>51</v>
      </c>
      <c r="AC36374">
        <v>52</v>
      </c>
      <c r="AD36374">
        <v>52</v>
      </c>
      <c r="AE36374">
        <v>53</v>
      </c>
      <c r="AF36374">
        <v>53</v>
      </c>
      <c r="AG36374">
        <v>53</v>
      </c>
      <c r="AH36374">
        <v>54</v>
      </c>
      <c r="AI36374">
        <v>54</v>
      </c>
      <c r="AJ36374">
        <v>55</v>
      </c>
      <c r="AK36374">
        <v>55</v>
      </c>
      <c r="AL36374">
        <v>55</v>
      </c>
      <c r="AM36374">
        <v>55</v>
      </c>
      <c r="AN36374">
        <v>55</v>
      </c>
      <c r="AO36374">
        <v>55</v>
      </c>
      <c r="AP36374">
        <v>54</v>
      </c>
      <c r="AQ36374">
        <v>54</v>
      </c>
    </row>
    <row r="36375" spans="1:43">
      <c r="A36375" t="s">
        <v>22547</v>
      </c>
      <c r="B36375" t="s">
        <v>22548</v>
      </c>
      <c r="C36375" t="s">
        <v>22549</v>
      </c>
      <c r="D36375" t="s">
        <v>22550</v>
      </c>
      <c r="E36375" t="s">
        <v>22537</v>
      </c>
      <c r="F36375" t="s">
        <v>22538</v>
      </c>
      <c r="G36375" t="s">
        <v>22539</v>
      </c>
      <c r="H36375" t="s">
        <v>22540</v>
      </c>
      <c r="I36375" s="2">
        <v>0</v>
      </c>
      <c r="J36375" s="2">
        <v>0</v>
      </c>
      <c r="K36375" s="2">
        <v>1</v>
      </c>
      <c r="L36375" t="s">
        <v>995</v>
      </c>
      <c r="M36375" t="s">
        <v>87</v>
      </c>
      <c r="N36375" t="s">
        <v>88</v>
      </c>
      <c r="O36375" t="s">
        <v>85</v>
      </c>
      <c r="P36375" t="s">
        <v>86</v>
      </c>
      <c r="Q36375">
        <v>45</v>
      </c>
      <c r="R36375">
        <v>45</v>
      </c>
      <c r="S36375">
        <v>45</v>
      </c>
      <c r="T36375">
        <v>45</v>
      </c>
      <c r="U36375">
        <v>45</v>
      </c>
      <c r="V36375">
        <v>46</v>
      </c>
      <c r="W36375">
        <v>46</v>
      </c>
      <c r="X36375">
        <v>46</v>
      </c>
      <c r="Y36375">
        <v>46</v>
      </c>
      <c r="Z36375">
        <v>46</v>
      </c>
      <c r="AA36375">
        <v>46</v>
      </c>
      <c r="AB36375">
        <v>46</v>
      </c>
      <c r="AC36375">
        <v>46</v>
      </c>
      <c r="AD36375">
        <v>46</v>
      </c>
      <c r="AE36375">
        <v>46</v>
      </c>
      <c r="AF36375">
        <v>47</v>
      </c>
      <c r="AG36375">
        <v>47</v>
      </c>
      <c r="AH36375">
        <v>47</v>
      </c>
      <c r="AI36375">
        <v>47</v>
      </c>
      <c r="AJ36375">
        <v>47</v>
      </c>
      <c r="AK36375">
        <v>47</v>
      </c>
      <c r="AL36375">
        <v>47</v>
      </c>
      <c r="AM36375">
        <v>47</v>
      </c>
      <c r="AN36375">
        <v>47</v>
      </c>
      <c r="AO36375">
        <v>47</v>
      </c>
      <c r="AP36375">
        <v>47</v>
      </c>
      <c r="AQ36375">
        <v>47</v>
      </c>
    </row>
    <row r="36376" spans="1:43">
      <c r="A36376" t="s">
        <v>22547</v>
      </c>
      <c r="B36376" t="s">
        <v>22548</v>
      </c>
      <c r="C36376" t="s">
        <v>22549</v>
      </c>
      <c r="D36376" t="s">
        <v>22550</v>
      </c>
      <c r="E36376" t="s">
        <v>22537</v>
      </c>
      <c r="F36376" t="s">
        <v>22538</v>
      </c>
      <c r="G36376" t="s">
        <v>22539</v>
      </c>
      <c r="H36376" t="s">
        <v>22540</v>
      </c>
      <c r="I36376" s="2">
        <v>0</v>
      </c>
      <c r="J36376" s="2">
        <v>0</v>
      </c>
      <c r="K36376" s="2">
        <v>1</v>
      </c>
      <c r="L36376" t="s">
        <v>995</v>
      </c>
      <c r="M36376" t="s">
        <v>89</v>
      </c>
      <c r="N36376" t="s">
        <v>90</v>
      </c>
      <c r="O36376" t="s">
        <v>85</v>
      </c>
      <c r="P36376" t="s">
        <v>86</v>
      </c>
      <c r="Q36376">
        <v>45</v>
      </c>
      <c r="R36376">
        <v>46</v>
      </c>
      <c r="S36376">
        <v>47</v>
      </c>
      <c r="T36376">
        <v>48</v>
      </c>
      <c r="U36376">
        <v>48</v>
      </c>
      <c r="V36376">
        <v>49</v>
      </c>
      <c r="W36376">
        <v>50</v>
      </c>
      <c r="X36376">
        <v>51</v>
      </c>
      <c r="Y36376">
        <v>52</v>
      </c>
      <c r="Z36376">
        <v>52</v>
      </c>
      <c r="AA36376">
        <v>53</v>
      </c>
      <c r="AB36376">
        <v>54</v>
      </c>
      <c r="AC36376">
        <v>54</v>
      </c>
      <c r="AD36376">
        <v>55</v>
      </c>
      <c r="AE36376">
        <v>55</v>
      </c>
      <c r="AF36376">
        <v>55</v>
      </c>
      <c r="AG36376">
        <v>55</v>
      </c>
      <c r="AH36376">
        <v>55</v>
      </c>
      <c r="AI36376">
        <v>55</v>
      </c>
      <c r="AJ36376">
        <v>55</v>
      </c>
      <c r="AK36376">
        <v>55</v>
      </c>
      <c r="AL36376">
        <v>54</v>
      </c>
      <c r="AM36376">
        <v>54</v>
      </c>
      <c r="AN36376">
        <v>54</v>
      </c>
      <c r="AO36376">
        <v>54</v>
      </c>
      <c r="AP36376">
        <v>54</v>
      </c>
      <c r="AQ36376">
        <v>54</v>
      </c>
    </row>
    <row r="36377" spans="1:43">
      <c r="A36377" t="s">
        <v>22547</v>
      </c>
      <c r="B36377" t="s">
        <v>22548</v>
      </c>
      <c r="C36377" t="s">
        <v>22549</v>
      </c>
      <c r="D36377" t="s">
        <v>22550</v>
      </c>
      <c r="E36377" t="s">
        <v>22537</v>
      </c>
      <c r="F36377" t="s">
        <v>22538</v>
      </c>
      <c r="G36377" t="s">
        <v>22539</v>
      </c>
      <c r="H36377" t="s">
        <v>22540</v>
      </c>
      <c r="I36377" s="2">
        <v>0</v>
      </c>
      <c r="J36377" s="2">
        <v>0</v>
      </c>
      <c r="K36377" s="2">
        <v>1</v>
      </c>
      <c r="L36377" t="s">
        <v>995</v>
      </c>
      <c r="M36377" t="s">
        <v>83</v>
      </c>
      <c r="N36377" t="s">
        <v>91</v>
      </c>
      <c r="O36377" t="s">
        <v>85</v>
      </c>
      <c r="P36377" t="s">
        <v>86</v>
      </c>
      <c r="Q36377">
        <v>45</v>
      </c>
      <c r="R36377">
        <v>46</v>
      </c>
      <c r="S36377">
        <v>46</v>
      </c>
      <c r="T36377">
        <v>47</v>
      </c>
      <c r="U36377">
        <v>48</v>
      </c>
      <c r="V36377">
        <v>48</v>
      </c>
      <c r="W36377">
        <v>49</v>
      </c>
      <c r="X36377">
        <v>49</v>
      </c>
      <c r="Y36377">
        <v>50</v>
      </c>
      <c r="Z36377">
        <v>50</v>
      </c>
      <c r="AA36377">
        <v>51</v>
      </c>
      <c r="AB36377">
        <v>51</v>
      </c>
      <c r="AC36377">
        <v>52</v>
      </c>
      <c r="AD36377">
        <v>52</v>
      </c>
      <c r="AE36377">
        <v>53</v>
      </c>
      <c r="AF36377">
        <v>53</v>
      </c>
      <c r="AG36377">
        <v>53</v>
      </c>
      <c r="AH36377">
        <v>54</v>
      </c>
      <c r="AI36377">
        <v>54</v>
      </c>
      <c r="AJ36377">
        <v>55</v>
      </c>
      <c r="AK36377">
        <v>55</v>
      </c>
      <c r="AL36377">
        <v>55</v>
      </c>
      <c r="AM36377">
        <v>55</v>
      </c>
      <c r="AN36377">
        <v>55</v>
      </c>
      <c r="AO36377">
        <v>55</v>
      </c>
      <c r="AP36377">
        <v>54</v>
      </c>
      <c r="AQ36377">
        <v>54</v>
      </c>
    </row>
    <row r="36378" spans="1:43">
      <c r="A36378" t="s">
        <v>22551</v>
      </c>
      <c r="B36378" t="s">
        <v>22552</v>
      </c>
      <c r="C36378" t="s">
        <v>22549</v>
      </c>
      <c r="D36378" t="s">
        <v>22550</v>
      </c>
      <c r="E36378" t="s">
        <v>22537</v>
      </c>
      <c r="F36378" t="s">
        <v>22538</v>
      </c>
      <c r="G36378" t="s">
        <v>22539</v>
      </c>
      <c r="H36378" t="s">
        <v>22540</v>
      </c>
      <c r="I36378" s="2">
        <v>0</v>
      </c>
      <c r="J36378" s="2">
        <v>0</v>
      </c>
      <c r="K36378" s="2">
        <v>1</v>
      </c>
      <c r="L36378" t="s">
        <v>995</v>
      </c>
      <c r="M36378" t="s">
        <v>83</v>
      </c>
      <c r="N36378" t="s">
        <v>84</v>
      </c>
      <c r="O36378" t="s">
        <v>85</v>
      </c>
      <c r="P36378" t="s">
        <v>86</v>
      </c>
      <c r="Q36378">
        <v>48</v>
      </c>
      <c r="R36378">
        <v>49</v>
      </c>
      <c r="S36378">
        <v>50</v>
      </c>
      <c r="T36378">
        <v>50</v>
      </c>
      <c r="U36378">
        <v>51</v>
      </c>
      <c r="V36378">
        <v>51</v>
      </c>
      <c r="W36378">
        <v>52</v>
      </c>
      <c r="X36378">
        <v>52</v>
      </c>
      <c r="Y36378">
        <v>53</v>
      </c>
      <c r="Z36378">
        <v>53</v>
      </c>
      <c r="AA36378">
        <v>54</v>
      </c>
      <c r="AB36378">
        <v>55</v>
      </c>
      <c r="AC36378">
        <v>55</v>
      </c>
      <c r="AD36378">
        <v>55</v>
      </c>
      <c r="AE36378">
        <v>56</v>
      </c>
      <c r="AF36378">
        <v>56</v>
      </c>
      <c r="AG36378">
        <v>57</v>
      </c>
      <c r="AH36378">
        <v>57</v>
      </c>
      <c r="AI36378">
        <v>58</v>
      </c>
      <c r="AJ36378">
        <v>58</v>
      </c>
      <c r="AK36378">
        <v>59</v>
      </c>
      <c r="AL36378">
        <v>59</v>
      </c>
      <c r="AM36378">
        <v>58</v>
      </c>
      <c r="AN36378">
        <v>58</v>
      </c>
      <c r="AO36378">
        <v>58</v>
      </c>
      <c r="AP36378">
        <v>58</v>
      </c>
      <c r="AQ36378">
        <v>58</v>
      </c>
    </row>
    <row r="36379" spans="1:43">
      <c r="A36379" t="s">
        <v>22551</v>
      </c>
      <c r="B36379" t="s">
        <v>22552</v>
      </c>
      <c r="C36379" t="s">
        <v>22549</v>
      </c>
      <c r="D36379" t="s">
        <v>22550</v>
      </c>
      <c r="E36379" t="s">
        <v>22537</v>
      </c>
      <c r="F36379" t="s">
        <v>22538</v>
      </c>
      <c r="G36379" t="s">
        <v>22539</v>
      </c>
      <c r="H36379" t="s">
        <v>22540</v>
      </c>
      <c r="I36379" s="2">
        <v>0</v>
      </c>
      <c r="J36379" s="2">
        <v>0</v>
      </c>
      <c r="K36379" s="2">
        <v>1</v>
      </c>
      <c r="L36379" t="s">
        <v>995</v>
      </c>
      <c r="M36379" t="s">
        <v>87</v>
      </c>
      <c r="N36379" t="s">
        <v>88</v>
      </c>
      <c r="O36379" t="s">
        <v>85</v>
      </c>
      <c r="P36379" t="s">
        <v>86</v>
      </c>
      <c r="Q36379">
        <v>48</v>
      </c>
      <c r="R36379">
        <v>48</v>
      </c>
      <c r="S36379">
        <v>48</v>
      </c>
      <c r="T36379">
        <v>48</v>
      </c>
      <c r="U36379">
        <v>48</v>
      </c>
      <c r="V36379">
        <v>49</v>
      </c>
      <c r="W36379">
        <v>49</v>
      </c>
      <c r="X36379">
        <v>49</v>
      </c>
      <c r="Y36379">
        <v>49</v>
      </c>
      <c r="Z36379">
        <v>49</v>
      </c>
      <c r="AA36379">
        <v>49</v>
      </c>
      <c r="AB36379">
        <v>49</v>
      </c>
      <c r="AC36379">
        <v>49</v>
      </c>
      <c r="AD36379">
        <v>49</v>
      </c>
      <c r="AE36379">
        <v>50</v>
      </c>
      <c r="AF36379">
        <v>50</v>
      </c>
      <c r="AG36379">
        <v>50</v>
      </c>
      <c r="AH36379">
        <v>50</v>
      </c>
      <c r="AI36379">
        <v>50</v>
      </c>
      <c r="AJ36379">
        <v>50</v>
      </c>
      <c r="AK36379">
        <v>50</v>
      </c>
      <c r="AL36379">
        <v>50</v>
      </c>
      <c r="AM36379">
        <v>50</v>
      </c>
      <c r="AN36379">
        <v>50</v>
      </c>
      <c r="AO36379">
        <v>50</v>
      </c>
      <c r="AP36379">
        <v>50</v>
      </c>
      <c r="AQ36379">
        <v>50</v>
      </c>
    </row>
    <row r="36380" spans="1:43">
      <c r="A36380" t="s">
        <v>22551</v>
      </c>
      <c r="B36380" t="s">
        <v>22552</v>
      </c>
      <c r="C36380" t="s">
        <v>22549</v>
      </c>
      <c r="D36380" t="s">
        <v>22550</v>
      </c>
      <c r="E36380" t="s">
        <v>22537</v>
      </c>
      <c r="F36380" t="s">
        <v>22538</v>
      </c>
      <c r="G36380" t="s">
        <v>22539</v>
      </c>
      <c r="H36380" t="s">
        <v>22540</v>
      </c>
      <c r="I36380" s="2">
        <v>0</v>
      </c>
      <c r="J36380" s="2">
        <v>0</v>
      </c>
      <c r="K36380" s="2">
        <v>1</v>
      </c>
      <c r="L36380" t="s">
        <v>995</v>
      </c>
      <c r="M36380" t="s">
        <v>89</v>
      </c>
      <c r="N36380" t="s">
        <v>90</v>
      </c>
      <c r="O36380" t="s">
        <v>85</v>
      </c>
      <c r="P36380" t="s">
        <v>86</v>
      </c>
      <c r="Q36380">
        <v>48</v>
      </c>
      <c r="R36380">
        <v>49</v>
      </c>
      <c r="S36380">
        <v>50</v>
      </c>
      <c r="T36380">
        <v>51</v>
      </c>
      <c r="U36380">
        <v>52</v>
      </c>
      <c r="V36380">
        <v>53</v>
      </c>
      <c r="W36380">
        <v>54</v>
      </c>
      <c r="X36380">
        <v>54</v>
      </c>
      <c r="Y36380">
        <v>55</v>
      </c>
      <c r="Z36380">
        <v>56</v>
      </c>
      <c r="AA36380">
        <v>57</v>
      </c>
      <c r="AB36380">
        <v>57</v>
      </c>
      <c r="AC36380">
        <v>58</v>
      </c>
      <c r="AD36380">
        <v>59</v>
      </c>
      <c r="AE36380">
        <v>59</v>
      </c>
      <c r="AF36380">
        <v>59</v>
      </c>
      <c r="AG36380">
        <v>59</v>
      </c>
      <c r="AH36380">
        <v>59</v>
      </c>
      <c r="AI36380">
        <v>58</v>
      </c>
      <c r="AJ36380">
        <v>58</v>
      </c>
      <c r="AK36380">
        <v>58</v>
      </c>
      <c r="AL36380">
        <v>58</v>
      </c>
      <c r="AM36380">
        <v>58</v>
      </c>
      <c r="AN36380">
        <v>58</v>
      </c>
      <c r="AO36380">
        <v>57</v>
      </c>
      <c r="AP36380">
        <v>57</v>
      </c>
      <c r="AQ36380">
        <v>57</v>
      </c>
    </row>
    <row r="36381" spans="1:43">
      <c r="A36381" t="s">
        <v>22551</v>
      </c>
      <c r="B36381" t="s">
        <v>22552</v>
      </c>
      <c r="C36381" t="s">
        <v>22549</v>
      </c>
      <c r="D36381" t="s">
        <v>22550</v>
      </c>
      <c r="E36381" t="s">
        <v>22537</v>
      </c>
      <c r="F36381" t="s">
        <v>22538</v>
      </c>
      <c r="G36381" t="s">
        <v>22539</v>
      </c>
      <c r="H36381" t="s">
        <v>22540</v>
      </c>
      <c r="I36381" s="2">
        <v>0</v>
      </c>
      <c r="J36381" s="2">
        <v>0</v>
      </c>
      <c r="K36381" s="2">
        <v>1</v>
      </c>
      <c r="L36381" t="s">
        <v>995</v>
      </c>
      <c r="M36381" t="s">
        <v>83</v>
      </c>
      <c r="N36381" t="s">
        <v>91</v>
      </c>
      <c r="O36381" t="s">
        <v>85</v>
      </c>
      <c r="P36381" t="s">
        <v>86</v>
      </c>
      <c r="Q36381">
        <v>48</v>
      </c>
      <c r="R36381">
        <v>49</v>
      </c>
      <c r="S36381">
        <v>50</v>
      </c>
      <c r="T36381">
        <v>50</v>
      </c>
      <c r="U36381">
        <v>51</v>
      </c>
      <c r="V36381">
        <v>51</v>
      </c>
      <c r="W36381">
        <v>52</v>
      </c>
      <c r="X36381">
        <v>52</v>
      </c>
      <c r="Y36381">
        <v>53</v>
      </c>
      <c r="Z36381">
        <v>53</v>
      </c>
      <c r="AA36381">
        <v>54</v>
      </c>
      <c r="AB36381">
        <v>55</v>
      </c>
      <c r="AC36381">
        <v>55</v>
      </c>
      <c r="AD36381">
        <v>55</v>
      </c>
      <c r="AE36381">
        <v>56</v>
      </c>
      <c r="AF36381">
        <v>56</v>
      </c>
      <c r="AG36381">
        <v>57</v>
      </c>
      <c r="AH36381">
        <v>57</v>
      </c>
      <c r="AI36381">
        <v>58</v>
      </c>
      <c r="AJ36381">
        <v>58</v>
      </c>
      <c r="AK36381">
        <v>59</v>
      </c>
      <c r="AL36381">
        <v>59</v>
      </c>
      <c r="AM36381">
        <v>58</v>
      </c>
      <c r="AN36381">
        <v>58</v>
      </c>
      <c r="AO36381">
        <v>58</v>
      </c>
      <c r="AP36381">
        <v>58</v>
      </c>
      <c r="AQ36381">
        <v>58</v>
      </c>
    </row>
    <row r="36382" spans="1:43">
      <c r="A36382" t="s">
        <v>22553</v>
      </c>
      <c r="B36382" t="s">
        <v>22554</v>
      </c>
      <c r="C36382" t="s">
        <v>22549</v>
      </c>
      <c r="D36382" t="s">
        <v>22550</v>
      </c>
      <c r="E36382" t="s">
        <v>22537</v>
      </c>
      <c r="F36382" t="s">
        <v>22538</v>
      </c>
      <c r="G36382" t="s">
        <v>22539</v>
      </c>
      <c r="H36382" t="s">
        <v>22540</v>
      </c>
      <c r="I36382" s="2">
        <v>0</v>
      </c>
      <c r="J36382" s="2">
        <v>0</v>
      </c>
      <c r="K36382" s="2">
        <v>1</v>
      </c>
      <c r="L36382" t="s">
        <v>995</v>
      </c>
      <c r="M36382" t="s">
        <v>83</v>
      </c>
      <c r="N36382" t="s">
        <v>84</v>
      </c>
      <c r="O36382" t="s">
        <v>85</v>
      </c>
      <c r="P36382" t="s">
        <v>86</v>
      </c>
      <c r="Q36382">
        <v>111</v>
      </c>
      <c r="R36382">
        <v>112</v>
      </c>
      <c r="S36382">
        <v>114</v>
      </c>
      <c r="T36382">
        <v>115</v>
      </c>
      <c r="U36382">
        <v>117</v>
      </c>
      <c r="V36382">
        <v>118</v>
      </c>
      <c r="W36382">
        <v>120</v>
      </c>
      <c r="X36382">
        <v>121</v>
      </c>
      <c r="Y36382">
        <v>122</v>
      </c>
      <c r="Z36382">
        <v>124</v>
      </c>
      <c r="AA36382">
        <v>125</v>
      </c>
      <c r="AB36382">
        <v>126</v>
      </c>
      <c r="AC36382">
        <v>128</v>
      </c>
      <c r="AD36382">
        <v>129</v>
      </c>
      <c r="AE36382">
        <v>130</v>
      </c>
      <c r="AF36382">
        <v>131</v>
      </c>
      <c r="AG36382">
        <v>132</v>
      </c>
      <c r="AH36382">
        <v>133</v>
      </c>
      <c r="AI36382">
        <v>134</v>
      </c>
      <c r="AJ36382">
        <v>135</v>
      </c>
      <c r="AK36382">
        <v>137</v>
      </c>
      <c r="AL36382">
        <v>137</v>
      </c>
      <c r="AM36382">
        <v>137</v>
      </c>
      <c r="AN36382">
        <v>136</v>
      </c>
      <c r="AO36382">
        <v>136</v>
      </c>
      <c r="AP36382">
        <v>136</v>
      </c>
      <c r="AQ36382">
        <v>136</v>
      </c>
    </row>
    <row r="36383" spans="1:43">
      <c r="A36383" t="s">
        <v>22553</v>
      </c>
      <c r="B36383" t="s">
        <v>22554</v>
      </c>
      <c r="C36383" t="s">
        <v>22549</v>
      </c>
      <c r="D36383" t="s">
        <v>22550</v>
      </c>
      <c r="E36383" t="s">
        <v>22537</v>
      </c>
      <c r="F36383" t="s">
        <v>22538</v>
      </c>
      <c r="G36383" t="s">
        <v>22539</v>
      </c>
      <c r="H36383" t="s">
        <v>22540</v>
      </c>
      <c r="I36383" s="2">
        <v>0</v>
      </c>
      <c r="J36383" s="2">
        <v>0</v>
      </c>
      <c r="K36383" s="2">
        <v>1</v>
      </c>
      <c r="L36383" t="s">
        <v>995</v>
      </c>
      <c r="M36383" t="s">
        <v>87</v>
      </c>
      <c r="N36383" t="s">
        <v>88</v>
      </c>
      <c r="O36383" t="s">
        <v>85</v>
      </c>
      <c r="P36383" t="s">
        <v>86</v>
      </c>
      <c r="Q36383">
        <v>111</v>
      </c>
      <c r="R36383">
        <v>111</v>
      </c>
      <c r="S36383">
        <v>112</v>
      </c>
      <c r="T36383">
        <v>112</v>
      </c>
      <c r="U36383">
        <v>113</v>
      </c>
      <c r="V36383">
        <v>113</v>
      </c>
      <c r="W36383">
        <v>113</v>
      </c>
      <c r="X36383">
        <v>114</v>
      </c>
      <c r="Y36383">
        <v>114</v>
      </c>
      <c r="Z36383">
        <v>114</v>
      </c>
      <c r="AA36383">
        <v>115</v>
      </c>
      <c r="AB36383">
        <v>115</v>
      </c>
      <c r="AC36383">
        <v>115</v>
      </c>
      <c r="AD36383">
        <v>116</v>
      </c>
      <c r="AE36383">
        <v>116</v>
      </c>
      <c r="AF36383">
        <v>116</v>
      </c>
      <c r="AG36383">
        <v>117</v>
      </c>
      <c r="AH36383">
        <v>117</v>
      </c>
      <c r="AI36383">
        <v>117</v>
      </c>
      <c r="AJ36383">
        <v>118</v>
      </c>
      <c r="AK36383">
        <v>118</v>
      </c>
      <c r="AL36383">
        <v>118</v>
      </c>
      <c r="AM36383">
        <v>118</v>
      </c>
      <c r="AN36383">
        <v>118</v>
      </c>
      <c r="AO36383">
        <v>119</v>
      </c>
      <c r="AP36383">
        <v>119</v>
      </c>
      <c r="AQ36383">
        <v>119</v>
      </c>
    </row>
    <row r="36384" spans="1:43">
      <c r="A36384" t="s">
        <v>22553</v>
      </c>
      <c r="B36384" t="s">
        <v>22554</v>
      </c>
      <c r="C36384" t="s">
        <v>22549</v>
      </c>
      <c r="D36384" t="s">
        <v>22550</v>
      </c>
      <c r="E36384" t="s">
        <v>22537</v>
      </c>
      <c r="F36384" t="s">
        <v>22538</v>
      </c>
      <c r="G36384" t="s">
        <v>22539</v>
      </c>
      <c r="H36384" t="s">
        <v>22540</v>
      </c>
      <c r="I36384" s="2">
        <v>0</v>
      </c>
      <c r="J36384" s="2">
        <v>0</v>
      </c>
      <c r="K36384" s="2">
        <v>1</v>
      </c>
      <c r="L36384" t="s">
        <v>995</v>
      </c>
      <c r="M36384" t="s">
        <v>89</v>
      </c>
      <c r="N36384" t="s">
        <v>90</v>
      </c>
      <c r="O36384" t="s">
        <v>85</v>
      </c>
      <c r="P36384" t="s">
        <v>86</v>
      </c>
      <c r="Q36384">
        <v>111</v>
      </c>
      <c r="R36384">
        <v>113</v>
      </c>
      <c r="S36384">
        <v>116</v>
      </c>
      <c r="T36384">
        <v>118</v>
      </c>
      <c r="U36384">
        <v>120</v>
      </c>
      <c r="V36384">
        <v>123</v>
      </c>
      <c r="W36384">
        <v>125</v>
      </c>
      <c r="X36384">
        <v>127</v>
      </c>
      <c r="Y36384">
        <v>129</v>
      </c>
      <c r="Z36384">
        <v>130</v>
      </c>
      <c r="AA36384">
        <v>132</v>
      </c>
      <c r="AB36384">
        <v>134</v>
      </c>
      <c r="AC36384">
        <v>136</v>
      </c>
      <c r="AD36384">
        <v>137</v>
      </c>
      <c r="AE36384">
        <v>138</v>
      </c>
      <c r="AF36384">
        <v>138</v>
      </c>
      <c r="AG36384">
        <v>138</v>
      </c>
      <c r="AH36384">
        <v>138</v>
      </c>
      <c r="AI36384">
        <v>138</v>
      </c>
      <c r="AJ36384">
        <v>138</v>
      </c>
      <c r="AK36384">
        <v>137</v>
      </c>
      <c r="AL36384">
        <v>137</v>
      </c>
      <c r="AM36384">
        <v>137</v>
      </c>
      <c r="AN36384">
        <v>137</v>
      </c>
      <c r="AO36384">
        <v>137</v>
      </c>
      <c r="AP36384">
        <v>136</v>
      </c>
      <c r="AQ36384">
        <v>136</v>
      </c>
    </row>
    <row r="36385" spans="1:43">
      <c r="A36385" t="s">
        <v>22553</v>
      </c>
      <c r="B36385" t="s">
        <v>22554</v>
      </c>
      <c r="C36385" t="s">
        <v>22549</v>
      </c>
      <c r="D36385" t="s">
        <v>22550</v>
      </c>
      <c r="E36385" t="s">
        <v>22537</v>
      </c>
      <c r="F36385" t="s">
        <v>22538</v>
      </c>
      <c r="G36385" t="s">
        <v>22539</v>
      </c>
      <c r="H36385" t="s">
        <v>22540</v>
      </c>
      <c r="I36385" s="2">
        <v>0</v>
      </c>
      <c r="J36385" s="2">
        <v>0</v>
      </c>
      <c r="K36385" s="2">
        <v>1</v>
      </c>
      <c r="L36385" t="s">
        <v>995</v>
      </c>
      <c r="M36385" t="s">
        <v>83</v>
      </c>
      <c r="N36385" t="s">
        <v>91</v>
      </c>
      <c r="O36385" t="s">
        <v>85</v>
      </c>
      <c r="P36385" t="s">
        <v>86</v>
      </c>
      <c r="Q36385">
        <v>111</v>
      </c>
      <c r="R36385">
        <v>112</v>
      </c>
      <c r="S36385">
        <v>114</v>
      </c>
      <c r="T36385">
        <v>115</v>
      </c>
      <c r="U36385">
        <v>117</v>
      </c>
      <c r="V36385">
        <v>118</v>
      </c>
      <c r="W36385">
        <v>120</v>
      </c>
      <c r="X36385">
        <v>121</v>
      </c>
      <c r="Y36385">
        <v>122</v>
      </c>
      <c r="Z36385">
        <v>124</v>
      </c>
      <c r="AA36385">
        <v>125</v>
      </c>
      <c r="AB36385">
        <v>126</v>
      </c>
      <c r="AC36385">
        <v>128</v>
      </c>
      <c r="AD36385">
        <v>129</v>
      </c>
      <c r="AE36385">
        <v>130</v>
      </c>
      <c r="AF36385">
        <v>131</v>
      </c>
      <c r="AG36385">
        <v>132</v>
      </c>
      <c r="AH36385">
        <v>133</v>
      </c>
      <c r="AI36385">
        <v>134</v>
      </c>
      <c r="AJ36385">
        <v>135</v>
      </c>
      <c r="AK36385">
        <v>137</v>
      </c>
      <c r="AL36385">
        <v>137</v>
      </c>
      <c r="AM36385">
        <v>137</v>
      </c>
      <c r="AN36385">
        <v>136</v>
      </c>
      <c r="AO36385">
        <v>136</v>
      </c>
      <c r="AP36385">
        <v>136</v>
      </c>
      <c r="AQ36385">
        <v>136</v>
      </c>
    </row>
    <row r="36386" spans="1:43">
      <c r="A36386" t="s">
        <v>22555</v>
      </c>
      <c r="B36386" t="s">
        <v>22556</v>
      </c>
      <c r="C36386" t="s">
        <v>22557</v>
      </c>
      <c r="D36386" t="s">
        <v>22558</v>
      </c>
      <c r="E36386" t="s">
        <v>22537</v>
      </c>
      <c r="F36386" t="s">
        <v>22538</v>
      </c>
      <c r="G36386" t="s">
        <v>22539</v>
      </c>
      <c r="H36386" t="s">
        <v>22540</v>
      </c>
      <c r="I36386" s="2">
        <v>0</v>
      </c>
      <c r="J36386" s="2">
        <v>0</v>
      </c>
      <c r="K36386" s="2">
        <v>1</v>
      </c>
      <c r="L36386" t="s">
        <v>995</v>
      </c>
      <c r="M36386" t="s">
        <v>83</v>
      </c>
      <c r="N36386" t="s">
        <v>84</v>
      </c>
      <c r="O36386" t="s">
        <v>85</v>
      </c>
      <c r="P36386" t="s">
        <v>86</v>
      </c>
      <c r="Q36386">
        <v>25</v>
      </c>
      <c r="R36386">
        <v>25</v>
      </c>
      <c r="S36386">
        <v>26</v>
      </c>
      <c r="T36386">
        <v>26</v>
      </c>
      <c r="U36386">
        <v>26</v>
      </c>
      <c r="V36386">
        <v>27</v>
      </c>
      <c r="W36386">
        <v>27</v>
      </c>
      <c r="X36386">
        <v>27</v>
      </c>
      <c r="Y36386">
        <v>28</v>
      </c>
      <c r="Z36386">
        <v>28</v>
      </c>
      <c r="AA36386">
        <v>28</v>
      </c>
      <c r="AB36386">
        <v>28</v>
      </c>
      <c r="AC36386">
        <v>29</v>
      </c>
      <c r="AD36386">
        <v>29</v>
      </c>
      <c r="AE36386">
        <v>29</v>
      </c>
      <c r="AF36386">
        <v>29</v>
      </c>
      <c r="AG36386">
        <v>30</v>
      </c>
      <c r="AH36386">
        <v>30</v>
      </c>
      <c r="AI36386">
        <v>30</v>
      </c>
      <c r="AJ36386">
        <v>30</v>
      </c>
      <c r="AK36386">
        <v>31</v>
      </c>
      <c r="AL36386">
        <v>31</v>
      </c>
      <c r="AM36386">
        <v>31</v>
      </c>
      <c r="AN36386">
        <v>31</v>
      </c>
      <c r="AO36386">
        <v>31</v>
      </c>
      <c r="AP36386">
        <v>31</v>
      </c>
      <c r="AQ36386">
        <v>30</v>
      </c>
    </row>
    <row r="36387" spans="1:43">
      <c r="A36387" t="s">
        <v>22555</v>
      </c>
      <c r="B36387" t="s">
        <v>22556</v>
      </c>
      <c r="C36387" t="s">
        <v>22557</v>
      </c>
      <c r="D36387" t="s">
        <v>22558</v>
      </c>
      <c r="E36387" t="s">
        <v>22537</v>
      </c>
      <c r="F36387" t="s">
        <v>22538</v>
      </c>
      <c r="G36387" t="s">
        <v>22539</v>
      </c>
      <c r="H36387" t="s">
        <v>22540</v>
      </c>
      <c r="I36387" s="2">
        <v>0</v>
      </c>
      <c r="J36387" s="2">
        <v>0</v>
      </c>
      <c r="K36387" s="2">
        <v>1</v>
      </c>
      <c r="L36387" t="s">
        <v>995</v>
      </c>
      <c r="M36387" t="s">
        <v>87</v>
      </c>
      <c r="N36387" t="s">
        <v>88</v>
      </c>
      <c r="O36387" t="s">
        <v>85</v>
      </c>
      <c r="P36387" t="s">
        <v>86</v>
      </c>
      <c r="Q36387">
        <v>25</v>
      </c>
      <c r="R36387">
        <v>25</v>
      </c>
      <c r="S36387">
        <v>25</v>
      </c>
      <c r="T36387">
        <v>25</v>
      </c>
      <c r="U36387">
        <v>25</v>
      </c>
      <c r="V36387">
        <v>25</v>
      </c>
      <c r="W36387">
        <v>25</v>
      </c>
      <c r="X36387">
        <v>25</v>
      </c>
      <c r="Y36387">
        <v>25</v>
      </c>
      <c r="Z36387">
        <v>26</v>
      </c>
      <c r="AA36387">
        <v>26</v>
      </c>
      <c r="AB36387">
        <v>26</v>
      </c>
      <c r="AC36387">
        <v>26</v>
      </c>
      <c r="AD36387">
        <v>26</v>
      </c>
      <c r="AE36387">
        <v>26</v>
      </c>
      <c r="AF36387">
        <v>26</v>
      </c>
      <c r="AG36387">
        <v>26</v>
      </c>
      <c r="AH36387">
        <v>26</v>
      </c>
      <c r="AI36387">
        <v>26</v>
      </c>
      <c r="AJ36387">
        <v>26</v>
      </c>
      <c r="AK36387">
        <v>26</v>
      </c>
      <c r="AL36387">
        <v>26</v>
      </c>
      <c r="AM36387">
        <v>26</v>
      </c>
      <c r="AN36387">
        <v>26</v>
      </c>
      <c r="AO36387">
        <v>26</v>
      </c>
      <c r="AP36387">
        <v>26</v>
      </c>
      <c r="AQ36387">
        <v>26</v>
      </c>
    </row>
    <row r="36388" spans="1:43">
      <c r="A36388" t="s">
        <v>22555</v>
      </c>
      <c r="B36388" t="s">
        <v>22556</v>
      </c>
      <c r="C36388" t="s">
        <v>22557</v>
      </c>
      <c r="D36388" t="s">
        <v>22558</v>
      </c>
      <c r="E36388" t="s">
        <v>22537</v>
      </c>
      <c r="F36388" t="s">
        <v>22538</v>
      </c>
      <c r="G36388" t="s">
        <v>22539</v>
      </c>
      <c r="H36388" t="s">
        <v>22540</v>
      </c>
      <c r="I36388" s="2">
        <v>0</v>
      </c>
      <c r="J36388" s="2">
        <v>0</v>
      </c>
      <c r="K36388" s="2">
        <v>1</v>
      </c>
      <c r="L36388" t="s">
        <v>995</v>
      </c>
      <c r="M36388" t="s">
        <v>89</v>
      </c>
      <c r="N36388" t="s">
        <v>90</v>
      </c>
      <c r="O36388" t="s">
        <v>85</v>
      </c>
      <c r="P36388" t="s">
        <v>86</v>
      </c>
      <c r="Q36388">
        <v>25</v>
      </c>
      <c r="R36388">
        <v>26</v>
      </c>
      <c r="S36388">
        <v>26</v>
      </c>
      <c r="T36388">
        <v>27</v>
      </c>
      <c r="U36388">
        <v>27</v>
      </c>
      <c r="V36388">
        <v>28</v>
      </c>
      <c r="W36388">
        <v>28</v>
      </c>
      <c r="X36388">
        <v>29</v>
      </c>
      <c r="Y36388">
        <v>29</v>
      </c>
      <c r="Z36388">
        <v>30</v>
      </c>
      <c r="AA36388">
        <v>30</v>
      </c>
      <c r="AB36388">
        <v>30</v>
      </c>
      <c r="AC36388">
        <v>31</v>
      </c>
      <c r="AD36388">
        <v>31</v>
      </c>
      <c r="AE36388">
        <v>31</v>
      </c>
      <c r="AF36388">
        <v>31</v>
      </c>
      <c r="AG36388">
        <v>31</v>
      </c>
      <c r="AH36388">
        <v>31</v>
      </c>
      <c r="AI36388">
        <v>31</v>
      </c>
      <c r="AJ36388">
        <v>31</v>
      </c>
      <c r="AK36388">
        <v>31</v>
      </c>
      <c r="AL36388">
        <v>31</v>
      </c>
      <c r="AM36388">
        <v>31</v>
      </c>
      <c r="AN36388">
        <v>31</v>
      </c>
      <c r="AO36388">
        <v>31</v>
      </c>
      <c r="AP36388">
        <v>31</v>
      </c>
      <c r="AQ36388">
        <v>31</v>
      </c>
    </row>
    <row r="36389" spans="1:43">
      <c r="A36389" t="s">
        <v>22555</v>
      </c>
      <c r="B36389" t="s">
        <v>22556</v>
      </c>
      <c r="C36389" t="s">
        <v>22557</v>
      </c>
      <c r="D36389" t="s">
        <v>22558</v>
      </c>
      <c r="E36389" t="s">
        <v>22537</v>
      </c>
      <c r="F36389" t="s">
        <v>22538</v>
      </c>
      <c r="G36389" t="s">
        <v>22539</v>
      </c>
      <c r="H36389" t="s">
        <v>22540</v>
      </c>
      <c r="I36389" s="2">
        <v>0</v>
      </c>
      <c r="J36389" s="2">
        <v>0</v>
      </c>
      <c r="K36389" s="2">
        <v>1</v>
      </c>
      <c r="L36389" t="s">
        <v>995</v>
      </c>
      <c r="M36389" t="s">
        <v>83</v>
      </c>
      <c r="N36389" t="s">
        <v>91</v>
      </c>
      <c r="O36389" t="s">
        <v>85</v>
      </c>
      <c r="P36389" t="s">
        <v>86</v>
      </c>
      <c r="Q36389">
        <v>25</v>
      </c>
      <c r="R36389">
        <v>25</v>
      </c>
      <c r="S36389">
        <v>26</v>
      </c>
      <c r="T36389">
        <v>26</v>
      </c>
      <c r="U36389">
        <v>26</v>
      </c>
      <c r="V36389">
        <v>27</v>
      </c>
      <c r="W36389">
        <v>27</v>
      </c>
      <c r="X36389">
        <v>27</v>
      </c>
      <c r="Y36389">
        <v>28</v>
      </c>
      <c r="Z36389">
        <v>28</v>
      </c>
      <c r="AA36389">
        <v>28</v>
      </c>
      <c r="AB36389">
        <v>28</v>
      </c>
      <c r="AC36389">
        <v>29</v>
      </c>
      <c r="AD36389">
        <v>29</v>
      </c>
      <c r="AE36389">
        <v>29</v>
      </c>
      <c r="AF36389">
        <v>29</v>
      </c>
      <c r="AG36389">
        <v>30</v>
      </c>
      <c r="AH36389">
        <v>30</v>
      </c>
      <c r="AI36389">
        <v>30</v>
      </c>
      <c r="AJ36389">
        <v>30</v>
      </c>
      <c r="AK36389">
        <v>31</v>
      </c>
      <c r="AL36389">
        <v>31</v>
      </c>
      <c r="AM36389">
        <v>31</v>
      </c>
      <c r="AN36389">
        <v>31</v>
      </c>
      <c r="AO36389">
        <v>31</v>
      </c>
      <c r="AP36389">
        <v>31</v>
      </c>
      <c r="AQ36389">
        <v>30</v>
      </c>
    </row>
    <row r="36390" spans="1:43">
      <c r="A36390" t="s">
        <v>22559</v>
      </c>
      <c r="B36390" t="s">
        <v>22560</v>
      </c>
      <c r="C36390" t="s">
        <v>22549</v>
      </c>
      <c r="D36390" t="s">
        <v>22550</v>
      </c>
      <c r="E36390" t="s">
        <v>22537</v>
      </c>
      <c r="F36390" t="s">
        <v>22538</v>
      </c>
      <c r="G36390" t="s">
        <v>22539</v>
      </c>
      <c r="H36390" t="s">
        <v>22540</v>
      </c>
      <c r="I36390" s="2">
        <v>0</v>
      </c>
      <c r="J36390" s="2">
        <v>0</v>
      </c>
      <c r="K36390" s="2">
        <v>1</v>
      </c>
      <c r="L36390" t="s">
        <v>995</v>
      </c>
      <c r="M36390" t="s">
        <v>83</v>
      </c>
      <c r="N36390" t="s">
        <v>84</v>
      </c>
      <c r="O36390" t="s">
        <v>85</v>
      </c>
      <c r="P36390" t="s">
        <v>86</v>
      </c>
      <c r="Q36390">
        <v>25</v>
      </c>
      <c r="R36390">
        <v>25</v>
      </c>
      <c r="S36390">
        <v>25</v>
      </c>
      <c r="T36390">
        <v>26</v>
      </c>
      <c r="U36390">
        <v>26</v>
      </c>
      <c r="V36390">
        <v>26</v>
      </c>
      <c r="W36390">
        <v>26</v>
      </c>
      <c r="X36390">
        <v>27</v>
      </c>
      <c r="Y36390">
        <v>27</v>
      </c>
      <c r="Z36390">
        <v>27</v>
      </c>
      <c r="AA36390">
        <v>28</v>
      </c>
      <c r="AB36390">
        <v>28</v>
      </c>
      <c r="AC36390">
        <v>28</v>
      </c>
      <c r="AD36390">
        <v>29</v>
      </c>
      <c r="AE36390">
        <v>29</v>
      </c>
      <c r="AF36390">
        <v>29</v>
      </c>
      <c r="AG36390">
        <v>29</v>
      </c>
      <c r="AH36390">
        <v>30</v>
      </c>
      <c r="AI36390">
        <v>30</v>
      </c>
      <c r="AJ36390">
        <v>30</v>
      </c>
      <c r="AK36390">
        <v>30</v>
      </c>
      <c r="AL36390">
        <v>30</v>
      </c>
      <c r="AM36390">
        <v>30</v>
      </c>
      <c r="AN36390">
        <v>30</v>
      </c>
      <c r="AO36390">
        <v>30</v>
      </c>
      <c r="AP36390">
        <v>30</v>
      </c>
      <c r="AQ36390">
        <v>30</v>
      </c>
    </row>
    <row r="36391" spans="1:43">
      <c r="A36391" t="s">
        <v>22559</v>
      </c>
      <c r="B36391" t="s">
        <v>22560</v>
      </c>
      <c r="C36391" t="s">
        <v>22549</v>
      </c>
      <c r="D36391" t="s">
        <v>22550</v>
      </c>
      <c r="E36391" t="s">
        <v>22537</v>
      </c>
      <c r="F36391" t="s">
        <v>22538</v>
      </c>
      <c r="G36391" t="s">
        <v>22539</v>
      </c>
      <c r="H36391" t="s">
        <v>22540</v>
      </c>
      <c r="I36391" s="2">
        <v>0</v>
      </c>
      <c r="J36391" s="2">
        <v>0</v>
      </c>
      <c r="K36391" s="2">
        <v>1</v>
      </c>
      <c r="L36391" t="s">
        <v>995</v>
      </c>
      <c r="M36391" t="s">
        <v>87</v>
      </c>
      <c r="N36391" t="s">
        <v>88</v>
      </c>
      <c r="O36391" t="s">
        <v>85</v>
      </c>
      <c r="P36391" t="s">
        <v>86</v>
      </c>
      <c r="Q36391">
        <v>25</v>
      </c>
      <c r="R36391">
        <v>25</v>
      </c>
      <c r="S36391">
        <v>26</v>
      </c>
      <c r="T36391">
        <v>26</v>
      </c>
      <c r="U36391">
        <v>26</v>
      </c>
      <c r="V36391">
        <v>26</v>
      </c>
      <c r="W36391">
        <v>26</v>
      </c>
      <c r="X36391">
        <v>26</v>
      </c>
      <c r="Y36391">
        <v>26</v>
      </c>
      <c r="Z36391">
        <v>26</v>
      </c>
      <c r="AA36391">
        <v>26</v>
      </c>
      <c r="AB36391">
        <v>26</v>
      </c>
      <c r="AC36391">
        <v>26</v>
      </c>
      <c r="AD36391">
        <v>26</v>
      </c>
      <c r="AE36391">
        <v>27</v>
      </c>
      <c r="AF36391">
        <v>27</v>
      </c>
      <c r="AG36391">
        <v>27</v>
      </c>
      <c r="AH36391">
        <v>27</v>
      </c>
      <c r="AI36391">
        <v>27</v>
      </c>
      <c r="AJ36391">
        <v>27</v>
      </c>
      <c r="AK36391">
        <v>27</v>
      </c>
      <c r="AL36391">
        <v>27</v>
      </c>
      <c r="AM36391">
        <v>27</v>
      </c>
      <c r="AN36391">
        <v>27</v>
      </c>
      <c r="AO36391">
        <v>27</v>
      </c>
      <c r="AP36391">
        <v>27</v>
      </c>
      <c r="AQ36391">
        <v>27</v>
      </c>
    </row>
    <row r="36392" spans="1:43">
      <c r="A36392" t="s">
        <v>22559</v>
      </c>
      <c r="B36392" t="s">
        <v>22560</v>
      </c>
      <c r="C36392" t="s">
        <v>22549</v>
      </c>
      <c r="D36392" t="s">
        <v>22550</v>
      </c>
      <c r="E36392" t="s">
        <v>22537</v>
      </c>
      <c r="F36392" t="s">
        <v>22538</v>
      </c>
      <c r="G36392" t="s">
        <v>22539</v>
      </c>
      <c r="H36392" t="s">
        <v>22540</v>
      </c>
      <c r="I36392" s="2">
        <v>0</v>
      </c>
      <c r="J36392" s="2">
        <v>0</v>
      </c>
      <c r="K36392" s="2">
        <v>1</v>
      </c>
      <c r="L36392" t="s">
        <v>995</v>
      </c>
      <c r="M36392" t="s">
        <v>89</v>
      </c>
      <c r="N36392" t="s">
        <v>90</v>
      </c>
      <c r="O36392" t="s">
        <v>85</v>
      </c>
      <c r="P36392" t="s">
        <v>86</v>
      </c>
      <c r="Q36392">
        <v>25</v>
      </c>
      <c r="R36392">
        <v>25</v>
      </c>
      <c r="S36392">
        <v>26</v>
      </c>
      <c r="T36392">
        <v>26</v>
      </c>
      <c r="U36392">
        <v>27</v>
      </c>
      <c r="V36392">
        <v>27</v>
      </c>
      <c r="W36392">
        <v>28</v>
      </c>
      <c r="X36392">
        <v>28</v>
      </c>
      <c r="Y36392">
        <v>29</v>
      </c>
      <c r="Z36392">
        <v>29</v>
      </c>
      <c r="AA36392">
        <v>29</v>
      </c>
      <c r="AB36392">
        <v>30</v>
      </c>
      <c r="AC36392">
        <v>30</v>
      </c>
      <c r="AD36392">
        <v>31</v>
      </c>
      <c r="AE36392">
        <v>31</v>
      </c>
      <c r="AF36392">
        <v>31</v>
      </c>
      <c r="AG36392">
        <v>31</v>
      </c>
      <c r="AH36392">
        <v>31</v>
      </c>
      <c r="AI36392">
        <v>31</v>
      </c>
      <c r="AJ36392">
        <v>31</v>
      </c>
      <c r="AK36392">
        <v>31</v>
      </c>
      <c r="AL36392">
        <v>31</v>
      </c>
      <c r="AM36392">
        <v>31</v>
      </c>
      <c r="AN36392">
        <v>31</v>
      </c>
      <c r="AO36392">
        <v>31</v>
      </c>
      <c r="AP36392">
        <v>31</v>
      </c>
      <c r="AQ36392">
        <v>31</v>
      </c>
    </row>
    <row r="36393" spans="1:43">
      <c r="A36393" t="s">
        <v>22559</v>
      </c>
      <c r="B36393" t="s">
        <v>22560</v>
      </c>
      <c r="C36393" t="s">
        <v>22549</v>
      </c>
      <c r="D36393" t="s">
        <v>22550</v>
      </c>
      <c r="E36393" t="s">
        <v>22537</v>
      </c>
      <c r="F36393" t="s">
        <v>22538</v>
      </c>
      <c r="G36393" t="s">
        <v>22539</v>
      </c>
      <c r="H36393" t="s">
        <v>22540</v>
      </c>
      <c r="I36393" s="2">
        <v>0</v>
      </c>
      <c r="J36393" s="2">
        <v>0</v>
      </c>
      <c r="K36393" s="2">
        <v>1</v>
      </c>
      <c r="L36393" t="s">
        <v>995</v>
      </c>
      <c r="M36393" t="s">
        <v>83</v>
      </c>
      <c r="N36393" t="s">
        <v>91</v>
      </c>
      <c r="O36393" t="s">
        <v>85</v>
      </c>
      <c r="P36393" t="s">
        <v>86</v>
      </c>
      <c r="Q36393">
        <v>25</v>
      </c>
      <c r="R36393">
        <v>25</v>
      </c>
      <c r="S36393">
        <v>25</v>
      </c>
      <c r="T36393">
        <v>26</v>
      </c>
      <c r="U36393">
        <v>26</v>
      </c>
      <c r="V36393">
        <v>26</v>
      </c>
      <c r="W36393">
        <v>26</v>
      </c>
      <c r="X36393">
        <v>27</v>
      </c>
      <c r="Y36393">
        <v>27</v>
      </c>
      <c r="Z36393">
        <v>27</v>
      </c>
      <c r="AA36393">
        <v>28</v>
      </c>
      <c r="AB36393">
        <v>28</v>
      </c>
      <c r="AC36393">
        <v>28</v>
      </c>
      <c r="AD36393">
        <v>29</v>
      </c>
      <c r="AE36393">
        <v>29</v>
      </c>
      <c r="AF36393">
        <v>29</v>
      </c>
      <c r="AG36393">
        <v>29</v>
      </c>
      <c r="AH36393">
        <v>30</v>
      </c>
      <c r="AI36393">
        <v>30</v>
      </c>
      <c r="AJ36393">
        <v>30</v>
      </c>
      <c r="AK36393">
        <v>30</v>
      </c>
      <c r="AL36393">
        <v>30</v>
      </c>
      <c r="AM36393">
        <v>30</v>
      </c>
      <c r="AN36393">
        <v>30</v>
      </c>
      <c r="AO36393">
        <v>30</v>
      </c>
      <c r="AP36393">
        <v>30</v>
      </c>
      <c r="AQ36393">
        <v>30</v>
      </c>
    </row>
    <row r="36394" spans="1:43">
      <c r="A36394" t="s">
        <v>22561</v>
      </c>
      <c r="B36394" t="s">
        <v>22562</v>
      </c>
      <c r="C36394" t="s">
        <v>22549</v>
      </c>
      <c r="D36394" t="s">
        <v>22550</v>
      </c>
      <c r="E36394" t="s">
        <v>22537</v>
      </c>
      <c r="F36394" t="s">
        <v>22538</v>
      </c>
      <c r="G36394" t="s">
        <v>22539</v>
      </c>
      <c r="H36394" t="s">
        <v>22540</v>
      </c>
      <c r="I36394" s="2">
        <v>0</v>
      </c>
      <c r="J36394" s="2">
        <v>0</v>
      </c>
      <c r="K36394" s="2">
        <v>1</v>
      </c>
      <c r="L36394" t="s">
        <v>995</v>
      </c>
      <c r="M36394" t="s">
        <v>83</v>
      </c>
      <c r="N36394" t="s">
        <v>84</v>
      </c>
      <c r="O36394" t="s">
        <v>85</v>
      </c>
      <c r="P36394" t="s">
        <v>86</v>
      </c>
      <c r="Q36394">
        <v>22</v>
      </c>
      <c r="R36394">
        <v>22</v>
      </c>
      <c r="S36394">
        <v>22</v>
      </c>
      <c r="T36394">
        <v>22</v>
      </c>
      <c r="U36394">
        <v>23</v>
      </c>
      <c r="V36394">
        <v>23</v>
      </c>
      <c r="W36394">
        <v>23</v>
      </c>
      <c r="X36394">
        <v>23</v>
      </c>
      <c r="Y36394">
        <v>24</v>
      </c>
      <c r="Z36394">
        <v>24</v>
      </c>
      <c r="AA36394">
        <v>24</v>
      </c>
      <c r="AB36394">
        <v>24</v>
      </c>
      <c r="AC36394">
        <v>25</v>
      </c>
      <c r="AD36394">
        <v>25</v>
      </c>
      <c r="AE36394">
        <v>25</v>
      </c>
      <c r="AF36394">
        <v>25</v>
      </c>
      <c r="AG36394">
        <v>25</v>
      </c>
      <c r="AH36394">
        <v>26</v>
      </c>
      <c r="AI36394">
        <v>26</v>
      </c>
      <c r="AJ36394">
        <v>26</v>
      </c>
      <c r="AK36394">
        <v>26</v>
      </c>
      <c r="AL36394">
        <v>26</v>
      </c>
      <c r="AM36394">
        <v>26</v>
      </c>
      <c r="AN36394">
        <v>26</v>
      </c>
      <c r="AO36394">
        <v>26</v>
      </c>
      <c r="AP36394">
        <v>26</v>
      </c>
      <c r="AQ36394">
        <v>26</v>
      </c>
    </row>
    <row r="36395" spans="1:43">
      <c r="A36395" t="s">
        <v>22561</v>
      </c>
      <c r="B36395" t="s">
        <v>22562</v>
      </c>
      <c r="C36395" t="s">
        <v>22549</v>
      </c>
      <c r="D36395" t="s">
        <v>22550</v>
      </c>
      <c r="E36395" t="s">
        <v>22537</v>
      </c>
      <c r="F36395" t="s">
        <v>22538</v>
      </c>
      <c r="G36395" t="s">
        <v>22539</v>
      </c>
      <c r="H36395" t="s">
        <v>22540</v>
      </c>
      <c r="I36395" s="2">
        <v>0</v>
      </c>
      <c r="J36395" s="2">
        <v>0</v>
      </c>
      <c r="K36395" s="2">
        <v>1</v>
      </c>
      <c r="L36395" t="s">
        <v>995</v>
      </c>
      <c r="M36395" t="s">
        <v>87</v>
      </c>
      <c r="N36395" t="s">
        <v>88</v>
      </c>
      <c r="O36395" t="s">
        <v>85</v>
      </c>
      <c r="P36395" t="s">
        <v>86</v>
      </c>
      <c r="Q36395">
        <v>22</v>
      </c>
      <c r="R36395">
        <v>22</v>
      </c>
      <c r="S36395">
        <v>23</v>
      </c>
      <c r="T36395">
        <v>23</v>
      </c>
      <c r="U36395">
        <v>23</v>
      </c>
      <c r="V36395">
        <v>23</v>
      </c>
      <c r="W36395">
        <v>23</v>
      </c>
      <c r="X36395">
        <v>23</v>
      </c>
      <c r="Y36395">
        <v>23</v>
      </c>
      <c r="Z36395">
        <v>23</v>
      </c>
      <c r="AA36395">
        <v>23</v>
      </c>
      <c r="AB36395">
        <v>23</v>
      </c>
      <c r="AC36395">
        <v>23</v>
      </c>
      <c r="AD36395">
        <v>23</v>
      </c>
      <c r="AE36395">
        <v>23</v>
      </c>
      <c r="AF36395">
        <v>23</v>
      </c>
      <c r="AG36395">
        <v>23</v>
      </c>
      <c r="AH36395">
        <v>23</v>
      </c>
      <c r="AI36395">
        <v>23</v>
      </c>
      <c r="AJ36395">
        <v>23</v>
      </c>
      <c r="AK36395">
        <v>23</v>
      </c>
      <c r="AL36395">
        <v>23</v>
      </c>
      <c r="AM36395">
        <v>23</v>
      </c>
      <c r="AN36395">
        <v>23</v>
      </c>
      <c r="AO36395">
        <v>23</v>
      </c>
      <c r="AP36395">
        <v>23</v>
      </c>
      <c r="AQ36395">
        <v>23</v>
      </c>
    </row>
    <row r="36396" spans="1:43">
      <c r="A36396" t="s">
        <v>22561</v>
      </c>
      <c r="B36396" t="s">
        <v>22562</v>
      </c>
      <c r="C36396" t="s">
        <v>22549</v>
      </c>
      <c r="D36396" t="s">
        <v>22550</v>
      </c>
      <c r="E36396" t="s">
        <v>22537</v>
      </c>
      <c r="F36396" t="s">
        <v>22538</v>
      </c>
      <c r="G36396" t="s">
        <v>22539</v>
      </c>
      <c r="H36396" t="s">
        <v>22540</v>
      </c>
      <c r="I36396" s="2">
        <v>0</v>
      </c>
      <c r="J36396" s="2">
        <v>0</v>
      </c>
      <c r="K36396" s="2">
        <v>1</v>
      </c>
      <c r="L36396" t="s">
        <v>995</v>
      </c>
      <c r="M36396" t="s">
        <v>89</v>
      </c>
      <c r="N36396" t="s">
        <v>90</v>
      </c>
      <c r="O36396" t="s">
        <v>85</v>
      </c>
      <c r="P36396" t="s">
        <v>86</v>
      </c>
      <c r="Q36396">
        <v>22</v>
      </c>
      <c r="R36396">
        <v>22</v>
      </c>
      <c r="S36396">
        <v>23</v>
      </c>
      <c r="T36396">
        <v>23</v>
      </c>
      <c r="U36396">
        <v>24</v>
      </c>
      <c r="V36396">
        <v>24</v>
      </c>
      <c r="W36396">
        <v>24</v>
      </c>
      <c r="X36396">
        <v>25</v>
      </c>
      <c r="Y36396">
        <v>25</v>
      </c>
      <c r="Z36396">
        <v>25</v>
      </c>
      <c r="AA36396">
        <v>26</v>
      </c>
      <c r="AB36396">
        <v>26</v>
      </c>
      <c r="AC36396">
        <v>26</v>
      </c>
      <c r="AD36396">
        <v>27</v>
      </c>
      <c r="AE36396">
        <v>27</v>
      </c>
      <c r="AF36396">
        <v>27</v>
      </c>
      <c r="AG36396">
        <v>27</v>
      </c>
      <c r="AH36396">
        <v>27</v>
      </c>
      <c r="AI36396">
        <v>27</v>
      </c>
      <c r="AJ36396">
        <v>27</v>
      </c>
      <c r="AK36396">
        <v>26</v>
      </c>
      <c r="AL36396">
        <v>26</v>
      </c>
      <c r="AM36396">
        <v>26</v>
      </c>
      <c r="AN36396">
        <v>26</v>
      </c>
      <c r="AO36396">
        <v>26</v>
      </c>
      <c r="AP36396">
        <v>26</v>
      </c>
      <c r="AQ36396">
        <v>26</v>
      </c>
    </row>
    <row r="36397" spans="1:43">
      <c r="A36397" t="s">
        <v>22561</v>
      </c>
      <c r="B36397" t="s">
        <v>22562</v>
      </c>
      <c r="C36397" t="s">
        <v>22549</v>
      </c>
      <c r="D36397" t="s">
        <v>22550</v>
      </c>
      <c r="E36397" t="s">
        <v>22537</v>
      </c>
      <c r="F36397" t="s">
        <v>22538</v>
      </c>
      <c r="G36397" t="s">
        <v>22539</v>
      </c>
      <c r="H36397" t="s">
        <v>22540</v>
      </c>
      <c r="I36397" s="2">
        <v>0</v>
      </c>
      <c r="J36397" s="2">
        <v>0</v>
      </c>
      <c r="K36397" s="2">
        <v>1</v>
      </c>
      <c r="L36397" t="s">
        <v>995</v>
      </c>
      <c r="M36397" t="s">
        <v>83</v>
      </c>
      <c r="N36397" t="s">
        <v>91</v>
      </c>
      <c r="O36397" t="s">
        <v>85</v>
      </c>
      <c r="P36397" t="s">
        <v>86</v>
      </c>
      <c r="Q36397">
        <v>22</v>
      </c>
      <c r="R36397">
        <v>22</v>
      </c>
      <c r="S36397">
        <v>22</v>
      </c>
      <c r="T36397">
        <v>22</v>
      </c>
      <c r="U36397">
        <v>23</v>
      </c>
      <c r="V36397">
        <v>23</v>
      </c>
      <c r="W36397">
        <v>23</v>
      </c>
      <c r="X36397">
        <v>23</v>
      </c>
      <c r="Y36397">
        <v>24</v>
      </c>
      <c r="Z36397">
        <v>24</v>
      </c>
      <c r="AA36397">
        <v>24</v>
      </c>
      <c r="AB36397">
        <v>24</v>
      </c>
      <c r="AC36397">
        <v>25</v>
      </c>
      <c r="AD36397">
        <v>25</v>
      </c>
      <c r="AE36397">
        <v>25</v>
      </c>
      <c r="AF36397">
        <v>25</v>
      </c>
      <c r="AG36397">
        <v>25</v>
      </c>
      <c r="AH36397">
        <v>26</v>
      </c>
      <c r="AI36397">
        <v>26</v>
      </c>
      <c r="AJ36397">
        <v>26</v>
      </c>
      <c r="AK36397">
        <v>26</v>
      </c>
      <c r="AL36397">
        <v>26</v>
      </c>
      <c r="AM36397">
        <v>26</v>
      </c>
      <c r="AN36397">
        <v>26</v>
      </c>
      <c r="AO36397">
        <v>26</v>
      </c>
      <c r="AP36397">
        <v>26</v>
      </c>
      <c r="AQ36397">
        <v>26</v>
      </c>
    </row>
    <row r="36398" spans="1:43">
      <c r="A36398" t="s">
        <v>22563</v>
      </c>
      <c r="B36398" t="s">
        <v>22564</v>
      </c>
      <c r="C36398" t="s">
        <v>22549</v>
      </c>
      <c r="D36398" t="s">
        <v>22550</v>
      </c>
      <c r="E36398" t="s">
        <v>22537</v>
      </c>
      <c r="F36398" t="s">
        <v>22538</v>
      </c>
      <c r="G36398" t="s">
        <v>22539</v>
      </c>
      <c r="H36398" t="s">
        <v>22540</v>
      </c>
      <c r="I36398" s="2">
        <v>0</v>
      </c>
      <c r="J36398" s="2">
        <v>0</v>
      </c>
      <c r="K36398" s="2">
        <v>1</v>
      </c>
      <c r="L36398" t="s">
        <v>995</v>
      </c>
      <c r="M36398" t="s">
        <v>83</v>
      </c>
      <c r="N36398" t="s">
        <v>84</v>
      </c>
      <c r="O36398" t="s">
        <v>85</v>
      </c>
      <c r="P36398" t="s">
        <v>86</v>
      </c>
      <c r="Q36398">
        <v>21</v>
      </c>
      <c r="R36398">
        <v>22</v>
      </c>
      <c r="S36398">
        <v>22</v>
      </c>
      <c r="T36398">
        <v>22</v>
      </c>
      <c r="U36398">
        <v>23</v>
      </c>
      <c r="V36398">
        <v>23</v>
      </c>
      <c r="W36398">
        <v>23</v>
      </c>
      <c r="X36398">
        <v>23</v>
      </c>
      <c r="Y36398">
        <v>24</v>
      </c>
      <c r="Z36398">
        <v>24</v>
      </c>
      <c r="AA36398">
        <v>24</v>
      </c>
      <c r="AB36398">
        <v>24</v>
      </c>
      <c r="AC36398">
        <v>25</v>
      </c>
      <c r="AD36398">
        <v>25</v>
      </c>
      <c r="AE36398">
        <v>25</v>
      </c>
      <c r="AF36398">
        <v>25</v>
      </c>
      <c r="AG36398">
        <v>25</v>
      </c>
      <c r="AH36398">
        <v>26</v>
      </c>
      <c r="AI36398">
        <v>26</v>
      </c>
      <c r="AJ36398">
        <v>26</v>
      </c>
      <c r="AK36398">
        <v>26</v>
      </c>
      <c r="AL36398">
        <v>26</v>
      </c>
      <c r="AM36398">
        <v>26</v>
      </c>
      <c r="AN36398">
        <v>26</v>
      </c>
      <c r="AO36398">
        <v>26</v>
      </c>
      <c r="AP36398">
        <v>26</v>
      </c>
      <c r="AQ36398">
        <v>26</v>
      </c>
    </row>
    <row r="36399" spans="1:43">
      <c r="A36399" t="s">
        <v>22563</v>
      </c>
      <c r="B36399" t="s">
        <v>22564</v>
      </c>
      <c r="C36399" t="s">
        <v>22549</v>
      </c>
      <c r="D36399" t="s">
        <v>22550</v>
      </c>
      <c r="E36399" t="s">
        <v>22537</v>
      </c>
      <c r="F36399" t="s">
        <v>22538</v>
      </c>
      <c r="G36399" t="s">
        <v>22539</v>
      </c>
      <c r="H36399" t="s">
        <v>22540</v>
      </c>
      <c r="I36399" s="2">
        <v>0</v>
      </c>
      <c r="J36399" s="2">
        <v>0</v>
      </c>
      <c r="K36399" s="2">
        <v>1</v>
      </c>
      <c r="L36399" t="s">
        <v>995</v>
      </c>
      <c r="M36399" t="s">
        <v>87</v>
      </c>
      <c r="N36399" t="s">
        <v>88</v>
      </c>
      <c r="O36399" t="s">
        <v>85</v>
      </c>
      <c r="P36399" t="s">
        <v>86</v>
      </c>
      <c r="Q36399">
        <v>21</v>
      </c>
      <c r="R36399">
        <v>21</v>
      </c>
      <c r="S36399">
        <v>21</v>
      </c>
      <c r="T36399">
        <v>22</v>
      </c>
      <c r="U36399">
        <v>22</v>
      </c>
      <c r="V36399">
        <v>22</v>
      </c>
      <c r="W36399">
        <v>22</v>
      </c>
      <c r="X36399">
        <v>22</v>
      </c>
      <c r="Y36399">
        <v>22</v>
      </c>
      <c r="Z36399">
        <v>22</v>
      </c>
      <c r="AA36399">
        <v>22</v>
      </c>
      <c r="AB36399">
        <v>22</v>
      </c>
      <c r="AC36399">
        <v>22</v>
      </c>
      <c r="AD36399">
        <v>22</v>
      </c>
      <c r="AE36399">
        <v>22</v>
      </c>
      <c r="AF36399">
        <v>22</v>
      </c>
      <c r="AG36399">
        <v>22</v>
      </c>
      <c r="AH36399">
        <v>22</v>
      </c>
      <c r="AI36399">
        <v>22</v>
      </c>
      <c r="AJ36399">
        <v>22</v>
      </c>
      <c r="AK36399">
        <v>22</v>
      </c>
      <c r="AL36399">
        <v>22</v>
      </c>
      <c r="AM36399">
        <v>22</v>
      </c>
      <c r="AN36399">
        <v>22</v>
      </c>
      <c r="AO36399">
        <v>23</v>
      </c>
      <c r="AP36399">
        <v>23</v>
      </c>
      <c r="AQ36399">
        <v>23</v>
      </c>
    </row>
    <row r="36400" spans="1:43">
      <c r="A36400" t="s">
        <v>22563</v>
      </c>
      <c r="B36400" t="s">
        <v>22564</v>
      </c>
      <c r="C36400" t="s">
        <v>22549</v>
      </c>
      <c r="D36400" t="s">
        <v>22550</v>
      </c>
      <c r="E36400" t="s">
        <v>22537</v>
      </c>
      <c r="F36400" t="s">
        <v>22538</v>
      </c>
      <c r="G36400" t="s">
        <v>22539</v>
      </c>
      <c r="H36400" t="s">
        <v>22540</v>
      </c>
      <c r="I36400" s="2">
        <v>0</v>
      </c>
      <c r="J36400" s="2">
        <v>0</v>
      </c>
      <c r="K36400" s="2">
        <v>1</v>
      </c>
      <c r="L36400" t="s">
        <v>995</v>
      </c>
      <c r="M36400" t="s">
        <v>89</v>
      </c>
      <c r="N36400" t="s">
        <v>90</v>
      </c>
      <c r="O36400" t="s">
        <v>85</v>
      </c>
      <c r="P36400" t="s">
        <v>86</v>
      </c>
      <c r="Q36400">
        <v>21</v>
      </c>
      <c r="R36400">
        <v>21</v>
      </c>
      <c r="S36400">
        <v>22</v>
      </c>
      <c r="T36400">
        <v>22</v>
      </c>
      <c r="U36400">
        <v>22</v>
      </c>
      <c r="V36400">
        <v>23</v>
      </c>
      <c r="W36400">
        <v>23</v>
      </c>
      <c r="X36400">
        <v>24</v>
      </c>
      <c r="Y36400">
        <v>24</v>
      </c>
      <c r="Z36400">
        <v>24</v>
      </c>
      <c r="AA36400">
        <v>25</v>
      </c>
      <c r="AB36400">
        <v>25</v>
      </c>
      <c r="AC36400">
        <v>25</v>
      </c>
      <c r="AD36400">
        <v>26</v>
      </c>
      <c r="AE36400">
        <v>26</v>
      </c>
      <c r="AF36400">
        <v>26</v>
      </c>
      <c r="AG36400">
        <v>26</v>
      </c>
      <c r="AH36400">
        <v>26</v>
      </c>
      <c r="AI36400">
        <v>26</v>
      </c>
      <c r="AJ36400">
        <v>26</v>
      </c>
      <c r="AK36400">
        <v>26</v>
      </c>
      <c r="AL36400">
        <v>25</v>
      </c>
      <c r="AM36400">
        <v>25</v>
      </c>
      <c r="AN36400">
        <v>25</v>
      </c>
      <c r="AO36400">
        <v>25</v>
      </c>
      <c r="AP36400">
        <v>25</v>
      </c>
      <c r="AQ36400">
        <v>25</v>
      </c>
    </row>
    <row r="36401" spans="1:43">
      <c r="A36401" t="s">
        <v>22563</v>
      </c>
      <c r="B36401" t="s">
        <v>22564</v>
      </c>
      <c r="C36401" t="s">
        <v>22549</v>
      </c>
      <c r="D36401" t="s">
        <v>22550</v>
      </c>
      <c r="E36401" t="s">
        <v>22537</v>
      </c>
      <c r="F36401" t="s">
        <v>22538</v>
      </c>
      <c r="G36401" t="s">
        <v>22539</v>
      </c>
      <c r="H36401" t="s">
        <v>22540</v>
      </c>
      <c r="I36401" s="2">
        <v>0</v>
      </c>
      <c r="J36401" s="2">
        <v>0</v>
      </c>
      <c r="K36401" s="2">
        <v>1</v>
      </c>
      <c r="L36401" t="s">
        <v>995</v>
      </c>
      <c r="M36401" t="s">
        <v>83</v>
      </c>
      <c r="N36401" t="s">
        <v>91</v>
      </c>
      <c r="O36401" t="s">
        <v>85</v>
      </c>
      <c r="P36401" t="s">
        <v>86</v>
      </c>
      <c r="Q36401">
        <v>21</v>
      </c>
      <c r="R36401">
        <v>22</v>
      </c>
      <c r="S36401">
        <v>22</v>
      </c>
      <c r="T36401">
        <v>22</v>
      </c>
      <c r="U36401">
        <v>23</v>
      </c>
      <c r="V36401">
        <v>23</v>
      </c>
      <c r="W36401">
        <v>23</v>
      </c>
      <c r="X36401">
        <v>23</v>
      </c>
      <c r="Y36401">
        <v>24</v>
      </c>
      <c r="Z36401">
        <v>24</v>
      </c>
      <c r="AA36401">
        <v>24</v>
      </c>
      <c r="AB36401">
        <v>24</v>
      </c>
      <c r="AC36401">
        <v>25</v>
      </c>
      <c r="AD36401">
        <v>25</v>
      </c>
      <c r="AE36401">
        <v>25</v>
      </c>
      <c r="AF36401">
        <v>25</v>
      </c>
      <c r="AG36401">
        <v>25</v>
      </c>
      <c r="AH36401">
        <v>26</v>
      </c>
      <c r="AI36401">
        <v>26</v>
      </c>
      <c r="AJ36401">
        <v>26</v>
      </c>
      <c r="AK36401">
        <v>26</v>
      </c>
      <c r="AL36401">
        <v>26</v>
      </c>
      <c r="AM36401">
        <v>26</v>
      </c>
      <c r="AN36401">
        <v>26</v>
      </c>
      <c r="AO36401">
        <v>26</v>
      </c>
      <c r="AP36401">
        <v>26</v>
      </c>
      <c r="AQ36401">
        <v>26</v>
      </c>
    </row>
    <row r="36402" spans="1:43">
      <c r="A36402" t="s">
        <v>22565</v>
      </c>
      <c r="B36402" t="s">
        <v>22566</v>
      </c>
      <c r="C36402" t="s">
        <v>22567</v>
      </c>
      <c r="D36402" t="s">
        <v>22568</v>
      </c>
      <c r="E36402" t="s">
        <v>22537</v>
      </c>
      <c r="F36402" t="s">
        <v>22538</v>
      </c>
      <c r="G36402" t="s">
        <v>22539</v>
      </c>
      <c r="H36402" t="s">
        <v>22540</v>
      </c>
      <c r="I36402" s="2">
        <v>0</v>
      </c>
      <c r="J36402" s="2">
        <v>0</v>
      </c>
      <c r="K36402" s="2">
        <v>1</v>
      </c>
      <c r="L36402" t="s">
        <v>995</v>
      </c>
      <c r="M36402" t="s">
        <v>83</v>
      </c>
      <c r="N36402" t="s">
        <v>84</v>
      </c>
      <c r="O36402" t="s">
        <v>85</v>
      </c>
      <c r="P36402" t="s">
        <v>86</v>
      </c>
      <c r="Q36402">
        <v>101</v>
      </c>
      <c r="R36402">
        <v>102</v>
      </c>
      <c r="S36402">
        <v>103</v>
      </c>
      <c r="T36402">
        <v>105</v>
      </c>
      <c r="U36402">
        <v>106</v>
      </c>
      <c r="V36402">
        <v>107</v>
      </c>
      <c r="W36402">
        <v>108</v>
      </c>
      <c r="X36402">
        <v>109</v>
      </c>
      <c r="Y36402">
        <v>111</v>
      </c>
      <c r="Z36402">
        <v>112</v>
      </c>
      <c r="AA36402">
        <v>113</v>
      </c>
      <c r="AB36402">
        <v>114</v>
      </c>
      <c r="AC36402">
        <v>115</v>
      </c>
      <c r="AD36402">
        <v>116</v>
      </c>
      <c r="AE36402">
        <v>117</v>
      </c>
      <c r="AF36402">
        <v>118</v>
      </c>
      <c r="AG36402">
        <v>119</v>
      </c>
      <c r="AH36402">
        <v>120</v>
      </c>
      <c r="AI36402">
        <v>121</v>
      </c>
      <c r="AJ36402">
        <v>122</v>
      </c>
      <c r="AK36402">
        <v>123</v>
      </c>
      <c r="AL36402">
        <v>123</v>
      </c>
      <c r="AM36402">
        <v>122</v>
      </c>
      <c r="AN36402">
        <v>122</v>
      </c>
      <c r="AO36402">
        <v>122</v>
      </c>
      <c r="AP36402">
        <v>121</v>
      </c>
      <c r="AQ36402">
        <v>121</v>
      </c>
    </row>
    <row r="36403" spans="1:43">
      <c r="A36403" t="s">
        <v>22565</v>
      </c>
      <c r="B36403" t="s">
        <v>22566</v>
      </c>
      <c r="C36403" t="s">
        <v>22567</v>
      </c>
      <c r="D36403" t="s">
        <v>22568</v>
      </c>
      <c r="E36403" t="s">
        <v>22537</v>
      </c>
      <c r="F36403" t="s">
        <v>22538</v>
      </c>
      <c r="G36403" t="s">
        <v>22539</v>
      </c>
      <c r="H36403" t="s">
        <v>22540</v>
      </c>
      <c r="I36403" s="2">
        <v>0</v>
      </c>
      <c r="J36403" s="2">
        <v>0</v>
      </c>
      <c r="K36403" s="2">
        <v>1</v>
      </c>
      <c r="L36403" t="s">
        <v>995</v>
      </c>
      <c r="M36403" t="s">
        <v>87</v>
      </c>
      <c r="N36403" t="s">
        <v>88</v>
      </c>
      <c r="O36403" t="s">
        <v>85</v>
      </c>
      <c r="P36403" t="s">
        <v>86</v>
      </c>
      <c r="Q36403">
        <v>101</v>
      </c>
      <c r="R36403">
        <v>101</v>
      </c>
      <c r="S36403">
        <v>102</v>
      </c>
      <c r="T36403">
        <v>102</v>
      </c>
      <c r="U36403">
        <v>102</v>
      </c>
      <c r="V36403">
        <v>102</v>
      </c>
      <c r="W36403">
        <v>103</v>
      </c>
      <c r="X36403">
        <v>103</v>
      </c>
      <c r="Y36403">
        <v>103</v>
      </c>
      <c r="Z36403">
        <v>104</v>
      </c>
      <c r="AA36403">
        <v>104</v>
      </c>
      <c r="AB36403">
        <v>104</v>
      </c>
      <c r="AC36403">
        <v>104</v>
      </c>
      <c r="AD36403">
        <v>104</v>
      </c>
      <c r="AE36403">
        <v>105</v>
      </c>
      <c r="AF36403">
        <v>105</v>
      </c>
      <c r="AG36403">
        <v>105</v>
      </c>
      <c r="AH36403">
        <v>105</v>
      </c>
      <c r="AI36403">
        <v>105</v>
      </c>
      <c r="AJ36403">
        <v>105</v>
      </c>
      <c r="AK36403">
        <v>106</v>
      </c>
      <c r="AL36403">
        <v>106</v>
      </c>
      <c r="AM36403">
        <v>106</v>
      </c>
      <c r="AN36403">
        <v>106</v>
      </c>
      <c r="AO36403">
        <v>106</v>
      </c>
      <c r="AP36403">
        <v>106</v>
      </c>
      <c r="AQ36403">
        <v>106</v>
      </c>
    </row>
    <row r="36404" spans="1:43">
      <c r="A36404" t="s">
        <v>22565</v>
      </c>
      <c r="B36404" t="s">
        <v>22566</v>
      </c>
      <c r="C36404" t="s">
        <v>22567</v>
      </c>
      <c r="D36404" t="s">
        <v>22568</v>
      </c>
      <c r="E36404" t="s">
        <v>22537</v>
      </c>
      <c r="F36404" t="s">
        <v>22538</v>
      </c>
      <c r="G36404" t="s">
        <v>22539</v>
      </c>
      <c r="H36404" t="s">
        <v>22540</v>
      </c>
      <c r="I36404" s="2">
        <v>0</v>
      </c>
      <c r="J36404" s="2">
        <v>0</v>
      </c>
      <c r="K36404" s="2">
        <v>1</v>
      </c>
      <c r="L36404" t="s">
        <v>995</v>
      </c>
      <c r="M36404" t="s">
        <v>89</v>
      </c>
      <c r="N36404" t="s">
        <v>90</v>
      </c>
      <c r="O36404" t="s">
        <v>85</v>
      </c>
      <c r="P36404" t="s">
        <v>86</v>
      </c>
      <c r="Q36404">
        <v>101</v>
      </c>
      <c r="R36404">
        <v>103</v>
      </c>
      <c r="S36404">
        <v>105</v>
      </c>
      <c r="T36404">
        <v>107</v>
      </c>
      <c r="U36404">
        <v>109</v>
      </c>
      <c r="V36404">
        <v>111</v>
      </c>
      <c r="W36404">
        <v>113</v>
      </c>
      <c r="X36404">
        <v>115</v>
      </c>
      <c r="Y36404">
        <v>116</v>
      </c>
      <c r="Z36404">
        <v>118</v>
      </c>
      <c r="AA36404">
        <v>119</v>
      </c>
      <c r="AB36404">
        <v>121</v>
      </c>
      <c r="AC36404">
        <v>122</v>
      </c>
      <c r="AD36404">
        <v>124</v>
      </c>
      <c r="AE36404">
        <v>124</v>
      </c>
      <c r="AF36404">
        <v>124</v>
      </c>
      <c r="AG36404">
        <v>124</v>
      </c>
      <c r="AH36404">
        <v>124</v>
      </c>
      <c r="AI36404">
        <v>123</v>
      </c>
      <c r="AJ36404">
        <v>123</v>
      </c>
      <c r="AK36404">
        <v>123</v>
      </c>
      <c r="AL36404">
        <v>122</v>
      </c>
      <c r="AM36404">
        <v>122</v>
      </c>
      <c r="AN36404">
        <v>122</v>
      </c>
      <c r="AO36404">
        <v>121</v>
      </c>
      <c r="AP36404">
        <v>121</v>
      </c>
      <c r="AQ36404">
        <v>121</v>
      </c>
    </row>
    <row r="36405" spans="1:43">
      <c r="A36405" t="s">
        <v>22565</v>
      </c>
      <c r="B36405" t="s">
        <v>22566</v>
      </c>
      <c r="C36405" t="s">
        <v>22567</v>
      </c>
      <c r="D36405" t="s">
        <v>22568</v>
      </c>
      <c r="E36405" t="s">
        <v>22537</v>
      </c>
      <c r="F36405" t="s">
        <v>22538</v>
      </c>
      <c r="G36405" t="s">
        <v>22539</v>
      </c>
      <c r="H36405" t="s">
        <v>22540</v>
      </c>
      <c r="I36405" s="2">
        <v>0</v>
      </c>
      <c r="J36405" s="2">
        <v>0</v>
      </c>
      <c r="K36405" s="2">
        <v>1</v>
      </c>
      <c r="L36405" t="s">
        <v>995</v>
      </c>
      <c r="M36405" t="s">
        <v>83</v>
      </c>
      <c r="N36405" t="s">
        <v>91</v>
      </c>
      <c r="O36405" t="s">
        <v>85</v>
      </c>
      <c r="P36405" t="s">
        <v>86</v>
      </c>
      <c r="Q36405">
        <v>101</v>
      </c>
      <c r="R36405">
        <v>102</v>
      </c>
      <c r="S36405">
        <v>103</v>
      </c>
      <c r="T36405">
        <v>105</v>
      </c>
      <c r="U36405">
        <v>106</v>
      </c>
      <c r="V36405">
        <v>107</v>
      </c>
      <c r="W36405">
        <v>108</v>
      </c>
      <c r="X36405">
        <v>109</v>
      </c>
      <c r="Y36405">
        <v>111</v>
      </c>
      <c r="Z36405">
        <v>112</v>
      </c>
      <c r="AA36405">
        <v>113</v>
      </c>
      <c r="AB36405">
        <v>114</v>
      </c>
      <c r="AC36405">
        <v>115</v>
      </c>
      <c r="AD36405">
        <v>116</v>
      </c>
      <c r="AE36405">
        <v>117</v>
      </c>
      <c r="AF36405">
        <v>118</v>
      </c>
      <c r="AG36405">
        <v>119</v>
      </c>
      <c r="AH36405">
        <v>120</v>
      </c>
      <c r="AI36405">
        <v>121</v>
      </c>
      <c r="AJ36405">
        <v>122</v>
      </c>
      <c r="AK36405">
        <v>123</v>
      </c>
      <c r="AL36405">
        <v>123</v>
      </c>
      <c r="AM36405">
        <v>122</v>
      </c>
      <c r="AN36405">
        <v>122</v>
      </c>
      <c r="AO36405">
        <v>122</v>
      </c>
      <c r="AP36405">
        <v>121</v>
      </c>
      <c r="AQ36405">
        <v>121</v>
      </c>
    </row>
    <row r="36406" spans="1:43">
      <c r="A36406" t="s">
        <v>22569</v>
      </c>
      <c r="B36406" t="s">
        <v>22570</v>
      </c>
      <c r="C36406" t="s">
        <v>22567</v>
      </c>
      <c r="D36406" t="s">
        <v>22568</v>
      </c>
      <c r="E36406" t="s">
        <v>22537</v>
      </c>
      <c r="F36406" t="s">
        <v>22538</v>
      </c>
      <c r="G36406" t="s">
        <v>22539</v>
      </c>
      <c r="H36406" t="s">
        <v>22540</v>
      </c>
      <c r="I36406" s="2">
        <v>0</v>
      </c>
      <c r="J36406" s="2">
        <v>0</v>
      </c>
      <c r="K36406" s="2">
        <v>1</v>
      </c>
      <c r="L36406" t="s">
        <v>995</v>
      </c>
      <c r="M36406" t="s">
        <v>83</v>
      </c>
      <c r="N36406" t="s">
        <v>84</v>
      </c>
      <c r="O36406" t="s">
        <v>85</v>
      </c>
      <c r="P36406" t="s">
        <v>86</v>
      </c>
      <c r="Q36406">
        <v>69</v>
      </c>
      <c r="R36406">
        <v>70</v>
      </c>
      <c r="S36406">
        <v>71</v>
      </c>
      <c r="T36406">
        <v>72</v>
      </c>
      <c r="U36406">
        <v>73</v>
      </c>
      <c r="V36406">
        <v>74</v>
      </c>
      <c r="W36406">
        <v>74</v>
      </c>
      <c r="X36406">
        <v>75</v>
      </c>
      <c r="Y36406">
        <v>76</v>
      </c>
      <c r="Z36406">
        <v>77</v>
      </c>
      <c r="AA36406">
        <v>78</v>
      </c>
      <c r="AB36406">
        <v>78</v>
      </c>
      <c r="AC36406">
        <v>79</v>
      </c>
      <c r="AD36406">
        <v>80</v>
      </c>
      <c r="AE36406">
        <v>80</v>
      </c>
      <c r="AF36406">
        <v>81</v>
      </c>
      <c r="AG36406">
        <v>82</v>
      </c>
      <c r="AH36406">
        <v>82</v>
      </c>
      <c r="AI36406">
        <v>83</v>
      </c>
      <c r="AJ36406">
        <v>84</v>
      </c>
      <c r="AK36406">
        <v>84</v>
      </c>
      <c r="AL36406">
        <v>84</v>
      </c>
      <c r="AM36406">
        <v>84</v>
      </c>
      <c r="AN36406">
        <v>84</v>
      </c>
      <c r="AO36406">
        <v>84</v>
      </c>
      <c r="AP36406">
        <v>83</v>
      </c>
      <c r="AQ36406">
        <v>83</v>
      </c>
    </row>
    <row r="36407" spans="1:43">
      <c r="A36407" t="s">
        <v>22569</v>
      </c>
      <c r="B36407" t="s">
        <v>22570</v>
      </c>
      <c r="C36407" t="s">
        <v>22567</v>
      </c>
      <c r="D36407" t="s">
        <v>22568</v>
      </c>
      <c r="E36407" t="s">
        <v>22537</v>
      </c>
      <c r="F36407" t="s">
        <v>22538</v>
      </c>
      <c r="G36407" t="s">
        <v>22539</v>
      </c>
      <c r="H36407" t="s">
        <v>22540</v>
      </c>
      <c r="I36407" s="2">
        <v>0</v>
      </c>
      <c r="J36407" s="2">
        <v>0</v>
      </c>
      <c r="K36407" s="2">
        <v>1</v>
      </c>
      <c r="L36407" t="s">
        <v>995</v>
      </c>
      <c r="M36407" t="s">
        <v>87</v>
      </c>
      <c r="N36407" t="s">
        <v>88</v>
      </c>
      <c r="O36407" t="s">
        <v>85</v>
      </c>
      <c r="P36407" t="s">
        <v>86</v>
      </c>
      <c r="Q36407">
        <v>69</v>
      </c>
      <c r="R36407">
        <v>69</v>
      </c>
      <c r="S36407">
        <v>69</v>
      </c>
      <c r="T36407">
        <v>69</v>
      </c>
      <c r="U36407">
        <v>70</v>
      </c>
      <c r="V36407">
        <v>70</v>
      </c>
      <c r="W36407">
        <v>70</v>
      </c>
      <c r="X36407">
        <v>70</v>
      </c>
      <c r="Y36407">
        <v>70</v>
      </c>
      <c r="Z36407">
        <v>70</v>
      </c>
      <c r="AA36407">
        <v>71</v>
      </c>
      <c r="AB36407">
        <v>71</v>
      </c>
      <c r="AC36407">
        <v>71</v>
      </c>
      <c r="AD36407">
        <v>71</v>
      </c>
      <c r="AE36407">
        <v>71</v>
      </c>
      <c r="AF36407">
        <v>71</v>
      </c>
      <c r="AG36407">
        <v>71</v>
      </c>
      <c r="AH36407">
        <v>72</v>
      </c>
      <c r="AI36407">
        <v>72</v>
      </c>
      <c r="AJ36407">
        <v>72</v>
      </c>
      <c r="AK36407">
        <v>72</v>
      </c>
      <c r="AL36407">
        <v>72</v>
      </c>
      <c r="AM36407">
        <v>72</v>
      </c>
      <c r="AN36407">
        <v>72</v>
      </c>
      <c r="AO36407">
        <v>72</v>
      </c>
      <c r="AP36407">
        <v>72</v>
      </c>
      <c r="AQ36407">
        <v>72</v>
      </c>
    </row>
    <row r="36408" spans="1:43">
      <c r="A36408" t="s">
        <v>22569</v>
      </c>
      <c r="B36408" t="s">
        <v>22570</v>
      </c>
      <c r="C36408" t="s">
        <v>22567</v>
      </c>
      <c r="D36408" t="s">
        <v>22568</v>
      </c>
      <c r="E36408" t="s">
        <v>22537</v>
      </c>
      <c r="F36408" t="s">
        <v>22538</v>
      </c>
      <c r="G36408" t="s">
        <v>22539</v>
      </c>
      <c r="H36408" t="s">
        <v>22540</v>
      </c>
      <c r="I36408" s="2">
        <v>0</v>
      </c>
      <c r="J36408" s="2">
        <v>0</v>
      </c>
      <c r="K36408" s="2">
        <v>1</v>
      </c>
      <c r="L36408" t="s">
        <v>995</v>
      </c>
      <c r="M36408" t="s">
        <v>89</v>
      </c>
      <c r="N36408" t="s">
        <v>90</v>
      </c>
      <c r="O36408" t="s">
        <v>85</v>
      </c>
      <c r="P36408" t="s">
        <v>86</v>
      </c>
      <c r="Q36408">
        <v>69</v>
      </c>
      <c r="R36408">
        <v>70</v>
      </c>
      <c r="S36408">
        <v>72</v>
      </c>
      <c r="T36408">
        <v>73</v>
      </c>
      <c r="U36408">
        <v>75</v>
      </c>
      <c r="V36408">
        <v>76</v>
      </c>
      <c r="W36408">
        <v>77</v>
      </c>
      <c r="X36408">
        <v>78</v>
      </c>
      <c r="Y36408">
        <v>80</v>
      </c>
      <c r="Z36408">
        <v>81</v>
      </c>
      <c r="AA36408">
        <v>82</v>
      </c>
      <c r="AB36408">
        <v>83</v>
      </c>
      <c r="AC36408">
        <v>84</v>
      </c>
      <c r="AD36408">
        <v>85</v>
      </c>
      <c r="AE36408">
        <v>85</v>
      </c>
      <c r="AF36408">
        <v>85</v>
      </c>
      <c r="AG36408">
        <v>85</v>
      </c>
      <c r="AH36408">
        <v>85</v>
      </c>
      <c r="AI36408">
        <v>84</v>
      </c>
      <c r="AJ36408">
        <v>84</v>
      </c>
      <c r="AK36408">
        <v>84</v>
      </c>
      <c r="AL36408">
        <v>84</v>
      </c>
      <c r="AM36408">
        <v>84</v>
      </c>
      <c r="AN36408">
        <v>83</v>
      </c>
      <c r="AO36408">
        <v>83</v>
      </c>
      <c r="AP36408">
        <v>83</v>
      </c>
      <c r="AQ36408">
        <v>83</v>
      </c>
    </row>
    <row r="36409" spans="1:43">
      <c r="A36409" t="s">
        <v>22569</v>
      </c>
      <c r="B36409" t="s">
        <v>22570</v>
      </c>
      <c r="C36409" t="s">
        <v>22567</v>
      </c>
      <c r="D36409" t="s">
        <v>22568</v>
      </c>
      <c r="E36409" t="s">
        <v>22537</v>
      </c>
      <c r="F36409" t="s">
        <v>22538</v>
      </c>
      <c r="G36409" t="s">
        <v>22539</v>
      </c>
      <c r="H36409" t="s">
        <v>22540</v>
      </c>
      <c r="I36409" s="2">
        <v>0</v>
      </c>
      <c r="J36409" s="2">
        <v>0</v>
      </c>
      <c r="K36409" s="2">
        <v>1</v>
      </c>
      <c r="L36409" t="s">
        <v>995</v>
      </c>
      <c r="M36409" t="s">
        <v>83</v>
      </c>
      <c r="N36409" t="s">
        <v>91</v>
      </c>
      <c r="O36409" t="s">
        <v>85</v>
      </c>
      <c r="P36409" t="s">
        <v>86</v>
      </c>
      <c r="Q36409">
        <v>69</v>
      </c>
      <c r="R36409">
        <v>70</v>
      </c>
      <c r="S36409">
        <v>71</v>
      </c>
      <c r="T36409">
        <v>72</v>
      </c>
      <c r="U36409">
        <v>73</v>
      </c>
      <c r="V36409">
        <v>74</v>
      </c>
      <c r="W36409">
        <v>74</v>
      </c>
      <c r="X36409">
        <v>75</v>
      </c>
      <c r="Y36409">
        <v>76</v>
      </c>
      <c r="Z36409">
        <v>77</v>
      </c>
      <c r="AA36409">
        <v>78</v>
      </c>
      <c r="AB36409">
        <v>78</v>
      </c>
      <c r="AC36409">
        <v>79</v>
      </c>
      <c r="AD36409">
        <v>80</v>
      </c>
      <c r="AE36409">
        <v>80</v>
      </c>
      <c r="AF36409">
        <v>81</v>
      </c>
      <c r="AG36409">
        <v>82</v>
      </c>
      <c r="AH36409">
        <v>82</v>
      </c>
      <c r="AI36409">
        <v>83</v>
      </c>
      <c r="AJ36409">
        <v>84</v>
      </c>
      <c r="AK36409">
        <v>84</v>
      </c>
      <c r="AL36409">
        <v>84</v>
      </c>
      <c r="AM36409">
        <v>84</v>
      </c>
      <c r="AN36409">
        <v>84</v>
      </c>
      <c r="AO36409">
        <v>84</v>
      </c>
      <c r="AP36409">
        <v>83</v>
      </c>
      <c r="AQ36409">
        <v>83</v>
      </c>
    </row>
    <row r="36410" spans="1:43">
      <c r="A36410" t="s">
        <v>22571</v>
      </c>
      <c r="B36410" t="s">
        <v>22572</v>
      </c>
      <c r="C36410" t="s">
        <v>22567</v>
      </c>
      <c r="D36410" t="s">
        <v>22568</v>
      </c>
      <c r="E36410" t="s">
        <v>22537</v>
      </c>
      <c r="F36410" t="s">
        <v>22538</v>
      </c>
      <c r="G36410" t="s">
        <v>22539</v>
      </c>
      <c r="H36410" t="s">
        <v>22540</v>
      </c>
      <c r="I36410" s="2">
        <v>0</v>
      </c>
      <c r="J36410" s="2">
        <v>0</v>
      </c>
      <c r="K36410" s="2">
        <v>1</v>
      </c>
      <c r="L36410" t="s">
        <v>995</v>
      </c>
      <c r="M36410" t="s">
        <v>83</v>
      </c>
      <c r="N36410" t="s">
        <v>84</v>
      </c>
      <c r="O36410" t="s">
        <v>85</v>
      </c>
      <c r="P36410" t="s">
        <v>86</v>
      </c>
      <c r="Q36410">
        <v>33</v>
      </c>
      <c r="R36410">
        <v>33</v>
      </c>
      <c r="S36410">
        <v>34</v>
      </c>
      <c r="T36410">
        <v>34</v>
      </c>
      <c r="U36410">
        <v>35</v>
      </c>
      <c r="V36410">
        <v>35</v>
      </c>
      <c r="W36410">
        <v>35</v>
      </c>
      <c r="X36410">
        <v>36</v>
      </c>
      <c r="Y36410">
        <v>36</v>
      </c>
      <c r="Z36410">
        <v>37</v>
      </c>
      <c r="AA36410">
        <v>37</v>
      </c>
      <c r="AB36410">
        <v>37</v>
      </c>
      <c r="AC36410">
        <v>38</v>
      </c>
      <c r="AD36410">
        <v>38</v>
      </c>
      <c r="AE36410">
        <v>38</v>
      </c>
      <c r="AF36410">
        <v>39</v>
      </c>
      <c r="AG36410">
        <v>39</v>
      </c>
      <c r="AH36410">
        <v>39</v>
      </c>
      <c r="AI36410">
        <v>39</v>
      </c>
      <c r="AJ36410">
        <v>40</v>
      </c>
      <c r="AK36410">
        <v>40</v>
      </c>
      <c r="AL36410">
        <v>40</v>
      </c>
      <c r="AM36410">
        <v>40</v>
      </c>
      <c r="AN36410">
        <v>40</v>
      </c>
      <c r="AO36410">
        <v>40</v>
      </c>
      <c r="AP36410">
        <v>40</v>
      </c>
      <c r="AQ36410">
        <v>39</v>
      </c>
    </row>
    <row r="36411" spans="1:43">
      <c r="A36411" t="s">
        <v>22571</v>
      </c>
      <c r="B36411" t="s">
        <v>22572</v>
      </c>
      <c r="C36411" t="s">
        <v>22567</v>
      </c>
      <c r="D36411" t="s">
        <v>22568</v>
      </c>
      <c r="E36411" t="s">
        <v>22537</v>
      </c>
      <c r="F36411" t="s">
        <v>22538</v>
      </c>
      <c r="G36411" t="s">
        <v>22539</v>
      </c>
      <c r="H36411" t="s">
        <v>22540</v>
      </c>
      <c r="I36411" s="2">
        <v>0</v>
      </c>
      <c r="J36411" s="2">
        <v>0</v>
      </c>
      <c r="K36411" s="2">
        <v>1</v>
      </c>
      <c r="L36411" t="s">
        <v>995</v>
      </c>
      <c r="M36411" t="s">
        <v>87</v>
      </c>
      <c r="N36411" t="s">
        <v>88</v>
      </c>
      <c r="O36411" t="s">
        <v>85</v>
      </c>
      <c r="P36411" t="s">
        <v>86</v>
      </c>
      <c r="Q36411">
        <v>33</v>
      </c>
      <c r="R36411">
        <v>33</v>
      </c>
      <c r="S36411">
        <v>33</v>
      </c>
      <c r="T36411">
        <v>33</v>
      </c>
      <c r="U36411">
        <v>33</v>
      </c>
      <c r="V36411">
        <v>33</v>
      </c>
      <c r="W36411">
        <v>33</v>
      </c>
      <c r="X36411">
        <v>33</v>
      </c>
      <c r="Y36411">
        <v>33</v>
      </c>
      <c r="Z36411">
        <v>34</v>
      </c>
      <c r="AA36411">
        <v>34</v>
      </c>
      <c r="AB36411">
        <v>34</v>
      </c>
      <c r="AC36411">
        <v>34</v>
      </c>
      <c r="AD36411">
        <v>34</v>
      </c>
      <c r="AE36411">
        <v>34</v>
      </c>
      <c r="AF36411">
        <v>34</v>
      </c>
      <c r="AG36411">
        <v>34</v>
      </c>
      <c r="AH36411">
        <v>34</v>
      </c>
      <c r="AI36411">
        <v>34</v>
      </c>
      <c r="AJ36411">
        <v>34</v>
      </c>
      <c r="AK36411">
        <v>34</v>
      </c>
      <c r="AL36411">
        <v>34</v>
      </c>
      <c r="AM36411">
        <v>34</v>
      </c>
      <c r="AN36411">
        <v>34</v>
      </c>
      <c r="AO36411">
        <v>34</v>
      </c>
      <c r="AP36411">
        <v>34</v>
      </c>
      <c r="AQ36411">
        <v>34</v>
      </c>
    </row>
    <row r="36412" spans="1:43">
      <c r="A36412" t="s">
        <v>22571</v>
      </c>
      <c r="B36412" t="s">
        <v>22572</v>
      </c>
      <c r="C36412" t="s">
        <v>22567</v>
      </c>
      <c r="D36412" t="s">
        <v>22568</v>
      </c>
      <c r="E36412" t="s">
        <v>22537</v>
      </c>
      <c r="F36412" t="s">
        <v>22538</v>
      </c>
      <c r="G36412" t="s">
        <v>22539</v>
      </c>
      <c r="H36412" t="s">
        <v>22540</v>
      </c>
      <c r="I36412" s="2">
        <v>0</v>
      </c>
      <c r="J36412" s="2">
        <v>0</v>
      </c>
      <c r="K36412" s="2">
        <v>1</v>
      </c>
      <c r="L36412" t="s">
        <v>995</v>
      </c>
      <c r="M36412" t="s">
        <v>89</v>
      </c>
      <c r="N36412" t="s">
        <v>90</v>
      </c>
      <c r="O36412" t="s">
        <v>85</v>
      </c>
      <c r="P36412" t="s">
        <v>86</v>
      </c>
      <c r="Q36412">
        <v>33</v>
      </c>
      <c r="R36412">
        <v>34</v>
      </c>
      <c r="S36412">
        <v>35</v>
      </c>
      <c r="T36412">
        <v>35</v>
      </c>
      <c r="U36412">
        <v>36</v>
      </c>
      <c r="V36412">
        <v>37</v>
      </c>
      <c r="W36412">
        <v>37</v>
      </c>
      <c r="X36412">
        <v>38</v>
      </c>
      <c r="Y36412">
        <v>38</v>
      </c>
      <c r="Z36412">
        <v>39</v>
      </c>
      <c r="AA36412">
        <v>39</v>
      </c>
      <c r="AB36412">
        <v>40</v>
      </c>
      <c r="AC36412">
        <v>40</v>
      </c>
      <c r="AD36412">
        <v>41</v>
      </c>
      <c r="AE36412">
        <v>41</v>
      </c>
      <c r="AF36412">
        <v>41</v>
      </c>
      <c r="AG36412">
        <v>41</v>
      </c>
      <c r="AH36412">
        <v>41</v>
      </c>
      <c r="AI36412">
        <v>41</v>
      </c>
      <c r="AJ36412">
        <v>41</v>
      </c>
      <c r="AK36412">
        <v>40</v>
      </c>
      <c r="AL36412">
        <v>40</v>
      </c>
      <c r="AM36412">
        <v>40</v>
      </c>
      <c r="AN36412">
        <v>40</v>
      </c>
      <c r="AO36412">
        <v>40</v>
      </c>
      <c r="AP36412">
        <v>40</v>
      </c>
      <c r="AQ36412">
        <v>40</v>
      </c>
    </row>
    <row r="36413" spans="1:43">
      <c r="A36413" t="s">
        <v>22571</v>
      </c>
      <c r="B36413" t="s">
        <v>22572</v>
      </c>
      <c r="C36413" t="s">
        <v>22567</v>
      </c>
      <c r="D36413" t="s">
        <v>22568</v>
      </c>
      <c r="E36413" t="s">
        <v>22537</v>
      </c>
      <c r="F36413" t="s">
        <v>22538</v>
      </c>
      <c r="G36413" t="s">
        <v>22539</v>
      </c>
      <c r="H36413" t="s">
        <v>22540</v>
      </c>
      <c r="I36413" s="2">
        <v>0</v>
      </c>
      <c r="J36413" s="2">
        <v>0</v>
      </c>
      <c r="K36413" s="2">
        <v>1</v>
      </c>
      <c r="L36413" t="s">
        <v>995</v>
      </c>
      <c r="M36413" t="s">
        <v>83</v>
      </c>
      <c r="N36413" t="s">
        <v>91</v>
      </c>
      <c r="O36413" t="s">
        <v>85</v>
      </c>
      <c r="P36413" t="s">
        <v>86</v>
      </c>
      <c r="Q36413">
        <v>33</v>
      </c>
      <c r="R36413">
        <v>33</v>
      </c>
      <c r="S36413">
        <v>34</v>
      </c>
      <c r="T36413">
        <v>34</v>
      </c>
      <c r="U36413">
        <v>35</v>
      </c>
      <c r="V36413">
        <v>35</v>
      </c>
      <c r="W36413">
        <v>35</v>
      </c>
      <c r="X36413">
        <v>36</v>
      </c>
      <c r="Y36413">
        <v>36</v>
      </c>
      <c r="Z36413">
        <v>37</v>
      </c>
      <c r="AA36413">
        <v>37</v>
      </c>
      <c r="AB36413">
        <v>37</v>
      </c>
      <c r="AC36413">
        <v>38</v>
      </c>
      <c r="AD36413">
        <v>38</v>
      </c>
      <c r="AE36413">
        <v>38</v>
      </c>
      <c r="AF36413">
        <v>39</v>
      </c>
      <c r="AG36413">
        <v>39</v>
      </c>
      <c r="AH36413">
        <v>39</v>
      </c>
      <c r="AI36413">
        <v>39</v>
      </c>
      <c r="AJ36413">
        <v>40</v>
      </c>
      <c r="AK36413">
        <v>40</v>
      </c>
      <c r="AL36413">
        <v>40</v>
      </c>
      <c r="AM36413">
        <v>40</v>
      </c>
      <c r="AN36413">
        <v>40</v>
      </c>
      <c r="AO36413">
        <v>40</v>
      </c>
      <c r="AP36413">
        <v>40</v>
      </c>
      <c r="AQ36413">
        <v>39</v>
      </c>
    </row>
    <row r="36414" spans="1:43">
      <c r="A36414" t="s">
        <v>22573</v>
      </c>
      <c r="B36414" t="s">
        <v>22574</v>
      </c>
      <c r="C36414" t="s">
        <v>22567</v>
      </c>
      <c r="D36414" t="s">
        <v>22568</v>
      </c>
      <c r="E36414" t="s">
        <v>22537</v>
      </c>
      <c r="F36414" t="s">
        <v>22538</v>
      </c>
      <c r="G36414" t="s">
        <v>22539</v>
      </c>
      <c r="H36414" t="s">
        <v>22540</v>
      </c>
      <c r="I36414" s="2">
        <v>0</v>
      </c>
      <c r="J36414" s="2">
        <v>0</v>
      </c>
      <c r="K36414" s="2">
        <v>1</v>
      </c>
      <c r="L36414" t="s">
        <v>995</v>
      </c>
      <c r="M36414" t="s">
        <v>83</v>
      </c>
      <c r="N36414" t="s">
        <v>84</v>
      </c>
      <c r="O36414" t="s">
        <v>85</v>
      </c>
      <c r="P36414" t="s">
        <v>86</v>
      </c>
      <c r="Q36414">
        <v>48</v>
      </c>
      <c r="R36414">
        <v>48</v>
      </c>
      <c r="S36414">
        <v>49</v>
      </c>
      <c r="T36414">
        <v>49</v>
      </c>
      <c r="U36414">
        <v>50</v>
      </c>
      <c r="V36414">
        <v>50</v>
      </c>
      <c r="W36414">
        <v>51</v>
      </c>
      <c r="X36414">
        <v>51</v>
      </c>
      <c r="Y36414">
        <v>52</v>
      </c>
      <c r="Z36414">
        <v>53</v>
      </c>
      <c r="AA36414">
        <v>53</v>
      </c>
      <c r="AB36414">
        <v>54</v>
      </c>
      <c r="AC36414">
        <v>54</v>
      </c>
      <c r="AD36414">
        <v>54</v>
      </c>
      <c r="AE36414">
        <v>55</v>
      </c>
      <c r="AF36414">
        <v>55</v>
      </c>
      <c r="AG36414">
        <v>56</v>
      </c>
      <c r="AH36414">
        <v>56</v>
      </c>
      <c r="AI36414">
        <v>57</v>
      </c>
      <c r="AJ36414">
        <v>57</v>
      </c>
      <c r="AK36414">
        <v>57</v>
      </c>
      <c r="AL36414">
        <v>57</v>
      </c>
      <c r="AM36414">
        <v>57</v>
      </c>
      <c r="AN36414">
        <v>57</v>
      </c>
      <c r="AO36414">
        <v>57</v>
      </c>
      <c r="AP36414">
        <v>57</v>
      </c>
      <c r="AQ36414">
        <v>57</v>
      </c>
    </row>
    <row r="36415" spans="1:43">
      <c r="A36415" t="s">
        <v>22573</v>
      </c>
      <c r="B36415" t="s">
        <v>22574</v>
      </c>
      <c r="C36415" t="s">
        <v>22567</v>
      </c>
      <c r="D36415" t="s">
        <v>22568</v>
      </c>
      <c r="E36415" t="s">
        <v>22537</v>
      </c>
      <c r="F36415" t="s">
        <v>22538</v>
      </c>
      <c r="G36415" t="s">
        <v>22539</v>
      </c>
      <c r="H36415" t="s">
        <v>22540</v>
      </c>
      <c r="I36415" s="2">
        <v>0</v>
      </c>
      <c r="J36415" s="2">
        <v>0</v>
      </c>
      <c r="K36415" s="2">
        <v>1</v>
      </c>
      <c r="L36415" t="s">
        <v>995</v>
      </c>
      <c r="M36415" t="s">
        <v>87</v>
      </c>
      <c r="N36415" t="s">
        <v>88</v>
      </c>
      <c r="O36415" t="s">
        <v>85</v>
      </c>
      <c r="P36415" t="s">
        <v>86</v>
      </c>
      <c r="Q36415">
        <v>48</v>
      </c>
      <c r="R36415">
        <v>48</v>
      </c>
      <c r="S36415">
        <v>48</v>
      </c>
      <c r="T36415">
        <v>48</v>
      </c>
      <c r="U36415">
        <v>49</v>
      </c>
      <c r="V36415">
        <v>49</v>
      </c>
      <c r="W36415">
        <v>49</v>
      </c>
      <c r="X36415">
        <v>49</v>
      </c>
      <c r="Y36415">
        <v>49</v>
      </c>
      <c r="Z36415">
        <v>49</v>
      </c>
      <c r="AA36415">
        <v>49</v>
      </c>
      <c r="AB36415">
        <v>49</v>
      </c>
      <c r="AC36415">
        <v>49</v>
      </c>
      <c r="AD36415">
        <v>50</v>
      </c>
      <c r="AE36415">
        <v>50</v>
      </c>
      <c r="AF36415">
        <v>50</v>
      </c>
      <c r="AG36415">
        <v>50</v>
      </c>
      <c r="AH36415">
        <v>50</v>
      </c>
      <c r="AI36415">
        <v>50</v>
      </c>
      <c r="AJ36415">
        <v>50</v>
      </c>
      <c r="AK36415">
        <v>50</v>
      </c>
      <c r="AL36415">
        <v>50</v>
      </c>
      <c r="AM36415">
        <v>50</v>
      </c>
      <c r="AN36415">
        <v>50</v>
      </c>
      <c r="AO36415">
        <v>50</v>
      </c>
      <c r="AP36415">
        <v>50</v>
      </c>
      <c r="AQ36415">
        <v>50</v>
      </c>
    </row>
    <row r="36416" spans="1:43">
      <c r="A36416" t="s">
        <v>22573</v>
      </c>
      <c r="B36416" t="s">
        <v>22574</v>
      </c>
      <c r="C36416" t="s">
        <v>22567</v>
      </c>
      <c r="D36416" t="s">
        <v>22568</v>
      </c>
      <c r="E36416" t="s">
        <v>22537</v>
      </c>
      <c r="F36416" t="s">
        <v>22538</v>
      </c>
      <c r="G36416" t="s">
        <v>22539</v>
      </c>
      <c r="H36416" t="s">
        <v>22540</v>
      </c>
      <c r="I36416" s="2">
        <v>0</v>
      </c>
      <c r="J36416" s="2">
        <v>0</v>
      </c>
      <c r="K36416" s="2">
        <v>1</v>
      </c>
      <c r="L36416" t="s">
        <v>995</v>
      </c>
      <c r="M36416" t="s">
        <v>89</v>
      </c>
      <c r="N36416" t="s">
        <v>90</v>
      </c>
      <c r="O36416" t="s">
        <v>85</v>
      </c>
      <c r="P36416" t="s">
        <v>86</v>
      </c>
      <c r="Q36416">
        <v>48</v>
      </c>
      <c r="R36416">
        <v>49</v>
      </c>
      <c r="S36416">
        <v>50</v>
      </c>
      <c r="T36416">
        <v>51</v>
      </c>
      <c r="U36416">
        <v>52</v>
      </c>
      <c r="V36416">
        <v>53</v>
      </c>
      <c r="W36416">
        <v>54</v>
      </c>
      <c r="X36416">
        <v>54</v>
      </c>
      <c r="Y36416">
        <v>55</v>
      </c>
      <c r="Z36416">
        <v>56</v>
      </c>
      <c r="AA36416">
        <v>56</v>
      </c>
      <c r="AB36416">
        <v>57</v>
      </c>
      <c r="AC36416">
        <v>58</v>
      </c>
      <c r="AD36416">
        <v>59</v>
      </c>
      <c r="AE36416">
        <v>59</v>
      </c>
      <c r="AF36416">
        <v>59</v>
      </c>
      <c r="AG36416">
        <v>59</v>
      </c>
      <c r="AH36416">
        <v>58</v>
      </c>
      <c r="AI36416">
        <v>58</v>
      </c>
      <c r="AJ36416">
        <v>58</v>
      </c>
      <c r="AK36416">
        <v>58</v>
      </c>
      <c r="AL36416">
        <v>58</v>
      </c>
      <c r="AM36416">
        <v>58</v>
      </c>
      <c r="AN36416">
        <v>57</v>
      </c>
      <c r="AO36416">
        <v>57</v>
      </c>
      <c r="AP36416">
        <v>57</v>
      </c>
      <c r="AQ36416">
        <v>57</v>
      </c>
    </row>
    <row r="36417" spans="1:43">
      <c r="A36417" t="s">
        <v>22573</v>
      </c>
      <c r="B36417" t="s">
        <v>22574</v>
      </c>
      <c r="C36417" t="s">
        <v>22567</v>
      </c>
      <c r="D36417" t="s">
        <v>22568</v>
      </c>
      <c r="E36417" t="s">
        <v>22537</v>
      </c>
      <c r="F36417" t="s">
        <v>22538</v>
      </c>
      <c r="G36417" t="s">
        <v>22539</v>
      </c>
      <c r="H36417" t="s">
        <v>22540</v>
      </c>
      <c r="I36417" s="2">
        <v>0</v>
      </c>
      <c r="J36417" s="2">
        <v>0</v>
      </c>
      <c r="K36417" s="2">
        <v>1</v>
      </c>
      <c r="L36417" t="s">
        <v>995</v>
      </c>
      <c r="M36417" t="s">
        <v>83</v>
      </c>
      <c r="N36417" t="s">
        <v>91</v>
      </c>
      <c r="O36417" t="s">
        <v>85</v>
      </c>
      <c r="P36417" t="s">
        <v>86</v>
      </c>
      <c r="Q36417">
        <v>48</v>
      </c>
      <c r="R36417">
        <v>48</v>
      </c>
      <c r="S36417">
        <v>49</v>
      </c>
      <c r="T36417">
        <v>49</v>
      </c>
      <c r="U36417">
        <v>50</v>
      </c>
      <c r="V36417">
        <v>50</v>
      </c>
      <c r="W36417">
        <v>51</v>
      </c>
      <c r="X36417">
        <v>51</v>
      </c>
      <c r="Y36417">
        <v>52</v>
      </c>
      <c r="Z36417">
        <v>53</v>
      </c>
      <c r="AA36417">
        <v>53</v>
      </c>
      <c r="AB36417">
        <v>54</v>
      </c>
      <c r="AC36417">
        <v>54</v>
      </c>
      <c r="AD36417">
        <v>54</v>
      </c>
      <c r="AE36417">
        <v>55</v>
      </c>
      <c r="AF36417">
        <v>55</v>
      </c>
      <c r="AG36417">
        <v>56</v>
      </c>
      <c r="AH36417">
        <v>56</v>
      </c>
      <c r="AI36417">
        <v>57</v>
      </c>
      <c r="AJ36417">
        <v>57</v>
      </c>
      <c r="AK36417">
        <v>57</v>
      </c>
      <c r="AL36417">
        <v>57</v>
      </c>
      <c r="AM36417">
        <v>57</v>
      </c>
      <c r="AN36417">
        <v>57</v>
      </c>
      <c r="AO36417">
        <v>57</v>
      </c>
      <c r="AP36417">
        <v>57</v>
      </c>
      <c r="AQ36417">
        <v>57</v>
      </c>
    </row>
    <row r="36418" spans="1:43">
      <c r="A36418" t="s">
        <v>22575</v>
      </c>
      <c r="B36418" t="s">
        <v>22576</v>
      </c>
      <c r="C36418" t="s">
        <v>22577</v>
      </c>
      <c r="D36418" t="s">
        <v>22578</v>
      </c>
      <c r="E36418" t="s">
        <v>22537</v>
      </c>
      <c r="F36418" t="s">
        <v>22538</v>
      </c>
      <c r="G36418" t="s">
        <v>22539</v>
      </c>
      <c r="H36418" t="s">
        <v>22540</v>
      </c>
      <c r="I36418" s="2">
        <v>0</v>
      </c>
      <c r="J36418" s="2">
        <v>0</v>
      </c>
      <c r="K36418" s="2">
        <v>1</v>
      </c>
      <c r="L36418" t="s">
        <v>995</v>
      </c>
      <c r="M36418" t="s">
        <v>83</v>
      </c>
      <c r="N36418" t="s">
        <v>84</v>
      </c>
      <c r="O36418" t="s">
        <v>85</v>
      </c>
      <c r="P36418" t="s">
        <v>86</v>
      </c>
      <c r="Q36418">
        <v>22</v>
      </c>
      <c r="R36418">
        <v>23</v>
      </c>
      <c r="S36418">
        <v>23</v>
      </c>
      <c r="T36418">
        <v>23</v>
      </c>
      <c r="U36418">
        <v>23</v>
      </c>
      <c r="V36418">
        <v>24</v>
      </c>
      <c r="W36418">
        <v>24</v>
      </c>
      <c r="X36418">
        <v>24</v>
      </c>
      <c r="Y36418">
        <v>25</v>
      </c>
      <c r="Z36418">
        <v>25</v>
      </c>
      <c r="AA36418">
        <v>25</v>
      </c>
      <c r="AB36418">
        <v>25</v>
      </c>
      <c r="AC36418">
        <v>26</v>
      </c>
      <c r="AD36418">
        <v>26</v>
      </c>
      <c r="AE36418">
        <v>26</v>
      </c>
      <c r="AF36418">
        <v>26</v>
      </c>
      <c r="AG36418">
        <v>26</v>
      </c>
      <c r="AH36418">
        <v>27</v>
      </c>
      <c r="AI36418">
        <v>27</v>
      </c>
      <c r="AJ36418">
        <v>27</v>
      </c>
      <c r="AK36418">
        <v>27</v>
      </c>
      <c r="AL36418">
        <v>27</v>
      </c>
      <c r="AM36418">
        <v>27</v>
      </c>
      <c r="AN36418">
        <v>27</v>
      </c>
      <c r="AO36418">
        <v>27</v>
      </c>
      <c r="AP36418">
        <v>27</v>
      </c>
      <c r="AQ36418">
        <v>27</v>
      </c>
    </row>
    <row r="36419" spans="1:43">
      <c r="A36419" t="s">
        <v>22575</v>
      </c>
      <c r="B36419" t="s">
        <v>22576</v>
      </c>
      <c r="C36419" t="s">
        <v>22577</v>
      </c>
      <c r="D36419" t="s">
        <v>22578</v>
      </c>
      <c r="E36419" t="s">
        <v>22537</v>
      </c>
      <c r="F36419" t="s">
        <v>22538</v>
      </c>
      <c r="G36419" t="s">
        <v>22539</v>
      </c>
      <c r="H36419" t="s">
        <v>22540</v>
      </c>
      <c r="I36419" s="2">
        <v>0</v>
      </c>
      <c r="J36419" s="2">
        <v>0</v>
      </c>
      <c r="K36419" s="2">
        <v>1</v>
      </c>
      <c r="L36419" t="s">
        <v>995</v>
      </c>
      <c r="M36419" t="s">
        <v>87</v>
      </c>
      <c r="N36419" t="s">
        <v>88</v>
      </c>
      <c r="O36419" t="s">
        <v>85</v>
      </c>
      <c r="P36419" t="s">
        <v>86</v>
      </c>
      <c r="Q36419">
        <v>22</v>
      </c>
      <c r="R36419">
        <v>22</v>
      </c>
      <c r="S36419">
        <v>22</v>
      </c>
      <c r="T36419">
        <v>22</v>
      </c>
      <c r="U36419">
        <v>22</v>
      </c>
      <c r="V36419">
        <v>22</v>
      </c>
      <c r="W36419">
        <v>23</v>
      </c>
      <c r="X36419">
        <v>23</v>
      </c>
      <c r="Y36419">
        <v>23</v>
      </c>
      <c r="Z36419">
        <v>23</v>
      </c>
      <c r="AA36419">
        <v>23</v>
      </c>
      <c r="AB36419">
        <v>23</v>
      </c>
      <c r="AC36419">
        <v>23</v>
      </c>
      <c r="AD36419">
        <v>23</v>
      </c>
      <c r="AE36419">
        <v>23</v>
      </c>
      <c r="AF36419">
        <v>23</v>
      </c>
      <c r="AG36419">
        <v>23</v>
      </c>
      <c r="AH36419">
        <v>23</v>
      </c>
      <c r="AI36419">
        <v>23</v>
      </c>
      <c r="AJ36419">
        <v>23</v>
      </c>
      <c r="AK36419">
        <v>23</v>
      </c>
      <c r="AL36419">
        <v>23</v>
      </c>
      <c r="AM36419">
        <v>23</v>
      </c>
      <c r="AN36419">
        <v>23</v>
      </c>
      <c r="AO36419">
        <v>24</v>
      </c>
      <c r="AP36419">
        <v>24</v>
      </c>
      <c r="AQ36419">
        <v>24</v>
      </c>
    </row>
    <row r="36420" spans="1:43">
      <c r="A36420" t="s">
        <v>22575</v>
      </c>
      <c r="B36420" t="s">
        <v>22576</v>
      </c>
      <c r="C36420" t="s">
        <v>22577</v>
      </c>
      <c r="D36420" t="s">
        <v>22578</v>
      </c>
      <c r="E36420" t="s">
        <v>22537</v>
      </c>
      <c r="F36420" t="s">
        <v>22538</v>
      </c>
      <c r="G36420" t="s">
        <v>22539</v>
      </c>
      <c r="H36420" t="s">
        <v>22540</v>
      </c>
      <c r="I36420" s="2">
        <v>0</v>
      </c>
      <c r="J36420" s="2">
        <v>0</v>
      </c>
      <c r="K36420" s="2">
        <v>1</v>
      </c>
      <c r="L36420" t="s">
        <v>995</v>
      </c>
      <c r="M36420" t="s">
        <v>89</v>
      </c>
      <c r="N36420" t="s">
        <v>90</v>
      </c>
      <c r="O36420" t="s">
        <v>85</v>
      </c>
      <c r="P36420" t="s">
        <v>86</v>
      </c>
      <c r="Q36420">
        <v>22</v>
      </c>
      <c r="R36420">
        <v>23</v>
      </c>
      <c r="S36420">
        <v>23</v>
      </c>
      <c r="T36420">
        <v>24</v>
      </c>
      <c r="U36420">
        <v>24</v>
      </c>
      <c r="V36420">
        <v>25</v>
      </c>
      <c r="W36420">
        <v>25</v>
      </c>
      <c r="X36420">
        <v>26</v>
      </c>
      <c r="Y36420">
        <v>26</v>
      </c>
      <c r="Z36420">
        <v>26</v>
      </c>
      <c r="AA36420">
        <v>27</v>
      </c>
      <c r="AB36420">
        <v>27</v>
      </c>
      <c r="AC36420">
        <v>27</v>
      </c>
      <c r="AD36420">
        <v>28</v>
      </c>
      <c r="AE36420">
        <v>28</v>
      </c>
      <c r="AF36420">
        <v>28</v>
      </c>
      <c r="AG36420">
        <v>28</v>
      </c>
      <c r="AH36420">
        <v>28</v>
      </c>
      <c r="AI36420">
        <v>28</v>
      </c>
      <c r="AJ36420">
        <v>28</v>
      </c>
      <c r="AK36420">
        <v>28</v>
      </c>
      <c r="AL36420">
        <v>28</v>
      </c>
      <c r="AM36420">
        <v>28</v>
      </c>
      <c r="AN36420">
        <v>28</v>
      </c>
      <c r="AO36420">
        <v>27</v>
      </c>
      <c r="AP36420">
        <v>27</v>
      </c>
      <c r="AQ36420">
        <v>27</v>
      </c>
    </row>
    <row r="36421" spans="1:43">
      <c r="A36421" t="s">
        <v>22575</v>
      </c>
      <c r="B36421" t="s">
        <v>22576</v>
      </c>
      <c r="C36421" t="s">
        <v>22577</v>
      </c>
      <c r="D36421" t="s">
        <v>22578</v>
      </c>
      <c r="E36421" t="s">
        <v>22537</v>
      </c>
      <c r="F36421" t="s">
        <v>22538</v>
      </c>
      <c r="G36421" t="s">
        <v>22539</v>
      </c>
      <c r="H36421" t="s">
        <v>22540</v>
      </c>
      <c r="I36421" s="2">
        <v>0</v>
      </c>
      <c r="J36421" s="2">
        <v>0</v>
      </c>
      <c r="K36421" s="2">
        <v>1</v>
      </c>
      <c r="L36421" t="s">
        <v>995</v>
      </c>
      <c r="M36421" t="s">
        <v>83</v>
      </c>
      <c r="N36421" t="s">
        <v>91</v>
      </c>
      <c r="O36421" t="s">
        <v>85</v>
      </c>
      <c r="P36421" t="s">
        <v>86</v>
      </c>
      <c r="Q36421">
        <v>22</v>
      </c>
      <c r="R36421">
        <v>23</v>
      </c>
      <c r="S36421">
        <v>23</v>
      </c>
      <c r="T36421">
        <v>23</v>
      </c>
      <c r="U36421">
        <v>23</v>
      </c>
      <c r="V36421">
        <v>24</v>
      </c>
      <c r="W36421">
        <v>24</v>
      </c>
      <c r="X36421">
        <v>24</v>
      </c>
      <c r="Y36421">
        <v>25</v>
      </c>
      <c r="Z36421">
        <v>25</v>
      </c>
      <c r="AA36421">
        <v>25</v>
      </c>
      <c r="AB36421">
        <v>25</v>
      </c>
      <c r="AC36421">
        <v>26</v>
      </c>
      <c r="AD36421">
        <v>26</v>
      </c>
      <c r="AE36421">
        <v>26</v>
      </c>
      <c r="AF36421">
        <v>26</v>
      </c>
      <c r="AG36421">
        <v>26</v>
      </c>
      <c r="AH36421">
        <v>27</v>
      </c>
      <c r="AI36421">
        <v>27</v>
      </c>
      <c r="AJ36421">
        <v>27</v>
      </c>
      <c r="AK36421">
        <v>27</v>
      </c>
      <c r="AL36421">
        <v>27</v>
      </c>
      <c r="AM36421">
        <v>27</v>
      </c>
      <c r="AN36421">
        <v>27</v>
      </c>
      <c r="AO36421">
        <v>27</v>
      </c>
      <c r="AP36421">
        <v>27</v>
      </c>
      <c r="AQ36421">
        <v>27</v>
      </c>
    </row>
    <row r="36422" spans="1:43">
      <c r="A36422" t="s">
        <v>22579</v>
      </c>
      <c r="B36422" t="s">
        <v>22580</v>
      </c>
      <c r="C36422" t="s">
        <v>22577</v>
      </c>
      <c r="D36422" t="s">
        <v>22578</v>
      </c>
      <c r="E36422" t="s">
        <v>22537</v>
      </c>
      <c r="F36422" t="s">
        <v>22538</v>
      </c>
      <c r="G36422" t="s">
        <v>22539</v>
      </c>
      <c r="H36422" t="s">
        <v>22540</v>
      </c>
      <c r="I36422" s="2">
        <v>0</v>
      </c>
      <c r="J36422" s="2">
        <v>0</v>
      </c>
      <c r="K36422" s="2">
        <v>1</v>
      </c>
      <c r="L36422" t="s">
        <v>995</v>
      </c>
      <c r="M36422" t="s">
        <v>83</v>
      </c>
      <c r="N36422" t="s">
        <v>84</v>
      </c>
      <c r="O36422" t="s">
        <v>85</v>
      </c>
      <c r="P36422" t="s">
        <v>86</v>
      </c>
      <c r="Q36422">
        <v>10</v>
      </c>
      <c r="R36422">
        <v>10</v>
      </c>
      <c r="S36422">
        <v>10</v>
      </c>
      <c r="T36422">
        <v>10</v>
      </c>
      <c r="U36422">
        <v>10</v>
      </c>
      <c r="V36422">
        <v>11</v>
      </c>
      <c r="W36422">
        <v>11</v>
      </c>
      <c r="X36422">
        <v>11</v>
      </c>
      <c r="Y36422">
        <v>11</v>
      </c>
      <c r="Z36422">
        <v>11</v>
      </c>
      <c r="AA36422">
        <v>11</v>
      </c>
      <c r="AB36422">
        <v>11</v>
      </c>
      <c r="AC36422">
        <v>11</v>
      </c>
      <c r="AD36422">
        <v>11</v>
      </c>
      <c r="AE36422">
        <v>12</v>
      </c>
      <c r="AF36422">
        <v>12</v>
      </c>
      <c r="AG36422">
        <v>12</v>
      </c>
      <c r="AH36422">
        <v>12</v>
      </c>
      <c r="AI36422">
        <v>12</v>
      </c>
      <c r="AJ36422">
        <v>12</v>
      </c>
      <c r="AK36422">
        <v>12</v>
      </c>
      <c r="AL36422">
        <v>12</v>
      </c>
      <c r="AM36422">
        <v>12</v>
      </c>
      <c r="AN36422">
        <v>12</v>
      </c>
      <c r="AO36422">
        <v>12</v>
      </c>
      <c r="AP36422">
        <v>12</v>
      </c>
      <c r="AQ36422">
        <v>12</v>
      </c>
    </row>
    <row r="36423" spans="1:43">
      <c r="A36423" t="s">
        <v>22579</v>
      </c>
      <c r="B36423" t="s">
        <v>22580</v>
      </c>
      <c r="C36423" t="s">
        <v>22577</v>
      </c>
      <c r="D36423" t="s">
        <v>22578</v>
      </c>
      <c r="E36423" t="s">
        <v>22537</v>
      </c>
      <c r="F36423" t="s">
        <v>22538</v>
      </c>
      <c r="G36423" t="s">
        <v>22539</v>
      </c>
      <c r="H36423" t="s">
        <v>22540</v>
      </c>
      <c r="I36423" s="2">
        <v>0</v>
      </c>
      <c r="J36423" s="2">
        <v>0</v>
      </c>
      <c r="K36423" s="2">
        <v>1</v>
      </c>
      <c r="L36423" t="s">
        <v>995</v>
      </c>
      <c r="M36423" t="s">
        <v>87</v>
      </c>
      <c r="N36423" t="s">
        <v>88</v>
      </c>
      <c r="O36423" t="s">
        <v>85</v>
      </c>
      <c r="P36423" t="s">
        <v>86</v>
      </c>
      <c r="Q36423">
        <v>10</v>
      </c>
      <c r="R36423">
        <v>10</v>
      </c>
      <c r="S36423">
        <v>10</v>
      </c>
      <c r="T36423">
        <v>10</v>
      </c>
      <c r="U36423">
        <v>10</v>
      </c>
      <c r="V36423">
        <v>10</v>
      </c>
      <c r="W36423">
        <v>10</v>
      </c>
      <c r="X36423">
        <v>10</v>
      </c>
      <c r="Y36423">
        <v>10</v>
      </c>
      <c r="Z36423">
        <v>10</v>
      </c>
      <c r="AA36423">
        <v>10</v>
      </c>
      <c r="AB36423">
        <v>10</v>
      </c>
      <c r="AC36423">
        <v>10</v>
      </c>
      <c r="AD36423">
        <v>10</v>
      </c>
      <c r="AE36423">
        <v>10</v>
      </c>
      <c r="AF36423">
        <v>10</v>
      </c>
      <c r="AG36423">
        <v>10</v>
      </c>
      <c r="AH36423">
        <v>10</v>
      </c>
      <c r="AI36423">
        <v>10</v>
      </c>
      <c r="AJ36423">
        <v>10</v>
      </c>
      <c r="AK36423">
        <v>10</v>
      </c>
      <c r="AL36423">
        <v>10</v>
      </c>
      <c r="AM36423">
        <v>10</v>
      </c>
      <c r="AN36423">
        <v>10</v>
      </c>
      <c r="AO36423">
        <v>10</v>
      </c>
      <c r="AP36423">
        <v>10</v>
      </c>
      <c r="AQ36423">
        <v>10</v>
      </c>
    </row>
    <row r="36424" spans="1:43">
      <c r="A36424" t="s">
        <v>22579</v>
      </c>
      <c r="B36424" t="s">
        <v>22580</v>
      </c>
      <c r="C36424" t="s">
        <v>22577</v>
      </c>
      <c r="D36424" t="s">
        <v>22578</v>
      </c>
      <c r="E36424" t="s">
        <v>22537</v>
      </c>
      <c r="F36424" t="s">
        <v>22538</v>
      </c>
      <c r="G36424" t="s">
        <v>22539</v>
      </c>
      <c r="H36424" t="s">
        <v>22540</v>
      </c>
      <c r="I36424" s="2">
        <v>0</v>
      </c>
      <c r="J36424" s="2">
        <v>0</v>
      </c>
      <c r="K36424" s="2">
        <v>1</v>
      </c>
      <c r="L36424" t="s">
        <v>995</v>
      </c>
      <c r="M36424" t="s">
        <v>89</v>
      </c>
      <c r="N36424" t="s">
        <v>90</v>
      </c>
      <c r="O36424" t="s">
        <v>85</v>
      </c>
      <c r="P36424" t="s">
        <v>86</v>
      </c>
      <c r="Q36424">
        <v>10</v>
      </c>
      <c r="R36424">
        <v>10</v>
      </c>
      <c r="S36424">
        <v>10</v>
      </c>
      <c r="T36424">
        <v>11</v>
      </c>
      <c r="U36424">
        <v>11</v>
      </c>
      <c r="V36424">
        <v>11</v>
      </c>
      <c r="W36424">
        <v>11</v>
      </c>
      <c r="X36424">
        <v>11</v>
      </c>
      <c r="Y36424">
        <v>12</v>
      </c>
      <c r="Z36424">
        <v>12</v>
      </c>
      <c r="AA36424">
        <v>12</v>
      </c>
      <c r="AB36424">
        <v>12</v>
      </c>
      <c r="AC36424">
        <v>12</v>
      </c>
      <c r="AD36424">
        <v>12</v>
      </c>
      <c r="AE36424">
        <v>12</v>
      </c>
      <c r="AF36424">
        <v>12</v>
      </c>
      <c r="AG36424">
        <v>12</v>
      </c>
      <c r="AH36424">
        <v>12</v>
      </c>
      <c r="AI36424">
        <v>12</v>
      </c>
      <c r="AJ36424">
        <v>12</v>
      </c>
      <c r="AK36424">
        <v>12</v>
      </c>
      <c r="AL36424">
        <v>12</v>
      </c>
      <c r="AM36424">
        <v>12</v>
      </c>
      <c r="AN36424">
        <v>12</v>
      </c>
      <c r="AO36424">
        <v>12</v>
      </c>
      <c r="AP36424">
        <v>12</v>
      </c>
      <c r="AQ36424">
        <v>12</v>
      </c>
    </row>
    <row r="36425" spans="1:43">
      <c r="A36425" t="s">
        <v>22579</v>
      </c>
      <c r="B36425" t="s">
        <v>22580</v>
      </c>
      <c r="C36425" t="s">
        <v>22577</v>
      </c>
      <c r="D36425" t="s">
        <v>22578</v>
      </c>
      <c r="E36425" t="s">
        <v>22537</v>
      </c>
      <c r="F36425" t="s">
        <v>22538</v>
      </c>
      <c r="G36425" t="s">
        <v>22539</v>
      </c>
      <c r="H36425" t="s">
        <v>22540</v>
      </c>
      <c r="I36425" s="2">
        <v>0</v>
      </c>
      <c r="J36425" s="2">
        <v>0</v>
      </c>
      <c r="K36425" s="2">
        <v>1</v>
      </c>
      <c r="L36425" t="s">
        <v>995</v>
      </c>
      <c r="M36425" t="s">
        <v>83</v>
      </c>
      <c r="N36425" t="s">
        <v>91</v>
      </c>
      <c r="O36425" t="s">
        <v>85</v>
      </c>
      <c r="P36425" t="s">
        <v>86</v>
      </c>
      <c r="Q36425">
        <v>10</v>
      </c>
      <c r="R36425">
        <v>10</v>
      </c>
      <c r="S36425">
        <v>10</v>
      </c>
      <c r="T36425">
        <v>10</v>
      </c>
      <c r="U36425">
        <v>10</v>
      </c>
      <c r="V36425">
        <v>11</v>
      </c>
      <c r="W36425">
        <v>11</v>
      </c>
      <c r="X36425">
        <v>11</v>
      </c>
      <c r="Y36425">
        <v>11</v>
      </c>
      <c r="Z36425">
        <v>11</v>
      </c>
      <c r="AA36425">
        <v>11</v>
      </c>
      <c r="AB36425">
        <v>11</v>
      </c>
      <c r="AC36425">
        <v>11</v>
      </c>
      <c r="AD36425">
        <v>11</v>
      </c>
      <c r="AE36425">
        <v>12</v>
      </c>
      <c r="AF36425">
        <v>12</v>
      </c>
      <c r="AG36425">
        <v>12</v>
      </c>
      <c r="AH36425">
        <v>12</v>
      </c>
      <c r="AI36425">
        <v>12</v>
      </c>
      <c r="AJ36425">
        <v>12</v>
      </c>
      <c r="AK36425">
        <v>12</v>
      </c>
      <c r="AL36425">
        <v>12</v>
      </c>
      <c r="AM36425">
        <v>12</v>
      </c>
      <c r="AN36425">
        <v>12</v>
      </c>
      <c r="AO36425">
        <v>12</v>
      </c>
      <c r="AP36425">
        <v>12</v>
      </c>
      <c r="AQ36425">
        <v>12</v>
      </c>
    </row>
    <row r="36426" spans="1:43">
      <c r="A36426" t="s">
        <v>22581</v>
      </c>
      <c r="B36426" t="s">
        <v>22582</v>
      </c>
      <c r="C36426" t="s">
        <v>22583</v>
      </c>
      <c r="D36426" t="s">
        <v>22584</v>
      </c>
      <c r="E36426" t="s">
        <v>22537</v>
      </c>
      <c r="F36426" t="s">
        <v>22538</v>
      </c>
      <c r="G36426" t="s">
        <v>22539</v>
      </c>
      <c r="H36426" t="s">
        <v>22540</v>
      </c>
      <c r="I36426" s="2">
        <v>0</v>
      </c>
      <c r="J36426" s="2">
        <v>0</v>
      </c>
      <c r="K36426" s="2">
        <v>1</v>
      </c>
      <c r="L36426" t="s">
        <v>995</v>
      </c>
      <c r="M36426" t="s">
        <v>83</v>
      </c>
      <c r="N36426" t="s">
        <v>84</v>
      </c>
      <c r="O36426" t="s">
        <v>85</v>
      </c>
      <c r="P36426" t="s">
        <v>86</v>
      </c>
      <c r="Q36426">
        <v>24</v>
      </c>
      <c r="R36426">
        <v>24</v>
      </c>
      <c r="S36426">
        <v>24</v>
      </c>
      <c r="T36426">
        <v>25</v>
      </c>
      <c r="U36426">
        <v>25</v>
      </c>
      <c r="V36426">
        <v>25</v>
      </c>
      <c r="W36426">
        <v>25</v>
      </c>
      <c r="X36426">
        <v>26</v>
      </c>
      <c r="Y36426">
        <v>26</v>
      </c>
      <c r="Z36426">
        <v>26</v>
      </c>
      <c r="AA36426">
        <v>26</v>
      </c>
      <c r="AB36426">
        <v>27</v>
      </c>
      <c r="AC36426">
        <v>27</v>
      </c>
      <c r="AD36426">
        <v>27</v>
      </c>
      <c r="AE36426">
        <v>27</v>
      </c>
      <c r="AF36426">
        <v>28</v>
      </c>
      <c r="AG36426">
        <v>28</v>
      </c>
      <c r="AH36426">
        <v>28</v>
      </c>
      <c r="AI36426">
        <v>28</v>
      </c>
      <c r="AJ36426">
        <v>28</v>
      </c>
      <c r="AK36426">
        <v>29</v>
      </c>
      <c r="AL36426">
        <v>29</v>
      </c>
      <c r="AM36426">
        <v>29</v>
      </c>
      <c r="AN36426">
        <v>28</v>
      </c>
      <c r="AO36426">
        <v>28</v>
      </c>
      <c r="AP36426">
        <v>28</v>
      </c>
      <c r="AQ36426">
        <v>28</v>
      </c>
    </row>
    <row r="36427" spans="1:43">
      <c r="A36427" t="s">
        <v>22581</v>
      </c>
      <c r="B36427" t="s">
        <v>22582</v>
      </c>
      <c r="C36427" t="s">
        <v>22583</v>
      </c>
      <c r="D36427" t="s">
        <v>22584</v>
      </c>
      <c r="E36427" t="s">
        <v>22537</v>
      </c>
      <c r="F36427" t="s">
        <v>22538</v>
      </c>
      <c r="G36427" t="s">
        <v>22539</v>
      </c>
      <c r="H36427" t="s">
        <v>22540</v>
      </c>
      <c r="I36427" s="2">
        <v>0</v>
      </c>
      <c r="J36427" s="2">
        <v>0</v>
      </c>
      <c r="K36427" s="2">
        <v>1</v>
      </c>
      <c r="L36427" t="s">
        <v>995</v>
      </c>
      <c r="M36427" t="s">
        <v>87</v>
      </c>
      <c r="N36427" t="s">
        <v>88</v>
      </c>
      <c r="O36427" t="s">
        <v>85</v>
      </c>
      <c r="P36427" t="s">
        <v>86</v>
      </c>
      <c r="Q36427">
        <v>24</v>
      </c>
      <c r="R36427">
        <v>25</v>
      </c>
      <c r="S36427">
        <v>25</v>
      </c>
      <c r="T36427">
        <v>25</v>
      </c>
      <c r="U36427">
        <v>25</v>
      </c>
      <c r="V36427">
        <v>25</v>
      </c>
      <c r="W36427">
        <v>25</v>
      </c>
      <c r="X36427">
        <v>25</v>
      </c>
      <c r="Y36427">
        <v>25</v>
      </c>
      <c r="Z36427">
        <v>25</v>
      </c>
      <c r="AA36427">
        <v>25</v>
      </c>
      <c r="AB36427">
        <v>25</v>
      </c>
      <c r="AC36427">
        <v>25</v>
      </c>
      <c r="AD36427">
        <v>25</v>
      </c>
      <c r="AE36427">
        <v>25</v>
      </c>
      <c r="AF36427">
        <v>25</v>
      </c>
      <c r="AG36427">
        <v>25</v>
      </c>
      <c r="AH36427">
        <v>25</v>
      </c>
      <c r="AI36427">
        <v>25</v>
      </c>
      <c r="AJ36427">
        <v>25</v>
      </c>
      <c r="AK36427">
        <v>25</v>
      </c>
      <c r="AL36427">
        <v>25</v>
      </c>
      <c r="AM36427">
        <v>25</v>
      </c>
      <c r="AN36427">
        <v>25</v>
      </c>
      <c r="AO36427">
        <v>25</v>
      </c>
      <c r="AP36427">
        <v>25</v>
      </c>
      <c r="AQ36427">
        <v>25</v>
      </c>
    </row>
    <row r="36428" spans="1:43">
      <c r="A36428" t="s">
        <v>22581</v>
      </c>
      <c r="B36428" t="s">
        <v>22582</v>
      </c>
      <c r="C36428" t="s">
        <v>22583</v>
      </c>
      <c r="D36428" t="s">
        <v>22584</v>
      </c>
      <c r="E36428" t="s">
        <v>22537</v>
      </c>
      <c r="F36428" t="s">
        <v>22538</v>
      </c>
      <c r="G36428" t="s">
        <v>22539</v>
      </c>
      <c r="H36428" t="s">
        <v>22540</v>
      </c>
      <c r="I36428" s="2">
        <v>0</v>
      </c>
      <c r="J36428" s="2">
        <v>0</v>
      </c>
      <c r="K36428" s="2">
        <v>1</v>
      </c>
      <c r="L36428" t="s">
        <v>995</v>
      </c>
      <c r="M36428" t="s">
        <v>89</v>
      </c>
      <c r="N36428" t="s">
        <v>90</v>
      </c>
      <c r="O36428" t="s">
        <v>85</v>
      </c>
      <c r="P36428" t="s">
        <v>86</v>
      </c>
      <c r="Q36428">
        <v>24</v>
      </c>
      <c r="R36428">
        <v>24</v>
      </c>
      <c r="S36428">
        <v>25</v>
      </c>
      <c r="T36428">
        <v>25</v>
      </c>
      <c r="U36428">
        <v>26</v>
      </c>
      <c r="V36428">
        <v>26</v>
      </c>
      <c r="W36428">
        <v>27</v>
      </c>
      <c r="X36428">
        <v>27</v>
      </c>
      <c r="Y36428">
        <v>27</v>
      </c>
      <c r="Z36428">
        <v>28</v>
      </c>
      <c r="AA36428">
        <v>28</v>
      </c>
      <c r="AB36428">
        <v>28</v>
      </c>
      <c r="AC36428">
        <v>29</v>
      </c>
      <c r="AD36428">
        <v>29</v>
      </c>
      <c r="AE36428">
        <v>29</v>
      </c>
      <c r="AF36428">
        <v>29</v>
      </c>
      <c r="AG36428">
        <v>29</v>
      </c>
      <c r="AH36428">
        <v>29</v>
      </c>
      <c r="AI36428">
        <v>29</v>
      </c>
      <c r="AJ36428">
        <v>29</v>
      </c>
      <c r="AK36428">
        <v>29</v>
      </c>
      <c r="AL36428">
        <v>29</v>
      </c>
      <c r="AM36428">
        <v>29</v>
      </c>
      <c r="AN36428">
        <v>29</v>
      </c>
      <c r="AO36428">
        <v>28</v>
      </c>
      <c r="AP36428">
        <v>28</v>
      </c>
      <c r="AQ36428">
        <v>28</v>
      </c>
    </row>
    <row r="36429" spans="1:43">
      <c r="A36429" t="s">
        <v>22581</v>
      </c>
      <c r="B36429" t="s">
        <v>22582</v>
      </c>
      <c r="C36429" t="s">
        <v>22583</v>
      </c>
      <c r="D36429" t="s">
        <v>22584</v>
      </c>
      <c r="E36429" t="s">
        <v>22537</v>
      </c>
      <c r="F36429" t="s">
        <v>22538</v>
      </c>
      <c r="G36429" t="s">
        <v>22539</v>
      </c>
      <c r="H36429" t="s">
        <v>22540</v>
      </c>
      <c r="I36429" s="2">
        <v>0</v>
      </c>
      <c r="J36429" s="2">
        <v>0</v>
      </c>
      <c r="K36429" s="2">
        <v>1</v>
      </c>
      <c r="L36429" t="s">
        <v>995</v>
      </c>
      <c r="M36429" t="s">
        <v>83</v>
      </c>
      <c r="N36429" t="s">
        <v>91</v>
      </c>
      <c r="O36429" t="s">
        <v>85</v>
      </c>
      <c r="P36429" t="s">
        <v>86</v>
      </c>
      <c r="Q36429">
        <v>24</v>
      </c>
      <c r="R36429">
        <v>24</v>
      </c>
      <c r="S36429">
        <v>24</v>
      </c>
      <c r="T36429">
        <v>25</v>
      </c>
      <c r="U36429">
        <v>25</v>
      </c>
      <c r="V36429">
        <v>25</v>
      </c>
      <c r="W36429">
        <v>25</v>
      </c>
      <c r="X36429">
        <v>26</v>
      </c>
      <c r="Y36429">
        <v>26</v>
      </c>
      <c r="Z36429">
        <v>26</v>
      </c>
      <c r="AA36429">
        <v>26</v>
      </c>
      <c r="AB36429">
        <v>27</v>
      </c>
      <c r="AC36429">
        <v>27</v>
      </c>
      <c r="AD36429">
        <v>27</v>
      </c>
      <c r="AE36429">
        <v>27</v>
      </c>
      <c r="AF36429">
        <v>28</v>
      </c>
      <c r="AG36429">
        <v>28</v>
      </c>
      <c r="AH36429">
        <v>28</v>
      </c>
      <c r="AI36429">
        <v>28</v>
      </c>
      <c r="AJ36429">
        <v>28</v>
      </c>
      <c r="AK36429">
        <v>29</v>
      </c>
      <c r="AL36429">
        <v>29</v>
      </c>
      <c r="AM36429">
        <v>29</v>
      </c>
      <c r="AN36429">
        <v>28</v>
      </c>
      <c r="AO36429">
        <v>28</v>
      </c>
      <c r="AP36429">
        <v>28</v>
      </c>
      <c r="AQ36429">
        <v>28</v>
      </c>
    </row>
    <row r="36430" spans="1:43">
      <c r="A36430" t="s">
        <v>22585</v>
      </c>
      <c r="B36430" t="s">
        <v>22586</v>
      </c>
      <c r="C36430" t="s">
        <v>22583</v>
      </c>
      <c r="D36430" t="s">
        <v>22584</v>
      </c>
      <c r="E36430" t="s">
        <v>22537</v>
      </c>
      <c r="F36430" t="s">
        <v>22538</v>
      </c>
      <c r="G36430" t="s">
        <v>22539</v>
      </c>
      <c r="H36430" t="s">
        <v>22540</v>
      </c>
      <c r="I36430" s="2">
        <v>0</v>
      </c>
      <c r="J36430" s="2">
        <v>0</v>
      </c>
      <c r="K36430" s="2">
        <v>1</v>
      </c>
      <c r="L36430" t="s">
        <v>995</v>
      </c>
      <c r="M36430" t="s">
        <v>83</v>
      </c>
      <c r="N36430" t="s">
        <v>84</v>
      </c>
      <c r="O36430" t="s">
        <v>85</v>
      </c>
      <c r="P36430" t="s">
        <v>86</v>
      </c>
      <c r="Q36430">
        <v>15</v>
      </c>
      <c r="R36430">
        <v>15</v>
      </c>
      <c r="S36430">
        <v>15</v>
      </c>
      <c r="T36430">
        <v>15</v>
      </c>
      <c r="U36430">
        <v>16</v>
      </c>
      <c r="V36430">
        <v>16</v>
      </c>
      <c r="W36430">
        <v>16</v>
      </c>
      <c r="X36430">
        <v>16</v>
      </c>
      <c r="Y36430">
        <v>16</v>
      </c>
      <c r="Z36430">
        <v>16</v>
      </c>
      <c r="AA36430">
        <v>17</v>
      </c>
      <c r="AB36430">
        <v>17</v>
      </c>
      <c r="AC36430">
        <v>17</v>
      </c>
      <c r="AD36430">
        <v>17</v>
      </c>
      <c r="AE36430">
        <v>17</v>
      </c>
      <c r="AF36430">
        <v>17</v>
      </c>
      <c r="AG36430">
        <v>17</v>
      </c>
      <c r="AH36430">
        <v>18</v>
      </c>
      <c r="AI36430">
        <v>18</v>
      </c>
      <c r="AJ36430">
        <v>18</v>
      </c>
      <c r="AK36430">
        <v>18</v>
      </c>
      <c r="AL36430">
        <v>18</v>
      </c>
      <c r="AM36430">
        <v>18</v>
      </c>
      <c r="AN36430">
        <v>18</v>
      </c>
      <c r="AO36430">
        <v>18</v>
      </c>
      <c r="AP36430">
        <v>18</v>
      </c>
      <c r="AQ36430">
        <v>18</v>
      </c>
    </row>
    <row r="36431" spans="1:43">
      <c r="A36431" t="s">
        <v>22585</v>
      </c>
      <c r="B36431" t="s">
        <v>22586</v>
      </c>
      <c r="C36431" t="s">
        <v>22583</v>
      </c>
      <c r="D36431" t="s">
        <v>22584</v>
      </c>
      <c r="E36431" t="s">
        <v>22537</v>
      </c>
      <c r="F36431" t="s">
        <v>22538</v>
      </c>
      <c r="G36431" t="s">
        <v>22539</v>
      </c>
      <c r="H36431" t="s">
        <v>22540</v>
      </c>
      <c r="I36431" s="2">
        <v>0</v>
      </c>
      <c r="J36431" s="2">
        <v>0</v>
      </c>
      <c r="K36431" s="2">
        <v>1</v>
      </c>
      <c r="L36431" t="s">
        <v>995</v>
      </c>
      <c r="M36431" t="s">
        <v>87</v>
      </c>
      <c r="N36431" t="s">
        <v>88</v>
      </c>
      <c r="O36431" t="s">
        <v>85</v>
      </c>
      <c r="P36431" t="s">
        <v>86</v>
      </c>
      <c r="Q36431">
        <v>15</v>
      </c>
      <c r="R36431">
        <v>15</v>
      </c>
      <c r="S36431">
        <v>15</v>
      </c>
      <c r="T36431">
        <v>15</v>
      </c>
      <c r="U36431">
        <v>15</v>
      </c>
      <c r="V36431">
        <v>15</v>
      </c>
      <c r="W36431">
        <v>15</v>
      </c>
      <c r="X36431">
        <v>15</v>
      </c>
      <c r="Y36431">
        <v>15</v>
      </c>
      <c r="Z36431">
        <v>15</v>
      </c>
      <c r="AA36431">
        <v>15</v>
      </c>
      <c r="AB36431">
        <v>15</v>
      </c>
      <c r="AC36431">
        <v>15</v>
      </c>
      <c r="AD36431">
        <v>15</v>
      </c>
      <c r="AE36431">
        <v>15</v>
      </c>
      <c r="AF36431">
        <v>15</v>
      </c>
      <c r="AG36431">
        <v>15</v>
      </c>
      <c r="AH36431">
        <v>15</v>
      </c>
      <c r="AI36431">
        <v>15</v>
      </c>
      <c r="AJ36431">
        <v>15</v>
      </c>
      <c r="AK36431">
        <v>15</v>
      </c>
      <c r="AL36431">
        <v>15</v>
      </c>
      <c r="AM36431">
        <v>15</v>
      </c>
      <c r="AN36431">
        <v>15</v>
      </c>
      <c r="AO36431">
        <v>15</v>
      </c>
      <c r="AP36431">
        <v>15</v>
      </c>
      <c r="AQ36431">
        <v>15</v>
      </c>
    </row>
    <row r="36432" spans="1:43">
      <c r="A36432" t="s">
        <v>22585</v>
      </c>
      <c r="B36432" t="s">
        <v>22586</v>
      </c>
      <c r="C36432" t="s">
        <v>22583</v>
      </c>
      <c r="D36432" t="s">
        <v>22584</v>
      </c>
      <c r="E36432" t="s">
        <v>22537</v>
      </c>
      <c r="F36432" t="s">
        <v>22538</v>
      </c>
      <c r="G36432" t="s">
        <v>22539</v>
      </c>
      <c r="H36432" t="s">
        <v>22540</v>
      </c>
      <c r="I36432" s="2">
        <v>0</v>
      </c>
      <c r="J36432" s="2">
        <v>0</v>
      </c>
      <c r="K36432" s="2">
        <v>1</v>
      </c>
      <c r="L36432" t="s">
        <v>995</v>
      </c>
      <c r="M36432" t="s">
        <v>89</v>
      </c>
      <c r="N36432" t="s">
        <v>90</v>
      </c>
      <c r="O36432" t="s">
        <v>85</v>
      </c>
      <c r="P36432" t="s">
        <v>86</v>
      </c>
      <c r="Q36432">
        <v>15</v>
      </c>
      <c r="R36432">
        <v>15</v>
      </c>
      <c r="S36432">
        <v>16</v>
      </c>
      <c r="T36432">
        <v>16</v>
      </c>
      <c r="U36432">
        <v>16</v>
      </c>
      <c r="V36432">
        <v>16</v>
      </c>
      <c r="W36432">
        <v>17</v>
      </c>
      <c r="X36432">
        <v>17</v>
      </c>
      <c r="Y36432">
        <v>17</v>
      </c>
      <c r="Z36432">
        <v>17</v>
      </c>
      <c r="AA36432">
        <v>18</v>
      </c>
      <c r="AB36432">
        <v>18</v>
      </c>
      <c r="AC36432">
        <v>18</v>
      </c>
      <c r="AD36432">
        <v>18</v>
      </c>
      <c r="AE36432">
        <v>18</v>
      </c>
      <c r="AF36432">
        <v>18</v>
      </c>
      <c r="AG36432">
        <v>18</v>
      </c>
      <c r="AH36432">
        <v>18</v>
      </c>
      <c r="AI36432">
        <v>18</v>
      </c>
      <c r="AJ36432">
        <v>18</v>
      </c>
      <c r="AK36432">
        <v>18</v>
      </c>
      <c r="AL36432">
        <v>18</v>
      </c>
      <c r="AM36432">
        <v>18</v>
      </c>
      <c r="AN36432">
        <v>18</v>
      </c>
      <c r="AO36432">
        <v>18</v>
      </c>
      <c r="AP36432">
        <v>18</v>
      </c>
      <c r="AQ36432">
        <v>18</v>
      </c>
    </row>
    <row r="36433" spans="1:43">
      <c r="A36433" t="s">
        <v>22585</v>
      </c>
      <c r="B36433" t="s">
        <v>22586</v>
      </c>
      <c r="C36433" t="s">
        <v>22583</v>
      </c>
      <c r="D36433" t="s">
        <v>22584</v>
      </c>
      <c r="E36433" t="s">
        <v>22537</v>
      </c>
      <c r="F36433" t="s">
        <v>22538</v>
      </c>
      <c r="G36433" t="s">
        <v>22539</v>
      </c>
      <c r="H36433" t="s">
        <v>22540</v>
      </c>
      <c r="I36433" s="2">
        <v>0</v>
      </c>
      <c r="J36433" s="2">
        <v>0</v>
      </c>
      <c r="K36433" s="2">
        <v>1</v>
      </c>
      <c r="L36433" t="s">
        <v>995</v>
      </c>
      <c r="M36433" t="s">
        <v>83</v>
      </c>
      <c r="N36433" t="s">
        <v>91</v>
      </c>
      <c r="O36433" t="s">
        <v>85</v>
      </c>
      <c r="P36433" t="s">
        <v>86</v>
      </c>
      <c r="Q36433">
        <v>15</v>
      </c>
      <c r="R36433">
        <v>15</v>
      </c>
      <c r="S36433">
        <v>15</v>
      </c>
      <c r="T36433">
        <v>15</v>
      </c>
      <c r="U36433">
        <v>16</v>
      </c>
      <c r="V36433">
        <v>16</v>
      </c>
      <c r="W36433">
        <v>16</v>
      </c>
      <c r="X36433">
        <v>16</v>
      </c>
      <c r="Y36433">
        <v>16</v>
      </c>
      <c r="Z36433">
        <v>16</v>
      </c>
      <c r="AA36433">
        <v>17</v>
      </c>
      <c r="AB36433">
        <v>17</v>
      </c>
      <c r="AC36433">
        <v>17</v>
      </c>
      <c r="AD36433">
        <v>17</v>
      </c>
      <c r="AE36433">
        <v>17</v>
      </c>
      <c r="AF36433">
        <v>17</v>
      </c>
      <c r="AG36433">
        <v>17</v>
      </c>
      <c r="AH36433">
        <v>18</v>
      </c>
      <c r="AI36433">
        <v>18</v>
      </c>
      <c r="AJ36433">
        <v>18</v>
      </c>
      <c r="AK36433">
        <v>18</v>
      </c>
      <c r="AL36433">
        <v>18</v>
      </c>
      <c r="AM36433">
        <v>18</v>
      </c>
      <c r="AN36433">
        <v>18</v>
      </c>
      <c r="AO36433">
        <v>18</v>
      </c>
      <c r="AP36433">
        <v>18</v>
      </c>
      <c r="AQ36433">
        <v>18</v>
      </c>
    </row>
    <row r="36434" spans="1:43">
      <c r="A36434" t="s">
        <v>22587</v>
      </c>
      <c r="B36434" t="s">
        <v>22588</v>
      </c>
      <c r="C36434" t="s">
        <v>22577</v>
      </c>
      <c r="D36434" t="s">
        <v>22578</v>
      </c>
      <c r="E36434" t="s">
        <v>22537</v>
      </c>
      <c r="F36434" t="s">
        <v>22538</v>
      </c>
      <c r="G36434" t="s">
        <v>22539</v>
      </c>
      <c r="H36434" t="s">
        <v>22540</v>
      </c>
      <c r="I36434" s="2">
        <v>0</v>
      </c>
      <c r="J36434" s="2">
        <v>0</v>
      </c>
      <c r="K36434" s="2">
        <v>1</v>
      </c>
      <c r="L36434" t="s">
        <v>995</v>
      </c>
      <c r="M36434" t="s">
        <v>83</v>
      </c>
      <c r="N36434" t="s">
        <v>84</v>
      </c>
      <c r="O36434" t="s">
        <v>85</v>
      </c>
      <c r="P36434" t="s">
        <v>86</v>
      </c>
      <c r="Q36434">
        <v>20</v>
      </c>
      <c r="R36434">
        <v>20</v>
      </c>
      <c r="S36434">
        <v>21</v>
      </c>
      <c r="T36434">
        <v>21</v>
      </c>
      <c r="U36434">
        <v>21</v>
      </c>
      <c r="V36434">
        <v>21</v>
      </c>
      <c r="W36434">
        <v>22</v>
      </c>
      <c r="X36434">
        <v>22</v>
      </c>
      <c r="Y36434">
        <v>22</v>
      </c>
      <c r="Z36434">
        <v>22</v>
      </c>
      <c r="AA36434">
        <v>23</v>
      </c>
      <c r="AB36434">
        <v>23</v>
      </c>
      <c r="AC36434">
        <v>23</v>
      </c>
      <c r="AD36434">
        <v>23</v>
      </c>
      <c r="AE36434">
        <v>24</v>
      </c>
      <c r="AF36434">
        <v>24</v>
      </c>
      <c r="AG36434">
        <v>24</v>
      </c>
      <c r="AH36434">
        <v>24</v>
      </c>
      <c r="AI36434">
        <v>24</v>
      </c>
      <c r="AJ36434">
        <v>24</v>
      </c>
      <c r="AK36434">
        <v>25</v>
      </c>
      <c r="AL36434">
        <v>25</v>
      </c>
      <c r="AM36434">
        <v>25</v>
      </c>
      <c r="AN36434">
        <v>25</v>
      </c>
      <c r="AO36434">
        <v>25</v>
      </c>
      <c r="AP36434">
        <v>24</v>
      </c>
      <c r="AQ36434">
        <v>24</v>
      </c>
    </row>
    <row r="36435" spans="1:43">
      <c r="A36435" t="s">
        <v>22587</v>
      </c>
      <c r="B36435" t="s">
        <v>22588</v>
      </c>
      <c r="C36435" t="s">
        <v>22577</v>
      </c>
      <c r="D36435" t="s">
        <v>22578</v>
      </c>
      <c r="E36435" t="s">
        <v>22537</v>
      </c>
      <c r="F36435" t="s">
        <v>22538</v>
      </c>
      <c r="G36435" t="s">
        <v>22539</v>
      </c>
      <c r="H36435" t="s">
        <v>22540</v>
      </c>
      <c r="I36435" s="2">
        <v>0</v>
      </c>
      <c r="J36435" s="2">
        <v>0</v>
      </c>
      <c r="K36435" s="2">
        <v>1</v>
      </c>
      <c r="L36435" t="s">
        <v>995</v>
      </c>
      <c r="M36435" t="s">
        <v>87</v>
      </c>
      <c r="N36435" t="s">
        <v>88</v>
      </c>
      <c r="O36435" t="s">
        <v>85</v>
      </c>
      <c r="P36435" t="s">
        <v>86</v>
      </c>
      <c r="Q36435">
        <v>20</v>
      </c>
      <c r="R36435">
        <v>20</v>
      </c>
      <c r="S36435">
        <v>20</v>
      </c>
      <c r="T36435">
        <v>20</v>
      </c>
      <c r="U36435">
        <v>20</v>
      </c>
      <c r="V36435">
        <v>20</v>
      </c>
      <c r="W36435">
        <v>20</v>
      </c>
      <c r="X36435">
        <v>20</v>
      </c>
      <c r="Y36435">
        <v>21</v>
      </c>
      <c r="Z36435">
        <v>21</v>
      </c>
      <c r="AA36435">
        <v>21</v>
      </c>
      <c r="AB36435">
        <v>21</v>
      </c>
      <c r="AC36435">
        <v>21</v>
      </c>
      <c r="AD36435">
        <v>21</v>
      </c>
      <c r="AE36435">
        <v>21</v>
      </c>
      <c r="AF36435">
        <v>21</v>
      </c>
      <c r="AG36435">
        <v>21</v>
      </c>
      <c r="AH36435">
        <v>21</v>
      </c>
      <c r="AI36435">
        <v>21</v>
      </c>
      <c r="AJ36435">
        <v>21</v>
      </c>
      <c r="AK36435">
        <v>21</v>
      </c>
      <c r="AL36435">
        <v>21</v>
      </c>
      <c r="AM36435">
        <v>21</v>
      </c>
      <c r="AN36435">
        <v>21</v>
      </c>
      <c r="AO36435">
        <v>21</v>
      </c>
      <c r="AP36435">
        <v>21</v>
      </c>
      <c r="AQ36435">
        <v>21</v>
      </c>
    </row>
    <row r="36436" spans="1:43">
      <c r="A36436" t="s">
        <v>22587</v>
      </c>
      <c r="B36436" t="s">
        <v>22588</v>
      </c>
      <c r="C36436" t="s">
        <v>22577</v>
      </c>
      <c r="D36436" t="s">
        <v>22578</v>
      </c>
      <c r="E36436" t="s">
        <v>22537</v>
      </c>
      <c r="F36436" t="s">
        <v>22538</v>
      </c>
      <c r="G36436" t="s">
        <v>22539</v>
      </c>
      <c r="H36436" t="s">
        <v>22540</v>
      </c>
      <c r="I36436" s="2">
        <v>0</v>
      </c>
      <c r="J36436" s="2">
        <v>0</v>
      </c>
      <c r="K36436" s="2">
        <v>1</v>
      </c>
      <c r="L36436" t="s">
        <v>995</v>
      </c>
      <c r="M36436" t="s">
        <v>89</v>
      </c>
      <c r="N36436" t="s">
        <v>90</v>
      </c>
      <c r="O36436" t="s">
        <v>85</v>
      </c>
      <c r="P36436" t="s">
        <v>86</v>
      </c>
      <c r="Q36436">
        <v>20</v>
      </c>
      <c r="R36436">
        <v>21</v>
      </c>
      <c r="S36436">
        <v>21</v>
      </c>
      <c r="T36436">
        <v>22</v>
      </c>
      <c r="U36436">
        <v>22</v>
      </c>
      <c r="V36436">
        <v>22</v>
      </c>
      <c r="W36436">
        <v>23</v>
      </c>
      <c r="X36436">
        <v>23</v>
      </c>
      <c r="Y36436">
        <v>24</v>
      </c>
      <c r="Z36436">
        <v>24</v>
      </c>
      <c r="AA36436">
        <v>24</v>
      </c>
      <c r="AB36436">
        <v>24</v>
      </c>
      <c r="AC36436">
        <v>25</v>
      </c>
      <c r="AD36436">
        <v>25</v>
      </c>
      <c r="AE36436">
        <v>25</v>
      </c>
      <c r="AF36436">
        <v>25</v>
      </c>
      <c r="AG36436">
        <v>25</v>
      </c>
      <c r="AH36436">
        <v>25</v>
      </c>
      <c r="AI36436">
        <v>25</v>
      </c>
      <c r="AJ36436">
        <v>25</v>
      </c>
      <c r="AK36436">
        <v>25</v>
      </c>
      <c r="AL36436">
        <v>25</v>
      </c>
      <c r="AM36436">
        <v>25</v>
      </c>
      <c r="AN36436">
        <v>25</v>
      </c>
      <c r="AO36436">
        <v>25</v>
      </c>
      <c r="AP36436">
        <v>25</v>
      </c>
      <c r="AQ36436">
        <v>25</v>
      </c>
    </row>
    <row r="36437" spans="1:43">
      <c r="A36437" t="s">
        <v>22587</v>
      </c>
      <c r="B36437" t="s">
        <v>22588</v>
      </c>
      <c r="C36437" t="s">
        <v>22577</v>
      </c>
      <c r="D36437" t="s">
        <v>22578</v>
      </c>
      <c r="E36437" t="s">
        <v>22537</v>
      </c>
      <c r="F36437" t="s">
        <v>22538</v>
      </c>
      <c r="G36437" t="s">
        <v>22539</v>
      </c>
      <c r="H36437" t="s">
        <v>22540</v>
      </c>
      <c r="I36437" s="2">
        <v>0</v>
      </c>
      <c r="J36437" s="2">
        <v>0</v>
      </c>
      <c r="K36437" s="2">
        <v>1</v>
      </c>
      <c r="L36437" t="s">
        <v>995</v>
      </c>
      <c r="M36437" t="s">
        <v>83</v>
      </c>
      <c r="N36437" t="s">
        <v>91</v>
      </c>
      <c r="O36437" t="s">
        <v>85</v>
      </c>
      <c r="P36437" t="s">
        <v>86</v>
      </c>
      <c r="Q36437">
        <v>20</v>
      </c>
      <c r="R36437">
        <v>20</v>
      </c>
      <c r="S36437">
        <v>21</v>
      </c>
      <c r="T36437">
        <v>21</v>
      </c>
      <c r="U36437">
        <v>21</v>
      </c>
      <c r="V36437">
        <v>21</v>
      </c>
      <c r="W36437">
        <v>22</v>
      </c>
      <c r="X36437">
        <v>22</v>
      </c>
      <c r="Y36437">
        <v>22</v>
      </c>
      <c r="Z36437">
        <v>22</v>
      </c>
      <c r="AA36437">
        <v>23</v>
      </c>
      <c r="AB36437">
        <v>23</v>
      </c>
      <c r="AC36437">
        <v>23</v>
      </c>
      <c r="AD36437">
        <v>23</v>
      </c>
      <c r="AE36437">
        <v>24</v>
      </c>
      <c r="AF36437">
        <v>24</v>
      </c>
      <c r="AG36437">
        <v>24</v>
      </c>
      <c r="AH36437">
        <v>24</v>
      </c>
      <c r="AI36437">
        <v>24</v>
      </c>
      <c r="AJ36437">
        <v>24</v>
      </c>
      <c r="AK36437">
        <v>25</v>
      </c>
      <c r="AL36437">
        <v>25</v>
      </c>
      <c r="AM36437">
        <v>25</v>
      </c>
      <c r="AN36437">
        <v>25</v>
      </c>
      <c r="AO36437">
        <v>25</v>
      </c>
      <c r="AP36437">
        <v>24</v>
      </c>
      <c r="AQ36437">
        <v>24</v>
      </c>
    </row>
    <row r="36438" spans="1:43">
      <c r="A36438" t="s">
        <v>22589</v>
      </c>
      <c r="B36438" t="s">
        <v>22590</v>
      </c>
      <c r="C36438" t="s">
        <v>22577</v>
      </c>
      <c r="D36438" t="s">
        <v>22578</v>
      </c>
      <c r="E36438" t="s">
        <v>22537</v>
      </c>
      <c r="F36438" t="s">
        <v>22538</v>
      </c>
      <c r="G36438" t="s">
        <v>22539</v>
      </c>
      <c r="H36438" t="s">
        <v>22540</v>
      </c>
      <c r="I36438" s="2">
        <v>0</v>
      </c>
      <c r="J36438" s="2">
        <v>0</v>
      </c>
      <c r="K36438" s="2">
        <v>1</v>
      </c>
      <c r="L36438" t="s">
        <v>995</v>
      </c>
      <c r="M36438" t="s">
        <v>83</v>
      </c>
      <c r="N36438" t="s">
        <v>84</v>
      </c>
      <c r="O36438" t="s">
        <v>85</v>
      </c>
      <c r="P36438" t="s">
        <v>86</v>
      </c>
      <c r="Q36438">
        <v>18</v>
      </c>
      <c r="R36438">
        <v>19</v>
      </c>
      <c r="S36438">
        <v>19</v>
      </c>
      <c r="T36438">
        <v>19</v>
      </c>
      <c r="U36438">
        <v>19</v>
      </c>
      <c r="V36438">
        <v>19</v>
      </c>
      <c r="W36438">
        <v>20</v>
      </c>
      <c r="X36438">
        <v>20</v>
      </c>
      <c r="Y36438">
        <v>20</v>
      </c>
      <c r="Z36438">
        <v>20</v>
      </c>
      <c r="AA36438">
        <v>20</v>
      </c>
      <c r="AB36438">
        <v>21</v>
      </c>
      <c r="AC36438">
        <v>21</v>
      </c>
      <c r="AD36438">
        <v>21</v>
      </c>
      <c r="AE36438">
        <v>21</v>
      </c>
      <c r="AF36438">
        <v>21</v>
      </c>
      <c r="AG36438">
        <v>21</v>
      </c>
      <c r="AH36438">
        <v>22</v>
      </c>
      <c r="AI36438">
        <v>22</v>
      </c>
      <c r="AJ36438">
        <v>22</v>
      </c>
      <c r="AK36438">
        <v>22</v>
      </c>
      <c r="AL36438">
        <v>22</v>
      </c>
      <c r="AM36438">
        <v>22</v>
      </c>
      <c r="AN36438">
        <v>22</v>
      </c>
      <c r="AO36438">
        <v>22</v>
      </c>
      <c r="AP36438">
        <v>22</v>
      </c>
      <c r="AQ36438">
        <v>22</v>
      </c>
    </row>
    <row r="36439" spans="1:43">
      <c r="A36439" t="s">
        <v>22589</v>
      </c>
      <c r="B36439" t="s">
        <v>22590</v>
      </c>
      <c r="C36439" t="s">
        <v>22577</v>
      </c>
      <c r="D36439" t="s">
        <v>22578</v>
      </c>
      <c r="E36439" t="s">
        <v>22537</v>
      </c>
      <c r="F36439" t="s">
        <v>22538</v>
      </c>
      <c r="G36439" t="s">
        <v>22539</v>
      </c>
      <c r="H36439" t="s">
        <v>22540</v>
      </c>
      <c r="I36439" s="2">
        <v>0</v>
      </c>
      <c r="J36439" s="2">
        <v>0</v>
      </c>
      <c r="K36439" s="2">
        <v>1</v>
      </c>
      <c r="L36439" t="s">
        <v>995</v>
      </c>
      <c r="M36439" t="s">
        <v>87</v>
      </c>
      <c r="N36439" t="s">
        <v>88</v>
      </c>
      <c r="O36439" t="s">
        <v>85</v>
      </c>
      <c r="P36439" t="s">
        <v>86</v>
      </c>
      <c r="Q36439">
        <v>18</v>
      </c>
      <c r="R36439">
        <v>18</v>
      </c>
      <c r="S36439">
        <v>18</v>
      </c>
      <c r="T36439">
        <v>18</v>
      </c>
      <c r="U36439">
        <v>18</v>
      </c>
      <c r="V36439">
        <v>18</v>
      </c>
      <c r="W36439">
        <v>18</v>
      </c>
      <c r="X36439">
        <v>18</v>
      </c>
      <c r="Y36439">
        <v>19</v>
      </c>
      <c r="Z36439">
        <v>19</v>
      </c>
      <c r="AA36439">
        <v>19</v>
      </c>
      <c r="AB36439">
        <v>19</v>
      </c>
      <c r="AC36439">
        <v>19</v>
      </c>
      <c r="AD36439">
        <v>19</v>
      </c>
      <c r="AE36439">
        <v>19</v>
      </c>
      <c r="AF36439">
        <v>19</v>
      </c>
      <c r="AG36439">
        <v>19</v>
      </c>
      <c r="AH36439">
        <v>19</v>
      </c>
      <c r="AI36439">
        <v>19</v>
      </c>
      <c r="AJ36439">
        <v>19</v>
      </c>
      <c r="AK36439">
        <v>19</v>
      </c>
      <c r="AL36439">
        <v>19</v>
      </c>
      <c r="AM36439">
        <v>19</v>
      </c>
      <c r="AN36439">
        <v>19</v>
      </c>
      <c r="AO36439">
        <v>19</v>
      </c>
      <c r="AP36439">
        <v>19</v>
      </c>
      <c r="AQ36439">
        <v>19</v>
      </c>
    </row>
    <row r="36440" spans="1:43">
      <c r="A36440" t="s">
        <v>22589</v>
      </c>
      <c r="B36440" t="s">
        <v>22590</v>
      </c>
      <c r="C36440" t="s">
        <v>22577</v>
      </c>
      <c r="D36440" t="s">
        <v>22578</v>
      </c>
      <c r="E36440" t="s">
        <v>22537</v>
      </c>
      <c r="F36440" t="s">
        <v>22538</v>
      </c>
      <c r="G36440" t="s">
        <v>22539</v>
      </c>
      <c r="H36440" t="s">
        <v>22540</v>
      </c>
      <c r="I36440" s="2">
        <v>0</v>
      </c>
      <c r="J36440" s="2">
        <v>0</v>
      </c>
      <c r="K36440" s="2">
        <v>1</v>
      </c>
      <c r="L36440" t="s">
        <v>995</v>
      </c>
      <c r="M36440" t="s">
        <v>89</v>
      </c>
      <c r="N36440" t="s">
        <v>90</v>
      </c>
      <c r="O36440" t="s">
        <v>85</v>
      </c>
      <c r="P36440" t="s">
        <v>86</v>
      </c>
      <c r="Q36440">
        <v>18</v>
      </c>
      <c r="R36440">
        <v>19</v>
      </c>
      <c r="S36440">
        <v>19</v>
      </c>
      <c r="T36440">
        <v>20</v>
      </c>
      <c r="U36440">
        <v>20</v>
      </c>
      <c r="V36440">
        <v>20</v>
      </c>
      <c r="W36440">
        <v>21</v>
      </c>
      <c r="X36440">
        <v>21</v>
      </c>
      <c r="Y36440">
        <v>21</v>
      </c>
      <c r="Z36440">
        <v>22</v>
      </c>
      <c r="AA36440">
        <v>22</v>
      </c>
      <c r="AB36440">
        <v>22</v>
      </c>
      <c r="AC36440">
        <v>22</v>
      </c>
      <c r="AD36440">
        <v>23</v>
      </c>
      <c r="AE36440">
        <v>23</v>
      </c>
      <c r="AF36440">
        <v>23</v>
      </c>
      <c r="AG36440">
        <v>23</v>
      </c>
      <c r="AH36440">
        <v>23</v>
      </c>
      <c r="AI36440">
        <v>22</v>
      </c>
      <c r="AJ36440">
        <v>22</v>
      </c>
      <c r="AK36440">
        <v>22</v>
      </c>
      <c r="AL36440">
        <v>22</v>
      </c>
      <c r="AM36440">
        <v>22</v>
      </c>
      <c r="AN36440">
        <v>22</v>
      </c>
      <c r="AO36440">
        <v>22</v>
      </c>
      <c r="AP36440">
        <v>22</v>
      </c>
      <c r="AQ36440">
        <v>22</v>
      </c>
    </row>
    <row r="36441" spans="1:43">
      <c r="A36441" t="s">
        <v>22589</v>
      </c>
      <c r="B36441" t="s">
        <v>22590</v>
      </c>
      <c r="C36441" t="s">
        <v>22577</v>
      </c>
      <c r="D36441" t="s">
        <v>22578</v>
      </c>
      <c r="E36441" t="s">
        <v>22537</v>
      </c>
      <c r="F36441" t="s">
        <v>22538</v>
      </c>
      <c r="G36441" t="s">
        <v>22539</v>
      </c>
      <c r="H36441" t="s">
        <v>22540</v>
      </c>
      <c r="I36441" s="2">
        <v>0</v>
      </c>
      <c r="J36441" s="2">
        <v>0</v>
      </c>
      <c r="K36441" s="2">
        <v>1</v>
      </c>
      <c r="L36441" t="s">
        <v>995</v>
      </c>
      <c r="M36441" t="s">
        <v>83</v>
      </c>
      <c r="N36441" t="s">
        <v>91</v>
      </c>
      <c r="O36441" t="s">
        <v>85</v>
      </c>
      <c r="P36441" t="s">
        <v>86</v>
      </c>
      <c r="Q36441">
        <v>18</v>
      </c>
      <c r="R36441">
        <v>19</v>
      </c>
      <c r="S36441">
        <v>19</v>
      </c>
      <c r="T36441">
        <v>19</v>
      </c>
      <c r="U36441">
        <v>19</v>
      </c>
      <c r="V36441">
        <v>19</v>
      </c>
      <c r="W36441">
        <v>20</v>
      </c>
      <c r="X36441">
        <v>20</v>
      </c>
      <c r="Y36441">
        <v>20</v>
      </c>
      <c r="Z36441">
        <v>20</v>
      </c>
      <c r="AA36441">
        <v>20</v>
      </c>
      <c r="AB36441">
        <v>21</v>
      </c>
      <c r="AC36441">
        <v>21</v>
      </c>
      <c r="AD36441">
        <v>21</v>
      </c>
      <c r="AE36441">
        <v>21</v>
      </c>
      <c r="AF36441">
        <v>21</v>
      </c>
      <c r="AG36441">
        <v>21</v>
      </c>
      <c r="AH36441">
        <v>22</v>
      </c>
      <c r="AI36441">
        <v>22</v>
      </c>
      <c r="AJ36441">
        <v>22</v>
      </c>
      <c r="AK36441">
        <v>22</v>
      </c>
      <c r="AL36441">
        <v>22</v>
      </c>
      <c r="AM36441">
        <v>22</v>
      </c>
      <c r="AN36441">
        <v>22</v>
      </c>
      <c r="AO36441">
        <v>22</v>
      </c>
      <c r="AP36441">
        <v>22</v>
      </c>
      <c r="AQ36441">
        <v>22</v>
      </c>
    </row>
    <row r="36442" spans="1:43">
      <c r="A36442" t="s">
        <v>22591</v>
      </c>
      <c r="B36442" t="s">
        <v>22592</v>
      </c>
      <c r="C36442" t="s">
        <v>22577</v>
      </c>
      <c r="D36442" t="s">
        <v>22578</v>
      </c>
      <c r="E36442" t="s">
        <v>22537</v>
      </c>
      <c r="F36442" t="s">
        <v>22538</v>
      </c>
      <c r="G36442" t="s">
        <v>22539</v>
      </c>
      <c r="H36442" t="s">
        <v>22540</v>
      </c>
      <c r="I36442" s="2">
        <v>0</v>
      </c>
      <c r="J36442" s="2">
        <v>0</v>
      </c>
      <c r="K36442" s="2">
        <v>1</v>
      </c>
      <c r="L36442" t="s">
        <v>995</v>
      </c>
      <c r="M36442" t="s">
        <v>83</v>
      </c>
      <c r="N36442" t="s">
        <v>84</v>
      </c>
      <c r="O36442" t="s">
        <v>85</v>
      </c>
      <c r="P36442" t="s">
        <v>86</v>
      </c>
      <c r="Q36442">
        <v>47</v>
      </c>
      <c r="R36442">
        <v>48</v>
      </c>
      <c r="S36442">
        <v>48</v>
      </c>
      <c r="T36442">
        <v>49</v>
      </c>
      <c r="U36442">
        <v>49</v>
      </c>
      <c r="V36442">
        <v>50</v>
      </c>
      <c r="W36442">
        <v>50</v>
      </c>
      <c r="X36442">
        <v>51</v>
      </c>
      <c r="Y36442">
        <v>52</v>
      </c>
      <c r="Z36442">
        <v>52</v>
      </c>
      <c r="AA36442">
        <v>53</v>
      </c>
      <c r="AB36442">
        <v>53</v>
      </c>
      <c r="AC36442">
        <v>54</v>
      </c>
      <c r="AD36442">
        <v>54</v>
      </c>
      <c r="AE36442">
        <v>55</v>
      </c>
      <c r="AF36442">
        <v>55</v>
      </c>
      <c r="AG36442">
        <v>56</v>
      </c>
      <c r="AH36442">
        <v>56</v>
      </c>
      <c r="AI36442">
        <v>57</v>
      </c>
      <c r="AJ36442">
        <v>57</v>
      </c>
      <c r="AK36442">
        <v>57</v>
      </c>
      <c r="AL36442">
        <v>57</v>
      </c>
      <c r="AM36442">
        <v>57</v>
      </c>
      <c r="AN36442">
        <v>57</v>
      </c>
      <c r="AO36442">
        <v>57</v>
      </c>
      <c r="AP36442">
        <v>57</v>
      </c>
      <c r="AQ36442">
        <v>57</v>
      </c>
    </row>
    <row r="36443" spans="1:43">
      <c r="A36443" t="s">
        <v>22591</v>
      </c>
      <c r="B36443" t="s">
        <v>22592</v>
      </c>
      <c r="C36443" t="s">
        <v>22577</v>
      </c>
      <c r="D36443" t="s">
        <v>22578</v>
      </c>
      <c r="E36443" t="s">
        <v>22537</v>
      </c>
      <c r="F36443" t="s">
        <v>22538</v>
      </c>
      <c r="G36443" t="s">
        <v>22539</v>
      </c>
      <c r="H36443" t="s">
        <v>22540</v>
      </c>
      <c r="I36443" s="2">
        <v>0</v>
      </c>
      <c r="J36443" s="2">
        <v>0</v>
      </c>
      <c r="K36443" s="2">
        <v>1</v>
      </c>
      <c r="L36443" t="s">
        <v>995</v>
      </c>
      <c r="M36443" t="s">
        <v>87</v>
      </c>
      <c r="N36443" t="s">
        <v>88</v>
      </c>
      <c r="O36443" t="s">
        <v>85</v>
      </c>
      <c r="P36443" t="s">
        <v>86</v>
      </c>
      <c r="Q36443">
        <v>47</v>
      </c>
      <c r="R36443">
        <v>47</v>
      </c>
      <c r="S36443">
        <v>47</v>
      </c>
      <c r="T36443">
        <v>47</v>
      </c>
      <c r="U36443">
        <v>47</v>
      </c>
      <c r="V36443">
        <v>47</v>
      </c>
      <c r="W36443">
        <v>47</v>
      </c>
      <c r="X36443">
        <v>48</v>
      </c>
      <c r="Y36443">
        <v>48</v>
      </c>
      <c r="Z36443">
        <v>48</v>
      </c>
      <c r="AA36443">
        <v>48</v>
      </c>
      <c r="AB36443">
        <v>48</v>
      </c>
      <c r="AC36443">
        <v>48</v>
      </c>
      <c r="AD36443">
        <v>48</v>
      </c>
      <c r="AE36443">
        <v>48</v>
      </c>
      <c r="AF36443">
        <v>49</v>
      </c>
      <c r="AG36443">
        <v>49</v>
      </c>
      <c r="AH36443">
        <v>49</v>
      </c>
      <c r="AI36443">
        <v>49</v>
      </c>
      <c r="AJ36443">
        <v>49</v>
      </c>
      <c r="AK36443">
        <v>49</v>
      </c>
      <c r="AL36443">
        <v>49</v>
      </c>
      <c r="AM36443">
        <v>49</v>
      </c>
      <c r="AN36443">
        <v>49</v>
      </c>
      <c r="AO36443">
        <v>49</v>
      </c>
      <c r="AP36443">
        <v>49</v>
      </c>
      <c r="AQ36443">
        <v>49</v>
      </c>
    </row>
    <row r="36444" spans="1:43">
      <c r="A36444" t="s">
        <v>22591</v>
      </c>
      <c r="B36444" t="s">
        <v>22592</v>
      </c>
      <c r="C36444" t="s">
        <v>22577</v>
      </c>
      <c r="D36444" t="s">
        <v>22578</v>
      </c>
      <c r="E36444" t="s">
        <v>22537</v>
      </c>
      <c r="F36444" t="s">
        <v>22538</v>
      </c>
      <c r="G36444" t="s">
        <v>22539</v>
      </c>
      <c r="H36444" t="s">
        <v>22540</v>
      </c>
      <c r="I36444" s="2">
        <v>0</v>
      </c>
      <c r="J36444" s="2">
        <v>0</v>
      </c>
      <c r="K36444" s="2">
        <v>1</v>
      </c>
      <c r="L36444" t="s">
        <v>995</v>
      </c>
      <c r="M36444" t="s">
        <v>89</v>
      </c>
      <c r="N36444" t="s">
        <v>90</v>
      </c>
      <c r="O36444" t="s">
        <v>85</v>
      </c>
      <c r="P36444" t="s">
        <v>86</v>
      </c>
      <c r="Q36444">
        <v>47</v>
      </c>
      <c r="R36444">
        <v>48</v>
      </c>
      <c r="S36444">
        <v>49</v>
      </c>
      <c r="T36444">
        <v>50</v>
      </c>
      <c r="U36444">
        <v>51</v>
      </c>
      <c r="V36444">
        <v>52</v>
      </c>
      <c r="W36444">
        <v>53</v>
      </c>
      <c r="X36444">
        <v>54</v>
      </c>
      <c r="Y36444">
        <v>55</v>
      </c>
      <c r="Z36444">
        <v>55</v>
      </c>
      <c r="AA36444">
        <v>56</v>
      </c>
      <c r="AB36444">
        <v>57</v>
      </c>
      <c r="AC36444">
        <v>58</v>
      </c>
      <c r="AD36444">
        <v>58</v>
      </c>
      <c r="AE36444">
        <v>59</v>
      </c>
      <c r="AF36444">
        <v>59</v>
      </c>
      <c r="AG36444">
        <v>58</v>
      </c>
      <c r="AH36444">
        <v>58</v>
      </c>
      <c r="AI36444">
        <v>58</v>
      </c>
      <c r="AJ36444">
        <v>58</v>
      </c>
      <c r="AK36444">
        <v>58</v>
      </c>
      <c r="AL36444">
        <v>58</v>
      </c>
      <c r="AM36444">
        <v>58</v>
      </c>
      <c r="AN36444">
        <v>58</v>
      </c>
      <c r="AO36444">
        <v>58</v>
      </c>
      <c r="AP36444">
        <v>58</v>
      </c>
      <c r="AQ36444">
        <v>57</v>
      </c>
    </row>
    <row r="36445" spans="1:43">
      <c r="A36445" t="s">
        <v>22591</v>
      </c>
      <c r="B36445" t="s">
        <v>22592</v>
      </c>
      <c r="C36445" t="s">
        <v>22577</v>
      </c>
      <c r="D36445" t="s">
        <v>22578</v>
      </c>
      <c r="E36445" t="s">
        <v>22537</v>
      </c>
      <c r="F36445" t="s">
        <v>22538</v>
      </c>
      <c r="G36445" t="s">
        <v>22539</v>
      </c>
      <c r="H36445" t="s">
        <v>22540</v>
      </c>
      <c r="I36445" s="2">
        <v>0</v>
      </c>
      <c r="J36445" s="2">
        <v>0</v>
      </c>
      <c r="K36445" s="2">
        <v>1</v>
      </c>
      <c r="L36445" t="s">
        <v>995</v>
      </c>
      <c r="M36445" t="s">
        <v>83</v>
      </c>
      <c r="N36445" t="s">
        <v>91</v>
      </c>
      <c r="O36445" t="s">
        <v>85</v>
      </c>
      <c r="P36445" t="s">
        <v>86</v>
      </c>
      <c r="Q36445">
        <v>47</v>
      </c>
      <c r="R36445">
        <v>48</v>
      </c>
      <c r="S36445">
        <v>48</v>
      </c>
      <c r="T36445">
        <v>49</v>
      </c>
      <c r="U36445">
        <v>49</v>
      </c>
      <c r="V36445">
        <v>50</v>
      </c>
      <c r="W36445">
        <v>50</v>
      </c>
      <c r="X36445">
        <v>51</v>
      </c>
      <c r="Y36445">
        <v>52</v>
      </c>
      <c r="Z36445">
        <v>52</v>
      </c>
      <c r="AA36445">
        <v>53</v>
      </c>
      <c r="AB36445">
        <v>53</v>
      </c>
      <c r="AC36445">
        <v>54</v>
      </c>
      <c r="AD36445">
        <v>54</v>
      </c>
      <c r="AE36445">
        <v>55</v>
      </c>
      <c r="AF36445">
        <v>55</v>
      </c>
      <c r="AG36445">
        <v>56</v>
      </c>
      <c r="AH36445">
        <v>56</v>
      </c>
      <c r="AI36445">
        <v>57</v>
      </c>
      <c r="AJ36445">
        <v>57</v>
      </c>
      <c r="AK36445">
        <v>57</v>
      </c>
      <c r="AL36445">
        <v>57</v>
      </c>
      <c r="AM36445">
        <v>57</v>
      </c>
      <c r="AN36445">
        <v>57</v>
      </c>
      <c r="AO36445">
        <v>57</v>
      </c>
      <c r="AP36445">
        <v>57</v>
      </c>
      <c r="AQ36445">
        <v>57</v>
      </c>
    </row>
    <row r="36446" spans="1:43">
      <c r="A36446" t="s">
        <v>22593</v>
      </c>
      <c r="B36446" t="s">
        <v>22594</v>
      </c>
      <c r="C36446" t="s">
        <v>22577</v>
      </c>
      <c r="D36446" t="s">
        <v>22578</v>
      </c>
      <c r="E36446" t="s">
        <v>22537</v>
      </c>
      <c r="F36446" t="s">
        <v>22538</v>
      </c>
      <c r="G36446" t="s">
        <v>22539</v>
      </c>
      <c r="H36446" t="s">
        <v>22540</v>
      </c>
      <c r="I36446" s="2">
        <v>0</v>
      </c>
      <c r="J36446" s="2">
        <v>0</v>
      </c>
      <c r="K36446" s="2">
        <v>1</v>
      </c>
      <c r="L36446" t="s">
        <v>995</v>
      </c>
      <c r="M36446" t="s">
        <v>83</v>
      </c>
      <c r="N36446" t="s">
        <v>84</v>
      </c>
      <c r="O36446" t="s">
        <v>85</v>
      </c>
      <c r="P36446" t="s">
        <v>86</v>
      </c>
      <c r="Q36446">
        <v>51</v>
      </c>
      <c r="R36446">
        <v>51</v>
      </c>
      <c r="S36446">
        <v>52</v>
      </c>
      <c r="T36446">
        <v>52</v>
      </c>
      <c r="U36446">
        <v>53</v>
      </c>
      <c r="V36446">
        <v>54</v>
      </c>
      <c r="W36446">
        <v>54</v>
      </c>
      <c r="X36446">
        <v>55</v>
      </c>
      <c r="Y36446">
        <v>56</v>
      </c>
      <c r="Z36446">
        <v>56</v>
      </c>
      <c r="AA36446">
        <v>57</v>
      </c>
      <c r="AB36446">
        <v>57</v>
      </c>
      <c r="AC36446">
        <v>58</v>
      </c>
      <c r="AD36446">
        <v>58</v>
      </c>
      <c r="AE36446">
        <v>59</v>
      </c>
      <c r="AF36446">
        <v>60</v>
      </c>
      <c r="AG36446">
        <v>60</v>
      </c>
      <c r="AH36446">
        <v>61</v>
      </c>
      <c r="AI36446">
        <v>61</v>
      </c>
      <c r="AJ36446">
        <v>62</v>
      </c>
      <c r="AK36446">
        <v>62</v>
      </c>
      <c r="AL36446">
        <v>62</v>
      </c>
      <c r="AM36446">
        <v>62</v>
      </c>
      <c r="AN36446">
        <v>62</v>
      </c>
      <c r="AO36446">
        <v>62</v>
      </c>
      <c r="AP36446">
        <v>62</v>
      </c>
      <c r="AQ36446">
        <v>62</v>
      </c>
    </row>
    <row r="36447" spans="1:43">
      <c r="A36447" t="s">
        <v>22593</v>
      </c>
      <c r="B36447" t="s">
        <v>22594</v>
      </c>
      <c r="C36447" t="s">
        <v>22577</v>
      </c>
      <c r="D36447" t="s">
        <v>22578</v>
      </c>
      <c r="E36447" t="s">
        <v>22537</v>
      </c>
      <c r="F36447" t="s">
        <v>22538</v>
      </c>
      <c r="G36447" t="s">
        <v>22539</v>
      </c>
      <c r="H36447" t="s">
        <v>22540</v>
      </c>
      <c r="I36447" s="2">
        <v>0</v>
      </c>
      <c r="J36447" s="2">
        <v>0</v>
      </c>
      <c r="K36447" s="2">
        <v>1</v>
      </c>
      <c r="L36447" t="s">
        <v>995</v>
      </c>
      <c r="M36447" t="s">
        <v>87</v>
      </c>
      <c r="N36447" t="s">
        <v>88</v>
      </c>
      <c r="O36447" t="s">
        <v>85</v>
      </c>
      <c r="P36447" t="s">
        <v>86</v>
      </c>
      <c r="Q36447">
        <v>51</v>
      </c>
      <c r="R36447">
        <v>51</v>
      </c>
      <c r="S36447">
        <v>51</v>
      </c>
      <c r="T36447">
        <v>52</v>
      </c>
      <c r="U36447">
        <v>52</v>
      </c>
      <c r="V36447">
        <v>52</v>
      </c>
      <c r="W36447">
        <v>52</v>
      </c>
      <c r="X36447">
        <v>52</v>
      </c>
      <c r="Y36447">
        <v>52</v>
      </c>
      <c r="Z36447">
        <v>53</v>
      </c>
      <c r="AA36447">
        <v>53</v>
      </c>
      <c r="AB36447">
        <v>53</v>
      </c>
      <c r="AC36447">
        <v>53</v>
      </c>
      <c r="AD36447">
        <v>53</v>
      </c>
      <c r="AE36447">
        <v>53</v>
      </c>
      <c r="AF36447">
        <v>53</v>
      </c>
      <c r="AG36447">
        <v>54</v>
      </c>
      <c r="AH36447">
        <v>54</v>
      </c>
      <c r="AI36447">
        <v>54</v>
      </c>
      <c r="AJ36447">
        <v>54</v>
      </c>
      <c r="AK36447">
        <v>54</v>
      </c>
      <c r="AL36447">
        <v>54</v>
      </c>
      <c r="AM36447">
        <v>54</v>
      </c>
      <c r="AN36447">
        <v>54</v>
      </c>
      <c r="AO36447">
        <v>54</v>
      </c>
      <c r="AP36447">
        <v>54</v>
      </c>
      <c r="AQ36447">
        <v>55</v>
      </c>
    </row>
    <row r="36448" spans="1:43">
      <c r="A36448" t="s">
        <v>22593</v>
      </c>
      <c r="B36448" t="s">
        <v>22594</v>
      </c>
      <c r="C36448" t="s">
        <v>22577</v>
      </c>
      <c r="D36448" t="s">
        <v>22578</v>
      </c>
      <c r="E36448" t="s">
        <v>22537</v>
      </c>
      <c r="F36448" t="s">
        <v>22538</v>
      </c>
      <c r="G36448" t="s">
        <v>22539</v>
      </c>
      <c r="H36448" t="s">
        <v>22540</v>
      </c>
      <c r="I36448" s="2">
        <v>0</v>
      </c>
      <c r="J36448" s="2">
        <v>0</v>
      </c>
      <c r="K36448" s="2">
        <v>1</v>
      </c>
      <c r="L36448" t="s">
        <v>995</v>
      </c>
      <c r="M36448" t="s">
        <v>89</v>
      </c>
      <c r="N36448" t="s">
        <v>90</v>
      </c>
      <c r="O36448" t="s">
        <v>85</v>
      </c>
      <c r="P36448" t="s">
        <v>86</v>
      </c>
      <c r="Q36448">
        <v>51</v>
      </c>
      <c r="R36448">
        <v>52</v>
      </c>
      <c r="S36448">
        <v>53</v>
      </c>
      <c r="T36448">
        <v>54</v>
      </c>
      <c r="U36448">
        <v>55</v>
      </c>
      <c r="V36448">
        <v>56</v>
      </c>
      <c r="W36448">
        <v>57</v>
      </c>
      <c r="X36448">
        <v>58</v>
      </c>
      <c r="Y36448">
        <v>59</v>
      </c>
      <c r="Z36448">
        <v>60</v>
      </c>
      <c r="AA36448">
        <v>60</v>
      </c>
      <c r="AB36448">
        <v>61</v>
      </c>
      <c r="AC36448">
        <v>62</v>
      </c>
      <c r="AD36448">
        <v>63</v>
      </c>
      <c r="AE36448">
        <v>63</v>
      </c>
      <c r="AF36448">
        <v>63</v>
      </c>
      <c r="AG36448">
        <v>63</v>
      </c>
      <c r="AH36448">
        <v>63</v>
      </c>
      <c r="AI36448">
        <v>63</v>
      </c>
      <c r="AJ36448">
        <v>63</v>
      </c>
      <c r="AK36448">
        <v>63</v>
      </c>
      <c r="AL36448">
        <v>63</v>
      </c>
      <c r="AM36448">
        <v>63</v>
      </c>
      <c r="AN36448">
        <v>63</v>
      </c>
      <c r="AO36448">
        <v>62</v>
      </c>
      <c r="AP36448">
        <v>62</v>
      </c>
      <c r="AQ36448">
        <v>62</v>
      </c>
    </row>
    <row r="36449" spans="1:43">
      <c r="A36449" t="s">
        <v>22593</v>
      </c>
      <c r="B36449" t="s">
        <v>22594</v>
      </c>
      <c r="C36449" t="s">
        <v>22577</v>
      </c>
      <c r="D36449" t="s">
        <v>22578</v>
      </c>
      <c r="E36449" t="s">
        <v>22537</v>
      </c>
      <c r="F36449" t="s">
        <v>22538</v>
      </c>
      <c r="G36449" t="s">
        <v>22539</v>
      </c>
      <c r="H36449" t="s">
        <v>22540</v>
      </c>
      <c r="I36449" s="2">
        <v>0</v>
      </c>
      <c r="J36449" s="2">
        <v>0</v>
      </c>
      <c r="K36449" s="2">
        <v>1</v>
      </c>
      <c r="L36449" t="s">
        <v>995</v>
      </c>
      <c r="M36449" t="s">
        <v>83</v>
      </c>
      <c r="N36449" t="s">
        <v>91</v>
      </c>
      <c r="O36449" t="s">
        <v>85</v>
      </c>
      <c r="P36449" t="s">
        <v>86</v>
      </c>
      <c r="Q36449">
        <v>51</v>
      </c>
      <c r="R36449">
        <v>51</v>
      </c>
      <c r="S36449">
        <v>52</v>
      </c>
      <c r="T36449">
        <v>52</v>
      </c>
      <c r="U36449">
        <v>53</v>
      </c>
      <c r="V36449">
        <v>54</v>
      </c>
      <c r="W36449">
        <v>54</v>
      </c>
      <c r="X36449">
        <v>55</v>
      </c>
      <c r="Y36449">
        <v>56</v>
      </c>
      <c r="Z36449">
        <v>56</v>
      </c>
      <c r="AA36449">
        <v>57</v>
      </c>
      <c r="AB36449">
        <v>57</v>
      </c>
      <c r="AC36449">
        <v>58</v>
      </c>
      <c r="AD36449">
        <v>58</v>
      </c>
      <c r="AE36449">
        <v>59</v>
      </c>
      <c r="AF36449">
        <v>60</v>
      </c>
      <c r="AG36449">
        <v>60</v>
      </c>
      <c r="AH36449">
        <v>61</v>
      </c>
      <c r="AI36449">
        <v>61</v>
      </c>
      <c r="AJ36449">
        <v>62</v>
      </c>
      <c r="AK36449">
        <v>62</v>
      </c>
      <c r="AL36449">
        <v>62</v>
      </c>
      <c r="AM36449">
        <v>62</v>
      </c>
      <c r="AN36449">
        <v>62</v>
      </c>
      <c r="AO36449">
        <v>62</v>
      </c>
      <c r="AP36449">
        <v>62</v>
      </c>
      <c r="AQ36449">
        <v>62</v>
      </c>
    </row>
    <row r="36450" spans="1:43">
      <c r="A36450" t="s">
        <v>22595</v>
      </c>
      <c r="B36450" t="s">
        <v>22596</v>
      </c>
      <c r="C36450" t="s">
        <v>22597</v>
      </c>
      <c r="D36450" t="s">
        <v>22598</v>
      </c>
      <c r="E36450" t="s">
        <v>22537</v>
      </c>
      <c r="F36450" t="s">
        <v>22538</v>
      </c>
      <c r="G36450" t="s">
        <v>22539</v>
      </c>
      <c r="H36450" t="s">
        <v>22540</v>
      </c>
      <c r="I36450" s="2">
        <v>0</v>
      </c>
      <c r="J36450" s="2">
        <v>0</v>
      </c>
      <c r="K36450" s="2">
        <v>1</v>
      </c>
      <c r="L36450" t="s">
        <v>995</v>
      </c>
      <c r="M36450" t="s">
        <v>83</v>
      </c>
      <c r="N36450" t="s">
        <v>84</v>
      </c>
      <c r="O36450" t="s">
        <v>85</v>
      </c>
      <c r="P36450" t="s">
        <v>86</v>
      </c>
      <c r="Q36450">
        <v>16</v>
      </c>
      <c r="R36450">
        <v>16</v>
      </c>
      <c r="S36450">
        <v>16</v>
      </c>
      <c r="T36450">
        <v>16</v>
      </c>
      <c r="U36450">
        <v>17</v>
      </c>
      <c r="V36450">
        <v>17</v>
      </c>
      <c r="W36450">
        <v>17</v>
      </c>
      <c r="X36450">
        <v>17</v>
      </c>
      <c r="Y36450">
        <v>17</v>
      </c>
      <c r="Z36450">
        <v>18</v>
      </c>
      <c r="AA36450">
        <v>18</v>
      </c>
      <c r="AB36450">
        <v>18</v>
      </c>
      <c r="AC36450">
        <v>18</v>
      </c>
      <c r="AD36450">
        <v>18</v>
      </c>
      <c r="AE36450">
        <v>18</v>
      </c>
      <c r="AF36450">
        <v>19</v>
      </c>
      <c r="AG36450">
        <v>19</v>
      </c>
      <c r="AH36450">
        <v>19</v>
      </c>
      <c r="AI36450">
        <v>19</v>
      </c>
      <c r="AJ36450">
        <v>19</v>
      </c>
      <c r="AK36450">
        <v>19</v>
      </c>
      <c r="AL36450">
        <v>19</v>
      </c>
      <c r="AM36450">
        <v>19</v>
      </c>
      <c r="AN36450">
        <v>19</v>
      </c>
      <c r="AO36450">
        <v>19</v>
      </c>
      <c r="AP36450">
        <v>19</v>
      </c>
      <c r="AQ36450">
        <v>19</v>
      </c>
    </row>
    <row r="36451" spans="1:43">
      <c r="A36451" t="s">
        <v>22595</v>
      </c>
      <c r="B36451" t="s">
        <v>22596</v>
      </c>
      <c r="C36451" t="s">
        <v>22597</v>
      </c>
      <c r="D36451" t="s">
        <v>22598</v>
      </c>
      <c r="E36451" t="s">
        <v>22537</v>
      </c>
      <c r="F36451" t="s">
        <v>22538</v>
      </c>
      <c r="G36451" t="s">
        <v>22539</v>
      </c>
      <c r="H36451" t="s">
        <v>22540</v>
      </c>
      <c r="I36451" s="2">
        <v>0</v>
      </c>
      <c r="J36451" s="2">
        <v>0</v>
      </c>
      <c r="K36451" s="2">
        <v>1</v>
      </c>
      <c r="L36451" t="s">
        <v>995</v>
      </c>
      <c r="M36451" t="s">
        <v>87</v>
      </c>
      <c r="N36451" t="s">
        <v>88</v>
      </c>
      <c r="O36451" t="s">
        <v>85</v>
      </c>
      <c r="P36451" t="s">
        <v>86</v>
      </c>
      <c r="Q36451">
        <v>16</v>
      </c>
      <c r="R36451">
        <v>16</v>
      </c>
      <c r="S36451">
        <v>16</v>
      </c>
      <c r="T36451">
        <v>16</v>
      </c>
      <c r="U36451">
        <v>16</v>
      </c>
      <c r="V36451">
        <v>16</v>
      </c>
      <c r="W36451">
        <v>16</v>
      </c>
      <c r="X36451">
        <v>16</v>
      </c>
      <c r="Y36451">
        <v>16</v>
      </c>
      <c r="Z36451">
        <v>16</v>
      </c>
      <c r="AA36451">
        <v>16</v>
      </c>
      <c r="AB36451">
        <v>16</v>
      </c>
      <c r="AC36451">
        <v>16</v>
      </c>
      <c r="AD36451">
        <v>16</v>
      </c>
      <c r="AE36451">
        <v>16</v>
      </c>
      <c r="AF36451">
        <v>16</v>
      </c>
      <c r="AG36451">
        <v>16</v>
      </c>
      <c r="AH36451">
        <v>16</v>
      </c>
      <c r="AI36451">
        <v>17</v>
      </c>
      <c r="AJ36451">
        <v>17</v>
      </c>
      <c r="AK36451">
        <v>17</v>
      </c>
      <c r="AL36451">
        <v>17</v>
      </c>
      <c r="AM36451">
        <v>17</v>
      </c>
      <c r="AN36451">
        <v>17</v>
      </c>
      <c r="AO36451">
        <v>17</v>
      </c>
      <c r="AP36451">
        <v>17</v>
      </c>
      <c r="AQ36451">
        <v>17</v>
      </c>
    </row>
    <row r="36452" spans="1:43">
      <c r="A36452" t="s">
        <v>22595</v>
      </c>
      <c r="B36452" t="s">
        <v>22596</v>
      </c>
      <c r="C36452" t="s">
        <v>22597</v>
      </c>
      <c r="D36452" t="s">
        <v>22598</v>
      </c>
      <c r="E36452" t="s">
        <v>22537</v>
      </c>
      <c r="F36452" t="s">
        <v>22538</v>
      </c>
      <c r="G36452" t="s">
        <v>22539</v>
      </c>
      <c r="H36452" t="s">
        <v>22540</v>
      </c>
      <c r="I36452" s="2">
        <v>0</v>
      </c>
      <c r="J36452" s="2">
        <v>0</v>
      </c>
      <c r="K36452" s="2">
        <v>1</v>
      </c>
      <c r="L36452" t="s">
        <v>995</v>
      </c>
      <c r="M36452" t="s">
        <v>89</v>
      </c>
      <c r="N36452" t="s">
        <v>90</v>
      </c>
      <c r="O36452" t="s">
        <v>85</v>
      </c>
      <c r="P36452" t="s">
        <v>86</v>
      </c>
      <c r="Q36452">
        <v>16</v>
      </c>
      <c r="R36452">
        <v>16</v>
      </c>
      <c r="S36452">
        <v>17</v>
      </c>
      <c r="T36452">
        <v>17</v>
      </c>
      <c r="U36452">
        <v>17</v>
      </c>
      <c r="V36452">
        <v>18</v>
      </c>
      <c r="W36452">
        <v>18</v>
      </c>
      <c r="X36452">
        <v>18</v>
      </c>
      <c r="Y36452">
        <v>18</v>
      </c>
      <c r="Z36452">
        <v>19</v>
      </c>
      <c r="AA36452">
        <v>19</v>
      </c>
      <c r="AB36452">
        <v>19</v>
      </c>
      <c r="AC36452">
        <v>19</v>
      </c>
      <c r="AD36452">
        <v>20</v>
      </c>
      <c r="AE36452">
        <v>20</v>
      </c>
      <c r="AF36452">
        <v>20</v>
      </c>
      <c r="AG36452">
        <v>20</v>
      </c>
      <c r="AH36452">
        <v>20</v>
      </c>
      <c r="AI36452">
        <v>20</v>
      </c>
      <c r="AJ36452">
        <v>20</v>
      </c>
      <c r="AK36452">
        <v>20</v>
      </c>
      <c r="AL36452">
        <v>20</v>
      </c>
      <c r="AM36452">
        <v>19</v>
      </c>
      <c r="AN36452">
        <v>19</v>
      </c>
      <c r="AO36452">
        <v>19</v>
      </c>
      <c r="AP36452">
        <v>19</v>
      </c>
      <c r="AQ36452">
        <v>19</v>
      </c>
    </row>
    <row r="36453" spans="1:43">
      <c r="A36453" t="s">
        <v>22595</v>
      </c>
      <c r="B36453" t="s">
        <v>22596</v>
      </c>
      <c r="C36453" t="s">
        <v>22597</v>
      </c>
      <c r="D36453" t="s">
        <v>22598</v>
      </c>
      <c r="E36453" t="s">
        <v>22537</v>
      </c>
      <c r="F36453" t="s">
        <v>22538</v>
      </c>
      <c r="G36453" t="s">
        <v>22539</v>
      </c>
      <c r="H36453" t="s">
        <v>22540</v>
      </c>
      <c r="I36453" s="2">
        <v>0</v>
      </c>
      <c r="J36453" s="2">
        <v>0</v>
      </c>
      <c r="K36453" s="2">
        <v>1</v>
      </c>
      <c r="L36453" t="s">
        <v>995</v>
      </c>
      <c r="M36453" t="s">
        <v>83</v>
      </c>
      <c r="N36453" t="s">
        <v>91</v>
      </c>
      <c r="O36453" t="s">
        <v>85</v>
      </c>
      <c r="P36453" t="s">
        <v>86</v>
      </c>
      <c r="Q36453">
        <v>16</v>
      </c>
      <c r="R36453">
        <v>16</v>
      </c>
      <c r="S36453">
        <v>16</v>
      </c>
      <c r="T36453">
        <v>16</v>
      </c>
      <c r="U36453">
        <v>17</v>
      </c>
      <c r="V36453">
        <v>17</v>
      </c>
      <c r="W36453">
        <v>17</v>
      </c>
      <c r="X36453">
        <v>17</v>
      </c>
      <c r="Y36453">
        <v>17</v>
      </c>
      <c r="Z36453">
        <v>18</v>
      </c>
      <c r="AA36453">
        <v>18</v>
      </c>
      <c r="AB36453">
        <v>18</v>
      </c>
      <c r="AC36453">
        <v>18</v>
      </c>
      <c r="AD36453">
        <v>18</v>
      </c>
      <c r="AE36453">
        <v>18</v>
      </c>
      <c r="AF36453">
        <v>19</v>
      </c>
      <c r="AG36453">
        <v>19</v>
      </c>
      <c r="AH36453">
        <v>19</v>
      </c>
      <c r="AI36453">
        <v>19</v>
      </c>
      <c r="AJ36453">
        <v>19</v>
      </c>
      <c r="AK36453">
        <v>19</v>
      </c>
      <c r="AL36453">
        <v>19</v>
      </c>
      <c r="AM36453">
        <v>19</v>
      </c>
      <c r="AN36453">
        <v>19</v>
      </c>
      <c r="AO36453">
        <v>19</v>
      </c>
      <c r="AP36453">
        <v>19</v>
      </c>
      <c r="AQ36453">
        <v>19</v>
      </c>
    </row>
    <row r="36454" spans="1:43">
      <c r="A36454" t="s">
        <v>22599</v>
      </c>
      <c r="B36454" t="s">
        <v>22600</v>
      </c>
      <c r="C36454" t="s">
        <v>22597</v>
      </c>
      <c r="D36454" t="s">
        <v>22598</v>
      </c>
      <c r="E36454" t="s">
        <v>22537</v>
      </c>
      <c r="F36454" t="s">
        <v>22538</v>
      </c>
      <c r="G36454" t="s">
        <v>22539</v>
      </c>
      <c r="H36454" t="s">
        <v>22540</v>
      </c>
      <c r="I36454" s="2">
        <v>0</v>
      </c>
      <c r="J36454" s="2">
        <v>0</v>
      </c>
      <c r="K36454" s="2">
        <v>1</v>
      </c>
      <c r="L36454" t="s">
        <v>995</v>
      </c>
      <c r="M36454" t="s">
        <v>83</v>
      </c>
      <c r="N36454" t="s">
        <v>84</v>
      </c>
      <c r="O36454" t="s">
        <v>85</v>
      </c>
      <c r="P36454" t="s">
        <v>86</v>
      </c>
      <c r="Q36454">
        <v>34</v>
      </c>
      <c r="R36454">
        <v>34</v>
      </c>
      <c r="S36454">
        <v>35</v>
      </c>
      <c r="T36454">
        <v>35</v>
      </c>
      <c r="U36454">
        <v>36</v>
      </c>
      <c r="V36454">
        <v>36</v>
      </c>
      <c r="W36454">
        <v>37</v>
      </c>
      <c r="X36454">
        <v>37</v>
      </c>
      <c r="Y36454">
        <v>37</v>
      </c>
      <c r="Z36454">
        <v>38</v>
      </c>
      <c r="AA36454">
        <v>38</v>
      </c>
      <c r="AB36454">
        <v>39</v>
      </c>
      <c r="AC36454">
        <v>39</v>
      </c>
      <c r="AD36454">
        <v>39</v>
      </c>
      <c r="AE36454">
        <v>40</v>
      </c>
      <c r="AF36454">
        <v>40</v>
      </c>
      <c r="AG36454">
        <v>40</v>
      </c>
      <c r="AH36454">
        <v>41</v>
      </c>
      <c r="AI36454">
        <v>41</v>
      </c>
      <c r="AJ36454">
        <v>41</v>
      </c>
      <c r="AK36454">
        <v>42</v>
      </c>
      <c r="AL36454">
        <v>42</v>
      </c>
      <c r="AM36454">
        <v>42</v>
      </c>
      <c r="AN36454">
        <v>41</v>
      </c>
      <c r="AO36454">
        <v>41</v>
      </c>
      <c r="AP36454">
        <v>41</v>
      </c>
      <c r="AQ36454">
        <v>41</v>
      </c>
    </row>
    <row r="36455" spans="1:43">
      <c r="A36455" t="s">
        <v>22599</v>
      </c>
      <c r="B36455" t="s">
        <v>22600</v>
      </c>
      <c r="C36455" t="s">
        <v>22597</v>
      </c>
      <c r="D36455" t="s">
        <v>22598</v>
      </c>
      <c r="E36455" t="s">
        <v>22537</v>
      </c>
      <c r="F36455" t="s">
        <v>22538</v>
      </c>
      <c r="G36455" t="s">
        <v>22539</v>
      </c>
      <c r="H36455" t="s">
        <v>22540</v>
      </c>
      <c r="I36455" s="2">
        <v>0</v>
      </c>
      <c r="J36455" s="2">
        <v>0</v>
      </c>
      <c r="K36455" s="2">
        <v>1</v>
      </c>
      <c r="L36455" t="s">
        <v>995</v>
      </c>
      <c r="M36455" t="s">
        <v>87</v>
      </c>
      <c r="N36455" t="s">
        <v>88</v>
      </c>
      <c r="O36455" t="s">
        <v>85</v>
      </c>
      <c r="P36455" t="s">
        <v>86</v>
      </c>
      <c r="Q36455">
        <v>34</v>
      </c>
      <c r="R36455">
        <v>34</v>
      </c>
      <c r="S36455">
        <v>34</v>
      </c>
      <c r="T36455">
        <v>34</v>
      </c>
      <c r="U36455">
        <v>34</v>
      </c>
      <c r="V36455">
        <v>34</v>
      </c>
      <c r="W36455">
        <v>34</v>
      </c>
      <c r="X36455">
        <v>34</v>
      </c>
      <c r="Y36455">
        <v>35</v>
      </c>
      <c r="Z36455">
        <v>35</v>
      </c>
      <c r="AA36455">
        <v>35</v>
      </c>
      <c r="AB36455">
        <v>35</v>
      </c>
      <c r="AC36455">
        <v>35</v>
      </c>
      <c r="AD36455">
        <v>35</v>
      </c>
      <c r="AE36455">
        <v>35</v>
      </c>
      <c r="AF36455">
        <v>35</v>
      </c>
      <c r="AG36455">
        <v>35</v>
      </c>
      <c r="AH36455">
        <v>35</v>
      </c>
      <c r="AI36455">
        <v>35</v>
      </c>
      <c r="AJ36455">
        <v>35</v>
      </c>
      <c r="AK36455">
        <v>36</v>
      </c>
      <c r="AL36455">
        <v>36</v>
      </c>
      <c r="AM36455">
        <v>36</v>
      </c>
      <c r="AN36455">
        <v>36</v>
      </c>
      <c r="AO36455">
        <v>36</v>
      </c>
      <c r="AP36455">
        <v>36</v>
      </c>
      <c r="AQ36455">
        <v>36</v>
      </c>
    </row>
    <row r="36456" spans="1:43">
      <c r="A36456" t="s">
        <v>22599</v>
      </c>
      <c r="B36456" t="s">
        <v>22600</v>
      </c>
      <c r="C36456" t="s">
        <v>22597</v>
      </c>
      <c r="D36456" t="s">
        <v>22598</v>
      </c>
      <c r="E36456" t="s">
        <v>22537</v>
      </c>
      <c r="F36456" t="s">
        <v>22538</v>
      </c>
      <c r="G36456" t="s">
        <v>22539</v>
      </c>
      <c r="H36456" t="s">
        <v>22540</v>
      </c>
      <c r="I36456" s="2">
        <v>0</v>
      </c>
      <c r="J36456" s="2">
        <v>0</v>
      </c>
      <c r="K36456" s="2">
        <v>1</v>
      </c>
      <c r="L36456" t="s">
        <v>995</v>
      </c>
      <c r="M36456" t="s">
        <v>89</v>
      </c>
      <c r="N36456" t="s">
        <v>90</v>
      </c>
      <c r="O36456" t="s">
        <v>85</v>
      </c>
      <c r="P36456" t="s">
        <v>86</v>
      </c>
      <c r="Q36456">
        <v>34</v>
      </c>
      <c r="R36456">
        <v>35</v>
      </c>
      <c r="S36456">
        <v>36</v>
      </c>
      <c r="T36456">
        <v>36</v>
      </c>
      <c r="U36456">
        <v>37</v>
      </c>
      <c r="V36456">
        <v>38</v>
      </c>
      <c r="W36456">
        <v>38</v>
      </c>
      <c r="X36456">
        <v>39</v>
      </c>
      <c r="Y36456">
        <v>40</v>
      </c>
      <c r="Z36456">
        <v>40</v>
      </c>
      <c r="AA36456">
        <v>41</v>
      </c>
      <c r="AB36456">
        <v>41</v>
      </c>
      <c r="AC36456">
        <v>42</v>
      </c>
      <c r="AD36456">
        <v>42</v>
      </c>
      <c r="AE36456">
        <v>42</v>
      </c>
      <c r="AF36456">
        <v>42</v>
      </c>
      <c r="AG36456">
        <v>42</v>
      </c>
      <c r="AH36456">
        <v>42</v>
      </c>
      <c r="AI36456">
        <v>42</v>
      </c>
      <c r="AJ36456">
        <v>42</v>
      </c>
      <c r="AK36456">
        <v>42</v>
      </c>
      <c r="AL36456">
        <v>42</v>
      </c>
      <c r="AM36456">
        <v>42</v>
      </c>
      <c r="AN36456">
        <v>42</v>
      </c>
      <c r="AO36456">
        <v>42</v>
      </c>
      <c r="AP36456">
        <v>41</v>
      </c>
      <c r="AQ36456">
        <v>41</v>
      </c>
    </row>
    <row r="36457" spans="1:43">
      <c r="A36457" t="s">
        <v>22599</v>
      </c>
      <c r="B36457" t="s">
        <v>22600</v>
      </c>
      <c r="C36457" t="s">
        <v>22597</v>
      </c>
      <c r="D36457" t="s">
        <v>22598</v>
      </c>
      <c r="E36457" t="s">
        <v>22537</v>
      </c>
      <c r="F36457" t="s">
        <v>22538</v>
      </c>
      <c r="G36457" t="s">
        <v>22539</v>
      </c>
      <c r="H36457" t="s">
        <v>22540</v>
      </c>
      <c r="I36457" s="2">
        <v>0</v>
      </c>
      <c r="J36457" s="2">
        <v>0</v>
      </c>
      <c r="K36457" s="2">
        <v>1</v>
      </c>
      <c r="L36457" t="s">
        <v>995</v>
      </c>
      <c r="M36457" t="s">
        <v>83</v>
      </c>
      <c r="N36457" t="s">
        <v>91</v>
      </c>
      <c r="O36457" t="s">
        <v>85</v>
      </c>
      <c r="P36457" t="s">
        <v>86</v>
      </c>
      <c r="Q36457">
        <v>34</v>
      </c>
      <c r="R36457">
        <v>34</v>
      </c>
      <c r="S36457">
        <v>35</v>
      </c>
      <c r="T36457">
        <v>35</v>
      </c>
      <c r="U36457">
        <v>36</v>
      </c>
      <c r="V36457">
        <v>36</v>
      </c>
      <c r="W36457">
        <v>37</v>
      </c>
      <c r="X36457">
        <v>37</v>
      </c>
      <c r="Y36457">
        <v>37</v>
      </c>
      <c r="Z36457">
        <v>38</v>
      </c>
      <c r="AA36457">
        <v>38</v>
      </c>
      <c r="AB36457">
        <v>39</v>
      </c>
      <c r="AC36457">
        <v>39</v>
      </c>
      <c r="AD36457">
        <v>39</v>
      </c>
      <c r="AE36457">
        <v>40</v>
      </c>
      <c r="AF36457">
        <v>40</v>
      </c>
      <c r="AG36457">
        <v>40</v>
      </c>
      <c r="AH36457">
        <v>41</v>
      </c>
      <c r="AI36457">
        <v>41</v>
      </c>
      <c r="AJ36457">
        <v>41</v>
      </c>
      <c r="AK36457">
        <v>42</v>
      </c>
      <c r="AL36457">
        <v>42</v>
      </c>
      <c r="AM36457">
        <v>42</v>
      </c>
      <c r="AN36457">
        <v>41</v>
      </c>
      <c r="AO36457">
        <v>41</v>
      </c>
      <c r="AP36457">
        <v>41</v>
      </c>
      <c r="AQ36457">
        <v>41</v>
      </c>
    </row>
    <row r="36458" spans="1:43">
      <c r="A36458" t="s">
        <v>22601</v>
      </c>
      <c r="B36458" t="s">
        <v>22602</v>
      </c>
      <c r="C36458" t="s">
        <v>22597</v>
      </c>
      <c r="D36458" t="s">
        <v>22598</v>
      </c>
      <c r="E36458" t="s">
        <v>22537</v>
      </c>
      <c r="F36458" t="s">
        <v>22538</v>
      </c>
      <c r="G36458" t="s">
        <v>22539</v>
      </c>
      <c r="H36458" t="s">
        <v>22540</v>
      </c>
      <c r="I36458" s="2">
        <v>0</v>
      </c>
      <c r="J36458" s="2">
        <v>0</v>
      </c>
      <c r="K36458" s="2">
        <v>1</v>
      </c>
      <c r="L36458" t="s">
        <v>995</v>
      </c>
      <c r="M36458" t="s">
        <v>83</v>
      </c>
      <c r="N36458" t="s">
        <v>84</v>
      </c>
      <c r="O36458" t="s">
        <v>85</v>
      </c>
      <c r="P36458" t="s">
        <v>86</v>
      </c>
      <c r="Q36458">
        <v>31</v>
      </c>
      <c r="R36458">
        <v>31</v>
      </c>
      <c r="S36458">
        <v>31</v>
      </c>
      <c r="T36458">
        <v>32</v>
      </c>
      <c r="U36458">
        <v>32</v>
      </c>
      <c r="V36458">
        <v>33</v>
      </c>
      <c r="W36458">
        <v>33</v>
      </c>
      <c r="X36458">
        <v>33</v>
      </c>
      <c r="Y36458">
        <v>34</v>
      </c>
      <c r="Z36458">
        <v>34</v>
      </c>
      <c r="AA36458">
        <v>34</v>
      </c>
      <c r="AB36458">
        <v>35</v>
      </c>
      <c r="AC36458">
        <v>35</v>
      </c>
      <c r="AD36458">
        <v>35</v>
      </c>
      <c r="AE36458">
        <v>36</v>
      </c>
      <c r="AF36458">
        <v>36</v>
      </c>
      <c r="AG36458">
        <v>36</v>
      </c>
      <c r="AH36458">
        <v>37</v>
      </c>
      <c r="AI36458">
        <v>37</v>
      </c>
      <c r="AJ36458">
        <v>37</v>
      </c>
      <c r="AK36458">
        <v>37</v>
      </c>
      <c r="AL36458">
        <v>38</v>
      </c>
      <c r="AM36458">
        <v>37</v>
      </c>
      <c r="AN36458">
        <v>37</v>
      </c>
      <c r="AO36458">
        <v>37</v>
      </c>
      <c r="AP36458">
        <v>37</v>
      </c>
      <c r="AQ36458">
        <v>37</v>
      </c>
    </row>
    <row r="36459" spans="1:43">
      <c r="A36459" t="s">
        <v>22601</v>
      </c>
      <c r="B36459" t="s">
        <v>22602</v>
      </c>
      <c r="C36459" t="s">
        <v>22597</v>
      </c>
      <c r="D36459" t="s">
        <v>22598</v>
      </c>
      <c r="E36459" t="s">
        <v>22537</v>
      </c>
      <c r="F36459" t="s">
        <v>22538</v>
      </c>
      <c r="G36459" t="s">
        <v>22539</v>
      </c>
      <c r="H36459" t="s">
        <v>22540</v>
      </c>
      <c r="I36459" s="2">
        <v>0</v>
      </c>
      <c r="J36459" s="2">
        <v>0</v>
      </c>
      <c r="K36459" s="2">
        <v>1</v>
      </c>
      <c r="L36459" t="s">
        <v>995</v>
      </c>
      <c r="M36459" t="s">
        <v>87</v>
      </c>
      <c r="N36459" t="s">
        <v>88</v>
      </c>
      <c r="O36459" t="s">
        <v>85</v>
      </c>
      <c r="P36459" t="s">
        <v>86</v>
      </c>
      <c r="Q36459">
        <v>31</v>
      </c>
      <c r="R36459">
        <v>31</v>
      </c>
      <c r="S36459">
        <v>32</v>
      </c>
      <c r="T36459">
        <v>32</v>
      </c>
      <c r="U36459">
        <v>32</v>
      </c>
      <c r="V36459">
        <v>32</v>
      </c>
      <c r="W36459">
        <v>32</v>
      </c>
      <c r="X36459">
        <v>32</v>
      </c>
      <c r="Y36459">
        <v>32</v>
      </c>
      <c r="Z36459">
        <v>32</v>
      </c>
      <c r="AA36459">
        <v>32</v>
      </c>
      <c r="AB36459">
        <v>32</v>
      </c>
      <c r="AC36459">
        <v>33</v>
      </c>
      <c r="AD36459">
        <v>33</v>
      </c>
      <c r="AE36459">
        <v>33</v>
      </c>
      <c r="AF36459">
        <v>33</v>
      </c>
      <c r="AG36459">
        <v>33</v>
      </c>
      <c r="AH36459">
        <v>33</v>
      </c>
      <c r="AI36459">
        <v>33</v>
      </c>
      <c r="AJ36459">
        <v>33</v>
      </c>
      <c r="AK36459">
        <v>33</v>
      </c>
      <c r="AL36459">
        <v>33</v>
      </c>
      <c r="AM36459">
        <v>33</v>
      </c>
      <c r="AN36459">
        <v>33</v>
      </c>
      <c r="AO36459">
        <v>33</v>
      </c>
      <c r="AP36459">
        <v>33</v>
      </c>
      <c r="AQ36459">
        <v>33</v>
      </c>
    </row>
    <row r="36460" spans="1:43">
      <c r="A36460" t="s">
        <v>22601</v>
      </c>
      <c r="B36460" t="s">
        <v>22602</v>
      </c>
      <c r="C36460" t="s">
        <v>22597</v>
      </c>
      <c r="D36460" t="s">
        <v>22598</v>
      </c>
      <c r="E36460" t="s">
        <v>22537</v>
      </c>
      <c r="F36460" t="s">
        <v>22538</v>
      </c>
      <c r="G36460" t="s">
        <v>22539</v>
      </c>
      <c r="H36460" t="s">
        <v>22540</v>
      </c>
      <c r="I36460" s="2">
        <v>0</v>
      </c>
      <c r="J36460" s="2">
        <v>0</v>
      </c>
      <c r="K36460" s="2">
        <v>1</v>
      </c>
      <c r="L36460" t="s">
        <v>995</v>
      </c>
      <c r="M36460" t="s">
        <v>89</v>
      </c>
      <c r="N36460" t="s">
        <v>90</v>
      </c>
      <c r="O36460" t="s">
        <v>85</v>
      </c>
      <c r="P36460" t="s">
        <v>86</v>
      </c>
      <c r="Q36460">
        <v>31</v>
      </c>
      <c r="R36460">
        <v>32</v>
      </c>
      <c r="S36460">
        <v>32</v>
      </c>
      <c r="T36460">
        <v>33</v>
      </c>
      <c r="U36460">
        <v>33</v>
      </c>
      <c r="V36460">
        <v>34</v>
      </c>
      <c r="W36460">
        <v>35</v>
      </c>
      <c r="X36460">
        <v>35</v>
      </c>
      <c r="Y36460">
        <v>36</v>
      </c>
      <c r="Z36460">
        <v>36</v>
      </c>
      <c r="AA36460">
        <v>37</v>
      </c>
      <c r="AB36460">
        <v>37</v>
      </c>
      <c r="AC36460">
        <v>38</v>
      </c>
      <c r="AD36460">
        <v>38</v>
      </c>
      <c r="AE36460">
        <v>38</v>
      </c>
      <c r="AF36460">
        <v>38</v>
      </c>
      <c r="AG36460">
        <v>38</v>
      </c>
      <c r="AH36460">
        <v>38</v>
      </c>
      <c r="AI36460">
        <v>38</v>
      </c>
      <c r="AJ36460">
        <v>38</v>
      </c>
      <c r="AK36460">
        <v>38</v>
      </c>
      <c r="AL36460">
        <v>38</v>
      </c>
      <c r="AM36460">
        <v>38</v>
      </c>
      <c r="AN36460">
        <v>38</v>
      </c>
      <c r="AO36460">
        <v>38</v>
      </c>
      <c r="AP36460">
        <v>37</v>
      </c>
      <c r="AQ36460">
        <v>37</v>
      </c>
    </row>
    <row r="36461" spans="1:43">
      <c r="A36461" t="s">
        <v>22601</v>
      </c>
      <c r="B36461" t="s">
        <v>22602</v>
      </c>
      <c r="C36461" t="s">
        <v>22597</v>
      </c>
      <c r="D36461" t="s">
        <v>22598</v>
      </c>
      <c r="E36461" t="s">
        <v>22537</v>
      </c>
      <c r="F36461" t="s">
        <v>22538</v>
      </c>
      <c r="G36461" t="s">
        <v>22539</v>
      </c>
      <c r="H36461" t="s">
        <v>22540</v>
      </c>
      <c r="I36461" s="2">
        <v>0</v>
      </c>
      <c r="J36461" s="2">
        <v>0</v>
      </c>
      <c r="K36461" s="2">
        <v>1</v>
      </c>
      <c r="L36461" t="s">
        <v>995</v>
      </c>
      <c r="M36461" t="s">
        <v>83</v>
      </c>
      <c r="N36461" t="s">
        <v>91</v>
      </c>
      <c r="O36461" t="s">
        <v>85</v>
      </c>
      <c r="P36461" t="s">
        <v>86</v>
      </c>
      <c r="Q36461">
        <v>31</v>
      </c>
      <c r="R36461">
        <v>31</v>
      </c>
      <c r="S36461">
        <v>31</v>
      </c>
      <c r="T36461">
        <v>32</v>
      </c>
      <c r="U36461">
        <v>32</v>
      </c>
      <c r="V36461">
        <v>33</v>
      </c>
      <c r="W36461">
        <v>33</v>
      </c>
      <c r="X36461">
        <v>33</v>
      </c>
      <c r="Y36461">
        <v>34</v>
      </c>
      <c r="Z36461">
        <v>34</v>
      </c>
      <c r="AA36461">
        <v>34</v>
      </c>
      <c r="AB36461">
        <v>35</v>
      </c>
      <c r="AC36461">
        <v>35</v>
      </c>
      <c r="AD36461">
        <v>35</v>
      </c>
      <c r="AE36461">
        <v>36</v>
      </c>
      <c r="AF36461">
        <v>36</v>
      </c>
      <c r="AG36461">
        <v>36</v>
      </c>
      <c r="AH36461">
        <v>37</v>
      </c>
      <c r="AI36461">
        <v>37</v>
      </c>
      <c r="AJ36461">
        <v>37</v>
      </c>
      <c r="AK36461">
        <v>37</v>
      </c>
      <c r="AL36461">
        <v>38</v>
      </c>
      <c r="AM36461">
        <v>37</v>
      </c>
      <c r="AN36461">
        <v>37</v>
      </c>
      <c r="AO36461">
        <v>37</v>
      </c>
      <c r="AP36461">
        <v>37</v>
      </c>
      <c r="AQ36461">
        <v>37</v>
      </c>
    </row>
    <row r="36462" spans="1:43">
      <c r="A36462" t="s">
        <v>22603</v>
      </c>
      <c r="B36462" t="s">
        <v>22604</v>
      </c>
      <c r="C36462" t="s">
        <v>22605</v>
      </c>
      <c r="D36462" t="s">
        <v>22606</v>
      </c>
      <c r="E36462" t="s">
        <v>22537</v>
      </c>
      <c r="F36462" t="s">
        <v>22538</v>
      </c>
      <c r="G36462" t="s">
        <v>22539</v>
      </c>
      <c r="H36462" t="s">
        <v>22540</v>
      </c>
      <c r="I36462" s="2">
        <v>0</v>
      </c>
      <c r="J36462" s="2">
        <v>0</v>
      </c>
      <c r="K36462" s="2">
        <v>1</v>
      </c>
      <c r="L36462" t="s">
        <v>995</v>
      </c>
      <c r="M36462" t="s">
        <v>83</v>
      </c>
      <c r="N36462" t="s">
        <v>84</v>
      </c>
      <c r="O36462" t="s">
        <v>85</v>
      </c>
      <c r="P36462" t="s">
        <v>86</v>
      </c>
      <c r="Q36462">
        <v>60</v>
      </c>
      <c r="R36462">
        <v>61</v>
      </c>
      <c r="S36462">
        <v>61</v>
      </c>
      <c r="T36462">
        <v>62</v>
      </c>
      <c r="U36462">
        <v>63</v>
      </c>
      <c r="V36462">
        <v>64</v>
      </c>
      <c r="W36462">
        <v>64</v>
      </c>
      <c r="X36462">
        <v>65</v>
      </c>
      <c r="Y36462">
        <v>66</v>
      </c>
      <c r="Z36462">
        <v>66</v>
      </c>
      <c r="AA36462">
        <v>67</v>
      </c>
      <c r="AB36462">
        <v>68</v>
      </c>
      <c r="AC36462">
        <v>68</v>
      </c>
      <c r="AD36462">
        <v>69</v>
      </c>
      <c r="AE36462">
        <v>69</v>
      </c>
      <c r="AF36462">
        <v>70</v>
      </c>
      <c r="AG36462">
        <v>71</v>
      </c>
      <c r="AH36462">
        <v>71</v>
      </c>
      <c r="AI36462">
        <v>72</v>
      </c>
      <c r="AJ36462">
        <v>72</v>
      </c>
      <c r="AK36462">
        <v>73</v>
      </c>
      <c r="AL36462">
        <v>73</v>
      </c>
      <c r="AM36462">
        <v>73</v>
      </c>
      <c r="AN36462">
        <v>72</v>
      </c>
      <c r="AO36462">
        <v>72</v>
      </c>
      <c r="AP36462">
        <v>72</v>
      </c>
      <c r="AQ36462">
        <v>72</v>
      </c>
    </row>
    <row r="36463" spans="1:43">
      <c r="A36463" t="s">
        <v>22603</v>
      </c>
      <c r="B36463" t="s">
        <v>22604</v>
      </c>
      <c r="C36463" t="s">
        <v>22605</v>
      </c>
      <c r="D36463" t="s">
        <v>22606</v>
      </c>
      <c r="E36463" t="s">
        <v>22537</v>
      </c>
      <c r="F36463" t="s">
        <v>22538</v>
      </c>
      <c r="G36463" t="s">
        <v>22539</v>
      </c>
      <c r="H36463" t="s">
        <v>22540</v>
      </c>
      <c r="I36463" s="2">
        <v>0</v>
      </c>
      <c r="J36463" s="2">
        <v>0</v>
      </c>
      <c r="K36463" s="2">
        <v>1</v>
      </c>
      <c r="L36463" t="s">
        <v>995</v>
      </c>
      <c r="M36463" t="s">
        <v>87</v>
      </c>
      <c r="N36463" t="s">
        <v>88</v>
      </c>
      <c r="O36463" t="s">
        <v>85</v>
      </c>
      <c r="P36463" t="s">
        <v>86</v>
      </c>
      <c r="Q36463">
        <v>60</v>
      </c>
      <c r="R36463">
        <v>60</v>
      </c>
      <c r="S36463">
        <v>61</v>
      </c>
      <c r="T36463">
        <v>61</v>
      </c>
      <c r="U36463">
        <v>61</v>
      </c>
      <c r="V36463">
        <v>61</v>
      </c>
      <c r="W36463">
        <v>61</v>
      </c>
      <c r="X36463">
        <v>62</v>
      </c>
      <c r="Y36463">
        <v>62</v>
      </c>
      <c r="Z36463">
        <v>62</v>
      </c>
      <c r="AA36463">
        <v>62</v>
      </c>
      <c r="AB36463">
        <v>62</v>
      </c>
      <c r="AC36463">
        <v>62</v>
      </c>
      <c r="AD36463">
        <v>62</v>
      </c>
      <c r="AE36463">
        <v>62</v>
      </c>
      <c r="AF36463">
        <v>63</v>
      </c>
      <c r="AG36463">
        <v>63</v>
      </c>
      <c r="AH36463">
        <v>63</v>
      </c>
      <c r="AI36463">
        <v>63</v>
      </c>
      <c r="AJ36463">
        <v>63</v>
      </c>
      <c r="AK36463">
        <v>63</v>
      </c>
      <c r="AL36463">
        <v>63</v>
      </c>
      <c r="AM36463">
        <v>63</v>
      </c>
      <c r="AN36463">
        <v>63</v>
      </c>
      <c r="AO36463">
        <v>63</v>
      </c>
      <c r="AP36463">
        <v>63</v>
      </c>
      <c r="AQ36463">
        <v>64</v>
      </c>
    </row>
    <row r="36464" spans="1:43">
      <c r="A36464" t="s">
        <v>22603</v>
      </c>
      <c r="B36464" t="s">
        <v>22604</v>
      </c>
      <c r="C36464" t="s">
        <v>22605</v>
      </c>
      <c r="D36464" t="s">
        <v>22606</v>
      </c>
      <c r="E36464" t="s">
        <v>22537</v>
      </c>
      <c r="F36464" t="s">
        <v>22538</v>
      </c>
      <c r="G36464" t="s">
        <v>22539</v>
      </c>
      <c r="H36464" t="s">
        <v>22540</v>
      </c>
      <c r="I36464" s="2">
        <v>0</v>
      </c>
      <c r="J36464" s="2">
        <v>0</v>
      </c>
      <c r="K36464" s="2">
        <v>1</v>
      </c>
      <c r="L36464" t="s">
        <v>995</v>
      </c>
      <c r="M36464" t="s">
        <v>89</v>
      </c>
      <c r="N36464" t="s">
        <v>90</v>
      </c>
      <c r="O36464" t="s">
        <v>85</v>
      </c>
      <c r="P36464" t="s">
        <v>86</v>
      </c>
      <c r="Q36464">
        <v>60</v>
      </c>
      <c r="R36464">
        <v>62</v>
      </c>
      <c r="S36464">
        <v>63</v>
      </c>
      <c r="T36464">
        <v>64</v>
      </c>
      <c r="U36464">
        <v>65</v>
      </c>
      <c r="V36464">
        <v>66</v>
      </c>
      <c r="W36464">
        <v>68</v>
      </c>
      <c r="X36464">
        <v>69</v>
      </c>
      <c r="Y36464">
        <v>70</v>
      </c>
      <c r="Z36464">
        <v>70</v>
      </c>
      <c r="AA36464">
        <v>71</v>
      </c>
      <c r="AB36464">
        <v>72</v>
      </c>
      <c r="AC36464">
        <v>73</v>
      </c>
      <c r="AD36464">
        <v>74</v>
      </c>
      <c r="AE36464">
        <v>74</v>
      </c>
      <c r="AF36464">
        <v>74</v>
      </c>
      <c r="AG36464">
        <v>74</v>
      </c>
      <c r="AH36464">
        <v>74</v>
      </c>
      <c r="AI36464">
        <v>74</v>
      </c>
      <c r="AJ36464">
        <v>74</v>
      </c>
      <c r="AK36464">
        <v>74</v>
      </c>
      <c r="AL36464">
        <v>73</v>
      </c>
      <c r="AM36464">
        <v>73</v>
      </c>
      <c r="AN36464">
        <v>73</v>
      </c>
      <c r="AO36464">
        <v>73</v>
      </c>
      <c r="AP36464">
        <v>73</v>
      </c>
      <c r="AQ36464">
        <v>72</v>
      </c>
    </row>
    <row r="36465" spans="1:43">
      <c r="A36465" t="s">
        <v>22603</v>
      </c>
      <c r="B36465" t="s">
        <v>22604</v>
      </c>
      <c r="C36465" t="s">
        <v>22605</v>
      </c>
      <c r="D36465" t="s">
        <v>22606</v>
      </c>
      <c r="E36465" t="s">
        <v>22537</v>
      </c>
      <c r="F36465" t="s">
        <v>22538</v>
      </c>
      <c r="G36465" t="s">
        <v>22539</v>
      </c>
      <c r="H36465" t="s">
        <v>22540</v>
      </c>
      <c r="I36465" s="2">
        <v>0</v>
      </c>
      <c r="J36465" s="2">
        <v>0</v>
      </c>
      <c r="K36465" s="2">
        <v>1</v>
      </c>
      <c r="L36465" t="s">
        <v>995</v>
      </c>
      <c r="M36465" t="s">
        <v>83</v>
      </c>
      <c r="N36465" t="s">
        <v>91</v>
      </c>
      <c r="O36465" t="s">
        <v>85</v>
      </c>
      <c r="P36465" t="s">
        <v>86</v>
      </c>
      <c r="Q36465">
        <v>60</v>
      </c>
      <c r="R36465">
        <v>61</v>
      </c>
      <c r="S36465">
        <v>61</v>
      </c>
      <c r="T36465">
        <v>62</v>
      </c>
      <c r="U36465">
        <v>63</v>
      </c>
      <c r="V36465">
        <v>64</v>
      </c>
      <c r="W36465">
        <v>64</v>
      </c>
      <c r="X36465">
        <v>65</v>
      </c>
      <c r="Y36465">
        <v>66</v>
      </c>
      <c r="Z36465">
        <v>66</v>
      </c>
      <c r="AA36465">
        <v>67</v>
      </c>
      <c r="AB36465">
        <v>68</v>
      </c>
      <c r="AC36465">
        <v>68</v>
      </c>
      <c r="AD36465">
        <v>69</v>
      </c>
      <c r="AE36465">
        <v>69</v>
      </c>
      <c r="AF36465">
        <v>70</v>
      </c>
      <c r="AG36465">
        <v>71</v>
      </c>
      <c r="AH36465">
        <v>71</v>
      </c>
      <c r="AI36465">
        <v>72</v>
      </c>
      <c r="AJ36465">
        <v>72</v>
      </c>
      <c r="AK36465">
        <v>73</v>
      </c>
      <c r="AL36465">
        <v>73</v>
      </c>
      <c r="AM36465">
        <v>73</v>
      </c>
      <c r="AN36465">
        <v>72</v>
      </c>
      <c r="AO36465">
        <v>72</v>
      </c>
      <c r="AP36465">
        <v>72</v>
      </c>
      <c r="AQ36465">
        <v>72</v>
      </c>
    </row>
    <row r="36466" spans="1:43">
      <c r="A36466" t="s">
        <v>22607</v>
      </c>
      <c r="B36466" t="s">
        <v>22608</v>
      </c>
      <c r="C36466" t="s">
        <v>22605</v>
      </c>
      <c r="D36466" t="s">
        <v>22606</v>
      </c>
      <c r="E36466" t="s">
        <v>22537</v>
      </c>
      <c r="F36466" t="s">
        <v>22538</v>
      </c>
      <c r="G36466" t="s">
        <v>22539</v>
      </c>
      <c r="H36466" t="s">
        <v>22540</v>
      </c>
      <c r="I36466" s="2">
        <v>0</v>
      </c>
      <c r="J36466" s="2">
        <v>0</v>
      </c>
      <c r="K36466" s="2">
        <v>1</v>
      </c>
      <c r="L36466" t="s">
        <v>995</v>
      </c>
      <c r="M36466" t="s">
        <v>83</v>
      </c>
      <c r="N36466" t="s">
        <v>84</v>
      </c>
      <c r="O36466" t="s">
        <v>85</v>
      </c>
      <c r="P36466" t="s">
        <v>86</v>
      </c>
      <c r="Q36466">
        <v>15</v>
      </c>
      <c r="R36466">
        <v>15</v>
      </c>
      <c r="S36466">
        <v>16</v>
      </c>
      <c r="T36466">
        <v>16</v>
      </c>
      <c r="U36466">
        <v>16</v>
      </c>
      <c r="V36466">
        <v>16</v>
      </c>
      <c r="W36466">
        <v>16</v>
      </c>
      <c r="X36466">
        <v>17</v>
      </c>
      <c r="Y36466">
        <v>17</v>
      </c>
      <c r="Z36466">
        <v>17</v>
      </c>
      <c r="AA36466">
        <v>17</v>
      </c>
      <c r="AB36466">
        <v>17</v>
      </c>
      <c r="AC36466">
        <v>17</v>
      </c>
      <c r="AD36466">
        <v>18</v>
      </c>
      <c r="AE36466">
        <v>18</v>
      </c>
      <c r="AF36466">
        <v>18</v>
      </c>
      <c r="AG36466">
        <v>18</v>
      </c>
      <c r="AH36466">
        <v>18</v>
      </c>
      <c r="AI36466">
        <v>18</v>
      </c>
      <c r="AJ36466">
        <v>19</v>
      </c>
      <c r="AK36466">
        <v>19</v>
      </c>
      <c r="AL36466">
        <v>19</v>
      </c>
      <c r="AM36466">
        <v>19</v>
      </c>
      <c r="AN36466">
        <v>19</v>
      </c>
      <c r="AO36466">
        <v>19</v>
      </c>
      <c r="AP36466">
        <v>19</v>
      </c>
      <c r="AQ36466">
        <v>18</v>
      </c>
    </row>
    <row r="36467" spans="1:43">
      <c r="A36467" t="s">
        <v>22607</v>
      </c>
      <c r="B36467" t="s">
        <v>22608</v>
      </c>
      <c r="C36467" t="s">
        <v>22605</v>
      </c>
      <c r="D36467" t="s">
        <v>22606</v>
      </c>
      <c r="E36467" t="s">
        <v>22537</v>
      </c>
      <c r="F36467" t="s">
        <v>22538</v>
      </c>
      <c r="G36467" t="s">
        <v>22539</v>
      </c>
      <c r="H36467" t="s">
        <v>22540</v>
      </c>
      <c r="I36467" s="2">
        <v>0</v>
      </c>
      <c r="J36467" s="2">
        <v>0</v>
      </c>
      <c r="K36467" s="2">
        <v>1</v>
      </c>
      <c r="L36467" t="s">
        <v>995</v>
      </c>
      <c r="M36467" t="s">
        <v>87</v>
      </c>
      <c r="N36467" t="s">
        <v>88</v>
      </c>
      <c r="O36467" t="s">
        <v>85</v>
      </c>
      <c r="P36467" t="s">
        <v>86</v>
      </c>
      <c r="Q36467">
        <v>15</v>
      </c>
      <c r="R36467">
        <v>15</v>
      </c>
      <c r="S36467">
        <v>15</v>
      </c>
      <c r="T36467">
        <v>15</v>
      </c>
      <c r="U36467">
        <v>15</v>
      </c>
      <c r="V36467">
        <v>15</v>
      </c>
      <c r="W36467">
        <v>15</v>
      </c>
      <c r="X36467">
        <v>15</v>
      </c>
      <c r="Y36467">
        <v>16</v>
      </c>
      <c r="Z36467">
        <v>16</v>
      </c>
      <c r="AA36467">
        <v>16</v>
      </c>
      <c r="AB36467">
        <v>16</v>
      </c>
      <c r="AC36467">
        <v>16</v>
      </c>
      <c r="AD36467">
        <v>16</v>
      </c>
      <c r="AE36467">
        <v>16</v>
      </c>
      <c r="AF36467">
        <v>16</v>
      </c>
      <c r="AG36467">
        <v>16</v>
      </c>
      <c r="AH36467">
        <v>16</v>
      </c>
      <c r="AI36467">
        <v>16</v>
      </c>
      <c r="AJ36467">
        <v>16</v>
      </c>
      <c r="AK36467">
        <v>16</v>
      </c>
      <c r="AL36467">
        <v>16</v>
      </c>
      <c r="AM36467">
        <v>16</v>
      </c>
      <c r="AN36467">
        <v>16</v>
      </c>
      <c r="AO36467">
        <v>16</v>
      </c>
      <c r="AP36467">
        <v>16</v>
      </c>
      <c r="AQ36467">
        <v>16</v>
      </c>
    </row>
    <row r="36468" spans="1:43">
      <c r="A36468" t="s">
        <v>22607</v>
      </c>
      <c r="B36468" t="s">
        <v>22608</v>
      </c>
      <c r="C36468" t="s">
        <v>22605</v>
      </c>
      <c r="D36468" t="s">
        <v>22606</v>
      </c>
      <c r="E36468" t="s">
        <v>22537</v>
      </c>
      <c r="F36468" t="s">
        <v>22538</v>
      </c>
      <c r="G36468" t="s">
        <v>22539</v>
      </c>
      <c r="H36468" t="s">
        <v>22540</v>
      </c>
      <c r="I36468" s="2">
        <v>0</v>
      </c>
      <c r="J36468" s="2">
        <v>0</v>
      </c>
      <c r="K36468" s="2">
        <v>1</v>
      </c>
      <c r="L36468" t="s">
        <v>995</v>
      </c>
      <c r="M36468" t="s">
        <v>89</v>
      </c>
      <c r="N36468" t="s">
        <v>90</v>
      </c>
      <c r="O36468" t="s">
        <v>85</v>
      </c>
      <c r="P36468" t="s">
        <v>86</v>
      </c>
      <c r="Q36468">
        <v>15</v>
      </c>
      <c r="R36468">
        <v>16</v>
      </c>
      <c r="S36468">
        <v>16</v>
      </c>
      <c r="T36468">
        <v>16</v>
      </c>
      <c r="U36468">
        <v>17</v>
      </c>
      <c r="V36468">
        <v>17</v>
      </c>
      <c r="W36468">
        <v>17</v>
      </c>
      <c r="X36468">
        <v>18</v>
      </c>
      <c r="Y36468">
        <v>18</v>
      </c>
      <c r="Z36468">
        <v>18</v>
      </c>
      <c r="AA36468">
        <v>18</v>
      </c>
      <c r="AB36468">
        <v>18</v>
      </c>
      <c r="AC36468">
        <v>19</v>
      </c>
      <c r="AD36468">
        <v>19</v>
      </c>
      <c r="AE36468">
        <v>19</v>
      </c>
      <c r="AF36468">
        <v>19</v>
      </c>
      <c r="AG36468">
        <v>19</v>
      </c>
      <c r="AH36468">
        <v>19</v>
      </c>
      <c r="AI36468">
        <v>19</v>
      </c>
      <c r="AJ36468">
        <v>19</v>
      </c>
      <c r="AK36468">
        <v>19</v>
      </c>
      <c r="AL36468">
        <v>19</v>
      </c>
      <c r="AM36468">
        <v>19</v>
      </c>
      <c r="AN36468">
        <v>19</v>
      </c>
      <c r="AO36468">
        <v>19</v>
      </c>
      <c r="AP36468">
        <v>19</v>
      </c>
      <c r="AQ36468">
        <v>19</v>
      </c>
    </row>
    <row r="36469" spans="1:43">
      <c r="A36469" t="s">
        <v>22607</v>
      </c>
      <c r="B36469" t="s">
        <v>22608</v>
      </c>
      <c r="C36469" t="s">
        <v>22605</v>
      </c>
      <c r="D36469" t="s">
        <v>22606</v>
      </c>
      <c r="E36469" t="s">
        <v>22537</v>
      </c>
      <c r="F36469" t="s">
        <v>22538</v>
      </c>
      <c r="G36469" t="s">
        <v>22539</v>
      </c>
      <c r="H36469" t="s">
        <v>22540</v>
      </c>
      <c r="I36469" s="2">
        <v>0</v>
      </c>
      <c r="J36469" s="2">
        <v>0</v>
      </c>
      <c r="K36469" s="2">
        <v>1</v>
      </c>
      <c r="L36469" t="s">
        <v>995</v>
      </c>
      <c r="M36469" t="s">
        <v>83</v>
      </c>
      <c r="N36469" t="s">
        <v>91</v>
      </c>
      <c r="O36469" t="s">
        <v>85</v>
      </c>
      <c r="P36469" t="s">
        <v>86</v>
      </c>
      <c r="Q36469">
        <v>15</v>
      </c>
      <c r="R36469">
        <v>15</v>
      </c>
      <c r="S36469">
        <v>16</v>
      </c>
      <c r="T36469">
        <v>16</v>
      </c>
      <c r="U36469">
        <v>16</v>
      </c>
      <c r="V36469">
        <v>16</v>
      </c>
      <c r="W36469">
        <v>16</v>
      </c>
      <c r="X36469">
        <v>17</v>
      </c>
      <c r="Y36469">
        <v>17</v>
      </c>
      <c r="Z36469">
        <v>17</v>
      </c>
      <c r="AA36469">
        <v>17</v>
      </c>
      <c r="AB36469">
        <v>17</v>
      </c>
      <c r="AC36469">
        <v>17</v>
      </c>
      <c r="AD36469">
        <v>18</v>
      </c>
      <c r="AE36469">
        <v>18</v>
      </c>
      <c r="AF36469">
        <v>18</v>
      </c>
      <c r="AG36469">
        <v>18</v>
      </c>
      <c r="AH36469">
        <v>18</v>
      </c>
      <c r="AI36469">
        <v>18</v>
      </c>
      <c r="AJ36469">
        <v>19</v>
      </c>
      <c r="AK36469">
        <v>19</v>
      </c>
      <c r="AL36469">
        <v>19</v>
      </c>
      <c r="AM36469">
        <v>19</v>
      </c>
      <c r="AN36469">
        <v>19</v>
      </c>
      <c r="AO36469">
        <v>19</v>
      </c>
      <c r="AP36469">
        <v>19</v>
      </c>
      <c r="AQ36469">
        <v>18</v>
      </c>
    </row>
    <row r="36470" spans="1:43">
      <c r="A36470" t="s">
        <v>22609</v>
      </c>
      <c r="B36470" t="s">
        <v>22610</v>
      </c>
      <c r="C36470" t="s">
        <v>22605</v>
      </c>
      <c r="D36470" t="s">
        <v>22606</v>
      </c>
      <c r="E36470" t="s">
        <v>22537</v>
      </c>
      <c r="F36470" t="s">
        <v>22538</v>
      </c>
      <c r="G36470" t="s">
        <v>22539</v>
      </c>
      <c r="H36470" t="s">
        <v>22540</v>
      </c>
      <c r="I36470" s="2">
        <v>0</v>
      </c>
      <c r="J36470" s="2">
        <v>0</v>
      </c>
      <c r="K36470" s="2">
        <v>1</v>
      </c>
      <c r="L36470" t="s">
        <v>995</v>
      </c>
      <c r="M36470" t="s">
        <v>83</v>
      </c>
      <c r="N36470" t="s">
        <v>84</v>
      </c>
      <c r="O36470" t="s">
        <v>85</v>
      </c>
      <c r="P36470" t="s">
        <v>86</v>
      </c>
      <c r="Q36470">
        <v>26</v>
      </c>
      <c r="R36470">
        <v>26</v>
      </c>
      <c r="S36470">
        <v>26</v>
      </c>
      <c r="T36470">
        <v>27</v>
      </c>
      <c r="U36470">
        <v>27</v>
      </c>
      <c r="V36470">
        <v>27</v>
      </c>
      <c r="W36470">
        <v>28</v>
      </c>
      <c r="X36470">
        <v>28</v>
      </c>
      <c r="Y36470">
        <v>28</v>
      </c>
      <c r="Z36470">
        <v>29</v>
      </c>
      <c r="AA36470">
        <v>29</v>
      </c>
      <c r="AB36470">
        <v>29</v>
      </c>
      <c r="AC36470">
        <v>29</v>
      </c>
      <c r="AD36470">
        <v>30</v>
      </c>
      <c r="AE36470">
        <v>30</v>
      </c>
      <c r="AF36470">
        <v>30</v>
      </c>
      <c r="AG36470">
        <v>30</v>
      </c>
      <c r="AH36470">
        <v>31</v>
      </c>
      <c r="AI36470">
        <v>31</v>
      </c>
      <c r="AJ36470">
        <v>31</v>
      </c>
      <c r="AK36470">
        <v>31</v>
      </c>
      <c r="AL36470">
        <v>31</v>
      </c>
      <c r="AM36470">
        <v>31</v>
      </c>
      <c r="AN36470">
        <v>31</v>
      </c>
      <c r="AO36470">
        <v>31</v>
      </c>
      <c r="AP36470">
        <v>31</v>
      </c>
      <c r="AQ36470">
        <v>31</v>
      </c>
    </row>
    <row r="36471" spans="1:43">
      <c r="A36471" t="s">
        <v>22609</v>
      </c>
      <c r="B36471" t="s">
        <v>22610</v>
      </c>
      <c r="C36471" t="s">
        <v>22605</v>
      </c>
      <c r="D36471" t="s">
        <v>22606</v>
      </c>
      <c r="E36471" t="s">
        <v>22537</v>
      </c>
      <c r="F36471" t="s">
        <v>22538</v>
      </c>
      <c r="G36471" t="s">
        <v>22539</v>
      </c>
      <c r="H36471" t="s">
        <v>22540</v>
      </c>
      <c r="I36471" s="2">
        <v>0</v>
      </c>
      <c r="J36471" s="2">
        <v>0</v>
      </c>
      <c r="K36471" s="2">
        <v>1</v>
      </c>
      <c r="L36471" t="s">
        <v>995</v>
      </c>
      <c r="M36471" t="s">
        <v>87</v>
      </c>
      <c r="N36471" t="s">
        <v>88</v>
      </c>
      <c r="O36471" t="s">
        <v>85</v>
      </c>
      <c r="P36471" t="s">
        <v>86</v>
      </c>
      <c r="Q36471">
        <v>26</v>
      </c>
      <c r="R36471">
        <v>26</v>
      </c>
      <c r="S36471">
        <v>26</v>
      </c>
      <c r="T36471">
        <v>26</v>
      </c>
      <c r="U36471">
        <v>26</v>
      </c>
      <c r="V36471">
        <v>26</v>
      </c>
      <c r="W36471">
        <v>26</v>
      </c>
      <c r="X36471">
        <v>26</v>
      </c>
      <c r="Y36471">
        <v>26</v>
      </c>
      <c r="Z36471">
        <v>26</v>
      </c>
      <c r="AA36471">
        <v>26</v>
      </c>
      <c r="AB36471">
        <v>26</v>
      </c>
      <c r="AC36471">
        <v>26</v>
      </c>
      <c r="AD36471">
        <v>26</v>
      </c>
      <c r="AE36471">
        <v>26</v>
      </c>
      <c r="AF36471">
        <v>27</v>
      </c>
      <c r="AG36471">
        <v>27</v>
      </c>
      <c r="AH36471">
        <v>27</v>
      </c>
      <c r="AI36471">
        <v>27</v>
      </c>
      <c r="AJ36471">
        <v>27</v>
      </c>
      <c r="AK36471">
        <v>27</v>
      </c>
      <c r="AL36471">
        <v>27</v>
      </c>
      <c r="AM36471">
        <v>27</v>
      </c>
      <c r="AN36471">
        <v>27</v>
      </c>
      <c r="AO36471">
        <v>27</v>
      </c>
      <c r="AP36471">
        <v>27</v>
      </c>
      <c r="AQ36471">
        <v>27</v>
      </c>
    </row>
    <row r="36472" spans="1:43">
      <c r="A36472" t="s">
        <v>22609</v>
      </c>
      <c r="B36472" t="s">
        <v>22610</v>
      </c>
      <c r="C36472" t="s">
        <v>22605</v>
      </c>
      <c r="D36472" t="s">
        <v>22606</v>
      </c>
      <c r="E36472" t="s">
        <v>22537</v>
      </c>
      <c r="F36472" t="s">
        <v>22538</v>
      </c>
      <c r="G36472" t="s">
        <v>22539</v>
      </c>
      <c r="H36472" t="s">
        <v>22540</v>
      </c>
      <c r="I36472" s="2">
        <v>0</v>
      </c>
      <c r="J36472" s="2">
        <v>0</v>
      </c>
      <c r="K36472" s="2">
        <v>1</v>
      </c>
      <c r="L36472" t="s">
        <v>995</v>
      </c>
      <c r="M36472" t="s">
        <v>89</v>
      </c>
      <c r="N36472" t="s">
        <v>90</v>
      </c>
      <c r="O36472" t="s">
        <v>85</v>
      </c>
      <c r="P36472" t="s">
        <v>86</v>
      </c>
      <c r="Q36472">
        <v>26</v>
      </c>
      <c r="R36472">
        <v>27</v>
      </c>
      <c r="S36472">
        <v>27</v>
      </c>
      <c r="T36472">
        <v>28</v>
      </c>
      <c r="U36472">
        <v>28</v>
      </c>
      <c r="V36472">
        <v>29</v>
      </c>
      <c r="W36472">
        <v>29</v>
      </c>
      <c r="X36472">
        <v>30</v>
      </c>
      <c r="Y36472">
        <v>30</v>
      </c>
      <c r="Z36472">
        <v>30</v>
      </c>
      <c r="AA36472">
        <v>31</v>
      </c>
      <c r="AB36472">
        <v>31</v>
      </c>
      <c r="AC36472">
        <v>32</v>
      </c>
      <c r="AD36472">
        <v>32</v>
      </c>
      <c r="AE36472">
        <v>32</v>
      </c>
      <c r="AF36472">
        <v>32</v>
      </c>
      <c r="AG36472">
        <v>32</v>
      </c>
      <c r="AH36472">
        <v>32</v>
      </c>
      <c r="AI36472">
        <v>32</v>
      </c>
      <c r="AJ36472">
        <v>32</v>
      </c>
      <c r="AK36472">
        <v>32</v>
      </c>
      <c r="AL36472">
        <v>32</v>
      </c>
      <c r="AM36472">
        <v>32</v>
      </c>
      <c r="AN36472">
        <v>31</v>
      </c>
      <c r="AO36472">
        <v>31</v>
      </c>
      <c r="AP36472">
        <v>31</v>
      </c>
      <c r="AQ36472">
        <v>31</v>
      </c>
    </row>
    <row r="36473" spans="1:43">
      <c r="A36473" t="s">
        <v>22609</v>
      </c>
      <c r="B36473" t="s">
        <v>22610</v>
      </c>
      <c r="C36473" t="s">
        <v>22605</v>
      </c>
      <c r="D36473" t="s">
        <v>22606</v>
      </c>
      <c r="E36473" t="s">
        <v>22537</v>
      </c>
      <c r="F36473" t="s">
        <v>22538</v>
      </c>
      <c r="G36473" t="s">
        <v>22539</v>
      </c>
      <c r="H36473" t="s">
        <v>22540</v>
      </c>
      <c r="I36473" s="2">
        <v>0</v>
      </c>
      <c r="J36473" s="2">
        <v>0</v>
      </c>
      <c r="K36473" s="2">
        <v>1</v>
      </c>
      <c r="L36473" t="s">
        <v>995</v>
      </c>
      <c r="M36473" t="s">
        <v>83</v>
      </c>
      <c r="N36473" t="s">
        <v>91</v>
      </c>
      <c r="O36473" t="s">
        <v>85</v>
      </c>
      <c r="P36473" t="s">
        <v>86</v>
      </c>
      <c r="Q36473">
        <v>26</v>
      </c>
      <c r="R36473">
        <v>26</v>
      </c>
      <c r="S36473">
        <v>26</v>
      </c>
      <c r="T36473">
        <v>27</v>
      </c>
      <c r="U36473">
        <v>27</v>
      </c>
      <c r="V36473">
        <v>27</v>
      </c>
      <c r="W36473">
        <v>28</v>
      </c>
      <c r="X36473">
        <v>28</v>
      </c>
      <c r="Y36473">
        <v>28</v>
      </c>
      <c r="Z36473">
        <v>29</v>
      </c>
      <c r="AA36473">
        <v>29</v>
      </c>
      <c r="AB36473">
        <v>29</v>
      </c>
      <c r="AC36473">
        <v>29</v>
      </c>
      <c r="AD36473">
        <v>30</v>
      </c>
      <c r="AE36473">
        <v>30</v>
      </c>
      <c r="AF36473">
        <v>30</v>
      </c>
      <c r="AG36473">
        <v>30</v>
      </c>
      <c r="AH36473">
        <v>31</v>
      </c>
      <c r="AI36473">
        <v>31</v>
      </c>
      <c r="AJ36473">
        <v>31</v>
      </c>
      <c r="AK36473">
        <v>31</v>
      </c>
      <c r="AL36473">
        <v>31</v>
      </c>
      <c r="AM36473">
        <v>31</v>
      </c>
      <c r="AN36473">
        <v>31</v>
      </c>
      <c r="AO36473">
        <v>31</v>
      </c>
      <c r="AP36473">
        <v>31</v>
      </c>
      <c r="AQ36473">
        <v>31</v>
      </c>
    </row>
    <row r="36474" spans="1:43">
      <c r="A36474" t="s">
        <v>22611</v>
      </c>
      <c r="B36474" t="s">
        <v>22612</v>
      </c>
      <c r="C36474" t="s">
        <v>22605</v>
      </c>
      <c r="D36474" t="s">
        <v>22606</v>
      </c>
      <c r="E36474" t="s">
        <v>22537</v>
      </c>
      <c r="F36474" t="s">
        <v>22538</v>
      </c>
      <c r="G36474" t="s">
        <v>22539</v>
      </c>
      <c r="H36474" t="s">
        <v>22540</v>
      </c>
      <c r="I36474" s="2">
        <v>0</v>
      </c>
      <c r="J36474" s="2">
        <v>0</v>
      </c>
      <c r="K36474" s="2">
        <v>1</v>
      </c>
      <c r="L36474" t="s">
        <v>995</v>
      </c>
      <c r="M36474" t="s">
        <v>83</v>
      </c>
      <c r="N36474" t="s">
        <v>84</v>
      </c>
      <c r="O36474" t="s">
        <v>85</v>
      </c>
      <c r="P36474" t="s">
        <v>86</v>
      </c>
      <c r="Q36474">
        <v>16</v>
      </c>
      <c r="R36474">
        <v>16</v>
      </c>
      <c r="S36474">
        <v>16</v>
      </c>
      <c r="T36474">
        <v>17</v>
      </c>
      <c r="U36474">
        <v>17</v>
      </c>
      <c r="V36474">
        <v>17</v>
      </c>
      <c r="W36474">
        <v>17</v>
      </c>
      <c r="X36474">
        <v>17</v>
      </c>
      <c r="Y36474">
        <v>18</v>
      </c>
      <c r="Z36474">
        <v>18</v>
      </c>
      <c r="AA36474">
        <v>18</v>
      </c>
      <c r="AB36474">
        <v>18</v>
      </c>
      <c r="AC36474">
        <v>18</v>
      </c>
      <c r="AD36474">
        <v>19</v>
      </c>
      <c r="AE36474">
        <v>19</v>
      </c>
      <c r="AF36474">
        <v>19</v>
      </c>
      <c r="AG36474">
        <v>19</v>
      </c>
      <c r="AH36474">
        <v>19</v>
      </c>
      <c r="AI36474">
        <v>19</v>
      </c>
      <c r="AJ36474">
        <v>19</v>
      </c>
      <c r="AK36474">
        <v>20</v>
      </c>
      <c r="AL36474">
        <v>20</v>
      </c>
      <c r="AM36474">
        <v>20</v>
      </c>
      <c r="AN36474">
        <v>19</v>
      </c>
      <c r="AO36474">
        <v>19</v>
      </c>
      <c r="AP36474">
        <v>19</v>
      </c>
      <c r="AQ36474">
        <v>19</v>
      </c>
    </row>
    <row r="36475" spans="1:43">
      <c r="A36475" t="s">
        <v>22611</v>
      </c>
      <c r="B36475" t="s">
        <v>22612</v>
      </c>
      <c r="C36475" t="s">
        <v>22605</v>
      </c>
      <c r="D36475" t="s">
        <v>22606</v>
      </c>
      <c r="E36475" t="s">
        <v>22537</v>
      </c>
      <c r="F36475" t="s">
        <v>22538</v>
      </c>
      <c r="G36475" t="s">
        <v>22539</v>
      </c>
      <c r="H36475" t="s">
        <v>22540</v>
      </c>
      <c r="I36475" s="2">
        <v>0</v>
      </c>
      <c r="J36475" s="2">
        <v>0</v>
      </c>
      <c r="K36475" s="2">
        <v>1</v>
      </c>
      <c r="L36475" t="s">
        <v>995</v>
      </c>
      <c r="M36475" t="s">
        <v>87</v>
      </c>
      <c r="N36475" t="s">
        <v>88</v>
      </c>
      <c r="O36475" t="s">
        <v>85</v>
      </c>
      <c r="P36475" t="s">
        <v>86</v>
      </c>
      <c r="Q36475">
        <v>16</v>
      </c>
      <c r="R36475">
        <v>16</v>
      </c>
      <c r="S36475">
        <v>16</v>
      </c>
      <c r="T36475">
        <v>16</v>
      </c>
      <c r="U36475">
        <v>16</v>
      </c>
      <c r="V36475">
        <v>16</v>
      </c>
      <c r="W36475">
        <v>16</v>
      </c>
      <c r="X36475">
        <v>16</v>
      </c>
      <c r="Y36475">
        <v>16</v>
      </c>
      <c r="Z36475">
        <v>16</v>
      </c>
      <c r="AA36475">
        <v>16</v>
      </c>
      <c r="AB36475">
        <v>16</v>
      </c>
      <c r="AC36475">
        <v>16</v>
      </c>
      <c r="AD36475">
        <v>16</v>
      </c>
      <c r="AE36475">
        <v>17</v>
      </c>
      <c r="AF36475">
        <v>17</v>
      </c>
      <c r="AG36475">
        <v>17</v>
      </c>
      <c r="AH36475">
        <v>17</v>
      </c>
      <c r="AI36475">
        <v>17</v>
      </c>
      <c r="AJ36475">
        <v>17</v>
      </c>
      <c r="AK36475">
        <v>17</v>
      </c>
      <c r="AL36475">
        <v>17</v>
      </c>
      <c r="AM36475">
        <v>17</v>
      </c>
      <c r="AN36475">
        <v>17</v>
      </c>
      <c r="AO36475">
        <v>17</v>
      </c>
      <c r="AP36475">
        <v>17</v>
      </c>
      <c r="AQ36475">
        <v>17</v>
      </c>
    </row>
    <row r="36476" spans="1:43">
      <c r="A36476" t="s">
        <v>22611</v>
      </c>
      <c r="B36476" t="s">
        <v>22612</v>
      </c>
      <c r="C36476" t="s">
        <v>22605</v>
      </c>
      <c r="D36476" t="s">
        <v>22606</v>
      </c>
      <c r="E36476" t="s">
        <v>22537</v>
      </c>
      <c r="F36476" t="s">
        <v>22538</v>
      </c>
      <c r="G36476" t="s">
        <v>22539</v>
      </c>
      <c r="H36476" t="s">
        <v>22540</v>
      </c>
      <c r="I36476" s="2">
        <v>0</v>
      </c>
      <c r="J36476" s="2">
        <v>0</v>
      </c>
      <c r="K36476" s="2">
        <v>1</v>
      </c>
      <c r="L36476" t="s">
        <v>995</v>
      </c>
      <c r="M36476" t="s">
        <v>89</v>
      </c>
      <c r="N36476" t="s">
        <v>90</v>
      </c>
      <c r="O36476" t="s">
        <v>85</v>
      </c>
      <c r="P36476" t="s">
        <v>86</v>
      </c>
      <c r="Q36476">
        <v>16</v>
      </c>
      <c r="R36476">
        <v>17</v>
      </c>
      <c r="S36476">
        <v>17</v>
      </c>
      <c r="T36476">
        <v>17</v>
      </c>
      <c r="U36476">
        <v>18</v>
      </c>
      <c r="V36476">
        <v>18</v>
      </c>
      <c r="W36476">
        <v>18</v>
      </c>
      <c r="X36476">
        <v>18</v>
      </c>
      <c r="Y36476">
        <v>19</v>
      </c>
      <c r="Z36476">
        <v>19</v>
      </c>
      <c r="AA36476">
        <v>19</v>
      </c>
      <c r="AB36476">
        <v>19</v>
      </c>
      <c r="AC36476">
        <v>20</v>
      </c>
      <c r="AD36476">
        <v>20</v>
      </c>
      <c r="AE36476">
        <v>20</v>
      </c>
      <c r="AF36476">
        <v>20</v>
      </c>
      <c r="AG36476">
        <v>20</v>
      </c>
      <c r="AH36476">
        <v>20</v>
      </c>
      <c r="AI36476">
        <v>20</v>
      </c>
      <c r="AJ36476">
        <v>20</v>
      </c>
      <c r="AK36476">
        <v>20</v>
      </c>
      <c r="AL36476">
        <v>20</v>
      </c>
      <c r="AM36476">
        <v>20</v>
      </c>
      <c r="AN36476">
        <v>20</v>
      </c>
      <c r="AO36476">
        <v>20</v>
      </c>
      <c r="AP36476">
        <v>19</v>
      </c>
      <c r="AQ36476">
        <v>19</v>
      </c>
    </row>
    <row r="36477" spans="1:43">
      <c r="A36477" t="s">
        <v>22611</v>
      </c>
      <c r="B36477" t="s">
        <v>22612</v>
      </c>
      <c r="C36477" t="s">
        <v>22605</v>
      </c>
      <c r="D36477" t="s">
        <v>22606</v>
      </c>
      <c r="E36477" t="s">
        <v>22537</v>
      </c>
      <c r="F36477" t="s">
        <v>22538</v>
      </c>
      <c r="G36477" t="s">
        <v>22539</v>
      </c>
      <c r="H36477" t="s">
        <v>22540</v>
      </c>
      <c r="I36477" s="2">
        <v>0</v>
      </c>
      <c r="J36477" s="2">
        <v>0</v>
      </c>
      <c r="K36477" s="2">
        <v>1</v>
      </c>
      <c r="L36477" t="s">
        <v>995</v>
      </c>
      <c r="M36477" t="s">
        <v>83</v>
      </c>
      <c r="N36477" t="s">
        <v>91</v>
      </c>
      <c r="O36477" t="s">
        <v>85</v>
      </c>
      <c r="P36477" t="s">
        <v>86</v>
      </c>
      <c r="Q36477">
        <v>16</v>
      </c>
      <c r="R36477">
        <v>16</v>
      </c>
      <c r="S36477">
        <v>16</v>
      </c>
      <c r="T36477">
        <v>17</v>
      </c>
      <c r="U36477">
        <v>17</v>
      </c>
      <c r="V36477">
        <v>17</v>
      </c>
      <c r="W36477">
        <v>17</v>
      </c>
      <c r="X36477">
        <v>17</v>
      </c>
      <c r="Y36477">
        <v>18</v>
      </c>
      <c r="Z36477">
        <v>18</v>
      </c>
      <c r="AA36477">
        <v>18</v>
      </c>
      <c r="AB36477">
        <v>18</v>
      </c>
      <c r="AC36477">
        <v>18</v>
      </c>
      <c r="AD36477">
        <v>19</v>
      </c>
      <c r="AE36477">
        <v>19</v>
      </c>
      <c r="AF36477">
        <v>19</v>
      </c>
      <c r="AG36477">
        <v>19</v>
      </c>
      <c r="AH36477">
        <v>19</v>
      </c>
      <c r="AI36477">
        <v>19</v>
      </c>
      <c r="AJ36477">
        <v>19</v>
      </c>
      <c r="AK36477">
        <v>20</v>
      </c>
      <c r="AL36477">
        <v>20</v>
      </c>
      <c r="AM36477">
        <v>20</v>
      </c>
      <c r="AN36477">
        <v>19</v>
      </c>
      <c r="AO36477">
        <v>19</v>
      </c>
      <c r="AP36477">
        <v>19</v>
      </c>
      <c r="AQ36477">
        <v>19</v>
      </c>
    </row>
    <row r="36478" spans="1:43">
      <c r="A36478" t="s">
        <v>22613</v>
      </c>
      <c r="B36478" t="s">
        <v>22614</v>
      </c>
      <c r="C36478" t="s">
        <v>22615</v>
      </c>
      <c r="D36478" t="s">
        <v>22616</v>
      </c>
      <c r="E36478" t="s">
        <v>22537</v>
      </c>
      <c r="F36478" t="s">
        <v>22538</v>
      </c>
      <c r="G36478" t="s">
        <v>22539</v>
      </c>
      <c r="H36478" t="s">
        <v>22540</v>
      </c>
      <c r="I36478" s="2">
        <v>0</v>
      </c>
      <c r="J36478" s="2">
        <v>0</v>
      </c>
      <c r="K36478" s="2">
        <v>1</v>
      </c>
      <c r="L36478" t="s">
        <v>995</v>
      </c>
      <c r="M36478" t="s">
        <v>83</v>
      </c>
      <c r="N36478" t="s">
        <v>84</v>
      </c>
      <c r="O36478" t="s">
        <v>85</v>
      </c>
      <c r="P36478" t="s">
        <v>86</v>
      </c>
      <c r="Q36478">
        <v>101</v>
      </c>
      <c r="R36478">
        <v>102</v>
      </c>
      <c r="S36478">
        <v>103</v>
      </c>
      <c r="T36478">
        <v>104</v>
      </c>
      <c r="U36478">
        <v>106</v>
      </c>
      <c r="V36478">
        <v>107</v>
      </c>
      <c r="W36478">
        <v>108</v>
      </c>
      <c r="X36478">
        <v>109</v>
      </c>
      <c r="Y36478">
        <v>110</v>
      </c>
      <c r="Z36478">
        <v>112</v>
      </c>
      <c r="AA36478">
        <v>113</v>
      </c>
      <c r="AB36478">
        <v>114</v>
      </c>
      <c r="AC36478">
        <v>115</v>
      </c>
      <c r="AD36478">
        <v>116</v>
      </c>
      <c r="AE36478">
        <v>117</v>
      </c>
      <c r="AF36478">
        <v>118</v>
      </c>
      <c r="AG36478">
        <v>119</v>
      </c>
      <c r="AH36478">
        <v>120</v>
      </c>
      <c r="AI36478">
        <v>121</v>
      </c>
      <c r="AJ36478">
        <v>122</v>
      </c>
      <c r="AK36478">
        <v>123</v>
      </c>
      <c r="AL36478">
        <v>123</v>
      </c>
      <c r="AM36478">
        <v>123</v>
      </c>
      <c r="AN36478">
        <v>122</v>
      </c>
      <c r="AO36478">
        <v>122</v>
      </c>
      <c r="AP36478">
        <v>122</v>
      </c>
      <c r="AQ36478">
        <v>122</v>
      </c>
    </row>
    <row r="36479" spans="1:43">
      <c r="A36479" t="s">
        <v>22613</v>
      </c>
      <c r="B36479" t="s">
        <v>22614</v>
      </c>
      <c r="C36479" t="s">
        <v>22615</v>
      </c>
      <c r="D36479" t="s">
        <v>22616</v>
      </c>
      <c r="E36479" t="s">
        <v>22537</v>
      </c>
      <c r="F36479" t="s">
        <v>22538</v>
      </c>
      <c r="G36479" t="s">
        <v>22539</v>
      </c>
      <c r="H36479" t="s">
        <v>22540</v>
      </c>
      <c r="I36479" s="2">
        <v>0</v>
      </c>
      <c r="J36479" s="2">
        <v>0</v>
      </c>
      <c r="K36479" s="2">
        <v>1</v>
      </c>
      <c r="L36479" t="s">
        <v>995</v>
      </c>
      <c r="M36479" t="s">
        <v>87</v>
      </c>
      <c r="N36479" t="s">
        <v>88</v>
      </c>
      <c r="O36479" t="s">
        <v>85</v>
      </c>
      <c r="P36479" t="s">
        <v>86</v>
      </c>
      <c r="Q36479">
        <v>101</v>
      </c>
      <c r="R36479">
        <v>101</v>
      </c>
      <c r="S36479">
        <v>101</v>
      </c>
      <c r="T36479">
        <v>102</v>
      </c>
      <c r="U36479">
        <v>102</v>
      </c>
      <c r="V36479">
        <v>102</v>
      </c>
      <c r="W36479">
        <v>103</v>
      </c>
      <c r="X36479">
        <v>103</v>
      </c>
      <c r="Y36479">
        <v>103</v>
      </c>
      <c r="Z36479">
        <v>103</v>
      </c>
      <c r="AA36479">
        <v>104</v>
      </c>
      <c r="AB36479">
        <v>104</v>
      </c>
      <c r="AC36479">
        <v>104</v>
      </c>
      <c r="AD36479">
        <v>104</v>
      </c>
      <c r="AE36479">
        <v>105</v>
      </c>
      <c r="AF36479">
        <v>105</v>
      </c>
      <c r="AG36479">
        <v>105</v>
      </c>
      <c r="AH36479">
        <v>105</v>
      </c>
      <c r="AI36479">
        <v>106</v>
      </c>
      <c r="AJ36479">
        <v>106</v>
      </c>
      <c r="AK36479">
        <v>106</v>
      </c>
      <c r="AL36479">
        <v>106</v>
      </c>
      <c r="AM36479">
        <v>106</v>
      </c>
      <c r="AN36479">
        <v>107</v>
      </c>
      <c r="AO36479">
        <v>107</v>
      </c>
      <c r="AP36479">
        <v>107</v>
      </c>
      <c r="AQ36479">
        <v>107</v>
      </c>
    </row>
    <row r="36480" spans="1:43">
      <c r="A36480" t="s">
        <v>22613</v>
      </c>
      <c r="B36480" t="s">
        <v>22614</v>
      </c>
      <c r="C36480" t="s">
        <v>22615</v>
      </c>
      <c r="D36480" t="s">
        <v>22616</v>
      </c>
      <c r="E36480" t="s">
        <v>22537</v>
      </c>
      <c r="F36480" t="s">
        <v>22538</v>
      </c>
      <c r="G36480" t="s">
        <v>22539</v>
      </c>
      <c r="H36480" t="s">
        <v>22540</v>
      </c>
      <c r="I36480" s="2">
        <v>0</v>
      </c>
      <c r="J36480" s="2">
        <v>0</v>
      </c>
      <c r="K36480" s="2">
        <v>1</v>
      </c>
      <c r="L36480" t="s">
        <v>995</v>
      </c>
      <c r="M36480" t="s">
        <v>89</v>
      </c>
      <c r="N36480" t="s">
        <v>90</v>
      </c>
      <c r="O36480" t="s">
        <v>85</v>
      </c>
      <c r="P36480" t="s">
        <v>86</v>
      </c>
      <c r="Q36480">
        <v>101</v>
      </c>
      <c r="R36480">
        <v>104</v>
      </c>
      <c r="S36480">
        <v>106</v>
      </c>
      <c r="T36480">
        <v>108</v>
      </c>
      <c r="U36480">
        <v>110</v>
      </c>
      <c r="V36480">
        <v>112</v>
      </c>
      <c r="W36480">
        <v>114</v>
      </c>
      <c r="X36480">
        <v>115</v>
      </c>
      <c r="Y36480">
        <v>117</v>
      </c>
      <c r="Z36480">
        <v>119</v>
      </c>
      <c r="AA36480">
        <v>120</v>
      </c>
      <c r="AB36480">
        <v>122</v>
      </c>
      <c r="AC36480">
        <v>123</v>
      </c>
      <c r="AD36480">
        <v>125</v>
      </c>
      <c r="AE36480">
        <v>125</v>
      </c>
      <c r="AF36480">
        <v>125</v>
      </c>
      <c r="AG36480">
        <v>125</v>
      </c>
      <c r="AH36480">
        <v>125</v>
      </c>
      <c r="AI36480">
        <v>125</v>
      </c>
      <c r="AJ36480">
        <v>124</v>
      </c>
      <c r="AK36480">
        <v>124</v>
      </c>
      <c r="AL36480">
        <v>124</v>
      </c>
      <c r="AM36480">
        <v>124</v>
      </c>
      <c r="AN36480">
        <v>123</v>
      </c>
      <c r="AO36480">
        <v>123</v>
      </c>
      <c r="AP36480">
        <v>123</v>
      </c>
      <c r="AQ36480">
        <v>123</v>
      </c>
    </row>
    <row r="36481" spans="1:43">
      <c r="A36481" t="s">
        <v>22613</v>
      </c>
      <c r="B36481" t="s">
        <v>22614</v>
      </c>
      <c r="C36481" t="s">
        <v>22615</v>
      </c>
      <c r="D36481" t="s">
        <v>22616</v>
      </c>
      <c r="E36481" t="s">
        <v>22537</v>
      </c>
      <c r="F36481" t="s">
        <v>22538</v>
      </c>
      <c r="G36481" t="s">
        <v>22539</v>
      </c>
      <c r="H36481" t="s">
        <v>22540</v>
      </c>
      <c r="I36481" s="2">
        <v>0</v>
      </c>
      <c r="J36481" s="2">
        <v>0</v>
      </c>
      <c r="K36481" s="2">
        <v>1</v>
      </c>
      <c r="L36481" t="s">
        <v>995</v>
      </c>
      <c r="M36481" t="s">
        <v>83</v>
      </c>
      <c r="N36481" t="s">
        <v>91</v>
      </c>
      <c r="O36481" t="s">
        <v>85</v>
      </c>
      <c r="P36481" t="s">
        <v>86</v>
      </c>
      <c r="Q36481">
        <v>101</v>
      </c>
      <c r="R36481">
        <v>102</v>
      </c>
      <c r="S36481">
        <v>103</v>
      </c>
      <c r="T36481">
        <v>104</v>
      </c>
      <c r="U36481">
        <v>106</v>
      </c>
      <c r="V36481">
        <v>107</v>
      </c>
      <c r="W36481">
        <v>108</v>
      </c>
      <c r="X36481">
        <v>109</v>
      </c>
      <c r="Y36481">
        <v>110</v>
      </c>
      <c r="Z36481">
        <v>112</v>
      </c>
      <c r="AA36481">
        <v>113</v>
      </c>
      <c r="AB36481">
        <v>114</v>
      </c>
      <c r="AC36481">
        <v>115</v>
      </c>
      <c r="AD36481">
        <v>116</v>
      </c>
      <c r="AE36481">
        <v>117</v>
      </c>
      <c r="AF36481">
        <v>118</v>
      </c>
      <c r="AG36481">
        <v>119</v>
      </c>
      <c r="AH36481">
        <v>120</v>
      </c>
      <c r="AI36481">
        <v>121</v>
      </c>
      <c r="AJ36481">
        <v>122</v>
      </c>
      <c r="AK36481">
        <v>123</v>
      </c>
      <c r="AL36481">
        <v>123</v>
      </c>
      <c r="AM36481">
        <v>123</v>
      </c>
      <c r="AN36481">
        <v>122</v>
      </c>
      <c r="AO36481">
        <v>122</v>
      </c>
      <c r="AP36481">
        <v>122</v>
      </c>
      <c r="AQ36481">
        <v>122</v>
      </c>
    </row>
    <row r="36482" spans="1:43">
      <c r="A36482" t="s">
        <v>22617</v>
      </c>
      <c r="B36482" t="s">
        <v>22618</v>
      </c>
      <c r="C36482" t="s">
        <v>22615</v>
      </c>
      <c r="D36482" t="s">
        <v>22616</v>
      </c>
      <c r="E36482" t="s">
        <v>22537</v>
      </c>
      <c r="F36482" t="s">
        <v>22538</v>
      </c>
      <c r="G36482" t="s">
        <v>22539</v>
      </c>
      <c r="H36482" t="s">
        <v>22540</v>
      </c>
      <c r="I36482" s="2">
        <v>0</v>
      </c>
      <c r="J36482" s="2">
        <v>0</v>
      </c>
      <c r="K36482" s="2">
        <v>1</v>
      </c>
      <c r="L36482" t="s">
        <v>995</v>
      </c>
      <c r="M36482" t="s">
        <v>83</v>
      </c>
      <c r="N36482" t="s">
        <v>84</v>
      </c>
      <c r="O36482" t="s">
        <v>85</v>
      </c>
      <c r="P36482" t="s">
        <v>86</v>
      </c>
      <c r="Q36482">
        <v>79</v>
      </c>
      <c r="R36482">
        <v>80</v>
      </c>
      <c r="S36482">
        <v>81</v>
      </c>
      <c r="T36482">
        <v>82</v>
      </c>
      <c r="U36482">
        <v>83</v>
      </c>
      <c r="V36482">
        <v>84</v>
      </c>
      <c r="W36482">
        <v>85</v>
      </c>
      <c r="X36482">
        <v>86</v>
      </c>
      <c r="Y36482">
        <v>87</v>
      </c>
      <c r="Z36482">
        <v>88</v>
      </c>
      <c r="AA36482">
        <v>89</v>
      </c>
      <c r="AB36482">
        <v>90</v>
      </c>
      <c r="AC36482">
        <v>91</v>
      </c>
      <c r="AD36482">
        <v>92</v>
      </c>
      <c r="AE36482">
        <v>93</v>
      </c>
      <c r="AF36482">
        <v>93</v>
      </c>
      <c r="AG36482">
        <v>94</v>
      </c>
      <c r="AH36482">
        <v>95</v>
      </c>
      <c r="AI36482">
        <v>96</v>
      </c>
      <c r="AJ36482">
        <v>97</v>
      </c>
      <c r="AK36482">
        <v>97</v>
      </c>
      <c r="AL36482">
        <v>98</v>
      </c>
      <c r="AM36482">
        <v>97</v>
      </c>
      <c r="AN36482">
        <v>97</v>
      </c>
      <c r="AO36482">
        <v>97</v>
      </c>
      <c r="AP36482">
        <v>97</v>
      </c>
      <c r="AQ36482">
        <v>97</v>
      </c>
    </row>
    <row r="36483" spans="1:43">
      <c r="A36483" t="s">
        <v>22617</v>
      </c>
      <c r="B36483" t="s">
        <v>22618</v>
      </c>
      <c r="C36483" t="s">
        <v>22615</v>
      </c>
      <c r="D36483" t="s">
        <v>22616</v>
      </c>
      <c r="E36483" t="s">
        <v>22537</v>
      </c>
      <c r="F36483" t="s">
        <v>22538</v>
      </c>
      <c r="G36483" t="s">
        <v>22539</v>
      </c>
      <c r="H36483" t="s">
        <v>22540</v>
      </c>
      <c r="I36483" s="2">
        <v>0</v>
      </c>
      <c r="J36483" s="2">
        <v>0</v>
      </c>
      <c r="K36483" s="2">
        <v>1</v>
      </c>
      <c r="L36483" t="s">
        <v>995</v>
      </c>
      <c r="M36483" t="s">
        <v>87</v>
      </c>
      <c r="N36483" t="s">
        <v>88</v>
      </c>
      <c r="O36483" t="s">
        <v>85</v>
      </c>
      <c r="P36483" t="s">
        <v>86</v>
      </c>
      <c r="Q36483">
        <v>79</v>
      </c>
      <c r="R36483">
        <v>79</v>
      </c>
      <c r="S36483">
        <v>80</v>
      </c>
      <c r="T36483">
        <v>80</v>
      </c>
      <c r="U36483">
        <v>80</v>
      </c>
      <c r="V36483">
        <v>81</v>
      </c>
      <c r="W36483">
        <v>81</v>
      </c>
      <c r="X36483">
        <v>81</v>
      </c>
      <c r="Y36483">
        <v>81</v>
      </c>
      <c r="Z36483">
        <v>82</v>
      </c>
      <c r="AA36483">
        <v>82</v>
      </c>
      <c r="AB36483">
        <v>82</v>
      </c>
      <c r="AC36483">
        <v>83</v>
      </c>
      <c r="AD36483">
        <v>83</v>
      </c>
      <c r="AE36483">
        <v>83</v>
      </c>
      <c r="AF36483">
        <v>83</v>
      </c>
      <c r="AG36483">
        <v>84</v>
      </c>
      <c r="AH36483">
        <v>84</v>
      </c>
      <c r="AI36483">
        <v>84</v>
      </c>
      <c r="AJ36483">
        <v>84</v>
      </c>
      <c r="AK36483">
        <v>85</v>
      </c>
      <c r="AL36483">
        <v>85</v>
      </c>
      <c r="AM36483">
        <v>85</v>
      </c>
      <c r="AN36483">
        <v>85</v>
      </c>
      <c r="AO36483">
        <v>85</v>
      </c>
      <c r="AP36483">
        <v>86</v>
      </c>
      <c r="AQ36483">
        <v>86</v>
      </c>
    </row>
    <row r="36484" spans="1:43">
      <c r="A36484" t="s">
        <v>22617</v>
      </c>
      <c r="B36484" t="s">
        <v>22618</v>
      </c>
      <c r="C36484" t="s">
        <v>22615</v>
      </c>
      <c r="D36484" t="s">
        <v>22616</v>
      </c>
      <c r="E36484" t="s">
        <v>22537</v>
      </c>
      <c r="F36484" t="s">
        <v>22538</v>
      </c>
      <c r="G36484" t="s">
        <v>22539</v>
      </c>
      <c r="H36484" t="s">
        <v>22540</v>
      </c>
      <c r="I36484" s="2">
        <v>0</v>
      </c>
      <c r="J36484" s="2">
        <v>0</v>
      </c>
      <c r="K36484" s="2">
        <v>1</v>
      </c>
      <c r="L36484" t="s">
        <v>995</v>
      </c>
      <c r="M36484" t="s">
        <v>89</v>
      </c>
      <c r="N36484" t="s">
        <v>90</v>
      </c>
      <c r="O36484" t="s">
        <v>85</v>
      </c>
      <c r="P36484" t="s">
        <v>86</v>
      </c>
      <c r="Q36484">
        <v>79</v>
      </c>
      <c r="R36484">
        <v>81</v>
      </c>
      <c r="S36484">
        <v>83</v>
      </c>
      <c r="T36484">
        <v>85</v>
      </c>
      <c r="U36484">
        <v>86</v>
      </c>
      <c r="V36484">
        <v>88</v>
      </c>
      <c r="W36484">
        <v>89</v>
      </c>
      <c r="X36484">
        <v>91</v>
      </c>
      <c r="Y36484">
        <v>92</v>
      </c>
      <c r="Z36484">
        <v>93</v>
      </c>
      <c r="AA36484">
        <v>95</v>
      </c>
      <c r="AB36484">
        <v>96</v>
      </c>
      <c r="AC36484">
        <v>97</v>
      </c>
      <c r="AD36484">
        <v>98</v>
      </c>
      <c r="AE36484">
        <v>99</v>
      </c>
      <c r="AF36484">
        <v>99</v>
      </c>
      <c r="AG36484">
        <v>99</v>
      </c>
      <c r="AH36484">
        <v>99</v>
      </c>
      <c r="AI36484">
        <v>99</v>
      </c>
      <c r="AJ36484">
        <v>99</v>
      </c>
      <c r="AK36484">
        <v>99</v>
      </c>
      <c r="AL36484">
        <v>99</v>
      </c>
      <c r="AM36484">
        <v>98</v>
      </c>
      <c r="AN36484">
        <v>98</v>
      </c>
      <c r="AO36484">
        <v>98</v>
      </c>
      <c r="AP36484">
        <v>98</v>
      </c>
      <c r="AQ36484">
        <v>98</v>
      </c>
    </row>
    <row r="36485" spans="1:43">
      <c r="A36485" t="s">
        <v>22617</v>
      </c>
      <c r="B36485" t="s">
        <v>22618</v>
      </c>
      <c r="C36485" t="s">
        <v>22615</v>
      </c>
      <c r="D36485" t="s">
        <v>22616</v>
      </c>
      <c r="E36485" t="s">
        <v>22537</v>
      </c>
      <c r="F36485" t="s">
        <v>22538</v>
      </c>
      <c r="G36485" t="s">
        <v>22539</v>
      </c>
      <c r="H36485" t="s">
        <v>22540</v>
      </c>
      <c r="I36485" s="2">
        <v>0</v>
      </c>
      <c r="J36485" s="2">
        <v>0</v>
      </c>
      <c r="K36485" s="2">
        <v>1</v>
      </c>
      <c r="L36485" t="s">
        <v>995</v>
      </c>
      <c r="M36485" t="s">
        <v>83</v>
      </c>
      <c r="N36485" t="s">
        <v>91</v>
      </c>
      <c r="O36485" t="s">
        <v>85</v>
      </c>
      <c r="P36485" t="s">
        <v>86</v>
      </c>
      <c r="Q36485">
        <v>79</v>
      </c>
      <c r="R36485">
        <v>80</v>
      </c>
      <c r="S36485">
        <v>81</v>
      </c>
      <c r="T36485">
        <v>82</v>
      </c>
      <c r="U36485">
        <v>83</v>
      </c>
      <c r="V36485">
        <v>84</v>
      </c>
      <c r="W36485">
        <v>85</v>
      </c>
      <c r="X36485">
        <v>86</v>
      </c>
      <c r="Y36485">
        <v>87</v>
      </c>
      <c r="Z36485">
        <v>88</v>
      </c>
      <c r="AA36485">
        <v>89</v>
      </c>
      <c r="AB36485">
        <v>90</v>
      </c>
      <c r="AC36485">
        <v>91</v>
      </c>
      <c r="AD36485">
        <v>92</v>
      </c>
      <c r="AE36485">
        <v>93</v>
      </c>
      <c r="AF36485">
        <v>93</v>
      </c>
      <c r="AG36485">
        <v>94</v>
      </c>
      <c r="AH36485">
        <v>95</v>
      </c>
      <c r="AI36485">
        <v>96</v>
      </c>
      <c r="AJ36485">
        <v>97</v>
      </c>
      <c r="AK36485">
        <v>97</v>
      </c>
      <c r="AL36485">
        <v>98</v>
      </c>
      <c r="AM36485">
        <v>97</v>
      </c>
      <c r="AN36485">
        <v>97</v>
      </c>
      <c r="AO36485">
        <v>97</v>
      </c>
      <c r="AP36485">
        <v>97</v>
      </c>
      <c r="AQ36485">
        <v>97</v>
      </c>
    </row>
    <row r="36486" spans="1:43">
      <c r="A36486" t="s">
        <v>22619</v>
      </c>
      <c r="B36486" t="s">
        <v>22620</v>
      </c>
      <c r="C36486" t="s">
        <v>22615</v>
      </c>
      <c r="D36486" t="s">
        <v>22616</v>
      </c>
      <c r="E36486" t="s">
        <v>22537</v>
      </c>
      <c r="F36486" t="s">
        <v>22538</v>
      </c>
      <c r="G36486" t="s">
        <v>22539</v>
      </c>
      <c r="H36486" t="s">
        <v>22540</v>
      </c>
      <c r="I36486" s="2">
        <v>0</v>
      </c>
      <c r="J36486" s="2">
        <v>0</v>
      </c>
      <c r="K36486" s="2">
        <v>1</v>
      </c>
      <c r="L36486" t="s">
        <v>995</v>
      </c>
      <c r="M36486" t="s">
        <v>83</v>
      </c>
      <c r="N36486" t="s">
        <v>84</v>
      </c>
      <c r="O36486" t="s">
        <v>85</v>
      </c>
      <c r="P36486" t="s">
        <v>86</v>
      </c>
      <c r="Q36486">
        <v>18</v>
      </c>
      <c r="R36486">
        <v>19</v>
      </c>
      <c r="S36486">
        <v>19</v>
      </c>
      <c r="T36486">
        <v>19</v>
      </c>
      <c r="U36486">
        <v>19</v>
      </c>
      <c r="V36486">
        <v>20</v>
      </c>
      <c r="W36486">
        <v>20</v>
      </c>
      <c r="X36486">
        <v>20</v>
      </c>
      <c r="Y36486">
        <v>20</v>
      </c>
      <c r="Z36486">
        <v>21</v>
      </c>
      <c r="AA36486">
        <v>21</v>
      </c>
      <c r="AB36486">
        <v>21</v>
      </c>
      <c r="AC36486">
        <v>21</v>
      </c>
      <c r="AD36486">
        <v>21</v>
      </c>
      <c r="AE36486">
        <v>22</v>
      </c>
      <c r="AF36486">
        <v>22</v>
      </c>
      <c r="AG36486">
        <v>22</v>
      </c>
      <c r="AH36486">
        <v>22</v>
      </c>
      <c r="AI36486">
        <v>22</v>
      </c>
      <c r="AJ36486">
        <v>22</v>
      </c>
      <c r="AK36486">
        <v>23</v>
      </c>
      <c r="AL36486">
        <v>23</v>
      </c>
      <c r="AM36486">
        <v>23</v>
      </c>
      <c r="AN36486">
        <v>23</v>
      </c>
      <c r="AO36486">
        <v>23</v>
      </c>
      <c r="AP36486">
        <v>23</v>
      </c>
      <c r="AQ36486">
        <v>22</v>
      </c>
    </row>
    <row r="36487" spans="1:43">
      <c r="A36487" t="s">
        <v>22619</v>
      </c>
      <c r="B36487" t="s">
        <v>22620</v>
      </c>
      <c r="C36487" t="s">
        <v>22615</v>
      </c>
      <c r="D36487" t="s">
        <v>22616</v>
      </c>
      <c r="E36487" t="s">
        <v>22537</v>
      </c>
      <c r="F36487" t="s">
        <v>22538</v>
      </c>
      <c r="G36487" t="s">
        <v>22539</v>
      </c>
      <c r="H36487" t="s">
        <v>22540</v>
      </c>
      <c r="I36487" s="2">
        <v>0</v>
      </c>
      <c r="J36487" s="2">
        <v>0</v>
      </c>
      <c r="K36487" s="2">
        <v>1</v>
      </c>
      <c r="L36487" t="s">
        <v>995</v>
      </c>
      <c r="M36487" t="s">
        <v>87</v>
      </c>
      <c r="N36487" t="s">
        <v>88</v>
      </c>
      <c r="O36487" t="s">
        <v>85</v>
      </c>
      <c r="P36487" t="s">
        <v>86</v>
      </c>
      <c r="Q36487">
        <v>18</v>
      </c>
      <c r="R36487">
        <v>18</v>
      </c>
      <c r="S36487">
        <v>18</v>
      </c>
      <c r="T36487">
        <v>18</v>
      </c>
      <c r="U36487">
        <v>19</v>
      </c>
      <c r="V36487">
        <v>19</v>
      </c>
      <c r="W36487">
        <v>19</v>
      </c>
      <c r="X36487">
        <v>19</v>
      </c>
      <c r="Y36487">
        <v>19</v>
      </c>
      <c r="Z36487">
        <v>19</v>
      </c>
      <c r="AA36487">
        <v>19</v>
      </c>
      <c r="AB36487">
        <v>19</v>
      </c>
      <c r="AC36487">
        <v>19</v>
      </c>
      <c r="AD36487">
        <v>19</v>
      </c>
      <c r="AE36487">
        <v>19</v>
      </c>
      <c r="AF36487">
        <v>19</v>
      </c>
      <c r="AG36487">
        <v>19</v>
      </c>
      <c r="AH36487">
        <v>19</v>
      </c>
      <c r="AI36487">
        <v>19</v>
      </c>
      <c r="AJ36487">
        <v>19</v>
      </c>
      <c r="AK36487">
        <v>19</v>
      </c>
      <c r="AL36487">
        <v>19</v>
      </c>
      <c r="AM36487">
        <v>19</v>
      </c>
      <c r="AN36487">
        <v>19</v>
      </c>
      <c r="AO36487">
        <v>20</v>
      </c>
      <c r="AP36487">
        <v>20</v>
      </c>
      <c r="AQ36487">
        <v>20</v>
      </c>
    </row>
    <row r="36488" spans="1:43">
      <c r="A36488" t="s">
        <v>22619</v>
      </c>
      <c r="B36488" t="s">
        <v>22620</v>
      </c>
      <c r="C36488" t="s">
        <v>22615</v>
      </c>
      <c r="D36488" t="s">
        <v>22616</v>
      </c>
      <c r="E36488" t="s">
        <v>22537</v>
      </c>
      <c r="F36488" t="s">
        <v>22538</v>
      </c>
      <c r="G36488" t="s">
        <v>22539</v>
      </c>
      <c r="H36488" t="s">
        <v>22540</v>
      </c>
      <c r="I36488" s="2">
        <v>0</v>
      </c>
      <c r="J36488" s="2">
        <v>0</v>
      </c>
      <c r="K36488" s="2">
        <v>1</v>
      </c>
      <c r="L36488" t="s">
        <v>995</v>
      </c>
      <c r="M36488" t="s">
        <v>89</v>
      </c>
      <c r="N36488" t="s">
        <v>90</v>
      </c>
      <c r="O36488" t="s">
        <v>85</v>
      </c>
      <c r="P36488" t="s">
        <v>86</v>
      </c>
      <c r="Q36488">
        <v>18</v>
      </c>
      <c r="R36488">
        <v>18</v>
      </c>
      <c r="S36488">
        <v>18</v>
      </c>
      <c r="T36488">
        <v>19</v>
      </c>
      <c r="U36488">
        <v>19</v>
      </c>
      <c r="V36488">
        <v>20</v>
      </c>
      <c r="W36488">
        <v>20</v>
      </c>
      <c r="X36488">
        <v>20</v>
      </c>
      <c r="Y36488">
        <v>21</v>
      </c>
      <c r="Z36488">
        <v>21</v>
      </c>
      <c r="AA36488">
        <v>21</v>
      </c>
      <c r="AB36488">
        <v>21</v>
      </c>
      <c r="AC36488">
        <v>22</v>
      </c>
      <c r="AD36488">
        <v>22</v>
      </c>
      <c r="AE36488">
        <v>22</v>
      </c>
      <c r="AF36488">
        <v>22</v>
      </c>
      <c r="AG36488">
        <v>22</v>
      </c>
      <c r="AH36488">
        <v>22</v>
      </c>
      <c r="AI36488">
        <v>22</v>
      </c>
      <c r="AJ36488">
        <v>22</v>
      </c>
      <c r="AK36488">
        <v>22</v>
      </c>
      <c r="AL36488">
        <v>22</v>
      </c>
      <c r="AM36488">
        <v>22</v>
      </c>
      <c r="AN36488">
        <v>22</v>
      </c>
      <c r="AO36488">
        <v>22</v>
      </c>
      <c r="AP36488">
        <v>22</v>
      </c>
      <c r="AQ36488">
        <v>22</v>
      </c>
    </row>
    <row r="36489" spans="1:43">
      <c r="A36489" t="s">
        <v>22619</v>
      </c>
      <c r="B36489" t="s">
        <v>22620</v>
      </c>
      <c r="C36489" t="s">
        <v>22615</v>
      </c>
      <c r="D36489" t="s">
        <v>22616</v>
      </c>
      <c r="E36489" t="s">
        <v>22537</v>
      </c>
      <c r="F36489" t="s">
        <v>22538</v>
      </c>
      <c r="G36489" t="s">
        <v>22539</v>
      </c>
      <c r="H36489" t="s">
        <v>22540</v>
      </c>
      <c r="I36489" s="2">
        <v>0</v>
      </c>
      <c r="J36489" s="2">
        <v>0</v>
      </c>
      <c r="K36489" s="2">
        <v>1</v>
      </c>
      <c r="L36489" t="s">
        <v>995</v>
      </c>
      <c r="M36489" t="s">
        <v>83</v>
      </c>
      <c r="N36489" t="s">
        <v>91</v>
      </c>
      <c r="O36489" t="s">
        <v>85</v>
      </c>
      <c r="P36489" t="s">
        <v>86</v>
      </c>
      <c r="Q36489">
        <v>18</v>
      </c>
      <c r="R36489">
        <v>19</v>
      </c>
      <c r="S36489">
        <v>19</v>
      </c>
      <c r="T36489">
        <v>19</v>
      </c>
      <c r="U36489">
        <v>19</v>
      </c>
      <c r="V36489">
        <v>20</v>
      </c>
      <c r="W36489">
        <v>20</v>
      </c>
      <c r="X36489">
        <v>20</v>
      </c>
      <c r="Y36489">
        <v>20</v>
      </c>
      <c r="Z36489">
        <v>21</v>
      </c>
      <c r="AA36489">
        <v>21</v>
      </c>
      <c r="AB36489">
        <v>21</v>
      </c>
      <c r="AC36489">
        <v>21</v>
      </c>
      <c r="AD36489">
        <v>21</v>
      </c>
      <c r="AE36489">
        <v>22</v>
      </c>
      <c r="AF36489">
        <v>22</v>
      </c>
      <c r="AG36489">
        <v>22</v>
      </c>
      <c r="AH36489">
        <v>22</v>
      </c>
      <c r="AI36489">
        <v>22</v>
      </c>
      <c r="AJ36489">
        <v>22</v>
      </c>
      <c r="AK36489">
        <v>23</v>
      </c>
      <c r="AL36489">
        <v>23</v>
      </c>
      <c r="AM36489">
        <v>23</v>
      </c>
      <c r="AN36489">
        <v>23</v>
      </c>
      <c r="AO36489">
        <v>23</v>
      </c>
      <c r="AP36489">
        <v>23</v>
      </c>
      <c r="AQ36489">
        <v>22</v>
      </c>
    </row>
    <row r="36490" spans="1:43">
      <c r="A36490" t="s">
        <v>22621</v>
      </c>
      <c r="B36490" t="s">
        <v>22622</v>
      </c>
      <c r="C36490" t="s">
        <v>22615</v>
      </c>
      <c r="D36490" t="s">
        <v>22616</v>
      </c>
      <c r="E36490" t="s">
        <v>22537</v>
      </c>
      <c r="F36490" t="s">
        <v>22538</v>
      </c>
      <c r="G36490" t="s">
        <v>22539</v>
      </c>
      <c r="H36490" t="s">
        <v>22540</v>
      </c>
      <c r="I36490" s="2">
        <v>0</v>
      </c>
      <c r="J36490" s="2">
        <v>0</v>
      </c>
      <c r="K36490" s="2">
        <v>1</v>
      </c>
      <c r="L36490" t="s">
        <v>995</v>
      </c>
      <c r="M36490" t="s">
        <v>83</v>
      </c>
      <c r="N36490" t="s">
        <v>84</v>
      </c>
      <c r="O36490" t="s">
        <v>85</v>
      </c>
      <c r="P36490" t="s">
        <v>86</v>
      </c>
      <c r="Q36490">
        <v>26</v>
      </c>
      <c r="R36490">
        <v>27</v>
      </c>
      <c r="S36490">
        <v>27</v>
      </c>
      <c r="T36490">
        <v>27</v>
      </c>
      <c r="U36490">
        <v>28</v>
      </c>
      <c r="V36490">
        <v>28</v>
      </c>
      <c r="W36490">
        <v>28</v>
      </c>
      <c r="X36490">
        <v>29</v>
      </c>
      <c r="Y36490">
        <v>29</v>
      </c>
      <c r="Z36490">
        <v>29</v>
      </c>
      <c r="AA36490">
        <v>30</v>
      </c>
      <c r="AB36490">
        <v>30</v>
      </c>
      <c r="AC36490">
        <v>30</v>
      </c>
      <c r="AD36490">
        <v>31</v>
      </c>
      <c r="AE36490">
        <v>31</v>
      </c>
      <c r="AF36490">
        <v>31</v>
      </c>
      <c r="AG36490">
        <v>31</v>
      </c>
      <c r="AH36490">
        <v>32</v>
      </c>
      <c r="AI36490">
        <v>32</v>
      </c>
      <c r="AJ36490">
        <v>32</v>
      </c>
      <c r="AK36490">
        <v>32</v>
      </c>
      <c r="AL36490">
        <v>32</v>
      </c>
      <c r="AM36490">
        <v>32</v>
      </c>
      <c r="AN36490">
        <v>32</v>
      </c>
      <c r="AO36490">
        <v>32</v>
      </c>
      <c r="AP36490">
        <v>32</v>
      </c>
      <c r="AQ36490">
        <v>32</v>
      </c>
    </row>
    <row r="36491" spans="1:43">
      <c r="A36491" t="s">
        <v>22621</v>
      </c>
      <c r="B36491" t="s">
        <v>22622</v>
      </c>
      <c r="C36491" t="s">
        <v>22615</v>
      </c>
      <c r="D36491" t="s">
        <v>22616</v>
      </c>
      <c r="E36491" t="s">
        <v>22537</v>
      </c>
      <c r="F36491" t="s">
        <v>22538</v>
      </c>
      <c r="G36491" t="s">
        <v>22539</v>
      </c>
      <c r="H36491" t="s">
        <v>22540</v>
      </c>
      <c r="I36491" s="2">
        <v>0</v>
      </c>
      <c r="J36491" s="2">
        <v>0</v>
      </c>
      <c r="K36491" s="2">
        <v>1</v>
      </c>
      <c r="L36491" t="s">
        <v>995</v>
      </c>
      <c r="M36491" t="s">
        <v>87</v>
      </c>
      <c r="N36491" t="s">
        <v>88</v>
      </c>
      <c r="O36491" t="s">
        <v>85</v>
      </c>
      <c r="P36491" t="s">
        <v>86</v>
      </c>
      <c r="Q36491">
        <v>26</v>
      </c>
      <c r="R36491">
        <v>26</v>
      </c>
      <c r="S36491">
        <v>26</v>
      </c>
      <c r="T36491">
        <v>26</v>
      </c>
      <c r="U36491">
        <v>27</v>
      </c>
      <c r="V36491">
        <v>27</v>
      </c>
      <c r="W36491">
        <v>27</v>
      </c>
      <c r="X36491">
        <v>27</v>
      </c>
      <c r="Y36491">
        <v>27</v>
      </c>
      <c r="Z36491">
        <v>27</v>
      </c>
      <c r="AA36491">
        <v>27</v>
      </c>
      <c r="AB36491">
        <v>27</v>
      </c>
      <c r="AC36491">
        <v>27</v>
      </c>
      <c r="AD36491">
        <v>27</v>
      </c>
      <c r="AE36491">
        <v>27</v>
      </c>
      <c r="AF36491">
        <v>27</v>
      </c>
      <c r="AG36491">
        <v>27</v>
      </c>
      <c r="AH36491">
        <v>27</v>
      </c>
      <c r="AI36491">
        <v>28</v>
      </c>
      <c r="AJ36491">
        <v>28</v>
      </c>
      <c r="AK36491">
        <v>28</v>
      </c>
      <c r="AL36491">
        <v>28</v>
      </c>
      <c r="AM36491">
        <v>28</v>
      </c>
      <c r="AN36491">
        <v>28</v>
      </c>
      <c r="AO36491">
        <v>28</v>
      </c>
      <c r="AP36491">
        <v>28</v>
      </c>
      <c r="AQ36491">
        <v>28</v>
      </c>
    </row>
    <row r="36492" spans="1:43">
      <c r="A36492" t="s">
        <v>22621</v>
      </c>
      <c r="B36492" t="s">
        <v>22622</v>
      </c>
      <c r="C36492" t="s">
        <v>22615</v>
      </c>
      <c r="D36492" t="s">
        <v>22616</v>
      </c>
      <c r="E36492" t="s">
        <v>22537</v>
      </c>
      <c r="F36492" t="s">
        <v>22538</v>
      </c>
      <c r="G36492" t="s">
        <v>22539</v>
      </c>
      <c r="H36492" t="s">
        <v>22540</v>
      </c>
      <c r="I36492" s="2">
        <v>0</v>
      </c>
      <c r="J36492" s="2">
        <v>0</v>
      </c>
      <c r="K36492" s="2">
        <v>1</v>
      </c>
      <c r="L36492" t="s">
        <v>995</v>
      </c>
      <c r="M36492" t="s">
        <v>89</v>
      </c>
      <c r="N36492" t="s">
        <v>90</v>
      </c>
      <c r="O36492" t="s">
        <v>85</v>
      </c>
      <c r="P36492" t="s">
        <v>86</v>
      </c>
      <c r="Q36492">
        <v>26</v>
      </c>
      <c r="R36492">
        <v>26</v>
      </c>
      <c r="S36492">
        <v>27</v>
      </c>
      <c r="T36492">
        <v>27</v>
      </c>
      <c r="U36492">
        <v>28</v>
      </c>
      <c r="V36492">
        <v>28</v>
      </c>
      <c r="W36492">
        <v>29</v>
      </c>
      <c r="X36492">
        <v>29</v>
      </c>
      <c r="Y36492">
        <v>30</v>
      </c>
      <c r="Z36492">
        <v>30</v>
      </c>
      <c r="AA36492">
        <v>31</v>
      </c>
      <c r="AB36492">
        <v>31</v>
      </c>
      <c r="AC36492">
        <v>31</v>
      </c>
      <c r="AD36492">
        <v>32</v>
      </c>
      <c r="AE36492">
        <v>32</v>
      </c>
      <c r="AF36492">
        <v>32</v>
      </c>
      <c r="AG36492">
        <v>32</v>
      </c>
      <c r="AH36492">
        <v>32</v>
      </c>
      <c r="AI36492">
        <v>32</v>
      </c>
      <c r="AJ36492">
        <v>32</v>
      </c>
      <c r="AK36492">
        <v>32</v>
      </c>
      <c r="AL36492">
        <v>32</v>
      </c>
      <c r="AM36492">
        <v>32</v>
      </c>
      <c r="AN36492">
        <v>31</v>
      </c>
      <c r="AO36492">
        <v>31</v>
      </c>
      <c r="AP36492">
        <v>31</v>
      </c>
      <c r="AQ36492">
        <v>31</v>
      </c>
    </row>
    <row r="36493" spans="1:43">
      <c r="A36493" t="s">
        <v>22621</v>
      </c>
      <c r="B36493" t="s">
        <v>22622</v>
      </c>
      <c r="C36493" t="s">
        <v>22615</v>
      </c>
      <c r="D36493" t="s">
        <v>22616</v>
      </c>
      <c r="E36493" t="s">
        <v>22537</v>
      </c>
      <c r="F36493" t="s">
        <v>22538</v>
      </c>
      <c r="G36493" t="s">
        <v>22539</v>
      </c>
      <c r="H36493" t="s">
        <v>22540</v>
      </c>
      <c r="I36493" s="2">
        <v>0</v>
      </c>
      <c r="J36493" s="2">
        <v>0</v>
      </c>
      <c r="K36493" s="2">
        <v>1</v>
      </c>
      <c r="L36493" t="s">
        <v>995</v>
      </c>
      <c r="M36493" t="s">
        <v>83</v>
      </c>
      <c r="N36493" t="s">
        <v>91</v>
      </c>
      <c r="O36493" t="s">
        <v>85</v>
      </c>
      <c r="P36493" t="s">
        <v>86</v>
      </c>
      <c r="Q36493">
        <v>26</v>
      </c>
      <c r="R36493">
        <v>27</v>
      </c>
      <c r="S36493">
        <v>27</v>
      </c>
      <c r="T36493">
        <v>27</v>
      </c>
      <c r="U36493">
        <v>28</v>
      </c>
      <c r="V36493">
        <v>28</v>
      </c>
      <c r="W36493">
        <v>28</v>
      </c>
      <c r="X36493">
        <v>29</v>
      </c>
      <c r="Y36493">
        <v>29</v>
      </c>
      <c r="Z36493">
        <v>29</v>
      </c>
      <c r="AA36493">
        <v>30</v>
      </c>
      <c r="AB36493">
        <v>30</v>
      </c>
      <c r="AC36493">
        <v>30</v>
      </c>
      <c r="AD36493">
        <v>31</v>
      </c>
      <c r="AE36493">
        <v>31</v>
      </c>
      <c r="AF36493">
        <v>31</v>
      </c>
      <c r="AG36493">
        <v>31</v>
      </c>
      <c r="AH36493">
        <v>32</v>
      </c>
      <c r="AI36493">
        <v>32</v>
      </c>
      <c r="AJ36493">
        <v>32</v>
      </c>
      <c r="AK36493">
        <v>32</v>
      </c>
      <c r="AL36493">
        <v>32</v>
      </c>
      <c r="AM36493">
        <v>32</v>
      </c>
      <c r="AN36493">
        <v>32</v>
      </c>
      <c r="AO36493">
        <v>32</v>
      </c>
      <c r="AP36493">
        <v>32</v>
      </c>
      <c r="AQ36493">
        <v>32</v>
      </c>
    </row>
    <row r="36494" spans="1:43">
      <c r="A36494" t="s">
        <v>22623</v>
      </c>
      <c r="B36494" t="s">
        <v>22624</v>
      </c>
      <c r="C36494" t="s">
        <v>22625</v>
      </c>
      <c r="D36494" t="s">
        <v>22626</v>
      </c>
      <c r="E36494" t="s">
        <v>22537</v>
      </c>
      <c r="F36494" t="s">
        <v>22538</v>
      </c>
      <c r="G36494" t="s">
        <v>22539</v>
      </c>
      <c r="H36494" t="s">
        <v>22540</v>
      </c>
      <c r="I36494" s="2">
        <v>0</v>
      </c>
      <c r="J36494" s="2">
        <v>0</v>
      </c>
      <c r="K36494" s="2">
        <v>1</v>
      </c>
      <c r="L36494" t="s">
        <v>995</v>
      </c>
      <c r="M36494" t="s">
        <v>83</v>
      </c>
      <c r="N36494" t="s">
        <v>84</v>
      </c>
      <c r="O36494" t="s">
        <v>85</v>
      </c>
      <c r="P36494" t="s">
        <v>86</v>
      </c>
      <c r="Q36494">
        <v>14</v>
      </c>
      <c r="R36494">
        <v>14</v>
      </c>
      <c r="S36494">
        <v>14</v>
      </c>
      <c r="T36494">
        <v>14</v>
      </c>
      <c r="U36494">
        <v>14</v>
      </c>
      <c r="V36494">
        <v>14</v>
      </c>
      <c r="W36494">
        <v>15</v>
      </c>
      <c r="X36494">
        <v>15</v>
      </c>
      <c r="Y36494">
        <v>15</v>
      </c>
      <c r="Z36494">
        <v>15</v>
      </c>
      <c r="AA36494">
        <v>15</v>
      </c>
      <c r="AB36494">
        <v>15</v>
      </c>
      <c r="AC36494">
        <v>15</v>
      </c>
      <c r="AD36494">
        <v>16</v>
      </c>
      <c r="AE36494">
        <v>16</v>
      </c>
      <c r="AF36494">
        <v>16</v>
      </c>
      <c r="AG36494">
        <v>16</v>
      </c>
      <c r="AH36494">
        <v>16</v>
      </c>
      <c r="AI36494">
        <v>16</v>
      </c>
      <c r="AJ36494">
        <v>16</v>
      </c>
      <c r="AK36494">
        <v>16</v>
      </c>
      <c r="AL36494">
        <v>16</v>
      </c>
      <c r="AM36494">
        <v>16</v>
      </c>
      <c r="AN36494">
        <v>16</v>
      </c>
      <c r="AO36494">
        <v>16</v>
      </c>
      <c r="AP36494">
        <v>16</v>
      </c>
      <c r="AQ36494">
        <v>16</v>
      </c>
    </row>
    <row r="36495" spans="1:43">
      <c r="A36495" t="s">
        <v>22623</v>
      </c>
      <c r="B36495" t="s">
        <v>22624</v>
      </c>
      <c r="C36495" t="s">
        <v>22625</v>
      </c>
      <c r="D36495" t="s">
        <v>22626</v>
      </c>
      <c r="E36495" t="s">
        <v>22537</v>
      </c>
      <c r="F36495" t="s">
        <v>22538</v>
      </c>
      <c r="G36495" t="s">
        <v>22539</v>
      </c>
      <c r="H36495" t="s">
        <v>22540</v>
      </c>
      <c r="I36495" s="2">
        <v>0</v>
      </c>
      <c r="J36495" s="2">
        <v>0</v>
      </c>
      <c r="K36495" s="2">
        <v>1</v>
      </c>
      <c r="L36495" t="s">
        <v>995</v>
      </c>
      <c r="M36495" t="s">
        <v>87</v>
      </c>
      <c r="N36495" t="s">
        <v>88</v>
      </c>
      <c r="O36495" t="s">
        <v>85</v>
      </c>
      <c r="P36495" t="s">
        <v>86</v>
      </c>
      <c r="Q36495">
        <v>14</v>
      </c>
      <c r="R36495">
        <v>14</v>
      </c>
      <c r="S36495">
        <v>14</v>
      </c>
      <c r="T36495">
        <v>14</v>
      </c>
      <c r="U36495">
        <v>14</v>
      </c>
      <c r="V36495">
        <v>14</v>
      </c>
      <c r="W36495">
        <v>14</v>
      </c>
      <c r="X36495">
        <v>14</v>
      </c>
      <c r="Y36495">
        <v>14</v>
      </c>
      <c r="Z36495">
        <v>14</v>
      </c>
      <c r="AA36495">
        <v>14</v>
      </c>
      <c r="AB36495">
        <v>14</v>
      </c>
      <c r="AC36495">
        <v>14</v>
      </c>
      <c r="AD36495">
        <v>14</v>
      </c>
      <c r="AE36495">
        <v>14</v>
      </c>
      <c r="AF36495">
        <v>14</v>
      </c>
      <c r="AG36495">
        <v>14</v>
      </c>
      <c r="AH36495">
        <v>14</v>
      </c>
      <c r="AI36495">
        <v>14</v>
      </c>
      <c r="AJ36495">
        <v>14</v>
      </c>
      <c r="AK36495">
        <v>14</v>
      </c>
      <c r="AL36495">
        <v>14</v>
      </c>
      <c r="AM36495">
        <v>14</v>
      </c>
      <c r="AN36495">
        <v>14</v>
      </c>
      <c r="AO36495">
        <v>14</v>
      </c>
      <c r="AP36495">
        <v>14</v>
      </c>
      <c r="AQ36495">
        <v>14</v>
      </c>
    </row>
    <row r="36496" spans="1:43">
      <c r="A36496" t="s">
        <v>22623</v>
      </c>
      <c r="B36496" t="s">
        <v>22624</v>
      </c>
      <c r="C36496" t="s">
        <v>22625</v>
      </c>
      <c r="D36496" t="s">
        <v>22626</v>
      </c>
      <c r="E36496" t="s">
        <v>22537</v>
      </c>
      <c r="F36496" t="s">
        <v>22538</v>
      </c>
      <c r="G36496" t="s">
        <v>22539</v>
      </c>
      <c r="H36496" t="s">
        <v>22540</v>
      </c>
      <c r="I36496" s="2">
        <v>0</v>
      </c>
      <c r="J36496" s="2">
        <v>0</v>
      </c>
      <c r="K36496" s="2">
        <v>1</v>
      </c>
      <c r="L36496" t="s">
        <v>995</v>
      </c>
      <c r="M36496" t="s">
        <v>89</v>
      </c>
      <c r="N36496" t="s">
        <v>90</v>
      </c>
      <c r="O36496" t="s">
        <v>85</v>
      </c>
      <c r="P36496" t="s">
        <v>86</v>
      </c>
      <c r="Q36496">
        <v>14</v>
      </c>
      <c r="R36496">
        <v>14</v>
      </c>
      <c r="S36496">
        <v>14</v>
      </c>
      <c r="T36496">
        <v>15</v>
      </c>
      <c r="U36496">
        <v>15</v>
      </c>
      <c r="V36496">
        <v>15</v>
      </c>
      <c r="W36496">
        <v>15</v>
      </c>
      <c r="X36496">
        <v>16</v>
      </c>
      <c r="Y36496">
        <v>16</v>
      </c>
      <c r="Z36496">
        <v>16</v>
      </c>
      <c r="AA36496">
        <v>16</v>
      </c>
      <c r="AB36496">
        <v>16</v>
      </c>
      <c r="AC36496">
        <v>17</v>
      </c>
      <c r="AD36496">
        <v>17</v>
      </c>
      <c r="AE36496">
        <v>17</v>
      </c>
      <c r="AF36496">
        <v>17</v>
      </c>
      <c r="AG36496">
        <v>17</v>
      </c>
      <c r="AH36496">
        <v>17</v>
      </c>
      <c r="AI36496">
        <v>17</v>
      </c>
      <c r="AJ36496">
        <v>17</v>
      </c>
      <c r="AK36496">
        <v>17</v>
      </c>
      <c r="AL36496">
        <v>16</v>
      </c>
      <c r="AM36496">
        <v>16</v>
      </c>
      <c r="AN36496">
        <v>16</v>
      </c>
      <c r="AO36496">
        <v>16</v>
      </c>
      <c r="AP36496">
        <v>16</v>
      </c>
      <c r="AQ36496">
        <v>16</v>
      </c>
    </row>
    <row r="36497" spans="1:43">
      <c r="A36497" t="s">
        <v>22623</v>
      </c>
      <c r="B36497" t="s">
        <v>22624</v>
      </c>
      <c r="C36497" t="s">
        <v>22625</v>
      </c>
      <c r="D36497" t="s">
        <v>22626</v>
      </c>
      <c r="E36497" t="s">
        <v>22537</v>
      </c>
      <c r="F36497" t="s">
        <v>22538</v>
      </c>
      <c r="G36497" t="s">
        <v>22539</v>
      </c>
      <c r="H36497" t="s">
        <v>22540</v>
      </c>
      <c r="I36497" s="2">
        <v>0</v>
      </c>
      <c r="J36497" s="2">
        <v>0</v>
      </c>
      <c r="K36497" s="2">
        <v>1</v>
      </c>
      <c r="L36497" t="s">
        <v>995</v>
      </c>
      <c r="M36497" t="s">
        <v>83</v>
      </c>
      <c r="N36497" t="s">
        <v>91</v>
      </c>
      <c r="O36497" t="s">
        <v>85</v>
      </c>
      <c r="P36497" t="s">
        <v>86</v>
      </c>
      <c r="Q36497">
        <v>14</v>
      </c>
      <c r="R36497">
        <v>14</v>
      </c>
      <c r="S36497">
        <v>14</v>
      </c>
      <c r="T36497">
        <v>14</v>
      </c>
      <c r="U36497">
        <v>14</v>
      </c>
      <c r="V36497">
        <v>14</v>
      </c>
      <c r="W36497">
        <v>15</v>
      </c>
      <c r="X36497">
        <v>15</v>
      </c>
      <c r="Y36497">
        <v>15</v>
      </c>
      <c r="Z36497">
        <v>15</v>
      </c>
      <c r="AA36497">
        <v>15</v>
      </c>
      <c r="AB36497">
        <v>15</v>
      </c>
      <c r="AC36497">
        <v>15</v>
      </c>
      <c r="AD36497">
        <v>16</v>
      </c>
      <c r="AE36497">
        <v>16</v>
      </c>
      <c r="AF36497">
        <v>16</v>
      </c>
      <c r="AG36497">
        <v>16</v>
      </c>
      <c r="AH36497">
        <v>16</v>
      </c>
      <c r="AI36497">
        <v>16</v>
      </c>
      <c r="AJ36497">
        <v>16</v>
      </c>
      <c r="AK36497">
        <v>16</v>
      </c>
      <c r="AL36497">
        <v>16</v>
      </c>
      <c r="AM36497">
        <v>16</v>
      </c>
      <c r="AN36497">
        <v>16</v>
      </c>
      <c r="AO36497">
        <v>16</v>
      </c>
      <c r="AP36497">
        <v>16</v>
      </c>
      <c r="AQ36497">
        <v>16</v>
      </c>
    </row>
    <row r="36498" spans="1:43">
      <c r="A36498" t="s">
        <v>22627</v>
      </c>
      <c r="B36498" t="s">
        <v>22628</v>
      </c>
      <c r="C36498" t="s">
        <v>22625</v>
      </c>
      <c r="D36498" t="s">
        <v>22626</v>
      </c>
      <c r="E36498" t="s">
        <v>22537</v>
      </c>
      <c r="F36498" t="s">
        <v>22538</v>
      </c>
      <c r="G36498" t="s">
        <v>22539</v>
      </c>
      <c r="H36498" t="s">
        <v>22540</v>
      </c>
      <c r="I36498" s="2">
        <v>0</v>
      </c>
      <c r="J36498" s="2">
        <v>0</v>
      </c>
      <c r="K36498" s="2">
        <v>1</v>
      </c>
      <c r="L36498" t="s">
        <v>995</v>
      </c>
      <c r="M36498" t="s">
        <v>83</v>
      </c>
      <c r="N36498" t="s">
        <v>84</v>
      </c>
      <c r="O36498" t="s">
        <v>85</v>
      </c>
      <c r="P36498" t="s">
        <v>86</v>
      </c>
      <c r="Q36498">
        <v>11</v>
      </c>
      <c r="R36498">
        <v>11</v>
      </c>
      <c r="S36498">
        <v>11</v>
      </c>
      <c r="T36498">
        <v>12</v>
      </c>
      <c r="U36498">
        <v>12</v>
      </c>
      <c r="V36498">
        <v>12</v>
      </c>
      <c r="W36498">
        <v>12</v>
      </c>
      <c r="X36498">
        <v>12</v>
      </c>
      <c r="Y36498">
        <v>12</v>
      </c>
      <c r="Z36498">
        <v>12</v>
      </c>
      <c r="AA36498">
        <v>12</v>
      </c>
      <c r="AB36498">
        <v>13</v>
      </c>
      <c r="AC36498">
        <v>13</v>
      </c>
      <c r="AD36498">
        <v>13</v>
      </c>
      <c r="AE36498">
        <v>13</v>
      </c>
      <c r="AF36498">
        <v>13</v>
      </c>
      <c r="AG36498">
        <v>13</v>
      </c>
      <c r="AH36498">
        <v>13</v>
      </c>
      <c r="AI36498">
        <v>13</v>
      </c>
      <c r="AJ36498">
        <v>13</v>
      </c>
      <c r="AK36498">
        <v>13</v>
      </c>
      <c r="AL36498">
        <v>13</v>
      </c>
      <c r="AM36498">
        <v>13</v>
      </c>
      <c r="AN36498">
        <v>13</v>
      </c>
      <c r="AO36498">
        <v>13</v>
      </c>
      <c r="AP36498">
        <v>13</v>
      </c>
      <c r="AQ36498">
        <v>13</v>
      </c>
    </row>
    <row r="36499" spans="1:43">
      <c r="A36499" t="s">
        <v>22627</v>
      </c>
      <c r="B36499" t="s">
        <v>22628</v>
      </c>
      <c r="C36499" t="s">
        <v>22625</v>
      </c>
      <c r="D36499" t="s">
        <v>22626</v>
      </c>
      <c r="E36499" t="s">
        <v>22537</v>
      </c>
      <c r="F36499" t="s">
        <v>22538</v>
      </c>
      <c r="G36499" t="s">
        <v>22539</v>
      </c>
      <c r="H36499" t="s">
        <v>22540</v>
      </c>
      <c r="I36499" s="2">
        <v>0</v>
      </c>
      <c r="J36499" s="2">
        <v>0</v>
      </c>
      <c r="K36499" s="2">
        <v>1</v>
      </c>
      <c r="L36499" t="s">
        <v>995</v>
      </c>
      <c r="M36499" t="s">
        <v>87</v>
      </c>
      <c r="N36499" t="s">
        <v>88</v>
      </c>
      <c r="O36499" t="s">
        <v>85</v>
      </c>
      <c r="P36499" t="s">
        <v>86</v>
      </c>
      <c r="Q36499">
        <v>11</v>
      </c>
      <c r="R36499">
        <v>11</v>
      </c>
      <c r="S36499">
        <v>11</v>
      </c>
      <c r="T36499">
        <v>11</v>
      </c>
      <c r="U36499">
        <v>11</v>
      </c>
      <c r="V36499">
        <v>11</v>
      </c>
      <c r="W36499">
        <v>11</v>
      </c>
      <c r="X36499">
        <v>11</v>
      </c>
      <c r="Y36499">
        <v>11</v>
      </c>
      <c r="Z36499">
        <v>11</v>
      </c>
      <c r="AA36499">
        <v>11</v>
      </c>
      <c r="AB36499">
        <v>11</v>
      </c>
      <c r="AC36499">
        <v>11</v>
      </c>
      <c r="AD36499">
        <v>11</v>
      </c>
      <c r="AE36499">
        <v>11</v>
      </c>
      <c r="AF36499">
        <v>11</v>
      </c>
      <c r="AG36499">
        <v>11</v>
      </c>
      <c r="AH36499">
        <v>11</v>
      </c>
      <c r="AI36499">
        <v>11</v>
      </c>
      <c r="AJ36499">
        <v>11</v>
      </c>
      <c r="AK36499">
        <v>11</v>
      </c>
      <c r="AL36499">
        <v>11</v>
      </c>
      <c r="AM36499">
        <v>11</v>
      </c>
      <c r="AN36499">
        <v>11</v>
      </c>
      <c r="AO36499">
        <v>11</v>
      </c>
      <c r="AP36499">
        <v>11</v>
      </c>
      <c r="AQ36499">
        <v>11</v>
      </c>
    </row>
    <row r="36500" spans="1:43">
      <c r="A36500" t="s">
        <v>22627</v>
      </c>
      <c r="B36500" t="s">
        <v>22628</v>
      </c>
      <c r="C36500" t="s">
        <v>22625</v>
      </c>
      <c r="D36500" t="s">
        <v>22626</v>
      </c>
      <c r="E36500" t="s">
        <v>22537</v>
      </c>
      <c r="F36500" t="s">
        <v>22538</v>
      </c>
      <c r="G36500" t="s">
        <v>22539</v>
      </c>
      <c r="H36500" t="s">
        <v>22540</v>
      </c>
      <c r="I36500" s="2">
        <v>0</v>
      </c>
      <c r="J36500" s="2">
        <v>0</v>
      </c>
      <c r="K36500" s="2">
        <v>1</v>
      </c>
      <c r="L36500" t="s">
        <v>995</v>
      </c>
      <c r="M36500" t="s">
        <v>89</v>
      </c>
      <c r="N36500" t="s">
        <v>90</v>
      </c>
      <c r="O36500" t="s">
        <v>85</v>
      </c>
      <c r="P36500" t="s">
        <v>86</v>
      </c>
      <c r="Q36500">
        <v>11</v>
      </c>
      <c r="R36500">
        <v>12</v>
      </c>
      <c r="S36500">
        <v>12</v>
      </c>
      <c r="T36500">
        <v>12</v>
      </c>
      <c r="U36500">
        <v>12</v>
      </c>
      <c r="V36500">
        <v>12</v>
      </c>
      <c r="W36500">
        <v>13</v>
      </c>
      <c r="X36500">
        <v>13</v>
      </c>
      <c r="Y36500">
        <v>13</v>
      </c>
      <c r="Z36500">
        <v>13</v>
      </c>
      <c r="AA36500">
        <v>13</v>
      </c>
      <c r="AB36500">
        <v>13</v>
      </c>
      <c r="AC36500">
        <v>14</v>
      </c>
      <c r="AD36500">
        <v>14</v>
      </c>
      <c r="AE36500">
        <v>14</v>
      </c>
      <c r="AF36500">
        <v>14</v>
      </c>
      <c r="AG36500">
        <v>14</v>
      </c>
      <c r="AH36500">
        <v>14</v>
      </c>
      <c r="AI36500">
        <v>14</v>
      </c>
      <c r="AJ36500">
        <v>14</v>
      </c>
      <c r="AK36500">
        <v>14</v>
      </c>
      <c r="AL36500">
        <v>13</v>
      </c>
      <c r="AM36500">
        <v>13</v>
      </c>
      <c r="AN36500">
        <v>13</v>
      </c>
      <c r="AO36500">
        <v>13</v>
      </c>
      <c r="AP36500">
        <v>13</v>
      </c>
      <c r="AQ36500">
        <v>13</v>
      </c>
    </row>
    <row r="36501" spans="1:43">
      <c r="A36501" t="s">
        <v>22627</v>
      </c>
      <c r="B36501" t="s">
        <v>22628</v>
      </c>
      <c r="C36501" t="s">
        <v>22625</v>
      </c>
      <c r="D36501" t="s">
        <v>22626</v>
      </c>
      <c r="E36501" t="s">
        <v>22537</v>
      </c>
      <c r="F36501" t="s">
        <v>22538</v>
      </c>
      <c r="G36501" t="s">
        <v>22539</v>
      </c>
      <c r="H36501" t="s">
        <v>22540</v>
      </c>
      <c r="I36501" s="2">
        <v>0</v>
      </c>
      <c r="J36501" s="2">
        <v>0</v>
      </c>
      <c r="K36501" s="2">
        <v>1</v>
      </c>
      <c r="L36501" t="s">
        <v>995</v>
      </c>
      <c r="M36501" t="s">
        <v>83</v>
      </c>
      <c r="N36501" t="s">
        <v>91</v>
      </c>
      <c r="O36501" t="s">
        <v>85</v>
      </c>
      <c r="P36501" t="s">
        <v>86</v>
      </c>
      <c r="Q36501">
        <v>11</v>
      </c>
      <c r="R36501">
        <v>11</v>
      </c>
      <c r="S36501">
        <v>11</v>
      </c>
      <c r="T36501">
        <v>12</v>
      </c>
      <c r="U36501">
        <v>12</v>
      </c>
      <c r="V36501">
        <v>12</v>
      </c>
      <c r="W36501">
        <v>12</v>
      </c>
      <c r="X36501">
        <v>12</v>
      </c>
      <c r="Y36501">
        <v>12</v>
      </c>
      <c r="Z36501">
        <v>12</v>
      </c>
      <c r="AA36501">
        <v>12</v>
      </c>
      <c r="AB36501">
        <v>13</v>
      </c>
      <c r="AC36501">
        <v>13</v>
      </c>
      <c r="AD36501">
        <v>13</v>
      </c>
      <c r="AE36501">
        <v>13</v>
      </c>
      <c r="AF36501">
        <v>13</v>
      </c>
      <c r="AG36501">
        <v>13</v>
      </c>
      <c r="AH36501">
        <v>13</v>
      </c>
      <c r="AI36501">
        <v>13</v>
      </c>
      <c r="AJ36501">
        <v>13</v>
      </c>
      <c r="AK36501">
        <v>13</v>
      </c>
      <c r="AL36501">
        <v>13</v>
      </c>
      <c r="AM36501">
        <v>13</v>
      </c>
      <c r="AN36501">
        <v>13</v>
      </c>
      <c r="AO36501">
        <v>13</v>
      </c>
      <c r="AP36501">
        <v>13</v>
      </c>
      <c r="AQ36501">
        <v>13</v>
      </c>
    </row>
    <row r="36502" spans="1:43">
      <c r="A36502" t="s">
        <v>22629</v>
      </c>
      <c r="B36502" t="s">
        <v>22630</v>
      </c>
      <c r="C36502" t="s">
        <v>22625</v>
      </c>
      <c r="D36502" t="s">
        <v>22626</v>
      </c>
      <c r="E36502" t="s">
        <v>22537</v>
      </c>
      <c r="F36502" t="s">
        <v>22538</v>
      </c>
      <c r="G36502" t="s">
        <v>22539</v>
      </c>
      <c r="H36502" t="s">
        <v>22540</v>
      </c>
      <c r="I36502" s="2">
        <v>0</v>
      </c>
      <c r="J36502" s="2">
        <v>0</v>
      </c>
      <c r="K36502" s="2">
        <v>1</v>
      </c>
      <c r="L36502" t="s">
        <v>995</v>
      </c>
      <c r="M36502" t="s">
        <v>83</v>
      </c>
      <c r="N36502" t="s">
        <v>84</v>
      </c>
      <c r="O36502" t="s">
        <v>85</v>
      </c>
      <c r="P36502" t="s">
        <v>86</v>
      </c>
      <c r="Q36502">
        <v>41</v>
      </c>
      <c r="R36502">
        <v>42</v>
      </c>
      <c r="S36502">
        <v>42</v>
      </c>
      <c r="T36502">
        <v>43</v>
      </c>
      <c r="U36502">
        <v>43</v>
      </c>
      <c r="V36502">
        <v>43</v>
      </c>
      <c r="W36502">
        <v>44</v>
      </c>
      <c r="X36502">
        <v>44</v>
      </c>
      <c r="Y36502">
        <v>45</v>
      </c>
      <c r="Z36502">
        <v>45</v>
      </c>
      <c r="AA36502">
        <v>46</v>
      </c>
      <c r="AB36502">
        <v>46</v>
      </c>
      <c r="AC36502">
        <v>47</v>
      </c>
      <c r="AD36502">
        <v>47</v>
      </c>
      <c r="AE36502">
        <v>47</v>
      </c>
      <c r="AF36502">
        <v>48</v>
      </c>
      <c r="AG36502">
        <v>48</v>
      </c>
      <c r="AH36502">
        <v>48</v>
      </c>
      <c r="AI36502">
        <v>49</v>
      </c>
      <c r="AJ36502">
        <v>49</v>
      </c>
      <c r="AK36502">
        <v>49</v>
      </c>
      <c r="AL36502">
        <v>49</v>
      </c>
      <c r="AM36502">
        <v>49</v>
      </c>
      <c r="AN36502">
        <v>49</v>
      </c>
      <c r="AO36502">
        <v>49</v>
      </c>
      <c r="AP36502">
        <v>49</v>
      </c>
      <c r="AQ36502">
        <v>49</v>
      </c>
    </row>
    <row r="36503" spans="1:43">
      <c r="A36503" t="s">
        <v>22629</v>
      </c>
      <c r="B36503" t="s">
        <v>22630</v>
      </c>
      <c r="C36503" t="s">
        <v>22625</v>
      </c>
      <c r="D36503" t="s">
        <v>22626</v>
      </c>
      <c r="E36503" t="s">
        <v>22537</v>
      </c>
      <c r="F36503" t="s">
        <v>22538</v>
      </c>
      <c r="G36503" t="s">
        <v>22539</v>
      </c>
      <c r="H36503" t="s">
        <v>22540</v>
      </c>
      <c r="I36503" s="2">
        <v>0</v>
      </c>
      <c r="J36503" s="2">
        <v>0</v>
      </c>
      <c r="K36503" s="2">
        <v>1</v>
      </c>
      <c r="L36503" t="s">
        <v>995</v>
      </c>
      <c r="M36503" t="s">
        <v>87</v>
      </c>
      <c r="N36503" t="s">
        <v>88</v>
      </c>
      <c r="O36503" t="s">
        <v>85</v>
      </c>
      <c r="P36503" t="s">
        <v>86</v>
      </c>
      <c r="Q36503">
        <v>41</v>
      </c>
      <c r="R36503">
        <v>41</v>
      </c>
      <c r="S36503">
        <v>41</v>
      </c>
      <c r="T36503">
        <v>41</v>
      </c>
      <c r="U36503">
        <v>41</v>
      </c>
      <c r="V36503">
        <v>41</v>
      </c>
      <c r="W36503">
        <v>41</v>
      </c>
      <c r="X36503">
        <v>41</v>
      </c>
      <c r="Y36503">
        <v>41</v>
      </c>
      <c r="Z36503">
        <v>42</v>
      </c>
      <c r="AA36503">
        <v>42</v>
      </c>
      <c r="AB36503">
        <v>42</v>
      </c>
      <c r="AC36503">
        <v>42</v>
      </c>
      <c r="AD36503">
        <v>42</v>
      </c>
      <c r="AE36503">
        <v>42</v>
      </c>
      <c r="AF36503">
        <v>42</v>
      </c>
      <c r="AG36503">
        <v>42</v>
      </c>
      <c r="AH36503">
        <v>42</v>
      </c>
      <c r="AI36503">
        <v>42</v>
      </c>
      <c r="AJ36503">
        <v>42</v>
      </c>
      <c r="AK36503">
        <v>42</v>
      </c>
      <c r="AL36503">
        <v>42</v>
      </c>
      <c r="AM36503">
        <v>42</v>
      </c>
      <c r="AN36503">
        <v>42</v>
      </c>
      <c r="AO36503">
        <v>42</v>
      </c>
      <c r="AP36503">
        <v>42</v>
      </c>
      <c r="AQ36503">
        <v>42</v>
      </c>
    </row>
    <row r="36504" spans="1:43">
      <c r="A36504" t="s">
        <v>22629</v>
      </c>
      <c r="B36504" t="s">
        <v>22630</v>
      </c>
      <c r="C36504" t="s">
        <v>22625</v>
      </c>
      <c r="D36504" t="s">
        <v>22626</v>
      </c>
      <c r="E36504" t="s">
        <v>22537</v>
      </c>
      <c r="F36504" t="s">
        <v>22538</v>
      </c>
      <c r="G36504" t="s">
        <v>22539</v>
      </c>
      <c r="H36504" t="s">
        <v>22540</v>
      </c>
      <c r="I36504" s="2">
        <v>0</v>
      </c>
      <c r="J36504" s="2">
        <v>0</v>
      </c>
      <c r="K36504" s="2">
        <v>1</v>
      </c>
      <c r="L36504" t="s">
        <v>995</v>
      </c>
      <c r="M36504" t="s">
        <v>89</v>
      </c>
      <c r="N36504" t="s">
        <v>90</v>
      </c>
      <c r="O36504" t="s">
        <v>85</v>
      </c>
      <c r="P36504" t="s">
        <v>86</v>
      </c>
      <c r="Q36504">
        <v>41</v>
      </c>
      <c r="R36504">
        <v>42</v>
      </c>
      <c r="S36504">
        <v>43</v>
      </c>
      <c r="T36504">
        <v>44</v>
      </c>
      <c r="U36504">
        <v>45</v>
      </c>
      <c r="V36504">
        <v>45</v>
      </c>
      <c r="W36504">
        <v>46</v>
      </c>
      <c r="X36504">
        <v>47</v>
      </c>
      <c r="Y36504">
        <v>48</v>
      </c>
      <c r="Z36504">
        <v>48</v>
      </c>
      <c r="AA36504">
        <v>49</v>
      </c>
      <c r="AB36504">
        <v>49</v>
      </c>
      <c r="AC36504">
        <v>50</v>
      </c>
      <c r="AD36504">
        <v>50</v>
      </c>
      <c r="AE36504">
        <v>51</v>
      </c>
      <c r="AF36504">
        <v>51</v>
      </c>
      <c r="AG36504">
        <v>51</v>
      </c>
      <c r="AH36504">
        <v>50</v>
      </c>
      <c r="AI36504">
        <v>50</v>
      </c>
      <c r="AJ36504">
        <v>50</v>
      </c>
      <c r="AK36504">
        <v>50</v>
      </c>
      <c r="AL36504">
        <v>50</v>
      </c>
      <c r="AM36504">
        <v>50</v>
      </c>
      <c r="AN36504">
        <v>50</v>
      </c>
      <c r="AO36504">
        <v>49</v>
      </c>
      <c r="AP36504">
        <v>49</v>
      </c>
      <c r="AQ36504">
        <v>49</v>
      </c>
    </row>
    <row r="36505" spans="1:43">
      <c r="A36505" t="s">
        <v>22629</v>
      </c>
      <c r="B36505" t="s">
        <v>22630</v>
      </c>
      <c r="C36505" t="s">
        <v>22625</v>
      </c>
      <c r="D36505" t="s">
        <v>22626</v>
      </c>
      <c r="E36505" t="s">
        <v>22537</v>
      </c>
      <c r="F36505" t="s">
        <v>22538</v>
      </c>
      <c r="G36505" t="s">
        <v>22539</v>
      </c>
      <c r="H36505" t="s">
        <v>22540</v>
      </c>
      <c r="I36505" s="2">
        <v>0</v>
      </c>
      <c r="J36505" s="2">
        <v>0</v>
      </c>
      <c r="K36505" s="2">
        <v>1</v>
      </c>
      <c r="L36505" t="s">
        <v>995</v>
      </c>
      <c r="M36505" t="s">
        <v>83</v>
      </c>
      <c r="N36505" t="s">
        <v>91</v>
      </c>
      <c r="O36505" t="s">
        <v>85</v>
      </c>
      <c r="P36505" t="s">
        <v>86</v>
      </c>
      <c r="Q36505">
        <v>41</v>
      </c>
      <c r="R36505">
        <v>42</v>
      </c>
      <c r="S36505">
        <v>42</v>
      </c>
      <c r="T36505">
        <v>43</v>
      </c>
      <c r="U36505">
        <v>43</v>
      </c>
      <c r="V36505">
        <v>43</v>
      </c>
      <c r="W36505">
        <v>44</v>
      </c>
      <c r="X36505">
        <v>44</v>
      </c>
      <c r="Y36505">
        <v>45</v>
      </c>
      <c r="Z36505">
        <v>45</v>
      </c>
      <c r="AA36505">
        <v>46</v>
      </c>
      <c r="AB36505">
        <v>46</v>
      </c>
      <c r="AC36505">
        <v>47</v>
      </c>
      <c r="AD36505">
        <v>47</v>
      </c>
      <c r="AE36505">
        <v>47</v>
      </c>
      <c r="AF36505">
        <v>48</v>
      </c>
      <c r="AG36505">
        <v>48</v>
      </c>
      <c r="AH36505">
        <v>48</v>
      </c>
      <c r="AI36505">
        <v>49</v>
      </c>
      <c r="AJ36505">
        <v>49</v>
      </c>
      <c r="AK36505">
        <v>49</v>
      </c>
      <c r="AL36505">
        <v>49</v>
      </c>
      <c r="AM36505">
        <v>49</v>
      </c>
      <c r="AN36505">
        <v>49</v>
      </c>
      <c r="AO36505">
        <v>49</v>
      </c>
      <c r="AP36505">
        <v>49</v>
      </c>
      <c r="AQ36505">
        <v>49</v>
      </c>
    </row>
    <row r="36506" spans="1:43">
      <c r="A36506" t="s">
        <v>22631</v>
      </c>
      <c r="B36506" t="s">
        <v>22632</v>
      </c>
      <c r="C36506" t="s">
        <v>22625</v>
      </c>
      <c r="D36506" t="s">
        <v>22626</v>
      </c>
      <c r="E36506" t="s">
        <v>22537</v>
      </c>
      <c r="F36506" t="s">
        <v>22538</v>
      </c>
      <c r="G36506" t="s">
        <v>22539</v>
      </c>
      <c r="H36506" t="s">
        <v>22540</v>
      </c>
      <c r="I36506" s="2">
        <v>0</v>
      </c>
      <c r="J36506" s="2">
        <v>0</v>
      </c>
      <c r="K36506" s="2">
        <v>1</v>
      </c>
      <c r="L36506" t="s">
        <v>995</v>
      </c>
      <c r="M36506" t="s">
        <v>83</v>
      </c>
      <c r="N36506" t="s">
        <v>84</v>
      </c>
      <c r="O36506" t="s">
        <v>85</v>
      </c>
      <c r="P36506" t="s">
        <v>86</v>
      </c>
      <c r="Q36506">
        <v>9</v>
      </c>
      <c r="R36506">
        <v>9</v>
      </c>
      <c r="S36506">
        <v>9</v>
      </c>
      <c r="T36506">
        <v>9</v>
      </c>
      <c r="U36506">
        <v>9</v>
      </c>
      <c r="V36506">
        <v>10</v>
      </c>
      <c r="W36506">
        <v>10</v>
      </c>
      <c r="X36506">
        <v>10</v>
      </c>
      <c r="Y36506">
        <v>10</v>
      </c>
      <c r="Z36506">
        <v>10</v>
      </c>
      <c r="AA36506">
        <v>10</v>
      </c>
      <c r="AB36506">
        <v>10</v>
      </c>
      <c r="AC36506">
        <v>10</v>
      </c>
      <c r="AD36506">
        <v>10</v>
      </c>
      <c r="AE36506">
        <v>10</v>
      </c>
      <c r="AF36506">
        <v>10</v>
      </c>
      <c r="AG36506">
        <v>11</v>
      </c>
      <c r="AH36506">
        <v>11</v>
      </c>
      <c r="AI36506">
        <v>11</v>
      </c>
      <c r="AJ36506">
        <v>11</v>
      </c>
      <c r="AK36506">
        <v>11</v>
      </c>
      <c r="AL36506">
        <v>11</v>
      </c>
      <c r="AM36506">
        <v>11</v>
      </c>
      <c r="AN36506">
        <v>11</v>
      </c>
      <c r="AO36506">
        <v>11</v>
      </c>
      <c r="AP36506">
        <v>11</v>
      </c>
      <c r="AQ36506">
        <v>11</v>
      </c>
    </row>
    <row r="36507" spans="1:43">
      <c r="A36507" t="s">
        <v>22631</v>
      </c>
      <c r="B36507" t="s">
        <v>22632</v>
      </c>
      <c r="C36507" t="s">
        <v>22625</v>
      </c>
      <c r="D36507" t="s">
        <v>22626</v>
      </c>
      <c r="E36507" t="s">
        <v>22537</v>
      </c>
      <c r="F36507" t="s">
        <v>22538</v>
      </c>
      <c r="G36507" t="s">
        <v>22539</v>
      </c>
      <c r="H36507" t="s">
        <v>22540</v>
      </c>
      <c r="I36507" s="2">
        <v>0</v>
      </c>
      <c r="J36507" s="2">
        <v>0</v>
      </c>
      <c r="K36507" s="2">
        <v>1</v>
      </c>
      <c r="L36507" t="s">
        <v>995</v>
      </c>
      <c r="M36507" t="s">
        <v>87</v>
      </c>
      <c r="N36507" t="s">
        <v>88</v>
      </c>
      <c r="O36507" t="s">
        <v>85</v>
      </c>
      <c r="P36507" t="s">
        <v>86</v>
      </c>
      <c r="Q36507">
        <v>9</v>
      </c>
      <c r="R36507">
        <v>9</v>
      </c>
      <c r="S36507">
        <v>9</v>
      </c>
      <c r="T36507">
        <v>9</v>
      </c>
      <c r="U36507">
        <v>9</v>
      </c>
      <c r="V36507">
        <v>9</v>
      </c>
      <c r="W36507">
        <v>9</v>
      </c>
      <c r="X36507">
        <v>9</v>
      </c>
      <c r="Y36507">
        <v>9</v>
      </c>
      <c r="Z36507">
        <v>9</v>
      </c>
      <c r="AA36507">
        <v>9</v>
      </c>
      <c r="AB36507">
        <v>9</v>
      </c>
      <c r="AC36507">
        <v>9</v>
      </c>
      <c r="AD36507">
        <v>9</v>
      </c>
      <c r="AE36507">
        <v>9</v>
      </c>
      <c r="AF36507">
        <v>9</v>
      </c>
      <c r="AG36507">
        <v>9</v>
      </c>
      <c r="AH36507">
        <v>9</v>
      </c>
      <c r="AI36507">
        <v>9</v>
      </c>
      <c r="AJ36507">
        <v>9</v>
      </c>
      <c r="AK36507">
        <v>9</v>
      </c>
      <c r="AL36507">
        <v>9</v>
      </c>
      <c r="AM36507">
        <v>9</v>
      </c>
      <c r="AN36507">
        <v>9</v>
      </c>
      <c r="AO36507">
        <v>9</v>
      </c>
      <c r="AP36507">
        <v>9</v>
      </c>
      <c r="AQ36507">
        <v>9</v>
      </c>
    </row>
    <row r="36508" spans="1:43">
      <c r="A36508" t="s">
        <v>22631</v>
      </c>
      <c r="B36508" t="s">
        <v>22632</v>
      </c>
      <c r="C36508" t="s">
        <v>22625</v>
      </c>
      <c r="D36508" t="s">
        <v>22626</v>
      </c>
      <c r="E36508" t="s">
        <v>22537</v>
      </c>
      <c r="F36508" t="s">
        <v>22538</v>
      </c>
      <c r="G36508" t="s">
        <v>22539</v>
      </c>
      <c r="H36508" t="s">
        <v>22540</v>
      </c>
      <c r="I36508" s="2">
        <v>0</v>
      </c>
      <c r="J36508" s="2">
        <v>0</v>
      </c>
      <c r="K36508" s="2">
        <v>1</v>
      </c>
      <c r="L36508" t="s">
        <v>995</v>
      </c>
      <c r="M36508" t="s">
        <v>89</v>
      </c>
      <c r="N36508" t="s">
        <v>90</v>
      </c>
      <c r="O36508" t="s">
        <v>85</v>
      </c>
      <c r="P36508" t="s">
        <v>86</v>
      </c>
      <c r="Q36508">
        <v>9</v>
      </c>
      <c r="R36508">
        <v>9</v>
      </c>
      <c r="S36508">
        <v>9</v>
      </c>
      <c r="T36508">
        <v>10</v>
      </c>
      <c r="U36508">
        <v>10</v>
      </c>
      <c r="V36508">
        <v>10</v>
      </c>
      <c r="W36508">
        <v>10</v>
      </c>
      <c r="X36508">
        <v>10</v>
      </c>
      <c r="Y36508">
        <v>10</v>
      </c>
      <c r="Z36508">
        <v>11</v>
      </c>
      <c r="AA36508">
        <v>11</v>
      </c>
      <c r="AB36508">
        <v>11</v>
      </c>
      <c r="AC36508">
        <v>11</v>
      </c>
      <c r="AD36508">
        <v>11</v>
      </c>
      <c r="AE36508">
        <v>11</v>
      </c>
      <c r="AF36508">
        <v>11</v>
      </c>
      <c r="AG36508">
        <v>11</v>
      </c>
      <c r="AH36508">
        <v>11</v>
      </c>
      <c r="AI36508">
        <v>11</v>
      </c>
      <c r="AJ36508">
        <v>11</v>
      </c>
      <c r="AK36508">
        <v>11</v>
      </c>
      <c r="AL36508">
        <v>11</v>
      </c>
      <c r="AM36508">
        <v>11</v>
      </c>
      <c r="AN36508">
        <v>11</v>
      </c>
      <c r="AO36508">
        <v>11</v>
      </c>
      <c r="AP36508">
        <v>11</v>
      </c>
      <c r="AQ36508">
        <v>11</v>
      </c>
    </row>
    <row r="36509" spans="1:43">
      <c r="A36509" t="s">
        <v>22631</v>
      </c>
      <c r="B36509" t="s">
        <v>22632</v>
      </c>
      <c r="C36509" t="s">
        <v>22625</v>
      </c>
      <c r="D36509" t="s">
        <v>22626</v>
      </c>
      <c r="E36509" t="s">
        <v>22537</v>
      </c>
      <c r="F36509" t="s">
        <v>22538</v>
      </c>
      <c r="G36509" t="s">
        <v>22539</v>
      </c>
      <c r="H36509" t="s">
        <v>22540</v>
      </c>
      <c r="I36509" s="2">
        <v>0</v>
      </c>
      <c r="J36509" s="2">
        <v>0</v>
      </c>
      <c r="K36509" s="2">
        <v>1</v>
      </c>
      <c r="L36509" t="s">
        <v>995</v>
      </c>
      <c r="M36509" t="s">
        <v>83</v>
      </c>
      <c r="N36509" t="s">
        <v>91</v>
      </c>
      <c r="O36509" t="s">
        <v>85</v>
      </c>
      <c r="P36509" t="s">
        <v>86</v>
      </c>
      <c r="Q36509">
        <v>9</v>
      </c>
      <c r="R36509">
        <v>9</v>
      </c>
      <c r="S36509">
        <v>9</v>
      </c>
      <c r="T36509">
        <v>9</v>
      </c>
      <c r="U36509">
        <v>9</v>
      </c>
      <c r="V36509">
        <v>10</v>
      </c>
      <c r="W36509">
        <v>10</v>
      </c>
      <c r="X36509">
        <v>10</v>
      </c>
      <c r="Y36509">
        <v>10</v>
      </c>
      <c r="Z36509">
        <v>10</v>
      </c>
      <c r="AA36509">
        <v>10</v>
      </c>
      <c r="AB36509">
        <v>10</v>
      </c>
      <c r="AC36509">
        <v>10</v>
      </c>
      <c r="AD36509">
        <v>10</v>
      </c>
      <c r="AE36509">
        <v>10</v>
      </c>
      <c r="AF36509">
        <v>10</v>
      </c>
      <c r="AG36509">
        <v>11</v>
      </c>
      <c r="AH36509">
        <v>11</v>
      </c>
      <c r="AI36509">
        <v>11</v>
      </c>
      <c r="AJ36509">
        <v>11</v>
      </c>
      <c r="AK36509">
        <v>11</v>
      </c>
      <c r="AL36509">
        <v>11</v>
      </c>
      <c r="AM36509">
        <v>11</v>
      </c>
      <c r="AN36509">
        <v>11</v>
      </c>
      <c r="AO36509">
        <v>11</v>
      </c>
      <c r="AP36509">
        <v>11</v>
      </c>
      <c r="AQ36509">
        <v>11</v>
      </c>
    </row>
    <row r="36510" spans="1:43">
      <c r="A36510" t="s">
        <v>22633</v>
      </c>
      <c r="B36510" t="s">
        <v>22634</v>
      </c>
      <c r="C36510" t="s">
        <v>22635</v>
      </c>
      <c r="D36510" t="s">
        <v>22636</v>
      </c>
      <c r="E36510" t="s">
        <v>22537</v>
      </c>
      <c r="F36510" t="s">
        <v>22538</v>
      </c>
      <c r="G36510" t="s">
        <v>22539</v>
      </c>
      <c r="H36510" t="s">
        <v>22540</v>
      </c>
      <c r="I36510" s="2">
        <v>0</v>
      </c>
      <c r="J36510" s="2">
        <v>0</v>
      </c>
      <c r="K36510" s="2">
        <v>1</v>
      </c>
      <c r="L36510" t="s">
        <v>995</v>
      </c>
      <c r="M36510" t="s">
        <v>83</v>
      </c>
      <c r="N36510" t="s">
        <v>84</v>
      </c>
      <c r="O36510" t="s">
        <v>85</v>
      </c>
      <c r="P36510" t="s">
        <v>86</v>
      </c>
      <c r="Q36510">
        <v>40</v>
      </c>
      <c r="R36510">
        <v>40</v>
      </c>
      <c r="S36510">
        <v>41</v>
      </c>
      <c r="T36510">
        <v>41</v>
      </c>
      <c r="U36510">
        <v>42</v>
      </c>
      <c r="V36510">
        <v>42</v>
      </c>
      <c r="W36510">
        <v>43</v>
      </c>
      <c r="X36510">
        <v>43</v>
      </c>
      <c r="Y36510">
        <v>44</v>
      </c>
      <c r="Z36510">
        <v>44</v>
      </c>
      <c r="AA36510">
        <v>45</v>
      </c>
      <c r="AB36510">
        <v>45</v>
      </c>
      <c r="AC36510">
        <v>46</v>
      </c>
      <c r="AD36510">
        <v>46</v>
      </c>
      <c r="AE36510">
        <v>46</v>
      </c>
      <c r="AF36510">
        <v>47</v>
      </c>
      <c r="AG36510">
        <v>47</v>
      </c>
      <c r="AH36510">
        <v>48</v>
      </c>
      <c r="AI36510">
        <v>48</v>
      </c>
      <c r="AJ36510">
        <v>48</v>
      </c>
      <c r="AK36510">
        <v>49</v>
      </c>
      <c r="AL36510">
        <v>49</v>
      </c>
      <c r="AM36510">
        <v>49</v>
      </c>
      <c r="AN36510">
        <v>49</v>
      </c>
      <c r="AO36510">
        <v>49</v>
      </c>
      <c r="AP36510">
        <v>49</v>
      </c>
      <c r="AQ36510">
        <v>48</v>
      </c>
    </row>
    <row r="36511" spans="1:43">
      <c r="A36511" t="s">
        <v>22633</v>
      </c>
      <c r="B36511" t="s">
        <v>22634</v>
      </c>
      <c r="C36511" t="s">
        <v>22635</v>
      </c>
      <c r="D36511" t="s">
        <v>22636</v>
      </c>
      <c r="E36511" t="s">
        <v>22537</v>
      </c>
      <c r="F36511" t="s">
        <v>22538</v>
      </c>
      <c r="G36511" t="s">
        <v>22539</v>
      </c>
      <c r="H36511" t="s">
        <v>22540</v>
      </c>
      <c r="I36511" s="2">
        <v>0</v>
      </c>
      <c r="J36511" s="2">
        <v>0</v>
      </c>
      <c r="K36511" s="2">
        <v>1</v>
      </c>
      <c r="L36511" t="s">
        <v>995</v>
      </c>
      <c r="M36511" t="s">
        <v>87</v>
      </c>
      <c r="N36511" t="s">
        <v>88</v>
      </c>
      <c r="O36511" t="s">
        <v>85</v>
      </c>
      <c r="P36511" t="s">
        <v>86</v>
      </c>
      <c r="Q36511">
        <v>40</v>
      </c>
      <c r="R36511">
        <v>40</v>
      </c>
      <c r="S36511">
        <v>41</v>
      </c>
      <c r="T36511">
        <v>41</v>
      </c>
      <c r="U36511">
        <v>41</v>
      </c>
      <c r="V36511">
        <v>41</v>
      </c>
      <c r="W36511">
        <v>41</v>
      </c>
      <c r="X36511">
        <v>41</v>
      </c>
      <c r="Y36511">
        <v>41</v>
      </c>
      <c r="Z36511">
        <v>42</v>
      </c>
      <c r="AA36511">
        <v>42</v>
      </c>
      <c r="AB36511">
        <v>42</v>
      </c>
      <c r="AC36511">
        <v>42</v>
      </c>
      <c r="AD36511">
        <v>42</v>
      </c>
      <c r="AE36511">
        <v>42</v>
      </c>
      <c r="AF36511">
        <v>42</v>
      </c>
      <c r="AG36511">
        <v>42</v>
      </c>
      <c r="AH36511">
        <v>42</v>
      </c>
      <c r="AI36511">
        <v>43</v>
      </c>
      <c r="AJ36511">
        <v>43</v>
      </c>
      <c r="AK36511">
        <v>43</v>
      </c>
      <c r="AL36511">
        <v>43</v>
      </c>
      <c r="AM36511">
        <v>43</v>
      </c>
      <c r="AN36511">
        <v>43</v>
      </c>
      <c r="AO36511">
        <v>43</v>
      </c>
      <c r="AP36511">
        <v>43</v>
      </c>
      <c r="AQ36511">
        <v>43</v>
      </c>
    </row>
    <row r="36512" spans="1:43">
      <c r="A36512" t="s">
        <v>22633</v>
      </c>
      <c r="B36512" t="s">
        <v>22634</v>
      </c>
      <c r="C36512" t="s">
        <v>22635</v>
      </c>
      <c r="D36512" t="s">
        <v>22636</v>
      </c>
      <c r="E36512" t="s">
        <v>22537</v>
      </c>
      <c r="F36512" t="s">
        <v>22538</v>
      </c>
      <c r="G36512" t="s">
        <v>22539</v>
      </c>
      <c r="H36512" t="s">
        <v>22540</v>
      </c>
      <c r="I36512" s="2">
        <v>0</v>
      </c>
      <c r="J36512" s="2">
        <v>0</v>
      </c>
      <c r="K36512" s="2">
        <v>1</v>
      </c>
      <c r="L36512" t="s">
        <v>995</v>
      </c>
      <c r="M36512" t="s">
        <v>89</v>
      </c>
      <c r="N36512" t="s">
        <v>90</v>
      </c>
      <c r="O36512" t="s">
        <v>85</v>
      </c>
      <c r="P36512" t="s">
        <v>86</v>
      </c>
      <c r="Q36512">
        <v>40</v>
      </c>
      <c r="R36512">
        <v>41</v>
      </c>
      <c r="S36512">
        <v>42</v>
      </c>
      <c r="T36512">
        <v>43</v>
      </c>
      <c r="U36512">
        <v>43</v>
      </c>
      <c r="V36512">
        <v>44</v>
      </c>
      <c r="W36512">
        <v>45</v>
      </c>
      <c r="X36512">
        <v>46</v>
      </c>
      <c r="Y36512">
        <v>46</v>
      </c>
      <c r="Z36512">
        <v>47</v>
      </c>
      <c r="AA36512">
        <v>47</v>
      </c>
      <c r="AB36512">
        <v>48</v>
      </c>
      <c r="AC36512">
        <v>49</v>
      </c>
      <c r="AD36512">
        <v>49</v>
      </c>
      <c r="AE36512">
        <v>50</v>
      </c>
      <c r="AF36512">
        <v>50</v>
      </c>
      <c r="AG36512">
        <v>50</v>
      </c>
      <c r="AH36512">
        <v>49</v>
      </c>
      <c r="AI36512">
        <v>49</v>
      </c>
      <c r="AJ36512">
        <v>49</v>
      </c>
      <c r="AK36512">
        <v>49</v>
      </c>
      <c r="AL36512">
        <v>49</v>
      </c>
      <c r="AM36512">
        <v>49</v>
      </c>
      <c r="AN36512">
        <v>49</v>
      </c>
      <c r="AO36512">
        <v>49</v>
      </c>
      <c r="AP36512">
        <v>49</v>
      </c>
      <c r="AQ36512">
        <v>49</v>
      </c>
    </row>
    <row r="36513" spans="1:43">
      <c r="A36513" t="s">
        <v>22633</v>
      </c>
      <c r="B36513" t="s">
        <v>22634</v>
      </c>
      <c r="C36513" t="s">
        <v>22635</v>
      </c>
      <c r="D36513" t="s">
        <v>22636</v>
      </c>
      <c r="E36513" t="s">
        <v>22537</v>
      </c>
      <c r="F36513" t="s">
        <v>22538</v>
      </c>
      <c r="G36513" t="s">
        <v>22539</v>
      </c>
      <c r="H36513" t="s">
        <v>22540</v>
      </c>
      <c r="I36513" s="2">
        <v>0</v>
      </c>
      <c r="J36513" s="2">
        <v>0</v>
      </c>
      <c r="K36513" s="2">
        <v>1</v>
      </c>
      <c r="L36513" t="s">
        <v>995</v>
      </c>
      <c r="M36513" t="s">
        <v>83</v>
      </c>
      <c r="N36513" t="s">
        <v>91</v>
      </c>
      <c r="O36513" t="s">
        <v>85</v>
      </c>
      <c r="P36513" t="s">
        <v>86</v>
      </c>
      <c r="Q36513">
        <v>40</v>
      </c>
      <c r="R36513">
        <v>40</v>
      </c>
      <c r="S36513">
        <v>41</v>
      </c>
      <c r="T36513">
        <v>41</v>
      </c>
      <c r="U36513">
        <v>42</v>
      </c>
      <c r="V36513">
        <v>42</v>
      </c>
      <c r="W36513">
        <v>43</v>
      </c>
      <c r="X36513">
        <v>43</v>
      </c>
      <c r="Y36513">
        <v>44</v>
      </c>
      <c r="Z36513">
        <v>44</v>
      </c>
      <c r="AA36513">
        <v>45</v>
      </c>
      <c r="AB36513">
        <v>45</v>
      </c>
      <c r="AC36513">
        <v>46</v>
      </c>
      <c r="AD36513">
        <v>46</v>
      </c>
      <c r="AE36513">
        <v>46</v>
      </c>
      <c r="AF36513">
        <v>47</v>
      </c>
      <c r="AG36513">
        <v>47</v>
      </c>
      <c r="AH36513">
        <v>48</v>
      </c>
      <c r="AI36513">
        <v>48</v>
      </c>
      <c r="AJ36513">
        <v>48</v>
      </c>
      <c r="AK36513">
        <v>49</v>
      </c>
      <c r="AL36513">
        <v>49</v>
      </c>
      <c r="AM36513">
        <v>49</v>
      </c>
      <c r="AN36513">
        <v>49</v>
      </c>
      <c r="AO36513">
        <v>49</v>
      </c>
      <c r="AP36513">
        <v>49</v>
      </c>
      <c r="AQ36513">
        <v>48</v>
      </c>
    </row>
    <row r="36514" spans="1:43">
      <c r="A36514" t="s">
        <v>22637</v>
      </c>
      <c r="B36514" t="s">
        <v>22638</v>
      </c>
      <c r="C36514" t="s">
        <v>22635</v>
      </c>
      <c r="D36514" t="s">
        <v>22636</v>
      </c>
      <c r="E36514" t="s">
        <v>22537</v>
      </c>
      <c r="F36514" t="s">
        <v>22538</v>
      </c>
      <c r="G36514" t="s">
        <v>22539</v>
      </c>
      <c r="H36514" t="s">
        <v>22540</v>
      </c>
      <c r="I36514" s="2">
        <v>0</v>
      </c>
      <c r="J36514" s="2">
        <v>0</v>
      </c>
      <c r="K36514" s="2">
        <v>1</v>
      </c>
      <c r="L36514" t="s">
        <v>995</v>
      </c>
      <c r="M36514" t="s">
        <v>83</v>
      </c>
      <c r="N36514" t="s">
        <v>84</v>
      </c>
      <c r="O36514" t="s">
        <v>85</v>
      </c>
      <c r="P36514" t="s">
        <v>86</v>
      </c>
      <c r="Q36514">
        <v>12</v>
      </c>
      <c r="R36514">
        <v>12</v>
      </c>
      <c r="S36514">
        <v>13</v>
      </c>
      <c r="T36514">
        <v>13</v>
      </c>
      <c r="U36514">
        <v>13</v>
      </c>
      <c r="V36514">
        <v>13</v>
      </c>
      <c r="W36514">
        <v>13</v>
      </c>
      <c r="X36514">
        <v>13</v>
      </c>
      <c r="Y36514">
        <v>14</v>
      </c>
      <c r="Z36514">
        <v>14</v>
      </c>
      <c r="AA36514">
        <v>14</v>
      </c>
      <c r="AB36514">
        <v>14</v>
      </c>
      <c r="AC36514">
        <v>14</v>
      </c>
      <c r="AD36514">
        <v>14</v>
      </c>
      <c r="AE36514">
        <v>14</v>
      </c>
      <c r="AF36514">
        <v>15</v>
      </c>
      <c r="AG36514">
        <v>15</v>
      </c>
      <c r="AH36514">
        <v>15</v>
      </c>
      <c r="AI36514">
        <v>15</v>
      </c>
      <c r="AJ36514">
        <v>15</v>
      </c>
      <c r="AK36514">
        <v>15</v>
      </c>
      <c r="AL36514">
        <v>15</v>
      </c>
      <c r="AM36514">
        <v>15</v>
      </c>
      <c r="AN36514">
        <v>15</v>
      </c>
      <c r="AO36514">
        <v>15</v>
      </c>
      <c r="AP36514">
        <v>15</v>
      </c>
      <c r="AQ36514">
        <v>15</v>
      </c>
    </row>
    <row r="36515" spans="1:43">
      <c r="A36515" t="s">
        <v>22637</v>
      </c>
      <c r="B36515" t="s">
        <v>22638</v>
      </c>
      <c r="C36515" t="s">
        <v>22635</v>
      </c>
      <c r="D36515" t="s">
        <v>22636</v>
      </c>
      <c r="E36515" t="s">
        <v>22537</v>
      </c>
      <c r="F36515" t="s">
        <v>22538</v>
      </c>
      <c r="G36515" t="s">
        <v>22539</v>
      </c>
      <c r="H36515" t="s">
        <v>22540</v>
      </c>
      <c r="I36515" s="2">
        <v>0</v>
      </c>
      <c r="J36515" s="2">
        <v>0</v>
      </c>
      <c r="K36515" s="2">
        <v>1</v>
      </c>
      <c r="L36515" t="s">
        <v>995</v>
      </c>
      <c r="M36515" t="s">
        <v>87</v>
      </c>
      <c r="N36515" t="s">
        <v>88</v>
      </c>
      <c r="O36515" t="s">
        <v>85</v>
      </c>
      <c r="P36515" t="s">
        <v>86</v>
      </c>
      <c r="Q36515">
        <v>12</v>
      </c>
      <c r="R36515">
        <v>12</v>
      </c>
      <c r="S36515">
        <v>12</v>
      </c>
      <c r="T36515">
        <v>12</v>
      </c>
      <c r="U36515">
        <v>12</v>
      </c>
      <c r="V36515">
        <v>12</v>
      </c>
      <c r="W36515">
        <v>12</v>
      </c>
      <c r="X36515">
        <v>13</v>
      </c>
      <c r="Y36515">
        <v>13</v>
      </c>
      <c r="Z36515">
        <v>13</v>
      </c>
      <c r="AA36515">
        <v>13</v>
      </c>
      <c r="AB36515">
        <v>13</v>
      </c>
      <c r="AC36515">
        <v>13</v>
      </c>
      <c r="AD36515">
        <v>13</v>
      </c>
      <c r="AE36515">
        <v>13</v>
      </c>
      <c r="AF36515">
        <v>13</v>
      </c>
      <c r="AG36515">
        <v>13</v>
      </c>
      <c r="AH36515">
        <v>13</v>
      </c>
      <c r="AI36515">
        <v>13</v>
      </c>
      <c r="AJ36515">
        <v>13</v>
      </c>
      <c r="AK36515">
        <v>13</v>
      </c>
      <c r="AL36515">
        <v>13</v>
      </c>
      <c r="AM36515">
        <v>13</v>
      </c>
      <c r="AN36515">
        <v>13</v>
      </c>
      <c r="AO36515">
        <v>13</v>
      </c>
      <c r="AP36515">
        <v>13</v>
      </c>
      <c r="AQ36515">
        <v>13</v>
      </c>
    </row>
    <row r="36516" spans="1:43">
      <c r="A36516" t="s">
        <v>22637</v>
      </c>
      <c r="B36516" t="s">
        <v>22638</v>
      </c>
      <c r="C36516" t="s">
        <v>22635</v>
      </c>
      <c r="D36516" t="s">
        <v>22636</v>
      </c>
      <c r="E36516" t="s">
        <v>22537</v>
      </c>
      <c r="F36516" t="s">
        <v>22538</v>
      </c>
      <c r="G36516" t="s">
        <v>22539</v>
      </c>
      <c r="H36516" t="s">
        <v>22540</v>
      </c>
      <c r="I36516" s="2">
        <v>0</v>
      </c>
      <c r="J36516" s="2">
        <v>0</v>
      </c>
      <c r="K36516" s="2">
        <v>1</v>
      </c>
      <c r="L36516" t="s">
        <v>995</v>
      </c>
      <c r="M36516" t="s">
        <v>89</v>
      </c>
      <c r="N36516" t="s">
        <v>90</v>
      </c>
      <c r="O36516" t="s">
        <v>85</v>
      </c>
      <c r="P36516" t="s">
        <v>86</v>
      </c>
      <c r="Q36516">
        <v>12</v>
      </c>
      <c r="R36516">
        <v>13</v>
      </c>
      <c r="S36516">
        <v>13</v>
      </c>
      <c r="T36516">
        <v>13</v>
      </c>
      <c r="U36516">
        <v>13</v>
      </c>
      <c r="V36516">
        <v>14</v>
      </c>
      <c r="W36516">
        <v>14</v>
      </c>
      <c r="X36516">
        <v>14</v>
      </c>
      <c r="Y36516">
        <v>14</v>
      </c>
      <c r="Z36516">
        <v>15</v>
      </c>
      <c r="AA36516">
        <v>15</v>
      </c>
      <c r="AB36516">
        <v>15</v>
      </c>
      <c r="AC36516">
        <v>15</v>
      </c>
      <c r="AD36516">
        <v>15</v>
      </c>
      <c r="AE36516">
        <v>15</v>
      </c>
      <c r="AF36516">
        <v>15</v>
      </c>
      <c r="AG36516">
        <v>15</v>
      </c>
      <c r="AH36516">
        <v>15</v>
      </c>
      <c r="AI36516">
        <v>15</v>
      </c>
      <c r="AJ36516">
        <v>15</v>
      </c>
      <c r="AK36516">
        <v>15</v>
      </c>
      <c r="AL36516">
        <v>15</v>
      </c>
      <c r="AM36516">
        <v>15</v>
      </c>
      <c r="AN36516">
        <v>15</v>
      </c>
      <c r="AO36516">
        <v>15</v>
      </c>
      <c r="AP36516">
        <v>15</v>
      </c>
      <c r="AQ36516">
        <v>15</v>
      </c>
    </row>
    <row r="36517" spans="1:43">
      <c r="A36517" t="s">
        <v>22637</v>
      </c>
      <c r="B36517" t="s">
        <v>22638</v>
      </c>
      <c r="C36517" t="s">
        <v>22635</v>
      </c>
      <c r="D36517" t="s">
        <v>22636</v>
      </c>
      <c r="E36517" t="s">
        <v>22537</v>
      </c>
      <c r="F36517" t="s">
        <v>22538</v>
      </c>
      <c r="G36517" t="s">
        <v>22539</v>
      </c>
      <c r="H36517" t="s">
        <v>22540</v>
      </c>
      <c r="I36517" s="2">
        <v>0</v>
      </c>
      <c r="J36517" s="2">
        <v>0</v>
      </c>
      <c r="K36517" s="2">
        <v>1</v>
      </c>
      <c r="L36517" t="s">
        <v>995</v>
      </c>
      <c r="M36517" t="s">
        <v>83</v>
      </c>
      <c r="N36517" t="s">
        <v>91</v>
      </c>
      <c r="O36517" t="s">
        <v>85</v>
      </c>
      <c r="P36517" t="s">
        <v>86</v>
      </c>
      <c r="Q36517">
        <v>12</v>
      </c>
      <c r="R36517">
        <v>12</v>
      </c>
      <c r="S36517">
        <v>13</v>
      </c>
      <c r="T36517">
        <v>13</v>
      </c>
      <c r="U36517">
        <v>13</v>
      </c>
      <c r="V36517">
        <v>13</v>
      </c>
      <c r="W36517">
        <v>13</v>
      </c>
      <c r="X36517">
        <v>13</v>
      </c>
      <c r="Y36517">
        <v>14</v>
      </c>
      <c r="Z36517">
        <v>14</v>
      </c>
      <c r="AA36517">
        <v>14</v>
      </c>
      <c r="AB36517">
        <v>14</v>
      </c>
      <c r="AC36517">
        <v>14</v>
      </c>
      <c r="AD36517">
        <v>14</v>
      </c>
      <c r="AE36517">
        <v>14</v>
      </c>
      <c r="AF36517">
        <v>15</v>
      </c>
      <c r="AG36517">
        <v>15</v>
      </c>
      <c r="AH36517">
        <v>15</v>
      </c>
      <c r="AI36517">
        <v>15</v>
      </c>
      <c r="AJ36517">
        <v>15</v>
      </c>
      <c r="AK36517">
        <v>15</v>
      </c>
      <c r="AL36517">
        <v>15</v>
      </c>
      <c r="AM36517">
        <v>15</v>
      </c>
      <c r="AN36517">
        <v>15</v>
      </c>
      <c r="AO36517">
        <v>15</v>
      </c>
      <c r="AP36517">
        <v>15</v>
      </c>
      <c r="AQ36517">
        <v>15</v>
      </c>
    </row>
    <row r="36518" spans="1:43">
      <c r="A36518" t="s">
        <v>22639</v>
      </c>
      <c r="B36518" t="s">
        <v>22640</v>
      </c>
      <c r="C36518" t="s">
        <v>22635</v>
      </c>
      <c r="D36518" t="s">
        <v>22636</v>
      </c>
      <c r="E36518" t="s">
        <v>22537</v>
      </c>
      <c r="F36518" t="s">
        <v>22538</v>
      </c>
      <c r="G36518" t="s">
        <v>22539</v>
      </c>
      <c r="H36518" t="s">
        <v>22540</v>
      </c>
      <c r="I36518" s="2">
        <v>0</v>
      </c>
      <c r="J36518" s="2">
        <v>0</v>
      </c>
      <c r="K36518" s="2">
        <v>1</v>
      </c>
      <c r="L36518" t="s">
        <v>995</v>
      </c>
      <c r="M36518" t="s">
        <v>83</v>
      </c>
      <c r="N36518" t="s">
        <v>84</v>
      </c>
      <c r="O36518" t="s">
        <v>85</v>
      </c>
      <c r="P36518" t="s">
        <v>86</v>
      </c>
      <c r="Q36518">
        <v>25</v>
      </c>
      <c r="R36518">
        <v>26</v>
      </c>
      <c r="S36518">
        <v>26</v>
      </c>
      <c r="T36518">
        <v>26</v>
      </c>
      <c r="U36518">
        <v>27</v>
      </c>
      <c r="V36518">
        <v>27</v>
      </c>
      <c r="W36518">
        <v>27</v>
      </c>
      <c r="X36518">
        <v>28</v>
      </c>
      <c r="Y36518">
        <v>28</v>
      </c>
      <c r="Z36518">
        <v>28</v>
      </c>
      <c r="AA36518">
        <v>29</v>
      </c>
      <c r="AB36518">
        <v>29</v>
      </c>
      <c r="AC36518">
        <v>29</v>
      </c>
      <c r="AD36518">
        <v>30</v>
      </c>
      <c r="AE36518">
        <v>30</v>
      </c>
      <c r="AF36518">
        <v>30</v>
      </c>
      <c r="AG36518">
        <v>30</v>
      </c>
      <c r="AH36518">
        <v>31</v>
      </c>
      <c r="AI36518">
        <v>31</v>
      </c>
      <c r="AJ36518">
        <v>31</v>
      </c>
      <c r="AK36518">
        <v>31</v>
      </c>
      <c r="AL36518">
        <v>31</v>
      </c>
      <c r="AM36518">
        <v>31</v>
      </c>
      <c r="AN36518">
        <v>31</v>
      </c>
      <c r="AO36518">
        <v>31</v>
      </c>
      <c r="AP36518">
        <v>31</v>
      </c>
      <c r="AQ36518">
        <v>31</v>
      </c>
    </row>
    <row r="36519" spans="1:43">
      <c r="A36519" t="s">
        <v>22639</v>
      </c>
      <c r="B36519" t="s">
        <v>22640</v>
      </c>
      <c r="C36519" t="s">
        <v>22635</v>
      </c>
      <c r="D36519" t="s">
        <v>22636</v>
      </c>
      <c r="E36519" t="s">
        <v>22537</v>
      </c>
      <c r="F36519" t="s">
        <v>22538</v>
      </c>
      <c r="G36519" t="s">
        <v>22539</v>
      </c>
      <c r="H36519" t="s">
        <v>22540</v>
      </c>
      <c r="I36519" s="2">
        <v>0</v>
      </c>
      <c r="J36519" s="2">
        <v>0</v>
      </c>
      <c r="K36519" s="2">
        <v>1</v>
      </c>
      <c r="L36519" t="s">
        <v>995</v>
      </c>
      <c r="M36519" t="s">
        <v>87</v>
      </c>
      <c r="N36519" t="s">
        <v>88</v>
      </c>
      <c r="O36519" t="s">
        <v>85</v>
      </c>
      <c r="P36519" t="s">
        <v>86</v>
      </c>
      <c r="Q36519">
        <v>25</v>
      </c>
      <c r="R36519">
        <v>25</v>
      </c>
      <c r="S36519">
        <v>25</v>
      </c>
      <c r="T36519">
        <v>26</v>
      </c>
      <c r="U36519">
        <v>26</v>
      </c>
      <c r="V36519">
        <v>26</v>
      </c>
      <c r="W36519">
        <v>26</v>
      </c>
      <c r="X36519">
        <v>26</v>
      </c>
      <c r="Y36519">
        <v>26</v>
      </c>
      <c r="Z36519">
        <v>26</v>
      </c>
      <c r="AA36519">
        <v>26</v>
      </c>
      <c r="AB36519">
        <v>26</v>
      </c>
      <c r="AC36519">
        <v>26</v>
      </c>
      <c r="AD36519">
        <v>26</v>
      </c>
      <c r="AE36519">
        <v>26</v>
      </c>
      <c r="AF36519">
        <v>27</v>
      </c>
      <c r="AG36519">
        <v>27</v>
      </c>
      <c r="AH36519">
        <v>27</v>
      </c>
      <c r="AI36519">
        <v>27</v>
      </c>
      <c r="AJ36519">
        <v>27</v>
      </c>
      <c r="AK36519">
        <v>27</v>
      </c>
      <c r="AL36519">
        <v>27</v>
      </c>
      <c r="AM36519">
        <v>27</v>
      </c>
      <c r="AN36519">
        <v>27</v>
      </c>
      <c r="AO36519">
        <v>27</v>
      </c>
      <c r="AP36519">
        <v>27</v>
      </c>
      <c r="AQ36519">
        <v>27</v>
      </c>
    </row>
    <row r="36520" spans="1:43">
      <c r="A36520" t="s">
        <v>22639</v>
      </c>
      <c r="B36520" t="s">
        <v>22640</v>
      </c>
      <c r="C36520" t="s">
        <v>22635</v>
      </c>
      <c r="D36520" t="s">
        <v>22636</v>
      </c>
      <c r="E36520" t="s">
        <v>22537</v>
      </c>
      <c r="F36520" t="s">
        <v>22538</v>
      </c>
      <c r="G36520" t="s">
        <v>22539</v>
      </c>
      <c r="H36520" t="s">
        <v>22540</v>
      </c>
      <c r="I36520" s="2">
        <v>0</v>
      </c>
      <c r="J36520" s="2">
        <v>0</v>
      </c>
      <c r="K36520" s="2">
        <v>1</v>
      </c>
      <c r="L36520" t="s">
        <v>995</v>
      </c>
      <c r="M36520" t="s">
        <v>89</v>
      </c>
      <c r="N36520" t="s">
        <v>90</v>
      </c>
      <c r="O36520" t="s">
        <v>85</v>
      </c>
      <c r="P36520" t="s">
        <v>86</v>
      </c>
      <c r="Q36520">
        <v>25</v>
      </c>
      <c r="R36520">
        <v>25</v>
      </c>
      <c r="S36520">
        <v>26</v>
      </c>
      <c r="T36520">
        <v>26</v>
      </c>
      <c r="U36520">
        <v>27</v>
      </c>
      <c r="V36520">
        <v>27</v>
      </c>
      <c r="W36520">
        <v>28</v>
      </c>
      <c r="X36520">
        <v>28</v>
      </c>
      <c r="Y36520">
        <v>29</v>
      </c>
      <c r="Z36520">
        <v>29</v>
      </c>
      <c r="AA36520">
        <v>30</v>
      </c>
      <c r="AB36520">
        <v>30</v>
      </c>
      <c r="AC36520">
        <v>30</v>
      </c>
      <c r="AD36520">
        <v>31</v>
      </c>
      <c r="AE36520">
        <v>31</v>
      </c>
      <c r="AF36520">
        <v>31</v>
      </c>
      <c r="AG36520">
        <v>31</v>
      </c>
      <c r="AH36520">
        <v>31</v>
      </c>
      <c r="AI36520">
        <v>31</v>
      </c>
      <c r="AJ36520">
        <v>31</v>
      </c>
      <c r="AK36520">
        <v>31</v>
      </c>
      <c r="AL36520">
        <v>31</v>
      </c>
      <c r="AM36520">
        <v>31</v>
      </c>
      <c r="AN36520">
        <v>31</v>
      </c>
      <c r="AO36520">
        <v>31</v>
      </c>
      <c r="AP36520">
        <v>30</v>
      </c>
      <c r="AQ36520">
        <v>30</v>
      </c>
    </row>
    <row r="36521" spans="1:43">
      <c r="A36521" t="s">
        <v>22639</v>
      </c>
      <c r="B36521" t="s">
        <v>22640</v>
      </c>
      <c r="C36521" t="s">
        <v>22635</v>
      </c>
      <c r="D36521" t="s">
        <v>22636</v>
      </c>
      <c r="E36521" t="s">
        <v>22537</v>
      </c>
      <c r="F36521" t="s">
        <v>22538</v>
      </c>
      <c r="G36521" t="s">
        <v>22539</v>
      </c>
      <c r="H36521" t="s">
        <v>22540</v>
      </c>
      <c r="I36521" s="2">
        <v>0</v>
      </c>
      <c r="J36521" s="2">
        <v>0</v>
      </c>
      <c r="K36521" s="2">
        <v>1</v>
      </c>
      <c r="L36521" t="s">
        <v>995</v>
      </c>
      <c r="M36521" t="s">
        <v>83</v>
      </c>
      <c r="N36521" t="s">
        <v>91</v>
      </c>
      <c r="O36521" t="s">
        <v>85</v>
      </c>
      <c r="P36521" t="s">
        <v>86</v>
      </c>
      <c r="Q36521">
        <v>25</v>
      </c>
      <c r="R36521">
        <v>26</v>
      </c>
      <c r="S36521">
        <v>26</v>
      </c>
      <c r="T36521">
        <v>26</v>
      </c>
      <c r="U36521">
        <v>27</v>
      </c>
      <c r="V36521">
        <v>27</v>
      </c>
      <c r="W36521">
        <v>27</v>
      </c>
      <c r="X36521">
        <v>28</v>
      </c>
      <c r="Y36521">
        <v>28</v>
      </c>
      <c r="Z36521">
        <v>28</v>
      </c>
      <c r="AA36521">
        <v>29</v>
      </c>
      <c r="AB36521">
        <v>29</v>
      </c>
      <c r="AC36521">
        <v>29</v>
      </c>
      <c r="AD36521">
        <v>30</v>
      </c>
      <c r="AE36521">
        <v>30</v>
      </c>
      <c r="AF36521">
        <v>30</v>
      </c>
      <c r="AG36521">
        <v>30</v>
      </c>
      <c r="AH36521">
        <v>31</v>
      </c>
      <c r="AI36521">
        <v>31</v>
      </c>
      <c r="AJ36521">
        <v>31</v>
      </c>
      <c r="AK36521">
        <v>31</v>
      </c>
      <c r="AL36521">
        <v>31</v>
      </c>
      <c r="AM36521">
        <v>31</v>
      </c>
      <c r="AN36521">
        <v>31</v>
      </c>
      <c r="AO36521">
        <v>31</v>
      </c>
      <c r="AP36521">
        <v>31</v>
      </c>
      <c r="AQ36521">
        <v>31</v>
      </c>
    </row>
    <row r="36522" spans="1:43">
      <c r="A36522" t="s">
        <v>22641</v>
      </c>
      <c r="B36522" t="s">
        <v>22642</v>
      </c>
      <c r="C36522" t="s">
        <v>22635</v>
      </c>
      <c r="D36522" t="s">
        <v>22636</v>
      </c>
      <c r="E36522" t="s">
        <v>22537</v>
      </c>
      <c r="F36522" t="s">
        <v>22538</v>
      </c>
      <c r="G36522" t="s">
        <v>22539</v>
      </c>
      <c r="H36522" t="s">
        <v>22540</v>
      </c>
      <c r="I36522" s="2">
        <v>0</v>
      </c>
      <c r="J36522" s="2">
        <v>0</v>
      </c>
      <c r="K36522" s="2">
        <v>1</v>
      </c>
      <c r="L36522" t="s">
        <v>995</v>
      </c>
      <c r="M36522" t="s">
        <v>83</v>
      </c>
      <c r="N36522" t="s">
        <v>84</v>
      </c>
      <c r="O36522" t="s">
        <v>85</v>
      </c>
      <c r="P36522" t="s">
        <v>86</v>
      </c>
      <c r="Q36522">
        <v>18</v>
      </c>
      <c r="R36522">
        <v>18</v>
      </c>
      <c r="S36522">
        <v>18</v>
      </c>
      <c r="T36522">
        <v>19</v>
      </c>
      <c r="U36522">
        <v>19</v>
      </c>
      <c r="V36522">
        <v>19</v>
      </c>
      <c r="W36522">
        <v>19</v>
      </c>
      <c r="X36522">
        <v>19</v>
      </c>
      <c r="Y36522">
        <v>20</v>
      </c>
      <c r="Z36522">
        <v>20</v>
      </c>
      <c r="AA36522">
        <v>20</v>
      </c>
      <c r="AB36522">
        <v>20</v>
      </c>
      <c r="AC36522">
        <v>21</v>
      </c>
      <c r="AD36522">
        <v>21</v>
      </c>
      <c r="AE36522">
        <v>21</v>
      </c>
      <c r="AF36522">
        <v>21</v>
      </c>
      <c r="AG36522">
        <v>21</v>
      </c>
      <c r="AH36522">
        <v>21</v>
      </c>
      <c r="AI36522">
        <v>22</v>
      </c>
      <c r="AJ36522">
        <v>22</v>
      </c>
      <c r="AK36522">
        <v>22</v>
      </c>
      <c r="AL36522">
        <v>22</v>
      </c>
      <c r="AM36522">
        <v>22</v>
      </c>
      <c r="AN36522">
        <v>22</v>
      </c>
      <c r="AO36522">
        <v>22</v>
      </c>
      <c r="AP36522">
        <v>22</v>
      </c>
      <c r="AQ36522">
        <v>22</v>
      </c>
    </row>
    <row r="36523" spans="1:43">
      <c r="A36523" t="s">
        <v>22641</v>
      </c>
      <c r="B36523" t="s">
        <v>22642</v>
      </c>
      <c r="C36523" t="s">
        <v>22635</v>
      </c>
      <c r="D36523" t="s">
        <v>22636</v>
      </c>
      <c r="E36523" t="s">
        <v>22537</v>
      </c>
      <c r="F36523" t="s">
        <v>22538</v>
      </c>
      <c r="G36523" t="s">
        <v>22539</v>
      </c>
      <c r="H36523" t="s">
        <v>22540</v>
      </c>
      <c r="I36523" s="2">
        <v>0</v>
      </c>
      <c r="J36523" s="2">
        <v>0</v>
      </c>
      <c r="K36523" s="2">
        <v>1</v>
      </c>
      <c r="L36523" t="s">
        <v>995</v>
      </c>
      <c r="M36523" t="s">
        <v>87</v>
      </c>
      <c r="N36523" t="s">
        <v>88</v>
      </c>
      <c r="O36523" t="s">
        <v>85</v>
      </c>
      <c r="P36523" t="s">
        <v>86</v>
      </c>
      <c r="Q36523">
        <v>18</v>
      </c>
      <c r="R36523">
        <v>18</v>
      </c>
      <c r="S36523">
        <v>18</v>
      </c>
      <c r="T36523">
        <v>18</v>
      </c>
      <c r="U36523">
        <v>18</v>
      </c>
      <c r="V36523">
        <v>18</v>
      </c>
      <c r="W36523">
        <v>18</v>
      </c>
      <c r="X36523">
        <v>18</v>
      </c>
      <c r="Y36523">
        <v>18</v>
      </c>
      <c r="Z36523">
        <v>18</v>
      </c>
      <c r="AA36523">
        <v>18</v>
      </c>
      <c r="AB36523">
        <v>18</v>
      </c>
      <c r="AC36523">
        <v>18</v>
      </c>
      <c r="AD36523">
        <v>18</v>
      </c>
      <c r="AE36523">
        <v>19</v>
      </c>
      <c r="AF36523">
        <v>19</v>
      </c>
      <c r="AG36523">
        <v>19</v>
      </c>
      <c r="AH36523">
        <v>19</v>
      </c>
      <c r="AI36523">
        <v>19</v>
      </c>
      <c r="AJ36523">
        <v>19</v>
      </c>
      <c r="AK36523">
        <v>19</v>
      </c>
      <c r="AL36523">
        <v>19</v>
      </c>
      <c r="AM36523">
        <v>19</v>
      </c>
      <c r="AN36523">
        <v>19</v>
      </c>
      <c r="AO36523">
        <v>19</v>
      </c>
      <c r="AP36523">
        <v>19</v>
      </c>
      <c r="AQ36523">
        <v>19</v>
      </c>
    </row>
    <row r="36524" spans="1:43">
      <c r="A36524" t="s">
        <v>22641</v>
      </c>
      <c r="B36524" t="s">
        <v>22642</v>
      </c>
      <c r="C36524" t="s">
        <v>22635</v>
      </c>
      <c r="D36524" t="s">
        <v>22636</v>
      </c>
      <c r="E36524" t="s">
        <v>22537</v>
      </c>
      <c r="F36524" t="s">
        <v>22538</v>
      </c>
      <c r="G36524" t="s">
        <v>22539</v>
      </c>
      <c r="H36524" t="s">
        <v>22540</v>
      </c>
      <c r="I36524" s="2">
        <v>0</v>
      </c>
      <c r="J36524" s="2">
        <v>0</v>
      </c>
      <c r="K36524" s="2">
        <v>1</v>
      </c>
      <c r="L36524" t="s">
        <v>995</v>
      </c>
      <c r="M36524" t="s">
        <v>89</v>
      </c>
      <c r="N36524" t="s">
        <v>90</v>
      </c>
      <c r="O36524" t="s">
        <v>85</v>
      </c>
      <c r="P36524" t="s">
        <v>86</v>
      </c>
      <c r="Q36524">
        <v>18</v>
      </c>
      <c r="R36524">
        <v>18</v>
      </c>
      <c r="S36524">
        <v>19</v>
      </c>
      <c r="T36524">
        <v>19</v>
      </c>
      <c r="U36524">
        <v>20</v>
      </c>
      <c r="V36524">
        <v>20</v>
      </c>
      <c r="W36524">
        <v>20</v>
      </c>
      <c r="X36524">
        <v>21</v>
      </c>
      <c r="Y36524">
        <v>21</v>
      </c>
      <c r="Z36524">
        <v>21</v>
      </c>
      <c r="AA36524">
        <v>21</v>
      </c>
      <c r="AB36524">
        <v>22</v>
      </c>
      <c r="AC36524">
        <v>22</v>
      </c>
      <c r="AD36524">
        <v>22</v>
      </c>
      <c r="AE36524">
        <v>22</v>
      </c>
      <c r="AF36524">
        <v>22</v>
      </c>
      <c r="AG36524">
        <v>22</v>
      </c>
      <c r="AH36524">
        <v>22</v>
      </c>
      <c r="AI36524">
        <v>22</v>
      </c>
      <c r="AJ36524">
        <v>22</v>
      </c>
      <c r="AK36524">
        <v>22</v>
      </c>
      <c r="AL36524">
        <v>22</v>
      </c>
      <c r="AM36524">
        <v>22</v>
      </c>
      <c r="AN36524">
        <v>22</v>
      </c>
      <c r="AO36524">
        <v>22</v>
      </c>
      <c r="AP36524">
        <v>22</v>
      </c>
      <c r="AQ36524">
        <v>22</v>
      </c>
    </row>
    <row r="36525" spans="1:43">
      <c r="A36525" t="s">
        <v>22641</v>
      </c>
      <c r="B36525" t="s">
        <v>22642</v>
      </c>
      <c r="C36525" t="s">
        <v>22635</v>
      </c>
      <c r="D36525" t="s">
        <v>22636</v>
      </c>
      <c r="E36525" t="s">
        <v>22537</v>
      </c>
      <c r="F36525" t="s">
        <v>22538</v>
      </c>
      <c r="G36525" t="s">
        <v>22539</v>
      </c>
      <c r="H36525" t="s">
        <v>22540</v>
      </c>
      <c r="I36525" s="2">
        <v>0</v>
      </c>
      <c r="J36525" s="2">
        <v>0</v>
      </c>
      <c r="K36525" s="2">
        <v>1</v>
      </c>
      <c r="L36525" t="s">
        <v>995</v>
      </c>
      <c r="M36525" t="s">
        <v>83</v>
      </c>
      <c r="N36525" t="s">
        <v>91</v>
      </c>
      <c r="O36525" t="s">
        <v>85</v>
      </c>
      <c r="P36525" t="s">
        <v>86</v>
      </c>
      <c r="Q36525">
        <v>18</v>
      </c>
      <c r="R36525">
        <v>18</v>
      </c>
      <c r="S36525">
        <v>18</v>
      </c>
      <c r="T36525">
        <v>19</v>
      </c>
      <c r="U36525">
        <v>19</v>
      </c>
      <c r="V36525">
        <v>19</v>
      </c>
      <c r="W36525">
        <v>19</v>
      </c>
      <c r="X36525">
        <v>19</v>
      </c>
      <c r="Y36525">
        <v>20</v>
      </c>
      <c r="Z36525">
        <v>20</v>
      </c>
      <c r="AA36525">
        <v>20</v>
      </c>
      <c r="AB36525">
        <v>20</v>
      </c>
      <c r="AC36525">
        <v>21</v>
      </c>
      <c r="AD36525">
        <v>21</v>
      </c>
      <c r="AE36525">
        <v>21</v>
      </c>
      <c r="AF36525">
        <v>21</v>
      </c>
      <c r="AG36525">
        <v>21</v>
      </c>
      <c r="AH36525">
        <v>21</v>
      </c>
      <c r="AI36525">
        <v>22</v>
      </c>
      <c r="AJ36525">
        <v>22</v>
      </c>
      <c r="AK36525">
        <v>22</v>
      </c>
      <c r="AL36525">
        <v>22</v>
      </c>
      <c r="AM36525">
        <v>22</v>
      </c>
      <c r="AN36525">
        <v>22</v>
      </c>
      <c r="AO36525">
        <v>22</v>
      </c>
      <c r="AP36525">
        <v>22</v>
      </c>
      <c r="AQ36525">
        <v>22</v>
      </c>
    </row>
    <row r="36526" spans="1:43">
      <c r="A36526" t="s">
        <v>22643</v>
      </c>
      <c r="B36526" t="s">
        <v>22644</v>
      </c>
      <c r="C36526" t="s">
        <v>22645</v>
      </c>
      <c r="D36526" t="s">
        <v>22646</v>
      </c>
      <c r="E36526" t="s">
        <v>22537</v>
      </c>
      <c r="F36526" t="s">
        <v>22538</v>
      </c>
      <c r="G36526" t="s">
        <v>22539</v>
      </c>
      <c r="H36526" t="s">
        <v>22540</v>
      </c>
      <c r="I36526" s="2">
        <v>0</v>
      </c>
      <c r="J36526" s="2">
        <v>0</v>
      </c>
      <c r="K36526" s="2">
        <v>1</v>
      </c>
      <c r="L36526" t="s">
        <v>995</v>
      </c>
      <c r="M36526" t="s">
        <v>83</v>
      </c>
      <c r="N36526" t="s">
        <v>84</v>
      </c>
      <c r="O36526" t="s">
        <v>85</v>
      </c>
      <c r="P36526" t="s">
        <v>86</v>
      </c>
      <c r="Q36526">
        <v>18</v>
      </c>
      <c r="R36526">
        <v>18</v>
      </c>
      <c r="S36526">
        <v>18</v>
      </c>
      <c r="T36526">
        <v>19</v>
      </c>
      <c r="U36526">
        <v>19</v>
      </c>
      <c r="V36526">
        <v>19</v>
      </c>
      <c r="W36526">
        <v>19</v>
      </c>
      <c r="X36526">
        <v>19</v>
      </c>
      <c r="Y36526">
        <v>20</v>
      </c>
      <c r="Z36526">
        <v>20</v>
      </c>
      <c r="AA36526">
        <v>20</v>
      </c>
      <c r="AB36526">
        <v>20</v>
      </c>
      <c r="AC36526">
        <v>20</v>
      </c>
      <c r="AD36526">
        <v>21</v>
      </c>
      <c r="AE36526">
        <v>21</v>
      </c>
      <c r="AF36526">
        <v>21</v>
      </c>
      <c r="AG36526">
        <v>21</v>
      </c>
      <c r="AH36526">
        <v>21</v>
      </c>
      <c r="AI36526">
        <v>22</v>
      </c>
      <c r="AJ36526">
        <v>22</v>
      </c>
      <c r="AK36526">
        <v>22</v>
      </c>
      <c r="AL36526">
        <v>22</v>
      </c>
      <c r="AM36526">
        <v>22</v>
      </c>
      <c r="AN36526">
        <v>22</v>
      </c>
      <c r="AO36526">
        <v>22</v>
      </c>
      <c r="AP36526">
        <v>22</v>
      </c>
      <c r="AQ36526">
        <v>22</v>
      </c>
    </row>
    <row r="36527" spans="1:43">
      <c r="A36527" t="s">
        <v>22643</v>
      </c>
      <c r="B36527" t="s">
        <v>22644</v>
      </c>
      <c r="C36527" t="s">
        <v>22645</v>
      </c>
      <c r="D36527" t="s">
        <v>22646</v>
      </c>
      <c r="E36527" t="s">
        <v>22537</v>
      </c>
      <c r="F36527" t="s">
        <v>22538</v>
      </c>
      <c r="G36527" t="s">
        <v>22539</v>
      </c>
      <c r="H36527" t="s">
        <v>22540</v>
      </c>
      <c r="I36527" s="2">
        <v>0</v>
      </c>
      <c r="J36527" s="2">
        <v>0</v>
      </c>
      <c r="K36527" s="2">
        <v>1</v>
      </c>
      <c r="L36527" t="s">
        <v>995</v>
      </c>
      <c r="M36527" t="s">
        <v>87</v>
      </c>
      <c r="N36527" t="s">
        <v>88</v>
      </c>
      <c r="O36527" t="s">
        <v>85</v>
      </c>
      <c r="P36527" t="s">
        <v>86</v>
      </c>
      <c r="Q36527">
        <v>18</v>
      </c>
      <c r="R36527">
        <v>18</v>
      </c>
      <c r="S36527">
        <v>18</v>
      </c>
      <c r="T36527">
        <v>18</v>
      </c>
      <c r="U36527">
        <v>18</v>
      </c>
      <c r="V36527">
        <v>18</v>
      </c>
      <c r="W36527">
        <v>18</v>
      </c>
      <c r="X36527">
        <v>18</v>
      </c>
      <c r="Y36527">
        <v>18</v>
      </c>
      <c r="Z36527">
        <v>18</v>
      </c>
      <c r="AA36527">
        <v>18</v>
      </c>
      <c r="AB36527">
        <v>18</v>
      </c>
      <c r="AC36527">
        <v>18</v>
      </c>
      <c r="AD36527">
        <v>18</v>
      </c>
      <c r="AE36527">
        <v>18</v>
      </c>
      <c r="AF36527">
        <v>18</v>
      </c>
      <c r="AG36527">
        <v>19</v>
      </c>
      <c r="AH36527">
        <v>19</v>
      </c>
      <c r="AI36527">
        <v>19</v>
      </c>
      <c r="AJ36527">
        <v>19</v>
      </c>
      <c r="AK36527">
        <v>19</v>
      </c>
      <c r="AL36527">
        <v>19</v>
      </c>
      <c r="AM36527">
        <v>19</v>
      </c>
      <c r="AN36527">
        <v>19</v>
      </c>
      <c r="AO36527">
        <v>19</v>
      </c>
      <c r="AP36527">
        <v>19</v>
      </c>
      <c r="AQ36527">
        <v>19</v>
      </c>
    </row>
    <row r="36528" spans="1:43">
      <c r="A36528" t="s">
        <v>22643</v>
      </c>
      <c r="B36528" t="s">
        <v>22644</v>
      </c>
      <c r="C36528" t="s">
        <v>22645</v>
      </c>
      <c r="D36528" t="s">
        <v>22646</v>
      </c>
      <c r="E36528" t="s">
        <v>22537</v>
      </c>
      <c r="F36528" t="s">
        <v>22538</v>
      </c>
      <c r="G36528" t="s">
        <v>22539</v>
      </c>
      <c r="H36528" t="s">
        <v>22540</v>
      </c>
      <c r="I36528" s="2">
        <v>0</v>
      </c>
      <c r="J36528" s="2">
        <v>0</v>
      </c>
      <c r="K36528" s="2">
        <v>1</v>
      </c>
      <c r="L36528" t="s">
        <v>995</v>
      </c>
      <c r="M36528" t="s">
        <v>89</v>
      </c>
      <c r="N36528" t="s">
        <v>90</v>
      </c>
      <c r="O36528" t="s">
        <v>85</v>
      </c>
      <c r="P36528" t="s">
        <v>86</v>
      </c>
      <c r="Q36528">
        <v>18</v>
      </c>
      <c r="R36528">
        <v>19</v>
      </c>
      <c r="S36528">
        <v>19</v>
      </c>
      <c r="T36528">
        <v>19</v>
      </c>
      <c r="U36528">
        <v>20</v>
      </c>
      <c r="V36528">
        <v>20</v>
      </c>
      <c r="W36528">
        <v>20</v>
      </c>
      <c r="X36528">
        <v>21</v>
      </c>
      <c r="Y36528">
        <v>21</v>
      </c>
      <c r="Z36528">
        <v>21</v>
      </c>
      <c r="AA36528">
        <v>21</v>
      </c>
      <c r="AB36528">
        <v>22</v>
      </c>
      <c r="AC36528">
        <v>22</v>
      </c>
      <c r="AD36528">
        <v>22</v>
      </c>
      <c r="AE36528">
        <v>22</v>
      </c>
      <c r="AF36528">
        <v>22</v>
      </c>
      <c r="AG36528">
        <v>22</v>
      </c>
      <c r="AH36528">
        <v>22</v>
      </c>
      <c r="AI36528">
        <v>22</v>
      </c>
      <c r="AJ36528">
        <v>22</v>
      </c>
      <c r="AK36528">
        <v>22</v>
      </c>
      <c r="AL36528">
        <v>22</v>
      </c>
      <c r="AM36528">
        <v>22</v>
      </c>
      <c r="AN36528">
        <v>22</v>
      </c>
      <c r="AO36528">
        <v>22</v>
      </c>
      <c r="AP36528">
        <v>22</v>
      </c>
      <c r="AQ36528">
        <v>22</v>
      </c>
    </row>
    <row r="36529" spans="1:43">
      <c r="A36529" t="s">
        <v>22643</v>
      </c>
      <c r="B36529" t="s">
        <v>22644</v>
      </c>
      <c r="C36529" t="s">
        <v>22645</v>
      </c>
      <c r="D36529" t="s">
        <v>22646</v>
      </c>
      <c r="E36529" t="s">
        <v>22537</v>
      </c>
      <c r="F36529" t="s">
        <v>22538</v>
      </c>
      <c r="G36529" t="s">
        <v>22539</v>
      </c>
      <c r="H36529" t="s">
        <v>22540</v>
      </c>
      <c r="I36529" s="2">
        <v>0</v>
      </c>
      <c r="J36529" s="2">
        <v>0</v>
      </c>
      <c r="K36529" s="2">
        <v>1</v>
      </c>
      <c r="L36529" t="s">
        <v>995</v>
      </c>
      <c r="M36529" t="s">
        <v>83</v>
      </c>
      <c r="N36529" t="s">
        <v>91</v>
      </c>
      <c r="O36529" t="s">
        <v>85</v>
      </c>
      <c r="P36529" t="s">
        <v>86</v>
      </c>
      <c r="Q36529">
        <v>18</v>
      </c>
      <c r="R36529">
        <v>18</v>
      </c>
      <c r="S36529">
        <v>18</v>
      </c>
      <c r="T36529">
        <v>19</v>
      </c>
      <c r="U36529">
        <v>19</v>
      </c>
      <c r="V36529">
        <v>19</v>
      </c>
      <c r="W36529">
        <v>19</v>
      </c>
      <c r="X36529">
        <v>19</v>
      </c>
      <c r="Y36529">
        <v>20</v>
      </c>
      <c r="Z36529">
        <v>20</v>
      </c>
      <c r="AA36529">
        <v>20</v>
      </c>
      <c r="AB36529">
        <v>20</v>
      </c>
      <c r="AC36529">
        <v>20</v>
      </c>
      <c r="AD36529">
        <v>21</v>
      </c>
      <c r="AE36529">
        <v>21</v>
      </c>
      <c r="AF36529">
        <v>21</v>
      </c>
      <c r="AG36529">
        <v>21</v>
      </c>
      <c r="AH36529">
        <v>21</v>
      </c>
      <c r="AI36529">
        <v>22</v>
      </c>
      <c r="AJ36529">
        <v>22</v>
      </c>
      <c r="AK36529">
        <v>22</v>
      </c>
      <c r="AL36529">
        <v>22</v>
      </c>
      <c r="AM36529">
        <v>22</v>
      </c>
      <c r="AN36529">
        <v>22</v>
      </c>
      <c r="AO36529">
        <v>22</v>
      </c>
      <c r="AP36529">
        <v>22</v>
      </c>
      <c r="AQ36529">
        <v>22</v>
      </c>
    </row>
    <row r="36530" spans="1:43">
      <c r="A36530" t="s">
        <v>22647</v>
      </c>
      <c r="B36530" t="s">
        <v>22648</v>
      </c>
      <c r="C36530" t="s">
        <v>22645</v>
      </c>
      <c r="D36530" t="s">
        <v>22646</v>
      </c>
      <c r="E36530" t="s">
        <v>22537</v>
      </c>
      <c r="F36530" t="s">
        <v>22538</v>
      </c>
      <c r="G36530" t="s">
        <v>22539</v>
      </c>
      <c r="H36530" t="s">
        <v>22540</v>
      </c>
      <c r="I36530" s="2">
        <v>0</v>
      </c>
      <c r="J36530" s="2">
        <v>0</v>
      </c>
      <c r="K36530" s="2">
        <v>1</v>
      </c>
      <c r="L36530" t="s">
        <v>995</v>
      </c>
      <c r="M36530" t="s">
        <v>83</v>
      </c>
      <c r="N36530" t="s">
        <v>84</v>
      </c>
      <c r="O36530" t="s">
        <v>85</v>
      </c>
      <c r="P36530" t="s">
        <v>86</v>
      </c>
      <c r="Q36530">
        <v>56</v>
      </c>
      <c r="R36530">
        <v>57</v>
      </c>
      <c r="S36530">
        <v>57</v>
      </c>
      <c r="T36530">
        <v>58</v>
      </c>
      <c r="U36530">
        <v>59</v>
      </c>
      <c r="V36530">
        <v>59</v>
      </c>
      <c r="W36530">
        <v>60</v>
      </c>
      <c r="X36530">
        <v>61</v>
      </c>
      <c r="Y36530">
        <v>61</v>
      </c>
      <c r="Z36530">
        <v>62</v>
      </c>
      <c r="AA36530">
        <v>63</v>
      </c>
      <c r="AB36530">
        <v>63</v>
      </c>
      <c r="AC36530">
        <v>64</v>
      </c>
      <c r="AD36530">
        <v>64</v>
      </c>
      <c r="AE36530">
        <v>65</v>
      </c>
      <c r="AF36530">
        <v>65</v>
      </c>
      <c r="AG36530">
        <v>66</v>
      </c>
      <c r="AH36530">
        <v>66</v>
      </c>
      <c r="AI36530">
        <v>67</v>
      </c>
      <c r="AJ36530">
        <v>67</v>
      </c>
      <c r="AK36530">
        <v>68</v>
      </c>
      <c r="AL36530">
        <v>68</v>
      </c>
      <c r="AM36530">
        <v>68</v>
      </c>
      <c r="AN36530">
        <v>68</v>
      </c>
      <c r="AO36530">
        <v>67</v>
      </c>
      <c r="AP36530">
        <v>67</v>
      </c>
      <c r="AQ36530">
        <v>67</v>
      </c>
    </row>
    <row r="36531" spans="1:43">
      <c r="A36531" t="s">
        <v>22647</v>
      </c>
      <c r="B36531" t="s">
        <v>22648</v>
      </c>
      <c r="C36531" t="s">
        <v>22645</v>
      </c>
      <c r="D36531" t="s">
        <v>22646</v>
      </c>
      <c r="E36531" t="s">
        <v>22537</v>
      </c>
      <c r="F36531" t="s">
        <v>22538</v>
      </c>
      <c r="G36531" t="s">
        <v>22539</v>
      </c>
      <c r="H36531" t="s">
        <v>22540</v>
      </c>
      <c r="I36531" s="2">
        <v>0</v>
      </c>
      <c r="J36531" s="2">
        <v>0</v>
      </c>
      <c r="K36531" s="2">
        <v>1</v>
      </c>
      <c r="L36531" t="s">
        <v>995</v>
      </c>
      <c r="M36531" t="s">
        <v>87</v>
      </c>
      <c r="N36531" t="s">
        <v>88</v>
      </c>
      <c r="O36531" t="s">
        <v>85</v>
      </c>
      <c r="P36531" t="s">
        <v>86</v>
      </c>
      <c r="Q36531">
        <v>56</v>
      </c>
      <c r="R36531">
        <v>57</v>
      </c>
      <c r="S36531">
        <v>57</v>
      </c>
      <c r="T36531">
        <v>57</v>
      </c>
      <c r="U36531">
        <v>57</v>
      </c>
      <c r="V36531">
        <v>57</v>
      </c>
      <c r="W36531">
        <v>57</v>
      </c>
      <c r="X36531">
        <v>58</v>
      </c>
      <c r="Y36531">
        <v>58</v>
      </c>
      <c r="Z36531">
        <v>58</v>
      </c>
      <c r="AA36531">
        <v>58</v>
      </c>
      <c r="AB36531">
        <v>58</v>
      </c>
      <c r="AC36531">
        <v>58</v>
      </c>
      <c r="AD36531">
        <v>58</v>
      </c>
      <c r="AE36531">
        <v>58</v>
      </c>
      <c r="AF36531">
        <v>58</v>
      </c>
      <c r="AG36531">
        <v>59</v>
      </c>
      <c r="AH36531">
        <v>59</v>
      </c>
      <c r="AI36531">
        <v>59</v>
      </c>
      <c r="AJ36531">
        <v>59</v>
      </c>
      <c r="AK36531">
        <v>59</v>
      </c>
      <c r="AL36531">
        <v>59</v>
      </c>
      <c r="AM36531">
        <v>59</v>
      </c>
      <c r="AN36531">
        <v>59</v>
      </c>
      <c r="AO36531">
        <v>59</v>
      </c>
      <c r="AP36531">
        <v>59</v>
      </c>
      <c r="AQ36531">
        <v>59</v>
      </c>
    </row>
    <row r="36532" spans="1:43">
      <c r="A36532" t="s">
        <v>22647</v>
      </c>
      <c r="B36532" t="s">
        <v>22648</v>
      </c>
      <c r="C36532" t="s">
        <v>22645</v>
      </c>
      <c r="D36532" t="s">
        <v>22646</v>
      </c>
      <c r="E36532" t="s">
        <v>22537</v>
      </c>
      <c r="F36532" t="s">
        <v>22538</v>
      </c>
      <c r="G36532" t="s">
        <v>22539</v>
      </c>
      <c r="H36532" t="s">
        <v>22540</v>
      </c>
      <c r="I36532" s="2">
        <v>0</v>
      </c>
      <c r="J36532" s="2">
        <v>0</v>
      </c>
      <c r="K36532" s="2">
        <v>1</v>
      </c>
      <c r="L36532" t="s">
        <v>995</v>
      </c>
      <c r="M36532" t="s">
        <v>89</v>
      </c>
      <c r="N36532" t="s">
        <v>90</v>
      </c>
      <c r="O36532" t="s">
        <v>85</v>
      </c>
      <c r="P36532" t="s">
        <v>86</v>
      </c>
      <c r="Q36532">
        <v>56</v>
      </c>
      <c r="R36532">
        <v>58</v>
      </c>
      <c r="S36532">
        <v>59</v>
      </c>
      <c r="T36532">
        <v>60</v>
      </c>
      <c r="U36532">
        <v>61</v>
      </c>
      <c r="V36532">
        <v>62</v>
      </c>
      <c r="W36532">
        <v>63</v>
      </c>
      <c r="X36532">
        <v>64</v>
      </c>
      <c r="Y36532">
        <v>65</v>
      </c>
      <c r="Z36532">
        <v>66</v>
      </c>
      <c r="AA36532">
        <v>67</v>
      </c>
      <c r="AB36532">
        <v>67</v>
      </c>
      <c r="AC36532">
        <v>68</v>
      </c>
      <c r="AD36532">
        <v>69</v>
      </c>
      <c r="AE36532">
        <v>70</v>
      </c>
      <c r="AF36532">
        <v>69</v>
      </c>
      <c r="AG36532">
        <v>69</v>
      </c>
      <c r="AH36532">
        <v>69</v>
      </c>
      <c r="AI36532">
        <v>69</v>
      </c>
      <c r="AJ36532">
        <v>69</v>
      </c>
      <c r="AK36532">
        <v>69</v>
      </c>
      <c r="AL36532">
        <v>68</v>
      </c>
      <c r="AM36532">
        <v>68</v>
      </c>
      <c r="AN36532">
        <v>68</v>
      </c>
      <c r="AO36532">
        <v>68</v>
      </c>
      <c r="AP36532">
        <v>68</v>
      </c>
      <c r="AQ36532">
        <v>67</v>
      </c>
    </row>
    <row r="36533" spans="1:43">
      <c r="A36533" t="s">
        <v>22647</v>
      </c>
      <c r="B36533" t="s">
        <v>22648</v>
      </c>
      <c r="C36533" t="s">
        <v>22645</v>
      </c>
      <c r="D36533" t="s">
        <v>22646</v>
      </c>
      <c r="E36533" t="s">
        <v>22537</v>
      </c>
      <c r="F36533" t="s">
        <v>22538</v>
      </c>
      <c r="G36533" t="s">
        <v>22539</v>
      </c>
      <c r="H36533" t="s">
        <v>22540</v>
      </c>
      <c r="I36533" s="2">
        <v>0</v>
      </c>
      <c r="J36533" s="2">
        <v>0</v>
      </c>
      <c r="K36533" s="2">
        <v>1</v>
      </c>
      <c r="L36533" t="s">
        <v>995</v>
      </c>
      <c r="M36533" t="s">
        <v>83</v>
      </c>
      <c r="N36533" t="s">
        <v>91</v>
      </c>
      <c r="O36533" t="s">
        <v>85</v>
      </c>
      <c r="P36533" t="s">
        <v>86</v>
      </c>
      <c r="Q36533">
        <v>56</v>
      </c>
      <c r="R36533">
        <v>57</v>
      </c>
      <c r="S36533">
        <v>57</v>
      </c>
      <c r="T36533">
        <v>58</v>
      </c>
      <c r="U36533">
        <v>59</v>
      </c>
      <c r="V36533">
        <v>59</v>
      </c>
      <c r="W36533">
        <v>60</v>
      </c>
      <c r="X36533">
        <v>61</v>
      </c>
      <c r="Y36533">
        <v>61</v>
      </c>
      <c r="Z36533">
        <v>62</v>
      </c>
      <c r="AA36533">
        <v>63</v>
      </c>
      <c r="AB36533">
        <v>63</v>
      </c>
      <c r="AC36533">
        <v>64</v>
      </c>
      <c r="AD36533">
        <v>64</v>
      </c>
      <c r="AE36533">
        <v>65</v>
      </c>
      <c r="AF36533">
        <v>65</v>
      </c>
      <c r="AG36533">
        <v>66</v>
      </c>
      <c r="AH36533">
        <v>66</v>
      </c>
      <c r="AI36533">
        <v>67</v>
      </c>
      <c r="AJ36533">
        <v>67</v>
      </c>
      <c r="AK36533">
        <v>68</v>
      </c>
      <c r="AL36533">
        <v>68</v>
      </c>
      <c r="AM36533">
        <v>68</v>
      </c>
      <c r="AN36533">
        <v>68</v>
      </c>
      <c r="AO36533">
        <v>67</v>
      </c>
      <c r="AP36533">
        <v>67</v>
      </c>
      <c r="AQ36533">
        <v>67</v>
      </c>
    </row>
    <row r="36534" spans="1:43">
      <c r="A36534" t="s">
        <v>22649</v>
      </c>
      <c r="B36534" t="s">
        <v>22650</v>
      </c>
      <c r="C36534" t="s">
        <v>22645</v>
      </c>
      <c r="D36534" t="s">
        <v>22646</v>
      </c>
      <c r="E36534" t="s">
        <v>22537</v>
      </c>
      <c r="F36534" t="s">
        <v>22538</v>
      </c>
      <c r="G36534" t="s">
        <v>22539</v>
      </c>
      <c r="H36534" t="s">
        <v>22540</v>
      </c>
      <c r="I36534" s="2">
        <v>0</v>
      </c>
      <c r="J36534" s="2">
        <v>0</v>
      </c>
      <c r="K36534" s="2">
        <v>1</v>
      </c>
      <c r="L36534" t="s">
        <v>995</v>
      </c>
      <c r="M36534" t="s">
        <v>83</v>
      </c>
      <c r="N36534" t="s">
        <v>84</v>
      </c>
      <c r="O36534" t="s">
        <v>85</v>
      </c>
      <c r="P36534" t="s">
        <v>86</v>
      </c>
      <c r="Q36534">
        <v>20</v>
      </c>
      <c r="R36534">
        <v>20</v>
      </c>
      <c r="S36534">
        <v>20</v>
      </c>
      <c r="T36534">
        <v>21</v>
      </c>
      <c r="U36534">
        <v>21</v>
      </c>
      <c r="V36534">
        <v>21</v>
      </c>
      <c r="W36534">
        <v>21</v>
      </c>
      <c r="X36534">
        <v>22</v>
      </c>
      <c r="Y36534">
        <v>22</v>
      </c>
      <c r="Z36534">
        <v>22</v>
      </c>
      <c r="AA36534">
        <v>22</v>
      </c>
      <c r="AB36534">
        <v>22</v>
      </c>
      <c r="AC36534">
        <v>23</v>
      </c>
      <c r="AD36534">
        <v>23</v>
      </c>
      <c r="AE36534">
        <v>23</v>
      </c>
      <c r="AF36534">
        <v>23</v>
      </c>
      <c r="AG36534">
        <v>23</v>
      </c>
      <c r="AH36534">
        <v>24</v>
      </c>
      <c r="AI36534">
        <v>24</v>
      </c>
      <c r="AJ36534">
        <v>24</v>
      </c>
      <c r="AK36534">
        <v>24</v>
      </c>
      <c r="AL36534">
        <v>24</v>
      </c>
      <c r="AM36534">
        <v>24</v>
      </c>
      <c r="AN36534">
        <v>24</v>
      </c>
      <c r="AO36534">
        <v>24</v>
      </c>
      <c r="AP36534">
        <v>24</v>
      </c>
      <c r="AQ36534">
        <v>24</v>
      </c>
    </row>
    <row r="36535" spans="1:43">
      <c r="A36535" t="s">
        <v>22649</v>
      </c>
      <c r="B36535" t="s">
        <v>22650</v>
      </c>
      <c r="C36535" t="s">
        <v>22645</v>
      </c>
      <c r="D36535" t="s">
        <v>22646</v>
      </c>
      <c r="E36535" t="s">
        <v>22537</v>
      </c>
      <c r="F36535" t="s">
        <v>22538</v>
      </c>
      <c r="G36535" t="s">
        <v>22539</v>
      </c>
      <c r="H36535" t="s">
        <v>22540</v>
      </c>
      <c r="I36535" s="2">
        <v>0</v>
      </c>
      <c r="J36535" s="2">
        <v>0</v>
      </c>
      <c r="K36535" s="2">
        <v>1</v>
      </c>
      <c r="L36535" t="s">
        <v>995</v>
      </c>
      <c r="M36535" t="s">
        <v>87</v>
      </c>
      <c r="N36535" t="s">
        <v>88</v>
      </c>
      <c r="O36535" t="s">
        <v>85</v>
      </c>
      <c r="P36535" t="s">
        <v>86</v>
      </c>
      <c r="Q36535">
        <v>20</v>
      </c>
      <c r="R36535">
        <v>20</v>
      </c>
      <c r="S36535">
        <v>20</v>
      </c>
      <c r="T36535">
        <v>20</v>
      </c>
      <c r="U36535">
        <v>20</v>
      </c>
      <c r="V36535">
        <v>20</v>
      </c>
      <c r="W36535">
        <v>20</v>
      </c>
      <c r="X36535">
        <v>20</v>
      </c>
      <c r="Y36535">
        <v>20</v>
      </c>
      <c r="Z36535">
        <v>20</v>
      </c>
      <c r="AA36535">
        <v>20</v>
      </c>
      <c r="AB36535">
        <v>20</v>
      </c>
      <c r="AC36535">
        <v>20</v>
      </c>
      <c r="AD36535">
        <v>20</v>
      </c>
      <c r="AE36535">
        <v>20</v>
      </c>
      <c r="AF36535">
        <v>20</v>
      </c>
      <c r="AG36535">
        <v>20</v>
      </c>
      <c r="AH36535">
        <v>20</v>
      </c>
      <c r="AI36535">
        <v>20</v>
      </c>
      <c r="AJ36535">
        <v>20</v>
      </c>
      <c r="AK36535">
        <v>20</v>
      </c>
      <c r="AL36535">
        <v>20</v>
      </c>
      <c r="AM36535">
        <v>21</v>
      </c>
      <c r="AN36535">
        <v>21</v>
      </c>
      <c r="AO36535">
        <v>21</v>
      </c>
      <c r="AP36535">
        <v>21</v>
      </c>
      <c r="AQ36535">
        <v>21</v>
      </c>
    </row>
    <row r="36536" spans="1:43">
      <c r="A36536" t="s">
        <v>22649</v>
      </c>
      <c r="B36536" t="s">
        <v>22650</v>
      </c>
      <c r="C36536" t="s">
        <v>22645</v>
      </c>
      <c r="D36536" t="s">
        <v>22646</v>
      </c>
      <c r="E36536" t="s">
        <v>22537</v>
      </c>
      <c r="F36536" t="s">
        <v>22538</v>
      </c>
      <c r="G36536" t="s">
        <v>22539</v>
      </c>
      <c r="H36536" t="s">
        <v>22540</v>
      </c>
      <c r="I36536" s="2">
        <v>0</v>
      </c>
      <c r="J36536" s="2">
        <v>0</v>
      </c>
      <c r="K36536" s="2">
        <v>1</v>
      </c>
      <c r="L36536" t="s">
        <v>995</v>
      </c>
      <c r="M36536" t="s">
        <v>89</v>
      </c>
      <c r="N36536" t="s">
        <v>90</v>
      </c>
      <c r="O36536" t="s">
        <v>85</v>
      </c>
      <c r="P36536" t="s">
        <v>86</v>
      </c>
      <c r="Q36536">
        <v>20</v>
      </c>
      <c r="R36536">
        <v>21</v>
      </c>
      <c r="S36536">
        <v>21</v>
      </c>
      <c r="T36536">
        <v>21</v>
      </c>
      <c r="U36536">
        <v>22</v>
      </c>
      <c r="V36536">
        <v>22</v>
      </c>
      <c r="W36536">
        <v>22</v>
      </c>
      <c r="X36536">
        <v>23</v>
      </c>
      <c r="Y36536">
        <v>23</v>
      </c>
      <c r="Z36536">
        <v>23</v>
      </c>
      <c r="AA36536">
        <v>24</v>
      </c>
      <c r="AB36536">
        <v>24</v>
      </c>
      <c r="AC36536">
        <v>24</v>
      </c>
      <c r="AD36536">
        <v>25</v>
      </c>
      <c r="AE36536">
        <v>25</v>
      </c>
      <c r="AF36536">
        <v>25</v>
      </c>
      <c r="AG36536">
        <v>25</v>
      </c>
      <c r="AH36536">
        <v>24</v>
      </c>
      <c r="AI36536">
        <v>24</v>
      </c>
      <c r="AJ36536">
        <v>24</v>
      </c>
      <c r="AK36536">
        <v>24</v>
      </c>
      <c r="AL36536">
        <v>24</v>
      </c>
      <c r="AM36536">
        <v>24</v>
      </c>
      <c r="AN36536">
        <v>24</v>
      </c>
      <c r="AO36536">
        <v>24</v>
      </c>
      <c r="AP36536">
        <v>24</v>
      </c>
      <c r="AQ36536">
        <v>24</v>
      </c>
    </row>
    <row r="36537" spans="1:43">
      <c r="A36537" t="s">
        <v>22649</v>
      </c>
      <c r="B36537" t="s">
        <v>22650</v>
      </c>
      <c r="C36537" t="s">
        <v>22645</v>
      </c>
      <c r="D36537" t="s">
        <v>22646</v>
      </c>
      <c r="E36537" t="s">
        <v>22537</v>
      </c>
      <c r="F36537" t="s">
        <v>22538</v>
      </c>
      <c r="G36537" t="s">
        <v>22539</v>
      </c>
      <c r="H36537" t="s">
        <v>22540</v>
      </c>
      <c r="I36537" s="2">
        <v>0</v>
      </c>
      <c r="J36537" s="2">
        <v>0</v>
      </c>
      <c r="K36537" s="2">
        <v>1</v>
      </c>
      <c r="L36537" t="s">
        <v>995</v>
      </c>
      <c r="M36537" t="s">
        <v>83</v>
      </c>
      <c r="N36537" t="s">
        <v>91</v>
      </c>
      <c r="O36537" t="s">
        <v>85</v>
      </c>
      <c r="P36537" t="s">
        <v>86</v>
      </c>
      <c r="Q36537">
        <v>20</v>
      </c>
      <c r="R36537">
        <v>20</v>
      </c>
      <c r="S36537">
        <v>20</v>
      </c>
      <c r="T36537">
        <v>21</v>
      </c>
      <c r="U36537">
        <v>21</v>
      </c>
      <c r="V36537">
        <v>21</v>
      </c>
      <c r="W36537">
        <v>21</v>
      </c>
      <c r="X36537">
        <v>22</v>
      </c>
      <c r="Y36537">
        <v>22</v>
      </c>
      <c r="Z36537">
        <v>22</v>
      </c>
      <c r="AA36537">
        <v>22</v>
      </c>
      <c r="AB36537">
        <v>22</v>
      </c>
      <c r="AC36537">
        <v>23</v>
      </c>
      <c r="AD36537">
        <v>23</v>
      </c>
      <c r="AE36537">
        <v>23</v>
      </c>
      <c r="AF36537">
        <v>23</v>
      </c>
      <c r="AG36537">
        <v>23</v>
      </c>
      <c r="AH36537">
        <v>24</v>
      </c>
      <c r="AI36537">
        <v>24</v>
      </c>
      <c r="AJ36537">
        <v>24</v>
      </c>
      <c r="AK36537">
        <v>24</v>
      </c>
      <c r="AL36537">
        <v>24</v>
      </c>
      <c r="AM36537">
        <v>24</v>
      </c>
      <c r="AN36537">
        <v>24</v>
      </c>
      <c r="AO36537">
        <v>24</v>
      </c>
      <c r="AP36537">
        <v>24</v>
      </c>
      <c r="AQ36537">
        <v>24</v>
      </c>
    </row>
    <row r="36538" spans="1:43">
      <c r="A36538" t="s">
        <v>22651</v>
      </c>
      <c r="B36538" t="s">
        <v>22652</v>
      </c>
      <c r="C36538" t="s">
        <v>22645</v>
      </c>
      <c r="D36538" t="s">
        <v>22646</v>
      </c>
      <c r="E36538" t="s">
        <v>22537</v>
      </c>
      <c r="F36538" t="s">
        <v>22538</v>
      </c>
      <c r="G36538" t="s">
        <v>22539</v>
      </c>
      <c r="H36538" t="s">
        <v>22540</v>
      </c>
      <c r="I36538" s="2">
        <v>0</v>
      </c>
      <c r="J36538" s="2">
        <v>0</v>
      </c>
      <c r="K36538" s="2">
        <v>1</v>
      </c>
      <c r="L36538" t="s">
        <v>995</v>
      </c>
      <c r="M36538" t="s">
        <v>83</v>
      </c>
      <c r="N36538" t="s">
        <v>84</v>
      </c>
      <c r="O36538" t="s">
        <v>85</v>
      </c>
      <c r="P36538" t="s">
        <v>86</v>
      </c>
      <c r="Q36538">
        <v>34</v>
      </c>
      <c r="R36538">
        <v>35</v>
      </c>
      <c r="S36538">
        <v>35</v>
      </c>
      <c r="T36538">
        <v>36</v>
      </c>
      <c r="U36538">
        <v>36</v>
      </c>
      <c r="V36538">
        <v>37</v>
      </c>
      <c r="W36538">
        <v>37</v>
      </c>
      <c r="X36538">
        <v>37</v>
      </c>
      <c r="Y36538">
        <v>38</v>
      </c>
      <c r="Z36538">
        <v>38</v>
      </c>
      <c r="AA36538">
        <v>39</v>
      </c>
      <c r="AB36538">
        <v>39</v>
      </c>
      <c r="AC36538">
        <v>39</v>
      </c>
      <c r="AD36538">
        <v>40</v>
      </c>
      <c r="AE36538">
        <v>40</v>
      </c>
      <c r="AF36538">
        <v>40</v>
      </c>
      <c r="AG36538">
        <v>41</v>
      </c>
      <c r="AH36538">
        <v>41</v>
      </c>
      <c r="AI36538">
        <v>41</v>
      </c>
      <c r="AJ36538">
        <v>42</v>
      </c>
      <c r="AK36538">
        <v>42</v>
      </c>
      <c r="AL36538">
        <v>42</v>
      </c>
      <c r="AM36538">
        <v>42</v>
      </c>
      <c r="AN36538">
        <v>42</v>
      </c>
      <c r="AO36538">
        <v>42</v>
      </c>
      <c r="AP36538">
        <v>41</v>
      </c>
      <c r="AQ36538">
        <v>41</v>
      </c>
    </row>
    <row r="36539" spans="1:43">
      <c r="A36539" t="s">
        <v>22651</v>
      </c>
      <c r="B36539" t="s">
        <v>22652</v>
      </c>
      <c r="C36539" t="s">
        <v>22645</v>
      </c>
      <c r="D36539" t="s">
        <v>22646</v>
      </c>
      <c r="E36539" t="s">
        <v>22537</v>
      </c>
      <c r="F36539" t="s">
        <v>22538</v>
      </c>
      <c r="G36539" t="s">
        <v>22539</v>
      </c>
      <c r="H36539" t="s">
        <v>22540</v>
      </c>
      <c r="I36539" s="2">
        <v>0</v>
      </c>
      <c r="J36539" s="2">
        <v>0</v>
      </c>
      <c r="K36539" s="2">
        <v>1</v>
      </c>
      <c r="L36539" t="s">
        <v>995</v>
      </c>
      <c r="M36539" t="s">
        <v>87</v>
      </c>
      <c r="N36539" t="s">
        <v>88</v>
      </c>
      <c r="O36539" t="s">
        <v>85</v>
      </c>
      <c r="P36539" t="s">
        <v>86</v>
      </c>
      <c r="Q36539">
        <v>34</v>
      </c>
      <c r="R36539">
        <v>34</v>
      </c>
      <c r="S36539">
        <v>34</v>
      </c>
      <c r="T36539">
        <v>34</v>
      </c>
      <c r="U36539">
        <v>35</v>
      </c>
      <c r="V36539">
        <v>35</v>
      </c>
      <c r="W36539">
        <v>35</v>
      </c>
      <c r="X36539">
        <v>35</v>
      </c>
      <c r="Y36539">
        <v>35</v>
      </c>
      <c r="Z36539">
        <v>35</v>
      </c>
      <c r="AA36539">
        <v>35</v>
      </c>
      <c r="AB36539">
        <v>35</v>
      </c>
      <c r="AC36539">
        <v>35</v>
      </c>
      <c r="AD36539">
        <v>35</v>
      </c>
      <c r="AE36539">
        <v>35</v>
      </c>
      <c r="AF36539">
        <v>35</v>
      </c>
      <c r="AG36539">
        <v>35</v>
      </c>
      <c r="AH36539">
        <v>36</v>
      </c>
      <c r="AI36539">
        <v>36</v>
      </c>
      <c r="AJ36539">
        <v>36</v>
      </c>
      <c r="AK36539">
        <v>36</v>
      </c>
      <c r="AL36539">
        <v>36</v>
      </c>
      <c r="AM36539">
        <v>36</v>
      </c>
      <c r="AN36539">
        <v>36</v>
      </c>
      <c r="AO36539">
        <v>36</v>
      </c>
      <c r="AP36539">
        <v>36</v>
      </c>
      <c r="AQ36539">
        <v>36</v>
      </c>
    </row>
    <row r="36540" spans="1:43">
      <c r="A36540" t="s">
        <v>22651</v>
      </c>
      <c r="B36540" t="s">
        <v>22652</v>
      </c>
      <c r="C36540" t="s">
        <v>22645</v>
      </c>
      <c r="D36540" t="s">
        <v>22646</v>
      </c>
      <c r="E36540" t="s">
        <v>22537</v>
      </c>
      <c r="F36540" t="s">
        <v>22538</v>
      </c>
      <c r="G36540" t="s">
        <v>22539</v>
      </c>
      <c r="H36540" t="s">
        <v>22540</v>
      </c>
      <c r="I36540" s="2">
        <v>0</v>
      </c>
      <c r="J36540" s="2">
        <v>0</v>
      </c>
      <c r="K36540" s="2">
        <v>1</v>
      </c>
      <c r="L36540" t="s">
        <v>995</v>
      </c>
      <c r="M36540" t="s">
        <v>89</v>
      </c>
      <c r="N36540" t="s">
        <v>90</v>
      </c>
      <c r="O36540" t="s">
        <v>85</v>
      </c>
      <c r="P36540" t="s">
        <v>86</v>
      </c>
      <c r="Q36540">
        <v>34</v>
      </c>
      <c r="R36540">
        <v>35</v>
      </c>
      <c r="S36540">
        <v>35</v>
      </c>
      <c r="T36540">
        <v>36</v>
      </c>
      <c r="U36540">
        <v>37</v>
      </c>
      <c r="V36540">
        <v>37</v>
      </c>
      <c r="W36540">
        <v>38</v>
      </c>
      <c r="X36540">
        <v>38</v>
      </c>
      <c r="Y36540">
        <v>39</v>
      </c>
      <c r="Z36540">
        <v>40</v>
      </c>
      <c r="AA36540">
        <v>40</v>
      </c>
      <c r="AB36540">
        <v>41</v>
      </c>
      <c r="AC36540">
        <v>41</v>
      </c>
      <c r="AD36540">
        <v>42</v>
      </c>
      <c r="AE36540">
        <v>42</v>
      </c>
      <c r="AF36540">
        <v>42</v>
      </c>
      <c r="AG36540">
        <v>42</v>
      </c>
      <c r="AH36540">
        <v>42</v>
      </c>
      <c r="AI36540">
        <v>41</v>
      </c>
      <c r="AJ36540">
        <v>41</v>
      </c>
      <c r="AK36540">
        <v>41</v>
      </c>
      <c r="AL36540">
        <v>41</v>
      </c>
      <c r="AM36540">
        <v>41</v>
      </c>
      <c r="AN36540">
        <v>41</v>
      </c>
      <c r="AO36540">
        <v>41</v>
      </c>
      <c r="AP36540">
        <v>41</v>
      </c>
      <c r="AQ36540">
        <v>41</v>
      </c>
    </row>
    <row r="36541" spans="1:43">
      <c r="A36541" t="s">
        <v>22651</v>
      </c>
      <c r="B36541" t="s">
        <v>22652</v>
      </c>
      <c r="C36541" t="s">
        <v>22645</v>
      </c>
      <c r="D36541" t="s">
        <v>22646</v>
      </c>
      <c r="E36541" t="s">
        <v>22537</v>
      </c>
      <c r="F36541" t="s">
        <v>22538</v>
      </c>
      <c r="G36541" t="s">
        <v>22539</v>
      </c>
      <c r="H36541" t="s">
        <v>22540</v>
      </c>
      <c r="I36541" s="2">
        <v>0</v>
      </c>
      <c r="J36541" s="2">
        <v>0</v>
      </c>
      <c r="K36541" s="2">
        <v>1</v>
      </c>
      <c r="L36541" t="s">
        <v>995</v>
      </c>
      <c r="M36541" t="s">
        <v>83</v>
      </c>
      <c r="N36541" t="s">
        <v>91</v>
      </c>
      <c r="O36541" t="s">
        <v>85</v>
      </c>
      <c r="P36541" t="s">
        <v>86</v>
      </c>
      <c r="Q36541">
        <v>34</v>
      </c>
      <c r="R36541">
        <v>35</v>
      </c>
      <c r="S36541">
        <v>35</v>
      </c>
      <c r="T36541">
        <v>36</v>
      </c>
      <c r="U36541">
        <v>36</v>
      </c>
      <c r="V36541">
        <v>37</v>
      </c>
      <c r="W36541">
        <v>37</v>
      </c>
      <c r="X36541">
        <v>37</v>
      </c>
      <c r="Y36541">
        <v>38</v>
      </c>
      <c r="Z36541">
        <v>38</v>
      </c>
      <c r="AA36541">
        <v>39</v>
      </c>
      <c r="AB36541">
        <v>39</v>
      </c>
      <c r="AC36541">
        <v>39</v>
      </c>
      <c r="AD36541">
        <v>40</v>
      </c>
      <c r="AE36541">
        <v>40</v>
      </c>
      <c r="AF36541">
        <v>40</v>
      </c>
      <c r="AG36541">
        <v>41</v>
      </c>
      <c r="AH36541">
        <v>41</v>
      </c>
      <c r="AI36541">
        <v>41</v>
      </c>
      <c r="AJ36541">
        <v>42</v>
      </c>
      <c r="AK36541">
        <v>42</v>
      </c>
      <c r="AL36541">
        <v>42</v>
      </c>
      <c r="AM36541">
        <v>42</v>
      </c>
      <c r="AN36541">
        <v>42</v>
      </c>
      <c r="AO36541">
        <v>42</v>
      </c>
      <c r="AP36541">
        <v>41</v>
      </c>
      <c r="AQ36541">
        <v>41</v>
      </c>
    </row>
    <row r="36542" spans="1:43">
      <c r="A36542" t="s">
        <v>22653</v>
      </c>
      <c r="B36542" t="s">
        <v>22654</v>
      </c>
      <c r="C36542" t="s">
        <v>22557</v>
      </c>
      <c r="D36542" t="s">
        <v>22558</v>
      </c>
      <c r="E36542" t="s">
        <v>22537</v>
      </c>
      <c r="F36542" t="s">
        <v>22538</v>
      </c>
      <c r="G36542" t="s">
        <v>22539</v>
      </c>
      <c r="H36542" t="s">
        <v>22540</v>
      </c>
      <c r="I36542" s="2">
        <v>0</v>
      </c>
      <c r="J36542" s="2">
        <v>0</v>
      </c>
      <c r="K36542" s="2">
        <v>1</v>
      </c>
      <c r="L36542" t="s">
        <v>995</v>
      </c>
      <c r="M36542" t="s">
        <v>83</v>
      </c>
      <c r="N36542" t="s">
        <v>84</v>
      </c>
      <c r="O36542" t="s">
        <v>85</v>
      </c>
      <c r="P36542" t="s">
        <v>86</v>
      </c>
      <c r="Q36542">
        <v>52</v>
      </c>
      <c r="R36542">
        <v>53</v>
      </c>
      <c r="S36542">
        <v>53</v>
      </c>
      <c r="T36542">
        <v>54</v>
      </c>
      <c r="U36542">
        <v>54</v>
      </c>
      <c r="V36542">
        <v>55</v>
      </c>
      <c r="W36542">
        <v>56</v>
      </c>
      <c r="X36542">
        <v>56</v>
      </c>
      <c r="Y36542">
        <v>57</v>
      </c>
      <c r="Z36542">
        <v>58</v>
      </c>
      <c r="AA36542">
        <v>58</v>
      </c>
      <c r="AB36542">
        <v>59</v>
      </c>
      <c r="AC36542">
        <v>59</v>
      </c>
      <c r="AD36542">
        <v>60</v>
      </c>
      <c r="AE36542">
        <v>60</v>
      </c>
      <c r="AF36542">
        <v>61</v>
      </c>
      <c r="AG36542">
        <v>61</v>
      </c>
      <c r="AH36542">
        <v>62</v>
      </c>
      <c r="AI36542">
        <v>62</v>
      </c>
      <c r="AJ36542">
        <v>63</v>
      </c>
      <c r="AK36542">
        <v>63</v>
      </c>
      <c r="AL36542">
        <v>63</v>
      </c>
      <c r="AM36542">
        <v>63</v>
      </c>
      <c r="AN36542">
        <v>63</v>
      </c>
      <c r="AO36542">
        <v>63</v>
      </c>
      <c r="AP36542">
        <v>63</v>
      </c>
      <c r="AQ36542">
        <v>63</v>
      </c>
    </row>
    <row r="36543" spans="1:43">
      <c r="A36543" t="s">
        <v>22653</v>
      </c>
      <c r="B36543" t="s">
        <v>22654</v>
      </c>
      <c r="C36543" t="s">
        <v>22557</v>
      </c>
      <c r="D36543" t="s">
        <v>22558</v>
      </c>
      <c r="E36543" t="s">
        <v>22537</v>
      </c>
      <c r="F36543" t="s">
        <v>22538</v>
      </c>
      <c r="G36543" t="s">
        <v>22539</v>
      </c>
      <c r="H36543" t="s">
        <v>22540</v>
      </c>
      <c r="I36543" s="2">
        <v>0</v>
      </c>
      <c r="J36543" s="2">
        <v>0</v>
      </c>
      <c r="K36543" s="2">
        <v>1</v>
      </c>
      <c r="L36543" t="s">
        <v>995</v>
      </c>
      <c r="M36543" t="s">
        <v>87</v>
      </c>
      <c r="N36543" t="s">
        <v>88</v>
      </c>
      <c r="O36543" t="s">
        <v>85</v>
      </c>
      <c r="P36543" t="s">
        <v>86</v>
      </c>
      <c r="Q36543">
        <v>52</v>
      </c>
      <c r="R36543">
        <v>53</v>
      </c>
      <c r="S36543">
        <v>53</v>
      </c>
      <c r="T36543">
        <v>53</v>
      </c>
      <c r="U36543">
        <v>53</v>
      </c>
      <c r="V36543">
        <v>53</v>
      </c>
      <c r="W36543">
        <v>53</v>
      </c>
      <c r="X36543">
        <v>54</v>
      </c>
      <c r="Y36543">
        <v>54</v>
      </c>
      <c r="Z36543">
        <v>54</v>
      </c>
      <c r="AA36543">
        <v>54</v>
      </c>
      <c r="AB36543">
        <v>54</v>
      </c>
      <c r="AC36543">
        <v>54</v>
      </c>
      <c r="AD36543">
        <v>54</v>
      </c>
      <c r="AE36543">
        <v>54</v>
      </c>
      <c r="AF36543">
        <v>55</v>
      </c>
      <c r="AG36543">
        <v>55</v>
      </c>
      <c r="AH36543">
        <v>55</v>
      </c>
      <c r="AI36543">
        <v>55</v>
      </c>
      <c r="AJ36543">
        <v>55</v>
      </c>
      <c r="AK36543">
        <v>55</v>
      </c>
      <c r="AL36543">
        <v>55</v>
      </c>
      <c r="AM36543">
        <v>55</v>
      </c>
      <c r="AN36543">
        <v>55</v>
      </c>
      <c r="AO36543">
        <v>55</v>
      </c>
      <c r="AP36543">
        <v>56</v>
      </c>
      <c r="AQ36543">
        <v>56</v>
      </c>
    </row>
    <row r="36544" spans="1:43">
      <c r="A36544" t="s">
        <v>22653</v>
      </c>
      <c r="B36544" t="s">
        <v>22654</v>
      </c>
      <c r="C36544" t="s">
        <v>22557</v>
      </c>
      <c r="D36544" t="s">
        <v>22558</v>
      </c>
      <c r="E36544" t="s">
        <v>22537</v>
      </c>
      <c r="F36544" t="s">
        <v>22538</v>
      </c>
      <c r="G36544" t="s">
        <v>22539</v>
      </c>
      <c r="H36544" t="s">
        <v>22540</v>
      </c>
      <c r="I36544" s="2">
        <v>0</v>
      </c>
      <c r="J36544" s="2">
        <v>0</v>
      </c>
      <c r="K36544" s="2">
        <v>1</v>
      </c>
      <c r="L36544" t="s">
        <v>995</v>
      </c>
      <c r="M36544" t="s">
        <v>89</v>
      </c>
      <c r="N36544" t="s">
        <v>90</v>
      </c>
      <c r="O36544" t="s">
        <v>85</v>
      </c>
      <c r="P36544" t="s">
        <v>86</v>
      </c>
      <c r="Q36544">
        <v>52</v>
      </c>
      <c r="R36544">
        <v>53</v>
      </c>
      <c r="S36544">
        <v>55</v>
      </c>
      <c r="T36544">
        <v>56</v>
      </c>
      <c r="U36544">
        <v>57</v>
      </c>
      <c r="V36544">
        <v>58</v>
      </c>
      <c r="W36544">
        <v>59</v>
      </c>
      <c r="X36544">
        <v>59</v>
      </c>
      <c r="Y36544">
        <v>60</v>
      </c>
      <c r="Z36544">
        <v>61</v>
      </c>
      <c r="AA36544">
        <v>62</v>
      </c>
      <c r="AB36544">
        <v>63</v>
      </c>
      <c r="AC36544">
        <v>63</v>
      </c>
      <c r="AD36544">
        <v>64</v>
      </c>
      <c r="AE36544">
        <v>65</v>
      </c>
      <c r="AF36544">
        <v>65</v>
      </c>
      <c r="AG36544">
        <v>64</v>
      </c>
      <c r="AH36544">
        <v>64</v>
      </c>
      <c r="AI36544">
        <v>64</v>
      </c>
      <c r="AJ36544">
        <v>64</v>
      </c>
      <c r="AK36544">
        <v>64</v>
      </c>
      <c r="AL36544">
        <v>64</v>
      </c>
      <c r="AM36544">
        <v>64</v>
      </c>
      <c r="AN36544">
        <v>64</v>
      </c>
      <c r="AO36544">
        <v>63</v>
      </c>
      <c r="AP36544">
        <v>63</v>
      </c>
      <c r="AQ36544">
        <v>63</v>
      </c>
    </row>
    <row r="36545" spans="1:43">
      <c r="A36545" t="s">
        <v>22653</v>
      </c>
      <c r="B36545" t="s">
        <v>22654</v>
      </c>
      <c r="C36545" t="s">
        <v>22557</v>
      </c>
      <c r="D36545" t="s">
        <v>22558</v>
      </c>
      <c r="E36545" t="s">
        <v>22537</v>
      </c>
      <c r="F36545" t="s">
        <v>22538</v>
      </c>
      <c r="G36545" t="s">
        <v>22539</v>
      </c>
      <c r="H36545" t="s">
        <v>22540</v>
      </c>
      <c r="I36545" s="2">
        <v>0</v>
      </c>
      <c r="J36545" s="2">
        <v>0</v>
      </c>
      <c r="K36545" s="2">
        <v>1</v>
      </c>
      <c r="L36545" t="s">
        <v>995</v>
      </c>
      <c r="M36545" t="s">
        <v>83</v>
      </c>
      <c r="N36545" t="s">
        <v>91</v>
      </c>
      <c r="O36545" t="s">
        <v>85</v>
      </c>
      <c r="P36545" t="s">
        <v>86</v>
      </c>
      <c r="Q36545">
        <v>52</v>
      </c>
      <c r="R36545">
        <v>53</v>
      </c>
      <c r="S36545">
        <v>53</v>
      </c>
      <c r="T36545">
        <v>54</v>
      </c>
      <c r="U36545">
        <v>54</v>
      </c>
      <c r="V36545">
        <v>55</v>
      </c>
      <c r="W36545">
        <v>56</v>
      </c>
      <c r="X36545">
        <v>56</v>
      </c>
      <c r="Y36545">
        <v>57</v>
      </c>
      <c r="Z36545">
        <v>58</v>
      </c>
      <c r="AA36545">
        <v>58</v>
      </c>
      <c r="AB36545">
        <v>59</v>
      </c>
      <c r="AC36545">
        <v>59</v>
      </c>
      <c r="AD36545">
        <v>60</v>
      </c>
      <c r="AE36545">
        <v>60</v>
      </c>
      <c r="AF36545">
        <v>61</v>
      </c>
      <c r="AG36545">
        <v>61</v>
      </c>
      <c r="AH36545">
        <v>62</v>
      </c>
      <c r="AI36545">
        <v>62</v>
      </c>
      <c r="AJ36545">
        <v>63</v>
      </c>
      <c r="AK36545">
        <v>63</v>
      </c>
      <c r="AL36545">
        <v>63</v>
      </c>
      <c r="AM36545">
        <v>63</v>
      </c>
      <c r="AN36545">
        <v>63</v>
      </c>
      <c r="AO36545">
        <v>63</v>
      </c>
      <c r="AP36545">
        <v>63</v>
      </c>
      <c r="AQ36545">
        <v>63</v>
      </c>
    </row>
    <row r="36546" spans="1:43">
      <c r="A36546" t="s">
        <v>22655</v>
      </c>
      <c r="B36546" t="s">
        <v>22656</v>
      </c>
      <c r="C36546" t="s">
        <v>22557</v>
      </c>
      <c r="D36546" t="s">
        <v>22558</v>
      </c>
      <c r="E36546" t="s">
        <v>22537</v>
      </c>
      <c r="F36546" t="s">
        <v>22538</v>
      </c>
      <c r="G36546" t="s">
        <v>22539</v>
      </c>
      <c r="H36546" t="s">
        <v>22540</v>
      </c>
      <c r="I36546" s="2">
        <v>0</v>
      </c>
      <c r="J36546" s="2">
        <v>0</v>
      </c>
      <c r="K36546" s="2">
        <v>1</v>
      </c>
      <c r="L36546" t="s">
        <v>995</v>
      </c>
      <c r="M36546" t="s">
        <v>83</v>
      </c>
      <c r="N36546" t="s">
        <v>84</v>
      </c>
      <c r="O36546" t="s">
        <v>85</v>
      </c>
      <c r="P36546" t="s">
        <v>86</v>
      </c>
      <c r="Q36546">
        <v>44</v>
      </c>
      <c r="R36546">
        <v>44</v>
      </c>
      <c r="S36546">
        <v>45</v>
      </c>
      <c r="T36546">
        <v>45</v>
      </c>
      <c r="U36546">
        <v>46</v>
      </c>
      <c r="V36546">
        <v>47</v>
      </c>
      <c r="W36546">
        <v>47</v>
      </c>
      <c r="X36546">
        <v>48</v>
      </c>
      <c r="Y36546">
        <v>48</v>
      </c>
      <c r="Z36546">
        <v>49</v>
      </c>
      <c r="AA36546">
        <v>49</v>
      </c>
      <c r="AB36546">
        <v>50</v>
      </c>
      <c r="AC36546">
        <v>50</v>
      </c>
      <c r="AD36546">
        <v>51</v>
      </c>
      <c r="AE36546">
        <v>51</v>
      </c>
      <c r="AF36546">
        <v>52</v>
      </c>
      <c r="AG36546">
        <v>52</v>
      </c>
      <c r="AH36546">
        <v>53</v>
      </c>
      <c r="AI36546">
        <v>53</v>
      </c>
      <c r="AJ36546">
        <v>53</v>
      </c>
      <c r="AK36546">
        <v>54</v>
      </c>
      <c r="AL36546">
        <v>54</v>
      </c>
      <c r="AM36546">
        <v>54</v>
      </c>
      <c r="AN36546">
        <v>54</v>
      </c>
      <c r="AO36546">
        <v>54</v>
      </c>
      <c r="AP36546">
        <v>54</v>
      </c>
      <c r="AQ36546">
        <v>54</v>
      </c>
    </row>
    <row r="36547" spans="1:43">
      <c r="A36547" t="s">
        <v>22655</v>
      </c>
      <c r="B36547" t="s">
        <v>22656</v>
      </c>
      <c r="C36547" t="s">
        <v>22557</v>
      </c>
      <c r="D36547" t="s">
        <v>22558</v>
      </c>
      <c r="E36547" t="s">
        <v>22537</v>
      </c>
      <c r="F36547" t="s">
        <v>22538</v>
      </c>
      <c r="G36547" t="s">
        <v>22539</v>
      </c>
      <c r="H36547" t="s">
        <v>22540</v>
      </c>
      <c r="I36547" s="2">
        <v>0</v>
      </c>
      <c r="J36547" s="2">
        <v>0</v>
      </c>
      <c r="K36547" s="2">
        <v>1</v>
      </c>
      <c r="L36547" t="s">
        <v>995</v>
      </c>
      <c r="M36547" t="s">
        <v>87</v>
      </c>
      <c r="N36547" t="s">
        <v>88</v>
      </c>
      <c r="O36547" t="s">
        <v>85</v>
      </c>
      <c r="P36547" t="s">
        <v>86</v>
      </c>
      <c r="Q36547">
        <v>44</v>
      </c>
      <c r="R36547">
        <v>44</v>
      </c>
      <c r="S36547">
        <v>45</v>
      </c>
      <c r="T36547">
        <v>45</v>
      </c>
      <c r="U36547">
        <v>45</v>
      </c>
      <c r="V36547">
        <v>45</v>
      </c>
      <c r="W36547">
        <v>45</v>
      </c>
      <c r="X36547">
        <v>45</v>
      </c>
      <c r="Y36547">
        <v>46</v>
      </c>
      <c r="Z36547">
        <v>46</v>
      </c>
      <c r="AA36547">
        <v>46</v>
      </c>
      <c r="AB36547">
        <v>46</v>
      </c>
      <c r="AC36547">
        <v>46</v>
      </c>
      <c r="AD36547">
        <v>46</v>
      </c>
      <c r="AE36547">
        <v>46</v>
      </c>
      <c r="AF36547">
        <v>46</v>
      </c>
      <c r="AG36547">
        <v>47</v>
      </c>
      <c r="AH36547">
        <v>47</v>
      </c>
      <c r="AI36547">
        <v>47</v>
      </c>
      <c r="AJ36547">
        <v>47</v>
      </c>
      <c r="AK36547">
        <v>47</v>
      </c>
      <c r="AL36547">
        <v>47</v>
      </c>
      <c r="AM36547">
        <v>47</v>
      </c>
      <c r="AN36547">
        <v>47</v>
      </c>
      <c r="AO36547">
        <v>47</v>
      </c>
      <c r="AP36547">
        <v>47</v>
      </c>
      <c r="AQ36547">
        <v>48</v>
      </c>
    </row>
    <row r="36548" spans="1:43">
      <c r="A36548" t="s">
        <v>22655</v>
      </c>
      <c r="B36548" t="s">
        <v>22656</v>
      </c>
      <c r="C36548" t="s">
        <v>22557</v>
      </c>
      <c r="D36548" t="s">
        <v>22558</v>
      </c>
      <c r="E36548" t="s">
        <v>22537</v>
      </c>
      <c r="F36548" t="s">
        <v>22538</v>
      </c>
      <c r="G36548" t="s">
        <v>22539</v>
      </c>
      <c r="H36548" t="s">
        <v>22540</v>
      </c>
      <c r="I36548" s="2">
        <v>0</v>
      </c>
      <c r="J36548" s="2">
        <v>0</v>
      </c>
      <c r="K36548" s="2">
        <v>1</v>
      </c>
      <c r="L36548" t="s">
        <v>995</v>
      </c>
      <c r="M36548" t="s">
        <v>89</v>
      </c>
      <c r="N36548" t="s">
        <v>90</v>
      </c>
      <c r="O36548" t="s">
        <v>85</v>
      </c>
      <c r="P36548" t="s">
        <v>86</v>
      </c>
      <c r="Q36548">
        <v>44</v>
      </c>
      <c r="R36548">
        <v>45</v>
      </c>
      <c r="S36548">
        <v>46</v>
      </c>
      <c r="T36548">
        <v>47</v>
      </c>
      <c r="U36548">
        <v>48</v>
      </c>
      <c r="V36548">
        <v>49</v>
      </c>
      <c r="W36548">
        <v>50</v>
      </c>
      <c r="X36548">
        <v>50</v>
      </c>
      <c r="Y36548">
        <v>51</v>
      </c>
      <c r="Z36548">
        <v>52</v>
      </c>
      <c r="AA36548">
        <v>52</v>
      </c>
      <c r="AB36548">
        <v>53</v>
      </c>
      <c r="AC36548">
        <v>54</v>
      </c>
      <c r="AD36548">
        <v>54</v>
      </c>
      <c r="AE36548">
        <v>55</v>
      </c>
      <c r="AF36548">
        <v>55</v>
      </c>
      <c r="AG36548">
        <v>55</v>
      </c>
      <c r="AH36548">
        <v>55</v>
      </c>
      <c r="AI36548">
        <v>55</v>
      </c>
      <c r="AJ36548">
        <v>55</v>
      </c>
      <c r="AK36548">
        <v>55</v>
      </c>
      <c r="AL36548">
        <v>54</v>
      </c>
      <c r="AM36548">
        <v>54</v>
      </c>
      <c r="AN36548">
        <v>54</v>
      </c>
      <c r="AO36548">
        <v>54</v>
      </c>
      <c r="AP36548">
        <v>54</v>
      </c>
      <c r="AQ36548">
        <v>54</v>
      </c>
    </row>
    <row r="36549" spans="1:43">
      <c r="A36549" t="s">
        <v>22655</v>
      </c>
      <c r="B36549" t="s">
        <v>22656</v>
      </c>
      <c r="C36549" t="s">
        <v>22557</v>
      </c>
      <c r="D36549" t="s">
        <v>22558</v>
      </c>
      <c r="E36549" t="s">
        <v>22537</v>
      </c>
      <c r="F36549" t="s">
        <v>22538</v>
      </c>
      <c r="G36549" t="s">
        <v>22539</v>
      </c>
      <c r="H36549" t="s">
        <v>22540</v>
      </c>
      <c r="I36549" s="2">
        <v>0</v>
      </c>
      <c r="J36549" s="2">
        <v>0</v>
      </c>
      <c r="K36549" s="2">
        <v>1</v>
      </c>
      <c r="L36549" t="s">
        <v>995</v>
      </c>
      <c r="M36549" t="s">
        <v>83</v>
      </c>
      <c r="N36549" t="s">
        <v>91</v>
      </c>
      <c r="O36549" t="s">
        <v>85</v>
      </c>
      <c r="P36549" t="s">
        <v>86</v>
      </c>
      <c r="Q36549">
        <v>44</v>
      </c>
      <c r="R36549">
        <v>44</v>
      </c>
      <c r="S36549">
        <v>45</v>
      </c>
      <c r="T36549">
        <v>45</v>
      </c>
      <c r="U36549">
        <v>46</v>
      </c>
      <c r="V36549">
        <v>47</v>
      </c>
      <c r="W36549">
        <v>47</v>
      </c>
      <c r="X36549">
        <v>48</v>
      </c>
      <c r="Y36549">
        <v>48</v>
      </c>
      <c r="Z36549">
        <v>49</v>
      </c>
      <c r="AA36549">
        <v>49</v>
      </c>
      <c r="AB36549">
        <v>50</v>
      </c>
      <c r="AC36549">
        <v>50</v>
      </c>
      <c r="AD36549">
        <v>51</v>
      </c>
      <c r="AE36549">
        <v>51</v>
      </c>
      <c r="AF36549">
        <v>52</v>
      </c>
      <c r="AG36549">
        <v>52</v>
      </c>
      <c r="AH36549">
        <v>53</v>
      </c>
      <c r="AI36549">
        <v>53</v>
      </c>
      <c r="AJ36549">
        <v>53</v>
      </c>
      <c r="AK36549">
        <v>54</v>
      </c>
      <c r="AL36549">
        <v>54</v>
      </c>
      <c r="AM36549">
        <v>54</v>
      </c>
      <c r="AN36549">
        <v>54</v>
      </c>
      <c r="AO36549">
        <v>54</v>
      </c>
      <c r="AP36549">
        <v>54</v>
      </c>
      <c r="AQ36549">
        <v>54</v>
      </c>
    </row>
    <row r="36550" spans="1:43">
      <c r="A36550" t="s">
        <v>22657</v>
      </c>
      <c r="B36550" t="s">
        <v>22658</v>
      </c>
      <c r="C36550" t="s">
        <v>22557</v>
      </c>
      <c r="D36550" t="s">
        <v>22558</v>
      </c>
      <c r="E36550" t="s">
        <v>22537</v>
      </c>
      <c r="F36550" t="s">
        <v>22538</v>
      </c>
      <c r="G36550" t="s">
        <v>22539</v>
      </c>
      <c r="H36550" t="s">
        <v>22540</v>
      </c>
      <c r="I36550" s="2">
        <v>0</v>
      </c>
      <c r="J36550" s="2">
        <v>0</v>
      </c>
      <c r="K36550" s="2">
        <v>1</v>
      </c>
      <c r="L36550" t="s">
        <v>995</v>
      </c>
      <c r="M36550" t="s">
        <v>83</v>
      </c>
      <c r="N36550" t="s">
        <v>84</v>
      </c>
      <c r="O36550" t="s">
        <v>85</v>
      </c>
      <c r="P36550" t="s">
        <v>86</v>
      </c>
      <c r="Q36550">
        <v>17</v>
      </c>
      <c r="R36550">
        <v>17</v>
      </c>
      <c r="S36550">
        <v>17</v>
      </c>
      <c r="T36550">
        <v>17</v>
      </c>
      <c r="U36550">
        <v>17</v>
      </c>
      <c r="V36550">
        <v>18</v>
      </c>
      <c r="W36550">
        <v>18</v>
      </c>
      <c r="X36550">
        <v>18</v>
      </c>
      <c r="Y36550">
        <v>18</v>
      </c>
      <c r="Z36550">
        <v>18</v>
      </c>
      <c r="AA36550">
        <v>19</v>
      </c>
      <c r="AB36550">
        <v>19</v>
      </c>
      <c r="AC36550">
        <v>19</v>
      </c>
      <c r="AD36550">
        <v>19</v>
      </c>
      <c r="AE36550">
        <v>19</v>
      </c>
      <c r="AF36550">
        <v>19</v>
      </c>
      <c r="AG36550">
        <v>20</v>
      </c>
      <c r="AH36550">
        <v>20</v>
      </c>
      <c r="AI36550">
        <v>20</v>
      </c>
      <c r="AJ36550">
        <v>20</v>
      </c>
      <c r="AK36550">
        <v>20</v>
      </c>
      <c r="AL36550">
        <v>20</v>
      </c>
      <c r="AM36550">
        <v>20</v>
      </c>
      <c r="AN36550">
        <v>20</v>
      </c>
      <c r="AO36550">
        <v>20</v>
      </c>
      <c r="AP36550">
        <v>20</v>
      </c>
      <c r="AQ36550">
        <v>20</v>
      </c>
    </row>
    <row r="36551" spans="1:43">
      <c r="A36551" t="s">
        <v>22657</v>
      </c>
      <c r="B36551" t="s">
        <v>22658</v>
      </c>
      <c r="C36551" t="s">
        <v>22557</v>
      </c>
      <c r="D36551" t="s">
        <v>22558</v>
      </c>
      <c r="E36551" t="s">
        <v>22537</v>
      </c>
      <c r="F36551" t="s">
        <v>22538</v>
      </c>
      <c r="G36551" t="s">
        <v>22539</v>
      </c>
      <c r="H36551" t="s">
        <v>22540</v>
      </c>
      <c r="I36551" s="2">
        <v>0</v>
      </c>
      <c r="J36551" s="2">
        <v>0</v>
      </c>
      <c r="K36551" s="2">
        <v>1</v>
      </c>
      <c r="L36551" t="s">
        <v>995</v>
      </c>
      <c r="M36551" t="s">
        <v>87</v>
      </c>
      <c r="N36551" t="s">
        <v>88</v>
      </c>
      <c r="O36551" t="s">
        <v>85</v>
      </c>
      <c r="P36551" t="s">
        <v>86</v>
      </c>
      <c r="Q36551">
        <v>17</v>
      </c>
      <c r="R36551">
        <v>18</v>
      </c>
      <c r="S36551">
        <v>18</v>
      </c>
      <c r="T36551">
        <v>18</v>
      </c>
      <c r="U36551">
        <v>18</v>
      </c>
      <c r="V36551">
        <v>18</v>
      </c>
      <c r="W36551">
        <v>18</v>
      </c>
      <c r="X36551">
        <v>18</v>
      </c>
      <c r="Y36551">
        <v>18</v>
      </c>
      <c r="Z36551">
        <v>18</v>
      </c>
      <c r="AA36551">
        <v>18</v>
      </c>
      <c r="AB36551">
        <v>18</v>
      </c>
      <c r="AC36551">
        <v>18</v>
      </c>
      <c r="AD36551">
        <v>18</v>
      </c>
      <c r="AE36551">
        <v>18</v>
      </c>
      <c r="AF36551">
        <v>18</v>
      </c>
      <c r="AG36551">
        <v>18</v>
      </c>
      <c r="AH36551">
        <v>18</v>
      </c>
      <c r="AI36551">
        <v>18</v>
      </c>
      <c r="AJ36551">
        <v>18</v>
      </c>
      <c r="AK36551">
        <v>18</v>
      </c>
      <c r="AL36551">
        <v>18</v>
      </c>
      <c r="AM36551">
        <v>18</v>
      </c>
      <c r="AN36551">
        <v>18</v>
      </c>
      <c r="AO36551">
        <v>18</v>
      </c>
      <c r="AP36551">
        <v>18</v>
      </c>
      <c r="AQ36551">
        <v>18</v>
      </c>
    </row>
    <row r="36552" spans="1:43">
      <c r="A36552" t="s">
        <v>22657</v>
      </c>
      <c r="B36552" t="s">
        <v>22658</v>
      </c>
      <c r="C36552" t="s">
        <v>22557</v>
      </c>
      <c r="D36552" t="s">
        <v>22558</v>
      </c>
      <c r="E36552" t="s">
        <v>22537</v>
      </c>
      <c r="F36552" t="s">
        <v>22538</v>
      </c>
      <c r="G36552" t="s">
        <v>22539</v>
      </c>
      <c r="H36552" t="s">
        <v>22540</v>
      </c>
      <c r="I36552" s="2">
        <v>0</v>
      </c>
      <c r="J36552" s="2">
        <v>0</v>
      </c>
      <c r="K36552" s="2">
        <v>1</v>
      </c>
      <c r="L36552" t="s">
        <v>995</v>
      </c>
      <c r="M36552" t="s">
        <v>89</v>
      </c>
      <c r="N36552" t="s">
        <v>90</v>
      </c>
      <c r="O36552" t="s">
        <v>85</v>
      </c>
      <c r="P36552" t="s">
        <v>86</v>
      </c>
      <c r="Q36552">
        <v>17</v>
      </c>
      <c r="R36552">
        <v>17</v>
      </c>
      <c r="S36552">
        <v>17</v>
      </c>
      <c r="T36552">
        <v>18</v>
      </c>
      <c r="U36552">
        <v>18</v>
      </c>
      <c r="V36552">
        <v>18</v>
      </c>
      <c r="W36552">
        <v>19</v>
      </c>
      <c r="X36552">
        <v>19</v>
      </c>
      <c r="Y36552">
        <v>19</v>
      </c>
      <c r="Z36552">
        <v>20</v>
      </c>
      <c r="AA36552">
        <v>20</v>
      </c>
      <c r="AB36552">
        <v>20</v>
      </c>
      <c r="AC36552">
        <v>20</v>
      </c>
      <c r="AD36552">
        <v>21</v>
      </c>
      <c r="AE36552">
        <v>21</v>
      </c>
      <c r="AF36552">
        <v>21</v>
      </c>
      <c r="AG36552">
        <v>21</v>
      </c>
      <c r="AH36552">
        <v>21</v>
      </c>
      <c r="AI36552">
        <v>21</v>
      </c>
      <c r="AJ36552">
        <v>20</v>
      </c>
      <c r="AK36552">
        <v>20</v>
      </c>
      <c r="AL36552">
        <v>20</v>
      </c>
      <c r="AM36552">
        <v>20</v>
      </c>
      <c r="AN36552">
        <v>20</v>
      </c>
      <c r="AO36552">
        <v>20</v>
      </c>
      <c r="AP36552">
        <v>20</v>
      </c>
      <c r="AQ36552">
        <v>20</v>
      </c>
    </row>
    <row r="36553" spans="1:43">
      <c r="A36553" t="s">
        <v>22657</v>
      </c>
      <c r="B36553" t="s">
        <v>22658</v>
      </c>
      <c r="C36553" t="s">
        <v>22557</v>
      </c>
      <c r="D36553" t="s">
        <v>22558</v>
      </c>
      <c r="E36553" t="s">
        <v>22537</v>
      </c>
      <c r="F36553" t="s">
        <v>22538</v>
      </c>
      <c r="G36553" t="s">
        <v>22539</v>
      </c>
      <c r="H36553" t="s">
        <v>22540</v>
      </c>
      <c r="I36553" s="2">
        <v>0</v>
      </c>
      <c r="J36553" s="2">
        <v>0</v>
      </c>
      <c r="K36553" s="2">
        <v>1</v>
      </c>
      <c r="L36553" t="s">
        <v>995</v>
      </c>
      <c r="M36553" t="s">
        <v>83</v>
      </c>
      <c r="N36553" t="s">
        <v>91</v>
      </c>
      <c r="O36553" t="s">
        <v>85</v>
      </c>
      <c r="P36553" t="s">
        <v>86</v>
      </c>
      <c r="Q36553">
        <v>17</v>
      </c>
      <c r="R36553">
        <v>17</v>
      </c>
      <c r="S36553">
        <v>17</v>
      </c>
      <c r="T36553">
        <v>17</v>
      </c>
      <c r="U36553">
        <v>17</v>
      </c>
      <c r="V36553">
        <v>18</v>
      </c>
      <c r="W36553">
        <v>18</v>
      </c>
      <c r="X36553">
        <v>18</v>
      </c>
      <c r="Y36553">
        <v>18</v>
      </c>
      <c r="Z36553">
        <v>18</v>
      </c>
      <c r="AA36553">
        <v>19</v>
      </c>
      <c r="AB36553">
        <v>19</v>
      </c>
      <c r="AC36553">
        <v>19</v>
      </c>
      <c r="AD36553">
        <v>19</v>
      </c>
      <c r="AE36553">
        <v>19</v>
      </c>
      <c r="AF36553">
        <v>19</v>
      </c>
      <c r="AG36553">
        <v>20</v>
      </c>
      <c r="AH36553">
        <v>20</v>
      </c>
      <c r="AI36553">
        <v>20</v>
      </c>
      <c r="AJ36553">
        <v>20</v>
      </c>
      <c r="AK36553">
        <v>20</v>
      </c>
      <c r="AL36553">
        <v>20</v>
      </c>
      <c r="AM36553">
        <v>20</v>
      </c>
      <c r="AN36553">
        <v>20</v>
      </c>
      <c r="AO36553">
        <v>20</v>
      </c>
      <c r="AP36553">
        <v>20</v>
      </c>
      <c r="AQ36553">
        <v>20</v>
      </c>
    </row>
    <row r="36554" spans="1:43">
      <c r="A36554" t="s">
        <v>22659</v>
      </c>
      <c r="B36554" t="s">
        <v>22660</v>
      </c>
      <c r="C36554" t="s">
        <v>22557</v>
      </c>
      <c r="D36554" t="s">
        <v>22558</v>
      </c>
      <c r="E36554" t="s">
        <v>22537</v>
      </c>
      <c r="F36554" t="s">
        <v>22538</v>
      </c>
      <c r="G36554" t="s">
        <v>22539</v>
      </c>
      <c r="H36554" t="s">
        <v>22540</v>
      </c>
      <c r="I36554" s="2">
        <v>0</v>
      </c>
      <c r="J36554" s="2">
        <v>0</v>
      </c>
      <c r="K36554" s="2">
        <v>1</v>
      </c>
      <c r="L36554" t="s">
        <v>995</v>
      </c>
      <c r="M36554" t="s">
        <v>83</v>
      </c>
      <c r="N36554" t="s">
        <v>84</v>
      </c>
      <c r="O36554" t="s">
        <v>85</v>
      </c>
      <c r="P36554" t="s">
        <v>86</v>
      </c>
      <c r="Q36554">
        <v>25</v>
      </c>
      <c r="R36554">
        <v>25</v>
      </c>
      <c r="S36554">
        <v>26</v>
      </c>
      <c r="T36554">
        <v>26</v>
      </c>
      <c r="U36554">
        <v>26</v>
      </c>
      <c r="V36554">
        <v>27</v>
      </c>
      <c r="W36554">
        <v>27</v>
      </c>
      <c r="X36554">
        <v>27</v>
      </c>
      <c r="Y36554">
        <v>27</v>
      </c>
      <c r="Z36554">
        <v>28</v>
      </c>
      <c r="AA36554">
        <v>28</v>
      </c>
      <c r="AB36554">
        <v>28</v>
      </c>
      <c r="AC36554">
        <v>29</v>
      </c>
      <c r="AD36554">
        <v>29</v>
      </c>
      <c r="AE36554">
        <v>29</v>
      </c>
      <c r="AF36554">
        <v>29</v>
      </c>
      <c r="AG36554">
        <v>30</v>
      </c>
      <c r="AH36554">
        <v>30</v>
      </c>
      <c r="AI36554">
        <v>30</v>
      </c>
      <c r="AJ36554">
        <v>30</v>
      </c>
      <c r="AK36554">
        <v>30</v>
      </c>
      <c r="AL36554">
        <v>31</v>
      </c>
      <c r="AM36554">
        <v>30</v>
      </c>
      <c r="AN36554">
        <v>30</v>
      </c>
      <c r="AO36554">
        <v>30</v>
      </c>
      <c r="AP36554">
        <v>30</v>
      </c>
      <c r="AQ36554">
        <v>30</v>
      </c>
    </row>
    <row r="36555" spans="1:43">
      <c r="A36555" t="s">
        <v>22659</v>
      </c>
      <c r="B36555" t="s">
        <v>22660</v>
      </c>
      <c r="C36555" t="s">
        <v>22557</v>
      </c>
      <c r="D36555" t="s">
        <v>22558</v>
      </c>
      <c r="E36555" t="s">
        <v>22537</v>
      </c>
      <c r="F36555" t="s">
        <v>22538</v>
      </c>
      <c r="G36555" t="s">
        <v>22539</v>
      </c>
      <c r="H36555" t="s">
        <v>22540</v>
      </c>
      <c r="I36555" s="2">
        <v>0</v>
      </c>
      <c r="J36555" s="2">
        <v>0</v>
      </c>
      <c r="K36555" s="2">
        <v>1</v>
      </c>
      <c r="L36555" t="s">
        <v>995</v>
      </c>
      <c r="M36555" t="s">
        <v>87</v>
      </c>
      <c r="N36555" t="s">
        <v>88</v>
      </c>
      <c r="O36555" t="s">
        <v>85</v>
      </c>
      <c r="P36555" t="s">
        <v>86</v>
      </c>
      <c r="Q36555">
        <v>25</v>
      </c>
      <c r="R36555">
        <v>25</v>
      </c>
      <c r="S36555">
        <v>25</v>
      </c>
      <c r="T36555">
        <v>25</v>
      </c>
      <c r="U36555">
        <v>25</v>
      </c>
      <c r="V36555">
        <v>25</v>
      </c>
      <c r="W36555">
        <v>25</v>
      </c>
      <c r="X36555">
        <v>25</v>
      </c>
      <c r="Y36555">
        <v>25</v>
      </c>
      <c r="Z36555">
        <v>25</v>
      </c>
      <c r="AA36555">
        <v>26</v>
      </c>
      <c r="AB36555">
        <v>26</v>
      </c>
      <c r="AC36555">
        <v>26</v>
      </c>
      <c r="AD36555">
        <v>26</v>
      </c>
      <c r="AE36555">
        <v>26</v>
      </c>
      <c r="AF36555">
        <v>26</v>
      </c>
      <c r="AG36555">
        <v>26</v>
      </c>
      <c r="AH36555">
        <v>26</v>
      </c>
      <c r="AI36555">
        <v>26</v>
      </c>
      <c r="AJ36555">
        <v>26</v>
      </c>
      <c r="AK36555">
        <v>26</v>
      </c>
      <c r="AL36555">
        <v>26</v>
      </c>
      <c r="AM36555">
        <v>26</v>
      </c>
      <c r="AN36555">
        <v>26</v>
      </c>
      <c r="AO36555">
        <v>26</v>
      </c>
      <c r="AP36555">
        <v>26</v>
      </c>
      <c r="AQ36555">
        <v>26</v>
      </c>
    </row>
    <row r="36556" spans="1:43">
      <c r="A36556" t="s">
        <v>22659</v>
      </c>
      <c r="B36556" t="s">
        <v>22660</v>
      </c>
      <c r="C36556" t="s">
        <v>22557</v>
      </c>
      <c r="D36556" t="s">
        <v>22558</v>
      </c>
      <c r="E36556" t="s">
        <v>22537</v>
      </c>
      <c r="F36556" t="s">
        <v>22538</v>
      </c>
      <c r="G36556" t="s">
        <v>22539</v>
      </c>
      <c r="H36556" t="s">
        <v>22540</v>
      </c>
      <c r="I36556" s="2">
        <v>0</v>
      </c>
      <c r="J36556" s="2">
        <v>0</v>
      </c>
      <c r="K36556" s="2">
        <v>1</v>
      </c>
      <c r="L36556" t="s">
        <v>995</v>
      </c>
      <c r="M36556" t="s">
        <v>89</v>
      </c>
      <c r="N36556" t="s">
        <v>90</v>
      </c>
      <c r="O36556" t="s">
        <v>85</v>
      </c>
      <c r="P36556" t="s">
        <v>86</v>
      </c>
      <c r="Q36556">
        <v>25</v>
      </c>
      <c r="R36556">
        <v>26</v>
      </c>
      <c r="S36556">
        <v>26</v>
      </c>
      <c r="T36556">
        <v>27</v>
      </c>
      <c r="U36556">
        <v>27</v>
      </c>
      <c r="V36556">
        <v>28</v>
      </c>
      <c r="W36556">
        <v>28</v>
      </c>
      <c r="X36556">
        <v>29</v>
      </c>
      <c r="Y36556">
        <v>29</v>
      </c>
      <c r="Z36556">
        <v>29</v>
      </c>
      <c r="AA36556">
        <v>30</v>
      </c>
      <c r="AB36556">
        <v>30</v>
      </c>
      <c r="AC36556">
        <v>31</v>
      </c>
      <c r="AD36556">
        <v>31</v>
      </c>
      <c r="AE36556">
        <v>31</v>
      </c>
      <c r="AF36556">
        <v>31</v>
      </c>
      <c r="AG36556">
        <v>31</v>
      </c>
      <c r="AH36556">
        <v>31</v>
      </c>
      <c r="AI36556">
        <v>31</v>
      </c>
      <c r="AJ36556">
        <v>31</v>
      </c>
      <c r="AK36556">
        <v>31</v>
      </c>
      <c r="AL36556">
        <v>31</v>
      </c>
      <c r="AM36556">
        <v>31</v>
      </c>
      <c r="AN36556">
        <v>31</v>
      </c>
      <c r="AO36556">
        <v>31</v>
      </c>
      <c r="AP36556">
        <v>30</v>
      </c>
      <c r="AQ36556">
        <v>30</v>
      </c>
    </row>
    <row r="36557" spans="1:43">
      <c r="A36557" t="s">
        <v>22659</v>
      </c>
      <c r="B36557" t="s">
        <v>22660</v>
      </c>
      <c r="C36557" t="s">
        <v>22557</v>
      </c>
      <c r="D36557" t="s">
        <v>22558</v>
      </c>
      <c r="E36557" t="s">
        <v>22537</v>
      </c>
      <c r="F36557" t="s">
        <v>22538</v>
      </c>
      <c r="G36557" t="s">
        <v>22539</v>
      </c>
      <c r="H36557" t="s">
        <v>22540</v>
      </c>
      <c r="I36557" s="2">
        <v>0</v>
      </c>
      <c r="J36557" s="2">
        <v>0</v>
      </c>
      <c r="K36557" s="2">
        <v>1</v>
      </c>
      <c r="L36557" t="s">
        <v>995</v>
      </c>
      <c r="M36557" t="s">
        <v>83</v>
      </c>
      <c r="N36557" t="s">
        <v>91</v>
      </c>
      <c r="O36557" t="s">
        <v>85</v>
      </c>
      <c r="P36557" t="s">
        <v>86</v>
      </c>
      <c r="Q36557">
        <v>25</v>
      </c>
      <c r="R36557">
        <v>25</v>
      </c>
      <c r="S36557">
        <v>26</v>
      </c>
      <c r="T36557">
        <v>26</v>
      </c>
      <c r="U36557">
        <v>26</v>
      </c>
      <c r="V36557">
        <v>27</v>
      </c>
      <c r="W36557">
        <v>27</v>
      </c>
      <c r="X36557">
        <v>27</v>
      </c>
      <c r="Y36557">
        <v>27</v>
      </c>
      <c r="Z36557">
        <v>28</v>
      </c>
      <c r="AA36557">
        <v>28</v>
      </c>
      <c r="AB36557">
        <v>28</v>
      </c>
      <c r="AC36557">
        <v>29</v>
      </c>
      <c r="AD36557">
        <v>29</v>
      </c>
      <c r="AE36557">
        <v>29</v>
      </c>
      <c r="AF36557">
        <v>29</v>
      </c>
      <c r="AG36557">
        <v>30</v>
      </c>
      <c r="AH36557">
        <v>30</v>
      </c>
      <c r="AI36557">
        <v>30</v>
      </c>
      <c r="AJ36557">
        <v>30</v>
      </c>
      <c r="AK36557">
        <v>30</v>
      </c>
      <c r="AL36557">
        <v>31</v>
      </c>
      <c r="AM36557">
        <v>30</v>
      </c>
      <c r="AN36557">
        <v>30</v>
      </c>
      <c r="AO36557">
        <v>30</v>
      </c>
      <c r="AP36557">
        <v>30</v>
      </c>
      <c r="AQ36557">
        <v>30</v>
      </c>
    </row>
    <row r="36558" spans="1:43">
      <c r="A36558" t="s">
        <v>22661</v>
      </c>
      <c r="B36558" t="s">
        <v>22662</v>
      </c>
      <c r="C36558" t="s">
        <v>22663</v>
      </c>
      <c r="D36558" t="s">
        <v>22664</v>
      </c>
      <c r="E36558" t="s">
        <v>22537</v>
      </c>
      <c r="F36558" t="s">
        <v>22538</v>
      </c>
      <c r="G36558" t="s">
        <v>22539</v>
      </c>
      <c r="H36558" t="s">
        <v>22540</v>
      </c>
      <c r="I36558" s="2">
        <v>0</v>
      </c>
      <c r="J36558" s="2">
        <v>0</v>
      </c>
      <c r="K36558" s="2">
        <v>1</v>
      </c>
      <c r="L36558" t="s">
        <v>995</v>
      </c>
      <c r="M36558" t="s">
        <v>83</v>
      </c>
      <c r="N36558" t="s">
        <v>84</v>
      </c>
      <c r="O36558" t="s">
        <v>85</v>
      </c>
      <c r="P36558" t="s">
        <v>86</v>
      </c>
      <c r="Q36558">
        <v>44</v>
      </c>
      <c r="R36558">
        <v>45</v>
      </c>
      <c r="S36558">
        <v>45</v>
      </c>
      <c r="T36558">
        <v>46</v>
      </c>
      <c r="U36558">
        <v>46</v>
      </c>
      <c r="V36558">
        <v>47</v>
      </c>
      <c r="W36558">
        <v>48</v>
      </c>
      <c r="X36558">
        <v>48</v>
      </c>
      <c r="Y36558">
        <v>49</v>
      </c>
      <c r="Z36558">
        <v>49</v>
      </c>
      <c r="AA36558">
        <v>50</v>
      </c>
      <c r="AB36558">
        <v>50</v>
      </c>
      <c r="AC36558">
        <v>50</v>
      </c>
      <c r="AD36558">
        <v>51</v>
      </c>
      <c r="AE36558">
        <v>51</v>
      </c>
      <c r="AF36558">
        <v>52</v>
      </c>
      <c r="AG36558">
        <v>52</v>
      </c>
      <c r="AH36558">
        <v>53</v>
      </c>
      <c r="AI36558">
        <v>53</v>
      </c>
      <c r="AJ36558">
        <v>53</v>
      </c>
      <c r="AK36558">
        <v>54</v>
      </c>
      <c r="AL36558">
        <v>54</v>
      </c>
      <c r="AM36558">
        <v>54</v>
      </c>
      <c r="AN36558">
        <v>54</v>
      </c>
      <c r="AO36558">
        <v>53</v>
      </c>
      <c r="AP36558">
        <v>53</v>
      </c>
      <c r="AQ36558">
        <v>53</v>
      </c>
    </row>
    <row r="36559" spans="1:43">
      <c r="A36559" t="s">
        <v>22661</v>
      </c>
      <c r="B36559" t="s">
        <v>22662</v>
      </c>
      <c r="C36559" t="s">
        <v>22663</v>
      </c>
      <c r="D36559" t="s">
        <v>22664</v>
      </c>
      <c r="E36559" t="s">
        <v>22537</v>
      </c>
      <c r="F36559" t="s">
        <v>22538</v>
      </c>
      <c r="G36559" t="s">
        <v>22539</v>
      </c>
      <c r="H36559" t="s">
        <v>22540</v>
      </c>
      <c r="I36559" s="2">
        <v>0</v>
      </c>
      <c r="J36559" s="2">
        <v>0</v>
      </c>
      <c r="K36559" s="2">
        <v>1</v>
      </c>
      <c r="L36559" t="s">
        <v>995</v>
      </c>
      <c r="M36559" t="s">
        <v>87</v>
      </c>
      <c r="N36559" t="s">
        <v>88</v>
      </c>
      <c r="O36559" t="s">
        <v>85</v>
      </c>
      <c r="P36559" t="s">
        <v>86</v>
      </c>
      <c r="Q36559">
        <v>44</v>
      </c>
      <c r="R36559">
        <v>44</v>
      </c>
      <c r="S36559">
        <v>44</v>
      </c>
      <c r="T36559">
        <v>44</v>
      </c>
      <c r="U36559">
        <v>44</v>
      </c>
      <c r="V36559">
        <v>45</v>
      </c>
      <c r="W36559">
        <v>45</v>
      </c>
      <c r="X36559">
        <v>45</v>
      </c>
      <c r="Y36559">
        <v>45</v>
      </c>
      <c r="Z36559">
        <v>45</v>
      </c>
      <c r="AA36559">
        <v>45</v>
      </c>
      <c r="AB36559">
        <v>45</v>
      </c>
      <c r="AC36559">
        <v>45</v>
      </c>
      <c r="AD36559">
        <v>45</v>
      </c>
      <c r="AE36559">
        <v>45</v>
      </c>
      <c r="AF36559">
        <v>46</v>
      </c>
      <c r="AG36559">
        <v>46</v>
      </c>
      <c r="AH36559">
        <v>46</v>
      </c>
      <c r="AI36559">
        <v>46</v>
      </c>
      <c r="AJ36559">
        <v>46</v>
      </c>
      <c r="AK36559">
        <v>46</v>
      </c>
      <c r="AL36559">
        <v>46</v>
      </c>
      <c r="AM36559">
        <v>46</v>
      </c>
      <c r="AN36559">
        <v>46</v>
      </c>
      <c r="AO36559">
        <v>46</v>
      </c>
      <c r="AP36559">
        <v>46</v>
      </c>
      <c r="AQ36559">
        <v>46</v>
      </c>
    </row>
    <row r="36560" spans="1:43">
      <c r="A36560" t="s">
        <v>22661</v>
      </c>
      <c r="B36560" t="s">
        <v>22662</v>
      </c>
      <c r="C36560" t="s">
        <v>22663</v>
      </c>
      <c r="D36560" t="s">
        <v>22664</v>
      </c>
      <c r="E36560" t="s">
        <v>22537</v>
      </c>
      <c r="F36560" t="s">
        <v>22538</v>
      </c>
      <c r="G36560" t="s">
        <v>22539</v>
      </c>
      <c r="H36560" t="s">
        <v>22540</v>
      </c>
      <c r="I36560" s="2">
        <v>0</v>
      </c>
      <c r="J36560" s="2">
        <v>0</v>
      </c>
      <c r="K36560" s="2">
        <v>1</v>
      </c>
      <c r="L36560" t="s">
        <v>995</v>
      </c>
      <c r="M36560" t="s">
        <v>89</v>
      </c>
      <c r="N36560" t="s">
        <v>90</v>
      </c>
      <c r="O36560" t="s">
        <v>85</v>
      </c>
      <c r="P36560" t="s">
        <v>86</v>
      </c>
      <c r="Q36560">
        <v>44</v>
      </c>
      <c r="R36560">
        <v>45</v>
      </c>
      <c r="S36560">
        <v>46</v>
      </c>
      <c r="T36560">
        <v>46</v>
      </c>
      <c r="U36560">
        <v>47</v>
      </c>
      <c r="V36560">
        <v>48</v>
      </c>
      <c r="W36560">
        <v>49</v>
      </c>
      <c r="X36560">
        <v>50</v>
      </c>
      <c r="Y36560">
        <v>50</v>
      </c>
      <c r="Z36560">
        <v>51</v>
      </c>
      <c r="AA36560">
        <v>52</v>
      </c>
      <c r="AB36560">
        <v>52</v>
      </c>
      <c r="AC36560">
        <v>53</v>
      </c>
      <c r="AD36560">
        <v>54</v>
      </c>
      <c r="AE36560">
        <v>54</v>
      </c>
      <c r="AF36560">
        <v>54</v>
      </c>
      <c r="AG36560">
        <v>54</v>
      </c>
      <c r="AH36560">
        <v>54</v>
      </c>
      <c r="AI36560">
        <v>54</v>
      </c>
      <c r="AJ36560">
        <v>54</v>
      </c>
      <c r="AK36560">
        <v>53</v>
      </c>
      <c r="AL36560">
        <v>53</v>
      </c>
      <c r="AM36560">
        <v>53</v>
      </c>
      <c r="AN36560">
        <v>53</v>
      </c>
      <c r="AO36560">
        <v>53</v>
      </c>
      <c r="AP36560">
        <v>53</v>
      </c>
      <c r="AQ36560">
        <v>53</v>
      </c>
    </row>
    <row r="36561" spans="1:43">
      <c r="A36561" t="s">
        <v>22661</v>
      </c>
      <c r="B36561" t="s">
        <v>22662</v>
      </c>
      <c r="C36561" t="s">
        <v>22663</v>
      </c>
      <c r="D36561" t="s">
        <v>22664</v>
      </c>
      <c r="E36561" t="s">
        <v>22537</v>
      </c>
      <c r="F36561" t="s">
        <v>22538</v>
      </c>
      <c r="G36561" t="s">
        <v>22539</v>
      </c>
      <c r="H36561" t="s">
        <v>22540</v>
      </c>
      <c r="I36561" s="2">
        <v>0</v>
      </c>
      <c r="J36561" s="2">
        <v>0</v>
      </c>
      <c r="K36561" s="2">
        <v>1</v>
      </c>
      <c r="L36561" t="s">
        <v>995</v>
      </c>
      <c r="M36561" t="s">
        <v>83</v>
      </c>
      <c r="N36561" t="s">
        <v>91</v>
      </c>
      <c r="O36561" t="s">
        <v>85</v>
      </c>
      <c r="P36561" t="s">
        <v>86</v>
      </c>
      <c r="Q36561">
        <v>44</v>
      </c>
      <c r="R36561">
        <v>45</v>
      </c>
      <c r="S36561">
        <v>45</v>
      </c>
      <c r="T36561">
        <v>46</v>
      </c>
      <c r="U36561">
        <v>46</v>
      </c>
      <c r="V36561">
        <v>47</v>
      </c>
      <c r="W36561">
        <v>48</v>
      </c>
      <c r="X36561">
        <v>48</v>
      </c>
      <c r="Y36561">
        <v>49</v>
      </c>
      <c r="Z36561">
        <v>49</v>
      </c>
      <c r="AA36561">
        <v>50</v>
      </c>
      <c r="AB36561">
        <v>50</v>
      </c>
      <c r="AC36561">
        <v>50</v>
      </c>
      <c r="AD36561">
        <v>51</v>
      </c>
      <c r="AE36561">
        <v>51</v>
      </c>
      <c r="AF36561">
        <v>52</v>
      </c>
      <c r="AG36561">
        <v>52</v>
      </c>
      <c r="AH36561">
        <v>53</v>
      </c>
      <c r="AI36561">
        <v>53</v>
      </c>
      <c r="AJ36561">
        <v>53</v>
      </c>
      <c r="AK36561">
        <v>54</v>
      </c>
      <c r="AL36561">
        <v>54</v>
      </c>
      <c r="AM36561">
        <v>54</v>
      </c>
      <c r="AN36561">
        <v>54</v>
      </c>
      <c r="AO36561">
        <v>53</v>
      </c>
      <c r="AP36561">
        <v>53</v>
      </c>
      <c r="AQ36561">
        <v>53</v>
      </c>
    </row>
    <row r="36562" spans="1:43">
      <c r="A36562" t="s">
        <v>22665</v>
      </c>
      <c r="B36562" t="s">
        <v>22666</v>
      </c>
      <c r="C36562" t="s">
        <v>22663</v>
      </c>
      <c r="D36562" t="s">
        <v>22664</v>
      </c>
      <c r="E36562" t="s">
        <v>22537</v>
      </c>
      <c r="F36562" t="s">
        <v>22538</v>
      </c>
      <c r="G36562" t="s">
        <v>22539</v>
      </c>
      <c r="H36562" t="s">
        <v>22540</v>
      </c>
      <c r="I36562" s="2">
        <v>0</v>
      </c>
      <c r="J36562" s="2">
        <v>0</v>
      </c>
      <c r="K36562" s="2">
        <v>1</v>
      </c>
      <c r="L36562" t="s">
        <v>995</v>
      </c>
      <c r="M36562" t="s">
        <v>83</v>
      </c>
      <c r="N36562" t="s">
        <v>84</v>
      </c>
      <c r="O36562" t="s">
        <v>85</v>
      </c>
      <c r="P36562" t="s">
        <v>86</v>
      </c>
      <c r="Q36562">
        <v>60</v>
      </c>
      <c r="R36562">
        <v>61</v>
      </c>
      <c r="S36562">
        <v>62</v>
      </c>
      <c r="T36562">
        <v>63</v>
      </c>
      <c r="U36562">
        <v>63</v>
      </c>
      <c r="V36562">
        <v>64</v>
      </c>
      <c r="W36562">
        <v>65</v>
      </c>
      <c r="X36562">
        <v>65</v>
      </c>
      <c r="Y36562">
        <v>66</v>
      </c>
      <c r="Z36562">
        <v>67</v>
      </c>
      <c r="AA36562">
        <v>67</v>
      </c>
      <c r="AB36562">
        <v>68</v>
      </c>
      <c r="AC36562">
        <v>69</v>
      </c>
      <c r="AD36562">
        <v>69</v>
      </c>
      <c r="AE36562">
        <v>70</v>
      </c>
      <c r="AF36562">
        <v>70</v>
      </c>
      <c r="AG36562">
        <v>71</v>
      </c>
      <c r="AH36562">
        <v>71</v>
      </c>
      <c r="AI36562">
        <v>72</v>
      </c>
      <c r="AJ36562">
        <v>73</v>
      </c>
      <c r="AK36562">
        <v>73</v>
      </c>
      <c r="AL36562">
        <v>73</v>
      </c>
      <c r="AM36562">
        <v>73</v>
      </c>
      <c r="AN36562">
        <v>73</v>
      </c>
      <c r="AO36562">
        <v>72</v>
      </c>
      <c r="AP36562">
        <v>72</v>
      </c>
      <c r="AQ36562">
        <v>72</v>
      </c>
    </row>
    <row r="36563" spans="1:43">
      <c r="A36563" t="s">
        <v>22665</v>
      </c>
      <c r="B36563" t="s">
        <v>22666</v>
      </c>
      <c r="C36563" t="s">
        <v>22663</v>
      </c>
      <c r="D36563" t="s">
        <v>22664</v>
      </c>
      <c r="E36563" t="s">
        <v>22537</v>
      </c>
      <c r="F36563" t="s">
        <v>22538</v>
      </c>
      <c r="G36563" t="s">
        <v>22539</v>
      </c>
      <c r="H36563" t="s">
        <v>22540</v>
      </c>
      <c r="I36563" s="2">
        <v>0</v>
      </c>
      <c r="J36563" s="2">
        <v>0</v>
      </c>
      <c r="K36563" s="2">
        <v>1</v>
      </c>
      <c r="L36563" t="s">
        <v>995</v>
      </c>
      <c r="M36563" t="s">
        <v>87</v>
      </c>
      <c r="N36563" t="s">
        <v>88</v>
      </c>
      <c r="O36563" t="s">
        <v>85</v>
      </c>
      <c r="P36563" t="s">
        <v>86</v>
      </c>
      <c r="Q36563">
        <v>60</v>
      </c>
      <c r="R36563">
        <v>60</v>
      </c>
      <c r="S36563">
        <v>60</v>
      </c>
      <c r="T36563">
        <v>60</v>
      </c>
      <c r="U36563">
        <v>61</v>
      </c>
      <c r="V36563">
        <v>61</v>
      </c>
      <c r="W36563">
        <v>61</v>
      </c>
      <c r="X36563">
        <v>61</v>
      </c>
      <c r="Y36563">
        <v>61</v>
      </c>
      <c r="Z36563">
        <v>61</v>
      </c>
      <c r="AA36563">
        <v>61</v>
      </c>
      <c r="AB36563">
        <v>61</v>
      </c>
      <c r="AC36563">
        <v>62</v>
      </c>
      <c r="AD36563">
        <v>62</v>
      </c>
      <c r="AE36563">
        <v>62</v>
      </c>
      <c r="AF36563">
        <v>62</v>
      </c>
      <c r="AG36563">
        <v>62</v>
      </c>
      <c r="AH36563">
        <v>62</v>
      </c>
      <c r="AI36563">
        <v>62</v>
      </c>
      <c r="AJ36563">
        <v>62</v>
      </c>
      <c r="AK36563">
        <v>62</v>
      </c>
      <c r="AL36563">
        <v>62</v>
      </c>
      <c r="AM36563">
        <v>62</v>
      </c>
      <c r="AN36563">
        <v>62</v>
      </c>
      <c r="AO36563">
        <v>62</v>
      </c>
      <c r="AP36563">
        <v>62</v>
      </c>
      <c r="AQ36563">
        <v>62</v>
      </c>
    </row>
    <row r="36564" spans="1:43">
      <c r="A36564" t="s">
        <v>22665</v>
      </c>
      <c r="B36564" t="s">
        <v>22666</v>
      </c>
      <c r="C36564" t="s">
        <v>22663</v>
      </c>
      <c r="D36564" t="s">
        <v>22664</v>
      </c>
      <c r="E36564" t="s">
        <v>22537</v>
      </c>
      <c r="F36564" t="s">
        <v>22538</v>
      </c>
      <c r="G36564" t="s">
        <v>22539</v>
      </c>
      <c r="H36564" t="s">
        <v>22540</v>
      </c>
      <c r="I36564" s="2">
        <v>0</v>
      </c>
      <c r="J36564" s="2">
        <v>0</v>
      </c>
      <c r="K36564" s="2">
        <v>1</v>
      </c>
      <c r="L36564" t="s">
        <v>995</v>
      </c>
      <c r="M36564" t="s">
        <v>89</v>
      </c>
      <c r="N36564" t="s">
        <v>90</v>
      </c>
      <c r="O36564" t="s">
        <v>85</v>
      </c>
      <c r="P36564" t="s">
        <v>86</v>
      </c>
      <c r="Q36564">
        <v>60</v>
      </c>
      <c r="R36564">
        <v>61</v>
      </c>
      <c r="S36564">
        <v>62</v>
      </c>
      <c r="T36564">
        <v>64</v>
      </c>
      <c r="U36564">
        <v>65</v>
      </c>
      <c r="V36564">
        <v>66</v>
      </c>
      <c r="W36564">
        <v>67</v>
      </c>
      <c r="X36564">
        <v>68</v>
      </c>
      <c r="Y36564">
        <v>69</v>
      </c>
      <c r="Z36564">
        <v>70</v>
      </c>
      <c r="AA36564">
        <v>71</v>
      </c>
      <c r="AB36564">
        <v>72</v>
      </c>
      <c r="AC36564">
        <v>73</v>
      </c>
      <c r="AD36564">
        <v>73</v>
      </c>
      <c r="AE36564">
        <v>74</v>
      </c>
      <c r="AF36564">
        <v>74</v>
      </c>
      <c r="AG36564">
        <v>74</v>
      </c>
      <c r="AH36564">
        <v>73</v>
      </c>
      <c r="AI36564">
        <v>73</v>
      </c>
      <c r="AJ36564">
        <v>73</v>
      </c>
      <c r="AK36564">
        <v>73</v>
      </c>
      <c r="AL36564">
        <v>73</v>
      </c>
      <c r="AM36564">
        <v>72</v>
      </c>
      <c r="AN36564">
        <v>72</v>
      </c>
      <c r="AO36564">
        <v>72</v>
      </c>
      <c r="AP36564">
        <v>72</v>
      </c>
      <c r="AQ36564">
        <v>71</v>
      </c>
    </row>
    <row r="36565" spans="1:43">
      <c r="A36565" t="s">
        <v>22665</v>
      </c>
      <c r="B36565" t="s">
        <v>22666</v>
      </c>
      <c r="C36565" t="s">
        <v>22663</v>
      </c>
      <c r="D36565" t="s">
        <v>22664</v>
      </c>
      <c r="E36565" t="s">
        <v>22537</v>
      </c>
      <c r="F36565" t="s">
        <v>22538</v>
      </c>
      <c r="G36565" t="s">
        <v>22539</v>
      </c>
      <c r="H36565" t="s">
        <v>22540</v>
      </c>
      <c r="I36565" s="2">
        <v>0</v>
      </c>
      <c r="J36565" s="2">
        <v>0</v>
      </c>
      <c r="K36565" s="2">
        <v>1</v>
      </c>
      <c r="L36565" t="s">
        <v>995</v>
      </c>
      <c r="M36565" t="s">
        <v>83</v>
      </c>
      <c r="N36565" t="s">
        <v>91</v>
      </c>
      <c r="O36565" t="s">
        <v>85</v>
      </c>
      <c r="P36565" t="s">
        <v>86</v>
      </c>
      <c r="Q36565">
        <v>60</v>
      </c>
      <c r="R36565">
        <v>61</v>
      </c>
      <c r="S36565">
        <v>62</v>
      </c>
      <c r="T36565">
        <v>63</v>
      </c>
      <c r="U36565">
        <v>63</v>
      </c>
      <c r="V36565">
        <v>64</v>
      </c>
      <c r="W36565">
        <v>65</v>
      </c>
      <c r="X36565">
        <v>65</v>
      </c>
      <c r="Y36565">
        <v>66</v>
      </c>
      <c r="Z36565">
        <v>67</v>
      </c>
      <c r="AA36565">
        <v>67</v>
      </c>
      <c r="AB36565">
        <v>68</v>
      </c>
      <c r="AC36565">
        <v>69</v>
      </c>
      <c r="AD36565">
        <v>69</v>
      </c>
      <c r="AE36565">
        <v>70</v>
      </c>
      <c r="AF36565">
        <v>70</v>
      </c>
      <c r="AG36565">
        <v>71</v>
      </c>
      <c r="AH36565">
        <v>71</v>
      </c>
      <c r="AI36565">
        <v>72</v>
      </c>
      <c r="AJ36565">
        <v>73</v>
      </c>
      <c r="AK36565">
        <v>73</v>
      </c>
      <c r="AL36565">
        <v>73</v>
      </c>
      <c r="AM36565">
        <v>73</v>
      </c>
      <c r="AN36565">
        <v>73</v>
      </c>
      <c r="AO36565">
        <v>72</v>
      </c>
      <c r="AP36565">
        <v>72</v>
      </c>
      <c r="AQ36565">
        <v>72</v>
      </c>
    </row>
    <row r="36566" spans="1:43">
      <c r="A36566" t="s">
        <v>22667</v>
      </c>
      <c r="B36566" t="s">
        <v>22668</v>
      </c>
      <c r="C36566" t="s">
        <v>22663</v>
      </c>
      <c r="D36566" t="s">
        <v>22664</v>
      </c>
      <c r="E36566" t="s">
        <v>22537</v>
      </c>
      <c r="F36566" t="s">
        <v>22538</v>
      </c>
      <c r="G36566" t="s">
        <v>22539</v>
      </c>
      <c r="H36566" t="s">
        <v>22540</v>
      </c>
      <c r="I36566" s="2">
        <v>0</v>
      </c>
      <c r="J36566" s="2">
        <v>0</v>
      </c>
      <c r="K36566" s="2">
        <v>1</v>
      </c>
      <c r="L36566" t="s">
        <v>995</v>
      </c>
      <c r="M36566" t="s">
        <v>83</v>
      </c>
      <c r="N36566" t="s">
        <v>84</v>
      </c>
      <c r="O36566" t="s">
        <v>85</v>
      </c>
      <c r="P36566" t="s">
        <v>86</v>
      </c>
      <c r="Q36566">
        <v>38</v>
      </c>
      <c r="R36566">
        <v>39</v>
      </c>
      <c r="S36566">
        <v>39</v>
      </c>
      <c r="T36566">
        <v>40</v>
      </c>
      <c r="U36566">
        <v>40</v>
      </c>
      <c r="V36566">
        <v>40</v>
      </c>
      <c r="W36566">
        <v>41</v>
      </c>
      <c r="X36566">
        <v>41</v>
      </c>
      <c r="Y36566">
        <v>42</v>
      </c>
      <c r="Z36566">
        <v>42</v>
      </c>
      <c r="AA36566">
        <v>43</v>
      </c>
      <c r="AB36566">
        <v>43</v>
      </c>
      <c r="AC36566">
        <v>43</v>
      </c>
      <c r="AD36566">
        <v>44</v>
      </c>
      <c r="AE36566">
        <v>44</v>
      </c>
      <c r="AF36566">
        <v>44</v>
      </c>
      <c r="AG36566">
        <v>45</v>
      </c>
      <c r="AH36566">
        <v>45</v>
      </c>
      <c r="AI36566">
        <v>45</v>
      </c>
      <c r="AJ36566">
        <v>46</v>
      </c>
      <c r="AK36566">
        <v>46</v>
      </c>
      <c r="AL36566">
        <v>46</v>
      </c>
      <c r="AM36566">
        <v>46</v>
      </c>
      <c r="AN36566">
        <v>46</v>
      </c>
      <c r="AO36566">
        <v>46</v>
      </c>
      <c r="AP36566">
        <v>45</v>
      </c>
      <c r="AQ36566">
        <v>45</v>
      </c>
    </row>
    <row r="36567" spans="1:43">
      <c r="A36567" t="s">
        <v>22667</v>
      </c>
      <c r="B36567" t="s">
        <v>22668</v>
      </c>
      <c r="C36567" t="s">
        <v>22663</v>
      </c>
      <c r="D36567" t="s">
        <v>22664</v>
      </c>
      <c r="E36567" t="s">
        <v>22537</v>
      </c>
      <c r="F36567" t="s">
        <v>22538</v>
      </c>
      <c r="G36567" t="s">
        <v>22539</v>
      </c>
      <c r="H36567" t="s">
        <v>22540</v>
      </c>
      <c r="I36567" s="2">
        <v>0</v>
      </c>
      <c r="J36567" s="2">
        <v>0</v>
      </c>
      <c r="K36567" s="2">
        <v>1</v>
      </c>
      <c r="L36567" t="s">
        <v>995</v>
      </c>
      <c r="M36567" t="s">
        <v>87</v>
      </c>
      <c r="N36567" t="s">
        <v>88</v>
      </c>
      <c r="O36567" t="s">
        <v>85</v>
      </c>
      <c r="P36567" t="s">
        <v>86</v>
      </c>
      <c r="Q36567">
        <v>38</v>
      </c>
      <c r="R36567">
        <v>38</v>
      </c>
      <c r="S36567">
        <v>38</v>
      </c>
      <c r="T36567">
        <v>38</v>
      </c>
      <c r="U36567">
        <v>38</v>
      </c>
      <c r="V36567">
        <v>38</v>
      </c>
      <c r="W36567">
        <v>38</v>
      </c>
      <c r="X36567">
        <v>39</v>
      </c>
      <c r="Y36567">
        <v>39</v>
      </c>
      <c r="Z36567">
        <v>39</v>
      </c>
      <c r="AA36567">
        <v>39</v>
      </c>
      <c r="AB36567">
        <v>39</v>
      </c>
      <c r="AC36567">
        <v>39</v>
      </c>
      <c r="AD36567">
        <v>39</v>
      </c>
      <c r="AE36567">
        <v>39</v>
      </c>
      <c r="AF36567">
        <v>39</v>
      </c>
      <c r="AG36567">
        <v>39</v>
      </c>
      <c r="AH36567">
        <v>39</v>
      </c>
      <c r="AI36567">
        <v>39</v>
      </c>
      <c r="AJ36567">
        <v>39</v>
      </c>
      <c r="AK36567">
        <v>39</v>
      </c>
      <c r="AL36567">
        <v>39</v>
      </c>
      <c r="AM36567">
        <v>39</v>
      </c>
      <c r="AN36567">
        <v>39</v>
      </c>
      <c r="AO36567">
        <v>39</v>
      </c>
      <c r="AP36567">
        <v>39</v>
      </c>
      <c r="AQ36567">
        <v>39</v>
      </c>
    </row>
    <row r="36568" spans="1:43">
      <c r="A36568" t="s">
        <v>22667</v>
      </c>
      <c r="B36568" t="s">
        <v>22668</v>
      </c>
      <c r="C36568" t="s">
        <v>22663</v>
      </c>
      <c r="D36568" t="s">
        <v>22664</v>
      </c>
      <c r="E36568" t="s">
        <v>22537</v>
      </c>
      <c r="F36568" t="s">
        <v>22538</v>
      </c>
      <c r="G36568" t="s">
        <v>22539</v>
      </c>
      <c r="H36568" t="s">
        <v>22540</v>
      </c>
      <c r="I36568" s="2">
        <v>0</v>
      </c>
      <c r="J36568" s="2">
        <v>0</v>
      </c>
      <c r="K36568" s="2">
        <v>1</v>
      </c>
      <c r="L36568" t="s">
        <v>995</v>
      </c>
      <c r="M36568" t="s">
        <v>89</v>
      </c>
      <c r="N36568" t="s">
        <v>90</v>
      </c>
      <c r="O36568" t="s">
        <v>85</v>
      </c>
      <c r="P36568" t="s">
        <v>86</v>
      </c>
      <c r="Q36568">
        <v>38</v>
      </c>
      <c r="R36568">
        <v>38</v>
      </c>
      <c r="S36568">
        <v>39</v>
      </c>
      <c r="T36568">
        <v>40</v>
      </c>
      <c r="U36568">
        <v>41</v>
      </c>
      <c r="V36568">
        <v>41</v>
      </c>
      <c r="W36568">
        <v>42</v>
      </c>
      <c r="X36568">
        <v>43</v>
      </c>
      <c r="Y36568">
        <v>43</v>
      </c>
      <c r="Z36568">
        <v>44</v>
      </c>
      <c r="AA36568">
        <v>44</v>
      </c>
      <c r="AB36568">
        <v>45</v>
      </c>
      <c r="AC36568">
        <v>46</v>
      </c>
      <c r="AD36568">
        <v>46</v>
      </c>
      <c r="AE36568">
        <v>46</v>
      </c>
      <c r="AF36568">
        <v>46</v>
      </c>
      <c r="AG36568">
        <v>46</v>
      </c>
      <c r="AH36568">
        <v>46</v>
      </c>
      <c r="AI36568">
        <v>46</v>
      </c>
      <c r="AJ36568">
        <v>46</v>
      </c>
      <c r="AK36568">
        <v>46</v>
      </c>
      <c r="AL36568">
        <v>45</v>
      </c>
      <c r="AM36568">
        <v>45</v>
      </c>
      <c r="AN36568">
        <v>45</v>
      </c>
      <c r="AO36568">
        <v>45</v>
      </c>
      <c r="AP36568">
        <v>45</v>
      </c>
      <c r="AQ36568">
        <v>45</v>
      </c>
    </row>
    <row r="36569" spans="1:43">
      <c r="A36569" t="s">
        <v>22667</v>
      </c>
      <c r="B36569" t="s">
        <v>22668</v>
      </c>
      <c r="C36569" t="s">
        <v>22663</v>
      </c>
      <c r="D36569" t="s">
        <v>22664</v>
      </c>
      <c r="E36569" t="s">
        <v>22537</v>
      </c>
      <c r="F36569" t="s">
        <v>22538</v>
      </c>
      <c r="G36569" t="s">
        <v>22539</v>
      </c>
      <c r="H36569" t="s">
        <v>22540</v>
      </c>
      <c r="I36569" s="2">
        <v>0</v>
      </c>
      <c r="J36569" s="2">
        <v>0</v>
      </c>
      <c r="K36569" s="2">
        <v>1</v>
      </c>
      <c r="L36569" t="s">
        <v>995</v>
      </c>
      <c r="M36569" t="s">
        <v>83</v>
      </c>
      <c r="N36569" t="s">
        <v>91</v>
      </c>
      <c r="O36569" t="s">
        <v>85</v>
      </c>
      <c r="P36569" t="s">
        <v>86</v>
      </c>
      <c r="Q36569">
        <v>38</v>
      </c>
      <c r="R36569">
        <v>39</v>
      </c>
      <c r="S36569">
        <v>39</v>
      </c>
      <c r="T36569">
        <v>40</v>
      </c>
      <c r="U36569">
        <v>40</v>
      </c>
      <c r="V36569">
        <v>40</v>
      </c>
      <c r="W36569">
        <v>41</v>
      </c>
      <c r="X36569">
        <v>41</v>
      </c>
      <c r="Y36569">
        <v>42</v>
      </c>
      <c r="Z36569">
        <v>42</v>
      </c>
      <c r="AA36569">
        <v>43</v>
      </c>
      <c r="AB36569">
        <v>43</v>
      </c>
      <c r="AC36569">
        <v>43</v>
      </c>
      <c r="AD36569">
        <v>44</v>
      </c>
      <c r="AE36569">
        <v>44</v>
      </c>
      <c r="AF36569">
        <v>44</v>
      </c>
      <c r="AG36569">
        <v>45</v>
      </c>
      <c r="AH36569">
        <v>45</v>
      </c>
      <c r="AI36569">
        <v>45</v>
      </c>
      <c r="AJ36569">
        <v>46</v>
      </c>
      <c r="AK36569">
        <v>46</v>
      </c>
      <c r="AL36569">
        <v>46</v>
      </c>
      <c r="AM36569">
        <v>46</v>
      </c>
      <c r="AN36569">
        <v>46</v>
      </c>
      <c r="AO36569">
        <v>46</v>
      </c>
      <c r="AP36569">
        <v>45</v>
      </c>
      <c r="AQ36569">
        <v>45</v>
      </c>
    </row>
    <row r="36570" spans="1:43">
      <c r="A36570" t="s">
        <v>22669</v>
      </c>
      <c r="B36570" t="s">
        <v>22670</v>
      </c>
      <c r="C36570" t="s">
        <v>22663</v>
      </c>
      <c r="D36570" t="s">
        <v>22664</v>
      </c>
      <c r="E36570" t="s">
        <v>22537</v>
      </c>
      <c r="F36570" t="s">
        <v>22538</v>
      </c>
      <c r="G36570" t="s">
        <v>22539</v>
      </c>
      <c r="H36570" t="s">
        <v>22540</v>
      </c>
      <c r="I36570" s="2">
        <v>0</v>
      </c>
      <c r="J36570" s="2">
        <v>0</v>
      </c>
      <c r="K36570" s="2">
        <v>1</v>
      </c>
      <c r="L36570" t="s">
        <v>995</v>
      </c>
      <c r="M36570" t="s">
        <v>83</v>
      </c>
      <c r="N36570" t="s">
        <v>84</v>
      </c>
      <c r="O36570" t="s">
        <v>85</v>
      </c>
      <c r="P36570" t="s">
        <v>86</v>
      </c>
      <c r="Q36570">
        <v>34</v>
      </c>
      <c r="R36570">
        <v>35</v>
      </c>
      <c r="S36570">
        <v>35</v>
      </c>
      <c r="T36570">
        <v>36</v>
      </c>
      <c r="U36570">
        <v>36</v>
      </c>
      <c r="V36570">
        <v>36</v>
      </c>
      <c r="W36570">
        <v>37</v>
      </c>
      <c r="X36570">
        <v>37</v>
      </c>
      <c r="Y36570">
        <v>38</v>
      </c>
      <c r="Z36570">
        <v>38</v>
      </c>
      <c r="AA36570">
        <v>38</v>
      </c>
      <c r="AB36570">
        <v>39</v>
      </c>
      <c r="AC36570">
        <v>39</v>
      </c>
      <c r="AD36570">
        <v>39</v>
      </c>
      <c r="AE36570">
        <v>40</v>
      </c>
      <c r="AF36570">
        <v>40</v>
      </c>
      <c r="AG36570">
        <v>40</v>
      </c>
      <c r="AH36570">
        <v>41</v>
      </c>
      <c r="AI36570">
        <v>41</v>
      </c>
      <c r="AJ36570">
        <v>41</v>
      </c>
      <c r="AK36570">
        <v>41</v>
      </c>
      <c r="AL36570">
        <v>41</v>
      </c>
      <c r="AM36570">
        <v>41</v>
      </c>
      <c r="AN36570">
        <v>41</v>
      </c>
      <c r="AO36570">
        <v>41</v>
      </c>
      <c r="AP36570">
        <v>41</v>
      </c>
      <c r="AQ36570">
        <v>41</v>
      </c>
    </row>
    <row r="36571" spans="1:43">
      <c r="A36571" t="s">
        <v>22669</v>
      </c>
      <c r="B36571" t="s">
        <v>22670</v>
      </c>
      <c r="C36571" t="s">
        <v>22663</v>
      </c>
      <c r="D36571" t="s">
        <v>22664</v>
      </c>
      <c r="E36571" t="s">
        <v>22537</v>
      </c>
      <c r="F36571" t="s">
        <v>22538</v>
      </c>
      <c r="G36571" t="s">
        <v>22539</v>
      </c>
      <c r="H36571" t="s">
        <v>22540</v>
      </c>
      <c r="I36571" s="2">
        <v>0</v>
      </c>
      <c r="J36571" s="2">
        <v>0</v>
      </c>
      <c r="K36571" s="2">
        <v>1</v>
      </c>
      <c r="L36571" t="s">
        <v>995</v>
      </c>
      <c r="M36571" t="s">
        <v>87</v>
      </c>
      <c r="N36571" t="s">
        <v>88</v>
      </c>
      <c r="O36571" t="s">
        <v>85</v>
      </c>
      <c r="P36571" t="s">
        <v>86</v>
      </c>
      <c r="Q36571">
        <v>34</v>
      </c>
      <c r="R36571">
        <v>34</v>
      </c>
      <c r="S36571">
        <v>34</v>
      </c>
      <c r="T36571">
        <v>34</v>
      </c>
      <c r="U36571">
        <v>34</v>
      </c>
      <c r="V36571">
        <v>34</v>
      </c>
      <c r="W36571">
        <v>35</v>
      </c>
      <c r="X36571">
        <v>35</v>
      </c>
      <c r="Y36571">
        <v>35</v>
      </c>
      <c r="Z36571">
        <v>35</v>
      </c>
      <c r="AA36571">
        <v>35</v>
      </c>
      <c r="AB36571">
        <v>35</v>
      </c>
      <c r="AC36571">
        <v>35</v>
      </c>
      <c r="AD36571">
        <v>35</v>
      </c>
      <c r="AE36571">
        <v>35</v>
      </c>
      <c r="AF36571">
        <v>35</v>
      </c>
      <c r="AG36571">
        <v>35</v>
      </c>
      <c r="AH36571">
        <v>35</v>
      </c>
      <c r="AI36571">
        <v>35</v>
      </c>
      <c r="AJ36571">
        <v>35</v>
      </c>
      <c r="AK36571">
        <v>35</v>
      </c>
      <c r="AL36571">
        <v>35</v>
      </c>
      <c r="AM36571">
        <v>35</v>
      </c>
      <c r="AN36571">
        <v>35</v>
      </c>
      <c r="AO36571">
        <v>35</v>
      </c>
      <c r="AP36571">
        <v>35</v>
      </c>
      <c r="AQ36571">
        <v>35</v>
      </c>
    </row>
    <row r="36572" spans="1:43">
      <c r="A36572" t="s">
        <v>22669</v>
      </c>
      <c r="B36572" t="s">
        <v>22670</v>
      </c>
      <c r="C36572" t="s">
        <v>22663</v>
      </c>
      <c r="D36572" t="s">
        <v>22664</v>
      </c>
      <c r="E36572" t="s">
        <v>22537</v>
      </c>
      <c r="F36572" t="s">
        <v>22538</v>
      </c>
      <c r="G36572" t="s">
        <v>22539</v>
      </c>
      <c r="H36572" t="s">
        <v>22540</v>
      </c>
      <c r="I36572" s="2">
        <v>0</v>
      </c>
      <c r="J36572" s="2">
        <v>0</v>
      </c>
      <c r="K36572" s="2">
        <v>1</v>
      </c>
      <c r="L36572" t="s">
        <v>995</v>
      </c>
      <c r="M36572" t="s">
        <v>89</v>
      </c>
      <c r="N36572" t="s">
        <v>90</v>
      </c>
      <c r="O36572" t="s">
        <v>85</v>
      </c>
      <c r="P36572" t="s">
        <v>86</v>
      </c>
      <c r="Q36572">
        <v>34</v>
      </c>
      <c r="R36572">
        <v>34</v>
      </c>
      <c r="S36572">
        <v>35</v>
      </c>
      <c r="T36572">
        <v>36</v>
      </c>
      <c r="U36572">
        <v>36</v>
      </c>
      <c r="V36572">
        <v>37</v>
      </c>
      <c r="W36572">
        <v>38</v>
      </c>
      <c r="X36572">
        <v>38</v>
      </c>
      <c r="Y36572">
        <v>39</v>
      </c>
      <c r="Z36572">
        <v>39</v>
      </c>
      <c r="AA36572">
        <v>40</v>
      </c>
      <c r="AB36572">
        <v>40</v>
      </c>
      <c r="AC36572">
        <v>41</v>
      </c>
      <c r="AD36572">
        <v>41</v>
      </c>
      <c r="AE36572">
        <v>42</v>
      </c>
      <c r="AF36572">
        <v>41</v>
      </c>
      <c r="AG36572">
        <v>41</v>
      </c>
      <c r="AH36572">
        <v>41</v>
      </c>
      <c r="AI36572">
        <v>41</v>
      </c>
      <c r="AJ36572">
        <v>41</v>
      </c>
      <c r="AK36572">
        <v>41</v>
      </c>
      <c r="AL36572">
        <v>41</v>
      </c>
      <c r="AM36572">
        <v>41</v>
      </c>
      <c r="AN36572">
        <v>40</v>
      </c>
      <c r="AO36572">
        <v>40</v>
      </c>
      <c r="AP36572">
        <v>40</v>
      </c>
      <c r="AQ36572">
        <v>40</v>
      </c>
    </row>
    <row r="36573" spans="1:43">
      <c r="A36573" t="s">
        <v>22669</v>
      </c>
      <c r="B36573" t="s">
        <v>22670</v>
      </c>
      <c r="C36573" t="s">
        <v>22663</v>
      </c>
      <c r="D36573" t="s">
        <v>22664</v>
      </c>
      <c r="E36573" t="s">
        <v>22537</v>
      </c>
      <c r="F36573" t="s">
        <v>22538</v>
      </c>
      <c r="G36573" t="s">
        <v>22539</v>
      </c>
      <c r="H36573" t="s">
        <v>22540</v>
      </c>
      <c r="I36573" s="2">
        <v>0</v>
      </c>
      <c r="J36573" s="2">
        <v>0</v>
      </c>
      <c r="K36573" s="2">
        <v>1</v>
      </c>
      <c r="L36573" t="s">
        <v>995</v>
      </c>
      <c r="M36573" t="s">
        <v>83</v>
      </c>
      <c r="N36573" t="s">
        <v>91</v>
      </c>
      <c r="O36573" t="s">
        <v>85</v>
      </c>
      <c r="P36573" t="s">
        <v>86</v>
      </c>
      <c r="Q36573">
        <v>34</v>
      </c>
      <c r="R36573">
        <v>35</v>
      </c>
      <c r="S36573">
        <v>35</v>
      </c>
      <c r="T36573">
        <v>36</v>
      </c>
      <c r="U36573">
        <v>36</v>
      </c>
      <c r="V36573">
        <v>36</v>
      </c>
      <c r="W36573">
        <v>37</v>
      </c>
      <c r="X36573">
        <v>37</v>
      </c>
      <c r="Y36573">
        <v>38</v>
      </c>
      <c r="Z36573">
        <v>38</v>
      </c>
      <c r="AA36573">
        <v>38</v>
      </c>
      <c r="AB36573">
        <v>39</v>
      </c>
      <c r="AC36573">
        <v>39</v>
      </c>
      <c r="AD36573">
        <v>39</v>
      </c>
      <c r="AE36573">
        <v>40</v>
      </c>
      <c r="AF36573">
        <v>40</v>
      </c>
      <c r="AG36573">
        <v>40</v>
      </c>
      <c r="AH36573">
        <v>41</v>
      </c>
      <c r="AI36573">
        <v>41</v>
      </c>
      <c r="AJ36573">
        <v>41</v>
      </c>
      <c r="AK36573">
        <v>41</v>
      </c>
      <c r="AL36573">
        <v>41</v>
      </c>
      <c r="AM36573">
        <v>41</v>
      </c>
      <c r="AN36573">
        <v>41</v>
      </c>
      <c r="AO36573">
        <v>41</v>
      </c>
      <c r="AP36573">
        <v>41</v>
      </c>
      <c r="AQ36573">
        <v>41</v>
      </c>
    </row>
    <row r="36574" spans="1:43">
      <c r="A36574" t="s">
        <v>22671</v>
      </c>
      <c r="B36574" t="s">
        <v>22672</v>
      </c>
      <c r="C36574" t="s">
        <v>22673</v>
      </c>
      <c r="D36574" t="s">
        <v>22674</v>
      </c>
      <c r="E36574" t="s">
        <v>22537</v>
      </c>
      <c r="F36574" t="s">
        <v>22538</v>
      </c>
      <c r="G36574" t="s">
        <v>22539</v>
      </c>
      <c r="H36574" t="s">
        <v>22540</v>
      </c>
      <c r="I36574" s="2">
        <v>0</v>
      </c>
      <c r="J36574" s="2">
        <v>0</v>
      </c>
      <c r="K36574" s="2">
        <v>1</v>
      </c>
      <c r="L36574" t="s">
        <v>995</v>
      </c>
      <c r="M36574" t="s">
        <v>83</v>
      </c>
      <c r="N36574" t="s">
        <v>84</v>
      </c>
      <c r="O36574" t="s">
        <v>85</v>
      </c>
      <c r="P36574" t="s">
        <v>86</v>
      </c>
      <c r="Q36574">
        <v>48</v>
      </c>
      <c r="R36574">
        <v>49</v>
      </c>
      <c r="S36574">
        <v>49</v>
      </c>
      <c r="T36574">
        <v>50</v>
      </c>
      <c r="U36574">
        <v>51</v>
      </c>
      <c r="V36574">
        <v>51</v>
      </c>
      <c r="W36574">
        <v>52</v>
      </c>
      <c r="X36574">
        <v>52</v>
      </c>
      <c r="Y36574">
        <v>53</v>
      </c>
      <c r="Z36574">
        <v>54</v>
      </c>
      <c r="AA36574">
        <v>54</v>
      </c>
      <c r="AB36574">
        <v>55</v>
      </c>
      <c r="AC36574">
        <v>55</v>
      </c>
      <c r="AD36574">
        <v>56</v>
      </c>
      <c r="AE36574">
        <v>56</v>
      </c>
      <c r="AF36574">
        <v>57</v>
      </c>
      <c r="AG36574">
        <v>57</v>
      </c>
      <c r="AH36574">
        <v>57</v>
      </c>
      <c r="AI36574">
        <v>58</v>
      </c>
      <c r="AJ36574">
        <v>58</v>
      </c>
      <c r="AK36574">
        <v>59</v>
      </c>
      <c r="AL36574">
        <v>59</v>
      </c>
      <c r="AM36574">
        <v>59</v>
      </c>
      <c r="AN36574">
        <v>59</v>
      </c>
      <c r="AO36574">
        <v>58</v>
      </c>
      <c r="AP36574">
        <v>58</v>
      </c>
      <c r="AQ36574">
        <v>58</v>
      </c>
    </row>
    <row r="36575" spans="1:43">
      <c r="A36575" t="s">
        <v>22671</v>
      </c>
      <c r="B36575" t="s">
        <v>22672</v>
      </c>
      <c r="C36575" t="s">
        <v>22673</v>
      </c>
      <c r="D36575" t="s">
        <v>22674</v>
      </c>
      <c r="E36575" t="s">
        <v>22537</v>
      </c>
      <c r="F36575" t="s">
        <v>22538</v>
      </c>
      <c r="G36575" t="s">
        <v>22539</v>
      </c>
      <c r="H36575" t="s">
        <v>22540</v>
      </c>
      <c r="I36575" s="2">
        <v>0</v>
      </c>
      <c r="J36575" s="2">
        <v>0</v>
      </c>
      <c r="K36575" s="2">
        <v>1</v>
      </c>
      <c r="L36575" t="s">
        <v>995</v>
      </c>
      <c r="M36575" t="s">
        <v>87</v>
      </c>
      <c r="N36575" t="s">
        <v>88</v>
      </c>
      <c r="O36575" t="s">
        <v>85</v>
      </c>
      <c r="P36575" t="s">
        <v>86</v>
      </c>
      <c r="Q36575">
        <v>48</v>
      </c>
      <c r="R36575">
        <v>48</v>
      </c>
      <c r="S36575">
        <v>48</v>
      </c>
      <c r="T36575">
        <v>48</v>
      </c>
      <c r="U36575">
        <v>48</v>
      </c>
      <c r="V36575">
        <v>49</v>
      </c>
      <c r="W36575">
        <v>49</v>
      </c>
      <c r="X36575">
        <v>49</v>
      </c>
      <c r="Y36575">
        <v>49</v>
      </c>
      <c r="Z36575">
        <v>49</v>
      </c>
      <c r="AA36575">
        <v>49</v>
      </c>
      <c r="AB36575">
        <v>49</v>
      </c>
      <c r="AC36575">
        <v>49</v>
      </c>
      <c r="AD36575">
        <v>50</v>
      </c>
      <c r="AE36575">
        <v>50</v>
      </c>
      <c r="AF36575">
        <v>50</v>
      </c>
      <c r="AG36575">
        <v>50</v>
      </c>
      <c r="AH36575">
        <v>50</v>
      </c>
      <c r="AI36575">
        <v>50</v>
      </c>
      <c r="AJ36575">
        <v>50</v>
      </c>
      <c r="AK36575">
        <v>50</v>
      </c>
      <c r="AL36575">
        <v>50</v>
      </c>
      <c r="AM36575">
        <v>50</v>
      </c>
      <c r="AN36575">
        <v>51</v>
      </c>
      <c r="AO36575">
        <v>51</v>
      </c>
      <c r="AP36575">
        <v>51</v>
      </c>
      <c r="AQ36575">
        <v>51</v>
      </c>
    </row>
    <row r="36576" spans="1:43">
      <c r="A36576" t="s">
        <v>22671</v>
      </c>
      <c r="B36576" t="s">
        <v>22672</v>
      </c>
      <c r="C36576" t="s">
        <v>22673</v>
      </c>
      <c r="D36576" t="s">
        <v>22674</v>
      </c>
      <c r="E36576" t="s">
        <v>22537</v>
      </c>
      <c r="F36576" t="s">
        <v>22538</v>
      </c>
      <c r="G36576" t="s">
        <v>22539</v>
      </c>
      <c r="H36576" t="s">
        <v>22540</v>
      </c>
      <c r="I36576" s="2">
        <v>0</v>
      </c>
      <c r="J36576" s="2">
        <v>0</v>
      </c>
      <c r="K36576" s="2">
        <v>1</v>
      </c>
      <c r="L36576" t="s">
        <v>995</v>
      </c>
      <c r="M36576" t="s">
        <v>89</v>
      </c>
      <c r="N36576" t="s">
        <v>90</v>
      </c>
      <c r="O36576" t="s">
        <v>85</v>
      </c>
      <c r="P36576" t="s">
        <v>86</v>
      </c>
      <c r="Q36576">
        <v>48</v>
      </c>
      <c r="R36576">
        <v>49</v>
      </c>
      <c r="S36576">
        <v>50</v>
      </c>
      <c r="T36576">
        <v>51</v>
      </c>
      <c r="U36576">
        <v>52</v>
      </c>
      <c r="V36576">
        <v>53</v>
      </c>
      <c r="W36576">
        <v>53</v>
      </c>
      <c r="X36576">
        <v>54</v>
      </c>
      <c r="Y36576">
        <v>55</v>
      </c>
      <c r="Z36576">
        <v>56</v>
      </c>
      <c r="AA36576">
        <v>57</v>
      </c>
      <c r="AB36576">
        <v>57</v>
      </c>
      <c r="AC36576">
        <v>58</v>
      </c>
      <c r="AD36576">
        <v>59</v>
      </c>
      <c r="AE36576">
        <v>59</v>
      </c>
      <c r="AF36576">
        <v>59</v>
      </c>
      <c r="AG36576">
        <v>59</v>
      </c>
      <c r="AH36576">
        <v>59</v>
      </c>
      <c r="AI36576">
        <v>59</v>
      </c>
      <c r="AJ36576">
        <v>58</v>
      </c>
      <c r="AK36576">
        <v>58</v>
      </c>
      <c r="AL36576">
        <v>58</v>
      </c>
      <c r="AM36576">
        <v>58</v>
      </c>
      <c r="AN36576">
        <v>58</v>
      </c>
      <c r="AO36576">
        <v>58</v>
      </c>
      <c r="AP36576">
        <v>58</v>
      </c>
      <c r="AQ36576">
        <v>57</v>
      </c>
    </row>
    <row r="36577" spans="1:43">
      <c r="A36577" t="s">
        <v>22671</v>
      </c>
      <c r="B36577" t="s">
        <v>22672</v>
      </c>
      <c r="C36577" t="s">
        <v>22673</v>
      </c>
      <c r="D36577" t="s">
        <v>22674</v>
      </c>
      <c r="E36577" t="s">
        <v>22537</v>
      </c>
      <c r="F36577" t="s">
        <v>22538</v>
      </c>
      <c r="G36577" t="s">
        <v>22539</v>
      </c>
      <c r="H36577" t="s">
        <v>22540</v>
      </c>
      <c r="I36577" s="2">
        <v>0</v>
      </c>
      <c r="J36577" s="2">
        <v>0</v>
      </c>
      <c r="K36577" s="2">
        <v>1</v>
      </c>
      <c r="L36577" t="s">
        <v>995</v>
      </c>
      <c r="M36577" t="s">
        <v>83</v>
      </c>
      <c r="N36577" t="s">
        <v>91</v>
      </c>
      <c r="O36577" t="s">
        <v>85</v>
      </c>
      <c r="P36577" t="s">
        <v>86</v>
      </c>
      <c r="Q36577">
        <v>48</v>
      </c>
      <c r="R36577">
        <v>49</v>
      </c>
      <c r="S36577">
        <v>49</v>
      </c>
      <c r="T36577">
        <v>50</v>
      </c>
      <c r="U36577">
        <v>51</v>
      </c>
      <c r="V36577">
        <v>51</v>
      </c>
      <c r="W36577">
        <v>52</v>
      </c>
      <c r="X36577">
        <v>52</v>
      </c>
      <c r="Y36577">
        <v>53</v>
      </c>
      <c r="Z36577">
        <v>54</v>
      </c>
      <c r="AA36577">
        <v>54</v>
      </c>
      <c r="AB36577">
        <v>55</v>
      </c>
      <c r="AC36577">
        <v>55</v>
      </c>
      <c r="AD36577">
        <v>56</v>
      </c>
      <c r="AE36577">
        <v>56</v>
      </c>
      <c r="AF36577">
        <v>57</v>
      </c>
      <c r="AG36577">
        <v>57</v>
      </c>
      <c r="AH36577">
        <v>57</v>
      </c>
      <c r="AI36577">
        <v>58</v>
      </c>
      <c r="AJ36577">
        <v>58</v>
      </c>
      <c r="AK36577">
        <v>59</v>
      </c>
      <c r="AL36577">
        <v>59</v>
      </c>
      <c r="AM36577">
        <v>59</v>
      </c>
      <c r="AN36577">
        <v>59</v>
      </c>
      <c r="AO36577">
        <v>58</v>
      </c>
      <c r="AP36577">
        <v>58</v>
      </c>
      <c r="AQ36577">
        <v>58</v>
      </c>
    </row>
    <row r="36578" spans="1:43">
      <c r="A36578" t="s">
        <v>22675</v>
      </c>
      <c r="B36578" t="s">
        <v>22676</v>
      </c>
      <c r="C36578" t="s">
        <v>22673</v>
      </c>
      <c r="D36578" t="s">
        <v>22674</v>
      </c>
      <c r="E36578" t="s">
        <v>22537</v>
      </c>
      <c r="F36578" t="s">
        <v>22538</v>
      </c>
      <c r="G36578" t="s">
        <v>22539</v>
      </c>
      <c r="H36578" t="s">
        <v>22540</v>
      </c>
      <c r="I36578" s="2">
        <v>0</v>
      </c>
      <c r="J36578" s="2">
        <v>0</v>
      </c>
      <c r="K36578" s="2">
        <v>1</v>
      </c>
      <c r="L36578" t="s">
        <v>995</v>
      </c>
      <c r="M36578" t="s">
        <v>83</v>
      </c>
      <c r="N36578" t="s">
        <v>84</v>
      </c>
      <c r="O36578" t="s">
        <v>85</v>
      </c>
      <c r="P36578" t="s">
        <v>86</v>
      </c>
      <c r="Q36578">
        <v>23</v>
      </c>
      <c r="R36578">
        <v>23</v>
      </c>
      <c r="S36578">
        <v>23</v>
      </c>
      <c r="T36578">
        <v>24</v>
      </c>
      <c r="U36578">
        <v>24</v>
      </c>
      <c r="V36578">
        <v>24</v>
      </c>
      <c r="W36578">
        <v>24</v>
      </c>
      <c r="X36578">
        <v>25</v>
      </c>
      <c r="Y36578">
        <v>25</v>
      </c>
      <c r="Z36578">
        <v>25</v>
      </c>
      <c r="AA36578">
        <v>25</v>
      </c>
      <c r="AB36578">
        <v>26</v>
      </c>
      <c r="AC36578">
        <v>26</v>
      </c>
      <c r="AD36578">
        <v>26</v>
      </c>
      <c r="AE36578">
        <v>26</v>
      </c>
      <c r="AF36578">
        <v>27</v>
      </c>
      <c r="AG36578">
        <v>27</v>
      </c>
      <c r="AH36578">
        <v>27</v>
      </c>
      <c r="AI36578">
        <v>27</v>
      </c>
      <c r="AJ36578">
        <v>27</v>
      </c>
      <c r="AK36578">
        <v>28</v>
      </c>
      <c r="AL36578">
        <v>28</v>
      </c>
      <c r="AM36578">
        <v>28</v>
      </c>
      <c r="AN36578">
        <v>28</v>
      </c>
      <c r="AO36578">
        <v>27</v>
      </c>
      <c r="AP36578">
        <v>27</v>
      </c>
      <c r="AQ36578">
        <v>27</v>
      </c>
    </row>
    <row r="36579" spans="1:43">
      <c r="A36579" t="s">
        <v>22675</v>
      </c>
      <c r="B36579" t="s">
        <v>22676</v>
      </c>
      <c r="C36579" t="s">
        <v>22673</v>
      </c>
      <c r="D36579" t="s">
        <v>22674</v>
      </c>
      <c r="E36579" t="s">
        <v>22537</v>
      </c>
      <c r="F36579" t="s">
        <v>22538</v>
      </c>
      <c r="G36579" t="s">
        <v>22539</v>
      </c>
      <c r="H36579" t="s">
        <v>22540</v>
      </c>
      <c r="I36579" s="2">
        <v>0</v>
      </c>
      <c r="J36579" s="2">
        <v>0</v>
      </c>
      <c r="K36579" s="2">
        <v>1</v>
      </c>
      <c r="L36579" t="s">
        <v>995</v>
      </c>
      <c r="M36579" t="s">
        <v>87</v>
      </c>
      <c r="N36579" t="s">
        <v>88</v>
      </c>
      <c r="O36579" t="s">
        <v>85</v>
      </c>
      <c r="P36579" t="s">
        <v>86</v>
      </c>
      <c r="Q36579">
        <v>23</v>
      </c>
      <c r="R36579">
        <v>24</v>
      </c>
      <c r="S36579">
        <v>24</v>
      </c>
      <c r="T36579">
        <v>24</v>
      </c>
      <c r="U36579">
        <v>24</v>
      </c>
      <c r="V36579">
        <v>24</v>
      </c>
      <c r="W36579">
        <v>24</v>
      </c>
      <c r="X36579">
        <v>24</v>
      </c>
      <c r="Y36579">
        <v>24</v>
      </c>
      <c r="Z36579">
        <v>24</v>
      </c>
      <c r="AA36579">
        <v>24</v>
      </c>
      <c r="AB36579">
        <v>24</v>
      </c>
      <c r="AC36579">
        <v>24</v>
      </c>
      <c r="AD36579">
        <v>24</v>
      </c>
      <c r="AE36579">
        <v>24</v>
      </c>
      <c r="AF36579">
        <v>24</v>
      </c>
      <c r="AG36579">
        <v>25</v>
      </c>
      <c r="AH36579">
        <v>25</v>
      </c>
      <c r="AI36579">
        <v>25</v>
      </c>
      <c r="AJ36579">
        <v>25</v>
      </c>
      <c r="AK36579">
        <v>25</v>
      </c>
      <c r="AL36579">
        <v>25</v>
      </c>
      <c r="AM36579">
        <v>25</v>
      </c>
      <c r="AN36579">
        <v>25</v>
      </c>
      <c r="AO36579">
        <v>25</v>
      </c>
      <c r="AP36579">
        <v>25</v>
      </c>
      <c r="AQ36579">
        <v>25</v>
      </c>
    </row>
    <row r="36580" spans="1:43">
      <c r="A36580" t="s">
        <v>22675</v>
      </c>
      <c r="B36580" t="s">
        <v>22676</v>
      </c>
      <c r="C36580" t="s">
        <v>22673</v>
      </c>
      <c r="D36580" t="s">
        <v>22674</v>
      </c>
      <c r="E36580" t="s">
        <v>22537</v>
      </c>
      <c r="F36580" t="s">
        <v>22538</v>
      </c>
      <c r="G36580" t="s">
        <v>22539</v>
      </c>
      <c r="H36580" t="s">
        <v>22540</v>
      </c>
      <c r="I36580" s="2">
        <v>0</v>
      </c>
      <c r="J36580" s="2">
        <v>0</v>
      </c>
      <c r="K36580" s="2">
        <v>1</v>
      </c>
      <c r="L36580" t="s">
        <v>995</v>
      </c>
      <c r="M36580" t="s">
        <v>89</v>
      </c>
      <c r="N36580" t="s">
        <v>90</v>
      </c>
      <c r="O36580" t="s">
        <v>85</v>
      </c>
      <c r="P36580" t="s">
        <v>86</v>
      </c>
      <c r="Q36580">
        <v>23</v>
      </c>
      <c r="R36580">
        <v>23</v>
      </c>
      <c r="S36580">
        <v>24</v>
      </c>
      <c r="T36580">
        <v>24</v>
      </c>
      <c r="U36580">
        <v>25</v>
      </c>
      <c r="V36580">
        <v>25</v>
      </c>
      <c r="W36580">
        <v>26</v>
      </c>
      <c r="X36580">
        <v>26</v>
      </c>
      <c r="Y36580">
        <v>26</v>
      </c>
      <c r="Z36580">
        <v>27</v>
      </c>
      <c r="AA36580">
        <v>27</v>
      </c>
      <c r="AB36580">
        <v>27</v>
      </c>
      <c r="AC36580">
        <v>28</v>
      </c>
      <c r="AD36580">
        <v>28</v>
      </c>
      <c r="AE36580">
        <v>28</v>
      </c>
      <c r="AF36580">
        <v>28</v>
      </c>
      <c r="AG36580">
        <v>28</v>
      </c>
      <c r="AH36580">
        <v>28</v>
      </c>
      <c r="AI36580">
        <v>28</v>
      </c>
      <c r="AJ36580">
        <v>28</v>
      </c>
      <c r="AK36580">
        <v>28</v>
      </c>
      <c r="AL36580">
        <v>28</v>
      </c>
      <c r="AM36580">
        <v>28</v>
      </c>
      <c r="AN36580">
        <v>28</v>
      </c>
      <c r="AO36580">
        <v>28</v>
      </c>
      <c r="AP36580">
        <v>28</v>
      </c>
      <c r="AQ36580">
        <v>28</v>
      </c>
    </row>
    <row r="36581" spans="1:43">
      <c r="A36581" t="s">
        <v>22675</v>
      </c>
      <c r="B36581" t="s">
        <v>22676</v>
      </c>
      <c r="C36581" t="s">
        <v>22673</v>
      </c>
      <c r="D36581" t="s">
        <v>22674</v>
      </c>
      <c r="E36581" t="s">
        <v>22537</v>
      </c>
      <c r="F36581" t="s">
        <v>22538</v>
      </c>
      <c r="G36581" t="s">
        <v>22539</v>
      </c>
      <c r="H36581" t="s">
        <v>22540</v>
      </c>
      <c r="I36581" s="2">
        <v>0</v>
      </c>
      <c r="J36581" s="2">
        <v>0</v>
      </c>
      <c r="K36581" s="2">
        <v>1</v>
      </c>
      <c r="L36581" t="s">
        <v>995</v>
      </c>
      <c r="M36581" t="s">
        <v>83</v>
      </c>
      <c r="N36581" t="s">
        <v>91</v>
      </c>
      <c r="O36581" t="s">
        <v>85</v>
      </c>
      <c r="P36581" t="s">
        <v>86</v>
      </c>
      <c r="Q36581">
        <v>23</v>
      </c>
      <c r="R36581">
        <v>23</v>
      </c>
      <c r="S36581">
        <v>23</v>
      </c>
      <c r="T36581">
        <v>24</v>
      </c>
      <c r="U36581">
        <v>24</v>
      </c>
      <c r="V36581">
        <v>24</v>
      </c>
      <c r="W36581">
        <v>24</v>
      </c>
      <c r="X36581">
        <v>25</v>
      </c>
      <c r="Y36581">
        <v>25</v>
      </c>
      <c r="Z36581">
        <v>25</v>
      </c>
      <c r="AA36581">
        <v>25</v>
      </c>
      <c r="AB36581">
        <v>26</v>
      </c>
      <c r="AC36581">
        <v>26</v>
      </c>
      <c r="AD36581">
        <v>26</v>
      </c>
      <c r="AE36581">
        <v>26</v>
      </c>
      <c r="AF36581">
        <v>27</v>
      </c>
      <c r="AG36581">
        <v>27</v>
      </c>
      <c r="AH36581">
        <v>27</v>
      </c>
      <c r="AI36581">
        <v>27</v>
      </c>
      <c r="AJ36581">
        <v>27</v>
      </c>
      <c r="AK36581">
        <v>28</v>
      </c>
      <c r="AL36581">
        <v>28</v>
      </c>
      <c r="AM36581">
        <v>28</v>
      </c>
      <c r="AN36581">
        <v>28</v>
      </c>
      <c r="AO36581">
        <v>27</v>
      </c>
      <c r="AP36581">
        <v>27</v>
      </c>
      <c r="AQ36581">
        <v>27</v>
      </c>
    </row>
    <row r="36582" spans="1:43">
      <c r="A36582" t="s">
        <v>22677</v>
      </c>
      <c r="B36582" t="s">
        <v>22678</v>
      </c>
      <c r="C36582" t="s">
        <v>22673</v>
      </c>
      <c r="D36582" t="s">
        <v>22674</v>
      </c>
      <c r="E36582" t="s">
        <v>22537</v>
      </c>
      <c r="F36582" t="s">
        <v>22538</v>
      </c>
      <c r="G36582" t="s">
        <v>22539</v>
      </c>
      <c r="H36582" t="s">
        <v>22540</v>
      </c>
      <c r="I36582" s="2">
        <v>0</v>
      </c>
      <c r="J36582" s="2">
        <v>0</v>
      </c>
      <c r="K36582" s="2">
        <v>1</v>
      </c>
      <c r="L36582" t="s">
        <v>995</v>
      </c>
      <c r="M36582" t="s">
        <v>83</v>
      </c>
      <c r="N36582" t="s">
        <v>84</v>
      </c>
      <c r="O36582" t="s">
        <v>85</v>
      </c>
      <c r="P36582" t="s">
        <v>86</v>
      </c>
      <c r="Q36582">
        <v>18</v>
      </c>
      <c r="R36582">
        <v>18</v>
      </c>
      <c r="S36582">
        <v>19</v>
      </c>
      <c r="T36582">
        <v>19</v>
      </c>
      <c r="U36582">
        <v>19</v>
      </c>
      <c r="V36582">
        <v>19</v>
      </c>
      <c r="W36582">
        <v>19</v>
      </c>
      <c r="X36582">
        <v>20</v>
      </c>
      <c r="Y36582">
        <v>20</v>
      </c>
      <c r="Z36582">
        <v>20</v>
      </c>
      <c r="AA36582">
        <v>20</v>
      </c>
      <c r="AB36582">
        <v>20</v>
      </c>
      <c r="AC36582">
        <v>21</v>
      </c>
      <c r="AD36582">
        <v>21</v>
      </c>
      <c r="AE36582">
        <v>21</v>
      </c>
      <c r="AF36582">
        <v>21</v>
      </c>
      <c r="AG36582">
        <v>21</v>
      </c>
      <c r="AH36582">
        <v>22</v>
      </c>
      <c r="AI36582">
        <v>22</v>
      </c>
      <c r="AJ36582">
        <v>22</v>
      </c>
      <c r="AK36582">
        <v>22</v>
      </c>
      <c r="AL36582">
        <v>22</v>
      </c>
      <c r="AM36582">
        <v>22</v>
      </c>
      <c r="AN36582">
        <v>22</v>
      </c>
      <c r="AO36582">
        <v>22</v>
      </c>
      <c r="AP36582">
        <v>22</v>
      </c>
      <c r="AQ36582">
        <v>22</v>
      </c>
    </row>
    <row r="36583" spans="1:43">
      <c r="A36583" t="s">
        <v>22677</v>
      </c>
      <c r="B36583" t="s">
        <v>22678</v>
      </c>
      <c r="C36583" t="s">
        <v>22673</v>
      </c>
      <c r="D36583" t="s">
        <v>22674</v>
      </c>
      <c r="E36583" t="s">
        <v>22537</v>
      </c>
      <c r="F36583" t="s">
        <v>22538</v>
      </c>
      <c r="G36583" t="s">
        <v>22539</v>
      </c>
      <c r="H36583" t="s">
        <v>22540</v>
      </c>
      <c r="I36583" s="2">
        <v>0</v>
      </c>
      <c r="J36583" s="2">
        <v>0</v>
      </c>
      <c r="K36583" s="2">
        <v>1</v>
      </c>
      <c r="L36583" t="s">
        <v>995</v>
      </c>
      <c r="M36583" t="s">
        <v>87</v>
      </c>
      <c r="N36583" t="s">
        <v>88</v>
      </c>
      <c r="O36583" t="s">
        <v>85</v>
      </c>
      <c r="P36583" t="s">
        <v>86</v>
      </c>
      <c r="Q36583">
        <v>18</v>
      </c>
      <c r="R36583">
        <v>18</v>
      </c>
      <c r="S36583">
        <v>18</v>
      </c>
      <c r="T36583">
        <v>18</v>
      </c>
      <c r="U36583">
        <v>18</v>
      </c>
      <c r="V36583">
        <v>18</v>
      </c>
      <c r="W36583">
        <v>18</v>
      </c>
      <c r="X36583">
        <v>18</v>
      </c>
      <c r="Y36583">
        <v>18</v>
      </c>
      <c r="Z36583">
        <v>18</v>
      </c>
      <c r="AA36583">
        <v>18</v>
      </c>
      <c r="AB36583">
        <v>18</v>
      </c>
      <c r="AC36583">
        <v>19</v>
      </c>
      <c r="AD36583">
        <v>19</v>
      </c>
      <c r="AE36583">
        <v>19</v>
      </c>
      <c r="AF36583">
        <v>19</v>
      </c>
      <c r="AG36583">
        <v>19</v>
      </c>
      <c r="AH36583">
        <v>19</v>
      </c>
      <c r="AI36583">
        <v>19</v>
      </c>
      <c r="AJ36583">
        <v>19</v>
      </c>
      <c r="AK36583">
        <v>19</v>
      </c>
      <c r="AL36583">
        <v>19</v>
      </c>
      <c r="AM36583">
        <v>19</v>
      </c>
      <c r="AN36583">
        <v>19</v>
      </c>
      <c r="AO36583">
        <v>19</v>
      </c>
      <c r="AP36583">
        <v>19</v>
      </c>
      <c r="AQ36583">
        <v>19</v>
      </c>
    </row>
    <row r="36584" spans="1:43">
      <c r="A36584" t="s">
        <v>22677</v>
      </c>
      <c r="B36584" t="s">
        <v>22678</v>
      </c>
      <c r="C36584" t="s">
        <v>22673</v>
      </c>
      <c r="D36584" t="s">
        <v>22674</v>
      </c>
      <c r="E36584" t="s">
        <v>22537</v>
      </c>
      <c r="F36584" t="s">
        <v>22538</v>
      </c>
      <c r="G36584" t="s">
        <v>22539</v>
      </c>
      <c r="H36584" t="s">
        <v>22540</v>
      </c>
      <c r="I36584" s="2">
        <v>0</v>
      </c>
      <c r="J36584" s="2">
        <v>0</v>
      </c>
      <c r="K36584" s="2">
        <v>1</v>
      </c>
      <c r="L36584" t="s">
        <v>995</v>
      </c>
      <c r="M36584" t="s">
        <v>89</v>
      </c>
      <c r="N36584" t="s">
        <v>90</v>
      </c>
      <c r="O36584" t="s">
        <v>85</v>
      </c>
      <c r="P36584" t="s">
        <v>86</v>
      </c>
      <c r="Q36584">
        <v>18</v>
      </c>
      <c r="R36584">
        <v>19</v>
      </c>
      <c r="S36584">
        <v>19</v>
      </c>
      <c r="T36584">
        <v>19</v>
      </c>
      <c r="U36584">
        <v>20</v>
      </c>
      <c r="V36584">
        <v>20</v>
      </c>
      <c r="W36584">
        <v>20</v>
      </c>
      <c r="X36584">
        <v>21</v>
      </c>
      <c r="Y36584">
        <v>21</v>
      </c>
      <c r="Z36584">
        <v>21</v>
      </c>
      <c r="AA36584">
        <v>22</v>
      </c>
      <c r="AB36584">
        <v>22</v>
      </c>
      <c r="AC36584">
        <v>22</v>
      </c>
      <c r="AD36584">
        <v>22</v>
      </c>
      <c r="AE36584">
        <v>22</v>
      </c>
      <c r="AF36584">
        <v>22</v>
      </c>
      <c r="AG36584">
        <v>22</v>
      </c>
      <c r="AH36584">
        <v>22</v>
      </c>
      <c r="AI36584">
        <v>22</v>
      </c>
      <c r="AJ36584">
        <v>22</v>
      </c>
      <c r="AK36584">
        <v>22</v>
      </c>
      <c r="AL36584">
        <v>22</v>
      </c>
      <c r="AM36584">
        <v>22</v>
      </c>
      <c r="AN36584">
        <v>22</v>
      </c>
      <c r="AO36584">
        <v>22</v>
      </c>
      <c r="AP36584">
        <v>22</v>
      </c>
      <c r="AQ36584">
        <v>22</v>
      </c>
    </row>
    <row r="36585" spans="1:43">
      <c r="A36585" t="s">
        <v>22677</v>
      </c>
      <c r="B36585" t="s">
        <v>22678</v>
      </c>
      <c r="C36585" t="s">
        <v>22673</v>
      </c>
      <c r="D36585" t="s">
        <v>22674</v>
      </c>
      <c r="E36585" t="s">
        <v>22537</v>
      </c>
      <c r="F36585" t="s">
        <v>22538</v>
      </c>
      <c r="G36585" t="s">
        <v>22539</v>
      </c>
      <c r="H36585" t="s">
        <v>22540</v>
      </c>
      <c r="I36585" s="2">
        <v>0</v>
      </c>
      <c r="J36585" s="2">
        <v>0</v>
      </c>
      <c r="K36585" s="2">
        <v>1</v>
      </c>
      <c r="L36585" t="s">
        <v>995</v>
      </c>
      <c r="M36585" t="s">
        <v>83</v>
      </c>
      <c r="N36585" t="s">
        <v>91</v>
      </c>
      <c r="O36585" t="s">
        <v>85</v>
      </c>
      <c r="P36585" t="s">
        <v>86</v>
      </c>
      <c r="Q36585">
        <v>18</v>
      </c>
      <c r="R36585">
        <v>18</v>
      </c>
      <c r="S36585">
        <v>19</v>
      </c>
      <c r="T36585">
        <v>19</v>
      </c>
      <c r="U36585">
        <v>19</v>
      </c>
      <c r="V36585">
        <v>19</v>
      </c>
      <c r="W36585">
        <v>19</v>
      </c>
      <c r="X36585">
        <v>20</v>
      </c>
      <c r="Y36585">
        <v>20</v>
      </c>
      <c r="Z36585">
        <v>20</v>
      </c>
      <c r="AA36585">
        <v>20</v>
      </c>
      <c r="AB36585">
        <v>20</v>
      </c>
      <c r="AC36585">
        <v>21</v>
      </c>
      <c r="AD36585">
        <v>21</v>
      </c>
      <c r="AE36585">
        <v>21</v>
      </c>
      <c r="AF36585">
        <v>21</v>
      </c>
      <c r="AG36585">
        <v>21</v>
      </c>
      <c r="AH36585">
        <v>22</v>
      </c>
      <c r="AI36585">
        <v>22</v>
      </c>
      <c r="AJ36585">
        <v>22</v>
      </c>
      <c r="AK36585">
        <v>22</v>
      </c>
      <c r="AL36585">
        <v>22</v>
      </c>
      <c r="AM36585">
        <v>22</v>
      </c>
      <c r="AN36585">
        <v>22</v>
      </c>
      <c r="AO36585">
        <v>22</v>
      </c>
      <c r="AP36585">
        <v>22</v>
      </c>
      <c r="AQ36585">
        <v>22</v>
      </c>
    </row>
    <row r="36586" spans="1:43">
      <c r="A36586" t="s">
        <v>22679</v>
      </c>
      <c r="B36586" t="s">
        <v>22680</v>
      </c>
      <c r="C36586" t="s">
        <v>22673</v>
      </c>
      <c r="D36586" t="s">
        <v>22674</v>
      </c>
      <c r="E36586" t="s">
        <v>22537</v>
      </c>
      <c r="F36586" t="s">
        <v>22538</v>
      </c>
      <c r="G36586" t="s">
        <v>22539</v>
      </c>
      <c r="H36586" t="s">
        <v>22540</v>
      </c>
      <c r="I36586" s="2">
        <v>0</v>
      </c>
      <c r="J36586" s="2">
        <v>0</v>
      </c>
      <c r="K36586" s="2">
        <v>1</v>
      </c>
      <c r="L36586" t="s">
        <v>995</v>
      </c>
      <c r="M36586" t="s">
        <v>83</v>
      </c>
      <c r="N36586" t="s">
        <v>84</v>
      </c>
      <c r="O36586" t="s">
        <v>85</v>
      </c>
      <c r="P36586" t="s">
        <v>86</v>
      </c>
      <c r="Q36586">
        <v>41</v>
      </c>
      <c r="R36586">
        <v>41</v>
      </c>
      <c r="S36586">
        <v>42</v>
      </c>
      <c r="T36586">
        <v>42</v>
      </c>
      <c r="U36586">
        <v>43</v>
      </c>
      <c r="V36586">
        <v>43</v>
      </c>
      <c r="W36586">
        <v>44</v>
      </c>
      <c r="X36586">
        <v>44</v>
      </c>
      <c r="Y36586">
        <v>45</v>
      </c>
      <c r="Z36586">
        <v>45</v>
      </c>
      <c r="AA36586">
        <v>45</v>
      </c>
      <c r="AB36586">
        <v>46</v>
      </c>
      <c r="AC36586">
        <v>46</v>
      </c>
      <c r="AD36586">
        <v>47</v>
      </c>
      <c r="AE36586">
        <v>47</v>
      </c>
      <c r="AF36586">
        <v>48</v>
      </c>
      <c r="AG36586">
        <v>48</v>
      </c>
      <c r="AH36586">
        <v>48</v>
      </c>
      <c r="AI36586">
        <v>49</v>
      </c>
      <c r="AJ36586">
        <v>49</v>
      </c>
      <c r="AK36586">
        <v>49</v>
      </c>
      <c r="AL36586">
        <v>49</v>
      </c>
      <c r="AM36586">
        <v>49</v>
      </c>
      <c r="AN36586">
        <v>49</v>
      </c>
      <c r="AO36586">
        <v>49</v>
      </c>
      <c r="AP36586">
        <v>49</v>
      </c>
      <c r="AQ36586">
        <v>49</v>
      </c>
    </row>
    <row r="36587" spans="1:43">
      <c r="A36587" t="s">
        <v>22679</v>
      </c>
      <c r="B36587" t="s">
        <v>22680</v>
      </c>
      <c r="C36587" t="s">
        <v>22673</v>
      </c>
      <c r="D36587" t="s">
        <v>22674</v>
      </c>
      <c r="E36587" t="s">
        <v>22537</v>
      </c>
      <c r="F36587" t="s">
        <v>22538</v>
      </c>
      <c r="G36587" t="s">
        <v>22539</v>
      </c>
      <c r="H36587" t="s">
        <v>22540</v>
      </c>
      <c r="I36587" s="2">
        <v>0</v>
      </c>
      <c r="J36587" s="2">
        <v>0</v>
      </c>
      <c r="K36587" s="2">
        <v>1</v>
      </c>
      <c r="L36587" t="s">
        <v>995</v>
      </c>
      <c r="M36587" t="s">
        <v>87</v>
      </c>
      <c r="N36587" t="s">
        <v>88</v>
      </c>
      <c r="O36587" t="s">
        <v>85</v>
      </c>
      <c r="P36587" t="s">
        <v>86</v>
      </c>
      <c r="Q36587">
        <v>41</v>
      </c>
      <c r="R36587">
        <v>41</v>
      </c>
      <c r="S36587">
        <v>41</v>
      </c>
      <c r="T36587">
        <v>42</v>
      </c>
      <c r="U36587">
        <v>42</v>
      </c>
      <c r="V36587">
        <v>42</v>
      </c>
      <c r="W36587">
        <v>42</v>
      </c>
      <c r="X36587">
        <v>42</v>
      </c>
      <c r="Y36587">
        <v>42</v>
      </c>
      <c r="Z36587">
        <v>42</v>
      </c>
      <c r="AA36587">
        <v>42</v>
      </c>
      <c r="AB36587">
        <v>43</v>
      </c>
      <c r="AC36587">
        <v>43</v>
      </c>
      <c r="AD36587">
        <v>43</v>
      </c>
      <c r="AE36587">
        <v>43</v>
      </c>
      <c r="AF36587">
        <v>43</v>
      </c>
      <c r="AG36587">
        <v>43</v>
      </c>
      <c r="AH36587">
        <v>43</v>
      </c>
      <c r="AI36587">
        <v>43</v>
      </c>
      <c r="AJ36587">
        <v>43</v>
      </c>
      <c r="AK36587">
        <v>43</v>
      </c>
      <c r="AL36587">
        <v>43</v>
      </c>
      <c r="AM36587">
        <v>43</v>
      </c>
      <c r="AN36587">
        <v>44</v>
      </c>
      <c r="AO36587">
        <v>44</v>
      </c>
      <c r="AP36587">
        <v>44</v>
      </c>
      <c r="AQ36587">
        <v>44</v>
      </c>
    </row>
    <row r="36588" spans="1:43">
      <c r="A36588" t="s">
        <v>22679</v>
      </c>
      <c r="B36588" t="s">
        <v>22680</v>
      </c>
      <c r="C36588" t="s">
        <v>22673</v>
      </c>
      <c r="D36588" t="s">
        <v>22674</v>
      </c>
      <c r="E36588" t="s">
        <v>22537</v>
      </c>
      <c r="F36588" t="s">
        <v>22538</v>
      </c>
      <c r="G36588" t="s">
        <v>22539</v>
      </c>
      <c r="H36588" t="s">
        <v>22540</v>
      </c>
      <c r="I36588" s="2">
        <v>0</v>
      </c>
      <c r="J36588" s="2">
        <v>0</v>
      </c>
      <c r="K36588" s="2">
        <v>1</v>
      </c>
      <c r="L36588" t="s">
        <v>995</v>
      </c>
      <c r="M36588" t="s">
        <v>89</v>
      </c>
      <c r="N36588" t="s">
        <v>90</v>
      </c>
      <c r="O36588" t="s">
        <v>85</v>
      </c>
      <c r="P36588" t="s">
        <v>86</v>
      </c>
      <c r="Q36588">
        <v>41</v>
      </c>
      <c r="R36588">
        <v>42</v>
      </c>
      <c r="S36588">
        <v>43</v>
      </c>
      <c r="T36588">
        <v>43</v>
      </c>
      <c r="U36588">
        <v>44</v>
      </c>
      <c r="V36588">
        <v>45</v>
      </c>
      <c r="W36588">
        <v>46</v>
      </c>
      <c r="X36588">
        <v>47</v>
      </c>
      <c r="Y36588">
        <v>47</v>
      </c>
      <c r="Z36588">
        <v>48</v>
      </c>
      <c r="AA36588">
        <v>48</v>
      </c>
      <c r="AB36588">
        <v>49</v>
      </c>
      <c r="AC36588">
        <v>50</v>
      </c>
      <c r="AD36588">
        <v>50</v>
      </c>
      <c r="AE36588">
        <v>50</v>
      </c>
      <c r="AF36588">
        <v>50</v>
      </c>
      <c r="AG36588">
        <v>50</v>
      </c>
      <c r="AH36588">
        <v>50</v>
      </c>
      <c r="AI36588">
        <v>50</v>
      </c>
      <c r="AJ36588">
        <v>50</v>
      </c>
      <c r="AK36588">
        <v>50</v>
      </c>
      <c r="AL36588">
        <v>50</v>
      </c>
      <c r="AM36588">
        <v>50</v>
      </c>
      <c r="AN36588">
        <v>50</v>
      </c>
      <c r="AO36588">
        <v>49</v>
      </c>
      <c r="AP36588">
        <v>49</v>
      </c>
      <c r="AQ36588">
        <v>49</v>
      </c>
    </row>
    <row r="36589" spans="1:43">
      <c r="A36589" t="s">
        <v>22679</v>
      </c>
      <c r="B36589" t="s">
        <v>22680</v>
      </c>
      <c r="C36589" t="s">
        <v>22673</v>
      </c>
      <c r="D36589" t="s">
        <v>22674</v>
      </c>
      <c r="E36589" t="s">
        <v>22537</v>
      </c>
      <c r="F36589" t="s">
        <v>22538</v>
      </c>
      <c r="G36589" t="s">
        <v>22539</v>
      </c>
      <c r="H36589" t="s">
        <v>22540</v>
      </c>
      <c r="I36589" s="2">
        <v>0</v>
      </c>
      <c r="J36589" s="2">
        <v>0</v>
      </c>
      <c r="K36589" s="2">
        <v>1</v>
      </c>
      <c r="L36589" t="s">
        <v>995</v>
      </c>
      <c r="M36589" t="s">
        <v>83</v>
      </c>
      <c r="N36589" t="s">
        <v>91</v>
      </c>
      <c r="O36589" t="s">
        <v>85</v>
      </c>
      <c r="P36589" t="s">
        <v>86</v>
      </c>
      <c r="Q36589">
        <v>41</v>
      </c>
      <c r="R36589">
        <v>41</v>
      </c>
      <c r="S36589">
        <v>42</v>
      </c>
      <c r="T36589">
        <v>42</v>
      </c>
      <c r="U36589">
        <v>43</v>
      </c>
      <c r="V36589">
        <v>43</v>
      </c>
      <c r="W36589">
        <v>44</v>
      </c>
      <c r="X36589">
        <v>44</v>
      </c>
      <c r="Y36589">
        <v>45</v>
      </c>
      <c r="Z36589">
        <v>45</v>
      </c>
      <c r="AA36589">
        <v>45</v>
      </c>
      <c r="AB36589">
        <v>46</v>
      </c>
      <c r="AC36589">
        <v>46</v>
      </c>
      <c r="AD36589">
        <v>47</v>
      </c>
      <c r="AE36589">
        <v>47</v>
      </c>
      <c r="AF36589">
        <v>48</v>
      </c>
      <c r="AG36589">
        <v>48</v>
      </c>
      <c r="AH36589">
        <v>48</v>
      </c>
      <c r="AI36589">
        <v>49</v>
      </c>
      <c r="AJ36589">
        <v>49</v>
      </c>
      <c r="AK36589">
        <v>49</v>
      </c>
      <c r="AL36589">
        <v>49</v>
      </c>
      <c r="AM36589">
        <v>49</v>
      </c>
      <c r="AN36589">
        <v>49</v>
      </c>
      <c r="AO36589">
        <v>49</v>
      </c>
      <c r="AP36589">
        <v>49</v>
      </c>
      <c r="AQ36589">
        <v>49</v>
      </c>
    </row>
    <row r="36590" spans="1:43">
      <c r="A36590" t="s">
        <v>22681</v>
      </c>
      <c r="B36590" t="s">
        <v>22682</v>
      </c>
      <c r="C36590" t="s">
        <v>22683</v>
      </c>
      <c r="D36590" t="s">
        <v>22684</v>
      </c>
      <c r="E36590" t="s">
        <v>22537</v>
      </c>
      <c r="F36590" t="s">
        <v>22538</v>
      </c>
      <c r="G36590" t="s">
        <v>22539</v>
      </c>
      <c r="H36590" t="s">
        <v>22540</v>
      </c>
      <c r="I36590" s="2">
        <v>0</v>
      </c>
      <c r="J36590" s="2">
        <v>0</v>
      </c>
      <c r="K36590" s="2">
        <v>1</v>
      </c>
      <c r="L36590" t="s">
        <v>995</v>
      </c>
      <c r="M36590" t="s">
        <v>83</v>
      </c>
      <c r="N36590" t="s">
        <v>84</v>
      </c>
      <c r="O36590" t="s">
        <v>85</v>
      </c>
      <c r="P36590" t="s">
        <v>86</v>
      </c>
      <c r="Q36590">
        <v>40</v>
      </c>
      <c r="R36590">
        <v>41</v>
      </c>
      <c r="S36590">
        <v>41</v>
      </c>
      <c r="T36590">
        <v>42</v>
      </c>
      <c r="U36590">
        <v>42</v>
      </c>
      <c r="V36590">
        <v>43</v>
      </c>
      <c r="W36590">
        <v>43</v>
      </c>
      <c r="X36590">
        <v>44</v>
      </c>
      <c r="Y36590">
        <v>44</v>
      </c>
      <c r="Z36590">
        <v>45</v>
      </c>
      <c r="AA36590">
        <v>45</v>
      </c>
      <c r="AB36590">
        <v>45</v>
      </c>
      <c r="AC36590">
        <v>46</v>
      </c>
      <c r="AD36590">
        <v>46</v>
      </c>
      <c r="AE36590">
        <v>47</v>
      </c>
      <c r="AF36590">
        <v>47</v>
      </c>
      <c r="AG36590">
        <v>47</v>
      </c>
      <c r="AH36590">
        <v>48</v>
      </c>
      <c r="AI36590">
        <v>48</v>
      </c>
      <c r="AJ36590">
        <v>49</v>
      </c>
      <c r="AK36590">
        <v>49</v>
      </c>
      <c r="AL36590">
        <v>49</v>
      </c>
      <c r="AM36590">
        <v>49</v>
      </c>
      <c r="AN36590">
        <v>49</v>
      </c>
      <c r="AO36590">
        <v>49</v>
      </c>
      <c r="AP36590">
        <v>49</v>
      </c>
      <c r="AQ36590">
        <v>48</v>
      </c>
    </row>
    <row r="36591" spans="1:43">
      <c r="A36591" t="s">
        <v>22681</v>
      </c>
      <c r="B36591" t="s">
        <v>22682</v>
      </c>
      <c r="C36591" t="s">
        <v>22683</v>
      </c>
      <c r="D36591" t="s">
        <v>22684</v>
      </c>
      <c r="E36591" t="s">
        <v>22537</v>
      </c>
      <c r="F36591" t="s">
        <v>22538</v>
      </c>
      <c r="G36591" t="s">
        <v>22539</v>
      </c>
      <c r="H36591" t="s">
        <v>22540</v>
      </c>
      <c r="I36591" s="2">
        <v>0</v>
      </c>
      <c r="J36591" s="2">
        <v>0</v>
      </c>
      <c r="K36591" s="2">
        <v>1</v>
      </c>
      <c r="L36591" t="s">
        <v>995</v>
      </c>
      <c r="M36591" t="s">
        <v>87</v>
      </c>
      <c r="N36591" t="s">
        <v>88</v>
      </c>
      <c r="O36591" t="s">
        <v>85</v>
      </c>
      <c r="P36591" t="s">
        <v>86</v>
      </c>
      <c r="Q36591">
        <v>40</v>
      </c>
      <c r="R36591">
        <v>40</v>
      </c>
      <c r="S36591">
        <v>40</v>
      </c>
      <c r="T36591">
        <v>40</v>
      </c>
      <c r="U36591">
        <v>40</v>
      </c>
      <c r="V36591">
        <v>40</v>
      </c>
      <c r="W36591">
        <v>41</v>
      </c>
      <c r="X36591">
        <v>41</v>
      </c>
      <c r="Y36591">
        <v>41</v>
      </c>
      <c r="Z36591">
        <v>41</v>
      </c>
      <c r="AA36591">
        <v>41</v>
      </c>
      <c r="AB36591">
        <v>41</v>
      </c>
      <c r="AC36591">
        <v>41</v>
      </c>
      <c r="AD36591">
        <v>41</v>
      </c>
      <c r="AE36591">
        <v>41</v>
      </c>
      <c r="AF36591">
        <v>41</v>
      </c>
      <c r="AG36591">
        <v>42</v>
      </c>
      <c r="AH36591">
        <v>42</v>
      </c>
      <c r="AI36591">
        <v>42</v>
      </c>
      <c r="AJ36591">
        <v>42</v>
      </c>
      <c r="AK36591">
        <v>42</v>
      </c>
      <c r="AL36591">
        <v>42</v>
      </c>
      <c r="AM36591">
        <v>42</v>
      </c>
      <c r="AN36591">
        <v>42</v>
      </c>
      <c r="AO36591">
        <v>42</v>
      </c>
      <c r="AP36591">
        <v>42</v>
      </c>
      <c r="AQ36591">
        <v>42</v>
      </c>
    </row>
    <row r="36592" spans="1:43">
      <c r="A36592" t="s">
        <v>22681</v>
      </c>
      <c r="B36592" t="s">
        <v>22682</v>
      </c>
      <c r="C36592" t="s">
        <v>22683</v>
      </c>
      <c r="D36592" t="s">
        <v>22684</v>
      </c>
      <c r="E36592" t="s">
        <v>22537</v>
      </c>
      <c r="F36592" t="s">
        <v>22538</v>
      </c>
      <c r="G36592" t="s">
        <v>22539</v>
      </c>
      <c r="H36592" t="s">
        <v>22540</v>
      </c>
      <c r="I36592" s="2">
        <v>0</v>
      </c>
      <c r="J36592" s="2">
        <v>0</v>
      </c>
      <c r="K36592" s="2">
        <v>1</v>
      </c>
      <c r="L36592" t="s">
        <v>995</v>
      </c>
      <c r="M36592" t="s">
        <v>89</v>
      </c>
      <c r="N36592" t="s">
        <v>90</v>
      </c>
      <c r="O36592" t="s">
        <v>85</v>
      </c>
      <c r="P36592" t="s">
        <v>86</v>
      </c>
      <c r="Q36592">
        <v>40</v>
      </c>
      <c r="R36592">
        <v>41</v>
      </c>
      <c r="S36592">
        <v>42</v>
      </c>
      <c r="T36592">
        <v>43</v>
      </c>
      <c r="U36592">
        <v>44</v>
      </c>
      <c r="V36592">
        <v>45</v>
      </c>
      <c r="W36592">
        <v>45</v>
      </c>
      <c r="X36592">
        <v>46</v>
      </c>
      <c r="Y36592">
        <v>47</v>
      </c>
      <c r="Z36592">
        <v>47</v>
      </c>
      <c r="AA36592">
        <v>48</v>
      </c>
      <c r="AB36592">
        <v>48</v>
      </c>
      <c r="AC36592">
        <v>49</v>
      </c>
      <c r="AD36592">
        <v>50</v>
      </c>
      <c r="AE36592">
        <v>50</v>
      </c>
      <c r="AF36592">
        <v>50</v>
      </c>
      <c r="AG36592">
        <v>50</v>
      </c>
      <c r="AH36592">
        <v>50</v>
      </c>
      <c r="AI36592">
        <v>50</v>
      </c>
      <c r="AJ36592">
        <v>50</v>
      </c>
      <c r="AK36592">
        <v>49</v>
      </c>
      <c r="AL36592">
        <v>49</v>
      </c>
      <c r="AM36592">
        <v>49</v>
      </c>
      <c r="AN36592">
        <v>49</v>
      </c>
      <c r="AO36592">
        <v>49</v>
      </c>
      <c r="AP36592">
        <v>49</v>
      </c>
      <c r="AQ36592">
        <v>49</v>
      </c>
    </row>
    <row r="36593" spans="1:43">
      <c r="A36593" t="s">
        <v>22681</v>
      </c>
      <c r="B36593" t="s">
        <v>22682</v>
      </c>
      <c r="C36593" t="s">
        <v>22683</v>
      </c>
      <c r="D36593" t="s">
        <v>22684</v>
      </c>
      <c r="E36593" t="s">
        <v>22537</v>
      </c>
      <c r="F36593" t="s">
        <v>22538</v>
      </c>
      <c r="G36593" t="s">
        <v>22539</v>
      </c>
      <c r="H36593" t="s">
        <v>22540</v>
      </c>
      <c r="I36593" s="2">
        <v>0</v>
      </c>
      <c r="J36593" s="2">
        <v>0</v>
      </c>
      <c r="K36593" s="2">
        <v>1</v>
      </c>
      <c r="L36593" t="s">
        <v>995</v>
      </c>
      <c r="M36593" t="s">
        <v>83</v>
      </c>
      <c r="N36593" t="s">
        <v>91</v>
      </c>
      <c r="O36593" t="s">
        <v>85</v>
      </c>
      <c r="P36593" t="s">
        <v>86</v>
      </c>
      <c r="Q36593">
        <v>40</v>
      </c>
      <c r="R36593">
        <v>41</v>
      </c>
      <c r="S36593">
        <v>41</v>
      </c>
      <c r="T36593">
        <v>42</v>
      </c>
      <c r="U36593">
        <v>42</v>
      </c>
      <c r="V36593">
        <v>43</v>
      </c>
      <c r="W36593">
        <v>43</v>
      </c>
      <c r="X36593">
        <v>44</v>
      </c>
      <c r="Y36593">
        <v>44</v>
      </c>
      <c r="Z36593">
        <v>45</v>
      </c>
      <c r="AA36593">
        <v>45</v>
      </c>
      <c r="AB36593">
        <v>45</v>
      </c>
      <c r="AC36593">
        <v>46</v>
      </c>
      <c r="AD36593">
        <v>46</v>
      </c>
      <c r="AE36593">
        <v>47</v>
      </c>
      <c r="AF36593">
        <v>47</v>
      </c>
      <c r="AG36593">
        <v>47</v>
      </c>
      <c r="AH36593">
        <v>48</v>
      </c>
      <c r="AI36593">
        <v>48</v>
      </c>
      <c r="AJ36593">
        <v>49</v>
      </c>
      <c r="AK36593">
        <v>49</v>
      </c>
      <c r="AL36593">
        <v>49</v>
      </c>
      <c r="AM36593">
        <v>49</v>
      </c>
      <c r="AN36593">
        <v>49</v>
      </c>
      <c r="AO36593">
        <v>49</v>
      </c>
      <c r="AP36593">
        <v>49</v>
      </c>
      <c r="AQ36593">
        <v>48</v>
      </c>
    </row>
    <row r="36594" spans="1:43">
      <c r="A36594" t="s">
        <v>22685</v>
      </c>
      <c r="B36594" t="s">
        <v>22686</v>
      </c>
      <c r="C36594" t="s">
        <v>22683</v>
      </c>
      <c r="D36594" t="s">
        <v>22684</v>
      </c>
      <c r="E36594" t="s">
        <v>22537</v>
      </c>
      <c r="F36594" t="s">
        <v>22538</v>
      </c>
      <c r="G36594" t="s">
        <v>22539</v>
      </c>
      <c r="H36594" t="s">
        <v>22540</v>
      </c>
      <c r="I36594" s="2">
        <v>0</v>
      </c>
      <c r="J36594" s="2">
        <v>0</v>
      </c>
      <c r="K36594" s="2">
        <v>1</v>
      </c>
      <c r="L36594" t="s">
        <v>995</v>
      </c>
      <c r="M36594" t="s">
        <v>83</v>
      </c>
      <c r="N36594" t="s">
        <v>84</v>
      </c>
      <c r="O36594" t="s">
        <v>85</v>
      </c>
      <c r="P36594" t="s">
        <v>86</v>
      </c>
      <c r="Q36594">
        <v>54</v>
      </c>
      <c r="R36594">
        <v>54</v>
      </c>
      <c r="S36594">
        <v>55</v>
      </c>
      <c r="T36594">
        <v>56</v>
      </c>
      <c r="U36594">
        <v>56</v>
      </c>
      <c r="V36594">
        <v>57</v>
      </c>
      <c r="W36594">
        <v>58</v>
      </c>
      <c r="X36594">
        <v>58</v>
      </c>
      <c r="Y36594">
        <v>59</v>
      </c>
      <c r="Z36594">
        <v>60</v>
      </c>
      <c r="AA36594">
        <v>60</v>
      </c>
      <c r="AB36594">
        <v>61</v>
      </c>
      <c r="AC36594">
        <v>61</v>
      </c>
      <c r="AD36594">
        <v>62</v>
      </c>
      <c r="AE36594">
        <v>62</v>
      </c>
      <c r="AF36594">
        <v>63</v>
      </c>
      <c r="AG36594">
        <v>63</v>
      </c>
      <c r="AH36594">
        <v>64</v>
      </c>
      <c r="AI36594">
        <v>64</v>
      </c>
      <c r="AJ36594">
        <v>65</v>
      </c>
      <c r="AK36594">
        <v>65</v>
      </c>
      <c r="AL36594">
        <v>65</v>
      </c>
      <c r="AM36594">
        <v>65</v>
      </c>
      <c r="AN36594">
        <v>65</v>
      </c>
      <c r="AO36594">
        <v>65</v>
      </c>
      <c r="AP36594">
        <v>65</v>
      </c>
      <c r="AQ36594">
        <v>65</v>
      </c>
    </row>
    <row r="36595" spans="1:43">
      <c r="A36595" t="s">
        <v>22685</v>
      </c>
      <c r="B36595" t="s">
        <v>22686</v>
      </c>
      <c r="C36595" t="s">
        <v>22683</v>
      </c>
      <c r="D36595" t="s">
        <v>22684</v>
      </c>
      <c r="E36595" t="s">
        <v>22537</v>
      </c>
      <c r="F36595" t="s">
        <v>22538</v>
      </c>
      <c r="G36595" t="s">
        <v>22539</v>
      </c>
      <c r="H36595" t="s">
        <v>22540</v>
      </c>
      <c r="I36595" s="2">
        <v>0</v>
      </c>
      <c r="J36595" s="2">
        <v>0</v>
      </c>
      <c r="K36595" s="2">
        <v>1</v>
      </c>
      <c r="L36595" t="s">
        <v>995</v>
      </c>
      <c r="M36595" t="s">
        <v>87</v>
      </c>
      <c r="N36595" t="s">
        <v>88</v>
      </c>
      <c r="O36595" t="s">
        <v>85</v>
      </c>
      <c r="P36595" t="s">
        <v>86</v>
      </c>
      <c r="Q36595">
        <v>54</v>
      </c>
      <c r="R36595">
        <v>54</v>
      </c>
      <c r="S36595">
        <v>54</v>
      </c>
      <c r="T36595">
        <v>55</v>
      </c>
      <c r="U36595">
        <v>55</v>
      </c>
      <c r="V36595">
        <v>55</v>
      </c>
      <c r="W36595">
        <v>55</v>
      </c>
      <c r="X36595">
        <v>55</v>
      </c>
      <c r="Y36595">
        <v>55</v>
      </c>
      <c r="Z36595">
        <v>56</v>
      </c>
      <c r="AA36595">
        <v>56</v>
      </c>
      <c r="AB36595">
        <v>56</v>
      </c>
      <c r="AC36595">
        <v>56</v>
      </c>
      <c r="AD36595">
        <v>56</v>
      </c>
      <c r="AE36595">
        <v>56</v>
      </c>
      <c r="AF36595">
        <v>56</v>
      </c>
      <c r="AG36595">
        <v>57</v>
      </c>
      <c r="AH36595">
        <v>57</v>
      </c>
      <c r="AI36595">
        <v>57</v>
      </c>
      <c r="AJ36595">
        <v>57</v>
      </c>
      <c r="AK36595">
        <v>57</v>
      </c>
      <c r="AL36595">
        <v>57</v>
      </c>
      <c r="AM36595">
        <v>57</v>
      </c>
      <c r="AN36595">
        <v>57</v>
      </c>
      <c r="AO36595">
        <v>57</v>
      </c>
      <c r="AP36595">
        <v>57</v>
      </c>
      <c r="AQ36595">
        <v>58</v>
      </c>
    </row>
    <row r="36596" spans="1:43">
      <c r="A36596" t="s">
        <v>22685</v>
      </c>
      <c r="B36596" t="s">
        <v>22686</v>
      </c>
      <c r="C36596" t="s">
        <v>22683</v>
      </c>
      <c r="D36596" t="s">
        <v>22684</v>
      </c>
      <c r="E36596" t="s">
        <v>22537</v>
      </c>
      <c r="F36596" t="s">
        <v>22538</v>
      </c>
      <c r="G36596" t="s">
        <v>22539</v>
      </c>
      <c r="H36596" t="s">
        <v>22540</v>
      </c>
      <c r="I36596" s="2">
        <v>0</v>
      </c>
      <c r="J36596" s="2">
        <v>0</v>
      </c>
      <c r="K36596" s="2">
        <v>1</v>
      </c>
      <c r="L36596" t="s">
        <v>995</v>
      </c>
      <c r="M36596" t="s">
        <v>89</v>
      </c>
      <c r="N36596" t="s">
        <v>90</v>
      </c>
      <c r="O36596" t="s">
        <v>85</v>
      </c>
      <c r="P36596" t="s">
        <v>86</v>
      </c>
      <c r="Q36596">
        <v>54</v>
      </c>
      <c r="R36596">
        <v>55</v>
      </c>
      <c r="S36596">
        <v>56</v>
      </c>
      <c r="T36596">
        <v>57</v>
      </c>
      <c r="U36596">
        <v>59</v>
      </c>
      <c r="V36596">
        <v>60</v>
      </c>
      <c r="W36596">
        <v>61</v>
      </c>
      <c r="X36596">
        <v>61</v>
      </c>
      <c r="Y36596">
        <v>62</v>
      </c>
      <c r="Z36596">
        <v>63</v>
      </c>
      <c r="AA36596">
        <v>64</v>
      </c>
      <c r="AB36596">
        <v>65</v>
      </c>
      <c r="AC36596">
        <v>66</v>
      </c>
      <c r="AD36596">
        <v>66</v>
      </c>
      <c r="AE36596">
        <v>67</v>
      </c>
      <c r="AF36596">
        <v>67</v>
      </c>
      <c r="AG36596">
        <v>67</v>
      </c>
      <c r="AH36596">
        <v>66</v>
      </c>
      <c r="AI36596">
        <v>66</v>
      </c>
      <c r="AJ36596">
        <v>66</v>
      </c>
      <c r="AK36596">
        <v>66</v>
      </c>
      <c r="AL36596">
        <v>66</v>
      </c>
      <c r="AM36596">
        <v>66</v>
      </c>
      <c r="AN36596">
        <v>66</v>
      </c>
      <c r="AO36596">
        <v>65</v>
      </c>
      <c r="AP36596">
        <v>65</v>
      </c>
      <c r="AQ36596">
        <v>65</v>
      </c>
    </row>
    <row r="36597" spans="1:43">
      <c r="A36597" t="s">
        <v>22685</v>
      </c>
      <c r="B36597" t="s">
        <v>22686</v>
      </c>
      <c r="C36597" t="s">
        <v>22683</v>
      </c>
      <c r="D36597" t="s">
        <v>22684</v>
      </c>
      <c r="E36597" t="s">
        <v>22537</v>
      </c>
      <c r="F36597" t="s">
        <v>22538</v>
      </c>
      <c r="G36597" t="s">
        <v>22539</v>
      </c>
      <c r="H36597" t="s">
        <v>22540</v>
      </c>
      <c r="I36597" s="2">
        <v>0</v>
      </c>
      <c r="J36597" s="2">
        <v>0</v>
      </c>
      <c r="K36597" s="2">
        <v>1</v>
      </c>
      <c r="L36597" t="s">
        <v>995</v>
      </c>
      <c r="M36597" t="s">
        <v>83</v>
      </c>
      <c r="N36597" t="s">
        <v>91</v>
      </c>
      <c r="O36597" t="s">
        <v>85</v>
      </c>
      <c r="P36597" t="s">
        <v>86</v>
      </c>
      <c r="Q36597">
        <v>54</v>
      </c>
      <c r="R36597">
        <v>54</v>
      </c>
      <c r="S36597">
        <v>55</v>
      </c>
      <c r="T36597">
        <v>56</v>
      </c>
      <c r="U36597">
        <v>56</v>
      </c>
      <c r="V36597">
        <v>57</v>
      </c>
      <c r="W36597">
        <v>58</v>
      </c>
      <c r="X36597">
        <v>58</v>
      </c>
      <c r="Y36597">
        <v>59</v>
      </c>
      <c r="Z36597">
        <v>60</v>
      </c>
      <c r="AA36597">
        <v>60</v>
      </c>
      <c r="AB36597">
        <v>61</v>
      </c>
      <c r="AC36597">
        <v>61</v>
      </c>
      <c r="AD36597">
        <v>62</v>
      </c>
      <c r="AE36597">
        <v>62</v>
      </c>
      <c r="AF36597">
        <v>63</v>
      </c>
      <c r="AG36597">
        <v>63</v>
      </c>
      <c r="AH36597">
        <v>64</v>
      </c>
      <c r="AI36597">
        <v>64</v>
      </c>
      <c r="AJ36597">
        <v>65</v>
      </c>
      <c r="AK36597">
        <v>65</v>
      </c>
      <c r="AL36597">
        <v>65</v>
      </c>
      <c r="AM36597">
        <v>65</v>
      </c>
      <c r="AN36597">
        <v>65</v>
      </c>
      <c r="AO36597">
        <v>65</v>
      </c>
      <c r="AP36597">
        <v>65</v>
      </c>
      <c r="AQ36597">
        <v>65</v>
      </c>
    </row>
    <row r="36598" spans="1:43">
      <c r="A36598" t="s">
        <v>22687</v>
      </c>
      <c r="B36598" t="s">
        <v>22688</v>
      </c>
      <c r="C36598" t="s">
        <v>22683</v>
      </c>
      <c r="D36598" t="s">
        <v>22684</v>
      </c>
      <c r="E36598" t="s">
        <v>22537</v>
      </c>
      <c r="F36598" t="s">
        <v>22538</v>
      </c>
      <c r="G36598" t="s">
        <v>22539</v>
      </c>
      <c r="H36598" t="s">
        <v>22540</v>
      </c>
      <c r="I36598" s="2">
        <v>0</v>
      </c>
      <c r="J36598" s="2">
        <v>0</v>
      </c>
      <c r="K36598" s="2">
        <v>1</v>
      </c>
      <c r="L36598" t="s">
        <v>995</v>
      </c>
      <c r="M36598" t="s">
        <v>83</v>
      </c>
      <c r="N36598" t="s">
        <v>84</v>
      </c>
      <c r="O36598" t="s">
        <v>85</v>
      </c>
      <c r="P36598" t="s">
        <v>86</v>
      </c>
      <c r="Q36598">
        <v>6</v>
      </c>
      <c r="R36598">
        <v>6</v>
      </c>
      <c r="S36598">
        <v>6</v>
      </c>
      <c r="T36598">
        <v>6</v>
      </c>
      <c r="U36598">
        <v>6</v>
      </c>
      <c r="V36598">
        <v>6</v>
      </c>
      <c r="W36598">
        <v>6</v>
      </c>
      <c r="X36598">
        <v>6</v>
      </c>
      <c r="Y36598">
        <v>6</v>
      </c>
      <c r="Z36598">
        <v>6</v>
      </c>
      <c r="AA36598">
        <v>6</v>
      </c>
      <c r="AB36598">
        <v>7</v>
      </c>
      <c r="AC36598">
        <v>7</v>
      </c>
      <c r="AD36598">
        <v>7</v>
      </c>
      <c r="AE36598">
        <v>7</v>
      </c>
      <c r="AF36598">
        <v>7</v>
      </c>
      <c r="AG36598">
        <v>7</v>
      </c>
      <c r="AH36598">
        <v>7</v>
      </c>
      <c r="AI36598">
        <v>7</v>
      </c>
      <c r="AJ36598">
        <v>7</v>
      </c>
      <c r="AK36598">
        <v>7</v>
      </c>
      <c r="AL36598">
        <v>7</v>
      </c>
      <c r="AM36598">
        <v>7</v>
      </c>
      <c r="AN36598">
        <v>7</v>
      </c>
      <c r="AO36598">
        <v>7</v>
      </c>
      <c r="AP36598">
        <v>7</v>
      </c>
      <c r="AQ36598">
        <v>7</v>
      </c>
    </row>
    <row r="36599" spans="1:43">
      <c r="A36599" t="s">
        <v>22687</v>
      </c>
      <c r="B36599" t="s">
        <v>22688</v>
      </c>
      <c r="C36599" t="s">
        <v>22683</v>
      </c>
      <c r="D36599" t="s">
        <v>22684</v>
      </c>
      <c r="E36599" t="s">
        <v>22537</v>
      </c>
      <c r="F36599" t="s">
        <v>22538</v>
      </c>
      <c r="G36599" t="s">
        <v>22539</v>
      </c>
      <c r="H36599" t="s">
        <v>22540</v>
      </c>
      <c r="I36599" s="2">
        <v>0</v>
      </c>
      <c r="J36599" s="2">
        <v>0</v>
      </c>
      <c r="K36599" s="2">
        <v>1</v>
      </c>
      <c r="L36599" t="s">
        <v>995</v>
      </c>
      <c r="M36599" t="s">
        <v>87</v>
      </c>
      <c r="N36599" t="s">
        <v>88</v>
      </c>
      <c r="O36599" t="s">
        <v>85</v>
      </c>
      <c r="P36599" t="s">
        <v>86</v>
      </c>
      <c r="Q36599">
        <v>6</v>
      </c>
      <c r="R36599">
        <v>6</v>
      </c>
      <c r="S36599">
        <v>6</v>
      </c>
      <c r="T36599">
        <v>6</v>
      </c>
      <c r="U36599">
        <v>6</v>
      </c>
      <c r="V36599">
        <v>6</v>
      </c>
      <c r="W36599">
        <v>6</v>
      </c>
      <c r="X36599">
        <v>6</v>
      </c>
      <c r="Y36599">
        <v>6</v>
      </c>
      <c r="Z36599">
        <v>6</v>
      </c>
      <c r="AA36599">
        <v>6</v>
      </c>
      <c r="AB36599">
        <v>6</v>
      </c>
      <c r="AC36599">
        <v>6</v>
      </c>
      <c r="AD36599">
        <v>6</v>
      </c>
      <c r="AE36599">
        <v>6</v>
      </c>
      <c r="AF36599">
        <v>6</v>
      </c>
      <c r="AG36599">
        <v>6</v>
      </c>
      <c r="AH36599">
        <v>6</v>
      </c>
      <c r="AI36599">
        <v>6</v>
      </c>
      <c r="AJ36599">
        <v>6</v>
      </c>
      <c r="AK36599">
        <v>6</v>
      </c>
      <c r="AL36599">
        <v>6</v>
      </c>
      <c r="AM36599">
        <v>6</v>
      </c>
      <c r="AN36599">
        <v>6</v>
      </c>
      <c r="AO36599">
        <v>6</v>
      </c>
      <c r="AP36599">
        <v>6</v>
      </c>
      <c r="AQ36599">
        <v>6</v>
      </c>
    </row>
    <row r="36600" spans="1:43">
      <c r="A36600" t="s">
        <v>22687</v>
      </c>
      <c r="B36600" t="s">
        <v>22688</v>
      </c>
      <c r="C36600" t="s">
        <v>22683</v>
      </c>
      <c r="D36600" t="s">
        <v>22684</v>
      </c>
      <c r="E36600" t="s">
        <v>22537</v>
      </c>
      <c r="F36600" t="s">
        <v>22538</v>
      </c>
      <c r="G36600" t="s">
        <v>22539</v>
      </c>
      <c r="H36600" t="s">
        <v>22540</v>
      </c>
      <c r="I36600" s="2">
        <v>0</v>
      </c>
      <c r="J36600" s="2">
        <v>0</v>
      </c>
      <c r="K36600" s="2">
        <v>1</v>
      </c>
      <c r="L36600" t="s">
        <v>995</v>
      </c>
      <c r="M36600" t="s">
        <v>89</v>
      </c>
      <c r="N36600" t="s">
        <v>90</v>
      </c>
      <c r="O36600" t="s">
        <v>85</v>
      </c>
      <c r="P36600" t="s">
        <v>86</v>
      </c>
      <c r="Q36600">
        <v>6</v>
      </c>
      <c r="R36600">
        <v>6</v>
      </c>
      <c r="S36600">
        <v>6</v>
      </c>
      <c r="T36600">
        <v>6</v>
      </c>
      <c r="U36600">
        <v>6</v>
      </c>
      <c r="V36600">
        <v>6</v>
      </c>
      <c r="W36600">
        <v>7</v>
      </c>
      <c r="X36600">
        <v>7</v>
      </c>
      <c r="Y36600">
        <v>7</v>
      </c>
      <c r="Z36600">
        <v>7</v>
      </c>
      <c r="AA36600">
        <v>7</v>
      </c>
      <c r="AB36600">
        <v>7</v>
      </c>
      <c r="AC36600">
        <v>7</v>
      </c>
      <c r="AD36600">
        <v>7</v>
      </c>
      <c r="AE36600">
        <v>7</v>
      </c>
      <c r="AF36600">
        <v>7</v>
      </c>
      <c r="AG36600">
        <v>7</v>
      </c>
      <c r="AH36600">
        <v>7</v>
      </c>
      <c r="AI36600">
        <v>7</v>
      </c>
      <c r="AJ36600">
        <v>7</v>
      </c>
      <c r="AK36600">
        <v>7</v>
      </c>
      <c r="AL36600">
        <v>7</v>
      </c>
      <c r="AM36600">
        <v>7</v>
      </c>
      <c r="AN36600">
        <v>7</v>
      </c>
      <c r="AO36600">
        <v>7</v>
      </c>
      <c r="AP36600">
        <v>7</v>
      </c>
      <c r="AQ36600">
        <v>7</v>
      </c>
    </row>
    <row r="36601" spans="1:43">
      <c r="A36601" t="s">
        <v>22687</v>
      </c>
      <c r="B36601" t="s">
        <v>22688</v>
      </c>
      <c r="C36601" t="s">
        <v>22683</v>
      </c>
      <c r="D36601" t="s">
        <v>22684</v>
      </c>
      <c r="E36601" t="s">
        <v>22537</v>
      </c>
      <c r="F36601" t="s">
        <v>22538</v>
      </c>
      <c r="G36601" t="s">
        <v>22539</v>
      </c>
      <c r="H36601" t="s">
        <v>22540</v>
      </c>
      <c r="I36601" s="2">
        <v>0</v>
      </c>
      <c r="J36601" s="2">
        <v>0</v>
      </c>
      <c r="K36601" s="2">
        <v>1</v>
      </c>
      <c r="L36601" t="s">
        <v>995</v>
      </c>
      <c r="M36601" t="s">
        <v>83</v>
      </c>
      <c r="N36601" t="s">
        <v>91</v>
      </c>
      <c r="O36601" t="s">
        <v>85</v>
      </c>
      <c r="P36601" t="s">
        <v>86</v>
      </c>
      <c r="Q36601">
        <v>6</v>
      </c>
      <c r="R36601">
        <v>6</v>
      </c>
      <c r="S36601">
        <v>6</v>
      </c>
      <c r="T36601">
        <v>6</v>
      </c>
      <c r="U36601">
        <v>6</v>
      </c>
      <c r="V36601">
        <v>6</v>
      </c>
      <c r="W36601">
        <v>6</v>
      </c>
      <c r="X36601">
        <v>6</v>
      </c>
      <c r="Y36601">
        <v>6</v>
      </c>
      <c r="Z36601">
        <v>6</v>
      </c>
      <c r="AA36601">
        <v>6</v>
      </c>
      <c r="AB36601">
        <v>7</v>
      </c>
      <c r="AC36601">
        <v>7</v>
      </c>
      <c r="AD36601">
        <v>7</v>
      </c>
      <c r="AE36601">
        <v>7</v>
      </c>
      <c r="AF36601">
        <v>7</v>
      </c>
      <c r="AG36601">
        <v>7</v>
      </c>
      <c r="AH36601">
        <v>7</v>
      </c>
      <c r="AI36601">
        <v>7</v>
      </c>
      <c r="AJ36601">
        <v>7</v>
      </c>
      <c r="AK36601">
        <v>7</v>
      </c>
      <c r="AL36601">
        <v>7</v>
      </c>
      <c r="AM36601">
        <v>7</v>
      </c>
      <c r="AN36601">
        <v>7</v>
      </c>
      <c r="AO36601">
        <v>7</v>
      </c>
      <c r="AP36601">
        <v>7</v>
      </c>
      <c r="AQ36601">
        <v>7</v>
      </c>
    </row>
    <row r="36602" spans="1:43">
      <c r="A36602" t="s">
        <v>22689</v>
      </c>
      <c r="B36602" t="s">
        <v>22690</v>
      </c>
      <c r="C36602" t="s">
        <v>22691</v>
      </c>
      <c r="D36602" t="s">
        <v>22692</v>
      </c>
      <c r="E36602" t="s">
        <v>22537</v>
      </c>
      <c r="F36602" t="s">
        <v>22538</v>
      </c>
      <c r="G36602" t="s">
        <v>22539</v>
      </c>
      <c r="H36602" t="s">
        <v>22540</v>
      </c>
      <c r="I36602" s="2">
        <v>0</v>
      </c>
      <c r="J36602" s="2">
        <v>0</v>
      </c>
      <c r="K36602" s="2">
        <v>1</v>
      </c>
      <c r="L36602" t="s">
        <v>995</v>
      </c>
      <c r="M36602" t="s">
        <v>83</v>
      </c>
      <c r="N36602" t="s">
        <v>84</v>
      </c>
      <c r="O36602" t="s">
        <v>85</v>
      </c>
      <c r="P36602" t="s">
        <v>86</v>
      </c>
      <c r="Q36602">
        <v>36</v>
      </c>
      <c r="R36602">
        <v>37</v>
      </c>
      <c r="S36602">
        <v>37</v>
      </c>
      <c r="T36602">
        <v>38</v>
      </c>
      <c r="U36602">
        <v>38</v>
      </c>
      <c r="V36602">
        <v>39</v>
      </c>
      <c r="W36602">
        <v>39</v>
      </c>
      <c r="X36602">
        <v>40</v>
      </c>
      <c r="Y36602">
        <v>40</v>
      </c>
      <c r="Z36602">
        <v>40</v>
      </c>
      <c r="AA36602">
        <v>41</v>
      </c>
      <c r="AB36602">
        <v>41</v>
      </c>
      <c r="AC36602">
        <v>42</v>
      </c>
      <c r="AD36602">
        <v>42</v>
      </c>
      <c r="AE36602">
        <v>42</v>
      </c>
      <c r="AF36602">
        <v>43</v>
      </c>
      <c r="AG36602">
        <v>43</v>
      </c>
      <c r="AH36602">
        <v>44</v>
      </c>
      <c r="AI36602">
        <v>44</v>
      </c>
      <c r="AJ36602">
        <v>44</v>
      </c>
      <c r="AK36602">
        <v>45</v>
      </c>
      <c r="AL36602">
        <v>45</v>
      </c>
      <c r="AM36602">
        <v>45</v>
      </c>
      <c r="AN36602">
        <v>45</v>
      </c>
      <c r="AO36602">
        <v>44</v>
      </c>
      <c r="AP36602">
        <v>44</v>
      </c>
      <c r="AQ36602">
        <v>44</v>
      </c>
    </row>
    <row r="36603" spans="1:43">
      <c r="A36603" t="s">
        <v>22689</v>
      </c>
      <c r="B36603" t="s">
        <v>22690</v>
      </c>
      <c r="C36603" t="s">
        <v>22691</v>
      </c>
      <c r="D36603" t="s">
        <v>22692</v>
      </c>
      <c r="E36603" t="s">
        <v>22537</v>
      </c>
      <c r="F36603" t="s">
        <v>22538</v>
      </c>
      <c r="G36603" t="s">
        <v>22539</v>
      </c>
      <c r="H36603" t="s">
        <v>22540</v>
      </c>
      <c r="I36603" s="2">
        <v>0</v>
      </c>
      <c r="J36603" s="2">
        <v>0</v>
      </c>
      <c r="K36603" s="2">
        <v>1</v>
      </c>
      <c r="L36603" t="s">
        <v>995</v>
      </c>
      <c r="M36603" t="s">
        <v>87</v>
      </c>
      <c r="N36603" t="s">
        <v>88</v>
      </c>
      <c r="O36603" t="s">
        <v>85</v>
      </c>
      <c r="P36603" t="s">
        <v>86</v>
      </c>
      <c r="Q36603">
        <v>36</v>
      </c>
      <c r="R36603">
        <v>36</v>
      </c>
      <c r="S36603">
        <v>36</v>
      </c>
      <c r="T36603">
        <v>36</v>
      </c>
      <c r="U36603">
        <v>37</v>
      </c>
      <c r="V36603">
        <v>37</v>
      </c>
      <c r="W36603">
        <v>37</v>
      </c>
      <c r="X36603">
        <v>37</v>
      </c>
      <c r="Y36603">
        <v>37</v>
      </c>
      <c r="Z36603">
        <v>37</v>
      </c>
      <c r="AA36603">
        <v>37</v>
      </c>
      <c r="AB36603">
        <v>37</v>
      </c>
      <c r="AC36603">
        <v>37</v>
      </c>
      <c r="AD36603">
        <v>38</v>
      </c>
      <c r="AE36603">
        <v>38</v>
      </c>
      <c r="AF36603">
        <v>38</v>
      </c>
      <c r="AG36603">
        <v>38</v>
      </c>
      <c r="AH36603">
        <v>38</v>
      </c>
      <c r="AI36603">
        <v>38</v>
      </c>
      <c r="AJ36603">
        <v>38</v>
      </c>
      <c r="AK36603">
        <v>38</v>
      </c>
      <c r="AL36603">
        <v>38</v>
      </c>
      <c r="AM36603">
        <v>38</v>
      </c>
      <c r="AN36603">
        <v>38</v>
      </c>
      <c r="AO36603">
        <v>38</v>
      </c>
      <c r="AP36603">
        <v>38</v>
      </c>
      <c r="AQ36603">
        <v>38</v>
      </c>
    </row>
    <row r="36604" spans="1:43">
      <c r="A36604" t="s">
        <v>22689</v>
      </c>
      <c r="B36604" t="s">
        <v>22690</v>
      </c>
      <c r="C36604" t="s">
        <v>22691</v>
      </c>
      <c r="D36604" t="s">
        <v>22692</v>
      </c>
      <c r="E36604" t="s">
        <v>22537</v>
      </c>
      <c r="F36604" t="s">
        <v>22538</v>
      </c>
      <c r="G36604" t="s">
        <v>22539</v>
      </c>
      <c r="H36604" t="s">
        <v>22540</v>
      </c>
      <c r="I36604" s="2">
        <v>0</v>
      </c>
      <c r="J36604" s="2">
        <v>0</v>
      </c>
      <c r="K36604" s="2">
        <v>1</v>
      </c>
      <c r="L36604" t="s">
        <v>995</v>
      </c>
      <c r="M36604" t="s">
        <v>89</v>
      </c>
      <c r="N36604" t="s">
        <v>90</v>
      </c>
      <c r="O36604" t="s">
        <v>85</v>
      </c>
      <c r="P36604" t="s">
        <v>86</v>
      </c>
      <c r="Q36604">
        <v>36</v>
      </c>
      <c r="R36604">
        <v>36</v>
      </c>
      <c r="S36604">
        <v>37</v>
      </c>
      <c r="T36604">
        <v>38</v>
      </c>
      <c r="U36604">
        <v>39</v>
      </c>
      <c r="V36604">
        <v>39</v>
      </c>
      <c r="W36604">
        <v>40</v>
      </c>
      <c r="X36604">
        <v>41</v>
      </c>
      <c r="Y36604">
        <v>41</v>
      </c>
      <c r="Z36604">
        <v>42</v>
      </c>
      <c r="AA36604">
        <v>43</v>
      </c>
      <c r="AB36604">
        <v>43</v>
      </c>
      <c r="AC36604">
        <v>44</v>
      </c>
      <c r="AD36604">
        <v>44</v>
      </c>
      <c r="AE36604">
        <v>44</v>
      </c>
      <c r="AF36604">
        <v>44</v>
      </c>
      <c r="AG36604">
        <v>44</v>
      </c>
      <c r="AH36604">
        <v>44</v>
      </c>
      <c r="AI36604">
        <v>44</v>
      </c>
      <c r="AJ36604">
        <v>44</v>
      </c>
      <c r="AK36604">
        <v>44</v>
      </c>
      <c r="AL36604">
        <v>44</v>
      </c>
      <c r="AM36604">
        <v>44</v>
      </c>
      <c r="AN36604">
        <v>44</v>
      </c>
      <c r="AO36604">
        <v>44</v>
      </c>
      <c r="AP36604">
        <v>44</v>
      </c>
      <c r="AQ36604">
        <v>44</v>
      </c>
    </row>
    <row r="36605" spans="1:43">
      <c r="A36605" t="s">
        <v>22689</v>
      </c>
      <c r="B36605" t="s">
        <v>22690</v>
      </c>
      <c r="C36605" t="s">
        <v>22691</v>
      </c>
      <c r="D36605" t="s">
        <v>22692</v>
      </c>
      <c r="E36605" t="s">
        <v>22537</v>
      </c>
      <c r="F36605" t="s">
        <v>22538</v>
      </c>
      <c r="G36605" t="s">
        <v>22539</v>
      </c>
      <c r="H36605" t="s">
        <v>22540</v>
      </c>
      <c r="I36605" s="2">
        <v>0</v>
      </c>
      <c r="J36605" s="2">
        <v>0</v>
      </c>
      <c r="K36605" s="2">
        <v>1</v>
      </c>
      <c r="L36605" t="s">
        <v>995</v>
      </c>
      <c r="M36605" t="s">
        <v>83</v>
      </c>
      <c r="N36605" t="s">
        <v>91</v>
      </c>
      <c r="O36605" t="s">
        <v>85</v>
      </c>
      <c r="P36605" t="s">
        <v>86</v>
      </c>
      <c r="Q36605">
        <v>36</v>
      </c>
      <c r="R36605">
        <v>37</v>
      </c>
      <c r="S36605">
        <v>37</v>
      </c>
      <c r="T36605">
        <v>38</v>
      </c>
      <c r="U36605">
        <v>38</v>
      </c>
      <c r="V36605">
        <v>39</v>
      </c>
      <c r="W36605">
        <v>39</v>
      </c>
      <c r="X36605">
        <v>40</v>
      </c>
      <c r="Y36605">
        <v>40</v>
      </c>
      <c r="Z36605">
        <v>40</v>
      </c>
      <c r="AA36605">
        <v>41</v>
      </c>
      <c r="AB36605">
        <v>41</v>
      </c>
      <c r="AC36605">
        <v>42</v>
      </c>
      <c r="AD36605">
        <v>42</v>
      </c>
      <c r="AE36605">
        <v>42</v>
      </c>
      <c r="AF36605">
        <v>43</v>
      </c>
      <c r="AG36605">
        <v>43</v>
      </c>
      <c r="AH36605">
        <v>44</v>
      </c>
      <c r="AI36605">
        <v>44</v>
      </c>
      <c r="AJ36605">
        <v>44</v>
      </c>
      <c r="AK36605">
        <v>45</v>
      </c>
      <c r="AL36605">
        <v>45</v>
      </c>
      <c r="AM36605">
        <v>45</v>
      </c>
      <c r="AN36605">
        <v>45</v>
      </c>
      <c r="AO36605">
        <v>44</v>
      </c>
      <c r="AP36605">
        <v>44</v>
      </c>
      <c r="AQ36605">
        <v>44</v>
      </c>
    </row>
    <row r="36606" spans="1:43">
      <c r="A36606" t="s">
        <v>22693</v>
      </c>
      <c r="B36606" t="s">
        <v>22694</v>
      </c>
      <c r="C36606" t="s">
        <v>22691</v>
      </c>
      <c r="D36606" t="s">
        <v>22692</v>
      </c>
      <c r="E36606" t="s">
        <v>22537</v>
      </c>
      <c r="F36606" t="s">
        <v>22538</v>
      </c>
      <c r="G36606" t="s">
        <v>22539</v>
      </c>
      <c r="H36606" t="s">
        <v>22540</v>
      </c>
      <c r="I36606" s="2">
        <v>0</v>
      </c>
      <c r="J36606" s="2">
        <v>0</v>
      </c>
      <c r="K36606" s="2">
        <v>1</v>
      </c>
      <c r="L36606" t="s">
        <v>995</v>
      </c>
      <c r="M36606" t="s">
        <v>83</v>
      </c>
      <c r="N36606" t="s">
        <v>84</v>
      </c>
      <c r="O36606" t="s">
        <v>85</v>
      </c>
      <c r="P36606" t="s">
        <v>86</v>
      </c>
      <c r="Q36606">
        <v>27</v>
      </c>
      <c r="R36606">
        <v>27</v>
      </c>
      <c r="S36606">
        <v>28</v>
      </c>
      <c r="T36606">
        <v>28</v>
      </c>
      <c r="U36606">
        <v>28</v>
      </c>
      <c r="V36606">
        <v>29</v>
      </c>
      <c r="W36606">
        <v>29</v>
      </c>
      <c r="X36606">
        <v>29</v>
      </c>
      <c r="Y36606">
        <v>30</v>
      </c>
      <c r="Z36606">
        <v>30</v>
      </c>
      <c r="AA36606">
        <v>30</v>
      </c>
      <c r="AB36606">
        <v>31</v>
      </c>
      <c r="AC36606">
        <v>31</v>
      </c>
      <c r="AD36606">
        <v>31</v>
      </c>
      <c r="AE36606">
        <v>31</v>
      </c>
      <c r="AF36606">
        <v>32</v>
      </c>
      <c r="AG36606">
        <v>32</v>
      </c>
      <c r="AH36606">
        <v>32</v>
      </c>
      <c r="AI36606">
        <v>32</v>
      </c>
      <c r="AJ36606">
        <v>33</v>
      </c>
      <c r="AK36606">
        <v>33</v>
      </c>
      <c r="AL36606">
        <v>33</v>
      </c>
      <c r="AM36606">
        <v>33</v>
      </c>
      <c r="AN36606">
        <v>33</v>
      </c>
      <c r="AO36606">
        <v>33</v>
      </c>
      <c r="AP36606">
        <v>33</v>
      </c>
      <c r="AQ36606">
        <v>33</v>
      </c>
    </row>
    <row r="36607" spans="1:43">
      <c r="A36607" t="s">
        <v>22693</v>
      </c>
      <c r="B36607" t="s">
        <v>22694</v>
      </c>
      <c r="C36607" t="s">
        <v>22691</v>
      </c>
      <c r="D36607" t="s">
        <v>22692</v>
      </c>
      <c r="E36607" t="s">
        <v>22537</v>
      </c>
      <c r="F36607" t="s">
        <v>22538</v>
      </c>
      <c r="G36607" t="s">
        <v>22539</v>
      </c>
      <c r="H36607" t="s">
        <v>22540</v>
      </c>
      <c r="I36607" s="2">
        <v>0</v>
      </c>
      <c r="J36607" s="2">
        <v>0</v>
      </c>
      <c r="K36607" s="2">
        <v>1</v>
      </c>
      <c r="L36607" t="s">
        <v>995</v>
      </c>
      <c r="M36607" t="s">
        <v>87</v>
      </c>
      <c r="N36607" t="s">
        <v>88</v>
      </c>
      <c r="O36607" t="s">
        <v>85</v>
      </c>
      <c r="P36607" t="s">
        <v>86</v>
      </c>
      <c r="Q36607">
        <v>27</v>
      </c>
      <c r="R36607">
        <v>27</v>
      </c>
      <c r="S36607">
        <v>27</v>
      </c>
      <c r="T36607">
        <v>27</v>
      </c>
      <c r="U36607">
        <v>27</v>
      </c>
      <c r="V36607">
        <v>27</v>
      </c>
      <c r="W36607">
        <v>27</v>
      </c>
      <c r="X36607">
        <v>27</v>
      </c>
      <c r="Y36607">
        <v>27</v>
      </c>
      <c r="Z36607">
        <v>27</v>
      </c>
      <c r="AA36607">
        <v>28</v>
      </c>
      <c r="AB36607">
        <v>28</v>
      </c>
      <c r="AC36607">
        <v>28</v>
      </c>
      <c r="AD36607">
        <v>28</v>
      </c>
      <c r="AE36607">
        <v>28</v>
      </c>
      <c r="AF36607">
        <v>28</v>
      </c>
      <c r="AG36607">
        <v>28</v>
      </c>
      <c r="AH36607">
        <v>28</v>
      </c>
      <c r="AI36607">
        <v>28</v>
      </c>
      <c r="AJ36607">
        <v>28</v>
      </c>
      <c r="AK36607">
        <v>28</v>
      </c>
      <c r="AL36607">
        <v>28</v>
      </c>
      <c r="AM36607">
        <v>28</v>
      </c>
      <c r="AN36607">
        <v>28</v>
      </c>
      <c r="AO36607">
        <v>28</v>
      </c>
      <c r="AP36607">
        <v>28</v>
      </c>
      <c r="AQ36607">
        <v>28</v>
      </c>
    </row>
    <row r="36608" spans="1:43">
      <c r="A36608" t="s">
        <v>22693</v>
      </c>
      <c r="B36608" t="s">
        <v>22694</v>
      </c>
      <c r="C36608" t="s">
        <v>22691</v>
      </c>
      <c r="D36608" t="s">
        <v>22692</v>
      </c>
      <c r="E36608" t="s">
        <v>22537</v>
      </c>
      <c r="F36608" t="s">
        <v>22538</v>
      </c>
      <c r="G36608" t="s">
        <v>22539</v>
      </c>
      <c r="H36608" t="s">
        <v>22540</v>
      </c>
      <c r="I36608" s="2">
        <v>0</v>
      </c>
      <c r="J36608" s="2">
        <v>0</v>
      </c>
      <c r="K36608" s="2">
        <v>1</v>
      </c>
      <c r="L36608" t="s">
        <v>995</v>
      </c>
      <c r="M36608" t="s">
        <v>89</v>
      </c>
      <c r="N36608" t="s">
        <v>90</v>
      </c>
      <c r="O36608" t="s">
        <v>85</v>
      </c>
      <c r="P36608" t="s">
        <v>86</v>
      </c>
      <c r="Q36608">
        <v>27</v>
      </c>
      <c r="R36608">
        <v>28</v>
      </c>
      <c r="S36608">
        <v>28</v>
      </c>
      <c r="T36608">
        <v>29</v>
      </c>
      <c r="U36608">
        <v>29</v>
      </c>
      <c r="V36608">
        <v>30</v>
      </c>
      <c r="W36608">
        <v>30</v>
      </c>
      <c r="X36608">
        <v>31</v>
      </c>
      <c r="Y36608">
        <v>31</v>
      </c>
      <c r="Z36608">
        <v>32</v>
      </c>
      <c r="AA36608">
        <v>32</v>
      </c>
      <c r="AB36608">
        <v>33</v>
      </c>
      <c r="AC36608">
        <v>33</v>
      </c>
      <c r="AD36608">
        <v>33</v>
      </c>
      <c r="AE36608">
        <v>34</v>
      </c>
      <c r="AF36608">
        <v>34</v>
      </c>
      <c r="AG36608">
        <v>33</v>
      </c>
      <c r="AH36608">
        <v>33</v>
      </c>
      <c r="AI36608">
        <v>33</v>
      </c>
      <c r="AJ36608">
        <v>33</v>
      </c>
      <c r="AK36608">
        <v>33</v>
      </c>
      <c r="AL36608">
        <v>33</v>
      </c>
      <c r="AM36608">
        <v>33</v>
      </c>
      <c r="AN36608">
        <v>33</v>
      </c>
      <c r="AO36608">
        <v>33</v>
      </c>
      <c r="AP36608">
        <v>33</v>
      </c>
      <c r="AQ36608">
        <v>33</v>
      </c>
    </row>
    <row r="36609" spans="1:43">
      <c r="A36609" t="s">
        <v>22693</v>
      </c>
      <c r="B36609" t="s">
        <v>22694</v>
      </c>
      <c r="C36609" t="s">
        <v>22691</v>
      </c>
      <c r="D36609" t="s">
        <v>22692</v>
      </c>
      <c r="E36609" t="s">
        <v>22537</v>
      </c>
      <c r="F36609" t="s">
        <v>22538</v>
      </c>
      <c r="G36609" t="s">
        <v>22539</v>
      </c>
      <c r="H36609" t="s">
        <v>22540</v>
      </c>
      <c r="I36609" s="2">
        <v>0</v>
      </c>
      <c r="J36609" s="2">
        <v>0</v>
      </c>
      <c r="K36609" s="2">
        <v>1</v>
      </c>
      <c r="L36609" t="s">
        <v>995</v>
      </c>
      <c r="M36609" t="s">
        <v>83</v>
      </c>
      <c r="N36609" t="s">
        <v>91</v>
      </c>
      <c r="O36609" t="s">
        <v>85</v>
      </c>
      <c r="P36609" t="s">
        <v>86</v>
      </c>
      <c r="Q36609">
        <v>27</v>
      </c>
      <c r="R36609">
        <v>27</v>
      </c>
      <c r="S36609">
        <v>28</v>
      </c>
      <c r="T36609">
        <v>28</v>
      </c>
      <c r="U36609">
        <v>28</v>
      </c>
      <c r="V36609">
        <v>29</v>
      </c>
      <c r="W36609">
        <v>29</v>
      </c>
      <c r="X36609">
        <v>29</v>
      </c>
      <c r="Y36609">
        <v>30</v>
      </c>
      <c r="Z36609">
        <v>30</v>
      </c>
      <c r="AA36609">
        <v>30</v>
      </c>
      <c r="AB36609">
        <v>31</v>
      </c>
      <c r="AC36609">
        <v>31</v>
      </c>
      <c r="AD36609">
        <v>31</v>
      </c>
      <c r="AE36609">
        <v>31</v>
      </c>
      <c r="AF36609">
        <v>32</v>
      </c>
      <c r="AG36609">
        <v>32</v>
      </c>
      <c r="AH36609">
        <v>32</v>
      </c>
      <c r="AI36609">
        <v>32</v>
      </c>
      <c r="AJ36609">
        <v>33</v>
      </c>
      <c r="AK36609">
        <v>33</v>
      </c>
      <c r="AL36609">
        <v>33</v>
      </c>
      <c r="AM36609">
        <v>33</v>
      </c>
      <c r="AN36609">
        <v>33</v>
      </c>
      <c r="AO36609">
        <v>33</v>
      </c>
      <c r="AP36609">
        <v>33</v>
      </c>
      <c r="AQ36609">
        <v>33</v>
      </c>
    </row>
    <row r="36610" spans="1:43">
      <c r="A36610" t="s">
        <v>22695</v>
      </c>
      <c r="B36610" t="s">
        <v>22696</v>
      </c>
      <c r="C36610" t="s">
        <v>22691</v>
      </c>
      <c r="D36610" t="s">
        <v>22692</v>
      </c>
      <c r="E36610" t="s">
        <v>22537</v>
      </c>
      <c r="F36610" t="s">
        <v>22538</v>
      </c>
      <c r="G36610" t="s">
        <v>22539</v>
      </c>
      <c r="H36610" t="s">
        <v>22540</v>
      </c>
      <c r="I36610" s="2">
        <v>0</v>
      </c>
      <c r="J36610" s="2">
        <v>0</v>
      </c>
      <c r="K36610" s="2">
        <v>1</v>
      </c>
      <c r="L36610" t="s">
        <v>995</v>
      </c>
      <c r="M36610" t="s">
        <v>83</v>
      </c>
      <c r="N36610" t="s">
        <v>84</v>
      </c>
      <c r="O36610" t="s">
        <v>85</v>
      </c>
      <c r="P36610" t="s">
        <v>86</v>
      </c>
      <c r="Q36610">
        <v>26</v>
      </c>
      <c r="R36610">
        <v>27</v>
      </c>
      <c r="S36610">
        <v>27</v>
      </c>
      <c r="T36610">
        <v>27</v>
      </c>
      <c r="U36610">
        <v>28</v>
      </c>
      <c r="V36610">
        <v>28</v>
      </c>
      <c r="W36610">
        <v>28</v>
      </c>
      <c r="X36610">
        <v>29</v>
      </c>
      <c r="Y36610">
        <v>29</v>
      </c>
      <c r="Z36610">
        <v>29</v>
      </c>
      <c r="AA36610">
        <v>30</v>
      </c>
      <c r="AB36610">
        <v>30</v>
      </c>
      <c r="AC36610">
        <v>30</v>
      </c>
      <c r="AD36610">
        <v>31</v>
      </c>
      <c r="AE36610">
        <v>31</v>
      </c>
      <c r="AF36610">
        <v>31</v>
      </c>
      <c r="AG36610">
        <v>32</v>
      </c>
      <c r="AH36610">
        <v>32</v>
      </c>
      <c r="AI36610">
        <v>32</v>
      </c>
      <c r="AJ36610">
        <v>32</v>
      </c>
      <c r="AK36610">
        <v>33</v>
      </c>
      <c r="AL36610">
        <v>33</v>
      </c>
      <c r="AM36610">
        <v>33</v>
      </c>
      <c r="AN36610">
        <v>33</v>
      </c>
      <c r="AO36610">
        <v>33</v>
      </c>
      <c r="AP36610">
        <v>33</v>
      </c>
      <c r="AQ36610">
        <v>33</v>
      </c>
    </row>
    <row r="36611" spans="1:43">
      <c r="A36611" t="s">
        <v>22695</v>
      </c>
      <c r="B36611" t="s">
        <v>22696</v>
      </c>
      <c r="C36611" t="s">
        <v>22691</v>
      </c>
      <c r="D36611" t="s">
        <v>22692</v>
      </c>
      <c r="E36611" t="s">
        <v>22537</v>
      </c>
      <c r="F36611" t="s">
        <v>22538</v>
      </c>
      <c r="G36611" t="s">
        <v>22539</v>
      </c>
      <c r="H36611" t="s">
        <v>22540</v>
      </c>
      <c r="I36611" s="2">
        <v>0</v>
      </c>
      <c r="J36611" s="2">
        <v>0</v>
      </c>
      <c r="K36611" s="2">
        <v>1</v>
      </c>
      <c r="L36611" t="s">
        <v>995</v>
      </c>
      <c r="M36611" t="s">
        <v>87</v>
      </c>
      <c r="N36611" t="s">
        <v>88</v>
      </c>
      <c r="O36611" t="s">
        <v>85</v>
      </c>
      <c r="P36611" t="s">
        <v>86</v>
      </c>
      <c r="Q36611">
        <v>26</v>
      </c>
      <c r="R36611">
        <v>26</v>
      </c>
      <c r="S36611">
        <v>26</v>
      </c>
      <c r="T36611">
        <v>26</v>
      </c>
      <c r="U36611">
        <v>27</v>
      </c>
      <c r="V36611">
        <v>27</v>
      </c>
      <c r="W36611">
        <v>27</v>
      </c>
      <c r="X36611">
        <v>27</v>
      </c>
      <c r="Y36611">
        <v>27</v>
      </c>
      <c r="Z36611">
        <v>27</v>
      </c>
      <c r="AA36611">
        <v>27</v>
      </c>
      <c r="AB36611">
        <v>27</v>
      </c>
      <c r="AC36611">
        <v>27</v>
      </c>
      <c r="AD36611">
        <v>27</v>
      </c>
      <c r="AE36611">
        <v>27</v>
      </c>
      <c r="AF36611">
        <v>28</v>
      </c>
      <c r="AG36611">
        <v>28</v>
      </c>
      <c r="AH36611">
        <v>28</v>
      </c>
      <c r="AI36611">
        <v>28</v>
      </c>
      <c r="AJ36611">
        <v>28</v>
      </c>
      <c r="AK36611">
        <v>28</v>
      </c>
      <c r="AL36611">
        <v>28</v>
      </c>
      <c r="AM36611">
        <v>28</v>
      </c>
      <c r="AN36611">
        <v>28</v>
      </c>
      <c r="AO36611">
        <v>28</v>
      </c>
      <c r="AP36611">
        <v>28</v>
      </c>
      <c r="AQ36611">
        <v>28</v>
      </c>
    </row>
    <row r="36612" spans="1:43">
      <c r="A36612" t="s">
        <v>22695</v>
      </c>
      <c r="B36612" t="s">
        <v>22696</v>
      </c>
      <c r="C36612" t="s">
        <v>22691</v>
      </c>
      <c r="D36612" t="s">
        <v>22692</v>
      </c>
      <c r="E36612" t="s">
        <v>22537</v>
      </c>
      <c r="F36612" t="s">
        <v>22538</v>
      </c>
      <c r="G36612" t="s">
        <v>22539</v>
      </c>
      <c r="H36612" t="s">
        <v>22540</v>
      </c>
      <c r="I36612" s="2">
        <v>0</v>
      </c>
      <c r="J36612" s="2">
        <v>0</v>
      </c>
      <c r="K36612" s="2">
        <v>1</v>
      </c>
      <c r="L36612" t="s">
        <v>995</v>
      </c>
      <c r="M36612" t="s">
        <v>89</v>
      </c>
      <c r="N36612" t="s">
        <v>90</v>
      </c>
      <c r="O36612" t="s">
        <v>85</v>
      </c>
      <c r="P36612" t="s">
        <v>86</v>
      </c>
      <c r="Q36612">
        <v>26</v>
      </c>
      <c r="R36612">
        <v>26</v>
      </c>
      <c r="S36612">
        <v>27</v>
      </c>
      <c r="T36612">
        <v>27</v>
      </c>
      <c r="U36612">
        <v>28</v>
      </c>
      <c r="V36612">
        <v>28</v>
      </c>
      <c r="W36612">
        <v>29</v>
      </c>
      <c r="X36612">
        <v>29</v>
      </c>
      <c r="Y36612">
        <v>30</v>
      </c>
      <c r="Z36612">
        <v>30</v>
      </c>
      <c r="AA36612">
        <v>31</v>
      </c>
      <c r="AB36612">
        <v>31</v>
      </c>
      <c r="AC36612">
        <v>32</v>
      </c>
      <c r="AD36612">
        <v>32</v>
      </c>
      <c r="AE36612">
        <v>32</v>
      </c>
      <c r="AF36612">
        <v>32</v>
      </c>
      <c r="AG36612">
        <v>32</v>
      </c>
      <c r="AH36612">
        <v>32</v>
      </c>
      <c r="AI36612">
        <v>32</v>
      </c>
      <c r="AJ36612">
        <v>32</v>
      </c>
      <c r="AK36612">
        <v>32</v>
      </c>
      <c r="AL36612">
        <v>32</v>
      </c>
      <c r="AM36612">
        <v>32</v>
      </c>
      <c r="AN36612">
        <v>32</v>
      </c>
      <c r="AO36612">
        <v>32</v>
      </c>
      <c r="AP36612">
        <v>32</v>
      </c>
      <c r="AQ36612">
        <v>32</v>
      </c>
    </row>
    <row r="36613" spans="1:43">
      <c r="A36613" t="s">
        <v>22695</v>
      </c>
      <c r="B36613" t="s">
        <v>22696</v>
      </c>
      <c r="C36613" t="s">
        <v>22691</v>
      </c>
      <c r="D36613" t="s">
        <v>22692</v>
      </c>
      <c r="E36613" t="s">
        <v>22537</v>
      </c>
      <c r="F36613" t="s">
        <v>22538</v>
      </c>
      <c r="G36613" t="s">
        <v>22539</v>
      </c>
      <c r="H36613" t="s">
        <v>22540</v>
      </c>
      <c r="I36613" s="2">
        <v>0</v>
      </c>
      <c r="J36613" s="2">
        <v>0</v>
      </c>
      <c r="K36613" s="2">
        <v>1</v>
      </c>
      <c r="L36613" t="s">
        <v>995</v>
      </c>
      <c r="M36613" t="s">
        <v>83</v>
      </c>
      <c r="N36613" t="s">
        <v>91</v>
      </c>
      <c r="O36613" t="s">
        <v>85</v>
      </c>
      <c r="P36613" t="s">
        <v>86</v>
      </c>
      <c r="Q36613">
        <v>26</v>
      </c>
      <c r="R36613">
        <v>27</v>
      </c>
      <c r="S36613">
        <v>27</v>
      </c>
      <c r="T36613">
        <v>27</v>
      </c>
      <c r="U36613">
        <v>28</v>
      </c>
      <c r="V36613">
        <v>28</v>
      </c>
      <c r="W36613">
        <v>28</v>
      </c>
      <c r="X36613">
        <v>29</v>
      </c>
      <c r="Y36613">
        <v>29</v>
      </c>
      <c r="Z36613">
        <v>29</v>
      </c>
      <c r="AA36613">
        <v>30</v>
      </c>
      <c r="AB36613">
        <v>30</v>
      </c>
      <c r="AC36613">
        <v>30</v>
      </c>
      <c r="AD36613">
        <v>31</v>
      </c>
      <c r="AE36613">
        <v>31</v>
      </c>
      <c r="AF36613">
        <v>31</v>
      </c>
      <c r="AG36613">
        <v>32</v>
      </c>
      <c r="AH36613">
        <v>32</v>
      </c>
      <c r="AI36613">
        <v>32</v>
      </c>
      <c r="AJ36613">
        <v>32</v>
      </c>
      <c r="AK36613">
        <v>33</v>
      </c>
      <c r="AL36613">
        <v>33</v>
      </c>
      <c r="AM36613">
        <v>33</v>
      </c>
      <c r="AN36613">
        <v>33</v>
      </c>
      <c r="AO36613">
        <v>33</v>
      </c>
      <c r="AP36613">
        <v>33</v>
      </c>
      <c r="AQ36613">
        <v>33</v>
      </c>
    </row>
    <row r="36614" spans="1:43">
      <c r="A36614" t="s">
        <v>22697</v>
      </c>
      <c r="B36614" t="s">
        <v>22698</v>
      </c>
      <c r="C36614" t="s">
        <v>22699</v>
      </c>
      <c r="D36614" t="s">
        <v>22700</v>
      </c>
      <c r="E36614" t="s">
        <v>22537</v>
      </c>
      <c r="F36614" t="s">
        <v>22538</v>
      </c>
      <c r="G36614" t="s">
        <v>22539</v>
      </c>
      <c r="H36614" t="s">
        <v>22540</v>
      </c>
      <c r="I36614" s="2">
        <v>0</v>
      </c>
      <c r="J36614" s="2">
        <v>0</v>
      </c>
      <c r="K36614" s="2">
        <v>1</v>
      </c>
      <c r="L36614" t="s">
        <v>995</v>
      </c>
      <c r="M36614" t="s">
        <v>83</v>
      </c>
      <c r="N36614" t="s">
        <v>84</v>
      </c>
      <c r="O36614" t="s">
        <v>85</v>
      </c>
      <c r="P36614" t="s">
        <v>86</v>
      </c>
      <c r="Q36614">
        <v>35</v>
      </c>
      <c r="R36614">
        <v>35</v>
      </c>
      <c r="S36614">
        <v>36</v>
      </c>
      <c r="T36614">
        <v>36</v>
      </c>
      <c r="U36614">
        <v>37</v>
      </c>
      <c r="V36614">
        <v>37</v>
      </c>
      <c r="W36614">
        <v>37</v>
      </c>
      <c r="X36614">
        <v>38</v>
      </c>
      <c r="Y36614">
        <v>38</v>
      </c>
      <c r="Z36614">
        <v>39</v>
      </c>
      <c r="AA36614">
        <v>39</v>
      </c>
      <c r="AB36614">
        <v>39</v>
      </c>
      <c r="AC36614">
        <v>40</v>
      </c>
      <c r="AD36614">
        <v>40</v>
      </c>
      <c r="AE36614">
        <v>40</v>
      </c>
      <c r="AF36614">
        <v>41</v>
      </c>
      <c r="AG36614">
        <v>41</v>
      </c>
      <c r="AH36614">
        <v>41</v>
      </c>
      <c r="AI36614">
        <v>42</v>
      </c>
      <c r="AJ36614">
        <v>42</v>
      </c>
      <c r="AK36614">
        <v>42</v>
      </c>
      <c r="AL36614">
        <v>42</v>
      </c>
      <c r="AM36614">
        <v>42</v>
      </c>
      <c r="AN36614">
        <v>42</v>
      </c>
      <c r="AO36614">
        <v>42</v>
      </c>
      <c r="AP36614">
        <v>42</v>
      </c>
      <c r="AQ36614">
        <v>42</v>
      </c>
    </row>
    <row r="36615" spans="1:43">
      <c r="A36615" t="s">
        <v>22697</v>
      </c>
      <c r="B36615" t="s">
        <v>22698</v>
      </c>
      <c r="C36615" t="s">
        <v>22699</v>
      </c>
      <c r="D36615" t="s">
        <v>22700</v>
      </c>
      <c r="E36615" t="s">
        <v>22537</v>
      </c>
      <c r="F36615" t="s">
        <v>22538</v>
      </c>
      <c r="G36615" t="s">
        <v>22539</v>
      </c>
      <c r="H36615" t="s">
        <v>22540</v>
      </c>
      <c r="I36615" s="2">
        <v>0</v>
      </c>
      <c r="J36615" s="2">
        <v>0</v>
      </c>
      <c r="K36615" s="2">
        <v>1</v>
      </c>
      <c r="L36615" t="s">
        <v>995</v>
      </c>
      <c r="M36615" t="s">
        <v>87</v>
      </c>
      <c r="N36615" t="s">
        <v>88</v>
      </c>
      <c r="O36615" t="s">
        <v>85</v>
      </c>
      <c r="P36615" t="s">
        <v>86</v>
      </c>
      <c r="Q36615">
        <v>35</v>
      </c>
      <c r="R36615">
        <v>36</v>
      </c>
      <c r="S36615">
        <v>36</v>
      </c>
      <c r="T36615">
        <v>36</v>
      </c>
      <c r="U36615">
        <v>36</v>
      </c>
      <c r="V36615">
        <v>36</v>
      </c>
      <c r="W36615">
        <v>36</v>
      </c>
      <c r="X36615">
        <v>36</v>
      </c>
      <c r="Y36615">
        <v>36</v>
      </c>
      <c r="Z36615">
        <v>36</v>
      </c>
      <c r="AA36615">
        <v>36</v>
      </c>
      <c r="AB36615">
        <v>37</v>
      </c>
      <c r="AC36615">
        <v>37</v>
      </c>
      <c r="AD36615">
        <v>37</v>
      </c>
      <c r="AE36615">
        <v>37</v>
      </c>
      <c r="AF36615">
        <v>37</v>
      </c>
      <c r="AG36615">
        <v>37</v>
      </c>
      <c r="AH36615">
        <v>37</v>
      </c>
      <c r="AI36615">
        <v>37</v>
      </c>
      <c r="AJ36615">
        <v>37</v>
      </c>
      <c r="AK36615">
        <v>37</v>
      </c>
      <c r="AL36615">
        <v>37</v>
      </c>
      <c r="AM36615">
        <v>37</v>
      </c>
      <c r="AN36615">
        <v>37</v>
      </c>
      <c r="AO36615">
        <v>37</v>
      </c>
      <c r="AP36615">
        <v>38</v>
      </c>
      <c r="AQ36615">
        <v>38</v>
      </c>
    </row>
    <row r="36616" spans="1:43">
      <c r="A36616" t="s">
        <v>22697</v>
      </c>
      <c r="B36616" t="s">
        <v>22698</v>
      </c>
      <c r="C36616" t="s">
        <v>22699</v>
      </c>
      <c r="D36616" t="s">
        <v>22700</v>
      </c>
      <c r="E36616" t="s">
        <v>22537</v>
      </c>
      <c r="F36616" t="s">
        <v>22538</v>
      </c>
      <c r="G36616" t="s">
        <v>22539</v>
      </c>
      <c r="H36616" t="s">
        <v>22540</v>
      </c>
      <c r="I36616" s="2">
        <v>0</v>
      </c>
      <c r="J36616" s="2">
        <v>0</v>
      </c>
      <c r="K36616" s="2">
        <v>1</v>
      </c>
      <c r="L36616" t="s">
        <v>995</v>
      </c>
      <c r="M36616" t="s">
        <v>89</v>
      </c>
      <c r="N36616" t="s">
        <v>90</v>
      </c>
      <c r="O36616" t="s">
        <v>85</v>
      </c>
      <c r="P36616" t="s">
        <v>86</v>
      </c>
      <c r="Q36616">
        <v>35</v>
      </c>
      <c r="R36616">
        <v>36</v>
      </c>
      <c r="S36616">
        <v>37</v>
      </c>
      <c r="T36616">
        <v>37</v>
      </c>
      <c r="U36616">
        <v>38</v>
      </c>
      <c r="V36616">
        <v>39</v>
      </c>
      <c r="W36616">
        <v>39</v>
      </c>
      <c r="X36616">
        <v>40</v>
      </c>
      <c r="Y36616">
        <v>40</v>
      </c>
      <c r="Z36616">
        <v>41</v>
      </c>
      <c r="AA36616">
        <v>41</v>
      </c>
      <c r="AB36616">
        <v>42</v>
      </c>
      <c r="AC36616">
        <v>43</v>
      </c>
      <c r="AD36616">
        <v>43</v>
      </c>
      <c r="AE36616">
        <v>43</v>
      </c>
      <c r="AF36616">
        <v>43</v>
      </c>
      <c r="AG36616">
        <v>43</v>
      </c>
      <c r="AH36616">
        <v>43</v>
      </c>
      <c r="AI36616">
        <v>43</v>
      </c>
      <c r="AJ36616">
        <v>43</v>
      </c>
      <c r="AK36616">
        <v>43</v>
      </c>
      <c r="AL36616">
        <v>43</v>
      </c>
      <c r="AM36616">
        <v>43</v>
      </c>
      <c r="AN36616">
        <v>43</v>
      </c>
      <c r="AO36616">
        <v>42</v>
      </c>
      <c r="AP36616">
        <v>42</v>
      </c>
      <c r="AQ36616">
        <v>42</v>
      </c>
    </row>
    <row r="36617" spans="1:43">
      <c r="A36617" t="s">
        <v>22697</v>
      </c>
      <c r="B36617" t="s">
        <v>22698</v>
      </c>
      <c r="C36617" t="s">
        <v>22699</v>
      </c>
      <c r="D36617" t="s">
        <v>22700</v>
      </c>
      <c r="E36617" t="s">
        <v>22537</v>
      </c>
      <c r="F36617" t="s">
        <v>22538</v>
      </c>
      <c r="G36617" t="s">
        <v>22539</v>
      </c>
      <c r="H36617" t="s">
        <v>22540</v>
      </c>
      <c r="I36617" s="2">
        <v>0</v>
      </c>
      <c r="J36617" s="2">
        <v>0</v>
      </c>
      <c r="K36617" s="2">
        <v>1</v>
      </c>
      <c r="L36617" t="s">
        <v>995</v>
      </c>
      <c r="M36617" t="s">
        <v>83</v>
      </c>
      <c r="N36617" t="s">
        <v>91</v>
      </c>
      <c r="O36617" t="s">
        <v>85</v>
      </c>
      <c r="P36617" t="s">
        <v>86</v>
      </c>
      <c r="Q36617">
        <v>35</v>
      </c>
      <c r="R36617">
        <v>35</v>
      </c>
      <c r="S36617">
        <v>36</v>
      </c>
      <c r="T36617">
        <v>36</v>
      </c>
      <c r="U36617">
        <v>37</v>
      </c>
      <c r="V36617">
        <v>37</v>
      </c>
      <c r="W36617">
        <v>37</v>
      </c>
      <c r="X36617">
        <v>38</v>
      </c>
      <c r="Y36617">
        <v>38</v>
      </c>
      <c r="Z36617">
        <v>39</v>
      </c>
      <c r="AA36617">
        <v>39</v>
      </c>
      <c r="AB36617">
        <v>39</v>
      </c>
      <c r="AC36617">
        <v>40</v>
      </c>
      <c r="AD36617">
        <v>40</v>
      </c>
      <c r="AE36617">
        <v>40</v>
      </c>
      <c r="AF36617">
        <v>41</v>
      </c>
      <c r="AG36617">
        <v>41</v>
      </c>
      <c r="AH36617">
        <v>41</v>
      </c>
      <c r="AI36617">
        <v>42</v>
      </c>
      <c r="AJ36617">
        <v>42</v>
      </c>
      <c r="AK36617">
        <v>42</v>
      </c>
      <c r="AL36617">
        <v>42</v>
      </c>
      <c r="AM36617">
        <v>42</v>
      </c>
      <c r="AN36617">
        <v>42</v>
      </c>
      <c r="AO36617">
        <v>42</v>
      </c>
      <c r="AP36617">
        <v>42</v>
      </c>
      <c r="AQ36617">
        <v>42</v>
      </c>
    </row>
    <row r="36618" spans="1:43">
      <c r="A36618" t="s">
        <v>22701</v>
      </c>
      <c r="B36618" t="s">
        <v>22702</v>
      </c>
      <c r="C36618" t="s">
        <v>22699</v>
      </c>
      <c r="D36618" t="s">
        <v>22700</v>
      </c>
      <c r="E36618" t="s">
        <v>22537</v>
      </c>
      <c r="F36618" t="s">
        <v>22538</v>
      </c>
      <c r="G36618" t="s">
        <v>22539</v>
      </c>
      <c r="H36618" t="s">
        <v>22540</v>
      </c>
      <c r="I36618" s="2">
        <v>0</v>
      </c>
      <c r="J36618" s="2">
        <v>0</v>
      </c>
      <c r="K36618" s="2">
        <v>1</v>
      </c>
      <c r="L36618" t="s">
        <v>995</v>
      </c>
      <c r="M36618" t="s">
        <v>83</v>
      </c>
      <c r="N36618" t="s">
        <v>84</v>
      </c>
      <c r="O36618" t="s">
        <v>85</v>
      </c>
      <c r="P36618" t="s">
        <v>86</v>
      </c>
      <c r="Q36618">
        <v>15</v>
      </c>
      <c r="R36618">
        <v>15</v>
      </c>
      <c r="S36618">
        <v>16</v>
      </c>
      <c r="T36618">
        <v>16</v>
      </c>
      <c r="U36618">
        <v>16</v>
      </c>
      <c r="V36618">
        <v>16</v>
      </c>
      <c r="W36618">
        <v>16</v>
      </c>
      <c r="X36618">
        <v>16</v>
      </c>
      <c r="Y36618">
        <v>17</v>
      </c>
      <c r="Z36618">
        <v>17</v>
      </c>
      <c r="AA36618">
        <v>17</v>
      </c>
      <c r="AB36618">
        <v>17</v>
      </c>
      <c r="AC36618">
        <v>17</v>
      </c>
      <c r="AD36618">
        <v>17</v>
      </c>
      <c r="AE36618">
        <v>18</v>
      </c>
      <c r="AF36618">
        <v>18</v>
      </c>
      <c r="AG36618">
        <v>18</v>
      </c>
      <c r="AH36618">
        <v>18</v>
      </c>
      <c r="AI36618">
        <v>18</v>
      </c>
      <c r="AJ36618">
        <v>18</v>
      </c>
      <c r="AK36618">
        <v>18</v>
      </c>
      <c r="AL36618">
        <v>19</v>
      </c>
      <c r="AM36618">
        <v>18</v>
      </c>
      <c r="AN36618">
        <v>18</v>
      </c>
      <c r="AO36618">
        <v>18</v>
      </c>
      <c r="AP36618">
        <v>18</v>
      </c>
      <c r="AQ36618">
        <v>18</v>
      </c>
    </row>
    <row r="36619" spans="1:43">
      <c r="A36619" t="s">
        <v>22701</v>
      </c>
      <c r="B36619" t="s">
        <v>22702</v>
      </c>
      <c r="C36619" t="s">
        <v>22699</v>
      </c>
      <c r="D36619" t="s">
        <v>22700</v>
      </c>
      <c r="E36619" t="s">
        <v>22537</v>
      </c>
      <c r="F36619" t="s">
        <v>22538</v>
      </c>
      <c r="G36619" t="s">
        <v>22539</v>
      </c>
      <c r="H36619" t="s">
        <v>22540</v>
      </c>
      <c r="I36619" s="2">
        <v>0</v>
      </c>
      <c r="J36619" s="2">
        <v>0</v>
      </c>
      <c r="K36619" s="2">
        <v>1</v>
      </c>
      <c r="L36619" t="s">
        <v>995</v>
      </c>
      <c r="M36619" t="s">
        <v>87</v>
      </c>
      <c r="N36619" t="s">
        <v>88</v>
      </c>
      <c r="O36619" t="s">
        <v>85</v>
      </c>
      <c r="P36619" t="s">
        <v>86</v>
      </c>
      <c r="Q36619">
        <v>15</v>
      </c>
      <c r="R36619">
        <v>15</v>
      </c>
      <c r="S36619">
        <v>15</v>
      </c>
      <c r="T36619">
        <v>15</v>
      </c>
      <c r="U36619">
        <v>15</v>
      </c>
      <c r="V36619">
        <v>15</v>
      </c>
      <c r="W36619">
        <v>15</v>
      </c>
      <c r="X36619">
        <v>15</v>
      </c>
      <c r="Y36619">
        <v>15</v>
      </c>
      <c r="Z36619">
        <v>15</v>
      </c>
      <c r="AA36619">
        <v>15</v>
      </c>
      <c r="AB36619">
        <v>16</v>
      </c>
      <c r="AC36619">
        <v>16</v>
      </c>
      <c r="AD36619">
        <v>16</v>
      </c>
      <c r="AE36619">
        <v>16</v>
      </c>
      <c r="AF36619">
        <v>16</v>
      </c>
      <c r="AG36619">
        <v>16</v>
      </c>
      <c r="AH36619">
        <v>16</v>
      </c>
      <c r="AI36619">
        <v>16</v>
      </c>
      <c r="AJ36619">
        <v>16</v>
      </c>
      <c r="AK36619">
        <v>16</v>
      </c>
      <c r="AL36619">
        <v>16</v>
      </c>
      <c r="AM36619">
        <v>16</v>
      </c>
      <c r="AN36619">
        <v>16</v>
      </c>
      <c r="AO36619">
        <v>16</v>
      </c>
      <c r="AP36619">
        <v>16</v>
      </c>
      <c r="AQ36619">
        <v>16</v>
      </c>
    </row>
    <row r="36620" spans="1:43">
      <c r="A36620" t="s">
        <v>22701</v>
      </c>
      <c r="B36620" t="s">
        <v>22702</v>
      </c>
      <c r="C36620" t="s">
        <v>22699</v>
      </c>
      <c r="D36620" t="s">
        <v>22700</v>
      </c>
      <c r="E36620" t="s">
        <v>22537</v>
      </c>
      <c r="F36620" t="s">
        <v>22538</v>
      </c>
      <c r="G36620" t="s">
        <v>22539</v>
      </c>
      <c r="H36620" t="s">
        <v>22540</v>
      </c>
      <c r="I36620" s="2">
        <v>0</v>
      </c>
      <c r="J36620" s="2">
        <v>0</v>
      </c>
      <c r="K36620" s="2">
        <v>1</v>
      </c>
      <c r="L36620" t="s">
        <v>995</v>
      </c>
      <c r="M36620" t="s">
        <v>89</v>
      </c>
      <c r="N36620" t="s">
        <v>90</v>
      </c>
      <c r="O36620" t="s">
        <v>85</v>
      </c>
      <c r="P36620" t="s">
        <v>86</v>
      </c>
      <c r="Q36620">
        <v>15</v>
      </c>
      <c r="R36620">
        <v>16</v>
      </c>
      <c r="S36620">
        <v>16</v>
      </c>
      <c r="T36620">
        <v>16</v>
      </c>
      <c r="U36620">
        <v>17</v>
      </c>
      <c r="V36620">
        <v>17</v>
      </c>
      <c r="W36620">
        <v>17</v>
      </c>
      <c r="X36620">
        <v>17</v>
      </c>
      <c r="Y36620">
        <v>18</v>
      </c>
      <c r="Z36620">
        <v>18</v>
      </c>
      <c r="AA36620">
        <v>18</v>
      </c>
      <c r="AB36620">
        <v>18</v>
      </c>
      <c r="AC36620">
        <v>19</v>
      </c>
      <c r="AD36620">
        <v>19</v>
      </c>
      <c r="AE36620">
        <v>19</v>
      </c>
      <c r="AF36620">
        <v>19</v>
      </c>
      <c r="AG36620">
        <v>19</v>
      </c>
      <c r="AH36620">
        <v>19</v>
      </c>
      <c r="AI36620">
        <v>19</v>
      </c>
      <c r="AJ36620">
        <v>19</v>
      </c>
      <c r="AK36620">
        <v>19</v>
      </c>
      <c r="AL36620">
        <v>19</v>
      </c>
      <c r="AM36620">
        <v>19</v>
      </c>
      <c r="AN36620">
        <v>19</v>
      </c>
      <c r="AO36620">
        <v>19</v>
      </c>
      <c r="AP36620">
        <v>18</v>
      </c>
      <c r="AQ36620">
        <v>18</v>
      </c>
    </row>
    <row r="36621" spans="1:43">
      <c r="A36621" t="s">
        <v>22701</v>
      </c>
      <c r="B36621" t="s">
        <v>22702</v>
      </c>
      <c r="C36621" t="s">
        <v>22699</v>
      </c>
      <c r="D36621" t="s">
        <v>22700</v>
      </c>
      <c r="E36621" t="s">
        <v>22537</v>
      </c>
      <c r="F36621" t="s">
        <v>22538</v>
      </c>
      <c r="G36621" t="s">
        <v>22539</v>
      </c>
      <c r="H36621" t="s">
        <v>22540</v>
      </c>
      <c r="I36621" s="2">
        <v>0</v>
      </c>
      <c r="J36621" s="2">
        <v>0</v>
      </c>
      <c r="K36621" s="2">
        <v>1</v>
      </c>
      <c r="L36621" t="s">
        <v>995</v>
      </c>
      <c r="M36621" t="s">
        <v>83</v>
      </c>
      <c r="N36621" t="s">
        <v>91</v>
      </c>
      <c r="O36621" t="s">
        <v>85</v>
      </c>
      <c r="P36621" t="s">
        <v>86</v>
      </c>
      <c r="Q36621">
        <v>15</v>
      </c>
      <c r="R36621">
        <v>15</v>
      </c>
      <c r="S36621">
        <v>16</v>
      </c>
      <c r="T36621">
        <v>16</v>
      </c>
      <c r="U36621">
        <v>16</v>
      </c>
      <c r="V36621">
        <v>16</v>
      </c>
      <c r="W36621">
        <v>16</v>
      </c>
      <c r="X36621">
        <v>16</v>
      </c>
      <c r="Y36621">
        <v>17</v>
      </c>
      <c r="Z36621">
        <v>17</v>
      </c>
      <c r="AA36621">
        <v>17</v>
      </c>
      <c r="AB36621">
        <v>17</v>
      </c>
      <c r="AC36621">
        <v>17</v>
      </c>
      <c r="AD36621">
        <v>17</v>
      </c>
      <c r="AE36621">
        <v>18</v>
      </c>
      <c r="AF36621">
        <v>18</v>
      </c>
      <c r="AG36621">
        <v>18</v>
      </c>
      <c r="AH36621">
        <v>18</v>
      </c>
      <c r="AI36621">
        <v>18</v>
      </c>
      <c r="AJ36621">
        <v>18</v>
      </c>
      <c r="AK36621">
        <v>18</v>
      </c>
      <c r="AL36621">
        <v>19</v>
      </c>
      <c r="AM36621">
        <v>18</v>
      </c>
      <c r="AN36621">
        <v>18</v>
      </c>
      <c r="AO36621">
        <v>18</v>
      </c>
      <c r="AP36621">
        <v>18</v>
      </c>
      <c r="AQ36621">
        <v>18</v>
      </c>
    </row>
    <row r="36622" spans="1:43">
      <c r="A36622" t="s">
        <v>22703</v>
      </c>
      <c r="B36622" t="s">
        <v>22704</v>
      </c>
      <c r="C36622" t="s">
        <v>22699</v>
      </c>
      <c r="D36622" t="s">
        <v>22700</v>
      </c>
      <c r="E36622" t="s">
        <v>22537</v>
      </c>
      <c r="F36622" t="s">
        <v>22538</v>
      </c>
      <c r="G36622" t="s">
        <v>22539</v>
      </c>
      <c r="H36622" t="s">
        <v>22540</v>
      </c>
      <c r="I36622" s="2">
        <v>0</v>
      </c>
      <c r="J36622" s="2">
        <v>0</v>
      </c>
      <c r="K36622" s="2">
        <v>1</v>
      </c>
      <c r="L36622" t="s">
        <v>995</v>
      </c>
      <c r="M36622" t="s">
        <v>83</v>
      </c>
      <c r="N36622" t="s">
        <v>84</v>
      </c>
      <c r="O36622" t="s">
        <v>85</v>
      </c>
      <c r="P36622" t="s">
        <v>86</v>
      </c>
      <c r="Q36622">
        <v>47</v>
      </c>
      <c r="R36622">
        <v>48</v>
      </c>
      <c r="S36622">
        <v>48</v>
      </c>
      <c r="T36622">
        <v>49</v>
      </c>
      <c r="U36622">
        <v>49</v>
      </c>
      <c r="V36622">
        <v>50</v>
      </c>
      <c r="W36622">
        <v>50</v>
      </c>
      <c r="X36622">
        <v>51</v>
      </c>
      <c r="Y36622">
        <v>52</v>
      </c>
      <c r="Z36622">
        <v>52</v>
      </c>
      <c r="AA36622">
        <v>53</v>
      </c>
      <c r="AB36622">
        <v>53</v>
      </c>
      <c r="AC36622">
        <v>54</v>
      </c>
      <c r="AD36622">
        <v>54</v>
      </c>
      <c r="AE36622">
        <v>55</v>
      </c>
      <c r="AF36622">
        <v>55</v>
      </c>
      <c r="AG36622">
        <v>56</v>
      </c>
      <c r="AH36622">
        <v>56</v>
      </c>
      <c r="AI36622">
        <v>56</v>
      </c>
      <c r="AJ36622">
        <v>57</v>
      </c>
      <c r="AK36622">
        <v>57</v>
      </c>
      <c r="AL36622">
        <v>57</v>
      </c>
      <c r="AM36622">
        <v>57</v>
      </c>
      <c r="AN36622">
        <v>57</v>
      </c>
      <c r="AO36622">
        <v>57</v>
      </c>
      <c r="AP36622">
        <v>57</v>
      </c>
      <c r="AQ36622">
        <v>57</v>
      </c>
    </row>
    <row r="36623" spans="1:43">
      <c r="A36623" t="s">
        <v>22703</v>
      </c>
      <c r="B36623" t="s">
        <v>22704</v>
      </c>
      <c r="C36623" t="s">
        <v>22699</v>
      </c>
      <c r="D36623" t="s">
        <v>22700</v>
      </c>
      <c r="E36623" t="s">
        <v>22537</v>
      </c>
      <c r="F36623" t="s">
        <v>22538</v>
      </c>
      <c r="G36623" t="s">
        <v>22539</v>
      </c>
      <c r="H36623" t="s">
        <v>22540</v>
      </c>
      <c r="I36623" s="2">
        <v>0</v>
      </c>
      <c r="J36623" s="2">
        <v>0</v>
      </c>
      <c r="K36623" s="2">
        <v>1</v>
      </c>
      <c r="L36623" t="s">
        <v>995</v>
      </c>
      <c r="M36623" t="s">
        <v>87</v>
      </c>
      <c r="N36623" t="s">
        <v>88</v>
      </c>
      <c r="O36623" t="s">
        <v>85</v>
      </c>
      <c r="P36623" t="s">
        <v>86</v>
      </c>
      <c r="Q36623">
        <v>47</v>
      </c>
      <c r="R36623">
        <v>48</v>
      </c>
      <c r="S36623">
        <v>48</v>
      </c>
      <c r="T36623">
        <v>48</v>
      </c>
      <c r="U36623">
        <v>48</v>
      </c>
      <c r="V36623">
        <v>48</v>
      </c>
      <c r="W36623">
        <v>48</v>
      </c>
      <c r="X36623">
        <v>49</v>
      </c>
      <c r="Y36623">
        <v>49</v>
      </c>
      <c r="Z36623">
        <v>49</v>
      </c>
      <c r="AA36623">
        <v>49</v>
      </c>
      <c r="AB36623">
        <v>49</v>
      </c>
      <c r="AC36623">
        <v>49</v>
      </c>
      <c r="AD36623">
        <v>49</v>
      </c>
      <c r="AE36623">
        <v>49</v>
      </c>
      <c r="AF36623">
        <v>49</v>
      </c>
      <c r="AG36623">
        <v>50</v>
      </c>
      <c r="AH36623">
        <v>50</v>
      </c>
      <c r="AI36623">
        <v>50</v>
      </c>
      <c r="AJ36623">
        <v>50</v>
      </c>
      <c r="AK36623">
        <v>50</v>
      </c>
      <c r="AL36623">
        <v>50</v>
      </c>
      <c r="AM36623">
        <v>50</v>
      </c>
      <c r="AN36623">
        <v>50</v>
      </c>
      <c r="AO36623">
        <v>50</v>
      </c>
      <c r="AP36623">
        <v>50</v>
      </c>
      <c r="AQ36623">
        <v>50</v>
      </c>
    </row>
    <row r="36624" spans="1:43">
      <c r="A36624" t="s">
        <v>22703</v>
      </c>
      <c r="B36624" t="s">
        <v>22704</v>
      </c>
      <c r="C36624" t="s">
        <v>22699</v>
      </c>
      <c r="D36624" t="s">
        <v>22700</v>
      </c>
      <c r="E36624" t="s">
        <v>22537</v>
      </c>
      <c r="F36624" t="s">
        <v>22538</v>
      </c>
      <c r="G36624" t="s">
        <v>22539</v>
      </c>
      <c r="H36624" t="s">
        <v>22540</v>
      </c>
      <c r="I36624" s="2">
        <v>0</v>
      </c>
      <c r="J36624" s="2">
        <v>0</v>
      </c>
      <c r="K36624" s="2">
        <v>1</v>
      </c>
      <c r="L36624" t="s">
        <v>995</v>
      </c>
      <c r="M36624" t="s">
        <v>89</v>
      </c>
      <c r="N36624" t="s">
        <v>90</v>
      </c>
      <c r="O36624" t="s">
        <v>85</v>
      </c>
      <c r="P36624" t="s">
        <v>86</v>
      </c>
      <c r="Q36624">
        <v>47</v>
      </c>
      <c r="R36624">
        <v>48</v>
      </c>
      <c r="S36624">
        <v>49</v>
      </c>
      <c r="T36624">
        <v>50</v>
      </c>
      <c r="U36624">
        <v>51</v>
      </c>
      <c r="V36624">
        <v>52</v>
      </c>
      <c r="W36624">
        <v>53</v>
      </c>
      <c r="X36624">
        <v>54</v>
      </c>
      <c r="Y36624">
        <v>55</v>
      </c>
      <c r="Z36624">
        <v>55</v>
      </c>
      <c r="AA36624">
        <v>56</v>
      </c>
      <c r="AB36624">
        <v>57</v>
      </c>
      <c r="AC36624">
        <v>57</v>
      </c>
      <c r="AD36624">
        <v>58</v>
      </c>
      <c r="AE36624">
        <v>58</v>
      </c>
      <c r="AF36624">
        <v>58</v>
      </c>
      <c r="AG36624">
        <v>58</v>
      </c>
      <c r="AH36624">
        <v>58</v>
      </c>
      <c r="AI36624">
        <v>58</v>
      </c>
      <c r="AJ36624">
        <v>58</v>
      </c>
      <c r="AK36624">
        <v>58</v>
      </c>
      <c r="AL36624">
        <v>58</v>
      </c>
      <c r="AM36624">
        <v>58</v>
      </c>
      <c r="AN36624">
        <v>57</v>
      </c>
      <c r="AO36624">
        <v>57</v>
      </c>
      <c r="AP36624">
        <v>57</v>
      </c>
      <c r="AQ36624">
        <v>57</v>
      </c>
    </row>
    <row r="36625" spans="1:43">
      <c r="A36625" t="s">
        <v>22703</v>
      </c>
      <c r="B36625" t="s">
        <v>22704</v>
      </c>
      <c r="C36625" t="s">
        <v>22699</v>
      </c>
      <c r="D36625" t="s">
        <v>22700</v>
      </c>
      <c r="E36625" t="s">
        <v>22537</v>
      </c>
      <c r="F36625" t="s">
        <v>22538</v>
      </c>
      <c r="G36625" t="s">
        <v>22539</v>
      </c>
      <c r="H36625" t="s">
        <v>22540</v>
      </c>
      <c r="I36625" s="2">
        <v>0</v>
      </c>
      <c r="J36625" s="2">
        <v>0</v>
      </c>
      <c r="K36625" s="2">
        <v>1</v>
      </c>
      <c r="L36625" t="s">
        <v>995</v>
      </c>
      <c r="M36625" t="s">
        <v>83</v>
      </c>
      <c r="N36625" t="s">
        <v>91</v>
      </c>
      <c r="O36625" t="s">
        <v>85</v>
      </c>
      <c r="P36625" t="s">
        <v>86</v>
      </c>
      <c r="Q36625">
        <v>47</v>
      </c>
      <c r="R36625">
        <v>48</v>
      </c>
      <c r="S36625">
        <v>48</v>
      </c>
      <c r="T36625">
        <v>49</v>
      </c>
      <c r="U36625">
        <v>49</v>
      </c>
      <c r="V36625">
        <v>50</v>
      </c>
      <c r="W36625">
        <v>50</v>
      </c>
      <c r="X36625">
        <v>51</v>
      </c>
      <c r="Y36625">
        <v>52</v>
      </c>
      <c r="Z36625">
        <v>52</v>
      </c>
      <c r="AA36625">
        <v>53</v>
      </c>
      <c r="AB36625">
        <v>53</v>
      </c>
      <c r="AC36625">
        <v>54</v>
      </c>
      <c r="AD36625">
        <v>54</v>
      </c>
      <c r="AE36625">
        <v>55</v>
      </c>
      <c r="AF36625">
        <v>55</v>
      </c>
      <c r="AG36625">
        <v>56</v>
      </c>
      <c r="AH36625">
        <v>56</v>
      </c>
      <c r="AI36625">
        <v>56</v>
      </c>
      <c r="AJ36625">
        <v>57</v>
      </c>
      <c r="AK36625">
        <v>57</v>
      </c>
      <c r="AL36625">
        <v>57</v>
      </c>
      <c r="AM36625">
        <v>57</v>
      </c>
      <c r="AN36625">
        <v>57</v>
      </c>
      <c r="AO36625">
        <v>57</v>
      </c>
      <c r="AP36625">
        <v>57</v>
      </c>
      <c r="AQ36625">
        <v>57</v>
      </c>
    </row>
    <row r="36626" spans="1:43">
      <c r="A36626" t="s">
        <v>22705</v>
      </c>
      <c r="B36626" t="s">
        <v>22706</v>
      </c>
      <c r="C36626" t="s">
        <v>22699</v>
      </c>
      <c r="D36626" t="s">
        <v>22700</v>
      </c>
      <c r="E36626" t="s">
        <v>22537</v>
      </c>
      <c r="F36626" t="s">
        <v>22538</v>
      </c>
      <c r="G36626" t="s">
        <v>22539</v>
      </c>
      <c r="H36626" t="s">
        <v>22540</v>
      </c>
      <c r="I36626" s="2">
        <v>0</v>
      </c>
      <c r="J36626" s="2">
        <v>0</v>
      </c>
      <c r="K36626" s="2">
        <v>1</v>
      </c>
      <c r="L36626" t="s">
        <v>995</v>
      </c>
      <c r="M36626" t="s">
        <v>83</v>
      </c>
      <c r="N36626" t="s">
        <v>84</v>
      </c>
      <c r="O36626" t="s">
        <v>85</v>
      </c>
      <c r="P36626" t="s">
        <v>86</v>
      </c>
      <c r="Q36626">
        <v>9</v>
      </c>
      <c r="R36626">
        <v>9</v>
      </c>
      <c r="S36626">
        <v>9</v>
      </c>
      <c r="T36626">
        <v>9</v>
      </c>
      <c r="U36626">
        <v>9</v>
      </c>
      <c r="V36626">
        <v>10</v>
      </c>
      <c r="W36626">
        <v>10</v>
      </c>
      <c r="X36626">
        <v>10</v>
      </c>
      <c r="Y36626">
        <v>10</v>
      </c>
      <c r="Z36626">
        <v>10</v>
      </c>
      <c r="AA36626">
        <v>10</v>
      </c>
      <c r="AB36626">
        <v>10</v>
      </c>
      <c r="AC36626">
        <v>10</v>
      </c>
      <c r="AD36626">
        <v>10</v>
      </c>
      <c r="AE36626">
        <v>10</v>
      </c>
      <c r="AF36626">
        <v>11</v>
      </c>
      <c r="AG36626">
        <v>11</v>
      </c>
      <c r="AH36626">
        <v>11</v>
      </c>
      <c r="AI36626">
        <v>11</v>
      </c>
      <c r="AJ36626">
        <v>11</v>
      </c>
      <c r="AK36626">
        <v>11</v>
      </c>
      <c r="AL36626">
        <v>11</v>
      </c>
      <c r="AM36626">
        <v>11</v>
      </c>
      <c r="AN36626">
        <v>11</v>
      </c>
      <c r="AO36626">
        <v>11</v>
      </c>
      <c r="AP36626">
        <v>11</v>
      </c>
      <c r="AQ36626">
        <v>11</v>
      </c>
    </row>
    <row r="36627" spans="1:43">
      <c r="A36627" t="s">
        <v>22705</v>
      </c>
      <c r="B36627" t="s">
        <v>22706</v>
      </c>
      <c r="C36627" t="s">
        <v>22699</v>
      </c>
      <c r="D36627" t="s">
        <v>22700</v>
      </c>
      <c r="E36627" t="s">
        <v>22537</v>
      </c>
      <c r="F36627" t="s">
        <v>22538</v>
      </c>
      <c r="G36627" t="s">
        <v>22539</v>
      </c>
      <c r="H36627" t="s">
        <v>22540</v>
      </c>
      <c r="I36627" s="2">
        <v>0</v>
      </c>
      <c r="J36627" s="2">
        <v>0</v>
      </c>
      <c r="K36627" s="2">
        <v>1</v>
      </c>
      <c r="L36627" t="s">
        <v>995</v>
      </c>
      <c r="M36627" t="s">
        <v>87</v>
      </c>
      <c r="N36627" t="s">
        <v>88</v>
      </c>
      <c r="O36627" t="s">
        <v>85</v>
      </c>
      <c r="P36627" t="s">
        <v>86</v>
      </c>
      <c r="Q36627">
        <v>9</v>
      </c>
      <c r="R36627">
        <v>9</v>
      </c>
      <c r="S36627">
        <v>9</v>
      </c>
      <c r="T36627">
        <v>9</v>
      </c>
      <c r="U36627">
        <v>9</v>
      </c>
      <c r="V36627">
        <v>9</v>
      </c>
      <c r="W36627">
        <v>9</v>
      </c>
      <c r="X36627">
        <v>9</v>
      </c>
      <c r="Y36627">
        <v>9</v>
      </c>
      <c r="Z36627">
        <v>9</v>
      </c>
      <c r="AA36627">
        <v>9</v>
      </c>
      <c r="AB36627">
        <v>9</v>
      </c>
      <c r="AC36627">
        <v>9</v>
      </c>
      <c r="AD36627">
        <v>9</v>
      </c>
      <c r="AE36627">
        <v>9</v>
      </c>
      <c r="AF36627">
        <v>9</v>
      </c>
      <c r="AG36627">
        <v>9</v>
      </c>
      <c r="AH36627">
        <v>9</v>
      </c>
      <c r="AI36627">
        <v>9</v>
      </c>
      <c r="AJ36627">
        <v>9</v>
      </c>
      <c r="AK36627">
        <v>9</v>
      </c>
      <c r="AL36627">
        <v>9</v>
      </c>
      <c r="AM36627">
        <v>9</v>
      </c>
      <c r="AN36627">
        <v>9</v>
      </c>
      <c r="AO36627">
        <v>9</v>
      </c>
      <c r="AP36627">
        <v>9</v>
      </c>
      <c r="AQ36627">
        <v>9</v>
      </c>
    </row>
    <row r="36628" spans="1:43">
      <c r="A36628" t="s">
        <v>22705</v>
      </c>
      <c r="B36628" t="s">
        <v>22706</v>
      </c>
      <c r="C36628" t="s">
        <v>22699</v>
      </c>
      <c r="D36628" t="s">
        <v>22700</v>
      </c>
      <c r="E36628" t="s">
        <v>22537</v>
      </c>
      <c r="F36628" t="s">
        <v>22538</v>
      </c>
      <c r="G36628" t="s">
        <v>22539</v>
      </c>
      <c r="H36628" t="s">
        <v>22540</v>
      </c>
      <c r="I36628" s="2">
        <v>0</v>
      </c>
      <c r="J36628" s="2">
        <v>0</v>
      </c>
      <c r="K36628" s="2">
        <v>1</v>
      </c>
      <c r="L36628" t="s">
        <v>995</v>
      </c>
      <c r="M36628" t="s">
        <v>89</v>
      </c>
      <c r="N36628" t="s">
        <v>90</v>
      </c>
      <c r="O36628" t="s">
        <v>85</v>
      </c>
      <c r="P36628" t="s">
        <v>86</v>
      </c>
      <c r="Q36628">
        <v>9</v>
      </c>
      <c r="R36628">
        <v>9</v>
      </c>
      <c r="S36628">
        <v>9</v>
      </c>
      <c r="T36628">
        <v>10</v>
      </c>
      <c r="U36628">
        <v>10</v>
      </c>
      <c r="V36628">
        <v>10</v>
      </c>
      <c r="W36628">
        <v>10</v>
      </c>
      <c r="X36628">
        <v>10</v>
      </c>
      <c r="Y36628">
        <v>10</v>
      </c>
      <c r="Z36628">
        <v>11</v>
      </c>
      <c r="AA36628">
        <v>11</v>
      </c>
      <c r="AB36628">
        <v>11</v>
      </c>
      <c r="AC36628">
        <v>11</v>
      </c>
      <c r="AD36628">
        <v>11</v>
      </c>
      <c r="AE36628">
        <v>11</v>
      </c>
      <c r="AF36628">
        <v>11</v>
      </c>
      <c r="AG36628">
        <v>11</v>
      </c>
      <c r="AH36628">
        <v>11</v>
      </c>
      <c r="AI36628">
        <v>11</v>
      </c>
      <c r="AJ36628">
        <v>11</v>
      </c>
      <c r="AK36628">
        <v>11</v>
      </c>
      <c r="AL36628">
        <v>11</v>
      </c>
      <c r="AM36628">
        <v>11</v>
      </c>
      <c r="AN36628">
        <v>11</v>
      </c>
      <c r="AO36628">
        <v>11</v>
      </c>
      <c r="AP36628">
        <v>11</v>
      </c>
      <c r="AQ36628">
        <v>11</v>
      </c>
    </row>
    <row r="36629" spans="1:43">
      <c r="A36629" t="s">
        <v>22705</v>
      </c>
      <c r="B36629" t="s">
        <v>22706</v>
      </c>
      <c r="C36629" t="s">
        <v>22699</v>
      </c>
      <c r="D36629" t="s">
        <v>22700</v>
      </c>
      <c r="E36629" t="s">
        <v>22537</v>
      </c>
      <c r="F36629" t="s">
        <v>22538</v>
      </c>
      <c r="G36629" t="s">
        <v>22539</v>
      </c>
      <c r="H36629" t="s">
        <v>22540</v>
      </c>
      <c r="I36629" s="2">
        <v>0</v>
      </c>
      <c r="J36629" s="2">
        <v>0</v>
      </c>
      <c r="K36629" s="2">
        <v>1</v>
      </c>
      <c r="L36629" t="s">
        <v>995</v>
      </c>
      <c r="M36629" t="s">
        <v>83</v>
      </c>
      <c r="N36629" t="s">
        <v>91</v>
      </c>
      <c r="O36629" t="s">
        <v>85</v>
      </c>
      <c r="P36629" t="s">
        <v>86</v>
      </c>
      <c r="Q36629">
        <v>9</v>
      </c>
      <c r="R36629">
        <v>9</v>
      </c>
      <c r="S36629">
        <v>9</v>
      </c>
      <c r="T36629">
        <v>9</v>
      </c>
      <c r="U36629">
        <v>9</v>
      </c>
      <c r="V36629">
        <v>10</v>
      </c>
      <c r="W36629">
        <v>10</v>
      </c>
      <c r="X36629">
        <v>10</v>
      </c>
      <c r="Y36629">
        <v>10</v>
      </c>
      <c r="Z36629">
        <v>10</v>
      </c>
      <c r="AA36629">
        <v>10</v>
      </c>
      <c r="AB36629">
        <v>10</v>
      </c>
      <c r="AC36629">
        <v>10</v>
      </c>
      <c r="AD36629">
        <v>10</v>
      </c>
      <c r="AE36629">
        <v>10</v>
      </c>
      <c r="AF36629">
        <v>11</v>
      </c>
      <c r="AG36629">
        <v>11</v>
      </c>
      <c r="AH36629">
        <v>11</v>
      </c>
      <c r="AI36629">
        <v>11</v>
      </c>
      <c r="AJ36629">
        <v>11</v>
      </c>
      <c r="AK36629">
        <v>11</v>
      </c>
      <c r="AL36629">
        <v>11</v>
      </c>
      <c r="AM36629">
        <v>11</v>
      </c>
      <c r="AN36629">
        <v>11</v>
      </c>
      <c r="AO36629">
        <v>11</v>
      </c>
      <c r="AP36629">
        <v>11</v>
      </c>
      <c r="AQ36629">
        <v>11</v>
      </c>
    </row>
    <row r="36630" spans="1:43">
      <c r="A36630" t="s">
        <v>22707</v>
      </c>
      <c r="B36630" t="s">
        <v>22708</v>
      </c>
      <c r="C36630" t="s">
        <v>22683</v>
      </c>
      <c r="D36630" t="s">
        <v>22684</v>
      </c>
      <c r="E36630" t="s">
        <v>22537</v>
      </c>
      <c r="F36630" t="s">
        <v>22538</v>
      </c>
      <c r="G36630" t="s">
        <v>22539</v>
      </c>
      <c r="H36630" t="s">
        <v>22540</v>
      </c>
      <c r="I36630" s="2">
        <v>0</v>
      </c>
      <c r="J36630" s="2">
        <v>0</v>
      </c>
      <c r="K36630" s="2">
        <v>1</v>
      </c>
      <c r="L36630" t="s">
        <v>995</v>
      </c>
      <c r="M36630" t="s">
        <v>83</v>
      </c>
      <c r="N36630" t="s">
        <v>84</v>
      </c>
      <c r="O36630" t="s">
        <v>85</v>
      </c>
      <c r="P36630" t="s">
        <v>86</v>
      </c>
      <c r="Q36630">
        <v>7</v>
      </c>
      <c r="R36630">
        <v>7</v>
      </c>
      <c r="S36630">
        <v>7</v>
      </c>
      <c r="T36630">
        <v>7</v>
      </c>
      <c r="U36630">
        <v>7</v>
      </c>
      <c r="V36630">
        <v>7</v>
      </c>
      <c r="W36630">
        <v>7</v>
      </c>
      <c r="X36630">
        <v>7</v>
      </c>
      <c r="Y36630">
        <v>7</v>
      </c>
      <c r="Z36630">
        <v>7</v>
      </c>
      <c r="AA36630">
        <v>8</v>
      </c>
      <c r="AB36630">
        <v>8</v>
      </c>
      <c r="AC36630">
        <v>8</v>
      </c>
      <c r="AD36630">
        <v>8</v>
      </c>
      <c r="AE36630">
        <v>8</v>
      </c>
      <c r="AF36630">
        <v>8</v>
      </c>
      <c r="AG36630">
        <v>8</v>
      </c>
      <c r="AH36630">
        <v>8</v>
      </c>
      <c r="AI36630">
        <v>8</v>
      </c>
      <c r="AJ36630">
        <v>8</v>
      </c>
      <c r="AK36630">
        <v>8</v>
      </c>
      <c r="AL36630">
        <v>8</v>
      </c>
      <c r="AM36630">
        <v>8</v>
      </c>
      <c r="AN36630">
        <v>8</v>
      </c>
      <c r="AO36630">
        <v>8</v>
      </c>
      <c r="AP36630">
        <v>8</v>
      </c>
      <c r="AQ36630">
        <v>8</v>
      </c>
    </row>
    <row r="36631" spans="1:43">
      <c r="A36631" t="s">
        <v>22707</v>
      </c>
      <c r="B36631" t="s">
        <v>22708</v>
      </c>
      <c r="C36631" t="s">
        <v>22683</v>
      </c>
      <c r="D36631" t="s">
        <v>22684</v>
      </c>
      <c r="E36631" t="s">
        <v>22537</v>
      </c>
      <c r="F36631" t="s">
        <v>22538</v>
      </c>
      <c r="G36631" t="s">
        <v>22539</v>
      </c>
      <c r="H36631" t="s">
        <v>22540</v>
      </c>
      <c r="I36631" s="2">
        <v>0</v>
      </c>
      <c r="J36631" s="2">
        <v>0</v>
      </c>
      <c r="K36631" s="2">
        <v>1</v>
      </c>
      <c r="L36631" t="s">
        <v>995</v>
      </c>
      <c r="M36631" t="s">
        <v>87</v>
      </c>
      <c r="N36631" t="s">
        <v>88</v>
      </c>
      <c r="O36631" t="s">
        <v>85</v>
      </c>
      <c r="P36631" t="s">
        <v>86</v>
      </c>
      <c r="Q36631">
        <v>7</v>
      </c>
      <c r="R36631">
        <v>7</v>
      </c>
      <c r="S36631">
        <v>7</v>
      </c>
      <c r="T36631">
        <v>7</v>
      </c>
      <c r="U36631">
        <v>7</v>
      </c>
      <c r="V36631">
        <v>7</v>
      </c>
      <c r="W36631">
        <v>7</v>
      </c>
      <c r="X36631">
        <v>7</v>
      </c>
      <c r="Y36631">
        <v>7</v>
      </c>
      <c r="Z36631">
        <v>7</v>
      </c>
      <c r="AA36631">
        <v>7</v>
      </c>
      <c r="AB36631">
        <v>7</v>
      </c>
      <c r="AC36631">
        <v>7</v>
      </c>
      <c r="AD36631">
        <v>7</v>
      </c>
      <c r="AE36631">
        <v>7</v>
      </c>
      <c r="AF36631">
        <v>7</v>
      </c>
      <c r="AG36631">
        <v>7</v>
      </c>
      <c r="AH36631">
        <v>7</v>
      </c>
      <c r="AI36631">
        <v>7</v>
      </c>
      <c r="AJ36631">
        <v>7</v>
      </c>
      <c r="AK36631">
        <v>7</v>
      </c>
      <c r="AL36631">
        <v>7</v>
      </c>
      <c r="AM36631">
        <v>7</v>
      </c>
      <c r="AN36631">
        <v>7</v>
      </c>
      <c r="AO36631">
        <v>7</v>
      </c>
      <c r="AP36631">
        <v>7</v>
      </c>
      <c r="AQ36631">
        <v>7</v>
      </c>
    </row>
    <row r="36632" spans="1:43">
      <c r="A36632" t="s">
        <v>22707</v>
      </c>
      <c r="B36632" t="s">
        <v>22708</v>
      </c>
      <c r="C36632" t="s">
        <v>22683</v>
      </c>
      <c r="D36632" t="s">
        <v>22684</v>
      </c>
      <c r="E36632" t="s">
        <v>22537</v>
      </c>
      <c r="F36632" t="s">
        <v>22538</v>
      </c>
      <c r="G36632" t="s">
        <v>22539</v>
      </c>
      <c r="H36632" t="s">
        <v>22540</v>
      </c>
      <c r="I36632" s="2">
        <v>0</v>
      </c>
      <c r="J36632" s="2">
        <v>0</v>
      </c>
      <c r="K36632" s="2">
        <v>1</v>
      </c>
      <c r="L36632" t="s">
        <v>995</v>
      </c>
      <c r="M36632" t="s">
        <v>89</v>
      </c>
      <c r="N36632" t="s">
        <v>90</v>
      </c>
      <c r="O36632" t="s">
        <v>85</v>
      </c>
      <c r="P36632" t="s">
        <v>86</v>
      </c>
      <c r="Q36632">
        <v>7</v>
      </c>
      <c r="R36632">
        <v>7</v>
      </c>
      <c r="S36632">
        <v>7</v>
      </c>
      <c r="T36632">
        <v>7</v>
      </c>
      <c r="U36632">
        <v>7</v>
      </c>
      <c r="V36632">
        <v>7</v>
      </c>
      <c r="W36632">
        <v>8</v>
      </c>
      <c r="X36632">
        <v>8</v>
      </c>
      <c r="Y36632">
        <v>8</v>
      </c>
      <c r="Z36632">
        <v>8</v>
      </c>
      <c r="AA36632">
        <v>8</v>
      </c>
      <c r="AB36632">
        <v>8</v>
      </c>
      <c r="AC36632">
        <v>8</v>
      </c>
      <c r="AD36632">
        <v>8</v>
      </c>
      <c r="AE36632">
        <v>8</v>
      </c>
      <c r="AF36632">
        <v>8</v>
      </c>
      <c r="AG36632">
        <v>8</v>
      </c>
      <c r="AH36632">
        <v>8</v>
      </c>
      <c r="AI36632">
        <v>8</v>
      </c>
      <c r="AJ36632">
        <v>8</v>
      </c>
      <c r="AK36632">
        <v>8</v>
      </c>
      <c r="AL36632">
        <v>8</v>
      </c>
      <c r="AM36632">
        <v>8</v>
      </c>
      <c r="AN36632">
        <v>8</v>
      </c>
      <c r="AO36632">
        <v>8</v>
      </c>
      <c r="AP36632">
        <v>8</v>
      </c>
      <c r="AQ36632">
        <v>8</v>
      </c>
    </row>
    <row r="36633" spans="1:43">
      <c r="A36633" t="s">
        <v>22707</v>
      </c>
      <c r="B36633" t="s">
        <v>22708</v>
      </c>
      <c r="C36633" t="s">
        <v>22683</v>
      </c>
      <c r="D36633" t="s">
        <v>22684</v>
      </c>
      <c r="E36633" t="s">
        <v>22537</v>
      </c>
      <c r="F36633" t="s">
        <v>22538</v>
      </c>
      <c r="G36633" t="s">
        <v>22539</v>
      </c>
      <c r="H36633" t="s">
        <v>22540</v>
      </c>
      <c r="I36633" s="2">
        <v>0</v>
      </c>
      <c r="J36633" s="2">
        <v>0</v>
      </c>
      <c r="K36633" s="2">
        <v>1</v>
      </c>
      <c r="L36633" t="s">
        <v>995</v>
      </c>
      <c r="M36633" t="s">
        <v>83</v>
      </c>
      <c r="N36633" t="s">
        <v>91</v>
      </c>
      <c r="O36633" t="s">
        <v>85</v>
      </c>
      <c r="P36633" t="s">
        <v>86</v>
      </c>
      <c r="Q36633">
        <v>7</v>
      </c>
      <c r="R36633">
        <v>7</v>
      </c>
      <c r="S36633">
        <v>7</v>
      </c>
      <c r="T36633">
        <v>7</v>
      </c>
      <c r="U36633">
        <v>7</v>
      </c>
      <c r="V36633">
        <v>7</v>
      </c>
      <c r="W36633">
        <v>7</v>
      </c>
      <c r="X36633">
        <v>7</v>
      </c>
      <c r="Y36633">
        <v>7</v>
      </c>
      <c r="Z36633">
        <v>7</v>
      </c>
      <c r="AA36633">
        <v>8</v>
      </c>
      <c r="AB36633">
        <v>8</v>
      </c>
      <c r="AC36633">
        <v>8</v>
      </c>
      <c r="AD36633">
        <v>8</v>
      </c>
      <c r="AE36633">
        <v>8</v>
      </c>
      <c r="AF36633">
        <v>8</v>
      </c>
      <c r="AG36633">
        <v>8</v>
      </c>
      <c r="AH36633">
        <v>8</v>
      </c>
      <c r="AI36633">
        <v>8</v>
      </c>
      <c r="AJ36633">
        <v>8</v>
      </c>
      <c r="AK36633">
        <v>8</v>
      </c>
      <c r="AL36633">
        <v>8</v>
      </c>
      <c r="AM36633">
        <v>8</v>
      </c>
      <c r="AN36633">
        <v>8</v>
      </c>
      <c r="AO36633">
        <v>8</v>
      </c>
      <c r="AP36633">
        <v>8</v>
      </c>
      <c r="AQ36633">
        <v>8</v>
      </c>
    </row>
    <row r="36634" spans="1:43">
      <c r="A36634" t="s">
        <v>22709</v>
      </c>
      <c r="B36634" t="s">
        <v>22710</v>
      </c>
      <c r="C36634" t="s">
        <v>22583</v>
      </c>
      <c r="D36634" t="s">
        <v>22584</v>
      </c>
      <c r="E36634" t="s">
        <v>22537</v>
      </c>
      <c r="F36634" t="s">
        <v>22538</v>
      </c>
      <c r="G36634" t="s">
        <v>22539</v>
      </c>
      <c r="H36634" t="s">
        <v>22540</v>
      </c>
      <c r="I36634" s="2">
        <v>0</v>
      </c>
      <c r="J36634" s="2">
        <v>0</v>
      </c>
      <c r="K36634" s="2">
        <v>1</v>
      </c>
      <c r="L36634" t="s">
        <v>995</v>
      </c>
      <c r="M36634" t="s">
        <v>83</v>
      </c>
      <c r="N36634" t="s">
        <v>84</v>
      </c>
      <c r="O36634" t="s">
        <v>85</v>
      </c>
      <c r="P36634" t="s">
        <v>86</v>
      </c>
      <c r="Q36634">
        <v>49</v>
      </c>
      <c r="R36634">
        <v>50</v>
      </c>
      <c r="S36634">
        <v>51</v>
      </c>
      <c r="T36634">
        <v>51</v>
      </c>
      <c r="U36634">
        <v>52</v>
      </c>
      <c r="V36634">
        <v>53</v>
      </c>
      <c r="W36634">
        <v>53</v>
      </c>
      <c r="X36634">
        <v>54</v>
      </c>
      <c r="Y36634">
        <v>55</v>
      </c>
      <c r="Z36634">
        <v>55</v>
      </c>
      <c r="AA36634">
        <v>56</v>
      </c>
      <c r="AB36634">
        <v>56</v>
      </c>
      <c r="AC36634">
        <v>57</v>
      </c>
      <c r="AD36634">
        <v>58</v>
      </c>
      <c r="AE36634">
        <v>58</v>
      </c>
      <c r="AF36634">
        <v>59</v>
      </c>
      <c r="AG36634">
        <v>59</v>
      </c>
      <c r="AH36634">
        <v>60</v>
      </c>
      <c r="AI36634">
        <v>60</v>
      </c>
      <c r="AJ36634">
        <v>61</v>
      </c>
      <c r="AK36634">
        <v>61</v>
      </c>
      <c r="AL36634">
        <v>61</v>
      </c>
      <c r="AM36634">
        <v>61</v>
      </c>
      <c r="AN36634">
        <v>61</v>
      </c>
      <c r="AO36634">
        <v>61</v>
      </c>
      <c r="AP36634">
        <v>61</v>
      </c>
      <c r="AQ36634">
        <v>61</v>
      </c>
    </row>
    <row r="36635" spans="1:43">
      <c r="A36635" t="s">
        <v>22709</v>
      </c>
      <c r="B36635" t="s">
        <v>22710</v>
      </c>
      <c r="C36635" t="s">
        <v>22583</v>
      </c>
      <c r="D36635" t="s">
        <v>22584</v>
      </c>
      <c r="E36635" t="s">
        <v>22537</v>
      </c>
      <c r="F36635" t="s">
        <v>22538</v>
      </c>
      <c r="G36635" t="s">
        <v>22539</v>
      </c>
      <c r="H36635" t="s">
        <v>22540</v>
      </c>
      <c r="I36635" s="2">
        <v>0</v>
      </c>
      <c r="J36635" s="2">
        <v>0</v>
      </c>
      <c r="K36635" s="2">
        <v>1</v>
      </c>
      <c r="L36635" t="s">
        <v>995</v>
      </c>
      <c r="M36635" t="s">
        <v>87</v>
      </c>
      <c r="N36635" t="s">
        <v>88</v>
      </c>
      <c r="O36635" t="s">
        <v>85</v>
      </c>
      <c r="P36635" t="s">
        <v>86</v>
      </c>
      <c r="Q36635">
        <v>49</v>
      </c>
      <c r="R36635">
        <v>49</v>
      </c>
      <c r="S36635">
        <v>49</v>
      </c>
      <c r="T36635">
        <v>50</v>
      </c>
      <c r="U36635">
        <v>50</v>
      </c>
      <c r="V36635">
        <v>50</v>
      </c>
      <c r="W36635">
        <v>50</v>
      </c>
      <c r="X36635">
        <v>50</v>
      </c>
      <c r="Y36635">
        <v>50</v>
      </c>
      <c r="Z36635">
        <v>51</v>
      </c>
      <c r="AA36635">
        <v>51</v>
      </c>
      <c r="AB36635">
        <v>51</v>
      </c>
      <c r="AC36635">
        <v>51</v>
      </c>
      <c r="AD36635">
        <v>51</v>
      </c>
      <c r="AE36635">
        <v>51</v>
      </c>
      <c r="AF36635">
        <v>52</v>
      </c>
      <c r="AG36635">
        <v>52</v>
      </c>
      <c r="AH36635">
        <v>52</v>
      </c>
      <c r="AI36635">
        <v>52</v>
      </c>
      <c r="AJ36635">
        <v>52</v>
      </c>
      <c r="AK36635">
        <v>52</v>
      </c>
      <c r="AL36635">
        <v>52</v>
      </c>
      <c r="AM36635">
        <v>52</v>
      </c>
      <c r="AN36635">
        <v>53</v>
      </c>
      <c r="AO36635">
        <v>53</v>
      </c>
      <c r="AP36635">
        <v>53</v>
      </c>
      <c r="AQ36635">
        <v>53</v>
      </c>
    </row>
    <row r="36636" spans="1:43">
      <c r="A36636" t="s">
        <v>22709</v>
      </c>
      <c r="B36636" t="s">
        <v>22710</v>
      </c>
      <c r="C36636" t="s">
        <v>22583</v>
      </c>
      <c r="D36636" t="s">
        <v>22584</v>
      </c>
      <c r="E36636" t="s">
        <v>22537</v>
      </c>
      <c r="F36636" t="s">
        <v>22538</v>
      </c>
      <c r="G36636" t="s">
        <v>22539</v>
      </c>
      <c r="H36636" t="s">
        <v>22540</v>
      </c>
      <c r="I36636" s="2">
        <v>0</v>
      </c>
      <c r="J36636" s="2">
        <v>0</v>
      </c>
      <c r="K36636" s="2">
        <v>1</v>
      </c>
      <c r="L36636" t="s">
        <v>995</v>
      </c>
      <c r="M36636" t="s">
        <v>89</v>
      </c>
      <c r="N36636" t="s">
        <v>90</v>
      </c>
      <c r="O36636" t="s">
        <v>85</v>
      </c>
      <c r="P36636" t="s">
        <v>86</v>
      </c>
      <c r="Q36636">
        <v>49</v>
      </c>
      <c r="R36636">
        <v>50</v>
      </c>
      <c r="S36636">
        <v>51</v>
      </c>
      <c r="T36636">
        <v>52</v>
      </c>
      <c r="U36636">
        <v>53</v>
      </c>
      <c r="V36636">
        <v>54</v>
      </c>
      <c r="W36636">
        <v>55</v>
      </c>
      <c r="X36636">
        <v>56</v>
      </c>
      <c r="Y36636">
        <v>57</v>
      </c>
      <c r="Z36636">
        <v>58</v>
      </c>
      <c r="AA36636">
        <v>58</v>
      </c>
      <c r="AB36636">
        <v>59</v>
      </c>
      <c r="AC36636">
        <v>60</v>
      </c>
      <c r="AD36636">
        <v>61</v>
      </c>
      <c r="AE36636">
        <v>61</v>
      </c>
      <c r="AF36636">
        <v>61</v>
      </c>
      <c r="AG36636">
        <v>61</v>
      </c>
      <c r="AH36636">
        <v>61</v>
      </c>
      <c r="AI36636">
        <v>61</v>
      </c>
      <c r="AJ36636">
        <v>61</v>
      </c>
      <c r="AK36636">
        <v>61</v>
      </c>
      <c r="AL36636">
        <v>61</v>
      </c>
      <c r="AM36636">
        <v>61</v>
      </c>
      <c r="AN36636">
        <v>61</v>
      </c>
      <c r="AO36636">
        <v>61</v>
      </c>
      <c r="AP36636">
        <v>61</v>
      </c>
      <c r="AQ36636">
        <v>61</v>
      </c>
    </row>
    <row r="36637" spans="1:43">
      <c r="A36637" t="s">
        <v>22709</v>
      </c>
      <c r="B36637" t="s">
        <v>22710</v>
      </c>
      <c r="C36637" t="s">
        <v>22583</v>
      </c>
      <c r="D36637" t="s">
        <v>22584</v>
      </c>
      <c r="E36637" t="s">
        <v>22537</v>
      </c>
      <c r="F36637" t="s">
        <v>22538</v>
      </c>
      <c r="G36637" t="s">
        <v>22539</v>
      </c>
      <c r="H36637" t="s">
        <v>22540</v>
      </c>
      <c r="I36637" s="2">
        <v>0</v>
      </c>
      <c r="J36637" s="2">
        <v>0</v>
      </c>
      <c r="K36637" s="2">
        <v>1</v>
      </c>
      <c r="L36637" t="s">
        <v>995</v>
      </c>
      <c r="M36637" t="s">
        <v>83</v>
      </c>
      <c r="N36637" t="s">
        <v>91</v>
      </c>
      <c r="O36637" t="s">
        <v>85</v>
      </c>
      <c r="P36637" t="s">
        <v>86</v>
      </c>
      <c r="Q36637">
        <v>49</v>
      </c>
      <c r="R36637">
        <v>50</v>
      </c>
      <c r="S36637">
        <v>51</v>
      </c>
      <c r="T36637">
        <v>51</v>
      </c>
      <c r="U36637">
        <v>52</v>
      </c>
      <c r="V36637">
        <v>53</v>
      </c>
      <c r="W36637">
        <v>53</v>
      </c>
      <c r="X36637">
        <v>54</v>
      </c>
      <c r="Y36637">
        <v>55</v>
      </c>
      <c r="Z36637">
        <v>55</v>
      </c>
      <c r="AA36637">
        <v>56</v>
      </c>
      <c r="AB36637">
        <v>56</v>
      </c>
      <c r="AC36637">
        <v>57</v>
      </c>
      <c r="AD36637">
        <v>58</v>
      </c>
      <c r="AE36637">
        <v>58</v>
      </c>
      <c r="AF36637">
        <v>59</v>
      </c>
      <c r="AG36637">
        <v>59</v>
      </c>
      <c r="AH36637">
        <v>60</v>
      </c>
      <c r="AI36637">
        <v>60</v>
      </c>
      <c r="AJ36637">
        <v>61</v>
      </c>
      <c r="AK36637">
        <v>61</v>
      </c>
      <c r="AL36637">
        <v>61</v>
      </c>
      <c r="AM36637">
        <v>61</v>
      </c>
      <c r="AN36637">
        <v>61</v>
      </c>
      <c r="AO36637">
        <v>61</v>
      </c>
      <c r="AP36637">
        <v>61</v>
      </c>
      <c r="AQ36637">
        <v>61</v>
      </c>
    </row>
    <row r="36638" spans="1:43">
      <c r="A36638" t="s">
        <v>22711</v>
      </c>
      <c r="B36638" t="s">
        <v>22712</v>
      </c>
      <c r="C36638" t="s">
        <v>22583</v>
      </c>
      <c r="D36638" t="s">
        <v>22584</v>
      </c>
      <c r="E36638" t="s">
        <v>22537</v>
      </c>
      <c r="F36638" t="s">
        <v>22538</v>
      </c>
      <c r="G36638" t="s">
        <v>22539</v>
      </c>
      <c r="H36638" t="s">
        <v>22540</v>
      </c>
      <c r="I36638" s="2">
        <v>0</v>
      </c>
      <c r="J36638" s="2">
        <v>0</v>
      </c>
      <c r="K36638" s="2">
        <v>1</v>
      </c>
      <c r="L36638" t="s">
        <v>995</v>
      </c>
      <c r="M36638" t="s">
        <v>83</v>
      </c>
      <c r="N36638" t="s">
        <v>84</v>
      </c>
      <c r="O36638" t="s">
        <v>85</v>
      </c>
      <c r="P36638" t="s">
        <v>86</v>
      </c>
      <c r="Q36638">
        <v>21</v>
      </c>
      <c r="R36638">
        <v>21</v>
      </c>
      <c r="S36638">
        <v>22</v>
      </c>
      <c r="T36638">
        <v>22</v>
      </c>
      <c r="U36638">
        <v>22</v>
      </c>
      <c r="V36638">
        <v>22</v>
      </c>
      <c r="W36638">
        <v>23</v>
      </c>
      <c r="X36638">
        <v>23</v>
      </c>
      <c r="Y36638">
        <v>23</v>
      </c>
      <c r="Z36638">
        <v>23</v>
      </c>
      <c r="AA36638">
        <v>24</v>
      </c>
      <c r="AB36638">
        <v>24</v>
      </c>
      <c r="AC36638">
        <v>24</v>
      </c>
      <c r="AD36638">
        <v>24</v>
      </c>
      <c r="AE36638">
        <v>25</v>
      </c>
      <c r="AF36638">
        <v>25</v>
      </c>
      <c r="AG36638">
        <v>25</v>
      </c>
      <c r="AH36638">
        <v>25</v>
      </c>
      <c r="AI36638">
        <v>25</v>
      </c>
      <c r="AJ36638">
        <v>26</v>
      </c>
      <c r="AK36638">
        <v>26</v>
      </c>
      <c r="AL36638">
        <v>26</v>
      </c>
      <c r="AM36638">
        <v>26</v>
      </c>
      <c r="AN36638">
        <v>26</v>
      </c>
      <c r="AO36638">
        <v>26</v>
      </c>
      <c r="AP36638">
        <v>26</v>
      </c>
      <c r="AQ36638">
        <v>26</v>
      </c>
    </row>
    <row r="36639" spans="1:43">
      <c r="A36639" t="s">
        <v>22711</v>
      </c>
      <c r="B36639" t="s">
        <v>22712</v>
      </c>
      <c r="C36639" t="s">
        <v>22583</v>
      </c>
      <c r="D36639" t="s">
        <v>22584</v>
      </c>
      <c r="E36639" t="s">
        <v>22537</v>
      </c>
      <c r="F36639" t="s">
        <v>22538</v>
      </c>
      <c r="G36639" t="s">
        <v>22539</v>
      </c>
      <c r="H36639" t="s">
        <v>22540</v>
      </c>
      <c r="I36639" s="2">
        <v>0</v>
      </c>
      <c r="J36639" s="2">
        <v>0</v>
      </c>
      <c r="K36639" s="2">
        <v>1</v>
      </c>
      <c r="L36639" t="s">
        <v>995</v>
      </c>
      <c r="M36639" t="s">
        <v>87</v>
      </c>
      <c r="N36639" t="s">
        <v>88</v>
      </c>
      <c r="O36639" t="s">
        <v>85</v>
      </c>
      <c r="P36639" t="s">
        <v>86</v>
      </c>
      <c r="Q36639">
        <v>21</v>
      </c>
      <c r="R36639">
        <v>21</v>
      </c>
      <c r="S36639">
        <v>21</v>
      </c>
      <c r="T36639">
        <v>21</v>
      </c>
      <c r="U36639">
        <v>21</v>
      </c>
      <c r="V36639">
        <v>21</v>
      </c>
      <c r="W36639">
        <v>21</v>
      </c>
      <c r="X36639">
        <v>21</v>
      </c>
      <c r="Y36639">
        <v>21</v>
      </c>
      <c r="Z36639">
        <v>21</v>
      </c>
      <c r="AA36639">
        <v>21</v>
      </c>
      <c r="AB36639">
        <v>22</v>
      </c>
      <c r="AC36639">
        <v>22</v>
      </c>
      <c r="AD36639">
        <v>22</v>
      </c>
      <c r="AE36639">
        <v>22</v>
      </c>
      <c r="AF36639">
        <v>22</v>
      </c>
      <c r="AG36639">
        <v>22</v>
      </c>
      <c r="AH36639">
        <v>22</v>
      </c>
      <c r="AI36639">
        <v>22</v>
      </c>
      <c r="AJ36639">
        <v>22</v>
      </c>
      <c r="AK36639">
        <v>22</v>
      </c>
      <c r="AL36639">
        <v>22</v>
      </c>
      <c r="AM36639">
        <v>22</v>
      </c>
      <c r="AN36639">
        <v>22</v>
      </c>
      <c r="AO36639">
        <v>22</v>
      </c>
      <c r="AP36639">
        <v>22</v>
      </c>
      <c r="AQ36639">
        <v>22</v>
      </c>
    </row>
    <row r="36640" spans="1:43">
      <c r="A36640" t="s">
        <v>22711</v>
      </c>
      <c r="B36640" t="s">
        <v>22712</v>
      </c>
      <c r="C36640" t="s">
        <v>22583</v>
      </c>
      <c r="D36640" t="s">
        <v>22584</v>
      </c>
      <c r="E36640" t="s">
        <v>22537</v>
      </c>
      <c r="F36640" t="s">
        <v>22538</v>
      </c>
      <c r="G36640" t="s">
        <v>22539</v>
      </c>
      <c r="H36640" t="s">
        <v>22540</v>
      </c>
      <c r="I36640" s="2">
        <v>0</v>
      </c>
      <c r="J36640" s="2">
        <v>0</v>
      </c>
      <c r="K36640" s="2">
        <v>1</v>
      </c>
      <c r="L36640" t="s">
        <v>995</v>
      </c>
      <c r="M36640" t="s">
        <v>89</v>
      </c>
      <c r="N36640" t="s">
        <v>90</v>
      </c>
      <c r="O36640" t="s">
        <v>85</v>
      </c>
      <c r="P36640" t="s">
        <v>86</v>
      </c>
      <c r="Q36640">
        <v>21</v>
      </c>
      <c r="R36640">
        <v>22</v>
      </c>
      <c r="S36640">
        <v>22</v>
      </c>
      <c r="T36640">
        <v>22</v>
      </c>
      <c r="U36640">
        <v>23</v>
      </c>
      <c r="V36640">
        <v>23</v>
      </c>
      <c r="W36640">
        <v>24</v>
      </c>
      <c r="X36640">
        <v>24</v>
      </c>
      <c r="Y36640">
        <v>24</v>
      </c>
      <c r="Z36640">
        <v>25</v>
      </c>
      <c r="AA36640">
        <v>25</v>
      </c>
      <c r="AB36640">
        <v>25</v>
      </c>
      <c r="AC36640">
        <v>26</v>
      </c>
      <c r="AD36640">
        <v>26</v>
      </c>
      <c r="AE36640">
        <v>26</v>
      </c>
      <c r="AF36640">
        <v>26</v>
      </c>
      <c r="AG36640">
        <v>26</v>
      </c>
      <c r="AH36640">
        <v>26</v>
      </c>
      <c r="AI36640">
        <v>26</v>
      </c>
      <c r="AJ36640">
        <v>26</v>
      </c>
      <c r="AK36640">
        <v>26</v>
      </c>
      <c r="AL36640">
        <v>26</v>
      </c>
      <c r="AM36640">
        <v>26</v>
      </c>
      <c r="AN36640">
        <v>26</v>
      </c>
      <c r="AO36640">
        <v>26</v>
      </c>
      <c r="AP36640">
        <v>26</v>
      </c>
      <c r="AQ36640">
        <v>26</v>
      </c>
    </row>
    <row r="36641" spans="1:43">
      <c r="A36641" t="s">
        <v>22711</v>
      </c>
      <c r="B36641" t="s">
        <v>22712</v>
      </c>
      <c r="C36641" t="s">
        <v>22583</v>
      </c>
      <c r="D36641" t="s">
        <v>22584</v>
      </c>
      <c r="E36641" t="s">
        <v>22537</v>
      </c>
      <c r="F36641" t="s">
        <v>22538</v>
      </c>
      <c r="G36641" t="s">
        <v>22539</v>
      </c>
      <c r="H36641" t="s">
        <v>22540</v>
      </c>
      <c r="I36641" s="2">
        <v>0</v>
      </c>
      <c r="J36641" s="2">
        <v>0</v>
      </c>
      <c r="K36641" s="2">
        <v>1</v>
      </c>
      <c r="L36641" t="s">
        <v>995</v>
      </c>
      <c r="M36641" t="s">
        <v>83</v>
      </c>
      <c r="N36641" t="s">
        <v>91</v>
      </c>
      <c r="O36641" t="s">
        <v>85</v>
      </c>
      <c r="P36641" t="s">
        <v>86</v>
      </c>
      <c r="Q36641">
        <v>21</v>
      </c>
      <c r="R36641">
        <v>21</v>
      </c>
      <c r="S36641">
        <v>22</v>
      </c>
      <c r="T36641">
        <v>22</v>
      </c>
      <c r="U36641">
        <v>22</v>
      </c>
      <c r="V36641">
        <v>22</v>
      </c>
      <c r="W36641">
        <v>23</v>
      </c>
      <c r="X36641">
        <v>23</v>
      </c>
      <c r="Y36641">
        <v>23</v>
      </c>
      <c r="Z36641">
        <v>23</v>
      </c>
      <c r="AA36641">
        <v>24</v>
      </c>
      <c r="AB36641">
        <v>24</v>
      </c>
      <c r="AC36641">
        <v>24</v>
      </c>
      <c r="AD36641">
        <v>24</v>
      </c>
      <c r="AE36641">
        <v>25</v>
      </c>
      <c r="AF36641">
        <v>25</v>
      </c>
      <c r="AG36641">
        <v>25</v>
      </c>
      <c r="AH36641">
        <v>25</v>
      </c>
      <c r="AI36641">
        <v>25</v>
      </c>
      <c r="AJ36641">
        <v>26</v>
      </c>
      <c r="AK36641">
        <v>26</v>
      </c>
      <c r="AL36641">
        <v>26</v>
      </c>
      <c r="AM36641">
        <v>26</v>
      </c>
      <c r="AN36641">
        <v>26</v>
      </c>
      <c r="AO36641">
        <v>26</v>
      </c>
      <c r="AP36641">
        <v>26</v>
      </c>
      <c r="AQ36641">
        <v>26</v>
      </c>
    </row>
    <row r="36642" spans="1:43">
      <c r="A36642" t="s">
        <v>22713</v>
      </c>
      <c r="B36642" t="s">
        <v>22714</v>
      </c>
      <c r="C36642" t="s">
        <v>22683</v>
      </c>
      <c r="D36642" t="s">
        <v>22684</v>
      </c>
      <c r="E36642" t="s">
        <v>22537</v>
      </c>
      <c r="F36642" t="s">
        <v>22538</v>
      </c>
      <c r="G36642" t="s">
        <v>22539</v>
      </c>
      <c r="H36642" t="s">
        <v>22540</v>
      </c>
      <c r="I36642" s="2">
        <v>0</v>
      </c>
      <c r="J36642" s="2">
        <v>0</v>
      </c>
      <c r="K36642" s="2">
        <v>1</v>
      </c>
      <c r="L36642" t="s">
        <v>995</v>
      </c>
      <c r="M36642" t="s">
        <v>83</v>
      </c>
      <c r="N36642" t="s">
        <v>84</v>
      </c>
      <c r="O36642" t="s">
        <v>85</v>
      </c>
      <c r="P36642" t="s">
        <v>86</v>
      </c>
      <c r="Q36642">
        <v>24</v>
      </c>
      <c r="R36642">
        <v>24</v>
      </c>
      <c r="S36642">
        <v>24</v>
      </c>
      <c r="T36642">
        <v>25</v>
      </c>
      <c r="U36642">
        <v>25</v>
      </c>
      <c r="V36642">
        <v>25</v>
      </c>
      <c r="W36642">
        <v>25</v>
      </c>
      <c r="X36642">
        <v>26</v>
      </c>
      <c r="Y36642">
        <v>26</v>
      </c>
      <c r="Z36642">
        <v>26</v>
      </c>
      <c r="AA36642">
        <v>27</v>
      </c>
      <c r="AB36642">
        <v>27</v>
      </c>
      <c r="AC36642">
        <v>27</v>
      </c>
      <c r="AD36642">
        <v>27</v>
      </c>
      <c r="AE36642">
        <v>28</v>
      </c>
      <c r="AF36642">
        <v>28</v>
      </c>
      <c r="AG36642">
        <v>28</v>
      </c>
      <c r="AH36642">
        <v>28</v>
      </c>
      <c r="AI36642">
        <v>28</v>
      </c>
      <c r="AJ36642">
        <v>29</v>
      </c>
      <c r="AK36642">
        <v>29</v>
      </c>
      <c r="AL36642">
        <v>29</v>
      </c>
      <c r="AM36642">
        <v>29</v>
      </c>
      <c r="AN36642">
        <v>29</v>
      </c>
      <c r="AO36642">
        <v>29</v>
      </c>
      <c r="AP36642">
        <v>29</v>
      </c>
      <c r="AQ36642">
        <v>29</v>
      </c>
    </row>
    <row r="36643" spans="1:43">
      <c r="A36643" t="s">
        <v>22713</v>
      </c>
      <c r="B36643" t="s">
        <v>22714</v>
      </c>
      <c r="C36643" t="s">
        <v>22683</v>
      </c>
      <c r="D36643" t="s">
        <v>22684</v>
      </c>
      <c r="E36643" t="s">
        <v>22537</v>
      </c>
      <c r="F36643" t="s">
        <v>22538</v>
      </c>
      <c r="G36643" t="s">
        <v>22539</v>
      </c>
      <c r="H36643" t="s">
        <v>22540</v>
      </c>
      <c r="I36643" s="2">
        <v>0</v>
      </c>
      <c r="J36643" s="2">
        <v>0</v>
      </c>
      <c r="K36643" s="2">
        <v>1</v>
      </c>
      <c r="L36643" t="s">
        <v>995</v>
      </c>
      <c r="M36643" t="s">
        <v>87</v>
      </c>
      <c r="N36643" t="s">
        <v>88</v>
      </c>
      <c r="O36643" t="s">
        <v>85</v>
      </c>
      <c r="P36643" t="s">
        <v>86</v>
      </c>
      <c r="Q36643">
        <v>24</v>
      </c>
      <c r="R36643">
        <v>24</v>
      </c>
      <c r="S36643">
        <v>25</v>
      </c>
      <c r="T36643">
        <v>25</v>
      </c>
      <c r="U36643">
        <v>25</v>
      </c>
      <c r="V36643">
        <v>25</v>
      </c>
      <c r="W36643">
        <v>25</v>
      </c>
      <c r="X36643">
        <v>25</v>
      </c>
      <c r="Y36643">
        <v>25</v>
      </c>
      <c r="Z36643">
        <v>25</v>
      </c>
      <c r="AA36643">
        <v>25</v>
      </c>
      <c r="AB36643">
        <v>25</v>
      </c>
      <c r="AC36643">
        <v>25</v>
      </c>
      <c r="AD36643">
        <v>25</v>
      </c>
      <c r="AE36643">
        <v>25</v>
      </c>
      <c r="AF36643">
        <v>25</v>
      </c>
      <c r="AG36643">
        <v>26</v>
      </c>
      <c r="AH36643">
        <v>26</v>
      </c>
      <c r="AI36643">
        <v>26</v>
      </c>
      <c r="AJ36643">
        <v>26</v>
      </c>
      <c r="AK36643">
        <v>26</v>
      </c>
      <c r="AL36643">
        <v>26</v>
      </c>
      <c r="AM36643">
        <v>26</v>
      </c>
      <c r="AN36643">
        <v>26</v>
      </c>
      <c r="AO36643">
        <v>26</v>
      </c>
      <c r="AP36643">
        <v>26</v>
      </c>
      <c r="AQ36643">
        <v>26</v>
      </c>
    </row>
    <row r="36644" spans="1:43">
      <c r="A36644" t="s">
        <v>22713</v>
      </c>
      <c r="B36644" t="s">
        <v>22714</v>
      </c>
      <c r="C36644" t="s">
        <v>22683</v>
      </c>
      <c r="D36644" t="s">
        <v>22684</v>
      </c>
      <c r="E36644" t="s">
        <v>22537</v>
      </c>
      <c r="F36644" t="s">
        <v>22538</v>
      </c>
      <c r="G36644" t="s">
        <v>22539</v>
      </c>
      <c r="H36644" t="s">
        <v>22540</v>
      </c>
      <c r="I36644" s="2">
        <v>0</v>
      </c>
      <c r="J36644" s="2">
        <v>0</v>
      </c>
      <c r="K36644" s="2">
        <v>1</v>
      </c>
      <c r="L36644" t="s">
        <v>995</v>
      </c>
      <c r="M36644" t="s">
        <v>89</v>
      </c>
      <c r="N36644" t="s">
        <v>90</v>
      </c>
      <c r="O36644" t="s">
        <v>85</v>
      </c>
      <c r="P36644" t="s">
        <v>86</v>
      </c>
      <c r="Q36644">
        <v>24</v>
      </c>
      <c r="R36644">
        <v>24</v>
      </c>
      <c r="S36644">
        <v>25</v>
      </c>
      <c r="T36644">
        <v>25</v>
      </c>
      <c r="U36644">
        <v>26</v>
      </c>
      <c r="V36644">
        <v>26</v>
      </c>
      <c r="W36644">
        <v>27</v>
      </c>
      <c r="X36644">
        <v>27</v>
      </c>
      <c r="Y36644">
        <v>28</v>
      </c>
      <c r="Z36644">
        <v>28</v>
      </c>
      <c r="AA36644">
        <v>28</v>
      </c>
      <c r="AB36644">
        <v>29</v>
      </c>
      <c r="AC36644">
        <v>29</v>
      </c>
      <c r="AD36644">
        <v>29</v>
      </c>
      <c r="AE36644">
        <v>29</v>
      </c>
      <c r="AF36644">
        <v>29</v>
      </c>
      <c r="AG36644">
        <v>29</v>
      </c>
      <c r="AH36644">
        <v>29</v>
      </c>
      <c r="AI36644">
        <v>29</v>
      </c>
      <c r="AJ36644">
        <v>29</v>
      </c>
      <c r="AK36644">
        <v>29</v>
      </c>
      <c r="AL36644">
        <v>29</v>
      </c>
      <c r="AM36644">
        <v>29</v>
      </c>
      <c r="AN36644">
        <v>29</v>
      </c>
      <c r="AO36644">
        <v>29</v>
      </c>
      <c r="AP36644">
        <v>29</v>
      </c>
      <c r="AQ36644">
        <v>29</v>
      </c>
    </row>
    <row r="36645" spans="1:43">
      <c r="A36645" t="s">
        <v>22713</v>
      </c>
      <c r="B36645" t="s">
        <v>22714</v>
      </c>
      <c r="C36645" t="s">
        <v>22683</v>
      </c>
      <c r="D36645" t="s">
        <v>22684</v>
      </c>
      <c r="E36645" t="s">
        <v>22537</v>
      </c>
      <c r="F36645" t="s">
        <v>22538</v>
      </c>
      <c r="G36645" t="s">
        <v>22539</v>
      </c>
      <c r="H36645" t="s">
        <v>22540</v>
      </c>
      <c r="I36645" s="2">
        <v>0</v>
      </c>
      <c r="J36645" s="2">
        <v>0</v>
      </c>
      <c r="K36645" s="2">
        <v>1</v>
      </c>
      <c r="L36645" t="s">
        <v>995</v>
      </c>
      <c r="M36645" t="s">
        <v>83</v>
      </c>
      <c r="N36645" t="s">
        <v>91</v>
      </c>
      <c r="O36645" t="s">
        <v>85</v>
      </c>
      <c r="P36645" t="s">
        <v>86</v>
      </c>
      <c r="Q36645">
        <v>24</v>
      </c>
      <c r="R36645">
        <v>24</v>
      </c>
      <c r="S36645">
        <v>24</v>
      </c>
      <c r="T36645">
        <v>25</v>
      </c>
      <c r="U36645">
        <v>25</v>
      </c>
      <c r="V36645">
        <v>25</v>
      </c>
      <c r="W36645">
        <v>25</v>
      </c>
      <c r="X36645">
        <v>26</v>
      </c>
      <c r="Y36645">
        <v>26</v>
      </c>
      <c r="Z36645">
        <v>26</v>
      </c>
      <c r="AA36645">
        <v>27</v>
      </c>
      <c r="AB36645">
        <v>27</v>
      </c>
      <c r="AC36645">
        <v>27</v>
      </c>
      <c r="AD36645">
        <v>27</v>
      </c>
      <c r="AE36645">
        <v>28</v>
      </c>
      <c r="AF36645">
        <v>28</v>
      </c>
      <c r="AG36645">
        <v>28</v>
      </c>
      <c r="AH36645">
        <v>28</v>
      </c>
      <c r="AI36645">
        <v>28</v>
      </c>
      <c r="AJ36645">
        <v>29</v>
      </c>
      <c r="AK36645">
        <v>29</v>
      </c>
      <c r="AL36645">
        <v>29</v>
      </c>
      <c r="AM36645">
        <v>29</v>
      </c>
      <c r="AN36645">
        <v>29</v>
      </c>
      <c r="AO36645">
        <v>29</v>
      </c>
      <c r="AP36645">
        <v>29</v>
      </c>
      <c r="AQ36645">
        <v>29</v>
      </c>
    </row>
    <row r="36646" spans="1:43">
      <c r="A36646" t="s">
        <v>22715</v>
      </c>
      <c r="B36646" t="s">
        <v>22716</v>
      </c>
      <c r="C36646" t="s">
        <v>22597</v>
      </c>
      <c r="D36646" t="s">
        <v>22598</v>
      </c>
      <c r="E36646" t="s">
        <v>22537</v>
      </c>
      <c r="F36646" t="s">
        <v>22538</v>
      </c>
      <c r="G36646" t="s">
        <v>22539</v>
      </c>
      <c r="H36646" t="s">
        <v>22540</v>
      </c>
      <c r="I36646" s="2">
        <v>0</v>
      </c>
      <c r="J36646" s="2">
        <v>0</v>
      </c>
      <c r="K36646" s="2">
        <v>1</v>
      </c>
      <c r="L36646" t="s">
        <v>995</v>
      </c>
      <c r="M36646" t="s">
        <v>83</v>
      </c>
      <c r="N36646" t="s">
        <v>84</v>
      </c>
      <c r="O36646" t="s">
        <v>85</v>
      </c>
      <c r="P36646" t="s">
        <v>86</v>
      </c>
      <c r="Q36646">
        <v>26</v>
      </c>
      <c r="R36646">
        <v>26</v>
      </c>
      <c r="S36646">
        <v>26</v>
      </c>
      <c r="T36646">
        <v>27</v>
      </c>
      <c r="U36646">
        <v>27</v>
      </c>
      <c r="V36646">
        <v>27</v>
      </c>
      <c r="W36646">
        <v>28</v>
      </c>
      <c r="X36646">
        <v>28</v>
      </c>
      <c r="Y36646">
        <v>28</v>
      </c>
      <c r="Z36646">
        <v>28</v>
      </c>
      <c r="AA36646">
        <v>29</v>
      </c>
      <c r="AB36646">
        <v>29</v>
      </c>
      <c r="AC36646">
        <v>29</v>
      </c>
      <c r="AD36646">
        <v>29</v>
      </c>
      <c r="AE36646">
        <v>30</v>
      </c>
      <c r="AF36646">
        <v>30</v>
      </c>
      <c r="AG36646">
        <v>30</v>
      </c>
      <c r="AH36646">
        <v>30</v>
      </c>
      <c r="AI36646">
        <v>31</v>
      </c>
      <c r="AJ36646">
        <v>31</v>
      </c>
      <c r="AK36646">
        <v>31</v>
      </c>
      <c r="AL36646">
        <v>31</v>
      </c>
      <c r="AM36646">
        <v>31</v>
      </c>
      <c r="AN36646">
        <v>31</v>
      </c>
      <c r="AO36646">
        <v>31</v>
      </c>
      <c r="AP36646">
        <v>31</v>
      </c>
      <c r="AQ36646">
        <v>30</v>
      </c>
    </row>
    <row r="36647" spans="1:43">
      <c r="A36647" t="s">
        <v>22715</v>
      </c>
      <c r="B36647" t="s">
        <v>22716</v>
      </c>
      <c r="C36647" t="s">
        <v>22597</v>
      </c>
      <c r="D36647" t="s">
        <v>22598</v>
      </c>
      <c r="E36647" t="s">
        <v>22537</v>
      </c>
      <c r="F36647" t="s">
        <v>22538</v>
      </c>
      <c r="G36647" t="s">
        <v>22539</v>
      </c>
      <c r="H36647" t="s">
        <v>22540</v>
      </c>
      <c r="I36647" s="2">
        <v>0</v>
      </c>
      <c r="J36647" s="2">
        <v>0</v>
      </c>
      <c r="K36647" s="2">
        <v>1</v>
      </c>
      <c r="L36647" t="s">
        <v>995</v>
      </c>
      <c r="M36647" t="s">
        <v>87</v>
      </c>
      <c r="N36647" t="s">
        <v>88</v>
      </c>
      <c r="O36647" t="s">
        <v>85</v>
      </c>
      <c r="P36647" t="s">
        <v>86</v>
      </c>
      <c r="Q36647">
        <v>26</v>
      </c>
      <c r="R36647">
        <v>27</v>
      </c>
      <c r="S36647">
        <v>27</v>
      </c>
      <c r="T36647">
        <v>27</v>
      </c>
      <c r="U36647">
        <v>27</v>
      </c>
      <c r="V36647">
        <v>27</v>
      </c>
      <c r="W36647">
        <v>27</v>
      </c>
      <c r="X36647">
        <v>27</v>
      </c>
      <c r="Y36647">
        <v>27</v>
      </c>
      <c r="Z36647">
        <v>27</v>
      </c>
      <c r="AA36647">
        <v>27</v>
      </c>
      <c r="AB36647">
        <v>27</v>
      </c>
      <c r="AC36647">
        <v>27</v>
      </c>
      <c r="AD36647">
        <v>27</v>
      </c>
      <c r="AE36647">
        <v>27</v>
      </c>
      <c r="AF36647">
        <v>27</v>
      </c>
      <c r="AG36647">
        <v>27</v>
      </c>
      <c r="AH36647">
        <v>27</v>
      </c>
      <c r="AI36647">
        <v>27</v>
      </c>
      <c r="AJ36647">
        <v>27</v>
      </c>
      <c r="AK36647">
        <v>27</v>
      </c>
      <c r="AL36647">
        <v>27</v>
      </c>
      <c r="AM36647">
        <v>27</v>
      </c>
      <c r="AN36647">
        <v>27</v>
      </c>
      <c r="AO36647">
        <v>27</v>
      </c>
      <c r="AP36647">
        <v>27</v>
      </c>
      <c r="AQ36647">
        <v>27</v>
      </c>
    </row>
    <row r="36648" spans="1:43">
      <c r="A36648" t="s">
        <v>22715</v>
      </c>
      <c r="B36648" t="s">
        <v>22716</v>
      </c>
      <c r="C36648" t="s">
        <v>22597</v>
      </c>
      <c r="D36648" t="s">
        <v>22598</v>
      </c>
      <c r="E36648" t="s">
        <v>22537</v>
      </c>
      <c r="F36648" t="s">
        <v>22538</v>
      </c>
      <c r="G36648" t="s">
        <v>22539</v>
      </c>
      <c r="H36648" t="s">
        <v>22540</v>
      </c>
      <c r="I36648" s="2">
        <v>0</v>
      </c>
      <c r="J36648" s="2">
        <v>0</v>
      </c>
      <c r="K36648" s="2">
        <v>1</v>
      </c>
      <c r="L36648" t="s">
        <v>995</v>
      </c>
      <c r="M36648" t="s">
        <v>89</v>
      </c>
      <c r="N36648" t="s">
        <v>90</v>
      </c>
      <c r="O36648" t="s">
        <v>85</v>
      </c>
      <c r="P36648" t="s">
        <v>86</v>
      </c>
      <c r="Q36648">
        <v>26</v>
      </c>
      <c r="R36648">
        <v>27</v>
      </c>
      <c r="S36648">
        <v>27</v>
      </c>
      <c r="T36648">
        <v>28</v>
      </c>
      <c r="U36648">
        <v>28</v>
      </c>
      <c r="V36648">
        <v>28</v>
      </c>
      <c r="W36648">
        <v>29</v>
      </c>
      <c r="X36648">
        <v>29</v>
      </c>
      <c r="Y36648">
        <v>30</v>
      </c>
      <c r="Z36648">
        <v>30</v>
      </c>
      <c r="AA36648">
        <v>31</v>
      </c>
      <c r="AB36648">
        <v>31</v>
      </c>
      <c r="AC36648">
        <v>31</v>
      </c>
      <c r="AD36648">
        <v>32</v>
      </c>
      <c r="AE36648">
        <v>32</v>
      </c>
      <c r="AF36648">
        <v>32</v>
      </c>
      <c r="AG36648">
        <v>32</v>
      </c>
      <c r="AH36648">
        <v>32</v>
      </c>
      <c r="AI36648">
        <v>31</v>
      </c>
      <c r="AJ36648">
        <v>31</v>
      </c>
      <c r="AK36648">
        <v>31</v>
      </c>
      <c r="AL36648">
        <v>31</v>
      </c>
      <c r="AM36648">
        <v>31</v>
      </c>
      <c r="AN36648">
        <v>31</v>
      </c>
      <c r="AO36648">
        <v>31</v>
      </c>
      <c r="AP36648">
        <v>31</v>
      </c>
      <c r="AQ36648">
        <v>31</v>
      </c>
    </row>
    <row r="36649" spans="1:43">
      <c r="A36649" t="s">
        <v>22715</v>
      </c>
      <c r="B36649" t="s">
        <v>22716</v>
      </c>
      <c r="C36649" t="s">
        <v>22597</v>
      </c>
      <c r="D36649" t="s">
        <v>22598</v>
      </c>
      <c r="E36649" t="s">
        <v>22537</v>
      </c>
      <c r="F36649" t="s">
        <v>22538</v>
      </c>
      <c r="G36649" t="s">
        <v>22539</v>
      </c>
      <c r="H36649" t="s">
        <v>22540</v>
      </c>
      <c r="I36649" s="2">
        <v>0</v>
      </c>
      <c r="J36649" s="2">
        <v>0</v>
      </c>
      <c r="K36649" s="2">
        <v>1</v>
      </c>
      <c r="L36649" t="s">
        <v>995</v>
      </c>
      <c r="M36649" t="s">
        <v>83</v>
      </c>
      <c r="N36649" t="s">
        <v>91</v>
      </c>
      <c r="O36649" t="s">
        <v>85</v>
      </c>
      <c r="P36649" t="s">
        <v>86</v>
      </c>
      <c r="Q36649">
        <v>26</v>
      </c>
      <c r="R36649">
        <v>26</v>
      </c>
      <c r="S36649">
        <v>26</v>
      </c>
      <c r="T36649">
        <v>27</v>
      </c>
      <c r="U36649">
        <v>27</v>
      </c>
      <c r="V36649">
        <v>27</v>
      </c>
      <c r="W36649">
        <v>28</v>
      </c>
      <c r="X36649">
        <v>28</v>
      </c>
      <c r="Y36649">
        <v>28</v>
      </c>
      <c r="Z36649">
        <v>28</v>
      </c>
      <c r="AA36649">
        <v>29</v>
      </c>
      <c r="AB36649">
        <v>29</v>
      </c>
      <c r="AC36649">
        <v>29</v>
      </c>
      <c r="AD36649">
        <v>29</v>
      </c>
      <c r="AE36649">
        <v>30</v>
      </c>
      <c r="AF36649">
        <v>30</v>
      </c>
      <c r="AG36649">
        <v>30</v>
      </c>
      <c r="AH36649">
        <v>30</v>
      </c>
      <c r="AI36649">
        <v>31</v>
      </c>
      <c r="AJ36649">
        <v>31</v>
      </c>
      <c r="AK36649">
        <v>31</v>
      </c>
      <c r="AL36649">
        <v>31</v>
      </c>
      <c r="AM36649">
        <v>31</v>
      </c>
      <c r="AN36649">
        <v>31</v>
      </c>
      <c r="AO36649">
        <v>31</v>
      </c>
      <c r="AP36649">
        <v>31</v>
      </c>
      <c r="AQ36649">
        <v>30</v>
      </c>
    </row>
    <row r="36650" spans="1:43">
      <c r="A36650" t="s">
        <v>22717</v>
      </c>
      <c r="B36650" t="s">
        <v>22718</v>
      </c>
      <c r="C36650" t="s">
        <v>22597</v>
      </c>
      <c r="D36650" t="s">
        <v>22598</v>
      </c>
      <c r="E36650" t="s">
        <v>22537</v>
      </c>
      <c r="F36650" t="s">
        <v>22538</v>
      </c>
      <c r="G36650" t="s">
        <v>22539</v>
      </c>
      <c r="H36650" t="s">
        <v>22540</v>
      </c>
      <c r="I36650" s="2">
        <v>0</v>
      </c>
      <c r="J36650" s="2">
        <v>0</v>
      </c>
      <c r="K36650" s="2">
        <v>1</v>
      </c>
      <c r="L36650" t="s">
        <v>995</v>
      </c>
      <c r="M36650" t="s">
        <v>83</v>
      </c>
      <c r="N36650" t="s">
        <v>84</v>
      </c>
      <c r="O36650" t="s">
        <v>85</v>
      </c>
      <c r="P36650" t="s">
        <v>86</v>
      </c>
      <c r="Q36650">
        <v>32</v>
      </c>
      <c r="R36650">
        <v>32</v>
      </c>
      <c r="S36650">
        <v>33</v>
      </c>
      <c r="T36650">
        <v>33</v>
      </c>
      <c r="U36650">
        <v>34</v>
      </c>
      <c r="V36650">
        <v>34</v>
      </c>
      <c r="W36650">
        <v>34</v>
      </c>
      <c r="X36650">
        <v>35</v>
      </c>
      <c r="Y36650">
        <v>35</v>
      </c>
      <c r="Z36650">
        <v>35</v>
      </c>
      <c r="AA36650">
        <v>36</v>
      </c>
      <c r="AB36650">
        <v>36</v>
      </c>
      <c r="AC36650">
        <v>36</v>
      </c>
      <c r="AD36650">
        <v>37</v>
      </c>
      <c r="AE36650">
        <v>37</v>
      </c>
      <c r="AF36650">
        <v>37</v>
      </c>
      <c r="AG36650">
        <v>38</v>
      </c>
      <c r="AH36650">
        <v>38</v>
      </c>
      <c r="AI36650">
        <v>38</v>
      </c>
      <c r="AJ36650">
        <v>39</v>
      </c>
      <c r="AK36650">
        <v>39</v>
      </c>
      <c r="AL36650">
        <v>39</v>
      </c>
      <c r="AM36650">
        <v>39</v>
      </c>
      <c r="AN36650">
        <v>39</v>
      </c>
      <c r="AO36650">
        <v>39</v>
      </c>
      <c r="AP36650">
        <v>38</v>
      </c>
      <c r="AQ36650">
        <v>38</v>
      </c>
    </row>
    <row r="36651" spans="1:43">
      <c r="A36651" t="s">
        <v>22717</v>
      </c>
      <c r="B36651" t="s">
        <v>22718</v>
      </c>
      <c r="C36651" t="s">
        <v>22597</v>
      </c>
      <c r="D36651" t="s">
        <v>22598</v>
      </c>
      <c r="E36651" t="s">
        <v>22537</v>
      </c>
      <c r="F36651" t="s">
        <v>22538</v>
      </c>
      <c r="G36651" t="s">
        <v>22539</v>
      </c>
      <c r="H36651" t="s">
        <v>22540</v>
      </c>
      <c r="I36651" s="2">
        <v>0</v>
      </c>
      <c r="J36651" s="2">
        <v>0</v>
      </c>
      <c r="K36651" s="2">
        <v>1</v>
      </c>
      <c r="L36651" t="s">
        <v>995</v>
      </c>
      <c r="M36651" t="s">
        <v>87</v>
      </c>
      <c r="N36651" t="s">
        <v>88</v>
      </c>
      <c r="O36651" t="s">
        <v>85</v>
      </c>
      <c r="P36651" t="s">
        <v>86</v>
      </c>
      <c r="Q36651">
        <v>32</v>
      </c>
      <c r="R36651">
        <v>32</v>
      </c>
      <c r="S36651">
        <v>32</v>
      </c>
      <c r="T36651">
        <v>32</v>
      </c>
      <c r="U36651">
        <v>32</v>
      </c>
      <c r="V36651">
        <v>32</v>
      </c>
      <c r="W36651">
        <v>32</v>
      </c>
      <c r="X36651">
        <v>32</v>
      </c>
      <c r="Y36651">
        <v>32</v>
      </c>
      <c r="Z36651">
        <v>33</v>
      </c>
      <c r="AA36651">
        <v>33</v>
      </c>
      <c r="AB36651">
        <v>33</v>
      </c>
      <c r="AC36651">
        <v>33</v>
      </c>
      <c r="AD36651">
        <v>33</v>
      </c>
      <c r="AE36651">
        <v>33</v>
      </c>
      <c r="AF36651">
        <v>33</v>
      </c>
      <c r="AG36651">
        <v>33</v>
      </c>
      <c r="AH36651">
        <v>33</v>
      </c>
      <c r="AI36651">
        <v>33</v>
      </c>
      <c r="AJ36651">
        <v>33</v>
      </c>
      <c r="AK36651">
        <v>33</v>
      </c>
      <c r="AL36651">
        <v>33</v>
      </c>
      <c r="AM36651">
        <v>33</v>
      </c>
      <c r="AN36651">
        <v>33</v>
      </c>
      <c r="AO36651">
        <v>33</v>
      </c>
      <c r="AP36651">
        <v>33</v>
      </c>
      <c r="AQ36651">
        <v>33</v>
      </c>
    </row>
    <row r="36652" spans="1:43">
      <c r="A36652" t="s">
        <v>22717</v>
      </c>
      <c r="B36652" t="s">
        <v>22718</v>
      </c>
      <c r="C36652" t="s">
        <v>22597</v>
      </c>
      <c r="D36652" t="s">
        <v>22598</v>
      </c>
      <c r="E36652" t="s">
        <v>22537</v>
      </c>
      <c r="F36652" t="s">
        <v>22538</v>
      </c>
      <c r="G36652" t="s">
        <v>22539</v>
      </c>
      <c r="H36652" t="s">
        <v>22540</v>
      </c>
      <c r="I36652" s="2">
        <v>0</v>
      </c>
      <c r="J36652" s="2">
        <v>0</v>
      </c>
      <c r="K36652" s="2">
        <v>1</v>
      </c>
      <c r="L36652" t="s">
        <v>995</v>
      </c>
      <c r="M36652" t="s">
        <v>89</v>
      </c>
      <c r="N36652" t="s">
        <v>90</v>
      </c>
      <c r="O36652" t="s">
        <v>85</v>
      </c>
      <c r="P36652" t="s">
        <v>86</v>
      </c>
      <c r="Q36652">
        <v>32</v>
      </c>
      <c r="R36652">
        <v>33</v>
      </c>
      <c r="S36652">
        <v>34</v>
      </c>
      <c r="T36652">
        <v>34</v>
      </c>
      <c r="U36652">
        <v>35</v>
      </c>
      <c r="V36652">
        <v>36</v>
      </c>
      <c r="W36652">
        <v>36</v>
      </c>
      <c r="X36652">
        <v>37</v>
      </c>
      <c r="Y36652">
        <v>37</v>
      </c>
      <c r="Z36652">
        <v>38</v>
      </c>
      <c r="AA36652">
        <v>38</v>
      </c>
      <c r="AB36652">
        <v>39</v>
      </c>
      <c r="AC36652">
        <v>39</v>
      </c>
      <c r="AD36652">
        <v>40</v>
      </c>
      <c r="AE36652">
        <v>40</v>
      </c>
      <c r="AF36652">
        <v>40</v>
      </c>
      <c r="AG36652">
        <v>40</v>
      </c>
      <c r="AH36652">
        <v>40</v>
      </c>
      <c r="AI36652">
        <v>39</v>
      </c>
      <c r="AJ36652">
        <v>39</v>
      </c>
      <c r="AK36652">
        <v>39</v>
      </c>
      <c r="AL36652">
        <v>39</v>
      </c>
      <c r="AM36652">
        <v>39</v>
      </c>
      <c r="AN36652">
        <v>39</v>
      </c>
      <c r="AO36652">
        <v>39</v>
      </c>
      <c r="AP36652">
        <v>39</v>
      </c>
      <c r="AQ36652">
        <v>39</v>
      </c>
    </row>
    <row r="36653" spans="1:43">
      <c r="A36653" t="s">
        <v>22717</v>
      </c>
      <c r="B36653" t="s">
        <v>22718</v>
      </c>
      <c r="C36653" t="s">
        <v>22597</v>
      </c>
      <c r="D36653" t="s">
        <v>22598</v>
      </c>
      <c r="E36653" t="s">
        <v>22537</v>
      </c>
      <c r="F36653" t="s">
        <v>22538</v>
      </c>
      <c r="G36653" t="s">
        <v>22539</v>
      </c>
      <c r="H36653" t="s">
        <v>22540</v>
      </c>
      <c r="I36653" s="2">
        <v>0</v>
      </c>
      <c r="J36653" s="2">
        <v>0</v>
      </c>
      <c r="K36653" s="2">
        <v>1</v>
      </c>
      <c r="L36653" t="s">
        <v>995</v>
      </c>
      <c r="M36653" t="s">
        <v>83</v>
      </c>
      <c r="N36653" t="s">
        <v>91</v>
      </c>
      <c r="O36653" t="s">
        <v>85</v>
      </c>
      <c r="P36653" t="s">
        <v>86</v>
      </c>
      <c r="Q36653">
        <v>32</v>
      </c>
      <c r="R36653">
        <v>32</v>
      </c>
      <c r="S36653">
        <v>33</v>
      </c>
      <c r="T36653">
        <v>33</v>
      </c>
      <c r="U36653">
        <v>34</v>
      </c>
      <c r="V36653">
        <v>34</v>
      </c>
      <c r="W36653">
        <v>34</v>
      </c>
      <c r="X36653">
        <v>35</v>
      </c>
      <c r="Y36653">
        <v>35</v>
      </c>
      <c r="Z36653">
        <v>35</v>
      </c>
      <c r="AA36653">
        <v>36</v>
      </c>
      <c r="AB36653">
        <v>36</v>
      </c>
      <c r="AC36653">
        <v>36</v>
      </c>
      <c r="AD36653">
        <v>37</v>
      </c>
      <c r="AE36653">
        <v>37</v>
      </c>
      <c r="AF36653">
        <v>37</v>
      </c>
      <c r="AG36653">
        <v>38</v>
      </c>
      <c r="AH36653">
        <v>38</v>
      </c>
      <c r="AI36653">
        <v>38</v>
      </c>
      <c r="AJ36653">
        <v>39</v>
      </c>
      <c r="AK36653">
        <v>39</v>
      </c>
      <c r="AL36653">
        <v>39</v>
      </c>
      <c r="AM36653">
        <v>39</v>
      </c>
      <c r="AN36653">
        <v>39</v>
      </c>
      <c r="AO36653">
        <v>39</v>
      </c>
      <c r="AP36653">
        <v>38</v>
      </c>
      <c r="AQ36653">
        <v>38</v>
      </c>
    </row>
    <row r="36654" spans="1:43">
      <c r="A36654" t="s">
        <v>22719</v>
      </c>
      <c r="B36654" t="s">
        <v>22720</v>
      </c>
      <c r="C36654" t="s">
        <v>22721</v>
      </c>
      <c r="D36654" t="s">
        <v>22722</v>
      </c>
      <c r="E36654" t="s">
        <v>22537</v>
      </c>
      <c r="F36654" t="s">
        <v>22538</v>
      </c>
      <c r="G36654" t="s">
        <v>22539</v>
      </c>
      <c r="H36654" t="s">
        <v>22540</v>
      </c>
      <c r="I36654" s="2">
        <v>0</v>
      </c>
      <c r="J36654" s="2">
        <v>0</v>
      </c>
      <c r="K36654" s="2">
        <v>1</v>
      </c>
      <c r="L36654" t="s">
        <v>995</v>
      </c>
      <c r="M36654" t="s">
        <v>83</v>
      </c>
      <c r="N36654" t="s">
        <v>84</v>
      </c>
      <c r="O36654" t="s">
        <v>85</v>
      </c>
      <c r="P36654" t="s">
        <v>86</v>
      </c>
      <c r="Q36654">
        <v>28</v>
      </c>
      <c r="R36654">
        <v>28</v>
      </c>
      <c r="S36654">
        <v>28</v>
      </c>
      <c r="T36654">
        <v>29</v>
      </c>
      <c r="U36654">
        <v>29</v>
      </c>
      <c r="V36654">
        <v>29</v>
      </c>
      <c r="W36654">
        <v>30</v>
      </c>
      <c r="X36654">
        <v>30</v>
      </c>
      <c r="Y36654">
        <v>30</v>
      </c>
      <c r="Z36654">
        <v>31</v>
      </c>
      <c r="AA36654">
        <v>31</v>
      </c>
      <c r="AB36654">
        <v>31</v>
      </c>
      <c r="AC36654">
        <v>32</v>
      </c>
      <c r="AD36654">
        <v>32</v>
      </c>
      <c r="AE36654">
        <v>32</v>
      </c>
      <c r="AF36654">
        <v>32</v>
      </c>
      <c r="AG36654">
        <v>33</v>
      </c>
      <c r="AH36654">
        <v>33</v>
      </c>
      <c r="AI36654">
        <v>33</v>
      </c>
      <c r="AJ36654">
        <v>33</v>
      </c>
      <c r="AK36654">
        <v>34</v>
      </c>
      <c r="AL36654">
        <v>34</v>
      </c>
      <c r="AM36654">
        <v>34</v>
      </c>
      <c r="AN36654">
        <v>34</v>
      </c>
      <c r="AO36654">
        <v>34</v>
      </c>
      <c r="AP36654">
        <v>33</v>
      </c>
      <c r="AQ36654">
        <v>33</v>
      </c>
    </row>
    <row r="36655" spans="1:43">
      <c r="A36655" t="s">
        <v>22719</v>
      </c>
      <c r="B36655" t="s">
        <v>22720</v>
      </c>
      <c r="C36655" t="s">
        <v>22721</v>
      </c>
      <c r="D36655" t="s">
        <v>22722</v>
      </c>
      <c r="E36655" t="s">
        <v>22537</v>
      </c>
      <c r="F36655" t="s">
        <v>22538</v>
      </c>
      <c r="G36655" t="s">
        <v>22539</v>
      </c>
      <c r="H36655" t="s">
        <v>22540</v>
      </c>
      <c r="I36655" s="2">
        <v>0</v>
      </c>
      <c r="J36655" s="2">
        <v>0</v>
      </c>
      <c r="K36655" s="2">
        <v>1</v>
      </c>
      <c r="L36655" t="s">
        <v>995</v>
      </c>
      <c r="M36655" t="s">
        <v>87</v>
      </c>
      <c r="N36655" t="s">
        <v>88</v>
      </c>
      <c r="O36655" t="s">
        <v>85</v>
      </c>
      <c r="P36655" t="s">
        <v>86</v>
      </c>
      <c r="Q36655">
        <v>28</v>
      </c>
      <c r="R36655">
        <v>28</v>
      </c>
      <c r="S36655">
        <v>29</v>
      </c>
      <c r="T36655">
        <v>29</v>
      </c>
      <c r="U36655">
        <v>29</v>
      </c>
      <c r="V36655">
        <v>29</v>
      </c>
      <c r="W36655">
        <v>29</v>
      </c>
      <c r="X36655">
        <v>29</v>
      </c>
      <c r="Y36655">
        <v>29</v>
      </c>
      <c r="Z36655">
        <v>29</v>
      </c>
      <c r="AA36655">
        <v>29</v>
      </c>
      <c r="AB36655">
        <v>29</v>
      </c>
      <c r="AC36655">
        <v>29</v>
      </c>
      <c r="AD36655">
        <v>29</v>
      </c>
      <c r="AE36655">
        <v>29</v>
      </c>
      <c r="AF36655">
        <v>30</v>
      </c>
      <c r="AG36655">
        <v>30</v>
      </c>
      <c r="AH36655">
        <v>30</v>
      </c>
      <c r="AI36655">
        <v>30</v>
      </c>
      <c r="AJ36655">
        <v>30</v>
      </c>
      <c r="AK36655">
        <v>30</v>
      </c>
      <c r="AL36655">
        <v>30</v>
      </c>
      <c r="AM36655">
        <v>30</v>
      </c>
      <c r="AN36655">
        <v>30</v>
      </c>
      <c r="AO36655">
        <v>30</v>
      </c>
      <c r="AP36655">
        <v>30</v>
      </c>
      <c r="AQ36655">
        <v>30</v>
      </c>
    </row>
    <row r="36656" spans="1:43">
      <c r="A36656" t="s">
        <v>22719</v>
      </c>
      <c r="B36656" t="s">
        <v>22720</v>
      </c>
      <c r="C36656" t="s">
        <v>22721</v>
      </c>
      <c r="D36656" t="s">
        <v>22722</v>
      </c>
      <c r="E36656" t="s">
        <v>22537</v>
      </c>
      <c r="F36656" t="s">
        <v>22538</v>
      </c>
      <c r="G36656" t="s">
        <v>22539</v>
      </c>
      <c r="H36656" t="s">
        <v>22540</v>
      </c>
      <c r="I36656" s="2">
        <v>0</v>
      </c>
      <c r="J36656" s="2">
        <v>0</v>
      </c>
      <c r="K36656" s="2">
        <v>1</v>
      </c>
      <c r="L36656" t="s">
        <v>995</v>
      </c>
      <c r="M36656" t="s">
        <v>89</v>
      </c>
      <c r="N36656" t="s">
        <v>90</v>
      </c>
      <c r="O36656" t="s">
        <v>85</v>
      </c>
      <c r="P36656" t="s">
        <v>86</v>
      </c>
      <c r="Q36656">
        <v>28</v>
      </c>
      <c r="R36656">
        <v>28</v>
      </c>
      <c r="S36656">
        <v>29</v>
      </c>
      <c r="T36656">
        <v>30</v>
      </c>
      <c r="U36656">
        <v>30</v>
      </c>
      <c r="V36656">
        <v>31</v>
      </c>
      <c r="W36656">
        <v>31</v>
      </c>
      <c r="X36656">
        <v>32</v>
      </c>
      <c r="Y36656">
        <v>32</v>
      </c>
      <c r="Z36656">
        <v>33</v>
      </c>
      <c r="AA36656">
        <v>33</v>
      </c>
      <c r="AB36656">
        <v>33</v>
      </c>
      <c r="AC36656">
        <v>34</v>
      </c>
      <c r="AD36656">
        <v>34</v>
      </c>
      <c r="AE36656">
        <v>34</v>
      </c>
      <c r="AF36656">
        <v>34</v>
      </c>
      <c r="AG36656">
        <v>34</v>
      </c>
      <c r="AH36656">
        <v>34</v>
      </c>
      <c r="AI36656">
        <v>34</v>
      </c>
      <c r="AJ36656">
        <v>34</v>
      </c>
      <c r="AK36656">
        <v>34</v>
      </c>
      <c r="AL36656">
        <v>34</v>
      </c>
      <c r="AM36656">
        <v>34</v>
      </c>
      <c r="AN36656">
        <v>34</v>
      </c>
      <c r="AO36656">
        <v>34</v>
      </c>
      <c r="AP36656">
        <v>34</v>
      </c>
      <c r="AQ36656">
        <v>34</v>
      </c>
    </row>
    <row r="36657" spans="1:43">
      <c r="A36657" t="s">
        <v>22719</v>
      </c>
      <c r="B36657" t="s">
        <v>22720</v>
      </c>
      <c r="C36657" t="s">
        <v>22721</v>
      </c>
      <c r="D36657" t="s">
        <v>22722</v>
      </c>
      <c r="E36657" t="s">
        <v>22537</v>
      </c>
      <c r="F36657" t="s">
        <v>22538</v>
      </c>
      <c r="G36657" t="s">
        <v>22539</v>
      </c>
      <c r="H36657" t="s">
        <v>22540</v>
      </c>
      <c r="I36657" s="2">
        <v>0</v>
      </c>
      <c r="J36657" s="2">
        <v>0</v>
      </c>
      <c r="K36657" s="2">
        <v>1</v>
      </c>
      <c r="L36657" t="s">
        <v>995</v>
      </c>
      <c r="M36657" t="s">
        <v>83</v>
      </c>
      <c r="N36657" t="s">
        <v>91</v>
      </c>
      <c r="O36657" t="s">
        <v>85</v>
      </c>
      <c r="P36657" t="s">
        <v>86</v>
      </c>
      <c r="Q36657">
        <v>28</v>
      </c>
      <c r="R36657">
        <v>28</v>
      </c>
      <c r="S36657">
        <v>28</v>
      </c>
      <c r="T36657">
        <v>29</v>
      </c>
      <c r="U36657">
        <v>29</v>
      </c>
      <c r="V36657">
        <v>29</v>
      </c>
      <c r="W36657">
        <v>30</v>
      </c>
      <c r="X36657">
        <v>30</v>
      </c>
      <c r="Y36657">
        <v>30</v>
      </c>
      <c r="Z36657">
        <v>31</v>
      </c>
      <c r="AA36657">
        <v>31</v>
      </c>
      <c r="AB36657">
        <v>31</v>
      </c>
      <c r="AC36657">
        <v>32</v>
      </c>
      <c r="AD36657">
        <v>32</v>
      </c>
      <c r="AE36657">
        <v>32</v>
      </c>
      <c r="AF36657">
        <v>32</v>
      </c>
      <c r="AG36657">
        <v>33</v>
      </c>
      <c r="AH36657">
        <v>33</v>
      </c>
      <c r="AI36657">
        <v>33</v>
      </c>
      <c r="AJ36657">
        <v>33</v>
      </c>
      <c r="AK36657">
        <v>34</v>
      </c>
      <c r="AL36657">
        <v>34</v>
      </c>
      <c r="AM36657">
        <v>34</v>
      </c>
      <c r="AN36657">
        <v>34</v>
      </c>
      <c r="AO36657">
        <v>34</v>
      </c>
      <c r="AP36657">
        <v>33</v>
      </c>
      <c r="AQ36657">
        <v>33</v>
      </c>
    </row>
    <row r="36658" spans="1:43">
      <c r="A36658" t="s">
        <v>22723</v>
      </c>
      <c r="B36658" t="s">
        <v>22724</v>
      </c>
      <c r="C36658" t="s">
        <v>22721</v>
      </c>
      <c r="D36658" t="s">
        <v>22722</v>
      </c>
      <c r="E36658" t="s">
        <v>22537</v>
      </c>
      <c r="F36658" t="s">
        <v>22538</v>
      </c>
      <c r="G36658" t="s">
        <v>22539</v>
      </c>
      <c r="H36658" t="s">
        <v>22540</v>
      </c>
      <c r="I36658" s="2">
        <v>0</v>
      </c>
      <c r="J36658" s="2">
        <v>0</v>
      </c>
      <c r="K36658" s="2">
        <v>1</v>
      </c>
      <c r="L36658" t="s">
        <v>995</v>
      </c>
      <c r="M36658" t="s">
        <v>83</v>
      </c>
      <c r="N36658" t="s">
        <v>84</v>
      </c>
      <c r="O36658" t="s">
        <v>85</v>
      </c>
      <c r="P36658" t="s">
        <v>86</v>
      </c>
      <c r="Q36658">
        <v>112</v>
      </c>
      <c r="R36658">
        <v>114</v>
      </c>
      <c r="S36658">
        <v>115</v>
      </c>
      <c r="T36658">
        <v>117</v>
      </c>
      <c r="U36658">
        <v>118</v>
      </c>
      <c r="V36658">
        <v>120</v>
      </c>
      <c r="W36658">
        <v>121</v>
      </c>
      <c r="X36658">
        <v>122</v>
      </c>
      <c r="Y36658">
        <v>124</v>
      </c>
      <c r="Z36658">
        <v>125</v>
      </c>
      <c r="AA36658">
        <v>127</v>
      </c>
      <c r="AB36658">
        <v>128</v>
      </c>
      <c r="AC36658">
        <v>129</v>
      </c>
      <c r="AD36658">
        <v>130</v>
      </c>
      <c r="AE36658">
        <v>131</v>
      </c>
      <c r="AF36658">
        <v>132</v>
      </c>
      <c r="AG36658">
        <v>134</v>
      </c>
      <c r="AH36658">
        <v>135</v>
      </c>
      <c r="AI36658">
        <v>136</v>
      </c>
      <c r="AJ36658">
        <v>137</v>
      </c>
      <c r="AK36658">
        <v>138</v>
      </c>
      <c r="AL36658">
        <v>138</v>
      </c>
      <c r="AM36658">
        <v>138</v>
      </c>
      <c r="AN36658">
        <v>138</v>
      </c>
      <c r="AO36658">
        <v>137</v>
      </c>
      <c r="AP36658">
        <v>137</v>
      </c>
      <c r="AQ36658">
        <v>137</v>
      </c>
    </row>
    <row r="36659" spans="1:43">
      <c r="A36659" t="s">
        <v>22723</v>
      </c>
      <c r="B36659" t="s">
        <v>22724</v>
      </c>
      <c r="C36659" t="s">
        <v>22721</v>
      </c>
      <c r="D36659" t="s">
        <v>22722</v>
      </c>
      <c r="E36659" t="s">
        <v>22537</v>
      </c>
      <c r="F36659" t="s">
        <v>22538</v>
      </c>
      <c r="G36659" t="s">
        <v>22539</v>
      </c>
      <c r="H36659" t="s">
        <v>22540</v>
      </c>
      <c r="I36659" s="2">
        <v>0</v>
      </c>
      <c r="J36659" s="2">
        <v>0</v>
      </c>
      <c r="K36659" s="2">
        <v>1</v>
      </c>
      <c r="L36659" t="s">
        <v>995</v>
      </c>
      <c r="M36659" t="s">
        <v>87</v>
      </c>
      <c r="N36659" t="s">
        <v>88</v>
      </c>
      <c r="O36659" t="s">
        <v>85</v>
      </c>
      <c r="P36659" t="s">
        <v>86</v>
      </c>
      <c r="Q36659">
        <v>112</v>
      </c>
      <c r="R36659">
        <v>113</v>
      </c>
      <c r="S36659">
        <v>113</v>
      </c>
      <c r="T36659">
        <v>114</v>
      </c>
      <c r="U36659">
        <v>114</v>
      </c>
      <c r="V36659">
        <v>114</v>
      </c>
      <c r="W36659">
        <v>115</v>
      </c>
      <c r="X36659">
        <v>115</v>
      </c>
      <c r="Y36659">
        <v>115</v>
      </c>
      <c r="Z36659">
        <v>116</v>
      </c>
      <c r="AA36659">
        <v>116</v>
      </c>
      <c r="AB36659">
        <v>116</v>
      </c>
      <c r="AC36659">
        <v>117</v>
      </c>
      <c r="AD36659">
        <v>117</v>
      </c>
      <c r="AE36659">
        <v>117</v>
      </c>
      <c r="AF36659">
        <v>118</v>
      </c>
      <c r="AG36659">
        <v>118</v>
      </c>
      <c r="AH36659">
        <v>118</v>
      </c>
      <c r="AI36659">
        <v>119</v>
      </c>
      <c r="AJ36659">
        <v>119</v>
      </c>
      <c r="AK36659">
        <v>119</v>
      </c>
      <c r="AL36659">
        <v>119</v>
      </c>
      <c r="AM36659">
        <v>120</v>
      </c>
      <c r="AN36659">
        <v>120</v>
      </c>
      <c r="AO36659">
        <v>120</v>
      </c>
      <c r="AP36659">
        <v>120</v>
      </c>
      <c r="AQ36659">
        <v>120</v>
      </c>
    </row>
    <row r="36660" spans="1:43">
      <c r="A36660" t="s">
        <v>22723</v>
      </c>
      <c r="B36660" t="s">
        <v>22724</v>
      </c>
      <c r="C36660" t="s">
        <v>22721</v>
      </c>
      <c r="D36660" t="s">
        <v>22722</v>
      </c>
      <c r="E36660" t="s">
        <v>22537</v>
      </c>
      <c r="F36660" t="s">
        <v>22538</v>
      </c>
      <c r="G36660" t="s">
        <v>22539</v>
      </c>
      <c r="H36660" t="s">
        <v>22540</v>
      </c>
      <c r="I36660" s="2">
        <v>0</v>
      </c>
      <c r="J36660" s="2">
        <v>0</v>
      </c>
      <c r="K36660" s="2">
        <v>1</v>
      </c>
      <c r="L36660" t="s">
        <v>995</v>
      </c>
      <c r="M36660" t="s">
        <v>89</v>
      </c>
      <c r="N36660" t="s">
        <v>90</v>
      </c>
      <c r="O36660" t="s">
        <v>85</v>
      </c>
      <c r="P36660" t="s">
        <v>86</v>
      </c>
      <c r="Q36660">
        <v>112</v>
      </c>
      <c r="R36660">
        <v>115</v>
      </c>
      <c r="S36660">
        <v>117</v>
      </c>
      <c r="T36660">
        <v>120</v>
      </c>
      <c r="U36660">
        <v>122</v>
      </c>
      <c r="V36660">
        <v>124</v>
      </c>
      <c r="W36660">
        <v>126</v>
      </c>
      <c r="X36660">
        <v>128</v>
      </c>
      <c r="Y36660">
        <v>130</v>
      </c>
      <c r="Z36660">
        <v>132</v>
      </c>
      <c r="AA36660">
        <v>134</v>
      </c>
      <c r="AB36660">
        <v>135</v>
      </c>
      <c r="AC36660">
        <v>137</v>
      </c>
      <c r="AD36660">
        <v>139</v>
      </c>
      <c r="AE36660">
        <v>140</v>
      </c>
      <c r="AF36660">
        <v>139</v>
      </c>
      <c r="AG36660">
        <v>139</v>
      </c>
      <c r="AH36660">
        <v>139</v>
      </c>
      <c r="AI36660">
        <v>139</v>
      </c>
      <c r="AJ36660">
        <v>139</v>
      </c>
      <c r="AK36660">
        <v>138</v>
      </c>
      <c r="AL36660">
        <v>138</v>
      </c>
      <c r="AM36660">
        <v>138</v>
      </c>
      <c r="AN36660">
        <v>138</v>
      </c>
      <c r="AO36660">
        <v>137</v>
      </c>
      <c r="AP36660">
        <v>137</v>
      </c>
      <c r="AQ36660">
        <v>137</v>
      </c>
    </row>
    <row r="36661" spans="1:43">
      <c r="A36661" t="s">
        <v>22723</v>
      </c>
      <c r="B36661" t="s">
        <v>22724</v>
      </c>
      <c r="C36661" t="s">
        <v>22721</v>
      </c>
      <c r="D36661" t="s">
        <v>22722</v>
      </c>
      <c r="E36661" t="s">
        <v>22537</v>
      </c>
      <c r="F36661" t="s">
        <v>22538</v>
      </c>
      <c r="G36661" t="s">
        <v>22539</v>
      </c>
      <c r="H36661" t="s">
        <v>22540</v>
      </c>
      <c r="I36661" s="2">
        <v>0</v>
      </c>
      <c r="J36661" s="2">
        <v>0</v>
      </c>
      <c r="K36661" s="2">
        <v>1</v>
      </c>
      <c r="L36661" t="s">
        <v>995</v>
      </c>
      <c r="M36661" t="s">
        <v>83</v>
      </c>
      <c r="N36661" t="s">
        <v>91</v>
      </c>
      <c r="O36661" t="s">
        <v>85</v>
      </c>
      <c r="P36661" t="s">
        <v>86</v>
      </c>
      <c r="Q36661">
        <v>112</v>
      </c>
      <c r="R36661">
        <v>114</v>
      </c>
      <c r="S36661">
        <v>115</v>
      </c>
      <c r="T36661">
        <v>117</v>
      </c>
      <c r="U36661">
        <v>118</v>
      </c>
      <c r="V36661">
        <v>120</v>
      </c>
      <c r="W36661">
        <v>121</v>
      </c>
      <c r="X36661">
        <v>122</v>
      </c>
      <c r="Y36661">
        <v>124</v>
      </c>
      <c r="Z36661">
        <v>125</v>
      </c>
      <c r="AA36661">
        <v>127</v>
      </c>
      <c r="AB36661">
        <v>128</v>
      </c>
      <c r="AC36661">
        <v>129</v>
      </c>
      <c r="AD36661">
        <v>130</v>
      </c>
      <c r="AE36661">
        <v>131</v>
      </c>
      <c r="AF36661">
        <v>132</v>
      </c>
      <c r="AG36661">
        <v>134</v>
      </c>
      <c r="AH36661">
        <v>135</v>
      </c>
      <c r="AI36661">
        <v>136</v>
      </c>
      <c r="AJ36661">
        <v>137</v>
      </c>
      <c r="AK36661">
        <v>138</v>
      </c>
      <c r="AL36661">
        <v>138</v>
      </c>
      <c r="AM36661">
        <v>138</v>
      </c>
      <c r="AN36661">
        <v>138</v>
      </c>
      <c r="AO36661">
        <v>137</v>
      </c>
      <c r="AP36661">
        <v>137</v>
      </c>
      <c r="AQ36661">
        <v>137</v>
      </c>
    </row>
    <row r="36662" spans="1:43">
      <c r="A36662" t="s">
        <v>22725</v>
      </c>
      <c r="B36662" t="s">
        <v>22726</v>
      </c>
      <c r="C36662" t="s">
        <v>22721</v>
      </c>
      <c r="D36662" t="s">
        <v>22722</v>
      </c>
      <c r="E36662" t="s">
        <v>22537</v>
      </c>
      <c r="F36662" t="s">
        <v>22538</v>
      </c>
      <c r="G36662" t="s">
        <v>22539</v>
      </c>
      <c r="H36662" t="s">
        <v>22540</v>
      </c>
      <c r="I36662" s="2">
        <v>0</v>
      </c>
      <c r="J36662" s="2">
        <v>0</v>
      </c>
      <c r="K36662" s="2">
        <v>1</v>
      </c>
      <c r="L36662" t="s">
        <v>995</v>
      </c>
      <c r="M36662" t="s">
        <v>83</v>
      </c>
      <c r="N36662" t="s">
        <v>84</v>
      </c>
      <c r="O36662" t="s">
        <v>85</v>
      </c>
      <c r="P36662" t="s">
        <v>86</v>
      </c>
      <c r="Q36662">
        <v>35</v>
      </c>
      <c r="R36662">
        <v>35</v>
      </c>
      <c r="S36662">
        <v>36</v>
      </c>
      <c r="T36662">
        <v>36</v>
      </c>
      <c r="U36662">
        <v>37</v>
      </c>
      <c r="V36662">
        <v>37</v>
      </c>
      <c r="W36662">
        <v>38</v>
      </c>
      <c r="X36662">
        <v>38</v>
      </c>
      <c r="Y36662">
        <v>39</v>
      </c>
      <c r="Z36662">
        <v>39</v>
      </c>
      <c r="AA36662">
        <v>39</v>
      </c>
      <c r="AB36662">
        <v>40</v>
      </c>
      <c r="AC36662">
        <v>40</v>
      </c>
      <c r="AD36662">
        <v>40</v>
      </c>
      <c r="AE36662">
        <v>41</v>
      </c>
      <c r="AF36662">
        <v>41</v>
      </c>
      <c r="AG36662">
        <v>42</v>
      </c>
      <c r="AH36662">
        <v>42</v>
      </c>
      <c r="AI36662">
        <v>42</v>
      </c>
      <c r="AJ36662">
        <v>43</v>
      </c>
      <c r="AK36662">
        <v>43</v>
      </c>
      <c r="AL36662">
        <v>43</v>
      </c>
      <c r="AM36662">
        <v>43</v>
      </c>
      <c r="AN36662">
        <v>43</v>
      </c>
      <c r="AO36662">
        <v>43</v>
      </c>
      <c r="AP36662">
        <v>43</v>
      </c>
      <c r="AQ36662">
        <v>43</v>
      </c>
    </row>
    <row r="36663" spans="1:43">
      <c r="A36663" t="s">
        <v>22725</v>
      </c>
      <c r="B36663" t="s">
        <v>22726</v>
      </c>
      <c r="C36663" t="s">
        <v>22721</v>
      </c>
      <c r="D36663" t="s">
        <v>22722</v>
      </c>
      <c r="E36663" t="s">
        <v>22537</v>
      </c>
      <c r="F36663" t="s">
        <v>22538</v>
      </c>
      <c r="G36663" t="s">
        <v>22539</v>
      </c>
      <c r="H36663" t="s">
        <v>22540</v>
      </c>
      <c r="I36663" s="2">
        <v>0</v>
      </c>
      <c r="J36663" s="2">
        <v>0</v>
      </c>
      <c r="K36663" s="2">
        <v>1</v>
      </c>
      <c r="L36663" t="s">
        <v>995</v>
      </c>
      <c r="M36663" t="s">
        <v>87</v>
      </c>
      <c r="N36663" t="s">
        <v>88</v>
      </c>
      <c r="O36663" t="s">
        <v>85</v>
      </c>
      <c r="P36663" t="s">
        <v>86</v>
      </c>
      <c r="Q36663">
        <v>35</v>
      </c>
      <c r="R36663">
        <v>35</v>
      </c>
      <c r="S36663">
        <v>35</v>
      </c>
      <c r="T36663">
        <v>35</v>
      </c>
      <c r="U36663">
        <v>35</v>
      </c>
      <c r="V36663">
        <v>35</v>
      </c>
      <c r="W36663">
        <v>35</v>
      </c>
      <c r="X36663">
        <v>35</v>
      </c>
      <c r="Y36663">
        <v>36</v>
      </c>
      <c r="Z36663">
        <v>36</v>
      </c>
      <c r="AA36663">
        <v>36</v>
      </c>
      <c r="AB36663">
        <v>36</v>
      </c>
      <c r="AC36663">
        <v>36</v>
      </c>
      <c r="AD36663">
        <v>36</v>
      </c>
      <c r="AE36663">
        <v>36</v>
      </c>
      <c r="AF36663">
        <v>36</v>
      </c>
      <c r="AG36663">
        <v>36</v>
      </c>
      <c r="AH36663">
        <v>36</v>
      </c>
      <c r="AI36663">
        <v>37</v>
      </c>
      <c r="AJ36663">
        <v>37</v>
      </c>
      <c r="AK36663">
        <v>37</v>
      </c>
      <c r="AL36663">
        <v>37</v>
      </c>
      <c r="AM36663">
        <v>37</v>
      </c>
      <c r="AN36663">
        <v>37</v>
      </c>
      <c r="AO36663">
        <v>37</v>
      </c>
      <c r="AP36663">
        <v>37</v>
      </c>
      <c r="AQ36663">
        <v>37</v>
      </c>
    </row>
    <row r="36664" spans="1:43">
      <c r="A36664" t="s">
        <v>22725</v>
      </c>
      <c r="B36664" t="s">
        <v>22726</v>
      </c>
      <c r="C36664" t="s">
        <v>22721</v>
      </c>
      <c r="D36664" t="s">
        <v>22722</v>
      </c>
      <c r="E36664" t="s">
        <v>22537</v>
      </c>
      <c r="F36664" t="s">
        <v>22538</v>
      </c>
      <c r="G36664" t="s">
        <v>22539</v>
      </c>
      <c r="H36664" t="s">
        <v>22540</v>
      </c>
      <c r="I36664" s="2">
        <v>0</v>
      </c>
      <c r="J36664" s="2">
        <v>0</v>
      </c>
      <c r="K36664" s="2">
        <v>1</v>
      </c>
      <c r="L36664" t="s">
        <v>995</v>
      </c>
      <c r="M36664" t="s">
        <v>89</v>
      </c>
      <c r="N36664" t="s">
        <v>90</v>
      </c>
      <c r="O36664" t="s">
        <v>85</v>
      </c>
      <c r="P36664" t="s">
        <v>86</v>
      </c>
      <c r="Q36664">
        <v>35</v>
      </c>
      <c r="R36664">
        <v>36</v>
      </c>
      <c r="S36664">
        <v>37</v>
      </c>
      <c r="T36664">
        <v>38</v>
      </c>
      <c r="U36664">
        <v>38</v>
      </c>
      <c r="V36664">
        <v>39</v>
      </c>
      <c r="W36664">
        <v>40</v>
      </c>
      <c r="X36664">
        <v>40</v>
      </c>
      <c r="Y36664">
        <v>41</v>
      </c>
      <c r="Z36664">
        <v>41</v>
      </c>
      <c r="AA36664">
        <v>42</v>
      </c>
      <c r="AB36664">
        <v>42</v>
      </c>
      <c r="AC36664">
        <v>43</v>
      </c>
      <c r="AD36664">
        <v>43</v>
      </c>
      <c r="AE36664">
        <v>44</v>
      </c>
      <c r="AF36664">
        <v>44</v>
      </c>
      <c r="AG36664">
        <v>44</v>
      </c>
      <c r="AH36664">
        <v>44</v>
      </c>
      <c r="AI36664">
        <v>44</v>
      </c>
      <c r="AJ36664">
        <v>43</v>
      </c>
      <c r="AK36664">
        <v>43</v>
      </c>
      <c r="AL36664">
        <v>43</v>
      </c>
      <c r="AM36664">
        <v>43</v>
      </c>
      <c r="AN36664">
        <v>43</v>
      </c>
      <c r="AO36664">
        <v>43</v>
      </c>
      <c r="AP36664">
        <v>43</v>
      </c>
      <c r="AQ36664">
        <v>43</v>
      </c>
    </row>
    <row r="36665" spans="1:43">
      <c r="A36665" t="s">
        <v>22725</v>
      </c>
      <c r="B36665" t="s">
        <v>22726</v>
      </c>
      <c r="C36665" t="s">
        <v>22721</v>
      </c>
      <c r="D36665" t="s">
        <v>22722</v>
      </c>
      <c r="E36665" t="s">
        <v>22537</v>
      </c>
      <c r="F36665" t="s">
        <v>22538</v>
      </c>
      <c r="G36665" t="s">
        <v>22539</v>
      </c>
      <c r="H36665" t="s">
        <v>22540</v>
      </c>
      <c r="I36665" s="2">
        <v>0</v>
      </c>
      <c r="J36665" s="2">
        <v>0</v>
      </c>
      <c r="K36665" s="2">
        <v>1</v>
      </c>
      <c r="L36665" t="s">
        <v>995</v>
      </c>
      <c r="M36665" t="s">
        <v>83</v>
      </c>
      <c r="N36665" t="s">
        <v>91</v>
      </c>
      <c r="O36665" t="s">
        <v>85</v>
      </c>
      <c r="P36665" t="s">
        <v>86</v>
      </c>
      <c r="Q36665">
        <v>35</v>
      </c>
      <c r="R36665">
        <v>35</v>
      </c>
      <c r="S36665">
        <v>36</v>
      </c>
      <c r="T36665">
        <v>36</v>
      </c>
      <c r="U36665">
        <v>37</v>
      </c>
      <c r="V36665">
        <v>37</v>
      </c>
      <c r="W36665">
        <v>38</v>
      </c>
      <c r="X36665">
        <v>38</v>
      </c>
      <c r="Y36665">
        <v>39</v>
      </c>
      <c r="Z36665">
        <v>39</v>
      </c>
      <c r="AA36665">
        <v>39</v>
      </c>
      <c r="AB36665">
        <v>40</v>
      </c>
      <c r="AC36665">
        <v>40</v>
      </c>
      <c r="AD36665">
        <v>40</v>
      </c>
      <c r="AE36665">
        <v>41</v>
      </c>
      <c r="AF36665">
        <v>41</v>
      </c>
      <c r="AG36665">
        <v>42</v>
      </c>
      <c r="AH36665">
        <v>42</v>
      </c>
      <c r="AI36665">
        <v>42</v>
      </c>
      <c r="AJ36665">
        <v>43</v>
      </c>
      <c r="AK36665">
        <v>43</v>
      </c>
      <c r="AL36665">
        <v>43</v>
      </c>
      <c r="AM36665">
        <v>43</v>
      </c>
      <c r="AN36665">
        <v>43</v>
      </c>
      <c r="AO36665">
        <v>43</v>
      </c>
      <c r="AP36665">
        <v>43</v>
      </c>
      <c r="AQ36665">
        <v>43</v>
      </c>
    </row>
    <row r="36666" spans="1:43">
      <c r="A36666" t="s">
        <v>22727</v>
      </c>
      <c r="B36666" t="s">
        <v>22728</v>
      </c>
      <c r="C36666" t="s">
        <v>22721</v>
      </c>
      <c r="D36666" t="s">
        <v>22722</v>
      </c>
      <c r="E36666" t="s">
        <v>22537</v>
      </c>
      <c r="F36666" t="s">
        <v>22538</v>
      </c>
      <c r="G36666" t="s">
        <v>22539</v>
      </c>
      <c r="H36666" t="s">
        <v>22540</v>
      </c>
      <c r="I36666" s="2">
        <v>0</v>
      </c>
      <c r="J36666" s="2">
        <v>0</v>
      </c>
      <c r="K36666" s="2">
        <v>1</v>
      </c>
      <c r="L36666" t="s">
        <v>995</v>
      </c>
      <c r="M36666" t="s">
        <v>83</v>
      </c>
      <c r="N36666" t="s">
        <v>84</v>
      </c>
      <c r="O36666" t="s">
        <v>85</v>
      </c>
      <c r="P36666" t="s">
        <v>86</v>
      </c>
      <c r="Q36666">
        <v>122</v>
      </c>
      <c r="R36666">
        <v>123</v>
      </c>
      <c r="S36666">
        <v>125</v>
      </c>
      <c r="T36666">
        <v>126</v>
      </c>
      <c r="U36666">
        <v>128</v>
      </c>
      <c r="V36666">
        <v>130</v>
      </c>
      <c r="W36666">
        <v>131</v>
      </c>
      <c r="X36666">
        <v>133</v>
      </c>
      <c r="Y36666">
        <v>134</v>
      </c>
      <c r="Z36666">
        <v>136</v>
      </c>
      <c r="AA36666">
        <v>137</v>
      </c>
      <c r="AB36666">
        <v>138</v>
      </c>
      <c r="AC36666">
        <v>140</v>
      </c>
      <c r="AD36666">
        <v>141</v>
      </c>
      <c r="AE36666">
        <v>142</v>
      </c>
      <c r="AF36666">
        <v>143</v>
      </c>
      <c r="AG36666">
        <v>145</v>
      </c>
      <c r="AH36666">
        <v>146</v>
      </c>
      <c r="AI36666">
        <v>147</v>
      </c>
      <c r="AJ36666">
        <v>148</v>
      </c>
      <c r="AK36666">
        <v>149</v>
      </c>
      <c r="AL36666">
        <v>150</v>
      </c>
      <c r="AM36666">
        <v>149</v>
      </c>
      <c r="AN36666">
        <v>149</v>
      </c>
      <c r="AO36666">
        <v>149</v>
      </c>
      <c r="AP36666">
        <v>148</v>
      </c>
      <c r="AQ36666">
        <v>148</v>
      </c>
    </row>
    <row r="36667" spans="1:43">
      <c r="A36667" t="s">
        <v>22727</v>
      </c>
      <c r="B36667" t="s">
        <v>22728</v>
      </c>
      <c r="C36667" t="s">
        <v>22721</v>
      </c>
      <c r="D36667" t="s">
        <v>22722</v>
      </c>
      <c r="E36667" t="s">
        <v>22537</v>
      </c>
      <c r="F36667" t="s">
        <v>22538</v>
      </c>
      <c r="G36667" t="s">
        <v>22539</v>
      </c>
      <c r="H36667" t="s">
        <v>22540</v>
      </c>
      <c r="I36667" s="2">
        <v>0</v>
      </c>
      <c r="J36667" s="2">
        <v>0</v>
      </c>
      <c r="K36667" s="2">
        <v>1</v>
      </c>
      <c r="L36667" t="s">
        <v>995</v>
      </c>
      <c r="M36667" t="s">
        <v>87</v>
      </c>
      <c r="N36667" t="s">
        <v>88</v>
      </c>
      <c r="O36667" t="s">
        <v>85</v>
      </c>
      <c r="P36667" t="s">
        <v>86</v>
      </c>
      <c r="Q36667">
        <v>122</v>
      </c>
      <c r="R36667">
        <v>122</v>
      </c>
      <c r="S36667">
        <v>122</v>
      </c>
      <c r="T36667">
        <v>123</v>
      </c>
      <c r="U36667">
        <v>123</v>
      </c>
      <c r="V36667">
        <v>124</v>
      </c>
      <c r="W36667">
        <v>124</v>
      </c>
      <c r="X36667">
        <v>125</v>
      </c>
      <c r="Y36667">
        <v>125</v>
      </c>
      <c r="Z36667">
        <v>125</v>
      </c>
      <c r="AA36667">
        <v>126</v>
      </c>
      <c r="AB36667">
        <v>126</v>
      </c>
      <c r="AC36667">
        <v>126</v>
      </c>
      <c r="AD36667">
        <v>127</v>
      </c>
      <c r="AE36667">
        <v>127</v>
      </c>
      <c r="AF36667">
        <v>127</v>
      </c>
      <c r="AG36667">
        <v>128</v>
      </c>
      <c r="AH36667">
        <v>128</v>
      </c>
      <c r="AI36667">
        <v>128</v>
      </c>
      <c r="AJ36667">
        <v>129</v>
      </c>
      <c r="AK36667">
        <v>129</v>
      </c>
      <c r="AL36667">
        <v>129</v>
      </c>
      <c r="AM36667">
        <v>129</v>
      </c>
      <c r="AN36667">
        <v>130</v>
      </c>
      <c r="AO36667">
        <v>130</v>
      </c>
      <c r="AP36667">
        <v>130</v>
      </c>
      <c r="AQ36667">
        <v>130</v>
      </c>
    </row>
    <row r="36668" spans="1:43">
      <c r="A36668" t="s">
        <v>22727</v>
      </c>
      <c r="B36668" t="s">
        <v>22728</v>
      </c>
      <c r="C36668" t="s">
        <v>22721</v>
      </c>
      <c r="D36668" t="s">
        <v>22722</v>
      </c>
      <c r="E36668" t="s">
        <v>22537</v>
      </c>
      <c r="F36668" t="s">
        <v>22538</v>
      </c>
      <c r="G36668" t="s">
        <v>22539</v>
      </c>
      <c r="H36668" t="s">
        <v>22540</v>
      </c>
      <c r="I36668" s="2">
        <v>0</v>
      </c>
      <c r="J36668" s="2">
        <v>0</v>
      </c>
      <c r="K36668" s="2">
        <v>1</v>
      </c>
      <c r="L36668" t="s">
        <v>995</v>
      </c>
      <c r="M36668" t="s">
        <v>89</v>
      </c>
      <c r="N36668" t="s">
        <v>90</v>
      </c>
      <c r="O36668" t="s">
        <v>85</v>
      </c>
      <c r="P36668" t="s">
        <v>86</v>
      </c>
      <c r="Q36668">
        <v>122</v>
      </c>
      <c r="R36668">
        <v>124</v>
      </c>
      <c r="S36668">
        <v>127</v>
      </c>
      <c r="T36668">
        <v>130</v>
      </c>
      <c r="U36668">
        <v>132</v>
      </c>
      <c r="V36668">
        <v>134</v>
      </c>
      <c r="W36668">
        <v>137</v>
      </c>
      <c r="X36668">
        <v>139</v>
      </c>
      <c r="Y36668">
        <v>141</v>
      </c>
      <c r="Z36668">
        <v>143</v>
      </c>
      <c r="AA36668">
        <v>145</v>
      </c>
      <c r="AB36668">
        <v>146</v>
      </c>
      <c r="AC36668">
        <v>148</v>
      </c>
      <c r="AD36668">
        <v>150</v>
      </c>
      <c r="AE36668">
        <v>151</v>
      </c>
      <c r="AF36668">
        <v>151</v>
      </c>
      <c r="AG36668">
        <v>151</v>
      </c>
      <c r="AH36668">
        <v>151</v>
      </c>
      <c r="AI36668">
        <v>150</v>
      </c>
      <c r="AJ36668">
        <v>150</v>
      </c>
      <c r="AK36668">
        <v>150</v>
      </c>
      <c r="AL36668">
        <v>150</v>
      </c>
      <c r="AM36668">
        <v>149</v>
      </c>
      <c r="AN36668">
        <v>149</v>
      </c>
      <c r="AO36668">
        <v>149</v>
      </c>
      <c r="AP36668">
        <v>149</v>
      </c>
      <c r="AQ36668">
        <v>148</v>
      </c>
    </row>
    <row r="36669" spans="1:43">
      <c r="A36669" t="s">
        <v>22727</v>
      </c>
      <c r="B36669" t="s">
        <v>22728</v>
      </c>
      <c r="C36669" t="s">
        <v>22721</v>
      </c>
      <c r="D36669" t="s">
        <v>22722</v>
      </c>
      <c r="E36669" t="s">
        <v>22537</v>
      </c>
      <c r="F36669" t="s">
        <v>22538</v>
      </c>
      <c r="G36669" t="s">
        <v>22539</v>
      </c>
      <c r="H36669" t="s">
        <v>22540</v>
      </c>
      <c r="I36669" s="2">
        <v>0</v>
      </c>
      <c r="J36669" s="2">
        <v>0</v>
      </c>
      <c r="K36669" s="2">
        <v>1</v>
      </c>
      <c r="L36669" t="s">
        <v>995</v>
      </c>
      <c r="M36669" t="s">
        <v>83</v>
      </c>
      <c r="N36669" t="s">
        <v>91</v>
      </c>
      <c r="O36669" t="s">
        <v>85</v>
      </c>
      <c r="P36669" t="s">
        <v>86</v>
      </c>
      <c r="Q36669">
        <v>122</v>
      </c>
      <c r="R36669">
        <v>123</v>
      </c>
      <c r="S36669">
        <v>125</v>
      </c>
      <c r="T36669">
        <v>126</v>
      </c>
      <c r="U36669">
        <v>128</v>
      </c>
      <c r="V36669">
        <v>130</v>
      </c>
      <c r="W36669">
        <v>131</v>
      </c>
      <c r="X36669">
        <v>133</v>
      </c>
      <c r="Y36669">
        <v>134</v>
      </c>
      <c r="Z36669">
        <v>136</v>
      </c>
      <c r="AA36669">
        <v>137</v>
      </c>
      <c r="AB36669">
        <v>138</v>
      </c>
      <c r="AC36669">
        <v>140</v>
      </c>
      <c r="AD36669">
        <v>141</v>
      </c>
      <c r="AE36669">
        <v>142</v>
      </c>
      <c r="AF36669">
        <v>143</v>
      </c>
      <c r="AG36669">
        <v>145</v>
      </c>
      <c r="AH36669">
        <v>146</v>
      </c>
      <c r="AI36669">
        <v>147</v>
      </c>
      <c r="AJ36669">
        <v>148</v>
      </c>
      <c r="AK36669">
        <v>149</v>
      </c>
      <c r="AL36669">
        <v>150</v>
      </c>
      <c r="AM36669">
        <v>149</v>
      </c>
      <c r="AN36669">
        <v>149</v>
      </c>
      <c r="AO36669">
        <v>149</v>
      </c>
      <c r="AP36669">
        <v>148</v>
      </c>
      <c r="AQ36669">
        <v>148</v>
      </c>
    </row>
    <row r="36670" spans="1:43">
      <c r="A36670" t="s">
        <v>22729</v>
      </c>
      <c r="B36670" t="s">
        <v>22730</v>
      </c>
      <c r="C36670" t="s">
        <v>22721</v>
      </c>
      <c r="D36670" t="s">
        <v>22722</v>
      </c>
      <c r="E36670" t="s">
        <v>22537</v>
      </c>
      <c r="F36670" t="s">
        <v>22538</v>
      </c>
      <c r="G36670" t="s">
        <v>22539</v>
      </c>
      <c r="H36670" t="s">
        <v>22540</v>
      </c>
      <c r="I36670" s="2">
        <v>0</v>
      </c>
      <c r="J36670" s="2">
        <v>0</v>
      </c>
      <c r="K36670" s="2">
        <v>1</v>
      </c>
      <c r="L36670" t="s">
        <v>995</v>
      </c>
      <c r="M36670" t="s">
        <v>83</v>
      </c>
      <c r="N36670" t="s">
        <v>84</v>
      </c>
      <c r="O36670" t="s">
        <v>85</v>
      </c>
      <c r="P36670" t="s">
        <v>86</v>
      </c>
      <c r="Q36670">
        <v>106</v>
      </c>
      <c r="R36670">
        <v>107</v>
      </c>
      <c r="S36670">
        <v>108</v>
      </c>
      <c r="T36670">
        <v>109</v>
      </c>
      <c r="U36670">
        <v>111</v>
      </c>
      <c r="V36670">
        <v>112</v>
      </c>
      <c r="W36670">
        <v>113</v>
      </c>
      <c r="X36670">
        <v>114</v>
      </c>
      <c r="Y36670">
        <v>116</v>
      </c>
      <c r="Z36670">
        <v>117</v>
      </c>
      <c r="AA36670">
        <v>118</v>
      </c>
      <c r="AB36670">
        <v>119</v>
      </c>
      <c r="AC36670">
        <v>120</v>
      </c>
      <c r="AD36670">
        <v>121</v>
      </c>
      <c r="AE36670">
        <v>122</v>
      </c>
      <c r="AF36670">
        <v>123</v>
      </c>
      <c r="AG36670">
        <v>124</v>
      </c>
      <c r="AH36670">
        <v>125</v>
      </c>
      <c r="AI36670">
        <v>126</v>
      </c>
      <c r="AJ36670">
        <v>127</v>
      </c>
      <c r="AK36670">
        <v>128</v>
      </c>
      <c r="AL36670">
        <v>128</v>
      </c>
      <c r="AM36670">
        <v>128</v>
      </c>
      <c r="AN36670">
        <v>128</v>
      </c>
      <c r="AO36670">
        <v>127</v>
      </c>
      <c r="AP36670">
        <v>127</v>
      </c>
      <c r="AQ36670">
        <v>127</v>
      </c>
    </row>
    <row r="36671" spans="1:43">
      <c r="A36671" t="s">
        <v>22729</v>
      </c>
      <c r="B36671" t="s">
        <v>22730</v>
      </c>
      <c r="C36671" t="s">
        <v>22721</v>
      </c>
      <c r="D36671" t="s">
        <v>22722</v>
      </c>
      <c r="E36671" t="s">
        <v>22537</v>
      </c>
      <c r="F36671" t="s">
        <v>22538</v>
      </c>
      <c r="G36671" t="s">
        <v>22539</v>
      </c>
      <c r="H36671" t="s">
        <v>22540</v>
      </c>
      <c r="I36671" s="2">
        <v>0</v>
      </c>
      <c r="J36671" s="2">
        <v>0</v>
      </c>
      <c r="K36671" s="2">
        <v>1</v>
      </c>
      <c r="L36671" t="s">
        <v>995</v>
      </c>
      <c r="M36671" t="s">
        <v>87</v>
      </c>
      <c r="N36671" t="s">
        <v>88</v>
      </c>
      <c r="O36671" t="s">
        <v>85</v>
      </c>
      <c r="P36671" t="s">
        <v>86</v>
      </c>
      <c r="Q36671">
        <v>106</v>
      </c>
      <c r="R36671">
        <v>106</v>
      </c>
      <c r="S36671">
        <v>106</v>
      </c>
      <c r="T36671">
        <v>107</v>
      </c>
      <c r="U36671">
        <v>107</v>
      </c>
      <c r="V36671">
        <v>107</v>
      </c>
      <c r="W36671">
        <v>107</v>
      </c>
      <c r="X36671">
        <v>108</v>
      </c>
      <c r="Y36671">
        <v>108</v>
      </c>
      <c r="Z36671">
        <v>108</v>
      </c>
      <c r="AA36671">
        <v>108</v>
      </c>
      <c r="AB36671">
        <v>109</v>
      </c>
      <c r="AC36671">
        <v>109</v>
      </c>
      <c r="AD36671">
        <v>109</v>
      </c>
      <c r="AE36671">
        <v>109</v>
      </c>
      <c r="AF36671">
        <v>110</v>
      </c>
      <c r="AG36671">
        <v>110</v>
      </c>
      <c r="AH36671">
        <v>110</v>
      </c>
      <c r="AI36671">
        <v>110</v>
      </c>
      <c r="AJ36671">
        <v>110</v>
      </c>
      <c r="AK36671">
        <v>110</v>
      </c>
      <c r="AL36671">
        <v>111</v>
      </c>
      <c r="AM36671">
        <v>111</v>
      </c>
      <c r="AN36671">
        <v>111</v>
      </c>
      <c r="AO36671">
        <v>111</v>
      </c>
      <c r="AP36671">
        <v>111</v>
      </c>
      <c r="AQ36671">
        <v>111</v>
      </c>
    </row>
    <row r="36672" spans="1:43">
      <c r="A36672" t="s">
        <v>22729</v>
      </c>
      <c r="B36672" t="s">
        <v>22730</v>
      </c>
      <c r="C36672" t="s">
        <v>22721</v>
      </c>
      <c r="D36672" t="s">
        <v>22722</v>
      </c>
      <c r="E36672" t="s">
        <v>22537</v>
      </c>
      <c r="F36672" t="s">
        <v>22538</v>
      </c>
      <c r="G36672" t="s">
        <v>22539</v>
      </c>
      <c r="H36672" t="s">
        <v>22540</v>
      </c>
      <c r="I36672" s="2">
        <v>0</v>
      </c>
      <c r="J36672" s="2">
        <v>0</v>
      </c>
      <c r="K36672" s="2">
        <v>1</v>
      </c>
      <c r="L36672" t="s">
        <v>995</v>
      </c>
      <c r="M36672" t="s">
        <v>89</v>
      </c>
      <c r="N36672" t="s">
        <v>90</v>
      </c>
      <c r="O36672" t="s">
        <v>85</v>
      </c>
      <c r="P36672" t="s">
        <v>86</v>
      </c>
      <c r="Q36672">
        <v>106</v>
      </c>
      <c r="R36672">
        <v>108</v>
      </c>
      <c r="S36672">
        <v>110</v>
      </c>
      <c r="T36672">
        <v>112</v>
      </c>
      <c r="U36672">
        <v>114</v>
      </c>
      <c r="V36672">
        <v>116</v>
      </c>
      <c r="W36672">
        <v>118</v>
      </c>
      <c r="X36672">
        <v>120</v>
      </c>
      <c r="Y36672">
        <v>122</v>
      </c>
      <c r="Z36672">
        <v>123</v>
      </c>
      <c r="AA36672">
        <v>125</v>
      </c>
      <c r="AB36672">
        <v>126</v>
      </c>
      <c r="AC36672">
        <v>128</v>
      </c>
      <c r="AD36672">
        <v>129</v>
      </c>
      <c r="AE36672">
        <v>130</v>
      </c>
      <c r="AF36672">
        <v>130</v>
      </c>
      <c r="AG36672">
        <v>130</v>
      </c>
      <c r="AH36672">
        <v>129</v>
      </c>
      <c r="AI36672">
        <v>129</v>
      </c>
      <c r="AJ36672">
        <v>129</v>
      </c>
      <c r="AK36672">
        <v>129</v>
      </c>
      <c r="AL36672">
        <v>128</v>
      </c>
      <c r="AM36672">
        <v>128</v>
      </c>
      <c r="AN36672">
        <v>128</v>
      </c>
      <c r="AO36672">
        <v>127</v>
      </c>
      <c r="AP36672">
        <v>127</v>
      </c>
      <c r="AQ36672">
        <v>126</v>
      </c>
    </row>
    <row r="36673" spans="1:43">
      <c r="A36673" t="s">
        <v>22729</v>
      </c>
      <c r="B36673" t="s">
        <v>22730</v>
      </c>
      <c r="C36673" t="s">
        <v>22721</v>
      </c>
      <c r="D36673" t="s">
        <v>22722</v>
      </c>
      <c r="E36673" t="s">
        <v>22537</v>
      </c>
      <c r="F36673" t="s">
        <v>22538</v>
      </c>
      <c r="G36673" t="s">
        <v>22539</v>
      </c>
      <c r="H36673" t="s">
        <v>22540</v>
      </c>
      <c r="I36673" s="2">
        <v>0</v>
      </c>
      <c r="J36673" s="2">
        <v>0</v>
      </c>
      <c r="K36673" s="2">
        <v>1</v>
      </c>
      <c r="L36673" t="s">
        <v>995</v>
      </c>
      <c r="M36673" t="s">
        <v>83</v>
      </c>
      <c r="N36673" t="s">
        <v>91</v>
      </c>
      <c r="O36673" t="s">
        <v>85</v>
      </c>
      <c r="P36673" t="s">
        <v>86</v>
      </c>
      <c r="Q36673">
        <v>106</v>
      </c>
      <c r="R36673">
        <v>107</v>
      </c>
      <c r="S36673">
        <v>108</v>
      </c>
      <c r="T36673">
        <v>109</v>
      </c>
      <c r="U36673">
        <v>111</v>
      </c>
      <c r="V36673">
        <v>112</v>
      </c>
      <c r="W36673">
        <v>113</v>
      </c>
      <c r="X36673">
        <v>114</v>
      </c>
      <c r="Y36673">
        <v>116</v>
      </c>
      <c r="Z36673">
        <v>117</v>
      </c>
      <c r="AA36673">
        <v>118</v>
      </c>
      <c r="AB36673">
        <v>119</v>
      </c>
      <c r="AC36673">
        <v>120</v>
      </c>
      <c r="AD36673">
        <v>121</v>
      </c>
      <c r="AE36673">
        <v>122</v>
      </c>
      <c r="AF36673">
        <v>123</v>
      </c>
      <c r="AG36673">
        <v>124</v>
      </c>
      <c r="AH36673">
        <v>125</v>
      </c>
      <c r="AI36673">
        <v>126</v>
      </c>
      <c r="AJ36673">
        <v>127</v>
      </c>
      <c r="AK36673">
        <v>128</v>
      </c>
      <c r="AL36673">
        <v>128</v>
      </c>
      <c r="AM36673">
        <v>128</v>
      </c>
      <c r="AN36673">
        <v>128</v>
      </c>
      <c r="AO36673">
        <v>127</v>
      </c>
      <c r="AP36673">
        <v>127</v>
      </c>
      <c r="AQ36673">
        <v>127</v>
      </c>
    </row>
    <row r="36674" spans="1:43">
      <c r="A36674" t="s">
        <v>22731</v>
      </c>
      <c r="B36674" t="s">
        <v>22732</v>
      </c>
      <c r="C36674" t="s">
        <v>22721</v>
      </c>
      <c r="D36674" t="s">
        <v>22722</v>
      </c>
      <c r="E36674" t="s">
        <v>22537</v>
      </c>
      <c r="F36674" t="s">
        <v>22538</v>
      </c>
      <c r="G36674" t="s">
        <v>22539</v>
      </c>
      <c r="H36674" t="s">
        <v>22540</v>
      </c>
      <c r="I36674" s="2">
        <v>0</v>
      </c>
      <c r="J36674" s="2">
        <v>0</v>
      </c>
      <c r="K36674" s="2">
        <v>1</v>
      </c>
      <c r="L36674" t="s">
        <v>995</v>
      </c>
      <c r="M36674" t="s">
        <v>83</v>
      </c>
      <c r="N36674" t="s">
        <v>84</v>
      </c>
      <c r="O36674" t="s">
        <v>85</v>
      </c>
      <c r="P36674" t="s">
        <v>86</v>
      </c>
      <c r="Q36674">
        <v>28</v>
      </c>
      <c r="R36674">
        <v>29</v>
      </c>
      <c r="S36674">
        <v>29</v>
      </c>
      <c r="T36674">
        <v>29</v>
      </c>
      <c r="U36674">
        <v>30</v>
      </c>
      <c r="V36674">
        <v>30</v>
      </c>
      <c r="W36674">
        <v>30</v>
      </c>
      <c r="X36674">
        <v>31</v>
      </c>
      <c r="Y36674">
        <v>31</v>
      </c>
      <c r="Z36674">
        <v>31</v>
      </c>
      <c r="AA36674">
        <v>32</v>
      </c>
      <c r="AB36674">
        <v>32</v>
      </c>
      <c r="AC36674">
        <v>32</v>
      </c>
      <c r="AD36674">
        <v>33</v>
      </c>
      <c r="AE36674">
        <v>33</v>
      </c>
      <c r="AF36674">
        <v>33</v>
      </c>
      <c r="AG36674">
        <v>33</v>
      </c>
      <c r="AH36674">
        <v>34</v>
      </c>
      <c r="AI36674">
        <v>34</v>
      </c>
      <c r="AJ36674">
        <v>34</v>
      </c>
      <c r="AK36674">
        <v>34</v>
      </c>
      <c r="AL36674">
        <v>34</v>
      </c>
      <c r="AM36674">
        <v>34</v>
      </c>
      <c r="AN36674">
        <v>34</v>
      </c>
      <c r="AO36674">
        <v>34</v>
      </c>
      <c r="AP36674">
        <v>34</v>
      </c>
      <c r="AQ36674">
        <v>34</v>
      </c>
    </row>
    <row r="36675" spans="1:43">
      <c r="A36675" t="s">
        <v>22731</v>
      </c>
      <c r="B36675" t="s">
        <v>22732</v>
      </c>
      <c r="C36675" t="s">
        <v>22721</v>
      </c>
      <c r="D36675" t="s">
        <v>22722</v>
      </c>
      <c r="E36675" t="s">
        <v>22537</v>
      </c>
      <c r="F36675" t="s">
        <v>22538</v>
      </c>
      <c r="G36675" t="s">
        <v>22539</v>
      </c>
      <c r="H36675" t="s">
        <v>22540</v>
      </c>
      <c r="I36675" s="2">
        <v>0</v>
      </c>
      <c r="J36675" s="2">
        <v>0</v>
      </c>
      <c r="K36675" s="2">
        <v>1</v>
      </c>
      <c r="L36675" t="s">
        <v>995</v>
      </c>
      <c r="M36675" t="s">
        <v>87</v>
      </c>
      <c r="N36675" t="s">
        <v>88</v>
      </c>
      <c r="O36675" t="s">
        <v>85</v>
      </c>
      <c r="P36675" t="s">
        <v>86</v>
      </c>
      <c r="Q36675">
        <v>28</v>
      </c>
      <c r="R36675">
        <v>28</v>
      </c>
      <c r="S36675">
        <v>28</v>
      </c>
      <c r="T36675">
        <v>28</v>
      </c>
      <c r="U36675">
        <v>28</v>
      </c>
      <c r="V36675">
        <v>28</v>
      </c>
      <c r="W36675">
        <v>28</v>
      </c>
      <c r="X36675">
        <v>29</v>
      </c>
      <c r="Y36675">
        <v>29</v>
      </c>
      <c r="Z36675">
        <v>29</v>
      </c>
      <c r="AA36675">
        <v>29</v>
      </c>
      <c r="AB36675">
        <v>29</v>
      </c>
      <c r="AC36675">
        <v>29</v>
      </c>
      <c r="AD36675">
        <v>29</v>
      </c>
      <c r="AE36675">
        <v>29</v>
      </c>
      <c r="AF36675">
        <v>29</v>
      </c>
      <c r="AG36675">
        <v>29</v>
      </c>
      <c r="AH36675">
        <v>29</v>
      </c>
      <c r="AI36675">
        <v>29</v>
      </c>
      <c r="AJ36675">
        <v>29</v>
      </c>
      <c r="AK36675">
        <v>29</v>
      </c>
      <c r="AL36675">
        <v>30</v>
      </c>
      <c r="AM36675">
        <v>30</v>
      </c>
      <c r="AN36675">
        <v>30</v>
      </c>
      <c r="AO36675">
        <v>30</v>
      </c>
      <c r="AP36675">
        <v>30</v>
      </c>
      <c r="AQ36675">
        <v>30</v>
      </c>
    </row>
    <row r="36676" spans="1:43">
      <c r="A36676" t="s">
        <v>22731</v>
      </c>
      <c r="B36676" t="s">
        <v>22732</v>
      </c>
      <c r="C36676" t="s">
        <v>22721</v>
      </c>
      <c r="D36676" t="s">
        <v>22722</v>
      </c>
      <c r="E36676" t="s">
        <v>22537</v>
      </c>
      <c r="F36676" t="s">
        <v>22538</v>
      </c>
      <c r="G36676" t="s">
        <v>22539</v>
      </c>
      <c r="H36676" t="s">
        <v>22540</v>
      </c>
      <c r="I36676" s="2">
        <v>0</v>
      </c>
      <c r="J36676" s="2">
        <v>0</v>
      </c>
      <c r="K36676" s="2">
        <v>1</v>
      </c>
      <c r="L36676" t="s">
        <v>995</v>
      </c>
      <c r="M36676" t="s">
        <v>89</v>
      </c>
      <c r="N36676" t="s">
        <v>90</v>
      </c>
      <c r="O36676" t="s">
        <v>85</v>
      </c>
      <c r="P36676" t="s">
        <v>86</v>
      </c>
      <c r="Q36676">
        <v>28</v>
      </c>
      <c r="R36676">
        <v>29</v>
      </c>
      <c r="S36676">
        <v>30</v>
      </c>
      <c r="T36676">
        <v>30</v>
      </c>
      <c r="U36676">
        <v>31</v>
      </c>
      <c r="V36676">
        <v>31</v>
      </c>
      <c r="W36676">
        <v>32</v>
      </c>
      <c r="X36676">
        <v>32</v>
      </c>
      <c r="Y36676">
        <v>33</v>
      </c>
      <c r="Z36676">
        <v>33</v>
      </c>
      <c r="AA36676">
        <v>34</v>
      </c>
      <c r="AB36676">
        <v>34</v>
      </c>
      <c r="AC36676">
        <v>35</v>
      </c>
      <c r="AD36676">
        <v>35</v>
      </c>
      <c r="AE36676">
        <v>35</v>
      </c>
      <c r="AF36676">
        <v>35</v>
      </c>
      <c r="AG36676">
        <v>35</v>
      </c>
      <c r="AH36676">
        <v>35</v>
      </c>
      <c r="AI36676">
        <v>35</v>
      </c>
      <c r="AJ36676">
        <v>35</v>
      </c>
      <c r="AK36676">
        <v>35</v>
      </c>
      <c r="AL36676">
        <v>35</v>
      </c>
      <c r="AM36676">
        <v>35</v>
      </c>
      <c r="AN36676">
        <v>35</v>
      </c>
      <c r="AO36676">
        <v>35</v>
      </c>
      <c r="AP36676">
        <v>34</v>
      </c>
      <c r="AQ36676">
        <v>34</v>
      </c>
    </row>
    <row r="36677" spans="1:43">
      <c r="A36677" t="s">
        <v>22731</v>
      </c>
      <c r="B36677" t="s">
        <v>22732</v>
      </c>
      <c r="C36677" t="s">
        <v>22721</v>
      </c>
      <c r="D36677" t="s">
        <v>22722</v>
      </c>
      <c r="E36677" t="s">
        <v>22537</v>
      </c>
      <c r="F36677" t="s">
        <v>22538</v>
      </c>
      <c r="G36677" t="s">
        <v>22539</v>
      </c>
      <c r="H36677" t="s">
        <v>22540</v>
      </c>
      <c r="I36677" s="2">
        <v>0</v>
      </c>
      <c r="J36677" s="2">
        <v>0</v>
      </c>
      <c r="K36677" s="2">
        <v>1</v>
      </c>
      <c r="L36677" t="s">
        <v>995</v>
      </c>
      <c r="M36677" t="s">
        <v>83</v>
      </c>
      <c r="N36677" t="s">
        <v>91</v>
      </c>
      <c r="O36677" t="s">
        <v>85</v>
      </c>
      <c r="P36677" t="s">
        <v>86</v>
      </c>
      <c r="Q36677">
        <v>28</v>
      </c>
      <c r="R36677">
        <v>29</v>
      </c>
      <c r="S36677">
        <v>29</v>
      </c>
      <c r="T36677">
        <v>29</v>
      </c>
      <c r="U36677">
        <v>30</v>
      </c>
      <c r="V36677">
        <v>30</v>
      </c>
      <c r="W36677">
        <v>30</v>
      </c>
      <c r="X36677">
        <v>31</v>
      </c>
      <c r="Y36677">
        <v>31</v>
      </c>
      <c r="Z36677">
        <v>31</v>
      </c>
      <c r="AA36677">
        <v>32</v>
      </c>
      <c r="AB36677">
        <v>32</v>
      </c>
      <c r="AC36677">
        <v>32</v>
      </c>
      <c r="AD36677">
        <v>33</v>
      </c>
      <c r="AE36677">
        <v>33</v>
      </c>
      <c r="AF36677">
        <v>33</v>
      </c>
      <c r="AG36677">
        <v>33</v>
      </c>
      <c r="AH36677">
        <v>34</v>
      </c>
      <c r="AI36677">
        <v>34</v>
      </c>
      <c r="AJ36677">
        <v>34</v>
      </c>
      <c r="AK36677">
        <v>34</v>
      </c>
      <c r="AL36677">
        <v>34</v>
      </c>
      <c r="AM36677">
        <v>34</v>
      </c>
      <c r="AN36677">
        <v>34</v>
      </c>
      <c r="AO36677">
        <v>34</v>
      </c>
      <c r="AP36677">
        <v>34</v>
      </c>
      <c r="AQ36677">
        <v>34</v>
      </c>
    </row>
    <row r="36678" spans="1:43">
      <c r="A36678" t="s">
        <v>22733</v>
      </c>
      <c r="B36678" t="s">
        <v>22734</v>
      </c>
      <c r="C36678" t="s">
        <v>22735</v>
      </c>
      <c r="D36678" t="s">
        <v>22736</v>
      </c>
      <c r="E36678" t="s">
        <v>22737</v>
      </c>
      <c r="F36678" t="s">
        <v>22738</v>
      </c>
      <c r="G36678" t="s">
        <v>11612</v>
      </c>
      <c r="H36678" t="s">
        <v>11613</v>
      </c>
      <c r="I36678" s="2">
        <v>0</v>
      </c>
      <c r="J36678" s="2">
        <v>0</v>
      </c>
      <c r="K36678" s="2">
        <v>1</v>
      </c>
      <c r="L36678" t="s">
        <v>995</v>
      </c>
      <c r="M36678" t="s">
        <v>83</v>
      </c>
      <c r="N36678" t="s">
        <v>84</v>
      </c>
      <c r="O36678" t="s">
        <v>85</v>
      </c>
      <c r="P36678" t="s">
        <v>86</v>
      </c>
      <c r="Q36678">
        <v>10</v>
      </c>
      <c r="R36678">
        <v>10</v>
      </c>
      <c r="S36678">
        <v>10</v>
      </c>
      <c r="T36678">
        <v>10</v>
      </c>
      <c r="U36678">
        <v>10</v>
      </c>
      <c r="V36678">
        <v>10</v>
      </c>
      <c r="W36678">
        <v>10</v>
      </c>
      <c r="X36678">
        <v>10</v>
      </c>
      <c r="Y36678">
        <v>10</v>
      </c>
      <c r="Z36678">
        <v>10</v>
      </c>
      <c r="AA36678">
        <v>10</v>
      </c>
      <c r="AB36678">
        <v>11</v>
      </c>
      <c r="AC36678">
        <v>11</v>
      </c>
      <c r="AD36678">
        <v>11</v>
      </c>
      <c r="AE36678">
        <v>11</v>
      </c>
      <c r="AF36678">
        <v>11</v>
      </c>
      <c r="AG36678">
        <v>11</v>
      </c>
      <c r="AH36678">
        <v>11</v>
      </c>
      <c r="AI36678">
        <v>11</v>
      </c>
      <c r="AJ36678">
        <v>11</v>
      </c>
      <c r="AK36678">
        <v>11</v>
      </c>
      <c r="AL36678">
        <v>11</v>
      </c>
      <c r="AM36678">
        <v>11</v>
      </c>
      <c r="AN36678">
        <v>11</v>
      </c>
      <c r="AO36678">
        <v>11</v>
      </c>
      <c r="AP36678">
        <v>11</v>
      </c>
      <c r="AQ36678">
        <v>11</v>
      </c>
    </row>
    <row r="36679" spans="1:43">
      <c r="A36679" t="s">
        <v>22733</v>
      </c>
      <c r="B36679" t="s">
        <v>22734</v>
      </c>
      <c r="C36679" t="s">
        <v>22735</v>
      </c>
      <c r="D36679" t="s">
        <v>22736</v>
      </c>
      <c r="E36679" t="s">
        <v>22737</v>
      </c>
      <c r="F36679" t="s">
        <v>22738</v>
      </c>
      <c r="G36679" t="s">
        <v>11612</v>
      </c>
      <c r="H36679" t="s">
        <v>11613</v>
      </c>
      <c r="I36679" s="2">
        <v>0</v>
      </c>
      <c r="J36679" s="2">
        <v>0</v>
      </c>
      <c r="K36679" s="2">
        <v>1</v>
      </c>
      <c r="L36679" t="s">
        <v>995</v>
      </c>
      <c r="M36679" t="s">
        <v>87</v>
      </c>
      <c r="N36679" t="s">
        <v>88</v>
      </c>
      <c r="O36679" t="s">
        <v>85</v>
      </c>
      <c r="P36679" t="s">
        <v>86</v>
      </c>
      <c r="Q36679">
        <v>10</v>
      </c>
      <c r="R36679">
        <v>10</v>
      </c>
      <c r="S36679">
        <v>10</v>
      </c>
      <c r="T36679">
        <v>10</v>
      </c>
      <c r="U36679">
        <v>10</v>
      </c>
      <c r="V36679">
        <v>10</v>
      </c>
      <c r="W36679">
        <v>10</v>
      </c>
      <c r="X36679">
        <v>10</v>
      </c>
      <c r="Y36679">
        <v>10</v>
      </c>
      <c r="Z36679">
        <v>10</v>
      </c>
      <c r="AA36679">
        <v>10</v>
      </c>
      <c r="AB36679">
        <v>9</v>
      </c>
      <c r="AC36679">
        <v>9</v>
      </c>
      <c r="AD36679">
        <v>9</v>
      </c>
      <c r="AE36679">
        <v>9</v>
      </c>
      <c r="AF36679">
        <v>9</v>
      </c>
      <c r="AG36679">
        <v>9</v>
      </c>
      <c r="AH36679">
        <v>9</v>
      </c>
      <c r="AI36679">
        <v>9</v>
      </c>
      <c r="AJ36679">
        <v>9</v>
      </c>
      <c r="AK36679">
        <v>9</v>
      </c>
      <c r="AL36679">
        <v>9</v>
      </c>
      <c r="AM36679">
        <v>9</v>
      </c>
      <c r="AN36679">
        <v>9</v>
      </c>
      <c r="AO36679">
        <v>9</v>
      </c>
      <c r="AP36679">
        <v>9</v>
      </c>
      <c r="AQ36679">
        <v>9</v>
      </c>
    </row>
    <row r="36680" spans="1:43">
      <c r="A36680" t="s">
        <v>22733</v>
      </c>
      <c r="B36680" t="s">
        <v>22734</v>
      </c>
      <c r="C36680" t="s">
        <v>22735</v>
      </c>
      <c r="D36680" t="s">
        <v>22736</v>
      </c>
      <c r="E36680" t="s">
        <v>22737</v>
      </c>
      <c r="F36680" t="s">
        <v>22738</v>
      </c>
      <c r="G36680" t="s">
        <v>11612</v>
      </c>
      <c r="H36680" t="s">
        <v>11613</v>
      </c>
      <c r="I36680" s="2">
        <v>0</v>
      </c>
      <c r="J36680" s="2">
        <v>0</v>
      </c>
      <c r="K36680" s="2">
        <v>1</v>
      </c>
      <c r="L36680" t="s">
        <v>995</v>
      </c>
      <c r="M36680" t="s">
        <v>89</v>
      </c>
      <c r="N36680" t="s">
        <v>90</v>
      </c>
      <c r="O36680" t="s">
        <v>85</v>
      </c>
      <c r="P36680" t="s">
        <v>86</v>
      </c>
      <c r="Q36680">
        <v>10</v>
      </c>
      <c r="R36680">
        <v>10</v>
      </c>
      <c r="S36680">
        <v>10</v>
      </c>
      <c r="T36680">
        <v>10</v>
      </c>
      <c r="U36680">
        <v>10</v>
      </c>
      <c r="V36680">
        <v>11</v>
      </c>
      <c r="W36680">
        <v>11</v>
      </c>
      <c r="X36680">
        <v>11</v>
      </c>
      <c r="Y36680">
        <v>11</v>
      </c>
      <c r="Z36680">
        <v>11</v>
      </c>
      <c r="AA36680">
        <v>11</v>
      </c>
      <c r="AB36680">
        <v>11</v>
      </c>
      <c r="AC36680">
        <v>11</v>
      </c>
      <c r="AD36680">
        <v>11</v>
      </c>
      <c r="AE36680">
        <v>11</v>
      </c>
      <c r="AF36680">
        <v>11</v>
      </c>
      <c r="AG36680">
        <v>11</v>
      </c>
      <c r="AH36680">
        <v>11</v>
      </c>
      <c r="AI36680">
        <v>11</v>
      </c>
      <c r="AJ36680">
        <v>11</v>
      </c>
      <c r="AK36680">
        <v>11</v>
      </c>
      <c r="AL36680">
        <v>11</v>
      </c>
      <c r="AM36680">
        <v>11</v>
      </c>
      <c r="AN36680">
        <v>11</v>
      </c>
      <c r="AO36680">
        <v>11</v>
      </c>
      <c r="AP36680">
        <v>11</v>
      </c>
      <c r="AQ36680">
        <v>11</v>
      </c>
    </row>
    <row r="36681" spans="1:43">
      <c r="A36681" t="s">
        <v>22733</v>
      </c>
      <c r="B36681" t="s">
        <v>22734</v>
      </c>
      <c r="C36681" t="s">
        <v>22735</v>
      </c>
      <c r="D36681" t="s">
        <v>22736</v>
      </c>
      <c r="E36681" t="s">
        <v>22737</v>
      </c>
      <c r="F36681" t="s">
        <v>22738</v>
      </c>
      <c r="G36681" t="s">
        <v>11612</v>
      </c>
      <c r="H36681" t="s">
        <v>11613</v>
      </c>
      <c r="I36681" s="2">
        <v>0</v>
      </c>
      <c r="J36681" s="2">
        <v>0</v>
      </c>
      <c r="K36681" s="2">
        <v>1</v>
      </c>
      <c r="L36681" t="s">
        <v>995</v>
      </c>
      <c r="M36681" t="s">
        <v>83</v>
      </c>
      <c r="N36681" t="s">
        <v>91</v>
      </c>
      <c r="O36681" t="s">
        <v>85</v>
      </c>
      <c r="P36681" t="s">
        <v>86</v>
      </c>
      <c r="Q36681">
        <v>10</v>
      </c>
      <c r="R36681">
        <v>10</v>
      </c>
      <c r="S36681">
        <v>10</v>
      </c>
      <c r="T36681">
        <v>10</v>
      </c>
      <c r="U36681">
        <v>10</v>
      </c>
      <c r="V36681">
        <v>10</v>
      </c>
      <c r="W36681">
        <v>10</v>
      </c>
      <c r="X36681">
        <v>10</v>
      </c>
      <c r="Y36681">
        <v>10</v>
      </c>
      <c r="Z36681">
        <v>10</v>
      </c>
      <c r="AA36681">
        <v>10</v>
      </c>
      <c r="AB36681">
        <v>11</v>
      </c>
      <c r="AC36681">
        <v>11</v>
      </c>
      <c r="AD36681">
        <v>11</v>
      </c>
      <c r="AE36681">
        <v>11</v>
      </c>
      <c r="AF36681">
        <v>11</v>
      </c>
      <c r="AG36681">
        <v>11</v>
      </c>
      <c r="AH36681">
        <v>11</v>
      </c>
      <c r="AI36681">
        <v>11</v>
      </c>
      <c r="AJ36681">
        <v>11</v>
      </c>
      <c r="AK36681">
        <v>11</v>
      </c>
      <c r="AL36681">
        <v>11</v>
      </c>
      <c r="AM36681">
        <v>11</v>
      </c>
      <c r="AN36681">
        <v>11</v>
      </c>
      <c r="AO36681">
        <v>11</v>
      </c>
      <c r="AP36681">
        <v>11</v>
      </c>
      <c r="AQ36681">
        <v>11</v>
      </c>
    </row>
    <row r="36682" spans="1:43">
      <c r="A36682" t="s">
        <v>22739</v>
      </c>
      <c r="B36682" t="s">
        <v>22740</v>
      </c>
      <c r="C36682" t="s">
        <v>22735</v>
      </c>
      <c r="D36682" t="s">
        <v>22736</v>
      </c>
      <c r="E36682" t="s">
        <v>22737</v>
      </c>
      <c r="F36682" t="s">
        <v>22738</v>
      </c>
      <c r="G36682" t="s">
        <v>11612</v>
      </c>
      <c r="H36682" t="s">
        <v>11613</v>
      </c>
      <c r="I36682" s="2">
        <v>0</v>
      </c>
      <c r="J36682" s="2">
        <v>0</v>
      </c>
      <c r="K36682" s="2">
        <v>1</v>
      </c>
      <c r="L36682" t="s">
        <v>995</v>
      </c>
      <c r="M36682" t="s">
        <v>83</v>
      </c>
      <c r="N36682" t="s">
        <v>84</v>
      </c>
      <c r="O36682" t="s">
        <v>85</v>
      </c>
      <c r="P36682" t="s">
        <v>86</v>
      </c>
      <c r="Q36682">
        <v>49</v>
      </c>
      <c r="R36682">
        <v>49</v>
      </c>
      <c r="S36682">
        <v>50</v>
      </c>
      <c r="T36682">
        <v>50</v>
      </c>
      <c r="U36682">
        <v>50</v>
      </c>
      <c r="V36682">
        <v>51</v>
      </c>
      <c r="W36682">
        <v>51</v>
      </c>
      <c r="X36682">
        <v>51</v>
      </c>
      <c r="Y36682">
        <v>52</v>
      </c>
      <c r="Z36682">
        <v>52</v>
      </c>
      <c r="AA36682">
        <v>52</v>
      </c>
      <c r="AB36682">
        <v>53</v>
      </c>
      <c r="AC36682">
        <v>53</v>
      </c>
      <c r="AD36682">
        <v>53</v>
      </c>
      <c r="AE36682">
        <v>53</v>
      </c>
      <c r="AF36682">
        <v>54</v>
      </c>
      <c r="AG36682">
        <v>54</v>
      </c>
      <c r="AH36682">
        <v>54</v>
      </c>
      <c r="AI36682">
        <v>54</v>
      </c>
      <c r="AJ36682">
        <v>54</v>
      </c>
      <c r="AK36682">
        <v>55</v>
      </c>
      <c r="AL36682">
        <v>54</v>
      </c>
      <c r="AM36682">
        <v>54</v>
      </c>
      <c r="AN36682">
        <v>54</v>
      </c>
      <c r="AO36682">
        <v>53</v>
      </c>
      <c r="AP36682">
        <v>53</v>
      </c>
      <c r="AQ36682">
        <v>53</v>
      </c>
    </row>
    <row r="36683" spans="1:43">
      <c r="A36683" t="s">
        <v>22739</v>
      </c>
      <c r="B36683" t="s">
        <v>22740</v>
      </c>
      <c r="C36683" t="s">
        <v>22735</v>
      </c>
      <c r="D36683" t="s">
        <v>22736</v>
      </c>
      <c r="E36683" t="s">
        <v>22737</v>
      </c>
      <c r="F36683" t="s">
        <v>22738</v>
      </c>
      <c r="G36683" t="s">
        <v>11612</v>
      </c>
      <c r="H36683" t="s">
        <v>11613</v>
      </c>
      <c r="I36683" s="2">
        <v>0</v>
      </c>
      <c r="J36683" s="2">
        <v>0</v>
      </c>
      <c r="K36683" s="2">
        <v>1</v>
      </c>
      <c r="L36683" t="s">
        <v>995</v>
      </c>
      <c r="M36683" t="s">
        <v>87</v>
      </c>
      <c r="N36683" t="s">
        <v>88</v>
      </c>
      <c r="O36683" t="s">
        <v>85</v>
      </c>
      <c r="P36683" t="s">
        <v>86</v>
      </c>
      <c r="Q36683">
        <v>49</v>
      </c>
      <c r="R36683">
        <v>49</v>
      </c>
      <c r="S36683">
        <v>48</v>
      </c>
      <c r="T36683">
        <v>48</v>
      </c>
      <c r="U36683">
        <v>48</v>
      </c>
      <c r="V36683">
        <v>48</v>
      </c>
      <c r="W36683">
        <v>48</v>
      </c>
      <c r="X36683">
        <v>48</v>
      </c>
      <c r="Y36683">
        <v>48</v>
      </c>
      <c r="Z36683">
        <v>48</v>
      </c>
      <c r="AA36683">
        <v>48</v>
      </c>
      <c r="AB36683">
        <v>48</v>
      </c>
      <c r="AC36683">
        <v>47</v>
      </c>
      <c r="AD36683">
        <v>47</v>
      </c>
      <c r="AE36683">
        <v>47</v>
      </c>
      <c r="AF36683">
        <v>47</v>
      </c>
      <c r="AG36683">
        <v>47</v>
      </c>
      <c r="AH36683">
        <v>47</v>
      </c>
      <c r="AI36683">
        <v>47</v>
      </c>
      <c r="AJ36683">
        <v>47</v>
      </c>
      <c r="AK36683">
        <v>47</v>
      </c>
      <c r="AL36683">
        <v>46</v>
      </c>
      <c r="AM36683">
        <v>46</v>
      </c>
      <c r="AN36683">
        <v>46</v>
      </c>
      <c r="AO36683">
        <v>46</v>
      </c>
      <c r="AP36683">
        <v>46</v>
      </c>
      <c r="AQ36683">
        <v>46</v>
      </c>
    </row>
    <row r="36684" spans="1:43">
      <c r="A36684" t="s">
        <v>22739</v>
      </c>
      <c r="B36684" t="s">
        <v>22740</v>
      </c>
      <c r="C36684" t="s">
        <v>22735</v>
      </c>
      <c r="D36684" t="s">
        <v>22736</v>
      </c>
      <c r="E36684" t="s">
        <v>22737</v>
      </c>
      <c r="F36684" t="s">
        <v>22738</v>
      </c>
      <c r="G36684" t="s">
        <v>11612</v>
      </c>
      <c r="H36684" t="s">
        <v>11613</v>
      </c>
      <c r="I36684" s="2">
        <v>0</v>
      </c>
      <c r="J36684" s="2">
        <v>0</v>
      </c>
      <c r="K36684" s="2">
        <v>1</v>
      </c>
      <c r="L36684" t="s">
        <v>995</v>
      </c>
      <c r="M36684" t="s">
        <v>89</v>
      </c>
      <c r="N36684" t="s">
        <v>90</v>
      </c>
      <c r="O36684" t="s">
        <v>85</v>
      </c>
      <c r="P36684" t="s">
        <v>86</v>
      </c>
      <c r="Q36684">
        <v>49</v>
      </c>
      <c r="R36684">
        <v>50</v>
      </c>
      <c r="S36684">
        <v>51</v>
      </c>
      <c r="T36684">
        <v>52</v>
      </c>
      <c r="U36684">
        <v>52</v>
      </c>
      <c r="V36684">
        <v>53</v>
      </c>
      <c r="W36684">
        <v>54</v>
      </c>
      <c r="X36684">
        <v>54</v>
      </c>
      <c r="Y36684">
        <v>55</v>
      </c>
      <c r="Z36684">
        <v>55</v>
      </c>
      <c r="AA36684">
        <v>56</v>
      </c>
      <c r="AB36684">
        <v>56</v>
      </c>
      <c r="AC36684">
        <v>57</v>
      </c>
      <c r="AD36684">
        <v>57</v>
      </c>
      <c r="AE36684">
        <v>57</v>
      </c>
      <c r="AF36684">
        <v>57</v>
      </c>
      <c r="AG36684">
        <v>57</v>
      </c>
      <c r="AH36684">
        <v>56</v>
      </c>
      <c r="AI36684">
        <v>56</v>
      </c>
      <c r="AJ36684">
        <v>56</v>
      </c>
      <c r="AK36684">
        <v>55</v>
      </c>
      <c r="AL36684">
        <v>55</v>
      </c>
      <c r="AM36684">
        <v>54</v>
      </c>
      <c r="AN36684">
        <v>54</v>
      </c>
      <c r="AO36684">
        <v>54</v>
      </c>
      <c r="AP36684">
        <v>53</v>
      </c>
      <c r="AQ36684">
        <v>53</v>
      </c>
    </row>
    <row r="36685" spans="1:43">
      <c r="A36685" t="s">
        <v>22739</v>
      </c>
      <c r="B36685" t="s">
        <v>22740</v>
      </c>
      <c r="C36685" t="s">
        <v>22735</v>
      </c>
      <c r="D36685" t="s">
        <v>22736</v>
      </c>
      <c r="E36685" t="s">
        <v>22737</v>
      </c>
      <c r="F36685" t="s">
        <v>22738</v>
      </c>
      <c r="G36685" t="s">
        <v>11612</v>
      </c>
      <c r="H36685" t="s">
        <v>11613</v>
      </c>
      <c r="I36685" s="2">
        <v>0</v>
      </c>
      <c r="J36685" s="2">
        <v>0</v>
      </c>
      <c r="K36685" s="2">
        <v>1</v>
      </c>
      <c r="L36685" t="s">
        <v>995</v>
      </c>
      <c r="M36685" t="s">
        <v>83</v>
      </c>
      <c r="N36685" t="s">
        <v>91</v>
      </c>
      <c r="O36685" t="s">
        <v>85</v>
      </c>
      <c r="P36685" t="s">
        <v>86</v>
      </c>
      <c r="Q36685">
        <v>49</v>
      </c>
      <c r="R36685">
        <v>49</v>
      </c>
      <c r="S36685">
        <v>50</v>
      </c>
      <c r="T36685">
        <v>50</v>
      </c>
      <c r="U36685">
        <v>50</v>
      </c>
      <c r="V36685">
        <v>51</v>
      </c>
      <c r="W36685">
        <v>51</v>
      </c>
      <c r="X36685">
        <v>51</v>
      </c>
      <c r="Y36685">
        <v>52</v>
      </c>
      <c r="Z36685">
        <v>52</v>
      </c>
      <c r="AA36685">
        <v>52</v>
      </c>
      <c r="AB36685">
        <v>53</v>
      </c>
      <c r="AC36685">
        <v>53</v>
      </c>
      <c r="AD36685">
        <v>53</v>
      </c>
      <c r="AE36685">
        <v>53</v>
      </c>
      <c r="AF36685">
        <v>54</v>
      </c>
      <c r="AG36685">
        <v>54</v>
      </c>
      <c r="AH36685">
        <v>54</v>
      </c>
      <c r="AI36685">
        <v>54</v>
      </c>
      <c r="AJ36685">
        <v>54</v>
      </c>
      <c r="AK36685">
        <v>55</v>
      </c>
      <c r="AL36685">
        <v>54</v>
      </c>
      <c r="AM36685">
        <v>54</v>
      </c>
      <c r="AN36685">
        <v>54</v>
      </c>
      <c r="AO36685">
        <v>53</v>
      </c>
      <c r="AP36685">
        <v>53</v>
      </c>
      <c r="AQ36685">
        <v>53</v>
      </c>
    </row>
    <row r="36686" spans="1:43">
      <c r="A36686" t="s">
        <v>22741</v>
      </c>
      <c r="B36686" t="s">
        <v>22742</v>
      </c>
      <c r="C36686" t="s">
        <v>22743</v>
      </c>
      <c r="D36686" t="s">
        <v>22744</v>
      </c>
      <c r="E36686" t="s">
        <v>22737</v>
      </c>
      <c r="F36686" t="s">
        <v>22738</v>
      </c>
      <c r="G36686" t="s">
        <v>11612</v>
      </c>
      <c r="H36686" t="s">
        <v>11613</v>
      </c>
      <c r="I36686" s="2">
        <v>0</v>
      </c>
      <c r="J36686" s="2">
        <v>0</v>
      </c>
      <c r="K36686" s="2">
        <v>1</v>
      </c>
      <c r="L36686" t="s">
        <v>995</v>
      </c>
      <c r="M36686" t="s">
        <v>83</v>
      </c>
      <c r="N36686" t="s">
        <v>84</v>
      </c>
      <c r="O36686" t="s">
        <v>85</v>
      </c>
      <c r="P36686" t="s">
        <v>86</v>
      </c>
      <c r="Q36686">
        <v>18</v>
      </c>
      <c r="R36686">
        <v>19</v>
      </c>
      <c r="S36686">
        <v>19</v>
      </c>
      <c r="T36686">
        <v>19</v>
      </c>
      <c r="U36686">
        <v>19</v>
      </c>
      <c r="V36686">
        <v>19</v>
      </c>
      <c r="W36686">
        <v>19</v>
      </c>
      <c r="X36686">
        <v>20</v>
      </c>
      <c r="Y36686">
        <v>20</v>
      </c>
      <c r="Z36686">
        <v>20</v>
      </c>
      <c r="AA36686">
        <v>20</v>
      </c>
      <c r="AB36686">
        <v>20</v>
      </c>
      <c r="AC36686">
        <v>20</v>
      </c>
      <c r="AD36686">
        <v>20</v>
      </c>
      <c r="AE36686">
        <v>20</v>
      </c>
      <c r="AF36686">
        <v>20</v>
      </c>
      <c r="AG36686">
        <v>21</v>
      </c>
      <c r="AH36686">
        <v>21</v>
      </c>
      <c r="AI36686">
        <v>21</v>
      </c>
      <c r="AJ36686">
        <v>21</v>
      </c>
      <c r="AK36686">
        <v>21</v>
      </c>
      <c r="AL36686">
        <v>21</v>
      </c>
      <c r="AM36686">
        <v>21</v>
      </c>
      <c r="AN36686">
        <v>21</v>
      </c>
      <c r="AO36686">
        <v>21</v>
      </c>
      <c r="AP36686">
        <v>20</v>
      </c>
      <c r="AQ36686">
        <v>20</v>
      </c>
    </row>
    <row r="36687" spans="1:43">
      <c r="A36687" t="s">
        <v>22741</v>
      </c>
      <c r="B36687" t="s">
        <v>22742</v>
      </c>
      <c r="C36687" t="s">
        <v>22743</v>
      </c>
      <c r="D36687" t="s">
        <v>22744</v>
      </c>
      <c r="E36687" t="s">
        <v>22737</v>
      </c>
      <c r="F36687" t="s">
        <v>22738</v>
      </c>
      <c r="G36687" t="s">
        <v>11612</v>
      </c>
      <c r="H36687" t="s">
        <v>11613</v>
      </c>
      <c r="I36687" s="2">
        <v>0</v>
      </c>
      <c r="J36687" s="2">
        <v>0</v>
      </c>
      <c r="K36687" s="2">
        <v>1</v>
      </c>
      <c r="L36687" t="s">
        <v>995</v>
      </c>
      <c r="M36687" t="s">
        <v>87</v>
      </c>
      <c r="N36687" t="s">
        <v>88</v>
      </c>
      <c r="O36687" t="s">
        <v>85</v>
      </c>
      <c r="P36687" t="s">
        <v>86</v>
      </c>
      <c r="Q36687">
        <v>18</v>
      </c>
      <c r="R36687">
        <v>18</v>
      </c>
      <c r="S36687">
        <v>18</v>
      </c>
      <c r="T36687">
        <v>18</v>
      </c>
      <c r="U36687">
        <v>18</v>
      </c>
      <c r="V36687">
        <v>18</v>
      </c>
      <c r="W36687">
        <v>18</v>
      </c>
      <c r="X36687">
        <v>18</v>
      </c>
      <c r="Y36687">
        <v>18</v>
      </c>
      <c r="Z36687">
        <v>18</v>
      </c>
      <c r="AA36687">
        <v>18</v>
      </c>
      <c r="AB36687">
        <v>18</v>
      </c>
      <c r="AC36687">
        <v>18</v>
      </c>
      <c r="AD36687">
        <v>18</v>
      </c>
      <c r="AE36687">
        <v>18</v>
      </c>
      <c r="AF36687">
        <v>18</v>
      </c>
      <c r="AG36687">
        <v>18</v>
      </c>
      <c r="AH36687">
        <v>18</v>
      </c>
      <c r="AI36687">
        <v>18</v>
      </c>
      <c r="AJ36687">
        <v>18</v>
      </c>
      <c r="AK36687">
        <v>18</v>
      </c>
      <c r="AL36687">
        <v>18</v>
      </c>
      <c r="AM36687">
        <v>18</v>
      </c>
      <c r="AN36687">
        <v>18</v>
      </c>
      <c r="AO36687">
        <v>18</v>
      </c>
      <c r="AP36687">
        <v>18</v>
      </c>
      <c r="AQ36687">
        <v>18</v>
      </c>
    </row>
    <row r="36688" spans="1:43">
      <c r="A36688" t="s">
        <v>22741</v>
      </c>
      <c r="B36688" t="s">
        <v>22742</v>
      </c>
      <c r="C36688" t="s">
        <v>22743</v>
      </c>
      <c r="D36688" t="s">
        <v>22744</v>
      </c>
      <c r="E36688" t="s">
        <v>22737</v>
      </c>
      <c r="F36688" t="s">
        <v>22738</v>
      </c>
      <c r="G36688" t="s">
        <v>11612</v>
      </c>
      <c r="H36688" t="s">
        <v>11613</v>
      </c>
      <c r="I36688" s="2">
        <v>0</v>
      </c>
      <c r="J36688" s="2">
        <v>0</v>
      </c>
      <c r="K36688" s="2">
        <v>1</v>
      </c>
      <c r="L36688" t="s">
        <v>995</v>
      </c>
      <c r="M36688" t="s">
        <v>89</v>
      </c>
      <c r="N36688" t="s">
        <v>90</v>
      </c>
      <c r="O36688" t="s">
        <v>85</v>
      </c>
      <c r="P36688" t="s">
        <v>86</v>
      </c>
      <c r="Q36688">
        <v>18</v>
      </c>
      <c r="R36688">
        <v>18</v>
      </c>
      <c r="S36688">
        <v>18</v>
      </c>
      <c r="T36688">
        <v>19</v>
      </c>
      <c r="U36688">
        <v>19</v>
      </c>
      <c r="V36688">
        <v>19</v>
      </c>
      <c r="W36688">
        <v>19</v>
      </c>
      <c r="X36688">
        <v>20</v>
      </c>
      <c r="Y36688">
        <v>20</v>
      </c>
      <c r="Z36688">
        <v>20</v>
      </c>
      <c r="AA36688">
        <v>20</v>
      </c>
      <c r="AB36688">
        <v>20</v>
      </c>
      <c r="AC36688">
        <v>21</v>
      </c>
      <c r="AD36688">
        <v>21</v>
      </c>
      <c r="AE36688">
        <v>21</v>
      </c>
      <c r="AF36688">
        <v>21</v>
      </c>
      <c r="AG36688">
        <v>21</v>
      </c>
      <c r="AH36688">
        <v>20</v>
      </c>
      <c r="AI36688">
        <v>20</v>
      </c>
      <c r="AJ36688">
        <v>20</v>
      </c>
      <c r="AK36688">
        <v>20</v>
      </c>
      <c r="AL36688">
        <v>20</v>
      </c>
      <c r="AM36688">
        <v>20</v>
      </c>
      <c r="AN36688">
        <v>20</v>
      </c>
      <c r="AO36688">
        <v>20</v>
      </c>
      <c r="AP36688">
        <v>20</v>
      </c>
      <c r="AQ36688">
        <v>20</v>
      </c>
    </row>
    <row r="36689" spans="1:43">
      <c r="A36689" t="s">
        <v>22741</v>
      </c>
      <c r="B36689" t="s">
        <v>22742</v>
      </c>
      <c r="C36689" t="s">
        <v>22743</v>
      </c>
      <c r="D36689" t="s">
        <v>22744</v>
      </c>
      <c r="E36689" t="s">
        <v>22737</v>
      </c>
      <c r="F36689" t="s">
        <v>22738</v>
      </c>
      <c r="G36689" t="s">
        <v>11612</v>
      </c>
      <c r="H36689" t="s">
        <v>11613</v>
      </c>
      <c r="I36689" s="2">
        <v>0</v>
      </c>
      <c r="J36689" s="2">
        <v>0</v>
      </c>
      <c r="K36689" s="2">
        <v>1</v>
      </c>
      <c r="L36689" t="s">
        <v>995</v>
      </c>
      <c r="M36689" t="s">
        <v>83</v>
      </c>
      <c r="N36689" t="s">
        <v>91</v>
      </c>
      <c r="O36689" t="s">
        <v>85</v>
      </c>
      <c r="P36689" t="s">
        <v>86</v>
      </c>
      <c r="Q36689">
        <v>18</v>
      </c>
      <c r="R36689">
        <v>19</v>
      </c>
      <c r="S36689">
        <v>19</v>
      </c>
      <c r="T36689">
        <v>19</v>
      </c>
      <c r="U36689">
        <v>19</v>
      </c>
      <c r="V36689">
        <v>19</v>
      </c>
      <c r="W36689">
        <v>19</v>
      </c>
      <c r="X36689">
        <v>20</v>
      </c>
      <c r="Y36689">
        <v>20</v>
      </c>
      <c r="Z36689">
        <v>20</v>
      </c>
      <c r="AA36689">
        <v>20</v>
      </c>
      <c r="AB36689">
        <v>20</v>
      </c>
      <c r="AC36689">
        <v>20</v>
      </c>
      <c r="AD36689">
        <v>20</v>
      </c>
      <c r="AE36689">
        <v>20</v>
      </c>
      <c r="AF36689">
        <v>20</v>
      </c>
      <c r="AG36689">
        <v>21</v>
      </c>
      <c r="AH36689">
        <v>21</v>
      </c>
      <c r="AI36689">
        <v>21</v>
      </c>
      <c r="AJ36689">
        <v>21</v>
      </c>
      <c r="AK36689">
        <v>21</v>
      </c>
      <c r="AL36689">
        <v>21</v>
      </c>
      <c r="AM36689">
        <v>21</v>
      </c>
      <c r="AN36689">
        <v>21</v>
      </c>
      <c r="AO36689">
        <v>21</v>
      </c>
      <c r="AP36689">
        <v>20</v>
      </c>
      <c r="AQ36689">
        <v>20</v>
      </c>
    </row>
    <row r="36690" spans="1:43">
      <c r="A36690" t="s">
        <v>22745</v>
      </c>
      <c r="B36690" t="s">
        <v>22746</v>
      </c>
      <c r="C36690" t="s">
        <v>22743</v>
      </c>
      <c r="D36690" t="s">
        <v>22744</v>
      </c>
      <c r="E36690" t="s">
        <v>22737</v>
      </c>
      <c r="F36690" t="s">
        <v>22738</v>
      </c>
      <c r="G36690" t="s">
        <v>11612</v>
      </c>
      <c r="H36690" t="s">
        <v>11613</v>
      </c>
      <c r="I36690" s="2">
        <v>0</v>
      </c>
      <c r="J36690" s="2">
        <v>0</v>
      </c>
      <c r="K36690" s="2">
        <v>1</v>
      </c>
      <c r="L36690" t="s">
        <v>995</v>
      </c>
      <c r="M36690" t="s">
        <v>83</v>
      </c>
      <c r="N36690" t="s">
        <v>84</v>
      </c>
      <c r="O36690" t="s">
        <v>85</v>
      </c>
      <c r="P36690" t="s">
        <v>86</v>
      </c>
      <c r="Q36690">
        <v>17</v>
      </c>
      <c r="R36690">
        <v>17</v>
      </c>
      <c r="S36690">
        <v>18</v>
      </c>
      <c r="T36690">
        <v>18</v>
      </c>
      <c r="U36690">
        <v>18</v>
      </c>
      <c r="V36690">
        <v>18</v>
      </c>
      <c r="W36690">
        <v>18</v>
      </c>
      <c r="X36690">
        <v>18</v>
      </c>
      <c r="Y36690">
        <v>18</v>
      </c>
      <c r="Z36690">
        <v>19</v>
      </c>
      <c r="AA36690">
        <v>19</v>
      </c>
      <c r="AB36690">
        <v>19</v>
      </c>
      <c r="AC36690">
        <v>19</v>
      </c>
      <c r="AD36690">
        <v>19</v>
      </c>
      <c r="AE36690">
        <v>19</v>
      </c>
      <c r="AF36690">
        <v>19</v>
      </c>
      <c r="AG36690">
        <v>19</v>
      </c>
      <c r="AH36690">
        <v>19</v>
      </c>
      <c r="AI36690">
        <v>19</v>
      </c>
      <c r="AJ36690">
        <v>20</v>
      </c>
      <c r="AK36690">
        <v>20</v>
      </c>
      <c r="AL36690">
        <v>20</v>
      </c>
      <c r="AM36690">
        <v>20</v>
      </c>
      <c r="AN36690">
        <v>19</v>
      </c>
      <c r="AO36690">
        <v>19</v>
      </c>
      <c r="AP36690">
        <v>19</v>
      </c>
      <c r="AQ36690">
        <v>19</v>
      </c>
    </row>
    <row r="36691" spans="1:43">
      <c r="A36691" t="s">
        <v>22745</v>
      </c>
      <c r="B36691" t="s">
        <v>22746</v>
      </c>
      <c r="C36691" t="s">
        <v>22743</v>
      </c>
      <c r="D36691" t="s">
        <v>22744</v>
      </c>
      <c r="E36691" t="s">
        <v>22737</v>
      </c>
      <c r="F36691" t="s">
        <v>22738</v>
      </c>
      <c r="G36691" t="s">
        <v>11612</v>
      </c>
      <c r="H36691" t="s">
        <v>11613</v>
      </c>
      <c r="I36691" s="2">
        <v>0</v>
      </c>
      <c r="J36691" s="2">
        <v>0</v>
      </c>
      <c r="K36691" s="2">
        <v>1</v>
      </c>
      <c r="L36691" t="s">
        <v>995</v>
      </c>
      <c r="M36691" t="s">
        <v>87</v>
      </c>
      <c r="N36691" t="s">
        <v>88</v>
      </c>
      <c r="O36691" t="s">
        <v>85</v>
      </c>
      <c r="P36691" t="s">
        <v>86</v>
      </c>
      <c r="Q36691">
        <v>17</v>
      </c>
      <c r="R36691">
        <v>17</v>
      </c>
      <c r="S36691">
        <v>17</v>
      </c>
      <c r="T36691">
        <v>17</v>
      </c>
      <c r="U36691">
        <v>17</v>
      </c>
      <c r="V36691">
        <v>17</v>
      </c>
      <c r="W36691">
        <v>17</v>
      </c>
      <c r="X36691">
        <v>17</v>
      </c>
      <c r="Y36691">
        <v>17</v>
      </c>
      <c r="Z36691">
        <v>17</v>
      </c>
      <c r="AA36691">
        <v>17</v>
      </c>
      <c r="AB36691">
        <v>17</v>
      </c>
      <c r="AC36691">
        <v>17</v>
      </c>
      <c r="AD36691">
        <v>17</v>
      </c>
      <c r="AE36691">
        <v>17</v>
      </c>
      <c r="AF36691">
        <v>17</v>
      </c>
      <c r="AG36691">
        <v>17</v>
      </c>
      <c r="AH36691">
        <v>17</v>
      </c>
      <c r="AI36691">
        <v>17</v>
      </c>
      <c r="AJ36691">
        <v>17</v>
      </c>
      <c r="AK36691">
        <v>17</v>
      </c>
      <c r="AL36691">
        <v>17</v>
      </c>
      <c r="AM36691">
        <v>17</v>
      </c>
      <c r="AN36691">
        <v>17</v>
      </c>
      <c r="AO36691">
        <v>17</v>
      </c>
      <c r="AP36691">
        <v>17</v>
      </c>
      <c r="AQ36691">
        <v>17</v>
      </c>
    </row>
    <row r="36692" spans="1:43">
      <c r="A36692" t="s">
        <v>22745</v>
      </c>
      <c r="B36692" t="s">
        <v>22746</v>
      </c>
      <c r="C36692" t="s">
        <v>22743</v>
      </c>
      <c r="D36692" t="s">
        <v>22744</v>
      </c>
      <c r="E36692" t="s">
        <v>22737</v>
      </c>
      <c r="F36692" t="s">
        <v>22738</v>
      </c>
      <c r="G36692" t="s">
        <v>11612</v>
      </c>
      <c r="H36692" t="s">
        <v>11613</v>
      </c>
      <c r="I36692" s="2">
        <v>0</v>
      </c>
      <c r="J36692" s="2">
        <v>0</v>
      </c>
      <c r="K36692" s="2">
        <v>1</v>
      </c>
      <c r="L36692" t="s">
        <v>995</v>
      </c>
      <c r="M36692" t="s">
        <v>89</v>
      </c>
      <c r="N36692" t="s">
        <v>90</v>
      </c>
      <c r="O36692" t="s">
        <v>85</v>
      </c>
      <c r="P36692" t="s">
        <v>86</v>
      </c>
      <c r="Q36692">
        <v>17</v>
      </c>
      <c r="R36692">
        <v>18</v>
      </c>
      <c r="S36692">
        <v>18</v>
      </c>
      <c r="T36692">
        <v>18</v>
      </c>
      <c r="U36692">
        <v>19</v>
      </c>
      <c r="V36692">
        <v>19</v>
      </c>
      <c r="W36692">
        <v>19</v>
      </c>
      <c r="X36692">
        <v>19</v>
      </c>
      <c r="Y36692">
        <v>19</v>
      </c>
      <c r="Z36692">
        <v>20</v>
      </c>
      <c r="AA36692">
        <v>20</v>
      </c>
      <c r="AB36692">
        <v>20</v>
      </c>
      <c r="AC36692">
        <v>20</v>
      </c>
      <c r="AD36692">
        <v>20</v>
      </c>
      <c r="AE36692">
        <v>20</v>
      </c>
      <c r="AF36692">
        <v>20</v>
      </c>
      <c r="AG36692">
        <v>20</v>
      </c>
      <c r="AH36692">
        <v>20</v>
      </c>
      <c r="AI36692">
        <v>20</v>
      </c>
      <c r="AJ36692">
        <v>20</v>
      </c>
      <c r="AK36692">
        <v>20</v>
      </c>
      <c r="AL36692">
        <v>20</v>
      </c>
      <c r="AM36692">
        <v>20</v>
      </c>
      <c r="AN36692">
        <v>20</v>
      </c>
      <c r="AO36692">
        <v>20</v>
      </c>
      <c r="AP36692">
        <v>19</v>
      </c>
      <c r="AQ36692">
        <v>19</v>
      </c>
    </row>
    <row r="36693" spans="1:43">
      <c r="A36693" t="s">
        <v>22745</v>
      </c>
      <c r="B36693" t="s">
        <v>22746</v>
      </c>
      <c r="C36693" t="s">
        <v>22743</v>
      </c>
      <c r="D36693" t="s">
        <v>22744</v>
      </c>
      <c r="E36693" t="s">
        <v>22737</v>
      </c>
      <c r="F36693" t="s">
        <v>22738</v>
      </c>
      <c r="G36693" t="s">
        <v>11612</v>
      </c>
      <c r="H36693" t="s">
        <v>11613</v>
      </c>
      <c r="I36693" s="2">
        <v>0</v>
      </c>
      <c r="J36693" s="2">
        <v>0</v>
      </c>
      <c r="K36693" s="2">
        <v>1</v>
      </c>
      <c r="L36693" t="s">
        <v>995</v>
      </c>
      <c r="M36693" t="s">
        <v>83</v>
      </c>
      <c r="N36693" t="s">
        <v>91</v>
      </c>
      <c r="O36693" t="s">
        <v>85</v>
      </c>
      <c r="P36693" t="s">
        <v>86</v>
      </c>
      <c r="Q36693">
        <v>17</v>
      </c>
      <c r="R36693">
        <v>17</v>
      </c>
      <c r="S36693">
        <v>18</v>
      </c>
      <c r="T36693">
        <v>18</v>
      </c>
      <c r="U36693">
        <v>18</v>
      </c>
      <c r="V36693">
        <v>18</v>
      </c>
      <c r="W36693">
        <v>18</v>
      </c>
      <c r="X36693">
        <v>18</v>
      </c>
      <c r="Y36693">
        <v>18</v>
      </c>
      <c r="Z36693">
        <v>19</v>
      </c>
      <c r="AA36693">
        <v>19</v>
      </c>
      <c r="AB36693">
        <v>19</v>
      </c>
      <c r="AC36693">
        <v>19</v>
      </c>
      <c r="AD36693">
        <v>19</v>
      </c>
      <c r="AE36693">
        <v>19</v>
      </c>
      <c r="AF36693">
        <v>19</v>
      </c>
      <c r="AG36693">
        <v>19</v>
      </c>
      <c r="AH36693">
        <v>19</v>
      </c>
      <c r="AI36693">
        <v>19</v>
      </c>
      <c r="AJ36693">
        <v>20</v>
      </c>
      <c r="AK36693">
        <v>20</v>
      </c>
      <c r="AL36693">
        <v>20</v>
      </c>
      <c r="AM36693">
        <v>20</v>
      </c>
      <c r="AN36693">
        <v>19</v>
      </c>
      <c r="AO36693">
        <v>19</v>
      </c>
      <c r="AP36693">
        <v>19</v>
      </c>
      <c r="AQ36693">
        <v>19</v>
      </c>
    </row>
    <row r="36694" spans="1:43">
      <c r="A36694" t="s">
        <v>22747</v>
      </c>
      <c r="B36694" t="s">
        <v>22748</v>
      </c>
      <c r="C36694" t="s">
        <v>22749</v>
      </c>
      <c r="D36694" t="s">
        <v>22750</v>
      </c>
      <c r="E36694" t="s">
        <v>22737</v>
      </c>
      <c r="F36694" t="s">
        <v>22738</v>
      </c>
      <c r="G36694" t="s">
        <v>11612</v>
      </c>
      <c r="H36694" t="s">
        <v>11613</v>
      </c>
      <c r="I36694" s="2">
        <v>0</v>
      </c>
      <c r="J36694" s="2">
        <v>0</v>
      </c>
      <c r="K36694" s="2">
        <v>1</v>
      </c>
      <c r="L36694" t="s">
        <v>995</v>
      </c>
      <c r="M36694" t="s">
        <v>83</v>
      </c>
      <c r="N36694" t="s">
        <v>84</v>
      </c>
      <c r="O36694" t="s">
        <v>85</v>
      </c>
      <c r="P36694" t="s">
        <v>86</v>
      </c>
      <c r="Q36694">
        <v>40</v>
      </c>
      <c r="R36694">
        <v>40</v>
      </c>
      <c r="S36694">
        <v>40</v>
      </c>
      <c r="T36694">
        <v>41</v>
      </c>
      <c r="U36694">
        <v>41</v>
      </c>
      <c r="V36694">
        <v>41</v>
      </c>
      <c r="W36694">
        <v>42</v>
      </c>
      <c r="X36694">
        <v>42</v>
      </c>
      <c r="Y36694">
        <v>42</v>
      </c>
      <c r="Z36694">
        <v>43</v>
      </c>
      <c r="AA36694">
        <v>43</v>
      </c>
      <c r="AB36694">
        <v>43</v>
      </c>
      <c r="AC36694">
        <v>43</v>
      </c>
      <c r="AD36694">
        <v>44</v>
      </c>
      <c r="AE36694">
        <v>44</v>
      </c>
      <c r="AF36694">
        <v>44</v>
      </c>
      <c r="AG36694">
        <v>44</v>
      </c>
      <c r="AH36694">
        <v>45</v>
      </c>
      <c r="AI36694">
        <v>45</v>
      </c>
      <c r="AJ36694">
        <v>45</v>
      </c>
      <c r="AK36694">
        <v>45</v>
      </c>
      <c r="AL36694">
        <v>45</v>
      </c>
      <c r="AM36694">
        <v>45</v>
      </c>
      <c r="AN36694">
        <v>45</v>
      </c>
      <c r="AO36694">
        <v>45</v>
      </c>
      <c r="AP36694">
        <v>44</v>
      </c>
      <c r="AQ36694">
        <v>44</v>
      </c>
    </row>
    <row r="36695" spans="1:43">
      <c r="A36695" t="s">
        <v>22747</v>
      </c>
      <c r="B36695" t="s">
        <v>22748</v>
      </c>
      <c r="C36695" t="s">
        <v>22749</v>
      </c>
      <c r="D36695" t="s">
        <v>22750</v>
      </c>
      <c r="E36695" t="s">
        <v>22737</v>
      </c>
      <c r="F36695" t="s">
        <v>22738</v>
      </c>
      <c r="G36695" t="s">
        <v>11612</v>
      </c>
      <c r="H36695" t="s">
        <v>11613</v>
      </c>
      <c r="I36695" s="2">
        <v>0</v>
      </c>
      <c r="J36695" s="2">
        <v>0</v>
      </c>
      <c r="K36695" s="2">
        <v>1</v>
      </c>
      <c r="L36695" t="s">
        <v>995</v>
      </c>
      <c r="M36695" t="s">
        <v>87</v>
      </c>
      <c r="N36695" t="s">
        <v>88</v>
      </c>
      <c r="O36695" t="s">
        <v>85</v>
      </c>
      <c r="P36695" t="s">
        <v>86</v>
      </c>
      <c r="Q36695">
        <v>40</v>
      </c>
      <c r="R36695">
        <v>40</v>
      </c>
      <c r="S36695">
        <v>40</v>
      </c>
      <c r="T36695">
        <v>40</v>
      </c>
      <c r="U36695">
        <v>40</v>
      </c>
      <c r="V36695">
        <v>40</v>
      </c>
      <c r="W36695">
        <v>40</v>
      </c>
      <c r="X36695">
        <v>40</v>
      </c>
      <c r="Y36695">
        <v>40</v>
      </c>
      <c r="Z36695">
        <v>40</v>
      </c>
      <c r="AA36695">
        <v>40</v>
      </c>
      <c r="AB36695">
        <v>40</v>
      </c>
      <c r="AC36695">
        <v>40</v>
      </c>
      <c r="AD36695">
        <v>40</v>
      </c>
      <c r="AE36695">
        <v>40</v>
      </c>
      <c r="AF36695">
        <v>40</v>
      </c>
      <c r="AG36695">
        <v>40</v>
      </c>
      <c r="AH36695">
        <v>40</v>
      </c>
      <c r="AI36695">
        <v>40</v>
      </c>
      <c r="AJ36695">
        <v>40</v>
      </c>
      <c r="AK36695">
        <v>40</v>
      </c>
      <c r="AL36695">
        <v>40</v>
      </c>
      <c r="AM36695">
        <v>40</v>
      </c>
      <c r="AN36695">
        <v>40</v>
      </c>
      <c r="AO36695">
        <v>40</v>
      </c>
      <c r="AP36695">
        <v>40</v>
      </c>
      <c r="AQ36695">
        <v>40</v>
      </c>
    </row>
    <row r="36696" spans="1:43">
      <c r="A36696" t="s">
        <v>22747</v>
      </c>
      <c r="B36696" t="s">
        <v>22748</v>
      </c>
      <c r="C36696" t="s">
        <v>22749</v>
      </c>
      <c r="D36696" t="s">
        <v>22750</v>
      </c>
      <c r="E36696" t="s">
        <v>22737</v>
      </c>
      <c r="F36696" t="s">
        <v>22738</v>
      </c>
      <c r="G36696" t="s">
        <v>11612</v>
      </c>
      <c r="H36696" t="s">
        <v>11613</v>
      </c>
      <c r="I36696" s="2">
        <v>0</v>
      </c>
      <c r="J36696" s="2">
        <v>0</v>
      </c>
      <c r="K36696" s="2">
        <v>1</v>
      </c>
      <c r="L36696" t="s">
        <v>995</v>
      </c>
      <c r="M36696" t="s">
        <v>89</v>
      </c>
      <c r="N36696" t="s">
        <v>90</v>
      </c>
      <c r="O36696" t="s">
        <v>85</v>
      </c>
      <c r="P36696" t="s">
        <v>86</v>
      </c>
      <c r="Q36696">
        <v>40</v>
      </c>
      <c r="R36696">
        <v>41</v>
      </c>
      <c r="S36696">
        <v>41</v>
      </c>
      <c r="T36696">
        <v>42</v>
      </c>
      <c r="U36696">
        <v>43</v>
      </c>
      <c r="V36696">
        <v>43</v>
      </c>
      <c r="W36696">
        <v>44</v>
      </c>
      <c r="X36696">
        <v>44</v>
      </c>
      <c r="Y36696">
        <v>45</v>
      </c>
      <c r="Z36696">
        <v>45</v>
      </c>
      <c r="AA36696">
        <v>46</v>
      </c>
      <c r="AB36696">
        <v>46</v>
      </c>
      <c r="AC36696">
        <v>46</v>
      </c>
      <c r="AD36696">
        <v>47</v>
      </c>
      <c r="AE36696">
        <v>47</v>
      </c>
      <c r="AF36696">
        <v>47</v>
      </c>
      <c r="AG36696">
        <v>47</v>
      </c>
      <c r="AH36696">
        <v>46</v>
      </c>
      <c r="AI36696">
        <v>46</v>
      </c>
      <c r="AJ36696">
        <v>46</v>
      </c>
      <c r="AK36696">
        <v>46</v>
      </c>
      <c r="AL36696">
        <v>46</v>
      </c>
      <c r="AM36696">
        <v>45</v>
      </c>
      <c r="AN36696">
        <v>45</v>
      </c>
      <c r="AO36696">
        <v>45</v>
      </c>
      <c r="AP36696">
        <v>45</v>
      </c>
      <c r="AQ36696">
        <v>45</v>
      </c>
    </row>
    <row r="36697" spans="1:43">
      <c r="A36697" t="s">
        <v>22747</v>
      </c>
      <c r="B36697" t="s">
        <v>22748</v>
      </c>
      <c r="C36697" t="s">
        <v>22749</v>
      </c>
      <c r="D36697" t="s">
        <v>22750</v>
      </c>
      <c r="E36697" t="s">
        <v>22737</v>
      </c>
      <c r="F36697" t="s">
        <v>22738</v>
      </c>
      <c r="G36697" t="s">
        <v>11612</v>
      </c>
      <c r="H36697" t="s">
        <v>11613</v>
      </c>
      <c r="I36697" s="2">
        <v>0</v>
      </c>
      <c r="J36697" s="2">
        <v>0</v>
      </c>
      <c r="K36697" s="2">
        <v>1</v>
      </c>
      <c r="L36697" t="s">
        <v>995</v>
      </c>
      <c r="M36697" t="s">
        <v>83</v>
      </c>
      <c r="N36697" t="s">
        <v>91</v>
      </c>
      <c r="O36697" t="s">
        <v>85</v>
      </c>
      <c r="P36697" t="s">
        <v>86</v>
      </c>
      <c r="Q36697">
        <v>40</v>
      </c>
      <c r="R36697">
        <v>40</v>
      </c>
      <c r="S36697">
        <v>40</v>
      </c>
      <c r="T36697">
        <v>41</v>
      </c>
      <c r="U36697">
        <v>41</v>
      </c>
      <c r="V36697">
        <v>41</v>
      </c>
      <c r="W36697">
        <v>42</v>
      </c>
      <c r="X36697">
        <v>42</v>
      </c>
      <c r="Y36697">
        <v>42</v>
      </c>
      <c r="Z36697">
        <v>43</v>
      </c>
      <c r="AA36697">
        <v>43</v>
      </c>
      <c r="AB36697">
        <v>43</v>
      </c>
      <c r="AC36697">
        <v>43</v>
      </c>
      <c r="AD36697">
        <v>44</v>
      </c>
      <c r="AE36697">
        <v>44</v>
      </c>
      <c r="AF36697">
        <v>44</v>
      </c>
      <c r="AG36697">
        <v>44</v>
      </c>
      <c r="AH36697">
        <v>45</v>
      </c>
      <c r="AI36697">
        <v>45</v>
      </c>
      <c r="AJ36697">
        <v>45</v>
      </c>
      <c r="AK36697">
        <v>45</v>
      </c>
      <c r="AL36697">
        <v>45</v>
      </c>
      <c r="AM36697">
        <v>45</v>
      </c>
      <c r="AN36697">
        <v>45</v>
      </c>
      <c r="AO36697">
        <v>45</v>
      </c>
      <c r="AP36697">
        <v>44</v>
      </c>
      <c r="AQ36697">
        <v>44</v>
      </c>
    </row>
    <row r="36698" spans="1:43">
      <c r="A36698" t="s">
        <v>22751</v>
      </c>
      <c r="B36698" t="s">
        <v>22752</v>
      </c>
      <c r="C36698" t="s">
        <v>22753</v>
      </c>
      <c r="D36698" t="s">
        <v>22754</v>
      </c>
      <c r="E36698" t="s">
        <v>22737</v>
      </c>
      <c r="F36698" t="s">
        <v>22738</v>
      </c>
      <c r="G36698" t="s">
        <v>11612</v>
      </c>
      <c r="H36698" t="s">
        <v>11613</v>
      </c>
      <c r="I36698" s="2">
        <v>0</v>
      </c>
      <c r="J36698" s="2">
        <v>0</v>
      </c>
      <c r="K36698" s="2">
        <v>1</v>
      </c>
      <c r="L36698" t="s">
        <v>995</v>
      </c>
      <c r="M36698" t="s">
        <v>83</v>
      </c>
      <c r="N36698" t="s">
        <v>84</v>
      </c>
      <c r="O36698" t="s">
        <v>85</v>
      </c>
      <c r="P36698" t="s">
        <v>86</v>
      </c>
      <c r="Q36698">
        <v>24</v>
      </c>
      <c r="R36698">
        <v>24</v>
      </c>
      <c r="S36698">
        <v>24</v>
      </c>
      <c r="T36698">
        <v>25</v>
      </c>
      <c r="U36698">
        <v>25</v>
      </c>
      <c r="V36698">
        <v>25</v>
      </c>
      <c r="W36698">
        <v>25</v>
      </c>
      <c r="X36698">
        <v>25</v>
      </c>
      <c r="Y36698">
        <v>26</v>
      </c>
      <c r="Z36698">
        <v>26</v>
      </c>
      <c r="AA36698">
        <v>26</v>
      </c>
      <c r="AB36698">
        <v>26</v>
      </c>
      <c r="AC36698">
        <v>26</v>
      </c>
      <c r="AD36698">
        <v>26</v>
      </c>
      <c r="AE36698">
        <v>26</v>
      </c>
      <c r="AF36698">
        <v>27</v>
      </c>
      <c r="AG36698">
        <v>27</v>
      </c>
      <c r="AH36698">
        <v>27</v>
      </c>
      <c r="AI36698">
        <v>27</v>
      </c>
      <c r="AJ36698">
        <v>27</v>
      </c>
      <c r="AK36698">
        <v>27</v>
      </c>
      <c r="AL36698">
        <v>27</v>
      </c>
      <c r="AM36698">
        <v>27</v>
      </c>
      <c r="AN36698">
        <v>27</v>
      </c>
      <c r="AO36698">
        <v>27</v>
      </c>
      <c r="AP36698">
        <v>26</v>
      </c>
      <c r="AQ36698">
        <v>26</v>
      </c>
    </row>
    <row r="36699" spans="1:43">
      <c r="A36699" t="s">
        <v>22751</v>
      </c>
      <c r="B36699" t="s">
        <v>22752</v>
      </c>
      <c r="C36699" t="s">
        <v>22753</v>
      </c>
      <c r="D36699" t="s">
        <v>22754</v>
      </c>
      <c r="E36699" t="s">
        <v>22737</v>
      </c>
      <c r="F36699" t="s">
        <v>22738</v>
      </c>
      <c r="G36699" t="s">
        <v>11612</v>
      </c>
      <c r="H36699" t="s">
        <v>11613</v>
      </c>
      <c r="I36699" s="2">
        <v>0</v>
      </c>
      <c r="J36699" s="2">
        <v>0</v>
      </c>
      <c r="K36699" s="2">
        <v>1</v>
      </c>
      <c r="L36699" t="s">
        <v>995</v>
      </c>
      <c r="M36699" t="s">
        <v>87</v>
      </c>
      <c r="N36699" t="s">
        <v>88</v>
      </c>
      <c r="O36699" t="s">
        <v>85</v>
      </c>
      <c r="P36699" t="s">
        <v>86</v>
      </c>
      <c r="Q36699">
        <v>24</v>
      </c>
      <c r="R36699">
        <v>24</v>
      </c>
      <c r="S36699">
        <v>24</v>
      </c>
      <c r="T36699">
        <v>24</v>
      </c>
      <c r="U36699">
        <v>24</v>
      </c>
      <c r="V36699">
        <v>24</v>
      </c>
      <c r="W36699">
        <v>24</v>
      </c>
      <c r="X36699">
        <v>24</v>
      </c>
      <c r="Y36699">
        <v>24</v>
      </c>
      <c r="Z36699">
        <v>24</v>
      </c>
      <c r="AA36699">
        <v>24</v>
      </c>
      <c r="AB36699">
        <v>24</v>
      </c>
      <c r="AC36699">
        <v>24</v>
      </c>
      <c r="AD36699">
        <v>23</v>
      </c>
      <c r="AE36699">
        <v>23</v>
      </c>
      <c r="AF36699">
        <v>23</v>
      </c>
      <c r="AG36699">
        <v>23</v>
      </c>
      <c r="AH36699">
        <v>23</v>
      </c>
      <c r="AI36699">
        <v>23</v>
      </c>
      <c r="AJ36699">
        <v>23</v>
      </c>
      <c r="AK36699">
        <v>23</v>
      </c>
      <c r="AL36699">
        <v>23</v>
      </c>
      <c r="AM36699">
        <v>23</v>
      </c>
      <c r="AN36699">
        <v>23</v>
      </c>
      <c r="AO36699">
        <v>23</v>
      </c>
      <c r="AP36699">
        <v>23</v>
      </c>
      <c r="AQ36699">
        <v>23</v>
      </c>
    </row>
    <row r="36700" spans="1:43">
      <c r="A36700" t="s">
        <v>22751</v>
      </c>
      <c r="B36700" t="s">
        <v>22752</v>
      </c>
      <c r="C36700" t="s">
        <v>22753</v>
      </c>
      <c r="D36700" t="s">
        <v>22754</v>
      </c>
      <c r="E36700" t="s">
        <v>22737</v>
      </c>
      <c r="F36700" t="s">
        <v>22738</v>
      </c>
      <c r="G36700" t="s">
        <v>11612</v>
      </c>
      <c r="H36700" t="s">
        <v>11613</v>
      </c>
      <c r="I36700" s="2">
        <v>0</v>
      </c>
      <c r="J36700" s="2">
        <v>0</v>
      </c>
      <c r="K36700" s="2">
        <v>1</v>
      </c>
      <c r="L36700" t="s">
        <v>995</v>
      </c>
      <c r="M36700" t="s">
        <v>89</v>
      </c>
      <c r="N36700" t="s">
        <v>90</v>
      </c>
      <c r="O36700" t="s">
        <v>85</v>
      </c>
      <c r="P36700" t="s">
        <v>86</v>
      </c>
      <c r="Q36700">
        <v>24</v>
      </c>
      <c r="R36700">
        <v>25</v>
      </c>
      <c r="S36700">
        <v>25</v>
      </c>
      <c r="T36700">
        <v>25</v>
      </c>
      <c r="U36700">
        <v>26</v>
      </c>
      <c r="V36700">
        <v>26</v>
      </c>
      <c r="W36700">
        <v>26</v>
      </c>
      <c r="X36700">
        <v>27</v>
      </c>
      <c r="Y36700">
        <v>27</v>
      </c>
      <c r="Z36700">
        <v>27</v>
      </c>
      <c r="AA36700">
        <v>27</v>
      </c>
      <c r="AB36700">
        <v>28</v>
      </c>
      <c r="AC36700">
        <v>28</v>
      </c>
      <c r="AD36700">
        <v>28</v>
      </c>
      <c r="AE36700">
        <v>28</v>
      </c>
      <c r="AF36700">
        <v>28</v>
      </c>
      <c r="AG36700">
        <v>28</v>
      </c>
      <c r="AH36700">
        <v>28</v>
      </c>
      <c r="AI36700">
        <v>28</v>
      </c>
      <c r="AJ36700">
        <v>27</v>
      </c>
      <c r="AK36700">
        <v>27</v>
      </c>
      <c r="AL36700">
        <v>27</v>
      </c>
      <c r="AM36700">
        <v>27</v>
      </c>
      <c r="AN36700">
        <v>27</v>
      </c>
      <c r="AO36700">
        <v>27</v>
      </c>
      <c r="AP36700">
        <v>27</v>
      </c>
      <c r="AQ36700">
        <v>26</v>
      </c>
    </row>
    <row r="36701" spans="1:43">
      <c r="A36701" t="s">
        <v>22751</v>
      </c>
      <c r="B36701" t="s">
        <v>22752</v>
      </c>
      <c r="C36701" t="s">
        <v>22753</v>
      </c>
      <c r="D36701" t="s">
        <v>22754</v>
      </c>
      <c r="E36701" t="s">
        <v>22737</v>
      </c>
      <c r="F36701" t="s">
        <v>22738</v>
      </c>
      <c r="G36701" t="s">
        <v>11612</v>
      </c>
      <c r="H36701" t="s">
        <v>11613</v>
      </c>
      <c r="I36701" s="2">
        <v>0</v>
      </c>
      <c r="J36701" s="2">
        <v>0</v>
      </c>
      <c r="K36701" s="2">
        <v>1</v>
      </c>
      <c r="L36701" t="s">
        <v>995</v>
      </c>
      <c r="M36701" t="s">
        <v>83</v>
      </c>
      <c r="N36701" t="s">
        <v>91</v>
      </c>
      <c r="O36701" t="s">
        <v>85</v>
      </c>
      <c r="P36701" t="s">
        <v>86</v>
      </c>
      <c r="Q36701">
        <v>24</v>
      </c>
      <c r="R36701">
        <v>24</v>
      </c>
      <c r="S36701">
        <v>24</v>
      </c>
      <c r="T36701">
        <v>25</v>
      </c>
      <c r="U36701">
        <v>25</v>
      </c>
      <c r="V36701">
        <v>25</v>
      </c>
      <c r="W36701">
        <v>25</v>
      </c>
      <c r="X36701">
        <v>25</v>
      </c>
      <c r="Y36701">
        <v>26</v>
      </c>
      <c r="Z36701">
        <v>26</v>
      </c>
      <c r="AA36701">
        <v>26</v>
      </c>
      <c r="AB36701">
        <v>26</v>
      </c>
      <c r="AC36701">
        <v>26</v>
      </c>
      <c r="AD36701">
        <v>26</v>
      </c>
      <c r="AE36701">
        <v>26</v>
      </c>
      <c r="AF36701">
        <v>27</v>
      </c>
      <c r="AG36701">
        <v>27</v>
      </c>
      <c r="AH36701">
        <v>27</v>
      </c>
      <c r="AI36701">
        <v>27</v>
      </c>
      <c r="AJ36701">
        <v>27</v>
      </c>
      <c r="AK36701">
        <v>27</v>
      </c>
      <c r="AL36701">
        <v>27</v>
      </c>
      <c r="AM36701">
        <v>27</v>
      </c>
      <c r="AN36701">
        <v>27</v>
      </c>
      <c r="AO36701">
        <v>27</v>
      </c>
      <c r="AP36701">
        <v>26</v>
      </c>
      <c r="AQ36701">
        <v>26</v>
      </c>
    </row>
    <row r="36702" spans="1:43">
      <c r="A36702" t="s">
        <v>22755</v>
      </c>
      <c r="B36702" t="s">
        <v>22756</v>
      </c>
      <c r="C36702" t="s">
        <v>22757</v>
      </c>
      <c r="D36702" t="s">
        <v>22758</v>
      </c>
      <c r="E36702" t="s">
        <v>22737</v>
      </c>
      <c r="F36702" t="s">
        <v>22738</v>
      </c>
      <c r="G36702" t="s">
        <v>11612</v>
      </c>
      <c r="H36702" t="s">
        <v>11613</v>
      </c>
      <c r="I36702" s="2">
        <v>0</v>
      </c>
      <c r="J36702" s="2">
        <v>0</v>
      </c>
      <c r="K36702" s="2">
        <v>1</v>
      </c>
      <c r="L36702" t="s">
        <v>995</v>
      </c>
      <c r="M36702" t="s">
        <v>83</v>
      </c>
      <c r="N36702" t="s">
        <v>84</v>
      </c>
      <c r="O36702" t="s">
        <v>85</v>
      </c>
      <c r="P36702" t="s">
        <v>86</v>
      </c>
      <c r="Q36702">
        <v>45</v>
      </c>
      <c r="R36702">
        <v>45</v>
      </c>
      <c r="S36702">
        <v>45</v>
      </c>
      <c r="T36702">
        <v>46</v>
      </c>
      <c r="U36702">
        <v>46</v>
      </c>
      <c r="V36702">
        <v>46</v>
      </c>
      <c r="W36702">
        <v>47</v>
      </c>
      <c r="X36702">
        <v>47</v>
      </c>
      <c r="Y36702">
        <v>47</v>
      </c>
      <c r="Z36702">
        <v>48</v>
      </c>
      <c r="AA36702">
        <v>48</v>
      </c>
      <c r="AB36702">
        <v>48</v>
      </c>
      <c r="AC36702">
        <v>48</v>
      </c>
      <c r="AD36702">
        <v>49</v>
      </c>
      <c r="AE36702">
        <v>49</v>
      </c>
      <c r="AF36702">
        <v>49</v>
      </c>
      <c r="AG36702">
        <v>49</v>
      </c>
      <c r="AH36702">
        <v>50</v>
      </c>
      <c r="AI36702">
        <v>50</v>
      </c>
      <c r="AJ36702">
        <v>50</v>
      </c>
      <c r="AK36702">
        <v>50</v>
      </c>
      <c r="AL36702">
        <v>50</v>
      </c>
      <c r="AM36702">
        <v>50</v>
      </c>
      <c r="AN36702">
        <v>50</v>
      </c>
      <c r="AO36702">
        <v>49</v>
      </c>
      <c r="AP36702">
        <v>49</v>
      </c>
      <c r="AQ36702">
        <v>49</v>
      </c>
    </row>
    <row r="36703" spans="1:43">
      <c r="A36703" t="s">
        <v>22755</v>
      </c>
      <c r="B36703" t="s">
        <v>22756</v>
      </c>
      <c r="C36703" t="s">
        <v>22757</v>
      </c>
      <c r="D36703" t="s">
        <v>22758</v>
      </c>
      <c r="E36703" t="s">
        <v>22737</v>
      </c>
      <c r="F36703" t="s">
        <v>22738</v>
      </c>
      <c r="G36703" t="s">
        <v>11612</v>
      </c>
      <c r="H36703" t="s">
        <v>11613</v>
      </c>
      <c r="I36703" s="2">
        <v>0</v>
      </c>
      <c r="J36703" s="2">
        <v>0</v>
      </c>
      <c r="K36703" s="2">
        <v>1</v>
      </c>
      <c r="L36703" t="s">
        <v>995</v>
      </c>
      <c r="M36703" t="s">
        <v>87</v>
      </c>
      <c r="N36703" t="s">
        <v>88</v>
      </c>
      <c r="O36703" t="s">
        <v>85</v>
      </c>
      <c r="P36703" t="s">
        <v>86</v>
      </c>
      <c r="Q36703">
        <v>45</v>
      </c>
      <c r="R36703">
        <v>45</v>
      </c>
      <c r="S36703">
        <v>45</v>
      </c>
      <c r="T36703">
        <v>45</v>
      </c>
      <c r="U36703">
        <v>45</v>
      </c>
      <c r="V36703">
        <v>45</v>
      </c>
      <c r="W36703">
        <v>45</v>
      </c>
      <c r="X36703">
        <v>45</v>
      </c>
      <c r="Y36703">
        <v>45</v>
      </c>
      <c r="Z36703">
        <v>45</v>
      </c>
      <c r="AA36703">
        <v>45</v>
      </c>
      <c r="AB36703">
        <v>45</v>
      </c>
      <c r="AC36703">
        <v>45</v>
      </c>
      <c r="AD36703">
        <v>44</v>
      </c>
      <c r="AE36703">
        <v>44</v>
      </c>
      <c r="AF36703">
        <v>44</v>
      </c>
      <c r="AG36703">
        <v>44</v>
      </c>
      <c r="AH36703">
        <v>44</v>
      </c>
      <c r="AI36703">
        <v>44</v>
      </c>
      <c r="AJ36703">
        <v>44</v>
      </c>
      <c r="AK36703">
        <v>44</v>
      </c>
      <c r="AL36703">
        <v>44</v>
      </c>
      <c r="AM36703">
        <v>44</v>
      </c>
      <c r="AN36703">
        <v>44</v>
      </c>
      <c r="AO36703">
        <v>44</v>
      </c>
      <c r="AP36703">
        <v>44</v>
      </c>
      <c r="AQ36703">
        <v>44</v>
      </c>
    </row>
    <row r="36704" spans="1:43">
      <c r="A36704" t="s">
        <v>22755</v>
      </c>
      <c r="B36704" t="s">
        <v>22756</v>
      </c>
      <c r="C36704" t="s">
        <v>22757</v>
      </c>
      <c r="D36704" t="s">
        <v>22758</v>
      </c>
      <c r="E36704" t="s">
        <v>22737</v>
      </c>
      <c r="F36704" t="s">
        <v>22738</v>
      </c>
      <c r="G36704" t="s">
        <v>11612</v>
      </c>
      <c r="H36704" t="s">
        <v>11613</v>
      </c>
      <c r="I36704" s="2">
        <v>0</v>
      </c>
      <c r="J36704" s="2">
        <v>0</v>
      </c>
      <c r="K36704" s="2">
        <v>1</v>
      </c>
      <c r="L36704" t="s">
        <v>995</v>
      </c>
      <c r="M36704" t="s">
        <v>89</v>
      </c>
      <c r="N36704" t="s">
        <v>90</v>
      </c>
      <c r="O36704" t="s">
        <v>85</v>
      </c>
      <c r="P36704" t="s">
        <v>86</v>
      </c>
      <c r="Q36704">
        <v>45</v>
      </c>
      <c r="R36704">
        <v>46</v>
      </c>
      <c r="S36704">
        <v>46</v>
      </c>
      <c r="T36704">
        <v>47</v>
      </c>
      <c r="U36704">
        <v>48</v>
      </c>
      <c r="V36704">
        <v>48</v>
      </c>
      <c r="W36704">
        <v>49</v>
      </c>
      <c r="X36704">
        <v>50</v>
      </c>
      <c r="Y36704">
        <v>50</v>
      </c>
      <c r="Z36704">
        <v>51</v>
      </c>
      <c r="AA36704">
        <v>51</v>
      </c>
      <c r="AB36704">
        <v>51</v>
      </c>
      <c r="AC36704">
        <v>52</v>
      </c>
      <c r="AD36704">
        <v>52</v>
      </c>
      <c r="AE36704">
        <v>52</v>
      </c>
      <c r="AF36704">
        <v>52</v>
      </c>
      <c r="AG36704">
        <v>52</v>
      </c>
      <c r="AH36704">
        <v>52</v>
      </c>
      <c r="AI36704">
        <v>51</v>
      </c>
      <c r="AJ36704">
        <v>51</v>
      </c>
      <c r="AK36704">
        <v>51</v>
      </c>
      <c r="AL36704">
        <v>51</v>
      </c>
      <c r="AM36704">
        <v>50</v>
      </c>
      <c r="AN36704">
        <v>50</v>
      </c>
      <c r="AO36704">
        <v>50</v>
      </c>
      <c r="AP36704">
        <v>50</v>
      </c>
      <c r="AQ36704">
        <v>49</v>
      </c>
    </row>
    <row r="36705" spans="1:43">
      <c r="A36705" t="s">
        <v>22755</v>
      </c>
      <c r="B36705" t="s">
        <v>22756</v>
      </c>
      <c r="C36705" t="s">
        <v>22757</v>
      </c>
      <c r="D36705" t="s">
        <v>22758</v>
      </c>
      <c r="E36705" t="s">
        <v>22737</v>
      </c>
      <c r="F36705" t="s">
        <v>22738</v>
      </c>
      <c r="G36705" t="s">
        <v>11612</v>
      </c>
      <c r="H36705" t="s">
        <v>11613</v>
      </c>
      <c r="I36705" s="2">
        <v>0</v>
      </c>
      <c r="J36705" s="2">
        <v>0</v>
      </c>
      <c r="K36705" s="2">
        <v>1</v>
      </c>
      <c r="L36705" t="s">
        <v>995</v>
      </c>
      <c r="M36705" t="s">
        <v>83</v>
      </c>
      <c r="N36705" t="s">
        <v>91</v>
      </c>
      <c r="O36705" t="s">
        <v>85</v>
      </c>
      <c r="P36705" t="s">
        <v>86</v>
      </c>
      <c r="Q36705">
        <v>45</v>
      </c>
      <c r="R36705">
        <v>45</v>
      </c>
      <c r="S36705">
        <v>45</v>
      </c>
      <c r="T36705">
        <v>46</v>
      </c>
      <c r="U36705">
        <v>46</v>
      </c>
      <c r="V36705">
        <v>46</v>
      </c>
      <c r="W36705">
        <v>47</v>
      </c>
      <c r="X36705">
        <v>47</v>
      </c>
      <c r="Y36705">
        <v>47</v>
      </c>
      <c r="Z36705">
        <v>48</v>
      </c>
      <c r="AA36705">
        <v>48</v>
      </c>
      <c r="AB36705">
        <v>48</v>
      </c>
      <c r="AC36705">
        <v>48</v>
      </c>
      <c r="AD36705">
        <v>49</v>
      </c>
      <c r="AE36705">
        <v>49</v>
      </c>
      <c r="AF36705">
        <v>49</v>
      </c>
      <c r="AG36705">
        <v>49</v>
      </c>
      <c r="AH36705">
        <v>50</v>
      </c>
      <c r="AI36705">
        <v>50</v>
      </c>
      <c r="AJ36705">
        <v>50</v>
      </c>
      <c r="AK36705">
        <v>50</v>
      </c>
      <c r="AL36705">
        <v>50</v>
      </c>
      <c r="AM36705">
        <v>50</v>
      </c>
      <c r="AN36705">
        <v>50</v>
      </c>
      <c r="AO36705">
        <v>49</v>
      </c>
      <c r="AP36705">
        <v>49</v>
      </c>
      <c r="AQ36705">
        <v>49</v>
      </c>
    </row>
    <row r="36706" spans="1:43">
      <c r="A36706" t="s">
        <v>22759</v>
      </c>
      <c r="B36706" t="s">
        <v>22760</v>
      </c>
      <c r="C36706" t="s">
        <v>22761</v>
      </c>
      <c r="D36706" t="s">
        <v>22762</v>
      </c>
      <c r="E36706" t="s">
        <v>22737</v>
      </c>
      <c r="F36706" t="s">
        <v>22738</v>
      </c>
      <c r="G36706" t="s">
        <v>11612</v>
      </c>
      <c r="H36706" t="s">
        <v>11613</v>
      </c>
      <c r="I36706" s="2">
        <v>0</v>
      </c>
      <c r="J36706" s="2">
        <v>0</v>
      </c>
      <c r="K36706" s="2">
        <v>1</v>
      </c>
      <c r="L36706" t="s">
        <v>995</v>
      </c>
      <c r="M36706" t="s">
        <v>83</v>
      </c>
      <c r="N36706" t="s">
        <v>84</v>
      </c>
      <c r="O36706" t="s">
        <v>85</v>
      </c>
      <c r="P36706" t="s">
        <v>86</v>
      </c>
      <c r="Q36706">
        <v>32</v>
      </c>
      <c r="R36706">
        <v>32</v>
      </c>
      <c r="S36706">
        <v>33</v>
      </c>
      <c r="T36706">
        <v>33</v>
      </c>
      <c r="U36706">
        <v>33</v>
      </c>
      <c r="V36706">
        <v>33</v>
      </c>
      <c r="W36706">
        <v>33</v>
      </c>
      <c r="X36706">
        <v>34</v>
      </c>
      <c r="Y36706">
        <v>34</v>
      </c>
      <c r="Z36706">
        <v>34</v>
      </c>
      <c r="AA36706">
        <v>34</v>
      </c>
      <c r="AB36706">
        <v>35</v>
      </c>
      <c r="AC36706">
        <v>35</v>
      </c>
      <c r="AD36706">
        <v>35</v>
      </c>
      <c r="AE36706">
        <v>35</v>
      </c>
      <c r="AF36706">
        <v>35</v>
      </c>
      <c r="AG36706">
        <v>35</v>
      </c>
      <c r="AH36706">
        <v>35</v>
      </c>
      <c r="AI36706">
        <v>36</v>
      </c>
      <c r="AJ36706">
        <v>36</v>
      </c>
      <c r="AK36706">
        <v>36</v>
      </c>
      <c r="AL36706">
        <v>36</v>
      </c>
      <c r="AM36706">
        <v>36</v>
      </c>
      <c r="AN36706">
        <v>35</v>
      </c>
      <c r="AO36706">
        <v>35</v>
      </c>
      <c r="AP36706">
        <v>35</v>
      </c>
      <c r="AQ36706">
        <v>35</v>
      </c>
    </row>
    <row r="36707" spans="1:43">
      <c r="A36707" t="s">
        <v>22759</v>
      </c>
      <c r="B36707" t="s">
        <v>22760</v>
      </c>
      <c r="C36707" t="s">
        <v>22761</v>
      </c>
      <c r="D36707" t="s">
        <v>22762</v>
      </c>
      <c r="E36707" t="s">
        <v>22737</v>
      </c>
      <c r="F36707" t="s">
        <v>22738</v>
      </c>
      <c r="G36707" t="s">
        <v>11612</v>
      </c>
      <c r="H36707" t="s">
        <v>11613</v>
      </c>
      <c r="I36707" s="2">
        <v>0</v>
      </c>
      <c r="J36707" s="2">
        <v>0</v>
      </c>
      <c r="K36707" s="2">
        <v>1</v>
      </c>
      <c r="L36707" t="s">
        <v>995</v>
      </c>
      <c r="M36707" t="s">
        <v>87</v>
      </c>
      <c r="N36707" t="s">
        <v>88</v>
      </c>
      <c r="O36707" t="s">
        <v>85</v>
      </c>
      <c r="P36707" t="s">
        <v>86</v>
      </c>
      <c r="Q36707">
        <v>32</v>
      </c>
      <c r="R36707">
        <v>32</v>
      </c>
      <c r="S36707">
        <v>32</v>
      </c>
      <c r="T36707">
        <v>32</v>
      </c>
      <c r="U36707">
        <v>32</v>
      </c>
      <c r="V36707">
        <v>32</v>
      </c>
      <c r="W36707">
        <v>31</v>
      </c>
      <c r="X36707">
        <v>31</v>
      </c>
      <c r="Y36707">
        <v>31</v>
      </c>
      <c r="Z36707">
        <v>31</v>
      </c>
      <c r="AA36707">
        <v>31</v>
      </c>
      <c r="AB36707">
        <v>31</v>
      </c>
      <c r="AC36707">
        <v>31</v>
      </c>
      <c r="AD36707">
        <v>31</v>
      </c>
      <c r="AE36707">
        <v>31</v>
      </c>
      <c r="AF36707">
        <v>31</v>
      </c>
      <c r="AG36707">
        <v>31</v>
      </c>
      <c r="AH36707">
        <v>31</v>
      </c>
      <c r="AI36707">
        <v>31</v>
      </c>
      <c r="AJ36707">
        <v>31</v>
      </c>
      <c r="AK36707">
        <v>31</v>
      </c>
      <c r="AL36707">
        <v>31</v>
      </c>
      <c r="AM36707">
        <v>30</v>
      </c>
      <c r="AN36707">
        <v>30</v>
      </c>
      <c r="AO36707">
        <v>30</v>
      </c>
      <c r="AP36707">
        <v>30</v>
      </c>
      <c r="AQ36707">
        <v>30</v>
      </c>
    </row>
    <row r="36708" spans="1:43">
      <c r="A36708" t="s">
        <v>22759</v>
      </c>
      <c r="B36708" t="s">
        <v>22760</v>
      </c>
      <c r="C36708" t="s">
        <v>22761</v>
      </c>
      <c r="D36708" t="s">
        <v>22762</v>
      </c>
      <c r="E36708" t="s">
        <v>22737</v>
      </c>
      <c r="F36708" t="s">
        <v>22738</v>
      </c>
      <c r="G36708" t="s">
        <v>11612</v>
      </c>
      <c r="H36708" t="s">
        <v>11613</v>
      </c>
      <c r="I36708" s="2">
        <v>0</v>
      </c>
      <c r="J36708" s="2">
        <v>0</v>
      </c>
      <c r="K36708" s="2">
        <v>1</v>
      </c>
      <c r="L36708" t="s">
        <v>995</v>
      </c>
      <c r="M36708" t="s">
        <v>89</v>
      </c>
      <c r="N36708" t="s">
        <v>90</v>
      </c>
      <c r="O36708" t="s">
        <v>85</v>
      </c>
      <c r="P36708" t="s">
        <v>86</v>
      </c>
      <c r="Q36708">
        <v>32</v>
      </c>
      <c r="R36708">
        <v>33</v>
      </c>
      <c r="S36708">
        <v>33</v>
      </c>
      <c r="T36708">
        <v>34</v>
      </c>
      <c r="U36708">
        <v>34</v>
      </c>
      <c r="V36708">
        <v>35</v>
      </c>
      <c r="W36708">
        <v>35</v>
      </c>
      <c r="X36708">
        <v>36</v>
      </c>
      <c r="Y36708">
        <v>36</v>
      </c>
      <c r="Z36708">
        <v>36</v>
      </c>
      <c r="AA36708">
        <v>37</v>
      </c>
      <c r="AB36708">
        <v>37</v>
      </c>
      <c r="AC36708">
        <v>37</v>
      </c>
      <c r="AD36708">
        <v>37</v>
      </c>
      <c r="AE36708">
        <v>37</v>
      </c>
      <c r="AF36708">
        <v>37</v>
      </c>
      <c r="AG36708">
        <v>37</v>
      </c>
      <c r="AH36708">
        <v>37</v>
      </c>
      <c r="AI36708">
        <v>37</v>
      </c>
      <c r="AJ36708">
        <v>36</v>
      </c>
      <c r="AK36708">
        <v>36</v>
      </c>
      <c r="AL36708">
        <v>36</v>
      </c>
      <c r="AM36708">
        <v>36</v>
      </c>
      <c r="AN36708">
        <v>36</v>
      </c>
      <c r="AO36708">
        <v>35</v>
      </c>
      <c r="AP36708">
        <v>35</v>
      </c>
      <c r="AQ36708">
        <v>35</v>
      </c>
    </row>
    <row r="36709" spans="1:43">
      <c r="A36709" t="s">
        <v>22759</v>
      </c>
      <c r="B36709" t="s">
        <v>22760</v>
      </c>
      <c r="C36709" t="s">
        <v>22761</v>
      </c>
      <c r="D36709" t="s">
        <v>22762</v>
      </c>
      <c r="E36709" t="s">
        <v>22737</v>
      </c>
      <c r="F36709" t="s">
        <v>22738</v>
      </c>
      <c r="G36709" t="s">
        <v>11612</v>
      </c>
      <c r="H36709" t="s">
        <v>11613</v>
      </c>
      <c r="I36709" s="2">
        <v>0</v>
      </c>
      <c r="J36709" s="2">
        <v>0</v>
      </c>
      <c r="K36709" s="2">
        <v>1</v>
      </c>
      <c r="L36709" t="s">
        <v>995</v>
      </c>
      <c r="M36709" t="s">
        <v>83</v>
      </c>
      <c r="N36709" t="s">
        <v>91</v>
      </c>
      <c r="O36709" t="s">
        <v>85</v>
      </c>
      <c r="P36709" t="s">
        <v>86</v>
      </c>
      <c r="Q36709">
        <v>32</v>
      </c>
      <c r="R36709">
        <v>32</v>
      </c>
      <c r="S36709">
        <v>33</v>
      </c>
      <c r="T36709">
        <v>33</v>
      </c>
      <c r="U36709">
        <v>33</v>
      </c>
      <c r="V36709">
        <v>33</v>
      </c>
      <c r="W36709">
        <v>33</v>
      </c>
      <c r="X36709">
        <v>34</v>
      </c>
      <c r="Y36709">
        <v>34</v>
      </c>
      <c r="Z36709">
        <v>34</v>
      </c>
      <c r="AA36709">
        <v>34</v>
      </c>
      <c r="AB36709">
        <v>35</v>
      </c>
      <c r="AC36709">
        <v>35</v>
      </c>
      <c r="AD36709">
        <v>35</v>
      </c>
      <c r="AE36709">
        <v>35</v>
      </c>
      <c r="AF36709">
        <v>35</v>
      </c>
      <c r="AG36709">
        <v>35</v>
      </c>
      <c r="AH36709">
        <v>35</v>
      </c>
      <c r="AI36709">
        <v>36</v>
      </c>
      <c r="AJ36709">
        <v>36</v>
      </c>
      <c r="AK36709">
        <v>36</v>
      </c>
      <c r="AL36709">
        <v>36</v>
      </c>
      <c r="AM36709">
        <v>36</v>
      </c>
      <c r="AN36709">
        <v>35</v>
      </c>
      <c r="AO36709">
        <v>35</v>
      </c>
      <c r="AP36709">
        <v>35</v>
      </c>
      <c r="AQ36709">
        <v>35</v>
      </c>
    </row>
    <row r="36710" spans="1:43">
      <c r="A36710" t="s">
        <v>22763</v>
      </c>
      <c r="B36710" t="s">
        <v>22764</v>
      </c>
      <c r="C36710" t="s">
        <v>22765</v>
      </c>
      <c r="D36710" t="s">
        <v>22766</v>
      </c>
      <c r="E36710" t="s">
        <v>22737</v>
      </c>
      <c r="F36710" t="s">
        <v>22738</v>
      </c>
      <c r="G36710" t="s">
        <v>11612</v>
      </c>
      <c r="H36710" t="s">
        <v>11613</v>
      </c>
      <c r="I36710" s="2">
        <v>0</v>
      </c>
      <c r="J36710" s="2">
        <v>0</v>
      </c>
      <c r="K36710" s="2">
        <v>1</v>
      </c>
      <c r="L36710" t="s">
        <v>995</v>
      </c>
      <c r="M36710" t="s">
        <v>83</v>
      </c>
      <c r="N36710" t="s">
        <v>84</v>
      </c>
      <c r="O36710" t="s">
        <v>85</v>
      </c>
      <c r="P36710" t="s">
        <v>86</v>
      </c>
      <c r="Q36710">
        <v>5</v>
      </c>
      <c r="R36710">
        <v>5</v>
      </c>
      <c r="S36710">
        <v>5</v>
      </c>
      <c r="T36710">
        <v>5</v>
      </c>
      <c r="U36710">
        <v>5</v>
      </c>
      <c r="V36710">
        <v>5</v>
      </c>
      <c r="W36710">
        <v>5</v>
      </c>
      <c r="X36710">
        <v>5</v>
      </c>
      <c r="Y36710">
        <v>5</v>
      </c>
      <c r="Z36710">
        <v>5</v>
      </c>
      <c r="AA36710">
        <v>5</v>
      </c>
      <c r="AB36710">
        <v>5</v>
      </c>
      <c r="AC36710">
        <v>5</v>
      </c>
      <c r="AD36710">
        <v>5</v>
      </c>
      <c r="AE36710">
        <v>5</v>
      </c>
      <c r="AF36710">
        <v>5</v>
      </c>
      <c r="AG36710">
        <v>5</v>
      </c>
      <c r="AH36710">
        <v>5</v>
      </c>
      <c r="AI36710">
        <v>5</v>
      </c>
      <c r="AJ36710">
        <v>5</v>
      </c>
      <c r="AK36710">
        <v>6</v>
      </c>
      <c r="AL36710">
        <v>5</v>
      </c>
      <c r="AM36710">
        <v>5</v>
      </c>
      <c r="AN36710">
        <v>5</v>
      </c>
      <c r="AO36710">
        <v>5</v>
      </c>
      <c r="AP36710">
        <v>5</v>
      </c>
      <c r="AQ36710">
        <v>5</v>
      </c>
    </row>
    <row r="36711" spans="1:43">
      <c r="A36711" t="s">
        <v>22763</v>
      </c>
      <c r="B36711" t="s">
        <v>22764</v>
      </c>
      <c r="C36711" t="s">
        <v>22765</v>
      </c>
      <c r="D36711" t="s">
        <v>22766</v>
      </c>
      <c r="E36711" t="s">
        <v>22737</v>
      </c>
      <c r="F36711" t="s">
        <v>22738</v>
      </c>
      <c r="G36711" t="s">
        <v>11612</v>
      </c>
      <c r="H36711" t="s">
        <v>11613</v>
      </c>
      <c r="I36711" s="2">
        <v>0</v>
      </c>
      <c r="J36711" s="2">
        <v>0</v>
      </c>
      <c r="K36711" s="2">
        <v>1</v>
      </c>
      <c r="L36711" t="s">
        <v>995</v>
      </c>
      <c r="M36711" t="s">
        <v>87</v>
      </c>
      <c r="N36711" t="s">
        <v>88</v>
      </c>
      <c r="O36711" t="s">
        <v>85</v>
      </c>
      <c r="P36711" t="s">
        <v>86</v>
      </c>
      <c r="Q36711">
        <v>5</v>
      </c>
      <c r="R36711">
        <v>5</v>
      </c>
      <c r="S36711">
        <v>5</v>
      </c>
      <c r="T36711">
        <v>5</v>
      </c>
      <c r="U36711">
        <v>5</v>
      </c>
      <c r="V36711">
        <v>5</v>
      </c>
      <c r="W36711">
        <v>5</v>
      </c>
      <c r="X36711">
        <v>5</v>
      </c>
      <c r="Y36711">
        <v>5</v>
      </c>
      <c r="Z36711">
        <v>5</v>
      </c>
      <c r="AA36711">
        <v>5</v>
      </c>
      <c r="AB36711">
        <v>5</v>
      </c>
      <c r="AC36711">
        <v>5</v>
      </c>
      <c r="AD36711">
        <v>5</v>
      </c>
      <c r="AE36711">
        <v>5</v>
      </c>
      <c r="AF36711">
        <v>5</v>
      </c>
      <c r="AG36711">
        <v>5</v>
      </c>
      <c r="AH36711">
        <v>5</v>
      </c>
      <c r="AI36711">
        <v>5</v>
      </c>
      <c r="AJ36711">
        <v>5</v>
      </c>
      <c r="AK36711">
        <v>5</v>
      </c>
      <c r="AL36711">
        <v>5</v>
      </c>
      <c r="AM36711">
        <v>5</v>
      </c>
      <c r="AN36711">
        <v>5</v>
      </c>
      <c r="AO36711">
        <v>5</v>
      </c>
      <c r="AP36711">
        <v>5</v>
      </c>
      <c r="AQ36711">
        <v>5</v>
      </c>
    </row>
    <row r="36712" spans="1:43">
      <c r="A36712" t="s">
        <v>22763</v>
      </c>
      <c r="B36712" t="s">
        <v>22764</v>
      </c>
      <c r="C36712" t="s">
        <v>22765</v>
      </c>
      <c r="D36712" t="s">
        <v>22766</v>
      </c>
      <c r="E36712" t="s">
        <v>22737</v>
      </c>
      <c r="F36712" t="s">
        <v>22738</v>
      </c>
      <c r="G36712" t="s">
        <v>11612</v>
      </c>
      <c r="H36712" t="s">
        <v>11613</v>
      </c>
      <c r="I36712" s="2">
        <v>0</v>
      </c>
      <c r="J36712" s="2">
        <v>0</v>
      </c>
      <c r="K36712" s="2">
        <v>1</v>
      </c>
      <c r="L36712" t="s">
        <v>995</v>
      </c>
      <c r="M36712" t="s">
        <v>89</v>
      </c>
      <c r="N36712" t="s">
        <v>90</v>
      </c>
      <c r="O36712" t="s">
        <v>85</v>
      </c>
      <c r="P36712" t="s">
        <v>86</v>
      </c>
      <c r="Q36712">
        <v>5</v>
      </c>
      <c r="R36712">
        <v>5</v>
      </c>
      <c r="S36712">
        <v>5</v>
      </c>
      <c r="T36712">
        <v>5</v>
      </c>
      <c r="U36712">
        <v>5</v>
      </c>
      <c r="V36712">
        <v>5</v>
      </c>
      <c r="W36712">
        <v>5</v>
      </c>
      <c r="X36712">
        <v>5</v>
      </c>
      <c r="Y36712">
        <v>6</v>
      </c>
      <c r="Z36712">
        <v>6</v>
      </c>
      <c r="AA36712">
        <v>6</v>
      </c>
      <c r="AB36712">
        <v>6</v>
      </c>
      <c r="AC36712">
        <v>6</v>
      </c>
      <c r="AD36712">
        <v>6</v>
      </c>
      <c r="AE36712">
        <v>6</v>
      </c>
      <c r="AF36712">
        <v>6</v>
      </c>
      <c r="AG36712">
        <v>6</v>
      </c>
      <c r="AH36712">
        <v>6</v>
      </c>
      <c r="AI36712">
        <v>6</v>
      </c>
      <c r="AJ36712">
        <v>6</v>
      </c>
      <c r="AK36712">
        <v>6</v>
      </c>
      <c r="AL36712">
        <v>6</v>
      </c>
      <c r="AM36712">
        <v>5</v>
      </c>
      <c r="AN36712">
        <v>5</v>
      </c>
      <c r="AO36712">
        <v>5</v>
      </c>
      <c r="AP36712">
        <v>5</v>
      </c>
      <c r="AQ36712">
        <v>5</v>
      </c>
    </row>
    <row r="36713" spans="1:43">
      <c r="A36713" t="s">
        <v>22763</v>
      </c>
      <c r="B36713" t="s">
        <v>22764</v>
      </c>
      <c r="C36713" t="s">
        <v>22765</v>
      </c>
      <c r="D36713" t="s">
        <v>22766</v>
      </c>
      <c r="E36713" t="s">
        <v>22737</v>
      </c>
      <c r="F36713" t="s">
        <v>22738</v>
      </c>
      <c r="G36713" t="s">
        <v>11612</v>
      </c>
      <c r="H36713" t="s">
        <v>11613</v>
      </c>
      <c r="I36713" s="2">
        <v>0</v>
      </c>
      <c r="J36713" s="2">
        <v>0</v>
      </c>
      <c r="K36713" s="2">
        <v>1</v>
      </c>
      <c r="L36713" t="s">
        <v>995</v>
      </c>
      <c r="M36713" t="s">
        <v>83</v>
      </c>
      <c r="N36713" t="s">
        <v>91</v>
      </c>
      <c r="O36713" t="s">
        <v>85</v>
      </c>
      <c r="P36713" t="s">
        <v>86</v>
      </c>
      <c r="Q36713">
        <v>5</v>
      </c>
      <c r="R36713">
        <v>5</v>
      </c>
      <c r="S36713">
        <v>5</v>
      </c>
      <c r="T36713">
        <v>5</v>
      </c>
      <c r="U36713">
        <v>5</v>
      </c>
      <c r="V36713">
        <v>5</v>
      </c>
      <c r="W36713">
        <v>5</v>
      </c>
      <c r="X36713">
        <v>5</v>
      </c>
      <c r="Y36713">
        <v>5</v>
      </c>
      <c r="Z36713">
        <v>5</v>
      </c>
      <c r="AA36713">
        <v>5</v>
      </c>
      <c r="AB36713">
        <v>5</v>
      </c>
      <c r="AC36713">
        <v>5</v>
      </c>
      <c r="AD36713">
        <v>5</v>
      </c>
      <c r="AE36713">
        <v>5</v>
      </c>
      <c r="AF36713">
        <v>5</v>
      </c>
      <c r="AG36713">
        <v>5</v>
      </c>
      <c r="AH36713">
        <v>5</v>
      </c>
      <c r="AI36713">
        <v>5</v>
      </c>
      <c r="AJ36713">
        <v>5</v>
      </c>
      <c r="AK36713">
        <v>6</v>
      </c>
      <c r="AL36713">
        <v>5</v>
      </c>
      <c r="AM36713">
        <v>5</v>
      </c>
      <c r="AN36713">
        <v>5</v>
      </c>
      <c r="AO36713">
        <v>5</v>
      </c>
      <c r="AP36713">
        <v>5</v>
      </c>
      <c r="AQ36713">
        <v>5</v>
      </c>
    </row>
    <row r="36714" spans="1:43">
      <c r="A36714" t="s">
        <v>22767</v>
      </c>
      <c r="B36714" t="s">
        <v>22768</v>
      </c>
      <c r="C36714" t="s">
        <v>22765</v>
      </c>
      <c r="D36714" t="s">
        <v>22766</v>
      </c>
      <c r="E36714" t="s">
        <v>22737</v>
      </c>
      <c r="F36714" t="s">
        <v>22738</v>
      </c>
      <c r="G36714" t="s">
        <v>11612</v>
      </c>
      <c r="H36714" t="s">
        <v>11613</v>
      </c>
      <c r="I36714" s="2">
        <v>0</v>
      </c>
      <c r="J36714" s="2">
        <v>0</v>
      </c>
      <c r="K36714" s="2">
        <v>1</v>
      </c>
      <c r="L36714" t="s">
        <v>995</v>
      </c>
      <c r="M36714" t="s">
        <v>83</v>
      </c>
      <c r="N36714" t="s">
        <v>84</v>
      </c>
      <c r="O36714" t="s">
        <v>85</v>
      </c>
      <c r="P36714" t="s">
        <v>86</v>
      </c>
      <c r="Q36714">
        <v>3</v>
      </c>
      <c r="R36714">
        <v>3</v>
      </c>
      <c r="S36714">
        <v>3</v>
      </c>
      <c r="T36714">
        <v>3</v>
      </c>
      <c r="U36714">
        <v>3</v>
      </c>
      <c r="V36714">
        <v>3</v>
      </c>
      <c r="W36714">
        <v>3</v>
      </c>
      <c r="X36714">
        <v>3</v>
      </c>
      <c r="Y36714">
        <v>3</v>
      </c>
      <c r="Z36714">
        <v>3</v>
      </c>
      <c r="AA36714">
        <v>3</v>
      </c>
      <c r="AB36714">
        <v>3</v>
      </c>
      <c r="AC36714">
        <v>3</v>
      </c>
      <c r="AD36714">
        <v>3</v>
      </c>
      <c r="AE36714">
        <v>3</v>
      </c>
      <c r="AF36714">
        <v>3</v>
      </c>
      <c r="AG36714">
        <v>3</v>
      </c>
      <c r="AH36714">
        <v>3</v>
      </c>
      <c r="AI36714">
        <v>3</v>
      </c>
      <c r="AJ36714">
        <v>3</v>
      </c>
      <c r="AK36714">
        <v>3</v>
      </c>
      <c r="AL36714">
        <v>3</v>
      </c>
      <c r="AM36714">
        <v>3</v>
      </c>
      <c r="AN36714">
        <v>3</v>
      </c>
      <c r="AO36714">
        <v>3</v>
      </c>
      <c r="AP36714">
        <v>3</v>
      </c>
      <c r="AQ36714">
        <v>3</v>
      </c>
    </row>
    <row r="36715" spans="1:43">
      <c r="A36715" t="s">
        <v>22767</v>
      </c>
      <c r="B36715" t="s">
        <v>22768</v>
      </c>
      <c r="C36715" t="s">
        <v>22765</v>
      </c>
      <c r="D36715" t="s">
        <v>22766</v>
      </c>
      <c r="E36715" t="s">
        <v>22737</v>
      </c>
      <c r="F36715" t="s">
        <v>22738</v>
      </c>
      <c r="G36715" t="s">
        <v>11612</v>
      </c>
      <c r="H36715" t="s">
        <v>11613</v>
      </c>
      <c r="I36715" s="2">
        <v>0</v>
      </c>
      <c r="J36715" s="2">
        <v>0</v>
      </c>
      <c r="K36715" s="2">
        <v>1</v>
      </c>
      <c r="L36715" t="s">
        <v>995</v>
      </c>
      <c r="M36715" t="s">
        <v>87</v>
      </c>
      <c r="N36715" t="s">
        <v>88</v>
      </c>
      <c r="O36715" t="s">
        <v>85</v>
      </c>
      <c r="P36715" t="s">
        <v>86</v>
      </c>
      <c r="Q36715">
        <v>3</v>
      </c>
      <c r="R36715">
        <v>3</v>
      </c>
      <c r="S36715">
        <v>3</v>
      </c>
      <c r="T36715">
        <v>3</v>
      </c>
      <c r="U36715">
        <v>3</v>
      </c>
      <c r="V36715">
        <v>3</v>
      </c>
      <c r="W36715">
        <v>3</v>
      </c>
      <c r="X36715">
        <v>3</v>
      </c>
      <c r="Y36715">
        <v>3</v>
      </c>
      <c r="Z36715">
        <v>3</v>
      </c>
      <c r="AA36715">
        <v>3</v>
      </c>
      <c r="AB36715">
        <v>3</v>
      </c>
      <c r="AC36715">
        <v>3</v>
      </c>
      <c r="AD36715">
        <v>3</v>
      </c>
      <c r="AE36715">
        <v>3</v>
      </c>
      <c r="AF36715">
        <v>3</v>
      </c>
      <c r="AG36715">
        <v>3</v>
      </c>
      <c r="AH36715">
        <v>3</v>
      </c>
      <c r="AI36715">
        <v>3</v>
      </c>
      <c r="AJ36715">
        <v>3</v>
      </c>
      <c r="AK36715">
        <v>3</v>
      </c>
      <c r="AL36715">
        <v>3</v>
      </c>
      <c r="AM36715">
        <v>3</v>
      </c>
      <c r="AN36715">
        <v>3</v>
      </c>
      <c r="AO36715">
        <v>3</v>
      </c>
      <c r="AP36715">
        <v>3</v>
      </c>
      <c r="AQ36715">
        <v>3</v>
      </c>
    </row>
    <row r="36716" spans="1:43">
      <c r="A36716" t="s">
        <v>22767</v>
      </c>
      <c r="B36716" t="s">
        <v>22768</v>
      </c>
      <c r="C36716" t="s">
        <v>22765</v>
      </c>
      <c r="D36716" t="s">
        <v>22766</v>
      </c>
      <c r="E36716" t="s">
        <v>22737</v>
      </c>
      <c r="F36716" t="s">
        <v>22738</v>
      </c>
      <c r="G36716" t="s">
        <v>11612</v>
      </c>
      <c r="H36716" t="s">
        <v>11613</v>
      </c>
      <c r="I36716" s="2">
        <v>0</v>
      </c>
      <c r="J36716" s="2">
        <v>0</v>
      </c>
      <c r="K36716" s="2">
        <v>1</v>
      </c>
      <c r="L36716" t="s">
        <v>995</v>
      </c>
      <c r="M36716" t="s">
        <v>89</v>
      </c>
      <c r="N36716" t="s">
        <v>90</v>
      </c>
      <c r="O36716" t="s">
        <v>85</v>
      </c>
      <c r="P36716" t="s">
        <v>86</v>
      </c>
      <c r="Q36716">
        <v>3</v>
      </c>
      <c r="R36716">
        <v>3</v>
      </c>
      <c r="S36716">
        <v>3</v>
      </c>
      <c r="T36716">
        <v>3</v>
      </c>
      <c r="U36716">
        <v>3</v>
      </c>
      <c r="V36716">
        <v>3</v>
      </c>
      <c r="W36716">
        <v>3</v>
      </c>
      <c r="X36716">
        <v>3</v>
      </c>
      <c r="Y36716">
        <v>3</v>
      </c>
      <c r="Z36716">
        <v>3</v>
      </c>
      <c r="AA36716">
        <v>3</v>
      </c>
      <c r="AB36716">
        <v>3</v>
      </c>
      <c r="AC36716">
        <v>3</v>
      </c>
      <c r="AD36716">
        <v>3</v>
      </c>
      <c r="AE36716">
        <v>3</v>
      </c>
      <c r="AF36716">
        <v>3</v>
      </c>
      <c r="AG36716">
        <v>3</v>
      </c>
      <c r="AH36716">
        <v>3</v>
      </c>
      <c r="AI36716">
        <v>3</v>
      </c>
      <c r="AJ36716">
        <v>3</v>
      </c>
      <c r="AK36716">
        <v>3</v>
      </c>
      <c r="AL36716">
        <v>3</v>
      </c>
      <c r="AM36716">
        <v>3</v>
      </c>
      <c r="AN36716">
        <v>3</v>
      </c>
      <c r="AO36716">
        <v>3</v>
      </c>
      <c r="AP36716">
        <v>3</v>
      </c>
      <c r="AQ36716">
        <v>3</v>
      </c>
    </row>
    <row r="36717" spans="1:43">
      <c r="A36717" t="s">
        <v>22767</v>
      </c>
      <c r="B36717" t="s">
        <v>22768</v>
      </c>
      <c r="C36717" t="s">
        <v>22765</v>
      </c>
      <c r="D36717" t="s">
        <v>22766</v>
      </c>
      <c r="E36717" t="s">
        <v>22737</v>
      </c>
      <c r="F36717" t="s">
        <v>22738</v>
      </c>
      <c r="G36717" t="s">
        <v>11612</v>
      </c>
      <c r="H36717" t="s">
        <v>11613</v>
      </c>
      <c r="I36717" s="2">
        <v>0</v>
      </c>
      <c r="J36717" s="2">
        <v>0</v>
      </c>
      <c r="K36717" s="2">
        <v>1</v>
      </c>
      <c r="L36717" t="s">
        <v>995</v>
      </c>
      <c r="M36717" t="s">
        <v>83</v>
      </c>
      <c r="N36717" t="s">
        <v>91</v>
      </c>
      <c r="O36717" t="s">
        <v>85</v>
      </c>
      <c r="P36717" t="s">
        <v>86</v>
      </c>
      <c r="Q36717">
        <v>3</v>
      </c>
      <c r="R36717">
        <v>3</v>
      </c>
      <c r="S36717">
        <v>3</v>
      </c>
      <c r="T36717">
        <v>3</v>
      </c>
      <c r="U36717">
        <v>3</v>
      </c>
      <c r="V36717">
        <v>3</v>
      </c>
      <c r="W36717">
        <v>3</v>
      </c>
      <c r="X36717">
        <v>3</v>
      </c>
      <c r="Y36717">
        <v>3</v>
      </c>
      <c r="Z36717">
        <v>3</v>
      </c>
      <c r="AA36717">
        <v>3</v>
      </c>
      <c r="AB36717">
        <v>3</v>
      </c>
      <c r="AC36717">
        <v>3</v>
      </c>
      <c r="AD36717">
        <v>3</v>
      </c>
      <c r="AE36717">
        <v>3</v>
      </c>
      <c r="AF36717">
        <v>3</v>
      </c>
      <c r="AG36717">
        <v>3</v>
      </c>
      <c r="AH36717">
        <v>3</v>
      </c>
      <c r="AI36717">
        <v>3</v>
      </c>
      <c r="AJ36717">
        <v>3</v>
      </c>
      <c r="AK36717">
        <v>3</v>
      </c>
      <c r="AL36717">
        <v>3</v>
      </c>
      <c r="AM36717">
        <v>3</v>
      </c>
      <c r="AN36717">
        <v>3</v>
      </c>
      <c r="AO36717">
        <v>3</v>
      </c>
      <c r="AP36717">
        <v>3</v>
      </c>
      <c r="AQ36717">
        <v>3</v>
      </c>
    </row>
    <row r="36718" spans="1:43">
      <c r="A36718" t="s">
        <v>22769</v>
      </c>
      <c r="B36718" t="s">
        <v>22770</v>
      </c>
      <c r="C36718" t="s">
        <v>22765</v>
      </c>
      <c r="D36718" t="s">
        <v>22766</v>
      </c>
      <c r="E36718" t="s">
        <v>22737</v>
      </c>
      <c r="F36718" t="s">
        <v>22738</v>
      </c>
      <c r="G36718" t="s">
        <v>11612</v>
      </c>
      <c r="H36718" t="s">
        <v>11613</v>
      </c>
      <c r="I36718" s="2">
        <v>0</v>
      </c>
      <c r="J36718" s="2">
        <v>0</v>
      </c>
      <c r="K36718" s="2">
        <v>1</v>
      </c>
      <c r="L36718" t="s">
        <v>995</v>
      </c>
      <c r="M36718" t="s">
        <v>83</v>
      </c>
      <c r="N36718" t="s">
        <v>84</v>
      </c>
      <c r="O36718" t="s">
        <v>85</v>
      </c>
      <c r="P36718" t="s">
        <v>86</v>
      </c>
      <c r="Q36718">
        <v>13</v>
      </c>
      <c r="R36718">
        <v>13</v>
      </c>
      <c r="S36718">
        <v>13</v>
      </c>
      <c r="T36718">
        <v>13</v>
      </c>
      <c r="U36718">
        <v>13</v>
      </c>
      <c r="V36718">
        <v>13</v>
      </c>
      <c r="W36718">
        <v>13</v>
      </c>
      <c r="X36718">
        <v>14</v>
      </c>
      <c r="Y36718">
        <v>14</v>
      </c>
      <c r="Z36718">
        <v>14</v>
      </c>
      <c r="AA36718">
        <v>14</v>
      </c>
      <c r="AB36718">
        <v>14</v>
      </c>
      <c r="AC36718">
        <v>14</v>
      </c>
      <c r="AD36718">
        <v>14</v>
      </c>
      <c r="AE36718">
        <v>14</v>
      </c>
      <c r="AF36718">
        <v>14</v>
      </c>
      <c r="AG36718">
        <v>14</v>
      </c>
      <c r="AH36718">
        <v>14</v>
      </c>
      <c r="AI36718">
        <v>14</v>
      </c>
      <c r="AJ36718">
        <v>14</v>
      </c>
      <c r="AK36718">
        <v>14</v>
      </c>
      <c r="AL36718">
        <v>14</v>
      </c>
      <c r="AM36718">
        <v>14</v>
      </c>
      <c r="AN36718">
        <v>14</v>
      </c>
      <c r="AO36718">
        <v>14</v>
      </c>
      <c r="AP36718">
        <v>14</v>
      </c>
      <c r="AQ36718">
        <v>14</v>
      </c>
    </row>
    <row r="36719" spans="1:43">
      <c r="A36719" t="s">
        <v>22769</v>
      </c>
      <c r="B36719" t="s">
        <v>22770</v>
      </c>
      <c r="C36719" t="s">
        <v>22765</v>
      </c>
      <c r="D36719" t="s">
        <v>22766</v>
      </c>
      <c r="E36719" t="s">
        <v>22737</v>
      </c>
      <c r="F36719" t="s">
        <v>22738</v>
      </c>
      <c r="G36719" t="s">
        <v>11612</v>
      </c>
      <c r="H36719" t="s">
        <v>11613</v>
      </c>
      <c r="I36719" s="2">
        <v>0</v>
      </c>
      <c r="J36719" s="2">
        <v>0</v>
      </c>
      <c r="K36719" s="2">
        <v>1</v>
      </c>
      <c r="L36719" t="s">
        <v>995</v>
      </c>
      <c r="M36719" t="s">
        <v>87</v>
      </c>
      <c r="N36719" t="s">
        <v>88</v>
      </c>
      <c r="O36719" t="s">
        <v>85</v>
      </c>
      <c r="P36719" t="s">
        <v>86</v>
      </c>
      <c r="Q36719">
        <v>13</v>
      </c>
      <c r="R36719">
        <v>13</v>
      </c>
      <c r="S36719">
        <v>13</v>
      </c>
      <c r="T36719">
        <v>13</v>
      </c>
      <c r="U36719">
        <v>13</v>
      </c>
      <c r="V36719">
        <v>13</v>
      </c>
      <c r="W36719">
        <v>13</v>
      </c>
      <c r="X36719">
        <v>13</v>
      </c>
      <c r="Y36719">
        <v>13</v>
      </c>
      <c r="Z36719">
        <v>13</v>
      </c>
      <c r="AA36719">
        <v>13</v>
      </c>
      <c r="AB36719">
        <v>13</v>
      </c>
      <c r="AC36719">
        <v>12</v>
      </c>
      <c r="AD36719">
        <v>12</v>
      </c>
      <c r="AE36719">
        <v>12</v>
      </c>
      <c r="AF36719">
        <v>12</v>
      </c>
      <c r="AG36719">
        <v>12</v>
      </c>
      <c r="AH36719">
        <v>12</v>
      </c>
      <c r="AI36719">
        <v>12</v>
      </c>
      <c r="AJ36719">
        <v>12</v>
      </c>
      <c r="AK36719">
        <v>12</v>
      </c>
      <c r="AL36719">
        <v>12</v>
      </c>
      <c r="AM36719">
        <v>12</v>
      </c>
      <c r="AN36719">
        <v>12</v>
      </c>
      <c r="AO36719">
        <v>12</v>
      </c>
      <c r="AP36719">
        <v>12</v>
      </c>
      <c r="AQ36719">
        <v>12</v>
      </c>
    </row>
    <row r="36720" spans="1:43">
      <c r="A36720" t="s">
        <v>22769</v>
      </c>
      <c r="B36720" t="s">
        <v>22770</v>
      </c>
      <c r="C36720" t="s">
        <v>22765</v>
      </c>
      <c r="D36720" t="s">
        <v>22766</v>
      </c>
      <c r="E36720" t="s">
        <v>22737</v>
      </c>
      <c r="F36720" t="s">
        <v>22738</v>
      </c>
      <c r="G36720" t="s">
        <v>11612</v>
      </c>
      <c r="H36720" t="s">
        <v>11613</v>
      </c>
      <c r="I36720" s="2">
        <v>0</v>
      </c>
      <c r="J36720" s="2">
        <v>0</v>
      </c>
      <c r="K36720" s="2">
        <v>1</v>
      </c>
      <c r="L36720" t="s">
        <v>995</v>
      </c>
      <c r="M36720" t="s">
        <v>89</v>
      </c>
      <c r="N36720" t="s">
        <v>90</v>
      </c>
      <c r="O36720" t="s">
        <v>85</v>
      </c>
      <c r="P36720" t="s">
        <v>86</v>
      </c>
      <c r="Q36720">
        <v>13</v>
      </c>
      <c r="R36720">
        <v>13</v>
      </c>
      <c r="S36720">
        <v>13</v>
      </c>
      <c r="T36720">
        <v>14</v>
      </c>
      <c r="U36720">
        <v>14</v>
      </c>
      <c r="V36720">
        <v>14</v>
      </c>
      <c r="W36720">
        <v>14</v>
      </c>
      <c r="X36720">
        <v>14</v>
      </c>
      <c r="Y36720">
        <v>14</v>
      </c>
      <c r="Z36720">
        <v>15</v>
      </c>
      <c r="AA36720">
        <v>15</v>
      </c>
      <c r="AB36720">
        <v>15</v>
      </c>
      <c r="AC36720">
        <v>15</v>
      </c>
      <c r="AD36720">
        <v>15</v>
      </c>
      <c r="AE36720">
        <v>15</v>
      </c>
      <c r="AF36720">
        <v>15</v>
      </c>
      <c r="AG36720">
        <v>15</v>
      </c>
      <c r="AH36720">
        <v>15</v>
      </c>
      <c r="AI36720">
        <v>15</v>
      </c>
      <c r="AJ36720">
        <v>15</v>
      </c>
      <c r="AK36720">
        <v>14</v>
      </c>
      <c r="AL36720">
        <v>14</v>
      </c>
      <c r="AM36720">
        <v>14</v>
      </c>
      <c r="AN36720">
        <v>14</v>
      </c>
      <c r="AO36720">
        <v>14</v>
      </c>
      <c r="AP36720">
        <v>14</v>
      </c>
      <c r="AQ36720">
        <v>14</v>
      </c>
    </row>
    <row r="36721" spans="1:43">
      <c r="A36721" t="s">
        <v>22769</v>
      </c>
      <c r="B36721" t="s">
        <v>22770</v>
      </c>
      <c r="C36721" t="s">
        <v>22765</v>
      </c>
      <c r="D36721" t="s">
        <v>22766</v>
      </c>
      <c r="E36721" t="s">
        <v>22737</v>
      </c>
      <c r="F36721" t="s">
        <v>22738</v>
      </c>
      <c r="G36721" t="s">
        <v>11612</v>
      </c>
      <c r="H36721" t="s">
        <v>11613</v>
      </c>
      <c r="I36721" s="2">
        <v>0</v>
      </c>
      <c r="J36721" s="2">
        <v>0</v>
      </c>
      <c r="K36721" s="2">
        <v>1</v>
      </c>
      <c r="L36721" t="s">
        <v>995</v>
      </c>
      <c r="M36721" t="s">
        <v>83</v>
      </c>
      <c r="N36721" t="s">
        <v>91</v>
      </c>
      <c r="O36721" t="s">
        <v>85</v>
      </c>
      <c r="P36721" t="s">
        <v>86</v>
      </c>
      <c r="Q36721">
        <v>13</v>
      </c>
      <c r="R36721">
        <v>13</v>
      </c>
      <c r="S36721">
        <v>13</v>
      </c>
      <c r="T36721">
        <v>13</v>
      </c>
      <c r="U36721">
        <v>13</v>
      </c>
      <c r="V36721">
        <v>13</v>
      </c>
      <c r="W36721">
        <v>13</v>
      </c>
      <c r="X36721">
        <v>14</v>
      </c>
      <c r="Y36721">
        <v>14</v>
      </c>
      <c r="Z36721">
        <v>14</v>
      </c>
      <c r="AA36721">
        <v>14</v>
      </c>
      <c r="AB36721">
        <v>14</v>
      </c>
      <c r="AC36721">
        <v>14</v>
      </c>
      <c r="AD36721">
        <v>14</v>
      </c>
      <c r="AE36721">
        <v>14</v>
      </c>
      <c r="AF36721">
        <v>14</v>
      </c>
      <c r="AG36721">
        <v>14</v>
      </c>
      <c r="AH36721">
        <v>14</v>
      </c>
      <c r="AI36721">
        <v>14</v>
      </c>
      <c r="AJ36721">
        <v>14</v>
      </c>
      <c r="AK36721">
        <v>14</v>
      </c>
      <c r="AL36721">
        <v>14</v>
      </c>
      <c r="AM36721">
        <v>14</v>
      </c>
      <c r="AN36721">
        <v>14</v>
      </c>
      <c r="AO36721">
        <v>14</v>
      </c>
      <c r="AP36721">
        <v>14</v>
      </c>
      <c r="AQ36721">
        <v>14</v>
      </c>
    </row>
    <row r="36722" spans="1:43">
      <c r="A36722" t="s">
        <v>22771</v>
      </c>
      <c r="B36722" t="s">
        <v>22772</v>
      </c>
      <c r="C36722" t="s">
        <v>22765</v>
      </c>
      <c r="D36722" t="s">
        <v>22766</v>
      </c>
      <c r="E36722" t="s">
        <v>22737</v>
      </c>
      <c r="F36722" t="s">
        <v>22738</v>
      </c>
      <c r="G36722" t="s">
        <v>11612</v>
      </c>
      <c r="H36722" t="s">
        <v>11613</v>
      </c>
      <c r="I36722" s="2">
        <v>0</v>
      </c>
      <c r="J36722" s="2">
        <v>0</v>
      </c>
      <c r="K36722" s="2">
        <v>1</v>
      </c>
      <c r="L36722" t="s">
        <v>995</v>
      </c>
      <c r="M36722" t="s">
        <v>83</v>
      </c>
      <c r="N36722" t="s">
        <v>84</v>
      </c>
      <c r="O36722" t="s">
        <v>85</v>
      </c>
      <c r="P36722" t="s">
        <v>86</v>
      </c>
      <c r="Q36722">
        <v>20</v>
      </c>
      <c r="R36722">
        <v>20</v>
      </c>
      <c r="S36722">
        <v>20</v>
      </c>
      <c r="T36722">
        <v>20</v>
      </c>
      <c r="U36722">
        <v>21</v>
      </c>
      <c r="V36722">
        <v>21</v>
      </c>
      <c r="W36722">
        <v>21</v>
      </c>
      <c r="X36722">
        <v>21</v>
      </c>
      <c r="Y36722">
        <v>21</v>
      </c>
      <c r="Z36722">
        <v>21</v>
      </c>
      <c r="AA36722">
        <v>21</v>
      </c>
      <c r="AB36722">
        <v>21</v>
      </c>
      <c r="AC36722">
        <v>22</v>
      </c>
      <c r="AD36722">
        <v>22</v>
      </c>
      <c r="AE36722">
        <v>22</v>
      </c>
      <c r="AF36722">
        <v>22</v>
      </c>
      <c r="AG36722">
        <v>22</v>
      </c>
      <c r="AH36722">
        <v>22</v>
      </c>
      <c r="AI36722">
        <v>22</v>
      </c>
      <c r="AJ36722">
        <v>22</v>
      </c>
      <c r="AK36722">
        <v>22</v>
      </c>
      <c r="AL36722">
        <v>22</v>
      </c>
      <c r="AM36722">
        <v>22</v>
      </c>
      <c r="AN36722">
        <v>22</v>
      </c>
      <c r="AO36722">
        <v>22</v>
      </c>
      <c r="AP36722">
        <v>22</v>
      </c>
      <c r="AQ36722">
        <v>21</v>
      </c>
    </row>
    <row r="36723" spans="1:43">
      <c r="A36723" t="s">
        <v>22771</v>
      </c>
      <c r="B36723" t="s">
        <v>22772</v>
      </c>
      <c r="C36723" t="s">
        <v>22765</v>
      </c>
      <c r="D36723" t="s">
        <v>22766</v>
      </c>
      <c r="E36723" t="s">
        <v>22737</v>
      </c>
      <c r="F36723" t="s">
        <v>22738</v>
      </c>
      <c r="G36723" t="s">
        <v>11612</v>
      </c>
      <c r="H36723" t="s">
        <v>11613</v>
      </c>
      <c r="I36723" s="2">
        <v>0</v>
      </c>
      <c r="J36723" s="2">
        <v>0</v>
      </c>
      <c r="K36723" s="2">
        <v>1</v>
      </c>
      <c r="L36723" t="s">
        <v>995</v>
      </c>
      <c r="M36723" t="s">
        <v>87</v>
      </c>
      <c r="N36723" t="s">
        <v>88</v>
      </c>
      <c r="O36723" t="s">
        <v>85</v>
      </c>
      <c r="P36723" t="s">
        <v>86</v>
      </c>
      <c r="Q36723">
        <v>20</v>
      </c>
      <c r="R36723">
        <v>20</v>
      </c>
      <c r="S36723">
        <v>20</v>
      </c>
      <c r="T36723">
        <v>20</v>
      </c>
      <c r="U36723">
        <v>20</v>
      </c>
      <c r="V36723">
        <v>20</v>
      </c>
      <c r="W36723">
        <v>20</v>
      </c>
      <c r="X36723">
        <v>20</v>
      </c>
      <c r="Y36723">
        <v>19</v>
      </c>
      <c r="Z36723">
        <v>19</v>
      </c>
      <c r="AA36723">
        <v>19</v>
      </c>
      <c r="AB36723">
        <v>19</v>
      </c>
      <c r="AC36723">
        <v>19</v>
      </c>
      <c r="AD36723">
        <v>19</v>
      </c>
      <c r="AE36723">
        <v>19</v>
      </c>
      <c r="AF36723">
        <v>19</v>
      </c>
      <c r="AG36723">
        <v>19</v>
      </c>
      <c r="AH36723">
        <v>19</v>
      </c>
      <c r="AI36723">
        <v>19</v>
      </c>
      <c r="AJ36723">
        <v>19</v>
      </c>
      <c r="AK36723">
        <v>19</v>
      </c>
      <c r="AL36723">
        <v>19</v>
      </c>
      <c r="AM36723">
        <v>19</v>
      </c>
      <c r="AN36723">
        <v>19</v>
      </c>
      <c r="AO36723">
        <v>19</v>
      </c>
      <c r="AP36723">
        <v>19</v>
      </c>
      <c r="AQ36723">
        <v>19</v>
      </c>
    </row>
    <row r="36724" spans="1:43">
      <c r="A36724" t="s">
        <v>22771</v>
      </c>
      <c r="B36724" t="s">
        <v>22772</v>
      </c>
      <c r="C36724" t="s">
        <v>22765</v>
      </c>
      <c r="D36724" t="s">
        <v>22766</v>
      </c>
      <c r="E36724" t="s">
        <v>22737</v>
      </c>
      <c r="F36724" t="s">
        <v>22738</v>
      </c>
      <c r="G36724" t="s">
        <v>11612</v>
      </c>
      <c r="H36724" t="s">
        <v>11613</v>
      </c>
      <c r="I36724" s="2">
        <v>0</v>
      </c>
      <c r="J36724" s="2">
        <v>0</v>
      </c>
      <c r="K36724" s="2">
        <v>1</v>
      </c>
      <c r="L36724" t="s">
        <v>995</v>
      </c>
      <c r="M36724" t="s">
        <v>89</v>
      </c>
      <c r="N36724" t="s">
        <v>90</v>
      </c>
      <c r="O36724" t="s">
        <v>85</v>
      </c>
      <c r="P36724" t="s">
        <v>86</v>
      </c>
      <c r="Q36724">
        <v>20</v>
      </c>
      <c r="R36724">
        <v>20</v>
      </c>
      <c r="S36724">
        <v>21</v>
      </c>
      <c r="T36724">
        <v>21</v>
      </c>
      <c r="U36724">
        <v>21</v>
      </c>
      <c r="V36724">
        <v>22</v>
      </c>
      <c r="W36724">
        <v>22</v>
      </c>
      <c r="X36724">
        <v>22</v>
      </c>
      <c r="Y36724">
        <v>22</v>
      </c>
      <c r="Z36724">
        <v>23</v>
      </c>
      <c r="AA36724">
        <v>23</v>
      </c>
      <c r="AB36724">
        <v>23</v>
      </c>
      <c r="AC36724">
        <v>23</v>
      </c>
      <c r="AD36724">
        <v>23</v>
      </c>
      <c r="AE36724">
        <v>23</v>
      </c>
      <c r="AF36724">
        <v>23</v>
      </c>
      <c r="AG36724">
        <v>23</v>
      </c>
      <c r="AH36724">
        <v>23</v>
      </c>
      <c r="AI36724">
        <v>23</v>
      </c>
      <c r="AJ36724">
        <v>23</v>
      </c>
      <c r="AK36724">
        <v>22</v>
      </c>
      <c r="AL36724">
        <v>22</v>
      </c>
      <c r="AM36724">
        <v>22</v>
      </c>
      <c r="AN36724">
        <v>22</v>
      </c>
      <c r="AO36724">
        <v>22</v>
      </c>
      <c r="AP36724">
        <v>22</v>
      </c>
      <c r="AQ36724">
        <v>22</v>
      </c>
    </row>
    <row r="36725" spans="1:43">
      <c r="A36725" t="s">
        <v>22771</v>
      </c>
      <c r="B36725" t="s">
        <v>22772</v>
      </c>
      <c r="C36725" t="s">
        <v>22765</v>
      </c>
      <c r="D36725" t="s">
        <v>22766</v>
      </c>
      <c r="E36725" t="s">
        <v>22737</v>
      </c>
      <c r="F36725" t="s">
        <v>22738</v>
      </c>
      <c r="G36725" t="s">
        <v>11612</v>
      </c>
      <c r="H36725" t="s">
        <v>11613</v>
      </c>
      <c r="I36725" s="2">
        <v>0</v>
      </c>
      <c r="J36725" s="2">
        <v>0</v>
      </c>
      <c r="K36725" s="2">
        <v>1</v>
      </c>
      <c r="L36725" t="s">
        <v>995</v>
      </c>
      <c r="M36725" t="s">
        <v>83</v>
      </c>
      <c r="N36725" t="s">
        <v>91</v>
      </c>
      <c r="O36725" t="s">
        <v>85</v>
      </c>
      <c r="P36725" t="s">
        <v>86</v>
      </c>
      <c r="Q36725">
        <v>20</v>
      </c>
      <c r="R36725">
        <v>20</v>
      </c>
      <c r="S36725">
        <v>20</v>
      </c>
      <c r="T36725">
        <v>20</v>
      </c>
      <c r="U36725">
        <v>21</v>
      </c>
      <c r="V36725">
        <v>21</v>
      </c>
      <c r="W36725">
        <v>21</v>
      </c>
      <c r="X36725">
        <v>21</v>
      </c>
      <c r="Y36725">
        <v>21</v>
      </c>
      <c r="Z36725">
        <v>21</v>
      </c>
      <c r="AA36725">
        <v>21</v>
      </c>
      <c r="AB36725">
        <v>21</v>
      </c>
      <c r="AC36725">
        <v>22</v>
      </c>
      <c r="AD36725">
        <v>22</v>
      </c>
      <c r="AE36725">
        <v>22</v>
      </c>
      <c r="AF36725">
        <v>22</v>
      </c>
      <c r="AG36725">
        <v>22</v>
      </c>
      <c r="AH36725">
        <v>22</v>
      </c>
      <c r="AI36725">
        <v>22</v>
      </c>
      <c r="AJ36725">
        <v>22</v>
      </c>
      <c r="AK36725">
        <v>22</v>
      </c>
      <c r="AL36725">
        <v>22</v>
      </c>
      <c r="AM36725">
        <v>22</v>
      </c>
      <c r="AN36725">
        <v>22</v>
      </c>
      <c r="AO36725">
        <v>22</v>
      </c>
      <c r="AP36725">
        <v>22</v>
      </c>
      <c r="AQ36725">
        <v>21</v>
      </c>
    </row>
    <row r="36726" spans="1:43">
      <c r="A36726" t="s">
        <v>22773</v>
      </c>
      <c r="B36726" t="s">
        <v>22774</v>
      </c>
      <c r="C36726" t="s">
        <v>22753</v>
      </c>
      <c r="D36726" t="s">
        <v>22754</v>
      </c>
      <c r="E36726" t="s">
        <v>22737</v>
      </c>
      <c r="F36726" t="s">
        <v>22738</v>
      </c>
      <c r="G36726" t="s">
        <v>11612</v>
      </c>
      <c r="H36726" t="s">
        <v>11613</v>
      </c>
      <c r="I36726" s="2">
        <v>0</v>
      </c>
      <c r="J36726" s="2">
        <v>0</v>
      </c>
      <c r="K36726" s="2">
        <v>1</v>
      </c>
      <c r="L36726" t="s">
        <v>995</v>
      </c>
      <c r="M36726" t="s">
        <v>83</v>
      </c>
      <c r="N36726" t="s">
        <v>84</v>
      </c>
      <c r="O36726" t="s">
        <v>85</v>
      </c>
      <c r="P36726" t="s">
        <v>86</v>
      </c>
      <c r="Q36726">
        <v>61</v>
      </c>
      <c r="R36726">
        <v>62</v>
      </c>
      <c r="S36726">
        <v>62</v>
      </c>
      <c r="T36726">
        <v>63</v>
      </c>
      <c r="U36726">
        <v>63</v>
      </c>
      <c r="V36726">
        <v>64</v>
      </c>
      <c r="W36726">
        <v>64</v>
      </c>
      <c r="X36726">
        <v>65</v>
      </c>
      <c r="Y36726">
        <v>65</v>
      </c>
      <c r="Z36726">
        <v>66</v>
      </c>
      <c r="AA36726">
        <v>66</v>
      </c>
      <c r="AB36726">
        <v>66</v>
      </c>
      <c r="AC36726">
        <v>67</v>
      </c>
      <c r="AD36726">
        <v>67</v>
      </c>
      <c r="AE36726">
        <v>67</v>
      </c>
      <c r="AF36726">
        <v>68</v>
      </c>
      <c r="AG36726">
        <v>68</v>
      </c>
      <c r="AH36726">
        <v>68</v>
      </c>
      <c r="AI36726">
        <v>68</v>
      </c>
      <c r="AJ36726">
        <v>69</v>
      </c>
      <c r="AK36726">
        <v>69</v>
      </c>
      <c r="AL36726">
        <v>69</v>
      </c>
      <c r="AM36726">
        <v>68</v>
      </c>
      <c r="AN36726">
        <v>68</v>
      </c>
      <c r="AO36726">
        <v>68</v>
      </c>
      <c r="AP36726">
        <v>67</v>
      </c>
      <c r="AQ36726">
        <v>67</v>
      </c>
    </row>
    <row r="36727" spans="1:43">
      <c r="A36727" t="s">
        <v>22773</v>
      </c>
      <c r="B36727" t="s">
        <v>22774</v>
      </c>
      <c r="C36727" t="s">
        <v>22753</v>
      </c>
      <c r="D36727" t="s">
        <v>22754</v>
      </c>
      <c r="E36727" t="s">
        <v>22737</v>
      </c>
      <c r="F36727" t="s">
        <v>22738</v>
      </c>
      <c r="G36727" t="s">
        <v>11612</v>
      </c>
      <c r="H36727" t="s">
        <v>11613</v>
      </c>
      <c r="I36727" s="2">
        <v>0</v>
      </c>
      <c r="J36727" s="2">
        <v>0</v>
      </c>
      <c r="K36727" s="2">
        <v>1</v>
      </c>
      <c r="L36727" t="s">
        <v>995</v>
      </c>
      <c r="M36727" t="s">
        <v>87</v>
      </c>
      <c r="N36727" t="s">
        <v>88</v>
      </c>
      <c r="O36727" t="s">
        <v>85</v>
      </c>
      <c r="P36727" t="s">
        <v>86</v>
      </c>
      <c r="Q36727">
        <v>61</v>
      </c>
      <c r="R36727">
        <v>61</v>
      </c>
      <c r="S36727">
        <v>61</v>
      </c>
      <c r="T36727">
        <v>61</v>
      </c>
      <c r="U36727">
        <v>61</v>
      </c>
      <c r="V36727">
        <v>60</v>
      </c>
      <c r="W36727">
        <v>60</v>
      </c>
      <c r="X36727">
        <v>60</v>
      </c>
      <c r="Y36727">
        <v>60</v>
      </c>
      <c r="Z36727">
        <v>60</v>
      </c>
      <c r="AA36727">
        <v>60</v>
      </c>
      <c r="AB36727">
        <v>60</v>
      </c>
      <c r="AC36727">
        <v>60</v>
      </c>
      <c r="AD36727">
        <v>60</v>
      </c>
      <c r="AE36727">
        <v>60</v>
      </c>
      <c r="AF36727">
        <v>60</v>
      </c>
      <c r="AG36727">
        <v>59</v>
      </c>
      <c r="AH36727">
        <v>59</v>
      </c>
      <c r="AI36727">
        <v>59</v>
      </c>
      <c r="AJ36727">
        <v>59</v>
      </c>
      <c r="AK36727">
        <v>59</v>
      </c>
      <c r="AL36727">
        <v>59</v>
      </c>
      <c r="AM36727">
        <v>59</v>
      </c>
      <c r="AN36727">
        <v>59</v>
      </c>
      <c r="AO36727">
        <v>58</v>
      </c>
      <c r="AP36727">
        <v>58</v>
      </c>
      <c r="AQ36727">
        <v>58</v>
      </c>
    </row>
    <row r="36728" spans="1:43">
      <c r="A36728" t="s">
        <v>22773</v>
      </c>
      <c r="B36728" t="s">
        <v>22774</v>
      </c>
      <c r="C36728" t="s">
        <v>22753</v>
      </c>
      <c r="D36728" t="s">
        <v>22754</v>
      </c>
      <c r="E36728" t="s">
        <v>22737</v>
      </c>
      <c r="F36728" t="s">
        <v>22738</v>
      </c>
      <c r="G36728" t="s">
        <v>11612</v>
      </c>
      <c r="H36728" t="s">
        <v>11613</v>
      </c>
      <c r="I36728" s="2">
        <v>0</v>
      </c>
      <c r="J36728" s="2">
        <v>0</v>
      </c>
      <c r="K36728" s="2">
        <v>1</v>
      </c>
      <c r="L36728" t="s">
        <v>995</v>
      </c>
      <c r="M36728" t="s">
        <v>89</v>
      </c>
      <c r="N36728" t="s">
        <v>90</v>
      </c>
      <c r="O36728" t="s">
        <v>85</v>
      </c>
      <c r="P36728" t="s">
        <v>86</v>
      </c>
      <c r="Q36728">
        <v>61</v>
      </c>
      <c r="R36728">
        <v>62</v>
      </c>
      <c r="S36728">
        <v>63</v>
      </c>
      <c r="T36728">
        <v>64</v>
      </c>
      <c r="U36728">
        <v>65</v>
      </c>
      <c r="V36728">
        <v>66</v>
      </c>
      <c r="W36728">
        <v>67</v>
      </c>
      <c r="X36728">
        <v>67</v>
      </c>
      <c r="Y36728">
        <v>68</v>
      </c>
      <c r="Z36728">
        <v>69</v>
      </c>
      <c r="AA36728">
        <v>69</v>
      </c>
      <c r="AB36728">
        <v>70</v>
      </c>
      <c r="AC36728">
        <v>70</v>
      </c>
      <c r="AD36728">
        <v>71</v>
      </c>
      <c r="AE36728">
        <v>71</v>
      </c>
      <c r="AF36728">
        <v>71</v>
      </c>
      <c r="AG36728">
        <v>70</v>
      </c>
      <c r="AH36728">
        <v>70</v>
      </c>
      <c r="AI36728">
        <v>70</v>
      </c>
      <c r="AJ36728">
        <v>69</v>
      </c>
      <c r="AK36728">
        <v>69</v>
      </c>
      <c r="AL36728">
        <v>68</v>
      </c>
      <c r="AM36728">
        <v>68</v>
      </c>
      <c r="AN36728">
        <v>68</v>
      </c>
      <c r="AO36728">
        <v>67</v>
      </c>
      <c r="AP36728">
        <v>67</v>
      </c>
      <c r="AQ36728">
        <v>67</v>
      </c>
    </row>
    <row r="36729" spans="1:43">
      <c r="A36729" t="s">
        <v>22773</v>
      </c>
      <c r="B36729" t="s">
        <v>22774</v>
      </c>
      <c r="C36729" t="s">
        <v>22753</v>
      </c>
      <c r="D36729" t="s">
        <v>22754</v>
      </c>
      <c r="E36729" t="s">
        <v>22737</v>
      </c>
      <c r="F36729" t="s">
        <v>22738</v>
      </c>
      <c r="G36729" t="s">
        <v>11612</v>
      </c>
      <c r="H36729" t="s">
        <v>11613</v>
      </c>
      <c r="I36729" s="2">
        <v>0</v>
      </c>
      <c r="J36729" s="2">
        <v>0</v>
      </c>
      <c r="K36729" s="2">
        <v>1</v>
      </c>
      <c r="L36729" t="s">
        <v>995</v>
      </c>
      <c r="M36729" t="s">
        <v>83</v>
      </c>
      <c r="N36729" t="s">
        <v>91</v>
      </c>
      <c r="O36729" t="s">
        <v>85</v>
      </c>
      <c r="P36729" t="s">
        <v>86</v>
      </c>
      <c r="Q36729">
        <v>61</v>
      </c>
      <c r="R36729">
        <v>62</v>
      </c>
      <c r="S36729">
        <v>62</v>
      </c>
      <c r="T36729">
        <v>63</v>
      </c>
      <c r="U36729">
        <v>63</v>
      </c>
      <c r="V36729">
        <v>64</v>
      </c>
      <c r="W36729">
        <v>64</v>
      </c>
      <c r="X36729">
        <v>65</v>
      </c>
      <c r="Y36729">
        <v>65</v>
      </c>
      <c r="Z36729">
        <v>66</v>
      </c>
      <c r="AA36729">
        <v>66</v>
      </c>
      <c r="AB36729">
        <v>66</v>
      </c>
      <c r="AC36729">
        <v>67</v>
      </c>
      <c r="AD36729">
        <v>67</v>
      </c>
      <c r="AE36729">
        <v>67</v>
      </c>
      <c r="AF36729">
        <v>68</v>
      </c>
      <c r="AG36729">
        <v>68</v>
      </c>
      <c r="AH36729">
        <v>68</v>
      </c>
      <c r="AI36729">
        <v>68</v>
      </c>
      <c r="AJ36729">
        <v>69</v>
      </c>
      <c r="AK36729">
        <v>69</v>
      </c>
      <c r="AL36729">
        <v>69</v>
      </c>
      <c r="AM36729">
        <v>68</v>
      </c>
      <c r="AN36729">
        <v>68</v>
      </c>
      <c r="AO36729">
        <v>68</v>
      </c>
      <c r="AP36729">
        <v>67</v>
      </c>
      <c r="AQ36729">
        <v>67</v>
      </c>
    </row>
    <row r="36730" spans="1:43">
      <c r="A36730" t="s">
        <v>22775</v>
      </c>
      <c r="B36730" t="s">
        <v>22776</v>
      </c>
      <c r="C36730" t="s">
        <v>22761</v>
      </c>
      <c r="D36730" t="s">
        <v>22762</v>
      </c>
      <c r="E36730" t="s">
        <v>22737</v>
      </c>
      <c r="F36730" t="s">
        <v>22738</v>
      </c>
      <c r="G36730" t="s">
        <v>11612</v>
      </c>
      <c r="H36730" t="s">
        <v>11613</v>
      </c>
      <c r="I36730" s="2">
        <v>0</v>
      </c>
      <c r="J36730" s="2">
        <v>0</v>
      </c>
      <c r="K36730" s="2">
        <v>1</v>
      </c>
      <c r="L36730" t="s">
        <v>995</v>
      </c>
      <c r="M36730" t="s">
        <v>83</v>
      </c>
      <c r="N36730" t="s">
        <v>84</v>
      </c>
      <c r="O36730" t="s">
        <v>85</v>
      </c>
      <c r="P36730" t="s">
        <v>86</v>
      </c>
      <c r="Q36730">
        <v>24</v>
      </c>
      <c r="R36730">
        <v>25</v>
      </c>
      <c r="S36730">
        <v>25</v>
      </c>
      <c r="T36730">
        <v>25</v>
      </c>
      <c r="U36730">
        <v>25</v>
      </c>
      <c r="V36730">
        <v>26</v>
      </c>
      <c r="W36730">
        <v>26</v>
      </c>
      <c r="X36730">
        <v>26</v>
      </c>
      <c r="Y36730">
        <v>26</v>
      </c>
      <c r="Z36730">
        <v>26</v>
      </c>
      <c r="AA36730">
        <v>27</v>
      </c>
      <c r="AB36730">
        <v>27</v>
      </c>
      <c r="AC36730">
        <v>27</v>
      </c>
      <c r="AD36730">
        <v>27</v>
      </c>
      <c r="AE36730">
        <v>27</v>
      </c>
      <c r="AF36730">
        <v>27</v>
      </c>
      <c r="AG36730">
        <v>27</v>
      </c>
      <c r="AH36730">
        <v>27</v>
      </c>
      <c r="AI36730">
        <v>28</v>
      </c>
      <c r="AJ36730">
        <v>28</v>
      </c>
      <c r="AK36730">
        <v>28</v>
      </c>
      <c r="AL36730">
        <v>28</v>
      </c>
      <c r="AM36730">
        <v>28</v>
      </c>
      <c r="AN36730">
        <v>27</v>
      </c>
      <c r="AO36730">
        <v>27</v>
      </c>
      <c r="AP36730">
        <v>27</v>
      </c>
      <c r="AQ36730">
        <v>27</v>
      </c>
    </row>
    <row r="36731" spans="1:43">
      <c r="A36731" t="s">
        <v>22775</v>
      </c>
      <c r="B36731" t="s">
        <v>22776</v>
      </c>
      <c r="C36731" t="s">
        <v>22761</v>
      </c>
      <c r="D36731" t="s">
        <v>22762</v>
      </c>
      <c r="E36731" t="s">
        <v>22737</v>
      </c>
      <c r="F36731" t="s">
        <v>22738</v>
      </c>
      <c r="G36731" t="s">
        <v>11612</v>
      </c>
      <c r="H36731" t="s">
        <v>11613</v>
      </c>
      <c r="I36731" s="2">
        <v>0</v>
      </c>
      <c r="J36731" s="2">
        <v>0</v>
      </c>
      <c r="K36731" s="2">
        <v>1</v>
      </c>
      <c r="L36731" t="s">
        <v>995</v>
      </c>
      <c r="M36731" t="s">
        <v>87</v>
      </c>
      <c r="N36731" t="s">
        <v>88</v>
      </c>
      <c r="O36731" t="s">
        <v>85</v>
      </c>
      <c r="P36731" t="s">
        <v>86</v>
      </c>
      <c r="Q36731">
        <v>24</v>
      </c>
      <c r="R36731">
        <v>24</v>
      </c>
      <c r="S36731">
        <v>24</v>
      </c>
      <c r="T36731">
        <v>24</v>
      </c>
      <c r="U36731">
        <v>24</v>
      </c>
      <c r="V36731">
        <v>24</v>
      </c>
      <c r="W36731">
        <v>24</v>
      </c>
      <c r="X36731">
        <v>24</v>
      </c>
      <c r="Y36731">
        <v>24</v>
      </c>
      <c r="Z36731">
        <v>24</v>
      </c>
      <c r="AA36731">
        <v>24</v>
      </c>
      <c r="AB36731">
        <v>24</v>
      </c>
      <c r="AC36731">
        <v>24</v>
      </c>
      <c r="AD36731">
        <v>24</v>
      </c>
      <c r="AE36731">
        <v>24</v>
      </c>
      <c r="AF36731">
        <v>24</v>
      </c>
      <c r="AG36731">
        <v>24</v>
      </c>
      <c r="AH36731">
        <v>24</v>
      </c>
      <c r="AI36731">
        <v>24</v>
      </c>
      <c r="AJ36731">
        <v>24</v>
      </c>
      <c r="AK36731">
        <v>24</v>
      </c>
      <c r="AL36731">
        <v>24</v>
      </c>
      <c r="AM36731">
        <v>24</v>
      </c>
      <c r="AN36731">
        <v>24</v>
      </c>
      <c r="AO36731">
        <v>24</v>
      </c>
      <c r="AP36731">
        <v>24</v>
      </c>
      <c r="AQ36731">
        <v>24</v>
      </c>
    </row>
    <row r="36732" spans="1:43">
      <c r="A36732" t="s">
        <v>22775</v>
      </c>
      <c r="B36732" t="s">
        <v>22776</v>
      </c>
      <c r="C36732" t="s">
        <v>22761</v>
      </c>
      <c r="D36732" t="s">
        <v>22762</v>
      </c>
      <c r="E36732" t="s">
        <v>22737</v>
      </c>
      <c r="F36732" t="s">
        <v>22738</v>
      </c>
      <c r="G36732" t="s">
        <v>11612</v>
      </c>
      <c r="H36732" t="s">
        <v>11613</v>
      </c>
      <c r="I36732" s="2">
        <v>0</v>
      </c>
      <c r="J36732" s="2">
        <v>0</v>
      </c>
      <c r="K36732" s="2">
        <v>1</v>
      </c>
      <c r="L36732" t="s">
        <v>995</v>
      </c>
      <c r="M36732" t="s">
        <v>89</v>
      </c>
      <c r="N36732" t="s">
        <v>90</v>
      </c>
      <c r="O36732" t="s">
        <v>85</v>
      </c>
      <c r="P36732" t="s">
        <v>86</v>
      </c>
      <c r="Q36732">
        <v>24</v>
      </c>
      <c r="R36732">
        <v>24</v>
      </c>
      <c r="S36732">
        <v>25</v>
      </c>
      <c r="T36732">
        <v>25</v>
      </c>
      <c r="U36732">
        <v>25</v>
      </c>
      <c r="V36732">
        <v>26</v>
      </c>
      <c r="W36732">
        <v>26</v>
      </c>
      <c r="X36732">
        <v>26</v>
      </c>
      <c r="Y36732">
        <v>27</v>
      </c>
      <c r="Z36732">
        <v>27</v>
      </c>
      <c r="AA36732">
        <v>27</v>
      </c>
      <c r="AB36732">
        <v>27</v>
      </c>
      <c r="AC36732">
        <v>28</v>
      </c>
      <c r="AD36732">
        <v>28</v>
      </c>
      <c r="AE36732">
        <v>28</v>
      </c>
      <c r="AF36732">
        <v>28</v>
      </c>
      <c r="AG36732">
        <v>28</v>
      </c>
      <c r="AH36732">
        <v>28</v>
      </c>
      <c r="AI36732">
        <v>27</v>
      </c>
      <c r="AJ36732">
        <v>27</v>
      </c>
      <c r="AK36732">
        <v>27</v>
      </c>
      <c r="AL36732">
        <v>27</v>
      </c>
      <c r="AM36732">
        <v>27</v>
      </c>
      <c r="AN36732">
        <v>27</v>
      </c>
      <c r="AO36732">
        <v>27</v>
      </c>
      <c r="AP36732">
        <v>26</v>
      </c>
      <c r="AQ36732">
        <v>26</v>
      </c>
    </row>
    <row r="36733" spans="1:43">
      <c r="A36733" t="s">
        <v>22775</v>
      </c>
      <c r="B36733" t="s">
        <v>22776</v>
      </c>
      <c r="C36733" t="s">
        <v>22761</v>
      </c>
      <c r="D36733" t="s">
        <v>22762</v>
      </c>
      <c r="E36733" t="s">
        <v>22737</v>
      </c>
      <c r="F36733" t="s">
        <v>22738</v>
      </c>
      <c r="G36733" t="s">
        <v>11612</v>
      </c>
      <c r="H36733" t="s">
        <v>11613</v>
      </c>
      <c r="I36733" s="2">
        <v>0</v>
      </c>
      <c r="J36733" s="2">
        <v>0</v>
      </c>
      <c r="K36733" s="2">
        <v>1</v>
      </c>
      <c r="L36733" t="s">
        <v>995</v>
      </c>
      <c r="M36733" t="s">
        <v>83</v>
      </c>
      <c r="N36733" t="s">
        <v>91</v>
      </c>
      <c r="O36733" t="s">
        <v>85</v>
      </c>
      <c r="P36733" t="s">
        <v>86</v>
      </c>
      <c r="Q36733">
        <v>24</v>
      </c>
      <c r="R36733">
        <v>25</v>
      </c>
      <c r="S36733">
        <v>25</v>
      </c>
      <c r="T36733">
        <v>25</v>
      </c>
      <c r="U36733">
        <v>25</v>
      </c>
      <c r="V36733">
        <v>26</v>
      </c>
      <c r="W36733">
        <v>26</v>
      </c>
      <c r="X36733">
        <v>26</v>
      </c>
      <c r="Y36733">
        <v>26</v>
      </c>
      <c r="Z36733">
        <v>26</v>
      </c>
      <c r="AA36733">
        <v>27</v>
      </c>
      <c r="AB36733">
        <v>27</v>
      </c>
      <c r="AC36733">
        <v>27</v>
      </c>
      <c r="AD36733">
        <v>27</v>
      </c>
      <c r="AE36733">
        <v>27</v>
      </c>
      <c r="AF36733">
        <v>27</v>
      </c>
      <c r="AG36733">
        <v>27</v>
      </c>
      <c r="AH36733">
        <v>27</v>
      </c>
      <c r="AI36733">
        <v>28</v>
      </c>
      <c r="AJ36733">
        <v>28</v>
      </c>
      <c r="AK36733">
        <v>28</v>
      </c>
      <c r="AL36733">
        <v>28</v>
      </c>
      <c r="AM36733">
        <v>28</v>
      </c>
      <c r="AN36733">
        <v>27</v>
      </c>
      <c r="AO36733">
        <v>27</v>
      </c>
      <c r="AP36733">
        <v>27</v>
      </c>
      <c r="AQ36733">
        <v>27</v>
      </c>
    </row>
    <row r="36734" spans="1:43">
      <c r="A36734" t="s">
        <v>22777</v>
      </c>
      <c r="B36734" t="s">
        <v>22778</v>
      </c>
      <c r="C36734" t="s">
        <v>22753</v>
      </c>
      <c r="D36734" t="s">
        <v>22754</v>
      </c>
      <c r="E36734" t="s">
        <v>22737</v>
      </c>
      <c r="F36734" t="s">
        <v>22738</v>
      </c>
      <c r="G36734" t="s">
        <v>11612</v>
      </c>
      <c r="H36734" t="s">
        <v>11613</v>
      </c>
      <c r="I36734" s="2">
        <v>0</v>
      </c>
      <c r="J36734" s="2">
        <v>0</v>
      </c>
      <c r="K36734" s="2">
        <v>1</v>
      </c>
      <c r="L36734" t="s">
        <v>995</v>
      </c>
      <c r="M36734" t="s">
        <v>83</v>
      </c>
      <c r="N36734" t="s">
        <v>84</v>
      </c>
      <c r="O36734" t="s">
        <v>85</v>
      </c>
      <c r="P36734" t="s">
        <v>86</v>
      </c>
      <c r="Q36734">
        <v>60</v>
      </c>
      <c r="R36734">
        <v>60</v>
      </c>
      <c r="S36734">
        <v>61</v>
      </c>
      <c r="T36734">
        <v>61</v>
      </c>
      <c r="U36734">
        <v>62</v>
      </c>
      <c r="V36734">
        <v>62</v>
      </c>
      <c r="W36734">
        <v>63</v>
      </c>
      <c r="X36734">
        <v>63</v>
      </c>
      <c r="Y36734">
        <v>64</v>
      </c>
      <c r="Z36734">
        <v>64</v>
      </c>
      <c r="AA36734">
        <v>64</v>
      </c>
      <c r="AB36734">
        <v>65</v>
      </c>
      <c r="AC36734">
        <v>65</v>
      </c>
      <c r="AD36734">
        <v>66</v>
      </c>
      <c r="AE36734">
        <v>66</v>
      </c>
      <c r="AF36734">
        <v>66</v>
      </c>
      <c r="AG36734">
        <v>66</v>
      </c>
      <c r="AH36734">
        <v>67</v>
      </c>
      <c r="AI36734">
        <v>67</v>
      </c>
      <c r="AJ36734">
        <v>67</v>
      </c>
      <c r="AK36734">
        <v>68</v>
      </c>
      <c r="AL36734">
        <v>67</v>
      </c>
      <c r="AM36734">
        <v>67</v>
      </c>
      <c r="AN36734">
        <v>67</v>
      </c>
      <c r="AO36734">
        <v>67</v>
      </c>
      <c r="AP36734">
        <v>66</v>
      </c>
      <c r="AQ36734">
        <v>66</v>
      </c>
    </row>
    <row r="36735" spans="1:43">
      <c r="A36735" t="s">
        <v>22777</v>
      </c>
      <c r="B36735" t="s">
        <v>22778</v>
      </c>
      <c r="C36735" t="s">
        <v>22753</v>
      </c>
      <c r="D36735" t="s">
        <v>22754</v>
      </c>
      <c r="E36735" t="s">
        <v>22737</v>
      </c>
      <c r="F36735" t="s">
        <v>22738</v>
      </c>
      <c r="G36735" t="s">
        <v>11612</v>
      </c>
      <c r="H36735" t="s">
        <v>11613</v>
      </c>
      <c r="I36735" s="2">
        <v>0</v>
      </c>
      <c r="J36735" s="2">
        <v>0</v>
      </c>
      <c r="K36735" s="2">
        <v>1</v>
      </c>
      <c r="L36735" t="s">
        <v>995</v>
      </c>
      <c r="M36735" t="s">
        <v>87</v>
      </c>
      <c r="N36735" t="s">
        <v>88</v>
      </c>
      <c r="O36735" t="s">
        <v>85</v>
      </c>
      <c r="P36735" t="s">
        <v>86</v>
      </c>
      <c r="Q36735">
        <v>60</v>
      </c>
      <c r="R36735">
        <v>60</v>
      </c>
      <c r="S36735">
        <v>60</v>
      </c>
      <c r="T36735">
        <v>60</v>
      </c>
      <c r="U36735">
        <v>60</v>
      </c>
      <c r="V36735">
        <v>60</v>
      </c>
      <c r="W36735">
        <v>60</v>
      </c>
      <c r="X36735">
        <v>60</v>
      </c>
      <c r="Y36735">
        <v>60</v>
      </c>
      <c r="Z36735">
        <v>60</v>
      </c>
      <c r="AA36735">
        <v>60</v>
      </c>
      <c r="AB36735">
        <v>60</v>
      </c>
      <c r="AC36735">
        <v>60</v>
      </c>
      <c r="AD36735">
        <v>59</v>
      </c>
      <c r="AE36735">
        <v>59</v>
      </c>
      <c r="AF36735">
        <v>59</v>
      </c>
      <c r="AG36735">
        <v>59</v>
      </c>
      <c r="AH36735">
        <v>59</v>
      </c>
      <c r="AI36735">
        <v>59</v>
      </c>
      <c r="AJ36735">
        <v>59</v>
      </c>
      <c r="AK36735">
        <v>59</v>
      </c>
      <c r="AL36735">
        <v>59</v>
      </c>
      <c r="AM36735">
        <v>59</v>
      </c>
      <c r="AN36735">
        <v>59</v>
      </c>
      <c r="AO36735">
        <v>59</v>
      </c>
      <c r="AP36735">
        <v>58</v>
      </c>
      <c r="AQ36735">
        <v>58</v>
      </c>
    </row>
    <row r="36736" spans="1:43">
      <c r="A36736" t="s">
        <v>22777</v>
      </c>
      <c r="B36736" t="s">
        <v>22778</v>
      </c>
      <c r="C36736" t="s">
        <v>22753</v>
      </c>
      <c r="D36736" t="s">
        <v>22754</v>
      </c>
      <c r="E36736" t="s">
        <v>22737</v>
      </c>
      <c r="F36736" t="s">
        <v>22738</v>
      </c>
      <c r="G36736" t="s">
        <v>11612</v>
      </c>
      <c r="H36736" t="s">
        <v>11613</v>
      </c>
      <c r="I36736" s="2">
        <v>0</v>
      </c>
      <c r="J36736" s="2">
        <v>0</v>
      </c>
      <c r="K36736" s="2">
        <v>1</v>
      </c>
      <c r="L36736" t="s">
        <v>995</v>
      </c>
      <c r="M36736" t="s">
        <v>89</v>
      </c>
      <c r="N36736" t="s">
        <v>90</v>
      </c>
      <c r="O36736" t="s">
        <v>85</v>
      </c>
      <c r="P36736" t="s">
        <v>86</v>
      </c>
      <c r="Q36736">
        <v>60</v>
      </c>
      <c r="R36736">
        <v>61</v>
      </c>
      <c r="S36736">
        <v>62</v>
      </c>
      <c r="T36736">
        <v>63</v>
      </c>
      <c r="U36736">
        <v>64</v>
      </c>
      <c r="V36736">
        <v>65</v>
      </c>
      <c r="W36736">
        <v>66</v>
      </c>
      <c r="X36736">
        <v>67</v>
      </c>
      <c r="Y36736">
        <v>67</v>
      </c>
      <c r="Z36736">
        <v>68</v>
      </c>
      <c r="AA36736">
        <v>69</v>
      </c>
      <c r="AB36736">
        <v>69</v>
      </c>
      <c r="AC36736">
        <v>70</v>
      </c>
      <c r="AD36736">
        <v>70</v>
      </c>
      <c r="AE36736">
        <v>70</v>
      </c>
      <c r="AF36736">
        <v>70</v>
      </c>
      <c r="AG36736">
        <v>70</v>
      </c>
      <c r="AH36736">
        <v>70</v>
      </c>
      <c r="AI36736">
        <v>69</v>
      </c>
      <c r="AJ36736">
        <v>69</v>
      </c>
      <c r="AK36736">
        <v>69</v>
      </c>
      <c r="AL36736">
        <v>68</v>
      </c>
      <c r="AM36736">
        <v>68</v>
      </c>
      <c r="AN36736">
        <v>68</v>
      </c>
      <c r="AO36736">
        <v>67</v>
      </c>
      <c r="AP36736">
        <v>67</v>
      </c>
      <c r="AQ36736">
        <v>67</v>
      </c>
    </row>
    <row r="36737" spans="1:43">
      <c r="A36737" t="s">
        <v>22777</v>
      </c>
      <c r="B36737" t="s">
        <v>22778</v>
      </c>
      <c r="C36737" t="s">
        <v>22753</v>
      </c>
      <c r="D36737" t="s">
        <v>22754</v>
      </c>
      <c r="E36737" t="s">
        <v>22737</v>
      </c>
      <c r="F36737" t="s">
        <v>22738</v>
      </c>
      <c r="G36737" t="s">
        <v>11612</v>
      </c>
      <c r="H36737" t="s">
        <v>11613</v>
      </c>
      <c r="I36737" s="2">
        <v>0</v>
      </c>
      <c r="J36737" s="2">
        <v>0</v>
      </c>
      <c r="K36737" s="2">
        <v>1</v>
      </c>
      <c r="L36737" t="s">
        <v>995</v>
      </c>
      <c r="M36737" t="s">
        <v>83</v>
      </c>
      <c r="N36737" t="s">
        <v>91</v>
      </c>
      <c r="O36737" t="s">
        <v>85</v>
      </c>
      <c r="P36737" t="s">
        <v>86</v>
      </c>
      <c r="Q36737">
        <v>60</v>
      </c>
      <c r="R36737">
        <v>60</v>
      </c>
      <c r="S36737">
        <v>61</v>
      </c>
      <c r="T36737">
        <v>61</v>
      </c>
      <c r="U36737">
        <v>62</v>
      </c>
      <c r="V36737">
        <v>62</v>
      </c>
      <c r="W36737">
        <v>63</v>
      </c>
      <c r="X36737">
        <v>63</v>
      </c>
      <c r="Y36737">
        <v>64</v>
      </c>
      <c r="Z36737">
        <v>64</v>
      </c>
      <c r="AA36737">
        <v>64</v>
      </c>
      <c r="AB36737">
        <v>65</v>
      </c>
      <c r="AC36737">
        <v>65</v>
      </c>
      <c r="AD36737">
        <v>66</v>
      </c>
      <c r="AE36737">
        <v>66</v>
      </c>
      <c r="AF36737">
        <v>66</v>
      </c>
      <c r="AG36737">
        <v>66</v>
      </c>
      <c r="AH36737">
        <v>67</v>
      </c>
      <c r="AI36737">
        <v>67</v>
      </c>
      <c r="AJ36737">
        <v>67</v>
      </c>
      <c r="AK36737">
        <v>68</v>
      </c>
      <c r="AL36737">
        <v>67</v>
      </c>
      <c r="AM36737">
        <v>67</v>
      </c>
      <c r="AN36737">
        <v>67</v>
      </c>
      <c r="AO36737">
        <v>67</v>
      </c>
      <c r="AP36737">
        <v>66</v>
      </c>
      <c r="AQ36737">
        <v>66</v>
      </c>
    </row>
    <row r="36738" spans="1:43">
      <c r="A36738" t="s">
        <v>22779</v>
      </c>
      <c r="B36738" t="s">
        <v>22780</v>
      </c>
      <c r="C36738" t="s">
        <v>22765</v>
      </c>
      <c r="D36738" t="s">
        <v>22766</v>
      </c>
      <c r="E36738" t="s">
        <v>22737</v>
      </c>
      <c r="F36738" t="s">
        <v>22738</v>
      </c>
      <c r="G36738" t="s">
        <v>11612</v>
      </c>
      <c r="H36738" t="s">
        <v>11613</v>
      </c>
      <c r="I36738" s="2">
        <v>0</v>
      </c>
      <c r="J36738" s="2">
        <v>0</v>
      </c>
      <c r="K36738" s="2">
        <v>1</v>
      </c>
      <c r="L36738" t="s">
        <v>995</v>
      </c>
      <c r="M36738" t="s">
        <v>83</v>
      </c>
      <c r="N36738" t="s">
        <v>84</v>
      </c>
      <c r="O36738" t="s">
        <v>85</v>
      </c>
      <c r="P36738" t="s">
        <v>86</v>
      </c>
      <c r="Q36738">
        <v>56</v>
      </c>
      <c r="R36738">
        <v>56</v>
      </c>
      <c r="S36738">
        <v>57</v>
      </c>
      <c r="T36738">
        <v>57</v>
      </c>
      <c r="U36738">
        <v>57</v>
      </c>
      <c r="V36738">
        <v>58</v>
      </c>
      <c r="W36738">
        <v>58</v>
      </c>
      <c r="X36738">
        <v>59</v>
      </c>
      <c r="Y36738">
        <v>59</v>
      </c>
      <c r="Z36738">
        <v>59</v>
      </c>
      <c r="AA36738">
        <v>60</v>
      </c>
      <c r="AB36738">
        <v>60</v>
      </c>
      <c r="AC36738">
        <v>60</v>
      </c>
      <c r="AD36738">
        <v>60</v>
      </c>
      <c r="AE36738">
        <v>61</v>
      </c>
      <c r="AF36738">
        <v>61</v>
      </c>
      <c r="AG36738">
        <v>61</v>
      </c>
      <c r="AH36738">
        <v>61</v>
      </c>
      <c r="AI36738">
        <v>62</v>
      </c>
      <c r="AJ36738">
        <v>62</v>
      </c>
      <c r="AK36738">
        <v>62</v>
      </c>
      <c r="AL36738">
        <v>62</v>
      </c>
      <c r="AM36738">
        <v>61</v>
      </c>
      <c r="AN36738">
        <v>61</v>
      </c>
      <c r="AO36738">
        <v>61</v>
      </c>
      <c r="AP36738">
        <v>60</v>
      </c>
      <c r="AQ36738">
        <v>60</v>
      </c>
    </row>
    <row r="36739" spans="1:43">
      <c r="A36739" t="s">
        <v>22779</v>
      </c>
      <c r="B36739" t="s">
        <v>22780</v>
      </c>
      <c r="C36739" t="s">
        <v>22765</v>
      </c>
      <c r="D36739" t="s">
        <v>22766</v>
      </c>
      <c r="E36739" t="s">
        <v>22737</v>
      </c>
      <c r="F36739" t="s">
        <v>22738</v>
      </c>
      <c r="G36739" t="s">
        <v>11612</v>
      </c>
      <c r="H36739" t="s">
        <v>11613</v>
      </c>
      <c r="I36739" s="2">
        <v>0</v>
      </c>
      <c r="J36739" s="2">
        <v>0</v>
      </c>
      <c r="K36739" s="2">
        <v>1</v>
      </c>
      <c r="L36739" t="s">
        <v>995</v>
      </c>
      <c r="M36739" t="s">
        <v>87</v>
      </c>
      <c r="N36739" t="s">
        <v>88</v>
      </c>
      <c r="O36739" t="s">
        <v>85</v>
      </c>
      <c r="P36739" t="s">
        <v>86</v>
      </c>
      <c r="Q36739">
        <v>56</v>
      </c>
      <c r="R36739">
        <v>56</v>
      </c>
      <c r="S36739">
        <v>56</v>
      </c>
      <c r="T36739">
        <v>56</v>
      </c>
      <c r="U36739">
        <v>56</v>
      </c>
      <c r="V36739">
        <v>56</v>
      </c>
      <c r="W36739">
        <v>56</v>
      </c>
      <c r="X36739">
        <v>56</v>
      </c>
      <c r="Y36739">
        <v>55</v>
      </c>
      <c r="Z36739">
        <v>55</v>
      </c>
      <c r="AA36739">
        <v>55</v>
      </c>
      <c r="AB36739">
        <v>55</v>
      </c>
      <c r="AC36739">
        <v>55</v>
      </c>
      <c r="AD36739">
        <v>55</v>
      </c>
      <c r="AE36739">
        <v>55</v>
      </c>
      <c r="AF36739">
        <v>55</v>
      </c>
      <c r="AG36739">
        <v>54</v>
      </c>
      <c r="AH36739">
        <v>54</v>
      </c>
      <c r="AI36739">
        <v>54</v>
      </c>
      <c r="AJ36739">
        <v>54</v>
      </c>
      <c r="AK36739">
        <v>54</v>
      </c>
      <c r="AL36739">
        <v>54</v>
      </c>
      <c r="AM36739">
        <v>54</v>
      </c>
      <c r="AN36739">
        <v>53</v>
      </c>
      <c r="AO36739">
        <v>53</v>
      </c>
      <c r="AP36739">
        <v>53</v>
      </c>
      <c r="AQ36739">
        <v>53</v>
      </c>
    </row>
    <row r="36740" spans="1:43">
      <c r="A36740" t="s">
        <v>22779</v>
      </c>
      <c r="B36740" t="s">
        <v>22780</v>
      </c>
      <c r="C36740" t="s">
        <v>22765</v>
      </c>
      <c r="D36740" t="s">
        <v>22766</v>
      </c>
      <c r="E36740" t="s">
        <v>22737</v>
      </c>
      <c r="F36740" t="s">
        <v>22738</v>
      </c>
      <c r="G36740" t="s">
        <v>11612</v>
      </c>
      <c r="H36740" t="s">
        <v>11613</v>
      </c>
      <c r="I36740" s="2">
        <v>0</v>
      </c>
      <c r="J36740" s="2">
        <v>0</v>
      </c>
      <c r="K36740" s="2">
        <v>1</v>
      </c>
      <c r="L36740" t="s">
        <v>995</v>
      </c>
      <c r="M36740" t="s">
        <v>89</v>
      </c>
      <c r="N36740" t="s">
        <v>90</v>
      </c>
      <c r="O36740" t="s">
        <v>85</v>
      </c>
      <c r="P36740" t="s">
        <v>86</v>
      </c>
      <c r="Q36740">
        <v>56</v>
      </c>
      <c r="R36740">
        <v>57</v>
      </c>
      <c r="S36740">
        <v>58</v>
      </c>
      <c r="T36740">
        <v>59</v>
      </c>
      <c r="U36740">
        <v>60</v>
      </c>
      <c r="V36740">
        <v>60</v>
      </c>
      <c r="W36740">
        <v>61</v>
      </c>
      <c r="X36740">
        <v>62</v>
      </c>
      <c r="Y36740">
        <v>62</v>
      </c>
      <c r="Z36740">
        <v>63</v>
      </c>
      <c r="AA36740">
        <v>63</v>
      </c>
      <c r="AB36740">
        <v>64</v>
      </c>
      <c r="AC36740">
        <v>64</v>
      </c>
      <c r="AD36740">
        <v>65</v>
      </c>
      <c r="AE36740">
        <v>65</v>
      </c>
      <c r="AF36740">
        <v>65</v>
      </c>
      <c r="AG36740">
        <v>64</v>
      </c>
      <c r="AH36740">
        <v>64</v>
      </c>
      <c r="AI36740">
        <v>63</v>
      </c>
      <c r="AJ36740">
        <v>63</v>
      </c>
      <c r="AK36740">
        <v>63</v>
      </c>
      <c r="AL36740">
        <v>62</v>
      </c>
      <c r="AM36740">
        <v>62</v>
      </c>
      <c r="AN36740">
        <v>62</v>
      </c>
      <c r="AO36740">
        <v>61</v>
      </c>
      <c r="AP36740">
        <v>61</v>
      </c>
      <c r="AQ36740">
        <v>60</v>
      </c>
    </row>
    <row r="36741" spans="1:43">
      <c r="A36741" t="s">
        <v>22779</v>
      </c>
      <c r="B36741" t="s">
        <v>22780</v>
      </c>
      <c r="C36741" t="s">
        <v>22765</v>
      </c>
      <c r="D36741" t="s">
        <v>22766</v>
      </c>
      <c r="E36741" t="s">
        <v>22737</v>
      </c>
      <c r="F36741" t="s">
        <v>22738</v>
      </c>
      <c r="G36741" t="s">
        <v>11612</v>
      </c>
      <c r="H36741" t="s">
        <v>11613</v>
      </c>
      <c r="I36741" s="2">
        <v>0</v>
      </c>
      <c r="J36741" s="2">
        <v>0</v>
      </c>
      <c r="K36741" s="2">
        <v>1</v>
      </c>
      <c r="L36741" t="s">
        <v>995</v>
      </c>
      <c r="M36741" t="s">
        <v>83</v>
      </c>
      <c r="N36741" t="s">
        <v>91</v>
      </c>
      <c r="O36741" t="s">
        <v>85</v>
      </c>
      <c r="P36741" t="s">
        <v>86</v>
      </c>
      <c r="Q36741">
        <v>56</v>
      </c>
      <c r="R36741">
        <v>56</v>
      </c>
      <c r="S36741">
        <v>57</v>
      </c>
      <c r="T36741">
        <v>57</v>
      </c>
      <c r="U36741">
        <v>57</v>
      </c>
      <c r="V36741">
        <v>58</v>
      </c>
      <c r="W36741">
        <v>58</v>
      </c>
      <c r="X36741">
        <v>59</v>
      </c>
      <c r="Y36741">
        <v>59</v>
      </c>
      <c r="Z36741">
        <v>59</v>
      </c>
      <c r="AA36741">
        <v>60</v>
      </c>
      <c r="AB36741">
        <v>60</v>
      </c>
      <c r="AC36741">
        <v>60</v>
      </c>
      <c r="AD36741">
        <v>60</v>
      </c>
      <c r="AE36741">
        <v>61</v>
      </c>
      <c r="AF36741">
        <v>61</v>
      </c>
      <c r="AG36741">
        <v>61</v>
      </c>
      <c r="AH36741">
        <v>61</v>
      </c>
      <c r="AI36741">
        <v>62</v>
      </c>
      <c r="AJ36741">
        <v>62</v>
      </c>
      <c r="AK36741">
        <v>62</v>
      </c>
      <c r="AL36741">
        <v>62</v>
      </c>
      <c r="AM36741">
        <v>61</v>
      </c>
      <c r="AN36741">
        <v>61</v>
      </c>
      <c r="AO36741">
        <v>61</v>
      </c>
      <c r="AP36741">
        <v>60</v>
      </c>
      <c r="AQ36741">
        <v>60</v>
      </c>
    </row>
    <row r="36742" spans="1:43">
      <c r="A36742" t="s">
        <v>22781</v>
      </c>
      <c r="B36742" t="s">
        <v>22782</v>
      </c>
      <c r="C36742" t="s">
        <v>22783</v>
      </c>
      <c r="D36742" t="s">
        <v>22784</v>
      </c>
      <c r="E36742" t="s">
        <v>22737</v>
      </c>
      <c r="F36742" t="s">
        <v>22738</v>
      </c>
      <c r="G36742" t="s">
        <v>11612</v>
      </c>
      <c r="H36742" t="s">
        <v>11613</v>
      </c>
      <c r="I36742" s="2">
        <v>0</v>
      </c>
      <c r="J36742" s="2">
        <v>0</v>
      </c>
      <c r="K36742" s="2">
        <v>1</v>
      </c>
      <c r="L36742" t="s">
        <v>995</v>
      </c>
      <c r="M36742" t="s">
        <v>83</v>
      </c>
      <c r="N36742" t="s">
        <v>84</v>
      </c>
      <c r="O36742" t="s">
        <v>85</v>
      </c>
      <c r="P36742" t="s">
        <v>86</v>
      </c>
      <c r="Q36742">
        <v>11</v>
      </c>
      <c r="R36742">
        <v>11</v>
      </c>
      <c r="S36742">
        <v>12</v>
      </c>
      <c r="T36742">
        <v>12</v>
      </c>
      <c r="U36742">
        <v>12</v>
      </c>
      <c r="V36742">
        <v>12</v>
      </c>
      <c r="W36742">
        <v>12</v>
      </c>
      <c r="X36742">
        <v>12</v>
      </c>
      <c r="Y36742">
        <v>12</v>
      </c>
      <c r="Z36742">
        <v>12</v>
      </c>
      <c r="AA36742">
        <v>12</v>
      </c>
      <c r="AB36742">
        <v>12</v>
      </c>
      <c r="AC36742">
        <v>12</v>
      </c>
      <c r="AD36742">
        <v>12</v>
      </c>
      <c r="AE36742">
        <v>12</v>
      </c>
      <c r="AF36742">
        <v>12</v>
      </c>
      <c r="AG36742">
        <v>13</v>
      </c>
      <c r="AH36742">
        <v>13</v>
      </c>
      <c r="AI36742">
        <v>13</v>
      </c>
      <c r="AJ36742">
        <v>13</v>
      </c>
      <c r="AK36742">
        <v>13</v>
      </c>
      <c r="AL36742">
        <v>13</v>
      </c>
      <c r="AM36742">
        <v>13</v>
      </c>
      <c r="AN36742">
        <v>12</v>
      </c>
      <c r="AO36742">
        <v>12</v>
      </c>
      <c r="AP36742">
        <v>12</v>
      </c>
      <c r="AQ36742">
        <v>12</v>
      </c>
    </row>
    <row r="36743" spans="1:43">
      <c r="A36743" t="s">
        <v>22781</v>
      </c>
      <c r="B36743" t="s">
        <v>22782</v>
      </c>
      <c r="C36743" t="s">
        <v>22783</v>
      </c>
      <c r="D36743" t="s">
        <v>22784</v>
      </c>
      <c r="E36743" t="s">
        <v>22737</v>
      </c>
      <c r="F36743" t="s">
        <v>22738</v>
      </c>
      <c r="G36743" t="s">
        <v>11612</v>
      </c>
      <c r="H36743" t="s">
        <v>11613</v>
      </c>
      <c r="I36743" s="2">
        <v>0</v>
      </c>
      <c r="J36743" s="2">
        <v>0</v>
      </c>
      <c r="K36743" s="2">
        <v>1</v>
      </c>
      <c r="L36743" t="s">
        <v>995</v>
      </c>
      <c r="M36743" t="s">
        <v>87</v>
      </c>
      <c r="N36743" t="s">
        <v>88</v>
      </c>
      <c r="O36743" t="s">
        <v>85</v>
      </c>
      <c r="P36743" t="s">
        <v>86</v>
      </c>
      <c r="Q36743">
        <v>11</v>
      </c>
      <c r="R36743">
        <v>11</v>
      </c>
      <c r="S36743">
        <v>11</v>
      </c>
      <c r="T36743">
        <v>11</v>
      </c>
      <c r="U36743">
        <v>11</v>
      </c>
      <c r="V36743">
        <v>11</v>
      </c>
      <c r="W36743">
        <v>11</v>
      </c>
      <c r="X36743">
        <v>11</v>
      </c>
      <c r="Y36743">
        <v>11</v>
      </c>
      <c r="Z36743">
        <v>11</v>
      </c>
      <c r="AA36743">
        <v>11</v>
      </c>
      <c r="AB36743">
        <v>11</v>
      </c>
      <c r="AC36743">
        <v>11</v>
      </c>
      <c r="AD36743">
        <v>11</v>
      </c>
      <c r="AE36743">
        <v>11</v>
      </c>
      <c r="AF36743">
        <v>11</v>
      </c>
      <c r="AG36743">
        <v>11</v>
      </c>
      <c r="AH36743">
        <v>11</v>
      </c>
      <c r="AI36743">
        <v>11</v>
      </c>
      <c r="AJ36743">
        <v>11</v>
      </c>
      <c r="AK36743">
        <v>11</v>
      </c>
      <c r="AL36743">
        <v>11</v>
      </c>
      <c r="AM36743">
        <v>11</v>
      </c>
      <c r="AN36743">
        <v>11</v>
      </c>
      <c r="AO36743">
        <v>11</v>
      </c>
      <c r="AP36743">
        <v>11</v>
      </c>
      <c r="AQ36743">
        <v>11</v>
      </c>
    </row>
    <row r="36744" spans="1:43">
      <c r="A36744" t="s">
        <v>22781</v>
      </c>
      <c r="B36744" t="s">
        <v>22782</v>
      </c>
      <c r="C36744" t="s">
        <v>22783</v>
      </c>
      <c r="D36744" t="s">
        <v>22784</v>
      </c>
      <c r="E36744" t="s">
        <v>22737</v>
      </c>
      <c r="F36744" t="s">
        <v>22738</v>
      </c>
      <c r="G36744" t="s">
        <v>11612</v>
      </c>
      <c r="H36744" t="s">
        <v>11613</v>
      </c>
      <c r="I36744" s="2">
        <v>0</v>
      </c>
      <c r="J36744" s="2">
        <v>0</v>
      </c>
      <c r="K36744" s="2">
        <v>1</v>
      </c>
      <c r="L36744" t="s">
        <v>995</v>
      </c>
      <c r="M36744" t="s">
        <v>89</v>
      </c>
      <c r="N36744" t="s">
        <v>90</v>
      </c>
      <c r="O36744" t="s">
        <v>85</v>
      </c>
      <c r="P36744" t="s">
        <v>86</v>
      </c>
      <c r="Q36744">
        <v>11</v>
      </c>
      <c r="R36744">
        <v>11</v>
      </c>
      <c r="S36744">
        <v>11</v>
      </c>
      <c r="T36744">
        <v>11</v>
      </c>
      <c r="U36744">
        <v>11</v>
      </c>
      <c r="V36744">
        <v>11</v>
      </c>
      <c r="W36744">
        <v>12</v>
      </c>
      <c r="X36744">
        <v>12</v>
      </c>
      <c r="Y36744">
        <v>12</v>
      </c>
      <c r="Z36744">
        <v>12</v>
      </c>
      <c r="AA36744">
        <v>12</v>
      </c>
      <c r="AB36744">
        <v>12</v>
      </c>
      <c r="AC36744">
        <v>12</v>
      </c>
      <c r="AD36744">
        <v>12</v>
      </c>
      <c r="AE36744">
        <v>12</v>
      </c>
      <c r="AF36744">
        <v>12</v>
      </c>
      <c r="AG36744">
        <v>12</v>
      </c>
      <c r="AH36744">
        <v>12</v>
      </c>
      <c r="AI36744">
        <v>12</v>
      </c>
      <c r="AJ36744">
        <v>12</v>
      </c>
      <c r="AK36744">
        <v>12</v>
      </c>
      <c r="AL36744">
        <v>12</v>
      </c>
      <c r="AM36744">
        <v>12</v>
      </c>
      <c r="AN36744">
        <v>12</v>
      </c>
      <c r="AO36744">
        <v>12</v>
      </c>
      <c r="AP36744">
        <v>11</v>
      </c>
      <c r="AQ36744">
        <v>11</v>
      </c>
    </row>
    <row r="36745" spans="1:43">
      <c r="A36745" t="s">
        <v>22781</v>
      </c>
      <c r="B36745" t="s">
        <v>22782</v>
      </c>
      <c r="C36745" t="s">
        <v>22783</v>
      </c>
      <c r="D36745" t="s">
        <v>22784</v>
      </c>
      <c r="E36745" t="s">
        <v>22737</v>
      </c>
      <c r="F36745" t="s">
        <v>22738</v>
      </c>
      <c r="G36745" t="s">
        <v>11612</v>
      </c>
      <c r="H36745" t="s">
        <v>11613</v>
      </c>
      <c r="I36745" s="2">
        <v>0</v>
      </c>
      <c r="J36745" s="2">
        <v>0</v>
      </c>
      <c r="K36745" s="2">
        <v>1</v>
      </c>
      <c r="L36745" t="s">
        <v>995</v>
      </c>
      <c r="M36745" t="s">
        <v>83</v>
      </c>
      <c r="N36745" t="s">
        <v>91</v>
      </c>
      <c r="O36745" t="s">
        <v>85</v>
      </c>
      <c r="P36745" t="s">
        <v>86</v>
      </c>
      <c r="Q36745">
        <v>11</v>
      </c>
      <c r="R36745">
        <v>11</v>
      </c>
      <c r="S36745">
        <v>12</v>
      </c>
      <c r="T36745">
        <v>12</v>
      </c>
      <c r="U36745">
        <v>12</v>
      </c>
      <c r="V36745">
        <v>12</v>
      </c>
      <c r="W36745">
        <v>12</v>
      </c>
      <c r="X36745">
        <v>12</v>
      </c>
      <c r="Y36745">
        <v>12</v>
      </c>
      <c r="Z36745">
        <v>12</v>
      </c>
      <c r="AA36745">
        <v>12</v>
      </c>
      <c r="AB36745">
        <v>12</v>
      </c>
      <c r="AC36745">
        <v>12</v>
      </c>
      <c r="AD36745">
        <v>12</v>
      </c>
      <c r="AE36745">
        <v>12</v>
      </c>
      <c r="AF36745">
        <v>12</v>
      </c>
      <c r="AG36745">
        <v>13</v>
      </c>
      <c r="AH36745">
        <v>13</v>
      </c>
      <c r="AI36745">
        <v>13</v>
      </c>
      <c r="AJ36745">
        <v>13</v>
      </c>
      <c r="AK36745">
        <v>13</v>
      </c>
      <c r="AL36745">
        <v>13</v>
      </c>
      <c r="AM36745">
        <v>13</v>
      </c>
      <c r="AN36745">
        <v>12</v>
      </c>
      <c r="AO36745">
        <v>12</v>
      </c>
      <c r="AP36745">
        <v>12</v>
      </c>
      <c r="AQ36745">
        <v>12</v>
      </c>
    </row>
    <row r="36746" spans="1:43">
      <c r="A36746" t="s">
        <v>22785</v>
      </c>
      <c r="B36746" t="s">
        <v>22786</v>
      </c>
      <c r="C36746" t="s">
        <v>22787</v>
      </c>
      <c r="D36746" t="s">
        <v>22788</v>
      </c>
      <c r="E36746" t="s">
        <v>22737</v>
      </c>
      <c r="F36746" t="s">
        <v>22738</v>
      </c>
      <c r="G36746" t="s">
        <v>11612</v>
      </c>
      <c r="H36746" t="s">
        <v>11613</v>
      </c>
      <c r="I36746" s="2">
        <v>0</v>
      </c>
      <c r="J36746" s="2">
        <v>0</v>
      </c>
      <c r="K36746" s="2">
        <v>1</v>
      </c>
      <c r="L36746" t="s">
        <v>995</v>
      </c>
      <c r="M36746" t="s">
        <v>83</v>
      </c>
      <c r="N36746" t="s">
        <v>84</v>
      </c>
      <c r="O36746" t="s">
        <v>85</v>
      </c>
      <c r="P36746" t="s">
        <v>86</v>
      </c>
      <c r="Q36746">
        <v>18</v>
      </c>
      <c r="R36746">
        <v>18</v>
      </c>
      <c r="S36746">
        <v>18</v>
      </c>
      <c r="T36746">
        <v>18</v>
      </c>
      <c r="U36746">
        <v>18</v>
      </c>
      <c r="V36746">
        <v>18</v>
      </c>
      <c r="W36746">
        <v>19</v>
      </c>
      <c r="X36746">
        <v>19</v>
      </c>
      <c r="Y36746">
        <v>19</v>
      </c>
      <c r="Z36746">
        <v>19</v>
      </c>
      <c r="AA36746">
        <v>19</v>
      </c>
      <c r="AB36746">
        <v>19</v>
      </c>
      <c r="AC36746">
        <v>19</v>
      </c>
      <c r="AD36746">
        <v>19</v>
      </c>
      <c r="AE36746">
        <v>19</v>
      </c>
      <c r="AF36746">
        <v>19</v>
      </c>
      <c r="AG36746">
        <v>20</v>
      </c>
      <c r="AH36746">
        <v>20</v>
      </c>
      <c r="AI36746">
        <v>20</v>
      </c>
      <c r="AJ36746">
        <v>20</v>
      </c>
      <c r="AK36746">
        <v>20</v>
      </c>
      <c r="AL36746">
        <v>20</v>
      </c>
      <c r="AM36746">
        <v>20</v>
      </c>
      <c r="AN36746">
        <v>19</v>
      </c>
      <c r="AO36746">
        <v>19</v>
      </c>
      <c r="AP36746">
        <v>19</v>
      </c>
      <c r="AQ36746">
        <v>19</v>
      </c>
    </row>
    <row r="36747" spans="1:43">
      <c r="A36747" t="s">
        <v>22785</v>
      </c>
      <c r="B36747" t="s">
        <v>22786</v>
      </c>
      <c r="C36747" t="s">
        <v>22787</v>
      </c>
      <c r="D36747" t="s">
        <v>22788</v>
      </c>
      <c r="E36747" t="s">
        <v>22737</v>
      </c>
      <c r="F36747" t="s">
        <v>22738</v>
      </c>
      <c r="G36747" t="s">
        <v>11612</v>
      </c>
      <c r="H36747" t="s">
        <v>11613</v>
      </c>
      <c r="I36747" s="2">
        <v>0</v>
      </c>
      <c r="J36747" s="2">
        <v>0</v>
      </c>
      <c r="K36747" s="2">
        <v>1</v>
      </c>
      <c r="L36747" t="s">
        <v>995</v>
      </c>
      <c r="M36747" t="s">
        <v>87</v>
      </c>
      <c r="N36747" t="s">
        <v>88</v>
      </c>
      <c r="O36747" t="s">
        <v>85</v>
      </c>
      <c r="P36747" t="s">
        <v>86</v>
      </c>
      <c r="Q36747">
        <v>18</v>
      </c>
      <c r="R36747">
        <v>18</v>
      </c>
      <c r="S36747">
        <v>18</v>
      </c>
      <c r="T36747">
        <v>18</v>
      </c>
      <c r="U36747">
        <v>17</v>
      </c>
      <c r="V36747">
        <v>17</v>
      </c>
      <c r="W36747">
        <v>17</v>
      </c>
      <c r="X36747">
        <v>17</v>
      </c>
      <c r="Y36747">
        <v>17</v>
      </c>
      <c r="Z36747">
        <v>17</v>
      </c>
      <c r="AA36747">
        <v>17</v>
      </c>
      <c r="AB36747">
        <v>17</v>
      </c>
      <c r="AC36747">
        <v>17</v>
      </c>
      <c r="AD36747">
        <v>17</v>
      </c>
      <c r="AE36747">
        <v>17</v>
      </c>
      <c r="AF36747">
        <v>17</v>
      </c>
      <c r="AG36747">
        <v>17</v>
      </c>
      <c r="AH36747">
        <v>17</v>
      </c>
      <c r="AI36747">
        <v>17</v>
      </c>
      <c r="AJ36747">
        <v>17</v>
      </c>
      <c r="AK36747">
        <v>17</v>
      </c>
      <c r="AL36747">
        <v>17</v>
      </c>
      <c r="AM36747">
        <v>17</v>
      </c>
      <c r="AN36747">
        <v>17</v>
      </c>
      <c r="AO36747">
        <v>17</v>
      </c>
      <c r="AP36747">
        <v>17</v>
      </c>
      <c r="AQ36747">
        <v>17</v>
      </c>
    </row>
    <row r="36748" spans="1:43">
      <c r="A36748" t="s">
        <v>22785</v>
      </c>
      <c r="B36748" t="s">
        <v>22786</v>
      </c>
      <c r="C36748" t="s">
        <v>22787</v>
      </c>
      <c r="D36748" t="s">
        <v>22788</v>
      </c>
      <c r="E36748" t="s">
        <v>22737</v>
      </c>
      <c r="F36748" t="s">
        <v>22738</v>
      </c>
      <c r="G36748" t="s">
        <v>11612</v>
      </c>
      <c r="H36748" t="s">
        <v>11613</v>
      </c>
      <c r="I36748" s="2">
        <v>0</v>
      </c>
      <c r="J36748" s="2">
        <v>0</v>
      </c>
      <c r="K36748" s="2">
        <v>1</v>
      </c>
      <c r="L36748" t="s">
        <v>995</v>
      </c>
      <c r="M36748" t="s">
        <v>89</v>
      </c>
      <c r="N36748" t="s">
        <v>90</v>
      </c>
      <c r="O36748" t="s">
        <v>85</v>
      </c>
      <c r="P36748" t="s">
        <v>86</v>
      </c>
      <c r="Q36748">
        <v>18</v>
      </c>
      <c r="R36748">
        <v>18</v>
      </c>
      <c r="S36748">
        <v>19</v>
      </c>
      <c r="T36748">
        <v>19</v>
      </c>
      <c r="U36748">
        <v>19</v>
      </c>
      <c r="V36748">
        <v>19</v>
      </c>
      <c r="W36748">
        <v>20</v>
      </c>
      <c r="X36748">
        <v>20</v>
      </c>
      <c r="Y36748">
        <v>20</v>
      </c>
      <c r="Z36748">
        <v>20</v>
      </c>
      <c r="AA36748">
        <v>20</v>
      </c>
      <c r="AB36748">
        <v>20</v>
      </c>
      <c r="AC36748">
        <v>21</v>
      </c>
      <c r="AD36748">
        <v>21</v>
      </c>
      <c r="AE36748">
        <v>21</v>
      </c>
      <c r="AF36748">
        <v>21</v>
      </c>
      <c r="AG36748">
        <v>20</v>
      </c>
      <c r="AH36748">
        <v>20</v>
      </c>
      <c r="AI36748">
        <v>20</v>
      </c>
      <c r="AJ36748">
        <v>20</v>
      </c>
      <c r="AK36748">
        <v>20</v>
      </c>
      <c r="AL36748">
        <v>20</v>
      </c>
      <c r="AM36748">
        <v>20</v>
      </c>
      <c r="AN36748">
        <v>20</v>
      </c>
      <c r="AO36748">
        <v>20</v>
      </c>
      <c r="AP36748">
        <v>19</v>
      </c>
      <c r="AQ36748">
        <v>19</v>
      </c>
    </row>
    <row r="36749" spans="1:43">
      <c r="A36749" t="s">
        <v>22785</v>
      </c>
      <c r="B36749" t="s">
        <v>22786</v>
      </c>
      <c r="C36749" t="s">
        <v>22787</v>
      </c>
      <c r="D36749" t="s">
        <v>22788</v>
      </c>
      <c r="E36749" t="s">
        <v>22737</v>
      </c>
      <c r="F36749" t="s">
        <v>22738</v>
      </c>
      <c r="G36749" t="s">
        <v>11612</v>
      </c>
      <c r="H36749" t="s">
        <v>11613</v>
      </c>
      <c r="I36749" s="2">
        <v>0</v>
      </c>
      <c r="J36749" s="2">
        <v>0</v>
      </c>
      <c r="K36749" s="2">
        <v>1</v>
      </c>
      <c r="L36749" t="s">
        <v>995</v>
      </c>
      <c r="M36749" t="s">
        <v>83</v>
      </c>
      <c r="N36749" t="s">
        <v>91</v>
      </c>
      <c r="O36749" t="s">
        <v>85</v>
      </c>
      <c r="P36749" t="s">
        <v>86</v>
      </c>
      <c r="Q36749">
        <v>18</v>
      </c>
      <c r="R36749">
        <v>18</v>
      </c>
      <c r="S36749">
        <v>18</v>
      </c>
      <c r="T36749">
        <v>18</v>
      </c>
      <c r="U36749">
        <v>18</v>
      </c>
      <c r="V36749">
        <v>18</v>
      </c>
      <c r="W36749">
        <v>19</v>
      </c>
      <c r="X36749">
        <v>19</v>
      </c>
      <c r="Y36749">
        <v>19</v>
      </c>
      <c r="Z36749">
        <v>19</v>
      </c>
      <c r="AA36749">
        <v>19</v>
      </c>
      <c r="AB36749">
        <v>19</v>
      </c>
      <c r="AC36749">
        <v>19</v>
      </c>
      <c r="AD36749">
        <v>19</v>
      </c>
      <c r="AE36749">
        <v>19</v>
      </c>
      <c r="AF36749">
        <v>19</v>
      </c>
      <c r="AG36749">
        <v>20</v>
      </c>
      <c r="AH36749">
        <v>20</v>
      </c>
      <c r="AI36749">
        <v>20</v>
      </c>
      <c r="AJ36749">
        <v>20</v>
      </c>
      <c r="AK36749">
        <v>20</v>
      </c>
      <c r="AL36749">
        <v>20</v>
      </c>
      <c r="AM36749">
        <v>20</v>
      </c>
      <c r="AN36749">
        <v>19</v>
      </c>
      <c r="AO36749">
        <v>19</v>
      </c>
      <c r="AP36749">
        <v>19</v>
      </c>
      <c r="AQ36749">
        <v>19</v>
      </c>
    </row>
    <row r="36750" spans="1:43">
      <c r="A36750" t="s">
        <v>22789</v>
      </c>
      <c r="B36750" t="s">
        <v>22790</v>
      </c>
      <c r="C36750" t="s">
        <v>22753</v>
      </c>
      <c r="D36750" t="s">
        <v>22754</v>
      </c>
      <c r="E36750" t="s">
        <v>22737</v>
      </c>
      <c r="F36750" t="s">
        <v>22738</v>
      </c>
      <c r="G36750" t="s">
        <v>11612</v>
      </c>
      <c r="H36750" t="s">
        <v>11613</v>
      </c>
      <c r="I36750" s="2">
        <v>0</v>
      </c>
      <c r="J36750" s="2">
        <v>0</v>
      </c>
      <c r="K36750" s="2">
        <v>1</v>
      </c>
      <c r="L36750" t="s">
        <v>995</v>
      </c>
      <c r="M36750" t="s">
        <v>83</v>
      </c>
      <c r="N36750" t="s">
        <v>84</v>
      </c>
      <c r="O36750" t="s">
        <v>85</v>
      </c>
      <c r="P36750" t="s">
        <v>86</v>
      </c>
      <c r="Q36750">
        <v>23</v>
      </c>
      <c r="R36750">
        <v>23</v>
      </c>
      <c r="S36750">
        <v>24</v>
      </c>
      <c r="T36750">
        <v>24</v>
      </c>
      <c r="U36750">
        <v>24</v>
      </c>
      <c r="V36750">
        <v>24</v>
      </c>
      <c r="W36750">
        <v>24</v>
      </c>
      <c r="X36750">
        <v>24</v>
      </c>
      <c r="Y36750">
        <v>25</v>
      </c>
      <c r="Z36750">
        <v>25</v>
      </c>
      <c r="AA36750">
        <v>25</v>
      </c>
      <c r="AB36750">
        <v>25</v>
      </c>
      <c r="AC36750">
        <v>25</v>
      </c>
      <c r="AD36750">
        <v>25</v>
      </c>
      <c r="AE36750">
        <v>25</v>
      </c>
      <c r="AF36750">
        <v>25</v>
      </c>
      <c r="AG36750">
        <v>26</v>
      </c>
      <c r="AH36750">
        <v>26</v>
      </c>
      <c r="AI36750">
        <v>26</v>
      </c>
      <c r="AJ36750">
        <v>26</v>
      </c>
      <c r="AK36750">
        <v>26</v>
      </c>
      <c r="AL36750">
        <v>26</v>
      </c>
      <c r="AM36750">
        <v>26</v>
      </c>
      <c r="AN36750">
        <v>26</v>
      </c>
      <c r="AO36750">
        <v>25</v>
      </c>
      <c r="AP36750">
        <v>25</v>
      </c>
      <c r="AQ36750">
        <v>25</v>
      </c>
    </row>
    <row r="36751" spans="1:43">
      <c r="A36751" t="s">
        <v>22789</v>
      </c>
      <c r="B36751" t="s">
        <v>22790</v>
      </c>
      <c r="C36751" t="s">
        <v>22753</v>
      </c>
      <c r="D36751" t="s">
        <v>22754</v>
      </c>
      <c r="E36751" t="s">
        <v>22737</v>
      </c>
      <c r="F36751" t="s">
        <v>22738</v>
      </c>
      <c r="G36751" t="s">
        <v>11612</v>
      </c>
      <c r="H36751" t="s">
        <v>11613</v>
      </c>
      <c r="I36751" s="2">
        <v>0</v>
      </c>
      <c r="J36751" s="2">
        <v>0</v>
      </c>
      <c r="K36751" s="2">
        <v>1</v>
      </c>
      <c r="L36751" t="s">
        <v>995</v>
      </c>
      <c r="M36751" t="s">
        <v>87</v>
      </c>
      <c r="N36751" t="s">
        <v>88</v>
      </c>
      <c r="O36751" t="s">
        <v>85</v>
      </c>
      <c r="P36751" t="s">
        <v>86</v>
      </c>
      <c r="Q36751">
        <v>23</v>
      </c>
      <c r="R36751">
        <v>23</v>
      </c>
      <c r="S36751">
        <v>23</v>
      </c>
      <c r="T36751">
        <v>23</v>
      </c>
      <c r="U36751">
        <v>23</v>
      </c>
      <c r="V36751">
        <v>23</v>
      </c>
      <c r="W36751">
        <v>23</v>
      </c>
      <c r="X36751">
        <v>23</v>
      </c>
      <c r="Y36751">
        <v>23</v>
      </c>
      <c r="Z36751">
        <v>23</v>
      </c>
      <c r="AA36751">
        <v>23</v>
      </c>
      <c r="AB36751">
        <v>23</v>
      </c>
      <c r="AC36751">
        <v>23</v>
      </c>
      <c r="AD36751">
        <v>23</v>
      </c>
      <c r="AE36751">
        <v>22</v>
      </c>
      <c r="AF36751">
        <v>22</v>
      </c>
      <c r="AG36751">
        <v>22</v>
      </c>
      <c r="AH36751">
        <v>22</v>
      </c>
      <c r="AI36751">
        <v>22</v>
      </c>
      <c r="AJ36751">
        <v>22</v>
      </c>
      <c r="AK36751">
        <v>22</v>
      </c>
      <c r="AL36751">
        <v>22</v>
      </c>
      <c r="AM36751">
        <v>22</v>
      </c>
      <c r="AN36751">
        <v>22</v>
      </c>
      <c r="AO36751">
        <v>22</v>
      </c>
      <c r="AP36751">
        <v>22</v>
      </c>
      <c r="AQ36751">
        <v>22</v>
      </c>
    </row>
    <row r="36752" spans="1:43">
      <c r="A36752" t="s">
        <v>22789</v>
      </c>
      <c r="B36752" t="s">
        <v>22790</v>
      </c>
      <c r="C36752" t="s">
        <v>22753</v>
      </c>
      <c r="D36752" t="s">
        <v>22754</v>
      </c>
      <c r="E36752" t="s">
        <v>22737</v>
      </c>
      <c r="F36752" t="s">
        <v>22738</v>
      </c>
      <c r="G36752" t="s">
        <v>11612</v>
      </c>
      <c r="H36752" t="s">
        <v>11613</v>
      </c>
      <c r="I36752" s="2">
        <v>0</v>
      </c>
      <c r="J36752" s="2">
        <v>0</v>
      </c>
      <c r="K36752" s="2">
        <v>1</v>
      </c>
      <c r="L36752" t="s">
        <v>995</v>
      </c>
      <c r="M36752" t="s">
        <v>89</v>
      </c>
      <c r="N36752" t="s">
        <v>90</v>
      </c>
      <c r="O36752" t="s">
        <v>85</v>
      </c>
      <c r="P36752" t="s">
        <v>86</v>
      </c>
      <c r="Q36752">
        <v>23</v>
      </c>
      <c r="R36752">
        <v>24</v>
      </c>
      <c r="S36752">
        <v>24</v>
      </c>
      <c r="T36752">
        <v>24</v>
      </c>
      <c r="U36752">
        <v>25</v>
      </c>
      <c r="V36752">
        <v>25</v>
      </c>
      <c r="W36752">
        <v>25</v>
      </c>
      <c r="X36752">
        <v>26</v>
      </c>
      <c r="Y36752">
        <v>26</v>
      </c>
      <c r="Z36752">
        <v>26</v>
      </c>
      <c r="AA36752">
        <v>26</v>
      </c>
      <c r="AB36752">
        <v>27</v>
      </c>
      <c r="AC36752">
        <v>27</v>
      </c>
      <c r="AD36752">
        <v>27</v>
      </c>
      <c r="AE36752">
        <v>27</v>
      </c>
      <c r="AF36752">
        <v>27</v>
      </c>
      <c r="AG36752">
        <v>27</v>
      </c>
      <c r="AH36752">
        <v>27</v>
      </c>
      <c r="AI36752">
        <v>26</v>
      </c>
      <c r="AJ36752">
        <v>26</v>
      </c>
      <c r="AK36752">
        <v>26</v>
      </c>
      <c r="AL36752">
        <v>26</v>
      </c>
      <c r="AM36752">
        <v>26</v>
      </c>
      <c r="AN36752">
        <v>26</v>
      </c>
      <c r="AO36752">
        <v>26</v>
      </c>
      <c r="AP36752">
        <v>25</v>
      </c>
      <c r="AQ36752">
        <v>25</v>
      </c>
    </row>
    <row r="36753" spans="1:43">
      <c r="A36753" t="s">
        <v>22789</v>
      </c>
      <c r="B36753" t="s">
        <v>22790</v>
      </c>
      <c r="C36753" t="s">
        <v>22753</v>
      </c>
      <c r="D36753" t="s">
        <v>22754</v>
      </c>
      <c r="E36753" t="s">
        <v>22737</v>
      </c>
      <c r="F36753" t="s">
        <v>22738</v>
      </c>
      <c r="G36753" t="s">
        <v>11612</v>
      </c>
      <c r="H36753" t="s">
        <v>11613</v>
      </c>
      <c r="I36753" s="2">
        <v>0</v>
      </c>
      <c r="J36753" s="2">
        <v>0</v>
      </c>
      <c r="K36753" s="2">
        <v>1</v>
      </c>
      <c r="L36753" t="s">
        <v>995</v>
      </c>
      <c r="M36753" t="s">
        <v>83</v>
      </c>
      <c r="N36753" t="s">
        <v>91</v>
      </c>
      <c r="O36753" t="s">
        <v>85</v>
      </c>
      <c r="P36753" t="s">
        <v>86</v>
      </c>
      <c r="Q36753">
        <v>23</v>
      </c>
      <c r="R36753">
        <v>23</v>
      </c>
      <c r="S36753">
        <v>24</v>
      </c>
      <c r="T36753">
        <v>24</v>
      </c>
      <c r="U36753">
        <v>24</v>
      </c>
      <c r="V36753">
        <v>24</v>
      </c>
      <c r="W36753">
        <v>24</v>
      </c>
      <c r="X36753">
        <v>24</v>
      </c>
      <c r="Y36753">
        <v>25</v>
      </c>
      <c r="Z36753">
        <v>25</v>
      </c>
      <c r="AA36753">
        <v>25</v>
      </c>
      <c r="AB36753">
        <v>25</v>
      </c>
      <c r="AC36753">
        <v>25</v>
      </c>
      <c r="AD36753">
        <v>25</v>
      </c>
      <c r="AE36753">
        <v>25</v>
      </c>
      <c r="AF36753">
        <v>25</v>
      </c>
      <c r="AG36753">
        <v>26</v>
      </c>
      <c r="AH36753">
        <v>26</v>
      </c>
      <c r="AI36753">
        <v>26</v>
      </c>
      <c r="AJ36753">
        <v>26</v>
      </c>
      <c r="AK36753">
        <v>26</v>
      </c>
      <c r="AL36753">
        <v>26</v>
      </c>
      <c r="AM36753">
        <v>26</v>
      </c>
      <c r="AN36753">
        <v>26</v>
      </c>
      <c r="AO36753">
        <v>25</v>
      </c>
      <c r="AP36753">
        <v>25</v>
      </c>
      <c r="AQ36753">
        <v>25</v>
      </c>
    </row>
    <row r="36754" spans="1:43">
      <c r="A36754" t="s">
        <v>22791</v>
      </c>
      <c r="B36754" t="s">
        <v>22792</v>
      </c>
      <c r="C36754" t="s">
        <v>22753</v>
      </c>
      <c r="D36754" t="s">
        <v>22754</v>
      </c>
      <c r="E36754" t="s">
        <v>22737</v>
      </c>
      <c r="F36754" t="s">
        <v>22738</v>
      </c>
      <c r="G36754" t="s">
        <v>11612</v>
      </c>
      <c r="H36754" t="s">
        <v>11613</v>
      </c>
      <c r="I36754" s="2">
        <v>0</v>
      </c>
      <c r="J36754" s="2">
        <v>0</v>
      </c>
      <c r="K36754" s="2">
        <v>1</v>
      </c>
      <c r="L36754" t="s">
        <v>995</v>
      </c>
      <c r="M36754" t="s">
        <v>83</v>
      </c>
      <c r="N36754" t="s">
        <v>84</v>
      </c>
      <c r="O36754" t="s">
        <v>85</v>
      </c>
      <c r="P36754" t="s">
        <v>86</v>
      </c>
      <c r="Q36754">
        <v>19</v>
      </c>
      <c r="R36754">
        <v>19</v>
      </c>
      <c r="S36754">
        <v>19</v>
      </c>
      <c r="T36754">
        <v>19</v>
      </c>
      <c r="U36754">
        <v>19</v>
      </c>
      <c r="V36754">
        <v>19</v>
      </c>
      <c r="W36754">
        <v>20</v>
      </c>
      <c r="X36754">
        <v>20</v>
      </c>
      <c r="Y36754">
        <v>20</v>
      </c>
      <c r="Z36754">
        <v>20</v>
      </c>
      <c r="AA36754">
        <v>20</v>
      </c>
      <c r="AB36754">
        <v>20</v>
      </c>
      <c r="AC36754">
        <v>20</v>
      </c>
      <c r="AD36754">
        <v>20</v>
      </c>
      <c r="AE36754">
        <v>20</v>
      </c>
      <c r="AF36754">
        <v>21</v>
      </c>
      <c r="AG36754">
        <v>21</v>
      </c>
      <c r="AH36754">
        <v>21</v>
      </c>
      <c r="AI36754">
        <v>21</v>
      </c>
      <c r="AJ36754">
        <v>21</v>
      </c>
      <c r="AK36754">
        <v>21</v>
      </c>
      <c r="AL36754">
        <v>21</v>
      </c>
      <c r="AM36754">
        <v>21</v>
      </c>
      <c r="AN36754">
        <v>21</v>
      </c>
      <c r="AO36754">
        <v>21</v>
      </c>
      <c r="AP36754">
        <v>20</v>
      </c>
      <c r="AQ36754">
        <v>20</v>
      </c>
    </row>
    <row r="36755" spans="1:43">
      <c r="A36755" t="s">
        <v>22791</v>
      </c>
      <c r="B36755" t="s">
        <v>22792</v>
      </c>
      <c r="C36755" t="s">
        <v>22753</v>
      </c>
      <c r="D36755" t="s">
        <v>22754</v>
      </c>
      <c r="E36755" t="s">
        <v>22737</v>
      </c>
      <c r="F36755" t="s">
        <v>22738</v>
      </c>
      <c r="G36755" t="s">
        <v>11612</v>
      </c>
      <c r="H36755" t="s">
        <v>11613</v>
      </c>
      <c r="I36755" s="2">
        <v>0</v>
      </c>
      <c r="J36755" s="2">
        <v>0</v>
      </c>
      <c r="K36755" s="2">
        <v>1</v>
      </c>
      <c r="L36755" t="s">
        <v>995</v>
      </c>
      <c r="M36755" t="s">
        <v>87</v>
      </c>
      <c r="N36755" t="s">
        <v>88</v>
      </c>
      <c r="O36755" t="s">
        <v>85</v>
      </c>
      <c r="P36755" t="s">
        <v>86</v>
      </c>
      <c r="Q36755">
        <v>19</v>
      </c>
      <c r="R36755">
        <v>19</v>
      </c>
      <c r="S36755">
        <v>19</v>
      </c>
      <c r="T36755">
        <v>19</v>
      </c>
      <c r="U36755">
        <v>19</v>
      </c>
      <c r="V36755">
        <v>19</v>
      </c>
      <c r="W36755">
        <v>19</v>
      </c>
      <c r="X36755">
        <v>19</v>
      </c>
      <c r="Y36755">
        <v>19</v>
      </c>
      <c r="Z36755">
        <v>19</v>
      </c>
      <c r="AA36755">
        <v>19</v>
      </c>
      <c r="AB36755">
        <v>19</v>
      </c>
      <c r="AC36755">
        <v>19</v>
      </c>
      <c r="AD36755">
        <v>19</v>
      </c>
      <c r="AE36755">
        <v>19</v>
      </c>
      <c r="AF36755">
        <v>19</v>
      </c>
      <c r="AG36755">
        <v>19</v>
      </c>
      <c r="AH36755">
        <v>19</v>
      </c>
      <c r="AI36755">
        <v>19</v>
      </c>
      <c r="AJ36755">
        <v>19</v>
      </c>
      <c r="AK36755">
        <v>19</v>
      </c>
      <c r="AL36755">
        <v>19</v>
      </c>
      <c r="AM36755">
        <v>19</v>
      </c>
      <c r="AN36755">
        <v>19</v>
      </c>
      <c r="AO36755">
        <v>19</v>
      </c>
      <c r="AP36755">
        <v>19</v>
      </c>
      <c r="AQ36755">
        <v>19</v>
      </c>
    </row>
    <row r="36756" spans="1:43">
      <c r="A36756" t="s">
        <v>22791</v>
      </c>
      <c r="B36756" t="s">
        <v>22792</v>
      </c>
      <c r="C36756" t="s">
        <v>22753</v>
      </c>
      <c r="D36756" t="s">
        <v>22754</v>
      </c>
      <c r="E36756" t="s">
        <v>22737</v>
      </c>
      <c r="F36756" t="s">
        <v>22738</v>
      </c>
      <c r="G36756" t="s">
        <v>11612</v>
      </c>
      <c r="H36756" t="s">
        <v>11613</v>
      </c>
      <c r="I36756" s="2">
        <v>0</v>
      </c>
      <c r="J36756" s="2">
        <v>0</v>
      </c>
      <c r="K36756" s="2">
        <v>1</v>
      </c>
      <c r="L36756" t="s">
        <v>995</v>
      </c>
      <c r="M36756" t="s">
        <v>89</v>
      </c>
      <c r="N36756" t="s">
        <v>90</v>
      </c>
      <c r="O36756" t="s">
        <v>85</v>
      </c>
      <c r="P36756" t="s">
        <v>86</v>
      </c>
      <c r="Q36756">
        <v>19</v>
      </c>
      <c r="R36756">
        <v>19</v>
      </c>
      <c r="S36756">
        <v>19</v>
      </c>
      <c r="T36756">
        <v>20</v>
      </c>
      <c r="U36756">
        <v>20</v>
      </c>
      <c r="V36756">
        <v>20</v>
      </c>
      <c r="W36756">
        <v>21</v>
      </c>
      <c r="X36756">
        <v>21</v>
      </c>
      <c r="Y36756">
        <v>21</v>
      </c>
      <c r="Z36756">
        <v>21</v>
      </c>
      <c r="AA36756">
        <v>21</v>
      </c>
      <c r="AB36756">
        <v>21</v>
      </c>
      <c r="AC36756">
        <v>22</v>
      </c>
      <c r="AD36756">
        <v>22</v>
      </c>
      <c r="AE36756">
        <v>22</v>
      </c>
      <c r="AF36756">
        <v>22</v>
      </c>
      <c r="AG36756">
        <v>22</v>
      </c>
      <c r="AH36756">
        <v>22</v>
      </c>
      <c r="AI36756">
        <v>21</v>
      </c>
      <c r="AJ36756">
        <v>21</v>
      </c>
      <c r="AK36756">
        <v>21</v>
      </c>
      <c r="AL36756">
        <v>21</v>
      </c>
      <c r="AM36756">
        <v>21</v>
      </c>
      <c r="AN36756">
        <v>21</v>
      </c>
      <c r="AO36756">
        <v>21</v>
      </c>
      <c r="AP36756">
        <v>21</v>
      </c>
      <c r="AQ36756">
        <v>21</v>
      </c>
    </row>
    <row r="36757" spans="1:43">
      <c r="A36757" t="s">
        <v>22791</v>
      </c>
      <c r="B36757" t="s">
        <v>22792</v>
      </c>
      <c r="C36757" t="s">
        <v>22753</v>
      </c>
      <c r="D36757" t="s">
        <v>22754</v>
      </c>
      <c r="E36757" t="s">
        <v>22737</v>
      </c>
      <c r="F36757" t="s">
        <v>22738</v>
      </c>
      <c r="G36757" t="s">
        <v>11612</v>
      </c>
      <c r="H36757" t="s">
        <v>11613</v>
      </c>
      <c r="I36757" s="2">
        <v>0</v>
      </c>
      <c r="J36757" s="2">
        <v>0</v>
      </c>
      <c r="K36757" s="2">
        <v>1</v>
      </c>
      <c r="L36757" t="s">
        <v>995</v>
      </c>
      <c r="M36757" t="s">
        <v>83</v>
      </c>
      <c r="N36757" t="s">
        <v>91</v>
      </c>
      <c r="O36757" t="s">
        <v>85</v>
      </c>
      <c r="P36757" t="s">
        <v>86</v>
      </c>
      <c r="Q36757">
        <v>19</v>
      </c>
      <c r="R36757">
        <v>19</v>
      </c>
      <c r="S36757">
        <v>19</v>
      </c>
      <c r="T36757">
        <v>19</v>
      </c>
      <c r="U36757">
        <v>19</v>
      </c>
      <c r="V36757">
        <v>19</v>
      </c>
      <c r="W36757">
        <v>20</v>
      </c>
      <c r="X36757">
        <v>20</v>
      </c>
      <c r="Y36757">
        <v>20</v>
      </c>
      <c r="Z36757">
        <v>20</v>
      </c>
      <c r="AA36757">
        <v>20</v>
      </c>
      <c r="AB36757">
        <v>20</v>
      </c>
      <c r="AC36757">
        <v>20</v>
      </c>
      <c r="AD36757">
        <v>20</v>
      </c>
      <c r="AE36757">
        <v>20</v>
      </c>
      <c r="AF36757">
        <v>21</v>
      </c>
      <c r="AG36757">
        <v>21</v>
      </c>
      <c r="AH36757">
        <v>21</v>
      </c>
      <c r="AI36757">
        <v>21</v>
      </c>
      <c r="AJ36757">
        <v>21</v>
      </c>
      <c r="AK36757">
        <v>21</v>
      </c>
      <c r="AL36757">
        <v>21</v>
      </c>
      <c r="AM36757">
        <v>21</v>
      </c>
      <c r="AN36757">
        <v>21</v>
      </c>
      <c r="AO36757">
        <v>21</v>
      </c>
      <c r="AP36757">
        <v>20</v>
      </c>
      <c r="AQ36757">
        <v>20</v>
      </c>
    </row>
    <row r="36758" spans="1:43">
      <c r="A36758" t="s">
        <v>22793</v>
      </c>
      <c r="B36758" t="s">
        <v>22794</v>
      </c>
      <c r="C36758" t="s">
        <v>22783</v>
      </c>
      <c r="D36758" t="s">
        <v>22784</v>
      </c>
      <c r="E36758" t="s">
        <v>22737</v>
      </c>
      <c r="F36758" t="s">
        <v>22738</v>
      </c>
      <c r="G36758" t="s">
        <v>11612</v>
      </c>
      <c r="H36758" t="s">
        <v>11613</v>
      </c>
      <c r="I36758" s="2">
        <v>0</v>
      </c>
      <c r="J36758" s="2">
        <v>0</v>
      </c>
      <c r="K36758" s="2">
        <v>1</v>
      </c>
      <c r="L36758" t="s">
        <v>995</v>
      </c>
      <c r="M36758" t="s">
        <v>83</v>
      </c>
      <c r="N36758" t="s">
        <v>84</v>
      </c>
      <c r="O36758" t="s">
        <v>85</v>
      </c>
      <c r="P36758" t="s">
        <v>86</v>
      </c>
      <c r="Q36758">
        <v>16</v>
      </c>
      <c r="R36758">
        <v>17</v>
      </c>
      <c r="S36758">
        <v>17</v>
      </c>
      <c r="T36758">
        <v>17</v>
      </c>
      <c r="U36758">
        <v>17</v>
      </c>
      <c r="V36758">
        <v>17</v>
      </c>
      <c r="W36758">
        <v>17</v>
      </c>
      <c r="X36758">
        <v>17</v>
      </c>
      <c r="Y36758">
        <v>17</v>
      </c>
      <c r="Z36758">
        <v>17</v>
      </c>
      <c r="AA36758">
        <v>18</v>
      </c>
      <c r="AB36758">
        <v>18</v>
      </c>
      <c r="AC36758">
        <v>18</v>
      </c>
      <c r="AD36758">
        <v>18</v>
      </c>
      <c r="AE36758">
        <v>18</v>
      </c>
      <c r="AF36758">
        <v>18</v>
      </c>
      <c r="AG36758">
        <v>18</v>
      </c>
      <c r="AH36758">
        <v>18</v>
      </c>
      <c r="AI36758">
        <v>18</v>
      </c>
      <c r="AJ36758">
        <v>18</v>
      </c>
      <c r="AK36758">
        <v>18</v>
      </c>
      <c r="AL36758">
        <v>18</v>
      </c>
      <c r="AM36758">
        <v>18</v>
      </c>
      <c r="AN36758">
        <v>18</v>
      </c>
      <c r="AO36758">
        <v>18</v>
      </c>
      <c r="AP36758">
        <v>18</v>
      </c>
      <c r="AQ36758">
        <v>18</v>
      </c>
    </row>
    <row r="36759" spans="1:43">
      <c r="A36759" t="s">
        <v>22793</v>
      </c>
      <c r="B36759" t="s">
        <v>22794</v>
      </c>
      <c r="C36759" t="s">
        <v>22783</v>
      </c>
      <c r="D36759" t="s">
        <v>22784</v>
      </c>
      <c r="E36759" t="s">
        <v>22737</v>
      </c>
      <c r="F36759" t="s">
        <v>22738</v>
      </c>
      <c r="G36759" t="s">
        <v>11612</v>
      </c>
      <c r="H36759" t="s">
        <v>11613</v>
      </c>
      <c r="I36759" s="2">
        <v>0</v>
      </c>
      <c r="J36759" s="2">
        <v>0</v>
      </c>
      <c r="K36759" s="2">
        <v>1</v>
      </c>
      <c r="L36759" t="s">
        <v>995</v>
      </c>
      <c r="M36759" t="s">
        <v>87</v>
      </c>
      <c r="N36759" t="s">
        <v>88</v>
      </c>
      <c r="O36759" t="s">
        <v>85</v>
      </c>
      <c r="P36759" t="s">
        <v>86</v>
      </c>
      <c r="Q36759">
        <v>16</v>
      </c>
      <c r="R36759">
        <v>16</v>
      </c>
      <c r="S36759">
        <v>16</v>
      </c>
      <c r="T36759">
        <v>16</v>
      </c>
      <c r="U36759">
        <v>16</v>
      </c>
      <c r="V36759">
        <v>16</v>
      </c>
      <c r="W36759">
        <v>16</v>
      </c>
      <c r="X36759">
        <v>16</v>
      </c>
      <c r="Y36759">
        <v>16</v>
      </c>
      <c r="Z36759">
        <v>16</v>
      </c>
      <c r="AA36759">
        <v>16</v>
      </c>
      <c r="AB36759">
        <v>16</v>
      </c>
      <c r="AC36759">
        <v>16</v>
      </c>
      <c r="AD36759">
        <v>16</v>
      </c>
      <c r="AE36759">
        <v>16</v>
      </c>
      <c r="AF36759">
        <v>16</v>
      </c>
      <c r="AG36759">
        <v>16</v>
      </c>
      <c r="AH36759">
        <v>16</v>
      </c>
      <c r="AI36759">
        <v>16</v>
      </c>
      <c r="AJ36759">
        <v>16</v>
      </c>
      <c r="AK36759">
        <v>16</v>
      </c>
      <c r="AL36759">
        <v>16</v>
      </c>
      <c r="AM36759">
        <v>16</v>
      </c>
      <c r="AN36759">
        <v>16</v>
      </c>
      <c r="AO36759">
        <v>16</v>
      </c>
      <c r="AP36759">
        <v>15</v>
      </c>
      <c r="AQ36759">
        <v>15</v>
      </c>
    </row>
    <row r="36760" spans="1:43">
      <c r="A36760" t="s">
        <v>22793</v>
      </c>
      <c r="B36760" t="s">
        <v>22794</v>
      </c>
      <c r="C36760" t="s">
        <v>22783</v>
      </c>
      <c r="D36760" t="s">
        <v>22784</v>
      </c>
      <c r="E36760" t="s">
        <v>22737</v>
      </c>
      <c r="F36760" t="s">
        <v>22738</v>
      </c>
      <c r="G36760" t="s">
        <v>11612</v>
      </c>
      <c r="H36760" t="s">
        <v>11613</v>
      </c>
      <c r="I36760" s="2">
        <v>0</v>
      </c>
      <c r="J36760" s="2">
        <v>0</v>
      </c>
      <c r="K36760" s="2">
        <v>1</v>
      </c>
      <c r="L36760" t="s">
        <v>995</v>
      </c>
      <c r="M36760" t="s">
        <v>89</v>
      </c>
      <c r="N36760" t="s">
        <v>90</v>
      </c>
      <c r="O36760" t="s">
        <v>85</v>
      </c>
      <c r="P36760" t="s">
        <v>86</v>
      </c>
      <c r="Q36760">
        <v>16</v>
      </c>
      <c r="R36760">
        <v>16</v>
      </c>
      <c r="S36760">
        <v>16</v>
      </c>
      <c r="T36760">
        <v>16</v>
      </c>
      <c r="U36760">
        <v>17</v>
      </c>
      <c r="V36760">
        <v>17</v>
      </c>
      <c r="W36760">
        <v>17</v>
      </c>
      <c r="X36760">
        <v>17</v>
      </c>
      <c r="Y36760">
        <v>17</v>
      </c>
      <c r="Z36760">
        <v>18</v>
      </c>
      <c r="AA36760">
        <v>18</v>
      </c>
      <c r="AB36760">
        <v>18</v>
      </c>
      <c r="AC36760">
        <v>18</v>
      </c>
      <c r="AD36760">
        <v>18</v>
      </c>
      <c r="AE36760">
        <v>18</v>
      </c>
      <c r="AF36760">
        <v>18</v>
      </c>
      <c r="AG36760">
        <v>18</v>
      </c>
      <c r="AH36760">
        <v>18</v>
      </c>
      <c r="AI36760">
        <v>18</v>
      </c>
      <c r="AJ36760">
        <v>18</v>
      </c>
      <c r="AK36760">
        <v>18</v>
      </c>
      <c r="AL36760">
        <v>17</v>
      </c>
      <c r="AM36760">
        <v>17</v>
      </c>
      <c r="AN36760">
        <v>17</v>
      </c>
      <c r="AO36760">
        <v>17</v>
      </c>
      <c r="AP36760">
        <v>17</v>
      </c>
      <c r="AQ36760">
        <v>17</v>
      </c>
    </row>
    <row r="36761" spans="1:43">
      <c r="A36761" t="s">
        <v>22793</v>
      </c>
      <c r="B36761" t="s">
        <v>22794</v>
      </c>
      <c r="C36761" t="s">
        <v>22783</v>
      </c>
      <c r="D36761" t="s">
        <v>22784</v>
      </c>
      <c r="E36761" t="s">
        <v>22737</v>
      </c>
      <c r="F36761" t="s">
        <v>22738</v>
      </c>
      <c r="G36761" t="s">
        <v>11612</v>
      </c>
      <c r="H36761" t="s">
        <v>11613</v>
      </c>
      <c r="I36761" s="2">
        <v>0</v>
      </c>
      <c r="J36761" s="2">
        <v>0</v>
      </c>
      <c r="K36761" s="2">
        <v>1</v>
      </c>
      <c r="L36761" t="s">
        <v>995</v>
      </c>
      <c r="M36761" t="s">
        <v>83</v>
      </c>
      <c r="N36761" t="s">
        <v>91</v>
      </c>
      <c r="O36761" t="s">
        <v>85</v>
      </c>
      <c r="P36761" t="s">
        <v>86</v>
      </c>
      <c r="Q36761">
        <v>16</v>
      </c>
      <c r="R36761">
        <v>17</v>
      </c>
      <c r="S36761">
        <v>17</v>
      </c>
      <c r="T36761">
        <v>17</v>
      </c>
      <c r="U36761">
        <v>17</v>
      </c>
      <c r="V36761">
        <v>17</v>
      </c>
      <c r="W36761">
        <v>17</v>
      </c>
      <c r="X36761">
        <v>17</v>
      </c>
      <c r="Y36761">
        <v>17</v>
      </c>
      <c r="Z36761">
        <v>17</v>
      </c>
      <c r="AA36761">
        <v>18</v>
      </c>
      <c r="AB36761">
        <v>18</v>
      </c>
      <c r="AC36761">
        <v>18</v>
      </c>
      <c r="AD36761">
        <v>18</v>
      </c>
      <c r="AE36761">
        <v>18</v>
      </c>
      <c r="AF36761">
        <v>18</v>
      </c>
      <c r="AG36761">
        <v>18</v>
      </c>
      <c r="AH36761">
        <v>18</v>
      </c>
      <c r="AI36761">
        <v>18</v>
      </c>
      <c r="AJ36761">
        <v>18</v>
      </c>
      <c r="AK36761">
        <v>18</v>
      </c>
      <c r="AL36761">
        <v>18</v>
      </c>
      <c r="AM36761">
        <v>18</v>
      </c>
      <c r="AN36761">
        <v>18</v>
      </c>
      <c r="AO36761">
        <v>18</v>
      </c>
      <c r="AP36761">
        <v>18</v>
      </c>
      <c r="AQ36761">
        <v>18</v>
      </c>
    </row>
    <row r="36762" spans="1:43">
      <c r="A36762" t="s">
        <v>22795</v>
      </c>
      <c r="B36762" t="s">
        <v>22796</v>
      </c>
      <c r="C36762" t="s">
        <v>22783</v>
      </c>
      <c r="D36762" t="s">
        <v>22784</v>
      </c>
      <c r="E36762" t="s">
        <v>22737</v>
      </c>
      <c r="F36762" t="s">
        <v>22738</v>
      </c>
      <c r="G36762" t="s">
        <v>11612</v>
      </c>
      <c r="H36762" t="s">
        <v>11613</v>
      </c>
      <c r="I36762" s="2">
        <v>0</v>
      </c>
      <c r="J36762" s="2">
        <v>0</v>
      </c>
      <c r="K36762" s="2">
        <v>1</v>
      </c>
      <c r="L36762" t="s">
        <v>995</v>
      </c>
      <c r="M36762" t="s">
        <v>83</v>
      </c>
      <c r="N36762" t="s">
        <v>84</v>
      </c>
      <c r="O36762" t="s">
        <v>85</v>
      </c>
      <c r="P36762" t="s">
        <v>86</v>
      </c>
      <c r="Q36762">
        <v>15</v>
      </c>
      <c r="R36762">
        <v>15</v>
      </c>
      <c r="S36762">
        <v>15</v>
      </c>
      <c r="T36762">
        <v>15</v>
      </c>
      <c r="U36762">
        <v>15</v>
      </c>
      <c r="V36762">
        <v>15</v>
      </c>
      <c r="W36762">
        <v>16</v>
      </c>
      <c r="X36762">
        <v>16</v>
      </c>
      <c r="Y36762">
        <v>16</v>
      </c>
      <c r="Z36762">
        <v>16</v>
      </c>
      <c r="AA36762">
        <v>16</v>
      </c>
      <c r="AB36762">
        <v>16</v>
      </c>
      <c r="AC36762">
        <v>16</v>
      </c>
      <c r="AD36762">
        <v>16</v>
      </c>
      <c r="AE36762">
        <v>16</v>
      </c>
      <c r="AF36762">
        <v>16</v>
      </c>
      <c r="AG36762">
        <v>16</v>
      </c>
      <c r="AH36762">
        <v>16</v>
      </c>
      <c r="AI36762">
        <v>17</v>
      </c>
      <c r="AJ36762">
        <v>17</v>
      </c>
      <c r="AK36762">
        <v>17</v>
      </c>
      <c r="AL36762">
        <v>17</v>
      </c>
      <c r="AM36762">
        <v>17</v>
      </c>
      <c r="AN36762">
        <v>16</v>
      </c>
      <c r="AO36762">
        <v>16</v>
      </c>
      <c r="AP36762">
        <v>16</v>
      </c>
      <c r="AQ36762">
        <v>16</v>
      </c>
    </row>
    <row r="36763" spans="1:43">
      <c r="A36763" t="s">
        <v>22795</v>
      </c>
      <c r="B36763" t="s">
        <v>22796</v>
      </c>
      <c r="C36763" t="s">
        <v>22783</v>
      </c>
      <c r="D36763" t="s">
        <v>22784</v>
      </c>
      <c r="E36763" t="s">
        <v>22737</v>
      </c>
      <c r="F36763" t="s">
        <v>22738</v>
      </c>
      <c r="G36763" t="s">
        <v>11612</v>
      </c>
      <c r="H36763" t="s">
        <v>11613</v>
      </c>
      <c r="I36763" s="2">
        <v>0</v>
      </c>
      <c r="J36763" s="2">
        <v>0</v>
      </c>
      <c r="K36763" s="2">
        <v>1</v>
      </c>
      <c r="L36763" t="s">
        <v>995</v>
      </c>
      <c r="M36763" t="s">
        <v>87</v>
      </c>
      <c r="N36763" t="s">
        <v>88</v>
      </c>
      <c r="O36763" t="s">
        <v>85</v>
      </c>
      <c r="P36763" t="s">
        <v>86</v>
      </c>
      <c r="Q36763">
        <v>15</v>
      </c>
      <c r="R36763">
        <v>15</v>
      </c>
      <c r="S36763">
        <v>15</v>
      </c>
      <c r="T36763">
        <v>15</v>
      </c>
      <c r="U36763">
        <v>15</v>
      </c>
      <c r="V36763">
        <v>15</v>
      </c>
      <c r="W36763">
        <v>15</v>
      </c>
      <c r="X36763">
        <v>15</v>
      </c>
      <c r="Y36763">
        <v>15</v>
      </c>
      <c r="Z36763">
        <v>15</v>
      </c>
      <c r="AA36763">
        <v>15</v>
      </c>
      <c r="AB36763">
        <v>14</v>
      </c>
      <c r="AC36763">
        <v>14</v>
      </c>
      <c r="AD36763">
        <v>14</v>
      </c>
      <c r="AE36763">
        <v>14</v>
      </c>
      <c r="AF36763">
        <v>14</v>
      </c>
      <c r="AG36763">
        <v>14</v>
      </c>
      <c r="AH36763">
        <v>14</v>
      </c>
      <c r="AI36763">
        <v>14</v>
      </c>
      <c r="AJ36763">
        <v>14</v>
      </c>
      <c r="AK36763">
        <v>14</v>
      </c>
      <c r="AL36763">
        <v>14</v>
      </c>
      <c r="AM36763">
        <v>14</v>
      </c>
      <c r="AN36763">
        <v>14</v>
      </c>
      <c r="AO36763">
        <v>14</v>
      </c>
      <c r="AP36763">
        <v>14</v>
      </c>
      <c r="AQ36763">
        <v>14</v>
      </c>
    </row>
    <row r="36764" spans="1:43">
      <c r="A36764" t="s">
        <v>22795</v>
      </c>
      <c r="B36764" t="s">
        <v>22796</v>
      </c>
      <c r="C36764" t="s">
        <v>22783</v>
      </c>
      <c r="D36764" t="s">
        <v>22784</v>
      </c>
      <c r="E36764" t="s">
        <v>22737</v>
      </c>
      <c r="F36764" t="s">
        <v>22738</v>
      </c>
      <c r="G36764" t="s">
        <v>11612</v>
      </c>
      <c r="H36764" t="s">
        <v>11613</v>
      </c>
      <c r="I36764" s="2">
        <v>0</v>
      </c>
      <c r="J36764" s="2">
        <v>0</v>
      </c>
      <c r="K36764" s="2">
        <v>1</v>
      </c>
      <c r="L36764" t="s">
        <v>995</v>
      </c>
      <c r="M36764" t="s">
        <v>89</v>
      </c>
      <c r="N36764" t="s">
        <v>90</v>
      </c>
      <c r="O36764" t="s">
        <v>85</v>
      </c>
      <c r="P36764" t="s">
        <v>86</v>
      </c>
      <c r="Q36764">
        <v>15</v>
      </c>
      <c r="R36764">
        <v>15</v>
      </c>
      <c r="S36764">
        <v>16</v>
      </c>
      <c r="T36764">
        <v>16</v>
      </c>
      <c r="U36764">
        <v>16</v>
      </c>
      <c r="V36764">
        <v>16</v>
      </c>
      <c r="W36764">
        <v>16</v>
      </c>
      <c r="X36764">
        <v>17</v>
      </c>
      <c r="Y36764">
        <v>17</v>
      </c>
      <c r="Z36764">
        <v>17</v>
      </c>
      <c r="AA36764">
        <v>17</v>
      </c>
      <c r="AB36764">
        <v>17</v>
      </c>
      <c r="AC36764">
        <v>17</v>
      </c>
      <c r="AD36764">
        <v>17</v>
      </c>
      <c r="AE36764">
        <v>17</v>
      </c>
      <c r="AF36764">
        <v>17</v>
      </c>
      <c r="AG36764">
        <v>17</v>
      </c>
      <c r="AH36764">
        <v>17</v>
      </c>
      <c r="AI36764">
        <v>17</v>
      </c>
      <c r="AJ36764">
        <v>17</v>
      </c>
      <c r="AK36764">
        <v>17</v>
      </c>
      <c r="AL36764">
        <v>17</v>
      </c>
      <c r="AM36764">
        <v>17</v>
      </c>
      <c r="AN36764">
        <v>17</v>
      </c>
      <c r="AO36764">
        <v>16</v>
      </c>
      <c r="AP36764">
        <v>16</v>
      </c>
      <c r="AQ36764">
        <v>16</v>
      </c>
    </row>
    <row r="36765" spans="1:43">
      <c r="A36765" t="s">
        <v>22795</v>
      </c>
      <c r="B36765" t="s">
        <v>22796</v>
      </c>
      <c r="C36765" t="s">
        <v>22783</v>
      </c>
      <c r="D36765" t="s">
        <v>22784</v>
      </c>
      <c r="E36765" t="s">
        <v>22737</v>
      </c>
      <c r="F36765" t="s">
        <v>22738</v>
      </c>
      <c r="G36765" t="s">
        <v>11612</v>
      </c>
      <c r="H36765" t="s">
        <v>11613</v>
      </c>
      <c r="I36765" s="2">
        <v>0</v>
      </c>
      <c r="J36765" s="2">
        <v>0</v>
      </c>
      <c r="K36765" s="2">
        <v>1</v>
      </c>
      <c r="L36765" t="s">
        <v>995</v>
      </c>
      <c r="M36765" t="s">
        <v>83</v>
      </c>
      <c r="N36765" t="s">
        <v>91</v>
      </c>
      <c r="O36765" t="s">
        <v>85</v>
      </c>
      <c r="P36765" t="s">
        <v>86</v>
      </c>
      <c r="Q36765">
        <v>15</v>
      </c>
      <c r="R36765">
        <v>15</v>
      </c>
      <c r="S36765">
        <v>15</v>
      </c>
      <c r="T36765">
        <v>15</v>
      </c>
      <c r="U36765">
        <v>15</v>
      </c>
      <c r="V36765">
        <v>15</v>
      </c>
      <c r="W36765">
        <v>16</v>
      </c>
      <c r="X36765">
        <v>16</v>
      </c>
      <c r="Y36765">
        <v>16</v>
      </c>
      <c r="Z36765">
        <v>16</v>
      </c>
      <c r="AA36765">
        <v>16</v>
      </c>
      <c r="AB36765">
        <v>16</v>
      </c>
      <c r="AC36765">
        <v>16</v>
      </c>
      <c r="AD36765">
        <v>16</v>
      </c>
      <c r="AE36765">
        <v>16</v>
      </c>
      <c r="AF36765">
        <v>16</v>
      </c>
      <c r="AG36765">
        <v>16</v>
      </c>
      <c r="AH36765">
        <v>16</v>
      </c>
      <c r="AI36765">
        <v>17</v>
      </c>
      <c r="AJ36765">
        <v>17</v>
      </c>
      <c r="AK36765">
        <v>17</v>
      </c>
      <c r="AL36765">
        <v>17</v>
      </c>
      <c r="AM36765">
        <v>17</v>
      </c>
      <c r="AN36765">
        <v>16</v>
      </c>
      <c r="AO36765">
        <v>16</v>
      </c>
      <c r="AP36765">
        <v>16</v>
      </c>
      <c r="AQ36765">
        <v>16</v>
      </c>
    </row>
    <row r="36766" spans="1:43">
      <c r="A36766" t="s">
        <v>22797</v>
      </c>
      <c r="B36766" t="s">
        <v>22798</v>
      </c>
      <c r="C36766" t="s">
        <v>22757</v>
      </c>
      <c r="D36766" t="s">
        <v>22758</v>
      </c>
      <c r="E36766" t="s">
        <v>22737</v>
      </c>
      <c r="F36766" t="s">
        <v>22738</v>
      </c>
      <c r="G36766" t="s">
        <v>11612</v>
      </c>
      <c r="H36766" t="s">
        <v>11613</v>
      </c>
      <c r="I36766" s="2">
        <v>0</v>
      </c>
      <c r="J36766" s="2">
        <v>0</v>
      </c>
      <c r="K36766" s="2">
        <v>1</v>
      </c>
      <c r="L36766" t="s">
        <v>995</v>
      </c>
      <c r="M36766" t="s">
        <v>83</v>
      </c>
      <c r="N36766" t="s">
        <v>84</v>
      </c>
      <c r="O36766" t="s">
        <v>85</v>
      </c>
      <c r="P36766" t="s">
        <v>86</v>
      </c>
      <c r="Q36766">
        <v>34</v>
      </c>
      <c r="R36766">
        <v>35</v>
      </c>
      <c r="S36766">
        <v>35</v>
      </c>
      <c r="T36766">
        <v>35</v>
      </c>
      <c r="U36766">
        <v>35</v>
      </c>
      <c r="V36766">
        <v>36</v>
      </c>
      <c r="W36766">
        <v>36</v>
      </c>
      <c r="X36766">
        <v>36</v>
      </c>
      <c r="Y36766">
        <v>36</v>
      </c>
      <c r="Z36766">
        <v>36</v>
      </c>
      <c r="AA36766">
        <v>37</v>
      </c>
      <c r="AB36766">
        <v>37</v>
      </c>
      <c r="AC36766">
        <v>37</v>
      </c>
      <c r="AD36766">
        <v>37</v>
      </c>
      <c r="AE36766">
        <v>37</v>
      </c>
      <c r="AF36766">
        <v>37</v>
      </c>
      <c r="AG36766">
        <v>38</v>
      </c>
      <c r="AH36766">
        <v>38</v>
      </c>
      <c r="AI36766">
        <v>38</v>
      </c>
      <c r="AJ36766">
        <v>38</v>
      </c>
      <c r="AK36766">
        <v>38</v>
      </c>
      <c r="AL36766">
        <v>38</v>
      </c>
      <c r="AM36766">
        <v>38</v>
      </c>
      <c r="AN36766">
        <v>37</v>
      </c>
      <c r="AO36766">
        <v>37</v>
      </c>
      <c r="AP36766">
        <v>37</v>
      </c>
      <c r="AQ36766">
        <v>37</v>
      </c>
    </row>
    <row r="36767" spans="1:43">
      <c r="A36767" t="s">
        <v>22797</v>
      </c>
      <c r="B36767" t="s">
        <v>22798</v>
      </c>
      <c r="C36767" t="s">
        <v>22757</v>
      </c>
      <c r="D36767" t="s">
        <v>22758</v>
      </c>
      <c r="E36767" t="s">
        <v>22737</v>
      </c>
      <c r="F36767" t="s">
        <v>22738</v>
      </c>
      <c r="G36767" t="s">
        <v>11612</v>
      </c>
      <c r="H36767" t="s">
        <v>11613</v>
      </c>
      <c r="I36767" s="2">
        <v>0</v>
      </c>
      <c r="J36767" s="2">
        <v>0</v>
      </c>
      <c r="K36767" s="2">
        <v>1</v>
      </c>
      <c r="L36767" t="s">
        <v>995</v>
      </c>
      <c r="M36767" t="s">
        <v>87</v>
      </c>
      <c r="N36767" t="s">
        <v>88</v>
      </c>
      <c r="O36767" t="s">
        <v>85</v>
      </c>
      <c r="P36767" t="s">
        <v>86</v>
      </c>
      <c r="Q36767">
        <v>34</v>
      </c>
      <c r="R36767">
        <v>34</v>
      </c>
      <c r="S36767">
        <v>34</v>
      </c>
      <c r="T36767">
        <v>34</v>
      </c>
      <c r="U36767">
        <v>34</v>
      </c>
      <c r="V36767">
        <v>34</v>
      </c>
      <c r="W36767">
        <v>34</v>
      </c>
      <c r="X36767">
        <v>34</v>
      </c>
      <c r="Y36767">
        <v>33</v>
      </c>
      <c r="Z36767">
        <v>33</v>
      </c>
      <c r="AA36767">
        <v>33</v>
      </c>
      <c r="AB36767">
        <v>33</v>
      </c>
      <c r="AC36767">
        <v>33</v>
      </c>
      <c r="AD36767">
        <v>33</v>
      </c>
      <c r="AE36767">
        <v>33</v>
      </c>
      <c r="AF36767">
        <v>33</v>
      </c>
      <c r="AG36767">
        <v>33</v>
      </c>
      <c r="AH36767">
        <v>33</v>
      </c>
      <c r="AI36767">
        <v>33</v>
      </c>
      <c r="AJ36767">
        <v>33</v>
      </c>
      <c r="AK36767">
        <v>33</v>
      </c>
      <c r="AL36767">
        <v>32</v>
      </c>
      <c r="AM36767">
        <v>32</v>
      </c>
      <c r="AN36767">
        <v>32</v>
      </c>
      <c r="AO36767">
        <v>32</v>
      </c>
      <c r="AP36767">
        <v>32</v>
      </c>
      <c r="AQ36767">
        <v>32</v>
      </c>
    </row>
    <row r="36768" spans="1:43">
      <c r="A36768" t="s">
        <v>22797</v>
      </c>
      <c r="B36768" t="s">
        <v>22798</v>
      </c>
      <c r="C36768" t="s">
        <v>22757</v>
      </c>
      <c r="D36768" t="s">
        <v>22758</v>
      </c>
      <c r="E36768" t="s">
        <v>22737</v>
      </c>
      <c r="F36768" t="s">
        <v>22738</v>
      </c>
      <c r="G36768" t="s">
        <v>11612</v>
      </c>
      <c r="H36768" t="s">
        <v>11613</v>
      </c>
      <c r="I36768" s="2">
        <v>0</v>
      </c>
      <c r="J36768" s="2">
        <v>0</v>
      </c>
      <c r="K36768" s="2">
        <v>1</v>
      </c>
      <c r="L36768" t="s">
        <v>995</v>
      </c>
      <c r="M36768" t="s">
        <v>89</v>
      </c>
      <c r="N36768" t="s">
        <v>90</v>
      </c>
      <c r="O36768" t="s">
        <v>85</v>
      </c>
      <c r="P36768" t="s">
        <v>86</v>
      </c>
      <c r="Q36768">
        <v>34</v>
      </c>
      <c r="R36768">
        <v>34</v>
      </c>
      <c r="S36768">
        <v>35</v>
      </c>
      <c r="T36768">
        <v>35</v>
      </c>
      <c r="U36768">
        <v>36</v>
      </c>
      <c r="V36768">
        <v>36</v>
      </c>
      <c r="W36768">
        <v>37</v>
      </c>
      <c r="X36768">
        <v>37</v>
      </c>
      <c r="Y36768">
        <v>37</v>
      </c>
      <c r="Z36768">
        <v>38</v>
      </c>
      <c r="AA36768">
        <v>38</v>
      </c>
      <c r="AB36768">
        <v>38</v>
      </c>
      <c r="AC36768">
        <v>39</v>
      </c>
      <c r="AD36768">
        <v>39</v>
      </c>
      <c r="AE36768">
        <v>39</v>
      </c>
      <c r="AF36768">
        <v>39</v>
      </c>
      <c r="AG36768">
        <v>38</v>
      </c>
      <c r="AH36768">
        <v>38</v>
      </c>
      <c r="AI36768">
        <v>38</v>
      </c>
      <c r="AJ36768">
        <v>38</v>
      </c>
      <c r="AK36768">
        <v>37</v>
      </c>
      <c r="AL36768">
        <v>37</v>
      </c>
      <c r="AM36768">
        <v>37</v>
      </c>
      <c r="AN36768">
        <v>37</v>
      </c>
      <c r="AO36768">
        <v>36</v>
      </c>
      <c r="AP36768">
        <v>36</v>
      </c>
      <c r="AQ36768">
        <v>36</v>
      </c>
    </row>
    <row r="36769" spans="1:43">
      <c r="A36769" t="s">
        <v>22797</v>
      </c>
      <c r="B36769" t="s">
        <v>22798</v>
      </c>
      <c r="C36769" t="s">
        <v>22757</v>
      </c>
      <c r="D36769" t="s">
        <v>22758</v>
      </c>
      <c r="E36769" t="s">
        <v>22737</v>
      </c>
      <c r="F36769" t="s">
        <v>22738</v>
      </c>
      <c r="G36769" t="s">
        <v>11612</v>
      </c>
      <c r="H36769" t="s">
        <v>11613</v>
      </c>
      <c r="I36769" s="2">
        <v>0</v>
      </c>
      <c r="J36769" s="2">
        <v>0</v>
      </c>
      <c r="K36769" s="2">
        <v>1</v>
      </c>
      <c r="L36769" t="s">
        <v>995</v>
      </c>
      <c r="M36769" t="s">
        <v>83</v>
      </c>
      <c r="N36769" t="s">
        <v>91</v>
      </c>
      <c r="O36769" t="s">
        <v>85</v>
      </c>
      <c r="P36769" t="s">
        <v>86</v>
      </c>
      <c r="Q36769">
        <v>34</v>
      </c>
      <c r="R36769">
        <v>35</v>
      </c>
      <c r="S36769">
        <v>35</v>
      </c>
      <c r="T36769">
        <v>35</v>
      </c>
      <c r="U36769">
        <v>35</v>
      </c>
      <c r="V36769">
        <v>36</v>
      </c>
      <c r="W36769">
        <v>36</v>
      </c>
      <c r="X36769">
        <v>36</v>
      </c>
      <c r="Y36769">
        <v>36</v>
      </c>
      <c r="Z36769">
        <v>36</v>
      </c>
      <c r="AA36769">
        <v>37</v>
      </c>
      <c r="AB36769">
        <v>37</v>
      </c>
      <c r="AC36769">
        <v>37</v>
      </c>
      <c r="AD36769">
        <v>37</v>
      </c>
      <c r="AE36769">
        <v>37</v>
      </c>
      <c r="AF36769">
        <v>37</v>
      </c>
      <c r="AG36769">
        <v>38</v>
      </c>
      <c r="AH36769">
        <v>38</v>
      </c>
      <c r="AI36769">
        <v>38</v>
      </c>
      <c r="AJ36769">
        <v>38</v>
      </c>
      <c r="AK36769">
        <v>38</v>
      </c>
      <c r="AL36769">
        <v>38</v>
      </c>
      <c r="AM36769">
        <v>38</v>
      </c>
      <c r="AN36769">
        <v>37</v>
      </c>
      <c r="AO36769">
        <v>37</v>
      </c>
      <c r="AP36769">
        <v>37</v>
      </c>
      <c r="AQ36769">
        <v>37</v>
      </c>
    </row>
    <row r="36770" spans="1:43">
      <c r="A36770" t="s">
        <v>22799</v>
      </c>
      <c r="B36770" t="s">
        <v>22800</v>
      </c>
      <c r="C36770" t="s">
        <v>22757</v>
      </c>
      <c r="D36770" t="s">
        <v>22758</v>
      </c>
      <c r="E36770" t="s">
        <v>22737</v>
      </c>
      <c r="F36770" t="s">
        <v>22738</v>
      </c>
      <c r="G36770" t="s">
        <v>11612</v>
      </c>
      <c r="H36770" t="s">
        <v>11613</v>
      </c>
      <c r="I36770" s="2">
        <v>0</v>
      </c>
      <c r="J36770" s="2">
        <v>0</v>
      </c>
      <c r="K36770" s="2">
        <v>1</v>
      </c>
      <c r="L36770" t="s">
        <v>995</v>
      </c>
      <c r="M36770" t="s">
        <v>83</v>
      </c>
      <c r="N36770" t="s">
        <v>84</v>
      </c>
      <c r="O36770" t="s">
        <v>85</v>
      </c>
      <c r="P36770" t="s">
        <v>86</v>
      </c>
      <c r="Q36770">
        <v>31</v>
      </c>
      <c r="R36770">
        <v>32</v>
      </c>
      <c r="S36770">
        <v>32</v>
      </c>
      <c r="T36770">
        <v>32</v>
      </c>
      <c r="U36770">
        <v>32</v>
      </c>
      <c r="V36770">
        <v>32</v>
      </c>
      <c r="W36770">
        <v>33</v>
      </c>
      <c r="X36770">
        <v>33</v>
      </c>
      <c r="Y36770">
        <v>33</v>
      </c>
      <c r="Z36770">
        <v>33</v>
      </c>
      <c r="AA36770">
        <v>34</v>
      </c>
      <c r="AB36770">
        <v>34</v>
      </c>
      <c r="AC36770">
        <v>34</v>
      </c>
      <c r="AD36770">
        <v>34</v>
      </c>
      <c r="AE36770">
        <v>34</v>
      </c>
      <c r="AF36770">
        <v>34</v>
      </c>
      <c r="AG36770">
        <v>34</v>
      </c>
      <c r="AH36770">
        <v>34</v>
      </c>
      <c r="AI36770">
        <v>35</v>
      </c>
      <c r="AJ36770">
        <v>35</v>
      </c>
      <c r="AK36770">
        <v>35</v>
      </c>
      <c r="AL36770">
        <v>35</v>
      </c>
      <c r="AM36770">
        <v>34</v>
      </c>
      <c r="AN36770">
        <v>34</v>
      </c>
      <c r="AO36770">
        <v>34</v>
      </c>
      <c r="AP36770">
        <v>34</v>
      </c>
      <c r="AQ36770">
        <v>34</v>
      </c>
    </row>
    <row r="36771" spans="1:43">
      <c r="A36771" t="s">
        <v>22799</v>
      </c>
      <c r="B36771" t="s">
        <v>22800</v>
      </c>
      <c r="C36771" t="s">
        <v>22757</v>
      </c>
      <c r="D36771" t="s">
        <v>22758</v>
      </c>
      <c r="E36771" t="s">
        <v>22737</v>
      </c>
      <c r="F36771" t="s">
        <v>22738</v>
      </c>
      <c r="G36771" t="s">
        <v>11612</v>
      </c>
      <c r="H36771" t="s">
        <v>11613</v>
      </c>
      <c r="I36771" s="2">
        <v>0</v>
      </c>
      <c r="J36771" s="2">
        <v>0</v>
      </c>
      <c r="K36771" s="2">
        <v>1</v>
      </c>
      <c r="L36771" t="s">
        <v>995</v>
      </c>
      <c r="M36771" t="s">
        <v>87</v>
      </c>
      <c r="N36771" t="s">
        <v>88</v>
      </c>
      <c r="O36771" t="s">
        <v>85</v>
      </c>
      <c r="P36771" t="s">
        <v>86</v>
      </c>
      <c r="Q36771">
        <v>31</v>
      </c>
      <c r="R36771">
        <v>31</v>
      </c>
      <c r="S36771">
        <v>31</v>
      </c>
      <c r="T36771">
        <v>31</v>
      </c>
      <c r="U36771">
        <v>31</v>
      </c>
      <c r="V36771">
        <v>31</v>
      </c>
      <c r="W36771">
        <v>31</v>
      </c>
      <c r="X36771">
        <v>31</v>
      </c>
      <c r="Y36771">
        <v>31</v>
      </c>
      <c r="Z36771">
        <v>31</v>
      </c>
      <c r="AA36771">
        <v>31</v>
      </c>
      <c r="AB36771">
        <v>30</v>
      </c>
      <c r="AC36771">
        <v>30</v>
      </c>
      <c r="AD36771">
        <v>30</v>
      </c>
      <c r="AE36771">
        <v>30</v>
      </c>
      <c r="AF36771">
        <v>30</v>
      </c>
      <c r="AG36771">
        <v>30</v>
      </c>
      <c r="AH36771">
        <v>30</v>
      </c>
      <c r="AI36771">
        <v>30</v>
      </c>
      <c r="AJ36771">
        <v>30</v>
      </c>
      <c r="AK36771">
        <v>30</v>
      </c>
      <c r="AL36771">
        <v>30</v>
      </c>
      <c r="AM36771">
        <v>30</v>
      </c>
      <c r="AN36771">
        <v>30</v>
      </c>
      <c r="AO36771">
        <v>30</v>
      </c>
      <c r="AP36771">
        <v>29</v>
      </c>
      <c r="AQ36771">
        <v>29</v>
      </c>
    </row>
    <row r="36772" spans="1:43">
      <c r="A36772" t="s">
        <v>22799</v>
      </c>
      <c r="B36772" t="s">
        <v>22800</v>
      </c>
      <c r="C36772" t="s">
        <v>22757</v>
      </c>
      <c r="D36772" t="s">
        <v>22758</v>
      </c>
      <c r="E36772" t="s">
        <v>22737</v>
      </c>
      <c r="F36772" t="s">
        <v>22738</v>
      </c>
      <c r="G36772" t="s">
        <v>11612</v>
      </c>
      <c r="H36772" t="s">
        <v>11613</v>
      </c>
      <c r="I36772" s="2">
        <v>0</v>
      </c>
      <c r="J36772" s="2">
        <v>0</v>
      </c>
      <c r="K36772" s="2">
        <v>1</v>
      </c>
      <c r="L36772" t="s">
        <v>995</v>
      </c>
      <c r="M36772" t="s">
        <v>89</v>
      </c>
      <c r="N36772" t="s">
        <v>90</v>
      </c>
      <c r="O36772" t="s">
        <v>85</v>
      </c>
      <c r="P36772" t="s">
        <v>86</v>
      </c>
      <c r="Q36772">
        <v>31</v>
      </c>
      <c r="R36772">
        <v>31</v>
      </c>
      <c r="S36772">
        <v>32</v>
      </c>
      <c r="T36772">
        <v>32</v>
      </c>
      <c r="U36772">
        <v>33</v>
      </c>
      <c r="V36772">
        <v>33</v>
      </c>
      <c r="W36772">
        <v>33</v>
      </c>
      <c r="X36772">
        <v>34</v>
      </c>
      <c r="Y36772">
        <v>34</v>
      </c>
      <c r="Z36772">
        <v>34</v>
      </c>
      <c r="AA36772">
        <v>35</v>
      </c>
      <c r="AB36772">
        <v>35</v>
      </c>
      <c r="AC36772">
        <v>35</v>
      </c>
      <c r="AD36772">
        <v>35</v>
      </c>
      <c r="AE36772">
        <v>35</v>
      </c>
      <c r="AF36772">
        <v>35</v>
      </c>
      <c r="AG36772">
        <v>35</v>
      </c>
      <c r="AH36772">
        <v>35</v>
      </c>
      <c r="AI36772">
        <v>35</v>
      </c>
      <c r="AJ36772">
        <v>34</v>
      </c>
      <c r="AK36772">
        <v>34</v>
      </c>
      <c r="AL36772">
        <v>34</v>
      </c>
      <c r="AM36772">
        <v>34</v>
      </c>
      <c r="AN36772">
        <v>33</v>
      </c>
      <c r="AO36772">
        <v>33</v>
      </c>
      <c r="AP36772">
        <v>33</v>
      </c>
      <c r="AQ36772">
        <v>33</v>
      </c>
    </row>
    <row r="36773" spans="1:43">
      <c r="A36773" t="s">
        <v>22799</v>
      </c>
      <c r="B36773" t="s">
        <v>22800</v>
      </c>
      <c r="C36773" t="s">
        <v>22757</v>
      </c>
      <c r="D36773" t="s">
        <v>22758</v>
      </c>
      <c r="E36773" t="s">
        <v>22737</v>
      </c>
      <c r="F36773" t="s">
        <v>22738</v>
      </c>
      <c r="G36773" t="s">
        <v>11612</v>
      </c>
      <c r="H36773" t="s">
        <v>11613</v>
      </c>
      <c r="I36773" s="2">
        <v>0</v>
      </c>
      <c r="J36773" s="2">
        <v>0</v>
      </c>
      <c r="K36773" s="2">
        <v>1</v>
      </c>
      <c r="L36773" t="s">
        <v>995</v>
      </c>
      <c r="M36773" t="s">
        <v>83</v>
      </c>
      <c r="N36773" t="s">
        <v>91</v>
      </c>
      <c r="O36773" t="s">
        <v>85</v>
      </c>
      <c r="P36773" t="s">
        <v>86</v>
      </c>
      <c r="Q36773">
        <v>31</v>
      </c>
      <c r="R36773">
        <v>32</v>
      </c>
      <c r="S36773">
        <v>32</v>
      </c>
      <c r="T36773">
        <v>32</v>
      </c>
      <c r="U36773">
        <v>32</v>
      </c>
      <c r="V36773">
        <v>32</v>
      </c>
      <c r="W36773">
        <v>33</v>
      </c>
      <c r="X36773">
        <v>33</v>
      </c>
      <c r="Y36773">
        <v>33</v>
      </c>
      <c r="Z36773">
        <v>33</v>
      </c>
      <c r="AA36773">
        <v>34</v>
      </c>
      <c r="AB36773">
        <v>34</v>
      </c>
      <c r="AC36773">
        <v>34</v>
      </c>
      <c r="AD36773">
        <v>34</v>
      </c>
      <c r="AE36773">
        <v>34</v>
      </c>
      <c r="AF36773">
        <v>34</v>
      </c>
      <c r="AG36773">
        <v>34</v>
      </c>
      <c r="AH36773">
        <v>34</v>
      </c>
      <c r="AI36773">
        <v>35</v>
      </c>
      <c r="AJ36773">
        <v>35</v>
      </c>
      <c r="AK36773">
        <v>35</v>
      </c>
      <c r="AL36773">
        <v>35</v>
      </c>
      <c r="AM36773">
        <v>34</v>
      </c>
      <c r="AN36773">
        <v>34</v>
      </c>
      <c r="AO36773">
        <v>34</v>
      </c>
      <c r="AP36773">
        <v>34</v>
      </c>
      <c r="AQ36773">
        <v>34</v>
      </c>
    </row>
    <row r="36774" spans="1:43">
      <c r="A36774" t="s">
        <v>22801</v>
      </c>
      <c r="B36774" t="s">
        <v>22802</v>
      </c>
      <c r="C36774" t="s">
        <v>22761</v>
      </c>
      <c r="D36774" t="s">
        <v>22762</v>
      </c>
      <c r="E36774" t="s">
        <v>22737</v>
      </c>
      <c r="F36774" t="s">
        <v>22738</v>
      </c>
      <c r="G36774" t="s">
        <v>11612</v>
      </c>
      <c r="H36774" t="s">
        <v>11613</v>
      </c>
      <c r="I36774" s="2">
        <v>0</v>
      </c>
      <c r="J36774" s="2">
        <v>0</v>
      </c>
      <c r="K36774" s="2">
        <v>1</v>
      </c>
      <c r="L36774" t="s">
        <v>995</v>
      </c>
      <c r="M36774" t="s">
        <v>83</v>
      </c>
      <c r="N36774" t="s">
        <v>84</v>
      </c>
      <c r="O36774" t="s">
        <v>85</v>
      </c>
      <c r="P36774" t="s">
        <v>86</v>
      </c>
      <c r="Q36774">
        <v>33</v>
      </c>
      <c r="R36774">
        <v>33</v>
      </c>
      <c r="S36774">
        <v>33</v>
      </c>
      <c r="T36774">
        <v>34</v>
      </c>
      <c r="U36774">
        <v>34</v>
      </c>
      <c r="V36774">
        <v>34</v>
      </c>
      <c r="W36774">
        <v>34</v>
      </c>
      <c r="X36774">
        <v>35</v>
      </c>
      <c r="Y36774">
        <v>35</v>
      </c>
      <c r="Z36774">
        <v>35</v>
      </c>
      <c r="AA36774">
        <v>35</v>
      </c>
      <c r="AB36774">
        <v>35</v>
      </c>
      <c r="AC36774">
        <v>36</v>
      </c>
      <c r="AD36774">
        <v>36</v>
      </c>
      <c r="AE36774">
        <v>36</v>
      </c>
      <c r="AF36774">
        <v>36</v>
      </c>
      <c r="AG36774">
        <v>36</v>
      </c>
      <c r="AH36774">
        <v>37</v>
      </c>
      <c r="AI36774">
        <v>37</v>
      </c>
      <c r="AJ36774">
        <v>37</v>
      </c>
      <c r="AK36774">
        <v>37</v>
      </c>
      <c r="AL36774">
        <v>37</v>
      </c>
      <c r="AM36774">
        <v>37</v>
      </c>
      <c r="AN36774">
        <v>36</v>
      </c>
      <c r="AO36774">
        <v>36</v>
      </c>
      <c r="AP36774">
        <v>36</v>
      </c>
      <c r="AQ36774">
        <v>36</v>
      </c>
    </row>
    <row r="36775" spans="1:43">
      <c r="A36775" t="s">
        <v>22801</v>
      </c>
      <c r="B36775" t="s">
        <v>22802</v>
      </c>
      <c r="C36775" t="s">
        <v>22761</v>
      </c>
      <c r="D36775" t="s">
        <v>22762</v>
      </c>
      <c r="E36775" t="s">
        <v>22737</v>
      </c>
      <c r="F36775" t="s">
        <v>22738</v>
      </c>
      <c r="G36775" t="s">
        <v>11612</v>
      </c>
      <c r="H36775" t="s">
        <v>11613</v>
      </c>
      <c r="I36775" s="2">
        <v>0</v>
      </c>
      <c r="J36775" s="2">
        <v>0</v>
      </c>
      <c r="K36775" s="2">
        <v>1</v>
      </c>
      <c r="L36775" t="s">
        <v>995</v>
      </c>
      <c r="M36775" t="s">
        <v>87</v>
      </c>
      <c r="N36775" t="s">
        <v>88</v>
      </c>
      <c r="O36775" t="s">
        <v>85</v>
      </c>
      <c r="P36775" t="s">
        <v>86</v>
      </c>
      <c r="Q36775">
        <v>33</v>
      </c>
      <c r="R36775">
        <v>33</v>
      </c>
      <c r="S36775">
        <v>33</v>
      </c>
      <c r="T36775">
        <v>33</v>
      </c>
      <c r="U36775">
        <v>33</v>
      </c>
      <c r="V36775">
        <v>33</v>
      </c>
      <c r="W36775">
        <v>33</v>
      </c>
      <c r="X36775">
        <v>33</v>
      </c>
      <c r="Y36775">
        <v>33</v>
      </c>
      <c r="Z36775">
        <v>33</v>
      </c>
      <c r="AA36775">
        <v>33</v>
      </c>
      <c r="AB36775">
        <v>33</v>
      </c>
      <c r="AC36775">
        <v>33</v>
      </c>
      <c r="AD36775">
        <v>33</v>
      </c>
      <c r="AE36775">
        <v>33</v>
      </c>
      <c r="AF36775">
        <v>33</v>
      </c>
      <c r="AG36775">
        <v>33</v>
      </c>
      <c r="AH36775">
        <v>33</v>
      </c>
      <c r="AI36775">
        <v>33</v>
      </c>
      <c r="AJ36775">
        <v>33</v>
      </c>
      <c r="AK36775">
        <v>33</v>
      </c>
      <c r="AL36775">
        <v>33</v>
      </c>
      <c r="AM36775">
        <v>33</v>
      </c>
      <c r="AN36775">
        <v>32</v>
      </c>
      <c r="AO36775">
        <v>32</v>
      </c>
      <c r="AP36775">
        <v>32</v>
      </c>
      <c r="AQ36775">
        <v>32</v>
      </c>
    </row>
    <row r="36776" spans="1:43">
      <c r="A36776" t="s">
        <v>22801</v>
      </c>
      <c r="B36776" t="s">
        <v>22802</v>
      </c>
      <c r="C36776" t="s">
        <v>22761</v>
      </c>
      <c r="D36776" t="s">
        <v>22762</v>
      </c>
      <c r="E36776" t="s">
        <v>22737</v>
      </c>
      <c r="F36776" t="s">
        <v>22738</v>
      </c>
      <c r="G36776" t="s">
        <v>11612</v>
      </c>
      <c r="H36776" t="s">
        <v>11613</v>
      </c>
      <c r="I36776" s="2">
        <v>0</v>
      </c>
      <c r="J36776" s="2">
        <v>0</v>
      </c>
      <c r="K36776" s="2">
        <v>1</v>
      </c>
      <c r="L36776" t="s">
        <v>995</v>
      </c>
      <c r="M36776" t="s">
        <v>89</v>
      </c>
      <c r="N36776" t="s">
        <v>90</v>
      </c>
      <c r="O36776" t="s">
        <v>85</v>
      </c>
      <c r="P36776" t="s">
        <v>86</v>
      </c>
      <c r="Q36776">
        <v>33</v>
      </c>
      <c r="R36776">
        <v>34</v>
      </c>
      <c r="S36776">
        <v>34</v>
      </c>
      <c r="T36776">
        <v>35</v>
      </c>
      <c r="U36776">
        <v>35</v>
      </c>
      <c r="V36776">
        <v>36</v>
      </c>
      <c r="W36776">
        <v>36</v>
      </c>
      <c r="X36776">
        <v>37</v>
      </c>
      <c r="Y36776">
        <v>37</v>
      </c>
      <c r="Z36776">
        <v>37</v>
      </c>
      <c r="AA36776">
        <v>38</v>
      </c>
      <c r="AB36776">
        <v>38</v>
      </c>
      <c r="AC36776">
        <v>38</v>
      </c>
      <c r="AD36776">
        <v>38</v>
      </c>
      <c r="AE36776">
        <v>39</v>
      </c>
      <c r="AF36776">
        <v>38</v>
      </c>
      <c r="AG36776">
        <v>38</v>
      </c>
      <c r="AH36776">
        <v>38</v>
      </c>
      <c r="AI36776">
        <v>38</v>
      </c>
      <c r="AJ36776">
        <v>38</v>
      </c>
      <c r="AK36776">
        <v>37</v>
      </c>
      <c r="AL36776">
        <v>37</v>
      </c>
      <c r="AM36776">
        <v>37</v>
      </c>
      <c r="AN36776">
        <v>37</v>
      </c>
      <c r="AO36776">
        <v>37</v>
      </c>
      <c r="AP36776">
        <v>36</v>
      </c>
      <c r="AQ36776">
        <v>36</v>
      </c>
    </row>
    <row r="36777" spans="1:43">
      <c r="A36777" t="s">
        <v>22801</v>
      </c>
      <c r="B36777" t="s">
        <v>22802</v>
      </c>
      <c r="C36777" t="s">
        <v>22761</v>
      </c>
      <c r="D36777" t="s">
        <v>22762</v>
      </c>
      <c r="E36777" t="s">
        <v>22737</v>
      </c>
      <c r="F36777" t="s">
        <v>22738</v>
      </c>
      <c r="G36777" t="s">
        <v>11612</v>
      </c>
      <c r="H36777" t="s">
        <v>11613</v>
      </c>
      <c r="I36777" s="2">
        <v>0</v>
      </c>
      <c r="J36777" s="2">
        <v>0</v>
      </c>
      <c r="K36777" s="2">
        <v>1</v>
      </c>
      <c r="L36777" t="s">
        <v>995</v>
      </c>
      <c r="M36777" t="s">
        <v>83</v>
      </c>
      <c r="N36777" t="s">
        <v>91</v>
      </c>
      <c r="O36777" t="s">
        <v>85</v>
      </c>
      <c r="P36777" t="s">
        <v>86</v>
      </c>
      <c r="Q36777">
        <v>33</v>
      </c>
      <c r="R36777">
        <v>33</v>
      </c>
      <c r="S36777">
        <v>33</v>
      </c>
      <c r="T36777">
        <v>34</v>
      </c>
      <c r="U36777">
        <v>34</v>
      </c>
      <c r="V36777">
        <v>34</v>
      </c>
      <c r="W36777">
        <v>34</v>
      </c>
      <c r="X36777">
        <v>35</v>
      </c>
      <c r="Y36777">
        <v>35</v>
      </c>
      <c r="Z36777">
        <v>35</v>
      </c>
      <c r="AA36777">
        <v>35</v>
      </c>
      <c r="AB36777">
        <v>35</v>
      </c>
      <c r="AC36777">
        <v>36</v>
      </c>
      <c r="AD36777">
        <v>36</v>
      </c>
      <c r="AE36777">
        <v>36</v>
      </c>
      <c r="AF36777">
        <v>36</v>
      </c>
      <c r="AG36777">
        <v>36</v>
      </c>
      <c r="AH36777">
        <v>37</v>
      </c>
      <c r="AI36777">
        <v>37</v>
      </c>
      <c r="AJ36777">
        <v>37</v>
      </c>
      <c r="AK36777">
        <v>37</v>
      </c>
      <c r="AL36777">
        <v>37</v>
      </c>
      <c r="AM36777">
        <v>37</v>
      </c>
      <c r="AN36777">
        <v>36</v>
      </c>
      <c r="AO36777">
        <v>36</v>
      </c>
      <c r="AP36777">
        <v>36</v>
      </c>
      <c r="AQ36777">
        <v>36</v>
      </c>
    </row>
    <row r="36778" spans="1:43">
      <c r="A36778" t="s">
        <v>22803</v>
      </c>
      <c r="B36778" t="s">
        <v>22804</v>
      </c>
      <c r="C36778" t="s">
        <v>22761</v>
      </c>
      <c r="D36778" t="s">
        <v>22762</v>
      </c>
      <c r="E36778" t="s">
        <v>22737</v>
      </c>
      <c r="F36778" t="s">
        <v>22738</v>
      </c>
      <c r="G36778" t="s">
        <v>11612</v>
      </c>
      <c r="H36778" t="s">
        <v>11613</v>
      </c>
      <c r="I36778" s="2">
        <v>0</v>
      </c>
      <c r="J36778" s="2">
        <v>0</v>
      </c>
      <c r="K36778" s="2">
        <v>1</v>
      </c>
      <c r="L36778" t="s">
        <v>995</v>
      </c>
      <c r="M36778" t="s">
        <v>83</v>
      </c>
      <c r="N36778" t="s">
        <v>84</v>
      </c>
      <c r="O36778" t="s">
        <v>85</v>
      </c>
      <c r="P36778" t="s">
        <v>86</v>
      </c>
      <c r="Q36778">
        <v>13</v>
      </c>
      <c r="R36778">
        <v>13</v>
      </c>
      <c r="S36778">
        <v>13</v>
      </c>
      <c r="T36778">
        <v>14</v>
      </c>
      <c r="U36778">
        <v>14</v>
      </c>
      <c r="V36778">
        <v>14</v>
      </c>
      <c r="W36778">
        <v>14</v>
      </c>
      <c r="X36778">
        <v>14</v>
      </c>
      <c r="Y36778">
        <v>14</v>
      </c>
      <c r="Z36778">
        <v>14</v>
      </c>
      <c r="AA36778">
        <v>14</v>
      </c>
      <c r="AB36778">
        <v>14</v>
      </c>
      <c r="AC36778">
        <v>14</v>
      </c>
      <c r="AD36778">
        <v>14</v>
      </c>
      <c r="AE36778">
        <v>14</v>
      </c>
      <c r="AF36778">
        <v>15</v>
      </c>
      <c r="AG36778">
        <v>15</v>
      </c>
      <c r="AH36778">
        <v>15</v>
      </c>
      <c r="AI36778">
        <v>15</v>
      </c>
      <c r="AJ36778">
        <v>15</v>
      </c>
      <c r="AK36778">
        <v>15</v>
      </c>
      <c r="AL36778">
        <v>15</v>
      </c>
      <c r="AM36778">
        <v>15</v>
      </c>
      <c r="AN36778">
        <v>15</v>
      </c>
      <c r="AO36778">
        <v>15</v>
      </c>
      <c r="AP36778">
        <v>14</v>
      </c>
      <c r="AQ36778">
        <v>14</v>
      </c>
    </row>
    <row r="36779" spans="1:43">
      <c r="A36779" t="s">
        <v>22803</v>
      </c>
      <c r="B36779" t="s">
        <v>22804</v>
      </c>
      <c r="C36779" t="s">
        <v>22761</v>
      </c>
      <c r="D36779" t="s">
        <v>22762</v>
      </c>
      <c r="E36779" t="s">
        <v>22737</v>
      </c>
      <c r="F36779" t="s">
        <v>22738</v>
      </c>
      <c r="G36779" t="s">
        <v>11612</v>
      </c>
      <c r="H36779" t="s">
        <v>11613</v>
      </c>
      <c r="I36779" s="2">
        <v>0</v>
      </c>
      <c r="J36779" s="2">
        <v>0</v>
      </c>
      <c r="K36779" s="2">
        <v>1</v>
      </c>
      <c r="L36779" t="s">
        <v>995</v>
      </c>
      <c r="M36779" t="s">
        <v>87</v>
      </c>
      <c r="N36779" t="s">
        <v>88</v>
      </c>
      <c r="O36779" t="s">
        <v>85</v>
      </c>
      <c r="P36779" t="s">
        <v>86</v>
      </c>
      <c r="Q36779">
        <v>13</v>
      </c>
      <c r="R36779">
        <v>13</v>
      </c>
      <c r="S36779">
        <v>13</v>
      </c>
      <c r="T36779">
        <v>13</v>
      </c>
      <c r="U36779">
        <v>13</v>
      </c>
      <c r="V36779">
        <v>13</v>
      </c>
      <c r="W36779">
        <v>13</v>
      </c>
      <c r="X36779">
        <v>13</v>
      </c>
      <c r="Y36779">
        <v>13</v>
      </c>
      <c r="Z36779">
        <v>13</v>
      </c>
      <c r="AA36779">
        <v>13</v>
      </c>
      <c r="AB36779">
        <v>13</v>
      </c>
      <c r="AC36779">
        <v>13</v>
      </c>
      <c r="AD36779">
        <v>13</v>
      </c>
      <c r="AE36779">
        <v>13</v>
      </c>
      <c r="AF36779">
        <v>13</v>
      </c>
      <c r="AG36779">
        <v>13</v>
      </c>
      <c r="AH36779">
        <v>13</v>
      </c>
      <c r="AI36779">
        <v>13</v>
      </c>
      <c r="AJ36779">
        <v>13</v>
      </c>
      <c r="AK36779">
        <v>13</v>
      </c>
      <c r="AL36779">
        <v>13</v>
      </c>
      <c r="AM36779">
        <v>13</v>
      </c>
      <c r="AN36779">
        <v>13</v>
      </c>
      <c r="AO36779">
        <v>13</v>
      </c>
      <c r="AP36779">
        <v>13</v>
      </c>
      <c r="AQ36779">
        <v>13</v>
      </c>
    </row>
    <row r="36780" spans="1:43">
      <c r="A36780" t="s">
        <v>22803</v>
      </c>
      <c r="B36780" t="s">
        <v>22804</v>
      </c>
      <c r="C36780" t="s">
        <v>22761</v>
      </c>
      <c r="D36780" t="s">
        <v>22762</v>
      </c>
      <c r="E36780" t="s">
        <v>22737</v>
      </c>
      <c r="F36780" t="s">
        <v>22738</v>
      </c>
      <c r="G36780" t="s">
        <v>11612</v>
      </c>
      <c r="H36780" t="s">
        <v>11613</v>
      </c>
      <c r="I36780" s="2">
        <v>0</v>
      </c>
      <c r="J36780" s="2">
        <v>0</v>
      </c>
      <c r="K36780" s="2">
        <v>1</v>
      </c>
      <c r="L36780" t="s">
        <v>995</v>
      </c>
      <c r="M36780" t="s">
        <v>89</v>
      </c>
      <c r="N36780" t="s">
        <v>90</v>
      </c>
      <c r="O36780" t="s">
        <v>85</v>
      </c>
      <c r="P36780" t="s">
        <v>86</v>
      </c>
      <c r="Q36780">
        <v>13</v>
      </c>
      <c r="R36780">
        <v>14</v>
      </c>
      <c r="S36780">
        <v>14</v>
      </c>
      <c r="T36780">
        <v>14</v>
      </c>
      <c r="U36780">
        <v>14</v>
      </c>
      <c r="V36780">
        <v>14</v>
      </c>
      <c r="W36780">
        <v>15</v>
      </c>
      <c r="X36780">
        <v>15</v>
      </c>
      <c r="Y36780">
        <v>15</v>
      </c>
      <c r="Z36780">
        <v>15</v>
      </c>
      <c r="AA36780">
        <v>15</v>
      </c>
      <c r="AB36780">
        <v>15</v>
      </c>
      <c r="AC36780">
        <v>15</v>
      </c>
      <c r="AD36780">
        <v>15</v>
      </c>
      <c r="AE36780">
        <v>15</v>
      </c>
      <c r="AF36780">
        <v>15</v>
      </c>
      <c r="AG36780">
        <v>15</v>
      </c>
      <c r="AH36780">
        <v>15</v>
      </c>
      <c r="AI36780">
        <v>15</v>
      </c>
      <c r="AJ36780">
        <v>15</v>
      </c>
      <c r="AK36780">
        <v>15</v>
      </c>
      <c r="AL36780">
        <v>15</v>
      </c>
      <c r="AM36780">
        <v>15</v>
      </c>
      <c r="AN36780">
        <v>15</v>
      </c>
      <c r="AO36780">
        <v>15</v>
      </c>
      <c r="AP36780">
        <v>15</v>
      </c>
      <c r="AQ36780">
        <v>15</v>
      </c>
    </row>
    <row r="36781" spans="1:43">
      <c r="A36781" t="s">
        <v>22803</v>
      </c>
      <c r="B36781" t="s">
        <v>22804</v>
      </c>
      <c r="C36781" t="s">
        <v>22761</v>
      </c>
      <c r="D36781" t="s">
        <v>22762</v>
      </c>
      <c r="E36781" t="s">
        <v>22737</v>
      </c>
      <c r="F36781" t="s">
        <v>22738</v>
      </c>
      <c r="G36781" t="s">
        <v>11612</v>
      </c>
      <c r="H36781" t="s">
        <v>11613</v>
      </c>
      <c r="I36781" s="2">
        <v>0</v>
      </c>
      <c r="J36781" s="2">
        <v>0</v>
      </c>
      <c r="K36781" s="2">
        <v>1</v>
      </c>
      <c r="L36781" t="s">
        <v>995</v>
      </c>
      <c r="M36781" t="s">
        <v>83</v>
      </c>
      <c r="N36781" t="s">
        <v>91</v>
      </c>
      <c r="O36781" t="s">
        <v>85</v>
      </c>
      <c r="P36781" t="s">
        <v>86</v>
      </c>
      <c r="Q36781">
        <v>13</v>
      </c>
      <c r="R36781">
        <v>13</v>
      </c>
      <c r="S36781">
        <v>13</v>
      </c>
      <c r="T36781">
        <v>14</v>
      </c>
      <c r="U36781">
        <v>14</v>
      </c>
      <c r="V36781">
        <v>14</v>
      </c>
      <c r="W36781">
        <v>14</v>
      </c>
      <c r="X36781">
        <v>14</v>
      </c>
      <c r="Y36781">
        <v>14</v>
      </c>
      <c r="Z36781">
        <v>14</v>
      </c>
      <c r="AA36781">
        <v>14</v>
      </c>
      <c r="AB36781">
        <v>14</v>
      </c>
      <c r="AC36781">
        <v>14</v>
      </c>
      <c r="AD36781">
        <v>14</v>
      </c>
      <c r="AE36781">
        <v>14</v>
      </c>
      <c r="AF36781">
        <v>15</v>
      </c>
      <c r="AG36781">
        <v>15</v>
      </c>
      <c r="AH36781">
        <v>15</v>
      </c>
      <c r="AI36781">
        <v>15</v>
      </c>
      <c r="AJ36781">
        <v>15</v>
      </c>
      <c r="AK36781">
        <v>15</v>
      </c>
      <c r="AL36781">
        <v>15</v>
      </c>
      <c r="AM36781">
        <v>15</v>
      </c>
      <c r="AN36781">
        <v>15</v>
      </c>
      <c r="AO36781">
        <v>15</v>
      </c>
      <c r="AP36781">
        <v>14</v>
      </c>
      <c r="AQ36781">
        <v>14</v>
      </c>
    </row>
    <row r="36782" spans="1:43">
      <c r="A36782" t="s">
        <v>22805</v>
      </c>
      <c r="B36782" t="s">
        <v>22806</v>
      </c>
      <c r="C36782" t="s">
        <v>22743</v>
      </c>
      <c r="D36782" t="s">
        <v>22744</v>
      </c>
      <c r="E36782" t="s">
        <v>22737</v>
      </c>
      <c r="F36782" t="s">
        <v>22738</v>
      </c>
      <c r="G36782" t="s">
        <v>11612</v>
      </c>
      <c r="H36782" t="s">
        <v>11613</v>
      </c>
      <c r="I36782" s="2">
        <v>0</v>
      </c>
      <c r="J36782" s="2">
        <v>0</v>
      </c>
      <c r="K36782" s="2">
        <v>1</v>
      </c>
      <c r="L36782" t="s">
        <v>995</v>
      </c>
      <c r="M36782" t="s">
        <v>83</v>
      </c>
      <c r="N36782" t="s">
        <v>84</v>
      </c>
      <c r="O36782" t="s">
        <v>85</v>
      </c>
      <c r="P36782" t="s">
        <v>86</v>
      </c>
      <c r="Q36782">
        <v>6</v>
      </c>
      <c r="R36782">
        <v>6</v>
      </c>
      <c r="S36782">
        <v>6</v>
      </c>
      <c r="T36782">
        <v>6</v>
      </c>
      <c r="U36782">
        <v>6</v>
      </c>
      <c r="V36782">
        <v>6</v>
      </c>
      <c r="W36782">
        <v>6</v>
      </c>
      <c r="X36782">
        <v>6</v>
      </c>
      <c r="Y36782">
        <v>6</v>
      </c>
      <c r="Z36782">
        <v>6</v>
      </c>
      <c r="AA36782">
        <v>6</v>
      </c>
      <c r="AB36782">
        <v>6</v>
      </c>
      <c r="AC36782">
        <v>6</v>
      </c>
      <c r="AD36782">
        <v>6</v>
      </c>
      <c r="AE36782">
        <v>6</v>
      </c>
      <c r="AF36782">
        <v>6</v>
      </c>
      <c r="AG36782">
        <v>6</v>
      </c>
      <c r="AH36782">
        <v>6</v>
      </c>
      <c r="AI36782">
        <v>6</v>
      </c>
      <c r="AJ36782">
        <v>6</v>
      </c>
      <c r="AK36782">
        <v>6</v>
      </c>
      <c r="AL36782">
        <v>6</v>
      </c>
      <c r="AM36782">
        <v>6</v>
      </c>
      <c r="AN36782">
        <v>6</v>
      </c>
      <c r="AO36782">
        <v>6</v>
      </c>
      <c r="AP36782">
        <v>6</v>
      </c>
      <c r="AQ36782">
        <v>6</v>
      </c>
    </row>
    <row r="36783" spans="1:43">
      <c r="A36783" t="s">
        <v>22805</v>
      </c>
      <c r="B36783" t="s">
        <v>22806</v>
      </c>
      <c r="C36783" t="s">
        <v>22743</v>
      </c>
      <c r="D36783" t="s">
        <v>22744</v>
      </c>
      <c r="E36783" t="s">
        <v>22737</v>
      </c>
      <c r="F36783" t="s">
        <v>22738</v>
      </c>
      <c r="G36783" t="s">
        <v>11612</v>
      </c>
      <c r="H36783" t="s">
        <v>11613</v>
      </c>
      <c r="I36783" s="2">
        <v>0</v>
      </c>
      <c r="J36783" s="2">
        <v>0</v>
      </c>
      <c r="K36783" s="2">
        <v>1</v>
      </c>
      <c r="L36783" t="s">
        <v>995</v>
      </c>
      <c r="M36783" t="s">
        <v>87</v>
      </c>
      <c r="N36783" t="s">
        <v>88</v>
      </c>
      <c r="O36783" t="s">
        <v>85</v>
      </c>
      <c r="P36783" t="s">
        <v>86</v>
      </c>
      <c r="Q36783">
        <v>6</v>
      </c>
      <c r="R36783">
        <v>6</v>
      </c>
      <c r="S36783">
        <v>6</v>
      </c>
      <c r="T36783">
        <v>6</v>
      </c>
      <c r="U36783">
        <v>5</v>
      </c>
      <c r="V36783">
        <v>5</v>
      </c>
      <c r="W36783">
        <v>5</v>
      </c>
      <c r="X36783">
        <v>5</v>
      </c>
      <c r="Y36783">
        <v>5</v>
      </c>
      <c r="Z36783">
        <v>5</v>
      </c>
      <c r="AA36783">
        <v>5</v>
      </c>
      <c r="AB36783">
        <v>5</v>
      </c>
      <c r="AC36783">
        <v>5</v>
      </c>
      <c r="AD36783">
        <v>5</v>
      </c>
      <c r="AE36783">
        <v>5</v>
      </c>
      <c r="AF36783">
        <v>5</v>
      </c>
      <c r="AG36783">
        <v>5</v>
      </c>
      <c r="AH36783">
        <v>5</v>
      </c>
      <c r="AI36783">
        <v>5</v>
      </c>
      <c r="AJ36783">
        <v>5</v>
      </c>
      <c r="AK36783">
        <v>5</v>
      </c>
      <c r="AL36783">
        <v>5</v>
      </c>
      <c r="AM36783">
        <v>5</v>
      </c>
      <c r="AN36783">
        <v>5</v>
      </c>
      <c r="AO36783">
        <v>5</v>
      </c>
      <c r="AP36783">
        <v>5</v>
      </c>
      <c r="AQ36783">
        <v>5</v>
      </c>
    </row>
    <row r="36784" spans="1:43">
      <c r="A36784" t="s">
        <v>22805</v>
      </c>
      <c r="B36784" t="s">
        <v>22806</v>
      </c>
      <c r="C36784" t="s">
        <v>22743</v>
      </c>
      <c r="D36784" t="s">
        <v>22744</v>
      </c>
      <c r="E36784" t="s">
        <v>22737</v>
      </c>
      <c r="F36784" t="s">
        <v>22738</v>
      </c>
      <c r="G36784" t="s">
        <v>11612</v>
      </c>
      <c r="H36784" t="s">
        <v>11613</v>
      </c>
      <c r="I36784" s="2">
        <v>0</v>
      </c>
      <c r="J36784" s="2">
        <v>0</v>
      </c>
      <c r="K36784" s="2">
        <v>1</v>
      </c>
      <c r="L36784" t="s">
        <v>995</v>
      </c>
      <c r="M36784" t="s">
        <v>89</v>
      </c>
      <c r="N36784" t="s">
        <v>90</v>
      </c>
      <c r="O36784" t="s">
        <v>85</v>
      </c>
      <c r="P36784" t="s">
        <v>86</v>
      </c>
      <c r="Q36784">
        <v>6</v>
      </c>
      <c r="R36784">
        <v>6</v>
      </c>
      <c r="S36784">
        <v>6</v>
      </c>
      <c r="T36784">
        <v>6</v>
      </c>
      <c r="U36784">
        <v>6</v>
      </c>
      <c r="V36784">
        <v>6</v>
      </c>
      <c r="W36784">
        <v>6</v>
      </c>
      <c r="X36784">
        <v>6</v>
      </c>
      <c r="Y36784">
        <v>6</v>
      </c>
      <c r="Z36784">
        <v>6</v>
      </c>
      <c r="AA36784">
        <v>6</v>
      </c>
      <c r="AB36784">
        <v>6</v>
      </c>
      <c r="AC36784">
        <v>6</v>
      </c>
      <c r="AD36784">
        <v>7</v>
      </c>
      <c r="AE36784">
        <v>7</v>
      </c>
      <c r="AF36784">
        <v>6</v>
      </c>
      <c r="AG36784">
        <v>6</v>
      </c>
      <c r="AH36784">
        <v>6</v>
      </c>
      <c r="AI36784">
        <v>6</v>
      </c>
      <c r="AJ36784">
        <v>6</v>
      </c>
      <c r="AK36784">
        <v>6</v>
      </c>
      <c r="AL36784">
        <v>6</v>
      </c>
      <c r="AM36784">
        <v>6</v>
      </c>
      <c r="AN36784">
        <v>6</v>
      </c>
      <c r="AO36784">
        <v>6</v>
      </c>
      <c r="AP36784">
        <v>6</v>
      </c>
      <c r="AQ36784">
        <v>6</v>
      </c>
    </row>
    <row r="36785" spans="1:43">
      <c r="A36785" t="s">
        <v>22805</v>
      </c>
      <c r="B36785" t="s">
        <v>22806</v>
      </c>
      <c r="C36785" t="s">
        <v>22743</v>
      </c>
      <c r="D36785" t="s">
        <v>22744</v>
      </c>
      <c r="E36785" t="s">
        <v>22737</v>
      </c>
      <c r="F36785" t="s">
        <v>22738</v>
      </c>
      <c r="G36785" t="s">
        <v>11612</v>
      </c>
      <c r="H36785" t="s">
        <v>11613</v>
      </c>
      <c r="I36785" s="2">
        <v>0</v>
      </c>
      <c r="J36785" s="2">
        <v>0</v>
      </c>
      <c r="K36785" s="2">
        <v>1</v>
      </c>
      <c r="L36785" t="s">
        <v>995</v>
      </c>
      <c r="M36785" t="s">
        <v>83</v>
      </c>
      <c r="N36785" t="s">
        <v>91</v>
      </c>
      <c r="O36785" t="s">
        <v>85</v>
      </c>
      <c r="P36785" t="s">
        <v>86</v>
      </c>
      <c r="Q36785">
        <v>6</v>
      </c>
      <c r="R36785">
        <v>6</v>
      </c>
      <c r="S36785">
        <v>6</v>
      </c>
      <c r="T36785">
        <v>6</v>
      </c>
      <c r="U36785">
        <v>6</v>
      </c>
      <c r="V36785">
        <v>6</v>
      </c>
      <c r="W36785">
        <v>6</v>
      </c>
      <c r="X36785">
        <v>6</v>
      </c>
      <c r="Y36785">
        <v>6</v>
      </c>
      <c r="Z36785">
        <v>6</v>
      </c>
      <c r="AA36785">
        <v>6</v>
      </c>
      <c r="AB36785">
        <v>6</v>
      </c>
      <c r="AC36785">
        <v>6</v>
      </c>
      <c r="AD36785">
        <v>6</v>
      </c>
      <c r="AE36785">
        <v>6</v>
      </c>
      <c r="AF36785">
        <v>6</v>
      </c>
      <c r="AG36785">
        <v>6</v>
      </c>
      <c r="AH36785">
        <v>6</v>
      </c>
      <c r="AI36785">
        <v>6</v>
      </c>
      <c r="AJ36785">
        <v>6</v>
      </c>
      <c r="AK36785">
        <v>6</v>
      </c>
      <c r="AL36785">
        <v>6</v>
      </c>
      <c r="AM36785">
        <v>6</v>
      </c>
      <c r="AN36785">
        <v>6</v>
      </c>
      <c r="AO36785">
        <v>6</v>
      </c>
      <c r="AP36785">
        <v>6</v>
      </c>
      <c r="AQ36785">
        <v>6</v>
      </c>
    </row>
    <row r="36786" spans="1:43">
      <c r="A36786" t="s">
        <v>22807</v>
      </c>
      <c r="B36786" t="s">
        <v>22808</v>
      </c>
      <c r="C36786" t="s">
        <v>22735</v>
      </c>
      <c r="D36786" t="s">
        <v>22736</v>
      </c>
      <c r="E36786" t="s">
        <v>22737</v>
      </c>
      <c r="F36786" t="s">
        <v>22738</v>
      </c>
      <c r="G36786" t="s">
        <v>11612</v>
      </c>
      <c r="H36786" t="s">
        <v>11613</v>
      </c>
      <c r="I36786" s="2">
        <v>0</v>
      </c>
      <c r="J36786" s="2">
        <v>0</v>
      </c>
      <c r="K36786" s="2">
        <v>1</v>
      </c>
      <c r="L36786" t="s">
        <v>995</v>
      </c>
      <c r="M36786" t="s">
        <v>83</v>
      </c>
      <c r="N36786" t="s">
        <v>84</v>
      </c>
      <c r="O36786" t="s">
        <v>85</v>
      </c>
      <c r="P36786" t="s">
        <v>86</v>
      </c>
      <c r="Q36786">
        <v>47</v>
      </c>
      <c r="R36786">
        <v>47</v>
      </c>
      <c r="S36786">
        <v>47</v>
      </c>
      <c r="T36786">
        <v>48</v>
      </c>
      <c r="U36786">
        <v>48</v>
      </c>
      <c r="V36786">
        <v>48</v>
      </c>
      <c r="W36786">
        <v>49</v>
      </c>
      <c r="X36786">
        <v>49</v>
      </c>
      <c r="Y36786">
        <v>49</v>
      </c>
      <c r="Z36786">
        <v>50</v>
      </c>
      <c r="AA36786">
        <v>50</v>
      </c>
      <c r="AB36786">
        <v>50</v>
      </c>
      <c r="AC36786">
        <v>50</v>
      </c>
      <c r="AD36786">
        <v>51</v>
      </c>
      <c r="AE36786">
        <v>51</v>
      </c>
      <c r="AF36786">
        <v>51</v>
      </c>
      <c r="AG36786">
        <v>51</v>
      </c>
      <c r="AH36786">
        <v>52</v>
      </c>
      <c r="AI36786">
        <v>52</v>
      </c>
      <c r="AJ36786">
        <v>52</v>
      </c>
      <c r="AK36786">
        <v>52</v>
      </c>
      <c r="AL36786">
        <v>52</v>
      </c>
      <c r="AM36786">
        <v>52</v>
      </c>
      <c r="AN36786">
        <v>51</v>
      </c>
      <c r="AO36786">
        <v>51</v>
      </c>
      <c r="AP36786">
        <v>51</v>
      </c>
      <c r="AQ36786">
        <v>50</v>
      </c>
    </row>
    <row r="36787" spans="1:43">
      <c r="A36787" t="s">
        <v>22807</v>
      </c>
      <c r="B36787" t="s">
        <v>22808</v>
      </c>
      <c r="C36787" t="s">
        <v>22735</v>
      </c>
      <c r="D36787" t="s">
        <v>22736</v>
      </c>
      <c r="E36787" t="s">
        <v>22737</v>
      </c>
      <c r="F36787" t="s">
        <v>22738</v>
      </c>
      <c r="G36787" t="s">
        <v>11612</v>
      </c>
      <c r="H36787" t="s">
        <v>11613</v>
      </c>
      <c r="I36787" s="2">
        <v>0</v>
      </c>
      <c r="J36787" s="2">
        <v>0</v>
      </c>
      <c r="K36787" s="2">
        <v>1</v>
      </c>
      <c r="L36787" t="s">
        <v>995</v>
      </c>
      <c r="M36787" t="s">
        <v>87</v>
      </c>
      <c r="N36787" t="s">
        <v>88</v>
      </c>
      <c r="O36787" t="s">
        <v>85</v>
      </c>
      <c r="P36787" t="s">
        <v>86</v>
      </c>
      <c r="Q36787">
        <v>47</v>
      </c>
      <c r="R36787">
        <v>47</v>
      </c>
      <c r="S36787">
        <v>47</v>
      </c>
      <c r="T36787">
        <v>47</v>
      </c>
      <c r="U36787">
        <v>47</v>
      </c>
      <c r="V36787">
        <v>47</v>
      </c>
      <c r="W36787">
        <v>47</v>
      </c>
      <c r="X36787">
        <v>47</v>
      </c>
      <c r="Y36787">
        <v>47</v>
      </c>
      <c r="Z36787">
        <v>46</v>
      </c>
      <c r="AA36787">
        <v>46</v>
      </c>
      <c r="AB36787">
        <v>46</v>
      </c>
      <c r="AC36787">
        <v>46</v>
      </c>
      <c r="AD36787">
        <v>46</v>
      </c>
      <c r="AE36787">
        <v>46</v>
      </c>
      <c r="AF36787">
        <v>46</v>
      </c>
      <c r="AG36787">
        <v>46</v>
      </c>
      <c r="AH36787">
        <v>46</v>
      </c>
      <c r="AI36787">
        <v>46</v>
      </c>
      <c r="AJ36787">
        <v>46</v>
      </c>
      <c r="AK36787">
        <v>45</v>
      </c>
      <c r="AL36787">
        <v>45</v>
      </c>
      <c r="AM36787">
        <v>45</v>
      </c>
      <c r="AN36787">
        <v>45</v>
      </c>
      <c r="AO36787">
        <v>45</v>
      </c>
      <c r="AP36787">
        <v>45</v>
      </c>
      <c r="AQ36787">
        <v>45</v>
      </c>
    </row>
    <row r="36788" spans="1:43">
      <c r="A36788" t="s">
        <v>22807</v>
      </c>
      <c r="B36788" t="s">
        <v>22808</v>
      </c>
      <c r="C36788" t="s">
        <v>22735</v>
      </c>
      <c r="D36788" t="s">
        <v>22736</v>
      </c>
      <c r="E36788" t="s">
        <v>22737</v>
      </c>
      <c r="F36788" t="s">
        <v>22738</v>
      </c>
      <c r="G36788" t="s">
        <v>11612</v>
      </c>
      <c r="H36788" t="s">
        <v>11613</v>
      </c>
      <c r="I36788" s="2">
        <v>0</v>
      </c>
      <c r="J36788" s="2">
        <v>0</v>
      </c>
      <c r="K36788" s="2">
        <v>1</v>
      </c>
      <c r="L36788" t="s">
        <v>995</v>
      </c>
      <c r="M36788" t="s">
        <v>89</v>
      </c>
      <c r="N36788" t="s">
        <v>90</v>
      </c>
      <c r="O36788" t="s">
        <v>85</v>
      </c>
      <c r="P36788" t="s">
        <v>86</v>
      </c>
      <c r="Q36788">
        <v>47</v>
      </c>
      <c r="R36788">
        <v>48</v>
      </c>
      <c r="S36788">
        <v>49</v>
      </c>
      <c r="T36788">
        <v>49</v>
      </c>
      <c r="U36788">
        <v>50</v>
      </c>
      <c r="V36788">
        <v>51</v>
      </c>
      <c r="W36788">
        <v>51</v>
      </c>
      <c r="X36788">
        <v>52</v>
      </c>
      <c r="Y36788">
        <v>52</v>
      </c>
      <c r="Z36788">
        <v>53</v>
      </c>
      <c r="AA36788">
        <v>53</v>
      </c>
      <c r="AB36788">
        <v>54</v>
      </c>
      <c r="AC36788">
        <v>54</v>
      </c>
      <c r="AD36788">
        <v>54</v>
      </c>
      <c r="AE36788">
        <v>55</v>
      </c>
      <c r="AF36788">
        <v>54</v>
      </c>
      <c r="AG36788">
        <v>54</v>
      </c>
      <c r="AH36788">
        <v>54</v>
      </c>
      <c r="AI36788">
        <v>53</v>
      </c>
      <c r="AJ36788">
        <v>53</v>
      </c>
      <c r="AK36788">
        <v>53</v>
      </c>
      <c r="AL36788">
        <v>52</v>
      </c>
      <c r="AM36788">
        <v>52</v>
      </c>
      <c r="AN36788">
        <v>52</v>
      </c>
      <c r="AO36788">
        <v>52</v>
      </c>
      <c r="AP36788">
        <v>51</v>
      </c>
      <c r="AQ36788">
        <v>51</v>
      </c>
    </row>
    <row r="36789" spans="1:43">
      <c r="A36789" t="s">
        <v>22807</v>
      </c>
      <c r="B36789" t="s">
        <v>22808</v>
      </c>
      <c r="C36789" t="s">
        <v>22735</v>
      </c>
      <c r="D36789" t="s">
        <v>22736</v>
      </c>
      <c r="E36789" t="s">
        <v>22737</v>
      </c>
      <c r="F36789" t="s">
        <v>22738</v>
      </c>
      <c r="G36789" t="s">
        <v>11612</v>
      </c>
      <c r="H36789" t="s">
        <v>11613</v>
      </c>
      <c r="I36789" s="2">
        <v>0</v>
      </c>
      <c r="J36789" s="2">
        <v>0</v>
      </c>
      <c r="K36789" s="2">
        <v>1</v>
      </c>
      <c r="L36789" t="s">
        <v>995</v>
      </c>
      <c r="M36789" t="s">
        <v>83</v>
      </c>
      <c r="N36789" t="s">
        <v>91</v>
      </c>
      <c r="O36789" t="s">
        <v>85</v>
      </c>
      <c r="P36789" t="s">
        <v>86</v>
      </c>
      <c r="Q36789">
        <v>47</v>
      </c>
      <c r="R36789">
        <v>47</v>
      </c>
      <c r="S36789">
        <v>47</v>
      </c>
      <c r="T36789">
        <v>48</v>
      </c>
      <c r="U36789">
        <v>48</v>
      </c>
      <c r="V36789">
        <v>48</v>
      </c>
      <c r="W36789">
        <v>49</v>
      </c>
      <c r="X36789">
        <v>49</v>
      </c>
      <c r="Y36789">
        <v>49</v>
      </c>
      <c r="Z36789">
        <v>50</v>
      </c>
      <c r="AA36789">
        <v>50</v>
      </c>
      <c r="AB36789">
        <v>50</v>
      </c>
      <c r="AC36789">
        <v>50</v>
      </c>
      <c r="AD36789">
        <v>51</v>
      </c>
      <c r="AE36789">
        <v>51</v>
      </c>
      <c r="AF36789">
        <v>51</v>
      </c>
      <c r="AG36789">
        <v>51</v>
      </c>
      <c r="AH36789">
        <v>52</v>
      </c>
      <c r="AI36789">
        <v>52</v>
      </c>
      <c r="AJ36789">
        <v>52</v>
      </c>
      <c r="AK36789">
        <v>52</v>
      </c>
      <c r="AL36789">
        <v>52</v>
      </c>
      <c r="AM36789">
        <v>52</v>
      </c>
      <c r="AN36789">
        <v>51</v>
      </c>
      <c r="AO36789">
        <v>51</v>
      </c>
      <c r="AP36789">
        <v>51</v>
      </c>
      <c r="AQ36789">
        <v>50</v>
      </c>
    </row>
    <row r="36790" spans="1:43">
      <c r="A36790" t="s">
        <v>22809</v>
      </c>
      <c r="B36790" t="s">
        <v>22810</v>
      </c>
      <c r="C36790" t="s">
        <v>22735</v>
      </c>
      <c r="D36790" t="s">
        <v>22736</v>
      </c>
      <c r="E36790" t="s">
        <v>22737</v>
      </c>
      <c r="F36790" t="s">
        <v>22738</v>
      </c>
      <c r="G36790" t="s">
        <v>11612</v>
      </c>
      <c r="H36790" t="s">
        <v>11613</v>
      </c>
      <c r="I36790" s="2">
        <v>0</v>
      </c>
      <c r="J36790" s="2">
        <v>0</v>
      </c>
      <c r="K36790" s="2">
        <v>1</v>
      </c>
      <c r="L36790" t="s">
        <v>995</v>
      </c>
      <c r="M36790" t="s">
        <v>83</v>
      </c>
      <c r="N36790" t="s">
        <v>84</v>
      </c>
      <c r="O36790" t="s">
        <v>85</v>
      </c>
      <c r="P36790" t="s">
        <v>86</v>
      </c>
      <c r="Q36790">
        <v>3</v>
      </c>
      <c r="R36790">
        <v>3</v>
      </c>
      <c r="S36790">
        <v>3</v>
      </c>
      <c r="T36790">
        <v>3</v>
      </c>
      <c r="U36790">
        <v>3</v>
      </c>
      <c r="V36790">
        <v>3</v>
      </c>
      <c r="W36790">
        <v>3</v>
      </c>
      <c r="X36790">
        <v>3</v>
      </c>
      <c r="Y36790">
        <v>3</v>
      </c>
      <c r="Z36790">
        <v>3</v>
      </c>
      <c r="AA36790">
        <v>3</v>
      </c>
      <c r="AB36790">
        <v>3</v>
      </c>
      <c r="AC36790">
        <v>3</v>
      </c>
      <c r="AD36790">
        <v>3</v>
      </c>
      <c r="AE36790">
        <v>3</v>
      </c>
      <c r="AF36790">
        <v>3</v>
      </c>
      <c r="AG36790">
        <v>3</v>
      </c>
      <c r="AH36790">
        <v>3</v>
      </c>
      <c r="AI36790">
        <v>3</v>
      </c>
      <c r="AJ36790">
        <v>3</v>
      </c>
      <c r="AK36790">
        <v>3</v>
      </c>
      <c r="AL36790">
        <v>3</v>
      </c>
      <c r="AM36790">
        <v>3</v>
      </c>
      <c r="AN36790">
        <v>3</v>
      </c>
      <c r="AO36790">
        <v>3</v>
      </c>
      <c r="AP36790">
        <v>3</v>
      </c>
      <c r="AQ36790">
        <v>3</v>
      </c>
    </row>
    <row r="36791" spans="1:43">
      <c r="A36791" t="s">
        <v>22809</v>
      </c>
      <c r="B36791" t="s">
        <v>22810</v>
      </c>
      <c r="C36791" t="s">
        <v>22735</v>
      </c>
      <c r="D36791" t="s">
        <v>22736</v>
      </c>
      <c r="E36791" t="s">
        <v>22737</v>
      </c>
      <c r="F36791" t="s">
        <v>22738</v>
      </c>
      <c r="G36791" t="s">
        <v>11612</v>
      </c>
      <c r="H36791" t="s">
        <v>11613</v>
      </c>
      <c r="I36791" s="2">
        <v>0</v>
      </c>
      <c r="J36791" s="2">
        <v>0</v>
      </c>
      <c r="K36791" s="2">
        <v>1</v>
      </c>
      <c r="L36791" t="s">
        <v>995</v>
      </c>
      <c r="M36791" t="s">
        <v>87</v>
      </c>
      <c r="N36791" t="s">
        <v>88</v>
      </c>
      <c r="O36791" t="s">
        <v>85</v>
      </c>
      <c r="P36791" t="s">
        <v>86</v>
      </c>
      <c r="Q36791">
        <v>3</v>
      </c>
      <c r="R36791">
        <v>3</v>
      </c>
      <c r="S36791">
        <v>3</v>
      </c>
      <c r="T36791">
        <v>3</v>
      </c>
      <c r="U36791">
        <v>3</v>
      </c>
      <c r="V36791">
        <v>3</v>
      </c>
      <c r="W36791">
        <v>3</v>
      </c>
      <c r="X36791">
        <v>3</v>
      </c>
      <c r="Y36791">
        <v>3</v>
      </c>
      <c r="Z36791">
        <v>3</v>
      </c>
      <c r="AA36791">
        <v>3</v>
      </c>
      <c r="AB36791">
        <v>3</v>
      </c>
      <c r="AC36791">
        <v>3</v>
      </c>
      <c r="AD36791">
        <v>3</v>
      </c>
      <c r="AE36791">
        <v>3</v>
      </c>
      <c r="AF36791">
        <v>3</v>
      </c>
      <c r="AG36791">
        <v>3</v>
      </c>
      <c r="AH36791">
        <v>3</v>
      </c>
      <c r="AI36791">
        <v>3</v>
      </c>
      <c r="AJ36791">
        <v>3</v>
      </c>
      <c r="AK36791">
        <v>3</v>
      </c>
      <c r="AL36791">
        <v>3</v>
      </c>
      <c r="AM36791">
        <v>3</v>
      </c>
      <c r="AN36791">
        <v>3</v>
      </c>
      <c r="AO36791">
        <v>3</v>
      </c>
      <c r="AP36791">
        <v>3</v>
      </c>
      <c r="AQ36791">
        <v>3</v>
      </c>
    </row>
    <row r="36792" spans="1:43">
      <c r="A36792" t="s">
        <v>22809</v>
      </c>
      <c r="B36792" t="s">
        <v>22810</v>
      </c>
      <c r="C36792" t="s">
        <v>22735</v>
      </c>
      <c r="D36792" t="s">
        <v>22736</v>
      </c>
      <c r="E36792" t="s">
        <v>22737</v>
      </c>
      <c r="F36792" t="s">
        <v>22738</v>
      </c>
      <c r="G36792" t="s">
        <v>11612</v>
      </c>
      <c r="H36792" t="s">
        <v>11613</v>
      </c>
      <c r="I36792" s="2">
        <v>0</v>
      </c>
      <c r="J36792" s="2">
        <v>0</v>
      </c>
      <c r="K36792" s="2">
        <v>1</v>
      </c>
      <c r="L36792" t="s">
        <v>995</v>
      </c>
      <c r="M36792" t="s">
        <v>89</v>
      </c>
      <c r="N36792" t="s">
        <v>90</v>
      </c>
      <c r="O36792" t="s">
        <v>85</v>
      </c>
      <c r="P36792" t="s">
        <v>86</v>
      </c>
      <c r="Q36792">
        <v>3</v>
      </c>
      <c r="R36792">
        <v>3</v>
      </c>
      <c r="S36792">
        <v>3</v>
      </c>
      <c r="T36792">
        <v>3</v>
      </c>
      <c r="U36792">
        <v>3</v>
      </c>
      <c r="V36792">
        <v>3</v>
      </c>
      <c r="W36792">
        <v>3</v>
      </c>
      <c r="X36792">
        <v>3</v>
      </c>
      <c r="Y36792">
        <v>3</v>
      </c>
      <c r="Z36792">
        <v>3</v>
      </c>
      <c r="AA36792">
        <v>3</v>
      </c>
      <c r="AB36792">
        <v>3</v>
      </c>
      <c r="AC36792">
        <v>3</v>
      </c>
      <c r="AD36792">
        <v>3</v>
      </c>
      <c r="AE36792">
        <v>3</v>
      </c>
      <c r="AF36792">
        <v>3</v>
      </c>
      <c r="AG36792">
        <v>3</v>
      </c>
      <c r="AH36792">
        <v>3</v>
      </c>
      <c r="AI36792">
        <v>3</v>
      </c>
      <c r="AJ36792">
        <v>3</v>
      </c>
      <c r="AK36792">
        <v>3</v>
      </c>
      <c r="AL36792">
        <v>3</v>
      </c>
      <c r="AM36792">
        <v>3</v>
      </c>
      <c r="AN36792">
        <v>3</v>
      </c>
      <c r="AO36792">
        <v>3</v>
      </c>
      <c r="AP36792">
        <v>3</v>
      </c>
      <c r="AQ36792">
        <v>3</v>
      </c>
    </row>
    <row r="36793" spans="1:43">
      <c r="A36793" t="s">
        <v>22809</v>
      </c>
      <c r="B36793" t="s">
        <v>22810</v>
      </c>
      <c r="C36793" t="s">
        <v>22735</v>
      </c>
      <c r="D36793" t="s">
        <v>22736</v>
      </c>
      <c r="E36793" t="s">
        <v>22737</v>
      </c>
      <c r="F36793" t="s">
        <v>22738</v>
      </c>
      <c r="G36793" t="s">
        <v>11612</v>
      </c>
      <c r="H36793" t="s">
        <v>11613</v>
      </c>
      <c r="I36793" s="2">
        <v>0</v>
      </c>
      <c r="J36793" s="2">
        <v>0</v>
      </c>
      <c r="K36793" s="2">
        <v>1</v>
      </c>
      <c r="L36793" t="s">
        <v>995</v>
      </c>
      <c r="M36793" t="s">
        <v>83</v>
      </c>
      <c r="N36793" t="s">
        <v>91</v>
      </c>
      <c r="O36793" t="s">
        <v>85</v>
      </c>
      <c r="P36793" t="s">
        <v>86</v>
      </c>
      <c r="Q36793">
        <v>3</v>
      </c>
      <c r="R36793">
        <v>3</v>
      </c>
      <c r="S36793">
        <v>3</v>
      </c>
      <c r="T36793">
        <v>3</v>
      </c>
      <c r="U36793">
        <v>3</v>
      </c>
      <c r="V36793">
        <v>3</v>
      </c>
      <c r="W36793">
        <v>3</v>
      </c>
      <c r="X36793">
        <v>3</v>
      </c>
      <c r="Y36793">
        <v>3</v>
      </c>
      <c r="Z36793">
        <v>3</v>
      </c>
      <c r="AA36793">
        <v>3</v>
      </c>
      <c r="AB36793">
        <v>3</v>
      </c>
      <c r="AC36793">
        <v>3</v>
      </c>
      <c r="AD36793">
        <v>3</v>
      </c>
      <c r="AE36793">
        <v>3</v>
      </c>
      <c r="AF36793">
        <v>3</v>
      </c>
      <c r="AG36793">
        <v>3</v>
      </c>
      <c r="AH36793">
        <v>3</v>
      </c>
      <c r="AI36793">
        <v>3</v>
      </c>
      <c r="AJ36793">
        <v>3</v>
      </c>
      <c r="AK36793">
        <v>3</v>
      </c>
      <c r="AL36793">
        <v>3</v>
      </c>
      <c r="AM36793">
        <v>3</v>
      </c>
      <c r="AN36793">
        <v>3</v>
      </c>
      <c r="AO36793">
        <v>3</v>
      </c>
      <c r="AP36793">
        <v>3</v>
      </c>
      <c r="AQ36793">
        <v>3</v>
      </c>
    </row>
    <row r="36794" spans="1:43">
      <c r="A36794" t="s">
        <v>22811</v>
      </c>
      <c r="B36794" t="s">
        <v>22812</v>
      </c>
      <c r="C36794" t="s">
        <v>22735</v>
      </c>
      <c r="D36794" t="s">
        <v>22736</v>
      </c>
      <c r="E36794" t="s">
        <v>22737</v>
      </c>
      <c r="F36794" t="s">
        <v>22738</v>
      </c>
      <c r="G36794" t="s">
        <v>11612</v>
      </c>
      <c r="H36794" t="s">
        <v>11613</v>
      </c>
      <c r="I36794" s="2">
        <v>0</v>
      </c>
      <c r="J36794" s="2">
        <v>0</v>
      </c>
      <c r="K36794" s="2">
        <v>1</v>
      </c>
      <c r="L36794" t="s">
        <v>995</v>
      </c>
      <c r="M36794" t="s">
        <v>83</v>
      </c>
      <c r="N36794" t="s">
        <v>84</v>
      </c>
      <c r="O36794" t="s">
        <v>85</v>
      </c>
      <c r="P36794" t="s">
        <v>86</v>
      </c>
      <c r="Q36794">
        <v>10</v>
      </c>
      <c r="R36794">
        <v>10</v>
      </c>
      <c r="S36794">
        <v>10</v>
      </c>
      <c r="T36794">
        <v>10</v>
      </c>
      <c r="U36794">
        <v>10</v>
      </c>
      <c r="V36794">
        <v>10</v>
      </c>
      <c r="W36794">
        <v>10</v>
      </c>
      <c r="X36794">
        <v>11</v>
      </c>
      <c r="Y36794">
        <v>11</v>
      </c>
      <c r="Z36794">
        <v>11</v>
      </c>
      <c r="AA36794">
        <v>11</v>
      </c>
      <c r="AB36794">
        <v>11</v>
      </c>
      <c r="AC36794">
        <v>11</v>
      </c>
      <c r="AD36794">
        <v>11</v>
      </c>
      <c r="AE36794">
        <v>11</v>
      </c>
      <c r="AF36794">
        <v>11</v>
      </c>
      <c r="AG36794">
        <v>11</v>
      </c>
      <c r="AH36794">
        <v>11</v>
      </c>
      <c r="AI36794">
        <v>11</v>
      </c>
      <c r="AJ36794">
        <v>11</v>
      </c>
      <c r="AK36794">
        <v>11</v>
      </c>
      <c r="AL36794">
        <v>11</v>
      </c>
      <c r="AM36794">
        <v>11</v>
      </c>
      <c r="AN36794">
        <v>11</v>
      </c>
      <c r="AO36794">
        <v>11</v>
      </c>
      <c r="AP36794">
        <v>11</v>
      </c>
      <c r="AQ36794">
        <v>11</v>
      </c>
    </row>
    <row r="36795" spans="1:43">
      <c r="A36795" t="s">
        <v>22811</v>
      </c>
      <c r="B36795" t="s">
        <v>22812</v>
      </c>
      <c r="C36795" t="s">
        <v>22735</v>
      </c>
      <c r="D36795" t="s">
        <v>22736</v>
      </c>
      <c r="E36795" t="s">
        <v>22737</v>
      </c>
      <c r="F36795" t="s">
        <v>22738</v>
      </c>
      <c r="G36795" t="s">
        <v>11612</v>
      </c>
      <c r="H36795" t="s">
        <v>11613</v>
      </c>
      <c r="I36795" s="2">
        <v>0</v>
      </c>
      <c r="J36795" s="2">
        <v>0</v>
      </c>
      <c r="K36795" s="2">
        <v>1</v>
      </c>
      <c r="L36795" t="s">
        <v>995</v>
      </c>
      <c r="M36795" t="s">
        <v>87</v>
      </c>
      <c r="N36795" t="s">
        <v>88</v>
      </c>
      <c r="O36795" t="s">
        <v>85</v>
      </c>
      <c r="P36795" t="s">
        <v>86</v>
      </c>
      <c r="Q36795">
        <v>10</v>
      </c>
      <c r="R36795">
        <v>10</v>
      </c>
      <c r="S36795">
        <v>10</v>
      </c>
      <c r="T36795">
        <v>10</v>
      </c>
      <c r="U36795">
        <v>10</v>
      </c>
      <c r="V36795">
        <v>10</v>
      </c>
      <c r="W36795">
        <v>10</v>
      </c>
      <c r="X36795">
        <v>10</v>
      </c>
      <c r="Y36795">
        <v>10</v>
      </c>
      <c r="Z36795">
        <v>10</v>
      </c>
      <c r="AA36795">
        <v>10</v>
      </c>
      <c r="AB36795">
        <v>10</v>
      </c>
      <c r="AC36795">
        <v>10</v>
      </c>
      <c r="AD36795">
        <v>10</v>
      </c>
      <c r="AE36795">
        <v>10</v>
      </c>
      <c r="AF36795">
        <v>10</v>
      </c>
      <c r="AG36795">
        <v>10</v>
      </c>
      <c r="AH36795">
        <v>10</v>
      </c>
      <c r="AI36795">
        <v>10</v>
      </c>
      <c r="AJ36795">
        <v>10</v>
      </c>
      <c r="AK36795">
        <v>10</v>
      </c>
      <c r="AL36795">
        <v>10</v>
      </c>
      <c r="AM36795">
        <v>9</v>
      </c>
      <c r="AN36795">
        <v>9</v>
      </c>
      <c r="AO36795">
        <v>9</v>
      </c>
      <c r="AP36795">
        <v>9</v>
      </c>
      <c r="AQ36795">
        <v>9</v>
      </c>
    </row>
    <row r="36796" spans="1:43">
      <c r="A36796" t="s">
        <v>22811</v>
      </c>
      <c r="B36796" t="s">
        <v>22812</v>
      </c>
      <c r="C36796" t="s">
        <v>22735</v>
      </c>
      <c r="D36796" t="s">
        <v>22736</v>
      </c>
      <c r="E36796" t="s">
        <v>22737</v>
      </c>
      <c r="F36796" t="s">
        <v>22738</v>
      </c>
      <c r="G36796" t="s">
        <v>11612</v>
      </c>
      <c r="H36796" t="s">
        <v>11613</v>
      </c>
      <c r="I36796" s="2">
        <v>0</v>
      </c>
      <c r="J36796" s="2">
        <v>0</v>
      </c>
      <c r="K36796" s="2">
        <v>1</v>
      </c>
      <c r="L36796" t="s">
        <v>995</v>
      </c>
      <c r="M36796" t="s">
        <v>89</v>
      </c>
      <c r="N36796" t="s">
        <v>90</v>
      </c>
      <c r="O36796" t="s">
        <v>85</v>
      </c>
      <c r="P36796" t="s">
        <v>86</v>
      </c>
      <c r="Q36796">
        <v>10</v>
      </c>
      <c r="R36796">
        <v>10</v>
      </c>
      <c r="S36796">
        <v>10</v>
      </c>
      <c r="T36796">
        <v>11</v>
      </c>
      <c r="U36796">
        <v>11</v>
      </c>
      <c r="V36796">
        <v>11</v>
      </c>
      <c r="W36796">
        <v>11</v>
      </c>
      <c r="X36796">
        <v>11</v>
      </c>
      <c r="Y36796">
        <v>11</v>
      </c>
      <c r="Z36796">
        <v>11</v>
      </c>
      <c r="AA36796">
        <v>11</v>
      </c>
      <c r="AB36796">
        <v>11</v>
      </c>
      <c r="AC36796">
        <v>12</v>
      </c>
      <c r="AD36796">
        <v>12</v>
      </c>
      <c r="AE36796">
        <v>12</v>
      </c>
      <c r="AF36796">
        <v>12</v>
      </c>
      <c r="AG36796">
        <v>12</v>
      </c>
      <c r="AH36796">
        <v>12</v>
      </c>
      <c r="AI36796">
        <v>11</v>
      </c>
      <c r="AJ36796">
        <v>11</v>
      </c>
      <c r="AK36796">
        <v>11</v>
      </c>
      <c r="AL36796">
        <v>11</v>
      </c>
      <c r="AM36796">
        <v>11</v>
      </c>
      <c r="AN36796">
        <v>11</v>
      </c>
      <c r="AO36796">
        <v>11</v>
      </c>
      <c r="AP36796">
        <v>11</v>
      </c>
      <c r="AQ36796">
        <v>11</v>
      </c>
    </row>
    <row r="36797" spans="1:43">
      <c r="A36797" t="s">
        <v>22811</v>
      </c>
      <c r="B36797" t="s">
        <v>22812</v>
      </c>
      <c r="C36797" t="s">
        <v>22735</v>
      </c>
      <c r="D36797" t="s">
        <v>22736</v>
      </c>
      <c r="E36797" t="s">
        <v>22737</v>
      </c>
      <c r="F36797" t="s">
        <v>22738</v>
      </c>
      <c r="G36797" t="s">
        <v>11612</v>
      </c>
      <c r="H36797" t="s">
        <v>11613</v>
      </c>
      <c r="I36797" s="2">
        <v>0</v>
      </c>
      <c r="J36797" s="2">
        <v>0</v>
      </c>
      <c r="K36797" s="2">
        <v>1</v>
      </c>
      <c r="L36797" t="s">
        <v>995</v>
      </c>
      <c r="M36797" t="s">
        <v>83</v>
      </c>
      <c r="N36797" t="s">
        <v>91</v>
      </c>
      <c r="O36797" t="s">
        <v>85</v>
      </c>
      <c r="P36797" t="s">
        <v>86</v>
      </c>
      <c r="Q36797">
        <v>10</v>
      </c>
      <c r="R36797">
        <v>10</v>
      </c>
      <c r="S36797">
        <v>10</v>
      </c>
      <c r="T36797">
        <v>10</v>
      </c>
      <c r="U36797">
        <v>10</v>
      </c>
      <c r="V36797">
        <v>10</v>
      </c>
      <c r="W36797">
        <v>10</v>
      </c>
      <c r="X36797">
        <v>11</v>
      </c>
      <c r="Y36797">
        <v>11</v>
      </c>
      <c r="Z36797">
        <v>11</v>
      </c>
      <c r="AA36797">
        <v>11</v>
      </c>
      <c r="AB36797">
        <v>11</v>
      </c>
      <c r="AC36797">
        <v>11</v>
      </c>
      <c r="AD36797">
        <v>11</v>
      </c>
      <c r="AE36797">
        <v>11</v>
      </c>
      <c r="AF36797">
        <v>11</v>
      </c>
      <c r="AG36797">
        <v>11</v>
      </c>
      <c r="AH36797">
        <v>11</v>
      </c>
      <c r="AI36797">
        <v>11</v>
      </c>
      <c r="AJ36797">
        <v>11</v>
      </c>
      <c r="AK36797">
        <v>11</v>
      </c>
      <c r="AL36797">
        <v>11</v>
      </c>
      <c r="AM36797">
        <v>11</v>
      </c>
      <c r="AN36797">
        <v>11</v>
      </c>
      <c r="AO36797">
        <v>11</v>
      </c>
      <c r="AP36797">
        <v>11</v>
      </c>
      <c r="AQ36797">
        <v>11</v>
      </c>
    </row>
    <row r="36798" spans="1:43">
      <c r="A36798" t="s">
        <v>22813</v>
      </c>
      <c r="B36798" t="s">
        <v>22814</v>
      </c>
      <c r="C36798" t="s">
        <v>22761</v>
      </c>
      <c r="D36798" t="s">
        <v>22762</v>
      </c>
      <c r="E36798" t="s">
        <v>22737</v>
      </c>
      <c r="F36798" t="s">
        <v>22738</v>
      </c>
      <c r="G36798" t="s">
        <v>11612</v>
      </c>
      <c r="H36798" t="s">
        <v>11613</v>
      </c>
      <c r="I36798" s="2">
        <v>0</v>
      </c>
      <c r="J36798" s="2">
        <v>0</v>
      </c>
      <c r="K36798" s="2">
        <v>1</v>
      </c>
      <c r="L36798" t="s">
        <v>995</v>
      </c>
      <c r="M36798" t="s">
        <v>83</v>
      </c>
      <c r="N36798" t="s">
        <v>84</v>
      </c>
      <c r="O36798" t="s">
        <v>85</v>
      </c>
      <c r="P36798" t="s">
        <v>86</v>
      </c>
      <c r="Q36798">
        <v>37</v>
      </c>
      <c r="R36798">
        <v>37</v>
      </c>
      <c r="S36798">
        <v>37</v>
      </c>
      <c r="T36798">
        <v>38</v>
      </c>
      <c r="U36798">
        <v>38</v>
      </c>
      <c r="V36798">
        <v>38</v>
      </c>
      <c r="W36798">
        <v>39</v>
      </c>
      <c r="X36798">
        <v>39</v>
      </c>
      <c r="Y36798">
        <v>39</v>
      </c>
      <c r="Z36798">
        <v>39</v>
      </c>
      <c r="AA36798">
        <v>40</v>
      </c>
      <c r="AB36798">
        <v>40</v>
      </c>
      <c r="AC36798">
        <v>40</v>
      </c>
      <c r="AD36798">
        <v>40</v>
      </c>
      <c r="AE36798">
        <v>41</v>
      </c>
      <c r="AF36798">
        <v>41</v>
      </c>
      <c r="AG36798">
        <v>41</v>
      </c>
      <c r="AH36798">
        <v>41</v>
      </c>
      <c r="AI36798">
        <v>41</v>
      </c>
      <c r="AJ36798">
        <v>41</v>
      </c>
      <c r="AK36798">
        <v>42</v>
      </c>
      <c r="AL36798">
        <v>41</v>
      </c>
      <c r="AM36798">
        <v>41</v>
      </c>
      <c r="AN36798">
        <v>41</v>
      </c>
      <c r="AO36798">
        <v>41</v>
      </c>
      <c r="AP36798">
        <v>41</v>
      </c>
      <c r="AQ36798">
        <v>40</v>
      </c>
    </row>
    <row r="36799" spans="1:43">
      <c r="A36799" t="s">
        <v>22813</v>
      </c>
      <c r="B36799" t="s">
        <v>22814</v>
      </c>
      <c r="C36799" t="s">
        <v>22761</v>
      </c>
      <c r="D36799" t="s">
        <v>22762</v>
      </c>
      <c r="E36799" t="s">
        <v>22737</v>
      </c>
      <c r="F36799" t="s">
        <v>22738</v>
      </c>
      <c r="G36799" t="s">
        <v>11612</v>
      </c>
      <c r="H36799" t="s">
        <v>11613</v>
      </c>
      <c r="I36799" s="2">
        <v>0</v>
      </c>
      <c r="J36799" s="2">
        <v>0</v>
      </c>
      <c r="K36799" s="2">
        <v>1</v>
      </c>
      <c r="L36799" t="s">
        <v>995</v>
      </c>
      <c r="M36799" t="s">
        <v>87</v>
      </c>
      <c r="N36799" t="s">
        <v>88</v>
      </c>
      <c r="O36799" t="s">
        <v>85</v>
      </c>
      <c r="P36799" t="s">
        <v>86</v>
      </c>
      <c r="Q36799">
        <v>37</v>
      </c>
      <c r="R36799">
        <v>37</v>
      </c>
      <c r="S36799">
        <v>36</v>
      </c>
      <c r="T36799">
        <v>36</v>
      </c>
      <c r="U36799">
        <v>36</v>
      </c>
      <c r="V36799">
        <v>36</v>
      </c>
      <c r="W36799">
        <v>36</v>
      </c>
      <c r="X36799">
        <v>36</v>
      </c>
      <c r="Y36799">
        <v>36</v>
      </c>
      <c r="Z36799">
        <v>36</v>
      </c>
      <c r="AA36799">
        <v>36</v>
      </c>
      <c r="AB36799">
        <v>36</v>
      </c>
      <c r="AC36799">
        <v>36</v>
      </c>
      <c r="AD36799">
        <v>36</v>
      </c>
      <c r="AE36799">
        <v>36</v>
      </c>
      <c r="AF36799">
        <v>36</v>
      </c>
      <c r="AG36799">
        <v>36</v>
      </c>
      <c r="AH36799">
        <v>36</v>
      </c>
      <c r="AI36799">
        <v>36</v>
      </c>
      <c r="AJ36799">
        <v>36</v>
      </c>
      <c r="AK36799">
        <v>36</v>
      </c>
      <c r="AL36799">
        <v>36</v>
      </c>
      <c r="AM36799">
        <v>35</v>
      </c>
      <c r="AN36799">
        <v>35</v>
      </c>
      <c r="AO36799">
        <v>35</v>
      </c>
      <c r="AP36799">
        <v>35</v>
      </c>
      <c r="AQ36799">
        <v>35</v>
      </c>
    </row>
    <row r="36800" spans="1:43">
      <c r="A36800" t="s">
        <v>22813</v>
      </c>
      <c r="B36800" t="s">
        <v>22814</v>
      </c>
      <c r="C36800" t="s">
        <v>22761</v>
      </c>
      <c r="D36800" t="s">
        <v>22762</v>
      </c>
      <c r="E36800" t="s">
        <v>22737</v>
      </c>
      <c r="F36800" t="s">
        <v>22738</v>
      </c>
      <c r="G36800" t="s">
        <v>11612</v>
      </c>
      <c r="H36800" t="s">
        <v>11613</v>
      </c>
      <c r="I36800" s="2">
        <v>0</v>
      </c>
      <c r="J36800" s="2">
        <v>0</v>
      </c>
      <c r="K36800" s="2">
        <v>1</v>
      </c>
      <c r="L36800" t="s">
        <v>995</v>
      </c>
      <c r="M36800" t="s">
        <v>89</v>
      </c>
      <c r="N36800" t="s">
        <v>90</v>
      </c>
      <c r="O36800" t="s">
        <v>85</v>
      </c>
      <c r="P36800" t="s">
        <v>86</v>
      </c>
      <c r="Q36800">
        <v>37</v>
      </c>
      <c r="R36800">
        <v>38</v>
      </c>
      <c r="S36800">
        <v>38</v>
      </c>
      <c r="T36800">
        <v>39</v>
      </c>
      <c r="U36800">
        <v>40</v>
      </c>
      <c r="V36800">
        <v>40</v>
      </c>
      <c r="W36800">
        <v>41</v>
      </c>
      <c r="X36800">
        <v>41</v>
      </c>
      <c r="Y36800">
        <v>42</v>
      </c>
      <c r="Z36800">
        <v>42</v>
      </c>
      <c r="AA36800">
        <v>42</v>
      </c>
      <c r="AB36800">
        <v>43</v>
      </c>
      <c r="AC36800">
        <v>43</v>
      </c>
      <c r="AD36800">
        <v>43</v>
      </c>
      <c r="AE36800">
        <v>43</v>
      </c>
      <c r="AF36800">
        <v>43</v>
      </c>
      <c r="AG36800">
        <v>43</v>
      </c>
      <c r="AH36800">
        <v>43</v>
      </c>
      <c r="AI36800">
        <v>43</v>
      </c>
      <c r="AJ36800">
        <v>42</v>
      </c>
      <c r="AK36800">
        <v>42</v>
      </c>
      <c r="AL36800">
        <v>42</v>
      </c>
      <c r="AM36800">
        <v>42</v>
      </c>
      <c r="AN36800">
        <v>41</v>
      </c>
      <c r="AO36800">
        <v>41</v>
      </c>
      <c r="AP36800">
        <v>41</v>
      </c>
      <c r="AQ36800">
        <v>41</v>
      </c>
    </row>
    <row r="36801" spans="1:43">
      <c r="A36801" t="s">
        <v>22813</v>
      </c>
      <c r="B36801" t="s">
        <v>22814</v>
      </c>
      <c r="C36801" t="s">
        <v>22761</v>
      </c>
      <c r="D36801" t="s">
        <v>22762</v>
      </c>
      <c r="E36801" t="s">
        <v>22737</v>
      </c>
      <c r="F36801" t="s">
        <v>22738</v>
      </c>
      <c r="G36801" t="s">
        <v>11612</v>
      </c>
      <c r="H36801" t="s">
        <v>11613</v>
      </c>
      <c r="I36801" s="2">
        <v>0</v>
      </c>
      <c r="J36801" s="2">
        <v>0</v>
      </c>
      <c r="K36801" s="2">
        <v>1</v>
      </c>
      <c r="L36801" t="s">
        <v>995</v>
      </c>
      <c r="M36801" t="s">
        <v>83</v>
      </c>
      <c r="N36801" t="s">
        <v>91</v>
      </c>
      <c r="O36801" t="s">
        <v>85</v>
      </c>
      <c r="P36801" t="s">
        <v>86</v>
      </c>
      <c r="Q36801">
        <v>37</v>
      </c>
      <c r="R36801">
        <v>37</v>
      </c>
      <c r="S36801">
        <v>37</v>
      </c>
      <c r="T36801">
        <v>38</v>
      </c>
      <c r="U36801">
        <v>38</v>
      </c>
      <c r="V36801">
        <v>38</v>
      </c>
      <c r="W36801">
        <v>39</v>
      </c>
      <c r="X36801">
        <v>39</v>
      </c>
      <c r="Y36801">
        <v>39</v>
      </c>
      <c r="Z36801">
        <v>39</v>
      </c>
      <c r="AA36801">
        <v>40</v>
      </c>
      <c r="AB36801">
        <v>40</v>
      </c>
      <c r="AC36801">
        <v>40</v>
      </c>
      <c r="AD36801">
        <v>40</v>
      </c>
      <c r="AE36801">
        <v>41</v>
      </c>
      <c r="AF36801">
        <v>41</v>
      </c>
      <c r="AG36801">
        <v>41</v>
      </c>
      <c r="AH36801">
        <v>41</v>
      </c>
      <c r="AI36801">
        <v>41</v>
      </c>
      <c r="AJ36801">
        <v>41</v>
      </c>
      <c r="AK36801">
        <v>42</v>
      </c>
      <c r="AL36801">
        <v>41</v>
      </c>
      <c r="AM36801">
        <v>41</v>
      </c>
      <c r="AN36801">
        <v>41</v>
      </c>
      <c r="AO36801">
        <v>41</v>
      </c>
      <c r="AP36801">
        <v>41</v>
      </c>
      <c r="AQ36801">
        <v>40</v>
      </c>
    </row>
    <row r="36802" spans="1:43">
      <c r="A36802" t="s">
        <v>22815</v>
      </c>
      <c r="B36802" t="s">
        <v>22816</v>
      </c>
      <c r="C36802" t="s">
        <v>22761</v>
      </c>
      <c r="D36802" t="s">
        <v>22762</v>
      </c>
      <c r="E36802" t="s">
        <v>22737</v>
      </c>
      <c r="F36802" t="s">
        <v>22738</v>
      </c>
      <c r="G36802" t="s">
        <v>11612</v>
      </c>
      <c r="H36802" t="s">
        <v>11613</v>
      </c>
      <c r="I36802" s="2">
        <v>0</v>
      </c>
      <c r="J36802" s="2">
        <v>0</v>
      </c>
      <c r="K36802" s="2">
        <v>1</v>
      </c>
      <c r="L36802" t="s">
        <v>995</v>
      </c>
      <c r="M36802" t="s">
        <v>83</v>
      </c>
      <c r="N36802" t="s">
        <v>84</v>
      </c>
      <c r="O36802" t="s">
        <v>85</v>
      </c>
      <c r="P36802" t="s">
        <v>86</v>
      </c>
      <c r="Q36802">
        <v>53</v>
      </c>
      <c r="R36802">
        <v>53</v>
      </c>
      <c r="S36802">
        <v>54</v>
      </c>
      <c r="T36802">
        <v>54</v>
      </c>
      <c r="U36802">
        <v>55</v>
      </c>
      <c r="V36802">
        <v>55</v>
      </c>
      <c r="W36802">
        <v>56</v>
      </c>
      <c r="X36802">
        <v>56</v>
      </c>
      <c r="Y36802">
        <v>56</v>
      </c>
      <c r="Z36802">
        <v>57</v>
      </c>
      <c r="AA36802">
        <v>57</v>
      </c>
      <c r="AB36802">
        <v>57</v>
      </c>
      <c r="AC36802">
        <v>58</v>
      </c>
      <c r="AD36802">
        <v>58</v>
      </c>
      <c r="AE36802">
        <v>58</v>
      </c>
      <c r="AF36802">
        <v>59</v>
      </c>
      <c r="AG36802">
        <v>59</v>
      </c>
      <c r="AH36802">
        <v>59</v>
      </c>
      <c r="AI36802">
        <v>59</v>
      </c>
      <c r="AJ36802">
        <v>60</v>
      </c>
      <c r="AK36802">
        <v>60</v>
      </c>
      <c r="AL36802">
        <v>60</v>
      </c>
      <c r="AM36802">
        <v>59</v>
      </c>
      <c r="AN36802">
        <v>59</v>
      </c>
      <c r="AO36802">
        <v>59</v>
      </c>
      <c r="AP36802">
        <v>59</v>
      </c>
      <c r="AQ36802">
        <v>58</v>
      </c>
    </row>
    <row r="36803" spans="1:43">
      <c r="A36803" t="s">
        <v>22815</v>
      </c>
      <c r="B36803" t="s">
        <v>22816</v>
      </c>
      <c r="C36803" t="s">
        <v>22761</v>
      </c>
      <c r="D36803" t="s">
        <v>22762</v>
      </c>
      <c r="E36803" t="s">
        <v>22737</v>
      </c>
      <c r="F36803" t="s">
        <v>22738</v>
      </c>
      <c r="G36803" t="s">
        <v>11612</v>
      </c>
      <c r="H36803" t="s">
        <v>11613</v>
      </c>
      <c r="I36803" s="2">
        <v>0</v>
      </c>
      <c r="J36803" s="2">
        <v>0</v>
      </c>
      <c r="K36803" s="2">
        <v>1</v>
      </c>
      <c r="L36803" t="s">
        <v>995</v>
      </c>
      <c r="M36803" t="s">
        <v>87</v>
      </c>
      <c r="N36803" t="s">
        <v>88</v>
      </c>
      <c r="O36803" t="s">
        <v>85</v>
      </c>
      <c r="P36803" t="s">
        <v>86</v>
      </c>
      <c r="Q36803">
        <v>53</v>
      </c>
      <c r="R36803">
        <v>53</v>
      </c>
      <c r="S36803">
        <v>53</v>
      </c>
      <c r="T36803">
        <v>53</v>
      </c>
      <c r="U36803">
        <v>53</v>
      </c>
      <c r="V36803">
        <v>53</v>
      </c>
      <c r="W36803">
        <v>53</v>
      </c>
      <c r="X36803">
        <v>53</v>
      </c>
      <c r="Y36803">
        <v>53</v>
      </c>
      <c r="Z36803">
        <v>53</v>
      </c>
      <c r="AA36803">
        <v>53</v>
      </c>
      <c r="AB36803">
        <v>53</v>
      </c>
      <c r="AC36803">
        <v>53</v>
      </c>
      <c r="AD36803">
        <v>53</v>
      </c>
      <c r="AE36803">
        <v>53</v>
      </c>
      <c r="AF36803">
        <v>53</v>
      </c>
      <c r="AG36803">
        <v>53</v>
      </c>
      <c r="AH36803">
        <v>52</v>
      </c>
      <c r="AI36803">
        <v>52</v>
      </c>
      <c r="AJ36803">
        <v>52</v>
      </c>
      <c r="AK36803">
        <v>52</v>
      </c>
      <c r="AL36803">
        <v>52</v>
      </c>
      <c r="AM36803">
        <v>52</v>
      </c>
      <c r="AN36803">
        <v>52</v>
      </c>
      <c r="AO36803">
        <v>52</v>
      </c>
      <c r="AP36803">
        <v>52</v>
      </c>
      <c r="AQ36803">
        <v>52</v>
      </c>
    </row>
    <row r="36804" spans="1:43">
      <c r="A36804" t="s">
        <v>22815</v>
      </c>
      <c r="B36804" t="s">
        <v>22816</v>
      </c>
      <c r="C36804" t="s">
        <v>22761</v>
      </c>
      <c r="D36804" t="s">
        <v>22762</v>
      </c>
      <c r="E36804" t="s">
        <v>22737</v>
      </c>
      <c r="F36804" t="s">
        <v>22738</v>
      </c>
      <c r="G36804" t="s">
        <v>11612</v>
      </c>
      <c r="H36804" t="s">
        <v>11613</v>
      </c>
      <c r="I36804" s="2">
        <v>0</v>
      </c>
      <c r="J36804" s="2">
        <v>0</v>
      </c>
      <c r="K36804" s="2">
        <v>1</v>
      </c>
      <c r="L36804" t="s">
        <v>995</v>
      </c>
      <c r="M36804" t="s">
        <v>89</v>
      </c>
      <c r="N36804" t="s">
        <v>90</v>
      </c>
      <c r="O36804" t="s">
        <v>85</v>
      </c>
      <c r="P36804" t="s">
        <v>86</v>
      </c>
      <c r="Q36804">
        <v>53</v>
      </c>
      <c r="R36804">
        <v>54</v>
      </c>
      <c r="S36804">
        <v>55</v>
      </c>
      <c r="T36804">
        <v>56</v>
      </c>
      <c r="U36804">
        <v>57</v>
      </c>
      <c r="V36804">
        <v>58</v>
      </c>
      <c r="W36804">
        <v>58</v>
      </c>
      <c r="X36804">
        <v>59</v>
      </c>
      <c r="Y36804">
        <v>60</v>
      </c>
      <c r="Z36804">
        <v>60</v>
      </c>
      <c r="AA36804">
        <v>61</v>
      </c>
      <c r="AB36804">
        <v>61</v>
      </c>
      <c r="AC36804">
        <v>62</v>
      </c>
      <c r="AD36804">
        <v>62</v>
      </c>
      <c r="AE36804">
        <v>62</v>
      </c>
      <c r="AF36804">
        <v>62</v>
      </c>
      <c r="AG36804">
        <v>62</v>
      </c>
      <c r="AH36804">
        <v>62</v>
      </c>
      <c r="AI36804">
        <v>61</v>
      </c>
      <c r="AJ36804">
        <v>61</v>
      </c>
      <c r="AK36804">
        <v>61</v>
      </c>
      <c r="AL36804">
        <v>60</v>
      </c>
      <c r="AM36804">
        <v>60</v>
      </c>
      <c r="AN36804">
        <v>60</v>
      </c>
      <c r="AO36804">
        <v>60</v>
      </c>
      <c r="AP36804">
        <v>59</v>
      </c>
      <c r="AQ36804">
        <v>59</v>
      </c>
    </row>
    <row r="36805" spans="1:43">
      <c r="A36805" t="s">
        <v>22815</v>
      </c>
      <c r="B36805" t="s">
        <v>22816</v>
      </c>
      <c r="C36805" t="s">
        <v>22761</v>
      </c>
      <c r="D36805" t="s">
        <v>22762</v>
      </c>
      <c r="E36805" t="s">
        <v>22737</v>
      </c>
      <c r="F36805" t="s">
        <v>22738</v>
      </c>
      <c r="G36805" t="s">
        <v>11612</v>
      </c>
      <c r="H36805" t="s">
        <v>11613</v>
      </c>
      <c r="I36805" s="2">
        <v>0</v>
      </c>
      <c r="J36805" s="2">
        <v>0</v>
      </c>
      <c r="K36805" s="2">
        <v>1</v>
      </c>
      <c r="L36805" t="s">
        <v>995</v>
      </c>
      <c r="M36805" t="s">
        <v>83</v>
      </c>
      <c r="N36805" t="s">
        <v>91</v>
      </c>
      <c r="O36805" t="s">
        <v>85</v>
      </c>
      <c r="P36805" t="s">
        <v>86</v>
      </c>
      <c r="Q36805">
        <v>53</v>
      </c>
      <c r="R36805">
        <v>53</v>
      </c>
      <c r="S36805">
        <v>54</v>
      </c>
      <c r="T36805">
        <v>54</v>
      </c>
      <c r="U36805">
        <v>55</v>
      </c>
      <c r="V36805">
        <v>55</v>
      </c>
      <c r="W36805">
        <v>56</v>
      </c>
      <c r="X36805">
        <v>56</v>
      </c>
      <c r="Y36805">
        <v>56</v>
      </c>
      <c r="Z36805">
        <v>57</v>
      </c>
      <c r="AA36805">
        <v>57</v>
      </c>
      <c r="AB36805">
        <v>57</v>
      </c>
      <c r="AC36805">
        <v>58</v>
      </c>
      <c r="AD36805">
        <v>58</v>
      </c>
      <c r="AE36805">
        <v>58</v>
      </c>
      <c r="AF36805">
        <v>59</v>
      </c>
      <c r="AG36805">
        <v>59</v>
      </c>
      <c r="AH36805">
        <v>59</v>
      </c>
      <c r="AI36805">
        <v>59</v>
      </c>
      <c r="AJ36805">
        <v>60</v>
      </c>
      <c r="AK36805">
        <v>60</v>
      </c>
      <c r="AL36805">
        <v>60</v>
      </c>
      <c r="AM36805">
        <v>59</v>
      </c>
      <c r="AN36805">
        <v>59</v>
      </c>
      <c r="AO36805">
        <v>59</v>
      </c>
      <c r="AP36805">
        <v>59</v>
      </c>
      <c r="AQ36805">
        <v>58</v>
      </c>
    </row>
    <row r="36806" spans="1:43">
      <c r="A36806" t="s">
        <v>22817</v>
      </c>
      <c r="B36806" t="s">
        <v>22818</v>
      </c>
      <c r="C36806" t="s">
        <v>22749</v>
      </c>
      <c r="D36806" t="s">
        <v>22750</v>
      </c>
      <c r="E36806" t="s">
        <v>22737</v>
      </c>
      <c r="F36806" t="s">
        <v>22738</v>
      </c>
      <c r="G36806" t="s">
        <v>11612</v>
      </c>
      <c r="H36806" t="s">
        <v>11613</v>
      </c>
      <c r="I36806" s="2">
        <v>0</v>
      </c>
      <c r="J36806" s="2">
        <v>0</v>
      </c>
      <c r="K36806" s="2">
        <v>1</v>
      </c>
      <c r="L36806" t="s">
        <v>995</v>
      </c>
      <c r="M36806" t="s">
        <v>83</v>
      </c>
      <c r="N36806" t="s">
        <v>84</v>
      </c>
      <c r="O36806" t="s">
        <v>85</v>
      </c>
      <c r="P36806" t="s">
        <v>86</v>
      </c>
      <c r="Q36806">
        <v>100</v>
      </c>
      <c r="R36806">
        <v>101</v>
      </c>
      <c r="S36806">
        <v>102</v>
      </c>
      <c r="T36806">
        <v>103</v>
      </c>
      <c r="U36806">
        <v>104</v>
      </c>
      <c r="V36806">
        <v>105</v>
      </c>
      <c r="W36806">
        <v>106</v>
      </c>
      <c r="X36806">
        <v>107</v>
      </c>
      <c r="Y36806">
        <v>107</v>
      </c>
      <c r="Z36806">
        <v>108</v>
      </c>
      <c r="AA36806">
        <v>109</v>
      </c>
      <c r="AB36806">
        <v>110</v>
      </c>
      <c r="AC36806">
        <v>110</v>
      </c>
      <c r="AD36806">
        <v>111</v>
      </c>
      <c r="AE36806">
        <v>111</v>
      </c>
      <c r="AF36806">
        <v>112</v>
      </c>
      <c r="AG36806">
        <v>112</v>
      </c>
      <c r="AH36806">
        <v>113</v>
      </c>
      <c r="AI36806">
        <v>113</v>
      </c>
      <c r="AJ36806">
        <v>114</v>
      </c>
      <c r="AK36806">
        <v>114</v>
      </c>
      <c r="AL36806">
        <v>114</v>
      </c>
      <c r="AM36806">
        <v>114</v>
      </c>
      <c r="AN36806">
        <v>113</v>
      </c>
      <c r="AO36806">
        <v>113</v>
      </c>
      <c r="AP36806">
        <v>112</v>
      </c>
      <c r="AQ36806">
        <v>112</v>
      </c>
    </row>
    <row r="36807" spans="1:43">
      <c r="A36807" t="s">
        <v>22817</v>
      </c>
      <c r="B36807" t="s">
        <v>22818</v>
      </c>
      <c r="C36807" t="s">
        <v>22749</v>
      </c>
      <c r="D36807" t="s">
        <v>22750</v>
      </c>
      <c r="E36807" t="s">
        <v>22737</v>
      </c>
      <c r="F36807" t="s">
        <v>22738</v>
      </c>
      <c r="G36807" t="s">
        <v>11612</v>
      </c>
      <c r="H36807" t="s">
        <v>11613</v>
      </c>
      <c r="I36807" s="2">
        <v>0</v>
      </c>
      <c r="J36807" s="2">
        <v>0</v>
      </c>
      <c r="K36807" s="2">
        <v>1</v>
      </c>
      <c r="L36807" t="s">
        <v>995</v>
      </c>
      <c r="M36807" t="s">
        <v>87</v>
      </c>
      <c r="N36807" t="s">
        <v>88</v>
      </c>
      <c r="O36807" t="s">
        <v>85</v>
      </c>
      <c r="P36807" t="s">
        <v>86</v>
      </c>
      <c r="Q36807">
        <v>100</v>
      </c>
      <c r="R36807">
        <v>100</v>
      </c>
      <c r="S36807">
        <v>100</v>
      </c>
      <c r="T36807">
        <v>100</v>
      </c>
      <c r="U36807">
        <v>100</v>
      </c>
      <c r="V36807">
        <v>100</v>
      </c>
      <c r="W36807">
        <v>100</v>
      </c>
      <c r="X36807">
        <v>100</v>
      </c>
      <c r="Y36807">
        <v>100</v>
      </c>
      <c r="Z36807">
        <v>100</v>
      </c>
      <c r="AA36807">
        <v>100</v>
      </c>
      <c r="AB36807">
        <v>100</v>
      </c>
      <c r="AC36807">
        <v>100</v>
      </c>
      <c r="AD36807">
        <v>100</v>
      </c>
      <c r="AE36807">
        <v>100</v>
      </c>
      <c r="AF36807">
        <v>100</v>
      </c>
      <c r="AG36807">
        <v>100</v>
      </c>
      <c r="AH36807">
        <v>100</v>
      </c>
      <c r="AI36807">
        <v>100</v>
      </c>
      <c r="AJ36807">
        <v>100</v>
      </c>
      <c r="AK36807">
        <v>100</v>
      </c>
      <c r="AL36807">
        <v>100</v>
      </c>
      <c r="AM36807">
        <v>99</v>
      </c>
      <c r="AN36807">
        <v>99</v>
      </c>
      <c r="AO36807">
        <v>99</v>
      </c>
      <c r="AP36807">
        <v>99</v>
      </c>
      <c r="AQ36807">
        <v>99</v>
      </c>
    </row>
    <row r="36808" spans="1:43">
      <c r="A36808" t="s">
        <v>22817</v>
      </c>
      <c r="B36808" t="s">
        <v>22818</v>
      </c>
      <c r="C36808" t="s">
        <v>22749</v>
      </c>
      <c r="D36808" t="s">
        <v>22750</v>
      </c>
      <c r="E36808" t="s">
        <v>22737</v>
      </c>
      <c r="F36808" t="s">
        <v>22738</v>
      </c>
      <c r="G36808" t="s">
        <v>11612</v>
      </c>
      <c r="H36808" t="s">
        <v>11613</v>
      </c>
      <c r="I36808" s="2">
        <v>0</v>
      </c>
      <c r="J36808" s="2">
        <v>0</v>
      </c>
      <c r="K36808" s="2">
        <v>1</v>
      </c>
      <c r="L36808" t="s">
        <v>995</v>
      </c>
      <c r="M36808" t="s">
        <v>89</v>
      </c>
      <c r="N36808" t="s">
        <v>90</v>
      </c>
      <c r="O36808" t="s">
        <v>85</v>
      </c>
      <c r="P36808" t="s">
        <v>86</v>
      </c>
      <c r="Q36808">
        <v>100</v>
      </c>
      <c r="R36808">
        <v>102</v>
      </c>
      <c r="S36808">
        <v>104</v>
      </c>
      <c r="T36808">
        <v>106</v>
      </c>
      <c r="U36808">
        <v>107</v>
      </c>
      <c r="V36808">
        <v>109</v>
      </c>
      <c r="W36808">
        <v>110</v>
      </c>
      <c r="X36808">
        <v>111</v>
      </c>
      <c r="Y36808">
        <v>113</v>
      </c>
      <c r="Z36808">
        <v>114</v>
      </c>
      <c r="AA36808">
        <v>115</v>
      </c>
      <c r="AB36808">
        <v>115</v>
      </c>
      <c r="AC36808">
        <v>116</v>
      </c>
      <c r="AD36808">
        <v>117</v>
      </c>
      <c r="AE36808">
        <v>118</v>
      </c>
      <c r="AF36808">
        <v>117</v>
      </c>
      <c r="AG36808">
        <v>117</v>
      </c>
      <c r="AH36808">
        <v>116</v>
      </c>
      <c r="AI36808">
        <v>116</v>
      </c>
      <c r="AJ36808">
        <v>115</v>
      </c>
      <c r="AK36808">
        <v>115</v>
      </c>
      <c r="AL36808">
        <v>114</v>
      </c>
      <c r="AM36808">
        <v>113</v>
      </c>
      <c r="AN36808">
        <v>113</v>
      </c>
      <c r="AO36808">
        <v>112</v>
      </c>
      <c r="AP36808">
        <v>112</v>
      </c>
      <c r="AQ36808">
        <v>111</v>
      </c>
    </row>
    <row r="36809" spans="1:43">
      <c r="A36809" t="s">
        <v>22817</v>
      </c>
      <c r="B36809" t="s">
        <v>22818</v>
      </c>
      <c r="C36809" t="s">
        <v>22749</v>
      </c>
      <c r="D36809" t="s">
        <v>22750</v>
      </c>
      <c r="E36809" t="s">
        <v>22737</v>
      </c>
      <c r="F36809" t="s">
        <v>22738</v>
      </c>
      <c r="G36809" t="s">
        <v>11612</v>
      </c>
      <c r="H36809" t="s">
        <v>11613</v>
      </c>
      <c r="I36809" s="2">
        <v>0</v>
      </c>
      <c r="J36809" s="2">
        <v>0</v>
      </c>
      <c r="K36809" s="2">
        <v>1</v>
      </c>
      <c r="L36809" t="s">
        <v>995</v>
      </c>
      <c r="M36809" t="s">
        <v>83</v>
      </c>
      <c r="N36809" t="s">
        <v>91</v>
      </c>
      <c r="O36809" t="s">
        <v>85</v>
      </c>
      <c r="P36809" t="s">
        <v>86</v>
      </c>
      <c r="Q36809">
        <v>100</v>
      </c>
      <c r="R36809">
        <v>101</v>
      </c>
      <c r="S36809">
        <v>102</v>
      </c>
      <c r="T36809">
        <v>103</v>
      </c>
      <c r="U36809">
        <v>104</v>
      </c>
      <c r="V36809">
        <v>105</v>
      </c>
      <c r="W36809">
        <v>106</v>
      </c>
      <c r="X36809">
        <v>107</v>
      </c>
      <c r="Y36809">
        <v>107</v>
      </c>
      <c r="Z36809">
        <v>108</v>
      </c>
      <c r="AA36809">
        <v>109</v>
      </c>
      <c r="AB36809">
        <v>110</v>
      </c>
      <c r="AC36809">
        <v>110</v>
      </c>
      <c r="AD36809">
        <v>111</v>
      </c>
      <c r="AE36809">
        <v>111</v>
      </c>
      <c r="AF36809">
        <v>112</v>
      </c>
      <c r="AG36809">
        <v>112</v>
      </c>
      <c r="AH36809">
        <v>113</v>
      </c>
      <c r="AI36809">
        <v>113</v>
      </c>
      <c r="AJ36809">
        <v>114</v>
      </c>
      <c r="AK36809">
        <v>114</v>
      </c>
      <c r="AL36809">
        <v>114</v>
      </c>
      <c r="AM36809">
        <v>114</v>
      </c>
      <c r="AN36809">
        <v>113</v>
      </c>
      <c r="AO36809">
        <v>113</v>
      </c>
      <c r="AP36809">
        <v>112</v>
      </c>
      <c r="AQ36809">
        <v>112</v>
      </c>
    </row>
    <row r="36810" spans="1:43">
      <c r="A36810" t="s">
        <v>22819</v>
      </c>
      <c r="B36810" t="s">
        <v>22820</v>
      </c>
      <c r="C36810" t="s">
        <v>22787</v>
      </c>
      <c r="D36810" t="s">
        <v>22788</v>
      </c>
      <c r="E36810" t="s">
        <v>22737</v>
      </c>
      <c r="F36810" t="s">
        <v>22738</v>
      </c>
      <c r="G36810" t="s">
        <v>11612</v>
      </c>
      <c r="H36810" t="s">
        <v>11613</v>
      </c>
      <c r="I36810" s="2">
        <v>0</v>
      </c>
      <c r="J36810" s="2">
        <v>0</v>
      </c>
      <c r="K36810" s="2">
        <v>1</v>
      </c>
      <c r="L36810" t="s">
        <v>995</v>
      </c>
      <c r="M36810" t="s">
        <v>83</v>
      </c>
      <c r="N36810" t="s">
        <v>84</v>
      </c>
      <c r="O36810" t="s">
        <v>85</v>
      </c>
      <c r="P36810" t="s">
        <v>86</v>
      </c>
      <c r="Q36810">
        <v>21</v>
      </c>
      <c r="R36810">
        <v>21</v>
      </c>
      <c r="S36810">
        <v>21</v>
      </c>
      <c r="T36810">
        <v>21</v>
      </c>
      <c r="U36810">
        <v>21</v>
      </c>
      <c r="V36810">
        <v>21</v>
      </c>
      <c r="W36810">
        <v>21</v>
      </c>
      <c r="X36810">
        <v>22</v>
      </c>
      <c r="Y36810">
        <v>22</v>
      </c>
      <c r="Z36810">
        <v>22</v>
      </c>
      <c r="AA36810">
        <v>22</v>
      </c>
      <c r="AB36810">
        <v>22</v>
      </c>
      <c r="AC36810">
        <v>22</v>
      </c>
      <c r="AD36810">
        <v>22</v>
      </c>
      <c r="AE36810">
        <v>22</v>
      </c>
      <c r="AF36810">
        <v>23</v>
      </c>
      <c r="AG36810">
        <v>23</v>
      </c>
      <c r="AH36810">
        <v>23</v>
      </c>
      <c r="AI36810">
        <v>23</v>
      </c>
      <c r="AJ36810">
        <v>23</v>
      </c>
      <c r="AK36810">
        <v>23</v>
      </c>
      <c r="AL36810">
        <v>23</v>
      </c>
      <c r="AM36810">
        <v>23</v>
      </c>
      <c r="AN36810">
        <v>23</v>
      </c>
      <c r="AO36810">
        <v>22</v>
      </c>
      <c r="AP36810">
        <v>22</v>
      </c>
      <c r="AQ36810">
        <v>22</v>
      </c>
    </row>
    <row r="36811" spans="1:43">
      <c r="A36811" t="s">
        <v>22819</v>
      </c>
      <c r="B36811" t="s">
        <v>22820</v>
      </c>
      <c r="C36811" t="s">
        <v>22787</v>
      </c>
      <c r="D36811" t="s">
        <v>22788</v>
      </c>
      <c r="E36811" t="s">
        <v>22737</v>
      </c>
      <c r="F36811" t="s">
        <v>22738</v>
      </c>
      <c r="G36811" t="s">
        <v>11612</v>
      </c>
      <c r="H36811" t="s">
        <v>11613</v>
      </c>
      <c r="I36811" s="2">
        <v>0</v>
      </c>
      <c r="J36811" s="2">
        <v>0</v>
      </c>
      <c r="K36811" s="2">
        <v>1</v>
      </c>
      <c r="L36811" t="s">
        <v>995</v>
      </c>
      <c r="M36811" t="s">
        <v>87</v>
      </c>
      <c r="N36811" t="s">
        <v>88</v>
      </c>
      <c r="O36811" t="s">
        <v>85</v>
      </c>
      <c r="P36811" t="s">
        <v>86</v>
      </c>
      <c r="Q36811">
        <v>21</v>
      </c>
      <c r="R36811">
        <v>21</v>
      </c>
      <c r="S36811">
        <v>21</v>
      </c>
      <c r="T36811">
        <v>21</v>
      </c>
      <c r="U36811">
        <v>21</v>
      </c>
      <c r="V36811">
        <v>21</v>
      </c>
      <c r="W36811">
        <v>21</v>
      </c>
      <c r="X36811">
        <v>21</v>
      </c>
      <c r="Y36811">
        <v>21</v>
      </c>
      <c r="Z36811">
        <v>21</v>
      </c>
      <c r="AA36811">
        <v>21</v>
      </c>
      <c r="AB36811">
        <v>21</v>
      </c>
      <c r="AC36811">
        <v>21</v>
      </c>
      <c r="AD36811">
        <v>21</v>
      </c>
      <c r="AE36811">
        <v>21</v>
      </c>
      <c r="AF36811">
        <v>21</v>
      </c>
      <c r="AG36811">
        <v>21</v>
      </c>
      <c r="AH36811">
        <v>21</v>
      </c>
      <c r="AI36811">
        <v>21</v>
      </c>
      <c r="AJ36811">
        <v>21</v>
      </c>
      <c r="AK36811">
        <v>21</v>
      </c>
      <c r="AL36811">
        <v>21</v>
      </c>
      <c r="AM36811">
        <v>20</v>
      </c>
      <c r="AN36811">
        <v>20</v>
      </c>
      <c r="AO36811">
        <v>20</v>
      </c>
      <c r="AP36811">
        <v>20</v>
      </c>
      <c r="AQ36811">
        <v>20</v>
      </c>
    </row>
    <row r="36812" spans="1:43">
      <c r="A36812" t="s">
        <v>22819</v>
      </c>
      <c r="B36812" t="s">
        <v>22820</v>
      </c>
      <c r="C36812" t="s">
        <v>22787</v>
      </c>
      <c r="D36812" t="s">
        <v>22788</v>
      </c>
      <c r="E36812" t="s">
        <v>22737</v>
      </c>
      <c r="F36812" t="s">
        <v>22738</v>
      </c>
      <c r="G36812" t="s">
        <v>11612</v>
      </c>
      <c r="H36812" t="s">
        <v>11613</v>
      </c>
      <c r="I36812" s="2">
        <v>0</v>
      </c>
      <c r="J36812" s="2">
        <v>0</v>
      </c>
      <c r="K36812" s="2">
        <v>1</v>
      </c>
      <c r="L36812" t="s">
        <v>995</v>
      </c>
      <c r="M36812" t="s">
        <v>89</v>
      </c>
      <c r="N36812" t="s">
        <v>90</v>
      </c>
      <c r="O36812" t="s">
        <v>85</v>
      </c>
      <c r="P36812" t="s">
        <v>86</v>
      </c>
      <c r="Q36812">
        <v>21</v>
      </c>
      <c r="R36812">
        <v>21</v>
      </c>
      <c r="S36812">
        <v>21</v>
      </c>
      <c r="T36812">
        <v>22</v>
      </c>
      <c r="U36812">
        <v>22</v>
      </c>
      <c r="V36812">
        <v>22</v>
      </c>
      <c r="W36812">
        <v>23</v>
      </c>
      <c r="X36812">
        <v>23</v>
      </c>
      <c r="Y36812">
        <v>23</v>
      </c>
      <c r="Z36812">
        <v>23</v>
      </c>
      <c r="AA36812">
        <v>23</v>
      </c>
      <c r="AB36812">
        <v>24</v>
      </c>
      <c r="AC36812">
        <v>24</v>
      </c>
      <c r="AD36812">
        <v>24</v>
      </c>
      <c r="AE36812">
        <v>24</v>
      </c>
      <c r="AF36812">
        <v>24</v>
      </c>
      <c r="AG36812">
        <v>24</v>
      </c>
      <c r="AH36812">
        <v>24</v>
      </c>
      <c r="AI36812">
        <v>23</v>
      </c>
      <c r="AJ36812">
        <v>23</v>
      </c>
      <c r="AK36812">
        <v>23</v>
      </c>
      <c r="AL36812">
        <v>23</v>
      </c>
      <c r="AM36812">
        <v>23</v>
      </c>
      <c r="AN36812">
        <v>23</v>
      </c>
      <c r="AO36812">
        <v>23</v>
      </c>
      <c r="AP36812">
        <v>23</v>
      </c>
      <c r="AQ36812">
        <v>22</v>
      </c>
    </row>
    <row r="36813" spans="1:43">
      <c r="A36813" t="s">
        <v>22819</v>
      </c>
      <c r="B36813" t="s">
        <v>22820</v>
      </c>
      <c r="C36813" t="s">
        <v>22787</v>
      </c>
      <c r="D36813" t="s">
        <v>22788</v>
      </c>
      <c r="E36813" t="s">
        <v>22737</v>
      </c>
      <c r="F36813" t="s">
        <v>22738</v>
      </c>
      <c r="G36813" t="s">
        <v>11612</v>
      </c>
      <c r="H36813" t="s">
        <v>11613</v>
      </c>
      <c r="I36813" s="2">
        <v>0</v>
      </c>
      <c r="J36813" s="2">
        <v>0</v>
      </c>
      <c r="K36813" s="2">
        <v>1</v>
      </c>
      <c r="L36813" t="s">
        <v>995</v>
      </c>
      <c r="M36813" t="s">
        <v>83</v>
      </c>
      <c r="N36813" t="s">
        <v>91</v>
      </c>
      <c r="O36813" t="s">
        <v>85</v>
      </c>
      <c r="P36813" t="s">
        <v>86</v>
      </c>
      <c r="Q36813">
        <v>21</v>
      </c>
      <c r="R36813">
        <v>21</v>
      </c>
      <c r="S36813">
        <v>21</v>
      </c>
      <c r="T36813">
        <v>21</v>
      </c>
      <c r="U36813">
        <v>21</v>
      </c>
      <c r="V36813">
        <v>21</v>
      </c>
      <c r="W36813">
        <v>21</v>
      </c>
      <c r="X36813">
        <v>22</v>
      </c>
      <c r="Y36813">
        <v>22</v>
      </c>
      <c r="Z36813">
        <v>22</v>
      </c>
      <c r="AA36813">
        <v>22</v>
      </c>
      <c r="AB36813">
        <v>22</v>
      </c>
      <c r="AC36813">
        <v>22</v>
      </c>
      <c r="AD36813">
        <v>22</v>
      </c>
      <c r="AE36813">
        <v>22</v>
      </c>
      <c r="AF36813">
        <v>23</v>
      </c>
      <c r="AG36813">
        <v>23</v>
      </c>
      <c r="AH36813">
        <v>23</v>
      </c>
      <c r="AI36813">
        <v>23</v>
      </c>
      <c r="AJ36813">
        <v>23</v>
      </c>
      <c r="AK36813">
        <v>23</v>
      </c>
      <c r="AL36813">
        <v>23</v>
      </c>
      <c r="AM36813">
        <v>23</v>
      </c>
      <c r="AN36813">
        <v>23</v>
      </c>
      <c r="AO36813">
        <v>22</v>
      </c>
      <c r="AP36813">
        <v>22</v>
      </c>
      <c r="AQ36813">
        <v>22</v>
      </c>
    </row>
    <row r="36814" spans="1:43">
      <c r="A36814" t="s">
        <v>22821</v>
      </c>
      <c r="B36814" t="s">
        <v>22822</v>
      </c>
      <c r="C36814" t="s">
        <v>22783</v>
      </c>
      <c r="D36814" t="s">
        <v>22784</v>
      </c>
      <c r="E36814" t="s">
        <v>22737</v>
      </c>
      <c r="F36814" t="s">
        <v>22738</v>
      </c>
      <c r="G36814" t="s">
        <v>11612</v>
      </c>
      <c r="H36814" t="s">
        <v>11613</v>
      </c>
      <c r="I36814" s="2">
        <v>0</v>
      </c>
      <c r="J36814" s="2">
        <v>0</v>
      </c>
      <c r="K36814" s="2">
        <v>1</v>
      </c>
      <c r="L36814" t="s">
        <v>995</v>
      </c>
      <c r="M36814" t="s">
        <v>83</v>
      </c>
      <c r="N36814" t="s">
        <v>84</v>
      </c>
      <c r="O36814" t="s">
        <v>85</v>
      </c>
      <c r="P36814" t="s">
        <v>86</v>
      </c>
      <c r="Q36814">
        <v>14</v>
      </c>
      <c r="R36814">
        <v>14</v>
      </c>
      <c r="S36814">
        <v>14</v>
      </c>
      <c r="T36814">
        <v>14</v>
      </c>
      <c r="U36814">
        <v>14</v>
      </c>
      <c r="V36814">
        <v>15</v>
      </c>
      <c r="W36814">
        <v>15</v>
      </c>
      <c r="X36814">
        <v>15</v>
      </c>
      <c r="Y36814">
        <v>15</v>
      </c>
      <c r="Z36814">
        <v>15</v>
      </c>
      <c r="AA36814">
        <v>15</v>
      </c>
      <c r="AB36814">
        <v>15</v>
      </c>
      <c r="AC36814">
        <v>15</v>
      </c>
      <c r="AD36814">
        <v>15</v>
      </c>
      <c r="AE36814">
        <v>15</v>
      </c>
      <c r="AF36814">
        <v>15</v>
      </c>
      <c r="AG36814">
        <v>15</v>
      </c>
      <c r="AH36814">
        <v>15</v>
      </c>
      <c r="AI36814">
        <v>16</v>
      </c>
      <c r="AJ36814">
        <v>16</v>
      </c>
      <c r="AK36814">
        <v>16</v>
      </c>
      <c r="AL36814">
        <v>16</v>
      </c>
      <c r="AM36814">
        <v>16</v>
      </c>
      <c r="AN36814">
        <v>15</v>
      </c>
      <c r="AO36814">
        <v>15</v>
      </c>
      <c r="AP36814">
        <v>15</v>
      </c>
      <c r="AQ36814">
        <v>15</v>
      </c>
    </row>
    <row r="36815" spans="1:43">
      <c r="A36815" t="s">
        <v>22821</v>
      </c>
      <c r="B36815" t="s">
        <v>22822</v>
      </c>
      <c r="C36815" t="s">
        <v>22783</v>
      </c>
      <c r="D36815" t="s">
        <v>22784</v>
      </c>
      <c r="E36815" t="s">
        <v>22737</v>
      </c>
      <c r="F36815" t="s">
        <v>22738</v>
      </c>
      <c r="G36815" t="s">
        <v>11612</v>
      </c>
      <c r="H36815" t="s">
        <v>11613</v>
      </c>
      <c r="I36815" s="2">
        <v>0</v>
      </c>
      <c r="J36815" s="2">
        <v>0</v>
      </c>
      <c r="K36815" s="2">
        <v>1</v>
      </c>
      <c r="L36815" t="s">
        <v>995</v>
      </c>
      <c r="M36815" t="s">
        <v>87</v>
      </c>
      <c r="N36815" t="s">
        <v>88</v>
      </c>
      <c r="O36815" t="s">
        <v>85</v>
      </c>
      <c r="P36815" t="s">
        <v>86</v>
      </c>
      <c r="Q36815">
        <v>14</v>
      </c>
      <c r="R36815">
        <v>14</v>
      </c>
      <c r="S36815">
        <v>14</v>
      </c>
      <c r="T36815">
        <v>14</v>
      </c>
      <c r="U36815">
        <v>14</v>
      </c>
      <c r="V36815">
        <v>14</v>
      </c>
      <c r="W36815">
        <v>14</v>
      </c>
      <c r="X36815">
        <v>14</v>
      </c>
      <c r="Y36815">
        <v>14</v>
      </c>
      <c r="Z36815">
        <v>14</v>
      </c>
      <c r="AA36815">
        <v>14</v>
      </c>
      <c r="AB36815">
        <v>14</v>
      </c>
      <c r="AC36815">
        <v>14</v>
      </c>
      <c r="AD36815">
        <v>14</v>
      </c>
      <c r="AE36815">
        <v>14</v>
      </c>
      <c r="AF36815">
        <v>14</v>
      </c>
      <c r="AG36815">
        <v>13</v>
      </c>
      <c r="AH36815">
        <v>13</v>
      </c>
      <c r="AI36815">
        <v>13</v>
      </c>
      <c r="AJ36815">
        <v>13</v>
      </c>
      <c r="AK36815">
        <v>13</v>
      </c>
      <c r="AL36815">
        <v>13</v>
      </c>
      <c r="AM36815">
        <v>13</v>
      </c>
      <c r="AN36815">
        <v>13</v>
      </c>
      <c r="AO36815">
        <v>13</v>
      </c>
      <c r="AP36815">
        <v>13</v>
      </c>
      <c r="AQ36815">
        <v>13</v>
      </c>
    </row>
    <row r="36816" spans="1:43">
      <c r="A36816" t="s">
        <v>22821</v>
      </c>
      <c r="B36816" t="s">
        <v>22822</v>
      </c>
      <c r="C36816" t="s">
        <v>22783</v>
      </c>
      <c r="D36816" t="s">
        <v>22784</v>
      </c>
      <c r="E36816" t="s">
        <v>22737</v>
      </c>
      <c r="F36816" t="s">
        <v>22738</v>
      </c>
      <c r="G36816" t="s">
        <v>11612</v>
      </c>
      <c r="H36816" t="s">
        <v>11613</v>
      </c>
      <c r="I36816" s="2">
        <v>0</v>
      </c>
      <c r="J36816" s="2">
        <v>0</v>
      </c>
      <c r="K36816" s="2">
        <v>1</v>
      </c>
      <c r="L36816" t="s">
        <v>995</v>
      </c>
      <c r="M36816" t="s">
        <v>89</v>
      </c>
      <c r="N36816" t="s">
        <v>90</v>
      </c>
      <c r="O36816" t="s">
        <v>85</v>
      </c>
      <c r="P36816" t="s">
        <v>86</v>
      </c>
      <c r="Q36816">
        <v>14</v>
      </c>
      <c r="R36816">
        <v>14</v>
      </c>
      <c r="S36816">
        <v>15</v>
      </c>
      <c r="T36816">
        <v>15</v>
      </c>
      <c r="U36816">
        <v>15</v>
      </c>
      <c r="V36816">
        <v>15</v>
      </c>
      <c r="W36816">
        <v>15</v>
      </c>
      <c r="X36816">
        <v>16</v>
      </c>
      <c r="Y36816">
        <v>16</v>
      </c>
      <c r="Z36816">
        <v>16</v>
      </c>
      <c r="AA36816">
        <v>16</v>
      </c>
      <c r="AB36816">
        <v>16</v>
      </c>
      <c r="AC36816">
        <v>16</v>
      </c>
      <c r="AD36816">
        <v>16</v>
      </c>
      <c r="AE36816">
        <v>16</v>
      </c>
      <c r="AF36816">
        <v>16</v>
      </c>
      <c r="AG36816">
        <v>16</v>
      </c>
      <c r="AH36816">
        <v>16</v>
      </c>
      <c r="AI36816">
        <v>16</v>
      </c>
      <c r="AJ36816">
        <v>16</v>
      </c>
      <c r="AK36816">
        <v>16</v>
      </c>
      <c r="AL36816">
        <v>16</v>
      </c>
      <c r="AM36816">
        <v>16</v>
      </c>
      <c r="AN36816">
        <v>16</v>
      </c>
      <c r="AO36816">
        <v>15</v>
      </c>
      <c r="AP36816">
        <v>15</v>
      </c>
      <c r="AQ36816">
        <v>15</v>
      </c>
    </row>
    <row r="36817" spans="1:43">
      <c r="A36817" t="s">
        <v>22821</v>
      </c>
      <c r="B36817" t="s">
        <v>22822</v>
      </c>
      <c r="C36817" t="s">
        <v>22783</v>
      </c>
      <c r="D36817" t="s">
        <v>22784</v>
      </c>
      <c r="E36817" t="s">
        <v>22737</v>
      </c>
      <c r="F36817" t="s">
        <v>22738</v>
      </c>
      <c r="G36817" t="s">
        <v>11612</v>
      </c>
      <c r="H36817" t="s">
        <v>11613</v>
      </c>
      <c r="I36817" s="2">
        <v>0</v>
      </c>
      <c r="J36817" s="2">
        <v>0</v>
      </c>
      <c r="K36817" s="2">
        <v>1</v>
      </c>
      <c r="L36817" t="s">
        <v>995</v>
      </c>
      <c r="M36817" t="s">
        <v>83</v>
      </c>
      <c r="N36817" t="s">
        <v>91</v>
      </c>
      <c r="O36817" t="s">
        <v>85</v>
      </c>
      <c r="P36817" t="s">
        <v>86</v>
      </c>
      <c r="Q36817">
        <v>14</v>
      </c>
      <c r="R36817">
        <v>14</v>
      </c>
      <c r="S36817">
        <v>14</v>
      </c>
      <c r="T36817">
        <v>14</v>
      </c>
      <c r="U36817">
        <v>14</v>
      </c>
      <c r="V36817">
        <v>15</v>
      </c>
      <c r="W36817">
        <v>15</v>
      </c>
      <c r="X36817">
        <v>15</v>
      </c>
      <c r="Y36817">
        <v>15</v>
      </c>
      <c r="Z36817">
        <v>15</v>
      </c>
      <c r="AA36817">
        <v>15</v>
      </c>
      <c r="AB36817">
        <v>15</v>
      </c>
      <c r="AC36817">
        <v>15</v>
      </c>
      <c r="AD36817">
        <v>15</v>
      </c>
      <c r="AE36817">
        <v>15</v>
      </c>
      <c r="AF36817">
        <v>15</v>
      </c>
      <c r="AG36817">
        <v>15</v>
      </c>
      <c r="AH36817">
        <v>15</v>
      </c>
      <c r="AI36817">
        <v>16</v>
      </c>
      <c r="AJ36817">
        <v>16</v>
      </c>
      <c r="AK36817">
        <v>16</v>
      </c>
      <c r="AL36817">
        <v>16</v>
      </c>
      <c r="AM36817">
        <v>16</v>
      </c>
      <c r="AN36817">
        <v>15</v>
      </c>
      <c r="AO36817">
        <v>15</v>
      </c>
      <c r="AP36817">
        <v>15</v>
      </c>
      <c r="AQ36817">
        <v>15</v>
      </c>
    </row>
    <row r="36818" spans="1:43">
      <c r="A36818" t="s">
        <v>22823</v>
      </c>
      <c r="B36818" t="s">
        <v>22824</v>
      </c>
      <c r="C36818" t="s">
        <v>22787</v>
      </c>
      <c r="D36818" t="s">
        <v>22788</v>
      </c>
      <c r="E36818" t="s">
        <v>22737</v>
      </c>
      <c r="F36818" t="s">
        <v>22738</v>
      </c>
      <c r="G36818" t="s">
        <v>11612</v>
      </c>
      <c r="H36818" t="s">
        <v>11613</v>
      </c>
      <c r="I36818" s="2">
        <v>0</v>
      </c>
      <c r="J36818" s="2">
        <v>0</v>
      </c>
      <c r="K36818" s="2">
        <v>1</v>
      </c>
      <c r="L36818" t="s">
        <v>995</v>
      </c>
      <c r="M36818" t="s">
        <v>83</v>
      </c>
      <c r="N36818" t="s">
        <v>84</v>
      </c>
      <c r="O36818" t="s">
        <v>85</v>
      </c>
      <c r="P36818" t="s">
        <v>86</v>
      </c>
      <c r="Q36818">
        <v>26</v>
      </c>
      <c r="R36818">
        <v>26</v>
      </c>
      <c r="S36818">
        <v>27</v>
      </c>
      <c r="T36818">
        <v>27</v>
      </c>
      <c r="U36818">
        <v>27</v>
      </c>
      <c r="V36818">
        <v>27</v>
      </c>
      <c r="W36818">
        <v>27</v>
      </c>
      <c r="X36818">
        <v>28</v>
      </c>
      <c r="Y36818">
        <v>28</v>
      </c>
      <c r="Z36818">
        <v>28</v>
      </c>
      <c r="AA36818">
        <v>28</v>
      </c>
      <c r="AB36818">
        <v>28</v>
      </c>
      <c r="AC36818">
        <v>28</v>
      </c>
      <c r="AD36818">
        <v>29</v>
      </c>
      <c r="AE36818">
        <v>29</v>
      </c>
      <c r="AF36818">
        <v>29</v>
      </c>
      <c r="AG36818">
        <v>29</v>
      </c>
      <c r="AH36818">
        <v>29</v>
      </c>
      <c r="AI36818">
        <v>29</v>
      </c>
      <c r="AJ36818">
        <v>29</v>
      </c>
      <c r="AK36818">
        <v>29</v>
      </c>
      <c r="AL36818">
        <v>29</v>
      </c>
      <c r="AM36818">
        <v>29</v>
      </c>
      <c r="AN36818">
        <v>29</v>
      </c>
      <c r="AO36818">
        <v>29</v>
      </c>
      <c r="AP36818">
        <v>29</v>
      </c>
      <c r="AQ36818">
        <v>28</v>
      </c>
    </row>
    <row r="36819" spans="1:43">
      <c r="A36819" t="s">
        <v>22823</v>
      </c>
      <c r="B36819" t="s">
        <v>22824</v>
      </c>
      <c r="C36819" t="s">
        <v>22787</v>
      </c>
      <c r="D36819" t="s">
        <v>22788</v>
      </c>
      <c r="E36819" t="s">
        <v>22737</v>
      </c>
      <c r="F36819" t="s">
        <v>22738</v>
      </c>
      <c r="G36819" t="s">
        <v>11612</v>
      </c>
      <c r="H36819" t="s">
        <v>11613</v>
      </c>
      <c r="I36819" s="2">
        <v>0</v>
      </c>
      <c r="J36819" s="2">
        <v>0</v>
      </c>
      <c r="K36819" s="2">
        <v>1</v>
      </c>
      <c r="L36819" t="s">
        <v>995</v>
      </c>
      <c r="M36819" t="s">
        <v>87</v>
      </c>
      <c r="N36819" t="s">
        <v>88</v>
      </c>
      <c r="O36819" t="s">
        <v>85</v>
      </c>
      <c r="P36819" t="s">
        <v>86</v>
      </c>
      <c r="Q36819">
        <v>26</v>
      </c>
      <c r="R36819">
        <v>26</v>
      </c>
      <c r="S36819">
        <v>26</v>
      </c>
      <c r="T36819">
        <v>26</v>
      </c>
      <c r="U36819">
        <v>26</v>
      </c>
      <c r="V36819">
        <v>26</v>
      </c>
      <c r="W36819">
        <v>26</v>
      </c>
      <c r="X36819">
        <v>26</v>
      </c>
      <c r="Y36819">
        <v>26</v>
      </c>
      <c r="Z36819">
        <v>26</v>
      </c>
      <c r="AA36819">
        <v>26</v>
      </c>
      <c r="AB36819">
        <v>26</v>
      </c>
      <c r="AC36819">
        <v>25</v>
      </c>
      <c r="AD36819">
        <v>25</v>
      </c>
      <c r="AE36819">
        <v>25</v>
      </c>
      <c r="AF36819">
        <v>25</v>
      </c>
      <c r="AG36819">
        <v>25</v>
      </c>
      <c r="AH36819">
        <v>25</v>
      </c>
      <c r="AI36819">
        <v>25</v>
      </c>
      <c r="AJ36819">
        <v>25</v>
      </c>
      <c r="AK36819">
        <v>25</v>
      </c>
      <c r="AL36819">
        <v>25</v>
      </c>
      <c r="AM36819">
        <v>25</v>
      </c>
      <c r="AN36819">
        <v>25</v>
      </c>
      <c r="AO36819">
        <v>25</v>
      </c>
      <c r="AP36819">
        <v>25</v>
      </c>
      <c r="AQ36819">
        <v>25</v>
      </c>
    </row>
    <row r="36820" spans="1:43">
      <c r="A36820" t="s">
        <v>22823</v>
      </c>
      <c r="B36820" t="s">
        <v>22824</v>
      </c>
      <c r="C36820" t="s">
        <v>22787</v>
      </c>
      <c r="D36820" t="s">
        <v>22788</v>
      </c>
      <c r="E36820" t="s">
        <v>22737</v>
      </c>
      <c r="F36820" t="s">
        <v>22738</v>
      </c>
      <c r="G36820" t="s">
        <v>11612</v>
      </c>
      <c r="H36820" t="s">
        <v>11613</v>
      </c>
      <c r="I36820" s="2">
        <v>0</v>
      </c>
      <c r="J36820" s="2">
        <v>0</v>
      </c>
      <c r="K36820" s="2">
        <v>1</v>
      </c>
      <c r="L36820" t="s">
        <v>995</v>
      </c>
      <c r="M36820" t="s">
        <v>89</v>
      </c>
      <c r="N36820" t="s">
        <v>90</v>
      </c>
      <c r="O36820" t="s">
        <v>85</v>
      </c>
      <c r="P36820" t="s">
        <v>86</v>
      </c>
      <c r="Q36820">
        <v>26</v>
      </c>
      <c r="R36820">
        <v>27</v>
      </c>
      <c r="S36820">
        <v>27</v>
      </c>
      <c r="T36820">
        <v>28</v>
      </c>
      <c r="U36820">
        <v>28</v>
      </c>
      <c r="V36820">
        <v>28</v>
      </c>
      <c r="W36820">
        <v>29</v>
      </c>
      <c r="X36820">
        <v>29</v>
      </c>
      <c r="Y36820">
        <v>29</v>
      </c>
      <c r="Z36820">
        <v>30</v>
      </c>
      <c r="AA36820">
        <v>30</v>
      </c>
      <c r="AB36820">
        <v>30</v>
      </c>
      <c r="AC36820">
        <v>30</v>
      </c>
      <c r="AD36820">
        <v>31</v>
      </c>
      <c r="AE36820">
        <v>31</v>
      </c>
      <c r="AF36820">
        <v>31</v>
      </c>
      <c r="AG36820">
        <v>30</v>
      </c>
      <c r="AH36820">
        <v>30</v>
      </c>
      <c r="AI36820">
        <v>30</v>
      </c>
      <c r="AJ36820">
        <v>30</v>
      </c>
      <c r="AK36820">
        <v>30</v>
      </c>
      <c r="AL36820">
        <v>30</v>
      </c>
      <c r="AM36820">
        <v>29</v>
      </c>
      <c r="AN36820">
        <v>29</v>
      </c>
      <c r="AO36820">
        <v>29</v>
      </c>
      <c r="AP36820">
        <v>29</v>
      </c>
      <c r="AQ36820">
        <v>29</v>
      </c>
    </row>
    <row r="36821" spans="1:43">
      <c r="A36821" t="s">
        <v>22823</v>
      </c>
      <c r="B36821" t="s">
        <v>22824</v>
      </c>
      <c r="C36821" t="s">
        <v>22787</v>
      </c>
      <c r="D36821" t="s">
        <v>22788</v>
      </c>
      <c r="E36821" t="s">
        <v>22737</v>
      </c>
      <c r="F36821" t="s">
        <v>22738</v>
      </c>
      <c r="G36821" t="s">
        <v>11612</v>
      </c>
      <c r="H36821" t="s">
        <v>11613</v>
      </c>
      <c r="I36821" s="2">
        <v>0</v>
      </c>
      <c r="J36821" s="2">
        <v>0</v>
      </c>
      <c r="K36821" s="2">
        <v>1</v>
      </c>
      <c r="L36821" t="s">
        <v>995</v>
      </c>
      <c r="M36821" t="s">
        <v>83</v>
      </c>
      <c r="N36821" t="s">
        <v>91</v>
      </c>
      <c r="O36821" t="s">
        <v>85</v>
      </c>
      <c r="P36821" t="s">
        <v>86</v>
      </c>
      <c r="Q36821">
        <v>26</v>
      </c>
      <c r="R36821">
        <v>26</v>
      </c>
      <c r="S36821">
        <v>27</v>
      </c>
      <c r="T36821">
        <v>27</v>
      </c>
      <c r="U36821">
        <v>27</v>
      </c>
      <c r="V36821">
        <v>27</v>
      </c>
      <c r="W36821">
        <v>27</v>
      </c>
      <c r="X36821">
        <v>28</v>
      </c>
      <c r="Y36821">
        <v>28</v>
      </c>
      <c r="Z36821">
        <v>28</v>
      </c>
      <c r="AA36821">
        <v>28</v>
      </c>
      <c r="AB36821">
        <v>28</v>
      </c>
      <c r="AC36821">
        <v>28</v>
      </c>
      <c r="AD36821">
        <v>29</v>
      </c>
      <c r="AE36821">
        <v>29</v>
      </c>
      <c r="AF36821">
        <v>29</v>
      </c>
      <c r="AG36821">
        <v>29</v>
      </c>
      <c r="AH36821">
        <v>29</v>
      </c>
      <c r="AI36821">
        <v>29</v>
      </c>
      <c r="AJ36821">
        <v>29</v>
      </c>
      <c r="AK36821">
        <v>29</v>
      </c>
      <c r="AL36821">
        <v>29</v>
      </c>
      <c r="AM36821">
        <v>29</v>
      </c>
      <c r="AN36821">
        <v>29</v>
      </c>
      <c r="AO36821">
        <v>29</v>
      </c>
      <c r="AP36821">
        <v>29</v>
      </c>
      <c r="AQ36821">
        <v>28</v>
      </c>
    </row>
    <row r="36822" spans="1:43">
      <c r="A36822" t="s">
        <v>22825</v>
      </c>
      <c r="B36822" t="s">
        <v>22826</v>
      </c>
      <c r="C36822" t="s">
        <v>22787</v>
      </c>
      <c r="D36822" t="s">
        <v>22788</v>
      </c>
      <c r="E36822" t="s">
        <v>22737</v>
      </c>
      <c r="F36822" t="s">
        <v>22738</v>
      </c>
      <c r="G36822" t="s">
        <v>11612</v>
      </c>
      <c r="H36822" t="s">
        <v>11613</v>
      </c>
      <c r="I36822" s="2">
        <v>0</v>
      </c>
      <c r="J36822" s="2">
        <v>0</v>
      </c>
      <c r="K36822" s="2">
        <v>1</v>
      </c>
      <c r="L36822" t="s">
        <v>995</v>
      </c>
      <c r="M36822" t="s">
        <v>83</v>
      </c>
      <c r="N36822" t="s">
        <v>84</v>
      </c>
      <c r="O36822" t="s">
        <v>85</v>
      </c>
      <c r="P36822" t="s">
        <v>86</v>
      </c>
      <c r="Q36822">
        <v>4</v>
      </c>
      <c r="R36822">
        <v>4</v>
      </c>
      <c r="S36822">
        <v>4</v>
      </c>
      <c r="T36822">
        <v>4</v>
      </c>
      <c r="U36822">
        <v>4</v>
      </c>
      <c r="V36822">
        <v>5</v>
      </c>
      <c r="W36822">
        <v>5</v>
      </c>
      <c r="X36822">
        <v>5</v>
      </c>
      <c r="Y36822">
        <v>5</v>
      </c>
      <c r="Z36822">
        <v>5</v>
      </c>
      <c r="AA36822">
        <v>5</v>
      </c>
      <c r="AB36822">
        <v>5</v>
      </c>
      <c r="AC36822">
        <v>5</v>
      </c>
      <c r="AD36822">
        <v>5</v>
      </c>
      <c r="AE36822">
        <v>5</v>
      </c>
      <c r="AF36822">
        <v>5</v>
      </c>
      <c r="AG36822">
        <v>5</v>
      </c>
      <c r="AH36822">
        <v>5</v>
      </c>
      <c r="AI36822">
        <v>5</v>
      </c>
      <c r="AJ36822">
        <v>5</v>
      </c>
      <c r="AK36822">
        <v>5</v>
      </c>
      <c r="AL36822">
        <v>5</v>
      </c>
      <c r="AM36822">
        <v>5</v>
      </c>
      <c r="AN36822">
        <v>5</v>
      </c>
      <c r="AO36822">
        <v>5</v>
      </c>
      <c r="AP36822">
        <v>5</v>
      </c>
      <c r="AQ36822">
        <v>5</v>
      </c>
    </row>
    <row r="36823" spans="1:43">
      <c r="A36823" t="s">
        <v>22825</v>
      </c>
      <c r="B36823" t="s">
        <v>22826</v>
      </c>
      <c r="C36823" t="s">
        <v>22787</v>
      </c>
      <c r="D36823" t="s">
        <v>22788</v>
      </c>
      <c r="E36823" t="s">
        <v>22737</v>
      </c>
      <c r="F36823" t="s">
        <v>22738</v>
      </c>
      <c r="G36823" t="s">
        <v>11612</v>
      </c>
      <c r="H36823" t="s">
        <v>11613</v>
      </c>
      <c r="I36823" s="2">
        <v>0</v>
      </c>
      <c r="J36823" s="2">
        <v>0</v>
      </c>
      <c r="K36823" s="2">
        <v>1</v>
      </c>
      <c r="L36823" t="s">
        <v>995</v>
      </c>
      <c r="M36823" t="s">
        <v>87</v>
      </c>
      <c r="N36823" t="s">
        <v>88</v>
      </c>
      <c r="O36823" t="s">
        <v>85</v>
      </c>
      <c r="P36823" t="s">
        <v>86</v>
      </c>
      <c r="Q36823">
        <v>4</v>
      </c>
      <c r="R36823">
        <v>4</v>
      </c>
      <c r="S36823">
        <v>4</v>
      </c>
      <c r="T36823">
        <v>4</v>
      </c>
      <c r="U36823">
        <v>4</v>
      </c>
      <c r="V36823">
        <v>4</v>
      </c>
      <c r="W36823">
        <v>4</v>
      </c>
      <c r="X36823">
        <v>4</v>
      </c>
      <c r="Y36823">
        <v>4</v>
      </c>
      <c r="Z36823">
        <v>4</v>
      </c>
      <c r="AA36823">
        <v>4</v>
      </c>
      <c r="AB36823">
        <v>4</v>
      </c>
      <c r="AC36823">
        <v>4</v>
      </c>
      <c r="AD36823">
        <v>4</v>
      </c>
      <c r="AE36823">
        <v>4</v>
      </c>
      <c r="AF36823">
        <v>4</v>
      </c>
      <c r="AG36823">
        <v>4</v>
      </c>
      <c r="AH36823">
        <v>4</v>
      </c>
      <c r="AI36823">
        <v>4</v>
      </c>
      <c r="AJ36823">
        <v>4</v>
      </c>
      <c r="AK36823">
        <v>4</v>
      </c>
      <c r="AL36823">
        <v>4</v>
      </c>
      <c r="AM36823">
        <v>4</v>
      </c>
      <c r="AN36823">
        <v>4</v>
      </c>
      <c r="AO36823">
        <v>4</v>
      </c>
      <c r="AP36823">
        <v>4</v>
      </c>
      <c r="AQ36823">
        <v>4</v>
      </c>
    </row>
    <row r="36824" spans="1:43">
      <c r="A36824" t="s">
        <v>22825</v>
      </c>
      <c r="B36824" t="s">
        <v>22826</v>
      </c>
      <c r="C36824" t="s">
        <v>22787</v>
      </c>
      <c r="D36824" t="s">
        <v>22788</v>
      </c>
      <c r="E36824" t="s">
        <v>22737</v>
      </c>
      <c r="F36824" t="s">
        <v>22738</v>
      </c>
      <c r="G36824" t="s">
        <v>11612</v>
      </c>
      <c r="H36824" t="s">
        <v>11613</v>
      </c>
      <c r="I36824" s="2">
        <v>0</v>
      </c>
      <c r="J36824" s="2">
        <v>0</v>
      </c>
      <c r="K36824" s="2">
        <v>1</v>
      </c>
      <c r="L36824" t="s">
        <v>995</v>
      </c>
      <c r="M36824" t="s">
        <v>89</v>
      </c>
      <c r="N36824" t="s">
        <v>90</v>
      </c>
      <c r="O36824" t="s">
        <v>85</v>
      </c>
      <c r="P36824" t="s">
        <v>86</v>
      </c>
      <c r="Q36824">
        <v>4</v>
      </c>
      <c r="R36824">
        <v>4</v>
      </c>
      <c r="S36824">
        <v>5</v>
      </c>
      <c r="T36824">
        <v>5</v>
      </c>
      <c r="U36824">
        <v>5</v>
      </c>
      <c r="V36824">
        <v>5</v>
      </c>
      <c r="W36824">
        <v>5</v>
      </c>
      <c r="X36824">
        <v>5</v>
      </c>
      <c r="Y36824">
        <v>5</v>
      </c>
      <c r="Z36824">
        <v>5</v>
      </c>
      <c r="AA36824">
        <v>5</v>
      </c>
      <c r="AB36824">
        <v>5</v>
      </c>
      <c r="AC36824">
        <v>5</v>
      </c>
      <c r="AD36824">
        <v>5</v>
      </c>
      <c r="AE36824">
        <v>5</v>
      </c>
      <c r="AF36824">
        <v>5</v>
      </c>
      <c r="AG36824">
        <v>5</v>
      </c>
      <c r="AH36824">
        <v>5</v>
      </c>
      <c r="AI36824">
        <v>5</v>
      </c>
      <c r="AJ36824">
        <v>5</v>
      </c>
      <c r="AK36824">
        <v>5</v>
      </c>
      <c r="AL36824">
        <v>5</v>
      </c>
      <c r="AM36824">
        <v>5</v>
      </c>
      <c r="AN36824">
        <v>5</v>
      </c>
      <c r="AO36824">
        <v>5</v>
      </c>
      <c r="AP36824">
        <v>5</v>
      </c>
      <c r="AQ36824">
        <v>5</v>
      </c>
    </row>
    <row r="36825" spans="1:43">
      <c r="A36825" t="s">
        <v>22825</v>
      </c>
      <c r="B36825" t="s">
        <v>22826</v>
      </c>
      <c r="C36825" t="s">
        <v>22787</v>
      </c>
      <c r="D36825" t="s">
        <v>22788</v>
      </c>
      <c r="E36825" t="s">
        <v>22737</v>
      </c>
      <c r="F36825" t="s">
        <v>22738</v>
      </c>
      <c r="G36825" t="s">
        <v>11612</v>
      </c>
      <c r="H36825" t="s">
        <v>11613</v>
      </c>
      <c r="I36825" s="2">
        <v>0</v>
      </c>
      <c r="J36825" s="2">
        <v>0</v>
      </c>
      <c r="K36825" s="2">
        <v>1</v>
      </c>
      <c r="L36825" t="s">
        <v>995</v>
      </c>
      <c r="M36825" t="s">
        <v>83</v>
      </c>
      <c r="N36825" t="s">
        <v>91</v>
      </c>
      <c r="O36825" t="s">
        <v>85</v>
      </c>
      <c r="P36825" t="s">
        <v>86</v>
      </c>
      <c r="Q36825">
        <v>4</v>
      </c>
      <c r="R36825">
        <v>4</v>
      </c>
      <c r="S36825">
        <v>4</v>
      </c>
      <c r="T36825">
        <v>4</v>
      </c>
      <c r="U36825">
        <v>4</v>
      </c>
      <c r="V36825">
        <v>5</v>
      </c>
      <c r="W36825">
        <v>5</v>
      </c>
      <c r="X36825">
        <v>5</v>
      </c>
      <c r="Y36825">
        <v>5</v>
      </c>
      <c r="Z36825">
        <v>5</v>
      </c>
      <c r="AA36825">
        <v>5</v>
      </c>
      <c r="AB36825">
        <v>5</v>
      </c>
      <c r="AC36825">
        <v>5</v>
      </c>
      <c r="AD36825">
        <v>5</v>
      </c>
      <c r="AE36825">
        <v>5</v>
      </c>
      <c r="AF36825">
        <v>5</v>
      </c>
      <c r="AG36825">
        <v>5</v>
      </c>
      <c r="AH36825">
        <v>5</v>
      </c>
      <c r="AI36825">
        <v>5</v>
      </c>
      <c r="AJ36825">
        <v>5</v>
      </c>
      <c r="AK36825">
        <v>5</v>
      </c>
      <c r="AL36825">
        <v>5</v>
      </c>
      <c r="AM36825">
        <v>5</v>
      </c>
      <c r="AN36825">
        <v>5</v>
      </c>
      <c r="AO36825">
        <v>5</v>
      </c>
      <c r="AP36825">
        <v>5</v>
      </c>
      <c r="AQ36825">
        <v>5</v>
      </c>
    </row>
    <row r="36826" spans="1:43">
      <c r="A36826" t="s">
        <v>22827</v>
      </c>
      <c r="B36826" t="s">
        <v>22828</v>
      </c>
      <c r="C36826" t="s">
        <v>22743</v>
      </c>
      <c r="D36826" t="s">
        <v>22744</v>
      </c>
      <c r="E36826" t="s">
        <v>22737</v>
      </c>
      <c r="F36826" t="s">
        <v>22738</v>
      </c>
      <c r="G36826" t="s">
        <v>11612</v>
      </c>
      <c r="H36826" t="s">
        <v>11613</v>
      </c>
      <c r="I36826" s="2">
        <v>0</v>
      </c>
      <c r="J36826" s="2">
        <v>0</v>
      </c>
      <c r="K36826" s="2">
        <v>1</v>
      </c>
      <c r="L36826" t="s">
        <v>995</v>
      </c>
      <c r="M36826" t="s">
        <v>83</v>
      </c>
      <c r="N36826" t="s">
        <v>84</v>
      </c>
      <c r="O36826" t="s">
        <v>85</v>
      </c>
      <c r="P36826" t="s">
        <v>86</v>
      </c>
      <c r="Q36826">
        <v>19</v>
      </c>
      <c r="R36826">
        <v>19</v>
      </c>
      <c r="S36826">
        <v>19</v>
      </c>
      <c r="T36826">
        <v>19</v>
      </c>
      <c r="U36826">
        <v>19</v>
      </c>
      <c r="V36826">
        <v>20</v>
      </c>
      <c r="W36826">
        <v>20</v>
      </c>
      <c r="X36826">
        <v>20</v>
      </c>
      <c r="Y36826">
        <v>20</v>
      </c>
      <c r="Z36826">
        <v>20</v>
      </c>
      <c r="AA36826">
        <v>20</v>
      </c>
      <c r="AB36826">
        <v>20</v>
      </c>
      <c r="AC36826">
        <v>21</v>
      </c>
      <c r="AD36826">
        <v>21</v>
      </c>
      <c r="AE36826">
        <v>21</v>
      </c>
      <c r="AF36826">
        <v>21</v>
      </c>
      <c r="AG36826">
        <v>21</v>
      </c>
      <c r="AH36826">
        <v>21</v>
      </c>
      <c r="AI36826">
        <v>21</v>
      </c>
      <c r="AJ36826">
        <v>21</v>
      </c>
      <c r="AK36826">
        <v>21</v>
      </c>
      <c r="AL36826">
        <v>21</v>
      </c>
      <c r="AM36826">
        <v>21</v>
      </c>
      <c r="AN36826">
        <v>21</v>
      </c>
      <c r="AO36826">
        <v>21</v>
      </c>
      <c r="AP36826">
        <v>21</v>
      </c>
      <c r="AQ36826">
        <v>21</v>
      </c>
    </row>
    <row r="36827" spans="1:43">
      <c r="A36827" t="s">
        <v>22827</v>
      </c>
      <c r="B36827" t="s">
        <v>22828</v>
      </c>
      <c r="C36827" t="s">
        <v>22743</v>
      </c>
      <c r="D36827" t="s">
        <v>22744</v>
      </c>
      <c r="E36827" t="s">
        <v>22737</v>
      </c>
      <c r="F36827" t="s">
        <v>22738</v>
      </c>
      <c r="G36827" t="s">
        <v>11612</v>
      </c>
      <c r="H36827" t="s">
        <v>11613</v>
      </c>
      <c r="I36827" s="2">
        <v>0</v>
      </c>
      <c r="J36827" s="2">
        <v>0</v>
      </c>
      <c r="K36827" s="2">
        <v>1</v>
      </c>
      <c r="L36827" t="s">
        <v>995</v>
      </c>
      <c r="M36827" t="s">
        <v>87</v>
      </c>
      <c r="N36827" t="s">
        <v>88</v>
      </c>
      <c r="O36827" t="s">
        <v>85</v>
      </c>
      <c r="P36827" t="s">
        <v>86</v>
      </c>
      <c r="Q36827">
        <v>19</v>
      </c>
      <c r="R36827">
        <v>19</v>
      </c>
      <c r="S36827">
        <v>19</v>
      </c>
      <c r="T36827">
        <v>19</v>
      </c>
      <c r="U36827">
        <v>19</v>
      </c>
      <c r="V36827">
        <v>19</v>
      </c>
      <c r="W36827">
        <v>19</v>
      </c>
      <c r="X36827">
        <v>19</v>
      </c>
      <c r="Y36827">
        <v>19</v>
      </c>
      <c r="Z36827">
        <v>18</v>
      </c>
      <c r="AA36827">
        <v>18</v>
      </c>
      <c r="AB36827">
        <v>18</v>
      </c>
      <c r="AC36827">
        <v>18</v>
      </c>
      <c r="AD36827">
        <v>18</v>
      </c>
      <c r="AE36827">
        <v>18</v>
      </c>
      <c r="AF36827">
        <v>18</v>
      </c>
      <c r="AG36827">
        <v>18</v>
      </c>
      <c r="AH36827">
        <v>18</v>
      </c>
      <c r="AI36827">
        <v>18</v>
      </c>
      <c r="AJ36827">
        <v>18</v>
      </c>
      <c r="AK36827">
        <v>18</v>
      </c>
      <c r="AL36827">
        <v>18</v>
      </c>
      <c r="AM36827">
        <v>18</v>
      </c>
      <c r="AN36827">
        <v>18</v>
      </c>
      <c r="AO36827">
        <v>18</v>
      </c>
      <c r="AP36827">
        <v>18</v>
      </c>
      <c r="AQ36827">
        <v>18</v>
      </c>
    </row>
    <row r="36828" spans="1:43">
      <c r="A36828" t="s">
        <v>22827</v>
      </c>
      <c r="B36828" t="s">
        <v>22828</v>
      </c>
      <c r="C36828" t="s">
        <v>22743</v>
      </c>
      <c r="D36828" t="s">
        <v>22744</v>
      </c>
      <c r="E36828" t="s">
        <v>22737</v>
      </c>
      <c r="F36828" t="s">
        <v>22738</v>
      </c>
      <c r="G36828" t="s">
        <v>11612</v>
      </c>
      <c r="H36828" t="s">
        <v>11613</v>
      </c>
      <c r="I36828" s="2">
        <v>0</v>
      </c>
      <c r="J36828" s="2">
        <v>0</v>
      </c>
      <c r="K36828" s="2">
        <v>1</v>
      </c>
      <c r="L36828" t="s">
        <v>995</v>
      </c>
      <c r="M36828" t="s">
        <v>89</v>
      </c>
      <c r="N36828" t="s">
        <v>90</v>
      </c>
      <c r="O36828" t="s">
        <v>85</v>
      </c>
      <c r="P36828" t="s">
        <v>86</v>
      </c>
      <c r="Q36828">
        <v>19</v>
      </c>
      <c r="R36828">
        <v>19</v>
      </c>
      <c r="S36828">
        <v>20</v>
      </c>
      <c r="T36828">
        <v>20</v>
      </c>
      <c r="U36828">
        <v>20</v>
      </c>
      <c r="V36828">
        <v>20</v>
      </c>
      <c r="W36828">
        <v>21</v>
      </c>
      <c r="X36828">
        <v>21</v>
      </c>
      <c r="Y36828">
        <v>21</v>
      </c>
      <c r="Z36828">
        <v>21</v>
      </c>
      <c r="AA36828">
        <v>22</v>
      </c>
      <c r="AB36828">
        <v>22</v>
      </c>
      <c r="AC36828">
        <v>22</v>
      </c>
      <c r="AD36828">
        <v>22</v>
      </c>
      <c r="AE36828">
        <v>22</v>
      </c>
      <c r="AF36828">
        <v>22</v>
      </c>
      <c r="AG36828">
        <v>22</v>
      </c>
      <c r="AH36828">
        <v>22</v>
      </c>
      <c r="AI36828">
        <v>22</v>
      </c>
      <c r="AJ36828">
        <v>22</v>
      </c>
      <c r="AK36828">
        <v>21</v>
      </c>
      <c r="AL36828">
        <v>21</v>
      </c>
      <c r="AM36828">
        <v>21</v>
      </c>
      <c r="AN36828">
        <v>21</v>
      </c>
      <c r="AO36828">
        <v>21</v>
      </c>
      <c r="AP36828">
        <v>21</v>
      </c>
      <c r="AQ36828">
        <v>21</v>
      </c>
    </row>
    <row r="36829" spans="1:43">
      <c r="A36829" t="s">
        <v>22827</v>
      </c>
      <c r="B36829" t="s">
        <v>22828</v>
      </c>
      <c r="C36829" t="s">
        <v>22743</v>
      </c>
      <c r="D36829" t="s">
        <v>22744</v>
      </c>
      <c r="E36829" t="s">
        <v>22737</v>
      </c>
      <c r="F36829" t="s">
        <v>22738</v>
      </c>
      <c r="G36829" t="s">
        <v>11612</v>
      </c>
      <c r="H36829" t="s">
        <v>11613</v>
      </c>
      <c r="I36829" s="2">
        <v>0</v>
      </c>
      <c r="J36829" s="2">
        <v>0</v>
      </c>
      <c r="K36829" s="2">
        <v>1</v>
      </c>
      <c r="L36829" t="s">
        <v>995</v>
      </c>
      <c r="M36829" t="s">
        <v>83</v>
      </c>
      <c r="N36829" t="s">
        <v>91</v>
      </c>
      <c r="O36829" t="s">
        <v>85</v>
      </c>
      <c r="P36829" t="s">
        <v>86</v>
      </c>
      <c r="Q36829">
        <v>19</v>
      </c>
      <c r="R36829">
        <v>19</v>
      </c>
      <c r="S36829">
        <v>19</v>
      </c>
      <c r="T36829">
        <v>19</v>
      </c>
      <c r="U36829">
        <v>19</v>
      </c>
      <c r="V36829">
        <v>20</v>
      </c>
      <c r="W36829">
        <v>20</v>
      </c>
      <c r="X36829">
        <v>20</v>
      </c>
      <c r="Y36829">
        <v>20</v>
      </c>
      <c r="Z36829">
        <v>20</v>
      </c>
      <c r="AA36829">
        <v>20</v>
      </c>
      <c r="AB36829">
        <v>20</v>
      </c>
      <c r="AC36829">
        <v>21</v>
      </c>
      <c r="AD36829">
        <v>21</v>
      </c>
      <c r="AE36829">
        <v>21</v>
      </c>
      <c r="AF36829">
        <v>21</v>
      </c>
      <c r="AG36829">
        <v>21</v>
      </c>
      <c r="AH36829">
        <v>21</v>
      </c>
      <c r="AI36829">
        <v>21</v>
      </c>
      <c r="AJ36829">
        <v>21</v>
      </c>
      <c r="AK36829">
        <v>21</v>
      </c>
      <c r="AL36829">
        <v>21</v>
      </c>
      <c r="AM36829">
        <v>21</v>
      </c>
      <c r="AN36829">
        <v>21</v>
      </c>
      <c r="AO36829">
        <v>21</v>
      </c>
      <c r="AP36829">
        <v>21</v>
      </c>
      <c r="AQ36829">
        <v>21</v>
      </c>
    </row>
    <row r="36830" spans="1:43">
      <c r="A36830" t="s">
        <v>22829</v>
      </c>
      <c r="B36830" t="s">
        <v>22830</v>
      </c>
      <c r="C36830" t="s">
        <v>22743</v>
      </c>
      <c r="D36830" t="s">
        <v>22744</v>
      </c>
      <c r="E36830" t="s">
        <v>22737</v>
      </c>
      <c r="F36830" t="s">
        <v>22738</v>
      </c>
      <c r="G36830" t="s">
        <v>11612</v>
      </c>
      <c r="H36830" t="s">
        <v>11613</v>
      </c>
      <c r="I36830" s="2">
        <v>0</v>
      </c>
      <c r="J36830" s="2">
        <v>0</v>
      </c>
      <c r="K36830" s="2">
        <v>1</v>
      </c>
      <c r="L36830" t="s">
        <v>995</v>
      </c>
      <c r="M36830" t="s">
        <v>83</v>
      </c>
      <c r="N36830" t="s">
        <v>84</v>
      </c>
      <c r="O36830" t="s">
        <v>85</v>
      </c>
      <c r="P36830" t="s">
        <v>86</v>
      </c>
      <c r="Q36830">
        <v>13</v>
      </c>
      <c r="R36830">
        <v>13</v>
      </c>
      <c r="S36830">
        <v>13</v>
      </c>
      <c r="T36830">
        <v>13</v>
      </c>
      <c r="U36830">
        <v>13</v>
      </c>
      <c r="V36830">
        <v>13</v>
      </c>
      <c r="W36830">
        <v>14</v>
      </c>
      <c r="X36830">
        <v>14</v>
      </c>
      <c r="Y36830">
        <v>14</v>
      </c>
      <c r="Z36830">
        <v>14</v>
      </c>
      <c r="AA36830">
        <v>14</v>
      </c>
      <c r="AB36830">
        <v>14</v>
      </c>
      <c r="AC36830">
        <v>14</v>
      </c>
      <c r="AD36830">
        <v>14</v>
      </c>
      <c r="AE36830">
        <v>14</v>
      </c>
      <c r="AF36830">
        <v>14</v>
      </c>
      <c r="AG36830">
        <v>14</v>
      </c>
      <c r="AH36830">
        <v>14</v>
      </c>
      <c r="AI36830">
        <v>14</v>
      </c>
      <c r="AJ36830">
        <v>15</v>
      </c>
      <c r="AK36830">
        <v>15</v>
      </c>
      <c r="AL36830">
        <v>15</v>
      </c>
      <c r="AM36830">
        <v>14</v>
      </c>
      <c r="AN36830">
        <v>14</v>
      </c>
      <c r="AO36830">
        <v>14</v>
      </c>
      <c r="AP36830">
        <v>14</v>
      </c>
      <c r="AQ36830">
        <v>14</v>
      </c>
    </row>
    <row r="36831" spans="1:43">
      <c r="A36831" t="s">
        <v>22829</v>
      </c>
      <c r="B36831" t="s">
        <v>22830</v>
      </c>
      <c r="C36831" t="s">
        <v>22743</v>
      </c>
      <c r="D36831" t="s">
        <v>22744</v>
      </c>
      <c r="E36831" t="s">
        <v>22737</v>
      </c>
      <c r="F36831" t="s">
        <v>22738</v>
      </c>
      <c r="G36831" t="s">
        <v>11612</v>
      </c>
      <c r="H36831" t="s">
        <v>11613</v>
      </c>
      <c r="I36831" s="2">
        <v>0</v>
      </c>
      <c r="J36831" s="2">
        <v>0</v>
      </c>
      <c r="K36831" s="2">
        <v>1</v>
      </c>
      <c r="L36831" t="s">
        <v>995</v>
      </c>
      <c r="M36831" t="s">
        <v>87</v>
      </c>
      <c r="N36831" t="s">
        <v>88</v>
      </c>
      <c r="O36831" t="s">
        <v>85</v>
      </c>
      <c r="P36831" t="s">
        <v>86</v>
      </c>
      <c r="Q36831">
        <v>13</v>
      </c>
      <c r="R36831">
        <v>13</v>
      </c>
      <c r="S36831">
        <v>13</v>
      </c>
      <c r="T36831">
        <v>13</v>
      </c>
      <c r="U36831">
        <v>13</v>
      </c>
      <c r="V36831">
        <v>13</v>
      </c>
      <c r="W36831">
        <v>13</v>
      </c>
      <c r="X36831">
        <v>13</v>
      </c>
      <c r="Y36831">
        <v>13</v>
      </c>
      <c r="Z36831">
        <v>13</v>
      </c>
      <c r="AA36831">
        <v>13</v>
      </c>
      <c r="AB36831">
        <v>13</v>
      </c>
      <c r="AC36831">
        <v>13</v>
      </c>
      <c r="AD36831">
        <v>13</v>
      </c>
      <c r="AE36831">
        <v>13</v>
      </c>
      <c r="AF36831">
        <v>13</v>
      </c>
      <c r="AG36831">
        <v>13</v>
      </c>
      <c r="AH36831">
        <v>13</v>
      </c>
      <c r="AI36831">
        <v>13</v>
      </c>
      <c r="AJ36831">
        <v>13</v>
      </c>
      <c r="AK36831">
        <v>13</v>
      </c>
      <c r="AL36831">
        <v>13</v>
      </c>
      <c r="AM36831">
        <v>12</v>
      </c>
      <c r="AN36831">
        <v>12</v>
      </c>
      <c r="AO36831">
        <v>12</v>
      </c>
      <c r="AP36831">
        <v>12</v>
      </c>
      <c r="AQ36831">
        <v>12</v>
      </c>
    </row>
    <row r="36832" spans="1:43">
      <c r="A36832" t="s">
        <v>22829</v>
      </c>
      <c r="B36832" t="s">
        <v>22830</v>
      </c>
      <c r="C36832" t="s">
        <v>22743</v>
      </c>
      <c r="D36832" t="s">
        <v>22744</v>
      </c>
      <c r="E36832" t="s">
        <v>22737</v>
      </c>
      <c r="F36832" t="s">
        <v>22738</v>
      </c>
      <c r="G36832" t="s">
        <v>11612</v>
      </c>
      <c r="H36832" t="s">
        <v>11613</v>
      </c>
      <c r="I36832" s="2">
        <v>0</v>
      </c>
      <c r="J36832" s="2">
        <v>0</v>
      </c>
      <c r="K36832" s="2">
        <v>1</v>
      </c>
      <c r="L36832" t="s">
        <v>995</v>
      </c>
      <c r="M36832" t="s">
        <v>89</v>
      </c>
      <c r="N36832" t="s">
        <v>90</v>
      </c>
      <c r="O36832" t="s">
        <v>85</v>
      </c>
      <c r="P36832" t="s">
        <v>86</v>
      </c>
      <c r="Q36832">
        <v>13</v>
      </c>
      <c r="R36832">
        <v>13</v>
      </c>
      <c r="S36832">
        <v>13</v>
      </c>
      <c r="T36832">
        <v>14</v>
      </c>
      <c r="U36832">
        <v>14</v>
      </c>
      <c r="V36832">
        <v>14</v>
      </c>
      <c r="W36832">
        <v>14</v>
      </c>
      <c r="X36832">
        <v>14</v>
      </c>
      <c r="Y36832">
        <v>15</v>
      </c>
      <c r="Z36832">
        <v>15</v>
      </c>
      <c r="AA36832">
        <v>15</v>
      </c>
      <c r="AB36832">
        <v>15</v>
      </c>
      <c r="AC36832">
        <v>15</v>
      </c>
      <c r="AD36832">
        <v>15</v>
      </c>
      <c r="AE36832">
        <v>15</v>
      </c>
      <c r="AF36832">
        <v>15</v>
      </c>
      <c r="AG36832">
        <v>15</v>
      </c>
      <c r="AH36832">
        <v>15</v>
      </c>
      <c r="AI36832">
        <v>15</v>
      </c>
      <c r="AJ36832">
        <v>15</v>
      </c>
      <c r="AK36832">
        <v>15</v>
      </c>
      <c r="AL36832">
        <v>15</v>
      </c>
      <c r="AM36832">
        <v>15</v>
      </c>
      <c r="AN36832">
        <v>14</v>
      </c>
      <c r="AO36832">
        <v>14</v>
      </c>
      <c r="AP36832">
        <v>14</v>
      </c>
      <c r="AQ36832">
        <v>14</v>
      </c>
    </row>
    <row r="36833" spans="1:43">
      <c r="A36833" t="s">
        <v>22829</v>
      </c>
      <c r="B36833" t="s">
        <v>22830</v>
      </c>
      <c r="C36833" t="s">
        <v>22743</v>
      </c>
      <c r="D36833" t="s">
        <v>22744</v>
      </c>
      <c r="E36833" t="s">
        <v>22737</v>
      </c>
      <c r="F36833" t="s">
        <v>22738</v>
      </c>
      <c r="G36833" t="s">
        <v>11612</v>
      </c>
      <c r="H36833" t="s">
        <v>11613</v>
      </c>
      <c r="I36833" s="2">
        <v>0</v>
      </c>
      <c r="J36833" s="2">
        <v>0</v>
      </c>
      <c r="K36833" s="2">
        <v>1</v>
      </c>
      <c r="L36833" t="s">
        <v>995</v>
      </c>
      <c r="M36833" t="s">
        <v>83</v>
      </c>
      <c r="N36833" t="s">
        <v>91</v>
      </c>
      <c r="O36833" t="s">
        <v>85</v>
      </c>
      <c r="P36833" t="s">
        <v>86</v>
      </c>
      <c r="Q36833">
        <v>13</v>
      </c>
      <c r="R36833">
        <v>13</v>
      </c>
      <c r="S36833">
        <v>13</v>
      </c>
      <c r="T36833">
        <v>13</v>
      </c>
      <c r="U36833">
        <v>13</v>
      </c>
      <c r="V36833">
        <v>13</v>
      </c>
      <c r="W36833">
        <v>14</v>
      </c>
      <c r="X36833">
        <v>14</v>
      </c>
      <c r="Y36833">
        <v>14</v>
      </c>
      <c r="Z36833">
        <v>14</v>
      </c>
      <c r="AA36833">
        <v>14</v>
      </c>
      <c r="AB36833">
        <v>14</v>
      </c>
      <c r="AC36833">
        <v>14</v>
      </c>
      <c r="AD36833">
        <v>14</v>
      </c>
      <c r="AE36833">
        <v>14</v>
      </c>
      <c r="AF36833">
        <v>14</v>
      </c>
      <c r="AG36833">
        <v>14</v>
      </c>
      <c r="AH36833">
        <v>14</v>
      </c>
      <c r="AI36833">
        <v>14</v>
      </c>
      <c r="AJ36833">
        <v>15</v>
      </c>
      <c r="AK36833">
        <v>15</v>
      </c>
      <c r="AL36833">
        <v>15</v>
      </c>
      <c r="AM36833">
        <v>14</v>
      </c>
      <c r="AN36833">
        <v>14</v>
      </c>
      <c r="AO36833">
        <v>14</v>
      </c>
      <c r="AP36833">
        <v>14</v>
      </c>
      <c r="AQ36833">
        <v>14</v>
      </c>
    </row>
    <row r="36834" spans="1:43">
      <c r="A36834" t="s">
        <v>22831</v>
      </c>
      <c r="B36834" t="s">
        <v>22832</v>
      </c>
      <c r="C36834" t="s">
        <v>22749</v>
      </c>
      <c r="D36834" t="s">
        <v>22750</v>
      </c>
      <c r="E36834" t="s">
        <v>22737</v>
      </c>
      <c r="F36834" t="s">
        <v>22738</v>
      </c>
      <c r="G36834" t="s">
        <v>11612</v>
      </c>
      <c r="H36834" t="s">
        <v>11613</v>
      </c>
      <c r="I36834" s="2">
        <v>0</v>
      </c>
      <c r="J36834" s="2">
        <v>0</v>
      </c>
      <c r="K36834" s="2">
        <v>1</v>
      </c>
      <c r="L36834" t="s">
        <v>995</v>
      </c>
      <c r="M36834" t="s">
        <v>83</v>
      </c>
      <c r="N36834" t="s">
        <v>84</v>
      </c>
      <c r="O36834" t="s">
        <v>85</v>
      </c>
      <c r="P36834" t="s">
        <v>86</v>
      </c>
      <c r="Q36834">
        <v>30</v>
      </c>
      <c r="R36834">
        <v>30</v>
      </c>
      <c r="S36834">
        <v>30</v>
      </c>
      <c r="T36834">
        <v>31</v>
      </c>
      <c r="U36834">
        <v>31</v>
      </c>
      <c r="V36834">
        <v>31</v>
      </c>
      <c r="W36834">
        <v>31</v>
      </c>
      <c r="X36834">
        <v>32</v>
      </c>
      <c r="Y36834">
        <v>32</v>
      </c>
      <c r="Z36834">
        <v>32</v>
      </c>
      <c r="AA36834">
        <v>32</v>
      </c>
      <c r="AB36834">
        <v>32</v>
      </c>
      <c r="AC36834">
        <v>33</v>
      </c>
      <c r="AD36834">
        <v>33</v>
      </c>
      <c r="AE36834">
        <v>33</v>
      </c>
      <c r="AF36834">
        <v>33</v>
      </c>
      <c r="AG36834">
        <v>33</v>
      </c>
      <c r="AH36834">
        <v>33</v>
      </c>
      <c r="AI36834">
        <v>33</v>
      </c>
      <c r="AJ36834">
        <v>33</v>
      </c>
      <c r="AK36834">
        <v>34</v>
      </c>
      <c r="AL36834">
        <v>33</v>
      </c>
      <c r="AM36834">
        <v>33</v>
      </c>
      <c r="AN36834">
        <v>33</v>
      </c>
      <c r="AO36834">
        <v>33</v>
      </c>
      <c r="AP36834">
        <v>33</v>
      </c>
      <c r="AQ36834">
        <v>32</v>
      </c>
    </row>
    <row r="36835" spans="1:43">
      <c r="A36835" t="s">
        <v>22831</v>
      </c>
      <c r="B36835" t="s">
        <v>22832</v>
      </c>
      <c r="C36835" t="s">
        <v>22749</v>
      </c>
      <c r="D36835" t="s">
        <v>22750</v>
      </c>
      <c r="E36835" t="s">
        <v>22737</v>
      </c>
      <c r="F36835" t="s">
        <v>22738</v>
      </c>
      <c r="G36835" t="s">
        <v>11612</v>
      </c>
      <c r="H36835" t="s">
        <v>11613</v>
      </c>
      <c r="I36835" s="2">
        <v>0</v>
      </c>
      <c r="J36835" s="2">
        <v>0</v>
      </c>
      <c r="K36835" s="2">
        <v>1</v>
      </c>
      <c r="L36835" t="s">
        <v>995</v>
      </c>
      <c r="M36835" t="s">
        <v>87</v>
      </c>
      <c r="N36835" t="s">
        <v>88</v>
      </c>
      <c r="O36835" t="s">
        <v>85</v>
      </c>
      <c r="P36835" t="s">
        <v>86</v>
      </c>
      <c r="Q36835">
        <v>30</v>
      </c>
      <c r="R36835">
        <v>30</v>
      </c>
      <c r="S36835">
        <v>30</v>
      </c>
      <c r="T36835">
        <v>30</v>
      </c>
      <c r="U36835">
        <v>30</v>
      </c>
      <c r="V36835">
        <v>30</v>
      </c>
      <c r="W36835">
        <v>29</v>
      </c>
      <c r="X36835">
        <v>29</v>
      </c>
      <c r="Y36835">
        <v>29</v>
      </c>
      <c r="Z36835">
        <v>29</v>
      </c>
      <c r="AA36835">
        <v>29</v>
      </c>
      <c r="AB36835">
        <v>29</v>
      </c>
      <c r="AC36835">
        <v>29</v>
      </c>
      <c r="AD36835">
        <v>29</v>
      </c>
      <c r="AE36835">
        <v>29</v>
      </c>
      <c r="AF36835">
        <v>29</v>
      </c>
      <c r="AG36835">
        <v>29</v>
      </c>
      <c r="AH36835">
        <v>29</v>
      </c>
      <c r="AI36835">
        <v>29</v>
      </c>
      <c r="AJ36835">
        <v>29</v>
      </c>
      <c r="AK36835">
        <v>29</v>
      </c>
      <c r="AL36835">
        <v>29</v>
      </c>
      <c r="AM36835">
        <v>29</v>
      </c>
      <c r="AN36835">
        <v>29</v>
      </c>
      <c r="AO36835">
        <v>29</v>
      </c>
      <c r="AP36835">
        <v>29</v>
      </c>
      <c r="AQ36835">
        <v>28</v>
      </c>
    </row>
    <row r="36836" spans="1:43">
      <c r="A36836" t="s">
        <v>22831</v>
      </c>
      <c r="B36836" t="s">
        <v>22832</v>
      </c>
      <c r="C36836" t="s">
        <v>22749</v>
      </c>
      <c r="D36836" t="s">
        <v>22750</v>
      </c>
      <c r="E36836" t="s">
        <v>22737</v>
      </c>
      <c r="F36836" t="s">
        <v>22738</v>
      </c>
      <c r="G36836" t="s">
        <v>11612</v>
      </c>
      <c r="H36836" t="s">
        <v>11613</v>
      </c>
      <c r="I36836" s="2">
        <v>0</v>
      </c>
      <c r="J36836" s="2">
        <v>0</v>
      </c>
      <c r="K36836" s="2">
        <v>1</v>
      </c>
      <c r="L36836" t="s">
        <v>995</v>
      </c>
      <c r="M36836" t="s">
        <v>89</v>
      </c>
      <c r="N36836" t="s">
        <v>90</v>
      </c>
      <c r="O36836" t="s">
        <v>85</v>
      </c>
      <c r="P36836" t="s">
        <v>86</v>
      </c>
      <c r="Q36836">
        <v>30</v>
      </c>
      <c r="R36836">
        <v>31</v>
      </c>
      <c r="S36836">
        <v>31</v>
      </c>
      <c r="T36836">
        <v>32</v>
      </c>
      <c r="U36836">
        <v>32</v>
      </c>
      <c r="V36836">
        <v>33</v>
      </c>
      <c r="W36836">
        <v>33</v>
      </c>
      <c r="X36836">
        <v>33</v>
      </c>
      <c r="Y36836">
        <v>34</v>
      </c>
      <c r="Z36836">
        <v>34</v>
      </c>
      <c r="AA36836">
        <v>34</v>
      </c>
      <c r="AB36836">
        <v>34</v>
      </c>
      <c r="AC36836">
        <v>35</v>
      </c>
      <c r="AD36836">
        <v>35</v>
      </c>
      <c r="AE36836">
        <v>35</v>
      </c>
      <c r="AF36836">
        <v>35</v>
      </c>
      <c r="AG36836">
        <v>35</v>
      </c>
      <c r="AH36836">
        <v>34</v>
      </c>
      <c r="AI36836">
        <v>34</v>
      </c>
      <c r="AJ36836">
        <v>34</v>
      </c>
      <c r="AK36836">
        <v>34</v>
      </c>
      <c r="AL36836">
        <v>34</v>
      </c>
      <c r="AM36836">
        <v>33</v>
      </c>
      <c r="AN36836">
        <v>33</v>
      </c>
      <c r="AO36836">
        <v>33</v>
      </c>
      <c r="AP36836">
        <v>33</v>
      </c>
      <c r="AQ36836">
        <v>33</v>
      </c>
    </row>
    <row r="36837" spans="1:43">
      <c r="A36837" t="s">
        <v>22831</v>
      </c>
      <c r="B36837" t="s">
        <v>22832</v>
      </c>
      <c r="C36837" t="s">
        <v>22749</v>
      </c>
      <c r="D36837" t="s">
        <v>22750</v>
      </c>
      <c r="E36837" t="s">
        <v>22737</v>
      </c>
      <c r="F36837" t="s">
        <v>22738</v>
      </c>
      <c r="G36837" t="s">
        <v>11612</v>
      </c>
      <c r="H36837" t="s">
        <v>11613</v>
      </c>
      <c r="I36837" s="2">
        <v>0</v>
      </c>
      <c r="J36837" s="2">
        <v>0</v>
      </c>
      <c r="K36837" s="2">
        <v>1</v>
      </c>
      <c r="L36837" t="s">
        <v>995</v>
      </c>
      <c r="M36837" t="s">
        <v>83</v>
      </c>
      <c r="N36837" t="s">
        <v>91</v>
      </c>
      <c r="O36837" t="s">
        <v>85</v>
      </c>
      <c r="P36837" t="s">
        <v>86</v>
      </c>
      <c r="Q36837">
        <v>30</v>
      </c>
      <c r="R36837">
        <v>30</v>
      </c>
      <c r="S36837">
        <v>30</v>
      </c>
      <c r="T36837">
        <v>31</v>
      </c>
      <c r="U36837">
        <v>31</v>
      </c>
      <c r="V36837">
        <v>31</v>
      </c>
      <c r="W36837">
        <v>31</v>
      </c>
      <c r="X36837">
        <v>32</v>
      </c>
      <c r="Y36837">
        <v>32</v>
      </c>
      <c r="Z36837">
        <v>32</v>
      </c>
      <c r="AA36837">
        <v>32</v>
      </c>
      <c r="AB36837">
        <v>32</v>
      </c>
      <c r="AC36837">
        <v>33</v>
      </c>
      <c r="AD36837">
        <v>33</v>
      </c>
      <c r="AE36837">
        <v>33</v>
      </c>
      <c r="AF36837">
        <v>33</v>
      </c>
      <c r="AG36837">
        <v>33</v>
      </c>
      <c r="AH36837">
        <v>33</v>
      </c>
      <c r="AI36837">
        <v>33</v>
      </c>
      <c r="AJ36837">
        <v>33</v>
      </c>
      <c r="AK36837">
        <v>34</v>
      </c>
      <c r="AL36837">
        <v>33</v>
      </c>
      <c r="AM36837">
        <v>33</v>
      </c>
      <c r="AN36837">
        <v>33</v>
      </c>
      <c r="AO36837">
        <v>33</v>
      </c>
      <c r="AP36837">
        <v>33</v>
      </c>
      <c r="AQ36837">
        <v>32</v>
      </c>
    </row>
    <row r="36838" spans="1:43">
      <c r="A36838" t="s">
        <v>22833</v>
      </c>
      <c r="B36838" t="s">
        <v>22834</v>
      </c>
      <c r="C36838" t="s">
        <v>22743</v>
      </c>
      <c r="D36838" t="s">
        <v>22744</v>
      </c>
      <c r="E36838" t="s">
        <v>22737</v>
      </c>
      <c r="F36838" t="s">
        <v>22738</v>
      </c>
      <c r="G36838" t="s">
        <v>11612</v>
      </c>
      <c r="H36838" t="s">
        <v>11613</v>
      </c>
      <c r="I36838" s="2">
        <v>0</v>
      </c>
      <c r="J36838" s="2">
        <v>0</v>
      </c>
      <c r="K36838" s="2">
        <v>1</v>
      </c>
      <c r="L36838" t="s">
        <v>995</v>
      </c>
      <c r="M36838" t="s">
        <v>83</v>
      </c>
      <c r="N36838" t="s">
        <v>84</v>
      </c>
      <c r="O36838" t="s">
        <v>85</v>
      </c>
      <c r="P36838" t="s">
        <v>86</v>
      </c>
      <c r="Q36838">
        <v>14</v>
      </c>
      <c r="R36838">
        <v>14</v>
      </c>
      <c r="S36838">
        <v>14</v>
      </c>
      <c r="T36838">
        <v>14</v>
      </c>
      <c r="U36838">
        <v>14</v>
      </c>
      <c r="V36838">
        <v>14</v>
      </c>
      <c r="W36838">
        <v>14</v>
      </c>
      <c r="X36838">
        <v>15</v>
      </c>
      <c r="Y36838">
        <v>15</v>
      </c>
      <c r="Z36838">
        <v>15</v>
      </c>
      <c r="AA36838">
        <v>15</v>
      </c>
      <c r="AB36838">
        <v>15</v>
      </c>
      <c r="AC36838">
        <v>15</v>
      </c>
      <c r="AD36838">
        <v>15</v>
      </c>
      <c r="AE36838">
        <v>15</v>
      </c>
      <c r="AF36838">
        <v>15</v>
      </c>
      <c r="AG36838">
        <v>15</v>
      </c>
      <c r="AH36838">
        <v>15</v>
      </c>
      <c r="AI36838">
        <v>15</v>
      </c>
      <c r="AJ36838">
        <v>15</v>
      </c>
      <c r="AK36838">
        <v>15</v>
      </c>
      <c r="AL36838">
        <v>15</v>
      </c>
      <c r="AM36838">
        <v>15</v>
      </c>
      <c r="AN36838">
        <v>15</v>
      </c>
      <c r="AO36838">
        <v>15</v>
      </c>
      <c r="AP36838">
        <v>15</v>
      </c>
      <c r="AQ36838">
        <v>15</v>
      </c>
    </row>
    <row r="36839" spans="1:43">
      <c r="A36839" t="s">
        <v>22833</v>
      </c>
      <c r="B36839" t="s">
        <v>22834</v>
      </c>
      <c r="C36839" t="s">
        <v>22743</v>
      </c>
      <c r="D36839" t="s">
        <v>22744</v>
      </c>
      <c r="E36839" t="s">
        <v>22737</v>
      </c>
      <c r="F36839" t="s">
        <v>22738</v>
      </c>
      <c r="G36839" t="s">
        <v>11612</v>
      </c>
      <c r="H36839" t="s">
        <v>11613</v>
      </c>
      <c r="I36839" s="2">
        <v>0</v>
      </c>
      <c r="J36839" s="2">
        <v>0</v>
      </c>
      <c r="K36839" s="2">
        <v>1</v>
      </c>
      <c r="L36839" t="s">
        <v>995</v>
      </c>
      <c r="M36839" t="s">
        <v>87</v>
      </c>
      <c r="N36839" t="s">
        <v>88</v>
      </c>
      <c r="O36839" t="s">
        <v>85</v>
      </c>
      <c r="P36839" t="s">
        <v>86</v>
      </c>
      <c r="Q36839">
        <v>14</v>
      </c>
      <c r="R36839">
        <v>14</v>
      </c>
      <c r="S36839">
        <v>14</v>
      </c>
      <c r="T36839">
        <v>14</v>
      </c>
      <c r="U36839">
        <v>14</v>
      </c>
      <c r="V36839">
        <v>14</v>
      </c>
      <c r="W36839">
        <v>14</v>
      </c>
      <c r="X36839">
        <v>14</v>
      </c>
      <c r="Y36839">
        <v>13</v>
      </c>
      <c r="Z36839">
        <v>13</v>
      </c>
      <c r="AA36839">
        <v>13</v>
      </c>
      <c r="AB36839">
        <v>13</v>
      </c>
      <c r="AC36839">
        <v>13</v>
      </c>
      <c r="AD36839">
        <v>13</v>
      </c>
      <c r="AE36839">
        <v>13</v>
      </c>
      <c r="AF36839">
        <v>13</v>
      </c>
      <c r="AG36839">
        <v>13</v>
      </c>
      <c r="AH36839">
        <v>13</v>
      </c>
      <c r="AI36839">
        <v>13</v>
      </c>
      <c r="AJ36839">
        <v>13</v>
      </c>
      <c r="AK36839">
        <v>13</v>
      </c>
      <c r="AL36839">
        <v>13</v>
      </c>
      <c r="AM36839">
        <v>13</v>
      </c>
      <c r="AN36839">
        <v>13</v>
      </c>
      <c r="AO36839">
        <v>13</v>
      </c>
      <c r="AP36839">
        <v>13</v>
      </c>
      <c r="AQ36839">
        <v>13</v>
      </c>
    </row>
    <row r="36840" spans="1:43">
      <c r="A36840" t="s">
        <v>22833</v>
      </c>
      <c r="B36840" t="s">
        <v>22834</v>
      </c>
      <c r="C36840" t="s">
        <v>22743</v>
      </c>
      <c r="D36840" t="s">
        <v>22744</v>
      </c>
      <c r="E36840" t="s">
        <v>22737</v>
      </c>
      <c r="F36840" t="s">
        <v>22738</v>
      </c>
      <c r="G36840" t="s">
        <v>11612</v>
      </c>
      <c r="H36840" t="s">
        <v>11613</v>
      </c>
      <c r="I36840" s="2">
        <v>0</v>
      </c>
      <c r="J36840" s="2">
        <v>0</v>
      </c>
      <c r="K36840" s="2">
        <v>1</v>
      </c>
      <c r="L36840" t="s">
        <v>995</v>
      </c>
      <c r="M36840" t="s">
        <v>89</v>
      </c>
      <c r="N36840" t="s">
        <v>90</v>
      </c>
      <c r="O36840" t="s">
        <v>85</v>
      </c>
      <c r="P36840" t="s">
        <v>86</v>
      </c>
      <c r="Q36840">
        <v>14</v>
      </c>
      <c r="R36840">
        <v>14</v>
      </c>
      <c r="S36840">
        <v>14</v>
      </c>
      <c r="T36840">
        <v>15</v>
      </c>
      <c r="U36840">
        <v>15</v>
      </c>
      <c r="V36840">
        <v>15</v>
      </c>
      <c r="W36840">
        <v>15</v>
      </c>
      <c r="X36840">
        <v>15</v>
      </c>
      <c r="Y36840">
        <v>15</v>
      </c>
      <c r="Z36840">
        <v>16</v>
      </c>
      <c r="AA36840">
        <v>16</v>
      </c>
      <c r="AB36840">
        <v>16</v>
      </c>
      <c r="AC36840">
        <v>16</v>
      </c>
      <c r="AD36840">
        <v>16</v>
      </c>
      <c r="AE36840">
        <v>16</v>
      </c>
      <c r="AF36840">
        <v>16</v>
      </c>
      <c r="AG36840">
        <v>16</v>
      </c>
      <c r="AH36840">
        <v>16</v>
      </c>
      <c r="AI36840">
        <v>16</v>
      </c>
      <c r="AJ36840">
        <v>16</v>
      </c>
      <c r="AK36840">
        <v>16</v>
      </c>
      <c r="AL36840">
        <v>15</v>
      </c>
      <c r="AM36840">
        <v>15</v>
      </c>
      <c r="AN36840">
        <v>15</v>
      </c>
      <c r="AO36840">
        <v>15</v>
      </c>
      <c r="AP36840">
        <v>15</v>
      </c>
      <c r="AQ36840">
        <v>15</v>
      </c>
    </row>
    <row r="36841" spans="1:43">
      <c r="A36841" t="s">
        <v>22833</v>
      </c>
      <c r="B36841" t="s">
        <v>22834</v>
      </c>
      <c r="C36841" t="s">
        <v>22743</v>
      </c>
      <c r="D36841" t="s">
        <v>22744</v>
      </c>
      <c r="E36841" t="s">
        <v>22737</v>
      </c>
      <c r="F36841" t="s">
        <v>22738</v>
      </c>
      <c r="G36841" t="s">
        <v>11612</v>
      </c>
      <c r="H36841" t="s">
        <v>11613</v>
      </c>
      <c r="I36841" s="2">
        <v>0</v>
      </c>
      <c r="J36841" s="2">
        <v>0</v>
      </c>
      <c r="K36841" s="2">
        <v>1</v>
      </c>
      <c r="L36841" t="s">
        <v>995</v>
      </c>
      <c r="M36841" t="s">
        <v>83</v>
      </c>
      <c r="N36841" t="s">
        <v>91</v>
      </c>
      <c r="O36841" t="s">
        <v>85</v>
      </c>
      <c r="P36841" t="s">
        <v>86</v>
      </c>
      <c r="Q36841">
        <v>14</v>
      </c>
      <c r="R36841">
        <v>14</v>
      </c>
      <c r="S36841">
        <v>14</v>
      </c>
      <c r="T36841">
        <v>14</v>
      </c>
      <c r="U36841">
        <v>14</v>
      </c>
      <c r="V36841">
        <v>14</v>
      </c>
      <c r="W36841">
        <v>14</v>
      </c>
      <c r="X36841">
        <v>15</v>
      </c>
      <c r="Y36841">
        <v>15</v>
      </c>
      <c r="Z36841">
        <v>15</v>
      </c>
      <c r="AA36841">
        <v>15</v>
      </c>
      <c r="AB36841">
        <v>15</v>
      </c>
      <c r="AC36841">
        <v>15</v>
      </c>
      <c r="AD36841">
        <v>15</v>
      </c>
      <c r="AE36841">
        <v>15</v>
      </c>
      <c r="AF36841">
        <v>15</v>
      </c>
      <c r="AG36841">
        <v>15</v>
      </c>
      <c r="AH36841">
        <v>15</v>
      </c>
      <c r="AI36841">
        <v>15</v>
      </c>
      <c r="AJ36841">
        <v>15</v>
      </c>
      <c r="AK36841">
        <v>15</v>
      </c>
      <c r="AL36841">
        <v>15</v>
      </c>
      <c r="AM36841">
        <v>15</v>
      </c>
      <c r="AN36841">
        <v>15</v>
      </c>
      <c r="AO36841">
        <v>15</v>
      </c>
      <c r="AP36841">
        <v>15</v>
      </c>
      <c r="AQ36841">
        <v>15</v>
      </c>
    </row>
    <row r="36842" spans="1:43">
      <c r="A36842" t="s">
        <v>22835</v>
      </c>
      <c r="B36842" t="s">
        <v>22836</v>
      </c>
      <c r="C36842" t="s">
        <v>22837</v>
      </c>
      <c r="D36842" t="s">
        <v>22838</v>
      </c>
      <c r="E36842" t="s">
        <v>22839</v>
      </c>
      <c r="F36842" t="s">
        <v>22840</v>
      </c>
      <c r="G36842" t="s">
        <v>22539</v>
      </c>
      <c r="H36842" t="s">
        <v>22540</v>
      </c>
      <c r="I36842" s="2">
        <v>0</v>
      </c>
      <c r="J36842" s="2">
        <v>0</v>
      </c>
      <c r="K36842" s="2">
        <v>1</v>
      </c>
      <c r="L36842" t="s">
        <v>995</v>
      </c>
      <c r="M36842" t="s">
        <v>83</v>
      </c>
      <c r="N36842" t="s">
        <v>84</v>
      </c>
      <c r="O36842" t="s">
        <v>85</v>
      </c>
      <c r="P36842" t="s">
        <v>86</v>
      </c>
      <c r="Q36842">
        <v>23</v>
      </c>
      <c r="R36842">
        <v>24</v>
      </c>
      <c r="S36842">
        <v>24</v>
      </c>
      <c r="T36842">
        <v>24</v>
      </c>
      <c r="U36842">
        <v>25</v>
      </c>
      <c r="V36842">
        <v>25</v>
      </c>
      <c r="W36842">
        <v>25</v>
      </c>
      <c r="X36842">
        <v>26</v>
      </c>
      <c r="Y36842">
        <v>26</v>
      </c>
      <c r="Z36842">
        <v>27</v>
      </c>
      <c r="AA36842">
        <v>27</v>
      </c>
      <c r="AB36842">
        <v>27</v>
      </c>
      <c r="AC36842">
        <v>28</v>
      </c>
      <c r="AD36842">
        <v>28</v>
      </c>
      <c r="AE36842">
        <v>28</v>
      </c>
      <c r="AF36842">
        <v>29</v>
      </c>
      <c r="AG36842">
        <v>29</v>
      </c>
      <c r="AH36842">
        <v>29</v>
      </c>
      <c r="AI36842">
        <v>30</v>
      </c>
      <c r="AJ36842">
        <v>30</v>
      </c>
      <c r="AK36842">
        <v>31</v>
      </c>
      <c r="AL36842">
        <v>31</v>
      </c>
      <c r="AM36842">
        <v>31</v>
      </c>
      <c r="AN36842">
        <v>31</v>
      </c>
      <c r="AO36842">
        <v>31</v>
      </c>
      <c r="AP36842">
        <v>31</v>
      </c>
      <c r="AQ36842">
        <v>31</v>
      </c>
    </row>
    <row r="36843" spans="1:43">
      <c r="A36843" t="s">
        <v>22835</v>
      </c>
      <c r="B36843" t="s">
        <v>22836</v>
      </c>
      <c r="C36843" t="s">
        <v>22837</v>
      </c>
      <c r="D36843" t="s">
        <v>22838</v>
      </c>
      <c r="E36843" t="s">
        <v>22839</v>
      </c>
      <c r="F36843" t="s">
        <v>22840</v>
      </c>
      <c r="G36843" t="s">
        <v>22539</v>
      </c>
      <c r="H36843" t="s">
        <v>22540</v>
      </c>
      <c r="I36843" s="2">
        <v>0</v>
      </c>
      <c r="J36843" s="2">
        <v>0</v>
      </c>
      <c r="K36843" s="2">
        <v>1</v>
      </c>
      <c r="L36843" t="s">
        <v>995</v>
      </c>
      <c r="M36843" t="s">
        <v>87</v>
      </c>
      <c r="N36843" t="s">
        <v>88</v>
      </c>
      <c r="O36843" t="s">
        <v>85</v>
      </c>
      <c r="P36843" t="s">
        <v>86</v>
      </c>
      <c r="Q36843">
        <v>23</v>
      </c>
      <c r="R36843">
        <v>23</v>
      </c>
      <c r="S36843">
        <v>23</v>
      </c>
      <c r="T36843">
        <v>24</v>
      </c>
      <c r="U36843">
        <v>24</v>
      </c>
      <c r="V36843">
        <v>24</v>
      </c>
      <c r="W36843">
        <v>24</v>
      </c>
      <c r="X36843">
        <v>24</v>
      </c>
      <c r="Y36843">
        <v>24</v>
      </c>
      <c r="Z36843">
        <v>24</v>
      </c>
      <c r="AA36843">
        <v>25</v>
      </c>
      <c r="AB36843">
        <v>25</v>
      </c>
      <c r="AC36843">
        <v>25</v>
      </c>
      <c r="AD36843">
        <v>25</v>
      </c>
      <c r="AE36843">
        <v>25</v>
      </c>
      <c r="AF36843">
        <v>25</v>
      </c>
      <c r="AG36843">
        <v>25</v>
      </c>
      <c r="AH36843">
        <v>26</v>
      </c>
      <c r="AI36843">
        <v>26</v>
      </c>
      <c r="AJ36843">
        <v>26</v>
      </c>
      <c r="AK36843">
        <v>26</v>
      </c>
      <c r="AL36843">
        <v>26</v>
      </c>
      <c r="AM36843">
        <v>26</v>
      </c>
      <c r="AN36843">
        <v>27</v>
      </c>
      <c r="AO36843">
        <v>27</v>
      </c>
      <c r="AP36843">
        <v>27</v>
      </c>
      <c r="AQ36843">
        <v>27</v>
      </c>
    </row>
    <row r="36844" spans="1:43">
      <c r="A36844" t="s">
        <v>22835</v>
      </c>
      <c r="B36844" t="s">
        <v>22836</v>
      </c>
      <c r="C36844" t="s">
        <v>22837</v>
      </c>
      <c r="D36844" t="s">
        <v>22838</v>
      </c>
      <c r="E36844" t="s">
        <v>22839</v>
      </c>
      <c r="F36844" t="s">
        <v>22840</v>
      </c>
      <c r="G36844" t="s">
        <v>22539</v>
      </c>
      <c r="H36844" t="s">
        <v>22540</v>
      </c>
      <c r="I36844" s="2">
        <v>0</v>
      </c>
      <c r="J36844" s="2">
        <v>0</v>
      </c>
      <c r="K36844" s="2">
        <v>1</v>
      </c>
      <c r="L36844" t="s">
        <v>995</v>
      </c>
      <c r="M36844" t="s">
        <v>89</v>
      </c>
      <c r="N36844" t="s">
        <v>90</v>
      </c>
      <c r="O36844" t="s">
        <v>85</v>
      </c>
      <c r="P36844" t="s">
        <v>86</v>
      </c>
      <c r="Q36844">
        <v>23</v>
      </c>
      <c r="R36844">
        <v>24</v>
      </c>
      <c r="S36844">
        <v>25</v>
      </c>
      <c r="T36844">
        <v>25</v>
      </c>
      <c r="U36844">
        <v>26</v>
      </c>
      <c r="V36844">
        <v>26</v>
      </c>
      <c r="W36844">
        <v>27</v>
      </c>
      <c r="X36844">
        <v>27</v>
      </c>
      <c r="Y36844">
        <v>28</v>
      </c>
      <c r="Z36844">
        <v>28</v>
      </c>
      <c r="AA36844">
        <v>29</v>
      </c>
      <c r="AB36844">
        <v>29</v>
      </c>
      <c r="AC36844">
        <v>30</v>
      </c>
      <c r="AD36844">
        <v>30</v>
      </c>
      <c r="AE36844">
        <v>30</v>
      </c>
      <c r="AF36844">
        <v>31</v>
      </c>
      <c r="AG36844">
        <v>31</v>
      </c>
      <c r="AH36844">
        <v>31</v>
      </c>
      <c r="AI36844">
        <v>31</v>
      </c>
      <c r="AJ36844">
        <v>31</v>
      </c>
      <c r="AK36844">
        <v>31</v>
      </c>
      <c r="AL36844">
        <v>31</v>
      </c>
      <c r="AM36844">
        <v>31</v>
      </c>
      <c r="AN36844">
        <v>31</v>
      </c>
      <c r="AO36844">
        <v>31</v>
      </c>
      <c r="AP36844">
        <v>31</v>
      </c>
      <c r="AQ36844">
        <v>31</v>
      </c>
    </row>
    <row r="36845" spans="1:43">
      <c r="A36845" t="s">
        <v>22835</v>
      </c>
      <c r="B36845" t="s">
        <v>22836</v>
      </c>
      <c r="C36845" t="s">
        <v>22837</v>
      </c>
      <c r="D36845" t="s">
        <v>22838</v>
      </c>
      <c r="E36845" t="s">
        <v>22839</v>
      </c>
      <c r="F36845" t="s">
        <v>22840</v>
      </c>
      <c r="G36845" t="s">
        <v>22539</v>
      </c>
      <c r="H36845" t="s">
        <v>22540</v>
      </c>
      <c r="I36845" s="2">
        <v>0</v>
      </c>
      <c r="J36845" s="2">
        <v>0</v>
      </c>
      <c r="K36845" s="2">
        <v>1</v>
      </c>
      <c r="L36845" t="s">
        <v>995</v>
      </c>
      <c r="M36845" t="s">
        <v>83</v>
      </c>
      <c r="N36845" t="s">
        <v>91</v>
      </c>
      <c r="O36845" t="s">
        <v>85</v>
      </c>
      <c r="P36845" t="s">
        <v>86</v>
      </c>
      <c r="Q36845">
        <v>23</v>
      </c>
      <c r="R36845">
        <v>24</v>
      </c>
      <c r="S36845">
        <v>24</v>
      </c>
      <c r="T36845">
        <v>24</v>
      </c>
      <c r="U36845">
        <v>25</v>
      </c>
      <c r="V36845">
        <v>25</v>
      </c>
      <c r="W36845">
        <v>25</v>
      </c>
      <c r="X36845">
        <v>26</v>
      </c>
      <c r="Y36845">
        <v>26</v>
      </c>
      <c r="Z36845">
        <v>27</v>
      </c>
      <c r="AA36845">
        <v>27</v>
      </c>
      <c r="AB36845">
        <v>27</v>
      </c>
      <c r="AC36845">
        <v>28</v>
      </c>
      <c r="AD36845">
        <v>28</v>
      </c>
      <c r="AE36845">
        <v>28</v>
      </c>
      <c r="AF36845">
        <v>29</v>
      </c>
      <c r="AG36845">
        <v>29</v>
      </c>
      <c r="AH36845">
        <v>29</v>
      </c>
      <c r="AI36845">
        <v>30</v>
      </c>
      <c r="AJ36845">
        <v>30</v>
      </c>
      <c r="AK36845">
        <v>31</v>
      </c>
      <c r="AL36845">
        <v>31</v>
      </c>
      <c r="AM36845">
        <v>31</v>
      </c>
      <c r="AN36845">
        <v>31</v>
      </c>
      <c r="AO36845">
        <v>31</v>
      </c>
      <c r="AP36845">
        <v>31</v>
      </c>
      <c r="AQ36845">
        <v>31</v>
      </c>
    </row>
    <row r="36846" spans="1:43">
      <c r="A36846" t="s">
        <v>22841</v>
      </c>
      <c r="B36846" t="s">
        <v>22842</v>
      </c>
      <c r="C36846" t="s">
        <v>22837</v>
      </c>
      <c r="D36846" t="s">
        <v>22838</v>
      </c>
      <c r="E36846" t="s">
        <v>22839</v>
      </c>
      <c r="F36846" t="s">
        <v>22840</v>
      </c>
      <c r="G36846" t="s">
        <v>22539</v>
      </c>
      <c r="H36846" t="s">
        <v>22540</v>
      </c>
      <c r="I36846" s="2">
        <v>0</v>
      </c>
      <c r="J36846" s="2">
        <v>0</v>
      </c>
      <c r="K36846" s="2">
        <v>1</v>
      </c>
      <c r="L36846" t="s">
        <v>995</v>
      </c>
      <c r="M36846" t="s">
        <v>83</v>
      </c>
      <c r="N36846" t="s">
        <v>84</v>
      </c>
      <c r="O36846" t="s">
        <v>85</v>
      </c>
      <c r="P36846" t="s">
        <v>86</v>
      </c>
      <c r="Q36846">
        <v>15</v>
      </c>
      <c r="R36846">
        <v>15</v>
      </c>
      <c r="S36846">
        <v>15</v>
      </c>
      <c r="T36846">
        <v>15</v>
      </c>
      <c r="U36846">
        <v>16</v>
      </c>
      <c r="V36846">
        <v>16</v>
      </c>
      <c r="W36846">
        <v>16</v>
      </c>
      <c r="X36846">
        <v>16</v>
      </c>
      <c r="Y36846">
        <v>17</v>
      </c>
      <c r="Z36846">
        <v>17</v>
      </c>
      <c r="AA36846">
        <v>17</v>
      </c>
      <c r="AB36846">
        <v>17</v>
      </c>
      <c r="AC36846">
        <v>18</v>
      </c>
      <c r="AD36846">
        <v>18</v>
      </c>
      <c r="AE36846">
        <v>18</v>
      </c>
      <c r="AF36846">
        <v>18</v>
      </c>
      <c r="AG36846">
        <v>19</v>
      </c>
      <c r="AH36846">
        <v>19</v>
      </c>
      <c r="AI36846">
        <v>19</v>
      </c>
      <c r="AJ36846">
        <v>19</v>
      </c>
      <c r="AK36846">
        <v>19</v>
      </c>
      <c r="AL36846">
        <v>20</v>
      </c>
      <c r="AM36846">
        <v>20</v>
      </c>
      <c r="AN36846">
        <v>20</v>
      </c>
      <c r="AO36846">
        <v>20</v>
      </c>
      <c r="AP36846">
        <v>20</v>
      </c>
      <c r="AQ36846">
        <v>20</v>
      </c>
    </row>
    <row r="36847" spans="1:43">
      <c r="A36847" t="s">
        <v>22841</v>
      </c>
      <c r="B36847" t="s">
        <v>22842</v>
      </c>
      <c r="C36847" t="s">
        <v>22837</v>
      </c>
      <c r="D36847" t="s">
        <v>22838</v>
      </c>
      <c r="E36847" t="s">
        <v>22839</v>
      </c>
      <c r="F36847" t="s">
        <v>22840</v>
      </c>
      <c r="G36847" t="s">
        <v>22539</v>
      </c>
      <c r="H36847" t="s">
        <v>22540</v>
      </c>
      <c r="I36847" s="2">
        <v>0</v>
      </c>
      <c r="J36847" s="2">
        <v>0</v>
      </c>
      <c r="K36847" s="2">
        <v>1</v>
      </c>
      <c r="L36847" t="s">
        <v>995</v>
      </c>
      <c r="M36847" t="s">
        <v>87</v>
      </c>
      <c r="N36847" t="s">
        <v>88</v>
      </c>
      <c r="O36847" t="s">
        <v>85</v>
      </c>
      <c r="P36847" t="s">
        <v>86</v>
      </c>
      <c r="Q36847">
        <v>15</v>
      </c>
      <c r="R36847">
        <v>15</v>
      </c>
      <c r="S36847">
        <v>15</v>
      </c>
      <c r="T36847">
        <v>15</v>
      </c>
      <c r="U36847">
        <v>15</v>
      </c>
      <c r="V36847">
        <v>15</v>
      </c>
      <c r="W36847">
        <v>15</v>
      </c>
      <c r="X36847">
        <v>15</v>
      </c>
      <c r="Y36847">
        <v>15</v>
      </c>
      <c r="Z36847">
        <v>16</v>
      </c>
      <c r="AA36847">
        <v>16</v>
      </c>
      <c r="AB36847">
        <v>16</v>
      </c>
      <c r="AC36847">
        <v>16</v>
      </c>
      <c r="AD36847">
        <v>16</v>
      </c>
      <c r="AE36847">
        <v>16</v>
      </c>
      <c r="AF36847">
        <v>16</v>
      </c>
      <c r="AG36847">
        <v>16</v>
      </c>
      <c r="AH36847">
        <v>16</v>
      </c>
      <c r="AI36847">
        <v>16</v>
      </c>
      <c r="AJ36847">
        <v>17</v>
      </c>
      <c r="AK36847">
        <v>17</v>
      </c>
      <c r="AL36847">
        <v>17</v>
      </c>
      <c r="AM36847">
        <v>17</v>
      </c>
      <c r="AN36847">
        <v>17</v>
      </c>
      <c r="AO36847">
        <v>17</v>
      </c>
      <c r="AP36847">
        <v>17</v>
      </c>
      <c r="AQ36847">
        <v>17</v>
      </c>
    </row>
    <row r="36848" spans="1:43">
      <c r="A36848" t="s">
        <v>22841</v>
      </c>
      <c r="B36848" t="s">
        <v>22842</v>
      </c>
      <c r="C36848" t="s">
        <v>22837</v>
      </c>
      <c r="D36848" t="s">
        <v>22838</v>
      </c>
      <c r="E36848" t="s">
        <v>22839</v>
      </c>
      <c r="F36848" t="s">
        <v>22840</v>
      </c>
      <c r="G36848" t="s">
        <v>22539</v>
      </c>
      <c r="H36848" t="s">
        <v>22540</v>
      </c>
      <c r="I36848" s="2">
        <v>0</v>
      </c>
      <c r="J36848" s="2">
        <v>0</v>
      </c>
      <c r="K36848" s="2">
        <v>1</v>
      </c>
      <c r="L36848" t="s">
        <v>995</v>
      </c>
      <c r="M36848" t="s">
        <v>89</v>
      </c>
      <c r="N36848" t="s">
        <v>90</v>
      </c>
      <c r="O36848" t="s">
        <v>85</v>
      </c>
      <c r="P36848" t="s">
        <v>86</v>
      </c>
      <c r="Q36848">
        <v>15</v>
      </c>
      <c r="R36848">
        <v>15</v>
      </c>
      <c r="S36848">
        <v>16</v>
      </c>
      <c r="T36848">
        <v>16</v>
      </c>
      <c r="U36848">
        <v>16</v>
      </c>
      <c r="V36848">
        <v>17</v>
      </c>
      <c r="W36848">
        <v>17</v>
      </c>
      <c r="X36848">
        <v>17</v>
      </c>
      <c r="Y36848">
        <v>18</v>
      </c>
      <c r="Z36848">
        <v>18</v>
      </c>
      <c r="AA36848">
        <v>18</v>
      </c>
      <c r="AB36848">
        <v>19</v>
      </c>
      <c r="AC36848">
        <v>19</v>
      </c>
      <c r="AD36848">
        <v>19</v>
      </c>
      <c r="AE36848">
        <v>19</v>
      </c>
      <c r="AF36848">
        <v>19</v>
      </c>
      <c r="AG36848">
        <v>20</v>
      </c>
      <c r="AH36848">
        <v>20</v>
      </c>
      <c r="AI36848">
        <v>20</v>
      </c>
      <c r="AJ36848">
        <v>20</v>
      </c>
      <c r="AK36848">
        <v>20</v>
      </c>
      <c r="AL36848">
        <v>20</v>
      </c>
      <c r="AM36848">
        <v>20</v>
      </c>
      <c r="AN36848">
        <v>20</v>
      </c>
      <c r="AO36848">
        <v>20</v>
      </c>
      <c r="AP36848">
        <v>20</v>
      </c>
      <c r="AQ36848">
        <v>20</v>
      </c>
    </row>
    <row r="36849" spans="1:43">
      <c r="A36849" t="s">
        <v>22841</v>
      </c>
      <c r="B36849" t="s">
        <v>22842</v>
      </c>
      <c r="C36849" t="s">
        <v>22837</v>
      </c>
      <c r="D36849" t="s">
        <v>22838</v>
      </c>
      <c r="E36849" t="s">
        <v>22839</v>
      </c>
      <c r="F36849" t="s">
        <v>22840</v>
      </c>
      <c r="G36849" t="s">
        <v>22539</v>
      </c>
      <c r="H36849" t="s">
        <v>22540</v>
      </c>
      <c r="I36849" s="2">
        <v>0</v>
      </c>
      <c r="J36849" s="2">
        <v>0</v>
      </c>
      <c r="K36849" s="2">
        <v>1</v>
      </c>
      <c r="L36849" t="s">
        <v>995</v>
      </c>
      <c r="M36849" t="s">
        <v>83</v>
      </c>
      <c r="N36849" t="s">
        <v>91</v>
      </c>
      <c r="O36849" t="s">
        <v>85</v>
      </c>
      <c r="P36849" t="s">
        <v>86</v>
      </c>
      <c r="Q36849">
        <v>15</v>
      </c>
      <c r="R36849">
        <v>15</v>
      </c>
      <c r="S36849">
        <v>15</v>
      </c>
      <c r="T36849">
        <v>15</v>
      </c>
      <c r="U36849">
        <v>16</v>
      </c>
      <c r="V36849">
        <v>16</v>
      </c>
      <c r="W36849">
        <v>16</v>
      </c>
      <c r="X36849">
        <v>16</v>
      </c>
      <c r="Y36849">
        <v>17</v>
      </c>
      <c r="Z36849">
        <v>17</v>
      </c>
      <c r="AA36849">
        <v>17</v>
      </c>
      <c r="AB36849">
        <v>17</v>
      </c>
      <c r="AC36849">
        <v>18</v>
      </c>
      <c r="AD36849">
        <v>18</v>
      </c>
      <c r="AE36849">
        <v>18</v>
      </c>
      <c r="AF36849">
        <v>18</v>
      </c>
      <c r="AG36849">
        <v>19</v>
      </c>
      <c r="AH36849">
        <v>19</v>
      </c>
      <c r="AI36849">
        <v>19</v>
      </c>
      <c r="AJ36849">
        <v>19</v>
      </c>
      <c r="AK36849">
        <v>19</v>
      </c>
      <c r="AL36849">
        <v>20</v>
      </c>
      <c r="AM36849">
        <v>20</v>
      </c>
      <c r="AN36849">
        <v>20</v>
      </c>
      <c r="AO36849">
        <v>20</v>
      </c>
      <c r="AP36849">
        <v>20</v>
      </c>
      <c r="AQ36849">
        <v>20</v>
      </c>
    </row>
    <row r="36850" spans="1:43">
      <c r="A36850" t="s">
        <v>22843</v>
      </c>
      <c r="B36850" t="s">
        <v>22844</v>
      </c>
      <c r="C36850" t="s">
        <v>22845</v>
      </c>
      <c r="D36850" t="s">
        <v>22846</v>
      </c>
      <c r="E36850" t="s">
        <v>22839</v>
      </c>
      <c r="F36850" t="s">
        <v>22840</v>
      </c>
      <c r="G36850" t="s">
        <v>22539</v>
      </c>
      <c r="H36850" t="s">
        <v>22540</v>
      </c>
      <c r="I36850" s="2">
        <v>0</v>
      </c>
      <c r="J36850" s="2">
        <v>0</v>
      </c>
      <c r="K36850" s="2">
        <v>1</v>
      </c>
      <c r="L36850" t="s">
        <v>995</v>
      </c>
      <c r="M36850" t="s">
        <v>83</v>
      </c>
      <c r="N36850" t="s">
        <v>84</v>
      </c>
      <c r="O36850" t="s">
        <v>85</v>
      </c>
      <c r="P36850" t="s">
        <v>86</v>
      </c>
      <c r="Q36850">
        <v>43</v>
      </c>
      <c r="R36850">
        <v>44</v>
      </c>
      <c r="S36850">
        <v>44</v>
      </c>
      <c r="T36850">
        <v>45</v>
      </c>
      <c r="U36850">
        <v>46</v>
      </c>
      <c r="V36850">
        <v>47</v>
      </c>
      <c r="W36850">
        <v>47</v>
      </c>
      <c r="X36850">
        <v>48</v>
      </c>
      <c r="Y36850">
        <v>49</v>
      </c>
      <c r="Z36850">
        <v>49</v>
      </c>
      <c r="AA36850">
        <v>50</v>
      </c>
      <c r="AB36850">
        <v>51</v>
      </c>
      <c r="AC36850">
        <v>51</v>
      </c>
      <c r="AD36850">
        <v>52</v>
      </c>
      <c r="AE36850">
        <v>53</v>
      </c>
      <c r="AF36850">
        <v>53</v>
      </c>
      <c r="AG36850">
        <v>54</v>
      </c>
      <c r="AH36850">
        <v>55</v>
      </c>
      <c r="AI36850">
        <v>55</v>
      </c>
      <c r="AJ36850">
        <v>56</v>
      </c>
      <c r="AK36850">
        <v>57</v>
      </c>
      <c r="AL36850">
        <v>57</v>
      </c>
      <c r="AM36850">
        <v>57</v>
      </c>
      <c r="AN36850">
        <v>57</v>
      </c>
      <c r="AO36850">
        <v>58</v>
      </c>
      <c r="AP36850">
        <v>58</v>
      </c>
      <c r="AQ36850">
        <v>58</v>
      </c>
    </row>
    <row r="36851" spans="1:43">
      <c r="A36851" t="s">
        <v>22843</v>
      </c>
      <c r="B36851" t="s">
        <v>22844</v>
      </c>
      <c r="C36851" t="s">
        <v>22845</v>
      </c>
      <c r="D36851" t="s">
        <v>22846</v>
      </c>
      <c r="E36851" t="s">
        <v>22839</v>
      </c>
      <c r="F36851" t="s">
        <v>22840</v>
      </c>
      <c r="G36851" t="s">
        <v>22539</v>
      </c>
      <c r="H36851" t="s">
        <v>22540</v>
      </c>
      <c r="I36851" s="2">
        <v>0</v>
      </c>
      <c r="J36851" s="2">
        <v>0</v>
      </c>
      <c r="K36851" s="2">
        <v>1</v>
      </c>
      <c r="L36851" t="s">
        <v>995</v>
      </c>
      <c r="M36851" t="s">
        <v>87</v>
      </c>
      <c r="N36851" t="s">
        <v>88</v>
      </c>
      <c r="O36851" t="s">
        <v>85</v>
      </c>
      <c r="P36851" t="s">
        <v>86</v>
      </c>
      <c r="Q36851">
        <v>43</v>
      </c>
      <c r="R36851">
        <v>43</v>
      </c>
      <c r="S36851">
        <v>43</v>
      </c>
      <c r="T36851">
        <v>44</v>
      </c>
      <c r="U36851">
        <v>44</v>
      </c>
      <c r="V36851">
        <v>44</v>
      </c>
      <c r="W36851">
        <v>44</v>
      </c>
      <c r="X36851">
        <v>45</v>
      </c>
      <c r="Y36851">
        <v>45</v>
      </c>
      <c r="Z36851">
        <v>45</v>
      </c>
      <c r="AA36851">
        <v>46</v>
      </c>
      <c r="AB36851">
        <v>46</v>
      </c>
      <c r="AC36851">
        <v>46</v>
      </c>
      <c r="AD36851">
        <v>46</v>
      </c>
      <c r="AE36851">
        <v>47</v>
      </c>
      <c r="AF36851">
        <v>47</v>
      </c>
      <c r="AG36851">
        <v>47</v>
      </c>
      <c r="AH36851">
        <v>48</v>
      </c>
      <c r="AI36851">
        <v>48</v>
      </c>
      <c r="AJ36851">
        <v>48</v>
      </c>
      <c r="AK36851">
        <v>48</v>
      </c>
      <c r="AL36851">
        <v>49</v>
      </c>
      <c r="AM36851">
        <v>49</v>
      </c>
      <c r="AN36851">
        <v>49</v>
      </c>
      <c r="AO36851">
        <v>50</v>
      </c>
      <c r="AP36851">
        <v>50</v>
      </c>
      <c r="AQ36851">
        <v>50</v>
      </c>
    </row>
    <row r="36852" spans="1:43">
      <c r="A36852" t="s">
        <v>22843</v>
      </c>
      <c r="B36852" t="s">
        <v>22844</v>
      </c>
      <c r="C36852" t="s">
        <v>22845</v>
      </c>
      <c r="D36852" t="s">
        <v>22846</v>
      </c>
      <c r="E36852" t="s">
        <v>22839</v>
      </c>
      <c r="F36852" t="s">
        <v>22840</v>
      </c>
      <c r="G36852" t="s">
        <v>22539</v>
      </c>
      <c r="H36852" t="s">
        <v>22540</v>
      </c>
      <c r="I36852" s="2">
        <v>0</v>
      </c>
      <c r="J36852" s="2">
        <v>0</v>
      </c>
      <c r="K36852" s="2">
        <v>1</v>
      </c>
      <c r="L36852" t="s">
        <v>995</v>
      </c>
      <c r="M36852" t="s">
        <v>89</v>
      </c>
      <c r="N36852" t="s">
        <v>90</v>
      </c>
      <c r="O36852" t="s">
        <v>85</v>
      </c>
      <c r="P36852" t="s">
        <v>86</v>
      </c>
      <c r="Q36852">
        <v>43</v>
      </c>
      <c r="R36852">
        <v>45</v>
      </c>
      <c r="S36852">
        <v>46</v>
      </c>
      <c r="T36852">
        <v>47</v>
      </c>
      <c r="U36852">
        <v>48</v>
      </c>
      <c r="V36852">
        <v>49</v>
      </c>
      <c r="W36852">
        <v>50</v>
      </c>
      <c r="X36852">
        <v>51</v>
      </c>
      <c r="Y36852">
        <v>52</v>
      </c>
      <c r="Z36852">
        <v>52</v>
      </c>
      <c r="AA36852">
        <v>53</v>
      </c>
      <c r="AB36852">
        <v>54</v>
      </c>
      <c r="AC36852">
        <v>55</v>
      </c>
      <c r="AD36852">
        <v>56</v>
      </c>
      <c r="AE36852">
        <v>57</v>
      </c>
      <c r="AF36852">
        <v>57</v>
      </c>
      <c r="AG36852">
        <v>57</v>
      </c>
      <c r="AH36852">
        <v>57</v>
      </c>
      <c r="AI36852">
        <v>57</v>
      </c>
      <c r="AJ36852">
        <v>57</v>
      </c>
      <c r="AK36852">
        <v>58</v>
      </c>
      <c r="AL36852">
        <v>58</v>
      </c>
      <c r="AM36852">
        <v>58</v>
      </c>
      <c r="AN36852">
        <v>58</v>
      </c>
      <c r="AO36852">
        <v>58</v>
      </c>
      <c r="AP36852">
        <v>58</v>
      </c>
      <c r="AQ36852">
        <v>58</v>
      </c>
    </row>
    <row r="36853" spans="1:43">
      <c r="A36853" t="s">
        <v>22843</v>
      </c>
      <c r="B36853" t="s">
        <v>22844</v>
      </c>
      <c r="C36853" t="s">
        <v>22845</v>
      </c>
      <c r="D36853" t="s">
        <v>22846</v>
      </c>
      <c r="E36853" t="s">
        <v>22839</v>
      </c>
      <c r="F36853" t="s">
        <v>22840</v>
      </c>
      <c r="G36853" t="s">
        <v>22539</v>
      </c>
      <c r="H36853" t="s">
        <v>22540</v>
      </c>
      <c r="I36853" s="2">
        <v>0</v>
      </c>
      <c r="J36853" s="2">
        <v>0</v>
      </c>
      <c r="K36853" s="2">
        <v>1</v>
      </c>
      <c r="L36853" t="s">
        <v>995</v>
      </c>
      <c r="M36853" t="s">
        <v>83</v>
      </c>
      <c r="N36853" t="s">
        <v>91</v>
      </c>
      <c r="O36853" t="s">
        <v>85</v>
      </c>
      <c r="P36853" t="s">
        <v>86</v>
      </c>
      <c r="Q36853">
        <v>43</v>
      </c>
      <c r="R36853">
        <v>44</v>
      </c>
      <c r="S36853">
        <v>44</v>
      </c>
      <c r="T36853">
        <v>45</v>
      </c>
      <c r="U36853">
        <v>46</v>
      </c>
      <c r="V36853">
        <v>47</v>
      </c>
      <c r="W36853">
        <v>47</v>
      </c>
      <c r="X36853">
        <v>48</v>
      </c>
      <c r="Y36853">
        <v>49</v>
      </c>
      <c r="Z36853">
        <v>49</v>
      </c>
      <c r="AA36853">
        <v>50</v>
      </c>
      <c r="AB36853">
        <v>51</v>
      </c>
      <c r="AC36853">
        <v>51</v>
      </c>
      <c r="AD36853">
        <v>52</v>
      </c>
      <c r="AE36853">
        <v>53</v>
      </c>
      <c r="AF36853">
        <v>53</v>
      </c>
      <c r="AG36853">
        <v>54</v>
      </c>
      <c r="AH36853">
        <v>55</v>
      </c>
      <c r="AI36853">
        <v>55</v>
      </c>
      <c r="AJ36853">
        <v>56</v>
      </c>
      <c r="AK36853">
        <v>57</v>
      </c>
      <c r="AL36853">
        <v>57</v>
      </c>
      <c r="AM36853">
        <v>57</v>
      </c>
      <c r="AN36853">
        <v>57</v>
      </c>
      <c r="AO36853">
        <v>58</v>
      </c>
      <c r="AP36853">
        <v>58</v>
      </c>
      <c r="AQ36853">
        <v>58</v>
      </c>
    </row>
    <row r="36854" spans="1:43">
      <c r="A36854" t="s">
        <v>22847</v>
      </c>
      <c r="B36854" t="s">
        <v>22848</v>
      </c>
      <c r="C36854" t="s">
        <v>22845</v>
      </c>
      <c r="D36854" t="s">
        <v>22846</v>
      </c>
      <c r="E36854" t="s">
        <v>22839</v>
      </c>
      <c r="F36854" t="s">
        <v>22840</v>
      </c>
      <c r="G36854" t="s">
        <v>22539</v>
      </c>
      <c r="H36854" t="s">
        <v>22540</v>
      </c>
      <c r="I36854" s="2">
        <v>0</v>
      </c>
      <c r="J36854" s="2">
        <v>0</v>
      </c>
      <c r="K36854" s="2">
        <v>1</v>
      </c>
      <c r="L36854" t="s">
        <v>995</v>
      </c>
      <c r="M36854" t="s">
        <v>83</v>
      </c>
      <c r="N36854" t="s">
        <v>84</v>
      </c>
      <c r="O36854" t="s">
        <v>85</v>
      </c>
      <c r="P36854" t="s">
        <v>86</v>
      </c>
      <c r="Q36854">
        <v>37</v>
      </c>
      <c r="R36854">
        <v>38</v>
      </c>
      <c r="S36854">
        <v>38</v>
      </c>
      <c r="T36854">
        <v>39</v>
      </c>
      <c r="U36854">
        <v>39</v>
      </c>
      <c r="V36854">
        <v>40</v>
      </c>
      <c r="W36854">
        <v>40</v>
      </c>
      <c r="X36854">
        <v>41</v>
      </c>
      <c r="Y36854">
        <v>41</v>
      </c>
      <c r="Z36854">
        <v>42</v>
      </c>
      <c r="AA36854">
        <v>43</v>
      </c>
      <c r="AB36854">
        <v>43</v>
      </c>
      <c r="AC36854">
        <v>44</v>
      </c>
      <c r="AD36854">
        <v>44</v>
      </c>
      <c r="AE36854">
        <v>45</v>
      </c>
      <c r="AF36854">
        <v>45</v>
      </c>
      <c r="AG36854">
        <v>46</v>
      </c>
      <c r="AH36854">
        <v>46</v>
      </c>
      <c r="AI36854">
        <v>47</v>
      </c>
      <c r="AJ36854">
        <v>47</v>
      </c>
      <c r="AK36854">
        <v>48</v>
      </c>
      <c r="AL36854">
        <v>48</v>
      </c>
      <c r="AM36854">
        <v>48</v>
      </c>
      <c r="AN36854">
        <v>48</v>
      </c>
      <c r="AO36854">
        <v>48</v>
      </c>
      <c r="AP36854">
        <v>48</v>
      </c>
      <c r="AQ36854">
        <v>48</v>
      </c>
    </row>
    <row r="36855" spans="1:43">
      <c r="A36855" t="s">
        <v>22847</v>
      </c>
      <c r="B36855" t="s">
        <v>22848</v>
      </c>
      <c r="C36855" t="s">
        <v>22845</v>
      </c>
      <c r="D36855" t="s">
        <v>22846</v>
      </c>
      <c r="E36855" t="s">
        <v>22839</v>
      </c>
      <c r="F36855" t="s">
        <v>22840</v>
      </c>
      <c r="G36855" t="s">
        <v>22539</v>
      </c>
      <c r="H36855" t="s">
        <v>22540</v>
      </c>
      <c r="I36855" s="2">
        <v>0</v>
      </c>
      <c r="J36855" s="2">
        <v>0</v>
      </c>
      <c r="K36855" s="2">
        <v>1</v>
      </c>
      <c r="L36855" t="s">
        <v>995</v>
      </c>
      <c r="M36855" t="s">
        <v>87</v>
      </c>
      <c r="N36855" t="s">
        <v>88</v>
      </c>
      <c r="O36855" t="s">
        <v>85</v>
      </c>
      <c r="P36855" t="s">
        <v>86</v>
      </c>
      <c r="Q36855">
        <v>37</v>
      </c>
      <c r="R36855">
        <v>37</v>
      </c>
      <c r="S36855">
        <v>37</v>
      </c>
      <c r="T36855">
        <v>37</v>
      </c>
      <c r="U36855">
        <v>37</v>
      </c>
      <c r="V36855">
        <v>38</v>
      </c>
      <c r="W36855">
        <v>38</v>
      </c>
      <c r="X36855">
        <v>38</v>
      </c>
      <c r="Y36855">
        <v>38</v>
      </c>
      <c r="Z36855">
        <v>39</v>
      </c>
      <c r="AA36855">
        <v>39</v>
      </c>
      <c r="AB36855">
        <v>39</v>
      </c>
      <c r="AC36855">
        <v>39</v>
      </c>
      <c r="AD36855">
        <v>39</v>
      </c>
      <c r="AE36855">
        <v>40</v>
      </c>
      <c r="AF36855">
        <v>40</v>
      </c>
      <c r="AG36855">
        <v>40</v>
      </c>
      <c r="AH36855">
        <v>40</v>
      </c>
      <c r="AI36855">
        <v>41</v>
      </c>
      <c r="AJ36855">
        <v>41</v>
      </c>
      <c r="AK36855">
        <v>41</v>
      </c>
      <c r="AL36855">
        <v>41</v>
      </c>
      <c r="AM36855">
        <v>41</v>
      </c>
      <c r="AN36855">
        <v>42</v>
      </c>
      <c r="AO36855">
        <v>42</v>
      </c>
      <c r="AP36855">
        <v>42</v>
      </c>
      <c r="AQ36855">
        <v>42</v>
      </c>
    </row>
    <row r="36856" spans="1:43">
      <c r="A36856" t="s">
        <v>22847</v>
      </c>
      <c r="B36856" t="s">
        <v>22848</v>
      </c>
      <c r="C36856" t="s">
        <v>22845</v>
      </c>
      <c r="D36856" t="s">
        <v>22846</v>
      </c>
      <c r="E36856" t="s">
        <v>22839</v>
      </c>
      <c r="F36856" t="s">
        <v>22840</v>
      </c>
      <c r="G36856" t="s">
        <v>22539</v>
      </c>
      <c r="H36856" t="s">
        <v>22540</v>
      </c>
      <c r="I36856" s="2">
        <v>0</v>
      </c>
      <c r="J36856" s="2">
        <v>0</v>
      </c>
      <c r="K36856" s="2">
        <v>1</v>
      </c>
      <c r="L36856" t="s">
        <v>995</v>
      </c>
      <c r="M36856" t="s">
        <v>89</v>
      </c>
      <c r="N36856" t="s">
        <v>90</v>
      </c>
      <c r="O36856" t="s">
        <v>85</v>
      </c>
      <c r="P36856" t="s">
        <v>86</v>
      </c>
      <c r="Q36856">
        <v>37</v>
      </c>
      <c r="R36856">
        <v>38</v>
      </c>
      <c r="S36856">
        <v>39</v>
      </c>
      <c r="T36856">
        <v>40</v>
      </c>
      <c r="U36856">
        <v>41</v>
      </c>
      <c r="V36856">
        <v>42</v>
      </c>
      <c r="W36856">
        <v>42</v>
      </c>
      <c r="X36856">
        <v>43</v>
      </c>
      <c r="Y36856">
        <v>44</v>
      </c>
      <c r="Z36856">
        <v>45</v>
      </c>
      <c r="AA36856">
        <v>45</v>
      </c>
      <c r="AB36856">
        <v>46</v>
      </c>
      <c r="AC36856">
        <v>47</v>
      </c>
      <c r="AD36856">
        <v>47</v>
      </c>
      <c r="AE36856">
        <v>48</v>
      </c>
      <c r="AF36856">
        <v>48</v>
      </c>
      <c r="AG36856">
        <v>48</v>
      </c>
      <c r="AH36856">
        <v>48</v>
      </c>
      <c r="AI36856">
        <v>48</v>
      </c>
      <c r="AJ36856">
        <v>48</v>
      </c>
      <c r="AK36856">
        <v>48</v>
      </c>
      <c r="AL36856">
        <v>48</v>
      </c>
      <c r="AM36856">
        <v>48</v>
      </c>
      <c r="AN36856">
        <v>48</v>
      </c>
      <c r="AO36856">
        <v>48</v>
      </c>
      <c r="AP36856">
        <v>49</v>
      </c>
      <c r="AQ36856">
        <v>49</v>
      </c>
    </row>
    <row r="36857" spans="1:43">
      <c r="A36857" t="s">
        <v>22847</v>
      </c>
      <c r="B36857" t="s">
        <v>22848</v>
      </c>
      <c r="C36857" t="s">
        <v>22845</v>
      </c>
      <c r="D36857" t="s">
        <v>22846</v>
      </c>
      <c r="E36857" t="s">
        <v>22839</v>
      </c>
      <c r="F36857" t="s">
        <v>22840</v>
      </c>
      <c r="G36857" t="s">
        <v>22539</v>
      </c>
      <c r="H36857" t="s">
        <v>22540</v>
      </c>
      <c r="I36857" s="2">
        <v>0</v>
      </c>
      <c r="J36857" s="2">
        <v>0</v>
      </c>
      <c r="K36857" s="2">
        <v>1</v>
      </c>
      <c r="L36857" t="s">
        <v>995</v>
      </c>
      <c r="M36857" t="s">
        <v>83</v>
      </c>
      <c r="N36857" t="s">
        <v>91</v>
      </c>
      <c r="O36857" t="s">
        <v>85</v>
      </c>
      <c r="P36857" t="s">
        <v>86</v>
      </c>
      <c r="Q36857">
        <v>37</v>
      </c>
      <c r="R36857">
        <v>38</v>
      </c>
      <c r="S36857">
        <v>38</v>
      </c>
      <c r="T36857">
        <v>39</v>
      </c>
      <c r="U36857">
        <v>39</v>
      </c>
      <c r="V36857">
        <v>40</v>
      </c>
      <c r="W36857">
        <v>40</v>
      </c>
      <c r="X36857">
        <v>41</v>
      </c>
      <c r="Y36857">
        <v>41</v>
      </c>
      <c r="Z36857">
        <v>42</v>
      </c>
      <c r="AA36857">
        <v>43</v>
      </c>
      <c r="AB36857">
        <v>43</v>
      </c>
      <c r="AC36857">
        <v>44</v>
      </c>
      <c r="AD36857">
        <v>44</v>
      </c>
      <c r="AE36857">
        <v>45</v>
      </c>
      <c r="AF36857">
        <v>45</v>
      </c>
      <c r="AG36857">
        <v>46</v>
      </c>
      <c r="AH36857">
        <v>46</v>
      </c>
      <c r="AI36857">
        <v>47</v>
      </c>
      <c r="AJ36857">
        <v>47</v>
      </c>
      <c r="AK36857">
        <v>48</v>
      </c>
      <c r="AL36857">
        <v>48</v>
      </c>
      <c r="AM36857">
        <v>48</v>
      </c>
      <c r="AN36857">
        <v>48</v>
      </c>
      <c r="AO36857">
        <v>48</v>
      </c>
      <c r="AP36857">
        <v>48</v>
      </c>
      <c r="AQ36857">
        <v>48</v>
      </c>
    </row>
    <row r="36858" spans="1:43">
      <c r="A36858" t="s">
        <v>22849</v>
      </c>
      <c r="B36858" t="s">
        <v>22850</v>
      </c>
      <c r="C36858" t="s">
        <v>22851</v>
      </c>
      <c r="D36858" t="s">
        <v>22852</v>
      </c>
      <c r="E36858" t="s">
        <v>22839</v>
      </c>
      <c r="F36858" t="s">
        <v>22840</v>
      </c>
      <c r="G36858" t="s">
        <v>22539</v>
      </c>
      <c r="H36858" t="s">
        <v>22540</v>
      </c>
      <c r="I36858" s="2">
        <v>0</v>
      </c>
      <c r="J36858" s="2">
        <v>0</v>
      </c>
      <c r="K36858" s="2">
        <v>1</v>
      </c>
      <c r="L36858" t="s">
        <v>995</v>
      </c>
      <c r="M36858" t="s">
        <v>83</v>
      </c>
      <c r="N36858" t="s">
        <v>84</v>
      </c>
      <c r="O36858" t="s">
        <v>85</v>
      </c>
      <c r="P36858" t="s">
        <v>86</v>
      </c>
      <c r="Q36858">
        <v>59</v>
      </c>
      <c r="R36858">
        <v>60</v>
      </c>
      <c r="S36858">
        <v>61</v>
      </c>
      <c r="T36858">
        <v>62</v>
      </c>
      <c r="U36858">
        <v>63</v>
      </c>
      <c r="V36858">
        <v>64</v>
      </c>
      <c r="W36858">
        <v>65</v>
      </c>
      <c r="X36858">
        <v>66</v>
      </c>
      <c r="Y36858">
        <v>67</v>
      </c>
      <c r="Z36858">
        <v>68</v>
      </c>
      <c r="AA36858">
        <v>69</v>
      </c>
      <c r="AB36858">
        <v>69</v>
      </c>
      <c r="AC36858">
        <v>70</v>
      </c>
      <c r="AD36858">
        <v>71</v>
      </c>
      <c r="AE36858">
        <v>72</v>
      </c>
      <c r="AF36858">
        <v>73</v>
      </c>
      <c r="AG36858">
        <v>74</v>
      </c>
      <c r="AH36858">
        <v>75</v>
      </c>
      <c r="AI36858">
        <v>76</v>
      </c>
      <c r="AJ36858">
        <v>77</v>
      </c>
      <c r="AK36858">
        <v>78</v>
      </c>
      <c r="AL36858">
        <v>78</v>
      </c>
      <c r="AM36858">
        <v>79</v>
      </c>
      <c r="AN36858">
        <v>79</v>
      </c>
      <c r="AO36858">
        <v>79</v>
      </c>
      <c r="AP36858">
        <v>79</v>
      </c>
      <c r="AQ36858">
        <v>80</v>
      </c>
    </row>
    <row r="36859" spans="1:43">
      <c r="A36859" t="s">
        <v>22849</v>
      </c>
      <c r="B36859" t="s">
        <v>22850</v>
      </c>
      <c r="C36859" t="s">
        <v>22851</v>
      </c>
      <c r="D36859" t="s">
        <v>22852</v>
      </c>
      <c r="E36859" t="s">
        <v>22839</v>
      </c>
      <c r="F36859" t="s">
        <v>22840</v>
      </c>
      <c r="G36859" t="s">
        <v>22539</v>
      </c>
      <c r="H36859" t="s">
        <v>22540</v>
      </c>
      <c r="I36859" s="2">
        <v>0</v>
      </c>
      <c r="J36859" s="2">
        <v>0</v>
      </c>
      <c r="K36859" s="2">
        <v>1</v>
      </c>
      <c r="L36859" t="s">
        <v>995</v>
      </c>
      <c r="M36859" t="s">
        <v>87</v>
      </c>
      <c r="N36859" t="s">
        <v>88</v>
      </c>
      <c r="O36859" t="s">
        <v>85</v>
      </c>
      <c r="P36859" t="s">
        <v>86</v>
      </c>
      <c r="Q36859">
        <v>59</v>
      </c>
      <c r="R36859">
        <v>60</v>
      </c>
      <c r="S36859">
        <v>60</v>
      </c>
      <c r="T36859">
        <v>61</v>
      </c>
      <c r="U36859">
        <v>61</v>
      </c>
      <c r="V36859">
        <v>61</v>
      </c>
      <c r="W36859">
        <v>62</v>
      </c>
      <c r="X36859">
        <v>62</v>
      </c>
      <c r="Y36859">
        <v>63</v>
      </c>
      <c r="Z36859">
        <v>63</v>
      </c>
      <c r="AA36859">
        <v>63</v>
      </c>
      <c r="AB36859">
        <v>64</v>
      </c>
      <c r="AC36859">
        <v>64</v>
      </c>
      <c r="AD36859">
        <v>65</v>
      </c>
      <c r="AE36859">
        <v>65</v>
      </c>
      <c r="AF36859">
        <v>65</v>
      </c>
      <c r="AG36859">
        <v>66</v>
      </c>
      <c r="AH36859">
        <v>66</v>
      </c>
      <c r="AI36859">
        <v>67</v>
      </c>
      <c r="AJ36859">
        <v>67</v>
      </c>
      <c r="AK36859">
        <v>67</v>
      </c>
      <c r="AL36859">
        <v>68</v>
      </c>
      <c r="AM36859">
        <v>68</v>
      </c>
      <c r="AN36859">
        <v>69</v>
      </c>
      <c r="AO36859">
        <v>69</v>
      </c>
      <c r="AP36859">
        <v>69</v>
      </c>
      <c r="AQ36859">
        <v>70</v>
      </c>
    </row>
    <row r="36860" spans="1:43">
      <c r="A36860" t="s">
        <v>22849</v>
      </c>
      <c r="B36860" t="s">
        <v>22850</v>
      </c>
      <c r="C36860" t="s">
        <v>22851</v>
      </c>
      <c r="D36860" t="s">
        <v>22852</v>
      </c>
      <c r="E36860" t="s">
        <v>22839</v>
      </c>
      <c r="F36860" t="s">
        <v>22840</v>
      </c>
      <c r="G36860" t="s">
        <v>22539</v>
      </c>
      <c r="H36860" t="s">
        <v>22540</v>
      </c>
      <c r="I36860" s="2">
        <v>0</v>
      </c>
      <c r="J36860" s="2">
        <v>0</v>
      </c>
      <c r="K36860" s="2">
        <v>1</v>
      </c>
      <c r="L36860" t="s">
        <v>995</v>
      </c>
      <c r="M36860" t="s">
        <v>89</v>
      </c>
      <c r="N36860" t="s">
        <v>90</v>
      </c>
      <c r="O36860" t="s">
        <v>85</v>
      </c>
      <c r="P36860" t="s">
        <v>86</v>
      </c>
      <c r="Q36860">
        <v>59</v>
      </c>
      <c r="R36860">
        <v>60</v>
      </c>
      <c r="S36860">
        <v>61</v>
      </c>
      <c r="T36860">
        <v>63</v>
      </c>
      <c r="U36860">
        <v>64</v>
      </c>
      <c r="V36860">
        <v>66</v>
      </c>
      <c r="W36860">
        <v>67</v>
      </c>
      <c r="X36860">
        <v>68</v>
      </c>
      <c r="Y36860">
        <v>70</v>
      </c>
      <c r="Z36860">
        <v>71</v>
      </c>
      <c r="AA36860">
        <v>72</v>
      </c>
      <c r="AB36860">
        <v>73</v>
      </c>
      <c r="AC36860">
        <v>74</v>
      </c>
      <c r="AD36860">
        <v>76</v>
      </c>
      <c r="AE36860">
        <v>76</v>
      </c>
      <c r="AF36860">
        <v>77</v>
      </c>
      <c r="AG36860">
        <v>77</v>
      </c>
      <c r="AH36860">
        <v>77</v>
      </c>
      <c r="AI36860">
        <v>78</v>
      </c>
      <c r="AJ36860">
        <v>78</v>
      </c>
      <c r="AK36860">
        <v>78</v>
      </c>
      <c r="AL36860">
        <v>78</v>
      </c>
      <c r="AM36860">
        <v>78</v>
      </c>
      <c r="AN36860">
        <v>79</v>
      </c>
      <c r="AO36860">
        <v>79</v>
      </c>
      <c r="AP36860">
        <v>79</v>
      </c>
      <c r="AQ36860">
        <v>79</v>
      </c>
    </row>
    <row r="36861" spans="1:43">
      <c r="A36861" t="s">
        <v>22849</v>
      </c>
      <c r="B36861" t="s">
        <v>22850</v>
      </c>
      <c r="C36861" t="s">
        <v>22851</v>
      </c>
      <c r="D36861" t="s">
        <v>22852</v>
      </c>
      <c r="E36861" t="s">
        <v>22839</v>
      </c>
      <c r="F36861" t="s">
        <v>22840</v>
      </c>
      <c r="G36861" t="s">
        <v>22539</v>
      </c>
      <c r="H36861" t="s">
        <v>22540</v>
      </c>
      <c r="I36861" s="2">
        <v>0</v>
      </c>
      <c r="J36861" s="2">
        <v>0</v>
      </c>
      <c r="K36861" s="2">
        <v>1</v>
      </c>
      <c r="L36861" t="s">
        <v>995</v>
      </c>
      <c r="M36861" t="s">
        <v>83</v>
      </c>
      <c r="N36861" t="s">
        <v>91</v>
      </c>
      <c r="O36861" t="s">
        <v>85</v>
      </c>
      <c r="P36861" t="s">
        <v>86</v>
      </c>
      <c r="Q36861">
        <v>59</v>
      </c>
      <c r="R36861">
        <v>60</v>
      </c>
      <c r="S36861">
        <v>61</v>
      </c>
      <c r="T36861">
        <v>62</v>
      </c>
      <c r="U36861">
        <v>63</v>
      </c>
      <c r="V36861">
        <v>64</v>
      </c>
      <c r="W36861">
        <v>65</v>
      </c>
      <c r="X36861">
        <v>66</v>
      </c>
      <c r="Y36861">
        <v>67</v>
      </c>
      <c r="Z36861">
        <v>68</v>
      </c>
      <c r="AA36861">
        <v>69</v>
      </c>
      <c r="AB36861">
        <v>69</v>
      </c>
      <c r="AC36861">
        <v>70</v>
      </c>
      <c r="AD36861">
        <v>71</v>
      </c>
      <c r="AE36861">
        <v>72</v>
      </c>
      <c r="AF36861">
        <v>73</v>
      </c>
      <c r="AG36861">
        <v>74</v>
      </c>
      <c r="AH36861">
        <v>75</v>
      </c>
      <c r="AI36861">
        <v>76</v>
      </c>
      <c r="AJ36861">
        <v>77</v>
      </c>
      <c r="AK36861">
        <v>78</v>
      </c>
      <c r="AL36861">
        <v>78</v>
      </c>
      <c r="AM36861">
        <v>79</v>
      </c>
      <c r="AN36861">
        <v>79</v>
      </c>
      <c r="AO36861">
        <v>79</v>
      </c>
      <c r="AP36861">
        <v>79</v>
      </c>
      <c r="AQ36861">
        <v>80</v>
      </c>
    </row>
    <row r="36862" spans="1:43">
      <c r="A36862" t="s">
        <v>22853</v>
      </c>
      <c r="B36862" t="s">
        <v>22854</v>
      </c>
      <c r="C36862" t="s">
        <v>22845</v>
      </c>
      <c r="D36862" t="s">
        <v>22846</v>
      </c>
      <c r="E36862" t="s">
        <v>22839</v>
      </c>
      <c r="F36862" t="s">
        <v>22840</v>
      </c>
      <c r="G36862" t="s">
        <v>22539</v>
      </c>
      <c r="H36862" t="s">
        <v>22540</v>
      </c>
      <c r="I36862" s="2">
        <v>0</v>
      </c>
      <c r="J36862" s="2">
        <v>0</v>
      </c>
      <c r="K36862" s="2">
        <v>1</v>
      </c>
      <c r="L36862" t="s">
        <v>995</v>
      </c>
      <c r="M36862" t="s">
        <v>83</v>
      </c>
      <c r="N36862" t="s">
        <v>84</v>
      </c>
      <c r="O36862" t="s">
        <v>85</v>
      </c>
      <c r="P36862" t="s">
        <v>86</v>
      </c>
      <c r="Q36862">
        <v>28</v>
      </c>
      <c r="R36862">
        <v>28</v>
      </c>
      <c r="S36862">
        <v>29</v>
      </c>
      <c r="T36862">
        <v>29</v>
      </c>
      <c r="U36862">
        <v>29</v>
      </c>
      <c r="V36862">
        <v>30</v>
      </c>
      <c r="W36862">
        <v>30</v>
      </c>
      <c r="X36862">
        <v>31</v>
      </c>
      <c r="Y36862">
        <v>31</v>
      </c>
      <c r="Z36862">
        <v>32</v>
      </c>
      <c r="AA36862">
        <v>32</v>
      </c>
      <c r="AB36862">
        <v>32</v>
      </c>
      <c r="AC36862">
        <v>33</v>
      </c>
      <c r="AD36862">
        <v>33</v>
      </c>
      <c r="AE36862">
        <v>34</v>
      </c>
      <c r="AF36862">
        <v>34</v>
      </c>
      <c r="AG36862">
        <v>35</v>
      </c>
      <c r="AH36862">
        <v>35</v>
      </c>
      <c r="AI36862">
        <v>35</v>
      </c>
      <c r="AJ36862">
        <v>36</v>
      </c>
      <c r="AK36862">
        <v>36</v>
      </c>
      <c r="AL36862">
        <v>36</v>
      </c>
      <c r="AM36862">
        <v>37</v>
      </c>
      <c r="AN36862">
        <v>37</v>
      </c>
      <c r="AO36862">
        <v>37</v>
      </c>
      <c r="AP36862">
        <v>37</v>
      </c>
      <c r="AQ36862">
        <v>37</v>
      </c>
    </row>
    <row r="36863" spans="1:43">
      <c r="A36863" t="s">
        <v>22853</v>
      </c>
      <c r="B36863" t="s">
        <v>22854</v>
      </c>
      <c r="C36863" t="s">
        <v>22845</v>
      </c>
      <c r="D36863" t="s">
        <v>22846</v>
      </c>
      <c r="E36863" t="s">
        <v>22839</v>
      </c>
      <c r="F36863" t="s">
        <v>22840</v>
      </c>
      <c r="G36863" t="s">
        <v>22539</v>
      </c>
      <c r="H36863" t="s">
        <v>22540</v>
      </c>
      <c r="I36863" s="2">
        <v>0</v>
      </c>
      <c r="J36863" s="2">
        <v>0</v>
      </c>
      <c r="K36863" s="2">
        <v>1</v>
      </c>
      <c r="L36863" t="s">
        <v>995</v>
      </c>
      <c r="M36863" t="s">
        <v>87</v>
      </c>
      <c r="N36863" t="s">
        <v>88</v>
      </c>
      <c r="O36863" t="s">
        <v>85</v>
      </c>
      <c r="P36863" t="s">
        <v>86</v>
      </c>
      <c r="Q36863">
        <v>28</v>
      </c>
      <c r="R36863">
        <v>29</v>
      </c>
      <c r="S36863">
        <v>29</v>
      </c>
      <c r="T36863">
        <v>29</v>
      </c>
      <c r="U36863">
        <v>29</v>
      </c>
      <c r="V36863">
        <v>29</v>
      </c>
      <c r="W36863">
        <v>29</v>
      </c>
      <c r="X36863">
        <v>30</v>
      </c>
      <c r="Y36863">
        <v>30</v>
      </c>
      <c r="Z36863">
        <v>30</v>
      </c>
      <c r="AA36863">
        <v>30</v>
      </c>
      <c r="AB36863">
        <v>30</v>
      </c>
      <c r="AC36863">
        <v>30</v>
      </c>
      <c r="AD36863">
        <v>31</v>
      </c>
      <c r="AE36863">
        <v>31</v>
      </c>
      <c r="AF36863">
        <v>31</v>
      </c>
      <c r="AG36863">
        <v>31</v>
      </c>
      <c r="AH36863">
        <v>31</v>
      </c>
      <c r="AI36863">
        <v>32</v>
      </c>
      <c r="AJ36863">
        <v>32</v>
      </c>
      <c r="AK36863">
        <v>32</v>
      </c>
      <c r="AL36863">
        <v>32</v>
      </c>
      <c r="AM36863">
        <v>32</v>
      </c>
      <c r="AN36863">
        <v>32</v>
      </c>
      <c r="AO36863">
        <v>33</v>
      </c>
      <c r="AP36863">
        <v>33</v>
      </c>
      <c r="AQ36863">
        <v>33</v>
      </c>
    </row>
    <row r="36864" spans="1:43">
      <c r="A36864" t="s">
        <v>22853</v>
      </c>
      <c r="B36864" t="s">
        <v>22854</v>
      </c>
      <c r="C36864" t="s">
        <v>22845</v>
      </c>
      <c r="D36864" t="s">
        <v>22846</v>
      </c>
      <c r="E36864" t="s">
        <v>22839</v>
      </c>
      <c r="F36864" t="s">
        <v>22840</v>
      </c>
      <c r="G36864" t="s">
        <v>22539</v>
      </c>
      <c r="H36864" t="s">
        <v>22540</v>
      </c>
      <c r="I36864" s="2">
        <v>0</v>
      </c>
      <c r="J36864" s="2">
        <v>0</v>
      </c>
      <c r="K36864" s="2">
        <v>1</v>
      </c>
      <c r="L36864" t="s">
        <v>995</v>
      </c>
      <c r="M36864" t="s">
        <v>89</v>
      </c>
      <c r="N36864" t="s">
        <v>90</v>
      </c>
      <c r="O36864" t="s">
        <v>85</v>
      </c>
      <c r="P36864" t="s">
        <v>86</v>
      </c>
      <c r="Q36864">
        <v>28</v>
      </c>
      <c r="R36864">
        <v>29</v>
      </c>
      <c r="S36864">
        <v>29</v>
      </c>
      <c r="T36864">
        <v>30</v>
      </c>
      <c r="U36864">
        <v>31</v>
      </c>
      <c r="V36864">
        <v>31</v>
      </c>
      <c r="W36864">
        <v>32</v>
      </c>
      <c r="X36864">
        <v>32</v>
      </c>
      <c r="Y36864">
        <v>33</v>
      </c>
      <c r="Z36864">
        <v>34</v>
      </c>
      <c r="AA36864">
        <v>34</v>
      </c>
      <c r="AB36864">
        <v>35</v>
      </c>
      <c r="AC36864">
        <v>35</v>
      </c>
      <c r="AD36864">
        <v>36</v>
      </c>
      <c r="AE36864">
        <v>36</v>
      </c>
      <c r="AF36864">
        <v>36</v>
      </c>
      <c r="AG36864">
        <v>36</v>
      </c>
      <c r="AH36864">
        <v>36</v>
      </c>
      <c r="AI36864">
        <v>36</v>
      </c>
      <c r="AJ36864">
        <v>37</v>
      </c>
      <c r="AK36864">
        <v>37</v>
      </c>
      <c r="AL36864">
        <v>37</v>
      </c>
      <c r="AM36864">
        <v>37</v>
      </c>
      <c r="AN36864">
        <v>37</v>
      </c>
      <c r="AO36864">
        <v>37</v>
      </c>
      <c r="AP36864">
        <v>37</v>
      </c>
      <c r="AQ36864">
        <v>37</v>
      </c>
    </row>
    <row r="36865" spans="1:43">
      <c r="A36865" t="s">
        <v>22853</v>
      </c>
      <c r="B36865" t="s">
        <v>22854</v>
      </c>
      <c r="C36865" t="s">
        <v>22845</v>
      </c>
      <c r="D36865" t="s">
        <v>22846</v>
      </c>
      <c r="E36865" t="s">
        <v>22839</v>
      </c>
      <c r="F36865" t="s">
        <v>22840</v>
      </c>
      <c r="G36865" t="s">
        <v>22539</v>
      </c>
      <c r="H36865" t="s">
        <v>22540</v>
      </c>
      <c r="I36865" s="2">
        <v>0</v>
      </c>
      <c r="J36865" s="2">
        <v>0</v>
      </c>
      <c r="K36865" s="2">
        <v>1</v>
      </c>
      <c r="L36865" t="s">
        <v>995</v>
      </c>
      <c r="M36865" t="s">
        <v>83</v>
      </c>
      <c r="N36865" t="s">
        <v>91</v>
      </c>
      <c r="O36865" t="s">
        <v>85</v>
      </c>
      <c r="P36865" t="s">
        <v>86</v>
      </c>
      <c r="Q36865">
        <v>28</v>
      </c>
      <c r="R36865">
        <v>28</v>
      </c>
      <c r="S36865">
        <v>29</v>
      </c>
      <c r="T36865">
        <v>29</v>
      </c>
      <c r="U36865">
        <v>29</v>
      </c>
      <c r="V36865">
        <v>30</v>
      </c>
      <c r="W36865">
        <v>30</v>
      </c>
      <c r="X36865">
        <v>31</v>
      </c>
      <c r="Y36865">
        <v>31</v>
      </c>
      <c r="Z36865">
        <v>32</v>
      </c>
      <c r="AA36865">
        <v>32</v>
      </c>
      <c r="AB36865">
        <v>32</v>
      </c>
      <c r="AC36865">
        <v>33</v>
      </c>
      <c r="AD36865">
        <v>33</v>
      </c>
      <c r="AE36865">
        <v>34</v>
      </c>
      <c r="AF36865">
        <v>34</v>
      </c>
      <c r="AG36865">
        <v>35</v>
      </c>
      <c r="AH36865">
        <v>35</v>
      </c>
      <c r="AI36865">
        <v>35</v>
      </c>
      <c r="AJ36865">
        <v>36</v>
      </c>
      <c r="AK36865">
        <v>36</v>
      </c>
      <c r="AL36865">
        <v>36</v>
      </c>
      <c r="AM36865">
        <v>37</v>
      </c>
      <c r="AN36865">
        <v>37</v>
      </c>
      <c r="AO36865">
        <v>37</v>
      </c>
      <c r="AP36865">
        <v>37</v>
      </c>
      <c r="AQ36865">
        <v>37</v>
      </c>
    </row>
    <row r="36866" spans="1:43">
      <c r="A36866" t="s">
        <v>22855</v>
      </c>
      <c r="B36866" t="s">
        <v>22856</v>
      </c>
      <c r="C36866" t="s">
        <v>22857</v>
      </c>
      <c r="D36866" t="s">
        <v>22858</v>
      </c>
      <c r="E36866" t="s">
        <v>22839</v>
      </c>
      <c r="F36866" t="s">
        <v>22840</v>
      </c>
      <c r="G36866" t="s">
        <v>22539</v>
      </c>
      <c r="H36866" t="s">
        <v>22540</v>
      </c>
      <c r="I36866" s="2">
        <v>0</v>
      </c>
      <c r="J36866" s="2">
        <v>0</v>
      </c>
      <c r="K36866" s="2">
        <v>1</v>
      </c>
      <c r="L36866" t="s">
        <v>995</v>
      </c>
      <c r="M36866" t="s">
        <v>83</v>
      </c>
      <c r="N36866" t="s">
        <v>84</v>
      </c>
      <c r="O36866" t="s">
        <v>85</v>
      </c>
      <c r="P36866" t="s">
        <v>86</v>
      </c>
      <c r="Q36866">
        <v>41</v>
      </c>
      <c r="R36866">
        <v>41</v>
      </c>
      <c r="S36866">
        <v>42</v>
      </c>
      <c r="T36866">
        <v>43</v>
      </c>
      <c r="U36866">
        <v>43</v>
      </c>
      <c r="V36866">
        <v>44</v>
      </c>
      <c r="W36866">
        <v>45</v>
      </c>
      <c r="X36866">
        <v>45</v>
      </c>
      <c r="Y36866">
        <v>46</v>
      </c>
      <c r="Z36866">
        <v>46</v>
      </c>
      <c r="AA36866">
        <v>47</v>
      </c>
      <c r="AB36866">
        <v>48</v>
      </c>
      <c r="AC36866">
        <v>48</v>
      </c>
      <c r="AD36866">
        <v>49</v>
      </c>
      <c r="AE36866">
        <v>50</v>
      </c>
      <c r="AF36866">
        <v>50</v>
      </c>
      <c r="AG36866">
        <v>51</v>
      </c>
      <c r="AH36866">
        <v>52</v>
      </c>
      <c r="AI36866">
        <v>52</v>
      </c>
      <c r="AJ36866">
        <v>53</v>
      </c>
      <c r="AK36866">
        <v>53</v>
      </c>
      <c r="AL36866">
        <v>54</v>
      </c>
      <c r="AM36866">
        <v>54</v>
      </c>
      <c r="AN36866">
        <v>54</v>
      </c>
      <c r="AO36866">
        <v>54</v>
      </c>
      <c r="AP36866">
        <v>54</v>
      </c>
      <c r="AQ36866">
        <v>54</v>
      </c>
    </row>
    <row r="36867" spans="1:43">
      <c r="A36867" t="s">
        <v>22855</v>
      </c>
      <c r="B36867" t="s">
        <v>22856</v>
      </c>
      <c r="C36867" t="s">
        <v>22857</v>
      </c>
      <c r="D36867" t="s">
        <v>22858</v>
      </c>
      <c r="E36867" t="s">
        <v>22839</v>
      </c>
      <c r="F36867" t="s">
        <v>22840</v>
      </c>
      <c r="G36867" t="s">
        <v>22539</v>
      </c>
      <c r="H36867" t="s">
        <v>22540</v>
      </c>
      <c r="I36867" s="2">
        <v>0</v>
      </c>
      <c r="J36867" s="2">
        <v>0</v>
      </c>
      <c r="K36867" s="2">
        <v>1</v>
      </c>
      <c r="L36867" t="s">
        <v>995</v>
      </c>
      <c r="M36867" t="s">
        <v>87</v>
      </c>
      <c r="N36867" t="s">
        <v>88</v>
      </c>
      <c r="O36867" t="s">
        <v>85</v>
      </c>
      <c r="P36867" t="s">
        <v>86</v>
      </c>
      <c r="Q36867">
        <v>41</v>
      </c>
      <c r="R36867">
        <v>42</v>
      </c>
      <c r="S36867">
        <v>42</v>
      </c>
      <c r="T36867">
        <v>42</v>
      </c>
      <c r="U36867">
        <v>42</v>
      </c>
      <c r="V36867">
        <v>43</v>
      </c>
      <c r="W36867">
        <v>43</v>
      </c>
      <c r="X36867">
        <v>43</v>
      </c>
      <c r="Y36867">
        <v>43</v>
      </c>
      <c r="Z36867">
        <v>44</v>
      </c>
      <c r="AA36867">
        <v>44</v>
      </c>
      <c r="AB36867">
        <v>44</v>
      </c>
      <c r="AC36867">
        <v>44</v>
      </c>
      <c r="AD36867">
        <v>45</v>
      </c>
      <c r="AE36867">
        <v>45</v>
      </c>
      <c r="AF36867">
        <v>45</v>
      </c>
      <c r="AG36867">
        <v>45</v>
      </c>
      <c r="AH36867">
        <v>46</v>
      </c>
      <c r="AI36867">
        <v>46</v>
      </c>
      <c r="AJ36867">
        <v>46</v>
      </c>
      <c r="AK36867">
        <v>47</v>
      </c>
      <c r="AL36867">
        <v>47</v>
      </c>
      <c r="AM36867">
        <v>47</v>
      </c>
      <c r="AN36867">
        <v>47</v>
      </c>
      <c r="AO36867">
        <v>48</v>
      </c>
      <c r="AP36867">
        <v>48</v>
      </c>
      <c r="AQ36867">
        <v>48</v>
      </c>
    </row>
    <row r="36868" spans="1:43">
      <c r="A36868" t="s">
        <v>22855</v>
      </c>
      <c r="B36868" t="s">
        <v>22856</v>
      </c>
      <c r="C36868" t="s">
        <v>22857</v>
      </c>
      <c r="D36868" t="s">
        <v>22858</v>
      </c>
      <c r="E36868" t="s">
        <v>22839</v>
      </c>
      <c r="F36868" t="s">
        <v>22840</v>
      </c>
      <c r="G36868" t="s">
        <v>22539</v>
      </c>
      <c r="H36868" t="s">
        <v>22540</v>
      </c>
      <c r="I36868" s="2">
        <v>0</v>
      </c>
      <c r="J36868" s="2">
        <v>0</v>
      </c>
      <c r="K36868" s="2">
        <v>1</v>
      </c>
      <c r="L36868" t="s">
        <v>995</v>
      </c>
      <c r="M36868" t="s">
        <v>89</v>
      </c>
      <c r="N36868" t="s">
        <v>90</v>
      </c>
      <c r="O36868" t="s">
        <v>85</v>
      </c>
      <c r="P36868" t="s">
        <v>86</v>
      </c>
      <c r="Q36868">
        <v>41</v>
      </c>
      <c r="R36868">
        <v>42</v>
      </c>
      <c r="S36868">
        <v>43</v>
      </c>
      <c r="T36868">
        <v>44</v>
      </c>
      <c r="U36868">
        <v>45</v>
      </c>
      <c r="V36868">
        <v>46</v>
      </c>
      <c r="W36868">
        <v>47</v>
      </c>
      <c r="X36868">
        <v>48</v>
      </c>
      <c r="Y36868">
        <v>49</v>
      </c>
      <c r="Z36868">
        <v>49</v>
      </c>
      <c r="AA36868">
        <v>50</v>
      </c>
      <c r="AB36868">
        <v>51</v>
      </c>
      <c r="AC36868">
        <v>52</v>
      </c>
      <c r="AD36868">
        <v>53</v>
      </c>
      <c r="AE36868">
        <v>53</v>
      </c>
      <c r="AF36868">
        <v>53</v>
      </c>
      <c r="AG36868">
        <v>54</v>
      </c>
      <c r="AH36868">
        <v>54</v>
      </c>
      <c r="AI36868">
        <v>54</v>
      </c>
      <c r="AJ36868">
        <v>54</v>
      </c>
      <c r="AK36868">
        <v>54</v>
      </c>
      <c r="AL36868">
        <v>54</v>
      </c>
      <c r="AM36868">
        <v>54</v>
      </c>
      <c r="AN36868">
        <v>54</v>
      </c>
      <c r="AO36868">
        <v>55</v>
      </c>
      <c r="AP36868">
        <v>55</v>
      </c>
      <c r="AQ36868">
        <v>55</v>
      </c>
    </row>
    <row r="36869" spans="1:43">
      <c r="A36869" t="s">
        <v>22855</v>
      </c>
      <c r="B36869" t="s">
        <v>22856</v>
      </c>
      <c r="C36869" t="s">
        <v>22857</v>
      </c>
      <c r="D36869" t="s">
        <v>22858</v>
      </c>
      <c r="E36869" t="s">
        <v>22839</v>
      </c>
      <c r="F36869" t="s">
        <v>22840</v>
      </c>
      <c r="G36869" t="s">
        <v>22539</v>
      </c>
      <c r="H36869" t="s">
        <v>22540</v>
      </c>
      <c r="I36869" s="2">
        <v>0</v>
      </c>
      <c r="J36869" s="2">
        <v>0</v>
      </c>
      <c r="K36869" s="2">
        <v>1</v>
      </c>
      <c r="L36869" t="s">
        <v>995</v>
      </c>
      <c r="M36869" t="s">
        <v>83</v>
      </c>
      <c r="N36869" t="s">
        <v>91</v>
      </c>
      <c r="O36869" t="s">
        <v>85</v>
      </c>
      <c r="P36869" t="s">
        <v>86</v>
      </c>
      <c r="Q36869">
        <v>41</v>
      </c>
      <c r="R36869">
        <v>41</v>
      </c>
      <c r="S36869">
        <v>42</v>
      </c>
      <c r="T36869">
        <v>43</v>
      </c>
      <c r="U36869">
        <v>43</v>
      </c>
      <c r="V36869">
        <v>44</v>
      </c>
      <c r="W36869">
        <v>45</v>
      </c>
      <c r="X36869">
        <v>45</v>
      </c>
      <c r="Y36869">
        <v>46</v>
      </c>
      <c r="Z36869">
        <v>46</v>
      </c>
      <c r="AA36869">
        <v>47</v>
      </c>
      <c r="AB36869">
        <v>48</v>
      </c>
      <c r="AC36869">
        <v>48</v>
      </c>
      <c r="AD36869">
        <v>49</v>
      </c>
      <c r="AE36869">
        <v>50</v>
      </c>
      <c r="AF36869">
        <v>50</v>
      </c>
      <c r="AG36869">
        <v>51</v>
      </c>
      <c r="AH36869">
        <v>52</v>
      </c>
      <c r="AI36869">
        <v>52</v>
      </c>
      <c r="AJ36869">
        <v>53</v>
      </c>
      <c r="AK36869">
        <v>53</v>
      </c>
      <c r="AL36869">
        <v>54</v>
      </c>
      <c r="AM36869">
        <v>54</v>
      </c>
      <c r="AN36869">
        <v>54</v>
      </c>
      <c r="AO36869">
        <v>54</v>
      </c>
      <c r="AP36869">
        <v>54</v>
      </c>
      <c r="AQ36869">
        <v>54</v>
      </c>
    </row>
    <row r="36870" spans="1:43">
      <c r="A36870" t="s">
        <v>22859</v>
      </c>
      <c r="B36870" t="s">
        <v>22860</v>
      </c>
      <c r="C36870" t="s">
        <v>22861</v>
      </c>
      <c r="D36870" t="s">
        <v>22862</v>
      </c>
      <c r="E36870" t="s">
        <v>22839</v>
      </c>
      <c r="F36870" t="s">
        <v>22840</v>
      </c>
      <c r="G36870" t="s">
        <v>22539</v>
      </c>
      <c r="H36870" t="s">
        <v>22540</v>
      </c>
      <c r="I36870" s="2">
        <v>0</v>
      </c>
      <c r="J36870" s="2">
        <v>0</v>
      </c>
      <c r="K36870" s="2">
        <v>1</v>
      </c>
      <c r="L36870" t="s">
        <v>995</v>
      </c>
      <c r="M36870" t="s">
        <v>83</v>
      </c>
      <c r="N36870" t="s">
        <v>84</v>
      </c>
      <c r="O36870" t="s">
        <v>85</v>
      </c>
      <c r="P36870" t="s">
        <v>86</v>
      </c>
      <c r="Q36870">
        <v>41</v>
      </c>
      <c r="R36870">
        <v>42</v>
      </c>
      <c r="S36870">
        <v>42</v>
      </c>
      <c r="T36870">
        <v>43</v>
      </c>
      <c r="U36870">
        <v>44</v>
      </c>
      <c r="V36870">
        <v>44</v>
      </c>
      <c r="W36870">
        <v>45</v>
      </c>
      <c r="X36870">
        <v>46</v>
      </c>
      <c r="Y36870">
        <v>46</v>
      </c>
      <c r="Z36870">
        <v>47</v>
      </c>
      <c r="AA36870">
        <v>48</v>
      </c>
      <c r="AB36870">
        <v>48</v>
      </c>
      <c r="AC36870">
        <v>49</v>
      </c>
      <c r="AD36870">
        <v>50</v>
      </c>
      <c r="AE36870">
        <v>50</v>
      </c>
      <c r="AF36870">
        <v>51</v>
      </c>
      <c r="AG36870">
        <v>52</v>
      </c>
      <c r="AH36870">
        <v>52</v>
      </c>
      <c r="AI36870">
        <v>53</v>
      </c>
      <c r="AJ36870">
        <v>54</v>
      </c>
      <c r="AK36870">
        <v>54</v>
      </c>
      <c r="AL36870">
        <v>55</v>
      </c>
      <c r="AM36870">
        <v>55</v>
      </c>
      <c r="AN36870">
        <v>55</v>
      </c>
      <c r="AO36870">
        <v>55</v>
      </c>
      <c r="AP36870">
        <v>55</v>
      </c>
      <c r="AQ36870">
        <v>55</v>
      </c>
    </row>
    <row r="36871" spans="1:43">
      <c r="A36871" t="s">
        <v>22859</v>
      </c>
      <c r="B36871" t="s">
        <v>22860</v>
      </c>
      <c r="C36871" t="s">
        <v>22861</v>
      </c>
      <c r="D36871" t="s">
        <v>22862</v>
      </c>
      <c r="E36871" t="s">
        <v>22839</v>
      </c>
      <c r="F36871" t="s">
        <v>22840</v>
      </c>
      <c r="G36871" t="s">
        <v>22539</v>
      </c>
      <c r="H36871" t="s">
        <v>22540</v>
      </c>
      <c r="I36871" s="2">
        <v>0</v>
      </c>
      <c r="J36871" s="2">
        <v>0</v>
      </c>
      <c r="K36871" s="2">
        <v>1</v>
      </c>
      <c r="L36871" t="s">
        <v>995</v>
      </c>
      <c r="M36871" t="s">
        <v>87</v>
      </c>
      <c r="N36871" t="s">
        <v>88</v>
      </c>
      <c r="O36871" t="s">
        <v>85</v>
      </c>
      <c r="P36871" t="s">
        <v>86</v>
      </c>
      <c r="Q36871">
        <v>41</v>
      </c>
      <c r="R36871">
        <v>41</v>
      </c>
      <c r="S36871">
        <v>41</v>
      </c>
      <c r="T36871">
        <v>42</v>
      </c>
      <c r="U36871">
        <v>42</v>
      </c>
      <c r="V36871">
        <v>42</v>
      </c>
      <c r="W36871">
        <v>42</v>
      </c>
      <c r="X36871">
        <v>43</v>
      </c>
      <c r="Y36871">
        <v>43</v>
      </c>
      <c r="Z36871">
        <v>43</v>
      </c>
      <c r="AA36871">
        <v>44</v>
      </c>
      <c r="AB36871">
        <v>44</v>
      </c>
      <c r="AC36871">
        <v>44</v>
      </c>
      <c r="AD36871">
        <v>44</v>
      </c>
      <c r="AE36871">
        <v>45</v>
      </c>
      <c r="AF36871">
        <v>45</v>
      </c>
      <c r="AG36871">
        <v>45</v>
      </c>
      <c r="AH36871">
        <v>45</v>
      </c>
      <c r="AI36871">
        <v>46</v>
      </c>
      <c r="AJ36871">
        <v>46</v>
      </c>
      <c r="AK36871">
        <v>46</v>
      </c>
      <c r="AL36871">
        <v>47</v>
      </c>
      <c r="AM36871">
        <v>47</v>
      </c>
      <c r="AN36871">
        <v>47</v>
      </c>
      <c r="AO36871">
        <v>47</v>
      </c>
      <c r="AP36871">
        <v>48</v>
      </c>
      <c r="AQ36871">
        <v>48</v>
      </c>
    </row>
    <row r="36872" spans="1:43">
      <c r="A36872" t="s">
        <v>22859</v>
      </c>
      <c r="B36872" t="s">
        <v>22860</v>
      </c>
      <c r="C36872" t="s">
        <v>22861</v>
      </c>
      <c r="D36872" t="s">
        <v>22862</v>
      </c>
      <c r="E36872" t="s">
        <v>22839</v>
      </c>
      <c r="F36872" t="s">
        <v>22840</v>
      </c>
      <c r="G36872" t="s">
        <v>22539</v>
      </c>
      <c r="H36872" t="s">
        <v>22540</v>
      </c>
      <c r="I36872" s="2">
        <v>0</v>
      </c>
      <c r="J36872" s="2">
        <v>0</v>
      </c>
      <c r="K36872" s="2">
        <v>1</v>
      </c>
      <c r="L36872" t="s">
        <v>995</v>
      </c>
      <c r="M36872" t="s">
        <v>89</v>
      </c>
      <c r="N36872" t="s">
        <v>90</v>
      </c>
      <c r="O36872" t="s">
        <v>85</v>
      </c>
      <c r="P36872" t="s">
        <v>86</v>
      </c>
      <c r="Q36872">
        <v>41</v>
      </c>
      <c r="R36872">
        <v>42</v>
      </c>
      <c r="S36872">
        <v>43</v>
      </c>
      <c r="T36872">
        <v>44</v>
      </c>
      <c r="U36872">
        <v>45</v>
      </c>
      <c r="V36872">
        <v>46</v>
      </c>
      <c r="W36872">
        <v>46</v>
      </c>
      <c r="X36872">
        <v>47</v>
      </c>
      <c r="Y36872">
        <v>48</v>
      </c>
      <c r="Z36872">
        <v>49</v>
      </c>
      <c r="AA36872">
        <v>50</v>
      </c>
      <c r="AB36872">
        <v>51</v>
      </c>
      <c r="AC36872">
        <v>52</v>
      </c>
      <c r="AD36872">
        <v>52</v>
      </c>
      <c r="AE36872">
        <v>53</v>
      </c>
      <c r="AF36872">
        <v>53</v>
      </c>
      <c r="AG36872">
        <v>53</v>
      </c>
      <c r="AH36872">
        <v>54</v>
      </c>
      <c r="AI36872">
        <v>54</v>
      </c>
      <c r="AJ36872">
        <v>54</v>
      </c>
      <c r="AK36872">
        <v>54</v>
      </c>
      <c r="AL36872">
        <v>54</v>
      </c>
      <c r="AM36872">
        <v>54</v>
      </c>
      <c r="AN36872">
        <v>55</v>
      </c>
      <c r="AO36872">
        <v>55</v>
      </c>
      <c r="AP36872">
        <v>55</v>
      </c>
      <c r="AQ36872">
        <v>55</v>
      </c>
    </row>
    <row r="36873" spans="1:43">
      <c r="A36873" t="s">
        <v>22859</v>
      </c>
      <c r="B36873" t="s">
        <v>22860</v>
      </c>
      <c r="C36873" t="s">
        <v>22861</v>
      </c>
      <c r="D36873" t="s">
        <v>22862</v>
      </c>
      <c r="E36873" t="s">
        <v>22839</v>
      </c>
      <c r="F36873" t="s">
        <v>22840</v>
      </c>
      <c r="G36873" t="s">
        <v>22539</v>
      </c>
      <c r="H36873" t="s">
        <v>22540</v>
      </c>
      <c r="I36873" s="2">
        <v>0</v>
      </c>
      <c r="J36873" s="2">
        <v>0</v>
      </c>
      <c r="K36873" s="2">
        <v>1</v>
      </c>
      <c r="L36873" t="s">
        <v>995</v>
      </c>
      <c r="M36873" t="s">
        <v>83</v>
      </c>
      <c r="N36873" t="s">
        <v>91</v>
      </c>
      <c r="O36873" t="s">
        <v>85</v>
      </c>
      <c r="P36873" t="s">
        <v>86</v>
      </c>
      <c r="Q36873">
        <v>41</v>
      </c>
      <c r="R36873">
        <v>42</v>
      </c>
      <c r="S36873">
        <v>42</v>
      </c>
      <c r="T36873">
        <v>43</v>
      </c>
      <c r="U36873">
        <v>44</v>
      </c>
      <c r="V36873">
        <v>44</v>
      </c>
      <c r="W36873">
        <v>45</v>
      </c>
      <c r="X36873">
        <v>46</v>
      </c>
      <c r="Y36873">
        <v>46</v>
      </c>
      <c r="Z36873">
        <v>47</v>
      </c>
      <c r="AA36873">
        <v>48</v>
      </c>
      <c r="AB36873">
        <v>48</v>
      </c>
      <c r="AC36873">
        <v>49</v>
      </c>
      <c r="AD36873">
        <v>50</v>
      </c>
      <c r="AE36873">
        <v>50</v>
      </c>
      <c r="AF36873">
        <v>51</v>
      </c>
      <c r="AG36873">
        <v>52</v>
      </c>
      <c r="AH36873">
        <v>52</v>
      </c>
      <c r="AI36873">
        <v>53</v>
      </c>
      <c r="AJ36873">
        <v>54</v>
      </c>
      <c r="AK36873">
        <v>54</v>
      </c>
      <c r="AL36873">
        <v>55</v>
      </c>
      <c r="AM36873">
        <v>55</v>
      </c>
      <c r="AN36873">
        <v>55</v>
      </c>
      <c r="AO36873">
        <v>55</v>
      </c>
      <c r="AP36873">
        <v>55</v>
      </c>
      <c r="AQ36873">
        <v>55</v>
      </c>
    </row>
    <row r="36874" spans="1:43">
      <c r="A36874" t="s">
        <v>22863</v>
      </c>
      <c r="B36874" t="s">
        <v>22864</v>
      </c>
      <c r="C36874" t="s">
        <v>22861</v>
      </c>
      <c r="D36874" t="s">
        <v>22862</v>
      </c>
      <c r="E36874" t="s">
        <v>22839</v>
      </c>
      <c r="F36874" t="s">
        <v>22840</v>
      </c>
      <c r="G36874" t="s">
        <v>22539</v>
      </c>
      <c r="H36874" t="s">
        <v>22540</v>
      </c>
      <c r="I36874" s="2">
        <v>0</v>
      </c>
      <c r="J36874" s="2">
        <v>0</v>
      </c>
      <c r="K36874" s="2">
        <v>1</v>
      </c>
      <c r="L36874" t="s">
        <v>995</v>
      </c>
      <c r="M36874" t="s">
        <v>83</v>
      </c>
      <c r="N36874" t="s">
        <v>84</v>
      </c>
      <c r="O36874" t="s">
        <v>85</v>
      </c>
      <c r="P36874" t="s">
        <v>86</v>
      </c>
      <c r="Q36874">
        <v>14</v>
      </c>
      <c r="R36874">
        <v>14</v>
      </c>
      <c r="S36874">
        <v>14</v>
      </c>
      <c r="T36874">
        <v>14</v>
      </c>
      <c r="U36874">
        <v>14</v>
      </c>
      <c r="V36874">
        <v>15</v>
      </c>
      <c r="W36874">
        <v>15</v>
      </c>
      <c r="X36874">
        <v>15</v>
      </c>
      <c r="Y36874">
        <v>15</v>
      </c>
      <c r="Z36874">
        <v>15</v>
      </c>
      <c r="AA36874">
        <v>16</v>
      </c>
      <c r="AB36874">
        <v>16</v>
      </c>
      <c r="AC36874">
        <v>16</v>
      </c>
      <c r="AD36874">
        <v>16</v>
      </c>
      <c r="AE36874">
        <v>17</v>
      </c>
      <c r="AF36874">
        <v>17</v>
      </c>
      <c r="AG36874">
        <v>17</v>
      </c>
      <c r="AH36874">
        <v>17</v>
      </c>
      <c r="AI36874">
        <v>17</v>
      </c>
      <c r="AJ36874">
        <v>18</v>
      </c>
      <c r="AK36874">
        <v>18</v>
      </c>
      <c r="AL36874">
        <v>18</v>
      </c>
      <c r="AM36874">
        <v>18</v>
      </c>
      <c r="AN36874">
        <v>18</v>
      </c>
      <c r="AO36874">
        <v>18</v>
      </c>
      <c r="AP36874">
        <v>18</v>
      </c>
      <c r="AQ36874">
        <v>18</v>
      </c>
    </row>
    <row r="36875" spans="1:43">
      <c r="A36875" t="s">
        <v>22863</v>
      </c>
      <c r="B36875" t="s">
        <v>22864</v>
      </c>
      <c r="C36875" t="s">
        <v>22861</v>
      </c>
      <c r="D36875" t="s">
        <v>22862</v>
      </c>
      <c r="E36875" t="s">
        <v>22839</v>
      </c>
      <c r="F36875" t="s">
        <v>22840</v>
      </c>
      <c r="G36875" t="s">
        <v>22539</v>
      </c>
      <c r="H36875" t="s">
        <v>22540</v>
      </c>
      <c r="I36875" s="2">
        <v>0</v>
      </c>
      <c r="J36875" s="2">
        <v>0</v>
      </c>
      <c r="K36875" s="2">
        <v>1</v>
      </c>
      <c r="L36875" t="s">
        <v>995</v>
      </c>
      <c r="M36875" t="s">
        <v>87</v>
      </c>
      <c r="N36875" t="s">
        <v>88</v>
      </c>
      <c r="O36875" t="s">
        <v>85</v>
      </c>
      <c r="P36875" t="s">
        <v>86</v>
      </c>
      <c r="Q36875">
        <v>14</v>
      </c>
      <c r="R36875">
        <v>14</v>
      </c>
      <c r="S36875">
        <v>15</v>
      </c>
      <c r="T36875">
        <v>15</v>
      </c>
      <c r="U36875">
        <v>15</v>
      </c>
      <c r="V36875">
        <v>15</v>
      </c>
      <c r="W36875">
        <v>15</v>
      </c>
      <c r="X36875">
        <v>15</v>
      </c>
      <c r="Y36875">
        <v>15</v>
      </c>
      <c r="Z36875">
        <v>15</v>
      </c>
      <c r="AA36875">
        <v>15</v>
      </c>
      <c r="AB36875">
        <v>15</v>
      </c>
      <c r="AC36875">
        <v>15</v>
      </c>
      <c r="AD36875">
        <v>16</v>
      </c>
      <c r="AE36875">
        <v>16</v>
      </c>
      <c r="AF36875">
        <v>16</v>
      </c>
      <c r="AG36875">
        <v>16</v>
      </c>
      <c r="AH36875">
        <v>16</v>
      </c>
      <c r="AI36875">
        <v>16</v>
      </c>
      <c r="AJ36875">
        <v>16</v>
      </c>
      <c r="AK36875">
        <v>16</v>
      </c>
      <c r="AL36875">
        <v>16</v>
      </c>
      <c r="AM36875">
        <v>16</v>
      </c>
      <c r="AN36875">
        <v>16</v>
      </c>
      <c r="AO36875">
        <v>17</v>
      </c>
      <c r="AP36875">
        <v>17</v>
      </c>
      <c r="AQ36875">
        <v>17</v>
      </c>
    </row>
    <row r="36876" spans="1:43">
      <c r="A36876" t="s">
        <v>22863</v>
      </c>
      <c r="B36876" t="s">
        <v>22864</v>
      </c>
      <c r="C36876" t="s">
        <v>22861</v>
      </c>
      <c r="D36876" t="s">
        <v>22862</v>
      </c>
      <c r="E36876" t="s">
        <v>22839</v>
      </c>
      <c r="F36876" t="s">
        <v>22840</v>
      </c>
      <c r="G36876" t="s">
        <v>22539</v>
      </c>
      <c r="H36876" t="s">
        <v>22540</v>
      </c>
      <c r="I36876" s="2">
        <v>0</v>
      </c>
      <c r="J36876" s="2">
        <v>0</v>
      </c>
      <c r="K36876" s="2">
        <v>1</v>
      </c>
      <c r="L36876" t="s">
        <v>995</v>
      </c>
      <c r="M36876" t="s">
        <v>89</v>
      </c>
      <c r="N36876" t="s">
        <v>90</v>
      </c>
      <c r="O36876" t="s">
        <v>85</v>
      </c>
      <c r="P36876" t="s">
        <v>86</v>
      </c>
      <c r="Q36876">
        <v>14</v>
      </c>
      <c r="R36876">
        <v>14</v>
      </c>
      <c r="S36876">
        <v>14</v>
      </c>
      <c r="T36876">
        <v>15</v>
      </c>
      <c r="U36876">
        <v>15</v>
      </c>
      <c r="V36876">
        <v>15</v>
      </c>
      <c r="W36876">
        <v>16</v>
      </c>
      <c r="X36876">
        <v>16</v>
      </c>
      <c r="Y36876">
        <v>16</v>
      </c>
      <c r="Z36876">
        <v>16</v>
      </c>
      <c r="AA36876">
        <v>17</v>
      </c>
      <c r="AB36876">
        <v>17</v>
      </c>
      <c r="AC36876">
        <v>17</v>
      </c>
      <c r="AD36876">
        <v>18</v>
      </c>
      <c r="AE36876">
        <v>18</v>
      </c>
      <c r="AF36876">
        <v>18</v>
      </c>
      <c r="AG36876">
        <v>18</v>
      </c>
      <c r="AH36876">
        <v>18</v>
      </c>
      <c r="AI36876">
        <v>18</v>
      </c>
      <c r="AJ36876">
        <v>18</v>
      </c>
      <c r="AK36876">
        <v>18</v>
      </c>
      <c r="AL36876">
        <v>18</v>
      </c>
      <c r="AM36876">
        <v>18</v>
      </c>
      <c r="AN36876">
        <v>18</v>
      </c>
      <c r="AO36876">
        <v>18</v>
      </c>
      <c r="AP36876">
        <v>18</v>
      </c>
      <c r="AQ36876">
        <v>18</v>
      </c>
    </row>
    <row r="36877" spans="1:43">
      <c r="A36877" t="s">
        <v>22863</v>
      </c>
      <c r="B36877" t="s">
        <v>22864</v>
      </c>
      <c r="C36877" t="s">
        <v>22861</v>
      </c>
      <c r="D36877" t="s">
        <v>22862</v>
      </c>
      <c r="E36877" t="s">
        <v>22839</v>
      </c>
      <c r="F36877" t="s">
        <v>22840</v>
      </c>
      <c r="G36877" t="s">
        <v>22539</v>
      </c>
      <c r="H36877" t="s">
        <v>22540</v>
      </c>
      <c r="I36877" s="2">
        <v>0</v>
      </c>
      <c r="J36877" s="2">
        <v>0</v>
      </c>
      <c r="K36877" s="2">
        <v>1</v>
      </c>
      <c r="L36877" t="s">
        <v>995</v>
      </c>
      <c r="M36877" t="s">
        <v>83</v>
      </c>
      <c r="N36877" t="s">
        <v>91</v>
      </c>
      <c r="O36877" t="s">
        <v>85</v>
      </c>
      <c r="P36877" t="s">
        <v>86</v>
      </c>
      <c r="Q36877">
        <v>14</v>
      </c>
      <c r="R36877">
        <v>14</v>
      </c>
      <c r="S36877">
        <v>14</v>
      </c>
      <c r="T36877">
        <v>14</v>
      </c>
      <c r="U36877">
        <v>14</v>
      </c>
      <c r="V36877">
        <v>15</v>
      </c>
      <c r="W36877">
        <v>15</v>
      </c>
      <c r="X36877">
        <v>15</v>
      </c>
      <c r="Y36877">
        <v>15</v>
      </c>
      <c r="Z36877">
        <v>15</v>
      </c>
      <c r="AA36877">
        <v>16</v>
      </c>
      <c r="AB36877">
        <v>16</v>
      </c>
      <c r="AC36877">
        <v>16</v>
      </c>
      <c r="AD36877">
        <v>16</v>
      </c>
      <c r="AE36877">
        <v>17</v>
      </c>
      <c r="AF36877">
        <v>17</v>
      </c>
      <c r="AG36877">
        <v>17</v>
      </c>
      <c r="AH36877">
        <v>17</v>
      </c>
      <c r="AI36877">
        <v>17</v>
      </c>
      <c r="AJ36877">
        <v>18</v>
      </c>
      <c r="AK36877">
        <v>18</v>
      </c>
      <c r="AL36877">
        <v>18</v>
      </c>
      <c r="AM36877">
        <v>18</v>
      </c>
      <c r="AN36877">
        <v>18</v>
      </c>
      <c r="AO36877">
        <v>18</v>
      </c>
      <c r="AP36877">
        <v>18</v>
      </c>
      <c r="AQ36877">
        <v>18</v>
      </c>
    </row>
    <row r="36878" spans="1:43">
      <c r="A36878" t="s">
        <v>22865</v>
      </c>
      <c r="B36878" t="s">
        <v>22866</v>
      </c>
      <c r="C36878" t="s">
        <v>22861</v>
      </c>
      <c r="D36878" t="s">
        <v>22862</v>
      </c>
      <c r="E36878" t="s">
        <v>22839</v>
      </c>
      <c r="F36878" t="s">
        <v>22840</v>
      </c>
      <c r="G36878" t="s">
        <v>22539</v>
      </c>
      <c r="H36878" t="s">
        <v>22540</v>
      </c>
      <c r="I36878" s="2">
        <v>0</v>
      </c>
      <c r="J36878" s="2">
        <v>0</v>
      </c>
      <c r="K36878" s="2">
        <v>1</v>
      </c>
      <c r="L36878" t="s">
        <v>995</v>
      </c>
      <c r="M36878" t="s">
        <v>83</v>
      </c>
      <c r="N36878" t="s">
        <v>84</v>
      </c>
      <c r="O36878" t="s">
        <v>85</v>
      </c>
      <c r="P36878" t="s">
        <v>86</v>
      </c>
      <c r="Q36878">
        <v>29</v>
      </c>
      <c r="R36878">
        <v>30</v>
      </c>
      <c r="S36878">
        <v>30</v>
      </c>
      <c r="T36878">
        <v>31</v>
      </c>
      <c r="U36878">
        <v>31</v>
      </c>
      <c r="V36878">
        <v>31</v>
      </c>
      <c r="W36878">
        <v>32</v>
      </c>
      <c r="X36878">
        <v>32</v>
      </c>
      <c r="Y36878">
        <v>33</v>
      </c>
      <c r="Z36878">
        <v>33</v>
      </c>
      <c r="AA36878">
        <v>34</v>
      </c>
      <c r="AB36878">
        <v>34</v>
      </c>
      <c r="AC36878">
        <v>35</v>
      </c>
      <c r="AD36878">
        <v>35</v>
      </c>
      <c r="AE36878">
        <v>36</v>
      </c>
      <c r="AF36878">
        <v>36</v>
      </c>
      <c r="AG36878">
        <v>37</v>
      </c>
      <c r="AH36878">
        <v>37</v>
      </c>
      <c r="AI36878">
        <v>38</v>
      </c>
      <c r="AJ36878">
        <v>38</v>
      </c>
      <c r="AK36878">
        <v>38</v>
      </c>
      <c r="AL36878">
        <v>39</v>
      </c>
      <c r="AM36878">
        <v>39</v>
      </c>
      <c r="AN36878">
        <v>39</v>
      </c>
      <c r="AO36878">
        <v>39</v>
      </c>
      <c r="AP36878">
        <v>39</v>
      </c>
      <c r="AQ36878">
        <v>39</v>
      </c>
    </row>
    <row r="36879" spans="1:43">
      <c r="A36879" t="s">
        <v>22865</v>
      </c>
      <c r="B36879" t="s">
        <v>22866</v>
      </c>
      <c r="C36879" t="s">
        <v>22861</v>
      </c>
      <c r="D36879" t="s">
        <v>22862</v>
      </c>
      <c r="E36879" t="s">
        <v>22839</v>
      </c>
      <c r="F36879" t="s">
        <v>22840</v>
      </c>
      <c r="G36879" t="s">
        <v>22539</v>
      </c>
      <c r="H36879" t="s">
        <v>22540</v>
      </c>
      <c r="I36879" s="2">
        <v>0</v>
      </c>
      <c r="J36879" s="2">
        <v>0</v>
      </c>
      <c r="K36879" s="2">
        <v>1</v>
      </c>
      <c r="L36879" t="s">
        <v>995</v>
      </c>
      <c r="M36879" t="s">
        <v>87</v>
      </c>
      <c r="N36879" t="s">
        <v>88</v>
      </c>
      <c r="O36879" t="s">
        <v>85</v>
      </c>
      <c r="P36879" t="s">
        <v>86</v>
      </c>
      <c r="Q36879">
        <v>29</v>
      </c>
      <c r="R36879">
        <v>29</v>
      </c>
      <c r="S36879">
        <v>29</v>
      </c>
      <c r="T36879">
        <v>29</v>
      </c>
      <c r="U36879">
        <v>30</v>
      </c>
      <c r="V36879">
        <v>30</v>
      </c>
      <c r="W36879">
        <v>30</v>
      </c>
      <c r="X36879">
        <v>30</v>
      </c>
      <c r="Y36879">
        <v>30</v>
      </c>
      <c r="Z36879">
        <v>31</v>
      </c>
      <c r="AA36879">
        <v>31</v>
      </c>
      <c r="AB36879">
        <v>31</v>
      </c>
      <c r="AC36879">
        <v>31</v>
      </c>
      <c r="AD36879">
        <v>31</v>
      </c>
      <c r="AE36879">
        <v>32</v>
      </c>
      <c r="AF36879">
        <v>32</v>
      </c>
      <c r="AG36879">
        <v>32</v>
      </c>
      <c r="AH36879">
        <v>32</v>
      </c>
      <c r="AI36879">
        <v>32</v>
      </c>
      <c r="AJ36879">
        <v>32</v>
      </c>
      <c r="AK36879">
        <v>33</v>
      </c>
      <c r="AL36879">
        <v>33</v>
      </c>
      <c r="AM36879">
        <v>33</v>
      </c>
      <c r="AN36879">
        <v>33</v>
      </c>
      <c r="AO36879">
        <v>33</v>
      </c>
      <c r="AP36879">
        <v>34</v>
      </c>
      <c r="AQ36879">
        <v>34</v>
      </c>
    </row>
    <row r="36880" spans="1:43">
      <c r="A36880" t="s">
        <v>22865</v>
      </c>
      <c r="B36880" t="s">
        <v>22866</v>
      </c>
      <c r="C36880" t="s">
        <v>22861</v>
      </c>
      <c r="D36880" t="s">
        <v>22862</v>
      </c>
      <c r="E36880" t="s">
        <v>22839</v>
      </c>
      <c r="F36880" t="s">
        <v>22840</v>
      </c>
      <c r="G36880" t="s">
        <v>22539</v>
      </c>
      <c r="H36880" t="s">
        <v>22540</v>
      </c>
      <c r="I36880" s="2">
        <v>0</v>
      </c>
      <c r="J36880" s="2">
        <v>0</v>
      </c>
      <c r="K36880" s="2">
        <v>1</v>
      </c>
      <c r="L36880" t="s">
        <v>995</v>
      </c>
      <c r="M36880" t="s">
        <v>89</v>
      </c>
      <c r="N36880" t="s">
        <v>90</v>
      </c>
      <c r="O36880" t="s">
        <v>85</v>
      </c>
      <c r="P36880" t="s">
        <v>86</v>
      </c>
      <c r="Q36880">
        <v>29</v>
      </c>
      <c r="R36880">
        <v>30</v>
      </c>
      <c r="S36880">
        <v>31</v>
      </c>
      <c r="T36880">
        <v>32</v>
      </c>
      <c r="U36880">
        <v>32</v>
      </c>
      <c r="V36880">
        <v>33</v>
      </c>
      <c r="W36880">
        <v>34</v>
      </c>
      <c r="X36880">
        <v>34</v>
      </c>
      <c r="Y36880">
        <v>35</v>
      </c>
      <c r="Z36880">
        <v>35</v>
      </c>
      <c r="AA36880">
        <v>36</v>
      </c>
      <c r="AB36880">
        <v>37</v>
      </c>
      <c r="AC36880">
        <v>37</v>
      </c>
      <c r="AD36880">
        <v>38</v>
      </c>
      <c r="AE36880">
        <v>38</v>
      </c>
      <c r="AF36880">
        <v>38</v>
      </c>
      <c r="AG36880">
        <v>39</v>
      </c>
      <c r="AH36880">
        <v>39</v>
      </c>
      <c r="AI36880">
        <v>39</v>
      </c>
      <c r="AJ36880">
        <v>39</v>
      </c>
      <c r="AK36880">
        <v>39</v>
      </c>
      <c r="AL36880">
        <v>39</v>
      </c>
      <c r="AM36880">
        <v>39</v>
      </c>
      <c r="AN36880">
        <v>39</v>
      </c>
      <c r="AO36880">
        <v>39</v>
      </c>
      <c r="AP36880">
        <v>39</v>
      </c>
      <c r="AQ36880">
        <v>39</v>
      </c>
    </row>
    <row r="36881" spans="1:43">
      <c r="A36881" t="s">
        <v>22865</v>
      </c>
      <c r="B36881" t="s">
        <v>22866</v>
      </c>
      <c r="C36881" t="s">
        <v>22861</v>
      </c>
      <c r="D36881" t="s">
        <v>22862</v>
      </c>
      <c r="E36881" t="s">
        <v>22839</v>
      </c>
      <c r="F36881" t="s">
        <v>22840</v>
      </c>
      <c r="G36881" t="s">
        <v>22539</v>
      </c>
      <c r="H36881" t="s">
        <v>22540</v>
      </c>
      <c r="I36881" s="2">
        <v>0</v>
      </c>
      <c r="J36881" s="2">
        <v>0</v>
      </c>
      <c r="K36881" s="2">
        <v>1</v>
      </c>
      <c r="L36881" t="s">
        <v>995</v>
      </c>
      <c r="M36881" t="s">
        <v>83</v>
      </c>
      <c r="N36881" t="s">
        <v>91</v>
      </c>
      <c r="O36881" t="s">
        <v>85</v>
      </c>
      <c r="P36881" t="s">
        <v>86</v>
      </c>
      <c r="Q36881">
        <v>29</v>
      </c>
      <c r="R36881">
        <v>30</v>
      </c>
      <c r="S36881">
        <v>30</v>
      </c>
      <c r="T36881">
        <v>31</v>
      </c>
      <c r="U36881">
        <v>31</v>
      </c>
      <c r="V36881">
        <v>31</v>
      </c>
      <c r="W36881">
        <v>32</v>
      </c>
      <c r="X36881">
        <v>32</v>
      </c>
      <c r="Y36881">
        <v>33</v>
      </c>
      <c r="Z36881">
        <v>33</v>
      </c>
      <c r="AA36881">
        <v>34</v>
      </c>
      <c r="AB36881">
        <v>34</v>
      </c>
      <c r="AC36881">
        <v>35</v>
      </c>
      <c r="AD36881">
        <v>35</v>
      </c>
      <c r="AE36881">
        <v>36</v>
      </c>
      <c r="AF36881">
        <v>36</v>
      </c>
      <c r="AG36881">
        <v>37</v>
      </c>
      <c r="AH36881">
        <v>37</v>
      </c>
      <c r="AI36881">
        <v>38</v>
      </c>
      <c r="AJ36881">
        <v>38</v>
      </c>
      <c r="AK36881">
        <v>38</v>
      </c>
      <c r="AL36881">
        <v>39</v>
      </c>
      <c r="AM36881">
        <v>39</v>
      </c>
      <c r="AN36881">
        <v>39</v>
      </c>
      <c r="AO36881">
        <v>39</v>
      </c>
      <c r="AP36881">
        <v>39</v>
      </c>
      <c r="AQ36881">
        <v>39</v>
      </c>
    </row>
    <row r="36882" spans="1:43">
      <c r="A36882" t="s">
        <v>22867</v>
      </c>
      <c r="B36882" t="s">
        <v>22868</v>
      </c>
      <c r="C36882" t="s">
        <v>22861</v>
      </c>
      <c r="D36882" t="s">
        <v>22862</v>
      </c>
      <c r="E36882" t="s">
        <v>22839</v>
      </c>
      <c r="F36882" t="s">
        <v>22840</v>
      </c>
      <c r="G36882" t="s">
        <v>22539</v>
      </c>
      <c r="H36882" t="s">
        <v>22540</v>
      </c>
      <c r="I36882" s="2">
        <v>0</v>
      </c>
      <c r="J36882" s="2">
        <v>0</v>
      </c>
      <c r="K36882" s="2">
        <v>1</v>
      </c>
      <c r="L36882" t="s">
        <v>995</v>
      </c>
      <c r="M36882" t="s">
        <v>83</v>
      </c>
      <c r="N36882" t="s">
        <v>84</v>
      </c>
      <c r="O36882" t="s">
        <v>85</v>
      </c>
      <c r="P36882" t="s">
        <v>86</v>
      </c>
      <c r="Q36882">
        <v>11</v>
      </c>
      <c r="R36882">
        <v>11</v>
      </c>
      <c r="S36882">
        <v>11</v>
      </c>
      <c r="T36882">
        <v>11</v>
      </c>
      <c r="U36882">
        <v>11</v>
      </c>
      <c r="V36882">
        <v>11</v>
      </c>
      <c r="W36882">
        <v>12</v>
      </c>
      <c r="X36882">
        <v>12</v>
      </c>
      <c r="Y36882">
        <v>12</v>
      </c>
      <c r="Z36882">
        <v>12</v>
      </c>
      <c r="AA36882">
        <v>12</v>
      </c>
      <c r="AB36882">
        <v>12</v>
      </c>
      <c r="AC36882">
        <v>13</v>
      </c>
      <c r="AD36882">
        <v>13</v>
      </c>
      <c r="AE36882">
        <v>13</v>
      </c>
      <c r="AF36882">
        <v>13</v>
      </c>
      <c r="AG36882">
        <v>13</v>
      </c>
      <c r="AH36882">
        <v>13</v>
      </c>
      <c r="AI36882">
        <v>14</v>
      </c>
      <c r="AJ36882">
        <v>14</v>
      </c>
      <c r="AK36882">
        <v>14</v>
      </c>
      <c r="AL36882">
        <v>14</v>
      </c>
      <c r="AM36882">
        <v>14</v>
      </c>
      <c r="AN36882">
        <v>14</v>
      </c>
      <c r="AO36882">
        <v>14</v>
      </c>
      <c r="AP36882">
        <v>14</v>
      </c>
      <c r="AQ36882">
        <v>14</v>
      </c>
    </row>
    <row r="36883" spans="1:43">
      <c r="A36883" t="s">
        <v>22867</v>
      </c>
      <c r="B36883" t="s">
        <v>22868</v>
      </c>
      <c r="C36883" t="s">
        <v>22861</v>
      </c>
      <c r="D36883" t="s">
        <v>22862</v>
      </c>
      <c r="E36883" t="s">
        <v>22839</v>
      </c>
      <c r="F36883" t="s">
        <v>22840</v>
      </c>
      <c r="G36883" t="s">
        <v>22539</v>
      </c>
      <c r="H36883" t="s">
        <v>22540</v>
      </c>
      <c r="I36883" s="2">
        <v>0</v>
      </c>
      <c r="J36883" s="2">
        <v>0</v>
      </c>
      <c r="K36883" s="2">
        <v>1</v>
      </c>
      <c r="L36883" t="s">
        <v>995</v>
      </c>
      <c r="M36883" t="s">
        <v>87</v>
      </c>
      <c r="N36883" t="s">
        <v>88</v>
      </c>
      <c r="O36883" t="s">
        <v>85</v>
      </c>
      <c r="P36883" t="s">
        <v>86</v>
      </c>
      <c r="Q36883">
        <v>11</v>
      </c>
      <c r="R36883">
        <v>12</v>
      </c>
      <c r="S36883">
        <v>12</v>
      </c>
      <c r="T36883">
        <v>12</v>
      </c>
      <c r="U36883">
        <v>12</v>
      </c>
      <c r="V36883">
        <v>12</v>
      </c>
      <c r="W36883">
        <v>12</v>
      </c>
      <c r="X36883">
        <v>12</v>
      </c>
      <c r="Y36883">
        <v>12</v>
      </c>
      <c r="Z36883">
        <v>12</v>
      </c>
      <c r="AA36883">
        <v>12</v>
      </c>
      <c r="AB36883">
        <v>12</v>
      </c>
      <c r="AC36883">
        <v>12</v>
      </c>
      <c r="AD36883">
        <v>12</v>
      </c>
      <c r="AE36883">
        <v>12</v>
      </c>
      <c r="AF36883">
        <v>13</v>
      </c>
      <c r="AG36883">
        <v>13</v>
      </c>
      <c r="AH36883">
        <v>13</v>
      </c>
      <c r="AI36883">
        <v>13</v>
      </c>
      <c r="AJ36883">
        <v>13</v>
      </c>
      <c r="AK36883">
        <v>13</v>
      </c>
      <c r="AL36883">
        <v>13</v>
      </c>
      <c r="AM36883">
        <v>13</v>
      </c>
      <c r="AN36883">
        <v>13</v>
      </c>
      <c r="AO36883">
        <v>13</v>
      </c>
      <c r="AP36883">
        <v>13</v>
      </c>
      <c r="AQ36883">
        <v>13</v>
      </c>
    </row>
    <row r="36884" spans="1:43">
      <c r="A36884" t="s">
        <v>22867</v>
      </c>
      <c r="B36884" t="s">
        <v>22868</v>
      </c>
      <c r="C36884" t="s">
        <v>22861</v>
      </c>
      <c r="D36884" t="s">
        <v>22862</v>
      </c>
      <c r="E36884" t="s">
        <v>22839</v>
      </c>
      <c r="F36884" t="s">
        <v>22840</v>
      </c>
      <c r="G36884" t="s">
        <v>22539</v>
      </c>
      <c r="H36884" t="s">
        <v>22540</v>
      </c>
      <c r="I36884" s="2">
        <v>0</v>
      </c>
      <c r="J36884" s="2">
        <v>0</v>
      </c>
      <c r="K36884" s="2">
        <v>1</v>
      </c>
      <c r="L36884" t="s">
        <v>995</v>
      </c>
      <c r="M36884" t="s">
        <v>89</v>
      </c>
      <c r="N36884" t="s">
        <v>90</v>
      </c>
      <c r="O36884" t="s">
        <v>85</v>
      </c>
      <c r="P36884" t="s">
        <v>86</v>
      </c>
      <c r="Q36884">
        <v>11</v>
      </c>
      <c r="R36884">
        <v>11</v>
      </c>
      <c r="S36884">
        <v>11</v>
      </c>
      <c r="T36884">
        <v>11</v>
      </c>
      <c r="U36884">
        <v>12</v>
      </c>
      <c r="V36884">
        <v>12</v>
      </c>
      <c r="W36884">
        <v>12</v>
      </c>
      <c r="X36884">
        <v>12</v>
      </c>
      <c r="Y36884">
        <v>13</v>
      </c>
      <c r="Z36884">
        <v>13</v>
      </c>
      <c r="AA36884">
        <v>13</v>
      </c>
      <c r="AB36884">
        <v>13</v>
      </c>
      <c r="AC36884">
        <v>13</v>
      </c>
      <c r="AD36884">
        <v>14</v>
      </c>
      <c r="AE36884">
        <v>14</v>
      </c>
      <c r="AF36884">
        <v>14</v>
      </c>
      <c r="AG36884">
        <v>14</v>
      </c>
      <c r="AH36884">
        <v>14</v>
      </c>
      <c r="AI36884">
        <v>14</v>
      </c>
      <c r="AJ36884">
        <v>14</v>
      </c>
      <c r="AK36884">
        <v>14</v>
      </c>
      <c r="AL36884">
        <v>14</v>
      </c>
      <c r="AM36884">
        <v>14</v>
      </c>
      <c r="AN36884">
        <v>14</v>
      </c>
      <c r="AO36884">
        <v>14</v>
      </c>
      <c r="AP36884">
        <v>14</v>
      </c>
      <c r="AQ36884">
        <v>14</v>
      </c>
    </row>
    <row r="36885" spans="1:43">
      <c r="A36885" t="s">
        <v>22867</v>
      </c>
      <c r="B36885" t="s">
        <v>22868</v>
      </c>
      <c r="C36885" t="s">
        <v>22861</v>
      </c>
      <c r="D36885" t="s">
        <v>22862</v>
      </c>
      <c r="E36885" t="s">
        <v>22839</v>
      </c>
      <c r="F36885" t="s">
        <v>22840</v>
      </c>
      <c r="G36885" t="s">
        <v>22539</v>
      </c>
      <c r="H36885" t="s">
        <v>22540</v>
      </c>
      <c r="I36885" s="2">
        <v>0</v>
      </c>
      <c r="J36885" s="2">
        <v>0</v>
      </c>
      <c r="K36885" s="2">
        <v>1</v>
      </c>
      <c r="L36885" t="s">
        <v>995</v>
      </c>
      <c r="M36885" t="s">
        <v>83</v>
      </c>
      <c r="N36885" t="s">
        <v>91</v>
      </c>
      <c r="O36885" t="s">
        <v>85</v>
      </c>
      <c r="P36885" t="s">
        <v>86</v>
      </c>
      <c r="Q36885">
        <v>11</v>
      </c>
      <c r="R36885">
        <v>11</v>
      </c>
      <c r="S36885">
        <v>11</v>
      </c>
      <c r="T36885">
        <v>11</v>
      </c>
      <c r="U36885">
        <v>11</v>
      </c>
      <c r="V36885">
        <v>11</v>
      </c>
      <c r="W36885">
        <v>12</v>
      </c>
      <c r="X36885">
        <v>12</v>
      </c>
      <c r="Y36885">
        <v>12</v>
      </c>
      <c r="Z36885">
        <v>12</v>
      </c>
      <c r="AA36885">
        <v>12</v>
      </c>
      <c r="AB36885">
        <v>12</v>
      </c>
      <c r="AC36885">
        <v>13</v>
      </c>
      <c r="AD36885">
        <v>13</v>
      </c>
      <c r="AE36885">
        <v>13</v>
      </c>
      <c r="AF36885">
        <v>13</v>
      </c>
      <c r="AG36885">
        <v>13</v>
      </c>
      <c r="AH36885">
        <v>13</v>
      </c>
      <c r="AI36885">
        <v>14</v>
      </c>
      <c r="AJ36885">
        <v>14</v>
      </c>
      <c r="AK36885">
        <v>14</v>
      </c>
      <c r="AL36885">
        <v>14</v>
      </c>
      <c r="AM36885">
        <v>14</v>
      </c>
      <c r="AN36885">
        <v>14</v>
      </c>
      <c r="AO36885">
        <v>14</v>
      </c>
      <c r="AP36885">
        <v>14</v>
      </c>
      <c r="AQ36885">
        <v>14</v>
      </c>
    </row>
    <row r="36886" spans="1:43">
      <c r="A36886" t="s">
        <v>22869</v>
      </c>
      <c r="B36886" t="s">
        <v>22870</v>
      </c>
      <c r="C36886" t="s">
        <v>22861</v>
      </c>
      <c r="D36886" t="s">
        <v>22862</v>
      </c>
      <c r="E36886" t="s">
        <v>22839</v>
      </c>
      <c r="F36886" t="s">
        <v>22840</v>
      </c>
      <c r="G36886" t="s">
        <v>22539</v>
      </c>
      <c r="H36886" t="s">
        <v>22540</v>
      </c>
      <c r="I36886" s="2">
        <v>0</v>
      </c>
      <c r="J36886" s="2">
        <v>0</v>
      </c>
      <c r="K36886" s="2">
        <v>1</v>
      </c>
      <c r="L36886" t="s">
        <v>995</v>
      </c>
      <c r="M36886" t="s">
        <v>83</v>
      </c>
      <c r="N36886" t="s">
        <v>84</v>
      </c>
      <c r="O36886" t="s">
        <v>85</v>
      </c>
      <c r="P36886" t="s">
        <v>86</v>
      </c>
      <c r="Q36886">
        <v>47</v>
      </c>
      <c r="R36886">
        <v>48</v>
      </c>
      <c r="S36886">
        <v>49</v>
      </c>
      <c r="T36886">
        <v>49</v>
      </c>
      <c r="U36886">
        <v>50</v>
      </c>
      <c r="V36886">
        <v>51</v>
      </c>
      <c r="W36886">
        <v>52</v>
      </c>
      <c r="X36886">
        <v>52</v>
      </c>
      <c r="Y36886">
        <v>53</v>
      </c>
      <c r="Z36886">
        <v>54</v>
      </c>
      <c r="AA36886">
        <v>55</v>
      </c>
      <c r="AB36886">
        <v>55</v>
      </c>
      <c r="AC36886">
        <v>56</v>
      </c>
      <c r="AD36886">
        <v>57</v>
      </c>
      <c r="AE36886">
        <v>58</v>
      </c>
      <c r="AF36886">
        <v>58</v>
      </c>
      <c r="AG36886">
        <v>59</v>
      </c>
      <c r="AH36886">
        <v>60</v>
      </c>
      <c r="AI36886">
        <v>61</v>
      </c>
      <c r="AJ36886">
        <v>61</v>
      </c>
      <c r="AK36886">
        <v>62</v>
      </c>
      <c r="AL36886">
        <v>62</v>
      </c>
      <c r="AM36886">
        <v>63</v>
      </c>
      <c r="AN36886">
        <v>63</v>
      </c>
      <c r="AO36886">
        <v>63</v>
      </c>
      <c r="AP36886">
        <v>63</v>
      </c>
      <c r="AQ36886">
        <v>63</v>
      </c>
    </row>
    <row r="36887" spans="1:43">
      <c r="A36887" t="s">
        <v>22869</v>
      </c>
      <c r="B36887" t="s">
        <v>22870</v>
      </c>
      <c r="C36887" t="s">
        <v>22861</v>
      </c>
      <c r="D36887" t="s">
        <v>22862</v>
      </c>
      <c r="E36887" t="s">
        <v>22839</v>
      </c>
      <c r="F36887" t="s">
        <v>22840</v>
      </c>
      <c r="G36887" t="s">
        <v>22539</v>
      </c>
      <c r="H36887" t="s">
        <v>22540</v>
      </c>
      <c r="I36887" s="2">
        <v>0</v>
      </c>
      <c r="J36887" s="2">
        <v>0</v>
      </c>
      <c r="K36887" s="2">
        <v>1</v>
      </c>
      <c r="L36887" t="s">
        <v>995</v>
      </c>
      <c r="M36887" t="s">
        <v>87</v>
      </c>
      <c r="N36887" t="s">
        <v>88</v>
      </c>
      <c r="O36887" t="s">
        <v>85</v>
      </c>
      <c r="P36887" t="s">
        <v>86</v>
      </c>
      <c r="Q36887">
        <v>47</v>
      </c>
      <c r="R36887">
        <v>47</v>
      </c>
      <c r="S36887">
        <v>47</v>
      </c>
      <c r="T36887">
        <v>48</v>
      </c>
      <c r="U36887">
        <v>48</v>
      </c>
      <c r="V36887">
        <v>48</v>
      </c>
      <c r="W36887">
        <v>48</v>
      </c>
      <c r="X36887">
        <v>49</v>
      </c>
      <c r="Y36887">
        <v>49</v>
      </c>
      <c r="Z36887">
        <v>49</v>
      </c>
      <c r="AA36887">
        <v>50</v>
      </c>
      <c r="AB36887">
        <v>50</v>
      </c>
      <c r="AC36887">
        <v>50</v>
      </c>
      <c r="AD36887">
        <v>51</v>
      </c>
      <c r="AE36887">
        <v>51</v>
      </c>
      <c r="AF36887">
        <v>51</v>
      </c>
      <c r="AG36887">
        <v>52</v>
      </c>
      <c r="AH36887">
        <v>52</v>
      </c>
      <c r="AI36887">
        <v>52</v>
      </c>
      <c r="AJ36887">
        <v>53</v>
      </c>
      <c r="AK36887">
        <v>53</v>
      </c>
      <c r="AL36887">
        <v>53</v>
      </c>
      <c r="AM36887">
        <v>53</v>
      </c>
      <c r="AN36887">
        <v>54</v>
      </c>
      <c r="AO36887">
        <v>54</v>
      </c>
      <c r="AP36887">
        <v>54</v>
      </c>
      <c r="AQ36887">
        <v>55</v>
      </c>
    </row>
    <row r="36888" spans="1:43">
      <c r="A36888" t="s">
        <v>22869</v>
      </c>
      <c r="B36888" t="s">
        <v>22870</v>
      </c>
      <c r="C36888" t="s">
        <v>22861</v>
      </c>
      <c r="D36888" t="s">
        <v>22862</v>
      </c>
      <c r="E36888" t="s">
        <v>22839</v>
      </c>
      <c r="F36888" t="s">
        <v>22840</v>
      </c>
      <c r="G36888" t="s">
        <v>22539</v>
      </c>
      <c r="H36888" t="s">
        <v>22540</v>
      </c>
      <c r="I36888" s="2">
        <v>0</v>
      </c>
      <c r="J36888" s="2">
        <v>0</v>
      </c>
      <c r="K36888" s="2">
        <v>1</v>
      </c>
      <c r="L36888" t="s">
        <v>995</v>
      </c>
      <c r="M36888" t="s">
        <v>89</v>
      </c>
      <c r="N36888" t="s">
        <v>90</v>
      </c>
      <c r="O36888" t="s">
        <v>85</v>
      </c>
      <c r="P36888" t="s">
        <v>86</v>
      </c>
      <c r="Q36888">
        <v>47</v>
      </c>
      <c r="R36888">
        <v>49</v>
      </c>
      <c r="S36888">
        <v>50</v>
      </c>
      <c r="T36888">
        <v>51</v>
      </c>
      <c r="U36888">
        <v>52</v>
      </c>
      <c r="V36888">
        <v>53</v>
      </c>
      <c r="W36888">
        <v>54</v>
      </c>
      <c r="X36888">
        <v>55</v>
      </c>
      <c r="Y36888">
        <v>56</v>
      </c>
      <c r="Z36888">
        <v>57</v>
      </c>
      <c r="AA36888">
        <v>58</v>
      </c>
      <c r="AB36888">
        <v>59</v>
      </c>
      <c r="AC36888">
        <v>60</v>
      </c>
      <c r="AD36888">
        <v>61</v>
      </c>
      <c r="AE36888">
        <v>62</v>
      </c>
      <c r="AF36888">
        <v>62</v>
      </c>
      <c r="AG36888">
        <v>62</v>
      </c>
      <c r="AH36888">
        <v>62</v>
      </c>
      <c r="AI36888">
        <v>62</v>
      </c>
      <c r="AJ36888">
        <v>63</v>
      </c>
      <c r="AK36888">
        <v>63</v>
      </c>
      <c r="AL36888">
        <v>63</v>
      </c>
      <c r="AM36888">
        <v>63</v>
      </c>
      <c r="AN36888">
        <v>63</v>
      </c>
      <c r="AO36888">
        <v>64</v>
      </c>
      <c r="AP36888">
        <v>64</v>
      </c>
      <c r="AQ36888">
        <v>64</v>
      </c>
    </row>
    <row r="36889" spans="1:43">
      <c r="A36889" t="s">
        <v>22869</v>
      </c>
      <c r="B36889" t="s">
        <v>22870</v>
      </c>
      <c r="C36889" t="s">
        <v>22861</v>
      </c>
      <c r="D36889" t="s">
        <v>22862</v>
      </c>
      <c r="E36889" t="s">
        <v>22839</v>
      </c>
      <c r="F36889" t="s">
        <v>22840</v>
      </c>
      <c r="G36889" t="s">
        <v>22539</v>
      </c>
      <c r="H36889" t="s">
        <v>22540</v>
      </c>
      <c r="I36889" s="2">
        <v>0</v>
      </c>
      <c r="J36889" s="2">
        <v>0</v>
      </c>
      <c r="K36889" s="2">
        <v>1</v>
      </c>
      <c r="L36889" t="s">
        <v>995</v>
      </c>
      <c r="M36889" t="s">
        <v>83</v>
      </c>
      <c r="N36889" t="s">
        <v>91</v>
      </c>
      <c r="O36889" t="s">
        <v>85</v>
      </c>
      <c r="P36889" t="s">
        <v>86</v>
      </c>
      <c r="Q36889">
        <v>47</v>
      </c>
      <c r="R36889">
        <v>48</v>
      </c>
      <c r="S36889">
        <v>49</v>
      </c>
      <c r="T36889">
        <v>49</v>
      </c>
      <c r="U36889">
        <v>50</v>
      </c>
      <c r="V36889">
        <v>51</v>
      </c>
      <c r="W36889">
        <v>52</v>
      </c>
      <c r="X36889">
        <v>52</v>
      </c>
      <c r="Y36889">
        <v>53</v>
      </c>
      <c r="Z36889">
        <v>54</v>
      </c>
      <c r="AA36889">
        <v>55</v>
      </c>
      <c r="AB36889">
        <v>55</v>
      </c>
      <c r="AC36889">
        <v>56</v>
      </c>
      <c r="AD36889">
        <v>57</v>
      </c>
      <c r="AE36889">
        <v>58</v>
      </c>
      <c r="AF36889">
        <v>58</v>
      </c>
      <c r="AG36889">
        <v>59</v>
      </c>
      <c r="AH36889">
        <v>60</v>
      </c>
      <c r="AI36889">
        <v>61</v>
      </c>
      <c r="AJ36889">
        <v>61</v>
      </c>
      <c r="AK36889">
        <v>62</v>
      </c>
      <c r="AL36889">
        <v>62</v>
      </c>
      <c r="AM36889">
        <v>63</v>
      </c>
      <c r="AN36889">
        <v>63</v>
      </c>
      <c r="AO36889">
        <v>63</v>
      </c>
      <c r="AP36889">
        <v>63</v>
      </c>
      <c r="AQ36889">
        <v>63</v>
      </c>
    </row>
    <row r="36890" spans="1:43">
      <c r="A36890" t="s">
        <v>22871</v>
      </c>
      <c r="B36890" t="s">
        <v>22872</v>
      </c>
      <c r="C36890" t="s">
        <v>22861</v>
      </c>
      <c r="D36890" t="s">
        <v>22862</v>
      </c>
      <c r="E36890" t="s">
        <v>22839</v>
      </c>
      <c r="F36890" t="s">
        <v>22840</v>
      </c>
      <c r="G36890" t="s">
        <v>22539</v>
      </c>
      <c r="H36890" t="s">
        <v>22540</v>
      </c>
      <c r="I36890" s="2">
        <v>0</v>
      </c>
      <c r="J36890" s="2">
        <v>0</v>
      </c>
      <c r="K36890" s="2">
        <v>1</v>
      </c>
      <c r="L36890" t="s">
        <v>995</v>
      </c>
      <c r="M36890" t="s">
        <v>83</v>
      </c>
      <c r="N36890" t="s">
        <v>84</v>
      </c>
      <c r="O36890" t="s">
        <v>85</v>
      </c>
      <c r="P36890" t="s">
        <v>86</v>
      </c>
      <c r="Q36890">
        <v>45</v>
      </c>
      <c r="R36890">
        <v>46</v>
      </c>
      <c r="S36890">
        <v>46</v>
      </c>
      <c r="T36890">
        <v>47</v>
      </c>
      <c r="U36890">
        <v>48</v>
      </c>
      <c r="V36890">
        <v>48</v>
      </c>
      <c r="W36890">
        <v>49</v>
      </c>
      <c r="X36890">
        <v>50</v>
      </c>
      <c r="Y36890">
        <v>51</v>
      </c>
      <c r="Z36890">
        <v>51</v>
      </c>
      <c r="AA36890">
        <v>52</v>
      </c>
      <c r="AB36890">
        <v>53</v>
      </c>
      <c r="AC36890">
        <v>53</v>
      </c>
      <c r="AD36890">
        <v>54</v>
      </c>
      <c r="AE36890">
        <v>55</v>
      </c>
      <c r="AF36890">
        <v>56</v>
      </c>
      <c r="AG36890">
        <v>56</v>
      </c>
      <c r="AH36890">
        <v>57</v>
      </c>
      <c r="AI36890">
        <v>58</v>
      </c>
      <c r="AJ36890">
        <v>58</v>
      </c>
      <c r="AK36890">
        <v>59</v>
      </c>
      <c r="AL36890">
        <v>60</v>
      </c>
      <c r="AM36890">
        <v>60</v>
      </c>
      <c r="AN36890">
        <v>60</v>
      </c>
      <c r="AO36890">
        <v>60</v>
      </c>
      <c r="AP36890">
        <v>60</v>
      </c>
      <c r="AQ36890">
        <v>60</v>
      </c>
    </row>
    <row r="36891" spans="1:43">
      <c r="A36891" t="s">
        <v>22871</v>
      </c>
      <c r="B36891" t="s">
        <v>22872</v>
      </c>
      <c r="C36891" t="s">
        <v>22861</v>
      </c>
      <c r="D36891" t="s">
        <v>22862</v>
      </c>
      <c r="E36891" t="s">
        <v>22839</v>
      </c>
      <c r="F36891" t="s">
        <v>22840</v>
      </c>
      <c r="G36891" t="s">
        <v>22539</v>
      </c>
      <c r="H36891" t="s">
        <v>22540</v>
      </c>
      <c r="I36891" s="2">
        <v>0</v>
      </c>
      <c r="J36891" s="2">
        <v>0</v>
      </c>
      <c r="K36891" s="2">
        <v>1</v>
      </c>
      <c r="L36891" t="s">
        <v>995</v>
      </c>
      <c r="M36891" t="s">
        <v>87</v>
      </c>
      <c r="N36891" t="s">
        <v>88</v>
      </c>
      <c r="O36891" t="s">
        <v>85</v>
      </c>
      <c r="P36891" t="s">
        <v>86</v>
      </c>
      <c r="Q36891">
        <v>45</v>
      </c>
      <c r="R36891">
        <v>46</v>
      </c>
      <c r="S36891">
        <v>46</v>
      </c>
      <c r="T36891">
        <v>46</v>
      </c>
      <c r="U36891">
        <v>47</v>
      </c>
      <c r="V36891">
        <v>47</v>
      </c>
      <c r="W36891">
        <v>47</v>
      </c>
      <c r="X36891">
        <v>47</v>
      </c>
      <c r="Y36891">
        <v>48</v>
      </c>
      <c r="Z36891">
        <v>48</v>
      </c>
      <c r="AA36891">
        <v>48</v>
      </c>
      <c r="AB36891">
        <v>49</v>
      </c>
      <c r="AC36891">
        <v>49</v>
      </c>
      <c r="AD36891">
        <v>49</v>
      </c>
      <c r="AE36891">
        <v>49</v>
      </c>
      <c r="AF36891">
        <v>50</v>
      </c>
      <c r="AG36891">
        <v>50</v>
      </c>
      <c r="AH36891">
        <v>50</v>
      </c>
      <c r="AI36891">
        <v>51</v>
      </c>
      <c r="AJ36891">
        <v>51</v>
      </c>
      <c r="AK36891">
        <v>51</v>
      </c>
      <c r="AL36891">
        <v>52</v>
      </c>
      <c r="AM36891">
        <v>52</v>
      </c>
      <c r="AN36891">
        <v>52</v>
      </c>
      <c r="AO36891">
        <v>52</v>
      </c>
      <c r="AP36891">
        <v>53</v>
      </c>
      <c r="AQ36891">
        <v>53</v>
      </c>
    </row>
    <row r="36892" spans="1:43">
      <c r="A36892" t="s">
        <v>22871</v>
      </c>
      <c r="B36892" t="s">
        <v>22872</v>
      </c>
      <c r="C36892" t="s">
        <v>22861</v>
      </c>
      <c r="D36892" t="s">
        <v>22862</v>
      </c>
      <c r="E36892" t="s">
        <v>22839</v>
      </c>
      <c r="F36892" t="s">
        <v>22840</v>
      </c>
      <c r="G36892" t="s">
        <v>22539</v>
      </c>
      <c r="H36892" t="s">
        <v>22540</v>
      </c>
      <c r="I36892" s="2">
        <v>0</v>
      </c>
      <c r="J36892" s="2">
        <v>0</v>
      </c>
      <c r="K36892" s="2">
        <v>1</v>
      </c>
      <c r="L36892" t="s">
        <v>995</v>
      </c>
      <c r="M36892" t="s">
        <v>89</v>
      </c>
      <c r="N36892" t="s">
        <v>90</v>
      </c>
      <c r="O36892" t="s">
        <v>85</v>
      </c>
      <c r="P36892" t="s">
        <v>86</v>
      </c>
      <c r="Q36892">
        <v>45</v>
      </c>
      <c r="R36892">
        <v>46</v>
      </c>
      <c r="S36892">
        <v>47</v>
      </c>
      <c r="T36892">
        <v>49</v>
      </c>
      <c r="U36892">
        <v>50</v>
      </c>
      <c r="V36892">
        <v>51</v>
      </c>
      <c r="W36892">
        <v>52</v>
      </c>
      <c r="X36892">
        <v>53</v>
      </c>
      <c r="Y36892">
        <v>54</v>
      </c>
      <c r="Z36892">
        <v>55</v>
      </c>
      <c r="AA36892">
        <v>56</v>
      </c>
      <c r="AB36892">
        <v>56</v>
      </c>
      <c r="AC36892">
        <v>57</v>
      </c>
      <c r="AD36892">
        <v>58</v>
      </c>
      <c r="AE36892">
        <v>59</v>
      </c>
      <c r="AF36892">
        <v>59</v>
      </c>
      <c r="AG36892">
        <v>59</v>
      </c>
      <c r="AH36892">
        <v>59</v>
      </c>
      <c r="AI36892">
        <v>60</v>
      </c>
      <c r="AJ36892">
        <v>60</v>
      </c>
      <c r="AK36892">
        <v>60</v>
      </c>
      <c r="AL36892">
        <v>60</v>
      </c>
      <c r="AM36892">
        <v>60</v>
      </c>
      <c r="AN36892">
        <v>60</v>
      </c>
      <c r="AO36892">
        <v>60</v>
      </c>
      <c r="AP36892">
        <v>60</v>
      </c>
      <c r="AQ36892">
        <v>61</v>
      </c>
    </row>
    <row r="36893" spans="1:43">
      <c r="A36893" t="s">
        <v>22871</v>
      </c>
      <c r="B36893" t="s">
        <v>22872</v>
      </c>
      <c r="C36893" t="s">
        <v>22861</v>
      </c>
      <c r="D36893" t="s">
        <v>22862</v>
      </c>
      <c r="E36893" t="s">
        <v>22839</v>
      </c>
      <c r="F36893" t="s">
        <v>22840</v>
      </c>
      <c r="G36893" t="s">
        <v>22539</v>
      </c>
      <c r="H36893" t="s">
        <v>22540</v>
      </c>
      <c r="I36893" s="2">
        <v>0</v>
      </c>
      <c r="J36893" s="2">
        <v>0</v>
      </c>
      <c r="K36893" s="2">
        <v>1</v>
      </c>
      <c r="L36893" t="s">
        <v>995</v>
      </c>
      <c r="M36893" t="s">
        <v>83</v>
      </c>
      <c r="N36893" t="s">
        <v>91</v>
      </c>
      <c r="O36893" t="s">
        <v>85</v>
      </c>
      <c r="P36893" t="s">
        <v>86</v>
      </c>
      <c r="Q36893">
        <v>45</v>
      </c>
      <c r="R36893">
        <v>46</v>
      </c>
      <c r="S36893">
        <v>46</v>
      </c>
      <c r="T36893">
        <v>47</v>
      </c>
      <c r="U36893">
        <v>48</v>
      </c>
      <c r="V36893">
        <v>48</v>
      </c>
      <c r="W36893">
        <v>49</v>
      </c>
      <c r="X36893">
        <v>50</v>
      </c>
      <c r="Y36893">
        <v>51</v>
      </c>
      <c r="Z36893">
        <v>51</v>
      </c>
      <c r="AA36893">
        <v>52</v>
      </c>
      <c r="AB36893">
        <v>53</v>
      </c>
      <c r="AC36893">
        <v>53</v>
      </c>
      <c r="AD36893">
        <v>54</v>
      </c>
      <c r="AE36893">
        <v>55</v>
      </c>
      <c r="AF36893">
        <v>56</v>
      </c>
      <c r="AG36893">
        <v>56</v>
      </c>
      <c r="AH36893">
        <v>57</v>
      </c>
      <c r="AI36893">
        <v>58</v>
      </c>
      <c r="AJ36893">
        <v>58</v>
      </c>
      <c r="AK36893">
        <v>59</v>
      </c>
      <c r="AL36893">
        <v>60</v>
      </c>
      <c r="AM36893">
        <v>60</v>
      </c>
      <c r="AN36893">
        <v>60</v>
      </c>
      <c r="AO36893">
        <v>60</v>
      </c>
      <c r="AP36893">
        <v>60</v>
      </c>
      <c r="AQ36893">
        <v>60</v>
      </c>
    </row>
    <row r="36894" spans="1:43">
      <c r="A36894" t="s">
        <v>22873</v>
      </c>
      <c r="B36894" t="s">
        <v>22874</v>
      </c>
      <c r="C36894" t="s">
        <v>22861</v>
      </c>
      <c r="D36894" t="s">
        <v>22862</v>
      </c>
      <c r="E36894" t="s">
        <v>22839</v>
      </c>
      <c r="F36894" t="s">
        <v>22840</v>
      </c>
      <c r="G36894" t="s">
        <v>22539</v>
      </c>
      <c r="H36894" t="s">
        <v>22540</v>
      </c>
      <c r="I36894" s="2">
        <v>0</v>
      </c>
      <c r="J36894" s="2">
        <v>0</v>
      </c>
      <c r="K36894" s="2">
        <v>1</v>
      </c>
      <c r="L36894" t="s">
        <v>995</v>
      </c>
      <c r="M36894" t="s">
        <v>83</v>
      </c>
      <c r="N36894" t="s">
        <v>84</v>
      </c>
      <c r="O36894" t="s">
        <v>85</v>
      </c>
      <c r="P36894" t="s">
        <v>86</v>
      </c>
      <c r="Q36894">
        <v>22</v>
      </c>
      <c r="R36894">
        <v>22</v>
      </c>
      <c r="S36894">
        <v>23</v>
      </c>
      <c r="T36894">
        <v>23</v>
      </c>
      <c r="U36894">
        <v>23</v>
      </c>
      <c r="V36894">
        <v>24</v>
      </c>
      <c r="W36894">
        <v>24</v>
      </c>
      <c r="X36894">
        <v>24</v>
      </c>
      <c r="Y36894">
        <v>25</v>
      </c>
      <c r="Z36894">
        <v>25</v>
      </c>
      <c r="AA36894">
        <v>25</v>
      </c>
      <c r="AB36894">
        <v>26</v>
      </c>
      <c r="AC36894">
        <v>26</v>
      </c>
      <c r="AD36894">
        <v>26</v>
      </c>
      <c r="AE36894">
        <v>27</v>
      </c>
      <c r="AF36894">
        <v>27</v>
      </c>
      <c r="AG36894">
        <v>27</v>
      </c>
      <c r="AH36894">
        <v>28</v>
      </c>
      <c r="AI36894">
        <v>28</v>
      </c>
      <c r="AJ36894">
        <v>29</v>
      </c>
      <c r="AK36894">
        <v>29</v>
      </c>
      <c r="AL36894">
        <v>29</v>
      </c>
      <c r="AM36894">
        <v>29</v>
      </c>
      <c r="AN36894">
        <v>29</v>
      </c>
      <c r="AO36894">
        <v>29</v>
      </c>
      <c r="AP36894">
        <v>29</v>
      </c>
      <c r="AQ36894">
        <v>29</v>
      </c>
    </row>
    <row r="36895" spans="1:43">
      <c r="A36895" t="s">
        <v>22873</v>
      </c>
      <c r="B36895" t="s">
        <v>22874</v>
      </c>
      <c r="C36895" t="s">
        <v>22861</v>
      </c>
      <c r="D36895" t="s">
        <v>22862</v>
      </c>
      <c r="E36895" t="s">
        <v>22839</v>
      </c>
      <c r="F36895" t="s">
        <v>22840</v>
      </c>
      <c r="G36895" t="s">
        <v>22539</v>
      </c>
      <c r="H36895" t="s">
        <v>22540</v>
      </c>
      <c r="I36895" s="2">
        <v>0</v>
      </c>
      <c r="J36895" s="2">
        <v>0</v>
      </c>
      <c r="K36895" s="2">
        <v>1</v>
      </c>
      <c r="L36895" t="s">
        <v>995</v>
      </c>
      <c r="M36895" t="s">
        <v>87</v>
      </c>
      <c r="N36895" t="s">
        <v>88</v>
      </c>
      <c r="O36895" t="s">
        <v>85</v>
      </c>
      <c r="P36895" t="s">
        <v>86</v>
      </c>
      <c r="Q36895">
        <v>22</v>
      </c>
      <c r="R36895">
        <v>22</v>
      </c>
      <c r="S36895">
        <v>22</v>
      </c>
      <c r="T36895">
        <v>22</v>
      </c>
      <c r="U36895">
        <v>22</v>
      </c>
      <c r="V36895">
        <v>22</v>
      </c>
      <c r="W36895">
        <v>23</v>
      </c>
      <c r="X36895">
        <v>23</v>
      </c>
      <c r="Y36895">
        <v>23</v>
      </c>
      <c r="Z36895">
        <v>23</v>
      </c>
      <c r="AA36895">
        <v>23</v>
      </c>
      <c r="AB36895">
        <v>23</v>
      </c>
      <c r="AC36895">
        <v>23</v>
      </c>
      <c r="AD36895">
        <v>24</v>
      </c>
      <c r="AE36895">
        <v>24</v>
      </c>
      <c r="AF36895">
        <v>24</v>
      </c>
      <c r="AG36895">
        <v>24</v>
      </c>
      <c r="AH36895">
        <v>24</v>
      </c>
      <c r="AI36895">
        <v>24</v>
      </c>
      <c r="AJ36895">
        <v>24</v>
      </c>
      <c r="AK36895">
        <v>25</v>
      </c>
      <c r="AL36895">
        <v>25</v>
      </c>
      <c r="AM36895">
        <v>25</v>
      </c>
      <c r="AN36895">
        <v>25</v>
      </c>
      <c r="AO36895">
        <v>25</v>
      </c>
      <c r="AP36895">
        <v>25</v>
      </c>
      <c r="AQ36895">
        <v>25</v>
      </c>
    </row>
    <row r="36896" spans="1:43">
      <c r="A36896" t="s">
        <v>22873</v>
      </c>
      <c r="B36896" t="s">
        <v>22874</v>
      </c>
      <c r="C36896" t="s">
        <v>22861</v>
      </c>
      <c r="D36896" t="s">
        <v>22862</v>
      </c>
      <c r="E36896" t="s">
        <v>22839</v>
      </c>
      <c r="F36896" t="s">
        <v>22840</v>
      </c>
      <c r="G36896" t="s">
        <v>22539</v>
      </c>
      <c r="H36896" t="s">
        <v>22540</v>
      </c>
      <c r="I36896" s="2">
        <v>0</v>
      </c>
      <c r="J36896" s="2">
        <v>0</v>
      </c>
      <c r="K36896" s="2">
        <v>1</v>
      </c>
      <c r="L36896" t="s">
        <v>995</v>
      </c>
      <c r="M36896" t="s">
        <v>89</v>
      </c>
      <c r="N36896" t="s">
        <v>90</v>
      </c>
      <c r="O36896" t="s">
        <v>85</v>
      </c>
      <c r="P36896" t="s">
        <v>86</v>
      </c>
      <c r="Q36896">
        <v>22</v>
      </c>
      <c r="R36896">
        <v>23</v>
      </c>
      <c r="S36896">
        <v>23</v>
      </c>
      <c r="T36896">
        <v>24</v>
      </c>
      <c r="U36896">
        <v>24</v>
      </c>
      <c r="V36896">
        <v>25</v>
      </c>
      <c r="W36896">
        <v>25</v>
      </c>
      <c r="X36896">
        <v>26</v>
      </c>
      <c r="Y36896">
        <v>26</v>
      </c>
      <c r="Z36896">
        <v>27</v>
      </c>
      <c r="AA36896">
        <v>27</v>
      </c>
      <c r="AB36896">
        <v>28</v>
      </c>
      <c r="AC36896">
        <v>28</v>
      </c>
      <c r="AD36896">
        <v>28</v>
      </c>
      <c r="AE36896">
        <v>29</v>
      </c>
      <c r="AF36896">
        <v>29</v>
      </c>
      <c r="AG36896">
        <v>29</v>
      </c>
      <c r="AH36896">
        <v>29</v>
      </c>
      <c r="AI36896">
        <v>29</v>
      </c>
      <c r="AJ36896">
        <v>29</v>
      </c>
      <c r="AK36896">
        <v>29</v>
      </c>
      <c r="AL36896">
        <v>29</v>
      </c>
      <c r="AM36896">
        <v>29</v>
      </c>
      <c r="AN36896">
        <v>29</v>
      </c>
      <c r="AO36896">
        <v>29</v>
      </c>
      <c r="AP36896">
        <v>30</v>
      </c>
      <c r="AQ36896">
        <v>30</v>
      </c>
    </row>
    <row r="36897" spans="1:43">
      <c r="A36897" t="s">
        <v>22873</v>
      </c>
      <c r="B36897" t="s">
        <v>22874</v>
      </c>
      <c r="C36897" t="s">
        <v>22861</v>
      </c>
      <c r="D36897" t="s">
        <v>22862</v>
      </c>
      <c r="E36897" t="s">
        <v>22839</v>
      </c>
      <c r="F36897" t="s">
        <v>22840</v>
      </c>
      <c r="G36897" t="s">
        <v>22539</v>
      </c>
      <c r="H36897" t="s">
        <v>22540</v>
      </c>
      <c r="I36897" s="2">
        <v>0</v>
      </c>
      <c r="J36897" s="2">
        <v>0</v>
      </c>
      <c r="K36897" s="2">
        <v>1</v>
      </c>
      <c r="L36897" t="s">
        <v>995</v>
      </c>
      <c r="M36897" t="s">
        <v>83</v>
      </c>
      <c r="N36897" t="s">
        <v>91</v>
      </c>
      <c r="O36897" t="s">
        <v>85</v>
      </c>
      <c r="P36897" t="s">
        <v>86</v>
      </c>
      <c r="Q36897">
        <v>22</v>
      </c>
      <c r="R36897">
        <v>22</v>
      </c>
      <c r="S36897">
        <v>23</v>
      </c>
      <c r="T36897">
        <v>23</v>
      </c>
      <c r="U36897">
        <v>23</v>
      </c>
      <c r="V36897">
        <v>24</v>
      </c>
      <c r="W36897">
        <v>24</v>
      </c>
      <c r="X36897">
        <v>24</v>
      </c>
      <c r="Y36897">
        <v>25</v>
      </c>
      <c r="Z36897">
        <v>25</v>
      </c>
      <c r="AA36897">
        <v>25</v>
      </c>
      <c r="AB36897">
        <v>26</v>
      </c>
      <c r="AC36897">
        <v>26</v>
      </c>
      <c r="AD36897">
        <v>26</v>
      </c>
      <c r="AE36897">
        <v>27</v>
      </c>
      <c r="AF36897">
        <v>27</v>
      </c>
      <c r="AG36897">
        <v>27</v>
      </c>
      <c r="AH36897">
        <v>28</v>
      </c>
      <c r="AI36897">
        <v>28</v>
      </c>
      <c r="AJ36897">
        <v>29</v>
      </c>
      <c r="AK36897">
        <v>29</v>
      </c>
      <c r="AL36897">
        <v>29</v>
      </c>
      <c r="AM36897">
        <v>29</v>
      </c>
      <c r="AN36897">
        <v>29</v>
      </c>
      <c r="AO36897">
        <v>29</v>
      </c>
      <c r="AP36897">
        <v>29</v>
      </c>
      <c r="AQ36897">
        <v>29</v>
      </c>
    </row>
    <row r="36898" spans="1:43">
      <c r="A36898" t="s">
        <v>22875</v>
      </c>
      <c r="B36898" t="s">
        <v>22876</v>
      </c>
      <c r="C36898" t="s">
        <v>22877</v>
      </c>
      <c r="D36898" t="s">
        <v>22878</v>
      </c>
      <c r="E36898" t="s">
        <v>22839</v>
      </c>
      <c r="F36898" t="s">
        <v>22840</v>
      </c>
      <c r="G36898" t="s">
        <v>22539</v>
      </c>
      <c r="H36898" t="s">
        <v>22540</v>
      </c>
      <c r="I36898" s="2">
        <v>0</v>
      </c>
      <c r="J36898" s="2">
        <v>0</v>
      </c>
      <c r="K36898" s="2">
        <v>1</v>
      </c>
      <c r="L36898" t="s">
        <v>995</v>
      </c>
      <c r="M36898" t="s">
        <v>83</v>
      </c>
      <c r="N36898" t="s">
        <v>84</v>
      </c>
      <c r="O36898" t="s">
        <v>85</v>
      </c>
      <c r="P36898" t="s">
        <v>86</v>
      </c>
      <c r="Q36898">
        <v>30</v>
      </c>
      <c r="R36898">
        <v>31</v>
      </c>
      <c r="S36898">
        <v>31</v>
      </c>
      <c r="T36898">
        <v>32</v>
      </c>
      <c r="U36898">
        <v>32</v>
      </c>
      <c r="V36898">
        <v>33</v>
      </c>
      <c r="W36898">
        <v>33</v>
      </c>
      <c r="X36898">
        <v>34</v>
      </c>
      <c r="Y36898">
        <v>34</v>
      </c>
      <c r="Z36898">
        <v>34</v>
      </c>
      <c r="AA36898">
        <v>35</v>
      </c>
      <c r="AB36898">
        <v>35</v>
      </c>
      <c r="AC36898">
        <v>36</v>
      </c>
      <c r="AD36898">
        <v>36</v>
      </c>
      <c r="AE36898">
        <v>37</v>
      </c>
      <c r="AF36898">
        <v>37</v>
      </c>
      <c r="AG36898">
        <v>37</v>
      </c>
      <c r="AH36898">
        <v>38</v>
      </c>
      <c r="AI36898">
        <v>38</v>
      </c>
      <c r="AJ36898">
        <v>39</v>
      </c>
      <c r="AK36898">
        <v>39</v>
      </c>
      <c r="AL36898">
        <v>39</v>
      </c>
      <c r="AM36898">
        <v>39</v>
      </c>
      <c r="AN36898">
        <v>39</v>
      </c>
      <c r="AO36898">
        <v>40</v>
      </c>
      <c r="AP36898">
        <v>40</v>
      </c>
      <c r="AQ36898">
        <v>40</v>
      </c>
    </row>
    <row r="36899" spans="1:43">
      <c r="A36899" t="s">
        <v>22875</v>
      </c>
      <c r="B36899" t="s">
        <v>22876</v>
      </c>
      <c r="C36899" t="s">
        <v>22877</v>
      </c>
      <c r="D36899" t="s">
        <v>22878</v>
      </c>
      <c r="E36899" t="s">
        <v>22839</v>
      </c>
      <c r="F36899" t="s">
        <v>22840</v>
      </c>
      <c r="G36899" t="s">
        <v>22539</v>
      </c>
      <c r="H36899" t="s">
        <v>22540</v>
      </c>
      <c r="I36899" s="2">
        <v>0</v>
      </c>
      <c r="J36899" s="2">
        <v>0</v>
      </c>
      <c r="K36899" s="2">
        <v>1</v>
      </c>
      <c r="L36899" t="s">
        <v>995</v>
      </c>
      <c r="M36899" t="s">
        <v>87</v>
      </c>
      <c r="N36899" t="s">
        <v>88</v>
      </c>
      <c r="O36899" t="s">
        <v>85</v>
      </c>
      <c r="P36899" t="s">
        <v>86</v>
      </c>
      <c r="Q36899">
        <v>30</v>
      </c>
      <c r="R36899">
        <v>30</v>
      </c>
      <c r="S36899">
        <v>30</v>
      </c>
      <c r="T36899">
        <v>31</v>
      </c>
      <c r="U36899">
        <v>31</v>
      </c>
      <c r="V36899">
        <v>31</v>
      </c>
      <c r="W36899">
        <v>31</v>
      </c>
      <c r="X36899">
        <v>31</v>
      </c>
      <c r="Y36899">
        <v>31</v>
      </c>
      <c r="Z36899">
        <v>32</v>
      </c>
      <c r="AA36899">
        <v>32</v>
      </c>
      <c r="AB36899">
        <v>32</v>
      </c>
      <c r="AC36899">
        <v>32</v>
      </c>
      <c r="AD36899">
        <v>32</v>
      </c>
      <c r="AE36899">
        <v>32</v>
      </c>
      <c r="AF36899">
        <v>33</v>
      </c>
      <c r="AG36899">
        <v>33</v>
      </c>
      <c r="AH36899">
        <v>33</v>
      </c>
      <c r="AI36899">
        <v>33</v>
      </c>
      <c r="AJ36899">
        <v>33</v>
      </c>
      <c r="AK36899">
        <v>34</v>
      </c>
      <c r="AL36899">
        <v>34</v>
      </c>
      <c r="AM36899">
        <v>34</v>
      </c>
      <c r="AN36899">
        <v>34</v>
      </c>
      <c r="AO36899">
        <v>34</v>
      </c>
      <c r="AP36899">
        <v>34</v>
      </c>
      <c r="AQ36899">
        <v>35</v>
      </c>
    </row>
    <row r="36900" spans="1:43">
      <c r="A36900" t="s">
        <v>22875</v>
      </c>
      <c r="B36900" t="s">
        <v>22876</v>
      </c>
      <c r="C36900" t="s">
        <v>22877</v>
      </c>
      <c r="D36900" t="s">
        <v>22878</v>
      </c>
      <c r="E36900" t="s">
        <v>22839</v>
      </c>
      <c r="F36900" t="s">
        <v>22840</v>
      </c>
      <c r="G36900" t="s">
        <v>22539</v>
      </c>
      <c r="H36900" t="s">
        <v>22540</v>
      </c>
      <c r="I36900" s="2">
        <v>0</v>
      </c>
      <c r="J36900" s="2">
        <v>0</v>
      </c>
      <c r="K36900" s="2">
        <v>1</v>
      </c>
      <c r="L36900" t="s">
        <v>995</v>
      </c>
      <c r="M36900" t="s">
        <v>89</v>
      </c>
      <c r="N36900" t="s">
        <v>90</v>
      </c>
      <c r="O36900" t="s">
        <v>85</v>
      </c>
      <c r="P36900" t="s">
        <v>86</v>
      </c>
      <c r="Q36900">
        <v>30</v>
      </c>
      <c r="R36900">
        <v>30</v>
      </c>
      <c r="S36900">
        <v>31</v>
      </c>
      <c r="T36900">
        <v>32</v>
      </c>
      <c r="U36900">
        <v>32</v>
      </c>
      <c r="V36900">
        <v>33</v>
      </c>
      <c r="W36900">
        <v>34</v>
      </c>
      <c r="X36900">
        <v>34</v>
      </c>
      <c r="Y36900">
        <v>35</v>
      </c>
      <c r="Z36900">
        <v>36</v>
      </c>
      <c r="AA36900">
        <v>36</v>
      </c>
      <c r="AB36900">
        <v>37</v>
      </c>
      <c r="AC36900">
        <v>37</v>
      </c>
      <c r="AD36900">
        <v>38</v>
      </c>
      <c r="AE36900">
        <v>38</v>
      </c>
      <c r="AF36900">
        <v>38</v>
      </c>
      <c r="AG36900">
        <v>38</v>
      </c>
      <c r="AH36900">
        <v>38</v>
      </c>
      <c r="AI36900">
        <v>38</v>
      </c>
      <c r="AJ36900">
        <v>38</v>
      </c>
      <c r="AK36900">
        <v>38</v>
      </c>
      <c r="AL36900">
        <v>39</v>
      </c>
      <c r="AM36900">
        <v>39</v>
      </c>
      <c r="AN36900">
        <v>39</v>
      </c>
      <c r="AO36900">
        <v>39</v>
      </c>
      <c r="AP36900">
        <v>39</v>
      </c>
      <c r="AQ36900">
        <v>39</v>
      </c>
    </row>
    <row r="36901" spans="1:43">
      <c r="A36901" t="s">
        <v>22875</v>
      </c>
      <c r="B36901" t="s">
        <v>22876</v>
      </c>
      <c r="C36901" t="s">
        <v>22877</v>
      </c>
      <c r="D36901" t="s">
        <v>22878</v>
      </c>
      <c r="E36901" t="s">
        <v>22839</v>
      </c>
      <c r="F36901" t="s">
        <v>22840</v>
      </c>
      <c r="G36901" t="s">
        <v>22539</v>
      </c>
      <c r="H36901" t="s">
        <v>22540</v>
      </c>
      <c r="I36901" s="2">
        <v>0</v>
      </c>
      <c r="J36901" s="2">
        <v>0</v>
      </c>
      <c r="K36901" s="2">
        <v>1</v>
      </c>
      <c r="L36901" t="s">
        <v>995</v>
      </c>
      <c r="M36901" t="s">
        <v>83</v>
      </c>
      <c r="N36901" t="s">
        <v>91</v>
      </c>
      <c r="O36901" t="s">
        <v>85</v>
      </c>
      <c r="P36901" t="s">
        <v>86</v>
      </c>
      <c r="Q36901">
        <v>30</v>
      </c>
      <c r="R36901">
        <v>31</v>
      </c>
      <c r="S36901">
        <v>31</v>
      </c>
      <c r="T36901">
        <v>32</v>
      </c>
      <c r="U36901">
        <v>32</v>
      </c>
      <c r="V36901">
        <v>33</v>
      </c>
      <c r="W36901">
        <v>33</v>
      </c>
      <c r="X36901">
        <v>34</v>
      </c>
      <c r="Y36901">
        <v>34</v>
      </c>
      <c r="Z36901">
        <v>34</v>
      </c>
      <c r="AA36901">
        <v>35</v>
      </c>
      <c r="AB36901">
        <v>35</v>
      </c>
      <c r="AC36901">
        <v>36</v>
      </c>
      <c r="AD36901">
        <v>36</v>
      </c>
      <c r="AE36901">
        <v>37</v>
      </c>
      <c r="AF36901">
        <v>37</v>
      </c>
      <c r="AG36901">
        <v>37</v>
      </c>
      <c r="AH36901">
        <v>38</v>
      </c>
      <c r="AI36901">
        <v>38</v>
      </c>
      <c r="AJ36901">
        <v>39</v>
      </c>
      <c r="AK36901">
        <v>39</v>
      </c>
      <c r="AL36901">
        <v>39</v>
      </c>
      <c r="AM36901">
        <v>39</v>
      </c>
      <c r="AN36901">
        <v>39</v>
      </c>
      <c r="AO36901">
        <v>40</v>
      </c>
      <c r="AP36901">
        <v>40</v>
      </c>
      <c r="AQ36901">
        <v>40</v>
      </c>
    </row>
    <row r="36902" spans="1:43">
      <c r="A36902" t="s">
        <v>22879</v>
      </c>
      <c r="B36902" t="s">
        <v>22880</v>
      </c>
      <c r="C36902" t="s">
        <v>22877</v>
      </c>
      <c r="D36902" t="s">
        <v>22878</v>
      </c>
      <c r="E36902" t="s">
        <v>22839</v>
      </c>
      <c r="F36902" t="s">
        <v>22840</v>
      </c>
      <c r="G36902" t="s">
        <v>22539</v>
      </c>
      <c r="H36902" t="s">
        <v>22540</v>
      </c>
      <c r="I36902" s="2">
        <v>0</v>
      </c>
      <c r="J36902" s="2">
        <v>0</v>
      </c>
      <c r="K36902" s="2">
        <v>1</v>
      </c>
      <c r="L36902" t="s">
        <v>995</v>
      </c>
      <c r="M36902" t="s">
        <v>83</v>
      </c>
      <c r="N36902" t="s">
        <v>84</v>
      </c>
      <c r="O36902" t="s">
        <v>85</v>
      </c>
      <c r="P36902" t="s">
        <v>86</v>
      </c>
      <c r="Q36902">
        <v>45</v>
      </c>
      <c r="R36902">
        <v>45</v>
      </c>
      <c r="S36902">
        <v>46</v>
      </c>
      <c r="T36902">
        <v>47</v>
      </c>
      <c r="U36902">
        <v>47</v>
      </c>
      <c r="V36902">
        <v>48</v>
      </c>
      <c r="W36902">
        <v>49</v>
      </c>
      <c r="X36902">
        <v>49</v>
      </c>
      <c r="Y36902">
        <v>50</v>
      </c>
      <c r="Z36902">
        <v>51</v>
      </c>
      <c r="AA36902">
        <v>51</v>
      </c>
      <c r="AB36902">
        <v>52</v>
      </c>
      <c r="AC36902">
        <v>53</v>
      </c>
      <c r="AD36902">
        <v>53</v>
      </c>
      <c r="AE36902">
        <v>54</v>
      </c>
      <c r="AF36902">
        <v>55</v>
      </c>
      <c r="AG36902">
        <v>55</v>
      </c>
      <c r="AH36902">
        <v>56</v>
      </c>
      <c r="AI36902">
        <v>57</v>
      </c>
      <c r="AJ36902">
        <v>57</v>
      </c>
      <c r="AK36902">
        <v>58</v>
      </c>
      <c r="AL36902">
        <v>58</v>
      </c>
      <c r="AM36902">
        <v>58</v>
      </c>
      <c r="AN36902">
        <v>58</v>
      </c>
      <c r="AO36902">
        <v>58</v>
      </c>
      <c r="AP36902">
        <v>58</v>
      </c>
      <c r="AQ36902">
        <v>59</v>
      </c>
    </row>
    <row r="36903" spans="1:43">
      <c r="A36903" t="s">
        <v>22879</v>
      </c>
      <c r="B36903" t="s">
        <v>22880</v>
      </c>
      <c r="C36903" t="s">
        <v>22877</v>
      </c>
      <c r="D36903" t="s">
        <v>22878</v>
      </c>
      <c r="E36903" t="s">
        <v>22839</v>
      </c>
      <c r="F36903" t="s">
        <v>22840</v>
      </c>
      <c r="G36903" t="s">
        <v>22539</v>
      </c>
      <c r="H36903" t="s">
        <v>22540</v>
      </c>
      <c r="I36903" s="2">
        <v>0</v>
      </c>
      <c r="J36903" s="2">
        <v>0</v>
      </c>
      <c r="K36903" s="2">
        <v>1</v>
      </c>
      <c r="L36903" t="s">
        <v>995</v>
      </c>
      <c r="M36903" t="s">
        <v>87</v>
      </c>
      <c r="N36903" t="s">
        <v>88</v>
      </c>
      <c r="O36903" t="s">
        <v>85</v>
      </c>
      <c r="P36903" t="s">
        <v>86</v>
      </c>
      <c r="Q36903">
        <v>45</v>
      </c>
      <c r="R36903">
        <v>45</v>
      </c>
      <c r="S36903">
        <v>46</v>
      </c>
      <c r="T36903">
        <v>46</v>
      </c>
      <c r="U36903">
        <v>46</v>
      </c>
      <c r="V36903">
        <v>46</v>
      </c>
      <c r="W36903">
        <v>47</v>
      </c>
      <c r="X36903">
        <v>47</v>
      </c>
      <c r="Y36903">
        <v>47</v>
      </c>
      <c r="Z36903">
        <v>47</v>
      </c>
      <c r="AA36903">
        <v>48</v>
      </c>
      <c r="AB36903">
        <v>48</v>
      </c>
      <c r="AC36903">
        <v>48</v>
      </c>
      <c r="AD36903">
        <v>49</v>
      </c>
      <c r="AE36903">
        <v>49</v>
      </c>
      <c r="AF36903">
        <v>49</v>
      </c>
      <c r="AG36903">
        <v>49</v>
      </c>
      <c r="AH36903">
        <v>50</v>
      </c>
      <c r="AI36903">
        <v>50</v>
      </c>
      <c r="AJ36903">
        <v>50</v>
      </c>
      <c r="AK36903">
        <v>50</v>
      </c>
      <c r="AL36903">
        <v>51</v>
      </c>
      <c r="AM36903">
        <v>51</v>
      </c>
      <c r="AN36903">
        <v>51</v>
      </c>
      <c r="AO36903">
        <v>51</v>
      </c>
      <c r="AP36903">
        <v>52</v>
      </c>
      <c r="AQ36903">
        <v>52</v>
      </c>
    </row>
    <row r="36904" spans="1:43">
      <c r="A36904" t="s">
        <v>22879</v>
      </c>
      <c r="B36904" t="s">
        <v>22880</v>
      </c>
      <c r="C36904" t="s">
        <v>22877</v>
      </c>
      <c r="D36904" t="s">
        <v>22878</v>
      </c>
      <c r="E36904" t="s">
        <v>22839</v>
      </c>
      <c r="F36904" t="s">
        <v>22840</v>
      </c>
      <c r="G36904" t="s">
        <v>22539</v>
      </c>
      <c r="H36904" t="s">
        <v>22540</v>
      </c>
      <c r="I36904" s="2">
        <v>0</v>
      </c>
      <c r="J36904" s="2">
        <v>0</v>
      </c>
      <c r="K36904" s="2">
        <v>1</v>
      </c>
      <c r="L36904" t="s">
        <v>995</v>
      </c>
      <c r="M36904" t="s">
        <v>89</v>
      </c>
      <c r="N36904" t="s">
        <v>90</v>
      </c>
      <c r="O36904" t="s">
        <v>85</v>
      </c>
      <c r="P36904" t="s">
        <v>86</v>
      </c>
      <c r="Q36904">
        <v>45</v>
      </c>
      <c r="R36904">
        <v>46</v>
      </c>
      <c r="S36904">
        <v>47</v>
      </c>
      <c r="T36904">
        <v>48</v>
      </c>
      <c r="U36904">
        <v>49</v>
      </c>
      <c r="V36904">
        <v>50</v>
      </c>
      <c r="W36904">
        <v>51</v>
      </c>
      <c r="X36904">
        <v>52</v>
      </c>
      <c r="Y36904">
        <v>53</v>
      </c>
      <c r="Z36904">
        <v>54</v>
      </c>
      <c r="AA36904">
        <v>55</v>
      </c>
      <c r="AB36904">
        <v>55</v>
      </c>
      <c r="AC36904">
        <v>56</v>
      </c>
      <c r="AD36904">
        <v>57</v>
      </c>
      <c r="AE36904">
        <v>58</v>
      </c>
      <c r="AF36904">
        <v>58</v>
      </c>
      <c r="AG36904">
        <v>58</v>
      </c>
      <c r="AH36904">
        <v>58</v>
      </c>
      <c r="AI36904">
        <v>58</v>
      </c>
      <c r="AJ36904">
        <v>58</v>
      </c>
      <c r="AK36904">
        <v>58</v>
      </c>
      <c r="AL36904">
        <v>58</v>
      </c>
      <c r="AM36904">
        <v>58</v>
      </c>
      <c r="AN36904">
        <v>58</v>
      </c>
      <c r="AO36904">
        <v>59</v>
      </c>
      <c r="AP36904">
        <v>59</v>
      </c>
      <c r="AQ36904">
        <v>59</v>
      </c>
    </row>
    <row r="36905" spans="1:43">
      <c r="A36905" t="s">
        <v>22879</v>
      </c>
      <c r="B36905" t="s">
        <v>22880</v>
      </c>
      <c r="C36905" t="s">
        <v>22877</v>
      </c>
      <c r="D36905" t="s">
        <v>22878</v>
      </c>
      <c r="E36905" t="s">
        <v>22839</v>
      </c>
      <c r="F36905" t="s">
        <v>22840</v>
      </c>
      <c r="G36905" t="s">
        <v>22539</v>
      </c>
      <c r="H36905" t="s">
        <v>22540</v>
      </c>
      <c r="I36905" s="2">
        <v>0</v>
      </c>
      <c r="J36905" s="2">
        <v>0</v>
      </c>
      <c r="K36905" s="2">
        <v>1</v>
      </c>
      <c r="L36905" t="s">
        <v>995</v>
      </c>
      <c r="M36905" t="s">
        <v>83</v>
      </c>
      <c r="N36905" t="s">
        <v>91</v>
      </c>
      <c r="O36905" t="s">
        <v>85</v>
      </c>
      <c r="P36905" t="s">
        <v>86</v>
      </c>
      <c r="Q36905">
        <v>45</v>
      </c>
      <c r="R36905">
        <v>45</v>
      </c>
      <c r="S36905">
        <v>46</v>
      </c>
      <c r="T36905">
        <v>47</v>
      </c>
      <c r="U36905">
        <v>47</v>
      </c>
      <c r="V36905">
        <v>48</v>
      </c>
      <c r="W36905">
        <v>49</v>
      </c>
      <c r="X36905">
        <v>49</v>
      </c>
      <c r="Y36905">
        <v>50</v>
      </c>
      <c r="Z36905">
        <v>51</v>
      </c>
      <c r="AA36905">
        <v>51</v>
      </c>
      <c r="AB36905">
        <v>52</v>
      </c>
      <c r="AC36905">
        <v>53</v>
      </c>
      <c r="AD36905">
        <v>53</v>
      </c>
      <c r="AE36905">
        <v>54</v>
      </c>
      <c r="AF36905">
        <v>55</v>
      </c>
      <c r="AG36905">
        <v>55</v>
      </c>
      <c r="AH36905">
        <v>56</v>
      </c>
      <c r="AI36905">
        <v>57</v>
      </c>
      <c r="AJ36905">
        <v>57</v>
      </c>
      <c r="AK36905">
        <v>58</v>
      </c>
      <c r="AL36905">
        <v>58</v>
      </c>
      <c r="AM36905">
        <v>58</v>
      </c>
      <c r="AN36905">
        <v>58</v>
      </c>
      <c r="AO36905">
        <v>58</v>
      </c>
      <c r="AP36905">
        <v>58</v>
      </c>
      <c r="AQ36905">
        <v>59</v>
      </c>
    </row>
    <row r="36906" spans="1:43">
      <c r="A36906" t="s">
        <v>22881</v>
      </c>
      <c r="B36906" t="s">
        <v>22882</v>
      </c>
      <c r="C36906" t="s">
        <v>22851</v>
      </c>
      <c r="D36906" t="s">
        <v>22852</v>
      </c>
      <c r="E36906" t="s">
        <v>22839</v>
      </c>
      <c r="F36906" t="s">
        <v>22840</v>
      </c>
      <c r="G36906" t="s">
        <v>22539</v>
      </c>
      <c r="H36906" t="s">
        <v>22540</v>
      </c>
      <c r="I36906" s="2">
        <v>0</v>
      </c>
      <c r="J36906" s="2">
        <v>0</v>
      </c>
      <c r="K36906" s="2">
        <v>1</v>
      </c>
      <c r="L36906" t="s">
        <v>995</v>
      </c>
      <c r="M36906" t="s">
        <v>83</v>
      </c>
      <c r="N36906" t="s">
        <v>84</v>
      </c>
      <c r="O36906" t="s">
        <v>85</v>
      </c>
      <c r="P36906" t="s">
        <v>86</v>
      </c>
      <c r="Q36906">
        <v>68</v>
      </c>
      <c r="R36906">
        <v>70</v>
      </c>
      <c r="S36906">
        <v>71</v>
      </c>
      <c r="T36906">
        <v>72</v>
      </c>
      <c r="U36906">
        <v>73</v>
      </c>
      <c r="V36906">
        <v>74</v>
      </c>
      <c r="W36906">
        <v>75</v>
      </c>
      <c r="X36906">
        <v>76</v>
      </c>
      <c r="Y36906">
        <v>78</v>
      </c>
      <c r="Z36906">
        <v>79</v>
      </c>
      <c r="AA36906">
        <v>80</v>
      </c>
      <c r="AB36906">
        <v>81</v>
      </c>
      <c r="AC36906">
        <v>82</v>
      </c>
      <c r="AD36906">
        <v>83</v>
      </c>
      <c r="AE36906">
        <v>84</v>
      </c>
      <c r="AF36906">
        <v>85</v>
      </c>
      <c r="AG36906">
        <v>87</v>
      </c>
      <c r="AH36906">
        <v>88</v>
      </c>
      <c r="AI36906">
        <v>89</v>
      </c>
      <c r="AJ36906">
        <v>90</v>
      </c>
      <c r="AK36906">
        <v>91</v>
      </c>
      <c r="AL36906">
        <v>92</v>
      </c>
      <c r="AM36906">
        <v>92</v>
      </c>
      <c r="AN36906">
        <v>92</v>
      </c>
      <c r="AO36906">
        <v>93</v>
      </c>
      <c r="AP36906">
        <v>93</v>
      </c>
      <c r="AQ36906">
        <v>94</v>
      </c>
    </row>
    <row r="36907" spans="1:43">
      <c r="A36907" t="s">
        <v>22881</v>
      </c>
      <c r="B36907" t="s">
        <v>22882</v>
      </c>
      <c r="C36907" t="s">
        <v>22851</v>
      </c>
      <c r="D36907" t="s">
        <v>22852</v>
      </c>
      <c r="E36907" t="s">
        <v>22839</v>
      </c>
      <c r="F36907" t="s">
        <v>22840</v>
      </c>
      <c r="G36907" t="s">
        <v>22539</v>
      </c>
      <c r="H36907" t="s">
        <v>22540</v>
      </c>
      <c r="I36907" s="2">
        <v>0</v>
      </c>
      <c r="J36907" s="2">
        <v>0</v>
      </c>
      <c r="K36907" s="2">
        <v>1</v>
      </c>
      <c r="L36907" t="s">
        <v>995</v>
      </c>
      <c r="M36907" t="s">
        <v>87</v>
      </c>
      <c r="N36907" t="s">
        <v>88</v>
      </c>
      <c r="O36907" t="s">
        <v>85</v>
      </c>
      <c r="P36907" t="s">
        <v>86</v>
      </c>
      <c r="Q36907">
        <v>68</v>
      </c>
      <c r="R36907">
        <v>68</v>
      </c>
      <c r="S36907">
        <v>69</v>
      </c>
      <c r="T36907">
        <v>69</v>
      </c>
      <c r="U36907">
        <v>70</v>
      </c>
      <c r="V36907">
        <v>70</v>
      </c>
      <c r="W36907">
        <v>71</v>
      </c>
      <c r="X36907">
        <v>71</v>
      </c>
      <c r="Y36907">
        <v>72</v>
      </c>
      <c r="Z36907">
        <v>72</v>
      </c>
      <c r="AA36907">
        <v>73</v>
      </c>
      <c r="AB36907">
        <v>73</v>
      </c>
      <c r="AC36907">
        <v>74</v>
      </c>
      <c r="AD36907">
        <v>74</v>
      </c>
      <c r="AE36907">
        <v>75</v>
      </c>
      <c r="AF36907">
        <v>75</v>
      </c>
      <c r="AG36907">
        <v>76</v>
      </c>
      <c r="AH36907">
        <v>76</v>
      </c>
      <c r="AI36907">
        <v>77</v>
      </c>
      <c r="AJ36907">
        <v>77</v>
      </c>
      <c r="AK36907">
        <v>78</v>
      </c>
      <c r="AL36907">
        <v>78</v>
      </c>
      <c r="AM36907">
        <v>79</v>
      </c>
      <c r="AN36907">
        <v>79</v>
      </c>
      <c r="AO36907">
        <v>80</v>
      </c>
      <c r="AP36907">
        <v>80</v>
      </c>
      <c r="AQ36907">
        <v>81</v>
      </c>
    </row>
    <row r="36908" spans="1:43">
      <c r="A36908" t="s">
        <v>22881</v>
      </c>
      <c r="B36908" t="s">
        <v>22882</v>
      </c>
      <c r="C36908" t="s">
        <v>22851</v>
      </c>
      <c r="D36908" t="s">
        <v>22852</v>
      </c>
      <c r="E36908" t="s">
        <v>22839</v>
      </c>
      <c r="F36908" t="s">
        <v>22840</v>
      </c>
      <c r="G36908" t="s">
        <v>22539</v>
      </c>
      <c r="H36908" t="s">
        <v>22540</v>
      </c>
      <c r="I36908" s="2">
        <v>0</v>
      </c>
      <c r="J36908" s="2">
        <v>0</v>
      </c>
      <c r="K36908" s="2">
        <v>1</v>
      </c>
      <c r="L36908" t="s">
        <v>995</v>
      </c>
      <c r="M36908" t="s">
        <v>89</v>
      </c>
      <c r="N36908" t="s">
        <v>90</v>
      </c>
      <c r="O36908" t="s">
        <v>85</v>
      </c>
      <c r="P36908" t="s">
        <v>86</v>
      </c>
      <c r="Q36908">
        <v>68</v>
      </c>
      <c r="R36908">
        <v>70</v>
      </c>
      <c r="S36908">
        <v>72</v>
      </c>
      <c r="T36908">
        <v>73</v>
      </c>
      <c r="U36908">
        <v>75</v>
      </c>
      <c r="V36908">
        <v>77</v>
      </c>
      <c r="W36908">
        <v>78</v>
      </c>
      <c r="X36908">
        <v>80</v>
      </c>
      <c r="Y36908">
        <v>81</v>
      </c>
      <c r="Z36908">
        <v>83</v>
      </c>
      <c r="AA36908">
        <v>84</v>
      </c>
      <c r="AB36908">
        <v>85</v>
      </c>
      <c r="AC36908">
        <v>87</v>
      </c>
      <c r="AD36908">
        <v>88</v>
      </c>
      <c r="AE36908">
        <v>90</v>
      </c>
      <c r="AF36908">
        <v>90</v>
      </c>
      <c r="AG36908">
        <v>90</v>
      </c>
      <c r="AH36908">
        <v>91</v>
      </c>
      <c r="AI36908">
        <v>91</v>
      </c>
      <c r="AJ36908">
        <v>91</v>
      </c>
      <c r="AK36908">
        <v>92</v>
      </c>
      <c r="AL36908">
        <v>92</v>
      </c>
      <c r="AM36908">
        <v>92</v>
      </c>
      <c r="AN36908">
        <v>93</v>
      </c>
      <c r="AO36908">
        <v>93</v>
      </c>
      <c r="AP36908">
        <v>93</v>
      </c>
      <c r="AQ36908">
        <v>94</v>
      </c>
    </row>
    <row r="36909" spans="1:43">
      <c r="A36909" t="s">
        <v>22881</v>
      </c>
      <c r="B36909" t="s">
        <v>22882</v>
      </c>
      <c r="C36909" t="s">
        <v>22851</v>
      </c>
      <c r="D36909" t="s">
        <v>22852</v>
      </c>
      <c r="E36909" t="s">
        <v>22839</v>
      </c>
      <c r="F36909" t="s">
        <v>22840</v>
      </c>
      <c r="G36909" t="s">
        <v>22539</v>
      </c>
      <c r="H36909" t="s">
        <v>22540</v>
      </c>
      <c r="I36909" s="2">
        <v>0</v>
      </c>
      <c r="J36909" s="2">
        <v>0</v>
      </c>
      <c r="K36909" s="2">
        <v>1</v>
      </c>
      <c r="L36909" t="s">
        <v>995</v>
      </c>
      <c r="M36909" t="s">
        <v>83</v>
      </c>
      <c r="N36909" t="s">
        <v>91</v>
      </c>
      <c r="O36909" t="s">
        <v>85</v>
      </c>
      <c r="P36909" t="s">
        <v>86</v>
      </c>
      <c r="Q36909">
        <v>68</v>
      </c>
      <c r="R36909">
        <v>70</v>
      </c>
      <c r="S36909">
        <v>71</v>
      </c>
      <c r="T36909">
        <v>72</v>
      </c>
      <c r="U36909">
        <v>73</v>
      </c>
      <c r="V36909">
        <v>74</v>
      </c>
      <c r="W36909">
        <v>75</v>
      </c>
      <c r="X36909">
        <v>76</v>
      </c>
      <c r="Y36909">
        <v>78</v>
      </c>
      <c r="Z36909">
        <v>79</v>
      </c>
      <c r="AA36909">
        <v>80</v>
      </c>
      <c r="AB36909">
        <v>81</v>
      </c>
      <c r="AC36909">
        <v>82</v>
      </c>
      <c r="AD36909">
        <v>83</v>
      </c>
      <c r="AE36909">
        <v>84</v>
      </c>
      <c r="AF36909">
        <v>85</v>
      </c>
      <c r="AG36909">
        <v>87</v>
      </c>
      <c r="AH36909">
        <v>88</v>
      </c>
      <c r="AI36909">
        <v>89</v>
      </c>
      <c r="AJ36909">
        <v>90</v>
      </c>
      <c r="AK36909">
        <v>91</v>
      </c>
      <c r="AL36909">
        <v>92</v>
      </c>
      <c r="AM36909">
        <v>92</v>
      </c>
      <c r="AN36909">
        <v>92</v>
      </c>
      <c r="AO36909">
        <v>93</v>
      </c>
      <c r="AP36909">
        <v>93</v>
      </c>
      <c r="AQ36909">
        <v>94</v>
      </c>
    </row>
    <row r="36910" spans="1:43">
      <c r="A36910" t="s">
        <v>22883</v>
      </c>
      <c r="B36910" t="s">
        <v>22884</v>
      </c>
      <c r="C36910" t="s">
        <v>22851</v>
      </c>
      <c r="D36910" t="s">
        <v>22852</v>
      </c>
      <c r="E36910" t="s">
        <v>22839</v>
      </c>
      <c r="F36910" t="s">
        <v>22840</v>
      </c>
      <c r="G36910" t="s">
        <v>22539</v>
      </c>
      <c r="H36910" t="s">
        <v>22540</v>
      </c>
      <c r="I36910" s="2">
        <v>0</v>
      </c>
      <c r="J36910" s="2">
        <v>0</v>
      </c>
      <c r="K36910" s="2">
        <v>1</v>
      </c>
      <c r="L36910" t="s">
        <v>995</v>
      </c>
      <c r="M36910" t="s">
        <v>83</v>
      </c>
      <c r="N36910" t="s">
        <v>84</v>
      </c>
      <c r="O36910" t="s">
        <v>85</v>
      </c>
      <c r="P36910" t="s">
        <v>86</v>
      </c>
      <c r="Q36910">
        <v>103</v>
      </c>
      <c r="R36910">
        <v>105</v>
      </c>
      <c r="S36910">
        <v>106</v>
      </c>
      <c r="T36910">
        <v>108</v>
      </c>
      <c r="U36910">
        <v>110</v>
      </c>
      <c r="V36910">
        <v>111</v>
      </c>
      <c r="W36910">
        <v>113</v>
      </c>
      <c r="X36910">
        <v>115</v>
      </c>
      <c r="Y36910">
        <v>117</v>
      </c>
      <c r="Z36910">
        <v>118</v>
      </c>
      <c r="AA36910">
        <v>120</v>
      </c>
      <c r="AB36910">
        <v>122</v>
      </c>
      <c r="AC36910">
        <v>123</v>
      </c>
      <c r="AD36910">
        <v>125</v>
      </c>
      <c r="AE36910">
        <v>127</v>
      </c>
      <c r="AF36910">
        <v>129</v>
      </c>
      <c r="AG36910">
        <v>130</v>
      </c>
      <c r="AH36910">
        <v>132</v>
      </c>
      <c r="AI36910">
        <v>134</v>
      </c>
      <c r="AJ36910">
        <v>136</v>
      </c>
      <c r="AK36910">
        <v>137</v>
      </c>
      <c r="AL36910">
        <v>138</v>
      </c>
      <c r="AM36910">
        <v>139</v>
      </c>
      <c r="AN36910">
        <v>140</v>
      </c>
      <c r="AO36910">
        <v>140</v>
      </c>
      <c r="AP36910">
        <v>141</v>
      </c>
      <c r="AQ36910">
        <v>141</v>
      </c>
    </row>
    <row r="36911" spans="1:43">
      <c r="A36911" t="s">
        <v>22883</v>
      </c>
      <c r="B36911" t="s">
        <v>22884</v>
      </c>
      <c r="C36911" t="s">
        <v>22851</v>
      </c>
      <c r="D36911" t="s">
        <v>22852</v>
      </c>
      <c r="E36911" t="s">
        <v>22839</v>
      </c>
      <c r="F36911" t="s">
        <v>22840</v>
      </c>
      <c r="G36911" t="s">
        <v>22539</v>
      </c>
      <c r="H36911" t="s">
        <v>22540</v>
      </c>
      <c r="I36911" s="2">
        <v>0</v>
      </c>
      <c r="J36911" s="2">
        <v>0</v>
      </c>
      <c r="K36911" s="2">
        <v>1</v>
      </c>
      <c r="L36911" t="s">
        <v>995</v>
      </c>
      <c r="M36911" t="s">
        <v>87</v>
      </c>
      <c r="N36911" t="s">
        <v>88</v>
      </c>
      <c r="O36911" t="s">
        <v>85</v>
      </c>
      <c r="P36911" t="s">
        <v>86</v>
      </c>
      <c r="Q36911">
        <v>103</v>
      </c>
      <c r="R36911">
        <v>104</v>
      </c>
      <c r="S36911">
        <v>104</v>
      </c>
      <c r="T36911">
        <v>105</v>
      </c>
      <c r="U36911">
        <v>106</v>
      </c>
      <c r="V36911">
        <v>107</v>
      </c>
      <c r="W36911">
        <v>107</v>
      </c>
      <c r="X36911">
        <v>108</v>
      </c>
      <c r="Y36911">
        <v>109</v>
      </c>
      <c r="Z36911">
        <v>110</v>
      </c>
      <c r="AA36911">
        <v>110</v>
      </c>
      <c r="AB36911">
        <v>111</v>
      </c>
      <c r="AC36911">
        <v>112</v>
      </c>
      <c r="AD36911">
        <v>113</v>
      </c>
      <c r="AE36911">
        <v>113</v>
      </c>
      <c r="AF36911">
        <v>114</v>
      </c>
      <c r="AG36911">
        <v>115</v>
      </c>
      <c r="AH36911">
        <v>116</v>
      </c>
      <c r="AI36911">
        <v>116</v>
      </c>
      <c r="AJ36911">
        <v>117</v>
      </c>
      <c r="AK36911">
        <v>118</v>
      </c>
      <c r="AL36911">
        <v>119</v>
      </c>
      <c r="AM36911">
        <v>119</v>
      </c>
      <c r="AN36911">
        <v>120</v>
      </c>
      <c r="AO36911">
        <v>121</v>
      </c>
      <c r="AP36911">
        <v>122</v>
      </c>
      <c r="AQ36911">
        <v>123</v>
      </c>
    </row>
    <row r="36912" spans="1:43">
      <c r="A36912" t="s">
        <v>22883</v>
      </c>
      <c r="B36912" t="s">
        <v>22884</v>
      </c>
      <c r="C36912" t="s">
        <v>22851</v>
      </c>
      <c r="D36912" t="s">
        <v>22852</v>
      </c>
      <c r="E36912" t="s">
        <v>22839</v>
      </c>
      <c r="F36912" t="s">
        <v>22840</v>
      </c>
      <c r="G36912" t="s">
        <v>22539</v>
      </c>
      <c r="H36912" t="s">
        <v>22540</v>
      </c>
      <c r="I36912" s="2">
        <v>0</v>
      </c>
      <c r="J36912" s="2">
        <v>0</v>
      </c>
      <c r="K36912" s="2">
        <v>1</v>
      </c>
      <c r="L36912" t="s">
        <v>995</v>
      </c>
      <c r="M36912" t="s">
        <v>89</v>
      </c>
      <c r="N36912" t="s">
        <v>90</v>
      </c>
      <c r="O36912" t="s">
        <v>85</v>
      </c>
      <c r="P36912" t="s">
        <v>86</v>
      </c>
      <c r="Q36912">
        <v>103</v>
      </c>
      <c r="R36912">
        <v>105</v>
      </c>
      <c r="S36912">
        <v>108</v>
      </c>
      <c r="T36912">
        <v>110</v>
      </c>
      <c r="U36912">
        <v>113</v>
      </c>
      <c r="V36912">
        <v>115</v>
      </c>
      <c r="W36912">
        <v>118</v>
      </c>
      <c r="X36912">
        <v>120</v>
      </c>
      <c r="Y36912">
        <v>123</v>
      </c>
      <c r="Z36912">
        <v>125</v>
      </c>
      <c r="AA36912">
        <v>127</v>
      </c>
      <c r="AB36912">
        <v>129</v>
      </c>
      <c r="AC36912">
        <v>132</v>
      </c>
      <c r="AD36912">
        <v>134</v>
      </c>
      <c r="AE36912">
        <v>135</v>
      </c>
      <c r="AF36912">
        <v>136</v>
      </c>
      <c r="AG36912">
        <v>137</v>
      </c>
      <c r="AH36912">
        <v>137</v>
      </c>
      <c r="AI36912">
        <v>138</v>
      </c>
      <c r="AJ36912">
        <v>138</v>
      </c>
      <c r="AK36912">
        <v>139</v>
      </c>
      <c r="AL36912">
        <v>139</v>
      </c>
      <c r="AM36912">
        <v>140</v>
      </c>
      <c r="AN36912">
        <v>141</v>
      </c>
      <c r="AO36912">
        <v>141</v>
      </c>
      <c r="AP36912">
        <v>142</v>
      </c>
      <c r="AQ36912">
        <v>142</v>
      </c>
    </row>
    <row r="36913" spans="1:43">
      <c r="A36913" t="s">
        <v>22883</v>
      </c>
      <c r="B36913" t="s">
        <v>22884</v>
      </c>
      <c r="C36913" t="s">
        <v>22851</v>
      </c>
      <c r="D36913" t="s">
        <v>22852</v>
      </c>
      <c r="E36913" t="s">
        <v>22839</v>
      </c>
      <c r="F36913" t="s">
        <v>22840</v>
      </c>
      <c r="G36913" t="s">
        <v>22539</v>
      </c>
      <c r="H36913" t="s">
        <v>22540</v>
      </c>
      <c r="I36913" s="2">
        <v>0</v>
      </c>
      <c r="J36913" s="2">
        <v>0</v>
      </c>
      <c r="K36913" s="2">
        <v>1</v>
      </c>
      <c r="L36913" t="s">
        <v>995</v>
      </c>
      <c r="M36913" t="s">
        <v>83</v>
      </c>
      <c r="N36913" t="s">
        <v>91</v>
      </c>
      <c r="O36913" t="s">
        <v>85</v>
      </c>
      <c r="P36913" t="s">
        <v>86</v>
      </c>
      <c r="Q36913">
        <v>103</v>
      </c>
      <c r="R36913">
        <v>105</v>
      </c>
      <c r="S36913">
        <v>106</v>
      </c>
      <c r="T36913">
        <v>108</v>
      </c>
      <c r="U36913">
        <v>110</v>
      </c>
      <c r="V36913">
        <v>111</v>
      </c>
      <c r="W36913">
        <v>113</v>
      </c>
      <c r="X36913">
        <v>115</v>
      </c>
      <c r="Y36913">
        <v>117</v>
      </c>
      <c r="Z36913">
        <v>118</v>
      </c>
      <c r="AA36913">
        <v>120</v>
      </c>
      <c r="AB36913">
        <v>122</v>
      </c>
      <c r="AC36913">
        <v>123</v>
      </c>
      <c r="AD36913">
        <v>125</v>
      </c>
      <c r="AE36913">
        <v>127</v>
      </c>
      <c r="AF36913">
        <v>129</v>
      </c>
      <c r="AG36913">
        <v>130</v>
      </c>
      <c r="AH36913">
        <v>132</v>
      </c>
      <c r="AI36913">
        <v>134</v>
      </c>
      <c r="AJ36913">
        <v>136</v>
      </c>
      <c r="AK36913">
        <v>137</v>
      </c>
      <c r="AL36913">
        <v>138</v>
      </c>
      <c r="AM36913">
        <v>139</v>
      </c>
      <c r="AN36913">
        <v>140</v>
      </c>
      <c r="AO36913">
        <v>140</v>
      </c>
      <c r="AP36913">
        <v>141</v>
      </c>
      <c r="AQ36913">
        <v>141</v>
      </c>
    </row>
    <row r="36914" spans="1:43">
      <c r="A36914" t="s">
        <v>22885</v>
      </c>
      <c r="B36914" t="s">
        <v>22886</v>
      </c>
      <c r="C36914" t="s">
        <v>22887</v>
      </c>
      <c r="D36914" t="s">
        <v>22888</v>
      </c>
      <c r="E36914" t="s">
        <v>22839</v>
      </c>
      <c r="F36914" t="s">
        <v>22840</v>
      </c>
      <c r="G36914" t="s">
        <v>22539</v>
      </c>
      <c r="H36914" t="s">
        <v>22540</v>
      </c>
      <c r="I36914" s="2">
        <v>0</v>
      </c>
      <c r="J36914" s="2">
        <v>0</v>
      </c>
      <c r="K36914" s="2">
        <v>1</v>
      </c>
      <c r="L36914" t="s">
        <v>995</v>
      </c>
      <c r="M36914" t="s">
        <v>83</v>
      </c>
      <c r="N36914" t="s">
        <v>84</v>
      </c>
      <c r="O36914" t="s">
        <v>85</v>
      </c>
      <c r="P36914" t="s">
        <v>86</v>
      </c>
      <c r="Q36914">
        <v>116</v>
      </c>
      <c r="R36914">
        <v>118</v>
      </c>
      <c r="S36914">
        <v>120</v>
      </c>
      <c r="T36914">
        <v>122</v>
      </c>
      <c r="U36914">
        <v>124</v>
      </c>
      <c r="V36914">
        <v>126</v>
      </c>
      <c r="W36914">
        <v>128</v>
      </c>
      <c r="X36914">
        <v>129</v>
      </c>
      <c r="Y36914">
        <v>131</v>
      </c>
      <c r="Z36914">
        <v>133</v>
      </c>
      <c r="AA36914">
        <v>135</v>
      </c>
      <c r="AB36914">
        <v>137</v>
      </c>
      <c r="AC36914">
        <v>139</v>
      </c>
      <c r="AD36914">
        <v>141</v>
      </c>
      <c r="AE36914">
        <v>143</v>
      </c>
      <c r="AF36914">
        <v>145</v>
      </c>
      <c r="AG36914">
        <v>147</v>
      </c>
      <c r="AH36914">
        <v>149</v>
      </c>
      <c r="AI36914">
        <v>150</v>
      </c>
      <c r="AJ36914">
        <v>152</v>
      </c>
      <c r="AK36914">
        <v>154</v>
      </c>
      <c r="AL36914">
        <v>155</v>
      </c>
      <c r="AM36914">
        <v>156</v>
      </c>
      <c r="AN36914">
        <v>156</v>
      </c>
      <c r="AO36914">
        <v>157</v>
      </c>
      <c r="AP36914">
        <v>158</v>
      </c>
      <c r="AQ36914">
        <v>158</v>
      </c>
    </row>
    <row r="36915" spans="1:43">
      <c r="A36915" t="s">
        <v>22885</v>
      </c>
      <c r="B36915" t="s">
        <v>22886</v>
      </c>
      <c r="C36915" t="s">
        <v>22887</v>
      </c>
      <c r="D36915" t="s">
        <v>22888</v>
      </c>
      <c r="E36915" t="s">
        <v>22839</v>
      </c>
      <c r="F36915" t="s">
        <v>22840</v>
      </c>
      <c r="G36915" t="s">
        <v>22539</v>
      </c>
      <c r="H36915" t="s">
        <v>22540</v>
      </c>
      <c r="I36915" s="2">
        <v>0</v>
      </c>
      <c r="J36915" s="2">
        <v>0</v>
      </c>
      <c r="K36915" s="2">
        <v>1</v>
      </c>
      <c r="L36915" t="s">
        <v>995</v>
      </c>
      <c r="M36915" t="s">
        <v>87</v>
      </c>
      <c r="N36915" t="s">
        <v>88</v>
      </c>
      <c r="O36915" t="s">
        <v>85</v>
      </c>
      <c r="P36915" t="s">
        <v>86</v>
      </c>
      <c r="Q36915">
        <v>116</v>
      </c>
      <c r="R36915">
        <v>117</v>
      </c>
      <c r="S36915">
        <v>118</v>
      </c>
      <c r="T36915">
        <v>118</v>
      </c>
      <c r="U36915">
        <v>119</v>
      </c>
      <c r="V36915">
        <v>120</v>
      </c>
      <c r="W36915">
        <v>121</v>
      </c>
      <c r="X36915">
        <v>122</v>
      </c>
      <c r="Y36915">
        <v>122</v>
      </c>
      <c r="Z36915">
        <v>123</v>
      </c>
      <c r="AA36915">
        <v>124</v>
      </c>
      <c r="AB36915">
        <v>125</v>
      </c>
      <c r="AC36915">
        <v>126</v>
      </c>
      <c r="AD36915">
        <v>127</v>
      </c>
      <c r="AE36915">
        <v>127</v>
      </c>
      <c r="AF36915">
        <v>128</v>
      </c>
      <c r="AG36915">
        <v>129</v>
      </c>
      <c r="AH36915">
        <v>130</v>
      </c>
      <c r="AI36915">
        <v>131</v>
      </c>
      <c r="AJ36915">
        <v>132</v>
      </c>
      <c r="AK36915">
        <v>132</v>
      </c>
      <c r="AL36915">
        <v>133</v>
      </c>
      <c r="AM36915">
        <v>134</v>
      </c>
      <c r="AN36915">
        <v>135</v>
      </c>
      <c r="AO36915">
        <v>136</v>
      </c>
      <c r="AP36915">
        <v>137</v>
      </c>
      <c r="AQ36915">
        <v>137</v>
      </c>
    </row>
    <row r="36916" spans="1:43">
      <c r="A36916" t="s">
        <v>22885</v>
      </c>
      <c r="B36916" t="s">
        <v>22886</v>
      </c>
      <c r="C36916" t="s">
        <v>22887</v>
      </c>
      <c r="D36916" t="s">
        <v>22888</v>
      </c>
      <c r="E36916" t="s">
        <v>22839</v>
      </c>
      <c r="F36916" t="s">
        <v>22840</v>
      </c>
      <c r="G36916" t="s">
        <v>22539</v>
      </c>
      <c r="H36916" t="s">
        <v>22540</v>
      </c>
      <c r="I36916" s="2">
        <v>0</v>
      </c>
      <c r="J36916" s="2">
        <v>0</v>
      </c>
      <c r="K36916" s="2">
        <v>1</v>
      </c>
      <c r="L36916" t="s">
        <v>995</v>
      </c>
      <c r="M36916" t="s">
        <v>89</v>
      </c>
      <c r="N36916" t="s">
        <v>90</v>
      </c>
      <c r="O36916" t="s">
        <v>85</v>
      </c>
      <c r="P36916" t="s">
        <v>86</v>
      </c>
      <c r="Q36916">
        <v>116</v>
      </c>
      <c r="R36916">
        <v>119</v>
      </c>
      <c r="S36916">
        <v>122</v>
      </c>
      <c r="T36916">
        <v>125</v>
      </c>
      <c r="U36916">
        <v>128</v>
      </c>
      <c r="V36916">
        <v>130</v>
      </c>
      <c r="W36916">
        <v>133</v>
      </c>
      <c r="X36916">
        <v>136</v>
      </c>
      <c r="Y36916">
        <v>138</v>
      </c>
      <c r="Z36916">
        <v>141</v>
      </c>
      <c r="AA36916">
        <v>143</v>
      </c>
      <c r="AB36916">
        <v>146</v>
      </c>
      <c r="AC36916">
        <v>148</v>
      </c>
      <c r="AD36916">
        <v>151</v>
      </c>
      <c r="AE36916">
        <v>152</v>
      </c>
      <c r="AF36916">
        <v>153</v>
      </c>
      <c r="AG36916">
        <v>153</v>
      </c>
      <c r="AH36916">
        <v>154</v>
      </c>
      <c r="AI36916">
        <v>155</v>
      </c>
      <c r="AJ36916">
        <v>155</v>
      </c>
      <c r="AK36916">
        <v>156</v>
      </c>
      <c r="AL36916">
        <v>156</v>
      </c>
      <c r="AM36916">
        <v>157</v>
      </c>
      <c r="AN36916">
        <v>157</v>
      </c>
      <c r="AO36916">
        <v>158</v>
      </c>
      <c r="AP36916">
        <v>158</v>
      </c>
      <c r="AQ36916">
        <v>159</v>
      </c>
    </row>
    <row r="36917" spans="1:43">
      <c r="A36917" t="s">
        <v>22885</v>
      </c>
      <c r="B36917" t="s">
        <v>22886</v>
      </c>
      <c r="C36917" t="s">
        <v>22887</v>
      </c>
      <c r="D36917" t="s">
        <v>22888</v>
      </c>
      <c r="E36917" t="s">
        <v>22839</v>
      </c>
      <c r="F36917" t="s">
        <v>22840</v>
      </c>
      <c r="G36917" t="s">
        <v>22539</v>
      </c>
      <c r="H36917" t="s">
        <v>22540</v>
      </c>
      <c r="I36917" s="2">
        <v>0</v>
      </c>
      <c r="J36917" s="2">
        <v>0</v>
      </c>
      <c r="K36917" s="2">
        <v>1</v>
      </c>
      <c r="L36917" t="s">
        <v>995</v>
      </c>
      <c r="M36917" t="s">
        <v>83</v>
      </c>
      <c r="N36917" t="s">
        <v>91</v>
      </c>
      <c r="O36917" t="s">
        <v>85</v>
      </c>
      <c r="P36917" t="s">
        <v>86</v>
      </c>
      <c r="Q36917">
        <v>116</v>
      </c>
      <c r="R36917">
        <v>118</v>
      </c>
      <c r="S36917">
        <v>120</v>
      </c>
      <c r="T36917">
        <v>122</v>
      </c>
      <c r="U36917">
        <v>124</v>
      </c>
      <c r="V36917">
        <v>126</v>
      </c>
      <c r="W36917">
        <v>128</v>
      </c>
      <c r="X36917">
        <v>129</v>
      </c>
      <c r="Y36917">
        <v>131</v>
      </c>
      <c r="Z36917">
        <v>133</v>
      </c>
      <c r="AA36917">
        <v>135</v>
      </c>
      <c r="AB36917">
        <v>137</v>
      </c>
      <c r="AC36917">
        <v>139</v>
      </c>
      <c r="AD36917">
        <v>141</v>
      </c>
      <c r="AE36917">
        <v>143</v>
      </c>
      <c r="AF36917">
        <v>145</v>
      </c>
      <c r="AG36917">
        <v>147</v>
      </c>
      <c r="AH36917">
        <v>149</v>
      </c>
      <c r="AI36917">
        <v>150</v>
      </c>
      <c r="AJ36917">
        <v>152</v>
      </c>
      <c r="AK36917">
        <v>154</v>
      </c>
      <c r="AL36917">
        <v>155</v>
      </c>
      <c r="AM36917">
        <v>156</v>
      </c>
      <c r="AN36917">
        <v>156</v>
      </c>
      <c r="AO36917">
        <v>157</v>
      </c>
      <c r="AP36917">
        <v>158</v>
      </c>
      <c r="AQ36917">
        <v>158</v>
      </c>
    </row>
    <row r="36918" spans="1:43">
      <c r="A36918" t="s">
        <v>22889</v>
      </c>
      <c r="B36918" t="s">
        <v>22890</v>
      </c>
      <c r="C36918" t="s">
        <v>22851</v>
      </c>
      <c r="D36918" t="s">
        <v>22852</v>
      </c>
      <c r="E36918" t="s">
        <v>22839</v>
      </c>
      <c r="F36918" t="s">
        <v>22840</v>
      </c>
      <c r="G36918" t="s">
        <v>22539</v>
      </c>
      <c r="H36918" t="s">
        <v>22540</v>
      </c>
      <c r="I36918" s="2">
        <v>0</v>
      </c>
      <c r="J36918" s="2">
        <v>0</v>
      </c>
      <c r="K36918" s="2">
        <v>1</v>
      </c>
      <c r="L36918" t="s">
        <v>995</v>
      </c>
      <c r="M36918" t="s">
        <v>83</v>
      </c>
      <c r="N36918" t="s">
        <v>84</v>
      </c>
      <c r="O36918" t="s">
        <v>85</v>
      </c>
      <c r="P36918" t="s">
        <v>86</v>
      </c>
      <c r="Q36918">
        <v>61</v>
      </c>
      <c r="R36918">
        <v>62</v>
      </c>
      <c r="S36918">
        <v>63</v>
      </c>
      <c r="T36918">
        <v>64</v>
      </c>
      <c r="U36918">
        <v>65</v>
      </c>
      <c r="V36918">
        <v>66</v>
      </c>
      <c r="W36918">
        <v>67</v>
      </c>
      <c r="X36918">
        <v>68</v>
      </c>
      <c r="Y36918">
        <v>69</v>
      </c>
      <c r="Z36918">
        <v>70</v>
      </c>
      <c r="AA36918">
        <v>71</v>
      </c>
      <c r="AB36918">
        <v>72</v>
      </c>
      <c r="AC36918">
        <v>73</v>
      </c>
      <c r="AD36918">
        <v>73</v>
      </c>
      <c r="AE36918">
        <v>74</v>
      </c>
      <c r="AF36918">
        <v>75</v>
      </c>
      <c r="AG36918">
        <v>76</v>
      </c>
      <c r="AH36918">
        <v>77</v>
      </c>
      <c r="AI36918">
        <v>78</v>
      </c>
      <c r="AJ36918">
        <v>79</v>
      </c>
      <c r="AK36918">
        <v>80</v>
      </c>
      <c r="AL36918">
        <v>80</v>
      </c>
      <c r="AM36918">
        <v>81</v>
      </c>
      <c r="AN36918">
        <v>81</v>
      </c>
      <c r="AO36918">
        <v>81</v>
      </c>
      <c r="AP36918">
        <v>81</v>
      </c>
      <c r="AQ36918">
        <v>81</v>
      </c>
    </row>
    <row r="36919" spans="1:43">
      <c r="A36919" t="s">
        <v>22889</v>
      </c>
      <c r="B36919" t="s">
        <v>22890</v>
      </c>
      <c r="C36919" t="s">
        <v>22851</v>
      </c>
      <c r="D36919" t="s">
        <v>22852</v>
      </c>
      <c r="E36919" t="s">
        <v>22839</v>
      </c>
      <c r="F36919" t="s">
        <v>22840</v>
      </c>
      <c r="G36919" t="s">
        <v>22539</v>
      </c>
      <c r="H36919" t="s">
        <v>22540</v>
      </c>
      <c r="I36919" s="2">
        <v>0</v>
      </c>
      <c r="J36919" s="2">
        <v>0</v>
      </c>
      <c r="K36919" s="2">
        <v>1</v>
      </c>
      <c r="L36919" t="s">
        <v>995</v>
      </c>
      <c r="M36919" t="s">
        <v>87</v>
      </c>
      <c r="N36919" t="s">
        <v>88</v>
      </c>
      <c r="O36919" t="s">
        <v>85</v>
      </c>
      <c r="P36919" t="s">
        <v>86</v>
      </c>
      <c r="Q36919">
        <v>61</v>
      </c>
      <c r="R36919">
        <v>62</v>
      </c>
      <c r="S36919">
        <v>62</v>
      </c>
      <c r="T36919">
        <v>63</v>
      </c>
      <c r="U36919">
        <v>63</v>
      </c>
      <c r="V36919">
        <v>63</v>
      </c>
      <c r="W36919">
        <v>64</v>
      </c>
      <c r="X36919">
        <v>64</v>
      </c>
      <c r="Y36919">
        <v>65</v>
      </c>
      <c r="Z36919">
        <v>65</v>
      </c>
      <c r="AA36919">
        <v>65</v>
      </c>
      <c r="AB36919">
        <v>66</v>
      </c>
      <c r="AC36919">
        <v>66</v>
      </c>
      <c r="AD36919">
        <v>67</v>
      </c>
      <c r="AE36919">
        <v>67</v>
      </c>
      <c r="AF36919">
        <v>67</v>
      </c>
      <c r="AG36919">
        <v>68</v>
      </c>
      <c r="AH36919">
        <v>68</v>
      </c>
      <c r="AI36919">
        <v>69</v>
      </c>
      <c r="AJ36919">
        <v>69</v>
      </c>
      <c r="AK36919">
        <v>69</v>
      </c>
      <c r="AL36919">
        <v>70</v>
      </c>
      <c r="AM36919">
        <v>70</v>
      </c>
      <c r="AN36919">
        <v>71</v>
      </c>
      <c r="AO36919">
        <v>71</v>
      </c>
      <c r="AP36919">
        <v>71</v>
      </c>
      <c r="AQ36919">
        <v>72</v>
      </c>
    </row>
    <row r="36920" spans="1:43">
      <c r="A36920" t="s">
        <v>22889</v>
      </c>
      <c r="B36920" t="s">
        <v>22890</v>
      </c>
      <c r="C36920" t="s">
        <v>22851</v>
      </c>
      <c r="D36920" t="s">
        <v>22852</v>
      </c>
      <c r="E36920" t="s">
        <v>22839</v>
      </c>
      <c r="F36920" t="s">
        <v>22840</v>
      </c>
      <c r="G36920" t="s">
        <v>22539</v>
      </c>
      <c r="H36920" t="s">
        <v>22540</v>
      </c>
      <c r="I36920" s="2">
        <v>0</v>
      </c>
      <c r="J36920" s="2">
        <v>0</v>
      </c>
      <c r="K36920" s="2">
        <v>1</v>
      </c>
      <c r="L36920" t="s">
        <v>995</v>
      </c>
      <c r="M36920" t="s">
        <v>89</v>
      </c>
      <c r="N36920" t="s">
        <v>90</v>
      </c>
      <c r="O36920" t="s">
        <v>85</v>
      </c>
      <c r="P36920" t="s">
        <v>86</v>
      </c>
      <c r="Q36920">
        <v>61</v>
      </c>
      <c r="R36920">
        <v>62</v>
      </c>
      <c r="S36920">
        <v>64</v>
      </c>
      <c r="T36920">
        <v>65</v>
      </c>
      <c r="U36920">
        <v>66</v>
      </c>
      <c r="V36920">
        <v>68</v>
      </c>
      <c r="W36920">
        <v>69</v>
      </c>
      <c r="X36920">
        <v>71</v>
      </c>
      <c r="Y36920">
        <v>72</v>
      </c>
      <c r="Z36920">
        <v>73</v>
      </c>
      <c r="AA36920">
        <v>74</v>
      </c>
      <c r="AB36920">
        <v>75</v>
      </c>
      <c r="AC36920">
        <v>77</v>
      </c>
      <c r="AD36920">
        <v>78</v>
      </c>
      <c r="AE36920">
        <v>79</v>
      </c>
      <c r="AF36920">
        <v>79</v>
      </c>
      <c r="AG36920">
        <v>79</v>
      </c>
      <c r="AH36920">
        <v>79</v>
      </c>
      <c r="AI36920">
        <v>79</v>
      </c>
      <c r="AJ36920">
        <v>80</v>
      </c>
      <c r="AK36920">
        <v>80</v>
      </c>
      <c r="AL36920">
        <v>80</v>
      </c>
      <c r="AM36920">
        <v>80</v>
      </c>
      <c r="AN36920">
        <v>81</v>
      </c>
      <c r="AO36920">
        <v>81</v>
      </c>
      <c r="AP36920">
        <v>81</v>
      </c>
      <c r="AQ36920">
        <v>81</v>
      </c>
    </row>
    <row r="36921" spans="1:43">
      <c r="A36921" t="s">
        <v>22889</v>
      </c>
      <c r="B36921" t="s">
        <v>22890</v>
      </c>
      <c r="C36921" t="s">
        <v>22851</v>
      </c>
      <c r="D36921" t="s">
        <v>22852</v>
      </c>
      <c r="E36921" t="s">
        <v>22839</v>
      </c>
      <c r="F36921" t="s">
        <v>22840</v>
      </c>
      <c r="G36921" t="s">
        <v>22539</v>
      </c>
      <c r="H36921" t="s">
        <v>22540</v>
      </c>
      <c r="I36921" s="2">
        <v>0</v>
      </c>
      <c r="J36921" s="2">
        <v>0</v>
      </c>
      <c r="K36921" s="2">
        <v>1</v>
      </c>
      <c r="L36921" t="s">
        <v>995</v>
      </c>
      <c r="M36921" t="s">
        <v>83</v>
      </c>
      <c r="N36921" t="s">
        <v>91</v>
      </c>
      <c r="O36921" t="s">
        <v>85</v>
      </c>
      <c r="P36921" t="s">
        <v>86</v>
      </c>
      <c r="Q36921">
        <v>61</v>
      </c>
      <c r="R36921">
        <v>62</v>
      </c>
      <c r="S36921">
        <v>63</v>
      </c>
      <c r="T36921">
        <v>64</v>
      </c>
      <c r="U36921">
        <v>65</v>
      </c>
      <c r="V36921">
        <v>66</v>
      </c>
      <c r="W36921">
        <v>67</v>
      </c>
      <c r="X36921">
        <v>68</v>
      </c>
      <c r="Y36921">
        <v>69</v>
      </c>
      <c r="Z36921">
        <v>70</v>
      </c>
      <c r="AA36921">
        <v>71</v>
      </c>
      <c r="AB36921">
        <v>72</v>
      </c>
      <c r="AC36921">
        <v>73</v>
      </c>
      <c r="AD36921">
        <v>73</v>
      </c>
      <c r="AE36921">
        <v>74</v>
      </c>
      <c r="AF36921">
        <v>75</v>
      </c>
      <c r="AG36921">
        <v>76</v>
      </c>
      <c r="AH36921">
        <v>77</v>
      </c>
      <c r="AI36921">
        <v>78</v>
      </c>
      <c r="AJ36921">
        <v>79</v>
      </c>
      <c r="AK36921">
        <v>80</v>
      </c>
      <c r="AL36921">
        <v>80</v>
      </c>
      <c r="AM36921">
        <v>81</v>
      </c>
      <c r="AN36921">
        <v>81</v>
      </c>
      <c r="AO36921">
        <v>81</v>
      </c>
      <c r="AP36921">
        <v>81</v>
      </c>
      <c r="AQ36921">
        <v>81</v>
      </c>
    </row>
    <row r="36922" spans="1:43">
      <c r="A36922" t="s">
        <v>22891</v>
      </c>
      <c r="B36922" t="s">
        <v>22892</v>
      </c>
      <c r="C36922" t="s">
        <v>22877</v>
      </c>
      <c r="D36922" t="s">
        <v>22878</v>
      </c>
      <c r="E36922" t="s">
        <v>22839</v>
      </c>
      <c r="F36922" t="s">
        <v>22840</v>
      </c>
      <c r="G36922" t="s">
        <v>22539</v>
      </c>
      <c r="H36922" t="s">
        <v>22540</v>
      </c>
      <c r="I36922" s="2">
        <v>0</v>
      </c>
      <c r="J36922" s="2">
        <v>0</v>
      </c>
      <c r="K36922" s="2">
        <v>1</v>
      </c>
      <c r="L36922" t="s">
        <v>995</v>
      </c>
      <c r="M36922" t="s">
        <v>83</v>
      </c>
      <c r="N36922" t="s">
        <v>84</v>
      </c>
      <c r="O36922" t="s">
        <v>85</v>
      </c>
      <c r="P36922" t="s">
        <v>86</v>
      </c>
      <c r="Q36922">
        <v>24</v>
      </c>
      <c r="R36922">
        <v>24</v>
      </c>
      <c r="S36922">
        <v>25</v>
      </c>
      <c r="T36922">
        <v>25</v>
      </c>
      <c r="U36922">
        <v>26</v>
      </c>
      <c r="V36922">
        <v>26</v>
      </c>
      <c r="W36922">
        <v>26</v>
      </c>
      <c r="X36922">
        <v>27</v>
      </c>
      <c r="Y36922">
        <v>27</v>
      </c>
      <c r="Z36922">
        <v>28</v>
      </c>
      <c r="AA36922">
        <v>28</v>
      </c>
      <c r="AB36922">
        <v>28</v>
      </c>
      <c r="AC36922">
        <v>29</v>
      </c>
      <c r="AD36922">
        <v>29</v>
      </c>
      <c r="AE36922">
        <v>29</v>
      </c>
      <c r="AF36922">
        <v>30</v>
      </c>
      <c r="AG36922">
        <v>30</v>
      </c>
      <c r="AH36922">
        <v>31</v>
      </c>
      <c r="AI36922">
        <v>31</v>
      </c>
      <c r="AJ36922">
        <v>31</v>
      </c>
      <c r="AK36922">
        <v>32</v>
      </c>
      <c r="AL36922">
        <v>32</v>
      </c>
      <c r="AM36922">
        <v>32</v>
      </c>
      <c r="AN36922">
        <v>32</v>
      </c>
      <c r="AO36922">
        <v>32</v>
      </c>
      <c r="AP36922">
        <v>32</v>
      </c>
      <c r="AQ36922">
        <v>32</v>
      </c>
    </row>
    <row r="36923" spans="1:43">
      <c r="A36923" t="s">
        <v>22891</v>
      </c>
      <c r="B36923" t="s">
        <v>22892</v>
      </c>
      <c r="C36923" t="s">
        <v>22877</v>
      </c>
      <c r="D36923" t="s">
        <v>22878</v>
      </c>
      <c r="E36923" t="s">
        <v>22839</v>
      </c>
      <c r="F36923" t="s">
        <v>22840</v>
      </c>
      <c r="G36923" t="s">
        <v>22539</v>
      </c>
      <c r="H36923" t="s">
        <v>22540</v>
      </c>
      <c r="I36923" s="2">
        <v>0</v>
      </c>
      <c r="J36923" s="2">
        <v>0</v>
      </c>
      <c r="K36923" s="2">
        <v>1</v>
      </c>
      <c r="L36923" t="s">
        <v>995</v>
      </c>
      <c r="M36923" t="s">
        <v>87</v>
      </c>
      <c r="N36923" t="s">
        <v>88</v>
      </c>
      <c r="O36923" t="s">
        <v>85</v>
      </c>
      <c r="P36923" t="s">
        <v>86</v>
      </c>
      <c r="Q36923">
        <v>24</v>
      </c>
      <c r="R36923">
        <v>24</v>
      </c>
      <c r="S36923">
        <v>24</v>
      </c>
      <c r="T36923">
        <v>24</v>
      </c>
      <c r="U36923">
        <v>25</v>
      </c>
      <c r="V36923">
        <v>25</v>
      </c>
      <c r="W36923">
        <v>25</v>
      </c>
      <c r="X36923">
        <v>25</v>
      </c>
      <c r="Y36923">
        <v>25</v>
      </c>
      <c r="Z36923">
        <v>25</v>
      </c>
      <c r="AA36923">
        <v>25</v>
      </c>
      <c r="AB36923">
        <v>26</v>
      </c>
      <c r="AC36923">
        <v>26</v>
      </c>
      <c r="AD36923">
        <v>26</v>
      </c>
      <c r="AE36923">
        <v>26</v>
      </c>
      <c r="AF36923">
        <v>26</v>
      </c>
      <c r="AG36923">
        <v>26</v>
      </c>
      <c r="AH36923">
        <v>27</v>
      </c>
      <c r="AI36923">
        <v>27</v>
      </c>
      <c r="AJ36923">
        <v>27</v>
      </c>
      <c r="AK36923">
        <v>27</v>
      </c>
      <c r="AL36923">
        <v>27</v>
      </c>
      <c r="AM36923">
        <v>27</v>
      </c>
      <c r="AN36923">
        <v>28</v>
      </c>
      <c r="AO36923">
        <v>28</v>
      </c>
      <c r="AP36923">
        <v>28</v>
      </c>
      <c r="AQ36923">
        <v>28</v>
      </c>
    </row>
    <row r="36924" spans="1:43">
      <c r="A36924" t="s">
        <v>22891</v>
      </c>
      <c r="B36924" t="s">
        <v>22892</v>
      </c>
      <c r="C36924" t="s">
        <v>22877</v>
      </c>
      <c r="D36924" t="s">
        <v>22878</v>
      </c>
      <c r="E36924" t="s">
        <v>22839</v>
      </c>
      <c r="F36924" t="s">
        <v>22840</v>
      </c>
      <c r="G36924" t="s">
        <v>22539</v>
      </c>
      <c r="H36924" t="s">
        <v>22540</v>
      </c>
      <c r="I36924" s="2">
        <v>0</v>
      </c>
      <c r="J36924" s="2">
        <v>0</v>
      </c>
      <c r="K36924" s="2">
        <v>1</v>
      </c>
      <c r="L36924" t="s">
        <v>995</v>
      </c>
      <c r="M36924" t="s">
        <v>89</v>
      </c>
      <c r="N36924" t="s">
        <v>90</v>
      </c>
      <c r="O36924" t="s">
        <v>85</v>
      </c>
      <c r="P36924" t="s">
        <v>86</v>
      </c>
      <c r="Q36924">
        <v>24</v>
      </c>
      <c r="R36924">
        <v>25</v>
      </c>
      <c r="S36924">
        <v>26</v>
      </c>
      <c r="T36924">
        <v>26</v>
      </c>
      <c r="U36924">
        <v>27</v>
      </c>
      <c r="V36924">
        <v>27</v>
      </c>
      <c r="W36924">
        <v>28</v>
      </c>
      <c r="X36924">
        <v>28</v>
      </c>
      <c r="Y36924">
        <v>29</v>
      </c>
      <c r="Z36924">
        <v>29</v>
      </c>
      <c r="AA36924">
        <v>30</v>
      </c>
      <c r="AB36924">
        <v>30</v>
      </c>
      <c r="AC36924">
        <v>31</v>
      </c>
      <c r="AD36924">
        <v>31</v>
      </c>
      <c r="AE36924">
        <v>32</v>
      </c>
      <c r="AF36924">
        <v>32</v>
      </c>
      <c r="AG36924">
        <v>32</v>
      </c>
      <c r="AH36924">
        <v>32</v>
      </c>
      <c r="AI36924">
        <v>32</v>
      </c>
      <c r="AJ36924">
        <v>32</v>
      </c>
      <c r="AK36924">
        <v>32</v>
      </c>
      <c r="AL36924">
        <v>32</v>
      </c>
      <c r="AM36924">
        <v>32</v>
      </c>
      <c r="AN36924">
        <v>32</v>
      </c>
      <c r="AO36924">
        <v>32</v>
      </c>
      <c r="AP36924">
        <v>32</v>
      </c>
      <c r="AQ36924">
        <v>33</v>
      </c>
    </row>
    <row r="36925" spans="1:43">
      <c r="A36925" t="s">
        <v>22891</v>
      </c>
      <c r="B36925" t="s">
        <v>22892</v>
      </c>
      <c r="C36925" t="s">
        <v>22877</v>
      </c>
      <c r="D36925" t="s">
        <v>22878</v>
      </c>
      <c r="E36925" t="s">
        <v>22839</v>
      </c>
      <c r="F36925" t="s">
        <v>22840</v>
      </c>
      <c r="G36925" t="s">
        <v>22539</v>
      </c>
      <c r="H36925" t="s">
        <v>22540</v>
      </c>
      <c r="I36925" s="2">
        <v>0</v>
      </c>
      <c r="J36925" s="2">
        <v>0</v>
      </c>
      <c r="K36925" s="2">
        <v>1</v>
      </c>
      <c r="L36925" t="s">
        <v>995</v>
      </c>
      <c r="M36925" t="s">
        <v>83</v>
      </c>
      <c r="N36925" t="s">
        <v>91</v>
      </c>
      <c r="O36925" t="s">
        <v>85</v>
      </c>
      <c r="P36925" t="s">
        <v>86</v>
      </c>
      <c r="Q36925">
        <v>24</v>
      </c>
      <c r="R36925">
        <v>24</v>
      </c>
      <c r="S36925">
        <v>25</v>
      </c>
      <c r="T36925">
        <v>25</v>
      </c>
      <c r="U36925">
        <v>26</v>
      </c>
      <c r="V36925">
        <v>26</v>
      </c>
      <c r="W36925">
        <v>26</v>
      </c>
      <c r="X36925">
        <v>27</v>
      </c>
      <c r="Y36925">
        <v>27</v>
      </c>
      <c r="Z36925">
        <v>28</v>
      </c>
      <c r="AA36925">
        <v>28</v>
      </c>
      <c r="AB36925">
        <v>28</v>
      </c>
      <c r="AC36925">
        <v>29</v>
      </c>
      <c r="AD36925">
        <v>29</v>
      </c>
      <c r="AE36925">
        <v>29</v>
      </c>
      <c r="AF36925">
        <v>30</v>
      </c>
      <c r="AG36925">
        <v>30</v>
      </c>
      <c r="AH36925">
        <v>31</v>
      </c>
      <c r="AI36925">
        <v>31</v>
      </c>
      <c r="AJ36925">
        <v>31</v>
      </c>
      <c r="AK36925">
        <v>32</v>
      </c>
      <c r="AL36925">
        <v>32</v>
      </c>
      <c r="AM36925">
        <v>32</v>
      </c>
      <c r="AN36925">
        <v>32</v>
      </c>
      <c r="AO36925">
        <v>32</v>
      </c>
      <c r="AP36925">
        <v>32</v>
      </c>
      <c r="AQ36925">
        <v>32</v>
      </c>
    </row>
    <row r="36926" spans="1:43">
      <c r="A36926" t="s">
        <v>22893</v>
      </c>
      <c r="B36926" t="s">
        <v>22894</v>
      </c>
      <c r="C36926" t="s">
        <v>22851</v>
      </c>
      <c r="D36926" t="s">
        <v>22852</v>
      </c>
      <c r="E36926" t="s">
        <v>22839</v>
      </c>
      <c r="F36926" t="s">
        <v>22840</v>
      </c>
      <c r="G36926" t="s">
        <v>22539</v>
      </c>
      <c r="H36926" t="s">
        <v>22540</v>
      </c>
      <c r="I36926" s="2">
        <v>0</v>
      </c>
      <c r="J36926" s="2">
        <v>0</v>
      </c>
      <c r="K36926" s="2">
        <v>1</v>
      </c>
      <c r="L36926" t="s">
        <v>995</v>
      </c>
      <c r="M36926" t="s">
        <v>83</v>
      </c>
      <c r="N36926" t="s">
        <v>84</v>
      </c>
      <c r="O36926" t="s">
        <v>85</v>
      </c>
      <c r="P36926" t="s">
        <v>86</v>
      </c>
      <c r="Q36926">
        <v>339</v>
      </c>
      <c r="R36926">
        <v>345</v>
      </c>
      <c r="S36926">
        <v>350</v>
      </c>
      <c r="T36926">
        <v>356</v>
      </c>
      <c r="U36926">
        <v>361</v>
      </c>
      <c r="V36926">
        <v>367</v>
      </c>
      <c r="W36926">
        <v>372</v>
      </c>
      <c r="X36926">
        <v>378</v>
      </c>
      <c r="Y36926">
        <v>384</v>
      </c>
      <c r="Z36926">
        <v>389</v>
      </c>
      <c r="AA36926">
        <v>395</v>
      </c>
      <c r="AB36926">
        <v>400</v>
      </c>
      <c r="AC36926">
        <v>406</v>
      </c>
      <c r="AD36926">
        <v>411</v>
      </c>
      <c r="AE36926">
        <v>416</v>
      </c>
      <c r="AF36926">
        <v>422</v>
      </c>
      <c r="AG36926">
        <v>427</v>
      </c>
      <c r="AH36926">
        <v>433</v>
      </c>
      <c r="AI36926">
        <v>438</v>
      </c>
      <c r="AJ36926">
        <v>444</v>
      </c>
      <c r="AK36926">
        <v>449</v>
      </c>
      <c r="AL36926">
        <v>452</v>
      </c>
      <c r="AM36926">
        <v>454</v>
      </c>
      <c r="AN36926">
        <v>456</v>
      </c>
      <c r="AO36926">
        <v>457</v>
      </c>
      <c r="AP36926">
        <v>459</v>
      </c>
      <c r="AQ36926">
        <v>461</v>
      </c>
    </row>
    <row r="36927" spans="1:43">
      <c r="A36927" t="s">
        <v>22893</v>
      </c>
      <c r="B36927" t="s">
        <v>22894</v>
      </c>
      <c r="C36927" t="s">
        <v>22851</v>
      </c>
      <c r="D36927" t="s">
        <v>22852</v>
      </c>
      <c r="E36927" t="s">
        <v>22839</v>
      </c>
      <c r="F36927" t="s">
        <v>22840</v>
      </c>
      <c r="G36927" t="s">
        <v>22539</v>
      </c>
      <c r="H36927" t="s">
        <v>22540</v>
      </c>
      <c r="I36927" s="2">
        <v>0</v>
      </c>
      <c r="J36927" s="2">
        <v>0</v>
      </c>
      <c r="K36927" s="2">
        <v>1</v>
      </c>
      <c r="L36927" t="s">
        <v>995</v>
      </c>
      <c r="M36927" t="s">
        <v>87</v>
      </c>
      <c r="N36927" t="s">
        <v>88</v>
      </c>
      <c r="O36927" t="s">
        <v>85</v>
      </c>
      <c r="P36927" t="s">
        <v>86</v>
      </c>
      <c r="Q36927">
        <v>339</v>
      </c>
      <c r="R36927">
        <v>341</v>
      </c>
      <c r="S36927">
        <v>344</v>
      </c>
      <c r="T36927">
        <v>346</v>
      </c>
      <c r="U36927">
        <v>348</v>
      </c>
      <c r="V36927">
        <v>351</v>
      </c>
      <c r="W36927">
        <v>353</v>
      </c>
      <c r="X36927">
        <v>355</v>
      </c>
      <c r="Y36927">
        <v>358</v>
      </c>
      <c r="Z36927">
        <v>360</v>
      </c>
      <c r="AA36927">
        <v>362</v>
      </c>
      <c r="AB36927">
        <v>365</v>
      </c>
      <c r="AC36927">
        <v>367</v>
      </c>
      <c r="AD36927">
        <v>370</v>
      </c>
      <c r="AE36927">
        <v>372</v>
      </c>
      <c r="AF36927">
        <v>374</v>
      </c>
      <c r="AG36927">
        <v>377</v>
      </c>
      <c r="AH36927">
        <v>379</v>
      </c>
      <c r="AI36927">
        <v>382</v>
      </c>
      <c r="AJ36927">
        <v>384</v>
      </c>
      <c r="AK36927">
        <v>386</v>
      </c>
      <c r="AL36927">
        <v>389</v>
      </c>
      <c r="AM36927">
        <v>391</v>
      </c>
      <c r="AN36927">
        <v>394</v>
      </c>
      <c r="AO36927">
        <v>396</v>
      </c>
      <c r="AP36927">
        <v>399</v>
      </c>
      <c r="AQ36927">
        <v>401</v>
      </c>
    </row>
    <row r="36928" spans="1:43">
      <c r="A36928" t="s">
        <v>22893</v>
      </c>
      <c r="B36928" t="s">
        <v>22894</v>
      </c>
      <c r="C36928" t="s">
        <v>22851</v>
      </c>
      <c r="D36928" t="s">
        <v>22852</v>
      </c>
      <c r="E36928" t="s">
        <v>22839</v>
      </c>
      <c r="F36928" t="s">
        <v>22840</v>
      </c>
      <c r="G36928" t="s">
        <v>22539</v>
      </c>
      <c r="H36928" t="s">
        <v>22540</v>
      </c>
      <c r="I36928" s="2">
        <v>0</v>
      </c>
      <c r="J36928" s="2">
        <v>0</v>
      </c>
      <c r="K36928" s="2">
        <v>1</v>
      </c>
      <c r="L36928" t="s">
        <v>995</v>
      </c>
      <c r="M36928" t="s">
        <v>89</v>
      </c>
      <c r="N36928" t="s">
        <v>90</v>
      </c>
      <c r="O36928" t="s">
        <v>85</v>
      </c>
      <c r="P36928" t="s">
        <v>86</v>
      </c>
      <c r="Q36928">
        <v>339</v>
      </c>
      <c r="R36928">
        <v>348</v>
      </c>
      <c r="S36928">
        <v>356</v>
      </c>
      <c r="T36928">
        <v>364</v>
      </c>
      <c r="U36928">
        <v>372</v>
      </c>
      <c r="V36928">
        <v>381</v>
      </c>
      <c r="W36928">
        <v>389</v>
      </c>
      <c r="X36928">
        <v>396</v>
      </c>
      <c r="Y36928">
        <v>403</v>
      </c>
      <c r="Z36928">
        <v>410</v>
      </c>
      <c r="AA36928">
        <v>417</v>
      </c>
      <c r="AB36928">
        <v>424</v>
      </c>
      <c r="AC36928">
        <v>431</v>
      </c>
      <c r="AD36928">
        <v>438</v>
      </c>
      <c r="AE36928">
        <v>443</v>
      </c>
      <c r="AF36928">
        <v>445</v>
      </c>
      <c r="AG36928">
        <v>447</v>
      </c>
      <c r="AH36928">
        <v>448</v>
      </c>
      <c r="AI36928">
        <v>450</v>
      </c>
      <c r="AJ36928">
        <v>452</v>
      </c>
      <c r="AK36928">
        <v>454</v>
      </c>
      <c r="AL36928">
        <v>455</v>
      </c>
      <c r="AM36928">
        <v>457</v>
      </c>
      <c r="AN36928">
        <v>458</v>
      </c>
      <c r="AO36928">
        <v>460</v>
      </c>
      <c r="AP36928">
        <v>462</v>
      </c>
      <c r="AQ36928">
        <v>463</v>
      </c>
    </row>
    <row r="36929" spans="1:43">
      <c r="A36929" t="s">
        <v>22893</v>
      </c>
      <c r="B36929" t="s">
        <v>22894</v>
      </c>
      <c r="C36929" t="s">
        <v>22851</v>
      </c>
      <c r="D36929" t="s">
        <v>22852</v>
      </c>
      <c r="E36929" t="s">
        <v>22839</v>
      </c>
      <c r="F36929" t="s">
        <v>22840</v>
      </c>
      <c r="G36929" t="s">
        <v>22539</v>
      </c>
      <c r="H36929" t="s">
        <v>22540</v>
      </c>
      <c r="I36929" s="2">
        <v>0</v>
      </c>
      <c r="J36929" s="2">
        <v>0</v>
      </c>
      <c r="K36929" s="2">
        <v>1</v>
      </c>
      <c r="L36929" t="s">
        <v>995</v>
      </c>
      <c r="M36929" t="s">
        <v>83</v>
      </c>
      <c r="N36929" t="s">
        <v>91</v>
      </c>
      <c r="O36929" t="s">
        <v>85</v>
      </c>
      <c r="P36929" t="s">
        <v>86</v>
      </c>
      <c r="Q36929">
        <v>339</v>
      </c>
      <c r="R36929">
        <v>345</v>
      </c>
      <c r="S36929">
        <v>350</v>
      </c>
      <c r="T36929">
        <v>356</v>
      </c>
      <c r="U36929">
        <v>361</v>
      </c>
      <c r="V36929">
        <v>367</v>
      </c>
      <c r="W36929">
        <v>372</v>
      </c>
      <c r="X36929">
        <v>378</v>
      </c>
      <c r="Y36929">
        <v>384</v>
      </c>
      <c r="Z36929">
        <v>389</v>
      </c>
      <c r="AA36929">
        <v>395</v>
      </c>
      <c r="AB36929">
        <v>400</v>
      </c>
      <c r="AC36929">
        <v>406</v>
      </c>
      <c r="AD36929">
        <v>411</v>
      </c>
      <c r="AE36929">
        <v>416</v>
      </c>
      <c r="AF36929">
        <v>422</v>
      </c>
      <c r="AG36929">
        <v>427</v>
      </c>
      <c r="AH36929">
        <v>433</v>
      </c>
      <c r="AI36929">
        <v>438</v>
      </c>
      <c r="AJ36929">
        <v>444</v>
      </c>
      <c r="AK36929">
        <v>449</v>
      </c>
      <c r="AL36929">
        <v>452</v>
      </c>
      <c r="AM36929">
        <v>454</v>
      </c>
      <c r="AN36929">
        <v>456</v>
      </c>
      <c r="AO36929">
        <v>457</v>
      </c>
      <c r="AP36929">
        <v>459</v>
      </c>
      <c r="AQ36929">
        <v>461</v>
      </c>
    </row>
    <row r="36930" spans="1:43">
      <c r="A36930" t="s">
        <v>22895</v>
      </c>
      <c r="B36930" t="s">
        <v>22896</v>
      </c>
      <c r="C36930" t="s">
        <v>22877</v>
      </c>
      <c r="D36930" t="s">
        <v>22878</v>
      </c>
      <c r="E36930" t="s">
        <v>22839</v>
      </c>
      <c r="F36930" t="s">
        <v>22840</v>
      </c>
      <c r="G36930" t="s">
        <v>22539</v>
      </c>
      <c r="H36930" t="s">
        <v>22540</v>
      </c>
      <c r="I36930" s="2">
        <v>0</v>
      </c>
      <c r="J36930" s="2">
        <v>0</v>
      </c>
      <c r="K36930" s="2">
        <v>1</v>
      </c>
      <c r="L36930" t="s">
        <v>995</v>
      </c>
      <c r="M36930" t="s">
        <v>83</v>
      </c>
      <c r="N36930" t="s">
        <v>84</v>
      </c>
      <c r="O36930" t="s">
        <v>85</v>
      </c>
      <c r="P36930" t="s">
        <v>86</v>
      </c>
      <c r="Q36930">
        <v>21</v>
      </c>
      <c r="R36930">
        <v>21</v>
      </c>
      <c r="S36930">
        <v>21</v>
      </c>
      <c r="T36930">
        <v>22</v>
      </c>
      <c r="U36930">
        <v>22</v>
      </c>
      <c r="V36930">
        <v>22</v>
      </c>
      <c r="W36930">
        <v>23</v>
      </c>
      <c r="X36930">
        <v>23</v>
      </c>
      <c r="Y36930">
        <v>23</v>
      </c>
      <c r="Z36930">
        <v>24</v>
      </c>
      <c r="AA36930">
        <v>24</v>
      </c>
      <c r="AB36930">
        <v>24</v>
      </c>
      <c r="AC36930">
        <v>25</v>
      </c>
      <c r="AD36930">
        <v>25</v>
      </c>
      <c r="AE36930">
        <v>25</v>
      </c>
      <c r="AF36930">
        <v>26</v>
      </c>
      <c r="AG36930">
        <v>26</v>
      </c>
      <c r="AH36930">
        <v>26</v>
      </c>
      <c r="AI36930">
        <v>27</v>
      </c>
      <c r="AJ36930">
        <v>27</v>
      </c>
      <c r="AK36930">
        <v>27</v>
      </c>
      <c r="AL36930">
        <v>28</v>
      </c>
      <c r="AM36930">
        <v>28</v>
      </c>
      <c r="AN36930">
        <v>28</v>
      </c>
      <c r="AO36930">
        <v>28</v>
      </c>
      <c r="AP36930">
        <v>28</v>
      </c>
      <c r="AQ36930">
        <v>28</v>
      </c>
    </row>
    <row r="36931" spans="1:43">
      <c r="A36931" t="s">
        <v>22895</v>
      </c>
      <c r="B36931" t="s">
        <v>22896</v>
      </c>
      <c r="C36931" t="s">
        <v>22877</v>
      </c>
      <c r="D36931" t="s">
        <v>22878</v>
      </c>
      <c r="E36931" t="s">
        <v>22839</v>
      </c>
      <c r="F36931" t="s">
        <v>22840</v>
      </c>
      <c r="G36931" t="s">
        <v>22539</v>
      </c>
      <c r="H36931" t="s">
        <v>22540</v>
      </c>
      <c r="I36931" s="2">
        <v>0</v>
      </c>
      <c r="J36931" s="2">
        <v>0</v>
      </c>
      <c r="K36931" s="2">
        <v>1</v>
      </c>
      <c r="L36931" t="s">
        <v>995</v>
      </c>
      <c r="M36931" t="s">
        <v>87</v>
      </c>
      <c r="N36931" t="s">
        <v>88</v>
      </c>
      <c r="O36931" t="s">
        <v>85</v>
      </c>
      <c r="P36931" t="s">
        <v>86</v>
      </c>
      <c r="Q36931">
        <v>21</v>
      </c>
      <c r="R36931">
        <v>21</v>
      </c>
      <c r="S36931">
        <v>21</v>
      </c>
      <c r="T36931">
        <v>21</v>
      </c>
      <c r="U36931">
        <v>21</v>
      </c>
      <c r="V36931">
        <v>21</v>
      </c>
      <c r="W36931">
        <v>21</v>
      </c>
      <c r="X36931">
        <v>22</v>
      </c>
      <c r="Y36931">
        <v>22</v>
      </c>
      <c r="Z36931">
        <v>22</v>
      </c>
      <c r="AA36931">
        <v>22</v>
      </c>
      <c r="AB36931">
        <v>22</v>
      </c>
      <c r="AC36931">
        <v>22</v>
      </c>
      <c r="AD36931">
        <v>22</v>
      </c>
      <c r="AE36931">
        <v>23</v>
      </c>
      <c r="AF36931">
        <v>23</v>
      </c>
      <c r="AG36931">
        <v>23</v>
      </c>
      <c r="AH36931">
        <v>23</v>
      </c>
      <c r="AI36931">
        <v>23</v>
      </c>
      <c r="AJ36931">
        <v>23</v>
      </c>
      <c r="AK36931">
        <v>23</v>
      </c>
      <c r="AL36931">
        <v>24</v>
      </c>
      <c r="AM36931">
        <v>24</v>
      </c>
      <c r="AN36931">
        <v>24</v>
      </c>
      <c r="AO36931">
        <v>24</v>
      </c>
      <c r="AP36931">
        <v>24</v>
      </c>
      <c r="AQ36931">
        <v>24</v>
      </c>
    </row>
    <row r="36932" spans="1:43">
      <c r="A36932" t="s">
        <v>22895</v>
      </c>
      <c r="B36932" t="s">
        <v>22896</v>
      </c>
      <c r="C36932" t="s">
        <v>22877</v>
      </c>
      <c r="D36932" t="s">
        <v>22878</v>
      </c>
      <c r="E36932" t="s">
        <v>22839</v>
      </c>
      <c r="F36932" t="s">
        <v>22840</v>
      </c>
      <c r="G36932" t="s">
        <v>22539</v>
      </c>
      <c r="H36932" t="s">
        <v>22540</v>
      </c>
      <c r="I36932" s="2">
        <v>0</v>
      </c>
      <c r="J36932" s="2">
        <v>0</v>
      </c>
      <c r="K36932" s="2">
        <v>1</v>
      </c>
      <c r="L36932" t="s">
        <v>995</v>
      </c>
      <c r="M36932" t="s">
        <v>89</v>
      </c>
      <c r="N36932" t="s">
        <v>90</v>
      </c>
      <c r="O36932" t="s">
        <v>85</v>
      </c>
      <c r="P36932" t="s">
        <v>86</v>
      </c>
      <c r="Q36932">
        <v>21</v>
      </c>
      <c r="R36932">
        <v>21</v>
      </c>
      <c r="S36932">
        <v>22</v>
      </c>
      <c r="T36932">
        <v>22</v>
      </c>
      <c r="U36932">
        <v>23</v>
      </c>
      <c r="V36932">
        <v>23</v>
      </c>
      <c r="W36932">
        <v>24</v>
      </c>
      <c r="X36932">
        <v>24</v>
      </c>
      <c r="Y36932">
        <v>25</v>
      </c>
      <c r="Z36932">
        <v>25</v>
      </c>
      <c r="AA36932">
        <v>26</v>
      </c>
      <c r="AB36932">
        <v>26</v>
      </c>
      <c r="AC36932">
        <v>27</v>
      </c>
      <c r="AD36932">
        <v>27</v>
      </c>
      <c r="AE36932">
        <v>27</v>
      </c>
      <c r="AF36932">
        <v>27</v>
      </c>
      <c r="AG36932">
        <v>27</v>
      </c>
      <c r="AH36932">
        <v>28</v>
      </c>
      <c r="AI36932">
        <v>28</v>
      </c>
      <c r="AJ36932">
        <v>28</v>
      </c>
      <c r="AK36932">
        <v>28</v>
      </c>
      <c r="AL36932">
        <v>28</v>
      </c>
      <c r="AM36932">
        <v>28</v>
      </c>
      <c r="AN36932">
        <v>28</v>
      </c>
      <c r="AO36932">
        <v>28</v>
      </c>
      <c r="AP36932">
        <v>28</v>
      </c>
      <c r="AQ36932">
        <v>28</v>
      </c>
    </row>
    <row r="36933" spans="1:43">
      <c r="A36933" t="s">
        <v>22895</v>
      </c>
      <c r="B36933" t="s">
        <v>22896</v>
      </c>
      <c r="C36933" t="s">
        <v>22877</v>
      </c>
      <c r="D36933" t="s">
        <v>22878</v>
      </c>
      <c r="E36933" t="s">
        <v>22839</v>
      </c>
      <c r="F36933" t="s">
        <v>22840</v>
      </c>
      <c r="G36933" t="s">
        <v>22539</v>
      </c>
      <c r="H36933" t="s">
        <v>22540</v>
      </c>
      <c r="I36933" s="2">
        <v>0</v>
      </c>
      <c r="J36933" s="2">
        <v>0</v>
      </c>
      <c r="K36933" s="2">
        <v>1</v>
      </c>
      <c r="L36933" t="s">
        <v>995</v>
      </c>
      <c r="M36933" t="s">
        <v>83</v>
      </c>
      <c r="N36933" t="s">
        <v>91</v>
      </c>
      <c r="O36933" t="s">
        <v>85</v>
      </c>
      <c r="P36933" t="s">
        <v>86</v>
      </c>
      <c r="Q36933">
        <v>21</v>
      </c>
      <c r="R36933">
        <v>21</v>
      </c>
      <c r="S36933">
        <v>21</v>
      </c>
      <c r="T36933">
        <v>22</v>
      </c>
      <c r="U36933">
        <v>22</v>
      </c>
      <c r="V36933">
        <v>22</v>
      </c>
      <c r="W36933">
        <v>23</v>
      </c>
      <c r="X36933">
        <v>23</v>
      </c>
      <c r="Y36933">
        <v>23</v>
      </c>
      <c r="Z36933">
        <v>24</v>
      </c>
      <c r="AA36933">
        <v>24</v>
      </c>
      <c r="AB36933">
        <v>24</v>
      </c>
      <c r="AC36933">
        <v>25</v>
      </c>
      <c r="AD36933">
        <v>25</v>
      </c>
      <c r="AE36933">
        <v>25</v>
      </c>
      <c r="AF36933">
        <v>26</v>
      </c>
      <c r="AG36933">
        <v>26</v>
      </c>
      <c r="AH36933">
        <v>26</v>
      </c>
      <c r="AI36933">
        <v>27</v>
      </c>
      <c r="AJ36933">
        <v>27</v>
      </c>
      <c r="AK36933">
        <v>27</v>
      </c>
      <c r="AL36933">
        <v>28</v>
      </c>
      <c r="AM36933">
        <v>28</v>
      </c>
      <c r="AN36933">
        <v>28</v>
      </c>
      <c r="AO36933">
        <v>28</v>
      </c>
      <c r="AP36933">
        <v>28</v>
      </c>
      <c r="AQ36933">
        <v>28</v>
      </c>
    </row>
    <row r="36934" spans="1:43">
      <c r="A36934" t="s">
        <v>22897</v>
      </c>
      <c r="B36934" t="s">
        <v>22898</v>
      </c>
      <c r="C36934" t="s">
        <v>22851</v>
      </c>
      <c r="D36934" t="s">
        <v>22852</v>
      </c>
      <c r="E36934" t="s">
        <v>22839</v>
      </c>
      <c r="F36934" t="s">
        <v>22840</v>
      </c>
      <c r="G36934" t="s">
        <v>22539</v>
      </c>
      <c r="H36934" t="s">
        <v>22540</v>
      </c>
      <c r="I36934" s="2">
        <v>0</v>
      </c>
      <c r="J36934" s="2">
        <v>0</v>
      </c>
      <c r="K36934" s="2">
        <v>1</v>
      </c>
      <c r="L36934" t="s">
        <v>995</v>
      </c>
      <c r="M36934" t="s">
        <v>83</v>
      </c>
      <c r="N36934" t="s">
        <v>84</v>
      </c>
      <c r="O36934" t="s">
        <v>85</v>
      </c>
      <c r="P36934" t="s">
        <v>86</v>
      </c>
      <c r="Q36934">
        <v>53</v>
      </c>
      <c r="R36934">
        <v>54</v>
      </c>
      <c r="S36934">
        <v>55</v>
      </c>
      <c r="T36934">
        <v>56</v>
      </c>
      <c r="U36934">
        <v>57</v>
      </c>
      <c r="V36934">
        <v>58</v>
      </c>
      <c r="W36934">
        <v>59</v>
      </c>
      <c r="X36934">
        <v>60</v>
      </c>
      <c r="Y36934">
        <v>61</v>
      </c>
      <c r="Z36934">
        <v>61</v>
      </c>
      <c r="AA36934">
        <v>62</v>
      </c>
      <c r="AB36934">
        <v>63</v>
      </c>
      <c r="AC36934">
        <v>64</v>
      </c>
      <c r="AD36934">
        <v>65</v>
      </c>
      <c r="AE36934">
        <v>66</v>
      </c>
      <c r="AF36934">
        <v>67</v>
      </c>
      <c r="AG36934">
        <v>68</v>
      </c>
      <c r="AH36934">
        <v>69</v>
      </c>
      <c r="AI36934">
        <v>69</v>
      </c>
      <c r="AJ36934">
        <v>70</v>
      </c>
      <c r="AK36934">
        <v>71</v>
      </c>
      <c r="AL36934">
        <v>72</v>
      </c>
      <c r="AM36934">
        <v>72</v>
      </c>
      <c r="AN36934">
        <v>72</v>
      </c>
      <c r="AO36934">
        <v>73</v>
      </c>
      <c r="AP36934">
        <v>73</v>
      </c>
      <c r="AQ36934">
        <v>73</v>
      </c>
    </row>
    <row r="36935" spans="1:43">
      <c r="A36935" t="s">
        <v>22897</v>
      </c>
      <c r="B36935" t="s">
        <v>22898</v>
      </c>
      <c r="C36935" t="s">
        <v>22851</v>
      </c>
      <c r="D36935" t="s">
        <v>22852</v>
      </c>
      <c r="E36935" t="s">
        <v>22839</v>
      </c>
      <c r="F36935" t="s">
        <v>22840</v>
      </c>
      <c r="G36935" t="s">
        <v>22539</v>
      </c>
      <c r="H36935" t="s">
        <v>22540</v>
      </c>
      <c r="I36935" s="2">
        <v>0</v>
      </c>
      <c r="J36935" s="2">
        <v>0</v>
      </c>
      <c r="K36935" s="2">
        <v>1</v>
      </c>
      <c r="L36935" t="s">
        <v>995</v>
      </c>
      <c r="M36935" t="s">
        <v>87</v>
      </c>
      <c r="N36935" t="s">
        <v>88</v>
      </c>
      <c r="O36935" t="s">
        <v>85</v>
      </c>
      <c r="P36935" t="s">
        <v>86</v>
      </c>
      <c r="Q36935">
        <v>53</v>
      </c>
      <c r="R36935">
        <v>53</v>
      </c>
      <c r="S36935">
        <v>54</v>
      </c>
      <c r="T36935">
        <v>54</v>
      </c>
      <c r="U36935">
        <v>54</v>
      </c>
      <c r="V36935">
        <v>55</v>
      </c>
      <c r="W36935">
        <v>55</v>
      </c>
      <c r="X36935">
        <v>56</v>
      </c>
      <c r="Y36935">
        <v>56</v>
      </c>
      <c r="Z36935">
        <v>56</v>
      </c>
      <c r="AA36935">
        <v>57</v>
      </c>
      <c r="AB36935">
        <v>57</v>
      </c>
      <c r="AC36935">
        <v>58</v>
      </c>
      <c r="AD36935">
        <v>58</v>
      </c>
      <c r="AE36935">
        <v>58</v>
      </c>
      <c r="AF36935">
        <v>59</v>
      </c>
      <c r="AG36935">
        <v>59</v>
      </c>
      <c r="AH36935">
        <v>59</v>
      </c>
      <c r="AI36935">
        <v>60</v>
      </c>
      <c r="AJ36935">
        <v>60</v>
      </c>
      <c r="AK36935">
        <v>61</v>
      </c>
      <c r="AL36935">
        <v>61</v>
      </c>
      <c r="AM36935">
        <v>61</v>
      </c>
      <c r="AN36935">
        <v>62</v>
      </c>
      <c r="AO36935">
        <v>62</v>
      </c>
      <c r="AP36935">
        <v>63</v>
      </c>
      <c r="AQ36935">
        <v>63</v>
      </c>
    </row>
    <row r="36936" spans="1:43">
      <c r="A36936" t="s">
        <v>22897</v>
      </c>
      <c r="B36936" t="s">
        <v>22898</v>
      </c>
      <c r="C36936" t="s">
        <v>22851</v>
      </c>
      <c r="D36936" t="s">
        <v>22852</v>
      </c>
      <c r="E36936" t="s">
        <v>22839</v>
      </c>
      <c r="F36936" t="s">
        <v>22840</v>
      </c>
      <c r="G36936" t="s">
        <v>22539</v>
      </c>
      <c r="H36936" t="s">
        <v>22540</v>
      </c>
      <c r="I36936" s="2">
        <v>0</v>
      </c>
      <c r="J36936" s="2">
        <v>0</v>
      </c>
      <c r="K36936" s="2">
        <v>1</v>
      </c>
      <c r="L36936" t="s">
        <v>995</v>
      </c>
      <c r="M36936" t="s">
        <v>89</v>
      </c>
      <c r="N36936" t="s">
        <v>90</v>
      </c>
      <c r="O36936" t="s">
        <v>85</v>
      </c>
      <c r="P36936" t="s">
        <v>86</v>
      </c>
      <c r="Q36936">
        <v>53</v>
      </c>
      <c r="R36936">
        <v>54</v>
      </c>
      <c r="S36936">
        <v>56</v>
      </c>
      <c r="T36936">
        <v>57</v>
      </c>
      <c r="U36936">
        <v>58</v>
      </c>
      <c r="V36936">
        <v>60</v>
      </c>
      <c r="W36936">
        <v>61</v>
      </c>
      <c r="X36936">
        <v>62</v>
      </c>
      <c r="Y36936">
        <v>63</v>
      </c>
      <c r="Z36936">
        <v>64</v>
      </c>
      <c r="AA36936">
        <v>65</v>
      </c>
      <c r="AB36936">
        <v>67</v>
      </c>
      <c r="AC36936">
        <v>68</v>
      </c>
      <c r="AD36936">
        <v>69</v>
      </c>
      <c r="AE36936">
        <v>70</v>
      </c>
      <c r="AF36936">
        <v>70</v>
      </c>
      <c r="AG36936">
        <v>70</v>
      </c>
      <c r="AH36936">
        <v>71</v>
      </c>
      <c r="AI36936">
        <v>71</v>
      </c>
      <c r="AJ36936">
        <v>71</v>
      </c>
      <c r="AK36936">
        <v>71</v>
      </c>
      <c r="AL36936">
        <v>72</v>
      </c>
      <c r="AM36936">
        <v>72</v>
      </c>
      <c r="AN36936">
        <v>72</v>
      </c>
      <c r="AO36936">
        <v>73</v>
      </c>
      <c r="AP36936">
        <v>73</v>
      </c>
      <c r="AQ36936">
        <v>73</v>
      </c>
    </row>
    <row r="36937" spans="1:43">
      <c r="A36937" t="s">
        <v>22897</v>
      </c>
      <c r="B36937" t="s">
        <v>22898</v>
      </c>
      <c r="C36937" t="s">
        <v>22851</v>
      </c>
      <c r="D36937" t="s">
        <v>22852</v>
      </c>
      <c r="E36937" t="s">
        <v>22839</v>
      </c>
      <c r="F36937" t="s">
        <v>22840</v>
      </c>
      <c r="G36937" t="s">
        <v>22539</v>
      </c>
      <c r="H36937" t="s">
        <v>22540</v>
      </c>
      <c r="I36937" s="2">
        <v>0</v>
      </c>
      <c r="J36937" s="2">
        <v>0</v>
      </c>
      <c r="K36937" s="2">
        <v>1</v>
      </c>
      <c r="L36937" t="s">
        <v>995</v>
      </c>
      <c r="M36937" t="s">
        <v>83</v>
      </c>
      <c r="N36937" t="s">
        <v>91</v>
      </c>
      <c r="O36937" t="s">
        <v>85</v>
      </c>
      <c r="P36937" t="s">
        <v>86</v>
      </c>
      <c r="Q36937">
        <v>53</v>
      </c>
      <c r="R36937">
        <v>54</v>
      </c>
      <c r="S36937">
        <v>55</v>
      </c>
      <c r="T36937">
        <v>56</v>
      </c>
      <c r="U36937">
        <v>57</v>
      </c>
      <c r="V36937">
        <v>58</v>
      </c>
      <c r="W36937">
        <v>59</v>
      </c>
      <c r="X36937">
        <v>60</v>
      </c>
      <c r="Y36937">
        <v>61</v>
      </c>
      <c r="Z36937">
        <v>61</v>
      </c>
      <c r="AA36937">
        <v>62</v>
      </c>
      <c r="AB36937">
        <v>63</v>
      </c>
      <c r="AC36937">
        <v>64</v>
      </c>
      <c r="AD36937">
        <v>65</v>
      </c>
      <c r="AE36937">
        <v>66</v>
      </c>
      <c r="AF36937">
        <v>67</v>
      </c>
      <c r="AG36937">
        <v>68</v>
      </c>
      <c r="AH36937">
        <v>69</v>
      </c>
      <c r="AI36937">
        <v>69</v>
      </c>
      <c r="AJ36937">
        <v>70</v>
      </c>
      <c r="AK36937">
        <v>71</v>
      </c>
      <c r="AL36937">
        <v>72</v>
      </c>
      <c r="AM36937">
        <v>72</v>
      </c>
      <c r="AN36937">
        <v>72</v>
      </c>
      <c r="AO36937">
        <v>73</v>
      </c>
      <c r="AP36937">
        <v>73</v>
      </c>
      <c r="AQ36937">
        <v>73</v>
      </c>
    </row>
    <row r="36938" spans="1:43">
      <c r="A36938" t="s">
        <v>22899</v>
      </c>
      <c r="B36938" t="s">
        <v>22900</v>
      </c>
      <c r="C36938" t="s">
        <v>22857</v>
      </c>
      <c r="D36938" t="s">
        <v>22858</v>
      </c>
      <c r="E36938" t="s">
        <v>22839</v>
      </c>
      <c r="F36938" t="s">
        <v>22840</v>
      </c>
      <c r="G36938" t="s">
        <v>22539</v>
      </c>
      <c r="H36938" t="s">
        <v>22540</v>
      </c>
      <c r="I36938" s="2">
        <v>0</v>
      </c>
      <c r="J36938" s="2">
        <v>0</v>
      </c>
      <c r="K36938" s="2">
        <v>1</v>
      </c>
      <c r="L36938" t="s">
        <v>995</v>
      </c>
      <c r="M36938" t="s">
        <v>83</v>
      </c>
      <c r="N36938" t="s">
        <v>84</v>
      </c>
      <c r="O36938" t="s">
        <v>85</v>
      </c>
      <c r="P36938" t="s">
        <v>86</v>
      </c>
      <c r="Q36938">
        <v>39</v>
      </c>
      <c r="R36938">
        <v>40</v>
      </c>
      <c r="S36938">
        <v>41</v>
      </c>
      <c r="T36938">
        <v>41</v>
      </c>
      <c r="U36938">
        <v>42</v>
      </c>
      <c r="V36938">
        <v>43</v>
      </c>
      <c r="W36938">
        <v>43</v>
      </c>
      <c r="X36938">
        <v>44</v>
      </c>
      <c r="Y36938">
        <v>44</v>
      </c>
      <c r="Z36938">
        <v>45</v>
      </c>
      <c r="AA36938">
        <v>46</v>
      </c>
      <c r="AB36938">
        <v>46</v>
      </c>
      <c r="AC36938">
        <v>47</v>
      </c>
      <c r="AD36938">
        <v>48</v>
      </c>
      <c r="AE36938">
        <v>48</v>
      </c>
      <c r="AF36938">
        <v>49</v>
      </c>
      <c r="AG36938">
        <v>49</v>
      </c>
      <c r="AH36938">
        <v>50</v>
      </c>
      <c r="AI36938">
        <v>51</v>
      </c>
      <c r="AJ36938">
        <v>51</v>
      </c>
      <c r="AK36938">
        <v>52</v>
      </c>
      <c r="AL36938">
        <v>52</v>
      </c>
      <c r="AM36938">
        <v>52</v>
      </c>
      <c r="AN36938">
        <v>52</v>
      </c>
      <c r="AO36938">
        <v>53</v>
      </c>
      <c r="AP36938">
        <v>53</v>
      </c>
      <c r="AQ36938">
        <v>53</v>
      </c>
    </row>
    <row r="36939" spans="1:43">
      <c r="A36939" t="s">
        <v>22899</v>
      </c>
      <c r="B36939" t="s">
        <v>22900</v>
      </c>
      <c r="C36939" t="s">
        <v>22857</v>
      </c>
      <c r="D36939" t="s">
        <v>22858</v>
      </c>
      <c r="E36939" t="s">
        <v>22839</v>
      </c>
      <c r="F36939" t="s">
        <v>22840</v>
      </c>
      <c r="G36939" t="s">
        <v>22539</v>
      </c>
      <c r="H36939" t="s">
        <v>22540</v>
      </c>
      <c r="I36939" s="2">
        <v>0</v>
      </c>
      <c r="J36939" s="2">
        <v>0</v>
      </c>
      <c r="K36939" s="2">
        <v>1</v>
      </c>
      <c r="L36939" t="s">
        <v>995</v>
      </c>
      <c r="M36939" t="s">
        <v>87</v>
      </c>
      <c r="N36939" t="s">
        <v>88</v>
      </c>
      <c r="O36939" t="s">
        <v>85</v>
      </c>
      <c r="P36939" t="s">
        <v>86</v>
      </c>
      <c r="Q36939">
        <v>39</v>
      </c>
      <c r="R36939">
        <v>39</v>
      </c>
      <c r="S36939">
        <v>40</v>
      </c>
      <c r="T36939">
        <v>40</v>
      </c>
      <c r="U36939">
        <v>40</v>
      </c>
      <c r="V36939">
        <v>40</v>
      </c>
      <c r="W36939">
        <v>41</v>
      </c>
      <c r="X36939">
        <v>41</v>
      </c>
      <c r="Y36939">
        <v>41</v>
      </c>
      <c r="Z36939">
        <v>41</v>
      </c>
      <c r="AA36939">
        <v>42</v>
      </c>
      <c r="AB36939">
        <v>42</v>
      </c>
      <c r="AC36939">
        <v>42</v>
      </c>
      <c r="AD36939">
        <v>42</v>
      </c>
      <c r="AE36939">
        <v>43</v>
      </c>
      <c r="AF36939">
        <v>43</v>
      </c>
      <c r="AG36939">
        <v>43</v>
      </c>
      <c r="AH36939">
        <v>43</v>
      </c>
      <c r="AI36939">
        <v>44</v>
      </c>
      <c r="AJ36939">
        <v>44</v>
      </c>
      <c r="AK36939">
        <v>44</v>
      </c>
      <c r="AL36939">
        <v>44</v>
      </c>
      <c r="AM36939">
        <v>45</v>
      </c>
      <c r="AN36939">
        <v>45</v>
      </c>
      <c r="AO36939">
        <v>45</v>
      </c>
      <c r="AP36939">
        <v>45</v>
      </c>
      <c r="AQ36939">
        <v>46</v>
      </c>
    </row>
    <row r="36940" spans="1:43">
      <c r="A36940" t="s">
        <v>22899</v>
      </c>
      <c r="B36940" t="s">
        <v>22900</v>
      </c>
      <c r="C36940" t="s">
        <v>22857</v>
      </c>
      <c r="D36940" t="s">
        <v>22858</v>
      </c>
      <c r="E36940" t="s">
        <v>22839</v>
      </c>
      <c r="F36940" t="s">
        <v>22840</v>
      </c>
      <c r="G36940" t="s">
        <v>22539</v>
      </c>
      <c r="H36940" t="s">
        <v>22540</v>
      </c>
      <c r="I36940" s="2">
        <v>0</v>
      </c>
      <c r="J36940" s="2">
        <v>0</v>
      </c>
      <c r="K36940" s="2">
        <v>1</v>
      </c>
      <c r="L36940" t="s">
        <v>995</v>
      </c>
      <c r="M36940" t="s">
        <v>89</v>
      </c>
      <c r="N36940" t="s">
        <v>90</v>
      </c>
      <c r="O36940" t="s">
        <v>85</v>
      </c>
      <c r="P36940" t="s">
        <v>86</v>
      </c>
      <c r="Q36940">
        <v>39</v>
      </c>
      <c r="R36940">
        <v>40</v>
      </c>
      <c r="S36940">
        <v>41</v>
      </c>
      <c r="T36940">
        <v>42</v>
      </c>
      <c r="U36940">
        <v>43</v>
      </c>
      <c r="V36940">
        <v>43</v>
      </c>
      <c r="W36940">
        <v>44</v>
      </c>
      <c r="X36940">
        <v>45</v>
      </c>
      <c r="Y36940">
        <v>46</v>
      </c>
      <c r="Z36940">
        <v>47</v>
      </c>
      <c r="AA36940">
        <v>48</v>
      </c>
      <c r="AB36940">
        <v>48</v>
      </c>
      <c r="AC36940">
        <v>49</v>
      </c>
      <c r="AD36940">
        <v>50</v>
      </c>
      <c r="AE36940">
        <v>51</v>
      </c>
      <c r="AF36940">
        <v>51</v>
      </c>
      <c r="AG36940">
        <v>51</v>
      </c>
      <c r="AH36940">
        <v>51</v>
      </c>
      <c r="AI36940">
        <v>51</v>
      </c>
      <c r="AJ36940">
        <v>51</v>
      </c>
      <c r="AK36940">
        <v>51</v>
      </c>
      <c r="AL36940">
        <v>52</v>
      </c>
      <c r="AM36940">
        <v>52</v>
      </c>
      <c r="AN36940">
        <v>52</v>
      </c>
      <c r="AO36940">
        <v>52</v>
      </c>
      <c r="AP36940">
        <v>52</v>
      </c>
      <c r="AQ36940">
        <v>52</v>
      </c>
    </row>
    <row r="36941" spans="1:43">
      <c r="A36941" t="s">
        <v>22899</v>
      </c>
      <c r="B36941" t="s">
        <v>22900</v>
      </c>
      <c r="C36941" t="s">
        <v>22857</v>
      </c>
      <c r="D36941" t="s">
        <v>22858</v>
      </c>
      <c r="E36941" t="s">
        <v>22839</v>
      </c>
      <c r="F36941" t="s">
        <v>22840</v>
      </c>
      <c r="G36941" t="s">
        <v>22539</v>
      </c>
      <c r="H36941" t="s">
        <v>22540</v>
      </c>
      <c r="I36941" s="2">
        <v>0</v>
      </c>
      <c r="J36941" s="2">
        <v>0</v>
      </c>
      <c r="K36941" s="2">
        <v>1</v>
      </c>
      <c r="L36941" t="s">
        <v>995</v>
      </c>
      <c r="M36941" t="s">
        <v>83</v>
      </c>
      <c r="N36941" t="s">
        <v>91</v>
      </c>
      <c r="O36941" t="s">
        <v>85</v>
      </c>
      <c r="P36941" t="s">
        <v>86</v>
      </c>
      <c r="Q36941">
        <v>39</v>
      </c>
      <c r="R36941">
        <v>40</v>
      </c>
      <c r="S36941">
        <v>41</v>
      </c>
      <c r="T36941">
        <v>41</v>
      </c>
      <c r="U36941">
        <v>42</v>
      </c>
      <c r="V36941">
        <v>43</v>
      </c>
      <c r="W36941">
        <v>43</v>
      </c>
      <c r="X36941">
        <v>44</v>
      </c>
      <c r="Y36941">
        <v>44</v>
      </c>
      <c r="Z36941">
        <v>45</v>
      </c>
      <c r="AA36941">
        <v>46</v>
      </c>
      <c r="AB36941">
        <v>46</v>
      </c>
      <c r="AC36941">
        <v>47</v>
      </c>
      <c r="AD36941">
        <v>48</v>
      </c>
      <c r="AE36941">
        <v>48</v>
      </c>
      <c r="AF36941">
        <v>49</v>
      </c>
      <c r="AG36941">
        <v>49</v>
      </c>
      <c r="AH36941">
        <v>50</v>
      </c>
      <c r="AI36941">
        <v>51</v>
      </c>
      <c r="AJ36941">
        <v>51</v>
      </c>
      <c r="AK36941">
        <v>52</v>
      </c>
      <c r="AL36941">
        <v>52</v>
      </c>
      <c r="AM36941">
        <v>52</v>
      </c>
      <c r="AN36941">
        <v>52</v>
      </c>
      <c r="AO36941">
        <v>53</v>
      </c>
      <c r="AP36941">
        <v>53</v>
      </c>
      <c r="AQ36941">
        <v>53</v>
      </c>
    </row>
    <row r="36942" spans="1:43">
      <c r="A36942" t="s">
        <v>22901</v>
      </c>
      <c r="B36942" t="s">
        <v>22902</v>
      </c>
      <c r="C36942" t="s">
        <v>22857</v>
      </c>
      <c r="D36942" t="s">
        <v>22858</v>
      </c>
      <c r="E36942" t="s">
        <v>22839</v>
      </c>
      <c r="F36942" t="s">
        <v>22840</v>
      </c>
      <c r="G36942" t="s">
        <v>22539</v>
      </c>
      <c r="H36942" t="s">
        <v>22540</v>
      </c>
      <c r="I36942" s="2">
        <v>0</v>
      </c>
      <c r="J36942" s="2">
        <v>0</v>
      </c>
      <c r="K36942" s="2">
        <v>1</v>
      </c>
      <c r="L36942" t="s">
        <v>995</v>
      </c>
      <c r="M36942" t="s">
        <v>83</v>
      </c>
      <c r="N36942" t="s">
        <v>84</v>
      </c>
      <c r="O36942" t="s">
        <v>85</v>
      </c>
      <c r="P36942" t="s">
        <v>86</v>
      </c>
      <c r="Q36942">
        <v>73</v>
      </c>
      <c r="R36942">
        <v>74</v>
      </c>
      <c r="S36942">
        <v>75</v>
      </c>
      <c r="T36942">
        <v>76</v>
      </c>
      <c r="U36942">
        <v>78</v>
      </c>
      <c r="V36942">
        <v>79</v>
      </c>
      <c r="W36942">
        <v>80</v>
      </c>
      <c r="X36942">
        <v>81</v>
      </c>
      <c r="Y36942">
        <v>82</v>
      </c>
      <c r="Z36942">
        <v>83</v>
      </c>
      <c r="AA36942">
        <v>85</v>
      </c>
      <c r="AB36942">
        <v>86</v>
      </c>
      <c r="AC36942">
        <v>87</v>
      </c>
      <c r="AD36942">
        <v>88</v>
      </c>
      <c r="AE36942">
        <v>89</v>
      </c>
      <c r="AF36942">
        <v>90</v>
      </c>
      <c r="AG36942">
        <v>91</v>
      </c>
      <c r="AH36942">
        <v>93</v>
      </c>
      <c r="AI36942">
        <v>94</v>
      </c>
      <c r="AJ36942">
        <v>95</v>
      </c>
      <c r="AK36942">
        <v>96</v>
      </c>
      <c r="AL36942">
        <v>97</v>
      </c>
      <c r="AM36942">
        <v>97</v>
      </c>
      <c r="AN36942">
        <v>97</v>
      </c>
      <c r="AO36942">
        <v>97</v>
      </c>
      <c r="AP36942">
        <v>98</v>
      </c>
      <c r="AQ36942">
        <v>98</v>
      </c>
    </row>
    <row r="36943" spans="1:43">
      <c r="A36943" t="s">
        <v>22901</v>
      </c>
      <c r="B36943" t="s">
        <v>22902</v>
      </c>
      <c r="C36943" t="s">
        <v>22857</v>
      </c>
      <c r="D36943" t="s">
        <v>22858</v>
      </c>
      <c r="E36943" t="s">
        <v>22839</v>
      </c>
      <c r="F36943" t="s">
        <v>22840</v>
      </c>
      <c r="G36943" t="s">
        <v>22539</v>
      </c>
      <c r="H36943" t="s">
        <v>22540</v>
      </c>
      <c r="I36943" s="2">
        <v>0</v>
      </c>
      <c r="J36943" s="2">
        <v>0</v>
      </c>
      <c r="K36943" s="2">
        <v>1</v>
      </c>
      <c r="L36943" t="s">
        <v>995</v>
      </c>
      <c r="M36943" t="s">
        <v>87</v>
      </c>
      <c r="N36943" t="s">
        <v>88</v>
      </c>
      <c r="O36943" t="s">
        <v>85</v>
      </c>
      <c r="P36943" t="s">
        <v>86</v>
      </c>
      <c r="Q36943">
        <v>73</v>
      </c>
      <c r="R36943">
        <v>74</v>
      </c>
      <c r="S36943">
        <v>74</v>
      </c>
      <c r="T36943">
        <v>75</v>
      </c>
      <c r="U36943">
        <v>75</v>
      </c>
      <c r="V36943">
        <v>76</v>
      </c>
      <c r="W36943">
        <v>76</v>
      </c>
      <c r="X36943">
        <v>77</v>
      </c>
      <c r="Y36943">
        <v>77</v>
      </c>
      <c r="Z36943">
        <v>78</v>
      </c>
      <c r="AA36943">
        <v>78</v>
      </c>
      <c r="AB36943">
        <v>78</v>
      </c>
      <c r="AC36943">
        <v>79</v>
      </c>
      <c r="AD36943">
        <v>79</v>
      </c>
      <c r="AE36943">
        <v>80</v>
      </c>
      <c r="AF36943">
        <v>80</v>
      </c>
      <c r="AG36943">
        <v>81</v>
      </c>
      <c r="AH36943">
        <v>81</v>
      </c>
      <c r="AI36943">
        <v>82</v>
      </c>
      <c r="AJ36943">
        <v>82</v>
      </c>
      <c r="AK36943">
        <v>83</v>
      </c>
      <c r="AL36943">
        <v>83</v>
      </c>
      <c r="AM36943">
        <v>84</v>
      </c>
      <c r="AN36943">
        <v>84</v>
      </c>
      <c r="AO36943">
        <v>85</v>
      </c>
      <c r="AP36943">
        <v>85</v>
      </c>
      <c r="AQ36943">
        <v>86</v>
      </c>
    </row>
    <row r="36944" spans="1:43">
      <c r="A36944" t="s">
        <v>22901</v>
      </c>
      <c r="B36944" t="s">
        <v>22902</v>
      </c>
      <c r="C36944" t="s">
        <v>22857</v>
      </c>
      <c r="D36944" t="s">
        <v>22858</v>
      </c>
      <c r="E36944" t="s">
        <v>22839</v>
      </c>
      <c r="F36944" t="s">
        <v>22840</v>
      </c>
      <c r="G36944" t="s">
        <v>22539</v>
      </c>
      <c r="H36944" t="s">
        <v>22540</v>
      </c>
      <c r="I36944" s="2">
        <v>0</v>
      </c>
      <c r="J36944" s="2">
        <v>0</v>
      </c>
      <c r="K36944" s="2">
        <v>1</v>
      </c>
      <c r="L36944" t="s">
        <v>995</v>
      </c>
      <c r="M36944" t="s">
        <v>89</v>
      </c>
      <c r="N36944" t="s">
        <v>90</v>
      </c>
      <c r="O36944" t="s">
        <v>85</v>
      </c>
      <c r="P36944" t="s">
        <v>86</v>
      </c>
      <c r="Q36944">
        <v>73</v>
      </c>
      <c r="R36944">
        <v>74</v>
      </c>
      <c r="S36944">
        <v>76</v>
      </c>
      <c r="T36944">
        <v>78</v>
      </c>
      <c r="U36944">
        <v>80</v>
      </c>
      <c r="V36944">
        <v>81</v>
      </c>
      <c r="W36944">
        <v>83</v>
      </c>
      <c r="X36944">
        <v>85</v>
      </c>
      <c r="Y36944">
        <v>86</v>
      </c>
      <c r="Z36944">
        <v>88</v>
      </c>
      <c r="AA36944">
        <v>89</v>
      </c>
      <c r="AB36944">
        <v>91</v>
      </c>
      <c r="AC36944">
        <v>92</v>
      </c>
      <c r="AD36944">
        <v>94</v>
      </c>
      <c r="AE36944">
        <v>95</v>
      </c>
      <c r="AF36944">
        <v>95</v>
      </c>
      <c r="AG36944">
        <v>95</v>
      </c>
      <c r="AH36944">
        <v>95</v>
      </c>
      <c r="AI36944">
        <v>96</v>
      </c>
      <c r="AJ36944">
        <v>96</v>
      </c>
      <c r="AK36944">
        <v>96</v>
      </c>
      <c r="AL36944">
        <v>96</v>
      </c>
      <c r="AM36944">
        <v>97</v>
      </c>
      <c r="AN36944">
        <v>97</v>
      </c>
      <c r="AO36944">
        <v>97</v>
      </c>
      <c r="AP36944">
        <v>97</v>
      </c>
      <c r="AQ36944">
        <v>98</v>
      </c>
    </row>
    <row r="36945" spans="1:43">
      <c r="A36945" t="s">
        <v>22901</v>
      </c>
      <c r="B36945" t="s">
        <v>22902</v>
      </c>
      <c r="C36945" t="s">
        <v>22857</v>
      </c>
      <c r="D36945" t="s">
        <v>22858</v>
      </c>
      <c r="E36945" t="s">
        <v>22839</v>
      </c>
      <c r="F36945" t="s">
        <v>22840</v>
      </c>
      <c r="G36945" t="s">
        <v>22539</v>
      </c>
      <c r="H36945" t="s">
        <v>22540</v>
      </c>
      <c r="I36945" s="2">
        <v>0</v>
      </c>
      <c r="J36945" s="2">
        <v>0</v>
      </c>
      <c r="K36945" s="2">
        <v>1</v>
      </c>
      <c r="L36945" t="s">
        <v>995</v>
      </c>
      <c r="M36945" t="s">
        <v>83</v>
      </c>
      <c r="N36945" t="s">
        <v>91</v>
      </c>
      <c r="O36945" t="s">
        <v>85</v>
      </c>
      <c r="P36945" t="s">
        <v>86</v>
      </c>
      <c r="Q36945">
        <v>73</v>
      </c>
      <c r="R36945">
        <v>74</v>
      </c>
      <c r="S36945">
        <v>75</v>
      </c>
      <c r="T36945">
        <v>76</v>
      </c>
      <c r="U36945">
        <v>78</v>
      </c>
      <c r="V36945">
        <v>79</v>
      </c>
      <c r="W36945">
        <v>80</v>
      </c>
      <c r="X36945">
        <v>81</v>
      </c>
      <c r="Y36945">
        <v>82</v>
      </c>
      <c r="Z36945">
        <v>83</v>
      </c>
      <c r="AA36945">
        <v>85</v>
      </c>
      <c r="AB36945">
        <v>86</v>
      </c>
      <c r="AC36945">
        <v>87</v>
      </c>
      <c r="AD36945">
        <v>88</v>
      </c>
      <c r="AE36945">
        <v>89</v>
      </c>
      <c r="AF36945">
        <v>90</v>
      </c>
      <c r="AG36945">
        <v>91</v>
      </c>
      <c r="AH36945">
        <v>93</v>
      </c>
      <c r="AI36945">
        <v>94</v>
      </c>
      <c r="AJ36945">
        <v>95</v>
      </c>
      <c r="AK36945">
        <v>96</v>
      </c>
      <c r="AL36945">
        <v>97</v>
      </c>
      <c r="AM36945">
        <v>97</v>
      </c>
      <c r="AN36945">
        <v>97</v>
      </c>
      <c r="AO36945">
        <v>97</v>
      </c>
      <c r="AP36945">
        <v>98</v>
      </c>
      <c r="AQ36945">
        <v>98</v>
      </c>
    </row>
    <row r="36946" spans="1:43">
      <c r="A36946" t="s">
        <v>22903</v>
      </c>
      <c r="B36946" t="s">
        <v>22904</v>
      </c>
      <c r="C36946" t="s">
        <v>22845</v>
      </c>
      <c r="D36946" t="s">
        <v>22846</v>
      </c>
      <c r="E36946" t="s">
        <v>22839</v>
      </c>
      <c r="F36946" t="s">
        <v>22840</v>
      </c>
      <c r="G36946" t="s">
        <v>22539</v>
      </c>
      <c r="H36946" t="s">
        <v>22540</v>
      </c>
      <c r="I36946" s="2">
        <v>0</v>
      </c>
      <c r="J36946" s="2">
        <v>0</v>
      </c>
      <c r="K36946" s="2">
        <v>1</v>
      </c>
      <c r="L36946" t="s">
        <v>995</v>
      </c>
      <c r="M36946" t="s">
        <v>83</v>
      </c>
      <c r="N36946" t="s">
        <v>84</v>
      </c>
      <c r="O36946" t="s">
        <v>85</v>
      </c>
      <c r="P36946" t="s">
        <v>86</v>
      </c>
      <c r="Q36946">
        <v>20</v>
      </c>
      <c r="R36946">
        <v>20</v>
      </c>
      <c r="S36946">
        <v>21</v>
      </c>
      <c r="T36946">
        <v>21</v>
      </c>
      <c r="U36946">
        <v>21</v>
      </c>
      <c r="V36946">
        <v>22</v>
      </c>
      <c r="W36946">
        <v>22</v>
      </c>
      <c r="X36946">
        <v>22</v>
      </c>
      <c r="Y36946">
        <v>23</v>
      </c>
      <c r="Z36946">
        <v>23</v>
      </c>
      <c r="AA36946">
        <v>23</v>
      </c>
      <c r="AB36946">
        <v>24</v>
      </c>
      <c r="AC36946">
        <v>24</v>
      </c>
      <c r="AD36946">
        <v>24</v>
      </c>
      <c r="AE36946">
        <v>24</v>
      </c>
      <c r="AF36946">
        <v>25</v>
      </c>
      <c r="AG36946">
        <v>25</v>
      </c>
      <c r="AH36946">
        <v>25</v>
      </c>
      <c r="AI36946">
        <v>26</v>
      </c>
      <c r="AJ36946">
        <v>26</v>
      </c>
      <c r="AK36946">
        <v>26</v>
      </c>
      <c r="AL36946">
        <v>26</v>
      </c>
      <c r="AM36946">
        <v>26</v>
      </c>
      <c r="AN36946">
        <v>26</v>
      </c>
      <c r="AO36946">
        <v>26</v>
      </c>
      <c r="AP36946">
        <v>26</v>
      </c>
      <c r="AQ36946">
        <v>26</v>
      </c>
    </row>
    <row r="36947" spans="1:43">
      <c r="A36947" t="s">
        <v>22903</v>
      </c>
      <c r="B36947" t="s">
        <v>22904</v>
      </c>
      <c r="C36947" t="s">
        <v>22845</v>
      </c>
      <c r="D36947" t="s">
        <v>22846</v>
      </c>
      <c r="E36947" t="s">
        <v>22839</v>
      </c>
      <c r="F36947" t="s">
        <v>22840</v>
      </c>
      <c r="G36947" t="s">
        <v>22539</v>
      </c>
      <c r="H36947" t="s">
        <v>22540</v>
      </c>
      <c r="I36947" s="2">
        <v>0</v>
      </c>
      <c r="J36947" s="2">
        <v>0</v>
      </c>
      <c r="K36947" s="2">
        <v>1</v>
      </c>
      <c r="L36947" t="s">
        <v>995</v>
      </c>
      <c r="M36947" t="s">
        <v>87</v>
      </c>
      <c r="N36947" t="s">
        <v>88</v>
      </c>
      <c r="O36947" t="s">
        <v>85</v>
      </c>
      <c r="P36947" t="s">
        <v>86</v>
      </c>
      <c r="Q36947">
        <v>20</v>
      </c>
      <c r="R36947">
        <v>20</v>
      </c>
      <c r="S36947">
        <v>20</v>
      </c>
      <c r="T36947">
        <v>20</v>
      </c>
      <c r="U36947">
        <v>20</v>
      </c>
      <c r="V36947">
        <v>21</v>
      </c>
      <c r="W36947">
        <v>21</v>
      </c>
      <c r="X36947">
        <v>21</v>
      </c>
      <c r="Y36947">
        <v>21</v>
      </c>
      <c r="Z36947">
        <v>21</v>
      </c>
      <c r="AA36947">
        <v>21</v>
      </c>
      <c r="AB36947">
        <v>21</v>
      </c>
      <c r="AC36947">
        <v>21</v>
      </c>
      <c r="AD36947">
        <v>22</v>
      </c>
      <c r="AE36947">
        <v>22</v>
      </c>
      <c r="AF36947">
        <v>22</v>
      </c>
      <c r="AG36947">
        <v>22</v>
      </c>
      <c r="AH36947">
        <v>22</v>
      </c>
      <c r="AI36947">
        <v>22</v>
      </c>
      <c r="AJ36947">
        <v>22</v>
      </c>
      <c r="AK36947">
        <v>22</v>
      </c>
      <c r="AL36947">
        <v>22</v>
      </c>
      <c r="AM36947">
        <v>23</v>
      </c>
      <c r="AN36947">
        <v>23</v>
      </c>
      <c r="AO36947">
        <v>23</v>
      </c>
      <c r="AP36947">
        <v>23</v>
      </c>
      <c r="AQ36947">
        <v>23</v>
      </c>
    </row>
    <row r="36948" spans="1:43">
      <c r="A36948" t="s">
        <v>22903</v>
      </c>
      <c r="B36948" t="s">
        <v>22904</v>
      </c>
      <c r="C36948" t="s">
        <v>22845</v>
      </c>
      <c r="D36948" t="s">
        <v>22846</v>
      </c>
      <c r="E36948" t="s">
        <v>22839</v>
      </c>
      <c r="F36948" t="s">
        <v>22840</v>
      </c>
      <c r="G36948" t="s">
        <v>22539</v>
      </c>
      <c r="H36948" t="s">
        <v>22540</v>
      </c>
      <c r="I36948" s="2">
        <v>0</v>
      </c>
      <c r="J36948" s="2">
        <v>0</v>
      </c>
      <c r="K36948" s="2">
        <v>1</v>
      </c>
      <c r="L36948" t="s">
        <v>995</v>
      </c>
      <c r="M36948" t="s">
        <v>89</v>
      </c>
      <c r="N36948" t="s">
        <v>90</v>
      </c>
      <c r="O36948" t="s">
        <v>85</v>
      </c>
      <c r="P36948" t="s">
        <v>86</v>
      </c>
      <c r="Q36948">
        <v>20</v>
      </c>
      <c r="R36948">
        <v>21</v>
      </c>
      <c r="S36948">
        <v>21</v>
      </c>
      <c r="T36948">
        <v>22</v>
      </c>
      <c r="U36948">
        <v>22</v>
      </c>
      <c r="V36948">
        <v>23</v>
      </c>
      <c r="W36948">
        <v>23</v>
      </c>
      <c r="X36948">
        <v>24</v>
      </c>
      <c r="Y36948">
        <v>24</v>
      </c>
      <c r="Z36948">
        <v>24</v>
      </c>
      <c r="AA36948">
        <v>25</v>
      </c>
      <c r="AB36948">
        <v>25</v>
      </c>
      <c r="AC36948">
        <v>25</v>
      </c>
      <c r="AD36948">
        <v>26</v>
      </c>
      <c r="AE36948">
        <v>26</v>
      </c>
      <c r="AF36948">
        <v>26</v>
      </c>
      <c r="AG36948">
        <v>26</v>
      </c>
      <c r="AH36948">
        <v>26</v>
      </c>
      <c r="AI36948">
        <v>26</v>
      </c>
      <c r="AJ36948">
        <v>26</v>
      </c>
      <c r="AK36948">
        <v>26</v>
      </c>
      <c r="AL36948">
        <v>26</v>
      </c>
      <c r="AM36948">
        <v>26</v>
      </c>
      <c r="AN36948">
        <v>26</v>
      </c>
      <c r="AO36948">
        <v>26</v>
      </c>
      <c r="AP36948">
        <v>27</v>
      </c>
      <c r="AQ36948">
        <v>27</v>
      </c>
    </row>
    <row r="36949" spans="1:43">
      <c r="A36949" t="s">
        <v>22903</v>
      </c>
      <c r="B36949" t="s">
        <v>22904</v>
      </c>
      <c r="C36949" t="s">
        <v>22845</v>
      </c>
      <c r="D36949" t="s">
        <v>22846</v>
      </c>
      <c r="E36949" t="s">
        <v>22839</v>
      </c>
      <c r="F36949" t="s">
        <v>22840</v>
      </c>
      <c r="G36949" t="s">
        <v>22539</v>
      </c>
      <c r="H36949" t="s">
        <v>22540</v>
      </c>
      <c r="I36949" s="2">
        <v>0</v>
      </c>
      <c r="J36949" s="2">
        <v>0</v>
      </c>
      <c r="K36949" s="2">
        <v>1</v>
      </c>
      <c r="L36949" t="s">
        <v>995</v>
      </c>
      <c r="M36949" t="s">
        <v>83</v>
      </c>
      <c r="N36949" t="s">
        <v>91</v>
      </c>
      <c r="O36949" t="s">
        <v>85</v>
      </c>
      <c r="P36949" t="s">
        <v>86</v>
      </c>
      <c r="Q36949">
        <v>20</v>
      </c>
      <c r="R36949">
        <v>20</v>
      </c>
      <c r="S36949">
        <v>21</v>
      </c>
      <c r="T36949">
        <v>21</v>
      </c>
      <c r="U36949">
        <v>21</v>
      </c>
      <c r="V36949">
        <v>22</v>
      </c>
      <c r="W36949">
        <v>22</v>
      </c>
      <c r="X36949">
        <v>22</v>
      </c>
      <c r="Y36949">
        <v>23</v>
      </c>
      <c r="Z36949">
        <v>23</v>
      </c>
      <c r="AA36949">
        <v>23</v>
      </c>
      <c r="AB36949">
        <v>24</v>
      </c>
      <c r="AC36949">
        <v>24</v>
      </c>
      <c r="AD36949">
        <v>24</v>
      </c>
      <c r="AE36949">
        <v>24</v>
      </c>
      <c r="AF36949">
        <v>25</v>
      </c>
      <c r="AG36949">
        <v>25</v>
      </c>
      <c r="AH36949">
        <v>25</v>
      </c>
      <c r="AI36949">
        <v>26</v>
      </c>
      <c r="AJ36949">
        <v>26</v>
      </c>
      <c r="AK36949">
        <v>26</v>
      </c>
      <c r="AL36949">
        <v>26</v>
      </c>
      <c r="AM36949">
        <v>26</v>
      </c>
      <c r="AN36949">
        <v>26</v>
      </c>
      <c r="AO36949">
        <v>26</v>
      </c>
      <c r="AP36949">
        <v>26</v>
      </c>
      <c r="AQ36949">
        <v>26</v>
      </c>
    </row>
    <row r="36950" spans="1:43">
      <c r="A36950" t="s">
        <v>22905</v>
      </c>
      <c r="B36950" t="s">
        <v>22906</v>
      </c>
      <c r="C36950" t="s">
        <v>22845</v>
      </c>
      <c r="D36950" t="s">
        <v>22846</v>
      </c>
      <c r="E36950" t="s">
        <v>22839</v>
      </c>
      <c r="F36950" t="s">
        <v>22840</v>
      </c>
      <c r="G36950" t="s">
        <v>22539</v>
      </c>
      <c r="H36950" t="s">
        <v>22540</v>
      </c>
      <c r="I36950" s="2">
        <v>0</v>
      </c>
      <c r="J36950" s="2">
        <v>0</v>
      </c>
      <c r="K36950" s="2">
        <v>1</v>
      </c>
      <c r="L36950" t="s">
        <v>995</v>
      </c>
      <c r="M36950" t="s">
        <v>83</v>
      </c>
      <c r="N36950" t="s">
        <v>84</v>
      </c>
      <c r="O36950" t="s">
        <v>85</v>
      </c>
      <c r="P36950" t="s">
        <v>86</v>
      </c>
      <c r="Q36950">
        <v>20</v>
      </c>
      <c r="R36950">
        <v>21</v>
      </c>
      <c r="S36950">
        <v>21</v>
      </c>
      <c r="T36950">
        <v>21</v>
      </c>
      <c r="U36950">
        <v>22</v>
      </c>
      <c r="V36950">
        <v>22</v>
      </c>
      <c r="W36950">
        <v>22</v>
      </c>
      <c r="X36950">
        <v>22</v>
      </c>
      <c r="Y36950">
        <v>23</v>
      </c>
      <c r="Z36950">
        <v>23</v>
      </c>
      <c r="AA36950">
        <v>23</v>
      </c>
      <c r="AB36950">
        <v>24</v>
      </c>
      <c r="AC36950">
        <v>24</v>
      </c>
      <c r="AD36950">
        <v>24</v>
      </c>
      <c r="AE36950">
        <v>25</v>
      </c>
      <c r="AF36950">
        <v>25</v>
      </c>
      <c r="AG36950">
        <v>25</v>
      </c>
      <c r="AH36950">
        <v>25</v>
      </c>
      <c r="AI36950">
        <v>26</v>
      </c>
      <c r="AJ36950">
        <v>26</v>
      </c>
      <c r="AK36950">
        <v>26</v>
      </c>
      <c r="AL36950">
        <v>26</v>
      </c>
      <c r="AM36950">
        <v>27</v>
      </c>
      <c r="AN36950">
        <v>27</v>
      </c>
      <c r="AO36950">
        <v>27</v>
      </c>
      <c r="AP36950">
        <v>27</v>
      </c>
      <c r="AQ36950">
        <v>27</v>
      </c>
    </row>
    <row r="36951" spans="1:43">
      <c r="A36951" t="s">
        <v>22905</v>
      </c>
      <c r="B36951" t="s">
        <v>22906</v>
      </c>
      <c r="C36951" t="s">
        <v>22845</v>
      </c>
      <c r="D36951" t="s">
        <v>22846</v>
      </c>
      <c r="E36951" t="s">
        <v>22839</v>
      </c>
      <c r="F36951" t="s">
        <v>22840</v>
      </c>
      <c r="G36951" t="s">
        <v>22539</v>
      </c>
      <c r="H36951" t="s">
        <v>22540</v>
      </c>
      <c r="I36951" s="2">
        <v>0</v>
      </c>
      <c r="J36951" s="2">
        <v>0</v>
      </c>
      <c r="K36951" s="2">
        <v>1</v>
      </c>
      <c r="L36951" t="s">
        <v>995</v>
      </c>
      <c r="M36951" t="s">
        <v>87</v>
      </c>
      <c r="N36951" t="s">
        <v>88</v>
      </c>
      <c r="O36951" t="s">
        <v>85</v>
      </c>
      <c r="P36951" t="s">
        <v>86</v>
      </c>
      <c r="Q36951">
        <v>20</v>
      </c>
      <c r="R36951">
        <v>20</v>
      </c>
      <c r="S36951">
        <v>20</v>
      </c>
      <c r="T36951">
        <v>20</v>
      </c>
      <c r="U36951">
        <v>21</v>
      </c>
      <c r="V36951">
        <v>21</v>
      </c>
      <c r="W36951">
        <v>21</v>
      </c>
      <c r="X36951">
        <v>21</v>
      </c>
      <c r="Y36951">
        <v>21</v>
      </c>
      <c r="Z36951">
        <v>21</v>
      </c>
      <c r="AA36951">
        <v>21</v>
      </c>
      <c r="AB36951">
        <v>21</v>
      </c>
      <c r="AC36951">
        <v>22</v>
      </c>
      <c r="AD36951">
        <v>22</v>
      </c>
      <c r="AE36951">
        <v>22</v>
      </c>
      <c r="AF36951">
        <v>22</v>
      </c>
      <c r="AG36951">
        <v>22</v>
      </c>
      <c r="AH36951">
        <v>22</v>
      </c>
      <c r="AI36951">
        <v>22</v>
      </c>
      <c r="AJ36951">
        <v>22</v>
      </c>
      <c r="AK36951">
        <v>23</v>
      </c>
      <c r="AL36951">
        <v>23</v>
      </c>
      <c r="AM36951">
        <v>23</v>
      </c>
      <c r="AN36951">
        <v>23</v>
      </c>
      <c r="AO36951">
        <v>23</v>
      </c>
      <c r="AP36951">
        <v>23</v>
      </c>
      <c r="AQ36951">
        <v>23</v>
      </c>
    </row>
    <row r="36952" spans="1:43">
      <c r="A36952" t="s">
        <v>22905</v>
      </c>
      <c r="B36952" t="s">
        <v>22906</v>
      </c>
      <c r="C36952" t="s">
        <v>22845</v>
      </c>
      <c r="D36952" t="s">
        <v>22846</v>
      </c>
      <c r="E36952" t="s">
        <v>22839</v>
      </c>
      <c r="F36952" t="s">
        <v>22840</v>
      </c>
      <c r="G36952" t="s">
        <v>22539</v>
      </c>
      <c r="H36952" t="s">
        <v>22540</v>
      </c>
      <c r="I36952" s="2">
        <v>0</v>
      </c>
      <c r="J36952" s="2">
        <v>0</v>
      </c>
      <c r="K36952" s="2">
        <v>1</v>
      </c>
      <c r="L36952" t="s">
        <v>995</v>
      </c>
      <c r="M36952" t="s">
        <v>89</v>
      </c>
      <c r="N36952" t="s">
        <v>90</v>
      </c>
      <c r="O36952" t="s">
        <v>85</v>
      </c>
      <c r="P36952" t="s">
        <v>86</v>
      </c>
      <c r="Q36952">
        <v>20</v>
      </c>
      <c r="R36952">
        <v>21</v>
      </c>
      <c r="S36952">
        <v>21</v>
      </c>
      <c r="T36952">
        <v>22</v>
      </c>
      <c r="U36952">
        <v>22</v>
      </c>
      <c r="V36952">
        <v>23</v>
      </c>
      <c r="W36952">
        <v>23</v>
      </c>
      <c r="X36952">
        <v>24</v>
      </c>
      <c r="Y36952">
        <v>24</v>
      </c>
      <c r="Z36952">
        <v>25</v>
      </c>
      <c r="AA36952">
        <v>25</v>
      </c>
      <c r="AB36952">
        <v>25</v>
      </c>
      <c r="AC36952">
        <v>26</v>
      </c>
      <c r="AD36952">
        <v>26</v>
      </c>
      <c r="AE36952">
        <v>26</v>
      </c>
      <c r="AF36952">
        <v>26</v>
      </c>
      <c r="AG36952">
        <v>26</v>
      </c>
      <c r="AH36952">
        <v>26</v>
      </c>
      <c r="AI36952">
        <v>26</v>
      </c>
      <c r="AJ36952">
        <v>27</v>
      </c>
      <c r="AK36952">
        <v>27</v>
      </c>
      <c r="AL36952">
        <v>27</v>
      </c>
      <c r="AM36952">
        <v>27</v>
      </c>
      <c r="AN36952">
        <v>27</v>
      </c>
      <c r="AO36952">
        <v>27</v>
      </c>
      <c r="AP36952">
        <v>27</v>
      </c>
      <c r="AQ36952">
        <v>27</v>
      </c>
    </row>
    <row r="36953" spans="1:43">
      <c r="A36953" t="s">
        <v>22905</v>
      </c>
      <c r="B36953" t="s">
        <v>22906</v>
      </c>
      <c r="C36953" t="s">
        <v>22845</v>
      </c>
      <c r="D36953" t="s">
        <v>22846</v>
      </c>
      <c r="E36953" t="s">
        <v>22839</v>
      </c>
      <c r="F36953" t="s">
        <v>22840</v>
      </c>
      <c r="G36953" t="s">
        <v>22539</v>
      </c>
      <c r="H36953" t="s">
        <v>22540</v>
      </c>
      <c r="I36953" s="2">
        <v>0</v>
      </c>
      <c r="J36953" s="2">
        <v>0</v>
      </c>
      <c r="K36953" s="2">
        <v>1</v>
      </c>
      <c r="L36953" t="s">
        <v>995</v>
      </c>
      <c r="M36953" t="s">
        <v>83</v>
      </c>
      <c r="N36953" t="s">
        <v>91</v>
      </c>
      <c r="O36953" t="s">
        <v>85</v>
      </c>
      <c r="P36953" t="s">
        <v>86</v>
      </c>
      <c r="Q36953">
        <v>20</v>
      </c>
      <c r="R36953">
        <v>21</v>
      </c>
      <c r="S36953">
        <v>21</v>
      </c>
      <c r="T36953">
        <v>21</v>
      </c>
      <c r="U36953">
        <v>22</v>
      </c>
      <c r="V36953">
        <v>22</v>
      </c>
      <c r="W36953">
        <v>22</v>
      </c>
      <c r="X36953">
        <v>22</v>
      </c>
      <c r="Y36953">
        <v>23</v>
      </c>
      <c r="Z36953">
        <v>23</v>
      </c>
      <c r="AA36953">
        <v>23</v>
      </c>
      <c r="AB36953">
        <v>24</v>
      </c>
      <c r="AC36953">
        <v>24</v>
      </c>
      <c r="AD36953">
        <v>24</v>
      </c>
      <c r="AE36953">
        <v>25</v>
      </c>
      <c r="AF36953">
        <v>25</v>
      </c>
      <c r="AG36953">
        <v>25</v>
      </c>
      <c r="AH36953">
        <v>25</v>
      </c>
      <c r="AI36953">
        <v>26</v>
      </c>
      <c r="AJ36953">
        <v>26</v>
      </c>
      <c r="AK36953">
        <v>26</v>
      </c>
      <c r="AL36953">
        <v>26</v>
      </c>
      <c r="AM36953">
        <v>27</v>
      </c>
      <c r="AN36953">
        <v>27</v>
      </c>
      <c r="AO36953">
        <v>27</v>
      </c>
      <c r="AP36953">
        <v>27</v>
      </c>
      <c r="AQ36953">
        <v>27</v>
      </c>
    </row>
    <row r="36954" spans="1:43">
      <c r="A36954" t="s">
        <v>22907</v>
      </c>
      <c r="B36954" t="s">
        <v>22908</v>
      </c>
      <c r="C36954" t="s">
        <v>22837</v>
      </c>
      <c r="D36954" t="s">
        <v>22838</v>
      </c>
      <c r="E36954" t="s">
        <v>22839</v>
      </c>
      <c r="F36954" t="s">
        <v>22840</v>
      </c>
      <c r="G36954" t="s">
        <v>22539</v>
      </c>
      <c r="H36954" t="s">
        <v>22540</v>
      </c>
      <c r="I36954" s="2">
        <v>0</v>
      </c>
      <c r="J36954" s="2">
        <v>0</v>
      </c>
      <c r="K36954" s="2">
        <v>1</v>
      </c>
      <c r="L36954" t="s">
        <v>995</v>
      </c>
      <c r="M36954" t="s">
        <v>83</v>
      </c>
      <c r="N36954" t="s">
        <v>84</v>
      </c>
      <c r="O36954" t="s">
        <v>85</v>
      </c>
      <c r="P36954" t="s">
        <v>86</v>
      </c>
      <c r="Q36954">
        <v>43</v>
      </c>
      <c r="R36954">
        <v>44</v>
      </c>
      <c r="S36954">
        <v>45</v>
      </c>
      <c r="T36954">
        <v>45</v>
      </c>
      <c r="U36954">
        <v>46</v>
      </c>
      <c r="V36954">
        <v>47</v>
      </c>
      <c r="W36954">
        <v>47</v>
      </c>
      <c r="X36954">
        <v>48</v>
      </c>
      <c r="Y36954">
        <v>49</v>
      </c>
      <c r="Z36954">
        <v>49</v>
      </c>
      <c r="AA36954">
        <v>50</v>
      </c>
      <c r="AB36954">
        <v>51</v>
      </c>
      <c r="AC36954">
        <v>51</v>
      </c>
      <c r="AD36954">
        <v>52</v>
      </c>
      <c r="AE36954">
        <v>52</v>
      </c>
      <c r="AF36954">
        <v>53</v>
      </c>
      <c r="AG36954">
        <v>54</v>
      </c>
      <c r="AH36954">
        <v>54</v>
      </c>
      <c r="AI36954">
        <v>55</v>
      </c>
      <c r="AJ36954">
        <v>56</v>
      </c>
      <c r="AK36954">
        <v>56</v>
      </c>
      <c r="AL36954">
        <v>57</v>
      </c>
      <c r="AM36954">
        <v>57</v>
      </c>
      <c r="AN36954">
        <v>57</v>
      </c>
      <c r="AO36954">
        <v>57</v>
      </c>
      <c r="AP36954">
        <v>57</v>
      </c>
      <c r="AQ36954">
        <v>57</v>
      </c>
    </row>
    <row r="36955" spans="1:43">
      <c r="A36955" t="s">
        <v>22907</v>
      </c>
      <c r="B36955" t="s">
        <v>22908</v>
      </c>
      <c r="C36955" t="s">
        <v>22837</v>
      </c>
      <c r="D36955" t="s">
        <v>22838</v>
      </c>
      <c r="E36955" t="s">
        <v>22839</v>
      </c>
      <c r="F36955" t="s">
        <v>22840</v>
      </c>
      <c r="G36955" t="s">
        <v>22539</v>
      </c>
      <c r="H36955" t="s">
        <v>22540</v>
      </c>
      <c r="I36955" s="2">
        <v>0</v>
      </c>
      <c r="J36955" s="2">
        <v>0</v>
      </c>
      <c r="K36955" s="2">
        <v>1</v>
      </c>
      <c r="L36955" t="s">
        <v>995</v>
      </c>
      <c r="M36955" t="s">
        <v>87</v>
      </c>
      <c r="N36955" t="s">
        <v>88</v>
      </c>
      <c r="O36955" t="s">
        <v>85</v>
      </c>
      <c r="P36955" t="s">
        <v>86</v>
      </c>
      <c r="Q36955">
        <v>43</v>
      </c>
      <c r="R36955">
        <v>43</v>
      </c>
      <c r="S36955">
        <v>43</v>
      </c>
      <c r="T36955">
        <v>44</v>
      </c>
      <c r="U36955">
        <v>44</v>
      </c>
      <c r="V36955">
        <v>44</v>
      </c>
      <c r="W36955">
        <v>44</v>
      </c>
      <c r="X36955">
        <v>45</v>
      </c>
      <c r="Y36955">
        <v>45</v>
      </c>
      <c r="Z36955">
        <v>45</v>
      </c>
      <c r="AA36955">
        <v>45</v>
      </c>
      <c r="AB36955">
        <v>46</v>
      </c>
      <c r="AC36955">
        <v>46</v>
      </c>
      <c r="AD36955">
        <v>46</v>
      </c>
      <c r="AE36955">
        <v>46</v>
      </c>
      <c r="AF36955">
        <v>47</v>
      </c>
      <c r="AG36955">
        <v>47</v>
      </c>
      <c r="AH36955">
        <v>47</v>
      </c>
      <c r="AI36955">
        <v>48</v>
      </c>
      <c r="AJ36955">
        <v>48</v>
      </c>
      <c r="AK36955">
        <v>48</v>
      </c>
      <c r="AL36955">
        <v>48</v>
      </c>
      <c r="AM36955">
        <v>49</v>
      </c>
      <c r="AN36955">
        <v>49</v>
      </c>
      <c r="AO36955">
        <v>49</v>
      </c>
      <c r="AP36955">
        <v>49</v>
      </c>
      <c r="AQ36955">
        <v>50</v>
      </c>
    </row>
    <row r="36956" spans="1:43">
      <c r="A36956" t="s">
        <v>22907</v>
      </c>
      <c r="B36956" t="s">
        <v>22908</v>
      </c>
      <c r="C36956" t="s">
        <v>22837</v>
      </c>
      <c r="D36956" t="s">
        <v>22838</v>
      </c>
      <c r="E36956" t="s">
        <v>22839</v>
      </c>
      <c r="F36956" t="s">
        <v>22840</v>
      </c>
      <c r="G36956" t="s">
        <v>22539</v>
      </c>
      <c r="H36956" t="s">
        <v>22540</v>
      </c>
      <c r="I36956" s="2">
        <v>0</v>
      </c>
      <c r="J36956" s="2">
        <v>0</v>
      </c>
      <c r="K36956" s="2">
        <v>1</v>
      </c>
      <c r="L36956" t="s">
        <v>995</v>
      </c>
      <c r="M36956" t="s">
        <v>89</v>
      </c>
      <c r="N36956" t="s">
        <v>90</v>
      </c>
      <c r="O36956" t="s">
        <v>85</v>
      </c>
      <c r="P36956" t="s">
        <v>86</v>
      </c>
      <c r="Q36956">
        <v>43</v>
      </c>
      <c r="R36956">
        <v>44</v>
      </c>
      <c r="S36956">
        <v>45</v>
      </c>
      <c r="T36956">
        <v>46</v>
      </c>
      <c r="U36956">
        <v>47</v>
      </c>
      <c r="V36956">
        <v>48</v>
      </c>
      <c r="W36956">
        <v>49</v>
      </c>
      <c r="X36956">
        <v>50</v>
      </c>
      <c r="Y36956">
        <v>50</v>
      </c>
      <c r="Z36956">
        <v>51</v>
      </c>
      <c r="AA36956">
        <v>52</v>
      </c>
      <c r="AB36956">
        <v>53</v>
      </c>
      <c r="AC36956">
        <v>54</v>
      </c>
      <c r="AD36956">
        <v>55</v>
      </c>
      <c r="AE36956">
        <v>55</v>
      </c>
      <c r="AF36956">
        <v>55</v>
      </c>
      <c r="AG36956">
        <v>55</v>
      </c>
      <c r="AH36956">
        <v>56</v>
      </c>
      <c r="AI36956">
        <v>56</v>
      </c>
      <c r="AJ36956">
        <v>56</v>
      </c>
      <c r="AK36956">
        <v>56</v>
      </c>
      <c r="AL36956">
        <v>56</v>
      </c>
      <c r="AM36956">
        <v>56</v>
      </c>
      <c r="AN36956">
        <v>56</v>
      </c>
      <c r="AO36956">
        <v>56</v>
      </c>
      <c r="AP36956">
        <v>56</v>
      </c>
      <c r="AQ36956">
        <v>56</v>
      </c>
    </row>
    <row r="36957" spans="1:43">
      <c r="A36957" t="s">
        <v>22907</v>
      </c>
      <c r="B36957" t="s">
        <v>22908</v>
      </c>
      <c r="C36957" t="s">
        <v>22837</v>
      </c>
      <c r="D36957" t="s">
        <v>22838</v>
      </c>
      <c r="E36957" t="s">
        <v>22839</v>
      </c>
      <c r="F36957" t="s">
        <v>22840</v>
      </c>
      <c r="G36957" t="s">
        <v>22539</v>
      </c>
      <c r="H36957" t="s">
        <v>22540</v>
      </c>
      <c r="I36957" s="2">
        <v>0</v>
      </c>
      <c r="J36957" s="2">
        <v>0</v>
      </c>
      <c r="K36957" s="2">
        <v>1</v>
      </c>
      <c r="L36957" t="s">
        <v>995</v>
      </c>
      <c r="M36957" t="s">
        <v>83</v>
      </c>
      <c r="N36957" t="s">
        <v>91</v>
      </c>
      <c r="O36957" t="s">
        <v>85</v>
      </c>
      <c r="P36957" t="s">
        <v>86</v>
      </c>
      <c r="Q36957">
        <v>43</v>
      </c>
      <c r="R36957">
        <v>44</v>
      </c>
      <c r="S36957">
        <v>45</v>
      </c>
      <c r="T36957">
        <v>45</v>
      </c>
      <c r="U36957">
        <v>46</v>
      </c>
      <c r="V36957">
        <v>47</v>
      </c>
      <c r="W36957">
        <v>47</v>
      </c>
      <c r="X36957">
        <v>48</v>
      </c>
      <c r="Y36957">
        <v>49</v>
      </c>
      <c r="Z36957">
        <v>49</v>
      </c>
      <c r="AA36957">
        <v>50</v>
      </c>
      <c r="AB36957">
        <v>51</v>
      </c>
      <c r="AC36957">
        <v>51</v>
      </c>
      <c r="AD36957">
        <v>52</v>
      </c>
      <c r="AE36957">
        <v>52</v>
      </c>
      <c r="AF36957">
        <v>53</v>
      </c>
      <c r="AG36957">
        <v>54</v>
      </c>
      <c r="AH36957">
        <v>54</v>
      </c>
      <c r="AI36957">
        <v>55</v>
      </c>
      <c r="AJ36957">
        <v>56</v>
      </c>
      <c r="AK36957">
        <v>56</v>
      </c>
      <c r="AL36957">
        <v>57</v>
      </c>
      <c r="AM36957">
        <v>57</v>
      </c>
      <c r="AN36957">
        <v>57</v>
      </c>
      <c r="AO36957">
        <v>57</v>
      </c>
      <c r="AP36957">
        <v>57</v>
      </c>
      <c r="AQ36957">
        <v>57</v>
      </c>
    </row>
    <row r="36958" spans="1:43">
      <c r="A36958" t="s">
        <v>22909</v>
      </c>
      <c r="B36958" t="s">
        <v>22910</v>
      </c>
      <c r="C36958" t="s">
        <v>22837</v>
      </c>
      <c r="D36958" t="s">
        <v>22838</v>
      </c>
      <c r="E36958" t="s">
        <v>22839</v>
      </c>
      <c r="F36958" t="s">
        <v>22840</v>
      </c>
      <c r="G36958" t="s">
        <v>22539</v>
      </c>
      <c r="H36958" t="s">
        <v>22540</v>
      </c>
      <c r="I36958" s="2">
        <v>0</v>
      </c>
      <c r="J36958" s="2">
        <v>0</v>
      </c>
      <c r="K36958" s="2">
        <v>1</v>
      </c>
      <c r="L36958" t="s">
        <v>995</v>
      </c>
      <c r="M36958" t="s">
        <v>83</v>
      </c>
      <c r="N36958" t="s">
        <v>84</v>
      </c>
      <c r="O36958" t="s">
        <v>85</v>
      </c>
      <c r="P36958" t="s">
        <v>86</v>
      </c>
      <c r="Q36958">
        <v>25</v>
      </c>
      <c r="R36958">
        <v>25</v>
      </c>
      <c r="S36958">
        <v>26</v>
      </c>
      <c r="T36958">
        <v>26</v>
      </c>
      <c r="U36958">
        <v>26</v>
      </c>
      <c r="V36958">
        <v>27</v>
      </c>
      <c r="W36958">
        <v>27</v>
      </c>
      <c r="X36958">
        <v>28</v>
      </c>
      <c r="Y36958">
        <v>28</v>
      </c>
      <c r="Z36958">
        <v>28</v>
      </c>
      <c r="AA36958">
        <v>29</v>
      </c>
      <c r="AB36958">
        <v>29</v>
      </c>
      <c r="AC36958">
        <v>30</v>
      </c>
      <c r="AD36958">
        <v>30</v>
      </c>
      <c r="AE36958">
        <v>30</v>
      </c>
      <c r="AF36958">
        <v>31</v>
      </c>
      <c r="AG36958">
        <v>31</v>
      </c>
      <c r="AH36958">
        <v>32</v>
      </c>
      <c r="AI36958">
        <v>32</v>
      </c>
      <c r="AJ36958">
        <v>32</v>
      </c>
      <c r="AK36958">
        <v>33</v>
      </c>
      <c r="AL36958">
        <v>33</v>
      </c>
      <c r="AM36958">
        <v>33</v>
      </c>
      <c r="AN36958">
        <v>33</v>
      </c>
      <c r="AO36958">
        <v>33</v>
      </c>
      <c r="AP36958">
        <v>33</v>
      </c>
      <c r="AQ36958">
        <v>33</v>
      </c>
    </row>
    <row r="36959" spans="1:43">
      <c r="A36959" t="s">
        <v>22909</v>
      </c>
      <c r="B36959" t="s">
        <v>22910</v>
      </c>
      <c r="C36959" t="s">
        <v>22837</v>
      </c>
      <c r="D36959" t="s">
        <v>22838</v>
      </c>
      <c r="E36959" t="s">
        <v>22839</v>
      </c>
      <c r="F36959" t="s">
        <v>22840</v>
      </c>
      <c r="G36959" t="s">
        <v>22539</v>
      </c>
      <c r="H36959" t="s">
        <v>22540</v>
      </c>
      <c r="I36959" s="2">
        <v>0</v>
      </c>
      <c r="J36959" s="2">
        <v>0</v>
      </c>
      <c r="K36959" s="2">
        <v>1</v>
      </c>
      <c r="L36959" t="s">
        <v>995</v>
      </c>
      <c r="M36959" t="s">
        <v>87</v>
      </c>
      <c r="N36959" t="s">
        <v>88</v>
      </c>
      <c r="O36959" t="s">
        <v>85</v>
      </c>
      <c r="P36959" t="s">
        <v>86</v>
      </c>
      <c r="Q36959">
        <v>25</v>
      </c>
      <c r="R36959">
        <v>25</v>
      </c>
      <c r="S36959">
        <v>25</v>
      </c>
      <c r="T36959">
        <v>25</v>
      </c>
      <c r="U36959">
        <v>25</v>
      </c>
      <c r="V36959">
        <v>25</v>
      </c>
      <c r="W36959">
        <v>26</v>
      </c>
      <c r="X36959">
        <v>26</v>
      </c>
      <c r="Y36959">
        <v>26</v>
      </c>
      <c r="Z36959">
        <v>26</v>
      </c>
      <c r="AA36959">
        <v>26</v>
      </c>
      <c r="AB36959">
        <v>26</v>
      </c>
      <c r="AC36959">
        <v>27</v>
      </c>
      <c r="AD36959">
        <v>27</v>
      </c>
      <c r="AE36959">
        <v>27</v>
      </c>
      <c r="AF36959">
        <v>27</v>
      </c>
      <c r="AG36959">
        <v>27</v>
      </c>
      <c r="AH36959">
        <v>27</v>
      </c>
      <c r="AI36959">
        <v>28</v>
      </c>
      <c r="AJ36959">
        <v>28</v>
      </c>
      <c r="AK36959">
        <v>28</v>
      </c>
      <c r="AL36959">
        <v>28</v>
      </c>
      <c r="AM36959">
        <v>28</v>
      </c>
      <c r="AN36959">
        <v>28</v>
      </c>
      <c r="AO36959">
        <v>29</v>
      </c>
      <c r="AP36959">
        <v>29</v>
      </c>
      <c r="AQ36959">
        <v>29</v>
      </c>
    </row>
    <row r="36960" spans="1:43">
      <c r="A36960" t="s">
        <v>22909</v>
      </c>
      <c r="B36960" t="s">
        <v>22910</v>
      </c>
      <c r="C36960" t="s">
        <v>22837</v>
      </c>
      <c r="D36960" t="s">
        <v>22838</v>
      </c>
      <c r="E36960" t="s">
        <v>22839</v>
      </c>
      <c r="F36960" t="s">
        <v>22840</v>
      </c>
      <c r="G36960" t="s">
        <v>22539</v>
      </c>
      <c r="H36960" t="s">
        <v>22540</v>
      </c>
      <c r="I36960" s="2">
        <v>0</v>
      </c>
      <c r="J36960" s="2">
        <v>0</v>
      </c>
      <c r="K36960" s="2">
        <v>1</v>
      </c>
      <c r="L36960" t="s">
        <v>995</v>
      </c>
      <c r="M36960" t="s">
        <v>89</v>
      </c>
      <c r="N36960" t="s">
        <v>90</v>
      </c>
      <c r="O36960" t="s">
        <v>85</v>
      </c>
      <c r="P36960" t="s">
        <v>86</v>
      </c>
      <c r="Q36960">
        <v>25</v>
      </c>
      <c r="R36960">
        <v>26</v>
      </c>
      <c r="S36960">
        <v>26</v>
      </c>
      <c r="T36960">
        <v>27</v>
      </c>
      <c r="U36960">
        <v>28</v>
      </c>
      <c r="V36960">
        <v>28</v>
      </c>
      <c r="W36960">
        <v>29</v>
      </c>
      <c r="X36960">
        <v>29</v>
      </c>
      <c r="Y36960">
        <v>30</v>
      </c>
      <c r="Z36960">
        <v>30</v>
      </c>
      <c r="AA36960">
        <v>31</v>
      </c>
      <c r="AB36960">
        <v>31</v>
      </c>
      <c r="AC36960">
        <v>32</v>
      </c>
      <c r="AD36960">
        <v>32</v>
      </c>
      <c r="AE36960">
        <v>33</v>
      </c>
      <c r="AF36960">
        <v>33</v>
      </c>
      <c r="AG36960">
        <v>33</v>
      </c>
      <c r="AH36960">
        <v>33</v>
      </c>
      <c r="AI36960">
        <v>33</v>
      </c>
      <c r="AJ36960">
        <v>33</v>
      </c>
      <c r="AK36960">
        <v>33</v>
      </c>
      <c r="AL36960">
        <v>33</v>
      </c>
      <c r="AM36960">
        <v>33</v>
      </c>
      <c r="AN36960">
        <v>33</v>
      </c>
      <c r="AO36960">
        <v>33</v>
      </c>
      <c r="AP36960">
        <v>33</v>
      </c>
      <c r="AQ36960">
        <v>34</v>
      </c>
    </row>
    <row r="36961" spans="1:43">
      <c r="A36961" t="s">
        <v>22909</v>
      </c>
      <c r="B36961" t="s">
        <v>22910</v>
      </c>
      <c r="C36961" t="s">
        <v>22837</v>
      </c>
      <c r="D36961" t="s">
        <v>22838</v>
      </c>
      <c r="E36961" t="s">
        <v>22839</v>
      </c>
      <c r="F36961" t="s">
        <v>22840</v>
      </c>
      <c r="G36961" t="s">
        <v>22539</v>
      </c>
      <c r="H36961" t="s">
        <v>22540</v>
      </c>
      <c r="I36961" s="2">
        <v>0</v>
      </c>
      <c r="J36961" s="2">
        <v>0</v>
      </c>
      <c r="K36961" s="2">
        <v>1</v>
      </c>
      <c r="L36961" t="s">
        <v>995</v>
      </c>
      <c r="M36961" t="s">
        <v>83</v>
      </c>
      <c r="N36961" t="s">
        <v>91</v>
      </c>
      <c r="O36961" t="s">
        <v>85</v>
      </c>
      <c r="P36961" t="s">
        <v>86</v>
      </c>
      <c r="Q36961">
        <v>25</v>
      </c>
      <c r="R36961">
        <v>25</v>
      </c>
      <c r="S36961">
        <v>26</v>
      </c>
      <c r="T36961">
        <v>26</v>
      </c>
      <c r="U36961">
        <v>26</v>
      </c>
      <c r="V36961">
        <v>27</v>
      </c>
      <c r="W36961">
        <v>27</v>
      </c>
      <c r="X36961">
        <v>28</v>
      </c>
      <c r="Y36961">
        <v>28</v>
      </c>
      <c r="Z36961">
        <v>28</v>
      </c>
      <c r="AA36961">
        <v>29</v>
      </c>
      <c r="AB36961">
        <v>29</v>
      </c>
      <c r="AC36961">
        <v>30</v>
      </c>
      <c r="AD36961">
        <v>30</v>
      </c>
      <c r="AE36961">
        <v>30</v>
      </c>
      <c r="AF36961">
        <v>31</v>
      </c>
      <c r="AG36961">
        <v>31</v>
      </c>
      <c r="AH36961">
        <v>32</v>
      </c>
      <c r="AI36961">
        <v>32</v>
      </c>
      <c r="AJ36961">
        <v>32</v>
      </c>
      <c r="AK36961">
        <v>33</v>
      </c>
      <c r="AL36961">
        <v>33</v>
      </c>
      <c r="AM36961">
        <v>33</v>
      </c>
      <c r="AN36961">
        <v>33</v>
      </c>
      <c r="AO36961">
        <v>33</v>
      </c>
      <c r="AP36961">
        <v>33</v>
      </c>
      <c r="AQ36961">
        <v>33</v>
      </c>
    </row>
    <row r="36962" spans="1:43">
      <c r="A36962" t="s">
        <v>22911</v>
      </c>
      <c r="B36962" t="s">
        <v>22912</v>
      </c>
      <c r="C36962" t="s">
        <v>22837</v>
      </c>
      <c r="D36962" t="s">
        <v>22838</v>
      </c>
      <c r="E36962" t="s">
        <v>22839</v>
      </c>
      <c r="F36962" t="s">
        <v>22840</v>
      </c>
      <c r="G36962" t="s">
        <v>22539</v>
      </c>
      <c r="H36962" t="s">
        <v>22540</v>
      </c>
      <c r="I36962" s="2">
        <v>0</v>
      </c>
      <c r="J36962" s="2">
        <v>0</v>
      </c>
      <c r="K36962" s="2">
        <v>1</v>
      </c>
      <c r="L36962" t="s">
        <v>995</v>
      </c>
      <c r="M36962" t="s">
        <v>83</v>
      </c>
      <c r="N36962" t="s">
        <v>84</v>
      </c>
      <c r="O36962" t="s">
        <v>85</v>
      </c>
      <c r="P36962" t="s">
        <v>86</v>
      </c>
      <c r="Q36962">
        <v>8</v>
      </c>
      <c r="R36962">
        <v>9</v>
      </c>
      <c r="S36962">
        <v>9</v>
      </c>
      <c r="T36962">
        <v>9</v>
      </c>
      <c r="U36962">
        <v>9</v>
      </c>
      <c r="V36962">
        <v>9</v>
      </c>
      <c r="W36962">
        <v>9</v>
      </c>
      <c r="X36962">
        <v>9</v>
      </c>
      <c r="Y36962">
        <v>9</v>
      </c>
      <c r="Z36962">
        <v>10</v>
      </c>
      <c r="AA36962">
        <v>10</v>
      </c>
      <c r="AB36962">
        <v>10</v>
      </c>
      <c r="AC36962">
        <v>10</v>
      </c>
      <c r="AD36962">
        <v>10</v>
      </c>
      <c r="AE36962">
        <v>10</v>
      </c>
      <c r="AF36962">
        <v>10</v>
      </c>
      <c r="AG36962">
        <v>10</v>
      </c>
      <c r="AH36962">
        <v>11</v>
      </c>
      <c r="AI36962">
        <v>11</v>
      </c>
      <c r="AJ36962">
        <v>11</v>
      </c>
      <c r="AK36962">
        <v>11</v>
      </c>
      <c r="AL36962">
        <v>11</v>
      </c>
      <c r="AM36962">
        <v>11</v>
      </c>
      <c r="AN36962">
        <v>11</v>
      </c>
      <c r="AO36962">
        <v>11</v>
      </c>
      <c r="AP36962">
        <v>11</v>
      </c>
      <c r="AQ36962">
        <v>11</v>
      </c>
    </row>
    <row r="36963" spans="1:43">
      <c r="A36963" t="s">
        <v>22911</v>
      </c>
      <c r="B36963" t="s">
        <v>22912</v>
      </c>
      <c r="C36963" t="s">
        <v>22837</v>
      </c>
      <c r="D36963" t="s">
        <v>22838</v>
      </c>
      <c r="E36963" t="s">
        <v>22839</v>
      </c>
      <c r="F36963" t="s">
        <v>22840</v>
      </c>
      <c r="G36963" t="s">
        <v>22539</v>
      </c>
      <c r="H36963" t="s">
        <v>22540</v>
      </c>
      <c r="I36963" s="2">
        <v>0</v>
      </c>
      <c r="J36963" s="2">
        <v>0</v>
      </c>
      <c r="K36963" s="2">
        <v>1</v>
      </c>
      <c r="L36963" t="s">
        <v>995</v>
      </c>
      <c r="M36963" t="s">
        <v>87</v>
      </c>
      <c r="N36963" t="s">
        <v>88</v>
      </c>
      <c r="O36963" t="s">
        <v>85</v>
      </c>
      <c r="P36963" t="s">
        <v>86</v>
      </c>
      <c r="Q36963">
        <v>8</v>
      </c>
      <c r="R36963">
        <v>8</v>
      </c>
      <c r="S36963">
        <v>8</v>
      </c>
      <c r="T36963">
        <v>9</v>
      </c>
      <c r="U36963">
        <v>9</v>
      </c>
      <c r="V36963">
        <v>9</v>
      </c>
      <c r="W36963">
        <v>9</v>
      </c>
      <c r="X36963">
        <v>9</v>
      </c>
      <c r="Y36963">
        <v>9</v>
      </c>
      <c r="Z36963">
        <v>9</v>
      </c>
      <c r="AA36963">
        <v>9</v>
      </c>
      <c r="AB36963">
        <v>9</v>
      </c>
      <c r="AC36963">
        <v>9</v>
      </c>
      <c r="AD36963">
        <v>9</v>
      </c>
      <c r="AE36963">
        <v>9</v>
      </c>
      <c r="AF36963">
        <v>9</v>
      </c>
      <c r="AG36963">
        <v>9</v>
      </c>
      <c r="AH36963">
        <v>9</v>
      </c>
      <c r="AI36963">
        <v>9</v>
      </c>
      <c r="AJ36963">
        <v>9</v>
      </c>
      <c r="AK36963">
        <v>9</v>
      </c>
      <c r="AL36963">
        <v>9</v>
      </c>
      <c r="AM36963">
        <v>9</v>
      </c>
      <c r="AN36963">
        <v>10</v>
      </c>
      <c r="AO36963">
        <v>10</v>
      </c>
      <c r="AP36963">
        <v>10</v>
      </c>
      <c r="AQ36963">
        <v>10</v>
      </c>
    </row>
    <row r="36964" spans="1:43">
      <c r="A36964" t="s">
        <v>22911</v>
      </c>
      <c r="B36964" t="s">
        <v>22912</v>
      </c>
      <c r="C36964" t="s">
        <v>22837</v>
      </c>
      <c r="D36964" t="s">
        <v>22838</v>
      </c>
      <c r="E36964" t="s">
        <v>22839</v>
      </c>
      <c r="F36964" t="s">
        <v>22840</v>
      </c>
      <c r="G36964" t="s">
        <v>22539</v>
      </c>
      <c r="H36964" t="s">
        <v>22540</v>
      </c>
      <c r="I36964" s="2">
        <v>0</v>
      </c>
      <c r="J36964" s="2">
        <v>0</v>
      </c>
      <c r="K36964" s="2">
        <v>1</v>
      </c>
      <c r="L36964" t="s">
        <v>995</v>
      </c>
      <c r="M36964" t="s">
        <v>89</v>
      </c>
      <c r="N36964" t="s">
        <v>90</v>
      </c>
      <c r="O36964" t="s">
        <v>85</v>
      </c>
      <c r="P36964" t="s">
        <v>86</v>
      </c>
      <c r="Q36964">
        <v>8</v>
      </c>
      <c r="R36964">
        <v>8</v>
      </c>
      <c r="S36964">
        <v>8</v>
      </c>
      <c r="T36964">
        <v>8</v>
      </c>
      <c r="U36964">
        <v>8</v>
      </c>
      <c r="V36964">
        <v>9</v>
      </c>
      <c r="W36964">
        <v>9</v>
      </c>
      <c r="X36964">
        <v>9</v>
      </c>
      <c r="Y36964">
        <v>9</v>
      </c>
      <c r="Z36964">
        <v>9</v>
      </c>
      <c r="AA36964">
        <v>9</v>
      </c>
      <c r="AB36964">
        <v>10</v>
      </c>
      <c r="AC36964">
        <v>10</v>
      </c>
      <c r="AD36964">
        <v>10</v>
      </c>
      <c r="AE36964">
        <v>10</v>
      </c>
      <c r="AF36964">
        <v>10</v>
      </c>
      <c r="AG36964">
        <v>10</v>
      </c>
      <c r="AH36964">
        <v>10</v>
      </c>
      <c r="AI36964">
        <v>10</v>
      </c>
      <c r="AJ36964">
        <v>10</v>
      </c>
      <c r="AK36964">
        <v>10</v>
      </c>
      <c r="AL36964">
        <v>10</v>
      </c>
      <c r="AM36964">
        <v>10</v>
      </c>
      <c r="AN36964">
        <v>10</v>
      </c>
      <c r="AO36964">
        <v>10</v>
      </c>
      <c r="AP36964">
        <v>10</v>
      </c>
      <c r="AQ36964">
        <v>10</v>
      </c>
    </row>
    <row r="36965" spans="1:43">
      <c r="A36965" t="s">
        <v>22911</v>
      </c>
      <c r="B36965" t="s">
        <v>22912</v>
      </c>
      <c r="C36965" t="s">
        <v>22837</v>
      </c>
      <c r="D36965" t="s">
        <v>22838</v>
      </c>
      <c r="E36965" t="s">
        <v>22839</v>
      </c>
      <c r="F36965" t="s">
        <v>22840</v>
      </c>
      <c r="G36965" t="s">
        <v>22539</v>
      </c>
      <c r="H36965" t="s">
        <v>22540</v>
      </c>
      <c r="I36965" s="2">
        <v>0</v>
      </c>
      <c r="J36965" s="2">
        <v>0</v>
      </c>
      <c r="K36965" s="2">
        <v>1</v>
      </c>
      <c r="L36965" t="s">
        <v>995</v>
      </c>
      <c r="M36965" t="s">
        <v>83</v>
      </c>
      <c r="N36965" t="s">
        <v>91</v>
      </c>
      <c r="O36965" t="s">
        <v>85</v>
      </c>
      <c r="P36965" t="s">
        <v>86</v>
      </c>
      <c r="Q36965">
        <v>8</v>
      </c>
      <c r="R36965">
        <v>9</v>
      </c>
      <c r="S36965">
        <v>9</v>
      </c>
      <c r="T36965">
        <v>9</v>
      </c>
      <c r="U36965">
        <v>9</v>
      </c>
      <c r="V36965">
        <v>9</v>
      </c>
      <c r="W36965">
        <v>9</v>
      </c>
      <c r="X36965">
        <v>9</v>
      </c>
      <c r="Y36965">
        <v>9</v>
      </c>
      <c r="Z36965">
        <v>10</v>
      </c>
      <c r="AA36965">
        <v>10</v>
      </c>
      <c r="AB36965">
        <v>10</v>
      </c>
      <c r="AC36965">
        <v>10</v>
      </c>
      <c r="AD36965">
        <v>10</v>
      </c>
      <c r="AE36965">
        <v>10</v>
      </c>
      <c r="AF36965">
        <v>10</v>
      </c>
      <c r="AG36965">
        <v>10</v>
      </c>
      <c r="AH36965">
        <v>11</v>
      </c>
      <c r="AI36965">
        <v>11</v>
      </c>
      <c r="AJ36965">
        <v>11</v>
      </c>
      <c r="AK36965">
        <v>11</v>
      </c>
      <c r="AL36965">
        <v>11</v>
      </c>
      <c r="AM36965">
        <v>11</v>
      </c>
      <c r="AN36965">
        <v>11</v>
      </c>
      <c r="AO36965">
        <v>11</v>
      </c>
      <c r="AP36965">
        <v>11</v>
      </c>
      <c r="AQ36965">
        <v>11</v>
      </c>
    </row>
    <row r="36966" spans="1:43">
      <c r="A36966" t="s">
        <v>22913</v>
      </c>
      <c r="B36966" t="s">
        <v>22914</v>
      </c>
      <c r="C36966" t="s">
        <v>22915</v>
      </c>
      <c r="D36966" t="s">
        <v>22916</v>
      </c>
      <c r="E36966" t="s">
        <v>22839</v>
      </c>
      <c r="F36966" t="s">
        <v>22840</v>
      </c>
      <c r="G36966" t="s">
        <v>22539</v>
      </c>
      <c r="H36966" t="s">
        <v>22540</v>
      </c>
      <c r="I36966" s="2">
        <v>0</v>
      </c>
      <c r="J36966" s="2">
        <v>0</v>
      </c>
      <c r="K36966" s="2">
        <v>0.23</v>
      </c>
      <c r="L36966" t="s">
        <v>995</v>
      </c>
      <c r="M36966" t="s">
        <v>83</v>
      </c>
      <c r="N36966" t="s">
        <v>84</v>
      </c>
      <c r="O36966" t="s">
        <v>85</v>
      </c>
      <c r="P36966" t="s">
        <v>86</v>
      </c>
      <c r="Q36966">
        <v>8</v>
      </c>
      <c r="R36966">
        <v>8</v>
      </c>
      <c r="S36966">
        <v>8</v>
      </c>
      <c r="T36966">
        <v>8</v>
      </c>
      <c r="U36966">
        <v>8</v>
      </c>
      <c r="V36966">
        <v>8</v>
      </c>
      <c r="W36966">
        <v>8</v>
      </c>
      <c r="X36966">
        <v>8</v>
      </c>
      <c r="Y36966">
        <v>9</v>
      </c>
      <c r="Z36966">
        <v>9</v>
      </c>
      <c r="AA36966">
        <v>9</v>
      </c>
      <c r="AB36966">
        <v>9</v>
      </c>
      <c r="AC36966">
        <v>9</v>
      </c>
      <c r="AD36966">
        <v>9</v>
      </c>
      <c r="AE36966">
        <v>9</v>
      </c>
      <c r="AF36966">
        <v>9</v>
      </c>
      <c r="AG36966">
        <v>9</v>
      </c>
      <c r="AH36966">
        <v>10</v>
      </c>
      <c r="AI36966">
        <v>10</v>
      </c>
      <c r="AJ36966">
        <v>10</v>
      </c>
      <c r="AK36966">
        <v>10</v>
      </c>
      <c r="AL36966">
        <v>10</v>
      </c>
      <c r="AM36966">
        <v>10</v>
      </c>
      <c r="AN36966">
        <v>10</v>
      </c>
      <c r="AO36966">
        <v>10</v>
      </c>
      <c r="AP36966">
        <v>10</v>
      </c>
      <c r="AQ36966">
        <v>10</v>
      </c>
    </row>
    <row r="36967" spans="1:43">
      <c r="A36967" t="s">
        <v>22913</v>
      </c>
      <c r="B36967" t="s">
        <v>22914</v>
      </c>
      <c r="C36967" t="s">
        <v>22915</v>
      </c>
      <c r="D36967" t="s">
        <v>22916</v>
      </c>
      <c r="E36967" t="s">
        <v>22839</v>
      </c>
      <c r="F36967" t="s">
        <v>22840</v>
      </c>
      <c r="G36967" t="s">
        <v>22539</v>
      </c>
      <c r="H36967" t="s">
        <v>22540</v>
      </c>
      <c r="I36967" s="2">
        <v>0</v>
      </c>
      <c r="J36967" s="2">
        <v>0</v>
      </c>
      <c r="K36967" s="2">
        <v>0.23</v>
      </c>
      <c r="L36967" t="s">
        <v>995</v>
      </c>
      <c r="M36967" t="s">
        <v>87</v>
      </c>
      <c r="N36967" t="s">
        <v>88</v>
      </c>
      <c r="O36967" t="s">
        <v>85</v>
      </c>
      <c r="P36967" t="s">
        <v>86</v>
      </c>
      <c r="Q36967">
        <v>8</v>
      </c>
      <c r="R36967">
        <v>8</v>
      </c>
      <c r="S36967">
        <v>8</v>
      </c>
      <c r="T36967">
        <v>8</v>
      </c>
      <c r="U36967">
        <v>8</v>
      </c>
      <c r="V36967">
        <v>8</v>
      </c>
      <c r="W36967">
        <v>8</v>
      </c>
      <c r="X36967">
        <v>8</v>
      </c>
      <c r="Y36967">
        <v>8</v>
      </c>
      <c r="Z36967">
        <v>8</v>
      </c>
      <c r="AA36967">
        <v>8</v>
      </c>
      <c r="AB36967">
        <v>8</v>
      </c>
      <c r="AC36967">
        <v>8</v>
      </c>
      <c r="AD36967">
        <v>8</v>
      </c>
      <c r="AE36967">
        <v>8</v>
      </c>
      <c r="AF36967">
        <v>8</v>
      </c>
      <c r="AG36967">
        <v>8</v>
      </c>
      <c r="AH36967">
        <v>8</v>
      </c>
      <c r="AI36967">
        <v>8</v>
      </c>
      <c r="AJ36967">
        <v>8</v>
      </c>
      <c r="AK36967">
        <v>8</v>
      </c>
      <c r="AL36967">
        <v>8</v>
      </c>
      <c r="AM36967">
        <v>9</v>
      </c>
      <c r="AN36967">
        <v>9</v>
      </c>
      <c r="AO36967">
        <v>9</v>
      </c>
      <c r="AP36967">
        <v>9</v>
      </c>
      <c r="AQ36967">
        <v>9</v>
      </c>
    </row>
    <row r="36968" spans="1:43">
      <c r="A36968" t="s">
        <v>22913</v>
      </c>
      <c r="B36968" t="s">
        <v>22914</v>
      </c>
      <c r="C36968" t="s">
        <v>22915</v>
      </c>
      <c r="D36968" t="s">
        <v>22916</v>
      </c>
      <c r="E36968" t="s">
        <v>22839</v>
      </c>
      <c r="F36968" t="s">
        <v>22840</v>
      </c>
      <c r="G36968" t="s">
        <v>22539</v>
      </c>
      <c r="H36968" t="s">
        <v>22540</v>
      </c>
      <c r="I36968" s="2">
        <v>0</v>
      </c>
      <c r="J36968" s="2">
        <v>0</v>
      </c>
      <c r="K36968" s="2">
        <v>0.23</v>
      </c>
      <c r="L36968" t="s">
        <v>995</v>
      </c>
      <c r="M36968" t="s">
        <v>89</v>
      </c>
      <c r="N36968" t="s">
        <v>90</v>
      </c>
      <c r="O36968" t="s">
        <v>85</v>
      </c>
      <c r="P36968" t="s">
        <v>86</v>
      </c>
      <c r="Q36968">
        <v>8</v>
      </c>
      <c r="R36968">
        <v>8</v>
      </c>
      <c r="S36968">
        <v>8</v>
      </c>
      <c r="T36968">
        <v>8</v>
      </c>
      <c r="U36968">
        <v>8</v>
      </c>
      <c r="V36968">
        <v>9</v>
      </c>
      <c r="W36968">
        <v>9</v>
      </c>
      <c r="X36968">
        <v>9</v>
      </c>
      <c r="Y36968">
        <v>9</v>
      </c>
      <c r="Z36968">
        <v>9</v>
      </c>
      <c r="AA36968">
        <v>9</v>
      </c>
      <c r="AB36968">
        <v>9</v>
      </c>
      <c r="AC36968">
        <v>10</v>
      </c>
      <c r="AD36968">
        <v>10</v>
      </c>
      <c r="AE36968">
        <v>10</v>
      </c>
      <c r="AF36968">
        <v>10</v>
      </c>
      <c r="AG36968">
        <v>10</v>
      </c>
      <c r="AH36968">
        <v>10</v>
      </c>
      <c r="AI36968">
        <v>10</v>
      </c>
      <c r="AJ36968">
        <v>10</v>
      </c>
      <c r="AK36968">
        <v>10</v>
      </c>
      <c r="AL36968">
        <v>10</v>
      </c>
      <c r="AM36968">
        <v>10</v>
      </c>
      <c r="AN36968">
        <v>10</v>
      </c>
      <c r="AO36968">
        <v>10</v>
      </c>
      <c r="AP36968">
        <v>10</v>
      </c>
      <c r="AQ36968">
        <v>10</v>
      </c>
    </row>
    <row r="36969" spans="1:43">
      <c r="A36969" t="s">
        <v>22913</v>
      </c>
      <c r="B36969" t="s">
        <v>22914</v>
      </c>
      <c r="C36969" t="s">
        <v>22915</v>
      </c>
      <c r="D36969" t="s">
        <v>22916</v>
      </c>
      <c r="E36969" t="s">
        <v>22839</v>
      </c>
      <c r="F36969" t="s">
        <v>22840</v>
      </c>
      <c r="G36969" t="s">
        <v>22539</v>
      </c>
      <c r="H36969" t="s">
        <v>22540</v>
      </c>
      <c r="I36969" s="2">
        <v>0</v>
      </c>
      <c r="J36969" s="2">
        <v>0</v>
      </c>
      <c r="K36969" s="2">
        <v>0.23</v>
      </c>
      <c r="L36969" t="s">
        <v>995</v>
      </c>
      <c r="M36969" t="s">
        <v>83</v>
      </c>
      <c r="N36969" t="s">
        <v>91</v>
      </c>
      <c r="O36969" t="s">
        <v>85</v>
      </c>
      <c r="P36969" t="s">
        <v>86</v>
      </c>
      <c r="Q36969">
        <v>8</v>
      </c>
      <c r="R36969">
        <v>8</v>
      </c>
      <c r="S36969">
        <v>8</v>
      </c>
      <c r="T36969">
        <v>8</v>
      </c>
      <c r="U36969">
        <v>8</v>
      </c>
      <c r="V36969">
        <v>8</v>
      </c>
      <c r="W36969">
        <v>8</v>
      </c>
      <c r="X36969">
        <v>8</v>
      </c>
      <c r="Y36969">
        <v>9</v>
      </c>
      <c r="Z36969">
        <v>9</v>
      </c>
      <c r="AA36969">
        <v>9</v>
      </c>
      <c r="AB36969">
        <v>9</v>
      </c>
      <c r="AC36969">
        <v>9</v>
      </c>
      <c r="AD36969">
        <v>9</v>
      </c>
      <c r="AE36969">
        <v>9</v>
      </c>
      <c r="AF36969">
        <v>9</v>
      </c>
      <c r="AG36969">
        <v>9</v>
      </c>
      <c r="AH36969">
        <v>10</v>
      </c>
      <c r="AI36969">
        <v>10</v>
      </c>
      <c r="AJ36969">
        <v>10</v>
      </c>
      <c r="AK36969">
        <v>10</v>
      </c>
      <c r="AL36969">
        <v>10</v>
      </c>
      <c r="AM36969">
        <v>10</v>
      </c>
      <c r="AN36969">
        <v>10</v>
      </c>
      <c r="AO36969">
        <v>10</v>
      </c>
      <c r="AP36969">
        <v>10</v>
      </c>
      <c r="AQ36969">
        <v>10</v>
      </c>
    </row>
    <row r="36970" spans="1:43">
      <c r="A36970" t="s">
        <v>22917</v>
      </c>
      <c r="B36970" t="s">
        <v>22918</v>
      </c>
      <c r="C36970" t="s">
        <v>22887</v>
      </c>
      <c r="D36970" t="s">
        <v>22888</v>
      </c>
      <c r="E36970" t="s">
        <v>22839</v>
      </c>
      <c r="F36970" t="s">
        <v>22840</v>
      </c>
      <c r="G36970" t="s">
        <v>22539</v>
      </c>
      <c r="H36970" t="s">
        <v>22540</v>
      </c>
      <c r="I36970" s="2">
        <v>0</v>
      </c>
      <c r="J36970" s="2">
        <v>0</v>
      </c>
      <c r="K36970" s="2">
        <v>1</v>
      </c>
      <c r="L36970" t="s">
        <v>995</v>
      </c>
      <c r="M36970" t="s">
        <v>83</v>
      </c>
      <c r="N36970" t="s">
        <v>84</v>
      </c>
      <c r="O36970" t="s">
        <v>85</v>
      </c>
      <c r="P36970" t="s">
        <v>86</v>
      </c>
      <c r="Q36970">
        <v>25</v>
      </c>
      <c r="R36970">
        <v>25</v>
      </c>
      <c r="S36970">
        <v>26</v>
      </c>
      <c r="T36970">
        <v>26</v>
      </c>
      <c r="U36970">
        <v>26</v>
      </c>
      <c r="V36970">
        <v>27</v>
      </c>
      <c r="W36970">
        <v>27</v>
      </c>
      <c r="X36970">
        <v>28</v>
      </c>
      <c r="Y36970">
        <v>28</v>
      </c>
      <c r="Z36970">
        <v>28</v>
      </c>
      <c r="AA36970">
        <v>29</v>
      </c>
      <c r="AB36970">
        <v>29</v>
      </c>
      <c r="AC36970">
        <v>29</v>
      </c>
      <c r="AD36970">
        <v>30</v>
      </c>
      <c r="AE36970">
        <v>30</v>
      </c>
      <c r="AF36970">
        <v>30</v>
      </c>
      <c r="AG36970">
        <v>31</v>
      </c>
      <c r="AH36970">
        <v>31</v>
      </c>
      <c r="AI36970">
        <v>32</v>
      </c>
      <c r="AJ36970">
        <v>32</v>
      </c>
      <c r="AK36970">
        <v>32</v>
      </c>
      <c r="AL36970">
        <v>32</v>
      </c>
      <c r="AM36970">
        <v>32</v>
      </c>
      <c r="AN36970">
        <v>33</v>
      </c>
      <c r="AO36970">
        <v>33</v>
      </c>
      <c r="AP36970">
        <v>33</v>
      </c>
      <c r="AQ36970">
        <v>33</v>
      </c>
    </row>
    <row r="36971" spans="1:43">
      <c r="A36971" t="s">
        <v>22917</v>
      </c>
      <c r="B36971" t="s">
        <v>22918</v>
      </c>
      <c r="C36971" t="s">
        <v>22887</v>
      </c>
      <c r="D36971" t="s">
        <v>22888</v>
      </c>
      <c r="E36971" t="s">
        <v>22839</v>
      </c>
      <c r="F36971" t="s">
        <v>22840</v>
      </c>
      <c r="G36971" t="s">
        <v>22539</v>
      </c>
      <c r="H36971" t="s">
        <v>22540</v>
      </c>
      <c r="I36971" s="2">
        <v>0</v>
      </c>
      <c r="J36971" s="2">
        <v>0</v>
      </c>
      <c r="K36971" s="2">
        <v>1</v>
      </c>
      <c r="L36971" t="s">
        <v>995</v>
      </c>
      <c r="M36971" t="s">
        <v>87</v>
      </c>
      <c r="N36971" t="s">
        <v>88</v>
      </c>
      <c r="O36971" t="s">
        <v>85</v>
      </c>
      <c r="P36971" t="s">
        <v>86</v>
      </c>
      <c r="Q36971">
        <v>25</v>
      </c>
      <c r="R36971">
        <v>25</v>
      </c>
      <c r="S36971">
        <v>25</v>
      </c>
      <c r="T36971">
        <v>25</v>
      </c>
      <c r="U36971">
        <v>25</v>
      </c>
      <c r="V36971">
        <v>25</v>
      </c>
      <c r="W36971">
        <v>26</v>
      </c>
      <c r="X36971">
        <v>26</v>
      </c>
      <c r="Y36971">
        <v>26</v>
      </c>
      <c r="Z36971">
        <v>26</v>
      </c>
      <c r="AA36971">
        <v>26</v>
      </c>
      <c r="AB36971">
        <v>26</v>
      </c>
      <c r="AC36971">
        <v>26</v>
      </c>
      <c r="AD36971">
        <v>27</v>
      </c>
      <c r="AE36971">
        <v>27</v>
      </c>
      <c r="AF36971">
        <v>27</v>
      </c>
      <c r="AG36971">
        <v>27</v>
      </c>
      <c r="AH36971">
        <v>27</v>
      </c>
      <c r="AI36971">
        <v>27</v>
      </c>
      <c r="AJ36971">
        <v>27</v>
      </c>
      <c r="AK36971">
        <v>28</v>
      </c>
      <c r="AL36971">
        <v>28</v>
      </c>
      <c r="AM36971">
        <v>28</v>
      </c>
      <c r="AN36971">
        <v>28</v>
      </c>
      <c r="AO36971">
        <v>28</v>
      </c>
      <c r="AP36971">
        <v>28</v>
      </c>
      <c r="AQ36971">
        <v>29</v>
      </c>
    </row>
    <row r="36972" spans="1:43">
      <c r="A36972" t="s">
        <v>22917</v>
      </c>
      <c r="B36972" t="s">
        <v>22918</v>
      </c>
      <c r="C36972" t="s">
        <v>22887</v>
      </c>
      <c r="D36972" t="s">
        <v>22888</v>
      </c>
      <c r="E36972" t="s">
        <v>22839</v>
      </c>
      <c r="F36972" t="s">
        <v>22840</v>
      </c>
      <c r="G36972" t="s">
        <v>22539</v>
      </c>
      <c r="H36972" t="s">
        <v>22540</v>
      </c>
      <c r="I36972" s="2">
        <v>0</v>
      </c>
      <c r="J36972" s="2">
        <v>0</v>
      </c>
      <c r="K36972" s="2">
        <v>1</v>
      </c>
      <c r="L36972" t="s">
        <v>995</v>
      </c>
      <c r="M36972" t="s">
        <v>89</v>
      </c>
      <c r="N36972" t="s">
        <v>90</v>
      </c>
      <c r="O36972" t="s">
        <v>85</v>
      </c>
      <c r="P36972" t="s">
        <v>86</v>
      </c>
      <c r="Q36972">
        <v>25</v>
      </c>
      <c r="R36972">
        <v>26</v>
      </c>
      <c r="S36972">
        <v>26</v>
      </c>
      <c r="T36972">
        <v>27</v>
      </c>
      <c r="U36972">
        <v>27</v>
      </c>
      <c r="V36972">
        <v>28</v>
      </c>
      <c r="W36972">
        <v>29</v>
      </c>
      <c r="X36972">
        <v>29</v>
      </c>
      <c r="Y36972">
        <v>30</v>
      </c>
      <c r="Z36972">
        <v>30</v>
      </c>
      <c r="AA36972">
        <v>30</v>
      </c>
      <c r="AB36972">
        <v>31</v>
      </c>
      <c r="AC36972">
        <v>31</v>
      </c>
      <c r="AD36972">
        <v>32</v>
      </c>
      <c r="AE36972">
        <v>32</v>
      </c>
      <c r="AF36972">
        <v>32</v>
      </c>
      <c r="AG36972">
        <v>32</v>
      </c>
      <c r="AH36972">
        <v>32</v>
      </c>
      <c r="AI36972">
        <v>32</v>
      </c>
      <c r="AJ36972">
        <v>32</v>
      </c>
      <c r="AK36972">
        <v>33</v>
      </c>
      <c r="AL36972">
        <v>33</v>
      </c>
      <c r="AM36972">
        <v>33</v>
      </c>
      <c r="AN36972">
        <v>33</v>
      </c>
      <c r="AO36972">
        <v>33</v>
      </c>
      <c r="AP36972">
        <v>33</v>
      </c>
      <c r="AQ36972">
        <v>33</v>
      </c>
    </row>
    <row r="36973" spans="1:43">
      <c r="A36973" t="s">
        <v>22917</v>
      </c>
      <c r="B36973" t="s">
        <v>22918</v>
      </c>
      <c r="C36973" t="s">
        <v>22887</v>
      </c>
      <c r="D36973" t="s">
        <v>22888</v>
      </c>
      <c r="E36973" t="s">
        <v>22839</v>
      </c>
      <c r="F36973" t="s">
        <v>22840</v>
      </c>
      <c r="G36973" t="s">
        <v>22539</v>
      </c>
      <c r="H36973" t="s">
        <v>22540</v>
      </c>
      <c r="I36973" s="2">
        <v>0</v>
      </c>
      <c r="J36973" s="2">
        <v>0</v>
      </c>
      <c r="K36973" s="2">
        <v>1</v>
      </c>
      <c r="L36973" t="s">
        <v>995</v>
      </c>
      <c r="M36973" t="s">
        <v>83</v>
      </c>
      <c r="N36973" t="s">
        <v>91</v>
      </c>
      <c r="O36973" t="s">
        <v>85</v>
      </c>
      <c r="P36973" t="s">
        <v>86</v>
      </c>
      <c r="Q36973">
        <v>25</v>
      </c>
      <c r="R36973">
        <v>25</v>
      </c>
      <c r="S36973">
        <v>26</v>
      </c>
      <c r="T36973">
        <v>26</v>
      </c>
      <c r="U36973">
        <v>26</v>
      </c>
      <c r="V36973">
        <v>27</v>
      </c>
      <c r="W36973">
        <v>27</v>
      </c>
      <c r="X36973">
        <v>28</v>
      </c>
      <c r="Y36973">
        <v>28</v>
      </c>
      <c r="Z36973">
        <v>28</v>
      </c>
      <c r="AA36973">
        <v>29</v>
      </c>
      <c r="AB36973">
        <v>29</v>
      </c>
      <c r="AC36973">
        <v>29</v>
      </c>
      <c r="AD36973">
        <v>30</v>
      </c>
      <c r="AE36973">
        <v>30</v>
      </c>
      <c r="AF36973">
        <v>30</v>
      </c>
      <c r="AG36973">
        <v>31</v>
      </c>
      <c r="AH36973">
        <v>31</v>
      </c>
      <c r="AI36973">
        <v>32</v>
      </c>
      <c r="AJ36973">
        <v>32</v>
      </c>
      <c r="AK36973">
        <v>32</v>
      </c>
      <c r="AL36973">
        <v>32</v>
      </c>
      <c r="AM36973">
        <v>32</v>
      </c>
      <c r="AN36973">
        <v>33</v>
      </c>
      <c r="AO36973">
        <v>33</v>
      </c>
      <c r="AP36973">
        <v>33</v>
      </c>
      <c r="AQ36973">
        <v>33</v>
      </c>
    </row>
    <row r="36974" spans="1:43">
      <c r="A36974" t="s">
        <v>22919</v>
      </c>
      <c r="B36974" t="s">
        <v>22920</v>
      </c>
      <c r="C36974" t="s">
        <v>22887</v>
      </c>
      <c r="D36974" t="s">
        <v>22888</v>
      </c>
      <c r="E36974" t="s">
        <v>22839</v>
      </c>
      <c r="F36974" t="s">
        <v>22840</v>
      </c>
      <c r="G36974" t="s">
        <v>22539</v>
      </c>
      <c r="H36974" t="s">
        <v>22540</v>
      </c>
      <c r="I36974" s="2">
        <v>0</v>
      </c>
      <c r="J36974" s="2">
        <v>0</v>
      </c>
      <c r="K36974" s="2">
        <v>1</v>
      </c>
      <c r="L36974" t="s">
        <v>995</v>
      </c>
      <c r="M36974" t="s">
        <v>83</v>
      </c>
      <c r="N36974" t="s">
        <v>84</v>
      </c>
      <c r="O36974" t="s">
        <v>85</v>
      </c>
      <c r="P36974" t="s">
        <v>86</v>
      </c>
      <c r="Q36974">
        <v>30</v>
      </c>
      <c r="R36974">
        <v>30</v>
      </c>
      <c r="S36974">
        <v>31</v>
      </c>
      <c r="T36974">
        <v>31</v>
      </c>
      <c r="U36974">
        <v>31</v>
      </c>
      <c r="V36974">
        <v>32</v>
      </c>
      <c r="W36974">
        <v>32</v>
      </c>
      <c r="X36974">
        <v>33</v>
      </c>
      <c r="Y36974">
        <v>33</v>
      </c>
      <c r="Z36974">
        <v>34</v>
      </c>
      <c r="AA36974">
        <v>34</v>
      </c>
      <c r="AB36974">
        <v>35</v>
      </c>
      <c r="AC36974">
        <v>35</v>
      </c>
      <c r="AD36974">
        <v>35</v>
      </c>
      <c r="AE36974">
        <v>36</v>
      </c>
      <c r="AF36974">
        <v>36</v>
      </c>
      <c r="AG36974">
        <v>37</v>
      </c>
      <c r="AH36974">
        <v>37</v>
      </c>
      <c r="AI36974">
        <v>38</v>
      </c>
      <c r="AJ36974">
        <v>38</v>
      </c>
      <c r="AK36974">
        <v>39</v>
      </c>
      <c r="AL36974">
        <v>39</v>
      </c>
      <c r="AM36974">
        <v>39</v>
      </c>
      <c r="AN36974">
        <v>39</v>
      </c>
      <c r="AO36974">
        <v>39</v>
      </c>
      <c r="AP36974">
        <v>39</v>
      </c>
      <c r="AQ36974">
        <v>39</v>
      </c>
    </row>
    <row r="36975" spans="1:43">
      <c r="A36975" t="s">
        <v>22919</v>
      </c>
      <c r="B36975" t="s">
        <v>22920</v>
      </c>
      <c r="C36975" t="s">
        <v>22887</v>
      </c>
      <c r="D36975" t="s">
        <v>22888</v>
      </c>
      <c r="E36975" t="s">
        <v>22839</v>
      </c>
      <c r="F36975" t="s">
        <v>22840</v>
      </c>
      <c r="G36975" t="s">
        <v>22539</v>
      </c>
      <c r="H36975" t="s">
        <v>22540</v>
      </c>
      <c r="I36975" s="2">
        <v>0</v>
      </c>
      <c r="J36975" s="2">
        <v>0</v>
      </c>
      <c r="K36975" s="2">
        <v>1</v>
      </c>
      <c r="L36975" t="s">
        <v>995</v>
      </c>
      <c r="M36975" t="s">
        <v>87</v>
      </c>
      <c r="N36975" t="s">
        <v>88</v>
      </c>
      <c r="O36975" t="s">
        <v>85</v>
      </c>
      <c r="P36975" t="s">
        <v>86</v>
      </c>
      <c r="Q36975">
        <v>30</v>
      </c>
      <c r="R36975">
        <v>30</v>
      </c>
      <c r="S36975">
        <v>31</v>
      </c>
      <c r="T36975">
        <v>31</v>
      </c>
      <c r="U36975">
        <v>31</v>
      </c>
      <c r="V36975">
        <v>31</v>
      </c>
      <c r="W36975">
        <v>31</v>
      </c>
      <c r="X36975">
        <v>32</v>
      </c>
      <c r="Y36975">
        <v>32</v>
      </c>
      <c r="Z36975">
        <v>32</v>
      </c>
      <c r="AA36975">
        <v>32</v>
      </c>
      <c r="AB36975">
        <v>32</v>
      </c>
      <c r="AC36975">
        <v>32</v>
      </c>
      <c r="AD36975">
        <v>33</v>
      </c>
      <c r="AE36975">
        <v>33</v>
      </c>
      <c r="AF36975">
        <v>33</v>
      </c>
      <c r="AG36975">
        <v>33</v>
      </c>
      <c r="AH36975">
        <v>33</v>
      </c>
      <c r="AI36975">
        <v>34</v>
      </c>
      <c r="AJ36975">
        <v>34</v>
      </c>
      <c r="AK36975">
        <v>34</v>
      </c>
      <c r="AL36975">
        <v>34</v>
      </c>
      <c r="AM36975">
        <v>34</v>
      </c>
      <c r="AN36975">
        <v>34</v>
      </c>
      <c r="AO36975">
        <v>35</v>
      </c>
      <c r="AP36975">
        <v>35</v>
      </c>
      <c r="AQ36975">
        <v>35</v>
      </c>
    </row>
    <row r="36976" spans="1:43">
      <c r="A36976" t="s">
        <v>22919</v>
      </c>
      <c r="B36976" t="s">
        <v>22920</v>
      </c>
      <c r="C36976" t="s">
        <v>22887</v>
      </c>
      <c r="D36976" t="s">
        <v>22888</v>
      </c>
      <c r="E36976" t="s">
        <v>22839</v>
      </c>
      <c r="F36976" t="s">
        <v>22840</v>
      </c>
      <c r="G36976" t="s">
        <v>22539</v>
      </c>
      <c r="H36976" t="s">
        <v>22540</v>
      </c>
      <c r="I36976" s="2">
        <v>0</v>
      </c>
      <c r="J36976" s="2">
        <v>0</v>
      </c>
      <c r="K36976" s="2">
        <v>1</v>
      </c>
      <c r="L36976" t="s">
        <v>995</v>
      </c>
      <c r="M36976" t="s">
        <v>89</v>
      </c>
      <c r="N36976" t="s">
        <v>90</v>
      </c>
      <c r="O36976" t="s">
        <v>85</v>
      </c>
      <c r="P36976" t="s">
        <v>86</v>
      </c>
      <c r="Q36976">
        <v>30</v>
      </c>
      <c r="R36976">
        <v>31</v>
      </c>
      <c r="S36976">
        <v>31</v>
      </c>
      <c r="T36976">
        <v>32</v>
      </c>
      <c r="U36976">
        <v>33</v>
      </c>
      <c r="V36976">
        <v>33</v>
      </c>
      <c r="W36976">
        <v>34</v>
      </c>
      <c r="X36976">
        <v>35</v>
      </c>
      <c r="Y36976">
        <v>35</v>
      </c>
      <c r="Z36976">
        <v>36</v>
      </c>
      <c r="AA36976">
        <v>36</v>
      </c>
      <c r="AB36976">
        <v>37</v>
      </c>
      <c r="AC36976">
        <v>37</v>
      </c>
      <c r="AD36976">
        <v>38</v>
      </c>
      <c r="AE36976">
        <v>38</v>
      </c>
      <c r="AF36976">
        <v>39</v>
      </c>
      <c r="AG36976">
        <v>39</v>
      </c>
      <c r="AH36976">
        <v>39</v>
      </c>
      <c r="AI36976">
        <v>39</v>
      </c>
      <c r="AJ36976">
        <v>39</v>
      </c>
      <c r="AK36976">
        <v>39</v>
      </c>
      <c r="AL36976">
        <v>39</v>
      </c>
      <c r="AM36976">
        <v>39</v>
      </c>
      <c r="AN36976">
        <v>39</v>
      </c>
      <c r="AO36976">
        <v>39</v>
      </c>
      <c r="AP36976">
        <v>39</v>
      </c>
      <c r="AQ36976">
        <v>39</v>
      </c>
    </row>
    <row r="36977" spans="1:43">
      <c r="A36977" t="s">
        <v>22919</v>
      </c>
      <c r="B36977" t="s">
        <v>22920</v>
      </c>
      <c r="C36977" t="s">
        <v>22887</v>
      </c>
      <c r="D36977" t="s">
        <v>22888</v>
      </c>
      <c r="E36977" t="s">
        <v>22839</v>
      </c>
      <c r="F36977" t="s">
        <v>22840</v>
      </c>
      <c r="G36977" t="s">
        <v>22539</v>
      </c>
      <c r="H36977" t="s">
        <v>22540</v>
      </c>
      <c r="I36977" s="2">
        <v>0</v>
      </c>
      <c r="J36977" s="2">
        <v>0</v>
      </c>
      <c r="K36977" s="2">
        <v>1</v>
      </c>
      <c r="L36977" t="s">
        <v>995</v>
      </c>
      <c r="M36977" t="s">
        <v>83</v>
      </c>
      <c r="N36977" t="s">
        <v>91</v>
      </c>
      <c r="O36977" t="s">
        <v>85</v>
      </c>
      <c r="P36977" t="s">
        <v>86</v>
      </c>
      <c r="Q36977">
        <v>30</v>
      </c>
      <c r="R36977">
        <v>30</v>
      </c>
      <c r="S36977">
        <v>31</v>
      </c>
      <c r="T36977">
        <v>31</v>
      </c>
      <c r="U36977">
        <v>31</v>
      </c>
      <c r="V36977">
        <v>32</v>
      </c>
      <c r="W36977">
        <v>32</v>
      </c>
      <c r="X36977">
        <v>33</v>
      </c>
      <c r="Y36977">
        <v>33</v>
      </c>
      <c r="Z36977">
        <v>34</v>
      </c>
      <c r="AA36977">
        <v>34</v>
      </c>
      <c r="AB36977">
        <v>35</v>
      </c>
      <c r="AC36977">
        <v>35</v>
      </c>
      <c r="AD36977">
        <v>35</v>
      </c>
      <c r="AE36977">
        <v>36</v>
      </c>
      <c r="AF36977">
        <v>36</v>
      </c>
      <c r="AG36977">
        <v>37</v>
      </c>
      <c r="AH36977">
        <v>37</v>
      </c>
      <c r="AI36977">
        <v>38</v>
      </c>
      <c r="AJ36977">
        <v>38</v>
      </c>
      <c r="AK36977">
        <v>39</v>
      </c>
      <c r="AL36977">
        <v>39</v>
      </c>
      <c r="AM36977">
        <v>39</v>
      </c>
      <c r="AN36977">
        <v>39</v>
      </c>
      <c r="AO36977">
        <v>39</v>
      </c>
      <c r="AP36977">
        <v>39</v>
      </c>
      <c r="AQ36977">
        <v>39</v>
      </c>
    </row>
    <row r="36978" spans="1:43">
      <c r="A36978" t="s">
        <v>22921</v>
      </c>
      <c r="B36978" t="s">
        <v>22922</v>
      </c>
      <c r="C36978" t="s">
        <v>22887</v>
      </c>
      <c r="D36978" t="s">
        <v>22888</v>
      </c>
      <c r="E36978" t="s">
        <v>22839</v>
      </c>
      <c r="F36978" t="s">
        <v>22840</v>
      </c>
      <c r="G36978" t="s">
        <v>22539</v>
      </c>
      <c r="H36978" t="s">
        <v>22540</v>
      </c>
      <c r="I36978" s="2">
        <v>0</v>
      </c>
      <c r="J36978" s="2">
        <v>0</v>
      </c>
      <c r="K36978" s="2">
        <v>1</v>
      </c>
      <c r="L36978" t="s">
        <v>995</v>
      </c>
      <c r="M36978" t="s">
        <v>83</v>
      </c>
      <c r="N36978" t="s">
        <v>84</v>
      </c>
      <c r="O36978" t="s">
        <v>85</v>
      </c>
      <c r="P36978" t="s">
        <v>86</v>
      </c>
      <c r="Q36978">
        <v>4</v>
      </c>
      <c r="R36978">
        <v>4</v>
      </c>
      <c r="S36978">
        <v>4</v>
      </c>
      <c r="T36978">
        <v>4</v>
      </c>
      <c r="U36978">
        <v>4</v>
      </c>
      <c r="V36978">
        <v>4</v>
      </c>
      <c r="W36978">
        <v>4</v>
      </c>
      <c r="X36978">
        <v>4</v>
      </c>
      <c r="Y36978">
        <v>5</v>
      </c>
      <c r="Z36978">
        <v>5</v>
      </c>
      <c r="AA36978">
        <v>5</v>
      </c>
      <c r="AB36978">
        <v>5</v>
      </c>
      <c r="AC36978">
        <v>5</v>
      </c>
      <c r="AD36978">
        <v>5</v>
      </c>
      <c r="AE36978">
        <v>5</v>
      </c>
      <c r="AF36978">
        <v>5</v>
      </c>
      <c r="AG36978">
        <v>5</v>
      </c>
      <c r="AH36978">
        <v>5</v>
      </c>
      <c r="AI36978">
        <v>5</v>
      </c>
      <c r="AJ36978">
        <v>5</v>
      </c>
      <c r="AK36978">
        <v>5</v>
      </c>
      <c r="AL36978">
        <v>5</v>
      </c>
      <c r="AM36978">
        <v>5</v>
      </c>
      <c r="AN36978">
        <v>5</v>
      </c>
      <c r="AO36978">
        <v>5</v>
      </c>
      <c r="AP36978">
        <v>5</v>
      </c>
      <c r="AQ36978">
        <v>5</v>
      </c>
    </row>
    <row r="36979" spans="1:43">
      <c r="A36979" t="s">
        <v>22921</v>
      </c>
      <c r="B36979" t="s">
        <v>22922</v>
      </c>
      <c r="C36979" t="s">
        <v>22887</v>
      </c>
      <c r="D36979" t="s">
        <v>22888</v>
      </c>
      <c r="E36979" t="s">
        <v>22839</v>
      </c>
      <c r="F36979" t="s">
        <v>22840</v>
      </c>
      <c r="G36979" t="s">
        <v>22539</v>
      </c>
      <c r="H36979" t="s">
        <v>22540</v>
      </c>
      <c r="I36979" s="2">
        <v>0</v>
      </c>
      <c r="J36979" s="2">
        <v>0</v>
      </c>
      <c r="K36979" s="2">
        <v>1</v>
      </c>
      <c r="L36979" t="s">
        <v>995</v>
      </c>
      <c r="M36979" t="s">
        <v>87</v>
      </c>
      <c r="N36979" t="s">
        <v>88</v>
      </c>
      <c r="O36979" t="s">
        <v>85</v>
      </c>
      <c r="P36979" t="s">
        <v>86</v>
      </c>
      <c r="Q36979">
        <v>4</v>
      </c>
      <c r="R36979">
        <v>4</v>
      </c>
      <c r="S36979">
        <v>4</v>
      </c>
      <c r="T36979">
        <v>4</v>
      </c>
      <c r="U36979">
        <v>4</v>
      </c>
      <c r="V36979">
        <v>4</v>
      </c>
      <c r="W36979">
        <v>4</v>
      </c>
      <c r="X36979">
        <v>4</v>
      </c>
      <c r="Y36979">
        <v>4</v>
      </c>
      <c r="Z36979">
        <v>4</v>
      </c>
      <c r="AA36979">
        <v>4</v>
      </c>
      <c r="AB36979">
        <v>4</v>
      </c>
      <c r="AC36979">
        <v>4</v>
      </c>
      <c r="AD36979">
        <v>4</v>
      </c>
      <c r="AE36979">
        <v>4</v>
      </c>
      <c r="AF36979">
        <v>4</v>
      </c>
      <c r="AG36979">
        <v>4</v>
      </c>
      <c r="AH36979">
        <v>4</v>
      </c>
      <c r="AI36979">
        <v>4</v>
      </c>
      <c r="AJ36979">
        <v>4</v>
      </c>
      <c r="AK36979">
        <v>4</v>
      </c>
      <c r="AL36979">
        <v>4</v>
      </c>
      <c r="AM36979">
        <v>4</v>
      </c>
      <c r="AN36979">
        <v>5</v>
      </c>
      <c r="AO36979">
        <v>5</v>
      </c>
      <c r="AP36979">
        <v>5</v>
      </c>
      <c r="AQ36979">
        <v>5</v>
      </c>
    </row>
    <row r="36980" spans="1:43">
      <c r="A36980" t="s">
        <v>22921</v>
      </c>
      <c r="B36980" t="s">
        <v>22922</v>
      </c>
      <c r="C36980" t="s">
        <v>22887</v>
      </c>
      <c r="D36980" t="s">
        <v>22888</v>
      </c>
      <c r="E36980" t="s">
        <v>22839</v>
      </c>
      <c r="F36980" t="s">
        <v>22840</v>
      </c>
      <c r="G36980" t="s">
        <v>22539</v>
      </c>
      <c r="H36980" t="s">
        <v>22540</v>
      </c>
      <c r="I36980" s="2">
        <v>0</v>
      </c>
      <c r="J36980" s="2">
        <v>0</v>
      </c>
      <c r="K36980" s="2">
        <v>1</v>
      </c>
      <c r="L36980" t="s">
        <v>995</v>
      </c>
      <c r="M36980" t="s">
        <v>89</v>
      </c>
      <c r="N36980" t="s">
        <v>90</v>
      </c>
      <c r="O36980" t="s">
        <v>85</v>
      </c>
      <c r="P36980" t="s">
        <v>86</v>
      </c>
      <c r="Q36980">
        <v>4</v>
      </c>
      <c r="R36980">
        <v>4</v>
      </c>
      <c r="S36980">
        <v>4</v>
      </c>
      <c r="T36980">
        <v>4</v>
      </c>
      <c r="U36980">
        <v>4</v>
      </c>
      <c r="V36980">
        <v>5</v>
      </c>
      <c r="W36980">
        <v>5</v>
      </c>
      <c r="X36980">
        <v>5</v>
      </c>
      <c r="Y36980">
        <v>5</v>
      </c>
      <c r="Z36980">
        <v>5</v>
      </c>
      <c r="AA36980">
        <v>5</v>
      </c>
      <c r="AB36980">
        <v>5</v>
      </c>
      <c r="AC36980">
        <v>5</v>
      </c>
      <c r="AD36980">
        <v>5</v>
      </c>
      <c r="AE36980">
        <v>5</v>
      </c>
      <c r="AF36980">
        <v>5</v>
      </c>
      <c r="AG36980">
        <v>5</v>
      </c>
      <c r="AH36980">
        <v>5</v>
      </c>
      <c r="AI36980">
        <v>5</v>
      </c>
      <c r="AJ36980">
        <v>5</v>
      </c>
      <c r="AK36980">
        <v>5</v>
      </c>
      <c r="AL36980">
        <v>5</v>
      </c>
      <c r="AM36980">
        <v>5</v>
      </c>
      <c r="AN36980">
        <v>5</v>
      </c>
      <c r="AO36980">
        <v>5</v>
      </c>
      <c r="AP36980">
        <v>5</v>
      </c>
      <c r="AQ36980">
        <v>5</v>
      </c>
    </row>
    <row r="36981" spans="1:43">
      <c r="A36981" t="s">
        <v>22921</v>
      </c>
      <c r="B36981" t="s">
        <v>22922</v>
      </c>
      <c r="C36981" t="s">
        <v>22887</v>
      </c>
      <c r="D36981" t="s">
        <v>22888</v>
      </c>
      <c r="E36981" t="s">
        <v>22839</v>
      </c>
      <c r="F36981" t="s">
        <v>22840</v>
      </c>
      <c r="G36981" t="s">
        <v>22539</v>
      </c>
      <c r="H36981" t="s">
        <v>22540</v>
      </c>
      <c r="I36981" s="2">
        <v>0</v>
      </c>
      <c r="J36981" s="2">
        <v>0</v>
      </c>
      <c r="K36981" s="2">
        <v>1</v>
      </c>
      <c r="L36981" t="s">
        <v>995</v>
      </c>
      <c r="M36981" t="s">
        <v>83</v>
      </c>
      <c r="N36981" t="s">
        <v>91</v>
      </c>
      <c r="O36981" t="s">
        <v>85</v>
      </c>
      <c r="P36981" t="s">
        <v>86</v>
      </c>
      <c r="Q36981">
        <v>4</v>
      </c>
      <c r="R36981">
        <v>4</v>
      </c>
      <c r="S36981">
        <v>4</v>
      </c>
      <c r="T36981">
        <v>4</v>
      </c>
      <c r="U36981">
        <v>4</v>
      </c>
      <c r="V36981">
        <v>4</v>
      </c>
      <c r="W36981">
        <v>4</v>
      </c>
      <c r="X36981">
        <v>4</v>
      </c>
      <c r="Y36981">
        <v>5</v>
      </c>
      <c r="Z36981">
        <v>5</v>
      </c>
      <c r="AA36981">
        <v>5</v>
      </c>
      <c r="AB36981">
        <v>5</v>
      </c>
      <c r="AC36981">
        <v>5</v>
      </c>
      <c r="AD36981">
        <v>5</v>
      </c>
      <c r="AE36981">
        <v>5</v>
      </c>
      <c r="AF36981">
        <v>5</v>
      </c>
      <c r="AG36981">
        <v>5</v>
      </c>
      <c r="AH36981">
        <v>5</v>
      </c>
      <c r="AI36981">
        <v>5</v>
      </c>
      <c r="AJ36981">
        <v>5</v>
      </c>
      <c r="AK36981">
        <v>5</v>
      </c>
      <c r="AL36981">
        <v>5</v>
      </c>
      <c r="AM36981">
        <v>5</v>
      </c>
      <c r="AN36981">
        <v>5</v>
      </c>
      <c r="AO36981">
        <v>5</v>
      </c>
      <c r="AP36981">
        <v>5</v>
      </c>
      <c r="AQ36981">
        <v>5</v>
      </c>
    </row>
    <row r="36982" spans="1:43">
      <c r="A36982" t="s">
        <v>22923</v>
      </c>
      <c r="B36982" t="s">
        <v>22924</v>
      </c>
      <c r="C36982" t="s">
        <v>22925</v>
      </c>
      <c r="D36982" t="s">
        <v>22926</v>
      </c>
      <c r="E36982" t="s">
        <v>22839</v>
      </c>
      <c r="F36982" t="s">
        <v>22840</v>
      </c>
      <c r="G36982" t="s">
        <v>22539</v>
      </c>
      <c r="H36982" t="s">
        <v>22540</v>
      </c>
      <c r="I36982" s="2">
        <v>0</v>
      </c>
      <c r="J36982" s="2">
        <v>0</v>
      </c>
      <c r="K36982" s="2">
        <v>1</v>
      </c>
      <c r="L36982" t="s">
        <v>995</v>
      </c>
      <c r="M36982" t="s">
        <v>83</v>
      </c>
      <c r="N36982" t="s">
        <v>84</v>
      </c>
      <c r="O36982" t="s">
        <v>85</v>
      </c>
      <c r="P36982" t="s">
        <v>86</v>
      </c>
      <c r="Q36982">
        <v>54</v>
      </c>
      <c r="R36982">
        <v>55</v>
      </c>
      <c r="S36982">
        <v>56</v>
      </c>
      <c r="T36982">
        <v>57</v>
      </c>
      <c r="U36982">
        <v>58</v>
      </c>
      <c r="V36982">
        <v>59</v>
      </c>
      <c r="W36982">
        <v>59</v>
      </c>
      <c r="X36982">
        <v>60</v>
      </c>
      <c r="Y36982">
        <v>61</v>
      </c>
      <c r="Z36982">
        <v>62</v>
      </c>
      <c r="AA36982">
        <v>63</v>
      </c>
      <c r="AB36982">
        <v>64</v>
      </c>
      <c r="AC36982">
        <v>64</v>
      </c>
      <c r="AD36982">
        <v>65</v>
      </c>
      <c r="AE36982">
        <v>66</v>
      </c>
      <c r="AF36982">
        <v>67</v>
      </c>
      <c r="AG36982">
        <v>68</v>
      </c>
      <c r="AH36982">
        <v>68</v>
      </c>
      <c r="AI36982">
        <v>69</v>
      </c>
      <c r="AJ36982">
        <v>70</v>
      </c>
      <c r="AK36982">
        <v>71</v>
      </c>
      <c r="AL36982">
        <v>71</v>
      </c>
      <c r="AM36982">
        <v>71</v>
      </c>
      <c r="AN36982">
        <v>71</v>
      </c>
      <c r="AO36982">
        <v>71</v>
      </c>
      <c r="AP36982">
        <v>71</v>
      </c>
      <c r="AQ36982">
        <v>72</v>
      </c>
    </row>
    <row r="36983" spans="1:43">
      <c r="A36983" t="s">
        <v>22923</v>
      </c>
      <c r="B36983" t="s">
        <v>22924</v>
      </c>
      <c r="C36983" t="s">
        <v>22925</v>
      </c>
      <c r="D36983" t="s">
        <v>22926</v>
      </c>
      <c r="E36983" t="s">
        <v>22839</v>
      </c>
      <c r="F36983" t="s">
        <v>22840</v>
      </c>
      <c r="G36983" t="s">
        <v>22539</v>
      </c>
      <c r="H36983" t="s">
        <v>22540</v>
      </c>
      <c r="I36983" s="2">
        <v>0</v>
      </c>
      <c r="J36983" s="2">
        <v>0</v>
      </c>
      <c r="K36983" s="2">
        <v>1</v>
      </c>
      <c r="L36983" t="s">
        <v>995</v>
      </c>
      <c r="M36983" t="s">
        <v>87</v>
      </c>
      <c r="N36983" t="s">
        <v>88</v>
      </c>
      <c r="O36983" t="s">
        <v>85</v>
      </c>
      <c r="P36983" t="s">
        <v>86</v>
      </c>
      <c r="Q36983">
        <v>54</v>
      </c>
      <c r="R36983">
        <v>54</v>
      </c>
      <c r="S36983">
        <v>55</v>
      </c>
      <c r="T36983">
        <v>55</v>
      </c>
      <c r="U36983">
        <v>55</v>
      </c>
      <c r="V36983">
        <v>56</v>
      </c>
      <c r="W36983">
        <v>56</v>
      </c>
      <c r="X36983">
        <v>56</v>
      </c>
      <c r="Y36983">
        <v>57</v>
      </c>
      <c r="Z36983">
        <v>57</v>
      </c>
      <c r="AA36983">
        <v>57</v>
      </c>
      <c r="AB36983">
        <v>58</v>
      </c>
      <c r="AC36983">
        <v>58</v>
      </c>
      <c r="AD36983">
        <v>58</v>
      </c>
      <c r="AE36983">
        <v>58</v>
      </c>
      <c r="AF36983">
        <v>59</v>
      </c>
      <c r="AG36983">
        <v>59</v>
      </c>
      <c r="AH36983">
        <v>59</v>
      </c>
      <c r="AI36983">
        <v>60</v>
      </c>
      <c r="AJ36983">
        <v>60</v>
      </c>
      <c r="AK36983">
        <v>60</v>
      </c>
      <c r="AL36983">
        <v>61</v>
      </c>
      <c r="AM36983">
        <v>61</v>
      </c>
      <c r="AN36983">
        <v>61</v>
      </c>
      <c r="AO36983">
        <v>62</v>
      </c>
      <c r="AP36983">
        <v>62</v>
      </c>
      <c r="AQ36983">
        <v>62</v>
      </c>
    </row>
    <row r="36984" spans="1:43">
      <c r="A36984" t="s">
        <v>22923</v>
      </c>
      <c r="B36984" t="s">
        <v>22924</v>
      </c>
      <c r="C36984" t="s">
        <v>22925</v>
      </c>
      <c r="D36984" t="s">
        <v>22926</v>
      </c>
      <c r="E36984" t="s">
        <v>22839</v>
      </c>
      <c r="F36984" t="s">
        <v>22840</v>
      </c>
      <c r="G36984" t="s">
        <v>22539</v>
      </c>
      <c r="H36984" t="s">
        <v>22540</v>
      </c>
      <c r="I36984" s="2">
        <v>0</v>
      </c>
      <c r="J36984" s="2">
        <v>0</v>
      </c>
      <c r="K36984" s="2">
        <v>1</v>
      </c>
      <c r="L36984" t="s">
        <v>995</v>
      </c>
      <c r="M36984" t="s">
        <v>89</v>
      </c>
      <c r="N36984" t="s">
        <v>90</v>
      </c>
      <c r="O36984" t="s">
        <v>85</v>
      </c>
      <c r="P36984" t="s">
        <v>86</v>
      </c>
      <c r="Q36984">
        <v>54</v>
      </c>
      <c r="R36984">
        <v>55</v>
      </c>
      <c r="S36984">
        <v>57</v>
      </c>
      <c r="T36984">
        <v>58</v>
      </c>
      <c r="U36984">
        <v>59</v>
      </c>
      <c r="V36984">
        <v>60</v>
      </c>
      <c r="W36984">
        <v>62</v>
      </c>
      <c r="X36984">
        <v>63</v>
      </c>
      <c r="Y36984">
        <v>64</v>
      </c>
      <c r="Z36984">
        <v>65</v>
      </c>
      <c r="AA36984">
        <v>66</v>
      </c>
      <c r="AB36984">
        <v>67</v>
      </c>
      <c r="AC36984">
        <v>68</v>
      </c>
      <c r="AD36984">
        <v>69</v>
      </c>
      <c r="AE36984">
        <v>70</v>
      </c>
      <c r="AF36984">
        <v>70</v>
      </c>
      <c r="AG36984">
        <v>70</v>
      </c>
      <c r="AH36984">
        <v>70</v>
      </c>
      <c r="AI36984">
        <v>70</v>
      </c>
      <c r="AJ36984">
        <v>70</v>
      </c>
      <c r="AK36984">
        <v>70</v>
      </c>
      <c r="AL36984">
        <v>70</v>
      </c>
      <c r="AM36984">
        <v>70</v>
      </c>
      <c r="AN36984">
        <v>71</v>
      </c>
      <c r="AO36984">
        <v>71</v>
      </c>
      <c r="AP36984">
        <v>71</v>
      </c>
      <c r="AQ36984">
        <v>71</v>
      </c>
    </row>
    <row r="36985" spans="1:43">
      <c r="A36985" t="s">
        <v>22923</v>
      </c>
      <c r="B36985" t="s">
        <v>22924</v>
      </c>
      <c r="C36985" t="s">
        <v>22925</v>
      </c>
      <c r="D36985" t="s">
        <v>22926</v>
      </c>
      <c r="E36985" t="s">
        <v>22839</v>
      </c>
      <c r="F36985" t="s">
        <v>22840</v>
      </c>
      <c r="G36985" t="s">
        <v>22539</v>
      </c>
      <c r="H36985" t="s">
        <v>22540</v>
      </c>
      <c r="I36985" s="2">
        <v>0</v>
      </c>
      <c r="J36985" s="2">
        <v>0</v>
      </c>
      <c r="K36985" s="2">
        <v>1</v>
      </c>
      <c r="L36985" t="s">
        <v>995</v>
      </c>
      <c r="M36985" t="s">
        <v>83</v>
      </c>
      <c r="N36985" t="s">
        <v>91</v>
      </c>
      <c r="O36985" t="s">
        <v>85</v>
      </c>
      <c r="P36985" t="s">
        <v>86</v>
      </c>
      <c r="Q36985">
        <v>54</v>
      </c>
      <c r="R36985">
        <v>55</v>
      </c>
      <c r="S36985">
        <v>56</v>
      </c>
      <c r="T36985">
        <v>57</v>
      </c>
      <c r="U36985">
        <v>58</v>
      </c>
      <c r="V36985">
        <v>59</v>
      </c>
      <c r="W36985">
        <v>59</v>
      </c>
      <c r="X36985">
        <v>60</v>
      </c>
      <c r="Y36985">
        <v>61</v>
      </c>
      <c r="Z36985">
        <v>62</v>
      </c>
      <c r="AA36985">
        <v>63</v>
      </c>
      <c r="AB36985">
        <v>64</v>
      </c>
      <c r="AC36985">
        <v>64</v>
      </c>
      <c r="AD36985">
        <v>65</v>
      </c>
      <c r="AE36985">
        <v>66</v>
      </c>
      <c r="AF36985">
        <v>67</v>
      </c>
      <c r="AG36985">
        <v>68</v>
      </c>
      <c r="AH36985">
        <v>68</v>
      </c>
      <c r="AI36985">
        <v>69</v>
      </c>
      <c r="AJ36985">
        <v>70</v>
      </c>
      <c r="AK36985">
        <v>71</v>
      </c>
      <c r="AL36985">
        <v>71</v>
      </c>
      <c r="AM36985">
        <v>71</v>
      </c>
      <c r="AN36985">
        <v>71</v>
      </c>
      <c r="AO36985">
        <v>71</v>
      </c>
      <c r="AP36985">
        <v>71</v>
      </c>
      <c r="AQ36985">
        <v>72</v>
      </c>
    </row>
    <row r="36986" spans="1:43">
      <c r="A36986" t="s">
        <v>22927</v>
      </c>
      <c r="B36986" t="s">
        <v>22928</v>
      </c>
      <c r="C36986" t="s">
        <v>22929</v>
      </c>
      <c r="D36986" t="s">
        <v>22930</v>
      </c>
      <c r="E36986" t="s">
        <v>22839</v>
      </c>
      <c r="F36986" t="s">
        <v>22840</v>
      </c>
      <c r="G36986" t="s">
        <v>22539</v>
      </c>
      <c r="H36986" t="s">
        <v>22540</v>
      </c>
      <c r="I36986" s="2">
        <v>0</v>
      </c>
      <c r="J36986" s="2">
        <v>0</v>
      </c>
      <c r="K36986" s="2">
        <v>0</v>
      </c>
      <c r="L36986" t="s">
        <v>995</v>
      </c>
      <c r="M36986" t="s">
        <v>83</v>
      </c>
      <c r="N36986" t="s">
        <v>84</v>
      </c>
      <c r="O36986" t="s">
        <v>85</v>
      </c>
      <c r="P36986" t="s">
        <v>86</v>
      </c>
      <c r="Q36986">
        <v>0</v>
      </c>
      <c r="R36986">
        <v>0</v>
      </c>
      <c r="S36986">
        <v>0</v>
      </c>
      <c r="T36986">
        <v>0</v>
      </c>
      <c r="U36986">
        <v>0</v>
      </c>
      <c r="V36986">
        <v>0</v>
      </c>
      <c r="W36986">
        <v>0</v>
      </c>
      <c r="X36986">
        <v>0</v>
      </c>
      <c r="Y36986">
        <v>0</v>
      </c>
      <c r="Z36986">
        <v>0</v>
      </c>
      <c r="AA36986">
        <v>0</v>
      </c>
      <c r="AB36986">
        <v>0</v>
      </c>
      <c r="AC36986">
        <v>0</v>
      </c>
      <c r="AD36986">
        <v>0</v>
      </c>
      <c r="AE36986">
        <v>0</v>
      </c>
      <c r="AF36986">
        <v>0</v>
      </c>
      <c r="AG36986">
        <v>0</v>
      </c>
      <c r="AH36986">
        <v>0</v>
      </c>
      <c r="AI36986">
        <v>0</v>
      </c>
      <c r="AJ36986">
        <v>0</v>
      </c>
      <c r="AK36986">
        <v>0</v>
      </c>
      <c r="AL36986">
        <v>0</v>
      </c>
      <c r="AM36986">
        <v>0</v>
      </c>
      <c r="AN36986">
        <v>0</v>
      </c>
      <c r="AO36986">
        <v>0</v>
      </c>
      <c r="AP36986">
        <v>0</v>
      </c>
      <c r="AQ36986">
        <v>0</v>
      </c>
    </row>
    <row r="36987" spans="1:43">
      <c r="A36987" t="s">
        <v>22927</v>
      </c>
      <c r="B36987" t="s">
        <v>22928</v>
      </c>
      <c r="C36987" t="s">
        <v>22929</v>
      </c>
      <c r="D36987" t="s">
        <v>22930</v>
      </c>
      <c r="E36987" t="s">
        <v>22839</v>
      </c>
      <c r="F36987" t="s">
        <v>22840</v>
      </c>
      <c r="G36987" t="s">
        <v>22539</v>
      </c>
      <c r="H36987" t="s">
        <v>22540</v>
      </c>
      <c r="I36987" s="2">
        <v>0</v>
      </c>
      <c r="J36987" s="2">
        <v>0</v>
      </c>
      <c r="K36987" s="2">
        <v>0</v>
      </c>
      <c r="L36987" t="s">
        <v>995</v>
      </c>
      <c r="M36987" t="s">
        <v>87</v>
      </c>
      <c r="N36987" t="s">
        <v>88</v>
      </c>
      <c r="O36987" t="s">
        <v>85</v>
      </c>
      <c r="P36987" t="s">
        <v>86</v>
      </c>
      <c r="Q36987">
        <v>0</v>
      </c>
      <c r="R36987">
        <v>0</v>
      </c>
      <c r="S36987">
        <v>0</v>
      </c>
      <c r="T36987">
        <v>0</v>
      </c>
      <c r="U36987">
        <v>0</v>
      </c>
      <c r="V36987">
        <v>0</v>
      </c>
      <c r="W36987">
        <v>0</v>
      </c>
      <c r="X36987">
        <v>0</v>
      </c>
      <c r="Y36987">
        <v>0</v>
      </c>
      <c r="Z36987">
        <v>0</v>
      </c>
      <c r="AA36987">
        <v>0</v>
      </c>
      <c r="AB36987">
        <v>0</v>
      </c>
      <c r="AC36987">
        <v>0</v>
      </c>
      <c r="AD36987">
        <v>0</v>
      </c>
      <c r="AE36987">
        <v>0</v>
      </c>
      <c r="AF36987">
        <v>0</v>
      </c>
      <c r="AG36987">
        <v>0</v>
      </c>
      <c r="AH36987">
        <v>0</v>
      </c>
      <c r="AI36987">
        <v>0</v>
      </c>
      <c r="AJ36987">
        <v>0</v>
      </c>
      <c r="AK36987">
        <v>0</v>
      </c>
      <c r="AL36987">
        <v>0</v>
      </c>
      <c r="AM36987">
        <v>0</v>
      </c>
      <c r="AN36987">
        <v>0</v>
      </c>
      <c r="AO36987">
        <v>0</v>
      </c>
      <c r="AP36987">
        <v>0</v>
      </c>
      <c r="AQ36987">
        <v>0</v>
      </c>
    </row>
    <row r="36988" spans="1:43">
      <c r="A36988" t="s">
        <v>22927</v>
      </c>
      <c r="B36988" t="s">
        <v>22928</v>
      </c>
      <c r="C36988" t="s">
        <v>22929</v>
      </c>
      <c r="D36988" t="s">
        <v>22930</v>
      </c>
      <c r="E36988" t="s">
        <v>22839</v>
      </c>
      <c r="F36988" t="s">
        <v>22840</v>
      </c>
      <c r="G36988" t="s">
        <v>22539</v>
      </c>
      <c r="H36988" t="s">
        <v>22540</v>
      </c>
      <c r="I36988" s="2">
        <v>0</v>
      </c>
      <c r="J36988" s="2">
        <v>0</v>
      </c>
      <c r="K36988" s="2">
        <v>0</v>
      </c>
      <c r="L36988" t="s">
        <v>995</v>
      </c>
      <c r="M36988" t="s">
        <v>89</v>
      </c>
      <c r="N36988" t="s">
        <v>90</v>
      </c>
      <c r="O36988" t="s">
        <v>85</v>
      </c>
      <c r="P36988" t="s">
        <v>86</v>
      </c>
      <c r="Q36988">
        <v>0</v>
      </c>
      <c r="R36988">
        <v>0</v>
      </c>
      <c r="S36988">
        <v>0</v>
      </c>
      <c r="T36988">
        <v>0</v>
      </c>
      <c r="U36988">
        <v>0</v>
      </c>
      <c r="V36988">
        <v>0</v>
      </c>
      <c r="W36988">
        <v>0</v>
      </c>
      <c r="X36988">
        <v>0</v>
      </c>
      <c r="Y36988">
        <v>0</v>
      </c>
      <c r="Z36988">
        <v>0</v>
      </c>
      <c r="AA36988">
        <v>0</v>
      </c>
      <c r="AB36988">
        <v>0</v>
      </c>
      <c r="AC36988">
        <v>0</v>
      </c>
      <c r="AD36988">
        <v>0</v>
      </c>
      <c r="AE36988">
        <v>0</v>
      </c>
      <c r="AF36988">
        <v>0</v>
      </c>
      <c r="AG36988">
        <v>0</v>
      </c>
      <c r="AH36988">
        <v>0</v>
      </c>
      <c r="AI36988">
        <v>0</v>
      </c>
      <c r="AJ36988">
        <v>0</v>
      </c>
      <c r="AK36988">
        <v>0</v>
      </c>
      <c r="AL36988">
        <v>0</v>
      </c>
      <c r="AM36988">
        <v>0</v>
      </c>
      <c r="AN36988">
        <v>0</v>
      </c>
      <c r="AO36988">
        <v>0</v>
      </c>
      <c r="AP36988">
        <v>0</v>
      </c>
      <c r="AQ36988">
        <v>0</v>
      </c>
    </row>
    <row r="36989" spans="1:43">
      <c r="A36989" t="s">
        <v>22927</v>
      </c>
      <c r="B36989" t="s">
        <v>22928</v>
      </c>
      <c r="C36989" t="s">
        <v>22929</v>
      </c>
      <c r="D36989" t="s">
        <v>22930</v>
      </c>
      <c r="E36989" t="s">
        <v>22839</v>
      </c>
      <c r="F36989" t="s">
        <v>22840</v>
      </c>
      <c r="G36989" t="s">
        <v>22539</v>
      </c>
      <c r="H36989" t="s">
        <v>22540</v>
      </c>
      <c r="I36989" s="2">
        <v>0</v>
      </c>
      <c r="J36989" s="2">
        <v>0</v>
      </c>
      <c r="K36989" s="2">
        <v>0</v>
      </c>
      <c r="L36989" t="s">
        <v>995</v>
      </c>
      <c r="M36989" t="s">
        <v>83</v>
      </c>
      <c r="N36989" t="s">
        <v>91</v>
      </c>
      <c r="O36989" t="s">
        <v>85</v>
      </c>
      <c r="P36989" t="s">
        <v>86</v>
      </c>
      <c r="Q36989">
        <v>0</v>
      </c>
      <c r="R36989">
        <v>0</v>
      </c>
      <c r="S36989">
        <v>0</v>
      </c>
      <c r="T36989">
        <v>0</v>
      </c>
      <c r="U36989">
        <v>0</v>
      </c>
      <c r="V36989">
        <v>0</v>
      </c>
      <c r="W36989">
        <v>0</v>
      </c>
      <c r="X36989">
        <v>0</v>
      </c>
      <c r="Y36989">
        <v>0</v>
      </c>
      <c r="Z36989">
        <v>0</v>
      </c>
      <c r="AA36989">
        <v>0</v>
      </c>
      <c r="AB36989">
        <v>0</v>
      </c>
      <c r="AC36989">
        <v>0</v>
      </c>
      <c r="AD36989">
        <v>0</v>
      </c>
      <c r="AE36989">
        <v>0</v>
      </c>
      <c r="AF36989">
        <v>0</v>
      </c>
      <c r="AG36989">
        <v>0</v>
      </c>
      <c r="AH36989">
        <v>0</v>
      </c>
      <c r="AI36989">
        <v>0</v>
      </c>
      <c r="AJ36989">
        <v>0</v>
      </c>
      <c r="AK36989">
        <v>0</v>
      </c>
      <c r="AL36989">
        <v>0</v>
      </c>
      <c r="AM36989">
        <v>0</v>
      </c>
      <c r="AN36989">
        <v>0</v>
      </c>
      <c r="AO36989">
        <v>0</v>
      </c>
      <c r="AP36989">
        <v>0</v>
      </c>
      <c r="AQ36989">
        <v>0</v>
      </c>
    </row>
    <row r="36990" spans="1:43">
      <c r="A36990" t="s">
        <v>22931</v>
      </c>
      <c r="B36990" t="s">
        <v>22932</v>
      </c>
      <c r="C36990" t="s">
        <v>22915</v>
      </c>
      <c r="D36990" t="s">
        <v>22916</v>
      </c>
      <c r="E36990" t="s">
        <v>22839</v>
      </c>
      <c r="F36990" t="s">
        <v>22840</v>
      </c>
      <c r="G36990" t="s">
        <v>22539</v>
      </c>
      <c r="H36990" t="s">
        <v>22540</v>
      </c>
      <c r="I36990" s="2">
        <v>0</v>
      </c>
      <c r="J36990" s="2">
        <v>0</v>
      </c>
      <c r="K36990" s="2">
        <v>0.95</v>
      </c>
      <c r="L36990" t="s">
        <v>995</v>
      </c>
      <c r="M36990" t="s">
        <v>83</v>
      </c>
      <c r="N36990" t="s">
        <v>84</v>
      </c>
      <c r="O36990" t="s">
        <v>85</v>
      </c>
      <c r="P36990" t="s">
        <v>86</v>
      </c>
      <c r="Q36990">
        <v>31</v>
      </c>
      <c r="R36990">
        <v>32</v>
      </c>
      <c r="S36990">
        <v>32</v>
      </c>
      <c r="T36990">
        <v>33</v>
      </c>
      <c r="U36990">
        <v>33</v>
      </c>
      <c r="V36990">
        <v>34</v>
      </c>
      <c r="W36990">
        <v>34</v>
      </c>
      <c r="X36990">
        <v>35</v>
      </c>
      <c r="Y36990">
        <v>35</v>
      </c>
      <c r="Z36990">
        <v>36</v>
      </c>
      <c r="AA36990">
        <v>36</v>
      </c>
      <c r="AB36990">
        <v>37</v>
      </c>
      <c r="AC36990">
        <v>37</v>
      </c>
      <c r="AD36990">
        <v>38</v>
      </c>
      <c r="AE36990">
        <v>38</v>
      </c>
      <c r="AF36990">
        <v>39</v>
      </c>
      <c r="AG36990">
        <v>39</v>
      </c>
      <c r="AH36990">
        <v>40</v>
      </c>
      <c r="AI36990">
        <v>40</v>
      </c>
      <c r="AJ36990">
        <v>41</v>
      </c>
      <c r="AK36990">
        <v>41</v>
      </c>
      <c r="AL36990">
        <v>42</v>
      </c>
      <c r="AM36990">
        <v>42</v>
      </c>
      <c r="AN36990">
        <v>42</v>
      </c>
      <c r="AO36990">
        <v>42</v>
      </c>
      <c r="AP36990">
        <v>42</v>
      </c>
      <c r="AQ36990">
        <v>42</v>
      </c>
    </row>
    <row r="36991" spans="1:43">
      <c r="A36991" t="s">
        <v>22931</v>
      </c>
      <c r="B36991" t="s">
        <v>22932</v>
      </c>
      <c r="C36991" t="s">
        <v>22915</v>
      </c>
      <c r="D36991" t="s">
        <v>22916</v>
      </c>
      <c r="E36991" t="s">
        <v>22839</v>
      </c>
      <c r="F36991" t="s">
        <v>22840</v>
      </c>
      <c r="G36991" t="s">
        <v>22539</v>
      </c>
      <c r="H36991" t="s">
        <v>22540</v>
      </c>
      <c r="I36991" s="2">
        <v>0</v>
      </c>
      <c r="J36991" s="2">
        <v>0</v>
      </c>
      <c r="K36991" s="2">
        <v>0.95</v>
      </c>
      <c r="L36991" t="s">
        <v>995</v>
      </c>
      <c r="M36991" t="s">
        <v>87</v>
      </c>
      <c r="N36991" t="s">
        <v>88</v>
      </c>
      <c r="O36991" t="s">
        <v>85</v>
      </c>
      <c r="P36991" t="s">
        <v>86</v>
      </c>
      <c r="Q36991">
        <v>31</v>
      </c>
      <c r="R36991">
        <v>31</v>
      </c>
      <c r="S36991">
        <v>32</v>
      </c>
      <c r="T36991">
        <v>32</v>
      </c>
      <c r="U36991">
        <v>32</v>
      </c>
      <c r="V36991">
        <v>32</v>
      </c>
      <c r="W36991">
        <v>32</v>
      </c>
      <c r="X36991">
        <v>33</v>
      </c>
      <c r="Y36991">
        <v>33</v>
      </c>
      <c r="Z36991">
        <v>33</v>
      </c>
      <c r="AA36991">
        <v>33</v>
      </c>
      <c r="AB36991">
        <v>33</v>
      </c>
      <c r="AC36991">
        <v>34</v>
      </c>
      <c r="AD36991">
        <v>34</v>
      </c>
      <c r="AE36991">
        <v>34</v>
      </c>
      <c r="AF36991">
        <v>34</v>
      </c>
      <c r="AG36991">
        <v>34</v>
      </c>
      <c r="AH36991">
        <v>35</v>
      </c>
      <c r="AI36991">
        <v>35</v>
      </c>
      <c r="AJ36991">
        <v>35</v>
      </c>
      <c r="AK36991">
        <v>35</v>
      </c>
      <c r="AL36991">
        <v>35</v>
      </c>
      <c r="AM36991">
        <v>36</v>
      </c>
      <c r="AN36991">
        <v>36</v>
      </c>
      <c r="AO36991">
        <v>36</v>
      </c>
      <c r="AP36991">
        <v>36</v>
      </c>
      <c r="AQ36991">
        <v>37</v>
      </c>
    </row>
    <row r="36992" spans="1:43">
      <c r="A36992" t="s">
        <v>22931</v>
      </c>
      <c r="B36992" t="s">
        <v>22932</v>
      </c>
      <c r="C36992" t="s">
        <v>22915</v>
      </c>
      <c r="D36992" t="s">
        <v>22916</v>
      </c>
      <c r="E36992" t="s">
        <v>22839</v>
      </c>
      <c r="F36992" t="s">
        <v>22840</v>
      </c>
      <c r="G36992" t="s">
        <v>22539</v>
      </c>
      <c r="H36992" t="s">
        <v>22540</v>
      </c>
      <c r="I36992" s="2">
        <v>0</v>
      </c>
      <c r="J36992" s="2">
        <v>0</v>
      </c>
      <c r="K36992" s="2">
        <v>0.95</v>
      </c>
      <c r="L36992" t="s">
        <v>995</v>
      </c>
      <c r="M36992" t="s">
        <v>89</v>
      </c>
      <c r="N36992" t="s">
        <v>90</v>
      </c>
      <c r="O36992" t="s">
        <v>85</v>
      </c>
      <c r="P36992" t="s">
        <v>86</v>
      </c>
      <c r="Q36992">
        <v>31</v>
      </c>
      <c r="R36992">
        <v>31</v>
      </c>
      <c r="S36992">
        <v>32</v>
      </c>
      <c r="T36992">
        <v>33</v>
      </c>
      <c r="U36992">
        <v>34</v>
      </c>
      <c r="V36992">
        <v>34</v>
      </c>
      <c r="W36992">
        <v>35</v>
      </c>
      <c r="X36992">
        <v>36</v>
      </c>
      <c r="Y36992">
        <v>37</v>
      </c>
      <c r="Z36992">
        <v>37</v>
      </c>
      <c r="AA36992">
        <v>38</v>
      </c>
      <c r="AB36992">
        <v>38</v>
      </c>
      <c r="AC36992">
        <v>39</v>
      </c>
      <c r="AD36992">
        <v>40</v>
      </c>
      <c r="AE36992">
        <v>40</v>
      </c>
      <c r="AF36992">
        <v>40</v>
      </c>
      <c r="AG36992">
        <v>41</v>
      </c>
      <c r="AH36992">
        <v>41</v>
      </c>
      <c r="AI36992">
        <v>41</v>
      </c>
      <c r="AJ36992">
        <v>41</v>
      </c>
      <c r="AK36992">
        <v>41</v>
      </c>
      <c r="AL36992">
        <v>41</v>
      </c>
      <c r="AM36992">
        <v>41</v>
      </c>
      <c r="AN36992">
        <v>41</v>
      </c>
      <c r="AO36992">
        <v>41</v>
      </c>
      <c r="AP36992">
        <v>42</v>
      </c>
      <c r="AQ36992">
        <v>42</v>
      </c>
    </row>
    <row r="36993" spans="1:43">
      <c r="A36993" t="s">
        <v>22931</v>
      </c>
      <c r="B36993" t="s">
        <v>22932</v>
      </c>
      <c r="C36993" t="s">
        <v>22915</v>
      </c>
      <c r="D36993" t="s">
        <v>22916</v>
      </c>
      <c r="E36993" t="s">
        <v>22839</v>
      </c>
      <c r="F36993" t="s">
        <v>22840</v>
      </c>
      <c r="G36993" t="s">
        <v>22539</v>
      </c>
      <c r="H36993" t="s">
        <v>22540</v>
      </c>
      <c r="I36993" s="2">
        <v>0</v>
      </c>
      <c r="J36993" s="2">
        <v>0</v>
      </c>
      <c r="K36993" s="2">
        <v>0.95</v>
      </c>
      <c r="L36993" t="s">
        <v>995</v>
      </c>
      <c r="M36993" t="s">
        <v>83</v>
      </c>
      <c r="N36993" t="s">
        <v>91</v>
      </c>
      <c r="O36993" t="s">
        <v>85</v>
      </c>
      <c r="P36993" t="s">
        <v>86</v>
      </c>
      <c r="Q36993">
        <v>31</v>
      </c>
      <c r="R36993">
        <v>32</v>
      </c>
      <c r="S36993">
        <v>32</v>
      </c>
      <c r="T36993">
        <v>33</v>
      </c>
      <c r="U36993">
        <v>33</v>
      </c>
      <c r="V36993">
        <v>34</v>
      </c>
      <c r="W36993">
        <v>34</v>
      </c>
      <c r="X36993">
        <v>35</v>
      </c>
      <c r="Y36993">
        <v>35</v>
      </c>
      <c r="Z36993">
        <v>36</v>
      </c>
      <c r="AA36993">
        <v>36</v>
      </c>
      <c r="AB36993">
        <v>37</v>
      </c>
      <c r="AC36993">
        <v>37</v>
      </c>
      <c r="AD36993">
        <v>38</v>
      </c>
      <c r="AE36993">
        <v>38</v>
      </c>
      <c r="AF36993">
        <v>39</v>
      </c>
      <c r="AG36993">
        <v>39</v>
      </c>
      <c r="AH36993">
        <v>40</v>
      </c>
      <c r="AI36993">
        <v>40</v>
      </c>
      <c r="AJ36993">
        <v>41</v>
      </c>
      <c r="AK36993">
        <v>41</v>
      </c>
      <c r="AL36993">
        <v>42</v>
      </c>
      <c r="AM36993">
        <v>42</v>
      </c>
      <c r="AN36993">
        <v>42</v>
      </c>
      <c r="AO36993">
        <v>42</v>
      </c>
      <c r="AP36993">
        <v>42</v>
      </c>
      <c r="AQ36993">
        <v>42</v>
      </c>
    </row>
    <row r="36994" spans="1:43">
      <c r="A36994" t="s">
        <v>22933</v>
      </c>
      <c r="B36994" t="s">
        <v>22934</v>
      </c>
      <c r="C36994" t="s">
        <v>22915</v>
      </c>
      <c r="D36994" t="s">
        <v>22916</v>
      </c>
      <c r="E36994" t="s">
        <v>22839</v>
      </c>
      <c r="F36994" t="s">
        <v>22840</v>
      </c>
      <c r="G36994" t="s">
        <v>22539</v>
      </c>
      <c r="H36994" t="s">
        <v>22540</v>
      </c>
      <c r="I36994" s="2">
        <v>0</v>
      </c>
      <c r="J36994" s="2">
        <v>0</v>
      </c>
      <c r="K36994" s="2">
        <v>1</v>
      </c>
      <c r="L36994" t="s">
        <v>995</v>
      </c>
      <c r="M36994" t="s">
        <v>83</v>
      </c>
      <c r="N36994" t="s">
        <v>84</v>
      </c>
      <c r="O36994" t="s">
        <v>85</v>
      </c>
      <c r="P36994" t="s">
        <v>86</v>
      </c>
      <c r="Q36994">
        <v>9</v>
      </c>
      <c r="R36994">
        <v>9</v>
      </c>
      <c r="S36994">
        <v>9</v>
      </c>
      <c r="T36994">
        <v>9</v>
      </c>
      <c r="U36994">
        <v>9</v>
      </c>
      <c r="V36994">
        <v>9</v>
      </c>
      <c r="W36994">
        <v>10</v>
      </c>
      <c r="X36994">
        <v>10</v>
      </c>
      <c r="Y36994">
        <v>10</v>
      </c>
      <c r="Z36994">
        <v>10</v>
      </c>
      <c r="AA36994">
        <v>10</v>
      </c>
      <c r="AB36994">
        <v>10</v>
      </c>
      <c r="AC36994">
        <v>10</v>
      </c>
      <c r="AD36994">
        <v>11</v>
      </c>
      <c r="AE36994">
        <v>11</v>
      </c>
      <c r="AF36994">
        <v>11</v>
      </c>
      <c r="AG36994">
        <v>11</v>
      </c>
      <c r="AH36994">
        <v>11</v>
      </c>
      <c r="AI36994">
        <v>11</v>
      </c>
      <c r="AJ36994">
        <v>11</v>
      </c>
      <c r="AK36994">
        <v>12</v>
      </c>
      <c r="AL36994">
        <v>12</v>
      </c>
      <c r="AM36994">
        <v>12</v>
      </c>
      <c r="AN36994">
        <v>12</v>
      </c>
      <c r="AO36994">
        <v>12</v>
      </c>
      <c r="AP36994">
        <v>12</v>
      </c>
      <c r="AQ36994">
        <v>12</v>
      </c>
    </row>
    <row r="36995" spans="1:43">
      <c r="A36995" t="s">
        <v>22933</v>
      </c>
      <c r="B36995" t="s">
        <v>22934</v>
      </c>
      <c r="C36995" t="s">
        <v>22915</v>
      </c>
      <c r="D36995" t="s">
        <v>22916</v>
      </c>
      <c r="E36995" t="s">
        <v>22839</v>
      </c>
      <c r="F36995" t="s">
        <v>22840</v>
      </c>
      <c r="G36995" t="s">
        <v>22539</v>
      </c>
      <c r="H36995" t="s">
        <v>22540</v>
      </c>
      <c r="I36995" s="2">
        <v>0</v>
      </c>
      <c r="J36995" s="2">
        <v>0</v>
      </c>
      <c r="K36995" s="2">
        <v>1</v>
      </c>
      <c r="L36995" t="s">
        <v>995</v>
      </c>
      <c r="M36995" t="s">
        <v>87</v>
      </c>
      <c r="N36995" t="s">
        <v>88</v>
      </c>
      <c r="O36995" t="s">
        <v>85</v>
      </c>
      <c r="P36995" t="s">
        <v>86</v>
      </c>
      <c r="Q36995">
        <v>9</v>
      </c>
      <c r="R36995">
        <v>9</v>
      </c>
      <c r="S36995">
        <v>9</v>
      </c>
      <c r="T36995">
        <v>9</v>
      </c>
      <c r="U36995">
        <v>9</v>
      </c>
      <c r="V36995">
        <v>9</v>
      </c>
      <c r="W36995">
        <v>9</v>
      </c>
      <c r="X36995">
        <v>9</v>
      </c>
      <c r="Y36995">
        <v>9</v>
      </c>
      <c r="Z36995">
        <v>9</v>
      </c>
      <c r="AA36995">
        <v>9</v>
      </c>
      <c r="AB36995">
        <v>9</v>
      </c>
      <c r="AC36995">
        <v>9</v>
      </c>
      <c r="AD36995">
        <v>9</v>
      </c>
      <c r="AE36995">
        <v>10</v>
      </c>
      <c r="AF36995">
        <v>10</v>
      </c>
      <c r="AG36995">
        <v>10</v>
      </c>
      <c r="AH36995">
        <v>10</v>
      </c>
      <c r="AI36995">
        <v>10</v>
      </c>
      <c r="AJ36995">
        <v>10</v>
      </c>
      <c r="AK36995">
        <v>10</v>
      </c>
      <c r="AL36995">
        <v>10</v>
      </c>
      <c r="AM36995">
        <v>10</v>
      </c>
      <c r="AN36995">
        <v>10</v>
      </c>
      <c r="AO36995">
        <v>10</v>
      </c>
      <c r="AP36995">
        <v>10</v>
      </c>
      <c r="AQ36995">
        <v>10</v>
      </c>
    </row>
    <row r="36996" spans="1:43">
      <c r="A36996" t="s">
        <v>22933</v>
      </c>
      <c r="B36996" t="s">
        <v>22934</v>
      </c>
      <c r="C36996" t="s">
        <v>22915</v>
      </c>
      <c r="D36996" t="s">
        <v>22916</v>
      </c>
      <c r="E36996" t="s">
        <v>22839</v>
      </c>
      <c r="F36996" t="s">
        <v>22840</v>
      </c>
      <c r="G36996" t="s">
        <v>22539</v>
      </c>
      <c r="H36996" t="s">
        <v>22540</v>
      </c>
      <c r="I36996" s="2">
        <v>0</v>
      </c>
      <c r="J36996" s="2">
        <v>0</v>
      </c>
      <c r="K36996" s="2">
        <v>1</v>
      </c>
      <c r="L36996" t="s">
        <v>995</v>
      </c>
      <c r="M36996" t="s">
        <v>89</v>
      </c>
      <c r="N36996" t="s">
        <v>90</v>
      </c>
      <c r="O36996" t="s">
        <v>85</v>
      </c>
      <c r="P36996" t="s">
        <v>86</v>
      </c>
      <c r="Q36996">
        <v>9</v>
      </c>
      <c r="R36996">
        <v>9</v>
      </c>
      <c r="S36996">
        <v>9</v>
      </c>
      <c r="T36996">
        <v>10</v>
      </c>
      <c r="U36996">
        <v>10</v>
      </c>
      <c r="V36996">
        <v>10</v>
      </c>
      <c r="W36996">
        <v>10</v>
      </c>
      <c r="X36996">
        <v>10</v>
      </c>
      <c r="Y36996">
        <v>11</v>
      </c>
      <c r="Z36996">
        <v>11</v>
      </c>
      <c r="AA36996">
        <v>11</v>
      </c>
      <c r="AB36996">
        <v>11</v>
      </c>
      <c r="AC36996">
        <v>11</v>
      </c>
      <c r="AD36996">
        <v>11</v>
      </c>
      <c r="AE36996">
        <v>12</v>
      </c>
      <c r="AF36996">
        <v>12</v>
      </c>
      <c r="AG36996">
        <v>12</v>
      </c>
      <c r="AH36996">
        <v>12</v>
      </c>
      <c r="AI36996">
        <v>12</v>
      </c>
      <c r="AJ36996">
        <v>12</v>
      </c>
      <c r="AK36996">
        <v>12</v>
      </c>
      <c r="AL36996">
        <v>12</v>
      </c>
      <c r="AM36996">
        <v>12</v>
      </c>
      <c r="AN36996">
        <v>12</v>
      </c>
      <c r="AO36996">
        <v>12</v>
      </c>
      <c r="AP36996">
        <v>12</v>
      </c>
      <c r="AQ36996">
        <v>12</v>
      </c>
    </row>
    <row r="36997" spans="1:43">
      <c r="A36997" t="s">
        <v>22933</v>
      </c>
      <c r="B36997" t="s">
        <v>22934</v>
      </c>
      <c r="C36997" t="s">
        <v>22915</v>
      </c>
      <c r="D36997" t="s">
        <v>22916</v>
      </c>
      <c r="E36997" t="s">
        <v>22839</v>
      </c>
      <c r="F36997" t="s">
        <v>22840</v>
      </c>
      <c r="G36997" t="s">
        <v>22539</v>
      </c>
      <c r="H36997" t="s">
        <v>22540</v>
      </c>
      <c r="I36997" s="2">
        <v>0</v>
      </c>
      <c r="J36997" s="2">
        <v>0</v>
      </c>
      <c r="K36997" s="2">
        <v>1</v>
      </c>
      <c r="L36997" t="s">
        <v>995</v>
      </c>
      <c r="M36997" t="s">
        <v>83</v>
      </c>
      <c r="N36997" t="s">
        <v>91</v>
      </c>
      <c r="O36997" t="s">
        <v>85</v>
      </c>
      <c r="P36997" t="s">
        <v>86</v>
      </c>
      <c r="Q36997">
        <v>9</v>
      </c>
      <c r="R36997">
        <v>9</v>
      </c>
      <c r="S36997">
        <v>9</v>
      </c>
      <c r="T36997">
        <v>9</v>
      </c>
      <c r="U36997">
        <v>9</v>
      </c>
      <c r="V36997">
        <v>9</v>
      </c>
      <c r="W36997">
        <v>10</v>
      </c>
      <c r="X36997">
        <v>10</v>
      </c>
      <c r="Y36997">
        <v>10</v>
      </c>
      <c r="Z36997">
        <v>10</v>
      </c>
      <c r="AA36997">
        <v>10</v>
      </c>
      <c r="AB36997">
        <v>10</v>
      </c>
      <c r="AC36997">
        <v>10</v>
      </c>
      <c r="AD36997">
        <v>11</v>
      </c>
      <c r="AE36997">
        <v>11</v>
      </c>
      <c r="AF36997">
        <v>11</v>
      </c>
      <c r="AG36997">
        <v>11</v>
      </c>
      <c r="AH36997">
        <v>11</v>
      </c>
      <c r="AI36997">
        <v>11</v>
      </c>
      <c r="AJ36997">
        <v>11</v>
      </c>
      <c r="AK36997">
        <v>12</v>
      </c>
      <c r="AL36997">
        <v>12</v>
      </c>
      <c r="AM36997">
        <v>12</v>
      </c>
      <c r="AN36997">
        <v>12</v>
      </c>
      <c r="AO36997">
        <v>12</v>
      </c>
      <c r="AP36997">
        <v>12</v>
      </c>
      <c r="AQ36997">
        <v>12</v>
      </c>
    </row>
    <row r="36998" spans="1:43">
      <c r="A36998" t="s">
        <v>22935</v>
      </c>
      <c r="B36998" t="s">
        <v>22936</v>
      </c>
      <c r="C36998" t="s">
        <v>22857</v>
      </c>
      <c r="D36998" t="s">
        <v>22858</v>
      </c>
      <c r="E36998" t="s">
        <v>22839</v>
      </c>
      <c r="F36998" t="s">
        <v>22840</v>
      </c>
      <c r="G36998" t="s">
        <v>22539</v>
      </c>
      <c r="H36998" t="s">
        <v>22540</v>
      </c>
      <c r="I36998" s="2">
        <v>0</v>
      </c>
      <c r="J36998" s="2">
        <v>0</v>
      </c>
      <c r="K36998" s="2">
        <v>1</v>
      </c>
      <c r="L36998" t="s">
        <v>995</v>
      </c>
      <c r="M36998" t="s">
        <v>83</v>
      </c>
      <c r="N36998" t="s">
        <v>84</v>
      </c>
      <c r="O36998" t="s">
        <v>85</v>
      </c>
      <c r="P36998" t="s">
        <v>86</v>
      </c>
      <c r="Q36998">
        <v>11</v>
      </c>
      <c r="R36998">
        <v>11</v>
      </c>
      <c r="S36998">
        <v>11</v>
      </c>
      <c r="T36998">
        <v>11</v>
      </c>
      <c r="U36998">
        <v>11</v>
      </c>
      <c r="V36998">
        <v>11</v>
      </c>
      <c r="W36998">
        <v>12</v>
      </c>
      <c r="X36998">
        <v>12</v>
      </c>
      <c r="Y36998">
        <v>12</v>
      </c>
      <c r="Z36998">
        <v>12</v>
      </c>
      <c r="AA36998">
        <v>12</v>
      </c>
      <c r="AB36998">
        <v>13</v>
      </c>
      <c r="AC36998">
        <v>13</v>
      </c>
      <c r="AD36998">
        <v>13</v>
      </c>
      <c r="AE36998">
        <v>13</v>
      </c>
      <c r="AF36998">
        <v>13</v>
      </c>
      <c r="AG36998">
        <v>13</v>
      </c>
      <c r="AH36998">
        <v>14</v>
      </c>
      <c r="AI36998">
        <v>14</v>
      </c>
      <c r="AJ36998">
        <v>14</v>
      </c>
      <c r="AK36998">
        <v>14</v>
      </c>
      <c r="AL36998">
        <v>14</v>
      </c>
      <c r="AM36998">
        <v>14</v>
      </c>
      <c r="AN36998">
        <v>14</v>
      </c>
      <c r="AO36998">
        <v>14</v>
      </c>
      <c r="AP36998">
        <v>14</v>
      </c>
      <c r="AQ36998">
        <v>14</v>
      </c>
    </row>
    <row r="36999" spans="1:43">
      <c r="A36999" t="s">
        <v>22935</v>
      </c>
      <c r="B36999" t="s">
        <v>22936</v>
      </c>
      <c r="C36999" t="s">
        <v>22857</v>
      </c>
      <c r="D36999" t="s">
        <v>22858</v>
      </c>
      <c r="E36999" t="s">
        <v>22839</v>
      </c>
      <c r="F36999" t="s">
        <v>22840</v>
      </c>
      <c r="G36999" t="s">
        <v>22539</v>
      </c>
      <c r="H36999" t="s">
        <v>22540</v>
      </c>
      <c r="I36999" s="2">
        <v>0</v>
      </c>
      <c r="J36999" s="2">
        <v>0</v>
      </c>
      <c r="K36999" s="2">
        <v>1</v>
      </c>
      <c r="L36999" t="s">
        <v>995</v>
      </c>
      <c r="M36999" t="s">
        <v>87</v>
      </c>
      <c r="N36999" t="s">
        <v>88</v>
      </c>
      <c r="O36999" t="s">
        <v>85</v>
      </c>
      <c r="P36999" t="s">
        <v>86</v>
      </c>
      <c r="Q36999">
        <v>11</v>
      </c>
      <c r="R36999">
        <v>11</v>
      </c>
      <c r="S36999">
        <v>11</v>
      </c>
      <c r="T36999">
        <v>11</v>
      </c>
      <c r="U36999">
        <v>11</v>
      </c>
      <c r="V36999">
        <v>11</v>
      </c>
      <c r="W36999">
        <v>11</v>
      </c>
      <c r="X36999">
        <v>11</v>
      </c>
      <c r="Y36999">
        <v>11</v>
      </c>
      <c r="Z36999">
        <v>11</v>
      </c>
      <c r="AA36999">
        <v>11</v>
      </c>
      <c r="AB36999">
        <v>11</v>
      </c>
      <c r="AC36999">
        <v>11</v>
      </c>
      <c r="AD36999">
        <v>11</v>
      </c>
      <c r="AE36999">
        <v>12</v>
      </c>
      <c r="AF36999">
        <v>12</v>
      </c>
      <c r="AG36999">
        <v>12</v>
      </c>
      <c r="AH36999">
        <v>12</v>
      </c>
      <c r="AI36999">
        <v>12</v>
      </c>
      <c r="AJ36999">
        <v>12</v>
      </c>
      <c r="AK36999">
        <v>12</v>
      </c>
      <c r="AL36999">
        <v>12</v>
      </c>
      <c r="AM36999">
        <v>12</v>
      </c>
      <c r="AN36999">
        <v>12</v>
      </c>
      <c r="AO36999">
        <v>12</v>
      </c>
      <c r="AP36999">
        <v>12</v>
      </c>
      <c r="AQ36999">
        <v>12</v>
      </c>
    </row>
    <row r="37000" spans="1:43">
      <c r="A37000" t="s">
        <v>22935</v>
      </c>
      <c r="B37000" t="s">
        <v>22936</v>
      </c>
      <c r="C37000" t="s">
        <v>22857</v>
      </c>
      <c r="D37000" t="s">
        <v>22858</v>
      </c>
      <c r="E37000" t="s">
        <v>22839</v>
      </c>
      <c r="F37000" t="s">
        <v>22840</v>
      </c>
      <c r="G37000" t="s">
        <v>22539</v>
      </c>
      <c r="H37000" t="s">
        <v>22540</v>
      </c>
      <c r="I37000" s="2">
        <v>0</v>
      </c>
      <c r="J37000" s="2">
        <v>0</v>
      </c>
      <c r="K37000" s="2">
        <v>1</v>
      </c>
      <c r="L37000" t="s">
        <v>995</v>
      </c>
      <c r="M37000" t="s">
        <v>89</v>
      </c>
      <c r="N37000" t="s">
        <v>90</v>
      </c>
      <c r="O37000" t="s">
        <v>85</v>
      </c>
      <c r="P37000" t="s">
        <v>86</v>
      </c>
      <c r="Q37000">
        <v>11</v>
      </c>
      <c r="R37000">
        <v>11</v>
      </c>
      <c r="S37000">
        <v>11</v>
      </c>
      <c r="T37000">
        <v>11</v>
      </c>
      <c r="U37000">
        <v>12</v>
      </c>
      <c r="V37000">
        <v>12</v>
      </c>
      <c r="W37000">
        <v>12</v>
      </c>
      <c r="X37000">
        <v>12</v>
      </c>
      <c r="Y37000">
        <v>13</v>
      </c>
      <c r="Z37000">
        <v>13</v>
      </c>
      <c r="AA37000">
        <v>13</v>
      </c>
      <c r="AB37000">
        <v>13</v>
      </c>
      <c r="AC37000">
        <v>14</v>
      </c>
      <c r="AD37000">
        <v>14</v>
      </c>
      <c r="AE37000">
        <v>14</v>
      </c>
      <c r="AF37000">
        <v>14</v>
      </c>
      <c r="AG37000">
        <v>14</v>
      </c>
      <c r="AH37000">
        <v>14</v>
      </c>
      <c r="AI37000">
        <v>14</v>
      </c>
      <c r="AJ37000">
        <v>14</v>
      </c>
      <c r="AK37000">
        <v>14</v>
      </c>
      <c r="AL37000">
        <v>14</v>
      </c>
      <c r="AM37000">
        <v>14</v>
      </c>
      <c r="AN37000">
        <v>14</v>
      </c>
      <c r="AO37000">
        <v>14</v>
      </c>
      <c r="AP37000">
        <v>14</v>
      </c>
      <c r="AQ37000">
        <v>14</v>
      </c>
    </row>
    <row r="37001" spans="1:43">
      <c r="A37001" t="s">
        <v>22935</v>
      </c>
      <c r="B37001" t="s">
        <v>22936</v>
      </c>
      <c r="C37001" t="s">
        <v>22857</v>
      </c>
      <c r="D37001" t="s">
        <v>22858</v>
      </c>
      <c r="E37001" t="s">
        <v>22839</v>
      </c>
      <c r="F37001" t="s">
        <v>22840</v>
      </c>
      <c r="G37001" t="s">
        <v>22539</v>
      </c>
      <c r="H37001" t="s">
        <v>22540</v>
      </c>
      <c r="I37001" s="2">
        <v>0</v>
      </c>
      <c r="J37001" s="2">
        <v>0</v>
      </c>
      <c r="K37001" s="2">
        <v>1</v>
      </c>
      <c r="L37001" t="s">
        <v>995</v>
      </c>
      <c r="M37001" t="s">
        <v>83</v>
      </c>
      <c r="N37001" t="s">
        <v>91</v>
      </c>
      <c r="O37001" t="s">
        <v>85</v>
      </c>
      <c r="P37001" t="s">
        <v>86</v>
      </c>
      <c r="Q37001">
        <v>11</v>
      </c>
      <c r="R37001">
        <v>11</v>
      </c>
      <c r="S37001">
        <v>11</v>
      </c>
      <c r="T37001">
        <v>11</v>
      </c>
      <c r="U37001">
        <v>11</v>
      </c>
      <c r="V37001">
        <v>11</v>
      </c>
      <c r="W37001">
        <v>12</v>
      </c>
      <c r="X37001">
        <v>12</v>
      </c>
      <c r="Y37001">
        <v>12</v>
      </c>
      <c r="Z37001">
        <v>12</v>
      </c>
      <c r="AA37001">
        <v>12</v>
      </c>
      <c r="AB37001">
        <v>13</v>
      </c>
      <c r="AC37001">
        <v>13</v>
      </c>
      <c r="AD37001">
        <v>13</v>
      </c>
      <c r="AE37001">
        <v>13</v>
      </c>
      <c r="AF37001">
        <v>13</v>
      </c>
      <c r="AG37001">
        <v>13</v>
      </c>
      <c r="AH37001">
        <v>14</v>
      </c>
      <c r="AI37001">
        <v>14</v>
      </c>
      <c r="AJ37001">
        <v>14</v>
      </c>
      <c r="AK37001">
        <v>14</v>
      </c>
      <c r="AL37001">
        <v>14</v>
      </c>
      <c r="AM37001">
        <v>14</v>
      </c>
      <c r="AN37001">
        <v>14</v>
      </c>
      <c r="AO37001">
        <v>14</v>
      </c>
      <c r="AP37001">
        <v>14</v>
      </c>
      <c r="AQ37001">
        <v>14</v>
      </c>
    </row>
    <row r="37002" spans="1:43">
      <c r="A37002" t="s">
        <v>22937</v>
      </c>
      <c r="B37002" t="s">
        <v>22938</v>
      </c>
      <c r="C37002" t="s">
        <v>22857</v>
      </c>
      <c r="D37002" t="s">
        <v>22858</v>
      </c>
      <c r="E37002" t="s">
        <v>22839</v>
      </c>
      <c r="F37002" t="s">
        <v>22840</v>
      </c>
      <c r="G37002" t="s">
        <v>22539</v>
      </c>
      <c r="H37002" t="s">
        <v>22540</v>
      </c>
      <c r="I37002" s="2">
        <v>0</v>
      </c>
      <c r="J37002" s="2">
        <v>0</v>
      </c>
      <c r="K37002" s="2">
        <v>1</v>
      </c>
      <c r="L37002" t="s">
        <v>995</v>
      </c>
      <c r="M37002" t="s">
        <v>83</v>
      </c>
      <c r="N37002" t="s">
        <v>84</v>
      </c>
      <c r="O37002" t="s">
        <v>85</v>
      </c>
      <c r="P37002" t="s">
        <v>86</v>
      </c>
      <c r="Q37002">
        <v>13</v>
      </c>
      <c r="R37002">
        <v>14</v>
      </c>
      <c r="S37002">
        <v>14</v>
      </c>
      <c r="T37002">
        <v>14</v>
      </c>
      <c r="U37002">
        <v>14</v>
      </c>
      <c r="V37002">
        <v>14</v>
      </c>
      <c r="W37002">
        <v>15</v>
      </c>
      <c r="X37002">
        <v>15</v>
      </c>
      <c r="Y37002">
        <v>15</v>
      </c>
      <c r="Z37002">
        <v>15</v>
      </c>
      <c r="AA37002">
        <v>15</v>
      </c>
      <c r="AB37002">
        <v>16</v>
      </c>
      <c r="AC37002">
        <v>16</v>
      </c>
      <c r="AD37002">
        <v>16</v>
      </c>
      <c r="AE37002">
        <v>16</v>
      </c>
      <c r="AF37002">
        <v>17</v>
      </c>
      <c r="AG37002">
        <v>17</v>
      </c>
      <c r="AH37002">
        <v>17</v>
      </c>
      <c r="AI37002">
        <v>17</v>
      </c>
      <c r="AJ37002">
        <v>17</v>
      </c>
      <c r="AK37002">
        <v>18</v>
      </c>
      <c r="AL37002">
        <v>18</v>
      </c>
      <c r="AM37002">
        <v>18</v>
      </c>
      <c r="AN37002">
        <v>18</v>
      </c>
      <c r="AO37002">
        <v>18</v>
      </c>
      <c r="AP37002">
        <v>18</v>
      </c>
      <c r="AQ37002">
        <v>18</v>
      </c>
    </row>
    <row r="37003" spans="1:43">
      <c r="A37003" t="s">
        <v>22937</v>
      </c>
      <c r="B37003" t="s">
        <v>22938</v>
      </c>
      <c r="C37003" t="s">
        <v>22857</v>
      </c>
      <c r="D37003" t="s">
        <v>22858</v>
      </c>
      <c r="E37003" t="s">
        <v>22839</v>
      </c>
      <c r="F37003" t="s">
        <v>22840</v>
      </c>
      <c r="G37003" t="s">
        <v>22539</v>
      </c>
      <c r="H37003" t="s">
        <v>22540</v>
      </c>
      <c r="I37003" s="2">
        <v>0</v>
      </c>
      <c r="J37003" s="2">
        <v>0</v>
      </c>
      <c r="K37003" s="2">
        <v>1</v>
      </c>
      <c r="L37003" t="s">
        <v>995</v>
      </c>
      <c r="M37003" t="s">
        <v>87</v>
      </c>
      <c r="N37003" t="s">
        <v>88</v>
      </c>
      <c r="O37003" t="s">
        <v>85</v>
      </c>
      <c r="P37003" t="s">
        <v>86</v>
      </c>
      <c r="Q37003">
        <v>13</v>
      </c>
      <c r="R37003">
        <v>13</v>
      </c>
      <c r="S37003">
        <v>13</v>
      </c>
      <c r="T37003">
        <v>14</v>
      </c>
      <c r="U37003">
        <v>14</v>
      </c>
      <c r="V37003">
        <v>14</v>
      </c>
      <c r="W37003">
        <v>14</v>
      </c>
      <c r="X37003">
        <v>14</v>
      </c>
      <c r="Y37003">
        <v>14</v>
      </c>
      <c r="Z37003">
        <v>14</v>
      </c>
      <c r="AA37003">
        <v>14</v>
      </c>
      <c r="AB37003">
        <v>14</v>
      </c>
      <c r="AC37003">
        <v>14</v>
      </c>
      <c r="AD37003">
        <v>14</v>
      </c>
      <c r="AE37003">
        <v>14</v>
      </c>
      <c r="AF37003">
        <v>15</v>
      </c>
      <c r="AG37003">
        <v>15</v>
      </c>
      <c r="AH37003">
        <v>15</v>
      </c>
      <c r="AI37003">
        <v>15</v>
      </c>
      <c r="AJ37003">
        <v>15</v>
      </c>
      <c r="AK37003">
        <v>15</v>
      </c>
      <c r="AL37003">
        <v>15</v>
      </c>
      <c r="AM37003">
        <v>15</v>
      </c>
      <c r="AN37003">
        <v>15</v>
      </c>
      <c r="AO37003">
        <v>15</v>
      </c>
      <c r="AP37003">
        <v>15</v>
      </c>
      <c r="AQ37003">
        <v>16</v>
      </c>
    </row>
    <row r="37004" spans="1:43">
      <c r="A37004" t="s">
        <v>22937</v>
      </c>
      <c r="B37004" t="s">
        <v>22938</v>
      </c>
      <c r="C37004" t="s">
        <v>22857</v>
      </c>
      <c r="D37004" t="s">
        <v>22858</v>
      </c>
      <c r="E37004" t="s">
        <v>22839</v>
      </c>
      <c r="F37004" t="s">
        <v>22840</v>
      </c>
      <c r="G37004" t="s">
        <v>22539</v>
      </c>
      <c r="H37004" t="s">
        <v>22540</v>
      </c>
      <c r="I37004" s="2">
        <v>0</v>
      </c>
      <c r="J37004" s="2">
        <v>0</v>
      </c>
      <c r="K37004" s="2">
        <v>1</v>
      </c>
      <c r="L37004" t="s">
        <v>995</v>
      </c>
      <c r="M37004" t="s">
        <v>89</v>
      </c>
      <c r="N37004" t="s">
        <v>90</v>
      </c>
      <c r="O37004" t="s">
        <v>85</v>
      </c>
      <c r="P37004" t="s">
        <v>86</v>
      </c>
      <c r="Q37004">
        <v>13</v>
      </c>
      <c r="R37004">
        <v>14</v>
      </c>
      <c r="S37004">
        <v>14</v>
      </c>
      <c r="T37004">
        <v>14</v>
      </c>
      <c r="U37004">
        <v>15</v>
      </c>
      <c r="V37004">
        <v>15</v>
      </c>
      <c r="W37004">
        <v>15</v>
      </c>
      <c r="X37004">
        <v>16</v>
      </c>
      <c r="Y37004">
        <v>16</v>
      </c>
      <c r="Z37004">
        <v>16</v>
      </c>
      <c r="AA37004">
        <v>17</v>
      </c>
      <c r="AB37004">
        <v>17</v>
      </c>
      <c r="AC37004">
        <v>17</v>
      </c>
      <c r="AD37004">
        <v>17</v>
      </c>
      <c r="AE37004">
        <v>18</v>
      </c>
      <c r="AF37004">
        <v>18</v>
      </c>
      <c r="AG37004">
        <v>18</v>
      </c>
      <c r="AH37004">
        <v>18</v>
      </c>
      <c r="AI37004">
        <v>18</v>
      </c>
      <c r="AJ37004">
        <v>18</v>
      </c>
      <c r="AK37004">
        <v>18</v>
      </c>
      <c r="AL37004">
        <v>18</v>
      </c>
      <c r="AM37004">
        <v>18</v>
      </c>
      <c r="AN37004">
        <v>18</v>
      </c>
      <c r="AO37004">
        <v>18</v>
      </c>
      <c r="AP37004">
        <v>18</v>
      </c>
      <c r="AQ37004">
        <v>18</v>
      </c>
    </row>
    <row r="37005" spans="1:43">
      <c r="A37005" t="s">
        <v>22937</v>
      </c>
      <c r="B37005" t="s">
        <v>22938</v>
      </c>
      <c r="C37005" t="s">
        <v>22857</v>
      </c>
      <c r="D37005" t="s">
        <v>22858</v>
      </c>
      <c r="E37005" t="s">
        <v>22839</v>
      </c>
      <c r="F37005" t="s">
        <v>22840</v>
      </c>
      <c r="G37005" t="s">
        <v>22539</v>
      </c>
      <c r="H37005" t="s">
        <v>22540</v>
      </c>
      <c r="I37005" s="2">
        <v>0</v>
      </c>
      <c r="J37005" s="2">
        <v>0</v>
      </c>
      <c r="K37005" s="2">
        <v>1</v>
      </c>
      <c r="L37005" t="s">
        <v>995</v>
      </c>
      <c r="M37005" t="s">
        <v>83</v>
      </c>
      <c r="N37005" t="s">
        <v>91</v>
      </c>
      <c r="O37005" t="s">
        <v>85</v>
      </c>
      <c r="P37005" t="s">
        <v>86</v>
      </c>
      <c r="Q37005">
        <v>13</v>
      </c>
      <c r="R37005">
        <v>14</v>
      </c>
      <c r="S37005">
        <v>14</v>
      </c>
      <c r="T37005">
        <v>14</v>
      </c>
      <c r="U37005">
        <v>14</v>
      </c>
      <c r="V37005">
        <v>14</v>
      </c>
      <c r="W37005">
        <v>15</v>
      </c>
      <c r="X37005">
        <v>15</v>
      </c>
      <c r="Y37005">
        <v>15</v>
      </c>
      <c r="Z37005">
        <v>15</v>
      </c>
      <c r="AA37005">
        <v>15</v>
      </c>
      <c r="AB37005">
        <v>16</v>
      </c>
      <c r="AC37005">
        <v>16</v>
      </c>
      <c r="AD37005">
        <v>16</v>
      </c>
      <c r="AE37005">
        <v>16</v>
      </c>
      <c r="AF37005">
        <v>17</v>
      </c>
      <c r="AG37005">
        <v>17</v>
      </c>
      <c r="AH37005">
        <v>17</v>
      </c>
      <c r="AI37005">
        <v>17</v>
      </c>
      <c r="AJ37005">
        <v>17</v>
      </c>
      <c r="AK37005">
        <v>18</v>
      </c>
      <c r="AL37005">
        <v>18</v>
      </c>
      <c r="AM37005">
        <v>18</v>
      </c>
      <c r="AN37005">
        <v>18</v>
      </c>
      <c r="AO37005">
        <v>18</v>
      </c>
      <c r="AP37005">
        <v>18</v>
      </c>
      <c r="AQ37005">
        <v>18</v>
      </c>
    </row>
    <row r="37006" spans="1:43">
      <c r="A37006" t="s">
        <v>22939</v>
      </c>
      <c r="B37006" t="s">
        <v>22940</v>
      </c>
      <c r="C37006" t="s">
        <v>22857</v>
      </c>
      <c r="D37006" t="s">
        <v>22858</v>
      </c>
      <c r="E37006" t="s">
        <v>22839</v>
      </c>
      <c r="F37006" t="s">
        <v>22840</v>
      </c>
      <c r="G37006" t="s">
        <v>22539</v>
      </c>
      <c r="H37006" t="s">
        <v>22540</v>
      </c>
      <c r="I37006" s="2">
        <v>0</v>
      </c>
      <c r="J37006" s="2">
        <v>0</v>
      </c>
      <c r="K37006" s="2">
        <v>1</v>
      </c>
      <c r="L37006" t="s">
        <v>995</v>
      </c>
      <c r="M37006" t="s">
        <v>83</v>
      </c>
      <c r="N37006" t="s">
        <v>84</v>
      </c>
      <c r="O37006" t="s">
        <v>85</v>
      </c>
      <c r="P37006" t="s">
        <v>86</v>
      </c>
      <c r="Q37006">
        <v>33</v>
      </c>
      <c r="R37006">
        <v>33</v>
      </c>
      <c r="S37006">
        <v>34</v>
      </c>
      <c r="T37006">
        <v>34</v>
      </c>
      <c r="U37006">
        <v>35</v>
      </c>
      <c r="V37006">
        <v>35</v>
      </c>
      <c r="W37006">
        <v>36</v>
      </c>
      <c r="X37006">
        <v>36</v>
      </c>
      <c r="Y37006">
        <v>37</v>
      </c>
      <c r="Z37006">
        <v>38</v>
      </c>
      <c r="AA37006">
        <v>38</v>
      </c>
      <c r="AB37006">
        <v>39</v>
      </c>
      <c r="AC37006">
        <v>39</v>
      </c>
      <c r="AD37006">
        <v>40</v>
      </c>
      <c r="AE37006">
        <v>40</v>
      </c>
      <c r="AF37006">
        <v>41</v>
      </c>
      <c r="AG37006">
        <v>41</v>
      </c>
      <c r="AH37006">
        <v>42</v>
      </c>
      <c r="AI37006">
        <v>42</v>
      </c>
      <c r="AJ37006">
        <v>43</v>
      </c>
      <c r="AK37006">
        <v>43</v>
      </c>
      <c r="AL37006">
        <v>44</v>
      </c>
      <c r="AM37006">
        <v>44</v>
      </c>
      <c r="AN37006">
        <v>44</v>
      </c>
      <c r="AO37006">
        <v>44</v>
      </c>
      <c r="AP37006">
        <v>44</v>
      </c>
      <c r="AQ37006">
        <v>44</v>
      </c>
    </row>
    <row r="37007" spans="1:43">
      <c r="A37007" t="s">
        <v>22939</v>
      </c>
      <c r="B37007" t="s">
        <v>22940</v>
      </c>
      <c r="C37007" t="s">
        <v>22857</v>
      </c>
      <c r="D37007" t="s">
        <v>22858</v>
      </c>
      <c r="E37007" t="s">
        <v>22839</v>
      </c>
      <c r="F37007" t="s">
        <v>22840</v>
      </c>
      <c r="G37007" t="s">
        <v>22539</v>
      </c>
      <c r="H37007" t="s">
        <v>22540</v>
      </c>
      <c r="I37007" s="2">
        <v>0</v>
      </c>
      <c r="J37007" s="2">
        <v>0</v>
      </c>
      <c r="K37007" s="2">
        <v>1</v>
      </c>
      <c r="L37007" t="s">
        <v>995</v>
      </c>
      <c r="M37007" t="s">
        <v>87</v>
      </c>
      <c r="N37007" t="s">
        <v>88</v>
      </c>
      <c r="O37007" t="s">
        <v>85</v>
      </c>
      <c r="P37007" t="s">
        <v>86</v>
      </c>
      <c r="Q37007">
        <v>33</v>
      </c>
      <c r="R37007">
        <v>34</v>
      </c>
      <c r="S37007">
        <v>34</v>
      </c>
      <c r="T37007">
        <v>34</v>
      </c>
      <c r="U37007">
        <v>34</v>
      </c>
      <c r="V37007">
        <v>35</v>
      </c>
      <c r="W37007">
        <v>35</v>
      </c>
      <c r="X37007">
        <v>35</v>
      </c>
      <c r="Y37007">
        <v>35</v>
      </c>
      <c r="Z37007">
        <v>35</v>
      </c>
      <c r="AA37007">
        <v>36</v>
      </c>
      <c r="AB37007">
        <v>36</v>
      </c>
      <c r="AC37007">
        <v>36</v>
      </c>
      <c r="AD37007">
        <v>36</v>
      </c>
      <c r="AE37007">
        <v>37</v>
      </c>
      <c r="AF37007">
        <v>37</v>
      </c>
      <c r="AG37007">
        <v>37</v>
      </c>
      <c r="AH37007">
        <v>37</v>
      </c>
      <c r="AI37007">
        <v>37</v>
      </c>
      <c r="AJ37007">
        <v>38</v>
      </c>
      <c r="AK37007">
        <v>38</v>
      </c>
      <c r="AL37007">
        <v>38</v>
      </c>
      <c r="AM37007">
        <v>38</v>
      </c>
      <c r="AN37007">
        <v>39</v>
      </c>
      <c r="AO37007">
        <v>39</v>
      </c>
      <c r="AP37007">
        <v>39</v>
      </c>
      <c r="AQ37007">
        <v>39</v>
      </c>
    </row>
    <row r="37008" spans="1:43">
      <c r="A37008" t="s">
        <v>22939</v>
      </c>
      <c r="B37008" t="s">
        <v>22940</v>
      </c>
      <c r="C37008" t="s">
        <v>22857</v>
      </c>
      <c r="D37008" t="s">
        <v>22858</v>
      </c>
      <c r="E37008" t="s">
        <v>22839</v>
      </c>
      <c r="F37008" t="s">
        <v>22840</v>
      </c>
      <c r="G37008" t="s">
        <v>22539</v>
      </c>
      <c r="H37008" t="s">
        <v>22540</v>
      </c>
      <c r="I37008" s="2">
        <v>0</v>
      </c>
      <c r="J37008" s="2">
        <v>0</v>
      </c>
      <c r="K37008" s="2">
        <v>1</v>
      </c>
      <c r="L37008" t="s">
        <v>995</v>
      </c>
      <c r="M37008" t="s">
        <v>89</v>
      </c>
      <c r="N37008" t="s">
        <v>90</v>
      </c>
      <c r="O37008" t="s">
        <v>85</v>
      </c>
      <c r="P37008" t="s">
        <v>86</v>
      </c>
      <c r="Q37008">
        <v>33</v>
      </c>
      <c r="R37008">
        <v>34</v>
      </c>
      <c r="S37008">
        <v>35</v>
      </c>
      <c r="T37008">
        <v>35</v>
      </c>
      <c r="U37008">
        <v>36</v>
      </c>
      <c r="V37008">
        <v>37</v>
      </c>
      <c r="W37008">
        <v>38</v>
      </c>
      <c r="X37008">
        <v>39</v>
      </c>
      <c r="Y37008">
        <v>39</v>
      </c>
      <c r="Z37008">
        <v>40</v>
      </c>
      <c r="AA37008">
        <v>41</v>
      </c>
      <c r="AB37008">
        <v>41</v>
      </c>
      <c r="AC37008">
        <v>42</v>
      </c>
      <c r="AD37008">
        <v>43</v>
      </c>
      <c r="AE37008">
        <v>43</v>
      </c>
      <c r="AF37008">
        <v>43</v>
      </c>
      <c r="AG37008">
        <v>43</v>
      </c>
      <c r="AH37008">
        <v>43</v>
      </c>
      <c r="AI37008">
        <v>44</v>
      </c>
      <c r="AJ37008">
        <v>44</v>
      </c>
      <c r="AK37008">
        <v>44</v>
      </c>
      <c r="AL37008">
        <v>44</v>
      </c>
      <c r="AM37008">
        <v>44</v>
      </c>
      <c r="AN37008">
        <v>44</v>
      </c>
      <c r="AO37008">
        <v>44</v>
      </c>
      <c r="AP37008">
        <v>44</v>
      </c>
      <c r="AQ37008">
        <v>45</v>
      </c>
    </row>
    <row r="37009" spans="1:43">
      <c r="A37009" t="s">
        <v>22939</v>
      </c>
      <c r="B37009" t="s">
        <v>22940</v>
      </c>
      <c r="C37009" t="s">
        <v>22857</v>
      </c>
      <c r="D37009" t="s">
        <v>22858</v>
      </c>
      <c r="E37009" t="s">
        <v>22839</v>
      </c>
      <c r="F37009" t="s">
        <v>22840</v>
      </c>
      <c r="G37009" t="s">
        <v>22539</v>
      </c>
      <c r="H37009" t="s">
        <v>22540</v>
      </c>
      <c r="I37009" s="2">
        <v>0</v>
      </c>
      <c r="J37009" s="2">
        <v>0</v>
      </c>
      <c r="K37009" s="2">
        <v>1</v>
      </c>
      <c r="L37009" t="s">
        <v>995</v>
      </c>
      <c r="M37009" t="s">
        <v>83</v>
      </c>
      <c r="N37009" t="s">
        <v>91</v>
      </c>
      <c r="O37009" t="s">
        <v>85</v>
      </c>
      <c r="P37009" t="s">
        <v>86</v>
      </c>
      <c r="Q37009">
        <v>33</v>
      </c>
      <c r="R37009">
        <v>33</v>
      </c>
      <c r="S37009">
        <v>34</v>
      </c>
      <c r="T37009">
        <v>34</v>
      </c>
      <c r="U37009">
        <v>35</v>
      </c>
      <c r="V37009">
        <v>35</v>
      </c>
      <c r="W37009">
        <v>36</v>
      </c>
      <c r="X37009">
        <v>36</v>
      </c>
      <c r="Y37009">
        <v>37</v>
      </c>
      <c r="Z37009">
        <v>38</v>
      </c>
      <c r="AA37009">
        <v>38</v>
      </c>
      <c r="AB37009">
        <v>39</v>
      </c>
      <c r="AC37009">
        <v>39</v>
      </c>
      <c r="AD37009">
        <v>40</v>
      </c>
      <c r="AE37009">
        <v>40</v>
      </c>
      <c r="AF37009">
        <v>41</v>
      </c>
      <c r="AG37009">
        <v>41</v>
      </c>
      <c r="AH37009">
        <v>42</v>
      </c>
      <c r="AI37009">
        <v>42</v>
      </c>
      <c r="AJ37009">
        <v>43</v>
      </c>
      <c r="AK37009">
        <v>43</v>
      </c>
      <c r="AL37009">
        <v>44</v>
      </c>
      <c r="AM37009">
        <v>44</v>
      </c>
      <c r="AN37009">
        <v>44</v>
      </c>
      <c r="AO37009">
        <v>44</v>
      </c>
      <c r="AP37009">
        <v>44</v>
      </c>
      <c r="AQ37009">
        <v>44</v>
      </c>
    </row>
    <row r="37010" spans="1:43">
      <c r="A37010" t="s">
        <v>22941</v>
      </c>
      <c r="B37010" t="s">
        <v>22942</v>
      </c>
      <c r="C37010" t="s">
        <v>22929</v>
      </c>
      <c r="D37010" t="s">
        <v>22930</v>
      </c>
      <c r="E37010" t="s">
        <v>22839</v>
      </c>
      <c r="F37010" t="s">
        <v>22840</v>
      </c>
      <c r="G37010" t="s">
        <v>22539</v>
      </c>
      <c r="H37010" t="s">
        <v>22540</v>
      </c>
      <c r="I37010" s="2">
        <v>0</v>
      </c>
      <c r="J37010" s="2">
        <v>0</v>
      </c>
      <c r="K37010" s="2">
        <v>0.51</v>
      </c>
      <c r="L37010" t="s">
        <v>995</v>
      </c>
      <c r="M37010" t="s">
        <v>83</v>
      </c>
      <c r="N37010" t="s">
        <v>84</v>
      </c>
      <c r="O37010" t="s">
        <v>85</v>
      </c>
      <c r="P37010" t="s">
        <v>86</v>
      </c>
      <c r="Q37010">
        <v>60</v>
      </c>
      <c r="R37010">
        <v>61</v>
      </c>
      <c r="S37010">
        <v>62</v>
      </c>
      <c r="T37010">
        <v>62</v>
      </c>
      <c r="U37010">
        <v>63</v>
      </c>
      <c r="V37010">
        <v>64</v>
      </c>
      <c r="W37010">
        <v>65</v>
      </c>
      <c r="X37010">
        <v>66</v>
      </c>
      <c r="Y37010">
        <v>67</v>
      </c>
      <c r="Z37010">
        <v>68</v>
      </c>
      <c r="AA37010">
        <v>69</v>
      </c>
      <c r="AB37010">
        <v>70</v>
      </c>
      <c r="AC37010">
        <v>71</v>
      </c>
      <c r="AD37010">
        <v>72</v>
      </c>
      <c r="AE37010">
        <v>73</v>
      </c>
      <c r="AF37010">
        <v>74</v>
      </c>
      <c r="AG37010">
        <v>75</v>
      </c>
      <c r="AH37010">
        <v>76</v>
      </c>
      <c r="AI37010">
        <v>77</v>
      </c>
      <c r="AJ37010">
        <v>78</v>
      </c>
      <c r="AK37010">
        <v>79</v>
      </c>
      <c r="AL37010">
        <v>79</v>
      </c>
      <c r="AM37010">
        <v>79</v>
      </c>
      <c r="AN37010">
        <v>79</v>
      </c>
      <c r="AO37010">
        <v>80</v>
      </c>
      <c r="AP37010">
        <v>80</v>
      </c>
      <c r="AQ37010">
        <v>80</v>
      </c>
    </row>
    <row r="37011" spans="1:43">
      <c r="A37011" t="s">
        <v>22941</v>
      </c>
      <c r="B37011" t="s">
        <v>22942</v>
      </c>
      <c r="C37011" t="s">
        <v>22929</v>
      </c>
      <c r="D37011" t="s">
        <v>22930</v>
      </c>
      <c r="E37011" t="s">
        <v>22839</v>
      </c>
      <c r="F37011" t="s">
        <v>22840</v>
      </c>
      <c r="G37011" t="s">
        <v>22539</v>
      </c>
      <c r="H37011" t="s">
        <v>22540</v>
      </c>
      <c r="I37011" s="2">
        <v>0</v>
      </c>
      <c r="J37011" s="2">
        <v>0</v>
      </c>
      <c r="K37011" s="2">
        <v>0.51</v>
      </c>
      <c r="L37011" t="s">
        <v>995</v>
      </c>
      <c r="M37011" t="s">
        <v>87</v>
      </c>
      <c r="N37011" t="s">
        <v>88</v>
      </c>
      <c r="O37011" t="s">
        <v>85</v>
      </c>
      <c r="P37011" t="s">
        <v>86</v>
      </c>
      <c r="Q37011">
        <v>60</v>
      </c>
      <c r="R37011">
        <v>60</v>
      </c>
      <c r="S37011">
        <v>61</v>
      </c>
      <c r="T37011">
        <v>61</v>
      </c>
      <c r="U37011">
        <v>62</v>
      </c>
      <c r="V37011">
        <v>62</v>
      </c>
      <c r="W37011">
        <v>62</v>
      </c>
      <c r="X37011">
        <v>63</v>
      </c>
      <c r="Y37011">
        <v>63</v>
      </c>
      <c r="Z37011">
        <v>64</v>
      </c>
      <c r="AA37011">
        <v>64</v>
      </c>
      <c r="AB37011">
        <v>64</v>
      </c>
      <c r="AC37011">
        <v>65</v>
      </c>
      <c r="AD37011">
        <v>65</v>
      </c>
      <c r="AE37011">
        <v>66</v>
      </c>
      <c r="AF37011">
        <v>66</v>
      </c>
      <c r="AG37011">
        <v>66</v>
      </c>
      <c r="AH37011">
        <v>67</v>
      </c>
      <c r="AI37011">
        <v>67</v>
      </c>
      <c r="AJ37011">
        <v>68</v>
      </c>
      <c r="AK37011">
        <v>68</v>
      </c>
      <c r="AL37011">
        <v>68</v>
      </c>
      <c r="AM37011">
        <v>69</v>
      </c>
      <c r="AN37011">
        <v>69</v>
      </c>
      <c r="AO37011">
        <v>70</v>
      </c>
      <c r="AP37011">
        <v>70</v>
      </c>
      <c r="AQ37011">
        <v>70</v>
      </c>
    </row>
    <row r="37012" spans="1:43">
      <c r="A37012" t="s">
        <v>22941</v>
      </c>
      <c r="B37012" t="s">
        <v>22942</v>
      </c>
      <c r="C37012" t="s">
        <v>22929</v>
      </c>
      <c r="D37012" t="s">
        <v>22930</v>
      </c>
      <c r="E37012" t="s">
        <v>22839</v>
      </c>
      <c r="F37012" t="s">
        <v>22840</v>
      </c>
      <c r="G37012" t="s">
        <v>22539</v>
      </c>
      <c r="H37012" t="s">
        <v>22540</v>
      </c>
      <c r="I37012" s="2">
        <v>0</v>
      </c>
      <c r="J37012" s="2">
        <v>0</v>
      </c>
      <c r="K37012" s="2">
        <v>0.51</v>
      </c>
      <c r="L37012" t="s">
        <v>995</v>
      </c>
      <c r="M37012" t="s">
        <v>89</v>
      </c>
      <c r="N37012" t="s">
        <v>90</v>
      </c>
      <c r="O37012" t="s">
        <v>85</v>
      </c>
      <c r="P37012" t="s">
        <v>86</v>
      </c>
      <c r="Q37012">
        <v>60</v>
      </c>
      <c r="R37012">
        <v>62</v>
      </c>
      <c r="S37012">
        <v>63</v>
      </c>
      <c r="T37012">
        <v>65</v>
      </c>
      <c r="U37012">
        <v>66</v>
      </c>
      <c r="V37012">
        <v>67</v>
      </c>
      <c r="W37012">
        <v>69</v>
      </c>
      <c r="X37012">
        <v>70</v>
      </c>
      <c r="Y37012">
        <v>71</v>
      </c>
      <c r="Z37012">
        <v>72</v>
      </c>
      <c r="AA37012">
        <v>74</v>
      </c>
      <c r="AB37012">
        <v>75</v>
      </c>
      <c r="AC37012">
        <v>76</v>
      </c>
      <c r="AD37012">
        <v>77</v>
      </c>
      <c r="AE37012">
        <v>78</v>
      </c>
      <c r="AF37012">
        <v>78</v>
      </c>
      <c r="AG37012">
        <v>79</v>
      </c>
      <c r="AH37012">
        <v>79</v>
      </c>
      <c r="AI37012">
        <v>79</v>
      </c>
      <c r="AJ37012">
        <v>79</v>
      </c>
      <c r="AK37012">
        <v>80</v>
      </c>
      <c r="AL37012">
        <v>80</v>
      </c>
      <c r="AM37012">
        <v>80</v>
      </c>
      <c r="AN37012">
        <v>80</v>
      </c>
      <c r="AO37012">
        <v>81</v>
      </c>
      <c r="AP37012">
        <v>81</v>
      </c>
      <c r="AQ37012">
        <v>81</v>
      </c>
    </row>
    <row r="37013" spans="1:43">
      <c r="A37013" t="s">
        <v>22941</v>
      </c>
      <c r="B37013" t="s">
        <v>22942</v>
      </c>
      <c r="C37013" t="s">
        <v>22929</v>
      </c>
      <c r="D37013" t="s">
        <v>22930</v>
      </c>
      <c r="E37013" t="s">
        <v>22839</v>
      </c>
      <c r="F37013" t="s">
        <v>22840</v>
      </c>
      <c r="G37013" t="s">
        <v>22539</v>
      </c>
      <c r="H37013" t="s">
        <v>22540</v>
      </c>
      <c r="I37013" s="2">
        <v>0</v>
      </c>
      <c r="J37013" s="2">
        <v>0</v>
      </c>
      <c r="K37013" s="2">
        <v>0.51</v>
      </c>
      <c r="L37013" t="s">
        <v>995</v>
      </c>
      <c r="M37013" t="s">
        <v>83</v>
      </c>
      <c r="N37013" t="s">
        <v>91</v>
      </c>
      <c r="O37013" t="s">
        <v>85</v>
      </c>
      <c r="P37013" t="s">
        <v>86</v>
      </c>
      <c r="Q37013">
        <v>60</v>
      </c>
      <c r="R37013">
        <v>61</v>
      </c>
      <c r="S37013">
        <v>62</v>
      </c>
      <c r="T37013">
        <v>62</v>
      </c>
      <c r="U37013">
        <v>63</v>
      </c>
      <c r="V37013">
        <v>64</v>
      </c>
      <c r="W37013">
        <v>65</v>
      </c>
      <c r="X37013">
        <v>66</v>
      </c>
      <c r="Y37013">
        <v>67</v>
      </c>
      <c r="Z37013">
        <v>68</v>
      </c>
      <c r="AA37013">
        <v>69</v>
      </c>
      <c r="AB37013">
        <v>70</v>
      </c>
      <c r="AC37013">
        <v>71</v>
      </c>
      <c r="AD37013">
        <v>72</v>
      </c>
      <c r="AE37013">
        <v>73</v>
      </c>
      <c r="AF37013">
        <v>74</v>
      </c>
      <c r="AG37013">
        <v>75</v>
      </c>
      <c r="AH37013">
        <v>76</v>
      </c>
      <c r="AI37013">
        <v>77</v>
      </c>
      <c r="AJ37013">
        <v>78</v>
      </c>
      <c r="AK37013">
        <v>79</v>
      </c>
      <c r="AL37013">
        <v>79</v>
      </c>
      <c r="AM37013">
        <v>79</v>
      </c>
      <c r="AN37013">
        <v>79</v>
      </c>
      <c r="AO37013">
        <v>80</v>
      </c>
      <c r="AP37013">
        <v>80</v>
      </c>
      <c r="AQ37013">
        <v>80</v>
      </c>
    </row>
    <row r="37014" spans="1:43">
      <c r="A37014" t="s">
        <v>22943</v>
      </c>
      <c r="B37014" t="s">
        <v>22944</v>
      </c>
      <c r="C37014" t="s">
        <v>22929</v>
      </c>
      <c r="D37014" t="s">
        <v>22930</v>
      </c>
      <c r="E37014" t="s">
        <v>22839</v>
      </c>
      <c r="F37014" t="s">
        <v>22840</v>
      </c>
      <c r="G37014" t="s">
        <v>22539</v>
      </c>
      <c r="H37014" t="s">
        <v>22540</v>
      </c>
      <c r="I37014" s="2">
        <v>0</v>
      </c>
      <c r="J37014" s="2">
        <v>0</v>
      </c>
      <c r="K37014" s="2">
        <v>1</v>
      </c>
      <c r="L37014" t="s">
        <v>995</v>
      </c>
      <c r="M37014" t="s">
        <v>83</v>
      </c>
      <c r="N37014" t="s">
        <v>84</v>
      </c>
      <c r="O37014" t="s">
        <v>85</v>
      </c>
      <c r="P37014" t="s">
        <v>86</v>
      </c>
      <c r="Q37014">
        <v>33</v>
      </c>
      <c r="R37014">
        <v>33</v>
      </c>
      <c r="S37014">
        <v>34</v>
      </c>
      <c r="T37014">
        <v>34</v>
      </c>
      <c r="U37014">
        <v>35</v>
      </c>
      <c r="V37014">
        <v>35</v>
      </c>
      <c r="W37014">
        <v>36</v>
      </c>
      <c r="X37014">
        <v>36</v>
      </c>
      <c r="Y37014">
        <v>37</v>
      </c>
      <c r="Z37014">
        <v>37</v>
      </c>
      <c r="AA37014">
        <v>38</v>
      </c>
      <c r="AB37014">
        <v>38</v>
      </c>
      <c r="AC37014">
        <v>39</v>
      </c>
      <c r="AD37014">
        <v>39</v>
      </c>
      <c r="AE37014">
        <v>40</v>
      </c>
      <c r="AF37014">
        <v>40</v>
      </c>
      <c r="AG37014">
        <v>41</v>
      </c>
      <c r="AH37014">
        <v>42</v>
      </c>
      <c r="AI37014">
        <v>42</v>
      </c>
      <c r="AJ37014">
        <v>43</v>
      </c>
      <c r="AK37014">
        <v>43</v>
      </c>
      <c r="AL37014">
        <v>43</v>
      </c>
      <c r="AM37014">
        <v>43</v>
      </c>
      <c r="AN37014">
        <v>44</v>
      </c>
      <c r="AO37014">
        <v>44</v>
      </c>
      <c r="AP37014">
        <v>44</v>
      </c>
      <c r="AQ37014">
        <v>44</v>
      </c>
    </row>
    <row r="37015" spans="1:43">
      <c r="A37015" t="s">
        <v>22943</v>
      </c>
      <c r="B37015" t="s">
        <v>22944</v>
      </c>
      <c r="C37015" t="s">
        <v>22929</v>
      </c>
      <c r="D37015" t="s">
        <v>22930</v>
      </c>
      <c r="E37015" t="s">
        <v>22839</v>
      </c>
      <c r="F37015" t="s">
        <v>22840</v>
      </c>
      <c r="G37015" t="s">
        <v>22539</v>
      </c>
      <c r="H37015" t="s">
        <v>22540</v>
      </c>
      <c r="I37015" s="2">
        <v>0</v>
      </c>
      <c r="J37015" s="2">
        <v>0</v>
      </c>
      <c r="K37015" s="2">
        <v>1</v>
      </c>
      <c r="L37015" t="s">
        <v>995</v>
      </c>
      <c r="M37015" t="s">
        <v>87</v>
      </c>
      <c r="N37015" t="s">
        <v>88</v>
      </c>
      <c r="O37015" t="s">
        <v>85</v>
      </c>
      <c r="P37015" t="s">
        <v>86</v>
      </c>
      <c r="Q37015">
        <v>33</v>
      </c>
      <c r="R37015">
        <v>34</v>
      </c>
      <c r="S37015">
        <v>34</v>
      </c>
      <c r="T37015">
        <v>34</v>
      </c>
      <c r="U37015">
        <v>34</v>
      </c>
      <c r="V37015">
        <v>34</v>
      </c>
      <c r="W37015">
        <v>35</v>
      </c>
      <c r="X37015">
        <v>35</v>
      </c>
      <c r="Y37015">
        <v>35</v>
      </c>
      <c r="Z37015">
        <v>35</v>
      </c>
      <c r="AA37015">
        <v>35</v>
      </c>
      <c r="AB37015">
        <v>36</v>
      </c>
      <c r="AC37015">
        <v>36</v>
      </c>
      <c r="AD37015">
        <v>36</v>
      </c>
      <c r="AE37015">
        <v>36</v>
      </c>
      <c r="AF37015">
        <v>37</v>
      </c>
      <c r="AG37015">
        <v>37</v>
      </c>
      <c r="AH37015">
        <v>37</v>
      </c>
      <c r="AI37015">
        <v>37</v>
      </c>
      <c r="AJ37015">
        <v>37</v>
      </c>
      <c r="AK37015">
        <v>38</v>
      </c>
      <c r="AL37015">
        <v>38</v>
      </c>
      <c r="AM37015">
        <v>38</v>
      </c>
      <c r="AN37015">
        <v>38</v>
      </c>
      <c r="AO37015">
        <v>38</v>
      </c>
      <c r="AP37015">
        <v>39</v>
      </c>
      <c r="AQ37015">
        <v>39</v>
      </c>
    </row>
    <row r="37016" spans="1:43">
      <c r="A37016" t="s">
        <v>22943</v>
      </c>
      <c r="B37016" t="s">
        <v>22944</v>
      </c>
      <c r="C37016" t="s">
        <v>22929</v>
      </c>
      <c r="D37016" t="s">
        <v>22930</v>
      </c>
      <c r="E37016" t="s">
        <v>22839</v>
      </c>
      <c r="F37016" t="s">
        <v>22840</v>
      </c>
      <c r="G37016" t="s">
        <v>22539</v>
      </c>
      <c r="H37016" t="s">
        <v>22540</v>
      </c>
      <c r="I37016" s="2">
        <v>0</v>
      </c>
      <c r="J37016" s="2">
        <v>0</v>
      </c>
      <c r="K37016" s="2">
        <v>1</v>
      </c>
      <c r="L37016" t="s">
        <v>995</v>
      </c>
      <c r="M37016" t="s">
        <v>89</v>
      </c>
      <c r="N37016" t="s">
        <v>90</v>
      </c>
      <c r="O37016" t="s">
        <v>85</v>
      </c>
      <c r="P37016" t="s">
        <v>86</v>
      </c>
      <c r="Q37016">
        <v>33</v>
      </c>
      <c r="R37016">
        <v>34</v>
      </c>
      <c r="S37016">
        <v>35</v>
      </c>
      <c r="T37016">
        <v>35</v>
      </c>
      <c r="U37016">
        <v>36</v>
      </c>
      <c r="V37016">
        <v>37</v>
      </c>
      <c r="W37016">
        <v>38</v>
      </c>
      <c r="X37016">
        <v>38</v>
      </c>
      <c r="Y37016">
        <v>39</v>
      </c>
      <c r="Z37016">
        <v>40</v>
      </c>
      <c r="AA37016">
        <v>40</v>
      </c>
      <c r="AB37016">
        <v>41</v>
      </c>
      <c r="AC37016">
        <v>42</v>
      </c>
      <c r="AD37016">
        <v>43</v>
      </c>
      <c r="AE37016">
        <v>43</v>
      </c>
      <c r="AF37016">
        <v>43</v>
      </c>
      <c r="AG37016">
        <v>43</v>
      </c>
      <c r="AH37016">
        <v>43</v>
      </c>
      <c r="AI37016">
        <v>43</v>
      </c>
      <c r="AJ37016">
        <v>43</v>
      </c>
      <c r="AK37016">
        <v>44</v>
      </c>
      <c r="AL37016">
        <v>44</v>
      </c>
      <c r="AM37016">
        <v>44</v>
      </c>
      <c r="AN37016">
        <v>44</v>
      </c>
      <c r="AO37016">
        <v>44</v>
      </c>
      <c r="AP37016">
        <v>44</v>
      </c>
      <c r="AQ37016">
        <v>44</v>
      </c>
    </row>
    <row r="37017" spans="1:43">
      <c r="A37017" t="s">
        <v>22943</v>
      </c>
      <c r="B37017" t="s">
        <v>22944</v>
      </c>
      <c r="C37017" t="s">
        <v>22929</v>
      </c>
      <c r="D37017" t="s">
        <v>22930</v>
      </c>
      <c r="E37017" t="s">
        <v>22839</v>
      </c>
      <c r="F37017" t="s">
        <v>22840</v>
      </c>
      <c r="G37017" t="s">
        <v>22539</v>
      </c>
      <c r="H37017" t="s">
        <v>22540</v>
      </c>
      <c r="I37017" s="2">
        <v>0</v>
      </c>
      <c r="J37017" s="2">
        <v>0</v>
      </c>
      <c r="K37017" s="2">
        <v>1</v>
      </c>
      <c r="L37017" t="s">
        <v>995</v>
      </c>
      <c r="M37017" t="s">
        <v>83</v>
      </c>
      <c r="N37017" t="s">
        <v>91</v>
      </c>
      <c r="O37017" t="s">
        <v>85</v>
      </c>
      <c r="P37017" t="s">
        <v>86</v>
      </c>
      <c r="Q37017">
        <v>33</v>
      </c>
      <c r="R37017">
        <v>33</v>
      </c>
      <c r="S37017">
        <v>34</v>
      </c>
      <c r="T37017">
        <v>34</v>
      </c>
      <c r="U37017">
        <v>35</v>
      </c>
      <c r="V37017">
        <v>35</v>
      </c>
      <c r="W37017">
        <v>36</v>
      </c>
      <c r="X37017">
        <v>36</v>
      </c>
      <c r="Y37017">
        <v>37</v>
      </c>
      <c r="Z37017">
        <v>37</v>
      </c>
      <c r="AA37017">
        <v>38</v>
      </c>
      <c r="AB37017">
        <v>38</v>
      </c>
      <c r="AC37017">
        <v>39</v>
      </c>
      <c r="AD37017">
        <v>39</v>
      </c>
      <c r="AE37017">
        <v>40</v>
      </c>
      <c r="AF37017">
        <v>40</v>
      </c>
      <c r="AG37017">
        <v>41</v>
      </c>
      <c r="AH37017">
        <v>42</v>
      </c>
      <c r="AI37017">
        <v>42</v>
      </c>
      <c r="AJ37017">
        <v>43</v>
      </c>
      <c r="AK37017">
        <v>43</v>
      </c>
      <c r="AL37017">
        <v>43</v>
      </c>
      <c r="AM37017">
        <v>43</v>
      </c>
      <c r="AN37017">
        <v>44</v>
      </c>
      <c r="AO37017">
        <v>44</v>
      </c>
      <c r="AP37017">
        <v>44</v>
      </c>
      <c r="AQ37017">
        <v>44</v>
      </c>
    </row>
    <row r="37018" spans="1:43">
      <c r="A37018" t="s">
        <v>22945</v>
      </c>
      <c r="B37018" t="s">
        <v>22946</v>
      </c>
      <c r="C37018" t="s">
        <v>22929</v>
      </c>
      <c r="D37018" t="s">
        <v>22930</v>
      </c>
      <c r="E37018" t="s">
        <v>22839</v>
      </c>
      <c r="F37018" t="s">
        <v>22840</v>
      </c>
      <c r="G37018" t="s">
        <v>22539</v>
      </c>
      <c r="H37018" t="s">
        <v>22540</v>
      </c>
      <c r="I37018" s="2">
        <v>0</v>
      </c>
      <c r="J37018" s="2">
        <v>0</v>
      </c>
      <c r="K37018" s="2">
        <v>1</v>
      </c>
      <c r="L37018" t="s">
        <v>995</v>
      </c>
      <c r="M37018" t="s">
        <v>83</v>
      </c>
      <c r="N37018" t="s">
        <v>84</v>
      </c>
      <c r="O37018" t="s">
        <v>85</v>
      </c>
      <c r="P37018" t="s">
        <v>86</v>
      </c>
      <c r="Q37018">
        <v>49</v>
      </c>
      <c r="R37018">
        <v>49</v>
      </c>
      <c r="S37018">
        <v>50</v>
      </c>
      <c r="T37018">
        <v>51</v>
      </c>
      <c r="U37018">
        <v>52</v>
      </c>
      <c r="V37018">
        <v>52</v>
      </c>
      <c r="W37018">
        <v>53</v>
      </c>
      <c r="X37018">
        <v>54</v>
      </c>
      <c r="Y37018">
        <v>55</v>
      </c>
      <c r="Z37018">
        <v>56</v>
      </c>
      <c r="AA37018">
        <v>56</v>
      </c>
      <c r="AB37018">
        <v>57</v>
      </c>
      <c r="AC37018">
        <v>58</v>
      </c>
      <c r="AD37018">
        <v>59</v>
      </c>
      <c r="AE37018">
        <v>59</v>
      </c>
      <c r="AF37018">
        <v>60</v>
      </c>
      <c r="AG37018">
        <v>61</v>
      </c>
      <c r="AH37018">
        <v>62</v>
      </c>
      <c r="AI37018">
        <v>63</v>
      </c>
      <c r="AJ37018">
        <v>63</v>
      </c>
      <c r="AK37018">
        <v>64</v>
      </c>
      <c r="AL37018">
        <v>64</v>
      </c>
      <c r="AM37018">
        <v>65</v>
      </c>
      <c r="AN37018">
        <v>65</v>
      </c>
      <c r="AO37018">
        <v>65</v>
      </c>
      <c r="AP37018">
        <v>65</v>
      </c>
      <c r="AQ37018">
        <v>65</v>
      </c>
    </row>
    <row r="37019" spans="1:43">
      <c r="A37019" t="s">
        <v>22945</v>
      </c>
      <c r="B37019" t="s">
        <v>22946</v>
      </c>
      <c r="C37019" t="s">
        <v>22929</v>
      </c>
      <c r="D37019" t="s">
        <v>22930</v>
      </c>
      <c r="E37019" t="s">
        <v>22839</v>
      </c>
      <c r="F37019" t="s">
        <v>22840</v>
      </c>
      <c r="G37019" t="s">
        <v>22539</v>
      </c>
      <c r="H37019" t="s">
        <v>22540</v>
      </c>
      <c r="I37019" s="2">
        <v>0</v>
      </c>
      <c r="J37019" s="2">
        <v>0</v>
      </c>
      <c r="K37019" s="2">
        <v>1</v>
      </c>
      <c r="L37019" t="s">
        <v>995</v>
      </c>
      <c r="M37019" t="s">
        <v>87</v>
      </c>
      <c r="N37019" t="s">
        <v>88</v>
      </c>
      <c r="O37019" t="s">
        <v>85</v>
      </c>
      <c r="P37019" t="s">
        <v>86</v>
      </c>
      <c r="Q37019">
        <v>49</v>
      </c>
      <c r="R37019">
        <v>50</v>
      </c>
      <c r="S37019">
        <v>50</v>
      </c>
      <c r="T37019">
        <v>50</v>
      </c>
      <c r="U37019">
        <v>50</v>
      </c>
      <c r="V37019">
        <v>51</v>
      </c>
      <c r="W37019">
        <v>51</v>
      </c>
      <c r="X37019">
        <v>51</v>
      </c>
      <c r="Y37019">
        <v>52</v>
      </c>
      <c r="Z37019">
        <v>52</v>
      </c>
      <c r="AA37019">
        <v>52</v>
      </c>
      <c r="AB37019">
        <v>53</v>
      </c>
      <c r="AC37019">
        <v>53</v>
      </c>
      <c r="AD37019">
        <v>53</v>
      </c>
      <c r="AE37019">
        <v>54</v>
      </c>
      <c r="AF37019">
        <v>54</v>
      </c>
      <c r="AG37019">
        <v>54</v>
      </c>
      <c r="AH37019">
        <v>54</v>
      </c>
      <c r="AI37019">
        <v>55</v>
      </c>
      <c r="AJ37019">
        <v>55</v>
      </c>
      <c r="AK37019">
        <v>55</v>
      </c>
      <c r="AL37019">
        <v>56</v>
      </c>
      <c r="AM37019">
        <v>56</v>
      </c>
      <c r="AN37019">
        <v>56</v>
      </c>
      <c r="AO37019">
        <v>57</v>
      </c>
      <c r="AP37019">
        <v>57</v>
      </c>
      <c r="AQ37019">
        <v>57</v>
      </c>
    </row>
    <row r="37020" spans="1:43">
      <c r="A37020" t="s">
        <v>22945</v>
      </c>
      <c r="B37020" t="s">
        <v>22946</v>
      </c>
      <c r="C37020" t="s">
        <v>22929</v>
      </c>
      <c r="D37020" t="s">
        <v>22930</v>
      </c>
      <c r="E37020" t="s">
        <v>22839</v>
      </c>
      <c r="F37020" t="s">
        <v>22840</v>
      </c>
      <c r="G37020" t="s">
        <v>22539</v>
      </c>
      <c r="H37020" t="s">
        <v>22540</v>
      </c>
      <c r="I37020" s="2">
        <v>0</v>
      </c>
      <c r="J37020" s="2">
        <v>0</v>
      </c>
      <c r="K37020" s="2">
        <v>1</v>
      </c>
      <c r="L37020" t="s">
        <v>995</v>
      </c>
      <c r="M37020" t="s">
        <v>89</v>
      </c>
      <c r="N37020" t="s">
        <v>90</v>
      </c>
      <c r="O37020" t="s">
        <v>85</v>
      </c>
      <c r="P37020" t="s">
        <v>86</v>
      </c>
      <c r="Q37020">
        <v>49</v>
      </c>
      <c r="R37020">
        <v>50</v>
      </c>
      <c r="S37020">
        <v>51</v>
      </c>
      <c r="T37020">
        <v>53</v>
      </c>
      <c r="U37020">
        <v>54</v>
      </c>
      <c r="V37020">
        <v>55</v>
      </c>
      <c r="W37020">
        <v>56</v>
      </c>
      <c r="X37020">
        <v>57</v>
      </c>
      <c r="Y37020">
        <v>58</v>
      </c>
      <c r="Z37020">
        <v>59</v>
      </c>
      <c r="AA37020">
        <v>60</v>
      </c>
      <c r="AB37020">
        <v>61</v>
      </c>
      <c r="AC37020">
        <v>62</v>
      </c>
      <c r="AD37020">
        <v>63</v>
      </c>
      <c r="AE37020">
        <v>64</v>
      </c>
      <c r="AF37020">
        <v>64</v>
      </c>
      <c r="AG37020">
        <v>64</v>
      </c>
      <c r="AH37020">
        <v>64</v>
      </c>
      <c r="AI37020">
        <v>64</v>
      </c>
      <c r="AJ37020">
        <v>65</v>
      </c>
      <c r="AK37020">
        <v>65</v>
      </c>
      <c r="AL37020">
        <v>65</v>
      </c>
      <c r="AM37020">
        <v>65</v>
      </c>
      <c r="AN37020">
        <v>65</v>
      </c>
      <c r="AO37020">
        <v>65</v>
      </c>
      <c r="AP37020">
        <v>65</v>
      </c>
      <c r="AQ37020">
        <v>66</v>
      </c>
    </row>
    <row r="37021" spans="1:43">
      <c r="A37021" t="s">
        <v>22945</v>
      </c>
      <c r="B37021" t="s">
        <v>22946</v>
      </c>
      <c r="C37021" t="s">
        <v>22929</v>
      </c>
      <c r="D37021" t="s">
        <v>22930</v>
      </c>
      <c r="E37021" t="s">
        <v>22839</v>
      </c>
      <c r="F37021" t="s">
        <v>22840</v>
      </c>
      <c r="G37021" t="s">
        <v>22539</v>
      </c>
      <c r="H37021" t="s">
        <v>22540</v>
      </c>
      <c r="I37021" s="2">
        <v>0</v>
      </c>
      <c r="J37021" s="2">
        <v>0</v>
      </c>
      <c r="K37021" s="2">
        <v>1</v>
      </c>
      <c r="L37021" t="s">
        <v>995</v>
      </c>
      <c r="M37021" t="s">
        <v>83</v>
      </c>
      <c r="N37021" t="s">
        <v>91</v>
      </c>
      <c r="O37021" t="s">
        <v>85</v>
      </c>
      <c r="P37021" t="s">
        <v>86</v>
      </c>
      <c r="Q37021">
        <v>49</v>
      </c>
      <c r="R37021">
        <v>49</v>
      </c>
      <c r="S37021">
        <v>50</v>
      </c>
      <c r="T37021">
        <v>51</v>
      </c>
      <c r="U37021">
        <v>52</v>
      </c>
      <c r="V37021">
        <v>52</v>
      </c>
      <c r="W37021">
        <v>53</v>
      </c>
      <c r="X37021">
        <v>54</v>
      </c>
      <c r="Y37021">
        <v>55</v>
      </c>
      <c r="Z37021">
        <v>56</v>
      </c>
      <c r="AA37021">
        <v>56</v>
      </c>
      <c r="AB37021">
        <v>57</v>
      </c>
      <c r="AC37021">
        <v>58</v>
      </c>
      <c r="AD37021">
        <v>59</v>
      </c>
      <c r="AE37021">
        <v>59</v>
      </c>
      <c r="AF37021">
        <v>60</v>
      </c>
      <c r="AG37021">
        <v>61</v>
      </c>
      <c r="AH37021">
        <v>62</v>
      </c>
      <c r="AI37021">
        <v>63</v>
      </c>
      <c r="AJ37021">
        <v>63</v>
      </c>
      <c r="AK37021">
        <v>64</v>
      </c>
      <c r="AL37021">
        <v>64</v>
      </c>
      <c r="AM37021">
        <v>65</v>
      </c>
      <c r="AN37021">
        <v>65</v>
      </c>
      <c r="AO37021">
        <v>65</v>
      </c>
      <c r="AP37021">
        <v>65</v>
      </c>
      <c r="AQ37021">
        <v>65</v>
      </c>
    </row>
    <row r="37022" spans="1:43">
      <c r="A37022" t="s">
        <v>22947</v>
      </c>
      <c r="B37022" t="s">
        <v>22948</v>
      </c>
      <c r="C37022" t="s">
        <v>22949</v>
      </c>
      <c r="D37022" t="s">
        <v>22950</v>
      </c>
      <c r="E37022" t="s">
        <v>22839</v>
      </c>
      <c r="F37022" t="s">
        <v>22840</v>
      </c>
      <c r="G37022" t="s">
        <v>22539</v>
      </c>
      <c r="H37022" t="s">
        <v>22540</v>
      </c>
      <c r="I37022" s="2">
        <v>0</v>
      </c>
      <c r="J37022" s="2">
        <v>0</v>
      </c>
      <c r="K37022" s="2">
        <v>1</v>
      </c>
      <c r="L37022" t="s">
        <v>995</v>
      </c>
      <c r="M37022" t="s">
        <v>83</v>
      </c>
      <c r="N37022" t="s">
        <v>84</v>
      </c>
      <c r="O37022" t="s">
        <v>85</v>
      </c>
      <c r="P37022" t="s">
        <v>86</v>
      </c>
      <c r="Q37022">
        <v>11</v>
      </c>
      <c r="R37022">
        <v>12</v>
      </c>
      <c r="S37022">
        <v>12</v>
      </c>
      <c r="T37022">
        <v>12</v>
      </c>
      <c r="U37022">
        <v>12</v>
      </c>
      <c r="V37022">
        <v>12</v>
      </c>
      <c r="W37022">
        <v>13</v>
      </c>
      <c r="X37022">
        <v>13</v>
      </c>
      <c r="Y37022">
        <v>13</v>
      </c>
      <c r="Z37022">
        <v>13</v>
      </c>
      <c r="AA37022">
        <v>13</v>
      </c>
      <c r="AB37022">
        <v>13</v>
      </c>
      <c r="AC37022">
        <v>14</v>
      </c>
      <c r="AD37022">
        <v>14</v>
      </c>
      <c r="AE37022">
        <v>14</v>
      </c>
      <c r="AF37022">
        <v>14</v>
      </c>
      <c r="AG37022">
        <v>14</v>
      </c>
      <c r="AH37022">
        <v>15</v>
      </c>
      <c r="AI37022">
        <v>15</v>
      </c>
      <c r="AJ37022">
        <v>15</v>
      </c>
      <c r="AK37022">
        <v>15</v>
      </c>
      <c r="AL37022">
        <v>15</v>
      </c>
      <c r="AM37022">
        <v>15</v>
      </c>
      <c r="AN37022">
        <v>15</v>
      </c>
      <c r="AO37022">
        <v>15</v>
      </c>
      <c r="AP37022">
        <v>15</v>
      </c>
      <c r="AQ37022">
        <v>16</v>
      </c>
    </row>
    <row r="37023" spans="1:43">
      <c r="A37023" t="s">
        <v>22947</v>
      </c>
      <c r="B37023" t="s">
        <v>22948</v>
      </c>
      <c r="C37023" t="s">
        <v>22949</v>
      </c>
      <c r="D37023" t="s">
        <v>22950</v>
      </c>
      <c r="E37023" t="s">
        <v>22839</v>
      </c>
      <c r="F37023" t="s">
        <v>22840</v>
      </c>
      <c r="G37023" t="s">
        <v>22539</v>
      </c>
      <c r="H37023" t="s">
        <v>22540</v>
      </c>
      <c r="I37023" s="2">
        <v>0</v>
      </c>
      <c r="J37023" s="2">
        <v>0</v>
      </c>
      <c r="K37023" s="2">
        <v>1</v>
      </c>
      <c r="L37023" t="s">
        <v>995</v>
      </c>
      <c r="M37023" t="s">
        <v>87</v>
      </c>
      <c r="N37023" t="s">
        <v>88</v>
      </c>
      <c r="O37023" t="s">
        <v>85</v>
      </c>
      <c r="P37023" t="s">
        <v>86</v>
      </c>
      <c r="Q37023">
        <v>11</v>
      </c>
      <c r="R37023">
        <v>11</v>
      </c>
      <c r="S37023">
        <v>11</v>
      </c>
      <c r="T37023">
        <v>12</v>
      </c>
      <c r="U37023">
        <v>12</v>
      </c>
      <c r="V37023">
        <v>12</v>
      </c>
      <c r="W37023">
        <v>12</v>
      </c>
      <c r="X37023">
        <v>12</v>
      </c>
      <c r="Y37023">
        <v>12</v>
      </c>
      <c r="Z37023">
        <v>12</v>
      </c>
      <c r="AA37023">
        <v>12</v>
      </c>
      <c r="AB37023">
        <v>12</v>
      </c>
      <c r="AC37023">
        <v>12</v>
      </c>
      <c r="AD37023">
        <v>12</v>
      </c>
      <c r="AE37023">
        <v>12</v>
      </c>
      <c r="AF37023">
        <v>12</v>
      </c>
      <c r="AG37023">
        <v>13</v>
      </c>
      <c r="AH37023">
        <v>13</v>
      </c>
      <c r="AI37023">
        <v>13</v>
      </c>
      <c r="AJ37023">
        <v>13</v>
      </c>
      <c r="AK37023">
        <v>13</v>
      </c>
      <c r="AL37023">
        <v>13</v>
      </c>
      <c r="AM37023">
        <v>13</v>
      </c>
      <c r="AN37023">
        <v>13</v>
      </c>
      <c r="AO37023">
        <v>13</v>
      </c>
      <c r="AP37023">
        <v>13</v>
      </c>
      <c r="AQ37023">
        <v>13</v>
      </c>
    </row>
    <row r="37024" spans="1:43">
      <c r="A37024" t="s">
        <v>22947</v>
      </c>
      <c r="B37024" t="s">
        <v>22948</v>
      </c>
      <c r="C37024" t="s">
        <v>22949</v>
      </c>
      <c r="D37024" t="s">
        <v>22950</v>
      </c>
      <c r="E37024" t="s">
        <v>22839</v>
      </c>
      <c r="F37024" t="s">
        <v>22840</v>
      </c>
      <c r="G37024" t="s">
        <v>22539</v>
      </c>
      <c r="H37024" t="s">
        <v>22540</v>
      </c>
      <c r="I37024" s="2">
        <v>0</v>
      </c>
      <c r="J37024" s="2">
        <v>0</v>
      </c>
      <c r="K37024" s="2">
        <v>1</v>
      </c>
      <c r="L37024" t="s">
        <v>995</v>
      </c>
      <c r="M37024" t="s">
        <v>89</v>
      </c>
      <c r="N37024" t="s">
        <v>90</v>
      </c>
      <c r="O37024" t="s">
        <v>85</v>
      </c>
      <c r="P37024" t="s">
        <v>86</v>
      </c>
      <c r="Q37024">
        <v>11</v>
      </c>
      <c r="R37024">
        <v>11</v>
      </c>
      <c r="S37024">
        <v>11</v>
      </c>
      <c r="T37024">
        <v>11</v>
      </c>
      <c r="U37024">
        <v>12</v>
      </c>
      <c r="V37024">
        <v>12</v>
      </c>
      <c r="W37024">
        <v>12</v>
      </c>
      <c r="X37024">
        <v>12</v>
      </c>
      <c r="Y37024">
        <v>13</v>
      </c>
      <c r="Z37024">
        <v>13</v>
      </c>
      <c r="AA37024">
        <v>13</v>
      </c>
      <c r="AB37024">
        <v>13</v>
      </c>
      <c r="AC37024">
        <v>14</v>
      </c>
      <c r="AD37024">
        <v>14</v>
      </c>
      <c r="AE37024">
        <v>14</v>
      </c>
      <c r="AF37024">
        <v>14</v>
      </c>
      <c r="AG37024">
        <v>14</v>
      </c>
      <c r="AH37024">
        <v>14</v>
      </c>
      <c r="AI37024">
        <v>14</v>
      </c>
      <c r="AJ37024">
        <v>14</v>
      </c>
      <c r="AK37024">
        <v>14</v>
      </c>
      <c r="AL37024">
        <v>14</v>
      </c>
      <c r="AM37024">
        <v>15</v>
      </c>
      <c r="AN37024">
        <v>15</v>
      </c>
      <c r="AO37024">
        <v>15</v>
      </c>
      <c r="AP37024">
        <v>15</v>
      </c>
      <c r="AQ37024">
        <v>15</v>
      </c>
    </row>
    <row r="37025" spans="1:43">
      <c r="A37025" t="s">
        <v>22947</v>
      </c>
      <c r="B37025" t="s">
        <v>22948</v>
      </c>
      <c r="C37025" t="s">
        <v>22949</v>
      </c>
      <c r="D37025" t="s">
        <v>22950</v>
      </c>
      <c r="E37025" t="s">
        <v>22839</v>
      </c>
      <c r="F37025" t="s">
        <v>22840</v>
      </c>
      <c r="G37025" t="s">
        <v>22539</v>
      </c>
      <c r="H37025" t="s">
        <v>22540</v>
      </c>
      <c r="I37025" s="2">
        <v>0</v>
      </c>
      <c r="J37025" s="2">
        <v>0</v>
      </c>
      <c r="K37025" s="2">
        <v>1</v>
      </c>
      <c r="L37025" t="s">
        <v>995</v>
      </c>
      <c r="M37025" t="s">
        <v>83</v>
      </c>
      <c r="N37025" t="s">
        <v>91</v>
      </c>
      <c r="O37025" t="s">
        <v>85</v>
      </c>
      <c r="P37025" t="s">
        <v>86</v>
      </c>
      <c r="Q37025">
        <v>11</v>
      </c>
      <c r="R37025">
        <v>12</v>
      </c>
      <c r="S37025">
        <v>12</v>
      </c>
      <c r="T37025">
        <v>12</v>
      </c>
      <c r="U37025">
        <v>12</v>
      </c>
      <c r="V37025">
        <v>12</v>
      </c>
      <c r="W37025">
        <v>13</v>
      </c>
      <c r="X37025">
        <v>13</v>
      </c>
      <c r="Y37025">
        <v>13</v>
      </c>
      <c r="Z37025">
        <v>13</v>
      </c>
      <c r="AA37025">
        <v>13</v>
      </c>
      <c r="AB37025">
        <v>13</v>
      </c>
      <c r="AC37025">
        <v>14</v>
      </c>
      <c r="AD37025">
        <v>14</v>
      </c>
      <c r="AE37025">
        <v>14</v>
      </c>
      <c r="AF37025">
        <v>14</v>
      </c>
      <c r="AG37025">
        <v>14</v>
      </c>
      <c r="AH37025">
        <v>15</v>
      </c>
      <c r="AI37025">
        <v>15</v>
      </c>
      <c r="AJ37025">
        <v>15</v>
      </c>
      <c r="AK37025">
        <v>15</v>
      </c>
      <c r="AL37025">
        <v>15</v>
      </c>
      <c r="AM37025">
        <v>15</v>
      </c>
      <c r="AN37025">
        <v>15</v>
      </c>
      <c r="AO37025">
        <v>15</v>
      </c>
      <c r="AP37025">
        <v>15</v>
      </c>
      <c r="AQ37025">
        <v>16</v>
      </c>
    </row>
    <row r="37026" spans="1:43">
      <c r="A37026" t="s">
        <v>22951</v>
      </c>
      <c r="B37026" t="s">
        <v>22952</v>
      </c>
      <c r="C37026" t="s">
        <v>22949</v>
      </c>
      <c r="D37026" t="s">
        <v>22950</v>
      </c>
      <c r="E37026" t="s">
        <v>22839</v>
      </c>
      <c r="F37026" t="s">
        <v>22840</v>
      </c>
      <c r="G37026" t="s">
        <v>22539</v>
      </c>
      <c r="H37026" t="s">
        <v>22540</v>
      </c>
      <c r="I37026" s="2">
        <v>0</v>
      </c>
      <c r="J37026" s="2">
        <v>0</v>
      </c>
      <c r="K37026" s="2">
        <v>1</v>
      </c>
      <c r="L37026" t="s">
        <v>995</v>
      </c>
      <c r="M37026" t="s">
        <v>83</v>
      </c>
      <c r="N37026" t="s">
        <v>84</v>
      </c>
      <c r="O37026" t="s">
        <v>85</v>
      </c>
      <c r="P37026" t="s">
        <v>86</v>
      </c>
      <c r="Q37026">
        <v>22</v>
      </c>
      <c r="R37026">
        <v>22</v>
      </c>
      <c r="S37026">
        <v>23</v>
      </c>
      <c r="T37026">
        <v>23</v>
      </c>
      <c r="U37026">
        <v>24</v>
      </c>
      <c r="V37026">
        <v>24</v>
      </c>
      <c r="W37026">
        <v>24</v>
      </c>
      <c r="X37026">
        <v>25</v>
      </c>
      <c r="Y37026">
        <v>25</v>
      </c>
      <c r="Z37026">
        <v>25</v>
      </c>
      <c r="AA37026">
        <v>26</v>
      </c>
      <c r="AB37026">
        <v>26</v>
      </c>
      <c r="AC37026">
        <v>26</v>
      </c>
      <c r="AD37026">
        <v>27</v>
      </c>
      <c r="AE37026">
        <v>27</v>
      </c>
      <c r="AF37026">
        <v>28</v>
      </c>
      <c r="AG37026">
        <v>28</v>
      </c>
      <c r="AH37026">
        <v>28</v>
      </c>
      <c r="AI37026">
        <v>29</v>
      </c>
      <c r="AJ37026">
        <v>29</v>
      </c>
      <c r="AK37026">
        <v>29</v>
      </c>
      <c r="AL37026">
        <v>30</v>
      </c>
      <c r="AM37026">
        <v>30</v>
      </c>
      <c r="AN37026">
        <v>30</v>
      </c>
      <c r="AO37026">
        <v>30</v>
      </c>
      <c r="AP37026">
        <v>30</v>
      </c>
      <c r="AQ37026">
        <v>30</v>
      </c>
    </row>
    <row r="37027" spans="1:43">
      <c r="A37027" t="s">
        <v>22951</v>
      </c>
      <c r="B37027" t="s">
        <v>22952</v>
      </c>
      <c r="C37027" t="s">
        <v>22949</v>
      </c>
      <c r="D37027" t="s">
        <v>22950</v>
      </c>
      <c r="E37027" t="s">
        <v>22839</v>
      </c>
      <c r="F37027" t="s">
        <v>22840</v>
      </c>
      <c r="G37027" t="s">
        <v>22539</v>
      </c>
      <c r="H37027" t="s">
        <v>22540</v>
      </c>
      <c r="I37027" s="2">
        <v>0</v>
      </c>
      <c r="J37027" s="2">
        <v>0</v>
      </c>
      <c r="K37027" s="2">
        <v>1</v>
      </c>
      <c r="L37027" t="s">
        <v>995</v>
      </c>
      <c r="M37027" t="s">
        <v>87</v>
      </c>
      <c r="N37027" t="s">
        <v>88</v>
      </c>
      <c r="O37027" t="s">
        <v>85</v>
      </c>
      <c r="P37027" t="s">
        <v>86</v>
      </c>
      <c r="Q37027">
        <v>22</v>
      </c>
      <c r="R37027">
        <v>22</v>
      </c>
      <c r="S37027">
        <v>22</v>
      </c>
      <c r="T37027">
        <v>22</v>
      </c>
      <c r="U37027">
        <v>23</v>
      </c>
      <c r="V37027">
        <v>23</v>
      </c>
      <c r="W37027">
        <v>23</v>
      </c>
      <c r="X37027">
        <v>23</v>
      </c>
      <c r="Y37027">
        <v>23</v>
      </c>
      <c r="Z37027">
        <v>23</v>
      </c>
      <c r="AA37027">
        <v>23</v>
      </c>
      <c r="AB37027">
        <v>24</v>
      </c>
      <c r="AC37027">
        <v>24</v>
      </c>
      <c r="AD37027">
        <v>24</v>
      </c>
      <c r="AE37027">
        <v>24</v>
      </c>
      <c r="AF37027">
        <v>24</v>
      </c>
      <c r="AG37027">
        <v>24</v>
      </c>
      <c r="AH37027">
        <v>25</v>
      </c>
      <c r="AI37027">
        <v>25</v>
      </c>
      <c r="AJ37027">
        <v>25</v>
      </c>
      <c r="AK37027">
        <v>25</v>
      </c>
      <c r="AL37027">
        <v>25</v>
      </c>
      <c r="AM37027">
        <v>25</v>
      </c>
      <c r="AN37027">
        <v>25</v>
      </c>
      <c r="AO37027">
        <v>26</v>
      </c>
      <c r="AP37027">
        <v>26</v>
      </c>
      <c r="AQ37027">
        <v>26</v>
      </c>
    </row>
    <row r="37028" spans="1:43">
      <c r="A37028" t="s">
        <v>22951</v>
      </c>
      <c r="B37028" t="s">
        <v>22952</v>
      </c>
      <c r="C37028" t="s">
        <v>22949</v>
      </c>
      <c r="D37028" t="s">
        <v>22950</v>
      </c>
      <c r="E37028" t="s">
        <v>22839</v>
      </c>
      <c r="F37028" t="s">
        <v>22840</v>
      </c>
      <c r="G37028" t="s">
        <v>22539</v>
      </c>
      <c r="H37028" t="s">
        <v>22540</v>
      </c>
      <c r="I37028" s="2">
        <v>0</v>
      </c>
      <c r="J37028" s="2">
        <v>0</v>
      </c>
      <c r="K37028" s="2">
        <v>1</v>
      </c>
      <c r="L37028" t="s">
        <v>995</v>
      </c>
      <c r="M37028" t="s">
        <v>89</v>
      </c>
      <c r="N37028" t="s">
        <v>90</v>
      </c>
      <c r="O37028" t="s">
        <v>85</v>
      </c>
      <c r="P37028" t="s">
        <v>86</v>
      </c>
      <c r="Q37028">
        <v>22</v>
      </c>
      <c r="R37028">
        <v>23</v>
      </c>
      <c r="S37028">
        <v>23</v>
      </c>
      <c r="T37028">
        <v>24</v>
      </c>
      <c r="U37028">
        <v>24</v>
      </c>
      <c r="V37028">
        <v>25</v>
      </c>
      <c r="W37028">
        <v>26</v>
      </c>
      <c r="X37028">
        <v>26</v>
      </c>
      <c r="Y37028">
        <v>27</v>
      </c>
      <c r="Z37028">
        <v>27</v>
      </c>
      <c r="AA37028">
        <v>27</v>
      </c>
      <c r="AB37028">
        <v>28</v>
      </c>
      <c r="AC37028">
        <v>28</v>
      </c>
      <c r="AD37028">
        <v>29</v>
      </c>
      <c r="AE37028">
        <v>29</v>
      </c>
      <c r="AF37028">
        <v>29</v>
      </c>
      <c r="AG37028">
        <v>29</v>
      </c>
      <c r="AH37028">
        <v>30</v>
      </c>
      <c r="AI37028">
        <v>30</v>
      </c>
      <c r="AJ37028">
        <v>30</v>
      </c>
      <c r="AK37028">
        <v>30</v>
      </c>
      <c r="AL37028">
        <v>30</v>
      </c>
      <c r="AM37028">
        <v>30</v>
      </c>
      <c r="AN37028">
        <v>30</v>
      </c>
      <c r="AO37028">
        <v>30</v>
      </c>
      <c r="AP37028">
        <v>30</v>
      </c>
      <c r="AQ37028">
        <v>31</v>
      </c>
    </row>
    <row r="37029" spans="1:43">
      <c r="A37029" t="s">
        <v>22951</v>
      </c>
      <c r="B37029" t="s">
        <v>22952</v>
      </c>
      <c r="C37029" t="s">
        <v>22949</v>
      </c>
      <c r="D37029" t="s">
        <v>22950</v>
      </c>
      <c r="E37029" t="s">
        <v>22839</v>
      </c>
      <c r="F37029" t="s">
        <v>22840</v>
      </c>
      <c r="G37029" t="s">
        <v>22539</v>
      </c>
      <c r="H37029" t="s">
        <v>22540</v>
      </c>
      <c r="I37029" s="2">
        <v>0</v>
      </c>
      <c r="J37029" s="2">
        <v>0</v>
      </c>
      <c r="K37029" s="2">
        <v>1</v>
      </c>
      <c r="L37029" t="s">
        <v>995</v>
      </c>
      <c r="M37029" t="s">
        <v>83</v>
      </c>
      <c r="N37029" t="s">
        <v>91</v>
      </c>
      <c r="O37029" t="s">
        <v>85</v>
      </c>
      <c r="P37029" t="s">
        <v>86</v>
      </c>
      <c r="Q37029">
        <v>22</v>
      </c>
      <c r="R37029">
        <v>22</v>
      </c>
      <c r="S37029">
        <v>23</v>
      </c>
      <c r="T37029">
        <v>23</v>
      </c>
      <c r="U37029">
        <v>24</v>
      </c>
      <c r="V37029">
        <v>24</v>
      </c>
      <c r="W37029">
        <v>24</v>
      </c>
      <c r="X37029">
        <v>25</v>
      </c>
      <c r="Y37029">
        <v>25</v>
      </c>
      <c r="Z37029">
        <v>25</v>
      </c>
      <c r="AA37029">
        <v>26</v>
      </c>
      <c r="AB37029">
        <v>26</v>
      </c>
      <c r="AC37029">
        <v>26</v>
      </c>
      <c r="AD37029">
        <v>27</v>
      </c>
      <c r="AE37029">
        <v>27</v>
      </c>
      <c r="AF37029">
        <v>28</v>
      </c>
      <c r="AG37029">
        <v>28</v>
      </c>
      <c r="AH37029">
        <v>28</v>
      </c>
      <c r="AI37029">
        <v>29</v>
      </c>
      <c r="AJ37029">
        <v>29</v>
      </c>
      <c r="AK37029">
        <v>29</v>
      </c>
      <c r="AL37029">
        <v>30</v>
      </c>
      <c r="AM37029">
        <v>30</v>
      </c>
      <c r="AN37029">
        <v>30</v>
      </c>
      <c r="AO37029">
        <v>30</v>
      </c>
      <c r="AP37029">
        <v>30</v>
      </c>
      <c r="AQ37029">
        <v>30</v>
      </c>
    </row>
    <row r="37030" spans="1:43">
      <c r="A37030" t="s">
        <v>22953</v>
      </c>
      <c r="B37030" t="s">
        <v>22954</v>
      </c>
      <c r="C37030" t="s">
        <v>22949</v>
      </c>
      <c r="D37030" t="s">
        <v>22950</v>
      </c>
      <c r="E37030" t="s">
        <v>22839</v>
      </c>
      <c r="F37030" t="s">
        <v>22840</v>
      </c>
      <c r="G37030" t="s">
        <v>22539</v>
      </c>
      <c r="H37030" t="s">
        <v>22540</v>
      </c>
      <c r="I37030" s="2">
        <v>0</v>
      </c>
      <c r="J37030" s="2">
        <v>0</v>
      </c>
      <c r="K37030" s="2">
        <v>1</v>
      </c>
      <c r="L37030" t="s">
        <v>995</v>
      </c>
      <c r="M37030" t="s">
        <v>83</v>
      </c>
      <c r="N37030" t="s">
        <v>84</v>
      </c>
      <c r="O37030" t="s">
        <v>85</v>
      </c>
      <c r="P37030" t="s">
        <v>86</v>
      </c>
      <c r="Q37030">
        <v>15</v>
      </c>
      <c r="R37030">
        <v>15</v>
      </c>
      <c r="S37030">
        <v>15</v>
      </c>
      <c r="T37030">
        <v>15</v>
      </c>
      <c r="U37030">
        <v>16</v>
      </c>
      <c r="V37030">
        <v>16</v>
      </c>
      <c r="W37030">
        <v>16</v>
      </c>
      <c r="X37030">
        <v>16</v>
      </c>
      <c r="Y37030">
        <v>17</v>
      </c>
      <c r="Z37030">
        <v>17</v>
      </c>
      <c r="AA37030">
        <v>17</v>
      </c>
      <c r="AB37030">
        <v>17</v>
      </c>
      <c r="AC37030">
        <v>18</v>
      </c>
      <c r="AD37030">
        <v>18</v>
      </c>
      <c r="AE37030">
        <v>18</v>
      </c>
      <c r="AF37030">
        <v>18</v>
      </c>
      <c r="AG37030">
        <v>19</v>
      </c>
      <c r="AH37030">
        <v>19</v>
      </c>
      <c r="AI37030">
        <v>19</v>
      </c>
      <c r="AJ37030">
        <v>19</v>
      </c>
      <c r="AK37030">
        <v>20</v>
      </c>
      <c r="AL37030">
        <v>20</v>
      </c>
      <c r="AM37030">
        <v>20</v>
      </c>
      <c r="AN37030">
        <v>20</v>
      </c>
      <c r="AO37030">
        <v>20</v>
      </c>
      <c r="AP37030">
        <v>20</v>
      </c>
      <c r="AQ37030">
        <v>20</v>
      </c>
    </row>
    <row r="37031" spans="1:43">
      <c r="A37031" t="s">
        <v>22953</v>
      </c>
      <c r="B37031" t="s">
        <v>22954</v>
      </c>
      <c r="C37031" t="s">
        <v>22949</v>
      </c>
      <c r="D37031" t="s">
        <v>22950</v>
      </c>
      <c r="E37031" t="s">
        <v>22839</v>
      </c>
      <c r="F37031" t="s">
        <v>22840</v>
      </c>
      <c r="G37031" t="s">
        <v>22539</v>
      </c>
      <c r="H37031" t="s">
        <v>22540</v>
      </c>
      <c r="I37031" s="2">
        <v>0</v>
      </c>
      <c r="J37031" s="2">
        <v>0</v>
      </c>
      <c r="K37031" s="2">
        <v>1</v>
      </c>
      <c r="L37031" t="s">
        <v>995</v>
      </c>
      <c r="M37031" t="s">
        <v>87</v>
      </c>
      <c r="N37031" t="s">
        <v>88</v>
      </c>
      <c r="O37031" t="s">
        <v>85</v>
      </c>
      <c r="P37031" t="s">
        <v>86</v>
      </c>
      <c r="Q37031">
        <v>15</v>
      </c>
      <c r="R37031">
        <v>15</v>
      </c>
      <c r="S37031">
        <v>15</v>
      </c>
      <c r="T37031">
        <v>15</v>
      </c>
      <c r="U37031">
        <v>15</v>
      </c>
      <c r="V37031">
        <v>15</v>
      </c>
      <c r="W37031">
        <v>15</v>
      </c>
      <c r="X37031">
        <v>15</v>
      </c>
      <c r="Y37031">
        <v>15</v>
      </c>
      <c r="Z37031">
        <v>15</v>
      </c>
      <c r="AA37031">
        <v>16</v>
      </c>
      <c r="AB37031">
        <v>16</v>
      </c>
      <c r="AC37031">
        <v>16</v>
      </c>
      <c r="AD37031">
        <v>16</v>
      </c>
      <c r="AE37031">
        <v>16</v>
      </c>
      <c r="AF37031">
        <v>16</v>
      </c>
      <c r="AG37031">
        <v>16</v>
      </c>
      <c r="AH37031">
        <v>16</v>
      </c>
      <c r="AI37031">
        <v>16</v>
      </c>
      <c r="AJ37031">
        <v>17</v>
      </c>
      <c r="AK37031">
        <v>17</v>
      </c>
      <c r="AL37031">
        <v>17</v>
      </c>
      <c r="AM37031">
        <v>17</v>
      </c>
      <c r="AN37031">
        <v>17</v>
      </c>
      <c r="AO37031">
        <v>17</v>
      </c>
      <c r="AP37031">
        <v>17</v>
      </c>
      <c r="AQ37031">
        <v>17</v>
      </c>
    </row>
    <row r="37032" spans="1:43">
      <c r="A37032" t="s">
        <v>22953</v>
      </c>
      <c r="B37032" t="s">
        <v>22954</v>
      </c>
      <c r="C37032" t="s">
        <v>22949</v>
      </c>
      <c r="D37032" t="s">
        <v>22950</v>
      </c>
      <c r="E37032" t="s">
        <v>22839</v>
      </c>
      <c r="F37032" t="s">
        <v>22840</v>
      </c>
      <c r="G37032" t="s">
        <v>22539</v>
      </c>
      <c r="H37032" t="s">
        <v>22540</v>
      </c>
      <c r="I37032" s="2">
        <v>0</v>
      </c>
      <c r="J37032" s="2">
        <v>0</v>
      </c>
      <c r="K37032" s="2">
        <v>1</v>
      </c>
      <c r="L37032" t="s">
        <v>995</v>
      </c>
      <c r="M37032" t="s">
        <v>89</v>
      </c>
      <c r="N37032" t="s">
        <v>90</v>
      </c>
      <c r="O37032" t="s">
        <v>85</v>
      </c>
      <c r="P37032" t="s">
        <v>86</v>
      </c>
      <c r="Q37032">
        <v>15</v>
      </c>
      <c r="R37032">
        <v>15</v>
      </c>
      <c r="S37032">
        <v>16</v>
      </c>
      <c r="T37032">
        <v>16</v>
      </c>
      <c r="U37032">
        <v>16</v>
      </c>
      <c r="V37032">
        <v>17</v>
      </c>
      <c r="W37032">
        <v>17</v>
      </c>
      <c r="X37032">
        <v>17</v>
      </c>
      <c r="Y37032">
        <v>18</v>
      </c>
      <c r="Z37032">
        <v>18</v>
      </c>
      <c r="AA37032">
        <v>18</v>
      </c>
      <c r="AB37032">
        <v>19</v>
      </c>
      <c r="AC37032">
        <v>19</v>
      </c>
      <c r="AD37032">
        <v>19</v>
      </c>
      <c r="AE37032">
        <v>19</v>
      </c>
      <c r="AF37032">
        <v>19</v>
      </c>
      <c r="AG37032">
        <v>20</v>
      </c>
      <c r="AH37032">
        <v>20</v>
      </c>
      <c r="AI37032">
        <v>20</v>
      </c>
      <c r="AJ37032">
        <v>20</v>
      </c>
      <c r="AK37032">
        <v>20</v>
      </c>
      <c r="AL37032">
        <v>20</v>
      </c>
      <c r="AM37032">
        <v>20</v>
      </c>
      <c r="AN37032">
        <v>20</v>
      </c>
      <c r="AO37032">
        <v>20</v>
      </c>
      <c r="AP37032">
        <v>20</v>
      </c>
      <c r="AQ37032">
        <v>20</v>
      </c>
    </row>
    <row r="37033" spans="1:43">
      <c r="A37033" t="s">
        <v>22953</v>
      </c>
      <c r="B37033" t="s">
        <v>22954</v>
      </c>
      <c r="C37033" t="s">
        <v>22949</v>
      </c>
      <c r="D37033" t="s">
        <v>22950</v>
      </c>
      <c r="E37033" t="s">
        <v>22839</v>
      </c>
      <c r="F37033" t="s">
        <v>22840</v>
      </c>
      <c r="G37033" t="s">
        <v>22539</v>
      </c>
      <c r="H37033" t="s">
        <v>22540</v>
      </c>
      <c r="I37033" s="2">
        <v>0</v>
      </c>
      <c r="J37033" s="2">
        <v>0</v>
      </c>
      <c r="K37033" s="2">
        <v>1</v>
      </c>
      <c r="L37033" t="s">
        <v>995</v>
      </c>
      <c r="M37033" t="s">
        <v>83</v>
      </c>
      <c r="N37033" t="s">
        <v>91</v>
      </c>
      <c r="O37033" t="s">
        <v>85</v>
      </c>
      <c r="P37033" t="s">
        <v>86</v>
      </c>
      <c r="Q37033">
        <v>15</v>
      </c>
      <c r="R37033">
        <v>15</v>
      </c>
      <c r="S37033">
        <v>15</v>
      </c>
      <c r="T37033">
        <v>15</v>
      </c>
      <c r="U37033">
        <v>16</v>
      </c>
      <c r="V37033">
        <v>16</v>
      </c>
      <c r="W37033">
        <v>16</v>
      </c>
      <c r="X37033">
        <v>16</v>
      </c>
      <c r="Y37033">
        <v>17</v>
      </c>
      <c r="Z37033">
        <v>17</v>
      </c>
      <c r="AA37033">
        <v>17</v>
      </c>
      <c r="AB37033">
        <v>17</v>
      </c>
      <c r="AC37033">
        <v>18</v>
      </c>
      <c r="AD37033">
        <v>18</v>
      </c>
      <c r="AE37033">
        <v>18</v>
      </c>
      <c r="AF37033">
        <v>18</v>
      </c>
      <c r="AG37033">
        <v>19</v>
      </c>
      <c r="AH37033">
        <v>19</v>
      </c>
      <c r="AI37033">
        <v>19</v>
      </c>
      <c r="AJ37033">
        <v>19</v>
      </c>
      <c r="AK37033">
        <v>20</v>
      </c>
      <c r="AL37033">
        <v>20</v>
      </c>
      <c r="AM37033">
        <v>20</v>
      </c>
      <c r="AN37033">
        <v>20</v>
      </c>
      <c r="AO37033">
        <v>20</v>
      </c>
      <c r="AP37033">
        <v>20</v>
      </c>
      <c r="AQ37033">
        <v>20</v>
      </c>
    </row>
    <row r="37034" spans="1:43">
      <c r="A37034" t="s">
        <v>22955</v>
      </c>
      <c r="B37034" t="s">
        <v>22956</v>
      </c>
      <c r="C37034" t="s">
        <v>22949</v>
      </c>
      <c r="D37034" t="s">
        <v>22950</v>
      </c>
      <c r="E37034" t="s">
        <v>22839</v>
      </c>
      <c r="F37034" t="s">
        <v>22840</v>
      </c>
      <c r="G37034" t="s">
        <v>22539</v>
      </c>
      <c r="H37034" t="s">
        <v>22540</v>
      </c>
      <c r="I37034" s="2">
        <v>0</v>
      </c>
      <c r="J37034" s="2">
        <v>0</v>
      </c>
      <c r="K37034" s="2">
        <v>1</v>
      </c>
      <c r="L37034" t="s">
        <v>995</v>
      </c>
      <c r="M37034" t="s">
        <v>83</v>
      </c>
      <c r="N37034" t="s">
        <v>84</v>
      </c>
      <c r="O37034" t="s">
        <v>85</v>
      </c>
      <c r="P37034" t="s">
        <v>86</v>
      </c>
      <c r="Q37034">
        <v>59</v>
      </c>
      <c r="R37034">
        <v>59</v>
      </c>
      <c r="S37034">
        <v>60</v>
      </c>
      <c r="T37034">
        <v>61</v>
      </c>
      <c r="U37034">
        <v>62</v>
      </c>
      <c r="V37034">
        <v>63</v>
      </c>
      <c r="W37034">
        <v>64</v>
      </c>
      <c r="X37034">
        <v>65</v>
      </c>
      <c r="Y37034">
        <v>66</v>
      </c>
      <c r="Z37034">
        <v>67</v>
      </c>
      <c r="AA37034">
        <v>68</v>
      </c>
      <c r="AB37034">
        <v>69</v>
      </c>
      <c r="AC37034">
        <v>70</v>
      </c>
      <c r="AD37034">
        <v>71</v>
      </c>
      <c r="AE37034">
        <v>72</v>
      </c>
      <c r="AF37034">
        <v>73</v>
      </c>
      <c r="AG37034">
        <v>74</v>
      </c>
      <c r="AH37034">
        <v>75</v>
      </c>
      <c r="AI37034">
        <v>76</v>
      </c>
      <c r="AJ37034">
        <v>77</v>
      </c>
      <c r="AK37034">
        <v>78</v>
      </c>
      <c r="AL37034">
        <v>78</v>
      </c>
      <c r="AM37034">
        <v>79</v>
      </c>
      <c r="AN37034">
        <v>79</v>
      </c>
      <c r="AO37034">
        <v>79</v>
      </c>
      <c r="AP37034">
        <v>79</v>
      </c>
      <c r="AQ37034">
        <v>80</v>
      </c>
    </row>
    <row r="37035" spans="1:43">
      <c r="A37035" t="s">
        <v>22955</v>
      </c>
      <c r="B37035" t="s">
        <v>22956</v>
      </c>
      <c r="C37035" t="s">
        <v>22949</v>
      </c>
      <c r="D37035" t="s">
        <v>22950</v>
      </c>
      <c r="E37035" t="s">
        <v>22839</v>
      </c>
      <c r="F37035" t="s">
        <v>22840</v>
      </c>
      <c r="G37035" t="s">
        <v>22539</v>
      </c>
      <c r="H37035" t="s">
        <v>22540</v>
      </c>
      <c r="I37035" s="2">
        <v>0</v>
      </c>
      <c r="J37035" s="2">
        <v>0</v>
      </c>
      <c r="K37035" s="2">
        <v>1</v>
      </c>
      <c r="L37035" t="s">
        <v>995</v>
      </c>
      <c r="M37035" t="s">
        <v>87</v>
      </c>
      <c r="N37035" t="s">
        <v>88</v>
      </c>
      <c r="O37035" t="s">
        <v>85</v>
      </c>
      <c r="P37035" t="s">
        <v>86</v>
      </c>
      <c r="Q37035">
        <v>59</v>
      </c>
      <c r="R37035">
        <v>59</v>
      </c>
      <c r="S37035">
        <v>60</v>
      </c>
      <c r="T37035">
        <v>60</v>
      </c>
      <c r="U37035">
        <v>61</v>
      </c>
      <c r="V37035">
        <v>61</v>
      </c>
      <c r="W37035">
        <v>61</v>
      </c>
      <c r="X37035">
        <v>62</v>
      </c>
      <c r="Y37035">
        <v>62</v>
      </c>
      <c r="Z37035">
        <v>63</v>
      </c>
      <c r="AA37035">
        <v>63</v>
      </c>
      <c r="AB37035">
        <v>63</v>
      </c>
      <c r="AC37035">
        <v>64</v>
      </c>
      <c r="AD37035">
        <v>64</v>
      </c>
      <c r="AE37035">
        <v>65</v>
      </c>
      <c r="AF37035">
        <v>65</v>
      </c>
      <c r="AG37035">
        <v>65</v>
      </c>
      <c r="AH37035">
        <v>66</v>
      </c>
      <c r="AI37035">
        <v>66</v>
      </c>
      <c r="AJ37035">
        <v>67</v>
      </c>
      <c r="AK37035">
        <v>67</v>
      </c>
      <c r="AL37035">
        <v>68</v>
      </c>
      <c r="AM37035">
        <v>68</v>
      </c>
      <c r="AN37035">
        <v>68</v>
      </c>
      <c r="AO37035">
        <v>69</v>
      </c>
      <c r="AP37035">
        <v>69</v>
      </c>
      <c r="AQ37035">
        <v>70</v>
      </c>
    </row>
    <row r="37036" spans="1:43">
      <c r="A37036" t="s">
        <v>22955</v>
      </c>
      <c r="B37036" t="s">
        <v>22956</v>
      </c>
      <c r="C37036" t="s">
        <v>22949</v>
      </c>
      <c r="D37036" t="s">
        <v>22950</v>
      </c>
      <c r="E37036" t="s">
        <v>22839</v>
      </c>
      <c r="F37036" t="s">
        <v>22840</v>
      </c>
      <c r="G37036" t="s">
        <v>22539</v>
      </c>
      <c r="H37036" t="s">
        <v>22540</v>
      </c>
      <c r="I37036" s="2">
        <v>0</v>
      </c>
      <c r="J37036" s="2">
        <v>0</v>
      </c>
      <c r="K37036" s="2">
        <v>1</v>
      </c>
      <c r="L37036" t="s">
        <v>995</v>
      </c>
      <c r="M37036" t="s">
        <v>89</v>
      </c>
      <c r="N37036" t="s">
        <v>90</v>
      </c>
      <c r="O37036" t="s">
        <v>85</v>
      </c>
      <c r="P37036" t="s">
        <v>86</v>
      </c>
      <c r="Q37036">
        <v>59</v>
      </c>
      <c r="R37036">
        <v>61</v>
      </c>
      <c r="S37036">
        <v>62</v>
      </c>
      <c r="T37036">
        <v>63</v>
      </c>
      <c r="U37036">
        <v>65</v>
      </c>
      <c r="V37036">
        <v>66</v>
      </c>
      <c r="W37036">
        <v>68</v>
      </c>
      <c r="X37036">
        <v>69</v>
      </c>
      <c r="Y37036">
        <v>70</v>
      </c>
      <c r="Z37036">
        <v>71</v>
      </c>
      <c r="AA37036">
        <v>73</v>
      </c>
      <c r="AB37036">
        <v>74</v>
      </c>
      <c r="AC37036">
        <v>75</v>
      </c>
      <c r="AD37036">
        <v>76</v>
      </c>
      <c r="AE37036">
        <v>77</v>
      </c>
      <c r="AF37036">
        <v>78</v>
      </c>
      <c r="AG37036">
        <v>78</v>
      </c>
      <c r="AH37036">
        <v>78</v>
      </c>
      <c r="AI37036">
        <v>78</v>
      </c>
      <c r="AJ37036">
        <v>79</v>
      </c>
      <c r="AK37036">
        <v>79</v>
      </c>
      <c r="AL37036">
        <v>79</v>
      </c>
      <c r="AM37036">
        <v>80</v>
      </c>
      <c r="AN37036">
        <v>80</v>
      </c>
      <c r="AO37036">
        <v>80</v>
      </c>
      <c r="AP37036">
        <v>80</v>
      </c>
      <c r="AQ37036">
        <v>81</v>
      </c>
    </row>
    <row r="37037" spans="1:43">
      <c r="A37037" t="s">
        <v>22955</v>
      </c>
      <c r="B37037" t="s">
        <v>22956</v>
      </c>
      <c r="C37037" t="s">
        <v>22949</v>
      </c>
      <c r="D37037" t="s">
        <v>22950</v>
      </c>
      <c r="E37037" t="s">
        <v>22839</v>
      </c>
      <c r="F37037" t="s">
        <v>22840</v>
      </c>
      <c r="G37037" t="s">
        <v>22539</v>
      </c>
      <c r="H37037" t="s">
        <v>22540</v>
      </c>
      <c r="I37037" s="2">
        <v>0</v>
      </c>
      <c r="J37037" s="2">
        <v>0</v>
      </c>
      <c r="K37037" s="2">
        <v>1</v>
      </c>
      <c r="L37037" t="s">
        <v>995</v>
      </c>
      <c r="M37037" t="s">
        <v>83</v>
      </c>
      <c r="N37037" t="s">
        <v>91</v>
      </c>
      <c r="O37037" t="s">
        <v>85</v>
      </c>
      <c r="P37037" t="s">
        <v>86</v>
      </c>
      <c r="Q37037">
        <v>59</v>
      </c>
      <c r="R37037">
        <v>59</v>
      </c>
      <c r="S37037">
        <v>60</v>
      </c>
      <c r="T37037">
        <v>61</v>
      </c>
      <c r="U37037">
        <v>62</v>
      </c>
      <c r="V37037">
        <v>63</v>
      </c>
      <c r="W37037">
        <v>64</v>
      </c>
      <c r="X37037">
        <v>65</v>
      </c>
      <c r="Y37037">
        <v>66</v>
      </c>
      <c r="Z37037">
        <v>67</v>
      </c>
      <c r="AA37037">
        <v>68</v>
      </c>
      <c r="AB37037">
        <v>69</v>
      </c>
      <c r="AC37037">
        <v>70</v>
      </c>
      <c r="AD37037">
        <v>71</v>
      </c>
      <c r="AE37037">
        <v>72</v>
      </c>
      <c r="AF37037">
        <v>73</v>
      </c>
      <c r="AG37037">
        <v>74</v>
      </c>
      <c r="AH37037">
        <v>75</v>
      </c>
      <c r="AI37037">
        <v>76</v>
      </c>
      <c r="AJ37037">
        <v>77</v>
      </c>
      <c r="AK37037">
        <v>78</v>
      </c>
      <c r="AL37037">
        <v>78</v>
      </c>
      <c r="AM37037">
        <v>79</v>
      </c>
      <c r="AN37037">
        <v>79</v>
      </c>
      <c r="AO37037">
        <v>79</v>
      </c>
      <c r="AP37037">
        <v>79</v>
      </c>
      <c r="AQ37037">
        <v>80</v>
      </c>
    </row>
    <row r="37038" spans="1:43">
      <c r="A37038" t="s">
        <v>22957</v>
      </c>
      <c r="B37038" t="s">
        <v>22958</v>
      </c>
      <c r="C37038" t="s">
        <v>22959</v>
      </c>
      <c r="D37038" t="s">
        <v>22960</v>
      </c>
      <c r="E37038" t="s">
        <v>22839</v>
      </c>
      <c r="F37038" t="s">
        <v>22840</v>
      </c>
      <c r="G37038" t="s">
        <v>22539</v>
      </c>
      <c r="H37038" t="s">
        <v>22540</v>
      </c>
      <c r="I37038" s="2">
        <v>0</v>
      </c>
      <c r="J37038" s="2">
        <v>0</v>
      </c>
      <c r="K37038" s="2">
        <v>1</v>
      </c>
      <c r="L37038" t="s">
        <v>995</v>
      </c>
      <c r="M37038" t="s">
        <v>83</v>
      </c>
      <c r="N37038" t="s">
        <v>84</v>
      </c>
      <c r="O37038" t="s">
        <v>85</v>
      </c>
      <c r="P37038" t="s">
        <v>86</v>
      </c>
      <c r="Q37038">
        <v>30</v>
      </c>
      <c r="R37038">
        <v>30</v>
      </c>
      <c r="S37038">
        <v>31</v>
      </c>
      <c r="T37038">
        <v>31</v>
      </c>
      <c r="U37038">
        <v>32</v>
      </c>
      <c r="V37038">
        <v>32</v>
      </c>
      <c r="W37038">
        <v>33</v>
      </c>
      <c r="X37038">
        <v>33</v>
      </c>
      <c r="Y37038">
        <v>34</v>
      </c>
      <c r="Z37038">
        <v>34</v>
      </c>
      <c r="AA37038">
        <v>35</v>
      </c>
      <c r="AB37038">
        <v>35</v>
      </c>
      <c r="AC37038">
        <v>36</v>
      </c>
      <c r="AD37038">
        <v>36</v>
      </c>
      <c r="AE37038">
        <v>37</v>
      </c>
      <c r="AF37038">
        <v>37</v>
      </c>
      <c r="AG37038">
        <v>37</v>
      </c>
      <c r="AH37038">
        <v>38</v>
      </c>
      <c r="AI37038">
        <v>38</v>
      </c>
      <c r="AJ37038">
        <v>39</v>
      </c>
      <c r="AK37038">
        <v>39</v>
      </c>
      <c r="AL37038">
        <v>40</v>
      </c>
      <c r="AM37038">
        <v>40</v>
      </c>
      <c r="AN37038">
        <v>40</v>
      </c>
      <c r="AO37038">
        <v>40</v>
      </c>
      <c r="AP37038">
        <v>40</v>
      </c>
      <c r="AQ37038">
        <v>40</v>
      </c>
    </row>
    <row r="37039" spans="1:43">
      <c r="A37039" t="s">
        <v>22957</v>
      </c>
      <c r="B37039" t="s">
        <v>22958</v>
      </c>
      <c r="C37039" t="s">
        <v>22959</v>
      </c>
      <c r="D37039" t="s">
        <v>22960</v>
      </c>
      <c r="E37039" t="s">
        <v>22839</v>
      </c>
      <c r="F37039" t="s">
        <v>22840</v>
      </c>
      <c r="G37039" t="s">
        <v>22539</v>
      </c>
      <c r="H37039" t="s">
        <v>22540</v>
      </c>
      <c r="I37039" s="2">
        <v>0</v>
      </c>
      <c r="J37039" s="2">
        <v>0</v>
      </c>
      <c r="K37039" s="2">
        <v>1</v>
      </c>
      <c r="L37039" t="s">
        <v>995</v>
      </c>
      <c r="M37039" t="s">
        <v>87</v>
      </c>
      <c r="N37039" t="s">
        <v>88</v>
      </c>
      <c r="O37039" t="s">
        <v>85</v>
      </c>
      <c r="P37039" t="s">
        <v>86</v>
      </c>
      <c r="Q37039">
        <v>30</v>
      </c>
      <c r="R37039">
        <v>30</v>
      </c>
      <c r="S37039">
        <v>30</v>
      </c>
      <c r="T37039">
        <v>30</v>
      </c>
      <c r="U37039">
        <v>30</v>
      </c>
      <c r="V37039">
        <v>31</v>
      </c>
      <c r="W37039">
        <v>31</v>
      </c>
      <c r="X37039">
        <v>31</v>
      </c>
      <c r="Y37039">
        <v>31</v>
      </c>
      <c r="Z37039">
        <v>31</v>
      </c>
      <c r="AA37039">
        <v>32</v>
      </c>
      <c r="AB37039">
        <v>32</v>
      </c>
      <c r="AC37039">
        <v>32</v>
      </c>
      <c r="AD37039">
        <v>32</v>
      </c>
      <c r="AE37039">
        <v>32</v>
      </c>
      <c r="AF37039">
        <v>33</v>
      </c>
      <c r="AG37039">
        <v>33</v>
      </c>
      <c r="AH37039">
        <v>33</v>
      </c>
      <c r="AI37039">
        <v>33</v>
      </c>
      <c r="AJ37039">
        <v>33</v>
      </c>
      <c r="AK37039">
        <v>33</v>
      </c>
      <c r="AL37039">
        <v>34</v>
      </c>
      <c r="AM37039">
        <v>34</v>
      </c>
      <c r="AN37039">
        <v>34</v>
      </c>
      <c r="AO37039">
        <v>34</v>
      </c>
      <c r="AP37039">
        <v>34</v>
      </c>
      <c r="AQ37039">
        <v>35</v>
      </c>
    </row>
    <row r="37040" spans="1:43">
      <c r="A37040" t="s">
        <v>22957</v>
      </c>
      <c r="B37040" t="s">
        <v>22958</v>
      </c>
      <c r="C37040" t="s">
        <v>22959</v>
      </c>
      <c r="D37040" t="s">
        <v>22960</v>
      </c>
      <c r="E37040" t="s">
        <v>22839</v>
      </c>
      <c r="F37040" t="s">
        <v>22840</v>
      </c>
      <c r="G37040" t="s">
        <v>22539</v>
      </c>
      <c r="H37040" t="s">
        <v>22540</v>
      </c>
      <c r="I37040" s="2">
        <v>0</v>
      </c>
      <c r="J37040" s="2">
        <v>0</v>
      </c>
      <c r="K37040" s="2">
        <v>1</v>
      </c>
      <c r="L37040" t="s">
        <v>995</v>
      </c>
      <c r="M37040" t="s">
        <v>89</v>
      </c>
      <c r="N37040" t="s">
        <v>90</v>
      </c>
      <c r="O37040" t="s">
        <v>85</v>
      </c>
      <c r="P37040" t="s">
        <v>86</v>
      </c>
      <c r="Q37040">
        <v>30</v>
      </c>
      <c r="R37040">
        <v>31</v>
      </c>
      <c r="S37040">
        <v>32</v>
      </c>
      <c r="T37040">
        <v>32</v>
      </c>
      <c r="U37040">
        <v>33</v>
      </c>
      <c r="V37040">
        <v>34</v>
      </c>
      <c r="W37040">
        <v>34</v>
      </c>
      <c r="X37040">
        <v>35</v>
      </c>
      <c r="Y37040">
        <v>36</v>
      </c>
      <c r="Z37040">
        <v>36</v>
      </c>
      <c r="AA37040">
        <v>37</v>
      </c>
      <c r="AB37040">
        <v>38</v>
      </c>
      <c r="AC37040">
        <v>38</v>
      </c>
      <c r="AD37040">
        <v>39</v>
      </c>
      <c r="AE37040">
        <v>39</v>
      </c>
      <c r="AF37040">
        <v>39</v>
      </c>
      <c r="AG37040">
        <v>39</v>
      </c>
      <c r="AH37040">
        <v>40</v>
      </c>
      <c r="AI37040">
        <v>40</v>
      </c>
      <c r="AJ37040">
        <v>40</v>
      </c>
      <c r="AK37040">
        <v>40</v>
      </c>
      <c r="AL37040">
        <v>40</v>
      </c>
      <c r="AM37040">
        <v>40</v>
      </c>
      <c r="AN37040">
        <v>40</v>
      </c>
      <c r="AO37040">
        <v>40</v>
      </c>
      <c r="AP37040">
        <v>40</v>
      </c>
      <c r="AQ37040">
        <v>40</v>
      </c>
    </row>
    <row r="37041" spans="1:43">
      <c r="A37041" t="s">
        <v>22957</v>
      </c>
      <c r="B37041" t="s">
        <v>22958</v>
      </c>
      <c r="C37041" t="s">
        <v>22959</v>
      </c>
      <c r="D37041" t="s">
        <v>22960</v>
      </c>
      <c r="E37041" t="s">
        <v>22839</v>
      </c>
      <c r="F37041" t="s">
        <v>22840</v>
      </c>
      <c r="G37041" t="s">
        <v>22539</v>
      </c>
      <c r="H37041" t="s">
        <v>22540</v>
      </c>
      <c r="I37041" s="2">
        <v>0</v>
      </c>
      <c r="J37041" s="2">
        <v>0</v>
      </c>
      <c r="K37041" s="2">
        <v>1</v>
      </c>
      <c r="L37041" t="s">
        <v>995</v>
      </c>
      <c r="M37041" t="s">
        <v>83</v>
      </c>
      <c r="N37041" t="s">
        <v>91</v>
      </c>
      <c r="O37041" t="s">
        <v>85</v>
      </c>
      <c r="P37041" t="s">
        <v>86</v>
      </c>
      <c r="Q37041">
        <v>30</v>
      </c>
      <c r="R37041">
        <v>30</v>
      </c>
      <c r="S37041">
        <v>31</v>
      </c>
      <c r="T37041">
        <v>31</v>
      </c>
      <c r="U37041">
        <v>32</v>
      </c>
      <c r="V37041">
        <v>32</v>
      </c>
      <c r="W37041">
        <v>33</v>
      </c>
      <c r="X37041">
        <v>33</v>
      </c>
      <c r="Y37041">
        <v>34</v>
      </c>
      <c r="Z37041">
        <v>34</v>
      </c>
      <c r="AA37041">
        <v>35</v>
      </c>
      <c r="AB37041">
        <v>35</v>
      </c>
      <c r="AC37041">
        <v>36</v>
      </c>
      <c r="AD37041">
        <v>36</v>
      </c>
      <c r="AE37041">
        <v>37</v>
      </c>
      <c r="AF37041">
        <v>37</v>
      </c>
      <c r="AG37041">
        <v>37</v>
      </c>
      <c r="AH37041">
        <v>38</v>
      </c>
      <c r="AI37041">
        <v>38</v>
      </c>
      <c r="AJ37041">
        <v>39</v>
      </c>
      <c r="AK37041">
        <v>39</v>
      </c>
      <c r="AL37041">
        <v>40</v>
      </c>
      <c r="AM37041">
        <v>40</v>
      </c>
      <c r="AN37041">
        <v>40</v>
      </c>
      <c r="AO37041">
        <v>40</v>
      </c>
      <c r="AP37041">
        <v>40</v>
      </c>
      <c r="AQ37041">
        <v>40</v>
      </c>
    </row>
    <row r="37042" spans="1:43">
      <c r="A37042" t="s">
        <v>22961</v>
      </c>
      <c r="B37042" t="s">
        <v>22962</v>
      </c>
      <c r="C37042" t="s">
        <v>22963</v>
      </c>
      <c r="D37042" t="s">
        <v>22964</v>
      </c>
      <c r="E37042" t="s">
        <v>22839</v>
      </c>
      <c r="F37042" t="s">
        <v>22840</v>
      </c>
      <c r="G37042" t="s">
        <v>22539</v>
      </c>
      <c r="H37042" t="s">
        <v>22540</v>
      </c>
      <c r="I37042" s="2">
        <v>0</v>
      </c>
      <c r="J37042" s="2">
        <v>0</v>
      </c>
      <c r="K37042" s="2">
        <v>1</v>
      </c>
      <c r="L37042" t="s">
        <v>995</v>
      </c>
      <c r="M37042" t="s">
        <v>83</v>
      </c>
      <c r="N37042" t="s">
        <v>84</v>
      </c>
      <c r="O37042" t="s">
        <v>85</v>
      </c>
      <c r="P37042" t="s">
        <v>86</v>
      </c>
      <c r="Q37042">
        <v>13</v>
      </c>
      <c r="R37042">
        <v>13</v>
      </c>
      <c r="S37042">
        <v>13</v>
      </c>
      <c r="T37042">
        <v>14</v>
      </c>
      <c r="U37042">
        <v>14</v>
      </c>
      <c r="V37042">
        <v>14</v>
      </c>
      <c r="W37042">
        <v>14</v>
      </c>
      <c r="X37042">
        <v>14</v>
      </c>
      <c r="Y37042">
        <v>15</v>
      </c>
      <c r="Z37042">
        <v>15</v>
      </c>
      <c r="AA37042">
        <v>15</v>
      </c>
      <c r="AB37042">
        <v>15</v>
      </c>
      <c r="AC37042">
        <v>15</v>
      </c>
      <c r="AD37042">
        <v>16</v>
      </c>
      <c r="AE37042">
        <v>16</v>
      </c>
      <c r="AF37042">
        <v>16</v>
      </c>
      <c r="AG37042">
        <v>16</v>
      </c>
      <c r="AH37042">
        <v>16</v>
      </c>
      <c r="AI37042">
        <v>17</v>
      </c>
      <c r="AJ37042">
        <v>17</v>
      </c>
      <c r="AK37042">
        <v>17</v>
      </c>
      <c r="AL37042">
        <v>17</v>
      </c>
      <c r="AM37042">
        <v>17</v>
      </c>
      <c r="AN37042">
        <v>17</v>
      </c>
      <c r="AO37042">
        <v>17</v>
      </c>
      <c r="AP37042">
        <v>17</v>
      </c>
      <c r="AQ37042">
        <v>17</v>
      </c>
    </row>
    <row r="37043" spans="1:43">
      <c r="A37043" t="s">
        <v>22961</v>
      </c>
      <c r="B37043" t="s">
        <v>22962</v>
      </c>
      <c r="C37043" t="s">
        <v>22963</v>
      </c>
      <c r="D37043" t="s">
        <v>22964</v>
      </c>
      <c r="E37043" t="s">
        <v>22839</v>
      </c>
      <c r="F37043" t="s">
        <v>22840</v>
      </c>
      <c r="G37043" t="s">
        <v>22539</v>
      </c>
      <c r="H37043" t="s">
        <v>22540</v>
      </c>
      <c r="I37043" s="2">
        <v>0</v>
      </c>
      <c r="J37043" s="2">
        <v>0</v>
      </c>
      <c r="K37043" s="2">
        <v>1</v>
      </c>
      <c r="L37043" t="s">
        <v>995</v>
      </c>
      <c r="M37043" t="s">
        <v>87</v>
      </c>
      <c r="N37043" t="s">
        <v>88</v>
      </c>
      <c r="O37043" t="s">
        <v>85</v>
      </c>
      <c r="P37043" t="s">
        <v>86</v>
      </c>
      <c r="Q37043">
        <v>13</v>
      </c>
      <c r="R37043">
        <v>13</v>
      </c>
      <c r="S37043">
        <v>13</v>
      </c>
      <c r="T37043">
        <v>13</v>
      </c>
      <c r="U37043">
        <v>13</v>
      </c>
      <c r="V37043">
        <v>13</v>
      </c>
      <c r="W37043">
        <v>13</v>
      </c>
      <c r="X37043">
        <v>13</v>
      </c>
      <c r="Y37043">
        <v>14</v>
      </c>
      <c r="Z37043">
        <v>14</v>
      </c>
      <c r="AA37043">
        <v>14</v>
      </c>
      <c r="AB37043">
        <v>14</v>
      </c>
      <c r="AC37043">
        <v>14</v>
      </c>
      <c r="AD37043">
        <v>14</v>
      </c>
      <c r="AE37043">
        <v>14</v>
      </c>
      <c r="AF37043">
        <v>14</v>
      </c>
      <c r="AG37043">
        <v>14</v>
      </c>
      <c r="AH37043">
        <v>14</v>
      </c>
      <c r="AI37043">
        <v>14</v>
      </c>
      <c r="AJ37043">
        <v>14</v>
      </c>
      <c r="AK37043">
        <v>15</v>
      </c>
      <c r="AL37043">
        <v>15</v>
      </c>
      <c r="AM37043">
        <v>15</v>
      </c>
      <c r="AN37043">
        <v>15</v>
      </c>
      <c r="AO37043">
        <v>15</v>
      </c>
      <c r="AP37043">
        <v>15</v>
      </c>
      <c r="AQ37043">
        <v>15</v>
      </c>
    </row>
    <row r="37044" spans="1:43">
      <c r="A37044" t="s">
        <v>22961</v>
      </c>
      <c r="B37044" t="s">
        <v>22962</v>
      </c>
      <c r="C37044" t="s">
        <v>22963</v>
      </c>
      <c r="D37044" t="s">
        <v>22964</v>
      </c>
      <c r="E37044" t="s">
        <v>22839</v>
      </c>
      <c r="F37044" t="s">
        <v>22840</v>
      </c>
      <c r="G37044" t="s">
        <v>22539</v>
      </c>
      <c r="H37044" t="s">
        <v>22540</v>
      </c>
      <c r="I37044" s="2">
        <v>0</v>
      </c>
      <c r="J37044" s="2">
        <v>0</v>
      </c>
      <c r="K37044" s="2">
        <v>1</v>
      </c>
      <c r="L37044" t="s">
        <v>995</v>
      </c>
      <c r="M37044" t="s">
        <v>89</v>
      </c>
      <c r="N37044" t="s">
        <v>90</v>
      </c>
      <c r="O37044" t="s">
        <v>85</v>
      </c>
      <c r="P37044" t="s">
        <v>86</v>
      </c>
      <c r="Q37044">
        <v>13</v>
      </c>
      <c r="R37044">
        <v>13</v>
      </c>
      <c r="S37044">
        <v>14</v>
      </c>
      <c r="T37044">
        <v>14</v>
      </c>
      <c r="U37044">
        <v>14</v>
      </c>
      <c r="V37044">
        <v>15</v>
      </c>
      <c r="W37044">
        <v>15</v>
      </c>
      <c r="X37044">
        <v>15</v>
      </c>
      <c r="Y37044">
        <v>16</v>
      </c>
      <c r="Z37044">
        <v>16</v>
      </c>
      <c r="AA37044">
        <v>16</v>
      </c>
      <c r="AB37044">
        <v>16</v>
      </c>
      <c r="AC37044">
        <v>17</v>
      </c>
      <c r="AD37044">
        <v>17</v>
      </c>
      <c r="AE37044">
        <v>17</v>
      </c>
      <c r="AF37044">
        <v>17</v>
      </c>
      <c r="AG37044">
        <v>17</v>
      </c>
      <c r="AH37044">
        <v>17</v>
      </c>
      <c r="AI37044">
        <v>17</v>
      </c>
      <c r="AJ37044">
        <v>17</v>
      </c>
      <c r="AK37044">
        <v>17</v>
      </c>
      <c r="AL37044">
        <v>17</v>
      </c>
      <c r="AM37044">
        <v>17</v>
      </c>
      <c r="AN37044">
        <v>17</v>
      </c>
      <c r="AO37044">
        <v>17</v>
      </c>
      <c r="AP37044">
        <v>17</v>
      </c>
      <c r="AQ37044">
        <v>18</v>
      </c>
    </row>
    <row r="37045" spans="1:43">
      <c r="A37045" t="s">
        <v>22961</v>
      </c>
      <c r="B37045" t="s">
        <v>22962</v>
      </c>
      <c r="C37045" t="s">
        <v>22963</v>
      </c>
      <c r="D37045" t="s">
        <v>22964</v>
      </c>
      <c r="E37045" t="s">
        <v>22839</v>
      </c>
      <c r="F37045" t="s">
        <v>22840</v>
      </c>
      <c r="G37045" t="s">
        <v>22539</v>
      </c>
      <c r="H37045" t="s">
        <v>22540</v>
      </c>
      <c r="I37045" s="2">
        <v>0</v>
      </c>
      <c r="J37045" s="2">
        <v>0</v>
      </c>
      <c r="K37045" s="2">
        <v>1</v>
      </c>
      <c r="L37045" t="s">
        <v>995</v>
      </c>
      <c r="M37045" t="s">
        <v>83</v>
      </c>
      <c r="N37045" t="s">
        <v>91</v>
      </c>
      <c r="O37045" t="s">
        <v>85</v>
      </c>
      <c r="P37045" t="s">
        <v>86</v>
      </c>
      <c r="Q37045">
        <v>13</v>
      </c>
      <c r="R37045">
        <v>13</v>
      </c>
      <c r="S37045">
        <v>13</v>
      </c>
      <c r="T37045">
        <v>14</v>
      </c>
      <c r="U37045">
        <v>14</v>
      </c>
      <c r="V37045">
        <v>14</v>
      </c>
      <c r="W37045">
        <v>14</v>
      </c>
      <c r="X37045">
        <v>14</v>
      </c>
      <c r="Y37045">
        <v>15</v>
      </c>
      <c r="Z37045">
        <v>15</v>
      </c>
      <c r="AA37045">
        <v>15</v>
      </c>
      <c r="AB37045">
        <v>15</v>
      </c>
      <c r="AC37045">
        <v>15</v>
      </c>
      <c r="AD37045">
        <v>16</v>
      </c>
      <c r="AE37045">
        <v>16</v>
      </c>
      <c r="AF37045">
        <v>16</v>
      </c>
      <c r="AG37045">
        <v>16</v>
      </c>
      <c r="AH37045">
        <v>16</v>
      </c>
      <c r="AI37045">
        <v>17</v>
      </c>
      <c r="AJ37045">
        <v>17</v>
      </c>
      <c r="AK37045">
        <v>17</v>
      </c>
      <c r="AL37045">
        <v>17</v>
      </c>
      <c r="AM37045">
        <v>17</v>
      </c>
      <c r="AN37045">
        <v>17</v>
      </c>
      <c r="AO37045">
        <v>17</v>
      </c>
      <c r="AP37045">
        <v>17</v>
      </c>
      <c r="AQ37045">
        <v>17</v>
      </c>
    </row>
    <row r="37046" spans="1:43">
      <c r="A37046" t="s">
        <v>22965</v>
      </c>
      <c r="B37046" t="s">
        <v>22966</v>
      </c>
      <c r="C37046" t="s">
        <v>22959</v>
      </c>
      <c r="D37046" t="s">
        <v>22960</v>
      </c>
      <c r="E37046" t="s">
        <v>22839</v>
      </c>
      <c r="F37046" t="s">
        <v>22840</v>
      </c>
      <c r="G37046" t="s">
        <v>22539</v>
      </c>
      <c r="H37046" t="s">
        <v>22540</v>
      </c>
      <c r="I37046" s="2">
        <v>0</v>
      </c>
      <c r="J37046" s="2">
        <v>0</v>
      </c>
      <c r="K37046" s="2">
        <v>1</v>
      </c>
      <c r="L37046" t="s">
        <v>995</v>
      </c>
      <c r="M37046" t="s">
        <v>83</v>
      </c>
      <c r="N37046" t="s">
        <v>84</v>
      </c>
      <c r="O37046" t="s">
        <v>85</v>
      </c>
      <c r="P37046" t="s">
        <v>86</v>
      </c>
      <c r="Q37046">
        <v>27</v>
      </c>
      <c r="R37046">
        <v>27</v>
      </c>
      <c r="S37046">
        <v>28</v>
      </c>
      <c r="T37046">
        <v>28</v>
      </c>
      <c r="U37046">
        <v>28</v>
      </c>
      <c r="V37046">
        <v>29</v>
      </c>
      <c r="W37046">
        <v>29</v>
      </c>
      <c r="X37046">
        <v>30</v>
      </c>
      <c r="Y37046">
        <v>30</v>
      </c>
      <c r="Z37046">
        <v>30</v>
      </c>
      <c r="AA37046">
        <v>31</v>
      </c>
      <c r="AB37046">
        <v>31</v>
      </c>
      <c r="AC37046">
        <v>32</v>
      </c>
      <c r="AD37046">
        <v>32</v>
      </c>
      <c r="AE37046">
        <v>33</v>
      </c>
      <c r="AF37046">
        <v>33</v>
      </c>
      <c r="AG37046">
        <v>33</v>
      </c>
      <c r="AH37046">
        <v>34</v>
      </c>
      <c r="AI37046">
        <v>34</v>
      </c>
      <c r="AJ37046">
        <v>35</v>
      </c>
      <c r="AK37046">
        <v>35</v>
      </c>
      <c r="AL37046">
        <v>35</v>
      </c>
      <c r="AM37046">
        <v>35</v>
      </c>
      <c r="AN37046">
        <v>35</v>
      </c>
      <c r="AO37046">
        <v>36</v>
      </c>
      <c r="AP37046">
        <v>36</v>
      </c>
      <c r="AQ37046">
        <v>36</v>
      </c>
    </row>
    <row r="37047" spans="1:43">
      <c r="A37047" t="s">
        <v>22965</v>
      </c>
      <c r="B37047" t="s">
        <v>22966</v>
      </c>
      <c r="C37047" t="s">
        <v>22959</v>
      </c>
      <c r="D37047" t="s">
        <v>22960</v>
      </c>
      <c r="E37047" t="s">
        <v>22839</v>
      </c>
      <c r="F37047" t="s">
        <v>22840</v>
      </c>
      <c r="G37047" t="s">
        <v>22539</v>
      </c>
      <c r="H37047" t="s">
        <v>22540</v>
      </c>
      <c r="I37047" s="2">
        <v>0</v>
      </c>
      <c r="J37047" s="2">
        <v>0</v>
      </c>
      <c r="K37047" s="2">
        <v>1</v>
      </c>
      <c r="L37047" t="s">
        <v>995</v>
      </c>
      <c r="M37047" t="s">
        <v>87</v>
      </c>
      <c r="N37047" t="s">
        <v>88</v>
      </c>
      <c r="O37047" t="s">
        <v>85</v>
      </c>
      <c r="P37047" t="s">
        <v>86</v>
      </c>
      <c r="Q37047">
        <v>27</v>
      </c>
      <c r="R37047">
        <v>28</v>
      </c>
      <c r="S37047">
        <v>28</v>
      </c>
      <c r="T37047">
        <v>28</v>
      </c>
      <c r="U37047">
        <v>28</v>
      </c>
      <c r="V37047">
        <v>28</v>
      </c>
      <c r="W37047">
        <v>28</v>
      </c>
      <c r="X37047">
        <v>29</v>
      </c>
      <c r="Y37047">
        <v>29</v>
      </c>
      <c r="Z37047">
        <v>29</v>
      </c>
      <c r="AA37047">
        <v>29</v>
      </c>
      <c r="AB37047">
        <v>29</v>
      </c>
      <c r="AC37047">
        <v>29</v>
      </c>
      <c r="AD37047">
        <v>30</v>
      </c>
      <c r="AE37047">
        <v>30</v>
      </c>
      <c r="AF37047">
        <v>30</v>
      </c>
      <c r="AG37047">
        <v>30</v>
      </c>
      <c r="AH37047">
        <v>30</v>
      </c>
      <c r="AI37047">
        <v>31</v>
      </c>
      <c r="AJ37047">
        <v>31</v>
      </c>
      <c r="AK37047">
        <v>31</v>
      </c>
      <c r="AL37047">
        <v>31</v>
      </c>
      <c r="AM37047">
        <v>31</v>
      </c>
      <c r="AN37047">
        <v>31</v>
      </c>
      <c r="AO37047">
        <v>32</v>
      </c>
      <c r="AP37047">
        <v>32</v>
      </c>
      <c r="AQ37047">
        <v>32</v>
      </c>
    </row>
    <row r="37048" spans="1:43">
      <c r="A37048" t="s">
        <v>22965</v>
      </c>
      <c r="B37048" t="s">
        <v>22966</v>
      </c>
      <c r="C37048" t="s">
        <v>22959</v>
      </c>
      <c r="D37048" t="s">
        <v>22960</v>
      </c>
      <c r="E37048" t="s">
        <v>22839</v>
      </c>
      <c r="F37048" t="s">
        <v>22840</v>
      </c>
      <c r="G37048" t="s">
        <v>22539</v>
      </c>
      <c r="H37048" t="s">
        <v>22540</v>
      </c>
      <c r="I37048" s="2">
        <v>0</v>
      </c>
      <c r="J37048" s="2">
        <v>0</v>
      </c>
      <c r="K37048" s="2">
        <v>1</v>
      </c>
      <c r="L37048" t="s">
        <v>995</v>
      </c>
      <c r="M37048" t="s">
        <v>89</v>
      </c>
      <c r="N37048" t="s">
        <v>90</v>
      </c>
      <c r="O37048" t="s">
        <v>85</v>
      </c>
      <c r="P37048" t="s">
        <v>86</v>
      </c>
      <c r="Q37048">
        <v>27</v>
      </c>
      <c r="R37048">
        <v>28</v>
      </c>
      <c r="S37048">
        <v>28</v>
      </c>
      <c r="T37048">
        <v>29</v>
      </c>
      <c r="U37048">
        <v>29</v>
      </c>
      <c r="V37048">
        <v>30</v>
      </c>
      <c r="W37048">
        <v>31</v>
      </c>
      <c r="X37048">
        <v>31</v>
      </c>
      <c r="Y37048">
        <v>32</v>
      </c>
      <c r="Z37048">
        <v>32</v>
      </c>
      <c r="AA37048">
        <v>33</v>
      </c>
      <c r="AB37048">
        <v>33</v>
      </c>
      <c r="AC37048">
        <v>34</v>
      </c>
      <c r="AD37048">
        <v>35</v>
      </c>
      <c r="AE37048">
        <v>35</v>
      </c>
      <c r="AF37048">
        <v>35</v>
      </c>
      <c r="AG37048">
        <v>35</v>
      </c>
      <c r="AH37048">
        <v>35</v>
      </c>
      <c r="AI37048">
        <v>35</v>
      </c>
      <c r="AJ37048">
        <v>35</v>
      </c>
      <c r="AK37048">
        <v>35</v>
      </c>
      <c r="AL37048">
        <v>36</v>
      </c>
      <c r="AM37048">
        <v>36</v>
      </c>
      <c r="AN37048">
        <v>36</v>
      </c>
      <c r="AO37048">
        <v>36</v>
      </c>
      <c r="AP37048">
        <v>36</v>
      </c>
      <c r="AQ37048">
        <v>36</v>
      </c>
    </row>
    <row r="37049" spans="1:43">
      <c r="A37049" t="s">
        <v>22965</v>
      </c>
      <c r="B37049" t="s">
        <v>22966</v>
      </c>
      <c r="C37049" t="s">
        <v>22959</v>
      </c>
      <c r="D37049" t="s">
        <v>22960</v>
      </c>
      <c r="E37049" t="s">
        <v>22839</v>
      </c>
      <c r="F37049" t="s">
        <v>22840</v>
      </c>
      <c r="G37049" t="s">
        <v>22539</v>
      </c>
      <c r="H37049" t="s">
        <v>22540</v>
      </c>
      <c r="I37049" s="2">
        <v>0</v>
      </c>
      <c r="J37049" s="2">
        <v>0</v>
      </c>
      <c r="K37049" s="2">
        <v>1</v>
      </c>
      <c r="L37049" t="s">
        <v>995</v>
      </c>
      <c r="M37049" t="s">
        <v>83</v>
      </c>
      <c r="N37049" t="s">
        <v>91</v>
      </c>
      <c r="O37049" t="s">
        <v>85</v>
      </c>
      <c r="P37049" t="s">
        <v>86</v>
      </c>
      <c r="Q37049">
        <v>27</v>
      </c>
      <c r="R37049">
        <v>27</v>
      </c>
      <c r="S37049">
        <v>28</v>
      </c>
      <c r="T37049">
        <v>28</v>
      </c>
      <c r="U37049">
        <v>28</v>
      </c>
      <c r="V37049">
        <v>29</v>
      </c>
      <c r="W37049">
        <v>29</v>
      </c>
      <c r="X37049">
        <v>30</v>
      </c>
      <c r="Y37049">
        <v>30</v>
      </c>
      <c r="Z37049">
        <v>30</v>
      </c>
      <c r="AA37049">
        <v>31</v>
      </c>
      <c r="AB37049">
        <v>31</v>
      </c>
      <c r="AC37049">
        <v>32</v>
      </c>
      <c r="AD37049">
        <v>32</v>
      </c>
      <c r="AE37049">
        <v>33</v>
      </c>
      <c r="AF37049">
        <v>33</v>
      </c>
      <c r="AG37049">
        <v>33</v>
      </c>
      <c r="AH37049">
        <v>34</v>
      </c>
      <c r="AI37049">
        <v>34</v>
      </c>
      <c r="AJ37049">
        <v>35</v>
      </c>
      <c r="AK37049">
        <v>35</v>
      </c>
      <c r="AL37049">
        <v>35</v>
      </c>
      <c r="AM37049">
        <v>35</v>
      </c>
      <c r="AN37049">
        <v>35</v>
      </c>
      <c r="AO37049">
        <v>36</v>
      </c>
      <c r="AP37049">
        <v>36</v>
      </c>
      <c r="AQ37049">
        <v>36</v>
      </c>
    </row>
    <row r="37050" spans="1:43">
      <c r="A37050" t="s">
        <v>22967</v>
      </c>
      <c r="B37050" t="s">
        <v>22968</v>
      </c>
      <c r="C37050" t="s">
        <v>22959</v>
      </c>
      <c r="D37050" t="s">
        <v>22960</v>
      </c>
      <c r="E37050" t="s">
        <v>22839</v>
      </c>
      <c r="F37050" t="s">
        <v>22840</v>
      </c>
      <c r="G37050" t="s">
        <v>22539</v>
      </c>
      <c r="H37050" t="s">
        <v>22540</v>
      </c>
      <c r="I37050" s="2">
        <v>0</v>
      </c>
      <c r="J37050" s="2">
        <v>0</v>
      </c>
      <c r="K37050" s="2">
        <v>1</v>
      </c>
      <c r="L37050" t="s">
        <v>995</v>
      </c>
      <c r="M37050" t="s">
        <v>83</v>
      </c>
      <c r="N37050" t="s">
        <v>84</v>
      </c>
      <c r="O37050" t="s">
        <v>85</v>
      </c>
      <c r="P37050" t="s">
        <v>86</v>
      </c>
      <c r="Q37050">
        <v>47</v>
      </c>
      <c r="R37050">
        <v>48</v>
      </c>
      <c r="S37050">
        <v>48</v>
      </c>
      <c r="T37050">
        <v>49</v>
      </c>
      <c r="U37050">
        <v>50</v>
      </c>
      <c r="V37050">
        <v>51</v>
      </c>
      <c r="W37050">
        <v>51</v>
      </c>
      <c r="X37050">
        <v>52</v>
      </c>
      <c r="Y37050">
        <v>53</v>
      </c>
      <c r="Z37050">
        <v>54</v>
      </c>
      <c r="AA37050">
        <v>54</v>
      </c>
      <c r="AB37050">
        <v>55</v>
      </c>
      <c r="AC37050">
        <v>56</v>
      </c>
      <c r="AD37050">
        <v>57</v>
      </c>
      <c r="AE37050">
        <v>57</v>
      </c>
      <c r="AF37050">
        <v>58</v>
      </c>
      <c r="AG37050">
        <v>59</v>
      </c>
      <c r="AH37050">
        <v>60</v>
      </c>
      <c r="AI37050">
        <v>60</v>
      </c>
      <c r="AJ37050">
        <v>61</v>
      </c>
      <c r="AK37050">
        <v>62</v>
      </c>
      <c r="AL37050">
        <v>62</v>
      </c>
      <c r="AM37050">
        <v>62</v>
      </c>
      <c r="AN37050">
        <v>62</v>
      </c>
      <c r="AO37050">
        <v>63</v>
      </c>
      <c r="AP37050">
        <v>63</v>
      </c>
      <c r="AQ37050">
        <v>63</v>
      </c>
    </row>
    <row r="37051" spans="1:43">
      <c r="A37051" t="s">
        <v>22967</v>
      </c>
      <c r="B37051" t="s">
        <v>22968</v>
      </c>
      <c r="C37051" t="s">
        <v>22959</v>
      </c>
      <c r="D37051" t="s">
        <v>22960</v>
      </c>
      <c r="E37051" t="s">
        <v>22839</v>
      </c>
      <c r="F37051" t="s">
        <v>22840</v>
      </c>
      <c r="G37051" t="s">
        <v>22539</v>
      </c>
      <c r="H37051" t="s">
        <v>22540</v>
      </c>
      <c r="I37051" s="2">
        <v>0</v>
      </c>
      <c r="J37051" s="2">
        <v>0</v>
      </c>
      <c r="K37051" s="2">
        <v>1</v>
      </c>
      <c r="L37051" t="s">
        <v>995</v>
      </c>
      <c r="M37051" t="s">
        <v>87</v>
      </c>
      <c r="N37051" t="s">
        <v>88</v>
      </c>
      <c r="O37051" t="s">
        <v>85</v>
      </c>
      <c r="P37051" t="s">
        <v>86</v>
      </c>
      <c r="Q37051">
        <v>47</v>
      </c>
      <c r="R37051">
        <v>48</v>
      </c>
      <c r="S37051">
        <v>48</v>
      </c>
      <c r="T37051">
        <v>48</v>
      </c>
      <c r="U37051">
        <v>49</v>
      </c>
      <c r="V37051">
        <v>49</v>
      </c>
      <c r="W37051">
        <v>49</v>
      </c>
      <c r="X37051">
        <v>50</v>
      </c>
      <c r="Y37051">
        <v>50</v>
      </c>
      <c r="Z37051">
        <v>50</v>
      </c>
      <c r="AA37051">
        <v>50</v>
      </c>
      <c r="AB37051">
        <v>51</v>
      </c>
      <c r="AC37051">
        <v>51</v>
      </c>
      <c r="AD37051">
        <v>51</v>
      </c>
      <c r="AE37051">
        <v>52</v>
      </c>
      <c r="AF37051">
        <v>52</v>
      </c>
      <c r="AG37051">
        <v>52</v>
      </c>
      <c r="AH37051">
        <v>53</v>
      </c>
      <c r="AI37051">
        <v>53</v>
      </c>
      <c r="AJ37051">
        <v>53</v>
      </c>
      <c r="AK37051">
        <v>54</v>
      </c>
      <c r="AL37051">
        <v>54</v>
      </c>
      <c r="AM37051">
        <v>54</v>
      </c>
      <c r="AN37051">
        <v>54</v>
      </c>
      <c r="AO37051">
        <v>55</v>
      </c>
      <c r="AP37051">
        <v>55</v>
      </c>
      <c r="AQ37051">
        <v>55</v>
      </c>
    </row>
    <row r="37052" spans="1:43">
      <c r="A37052" t="s">
        <v>22967</v>
      </c>
      <c r="B37052" t="s">
        <v>22968</v>
      </c>
      <c r="C37052" t="s">
        <v>22959</v>
      </c>
      <c r="D37052" t="s">
        <v>22960</v>
      </c>
      <c r="E37052" t="s">
        <v>22839</v>
      </c>
      <c r="F37052" t="s">
        <v>22840</v>
      </c>
      <c r="G37052" t="s">
        <v>22539</v>
      </c>
      <c r="H37052" t="s">
        <v>22540</v>
      </c>
      <c r="I37052" s="2">
        <v>0</v>
      </c>
      <c r="J37052" s="2">
        <v>0</v>
      </c>
      <c r="K37052" s="2">
        <v>1</v>
      </c>
      <c r="L37052" t="s">
        <v>995</v>
      </c>
      <c r="M37052" t="s">
        <v>89</v>
      </c>
      <c r="N37052" t="s">
        <v>90</v>
      </c>
      <c r="O37052" t="s">
        <v>85</v>
      </c>
      <c r="P37052" t="s">
        <v>86</v>
      </c>
      <c r="Q37052">
        <v>47</v>
      </c>
      <c r="R37052">
        <v>48</v>
      </c>
      <c r="S37052">
        <v>50</v>
      </c>
      <c r="T37052">
        <v>51</v>
      </c>
      <c r="U37052">
        <v>52</v>
      </c>
      <c r="V37052">
        <v>53</v>
      </c>
      <c r="W37052">
        <v>54</v>
      </c>
      <c r="X37052">
        <v>55</v>
      </c>
      <c r="Y37052">
        <v>56</v>
      </c>
      <c r="Z37052">
        <v>57</v>
      </c>
      <c r="AA37052">
        <v>58</v>
      </c>
      <c r="AB37052">
        <v>59</v>
      </c>
      <c r="AC37052">
        <v>60</v>
      </c>
      <c r="AD37052">
        <v>61</v>
      </c>
      <c r="AE37052">
        <v>62</v>
      </c>
      <c r="AF37052">
        <v>62</v>
      </c>
      <c r="AG37052">
        <v>62</v>
      </c>
      <c r="AH37052">
        <v>62</v>
      </c>
      <c r="AI37052">
        <v>62</v>
      </c>
      <c r="AJ37052">
        <v>62</v>
      </c>
      <c r="AK37052">
        <v>62</v>
      </c>
      <c r="AL37052">
        <v>63</v>
      </c>
      <c r="AM37052">
        <v>63</v>
      </c>
      <c r="AN37052">
        <v>63</v>
      </c>
      <c r="AO37052">
        <v>63</v>
      </c>
      <c r="AP37052">
        <v>63</v>
      </c>
      <c r="AQ37052">
        <v>63</v>
      </c>
    </row>
    <row r="37053" spans="1:43">
      <c r="A37053" t="s">
        <v>22967</v>
      </c>
      <c r="B37053" t="s">
        <v>22968</v>
      </c>
      <c r="C37053" t="s">
        <v>22959</v>
      </c>
      <c r="D37053" t="s">
        <v>22960</v>
      </c>
      <c r="E37053" t="s">
        <v>22839</v>
      </c>
      <c r="F37053" t="s">
        <v>22840</v>
      </c>
      <c r="G37053" t="s">
        <v>22539</v>
      </c>
      <c r="H37053" t="s">
        <v>22540</v>
      </c>
      <c r="I37053" s="2">
        <v>0</v>
      </c>
      <c r="J37053" s="2">
        <v>0</v>
      </c>
      <c r="K37053" s="2">
        <v>1</v>
      </c>
      <c r="L37053" t="s">
        <v>995</v>
      </c>
      <c r="M37053" t="s">
        <v>83</v>
      </c>
      <c r="N37053" t="s">
        <v>91</v>
      </c>
      <c r="O37053" t="s">
        <v>85</v>
      </c>
      <c r="P37053" t="s">
        <v>86</v>
      </c>
      <c r="Q37053">
        <v>47</v>
      </c>
      <c r="R37053">
        <v>48</v>
      </c>
      <c r="S37053">
        <v>48</v>
      </c>
      <c r="T37053">
        <v>49</v>
      </c>
      <c r="U37053">
        <v>50</v>
      </c>
      <c r="V37053">
        <v>51</v>
      </c>
      <c r="W37053">
        <v>51</v>
      </c>
      <c r="X37053">
        <v>52</v>
      </c>
      <c r="Y37053">
        <v>53</v>
      </c>
      <c r="Z37053">
        <v>54</v>
      </c>
      <c r="AA37053">
        <v>54</v>
      </c>
      <c r="AB37053">
        <v>55</v>
      </c>
      <c r="AC37053">
        <v>56</v>
      </c>
      <c r="AD37053">
        <v>57</v>
      </c>
      <c r="AE37053">
        <v>57</v>
      </c>
      <c r="AF37053">
        <v>58</v>
      </c>
      <c r="AG37053">
        <v>59</v>
      </c>
      <c r="AH37053">
        <v>60</v>
      </c>
      <c r="AI37053">
        <v>60</v>
      </c>
      <c r="AJ37053">
        <v>61</v>
      </c>
      <c r="AK37053">
        <v>62</v>
      </c>
      <c r="AL37053">
        <v>62</v>
      </c>
      <c r="AM37053">
        <v>62</v>
      </c>
      <c r="AN37053">
        <v>62</v>
      </c>
      <c r="AO37053">
        <v>63</v>
      </c>
      <c r="AP37053">
        <v>63</v>
      </c>
      <c r="AQ37053">
        <v>63</v>
      </c>
    </row>
    <row r="37054" spans="1:43">
      <c r="A37054" t="s">
        <v>22969</v>
      </c>
      <c r="B37054" t="s">
        <v>22970</v>
      </c>
      <c r="C37054" t="s">
        <v>22959</v>
      </c>
      <c r="D37054" t="s">
        <v>22960</v>
      </c>
      <c r="E37054" t="s">
        <v>22839</v>
      </c>
      <c r="F37054" t="s">
        <v>22840</v>
      </c>
      <c r="G37054" t="s">
        <v>22539</v>
      </c>
      <c r="H37054" t="s">
        <v>22540</v>
      </c>
      <c r="I37054" s="2">
        <v>0</v>
      </c>
      <c r="J37054" s="2">
        <v>0</v>
      </c>
      <c r="K37054" s="2">
        <v>1</v>
      </c>
      <c r="L37054" t="s">
        <v>995</v>
      </c>
      <c r="M37054" t="s">
        <v>83</v>
      </c>
      <c r="N37054" t="s">
        <v>84</v>
      </c>
      <c r="O37054" t="s">
        <v>85</v>
      </c>
      <c r="P37054" t="s">
        <v>86</v>
      </c>
      <c r="Q37054">
        <v>44</v>
      </c>
      <c r="R37054">
        <v>44</v>
      </c>
      <c r="S37054">
        <v>45</v>
      </c>
      <c r="T37054">
        <v>46</v>
      </c>
      <c r="U37054">
        <v>46</v>
      </c>
      <c r="V37054">
        <v>47</v>
      </c>
      <c r="W37054">
        <v>48</v>
      </c>
      <c r="X37054">
        <v>49</v>
      </c>
      <c r="Y37054">
        <v>49</v>
      </c>
      <c r="Z37054">
        <v>50</v>
      </c>
      <c r="AA37054">
        <v>51</v>
      </c>
      <c r="AB37054">
        <v>51</v>
      </c>
      <c r="AC37054">
        <v>52</v>
      </c>
      <c r="AD37054">
        <v>53</v>
      </c>
      <c r="AE37054">
        <v>53</v>
      </c>
      <c r="AF37054">
        <v>54</v>
      </c>
      <c r="AG37054">
        <v>55</v>
      </c>
      <c r="AH37054">
        <v>56</v>
      </c>
      <c r="AI37054">
        <v>56</v>
      </c>
      <c r="AJ37054">
        <v>57</v>
      </c>
      <c r="AK37054">
        <v>58</v>
      </c>
      <c r="AL37054">
        <v>58</v>
      </c>
      <c r="AM37054">
        <v>58</v>
      </c>
      <c r="AN37054">
        <v>58</v>
      </c>
      <c r="AO37054">
        <v>58</v>
      </c>
      <c r="AP37054">
        <v>59</v>
      </c>
      <c r="AQ37054">
        <v>59</v>
      </c>
    </row>
    <row r="37055" spans="1:43">
      <c r="A37055" t="s">
        <v>22969</v>
      </c>
      <c r="B37055" t="s">
        <v>22970</v>
      </c>
      <c r="C37055" t="s">
        <v>22959</v>
      </c>
      <c r="D37055" t="s">
        <v>22960</v>
      </c>
      <c r="E37055" t="s">
        <v>22839</v>
      </c>
      <c r="F37055" t="s">
        <v>22840</v>
      </c>
      <c r="G37055" t="s">
        <v>22539</v>
      </c>
      <c r="H37055" t="s">
        <v>22540</v>
      </c>
      <c r="I37055" s="2">
        <v>0</v>
      </c>
      <c r="J37055" s="2">
        <v>0</v>
      </c>
      <c r="K37055" s="2">
        <v>1</v>
      </c>
      <c r="L37055" t="s">
        <v>995</v>
      </c>
      <c r="M37055" t="s">
        <v>87</v>
      </c>
      <c r="N37055" t="s">
        <v>88</v>
      </c>
      <c r="O37055" t="s">
        <v>85</v>
      </c>
      <c r="P37055" t="s">
        <v>86</v>
      </c>
      <c r="Q37055">
        <v>44</v>
      </c>
      <c r="R37055">
        <v>45</v>
      </c>
      <c r="S37055">
        <v>45</v>
      </c>
      <c r="T37055">
        <v>45</v>
      </c>
      <c r="U37055">
        <v>45</v>
      </c>
      <c r="V37055">
        <v>46</v>
      </c>
      <c r="W37055">
        <v>46</v>
      </c>
      <c r="X37055">
        <v>46</v>
      </c>
      <c r="Y37055">
        <v>47</v>
      </c>
      <c r="Z37055">
        <v>47</v>
      </c>
      <c r="AA37055">
        <v>47</v>
      </c>
      <c r="AB37055">
        <v>47</v>
      </c>
      <c r="AC37055">
        <v>48</v>
      </c>
      <c r="AD37055">
        <v>48</v>
      </c>
      <c r="AE37055">
        <v>48</v>
      </c>
      <c r="AF37055">
        <v>49</v>
      </c>
      <c r="AG37055">
        <v>49</v>
      </c>
      <c r="AH37055">
        <v>49</v>
      </c>
      <c r="AI37055">
        <v>49</v>
      </c>
      <c r="AJ37055">
        <v>50</v>
      </c>
      <c r="AK37055">
        <v>50</v>
      </c>
      <c r="AL37055">
        <v>50</v>
      </c>
      <c r="AM37055">
        <v>51</v>
      </c>
      <c r="AN37055">
        <v>51</v>
      </c>
      <c r="AO37055">
        <v>51</v>
      </c>
      <c r="AP37055">
        <v>51</v>
      </c>
      <c r="AQ37055">
        <v>52</v>
      </c>
    </row>
    <row r="37056" spans="1:43">
      <c r="A37056" t="s">
        <v>22969</v>
      </c>
      <c r="B37056" t="s">
        <v>22970</v>
      </c>
      <c r="C37056" t="s">
        <v>22959</v>
      </c>
      <c r="D37056" t="s">
        <v>22960</v>
      </c>
      <c r="E37056" t="s">
        <v>22839</v>
      </c>
      <c r="F37056" t="s">
        <v>22840</v>
      </c>
      <c r="G37056" t="s">
        <v>22539</v>
      </c>
      <c r="H37056" t="s">
        <v>22540</v>
      </c>
      <c r="I37056" s="2">
        <v>0</v>
      </c>
      <c r="J37056" s="2">
        <v>0</v>
      </c>
      <c r="K37056" s="2">
        <v>1</v>
      </c>
      <c r="L37056" t="s">
        <v>995</v>
      </c>
      <c r="M37056" t="s">
        <v>89</v>
      </c>
      <c r="N37056" t="s">
        <v>90</v>
      </c>
      <c r="O37056" t="s">
        <v>85</v>
      </c>
      <c r="P37056" t="s">
        <v>86</v>
      </c>
      <c r="Q37056">
        <v>44</v>
      </c>
      <c r="R37056">
        <v>45</v>
      </c>
      <c r="S37056">
        <v>46</v>
      </c>
      <c r="T37056">
        <v>47</v>
      </c>
      <c r="U37056">
        <v>48</v>
      </c>
      <c r="V37056">
        <v>49</v>
      </c>
      <c r="W37056">
        <v>50</v>
      </c>
      <c r="X37056">
        <v>51</v>
      </c>
      <c r="Y37056">
        <v>52</v>
      </c>
      <c r="Z37056">
        <v>53</v>
      </c>
      <c r="AA37056">
        <v>54</v>
      </c>
      <c r="AB37056">
        <v>55</v>
      </c>
      <c r="AC37056">
        <v>56</v>
      </c>
      <c r="AD37056">
        <v>57</v>
      </c>
      <c r="AE37056">
        <v>57</v>
      </c>
      <c r="AF37056">
        <v>58</v>
      </c>
      <c r="AG37056">
        <v>58</v>
      </c>
      <c r="AH37056">
        <v>58</v>
      </c>
      <c r="AI37056">
        <v>58</v>
      </c>
      <c r="AJ37056">
        <v>58</v>
      </c>
      <c r="AK37056">
        <v>58</v>
      </c>
      <c r="AL37056">
        <v>58</v>
      </c>
      <c r="AM37056">
        <v>59</v>
      </c>
      <c r="AN37056">
        <v>59</v>
      </c>
      <c r="AO37056">
        <v>59</v>
      </c>
      <c r="AP37056">
        <v>59</v>
      </c>
      <c r="AQ37056">
        <v>59</v>
      </c>
    </row>
    <row r="37057" spans="1:43">
      <c r="A37057" t="s">
        <v>22969</v>
      </c>
      <c r="B37057" t="s">
        <v>22970</v>
      </c>
      <c r="C37057" t="s">
        <v>22959</v>
      </c>
      <c r="D37057" t="s">
        <v>22960</v>
      </c>
      <c r="E37057" t="s">
        <v>22839</v>
      </c>
      <c r="F37057" t="s">
        <v>22840</v>
      </c>
      <c r="G37057" t="s">
        <v>22539</v>
      </c>
      <c r="H37057" t="s">
        <v>22540</v>
      </c>
      <c r="I37057" s="2">
        <v>0</v>
      </c>
      <c r="J37057" s="2">
        <v>0</v>
      </c>
      <c r="K37057" s="2">
        <v>1</v>
      </c>
      <c r="L37057" t="s">
        <v>995</v>
      </c>
      <c r="M37057" t="s">
        <v>83</v>
      </c>
      <c r="N37057" t="s">
        <v>91</v>
      </c>
      <c r="O37057" t="s">
        <v>85</v>
      </c>
      <c r="P37057" t="s">
        <v>86</v>
      </c>
      <c r="Q37057">
        <v>44</v>
      </c>
      <c r="R37057">
        <v>44</v>
      </c>
      <c r="S37057">
        <v>45</v>
      </c>
      <c r="T37057">
        <v>46</v>
      </c>
      <c r="U37057">
        <v>46</v>
      </c>
      <c r="V37057">
        <v>47</v>
      </c>
      <c r="W37057">
        <v>48</v>
      </c>
      <c r="X37057">
        <v>49</v>
      </c>
      <c r="Y37057">
        <v>49</v>
      </c>
      <c r="Z37057">
        <v>50</v>
      </c>
      <c r="AA37057">
        <v>51</v>
      </c>
      <c r="AB37057">
        <v>51</v>
      </c>
      <c r="AC37057">
        <v>52</v>
      </c>
      <c r="AD37057">
        <v>53</v>
      </c>
      <c r="AE37057">
        <v>53</v>
      </c>
      <c r="AF37057">
        <v>54</v>
      </c>
      <c r="AG37057">
        <v>55</v>
      </c>
      <c r="AH37057">
        <v>56</v>
      </c>
      <c r="AI37057">
        <v>56</v>
      </c>
      <c r="AJ37057">
        <v>57</v>
      </c>
      <c r="AK37057">
        <v>58</v>
      </c>
      <c r="AL37057">
        <v>58</v>
      </c>
      <c r="AM37057">
        <v>58</v>
      </c>
      <c r="AN37057">
        <v>58</v>
      </c>
      <c r="AO37057">
        <v>58</v>
      </c>
      <c r="AP37057">
        <v>59</v>
      </c>
      <c r="AQ37057">
        <v>59</v>
      </c>
    </row>
    <row r="37058" spans="1:43">
      <c r="A37058" t="s">
        <v>22971</v>
      </c>
      <c r="B37058" t="s">
        <v>22972</v>
      </c>
      <c r="C37058" t="s">
        <v>22973</v>
      </c>
      <c r="D37058" t="s">
        <v>22974</v>
      </c>
      <c r="E37058" t="s">
        <v>22839</v>
      </c>
      <c r="F37058" t="s">
        <v>22840</v>
      </c>
      <c r="G37058" t="s">
        <v>22539</v>
      </c>
      <c r="H37058" t="s">
        <v>22540</v>
      </c>
      <c r="I37058" s="2">
        <v>0</v>
      </c>
      <c r="J37058" s="2">
        <v>0</v>
      </c>
      <c r="K37058" s="2">
        <v>1</v>
      </c>
      <c r="L37058" t="s">
        <v>995</v>
      </c>
      <c r="M37058" t="s">
        <v>83</v>
      </c>
      <c r="N37058" t="s">
        <v>84</v>
      </c>
      <c r="O37058" t="s">
        <v>85</v>
      </c>
      <c r="P37058" t="s">
        <v>86</v>
      </c>
      <c r="Q37058">
        <v>38</v>
      </c>
      <c r="R37058">
        <v>38</v>
      </c>
      <c r="S37058">
        <v>39</v>
      </c>
      <c r="T37058">
        <v>39</v>
      </c>
      <c r="U37058">
        <v>40</v>
      </c>
      <c r="V37058">
        <v>41</v>
      </c>
      <c r="W37058">
        <v>41</v>
      </c>
      <c r="X37058">
        <v>42</v>
      </c>
      <c r="Y37058">
        <v>42</v>
      </c>
      <c r="Z37058">
        <v>43</v>
      </c>
      <c r="AA37058">
        <v>44</v>
      </c>
      <c r="AB37058">
        <v>44</v>
      </c>
      <c r="AC37058">
        <v>45</v>
      </c>
      <c r="AD37058">
        <v>46</v>
      </c>
      <c r="AE37058">
        <v>46</v>
      </c>
      <c r="AF37058">
        <v>47</v>
      </c>
      <c r="AG37058">
        <v>47</v>
      </c>
      <c r="AH37058">
        <v>48</v>
      </c>
      <c r="AI37058">
        <v>49</v>
      </c>
      <c r="AJ37058">
        <v>49</v>
      </c>
      <c r="AK37058">
        <v>50</v>
      </c>
      <c r="AL37058">
        <v>50</v>
      </c>
      <c r="AM37058">
        <v>50</v>
      </c>
      <c r="AN37058">
        <v>50</v>
      </c>
      <c r="AO37058">
        <v>51</v>
      </c>
      <c r="AP37058">
        <v>51</v>
      </c>
      <c r="AQ37058">
        <v>51</v>
      </c>
    </row>
    <row r="37059" spans="1:43">
      <c r="A37059" t="s">
        <v>22971</v>
      </c>
      <c r="B37059" t="s">
        <v>22972</v>
      </c>
      <c r="C37059" t="s">
        <v>22973</v>
      </c>
      <c r="D37059" t="s">
        <v>22974</v>
      </c>
      <c r="E37059" t="s">
        <v>22839</v>
      </c>
      <c r="F37059" t="s">
        <v>22840</v>
      </c>
      <c r="G37059" t="s">
        <v>22539</v>
      </c>
      <c r="H37059" t="s">
        <v>22540</v>
      </c>
      <c r="I37059" s="2">
        <v>0</v>
      </c>
      <c r="J37059" s="2">
        <v>0</v>
      </c>
      <c r="K37059" s="2">
        <v>1</v>
      </c>
      <c r="L37059" t="s">
        <v>995</v>
      </c>
      <c r="M37059" t="s">
        <v>87</v>
      </c>
      <c r="N37059" t="s">
        <v>88</v>
      </c>
      <c r="O37059" t="s">
        <v>85</v>
      </c>
      <c r="P37059" t="s">
        <v>86</v>
      </c>
      <c r="Q37059">
        <v>38</v>
      </c>
      <c r="R37059">
        <v>39</v>
      </c>
      <c r="S37059">
        <v>39</v>
      </c>
      <c r="T37059">
        <v>39</v>
      </c>
      <c r="U37059">
        <v>39</v>
      </c>
      <c r="V37059">
        <v>40</v>
      </c>
      <c r="W37059">
        <v>40</v>
      </c>
      <c r="X37059">
        <v>40</v>
      </c>
      <c r="Y37059">
        <v>40</v>
      </c>
      <c r="Z37059">
        <v>41</v>
      </c>
      <c r="AA37059">
        <v>41</v>
      </c>
      <c r="AB37059">
        <v>41</v>
      </c>
      <c r="AC37059">
        <v>41</v>
      </c>
      <c r="AD37059">
        <v>42</v>
      </c>
      <c r="AE37059">
        <v>42</v>
      </c>
      <c r="AF37059">
        <v>42</v>
      </c>
      <c r="AG37059">
        <v>42</v>
      </c>
      <c r="AH37059">
        <v>43</v>
      </c>
      <c r="AI37059">
        <v>43</v>
      </c>
      <c r="AJ37059">
        <v>43</v>
      </c>
      <c r="AK37059">
        <v>43</v>
      </c>
      <c r="AL37059">
        <v>44</v>
      </c>
      <c r="AM37059">
        <v>44</v>
      </c>
      <c r="AN37059">
        <v>44</v>
      </c>
      <c r="AO37059">
        <v>44</v>
      </c>
      <c r="AP37059">
        <v>45</v>
      </c>
      <c r="AQ37059">
        <v>45</v>
      </c>
    </row>
    <row r="37060" spans="1:43">
      <c r="A37060" t="s">
        <v>22971</v>
      </c>
      <c r="B37060" t="s">
        <v>22972</v>
      </c>
      <c r="C37060" t="s">
        <v>22973</v>
      </c>
      <c r="D37060" t="s">
        <v>22974</v>
      </c>
      <c r="E37060" t="s">
        <v>22839</v>
      </c>
      <c r="F37060" t="s">
        <v>22840</v>
      </c>
      <c r="G37060" t="s">
        <v>22539</v>
      </c>
      <c r="H37060" t="s">
        <v>22540</v>
      </c>
      <c r="I37060" s="2">
        <v>0</v>
      </c>
      <c r="J37060" s="2">
        <v>0</v>
      </c>
      <c r="K37060" s="2">
        <v>1</v>
      </c>
      <c r="L37060" t="s">
        <v>995</v>
      </c>
      <c r="M37060" t="s">
        <v>89</v>
      </c>
      <c r="N37060" t="s">
        <v>90</v>
      </c>
      <c r="O37060" t="s">
        <v>85</v>
      </c>
      <c r="P37060" t="s">
        <v>86</v>
      </c>
      <c r="Q37060">
        <v>38</v>
      </c>
      <c r="R37060">
        <v>39</v>
      </c>
      <c r="S37060">
        <v>40</v>
      </c>
      <c r="T37060">
        <v>41</v>
      </c>
      <c r="U37060">
        <v>42</v>
      </c>
      <c r="V37060">
        <v>43</v>
      </c>
      <c r="W37060">
        <v>43</v>
      </c>
      <c r="X37060">
        <v>44</v>
      </c>
      <c r="Y37060">
        <v>45</v>
      </c>
      <c r="Z37060">
        <v>46</v>
      </c>
      <c r="AA37060">
        <v>47</v>
      </c>
      <c r="AB37060">
        <v>47</v>
      </c>
      <c r="AC37060">
        <v>48</v>
      </c>
      <c r="AD37060">
        <v>49</v>
      </c>
      <c r="AE37060">
        <v>50</v>
      </c>
      <c r="AF37060">
        <v>50</v>
      </c>
      <c r="AG37060">
        <v>50</v>
      </c>
      <c r="AH37060">
        <v>50</v>
      </c>
      <c r="AI37060">
        <v>50</v>
      </c>
      <c r="AJ37060">
        <v>50</v>
      </c>
      <c r="AK37060">
        <v>50</v>
      </c>
      <c r="AL37060">
        <v>51</v>
      </c>
      <c r="AM37060">
        <v>51</v>
      </c>
      <c r="AN37060">
        <v>51</v>
      </c>
      <c r="AO37060">
        <v>51</v>
      </c>
      <c r="AP37060">
        <v>51</v>
      </c>
      <c r="AQ37060">
        <v>51</v>
      </c>
    </row>
    <row r="37061" spans="1:43">
      <c r="A37061" t="s">
        <v>22971</v>
      </c>
      <c r="B37061" t="s">
        <v>22972</v>
      </c>
      <c r="C37061" t="s">
        <v>22973</v>
      </c>
      <c r="D37061" t="s">
        <v>22974</v>
      </c>
      <c r="E37061" t="s">
        <v>22839</v>
      </c>
      <c r="F37061" t="s">
        <v>22840</v>
      </c>
      <c r="G37061" t="s">
        <v>22539</v>
      </c>
      <c r="H37061" t="s">
        <v>22540</v>
      </c>
      <c r="I37061" s="2">
        <v>0</v>
      </c>
      <c r="J37061" s="2">
        <v>0</v>
      </c>
      <c r="K37061" s="2">
        <v>1</v>
      </c>
      <c r="L37061" t="s">
        <v>995</v>
      </c>
      <c r="M37061" t="s">
        <v>83</v>
      </c>
      <c r="N37061" t="s">
        <v>91</v>
      </c>
      <c r="O37061" t="s">
        <v>85</v>
      </c>
      <c r="P37061" t="s">
        <v>86</v>
      </c>
      <c r="Q37061">
        <v>38</v>
      </c>
      <c r="R37061">
        <v>38</v>
      </c>
      <c r="S37061">
        <v>39</v>
      </c>
      <c r="T37061">
        <v>39</v>
      </c>
      <c r="U37061">
        <v>40</v>
      </c>
      <c r="V37061">
        <v>41</v>
      </c>
      <c r="W37061">
        <v>41</v>
      </c>
      <c r="X37061">
        <v>42</v>
      </c>
      <c r="Y37061">
        <v>42</v>
      </c>
      <c r="Z37061">
        <v>43</v>
      </c>
      <c r="AA37061">
        <v>44</v>
      </c>
      <c r="AB37061">
        <v>44</v>
      </c>
      <c r="AC37061">
        <v>45</v>
      </c>
      <c r="AD37061">
        <v>46</v>
      </c>
      <c r="AE37061">
        <v>46</v>
      </c>
      <c r="AF37061">
        <v>47</v>
      </c>
      <c r="AG37061">
        <v>47</v>
      </c>
      <c r="AH37061">
        <v>48</v>
      </c>
      <c r="AI37061">
        <v>49</v>
      </c>
      <c r="AJ37061">
        <v>49</v>
      </c>
      <c r="AK37061">
        <v>50</v>
      </c>
      <c r="AL37061">
        <v>50</v>
      </c>
      <c r="AM37061">
        <v>50</v>
      </c>
      <c r="AN37061">
        <v>50</v>
      </c>
      <c r="AO37061">
        <v>51</v>
      </c>
      <c r="AP37061">
        <v>51</v>
      </c>
      <c r="AQ37061">
        <v>51</v>
      </c>
    </row>
    <row r="37062" spans="1:43">
      <c r="A37062" t="s">
        <v>22975</v>
      </c>
      <c r="B37062" t="s">
        <v>22976</v>
      </c>
      <c r="C37062" t="s">
        <v>22973</v>
      </c>
      <c r="D37062" t="s">
        <v>22974</v>
      </c>
      <c r="E37062" t="s">
        <v>22839</v>
      </c>
      <c r="F37062" t="s">
        <v>22840</v>
      </c>
      <c r="G37062" t="s">
        <v>22539</v>
      </c>
      <c r="H37062" t="s">
        <v>22540</v>
      </c>
      <c r="I37062" s="2">
        <v>0</v>
      </c>
      <c r="J37062" s="2">
        <v>0</v>
      </c>
      <c r="K37062" s="2">
        <v>1</v>
      </c>
      <c r="L37062" t="s">
        <v>995</v>
      </c>
      <c r="M37062" t="s">
        <v>83</v>
      </c>
      <c r="N37062" t="s">
        <v>84</v>
      </c>
      <c r="O37062" t="s">
        <v>85</v>
      </c>
      <c r="P37062" t="s">
        <v>86</v>
      </c>
      <c r="Q37062">
        <v>69</v>
      </c>
      <c r="R37062">
        <v>70</v>
      </c>
      <c r="S37062">
        <v>71</v>
      </c>
      <c r="T37062">
        <v>72</v>
      </c>
      <c r="U37062">
        <v>73</v>
      </c>
      <c r="V37062">
        <v>75</v>
      </c>
      <c r="W37062">
        <v>76</v>
      </c>
      <c r="X37062">
        <v>77</v>
      </c>
      <c r="Y37062">
        <v>78</v>
      </c>
      <c r="Z37062">
        <v>79</v>
      </c>
      <c r="AA37062">
        <v>80</v>
      </c>
      <c r="AB37062">
        <v>81</v>
      </c>
      <c r="AC37062">
        <v>82</v>
      </c>
      <c r="AD37062">
        <v>84</v>
      </c>
      <c r="AE37062">
        <v>85</v>
      </c>
      <c r="AF37062">
        <v>86</v>
      </c>
      <c r="AG37062">
        <v>87</v>
      </c>
      <c r="AH37062">
        <v>88</v>
      </c>
      <c r="AI37062">
        <v>89</v>
      </c>
      <c r="AJ37062">
        <v>90</v>
      </c>
      <c r="AK37062">
        <v>92</v>
      </c>
      <c r="AL37062">
        <v>92</v>
      </c>
      <c r="AM37062">
        <v>92</v>
      </c>
      <c r="AN37062">
        <v>93</v>
      </c>
      <c r="AO37062">
        <v>93</v>
      </c>
      <c r="AP37062">
        <v>93</v>
      </c>
      <c r="AQ37062">
        <v>93</v>
      </c>
    </row>
    <row r="37063" spans="1:43">
      <c r="A37063" t="s">
        <v>22975</v>
      </c>
      <c r="B37063" t="s">
        <v>22976</v>
      </c>
      <c r="C37063" t="s">
        <v>22973</v>
      </c>
      <c r="D37063" t="s">
        <v>22974</v>
      </c>
      <c r="E37063" t="s">
        <v>22839</v>
      </c>
      <c r="F37063" t="s">
        <v>22840</v>
      </c>
      <c r="G37063" t="s">
        <v>22539</v>
      </c>
      <c r="H37063" t="s">
        <v>22540</v>
      </c>
      <c r="I37063" s="2">
        <v>0</v>
      </c>
      <c r="J37063" s="2">
        <v>0</v>
      </c>
      <c r="K37063" s="2">
        <v>1</v>
      </c>
      <c r="L37063" t="s">
        <v>995</v>
      </c>
      <c r="M37063" t="s">
        <v>87</v>
      </c>
      <c r="N37063" t="s">
        <v>88</v>
      </c>
      <c r="O37063" t="s">
        <v>85</v>
      </c>
      <c r="P37063" t="s">
        <v>86</v>
      </c>
      <c r="Q37063">
        <v>69</v>
      </c>
      <c r="R37063">
        <v>70</v>
      </c>
      <c r="S37063">
        <v>70</v>
      </c>
      <c r="T37063">
        <v>71</v>
      </c>
      <c r="U37063">
        <v>71</v>
      </c>
      <c r="V37063">
        <v>72</v>
      </c>
      <c r="W37063">
        <v>72</v>
      </c>
      <c r="X37063">
        <v>73</v>
      </c>
      <c r="Y37063">
        <v>73</v>
      </c>
      <c r="Z37063">
        <v>74</v>
      </c>
      <c r="AA37063">
        <v>74</v>
      </c>
      <c r="AB37063">
        <v>74</v>
      </c>
      <c r="AC37063">
        <v>75</v>
      </c>
      <c r="AD37063">
        <v>75</v>
      </c>
      <c r="AE37063">
        <v>76</v>
      </c>
      <c r="AF37063">
        <v>76</v>
      </c>
      <c r="AG37063">
        <v>77</v>
      </c>
      <c r="AH37063">
        <v>77</v>
      </c>
      <c r="AI37063">
        <v>78</v>
      </c>
      <c r="AJ37063">
        <v>78</v>
      </c>
      <c r="AK37063">
        <v>79</v>
      </c>
      <c r="AL37063">
        <v>79</v>
      </c>
      <c r="AM37063">
        <v>80</v>
      </c>
      <c r="AN37063">
        <v>80</v>
      </c>
      <c r="AO37063">
        <v>81</v>
      </c>
      <c r="AP37063">
        <v>81</v>
      </c>
      <c r="AQ37063">
        <v>82</v>
      </c>
    </row>
    <row r="37064" spans="1:43">
      <c r="A37064" t="s">
        <v>22975</v>
      </c>
      <c r="B37064" t="s">
        <v>22976</v>
      </c>
      <c r="C37064" t="s">
        <v>22973</v>
      </c>
      <c r="D37064" t="s">
        <v>22974</v>
      </c>
      <c r="E37064" t="s">
        <v>22839</v>
      </c>
      <c r="F37064" t="s">
        <v>22840</v>
      </c>
      <c r="G37064" t="s">
        <v>22539</v>
      </c>
      <c r="H37064" t="s">
        <v>22540</v>
      </c>
      <c r="I37064" s="2">
        <v>0</v>
      </c>
      <c r="J37064" s="2">
        <v>0</v>
      </c>
      <c r="K37064" s="2">
        <v>1</v>
      </c>
      <c r="L37064" t="s">
        <v>995</v>
      </c>
      <c r="M37064" t="s">
        <v>89</v>
      </c>
      <c r="N37064" t="s">
        <v>90</v>
      </c>
      <c r="O37064" t="s">
        <v>85</v>
      </c>
      <c r="P37064" t="s">
        <v>86</v>
      </c>
      <c r="Q37064">
        <v>69</v>
      </c>
      <c r="R37064">
        <v>70</v>
      </c>
      <c r="S37064">
        <v>72</v>
      </c>
      <c r="T37064">
        <v>74</v>
      </c>
      <c r="U37064">
        <v>75</v>
      </c>
      <c r="V37064">
        <v>77</v>
      </c>
      <c r="W37064">
        <v>79</v>
      </c>
      <c r="X37064">
        <v>80</v>
      </c>
      <c r="Y37064">
        <v>82</v>
      </c>
      <c r="Z37064">
        <v>83</v>
      </c>
      <c r="AA37064">
        <v>85</v>
      </c>
      <c r="AB37064">
        <v>86</v>
      </c>
      <c r="AC37064">
        <v>88</v>
      </c>
      <c r="AD37064">
        <v>89</v>
      </c>
      <c r="AE37064">
        <v>90</v>
      </c>
      <c r="AF37064">
        <v>90</v>
      </c>
      <c r="AG37064">
        <v>91</v>
      </c>
      <c r="AH37064">
        <v>91</v>
      </c>
      <c r="AI37064">
        <v>91</v>
      </c>
      <c r="AJ37064">
        <v>91</v>
      </c>
      <c r="AK37064">
        <v>92</v>
      </c>
      <c r="AL37064">
        <v>92</v>
      </c>
      <c r="AM37064">
        <v>92</v>
      </c>
      <c r="AN37064">
        <v>92</v>
      </c>
      <c r="AO37064">
        <v>93</v>
      </c>
      <c r="AP37064">
        <v>93</v>
      </c>
      <c r="AQ37064">
        <v>93</v>
      </c>
    </row>
    <row r="37065" spans="1:43">
      <c r="A37065" t="s">
        <v>22975</v>
      </c>
      <c r="B37065" t="s">
        <v>22976</v>
      </c>
      <c r="C37065" t="s">
        <v>22973</v>
      </c>
      <c r="D37065" t="s">
        <v>22974</v>
      </c>
      <c r="E37065" t="s">
        <v>22839</v>
      </c>
      <c r="F37065" t="s">
        <v>22840</v>
      </c>
      <c r="G37065" t="s">
        <v>22539</v>
      </c>
      <c r="H37065" t="s">
        <v>22540</v>
      </c>
      <c r="I37065" s="2">
        <v>0</v>
      </c>
      <c r="J37065" s="2">
        <v>0</v>
      </c>
      <c r="K37065" s="2">
        <v>1</v>
      </c>
      <c r="L37065" t="s">
        <v>995</v>
      </c>
      <c r="M37065" t="s">
        <v>83</v>
      </c>
      <c r="N37065" t="s">
        <v>91</v>
      </c>
      <c r="O37065" t="s">
        <v>85</v>
      </c>
      <c r="P37065" t="s">
        <v>86</v>
      </c>
      <c r="Q37065">
        <v>69</v>
      </c>
      <c r="R37065">
        <v>70</v>
      </c>
      <c r="S37065">
        <v>71</v>
      </c>
      <c r="T37065">
        <v>72</v>
      </c>
      <c r="U37065">
        <v>73</v>
      </c>
      <c r="V37065">
        <v>75</v>
      </c>
      <c r="W37065">
        <v>76</v>
      </c>
      <c r="X37065">
        <v>77</v>
      </c>
      <c r="Y37065">
        <v>78</v>
      </c>
      <c r="Z37065">
        <v>79</v>
      </c>
      <c r="AA37065">
        <v>80</v>
      </c>
      <c r="AB37065">
        <v>81</v>
      </c>
      <c r="AC37065">
        <v>82</v>
      </c>
      <c r="AD37065">
        <v>84</v>
      </c>
      <c r="AE37065">
        <v>85</v>
      </c>
      <c r="AF37065">
        <v>86</v>
      </c>
      <c r="AG37065">
        <v>87</v>
      </c>
      <c r="AH37065">
        <v>88</v>
      </c>
      <c r="AI37065">
        <v>89</v>
      </c>
      <c r="AJ37065">
        <v>90</v>
      </c>
      <c r="AK37065">
        <v>92</v>
      </c>
      <c r="AL37065">
        <v>92</v>
      </c>
      <c r="AM37065">
        <v>92</v>
      </c>
      <c r="AN37065">
        <v>93</v>
      </c>
      <c r="AO37065">
        <v>93</v>
      </c>
      <c r="AP37065">
        <v>93</v>
      </c>
      <c r="AQ37065">
        <v>93</v>
      </c>
    </row>
    <row r="37066" spans="1:43">
      <c r="A37066" t="s">
        <v>22977</v>
      </c>
      <c r="B37066" t="s">
        <v>22978</v>
      </c>
      <c r="C37066" t="s">
        <v>22973</v>
      </c>
      <c r="D37066" t="s">
        <v>22974</v>
      </c>
      <c r="E37066" t="s">
        <v>22839</v>
      </c>
      <c r="F37066" t="s">
        <v>22840</v>
      </c>
      <c r="G37066" t="s">
        <v>22539</v>
      </c>
      <c r="H37066" t="s">
        <v>22540</v>
      </c>
      <c r="I37066" s="2">
        <v>0</v>
      </c>
      <c r="J37066" s="2">
        <v>0</v>
      </c>
      <c r="K37066" s="2">
        <v>1</v>
      </c>
      <c r="L37066" t="s">
        <v>995</v>
      </c>
      <c r="M37066" t="s">
        <v>83</v>
      </c>
      <c r="N37066" t="s">
        <v>84</v>
      </c>
      <c r="O37066" t="s">
        <v>85</v>
      </c>
      <c r="P37066" t="s">
        <v>86</v>
      </c>
      <c r="Q37066">
        <v>37</v>
      </c>
      <c r="R37066">
        <v>38</v>
      </c>
      <c r="S37066">
        <v>38</v>
      </c>
      <c r="T37066">
        <v>39</v>
      </c>
      <c r="U37066">
        <v>40</v>
      </c>
      <c r="V37066">
        <v>40</v>
      </c>
      <c r="W37066">
        <v>41</v>
      </c>
      <c r="X37066">
        <v>41</v>
      </c>
      <c r="Y37066">
        <v>42</v>
      </c>
      <c r="Z37066">
        <v>43</v>
      </c>
      <c r="AA37066">
        <v>43</v>
      </c>
      <c r="AB37066">
        <v>44</v>
      </c>
      <c r="AC37066">
        <v>44</v>
      </c>
      <c r="AD37066">
        <v>45</v>
      </c>
      <c r="AE37066">
        <v>46</v>
      </c>
      <c r="AF37066">
        <v>46</v>
      </c>
      <c r="AG37066">
        <v>47</v>
      </c>
      <c r="AH37066">
        <v>48</v>
      </c>
      <c r="AI37066">
        <v>48</v>
      </c>
      <c r="AJ37066">
        <v>49</v>
      </c>
      <c r="AK37066">
        <v>49</v>
      </c>
      <c r="AL37066">
        <v>50</v>
      </c>
      <c r="AM37066">
        <v>50</v>
      </c>
      <c r="AN37066">
        <v>50</v>
      </c>
      <c r="AO37066">
        <v>50</v>
      </c>
      <c r="AP37066">
        <v>50</v>
      </c>
      <c r="AQ37066">
        <v>50</v>
      </c>
    </row>
    <row r="37067" spans="1:43">
      <c r="A37067" t="s">
        <v>22977</v>
      </c>
      <c r="B37067" t="s">
        <v>22978</v>
      </c>
      <c r="C37067" t="s">
        <v>22973</v>
      </c>
      <c r="D37067" t="s">
        <v>22974</v>
      </c>
      <c r="E37067" t="s">
        <v>22839</v>
      </c>
      <c r="F37067" t="s">
        <v>22840</v>
      </c>
      <c r="G37067" t="s">
        <v>22539</v>
      </c>
      <c r="H37067" t="s">
        <v>22540</v>
      </c>
      <c r="I37067" s="2">
        <v>0</v>
      </c>
      <c r="J37067" s="2">
        <v>0</v>
      </c>
      <c r="K37067" s="2">
        <v>1</v>
      </c>
      <c r="L37067" t="s">
        <v>995</v>
      </c>
      <c r="M37067" t="s">
        <v>87</v>
      </c>
      <c r="N37067" t="s">
        <v>88</v>
      </c>
      <c r="O37067" t="s">
        <v>85</v>
      </c>
      <c r="P37067" t="s">
        <v>86</v>
      </c>
      <c r="Q37067">
        <v>37</v>
      </c>
      <c r="R37067">
        <v>37</v>
      </c>
      <c r="S37067">
        <v>37</v>
      </c>
      <c r="T37067">
        <v>38</v>
      </c>
      <c r="U37067">
        <v>38</v>
      </c>
      <c r="V37067">
        <v>38</v>
      </c>
      <c r="W37067">
        <v>38</v>
      </c>
      <c r="X37067">
        <v>39</v>
      </c>
      <c r="Y37067">
        <v>39</v>
      </c>
      <c r="Z37067">
        <v>39</v>
      </c>
      <c r="AA37067">
        <v>39</v>
      </c>
      <c r="AB37067">
        <v>40</v>
      </c>
      <c r="AC37067">
        <v>40</v>
      </c>
      <c r="AD37067">
        <v>40</v>
      </c>
      <c r="AE37067">
        <v>40</v>
      </c>
      <c r="AF37067">
        <v>41</v>
      </c>
      <c r="AG37067">
        <v>41</v>
      </c>
      <c r="AH37067">
        <v>41</v>
      </c>
      <c r="AI37067">
        <v>41</v>
      </c>
      <c r="AJ37067">
        <v>42</v>
      </c>
      <c r="AK37067">
        <v>42</v>
      </c>
      <c r="AL37067">
        <v>42</v>
      </c>
      <c r="AM37067">
        <v>42</v>
      </c>
      <c r="AN37067">
        <v>43</v>
      </c>
      <c r="AO37067">
        <v>43</v>
      </c>
      <c r="AP37067">
        <v>43</v>
      </c>
      <c r="AQ37067">
        <v>43</v>
      </c>
    </row>
    <row r="37068" spans="1:43">
      <c r="A37068" t="s">
        <v>22977</v>
      </c>
      <c r="B37068" t="s">
        <v>22978</v>
      </c>
      <c r="C37068" t="s">
        <v>22973</v>
      </c>
      <c r="D37068" t="s">
        <v>22974</v>
      </c>
      <c r="E37068" t="s">
        <v>22839</v>
      </c>
      <c r="F37068" t="s">
        <v>22840</v>
      </c>
      <c r="G37068" t="s">
        <v>22539</v>
      </c>
      <c r="H37068" t="s">
        <v>22540</v>
      </c>
      <c r="I37068" s="2">
        <v>0</v>
      </c>
      <c r="J37068" s="2">
        <v>0</v>
      </c>
      <c r="K37068" s="2">
        <v>1</v>
      </c>
      <c r="L37068" t="s">
        <v>995</v>
      </c>
      <c r="M37068" t="s">
        <v>89</v>
      </c>
      <c r="N37068" t="s">
        <v>90</v>
      </c>
      <c r="O37068" t="s">
        <v>85</v>
      </c>
      <c r="P37068" t="s">
        <v>86</v>
      </c>
      <c r="Q37068">
        <v>37</v>
      </c>
      <c r="R37068">
        <v>38</v>
      </c>
      <c r="S37068">
        <v>38</v>
      </c>
      <c r="T37068">
        <v>39</v>
      </c>
      <c r="U37068">
        <v>40</v>
      </c>
      <c r="V37068">
        <v>41</v>
      </c>
      <c r="W37068">
        <v>42</v>
      </c>
      <c r="X37068">
        <v>43</v>
      </c>
      <c r="Y37068">
        <v>44</v>
      </c>
      <c r="Z37068">
        <v>44</v>
      </c>
      <c r="AA37068">
        <v>45</v>
      </c>
      <c r="AB37068">
        <v>46</v>
      </c>
      <c r="AC37068">
        <v>47</v>
      </c>
      <c r="AD37068">
        <v>48</v>
      </c>
      <c r="AE37068">
        <v>48</v>
      </c>
      <c r="AF37068">
        <v>48</v>
      </c>
      <c r="AG37068">
        <v>48</v>
      </c>
      <c r="AH37068">
        <v>49</v>
      </c>
      <c r="AI37068">
        <v>49</v>
      </c>
      <c r="AJ37068">
        <v>49</v>
      </c>
      <c r="AK37068">
        <v>49</v>
      </c>
      <c r="AL37068">
        <v>49</v>
      </c>
      <c r="AM37068">
        <v>49</v>
      </c>
      <c r="AN37068">
        <v>49</v>
      </c>
      <c r="AO37068">
        <v>49</v>
      </c>
      <c r="AP37068">
        <v>50</v>
      </c>
      <c r="AQ37068">
        <v>50</v>
      </c>
    </row>
    <row r="37069" spans="1:43">
      <c r="A37069" t="s">
        <v>22977</v>
      </c>
      <c r="B37069" t="s">
        <v>22978</v>
      </c>
      <c r="C37069" t="s">
        <v>22973</v>
      </c>
      <c r="D37069" t="s">
        <v>22974</v>
      </c>
      <c r="E37069" t="s">
        <v>22839</v>
      </c>
      <c r="F37069" t="s">
        <v>22840</v>
      </c>
      <c r="G37069" t="s">
        <v>22539</v>
      </c>
      <c r="H37069" t="s">
        <v>22540</v>
      </c>
      <c r="I37069" s="2">
        <v>0</v>
      </c>
      <c r="J37069" s="2">
        <v>0</v>
      </c>
      <c r="K37069" s="2">
        <v>1</v>
      </c>
      <c r="L37069" t="s">
        <v>995</v>
      </c>
      <c r="M37069" t="s">
        <v>83</v>
      </c>
      <c r="N37069" t="s">
        <v>91</v>
      </c>
      <c r="O37069" t="s">
        <v>85</v>
      </c>
      <c r="P37069" t="s">
        <v>86</v>
      </c>
      <c r="Q37069">
        <v>37</v>
      </c>
      <c r="R37069">
        <v>38</v>
      </c>
      <c r="S37069">
        <v>38</v>
      </c>
      <c r="T37069">
        <v>39</v>
      </c>
      <c r="U37069">
        <v>40</v>
      </c>
      <c r="V37069">
        <v>40</v>
      </c>
      <c r="W37069">
        <v>41</v>
      </c>
      <c r="X37069">
        <v>41</v>
      </c>
      <c r="Y37069">
        <v>42</v>
      </c>
      <c r="Z37069">
        <v>43</v>
      </c>
      <c r="AA37069">
        <v>43</v>
      </c>
      <c r="AB37069">
        <v>44</v>
      </c>
      <c r="AC37069">
        <v>44</v>
      </c>
      <c r="AD37069">
        <v>45</v>
      </c>
      <c r="AE37069">
        <v>46</v>
      </c>
      <c r="AF37069">
        <v>46</v>
      </c>
      <c r="AG37069">
        <v>47</v>
      </c>
      <c r="AH37069">
        <v>48</v>
      </c>
      <c r="AI37069">
        <v>48</v>
      </c>
      <c r="AJ37069">
        <v>49</v>
      </c>
      <c r="AK37069">
        <v>49</v>
      </c>
      <c r="AL37069">
        <v>50</v>
      </c>
      <c r="AM37069">
        <v>50</v>
      </c>
      <c r="AN37069">
        <v>50</v>
      </c>
      <c r="AO37069">
        <v>50</v>
      </c>
      <c r="AP37069">
        <v>50</v>
      </c>
      <c r="AQ37069">
        <v>50</v>
      </c>
    </row>
    <row r="37070" spans="1:43">
      <c r="A37070" t="s">
        <v>22979</v>
      </c>
      <c r="B37070" t="s">
        <v>22980</v>
      </c>
      <c r="C37070" t="s">
        <v>22963</v>
      </c>
      <c r="D37070" t="s">
        <v>22964</v>
      </c>
      <c r="E37070" t="s">
        <v>22839</v>
      </c>
      <c r="F37070" t="s">
        <v>22840</v>
      </c>
      <c r="G37070" t="s">
        <v>22539</v>
      </c>
      <c r="H37070" t="s">
        <v>22540</v>
      </c>
      <c r="I37070" s="2">
        <v>0</v>
      </c>
      <c r="J37070" s="2">
        <v>0</v>
      </c>
      <c r="K37070" s="2">
        <v>1</v>
      </c>
      <c r="L37070" t="s">
        <v>995</v>
      </c>
      <c r="M37070" t="s">
        <v>83</v>
      </c>
      <c r="N37070" t="s">
        <v>84</v>
      </c>
      <c r="O37070" t="s">
        <v>85</v>
      </c>
      <c r="P37070" t="s">
        <v>86</v>
      </c>
      <c r="Q37070">
        <v>4</v>
      </c>
      <c r="R37070">
        <v>4</v>
      </c>
      <c r="S37070">
        <v>4</v>
      </c>
      <c r="T37070">
        <v>4</v>
      </c>
      <c r="U37070">
        <v>5</v>
      </c>
      <c r="V37070">
        <v>5</v>
      </c>
      <c r="W37070">
        <v>5</v>
      </c>
      <c r="X37070">
        <v>5</v>
      </c>
      <c r="Y37070">
        <v>5</v>
      </c>
      <c r="Z37070">
        <v>5</v>
      </c>
      <c r="AA37070">
        <v>5</v>
      </c>
      <c r="AB37070">
        <v>5</v>
      </c>
      <c r="AC37070">
        <v>5</v>
      </c>
      <c r="AD37070">
        <v>5</v>
      </c>
      <c r="AE37070">
        <v>5</v>
      </c>
      <c r="AF37070">
        <v>5</v>
      </c>
      <c r="AG37070">
        <v>5</v>
      </c>
      <c r="AH37070">
        <v>5</v>
      </c>
      <c r="AI37070">
        <v>6</v>
      </c>
      <c r="AJ37070">
        <v>6</v>
      </c>
      <c r="AK37070">
        <v>6</v>
      </c>
      <c r="AL37070">
        <v>6</v>
      </c>
      <c r="AM37070">
        <v>6</v>
      </c>
      <c r="AN37070">
        <v>6</v>
      </c>
      <c r="AO37070">
        <v>6</v>
      </c>
      <c r="AP37070">
        <v>6</v>
      </c>
      <c r="AQ37070">
        <v>6</v>
      </c>
    </row>
    <row r="37071" spans="1:43">
      <c r="A37071" t="s">
        <v>22979</v>
      </c>
      <c r="B37071" t="s">
        <v>22980</v>
      </c>
      <c r="C37071" t="s">
        <v>22963</v>
      </c>
      <c r="D37071" t="s">
        <v>22964</v>
      </c>
      <c r="E37071" t="s">
        <v>22839</v>
      </c>
      <c r="F37071" t="s">
        <v>22840</v>
      </c>
      <c r="G37071" t="s">
        <v>22539</v>
      </c>
      <c r="H37071" t="s">
        <v>22540</v>
      </c>
      <c r="I37071" s="2">
        <v>0</v>
      </c>
      <c r="J37071" s="2">
        <v>0</v>
      </c>
      <c r="K37071" s="2">
        <v>1</v>
      </c>
      <c r="L37071" t="s">
        <v>995</v>
      </c>
      <c r="M37071" t="s">
        <v>87</v>
      </c>
      <c r="N37071" t="s">
        <v>88</v>
      </c>
      <c r="O37071" t="s">
        <v>85</v>
      </c>
      <c r="P37071" t="s">
        <v>86</v>
      </c>
      <c r="Q37071">
        <v>4</v>
      </c>
      <c r="R37071">
        <v>4</v>
      </c>
      <c r="S37071">
        <v>4</v>
      </c>
      <c r="T37071">
        <v>4</v>
      </c>
      <c r="U37071">
        <v>4</v>
      </c>
      <c r="V37071">
        <v>4</v>
      </c>
      <c r="W37071">
        <v>4</v>
      </c>
      <c r="X37071">
        <v>4</v>
      </c>
      <c r="Y37071">
        <v>4</v>
      </c>
      <c r="Z37071">
        <v>5</v>
      </c>
      <c r="AA37071">
        <v>5</v>
      </c>
      <c r="AB37071">
        <v>5</v>
      </c>
      <c r="AC37071">
        <v>5</v>
      </c>
      <c r="AD37071">
        <v>5</v>
      </c>
      <c r="AE37071">
        <v>5</v>
      </c>
      <c r="AF37071">
        <v>5</v>
      </c>
      <c r="AG37071">
        <v>5</v>
      </c>
      <c r="AH37071">
        <v>5</v>
      </c>
      <c r="AI37071">
        <v>5</v>
      </c>
      <c r="AJ37071">
        <v>5</v>
      </c>
      <c r="AK37071">
        <v>5</v>
      </c>
      <c r="AL37071">
        <v>5</v>
      </c>
      <c r="AM37071">
        <v>5</v>
      </c>
      <c r="AN37071">
        <v>5</v>
      </c>
      <c r="AO37071">
        <v>5</v>
      </c>
      <c r="AP37071">
        <v>5</v>
      </c>
      <c r="AQ37071">
        <v>5</v>
      </c>
    </row>
    <row r="37072" spans="1:43">
      <c r="A37072" t="s">
        <v>22979</v>
      </c>
      <c r="B37072" t="s">
        <v>22980</v>
      </c>
      <c r="C37072" t="s">
        <v>22963</v>
      </c>
      <c r="D37072" t="s">
        <v>22964</v>
      </c>
      <c r="E37072" t="s">
        <v>22839</v>
      </c>
      <c r="F37072" t="s">
        <v>22840</v>
      </c>
      <c r="G37072" t="s">
        <v>22539</v>
      </c>
      <c r="H37072" t="s">
        <v>22540</v>
      </c>
      <c r="I37072" s="2">
        <v>0</v>
      </c>
      <c r="J37072" s="2">
        <v>0</v>
      </c>
      <c r="K37072" s="2">
        <v>1</v>
      </c>
      <c r="L37072" t="s">
        <v>995</v>
      </c>
      <c r="M37072" t="s">
        <v>89</v>
      </c>
      <c r="N37072" t="s">
        <v>90</v>
      </c>
      <c r="O37072" t="s">
        <v>85</v>
      </c>
      <c r="P37072" t="s">
        <v>86</v>
      </c>
      <c r="Q37072">
        <v>4</v>
      </c>
      <c r="R37072">
        <v>4</v>
      </c>
      <c r="S37072">
        <v>5</v>
      </c>
      <c r="T37072">
        <v>5</v>
      </c>
      <c r="U37072">
        <v>5</v>
      </c>
      <c r="V37072">
        <v>5</v>
      </c>
      <c r="W37072">
        <v>5</v>
      </c>
      <c r="X37072">
        <v>5</v>
      </c>
      <c r="Y37072">
        <v>5</v>
      </c>
      <c r="Z37072">
        <v>5</v>
      </c>
      <c r="AA37072">
        <v>5</v>
      </c>
      <c r="AB37072">
        <v>5</v>
      </c>
      <c r="AC37072">
        <v>5</v>
      </c>
      <c r="AD37072">
        <v>6</v>
      </c>
      <c r="AE37072">
        <v>6</v>
      </c>
      <c r="AF37072">
        <v>6</v>
      </c>
      <c r="AG37072">
        <v>6</v>
      </c>
      <c r="AH37072">
        <v>6</v>
      </c>
      <c r="AI37072">
        <v>6</v>
      </c>
      <c r="AJ37072">
        <v>6</v>
      </c>
      <c r="AK37072">
        <v>6</v>
      </c>
      <c r="AL37072">
        <v>6</v>
      </c>
      <c r="AM37072">
        <v>6</v>
      </c>
      <c r="AN37072">
        <v>6</v>
      </c>
      <c r="AO37072">
        <v>6</v>
      </c>
      <c r="AP37072">
        <v>6</v>
      </c>
      <c r="AQ37072">
        <v>6</v>
      </c>
    </row>
    <row r="37073" spans="1:43">
      <c r="A37073" t="s">
        <v>22979</v>
      </c>
      <c r="B37073" t="s">
        <v>22980</v>
      </c>
      <c r="C37073" t="s">
        <v>22963</v>
      </c>
      <c r="D37073" t="s">
        <v>22964</v>
      </c>
      <c r="E37073" t="s">
        <v>22839</v>
      </c>
      <c r="F37073" t="s">
        <v>22840</v>
      </c>
      <c r="G37073" t="s">
        <v>22539</v>
      </c>
      <c r="H37073" t="s">
        <v>22540</v>
      </c>
      <c r="I37073" s="2">
        <v>0</v>
      </c>
      <c r="J37073" s="2">
        <v>0</v>
      </c>
      <c r="K37073" s="2">
        <v>1</v>
      </c>
      <c r="L37073" t="s">
        <v>995</v>
      </c>
      <c r="M37073" t="s">
        <v>83</v>
      </c>
      <c r="N37073" t="s">
        <v>91</v>
      </c>
      <c r="O37073" t="s">
        <v>85</v>
      </c>
      <c r="P37073" t="s">
        <v>86</v>
      </c>
      <c r="Q37073">
        <v>4</v>
      </c>
      <c r="R37073">
        <v>4</v>
      </c>
      <c r="S37073">
        <v>4</v>
      </c>
      <c r="T37073">
        <v>4</v>
      </c>
      <c r="U37073">
        <v>5</v>
      </c>
      <c r="V37073">
        <v>5</v>
      </c>
      <c r="W37073">
        <v>5</v>
      </c>
      <c r="X37073">
        <v>5</v>
      </c>
      <c r="Y37073">
        <v>5</v>
      </c>
      <c r="Z37073">
        <v>5</v>
      </c>
      <c r="AA37073">
        <v>5</v>
      </c>
      <c r="AB37073">
        <v>5</v>
      </c>
      <c r="AC37073">
        <v>5</v>
      </c>
      <c r="AD37073">
        <v>5</v>
      </c>
      <c r="AE37073">
        <v>5</v>
      </c>
      <c r="AF37073">
        <v>5</v>
      </c>
      <c r="AG37073">
        <v>5</v>
      </c>
      <c r="AH37073">
        <v>5</v>
      </c>
      <c r="AI37073">
        <v>6</v>
      </c>
      <c r="AJ37073">
        <v>6</v>
      </c>
      <c r="AK37073">
        <v>6</v>
      </c>
      <c r="AL37073">
        <v>6</v>
      </c>
      <c r="AM37073">
        <v>6</v>
      </c>
      <c r="AN37073">
        <v>6</v>
      </c>
      <c r="AO37073">
        <v>6</v>
      </c>
      <c r="AP37073">
        <v>6</v>
      </c>
      <c r="AQ37073">
        <v>6</v>
      </c>
    </row>
    <row r="37074" spans="1:43">
      <c r="A37074" t="s">
        <v>22981</v>
      </c>
      <c r="B37074" t="s">
        <v>22982</v>
      </c>
      <c r="C37074" t="s">
        <v>22925</v>
      </c>
      <c r="D37074" t="s">
        <v>22926</v>
      </c>
      <c r="E37074" t="s">
        <v>22839</v>
      </c>
      <c r="F37074" t="s">
        <v>22840</v>
      </c>
      <c r="G37074" t="s">
        <v>22539</v>
      </c>
      <c r="H37074" t="s">
        <v>22540</v>
      </c>
      <c r="I37074" s="2">
        <v>0</v>
      </c>
      <c r="J37074" s="2">
        <v>0</v>
      </c>
      <c r="K37074" s="2">
        <v>1</v>
      </c>
      <c r="L37074" t="s">
        <v>995</v>
      </c>
      <c r="M37074" t="s">
        <v>83</v>
      </c>
      <c r="N37074" t="s">
        <v>84</v>
      </c>
      <c r="O37074" t="s">
        <v>85</v>
      </c>
      <c r="P37074" t="s">
        <v>86</v>
      </c>
      <c r="Q37074">
        <v>18</v>
      </c>
      <c r="R37074">
        <v>18</v>
      </c>
      <c r="S37074">
        <v>19</v>
      </c>
      <c r="T37074">
        <v>19</v>
      </c>
      <c r="U37074">
        <v>19</v>
      </c>
      <c r="V37074">
        <v>19</v>
      </c>
      <c r="W37074">
        <v>20</v>
      </c>
      <c r="X37074">
        <v>20</v>
      </c>
      <c r="Y37074">
        <v>20</v>
      </c>
      <c r="Z37074">
        <v>21</v>
      </c>
      <c r="AA37074">
        <v>21</v>
      </c>
      <c r="AB37074">
        <v>21</v>
      </c>
      <c r="AC37074">
        <v>21</v>
      </c>
      <c r="AD37074">
        <v>22</v>
      </c>
      <c r="AE37074">
        <v>22</v>
      </c>
      <c r="AF37074">
        <v>22</v>
      </c>
      <c r="AG37074">
        <v>22</v>
      </c>
      <c r="AH37074">
        <v>23</v>
      </c>
      <c r="AI37074">
        <v>23</v>
      </c>
      <c r="AJ37074">
        <v>23</v>
      </c>
      <c r="AK37074">
        <v>24</v>
      </c>
      <c r="AL37074">
        <v>24</v>
      </c>
      <c r="AM37074">
        <v>24</v>
      </c>
      <c r="AN37074">
        <v>24</v>
      </c>
      <c r="AO37074">
        <v>24</v>
      </c>
      <c r="AP37074">
        <v>24</v>
      </c>
      <c r="AQ37074">
        <v>24</v>
      </c>
    </row>
    <row r="37075" spans="1:43">
      <c r="A37075" t="s">
        <v>22981</v>
      </c>
      <c r="B37075" t="s">
        <v>22982</v>
      </c>
      <c r="C37075" t="s">
        <v>22925</v>
      </c>
      <c r="D37075" t="s">
        <v>22926</v>
      </c>
      <c r="E37075" t="s">
        <v>22839</v>
      </c>
      <c r="F37075" t="s">
        <v>22840</v>
      </c>
      <c r="G37075" t="s">
        <v>22539</v>
      </c>
      <c r="H37075" t="s">
        <v>22540</v>
      </c>
      <c r="I37075" s="2">
        <v>0</v>
      </c>
      <c r="J37075" s="2">
        <v>0</v>
      </c>
      <c r="K37075" s="2">
        <v>1</v>
      </c>
      <c r="L37075" t="s">
        <v>995</v>
      </c>
      <c r="M37075" t="s">
        <v>87</v>
      </c>
      <c r="N37075" t="s">
        <v>88</v>
      </c>
      <c r="O37075" t="s">
        <v>85</v>
      </c>
      <c r="P37075" t="s">
        <v>86</v>
      </c>
      <c r="Q37075">
        <v>18</v>
      </c>
      <c r="R37075">
        <v>18</v>
      </c>
      <c r="S37075">
        <v>18</v>
      </c>
      <c r="T37075">
        <v>18</v>
      </c>
      <c r="U37075">
        <v>18</v>
      </c>
      <c r="V37075">
        <v>18</v>
      </c>
      <c r="W37075">
        <v>18</v>
      </c>
      <c r="X37075">
        <v>19</v>
      </c>
      <c r="Y37075">
        <v>19</v>
      </c>
      <c r="Z37075">
        <v>19</v>
      </c>
      <c r="AA37075">
        <v>19</v>
      </c>
      <c r="AB37075">
        <v>19</v>
      </c>
      <c r="AC37075">
        <v>19</v>
      </c>
      <c r="AD37075">
        <v>19</v>
      </c>
      <c r="AE37075">
        <v>19</v>
      </c>
      <c r="AF37075">
        <v>19</v>
      </c>
      <c r="AG37075">
        <v>20</v>
      </c>
      <c r="AH37075">
        <v>20</v>
      </c>
      <c r="AI37075">
        <v>20</v>
      </c>
      <c r="AJ37075">
        <v>20</v>
      </c>
      <c r="AK37075">
        <v>20</v>
      </c>
      <c r="AL37075">
        <v>20</v>
      </c>
      <c r="AM37075">
        <v>20</v>
      </c>
      <c r="AN37075">
        <v>20</v>
      </c>
      <c r="AO37075">
        <v>21</v>
      </c>
      <c r="AP37075">
        <v>21</v>
      </c>
      <c r="AQ37075">
        <v>21</v>
      </c>
    </row>
    <row r="37076" spans="1:43">
      <c r="A37076" t="s">
        <v>22981</v>
      </c>
      <c r="B37076" t="s">
        <v>22982</v>
      </c>
      <c r="C37076" t="s">
        <v>22925</v>
      </c>
      <c r="D37076" t="s">
        <v>22926</v>
      </c>
      <c r="E37076" t="s">
        <v>22839</v>
      </c>
      <c r="F37076" t="s">
        <v>22840</v>
      </c>
      <c r="G37076" t="s">
        <v>22539</v>
      </c>
      <c r="H37076" t="s">
        <v>22540</v>
      </c>
      <c r="I37076" s="2">
        <v>0</v>
      </c>
      <c r="J37076" s="2">
        <v>0</v>
      </c>
      <c r="K37076" s="2">
        <v>1</v>
      </c>
      <c r="L37076" t="s">
        <v>995</v>
      </c>
      <c r="M37076" t="s">
        <v>89</v>
      </c>
      <c r="N37076" t="s">
        <v>90</v>
      </c>
      <c r="O37076" t="s">
        <v>85</v>
      </c>
      <c r="P37076" t="s">
        <v>86</v>
      </c>
      <c r="Q37076">
        <v>18</v>
      </c>
      <c r="R37076">
        <v>19</v>
      </c>
      <c r="S37076">
        <v>19</v>
      </c>
      <c r="T37076">
        <v>19</v>
      </c>
      <c r="U37076">
        <v>20</v>
      </c>
      <c r="V37076">
        <v>20</v>
      </c>
      <c r="W37076">
        <v>21</v>
      </c>
      <c r="X37076">
        <v>21</v>
      </c>
      <c r="Y37076">
        <v>21</v>
      </c>
      <c r="Z37076">
        <v>22</v>
      </c>
      <c r="AA37076">
        <v>22</v>
      </c>
      <c r="AB37076">
        <v>22</v>
      </c>
      <c r="AC37076">
        <v>23</v>
      </c>
      <c r="AD37076">
        <v>23</v>
      </c>
      <c r="AE37076">
        <v>23</v>
      </c>
      <c r="AF37076">
        <v>24</v>
      </c>
      <c r="AG37076">
        <v>24</v>
      </c>
      <c r="AH37076">
        <v>24</v>
      </c>
      <c r="AI37076">
        <v>24</v>
      </c>
      <c r="AJ37076">
        <v>24</v>
      </c>
      <c r="AK37076">
        <v>24</v>
      </c>
      <c r="AL37076">
        <v>24</v>
      </c>
      <c r="AM37076">
        <v>24</v>
      </c>
      <c r="AN37076">
        <v>24</v>
      </c>
      <c r="AO37076">
        <v>24</v>
      </c>
      <c r="AP37076">
        <v>24</v>
      </c>
      <c r="AQ37076">
        <v>24</v>
      </c>
    </row>
    <row r="37077" spans="1:43">
      <c r="A37077" t="s">
        <v>22981</v>
      </c>
      <c r="B37077" t="s">
        <v>22982</v>
      </c>
      <c r="C37077" t="s">
        <v>22925</v>
      </c>
      <c r="D37077" t="s">
        <v>22926</v>
      </c>
      <c r="E37077" t="s">
        <v>22839</v>
      </c>
      <c r="F37077" t="s">
        <v>22840</v>
      </c>
      <c r="G37077" t="s">
        <v>22539</v>
      </c>
      <c r="H37077" t="s">
        <v>22540</v>
      </c>
      <c r="I37077" s="2">
        <v>0</v>
      </c>
      <c r="J37077" s="2">
        <v>0</v>
      </c>
      <c r="K37077" s="2">
        <v>1</v>
      </c>
      <c r="L37077" t="s">
        <v>995</v>
      </c>
      <c r="M37077" t="s">
        <v>83</v>
      </c>
      <c r="N37077" t="s">
        <v>91</v>
      </c>
      <c r="O37077" t="s">
        <v>85</v>
      </c>
      <c r="P37077" t="s">
        <v>86</v>
      </c>
      <c r="Q37077">
        <v>18</v>
      </c>
      <c r="R37077">
        <v>18</v>
      </c>
      <c r="S37077">
        <v>19</v>
      </c>
      <c r="T37077">
        <v>19</v>
      </c>
      <c r="U37077">
        <v>19</v>
      </c>
      <c r="V37077">
        <v>19</v>
      </c>
      <c r="W37077">
        <v>20</v>
      </c>
      <c r="X37077">
        <v>20</v>
      </c>
      <c r="Y37077">
        <v>20</v>
      </c>
      <c r="Z37077">
        <v>21</v>
      </c>
      <c r="AA37077">
        <v>21</v>
      </c>
      <c r="AB37077">
        <v>21</v>
      </c>
      <c r="AC37077">
        <v>21</v>
      </c>
      <c r="AD37077">
        <v>22</v>
      </c>
      <c r="AE37077">
        <v>22</v>
      </c>
      <c r="AF37077">
        <v>22</v>
      </c>
      <c r="AG37077">
        <v>22</v>
      </c>
      <c r="AH37077">
        <v>23</v>
      </c>
      <c r="AI37077">
        <v>23</v>
      </c>
      <c r="AJ37077">
        <v>23</v>
      </c>
      <c r="AK37077">
        <v>24</v>
      </c>
      <c r="AL37077">
        <v>24</v>
      </c>
      <c r="AM37077">
        <v>24</v>
      </c>
      <c r="AN37077">
        <v>24</v>
      </c>
      <c r="AO37077">
        <v>24</v>
      </c>
      <c r="AP37077">
        <v>24</v>
      </c>
      <c r="AQ37077">
        <v>24</v>
      </c>
    </row>
    <row r="37078" spans="1:43">
      <c r="A37078" t="s">
        <v>22983</v>
      </c>
      <c r="B37078" t="s">
        <v>22984</v>
      </c>
      <c r="C37078" t="s">
        <v>22963</v>
      </c>
      <c r="D37078" t="s">
        <v>22964</v>
      </c>
      <c r="E37078" t="s">
        <v>22839</v>
      </c>
      <c r="F37078" t="s">
        <v>22840</v>
      </c>
      <c r="G37078" t="s">
        <v>22539</v>
      </c>
      <c r="H37078" t="s">
        <v>22540</v>
      </c>
      <c r="I37078" s="2">
        <v>0</v>
      </c>
      <c r="J37078" s="2">
        <v>0</v>
      </c>
      <c r="K37078" s="2">
        <v>1</v>
      </c>
      <c r="L37078" t="s">
        <v>995</v>
      </c>
      <c r="M37078" t="s">
        <v>83</v>
      </c>
      <c r="N37078" t="s">
        <v>84</v>
      </c>
      <c r="O37078" t="s">
        <v>85</v>
      </c>
      <c r="P37078" t="s">
        <v>86</v>
      </c>
      <c r="Q37078">
        <v>40</v>
      </c>
      <c r="R37078">
        <v>40</v>
      </c>
      <c r="S37078">
        <v>41</v>
      </c>
      <c r="T37078">
        <v>41</v>
      </c>
      <c r="U37078">
        <v>42</v>
      </c>
      <c r="V37078">
        <v>43</v>
      </c>
      <c r="W37078">
        <v>43</v>
      </c>
      <c r="X37078">
        <v>44</v>
      </c>
      <c r="Y37078">
        <v>44</v>
      </c>
      <c r="Z37078">
        <v>45</v>
      </c>
      <c r="AA37078">
        <v>46</v>
      </c>
      <c r="AB37078">
        <v>46</v>
      </c>
      <c r="AC37078">
        <v>47</v>
      </c>
      <c r="AD37078">
        <v>48</v>
      </c>
      <c r="AE37078">
        <v>48</v>
      </c>
      <c r="AF37078">
        <v>49</v>
      </c>
      <c r="AG37078">
        <v>49</v>
      </c>
      <c r="AH37078">
        <v>50</v>
      </c>
      <c r="AI37078">
        <v>51</v>
      </c>
      <c r="AJ37078">
        <v>51</v>
      </c>
      <c r="AK37078">
        <v>52</v>
      </c>
      <c r="AL37078">
        <v>52</v>
      </c>
      <c r="AM37078">
        <v>52</v>
      </c>
      <c r="AN37078">
        <v>52</v>
      </c>
      <c r="AO37078">
        <v>53</v>
      </c>
      <c r="AP37078">
        <v>53</v>
      </c>
      <c r="AQ37078">
        <v>53</v>
      </c>
    </row>
    <row r="37079" spans="1:43">
      <c r="A37079" t="s">
        <v>22983</v>
      </c>
      <c r="B37079" t="s">
        <v>22984</v>
      </c>
      <c r="C37079" t="s">
        <v>22963</v>
      </c>
      <c r="D37079" t="s">
        <v>22964</v>
      </c>
      <c r="E37079" t="s">
        <v>22839</v>
      </c>
      <c r="F37079" t="s">
        <v>22840</v>
      </c>
      <c r="G37079" t="s">
        <v>22539</v>
      </c>
      <c r="H37079" t="s">
        <v>22540</v>
      </c>
      <c r="I37079" s="2">
        <v>0</v>
      </c>
      <c r="J37079" s="2">
        <v>0</v>
      </c>
      <c r="K37079" s="2">
        <v>1</v>
      </c>
      <c r="L37079" t="s">
        <v>995</v>
      </c>
      <c r="M37079" t="s">
        <v>87</v>
      </c>
      <c r="N37079" t="s">
        <v>88</v>
      </c>
      <c r="O37079" t="s">
        <v>85</v>
      </c>
      <c r="P37079" t="s">
        <v>86</v>
      </c>
      <c r="Q37079">
        <v>40</v>
      </c>
      <c r="R37079">
        <v>40</v>
      </c>
      <c r="S37079">
        <v>41</v>
      </c>
      <c r="T37079">
        <v>41</v>
      </c>
      <c r="U37079">
        <v>41</v>
      </c>
      <c r="V37079">
        <v>41</v>
      </c>
      <c r="W37079">
        <v>42</v>
      </c>
      <c r="X37079">
        <v>42</v>
      </c>
      <c r="Y37079">
        <v>42</v>
      </c>
      <c r="Z37079">
        <v>42</v>
      </c>
      <c r="AA37079">
        <v>43</v>
      </c>
      <c r="AB37079">
        <v>43</v>
      </c>
      <c r="AC37079">
        <v>43</v>
      </c>
      <c r="AD37079">
        <v>43</v>
      </c>
      <c r="AE37079">
        <v>44</v>
      </c>
      <c r="AF37079">
        <v>44</v>
      </c>
      <c r="AG37079">
        <v>44</v>
      </c>
      <c r="AH37079">
        <v>44</v>
      </c>
      <c r="AI37079">
        <v>45</v>
      </c>
      <c r="AJ37079">
        <v>45</v>
      </c>
      <c r="AK37079">
        <v>45</v>
      </c>
      <c r="AL37079">
        <v>45</v>
      </c>
      <c r="AM37079">
        <v>46</v>
      </c>
      <c r="AN37079">
        <v>46</v>
      </c>
      <c r="AO37079">
        <v>46</v>
      </c>
      <c r="AP37079">
        <v>46</v>
      </c>
      <c r="AQ37079">
        <v>47</v>
      </c>
    </row>
    <row r="37080" spans="1:43">
      <c r="A37080" t="s">
        <v>22983</v>
      </c>
      <c r="B37080" t="s">
        <v>22984</v>
      </c>
      <c r="C37080" t="s">
        <v>22963</v>
      </c>
      <c r="D37080" t="s">
        <v>22964</v>
      </c>
      <c r="E37080" t="s">
        <v>22839</v>
      </c>
      <c r="F37080" t="s">
        <v>22840</v>
      </c>
      <c r="G37080" t="s">
        <v>22539</v>
      </c>
      <c r="H37080" t="s">
        <v>22540</v>
      </c>
      <c r="I37080" s="2">
        <v>0</v>
      </c>
      <c r="J37080" s="2">
        <v>0</v>
      </c>
      <c r="K37080" s="2">
        <v>1</v>
      </c>
      <c r="L37080" t="s">
        <v>995</v>
      </c>
      <c r="M37080" t="s">
        <v>89</v>
      </c>
      <c r="N37080" t="s">
        <v>90</v>
      </c>
      <c r="O37080" t="s">
        <v>85</v>
      </c>
      <c r="P37080" t="s">
        <v>86</v>
      </c>
      <c r="Q37080">
        <v>40</v>
      </c>
      <c r="R37080">
        <v>41</v>
      </c>
      <c r="S37080">
        <v>42</v>
      </c>
      <c r="T37080">
        <v>43</v>
      </c>
      <c r="U37080">
        <v>44</v>
      </c>
      <c r="V37080">
        <v>45</v>
      </c>
      <c r="W37080">
        <v>45</v>
      </c>
      <c r="X37080">
        <v>46</v>
      </c>
      <c r="Y37080">
        <v>47</v>
      </c>
      <c r="Z37080">
        <v>48</v>
      </c>
      <c r="AA37080">
        <v>49</v>
      </c>
      <c r="AB37080">
        <v>49</v>
      </c>
      <c r="AC37080">
        <v>50</v>
      </c>
      <c r="AD37080">
        <v>51</v>
      </c>
      <c r="AE37080">
        <v>52</v>
      </c>
      <c r="AF37080">
        <v>52</v>
      </c>
      <c r="AG37080">
        <v>52</v>
      </c>
      <c r="AH37080">
        <v>52</v>
      </c>
      <c r="AI37080">
        <v>52</v>
      </c>
      <c r="AJ37080">
        <v>52</v>
      </c>
      <c r="AK37080">
        <v>52</v>
      </c>
      <c r="AL37080">
        <v>53</v>
      </c>
      <c r="AM37080">
        <v>53</v>
      </c>
      <c r="AN37080">
        <v>53</v>
      </c>
      <c r="AO37080">
        <v>53</v>
      </c>
      <c r="AP37080">
        <v>53</v>
      </c>
      <c r="AQ37080">
        <v>53</v>
      </c>
    </row>
    <row r="37081" spans="1:43">
      <c r="A37081" t="s">
        <v>22983</v>
      </c>
      <c r="B37081" t="s">
        <v>22984</v>
      </c>
      <c r="C37081" t="s">
        <v>22963</v>
      </c>
      <c r="D37081" t="s">
        <v>22964</v>
      </c>
      <c r="E37081" t="s">
        <v>22839</v>
      </c>
      <c r="F37081" t="s">
        <v>22840</v>
      </c>
      <c r="G37081" t="s">
        <v>22539</v>
      </c>
      <c r="H37081" t="s">
        <v>22540</v>
      </c>
      <c r="I37081" s="2">
        <v>0</v>
      </c>
      <c r="J37081" s="2">
        <v>0</v>
      </c>
      <c r="K37081" s="2">
        <v>1</v>
      </c>
      <c r="L37081" t="s">
        <v>995</v>
      </c>
      <c r="M37081" t="s">
        <v>83</v>
      </c>
      <c r="N37081" t="s">
        <v>91</v>
      </c>
      <c r="O37081" t="s">
        <v>85</v>
      </c>
      <c r="P37081" t="s">
        <v>86</v>
      </c>
      <c r="Q37081">
        <v>40</v>
      </c>
      <c r="R37081">
        <v>40</v>
      </c>
      <c r="S37081">
        <v>41</v>
      </c>
      <c r="T37081">
        <v>41</v>
      </c>
      <c r="U37081">
        <v>42</v>
      </c>
      <c r="V37081">
        <v>43</v>
      </c>
      <c r="W37081">
        <v>43</v>
      </c>
      <c r="X37081">
        <v>44</v>
      </c>
      <c r="Y37081">
        <v>44</v>
      </c>
      <c r="Z37081">
        <v>45</v>
      </c>
      <c r="AA37081">
        <v>46</v>
      </c>
      <c r="AB37081">
        <v>46</v>
      </c>
      <c r="AC37081">
        <v>47</v>
      </c>
      <c r="AD37081">
        <v>48</v>
      </c>
      <c r="AE37081">
        <v>48</v>
      </c>
      <c r="AF37081">
        <v>49</v>
      </c>
      <c r="AG37081">
        <v>49</v>
      </c>
      <c r="AH37081">
        <v>50</v>
      </c>
      <c r="AI37081">
        <v>51</v>
      </c>
      <c r="AJ37081">
        <v>51</v>
      </c>
      <c r="AK37081">
        <v>52</v>
      </c>
      <c r="AL37081">
        <v>52</v>
      </c>
      <c r="AM37081">
        <v>52</v>
      </c>
      <c r="AN37081">
        <v>52</v>
      </c>
      <c r="AO37081">
        <v>53</v>
      </c>
      <c r="AP37081">
        <v>53</v>
      </c>
      <c r="AQ37081">
        <v>53</v>
      </c>
    </row>
    <row r="37082" spans="1:43">
      <c r="A37082" t="s">
        <v>22985</v>
      </c>
      <c r="B37082" t="s">
        <v>22986</v>
      </c>
      <c r="C37082" t="s">
        <v>22925</v>
      </c>
      <c r="D37082" t="s">
        <v>22926</v>
      </c>
      <c r="E37082" t="s">
        <v>22839</v>
      </c>
      <c r="F37082" t="s">
        <v>22840</v>
      </c>
      <c r="G37082" t="s">
        <v>22539</v>
      </c>
      <c r="H37082" t="s">
        <v>22540</v>
      </c>
      <c r="I37082" s="2">
        <v>0</v>
      </c>
      <c r="J37082" s="2">
        <v>0</v>
      </c>
      <c r="K37082" s="2">
        <v>1</v>
      </c>
      <c r="L37082" t="s">
        <v>995</v>
      </c>
      <c r="M37082" t="s">
        <v>83</v>
      </c>
      <c r="N37082" t="s">
        <v>84</v>
      </c>
      <c r="O37082" t="s">
        <v>85</v>
      </c>
      <c r="P37082" t="s">
        <v>86</v>
      </c>
      <c r="Q37082">
        <v>23</v>
      </c>
      <c r="R37082">
        <v>24</v>
      </c>
      <c r="S37082">
        <v>24</v>
      </c>
      <c r="T37082">
        <v>25</v>
      </c>
      <c r="U37082">
        <v>25</v>
      </c>
      <c r="V37082">
        <v>25</v>
      </c>
      <c r="W37082">
        <v>26</v>
      </c>
      <c r="X37082">
        <v>26</v>
      </c>
      <c r="Y37082">
        <v>26</v>
      </c>
      <c r="Z37082">
        <v>27</v>
      </c>
      <c r="AA37082">
        <v>27</v>
      </c>
      <c r="AB37082">
        <v>28</v>
      </c>
      <c r="AC37082">
        <v>28</v>
      </c>
      <c r="AD37082">
        <v>28</v>
      </c>
      <c r="AE37082">
        <v>29</v>
      </c>
      <c r="AF37082">
        <v>29</v>
      </c>
      <c r="AG37082">
        <v>29</v>
      </c>
      <c r="AH37082">
        <v>30</v>
      </c>
      <c r="AI37082">
        <v>30</v>
      </c>
      <c r="AJ37082">
        <v>30</v>
      </c>
      <c r="AK37082">
        <v>31</v>
      </c>
      <c r="AL37082">
        <v>31</v>
      </c>
      <c r="AM37082">
        <v>31</v>
      </c>
      <c r="AN37082">
        <v>31</v>
      </c>
      <c r="AO37082">
        <v>31</v>
      </c>
      <c r="AP37082">
        <v>31</v>
      </c>
      <c r="AQ37082">
        <v>31</v>
      </c>
    </row>
    <row r="37083" spans="1:43">
      <c r="A37083" t="s">
        <v>22985</v>
      </c>
      <c r="B37083" t="s">
        <v>22986</v>
      </c>
      <c r="C37083" t="s">
        <v>22925</v>
      </c>
      <c r="D37083" t="s">
        <v>22926</v>
      </c>
      <c r="E37083" t="s">
        <v>22839</v>
      </c>
      <c r="F37083" t="s">
        <v>22840</v>
      </c>
      <c r="G37083" t="s">
        <v>22539</v>
      </c>
      <c r="H37083" t="s">
        <v>22540</v>
      </c>
      <c r="I37083" s="2">
        <v>0</v>
      </c>
      <c r="J37083" s="2">
        <v>0</v>
      </c>
      <c r="K37083" s="2">
        <v>1</v>
      </c>
      <c r="L37083" t="s">
        <v>995</v>
      </c>
      <c r="M37083" t="s">
        <v>87</v>
      </c>
      <c r="N37083" t="s">
        <v>88</v>
      </c>
      <c r="O37083" t="s">
        <v>85</v>
      </c>
      <c r="P37083" t="s">
        <v>86</v>
      </c>
      <c r="Q37083">
        <v>23</v>
      </c>
      <c r="R37083">
        <v>23</v>
      </c>
      <c r="S37083">
        <v>24</v>
      </c>
      <c r="T37083">
        <v>24</v>
      </c>
      <c r="U37083">
        <v>24</v>
      </c>
      <c r="V37083">
        <v>24</v>
      </c>
      <c r="W37083">
        <v>24</v>
      </c>
      <c r="X37083">
        <v>24</v>
      </c>
      <c r="Y37083">
        <v>24</v>
      </c>
      <c r="Z37083">
        <v>25</v>
      </c>
      <c r="AA37083">
        <v>25</v>
      </c>
      <c r="AB37083">
        <v>25</v>
      </c>
      <c r="AC37083">
        <v>25</v>
      </c>
      <c r="AD37083">
        <v>25</v>
      </c>
      <c r="AE37083">
        <v>25</v>
      </c>
      <c r="AF37083">
        <v>25</v>
      </c>
      <c r="AG37083">
        <v>26</v>
      </c>
      <c r="AH37083">
        <v>26</v>
      </c>
      <c r="AI37083">
        <v>26</v>
      </c>
      <c r="AJ37083">
        <v>26</v>
      </c>
      <c r="AK37083">
        <v>26</v>
      </c>
      <c r="AL37083">
        <v>26</v>
      </c>
      <c r="AM37083">
        <v>27</v>
      </c>
      <c r="AN37083">
        <v>27</v>
      </c>
      <c r="AO37083">
        <v>27</v>
      </c>
      <c r="AP37083">
        <v>27</v>
      </c>
      <c r="AQ37083">
        <v>27</v>
      </c>
    </row>
    <row r="37084" spans="1:43">
      <c r="A37084" t="s">
        <v>22985</v>
      </c>
      <c r="B37084" t="s">
        <v>22986</v>
      </c>
      <c r="C37084" t="s">
        <v>22925</v>
      </c>
      <c r="D37084" t="s">
        <v>22926</v>
      </c>
      <c r="E37084" t="s">
        <v>22839</v>
      </c>
      <c r="F37084" t="s">
        <v>22840</v>
      </c>
      <c r="G37084" t="s">
        <v>22539</v>
      </c>
      <c r="H37084" t="s">
        <v>22540</v>
      </c>
      <c r="I37084" s="2">
        <v>0</v>
      </c>
      <c r="J37084" s="2">
        <v>0</v>
      </c>
      <c r="K37084" s="2">
        <v>1</v>
      </c>
      <c r="L37084" t="s">
        <v>995</v>
      </c>
      <c r="M37084" t="s">
        <v>89</v>
      </c>
      <c r="N37084" t="s">
        <v>90</v>
      </c>
      <c r="O37084" t="s">
        <v>85</v>
      </c>
      <c r="P37084" t="s">
        <v>86</v>
      </c>
      <c r="Q37084">
        <v>23</v>
      </c>
      <c r="R37084">
        <v>23</v>
      </c>
      <c r="S37084">
        <v>24</v>
      </c>
      <c r="T37084">
        <v>24</v>
      </c>
      <c r="U37084">
        <v>25</v>
      </c>
      <c r="V37084">
        <v>25</v>
      </c>
      <c r="W37084">
        <v>26</v>
      </c>
      <c r="X37084">
        <v>27</v>
      </c>
      <c r="Y37084">
        <v>27</v>
      </c>
      <c r="Z37084">
        <v>27</v>
      </c>
      <c r="AA37084">
        <v>28</v>
      </c>
      <c r="AB37084">
        <v>28</v>
      </c>
      <c r="AC37084">
        <v>29</v>
      </c>
      <c r="AD37084">
        <v>29</v>
      </c>
      <c r="AE37084">
        <v>30</v>
      </c>
      <c r="AF37084">
        <v>30</v>
      </c>
      <c r="AG37084">
        <v>30</v>
      </c>
      <c r="AH37084">
        <v>30</v>
      </c>
      <c r="AI37084">
        <v>30</v>
      </c>
      <c r="AJ37084">
        <v>30</v>
      </c>
      <c r="AK37084">
        <v>30</v>
      </c>
      <c r="AL37084">
        <v>30</v>
      </c>
      <c r="AM37084">
        <v>30</v>
      </c>
      <c r="AN37084">
        <v>30</v>
      </c>
      <c r="AO37084">
        <v>30</v>
      </c>
      <c r="AP37084">
        <v>30</v>
      </c>
      <c r="AQ37084">
        <v>31</v>
      </c>
    </row>
    <row r="37085" spans="1:43">
      <c r="A37085" t="s">
        <v>22985</v>
      </c>
      <c r="B37085" t="s">
        <v>22986</v>
      </c>
      <c r="C37085" t="s">
        <v>22925</v>
      </c>
      <c r="D37085" t="s">
        <v>22926</v>
      </c>
      <c r="E37085" t="s">
        <v>22839</v>
      </c>
      <c r="F37085" t="s">
        <v>22840</v>
      </c>
      <c r="G37085" t="s">
        <v>22539</v>
      </c>
      <c r="H37085" t="s">
        <v>22540</v>
      </c>
      <c r="I37085" s="2">
        <v>0</v>
      </c>
      <c r="J37085" s="2">
        <v>0</v>
      </c>
      <c r="K37085" s="2">
        <v>1</v>
      </c>
      <c r="L37085" t="s">
        <v>995</v>
      </c>
      <c r="M37085" t="s">
        <v>83</v>
      </c>
      <c r="N37085" t="s">
        <v>91</v>
      </c>
      <c r="O37085" t="s">
        <v>85</v>
      </c>
      <c r="P37085" t="s">
        <v>86</v>
      </c>
      <c r="Q37085">
        <v>23</v>
      </c>
      <c r="R37085">
        <v>24</v>
      </c>
      <c r="S37085">
        <v>24</v>
      </c>
      <c r="T37085">
        <v>25</v>
      </c>
      <c r="U37085">
        <v>25</v>
      </c>
      <c r="V37085">
        <v>25</v>
      </c>
      <c r="W37085">
        <v>26</v>
      </c>
      <c r="X37085">
        <v>26</v>
      </c>
      <c r="Y37085">
        <v>26</v>
      </c>
      <c r="Z37085">
        <v>27</v>
      </c>
      <c r="AA37085">
        <v>27</v>
      </c>
      <c r="AB37085">
        <v>28</v>
      </c>
      <c r="AC37085">
        <v>28</v>
      </c>
      <c r="AD37085">
        <v>28</v>
      </c>
      <c r="AE37085">
        <v>29</v>
      </c>
      <c r="AF37085">
        <v>29</v>
      </c>
      <c r="AG37085">
        <v>29</v>
      </c>
      <c r="AH37085">
        <v>30</v>
      </c>
      <c r="AI37085">
        <v>30</v>
      </c>
      <c r="AJ37085">
        <v>30</v>
      </c>
      <c r="AK37085">
        <v>31</v>
      </c>
      <c r="AL37085">
        <v>31</v>
      </c>
      <c r="AM37085">
        <v>31</v>
      </c>
      <c r="AN37085">
        <v>31</v>
      </c>
      <c r="AO37085">
        <v>31</v>
      </c>
      <c r="AP37085">
        <v>31</v>
      </c>
      <c r="AQ37085">
        <v>31</v>
      </c>
    </row>
    <row r="37086" spans="1:43">
      <c r="A37086" t="s">
        <v>22987</v>
      </c>
      <c r="B37086" t="s">
        <v>22988</v>
      </c>
      <c r="C37086" t="s">
        <v>22925</v>
      </c>
      <c r="D37086" t="s">
        <v>22926</v>
      </c>
      <c r="E37086" t="s">
        <v>22839</v>
      </c>
      <c r="F37086" t="s">
        <v>22840</v>
      </c>
      <c r="G37086" t="s">
        <v>22539</v>
      </c>
      <c r="H37086" t="s">
        <v>22540</v>
      </c>
      <c r="I37086" s="2">
        <v>0</v>
      </c>
      <c r="J37086" s="2">
        <v>0</v>
      </c>
      <c r="K37086" s="2">
        <v>1</v>
      </c>
      <c r="L37086" t="s">
        <v>995</v>
      </c>
      <c r="M37086" t="s">
        <v>83</v>
      </c>
      <c r="N37086" t="s">
        <v>84</v>
      </c>
      <c r="O37086" t="s">
        <v>85</v>
      </c>
      <c r="P37086" t="s">
        <v>86</v>
      </c>
      <c r="Q37086">
        <v>5</v>
      </c>
      <c r="R37086">
        <v>5</v>
      </c>
      <c r="S37086">
        <v>5</v>
      </c>
      <c r="T37086">
        <v>5</v>
      </c>
      <c r="U37086">
        <v>5</v>
      </c>
      <c r="V37086">
        <v>5</v>
      </c>
      <c r="W37086">
        <v>5</v>
      </c>
      <c r="X37086">
        <v>5</v>
      </c>
      <c r="Y37086">
        <v>5</v>
      </c>
      <c r="Z37086">
        <v>5</v>
      </c>
      <c r="AA37086">
        <v>5</v>
      </c>
      <c r="AB37086">
        <v>5</v>
      </c>
      <c r="AC37086">
        <v>5</v>
      </c>
      <c r="AD37086">
        <v>5</v>
      </c>
      <c r="AE37086">
        <v>6</v>
      </c>
      <c r="AF37086">
        <v>6</v>
      </c>
      <c r="AG37086">
        <v>6</v>
      </c>
      <c r="AH37086">
        <v>6</v>
      </c>
      <c r="AI37086">
        <v>6</v>
      </c>
      <c r="AJ37086">
        <v>6</v>
      </c>
      <c r="AK37086">
        <v>6</v>
      </c>
      <c r="AL37086">
        <v>6</v>
      </c>
      <c r="AM37086">
        <v>6</v>
      </c>
      <c r="AN37086">
        <v>6</v>
      </c>
      <c r="AO37086">
        <v>6</v>
      </c>
      <c r="AP37086">
        <v>6</v>
      </c>
      <c r="AQ37086">
        <v>6</v>
      </c>
    </row>
    <row r="37087" spans="1:43">
      <c r="A37087" t="s">
        <v>22987</v>
      </c>
      <c r="B37087" t="s">
        <v>22988</v>
      </c>
      <c r="C37087" t="s">
        <v>22925</v>
      </c>
      <c r="D37087" t="s">
        <v>22926</v>
      </c>
      <c r="E37087" t="s">
        <v>22839</v>
      </c>
      <c r="F37087" t="s">
        <v>22840</v>
      </c>
      <c r="G37087" t="s">
        <v>22539</v>
      </c>
      <c r="H37087" t="s">
        <v>22540</v>
      </c>
      <c r="I37087" s="2">
        <v>0</v>
      </c>
      <c r="J37087" s="2">
        <v>0</v>
      </c>
      <c r="K37087" s="2">
        <v>1</v>
      </c>
      <c r="L37087" t="s">
        <v>995</v>
      </c>
      <c r="M37087" t="s">
        <v>87</v>
      </c>
      <c r="N37087" t="s">
        <v>88</v>
      </c>
      <c r="O37087" t="s">
        <v>85</v>
      </c>
      <c r="P37087" t="s">
        <v>86</v>
      </c>
      <c r="Q37087">
        <v>5</v>
      </c>
      <c r="R37087">
        <v>5</v>
      </c>
      <c r="S37087">
        <v>5</v>
      </c>
      <c r="T37087">
        <v>5</v>
      </c>
      <c r="U37087">
        <v>5</v>
      </c>
      <c r="V37087">
        <v>5</v>
      </c>
      <c r="W37087">
        <v>5</v>
      </c>
      <c r="X37087">
        <v>5</v>
      </c>
      <c r="Y37087">
        <v>5</v>
      </c>
      <c r="Z37087">
        <v>5</v>
      </c>
      <c r="AA37087">
        <v>5</v>
      </c>
      <c r="AB37087">
        <v>5</v>
      </c>
      <c r="AC37087">
        <v>5</v>
      </c>
      <c r="AD37087">
        <v>5</v>
      </c>
      <c r="AE37087">
        <v>5</v>
      </c>
      <c r="AF37087">
        <v>5</v>
      </c>
      <c r="AG37087">
        <v>5</v>
      </c>
      <c r="AH37087">
        <v>5</v>
      </c>
      <c r="AI37087">
        <v>5</v>
      </c>
      <c r="AJ37087">
        <v>5</v>
      </c>
      <c r="AK37087">
        <v>5</v>
      </c>
      <c r="AL37087">
        <v>5</v>
      </c>
      <c r="AM37087">
        <v>5</v>
      </c>
      <c r="AN37087">
        <v>5</v>
      </c>
      <c r="AO37087">
        <v>5</v>
      </c>
      <c r="AP37087">
        <v>5</v>
      </c>
      <c r="AQ37087">
        <v>5</v>
      </c>
    </row>
    <row r="37088" spans="1:43">
      <c r="A37088" t="s">
        <v>22987</v>
      </c>
      <c r="B37088" t="s">
        <v>22988</v>
      </c>
      <c r="C37088" t="s">
        <v>22925</v>
      </c>
      <c r="D37088" t="s">
        <v>22926</v>
      </c>
      <c r="E37088" t="s">
        <v>22839</v>
      </c>
      <c r="F37088" t="s">
        <v>22840</v>
      </c>
      <c r="G37088" t="s">
        <v>22539</v>
      </c>
      <c r="H37088" t="s">
        <v>22540</v>
      </c>
      <c r="I37088" s="2">
        <v>0</v>
      </c>
      <c r="J37088" s="2">
        <v>0</v>
      </c>
      <c r="K37088" s="2">
        <v>1</v>
      </c>
      <c r="L37088" t="s">
        <v>995</v>
      </c>
      <c r="M37088" t="s">
        <v>89</v>
      </c>
      <c r="N37088" t="s">
        <v>90</v>
      </c>
      <c r="O37088" t="s">
        <v>85</v>
      </c>
      <c r="P37088" t="s">
        <v>86</v>
      </c>
      <c r="Q37088">
        <v>5</v>
      </c>
      <c r="R37088">
        <v>5</v>
      </c>
      <c r="S37088">
        <v>5</v>
      </c>
      <c r="T37088">
        <v>5</v>
      </c>
      <c r="U37088">
        <v>5</v>
      </c>
      <c r="V37088">
        <v>5</v>
      </c>
      <c r="W37088">
        <v>5</v>
      </c>
      <c r="X37088">
        <v>5</v>
      </c>
      <c r="Y37088">
        <v>5</v>
      </c>
      <c r="Z37088">
        <v>6</v>
      </c>
      <c r="AA37088">
        <v>6</v>
      </c>
      <c r="AB37088">
        <v>6</v>
      </c>
      <c r="AC37088">
        <v>6</v>
      </c>
      <c r="AD37088">
        <v>6</v>
      </c>
      <c r="AE37088">
        <v>6</v>
      </c>
      <c r="AF37088">
        <v>6</v>
      </c>
      <c r="AG37088">
        <v>6</v>
      </c>
      <c r="AH37088">
        <v>6</v>
      </c>
      <c r="AI37088">
        <v>6</v>
      </c>
      <c r="AJ37088">
        <v>6</v>
      </c>
      <c r="AK37088">
        <v>6</v>
      </c>
      <c r="AL37088">
        <v>6</v>
      </c>
      <c r="AM37088">
        <v>6</v>
      </c>
      <c r="AN37088">
        <v>6</v>
      </c>
      <c r="AO37088">
        <v>6</v>
      </c>
      <c r="AP37088">
        <v>6</v>
      </c>
      <c r="AQ37088">
        <v>6</v>
      </c>
    </row>
    <row r="37089" spans="1:43">
      <c r="A37089" t="s">
        <v>22987</v>
      </c>
      <c r="B37089" t="s">
        <v>22988</v>
      </c>
      <c r="C37089" t="s">
        <v>22925</v>
      </c>
      <c r="D37089" t="s">
        <v>22926</v>
      </c>
      <c r="E37089" t="s">
        <v>22839</v>
      </c>
      <c r="F37089" t="s">
        <v>22840</v>
      </c>
      <c r="G37089" t="s">
        <v>22539</v>
      </c>
      <c r="H37089" t="s">
        <v>22540</v>
      </c>
      <c r="I37089" s="2">
        <v>0</v>
      </c>
      <c r="J37089" s="2">
        <v>0</v>
      </c>
      <c r="K37089" s="2">
        <v>1</v>
      </c>
      <c r="L37089" t="s">
        <v>995</v>
      </c>
      <c r="M37089" t="s">
        <v>83</v>
      </c>
      <c r="N37089" t="s">
        <v>91</v>
      </c>
      <c r="O37089" t="s">
        <v>85</v>
      </c>
      <c r="P37089" t="s">
        <v>86</v>
      </c>
      <c r="Q37089">
        <v>5</v>
      </c>
      <c r="R37089">
        <v>5</v>
      </c>
      <c r="S37089">
        <v>5</v>
      </c>
      <c r="T37089">
        <v>5</v>
      </c>
      <c r="U37089">
        <v>5</v>
      </c>
      <c r="V37089">
        <v>5</v>
      </c>
      <c r="W37089">
        <v>5</v>
      </c>
      <c r="X37089">
        <v>5</v>
      </c>
      <c r="Y37089">
        <v>5</v>
      </c>
      <c r="Z37089">
        <v>5</v>
      </c>
      <c r="AA37089">
        <v>5</v>
      </c>
      <c r="AB37089">
        <v>5</v>
      </c>
      <c r="AC37089">
        <v>5</v>
      </c>
      <c r="AD37089">
        <v>5</v>
      </c>
      <c r="AE37089">
        <v>6</v>
      </c>
      <c r="AF37089">
        <v>6</v>
      </c>
      <c r="AG37089">
        <v>6</v>
      </c>
      <c r="AH37089">
        <v>6</v>
      </c>
      <c r="AI37089">
        <v>6</v>
      </c>
      <c r="AJ37089">
        <v>6</v>
      </c>
      <c r="AK37089">
        <v>6</v>
      </c>
      <c r="AL37089">
        <v>6</v>
      </c>
      <c r="AM37089">
        <v>6</v>
      </c>
      <c r="AN37089">
        <v>6</v>
      </c>
      <c r="AO37089">
        <v>6</v>
      </c>
      <c r="AP37089">
        <v>6</v>
      </c>
      <c r="AQ37089">
        <v>6</v>
      </c>
    </row>
    <row r="37090" spans="1:43">
      <c r="A37090" t="s">
        <v>22989</v>
      </c>
      <c r="B37090" t="s">
        <v>22990</v>
      </c>
      <c r="C37090" t="s">
        <v>22963</v>
      </c>
      <c r="D37090" t="s">
        <v>22964</v>
      </c>
      <c r="E37090" t="s">
        <v>22839</v>
      </c>
      <c r="F37090" t="s">
        <v>22840</v>
      </c>
      <c r="G37090" t="s">
        <v>22539</v>
      </c>
      <c r="H37090" t="s">
        <v>22540</v>
      </c>
      <c r="I37090" s="2">
        <v>0</v>
      </c>
      <c r="J37090" s="2">
        <v>0</v>
      </c>
      <c r="K37090" s="2">
        <v>1</v>
      </c>
      <c r="L37090" t="s">
        <v>995</v>
      </c>
      <c r="M37090" t="s">
        <v>83</v>
      </c>
      <c r="N37090" t="s">
        <v>84</v>
      </c>
      <c r="O37090" t="s">
        <v>85</v>
      </c>
      <c r="P37090" t="s">
        <v>86</v>
      </c>
      <c r="Q37090">
        <v>7</v>
      </c>
      <c r="R37090">
        <v>7</v>
      </c>
      <c r="S37090">
        <v>7</v>
      </c>
      <c r="T37090">
        <v>7</v>
      </c>
      <c r="U37090">
        <v>7</v>
      </c>
      <c r="V37090">
        <v>8</v>
      </c>
      <c r="W37090">
        <v>8</v>
      </c>
      <c r="X37090">
        <v>8</v>
      </c>
      <c r="Y37090">
        <v>8</v>
      </c>
      <c r="Z37090">
        <v>8</v>
      </c>
      <c r="AA37090">
        <v>8</v>
      </c>
      <c r="AB37090">
        <v>8</v>
      </c>
      <c r="AC37090">
        <v>8</v>
      </c>
      <c r="AD37090">
        <v>8</v>
      </c>
      <c r="AE37090">
        <v>9</v>
      </c>
      <c r="AF37090">
        <v>9</v>
      </c>
      <c r="AG37090">
        <v>9</v>
      </c>
      <c r="AH37090">
        <v>9</v>
      </c>
      <c r="AI37090">
        <v>9</v>
      </c>
      <c r="AJ37090">
        <v>9</v>
      </c>
      <c r="AK37090">
        <v>9</v>
      </c>
      <c r="AL37090">
        <v>9</v>
      </c>
      <c r="AM37090">
        <v>9</v>
      </c>
      <c r="AN37090">
        <v>9</v>
      </c>
      <c r="AO37090">
        <v>9</v>
      </c>
      <c r="AP37090">
        <v>9</v>
      </c>
      <c r="AQ37090">
        <v>9</v>
      </c>
    </row>
    <row r="37091" spans="1:43">
      <c r="A37091" t="s">
        <v>22989</v>
      </c>
      <c r="B37091" t="s">
        <v>22990</v>
      </c>
      <c r="C37091" t="s">
        <v>22963</v>
      </c>
      <c r="D37091" t="s">
        <v>22964</v>
      </c>
      <c r="E37091" t="s">
        <v>22839</v>
      </c>
      <c r="F37091" t="s">
        <v>22840</v>
      </c>
      <c r="G37091" t="s">
        <v>22539</v>
      </c>
      <c r="H37091" t="s">
        <v>22540</v>
      </c>
      <c r="I37091" s="2">
        <v>0</v>
      </c>
      <c r="J37091" s="2">
        <v>0</v>
      </c>
      <c r="K37091" s="2">
        <v>1</v>
      </c>
      <c r="L37091" t="s">
        <v>995</v>
      </c>
      <c r="M37091" t="s">
        <v>87</v>
      </c>
      <c r="N37091" t="s">
        <v>88</v>
      </c>
      <c r="O37091" t="s">
        <v>85</v>
      </c>
      <c r="P37091" t="s">
        <v>86</v>
      </c>
      <c r="Q37091">
        <v>7</v>
      </c>
      <c r="R37091">
        <v>7</v>
      </c>
      <c r="S37091">
        <v>7</v>
      </c>
      <c r="T37091">
        <v>7</v>
      </c>
      <c r="U37091">
        <v>7</v>
      </c>
      <c r="V37091">
        <v>7</v>
      </c>
      <c r="W37091">
        <v>7</v>
      </c>
      <c r="X37091">
        <v>7</v>
      </c>
      <c r="Y37091">
        <v>7</v>
      </c>
      <c r="Z37091">
        <v>7</v>
      </c>
      <c r="AA37091">
        <v>7</v>
      </c>
      <c r="AB37091">
        <v>7</v>
      </c>
      <c r="AC37091">
        <v>8</v>
      </c>
      <c r="AD37091">
        <v>8</v>
      </c>
      <c r="AE37091">
        <v>8</v>
      </c>
      <c r="AF37091">
        <v>8</v>
      </c>
      <c r="AG37091">
        <v>8</v>
      </c>
      <c r="AH37091">
        <v>8</v>
      </c>
      <c r="AI37091">
        <v>8</v>
      </c>
      <c r="AJ37091">
        <v>8</v>
      </c>
      <c r="AK37091">
        <v>8</v>
      </c>
      <c r="AL37091">
        <v>8</v>
      </c>
      <c r="AM37091">
        <v>8</v>
      </c>
      <c r="AN37091">
        <v>8</v>
      </c>
      <c r="AO37091">
        <v>8</v>
      </c>
      <c r="AP37091">
        <v>8</v>
      </c>
      <c r="AQ37091">
        <v>8</v>
      </c>
    </row>
    <row r="37092" spans="1:43">
      <c r="A37092" t="s">
        <v>22989</v>
      </c>
      <c r="B37092" t="s">
        <v>22990</v>
      </c>
      <c r="C37092" t="s">
        <v>22963</v>
      </c>
      <c r="D37092" t="s">
        <v>22964</v>
      </c>
      <c r="E37092" t="s">
        <v>22839</v>
      </c>
      <c r="F37092" t="s">
        <v>22840</v>
      </c>
      <c r="G37092" t="s">
        <v>22539</v>
      </c>
      <c r="H37092" t="s">
        <v>22540</v>
      </c>
      <c r="I37092" s="2">
        <v>0</v>
      </c>
      <c r="J37092" s="2">
        <v>0</v>
      </c>
      <c r="K37092" s="2">
        <v>1</v>
      </c>
      <c r="L37092" t="s">
        <v>995</v>
      </c>
      <c r="M37092" t="s">
        <v>89</v>
      </c>
      <c r="N37092" t="s">
        <v>90</v>
      </c>
      <c r="O37092" t="s">
        <v>85</v>
      </c>
      <c r="P37092" t="s">
        <v>86</v>
      </c>
      <c r="Q37092">
        <v>7</v>
      </c>
      <c r="R37092">
        <v>7</v>
      </c>
      <c r="S37092">
        <v>7</v>
      </c>
      <c r="T37092">
        <v>8</v>
      </c>
      <c r="U37092">
        <v>8</v>
      </c>
      <c r="V37092">
        <v>8</v>
      </c>
      <c r="W37092">
        <v>8</v>
      </c>
      <c r="X37092">
        <v>8</v>
      </c>
      <c r="Y37092">
        <v>8</v>
      </c>
      <c r="Z37092">
        <v>9</v>
      </c>
      <c r="AA37092">
        <v>9</v>
      </c>
      <c r="AB37092">
        <v>9</v>
      </c>
      <c r="AC37092">
        <v>9</v>
      </c>
      <c r="AD37092">
        <v>9</v>
      </c>
      <c r="AE37092">
        <v>9</v>
      </c>
      <c r="AF37092">
        <v>9</v>
      </c>
      <c r="AG37092">
        <v>9</v>
      </c>
      <c r="AH37092">
        <v>9</v>
      </c>
      <c r="AI37092">
        <v>9</v>
      </c>
      <c r="AJ37092">
        <v>9</v>
      </c>
      <c r="AK37092">
        <v>9</v>
      </c>
      <c r="AL37092">
        <v>9</v>
      </c>
      <c r="AM37092">
        <v>9</v>
      </c>
      <c r="AN37092">
        <v>9</v>
      </c>
      <c r="AO37092">
        <v>9</v>
      </c>
      <c r="AP37092">
        <v>9</v>
      </c>
      <c r="AQ37092">
        <v>10</v>
      </c>
    </row>
    <row r="37093" spans="1:43">
      <c r="A37093" t="s">
        <v>22989</v>
      </c>
      <c r="B37093" t="s">
        <v>22990</v>
      </c>
      <c r="C37093" t="s">
        <v>22963</v>
      </c>
      <c r="D37093" t="s">
        <v>22964</v>
      </c>
      <c r="E37093" t="s">
        <v>22839</v>
      </c>
      <c r="F37093" t="s">
        <v>22840</v>
      </c>
      <c r="G37093" t="s">
        <v>22539</v>
      </c>
      <c r="H37093" t="s">
        <v>22540</v>
      </c>
      <c r="I37093" s="2">
        <v>0</v>
      </c>
      <c r="J37093" s="2">
        <v>0</v>
      </c>
      <c r="K37093" s="2">
        <v>1</v>
      </c>
      <c r="L37093" t="s">
        <v>995</v>
      </c>
      <c r="M37093" t="s">
        <v>83</v>
      </c>
      <c r="N37093" t="s">
        <v>91</v>
      </c>
      <c r="O37093" t="s">
        <v>85</v>
      </c>
      <c r="P37093" t="s">
        <v>86</v>
      </c>
      <c r="Q37093">
        <v>7</v>
      </c>
      <c r="R37093">
        <v>7</v>
      </c>
      <c r="S37093">
        <v>7</v>
      </c>
      <c r="T37093">
        <v>7</v>
      </c>
      <c r="U37093">
        <v>7</v>
      </c>
      <c r="V37093">
        <v>8</v>
      </c>
      <c r="W37093">
        <v>8</v>
      </c>
      <c r="X37093">
        <v>8</v>
      </c>
      <c r="Y37093">
        <v>8</v>
      </c>
      <c r="Z37093">
        <v>8</v>
      </c>
      <c r="AA37093">
        <v>8</v>
      </c>
      <c r="AB37093">
        <v>8</v>
      </c>
      <c r="AC37093">
        <v>8</v>
      </c>
      <c r="AD37093">
        <v>8</v>
      </c>
      <c r="AE37093">
        <v>9</v>
      </c>
      <c r="AF37093">
        <v>9</v>
      </c>
      <c r="AG37093">
        <v>9</v>
      </c>
      <c r="AH37093">
        <v>9</v>
      </c>
      <c r="AI37093">
        <v>9</v>
      </c>
      <c r="AJ37093">
        <v>9</v>
      </c>
      <c r="AK37093">
        <v>9</v>
      </c>
      <c r="AL37093">
        <v>9</v>
      </c>
      <c r="AM37093">
        <v>9</v>
      </c>
      <c r="AN37093">
        <v>9</v>
      </c>
      <c r="AO37093">
        <v>9</v>
      </c>
      <c r="AP37093">
        <v>9</v>
      </c>
      <c r="AQ37093">
        <v>9</v>
      </c>
    </row>
    <row r="37094" spans="1:43">
      <c r="A37094" t="s">
        <v>22991</v>
      </c>
      <c r="B37094" t="s">
        <v>22992</v>
      </c>
      <c r="C37094" t="s">
        <v>22993</v>
      </c>
      <c r="D37094" t="s">
        <v>22994</v>
      </c>
      <c r="E37094" t="s">
        <v>22839</v>
      </c>
      <c r="F37094" t="s">
        <v>22840</v>
      </c>
      <c r="G37094" t="s">
        <v>22539</v>
      </c>
      <c r="H37094" t="s">
        <v>22540</v>
      </c>
      <c r="I37094" s="2">
        <v>0</v>
      </c>
      <c r="J37094" s="2">
        <v>0</v>
      </c>
      <c r="K37094" s="2">
        <v>1</v>
      </c>
      <c r="L37094" t="s">
        <v>995</v>
      </c>
      <c r="M37094" t="s">
        <v>83</v>
      </c>
      <c r="N37094" t="s">
        <v>84</v>
      </c>
      <c r="O37094" t="s">
        <v>85</v>
      </c>
      <c r="P37094" t="s">
        <v>86</v>
      </c>
      <c r="Q37094">
        <v>18</v>
      </c>
      <c r="R37094">
        <v>19</v>
      </c>
      <c r="S37094">
        <v>19</v>
      </c>
      <c r="T37094">
        <v>19</v>
      </c>
      <c r="U37094">
        <v>20</v>
      </c>
      <c r="V37094">
        <v>20</v>
      </c>
      <c r="W37094">
        <v>20</v>
      </c>
      <c r="X37094">
        <v>21</v>
      </c>
      <c r="Y37094">
        <v>21</v>
      </c>
      <c r="Z37094">
        <v>21</v>
      </c>
      <c r="AA37094">
        <v>21</v>
      </c>
      <c r="AB37094">
        <v>22</v>
      </c>
      <c r="AC37094">
        <v>22</v>
      </c>
      <c r="AD37094">
        <v>22</v>
      </c>
      <c r="AE37094">
        <v>23</v>
      </c>
      <c r="AF37094">
        <v>23</v>
      </c>
      <c r="AG37094">
        <v>23</v>
      </c>
      <c r="AH37094">
        <v>23</v>
      </c>
      <c r="AI37094">
        <v>24</v>
      </c>
      <c r="AJ37094">
        <v>24</v>
      </c>
      <c r="AK37094">
        <v>24</v>
      </c>
      <c r="AL37094">
        <v>25</v>
      </c>
      <c r="AM37094">
        <v>25</v>
      </c>
      <c r="AN37094">
        <v>25</v>
      </c>
      <c r="AO37094">
        <v>25</v>
      </c>
      <c r="AP37094">
        <v>25</v>
      </c>
      <c r="AQ37094">
        <v>25</v>
      </c>
    </row>
    <row r="37095" spans="1:43">
      <c r="A37095" t="s">
        <v>22991</v>
      </c>
      <c r="B37095" t="s">
        <v>22992</v>
      </c>
      <c r="C37095" t="s">
        <v>22993</v>
      </c>
      <c r="D37095" t="s">
        <v>22994</v>
      </c>
      <c r="E37095" t="s">
        <v>22839</v>
      </c>
      <c r="F37095" t="s">
        <v>22840</v>
      </c>
      <c r="G37095" t="s">
        <v>22539</v>
      </c>
      <c r="H37095" t="s">
        <v>22540</v>
      </c>
      <c r="I37095" s="2">
        <v>0</v>
      </c>
      <c r="J37095" s="2">
        <v>0</v>
      </c>
      <c r="K37095" s="2">
        <v>1</v>
      </c>
      <c r="L37095" t="s">
        <v>995</v>
      </c>
      <c r="M37095" t="s">
        <v>87</v>
      </c>
      <c r="N37095" t="s">
        <v>88</v>
      </c>
      <c r="O37095" t="s">
        <v>85</v>
      </c>
      <c r="P37095" t="s">
        <v>86</v>
      </c>
      <c r="Q37095">
        <v>18</v>
      </c>
      <c r="R37095">
        <v>18</v>
      </c>
      <c r="S37095">
        <v>19</v>
      </c>
      <c r="T37095">
        <v>19</v>
      </c>
      <c r="U37095">
        <v>19</v>
      </c>
      <c r="V37095">
        <v>19</v>
      </c>
      <c r="W37095">
        <v>19</v>
      </c>
      <c r="X37095">
        <v>19</v>
      </c>
      <c r="Y37095">
        <v>19</v>
      </c>
      <c r="Z37095">
        <v>19</v>
      </c>
      <c r="AA37095">
        <v>20</v>
      </c>
      <c r="AB37095">
        <v>20</v>
      </c>
      <c r="AC37095">
        <v>20</v>
      </c>
      <c r="AD37095">
        <v>20</v>
      </c>
      <c r="AE37095">
        <v>20</v>
      </c>
      <c r="AF37095">
        <v>20</v>
      </c>
      <c r="AG37095">
        <v>20</v>
      </c>
      <c r="AH37095">
        <v>20</v>
      </c>
      <c r="AI37095">
        <v>20</v>
      </c>
      <c r="AJ37095">
        <v>21</v>
      </c>
      <c r="AK37095">
        <v>21</v>
      </c>
      <c r="AL37095">
        <v>21</v>
      </c>
      <c r="AM37095">
        <v>21</v>
      </c>
      <c r="AN37095">
        <v>21</v>
      </c>
      <c r="AO37095">
        <v>21</v>
      </c>
      <c r="AP37095">
        <v>21</v>
      </c>
      <c r="AQ37095">
        <v>21</v>
      </c>
    </row>
    <row r="37096" spans="1:43">
      <c r="A37096" t="s">
        <v>22991</v>
      </c>
      <c r="B37096" t="s">
        <v>22992</v>
      </c>
      <c r="C37096" t="s">
        <v>22993</v>
      </c>
      <c r="D37096" t="s">
        <v>22994</v>
      </c>
      <c r="E37096" t="s">
        <v>22839</v>
      </c>
      <c r="F37096" t="s">
        <v>22840</v>
      </c>
      <c r="G37096" t="s">
        <v>22539</v>
      </c>
      <c r="H37096" t="s">
        <v>22540</v>
      </c>
      <c r="I37096" s="2">
        <v>0</v>
      </c>
      <c r="J37096" s="2">
        <v>0</v>
      </c>
      <c r="K37096" s="2">
        <v>1</v>
      </c>
      <c r="L37096" t="s">
        <v>995</v>
      </c>
      <c r="M37096" t="s">
        <v>89</v>
      </c>
      <c r="N37096" t="s">
        <v>90</v>
      </c>
      <c r="O37096" t="s">
        <v>85</v>
      </c>
      <c r="P37096" t="s">
        <v>86</v>
      </c>
      <c r="Q37096">
        <v>18</v>
      </c>
      <c r="R37096">
        <v>18</v>
      </c>
      <c r="S37096">
        <v>19</v>
      </c>
      <c r="T37096">
        <v>19</v>
      </c>
      <c r="U37096">
        <v>19</v>
      </c>
      <c r="V37096">
        <v>20</v>
      </c>
      <c r="W37096">
        <v>20</v>
      </c>
      <c r="X37096">
        <v>21</v>
      </c>
      <c r="Y37096">
        <v>21</v>
      </c>
      <c r="Z37096">
        <v>21</v>
      </c>
      <c r="AA37096">
        <v>22</v>
      </c>
      <c r="AB37096">
        <v>22</v>
      </c>
      <c r="AC37096">
        <v>23</v>
      </c>
      <c r="AD37096">
        <v>23</v>
      </c>
      <c r="AE37096">
        <v>23</v>
      </c>
      <c r="AF37096">
        <v>23</v>
      </c>
      <c r="AG37096">
        <v>23</v>
      </c>
      <c r="AH37096">
        <v>23</v>
      </c>
      <c r="AI37096">
        <v>24</v>
      </c>
      <c r="AJ37096">
        <v>24</v>
      </c>
      <c r="AK37096">
        <v>24</v>
      </c>
      <c r="AL37096">
        <v>24</v>
      </c>
      <c r="AM37096">
        <v>24</v>
      </c>
      <c r="AN37096">
        <v>24</v>
      </c>
      <c r="AO37096">
        <v>24</v>
      </c>
      <c r="AP37096">
        <v>24</v>
      </c>
      <c r="AQ37096">
        <v>24</v>
      </c>
    </row>
    <row r="37097" spans="1:43">
      <c r="A37097" t="s">
        <v>22991</v>
      </c>
      <c r="B37097" t="s">
        <v>22992</v>
      </c>
      <c r="C37097" t="s">
        <v>22993</v>
      </c>
      <c r="D37097" t="s">
        <v>22994</v>
      </c>
      <c r="E37097" t="s">
        <v>22839</v>
      </c>
      <c r="F37097" t="s">
        <v>22840</v>
      </c>
      <c r="G37097" t="s">
        <v>22539</v>
      </c>
      <c r="H37097" t="s">
        <v>22540</v>
      </c>
      <c r="I37097" s="2">
        <v>0</v>
      </c>
      <c r="J37097" s="2">
        <v>0</v>
      </c>
      <c r="K37097" s="2">
        <v>1</v>
      </c>
      <c r="L37097" t="s">
        <v>995</v>
      </c>
      <c r="M37097" t="s">
        <v>83</v>
      </c>
      <c r="N37097" t="s">
        <v>91</v>
      </c>
      <c r="O37097" t="s">
        <v>85</v>
      </c>
      <c r="P37097" t="s">
        <v>86</v>
      </c>
      <c r="Q37097">
        <v>18</v>
      </c>
      <c r="R37097">
        <v>19</v>
      </c>
      <c r="S37097">
        <v>19</v>
      </c>
      <c r="T37097">
        <v>19</v>
      </c>
      <c r="U37097">
        <v>20</v>
      </c>
      <c r="V37097">
        <v>20</v>
      </c>
      <c r="W37097">
        <v>20</v>
      </c>
      <c r="X37097">
        <v>21</v>
      </c>
      <c r="Y37097">
        <v>21</v>
      </c>
      <c r="Z37097">
        <v>21</v>
      </c>
      <c r="AA37097">
        <v>21</v>
      </c>
      <c r="AB37097">
        <v>22</v>
      </c>
      <c r="AC37097">
        <v>22</v>
      </c>
      <c r="AD37097">
        <v>22</v>
      </c>
      <c r="AE37097">
        <v>23</v>
      </c>
      <c r="AF37097">
        <v>23</v>
      </c>
      <c r="AG37097">
        <v>23</v>
      </c>
      <c r="AH37097">
        <v>23</v>
      </c>
      <c r="AI37097">
        <v>24</v>
      </c>
      <c r="AJ37097">
        <v>24</v>
      </c>
      <c r="AK37097">
        <v>24</v>
      </c>
      <c r="AL37097">
        <v>25</v>
      </c>
      <c r="AM37097">
        <v>25</v>
      </c>
      <c r="AN37097">
        <v>25</v>
      </c>
      <c r="AO37097">
        <v>25</v>
      </c>
      <c r="AP37097">
        <v>25</v>
      </c>
      <c r="AQ37097">
        <v>25</v>
      </c>
    </row>
    <row r="37098" spans="1:43">
      <c r="A37098" t="s">
        <v>22995</v>
      </c>
      <c r="B37098" t="s">
        <v>22996</v>
      </c>
      <c r="C37098" t="s">
        <v>22993</v>
      </c>
      <c r="D37098" t="s">
        <v>22994</v>
      </c>
      <c r="E37098" t="s">
        <v>22839</v>
      </c>
      <c r="F37098" t="s">
        <v>22840</v>
      </c>
      <c r="G37098" t="s">
        <v>22539</v>
      </c>
      <c r="H37098" t="s">
        <v>22540</v>
      </c>
      <c r="I37098" s="2">
        <v>0</v>
      </c>
      <c r="J37098" s="2">
        <v>0</v>
      </c>
      <c r="K37098" s="2">
        <v>1</v>
      </c>
      <c r="L37098" t="s">
        <v>995</v>
      </c>
      <c r="M37098" t="s">
        <v>83</v>
      </c>
      <c r="N37098" t="s">
        <v>84</v>
      </c>
      <c r="O37098" t="s">
        <v>85</v>
      </c>
      <c r="P37098" t="s">
        <v>86</v>
      </c>
      <c r="Q37098">
        <v>8</v>
      </c>
      <c r="R37098">
        <v>8</v>
      </c>
      <c r="S37098">
        <v>8</v>
      </c>
      <c r="T37098">
        <v>8</v>
      </c>
      <c r="U37098">
        <v>8</v>
      </c>
      <c r="V37098">
        <v>8</v>
      </c>
      <c r="W37098">
        <v>8</v>
      </c>
      <c r="X37098">
        <v>8</v>
      </c>
      <c r="Y37098">
        <v>9</v>
      </c>
      <c r="Z37098">
        <v>9</v>
      </c>
      <c r="AA37098">
        <v>9</v>
      </c>
      <c r="AB37098">
        <v>9</v>
      </c>
      <c r="AC37098">
        <v>9</v>
      </c>
      <c r="AD37098">
        <v>9</v>
      </c>
      <c r="AE37098">
        <v>9</v>
      </c>
      <c r="AF37098">
        <v>9</v>
      </c>
      <c r="AG37098">
        <v>10</v>
      </c>
      <c r="AH37098">
        <v>10</v>
      </c>
      <c r="AI37098">
        <v>10</v>
      </c>
      <c r="AJ37098">
        <v>10</v>
      </c>
      <c r="AK37098">
        <v>10</v>
      </c>
      <c r="AL37098">
        <v>10</v>
      </c>
      <c r="AM37098">
        <v>10</v>
      </c>
      <c r="AN37098">
        <v>10</v>
      </c>
      <c r="AO37098">
        <v>10</v>
      </c>
      <c r="AP37098">
        <v>10</v>
      </c>
      <c r="AQ37098">
        <v>10</v>
      </c>
    </row>
    <row r="37099" spans="1:43">
      <c r="A37099" t="s">
        <v>22995</v>
      </c>
      <c r="B37099" t="s">
        <v>22996</v>
      </c>
      <c r="C37099" t="s">
        <v>22993</v>
      </c>
      <c r="D37099" t="s">
        <v>22994</v>
      </c>
      <c r="E37099" t="s">
        <v>22839</v>
      </c>
      <c r="F37099" t="s">
        <v>22840</v>
      </c>
      <c r="G37099" t="s">
        <v>22539</v>
      </c>
      <c r="H37099" t="s">
        <v>22540</v>
      </c>
      <c r="I37099" s="2">
        <v>0</v>
      </c>
      <c r="J37099" s="2">
        <v>0</v>
      </c>
      <c r="K37099" s="2">
        <v>1</v>
      </c>
      <c r="L37099" t="s">
        <v>995</v>
      </c>
      <c r="M37099" t="s">
        <v>87</v>
      </c>
      <c r="N37099" t="s">
        <v>88</v>
      </c>
      <c r="O37099" t="s">
        <v>85</v>
      </c>
      <c r="P37099" t="s">
        <v>86</v>
      </c>
      <c r="Q37099">
        <v>8</v>
      </c>
      <c r="R37099">
        <v>8</v>
      </c>
      <c r="S37099">
        <v>8</v>
      </c>
      <c r="T37099">
        <v>8</v>
      </c>
      <c r="U37099">
        <v>8</v>
      </c>
      <c r="V37099">
        <v>8</v>
      </c>
      <c r="W37099">
        <v>8</v>
      </c>
      <c r="X37099">
        <v>8</v>
      </c>
      <c r="Y37099">
        <v>8</v>
      </c>
      <c r="Z37099">
        <v>8</v>
      </c>
      <c r="AA37099">
        <v>8</v>
      </c>
      <c r="AB37099">
        <v>8</v>
      </c>
      <c r="AC37099">
        <v>8</v>
      </c>
      <c r="AD37099">
        <v>8</v>
      </c>
      <c r="AE37099">
        <v>8</v>
      </c>
      <c r="AF37099">
        <v>8</v>
      </c>
      <c r="AG37099">
        <v>8</v>
      </c>
      <c r="AH37099">
        <v>8</v>
      </c>
      <c r="AI37099">
        <v>8</v>
      </c>
      <c r="AJ37099">
        <v>8</v>
      </c>
      <c r="AK37099">
        <v>8</v>
      </c>
      <c r="AL37099">
        <v>9</v>
      </c>
      <c r="AM37099">
        <v>9</v>
      </c>
      <c r="AN37099">
        <v>9</v>
      </c>
      <c r="AO37099">
        <v>9</v>
      </c>
      <c r="AP37099">
        <v>9</v>
      </c>
      <c r="AQ37099">
        <v>9</v>
      </c>
    </row>
    <row r="37100" spans="1:43">
      <c r="A37100" t="s">
        <v>22995</v>
      </c>
      <c r="B37100" t="s">
        <v>22996</v>
      </c>
      <c r="C37100" t="s">
        <v>22993</v>
      </c>
      <c r="D37100" t="s">
        <v>22994</v>
      </c>
      <c r="E37100" t="s">
        <v>22839</v>
      </c>
      <c r="F37100" t="s">
        <v>22840</v>
      </c>
      <c r="G37100" t="s">
        <v>22539</v>
      </c>
      <c r="H37100" t="s">
        <v>22540</v>
      </c>
      <c r="I37100" s="2">
        <v>0</v>
      </c>
      <c r="J37100" s="2">
        <v>0</v>
      </c>
      <c r="K37100" s="2">
        <v>1</v>
      </c>
      <c r="L37100" t="s">
        <v>995</v>
      </c>
      <c r="M37100" t="s">
        <v>89</v>
      </c>
      <c r="N37100" t="s">
        <v>90</v>
      </c>
      <c r="O37100" t="s">
        <v>85</v>
      </c>
      <c r="P37100" t="s">
        <v>86</v>
      </c>
      <c r="Q37100">
        <v>8</v>
      </c>
      <c r="R37100">
        <v>8</v>
      </c>
      <c r="S37100">
        <v>8</v>
      </c>
      <c r="T37100">
        <v>8</v>
      </c>
      <c r="U37100">
        <v>8</v>
      </c>
      <c r="V37100">
        <v>9</v>
      </c>
      <c r="W37100">
        <v>9</v>
      </c>
      <c r="X37100">
        <v>9</v>
      </c>
      <c r="Y37100">
        <v>9</v>
      </c>
      <c r="Z37100">
        <v>9</v>
      </c>
      <c r="AA37100">
        <v>9</v>
      </c>
      <c r="AB37100">
        <v>10</v>
      </c>
      <c r="AC37100">
        <v>10</v>
      </c>
      <c r="AD37100">
        <v>10</v>
      </c>
      <c r="AE37100">
        <v>10</v>
      </c>
      <c r="AF37100">
        <v>10</v>
      </c>
      <c r="AG37100">
        <v>10</v>
      </c>
      <c r="AH37100">
        <v>10</v>
      </c>
      <c r="AI37100">
        <v>10</v>
      </c>
      <c r="AJ37100">
        <v>10</v>
      </c>
      <c r="AK37100">
        <v>10</v>
      </c>
      <c r="AL37100">
        <v>10</v>
      </c>
      <c r="AM37100">
        <v>10</v>
      </c>
      <c r="AN37100">
        <v>10</v>
      </c>
      <c r="AO37100">
        <v>10</v>
      </c>
      <c r="AP37100">
        <v>10</v>
      </c>
      <c r="AQ37100">
        <v>10</v>
      </c>
    </row>
    <row r="37101" spans="1:43">
      <c r="A37101" t="s">
        <v>22995</v>
      </c>
      <c r="B37101" t="s">
        <v>22996</v>
      </c>
      <c r="C37101" t="s">
        <v>22993</v>
      </c>
      <c r="D37101" t="s">
        <v>22994</v>
      </c>
      <c r="E37101" t="s">
        <v>22839</v>
      </c>
      <c r="F37101" t="s">
        <v>22840</v>
      </c>
      <c r="G37101" t="s">
        <v>22539</v>
      </c>
      <c r="H37101" t="s">
        <v>22540</v>
      </c>
      <c r="I37101" s="2">
        <v>0</v>
      </c>
      <c r="J37101" s="2">
        <v>0</v>
      </c>
      <c r="K37101" s="2">
        <v>1</v>
      </c>
      <c r="L37101" t="s">
        <v>995</v>
      </c>
      <c r="M37101" t="s">
        <v>83</v>
      </c>
      <c r="N37101" t="s">
        <v>91</v>
      </c>
      <c r="O37101" t="s">
        <v>85</v>
      </c>
      <c r="P37101" t="s">
        <v>86</v>
      </c>
      <c r="Q37101">
        <v>8</v>
      </c>
      <c r="R37101">
        <v>8</v>
      </c>
      <c r="S37101">
        <v>8</v>
      </c>
      <c r="T37101">
        <v>8</v>
      </c>
      <c r="U37101">
        <v>8</v>
      </c>
      <c r="V37101">
        <v>8</v>
      </c>
      <c r="W37101">
        <v>8</v>
      </c>
      <c r="X37101">
        <v>8</v>
      </c>
      <c r="Y37101">
        <v>9</v>
      </c>
      <c r="Z37101">
        <v>9</v>
      </c>
      <c r="AA37101">
        <v>9</v>
      </c>
      <c r="AB37101">
        <v>9</v>
      </c>
      <c r="AC37101">
        <v>9</v>
      </c>
      <c r="AD37101">
        <v>9</v>
      </c>
      <c r="AE37101">
        <v>9</v>
      </c>
      <c r="AF37101">
        <v>9</v>
      </c>
      <c r="AG37101">
        <v>10</v>
      </c>
      <c r="AH37101">
        <v>10</v>
      </c>
      <c r="AI37101">
        <v>10</v>
      </c>
      <c r="AJ37101">
        <v>10</v>
      </c>
      <c r="AK37101">
        <v>10</v>
      </c>
      <c r="AL37101">
        <v>10</v>
      </c>
      <c r="AM37101">
        <v>10</v>
      </c>
      <c r="AN37101">
        <v>10</v>
      </c>
      <c r="AO37101">
        <v>10</v>
      </c>
      <c r="AP37101">
        <v>10</v>
      </c>
      <c r="AQ37101">
        <v>10</v>
      </c>
    </row>
    <row r="37102" spans="1:43">
      <c r="A37102" t="s">
        <v>22997</v>
      </c>
      <c r="B37102" t="s">
        <v>22998</v>
      </c>
      <c r="C37102" t="s">
        <v>22993</v>
      </c>
      <c r="D37102" t="s">
        <v>22994</v>
      </c>
      <c r="E37102" t="s">
        <v>22839</v>
      </c>
      <c r="F37102" t="s">
        <v>22840</v>
      </c>
      <c r="G37102" t="s">
        <v>22539</v>
      </c>
      <c r="H37102" t="s">
        <v>22540</v>
      </c>
      <c r="I37102" s="2">
        <v>0</v>
      </c>
      <c r="J37102" s="2">
        <v>0</v>
      </c>
      <c r="K37102" s="2">
        <v>1</v>
      </c>
      <c r="L37102" t="s">
        <v>995</v>
      </c>
      <c r="M37102" t="s">
        <v>83</v>
      </c>
      <c r="N37102" t="s">
        <v>84</v>
      </c>
      <c r="O37102" t="s">
        <v>85</v>
      </c>
      <c r="P37102" t="s">
        <v>86</v>
      </c>
      <c r="Q37102">
        <v>26</v>
      </c>
      <c r="R37102">
        <v>26</v>
      </c>
      <c r="S37102">
        <v>26</v>
      </c>
      <c r="T37102">
        <v>27</v>
      </c>
      <c r="U37102">
        <v>27</v>
      </c>
      <c r="V37102">
        <v>28</v>
      </c>
      <c r="W37102">
        <v>28</v>
      </c>
      <c r="X37102">
        <v>28</v>
      </c>
      <c r="Y37102">
        <v>29</v>
      </c>
      <c r="Z37102">
        <v>29</v>
      </c>
      <c r="AA37102">
        <v>30</v>
      </c>
      <c r="AB37102">
        <v>30</v>
      </c>
      <c r="AC37102">
        <v>30</v>
      </c>
      <c r="AD37102">
        <v>31</v>
      </c>
      <c r="AE37102">
        <v>31</v>
      </c>
      <c r="AF37102">
        <v>32</v>
      </c>
      <c r="AG37102">
        <v>32</v>
      </c>
      <c r="AH37102">
        <v>32</v>
      </c>
      <c r="AI37102">
        <v>33</v>
      </c>
      <c r="AJ37102">
        <v>33</v>
      </c>
      <c r="AK37102">
        <v>34</v>
      </c>
      <c r="AL37102">
        <v>34</v>
      </c>
      <c r="AM37102">
        <v>34</v>
      </c>
      <c r="AN37102">
        <v>34</v>
      </c>
      <c r="AO37102">
        <v>34</v>
      </c>
      <c r="AP37102">
        <v>34</v>
      </c>
      <c r="AQ37102">
        <v>34</v>
      </c>
    </row>
    <row r="37103" spans="1:43">
      <c r="A37103" t="s">
        <v>22997</v>
      </c>
      <c r="B37103" t="s">
        <v>22998</v>
      </c>
      <c r="C37103" t="s">
        <v>22993</v>
      </c>
      <c r="D37103" t="s">
        <v>22994</v>
      </c>
      <c r="E37103" t="s">
        <v>22839</v>
      </c>
      <c r="F37103" t="s">
        <v>22840</v>
      </c>
      <c r="G37103" t="s">
        <v>22539</v>
      </c>
      <c r="H37103" t="s">
        <v>22540</v>
      </c>
      <c r="I37103" s="2">
        <v>0</v>
      </c>
      <c r="J37103" s="2">
        <v>0</v>
      </c>
      <c r="K37103" s="2">
        <v>1</v>
      </c>
      <c r="L37103" t="s">
        <v>995</v>
      </c>
      <c r="M37103" t="s">
        <v>87</v>
      </c>
      <c r="N37103" t="s">
        <v>88</v>
      </c>
      <c r="O37103" t="s">
        <v>85</v>
      </c>
      <c r="P37103" t="s">
        <v>86</v>
      </c>
      <c r="Q37103">
        <v>26</v>
      </c>
      <c r="R37103">
        <v>27</v>
      </c>
      <c r="S37103">
        <v>27</v>
      </c>
      <c r="T37103">
        <v>27</v>
      </c>
      <c r="U37103">
        <v>27</v>
      </c>
      <c r="V37103">
        <v>27</v>
      </c>
      <c r="W37103">
        <v>27</v>
      </c>
      <c r="X37103">
        <v>27</v>
      </c>
      <c r="Y37103">
        <v>28</v>
      </c>
      <c r="Z37103">
        <v>28</v>
      </c>
      <c r="AA37103">
        <v>28</v>
      </c>
      <c r="AB37103">
        <v>28</v>
      </c>
      <c r="AC37103">
        <v>28</v>
      </c>
      <c r="AD37103">
        <v>28</v>
      </c>
      <c r="AE37103">
        <v>29</v>
      </c>
      <c r="AF37103">
        <v>29</v>
      </c>
      <c r="AG37103">
        <v>29</v>
      </c>
      <c r="AH37103">
        <v>29</v>
      </c>
      <c r="AI37103">
        <v>29</v>
      </c>
      <c r="AJ37103">
        <v>29</v>
      </c>
      <c r="AK37103">
        <v>30</v>
      </c>
      <c r="AL37103">
        <v>30</v>
      </c>
      <c r="AM37103">
        <v>30</v>
      </c>
      <c r="AN37103">
        <v>30</v>
      </c>
      <c r="AO37103">
        <v>30</v>
      </c>
      <c r="AP37103">
        <v>31</v>
      </c>
      <c r="AQ37103">
        <v>31</v>
      </c>
    </row>
    <row r="37104" spans="1:43">
      <c r="A37104" t="s">
        <v>22997</v>
      </c>
      <c r="B37104" t="s">
        <v>22998</v>
      </c>
      <c r="C37104" t="s">
        <v>22993</v>
      </c>
      <c r="D37104" t="s">
        <v>22994</v>
      </c>
      <c r="E37104" t="s">
        <v>22839</v>
      </c>
      <c r="F37104" t="s">
        <v>22840</v>
      </c>
      <c r="G37104" t="s">
        <v>22539</v>
      </c>
      <c r="H37104" t="s">
        <v>22540</v>
      </c>
      <c r="I37104" s="2">
        <v>0</v>
      </c>
      <c r="J37104" s="2">
        <v>0</v>
      </c>
      <c r="K37104" s="2">
        <v>1</v>
      </c>
      <c r="L37104" t="s">
        <v>995</v>
      </c>
      <c r="M37104" t="s">
        <v>89</v>
      </c>
      <c r="N37104" t="s">
        <v>90</v>
      </c>
      <c r="O37104" t="s">
        <v>85</v>
      </c>
      <c r="P37104" t="s">
        <v>86</v>
      </c>
      <c r="Q37104">
        <v>26</v>
      </c>
      <c r="R37104">
        <v>26</v>
      </c>
      <c r="S37104">
        <v>27</v>
      </c>
      <c r="T37104">
        <v>28</v>
      </c>
      <c r="U37104">
        <v>28</v>
      </c>
      <c r="V37104">
        <v>29</v>
      </c>
      <c r="W37104">
        <v>29</v>
      </c>
      <c r="X37104">
        <v>30</v>
      </c>
      <c r="Y37104">
        <v>31</v>
      </c>
      <c r="Z37104">
        <v>31</v>
      </c>
      <c r="AA37104">
        <v>32</v>
      </c>
      <c r="AB37104">
        <v>32</v>
      </c>
      <c r="AC37104">
        <v>33</v>
      </c>
      <c r="AD37104">
        <v>33</v>
      </c>
      <c r="AE37104">
        <v>34</v>
      </c>
      <c r="AF37104">
        <v>34</v>
      </c>
      <c r="AG37104">
        <v>34</v>
      </c>
      <c r="AH37104">
        <v>34</v>
      </c>
      <c r="AI37104">
        <v>34</v>
      </c>
      <c r="AJ37104">
        <v>34</v>
      </c>
      <c r="AK37104">
        <v>34</v>
      </c>
      <c r="AL37104">
        <v>34</v>
      </c>
      <c r="AM37104">
        <v>34</v>
      </c>
      <c r="AN37104">
        <v>34</v>
      </c>
      <c r="AO37104">
        <v>34</v>
      </c>
      <c r="AP37104">
        <v>35</v>
      </c>
      <c r="AQ37104">
        <v>35</v>
      </c>
    </row>
    <row r="37105" spans="1:43">
      <c r="A37105" t="s">
        <v>22997</v>
      </c>
      <c r="B37105" t="s">
        <v>22998</v>
      </c>
      <c r="C37105" t="s">
        <v>22993</v>
      </c>
      <c r="D37105" t="s">
        <v>22994</v>
      </c>
      <c r="E37105" t="s">
        <v>22839</v>
      </c>
      <c r="F37105" t="s">
        <v>22840</v>
      </c>
      <c r="G37105" t="s">
        <v>22539</v>
      </c>
      <c r="H37105" t="s">
        <v>22540</v>
      </c>
      <c r="I37105" s="2">
        <v>0</v>
      </c>
      <c r="J37105" s="2">
        <v>0</v>
      </c>
      <c r="K37105" s="2">
        <v>1</v>
      </c>
      <c r="L37105" t="s">
        <v>995</v>
      </c>
      <c r="M37105" t="s">
        <v>83</v>
      </c>
      <c r="N37105" t="s">
        <v>91</v>
      </c>
      <c r="O37105" t="s">
        <v>85</v>
      </c>
      <c r="P37105" t="s">
        <v>86</v>
      </c>
      <c r="Q37105">
        <v>26</v>
      </c>
      <c r="R37105">
        <v>26</v>
      </c>
      <c r="S37105">
        <v>26</v>
      </c>
      <c r="T37105">
        <v>27</v>
      </c>
      <c r="U37105">
        <v>27</v>
      </c>
      <c r="V37105">
        <v>28</v>
      </c>
      <c r="W37105">
        <v>28</v>
      </c>
      <c r="X37105">
        <v>28</v>
      </c>
      <c r="Y37105">
        <v>29</v>
      </c>
      <c r="Z37105">
        <v>29</v>
      </c>
      <c r="AA37105">
        <v>30</v>
      </c>
      <c r="AB37105">
        <v>30</v>
      </c>
      <c r="AC37105">
        <v>30</v>
      </c>
      <c r="AD37105">
        <v>31</v>
      </c>
      <c r="AE37105">
        <v>31</v>
      </c>
      <c r="AF37105">
        <v>32</v>
      </c>
      <c r="AG37105">
        <v>32</v>
      </c>
      <c r="AH37105">
        <v>32</v>
      </c>
      <c r="AI37105">
        <v>33</v>
      </c>
      <c r="AJ37105">
        <v>33</v>
      </c>
      <c r="AK37105">
        <v>34</v>
      </c>
      <c r="AL37105">
        <v>34</v>
      </c>
      <c r="AM37105">
        <v>34</v>
      </c>
      <c r="AN37105">
        <v>34</v>
      </c>
      <c r="AO37105">
        <v>34</v>
      </c>
      <c r="AP37105">
        <v>34</v>
      </c>
      <c r="AQ37105">
        <v>34</v>
      </c>
    </row>
    <row r="37106" spans="1:43">
      <c r="A37106" t="s">
        <v>22999</v>
      </c>
      <c r="B37106" t="s">
        <v>23000</v>
      </c>
      <c r="C37106" t="s">
        <v>22993</v>
      </c>
      <c r="D37106" t="s">
        <v>22994</v>
      </c>
      <c r="E37106" t="s">
        <v>22839</v>
      </c>
      <c r="F37106" t="s">
        <v>22840</v>
      </c>
      <c r="G37106" t="s">
        <v>22539</v>
      </c>
      <c r="H37106" t="s">
        <v>22540</v>
      </c>
      <c r="I37106" s="2">
        <v>0</v>
      </c>
      <c r="J37106" s="2">
        <v>0</v>
      </c>
      <c r="K37106" s="2">
        <v>1</v>
      </c>
      <c r="L37106" t="s">
        <v>995</v>
      </c>
      <c r="M37106" t="s">
        <v>83</v>
      </c>
      <c r="N37106" t="s">
        <v>84</v>
      </c>
      <c r="O37106" t="s">
        <v>85</v>
      </c>
      <c r="P37106" t="s">
        <v>86</v>
      </c>
      <c r="Q37106">
        <v>24</v>
      </c>
      <c r="R37106">
        <v>25</v>
      </c>
      <c r="S37106">
        <v>25</v>
      </c>
      <c r="T37106">
        <v>26</v>
      </c>
      <c r="U37106">
        <v>26</v>
      </c>
      <c r="V37106">
        <v>26</v>
      </c>
      <c r="W37106">
        <v>27</v>
      </c>
      <c r="X37106">
        <v>27</v>
      </c>
      <c r="Y37106">
        <v>27</v>
      </c>
      <c r="Z37106">
        <v>28</v>
      </c>
      <c r="AA37106">
        <v>28</v>
      </c>
      <c r="AB37106">
        <v>29</v>
      </c>
      <c r="AC37106">
        <v>29</v>
      </c>
      <c r="AD37106">
        <v>29</v>
      </c>
      <c r="AE37106">
        <v>30</v>
      </c>
      <c r="AF37106">
        <v>30</v>
      </c>
      <c r="AG37106">
        <v>31</v>
      </c>
      <c r="AH37106">
        <v>31</v>
      </c>
      <c r="AI37106">
        <v>31</v>
      </c>
      <c r="AJ37106">
        <v>32</v>
      </c>
      <c r="AK37106">
        <v>32</v>
      </c>
      <c r="AL37106">
        <v>32</v>
      </c>
      <c r="AM37106">
        <v>32</v>
      </c>
      <c r="AN37106">
        <v>32</v>
      </c>
      <c r="AO37106">
        <v>33</v>
      </c>
      <c r="AP37106">
        <v>33</v>
      </c>
      <c r="AQ37106">
        <v>33</v>
      </c>
    </row>
    <row r="37107" spans="1:43">
      <c r="A37107" t="s">
        <v>22999</v>
      </c>
      <c r="B37107" t="s">
        <v>23000</v>
      </c>
      <c r="C37107" t="s">
        <v>22993</v>
      </c>
      <c r="D37107" t="s">
        <v>22994</v>
      </c>
      <c r="E37107" t="s">
        <v>22839</v>
      </c>
      <c r="F37107" t="s">
        <v>22840</v>
      </c>
      <c r="G37107" t="s">
        <v>22539</v>
      </c>
      <c r="H37107" t="s">
        <v>22540</v>
      </c>
      <c r="I37107" s="2">
        <v>0</v>
      </c>
      <c r="J37107" s="2">
        <v>0</v>
      </c>
      <c r="K37107" s="2">
        <v>1</v>
      </c>
      <c r="L37107" t="s">
        <v>995</v>
      </c>
      <c r="M37107" t="s">
        <v>87</v>
      </c>
      <c r="N37107" t="s">
        <v>88</v>
      </c>
      <c r="O37107" t="s">
        <v>85</v>
      </c>
      <c r="P37107" t="s">
        <v>86</v>
      </c>
      <c r="Q37107">
        <v>24</v>
      </c>
      <c r="R37107">
        <v>24</v>
      </c>
      <c r="S37107">
        <v>24</v>
      </c>
      <c r="T37107">
        <v>25</v>
      </c>
      <c r="U37107">
        <v>25</v>
      </c>
      <c r="V37107">
        <v>25</v>
      </c>
      <c r="W37107">
        <v>25</v>
      </c>
      <c r="X37107">
        <v>25</v>
      </c>
      <c r="Y37107">
        <v>25</v>
      </c>
      <c r="Z37107">
        <v>26</v>
      </c>
      <c r="AA37107">
        <v>26</v>
      </c>
      <c r="AB37107">
        <v>26</v>
      </c>
      <c r="AC37107">
        <v>26</v>
      </c>
      <c r="AD37107">
        <v>26</v>
      </c>
      <c r="AE37107">
        <v>26</v>
      </c>
      <c r="AF37107">
        <v>26</v>
      </c>
      <c r="AG37107">
        <v>27</v>
      </c>
      <c r="AH37107">
        <v>27</v>
      </c>
      <c r="AI37107">
        <v>27</v>
      </c>
      <c r="AJ37107">
        <v>27</v>
      </c>
      <c r="AK37107">
        <v>27</v>
      </c>
      <c r="AL37107">
        <v>27</v>
      </c>
      <c r="AM37107">
        <v>28</v>
      </c>
      <c r="AN37107">
        <v>28</v>
      </c>
      <c r="AO37107">
        <v>28</v>
      </c>
      <c r="AP37107">
        <v>28</v>
      </c>
      <c r="AQ37107">
        <v>28</v>
      </c>
    </row>
    <row r="37108" spans="1:43">
      <c r="A37108" t="s">
        <v>22999</v>
      </c>
      <c r="B37108" t="s">
        <v>23000</v>
      </c>
      <c r="C37108" t="s">
        <v>22993</v>
      </c>
      <c r="D37108" t="s">
        <v>22994</v>
      </c>
      <c r="E37108" t="s">
        <v>22839</v>
      </c>
      <c r="F37108" t="s">
        <v>22840</v>
      </c>
      <c r="G37108" t="s">
        <v>22539</v>
      </c>
      <c r="H37108" t="s">
        <v>22540</v>
      </c>
      <c r="I37108" s="2">
        <v>0</v>
      </c>
      <c r="J37108" s="2">
        <v>0</v>
      </c>
      <c r="K37108" s="2">
        <v>1</v>
      </c>
      <c r="L37108" t="s">
        <v>995</v>
      </c>
      <c r="M37108" t="s">
        <v>89</v>
      </c>
      <c r="N37108" t="s">
        <v>90</v>
      </c>
      <c r="O37108" t="s">
        <v>85</v>
      </c>
      <c r="P37108" t="s">
        <v>86</v>
      </c>
      <c r="Q37108">
        <v>24</v>
      </c>
      <c r="R37108">
        <v>24</v>
      </c>
      <c r="S37108">
        <v>25</v>
      </c>
      <c r="T37108">
        <v>25</v>
      </c>
      <c r="U37108">
        <v>26</v>
      </c>
      <c r="V37108">
        <v>26</v>
      </c>
      <c r="W37108">
        <v>27</v>
      </c>
      <c r="X37108">
        <v>28</v>
      </c>
      <c r="Y37108">
        <v>28</v>
      </c>
      <c r="Z37108">
        <v>29</v>
      </c>
      <c r="AA37108">
        <v>29</v>
      </c>
      <c r="AB37108">
        <v>30</v>
      </c>
      <c r="AC37108">
        <v>30</v>
      </c>
      <c r="AD37108">
        <v>31</v>
      </c>
      <c r="AE37108">
        <v>31</v>
      </c>
      <c r="AF37108">
        <v>31</v>
      </c>
      <c r="AG37108">
        <v>31</v>
      </c>
      <c r="AH37108">
        <v>31</v>
      </c>
      <c r="AI37108">
        <v>31</v>
      </c>
      <c r="AJ37108">
        <v>31</v>
      </c>
      <c r="AK37108">
        <v>31</v>
      </c>
      <c r="AL37108">
        <v>32</v>
      </c>
      <c r="AM37108">
        <v>32</v>
      </c>
      <c r="AN37108">
        <v>32</v>
      </c>
      <c r="AO37108">
        <v>32</v>
      </c>
      <c r="AP37108">
        <v>32</v>
      </c>
      <c r="AQ37108">
        <v>32</v>
      </c>
    </row>
    <row r="37109" spans="1:43">
      <c r="A37109" t="s">
        <v>22999</v>
      </c>
      <c r="B37109" t="s">
        <v>23000</v>
      </c>
      <c r="C37109" t="s">
        <v>22993</v>
      </c>
      <c r="D37109" t="s">
        <v>22994</v>
      </c>
      <c r="E37109" t="s">
        <v>22839</v>
      </c>
      <c r="F37109" t="s">
        <v>22840</v>
      </c>
      <c r="G37109" t="s">
        <v>22539</v>
      </c>
      <c r="H37109" t="s">
        <v>22540</v>
      </c>
      <c r="I37109" s="2">
        <v>0</v>
      </c>
      <c r="J37109" s="2">
        <v>0</v>
      </c>
      <c r="K37109" s="2">
        <v>1</v>
      </c>
      <c r="L37109" t="s">
        <v>995</v>
      </c>
      <c r="M37109" t="s">
        <v>83</v>
      </c>
      <c r="N37109" t="s">
        <v>91</v>
      </c>
      <c r="O37109" t="s">
        <v>85</v>
      </c>
      <c r="P37109" t="s">
        <v>86</v>
      </c>
      <c r="Q37109">
        <v>24</v>
      </c>
      <c r="R37109">
        <v>25</v>
      </c>
      <c r="S37109">
        <v>25</v>
      </c>
      <c r="T37109">
        <v>26</v>
      </c>
      <c r="U37109">
        <v>26</v>
      </c>
      <c r="V37109">
        <v>26</v>
      </c>
      <c r="W37109">
        <v>27</v>
      </c>
      <c r="X37109">
        <v>27</v>
      </c>
      <c r="Y37109">
        <v>27</v>
      </c>
      <c r="Z37109">
        <v>28</v>
      </c>
      <c r="AA37109">
        <v>28</v>
      </c>
      <c r="AB37109">
        <v>29</v>
      </c>
      <c r="AC37109">
        <v>29</v>
      </c>
      <c r="AD37109">
        <v>29</v>
      </c>
      <c r="AE37109">
        <v>30</v>
      </c>
      <c r="AF37109">
        <v>30</v>
      </c>
      <c r="AG37109">
        <v>31</v>
      </c>
      <c r="AH37109">
        <v>31</v>
      </c>
      <c r="AI37109">
        <v>31</v>
      </c>
      <c r="AJ37109">
        <v>32</v>
      </c>
      <c r="AK37109">
        <v>32</v>
      </c>
      <c r="AL37109">
        <v>32</v>
      </c>
      <c r="AM37109">
        <v>32</v>
      </c>
      <c r="AN37109">
        <v>32</v>
      </c>
      <c r="AO37109">
        <v>33</v>
      </c>
      <c r="AP37109">
        <v>33</v>
      </c>
      <c r="AQ37109">
        <v>33</v>
      </c>
    </row>
    <row r="37110" spans="1:43">
      <c r="A37110" t="s">
        <v>23001</v>
      </c>
      <c r="B37110" t="s">
        <v>23002</v>
      </c>
      <c r="C37110" t="s">
        <v>22993</v>
      </c>
      <c r="D37110" t="s">
        <v>22994</v>
      </c>
      <c r="E37110" t="s">
        <v>22839</v>
      </c>
      <c r="F37110" t="s">
        <v>22840</v>
      </c>
      <c r="G37110" t="s">
        <v>22539</v>
      </c>
      <c r="H37110" t="s">
        <v>22540</v>
      </c>
      <c r="I37110" s="2">
        <v>0</v>
      </c>
      <c r="J37110" s="2">
        <v>0</v>
      </c>
      <c r="K37110" s="2">
        <v>0.68</v>
      </c>
      <c r="L37110" t="s">
        <v>995</v>
      </c>
      <c r="M37110" t="s">
        <v>83</v>
      </c>
      <c r="N37110" t="s">
        <v>84</v>
      </c>
      <c r="O37110" t="s">
        <v>85</v>
      </c>
      <c r="P37110" t="s">
        <v>86</v>
      </c>
      <c r="Q37110">
        <v>24</v>
      </c>
      <c r="R37110">
        <v>24</v>
      </c>
      <c r="S37110">
        <v>25</v>
      </c>
      <c r="T37110">
        <v>25</v>
      </c>
      <c r="U37110">
        <v>26</v>
      </c>
      <c r="V37110">
        <v>26</v>
      </c>
      <c r="W37110">
        <v>26</v>
      </c>
      <c r="X37110">
        <v>27</v>
      </c>
      <c r="Y37110">
        <v>27</v>
      </c>
      <c r="Z37110">
        <v>27</v>
      </c>
      <c r="AA37110">
        <v>28</v>
      </c>
      <c r="AB37110">
        <v>28</v>
      </c>
      <c r="AC37110">
        <v>29</v>
      </c>
      <c r="AD37110">
        <v>29</v>
      </c>
      <c r="AE37110">
        <v>29</v>
      </c>
      <c r="AF37110">
        <v>30</v>
      </c>
      <c r="AG37110">
        <v>30</v>
      </c>
      <c r="AH37110">
        <v>30</v>
      </c>
      <c r="AI37110">
        <v>31</v>
      </c>
      <c r="AJ37110">
        <v>31</v>
      </c>
      <c r="AK37110">
        <v>32</v>
      </c>
      <c r="AL37110">
        <v>32</v>
      </c>
      <c r="AM37110">
        <v>32</v>
      </c>
      <c r="AN37110">
        <v>32</v>
      </c>
      <c r="AO37110">
        <v>32</v>
      </c>
      <c r="AP37110">
        <v>32</v>
      </c>
      <c r="AQ37110">
        <v>32</v>
      </c>
    </row>
    <row r="37111" spans="1:43">
      <c r="A37111" t="s">
        <v>23001</v>
      </c>
      <c r="B37111" t="s">
        <v>23002</v>
      </c>
      <c r="C37111" t="s">
        <v>22993</v>
      </c>
      <c r="D37111" t="s">
        <v>22994</v>
      </c>
      <c r="E37111" t="s">
        <v>22839</v>
      </c>
      <c r="F37111" t="s">
        <v>22840</v>
      </c>
      <c r="G37111" t="s">
        <v>22539</v>
      </c>
      <c r="H37111" t="s">
        <v>22540</v>
      </c>
      <c r="I37111" s="2">
        <v>0</v>
      </c>
      <c r="J37111" s="2">
        <v>0</v>
      </c>
      <c r="K37111" s="2">
        <v>0.68</v>
      </c>
      <c r="L37111" t="s">
        <v>995</v>
      </c>
      <c r="M37111" t="s">
        <v>87</v>
      </c>
      <c r="N37111" t="s">
        <v>88</v>
      </c>
      <c r="O37111" t="s">
        <v>85</v>
      </c>
      <c r="P37111" t="s">
        <v>86</v>
      </c>
      <c r="Q37111">
        <v>24</v>
      </c>
      <c r="R37111">
        <v>24</v>
      </c>
      <c r="S37111">
        <v>24</v>
      </c>
      <c r="T37111">
        <v>24</v>
      </c>
      <c r="U37111">
        <v>24</v>
      </c>
      <c r="V37111">
        <v>25</v>
      </c>
      <c r="W37111">
        <v>25</v>
      </c>
      <c r="X37111">
        <v>25</v>
      </c>
      <c r="Y37111">
        <v>25</v>
      </c>
      <c r="Z37111">
        <v>25</v>
      </c>
      <c r="AA37111">
        <v>25</v>
      </c>
      <c r="AB37111">
        <v>25</v>
      </c>
      <c r="AC37111">
        <v>26</v>
      </c>
      <c r="AD37111">
        <v>26</v>
      </c>
      <c r="AE37111">
        <v>26</v>
      </c>
      <c r="AF37111">
        <v>26</v>
      </c>
      <c r="AG37111">
        <v>26</v>
      </c>
      <c r="AH37111">
        <v>26</v>
      </c>
      <c r="AI37111">
        <v>27</v>
      </c>
      <c r="AJ37111">
        <v>27</v>
      </c>
      <c r="AK37111">
        <v>27</v>
      </c>
      <c r="AL37111">
        <v>27</v>
      </c>
      <c r="AM37111">
        <v>27</v>
      </c>
      <c r="AN37111">
        <v>27</v>
      </c>
      <c r="AO37111">
        <v>28</v>
      </c>
      <c r="AP37111">
        <v>28</v>
      </c>
      <c r="AQ37111">
        <v>28</v>
      </c>
    </row>
    <row r="37112" spans="1:43">
      <c r="A37112" t="s">
        <v>23001</v>
      </c>
      <c r="B37112" t="s">
        <v>23002</v>
      </c>
      <c r="C37112" t="s">
        <v>22993</v>
      </c>
      <c r="D37112" t="s">
        <v>22994</v>
      </c>
      <c r="E37112" t="s">
        <v>22839</v>
      </c>
      <c r="F37112" t="s">
        <v>22840</v>
      </c>
      <c r="G37112" t="s">
        <v>22539</v>
      </c>
      <c r="H37112" t="s">
        <v>22540</v>
      </c>
      <c r="I37112" s="2">
        <v>0</v>
      </c>
      <c r="J37112" s="2">
        <v>0</v>
      </c>
      <c r="K37112" s="2">
        <v>0.68</v>
      </c>
      <c r="L37112" t="s">
        <v>995</v>
      </c>
      <c r="M37112" t="s">
        <v>89</v>
      </c>
      <c r="N37112" t="s">
        <v>90</v>
      </c>
      <c r="O37112" t="s">
        <v>85</v>
      </c>
      <c r="P37112" t="s">
        <v>86</v>
      </c>
      <c r="Q37112">
        <v>24</v>
      </c>
      <c r="R37112">
        <v>25</v>
      </c>
      <c r="S37112">
        <v>25</v>
      </c>
      <c r="T37112">
        <v>26</v>
      </c>
      <c r="U37112">
        <v>27</v>
      </c>
      <c r="V37112">
        <v>27</v>
      </c>
      <c r="W37112">
        <v>28</v>
      </c>
      <c r="X37112">
        <v>28</v>
      </c>
      <c r="Y37112">
        <v>29</v>
      </c>
      <c r="Z37112">
        <v>29</v>
      </c>
      <c r="AA37112">
        <v>30</v>
      </c>
      <c r="AB37112">
        <v>30</v>
      </c>
      <c r="AC37112">
        <v>31</v>
      </c>
      <c r="AD37112">
        <v>31</v>
      </c>
      <c r="AE37112">
        <v>31</v>
      </c>
      <c r="AF37112">
        <v>32</v>
      </c>
      <c r="AG37112">
        <v>32</v>
      </c>
      <c r="AH37112">
        <v>32</v>
      </c>
      <c r="AI37112">
        <v>32</v>
      </c>
      <c r="AJ37112">
        <v>32</v>
      </c>
      <c r="AK37112">
        <v>32</v>
      </c>
      <c r="AL37112">
        <v>32</v>
      </c>
      <c r="AM37112">
        <v>32</v>
      </c>
      <c r="AN37112">
        <v>32</v>
      </c>
      <c r="AO37112">
        <v>32</v>
      </c>
      <c r="AP37112">
        <v>32</v>
      </c>
      <c r="AQ37112">
        <v>32</v>
      </c>
    </row>
    <row r="37113" spans="1:43">
      <c r="A37113" t="s">
        <v>23001</v>
      </c>
      <c r="B37113" t="s">
        <v>23002</v>
      </c>
      <c r="C37113" t="s">
        <v>22993</v>
      </c>
      <c r="D37113" t="s">
        <v>22994</v>
      </c>
      <c r="E37113" t="s">
        <v>22839</v>
      </c>
      <c r="F37113" t="s">
        <v>22840</v>
      </c>
      <c r="G37113" t="s">
        <v>22539</v>
      </c>
      <c r="H37113" t="s">
        <v>22540</v>
      </c>
      <c r="I37113" s="2">
        <v>0</v>
      </c>
      <c r="J37113" s="2">
        <v>0</v>
      </c>
      <c r="K37113" s="2">
        <v>0.68</v>
      </c>
      <c r="L37113" t="s">
        <v>995</v>
      </c>
      <c r="M37113" t="s">
        <v>83</v>
      </c>
      <c r="N37113" t="s">
        <v>91</v>
      </c>
      <c r="O37113" t="s">
        <v>85</v>
      </c>
      <c r="P37113" t="s">
        <v>86</v>
      </c>
      <c r="Q37113">
        <v>24</v>
      </c>
      <c r="R37113">
        <v>24</v>
      </c>
      <c r="S37113">
        <v>25</v>
      </c>
      <c r="T37113">
        <v>25</v>
      </c>
      <c r="U37113">
        <v>26</v>
      </c>
      <c r="V37113">
        <v>26</v>
      </c>
      <c r="W37113">
        <v>26</v>
      </c>
      <c r="X37113">
        <v>27</v>
      </c>
      <c r="Y37113">
        <v>27</v>
      </c>
      <c r="Z37113">
        <v>27</v>
      </c>
      <c r="AA37113">
        <v>28</v>
      </c>
      <c r="AB37113">
        <v>28</v>
      </c>
      <c r="AC37113">
        <v>29</v>
      </c>
      <c r="AD37113">
        <v>29</v>
      </c>
      <c r="AE37113">
        <v>29</v>
      </c>
      <c r="AF37113">
        <v>30</v>
      </c>
      <c r="AG37113">
        <v>30</v>
      </c>
      <c r="AH37113">
        <v>30</v>
      </c>
      <c r="AI37113">
        <v>31</v>
      </c>
      <c r="AJ37113">
        <v>31</v>
      </c>
      <c r="AK37113">
        <v>32</v>
      </c>
      <c r="AL37113">
        <v>32</v>
      </c>
      <c r="AM37113">
        <v>32</v>
      </c>
      <c r="AN37113">
        <v>32</v>
      </c>
      <c r="AO37113">
        <v>32</v>
      </c>
      <c r="AP37113">
        <v>32</v>
      </c>
      <c r="AQ37113">
        <v>32</v>
      </c>
    </row>
    <row r="37114" spans="1:43">
      <c r="A37114" t="s">
        <v>23003</v>
      </c>
      <c r="B37114" t="s">
        <v>23004</v>
      </c>
      <c r="C37114" t="s">
        <v>22993</v>
      </c>
      <c r="D37114" t="s">
        <v>22994</v>
      </c>
      <c r="E37114" t="s">
        <v>22839</v>
      </c>
      <c r="F37114" t="s">
        <v>22840</v>
      </c>
      <c r="G37114" t="s">
        <v>22539</v>
      </c>
      <c r="H37114" t="s">
        <v>22540</v>
      </c>
      <c r="I37114" s="2">
        <v>0</v>
      </c>
      <c r="J37114" s="2">
        <v>0</v>
      </c>
      <c r="K37114" s="2">
        <v>1</v>
      </c>
      <c r="L37114" t="s">
        <v>995</v>
      </c>
      <c r="M37114" t="s">
        <v>83</v>
      </c>
      <c r="N37114" t="s">
        <v>84</v>
      </c>
      <c r="O37114" t="s">
        <v>85</v>
      </c>
      <c r="P37114" t="s">
        <v>86</v>
      </c>
      <c r="Q37114">
        <v>17</v>
      </c>
      <c r="R37114">
        <v>17</v>
      </c>
      <c r="S37114">
        <v>17</v>
      </c>
      <c r="T37114">
        <v>18</v>
      </c>
      <c r="U37114">
        <v>18</v>
      </c>
      <c r="V37114">
        <v>18</v>
      </c>
      <c r="W37114">
        <v>18</v>
      </c>
      <c r="X37114">
        <v>19</v>
      </c>
      <c r="Y37114">
        <v>19</v>
      </c>
      <c r="Z37114">
        <v>19</v>
      </c>
      <c r="AA37114">
        <v>19</v>
      </c>
      <c r="AB37114">
        <v>20</v>
      </c>
      <c r="AC37114">
        <v>20</v>
      </c>
      <c r="AD37114">
        <v>20</v>
      </c>
      <c r="AE37114">
        <v>20</v>
      </c>
      <c r="AF37114">
        <v>21</v>
      </c>
      <c r="AG37114">
        <v>21</v>
      </c>
      <c r="AH37114">
        <v>21</v>
      </c>
      <c r="AI37114">
        <v>21</v>
      </c>
      <c r="AJ37114">
        <v>22</v>
      </c>
      <c r="AK37114">
        <v>22</v>
      </c>
      <c r="AL37114">
        <v>22</v>
      </c>
      <c r="AM37114">
        <v>22</v>
      </c>
      <c r="AN37114">
        <v>22</v>
      </c>
      <c r="AO37114">
        <v>22</v>
      </c>
      <c r="AP37114">
        <v>22</v>
      </c>
      <c r="AQ37114">
        <v>22</v>
      </c>
    </row>
    <row r="37115" spans="1:43">
      <c r="A37115" t="s">
        <v>23003</v>
      </c>
      <c r="B37115" t="s">
        <v>23004</v>
      </c>
      <c r="C37115" t="s">
        <v>22993</v>
      </c>
      <c r="D37115" t="s">
        <v>22994</v>
      </c>
      <c r="E37115" t="s">
        <v>22839</v>
      </c>
      <c r="F37115" t="s">
        <v>22840</v>
      </c>
      <c r="G37115" t="s">
        <v>22539</v>
      </c>
      <c r="H37115" t="s">
        <v>22540</v>
      </c>
      <c r="I37115" s="2">
        <v>0</v>
      </c>
      <c r="J37115" s="2">
        <v>0</v>
      </c>
      <c r="K37115" s="2">
        <v>1</v>
      </c>
      <c r="L37115" t="s">
        <v>995</v>
      </c>
      <c r="M37115" t="s">
        <v>87</v>
      </c>
      <c r="N37115" t="s">
        <v>88</v>
      </c>
      <c r="O37115" t="s">
        <v>85</v>
      </c>
      <c r="P37115" t="s">
        <v>86</v>
      </c>
      <c r="Q37115">
        <v>17</v>
      </c>
      <c r="R37115">
        <v>17</v>
      </c>
      <c r="S37115">
        <v>17</v>
      </c>
      <c r="T37115">
        <v>17</v>
      </c>
      <c r="U37115">
        <v>17</v>
      </c>
      <c r="V37115">
        <v>17</v>
      </c>
      <c r="W37115">
        <v>17</v>
      </c>
      <c r="X37115">
        <v>17</v>
      </c>
      <c r="Y37115">
        <v>17</v>
      </c>
      <c r="Z37115">
        <v>18</v>
      </c>
      <c r="AA37115">
        <v>18</v>
      </c>
      <c r="AB37115">
        <v>18</v>
      </c>
      <c r="AC37115">
        <v>18</v>
      </c>
      <c r="AD37115">
        <v>18</v>
      </c>
      <c r="AE37115">
        <v>18</v>
      </c>
      <c r="AF37115">
        <v>18</v>
      </c>
      <c r="AG37115">
        <v>18</v>
      </c>
      <c r="AH37115">
        <v>18</v>
      </c>
      <c r="AI37115">
        <v>19</v>
      </c>
      <c r="AJ37115">
        <v>19</v>
      </c>
      <c r="AK37115">
        <v>19</v>
      </c>
      <c r="AL37115">
        <v>19</v>
      </c>
      <c r="AM37115">
        <v>19</v>
      </c>
      <c r="AN37115">
        <v>19</v>
      </c>
      <c r="AO37115">
        <v>19</v>
      </c>
      <c r="AP37115">
        <v>19</v>
      </c>
      <c r="AQ37115">
        <v>19</v>
      </c>
    </row>
    <row r="37116" spans="1:43">
      <c r="A37116" t="s">
        <v>23003</v>
      </c>
      <c r="B37116" t="s">
        <v>23004</v>
      </c>
      <c r="C37116" t="s">
        <v>22993</v>
      </c>
      <c r="D37116" t="s">
        <v>22994</v>
      </c>
      <c r="E37116" t="s">
        <v>22839</v>
      </c>
      <c r="F37116" t="s">
        <v>22840</v>
      </c>
      <c r="G37116" t="s">
        <v>22539</v>
      </c>
      <c r="H37116" t="s">
        <v>22540</v>
      </c>
      <c r="I37116" s="2">
        <v>0</v>
      </c>
      <c r="J37116" s="2">
        <v>0</v>
      </c>
      <c r="K37116" s="2">
        <v>1</v>
      </c>
      <c r="L37116" t="s">
        <v>995</v>
      </c>
      <c r="M37116" t="s">
        <v>89</v>
      </c>
      <c r="N37116" t="s">
        <v>90</v>
      </c>
      <c r="O37116" t="s">
        <v>85</v>
      </c>
      <c r="P37116" t="s">
        <v>86</v>
      </c>
      <c r="Q37116">
        <v>17</v>
      </c>
      <c r="R37116">
        <v>17</v>
      </c>
      <c r="S37116">
        <v>18</v>
      </c>
      <c r="T37116">
        <v>18</v>
      </c>
      <c r="U37116">
        <v>18</v>
      </c>
      <c r="V37116">
        <v>19</v>
      </c>
      <c r="W37116">
        <v>19</v>
      </c>
      <c r="X37116">
        <v>20</v>
      </c>
      <c r="Y37116">
        <v>20</v>
      </c>
      <c r="Z37116">
        <v>20</v>
      </c>
      <c r="AA37116">
        <v>21</v>
      </c>
      <c r="AB37116">
        <v>21</v>
      </c>
      <c r="AC37116">
        <v>21</v>
      </c>
      <c r="AD37116">
        <v>22</v>
      </c>
      <c r="AE37116">
        <v>22</v>
      </c>
      <c r="AF37116">
        <v>22</v>
      </c>
      <c r="AG37116">
        <v>22</v>
      </c>
      <c r="AH37116">
        <v>22</v>
      </c>
      <c r="AI37116">
        <v>22</v>
      </c>
      <c r="AJ37116">
        <v>22</v>
      </c>
      <c r="AK37116">
        <v>22</v>
      </c>
      <c r="AL37116">
        <v>22</v>
      </c>
      <c r="AM37116">
        <v>22</v>
      </c>
      <c r="AN37116">
        <v>22</v>
      </c>
      <c r="AO37116">
        <v>22</v>
      </c>
      <c r="AP37116">
        <v>23</v>
      </c>
      <c r="AQ37116">
        <v>23</v>
      </c>
    </row>
    <row r="37117" spans="1:43">
      <c r="A37117" t="s">
        <v>23003</v>
      </c>
      <c r="B37117" t="s">
        <v>23004</v>
      </c>
      <c r="C37117" t="s">
        <v>22993</v>
      </c>
      <c r="D37117" t="s">
        <v>22994</v>
      </c>
      <c r="E37117" t="s">
        <v>22839</v>
      </c>
      <c r="F37117" t="s">
        <v>22840</v>
      </c>
      <c r="G37117" t="s">
        <v>22539</v>
      </c>
      <c r="H37117" t="s">
        <v>22540</v>
      </c>
      <c r="I37117" s="2">
        <v>0</v>
      </c>
      <c r="J37117" s="2">
        <v>0</v>
      </c>
      <c r="K37117" s="2">
        <v>1</v>
      </c>
      <c r="L37117" t="s">
        <v>995</v>
      </c>
      <c r="M37117" t="s">
        <v>83</v>
      </c>
      <c r="N37117" t="s">
        <v>91</v>
      </c>
      <c r="O37117" t="s">
        <v>85</v>
      </c>
      <c r="P37117" t="s">
        <v>86</v>
      </c>
      <c r="Q37117">
        <v>17</v>
      </c>
      <c r="R37117">
        <v>17</v>
      </c>
      <c r="S37117">
        <v>17</v>
      </c>
      <c r="T37117">
        <v>18</v>
      </c>
      <c r="U37117">
        <v>18</v>
      </c>
      <c r="V37117">
        <v>18</v>
      </c>
      <c r="W37117">
        <v>18</v>
      </c>
      <c r="X37117">
        <v>19</v>
      </c>
      <c r="Y37117">
        <v>19</v>
      </c>
      <c r="Z37117">
        <v>19</v>
      </c>
      <c r="AA37117">
        <v>19</v>
      </c>
      <c r="AB37117">
        <v>20</v>
      </c>
      <c r="AC37117">
        <v>20</v>
      </c>
      <c r="AD37117">
        <v>20</v>
      </c>
      <c r="AE37117">
        <v>20</v>
      </c>
      <c r="AF37117">
        <v>21</v>
      </c>
      <c r="AG37117">
        <v>21</v>
      </c>
      <c r="AH37117">
        <v>21</v>
      </c>
      <c r="AI37117">
        <v>21</v>
      </c>
      <c r="AJ37117">
        <v>22</v>
      </c>
      <c r="AK37117">
        <v>22</v>
      </c>
      <c r="AL37117">
        <v>22</v>
      </c>
      <c r="AM37117">
        <v>22</v>
      </c>
      <c r="AN37117">
        <v>22</v>
      </c>
      <c r="AO37117">
        <v>22</v>
      </c>
      <c r="AP37117">
        <v>22</v>
      </c>
      <c r="AQ37117">
        <v>22</v>
      </c>
    </row>
    <row r="37118" spans="1:43">
      <c r="A37118" t="s">
        <v>23005</v>
      </c>
      <c r="B37118" t="s">
        <v>23006</v>
      </c>
      <c r="C37118" t="s">
        <v>23007</v>
      </c>
      <c r="D37118" t="s">
        <v>23008</v>
      </c>
      <c r="E37118" t="s">
        <v>23009</v>
      </c>
      <c r="F37118" t="s">
        <v>23010</v>
      </c>
      <c r="G37118" t="s">
        <v>11612</v>
      </c>
      <c r="H37118" t="s">
        <v>11613</v>
      </c>
      <c r="I37118" s="2">
        <v>0</v>
      </c>
      <c r="J37118" s="2">
        <v>0</v>
      </c>
      <c r="K37118" s="2">
        <v>1</v>
      </c>
      <c r="L37118" t="s">
        <v>995</v>
      </c>
      <c r="M37118" t="s">
        <v>83</v>
      </c>
      <c r="N37118" t="s">
        <v>84</v>
      </c>
      <c r="O37118" t="s">
        <v>85</v>
      </c>
      <c r="P37118" t="s">
        <v>86</v>
      </c>
      <c r="Q37118">
        <v>30</v>
      </c>
      <c r="R37118">
        <v>30</v>
      </c>
      <c r="S37118">
        <v>31</v>
      </c>
      <c r="T37118">
        <v>31</v>
      </c>
      <c r="U37118">
        <v>32</v>
      </c>
      <c r="V37118">
        <v>32</v>
      </c>
      <c r="W37118">
        <v>33</v>
      </c>
      <c r="X37118">
        <v>33</v>
      </c>
      <c r="Y37118">
        <v>34</v>
      </c>
      <c r="Z37118">
        <v>34</v>
      </c>
      <c r="AA37118">
        <v>34</v>
      </c>
      <c r="AB37118">
        <v>35</v>
      </c>
      <c r="AC37118">
        <v>35</v>
      </c>
      <c r="AD37118">
        <v>36</v>
      </c>
      <c r="AE37118">
        <v>36</v>
      </c>
      <c r="AF37118">
        <v>37</v>
      </c>
      <c r="AG37118">
        <v>37</v>
      </c>
      <c r="AH37118">
        <v>38</v>
      </c>
      <c r="AI37118">
        <v>38</v>
      </c>
      <c r="AJ37118">
        <v>38</v>
      </c>
      <c r="AK37118">
        <v>39</v>
      </c>
      <c r="AL37118">
        <v>39</v>
      </c>
      <c r="AM37118">
        <v>39</v>
      </c>
      <c r="AN37118">
        <v>39</v>
      </c>
      <c r="AO37118">
        <v>39</v>
      </c>
      <c r="AP37118">
        <v>39</v>
      </c>
      <c r="AQ37118">
        <v>39</v>
      </c>
    </row>
    <row r="37119" spans="1:43">
      <c r="A37119" t="s">
        <v>23005</v>
      </c>
      <c r="B37119" t="s">
        <v>23006</v>
      </c>
      <c r="C37119" t="s">
        <v>23007</v>
      </c>
      <c r="D37119" t="s">
        <v>23008</v>
      </c>
      <c r="E37119" t="s">
        <v>23009</v>
      </c>
      <c r="F37119" t="s">
        <v>23010</v>
      </c>
      <c r="G37119" t="s">
        <v>11612</v>
      </c>
      <c r="H37119" t="s">
        <v>11613</v>
      </c>
      <c r="I37119" s="2">
        <v>0</v>
      </c>
      <c r="J37119" s="2">
        <v>0</v>
      </c>
      <c r="K37119" s="2">
        <v>1</v>
      </c>
      <c r="L37119" t="s">
        <v>995</v>
      </c>
      <c r="M37119" t="s">
        <v>87</v>
      </c>
      <c r="N37119" t="s">
        <v>88</v>
      </c>
      <c r="O37119" t="s">
        <v>85</v>
      </c>
      <c r="P37119" t="s">
        <v>86</v>
      </c>
      <c r="Q37119">
        <v>30</v>
      </c>
      <c r="R37119">
        <v>31</v>
      </c>
      <c r="S37119">
        <v>31</v>
      </c>
      <c r="T37119">
        <v>31</v>
      </c>
      <c r="U37119">
        <v>31</v>
      </c>
      <c r="V37119">
        <v>31</v>
      </c>
      <c r="W37119">
        <v>32</v>
      </c>
      <c r="X37119">
        <v>32</v>
      </c>
      <c r="Y37119">
        <v>32</v>
      </c>
      <c r="Z37119">
        <v>32</v>
      </c>
      <c r="AA37119">
        <v>32</v>
      </c>
      <c r="AB37119">
        <v>33</v>
      </c>
      <c r="AC37119">
        <v>33</v>
      </c>
      <c r="AD37119">
        <v>33</v>
      </c>
      <c r="AE37119">
        <v>33</v>
      </c>
      <c r="AF37119">
        <v>33</v>
      </c>
      <c r="AG37119">
        <v>34</v>
      </c>
      <c r="AH37119">
        <v>34</v>
      </c>
      <c r="AI37119">
        <v>34</v>
      </c>
      <c r="AJ37119">
        <v>34</v>
      </c>
      <c r="AK37119">
        <v>34</v>
      </c>
      <c r="AL37119">
        <v>35</v>
      </c>
      <c r="AM37119">
        <v>35</v>
      </c>
      <c r="AN37119">
        <v>35</v>
      </c>
      <c r="AO37119">
        <v>35</v>
      </c>
      <c r="AP37119">
        <v>35</v>
      </c>
      <c r="AQ37119">
        <v>36</v>
      </c>
    </row>
    <row r="37120" spans="1:43">
      <c r="A37120" t="s">
        <v>23005</v>
      </c>
      <c r="B37120" t="s">
        <v>23006</v>
      </c>
      <c r="C37120" t="s">
        <v>23007</v>
      </c>
      <c r="D37120" t="s">
        <v>23008</v>
      </c>
      <c r="E37120" t="s">
        <v>23009</v>
      </c>
      <c r="F37120" t="s">
        <v>23010</v>
      </c>
      <c r="G37120" t="s">
        <v>11612</v>
      </c>
      <c r="H37120" t="s">
        <v>11613</v>
      </c>
      <c r="I37120" s="2">
        <v>0</v>
      </c>
      <c r="J37120" s="2">
        <v>0</v>
      </c>
      <c r="K37120" s="2">
        <v>1</v>
      </c>
      <c r="L37120" t="s">
        <v>995</v>
      </c>
      <c r="M37120" t="s">
        <v>89</v>
      </c>
      <c r="N37120" t="s">
        <v>90</v>
      </c>
      <c r="O37120" t="s">
        <v>85</v>
      </c>
      <c r="P37120" t="s">
        <v>86</v>
      </c>
      <c r="Q37120">
        <v>30</v>
      </c>
      <c r="R37120">
        <v>31</v>
      </c>
      <c r="S37120">
        <v>31</v>
      </c>
      <c r="T37120">
        <v>32</v>
      </c>
      <c r="U37120">
        <v>33</v>
      </c>
      <c r="V37120">
        <v>34</v>
      </c>
      <c r="W37120">
        <v>34</v>
      </c>
      <c r="X37120">
        <v>35</v>
      </c>
      <c r="Y37120">
        <v>35</v>
      </c>
      <c r="Z37120">
        <v>36</v>
      </c>
      <c r="AA37120">
        <v>37</v>
      </c>
      <c r="AB37120">
        <v>37</v>
      </c>
      <c r="AC37120">
        <v>38</v>
      </c>
      <c r="AD37120">
        <v>38</v>
      </c>
      <c r="AE37120">
        <v>39</v>
      </c>
      <c r="AF37120">
        <v>39</v>
      </c>
      <c r="AG37120">
        <v>39</v>
      </c>
      <c r="AH37120">
        <v>39</v>
      </c>
      <c r="AI37120">
        <v>39</v>
      </c>
      <c r="AJ37120">
        <v>39</v>
      </c>
      <c r="AK37120">
        <v>39</v>
      </c>
      <c r="AL37120">
        <v>39</v>
      </c>
      <c r="AM37120">
        <v>39</v>
      </c>
      <c r="AN37120">
        <v>39</v>
      </c>
      <c r="AO37120">
        <v>39</v>
      </c>
      <c r="AP37120">
        <v>39</v>
      </c>
      <c r="AQ37120">
        <v>40</v>
      </c>
    </row>
    <row r="37121" spans="1:43">
      <c r="A37121" t="s">
        <v>23005</v>
      </c>
      <c r="B37121" t="s">
        <v>23006</v>
      </c>
      <c r="C37121" t="s">
        <v>23007</v>
      </c>
      <c r="D37121" t="s">
        <v>23008</v>
      </c>
      <c r="E37121" t="s">
        <v>23009</v>
      </c>
      <c r="F37121" t="s">
        <v>23010</v>
      </c>
      <c r="G37121" t="s">
        <v>11612</v>
      </c>
      <c r="H37121" t="s">
        <v>11613</v>
      </c>
      <c r="I37121" s="2">
        <v>0</v>
      </c>
      <c r="J37121" s="2">
        <v>0</v>
      </c>
      <c r="K37121" s="2">
        <v>1</v>
      </c>
      <c r="L37121" t="s">
        <v>995</v>
      </c>
      <c r="M37121" t="s">
        <v>83</v>
      </c>
      <c r="N37121" t="s">
        <v>91</v>
      </c>
      <c r="O37121" t="s">
        <v>85</v>
      </c>
      <c r="P37121" t="s">
        <v>86</v>
      </c>
      <c r="Q37121">
        <v>30</v>
      </c>
      <c r="R37121">
        <v>30</v>
      </c>
      <c r="S37121">
        <v>31</v>
      </c>
      <c r="T37121">
        <v>31</v>
      </c>
      <c r="U37121">
        <v>32</v>
      </c>
      <c r="V37121">
        <v>32</v>
      </c>
      <c r="W37121">
        <v>33</v>
      </c>
      <c r="X37121">
        <v>33</v>
      </c>
      <c r="Y37121">
        <v>34</v>
      </c>
      <c r="Z37121">
        <v>34</v>
      </c>
      <c r="AA37121">
        <v>34</v>
      </c>
      <c r="AB37121">
        <v>35</v>
      </c>
      <c r="AC37121">
        <v>35</v>
      </c>
      <c r="AD37121">
        <v>36</v>
      </c>
      <c r="AE37121">
        <v>36</v>
      </c>
      <c r="AF37121">
        <v>37</v>
      </c>
      <c r="AG37121">
        <v>37</v>
      </c>
      <c r="AH37121">
        <v>38</v>
      </c>
      <c r="AI37121">
        <v>38</v>
      </c>
      <c r="AJ37121">
        <v>38</v>
      </c>
      <c r="AK37121">
        <v>39</v>
      </c>
      <c r="AL37121">
        <v>39</v>
      </c>
      <c r="AM37121">
        <v>39</v>
      </c>
      <c r="AN37121">
        <v>39</v>
      </c>
      <c r="AO37121">
        <v>39</v>
      </c>
      <c r="AP37121">
        <v>39</v>
      </c>
      <c r="AQ37121">
        <v>39</v>
      </c>
    </row>
    <row r="37122" spans="1:43">
      <c r="A37122" t="s">
        <v>23011</v>
      </c>
      <c r="B37122" t="s">
        <v>23012</v>
      </c>
      <c r="C37122" t="s">
        <v>23013</v>
      </c>
      <c r="D37122" t="s">
        <v>23014</v>
      </c>
      <c r="E37122" t="s">
        <v>23009</v>
      </c>
      <c r="F37122" t="s">
        <v>23010</v>
      </c>
      <c r="G37122" t="s">
        <v>11612</v>
      </c>
      <c r="H37122" t="s">
        <v>11613</v>
      </c>
      <c r="I37122" s="2">
        <v>0</v>
      </c>
      <c r="J37122" s="2">
        <v>0</v>
      </c>
      <c r="K37122" s="2">
        <v>1</v>
      </c>
      <c r="L37122" t="s">
        <v>995</v>
      </c>
      <c r="M37122" t="s">
        <v>83</v>
      </c>
      <c r="N37122" t="s">
        <v>84</v>
      </c>
      <c r="O37122" t="s">
        <v>85</v>
      </c>
      <c r="P37122" t="s">
        <v>86</v>
      </c>
      <c r="Q37122">
        <v>13</v>
      </c>
      <c r="R37122">
        <v>13</v>
      </c>
      <c r="S37122">
        <v>13</v>
      </c>
      <c r="T37122">
        <v>13</v>
      </c>
      <c r="U37122">
        <v>13</v>
      </c>
      <c r="V37122">
        <v>14</v>
      </c>
      <c r="W37122">
        <v>14</v>
      </c>
      <c r="X37122">
        <v>14</v>
      </c>
      <c r="Y37122">
        <v>14</v>
      </c>
      <c r="Z37122">
        <v>14</v>
      </c>
      <c r="AA37122">
        <v>15</v>
      </c>
      <c r="AB37122">
        <v>15</v>
      </c>
      <c r="AC37122">
        <v>15</v>
      </c>
      <c r="AD37122">
        <v>15</v>
      </c>
      <c r="AE37122">
        <v>16</v>
      </c>
      <c r="AF37122">
        <v>16</v>
      </c>
      <c r="AG37122">
        <v>16</v>
      </c>
      <c r="AH37122">
        <v>16</v>
      </c>
      <c r="AI37122">
        <v>16</v>
      </c>
      <c r="AJ37122">
        <v>17</v>
      </c>
      <c r="AK37122">
        <v>17</v>
      </c>
      <c r="AL37122">
        <v>17</v>
      </c>
      <c r="AM37122">
        <v>17</v>
      </c>
      <c r="AN37122">
        <v>17</v>
      </c>
      <c r="AO37122">
        <v>17</v>
      </c>
      <c r="AP37122">
        <v>17</v>
      </c>
      <c r="AQ37122">
        <v>17</v>
      </c>
    </row>
    <row r="37123" spans="1:43">
      <c r="A37123" t="s">
        <v>23011</v>
      </c>
      <c r="B37123" t="s">
        <v>23012</v>
      </c>
      <c r="C37123" t="s">
        <v>23013</v>
      </c>
      <c r="D37123" t="s">
        <v>23014</v>
      </c>
      <c r="E37123" t="s">
        <v>23009</v>
      </c>
      <c r="F37123" t="s">
        <v>23010</v>
      </c>
      <c r="G37123" t="s">
        <v>11612</v>
      </c>
      <c r="H37123" t="s">
        <v>11613</v>
      </c>
      <c r="I37123" s="2">
        <v>0</v>
      </c>
      <c r="J37123" s="2">
        <v>0</v>
      </c>
      <c r="K37123" s="2">
        <v>1</v>
      </c>
      <c r="L37123" t="s">
        <v>995</v>
      </c>
      <c r="M37123" t="s">
        <v>87</v>
      </c>
      <c r="N37123" t="s">
        <v>88</v>
      </c>
      <c r="O37123" t="s">
        <v>85</v>
      </c>
      <c r="P37123" t="s">
        <v>86</v>
      </c>
      <c r="Q37123">
        <v>13</v>
      </c>
      <c r="R37123">
        <v>14</v>
      </c>
      <c r="S37123">
        <v>14</v>
      </c>
      <c r="T37123">
        <v>14</v>
      </c>
      <c r="U37123">
        <v>14</v>
      </c>
      <c r="V37123">
        <v>14</v>
      </c>
      <c r="W37123">
        <v>14</v>
      </c>
      <c r="X37123">
        <v>14</v>
      </c>
      <c r="Y37123">
        <v>14</v>
      </c>
      <c r="Z37123">
        <v>14</v>
      </c>
      <c r="AA37123">
        <v>14</v>
      </c>
      <c r="AB37123">
        <v>14</v>
      </c>
      <c r="AC37123">
        <v>15</v>
      </c>
      <c r="AD37123">
        <v>15</v>
      </c>
      <c r="AE37123">
        <v>15</v>
      </c>
      <c r="AF37123">
        <v>15</v>
      </c>
      <c r="AG37123">
        <v>15</v>
      </c>
      <c r="AH37123">
        <v>15</v>
      </c>
      <c r="AI37123">
        <v>15</v>
      </c>
      <c r="AJ37123">
        <v>15</v>
      </c>
      <c r="AK37123">
        <v>15</v>
      </c>
      <c r="AL37123">
        <v>15</v>
      </c>
      <c r="AM37123">
        <v>15</v>
      </c>
      <c r="AN37123">
        <v>16</v>
      </c>
      <c r="AO37123">
        <v>16</v>
      </c>
      <c r="AP37123">
        <v>16</v>
      </c>
      <c r="AQ37123">
        <v>16</v>
      </c>
    </row>
    <row r="37124" spans="1:43">
      <c r="A37124" t="s">
        <v>23011</v>
      </c>
      <c r="B37124" t="s">
        <v>23012</v>
      </c>
      <c r="C37124" t="s">
        <v>23013</v>
      </c>
      <c r="D37124" t="s">
        <v>23014</v>
      </c>
      <c r="E37124" t="s">
        <v>23009</v>
      </c>
      <c r="F37124" t="s">
        <v>23010</v>
      </c>
      <c r="G37124" t="s">
        <v>11612</v>
      </c>
      <c r="H37124" t="s">
        <v>11613</v>
      </c>
      <c r="I37124" s="2">
        <v>0</v>
      </c>
      <c r="J37124" s="2">
        <v>0</v>
      </c>
      <c r="K37124" s="2">
        <v>1</v>
      </c>
      <c r="L37124" t="s">
        <v>995</v>
      </c>
      <c r="M37124" t="s">
        <v>89</v>
      </c>
      <c r="N37124" t="s">
        <v>90</v>
      </c>
      <c r="O37124" t="s">
        <v>85</v>
      </c>
      <c r="P37124" t="s">
        <v>86</v>
      </c>
      <c r="Q37124">
        <v>13</v>
      </c>
      <c r="R37124">
        <v>13</v>
      </c>
      <c r="S37124">
        <v>13</v>
      </c>
      <c r="T37124">
        <v>14</v>
      </c>
      <c r="U37124">
        <v>14</v>
      </c>
      <c r="V37124">
        <v>14</v>
      </c>
      <c r="W37124">
        <v>15</v>
      </c>
      <c r="X37124">
        <v>15</v>
      </c>
      <c r="Y37124">
        <v>15</v>
      </c>
      <c r="Z37124">
        <v>15</v>
      </c>
      <c r="AA37124">
        <v>16</v>
      </c>
      <c r="AB37124">
        <v>16</v>
      </c>
      <c r="AC37124">
        <v>16</v>
      </c>
      <c r="AD37124">
        <v>16</v>
      </c>
      <c r="AE37124">
        <v>17</v>
      </c>
      <c r="AF37124">
        <v>17</v>
      </c>
      <c r="AG37124">
        <v>17</v>
      </c>
      <c r="AH37124">
        <v>17</v>
      </c>
      <c r="AI37124">
        <v>17</v>
      </c>
      <c r="AJ37124">
        <v>17</v>
      </c>
      <c r="AK37124">
        <v>17</v>
      </c>
      <c r="AL37124">
        <v>17</v>
      </c>
      <c r="AM37124">
        <v>17</v>
      </c>
      <c r="AN37124">
        <v>17</v>
      </c>
      <c r="AO37124">
        <v>17</v>
      </c>
      <c r="AP37124">
        <v>17</v>
      </c>
      <c r="AQ37124">
        <v>17</v>
      </c>
    </row>
    <row r="37125" spans="1:43">
      <c r="A37125" t="s">
        <v>23011</v>
      </c>
      <c r="B37125" t="s">
        <v>23012</v>
      </c>
      <c r="C37125" t="s">
        <v>23013</v>
      </c>
      <c r="D37125" t="s">
        <v>23014</v>
      </c>
      <c r="E37125" t="s">
        <v>23009</v>
      </c>
      <c r="F37125" t="s">
        <v>23010</v>
      </c>
      <c r="G37125" t="s">
        <v>11612</v>
      </c>
      <c r="H37125" t="s">
        <v>11613</v>
      </c>
      <c r="I37125" s="2">
        <v>0</v>
      </c>
      <c r="J37125" s="2">
        <v>0</v>
      </c>
      <c r="K37125" s="2">
        <v>1</v>
      </c>
      <c r="L37125" t="s">
        <v>995</v>
      </c>
      <c r="M37125" t="s">
        <v>83</v>
      </c>
      <c r="N37125" t="s">
        <v>91</v>
      </c>
      <c r="O37125" t="s">
        <v>85</v>
      </c>
      <c r="P37125" t="s">
        <v>86</v>
      </c>
      <c r="Q37125">
        <v>13</v>
      </c>
      <c r="R37125">
        <v>13</v>
      </c>
      <c r="S37125">
        <v>13</v>
      </c>
      <c r="T37125">
        <v>13</v>
      </c>
      <c r="U37125">
        <v>13</v>
      </c>
      <c r="V37125">
        <v>14</v>
      </c>
      <c r="W37125">
        <v>14</v>
      </c>
      <c r="X37125">
        <v>14</v>
      </c>
      <c r="Y37125">
        <v>14</v>
      </c>
      <c r="Z37125">
        <v>14</v>
      </c>
      <c r="AA37125">
        <v>15</v>
      </c>
      <c r="AB37125">
        <v>15</v>
      </c>
      <c r="AC37125">
        <v>15</v>
      </c>
      <c r="AD37125">
        <v>15</v>
      </c>
      <c r="AE37125">
        <v>16</v>
      </c>
      <c r="AF37125">
        <v>16</v>
      </c>
      <c r="AG37125">
        <v>16</v>
      </c>
      <c r="AH37125">
        <v>16</v>
      </c>
      <c r="AI37125">
        <v>16</v>
      </c>
      <c r="AJ37125">
        <v>17</v>
      </c>
      <c r="AK37125">
        <v>17</v>
      </c>
      <c r="AL37125">
        <v>17</v>
      </c>
      <c r="AM37125">
        <v>17</v>
      </c>
      <c r="AN37125">
        <v>17</v>
      </c>
      <c r="AO37125">
        <v>17</v>
      </c>
      <c r="AP37125">
        <v>17</v>
      </c>
      <c r="AQ37125">
        <v>17</v>
      </c>
    </row>
    <row r="37126" spans="1:43">
      <c r="A37126" t="s">
        <v>23015</v>
      </c>
      <c r="B37126" t="s">
        <v>23016</v>
      </c>
      <c r="C37126" t="s">
        <v>23007</v>
      </c>
      <c r="D37126" t="s">
        <v>23008</v>
      </c>
      <c r="E37126" t="s">
        <v>23009</v>
      </c>
      <c r="F37126" t="s">
        <v>23010</v>
      </c>
      <c r="G37126" t="s">
        <v>11612</v>
      </c>
      <c r="H37126" t="s">
        <v>11613</v>
      </c>
      <c r="I37126" s="2">
        <v>0</v>
      </c>
      <c r="J37126" s="2">
        <v>0</v>
      </c>
      <c r="K37126" s="2">
        <v>1</v>
      </c>
      <c r="L37126" t="s">
        <v>995</v>
      </c>
      <c r="M37126" t="s">
        <v>83</v>
      </c>
      <c r="N37126" t="s">
        <v>84</v>
      </c>
      <c r="O37126" t="s">
        <v>85</v>
      </c>
      <c r="P37126" t="s">
        <v>86</v>
      </c>
      <c r="Q37126">
        <v>7</v>
      </c>
      <c r="R37126">
        <v>7</v>
      </c>
      <c r="S37126">
        <v>7</v>
      </c>
      <c r="T37126">
        <v>7</v>
      </c>
      <c r="U37126">
        <v>7</v>
      </c>
      <c r="V37126">
        <v>7</v>
      </c>
      <c r="W37126">
        <v>7</v>
      </c>
      <c r="X37126">
        <v>7</v>
      </c>
      <c r="Y37126">
        <v>8</v>
      </c>
      <c r="Z37126">
        <v>8</v>
      </c>
      <c r="AA37126">
        <v>8</v>
      </c>
      <c r="AB37126">
        <v>8</v>
      </c>
      <c r="AC37126">
        <v>8</v>
      </c>
      <c r="AD37126">
        <v>8</v>
      </c>
      <c r="AE37126">
        <v>8</v>
      </c>
      <c r="AF37126">
        <v>8</v>
      </c>
      <c r="AG37126">
        <v>8</v>
      </c>
      <c r="AH37126">
        <v>8</v>
      </c>
      <c r="AI37126">
        <v>9</v>
      </c>
      <c r="AJ37126">
        <v>9</v>
      </c>
      <c r="AK37126">
        <v>9</v>
      </c>
      <c r="AL37126">
        <v>9</v>
      </c>
      <c r="AM37126">
        <v>9</v>
      </c>
      <c r="AN37126">
        <v>9</v>
      </c>
      <c r="AO37126">
        <v>9</v>
      </c>
      <c r="AP37126">
        <v>9</v>
      </c>
      <c r="AQ37126">
        <v>9</v>
      </c>
    </row>
    <row r="37127" spans="1:43">
      <c r="A37127" t="s">
        <v>23015</v>
      </c>
      <c r="B37127" t="s">
        <v>23016</v>
      </c>
      <c r="C37127" t="s">
        <v>23007</v>
      </c>
      <c r="D37127" t="s">
        <v>23008</v>
      </c>
      <c r="E37127" t="s">
        <v>23009</v>
      </c>
      <c r="F37127" t="s">
        <v>23010</v>
      </c>
      <c r="G37127" t="s">
        <v>11612</v>
      </c>
      <c r="H37127" t="s">
        <v>11613</v>
      </c>
      <c r="I37127" s="2">
        <v>0</v>
      </c>
      <c r="J37127" s="2">
        <v>0</v>
      </c>
      <c r="K37127" s="2">
        <v>1</v>
      </c>
      <c r="L37127" t="s">
        <v>995</v>
      </c>
      <c r="M37127" t="s">
        <v>87</v>
      </c>
      <c r="N37127" t="s">
        <v>88</v>
      </c>
      <c r="O37127" t="s">
        <v>85</v>
      </c>
      <c r="P37127" t="s">
        <v>86</v>
      </c>
      <c r="Q37127">
        <v>7</v>
      </c>
      <c r="R37127">
        <v>7</v>
      </c>
      <c r="S37127">
        <v>7</v>
      </c>
      <c r="T37127">
        <v>7</v>
      </c>
      <c r="U37127">
        <v>7</v>
      </c>
      <c r="V37127">
        <v>7</v>
      </c>
      <c r="W37127">
        <v>7</v>
      </c>
      <c r="X37127">
        <v>7</v>
      </c>
      <c r="Y37127">
        <v>7</v>
      </c>
      <c r="Z37127">
        <v>7</v>
      </c>
      <c r="AA37127">
        <v>7</v>
      </c>
      <c r="AB37127">
        <v>7</v>
      </c>
      <c r="AC37127">
        <v>7</v>
      </c>
      <c r="AD37127">
        <v>7</v>
      </c>
      <c r="AE37127">
        <v>7</v>
      </c>
      <c r="AF37127">
        <v>7</v>
      </c>
      <c r="AG37127">
        <v>7</v>
      </c>
      <c r="AH37127">
        <v>7</v>
      </c>
      <c r="AI37127">
        <v>7</v>
      </c>
      <c r="AJ37127">
        <v>7</v>
      </c>
      <c r="AK37127">
        <v>8</v>
      </c>
      <c r="AL37127">
        <v>8</v>
      </c>
      <c r="AM37127">
        <v>8</v>
      </c>
      <c r="AN37127">
        <v>8</v>
      </c>
      <c r="AO37127">
        <v>8</v>
      </c>
      <c r="AP37127">
        <v>8</v>
      </c>
      <c r="AQ37127">
        <v>8</v>
      </c>
    </row>
    <row r="37128" spans="1:43">
      <c r="A37128" t="s">
        <v>23015</v>
      </c>
      <c r="B37128" t="s">
        <v>23016</v>
      </c>
      <c r="C37128" t="s">
        <v>23007</v>
      </c>
      <c r="D37128" t="s">
        <v>23008</v>
      </c>
      <c r="E37128" t="s">
        <v>23009</v>
      </c>
      <c r="F37128" t="s">
        <v>23010</v>
      </c>
      <c r="G37128" t="s">
        <v>11612</v>
      </c>
      <c r="H37128" t="s">
        <v>11613</v>
      </c>
      <c r="I37128" s="2">
        <v>0</v>
      </c>
      <c r="J37128" s="2">
        <v>0</v>
      </c>
      <c r="K37128" s="2">
        <v>1</v>
      </c>
      <c r="L37128" t="s">
        <v>995</v>
      </c>
      <c r="M37128" t="s">
        <v>89</v>
      </c>
      <c r="N37128" t="s">
        <v>90</v>
      </c>
      <c r="O37128" t="s">
        <v>85</v>
      </c>
      <c r="P37128" t="s">
        <v>86</v>
      </c>
      <c r="Q37128">
        <v>7</v>
      </c>
      <c r="R37128">
        <v>7</v>
      </c>
      <c r="S37128">
        <v>7</v>
      </c>
      <c r="T37128">
        <v>7</v>
      </c>
      <c r="U37128">
        <v>7</v>
      </c>
      <c r="V37128">
        <v>8</v>
      </c>
      <c r="W37128">
        <v>8</v>
      </c>
      <c r="X37128">
        <v>8</v>
      </c>
      <c r="Y37128">
        <v>8</v>
      </c>
      <c r="Z37128">
        <v>8</v>
      </c>
      <c r="AA37128">
        <v>8</v>
      </c>
      <c r="AB37128">
        <v>8</v>
      </c>
      <c r="AC37128">
        <v>9</v>
      </c>
      <c r="AD37128">
        <v>9</v>
      </c>
      <c r="AE37128">
        <v>9</v>
      </c>
      <c r="AF37128">
        <v>9</v>
      </c>
      <c r="AG37128">
        <v>9</v>
      </c>
      <c r="AH37128">
        <v>9</v>
      </c>
      <c r="AI37128">
        <v>9</v>
      </c>
      <c r="AJ37128">
        <v>9</v>
      </c>
      <c r="AK37128">
        <v>9</v>
      </c>
      <c r="AL37128">
        <v>9</v>
      </c>
      <c r="AM37128">
        <v>9</v>
      </c>
      <c r="AN37128">
        <v>9</v>
      </c>
      <c r="AO37128">
        <v>9</v>
      </c>
      <c r="AP37128">
        <v>9</v>
      </c>
      <c r="AQ37128">
        <v>9</v>
      </c>
    </row>
    <row r="37129" spans="1:43">
      <c r="A37129" t="s">
        <v>23015</v>
      </c>
      <c r="B37129" t="s">
        <v>23016</v>
      </c>
      <c r="C37129" t="s">
        <v>23007</v>
      </c>
      <c r="D37129" t="s">
        <v>23008</v>
      </c>
      <c r="E37129" t="s">
        <v>23009</v>
      </c>
      <c r="F37129" t="s">
        <v>23010</v>
      </c>
      <c r="G37129" t="s">
        <v>11612</v>
      </c>
      <c r="H37129" t="s">
        <v>11613</v>
      </c>
      <c r="I37129" s="2">
        <v>0</v>
      </c>
      <c r="J37129" s="2">
        <v>0</v>
      </c>
      <c r="K37129" s="2">
        <v>1</v>
      </c>
      <c r="L37129" t="s">
        <v>995</v>
      </c>
      <c r="M37129" t="s">
        <v>83</v>
      </c>
      <c r="N37129" t="s">
        <v>91</v>
      </c>
      <c r="O37129" t="s">
        <v>85</v>
      </c>
      <c r="P37129" t="s">
        <v>86</v>
      </c>
      <c r="Q37129">
        <v>7</v>
      </c>
      <c r="R37129">
        <v>7</v>
      </c>
      <c r="S37129">
        <v>7</v>
      </c>
      <c r="T37129">
        <v>7</v>
      </c>
      <c r="U37129">
        <v>7</v>
      </c>
      <c r="V37129">
        <v>7</v>
      </c>
      <c r="W37129">
        <v>7</v>
      </c>
      <c r="X37129">
        <v>7</v>
      </c>
      <c r="Y37129">
        <v>8</v>
      </c>
      <c r="Z37129">
        <v>8</v>
      </c>
      <c r="AA37129">
        <v>8</v>
      </c>
      <c r="AB37129">
        <v>8</v>
      </c>
      <c r="AC37129">
        <v>8</v>
      </c>
      <c r="AD37129">
        <v>8</v>
      </c>
      <c r="AE37129">
        <v>8</v>
      </c>
      <c r="AF37129">
        <v>8</v>
      </c>
      <c r="AG37129">
        <v>8</v>
      </c>
      <c r="AH37129">
        <v>8</v>
      </c>
      <c r="AI37129">
        <v>9</v>
      </c>
      <c r="AJ37129">
        <v>9</v>
      </c>
      <c r="AK37129">
        <v>9</v>
      </c>
      <c r="AL37129">
        <v>9</v>
      </c>
      <c r="AM37129">
        <v>9</v>
      </c>
      <c r="AN37129">
        <v>9</v>
      </c>
      <c r="AO37129">
        <v>9</v>
      </c>
      <c r="AP37129">
        <v>9</v>
      </c>
      <c r="AQ37129">
        <v>9</v>
      </c>
    </row>
    <row r="37130" spans="1:43">
      <c r="A37130" t="s">
        <v>23017</v>
      </c>
      <c r="B37130" t="s">
        <v>23018</v>
      </c>
      <c r="C37130" t="s">
        <v>23013</v>
      </c>
      <c r="D37130" t="s">
        <v>23014</v>
      </c>
      <c r="E37130" t="s">
        <v>23009</v>
      </c>
      <c r="F37130" t="s">
        <v>23010</v>
      </c>
      <c r="G37130" t="s">
        <v>11612</v>
      </c>
      <c r="H37130" t="s">
        <v>11613</v>
      </c>
      <c r="I37130" s="2">
        <v>0</v>
      </c>
      <c r="J37130" s="2">
        <v>0</v>
      </c>
      <c r="K37130" s="2">
        <v>1</v>
      </c>
      <c r="L37130" t="s">
        <v>995</v>
      </c>
      <c r="M37130" t="s">
        <v>83</v>
      </c>
      <c r="N37130" t="s">
        <v>84</v>
      </c>
      <c r="O37130" t="s">
        <v>85</v>
      </c>
      <c r="P37130" t="s">
        <v>86</v>
      </c>
      <c r="Q37130">
        <v>22</v>
      </c>
      <c r="R37130">
        <v>23</v>
      </c>
      <c r="S37130">
        <v>23</v>
      </c>
      <c r="T37130">
        <v>23</v>
      </c>
      <c r="U37130">
        <v>24</v>
      </c>
      <c r="V37130">
        <v>24</v>
      </c>
      <c r="W37130">
        <v>25</v>
      </c>
      <c r="X37130">
        <v>25</v>
      </c>
      <c r="Y37130">
        <v>25</v>
      </c>
      <c r="Z37130">
        <v>26</v>
      </c>
      <c r="AA37130">
        <v>26</v>
      </c>
      <c r="AB37130">
        <v>26</v>
      </c>
      <c r="AC37130">
        <v>27</v>
      </c>
      <c r="AD37130">
        <v>27</v>
      </c>
      <c r="AE37130">
        <v>27</v>
      </c>
      <c r="AF37130">
        <v>28</v>
      </c>
      <c r="AG37130">
        <v>28</v>
      </c>
      <c r="AH37130">
        <v>28</v>
      </c>
      <c r="AI37130">
        <v>29</v>
      </c>
      <c r="AJ37130">
        <v>29</v>
      </c>
      <c r="AK37130">
        <v>30</v>
      </c>
      <c r="AL37130">
        <v>30</v>
      </c>
      <c r="AM37130">
        <v>30</v>
      </c>
      <c r="AN37130">
        <v>30</v>
      </c>
      <c r="AO37130">
        <v>30</v>
      </c>
      <c r="AP37130">
        <v>30</v>
      </c>
      <c r="AQ37130">
        <v>30</v>
      </c>
    </row>
    <row r="37131" spans="1:43">
      <c r="A37131" t="s">
        <v>23017</v>
      </c>
      <c r="B37131" t="s">
        <v>23018</v>
      </c>
      <c r="C37131" t="s">
        <v>23013</v>
      </c>
      <c r="D37131" t="s">
        <v>23014</v>
      </c>
      <c r="E37131" t="s">
        <v>23009</v>
      </c>
      <c r="F37131" t="s">
        <v>23010</v>
      </c>
      <c r="G37131" t="s">
        <v>11612</v>
      </c>
      <c r="H37131" t="s">
        <v>11613</v>
      </c>
      <c r="I37131" s="2">
        <v>0</v>
      </c>
      <c r="J37131" s="2">
        <v>0</v>
      </c>
      <c r="K37131" s="2">
        <v>1</v>
      </c>
      <c r="L37131" t="s">
        <v>995</v>
      </c>
      <c r="M37131" t="s">
        <v>87</v>
      </c>
      <c r="N37131" t="s">
        <v>88</v>
      </c>
      <c r="O37131" t="s">
        <v>85</v>
      </c>
      <c r="P37131" t="s">
        <v>86</v>
      </c>
      <c r="Q37131">
        <v>22</v>
      </c>
      <c r="R37131">
        <v>22</v>
      </c>
      <c r="S37131">
        <v>22</v>
      </c>
      <c r="T37131">
        <v>23</v>
      </c>
      <c r="U37131">
        <v>23</v>
      </c>
      <c r="V37131">
        <v>23</v>
      </c>
      <c r="W37131">
        <v>23</v>
      </c>
      <c r="X37131">
        <v>23</v>
      </c>
      <c r="Y37131">
        <v>23</v>
      </c>
      <c r="Z37131">
        <v>24</v>
      </c>
      <c r="AA37131">
        <v>24</v>
      </c>
      <c r="AB37131">
        <v>24</v>
      </c>
      <c r="AC37131">
        <v>24</v>
      </c>
      <c r="AD37131">
        <v>24</v>
      </c>
      <c r="AE37131">
        <v>24</v>
      </c>
      <c r="AF37131">
        <v>24</v>
      </c>
      <c r="AG37131">
        <v>25</v>
      </c>
      <c r="AH37131">
        <v>25</v>
      </c>
      <c r="AI37131">
        <v>25</v>
      </c>
      <c r="AJ37131">
        <v>25</v>
      </c>
      <c r="AK37131">
        <v>25</v>
      </c>
      <c r="AL37131">
        <v>25</v>
      </c>
      <c r="AM37131">
        <v>26</v>
      </c>
      <c r="AN37131">
        <v>26</v>
      </c>
      <c r="AO37131">
        <v>26</v>
      </c>
      <c r="AP37131">
        <v>26</v>
      </c>
      <c r="AQ37131">
        <v>26</v>
      </c>
    </row>
    <row r="37132" spans="1:43">
      <c r="A37132" t="s">
        <v>23017</v>
      </c>
      <c r="B37132" t="s">
        <v>23018</v>
      </c>
      <c r="C37132" t="s">
        <v>23013</v>
      </c>
      <c r="D37132" t="s">
        <v>23014</v>
      </c>
      <c r="E37132" t="s">
        <v>23009</v>
      </c>
      <c r="F37132" t="s">
        <v>23010</v>
      </c>
      <c r="G37132" t="s">
        <v>11612</v>
      </c>
      <c r="H37132" t="s">
        <v>11613</v>
      </c>
      <c r="I37132" s="2">
        <v>0</v>
      </c>
      <c r="J37132" s="2">
        <v>0</v>
      </c>
      <c r="K37132" s="2">
        <v>1</v>
      </c>
      <c r="L37132" t="s">
        <v>995</v>
      </c>
      <c r="M37132" t="s">
        <v>89</v>
      </c>
      <c r="N37132" t="s">
        <v>90</v>
      </c>
      <c r="O37132" t="s">
        <v>85</v>
      </c>
      <c r="P37132" t="s">
        <v>86</v>
      </c>
      <c r="Q37132">
        <v>22</v>
      </c>
      <c r="R37132">
        <v>22</v>
      </c>
      <c r="S37132">
        <v>23</v>
      </c>
      <c r="T37132">
        <v>23</v>
      </c>
      <c r="U37132">
        <v>24</v>
      </c>
      <c r="V37132">
        <v>24</v>
      </c>
      <c r="W37132">
        <v>25</v>
      </c>
      <c r="X37132">
        <v>25</v>
      </c>
      <c r="Y37132">
        <v>26</v>
      </c>
      <c r="Z37132">
        <v>26</v>
      </c>
      <c r="AA37132">
        <v>27</v>
      </c>
      <c r="AB37132">
        <v>27</v>
      </c>
      <c r="AC37132">
        <v>28</v>
      </c>
      <c r="AD37132">
        <v>28</v>
      </c>
      <c r="AE37132">
        <v>28</v>
      </c>
      <c r="AF37132">
        <v>28</v>
      </c>
      <c r="AG37132">
        <v>29</v>
      </c>
      <c r="AH37132">
        <v>29</v>
      </c>
      <c r="AI37132">
        <v>29</v>
      </c>
      <c r="AJ37132">
        <v>29</v>
      </c>
      <c r="AK37132">
        <v>29</v>
      </c>
      <c r="AL37132">
        <v>29</v>
      </c>
      <c r="AM37132">
        <v>29</v>
      </c>
      <c r="AN37132">
        <v>29</v>
      </c>
      <c r="AO37132">
        <v>29</v>
      </c>
      <c r="AP37132">
        <v>29</v>
      </c>
      <c r="AQ37132">
        <v>29</v>
      </c>
    </row>
    <row r="37133" spans="1:43">
      <c r="A37133" t="s">
        <v>23017</v>
      </c>
      <c r="B37133" t="s">
        <v>23018</v>
      </c>
      <c r="C37133" t="s">
        <v>23013</v>
      </c>
      <c r="D37133" t="s">
        <v>23014</v>
      </c>
      <c r="E37133" t="s">
        <v>23009</v>
      </c>
      <c r="F37133" t="s">
        <v>23010</v>
      </c>
      <c r="G37133" t="s">
        <v>11612</v>
      </c>
      <c r="H37133" t="s">
        <v>11613</v>
      </c>
      <c r="I37133" s="2">
        <v>0</v>
      </c>
      <c r="J37133" s="2">
        <v>0</v>
      </c>
      <c r="K37133" s="2">
        <v>1</v>
      </c>
      <c r="L37133" t="s">
        <v>995</v>
      </c>
      <c r="M37133" t="s">
        <v>83</v>
      </c>
      <c r="N37133" t="s">
        <v>91</v>
      </c>
      <c r="O37133" t="s">
        <v>85</v>
      </c>
      <c r="P37133" t="s">
        <v>86</v>
      </c>
      <c r="Q37133">
        <v>22</v>
      </c>
      <c r="R37133">
        <v>23</v>
      </c>
      <c r="S37133">
        <v>23</v>
      </c>
      <c r="T37133">
        <v>23</v>
      </c>
      <c r="U37133">
        <v>24</v>
      </c>
      <c r="V37133">
        <v>24</v>
      </c>
      <c r="W37133">
        <v>25</v>
      </c>
      <c r="X37133">
        <v>25</v>
      </c>
      <c r="Y37133">
        <v>25</v>
      </c>
      <c r="Z37133">
        <v>26</v>
      </c>
      <c r="AA37133">
        <v>26</v>
      </c>
      <c r="AB37133">
        <v>26</v>
      </c>
      <c r="AC37133">
        <v>27</v>
      </c>
      <c r="AD37133">
        <v>27</v>
      </c>
      <c r="AE37133">
        <v>27</v>
      </c>
      <c r="AF37133">
        <v>28</v>
      </c>
      <c r="AG37133">
        <v>28</v>
      </c>
      <c r="AH37133">
        <v>28</v>
      </c>
      <c r="AI37133">
        <v>29</v>
      </c>
      <c r="AJ37133">
        <v>29</v>
      </c>
      <c r="AK37133">
        <v>30</v>
      </c>
      <c r="AL37133">
        <v>30</v>
      </c>
      <c r="AM37133">
        <v>30</v>
      </c>
      <c r="AN37133">
        <v>30</v>
      </c>
      <c r="AO37133">
        <v>30</v>
      </c>
      <c r="AP37133">
        <v>30</v>
      </c>
      <c r="AQ37133">
        <v>30</v>
      </c>
    </row>
    <row r="37134" spans="1:43">
      <c r="A37134" t="s">
        <v>23019</v>
      </c>
      <c r="B37134" t="s">
        <v>23020</v>
      </c>
      <c r="C37134" t="s">
        <v>23013</v>
      </c>
      <c r="D37134" t="s">
        <v>23014</v>
      </c>
      <c r="E37134" t="s">
        <v>23009</v>
      </c>
      <c r="F37134" t="s">
        <v>23010</v>
      </c>
      <c r="G37134" t="s">
        <v>11612</v>
      </c>
      <c r="H37134" t="s">
        <v>11613</v>
      </c>
      <c r="I37134" s="2">
        <v>0</v>
      </c>
      <c r="J37134" s="2">
        <v>0</v>
      </c>
      <c r="K37134" s="2">
        <v>1</v>
      </c>
      <c r="L37134" t="s">
        <v>995</v>
      </c>
      <c r="M37134" t="s">
        <v>83</v>
      </c>
      <c r="N37134" t="s">
        <v>84</v>
      </c>
      <c r="O37134" t="s">
        <v>85</v>
      </c>
      <c r="P37134" t="s">
        <v>86</v>
      </c>
      <c r="Q37134">
        <v>34</v>
      </c>
      <c r="R37134">
        <v>34</v>
      </c>
      <c r="S37134">
        <v>35</v>
      </c>
      <c r="T37134">
        <v>36</v>
      </c>
      <c r="U37134">
        <v>36</v>
      </c>
      <c r="V37134">
        <v>37</v>
      </c>
      <c r="W37134">
        <v>37</v>
      </c>
      <c r="X37134">
        <v>38</v>
      </c>
      <c r="Y37134">
        <v>38</v>
      </c>
      <c r="Z37134">
        <v>39</v>
      </c>
      <c r="AA37134">
        <v>40</v>
      </c>
      <c r="AB37134">
        <v>40</v>
      </c>
      <c r="AC37134">
        <v>41</v>
      </c>
      <c r="AD37134">
        <v>41</v>
      </c>
      <c r="AE37134">
        <v>42</v>
      </c>
      <c r="AF37134">
        <v>42</v>
      </c>
      <c r="AG37134">
        <v>43</v>
      </c>
      <c r="AH37134">
        <v>43</v>
      </c>
      <c r="AI37134">
        <v>44</v>
      </c>
      <c r="AJ37134">
        <v>44</v>
      </c>
      <c r="AK37134">
        <v>45</v>
      </c>
      <c r="AL37134">
        <v>45</v>
      </c>
      <c r="AM37134">
        <v>45</v>
      </c>
      <c r="AN37134">
        <v>45</v>
      </c>
      <c r="AO37134">
        <v>45</v>
      </c>
      <c r="AP37134">
        <v>45</v>
      </c>
      <c r="AQ37134">
        <v>46</v>
      </c>
    </row>
    <row r="37135" spans="1:43">
      <c r="A37135" t="s">
        <v>23019</v>
      </c>
      <c r="B37135" t="s">
        <v>23020</v>
      </c>
      <c r="C37135" t="s">
        <v>23013</v>
      </c>
      <c r="D37135" t="s">
        <v>23014</v>
      </c>
      <c r="E37135" t="s">
        <v>23009</v>
      </c>
      <c r="F37135" t="s">
        <v>23010</v>
      </c>
      <c r="G37135" t="s">
        <v>11612</v>
      </c>
      <c r="H37135" t="s">
        <v>11613</v>
      </c>
      <c r="I37135" s="2">
        <v>0</v>
      </c>
      <c r="J37135" s="2">
        <v>0</v>
      </c>
      <c r="K37135" s="2">
        <v>1</v>
      </c>
      <c r="L37135" t="s">
        <v>995</v>
      </c>
      <c r="M37135" t="s">
        <v>87</v>
      </c>
      <c r="N37135" t="s">
        <v>88</v>
      </c>
      <c r="O37135" t="s">
        <v>85</v>
      </c>
      <c r="P37135" t="s">
        <v>86</v>
      </c>
      <c r="Q37135">
        <v>34</v>
      </c>
      <c r="R37135">
        <v>34</v>
      </c>
      <c r="S37135">
        <v>34</v>
      </c>
      <c r="T37135">
        <v>34</v>
      </c>
      <c r="U37135">
        <v>35</v>
      </c>
      <c r="V37135">
        <v>35</v>
      </c>
      <c r="W37135">
        <v>35</v>
      </c>
      <c r="X37135">
        <v>35</v>
      </c>
      <c r="Y37135">
        <v>35</v>
      </c>
      <c r="Z37135">
        <v>36</v>
      </c>
      <c r="AA37135">
        <v>36</v>
      </c>
      <c r="AB37135">
        <v>36</v>
      </c>
      <c r="AC37135">
        <v>36</v>
      </c>
      <c r="AD37135">
        <v>37</v>
      </c>
      <c r="AE37135">
        <v>37</v>
      </c>
      <c r="AF37135">
        <v>37</v>
      </c>
      <c r="AG37135">
        <v>37</v>
      </c>
      <c r="AH37135">
        <v>38</v>
      </c>
      <c r="AI37135">
        <v>38</v>
      </c>
      <c r="AJ37135">
        <v>38</v>
      </c>
      <c r="AK37135">
        <v>38</v>
      </c>
      <c r="AL37135">
        <v>39</v>
      </c>
      <c r="AM37135">
        <v>39</v>
      </c>
      <c r="AN37135">
        <v>39</v>
      </c>
      <c r="AO37135">
        <v>39</v>
      </c>
      <c r="AP37135">
        <v>39</v>
      </c>
      <c r="AQ37135">
        <v>40</v>
      </c>
    </row>
    <row r="37136" spans="1:43">
      <c r="A37136" t="s">
        <v>23019</v>
      </c>
      <c r="B37136" t="s">
        <v>23020</v>
      </c>
      <c r="C37136" t="s">
        <v>23013</v>
      </c>
      <c r="D37136" t="s">
        <v>23014</v>
      </c>
      <c r="E37136" t="s">
        <v>23009</v>
      </c>
      <c r="F37136" t="s">
        <v>23010</v>
      </c>
      <c r="G37136" t="s">
        <v>11612</v>
      </c>
      <c r="H37136" t="s">
        <v>11613</v>
      </c>
      <c r="I37136" s="2">
        <v>0</v>
      </c>
      <c r="J37136" s="2">
        <v>0</v>
      </c>
      <c r="K37136" s="2">
        <v>1</v>
      </c>
      <c r="L37136" t="s">
        <v>995</v>
      </c>
      <c r="M37136" t="s">
        <v>89</v>
      </c>
      <c r="N37136" t="s">
        <v>90</v>
      </c>
      <c r="O37136" t="s">
        <v>85</v>
      </c>
      <c r="P37136" t="s">
        <v>86</v>
      </c>
      <c r="Q37136">
        <v>34</v>
      </c>
      <c r="R37136">
        <v>35</v>
      </c>
      <c r="S37136">
        <v>36</v>
      </c>
      <c r="T37136">
        <v>37</v>
      </c>
      <c r="U37136">
        <v>38</v>
      </c>
      <c r="V37136">
        <v>38</v>
      </c>
      <c r="W37136">
        <v>39</v>
      </c>
      <c r="X37136">
        <v>40</v>
      </c>
      <c r="Y37136">
        <v>41</v>
      </c>
      <c r="Z37136">
        <v>41</v>
      </c>
      <c r="AA37136">
        <v>42</v>
      </c>
      <c r="AB37136">
        <v>43</v>
      </c>
      <c r="AC37136">
        <v>43</v>
      </c>
      <c r="AD37136">
        <v>44</v>
      </c>
      <c r="AE37136">
        <v>45</v>
      </c>
      <c r="AF37136">
        <v>45</v>
      </c>
      <c r="AG37136">
        <v>45</v>
      </c>
      <c r="AH37136">
        <v>45</v>
      </c>
      <c r="AI37136">
        <v>45</v>
      </c>
      <c r="AJ37136">
        <v>45</v>
      </c>
      <c r="AK37136">
        <v>45</v>
      </c>
      <c r="AL37136">
        <v>45</v>
      </c>
      <c r="AM37136">
        <v>45</v>
      </c>
      <c r="AN37136">
        <v>46</v>
      </c>
      <c r="AO37136">
        <v>46</v>
      </c>
      <c r="AP37136">
        <v>46</v>
      </c>
      <c r="AQ37136">
        <v>46</v>
      </c>
    </row>
    <row r="37137" spans="1:43">
      <c r="A37137" t="s">
        <v>23019</v>
      </c>
      <c r="B37137" t="s">
        <v>23020</v>
      </c>
      <c r="C37137" t="s">
        <v>23013</v>
      </c>
      <c r="D37137" t="s">
        <v>23014</v>
      </c>
      <c r="E37137" t="s">
        <v>23009</v>
      </c>
      <c r="F37137" t="s">
        <v>23010</v>
      </c>
      <c r="G37137" t="s">
        <v>11612</v>
      </c>
      <c r="H37137" t="s">
        <v>11613</v>
      </c>
      <c r="I37137" s="2">
        <v>0</v>
      </c>
      <c r="J37137" s="2">
        <v>0</v>
      </c>
      <c r="K37137" s="2">
        <v>1</v>
      </c>
      <c r="L37137" t="s">
        <v>995</v>
      </c>
      <c r="M37137" t="s">
        <v>83</v>
      </c>
      <c r="N37137" t="s">
        <v>91</v>
      </c>
      <c r="O37137" t="s">
        <v>85</v>
      </c>
      <c r="P37137" t="s">
        <v>86</v>
      </c>
      <c r="Q37137">
        <v>34</v>
      </c>
      <c r="R37137">
        <v>34</v>
      </c>
      <c r="S37137">
        <v>35</v>
      </c>
      <c r="T37137">
        <v>36</v>
      </c>
      <c r="U37137">
        <v>36</v>
      </c>
      <c r="V37137">
        <v>37</v>
      </c>
      <c r="W37137">
        <v>37</v>
      </c>
      <c r="X37137">
        <v>38</v>
      </c>
      <c r="Y37137">
        <v>38</v>
      </c>
      <c r="Z37137">
        <v>39</v>
      </c>
      <c r="AA37137">
        <v>40</v>
      </c>
      <c r="AB37137">
        <v>40</v>
      </c>
      <c r="AC37137">
        <v>41</v>
      </c>
      <c r="AD37137">
        <v>41</v>
      </c>
      <c r="AE37137">
        <v>42</v>
      </c>
      <c r="AF37137">
        <v>42</v>
      </c>
      <c r="AG37137">
        <v>43</v>
      </c>
      <c r="AH37137">
        <v>43</v>
      </c>
      <c r="AI37137">
        <v>44</v>
      </c>
      <c r="AJ37137">
        <v>44</v>
      </c>
      <c r="AK37137">
        <v>45</v>
      </c>
      <c r="AL37137">
        <v>45</v>
      </c>
      <c r="AM37137">
        <v>45</v>
      </c>
      <c r="AN37137">
        <v>45</v>
      </c>
      <c r="AO37137">
        <v>45</v>
      </c>
      <c r="AP37137">
        <v>45</v>
      </c>
      <c r="AQ37137">
        <v>46</v>
      </c>
    </row>
    <row r="37138" spans="1:43">
      <c r="A37138" t="s">
        <v>23021</v>
      </c>
      <c r="B37138" t="s">
        <v>23022</v>
      </c>
      <c r="C37138" t="s">
        <v>23023</v>
      </c>
      <c r="D37138" t="s">
        <v>23024</v>
      </c>
      <c r="E37138" t="s">
        <v>23009</v>
      </c>
      <c r="F37138" t="s">
        <v>23010</v>
      </c>
      <c r="G37138" t="s">
        <v>11612</v>
      </c>
      <c r="H37138" t="s">
        <v>11613</v>
      </c>
      <c r="I37138" s="2">
        <v>0</v>
      </c>
      <c r="J37138" s="2">
        <v>0</v>
      </c>
      <c r="K37138" s="2">
        <v>1</v>
      </c>
      <c r="L37138" t="s">
        <v>995</v>
      </c>
      <c r="M37138" t="s">
        <v>83</v>
      </c>
      <c r="N37138" t="s">
        <v>84</v>
      </c>
      <c r="O37138" t="s">
        <v>85</v>
      </c>
      <c r="P37138" t="s">
        <v>86</v>
      </c>
      <c r="Q37138">
        <v>23</v>
      </c>
      <c r="R37138">
        <v>23</v>
      </c>
      <c r="S37138">
        <v>23</v>
      </c>
      <c r="T37138">
        <v>24</v>
      </c>
      <c r="U37138">
        <v>24</v>
      </c>
      <c r="V37138">
        <v>25</v>
      </c>
      <c r="W37138">
        <v>25</v>
      </c>
      <c r="X37138">
        <v>25</v>
      </c>
      <c r="Y37138">
        <v>26</v>
      </c>
      <c r="Z37138">
        <v>26</v>
      </c>
      <c r="AA37138">
        <v>26</v>
      </c>
      <c r="AB37138">
        <v>27</v>
      </c>
      <c r="AC37138">
        <v>27</v>
      </c>
      <c r="AD37138">
        <v>27</v>
      </c>
      <c r="AE37138">
        <v>28</v>
      </c>
      <c r="AF37138">
        <v>28</v>
      </c>
      <c r="AG37138">
        <v>28</v>
      </c>
      <c r="AH37138">
        <v>29</v>
      </c>
      <c r="AI37138">
        <v>29</v>
      </c>
      <c r="AJ37138">
        <v>30</v>
      </c>
      <c r="AK37138">
        <v>30</v>
      </c>
      <c r="AL37138">
        <v>30</v>
      </c>
      <c r="AM37138">
        <v>30</v>
      </c>
      <c r="AN37138">
        <v>30</v>
      </c>
      <c r="AO37138">
        <v>30</v>
      </c>
      <c r="AP37138">
        <v>30</v>
      </c>
      <c r="AQ37138">
        <v>30</v>
      </c>
    </row>
    <row r="37139" spans="1:43">
      <c r="A37139" t="s">
        <v>23021</v>
      </c>
      <c r="B37139" t="s">
        <v>23022</v>
      </c>
      <c r="C37139" t="s">
        <v>23023</v>
      </c>
      <c r="D37139" t="s">
        <v>23024</v>
      </c>
      <c r="E37139" t="s">
        <v>23009</v>
      </c>
      <c r="F37139" t="s">
        <v>23010</v>
      </c>
      <c r="G37139" t="s">
        <v>11612</v>
      </c>
      <c r="H37139" t="s">
        <v>11613</v>
      </c>
      <c r="I37139" s="2">
        <v>0</v>
      </c>
      <c r="J37139" s="2">
        <v>0</v>
      </c>
      <c r="K37139" s="2">
        <v>1</v>
      </c>
      <c r="L37139" t="s">
        <v>995</v>
      </c>
      <c r="M37139" t="s">
        <v>87</v>
      </c>
      <c r="N37139" t="s">
        <v>88</v>
      </c>
      <c r="O37139" t="s">
        <v>85</v>
      </c>
      <c r="P37139" t="s">
        <v>86</v>
      </c>
      <c r="Q37139">
        <v>23</v>
      </c>
      <c r="R37139">
        <v>24</v>
      </c>
      <c r="S37139">
        <v>24</v>
      </c>
      <c r="T37139">
        <v>24</v>
      </c>
      <c r="U37139">
        <v>24</v>
      </c>
      <c r="V37139">
        <v>24</v>
      </c>
      <c r="W37139">
        <v>24</v>
      </c>
      <c r="X37139">
        <v>25</v>
      </c>
      <c r="Y37139">
        <v>25</v>
      </c>
      <c r="Z37139">
        <v>25</v>
      </c>
      <c r="AA37139">
        <v>25</v>
      </c>
      <c r="AB37139">
        <v>25</v>
      </c>
      <c r="AC37139">
        <v>25</v>
      </c>
      <c r="AD37139">
        <v>25</v>
      </c>
      <c r="AE37139">
        <v>26</v>
      </c>
      <c r="AF37139">
        <v>26</v>
      </c>
      <c r="AG37139">
        <v>26</v>
      </c>
      <c r="AH37139">
        <v>26</v>
      </c>
      <c r="AI37139">
        <v>26</v>
      </c>
      <c r="AJ37139">
        <v>26</v>
      </c>
      <c r="AK37139">
        <v>27</v>
      </c>
      <c r="AL37139">
        <v>27</v>
      </c>
      <c r="AM37139">
        <v>27</v>
      </c>
      <c r="AN37139">
        <v>27</v>
      </c>
      <c r="AO37139">
        <v>27</v>
      </c>
      <c r="AP37139">
        <v>27</v>
      </c>
      <c r="AQ37139">
        <v>27</v>
      </c>
    </row>
    <row r="37140" spans="1:43">
      <c r="A37140" t="s">
        <v>23021</v>
      </c>
      <c r="B37140" t="s">
        <v>23022</v>
      </c>
      <c r="C37140" t="s">
        <v>23023</v>
      </c>
      <c r="D37140" t="s">
        <v>23024</v>
      </c>
      <c r="E37140" t="s">
        <v>23009</v>
      </c>
      <c r="F37140" t="s">
        <v>23010</v>
      </c>
      <c r="G37140" t="s">
        <v>11612</v>
      </c>
      <c r="H37140" t="s">
        <v>11613</v>
      </c>
      <c r="I37140" s="2">
        <v>0</v>
      </c>
      <c r="J37140" s="2">
        <v>0</v>
      </c>
      <c r="K37140" s="2">
        <v>1</v>
      </c>
      <c r="L37140" t="s">
        <v>995</v>
      </c>
      <c r="M37140" t="s">
        <v>89</v>
      </c>
      <c r="N37140" t="s">
        <v>90</v>
      </c>
      <c r="O37140" t="s">
        <v>85</v>
      </c>
      <c r="P37140" t="s">
        <v>86</v>
      </c>
      <c r="Q37140">
        <v>23</v>
      </c>
      <c r="R37140">
        <v>23</v>
      </c>
      <c r="S37140">
        <v>24</v>
      </c>
      <c r="T37140">
        <v>25</v>
      </c>
      <c r="U37140">
        <v>25</v>
      </c>
      <c r="V37140">
        <v>26</v>
      </c>
      <c r="W37140">
        <v>26</v>
      </c>
      <c r="X37140">
        <v>27</v>
      </c>
      <c r="Y37140">
        <v>27</v>
      </c>
      <c r="Z37140">
        <v>28</v>
      </c>
      <c r="AA37140">
        <v>28</v>
      </c>
      <c r="AB37140">
        <v>28</v>
      </c>
      <c r="AC37140">
        <v>29</v>
      </c>
      <c r="AD37140">
        <v>29</v>
      </c>
      <c r="AE37140">
        <v>30</v>
      </c>
      <c r="AF37140">
        <v>30</v>
      </c>
      <c r="AG37140">
        <v>30</v>
      </c>
      <c r="AH37140">
        <v>30</v>
      </c>
      <c r="AI37140">
        <v>30</v>
      </c>
      <c r="AJ37140">
        <v>30</v>
      </c>
      <c r="AK37140">
        <v>30</v>
      </c>
      <c r="AL37140">
        <v>30</v>
      </c>
      <c r="AM37140">
        <v>30</v>
      </c>
      <c r="AN37140">
        <v>30</v>
      </c>
      <c r="AO37140">
        <v>30</v>
      </c>
      <c r="AP37140">
        <v>30</v>
      </c>
      <c r="AQ37140">
        <v>31</v>
      </c>
    </row>
    <row r="37141" spans="1:43">
      <c r="A37141" t="s">
        <v>23021</v>
      </c>
      <c r="B37141" t="s">
        <v>23022</v>
      </c>
      <c r="C37141" t="s">
        <v>23023</v>
      </c>
      <c r="D37141" t="s">
        <v>23024</v>
      </c>
      <c r="E37141" t="s">
        <v>23009</v>
      </c>
      <c r="F37141" t="s">
        <v>23010</v>
      </c>
      <c r="G37141" t="s">
        <v>11612</v>
      </c>
      <c r="H37141" t="s">
        <v>11613</v>
      </c>
      <c r="I37141" s="2">
        <v>0</v>
      </c>
      <c r="J37141" s="2">
        <v>0</v>
      </c>
      <c r="K37141" s="2">
        <v>1</v>
      </c>
      <c r="L37141" t="s">
        <v>995</v>
      </c>
      <c r="M37141" t="s">
        <v>83</v>
      </c>
      <c r="N37141" t="s">
        <v>91</v>
      </c>
      <c r="O37141" t="s">
        <v>85</v>
      </c>
      <c r="P37141" t="s">
        <v>86</v>
      </c>
      <c r="Q37141">
        <v>23</v>
      </c>
      <c r="R37141">
        <v>23</v>
      </c>
      <c r="S37141">
        <v>23</v>
      </c>
      <c r="T37141">
        <v>24</v>
      </c>
      <c r="U37141">
        <v>24</v>
      </c>
      <c r="V37141">
        <v>25</v>
      </c>
      <c r="W37141">
        <v>25</v>
      </c>
      <c r="X37141">
        <v>25</v>
      </c>
      <c r="Y37141">
        <v>26</v>
      </c>
      <c r="Z37141">
        <v>26</v>
      </c>
      <c r="AA37141">
        <v>26</v>
      </c>
      <c r="AB37141">
        <v>27</v>
      </c>
      <c r="AC37141">
        <v>27</v>
      </c>
      <c r="AD37141">
        <v>27</v>
      </c>
      <c r="AE37141">
        <v>28</v>
      </c>
      <c r="AF37141">
        <v>28</v>
      </c>
      <c r="AG37141">
        <v>28</v>
      </c>
      <c r="AH37141">
        <v>29</v>
      </c>
      <c r="AI37141">
        <v>29</v>
      </c>
      <c r="AJ37141">
        <v>30</v>
      </c>
      <c r="AK37141">
        <v>30</v>
      </c>
      <c r="AL37141">
        <v>30</v>
      </c>
      <c r="AM37141">
        <v>30</v>
      </c>
      <c r="AN37141">
        <v>30</v>
      </c>
      <c r="AO37141">
        <v>30</v>
      </c>
      <c r="AP37141">
        <v>30</v>
      </c>
      <c r="AQ37141">
        <v>30</v>
      </c>
    </row>
    <row r="37142" spans="1:43">
      <c r="A37142" t="s">
        <v>23025</v>
      </c>
      <c r="B37142" t="s">
        <v>23026</v>
      </c>
      <c r="C37142" t="s">
        <v>23007</v>
      </c>
      <c r="D37142" t="s">
        <v>23008</v>
      </c>
      <c r="E37142" t="s">
        <v>23009</v>
      </c>
      <c r="F37142" t="s">
        <v>23010</v>
      </c>
      <c r="G37142" t="s">
        <v>11612</v>
      </c>
      <c r="H37142" t="s">
        <v>11613</v>
      </c>
      <c r="I37142" s="2">
        <v>0</v>
      </c>
      <c r="J37142" s="2">
        <v>0</v>
      </c>
      <c r="K37142" s="2">
        <v>1</v>
      </c>
      <c r="L37142" t="s">
        <v>995</v>
      </c>
      <c r="M37142" t="s">
        <v>83</v>
      </c>
      <c r="N37142" t="s">
        <v>84</v>
      </c>
      <c r="O37142" t="s">
        <v>85</v>
      </c>
      <c r="P37142" t="s">
        <v>86</v>
      </c>
      <c r="Q37142">
        <v>13</v>
      </c>
      <c r="R37142">
        <v>13</v>
      </c>
      <c r="S37142">
        <v>14</v>
      </c>
      <c r="T37142">
        <v>14</v>
      </c>
      <c r="U37142">
        <v>14</v>
      </c>
      <c r="V37142">
        <v>14</v>
      </c>
      <c r="W37142">
        <v>14</v>
      </c>
      <c r="X37142">
        <v>15</v>
      </c>
      <c r="Y37142">
        <v>15</v>
      </c>
      <c r="Z37142">
        <v>15</v>
      </c>
      <c r="AA37142">
        <v>15</v>
      </c>
      <c r="AB37142">
        <v>15</v>
      </c>
      <c r="AC37142">
        <v>16</v>
      </c>
      <c r="AD37142">
        <v>16</v>
      </c>
      <c r="AE37142">
        <v>16</v>
      </c>
      <c r="AF37142">
        <v>16</v>
      </c>
      <c r="AG37142">
        <v>16</v>
      </c>
      <c r="AH37142">
        <v>17</v>
      </c>
      <c r="AI37142">
        <v>17</v>
      </c>
      <c r="AJ37142">
        <v>17</v>
      </c>
      <c r="AK37142">
        <v>17</v>
      </c>
      <c r="AL37142">
        <v>17</v>
      </c>
      <c r="AM37142">
        <v>17</v>
      </c>
      <c r="AN37142">
        <v>17</v>
      </c>
      <c r="AO37142">
        <v>17</v>
      </c>
      <c r="AP37142">
        <v>17</v>
      </c>
      <c r="AQ37142">
        <v>17</v>
      </c>
    </row>
    <row r="37143" spans="1:43">
      <c r="A37143" t="s">
        <v>23025</v>
      </c>
      <c r="B37143" t="s">
        <v>23026</v>
      </c>
      <c r="C37143" t="s">
        <v>23007</v>
      </c>
      <c r="D37143" t="s">
        <v>23008</v>
      </c>
      <c r="E37143" t="s">
        <v>23009</v>
      </c>
      <c r="F37143" t="s">
        <v>23010</v>
      </c>
      <c r="G37143" t="s">
        <v>11612</v>
      </c>
      <c r="H37143" t="s">
        <v>11613</v>
      </c>
      <c r="I37143" s="2">
        <v>0</v>
      </c>
      <c r="J37143" s="2">
        <v>0</v>
      </c>
      <c r="K37143" s="2">
        <v>1</v>
      </c>
      <c r="L37143" t="s">
        <v>995</v>
      </c>
      <c r="M37143" t="s">
        <v>87</v>
      </c>
      <c r="N37143" t="s">
        <v>88</v>
      </c>
      <c r="O37143" t="s">
        <v>85</v>
      </c>
      <c r="P37143" t="s">
        <v>86</v>
      </c>
      <c r="Q37143">
        <v>13</v>
      </c>
      <c r="R37143">
        <v>13</v>
      </c>
      <c r="S37143">
        <v>13</v>
      </c>
      <c r="T37143">
        <v>13</v>
      </c>
      <c r="U37143">
        <v>13</v>
      </c>
      <c r="V37143">
        <v>13</v>
      </c>
      <c r="W37143">
        <v>14</v>
      </c>
      <c r="X37143">
        <v>14</v>
      </c>
      <c r="Y37143">
        <v>14</v>
      </c>
      <c r="Z37143">
        <v>14</v>
      </c>
      <c r="AA37143">
        <v>14</v>
      </c>
      <c r="AB37143">
        <v>14</v>
      </c>
      <c r="AC37143">
        <v>14</v>
      </c>
      <c r="AD37143">
        <v>14</v>
      </c>
      <c r="AE37143">
        <v>14</v>
      </c>
      <c r="AF37143">
        <v>14</v>
      </c>
      <c r="AG37143">
        <v>14</v>
      </c>
      <c r="AH37143">
        <v>15</v>
      </c>
      <c r="AI37143">
        <v>15</v>
      </c>
      <c r="AJ37143">
        <v>15</v>
      </c>
      <c r="AK37143">
        <v>15</v>
      </c>
      <c r="AL37143">
        <v>15</v>
      </c>
      <c r="AM37143">
        <v>15</v>
      </c>
      <c r="AN37143">
        <v>15</v>
      </c>
      <c r="AO37143">
        <v>15</v>
      </c>
      <c r="AP37143">
        <v>15</v>
      </c>
      <c r="AQ37143">
        <v>15</v>
      </c>
    </row>
    <row r="37144" spans="1:43">
      <c r="A37144" t="s">
        <v>23025</v>
      </c>
      <c r="B37144" t="s">
        <v>23026</v>
      </c>
      <c r="C37144" t="s">
        <v>23007</v>
      </c>
      <c r="D37144" t="s">
        <v>23008</v>
      </c>
      <c r="E37144" t="s">
        <v>23009</v>
      </c>
      <c r="F37144" t="s">
        <v>23010</v>
      </c>
      <c r="G37144" t="s">
        <v>11612</v>
      </c>
      <c r="H37144" t="s">
        <v>11613</v>
      </c>
      <c r="I37144" s="2">
        <v>0</v>
      </c>
      <c r="J37144" s="2">
        <v>0</v>
      </c>
      <c r="K37144" s="2">
        <v>1</v>
      </c>
      <c r="L37144" t="s">
        <v>995</v>
      </c>
      <c r="M37144" t="s">
        <v>89</v>
      </c>
      <c r="N37144" t="s">
        <v>90</v>
      </c>
      <c r="O37144" t="s">
        <v>85</v>
      </c>
      <c r="P37144" t="s">
        <v>86</v>
      </c>
      <c r="Q37144">
        <v>13</v>
      </c>
      <c r="R37144">
        <v>14</v>
      </c>
      <c r="S37144">
        <v>14</v>
      </c>
      <c r="T37144">
        <v>14</v>
      </c>
      <c r="U37144">
        <v>15</v>
      </c>
      <c r="V37144">
        <v>15</v>
      </c>
      <c r="W37144">
        <v>15</v>
      </c>
      <c r="X37144">
        <v>15</v>
      </c>
      <c r="Y37144">
        <v>16</v>
      </c>
      <c r="Z37144">
        <v>16</v>
      </c>
      <c r="AA37144">
        <v>16</v>
      </c>
      <c r="AB37144">
        <v>16</v>
      </c>
      <c r="AC37144">
        <v>17</v>
      </c>
      <c r="AD37144">
        <v>17</v>
      </c>
      <c r="AE37144">
        <v>17</v>
      </c>
      <c r="AF37144">
        <v>17</v>
      </c>
      <c r="AG37144">
        <v>17</v>
      </c>
      <c r="AH37144">
        <v>17</v>
      </c>
      <c r="AI37144">
        <v>17</v>
      </c>
      <c r="AJ37144">
        <v>17</v>
      </c>
      <c r="AK37144">
        <v>17</v>
      </c>
      <c r="AL37144">
        <v>17</v>
      </c>
      <c r="AM37144">
        <v>17</v>
      </c>
      <c r="AN37144">
        <v>17</v>
      </c>
      <c r="AO37144">
        <v>17</v>
      </c>
      <c r="AP37144">
        <v>17</v>
      </c>
      <c r="AQ37144">
        <v>17</v>
      </c>
    </row>
    <row r="37145" spans="1:43">
      <c r="A37145" t="s">
        <v>23025</v>
      </c>
      <c r="B37145" t="s">
        <v>23026</v>
      </c>
      <c r="C37145" t="s">
        <v>23007</v>
      </c>
      <c r="D37145" t="s">
        <v>23008</v>
      </c>
      <c r="E37145" t="s">
        <v>23009</v>
      </c>
      <c r="F37145" t="s">
        <v>23010</v>
      </c>
      <c r="G37145" t="s">
        <v>11612</v>
      </c>
      <c r="H37145" t="s">
        <v>11613</v>
      </c>
      <c r="I37145" s="2">
        <v>0</v>
      </c>
      <c r="J37145" s="2">
        <v>0</v>
      </c>
      <c r="K37145" s="2">
        <v>1</v>
      </c>
      <c r="L37145" t="s">
        <v>995</v>
      </c>
      <c r="M37145" t="s">
        <v>83</v>
      </c>
      <c r="N37145" t="s">
        <v>91</v>
      </c>
      <c r="O37145" t="s">
        <v>85</v>
      </c>
      <c r="P37145" t="s">
        <v>86</v>
      </c>
      <c r="Q37145">
        <v>13</v>
      </c>
      <c r="R37145">
        <v>13</v>
      </c>
      <c r="S37145">
        <v>14</v>
      </c>
      <c r="T37145">
        <v>14</v>
      </c>
      <c r="U37145">
        <v>14</v>
      </c>
      <c r="V37145">
        <v>14</v>
      </c>
      <c r="W37145">
        <v>14</v>
      </c>
      <c r="X37145">
        <v>15</v>
      </c>
      <c r="Y37145">
        <v>15</v>
      </c>
      <c r="Z37145">
        <v>15</v>
      </c>
      <c r="AA37145">
        <v>15</v>
      </c>
      <c r="AB37145">
        <v>15</v>
      </c>
      <c r="AC37145">
        <v>16</v>
      </c>
      <c r="AD37145">
        <v>16</v>
      </c>
      <c r="AE37145">
        <v>16</v>
      </c>
      <c r="AF37145">
        <v>16</v>
      </c>
      <c r="AG37145">
        <v>16</v>
      </c>
      <c r="AH37145">
        <v>17</v>
      </c>
      <c r="AI37145">
        <v>17</v>
      </c>
      <c r="AJ37145">
        <v>17</v>
      </c>
      <c r="AK37145">
        <v>17</v>
      </c>
      <c r="AL37145">
        <v>17</v>
      </c>
      <c r="AM37145">
        <v>17</v>
      </c>
      <c r="AN37145">
        <v>17</v>
      </c>
      <c r="AO37145">
        <v>17</v>
      </c>
      <c r="AP37145">
        <v>17</v>
      </c>
      <c r="AQ37145">
        <v>17</v>
      </c>
    </row>
    <row r="37146" spans="1:43">
      <c r="A37146" t="s">
        <v>23027</v>
      </c>
      <c r="B37146" t="s">
        <v>23028</v>
      </c>
      <c r="C37146" t="s">
        <v>23007</v>
      </c>
      <c r="D37146" t="s">
        <v>23008</v>
      </c>
      <c r="E37146" t="s">
        <v>23009</v>
      </c>
      <c r="F37146" t="s">
        <v>23010</v>
      </c>
      <c r="G37146" t="s">
        <v>11612</v>
      </c>
      <c r="H37146" t="s">
        <v>11613</v>
      </c>
      <c r="I37146" s="2">
        <v>0</v>
      </c>
      <c r="J37146" s="2">
        <v>0</v>
      </c>
      <c r="K37146" s="2">
        <v>1</v>
      </c>
      <c r="L37146" t="s">
        <v>995</v>
      </c>
      <c r="M37146" t="s">
        <v>83</v>
      </c>
      <c r="N37146" t="s">
        <v>84</v>
      </c>
      <c r="O37146" t="s">
        <v>85</v>
      </c>
      <c r="P37146" t="s">
        <v>86</v>
      </c>
      <c r="Q37146">
        <v>43</v>
      </c>
      <c r="R37146">
        <v>43</v>
      </c>
      <c r="S37146">
        <v>44</v>
      </c>
      <c r="T37146">
        <v>45</v>
      </c>
      <c r="U37146">
        <v>45</v>
      </c>
      <c r="V37146">
        <v>46</v>
      </c>
      <c r="W37146">
        <v>47</v>
      </c>
      <c r="X37146">
        <v>47</v>
      </c>
      <c r="Y37146">
        <v>48</v>
      </c>
      <c r="Z37146">
        <v>49</v>
      </c>
      <c r="AA37146">
        <v>50</v>
      </c>
      <c r="AB37146">
        <v>50</v>
      </c>
      <c r="AC37146">
        <v>51</v>
      </c>
      <c r="AD37146">
        <v>51</v>
      </c>
      <c r="AE37146">
        <v>52</v>
      </c>
      <c r="AF37146">
        <v>53</v>
      </c>
      <c r="AG37146">
        <v>53</v>
      </c>
      <c r="AH37146">
        <v>54</v>
      </c>
      <c r="AI37146">
        <v>55</v>
      </c>
      <c r="AJ37146">
        <v>55</v>
      </c>
      <c r="AK37146">
        <v>56</v>
      </c>
      <c r="AL37146">
        <v>56</v>
      </c>
      <c r="AM37146">
        <v>56</v>
      </c>
      <c r="AN37146">
        <v>56</v>
      </c>
      <c r="AO37146">
        <v>56</v>
      </c>
      <c r="AP37146">
        <v>56</v>
      </c>
      <c r="AQ37146">
        <v>57</v>
      </c>
    </row>
    <row r="37147" spans="1:43">
      <c r="A37147" t="s">
        <v>23027</v>
      </c>
      <c r="B37147" t="s">
        <v>23028</v>
      </c>
      <c r="C37147" t="s">
        <v>23007</v>
      </c>
      <c r="D37147" t="s">
        <v>23008</v>
      </c>
      <c r="E37147" t="s">
        <v>23009</v>
      </c>
      <c r="F37147" t="s">
        <v>23010</v>
      </c>
      <c r="G37147" t="s">
        <v>11612</v>
      </c>
      <c r="H37147" t="s">
        <v>11613</v>
      </c>
      <c r="I37147" s="2">
        <v>0</v>
      </c>
      <c r="J37147" s="2">
        <v>0</v>
      </c>
      <c r="K37147" s="2">
        <v>1</v>
      </c>
      <c r="L37147" t="s">
        <v>995</v>
      </c>
      <c r="M37147" t="s">
        <v>87</v>
      </c>
      <c r="N37147" t="s">
        <v>88</v>
      </c>
      <c r="O37147" t="s">
        <v>85</v>
      </c>
      <c r="P37147" t="s">
        <v>86</v>
      </c>
      <c r="Q37147">
        <v>43</v>
      </c>
      <c r="R37147">
        <v>43</v>
      </c>
      <c r="S37147">
        <v>44</v>
      </c>
      <c r="T37147">
        <v>44</v>
      </c>
      <c r="U37147">
        <v>44</v>
      </c>
      <c r="V37147">
        <v>45</v>
      </c>
      <c r="W37147">
        <v>45</v>
      </c>
      <c r="X37147">
        <v>45</v>
      </c>
      <c r="Y37147">
        <v>45</v>
      </c>
      <c r="Z37147">
        <v>46</v>
      </c>
      <c r="AA37147">
        <v>46</v>
      </c>
      <c r="AB37147">
        <v>46</v>
      </c>
      <c r="AC37147">
        <v>47</v>
      </c>
      <c r="AD37147">
        <v>47</v>
      </c>
      <c r="AE37147">
        <v>47</v>
      </c>
      <c r="AF37147">
        <v>48</v>
      </c>
      <c r="AG37147">
        <v>48</v>
      </c>
      <c r="AH37147">
        <v>48</v>
      </c>
      <c r="AI37147">
        <v>48</v>
      </c>
      <c r="AJ37147">
        <v>49</v>
      </c>
      <c r="AK37147">
        <v>49</v>
      </c>
      <c r="AL37147">
        <v>49</v>
      </c>
      <c r="AM37147">
        <v>50</v>
      </c>
      <c r="AN37147">
        <v>50</v>
      </c>
      <c r="AO37147">
        <v>50</v>
      </c>
      <c r="AP37147">
        <v>50</v>
      </c>
      <c r="AQ37147">
        <v>51</v>
      </c>
    </row>
    <row r="37148" spans="1:43">
      <c r="A37148" t="s">
        <v>23027</v>
      </c>
      <c r="B37148" t="s">
        <v>23028</v>
      </c>
      <c r="C37148" t="s">
        <v>23007</v>
      </c>
      <c r="D37148" t="s">
        <v>23008</v>
      </c>
      <c r="E37148" t="s">
        <v>23009</v>
      </c>
      <c r="F37148" t="s">
        <v>23010</v>
      </c>
      <c r="G37148" t="s">
        <v>11612</v>
      </c>
      <c r="H37148" t="s">
        <v>11613</v>
      </c>
      <c r="I37148" s="2">
        <v>0</v>
      </c>
      <c r="J37148" s="2">
        <v>0</v>
      </c>
      <c r="K37148" s="2">
        <v>1</v>
      </c>
      <c r="L37148" t="s">
        <v>995</v>
      </c>
      <c r="M37148" t="s">
        <v>89</v>
      </c>
      <c r="N37148" t="s">
        <v>90</v>
      </c>
      <c r="O37148" t="s">
        <v>85</v>
      </c>
      <c r="P37148" t="s">
        <v>86</v>
      </c>
      <c r="Q37148">
        <v>43</v>
      </c>
      <c r="R37148">
        <v>44</v>
      </c>
      <c r="S37148">
        <v>45</v>
      </c>
      <c r="T37148">
        <v>46</v>
      </c>
      <c r="U37148">
        <v>47</v>
      </c>
      <c r="V37148">
        <v>48</v>
      </c>
      <c r="W37148">
        <v>49</v>
      </c>
      <c r="X37148">
        <v>50</v>
      </c>
      <c r="Y37148">
        <v>51</v>
      </c>
      <c r="Z37148">
        <v>52</v>
      </c>
      <c r="AA37148">
        <v>53</v>
      </c>
      <c r="AB37148">
        <v>53</v>
      </c>
      <c r="AC37148">
        <v>54</v>
      </c>
      <c r="AD37148">
        <v>55</v>
      </c>
      <c r="AE37148">
        <v>56</v>
      </c>
      <c r="AF37148">
        <v>56</v>
      </c>
      <c r="AG37148">
        <v>56</v>
      </c>
      <c r="AH37148">
        <v>56</v>
      </c>
      <c r="AI37148">
        <v>56</v>
      </c>
      <c r="AJ37148">
        <v>56</v>
      </c>
      <c r="AK37148">
        <v>56</v>
      </c>
      <c r="AL37148">
        <v>56</v>
      </c>
      <c r="AM37148">
        <v>56</v>
      </c>
      <c r="AN37148">
        <v>56</v>
      </c>
      <c r="AO37148">
        <v>57</v>
      </c>
      <c r="AP37148">
        <v>57</v>
      </c>
      <c r="AQ37148">
        <v>57</v>
      </c>
    </row>
    <row r="37149" spans="1:43">
      <c r="A37149" t="s">
        <v>23027</v>
      </c>
      <c r="B37149" t="s">
        <v>23028</v>
      </c>
      <c r="C37149" t="s">
        <v>23007</v>
      </c>
      <c r="D37149" t="s">
        <v>23008</v>
      </c>
      <c r="E37149" t="s">
        <v>23009</v>
      </c>
      <c r="F37149" t="s">
        <v>23010</v>
      </c>
      <c r="G37149" t="s">
        <v>11612</v>
      </c>
      <c r="H37149" t="s">
        <v>11613</v>
      </c>
      <c r="I37149" s="2">
        <v>0</v>
      </c>
      <c r="J37149" s="2">
        <v>0</v>
      </c>
      <c r="K37149" s="2">
        <v>1</v>
      </c>
      <c r="L37149" t="s">
        <v>995</v>
      </c>
      <c r="M37149" t="s">
        <v>83</v>
      </c>
      <c r="N37149" t="s">
        <v>91</v>
      </c>
      <c r="O37149" t="s">
        <v>85</v>
      </c>
      <c r="P37149" t="s">
        <v>86</v>
      </c>
      <c r="Q37149">
        <v>43</v>
      </c>
      <c r="R37149">
        <v>43</v>
      </c>
      <c r="S37149">
        <v>44</v>
      </c>
      <c r="T37149">
        <v>45</v>
      </c>
      <c r="U37149">
        <v>45</v>
      </c>
      <c r="V37149">
        <v>46</v>
      </c>
      <c r="W37149">
        <v>47</v>
      </c>
      <c r="X37149">
        <v>47</v>
      </c>
      <c r="Y37149">
        <v>48</v>
      </c>
      <c r="Z37149">
        <v>49</v>
      </c>
      <c r="AA37149">
        <v>50</v>
      </c>
      <c r="AB37149">
        <v>50</v>
      </c>
      <c r="AC37149">
        <v>51</v>
      </c>
      <c r="AD37149">
        <v>51</v>
      </c>
      <c r="AE37149">
        <v>52</v>
      </c>
      <c r="AF37149">
        <v>53</v>
      </c>
      <c r="AG37149">
        <v>53</v>
      </c>
      <c r="AH37149">
        <v>54</v>
      </c>
      <c r="AI37149">
        <v>55</v>
      </c>
      <c r="AJ37149">
        <v>55</v>
      </c>
      <c r="AK37149">
        <v>56</v>
      </c>
      <c r="AL37149">
        <v>56</v>
      </c>
      <c r="AM37149">
        <v>56</v>
      </c>
      <c r="AN37149">
        <v>56</v>
      </c>
      <c r="AO37149">
        <v>56</v>
      </c>
      <c r="AP37149">
        <v>56</v>
      </c>
      <c r="AQ37149">
        <v>57</v>
      </c>
    </row>
    <row r="37150" spans="1:43">
      <c r="A37150" t="s">
        <v>23029</v>
      </c>
      <c r="B37150" t="s">
        <v>23030</v>
      </c>
      <c r="C37150" t="s">
        <v>23013</v>
      </c>
      <c r="D37150" t="s">
        <v>23014</v>
      </c>
      <c r="E37150" t="s">
        <v>23009</v>
      </c>
      <c r="F37150" t="s">
        <v>23010</v>
      </c>
      <c r="G37150" t="s">
        <v>11612</v>
      </c>
      <c r="H37150" t="s">
        <v>11613</v>
      </c>
      <c r="I37150" s="2">
        <v>0</v>
      </c>
      <c r="J37150" s="2">
        <v>0</v>
      </c>
      <c r="K37150" s="2">
        <v>1</v>
      </c>
      <c r="L37150" t="s">
        <v>995</v>
      </c>
      <c r="M37150" t="s">
        <v>83</v>
      </c>
      <c r="N37150" t="s">
        <v>84</v>
      </c>
      <c r="O37150" t="s">
        <v>85</v>
      </c>
      <c r="P37150" t="s">
        <v>86</v>
      </c>
      <c r="Q37150">
        <v>14</v>
      </c>
      <c r="R37150">
        <v>14</v>
      </c>
      <c r="S37150">
        <v>14</v>
      </c>
      <c r="T37150">
        <v>14</v>
      </c>
      <c r="U37150">
        <v>14</v>
      </c>
      <c r="V37150">
        <v>15</v>
      </c>
      <c r="W37150">
        <v>15</v>
      </c>
      <c r="X37150">
        <v>15</v>
      </c>
      <c r="Y37150">
        <v>15</v>
      </c>
      <c r="Z37150">
        <v>16</v>
      </c>
      <c r="AA37150">
        <v>16</v>
      </c>
      <c r="AB37150">
        <v>16</v>
      </c>
      <c r="AC37150">
        <v>16</v>
      </c>
      <c r="AD37150">
        <v>16</v>
      </c>
      <c r="AE37150">
        <v>17</v>
      </c>
      <c r="AF37150">
        <v>17</v>
      </c>
      <c r="AG37150">
        <v>17</v>
      </c>
      <c r="AH37150">
        <v>17</v>
      </c>
      <c r="AI37150">
        <v>18</v>
      </c>
      <c r="AJ37150">
        <v>18</v>
      </c>
      <c r="AK37150">
        <v>18</v>
      </c>
      <c r="AL37150">
        <v>18</v>
      </c>
      <c r="AM37150">
        <v>18</v>
      </c>
      <c r="AN37150">
        <v>18</v>
      </c>
      <c r="AO37150">
        <v>18</v>
      </c>
      <c r="AP37150">
        <v>18</v>
      </c>
      <c r="AQ37150">
        <v>18</v>
      </c>
    </row>
    <row r="37151" spans="1:43">
      <c r="A37151" t="s">
        <v>23029</v>
      </c>
      <c r="B37151" t="s">
        <v>23030</v>
      </c>
      <c r="C37151" t="s">
        <v>23013</v>
      </c>
      <c r="D37151" t="s">
        <v>23014</v>
      </c>
      <c r="E37151" t="s">
        <v>23009</v>
      </c>
      <c r="F37151" t="s">
        <v>23010</v>
      </c>
      <c r="G37151" t="s">
        <v>11612</v>
      </c>
      <c r="H37151" t="s">
        <v>11613</v>
      </c>
      <c r="I37151" s="2">
        <v>0</v>
      </c>
      <c r="J37151" s="2">
        <v>0</v>
      </c>
      <c r="K37151" s="2">
        <v>1</v>
      </c>
      <c r="L37151" t="s">
        <v>995</v>
      </c>
      <c r="M37151" t="s">
        <v>87</v>
      </c>
      <c r="N37151" t="s">
        <v>88</v>
      </c>
      <c r="O37151" t="s">
        <v>85</v>
      </c>
      <c r="P37151" t="s">
        <v>86</v>
      </c>
      <c r="Q37151">
        <v>14</v>
      </c>
      <c r="R37151">
        <v>14</v>
      </c>
      <c r="S37151">
        <v>15</v>
      </c>
      <c r="T37151">
        <v>15</v>
      </c>
      <c r="U37151">
        <v>15</v>
      </c>
      <c r="V37151">
        <v>15</v>
      </c>
      <c r="W37151">
        <v>15</v>
      </c>
      <c r="X37151">
        <v>15</v>
      </c>
      <c r="Y37151">
        <v>15</v>
      </c>
      <c r="Z37151">
        <v>15</v>
      </c>
      <c r="AA37151">
        <v>15</v>
      </c>
      <c r="AB37151">
        <v>15</v>
      </c>
      <c r="AC37151">
        <v>16</v>
      </c>
      <c r="AD37151">
        <v>16</v>
      </c>
      <c r="AE37151">
        <v>16</v>
      </c>
      <c r="AF37151">
        <v>16</v>
      </c>
      <c r="AG37151">
        <v>16</v>
      </c>
      <c r="AH37151">
        <v>16</v>
      </c>
      <c r="AI37151">
        <v>16</v>
      </c>
      <c r="AJ37151">
        <v>16</v>
      </c>
      <c r="AK37151">
        <v>16</v>
      </c>
      <c r="AL37151">
        <v>16</v>
      </c>
      <c r="AM37151">
        <v>16</v>
      </c>
      <c r="AN37151">
        <v>17</v>
      </c>
      <c r="AO37151">
        <v>17</v>
      </c>
      <c r="AP37151">
        <v>17</v>
      </c>
      <c r="AQ37151">
        <v>17</v>
      </c>
    </row>
    <row r="37152" spans="1:43">
      <c r="A37152" t="s">
        <v>23029</v>
      </c>
      <c r="B37152" t="s">
        <v>23030</v>
      </c>
      <c r="C37152" t="s">
        <v>23013</v>
      </c>
      <c r="D37152" t="s">
        <v>23014</v>
      </c>
      <c r="E37152" t="s">
        <v>23009</v>
      </c>
      <c r="F37152" t="s">
        <v>23010</v>
      </c>
      <c r="G37152" t="s">
        <v>11612</v>
      </c>
      <c r="H37152" t="s">
        <v>11613</v>
      </c>
      <c r="I37152" s="2">
        <v>0</v>
      </c>
      <c r="J37152" s="2">
        <v>0</v>
      </c>
      <c r="K37152" s="2">
        <v>1</v>
      </c>
      <c r="L37152" t="s">
        <v>995</v>
      </c>
      <c r="M37152" t="s">
        <v>89</v>
      </c>
      <c r="N37152" t="s">
        <v>90</v>
      </c>
      <c r="O37152" t="s">
        <v>85</v>
      </c>
      <c r="P37152" t="s">
        <v>86</v>
      </c>
      <c r="Q37152">
        <v>14</v>
      </c>
      <c r="R37152">
        <v>14</v>
      </c>
      <c r="S37152">
        <v>14</v>
      </c>
      <c r="T37152">
        <v>15</v>
      </c>
      <c r="U37152">
        <v>15</v>
      </c>
      <c r="V37152">
        <v>15</v>
      </c>
      <c r="W37152">
        <v>16</v>
      </c>
      <c r="X37152">
        <v>16</v>
      </c>
      <c r="Y37152">
        <v>16</v>
      </c>
      <c r="Z37152">
        <v>17</v>
      </c>
      <c r="AA37152">
        <v>17</v>
      </c>
      <c r="AB37152">
        <v>17</v>
      </c>
      <c r="AC37152">
        <v>17</v>
      </c>
      <c r="AD37152">
        <v>18</v>
      </c>
      <c r="AE37152">
        <v>18</v>
      </c>
      <c r="AF37152">
        <v>18</v>
      </c>
      <c r="AG37152">
        <v>18</v>
      </c>
      <c r="AH37152">
        <v>18</v>
      </c>
      <c r="AI37152">
        <v>18</v>
      </c>
      <c r="AJ37152">
        <v>18</v>
      </c>
      <c r="AK37152">
        <v>18</v>
      </c>
      <c r="AL37152">
        <v>18</v>
      </c>
      <c r="AM37152">
        <v>18</v>
      </c>
      <c r="AN37152">
        <v>18</v>
      </c>
      <c r="AO37152">
        <v>18</v>
      </c>
      <c r="AP37152">
        <v>18</v>
      </c>
      <c r="AQ37152">
        <v>18</v>
      </c>
    </row>
    <row r="37153" spans="1:43">
      <c r="A37153" t="s">
        <v>23029</v>
      </c>
      <c r="B37153" t="s">
        <v>23030</v>
      </c>
      <c r="C37153" t="s">
        <v>23013</v>
      </c>
      <c r="D37153" t="s">
        <v>23014</v>
      </c>
      <c r="E37153" t="s">
        <v>23009</v>
      </c>
      <c r="F37153" t="s">
        <v>23010</v>
      </c>
      <c r="G37153" t="s">
        <v>11612</v>
      </c>
      <c r="H37153" t="s">
        <v>11613</v>
      </c>
      <c r="I37153" s="2">
        <v>0</v>
      </c>
      <c r="J37153" s="2">
        <v>0</v>
      </c>
      <c r="K37153" s="2">
        <v>1</v>
      </c>
      <c r="L37153" t="s">
        <v>995</v>
      </c>
      <c r="M37153" t="s">
        <v>83</v>
      </c>
      <c r="N37153" t="s">
        <v>91</v>
      </c>
      <c r="O37153" t="s">
        <v>85</v>
      </c>
      <c r="P37153" t="s">
        <v>86</v>
      </c>
      <c r="Q37153">
        <v>14</v>
      </c>
      <c r="R37153">
        <v>14</v>
      </c>
      <c r="S37153">
        <v>14</v>
      </c>
      <c r="T37153">
        <v>14</v>
      </c>
      <c r="U37153">
        <v>14</v>
      </c>
      <c r="V37153">
        <v>15</v>
      </c>
      <c r="W37153">
        <v>15</v>
      </c>
      <c r="X37153">
        <v>15</v>
      </c>
      <c r="Y37153">
        <v>15</v>
      </c>
      <c r="Z37153">
        <v>16</v>
      </c>
      <c r="AA37153">
        <v>16</v>
      </c>
      <c r="AB37153">
        <v>16</v>
      </c>
      <c r="AC37153">
        <v>16</v>
      </c>
      <c r="AD37153">
        <v>16</v>
      </c>
      <c r="AE37153">
        <v>17</v>
      </c>
      <c r="AF37153">
        <v>17</v>
      </c>
      <c r="AG37153">
        <v>17</v>
      </c>
      <c r="AH37153">
        <v>17</v>
      </c>
      <c r="AI37153">
        <v>18</v>
      </c>
      <c r="AJ37153">
        <v>18</v>
      </c>
      <c r="AK37153">
        <v>18</v>
      </c>
      <c r="AL37153">
        <v>18</v>
      </c>
      <c r="AM37153">
        <v>18</v>
      </c>
      <c r="AN37153">
        <v>18</v>
      </c>
      <c r="AO37153">
        <v>18</v>
      </c>
      <c r="AP37153">
        <v>18</v>
      </c>
      <c r="AQ37153">
        <v>18</v>
      </c>
    </row>
    <row r="37154" spans="1:43">
      <c r="A37154" t="s">
        <v>23031</v>
      </c>
      <c r="B37154" t="s">
        <v>23032</v>
      </c>
      <c r="C37154" t="s">
        <v>23013</v>
      </c>
      <c r="D37154" t="s">
        <v>23014</v>
      </c>
      <c r="E37154" t="s">
        <v>23009</v>
      </c>
      <c r="F37154" t="s">
        <v>23010</v>
      </c>
      <c r="G37154" t="s">
        <v>11612</v>
      </c>
      <c r="H37154" t="s">
        <v>11613</v>
      </c>
      <c r="I37154" s="2">
        <v>0</v>
      </c>
      <c r="J37154" s="2">
        <v>0</v>
      </c>
      <c r="K37154" s="2">
        <v>1</v>
      </c>
      <c r="L37154" t="s">
        <v>995</v>
      </c>
      <c r="M37154" t="s">
        <v>83</v>
      </c>
      <c r="N37154" t="s">
        <v>84</v>
      </c>
      <c r="O37154" t="s">
        <v>85</v>
      </c>
      <c r="P37154" t="s">
        <v>86</v>
      </c>
      <c r="Q37154">
        <v>48</v>
      </c>
      <c r="R37154">
        <v>49</v>
      </c>
      <c r="S37154">
        <v>49</v>
      </c>
      <c r="T37154">
        <v>50</v>
      </c>
      <c r="U37154">
        <v>51</v>
      </c>
      <c r="V37154">
        <v>52</v>
      </c>
      <c r="W37154">
        <v>53</v>
      </c>
      <c r="X37154">
        <v>53</v>
      </c>
      <c r="Y37154">
        <v>54</v>
      </c>
      <c r="Z37154">
        <v>55</v>
      </c>
      <c r="AA37154">
        <v>56</v>
      </c>
      <c r="AB37154">
        <v>57</v>
      </c>
      <c r="AC37154">
        <v>57</v>
      </c>
      <c r="AD37154">
        <v>58</v>
      </c>
      <c r="AE37154">
        <v>59</v>
      </c>
      <c r="AF37154">
        <v>59</v>
      </c>
      <c r="AG37154">
        <v>60</v>
      </c>
      <c r="AH37154">
        <v>61</v>
      </c>
      <c r="AI37154">
        <v>62</v>
      </c>
      <c r="AJ37154">
        <v>62</v>
      </c>
      <c r="AK37154">
        <v>63</v>
      </c>
      <c r="AL37154">
        <v>64</v>
      </c>
      <c r="AM37154">
        <v>64</v>
      </c>
      <c r="AN37154">
        <v>64</v>
      </c>
      <c r="AO37154">
        <v>64</v>
      </c>
      <c r="AP37154">
        <v>64</v>
      </c>
      <c r="AQ37154">
        <v>64</v>
      </c>
    </row>
    <row r="37155" spans="1:43">
      <c r="A37155" t="s">
        <v>23031</v>
      </c>
      <c r="B37155" t="s">
        <v>23032</v>
      </c>
      <c r="C37155" t="s">
        <v>23013</v>
      </c>
      <c r="D37155" t="s">
        <v>23014</v>
      </c>
      <c r="E37155" t="s">
        <v>23009</v>
      </c>
      <c r="F37155" t="s">
        <v>23010</v>
      </c>
      <c r="G37155" t="s">
        <v>11612</v>
      </c>
      <c r="H37155" t="s">
        <v>11613</v>
      </c>
      <c r="I37155" s="2">
        <v>0</v>
      </c>
      <c r="J37155" s="2">
        <v>0</v>
      </c>
      <c r="K37155" s="2">
        <v>1</v>
      </c>
      <c r="L37155" t="s">
        <v>995</v>
      </c>
      <c r="M37155" t="s">
        <v>87</v>
      </c>
      <c r="N37155" t="s">
        <v>88</v>
      </c>
      <c r="O37155" t="s">
        <v>85</v>
      </c>
      <c r="P37155" t="s">
        <v>86</v>
      </c>
      <c r="Q37155">
        <v>48</v>
      </c>
      <c r="R37155">
        <v>49</v>
      </c>
      <c r="S37155">
        <v>49</v>
      </c>
      <c r="T37155">
        <v>49</v>
      </c>
      <c r="U37155">
        <v>50</v>
      </c>
      <c r="V37155">
        <v>50</v>
      </c>
      <c r="W37155">
        <v>50</v>
      </c>
      <c r="X37155">
        <v>51</v>
      </c>
      <c r="Y37155">
        <v>51</v>
      </c>
      <c r="Z37155">
        <v>51</v>
      </c>
      <c r="AA37155">
        <v>52</v>
      </c>
      <c r="AB37155">
        <v>52</v>
      </c>
      <c r="AC37155">
        <v>52</v>
      </c>
      <c r="AD37155">
        <v>53</v>
      </c>
      <c r="AE37155">
        <v>53</v>
      </c>
      <c r="AF37155">
        <v>53</v>
      </c>
      <c r="AG37155">
        <v>54</v>
      </c>
      <c r="AH37155">
        <v>54</v>
      </c>
      <c r="AI37155">
        <v>54</v>
      </c>
      <c r="AJ37155">
        <v>55</v>
      </c>
      <c r="AK37155">
        <v>55</v>
      </c>
      <c r="AL37155">
        <v>55</v>
      </c>
      <c r="AM37155">
        <v>56</v>
      </c>
      <c r="AN37155">
        <v>56</v>
      </c>
      <c r="AO37155">
        <v>56</v>
      </c>
      <c r="AP37155">
        <v>57</v>
      </c>
      <c r="AQ37155">
        <v>57</v>
      </c>
    </row>
    <row r="37156" spans="1:43">
      <c r="A37156" t="s">
        <v>23031</v>
      </c>
      <c r="B37156" t="s">
        <v>23032</v>
      </c>
      <c r="C37156" t="s">
        <v>23013</v>
      </c>
      <c r="D37156" t="s">
        <v>23014</v>
      </c>
      <c r="E37156" t="s">
        <v>23009</v>
      </c>
      <c r="F37156" t="s">
        <v>23010</v>
      </c>
      <c r="G37156" t="s">
        <v>11612</v>
      </c>
      <c r="H37156" t="s">
        <v>11613</v>
      </c>
      <c r="I37156" s="2">
        <v>0</v>
      </c>
      <c r="J37156" s="2">
        <v>0</v>
      </c>
      <c r="K37156" s="2">
        <v>1</v>
      </c>
      <c r="L37156" t="s">
        <v>995</v>
      </c>
      <c r="M37156" t="s">
        <v>89</v>
      </c>
      <c r="N37156" t="s">
        <v>90</v>
      </c>
      <c r="O37156" t="s">
        <v>85</v>
      </c>
      <c r="P37156" t="s">
        <v>86</v>
      </c>
      <c r="Q37156">
        <v>48</v>
      </c>
      <c r="R37156">
        <v>49</v>
      </c>
      <c r="S37156">
        <v>51</v>
      </c>
      <c r="T37156">
        <v>52</v>
      </c>
      <c r="U37156">
        <v>53</v>
      </c>
      <c r="V37156">
        <v>54</v>
      </c>
      <c r="W37156">
        <v>55</v>
      </c>
      <c r="X37156">
        <v>56</v>
      </c>
      <c r="Y37156">
        <v>57</v>
      </c>
      <c r="Z37156">
        <v>58</v>
      </c>
      <c r="AA37156">
        <v>59</v>
      </c>
      <c r="AB37156">
        <v>60</v>
      </c>
      <c r="AC37156">
        <v>61</v>
      </c>
      <c r="AD37156">
        <v>62</v>
      </c>
      <c r="AE37156">
        <v>63</v>
      </c>
      <c r="AF37156">
        <v>63</v>
      </c>
      <c r="AG37156">
        <v>63</v>
      </c>
      <c r="AH37156">
        <v>63</v>
      </c>
      <c r="AI37156">
        <v>64</v>
      </c>
      <c r="AJ37156">
        <v>64</v>
      </c>
      <c r="AK37156">
        <v>64</v>
      </c>
      <c r="AL37156">
        <v>64</v>
      </c>
      <c r="AM37156">
        <v>64</v>
      </c>
      <c r="AN37156">
        <v>64</v>
      </c>
      <c r="AO37156">
        <v>64</v>
      </c>
      <c r="AP37156">
        <v>65</v>
      </c>
      <c r="AQ37156">
        <v>65</v>
      </c>
    </row>
    <row r="37157" spans="1:43">
      <c r="A37157" t="s">
        <v>23031</v>
      </c>
      <c r="B37157" t="s">
        <v>23032</v>
      </c>
      <c r="C37157" t="s">
        <v>23013</v>
      </c>
      <c r="D37157" t="s">
        <v>23014</v>
      </c>
      <c r="E37157" t="s">
        <v>23009</v>
      </c>
      <c r="F37157" t="s">
        <v>23010</v>
      </c>
      <c r="G37157" t="s">
        <v>11612</v>
      </c>
      <c r="H37157" t="s">
        <v>11613</v>
      </c>
      <c r="I37157" s="2">
        <v>0</v>
      </c>
      <c r="J37157" s="2">
        <v>0</v>
      </c>
      <c r="K37157" s="2">
        <v>1</v>
      </c>
      <c r="L37157" t="s">
        <v>995</v>
      </c>
      <c r="M37157" t="s">
        <v>83</v>
      </c>
      <c r="N37157" t="s">
        <v>91</v>
      </c>
      <c r="O37157" t="s">
        <v>85</v>
      </c>
      <c r="P37157" t="s">
        <v>86</v>
      </c>
      <c r="Q37157">
        <v>48</v>
      </c>
      <c r="R37157">
        <v>49</v>
      </c>
      <c r="S37157">
        <v>49</v>
      </c>
      <c r="T37157">
        <v>50</v>
      </c>
      <c r="U37157">
        <v>51</v>
      </c>
      <c r="V37157">
        <v>52</v>
      </c>
      <c r="W37157">
        <v>53</v>
      </c>
      <c r="X37157">
        <v>53</v>
      </c>
      <c r="Y37157">
        <v>54</v>
      </c>
      <c r="Z37157">
        <v>55</v>
      </c>
      <c r="AA37157">
        <v>56</v>
      </c>
      <c r="AB37157">
        <v>57</v>
      </c>
      <c r="AC37157">
        <v>57</v>
      </c>
      <c r="AD37157">
        <v>58</v>
      </c>
      <c r="AE37157">
        <v>59</v>
      </c>
      <c r="AF37157">
        <v>59</v>
      </c>
      <c r="AG37157">
        <v>60</v>
      </c>
      <c r="AH37157">
        <v>61</v>
      </c>
      <c r="AI37157">
        <v>62</v>
      </c>
      <c r="AJ37157">
        <v>62</v>
      </c>
      <c r="AK37157">
        <v>63</v>
      </c>
      <c r="AL37157">
        <v>64</v>
      </c>
      <c r="AM37157">
        <v>64</v>
      </c>
      <c r="AN37157">
        <v>64</v>
      </c>
      <c r="AO37157">
        <v>64</v>
      </c>
      <c r="AP37157">
        <v>64</v>
      </c>
      <c r="AQ37157">
        <v>64</v>
      </c>
    </row>
    <row r="37158" spans="1:43">
      <c r="A37158" t="s">
        <v>23033</v>
      </c>
      <c r="B37158" t="s">
        <v>23034</v>
      </c>
      <c r="C37158" t="s">
        <v>23035</v>
      </c>
      <c r="D37158" t="s">
        <v>23036</v>
      </c>
      <c r="E37158" t="s">
        <v>23009</v>
      </c>
      <c r="F37158" t="s">
        <v>23010</v>
      </c>
      <c r="G37158" t="s">
        <v>11612</v>
      </c>
      <c r="H37158" t="s">
        <v>11613</v>
      </c>
      <c r="I37158" s="2">
        <v>0</v>
      </c>
      <c r="J37158" s="2">
        <v>0</v>
      </c>
      <c r="K37158" s="2">
        <v>1</v>
      </c>
      <c r="L37158" t="s">
        <v>995</v>
      </c>
      <c r="M37158" t="s">
        <v>83</v>
      </c>
      <c r="N37158" t="s">
        <v>84</v>
      </c>
      <c r="O37158" t="s">
        <v>85</v>
      </c>
      <c r="P37158" t="s">
        <v>86</v>
      </c>
      <c r="Q37158">
        <v>37</v>
      </c>
      <c r="R37158">
        <v>37</v>
      </c>
      <c r="S37158">
        <v>38</v>
      </c>
      <c r="T37158">
        <v>38</v>
      </c>
      <c r="U37158">
        <v>39</v>
      </c>
      <c r="V37158">
        <v>40</v>
      </c>
      <c r="W37158">
        <v>40</v>
      </c>
      <c r="X37158">
        <v>41</v>
      </c>
      <c r="Y37158">
        <v>41</v>
      </c>
      <c r="Z37158">
        <v>42</v>
      </c>
      <c r="AA37158">
        <v>43</v>
      </c>
      <c r="AB37158">
        <v>43</v>
      </c>
      <c r="AC37158">
        <v>44</v>
      </c>
      <c r="AD37158">
        <v>44</v>
      </c>
      <c r="AE37158">
        <v>45</v>
      </c>
      <c r="AF37158">
        <v>45</v>
      </c>
      <c r="AG37158">
        <v>46</v>
      </c>
      <c r="AH37158">
        <v>47</v>
      </c>
      <c r="AI37158">
        <v>47</v>
      </c>
      <c r="AJ37158">
        <v>48</v>
      </c>
      <c r="AK37158">
        <v>48</v>
      </c>
      <c r="AL37158">
        <v>49</v>
      </c>
      <c r="AM37158">
        <v>49</v>
      </c>
      <c r="AN37158">
        <v>49</v>
      </c>
      <c r="AO37158">
        <v>49</v>
      </c>
      <c r="AP37158">
        <v>49</v>
      </c>
      <c r="AQ37158">
        <v>49</v>
      </c>
    </row>
    <row r="37159" spans="1:43">
      <c r="A37159" t="s">
        <v>23033</v>
      </c>
      <c r="B37159" t="s">
        <v>23034</v>
      </c>
      <c r="C37159" t="s">
        <v>23035</v>
      </c>
      <c r="D37159" t="s">
        <v>23036</v>
      </c>
      <c r="E37159" t="s">
        <v>23009</v>
      </c>
      <c r="F37159" t="s">
        <v>23010</v>
      </c>
      <c r="G37159" t="s">
        <v>11612</v>
      </c>
      <c r="H37159" t="s">
        <v>11613</v>
      </c>
      <c r="I37159" s="2">
        <v>0</v>
      </c>
      <c r="J37159" s="2">
        <v>0</v>
      </c>
      <c r="K37159" s="2">
        <v>1</v>
      </c>
      <c r="L37159" t="s">
        <v>995</v>
      </c>
      <c r="M37159" t="s">
        <v>87</v>
      </c>
      <c r="N37159" t="s">
        <v>88</v>
      </c>
      <c r="O37159" t="s">
        <v>85</v>
      </c>
      <c r="P37159" t="s">
        <v>86</v>
      </c>
      <c r="Q37159">
        <v>37</v>
      </c>
      <c r="R37159">
        <v>38</v>
      </c>
      <c r="S37159">
        <v>38</v>
      </c>
      <c r="T37159">
        <v>38</v>
      </c>
      <c r="U37159">
        <v>38</v>
      </c>
      <c r="V37159">
        <v>39</v>
      </c>
      <c r="W37159">
        <v>39</v>
      </c>
      <c r="X37159">
        <v>39</v>
      </c>
      <c r="Y37159">
        <v>39</v>
      </c>
      <c r="Z37159">
        <v>39</v>
      </c>
      <c r="AA37159">
        <v>40</v>
      </c>
      <c r="AB37159">
        <v>40</v>
      </c>
      <c r="AC37159">
        <v>40</v>
      </c>
      <c r="AD37159">
        <v>40</v>
      </c>
      <c r="AE37159">
        <v>41</v>
      </c>
      <c r="AF37159">
        <v>41</v>
      </c>
      <c r="AG37159">
        <v>41</v>
      </c>
      <c r="AH37159">
        <v>41</v>
      </c>
      <c r="AI37159">
        <v>42</v>
      </c>
      <c r="AJ37159">
        <v>42</v>
      </c>
      <c r="AK37159">
        <v>42</v>
      </c>
      <c r="AL37159">
        <v>42</v>
      </c>
      <c r="AM37159">
        <v>43</v>
      </c>
      <c r="AN37159">
        <v>43</v>
      </c>
      <c r="AO37159">
        <v>43</v>
      </c>
      <c r="AP37159">
        <v>43</v>
      </c>
      <c r="AQ37159">
        <v>43</v>
      </c>
    </row>
    <row r="37160" spans="1:43">
      <c r="A37160" t="s">
        <v>23033</v>
      </c>
      <c r="B37160" t="s">
        <v>23034</v>
      </c>
      <c r="C37160" t="s">
        <v>23035</v>
      </c>
      <c r="D37160" t="s">
        <v>23036</v>
      </c>
      <c r="E37160" t="s">
        <v>23009</v>
      </c>
      <c r="F37160" t="s">
        <v>23010</v>
      </c>
      <c r="G37160" t="s">
        <v>11612</v>
      </c>
      <c r="H37160" t="s">
        <v>11613</v>
      </c>
      <c r="I37160" s="2">
        <v>0</v>
      </c>
      <c r="J37160" s="2">
        <v>0</v>
      </c>
      <c r="K37160" s="2">
        <v>1</v>
      </c>
      <c r="L37160" t="s">
        <v>995</v>
      </c>
      <c r="M37160" t="s">
        <v>89</v>
      </c>
      <c r="N37160" t="s">
        <v>90</v>
      </c>
      <c r="O37160" t="s">
        <v>85</v>
      </c>
      <c r="P37160" t="s">
        <v>86</v>
      </c>
      <c r="Q37160">
        <v>37</v>
      </c>
      <c r="R37160">
        <v>38</v>
      </c>
      <c r="S37160">
        <v>39</v>
      </c>
      <c r="T37160">
        <v>40</v>
      </c>
      <c r="U37160">
        <v>41</v>
      </c>
      <c r="V37160">
        <v>41</v>
      </c>
      <c r="W37160">
        <v>42</v>
      </c>
      <c r="X37160">
        <v>43</v>
      </c>
      <c r="Y37160">
        <v>44</v>
      </c>
      <c r="Z37160">
        <v>45</v>
      </c>
      <c r="AA37160">
        <v>45</v>
      </c>
      <c r="AB37160">
        <v>46</v>
      </c>
      <c r="AC37160">
        <v>47</v>
      </c>
      <c r="AD37160">
        <v>48</v>
      </c>
      <c r="AE37160">
        <v>48</v>
      </c>
      <c r="AF37160">
        <v>48</v>
      </c>
      <c r="AG37160">
        <v>48</v>
      </c>
      <c r="AH37160">
        <v>48</v>
      </c>
      <c r="AI37160">
        <v>49</v>
      </c>
      <c r="AJ37160">
        <v>49</v>
      </c>
      <c r="AK37160">
        <v>49</v>
      </c>
      <c r="AL37160">
        <v>49</v>
      </c>
      <c r="AM37160">
        <v>49</v>
      </c>
      <c r="AN37160">
        <v>49</v>
      </c>
      <c r="AO37160">
        <v>49</v>
      </c>
      <c r="AP37160">
        <v>49</v>
      </c>
      <c r="AQ37160">
        <v>49</v>
      </c>
    </row>
    <row r="37161" spans="1:43">
      <c r="A37161" t="s">
        <v>23033</v>
      </c>
      <c r="B37161" t="s">
        <v>23034</v>
      </c>
      <c r="C37161" t="s">
        <v>23035</v>
      </c>
      <c r="D37161" t="s">
        <v>23036</v>
      </c>
      <c r="E37161" t="s">
        <v>23009</v>
      </c>
      <c r="F37161" t="s">
        <v>23010</v>
      </c>
      <c r="G37161" t="s">
        <v>11612</v>
      </c>
      <c r="H37161" t="s">
        <v>11613</v>
      </c>
      <c r="I37161" s="2">
        <v>0</v>
      </c>
      <c r="J37161" s="2">
        <v>0</v>
      </c>
      <c r="K37161" s="2">
        <v>1</v>
      </c>
      <c r="L37161" t="s">
        <v>995</v>
      </c>
      <c r="M37161" t="s">
        <v>83</v>
      </c>
      <c r="N37161" t="s">
        <v>91</v>
      </c>
      <c r="O37161" t="s">
        <v>85</v>
      </c>
      <c r="P37161" t="s">
        <v>86</v>
      </c>
      <c r="Q37161">
        <v>37</v>
      </c>
      <c r="R37161">
        <v>37</v>
      </c>
      <c r="S37161">
        <v>38</v>
      </c>
      <c r="T37161">
        <v>38</v>
      </c>
      <c r="U37161">
        <v>39</v>
      </c>
      <c r="V37161">
        <v>40</v>
      </c>
      <c r="W37161">
        <v>40</v>
      </c>
      <c r="X37161">
        <v>41</v>
      </c>
      <c r="Y37161">
        <v>41</v>
      </c>
      <c r="Z37161">
        <v>42</v>
      </c>
      <c r="AA37161">
        <v>43</v>
      </c>
      <c r="AB37161">
        <v>43</v>
      </c>
      <c r="AC37161">
        <v>44</v>
      </c>
      <c r="AD37161">
        <v>44</v>
      </c>
      <c r="AE37161">
        <v>45</v>
      </c>
      <c r="AF37161">
        <v>45</v>
      </c>
      <c r="AG37161">
        <v>46</v>
      </c>
      <c r="AH37161">
        <v>47</v>
      </c>
      <c r="AI37161">
        <v>47</v>
      </c>
      <c r="AJ37161">
        <v>48</v>
      </c>
      <c r="AK37161">
        <v>48</v>
      </c>
      <c r="AL37161">
        <v>49</v>
      </c>
      <c r="AM37161">
        <v>49</v>
      </c>
      <c r="AN37161">
        <v>49</v>
      </c>
      <c r="AO37161">
        <v>49</v>
      </c>
      <c r="AP37161">
        <v>49</v>
      </c>
      <c r="AQ37161">
        <v>49</v>
      </c>
    </row>
    <row r="37162" spans="1:43">
      <c r="A37162" t="s">
        <v>23037</v>
      </c>
      <c r="B37162" t="s">
        <v>23038</v>
      </c>
      <c r="C37162" t="s">
        <v>23039</v>
      </c>
      <c r="D37162" t="s">
        <v>23040</v>
      </c>
      <c r="E37162" t="s">
        <v>23009</v>
      </c>
      <c r="F37162" t="s">
        <v>23010</v>
      </c>
      <c r="G37162" t="s">
        <v>11612</v>
      </c>
      <c r="H37162" t="s">
        <v>11613</v>
      </c>
      <c r="I37162" s="2">
        <v>0</v>
      </c>
      <c r="J37162" s="2">
        <v>0</v>
      </c>
      <c r="K37162" s="2">
        <v>1</v>
      </c>
      <c r="L37162" t="s">
        <v>995</v>
      </c>
      <c r="M37162" t="s">
        <v>83</v>
      </c>
      <c r="N37162" t="s">
        <v>84</v>
      </c>
      <c r="O37162" t="s">
        <v>85</v>
      </c>
      <c r="P37162" t="s">
        <v>86</v>
      </c>
      <c r="Q37162">
        <v>64</v>
      </c>
      <c r="R37162">
        <v>65</v>
      </c>
      <c r="S37162">
        <v>66</v>
      </c>
      <c r="T37162">
        <v>67</v>
      </c>
      <c r="U37162">
        <v>68</v>
      </c>
      <c r="V37162">
        <v>69</v>
      </c>
      <c r="W37162">
        <v>70</v>
      </c>
      <c r="X37162">
        <v>71</v>
      </c>
      <c r="Y37162">
        <v>73</v>
      </c>
      <c r="Z37162">
        <v>74</v>
      </c>
      <c r="AA37162">
        <v>75</v>
      </c>
      <c r="AB37162">
        <v>76</v>
      </c>
      <c r="AC37162">
        <v>77</v>
      </c>
      <c r="AD37162">
        <v>78</v>
      </c>
      <c r="AE37162">
        <v>79</v>
      </c>
      <c r="AF37162">
        <v>80</v>
      </c>
      <c r="AG37162">
        <v>81</v>
      </c>
      <c r="AH37162">
        <v>82</v>
      </c>
      <c r="AI37162">
        <v>83</v>
      </c>
      <c r="AJ37162">
        <v>84</v>
      </c>
      <c r="AK37162">
        <v>85</v>
      </c>
      <c r="AL37162">
        <v>85</v>
      </c>
      <c r="AM37162">
        <v>85</v>
      </c>
      <c r="AN37162">
        <v>85</v>
      </c>
      <c r="AO37162">
        <v>86</v>
      </c>
      <c r="AP37162">
        <v>86</v>
      </c>
      <c r="AQ37162">
        <v>86</v>
      </c>
    </row>
    <row r="37163" spans="1:43">
      <c r="A37163" t="s">
        <v>23037</v>
      </c>
      <c r="B37163" t="s">
        <v>23038</v>
      </c>
      <c r="C37163" t="s">
        <v>23039</v>
      </c>
      <c r="D37163" t="s">
        <v>23040</v>
      </c>
      <c r="E37163" t="s">
        <v>23009</v>
      </c>
      <c r="F37163" t="s">
        <v>23010</v>
      </c>
      <c r="G37163" t="s">
        <v>11612</v>
      </c>
      <c r="H37163" t="s">
        <v>11613</v>
      </c>
      <c r="I37163" s="2">
        <v>0</v>
      </c>
      <c r="J37163" s="2">
        <v>0</v>
      </c>
      <c r="K37163" s="2">
        <v>1</v>
      </c>
      <c r="L37163" t="s">
        <v>995</v>
      </c>
      <c r="M37163" t="s">
        <v>87</v>
      </c>
      <c r="N37163" t="s">
        <v>88</v>
      </c>
      <c r="O37163" t="s">
        <v>85</v>
      </c>
      <c r="P37163" t="s">
        <v>86</v>
      </c>
      <c r="Q37163">
        <v>64</v>
      </c>
      <c r="R37163">
        <v>64</v>
      </c>
      <c r="S37163">
        <v>64</v>
      </c>
      <c r="T37163">
        <v>65</v>
      </c>
      <c r="U37163">
        <v>65</v>
      </c>
      <c r="V37163">
        <v>66</v>
      </c>
      <c r="W37163">
        <v>66</v>
      </c>
      <c r="X37163">
        <v>67</v>
      </c>
      <c r="Y37163">
        <v>67</v>
      </c>
      <c r="Z37163">
        <v>67</v>
      </c>
      <c r="AA37163">
        <v>68</v>
      </c>
      <c r="AB37163">
        <v>68</v>
      </c>
      <c r="AC37163">
        <v>69</v>
      </c>
      <c r="AD37163">
        <v>69</v>
      </c>
      <c r="AE37163">
        <v>70</v>
      </c>
      <c r="AF37163">
        <v>70</v>
      </c>
      <c r="AG37163">
        <v>70</v>
      </c>
      <c r="AH37163">
        <v>71</v>
      </c>
      <c r="AI37163">
        <v>71</v>
      </c>
      <c r="AJ37163">
        <v>72</v>
      </c>
      <c r="AK37163">
        <v>72</v>
      </c>
      <c r="AL37163">
        <v>72</v>
      </c>
      <c r="AM37163">
        <v>73</v>
      </c>
      <c r="AN37163">
        <v>73</v>
      </c>
      <c r="AO37163">
        <v>74</v>
      </c>
      <c r="AP37163">
        <v>74</v>
      </c>
      <c r="AQ37163">
        <v>75</v>
      </c>
    </row>
    <row r="37164" spans="1:43">
      <c r="A37164" t="s">
        <v>23037</v>
      </c>
      <c r="B37164" t="s">
        <v>23038</v>
      </c>
      <c r="C37164" t="s">
        <v>23039</v>
      </c>
      <c r="D37164" t="s">
        <v>23040</v>
      </c>
      <c r="E37164" t="s">
        <v>23009</v>
      </c>
      <c r="F37164" t="s">
        <v>23010</v>
      </c>
      <c r="G37164" t="s">
        <v>11612</v>
      </c>
      <c r="H37164" t="s">
        <v>11613</v>
      </c>
      <c r="I37164" s="2">
        <v>0</v>
      </c>
      <c r="J37164" s="2">
        <v>0</v>
      </c>
      <c r="K37164" s="2">
        <v>1</v>
      </c>
      <c r="L37164" t="s">
        <v>995</v>
      </c>
      <c r="M37164" t="s">
        <v>89</v>
      </c>
      <c r="N37164" t="s">
        <v>90</v>
      </c>
      <c r="O37164" t="s">
        <v>85</v>
      </c>
      <c r="P37164" t="s">
        <v>86</v>
      </c>
      <c r="Q37164">
        <v>64</v>
      </c>
      <c r="R37164">
        <v>65</v>
      </c>
      <c r="S37164">
        <v>67</v>
      </c>
      <c r="T37164">
        <v>68</v>
      </c>
      <c r="U37164">
        <v>70</v>
      </c>
      <c r="V37164">
        <v>72</v>
      </c>
      <c r="W37164">
        <v>73</v>
      </c>
      <c r="X37164">
        <v>74</v>
      </c>
      <c r="Y37164">
        <v>76</v>
      </c>
      <c r="Z37164">
        <v>77</v>
      </c>
      <c r="AA37164">
        <v>79</v>
      </c>
      <c r="AB37164">
        <v>80</v>
      </c>
      <c r="AC37164">
        <v>81</v>
      </c>
      <c r="AD37164">
        <v>83</v>
      </c>
      <c r="AE37164">
        <v>83</v>
      </c>
      <c r="AF37164">
        <v>84</v>
      </c>
      <c r="AG37164">
        <v>84</v>
      </c>
      <c r="AH37164">
        <v>84</v>
      </c>
      <c r="AI37164">
        <v>84</v>
      </c>
      <c r="AJ37164">
        <v>84</v>
      </c>
      <c r="AK37164">
        <v>85</v>
      </c>
      <c r="AL37164">
        <v>85</v>
      </c>
      <c r="AM37164">
        <v>85</v>
      </c>
      <c r="AN37164">
        <v>85</v>
      </c>
      <c r="AO37164">
        <v>85</v>
      </c>
      <c r="AP37164">
        <v>85</v>
      </c>
      <c r="AQ37164">
        <v>85</v>
      </c>
    </row>
    <row r="37165" spans="1:43">
      <c r="A37165" t="s">
        <v>23037</v>
      </c>
      <c r="B37165" t="s">
        <v>23038</v>
      </c>
      <c r="C37165" t="s">
        <v>23039</v>
      </c>
      <c r="D37165" t="s">
        <v>23040</v>
      </c>
      <c r="E37165" t="s">
        <v>23009</v>
      </c>
      <c r="F37165" t="s">
        <v>23010</v>
      </c>
      <c r="G37165" t="s">
        <v>11612</v>
      </c>
      <c r="H37165" t="s">
        <v>11613</v>
      </c>
      <c r="I37165" s="2">
        <v>0</v>
      </c>
      <c r="J37165" s="2">
        <v>0</v>
      </c>
      <c r="K37165" s="2">
        <v>1</v>
      </c>
      <c r="L37165" t="s">
        <v>995</v>
      </c>
      <c r="M37165" t="s">
        <v>83</v>
      </c>
      <c r="N37165" t="s">
        <v>91</v>
      </c>
      <c r="O37165" t="s">
        <v>85</v>
      </c>
      <c r="P37165" t="s">
        <v>86</v>
      </c>
      <c r="Q37165">
        <v>64</v>
      </c>
      <c r="R37165">
        <v>65</v>
      </c>
      <c r="S37165">
        <v>66</v>
      </c>
      <c r="T37165">
        <v>67</v>
      </c>
      <c r="U37165">
        <v>68</v>
      </c>
      <c r="V37165">
        <v>69</v>
      </c>
      <c r="W37165">
        <v>70</v>
      </c>
      <c r="X37165">
        <v>71</v>
      </c>
      <c r="Y37165">
        <v>73</v>
      </c>
      <c r="Z37165">
        <v>74</v>
      </c>
      <c r="AA37165">
        <v>75</v>
      </c>
      <c r="AB37165">
        <v>76</v>
      </c>
      <c r="AC37165">
        <v>77</v>
      </c>
      <c r="AD37165">
        <v>78</v>
      </c>
      <c r="AE37165">
        <v>79</v>
      </c>
      <c r="AF37165">
        <v>80</v>
      </c>
      <c r="AG37165">
        <v>81</v>
      </c>
      <c r="AH37165">
        <v>82</v>
      </c>
      <c r="AI37165">
        <v>83</v>
      </c>
      <c r="AJ37165">
        <v>84</v>
      </c>
      <c r="AK37165">
        <v>85</v>
      </c>
      <c r="AL37165">
        <v>85</v>
      </c>
      <c r="AM37165">
        <v>85</v>
      </c>
      <c r="AN37165">
        <v>85</v>
      </c>
      <c r="AO37165">
        <v>86</v>
      </c>
      <c r="AP37165">
        <v>86</v>
      </c>
      <c r="AQ37165">
        <v>86</v>
      </c>
    </row>
    <row r="37166" spans="1:43">
      <c r="A37166" t="s">
        <v>23041</v>
      </c>
      <c r="B37166" t="s">
        <v>23042</v>
      </c>
      <c r="C37166" t="s">
        <v>23039</v>
      </c>
      <c r="D37166" t="s">
        <v>23040</v>
      </c>
      <c r="E37166" t="s">
        <v>23009</v>
      </c>
      <c r="F37166" t="s">
        <v>23010</v>
      </c>
      <c r="G37166" t="s">
        <v>11612</v>
      </c>
      <c r="H37166" t="s">
        <v>11613</v>
      </c>
      <c r="I37166" s="2">
        <v>0</v>
      </c>
      <c r="J37166" s="2">
        <v>0</v>
      </c>
      <c r="K37166" s="2">
        <v>1</v>
      </c>
      <c r="L37166" t="s">
        <v>995</v>
      </c>
      <c r="M37166" t="s">
        <v>83</v>
      </c>
      <c r="N37166" t="s">
        <v>84</v>
      </c>
      <c r="O37166" t="s">
        <v>85</v>
      </c>
      <c r="P37166" t="s">
        <v>86</v>
      </c>
      <c r="Q37166">
        <v>27</v>
      </c>
      <c r="R37166">
        <v>27</v>
      </c>
      <c r="S37166">
        <v>28</v>
      </c>
      <c r="T37166">
        <v>28</v>
      </c>
      <c r="U37166">
        <v>29</v>
      </c>
      <c r="V37166">
        <v>29</v>
      </c>
      <c r="W37166">
        <v>30</v>
      </c>
      <c r="X37166">
        <v>30</v>
      </c>
      <c r="Y37166">
        <v>31</v>
      </c>
      <c r="Z37166">
        <v>31</v>
      </c>
      <c r="AA37166">
        <v>31</v>
      </c>
      <c r="AB37166">
        <v>32</v>
      </c>
      <c r="AC37166">
        <v>32</v>
      </c>
      <c r="AD37166">
        <v>33</v>
      </c>
      <c r="AE37166">
        <v>33</v>
      </c>
      <c r="AF37166">
        <v>34</v>
      </c>
      <c r="AG37166">
        <v>34</v>
      </c>
      <c r="AH37166">
        <v>34</v>
      </c>
      <c r="AI37166">
        <v>35</v>
      </c>
      <c r="AJ37166">
        <v>35</v>
      </c>
      <c r="AK37166">
        <v>36</v>
      </c>
      <c r="AL37166">
        <v>36</v>
      </c>
      <c r="AM37166">
        <v>36</v>
      </c>
      <c r="AN37166">
        <v>36</v>
      </c>
      <c r="AO37166">
        <v>36</v>
      </c>
      <c r="AP37166">
        <v>36</v>
      </c>
      <c r="AQ37166">
        <v>36</v>
      </c>
    </row>
    <row r="37167" spans="1:43">
      <c r="A37167" t="s">
        <v>23041</v>
      </c>
      <c r="B37167" t="s">
        <v>23042</v>
      </c>
      <c r="C37167" t="s">
        <v>23039</v>
      </c>
      <c r="D37167" t="s">
        <v>23040</v>
      </c>
      <c r="E37167" t="s">
        <v>23009</v>
      </c>
      <c r="F37167" t="s">
        <v>23010</v>
      </c>
      <c r="G37167" t="s">
        <v>11612</v>
      </c>
      <c r="H37167" t="s">
        <v>11613</v>
      </c>
      <c r="I37167" s="2">
        <v>0</v>
      </c>
      <c r="J37167" s="2">
        <v>0</v>
      </c>
      <c r="K37167" s="2">
        <v>1</v>
      </c>
      <c r="L37167" t="s">
        <v>995</v>
      </c>
      <c r="M37167" t="s">
        <v>87</v>
      </c>
      <c r="N37167" t="s">
        <v>88</v>
      </c>
      <c r="O37167" t="s">
        <v>85</v>
      </c>
      <c r="P37167" t="s">
        <v>86</v>
      </c>
      <c r="Q37167">
        <v>27</v>
      </c>
      <c r="R37167">
        <v>27</v>
      </c>
      <c r="S37167">
        <v>27</v>
      </c>
      <c r="T37167">
        <v>27</v>
      </c>
      <c r="U37167">
        <v>28</v>
      </c>
      <c r="V37167">
        <v>28</v>
      </c>
      <c r="W37167">
        <v>28</v>
      </c>
      <c r="X37167">
        <v>28</v>
      </c>
      <c r="Y37167">
        <v>28</v>
      </c>
      <c r="Z37167">
        <v>28</v>
      </c>
      <c r="AA37167">
        <v>29</v>
      </c>
      <c r="AB37167">
        <v>29</v>
      </c>
      <c r="AC37167">
        <v>29</v>
      </c>
      <c r="AD37167">
        <v>29</v>
      </c>
      <c r="AE37167">
        <v>29</v>
      </c>
      <c r="AF37167">
        <v>29</v>
      </c>
      <c r="AG37167">
        <v>30</v>
      </c>
      <c r="AH37167">
        <v>30</v>
      </c>
      <c r="AI37167">
        <v>30</v>
      </c>
      <c r="AJ37167">
        <v>30</v>
      </c>
      <c r="AK37167">
        <v>30</v>
      </c>
      <c r="AL37167">
        <v>31</v>
      </c>
      <c r="AM37167">
        <v>31</v>
      </c>
      <c r="AN37167">
        <v>31</v>
      </c>
      <c r="AO37167">
        <v>31</v>
      </c>
      <c r="AP37167">
        <v>31</v>
      </c>
      <c r="AQ37167">
        <v>31</v>
      </c>
    </row>
    <row r="37168" spans="1:43">
      <c r="A37168" t="s">
        <v>23041</v>
      </c>
      <c r="B37168" t="s">
        <v>23042</v>
      </c>
      <c r="C37168" t="s">
        <v>23039</v>
      </c>
      <c r="D37168" t="s">
        <v>23040</v>
      </c>
      <c r="E37168" t="s">
        <v>23009</v>
      </c>
      <c r="F37168" t="s">
        <v>23010</v>
      </c>
      <c r="G37168" t="s">
        <v>11612</v>
      </c>
      <c r="H37168" t="s">
        <v>11613</v>
      </c>
      <c r="I37168" s="2">
        <v>0</v>
      </c>
      <c r="J37168" s="2">
        <v>0</v>
      </c>
      <c r="K37168" s="2">
        <v>1</v>
      </c>
      <c r="L37168" t="s">
        <v>995</v>
      </c>
      <c r="M37168" t="s">
        <v>89</v>
      </c>
      <c r="N37168" t="s">
        <v>90</v>
      </c>
      <c r="O37168" t="s">
        <v>85</v>
      </c>
      <c r="P37168" t="s">
        <v>86</v>
      </c>
      <c r="Q37168">
        <v>27</v>
      </c>
      <c r="R37168">
        <v>28</v>
      </c>
      <c r="S37168">
        <v>29</v>
      </c>
      <c r="T37168">
        <v>29</v>
      </c>
      <c r="U37168">
        <v>30</v>
      </c>
      <c r="V37168">
        <v>31</v>
      </c>
      <c r="W37168">
        <v>31</v>
      </c>
      <c r="X37168">
        <v>32</v>
      </c>
      <c r="Y37168">
        <v>32</v>
      </c>
      <c r="Z37168">
        <v>33</v>
      </c>
      <c r="AA37168">
        <v>33</v>
      </c>
      <c r="AB37168">
        <v>34</v>
      </c>
      <c r="AC37168">
        <v>35</v>
      </c>
      <c r="AD37168">
        <v>35</v>
      </c>
      <c r="AE37168">
        <v>36</v>
      </c>
      <c r="AF37168">
        <v>36</v>
      </c>
      <c r="AG37168">
        <v>36</v>
      </c>
      <c r="AH37168">
        <v>36</v>
      </c>
      <c r="AI37168">
        <v>36</v>
      </c>
      <c r="AJ37168">
        <v>36</v>
      </c>
      <c r="AK37168">
        <v>36</v>
      </c>
      <c r="AL37168">
        <v>36</v>
      </c>
      <c r="AM37168">
        <v>36</v>
      </c>
      <c r="AN37168">
        <v>36</v>
      </c>
      <c r="AO37168">
        <v>36</v>
      </c>
      <c r="AP37168">
        <v>36</v>
      </c>
      <c r="AQ37168">
        <v>36</v>
      </c>
    </row>
    <row r="37169" spans="1:43">
      <c r="A37169" t="s">
        <v>23041</v>
      </c>
      <c r="B37169" t="s">
        <v>23042</v>
      </c>
      <c r="C37169" t="s">
        <v>23039</v>
      </c>
      <c r="D37169" t="s">
        <v>23040</v>
      </c>
      <c r="E37169" t="s">
        <v>23009</v>
      </c>
      <c r="F37169" t="s">
        <v>23010</v>
      </c>
      <c r="G37169" t="s">
        <v>11612</v>
      </c>
      <c r="H37169" t="s">
        <v>11613</v>
      </c>
      <c r="I37169" s="2">
        <v>0</v>
      </c>
      <c r="J37169" s="2">
        <v>0</v>
      </c>
      <c r="K37169" s="2">
        <v>1</v>
      </c>
      <c r="L37169" t="s">
        <v>995</v>
      </c>
      <c r="M37169" t="s">
        <v>83</v>
      </c>
      <c r="N37169" t="s">
        <v>91</v>
      </c>
      <c r="O37169" t="s">
        <v>85</v>
      </c>
      <c r="P37169" t="s">
        <v>86</v>
      </c>
      <c r="Q37169">
        <v>27</v>
      </c>
      <c r="R37169">
        <v>27</v>
      </c>
      <c r="S37169">
        <v>28</v>
      </c>
      <c r="T37169">
        <v>28</v>
      </c>
      <c r="U37169">
        <v>29</v>
      </c>
      <c r="V37169">
        <v>29</v>
      </c>
      <c r="W37169">
        <v>30</v>
      </c>
      <c r="X37169">
        <v>30</v>
      </c>
      <c r="Y37169">
        <v>31</v>
      </c>
      <c r="Z37169">
        <v>31</v>
      </c>
      <c r="AA37169">
        <v>31</v>
      </c>
      <c r="AB37169">
        <v>32</v>
      </c>
      <c r="AC37169">
        <v>32</v>
      </c>
      <c r="AD37169">
        <v>33</v>
      </c>
      <c r="AE37169">
        <v>33</v>
      </c>
      <c r="AF37169">
        <v>34</v>
      </c>
      <c r="AG37169">
        <v>34</v>
      </c>
      <c r="AH37169">
        <v>34</v>
      </c>
      <c r="AI37169">
        <v>35</v>
      </c>
      <c r="AJ37169">
        <v>35</v>
      </c>
      <c r="AK37169">
        <v>36</v>
      </c>
      <c r="AL37169">
        <v>36</v>
      </c>
      <c r="AM37169">
        <v>36</v>
      </c>
      <c r="AN37169">
        <v>36</v>
      </c>
      <c r="AO37169">
        <v>36</v>
      </c>
      <c r="AP37169">
        <v>36</v>
      </c>
      <c r="AQ37169">
        <v>36</v>
      </c>
    </row>
    <row r="37170" spans="1:43">
      <c r="A37170" t="s">
        <v>23043</v>
      </c>
      <c r="B37170" t="s">
        <v>23044</v>
      </c>
      <c r="C37170" t="s">
        <v>23039</v>
      </c>
      <c r="D37170" t="s">
        <v>23040</v>
      </c>
      <c r="E37170" t="s">
        <v>23009</v>
      </c>
      <c r="F37170" t="s">
        <v>23010</v>
      </c>
      <c r="G37170" t="s">
        <v>11612</v>
      </c>
      <c r="H37170" t="s">
        <v>11613</v>
      </c>
      <c r="I37170" s="2">
        <v>0</v>
      </c>
      <c r="J37170" s="2">
        <v>0</v>
      </c>
      <c r="K37170" s="2">
        <v>1</v>
      </c>
      <c r="L37170" t="s">
        <v>995</v>
      </c>
      <c r="M37170" t="s">
        <v>83</v>
      </c>
      <c r="N37170" t="s">
        <v>84</v>
      </c>
      <c r="O37170" t="s">
        <v>85</v>
      </c>
      <c r="P37170" t="s">
        <v>86</v>
      </c>
      <c r="Q37170">
        <v>14</v>
      </c>
      <c r="R37170">
        <v>14</v>
      </c>
      <c r="S37170">
        <v>15</v>
      </c>
      <c r="T37170">
        <v>15</v>
      </c>
      <c r="U37170">
        <v>15</v>
      </c>
      <c r="V37170">
        <v>15</v>
      </c>
      <c r="W37170">
        <v>15</v>
      </c>
      <c r="X37170">
        <v>16</v>
      </c>
      <c r="Y37170">
        <v>16</v>
      </c>
      <c r="Z37170">
        <v>16</v>
      </c>
      <c r="AA37170">
        <v>16</v>
      </c>
      <c r="AB37170">
        <v>17</v>
      </c>
      <c r="AC37170">
        <v>17</v>
      </c>
      <c r="AD37170">
        <v>17</v>
      </c>
      <c r="AE37170">
        <v>17</v>
      </c>
      <c r="AF37170">
        <v>17</v>
      </c>
      <c r="AG37170">
        <v>18</v>
      </c>
      <c r="AH37170">
        <v>18</v>
      </c>
      <c r="AI37170">
        <v>18</v>
      </c>
      <c r="AJ37170">
        <v>18</v>
      </c>
      <c r="AK37170">
        <v>19</v>
      </c>
      <c r="AL37170">
        <v>19</v>
      </c>
      <c r="AM37170">
        <v>19</v>
      </c>
      <c r="AN37170">
        <v>19</v>
      </c>
      <c r="AO37170">
        <v>19</v>
      </c>
      <c r="AP37170">
        <v>19</v>
      </c>
      <c r="AQ37170">
        <v>19</v>
      </c>
    </row>
    <row r="37171" spans="1:43">
      <c r="A37171" t="s">
        <v>23043</v>
      </c>
      <c r="B37171" t="s">
        <v>23044</v>
      </c>
      <c r="C37171" t="s">
        <v>23039</v>
      </c>
      <c r="D37171" t="s">
        <v>23040</v>
      </c>
      <c r="E37171" t="s">
        <v>23009</v>
      </c>
      <c r="F37171" t="s">
        <v>23010</v>
      </c>
      <c r="G37171" t="s">
        <v>11612</v>
      </c>
      <c r="H37171" t="s">
        <v>11613</v>
      </c>
      <c r="I37171" s="2">
        <v>0</v>
      </c>
      <c r="J37171" s="2">
        <v>0</v>
      </c>
      <c r="K37171" s="2">
        <v>1</v>
      </c>
      <c r="L37171" t="s">
        <v>995</v>
      </c>
      <c r="M37171" t="s">
        <v>87</v>
      </c>
      <c r="N37171" t="s">
        <v>88</v>
      </c>
      <c r="O37171" t="s">
        <v>85</v>
      </c>
      <c r="P37171" t="s">
        <v>86</v>
      </c>
      <c r="Q37171">
        <v>14</v>
      </c>
      <c r="R37171">
        <v>14</v>
      </c>
      <c r="S37171">
        <v>14</v>
      </c>
      <c r="T37171">
        <v>14</v>
      </c>
      <c r="U37171">
        <v>14</v>
      </c>
      <c r="V37171">
        <v>14</v>
      </c>
      <c r="W37171">
        <v>14</v>
      </c>
      <c r="X37171">
        <v>15</v>
      </c>
      <c r="Y37171">
        <v>15</v>
      </c>
      <c r="Z37171">
        <v>15</v>
      </c>
      <c r="AA37171">
        <v>15</v>
      </c>
      <c r="AB37171">
        <v>15</v>
      </c>
      <c r="AC37171">
        <v>15</v>
      </c>
      <c r="AD37171">
        <v>15</v>
      </c>
      <c r="AE37171">
        <v>15</v>
      </c>
      <c r="AF37171">
        <v>15</v>
      </c>
      <c r="AG37171">
        <v>15</v>
      </c>
      <c r="AH37171">
        <v>16</v>
      </c>
      <c r="AI37171">
        <v>16</v>
      </c>
      <c r="AJ37171">
        <v>16</v>
      </c>
      <c r="AK37171">
        <v>16</v>
      </c>
      <c r="AL37171">
        <v>16</v>
      </c>
      <c r="AM37171">
        <v>16</v>
      </c>
      <c r="AN37171">
        <v>16</v>
      </c>
      <c r="AO37171">
        <v>16</v>
      </c>
      <c r="AP37171">
        <v>16</v>
      </c>
      <c r="AQ37171">
        <v>16</v>
      </c>
    </row>
    <row r="37172" spans="1:43">
      <c r="A37172" t="s">
        <v>23043</v>
      </c>
      <c r="B37172" t="s">
        <v>23044</v>
      </c>
      <c r="C37172" t="s">
        <v>23039</v>
      </c>
      <c r="D37172" t="s">
        <v>23040</v>
      </c>
      <c r="E37172" t="s">
        <v>23009</v>
      </c>
      <c r="F37172" t="s">
        <v>23010</v>
      </c>
      <c r="G37172" t="s">
        <v>11612</v>
      </c>
      <c r="H37172" t="s">
        <v>11613</v>
      </c>
      <c r="I37172" s="2">
        <v>0</v>
      </c>
      <c r="J37172" s="2">
        <v>0</v>
      </c>
      <c r="K37172" s="2">
        <v>1</v>
      </c>
      <c r="L37172" t="s">
        <v>995</v>
      </c>
      <c r="M37172" t="s">
        <v>89</v>
      </c>
      <c r="N37172" t="s">
        <v>90</v>
      </c>
      <c r="O37172" t="s">
        <v>85</v>
      </c>
      <c r="P37172" t="s">
        <v>86</v>
      </c>
      <c r="Q37172">
        <v>14</v>
      </c>
      <c r="R37172">
        <v>15</v>
      </c>
      <c r="S37172">
        <v>15</v>
      </c>
      <c r="T37172">
        <v>15</v>
      </c>
      <c r="U37172">
        <v>16</v>
      </c>
      <c r="V37172">
        <v>16</v>
      </c>
      <c r="W37172">
        <v>16</v>
      </c>
      <c r="X37172">
        <v>17</v>
      </c>
      <c r="Y37172">
        <v>17</v>
      </c>
      <c r="Z37172">
        <v>17</v>
      </c>
      <c r="AA37172">
        <v>17</v>
      </c>
      <c r="AB37172">
        <v>18</v>
      </c>
      <c r="AC37172">
        <v>18</v>
      </c>
      <c r="AD37172">
        <v>18</v>
      </c>
      <c r="AE37172">
        <v>18</v>
      </c>
      <c r="AF37172">
        <v>19</v>
      </c>
      <c r="AG37172">
        <v>19</v>
      </c>
      <c r="AH37172">
        <v>19</v>
      </c>
      <c r="AI37172">
        <v>19</v>
      </c>
      <c r="AJ37172">
        <v>19</v>
      </c>
      <c r="AK37172">
        <v>19</v>
      </c>
      <c r="AL37172">
        <v>19</v>
      </c>
      <c r="AM37172">
        <v>19</v>
      </c>
      <c r="AN37172">
        <v>19</v>
      </c>
      <c r="AO37172">
        <v>19</v>
      </c>
      <c r="AP37172">
        <v>19</v>
      </c>
      <c r="AQ37172">
        <v>19</v>
      </c>
    </row>
    <row r="37173" spans="1:43">
      <c r="A37173" t="s">
        <v>23043</v>
      </c>
      <c r="B37173" t="s">
        <v>23044</v>
      </c>
      <c r="C37173" t="s">
        <v>23039</v>
      </c>
      <c r="D37173" t="s">
        <v>23040</v>
      </c>
      <c r="E37173" t="s">
        <v>23009</v>
      </c>
      <c r="F37173" t="s">
        <v>23010</v>
      </c>
      <c r="G37173" t="s">
        <v>11612</v>
      </c>
      <c r="H37173" t="s">
        <v>11613</v>
      </c>
      <c r="I37173" s="2">
        <v>0</v>
      </c>
      <c r="J37173" s="2">
        <v>0</v>
      </c>
      <c r="K37173" s="2">
        <v>1</v>
      </c>
      <c r="L37173" t="s">
        <v>995</v>
      </c>
      <c r="M37173" t="s">
        <v>83</v>
      </c>
      <c r="N37173" t="s">
        <v>91</v>
      </c>
      <c r="O37173" t="s">
        <v>85</v>
      </c>
      <c r="P37173" t="s">
        <v>86</v>
      </c>
      <c r="Q37173">
        <v>14</v>
      </c>
      <c r="R37173">
        <v>14</v>
      </c>
      <c r="S37173">
        <v>15</v>
      </c>
      <c r="T37173">
        <v>15</v>
      </c>
      <c r="U37173">
        <v>15</v>
      </c>
      <c r="V37173">
        <v>15</v>
      </c>
      <c r="W37173">
        <v>15</v>
      </c>
      <c r="X37173">
        <v>16</v>
      </c>
      <c r="Y37173">
        <v>16</v>
      </c>
      <c r="Z37173">
        <v>16</v>
      </c>
      <c r="AA37173">
        <v>16</v>
      </c>
      <c r="AB37173">
        <v>17</v>
      </c>
      <c r="AC37173">
        <v>17</v>
      </c>
      <c r="AD37173">
        <v>17</v>
      </c>
      <c r="AE37173">
        <v>17</v>
      </c>
      <c r="AF37173">
        <v>17</v>
      </c>
      <c r="AG37173">
        <v>18</v>
      </c>
      <c r="AH37173">
        <v>18</v>
      </c>
      <c r="AI37173">
        <v>18</v>
      </c>
      <c r="AJ37173">
        <v>18</v>
      </c>
      <c r="AK37173">
        <v>19</v>
      </c>
      <c r="AL37173">
        <v>19</v>
      </c>
      <c r="AM37173">
        <v>19</v>
      </c>
      <c r="AN37173">
        <v>19</v>
      </c>
      <c r="AO37173">
        <v>19</v>
      </c>
      <c r="AP37173">
        <v>19</v>
      </c>
      <c r="AQ37173">
        <v>19</v>
      </c>
    </row>
    <row r="37174" spans="1:43">
      <c r="A37174" t="s">
        <v>23045</v>
      </c>
      <c r="B37174" t="s">
        <v>23046</v>
      </c>
      <c r="C37174" t="s">
        <v>23039</v>
      </c>
      <c r="D37174" t="s">
        <v>23040</v>
      </c>
      <c r="E37174" t="s">
        <v>23009</v>
      </c>
      <c r="F37174" t="s">
        <v>23010</v>
      </c>
      <c r="G37174" t="s">
        <v>11612</v>
      </c>
      <c r="H37174" t="s">
        <v>11613</v>
      </c>
      <c r="I37174" s="2">
        <v>0</v>
      </c>
      <c r="J37174" s="2">
        <v>0</v>
      </c>
      <c r="K37174" s="2">
        <v>1</v>
      </c>
      <c r="L37174" t="s">
        <v>995</v>
      </c>
      <c r="M37174" t="s">
        <v>83</v>
      </c>
      <c r="N37174" t="s">
        <v>84</v>
      </c>
      <c r="O37174" t="s">
        <v>85</v>
      </c>
      <c r="P37174" t="s">
        <v>86</v>
      </c>
      <c r="Q37174">
        <v>19</v>
      </c>
      <c r="R37174">
        <v>19</v>
      </c>
      <c r="S37174">
        <v>19</v>
      </c>
      <c r="T37174">
        <v>20</v>
      </c>
      <c r="U37174">
        <v>20</v>
      </c>
      <c r="V37174">
        <v>20</v>
      </c>
      <c r="W37174">
        <v>21</v>
      </c>
      <c r="X37174">
        <v>21</v>
      </c>
      <c r="Y37174">
        <v>21</v>
      </c>
      <c r="Z37174">
        <v>21</v>
      </c>
      <c r="AA37174">
        <v>22</v>
      </c>
      <c r="AB37174">
        <v>22</v>
      </c>
      <c r="AC37174">
        <v>22</v>
      </c>
      <c r="AD37174">
        <v>23</v>
      </c>
      <c r="AE37174">
        <v>23</v>
      </c>
      <c r="AF37174">
        <v>23</v>
      </c>
      <c r="AG37174">
        <v>24</v>
      </c>
      <c r="AH37174">
        <v>24</v>
      </c>
      <c r="AI37174">
        <v>24</v>
      </c>
      <c r="AJ37174">
        <v>24</v>
      </c>
      <c r="AK37174">
        <v>25</v>
      </c>
      <c r="AL37174">
        <v>25</v>
      </c>
      <c r="AM37174">
        <v>25</v>
      </c>
      <c r="AN37174">
        <v>25</v>
      </c>
      <c r="AO37174">
        <v>25</v>
      </c>
      <c r="AP37174">
        <v>25</v>
      </c>
      <c r="AQ37174">
        <v>25</v>
      </c>
    </row>
    <row r="37175" spans="1:43">
      <c r="A37175" t="s">
        <v>23045</v>
      </c>
      <c r="B37175" t="s">
        <v>23046</v>
      </c>
      <c r="C37175" t="s">
        <v>23039</v>
      </c>
      <c r="D37175" t="s">
        <v>23040</v>
      </c>
      <c r="E37175" t="s">
        <v>23009</v>
      </c>
      <c r="F37175" t="s">
        <v>23010</v>
      </c>
      <c r="G37175" t="s">
        <v>11612</v>
      </c>
      <c r="H37175" t="s">
        <v>11613</v>
      </c>
      <c r="I37175" s="2">
        <v>0</v>
      </c>
      <c r="J37175" s="2">
        <v>0</v>
      </c>
      <c r="K37175" s="2">
        <v>1</v>
      </c>
      <c r="L37175" t="s">
        <v>995</v>
      </c>
      <c r="M37175" t="s">
        <v>87</v>
      </c>
      <c r="N37175" t="s">
        <v>88</v>
      </c>
      <c r="O37175" t="s">
        <v>85</v>
      </c>
      <c r="P37175" t="s">
        <v>86</v>
      </c>
      <c r="Q37175">
        <v>19</v>
      </c>
      <c r="R37175">
        <v>19</v>
      </c>
      <c r="S37175">
        <v>19</v>
      </c>
      <c r="T37175">
        <v>19</v>
      </c>
      <c r="U37175">
        <v>19</v>
      </c>
      <c r="V37175">
        <v>19</v>
      </c>
      <c r="W37175">
        <v>19</v>
      </c>
      <c r="X37175">
        <v>19</v>
      </c>
      <c r="Y37175">
        <v>20</v>
      </c>
      <c r="Z37175">
        <v>20</v>
      </c>
      <c r="AA37175">
        <v>20</v>
      </c>
      <c r="AB37175">
        <v>20</v>
      </c>
      <c r="AC37175">
        <v>20</v>
      </c>
      <c r="AD37175">
        <v>20</v>
      </c>
      <c r="AE37175">
        <v>20</v>
      </c>
      <c r="AF37175">
        <v>20</v>
      </c>
      <c r="AG37175">
        <v>21</v>
      </c>
      <c r="AH37175">
        <v>21</v>
      </c>
      <c r="AI37175">
        <v>21</v>
      </c>
      <c r="AJ37175">
        <v>21</v>
      </c>
      <c r="AK37175">
        <v>21</v>
      </c>
      <c r="AL37175">
        <v>21</v>
      </c>
      <c r="AM37175">
        <v>21</v>
      </c>
      <c r="AN37175">
        <v>21</v>
      </c>
      <c r="AO37175">
        <v>21</v>
      </c>
      <c r="AP37175">
        <v>22</v>
      </c>
      <c r="AQ37175">
        <v>22</v>
      </c>
    </row>
    <row r="37176" spans="1:43">
      <c r="A37176" t="s">
        <v>23045</v>
      </c>
      <c r="B37176" t="s">
        <v>23046</v>
      </c>
      <c r="C37176" t="s">
        <v>23039</v>
      </c>
      <c r="D37176" t="s">
        <v>23040</v>
      </c>
      <c r="E37176" t="s">
        <v>23009</v>
      </c>
      <c r="F37176" t="s">
        <v>23010</v>
      </c>
      <c r="G37176" t="s">
        <v>11612</v>
      </c>
      <c r="H37176" t="s">
        <v>11613</v>
      </c>
      <c r="I37176" s="2">
        <v>0</v>
      </c>
      <c r="J37176" s="2">
        <v>0</v>
      </c>
      <c r="K37176" s="2">
        <v>1</v>
      </c>
      <c r="L37176" t="s">
        <v>995</v>
      </c>
      <c r="M37176" t="s">
        <v>89</v>
      </c>
      <c r="N37176" t="s">
        <v>90</v>
      </c>
      <c r="O37176" t="s">
        <v>85</v>
      </c>
      <c r="P37176" t="s">
        <v>86</v>
      </c>
      <c r="Q37176">
        <v>19</v>
      </c>
      <c r="R37176">
        <v>19</v>
      </c>
      <c r="S37176">
        <v>20</v>
      </c>
      <c r="T37176">
        <v>20</v>
      </c>
      <c r="U37176">
        <v>21</v>
      </c>
      <c r="V37176">
        <v>21</v>
      </c>
      <c r="W37176">
        <v>22</v>
      </c>
      <c r="X37176">
        <v>22</v>
      </c>
      <c r="Y37176">
        <v>22</v>
      </c>
      <c r="Z37176">
        <v>23</v>
      </c>
      <c r="AA37176">
        <v>23</v>
      </c>
      <c r="AB37176">
        <v>24</v>
      </c>
      <c r="AC37176">
        <v>24</v>
      </c>
      <c r="AD37176">
        <v>24</v>
      </c>
      <c r="AE37176">
        <v>25</v>
      </c>
      <c r="AF37176">
        <v>25</v>
      </c>
      <c r="AG37176">
        <v>25</v>
      </c>
      <c r="AH37176">
        <v>25</v>
      </c>
      <c r="AI37176">
        <v>25</v>
      </c>
      <c r="AJ37176">
        <v>25</v>
      </c>
      <c r="AK37176">
        <v>25</v>
      </c>
      <c r="AL37176">
        <v>25</v>
      </c>
      <c r="AM37176">
        <v>25</v>
      </c>
      <c r="AN37176">
        <v>25</v>
      </c>
      <c r="AO37176">
        <v>25</v>
      </c>
      <c r="AP37176">
        <v>25</v>
      </c>
      <c r="AQ37176">
        <v>25</v>
      </c>
    </row>
    <row r="37177" spans="1:43">
      <c r="A37177" t="s">
        <v>23045</v>
      </c>
      <c r="B37177" t="s">
        <v>23046</v>
      </c>
      <c r="C37177" t="s">
        <v>23039</v>
      </c>
      <c r="D37177" t="s">
        <v>23040</v>
      </c>
      <c r="E37177" t="s">
        <v>23009</v>
      </c>
      <c r="F37177" t="s">
        <v>23010</v>
      </c>
      <c r="G37177" t="s">
        <v>11612</v>
      </c>
      <c r="H37177" t="s">
        <v>11613</v>
      </c>
      <c r="I37177" s="2">
        <v>0</v>
      </c>
      <c r="J37177" s="2">
        <v>0</v>
      </c>
      <c r="K37177" s="2">
        <v>1</v>
      </c>
      <c r="L37177" t="s">
        <v>995</v>
      </c>
      <c r="M37177" t="s">
        <v>83</v>
      </c>
      <c r="N37177" t="s">
        <v>91</v>
      </c>
      <c r="O37177" t="s">
        <v>85</v>
      </c>
      <c r="P37177" t="s">
        <v>86</v>
      </c>
      <c r="Q37177">
        <v>19</v>
      </c>
      <c r="R37177">
        <v>19</v>
      </c>
      <c r="S37177">
        <v>19</v>
      </c>
      <c r="T37177">
        <v>20</v>
      </c>
      <c r="U37177">
        <v>20</v>
      </c>
      <c r="V37177">
        <v>20</v>
      </c>
      <c r="W37177">
        <v>21</v>
      </c>
      <c r="X37177">
        <v>21</v>
      </c>
      <c r="Y37177">
        <v>21</v>
      </c>
      <c r="Z37177">
        <v>21</v>
      </c>
      <c r="AA37177">
        <v>22</v>
      </c>
      <c r="AB37177">
        <v>22</v>
      </c>
      <c r="AC37177">
        <v>22</v>
      </c>
      <c r="AD37177">
        <v>23</v>
      </c>
      <c r="AE37177">
        <v>23</v>
      </c>
      <c r="AF37177">
        <v>23</v>
      </c>
      <c r="AG37177">
        <v>24</v>
      </c>
      <c r="AH37177">
        <v>24</v>
      </c>
      <c r="AI37177">
        <v>24</v>
      </c>
      <c r="AJ37177">
        <v>24</v>
      </c>
      <c r="AK37177">
        <v>25</v>
      </c>
      <c r="AL37177">
        <v>25</v>
      </c>
      <c r="AM37177">
        <v>25</v>
      </c>
      <c r="AN37177">
        <v>25</v>
      </c>
      <c r="AO37177">
        <v>25</v>
      </c>
      <c r="AP37177">
        <v>25</v>
      </c>
      <c r="AQ37177">
        <v>25</v>
      </c>
    </row>
    <row r="37178" spans="1:43">
      <c r="A37178" t="s">
        <v>23047</v>
      </c>
      <c r="B37178" t="s">
        <v>23048</v>
      </c>
      <c r="C37178" t="s">
        <v>23049</v>
      </c>
      <c r="D37178" t="s">
        <v>23050</v>
      </c>
      <c r="E37178" t="s">
        <v>23009</v>
      </c>
      <c r="F37178" t="s">
        <v>23010</v>
      </c>
      <c r="G37178" t="s">
        <v>11612</v>
      </c>
      <c r="H37178" t="s">
        <v>11613</v>
      </c>
      <c r="I37178" s="2">
        <v>0</v>
      </c>
      <c r="J37178" s="2">
        <v>0</v>
      </c>
      <c r="K37178" s="2">
        <v>1</v>
      </c>
      <c r="L37178" t="s">
        <v>995</v>
      </c>
      <c r="M37178" t="s">
        <v>83</v>
      </c>
      <c r="N37178" t="s">
        <v>84</v>
      </c>
      <c r="O37178" t="s">
        <v>85</v>
      </c>
      <c r="P37178" t="s">
        <v>86</v>
      </c>
      <c r="Q37178">
        <v>4</v>
      </c>
      <c r="R37178">
        <v>4</v>
      </c>
      <c r="S37178">
        <v>4</v>
      </c>
      <c r="T37178">
        <v>4</v>
      </c>
      <c r="U37178">
        <v>4</v>
      </c>
      <c r="V37178">
        <v>4</v>
      </c>
      <c r="W37178">
        <v>4</v>
      </c>
      <c r="X37178">
        <v>4</v>
      </c>
      <c r="Y37178">
        <v>5</v>
      </c>
      <c r="Z37178">
        <v>5</v>
      </c>
      <c r="AA37178">
        <v>5</v>
      </c>
      <c r="AB37178">
        <v>5</v>
      </c>
      <c r="AC37178">
        <v>5</v>
      </c>
      <c r="AD37178">
        <v>5</v>
      </c>
      <c r="AE37178">
        <v>5</v>
      </c>
      <c r="AF37178">
        <v>5</v>
      </c>
      <c r="AG37178">
        <v>5</v>
      </c>
      <c r="AH37178">
        <v>5</v>
      </c>
      <c r="AI37178">
        <v>5</v>
      </c>
      <c r="AJ37178">
        <v>5</v>
      </c>
      <c r="AK37178">
        <v>5</v>
      </c>
      <c r="AL37178">
        <v>5</v>
      </c>
      <c r="AM37178">
        <v>5</v>
      </c>
      <c r="AN37178">
        <v>5</v>
      </c>
      <c r="AO37178">
        <v>5</v>
      </c>
      <c r="AP37178">
        <v>5</v>
      </c>
      <c r="AQ37178">
        <v>5</v>
      </c>
    </row>
    <row r="37179" spans="1:43">
      <c r="A37179" t="s">
        <v>23047</v>
      </c>
      <c r="B37179" t="s">
        <v>23048</v>
      </c>
      <c r="C37179" t="s">
        <v>23049</v>
      </c>
      <c r="D37179" t="s">
        <v>23050</v>
      </c>
      <c r="E37179" t="s">
        <v>23009</v>
      </c>
      <c r="F37179" t="s">
        <v>23010</v>
      </c>
      <c r="G37179" t="s">
        <v>11612</v>
      </c>
      <c r="H37179" t="s">
        <v>11613</v>
      </c>
      <c r="I37179" s="2">
        <v>0</v>
      </c>
      <c r="J37179" s="2">
        <v>0</v>
      </c>
      <c r="K37179" s="2">
        <v>1</v>
      </c>
      <c r="L37179" t="s">
        <v>995</v>
      </c>
      <c r="M37179" t="s">
        <v>87</v>
      </c>
      <c r="N37179" t="s">
        <v>88</v>
      </c>
      <c r="O37179" t="s">
        <v>85</v>
      </c>
      <c r="P37179" t="s">
        <v>86</v>
      </c>
      <c r="Q37179">
        <v>4</v>
      </c>
      <c r="R37179">
        <v>4</v>
      </c>
      <c r="S37179">
        <v>4</v>
      </c>
      <c r="T37179">
        <v>4</v>
      </c>
      <c r="U37179">
        <v>4</v>
      </c>
      <c r="V37179">
        <v>4</v>
      </c>
      <c r="W37179">
        <v>4</v>
      </c>
      <c r="X37179">
        <v>4</v>
      </c>
      <c r="Y37179">
        <v>4</v>
      </c>
      <c r="Z37179">
        <v>4</v>
      </c>
      <c r="AA37179">
        <v>4</v>
      </c>
      <c r="AB37179">
        <v>4</v>
      </c>
      <c r="AC37179">
        <v>4</v>
      </c>
      <c r="AD37179">
        <v>4</v>
      </c>
      <c r="AE37179">
        <v>4</v>
      </c>
      <c r="AF37179">
        <v>4</v>
      </c>
      <c r="AG37179">
        <v>4</v>
      </c>
      <c r="AH37179">
        <v>4</v>
      </c>
      <c r="AI37179">
        <v>4</v>
      </c>
      <c r="AJ37179">
        <v>5</v>
      </c>
      <c r="AK37179">
        <v>5</v>
      </c>
      <c r="AL37179">
        <v>5</v>
      </c>
      <c r="AM37179">
        <v>5</v>
      </c>
      <c r="AN37179">
        <v>5</v>
      </c>
      <c r="AO37179">
        <v>5</v>
      </c>
      <c r="AP37179">
        <v>5</v>
      </c>
      <c r="AQ37179">
        <v>5</v>
      </c>
    </row>
    <row r="37180" spans="1:43">
      <c r="A37180" t="s">
        <v>23047</v>
      </c>
      <c r="B37180" t="s">
        <v>23048</v>
      </c>
      <c r="C37180" t="s">
        <v>23049</v>
      </c>
      <c r="D37180" t="s">
        <v>23050</v>
      </c>
      <c r="E37180" t="s">
        <v>23009</v>
      </c>
      <c r="F37180" t="s">
        <v>23010</v>
      </c>
      <c r="G37180" t="s">
        <v>11612</v>
      </c>
      <c r="H37180" t="s">
        <v>11613</v>
      </c>
      <c r="I37180" s="2">
        <v>0</v>
      </c>
      <c r="J37180" s="2">
        <v>0</v>
      </c>
      <c r="K37180" s="2">
        <v>1</v>
      </c>
      <c r="L37180" t="s">
        <v>995</v>
      </c>
      <c r="M37180" t="s">
        <v>89</v>
      </c>
      <c r="N37180" t="s">
        <v>90</v>
      </c>
      <c r="O37180" t="s">
        <v>85</v>
      </c>
      <c r="P37180" t="s">
        <v>86</v>
      </c>
      <c r="Q37180">
        <v>4</v>
      </c>
      <c r="R37180">
        <v>4</v>
      </c>
      <c r="S37180">
        <v>4</v>
      </c>
      <c r="T37180">
        <v>4</v>
      </c>
      <c r="U37180">
        <v>4</v>
      </c>
      <c r="V37180">
        <v>5</v>
      </c>
      <c r="W37180">
        <v>5</v>
      </c>
      <c r="X37180">
        <v>5</v>
      </c>
      <c r="Y37180">
        <v>5</v>
      </c>
      <c r="Z37180">
        <v>5</v>
      </c>
      <c r="AA37180">
        <v>5</v>
      </c>
      <c r="AB37180">
        <v>5</v>
      </c>
      <c r="AC37180">
        <v>5</v>
      </c>
      <c r="AD37180">
        <v>5</v>
      </c>
      <c r="AE37180">
        <v>5</v>
      </c>
      <c r="AF37180">
        <v>5</v>
      </c>
      <c r="AG37180">
        <v>5</v>
      </c>
      <c r="AH37180">
        <v>5</v>
      </c>
      <c r="AI37180">
        <v>5</v>
      </c>
      <c r="AJ37180">
        <v>5</v>
      </c>
      <c r="AK37180">
        <v>5</v>
      </c>
      <c r="AL37180">
        <v>5</v>
      </c>
      <c r="AM37180">
        <v>5</v>
      </c>
      <c r="AN37180">
        <v>5</v>
      </c>
      <c r="AO37180">
        <v>5</v>
      </c>
      <c r="AP37180">
        <v>5</v>
      </c>
      <c r="AQ37180">
        <v>6</v>
      </c>
    </row>
    <row r="37181" spans="1:43">
      <c r="A37181" t="s">
        <v>23047</v>
      </c>
      <c r="B37181" t="s">
        <v>23048</v>
      </c>
      <c r="C37181" t="s">
        <v>23049</v>
      </c>
      <c r="D37181" t="s">
        <v>23050</v>
      </c>
      <c r="E37181" t="s">
        <v>23009</v>
      </c>
      <c r="F37181" t="s">
        <v>23010</v>
      </c>
      <c r="G37181" t="s">
        <v>11612</v>
      </c>
      <c r="H37181" t="s">
        <v>11613</v>
      </c>
      <c r="I37181" s="2">
        <v>0</v>
      </c>
      <c r="J37181" s="2">
        <v>0</v>
      </c>
      <c r="K37181" s="2">
        <v>1</v>
      </c>
      <c r="L37181" t="s">
        <v>995</v>
      </c>
      <c r="M37181" t="s">
        <v>83</v>
      </c>
      <c r="N37181" t="s">
        <v>91</v>
      </c>
      <c r="O37181" t="s">
        <v>85</v>
      </c>
      <c r="P37181" t="s">
        <v>86</v>
      </c>
      <c r="Q37181">
        <v>4</v>
      </c>
      <c r="R37181">
        <v>4</v>
      </c>
      <c r="S37181">
        <v>4</v>
      </c>
      <c r="T37181">
        <v>4</v>
      </c>
      <c r="U37181">
        <v>4</v>
      </c>
      <c r="V37181">
        <v>4</v>
      </c>
      <c r="W37181">
        <v>4</v>
      </c>
      <c r="X37181">
        <v>4</v>
      </c>
      <c r="Y37181">
        <v>5</v>
      </c>
      <c r="Z37181">
        <v>5</v>
      </c>
      <c r="AA37181">
        <v>5</v>
      </c>
      <c r="AB37181">
        <v>5</v>
      </c>
      <c r="AC37181">
        <v>5</v>
      </c>
      <c r="AD37181">
        <v>5</v>
      </c>
      <c r="AE37181">
        <v>5</v>
      </c>
      <c r="AF37181">
        <v>5</v>
      </c>
      <c r="AG37181">
        <v>5</v>
      </c>
      <c r="AH37181">
        <v>5</v>
      </c>
      <c r="AI37181">
        <v>5</v>
      </c>
      <c r="AJ37181">
        <v>5</v>
      </c>
      <c r="AK37181">
        <v>5</v>
      </c>
      <c r="AL37181">
        <v>5</v>
      </c>
      <c r="AM37181">
        <v>5</v>
      </c>
      <c r="AN37181">
        <v>5</v>
      </c>
      <c r="AO37181">
        <v>5</v>
      </c>
      <c r="AP37181">
        <v>5</v>
      </c>
      <c r="AQ37181">
        <v>5</v>
      </c>
    </row>
    <row r="37182" spans="1:43">
      <c r="A37182" t="s">
        <v>23051</v>
      </c>
      <c r="B37182" t="s">
        <v>23052</v>
      </c>
      <c r="C37182" t="s">
        <v>23049</v>
      </c>
      <c r="D37182" t="s">
        <v>23050</v>
      </c>
      <c r="E37182" t="s">
        <v>23009</v>
      </c>
      <c r="F37182" t="s">
        <v>23010</v>
      </c>
      <c r="G37182" t="s">
        <v>11612</v>
      </c>
      <c r="H37182" t="s">
        <v>11613</v>
      </c>
      <c r="I37182" s="2">
        <v>0</v>
      </c>
      <c r="J37182" s="2">
        <v>0</v>
      </c>
      <c r="K37182" s="2">
        <v>1</v>
      </c>
      <c r="L37182" t="s">
        <v>995</v>
      </c>
      <c r="M37182" t="s">
        <v>83</v>
      </c>
      <c r="N37182" t="s">
        <v>84</v>
      </c>
      <c r="O37182" t="s">
        <v>85</v>
      </c>
      <c r="P37182" t="s">
        <v>86</v>
      </c>
      <c r="Q37182">
        <v>75</v>
      </c>
      <c r="R37182">
        <v>76</v>
      </c>
      <c r="S37182">
        <v>77</v>
      </c>
      <c r="T37182">
        <v>78</v>
      </c>
      <c r="U37182">
        <v>80</v>
      </c>
      <c r="V37182">
        <v>81</v>
      </c>
      <c r="W37182">
        <v>82</v>
      </c>
      <c r="X37182">
        <v>83</v>
      </c>
      <c r="Y37182">
        <v>85</v>
      </c>
      <c r="Z37182">
        <v>86</v>
      </c>
      <c r="AA37182">
        <v>87</v>
      </c>
      <c r="AB37182">
        <v>88</v>
      </c>
      <c r="AC37182">
        <v>90</v>
      </c>
      <c r="AD37182">
        <v>91</v>
      </c>
      <c r="AE37182">
        <v>92</v>
      </c>
      <c r="AF37182">
        <v>93</v>
      </c>
      <c r="AG37182">
        <v>94</v>
      </c>
      <c r="AH37182">
        <v>96</v>
      </c>
      <c r="AI37182">
        <v>97</v>
      </c>
      <c r="AJ37182">
        <v>98</v>
      </c>
      <c r="AK37182">
        <v>99</v>
      </c>
      <c r="AL37182">
        <v>100</v>
      </c>
      <c r="AM37182">
        <v>100</v>
      </c>
      <c r="AN37182">
        <v>100</v>
      </c>
      <c r="AO37182">
        <v>101</v>
      </c>
      <c r="AP37182">
        <v>101</v>
      </c>
      <c r="AQ37182">
        <v>101</v>
      </c>
    </row>
    <row r="37183" spans="1:43">
      <c r="A37183" t="s">
        <v>23051</v>
      </c>
      <c r="B37183" t="s">
        <v>23052</v>
      </c>
      <c r="C37183" t="s">
        <v>23049</v>
      </c>
      <c r="D37183" t="s">
        <v>23050</v>
      </c>
      <c r="E37183" t="s">
        <v>23009</v>
      </c>
      <c r="F37183" t="s">
        <v>23010</v>
      </c>
      <c r="G37183" t="s">
        <v>11612</v>
      </c>
      <c r="H37183" t="s">
        <v>11613</v>
      </c>
      <c r="I37183" s="2">
        <v>0</v>
      </c>
      <c r="J37183" s="2">
        <v>0</v>
      </c>
      <c r="K37183" s="2">
        <v>1</v>
      </c>
      <c r="L37183" t="s">
        <v>995</v>
      </c>
      <c r="M37183" t="s">
        <v>87</v>
      </c>
      <c r="N37183" t="s">
        <v>88</v>
      </c>
      <c r="O37183" t="s">
        <v>85</v>
      </c>
      <c r="P37183" t="s">
        <v>86</v>
      </c>
      <c r="Q37183">
        <v>75</v>
      </c>
      <c r="R37183">
        <v>76</v>
      </c>
      <c r="S37183">
        <v>76</v>
      </c>
      <c r="T37183">
        <v>77</v>
      </c>
      <c r="U37183">
        <v>77</v>
      </c>
      <c r="V37183">
        <v>78</v>
      </c>
      <c r="W37183">
        <v>78</v>
      </c>
      <c r="X37183">
        <v>79</v>
      </c>
      <c r="Y37183">
        <v>79</v>
      </c>
      <c r="Z37183">
        <v>80</v>
      </c>
      <c r="AA37183">
        <v>80</v>
      </c>
      <c r="AB37183">
        <v>81</v>
      </c>
      <c r="AC37183">
        <v>81</v>
      </c>
      <c r="AD37183">
        <v>82</v>
      </c>
      <c r="AE37183">
        <v>82</v>
      </c>
      <c r="AF37183">
        <v>83</v>
      </c>
      <c r="AG37183">
        <v>83</v>
      </c>
      <c r="AH37183">
        <v>84</v>
      </c>
      <c r="AI37183">
        <v>84</v>
      </c>
      <c r="AJ37183">
        <v>85</v>
      </c>
      <c r="AK37183">
        <v>85</v>
      </c>
      <c r="AL37183">
        <v>86</v>
      </c>
      <c r="AM37183">
        <v>86</v>
      </c>
      <c r="AN37183">
        <v>87</v>
      </c>
      <c r="AO37183">
        <v>87</v>
      </c>
      <c r="AP37183">
        <v>88</v>
      </c>
      <c r="AQ37183">
        <v>88</v>
      </c>
    </row>
    <row r="37184" spans="1:43">
      <c r="A37184" t="s">
        <v>23051</v>
      </c>
      <c r="B37184" t="s">
        <v>23052</v>
      </c>
      <c r="C37184" t="s">
        <v>23049</v>
      </c>
      <c r="D37184" t="s">
        <v>23050</v>
      </c>
      <c r="E37184" t="s">
        <v>23009</v>
      </c>
      <c r="F37184" t="s">
        <v>23010</v>
      </c>
      <c r="G37184" t="s">
        <v>11612</v>
      </c>
      <c r="H37184" t="s">
        <v>11613</v>
      </c>
      <c r="I37184" s="2">
        <v>0</v>
      </c>
      <c r="J37184" s="2">
        <v>0</v>
      </c>
      <c r="K37184" s="2">
        <v>1</v>
      </c>
      <c r="L37184" t="s">
        <v>995</v>
      </c>
      <c r="M37184" t="s">
        <v>89</v>
      </c>
      <c r="N37184" t="s">
        <v>90</v>
      </c>
      <c r="O37184" t="s">
        <v>85</v>
      </c>
      <c r="P37184" t="s">
        <v>86</v>
      </c>
      <c r="Q37184">
        <v>75</v>
      </c>
      <c r="R37184">
        <v>77</v>
      </c>
      <c r="S37184">
        <v>79</v>
      </c>
      <c r="T37184">
        <v>81</v>
      </c>
      <c r="U37184">
        <v>83</v>
      </c>
      <c r="V37184">
        <v>85</v>
      </c>
      <c r="W37184">
        <v>86</v>
      </c>
      <c r="X37184">
        <v>88</v>
      </c>
      <c r="Y37184">
        <v>90</v>
      </c>
      <c r="Z37184">
        <v>91</v>
      </c>
      <c r="AA37184">
        <v>93</v>
      </c>
      <c r="AB37184">
        <v>94</v>
      </c>
      <c r="AC37184">
        <v>96</v>
      </c>
      <c r="AD37184">
        <v>98</v>
      </c>
      <c r="AE37184">
        <v>99</v>
      </c>
      <c r="AF37184">
        <v>99</v>
      </c>
      <c r="AG37184">
        <v>99</v>
      </c>
      <c r="AH37184">
        <v>100</v>
      </c>
      <c r="AI37184">
        <v>100</v>
      </c>
      <c r="AJ37184">
        <v>100</v>
      </c>
      <c r="AK37184">
        <v>100</v>
      </c>
      <c r="AL37184">
        <v>101</v>
      </c>
      <c r="AM37184">
        <v>101</v>
      </c>
      <c r="AN37184">
        <v>101</v>
      </c>
      <c r="AO37184">
        <v>101</v>
      </c>
      <c r="AP37184">
        <v>102</v>
      </c>
      <c r="AQ37184">
        <v>102</v>
      </c>
    </row>
    <row r="37185" spans="1:43">
      <c r="A37185" t="s">
        <v>23051</v>
      </c>
      <c r="B37185" t="s">
        <v>23052</v>
      </c>
      <c r="C37185" t="s">
        <v>23049</v>
      </c>
      <c r="D37185" t="s">
        <v>23050</v>
      </c>
      <c r="E37185" t="s">
        <v>23009</v>
      </c>
      <c r="F37185" t="s">
        <v>23010</v>
      </c>
      <c r="G37185" t="s">
        <v>11612</v>
      </c>
      <c r="H37185" t="s">
        <v>11613</v>
      </c>
      <c r="I37185" s="2">
        <v>0</v>
      </c>
      <c r="J37185" s="2">
        <v>0</v>
      </c>
      <c r="K37185" s="2">
        <v>1</v>
      </c>
      <c r="L37185" t="s">
        <v>995</v>
      </c>
      <c r="M37185" t="s">
        <v>83</v>
      </c>
      <c r="N37185" t="s">
        <v>91</v>
      </c>
      <c r="O37185" t="s">
        <v>85</v>
      </c>
      <c r="P37185" t="s">
        <v>86</v>
      </c>
      <c r="Q37185">
        <v>75</v>
      </c>
      <c r="R37185">
        <v>76</v>
      </c>
      <c r="S37185">
        <v>77</v>
      </c>
      <c r="T37185">
        <v>78</v>
      </c>
      <c r="U37185">
        <v>80</v>
      </c>
      <c r="V37185">
        <v>81</v>
      </c>
      <c r="W37185">
        <v>82</v>
      </c>
      <c r="X37185">
        <v>83</v>
      </c>
      <c r="Y37185">
        <v>85</v>
      </c>
      <c r="Z37185">
        <v>86</v>
      </c>
      <c r="AA37185">
        <v>87</v>
      </c>
      <c r="AB37185">
        <v>88</v>
      </c>
      <c r="AC37185">
        <v>90</v>
      </c>
      <c r="AD37185">
        <v>91</v>
      </c>
      <c r="AE37185">
        <v>92</v>
      </c>
      <c r="AF37185">
        <v>93</v>
      </c>
      <c r="AG37185">
        <v>94</v>
      </c>
      <c r="AH37185">
        <v>96</v>
      </c>
      <c r="AI37185">
        <v>97</v>
      </c>
      <c r="AJ37185">
        <v>98</v>
      </c>
      <c r="AK37185">
        <v>99</v>
      </c>
      <c r="AL37185">
        <v>100</v>
      </c>
      <c r="AM37185">
        <v>100</v>
      </c>
      <c r="AN37185">
        <v>100</v>
      </c>
      <c r="AO37185">
        <v>101</v>
      </c>
      <c r="AP37185">
        <v>101</v>
      </c>
      <c r="AQ37185">
        <v>101</v>
      </c>
    </row>
    <row r="37186" spans="1:43">
      <c r="A37186" t="s">
        <v>23053</v>
      </c>
      <c r="B37186" t="s">
        <v>23054</v>
      </c>
      <c r="C37186" t="s">
        <v>23049</v>
      </c>
      <c r="D37186" t="s">
        <v>23050</v>
      </c>
      <c r="E37186" t="s">
        <v>23009</v>
      </c>
      <c r="F37186" t="s">
        <v>23010</v>
      </c>
      <c r="G37186" t="s">
        <v>11612</v>
      </c>
      <c r="H37186" t="s">
        <v>11613</v>
      </c>
      <c r="I37186" s="2">
        <v>0</v>
      </c>
      <c r="J37186" s="2">
        <v>0</v>
      </c>
      <c r="K37186" s="2">
        <v>1</v>
      </c>
      <c r="L37186" t="s">
        <v>995</v>
      </c>
      <c r="M37186" t="s">
        <v>83</v>
      </c>
      <c r="N37186" t="s">
        <v>84</v>
      </c>
      <c r="O37186" t="s">
        <v>85</v>
      </c>
      <c r="P37186" t="s">
        <v>86</v>
      </c>
      <c r="Q37186">
        <v>26</v>
      </c>
      <c r="R37186">
        <v>26</v>
      </c>
      <c r="S37186">
        <v>27</v>
      </c>
      <c r="T37186">
        <v>27</v>
      </c>
      <c r="U37186">
        <v>28</v>
      </c>
      <c r="V37186">
        <v>28</v>
      </c>
      <c r="W37186">
        <v>28</v>
      </c>
      <c r="X37186">
        <v>29</v>
      </c>
      <c r="Y37186">
        <v>29</v>
      </c>
      <c r="Z37186">
        <v>30</v>
      </c>
      <c r="AA37186">
        <v>30</v>
      </c>
      <c r="AB37186">
        <v>31</v>
      </c>
      <c r="AC37186">
        <v>31</v>
      </c>
      <c r="AD37186">
        <v>31</v>
      </c>
      <c r="AE37186">
        <v>32</v>
      </c>
      <c r="AF37186">
        <v>32</v>
      </c>
      <c r="AG37186">
        <v>33</v>
      </c>
      <c r="AH37186">
        <v>33</v>
      </c>
      <c r="AI37186">
        <v>33</v>
      </c>
      <c r="AJ37186">
        <v>34</v>
      </c>
      <c r="AK37186">
        <v>34</v>
      </c>
      <c r="AL37186">
        <v>35</v>
      </c>
      <c r="AM37186">
        <v>35</v>
      </c>
      <c r="AN37186">
        <v>35</v>
      </c>
      <c r="AO37186">
        <v>35</v>
      </c>
      <c r="AP37186">
        <v>35</v>
      </c>
      <c r="AQ37186">
        <v>35</v>
      </c>
    </row>
    <row r="37187" spans="1:43">
      <c r="A37187" t="s">
        <v>23053</v>
      </c>
      <c r="B37187" t="s">
        <v>23054</v>
      </c>
      <c r="C37187" t="s">
        <v>23049</v>
      </c>
      <c r="D37187" t="s">
        <v>23050</v>
      </c>
      <c r="E37187" t="s">
        <v>23009</v>
      </c>
      <c r="F37187" t="s">
        <v>23010</v>
      </c>
      <c r="G37187" t="s">
        <v>11612</v>
      </c>
      <c r="H37187" t="s">
        <v>11613</v>
      </c>
      <c r="I37187" s="2">
        <v>0</v>
      </c>
      <c r="J37187" s="2">
        <v>0</v>
      </c>
      <c r="K37187" s="2">
        <v>1</v>
      </c>
      <c r="L37187" t="s">
        <v>995</v>
      </c>
      <c r="M37187" t="s">
        <v>87</v>
      </c>
      <c r="N37187" t="s">
        <v>88</v>
      </c>
      <c r="O37187" t="s">
        <v>85</v>
      </c>
      <c r="P37187" t="s">
        <v>86</v>
      </c>
      <c r="Q37187">
        <v>26</v>
      </c>
      <c r="R37187">
        <v>26</v>
      </c>
      <c r="S37187">
        <v>26</v>
      </c>
      <c r="T37187">
        <v>26</v>
      </c>
      <c r="U37187">
        <v>26</v>
      </c>
      <c r="V37187">
        <v>27</v>
      </c>
      <c r="W37187">
        <v>27</v>
      </c>
      <c r="X37187">
        <v>27</v>
      </c>
      <c r="Y37187">
        <v>27</v>
      </c>
      <c r="Z37187">
        <v>27</v>
      </c>
      <c r="AA37187">
        <v>27</v>
      </c>
      <c r="AB37187">
        <v>28</v>
      </c>
      <c r="AC37187">
        <v>28</v>
      </c>
      <c r="AD37187">
        <v>28</v>
      </c>
      <c r="AE37187">
        <v>28</v>
      </c>
      <c r="AF37187">
        <v>28</v>
      </c>
      <c r="AG37187">
        <v>29</v>
      </c>
      <c r="AH37187">
        <v>29</v>
      </c>
      <c r="AI37187">
        <v>29</v>
      </c>
      <c r="AJ37187">
        <v>29</v>
      </c>
      <c r="AK37187">
        <v>29</v>
      </c>
      <c r="AL37187">
        <v>29</v>
      </c>
      <c r="AM37187">
        <v>30</v>
      </c>
      <c r="AN37187">
        <v>30</v>
      </c>
      <c r="AO37187">
        <v>30</v>
      </c>
      <c r="AP37187">
        <v>30</v>
      </c>
      <c r="AQ37187">
        <v>30</v>
      </c>
    </row>
    <row r="37188" spans="1:43">
      <c r="A37188" t="s">
        <v>23053</v>
      </c>
      <c r="B37188" t="s">
        <v>23054</v>
      </c>
      <c r="C37188" t="s">
        <v>23049</v>
      </c>
      <c r="D37188" t="s">
        <v>23050</v>
      </c>
      <c r="E37188" t="s">
        <v>23009</v>
      </c>
      <c r="F37188" t="s">
        <v>23010</v>
      </c>
      <c r="G37188" t="s">
        <v>11612</v>
      </c>
      <c r="H37188" t="s">
        <v>11613</v>
      </c>
      <c r="I37188" s="2">
        <v>0</v>
      </c>
      <c r="J37188" s="2">
        <v>0</v>
      </c>
      <c r="K37188" s="2">
        <v>1</v>
      </c>
      <c r="L37188" t="s">
        <v>995</v>
      </c>
      <c r="M37188" t="s">
        <v>89</v>
      </c>
      <c r="N37188" t="s">
        <v>90</v>
      </c>
      <c r="O37188" t="s">
        <v>85</v>
      </c>
      <c r="P37188" t="s">
        <v>86</v>
      </c>
      <c r="Q37188">
        <v>26</v>
      </c>
      <c r="R37188">
        <v>27</v>
      </c>
      <c r="S37188">
        <v>27</v>
      </c>
      <c r="T37188">
        <v>28</v>
      </c>
      <c r="U37188">
        <v>29</v>
      </c>
      <c r="V37188">
        <v>29</v>
      </c>
      <c r="W37188">
        <v>30</v>
      </c>
      <c r="X37188">
        <v>30</v>
      </c>
      <c r="Y37188">
        <v>31</v>
      </c>
      <c r="Z37188">
        <v>32</v>
      </c>
      <c r="AA37188">
        <v>32</v>
      </c>
      <c r="AB37188">
        <v>33</v>
      </c>
      <c r="AC37188">
        <v>33</v>
      </c>
      <c r="AD37188">
        <v>34</v>
      </c>
      <c r="AE37188">
        <v>34</v>
      </c>
      <c r="AF37188">
        <v>34</v>
      </c>
      <c r="AG37188">
        <v>34</v>
      </c>
      <c r="AH37188">
        <v>34</v>
      </c>
      <c r="AI37188">
        <v>35</v>
      </c>
      <c r="AJ37188">
        <v>35</v>
      </c>
      <c r="AK37188">
        <v>35</v>
      </c>
      <c r="AL37188">
        <v>35</v>
      </c>
      <c r="AM37188">
        <v>35</v>
      </c>
      <c r="AN37188">
        <v>35</v>
      </c>
      <c r="AO37188">
        <v>35</v>
      </c>
      <c r="AP37188">
        <v>35</v>
      </c>
      <c r="AQ37188">
        <v>35</v>
      </c>
    </row>
    <row r="37189" spans="1:43">
      <c r="A37189" t="s">
        <v>23053</v>
      </c>
      <c r="B37189" t="s">
        <v>23054</v>
      </c>
      <c r="C37189" t="s">
        <v>23049</v>
      </c>
      <c r="D37189" t="s">
        <v>23050</v>
      </c>
      <c r="E37189" t="s">
        <v>23009</v>
      </c>
      <c r="F37189" t="s">
        <v>23010</v>
      </c>
      <c r="G37189" t="s">
        <v>11612</v>
      </c>
      <c r="H37189" t="s">
        <v>11613</v>
      </c>
      <c r="I37189" s="2">
        <v>0</v>
      </c>
      <c r="J37189" s="2">
        <v>0</v>
      </c>
      <c r="K37189" s="2">
        <v>1</v>
      </c>
      <c r="L37189" t="s">
        <v>995</v>
      </c>
      <c r="M37189" t="s">
        <v>83</v>
      </c>
      <c r="N37189" t="s">
        <v>91</v>
      </c>
      <c r="O37189" t="s">
        <v>85</v>
      </c>
      <c r="P37189" t="s">
        <v>86</v>
      </c>
      <c r="Q37189">
        <v>26</v>
      </c>
      <c r="R37189">
        <v>26</v>
      </c>
      <c r="S37189">
        <v>27</v>
      </c>
      <c r="T37189">
        <v>27</v>
      </c>
      <c r="U37189">
        <v>28</v>
      </c>
      <c r="V37189">
        <v>28</v>
      </c>
      <c r="W37189">
        <v>28</v>
      </c>
      <c r="X37189">
        <v>29</v>
      </c>
      <c r="Y37189">
        <v>29</v>
      </c>
      <c r="Z37189">
        <v>30</v>
      </c>
      <c r="AA37189">
        <v>30</v>
      </c>
      <c r="AB37189">
        <v>31</v>
      </c>
      <c r="AC37189">
        <v>31</v>
      </c>
      <c r="AD37189">
        <v>31</v>
      </c>
      <c r="AE37189">
        <v>32</v>
      </c>
      <c r="AF37189">
        <v>32</v>
      </c>
      <c r="AG37189">
        <v>33</v>
      </c>
      <c r="AH37189">
        <v>33</v>
      </c>
      <c r="AI37189">
        <v>33</v>
      </c>
      <c r="AJ37189">
        <v>34</v>
      </c>
      <c r="AK37189">
        <v>34</v>
      </c>
      <c r="AL37189">
        <v>35</v>
      </c>
      <c r="AM37189">
        <v>35</v>
      </c>
      <c r="AN37189">
        <v>35</v>
      </c>
      <c r="AO37189">
        <v>35</v>
      </c>
      <c r="AP37189">
        <v>35</v>
      </c>
      <c r="AQ37189">
        <v>35</v>
      </c>
    </row>
    <row r="37190" spans="1:43">
      <c r="A37190" t="s">
        <v>23055</v>
      </c>
      <c r="B37190" t="s">
        <v>23056</v>
      </c>
      <c r="C37190" t="s">
        <v>23049</v>
      </c>
      <c r="D37190" t="s">
        <v>23050</v>
      </c>
      <c r="E37190" t="s">
        <v>23009</v>
      </c>
      <c r="F37190" t="s">
        <v>23010</v>
      </c>
      <c r="G37190" t="s">
        <v>11612</v>
      </c>
      <c r="H37190" t="s">
        <v>11613</v>
      </c>
      <c r="I37190" s="2">
        <v>0</v>
      </c>
      <c r="J37190" s="2">
        <v>0</v>
      </c>
      <c r="K37190" s="2">
        <v>1</v>
      </c>
      <c r="L37190" t="s">
        <v>995</v>
      </c>
      <c r="M37190" t="s">
        <v>83</v>
      </c>
      <c r="N37190" t="s">
        <v>84</v>
      </c>
      <c r="O37190" t="s">
        <v>85</v>
      </c>
      <c r="P37190" t="s">
        <v>86</v>
      </c>
      <c r="Q37190">
        <v>14</v>
      </c>
      <c r="R37190">
        <v>14</v>
      </c>
      <c r="S37190">
        <v>14</v>
      </c>
      <c r="T37190">
        <v>15</v>
      </c>
      <c r="U37190">
        <v>15</v>
      </c>
      <c r="V37190">
        <v>15</v>
      </c>
      <c r="W37190">
        <v>15</v>
      </c>
      <c r="X37190">
        <v>15</v>
      </c>
      <c r="Y37190">
        <v>16</v>
      </c>
      <c r="Z37190">
        <v>16</v>
      </c>
      <c r="AA37190">
        <v>16</v>
      </c>
      <c r="AB37190">
        <v>16</v>
      </c>
      <c r="AC37190">
        <v>17</v>
      </c>
      <c r="AD37190">
        <v>17</v>
      </c>
      <c r="AE37190">
        <v>17</v>
      </c>
      <c r="AF37190">
        <v>17</v>
      </c>
      <c r="AG37190">
        <v>18</v>
      </c>
      <c r="AH37190">
        <v>18</v>
      </c>
      <c r="AI37190">
        <v>18</v>
      </c>
      <c r="AJ37190">
        <v>18</v>
      </c>
      <c r="AK37190">
        <v>18</v>
      </c>
      <c r="AL37190">
        <v>19</v>
      </c>
      <c r="AM37190">
        <v>19</v>
      </c>
      <c r="AN37190">
        <v>19</v>
      </c>
      <c r="AO37190">
        <v>19</v>
      </c>
      <c r="AP37190">
        <v>19</v>
      </c>
      <c r="AQ37190">
        <v>19</v>
      </c>
    </row>
    <row r="37191" spans="1:43">
      <c r="A37191" t="s">
        <v>23055</v>
      </c>
      <c r="B37191" t="s">
        <v>23056</v>
      </c>
      <c r="C37191" t="s">
        <v>23049</v>
      </c>
      <c r="D37191" t="s">
        <v>23050</v>
      </c>
      <c r="E37191" t="s">
        <v>23009</v>
      </c>
      <c r="F37191" t="s">
        <v>23010</v>
      </c>
      <c r="G37191" t="s">
        <v>11612</v>
      </c>
      <c r="H37191" t="s">
        <v>11613</v>
      </c>
      <c r="I37191" s="2">
        <v>0</v>
      </c>
      <c r="J37191" s="2">
        <v>0</v>
      </c>
      <c r="K37191" s="2">
        <v>1</v>
      </c>
      <c r="L37191" t="s">
        <v>995</v>
      </c>
      <c r="M37191" t="s">
        <v>87</v>
      </c>
      <c r="N37191" t="s">
        <v>88</v>
      </c>
      <c r="O37191" t="s">
        <v>85</v>
      </c>
      <c r="P37191" t="s">
        <v>86</v>
      </c>
      <c r="Q37191">
        <v>14</v>
      </c>
      <c r="R37191">
        <v>14</v>
      </c>
      <c r="S37191">
        <v>14</v>
      </c>
      <c r="T37191">
        <v>14</v>
      </c>
      <c r="U37191">
        <v>14</v>
      </c>
      <c r="V37191">
        <v>14</v>
      </c>
      <c r="W37191">
        <v>14</v>
      </c>
      <c r="X37191">
        <v>14</v>
      </c>
      <c r="Y37191">
        <v>15</v>
      </c>
      <c r="Z37191">
        <v>15</v>
      </c>
      <c r="AA37191">
        <v>15</v>
      </c>
      <c r="AB37191">
        <v>15</v>
      </c>
      <c r="AC37191">
        <v>15</v>
      </c>
      <c r="AD37191">
        <v>15</v>
      </c>
      <c r="AE37191">
        <v>15</v>
      </c>
      <c r="AF37191">
        <v>15</v>
      </c>
      <c r="AG37191">
        <v>15</v>
      </c>
      <c r="AH37191">
        <v>15</v>
      </c>
      <c r="AI37191">
        <v>15</v>
      </c>
      <c r="AJ37191">
        <v>16</v>
      </c>
      <c r="AK37191">
        <v>16</v>
      </c>
      <c r="AL37191">
        <v>16</v>
      </c>
      <c r="AM37191">
        <v>16</v>
      </c>
      <c r="AN37191">
        <v>16</v>
      </c>
      <c r="AO37191">
        <v>16</v>
      </c>
      <c r="AP37191">
        <v>16</v>
      </c>
      <c r="AQ37191">
        <v>16</v>
      </c>
    </row>
    <row r="37192" spans="1:43">
      <c r="A37192" t="s">
        <v>23055</v>
      </c>
      <c r="B37192" t="s">
        <v>23056</v>
      </c>
      <c r="C37192" t="s">
        <v>23049</v>
      </c>
      <c r="D37192" t="s">
        <v>23050</v>
      </c>
      <c r="E37192" t="s">
        <v>23009</v>
      </c>
      <c r="F37192" t="s">
        <v>23010</v>
      </c>
      <c r="G37192" t="s">
        <v>11612</v>
      </c>
      <c r="H37192" t="s">
        <v>11613</v>
      </c>
      <c r="I37192" s="2">
        <v>0</v>
      </c>
      <c r="J37192" s="2">
        <v>0</v>
      </c>
      <c r="K37192" s="2">
        <v>1</v>
      </c>
      <c r="L37192" t="s">
        <v>995</v>
      </c>
      <c r="M37192" t="s">
        <v>89</v>
      </c>
      <c r="N37192" t="s">
        <v>90</v>
      </c>
      <c r="O37192" t="s">
        <v>85</v>
      </c>
      <c r="P37192" t="s">
        <v>86</v>
      </c>
      <c r="Q37192">
        <v>14</v>
      </c>
      <c r="R37192">
        <v>14</v>
      </c>
      <c r="S37192">
        <v>15</v>
      </c>
      <c r="T37192">
        <v>15</v>
      </c>
      <c r="U37192">
        <v>15</v>
      </c>
      <c r="V37192">
        <v>16</v>
      </c>
      <c r="W37192">
        <v>16</v>
      </c>
      <c r="X37192">
        <v>16</v>
      </c>
      <c r="Y37192">
        <v>17</v>
      </c>
      <c r="Z37192">
        <v>17</v>
      </c>
      <c r="AA37192">
        <v>17</v>
      </c>
      <c r="AB37192">
        <v>18</v>
      </c>
      <c r="AC37192">
        <v>18</v>
      </c>
      <c r="AD37192">
        <v>18</v>
      </c>
      <c r="AE37192">
        <v>18</v>
      </c>
      <c r="AF37192">
        <v>18</v>
      </c>
      <c r="AG37192">
        <v>18</v>
      </c>
      <c r="AH37192">
        <v>18</v>
      </c>
      <c r="AI37192">
        <v>19</v>
      </c>
      <c r="AJ37192">
        <v>19</v>
      </c>
      <c r="AK37192">
        <v>19</v>
      </c>
      <c r="AL37192">
        <v>19</v>
      </c>
      <c r="AM37192">
        <v>19</v>
      </c>
      <c r="AN37192">
        <v>19</v>
      </c>
      <c r="AO37192">
        <v>19</v>
      </c>
      <c r="AP37192">
        <v>19</v>
      </c>
      <c r="AQ37192">
        <v>19</v>
      </c>
    </row>
    <row r="37193" spans="1:43">
      <c r="A37193" t="s">
        <v>23055</v>
      </c>
      <c r="B37193" t="s">
        <v>23056</v>
      </c>
      <c r="C37193" t="s">
        <v>23049</v>
      </c>
      <c r="D37193" t="s">
        <v>23050</v>
      </c>
      <c r="E37193" t="s">
        <v>23009</v>
      </c>
      <c r="F37193" t="s">
        <v>23010</v>
      </c>
      <c r="G37193" t="s">
        <v>11612</v>
      </c>
      <c r="H37193" t="s">
        <v>11613</v>
      </c>
      <c r="I37193" s="2">
        <v>0</v>
      </c>
      <c r="J37193" s="2">
        <v>0</v>
      </c>
      <c r="K37193" s="2">
        <v>1</v>
      </c>
      <c r="L37193" t="s">
        <v>995</v>
      </c>
      <c r="M37193" t="s">
        <v>83</v>
      </c>
      <c r="N37193" t="s">
        <v>91</v>
      </c>
      <c r="O37193" t="s">
        <v>85</v>
      </c>
      <c r="P37193" t="s">
        <v>86</v>
      </c>
      <c r="Q37193">
        <v>14</v>
      </c>
      <c r="R37193">
        <v>14</v>
      </c>
      <c r="S37193">
        <v>14</v>
      </c>
      <c r="T37193">
        <v>15</v>
      </c>
      <c r="U37193">
        <v>15</v>
      </c>
      <c r="V37193">
        <v>15</v>
      </c>
      <c r="W37193">
        <v>15</v>
      </c>
      <c r="X37193">
        <v>15</v>
      </c>
      <c r="Y37193">
        <v>16</v>
      </c>
      <c r="Z37193">
        <v>16</v>
      </c>
      <c r="AA37193">
        <v>16</v>
      </c>
      <c r="AB37193">
        <v>16</v>
      </c>
      <c r="AC37193">
        <v>17</v>
      </c>
      <c r="AD37193">
        <v>17</v>
      </c>
      <c r="AE37193">
        <v>17</v>
      </c>
      <c r="AF37193">
        <v>17</v>
      </c>
      <c r="AG37193">
        <v>18</v>
      </c>
      <c r="AH37193">
        <v>18</v>
      </c>
      <c r="AI37193">
        <v>18</v>
      </c>
      <c r="AJ37193">
        <v>18</v>
      </c>
      <c r="AK37193">
        <v>18</v>
      </c>
      <c r="AL37193">
        <v>19</v>
      </c>
      <c r="AM37193">
        <v>19</v>
      </c>
      <c r="AN37193">
        <v>19</v>
      </c>
      <c r="AO37193">
        <v>19</v>
      </c>
      <c r="AP37193">
        <v>19</v>
      </c>
      <c r="AQ37193">
        <v>19</v>
      </c>
    </row>
    <row r="37194" spans="1:43">
      <c r="A37194" t="s">
        <v>23057</v>
      </c>
      <c r="B37194" t="s">
        <v>23058</v>
      </c>
      <c r="C37194" t="s">
        <v>23059</v>
      </c>
      <c r="D37194" t="s">
        <v>23060</v>
      </c>
      <c r="E37194" t="s">
        <v>23009</v>
      </c>
      <c r="F37194" t="s">
        <v>23010</v>
      </c>
      <c r="G37194" t="s">
        <v>11612</v>
      </c>
      <c r="H37194" t="s">
        <v>11613</v>
      </c>
      <c r="I37194" s="2">
        <v>0</v>
      </c>
      <c r="J37194" s="2">
        <v>0</v>
      </c>
      <c r="K37194" s="2">
        <v>1</v>
      </c>
      <c r="L37194" t="s">
        <v>995</v>
      </c>
      <c r="M37194" t="s">
        <v>83</v>
      </c>
      <c r="N37194" t="s">
        <v>84</v>
      </c>
      <c r="O37194" t="s">
        <v>85</v>
      </c>
      <c r="P37194" t="s">
        <v>86</v>
      </c>
      <c r="Q37194">
        <v>38</v>
      </c>
      <c r="R37194">
        <v>38</v>
      </c>
      <c r="S37194">
        <v>39</v>
      </c>
      <c r="T37194">
        <v>40</v>
      </c>
      <c r="U37194">
        <v>40</v>
      </c>
      <c r="V37194">
        <v>41</v>
      </c>
      <c r="W37194">
        <v>42</v>
      </c>
      <c r="X37194">
        <v>42</v>
      </c>
      <c r="Y37194">
        <v>43</v>
      </c>
      <c r="Z37194">
        <v>43</v>
      </c>
      <c r="AA37194">
        <v>44</v>
      </c>
      <c r="AB37194">
        <v>45</v>
      </c>
      <c r="AC37194">
        <v>45</v>
      </c>
      <c r="AD37194">
        <v>46</v>
      </c>
      <c r="AE37194">
        <v>46</v>
      </c>
      <c r="AF37194">
        <v>47</v>
      </c>
      <c r="AG37194">
        <v>48</v>
      </c>
      <c r="AH37194">
        <v>48</v>
      </c>
      <c r="AI37194">
        <v>49</v>
      </c>
      <c r="AJ37194">
        <v>49</v>
      </c>
      <c r="AK37194">
        <v>50</v>
      </c>
      <c r="AL37194">
        <v>50</v>
      </c>
      <c r="AM37194">
        <v>50</v>
      </c>
      <c r="AN37194">
        <v>50</v>
      </c>
      <c r="AO37194">
        <v>51</v>
      </c>
      <c r="AP37194">
        <v>51</v>
      </c>
      <c r="AQ37194">
        <v>51</v>
      </c>
    </row>
    <row r="37195" spans="1:43">
      <c r="A37195" t="s">
        <v>23057</v>
      </c>
      <c r="B37195" t="s">
        <v>23058</v>
      </c>
      <c r="C37195" t="s">
        <v>23059</v>
      </c>
      <c r="D37195" t="s">
        <v>23060</v>
      </c>
      <c r="E37195" t="s">
        <v>23009</v>
      </c>
      <c r="F37195" t="s">
        <v>23010</v>
      </c>
      <c r="G37195" t="s">
        <v>11612</v>
      </c>
      <c r="H37195" t="s">
        <v>11613</v>
      </c>
      <c r="I37195" s="2">
        <v>0</v>
      </c>
      <c r="J37195" s="2">
        <v>0</v>
      </c>
      <c r="K37195" s="2">
        <v>1</v>
      </c>
      <c r="L37195" t="s">
        <v>995</v>
      </c>
      <c r="M37195" t="s">
        <v>87</v>
      </c>
      <c r="N37195" t="s">
        <v>88</v>
      </c>
      <c r="O37195" t="s">
        <v>85</v>
      </c>
      <c r="P37195" t="s">
        <v>86</v>
      </c>
      <c r="Q37195">
        <v>38</v>
      </c>
      <c r="R37195">
        <v>38</v>
      </c>
      <c r="S37195">
        <v>38</v>
      </c>
      <c r="T37195">
        <v>38</v>
      </c>
      <c r="U37195">
        <v>39</v>
      </c>
      <c r="V37195">
        <v>39</v>
      </c>
      <c r="W37195">
        <v>39</v>
      </c>
      <c r="X37195">
        <v>39</v>
      </c>
      <c r="Y37195">
        <v>40</v>
      </c>
      <c r="Z37195">
        <v>40</v>
      </c>
      <c r="AA37195">
        <v>40</v>
      </c>
      <c r="AB37195">
        <v>40</v>
      </c>
      <c r="AC37195">
        <v>41</v>
      </c>
      <c r="AD37195">
        <v>41</v>
      </c>
      <c r="AE37195">
        <v>41</v>
      </c>
      <c r="AF37195">
        <v>41</v>
      </c>
      <c r="AG37195">
        <v>42</v>
      </c>
      <c r="AH37195">
        <v>42</v>
      </c>
      <c r="AI37195">
        <v>42</v>
      </c>
      <c r="AJ37195">
        <v>42</v>
      </c>
      <c r="AK37195">
        <v>43</v>
      </c>
      <c r="AL37195">
        <v>43</v>
      </c>
      <c r="AM37195">
        <v>43</v>
      </c>
      <c r="AN37195">
        <v>43</v>
      </c>
      <c r="AO37195">
        <v>44</v>
      </c>
      <c r="AP37195">
        <v>44</v>
      </c>
      <c r="AQ37195">
        <v>44</v>
      </c>
    </row>
    <row r="37196" spans="1:43">
      <c r="A37196" t="s">
        <v>23057</v>
      </c>
      <c r="B37196" t="s">
        <v>23058</v>
      </c>
      <c r="C37196" t="s">
        <v>23059</v>
      </c>
      <c r="D37196" t="s">
        <v>23060</v>
      </c>
      <c r="E37196" t="s">
        <v>23009</v>
      </c>
      <c r="F37196" t="s">
        <v>23010</v>
      </c>
      <c r="G37196" t="s">
        <v>11612</v>
      </c>
      <c r="H37196" t="s">
        <v>11613</v>
      </c>
      <c r="I37196" s="2">
        <v>0</v>
      </c>
      <c r="J37196" s="2">
        <v>0</v>
      </c>
      <c r="K37196" s="2">
        <v>1</v>
      </c>
      <c r="L37196" t="s">
        <v>995</v>
      </c>
      <c r="M37196" t="s">
        <v>89</v>
      </c>
      <c r="N37196" t="s">
        <v>90</v>
      </c>
      <c r="O37196" t="s">
        <v>85</v>
      </c>
      <c r="P37196" t="s">
        <v>86</v>
      </c>
      <c r="Q37196">
        <v>38</v>
      </c>
      <c r="R37196">
        <v>39</v>
      </c>
      <c r="S37196">
        <v>40</v>
      </c>
      <c r="T37196">
        <v>41</v>
      </c>
      <c r="U37196">
        <v>42</v>
      </c>
      <c r="V37196">
        <v>43</v>
      </c>
      <c r="W37196">
        <v>44</v>
      </c>
      <c r="X37196">
        <v>45</v>
      </c>
      <c r="Y37196">
        <v>45</v>
      </c>
      <c r="Z37196">
        <v>46</v>
      </c>
      <c r="AA37196">
        <v>47</v>
      </c>
      <c r="AB37196">
        <v>48</v>
      </c>
      <c r="AC37196">
        <v>48</v>
      </c>
      <c r="AD37196">
        <v>49</v>
      </c>
      <c r="AE37196">
        <v>50</v>
      </c>
      <c r="AF37196">
        <v>50</v>
      </c>
      <c r="AG37196">
        <v>50</v>
      </c>
      <c r="AH37196">
        <v>50</v>
      </c>
      <c r="AI37196">
        <v>50</v>
      </c>
      <c r="AJ37196">
        <v>50</v>
      </c>
      <c r="AK37196">
        <v>50</v>
      </c>
      <c r="AL37196">
        <v>51</v>
      </c>
      <c r="AM37196">
        <v>51</v>
      </c>
      <c r="AN37196">
        <v>51</v>
      </c>
      <c r="AO37196">
        <v>51</v>
      </c>
      <c r="AP37196">
        <v>51</v>
      </c>
      <c r="AQ37196">
        <v>51</v>
      </c>
    </row>
    <row r="37197" spans="1:43">
      <c r="A37197" t="s">
        <v>23057</v>
      </c>
      <c r="B37197" t="s">
        <v>23058</v>
      </c>
      <c r="C37197" t="s">
        <v>23059</v>
      </c>
      <c r="D37197" t="s">
        <v>23060</v>
      </c>
      <c r="E37197" t="s">
        <v>23009</v>
      </c>
      <c r="F37197" t="s">
        <v>23010</v>
      </c>
      <c r="G37197" t="s">
        <v>11612</v>
      </c>
      <c r="H37197" t="s">
        <v>11613</v>
      </c>
      <c r="I37197" s="2">
        <v>0</v>
      </c>
      <c r="J37197" s="2">
        <v>0</v>
      </c>
      <c r="K37197" s="2">
        <v>1</v>
      </c>
      <c r="L37197" t="s">
        <v>995</v>
      </c>
      <c r="M37197" t="s">
        <v>83</v>
      </c>
      <c r="N37197" t="s">
        <v>91</v>
      </c>
      <c r="O37197" t="s">
        <v>85</v>
      </c>
      <c r="P37197" t="s">
        <v>86</v>
      </c>
      <c r="Q37197">
        <v>38</v>
      </c>
      <c r="R37197">
        <v>38</v>
      </c>
      <c r="S37197">
        <v>39</v>
      </c>
      <c r="T37197">
        <v>40</v>
      </c>
      <c r="U37197">
        <v>40</v>
      </c>
      <c r="V37197">
        <v>41</v>
      </c>
      <c r="W37197">
        <v>42</v>
      </c>
      <c r="X37197">
        <v>42</v>
      </c>
      <c r="Y37197">
        <v>43</v>
      </c>
      <c r="Z37197">
        <v>43</v>
      </c>
      <c r="AA37197">
        <v>44</v>
      </c>
      <c r="AB37197">
        <v>45</v>
      </c>
      <c r="AC37197">
        <v>45</v>
      </c>
      <c r="AD37197">
        <v>46</v>
      </c>
      <c r="AE37197">
        <v>46</v>
      </c>
      <c r="AF37197">
        <v>47</v>
      </c>
      <c r="AG37197">
        <v>48</v>
      </c>
      <c r="AH37197">
        <v>48</v>
      </c>
      <c r="AI37197">
        <v>49</v>
      </c>
      <c r="AJ37197">
        <v>49</v>
      </c>
      <c r="AK37197">
        <v>50</v>
      </c>
      <c r="AL37197">
        <v>50</v>
      </c>
      <c r="AM37197">
        <v>50</v>
      </c>
      <c r="AN37197">
        <v>50</v>
      </c>
      <c r="AO37197">
        <v>51</v>
      </c>
      <c r="AP37197">
        <v>51</v>
      </c>
      <c r="AQ37197">
        <v>51</v>
      </c>
    </row>
    <row r="37198" spans="1:43">
      <c r="A37198" t="s">
        <v>23061</v>
      </c>
      <c r="B37198" t="s">
        <v>23062</v>
      </c>
      <c r="C37198" t="s">
        <v>23059</v>
      </c>
      <c r="D37198" t="s">
        <v>23060</v>
      </c>
      <c r="E37198" t="s">
        <v>23009</v>
      </c>
      <c r="F37198" t="s">
        <v>23010</v>
      </c>
      <c r="G37198" t="s">
        <v>11612</v>
      </c>
      <c r="H37198" t="s">
        <v>11613</v>
      </c>
      <c r="I37198" s="2">
        <v>0</v>
      </c>
      <c r="J37198" s="2">
        <v>0</v>
      </c>
      <c r="K37198" s="2">
        <v>1</v>
      </c>
      <c r="L37198" t="s">
        <v>995</v>
      </c>
      <c r="M37198" t="s">
        <v>83</v>
      </c>
      <c r="N37198" t="s">
        <v>84</v>
      </c>
      <c r="O37198" t="s">
        <v>85</v>
      </c>
      <c r="P37198" t="s">
        <v>86</v>
      </c>
      <c r="Q37198">
        <v>23</v>
      </c>
      <c r="R37198">
        <v>23</v>
      </c>
      <c r="S37198">
        <v>23</v>
      </c>
      <c r="T37198">
        <v>24</v>
      </c>
      <c r="U37198">
        <v>24</v>
      </c>
      <c r="V37198">
        <v>25</v>
      </c>
      <c r="W37198">
        <v>25</v>
      </c>
      <c r="X37198">
        <v>25</v>
      </c>
      <c r="Y37198">
        <v>26</v>
      </c>
      <c r="Z37198">
        <v>26</v>
      </c>
      <c r="AA37198">
        <v>26</v>
      </c>
      <c r="AB37198">
        <v>27</v>
      </c>
      <c r="AC37198">
        <v>27</v>
      </c>
      <c r="AD37198">
        <v>28</v>
      </c>
      <c r="AE37198">
        <v>28</v>
      </c>
      <c r="AF37198">
        <v>28</v>
      </c>
      <c r="AG37198">
        <v>29</v>
      </c>
      <c r="AH37198">
        <v>29</v>
      </c>
      <c r="AI37198">
        <v>29</v>
      </c>
      <c r="AJ37198">
        <v>30</v>
      </c>
      <c r="AK37198">
        <v>30</v>
      </c>
      <c r="AL37198">
        <v>30</v>
      </c>
      <c r="AM37198">
        <v>30</v>
      </c>
      <c r="AN37198">
        <v>30</v>
      </c>
      <c r="AO37198">
        <v>30</v>
      </c>
      <c r="AP37198">
        <v>30</v>
      </c>
      <c r="AQ37198">
        <v>31</v>
      </c>
    </row>
    <row r="37199" spans="1:43">
      <c r="A37199" t="s">
        <v>23061</v>
      </c>
      <c r="B37199" t="s">
        <v>23062</v>
      </c>
      <c r="C37199" t="s">
        <v>23059</v>
      </c>
      <c r="D37199" t="s">
        <v>23060</v>
      </c>
      <c r="E37199" t="s">
        <v>23009</v>
      </c>
      <c r="F37199" t="s">
        <v>23010</v>
      </c>
      <c r="G37199" t="s">
        <v>11612</v>
      </c>
      <c r="H37199" t="s">
        <v>11613</v>
      </c>
      <c r="I37199" s="2">
        <v>0</v>
      </c>
      <c r="J37199" s="2">
        <v>0</v>
      </c>
      <c r="K37199" s="2">
        <v>1</v>
      </c>
      <c r="L37199" t="s">
        <v>995</v>
      </c>
      <c r="M37199" t="s">
        <v>87</v>
      </c>
      <c r="N37199" t="s">
        <v>88</v>
      </c>
      <c r="O37199" t="s">
        <v>85</v>
      </c>
      <c r="P37199" t="s">
        <v>86</v>
      </c>
      <c r="Q37199">
        <v>23</v>
      </c>
      <c r="R37199">
        <v>24</v>
      </c>
      <c r="S37199">
        <v>24</v>
      </c>
      <c r="T37199">
        <v>24</v>
      </c>
      <c r="U37199">
        <v>24</v>
      </c>
      <c r="V37199">
        <v>24</v>
      </c>
      <c r="W37199">
        <v>24</v>
      </c>
      <c r="X37199">
        <v>25</v>
      </c>
      <c r="Y37199">
        <v>25</v>
      </c>
      <c r="Z37199">
        <v>25</v>
      </c>
      <c r="AA37199">
        <v>25</v>
      </c>
      <c r="AB37199">
        <v>25</v>
      </c>
      <c r="AC37199">
        <v>25</v>
      </c>
      <c r="AD37199">
        <v>26</v>
      </c>
      <c r="AE37199">
        <v>26</v>
      </c>
      <c r="AF37199">
        <v>26</v>
      </c>
      <c r="AG37199">
        <v>26</v>
      </c>
      <c r="AH37199">
        <v>26</v>
      </c>
      <c r="AI37199">
        <v>26</v>
      </c>
      <c r="AJ37199">
        <v>26</v>
      </c>
      <c r="AK37199">
        <v>27</v>
      </c>
      <c r="AL37199">
        <v>27</v>
      </c>
      <c r="AM37199">
        <v>27</v>
      </c>
      <c r="AN37199">
        <v>27</v>
      </c>
      <c r="AO37199">
        <v>27</v>
      </c>
      <c r="AP37199">
        <v>27</v>
      </c>
      <c r="AQ37199">
        <v>27</v>
      </c>
    </row>
    <row r="37200" spans="1:43">
      <c r="A37200" t="s">
        <v>23061</v>
      </c>
      <c r="B37200" t="s">
        <v>23062</v>
      </c>
      <c r="C37200" t="s">
        <v>23059</v>
      </c>
      <c r="D37200" t="s">
        <v>23060</v>
      </c>
      <c r="E37200" t="s">
        <v>23009</v>
      </c>
      <c r="F37200" t="s">
        <v>23010</v>
      </c>
      <c r="G37200" t="s">
        <v>11612</v>
      </c>
      <c r="H37200" t="s">
        <v>11613</v>
      </c>
      <c r="I37200" s="2">
        <v>0</v>
      </c>
      <c r="J37200" s="2">
        <v>0</v>
      </c>
      <c r="K37200" s="2">
        <v>1</v>
      </c>
      <c r="L37200" t="s">
        <v>995</v>
      </c>
      <c r="M37200" t="s">
        <v>89</v>
      </c>
      <c r="N37200" t="s">
        <v>90</v>
      </c>
      <c r="O37200" t="s">
        <v>85</v>
      </c>
      <c r="P37200" t="s">
        <v>86</v>
      </c>
      <c r="Q37200">
        <v>23</v>
      </c>
      <c r="R37200">
        <v>23</v>
      </c>
      <c r="S37200">
        <v>24</v>
      </c>
      <c r="T37200">
        <v>25</v>
      </c>
      <c r="U37200">
        <v>25</v>
      </c>
      <c r="V37200">
        <v>26</v>
      </c>
      <c r="W37200">
        <v>26</v>
      </c>
      <c r="X37200">
        <v>27</v>
      </c>
      <c r="Y37200">
        <v>27</v>
      </c>
      <c r="Z37200">
        <v>28</v>
      </c>
      <c r="AA37200">
        <v>28</v>
      </c>
      <c r="AB37200">
        <v>29</v>
      </c>
      <c r="AC37200">
        <v>29</v>
      </c>
      <c r="AD37200">
        <v>30</v>
      </c>
      <c r="AE37200">
        <v>30</v>
      </c>
      <c r="AF37200">
        <v>30</v>
      </c>
      <c r="AG37200">
        <v>30</v>
      </c>
      <c r="AH37200">
        <v>30</v>
      </c>
      <c r="AI37200">
        <v>30</v>
      </c>
      <c r="AJ37200">
        <v>30</v>
      </c>
      <c r="AK37200">
        <v>30</v>
      </c>
      <c r="AL37200">
        <v>30</v>
      </c>
      <c r="AM37200">
        <v>30</v>
      </c>
      <c r="AN37200">
        <v>31</v>
      </c>
      <c r="AO37200">
        <v>31</v>
      </c>
      <c r="AP37200">
        <v>31</v>
      </c>
      <c r="AQ37200">
        <v>31</v>
      </c>
    </row>
    <row r="37201" spans="1:43">
      <c r="A37201" t="s">
        <v>23061</v>
      </c>
      <c r="B37201" t="s">
        <v>23062</v>
      </c>
      <c r="C37201" t="s">
        <v>23059</v>
      </c>
      <c r="D37201" t="s">
        <v>23060</v>
      </c>
      <c r="E37201" t="s">
        <v>23009</v>
      </c>
      <c r="F37201" t="s">
        <v>23010</v>
      </c>
      <c r="G37201" t="s">
        <v>11612</v>
      </c>
      <c r="H37201" t="s">
        <v>11613</v>
      </c>
      <c r="I37201" s="2">
        <v>0</v>
      </c>
      <c r="J37201" s="2">
        <v>0</v>
      </c>
      <c r="K37201" s="2">
        <v>1</v>
      </c>
      <c r="L37201" t="s">
        <v>995</v>
      </c>
      <c r="M37201" t="s">
        <v>83</v>
      </c>
      <c r="N37201" t="s">
        <v>91</v>
      </c>
      <c r="O37201" t="s">
        <v>85</v>
      </c>
      <c r="P37201" t="s">
        <v>86</v>
      </c>
      <c r="Q37201">
        <v>23</v>
      </c>
      <c r="R37201">
        <v>23</v>
      </c>
      <c r="S37201">
        <v>23</v>
      </c>
      <c r="T37201">
        <v>24</v>
      </c>
      <c r="U37201">
        <v>24</v>
      </c>
      <c r="V37201">
        <v>25</v>
      </c>
      <c r="W37201">
        <v>25</v>
      </c>
      <c r="X37201">
        <v>25</v>
      </c>
      <c r="Y37201">
        <v>26</v>
      </c>
      <c r="Z37201">
        <v>26</v>
      </c>
      <c r="AA37201">
        <v>26</v>
      </c>
      <c r="AB37201">
        <v>27</v>
      </c>
      <c r="AC37201">
        <v>27</v>
      </c>
      <c r="AD37201">
        <v>28</v>
      </c>
      <c r="AE37201">
        <v>28</v>
      </c>
      <c r="AF37201">
        <v>28</v>
      </c>
      <c r="AG37201">
        <v>29</v>
      </c>
      <c r="AH37201">
        <v>29</v>
      </c>
      <c r="AI37201">
        <v>29</v>
      </c>
      <c r="AJ37201">
        <v>30</v>
      </c>
      <c r="AK37201">
        <v>30</v>
      </c>
      <c r="AL37201">
        <v>30</v>
      </c>
      <c r="AM37201">
        <v>30</v>
      </c>
      <c r="AN37201">
        <v>30</v>
      </c>
      <c r="AO37201">
        <v>30</v>
      </c>
      <c r="AP37201">
        <v>30</v>
      </c>
      <c r="AQ37201">
        <v>31</v>
      </c>
    </row>
    <row r="37202" spans="1:43">
      <c r="A37202" t="s">
        <v>23063</v>
      </c>
      <c r="B37202" t="s">
        <v>23064</v>
      </c>
      <c r="C37202" t="s">
        <v>23059</v>
      </c>
      <c r="D37202" t="s">
        <v>23060</v>
      </c>
      <c r="E37202" t="s">
        <v>23009</v>
      </c>
      <c r="F37202" t="s">
        <v>23010</v>
      </c>
      <c r="G37202" t="s">
        <v>11612</v>
      </c>
      <c r="H37202" t="s">
        <v>11613</v>
      </c>
      <c r="I37202" s="2">
        <v>0</v>
      </c>
      <c r="J37202" s="2">
        <v>0</v>
      </c>
      <c r="K37202" s="2">
        <v>1</v>
      </c>
      <c r="L37202" t="s">
        <v>995</v>
      </c>
      <c r="M37202" t="s">
        <v>83</v>
      </c>
      <c r="N37202" t="s">
        <v>84</v>
      </c>
      <c r="O37202" t="s">
        <v>85</v>
      </c>
      <c r="P37202" t="s">
        <v>86</v>
      </c>
      <c r="Q37202">
        <v>25</v>
      </c>
      <c r="R37202">
        <v>26</v>
      </c>
      <c r="S37202">
        <v>26</v>
      </c>
      <c r="T37202">
        <v>26</v>
      </c>
      <c r="U37202">
        <v>27</v>
      </c>
      <c r="V37202">
        <v>27</v>
      </c>
      <c r="W37202">
        <v>28</v>
      </c>
      <c r="X37202">
        <v>28</v>
      </c>
      <c r="Y37202">
        <v>28</v>
      </c>
      <c r="Z37202">
        <v>29</v>
      </c>
      <c r="AA37202">
        <v>29</v>
      </c>
      <c r="AB37202">
        <v>30</v>
      </c>
      <c r="AC37202">
        <v>30</v>
      </c>
      <c r="AD37202">
        <v>30</v>
      </c>
      <c r="AE37202">
        <v>31</v>
      </c>
      <c r="AF37202">
        <v>31</v>
      </c>
      <c r="AG37202">
        <v>32</v>
      </c>
      <c r="AH37202">
        <v>32</v>
      </c>
      <c r="AI37202">
        <v>32</v>
      </c>
      <c r="AJ37202">
        <v>33</v>
      </c>
      <c r="AK37202">
        <v>33</v>
      </c>
      <c r="AL37202">
        <v>33</v>
      </c>
      <c r="AM37202">
        <v>33</v>
      </c>
      <c r="AN37202">
        <v>33</v>
      </c>
      <c r="AO37202">
        <v>34</v>
      </c>
      <c r="AP37202">
        <v>34</v>
      </c>
      <c r="AQ37202">
        <v>34</v>
      </c>
    </row>
    <row r="37203" spans="1:43">
      <c r="A37203" t="s">
        <v>23063</v>
      </c>
      <c r="B37203" t="s">
        <v>23064</v>
      </c>
      <c r="C37203" t="s">
        <v>23059</v>
      </c>
      <c r="D37203" t="s">
        <v>23060</v>
      </c>
      <c r="E37203" t="s">
        <v>23009</v>
      </c>
      <c r="F37203" t="s">
        <v>23010</v>
      </c>
      <c r="G37203" t="s">
        <v>11612</v>
      </c>
      <c r="H37203" t="s">
        <v>11613</v>
      </c>
      <c r="I37203" s="2">
        <v>0</v>
      </c>
      <c r="J37203" s="2">
        <v>0</v>
      </c>
      <c r="K37203" s="2">
        <v>1</v>
      </c>
      <c r="L37203" t="s">
        <v>995</v>
      </c>
      <c r="M37203" t="s">
        <v>87</v>
      </c>
      <c r="N37203" t="s">
        <v>88</v>
      </c>
      <c r="O37203" t="s">
        <v>85</v>
      </c>
      <c r="P37203" t="s">
        <v>86</v>
      </c>
      <c r="Q37203">
        <v>25</v>
      </c>
      <c r="R37203">
        <v>25</v>
      </c>
      <c r="S37203">
        <v>25</v>
      </c>
      <c r="T37203">
        <v>25</v>
      </c>
      <c r="U37203">
        <v>26</v>
      </c>
      <c r="V37203">
        <v>26</v>
      </c>
      <c r="W37203">
        <v>26</v>
      </c>
      <c r="X37203">
        <v>26</v>
      </c>
      <c r="Y37203">
        <v>26</v>
      </c>
      <c r="Z37203">
        <v>26</v>
      </c>
      <c r="AA37203">
        <v>27</v>
      </c>
      <c r="AB37203">
        <v>27</v>
      </c>
      <c r="AC37203">
        <v>27</v>
      </c>
      <c r="AD37203">
        <v>27</v>
      </c>
      <c r="AE37203">
        <v>27</v>
      </c>
      <c r="AF37203">
        <v>27</v>
      </c>
      <c r="AG37203">
        <v>28</v>
      </c>
      <c r="AH37203">
        <v>28</v>
      </c>
      <c r="AI37203">
        <v>28</v>
      </c>
      <c r="AJ37203">
        <v>28</v>
      </c>
      <c r="AK37203">
        <v>28</v>
      </c>
      <c r="AL37203">
        <v>28</v>
      </c>
      <c r="AM37203">
        <v>29</v>
      </c>
      <c r="AN37203">
        <v>29</v>
      </c>
      <c r="AO37203">
        <v>29</v>
      </c>
      <c r="AP37203">
        <v>29</v>
      </c>
      <c r="AQ37203">
        <v>29</v>
      </c>
    </row>
    <row r="37204" spans="1:43">
      <c r="A37204" t="s">
        <v>23063</v>
      </c>
      <c r="B37204" t="s">
        <v>23064</v>
      </c>
      <c r="C37204" t="s">
        <v>23059</v>
      </c>
      <c r="D37204" t="s">
        <v>23060</v>
      </c>
      <c r="E37204" t="s">
        <v>23009</v>
      </c>
      <c r="F37204" t="s">
        <v>23010</v>
      </c>
      <c r="G37204" t="s">
        <v>11612</v>
      </c>
      <c r="H37204" t="s">
        <v>11613</v>
      </c>
      <c r="I37204" s="2">
        <v>0</v>
      </c>
      <c r="J37204" s="2">
        <v>0</v>
      </c>
      <c r="K37204" s="2">
        <v>1</v>
      </c>
      <c r="L37204" t="s">
        <v>995</v>
      </c>
      <c r="M37204" t="s">
        <v>89</v>
      </c>
      <c r="N37204" t="s">
        <v>90</v>
      </c>
      <c r="O37204" t="s">
        <v>85</v>
      </c>
      <c r="P37204" t="s">
        <v>86</v>
      </c>
      <c r="Q37204">
        <v>25</v>
      </c>
      <c r="R37204">
        <v>26</v>
      </c>
      <c r="S37204">
        <v>27</v>
      </c>
      <c r="T37204">
        <v>27</v>
      </c>
      <c r="U37204">
        <v>28</v>
      </c>
      <c r="V37204">
        <v>28</v>
      </c>
      <c r="W37204">
        <v>29</v>
      </c>
      <c r="X37204">
        <v>30</v>
      </c>
      <c r="Y37204">
        <v>30</v>
      </c>
      <c r="Z37204">
        <v>31</v>
      </c>
      <c r="AA37204">
        <v>31</v>
      </c>
      <c r="AB37204">
        <v>32</v>
      </c>
      <c r="AC37204">
        <v>32</v>
      </c>
      <c r="AD37204">
        <v>33</v>
      </c>
      <c r="AE37204">
        <v>33</v>
      </c>
      <c r="AF37204">
        <v>33</v>
      </c>
      <c r="AG37204">
        <v>33</v>
      </c>
      <c r="AH37204">
        <v>33</v>
      </c>
      <c r="AI37204">
        <v>33</v>
      </c>
      <c r="AJ37204">
        <v>33</v>
      </c>
      <c r="AK37204">
        <v>34</v>
      </c>
      <c r="AL37204">
        <v>34</v>
      </c>
      <c r="AM37204">
        <v>34</v>
      </c>
      <c r="AN37204">
        <v>34</v>
      </c>
      <c r="AO37204">
        <v>34</v>
      </c>
      <c r="AP37204">
        <v>34</v>
      </c>
      <c r="AQ37204">
        <v>34</v>
      </c>
    </row>
    <row r="37205" spans="1:43">
      <c r="A37205" t="s">
        <v>23063</v>
      </c>
      <c r="B37205" t="s">
        <v>23064</v>
      </c>
      <c r="C37205" t="s">
        <v>23059</v>
      </c>
      <c r="D37205" t="s">
        <v>23060</v>
      </c>
      <c r="E37205" t="s">
        <v>23009</v>
      </c>
      <c r="F37205" t="s">
        <v>23010</v>
      </c>
      <c r="G37205" t="s">
        <v>11612</v>
      </c>
      <c r="H37205" t="s">
        <v>11613</v>
      </c>
      <c r="I37205" s="2">
        <v>0</v>
      </c>
      <c r="J37205" s="2">
        <v>0</v>
      </c>
      <c r="K37205" s="2">
        <v>1</v>
      </c>
      <c r="L37205" t="s">
        <v>995</v>
      </c>
      <c r="M37205" t="s">
        <v>83</v>
      </c>
      <c r="N37205" t="s">
        <v>91</v>
      </c>
      <c r="O37205" t="s">
        <v>85</v>
      </c>
      <c r="P37205" t="s">
        <v>86</v>
      </c>
      <c r="Q37205">
        <v>25</v>
      </c>
      <c r="R37205">
        <v>26</v>
      </c>
      <c r="S37205">
        <v>26</v>
      </c>
      <c r="T37205">
        <v>26</v>
      </c>
      <c r="U37205">
        <v>27</v>
      </c>
      <c r="V37205">
        <v>27</v>
      </c>
      <c r="W37205">
        <v>28</v>
      </c>
      <c r="X37205">
        <v>28</v>
      </c>
      <c r="Y37205">
        <v>28</v>
      </c>
      <c r="Z37205">
        <v>29</v>
      </c>
      <c r="AA37205">
        <v>29</v>
      </c>
      <c r="AB37205">
        <v>30</v>
      </c>
      <c r="AC37205">
        <v>30</v>
      </c>
      <c r="AD37205">
        <v>30</v>
      </c>
      <c r="AE37205">
        <v>31</v>
      </c>
      <c r="AF37205">
        <v>31</v>
      </c>
      <c r="AG37205">
        <v>32</v>
      </c>
      <c r="AH37205">
        <v>32</v>
      </c>
      <c r="AI37205">
        <v>32</v>
      </c>
      <c r="AJ37205">
        <v>33</v>
      </c>
      <c r="AK37205">
        <v>33</v>
      </c>
      <c r="AL37205">
        <v>33</v>
      </c>
      <c r="AM37205">
        <v>33</v>
      </c>
      <c r="AN37205">
        <v>33</v>
      </c>
      <c r="AO37205">
        <v>34</v>
      </c>
      <c r="AP37205">
        <v>34</v>
      </c>
      <c r="AQ37205">
        <v>34</v>
      </c>
    </row>
    <row r="37206" spans="1:43">
      <c r="A37206" t="s">
        <v>23065</v>
      </c>
      <c r="B37206" t="s">
        <v>23066</v>
      </c>
      <c r="C37206" t="s">
        <v>23059</v>
      </c>
      <c r="D37206" t="s">
        <v>23060</v>
      </c>
      <c r="E37206" t="s">
        <v>23009</v>
      </c>
      <c r="F37206" t="s">
        <v>23010</v>
      </c>
      <c r="G37206" t="s">
        <v>11612</v>
      </c>
      <c r="H37206" t="s">
        <v>11613</v>
      </c>
      <c r="I37206" s="2">
        <v>0</v>
      </c>
      <c r="J37206" s="2">
        <v>0</v>
      </c>
      <c r="K37206" s="2">
        <v>1</v>
      </c>
      <c r="L37206" t="s">
        <v>995</v>
      </c>
      <c r="M37206" t="s">
        <v>83</v>
      </c>
      <c r="N37206" t="s">
        <v>84</v>
      </c>
      <c r="O37206" t="s">
        <v>85</v>
      </c>
      <c r="P37206" t="s">
        <v>86</v>
      </c>
      <c r="Q37206">
        <v>53</v>
      </c>
      <c r="R37206">
        <v>54</v>
      </c>
      <c r="S37206">
        <v>54</v>
      </c>
      <c r="T37206">
        <v>55</v>
      </c>
      <c r="U37206">
        <v>56</v>
      </c>
      <c r="V37206">
        <v>57</v>
      </c>
      <c r="W37206">
        <v>58</v>
      </c>
      <c r="X37206">
        <v>59</v>
      </c>
      <c r="Y37206">
        <v>60</v>
      </c>
      <c r="Z37206">
        <v>60</v>
      </c>
      <c r="AA37206">
        <v>61</v>
      </c>
      <c r="AB37206">
        <v>62</v>
      </c>
      <c r="AC37206">
        <v>63</v>
      </c>
      <c r="AD37206">
        <v>64</v>
      </c>
      <c r="AE37206">
        <v>65</v>
      </c>
      <c r="AF37206">
        <v>65</v>
      </c>
      <c r="AG37206">
        <v>66</v>
      </c>
      <c r="AH37206">
        <v>67</v>
      </c>
      <c r="AI37206">
        <v>68</v>
      </c>
      <c r="AJ37206">
        <v>69</v>
      </c>
      <c r="AK37206">
        <v>70</v>
      </c>
      <c r="AL37206">
        <v>70</v>
      </c>
      <c r="AM37206">
        <v>70</v>
      </c>
      <c r="AN37206">
        <v>70</v>
      </c>
      <c r="AO37206">
        <v>70</v>
      </c>
      <c r="AP37206">
        <v>71</v>
      </c>
      <c r="AQ37206">
        <v>71</v>
      </c>
    </row>
    <row r="37207" spans="1:43">
      <c r="A37207" t="s">
        <v>23065</v>
      </c>
      <c r="B37207" t="s">
        <v>23066</v>
      </c>
      <c r="C37207" t="s">
        <v>23059</v>
      </c>
      <c r="D37207" t="s">
        <v>23060</v>
      </c>
      <c r="E37207" t="s">
        <v>23009</v>
      </c>
      <c r="F37207" t="s">
        <v>23010</v>
      </c>
      <c r="G37207" t="s">
        <v>11612</v>
      </c>
      <c r="H37207" t="s">
        <v>11613</v>
      </c>
      <c r="I37207" s="2">
        <v>0</v>
      </c>
      <c r="J37207" s="2">
        <v>0</v>
      </c>
      <c r="K37207" s="2">
        <v>1</v>
      </c>
      <c r="L37207" t="s">
        <v>995</v>
      </c>
      <c r="M37207" t="s">
        <v>87</v>
      </c>
      <c r="N37207" t="s">
        <v>88</v>
      </c>
      <c r="O37207" t="s">
        <v>85</v>
      </c>
      <c r="P37207" t="s">
        <v>86</v>
      </c>
      <c r="Q37207">
        <v>53</v>
      </c>
      <c r="R37207">
        <v>54</v>
      </c>
      <c r="S37207">
        <v>54</v>
      </c>
      <c r="T37207">
        <v>54</v>
      </c>
      <c r="U37207">
        <v>55</v>
      </c>
      <c r="V37207">
        <v>55</v>
      </c>
      <c r="W37207">
        <v>55</v>
      </c>
      <c r="X37207">
        <v>56</v>
      </c>
      <c r="Y37207">
        <v>56</v>
      </c>
      <c r="Z37207">
        <v>56</v>
      </c>
      <c r="AA37207">
        <v>57</v>
      </c>
      <c r="AB37207">
        <v>57</v>
      </c>
      <c r="AC37207">
        <v>58</v>
      </c>
      <c r="AD37207">
        <v>58</v>
      </c>
      <c r="AE37207">
        <v>58</v>
      </c>
      <c r="AF37207">
        <v>59</v>
      </c>
      <c r="AG37207">
        <v>59</v>
      </c>
      <c r="AH37207">
        <v>59</v>
      </c>
      <c r="AI37207">
        <v>60</v>
      </c>
      <c r="AJ37207">
        <v>60</v>
      </c>
      <c r="AK37207">
        <v>60</v>
      </c>
      <c r="AL37207">
        <v>61</v>
      </c>
      <c r="AM37207">
        <v>61</v>
      </c>
      <c r="AN37207">
        <v>61</v>
      </c>
      <c r="AO37207">
        <v>62</v>
      </c>
      <c r="AP37207">
        <v>62</v>
      </c>
      <c r="AQ37207">
        <v>62</v>
      </c>
    </row>
    <row r="37208" spans="1:43">
      <c r="A37208" t="s">
        <v>23065</v>
      </c>
      <c r="B37208" t="s">
        <v>23066</v>
      </c>
      <c r="C37208" t="s">
        <v>23059</v>
      </c>
      <c r="D37208" t="s">
        <v>23060</v>
      </c>
      <c r="E37208" t="s">
        <v>23009</v>
      </c>
      <c r="F37208" t="s">
        <v>23010</v>
      </c>
      <c r="G37208" t="s">
        <v>11612</v>
      </c>
      <c r="H37208" t="s">
        <v>11613</v>
      </c>
      <c r="I37208" s="2">
        <v>0</v>
      </c>
      <c r="J37208" s="2">
        <v>0</v>
      </c>
      <c r="K37208" s="2">
        <v>1</v>
      </c>
      <c r="L37208" t="s">
        <v>995</v>
      </c>
      <c r="M37208" t="s">
        <v>89</v>
      </c>
      <c r="N37208" t="s">
        <v>90</v>
      </c>
      <c r="O37208" t="s">
        <v>85</v>
      </c>
      <c r="P37208" t="s">
        <v>86</v>
      </c>
      <c r="Q37208">
        <v>53</v>
      </c>
      <c r="R37208">
        <v>54</v>
      </c>
      <c r="S37208">
        <v>56</v>
      </c>
      <c r="T37208">
        <v>57</v>
      </c>
      <c r="U37208">
        <v>58</v>
      </c>
      <c r="V37208">
        <v>60</v>
      </c>
      <c r="W37208">
        <v>61</v>
      </c>
      <c r="X37208">
        <v>62</v>
      </c>
      <c r="Y37208">
        <v>63</v>
      </c>
      <c r="Z37208">
        <v>64</v>
      </c>
      <c r="AA37208">
        <v>65</v>
      </c>
      <c r="AB37208">
        <v>66</v>
      </c>
      <c r="AC37208">
        <v>67</v>
      </c>
      <c r="AD37208">
        <v>69</v>
      </c>
      <c r="AE37208">
        <v>69</v>
      </c>
      <c r="AF37208">
        <v>69</v>
      </c>
      <c r="AG37208">
        <v>70</v>
      </c>
      <c r="AH37208">
        <v>70</v>
      </c>
      <c r="AI37208">
        <v>70</v>
      </c>
      <c r="AJ37208">
        <v>70</v>
      </c>
      <c r="AK37208">
        <v>70</v>
      </c>
      <c r="AL37208">
        <v>70</v>
      </c>
      <c r="AM37208">
        <v>71</v>
      </c>
      <c r="AN37208">
        <v>71</v>
      </c>
      <c r="AO37208">
        <v>71</v>
      </c>
      <c r="AP37208">
        <v>71</v>
      </c>
      <c r="AQ37208">
        <v>71</v>
      </c>
    </row>
    <row r="37209" spans="1:43">
      <c r="A37209" t="s">
        <v>23065</v>
      </c>
      <c r="B37209" t="s">
        <v>23066</v>
      </c>
      <c r="C37209" t="s">
        <v>23059</v>
      </c>
      <c r="D37209" t="s">
        <v>23060</v>
      </c>
      <c r="E37209" t="s">
        <v>23009</v>
      </c>
      <c r="F37209" t="s">
        <v>23010</v>
      </c>
      <c r="G37209" t="s">
        <v>11612</v>
      </c>
      <c r="H37209" t="s">
        <v>11613</v>
      </c>
      <c r="I37209" s="2">
        <v>0</v>
      </c>
      <c r="J37209" s="2">
        <v>0</v>
      </c>
      <c r="K37209" s="2">
        <v>1</v>
      </c>
      <c r="L37209" t="s">
        <v>995</v>
      </c>
      <c r="M37209" t="s">
        <v>83</v>
      </c>
      <c r="N37209" t="s">
        <v>91</v>
      </c>
      <c r="O37209" t="s">
        <v>85</v>
      </c>
      <c r="P37209" t="s">
        <v>86</v>
      </c>
      <c r="Q37209">
        <v>53</v>
      </c>
      <c r="R37209">
        <v>54</v>
      </c>
      <c r="S37209">
        <v>54</v>
      </c>
      <c r="T37209">
        <v>55</v>
      </c>
      <c r="U37209">
        <v>56</v>
      </c>
      <c r="V37209">
        <v>57</v>
      </c>
      <c r="W37209">
        <v>58</v>
      </c>
      <c r="X37209">
        <v>59</v>
      </c>
      <c r="Y37209">
        <v>60</v>
      </c>
      <c r="Z37209">
        <v>60</v>
      </c>
      <c r="AA37209">
        <v>61</v>
      </c>
      <c r="AB37209">
        <v>62</v>
      </c>
      <c r="AC37209">
        <v>63</v>
      </c>
      <c r="AD37209">
        <v>64</v>
      </c>
      <c r="AE37209">
        <v>65</v>
      </c>
      <c r="AF37209">
        <v>65</v>
      </c>
      <c r="AG37209">
        <v>66</v>
      </c>
      <c r="AH37209">
        <v>67</v>
      </c>
      <c r="AI37209">
        <v>68</v>
      </c>
      <c r="AJ37209">
        <v>69</v>
      </c>
      <c r="AK37209">
        <v>70</v>
      </c>
      <c r="AL37209">
        <v>70</v>
      </c>
      <c r="AM37209">
        <v>70</v>
      </c>
      <c r="AN37209">
        <v>70</v>
      </c>
      <c r="AO37209">
        <v>70</v>
      </c>
      <c r="AP37209">
        <v>71</v>
      </c>
      <c r="AQ37209">
        <v>71</v>
      </c>
    </row>
    <row r="37210" spans="1:43">
      <c r="A37210" t="s">
        <v>23067</v>
      </c>
      <c r="B37210" t="s">
        <v>23068</v>
      </c>
      <c r="C37210" t="s">
        <v>23035</v>
      </c>
      <c r="D37210" t="s">
        <v>23036</v>
      </c>
      <c r="E37210" t="s">
        <v>23009</v>
      </c>
      <c r="F37210" t="s">
        <v>23010</v>
      </c>
      <c r="G37210" t="s">
        <v>11612</v>
      </c>
      <c r="H37210" t="s">
        <v>11613</v>
      </c>
      <c r="I37210" s="2">
        <v>0</v>
      </c>
      <c r="J37210" s="2">
        <v>0</v>
      </c>
      <c r="K37210" s="2">
        <v>1</v>
      </c>
      <c r="L37210" t="s">
        <v>995</v>
      </c>
      <c r="M37210" t="s">
        <v>83</v>
      </c>
      <c r="N37210" t="s">
        <v>84</v>
      </c>
      <c r="O37210" t="s">
        <v>85</v>
      </c>
      <c r="P37210" t="s">
        <v>86</v>
      </c>
      <c r="Q37210">
        <v>39</v>
      </c>
      <c r="R37210">
        <v>40</v>
      </c>
      <c r="S37210">
        <v>40</v>
      </c>
      <c r="T37210">
        <v>41</v>
      </c>
      <c r="U37210">
        <v>42</v>
      </c>
      <c r="V37210">
        <v>42</v>
      </c>
      <c r="W37210">
        <v>43</v>
      </c>
      <c r="X37210">
        <v>43</v>
      </c>
      <c r="Y37210">
        <v>44</v>
      </c>
      <c r="Z37210">
        <v>45</v>
      </c>
      <c r="AA37210">
        <v>45</v>
      </c>
      <c r="AB37210">
        <v>46</v>
      </c>
      <c r="AC37210">
        <v>47</v>
      </c>
      <c r="AD37210">
        <v>47</v>
      </c>
      <c r="AE37210">
        <v>48</v>
      </c>
      <c r="AF37210">
        <v>48</v>
      </c>
      <c r="AG37210">
        <v>49</v>
      </c>
      <c r="AH37210">
        <v>50</v>
      </c>
      <c r="AI37210">
        <v>50</v>
      </c>
      <c r="AJ37210">
        <v>51</v>
      </c>
      <c r="AK37210">
        <v>51</v>
      </c>
      <c r="AL37210">
        <v>52</v>
      </c>
      <c r="AM37210">
        <v>52</v>
      </c>
      <c r="AN37210">
        <v>52</v>
      </c>
      <c r="AO37210">
        <v>52</v>
      </c>
      <c r="AP37210">
        <v>52</v>
      </c>
      <c r="AQ37210">
        <v>52</v>
      </c>
    </row>
    <row r="37211" spans="1:43">
      <c r="A37211" t="s">
        <v>23067</v>
      </c>
      <c r="B37211" t="s">
        <v>23068</v>
      </c>
      <c r="C37211" t="s">
        <v>23035</v>
      </c>
      <c r="D37211" t="s">
        <v>23036</v>
      </c>
      <c r="E37211" t="s">
        <v>23009</v>
      </c>
      <c r="F37211" t="s">
        <v>23010</v>
      </c>
      <c r="G37211" t="s">
        <v>11612</v>
      </c>
      <c r="H37211" t="s">
        <v>11613</v>
      </c>
      <c r="I37211" s="2">
        <v>0</v>
      </c>
      <c r="J37211" s="2">
        <v>0</v>
      </c>
      <c r="K37211" s="2">
        <v>1</v>
      </c>
      <c r="L37211" t="s">
        <v>995</v>
      </c>
      <c r="M37211" t="s">
        <v>87</v>
      </c>
      <c r="N37211" t="s">
        <v>88</v>
      </c>
      <c r="O37211" t="s">
        <v>85</v>
      </c>
      <c r="P37211" t="s">
        <v>86</v>
      </c>
      <c r="Q37211">
        <v>39</v>
      </c>
      <c r="R37211">
        <v>39</v>
      </c>
      <c r="S37211">
        <v>39</v>
      </c>
      <c r="T37211">
        <v>39</v>
      </c>
      <c r="U37211">
        <v>40</v>
      </c>
      <c r="V37211">
        <v>40</v>
      </c>
      <c r="W37211">
        <v>40</v>
      </c>
      <c r="X37211">
        <v>40</v>
      </c>
      <c r="Y37211">
        <v>41</v>
      </c>
      <c r="Z37211">
        <v>41</v>
      </c>
      <c r="AA37211">
        <v>41</v>
      </c>
      <c r="AB37211">
        <v>42</v>
      </c>
      <c r="AC37211">
        <v>42</v>
      </c>
      <c r="AD37211">
        <v>42</v>
      </c>
      <c r="AE37211">
        <v>42</v>
      </c>
      <c r="AF37211">
        <v>43</v>
      </c>
      <c r="AG37211">
        <v>43</v>
      </c>
      <c r="AH37211">
        <v>43</v>
      </c>
      <c r="AI37211">
        <v>43</v>
      </c>
      <c r="AJ37211">
        <v>44</v>
      </c>
      <c r="AK37211">
        <v>44</v>
      </c>
      <c r="AL37211">
        <v>44</v>
      </c>
      <c r="AM37211">
        <v>44</v>
      </c>
      <c r="AN37211">
        <v>45</v>
      </c>
      <c r="AO37211">
        <v>45</v>
      </c>
      <c r="AP37211">
        <v>45</v>
      </c>
      <c r="AQ37211">
        <v>45</v>
      </c>
    </row>
    <row r="37212" spans="1:43">
      <c r="A37212" t="s">
        <v>23067</v>
      </c>
      <c r="B37212" t="s">
        <v>23068</v>
      </c>
      <c r="C37212" t="s">
        <v>23035</v>
      </c>
      <c r="D37212" t="s">
        <v>23036</v>
      </c>
      <c r="E37212" t="s">
        <v>23009</v>
      </c>
      <c r="F37212" t="s">
        <v>23010</v>
      </c>
      <c r="G37212" t="s">
        <v>11612</v>
      </c>
      <c r="H37212" t="s">
        <v>11613</v>
      </c>
      <c r="I37212" s="2">
        <v>0</v>
      </c>
      <c r="J37212" s="2">
        <v>0</v>
      </c>
      <c r="K37212" s="2">
        <v>1</v>
      </c>
      <c r="L37212" t="s">
        <v>995</v>
      </c>
      <c r="M37212" t="s">
        <v>89</v>
      </c>
      <c r="N37212" t="s">
        <v>90</v>
      </c>
      <c r="O37212" t="s">
        <v>85</v>
      </c>
      <c r="P37212" t="s">
        <v>86</v>
      </c>
      <c r="Q37212">
        <v>39</v>
      </c>
      <c r="R37212">
        <v>40</v>
      </c>
      <c r="S37212">
        <v>41</v>
      </c>
      <c r="T37212">
        <v>42</v>
      </c>
      <c r="U37212">
        <v>43</v>
      </c>
      <c r="V37212">
        <v>44</v>
      </c>
      <c r="W37212">
        <v>45</v>
      </c>
      <c r="X37212">
        <v>46</v>
      </c>
      <c r="Y37212">
        <v>47</v>
      </c>
      <c r="Z37212">
        <v>47</v>
      </c>
      <c r="AA37212">
        <v>48</v>
      </c>
      <c r="AB37212">
        <v>49</v>
      </c>
      <c r="AC37212">
        <v>50</v>
      </c>
      <c r="AD37212">
        <v>51</v>
      </c>
      <c r="AE37212">
        <v>51</v>
      </c>
      <c r="AF37212">
        <v>51</v>
      </c>
      <c r="AG37212">
        <v>51</v>
      </c>
      <c r="AH37212">
        <v>52</v>
      </c>
      <c r="AI37212">
        <v>52</v>
      </c>
      <c r="AJ37212">
        <v>52</v>
      </c>
      <c r="AK37212">
        <v>52</v>
      </c>
      <c r="AL37212">
        <v>52</v>
      </c>
      <c r="AM37212">
        <v>52</v>
      </c>
      <c r="AN37212">
        <v>52</v>
      </c>
      <c r="AO37212">
        <v>52</v>
      </c>
      <c r="AP37212">
        <v>52</v>
      </c>
      <c r="AQ37212">
        <v>53</v>
      </c>
    </row>
    <row r="37213" spans="1:43">
      <c r="A37213" t="s">
        <v>23067</v>
      </c>
      <c r="B37213" t="s">
        <v>23068</v>
      </c>
      <c r="C37213" t="s">
        <v>23035</v>
      </c>
      <c r="D37213" t="s">
        <v>23036</v>
      </c>
      <c r="E37213" t="s">
        <v>23009</v>
      </c>
      <c r="F37213" t="s">
        <v>23010</v>
      </c>
      <c r="G37213" t="s">
        <v>11612</v>
      </c>
      <c r="H37213" t="s">
        <v>11613</v>
      </c>
      <c r="I37213" s="2">
        <v>0</v>
      </c>
      <c r="J37213" s="2">
        <v>0</v>
      </c>
      <c r="K37213" s="2">
        <v>1</v>
      </c>
      <c r="L37213" t="s">
        <v>995</v>
      </c>
      <c r="M37213" t="s">
        <v>83</v>
      </c>
      <c r="N37213" t="s">
        <v>91</v>
      </c>
      <c r="O37213" t="s">
        <v>85</v>
      </c>
      <c r="P37213" t="s">
        <v>86</v>
      </c>
      <c r="Q37213">
        <v>39</v>
      </c>
      <c r="R37213">
        <v>40</v>
      </c>
      <c r="S37213">
        <v>40</v>
      </c>
      <c r="T37213">
        <v>41</v>
      </c>
      <c r="U37213">
        <v>42</v>
      </c>
      <c r="V37213">
        <v>42</v>
      </c>
      <c r="W37213">
        <v>43</v>
      </c>
      <c r="X37213">
        <v>43</v>
      </c>
      <c r="Y37213">
        <v>44</v>
      </c>
      <c r="Z37213">
        <v>45</v>
      </c>
      <c r="AA37213">
        <v>45</v>
      </c>
      <c r="AB37213">
        <v>46</v>
      </c>
      <c r="AC37213">
        <v>47</v>
      </c>
      <c r="AD37213">
        <v>47</v>
      </c>
      <c r="AE37213">
        <v>48</v>
      </c>
      <c r="AF37213">
        <v>48</v>
      </c>
      <c r="AG37213">
        <v>49</v>
      </c>
      <c r="AH37213">
        <v>50</v>
      </c>
      <c r="AI37213">
        <v>50</v>
      </c>
      <c r="AJ37213">
        <v>51</v>
      </c>
      <c r="AK37213">
        <v>51</v>
      </c>
      <c r="AL37213">
        <v>52</v>
      </c>
      <c r="AM37213">
        <v>52</v>
      </c>
      <c r="AN37213">
        <v>52</v>
      </c>
      <c r="AO37213">
        <v>52</v>
      </c>
      <c r="AP37213">
        <v>52</v>
      </c>
      <c r="AQ37213">
        <v>52</v>
      </c>
    </row>
    <row r="37214" spans="1:43">
      <c r="A37214" t="s">
        <v>23069</v>
      </c>
      <c r="B37214" t="s">
        <v>23070</v>
      </c>
      <c r="C37214" t="s">
        <v>23071</v>
      </c>
      <c r="D37214" t="s">
        <v>23072</v>
      </c>
      <c r="E37214" t="s">
        <v>23009</v>
      </c>
      <c r="F37214" t="s">
        <v>23010</v>
      </c>
      <c r="G37214" t="s">
        <v>11612</v>
      </c>
      <c r="H37214" t="s">
        <v>11613</v>
      </c>
      <c r="I37214" s="2">
        <v>0</v>
      </c>
      <c r="J37214" s="2">
        <v>0</v>
      </c>
      <c r="K37214" s="2">
        <v>1</v>
      </c>
      <c r="L37214" t="s">
        <v>995</v>
      </c>
      <c r="M37214" t="s">
        <v>83</v>
      </c>
      <c r="N37214" t="s">
        <v>84</v>
      </c>
      <c r="O37214" t="s">
        <v>85</v>
      </c>
      <c r="P37214" t="s">
        <v>86</v>
      </c>
      <c r="Q37214">
        <v>48</v>
      </c>
      <c r="R37214">
        <v>49</v>
      </c>
      <c r="S37214">
        <v>50</v>
      </c>
      <c r="T37214">
        <v>50</v>
      </c>
      <c r="U37214">
        <v>51</v>
      </c>
      <c r="V37214">
        <v>52</v>
      </c>
      <c r="W37214">
        <v>53</v>
      </c>
      <c r="X37214">
        <v>54</v>
      </c>
      <c r="Y37214">
        <v>54</v>
      </c>
      <c r="Z37214">
        <v>55</v>
      </c>
      <c r="AA37214">
        <v>56</v>
      </c>
      <c r="AB37214">
        <v>57</v>
      </c>
      <c r="AC37214">
        <v>57</v>
      </c>
      <c r="AD37214">
        <v>58</v>
      </c>
      <c r="AE37214">
        <v>59</v>
      </c>
      <c r="AF37214">
        <v>60</v>
      </c>
      <c r="AG37214">
        <v>60</v>
      </c>
      <c r="AH37214">
        <v>61</v>
      </c>
      <c r="AI37214">
        <v>62</v>
      </c>
      <c r="AJ37214">
        <v>63</v>
      </c>
      <c r="AK37214">
        <v>63</v>
      </c>
      <c r="AL37214">
        <v>64</v>
      </c>
      <c r="AM37214">
        <v>64</v>
      </c>
      <c r="AN37214">
        <v>64</v>
      </c>
      <c r="AO37214">
        <v>64</v>
      </c>
      <c r="AP37214">
        <v>64</v>
      </c>
      <c r="AQ37214">
        <v>64</v>
      </c>
    </row>
    <row r="37215" spans="1:43">
      <c r="A37215" t="s">
        <v>23069</v>
      </c>
      <c r="B37215" t="s">
        <v>23070</v>
      </c>
      <c r="C37215" t="s">
        <v>23071</v>
      </c>
      <c r="D37215" t="s">
        <v>23072</v>
      </c>
      <c r="E37215" t="s">
        <v>23009</v>
      </c>
      <c r="F37215" t="s">
        <v>23010</v>
      </c>
      <c r="G37215" t="s">
        <v>11612</v>
      </c>
      <c r="H37215" t="s">
        <v>11613</v>
      </c>
      <c r="I37215" s="2">
        <v>0</v>
      </c>
      <c r="J37215" s="2">
        <v>0</v>
      </c>
      <c r="K37215" s="2">
        <v>1</v>
      </c>
      <c r="L37215" t="s">
        <v>995</v>
      </c>
      <c r="M37215" t="s">
        <v>87</v>
      </c>
      <c r="N37215" t="s">
        <v>88</v>
      </c>
      <c r="O37215" t="s">
        <v>85</v>
      </c>
      <c r="P37215" t="s">
        <v>86</v>
      </c>
      <c r="Q37215">
        <v>48</v>
      </c>
      <c r="R37215">
        <v>48</v>
      </c>
      <c r="S37215">
        <v>48</v>
      </c>
      <c r="T37215">
        <v>49</v>
      </c>
      <c r="U37215">
        <v>49</v>
      </c>
      <c r="V37215">
        <v>49</v>
      </c>
      <c r="W37215">
        <v>50</v>
      </c>
      <c r="X37215">
        <v>50</v>
      </c>
      <c r="Y37215">
        <v>50</v>
      </c>
      <c r="Z37215">
        <v>51</v>
      </c>
      <c r="AA37215">
        <v>51</v>
      </c>
      <c r="AB37215">
        <v>51</v>
      </c>
      <c r="AC37215">
        <v>52</v>
      </c>
      <c r="AD37215">
        <v>52</v>
      </c>
      <c r="AE37215">
        <v>52</v>
      </c>
      <c r="AF37215">
        <v>52</v>
      </c>
      <c r="AG37215">
        <v>53</v>
      </c>
      <c r="AH37215">
        <v>53</v>
      </c>
      <c r="AI37215">
        <v>53</v>
      </c>
      <c r="AJ37215">
        <v>54</v>
      </c>
      <c r="AK37215">
        <v>54</v>
      </c>
      <c r="AL37215">
        <v>54</v>
      </c>
      <c r="AM37215">
        <v>55</v>
      </c>
      <c r="AN37215">
        <v>55</v>
      </c>
      <c r="AO37215">
        <v>55</v>
      </c>
      <c r="AP37215">
        <v>56</v>
      </c>
      <c r="AQ37215">
        <v>56</v>
      </c>
    </row>
    <row r="37216" spans="1:43">
      <c r="A37216" t="s">
        <v>23069</v>
      </c>
      <c r="B37216" t="s">
        <v>23070</v>
      </c>
      <c r="C37216" t="s">
        <v>23071</v>
      </c>
      <c r="D37216" t="s">
        <v>23072</v>
      </c>
      <c r="E37216" t="s">
        <v>23009</v>
      </c>
      <c r="F37216" t="s">
        <v>23010</v>
      </c>
      <c r="G37216" t="s">
        <v>11612</v>
      </c>
      <c r="H37216" t="s">
        <v>11613</v>
      </c>
      <c r="I37216" s="2">
        <v>0</v>
      </c>
      <c r="J37216" s="2">
        <v>0</v>
      </c>
      <c r="K37216" s="2">
        <v>1</v>
      </c>
      <c r="L37216" t="s">
        <v>995</v>
      </c>
      <c r="M37216" t="s">
        <v>89</v>
      </c>
      <c r="N37216" t="s">
        <v>90</v>
      </c>
      <c r="O37216" t="s">
        <v>85</v>
      </c>
      <c r="P37216" t="s">
        <v>86</v>
      </c>
      <c r="Q37216">
        <v>48</v>
      </c>
      <c r="R37216">
        <v>50</v>
      </c>
      <c r="S37216">
        <v>51</v>
      </c>
      <c r="T37216">
        <v>52</v>
      </c>
      <c r="U37216">
        <v>53</v>
      </c>
      <c r="V37216">
        <v>54</v>
      </c>
      <c r="W37216">
        <v>55</v>
      </c>
      <c r="X37216">
        <v>57</v>
      </c>
      <c r="Y37216">
        <v>58</v>
      </c>
      <c r="Z37216">
        <v>59</v>
      </c>
      <c r="AA37216">
        <v>60</v>
      </c>
      <c r="AB37216">
        <v>60</v>
      </c>
      <c r="AC37216">
        <v>61</v>
      </c>
      <c r="AD37216">
        <v>62</v>
      </c>
      <c r="AE37216">
        <v>63</v>
      </c>
      <c r="AF37216">
        <v>63</v>
      </c>
      <c r="AG37216">
        <v>63</v>
      </c>
      <c r="AH37216">
        <v>64</v>
      </c>
      <c r="AI37216">
        <v>64</v>
      </c>
      <c r="AJ37216">
        <v>64</v>
      </c>
      <c r="AK37216">
        <v>64</v>
      </c>
      <c r="AL37216">
        <v>64</v>
      </c>
      <c r="AM37216">
        <v>64</v>
      </c>
      <c r="AN37216">
        <v>64</v>
      </c>
      <c r="AO37216">
        <v>65</v>
      </c>
      <c r="AP37216">
        <v>65</v>
      </c>
      <c r="AQ37216">
        <v>65</v>
      </c>
    </row>
    <row r="37217" spans="1:43">
      <c r="A37217" t="s">
        <v>23069</v>
      </c>
      <c r="B37217" t="s">
        <v>23070</v>
      </c>
      <c r="C37217" t="s">
        <v>23071</v>
      </c>
      <c r="D37217" t="s">
        <v>23072</v>
      </c>
      <c r="E37217" t="s">
        <v>23009</v>
      </c>
      <c r="F37217" t="s">
        <v>23010</v>
      </c>
      <c r="G37217" t="s">
        <v>11612</v>
      </c>
      <c r="H37217" t="s">
        <v>11613</v>
      </c>
      <c r="I37217" s="2">
        <v>0</v>
      </c>
      <c r="J37217" s="2">
        <v>0</v>
      </c>
      <c r="K37217" s="2">
        <v>1</v>
      </c>
      <c r="L37217" t="s">
        <v>995</v>
      </c>
      <c r="M37217" t="s">
        <v>83</v>
      </c>
      <c r="N37217" t="s">
        <v>91</v>
      </c>
      <c r="O37217" t="s">
        <v>85</v>
      </c>
      <c r="P37217" t="s">
        <v>86</v>
      </c>
      <c r="Q37217">
        <v>48</v>
      </c>
      <c r="R37217">
        <v>49</v>
      </c>
      <c r="S37217">
        <v>50</v>
      </c>
      <c r="T37217">
        <v>50</v>
      </c>
      <c r="U37217">
        <v>51</v>
      </c>
      <c r="V37217">
        <v>52</v>
      </c>
      <c r="W37217">
        <v>53</v>
      </c>
      <c r="X37217">
        <v>54</v>
      </c>
      <c r="Y37217">
        <v>54</v>
      </c>
      <c r="Z37217">
        <v>55</v>
      </c>
      <c r="AA37217">
        <v>56</v>
      </c>
      <c r="AB37217">
        <v>57</v>
      </c>
      <c r="AC37217">
        <v>57</v>
      </c>
      <c r="AD37217">
        <v>58</v>
      </c>
      <c r="AE37217">
        <v>59</v>
      </c>
      <c r="AF37217">
        <v>60</v>
      </c>
      <c r="AG37217">
        <v>60</v>
      </c>
      <c r="AH37217">
        <v>61</v>
      </c>
      <c r="AI37217">
        <v>62</v>
      </c>
      <c r="AJ37217">
        <v>63</v>
      </c>
      <c r="AK37217">
        <v>63</v>
      </c>
      <c r="AL37217">
        <v>64</v>
      </c>
      <c r="AM37217">
        <v>64</v>
      </c>
      <c r="AN37217">
        <v>64</v>
      </c>
      <c r="AO37217">
        <v>64</v>
      </c>
      <c r="AP37217">
        <v>64</v>
      </c>
      <c r="AQ37217">
        <v>64</v>
      </c>
    </row>
    <row r="37218" spans="1:43">
      <c r="A37218" t="s">
        <v>23073</v>
      </c>
      <c r="B37218" t="s">
        <v>23074</v>
      </c>
      <c r="C37218" t="s">
        <v>23035</v>
      </c>
      <c r="D37218" t="s">
        <v>23036</v>
      </c>
      <c r="E37218" t="s">
        <v>23009</v>
      </c>
      <c r="F37218" t="s">
        <v>23010</v>
      </c>
      <c r="G37218" t="s">
        <v>11612</v>
      </c>
      <c r="H37218" t="s">
        <v>11613</v>
      </c>
      <c r="I37218" s="2">
        <v>0</v>
      </c>
      <c r="J37218" s="2">
        <v>0</v>
      </c>
      <c r="K37218" s="2">
        <v>1</v>
      </c>
      <c r="L37218" t="s">
        <v>995</v>
      </c>
      <c r="M37218" t="s">
        <v>83</v>
      </c>
      <c r="N37218" t="s">
        <v>84</v>
      </c>
      <c r="O37218" t="s">
        <v>85</v>
      </c>
      <c r="P37218" t="s">
        <v>86</v>
      </c>
      <c r="Q37218">
        <v>25</v>
      </c>
      <c r="R37218">
        <v>25</v>
      </c>
      <c r="S37218">
        <v>26</v>
      </c>
      <c r="T37218">
        <v>26</v>
      </c>
      <c r="U37218">
        <v>26</v>
      </c>
      <c r="V37218">
        <v>27</v>
      </c>
      <c r="W37218">
        <v>27</v>
      </c>
      <c r="X37218">
        <v>28</v>
      </c>
      <c r="Y37218">
        <v>28</v>
      </c>
      <c r="Z37218">
        <v>29</v>
      </c>
      <c r="AA37218">
        <v>29</v>
      </c>
      <c r="AB37218">
        <v>29</v>
      </c>
      <c r="AC37218">
        <v>30</v>
      </c>
      <c r="AD37218">
        <v>30</v>
      </c>
      <c r="AE37218">
        <v>30</v>
      </c>
      <c r="AF37218">
        <v>31</v>
      </c>
      <c r="AG37218">
        <v>31</v>
      </c>
      <c r="AH37218">
        <v>32</v>
      </c>
      <c r="AI37218">
        <v>32</v>
      </c>
      <c r="AJ37218">
        <v>32</v>
      </c>
      <c r="AK37218">
        <v>33</v>
      </c>
      <c r="AL37218">
        <v>33</v>
      </c>
      <c r="AM37218">
        <v>33</v>
      </c>
      <c r="AN37218">
        <v>33</v>
      </c>
      <c r="AO37218">
        <v>33</v>
      </c>
      <c r="AP37218">
        <v>33</v>
      </c>
      <c r="AQ37218">
        <v>33</v>
      </c>
    </row>
    <row r="37219" spans="1:43">
      <c r="A37219" t="s">
        <v>23073</v>
      </c>
      <c r="B37219" t="s">
        <v>23074</v>
      </c>
      <c r="C37219" t="s">
        <v>23035</v>
      </c>
      <c r="D37219" t="s">
        <v>23036</v>
      </c>
      <c r="E37219" t="s">
        <v>23009</v>
      </c>
      <c r="F37219" t="s">
        <v>23010</v>
      </c>
      <c r="G37219" t="s">
        <v>11612</v>
      </c>
      <c r="H37219" t="s">
        <v>11613</v>
      </c>
      <c r="I37219" s="2">
        <v>0</v>
      </c>
      <c r="J37219" s="2">
        <v>0</v>
      </c>
      <c r="K37219" s="2">
        <v>1</v>
      </c>
      <c r="L37219" t="s">
        <v>995</v>
      </c>
      <c r="M37219" t="s">
        <v>87</v>
      </c>
      <c r="N37219" t="s">
        <v>88</v>
      </c>
      <c r="O37219" t="s">
        <v>85</v>
      </c>
      <c r="P37219" t="s">
        <v>86</v>
      </c>
      <c r="Q37219">
        <v>25</v>
      </c>
      <c r="R37219">
        <v>25</v>
      </c>
      <c r="S37219">
        <v>25</v>
      </c>
      <c r="T37219">
        <v>25</v>
      </c>
      <c r="U37219">
        <v>25</v>
      </c>
      <c r="V37219">
        <v>25</v>
      </c>
      <c r="W37219">
        <v>26</v>
      </c>
      <c r="X37219">
        <v>26</v>
      </c>
      <c r="Y37219">
        <v>26</v>
      </c>
      <c r="Z37219">
        <v>26</v>
      </c>
      <c r="AA37219">
        <v>26</v>
      </c>
      <c r="AB37219">
        <v>26</v>
      </c>
      <c r="AC37219">
        <v>27</v>
      </c>
      <c r="AD37219">
        <v>27</v>
      </c>
      <c r="AE37219">
        <v>27</v>
      </c>
      <c r="AF37219">
        <v>27</v>
      </c>
      <c r="AG37219">
        <v>27</v>
      </c>
      <c r="AH37219">
        <v>27</v>
      </c>
      <c r="AI37219">
        <v>28</v>
      </c>
      <c r="AJ37219">
        <v>28</v>
      </c>
      <c r="AK37219">
        <v>28</v>
      </c>
      <c r="AL37219">
        <v>28</v>
      </c>
      <c r="AM37219">
        <v>28</v>
      </c>
      <c r="AN37219">
        <v>28</v>
      </c>
      <c r="AO37219">
        <v>29</v>
      </c>
      <c r="AP37219">
        <v>29</v>
      </c>
      <c r="AQ37219">
        <v>29</v>
      </c>
    </row>
    <row r="37220" spans="1:43">
      <c r="A37220" t="s">
        <v>23073</v>
      </c>
      <c r="B37220" t="s">
        <v>23074</v>
      </c>
      <c r="C37220" t="s">
        <v>23035</v>
      </c>
      <c r="D37220" t="s">
        <v>23036</v>
      </c>
      <c r="E37220" t="s">
        <v>23009</v>
      </c>
      <c r="F37220" t="s">
        <v>23010</v>
      </c>
      <c r="G37220" t="s">
        <v>11612</v>
      </c>
      <c r="H37220" t="s">
        <v>11613</v>
      </c>
      <c r="I37220" s="2">
        <v>0</v>
      </c>
      <c r="J37220" s="2">
        <v>0</v>
      </c>
      <c r="K37220" s="2">
        <v>1</v>
      </c>
      <c r="L37220" t="s">
        <v>995</v>
      </c>
      <c r="M37220" t="s">
        <v>89</v>
      </c>
      <c r="N37220" t="s">
        <v>90</v>
      </c>
      <c r="O37220" t="s">
        <v>85</v>
      </c>
      <c r="P37220" t="s">
        <v>86</v>
      </c>
      <c r="Q37220">
        <v>25</v>
      </c>
      <c r="R37220">
        <v>26</v>
      </c>
      <c r="S37220">
        <v>26</v>
      </c>
      <c r="T37220">
        <v>27</v>
      </c>
      <c r="U37220">
        <v>28</v>
      </c>
      <c r="V37220">
        <v>28</v>
      </c>
      <c r="W37220">
        <v>29</v>
      </c>
      <c r="X37220">
        <v>29</v>
      </c>
      <c r="Y37220">
        <v>30</v>
      </c>
      <c r="Z37220">
        <v>30</v>
      </c>
      <c r="AA37220">
        <v>31</v>
      </c>
      <c r="AB37220">
        <v>31</v>
      </c>
      <c r="AC37220">
        <v>32</v>
      </c>
      <c r="AD37220">
        <v>32</v>
      </c>
      <c r="AE37220">
        <v>33</v>
      </c>
      <c r="AF37220">
        <v>33</v>
      </c>
      <c r="AG37220">
        <v>33</v>
      </c>
      <c r="AH37220">
        <v>33</v>
      </c>
      <c r="AI37220">
        <v>33</v>
      </c>
      <c r="AJ37220">
        <v>33</v>
      </c>
      <c r="AK37220">
        <v>33</v>
      </c>
      <c r="AL37220">
        <v>33</v>
      </c>
      <c r="AM37220">
        <v>33</v>
      </c>
      <c r="AN37220">
        <v>33</v>
      </c>
      <c r="AO37220">
        <v>33</v>
      </c>
      <c r="AP37220">
        <v>34</v>
      </c>
      <c r="AQ37220">
        <v>34</v>
      </c>
    </row>
    <row r="37221" spans="1:43">
      <c r="A37221" t="s">
        <v>23073</v>
      </c>
      <c r="B37221" t="s">
        <v>23074</v>
      </c>
      <c r="C37221" t="s">
        <v>23035</v>
      </c>
      <c r="D37221" t="s">
        <v>23036</v>
      </c>
      <c r="E37221" t="s">
        <v>23009</v>
      </c>
      <c r="F37221" t="s">
        <v>23010</v>
      </c>
      <c r="G37221" t="s">
        <v>11612</v>
      </c>
      <c r="H37221" t="s">
        <v>11613</v>
      </c>
      <c r="I37221" s="2">
        <v>0</v>
      </c>
      <c r="J37221" s="2">
        <v>0</v>
      </c>
      <c r="K37221" s="2">
        <v>1</v>
      </c>
      <c r="L37221" t="s">
        <v>995</v>
      </c>
      <c r="M37221" t="s">
        <v>83</v>
      </c>
      <c r="N37221" t="s">
        <v>91</v>
      </c>
      <c r="O37221" t="s">
        <v>85</v>
      </c>
      <c r="P37221" t="s">
        <v>86</v>
      </c>
      <c r="Q37221">
        <v>25</v>
      </c>
      <c r="R37221">
        <v>25</v>
      </c>
      <c r="S37221">
        <v>26</v>
      </c>
      <c r="T37221">
        <v>26</v>
      </c>
      <c r="U37221">
        <v>26</v>
      </c>
      <c r="V37221">
        <v>27</v>
      </c>
      <c r="W37221">
        <v>27</v>
      </c>
      <c r="X37221">
        <v>28</v>
      </c>
      <c r="Y37221">
        <v>28</v>
      </c>
      <c r="Z37221">
        <v>29</v>
      </c>
      <c r="AA37221">
        <v>29</v>
      </c>
      <c r="AB37221">
        <v>29</v>
      </c>
      <c r="AC37221">
        <v>30</v>
      </c>
      <c r="AD37221">
        <v>30</v>
      </c>
      <c r="AE37221">
        <v>30</v>
      </c>
      <c r="AF37221">
        <v>31</v>
      </c>
      <c r="AG37221">
        <v>31</v>
      </c>
      <c r="AH37221">
        <v>32</v>
      </c>
      <c r="AI37221">
        <v>32</v>
      </c>
      <c r="AJ37221">
        <v>32</v>
      </c>
      <c r="AK37221">
        <v>33</v>
      </c>
      <c r="AL37221">
        <v>33</v>
      </c>
      <c r="AM37221">
        <v>33</v>
      </c>
      <c r="AN37221">
        <v>33</v>
      </c>
      <c r="AO37221">
        <v>33</v>
      </c>
      <c r="AP37221">
        <v>33</v>
      </c>
      <c r="AQ37221">
        <v>33</v>
      </c>
    </row>
    <row r="37222" spans="1:43">
      <c r="A37222" t="s">
        <v>23075</v>
      </c>
      <c r="B37222" t="s">
        <v>23076</v>
      </c>
      <c r="C37222" t="s">
        <v>23035</v>
      </c>
      <c r="D37222" t="s">
        <v>23036</v>
      </c>
      <c r="E37222" t="s">
        <v>23009</v>
      </c>
      <c r="F37222" t="s">
        <v>23010</v>
      </c>
      <c r="G37222" t="s">
        <v>11612</v>
      </c>
      <c r="H37222" t="s">
        <v>11613</v>
      </c>
      <c r="I37222" s="2">
        <v>0</v>
      </c>
      <c r="J37222" s="2">
        <v>0</v>
      </c>
      <c r="K37222" s="2">
        <v>1</v>
      </c>
      <c r="L37222" t="s">
        <v>995</v>
      </c>
      <c r="M37222" t="s">
        <v>83</v>
      </c>
      <c r="N37222" t="s">
        <v>84</v>
      </c>
      <c r="O37222" t="s">
        <v>85</v>
      </c>
      <c r="P37222" t="s">
        <v>86</v>
      </c>
      <c r="Q37222">
        <v>43</v>
      </c>
      <c r="R37222">
        <v>44</v>
      </c>
      <c r="S37222">
        <v>45</v>
      </c>
      <c r="T37222">
        <v>45</v>
      </c>
      <c r="U37222">
        <v>46</v>
      </c>
      <c r="V37222">
        <v>47</v>
      </c>
      <c r="W37222">
        <v>48</v>
      </c>
      <c r="X37222">
        <v>48</v>
      </c>
      <c r="Y37222">
        <v>49</v>
      </c>
      <c r="Z37222">
        <v>50</v>
      </c>
      <c r="AA37222">
        <v>50</v>
      </c>
      <c r="AB37222">
        <v>51</v>
      </c>
      <c r="AC37222">
        <v>52</v>
      </c>
      <c r="AD37222">
        <v>53</v>
      </c>
      <c r="AE37222">
        <v>53</v>
      </c>
      <c r="AF37222">
        <v>54</v>
      </c>
      <c r="AG37222">
        <v>55</v>
      </c>
      <c r="AH37222">
        <v>55</v>
      </c>
      <c r="AI37222">
        <v>56</v>
      </c>
      <c r="AJ37222">
        <v>57</v>
      </c>
      <c r="AK37222">
        <v>57</v>
      </c>
      <c r="AL37222">
        <v>58</v>
      </c>
      <c r="AM37222">
        <v>58</v>
      </c>
      <c r="AN37222">
        <v>58</v>
      </c>
      <c r="AO37222">
        <v>58</v>
      </c>
      <c r="AP37222">
        <v>59</v>
      </c>
      <c r="AQ37222">
        <v>59</v>
      </c>
    </row>
    <row r="37223" spans="1:43">
      <c r="A37223" t="s">
        <v>23075</v>
      </c>
      <c r="B37223" t="s">
        <v>23076</v>
      </c>
      <c r="C37223" t="s">
        <v>23035</v>
      </c>
      <c r="D37223" t="s">
        <v>23036</v>
      </c>
      <c r="E37223" t="s">
        <v>23009</v>
      </c>
      <c r="F37223" t="s">
        <v>23010</v>
      </c>
      <c r="G37223" t="s">
        <v>11612</v>
      </c>
      <c r="H37223" t="s">
        <v>11613</v>
      </c>
      <c r="I37223" s="2">
        <v>0</v>
      </c>
      <c r="J37223" s="2">
        <v>0</v>
      </c>
      <c r="K37223" s="2">
        <v>1</v>
      </c>
      <c r="L37223" t="s">
        <v>995</v>
      </c>
      <c r="M37223" t="s">
        <v>87</v>
      </c>
      <c r="N37223" t="s">
        <v>88</v>
      </c>
      <c r="O37223" t="s">
        <v>85</v>
      </c>
      <c r="P37223" t="s">
        <v>86</v>
      </c>
      <c r="Q37223">
        <v>43</v>
      </c>
      <c r="R37223">
        <v>43</v>
      </c>
      <c r="S37223">
        <v>43</v>
      </c>
      <c r="T37223">
        <v>44</v>
      </c>
      <c r="U37223">
        <v>44</v>
      </c>
      <c r="V37223">
        <v>44</v>
      </c>
      <c r="W37223">
        <v>45</v>
      </c>
      <c r="X37223">
        <v>45</v>
      </c>
      <c r="Y37223">
        <v>45</v>
      </c>
      <c r="Z37223">
        <v>46</v>
      </c>
      <c r="AA37223">
        <v>46</v>
      </c>
      <c r="AB37223">
        <v>46</v>
      </c>
      <c r="AC37223">
        <v>47</v>
      </c>
      <c r="AD37223">
        <v>47</v>
      </c>
      <c r="AE37223">
        <v>47</v>
      </c>
      <c r="AF37223">
        <v>47</v>
      </c>
      <c r="AG37223">
        <v>48</v>
      </c>
      <c r="AH37223">
        <v>48</v>
      </c>
      <c r="AI37223">
        <v>48</v>
      </c>
      <c r="AJ37223">
        <v>49</v>
      </c>
      <c r="AK37223">
        <v>49</v>
      </c>
      <c r="AL37223">
        <v>49</v>
      </c>
      <c r="AM37223">
        <v>50</v>
      </c>
      <c r="AN37223">
        <v>50</v>
      </c>
      <c r="AO37223">
        <v>50</v>
      </c>
      <c r="AP37223">
        <v>50</v>
      </c>
      <c r="AQ37223">
        <v>51</v>
      </c>
    </row>
    <row r="37224" spans="1:43">
      <c r="A37224" t="s">
        <v>23075</v>
      </c>
      <c r="B37224" t="s">
        <v>23076</v>
      </c>
      <c r="C37224" t="s">
        <v>23035</v>
      </c>
      <c r="D37224" t="s">
        <v>23036</v>
      </c>
      <c r="E37224" t="s">
        <v>23009</v>
      </c>
      <c r="F37224" t="s">
        <v>23010</v>
      </c>
      <c r="G37224" t="s">
        <v>11612</v>
      </c>
      <c r="H37224" t="s">
        <v>11613</v>
      </c>
      <c r="I37224" s="2">
        <v>0</v>
      </c>
      <c r="J37224" s="2">
        <v>0</v>
      </c>
      <c r="K37224" s="2">
        <v>1</v>
      </c>
      <c r="L37224" t="s">
        <v>995</v>
      </c>
      <c r="M37224" t="s">
        <v>89</v>
      </c>
      <c r="N37224" t="s">
        <v>90</v>
      </c>
      <c r="O37224" t="s">
        <v>85</v>
      </c>
      <c r="P37224" t="s">
        <v>86</v>
      </c>
      <c r="Q37224">
        <v>43</v>
      </c>
      <c r="R37224">
        <v>44</v>
      </c>
      <c r="S37224">
        <v>45</v>
      </c>
      <c r="T37224">
        <v>46</v>
      </c>
      <c r="U37224">
        <v>47</v>
      </c>
      <c r="V37224">
        <v>48</v>
      </c>
      <c r="W37224">
        <v>49</v>
      </c>
      <c r="X37224">
        <v>50</v>
      </c>
      <c r="Y37224">
        <v>51</v>
      </c>
      <c r="Z37224">
        <v>52</v>
      </c>
      <c r="AA37224">
        <v>53</v>
      </c>
      <c r="AB37224">
        <v>54</v>
      </c>
      <c r="AC37224">
        <v>55</v>
      </c>
      <c r="AD37224">
        <v>56</v>
      </c>
      <c r="AE37224">
        <v>56</v>
      </c>
      <c r="AF37224">
        <v>56</v>
      </c>
      <c r="AG37224">
        <v>57</v>
      </c>
      <c r="AH37224">
        <v>57</v>
      </c>
      <c r="AI37224">
        <v>57</v>
      </c>
      <c r="AJ37224">
        <v>57</v>
      </c>
      <c r="AK37224">
        <v>57</v>
      </c>
      <c r="AL37224">
        <v>58</v>
      </c>
      <c r="AM37224">
        <v>58</v>
      </c>
      <c r="AN37224">
        <v>58</v>
      </c>
      <c r="AO37224">
        <v>58</v>
      </c>
      <c r="AP37224">
        <v>58</v>
      </c>
      <c r="AQ37224">
        <v>58</v>
      </c>
    </row>
    <row r="37225" spans="1:43">
      <c r="A37225" t="s">
        <v>23075</v>
      </c>
      <c r="B37225" t="s">
        <v>23076</v>
      </c>
      <c r="C37225" t="s">
        <v>23035</v>
      </c>
      <c r="D37225" t="s">
        <v>23036</v>
      </c>
      <c r="E37225" t="s">
        <v>23009</v>
      </c>
      <c r="F37225" t="s">
        <v>23010</v>
      </c>
      <c r="G37225" t="s">
        <v>11612</v>
      </c>
      <c r="H37225" t="s">
        <v>11613</v>
      </c>
      <c r="I37225" s="2">
        <v>0</v>
      </c>
      <c r="J37225" s="2">
        <v>0</v>
      </c>
      <c r="K37225" s="2">
        <v>1</v>
      </c>
      <c r="L37225" t="s">
        <v>995</v>
      </c>
      <c r="M37225" t="s">
        <v>83</v>
      </c>
      <c r="N37225" t="s">
        <v>91</v>
      </c>
      <c r="O37225" t="s">
        <v>85</v>
      </c>
      <c r="P37225" t="s">
        <v>86</v>
      </c>
      <c r="Q37225">
        <v>43</v>
      </c>
      <c r="R37225">
        <v>44</v>
      </c>
      <c r="S37225">
        <v>45</v>
      </c>
      <c r="T37225">
        <v>45</v>
      </c>
      <c r="U37225">
        <v>46</v>
      </c>
      <c r="V37225">
        <v>47</v>
      </c>
      <c r="W37225">
        <v>48</v>
      </c>
      <c r="X37225">
        <v>48</v>
      </c>
      <c r="Y37225">
        <v>49</v>
      </c>
      <c r="Z37225">
        <v>50</v>
      </c>
      <c r="AA37225">
        <v>50</v>
      </c>
      <c r="AB37225">
        <v>51</v>
      </c>
      <c r="AC37225">
        <v>52</v>
      </c>
      <c r="AD37225">
        <v>53</v>
      </c>
      <c r="AE37225">
        <v>53</v>
      </c>
      <c r="AF37225">
        <v>54</v>
      </c>
      <c r="AG37225">
        <v>55</v>
      </c>
      <c r="AH37225">
        <v>55</v>
      </c>
      <c r="AI37225">
        <v>56</v>
      </c>
      <c r="AJ37225">
        <v>57</v>
      </c>
      <c r="AK37225">
        <v>57</v>
      </c>
      <c r="AL37225">
        <v>58</v>
      </c>
      <c r="AM37225">
        <v>58</v>
      </c>
      <c r="AN37225">
        <v>58</v>
      </c>
      <c r="AO37225">
        <v>58</v>
      </c>
      <c r="AP37225">
        <v>59</v>
      </c>
      <c r="AQ37225">
        <v>59</v>
      </c>
    </row>
    <row r="37226" spans="1:43">
      <c r="A37226" t="s">
        <v>23077</v>
      </c>
      <c r="B37226" t="s">
        <v>23078</v>
      </c>
      <c r="C37226" t="s">
        <v>23079</v>
      </c>
      <c r="D37226" t="s">
        <v>23080</v>
      </c>
      <c r="E37226" t="s">
        <v>23009</v>
      </c>
      <c r="F37226" t="s">
        <v>23010</v>
      </c>
      <c r="G37226" t="s">
        <v>11612</v>
      </c>
      <c r="H37226" t="s">
        <v>11613</v>
      </c>
      <c r="I37226" s="2">
        <v>0</v>
      </c>
      <c r="J37226" s="2">
        <v>0</v>
      </c>
      <c r="K37226" s="2">
        <v>1</v>
      </c>
      <c r="L37226" t="s">
        <v>995</v>
      </c>
      <c r="M37226" t="s">
        <v>83</v>
      </c>
      <c r="N37226" t="s">
        <v>84</v>
      </c>
      <c r="O37226" t="s">
        <v>85</v>
      </c>
      <c r="P37226" t="s">
        <v>86</v>
      </c>
      <c r="Q37226">
        <v>18</v>
      </c>
      <c r="R37226">
        <v>19</v>
      </c>
      <c r="S37226">
        <v>19</v>
      </c>
      <c r="T37226">
        <v>19</v>
      </c>
      <c r="U37226">
        <v>20</v>
      </c>
      <c r="V37226">
        <v>20</v>
      </c>
      <c r="W37226">
        <v>20</v>
      </c>
      <c r="X37226">
        <v>21</v>
      </c>
      <c r="Y37226">
        <v>21</v>
      </c>
      <c r="Z37226">
        <v>21</v>
      </c>
      <c r="AA37226">
        <v>22</v>
      </c>
      <c r="AB37226">
        <v>22</v>
      </c>
      <c r="AC37226">
        <v>22</v>
      </c>
      <c r="AD37226">
        <v>22</v>
      </c>
      <c r="AE37226">
        <v>23</v>
      </c>
      <c r="AF37226">
        <v>23</v>
      </c>
      <c r="AG37226">
        <v>23</v>
      </c>
      <c r="AH37226">
        <v>24</v>
      </c>
      <c r="AI37226">
        <v>24</v>
      </c>
      <c r="AJ37226">
        <v>24</v>
      </c>
      <c r="AK37226">
        <v>25</v>
      </c>
      <c r="AL37226">
        <v>25</v>
      </c>
      <c r="AM37226">
        <v>25</v>
      </c>
      <c r="AN37226">
        <v>25</v>
      </c>
      <c r="AO37226">
        <v>25</v>
      </c>
      <c r="AP37226">
        <v>25</v>
      </c>
      <c r="AQ37226">
        <v>25</v>
      </c>
    </row>
    <row r="37227" spans="1:43">
      <c r="A37227" t="s">
        <v>23077</v>
      </c>
      <c r="B37227" t="s">
        <v>23078</v>
      </c>
      <c r="C37227" t="s">
        <v>23079</v>
      </c>
      <c r="D37227" t="s">
        <v>23080</v>
      </c>
      <c r="E37227" t="s">
        <v>23009</v>
      </c>
      <c r="F37227" t="s">
        <v>23010</v>
      </c>
      <c r="G37227" t="s">
        <v>11612</v>
      </c>
      <c r="H37227" t="s">
        <v>11613</v>
      </c>
      <c r="I37227" s="2">
        <v>0</v>
      </c>
      <c r="J37227" s="2">
        <v>0</v>
      </c>
      <c r="K37227" s="2">
        <v>1</v>
      </c>
      <c r="L37227" t="s">
        <v>995</v>
      </c>
      <c r="M37227" t="s">
        <v>87</v>
      </c>
      <c r="N37227" t="s">
        <v>88</v>
      </c>
      <c r="O37227" t="s">
        <v>85</v>
      </c>
      <c r="P37227" t="s">
        <v>86</v>
      </c>
      <c r="Q37227">
        <v>18</v>
      </c>
      <c r="R37227">
        <v>18</v>
      </c>
      <c r="S37227">
        <v>19</v>
      </c>
      <c r="T37227">
        <v>19</v>
      </c>
      <c r="U37227">
        <v>19</v>
      </c>
      <c r="V37227">
        <v>19</v>
      </c>
      <c r="W37227">
        <v>19</v>
      </c>
      <c r="X37227">
        <v>19</v>
      </c>
      <c r="Y37227">
        <v>19</v>
      </c>
      <c r="Z37227">
        <v>19</v>
      </c>
      <c r="AA37227">
        <v>20</v>
      </c>
      <c r="AB37227">
        <v>20</v>
      </c>
      <c r="AC37227">
        <v>20</v>
      </c>
      <c r="AD37227">
        <v>20</v>
      </c>
      <c r="AE37227">
        <v>20</v>
      </c>
      <c r="AF37227">
        <v>20</v>
      </c>
      <c r="AG37227">
        <v>20</v>
      </c>
      <c r="AH37227">
        <v>21</v>
      </c>
      <c r="AI37227">
        <v>21</v>
      </c>
      <c r="AJ37227">
        <v>21</v>
      </c>
      <c r="AK37227">
        <v>21</v>
      </c>
      <c r="AL37227">
        <v>21</v>
      </c>
      <c r="AM37227">
        <v>21</v>
      </c>
      <c r="AN37227">
        <v>21</v>
      </c>
      <c r="AO37227">
        <v>21</v>
      </c>
      <c r="AP37227">
        <v>22</v>
      </c>
      <c r="AQ37227">
        <v>22</v>
      </c>
    </row>
    <row r="37228" spans="1:43">
      <c r="A37228" t="s">
        <v>23077</v>
      </c>
      <c r="B37228" t="s">
        <v>23078</v>
      </c>
      <c r="C37228" t="s">
        <v>23079</v>
      </c>
      <c r="D37228" t="s">
        <v>23080</v>
      </c>
      <c r="E37228" t="s">
        <v>23009</v>
      </c>
      <c r="F37228" t="s">
        <v>23010</v>
      </c>
      <c r="G37228" t="s">
        <v>11612</v>
      </c>
      <c r="H37228" t="s">
        <v>11613</v>
      </c>
      <c r="I37228" s="2">
        <v>0</v>
      </c>
      <c r="J37228" s="2">
        <v>0</v>
      </c>
      <c r="K37228" s="2">
        <v>1</v>
      </c>
      <c r="L37228" t="s">
        <v>995</v>
      </c>
      <c r="M37228" t="s">
        <v>89</v>
      </c>
      <c r="N37228" t="s">
        <v>90</v>
      </c>
      <c r="O37228" t="s">
        <v>85</v>
      </c>
      <c r="P37228" t="s">
        <v>86</v>
      </c>
      <c r="Q37228">
        <v>18</v>
      </c>
      <c r="R37228">
        <v>18</v>
      </c>
      <c r="S37228">
        <v>19</v>
      </c>
      <c r="T37228">
        <v>19</v>
      </c>
      <c r="U37228">
        <v>19</v>
      </c>
      <c r="V37228">
        <v>20</v>
      </c>
      <c r="W37228">
        <v>20</v>
      </c>
      <c r="X37228">
        <v>21</v>
      </c>
      <c r="Y37228">
        <v>21</v>
      </c>
      <c r="Z37228">
        <v>22</v>
      </c>
      <c r="AA37228">
        <v>22</v>
      </c>
      <c r="AB37228">
        <v>22</v>
      </c>
      <c r="AC37228">
        <v>23</v>
      </c>
      <c r="AD37228">
        <v>23</v>
      </c>
      <c r="AE37228">
        <v>23</v>
      </c>
      <c r="AF37228">
        <v>24</v>
      </c>
      <c r="AG37228">
        <v>24</v>
      </c>
      <c r="AH37228">
        <v>24</v>
      </c>
      <c r="AI37228">
        <v>24</v>
      </c>
      <c r="AJ37228">
        <v>24</v>
      </c>
      <c r="AK37228">
        <v>24</v>
      </c>
      <c r="AL37228">
        <v>24</v>
      </c>
      <c r="AM37228">
        <v>24</v>
      </c>
      <c r="AN37228">
        <v>24</v>
      </c>
      <c r="AO37228">
        <v>24</v>
      </c>
      <c r="AP37228">
        <v>24</v>
      </c>
      <c r="AQ37228">
        <v>24</v>
      </c>
    </row>
    <row r="37229" spans="1:43">
      <c r="A37229" t="s">
        <v>23077</v>
      </c>
      <c r="B37229" t="s">
        <v>23078</v>
      </c>
      <c r="C37229" t="s">
        <v>23079</v>
      </c>
      <c r="D37229" t="s">
        <v>23080</v>
      </c>
      <c r="E37229" t="s">
        <v>23009</v>
      </c>
      <c r="F37229" t="s">
        <v>23010</v>
      </c>
      <c r="G37229" t="s">
        <v>11612</v>
      </c>
      <c r="H37229" t="s">
        <v>11613</v>
      </c>
      <c r="I37229" s="2">
        <v>0</v>
      </c>
      <c r="J37229" s="2">
        <v>0</v>
      </c>
      <c r="K37229" s="2">
        <v>1</v>
      </c>
      <c r="L37229" t="s">
        <v>995</v>
      </c>
      <c r="M37229" t="s">
        <v>83</v>
      </c>
      <c r="N37229" t="s">
        <v>91</v>
      </c>
      <c r="O37229" t="s">
        <v>85</v>
      </c>
      <c r="P37229" t="s">
        <v>86</v>
      </c>
      <c r="Q37229">
        <v>18</v>
      </c>
      <c r="R37229">
        <v>19</v>
      </c>
      <c r="S37229">
        <v>19</v>
      </c>
      <c r="T37229">
        <v>19</v>
      </c>
      <c r="U37229">
        <v>20</v>
      </c>
      <c r="V37229">
        <v>20</v>
      </c>
      <c r="W37229">
        <v>20</v>
      </c>
      <c r="X37229">
        <v>21</v>
      </c>
      <c r="Y37229">
        <v>21</v>
      </c>
      <c r="Z37229">
        <v>21</v>
      </c>
      <c r="AA37229">
        <v>22</v>
      </c>
      <c r="AB37229">
        <v>22</v>
      </c>
      <c r="AC37229">
        <v>22</v>
      </c>
      <c r="AD37229">
        <v>22</v>
      </c>
      <c r="AE37229">
        <v>23</v>
      </c>
      <c r="AF37229">
        <v>23</v>
      </c>
      <c r="AG37229">
        <v>23</v>
      </c>
      <c r="AH37229">
        <v>24</v>
      </c>
      <c r="AI37229">
        <v>24</v>
      </c>
      <c r="AJ37229">
        <v>24</v>
      </c>
      <c r="AK37229">
        <v>25</v>
      </c>
      <c r="AL37229">
        <v>25</v>
      </c>
      <c r="AM37229">
        <v>25</v>
      </c>
      <c r="AN37229">
        <v>25</v>
      </c>
      <c r="AO37229">
        <v>25</v>
      </c>
      <c r="AP37229">
        <v>25</v>
      </c>
      <c r="AQ37229">
        <v>25</v>
      </c>
    </row>
    <row r="37230" spans="1:43">
      <c r="A37230" t="s">
        <v>23081</v>
      </c>
      <c r="B37230" t="s">
        <v>23082</v>
      </c>
      <c r="C37230" t="s">
        <v>23079</v>
      </c>
      <c r="D37230" t="s">
        <v>23080</v>
      </c>
      <c r="E37230" t="s">
        <v>23009</v>
      </c>
      <c r="F37230" t="s">
        <v>23010</v>
      </c>
      <c r="G37230" t="s">
        <v>11612</v>
      </c>
      <c r="H37230" t="s">
        <v>11613</v>
      </c>
      <c r="I37230" s="2">
        <v>0</v>
      </c>
      <c r="J37230" s="2">
        <v>0</v>
      </c>
      <c r="K37230" s="2">
        <v>1</v>
      </c>
      <c r="L37230" t="s">
        <v>995</v>
      </c>
      <c r="M37230" t="s">
        <v>83</v>
      </c>
      <c r="N37230" t="s">
        <v>84</v>
      </c>
      <c r="O37230" t="s">
        <v>85</v>
      </c>
      <c r="P37230" t="s">
        <v>86</v>
      </c>
      <c r="Q37230">
        <v>15</v>
      </c>
      <c r="R37230">
        <v>15</v>
      </c>
      <c r="S37230">
        <v>16</v>
      </c>
      <c r="T37230">
        <v>16</v>
      </c>
      <c r="U37230">
        <v>16</v>
      </c>
      <c r="V37230">
        <v>16</v>
      </c>
      <c r="W37230">
        <v>17</v>
      </c>
      <c r="X37230">
        <v>17</v>
      </c>
      <c r="Y37230">
        <v>17</v>
      </c>
      <c r="Z37230">
        <v>17</v>
      </c>
      <c r="AA37230">
        <v>18</v>
      </c>
      <c r="AB37230">
        <v>18</v>
      </c>
      <c r="AC37230">
        <v>18</v>
      </c>
      <c r="AD37230">
        <v>18</v>
      </c>
      <c r="AE37230">
        <v>19</v>
      </c>
      <c r="AF37230">
        <v>19</v>
      </c>
      <c r="AG37230">
        <v>19</v>
      </c>
      <c r="AH37230">
        <v>19</v>
      </c>
      <c r="AI37230">
        <v>20</v>
      </c>
      <c r="AJ37230">
        <v>20</v>
      </c>
      <c r="AK37230">
        <v>20</v>
      </c>
      <c r="AL37230">
        <v>20</v>
      </c>
      <c r="AM37230">
        <v>20</v>
      </c>
      <c r="AN37230">
        <v>20</v>
      </c>
      <c r="AO37230">
        <v>20</v>
      </c>
      <c r="AP37230">
        <v>21</v>
      </c>
      <c r="AQ37230">
        <v>21</v>
      </c>
    </row>
    <row r="37231" spans="1:43">
      <c r="A37231" t="s">
        <v>23081</v>
      </c>
      <c r="B37231" t="s">
        <v>23082</v>
      </c>
      <c r="C37231" t="s">
        <v>23079</v>
      </c>
      <c r="D37231" t="s">
        <v>23080</v>
      </c>
      <c r="E37231" t="s">
        <v>23009</v>
      </c>
      <c r="F37231" t="s">
        <v>23010</v>
      </c>
      <c r="G37231" t="s">
        <v>11612</v>
      </c>
      <c r="H37231" t="s">
        <v>11613</v>
      </c>
      <c r="I37231" s="2">
        <v>0</v>
      </c>
      <c r="J37231" s="2">
        <v>0</v>
      </c>
      <c r="K37231" s="2">
        <v>1</v>
      </c>
      <c r="L37231" t="s">
        <v>995</v>
      </c>
      <c r="M37231" t="s">
        <v>87</v>
      </c>
      <c r="N37231" t="s">
        <v>88</v>
      </c>
      <c r="O37231" t="s">
        <v>85</v>
      </c>
      <c r="P37231" t="s">
        <v>86</v>
      </c>
      <c r="Q37231">
        <v>15</v>
      </c>
      <c r="R37231">
        <v>15</v>
      </c>
      <c r="S37231">
        <v>15</v>
      </c>
      <c r="T37231">
        <v>15</v>
      </c>
      <c r="U37231">
        <v>15</v>
      </c>
      <c r="V37231">
        <v>16</v>
      </c>
      <c r="W37231">
        <v>16</v>
      </c>
      <c r="X37231">
        <v>16</v>
      </c>
      <c r="Y37231">
        <v>16</v>
      </c>
      <c r="Z37231">
        <v>16</v>
      </c>
      <c r="AA37231">
        <v>16</v>
      </c>
      <c r="AB37231">
        <v>16</v>
      </c>
      <c r="AC37231">
        <v>16</v>
      </c>
      <c r="AD37231">
        <v>16</v>
      </c>
      <c r="AE37231">
        <v>16</v>
      </c>
      <c r="AF37231">
        <v>17</v>
      </c>
      <c r="AG37231">
        <v>17</v>
      </c>
      <c r="AH37231">
        <v>17</v>
      </c>
      <c r="AI37231">
        <v>17</v>
      </c>
      <c r="AJ37231">
        <v>17</v>
      </c>
      <c r="AK37231">
        <v>17</v>
      </c>
      <c r="AL37231">
        <v>17</v>
      </c>
      <c r="AM37231">
        <v>17</v>
      </c>
      <c r="AN37231">
        <v>17</v>
      </c>
      <c r="AO37231">
        <v>18</v>
      </c>
      <c r="AP37231">
        <v>18</v>
      </c>
      <c r="AQ37231">
        <v>18</v>
      </c>
    </row>
    <row r="37232" spans="1:43">
      <c r="A37232" t="s">
        <v>23081</v>
      </c>
      <c r="B37232" t="s">
        <v>23082</v>
      </c>
      <c r="C37232" t="s">
        <v>23079</v>
      </c>
      <c r="D37232" t="s">
        <v>23080</v>
      </c>
      <c r="E37232" t="s">
        <v>23009</v>
      </c>
      <c r="F37232" t="s">
        <v>23010</v>
      </c>
      <c r="G37232" t="s">
        <v>11612</v>
      </c>
      <c r="H37232" t="s">
        <v>11613</v>
      </c>
      <c r="I37232" s="2">
        <v>0</v>
      </c>
      <c r="J37232" s="2">
        <v>0</v>
      </c>
      <c r="K37232" s="2">
        <v>1</v>
      </c>
      <c r="L37232" t="s">
        <v>995</v>
      </c>
      <c r="M37232" t="s">
        <v>89</v>
      </c>
      <c r="N37232" t="s">
        <v>90</v>
      </c>
      <c r="O37232" t="s">
        <v>85</v>
      </c>
      <c r="P37232" t="s">
        <v>86</v>
      </c>
      <c r="Q37232">
        <v>15</v>
      </c>
      <c r="R37232">
        <v>16</v>
      </c>
      <c r="S37232">
        <v>16</v>
      </c>
      <c r="T37232">
        <v>16</v>
      </c>
      <c r="U37232">
        <v>17</v>
      </c>
      <c r="V37232">
        <v>17</v>
      </c>
      <c r="W37232">
        <v>17</v>
      </c>
      <c r="X37232">
        <v>18</v>
      </c>
      <c r="Y37232">
        <v>18</v>
      </c>
      <c r="Z37232">
        <v>18</v>
      </c>
      <c r="AA37232">
        <v>19</v>
      </c>
      <c r="AB37232">
        <v>19</v>
      </c>
      <c r="AC37232">
        <v>19</v>
      </c>
      <c r="AD37232">
        <v>20</v>
      </c>
      <c r="AE37232">
        <v>20</v>
      </c>
      <c r="AF37232">
        <v>20</v>
      </c>
      <c r="AG37232">
        <v>20</v>
      </c>
      <c r="AH37232">
        <v>20</v>
      </c>
      <c r="AI37232">
        <v>20</v>
      </c>
      <c r="AJ37232">
        <v>20</v>
      </c>
      <c r="AK37232">
        <v>20</v>
      </c>
      <c r="AL37232">
        <v>21</v>
      </c>
      <c r="AM37232">
        <v>21</v>
      </c>
      <c r="AN37232">
        <v>21</v>
      </c>
      <c r="AO37232">
        <v>21</v>
      </c>
      <c r="AP37232">
        <v>21</v>
      </c>
      <c r="AQ37232">
        <v>21</v>
      </c>
    </row>
    <row r="37233" spans="1:43">
      <c r="A37233" t="s">
        <v>23081</v>
      </c>
      <c r="B37233" t="s">
        <v>23082</v>
      </c>
      <c r="C37233" t="s">
        <v>23079</v>
      </c>
      <c r="D37233" t="s">
        <v>23080</v>
      </c>
      <c r="E37233" t="s">
        <v>23009</v>
      </c>
      <c r="F37233" t="s">
        <v>23010</v>
      </c>
      <c r="G37233" t="s">
        <v>11612</v>
      </c>
      <c r="H37233" t="s">
        <v>11613</v>
      </c>
      <c r="I37233" s="2">
        <v>0</v>
      </c>
      <c r="J37233" s="2">
        <v>0</v>
      </c>
      <c r="K37233" s="2">
        <v>1</v>
      </c>
      <c r="L37233" t="s">
        <v>995</v>
      </c>
      <c r="M37233" t="s">
        <v>83</v>
      </c>
      <c r="N37233" t="s">
        <v>91</v>
      </c>
      <c r="O37233" t="s">
        <v>85</v>
      </c>
      <c r="P37233" t="s">
        <v>86</v>
      </c>
      <c r="Q37233">
        <v>15</v>
      </c>
      <c r="R37233">
        <v>15</v>
      </c>
      <c r="S37233">
        <v>16</v>
      </c>
      <c r="T37233">
        <v>16</v>
      </c>
      <c r="U37233">
        <v>16</v>
      </c>
      <c r="V37233">
        <v>16</v>
      </c>
      <c r="W37233">
        <v>17</v>
      </c>
      <c r="X37233">
        <v>17</v>
      </c>
      <c r="Y37233">
        <v>17</v>
      </c>
      <c r="Z37233">
        <v>17</v>
      </c>
      <c r="AA37233">
        <v>18</v>
      </c>
      <c r="AB37233">
        <v>18</v>
      </c>
      <c r="AC37233">
        <v>18</v>
      </c>
      <c r="AD37233">
        <v>18</v>
      </c>
      <c r="AE37233">
        <v>19</v>
      </c>
      <c r="AF37233">
        <v>19</v>
      </c>
      <c r="AG37233">
        <v>19</v>
      </c>
      <c r="AH37233">
        <v>19</v>
      </c>
      <c r="AI37233">
        <v>20</v>
      </c>
      <c r="AJ37233">
        <v>20</v>
      </c>
      <c r="AK37233">
        <v>20</v>
      </c>
      <c r="AL37233">
        <v>20</v>
      </c>
      <c r="AM37233">
        <v>20</v>
      </c>
      <c r="AN37233">
        <v>20</v>
      </c>
      <c r="AO37233">
        <v>20</v>
      </c>
      <c r="AP37233">
        <v>21</v>
      </c>
      <c r="AQ37233">
        <v>21</v>
      </c>
    </row>
    <row r="37234" spans="1:43">
      <c r="A37234" t="s">
        <v>23083</v>
      </c>
      <c r="B37234" t="s">
        <v>23084</v>
      </c>
      <c r="C37234" t="s">
        <v>23079</v>
      </c>
      <c r="D37234" t="s">
        <v>23080</v>
      </c>
      <c r="E37234" t="s">
        <v>23009</v>
      </c>
      <c r="F37234" t="s">
        <v>23010</v>
      </c>
      <c r="G37234" t="s">
        <v>11612</v>
      </c>
      <c r="H37234" t="s">
        <v>11613</v>
      </c>
      <c r="I37234" s="2">
        <v>0</v>
      </c>
      <c r="J37234" s="2">
        <v>0</v>
      </c>
      <c r="K37234" s="2">
        <v>1</v>
      </c>
      <c r="L37234" t="s">
        <v>995</v>
      </c>
      <c r="M37234" t="s">
        <v>83</v>
      </c>
      <c r="N37234" t="s">
        <v>84</v>
      </c>
      <c r="O37234" t="s">
        <v>85</v>
      </c>
      <c r="P37234" t="s">
        <v>86</v>
      </c>
      <c r="Q37234">
        <v>88</v>
      </c>
      <c r="R37234">
        <v>90</v>
      </c>
      <c r="S37234">
        <v>91</v>
      </c>
      <c r="T37234">
        <v>93</v>
      </c>
      <c r="U37234">
        <v>94</v>
      </c>
      <c r="V37234">
        <v>96</v>
      </c>
      <c r="W37234">
        <v>97</v>
      </c>
      <c r="X37234">
        <v>99</v>
      </c>
      <c r="Y37234">
        <v>100</v>
      </c>
      <c r="Z37234">
        <v>102</v>
      </c>
      <c r="AA37234">
        <v>103</v>
      </c>
      <c r="AB37234">
        <v>105</v>
      </c>
      <c r="AC37234">
        <v>106</v>
      </c>
      <c r="AD37234">
        <v>108</v>
      </c>
      <c r="AE37234">
        <v>109</v>
      </c>
      <c r="AF37234">
        <v>110</v>
      </c>
      <c r="AG37234">
        <v>112</v>
      </c>
      <c r="AH37234">
        <v>113</v>
      </c>
      <c r="AI37234">
        <v>115</v>
      </c>
      <c r="AJ37234">
        <v>116</v>
      </c>
      <c r="AK37234">
        <v>118</v>
      </c>
      <c r="AL37234">
        <v>118</v>
      </c>
      <c r="AM37234">
        <v>119</v>
      </c>
      <c r="AN37234">
        <v>119</v>
      </c>
      <c r="AO37234">
        <v>120</v>
      </c>
      <c r="AP37234">
        <v>120</v>
      </c>
      <c r="AQ37234">
        <v>120</v>
      </c>
    </row>
    <row r="37235" spans="1:43">
      <c r="A37235" t="s">
        <v>23083</v>
      </c>
      <c r="B37235" t="s">
        <v>23084</v>
      </c>
      <c r="C37235" t="s">
        <v>23079</v>
      </c>
      <c r="D37235" t="s">
        <v>23080</v>
      </c>
      <c r="E37235" t="s">
        <v>23009</v>
      </c>
      <c r="F37235" t="s">
        <v>23010</v>
      </c>
      <c r="G37235" t="s">
        <v>11612</v>
      </c>
      <c r="H37235" t="s">
        <v>11613</v>
      </c>
      <c r="I37235" s="2">
        <v>0</v>
      </c>
      <c r="J37235" s="2">
        <v>0</v>
      </c>
      <c r="K37235" s="2">
        <v>1</v>
      </c>
      <c r="L37235" t="s">
        <v>995</v>
      </c>
      <c r="M37235" t="s">
        <v>87</v>
      </c>
      <c r="N37235" t="s">
        <v>88</v>
      </c>
      <c r="O37235" t="s">
        <v>85</v>
      </c>
      <c r="P37235" t="s">
        <v>86</v>
      </c>
      <c r="Q37235">
        <v>88</v>
      </c>
      <c r="R37235">
        <v>89</v>
      </c>
      <c r="S37235">
        <v>90</v>
      </c>
      <c r="T37235">
        <v>90</v>
      </c>
      <c r="U37235">
        <v>91</v>
      </c>
      <c r="V37235">
        <v>92</v>
      </c>
      <c r="W37235">
        <v>92</v>
      </c>
      <c r="X37235">
        <v>93</v>
      </c>
      <c r="Y37235">
        <v>94</v>
      </c>
      <c r="Z37235">
        <v>94</v>
      </c>
      <c r="AA37235">
        <v>95</v>
      </c>
      <c r="AB37235">
        <v>96</v>
      </c>
      <c r="AC37235">
        <v>96</v>
      </c>
      <c r="AD37235">
        <v>97</v>
      </c>
      <c r="AE37235">
        <v>97</v>
      </c>
      <c r="AF37235">
        <v>98</v>
      </c>
      <c r="AG37235">
        <v>99</v>
      </c>
      <c r="AH37235">
        <v>99</v>
      </c>
      <c r="AI37235">
        <v>100</v>
      </c>
      <c r="AJ37235">
        <v>101</v>
      </c>
      <c r="AK37235">
        <v>101</v>
      </c>
      <c r="AL37235">
        <v>102</v>
      </c>
      <c r="AM37235">
        <v>102</v>
      </c>
      <c r="AN37235">
        <v>103</v>
      </c>
      <c r="AO37235">
        <v>104</v>
      </c>
      <c r="AP37235">
        <v>104</v>
      </c>
      <c r="AQ37235">
        <v>105</v>
      </c>
    </row>
    <row r="37236" spans="1:43">
      <c r="A37236" t="s">
        <v>23083</v>
      </c>
      <c r="B37236" t="s">
        <v>23084</v>
      </c>
      <c r="C37236" t="s">
        <v>23079</v>
      </c>
      <c r="D37236" t="s">
        <v>23080</v>
      </c>
      <c r="E37236" t="s">
        <v>23009</v>
      </c>
      <c r="F37236" t="s">
        <v>23010</v>
      </c>
      <c r="G37236" t="s">
        <v>11612</v>
      </c>
      <c r="H37236" t="s">
        <v>11613</v>
      </c>
      <c r="I37236" s="2">
        <v>0</v>
      </c>
      <c r="J37236" s="2">
        <v>0</v>
      </c>
      <c r="K37236" s="2">
        <v>1</v>
      </c>
      <c r="L37236" t="s">
        <v>995</v>
      </c>
      <c r="M37236" t="s">
        <v>89</v>
      </c>
      <c r="N37236" t="s">
        <v>90</v>
      </c>
      <c r="O37236" t="s">
        <v>85</v>
      </c>
      <c r="P37236" t="s">
        <v>86</v>
      </c>
      <c r="Q37236">
        <v>88</v>
      </c>
      <c r="R37236">
        <v>90</v>
      </c>
      <c r="S37236">
        <v>93</v>
      </c>
      <c r="T37236">
        <v>95</v>
      </c>
      <c r="U37236">
        <v>97</v>
      </c>
      <c r="V37236">
        <v>99</v>
      </c>
      <c r="W37236">
        <v>101</v>
      </c>
      <c r="X37236">
        <v>103</v>
      </c>
      <c r="Y37236">
        <v>105</v>
      </c>
      <c r="Z37236">
        <v>107</v>
      </c>
      <c r="AA37236">
        <v>109</v>
      </c>
      <c r="AB37236">
        <v>111</v>
      </c>
      <c r="AC37236">
        <v>113</v>
      </c>
      <c r="AD37236">
        <v>115</v>
      </c>
      <c r="AE37236">
        <v>116</v>
      </c>
      <c r="AF37236">
        <v>116</v>
      </c>
      <c r="AG37236">
        <v>117</v>
      </c>
      <c r="AH37236">
        <v>117</v>
      </c>
      <c r="AI37236">
        <v>118</v>
      </c>
      <c r="AJ37236">
        <v>118</v>
      </c>
      <c r="AK37236">
        <v>118</v>
      </c>
      <c r="AL37236">
        <v>119</v>
      </c>
      <c r="AM37236">
        <v>119</v>
      </c>
      <c r="AN37236">
        <v>120</v>
      </c>
      <c r="AO37236">
        <v>120</v>
      </c>
      <c r="AP37236">
        <v>120</v>
      </c>
      <c r="AQ37236">
        <v>121</v>
      </c>
    </row>
    <row r="37237" spans="1:43">
      <c r="A37237" t="s">
        <v>23083</v>
      </c>
      <c r="B37237" t="s">
        <v>23084</v>
      </c>
      <c r="C37237" t="s">
        <v>23079</v>
      </c>
      <c r="D37237" t="s">
        <v>23080</v>
      </c>
      <c r="E37237" t="s">
        <v>23009</v>
      </c>
      <c r="F37237" t="s">
        <v>23010</v>
      </c>
      <c r="G37237" t="s">
        <v>11612</v>
      </c>
      <c r="H37237" t="s">
        <v>11613</v>
      </c>
      <c r="I37237" s="2">
        <v>0</v>
      </c>
      <c r="J37237" s="2">
        <v>0</v>
      </c>
      <c r="K37237" s="2">
        <v>1</v>
      </c>
      <c r="L37237" t="s">
        <v>995</v>
      </c>
      <c r="M37237" t="s">
        <v>83</v>
      </c>
      <c r="N37237" t="s">
        <v>91</v>
      </c>
      <c r="O37237" t="s">
        <v>85</v>
      </c>
      <c r="P37237" t="s">
        <v>86</v>
      </c>
      <c r="Q37237">
        <v>88</v>
      </c>
      <c r="R37237">
        <v>90</v>
      </c>
      <c r="S37237">
        <v>91</v>
      </c>
      <c r="T37237">
        <v>93</v>
      </c>
      <c r="U37237">
        <v>94</v>
      </c>
      <c r="V37237">
        <v>96</v>
      </c>
      <c r="W37237">
        <v>97</v>
      </c>
      <c r="X37237">
        <v>99</v>
      </c>
      <c r="Y37237">
        <v>100</v>
      </c>
      <c r="Z37237">
        <v>102</v>
      </c>
      <c r="AA37237">
        <v>103</v>
      </c>
      <c r="AB37237">
        <v>105</v>
      </c>
      <c r="AC37237">
        <v>106</v>
      </c>
      <c r="AD37237">
        <v>108</v>
      </c>
      <c r="AE37237">
        <v>109</v>
      </c>
      <c r="AF37237">
        <v>110</v>
      </c>
      <c r="AG37237">
        <v>112</v>
      </c>
      <c r="AH37237">
        <v>113</v>
      </c>
      <c r="AI37237">
        <v>115</v>
      </c>
      <c r="AJ37237">
        <v>116</v>
      </c>
      <c r="AK37237">
        <v>118</v>
      </c>
      <c r="AL37237">
        <v>118</v>
      </c>
      <c r="AM37237">
        <v>119</v>
      </c>
      <c r="AN37237">
        <v>119</v>
      </c>
      <c r="AO37237">
        <v>120</v>
      </c>
      <c r="AP37237">
        <v>120</v>
      </c>
      <c r="AQ37237">
        <v>120</v>
      </c>
    </row>
    <row r="37238" spans="1:43">
      <c r="A37238" t="s">
        <v>23085</v>
      </c>
      <c r="B37238" t="s">
        <v>23086</v>
      </c>
      <c r="C37238" t="s">
        <v>23087</v>
      </c>
      <c r="D37238" t="s">
        <v>23088</v>
      </c>
      <c r="E37238" t="s">
        <v>23009</v>
      </c>
      <c r="F37238" t="s">
        <v>23010</v>
      </c>
      <c r="G37238" t="s">
        <v>11612</v>
      </c>
      <c r="H37238" t="s">
        <v>11613</v>
      </c>
      <c r="I37238" s="2">
        <v>0</v>
      </c>
      <c r="J37238" s="2">
        <v>0</v>
      </c>
      <c r="K37238" s="2">
        <v>1</v>
      </c>
      <c r="L37238" t="s">
        <v>995</v>
      </c>
      <c r="M37238" t="s">
        <v>83</v>
      </c>
      <c r="N37238" t="s">
        <v>84</v>
      </c>
      <c r="O37238" t="s">
        <v>85</v>
      </c>
      <c r="P37238" t="s">
        <v>86</v>
      </c>
      <c r="Q37238">
        <v>40</v>
      </c>
      <c r="R37238">
        <v>41</v>
      </c>
      <c r="S37238">
        <v>42</v>
      </c>
      <c r="T37238">
        <v>42</v>
      </c>
      <c r="U37238">
        <v>43</v>
      </c>
      <c r="V37238">
        <v>44</v>
      </c>
      <c r="W37238">
        <v>44</v>
      </c>
      <c r="X37238">
        <v>45</v>
      </c>
      <c r="Y37238">
        <v>46</v>
      </c>
      <c r="Z37238">
        <v>46</v>
      </c>
      <c r="AA37238">
        <v>47</v>
      </c>
      <c r="AB37238">
        <v>48</v>
      </c>
      <c r="AC37238">
        <v>48</v>
      </c>
      <c r="AD37238">
        <v>49</v>
      </c>
      <c r="AE37238">
        <v>49</v>
      </c>
      <c r="AF37238">
        <v>50</v>
      </c>
      <c r="AG37238">
        <v>51</v>
      </c>
      <c r="AH37238">
        <v>51</v>
      </c>
      <c r="AI37238">
        <v>52</v>
      </c>
      <c r="AJ37238">
        <v>53</v>
      </c>
      <c r="AK37238">
        <v>53</v>
      </c>
      <c r="AL37238">
        <v>53</v>
      </c>
      <c r="AM37238">
        <v>54</v>
      </c>
      <c r="AN37238">
        <v>54</v>
      </c>
      <c r="AO37238">
        <v>54</v>
      </c>
      <c r="AP37238">
        <v>54</v>
      </c>
      <c r="AQ37238">
        <v>54</v>
      </c>
    </row>
    <row r="37239" spans="1:43">
      <c r="A37239" t="s">
        <v>23085</v>
      </c>
      <c r="B37239" t="s">
        <v>23086</v>
      </c>
      <c r="C37239" t="s">
        <v>23087</v>
      </c>
      <c r="D37239" t="s">
        <v>23088</v>
      </c>
      <c r="E37239" t="s">
        <v>23009</v>
      </c>
      <c r="F37239" t="s">
        <v>23010</v>
      </c>
      <c r="G37239" t="s">
        <v>11612</v>
      </c>
      <c r="H37239" t="s">
        <v>11613</v>
      </c>
      <c r="I37239" s="2">
        <v>0</v>
      </c>
      <c r="J37239" s="2">
        <v>0</v>
      </c>
      <c r="K37239" s="2">
        <v>1</v>
      </c>
      <c r="L37239" t="s">
        <v>995</v>
      </c>
      <c r="M37239" t="s">
        <v>87</v>
      </c>
      <c r="N37239" t="s">
        <v>88</v>
      </c>
      <c r="O37239" t="s">
        <v>85</v>
      </c>
      <c r="P37239" t="s">
        <v>86</v>
      </c>
      <c r="Q37239">
        <v>40</v>
      </c>
      <c r="R37239">
        <v>40</v>
      </c>
      <c r="S37239">
        <v>40</v>
      </c>
      <c r="T37239">
        <v>41</v>
      </c>
      <c r="U37239">
        <v>41</v>
      </c>
      <c r="V37239">
        <v>41</v>
      </c>
      <c r="W37239">
        <v>42</v>
      </c>
      <c r="X37239">
        <v>42</v>
      </c>
      <c r="Y37239">
        <v>42</v>
      </c>
      <c r="Z37239">
        <v>42</v>
      </c>
      <c r="AA37239">
        <v>43</v>
      </c>
      <c r="AB37239">
        <v>43</v>
      </c>
      <c r="AC37239">
        <v>43</v>
      </c>
      <c r="AD37239">
        <v>44</v>
      </c>
      <c r="AE37239">
        <v>44</v>
      </c>
      <c r="AF37239">
        <v>44</v>
      </c>
      <c r="AG37239">
        <v>44</v>
      </c>
      <c r="AH37239">
        <v>45</v>
      </c>
      <c r="AI37239">
        <v>45</v>
      </c>
      <c r="AJ37239">
        <v>45</v>
      </c>
      <c r="AK37239">
        <v>45</v>
      </c>
      <c r="AL37239">
        <v>46</v>
      </c>
      <c r="AM37239">
        <v>46</v>
      </c>
      <c r="AN37239">
        <v>46</v>
      </c>
      <c r="AO37239">
        <v>47</v>
      </c>
      <c r="AP37239">
        <v>47</v>
      </c>
      <c r="AQ37239">
        <v>47</v>
      </c>
    </row>
    <row r="37240" spans="1:43">
      <c r="A37240" t="s">
        <v>23085</v>
      </c>
      <c r="B37240" t="s">
        <v>23086</v>
      </c>
      <c r="C37240" t="s">
        <v>23087</v>
      </c>
      <c r="D37240" t="s">
        <v>23088</v>
      </c>
      <c r="E37240" t="s">
        <v>23009</v>
      </c>
      <c r="F37240" t="s">
        <v>23010</v>
      </c>
      <c r="G37240" t="s">
        <v>11612</v>
      </c>
      <c r="H37240" t="s">
        <v>11613</v>
      </c>
      <c r="I37240" s="2">
        <v>0</v>
      </c>
      <c r="J37240" s="2">
        <v>0</v>
      </c>
      <c r="K37240" s="2">
        <v>1</v>
      </c>
      <c r="L37240" t="s">
        <v>995</v>
      </c>
      <c r="M37240" t="s">
        <v>89</v>
      </c>
      <c r="N37240" t="s">
        <v>90</v>
      </c>
      <c r="O37240" t="s">
        <v>85</v>
      </c>
      <c r="P37240" t="s">
        <v>86</v>
      </c>
      <c r="Q37240">
        <v>40</v>
      </c>
      <c r="R37240">
        <v>41</v>
      </c>
      <c r="S37240">
        <v>42</v>
      </c>
      <c r="T37240">
        <v>43</v>
      </c>
      <c r="U37240">
        <v>44</v>
      </c>
      <c r="V37240">
        <v>45</v>
      </c>
      <c r="W37240">
        <v>46</v>
      </c>
      <c r="X37240">
        <v>46</v>
      </c>
      <c r="Y37240">
        <v>47</v>
      </c>
      <c r="Z37240">
        <v>48</v>
      </c>
      <c r="AA37240">
        <v>49</v>
      </c>
      <c r="AB37240">
        <v>50</v>
      </c>
      <c r="AC37240">
        <v>51</v>
      </c>
      <c r="AD37240">
        <v>51</v>
      </c>
      <c r="AE37240">
        <v>52</v>
      </c>
      <c r="AF37240">
        <v>52</v>
      </c>
      <c r="AG37240">
        <v>52</v>
      </c>
      <c r="AH37240">
        <v>52</v>
      </c>
      <c r="AI37240">
        <v>52</v>
      </c>
      <c r="AJ37240">
        <v>53</v>
      </c>
      <c r="AK37240">
        <v>53</v>
      </c>
      <c r="AL37240">
        <v>53</v>
      </c>
      <c r="AM37240">
        <v>53</v>
      </c>
      <c r="AN37240">
        <v>53</v>
      </c>
      <c r="AO37240">
        <v>53</v>
      </c>
      <c r="AP37240">
        <v>53</v>
      </c>
      <c r="AQ37240">
        <v>53</v>
      </c>
    </row>
    <row r="37241" spans="1:43">
      <c r="A37241" t="s">
        <v>23085</v>
      </c>
      <c r="B37241" t="s">
        <v>23086</v>
      </c>
      <c r="C37241" t="s">
        <v>23087</v>
      </c>
      <c r="D37241" t="s">
        <v>23088</v>
      </c>
      <c r="E37241" t="s">
        <v>23009</v>
      </c>
      <c r="F37241" t="s">
        <v>23010</v>
      </c>
      <c r="G37241" t="s">
        <v>11612</v>
      </c>
      <c r="H37241" t="s">
        <v>11613</v>
      </c>
      <c r="I37241" s="2">
        <v>0</v>
      </c>
      <c r="J37241" s="2">
        <v>0</v>
      </c>
      <c r="K37241" s="2">
        <v>1</v>
      </c>
      <c r="L37241" t="s">
        <v>995</v>
      </c>
      <c r="M37241" t="s">
        <v>83</v>
      </c>
      <c r="N37241" t="s">
        <v>91</v>
      </c>
      <c r="O37241" t="s">
        <v>85</v>
      </c>
      <c r="P37241" t="s">
        <v>86</v>
      </c>
      <c r="Q37241">
        <v>40</v>
      </c>
      <c r="R37241">
        <v>41</v>
      </c>
      <c r="S37241">
        <v>42</v>
      </c>
      <c r="T37241">
        <v>42</v>
      </c>
      <c r="U37241">
        <v>43</v>
      </c>
      <c r="V37241">
        <v>44</v>
      </c>
      <c r="W37241">
        <v>44</v>
      </c>
      <c r="X37241">
        <v>45</v>
      </c>
      <c r="Y37241">
        <v>46</v>
      </c>
      <c r="Z37241">
        <v>46</v>
      </c>
      <c r="AA37241">
        <v>47</v>
      </c>
      <c r="AB37241">
        <v>48</v>
      </c>
      <c r="AC37241">
        <v>48</v>
      </c>
      <c r="AD37241">
        <v>49</v>
      </c>
      <c r="AE37241">
        <v>49</v>
      </c>
      <c r="AF37241">
        <v>50</v>
      </c>
      <c r="AG37241">
        <v>51</v>
      </c>
      <c r="AH37241">
        <v>51</v>
      </c>
      <c r="AI37241">
        <v>52</v>
      </c>
      <c r="AJ37241">
        <v>53</v>
      </c>
      <c r="AK37241">
        <v>53</v>
      </c>
      <c r="AL37241">
        <v>53</v>
      </c>
      <c r="AM37241">
        <v>54</v>
      </c>
      <c r="AN37241">
        <v>54</v>
      </c>
      <c r="AO37241">
        <v>54</v>
      </c>
      <c r="AP37241">
        <v>54</v>
      </c>
      <c r="AQ37241">
        <v>54</v>
      </c>
    </row>
    <row r="37242" spans="1:43">
      <c r="A37242" t="s">
        <v>23089</v>
      </c>
      <c r="B37242" t="s">
        <v>23090</v>
      </c>
      <c r="C37242" t="s">
        <v>23087</v>
      </c>
      <c r="D37242" t="s">
        <v>23088</v>
      </c>
      <c r="E37242" t="s">
        <v>23009</v>
      </c>
      <c r="F37242" t="s">
        <v>23010</v>
      </c>
      <c r="G37242" t="s">
        <v>11612</v>
      </c>
      <c r="H37242" t="s">
        <v>11613</v>
      </c>
      <c r="I37242" s="2">
        <v>0</v>
      </c>
      <c r="J37242" s="2">
        <v>0</v>
      </c>
      <c r="K37242" s="2">
        <v>1</v>
      </c>
      <c r="L37242" t="s">
        <v>995</v>
      </c>
      <c r="M37242" t="s">
        <v>83</v>
      </c>
      <c r="N37242" t="s">
        <v>84</v>
      </c>
      <c r="O37242" t="s">
        <v>85</v>
      </c>
      <c r="P37242" t="s">
        <v>86</v>
      </c>
      <c r="Q37242">
        <v>39</v>
      </c>
      <c r="R37242">
        <v>39</v>
      </c>
      <c r="S37242">
        <v>40</v>
      </c>
      <c r="T37242">
        <v>40</v>
      </c>
      <c r="U37242">
        <v>41</v>
      </c>
      <c r="V37242">
        <v>42</v>
      </c>
      <c r="W37242">
        <v>42</v>
      </c>
      <c r="X37242">
        <v>43</v>
      </c>
      <c r="Y37242">
        <v>44</v>
      </c>
      <c r="Z37242">
        <v>44</v>
      </c>
      <c r="AA37242">
        <v>45</v>
      </c>
      <c r="AB37242">
        <v>46</v>
      </c>
      <c r="AC37242">
        <v>46</v>
      </c>
      <c r="AD37242">
        <v>47</v>
      </c>
      <c r="AE37242">
        <v>47</v>
      </c>
      <c r="AF37242">
        <v>48</v>
      </c>
      <c r="AG37242">
        <v>49</v>
      </c>
      <c r="AH37242">
        <v>49</v>
      </c>
      <c r="AI37242">
        <v>50</v>
      </c>
      <c r="AJ37242">
        <v>50</v>
      </c>
      <c r="AK37242">
        <v>51</v>
      </c>
      <c r="AL37242">
        <v>51</v>
      </c>
      <c r="AM37242">
        <v>51</v>
      </c>
      <c r="AN37242">
        <v>51</v>
      </c>
      <c r="AO37242">
        <v>52</v>
      </c>
      <c r="AP37242">
        <v>52</v>
      </c>
      <c r="AQ37242">
        <v>52</v>
      </c>
    </row>
    <row r="37243" spans="1:43">
      <c r="A37243" t="s">
        <v>23089</v>
      </c>
      <c r="B37243" t="s">
        <v>23090</v>
      </c>
      <c r="C37243" t="s">
        <v>23087</v>
      </c>
      <c r="D37243" t="s">
        <v>23088</v>
      </c>
      <c r="E37243" t="s">
        <v>23009</v>
      </c>
      <c r="F37243" t="s">
        <v>23010</v>
      </c>
      <c r="G37243" t="s">
        <v>11612</v>
      </c>
      <c r="H37243" t="s">
        <v>11613</v>
      </c>
      <c r="I37243" s="2">
        <v>0</v>
      </c>
      <c r="J37243" s="2">
        <v>0</v>
      </c>
      <c r="K37243" s="2">
        <v>1</v>
      </c>
      <c r="L37243" t="s">
        <v>995</v>
      </c>
      <c r="M37243" t="s">
        <v>87</v>
      </c>
      <c r="N37243" t="s">
        <v>88</v>
      </c>
      <c r="O37243" t="s">
        <v>85</v>
      </c>
      <c r="P37243" t="s">
        <v>86</v>
      </c>
      <c r="Q37243">
        <v>39</v>
      </c>
      <c r="R37243">
        <v>39</v>
      </c>
      <c r="S37243">
        <v>40</v>
      </c>
      <c r="T37243">
        <v>40</v>
      </c>
      <c r="U37243">
        <v>40</v>
      </c>
      <c r="V37243">
        <v>41</v>
      </c>
      <c r="W37243">
        <v>41</v>
      </c>
      <c r="X37243">
        <v>41</v>
      </c>
      <c r="Y37243">
        <v>41</v>
      </c>
      <c r="Z37243">
        <v>42</v>
      </c>
      <c r="AA37243">
        <v>42</v>
      </c>
      <c r="AB37243">
        <v>42</v>
      </c>
      <c r="AC37243">
        <v>42</v>
      </c>
      <c r="AD37243">
        <v>43</v>
      </c>
      <c r="AE37243">
        <v>43</v>
      </c>
      <c r="AF37243">
        <v>43</v>
      </c>
      <c r="AG37243">
        <v>43</v>
      </c>
      <c r="AH37243">
        <v>44</v>
      </c>
      <c r="AI37243">
        <v>44</v>
      </c>
      <c r="AJ37243">
        <v>44</v>
      </c>
      <c r="AK37243">
        <v>45</v>
      </c>
      <c r="AL37243">
        <v>45</v>
      </c>
      <c r="AM37243">
        <v>45</v>
      </c>
      <c r="AN37243">
        <v>45</v>
      </c>
      <c r="AO37243">
        <v>46</v>
      </c>
      <c r="AP37243">
        <v>46</v>
      </c>
      <c r="AQ37243">
        <v>46</v>
      </c>
    </row>
    <row r="37244" spans="1:43">
      <c r="A37244" t="s">
        <v>23089</v>
      </c>
      <c r="B37244" t="s">
        <v>23090</v>
      </c>
      <c r="C37244" t="s">
        <v>23087</v>
      </c>
      <c r="D37244" t="s">
        <v>23088</v>
      </c>
      <c r="E37244" t="s">
        <v>23009</v>
      </c>
      <c r="F37244" t="s">
        <v>23010</v>
      </c>
      <c r="G37244" t="s">
        <v>11612</v>
      </c>
      <c r="H37244" t="s">
        <v>11613</v>
      </c>
      <c r="I37244" s="2">
        <v>0</v>
      </c>
      <c r="J37244" s="2">
        <v>0</v>
      </c>
      <c r="K37244" s="2">
        <v>1</v>
      </c>
      <c r="L37244" t="s">
        <v>995</v>
      </c>
      <c r="M37244" t="s">
        <v>89</v>
      </c>
      <c r="N37244" t="s">
        <v>90</v>
      </c>
      <c r="O37244" t="s">
        <v>85</v>
      </c>
      <c r="P37244" t="s">
        <v>86</v>
      </c>
      <c r="Q37244">
        <v>39</v>
      </c>
      <c r="R37244">
        <v>40</v>
      </c>
      <c r="S37244">
        <v>41</v>
      </c>
      <c r="T37244">
        <v>42</v>
      </c>
      <c r="U37244">
        <v>43</v>
      </c>
      <c r="V37244">
        <v>44</v>
      </c>
      <c r="W37244">
        <v>45</v>
      </c>
      <c r="X37244">
        <v>45</v>
      </c>
      <c r="Y37244">
        <v>46</v>
      </c>
      <c r="Z37244">
        <v>47</v>
      </c>
      <c r="AA37244">
        <v>48</v>
      </c>
      <c r="AB37244">
        <v>49</v>
      </c>
      <c r="AC37244">
        <v>49</v>
      </c>
      <c r="AD37244">
        <v>50</v>
      </c>
      <c r="AE37244">
        <v>51</v>
      </c>
      <c r="AF37244">
        <v>51</v>
      </c>
      <c r="AG37244">
        <v>51</v>
      </c>
      <c r="AH37244">
        <v>51</v>
      </c>
      <c r="AI37244">
        <v>51</v>
      </c>
      <c r="AJ37244">
        <v>51</v>
      </c>
      <c r="AK37244">
        <v>51</v>
      </c>
      <c r="AL37244">
        <v>52</v>
      </c>
      <c r="AM37244">
        <v>52</v>
      </c>
      <c r="AN37244">
        <v>52</v>
      </c>
      <c r="AO37244">
        <v>52</v>
      </c>
      <c r="AP37244">
        <v>52</v>
      </c>
      <c r="AQ37244">
        <v>52</v>
      </c>
    </row>
    <row r="37245" spans="1:43">
      <c r="A37245" t="s">
        <v>23089</v>
      </c>
      <c r="B37245" t="s">
        <v>23090</v>
      </c>
      <c r="C37245" t="s">
        <v>23087</v>
      </c>
      <c r="D37245" t="s">
        <v>23088</v>
      </c>
      <c r="E37245" t="s">
        <v>23009</v>
      </c>
      <c r="F37245" t="s">
        <v>23010</v>
      </c>
      <c r="G37245" t="s">
        <v>11612</v>
      </c>
      <c r="H37245" t="s">
        <v>11613</v>
      </c>
      <c r="I37245" s="2">
        <v>0</v>
      </c>
      <c r="J37245" s="2">
        <v>0</v>
      </c>
      <c r="K37245" s="2">
        <v>1</v>
      </c>
      <c r="L37245" t="s">
        <v>995</v>
      </c>
      <c r="M37245" t="s">
        <v>83</v>
      </c>
      <c r="N37245" t="s">
        <v>91</v>
      </c>
      <c r="O37245" t="s">
        <v>85</v>
      </c>
      <c r="P37245" t="s">
        <v>86</v>
      </c>
      <c r="Q37245">
        <v>39</v>
      </c>
      <c r="R37245">
        <v>39</v>
      </c>
      <c r="S37245">
        <v>40</v>
      </c>
      <c r="T37245">
        <v>40</v>
      </c>
      <c r="U37245">
        <v>41</v>
      </c>
      <c r="V37245">
        <v>42</v>
      </c>
      <c r="W37245">
        <v>42</v>
      </c>
      <c r="X37245">
        <v>43</v>
      </c>
      <c r="Y37245">
        <v>44</v>
      </c>
      <c r="Z37245">
        <v>44</v>
      </c>
      <c r="AA37245">
        <v>45</v>
      </c>
      <c r="AB37245">
        <v>46</v>
      </c>
      <c r="AC37245">
        <v>46</v>
      </c>
      <c r="AD37245">
        <v>47</v>
      </c>
      <c r="AE37245">
        <v>47</v>
      </c>
      <c r="AF37245">
        <v>48</v>
      </c>
      <c r="AG37245">
        <v>49</v>
      </c>
      <c r="AH37245">
        <v>49</v>
      </c>
      <c r="AI37245">
        <v>50</v>
      </c>
      <c r="AJ37245">
        <v>50</v>
      </c>
      <c r="AK37245">
        <v>51</v>
      </c>
      <c r="AL37245">
        <v>51</v>
      </c>
      <c r="AM37245">
        <v>51</v>
      </c>
      <c r="AN37245">
        <v>51</v>
      </c>
      <c r="AO37245">
        <v>52</v>
      </c>
      <c r="AP37245">
        <v>52</v>
      </c>
      <c r="AQ37245">
        <v>52</v>
      </c>
    </row>
    <row r="37246" spans="1:43">
      <c r="A37246" t="s">
        <v>23091</v>
      </c>
      <c r="B37246" t="s">
        <v>23092</v>
      </c>
      <c r="C37246" t="s">
        <v>23087</v>
      </c>
      <c r="D37246" t="s">
        <v>23088</v>
      </c>
      <c r="E37246" t="s">
        <v>23009</v>
      </c>
      <c r="F37246" t="s">
        <v>23010</v>
      </c>
      <c r="G37246" t="s">
        <v>11612</v>
      </c>
      <c r="H37246" t="s">
        <v>11613</v>
      </c>
      <c r="I37246" s="2">
        <v>0</v>
      </c>
      <c r="J37246" s="2">
        <v>0</v>
      </c>
      <c r="K37246" s="2">
        <v>1</v>
      </c>
      <c r="L37246" t="s">
        <v>995</v>
      </c>
      <c r="M37246" t="s">
        <v>83</v>
      </c>
      <c r="N37246" t="s">
        <v>84</v>
      </c>
      <c r="O37246" t="s">
        <v>85</v>
      </c>
      <c r="P37246" t="s">
        <v>86</v>
      </c>
      <c r="Q37246">
        <v>35</v>
      </c>
      <c r="R37246">
        <v>36</v>
      </c>
      <c r="S37246">
        <v>36</v>
      </c>
      <c r="T37246">
        <v>37</v>
      </c>
      <c r="U37246">
        <v>38</v>
      </c>
      <c r="V37246">
        <v>38</v>
      </c>
      <c r="W37246">
        <v>39</v>
      </c>
      <c r="X37246">
        <v>39</v>
      </c>
      <c r="Y37246">
        <v>40</v>
      </c>
      <c r="Z37246">
        <v>41</v>
      </c>
      <c r="AA37246">
        <v>41</v>
      </c>
      <c r="AB37246">
        <v>42</v>
      </c>
      <c r="AC37246">
        <v>42</v>
      </c>
      <c r="AD37246">
        <v>43</v>
      </c>
      <c r="AE37246">
        <v>43</v>
      </c>
      <c r="AF37246">
        <v>44</v>
      </c>
      <c r="AG37246">
        <v>45</v>
      </c>
      <c r="AH37246">
        <v>45</v>
      </c>
      <c r="AI37246">
        <v>46</v>
      </c>
      <c r="AJ37246">
        <v>46</v>
      </c>
      <c r="AK37246">
        <v>47</v>
      </c>
      <c r="AL37246">
        <v>47</v>
      </c>
      <c r="AM37246">
        <v>47</v>
      </c>
      <c r="AN37246">
        <v>47</v>
      </c>
      <c r="AO37246">
        <v>47</v>
      </c>
      <c r="AP37246">
        <v>48</v>
      </c>
      <c r="AQ37246">
        <v>48</v>
      </c>
    </row>
    <row r="37247" spans="1:43">
      <c r="A37247" t="s">
        <v>23091</v>
      </c>
      <c r="B37247" t="s">
        <v>23092</v>
      </c>
      <c r="C37247" t="s">
        <v>23087</v>
      </c>
      <c r="D37247" t="s">
        <v>23088</v>
      </c>
      <c r="E37247" t="s">
        <v>23009</v>
      </c>
      <c r="F37247" t="s">
        <v>23010</v>
      </c>
      <c r="G37247" t="s">
        <v>11612</v>
      </c>
      <c r="H37247" t="s">
        <v>11613</v>
      </c>
      <c r="I37247" s="2">
        <v>0</v>
      </c>
      <c r="J37247" s="2">
        <v>0</v>
      </c>
      <c r="K37247" s="2">
        <v>1</v>
      </c>
      <c r="L37247" t="s">
        <v>995</v>
      </c>
      <c r="M37247" t="s">
        <v>87</v>
      </c>
      <c r="N37247" t="s">
        <v>88</v>
      </c>
      <c r="O37247" t="s">
        <v>85</v>
      </c>
      <c r="P37247" t="s">
        <v>86</v>
      </c>
      <c r="Q37247">
        <v>35</v>
      </c>
      <c r="R37247">
        <v>35</v>
      </c>
      <c r="S37247">
        <v>35</v>
      </c>
      <c r="T37247">
        <v>36</v>
      </c>
      <c r="U37247">
        <v>36</v>
      </c>
      <c r="V37247">
        <v>36</v>
      </c>
      <c r="W37247">
        <v>36</v>
      </c>
      <c r="X37247">
        <v>37</v>
      </c>
      <c r="Y37247">
        <v>37</v>
      </c>
      <c r="Z37247">
        <v>37</v>
      </c>
      <c r="AA37247">
        <v>37</v>
      </c>
      <c r="AB37247">
        <v>38</v>
      </c>
      <c r="AC37247">
        <v>38</v>
      </c>
      <c r="AD37247">
        <v>38</v>
      </c>
      <c r="AE37247">
        <v>38</v>
      </c>
      <c r="AF37247">
        <v>39</v>
      </c>
      <c r="AG37247">
        <v>39</v>
      </c>
      <c r="AH37247">
        <v>39</v>
      </c>
      <c r="AI37247">
        <v>39</v>
      </c>
      <c r="AJ37247">
        <v>40</v>
      </c>
      <c r="AK37247">
        <v>40</v>
      </c>
      <c r="AL37247">
        <v>40</v>
      </c>
      <c r="AM37247">
        <v>40</v>
      </c>
      <c r="AN37247">
        <v>41</v>
      </c>
      <c r="AO37247">
        <v>41</v>
      </c>
      <c r="AP37247">
        <v>41</v>
      </c>
      <c r="AQ37247">
        <v>41</v>
      </c>
    </row>
    <row r="37248" spans="1:43">
      <c r="A37248" t="s">
        <v>23091</v>
      </c>
      <c r="B37248" t="s">
        <v>23092</v>
      </c>
      <c r="C37248" t="s">
        <v>23087</v>
      </c>
      <c r="D37248" t="s">
        <v>23088</v>
      </c>
      <c r="E37248" t="s">
        <v>23009</v>
      </c>
      <c r="F37248" t="s">
        <v>23010</v>
      </c>
      <c r="G37248" t="s">
        <v>11612</v>
      </c>
      <c r="H37248" t="s">
        <v>11613</v>
      </c>
      <c r="I37248" s="2">
        <v>0</v>
      </c>
      <c r="J37248" s="2">
        <v>0</v>
      </c>
      <c r="K37248" s="2">
        <v>1</v>
      </c>
      <c r="L37248" t="s">
        <v>995</v>
      </c>
      <c r="M37248" t="s">
        <v>89</v>
      </c>
      <c r="N37248" t="s">
        <v>90</v>
      </c>
      <c r="O37248" t="s">
        <v>85</v>
      </c>
      <c r="P37248" t="s">
        <v>86</v>
      </c>
      <c r="Q37248">
        <v>35</v>
      </c>
      <c r="R37248">
        <v>35</v>
      </c>
      <c r="S37248">
        <v>36</v>
      </c>
      <c r="T37248">
        <v>37</v>
      </c>
      <c r="U37248">
        <v>38</v>
      </c>
      <c r="V37248">
        <v>39</v>
      </c>
      <c r="W37248">
        <v>40</v>
      </c>
      <c r="X37248">
        <v>41</v>
      </c>
      <c r="Y37248">
        <v>41</v>
      </c>
      <c r="Z37248">
        <v>42</v>
      </c>
      <c r="AA37248">
        <v>43</v>
      </c>
      <c r="AB37248">
        <v>43</v>
      </c>
      <c r="AC37248">
        <v>44</v>
      </c>
      <c r="AD37248">
        <v>45</v>
      </c>
      <c r="AE37248">
        <v>45</v>
      </c>
      <c r="AF37248">
        <v>46</v>
      </c>
      <c r="AG37248">
        <v>46</v>
      </c>
      <c r="AH37248">
        <v>46</v>
      </c>
      <c r="AI37248">
        <v>46</v>
      </c>
      <c r="AJ37248">
        <v>46</v>
      </c>
      <c r="AK37248">
        <v>46</v>
      </c>
      <c r="AL37248">
        <v>46</v>
      </c>
      <c r="AM37248">
        <v>47</v>
      </c>
      <c r="AN37248">
        <v>47</v>
      </c>
      <c r="AO37248">
        <v>47</v>
      </c>
      <c r="AP37248">
        <v>47</v>
      </c>
      <c r="AQ37248">
        <v>47</v>
      </c>
    </row>
    <row r="37249" spans="1:43">
      <c r="A37249" t="s">
        <v>23091</v>
      </c>
      <c r="B37249" t="s">
        <v>23092</v>
      </c>
      <c r="C37249" t="s">
        <v>23087</v>
      </c>
      <c r="D37249" t="s">
        <v>23088</v>
      </c>
      <c r="E37249" t="s">
        <v>23009</v>
      </c>
      <c r="F37249" t="s">
        <v>23010</v>
      </c>
      <c r="G37249" t="s">
        <v>11612</v>
      </c>
      <c r="H37249" t="s">
        <v>11613</v>
      </c>
      <c r="I37249" s="2">
        <v>0</v>
      </c>
      <c r="J37249" s="2">
        <v>0</v>
      </c>
      <c r="K37249" s="2">
        <v>1</v>
      </c>
      <c r="L37249" t="s">
        <v>995</v>
      </c>
      <c r="M37249" t="s">
        <v>83</v>
      </c>
      <c r="N37249" t="s">
        <v>91</v>
      </c>
      <c r="O37249" t="s">
        <v>85</v>
      </c>
      <c r="P37249" t="s">
        <v>86</v>
      </c>
      <c r="Q37249">
        <v>35</v>
      </c>
      <c r="R37249">
        <v>36</v>
      </c>
      <c r="S37249">
        <v>36</v>
      </c>
      <c r="T37249">
        <v>37</v>
      </c>
      <c r="U37249">
        <v>38</v>
      </c>
      <c r="V37249">
        <v>38</v>
      </c>
      <c r="W37249">
        <v>39</v>
      </c>
      <c r="X37249">
        <v>39</v>
      </c>
      <c r="Y37249">
        <v>40</v>
      </c>
      <c r="Z37249">
        <v>41</v>
      </c>
      <c r="AA37249">
        <v>41</v>
      </c>
      <c r="AB37249">
        <v>42</v>
      </c>
      <c r="AC37249">
        <v>42</v>
      </c>
      <c r="AD37249">
        <v>43</v>
      </c>
      <c r="AE37249">
        <v>43</v>
      </c>
      <c r="AF37249">
        <v>44</v>
      </c>
      <c r="AG37249">
        <v>45</v>
      </c>
      <c r="AH37249">
        <v>45</v>
      </c>
      <c r="AI37249">
        <v>46</v>
      </c>
      <c r="AJ37249">
        <v>46</v>
      </c>
      <c r="AK37249">
        <v>47</v>
      </c>
      <c r="AL37249">
        <v>47</v>
      </c>
      <c r="AM37249">
        <v>47</v>
      </c>
      <c r="AN37249">
        <v>47</v>
      </c>
      <c r="AO37249">
        <v>47</v>
      </c>
      <c r="AP37249">
        <v>48</v>
      </c>
      <c r="AQ37249">
        <v>48</v>
      </c>
    </row>
    <row r="37250" spans="1:43">
      <c r="A37250" t="s">
        <v>23093</v>
      </c>
      <c r="B37250" t="s">
        <v>23094</v>
      </c>
      <c r="C37250" t="s">
        <v>23087</v>
      </c>
      <c r="D37250" t="s">
        <v>23088</v>
      </c>
      <c r="E37250" t="s">
        <v>23009</v>
      </c>
      <c r="F37250" t="s">
        <v>23010</v>
      </c>
      <c r="G37250" t="s">
        <v>11612</v>
      </c>
      <c r="H37250" t="s">
        <v>11613</v>
      </c>
      <c r="I37250" s="2">
        <v>0</v>
      </c>
      <c r="J37250" s="2">
        <v>0</v>
      </c>
      <c r="K37250" s="2">
        <v>1</v>
      </c>
      <c r="L37250" t="s">
        <v>995</v>
      </c>
      <c r="M37250" t="s">
        <v>83</v>
      </c>
      <c r="N37250" t="s">
        <v>84</v>
      </c>
      <c r="O37250" t="s">
        <v>85</v>
      </c>
      <c r="P37250" t="s">
        <v>86</v>
      </c>
      <c r="Q37250">
        <v>213</v>
      </c>
      <c r="R37250">
        <v>216</v>
      </c>
      <c r="S37250">
        <v>220</v>
      </c>
      <c r="T37250">
        <v>223</v>
      </c>
      <c r="U37250">
        <v>227</v>
      </c>
      <c r="V37250">
        <v>230</v>
      </c>
      <c r="W37250">
        <v>234</v>
      </c>
      <c r="X37250">
        <v>238</v>
      </c>
      <c r="Y37250">
        <v>241</v>
      </c>
      <c r="Z37250">
        <v>245</v>
      </c>
      <c r="AA37250">
        <v>248</v>
      </c>
      <c r="AB37250">
        <v>252</v>
      </c>
      <c r="AC37250">
        <v>255</v>
      </c>
      <c r="AD37250">
        <v>258</v>
      </c>
      <c r="AE37250">
        <v>262</v>
      </c>
      <c r="AF37250">
        <v>265</v>
      </c>
      <c r="AG37250">
        <v>269</v>
      </c>
      <c r="AH37250">
        <v>272</v>
      </c>
      <c r="AI37250">
        <v>275</v>
      </c>
      <c r="AJ37250">
        <v>279</v>
      </c>
      <c r="AK37250">
        <v>282</v>
      </c>
      <c r="AL37250">
        <v>284</v>
      </c>
      <c r="AM37250">
        <v>284</v>
      </c>
      <c r="AN37250">
        <v>285</v>
      </c>
      <c r="AO37250">
        <v>286</v>
      </c>
      <c r="AP37250">
        <v>287</v>
      </c>
      <c r="AQ37250">
        <v>288</v>
      </c>
    </row>
    <row r="37251" spans="1:43">
      <c r="A37251" t="s">
        <v>23093</v>
      </c>
      <c r="B37251" t="s">
        <v>23094</v>
      </c>
      <c r="C37251" t="s">
        <v>23087</v>
      </c>
      <c r="D37251" t="s">
        <v>23088</v>
      </c>
      <c r="E37251" t="s">
        <v>23009</v>
      </c>
      <c r="F37251" t="s">
        <v>23010</v>
      </c>
      <c r="G37251" t="s">
        <v>11612</v>
      </c>
      <c r="H37251" t="s">
        <v>11613</v>
      </c>
      <c r="I37251" s="2">
        <v>0</v>
      </c>
      <c r="J37251" s="2">
        <v>0</v>
      </c>
      <c r="K37251" s="2">
        <v>1</v>
      </c>
      <c r="L37251" t="s">
        <v>995</v>
      </c>
      <c r="M37251" t="s">
        <v>87</v>
      </c>
      <c r="N37251" t="s">
        <v>88</v>
      </c>
      <c r="O37251" t="s">
        <v>85</v>
      </c>
      <c r="P37251" t="s">
        <v>86</v>
      </c>
      <c r="Q37251">
        <v>213</v>
      </c>
      <c r="R37251">
        <v>214</v>
      </c>
      <c r="S37251">
        <v>216</v>
      </c>
      <c r="T37251">
        <v>217</v>
      </c>
      <c r="U37251">
        <v>219</v>
      </c>
      <c r="V37251">
        <v>220</v>
      </c>
      <c r="W37251">
        <v>222</v>
      </c>
      <c r="X37251">
        <v>223</v>
      </c>
      <c r="Y37251">
        <v>225</v>
      </c>
      <c r="Z37251">
        <v>226</v>
      </c>
      <c r="AA37251">
        <v>228</v>
      </c>
      <c r="AB37251">
        <v>229</v>
      </c>
      <c r="AC37251">
        <v>231</v>
      </c>
      <c r="AD37251">
        <v>232</v>
      </c>
      <c r="AE37251">
        <v>234</v>
      </c>
      <c r="AF37251">
        <v>235</v>
      </c>
      <c r="AG37251">
        <v>237</v>
      </c>
      <c r="AH37251">
        <v>238</v>
      </c>
      <c r="AI37251">
        <v>240</v>
      </c>
      <c r="AJ37251">
        <v>241</v>
      </c>
      <c r="AK37251">
        <v>243</v>
      </c>
      <c r="AL37251">
        <v>244</v>
      </c>
      <c r="AM37251">
        <v>246</v>
      </c>
      <c r="AN37251">
        <v>247</v>
      </c>
      <c r="AO37251">
        <v>249</v>
      </c>
      <c r="AP37251">
        <v>250</v>
      </c>
      <c r="AQ37251">
        <v>252</v>
      </c>
    </row>
    <row r="37252" spans="1:43">
      <c r="A37252" t="s">
        <v>23093</v>
      </c>
      <c r="B37252" t="s">
        <v>23094</v>
      </c>
      <c r="C37252" t="s">
        <v>23087</v>
      </c>
      <c r="D37252" t="s">
        <v>23088</v>
      </c>
      <c r="E37252" t="s">
        <v>23009</v>
      </c>
      <c r="F37252" t="s">
        <v>23010</v>
      </c>
      <c r="G37252" t="s">
        <v>11612</v>
      </c>
      <c r="H37252" t="s">
        <v>11613</v>
      </c>
      <c r="I37252" s="2">
        <v>0</v>
      </c>
      <c r="J37252" s="2">
        <v>0</v>
      </c>
      <c r="K37252" s="2">
        <v>1</v>
      </c>
      <c r="L37252" t="s">
        <v>995</v>
      </c>
      <c r="M37252" t="s">
        <v>89</v>
      </c>
      <c r="N37252" t="s">
        <v>90</v>
      </c>
      <c r="O37252" t="s">
        <v>85</v>
      </c>
      <c r="P37252" t="s">
        <v>86</v>
      </c>
      <c r="Q37252">
        <v>213</v>
      </c>
      <c r="R37252">
        <v>218</v>
      </c>
      <c r="S37252">
        <v>223</v>
      </c>
      <c r="T37252">
        <v>229</v>
      </c>
      <c r="U37252">
        <v>234</v>
      </c>
      <c r="V37252">
        <v>239</v>
      </c>
      <c r="W37252">
        <v>244</v>
      </c>
      <c r="X37252">
        <v>249</v>
      </c>
      <c r="Y37252">
        <v>253</v>
      </c>
      <c r="Z37252">
        <v>258</v>
      </c>
      <c r="AA37252">
        <v>262</v>
      </c>
      <c r="AB37252">
        <v>266</v>
      </c>
      <c r="AC37252">
        <v>271</v>
      </c>
      <c r="AD37252">
        <v>275</v>
      </c>
      <c r="AE37252">
        <v>278</v>
      </c>
      <c r="AF37252">
        <v>279</v>
      </c>
      <c r="AG37252">
        <v>280</v>
      </c>
      <c r="AH37252">
        <v>281</v>
      </c>
      <c r="AI37252">
        <v>282</v>
      </c>
      <c r="AJ37252">
        <v>283</v>
      </c>
      <c r="AK37252">
        <v>284</v>
      </c>
      <c r="AL37252">
        <v>284</v>
      </c>
      <c r="AM37252">
        <v>285</v>
      </c>
      <c r="AN37252">
        <v>286</v>
      </c>
      <c r="AO37252">
        <v>287</v>
      </c>
      <c r="AP37252">
        <v>287</v>
      </c>
      <c r="AQ37252">
        <v>288</v>
      </c>
    </row>
    <row r="37253" spans="1:43">
      <c r="A37253" t="s">
        <v>23093</v>
      </c>
      <c r="B37253" t="s">
        <v>23094</v>
      </c>
      <c r="C37253" t="s">
        <v>23087</v>
      </c>
      <c r="D37253" t="s">
        <v>23088</v>
      </c>
      <c r="E37253" t="s">
        <v>23009</v>
      </c>
      <c r="F37253" t="s">
        <v>23010</v>
      </c>
      <c r="G37253" t="s">
        <v>11612</v>
      </c>
      <c r="H37253" t="s">
        <v>11613</v>
      </c>
      <c r="I37253" s="2">
        <v>0</v>
      </c>
      <c r="J37253" s="2">
        <v>0</v>
      </c>
      <c r="K37253" s="2">
        <v>1</v>
      </c>
      <c r="L37253" t="s">
        <v>995</v>
      </c>
      <c r="M37253" t="s">
        <v>83</v>
      </c>
      <c r="N37253" t="s">
        <v>91</v>
      </c>
      <c r="O37253" t="s">
        <v>85</v>
      </c>
      <c r="P37253" t="s">
        <v>86</v>
      </c>
      <c r="Q37253">
        <v>213</v>
      </c>
      <c r="R37253">
        <v>216</v>
      </c>
      <c r="S37253">
        <v>220</v>
      </c>
      <c r="T37253">
        <v>223</v>
      </c>
      <c r="U37253">
        <v>227</v>
      </c>
      <c r="V37253">
        <v>230</v>
      </c>
      <c r="W37253">
        <v>234</v>
      </c>
      <c r="X37253">
        <v>238</v>
      </c>
      <c r="Y37253">
        <v>241</v>
      </c>
      <c r="Z37253">
        <v>245</v>
      </c>
      <c r="AA37253">
        <v>248</v>
      </c>
      <c r="AB37253">
        <v>252</v>
      </c>
      <c r="AC37253">
        <v>255</v>
      </c>
      <c r="AD37253">
        <v>258</v>
      </c>
      <c r="AE37253">
        <v>262</v>
      </c>
      <c r="AF37253">
        <v>265</v>
      </c>
      <c r="AG37253">
        <v>269</v>
      </c>
      <c r="AH37253">
        <v>272</v>
      </c>
      <c r="AI37253">
        <v>275</v>
      </c>
      <c r="AJ37253">
        <v>279</v>
      </c>
      <c r="AK37253">
        <v>282</v>
      </c>
      <c r="AL37253">
        <v>284</v>
      </c>
      <c r="AM37253">
        <v>284</v>
      </c>
      <c r="AN37253">
        <v>285</v>
      </c>
      <c r="AO37253">
        <v>286</v>
      </c>
      <c r="AP37253">
        <v>287</v>
      </c>
      <c r="AQ37253">
        <v>288</v>
      </c>
    </row>
    <row r="37254" spans="1:43">
      <c r="A37254" t="s">
        <v>23095</v>
      </c>
      <c r="B37254" t="s">
        <v>23096</v>
      </c>
      <c r="C37254" t="s">
        <v>23097</v>
      </c>
      <c r="D37254" t="s">
        <v>23098</v>
      </c>
      <c r="E37254" t="s">
        <v>23009</v>
      </c>
      <c r="F37254" t="s">
        <v>23010</v>
      </c>
      <c r="G37254" t="s">
        <v>11612</v>
      </c>
      <c r="H37254" t="s">
        <v>11613</v>
      </c>
      <c r="I37254" s="2">
        <v>0</v>
      </c>
      <c r="J37254" s="2">
        <v>0</v>
      </c>
      <c r="K37254" s="2">
        <v>1</v>
      </c>
      <c r="L37254" t="s">
        <v>995</v>
      </c>
      <c r="M37254" t="s">
        <v>83</v>
      </c>
      <c r="N37254" t="s">
        <v>84</v>
      </c>
      <c r="O37254" t="s">
        <v>85</v>
      </c>
      <c r="P37254" t="s">
        <v>86</v>
      </c>
      <c r="Q37254">
        <v>36</v>
      </c>
      <c r="R37254">
        <v>37</v>
      </c>
      <c r="S37254">
        <v>37</v>
      </c>
      <c r="T37254">
        <v>38</v>
      </c>
      <c r="U37254">
        <v>39</v>
      </c>
      <c r="V37254">
        <v>39</v>
      </c>
      <c r="W37254">
        <v>40</v>
      </c>
      <c r="X37254">
        <v>40</v>
      </c>
      <c r="Y37254">
        <v>41</v>
      </c>
      <c r="Z37254">
        <v>42</v>
      </c>
      <c r="AA37254">
        <v>42</v>
      </c>
      <c r="AB37254">
        <v>43</v>
      </c>
      <c r="AC37254">
        <v>43</v>
      </c>
      <c r="AD37254">
        <v>44</v>
      </c>
      <c r="AE37254">
        <v>44</v>
      </c>
      <c r="AF37254">
        <v>45</v>
      </c>
      <c r="AG37254">
        <v>45</v>
      </c>
      <c r="AH37254">
        <v>46</v>
      </c>
      <c r="AI37254">
        <v>47</v>
      </c>
      <c r="AJ37254">
        <v>47</v>
      </c>
      <c r="AK37254">
        <v>48</v>
      </c>
      <c r="AL37254">
        <v>48</v>
      </c>
      <c r="AM37254">
        <v>48</v>
      </c>
      <c r="AN37254">
        <v>48</v>
      </c>
      <c r="AO37254">
        <v>48</v>
      </c>
      <c r="AP37254">
        <v>48</v>
      </c>
      <c r="AQ37254">
        <v>48</v>
      </c>
    </row>
    <row r="37255" spans="1:43">
      <c r="A37255" t="s">
        <v>23095</v>
      </c>
      <c r="B37255" t="s">
        <v>23096</v>
      </c>
      <c r="C37255" t="s">
        <v>23097</v>
      </c>
      <c r="D37255" t="s">
        <v>23098</v>
      </c>
      <c r="E37255" t="s">
        <v>23009</v>
      </c>
      <c r="F37255" t="s">
        <v>23010</v>
      </c>
      <c r="G37255" t="s">
        <v>11612</v>
      </c>
      <c r="H37255" t="s">
        <v>11613</v>
      </c>
      <c r="I37255" s="2">
        <v>0</v>
      </c>
      <c r="J37255" s="2">
        <v>0</v>
      </c>
      <c r="K37255" s="2">
        <v>1</v>
      </c>
      <c r="L37255" t="s">
        <v>995</v>
      </c>
      <c r="M37255" t="s">
        <v>87</v>
      </c>
      <c r="N37255" t="s">
        <v>88</v>
      </c>
      <c r="O37255" t="s">
        <v>85</v>
      </c>
      <c r="P37255" t="s">
        <v>86</v>
      </c>
      <c r="Q37255">
        <v>36</v>
      </c>
      <c r="R37255">
        <v>36</v>
      </c>
      <c r="S37255">
        <v>36</v>
      </c>
      <c r="T37255">
        <v>37</v>
      </c>
      <c r="U37255">
        <v>37</v>
      </c>
      <c r="V37255">
        <v>37</v>
      </c>
      <c r="W37255">
        <v>37</v>
      </c>
      <c r="X37255">
        <v>38</v>
      </c>
      <c r="Y37255">
        <v>38</v>
      </c>
      <c r="Z37255">
        <v>38</v>
      </c>
      <c r="AA37255">
        <v>38</v>
      </c>
      <c r="AB37255">
        <v>39</v>
      </c>
      <c r="AC37255">
        <v>39</v>
      </c>
      <c r="AD37255">
        <v>39</v>
      </c>
      <c r="AE37255">
        <v>39</v>
      </c>
      <c r="AF37255">
        <v>39</v>
      </c>
      <c r="AG37255">
        <v>40</v>
      </c>
      <c r="AH37255">
        <v>40</v>
      </c>
      <c r="AI37255">
        <v>40</v>
      </c>
      <c r="AJ37255">
        <v>40</v>
      </c>
      <c r="AK37255">
        <v>41</v>
      </c>
      <c r="AL37255">
        <v>41</v>
      </c>
      <c r="AM37255">
        <v>41</v>
      </c>
      <c r="AN37255">
        <v>41</v>
      </c>
      <c r="AO37255">
        <v>42</v>
      </c>
      <c r="AP37255">
        <v>42</v>
      </c>
      <c r="AQ37255">
        <v>42</v>
      </c>
    </row>
    <row r="37256" spans="1:43">
      <c r="A37256" t="s">
        <v>23095</v>
      </c>
      <c r="B37256" t="s">
        <v>23096</v>
      </c>
      <c r="C37256" t="s">
        <v>23097</v>
      </c>
      <c r="D37256" t="s">
        <v>23098</v>
      </c>
      <c r="E37256" t="s">
        <v>23009</v>
      </c>
      <c r="F37256" t="s">
        <v>23010</v>
      </c>
      <c r="G37256" t="s">
        <v>11612</v>
      </c>
      <c r="H37256" t="s">
        <v>11613</v>
      </c>
      <c r="I37256" s="2">
        <v>0</v>
      </c>
      <c r="J37256" s="2">
        <v>0</v>
      </c>
      <c r="K37256" s="2">
        <v>1</v>
      </c>
      <c r="L37256" t="s">
        <v>995</v>
      </c>
      <c r="M37256" t="s">
        <v>89</v>
      </c>
      <c r="N37256" t="s">
        <v>90</v>
      </c>
      <c r="O37256" t="s">
        <v>85</v>
      </c>
      <c r="P37256" t="s">
        <v>86</v>
      </c>
      <c r="Q37256">
        <v>36</v>
      </c>
      <c r="R37256">
        <v>36</v>
      </c>
      <c r="S37256">
        <v>37</v>
      </c>
      <c r="T37256">
        <v>38</v>
      </c>
      <c r="U37256">
        <v>39</v>
      </c>
      <c r="V37256">
        <v>40</v>
      </c>
      <c r="W37256">
        <v>41</v>
      </c>
      <c r="X37256">
        <v>42</v>
      </c>
      <c r="Y37256">
        <v>42</v>
      </c>
      <c r="Z37256">
        <v>43</v>
      </c>
      <c r="AA37256">
        <v>44</v>
      </c>
      <c r="AB37256">
        <v>45</v>
      </c>
      <c r="AC37256">
        <v>45</v>
      </c>
      <c r="AD37256">
        <v>46</v>
      </c>
      <c r="AE37256">
        <v>47</v>
      </c>
      <c r="AF37256">
        <v>47</v>
      </c>
      <c r="AG37256">
        <v>47</v>
      </c>
      <c r="AH37256">
        <v>47</v>
      </c>
      <c r="AI37256">
        <v>47</v>
      </c>
      <c r="AJ37256">
        <v>47</v>
      </c>
      <c r="AK37256">
        <v>47</v>
      </c>
      <c r="AL37256">
        <v>47</v>
      </c>
      <c r="AM37256">
        <v>47</v>
      </c>
      <c r="AN37256">
        <v>47</v>
      </c>
      <c r="AO37256">
        <v>47</v>
      </c>
      <c r="AP37256">
        <v>47</v>
      </c>
      <c r="AQ37256">
        <v>48</v>
      </c>
    </row>
    <row r="37257" spans="1:43">
      <c r="A37257" t="s">
        <v>23095</v>
      </c>
      <c r="B37257" t="s">
        <v>23096</v>
      </c>
      <c r="C37257" t="s">
        <v>23097</v>
      </c>
      <c r="D37257" t="s">
        <v>23098</v>
      </c>
      <c r="E37257" t="s">
        <v>23009</v>
      </c>
      <c r="F37257" t="s">
        <v>23010</v>
      </c>
      <c r="G37257" t="s">
        <v>11612</v>
      </c>
      <c r="H37257" t="s">
        <v>11613</v>
      </c>
      <c r="I37257" s="2">
        <v>0</v>
      </c>
      <c r="J37257" s="2">
        <v>0</v>
      </c>
      <c r="K37257" s="2">
        <v>1</v>
      </c>
      <c r="L37257" t="s">
        <v>995</v>
      </c>
      <c r="M37257" t="s">
        <v>83</v>
      </c>
      <c r="N37257" t="s">
        <v>91</v>
      </c>
      <c r="O37257" t="s">
        <v>85</v>
      </c>
      <c r="P37257" t="s">
        <v>86</v>
      </c>
      <c r="Q37257">
        <v>36</v>
      </c>
      <c r="R37257">
        <v>37</v>
      </c>
      <c r="S37257">
        <v>37</v>
      </c>
      <c r="T37257">
        <v>38</v>
      </c>
      <c r="U37257">
        <v>39</v>
      </c>
      <c r="V37257">
        <v>39</v>
      </c>
      <c r="W37257">
        <v>40</v>
      </c>
      <c r="X37257">
        <v>40</v>
      </c>
      <c r="Y37257">
        <v>41</v>
      </c>
      <c r="Z37257">
        <v>42</v>
      </c>
      <c r="AA37257">
        <v>42</v>
      </c>
      <c r="AB37257">
        <v>43</v>
      </c>
      <c r="AC37257">
        <v>43</v>
      </c>
      <c r="AD37257">
        <v>44</v>
      </c>
      <c r="AE37257">
        <v>44</v>
      </c>
      <c r="AF37257">
        <v>45</v>
      </c>
      <c r="AG37257">
        <v>45</v>
      </c>
      <c r="AH37257">
        <v>46</v>
      </c>
      <c r="AI37257">
        <v>47</v>
      </c>
      <c r="AJ37257">
        <v>47</v>
      </c>
      <c r="AK37257">
        <v>48</v>
      </c>
      <c r="AL37257">
        <v>48</v>
      </c>
      <c r="AM37257">
        <v>48</v>
      </c>
      <c r="AN37257">
        <v>48</v>
      </c>
      <c r="AO37257">
        <v>48</v>
      </c>
      <c r="AP37257">
        <v>48</v>
      </c>
      <c r="AQ37257">
        <v>48</v>
      </c>
    </row>
    <row r="37258" spans="1:43">
      <c r="A37258" t="s">
        <v>23099</v>
      </c>
      <c r="B37258" t="s">
        <v>23100</v>
      </c>
      <c r="C37258" t="s">
        <v>23097</v>
      </c>
      <c r="D37258" t="s">
        <v>23098</v>
      </c>
      <c r="E37258" t="s">
        <v>23009</v>
      </c>
      <c r="F37258" t="s">
        <v>23010</v>
      </c>
      <c r="G37258" t="s">
        <v>11612</v>
      </c>
      <c r="H37258" t="s">
        <v>11613</v>
      </c>
      <c r="I37258" s="2">
        <v>0</v>
      </c>
      <c r="J37258" s="2">
        <v>0</v>
      </c>
      <c r="K37258" s="2">
        <v>1</v>
      </c>
      <c r="L37258" t="s">
        <v>995</v>
      </c>
      <c r="M37258" t="s">
        <v>83</v>
      </c>
      <c r="N37258" t="s">
        <v>84</v>
      </c>
      <c r="O37258" t="s">
        <v>85</v>
      </c>
      <c r="P37258" t="s">
        <v>86</v>
      </c>
      <c r="Q37258">
        <v>27</v>
      </c>
      <c r="R37258">
        <v>27</v>
      </c>
      <c r="S37258">
        <v>28</v>
      </c>
      <c r="T37258">
        <v>28</v>
      </c>
      <c r="U37258">
        <v>29</v>
      </c>
      <c r="V37258">
        <v>29</v>
      </c>
      <c r="W37258">
        <v>29</v>
      </c>
      <c r="X37258">
        <v>30</v>
      </c>
      <c r="Y37258">
        <v>30</v>
      </c>
      <c r="Z37258">
        <v>31</v>
      </c>
      <c r="AA37258">
        <v>31</v>
      </c>
      <c r="AB37258">
        <v>32</v>
      </c>
      <c r="AC37258">
        <v>32</v>
      </c>
      <c r="AD37258">
        <v>32</v>
      </c>
      <c r="AE37258">
        <v>33</v>
      </c>
      <c r="AF37258">
        <v>33</v>
      </c>
      <c r="AG37258">
        <v>34</v>
      </c>
      <c r="AH37258">
        <v>34</v>
      </c>
      <c r="AI37258">
        <v>34</v>
      </c>
      <c r="AJ37258">
        <v>35</v>
      </c>
      <c r="AK37258">
        <v>35</v>
      </c>
      <c r="AL37258">
        <v>35</v>
      </c>
      <c r="AM37258">
        <v>36</v>
      </c>
      <c r="AN37258">
        <v>36</v>
      </c>
      <c r="AO37258">
        <v>36</v>
      </c>
      <c r="AP37258">
        <v>36</v>
      </c>
      <c r="AQ37258">
        <v>36</v>
      </c>
    </row>
    <row r="37259" spans="1:43">
      <c r="A37259" t="s">
        <v>23099</v>
      </c>
      <c r="B37259" t="s">
        <v>23100</v>
      </c>
      <c r="C37259" t="s">
        <v>23097</v>
      </c>
      <c r="D37259" t="s">
        <v>23098</v>
      </c>
      <c r="E37259" t="s">
        <v>23009</v>
      </c>
      <c r="F37259" t="s">
        <v>23010</v>
      </c>
      <c r="G37259" t="s">
        <v>11612</v>
      </c>
      <c r="H37259" t="s">
        <v>11613</v>
      </c>
      <c r="I37259" s="2">
        <v>0</v>
      </c>
      <c r="J37259" s="2">
        <v>0</v>
      </c>
      <c r="K37259" s="2">
        <v>1</v>
      </c>
      <c r="L37259" t="s">
        <v>995</v>
      </c>
      <c r="M37259" t="s">
        <v>87</v>
      </c>
      <c r="N37259" t="s">
        <v>88</v>
      </c>
      <c r="O37259" t="s">
        <v>85</v>
      </c>
      <c r="P37259" t="s">
        <v>86</v>
      </c>
      <c r="Q37259">
        <v>27</v>
      </c>
      <c r="R37259">
        <v>27</v>
      </c>
      <c r="S37259">
        <v>27</v>
      </c>
      <c r="T37259">
        <v>27</v>
      </c>
      <c r="U37259">
        <v>27</v>
      </c>
      <c r="V37259">
        <v>27</v>
      </c>
      <c r="W37259">
        <v>28</v>
      </c>
      <c r="X37259">
        <v>28</v>
      </c>
      <c r="Y37259">
        <v>28</v>
      </c>
      <c r="Z37259">
        <v>28</v>
      </c>
      <c r="AA37259">
        <v>28</v>
      </c>
      <c r="AB37259">
        <v>29</v>
      </c>
      <c r="AC37259">
        <v>29</v>
      </c>
      <c r="AD37259">
        <v>29</v>
      </c>
      <c r="AE37259">
        <v>29</v>
      </c>
      <c r="AF37259">
        <v>29</v>
      </c>
      <c r="AG37259">
        <v>29</v>
      </c>
      <c r="AH37259">
        <v>30</v>
      </c>
      <c r="AI37259">
        <v>30</v>
      </c>
      <c r="AJ37259">
        <v>30</v>
      </c>
      <c r="AK37259">
        <v>30</v>
      </c>
      <c r="AL37259">
        <v>30</v>
      </c>
      <c r="AM37259">
        <v>30</v>
      </c>
      <c r="AN37259">
        <v>31</v>
      </c>
      <c r="AO37259">
        <v>31</v>
      </c>
      <c r="AP37259">
        <v>31</v>
      </c>
      <c r="AQ37259">
        <v>31</v>
      </c>
    </row>
    <row r="37260" spans="1:43">
      <c r="A37260" t="s">
        <v>23099</v>
      </c>
      <c r="B37260" t="s">
        <v>23100</v>
      </c>
      <c r="C37260" t="s">
        <v>23097</v>
      </c>
      <c r="D37260" t="s">
        <v>23098</v>
      </c>
      <c r="E37260" t="s">
        <v>23009</v>
      </c>
      <c r="F37260" t="s">
        <v>23010</v>
      </c>
      <c r="G37260" t="s">
        <v>11612</v>
      </c>
      <c r="H37260" t="s">
        <v>11613</v>
      </c>
      <c r="I37260" s="2">
        <v>0</v>
      </c>
      <c r="J37260" s="2">
        <v>0</v>
      </c>
      <c r="K37260" s="2">
        <v>1</v>
      </c>
      <c r="L37260" t="s">
        <v>995</v>
      </c>
      <c r="M37260" t="s">
        <v>89</v>
      </c>
      <c r="N37260" t="s">
        <v>90</v>
      </c>
      <c r="O37260" t="s">
        <v>85</v>
      </c>
      <c r="P37260" t="s">
        <v>86</v>
      </c>
      <c r="Q37260">
        <v>27</v>
      </c>
      <c r="R37260">
        <v>28</v>
      </c>
      <c r="S37260">
        <v>28</v>
      </c>
      <c r="T37260">
        <v>29</v>
      </c>
      <c r="U37260">
        <v>30</v>
      </c>
      <c r="V37260">
        <v>30</v>
      </c>
      <c r="W37260">
        <v>31</v>
      </c>
      <c r="X37260">
        <v>32</v>
      </c>
      <c r="Y37260">
        <v>32</v>
      </c>
      <c r="Z37260">
        <v>33</v>
      </c>
      <c r="AA37260">
        <v>33</v>
      </c>
      <c r="AB37260">
        <v>34</v>
      </c>
      <c r="AC37260">
        <v>34</v>
      </c>
      <c r="AD37260">
        <v>35</v>
      </c>
      <c r="AE37260">
        <v>35</v>
      </c>
      <c r="AF37260">
        <v>35</v>
      </c>
      <c r="AG37260">
        <v>35</v>
      </c>
      <c r="AH37260">
        <v>35</v>
      </c>
      <c r="AI37260">
        <v>36</v>
      </c>
      <c r="AJ37260">
        <v>36</v>
      </c>
      <c r="AK37260">
        <v>36</v>
      </c>
      <c r="AL37260">
        <v>36</v>
      </c>
      <c r="AM37260">
        <v>36</v>
      </c>
      <c r="AN37260">
        <v>36</v>
      </c>
      <c r="AO37260">
        <v>36</v>
      </c>
      <c r="AP37260">
        <v>36</v>
      </c>
      <c r="AQ37260">
        <v>36</v>
      </c>
    </row>
    <row r="37261" spans="1:43">
      <c r="A37261" t="s">
        <v>23099</v>
      </c>
      <c r="B37261" t="s">
        <v>23100</v>
      </c>
      <c r="C37261" t="s">
        <v>23097</v>
      </c>
      <c r="D37261" t="s">
        <v>23098</v>
      </c>
      <c r="E37261" t="s">
        <v>23009</v>
      </c>
      <c r="F37261" t="s">
        <v>23010</v>
      </c>
      <c r="G37261" t="s">
        <v>11612</v>
      </c>
      <c r="H37261" t="s">
        <v>11613</v>
      </c>
      <c r="I37261" s="2">
        <v>0</v>
      </c>
      <c r="J37261" s="2">
        <v>0</v>
      </c>
      <c r="K37261" s="2">
        <v>1</v>
      </c>
      <c r="L37261" t="s">
        <v>995</v>
      </c>
      <c r="M37261" t="s">
        <v>83</v>
      </c>
      <c r="N37261" t="s">
        <v>91</v>
      </c>
      <c r="O37261" t="s">
        <v>85</v>
      </c>
      <c r="P37261" t="s">
        <v>86</v>
      </c>
      <c r="Q37261">
        <v>27</v>
      </c>
      <c r="R37261">
        <v>27</v>
      </c>
      <c r="S37261">
        <v>28</v>
      </c>
      <c r="T37261">
        <v>28</v>
      </c>
      <c r="U37261">
        <v>29</v>
      </c>
      <c r="V37261">
        <v>29</v>
      </c>
      <c r="W37261">
        <v>29</v>
      </c>
      <c r="X37261">
        <v>30</v>
      </c>
      <c r="Y37261">
        <v>30</v>
      </c>
      <c r="Z37261">
        <v>31</v>
      </c>
      <c r="AA37261">
        <v>31</v>
      </c>
      <c r="AB37261">
        <v>32</v>
      </c>
      <c r="AC37261">
        <v>32</v>
      </c>
      <c r="AD37261">
        <v>32</v>
      </c>
      <c r="AE37261">
        <v>33</v>
      </c>
      <c r="AF37261">
        <v>33</v>
      </c>
      <c r="AG37261">
        <v>34</v>
      </c>
      <c r="AH37261">
        <v>34</v>
      </c>
      <c r="AI37261">
        <v>34</v>
      </c>
      <c r="AJ37261">
        <v>35</v>
      </c>
      <c r="AK37261">
        <v>35</v>
      </c>
      <c r="AL37261">
        <v>35</v>
      </c>
      <c r="AM37261">
        <v>36</v>
      </c>
      <c r="AN37261">
        <v>36</v>
      </c>
      <c r="AO37261">
        <v>36</v>
      </c>
      <c r="AP37261">
        <v>36</v>
      </c>
      <c r="AQ37261">
        <v>36</v>
      </c>
    </row>
    <row r="37262" spans="1:43">
      <c r="A37262" t="s">
        <v>23101</v>
      </c>
      <c r="B37262" t="s">
        <v>23102</v>
      </c>
      <c r="C37262" t="s">
        <v>23097</v>
      </c>
      <c r="D37262" t="s">
        <v>23098</v>
      </c>
      <c r="E37262" t="s">
        <v>23009</v>
      </c>
      <c r="F37262" t="s">
        <v>23010</v>
      </c>
      <c r="G37262" t="s">
        <v>11612</v>
      </c>
      <c r="H37262" t="s">
        <v>11613</v>
      </c>
      <c r="I37262" s="2">
        <v>0</v>
      </c>
      <c r="J37262" s="2">
        <v>0</v>
      </c>
      <c r="K37262" s="2">
        <v>1</v>
      </c>
      <c r="L37262" t="s">
        <v>995</v>
      </c>
      <c r="M37262" t="s">
        <v>83</v>
      </c>
      <c r="N37262" t="s">
        <v>84</v>
      </c>
      <c r="O37262" t="s">
        <v>85</v>
      </c>
      <c r="P37262" t="s">
        <v>86</v>
      </c>
      <c r="Q37262">
        <v>9</v>
      </c>
      <c r="R37262">
        <v>9</v>
      </c>
      <c r="S37262">
        <v>9</v>
      </c>
      <c r="T37262">
        <v>9</v>
      </c>
      <c r="U37262">
        <v>10</v>
      </c>
      <c r="V37262">
        <v>10</v>
      </c>
      <c r="W37262">
        <v>10</v>
      </c>
      <c r="X37262">
        <v>10</v>
      </c>
      <c r="Y37262">
        <v>10</v>
      </c>
      <c r="Z37262">
        <v>10</v>
      </c>
      <c r="AA37262">
        <v>10</v>
      </c>
      <c r="AB37262">
        <v>11</v>
      </c>
      <c r="AC37262">
        <v>11</v>
      </c>
      <c r="AD37262">
        <v>11</v>
      </c>
      <c r="AE37262">
        <v>11</v>
      </c>
      <c r="AF37262">
        <v>11</v>
      </c>
      <c r="AG37262">
        <v>11</v>
      </c>
      <c r="AH37262">
        <v>11</v>
      </c>
      <c r="AI37262">
        <v>12</v>
      </c>
      <c r="AJ37262">
        <v>12</v>
      </c>
      <c r="AK37262">
        <v>12</v>
      </c>
      <c r="AL37262">
        <v>12</v>
      </c>
      <c r="AM37262">
        <v>12</v>
      </c>
      <c r="AN37262">
        <v>12</v>
      </c>
      <c r="AO37262">
        <v>12</v>
      </c>
      <c r="AP37262">
        <v>12</v>
      </c>
      <c r="AQ37262">
        <v>12</v>
      </c>
    </row>
    <row r="37263" spans="1:43">
      <c r="A37263" t="s">
        <v>23101</v>
      </c>
      <c r="B37263" t="s">
        <v>23102</v>
      </c>
      <c r="C37263" t="s">
        <v>23097</v>
      </c>
      <c r="D37263" t="s">
        <v>23098</v>
      </c>
      <c r="E37263" t="s">
        <v>23009</v>
      </c>
      <c r="F37263" t="s">
        <v>23010</v>
      </c>
      <c r="G37263" t="s">
        <v>11612</v>
      </c>
      <c r="H37263" t="s">
        <v>11613</v>
      </c>
      <c r="I37263" s="2">
        <v>0</v>
      </c>
      <c r="J37263" s="2">
        <v>0</v>
      </c>
      <c r="K37263" s="2">
        <v>1</v>
      </c>
      <c r="L37263" t="s">
        <v>995</v>
      </c>
      <c r="M37263" t="s">
        <v>87</v>
      </c>
      <c r="N37263" t="s">
        <v>88</v>
      </c>
      <c r="O37263" t="s">
        <v>85</v>
      </c>
      <c r="P37263" t="s">
        <v>86</v>
      </c>
      <c r="Q37263">
        <v>9</v>
      </c>
      <c r="R37263">
        <v>9</v>
      </c>
      <c r="S37263">
        <v>9</v>
      </c>
      <c r="T37263">
        <v>9</v>
      </c>
      <c r="U37263">
        <v>9</v>
      </c>
      <c r="V37263">
        <v>9</v>
      </c>
      <c r="W37263">
        <v>9</v>
      </c>
      <c r="X37263">
        <v>9</v>
      </c>
      <c r="Y37263">
        <v>9</v>
      </c>
      <c r="Z37263">
        <v>9</v>
      </c>
      <c r="AA37263">
        <v>9</v>
      </c>
      <c r="AB37263">
        <v>10</v>
      </c>
      <c r="AC37263">
        <v>10</v>
      </c>
      <c r="AD37263">
        <v>10</v>
      </c>
      <c r="AE37263">
        <v>10</v>
      </c>
      <c r="AF37263">
        <v>10</v>
      </c>
      <c r="AG37263">
        <v>10</v>
      </c>
      <c r="AH37263">
        <v>10</v>
      </c>
      <c r="AI37263">
        <v>10</v>
      </c>
      <c r="AJ37263">
        <v>10</v>
      </c>
      <c r="AK37263">
        <v>10</v>
      </c>
      <c r="AL37263">
        <v>10</v>
      </c>
      <c r="AM37263">
        <v>10</v>
      </c>
      <c r="AN37263">
        <v>10</v>
      </c>
      <c r="AO37263">
        <v>10</v>
      </c>
      <c r="AP37263">
        <v>10</v>
      </c>
      <c r="AQ37263">
        <v>10</v>
      </c>
    </row>
    <row r="37264" spans="1:43">
      <c r="A37264" t="s">
        <v>23101</v>
      </c>
      <c r="B37264" t="s">
        <v>23102</v>
      </c>
      <c r="C37264" t="s">
        <v>23097</v>
      </c>
      <c r="D37264" t="s">
        <v>23098</v>
      </c>
      <c r="E37264" t="s">
        <v>23009</v>
      </c>
      <c r="F37264" t="s">
        <v>23010</v>
      </c>
      <c r="G37264" t="s">
        <v>11612</v>
      </c>
      <c r="H37264" t="s">
        <v>11613</v>
      </c>
      <c r="I37264" s="2">
        <v>0</v>
      </c>
      <c r="J37264" s="2">
        <v>0</v>
      </c>
      <c r="K37264" s="2">
        <v>1</v>
      </c>
      <c r="L37264" t="s">
        <v>995</v>
      </c>
      <c r="M37264" t="s">
        <v>89</v>
      </c>
      <c r="N37264" t="s">
        <v>90</v>
      </c>
      <c r="O37264" t="s">
        <v>85</v>
      </c>
      <c r="P37264" t="s">
        <v>86</v>
      </c>
      <c r="Q37264">
        <v>9</v>
      </c>
      <c r="R37264">
        <v>9</v>
      </c>
      <c r="S37264">
        <v>10</v>
      </c>
      <c r="T37264">
        <v>10</v>
      </c>
      <c r="U37264">
        <v>10</v>
      </c>
      <c r="V37264">
        <v>10</v>
      </c>
      <c r="W37264">
        <v>10</v>
      </c>
      <c r="X37264">
        <v>11</v>
      </c>
      <c r="Y37264">
        <v>11</v>
      </c>
      <c r="Z37264">
        <v>11</v>
      </c>
      <c r="AA37264">
        <v>11</v>
      </c>
      <c r="AB37264">
        <v>11</v>
      </c>
      <c r="AC37264">
        <v>11</v>
      </c>
      <c r="AD37264">
        <v>12</v>
      </c>
      <c r="AE37264">
        <v>12</v>
      </c>
      <c r="AF37264">
        <v>12</v>
      </c>
      <c r="AG37264">
        <v>12</v>
      </c>
      <c r="AH37264">
        <v>12</v>
      </c>
      <c r="AI37264">
        <v>12</v>
      </c>
      <c r="AJ37264">
        <v>12</v>
      </c>
      <c r="AK37264">
        <v>12</v>
      </c>
      <c r="AL37264">
        <v>12</v>
      </c>
      <c r="AM37264">
        <v>12</v>
      </c>
      <c r="AN37264">
        <v>12</v>
      </c>
      <c r="AO37264">
        <v>12</v>
      </c>
      <c r="AP37264">
        <v>12</v>
      </c>
      <c r="AQ37264">
        <v>12</v>
      </c>
    </row>
    <row r="37265" spans="1:43">
      <c r="A37265" t="s">
        <v>23101</v>
      </c>
      <c r="B37265" t="s">
        <v>23102</v>
      </c>
      <c r="C37265" t="s">
        <v>23097</v>
      </c>
      <c r="D37265" t="s">
        <v>23098</v>
      </c>
      <c r="E37265" t="s">
        <v>23009</v>
      </c>
      <c r="F37265" t="s">
        <v>23010</v>
      </c>
      <c r="G37265" t="s">
        <v>11612</v>
      </c>
      <c r="H37265" t="s">
        <v>11613</v>
      </c>
      <c r="I37265" s="2">
        <v>0</v>
      </c>
      <c r="J37265" s="2">
        <v>0</v>
      </c>
      <c r="K37265" s="2">
        <v>1</v>
      </c>
      <c r="L37265" t="s">
        <v>995</v>
      </c>
      <c r="M37265" t="s">
        <v>83</v>
      </c>
      <c r="N37265" t="s">
        <v>91</v>
      </c>
      <c r="O37265" t="s">
        <v>85</v>
      </c>
      <c r="P37265" t="s">
        <v>86</v>
      </c>
      <c r="Q37265">
        <v>9</v>
      </c>
      <c r="R37265">
        <v>9</v>
      </c>
      <c r="S37265">
        <v>9</v>
      </c>
      <c r="T37265">
        <v>9</v>
      </c>
      <c r="U37265">
        <v>10</v>
      </c>
      <c r="V37265">
        <v>10</v>
      </c>
      <c r="W37265">
        <v>10</v>
      </c>
      <c r="X37265">
        <v>10</v>
      </c>
      <c r="Y37265">
        <v>10</v>
      </c>
      <c r="Z37265">
        <v>10</v>
      </c>
      <c r="AA37265">
        <v>10</v>
      </c>
      <c r="AB37265">
        <v>11</v>
      </c>
      <c r="AC37265">
        <v>11</v>
      </c>
      <c r="AD37265">
        <v>11</v>
      </c>
      <c r="AE37265">
        <v>11</v>
      </c>
      <c r="AF37265">
        <v>11</v>
      </c>
      <c r="AG37265">
        <v>11</v>
      </c>
      <c r="AH37265">
        <v>11</v>
      </c>
      <c r="AI37265">
        <v>12</v>
      </c>
      <c r="AJ37265">
        <v>12</v>
      </c>
      <c r="AK37265">
        <v>12</v>
      </c>
      <c r="AL37265">
        <v>12</v>
      </c>
      <c r="AM37265">
        <v>12</v>
      </c>
      <c r="AN37265">
        <v>12</v>
      </c>
      <c r="AO37265">
        <v>12</v>
      </c>
      <c r="AP37265">
        <v>12</v>
      </c>
      <c r="AQ37265">
        <v>12</v>
      </c>
    </row>
    <row r="37266" spans="1:43">
      <c r="A37266" t="s">
        <v>23103</v>
      </c>
      <c r="B37266" t="s">
        <v>23104</v>
      </c>
      <c r="C37266" t="s">
        <v>23097</v>
      </c>
      <c r="D37266" t="s">
        <v>23098</v>
      </c>
      <c r="E37266" t="s">
        <v>23009</v>
      </c>
      <c r="F37266" t="s">
        <v>23010</v>
      </c>
      <c r="G37266" t="s">
        <v>11612</v>
      </c>
      <c r="H37266" t="s">
        <v>11613</v>
      </c>
      <c r="I37266" s="2">
        <v>0</v>
      </c>
      <c r="J37266" s="2">
        <v>0</v>
      </c>
      <c r="K37266" s="2">
        <v>1</v>
      </c>
      <c r="L37266" t="s">
        <v>995</v>
      </c>
      <c r="M37266" t="s">
        <v>83</v>
      </c>
      <c r="N37266" t="s">
        <v>84</v>
      </c>
      <c r="O37266" t="s">
        <v>85</v>
      </c>
      <c r="P37266" t="s">
        <v>86</v>
      </c>
      <c r="Q37266">
        <v>22</v>
      </c>
      <c r="R37266">
        <v>22</v>
      </c>
      <c r="S37266">
        <v>23</v>
      </c>
      <c r="T37266">
        <v>23</v>
      </c>
      <c r="U37266">
        <v>23</v>
      </c>
      <c r="V37266">
        <v>24</v>
      </c>
      <c r="W37266">
        <v>24</v>
      </c>
      <c r="X37266">
        <v>25</v>
      </c>
      <c r="Y37266">
        <v>25</v>
      </c>
      <c r="Z37266">
        <v>25</v>
      </c>
      <c r="AA37266">
        <v>26</v>
      </c>
      <c r="AB37266">
        <v>26</v>
      </c>
      <c r="AC37266">
        <v>26</v>
      </c>
      <c r="AD37266">
        <v>27</v>
      </c>
      <c r="AE37266">
        <v>27</v>
      </c>
      <c r="AF37266">
        <v>27</v>
      </c>
      <c r="AG37266">
        <v>28</v>
      </c>
      <c r="AH37266">
        <v>28</v>
      </c>
      <c r="AI37266">
        <v>28</v>
      </c>
      <c r="AJ37266">
        <v>29</v>
      </c>
      <c r="AK37266">
        <v>29</v>
      </c>
      <c r="AL37266">
        <v>29</v>
      </c>
      <c r="AM37266">
        <v>29</v>
      </c>
      <c r="AN37266">
        <v>29</v>
      </c>
      <c r="AO37266">
        <v>29</v>
      </c>
      <c r="AP37266">
        <v>29</v>
      </c>
      <c r="AQ37266">
        <v>29</v>
      </c>
    </row>
    <row r="37267" spans="1:43">
      <c r="A37267" t="s">
        <v>23103</v>
      </c>
      <c r="B37267" t="s">
        <v>23104</v>
      </c>
      <c r="C37267" t="s">
        <v>23097</v>
      </c>
      <c r="D37267" t="s">
        <v>23098</v>
      </c>
      <c r="E37267" t="s">
        <v>23009</v>
      </c>
      <c r="F37267" t="s">
        <v>23010</v>
      </c>
      <c r="G37267" t="s">
        <v>11612</v>
      </c>
      <c r="H37267" t="s">
        <v>11613</v>
      </c>
      <c r="I37267" s="2">
        <v>0</v>
      </c>
      <c r="J37267" s="2">
        <v>0</v>
      </c>
      <c r="K37267" s="2">
        <v>1</v>
      </c>
      <c r="L37267" t="s">
        <v>995</v>
      </c>
      <c r="M37267" t="s">
        <v>87</v>
      </c>
      <c r="N37267" t="s">
        <v>88</v>
      </c>
      <c r="O37267" t="s">
        <v>85</v>
      </c>
      <c r="P37267" t="s">
        <v>86</v>
      </c>
      <c r="Q37267">
        <v>22</v>
      </c>
      <c r="R37267">
        <v>22</v>
      </c>
      <c r="S37267">
        <v>22</v>
      </c>
      <c r="T37267">
        <v>22</v>
      </c>
      <c r="U37267">
        <v>22</v>
      </c>
      <c r="V37267">
        <v>23</v>
      </c>
      <c r="W37267">
        <v>23</v>
      </c>
      <c r="X37267">
        <v>23</v>
      </c>
      <c r="Y37267">
        <v>23</v>
      </c>
      <c r="Z37267">
        <v>23</v>
      </c>
      <c r="AA37267">
        <v>23</v>
      </c>
      <c r="AB37267">
        <v>23</v>
      </c>
      <c r="AC37267">
        <v>24</v>
      </c>
      <c r="AD37267">
        <v>24</v>
      </c>
      <c r="AE37267">
        <v>24</v>
      </c>
      <c r="AF37267">
        <v>24</v>
      </c>
      <c r="AG37267">
        <v>24</v>
      </c>
      <c r="AH37267">
        <v>24</v>
      </c>
      <c r="AI37267">
        <v>24</v>
      </c>
      <c r="AJ37267">
        <v>25</v>
      </c>
      <c r="AK37267">
        <v>25</v>
      </c>
      <c r="AL37267">
        <v>25</v>
      </c>
      <c r="AM37267">
        <v>25</v>
      </c>
      <c r="AN37267">
        <v>25</v>
      </c>
      <c r="AO37267">
        <v>25</v>
      </c>
      <c r="AP37267">
        <v>25</v>
      </c>
      <c r="AQ37267">
        <v>26</v>
      </c>
    </row>
    <row r="37268" spans="1:43">
      <c r="A37268" t="s">
        <v>23103</v>
      </c>
      <c r="B37268" t="s">
        <v>23104</v>
      </c>
      <c r="C37268" t="s">
        <v>23097</v>
      </c>
      <c r="D37268" t="s">
        <v>23098</v>
      </c>
      <c r="E37268" t="s">
        <v>23009</v>
      </c>
      <c r="F37268" t="s">
        <v>23010</v>
      </c>
      <c r="G37268" t="s">
        <v>11612</v>
      </c>
      <c r="H37268" t="s">
        <v>11613</v>
      </c>
      <c r="I37268" s="2">
        <v>0</v>
      </c>
      <c r="J37268" s="2">
        <v>0</v>
      </c>
      <c r="K37268" s="2">
        <v>1</v>
      </c>
      <c r="L37268" t="s">
        <v>995</v>
      </c>
      <c r="M37268" t="s">
        <v>89</v>
      </c>
      <c r="N37268" t="s">
        <v>90</v>
      </c>
      <c r="O37268" t="s">
        <v>85</v>
      </c>
      <c r="P37268" t="s">
        <v>86</v>
      </c>
      <c r="Q37268">
        <v>22</v>
      </c>
      <c r="R37268">
        <v>23</v>
      </c>
      <c r="S37268">
        <v>23</v>
      </c>
      <c r="T37268">
        <v>24</v>
      </c>
      <c r="U37268">
        <v>24</v>
      </c>
      <c r="V37268">
        <v>25</v>
      </c>
      <c r="W37268">
        <v>25</v>
      </c>
      <c r="X37268">
        <v>26</v>
      </c>
      <c r="Y37268">
        <v>26</v>
      </c>
      <c r="Z37268">
        <v>27</v>
      </c>
      <c r="AA37268">
        <v>27</v>
      </c>
      <c r="AB37268">
        <v>28</v>
      </c>
      <c r="AC37268">
        <v>28</v>
      </c>
      <c r="AD37268">
        <v>29</v>
      </c>
      <c r="AE37268">
        <v>29</v>
      </c>
      <c r="AF37268">
        <v>29</v>
      </c>
      <c r="AG37268">
        <v>29</v>
      </c>
      <c r="AH37268">
        <v>29</v>
      </c>
      <c r="AI37268">
        <v>29</v>
      </c>
      <c r="AJ37268">
        <v>29</v>
      </c>
      <c r="AK37268">
        <v>29</v>
      </c>
      <c r="AL37268">
        <v>29</v>
      </c>
      <c r="AM37268">
        <v>29</v>
      </c>
      <c r="AN37268">
        <v>29</v>
      </c>
      <c r="AO37268">
        <v>29</v>
      </c>
      <c r="AP37268">
        <v>30</v>
      </c>
      <c r="AQ37268">
        <v>30</v>
      </c>
    </row>
    <row r="37269" spans="1:43">
      <c r="A37269" t="s">
        <v>23103</v>
      </c>
      <c r="B37269" t="s">
        <v>23104</v>
      </c>
      <c r="C37269" t="s">
        <v>23097</v>
      </c>
      <c r="D37269" t="s">
        <v>23098</v>
      </c>
      <c r="E37269" t="s">
        <v>23009</v>
      </c>
      <c r="F37269" t="s">
        <v>23010</v>
      </c>
      <c r="G37269" t="s">
        <v>11612</v>
      </c>
      <c r="H37269" t="s">
        <v>11613</v>
      </c>
      <c r="I37269" s="2">
        <v>0</v>
      </c>
      <c r="J37269" s="2">
        <v>0</v>
      </c>
      <c r="K37269" s="2">
        <v>1</v>
      </c>
      <c r="L37269" t="s">
        <v>995</v>
      </c>
      <c r="M37269" t="s">
        <v>83</v>
      </c>
      <c r="N37269" t="s">
        <v>91</v>
      </c>
      <c r="O37269" t="s">
        <v>85</v>
      </c>
      <c r="P37269" t="s">
        <v>86</v>
      </c>
      <c r="Q37269">
        <v>22</v>
      </c>
      <c r="R37269">
        <v>22</v>
      </c>
      <c r="S37269">
        <v>23</v>
      </c>
      <c r="T37269">
        <v>23</v>
      </c>
      <c r="U37269">
        <v>23</v>
      </c>
      <c r="V37269">
        <v>24</v>
      </c>
      <c r="W37269">
        <v>24</v>
      </c>
      <c r="X37269">
        <v>25</v>
      </c>
      <c r="Y37269">
        <v>25</v>
      </c>
      <c r="Z37269">
        <v>25</v>
      </c>
      <c r="AA37269">
        <v>26</v>
      </c>
      <c r="AB37269">
        <v>26</v>
      </c>
      <c r="AC37269">
        <v>26</v>
      </c>
      <c r="AD37269">
        <v>27</v>
      </c>
      <c r="AE37269">
        <v>27</v>
      </c>
      <c r="AF37269">
        <v>27</v>
      </c>
      <c r="AG37269">
        <v>28</v>
      </c>
      <c r="AH37269">
        <v>28</v>
      </c>
      <c r="AI37269">
        <v>28</v>
      </c>
      <c r="AJ37269">
        <v>29</v>
      </c>
      <c r="AK37269">
        <v>29</v>
      </c>
      <c r="AL37269">
        <v>29</v>
      </c>
      <c r="AM37269">
        <v>29</v>
      </c>
      <c r="AN37269">
        <v>29</v>
      </c>
      <c r="AO37269">
        <v>29</v>
      </c>
      <c r="AP37269">
        <v>29</v>
      </c>
      <c r="AQ37269">
        <v>29</v>
      </c>
    </row>
    <row r="37270" spans="1:43">
      <c r="A37270" t="s">
        <v>23105</v>
      </c>
      <c r="B37270" t="s">
        <v>23106</v>
      </c>
      <c r="C37270" t="s">
        <v>23097</v>
      </c>
      <c r="D37270" t="s">
        <v>23098</v>
      </c>
      <c r="E37270" t="s">
        <v>23009</v>
      </c>
      <c r="F37270" t="s">
        <v>23010</v>
      </c>
      <c r="G37270" t="s">
        <v>11612</v>
      </c>
      <c r="H37270" t="s">
        <v>11613</v>
      </c>
      <c r="I37270" s="2">
        <v>0</v>
      </c>
      <c r="J37270" s="2">
        <v>0</v>
      </c>
      <c r="K37270" s="2">
        <v>1</v>
      </c>
      <c r="L37270" t="s">
        <v>995</v>
      </c>
      <c r="M37270" t="s">
        <v>83</v>
      </c>
      <c r="N37270" t="s">
        <v>84</v>
      </c>
      <c r="O37270" t="s">
        <v>85</v>
      </c>
      <c r="P37270" t="s">
        <v>86</v>
      </c>
      <c r="Q37270">
        <v>22</v>
      </c>
      <c r="R37270">
        <v>23</v>
      </c>
      <c r="S37270">
        <v>23</v>
      </c>
      <c r="T37270">
        <v>23</v>
      </c>
      <c r="U37270">
        <v>24</v>
      </c>
      <c r="V37270">
        <v>24</v>
      </c>
      <c r="W37270">
        <v>24</v>
      </c>
      <c r="X37270">
        <v>25</v>
      </c>
      <c r="Y37270">
        <v>25</v>
      </c>
      <c r="Z37270">
        <v>26</v>
      </c>
      <c r="AA37270">
        <v>26</v>
      </c>
      <c r="AB37270">
        <v>26</v>
      </c>
      <c r="AC37270">
        <v>27</v>
      </c>
      <c r="AD37270">
        <v>27</v>
      </c>
      <c r="AE37270">
        <v>27</v>
      </c>
      <c r="AF37270">
        <v>28</v>
      </c>
      <c r="AG37270">
        <v>28</v>
      </c>
      <c r="AH37270">
        <v>28</v>
      </c>
      <c r="AI37270">
        <v>29</v>
      </c>
      <c r="AJ37270">
        <v>29</v>
      </c>
      <c r="AK37270">
        <v>29</v>
      </c>
      <c r="AL37270">
        <v>30</v>
      </c>
      <c r="AM37270">
        <v>30</v>
      </c>
      <c r="AN37270">
        <v>30</v>
      </c>
      <c r="AO37270">
        <v>30</v>
      </c>
      <c r="AP37270">
        <v>30</v>
      </c>
      <c r="AQ37270">
        <v>30</v>
      </c>
    </row>
    <row r="37271" spans="1:43">
      <c r="A37271" t="s">
        <v>23105</v>
      </c>
      <c r="B37271" t="s">
        <v>23106</v>
      </c>
      <c r="C37271" t="s">
        <v>23097</v>
      </c>
      <c r="D37271" t="s">
        <v>23098</v>
      </c>
      <c r="E37271" t="s">
        <v>23009</v>
      </c>
      <c r="F37271" t="s">
        <v>23010</v>
      </c>
      <c r="G37271" t="s">
        <v>11612</v>
      </c>
      <c r="H37271" t="s">
        <v>11613</v>
      </c>
      <c r="I37271" s="2">
        <v>0</v>
      </c>
      <c r="J37271" s="2">
        <v>0</v>
      </c>
      <c r="K37271" s="2">
        <v>1</v>
      </c>
      <c r="L37271" t="s">
        <v>995</v>
      </c>
      <c r="M37271" t="s">
        <v>87</v>
      </c>
      <c r="N37271" t="s">
        <v>88</v>
      </c>
      <c r="O37271" t="s">
        <v>85</v>
      </c>
      <c r="P37271" t="s">
        <v>86</v>
      </c>
      <c r="Q37271">
        <v>22</v>
      </c>
      <c r="R37271">
        <v>22</v>
      </c>
      <c r="S37271">
        <v>22</v>
      </c>
      <c r="T37271">
        <v>23</v>
      </c>
      <c r="U37271">
        <v>23</v>
      </c>
      <c r="V37271">
        <v>23</v>
      </c>
      <c r="W37271">
        <v>23</v>
      </c>
      <c r="X37271">
        <v>23</v>
      </c>
      <c r="Y37271">
        <v>23</v>
      </c>
      <c r="Z37271">
        <v>23</v>
      </c>
      <c r="AA37271">
        <v>24</v>
      </c>
      <c r="AB37271">
        <v>24</v>
      </c>
      <c r="AC37271">
        <v>24</v>
      </c>
      <c r="AD37271">
        <v>24</v>
      </c>
      <c r="AE37271">
        <v>24</v>
      </c>
      <c r="AF37271">
        <v>24</v>
      </c>
      <c r="AG37271">
        <v>24</v>
      </c>
      <c r="AH37271">
        <v>25</v>
      </c>
      <c r="AI37271">
        <v>25</v>
      </c>
      <c r="AJ37271">
        <v>25</v>
      </c>
      <c r="AK37271">
        <v>25</v>
      </c>
      <c r="AL37271">
        <v>25</v>
      </c>
      <c r="AM37271">
        <v>25</v>
      </c>
      <c r="AN37271">
        <v>25</v>
      </c>
      <c r="AO37271">
        <v>26</v>
      </c>
      <c r="AP37271">
        <v>26</v>
      </c>
      <c r="AQ37271">
        <v>26</v>
      </c>
    </row>
    <row r="37272" spans="1:43">
      <c r="A37272" t="s">
        <v>23105</v>
      </c>
      <c r="B37272" t="s">
        <v>23106</v>
      </c>
      <c r="C37272" t="s">
        <v>23097</v>
      </c>
      <c r="D37272" t="s">
        <v>23098</v>
      </c>
      <c r="E37272" t="s">
        <v>23009</v>
      </c>
      <c r="F37272" t="s">
        <v>23010</v>
      </c>
      <c r="G37272" t="s">
        <v>11612</v>
      </c>
      <c r="H37272" t="s">
        <v>11613</v>
      </c>
      <c r="I37272" s="2">
        <v>0</v>
      </c>
      <c r="J37272" s="2">
        <v>0</v>
      </c>
      <c r="K37272" s="2">
        <v>1</v>
      </c>
      <c r="L37272" t="s">
        <v>995</v>
      </c>
      <c r="M37272" t="s">
        <v>89</v>
      </c>
      <c r="N37272" t="s">
        <v>90</v>
      </c>
      <c r="O37272" t="s">
        <v>85</v>
      </c>
      <c r="P37272" t="s">
        <v>86</v>
      </c>
      <c r="Q37272">
        <v>22</v>
      </c>
      <c r="R37272">
        <v>22</v>
      </c>
      <c r="S37272">
        <v>23</v>
      </c>
      <c r="T37272">
        <v>23</v>
      </c>
      <c r="U37272">
        <v>24</v>
      </c>
      <c r="V37272">
        <v>24</v>
      </c>
      <c r="W37272">
        <v>25</v>
      </c>
      <c r="X37272">
        <v>25</v>
      </c>
      <c r="Y37272">
        <v>26</v>
      </c>
      <c r="Z37272">
        <v>26</v>
      </c>
      <c r="AA37272">
        <v>27</v>
      </c>
      <c r="AB37272">
        <v>27</v>
      </c>
      <c r="AC37272">
        <v>28</v>
      </c>
      <c r="AD37272">
        <v>28</v>
      </c>
      <c r="AE37272">
        <v>28</v>
      </c>
      <c r="AF37272">
        <v>28</v>
      </c>
      <c r="AG37272">
        <v>28</v>
      </c>
      <c r="AH37272">
        <v>29</v>
      </c>
      <c r="AI37272">
        <v>29</v>
      </c>
      <c r="AJ37272">
        <v>29</v>
      </c>
      <c r="AK37272">
        <v>29</v>
      </c>
      <c r="AL37272">
        <v>29</v>
      </c>
      <c r="AM37272">
        <v>29</v>
      </c>
      <c r="AN37272">
        <v>29</v>
      </c>
      <c r="AO37272">
        <v>29</v>
      </c>
      <c r="AP37272">
        <v>29</v>
      </c>
      <c r="AQ37272">
        <v>29</v>
      </c>
    </row>
    <row r="37273" spans="1:43">
      <c r="A37273" t="s">
        <v>23105</v>
      </c>
      <c r="B37273" t="s">
        <v>23106</v>
      </c>
      <c r="C37273" t="s">
        <v>23097</v>
      </c>
      <c r="D37273" t="s">
        <v>23098</v>
      </c>
      <c r="E37273" t="s">
        <v>23009</v>
      </c>
      <c r="F37273" t="s">
        <v>23010</v>
      </c>
      <c r="G37273" t="s">
        <v>11612</v>
      </c>
      <c r="H37273" t="s">
        <v>11613</v>
      </c>
      <c r="I37273" s="2">
        <v>0</v>
      </c>
      <c r="J37273" s="2">
        <v>0</v>
      </c>
      <c r="K37273" s="2">
        <v>1</v>
      </c>
      <c r="L37273" t="s">
        <v>995</v>
      </c>
      <c r="M37273" t="s">
        <v>83</v>
      </c>
      <c r="N37273" t="s">
        <v>91</v>
      </c>
      <c r="O37273" t="s">
        <v>85</v>
      </c>
      <c r="P37273" t="s">
        <v>86</v>
      </c>
      <c r="Q37273">
        <v>22</v>
      </c>
      <c r="R37273">
        <v>23</v>
      </c>
      <c r="S37273">
        <v>23</v>
      </c>
      <c r="T37273">
        <v>23</v>
      </c>
      <c r="U37273">
        <v>24</v>
      </c>
      <c r="V37273">
        <v>24</v>
      </c>
      <c r="W37273">
        <v>24</v>
      </c>
      <c r="X37273">
        <v>25</v>
      </c>
      <c r="Y37273">
        <v>25</v>
      </c>
      <c r="Z37273">
        <v>26</v>
      </c>
      <c r="AA37273">
        <v>26</v>
      </c>
      <c r="AB37273">
        <v>26</v>
      </c>
      <c r="AC37273">
        <v>27</v>
      </c>
      <c r="AD37273">
        <v>27</v>
      </c>
      <c r="AE37273">
        <v>27</v>
      </c>
      <c r="AF37273">
        <v>28</v>
      </c>
      <c r="AG37273">
        <v>28</v>
      </c>
      <c r="AH37273">
        <v>28</v>
      </c>
      <c r="AI37273">
        <v>29</v>
      </c>
      <c r="AJ37273">
        <v>29</v>
      </c>
      <c r="AK37273">
        <v>29</v>
      </c>
      <c r="AL37273">
        <v>30</v>
      </c>
      <c r="AM37273">
        <v>30</v>
      </c>
      <c r="AN37273">
        <v>30</v>
      </c>
      <c r="AO37273">
        <v>30</v>
      </c>
      <c r="AP37273">
        <v>30</v>
      </c>
      <c r="AQ37273">
        <v>30</v>
      </c>
    </row>
    <row r="37274" spans="1:43">
      <c r="A37274" t="s">
        <v>23107</v>
      </c>
      <c r="B37274" t="s">
        <v>23108</v>
      </c>
      <c r="C37274" t="s">
        <v>23109</v>
      </c>
      <c r="D37274" t="s">
        <v>23110</v>
      </c>
      <c r="E37274" t="s">
        <v>23009</v>
      </c>
      <c r="F37274" t="s">
        <v>23010</v>
      </c>
      <c r="G37274" t="s">
        <v>11612</v>
      </c>
      <c r="H37274" t="s">
        <v>11613</v>
      </c>
      <c r="I37274" s="2">
        <v>0</v>
      </c>
      <c r="J37274" s="2">
        <v>0</v>
      </c>
      <c r="K37274" s="2">
        <v>1</v>
      </c>
      <c r="L37274" t="s">
        <v>995</v>
      </c>
      <c r="M37274" t="s">
        <v>83</v>
      </c>
      <c r="N37274" t="s">
        <v>84</v>
      </c>
      <c r="O37274" t="s">
        <v>85</v>
      </c>
      <c r="P37274" t="s">
        <v>86</v>
      </c>
      <c r="Q37274">
        <v>28</v>
      </c>
      <c r="R37274">
        <v>28</v>
      </c>
      <c r="S37274">
        <v>28</v>
      </c>
      <c r="T37274">
        <v>29</v>
      </c>
      <c r="U37274">
        <v>29</v>
      </c>
      <c r="V37274">
        <v>29</v>
      </c>
      <c r="W37274">
        <v>30</v>
      </c>
      <c r="X37274">
        <v>30</v>
      </c>
      <c r="Y37274">
        <v>31</v>
      </c>
      <c r="Z37274">
        <v>31</v>
      </c>
      <c r="AA37274">
        <v>31</v>
      </c>
      <c r="AB37274">
        <v>32</v>
      </c>
      <c r="AC37274">
        <v>32</v>
      </c>
      <c r="AD37274">
        <v>32</v>
      </c>
      <c r="AE37274">
        <v>33</v>
      </c>
      <c r="AF37274">
        <v>33</v>
      </c>
      <c r="AG37274">
        <v>33</v>
      </c>
      <c r="AH37274">
        <v>34</v>
      </c>
      <c r="AI37274">
        <v>34</v>
      </c>
      <c r="AJ37274">
        <v>34</v>
      </c>
      <c r="AK37274">
        <v>34</v>
      </c>
      <c r="AL37274">
        <v>35</v>
      </c>
      <c r="AM37274">
        <v>35</v>
      </c>
      <c r="AN37274">
        <v>35</v>
      </c>
      <c r="AO37274">
        <v>35</v>
      </c>
      <c r="AP37274">
        <v>35</v>
      </c>
      <c r="AQ37274">
        <v>35</v>
      </c>
    </row>
    <row r="37275" spans="1:43">
      <c r="A37275" t="s">
        <v>23107</v>
      </c>
      <c r="B37275" t="s">
        <v>23108</v>
      </c>
      <c r="C37275" t="s">
        <v>23109</v>
      </c>
      <c r="D37275" t="s">
        <v>23110</v>
      </c>
      <c r="E37275" t="s">
        <v>23009</v>
      </c>
      <c r="F37275" t="s">
        <v>23010</v>
      </c>
      <c r="G37275" t="s">
        <v>11612</v>
      </c>
      <c r="H37275" t="s">
        <v>11613</v>
      </c>
      <c r="I37275" s="2">
        <v>0</v>
      </c>
      <c r="J37275" s="2">
        <v>0</v>
      </c>
      <c r="K37275" s="2">
        <v>1</v>
      </c>
      <c r="L37275" t="s">
        <v>995</v>
      </c>
      <c r="M37275" t="s">
        <v>87</v>
      </c>
      <c r="N37275" t="s">
        <v>88</v>
      </c>
      <c r="O37275" t="s">
        <v>85</v>
      </c>
      <c r="P37275" t="s">
        <v>86</v>
      </c>
      <c r="Q37275">
        <v>28</v>
      </c>
      <c r="R37275">
        <v>29</v>
      </c>
      <c r="S37275">
        <v>29</v>
      </c>
      <c r="T37275">
        <v>29</v>
      </c>
      <c r="U37275">
        <v>29</v>
      </c>
      <c r="V37275">
        <v>29</v>
      </c>
      <c r="W37275">
        <v>29</v>
      </c>
      <c r="X37275">
        <v>29</v>
      </c>
      <c r="Y37275">
        <v>29</v>
      </c>
      <c r="Z37275">
        <v>29</v>
      </c>
      <c r="AA37275">
        <v>29</v>
      </c>
      <c r="AB37275">
        <v>30</v>
      </c>
      <c r="AC37275">
        <v>30</v>
      </c>
      <c r="AD37275">
        <v>30</v>
      </c>
      <c r="AE37275">
        <v>30</v>
      </c>
      <c r="AF37275">
        <v>30</v>
      </c>
      <c r="AG37275">
        <v>30</v>
      </c>
      <c r="AH37275">
        <v>30</v>
      </c>
      <c r="AI37275">
        <v>30</v>
      </c>
      <c r="AJ37275">
        <v>30</v>
      </c>
      <c r="AK37275">
        <v>30</v>
      </c>
      <c r="AL37275">
        <v>30</v>
      </c>
      <c r="AM37275">
        <v>31</v>
      </c>
      <c r="AN37275">
        <v>31</v>
      </c>
      <c r="AO37275">
        <v>31</v>
      </c>
      <c r="AP37275">
        <v>31</v>
      </c>
      <c r="AQ37275">
        <v>31</v>
      </c>
    </row>
    <row r="37276" spans="1:43">
      <c r="A37276" t="s">
        <v>23107</v>
      </c>
      <c r="B37276" t="s">
        <v>23108</v>
      </c>
      <c r="C37276" t="s">
        <v>23109</v>
      </c>
      <c r="D37276" t="s">
        <v>23110</v>
      </c>
      <c r="E37276" t="s">
        <v>23009</v>
      </c>
      <c r="F37276" t="s">
        <v>23010</v>
      </c>
      <c r="G37276" t="s">
        <v>11612</v>
      </c>
      <c r="H37276" t="s">
        <v>11613</v>
      </c>
      <c r="I37276" s="2">
        <v>0</v>
      </c>
      <c r="J37276" s="2">
        <v>0</v>
      </c>
      <c r="K37276" s="2">
        <v>1</v>
      </c>
      <c r="L37276" t="s">
        <v>995</v>
      </c>
      <c r="M37276" t="s">
        <v>89</v>
      </c>
      <c r="N37276" t="s">
        <v>90</v>
      </c>
      <c r="O37276" t="s">
        <v>85</v>
      </c>
      <c r="P37276" t="s">
        <v>86</v>
      </c>
      <c r="Q37276">
        <v>28</v>
      </c>
      <c r="R37276">
        <v>29</v>
      </c>
      <c r="S37276">
        <v>29</v>
      </c>
      <c r="T37276">
        <v>30</v>
      </c>
      <c r="U37276">
        <v>30</v>
      </c>
      <c r="V37276">
        <v>31</v>
      </c>
      <c r="W37276">
        <v>31</v>
      </c>
      <c r="X37276">
        <v>32</v>
      </c>
      <c r="Y37276">
        <v>32</v>
      </c>
      <c r="Z37276">
        <v>33</v>
      </c>
      <c r="AA37276">
        <v>33</v>
      </c>
      <c r="AB37276">
        <v>34</v>
      </c>
      <c r="AC37276">
        <v>34</v>
      </c>
      <c r="AD37276">
        <v>35</v>
      </c>
      <c r="AE37276">
        <v>35</v>
      </c>
      <c r="AF37276">
        <v>35</v>
      </c>
      <c r="AG37276">
        <v>35</v>
      </c>
      <c r="AH37276">
        <v>35</v>
      </c>
      <c r="AI37276">
        <v>35</v>
      </c>
      <c r="AJ37276">
        <v>35</v>
      </c>
      <c r="AK37276">
        <v>35</v>
      </c>
      <c r="AL37276">
        <v>35</v>
      </c>
      <c r="AM37276">
        <v>35</v>
      </c>
      <c r="AN37276">
        <v>35</v>
      </c>
      <c r="AO37276">
        <v>35</v>
      </c>
      <c r="AP37276">
        <v>35</v>
      </c>
      <c r="AQ37276">
        <v>35</v>
      </c>
    </row>
    <row r="37277" spans="1:43">
      <c r="A37277" t="s">
        <v>23107</v>
      </c>
      <c r="B37277" t="s">
        <v>23108</v>
      </c>
      <c r="C37277" t="s">
        <v>23109</v>
      </c>
      <c r="D37277" t="s">
        <v>23110</v>
      </c>
      <c r="E37277" t="s">
        <v>23009</v>
      </c>
      <c r="F37277" t="s">
        <v>23010</v>
      </c>
      <c r="G37277" t="s">
        <v>11612</v>
      </c>
      <c r="H37277" t="s">
        <v>11613</v>
      </c>
      <c r="I37277" s="2">
        <v>0</v>
      </c>
      <c r="J37277" s="2">
        <v>0</v>
      </c>
      <c r="K37277" s="2">
        <v>1</v>
      </c>
      <c r="L37277" t="s">
        <v>995</v>
      </c>
      <c r="M37277" t="s">
        <v>83</v>
      </c>
      <c r="N37277" t="s">
        <v>91</v>
      </c>
      <c r="O37277" t="s">
        <v>85</v>
      </c>
      <c r="P37277" t="s">
        <v>86</v>
      </c>
      <c r="Q37277">
        <v>28</v>
      </c>
      <c r="R37277">
        <v>28</v>
      </c>
      <c r="S37277">
        <v>28</v>
      </c>
      <c r="T37277">
        <v>29</v>
      </c>
      <c r="U37277">
        <v>29</v>
      </c>
      <c r="V37277">
        <v>29</v>
      </c>
      <c r="W37277">
        <v>30</v>
      </c>
      <c r="X37277">
        <v>30</v>
      </c>
      <c r="Y37277">
        <v>31</v>
      </c>
      <c r="Z37277">
        <v>31</v>
      </c>
      <c r="AA37277">
        <v>31</v>
      </c>
      <c r="AB37277">
        <v>32</v>
      </c>
      <c r="AC37277">
        <v>32</v>
      </c>
      <c r="AD37277">
        <v>32</v>
      </c>
      <c r="AE37277">
        <v>33</v>
      </c>
      <c r="AF37277">
        <v>33</v>
      </c>
      <c r="AG37277">
        <v>33</v>
      </c>
      <c r="AH37277">
        <v>34</v>
      </c>
      <c r="AI37277">
        <v>34</v>
      </c>
      <c r="AJ37277">
        <v>34</v>
      </c>
      <c r="AK37277">
        <v>34</v>
      </c>
      <c r="AL37277">
        <v>35</v>
      </c>
      <c r="AM37277">
        <v>35</v>
      </c>
      <c r="AN37277">
        <v>35</v>
      </c>
      <c r="AO37277">
        <v>35</v>
      </c>
      <c r="AP37277">
        <v>35</v>
      </c>
      <c r="AQ37277">
        <v>35</v>
      </c>
    </row>
    <row r="37278" spans="1:43">
      <c r="A37278" t="s">
        <v>23111</v>
      </c>
      <c r="B37278" t="s">
        <v>23112</v>
      </c>
      <c r="C37278" t="s">
        <v>23109</v>
      </c>
      <c r="D37278" t="s">
        <v>23110</v>
      </c>
      <c r="E37278" t="s">
        <v>23009</v>
      </c>
      <c r="F37278" t="s">
        <v>23010</v>
      </c>
      <c r="G37278" t="s">
        <v>11612</v>
      </c>
      <c r="H37278" t="s">
        <v>11613</v>
      </c>
      <c r="I37278" s="2">
        <v>0</v>
      </c>
      <c r="J37278" s="2">
        <v>0</v>
      </c>
      <c r="K37278" s="2">
        <v>1</v>
      </c>
      <c r="L37278" t="s">
        <v>995</v>
      </c>
      <c r="M37278" t="s">
        <v>83</v>
      </c>
      <c r="N37278" t="s">
        <v>84</v>
      </c>
      <c r="O37278" t="s">
        <v>85</v>
      </c>
      <c r="P37278" t="s">
        <v>86</v>
      </c>
      <c r="Q37278">
        <v>18</v>
      </c>
      <c r="R37278">
        <v>18</v>
      </c>
      <c r="S37278">
        <v>18</v>
      </c>
      <c r="T37278">
        <v>18</v>
      </c>
      <c r="U37278">
        <v>18</v>
      </c>
      <c r="V37278">
        <v>19</v>
      </c>
      <c r="W37278">
        <v>19</v>
      </c>
      <c r="X37278">
        <v>19</v>
      </c>
      <c r="Y37278">
        <v>19</v>
      </c>
      <c r="Z37278">
        <v>20</v>
      </c>
      <c r="AA37278">
        <v>20</v>
      </c>
      <c r="AB37278">
        <v>20</v>
      </c>
      <c r="AC37278">
        <v>20</v>
      </c>
      <c r="AD37278">
        <v>20</v>
      </c>
      <c r="AE37278">
        <v>21</v>
      </c>
      <c r="AF37278">
        <v>21</v>
      </c>
      <c r="AG37278">
        <v>21</v>
      </c>
      <c r="AH37278">
        <v>21</v>
      </c>
      <c r="AI37278">
        <v>21</v>
      </c>
      <c r="AJ37278">
        <v>22</v>
      </c>
      <c r="AK37278">
        <v>22</v>
      </c>
      <c r="AL37278">
        <v>22</v>
      </c>
      <c r="AM37278">
        <v>22</v>
      </c>
      <c r="AN37278">
        <v>22</v>
      </c>
      <c r="AO37278">
        <v>22</v>
      </c>
      <c r="AP37278">
        <v>22</v>
      </c>
      <c r="AQ37278">
        <v>22</v>
      </c>
    </row>
    <row r="37279" spans="1:43">
      <c r="A37279" t="s">
        <v>23111</v>
      </c>
      <c r="B37279" t="s">
        <v>23112</v>
      </c>
      <c r="C37279" t="s">
        <v>23109</v>
      </c>
      <c r="D37279" t="s">
        <v>23110</v>
      </c>
      <c r="E37279" t="s">
        <v>23009</v>
      </c>
      <c r="F37279" t="s">
        <v>23010</v>
      </c>
      <c r="G37279" t="s">
        <v>11612</v>
      </c>
      <c r="H37279" t="s">
        <v>11613</v>
      </c>
      <c r="I37279" s="2">
        <v>0</v>
      </c>
      <c r="J37279" s="2">
        <v>0</v>
      </c>
      <c r="K37279" s="2">
        <v>1</v>
      </c>
      <c r="L37279" t="s">
        <v>995</v>
      </c>
      <c r="M37279" t="s">
        <v>87</v>
      </c>
      <c r="N37279" t="s">
        <v>88</v>
      </c>
      <c r="O37279" t="s">
        <v>85</v>
      </c>
      <c r="P37279" t="s">
        <v>86</v>
      </c>
      <c r="Q37279">
        <v>18</v>
      </c>
      <c r="R37279">
        <v>18</v>
      </c>
      <c r="S37279">
        <v>19</v>
      </c>
      <c r="T37279">
        <v>19</v>
      </c>
      <c r="U37279">
        <v>19</v>
      </c>
      <c r="V37279">
        <v>19</v>
      </c>
      <c r="W37279">
        <v>19</v>
      </c>
      <c r="X37279">
        <v>19</v>
      </c>
      <c r="Y37279">
        <v>19</v>
      </c>
      <c r="Z37279">
        <v>19</v>
      </c>
      <c r="AA37279">
        <v>19</v>
      </c>
      <c r="AB37279">
        <v>19</v>
      </c>
      <c r="AC37279">
        <v>19</v>
      </c>
      <c r="AD37279">
        <v>19</v>
      </c>
      <c r="AE37279">
        <v>19</v>
      </c>
      <c r="AF37279">
        <v>19</v>
      </c>
      <c r="AG37279">
        <v>19</v>
      </c>
      <c r="AH37279">
        <v>19</v>
      </c>
      <c r="AI37279">
        <v>20</v>
      </c>
      <c r="AJ37279">
        <v>20</v>
      </c>
      <c r="AK37279">
        <v>20</v>
      </c>
      <c r="AL37279">
        <v>20</v>
      </c>
      <c r="AM37279">
        <v>20</v>
      </c>
      <c r="AN37279">
        <v>20</v>
      </c>
      <c r="AO37279">
        <v>20</v>
      </c>
      <c r="AP37279">
        <v>20</v>
      </c>
      <c r="AQ37279">
        <v>20</v>
      </c>
    </row>
    <row r="37280" spans="1:43">
      <c r="A37280" t="s">
        <v>23111</v>
      </c>
      <c r="B37280" t="s">
        <v>23112</v>
      </c>
      <c r="C37280" t="s">
        <v>23109</v>
      </c>
      <c r="D37280" t="s">
        <v>23110</v>
      </c>
      <c r="E37280" t="s">
        <v>23009</v>
      </c>
      <c r="F37280" t="s">
        <v>23010</v>
      </c>
      <c r="G37280" t="s">
        <v>11612</v>
      </c>
      <c r="H37280" t="s">
        <v>11613</v>
      </c>
      <c r="I37280" s="2">
        <v>0</v>
      </c>
      <c r="J37280" s="2">
        <v>0</v>
      </c>
      <c r="K37280" s="2">
        <v>1</v>
      </c>
      <c r="L37280" t="s">
        <v>995</v>
      </c>
      <c r="M37280" t="s">
        <v>89</v>
      </c>
      <c r="N37280" t="s">
        <v>90</v>
      </c>
      <c r="O37280" t="s">
        <v>85</v>
      </c>
      <c r="P37280" t="s">
        <v>86</v>
      </c>
      <c r="Q37280">
        <v>18</v>
      </c>
      <c r="R37280">
        <v>18</v>
      </c>
      <c r="S37280">
        <v>18</v>
      </c>
      <c r="T37280">
        <v>19</v>
      </c>
      <c r="U37280">
        <v>19</v>
      </c>
      <c r="V37280">
        <v>20</v>
      </c>
      <c r="W37280">
        <v>20</v>
      </c>
      <c r="X37280">
        <v>20</v>
      </c>
      <c r="Y37280">
        <v>21</v>
      </c>
      <c r="Z37280">
        <v>21</v>
      </c>
      <c r="AA37280">
        <v>21</v>
      </c>
      <c r="AB37280">
        <v>21</v>
      </c>
      <c r="AC37280">
        <v>22</v>
      </c>
      <c r="AD37280">
        <v>22</v>
      </c>
      <c r="AE37280">
        <v>22</v>
      </c>
      <c r="AF37280">
        <v>22</v>
      </c>
      <c r="AG37280">
        <v>22</v>
      </c>
      <c r="AH37280">
        <v>22</v>
      </c>
      <c r="AI37280">
        <v>22</v>
      </c>
      <c r="AJ37280">
        <v>22</v>
      </c>
      <c r="AK37280">
        <v>22</v>
      </c>
      <c r="AL37280">
        <v>22</v>
      </c>
      <c r="AM37280">
        <v>22</v>
      </c>
      <c r="AN37280">
        <v>22</v>
      </c>
      <c r="AO37280">
        <v>22</v>
      </c>
      <c r="AP37280">
        <v>22</v>
      </c>
      <c r="AQ37280">
        <v>22</v>
      </c>
    </row>
    <row r="37281" spans="1:43">
      <c r="A37281" t="s">
        <v>23111</v>
      </c>
      <c r="B37281" t="s">
        <v>23112</v>
      </c>
      <c r="C37281" t="s">
        <v>23109</v>
      </c>
      <c r="D37281" t="s">
        <v>23110</v>
      </c>
      <c r="E37281" t="s">
        <v>23009</v>
      </c>
      <c r="F37281" t="s">
        <v>23010</v>
      </c>
      <c r="G37281" t="s">
        <v>11612</v>
      </c>
      <c r="H37281" t="s">
        <v>11613</v>
      </c>
      <c r="I37281" s="2">
        <v>0</v>
      </c>
      <c r="J37281" s="2">
        <v>0</v>
      </c>
      <c r="K37281" s="2">
        <v>1</v>
      </c>
      <c r="L37281" t="s">
        <v>995</v>
      </c>
      <c r="M37281" t="s">
        <v>83</v>
      </c>
      <c r="N37281" t="s">
        <v>91</v>
      </c>
      <c r="O37281" t="s">
        <v>85</v>
      </c>
      <c r="P37281" t="s">
        <v>86</v>
      </c>
      <c r="Q37281">
        <v>18</v>
      </c>
      <c r="R37281">
        <v>18</v>
      </c>
      <c r="S37281">
        <v>18</v>
      </c>
      <c r="T37281">
        <v>18</v>
      </c>
      <c r="U37281">
        <v>18</v>
      </c>
      <c r="V37281">
        <v>19</v>
      </c>
      <c r="W37281">
        <v>19</v>
      </c>
      <c r="X37281">
        <v>19</v>
      </c>
      <c r="Y37281">
        <v>19</v>
      </c>
      <c r="Z37281">
        <v>20</v>
      </c>
      <c r="AA37281">
        <v>20</v>
      </c>
      <c r="AB37281">
        <v>20</v>
      </c>
      <c r="AC37281">
        <v>20</v>
      </c>
      <c r="AD37281">
        <v>20</v>
      </c>
      <c r="AE37281">
        <v>21</v>
      </c>
      <c r="AF37281">
        <v>21</v>
      </c>
      <c r="AG37281">
        <v>21</v>
      </c>
      <c r="AH37281">
        <v>21</v>
      </c>
      <c r="AI37281">
        <v>21</v>
      </c>
      <c r="AJ37281">
        <v>22</v>
      </c>
      <c r="AK37281">
        <v>22</v>
      </c>
      <c r="AL37281">
        <v>22</v>
      </c>
      <c r="AM37281">
        <v>22</v>
      </c>
      <c r="AN37281">
        <v>22</v>
      </c>
      <c r="AO37281">
        <v>22</v>
      </c>
      <c r="AP37281">
        <v>22</v>
      </c>
      <c r="AQ37281">
        <v>22</v>
      </c>
    </row>
    <row r="37282" spans="1:43">
      <c r="A37282" t="s">
        <v>23113</v>
      </c>
      <c r="B37282" t="s">
        <v>23114</v>
      </c>
      <c r="C37282" t="s">
        <v>23109</v>
      </c>
      <c r="D37282" t="s">
        <v>23110</v>
      </c>
      <c r="E37282" t="s">
        <v>23009</v>
      </c>
      <c r="F37282" t="s">
        <v>23010</v>
      </c>
      <c r="G37282" t="s">
        <v>11612</v>
      </c>
      <c r="H37282" t="s">
        <v>11613</v>
      </c>
      <c r="I37282" s="2">
        <v>0</v>
      </c>
      <c r="J37282" s="2">
        <v>0</v>
      </c>
      <c r="K37282" s="2">
        <v>1</v>
      </c>
      <c r="L37282" t="s">
        <v>995</v>
      </c>
      <c r="M37282" t="s">
        <v>83</v>
      </c>
      <c r="N37282" t="s">
        <v>84</v>
      </c>
      <c r="O37282" t="s">
        <v>85</v>
      </c>
      <c r="P37282" t="s">
        <v>86</v>
      </c>
      <c r="Q37282">
        <v>8</v>
      </c>
      <c r="R37282">
        <v>8</v>
      </c>
      <c r="S37282">
        <v>9</v>
      </c>
      <c r="T37282">
        <v>9</v>
      </c>
      <c r="U37282">
        <v>9</v>
      </c>
      <c r="V37282">
        <v>9</v>
      </c>
      <c r="W37282">
        <v>9</v>
      </c>
      <c r="X37282">
        <v>9</v>
      </c>
      <c r="Y37282">
        <v>9</v>
      </c>
      <c r="Z37282">
        <v>9</v>
      </c>
      <c r="AA37282">
        <v>9</v>
      </c>
      <c r="AB37282">
        <v>10</v>
      </c>
      <c r="AC37282">
        <v>10</v>
      </c>
      <c r="AD37282">
        <v>10</v>
      </c>
      <c r="AE37282">
        <v>10</v>
      </c>
      <c r="AF37282">
        <v>10</v>
      </c>
      <c r="AG37282">
        <v>10</v>
      </c>
      <c r="AH37282">
        <v>10</v>
      </c>
      <c r="AI37282">
        <v>10</v>
      </c>
      <c r="AJ37282">
        <v>10</v>
      </c>
      <c r="AK37282">
        <v>10</v>
      </c>
      <c r="AL37282">
        <v>10</v>
      </c>
      <c r="AM37282">
        <v>10</v>
      </c>
      <c r="AN37282">
        <v>10</v>
      </c>
      <c r="AO37282">
        <v>10</v>
      </c>
      <c r="AP37282">
        <v>10</v>
      </c>
      <c r="AQ37282">
        <v>10</v>
      </c>
    </row>
    <row r="37283" spans="1:43">
      <c r="A37283" t="s">
        <v>23113</v>
      </c>
      <c r="B37283" t="s">
        <v>23114</v>
      </c>
      <c r="C37283" t="s">
        <v>23109</v>
      </c>
      <c r="D37283" t="s">
        <v>23110</v>
      </c>
      <c r="E37283" t="s">
        <v>23009</v>
      </c>
      <c r="F37283" t="s">
        <v>23010</v>
      </c>
      <c r="G37283" t="s">
        <v>11612</v>
      </c>
      <c r="H37283" t="s">
        <v>11613</v>
      </c>
      <c r="I37283" s="2">
        <v>0</v>
      </c>
      <c r="J37283" s="2">
        <v>0</v>
      </c>
      <c r="K37283" s="2">
        <v>1</v>
      </c>
      <c r="L37283" t="s">
        <v>995</v>
      </c>
      <c r="M37283" t="s">
        <v>87</v>
      </c>
      <c r="N37283" t="s">
        <v>88</v>
      </c>
      <c r="O37283" t="s">
        <v>85</v>
      </c>
      <c r="P37283" t="s">
        <v>86</v>
      </c>
      <c r="Q37283">
        <v>8</v>
      </c>
      <c r="R37283">
        <v>8</v>
      </c>
      <c r="S37283">
        <v>8</v>
      </c>
      <c r="T37283">
        <v>8</v>
      </c>
      <c r="U37283">
        <v>8</v>
      </c>
      <c r="V37283">
        <v>8</v>
      </c>
      <c r="W37283">
        <v>8</v>
      </c>
      <c r="X37283">
        <v>8</v>
      </c>
      <c r="Y37283">
        <v>9</v>
      </c>
      <c r="Z37283">
        <v>9</v>
      </c>
      <c r="AA37283">
        <v>9</v>
      </c>
      <c r="AB37283">
        <v>9</v>
      </c>
      <c r="AC37283">
        <v>9</v>
      </c>
      <c r="AD37283">
        <v>9</v>
      </c>
      <c r="AE37283">
        <v>9</v>
      </c>
      <c r="AF37283">
        <v>9</v>
      </c>
      <c r="AG37283">
        <v>9</v>
      </c>
      <c r="AH37283">
        <v>9</v>
      </c>
      <c r="AI37283">
        <v>9</v>
      </c>
      <c r="AJ37283">
        <v>9</v>
      </c>
      <c r="AK37283">
        <v>9</v>
      </c>
      <c r="AL37283">
        <v>9</v>
      </c>
      <c r="AM37283">
        <v>9</v>
      </c>
      <c r="AN37283">
        <v>9</v>
      </c>
      <c r="AO37283">
        <v>9</v>
      </c>
      <c r="AP37283">
        <v>9</v>
      </c>
      <c r="AQ37283">
        <v>9</v>
      </c>
    </row>
    <row r="37284" spans="1:43">
      <c r="A37284" t="s">
        <v>23113</v>
      </c>
      <c r="B37284" t="s">
        <v>23114</v>
      </c>
      <c r="C37284" t="s">
        <v>23109</v>
      </c>
      <c r="D37284" t="s">
        <v>23110</v>
      </c>
      <c r="E37284" t="s">
        <v>23009</v>
      </c>
      <c r="F37284" t="s">
        <v>23010</v>
      </c>
      <c r="G37284" t="s">
        <v>11612</v>
      </c>
      <c r="H37284" t="s">
        <v>11613</v>
      </c>
      <c r="I37284" s="2">
        <v>0</v>
      </c>
      <c r="J37284" s="2">
        <v>0</v>
      </c>
      <c r="K37284" s="2">
        <v>1</v>
      </c>
      <c r="L37284" t="s">
        <v>995</v>
      </c>
      <c r="M37284" t="s">
        <v>89</v>
      </c>
      <c r="N37284" t="s">
        <v>90</v>
      </c>
      <c r="O37284" t="s">
        <v>85</v>
      </c>
      <c r="P37284" t="s">
        <v>86</v>
      </c>
      <c r="Q37284">
        <v>8</v>
      </c>
      <c r="R37284">
        <v>9</v>
      </c>
      <c r="S37284">
        <v>9</v>
      </c>
      <c r="T37284">
        <v>9</v>
      </c>
      <c r="U37284">
        <v>9</v>
      </c>
      <c r="V37284">
        <v>9</v>
      </c>
      <c r="W37284">
        <v>9</v>
      </c>
      <c r="X37284">
        <v>10</v>
      </c>
      <c r="Y37284">
        <v>10</v>
      </c>
      <c r="Z37284">
        <v>10</v>
      </c>
      <c r="AA37284">
        <v>10</v>
      </c>
      <c r="AB37284">
        <v>10</v>
      </c>
      <c r="AC37284">
        <v>10</v>
      </c>
      <c r="AD37284">
        <v>10</v>
      </c>
      <c r="AE37284">
        <v>11</v>
      </c>
      <c r="AF37284">
        <v>11</v>
      </c>
      <c r="AG37284">
        <v>11</v>
      </c>
      <c r="AH37284">
        <v>11</v>
      </c>
      <c r="AI37284">
        <v>11</v>
      </c>
      <c r="AJ37284">
        <v>11</v>
      </c>
      <c r="AK37284">
        <v>11</v>
      </c>
      <c r="AL37284">
        <v>11</v>
      </c>
      <c r="AM37284">
        <v>11</v>
      </c>
      <c r="AN37284">
        <v>11</v>
      </c>
      <c r="AO37284">
        <v>11</v>
      </c>
      <c r="AP37284">
        <v>11</v>
      </c>
      <c r="AQ37284">
        <v>11</v>
      </c>
    </row>
    <row r="37285" spans="1:43">
      <c r="A37285" t="s">
        <v>23113</v>
      </c>
      <c r="B37285" t="s">
        <v>23114</v>
      </c>
      <c r="C37285" t="s">
        <v>23109</v>
      </c>
      <c r="D37285" t="s">
        <v>23110</v>
      </c>
      <c r="E37285" t="s">
        <v>23009</v>
      </c>
      <c r="F37285" t="s">
        <v>23010</v>
      </c>
      <c r="G37285" t="s">
        <v>11612</v>
      </c>
      <c r="H37285" t="s">
        <v>11613</v>
      </c>
      <c r="I37285" s="2">
        <v>0</v>
      </c>
      <c r="J37285" s="2">
        <v>0</v>
      </c>
      <c r="K37285" s="2">
        <v>1</v>
      </c>
      <c r="L37285" t="s">
        <v>995</v>
      </c>
      <c r="M37285" t="s">
        <v>83</v>
      </c>
      <c r="N37285" t="s">
        <v>91</v>
      </c>
      <c r="O37285" t="s">
        <v>85</v>
      </c>
      <c r="P37285" t="s">
        <v>86</v>
      </c>
      <c r="Q37285">
        <v>8</v>
      </c>
      <c r="R37285">
        <v>8</v>
      </c>
      <c r="S37285">
        <v>9</v>
      </c>
      <c r="T37285">
        <v>9</v>
      </c>
      <c r="U37285">
        <v>9</v>
      </c>
      <c r="V37285">
        <v>9</v>
      </c>
      <c r="W37285">
        <v>9</v>
      </c>
      <c r="X37285">
        <v>9</v>
      </c>
      <c r="Y37285">
        <v>9</v>
      </c>
      <c r="Z37285">
        <v>9</v>
      </c>
      <c r="AA37285">
        <v>9</v>
      </c>
      <c r="AB37285">
        <v>10</v>
      </c>
      <c r="AC37285">
        <v>10</v>
      </c>
      <c r="AD37285">
        <v>10</v>
      </c>
      <c r="AE37285">
        <v>10</v>
      </c>
      <c r="AF37285">
        <v>10</v>
      </c>
      <c r="AG37285">
        <v>10</v>
      </c>
      <c r="AH37285">
        <v>10</v>
      </c>
      <c r="AI37285">
        <v>10</v>
      </c>
      <c r="AJ37285">
        <v>10</v>
      </c>
      <c r="AK37285">
        <v>10</v>
      </c>
      <c r="AL37285">
        <v>10</v>
      </c>
      <c r="AM37285">
        <v>10</v>
      </c>
      <c r="AN37285">
        <v>10</v>
      </c>
      <c r="AO37285">
        <v>10</v>
      </c>
      <c r="AP37285">
        <v>10</v>
      </c>
      <c r="AQ37285">
        <v>10</v>
      </c>
    </row>
    <row r="37286" spans="1:43">
      <c r="A37286" t="s">
        <v>23115</v>
      </c>
      <c r="B37286" t="s">
        <v>23116</v>
      </c>
      <c r="C37286" t="s">
        <v>23109</v>
      </c>
      <c r="D37286" t="s">
        <v>23110</v>
      </c>
      <c r="E37286" t="s">
        <v>23009</v>
      </c>
      <c r="F37286" t="s">
        <v>23010</v>
      </c>
      <c r="G37286" t="s">
        <v>11612</v>
      </c>
      <c r="H37286" t="s">
        <v>11613</v>
      </c>
      <c r="I37286" s="2">
        <v>0</v>
      </c>
      <c r="J37286" s="2">
        <v>0</v>
      </c>
      <c r="K37286" s="2">
        <v>1</v>
      </c>
      <c r="L37286" t="s">
        <v>995</v>
      </c>
      <c r="M37286" t="s">
        <v>83</v>
      </c>
      <c r="N37286" t="s">
        <v>84</v>
      </c>
      <c r="O37286" t="s">
        <v>85</v>
      </c>
      <c r="P37286" t="s">
        <v>86</v>
      </c>
      <c r="Q37286">
        <v>23</v>
      </c>
      <c r="R37286">
        <v>23</v>
      </c>
      <c r="S37286">
        <v>24</v>
      </c>
      <c r="T37286">
        <v>24</v>
      </c>
      <c r="U37286">
        <v>24</v>
      </c>
      <c r="V37286">
        <v>24</v>
      </c>
      <c r="W37286">
        <v>25</v>
      </c>
      <c r="X37286">
        <v>25</v>
      </c>
      <c r="Y37286">
        <v>25</v>
      </c>
      <c r="Z37286">
        <v>26</v>
      </c>
      <c r="AA37286">
        <v>26</v>
      </c>
      <c r="AB37286">
        <v>26</v>
      </c>
      <c r="AC37286">
        <v>27</v>
      </c>
      <c r="AD37286">
        <v>27</v>
      </c>
      <c r="AE37286">
        <v>27</v>
      </c>
      <c r="AF37286">
        <v>27</v>
      </c>
      <c r="AG37286">
        <v>28</v>
      </c>
      <c r="AH37286">
        <v>28</v>
      </c>
      <c r="AI37286">
        <v>28</v>
      </c>
      <c r="AJ37286">
        <v>29</v>
      </c>
      <c r="AK37286">
        <v>29</v>
      </c>
      <c r="AL37286">
        <v>29</v>
      </c>
      <c r="AM37286">
        <v>29</v>
      </c>
      <c r="AN37286">
        <v>29</v>
      </c>
      <c r="AO37286">
        <v>29</v>
      </c>
      <c r="AP37286">
        <v>29</v>
      </c>
      <c r="AQ37286">
        <v>29</v>
      </c>
    </row>
    <row r="37287" spans="1:43">
      <c r="A37287" t="s">
        <v>23115</v>
      </c>
      <c r="B37287" t="s">
        <v>23116</v>
      </c>
      <c r="C37287" t="s">
        <v>23109</v>
      </c>
      <c r="D37287" t="s">
        <v>23110</v>
      </c>
      <c r="E37287" t="s">
        <v>23009</v>
      </c>
      <c r="F37287" t="s">
        <v>23010</v>
      </c>
      <c r="G37287" t="s">
        <v>11612</v>
      </c>
      <c r="H37287" t="s">
        <v>11613</v>
      </c>
      <c r="I37287" s="2">
        <v>0</v>
      </c>
      <c r="J37287" s="2">
        <v>0</v>
      </c>
      <c r="K37287" s="2">
        <v>1</v>
      </c>
      <c r="L37287" t="s">
        <v>995</v>
      </c>
      <c r="M37287" t="s">
        <v>87</v>
      </c>
      <c r="N37287" t="s">
        <v>88</v>
      </c>
      <c r="O37287" t="s">
        <v>85</v>
      </c>
      <c r="P37287" t="s">
        <v>86</v>
      </c>
      <c r="Q37287">
        <v>23</v>
      </c>
      <c r="R37287">
        <v>23</v>
      </c>
      <c r="S37287">
        <v>23</v>
      </c>
      <c r="T37287">
        <v>23</v>
      </c>
      <c r="U37287">
        <v>23</v>
      </c>
      <c r="V37287">
        <v>23</v>
      </c>
      <c r="W37287">
        <v>23</v>
      </c>
      <c r="X37287">
        <v>23</v>
      </c>
      <c r="Y37287">
        <v>24</v>
      </c>
      <c r="Z37287">
        <v>24</v>
      </c>
      <c r="AA37287">
        <v>24</v>
      </c>
      <c r="AB37287">
        <v>24</v>
      </c>
      <c r="AC37287">
        <v>24</v>
      </c>
      <c r="AD37287">
        <v>24</v>
      </c>
      <c r="AE37287">
        <v>24</v>
      </c>
      <c r="AF37287">
        <v>24</v>
      </c>
      <c r="AG37287">
        <v>24</v>
      </c>
      <c r="AH37287">
        <v>24</v>
      </c>
      <c r="AI37287">
        <v>24</v>
      </c>
      <c r="AJ37287">
        <v>25</v>
      </c>
      <c r="AK37287">
        <v>25</v>
      </c>
      <c r="AL37287">
        <v>25</v>
      </c>
      <c r="AM37287">
        <v>25</v>
      </c>
      <c r="AN37287">
        <v>25</v>
      </c>
      <c r="AO37287">
        <v>25</v>
      </c>
      <c r="AP37287">
        <v>25</v>
      </c>
      <c r="AQ37287">
        <v>25</v>
      </c>
    </row>
    <row r="37288" spans="1:43">
      <c r="A37288" t="s">
        <v>23115</v>
      </c>
      <c r="B37288" t="s">
        <v>23116</v>
      </c>
      <c r="C37288" t="s">
        <v>23109</v>
      </c>
      <c r="D37288" t="s">
        <v>23110</v>
      </c>
      <c r="E37288" t="s">
        <v>23009</v>
      </c>
      <c r="F37288" t="s">
        <v>23010</v>
      </c>
      <c r="G37288" t="s">
        <v>11612</v>
      </c>
      <c r="H37288" t="s">
        <v>11613</v>
      </c>
      <c r="I37288" s="2">
        <v>0</v>
      </c>
      <c r="J37288" s="2">
        <v>0</v>
      </c>
      <c r="K37288" s="2">
        <v>1</v>
      </c>
      <c r="L37288" t="s">
        <v>995</v>
      </c>
      <c r="M37288" t="s">
        <v>89</v>
      </c>
      <c r="N37288" t="s">
        <v>90</v>
      </c>
      <c r="O37288" t="s">
        <v>85</v>
      </c>
      <c r="P37288" t="s">
        <v>86</v>
      </c>
      <c r="Q37288">
        <v>23</v>
      </c>
      <c r="R37288">
        <v>24</v>
      </c>
      <c r="S37288">
        <v>24</v>
      </c>
      <c r="T37288">
        <v>25</v>
      </c>
      <c r="U37288">
        <v>25</v>
      </c>
      <c r="V37288">
        <v>26</v>
      </c>
      <c r="W37288">
        <v>26</v>
      </c>
      <c r="X37288">
        <v>27</v>
      </c>
      <c r="Y37288">
        <v>27</v>
      </c>
      <c r="Z37288">
        <v>27</v>
      </c>
      <c r="AA37288">
        <v>28</v>
      </c>
      <c r="AB37288">
        <v>28</v>
      </c>
      <c r="AC37288">
        <v>28</v>
      </c>
      <c r="AD37288">
        <v>29</v>
      </c>
      <c r="AE37288">
        <v>29</v>
      </c>
      <c r="AF37288">
        <v>29</v>
      </c>
      <c r="AG37288">
        <v>29</v>
      </c>
      <c r="AH37288">
        <v>29</v>
      </c>
      <c r="AI37288">
        <v>29</v>
      </c>
      <c r="AJ37288">
        <v>29</v>
      </c>
      <c r="AK37288">
        <v>29</v>
      </c>
      <c r="AL37288">
        <v>29</v>
      </c>
      <c r="AM37288">
        <v>29</v>
      </c>
      <c r="AN37288">
        <v>29</v>
      </c>
      <c r="AO37288">
        <v>29</v>
      </c>
      <c r="AP37288">
        <v>29</v>
      </c>
      <c r="AQ37288">
        <v>29</v>
      </c>
    </row>
    <row r="37289" spans="1:43">
      <c r="A37289" t="s">
        <v>23115</v>
      </c>
      <c r="B37289" t="s">
        <v>23116</v>
      </c>
      <c r="C37289" t="s">
        <v>23109</v>
      </c>
      <c r="D37289" t="s">
        <v>23110</v>
      </c>
      <c r="E37289" t="s">
        <v>23009</v>
      </c>
      <c r="F37289" t="s">
        <v>23010</v>
      </c>
      <c r="G37289" t="s">
        <v>11612</v>
      </c>
      <c r="H37289" t="s">
        <v>11613</v>
      </c>
      <c r="I37289" s="2">
        <v>0</v>
      </c>
      <c r="J37289" s="2">
        <v>0</v>
      </c>
      <c r="K37289" s="2">
        <v>1</v>
      </c>
      <c r="L37289" t="s">
        <v>995</v>
      </c>
      <c r="M37289" t="s">
        <v>83</v>
      </c>
      <c r="N37289" t="s">
        <v>91</v>
      </c>
      <c r="O37289" t="s">
        <v>85</v>
      </c>
      <c r="P37289" t="s">
        <v>86</v>
      </c>
      <c r="Q37289">
        <v>23</v>
      </c>
      <c r="R37289">
        <v>23</v>
      </c>
      <c r="S37289">
        <v>24</v>
      </c>
      <c r="T37289">
        <v>24</v>
      </c>
      <c r="U37289">
        <v>24</v>
      </c>
      <c r="V37289">
        <v>24</v>
      </c>
      <c r="W37289">
        <v>25</v>
      </c>
      <c r="X37289">
        <v>25</v>
      </c>
      <c r="Y37289">
        <v>25</v>
      </c>
      <c r="Z37289">
        <v>26</v>
      </c>
      <c r="AA37289">
        <v>26</v>
      </c>
      <c r="AB37289">
        <v>26</v>
      </c>
      <c r="AC37289">
        <v>27</v>
      </c>
      <c r="AD37289">
        <v>27</v>
      </c>
      <c r="AE37289">
        <v>27</v>
      </c>
      <c r="AF37289">
        <v>27</v>
      </c>
      <c r="AG37289">
        <v>28</v>
      </c>
      <c r="AH37289">
        <v>28</v>
      </c>
      <c r="AI37289">
        <v>28</v>
      </c>
      <c r="AJ37289">
        <v>29</v>
      </c>
      <c r="AK37289">
        <v>29</v>
      </c>
      <c r="AL37289">
        <v>29</v>
      </c>
      <c r="AM37289">
        <v>29</v>
      </c>
      <c r="AN37289">
        <v>29</v>
      </c>
      <c r="AO37289">
        <v>29</v>
      </c>
      <c r="AP37289">
        <v>29</v>
      </c>
      <c r="AQ37289">
        <v>29</v>
      </c>
    </row>
    <row r="37290" spans="1:43">
      <c r="A37290" t="s">
        <v>23117</v>
      </c>
      <c r="B37290" t="s">
        <v>23118</v>
      </c>
      <c r="C37290" t="s">
        <v>23119</v>
      </c>
      <c r="D37290" t="s">
        <v>23120</v>
      </c>
      <c r="E37290" t="s">
        <v>23009</v>
      </c>
      <c r="F37290" t="s">
        <v>23010</v>
      </c>
      <c r="G37290" t="s">
        <v>11612</v>
      </c>
      <c r="H37290" t="s">
        <v>11613</v>
      </c>
      <c r="I37290" s="2">
        <v>0</v>
      </c>
      <c r="J37290" s="2">
        <v>0</v>
      </c>
      <c r="K37290" s="2">
        <v>1</v>
      </c>
      <c r="L37290" t="s">
        <v>995</v>
      </c>
      <c r="M37290" t="s">
        <v>83</v>
      </c>
      <c r="N37290" t="s">
        <v>84</v>
      </c>
      <c r="O37290" t="s">
        <v>85</v>
      </c>
      <c r="P37290" t="s">
        <v>86</v>
      </c>
      <c r="Q37290">
        <v>53</v>
      </c>
      <c r="R37290">
        <v>54</v>
      </c>
      <c r="S37290">
        <v>54</v>
      </c>
      <c r="T37290">
        <v>55</v>
      </c>
      <c r="U37290">
        <v>56</v>
      </c>
      <c r="V37290">
        <v>57</v>
      </c>
      <c r="W37290">
        <v>58</v>
      </c>
      <c r="X37290">
        <v>59</v>
      </c>
      <c r="Y37290">
        <v>60</v>
      </c>
      <c r="Z37290">
        <v>61</v>
      </c>
      <c r="AA37290">
        <v>61</v>
      </c>
      <c r="AB37290">
        <v>62</v>
      </c>
      <c r="AC37290">
        <v>63</v>
      </c>
      <c r="AD37290">
        <v>64</v>
      </c>
      <c r="AE37290">
        <v>65</v>
      </c>
      <c r="AF37290">
        <v>66</v>
      </c>
      <c r="AG37290">
        <v>66</v>
      </c>
      <c r="AH37290">
        <v>67</v>
      </c>
      <c r="AI37290">
        <v>68</v>
      </c>
      <c r="AJ37290">
        <v>69</v>
      </c>
      <c r="AK37290">
        <v>70</v>
      </c>
      <c r="AL37290">
        <v>70</v>
      </c>
      <c r="AM37290">
        <v>70</v>
      </c>
      <c r="AN37290">
        <v>70</v>
      </c>
      <c r="AO37290">
        <v>71</v>
      </c>
      <c r="AP37290">
        <v>71</v>
      </c>
      <c r="AQ37290">
        <v>71</v>
      </c>
    </row>
    <row r="37291" spans="1:43">
      <c r="A37291" t="s">
        <v>23117</v>
      </c>
      <c r="B37291" t="s">
        <v>23118</v>
      </c>
      <c r="C37291" t="s">
        <v>23119</v>
      </c>
      <c r="D37291" t="s">
        <v>23120</v>
      </c>
      <c r="E37291" t="s">
        <v>23009</v>
      </c>
      <c r="F37291" t="s">
        <v>23010</v>
      </c>
      <c r="G37291" t="s">
        <v>11612</v>
      </c>
      <c r="H37291" t="s">
        <v>11613</v>
      </c>
      <c r="I37291" s="2">
        <v>0</v>
      </c>
      <c r="J37291" s="2">
        <v>0</v>
      </c>
      <c r="K37291" s="2">
        <v>1</v>
      </c>
      <c r="L37291" t="s">
        <v>995</v>
      </c>
      <c r="M37291" t="s">
        <v>87</v>
      </c>
      <c r="N37291" t="s">
        <v>88</v>
      </c>
      <c r="O37291" t="s">
        <v>85</v>
      </c>
      <c r="P37291" t="s">
        <v>86</v>
      </c>
      <c r="Q37291">
        <v>53</v>
      </c>
      <c r="R37291">
        <v>54</v>
      </c>
      <c r="S37291">
        <v>54</v>
      </c>
      <c r="T37291">
        <v>54</v>
      </c>
      <c r="U37291">
        <v>55</v>
      </c>
      <c r="V37291">
        <v>55</v>
      </c>
      <c r="W37291">
        <v>55</v>
      </c>
      <c r="X37291">
        <v>56</v>
      </c>
      <c r="Y37291">
        <v>56</v>
      </c>
      <c r="Z37291">
        <v>57</v>
      </c>
      <c r="AA37291">
        <v>57</v>
      </c>
      <c r="AB37291">
        <v>57</v>
      </c>
      <c r="AC37291">
        <v>58</v>
      </c>
      <c r="AD37291">
        <v>58</v>
      </c>
      <c r="AE37291">
        <v>58</v>
      </c>
      <c r="AF37291">
        <v>59</v>
      </c>
      <c r="AG37291">
        <v>59</v>
      </c>
      <c r="AH37291">
        <v>59</v>
      </c>
      <c r="AI37291">
        <v>60</v>
      </c>
      <c r="AJ37291">
        <v>60</v>
      </c>
      <c r="AK37291">
        <v>60</v>
      </c>
      <c r="AL37291">
        <v>61</v>
      </c>
      <c r="AM37291">
        <v>61</v>
      </c>
      <c r="AN37291">
        <v>62</v>
      </c>
      <c r="AO37291">
        <v>62</v>
      </c>
      <c r="AP37291">
        <v>62</v>
      </c>
      <c r="AQ37291">
        <v>63</v>
      </c>
    </row>
    <row r="37292" spans="1:43">
      <c r="A37292" t="s">
        <v>23117</v>
      </c>
      <c r="B37292" t="s">
        <v>23118</v>
      </c>
      <c r="C37292" t="s">
        <v>23119</v>
      </c>
      <c r="D37292" t="s">
        <v>23120</v>
      </c>
      <c r="E37292" t="s">
        <v>23009</v>
      </c>
      <c r="F37292" t="s">
        <v>23010</v>
      </c>
      <c r="G37292" t="s">
        <v>11612</v>
      </c>
      <c r="H37292" t="s">
        <v>11613</v>
      </c>
      <c r="I37292" s="2">
        <v>0</v>
      </c>
      <c r="J37292" s="2">
        <v>0</v>
      </c>
      <c r="K37292" s="2">
        <v>1</v>
      </c>
      <c r="L37292" t="s">
        <v>995</v>
      </c>
      <c r="M37292" t="s">
        <v>89</v>
      </c>
      <c r="N37292" t="s">
        <v>90</v>
      </c>
      <c r="O37292" t="s">
        <v>85</v>
      </c>
      <c r="P37292" t="s">
        <v>86</v>
      </c>
      <c r="Q37292">
        <v>53</v>
      </c>
      <c r="R37292">
        <v>55</v>
      </c>
      <c r="S37292">
        <v>56</v>
      </c>
      <c r="T37292">
        <v>57</v>
      </c>
      <c r="U37292">
        <v>58</v>
      </c>
      <c r="V37292">
        <v>60</v>
      </c>
      <c r="W37292">
        <v>61</v>
      </c>
      <c r="X37292">
        <v>62</v>
      </c>
      <c r="Y37292">
        <v>63</v>
      </c>
      <c r="Z37292">
        <v>64</v>
      </c>
      <c r="AA37292">
        <v>65</v>
      </c>
      <c r="AB37292">
        <v>66</v>
      </c>
      <c r="AC37292">
        <v>68</v>
      </c>
      <c r="AD37292">
        <v>69</v>
      </c>
      <c r="AE37292">
        <v>69</v>
      </c>
      <c r="AF37292">
        <v>70</v>
      </c>
      <c r="AG37292">
        <v>70</v>
      </c>
      <c r="AH37292">
        <v>70</v>
      </c>
      <c r="AI37292">
        <v>70</v>
      </c>
      <c r="AJ37292">
        <v>70</v>
      </c>
      <c r="AK37292">
        <v>71</v>
      </c>
      <c r="AL37292">
        <v>71</v>
      </c>
      <c r="AM37292">
        <v>71</v>
      </c>
      <c r="AN37292">
        <v>71</v>
      </c>
      <c r="AO37292">
        <v>71</v>
      </c>
      <c r="AP37292">
        <v>71</v>
      </c>
      <c r="AQ37292">
        <v>72</v>
      </c>
    </row>
    <row r="37293" spans="1:43">
      <c r="A37293" t="s">
        <v>23117</v>
      </c>
      <c r="B37293" t="s">
        <v>23118</v>
      </c>
      <c r="C37293" t="s">
        <v>23119</v>
      </c>
      <c r="D37293" t="s">
        <v>23120</v>
      </c>
      <c r="E37293" t="s">
        <v>23009</v>
      </c>
      <c r="F37293" t="s">
        <v>23010</v>
      </c>
      <c r="G37293" t="s">
        <v>11612</v>
      </c>
      <c r="H37293" t="s">
        <v>11613</v>
      </c>
      <c r="I37293" s="2">
        <v>0</v>
      </c>
      <c r="J37293" s="2">
        <v>0</v>
      </c>
      <c r="K37293" s="2">
        <v>1</v>
      </c>
      <c r="L37293" t="s">
        <v>995</v>
      </c>
      <c r="M37293" t="s">
        <v>83</v>
      </c>
      <c r="N37293" t="s">
        <v>91</v>
      </c>
      <c r="O37293" t="s">
        <v>85</v>
      </c>
      <c r="P37293" t="s">
        <v>86</v>
      </c>
      <c r="Q37293">
        <v>53</v>
      </c>
      <c r="R37293">
        <v>54</v>
      </c>
      <c r="S37293">
        <v>54</v>
      </c>
      <c r="T37293">
        <v>55</v>
      </c>
      <c r="U37293">
        <v>56</v>
      </c>
      <c r="V37293">
        <v>57</v>
      </c>
      <c r="W37293">
        <v>58</v>
      </c>
      <c r="X37293">
        <v>59</v>
      </c>
      <c r="Y37293">
        <v>60</v>
      </c>
      <c r="Z37293">
        <v>61</v>
      </c>
      <c r="AA37293">
        <v>61</v>
      </c>
      <c r="AB37293">
        <v>62</v>
      </c>
      <c r="AC37293">
        <v>63</v>
      </c>
      <c r="AD37293">
        <v>64</v>
      </c>
      <c r="AE37293">
        <v>65</v>
      </c>
      <c r="AF37293">
        <v>66</v>
      </c>
      <c r="AG37293">
        <v>66</v>
      </c>
      <c r="AH37293">
        <v>67</v>
      </c>
      <c r="AI37293">
        <v>68</v>
      </c>
      <c r="AJ37293">
        <v>69</v>
      </c>
      <c r="AK37293">
        <v>70</v>
      </c>
      <c r="AL37293">
        <v>70</v>
      </c>
      <c r="AM37293">
        <v>70</v>
      </c>
      <c r="AN37293">
        <v>70</v>
      </c>
      <c r="AO37293">
        <v>71</v>
      </c>
      <c r="AP37293">
        <v>71</v>
      </c>
      <c r="AQ37293">
        <v>71</v>
      </c>
    </row>
    <row r="37294" spans="1:43">
      <c r="A37294" t="s">
        <v>23121</v>
      </c>
      <c r="B37294" t="s">
        <v>23122</v>
      </c>
      <c r="C37294" t="s">
        <v>23119</v>
      </c>
      <c r="D37294" t="s">
        <v>23120</v>
      </c>
      <c r="E37294" t="s">
        <v>23009</v>
      </c>
      <c r="F37294" t="s">
        <v>23010</v>
      </c>
      <c r="G37294" t="s">
        <v>11612</v>
      </c>
      <c r="H37294" t="s">
        <v>11613</v>
      </c>
      <c r="I37294" s="2">
        <v>0</v>
      </c>
      <c r="J37294" s="2">
        <v>0</v>
      </c>
      <c r="K37294" s="2">
        <v>1</v>
      </c>
      <c r="L37294" t="s">
        <v>995</v>
      </c>
      <c r="M37294" t="s">
        <v>83</v>
      </c>
      <c r="N37294" t="s">
        <v>84</v>
      </c>
      <c r="O37294" t="s">
        <v>85</v>
      </c>
      <c r="P37294" t="s">
        <v>86</v>
      </c>
      <c r="Q37294">
        <v>58</v>
      </c>
      <c r="R37294">
        <v>59</v>
      </c>
      <c r="S37294">
        <v>60</v>
      </c>
      <c r="T37294">
        <v>61</v>
      </c>
      <c r="U37294">
        <v>62</v>
      </c>
      <c r="V37294">
        <v>63</v>
      </c>
      <c r="W37294">
        <v>64</v>
      </c>
      <c r="X37294">
        <v>65</v>
      </c>
      <c r="Y37294">
        <v>66</v>
      </c>
      <c r="Z37294">
        <v>67</v>
      </c>
      <c r="AA37294">
        <v>68</v>
      </c>
      <c r="AB37294">
        <v>68</v>
      </c>
      <c r="AC37294">
        <v>69</v>
      </c>
      <c r="AD37294">
        <v>70</v>
      </c>
      <c r="AE37294">
        <v>71</v>
      </c>
      <c r="AF37294">
        <v>72</v>
      </c>
      <c r="AG37294">
        <v>73</v>
      </c>
      <c r="AH37294">
        <v>74</v>
      </c>
      <c r="AI37294">
        <v>75</v>
      </c>
      <c r="AJ37294">
        <v>76</v>
      </c>
      <c r="AK37294">
        <v>77</v>
      </c>
      <c r="AL37294">
        <v>77</v>
      </c>
      <c r="AM37294">
        <v>77</v>
      </c>
      <c r="AN37294">
        <v>78</v>
      </c>
      <c r="AO37294">
        <v>78</v>
      </c>
      <c r="AP37294">
        <v>78</v>
      </c>
      <c r="AQ37294">
        <v>78</v>
      </c>
    </row>
    <row r="37295" spans="1:43">
      <c r="A37295" t="s">
        <v>23121</v>
      </c>
      <c r="B37295" t="s">
        <v>23122</v>
      </c>
      <c r="C37295" t="s">
        <v>23119</v>
      </c>
      <c r="D37295" t="s">
        <v>23120</v>
      </c>
      <c r="E37295" t="s">
        <v>23009</v>
      </c>
      <c r="F37295" t="s">
        <v>23010</v>
      </c>
      <c r="G37295" t="s">
        <v>11612</v>
      </c>
      <c r="H37295" t="s">
        <v>11613</v>
      </c>
      <c r="I37295" s="2">
        <v>0</v>
      </c>
      <c r="J37295" s="2">
        <v>0</v>
      </c>
      <c r="K37295" s="2">
        <v>1</v>
      </c>
      <c r="L37295" t="s">
        <v>995</v>
      </c>
      <c r="M37295" t="s">
        <v>87</v>
      </c>
      <c r="N37295" t="s">
        <v>88</v>
      </c>
      <c r="O37295" t="s">
        <v>85</v>
      </c>
      <c r="P37295" t="s">
        <v>86</v>
      </c>
      <c r="Q37295">
        <v>58</v>
      </c>
      <c r="R37295">
        <v>59</v>
      </c>
      <c r="S37295">
        <v>59</v>
      </c>
      <c r="T37295">
        <v>60</v>
      </c>
      <c r="U37295">
        <v>60</v>
      </c>
      <c r="V37295">
        <v>60</v>
      </c>
      <c r="W37295">
        <v>61</v>
      </c>
      <c r="X37295">
        <v>61</v>
      </c>
      <c r="Y37295">
        <v>62</v>
      </c>
      <c r="Z37295">
        <v>62</v>
      </c>
      <c r="AA37295">
        <v>62</v>
      </c>
      <c r="AB37295">
        <v>63</v>
      </c>
      <c r="AC37295">
        <v>63</v>
      </c>
      <c r="AD37295">
        <v>64</v>
      </c>
      <c r="AE37295">
        <v>64</v>
      </c>
      <c r="AF37295">
        <v>64</v>
      </c>
      <c r="AG37295">
        <v>65</v>
      </c>
      <c r="AH37295">
        <v>65</v>
      </c>
      <c r="AI37295">
        <v>66</v>
      </c>
      <c r="AJ37295">
        <v>66</v>
      </c>
      <c r="AK37295">
        <v>66</v>
      </c>
      <c r="AL37295">
        <v>67</v>
      </c>
      <c r="AM37295">
        <v>67</v>
      </c>
      <c r="AN37295">
        <v>68</v>
      </c>
      <c r="AO37295">
        <v>68</v>
      </c>
      <c r="AP37295">
        <v>68</v>
      </c>
      <c r="AQ37295">
        <v>69</v>
      </c>
    </row>
    <row r="37296" spans="1:43">
      <c r="A37296" t="s">
        <v>23121</v>
      </c>
      <c r="B37296" t="s">
        <v>23122</v>
      </c>
      <c r="C37296" t="s">
        <v>23119</v>
      </c>
      <c r="D37296" t="s">
        <v>23120</v>
      </c>
      <c r="E37296" t="s">
        <v>23009</v>
      </c>
      <c r="F37296" t="s">
        <v>23010</v>
      </c>
      <c r="G37296" t="s">
        <v>11612</v>
      </c>
      <c r="H37296" t="s">
        <v>11613</v>
      </c>
      <c r="I37296" s="2">
        <v>0</v>
      </c>
      <c r="J37296" s="2">
        <v>0</v>
      </c>
      <c r="K37296" s="2">
        <v>1</v>
      </c>
      <c r="L37296" t="s">
        <v>995</v>
      </c>
      <c r="M37296" t="s">
        <v>89</v>
      </c>
      <c r="N37296" t="s">
        <v>90</v>
      </c>
      <c r="O37296" t="s">
        <v>85</v>
      </c>
      <c r="P37296" t="s">
        <v>86</v>
      </c>
      <c r="Q37296">
        <v>58</v>
      </c>
      <c r="R37296">
        <v>60</v>
      </c>
      <c r="S37296">
        <v>61</v>
      </c>
      <c r="T37296">
        <v>63</v>
      </c>
      <c r="U37296">
        <v>64</v>
      </c>
      <c r="V37296">
        <v>66</v>
      </c>
      <c r="W37296">
        <v>67</v>
      </c>
      <c r="X37296">
        <v>68</v>
      </c>
      <c r="Y37296">
        <v>69</v>
      </c>
      <c r="Z37296">
        <v>71</v>
      </c>
      <c r="AA37296">
        <v>72</v>
      </c>
      <c r="AB37296">
        <v>73</v>
      </c>
      <c r="AC37296">
        <v>74</v>
      </c>
      <c r="AD37296">
        <v>75</v>
      </c>
      <c r="AE37296">
        <v>76</v>
      </c>
      <c r="AF37296">
        <v>77</v>
      </c>
      <c r="AG37296">
        <v>77</v>
      </c>
      <c r="AH37296">
        <v>77</v>
      </c>
      <c r="AI37296">
        <v>77</v>
      </c>
      <c r="AJ37296">
        <v>77</v>
      </c>
      <c r="AK37296">
        <v>78</v>
      </c>
      <c r="AL37296">
        <v>78</v>
      </c>
      <c r="AM37296">
        <v>78</v>
      </c>
      <c r="AN37296">
        <v>78</v>
      </c>
      <c r="AO37296">
        <v>78</v>
      </c>
      <c r="AP37296">
        <v>79</v>
      </c>
      <c r="AQ37296">
        <v>79</v>
      </c>
    </row>
    <row r="37297" spans="1:43">
      <c r="A37297" t="s">
        <v>23121</v>
      </c>
      <c r="B37297" t="s">
        <v>23122</v>
      </c>
      <c r="C37297" t="s">
        <v>23119</v>
      </c>
      <c r="D37297" t="s">
        <v>23120</v>
      </c>
      <c r="E37297" t="s">
        <v>23009</v>
      </c>
      <c r="F37297" t="s">
        <v>23010</v>
      </c>
      <c r="G37297" t="s">
        <v>11612</v>
      </c>
      <c r="H37297" t="s">
        <v>11613</v>
      </c>
      <c r="I37297" s="2">
        <v>0</v>
      </c>
      <c r="J37297" s="2">
        <v>0</v>
      </c>
      <c r="K37297" s="2">
        <v>1</v>
      </c>
      <c r="L37297" t="s">
        <v>995</v>
      </c>
      <c r="M37297" t="s">
        <v>83</v>
      </c>
      <c r="N37297" t="s">
        <v>91</v>
      </c>
      <c r="O37297" t="s">
        <v>85</v>
      </c>
      <c r="P37297" t="s">
        <v>86</v>
      </c>
      <c r="Q37297">
        <v>58</v>
      </c>
      <c r="R37297">
        <v>59</v>
      </c>
      <c r="S37297">
        <v>60</v>
      </c>
      <c r="T37297">
        <v>61</v>
      </c>
      <c r="U37297">
        <v>62</v>
      </c>
      <c r="V37297">
        <v>63</v>
      </c>
      <c r="W37297">
        <v>64</v>
      </c>
      <c r="X37297">
        <v>65</v>
      </c>
      <c r="Y37297">
        <v>66</v>
      </c>
      <c r="Z37297">
        <v>67</v>
      </c>
      <c r="AA37297">
        <v>68</v>
      </c>
      <c r="AB37297">
        <v>68</v>
      </c>
      <c r="AC37297">
        <v>69</v>
      </c>
      <c r="AD37297">
        <v>70</v>
      </c>
      <c r="AE37297">
        <v>71</v>
      </c>
      <c r="AF37297">
        <v>72</v>
      </c>
      <c r="AG37297">
        <v>73</v>
      </c>
      <c r="AH37297">
        <v>74</v>
      </c>
      <c r="AI37297">
        <v>75</v>
      </c>
      <c r="AJ37297">
        <v>76</v>
      </c>
      <c r="AK37297">
        <v>77</v>
      </c>
      <c r="AL37297">
        <v>77</v>
      </c>
      <c r="AM37297">
        <v>77</v>
      </c>
      <c r="AN37297">
        <v>78</v>
      </c>
      <c r="AO37297">
        <v>78</v>
      </c>
      <c r="AP37297">
        <v>78</v>
      </c>
      <c r="AQ37297">
        <v>78</v>
      </c>
    </row>
    <row r="37298" spans="1:43">
      <c r="A37298" t="s">
        <v>23123</v>
      </c>
      <c r="B37298" t="s">
        <v>23124</v>
      </c>
      <c r="C37298" t="s">
        <v>23119</v>
      </c>
      <c r="D37298" t="s">
        <v>23120</v>
      </c>
      <c r="E37298" t="s">
        <v>23009</v>
      </c>
      <c r="F37298" t="s">
        <v>23010</v>
      </c>
      <c r="G37298" t="s">
        <v>11612</v>
      </c>
      <c r="H37298" t="s">
        <v>11613</v>
      </c>
      <c r="I37298" s="2">
        <v>0</v>
      </c>
      <c r="J37298" s="2">
        <v>0</v>
      </c>
      <c r="K37298" s="2">
        <v>1</v>
      </c>
      <c r="L37298" t="s">
        <v>995</v>
      </c>
      <c r="M37298" t="s">
        <v>83</v>
      </c>
      <c r="N37298" t="s">
        <v>84</v>
      </c>
      <c r="O37298" t="s">
        <v>85</v>
      </c>
      <c r="P37298" t="s">
        <v>86</v>
      </c>
      <c r="Q37298">
        <v>47</v>
      </c>
      <c r="R37298">
        <v>48</v>
      </c>
      <c r="S37298">
        <v>49</v>
      </c>
      <c r="T37298">
        <v>49</v>
      </c>
      <c r="U37298">
        <v>50</v>
      </c>
      <c r="V37298">
        <v>51</v>
      </c>
      <c r="W37298">
        <v>52</v>
      </c>
      <c r="X37298">
        <v>52</v>
      </c>
      <c r="Y37298">
        <v>53</v>
      </c>
      <c r="Z37298">
        <v>54</v>
      </c>
      <c r="AA37298">
        <v>55</v>
      </c>
      <c r="AB37298">
        <v>56</v>
      </c>
      <c r="AC37298">
        <v>56</v>
      </c>
      <c r="AD37298">
        <v>57</v>
      </c>
      <c r="AE37298">
        <v>58</v>
      </c>
      <c r="AF37298">
        <v>59</v>
      </c>
      <c r="AG37298">
        <v>59</v>
      </c>
      <c r="AH37298">
        <v>60</v>
      </c>
      <c r="AI37298">
        <v>61</v>
      </c>
      <c r="AJ37298">
        <v>61</v>
      </c>
      <c r="AK37298">
        <v>62</v>
      </c>
      <c r="AL37298">
        <v>63</v>
      </c>
      <c r="AM37298">
        <v>63</v>
      </c>
      <c r="AN37298">
        <v>63</v>
      </c>
      <c r="AO37298">
        <v>63</v>
      </c>
      <c r="AP37298">
        <v>63</v>
      </c>
      <c r="AQ37298">
        <v>63</v>
      </c>
    </row>
    <row r="37299" spans="1:43">
      <c r="A37299" t="s">
        <v>23123</v>
      </c>
      <c r="B37299" t="s">
        <v>23124</v>
      </c>
      <c r="C37299" t="s">
        <v>23119</v>
      </c>
      <c r="D37299" t="s">
        <v>23120</v>
      </c>
      <c r="E37299" t="s">
        <v>23009</v>
      </c>
      <c r="F37299" t="s">
        <v>23010</v>
      </c>
      <c r="G37299" t="s">
        <v>11612</v>
      </c>
      <c r="H37299" t="s">
        <v>11613</v>
      </c>
      <c r="I37299" s="2">
        <v>0</v>
      </c>
      <c r="J37299" s="2">
        <v>0</v>
      </c>
      <c r="K37299" s="2">
        <v>1</v>
      </c>
      <c r="L37299" t="s">
        <v>995</v>
      </c>
      <c r="M37299" t="s">
        <v>87</v>
      </c>
      <c r="N37299" t="s">
        <v>88</v>
      </c>
      <c r="O37299" t="s">
        <v>85</v>
      </c>
      <c r="P37299" t="s">
        <v>86</v>
      </c>
      <c r="Q37299">
        <v>47</v>
      </c>
      <c r="R37299">
        <v>47</v>
      </c>
      <c r="S37299">
        <v>47</v>
      </c>
      <c r="T37299">
        <v>48</v>
      </c>
      <c r="U37299">
        <v>48</v>
      </c>
      <c r="V37299">
        <v>48</v>
      </c>
      <c r="W37299">
        <v>49</v>
      </c>
      <c r="X37299">
        <v>49</v>
      </c>
      <c r="Y37299">
        <v>49</v>
      </c>
      <c r="Z37299">
        <v>50</v>
      </c>
      <c r="AA37299">
        <v>50</v>
      </c>
      <c r="AB37299">
        <v>50</v>
      </c>
      <c r="AC37299">
        <v>51</v>
      </c>
      <c r="AD37299">
        <v>51</v>
      </c>
      <c r="AE37299">
        <v>51</v>
      </c>
      <c r="AF37299">
        <v>52</v>
      </c>
      <c r="AG37299">
        <v>52</v>
      </c>
      <c r="AH37299">
        <v>52</v>
      </c>
      <c r="AI37299">
        <v>52</v>
      </c>
      <c r="AJ37299">
        <v>53</v>
      </c>
      <c r="AK37299">
        <v>53</v>
      </c>
      <c r="AL37299">
        <v>53</v>
      </c>
      <c r="AM37299">
        <v>54</v>
      </c>
      <c r="AN37299">
        <v>54</v>
      </c>
      <c r="AO37299">
        <v>54</v>
      </c>
      <c r="AP37299">
        <v>55</v>
      </c>
      <c r="AQ37299">
        <v>55</v>
      </c>
    </row>
    <row r="37300" spans="1:43">
      <c r="A37300" t="s">
        <v>23123</v>
      </c>
      <c r="B37300" t="s">
        <v>23124</v>
      </c>
      <c r="C37300" t="s">
        <v>23119</v>
      </c>
      <c r="D37300" t="s">
        <v>23120</v>
      </c>
      <c r="E37300" t="s">
        <v>23009</v>
      </c>
      <c r="F37300" t="s">
        <v>23010</v>
      </c>
      <c r="G37300" t="s">
        <v>11612</v>
      </c>
      <c r="H37300" t="s">
        <v>11613</v>
      </c>
      <c r="I37300" s="2">
        <v>0</v>
      </c>
      <c r="J37300" s="2">
        <v>0</v>
      </c>
      <c r="K37300" s="2">
        <v>1</v>
      </c>
      <c r="L37300" t="s">
        <v>995</v>
      </c>
      <c r="M37300" t="s">
        <v>89</v>
      </c>
      <c r="N37300" t="s">
        <v>90</v>
      </c>
      <c r="O37300" t="s">
        <v>85</v>
      </c>
      <c r="P37300" t="s">
        <v>86</v>
      </c>
      <c r="Q37300">
        <v>47</v>
      </c>
      <c r="R37300">
        <v>49</v>
      </c>
      <c r="S37300">
        <v>50</v>
      </c>
      <c r="T37300">
        <v>51</v>
      </c>
      <c r="U37300">
        <v>52</v>
      </c>
      <c r="V37300">
        <v>53</v>
      </c>
      <c r="W37300">
        <v>54</v>
      </c>
      <c r="X37300">
        <v>55</v>
      </c>
      <c r="Y37300">
        <v>56</v>
      </c>
      <c r="Z37300">
        <v>57</v>
      </c>
      <c r="AA37300">
        <v>58</v>
      </c>
      <c r="AB37300">
        <v>59</v>
      </c>
      <c r="AC37300">
        <v>60</v>
      </c>
      <c r="AD37300">
        <v>61</v>
      </c>
      <c r="AE37300">
        <v>62</v>
      </c>
      <c r="AF37300">
        <v>62</v>
      </c>
      <c r="AG37300">
        <v>62</v>
      </c>
      <c r="AH37300">
        <v>62</v>
      </c>
      <c r="AI37300">
        <v>63</v>
      </c>
      <c r="AJ37300">
        <v>63</v>
      </c>
      <c r="AK37300">
        <v>63</v>
      </c>
      <c r="AL37300">
        <v>63</v>
      </c>
      <c r="AM37300">
        <v>63</v>
      </c>
      <c r="AN37300">
        <v>63</v>
      </c>
      <c r="AO37300">
        <v>64</v>
      </c>
      <c r="AP37300">
        <v>64</v>
      </c>
      <c r="AQ37300">
        <v>64</v>
      </c>
    </row>
    <row r="37301" spans="1:43">
      <c r="A37301" t="s">
        <v>23123</v>
      </c>
      <c r="B37301" t="s">
        <v>23124</v>
      </c>
      <c r="C37301" t="s">
        <v>23119</v>
      </c>
      <c r="D37301" t="s">
        <v>23120</v>
      </c>
      <c r="E37301" t="s">
        <v>23009</v>
      </c>
      <c r="F37301" t="s">
        <v>23010</v>
      </c>
      <c r="G37301" t="s">
        <v>11612</v>
      </c>
      <c r="H37301" t="s">
        <v>11613</v>
      </c>
      <c r="I37301" s="2">
        <v>0</v>
      </c>
      <c r="J37301" s="2">
        <v>0</v>
      </c>
      <c r="K37301" s="2">
        <v>1</v>
      </c>
      <c r="L37301" t="s">
        <v>995</v>
      </c>
      <c r="M37301" t="s">
        <v>83</v>
      </c>
      <c r="N37301" t="s">
        <v>91</v>
      </c>
      <c r="O37301" t="s">
        <v>85</v>
      </c>
      <c r="P37301" t="s">
        <v>86</v>
      </c>
      <c r="Q37301">
        <v>47</v>
      </c>
      <c r="R37301">
        <v>48</v>
      </c>
      <c r="S37301">
        <v>49</v>
      </c>
      <c r="T37301">
        <v>49</v>
      </c>
      <c r="U37301">
        <v>50</v>
      </c>
      <c r="V37301">
        <v>51</v>
      </c>
      <c r="W37301">
        <v>52</v>
      </c>
      <c r="X37301">
        <v>52</v>
      </c>
      <c r="Y37301">
        <v>53</v>
      </c>
      <c r="Z37301">
        <v>54</v>
      </c>
      <c r="AA37301">
        <v>55</v>
      </c>
      <c r="AB37301">
        <v>56</v>
      </c>
      <c r="AC37301">
        <v>56</v>
      </c>
      <c r="AD37301">
        <v>57</v>
      </c>
      <c r="AE37301">
        <v>58</v>
      </c>
      <c r="AF37301">
        <v>59</v>
      </c>
      <c r="AG37301">
        <v>59</v>
      </c>
      <c r="AH37301">
        <v>60</v>
      </c>
      <c r="AI37301">
        <v>61</v>
      </c>
      <c r="AJ37301">
        <v>61</v>
      </c>
      <c r="AK37301">
        <v>62</v>
      </c>
      <c r="AL37301">
        <v>63</v>
      </c>
      <c r="AM37301">
        <v>63</v>
      </c>
      <c r="AN37301">
        <v>63</v>
      </c>
      <c r="AO37301">
        <v>63</v>
      </c>
      <c r="AP37301">
        <v>63</v>
      </c>
      <c r="AQ37301">
        <v>63</v>
      </c>
    </row>
    <row r="37302" spans="1:43">
      <c r="A37302" t="s">
        <v>23125</v>
      </c>
      <c r="B37302" t="s">
        <v>23126</v>
      </c>
      <c r="C37302" t="s">
        <v>23119</v>
      </c>
      <c r="D37302" t="s">
        <v>23120</v>
      </c>
      <c r="E37302" t="s">
        <v>23009</v>
      </c>
      <c r="F37302" t="s">
        <v>23010</v>
      </c>
      <c r="G37302" t="s">
        <v>11612</v>
      </c>
      <c r="H37302" t="s">
        <v>11613</v>
      </c>
      <c r="I37302" s="2">
        <v>0</v>
      </c>
      <c r="J37302" s="2">
        <v>0</v>
      </c>
      <c r="K37302" s="2">
        <v>1</v>
      </c>
      <c r="L37302" t="s">
        <v>995</v>
      </c>
      <c r="M37302" t="s">
        <v>83</v>
      </c>
      <c r="N37302" t="s">
        <v>84</v>
      </c>
      <c r="O37302" t="s">
        <v>85</v>
      </c>
      <c r="P37302" t="s">
        <v>86</v>
      </c>
      <c r="Q37302">
        <v>50</v>
      </c>
      <c r="R37302">
        <v>51</v>
      </c>
      <c r="S37302">
        <v>52</v>
      </c>
      <c r="T37302">
        <v>53</v>
      </c>
      <c r="U37302">
        <v>53</v>
      </c>
      <c r="V37302">
        <v>54</v>
      </c>
      <c r="W37302">
        <v>55</v>
      </c>
      <c r="X37302">
        <v>56</v>
      </c>
      <c r="Y37302">
        <v>57</v>
      </c>
      <c r="Z37302">
        <v>58</v>
      </c>
      <c r="AA37302">
        <v>58</v>
      </c>
      <c r="AB37302">
        <v>59</v>
      </c>
      <c r="AC37302">
        <v>60</v>
      </c>
      <c r="AD37302">
        <v>61</v>
      </c>
      <c r="AE37302">
        <v>62</v>
      </c>
      <c r="AF37302">
        <v>62</v>
      </c>
      <c r="AG37302">
        <v>63</v>
      </c>
      <c r="AH37302">
        <v>64</v>
      </c>
      <c r="AI37302">
        <v>65</v>
      </c>
      <c r="AJ37302">
        <v>66</v>
      </c>
      <c r="AK37302">
        <v>66</v>
      </c>
      <c r="AL37302">
        <v>67</v>
      </c>
      <c r="AM37302">
        <v>67</v>
      </c>
      <c r="AN37302">
        <v>67</v>
      </c>
      <c r="AO37302">
        <v>67</v>
      </c>
      <c r="AP37302">
        <v>67</v>
      </c>
      <c r="AQ37302">
        <v>68</v>
      </c>
    </row>
    <row r="37303" spans="1:43">
      <c r="A37303" t="s">
        <v>23125</v>
      </c>
      <c r="B37303" t="s">
        <v>23126</v>
      </c>
      <c r="C37303" t="s">
        <v>23119</v>
      </c>
      <c r="D37303" t="s">
        <v>23120</v>
      </c>
      <c r="E37303" t="s">
        <v>23009</v>
      </c>
      <c r="F37303" t="s">
        <v>23010</v>
      </c>
      <c r="G37303" t="s">
        <v>11612</v>
      </c>
      <c r="H37303" t="s">
        <v>11613</v>
      </c>
      <c r="I37303" s="2">
        <v>0</v>
      </c>
      <c r="J37303" s="2">
        <v>0</v>
      </c>
      <c r="K37303" s="2">
        <v>1</v>
      </c>
      <c r="L37303" t="s">
        <v>995</v>
      </c>
      <c r="M37303" t="s">
        <v>87</v>
      </c>
      <c r="N37303" t="s">
        <v>88</v>
      </c>
      <c r="O37303" t="s">
        <v>85</v>
      </c>
      <c r="P37303" t="s">
        <v>86</v>
      </c>
      <c r="Q37303">
        <v>50</v>
      </c>
      <c r="R37303">
        <v>50</v>
      </c>
      <c r="S37303">
        <v>50</v>
      </c>
      <c r="T37303">
        <v>51</v>
      </c>
      <c r="U37303">
        <v>51</v>
      </c>
      <c r="V37303">
        <v>51</v>
      </c>
      <c r="W37303">
        <v>52</v>
      </c>
      <c r="X37303">
        <v>52</v>
      </c>
      <c r="Y37303">
        <v>52</v>
      </c>
      <c r="Z37303">
        <v>53</v>
      </c>
      <c r="AA37303">
        <v>53</v>
      </c>
      <c r="AB37303">
        <v>54</v>
      </c>
      <c r="AC37303">
        <v>54</v>
      </c>
      <c r="AD37303">
        <v>54</v>
      </c>
      <c r="AE37303">
        <v>55</v>
      </c>
      <c r="AF37303">
        <v>55</v>
      </c>
      <c r="AG37303">
        <v>55</v>
      </c>
      <c r="AH37303">
        <v>56</v>
      </c>
      <c r="AI37303">
        <v>56</v>
      </c>
      <c r="AJ37303">
        <v>56</v>
      </c>
      <c r="AK37303">
        <v>57</v>
      </c>
      <c r="AL37303">
        <v>57</v>
      </c>
      <c r="AM37303">
        <v>57</v>
      </c>
      <c r="AN37303">
        <v>58</v>
      </c>
      <c r="AO37303">
        <v>58</v>
      </c>
      <c r="AP37303">
        <v>58</v>
      </c>
      <c r="AQ37303">
        <v>59</v>
      </c>
    </row>
    <row r="37304" spans="1:43">
      <c r="A37304" t="s">
        <v>23125</v>
      </c>
      <c r="B37304" t="s">
        <v>23126</v>
      </c>
      <c r="C37304" t="s">
        <v>23119</v>
      </c>
      <c r="D37304" t="s">
        <v>23120</v>
      </c>
      <c r="E37304" t="s">
        <v>23009</v>
      </c>
      <c r="F37304" t="s">
        <v>23010</v>
      </c>
      <c r="G37304" t="s">
        <v>11612</v>
      </c>
      <c r="H37304" t="s">
        <v>11613</v>
      </c>
      <c r="I37304" s="2">
        <v>0</v>
      </c>
      <c r="J37304" s="2">
        <v>0</v>
      </c>
      <c r="K37304" s="2">
        <v>1</v>
      </c>
      <c r="L37304" t="s">
        <v>995</v>
      </c>
      <c r="M37304" t="s">
        <v>89</v>
      </c>
      <c r="N37304" t="s">
        <v>90</v>
      </c>
      <c r="O37304" t="s">
        <v>85</v>
      </c>
      <c r="P37304" t="s">
        <v>86</v>
      </c>
      <c r="Q37304">
        <v>50</v>
      </c>
      <c r="R37304">
        <v>51</v>
      </c>
      <c r="S37304">
        <v>52</v>
      </c>
      <c r="T37304">
        <v>53</v>
      </c>
      <c r="U37304">
        <v>55</v>
      </c>
      <c r="V37304">
        <v>56</v>
      </c>
      <c r="W37304">
        <v>57</v>
      </c>
      <c r="X37304">
        <v>58</v>
      </c>
      <c r="Y37304">
        <v>59</v>
      </c>
      <c r="Z37304">
        <v>60</v>
      </c>
      <c r="AA37304">
        <v>61</v>
      </c>
      <c r="AB37304">
        <v>62</v>
      </c>
      <c r="AC37304">
        <v>63</v>
      </c>
      <c r="AD37304">
        <v>64</v>
      </c>
      <c r="AE37304">
        <v>65</v>
      </c>
      <c r="AF37304">
        <v>65</v>
      </c>
      <c r="AG37304">
        <v>65</v>
      </c>
      <c r="AH37304">
        <v>66</v>
      </c>
      <c r="AI37304">
        <v>66</v>
      </c>
      <c r="AJ37304">
        <v>66</v>
      </c>
      <c r="AK37304">
        <v>66</v>
      </c>
      <c r="AL37304">
        <v>66</v>
      </c>
      <c r="AM37304">
        <v>67</v>
      </c>
      <c r="AN37304">
        <v>67</v>
      </c>
      <c r="AO37304">
        <v>67</v>
      </c>
      <c r="AP37304">
        <v>67</v>
      </c>
      <c r="AQ37304">
        <v>67</v>
      </c>
    </row>
    <row r="37305" spans="1:43">
      <c r="A37305" t="s">
        <v>23125</v>
      </c>
      <c r="B37305" t="s">
        <v>23126</v>
      </c>
      <c r="C37305" t="s">
        <v>23119</v>
      </c>
      <c r="D37305" t="s">
        <v>23120</v>
      </c>
      <c r="E37305" t="s">
        <v>23009</v>
      </c>
      <c r="F37305" t="s">
        <v>23010</v>
      </c>
      <c r="G37305" t="s">
        <v>11612</v>
      </c>
      <c r="H37305" t="s">
        <v>11613</v>
      </c>
      <c r="I37305" s="2">
        <v>0</v>
      </c>
      <c r="J37305" s="2">
        <v>0</v>
      </c>
      <c r="K37305" s="2">
        <v>1</v>
      </c>
      <c r="L37305" t="s">
        <v>995</v>
      </c>
      <c r="M37305" t="s">
        <v>83</v>
      </c>
      <c r="N37305" t="s">
        <v>91</v>
      </c>
      <c r="O37305" t="s">
        <v>85</v>
      </c>
      <c r="P37305" t="s">
        <v>86</v>
      </c>
      <c r="Q37305">
        <v>50</v>
      </c>
      <c r="R37305">
        <v>51</v>
      </c>
      <c r="S37305">
        <v>52</v>
      </c>
      <c r="T37305">
        <v>53</v>
      </c>
      <c r="U37305">
        <v>53</v>
      </c>
      <c r="V37305">
        <v>54</v>
      </c>
      <c r="W37305">
        <v>55</v>
      </c>
      <c r="X37305">
        <v>56</v>
      </c>
      <c r="Y37305">
        <v>57</v>
      </c>
      <c r="Z37305">
        <v>58</v>
      </c>
      <c r="AA37305">
        <v>58</v>
      </c>
      <c r="AB37305">
        <v>59</v>
      </c>
      <c r="AC37305">
        <v>60</v>
      </c>
      <c r="AD37305">
        <v>61</v>
      </c>
      <c r="AE37305">
        <v>62</v>
      </c>
      <c r="AF37305">
        <v>62</v>
      </c>
      <c r="AG37305">
        <v>63</v>
      </c>
      <c r="AH37305">
        <v>64</v>
      </c>
      <c r="AI37305">
        <v>65</v>
      </c>
      <c r="AJ37305">
        <v>66</v>
      </c>
      <c r="AK37305">
        <v>66</v>
      </c>
      <c r="AL37305">
        <v>67</v>
      </c>
      <c r="AM37305">
        <v>67</v>
      </c>
      <c r="AN37305">
        <v>67</v>
      </c>
      <c r="AO37305">
        <v>67</v>
      </c>
      <c r="AP37305">
        <v>67</v>
      </c>
      <c r="AQ37305">
        <v>68</v>
      </c>
    </row>
    <row r="37306" spans="1:43">
      <c r="A37306" t="s">
        <v>23127</v>
      </c>
      <c r="B37306" t="s">
        <v>23128</v>
      </c>
      <c r="C37306" t="s">
        <v>23023</v>
      </c>
      <c r="D37306" t="s">
        <v>23024</v>
      </c>
      <c r="E37306" t="s">
        <v>23009</v>
      </c>
      <c r="F37306" t="s">
        <v>23010</v>
      </c>
      <c r="G37306" t="s">
        <v>11612</v>
      </c>
      <c r="H37306" t="s">
        <v>11613</v>
      </c>
      <c r="I37306" s="2">
        <v>0</v>
      </c>
      <c r="J37306" s="2">
        <v>0</v>
      </c>
      <c r="K37306" s="2">
        <v>1</v>
      </c>
      <c r="L37306" t="s">
        <v>995</v>
      </c>
      <c r="M37306" t="s">
        <v>83</v>
      </c>
      <c r="N37306" t="s">
        <v>84</v>
      </c>
      <c r="O37306" t="s">
        <v>85</v>
      </c>
      <c r="P37306" t="s">
        <v>86</v>
      </c>
      <c r="Q37306">
        <v>144</v>
      </c>
      <c r="R37306">
        <v>147</v>
      </c>
      <c r="S37306">
        <v>149</v>
      </c>
      <c r="T37306">
        <v>152</v>
      </c>
      <c r="U37306">
        <v>154</v>
      </c>
      <c r="V37306">
        <v>156</v>
      </c>
      <c r="W37306">
        <v>159</v>
      </c>
      <c r="X37306">
        <v>161</v>
      </c>
      <c r="Y37306">
        <v>164</v>
      </c>
      <c r="Z37306">
        <v>166</v>
      </c>
      <c r="AA37306">
        <v>169</v>
      </c>
      <c r="AB37306">
        <v>171</v>
      </c>
      <c r="AC37306">
        <v>173</v>
      </c>
      <c r="AD37306">
        <v>175</v>
      </c>
      <c r="AE37306">
        <v>178</v>
      </c>
      <c r="AF37306">
        <v>180</v>
      </c>
      <c r="AG37306">
        <v>182</v>
      </c>
      <c r="AH37306">
        <v>184</v>
      </c>
      <c r="AI37306">
        <v>187</v>
      </c>
      <c r="AJ37306">
        <v>189</v>
      </c>
      <c r="AK37306">
        <v>191</v>
      </c>
      <c r="AL37306">
        <v>192</v>
      </c>
      <c r="AM37306">
        <v>193</v>
      </c>
      <c r="AN37306">
        <v>193</v>
      </c>
      <c r="AO37306">
        <v>194</v>
      </c>
      <c r="AP37306">
        <v>194</v>
      </c>
      <c r="AQ37306">
        <v>195</v>
      </c>
    </row>
    <row r="37307" spans="1:43">
      <c r="A37307" t="s">
        <v>23127</v>
      </c>
      <c r="B37307" t="s">
        <v>23128</v>
      </c>
      <c r="C37307" t="s">
        <v>23023</v>
      </c>
      <c r="D37307" t="s">
        <v>23024</v>
      </c>
      <c r="E37307" t="s">
        <v>23009</v>
      </c>
      <c r="F37307" t="s">
        <v>23010</v>
      </c>
      <c r="G37307" t="s">
        <v>11612</v>
      </c>
      <c r="H37307" t="s">
        <v>11613</v>
      </c>
      <c r="I37307" s="2">
        <v>0</v>
      </c>
      <c r="J37307" s="2">
        <v>0</v>
      </c>
      <c r="K37307" s="2">
        <v>1</v>
      </c>
      <c r="L37307" t="s">
        <v>995</v>
      </c>
      <c r="M37307" t="s">
        <v>87</v>
      </c>
      <c r="N37307" t="s">
        <v>88</v>
      </c>
      <c r="O37307" t="s">
        <v>85</v>
      </c>
      <c r="P37307" t="s">
        <v>86</v>
      </c>
      <c r="Q37307">
        <v>144</v>
      </c>
      <c r="R37307">
        <v>145</v>
      </c>
      <c r="S37307">
        <v>146</v>
      </c>
      <c r="T37307">
        <v>147</v>
      </c>
      <c r="U37307">
        <v>148</v>
      </c>
      <c r="V37307">
        <v>149</v>
      </c>
      <c r="W37307">
        <v>150</v>
      </c>
      <c r="X37307">
        <v>151</v>
      </c>
      <c r="Y37307">
        <v>152</v>
      </c>
      <c r="Z37307">
        <v>153</v>
      </c>
      <c r="AA37307">
        <v>154</v>
      </c>
      <c r="AB37307">
        <v>155</v>
      </c>
      <c r="AC37307">
        <v>156</v>
      </c>
      <c r="AD37307">
        <v>157</v>
      </c>
      <c r="AE37307">
        <v>158</v>
      </c>
      <c r="AF37307">
        <v>159</v>
      </c>
      <c r="AG37307">
        <v>160</v>
      </c>
      <c r="AH37307">
        <v>161</v>
      </c>
      <c r="AI37307">
        <v>162</v>
      </c>
      <c r="AJ37307">
        <v>163</v>
      </c>
      <c r="AK37307">
        <v>164</v>
      </c>
      <c r="AL37307">
        <v>165</v>
      </c>
      <c r="AM37307">
        <v>166</v>
      </c>
      <c r="AN37307">
        <v>167</v>
      </c>
      <c r="AO37307">
        <v>168</v>
      </c>
      <c r="AP37307">
        <v>169</v>
      </c>
      <c r="AQ37307">
        <v>170</v>
      </c>
    </row>
    <row r="37308" spans="1:43">
      <c r="A37308" t="s">
        <v>23127</v>
      </c>
      <c r="B37308" t="s">
        <v>23128</v>
      </c>
      <c r="C37308" t="s">
        <v>23023</v>
      </c>
      <c r="D37308" t="s">
        <v>23024</v>
      </c>
      <c r="E37308" t="s">
        <v>23009</v>
      </c>
      <c r="F37308" t="s">
        <v>23010</v>
      </c>
      <c r="G37308" t="s">
        <v>11612</v>
      </c>
      <c r="H37308" t="s">
        <v>11613</v>
      </c>
      <c r="I37308" s="2">
        <v>0</v>
      </c>
      <c r="J37308" s="2">
        <v>0</v>
      </c>
      <c r="K37308" s="2">
        <v>1</v>
      </c>
      <c r="L37308" t="s">
        <v>995</v>
      </c>
      <c r="M37308" t="s">
        <v>89</v>
      </c>
      <c r="N37308" t="s">
        <v>90</v>
      </c>
      <c r="O37308" t="s">
        <v>85</v>
      </c>
      <c r="P37308" t="s">
        <v>86</v>
      </c>
      <c r="Q37308">
        <v>144</v>
      </c>
      <c r="R37308">
        <v>147</v>
      </c>
      <c r="S37308">
        <v>151</v>
      </c>
      <c r="T37308">
        <v>155</v>
      </c>
      <c r="U37308">
        <v>158</v>
      </c>
      <c r="V37308">
        <v>162</v>
      </c>
      <c r="W37308">
        <v>165</v>
      </c>
      <c r="X37308">
        <v>168</v>
      </c>
      <c r="Y37308">
        <v>171</v>
      </c>
      <c r="Z37308">
        <v>174</v>
      </c>
      <c r="AA37308">
        <v>177</v>
      </c>
      <c r="AB37308">
        <v>180</v>
      </c>
      <c r="AC37308">
        <v>183</v>
      </c>
      <c r="AD37308">
        <v>186</v>
      </c>
      <c r="AE37308">
        <v>188</v>
      </c>
      <c r="AF37308">
        <v>189</v>
      </c>
      <c r="AG37308">
        <v>189</v>
      </c>
      <c r="AH37308">
        <v>190</v>
      </c>
      <c r="AI37308">
        <v>190</v>
      </c>
      <c r="AJ37308">
        <v>191</v>
      </c>
      <c r="AK37308">
        <v>192</v>
      </c>
      <c r="AL37308">
        <v>192</v>
      </c>
      <c r="AM37308">
        <v>192</v>
      </c>
      <c r="AN37308">
        <v>193</v>
      </c>
      <c r="AO37308">
        <v>193</v>
      </c>
      <c r="AP37308">
        <v>194</v>
      </c>
      <c r="AQ37308">
        <v>194</v>
      </c>
    </row>
    <row r="37309" spans="1:43">
      <c r="A37309" t="s">
        <v>23127</v>
      </c>
      <c r="B37309" t="s">
        <v>23128</v>
      </c>
      <c r="C37309" t="s">
        <v>23023</v>
      </c>
      <c r="D37309" t="s">
        <v>23024</v>
      </c>
      <c r="E37309" t="s">
        <v>23009</v>
      </c>
      <c r="F37309" t="s">
        <v>23010</v>
      </c>
      <c r="G37309" t="s">
        <v>11612</v>
      </c>
      <c r="H37309" t="s">
        <v>11613</v>
      </c>
      <c r="I37309" s="2">
        <v>0</v>
      </c>
      <c r="J37309" s="2">
        <v>0</v>
      </c>
      <c r="K37309" s="2">
        <v>1</v>
      </c>
      <c r="L37309" t="s">
        <v>995</v>
      </c>
      <c r="M37309" t="s">
        <v>83</v>
      </c>
      <c r="N37309" t="s">
        <v>91</v>
      </c>
      <c r="O37309" t="s">
        <v>85</v>
      </c>
      <c r="P37309" t="s">
        <v>86</v>
      </c>
      <c r="Q37309">
        <v>144</v>
      </c>
      <c r="R37309">
        <v>147</v>
      </c>
      <c r="S37309">
        <v>149</v>
      </c>
      <c r="T37309">
        <v>152</v>
      </c>
      <c r="U37309">
        <v>154</v>
      </c>
      <c r="V37309">
        <v>156</v>
      </c>
      <c r="W37309">
        <v>159</v>
      </c>
      <c r="X37309">
        <v>161</v>
      </c>
      <c r="Y37309">
        <v>164</v>
      </c>
      <c r="Z37309">
        <v>166</v>
      </c>
      <c r="AA37309">
        <v>169</v>
      </c>
      <c r="AB37309">
        <v>171</v>
      </c>
      <c r="AC37309">
        <v>173</v>
      </c>
      <c r="AD37309">
        <v>175</v>
      </c>
      <c r="AE37309">
        <v>178</v>
      </c>
      <c r="AF37309">
        <v>180</v>
      </c>
      <c r="AG37309">
        <v>182</v>
      </c>
      <c r="AH37309">
        <v>184</v>
      </c>
      <c r="AI37309">
        <v>187</v>
      </c>
      <c r="AJ37309">
        <v>189</v>
      </c>
      <c r="AK37309">
        <v>191</v>
      </c>
      <c r="AL37309">
        <v>192</v>
      </c>
      <c r="AM37309">
        <v>193</v>
      </c>
      <c r="AN37309">
        <v>193</v>
      </c>
      <c r="AO37309">
        <v>194</v>
      </c>
      <c r="AP37309">
        <v>194</v>
      </c>
      <c r="AQ37309">
        <v>195</v>
      </c>
    </row>
    <row r="37310" spans="1:43">
      <c r="A37310" t="s">
        <v>23129</v>
      </c>
      <c r="B37310" t="s">
        <v>23130</v>
      </c>
      <c r="C37310" t="s">
        <v>23023</v>
      </c>
      <c r="D37310" t="s">
        <v>23024</v>
      </c>
      <c r="E37310" t="s">
        <v>23009</v>
      </c>
      <c r="F37310" t="s">
        <v>23010</v>
      </c>
      <c r="G37310" t="s">
        <v>11612</v>
      </c>
      <c r="H37310" t="s">
        <v>11613</v>
      </c>
      <c r="I37310" s="2">
        <v>0</v>
      </c>
      <c r="J37310" s="2">
        <v>0</v>
      </c>
      <c r="K37310" s="2">
        <v>1</v>
      </c>
      <c r="L37310" t="s">
        <v>995</v>
      </c>
      <c r="M37310" t="s">
        <v>83</v>
      </c>
      <c r="N37310" t="s">
        <v>84</v>
      </c>
      <c r="O37310" t="s">
        <v>85</v>
      </c>
      <c r="P37310" t="s">
        <v>86</v>
      </c>
      <c r="Q37310">
        <v>50</v>
      </c>
      <c r="R37310">
        <v>51</v>
      </c>
      <c r="S37310">
        <v>52</v>
      </c>
      <c r="T37310">
        <v>53</v>
      </c>
      <c r="U37310">
        <v>54</v>
      </c>
      <c r="V37310">
        <v>54</v>
      </c>
      <c r="W37310">
        <v>55</v>
      </c>
      <c r="X37310">
        <v>56</v>
      </c>
      <c r="Y37310">
        <v>57</v>
      </c>
      <c r="Z37310">
        <v>58</v>
      </c>
      <c r="AA37310">
        <v>59</v>
      </c>
      <c r="AB37310">
        <v>59</v>
      </c>
      <c r="AC37310">
        <v>60</v>
      </c>
      <c r="AD37310">
        <v>61</v>
      </c>
      <c r="AE37310">
        <v>62</v>
      </c>
      <c r="AF37310">
        <v>63</v>
      </c>
      <c r="AG37310">
        <v>63</v>
      </c>
      <c r="AH37310">
        <v>64</v>
      </c>
      <c r="AI37310">
        <v>65</v>
      </c>
      <c r="AJ37310">
        <v>66</v>
      </c>
      <c r="AK37310">
        <v>66</v>
      </c>
      <c r="AL37310">
        <v>67</v>
      </c>
      <c r="AM37310">
        <v>67</v>
      </c>
      <c r="AN37310">
        <v>67</v>
      </c>
      <c r="AO37310">
        <v>67</v>
      </c>
      <c r="AP37310">
        <v>68</v>
      </c>
      <c r="AQ37310">
        <v>68</v>
      </c>
    </row>
    <row r="37311" spans="1:43">
      <c r="A37311" t="s">
        <v>23129</v>
      </c>
      <c r="B37311" t="s">
        <v>23130</v>
      </c>
      <c r="C37311" t="s">
        <v>23023</v>
      </c>
      <c r="D37311" t="s">
        <v>23024</v>
      </c>
      <c r="E37311" t="s">
        <v>23009</v>
      </c>
      <c r="F37311" t="s">
        <v>23010</v>
      </c>
      <c r="G37311" t="s">
        <v>11612</v>
      </c>
      <c r="H37311" t="s">
        <v>11613</v>
      </c>
      <c r="I37311" s="2">
        <v>0</v>
      </c>
      <c r="J37311" s="2">
        <v>0</v>
      </c>
      <c r="K37311" s="2">
        <v>1</v>
      </c>
      <c r="L37311" t="s">
        <v>995</v>
      </c>
      <c r="M37311" t="s">
        <v>87</v>
      </c>
      <c r="N37311" t="s">
        <v>88</v>
      </c>
      <c r="O37311" t="s">
        <v>85</v>
      </c>
      <c r="P37311" t="s">
        <v>86</v>
      </c>
      <c r="Q37311">
        <v>50</v>
      </c>
      <c r="R37311">
        <v>50</v>
      </c>
      <c r="S37311">
        <v>50</v>
      </c>
      <c r="T37311">
        <v>51</v>
      </c>
      <c r="U37311">
        <v>51</v>
      </c>
      <c r="V37311">
        <v>52</v>
      </c>
      <c r="W37311">
        <v>52</v>
      </c>
      <c r="X37311">
        <v>52</v>
      </c>
      <c r="Y37311">
        <v>53</v>
      </c>
      <c r="Z37311">
        <v>53</v>
      </c>
      <c r="AA37311">
        <v>53</v>
      </c>
      <c r="AB37311">
        <v>54</v>
      </c>
      <c r="AC37311">
        <v>54</v>
      </c>
      <c r="AD37311">
        <v>54</v>
      </c>
      <c r="AE37311">
        <v>55</v>
      </c>
      <c r="AF37311">
        <v>55</v>
      </c>
      <c r="AG37311">
        <v>55</v>
      </c>
      <c r="AH37311">
        <v>56</v>
      </c>
      <c r="AI37311">
        <v>56</v>
      </c>
      <c r="AJ37311">
        <v>56</v>
      </c>
      <c r="AK37311">
        <v>57</v>
      </c>
      <c r="AL37311">
        <v>57</v>
      </c>
      <c r="AM37311">
        <v>57</v>
      </c>
      <c r="AN37311">
        <v>58</v>
      </c>
      <c r="AO37311">
        <v>58</v>
      </c>
      <c r="AP37311">
        <v>58</v>
      </c>
      <c r="AQ37311">
        <v>59</v>
      </c>
    </row>
    <row r="37312" spans="1:43">
      <c r="A37312" t="s">
        <v>23129</v>
      </c>
      <c r="B37312" t="s">
        <v>23130</v>
      </c>
      <c r="C37312" t="s">
        <v>23023</v>
      </c>
      <c r="D37312" t="s">
        <v>23024</v>
      </c>
      <c r="E37312" t="s">
        <v>23009</v>
      </c>
      <c r="F37312" t="s">
        <v>23010</v>
      </c>
      <c r="G37312" t="s">
        <v>11612</v>
      </c>
      <c r="H37312" t="s">
        <v>11613</v>
      </c>
      <c r="I37312" s="2">
        <v>0</v>
      </c>
      <c r="J37312" s="2">
        <v>0</v>
      </c>
      <c r="K37312" s="2">
        <v>1</v>
      </c>
      <c r="L37312" t="s">
        <v>995</v>
      </c>
      <c r="M37312" t="s">
        <v>89</v>
      </c>
      <c r="N37312" t="s">
        <v>90</v>
      </c>
      <c r="O37312" t="s">
        <v>85</v>
      </c>
      <c r="P37312" t="s">
        <v>86</v>
      </c>
      <c r="Q37312">
        <v>50</v>
      </c>
      <c r="R37312">
        <v>51</v>
      </c>
      <c r="S37312">
        <v>52</v>
      </c>
      <c r="T37312">
        <v>53</v>
      </c>
      <c r="U37312">
        <v>55</v>
      </c>
      <c r="V37312">
        <v>56</v>
      </c>
      <c r="W37312">
        <v>57</v>
      </c>
      <c r="X37312">
        <v>58</v>
      </c>
      <c r="Y37312">
        <v>59</v>
      </c>
      <c r="Z37312">
        <v>60</v>
      </c>
      <c r="AA37312">
        <v>61</v>
      </c>
      <c r="AB37312">
        <v>62</v>
      </c>
      <c r="AC37312">
        <v>63</v>
      </c>
      <c r="AD37312">
        <v>64</v>
      </c>
      <c r="AE37312">
        <v>65</v>
      </c>
      <c r="AF37312">
        <v>65</v>
      </c>
      <c r="AG37312">
        <v>66</v>
      </c>
      <c r="AH37312">
        <v>66</v>
      </c>
      <c r="AI37312">
        <v>66</v>
      </c>
      <c r="AJ37312">
        <v>66</v>
      </c>
      <c r="AK37312">
        <v>66</v>
      </c>
      <c r="AL37312">
        <v>66</v>
      </c>
      <c r="AM37312">
        <v>67</v>
      </c>
      <c r="AN37312">
        <v>67</v>
      </c>
      <c r="AO37312">
        <v>67</v>
      </c>
      <c r="AP37312">
        <v>67</v>
      </c>
      <c r="AQ37312">
        <v>67</v>
      </c>
    </row>
    <row r="37313" spans="1:43">
      <c r="A37313" t="s">
        <v>23129</v>
      </c>
      <c r="B37313" t="s">
        <v>23130</v>
      </c>
      <c r="C37313" t="s">
        <v>23023</v>
      </c>
      <c r="D37313" t="s">
        <v>23024</v>
      </c>
      <c r="E37313" t="s">
        <v>23009</v>
      </c>
      <c r="F37313" t="s">
        <v>23010</v>
      </c>
      <c r="G37313" t="s">
        <v>11612</v>
      </c>
      <c r="H37313" t="s">
        <v>11613</v>
      </c>
      <c r="I37313" s="2">
        <v>0</v>
      </c>
      <c r="J37313" s="2">
        <v>0</v>
      </c>
      <c r="K37313" s="2">
        <v>1</v>
      </c>
      <c r="L37313" t="s">
        <v>995</v>
      </c>
      <c r="M37313" t="s">
        <v>83</v>
      </c>
      <c r="N37313" t="s">
        <v>91</v>
      </c>
      <c r="O37313" t="s">
        <v>85</v>
      </c>
      <c r="P37313" t="s">
        <v>86</v>
      </c>
      <c r="Q37313">
        <v>50</v>
      </c>
      <c r="R37313">
        <v>51</v>
      </c>
      <c r="S37313">
        <v>52</v>
      </c>
      <c r="T37313">
        <v>53</v>
      </c>
      <c r="U37313">
        <v>54</v>
      </c>
      <c r="V37313">
        <v>54</v>
      </c>
      <c r="W37313">
        <v>55</v>
      </c>
      <c r="X37313">
        <v>56</v>
      </c>
      <c r="Y37313">
        <v>57</v>
      </c>
      <c r="Z37313">
        <v>58</v>
      </c>
      <c r="AA37313">
        <v>59</v>
      </c>
      <c r="AB37313">
        <v>59</v>
      </c>
      <c r="AC37313">
        <v>60</v>
      </c>
      <c r="AD37313">
        <v>61</v>
      </c>
      <c r="AE37313">
        <v>62</v>
      </c>
      <c r="AF37313">
        <v>63</v>
      </c>
      <c r="AG37313">
        <v>63</v>
      </c>
      <c r="AH37313">
        <v>64</v>
      </c>
      <c r="AI37313">
        <v>65</v>
      </c>
      <c r="AJ37313">
        <v>66</v>
      </c>
      <c r="AK37313">
        <v>66</v>
      </c>
      <c r="AL37313">
        <v>67</v>
      </c>
      <c r="AM37313">
        <v>67</v>
      </c>
      <c r="AN37313">
        <v>67</v>
      </c>
      <c r="AO37313">
        <v>67</v>
      </c>
      <c r="AP37313">
        <v>68</v>
      </c>
      <c r="AQ37313">
        <v>68</v>
      </c>
    </row>
    <row r="37314" spans="1:43">
      <c r="A37314" t="s">
        <v>23131</v>
      </c>
      <c r="B37314" t="s">
        <v>23132</v>
      </c>
      <c r="C37314" t="s">
        <v>23023</v>
      </c>
      <c r="D37314" t="s">
        <v>23024</v>
      </c>
      <c r="E37314" t="s">
        <v>23009</v>
      </c>
      <c r="F37314" t="s">
        <v>23010</v>
      </c>
      <c r="G37314" t="s">
        <v>11612</v>
      </c>
      <c r="H37314" t="s">
        <v>11613</v>
      </c>
      <c r="I37314" s="2">
        <v>0</v>
      </c>
      <c r="J37314" s="2">
        <v>0</v>
      </c>
      <c r="K37314" s="2">
        <v>1</v>
      </c>
      <c r="L37314" t="s">
        <v>995</v>
      </c>
      <c r="M37314" t="s">
        <v>83</v>
      </c>
      <c r="N37314" t="s">
        <v>84</v>
      </c>
      <c r="O37314" t="s">
        <v>85</v>
      </c>
      <c r="P37314" t="s">
        <v>86</v>
      </c>
      <c r="Q37314">
        <v>11</v>
      </c>
      <c r="R37314">
        <v>11</v>
      </c>
      <c r="S37314">
        <v>12</v>
      </c>
      <c r="T37314">
        <v>12</v>
      </c>
      <c r="U37314">
        <v>12</v>
      </c>
      <c r="V37314">
        <v>12</v>
      </c>
      <c r="W37314">
        <v>12</v>
      </c>
      <c r="X37314">
        <v>12</v>
      </c>
      <c r="Y37314">
        <v>13</v>
      </c>
      <c r="Z37314">
        <v>13</v>
      </c>
      <c r="AA37314">
        <v>13</v>
      </c>
      <c r="AB37314">
        <v>13</v>
      </c>
      <c r="AC37314">
        <v>13</v>
      </c>
      <c r="AD37314">
        <v>14</v>
      </c>
      <c r="AE37314">
        <v>14</v>
      </c>
      <c r="AF37314">
        <v>14</v>
      </c>
      <c r="AG37314">
        <v>14</v>
      </c>
      <c r="AH37314">
        <v>14</v>
      </c>
      <c r="AI37314">
        <v>14</v>
      </c>
      <c r="AJ37314">
        <v>15</v>
      </c>
      <c r="AK37314">
        <v>15</v>
      </c>
      <c r="AL37314">
        <v>15</v>
      </c>
      <c r="AM37314">
        <v>15</v>
      </c>
      <c r="AN37314">
        <v>15</v>
      </c>
      <c r="AO37314">
        <v>15</v>
      </c>
      <c r="AP37314">
        <v>15</v>
      </c>
      <c r="AQ37314">
        <v>15</v>
      </c>
    </row>
    <row r="37315" spans="1:43">
      <c r="A37315" t="s">
        <v>23131</v>
      </c>
      <c r="B37315" t="s">
        <v>23132</v>
      </c>
      <c r="C37315" t="s">
        <v>23023</v>
      </c>
      <c r="D37315" t="s">
        <v>23024</v>
      </c>
      <c r="E37315" t="s">
        <v>23009</v>
      </c>
      <c r="F37315" t="s">
        <v>23010</v>
      </c>
      <c r="G37315" t="s">
        <v>11612</v>
      </c>
      <c r="H37315" t="s">
        <v>11613</v>
      </c>
      <c r="I37315" s="2">
        <v>0</v>
      </c>
      <c r="J37315" s="2">
        <v>0</v>
      </c>
      <c r="K37315" s="2">
        <v>1</v>
      </c>
      <c r="L37315" t="s">
        <v>995</v>
      </c>
      <c r="M37315" t="s">
        <v>87</v>
      </c>
      <c r="N37315" t="s">
        <v>88</v>
      </c>
      <c r="O37315" t="s">
        <v>85</v>
      </c>
      <c r="P37315" t="s">
        <v>86</v>
      </c>
      <c r="Q37315">
        <v>11</v>
      </c>
      <c r="R37315">
        <v>11</v>
      </c>
      <c r="S37315">
        <v>11</v>
      </c>
      <c r="T37315">
        <v>11</v>
      </c>
      <c r="U37315">
        <v>11</v>
      </c>
      <c r="V37315">
        <v>11</v>
      </c>
      <c r="W37315">
        <v>12</v>
      </c>
      <c r="X37315">
        <v>12</v>
      </c>
      <c r="Y37315">
        <v>12</v>
      </c>
      <c r="Z37315">
        <v>12</v>
      </c>
      <c r="AA37315">
        <v>12</v>
      </c>
      <c r="AB37315">
        <v>12</v>
      </c>
      <c r="AC37315">
        <v>12</v>
      </c>
      <c r="AD37315">
        <v>12</v>
      </c>
      <c r="AE37315">
        <v>12</v>
      </c>
      <c r="AF37315">
        <v>12</v>
      </c>
      <c r="AG37315">
        <v>12</v>
      </c>
      <c r="AH37315">
        <v>12</v>
      </c>
      <c r="AI37315">
        <v>12</v>
      </c>
      <c r="AJ37315">
        <v>13</v>
      </c>
      <c r="AK37315">
        <v>13</v>
      </c>
      <c r="AL37315">
        <v>13</v>
      </c>
      <c r="AM37315">
        <v>13</v>
      </c>
      <c r="AN37315">
        <v>13</v>
      </c>
      <c r="AO37315">
        <v>13</v>
      </c>
      <c r="AP37315">
        <v>13</v>
      </c>
      <c r="AQ37315">
        <v>13</v>
      </c>
    </row>
    <row r="37316" spans="1:43">
      <c r="A37316" t="s">
        <v>23131</v>
      </c>
      <c r="B37316" t="s">
        <v>23132</v>
      </c>
      <c r="C37316" t="s">
        <v>23023</v>
      </c>
      <c r="D37316" t="s">
        <v>23024</v>
      </c>
      <c r="E37316" t="s">
        <v>23009</v>
      </c>
      <c r="F37316" t="s">
        <v>23010</v>
      </c>
      <c r="G37316" t="s">
        <v>11612</v>
      </c>
      <c r="H37316" t="s">
        <v>11613</v>
      </c>
      <c r="I37316" s="2">
        <v>0</v>
      </c>
      <c r="J37316" s="2">
        <v>0</v>
      </c>
      <c r="K37316" s="2">
        <v>1</v>
      </c>
      <c r="L37316" t="s">
        <v>995</v>
      </c>
      <c r="M37316" t="s">
        <v>89</v>
      </c>
      <c r="N37316" t="s">
        <v>90</v>
      </c>
      <c r="O37316" t="s">
        <v>85</v>
      </c>
      <c r="P37316" t="s">
        <v>86</v>
      </c>
      <c r="Q37316">
        <v>11</v>
      </c>
      <c r="R37316">
        <v>12</v>
      </c>
      <c r="S37316">
        <v>12</v>
      </c>
      <c r="T37316">
        <v>12</v>
      </c>
      <c r="U37316">
        <v>12</v>
      </c>
      <c r="V37316">
        <v>13</v>
      </c>
      <c r="W37316">
        <v>13</v>
      </c>
      <c r="X37316">
        <v>13</v>
      </c>
      <c r="Y37316">
        <v>13</v>
      </c>
      <c r="Z37316">
        <v>14</v>
      </c>
      <c r="AA37316">
        <v>14</v>
      </c>
      <c r="AB37316">
        <v>14</v>
      </c>
      <c r="AC37316">
        <v>14</v>
      </c>
      <c r="AD37316">
        <v>15</v>
      </c>
      <c r="AE37316">
        <v>15</v>
      </c>
      <c r="AF37316">
        <v>15</v>
      </c>
      <c r="AG37316">
        <v>15</v>
      </c>
      <c r="AH37316">
        <v>15</v>
      </c>
      <c r="AI37316">
        <v>15</v>
      </c>
      <c r="AJ37316">
        <v>15</v>
      </c>
      <c r="AK37316">
        <v>15</v>
      </c>
      <c r="AL37316">
        <v>15</v>
      </c>
      <c r="AM37316">
        <v>15</v>
      </c>
      <c r="AN37316">
        <v>15</v>
      </c>
      <c r="AO37316">
        <v>15</v>
      </c>
      <c r="AP37316">
        <v>15</v>
      </c>
      <c r="AQ37316">
        <v>15</v>
      </c>
    </row>
    <row r="37317" spans="1:43">
      <c r="A37317" t="s">
        <v>23131</v>
      </c>
      <c r="B37317" t="s">
        <v>23132</v>
      </c>
      <c r="C37317" t="s">
        <v>23023</v>
      </c>
      <c r="D37317" t="s">
        <v>23024</v>
      </c>
      <c r="E37317" t="s">
        <v>23009</v>
      </c>
      <c r="F37317" t="s">
        <v>23010</v>
      </c>
      <c r="G37317" t="s">
        <v>11612</v>
      </c>
      <c r="H37317" t="s">
        <v>11613</v>
      </c>
      <c r="I37317" s="2">
        <v>0</v>
      </c>
      <c r="J37317" s="2">
        <v>0</v>
      </c>
      <c r="K37317" s="2">
        <v>1</v>
      </c>
      <c r="L37317" t="s">
        <v>995</v>
      </c>
      <c r="M37317" t="s">
        <v>83</v>
      </c>
      <c r="N37317" t="s">
        <v>91</v>
      </c>
      <c r="O37317" t="s">
        <v>85</v>
      </c>
      <c r="P37317" t="s">
        <v>86</v>
      </c>
      <c r="Q37317">
        <v>11</v>
      </c>
      <c r="R37317">
        <v>11</v>
      </c>
      <c r="S37317">
        <v>12</v>
      </c>
      <c r="T37317">
        <v>12</v>
      </c>
      <c r="U37317">
        <v>12</v>
      </c>
      <c r="V37317">
        <v>12</v>
      </c>
      <c r="W37317">
        <v>12</v>
      </c>
      <c r="X37317">
        <v>12</v>
      </c>
      <c r="Y37317">
        <v>13</v>
      </c>
      <c r="Z37317">
        <v>13</v>
      </c>
      <c r="AA37317">
        <v>13</v>
      </c>
      <c r="AB37317">
        <v>13</v>
      </c>
      <c r="AC37317">
        <v>13</v>
      </c>
      <c r="AD37317">
        <v>14</v>
      </c>
      <c r="AE37317">
        <v>14</v>
      </c>
      <c r="AF37317">
        <v>14</v>
      </c>
      <c r="AG37317">
        <v>14</v>
      </c>
      <c r="AH37317">
        <v>14</v>
      </c>
      <c r="AI37317">
        <v>14</v>
      </c>
      <c r="AJ37317">
        <v>15</v>
      </c>
      <c r="AK37317">
        <v>15</v>
      </c>
      <c r="AL37317">
        <v>15</v>
      </c>
      <c r="AM37317">
        <v>15</v>
      </c>
      <c r="AN37317">
        <v>15</v>
      </c>
      <c r="AO37317">
        <v>15</v>
      </c>
      <c r="AP37317">
        <v>15</v>
      </c>
      <c r="AQ37317">
        <v>15</v>
      </c>
    </row>
    <row r="37318" spans="1:43">
      <c r="A37318" t="s">
        <v>23133</v>
      </c>
      <c r="B37318" t="s">
        <v>23134</v>
      </c>
      <c r="C37318" t="s">
        <v>23071</v>
      </c>
      <c r="D37318" t="s">
        <v>23072</v>
      </c>
      <c r="E37318" t="s">
        <v>23009</v>
      </c>
      <c r="F37318" t="s">
        <v>23010</v>
      </c>
      <c r="G37318" t="s">
        <v>11612</v>
      </c>
      <c r="H37318" t="s">
        <v>11613</v>
      </c>
      <c r="I37318" s="2">
        <v>0</v>
      </c>
      <c r="J37318" s="2">
        <v>0</v>
      </c>
      <c r="K37318" s="2">
        <v>1</v>
      </c>
      <c r="L37318" t="s">
        <v>995</v>
      </c>
      <c r="M37318" t="s">
        <v>83</v>
      </c>
      <c r="N37318" t="s">
        <v>84</v>
      </c>
      <c r="O37318" t="s">
        <v>85</v>
      </c>
      <c r="P37318" t="s">
        <v>86</v>
      </c>
      <c r="Q37318">
        <v>48</v>
      </c>
      <c r="R37318">
        <v>48</v>
      </c>
      <c r="S37318">
        <v>49</v>
      </c>
      <c r="T37318">
        <v>50</v>
      </c>
      <c r="U37318">
        <v>50</v>
      </c>
      <c r="V37318">
        <v>51</v>
      </c>
      <c r="W37318">
        <v>51</v>
      </c>
      <c r="X37318">
        <v>52</v>
      </c>
      <c r="Y37318">
        <v>53</v>
      </c>
      <c r="Z37318">
        <v>53</v>
      </c>
      <c r="AA37318">
        <v>54</v>
      </c>
      <c r="AB37318">
        <v>54</v>
      </c>
      <c r="AC37318">
        <v>55</v>
      </c>
      <c r="AD37318">
        <v>55</v>
      </c>
      <c r="AE37318">
        <v>56</v>
      </c>
      <c r="AF37318">
        <v>57</v>
      </c>
      <c r="AG37318">
        <v>57</v>
      </c>
      <c r="AH37318">
        <v>58</v>
      </c>
      <c r="AI37318">
        <v>58</v>
      </c>
      <c r="AJ37318">
        <v>59</v>
      </c>
      <c r="AK37318">
        <v>59</v>
      </c>
      <c r="AL37318">
        <v>60</v>
      </c>
      <c r="AM37318">
        <v>60</v>
      </c>
      <c r="AN37318">
        <v>59</v>
      </c>
      <c r="AO37318">
        <v>59</v>
      </c>
      <c r="AP37318">
        <v>59</v>
      </c>
      <c r="AQ37318">
        <v>59</v>
      </c>
    </row>
    <row r="37319" spans="1:43">
      <c r="A37319" t="s">
        <v>23133</v>
      </c>
      <c r="B37319" t="s">
        <v>23134</v>
      </c>
      <c r="C37319" t="s">
        <v>23071</v>
      </c>
      <c r="D37319" t="s">
        <v>23072</v>
      </c>
      <c r="E37319" t="s">
        <v>23009</v>
      </c>
      <c r="F37319" t="s">
        <v>23010</v>
      </c>
      <c r="G37319" t="s">
        <v>11612</v>
      </c>
      <c r="H37319" t="s">
        <v>11613</v>
      </c>
      <c r="I37319" s="2">
        <v>0</v>
      </c>
      <c r="J37319" s="2">
        <v>0</v>
      </c>
      <c r="K37319" s="2">
        <v>1</v>
      </c>
      <c r="L37319" t="s">
        <v>995</v>
      </c>
      <c r="M37319" t="s">
        <v>87</v>
      </c>
      <c r="N37319" t="s">
        <v>88</v>
      </c>
      <c r="O37319" t="s">
        <v>85</v>
      </c>
      <c r="P37319" t="s">
        <v>86</v>
      </c>
      <c r="Q37319">
        <v>48</v>
      </c>
      <c r="R37319">
        <v>48</v>
      </c>
      <c r="S37319">
        <v>49</v>
      </c>
      <c r="T37319">
        <v>49</v>
      </c>
      <c r="U37319">
        <v>49</v>
      </c>
      <c r="V37319">
        <v>49</v>
      </c>
      <c r="W37319">
        <v>49</v>
      </c>
      <c r="X37319">
        <v>49</v>
      </c>
      <c r="Y37319">
        <v>50</v>
      </c>
      <c r="Z37319">
        <v>50</v>
      </c>
      <c r="AA37319">
        <v>50</v>
      </c>
      <c r="AB37319">
        <v>50</v>
      </c>
      <c r="AC37319">
        <v>50</v>
      </c>
      <c r="AD37319">
        <v>50</v>
      </c>
      <c r="AE37319">
        <v>51</v>
      </c>
      <c r="AF37319">
        <v>51</v>
      </c>
      <c r="AG37319">
        <v>51</v>
      </c>
      <c r="AH37319">
        <v>51</v>
      </c>
      <c r="AI37319">
        <v>51</v>
      </c>
      <c r="AJ37319">
        <v>51</v>
      </c>
      <c r="AK37319">
        <v>51</v>
      </c>
      <c r="AL37319">
        <v>52</v>
      </c>
      <c r="AM37319">
        <v>52</v>
      </c>
      <c r="AN37319">
        <v>52</v>
      </c>
      <c r="AO37319">
        <v>52</v>
      </c>
      <c r="AP37319">
        <v>52</v>
      </c>
      <c r="AQ37319">
        <v>52</v>
      </c>
    </row>
    <row r="37320" spans="1:43">
      <c r="A37320" t="s">
        <v>23133</v>
      </c>
      <c r="B37320" t="s">
        <v>23134</v>
      </c>
      <c r="C37320" t="s">
        <v>23071</v>
      </c>
      <c r="D37320" t="s">
        <v>23072</v>
      </c>
      <c r="E37320" t="s">
        <v>23009</v>
      </c>
      <c r="F37320" t="s">
        <v>23010</v>
      </c>
      <c r="G37320" t="s">
        <v>11612</v>
      </c>
      <c r="H37320" t="s">
        <v>11613</v>
      </c>
      <c r="I37320" s="2">
        <v>0</v>
      </c>
      <c r="J37320" s="2">
        <v>0</v>
      </c>
      <c r="K37320" s="2">
        <v>1</v>
      </c>
      <c r="L37320" t="s">
        <v>995</v>
      </c>
      <c r="M37320" t="s">
        <v>89</v>
      </c>
      <c r="N37320" t="s">
        <v>90</v>
      </c>
      <c r="O37320" t="s">
        <v>85</v>
      </c>
      <c r="P37320" t="s">
        <v>86</v>
      </c>
      <c r="Q37320">
        <v>48</v>
      </c>
      <c r="R37320">
        <v>49</v>
      </c>
      <c r="S37320">
        <v>50</v>
      </c>
      <c r="T37320">
        <v>51</v>
      </c>
      <c r="U37320">
        <v>52</v>
      </c>
      <c r="V37320">
        <v>53</v>
      </c>
      <c r="W37320">
        <v>54</v>
      </c>
      <c r="X37320">
        <v>55</v>
      </c>
      <c r="Y37320">
        <v>56</v>
      </c>
      <c r="Z37320">
        <v>57</v>
      </c>
      <c r="AA37320">
        <v>57</v>
      </c>
      <c r="AB37320">
        <v>58</v>
      </c>
      <c r="AC37320">
        <v>59</v>
      </c>
      <c r="AD37320">
        <v>60</v>
      </c>
      <c r="AE37320">
        <v>60</v>
      </c>
      <c r="AF37320">
        <v>60</v>
      </c>
      <c r="AG37320">
        <v>60</v>
      </c>
      <c r="AH37320">
        <v>60</v>
      </c>
      <c r="AI37320">
        <v>60</v>
      </c>
      <c r="AJ37320">
        <v>60</v>
      </c>
      <c r="AK37320">
        <v>60</v>
      </c>
      <c r="AL37320">
        <v>60</v>
      </c>
      <c r="AM37320">
        <v>60</v>
      </c>
      <c r="AN37320">
        <v>60</v>
      </c>
      <c r="AO37320">
        <v>60</v>
      </c>
      <c r="AP37320">
        <v>60</v>
      </c>
      <c r="AQ37320">
        <v>60</v>
      </c>
    </row>
    <row r="37321" spans="1:43">
      <c r="A37321" t="s">
        <v>23133</v>
      </c>
      <c r="B37321" t="s">
        <v>23134</v>
      </c>
      <c r="C37321" t="s">
        <v>23071</v>
      </c>
      <c r="D37321" t="s">
        <v>23072</v>
      </c>
      <c r="E37321" t="s">
        <v>23009</v>
      </c>
      <c r="F37321" t="s">
        <v>23010</v>
      </c>
      <c r="G37321" t="s">
        <v>11612</v>
      </c>
      <c r="H37321" t="s">
        <v>11613</v>
      </c>
      <c r="I37321" s="2">
        <v>0</v>
      </c>
      <c r="J37321" s="2">
        <v>0</v>
      </c>
      <c r="K37321" s="2">
        <v>1</v>
      </c>
      <c r="L37321" t="s">
        <v>995</v>
      </c>
      <c r="M37321" t="s">
        <v>83</v>
      </c>
      <c r="N37321" t="s">
        <v>91</v>
      </c>
      <c r="O37321" t="s">
        <v>85</v>
      </c>
      <c r="P37321" t="s">
        <v>86</v>
      </c>
      <c r="Q37321">
        <v>48</v>
      </c>
      <c r="R37321">
        <v>48</v>
      </c>
      <c r="S37321">
        <v>49</v>
      </c>
      <c r="T37321">
        <v>50</v>
      </c>
      <c r="U37321">
        <v>50</v>
      </c>
      <c r="V37321">
        <v>51</v>
      </c>
      <c r="W37321">
        <v>51</v>
      </c>
      <c r="X37321">
        <v>52</v>
      </c>
      <c r="Y37321">
        <v>53</v>
      </c>
      <c r="Z37321">
        <v>53</v>
      </c>
      <c r="AA37321">
        <v>54</v>
      </c>
      <c r="AB37321">
        <v>54</v>
      </c>
      <c r="AC37321">
        <v>55</v>
      </c>
      <c r="AD37321">
        <v>55</v>
      </c>
      <c r="AE37321">
        <v>56</v>
      </c>
      <c r="AF37321">
        <v>57</v>
      </c>
      <c r="AG37321">
        <v>57</v>
      </c>
      <c r="AH37321">
        <v>58</v>
      </c>
      <c r="AI37321">
        <v>58</v>
      </c>
      <c r="AJ37321">
        <v>59</v>
      </c>
      <c r="AK37321">
        <v>59</v>
      </c>
      <c r="AL37321">
        <v>60</v>
      </c>
      <c r="AM37321">
        <v>60</v>
      </c>
      <c r="AN37321">
        <v>59</v>
      </c>
      <c r="AO37321">
        <v>59</v>
      </c>
      <c r="AP37321">
        <v>59</v>
      </c>
      <c r="AQ37321">
        <v>59</v>
      </c>
    </row>
    <row r="37322" spans="1:43">
      <c r="A37322" t="s">
        <v>23135</v>
      </c>
      <c r="B37322" t="s">
        <v>23136</v>
      </c>
      <c r="C37322" t="s">
        <v>23079</v>
      </c>
      <c r="D37322" t="s">
        <v>23080</v>
      </c>
      <c r="E37322" t="s">
        <v>23009</v>
      </c>
      <c r="F37322" t="s">
        <v>23010</v>
      </c>
      <c r="G37322" t="s">
        <v>11612</v>
      </c>
      <c r="H37322" t="s">
        <v>11613</v>
      </c>
      <c r="I37322" s="2">
        <v>0</v>
      </c>
      <c r="J37322" s="2">
        <v>0</v>
      </c>
      <c r="K37322" s="2">
        <v>1</v>
      </c>
      <c r="L37322" t="s">
        <v>995</v>
      </c>
      <c r="M37322" t="s">
        <v>83</v>
      </c>
      <c r="N37322" t="s">
        <v>84</v>
      </c>
      <c r="O37322" t="s">
        <v>85</v>
      </c>
      <c r="P37322" t="s">
        <v>86</v>
      </c>
      <c r="Q37322">
        <v>43</v>
      </c>
      <c r="R37322">
        <v>44</v>
      </c>
      <c r="S37322">
        <v>44</v>
      </c>
      <c r="T37322">
        <v>45</v>
      </c>
      <c r="U37322">
        <v>46</v>
      </c>
      <c r="V37322">
        <v>46</v>
      </c>
      <c r="W37322">
        <v>47</v>
      </c>
      <c r="X37322">
        <v>48</v>
      </c>
      <c r="Y37322">
        <v>49</v>
      </c>
      <c r="Z37322">
        <v>49</v>
      </c>
      <c r="AA37322">
        <v>50</v>
      </c>
      <c r="AB37322">
        <v>51</v>
      </c>
      <c r="AC37322">
        <v>51</v>
      </c>
      <c r="AD37322">
        <v>52</v>
      </c>
      <c r="AE37322">
        <v>53</v>
      </c>
      <c r="AF37322">
        <v>53</v>
      </c>
      <c r="AG37322">
        <v>54</v>
      </c>
      <c r="AH37322">
        <v>55</v>
      </c>
      <c r="AI37322">
        <v>55</v>
      </c>
      <c r="AJ37322">
        <v>56</v>
      </c>
      <c r="AK37322">
        <v>57</v>
      </c>
      <c r="AL37322">
        <v>57</v>
      </c>
      <c r="AM37322">
        <v>57</v>
      </c>
      <c r="AN37322">
        <v>57</v>
      </c>
      <c r="AO37322">
        <v>58</v>
      </c>
      <c r="AP37322">
        <v>58</v>
      </c>
      <c r="AQ37322">
        <v>58</v>
      </c>
    </row>
    <row r="37323" spans="1:43">
      <c r="A37323" t="s">
        <v>23135</v>
      </c>
      <c r="B37323" t="s">
        <v>23136</v>
      </c>
      <c r="C37323" t="s">
        <v>23079</v>
      </c>
      <c r="D37323" t="s">
        <v>23080</v>
      </c>
      <c r="E37323" t="s">
        <v>23009</v>
      </c>
      <c r="F37323" t="s">
        <v>23010</v>
      </c>
      <c r="G37323" t="s">
        <v>11612</v>
      </c>
      <c r="H37323" t="s">
        <v>11613</v>
      </c>
      <c r="I37323" s="2">
        <v>0</v>
      </c>
      <c r="J37323" s="2">
        <v>0</v>
      </c>
      <c r="K37323" s="2">
        <v>1</v>
      </c>
      <c r="L37323" t="s">
        <v>995</v>
      </c>
      <c r="M37323" t="s">
        <v>87</v>
      </c>
      <c r="N37323" t="s">
        <v>88</v>
      </c>
      <c r="O37323" t="s">
        <v>85</v>
      </c>
      <c r="P37323" t="s">
        <v>86</v>
      </c>
      <c r="Q37323">
        <v>43</v>
      </c>
      <c r="R37323">
        <v>43</v>
      </c>
      <c r="S37323">
        <v>43</v>
      </c>
      <c r="T37323">
        <v>43</v>
      </c>
      <c r="U37323">
        <v>44</v>
      </c>
      <c r="V37323">
        <v>44</v>
      </c>
      <c r="W37323">
        <v>44</v>
      </c>
      <c r="X37323">
        <v>45</v>
      </c>
      <c r="Y37323">
        <v>45</v>
      </c>
      <c r="Z37323">
        <v>45</v>
      </c>
      <c r="AA37323">
        <v>46</v>
      </c>
      <c r="AB37323">
        <v>46</v>
      </c>
      <c r="AC37323">
        <v>46</v>
      </c>
      <c r="AD37323">
        <v>46</v>
      </c>
      <c r="AE37323">
        <v>47</v>
      </c>
      <c r="AF37323">
        <v>47</v>
      </c>
      <c r="AG37323">
        <v>47</v>
      </c>
      <c r="AH37323">
        <v>47</v>
      </c>
      <c r="AI37323">
        <v>48</v>
      </c>
      <c r="AJ37323">
        <v>48</v>
      </c>
      <c r="AK37323">
        <v>48</v>
      </c>
      <c r="AL37323">
        <v>49</v>
      </c>
      <c r="AM37323">
        <v>49</v>
      </c>
      <c r="AN37323">
        <v>49</v>
      </c>
      <c r="AO37323">
        <v>49</v>
      </c>
      <c r="AP37323">
        <v>50</v>
      </c>
      <c r="AQ37323">
        <v>50</v>
      </c>
    </row>
    <row r="37324" spans="1:43">
      <c r="A37324" t="s">
        <v>23135</v>
      </c>
      <c r="B37324" t="s">
        <v>23136</v>
      </c>
      <c r="C37324" t="s">
        <v>23079</v>
      </c>
      <c r="D37324" t="s">
        <v>23080</v>
      </c>
      <c r="E37324" t="s">
        <v>23009</v>
      </c>
      <c r="F37324" t="s">
        <v>23010</v>
      </c>
      <c r="G37324" t="s">
        <v>11612</v>
      </c>
      <c r="H37324" t="s">
        <v>11613</v>
      </c>
      <c r="I37324" s="2">
        <v>0</v>
      </c>
      <c r="J37324" s="2">
        <v>0</v>
      </c>
      <c r="K37324" s="2">
        <v>1</v>
      </c>
      <c r="L37324" t="s">
        <v>995</v>
      </c>
      <c r="M37324" t="s">
        <v>89</v>
      </c>
      <c r="N37324" t="s">
        <v>90</v>
      </c>
      <c r="O37324" t="s">
        <v>85</v>
      </c>
      <c r="P37324" t="s">
        <v>86</v>
      </c>
      <c r="Q37324">
        <v>43</v>
      </c>
      <c r="R37324">
        <v>44</v>
      </c>
      <c r="S37324">
        <v>46</v>
      </c>
      <c r="T37324">
        <v>47</v>
      </c>
      <c r="U37324">
        <v>48</v>
      </c>
      <c r="V37324">
        <v>49</v>
      </c>
      <c r="W37324">
        <v>50</v>
      </c>
      <c r="X37324">
        <v>51</v>
      </c>
      <c r="Y37324">
        <v>52</v>
      </c>
      <c r="Z37324">
        <v>52</v>
      </c>
      <c r="AA37324">
        <v>53</v>
      </c>
      <c r="AB37324">
        <v>54</v>
      </c>
      <c r="AC37324">
        <v>55</v>
      </c>
      <c r="AD37324">
        <v>56</v>
      </c>
      <c r="AE37324">
        <v>57</v>
      </c>
      <c r="AF37324">
        <v>57</v>
      </c>
      <c r="AG37324">
        <v>57</v>
      </c>
      <c r="AH37324">
        <v>57</v>
      </c>
      <c r="AI37324">
        <v>57</v>
      </c>
      <c r="AJ37324">
        <v>57</v>
      </c>
      <c r="AK37324">
        <v>58</v>
      </c>
      <c r="AL37324">
        <v>58</v>
      </c>
      <c r="AM37324">
        <v>58</v>
      </c>
      <c r="AN37324">
        <v>58</v>
      </c>
      <c r="AO37324">
        <v>58</v>
      </c>
      <c r="AP37324">
        <v>58</v>
      </c>
      <c r="AQ37324">
        <v>58</v>
      </c>
    </row>
    <row r="37325" spans="1:43">
      <c r="A37325" t="s">
        <v>23135</v>
      </c>
      <c r="B37325" t="s">
        <v>23136</v>
      </c>
      <c r="C37325" t="s">
        <v>23079</v>
      </c>
      <c r="D37325" t="s">
        <v>23080</v>
      </c>
      <c r="E37325" t="s">
        <v>23009</v>
      </c>
      <c r="F37325" t="s">
        <v>23010</v>
      </c>
      <c r="G37325" t="s">
        <v>11612</v>
      </c>
      <c r="H37325" t="s">
        <v>11613</v>
      </c>
      <c r="I37325" s="2">
        <v>0</v>
      </c>
      <c r="J37325" s="2">
        <v>0</v>
      </c>
      <c r="K37325" s="2">
        <v>1</v>
      </c>
      <c r="L37325" t="s">
        <v>995</v>
      </c>
      <c r="M37325" t="s">
        <v>83</v>
      </c>
      <c r="N37325" t="s">
        <v>91</v>
      </c>
      <c r="O37325" t="s">
        <v>85</v>
      </c>
      <c r="P37325" t="s">
        <v>86</v>
      </c>
      <c r="Q37325">
        <v>43</v>
      </c>
      <c r="R37325">
        <v>44</v>
      </c>
      <c r="S37325">
        <v>44</v>
      </c>
      <c r="T37325">
        <v>45</v>
      </c>
      <c r="U37325">
        <v>46</v>
      </c>
      <c r="V37325">
        <v>46</v>
      </c>
      <c r="W37325">
        <v>47</v>
      </c>
      <c r="X37325">
        <v>48</v>
      </c>
      <c r="Y37325">
        <v>49</v>
      </c>
      <c r="Z37325">
        <v>49</v>
      </c>
      <c r="AA37325">
        <v>50</v>
      </c>
      <c r="AB37325">
        <v>51</v>
      </c>
      <c r="AC37325">
        <v>51</v>
      </c>
      <c r="AD37325">
        <v>52</v>
      </c>
      <c r="AE37325">
        <v>53</v>
      </c>
      <c r="AF37325">
        <v>53</v>
      </c>
      <c r="AG37325">
        <v>54</v>
      </c>
      <c r="AH37325">
        <v>55</v>
      </c>
      <c r="AI37325">
        <v>55</v>
      </c>
      <c r="AJ37325">
        <v>56</v>
      </c>
      <c r="AK37325">
        <v>57</v>
      </c>
      <c r="AL37325">
        <v>57</v>
      </c>
      <c r="AM37325">
        <v>57</v>
      </c>
      <c r="AN37325">
        <v>57</v>
      </c>
      <c r="AO37325">
        <v>58</v>
      </c>
      <c r="AP37325">
        <v>58</v>
      </c>
      <c r="AQ37325">
        <v>58</v>
      </c>
    </row>
    <row r="37326" spans="1:43">
      <c r="A37326" t="s">
        <v>23137</v>
      </c>
      <c r="B37326" t="s">
        <v>23138</v>
      </c>
      <c r="C37326" t="s">
        <v>23071</v>
      </c>
      <c r="D37326" t="s">
        <v>23072</v>
      </c>
      <c r="E37326" t="s">
        <v>23009</v>
      </c>
      <c r="F37326" t="s">
        <v>23010</v>
      </c>
      <c r="G37326" t="s">
        <v>11612</v>
      </c>
      <c r="H37326" t="s">
        <v>11613</v>
      </c>
      <c r="I37326" s="2">
        <v>0</v>
      </c>
      <c r="J37326" s="2">
        <v>0</v>
      </c>
      <c r="K37326" s="2">
        <v>0.98</v>
      </c>
      <c r="L37326" t="s">
        <v>995</v>
      </c>
      <c r="M37326" t="s">
        <v>83</v>
      </c>
      <c r="N37326" t="s">
        <v>84</v>
      </c>
      <c r="O37326" t="s">
        <v>85</v>
      </c>
      <c r="P37326" t="s">
        <v>86</v>
      </c>
      <c r="Q37326">
        <v>55</v>
      </c>
      <c r="R37326">
        <v>56</v>
      </c>
      <c r="S37326">
        <v>57</v>
      </c>
      <c r="T37326">
        <v>58</v>
      </c>
      <c r="U37326">
        <v>59</v>
      </c>
      <c r="V37326">
        <v>60</v>
      </c>
      <c r="W37326">
        <v>61</v>
      </c>
      <c r="X37326">
        <v>62</v>
      </c>
      <c r="Y37326">
        <v>63</v>
      </c>
      <c r="Z37326">
        <v>64</v>
      </c>
      <c r="AA37326">
        <v>65</v>
      </c>
      <c r="AB37326">
        <v>65</v>
      </c>
      <c r="AC37326">
        <v>66</v>
      </c>
      <c r="AD37326">
        <v>67</v>
      </c>
      <c r="AE37326">
        <v>68</v>
      </c>
      <c r="AF37326">
        <v>69</v>
      </c>
      <c r="AG37326">
        <v>70</v>
      </c>
      <c r="AH37326">
        <v>71</v>
      </c>
      <c r="AI37326">
        <v>71</v>
      </c>
      <c r="AJ37326">
        <v>72</v>
      </c>
      <c r="AK37326">
        <v>73</v>
      </c>
      <c r="AL37326">
        <v>74</v>
      </c>
      <c r="AM37326">
        <v>74</v>
      </c>
      <c r="AN37326">
        <v>74</v>
      </c>
      <c r="AO37326">
        <v>74</v>
      </c>
      <c r="AP37326">
        <v>74</v>
      </c>
      <c r="AQ37326">
        <v>74</v>
      </c>
    </row>
    <row r="37327" spans="1:43">
      <c r="A37327" t="s">
        <v>23137</v>
      </c>
      <c r="B37327" t="s">
        <v>23138</v>
      </c>
      <c r="C37327" t="s">
        <v>23071</v>
      </c>
      <c r="D37327" t="s">
        <v>23072</v>
      </c>
      <c r="E37327" t="s">
        <v>23009</v>
      </c>
      <c r="F37327" t="s">
        <v>23010</v>
      </c>
      <c r="G37327" t="s">
        <v>11612</v>
      </c>
      <c r="H37327" t="s">
        <v>11613</v>
      </c>
      <c r="I37327" s="2">
        <v>0</v>
      </c>
      <c r="J37327" s="2">
        <v>0</v>
      </c>
      <c r="K37327" s="2">
        <v>0.98</v>
      </c>
      <c r="L37327" t="s">
        <v>995</v>
      </c>
      <c r="M37327" t="s">
        <v>87</v>
      </c>
      <c r="N37327" t="s">
        <v>88</v>
      </c>
      <c r="O37327" t="s">
        <v>85</v>
      </c>
      <c r="P37327" t="s">
        <v>86</v>
      </c>
      <c r="Q37327">
        <v>55</v>
      </c>
      <c r="R37327">
        <v>55</v>
      </c>
      <c r="S37327">
        <v>56</v>
      </c>
      <c r="T37327">
        <v>56</v>
      </c>
      <c r="U37327">
        <v>56</v>
      </c>
      <c r="V37327">
        <v>57</v>
      </c>
      <c r="W37327">
        <v>57</v>
      </c>
      <c r="X37327">
        <v>58</v>
      </c>
      <c r="Y37327">
        <v>58</v>
      </c>
      <c r="Z37327">
        <v>58</v>
      </c>
      <c r="AA37327">
        <v>59</v>
      </c>
      <c r="AB37327">
        <v>59</v>
      </c>
      <c r="AC37327">
        <v>59</v>
      </c>
      <c r="AD37327">
        <v>60</v>
      </c>
      <c r="AE37327">
        <v>60</v>
      </c>
      <c r="AF37327">
        <v>61</v>
      </c>
      <c r="AG37327">
        <v>61</v>
      </c>
      <c r="AH37327">
        <v>61</v>
      </c>
      <c r="AI37327">
        <v>62</v>
      </c>
      <c r="AJ37327">
        <v>62</v>
      </c>
      <c r="AK37327">
        <v>62</v>
      </c>
      <c r="AL37327">
        <v>63</v>
      </c>
      <c r="AM37327">
        <v>63</v>
      </c>
      <c r="AN37327">
        <v>63</v>
      </c>
      <c r="AO37327">
        <v>64</v>
      </c>
      <c r="AP37327">
        <v>64</v>
      </c>
      <c r="AQ37327">
        <v>65</v>
      </c>
    </row>
    <row r="37328" spans="1:43">
      <c r="A37328" t="s">
        <v>23137</v>
      </c>
      <c r="B37328" t="s">
        <v>23138</v>
      </c>
      <c r="C37328" t="s">
        <v>23071</v>
      </c>
      <c r="D37328" t="s">
        <v>23072</v>
      </c>
      <c r="E37328" t="s">
        <v>23009</v>
      </c>
      <c r="F37328" t="s">
        <v>23010</v>
      </c>
      <c r="G37328" t="s">
        <v>11612</v>
      </c>
      <c r="H37328" t="s">
        <v>11613</v>
      </c>
      <c r="I37328" s="2">
        <v>0</v>
      </c>
      <c r="J37328" s="2">
        <v>0</v>
      </c>
      <c r="K37328" s="2">
        <v>0.98</v>
      </c>
      <c r="L37328" t="s">
        <v>995</v>
      </c>
      <c r="M37328" t="s">
        <v>89</v>
      </c>
      <c r="N37328" t="s">
        <v>90</v>
      </c>
      <c r="O37328" t="s">
        <v>85</v>
      </c>
      <c r="P37328" t="s">
        <v>86</v>
      </c>
      <c r="Q37328">
        <v>55</v>
      </c>
      <c r="R37328">
        <v>56</v>
      </c>
      <c r="S37328">
        <v>58</v>
      </c>
      <c r="T37328">
        <v>59</v>
      </c>
      <c r="U37328">
        <v>60</v>
      </c>
      <c r="V37328">
        <v>62</v>
      </c>
      <c r="W37328">
        <v>63</v>
      </c>
      <c r="X37328">
        <v>64</v>
      </c>
      <c r="Y37328">
        <v>65</v>
      </c>
      <c r="Z37328">
        <v>67</v>
      </c>
      <c r="AA37328">
        <v>68</v>
      </c>
      <c r="AB37328">
        <v>69</v>
      </c>
      <c r="AC37328">
        <v>70</v>
      </c>
      <c r="AD37328">
        <v>71</v>
      </c>
      <c r="AE37328">
        <v>72</v>
      </c>
      <c r="AF37328">
        <v>72</v>
      </c>
      <c r="AG37328">
        <v>72</v>
      </c>
      <c r="AH37328">
        <v>72</v>
      </c>
      <c r="AI37328">
        <v>73</v>
      </c>
      <c r="AJ37328">
        <v>73</v>
      </c>
      <c r="AK37328">
        <v>73</v>
      </c>
      <c r="AL37328">
        <v>73</v>
      </c>
      <c r="AM37328">
        <v>73</v>
      </c>
      <c r="AN37328">
        <v>73</v>
      </c>
      <c r="AO37328">
        <v>74</v>
      </c>
      <c r="AP37328">
        <v>74</v>
      </c>
      <c r="AQ37328">
        <v>74</v>
      </c>
    </row>
    <row r="37329" spans="1:43">
      <c r="A37329" t="s">
        <v>23137</v>
      </c>
      <c r="B37329" t="s">
        <v>23138</v>
      </c>
      <c r="C37329" t="s">
        <v>23071</v>
      </c>
      <c r="D37329" t="s">
        <v>23072</v>
      </c>
      <c r="E37329" t="s">
        <v>23009</v>
      </c>
      <c r="F37329" t="s">
        <v>23010</v>
      </c>
      <c r="G37329" t="s">
        <v>11612</v>
      </c>
      <c r="H37329" t="s">
        <v>11613</v>
      </c>
      <c r="I37329" s="2">
        <v>0</v>
      </c>
      <c r="J37329" s="2">
        <v>0</v>
      </c>
      <c r="K37329" s="2">
        <v>0.98</v>
      </c>
      <c r="L37329" t="s">
        <v>995</v>
      </c>
      <c r="M37329" t="s">
        <v>83</v>
      </c>
      <c r="N37329" t="s">
        <v>91</v>
      </c>
      <c r="O37329" t="s">
        <v>85</v>
      </c>
      <c r="P37329" t="s">
        <v>86</v>
      </c>
      <c r="Q37329">
        <v>55</v>
      </c>
      <c r="R37329">
        <v>56</v>
      </c>
      <c r="S37329">
        <v>57</v>
      </c>
      <c r="T37329">
        <v>58</v>
      </c>
      <c r="U37329">
        <v>59</v>
      </c>
      <c r="V37329">
        <v>60</v>
      </c>
      <c r="W37329">
        <v>61</v>
      </c>
      <c r="X37329">
        <v>62</v>
      </c>
      <c r="Y37329">
        <v>63</v>
      </c>
      <c r="Z37329">
        <v>64</v>
      </c>
      <c r="AA37329">
        <v>65</v>
      </c>
      <c r="AB37329">
        <v>65</v>
      </c>
      <c r="AC37329">
        <v>66</v>
      </c>
      <c r="AD37329">
        <v>67</v>
      </c>
      <c r="AE37329">
        <v>68</v>
      </c>
      <c r="AF37329">
        <v>69</v>
      </c>
      <c r="AG37329">
        <v>70</v>
      </c>
      <c r="AH37329">
        <v>71</v>
      </c>
      <c r="AI37329">
        <v>71</v>
      </c>
      <c r="AJ37329">
        <v>72</v>
      </c>
      <c r="AK37329">
        <v>73</v>
      </c>
      <c r="AL37329">
        <v>74</v>
      </c>
      <c r="AM37329">
        <v>74</v>
      </c>
      <c r="AN37329">
        <v>74</v>
      </c>
      <c r="AO37329">
        <v>74</v>
      </c>
      <c r="AP37329">
        <v>74</v>
      </c>
      <c r="AQ37329">
        <v>74</v>
      </c>
    </row>
    <row r="37330" spans="1:43">
      <c r="A37330" t="s">
        <v>23139</v>
      </c>
      <c r="B37330" t="s">
        <v>23140</v>
      </c>
      <c r="C37330" t="s">
        <v>23071</v>
      </c>
      <c r="D37330" t="s">
        <v>23072</v>
      </c>
      <c r="E37330" t="s">
        <v>23009</v>
      </c>
      <c r="F37330" t="s">
        <v>23010</v>
      </c>
      <c r="G37330" t="s">
        <v>11612</v>
      </c>
      <c r="H37330" t="s">
        <v>11613</v>
      </c>
      <c r="I37330" s="2">
        <v>0</v>
      </c>
      <c r="J37330" s="2">
        <v>0</v>
      </c>
      <c r="K37330" s="2">
        <v>1</v>
      </c>
      <c r="L37330" t="s">
        <v>995</v>
      </c>
      <c r="M37330" t="s">
        <v>83</v>
      </c>
      <c r="N37330" t="s">
        <v>84</v>
      </c>
      <c r="O37330" t="s">
        <v>85</v>
      </c>
      <c r="P37330" t="s">
        <v>86</v>
      </c>
      <c r="Q37330">
        <v>50</v>
      </c>
      <c r="R37330">
        <v>51</v>
      </c>
      <c r="S37330">
        <v>52</v>
      </c>
      <c r="T37330">
        <v>53</v>
      </c>
      <c r="U37330">
        <v>53</v>
      </c>
      <c r="V37330">
        <v>54</v>
      </c>
      <c r="W37330">
        <v>55</v>
      </c>
      <c r="X37330">
        <v>56</v>
      </c>
      <c r="Y37330">
        <v>57</v>
      </c>
      <c r="Z37330">
        <v>58</v>
      </c>
      <c r="AA37330">
        <v>58</v>
      </c>
      <c r="AB37330">
        <v>59</v>
      </c>
      <c r="AC37330">
        <v>60</v>
      </c>
      <c r="AD37330">
        <v>61</v>
      </c>
      <c r="AE37330">
        <v>61</v>
      </c>
      <c r="AF37330">
        <v>62</v>
      </c>
      <c r="AG37330">
        <v>63</v>
      </c>
      <c r="AH37330">
        <v>64</v>
      </c>
      <c r="AI37330">
        <v>64</v>
      </c>
      <c r="AJ37330">
        <v>65</v>
      </c>
      <c r="AK37330">
        <v>66</v>
      </c>
      <c r="AL37330">
        <v>66</v>
      </c>
      <c r="AM37330">
        <v>66</v>
      </c>
      <c r="AN37330">
        <v>67</v>
      </c>
      <c r="AO37330">
        <v>67</v>
      </c>
      <c r="AP37330">
        <v>67</v>
      </c>
      <c r="AQ37330">
        <v>67</v>
      </c>
    </row>
    <row r="37331" spans="1:43">
      <c r="A37331" t="s">
        <v>23139</v>
      </c>
      <c r="B37331" t="s">
        <v>23140</v>
      </c>
      <c r="C37331" t="s">
        <v>23071</v>
      </c>
      <c r="D37331" t="s">
        <v>23072</v>
      </c>
      <c r="E37331" t="s">
        <v>23009</v>
      </c>
      <c r="F37331" t="s">
        <v>23010</v>
      </c>
      <c r="G37331" t="s">
        <v>11612</v>
      </c>
      <c r="H37331" t="s">
        <v>11613</v>
      </c>
      <c r="I37331" s="2">
        <v>0</v>
      </c>
      <c r="J37331" s="2">
        <v>0</v>
      </c>
      <c r="K37331" s="2">
        <v>1</v>
      </c>
      <c r="L37331" t="s">
        <v>995</v>
      </c>
      <c r="M37331" t="s">
        <v>87</v>
      </c>
      <c r="N37331" t="s">
        <v>88</v>
      </c>
      <c r="O37331" t="s">
        <v>85</v>
      </c>
      <c r="P37331" t="s">
        <v>86</v>
      </c>
      <c r="Q37331">
        <v>50</v>
      </c>
      <c r="R37331">
        <v>50</v>
      </c>
      <c r="S37331">
        <v>50</v>
      </c>
      <c r="T37331">
        <v>51</v>
      </c>
      <c r="U37331">
        <v>51</v>
      </c>
      <c r="V37331">
        <v>51</v>
      </c>
      <c r="W37331">
        <v>52</v>
      </c>
      <c r="X37331">
        <v>52</v>
      </c>
      <c r="Y37331">
        <v>52</v>
      </c>
      <c r="Z37331">
        <v>53</v>
      </c>
      <c r="AA37331">
        <v>53</v>
      </c>
      <c r="AB37331">
        <v>53</v>
      </c>
      <c r="AC37331">
        <v>54</v>
      </c>
      <c r="AD37331">
        <v>54</v>
      </c>
      <c r="AE37331">
        <v>54</v>
      </c>
      <c r="AF37331">
        <v>55</v>
      </c>
      <c r="AG37331">
        <v>55</v>
      </c>
      <c r="AH37331">
        <v>55</v>
      </c>
      <c r="AI37331">
        <v>56</v>
      </c>
      <c r="AJ37331">
        <v>56</v>
      </c>
      <c r="AK37331">
        <v>56</v>
      </c>
      <c r="AL37331">
        <v>57</v>
      </c>
      <c r="AM37331">
        <v>57</v>
      </c>
      <c r="AN37331">
        <v>57</v>
      </c>
      <c r="AO37331">
        <v>58</v>
      </c>
      <c r="AP37331">
        <v>58</v>
      </c>
      <c r="AQ37331">
        <v>58</v>
      </c>
    </row>
    <row r="37332" spans="1:43">
      <c r="A37332" t="s">
        <v>23139</v>
      </c>
      <c r="B37332" t="s">
        <v>23140</v>
      </c>
      <c r="C37332" t="s">
        <v>23071</v>
      </c>
      <c r="D37332" t="s">
        <v>23072</v>
      </c>
      <c r="E37332" t="s">
        <v>23009</v>
      </c>
      <c r="F37332" t="s">
        <v>23010</v>
      </c>
      <c r="G37332" t="s">
        <v>11612</v>
      </c>
      <c r="H37332" t="s">
        <v>11613</v>
      </c>
      <c r="I37332" s="2">
        <v>0</v>
      </c>
      <c r="J37332" s="2">
        <v>0</v>
      </c>
      <c r="K37332" s="2">
        <v>1</v>
      </c>
      <c r="L37332" t="s">
        <v>995</v>
      </c>
      <c r="M37332" t="s">
        <v>89</v>
      </c>
      <c r="N37332" t="s">
        <v>90</v>
      </c>
      <c r="O37332" t="s">
        <v>85</v>
      </c>
      <c r="P37332" t="s">
        <v>86</v>
      </c>
      <c r="Q37332">
        <v>50</v>
      </c>
      <c r="R37332">
        <v>51</v>
      </c>
      <c r="S37332">
        <v>52</v>
      </c>
      <c r="T37332">
        <v>53</v>
      </c>
      <c r="U37332">
        <v>54</v>
      </c>
      <c r="V37332">
        <v>56</v>
      </c>
      <c r="W37332">
        <v>57</v>
      </c>
      <c r="X37332">
        <v>58</v>
      </c>
      <c r="Y37332">
        <v>59</v>
      </c>
      <c r="Z37332">
        <v>60</v>
      </c>
      <c r="AA37332">
        <v>61</v>
      </c>
      <c r="AB37332">
        <v>62</v>
      </c>
      <c r="AC37332">
        <v>63</v>
      </c>
      <c r="AD37332">
        <v>64</v>
      </c>
      <c r="AE37332">
        <v>65</v>
      </c>
      <c r="AF37332">
        <v>65</v>
      </c>
      <c r="AG37332">
        <v>65</v>
      </c>
      <c r="AH37332">
        <v>65</v>
      </c>
      <c r="AI37332">
        <v>65</v>
      </c>
      <c r="AJ37332">
        <v>66</v>
      </c>
      <c r="AK37332">
        <v>66</v>
      </c>
      <c r="AL37332">
        <v>66</v>
      </c>
      <c r="AM37332">
        <v>66</v>
      </c>
      <c r="AN37332">
        <v>66</v>
      </c>
      <c r="AO37332">
        <v>66</v>
      </c>
      <c r="AP37332">
        <v>66</v>
      </c>
      <c r="AQ37332">
        <v>66</v>
      </c>
    </row>
    <row r="37333" spans="1:43">
      <c r="A37333" t="s">
        <v>23139</v>
      </c>
      <c r="B37333" t="s">
        <v>23140</v>
      </c>
      <c r="C37333" t="s">
        <v>23071</v>
      </c>
      <c r="D37333" t="s">
        <v>23072</v>
      </c>
      <c r="E37333" t="s">
        <v>23009</v>
      </c>
      <c r="F37333" t="s">
        <v>23010</v>
      </c>
      <c r="G37333" t="s">
        <v>11612</v>
      </c>
      <c r="H37333" t="s">
        <v>11613</v>
      </c>
      <c r="I37333" s="2">
        <v>0</v>
      </c>
      <c r="J37333" s="2">
        <v>0</v>
      </c>
      <c r="K37333" s="2">
        <v>1</v>
      </c>
      <c r="L37333" t="s">
        <v>995</v>
      </c>
      <c r="M37333" t="s">
        <v>83</v>
      </c>
      <c r="N37333" t="s">
        <v>91</v>
      </c>
      <c r="O37333" t="s">
        <v>85</v>
      </c>
      <c r="P37333" t="s">
        <v>86</v>
      </c>
      <c r="Q37333">
        <v>50</v>
      </c>
      <c r="R37333">
        <v>51</v>
      </c>
      <c r="S37333">
        <v>52</v>
      </c>
      <c r="T37333">
        <v>53</v>
      </c>
      <c r="U37333">
        <v>53</v>
      </c>
      <c r="V37333">
        <v>54</v>
      </c>
      <c r="W37333">
        <v>55</v>
      </c>
      <c r="X37333">
        <v>56</v>
      </c>
      <c r="Y37333">
        <v>57</v>
      </c>
      <c r="Z37333">
        <v>58</v>
      </c>
      <c r="AA37333">
        <v>58</v>
      </c>
      <c r="AB37333">
        <v>59</v>
      </c>
      <c r="AC37333">
        <v>60</v>
      </c>
      <c r="AD37333">
        <v>61</v>
      </c>
      <c r="AE37333">
        <v>61</v>
      </c>
      <c r="AF37333">
        <v>62</v>
      </c>
      <c r="AG37333">
        <v>63</v>
      </c>
      <c r="AH37333">
        <v>64</v>
      </c>
      <c r="AI37333">
        <v>64</v>
      </c>
      <c r="AJ37333">
        <v>65</v>
      </c>
      <c r="AK37333">
        <v>66</v>
      </c>
      <c r="AL37333">
        <v>66</v>
      </c>
      <c r="AM37333">
        <v>66</v>
      </c>
      <c r="AN37333">
        <v>67</v>
      </c>
      <c r="AO37333">
        <v>67</v>
      </c>
      <c r="AP37333">
        <v>67</v>
      </c>
      <c r="AQ37333">
        <v>67</v>
      </c>
    </row>
    <row r="37334" spans="1:43">
      <c r="A37334" t="s">
        <v>23141</v>
      </c>
      <c r="B37334" t="s">
        <v>23142</v>
      </c>
      <c r="C37334" t="s">
        <v>23143</v>
      </c>
      <c r="D37334" t="s">
        <v>23144</v>
      </c>
      <c r="E37334" t="s">
        <v>23145</v>
      </c>
      <c r="F37334" t="s">
        <v>23146</v>
      </c>
      <c r="G37334" t="s">
        <v>11612</v>
      </c>
      <c r="H37334" t="s">
        <v>11613</v>
      </c>
      <c r="I37334" s="2">
        <v>0</v>
      </c>
      <c r="J37334" s="2">
        <v>0</v>
      </c>
      <c r="K37334" s="2">
        <v>1</v>
      </c>
      <c r="L37334" t="s">
        <v>995</v>
      </c>
      <c r="M37334" t="s">
        <v>83</v>
      </c>
      <c r="N37334" t="s">
        <v>84</v>
      </c>
      <c r="O37334" t="s">
        <v>85</v>
      </c>
      <c r="P37334" t="s">
        <v>86</v>
      </c>
      <c r="Q37334">
        <v>12</v>
      </c>
      <c r="R37334">
        <v>12</v>
      </c>
      <c r="S37334">
        <v>12</v>
      </c>
      <c r="T37334">
        <v>12</v>
      </c>
      <c r="U37334">
        <v>13</v>
      </c>
      <c r="V37334">
        <v>13</v>
      </c>
      <c r="W37334">
        <v>13</v>
      </c>
      <c r="X37334">
        <v>13</v>
      </c>
      <c r="Y37334">
        <v>13</v>
      </c>
      <c r="Z37334">
        <v>13</v>
      </c>
      <c r="AA37334">
        <v>13</v>
      </c>
      <c r="AB37334">
        <v>13</v>
      </c>
      <c r="AC37334">
        <v>14</v>
      </c>
      <c r="AD37334">
        <v>14</v>
      </c>
      <c r="AE37334">
        <v>14</v>
      </c>
      <c r="AF37334">
        <v>14</v>
      </c>
      <c r="AG37334">
        <v>14</v>
      </c>
      <c r="AH37334">
        <v>14</v>
      </c>
      <c r="AI37334">
        <v>14</v>
      </c>
      <c r="AJ37334">
        <v>14</v>
      </c>
      <c r="AK37334">
        <v>14</v>
      </c>
      <c r="AL37334">
        <v>14</v>
      </c>
      <c r="AM37334">
        <v>14</v>
      </c>
      <c r="AN37334">
        <v>14</v>
      </c>
      <c r="AO37334">
        <v>14</v>
      </c>
      <c r="AP37334">
        <v>14</v>
      </c>
      <c r="AQ37334">
        <v>14</v>
      </c>
    </row>
    <row r="37335" spans="1:43">
      <c r="A37335" t="s">
        <v>23141</v>
      </c>
      <c r="B37335" t="s">
        <v>23142</v>
      </c>
      <c r="C37335" t="s">
        <v>23143</v>
      </c>
      <c r="D37335" t="s">
        <v>23144</v>
      </c>
      <c r="E37335" t="s">
        <v>23145</v>
      </c>
      <c r="F37335" t="s">
        <v>23146</v>
      </c>
      <c r="G37335" t="s">
        <v>11612</v>
      </c>
      <c r="H37335" t="s">
        <v>11613</v>
      </c>
      <c r="I37335" s="2">
        <v>0</v>
      </c>
      <c r="J37335" s="2">
        <v>0</v>
      </c>
      <c r="K37335" s="2">
        <v>1</v>
      </c>
      <c r="L37335" t="s">
        <v>995</v>
      </c>
      <c r="M37335" t="s">
        <v>87</v>
      </c>
      <c r="N37335" t="s">
        <v>88</v>
      </c>
      <c r="O37335" t="s">
        <v>85</v>
      </c>
      <c r="P37335" t="s">
        <v>86</v>
      </c>
      <c r="Q37335">
        <v>12</v>
      </c>
      <c r="R37335">
        <v>12</v>
      </c>
      <c r="S37335">
        <v>12</v>
      </c>
      <c r="T37335">
        <v>12</v>
      </c>
      <c r="U37335">
        <v>12</v>
      </c>
      <c r="V37335">
        <v>12</v>
      </c>
      <c r="W37335">
        <v>12</v>
      </c>
      <c r="X37335">
        <v>12</v>
      </c>
      <c r="Y37335">
        <v>12</v>
      </c>
      <c r="Z37335">
        <v>12</v>
      </c>
      <c r="AA37335">
        <v>12</v>
      </c>
      <c r="AB37335">
        <v>12</v>
      </c>
      <c r="AC37335">
        <v>12</v>
      </c>
      <c r="AD37335">
        <v>12</v>
      </c>
      <c r="AE37335">
        <v>12</v>
      </c>
      <c r="AF37335">
        <v>12</v>
      </c>
      <c r="AG37335">
        <v>12</v>
      </c>
      <c r="AH37335">
        <v>12</v>
      </c>
      <c r="AI37335">
        <v>12</v>
      </c>
      <c r="AJ37335">
        <v>12</v>
      </c>
      <c r="AK37335">
        <v>12</v>
      </c>
      <c r="AL37335">
        <v>12</v>
      </c>
      <c r="AM37335">
        <v>12</v>
      </c>
      <c r="AN37335">
        <v>12</v>
      </c>
      <c r="AO37335">
        <v>12</v>
      </c>
      <c r="AP37335">
        <v>12</v>
      </c>
      <c r="AQ37335">
        <v>12</v>
      </c>
    </row>
    <row r="37336" spans="1:43">
      <c r="A37336" t="s">
        <v>23141</v>
      </c>
      <c r="B37336" t="s">
        <v>23142</v>
      </c>
      <c r="C37336" t="s">
        <v>23143</v>
      </c>
      <c r="D37336" t="s">
        <v>23144</v>
      </c>
      <c r="E37336" t="s">
        <v>23145</v>
      </c>
      <c r="F37336" t="s">
        <v>23146</v>
      </c>
      <c r="G37336" t="s">
        <v>11612</v>
      </c>
      <c r="H37336" t="s">
        <v>11613</v>
      </c>
      <c r="I37336" s="2">
        <v>0</v>
      </c>
      <c r="J37336" s="2">
        <v>0</v>
      </c>
      <c r="K37336" s="2">
        <v>1</v>
      </c>
      <c r="L37336" t="s">
        <v>995</v>
      </c>
      <c r="M37336" t="s">
        <v>89</v>
      </c>
      <c r="N37336" t="s">
        <v>90</v>
      </c>
      <c r="O37336" t="s">
        <v>85</v>
      </c>
      <c r="P37336" t="s">
        <v>86</v>
      </c>
      <c r="Q37336">
        <v>12</v>
      </c>
      <c r="R37336">
        <v>12</v>
      </c>
      <c r="S37336">
        <v>13</v>
      </c>
      <c r="T37336">
        <v>13</v>
      </c>
      <c r="U37336">
        <v>13</v>
      </c>
      <c r="V37336">
        <v>13</v>
      </c>
      <c r="W37336">
        <v>13</v>
      </c>
      <c r="X37336">
        <v>14</v>
      </c>
      <c r="Y37336">
        <v>14</v>
      </c>
      <c r="Z37336">
        <v>14</v>
      </c>
      <c r="AA37336">
        <v>14</v>
      </c>
      <c r="AB37336">
        <v>14</v>
      </c>
      <c r="AC37336">
        <v>14</v>
      </c>
      <c r="AD37336">
        <v>15</v>
      </c>
      <c r="AE37336">
        <v>15</v>
      </c>
      <c r="AF37336">
        <v>15</v>
      </c>
      <c r="AG37336">
        <v>15</v>
      </c>
      <c r="AH37336">
        <v>15</v>
      </c>
      <c r="AI37336">
        <v>15</v>
      </c>
      <c r="AJ37336">
        <v>15</v>
      </c>
      <c r="AK37336">
        <v>15</v>
      </c>
      <c r="AL37336">
        <v>15</v>
      </c>
      <c r="AM37336">
        <v>15</v>
      </c>
      <c r="AN37336">
        <v>15</v>
      </c>
      <c r="AO37336">
        <v>15</v>
      </c>
      <c r="AP37336">
        <v>15</v>
      </c>
      <c r="AQ37336">
        <v>14</v>
      </c>
    </row>
    <row r="37337" spans="1:43">
      <c r="A37337" t="s">
        <v>23141</v>
      </c>
      <c r="B37337" t="s">
        <v>23142</v>
      </c>
      <c r="C37337" t="s">
        <v>23143</v>
      </c>
      <c r="D37337" t="s">
        <v>23144</v>
      </c>
      <c r="E37337" t="s">
        <v>23145</v>
      </c>
      <c r="F37337" t="s">
        <v>23146</v>
      </c>
      <c r="G37337" t="s">
        <v>11612</v>
      </c>
      <c r="H37337" t="s">
        <v>11613</v>
      </c>
      <c r="I37337" s="2">
        <v>0</v>
      </c>
      <c r="J37337" s="2">
        <v>0</v>
      </c>
      <c r="K37337" s="2">
        <v>1</v>
      </c>
      <c r="L37337" t="s">
        <v>995</v>
      </c>
      <c r="M37337" t="s">
        <v>83</v>
      </c>
      <c r="N37337" t="s">
        <v>91</v>
      </c>
      <c r="O37337" t="s">
        <v>85</v>
      </c>
      <c r="P37337" t="s">
        <v>86</v>
      </c>
      <c r="Q37337">
        <v>12</v>
      </c>
      <c r="R37337">
        <v>12</v>
      </c>
      <c r="S37337">
        <v>12</v>
      </c>
      <c r="T37337">
        <v>12</v>
      </c>
      <c r="U37337">
        <v>13</v>
      </c>
      <c r="V37337">
        <v>13</v>
      </c>
      <c r="W37337">
        <v>13</v>
      </c>
      <c r="X37337">
        <v>13</v>
      </c>
      <c r="Y37337">
        <v>13</v>
      </c>
      <c r="Z37337">
        <v>13</v>
      </c>
      <c r="AA37337">
        <v>13</v>
      </c>
      <c r="AB37337">
        <v>13</v>
      </c>
      <c r="AC37337">
        <v>14</v>
      </c>
      <c r="AD37337">
        <v>14</v>
      </c>
      <c r="AE37337">
        <v>14</v>
      </c>
      <c r="AF37337">
        <v>14</v>
      </c>
      <c r="AG37337">
        <v>14</v>
      </c>
      <c r="AH37337">
        <v>14</v>
      </c>
      <c r="AI37337">
        <v>14</v>
      </c>
      <c r="AJ37337">
        <v>14</v>
      </c>
      <c r="AK37337">
        <v>14</v>
      </c>
      <c r="AL37337">
        <v>14</v>
      </c>
      <c r="AM37337">
        <v>14</v>
      </c>
      <c r="AN37337">
        <v>14</v>
      </c>
      <c r="AO37337">
        <v>14</v>
      </c>
      <c r="AP37337">
        <v>14</v>
      </c>
      <c r="AQ37337">
        <v>14</v>
      </c>
    </row>
    <row r="37338" spans="1:43">
      <c r="A37338" t="s">
        <v>23147</v>
      </c>
      <c r="B37338" t="s">
        <v>23148</v>
      </c>
      <c r="C37338" t="s">
        <v>23143</v>
      </c>
      <c r="D37338" t="s">
        <v>23144</v>
      </c>
      <c r="E37338" t="s">
        <v>23145</v>
      </c>
      <c r="F37338" t="s">
        <v>23146</v>
      </c>
      <c r="G37338" t="s">
        <v>11612</v>
      </c>
      <c r="H37338" t="s">
        <v>11613</v>
      </c>
      <c r="I37338" s="2">
        <v>0</v>
      </c>
      <c r="J37338" s="2">
        <v>0</v>
      </c>
      <c r="K37338" s="2">
        <v>1</v>
      </c>
      <c r="L37338" t="s">
        <v>995</v>
      </c>
      <c r="M37338" t="s">
        <v>83</v>
      </c>
      <c r="N37338" t="s">
        <v>84</v>
      </c>
      <c r="O37338" t="s">
        <v>85</v>
      </c>
      <c r="P37338" t="s">
        <v>86</v>
      </c>
      <c r="Q37338">
        <v>90</v>
      </c>
      <c r="R37338">
        <v>91</v>
      </c>
      <c r="S37338">
        <v>92</v>
      </c>
      <c r="T37338">
        <v>93</v>
      </c>
      <c r="U37338">
        <v>94</v>
      </c>
      <c r="V37338">
        <v>95</v>
      </c>
      <c r="W37338">
        <v>96</v>
      </c>
      <c r="X37338">
        <v>97</v>
      </c>
      <c r="Y37338">
        <v>98</v>
      </c>
      <c r="Z37338">
        <v>99</v>
      </c>
      <c r="AA37338">
        <v>100</v>
      </c>
      <c r="AB37338">
        <v>101</v>
      </c>
      <c r="AC37338">
        <v>102</v>
      </c>
      <c r="AD37338">
        <v>102</v>
      </c>
      <c r="AE37338">
        <v>103</v>
      </c>
      <c r="AF37338">
        <v>104</v>
      </c>
      <c r="AG37338">
        <v>105</v>
      </c>
      <c r="AH37338">
        <v>106</v>
      </c>
      <c r="AI37338">
        <v>106</v>
      </c>
      <c r="AJ37338">
        <v>107</v>
      </c>
      <c r="AK37338">
        <v>108</v>
      </c>
      <c r="AL37338">
        <v>108</v>
      </c>
      <c r="AM37338">
        <v>108</v>
      </c>
      <c r="AN37338">
        <v>108</v>
      </c>
      <c r="AO37338">
        <v>108</v>
      </c>
      <c r="AP37338">
        <v>108</v>
      </c>
      <c r="AQ37338">
        <v>107</v>
      </c>
    </row>
    <row r="37339" spans="1:43">
      <c r="A37339" t="s">
        <v>23147</v>
      </c>
      <c r="B37339" t="s">
        <v>23148</v>
      </c>
      <c r="C37339" t="s">
        <v>23143</v>
      </c>
      <c r="D37339" t="s">
        <v>23144</v>
      </c>
      <c r="E37339" t="s">
        <v>23145</v>
      </c>
      <c r="F37339" t="s">
        <v>23146</v>
      </c>
      <c r="G37339" t="s">
        <v>11612</v>
      </c>
      <c r="H37339" t="s">
        <v>11613</v>
      </c>
      <c r="I37339" s="2">
        <v>0</v>
      </c>
      <c r="J37339" s="2">
        <v>0</v>
      </c>
      <c r="K37339" s="2">
        <v>1</v>
      </c>
      <c r="L37339" t="s">
        <v>995</v>
      </c>
      <c r="M37339" t="s">
        <v>87</v>
      </c>
      <c r="N37339" t="s">
        <v>88</v>
      </c>
      <c r="O37339" t="s">
        <v>85</v>
      </c>
      <c r="P37339" t="s">
        <v>86</v>
      </c>
      <c r="Q37339">
        <v>90</v>
      </c>
      <c r="R37339">
        <v>91</v>
      </c>
      <c r="S37339">
        <v>91</v>
      </c>
      <c r="T37339">
        <v>91</v>
      </c>
      <c r="U37339">
        <v>91</v>
      </c>
      <c r="V37339">
        <v>91</v>
      </c>
      <c r="W37339">
        <v>91</v>
      </c>
      <c r="X37339">
        <v>92</v>
      </c>
      <c r="Y37339">
        <v>92</v>
      </c>
      <c r="Z37339">
        <v>92</v>
      </c>
      <c r="AA37339">
        <v>92</v>
      </c>
      <c r="AB37339">
        <v>92</v>
      </c>
      <c r="AC37339">
        <v>92</v>
      </c>
      <c r="AD37339">
        <v>92</v>
      </c>
      <c r="AE37339">
        <v>93</v>
      </c>
      <c r="AF37339">
        <v>93</v>
      </c>
      <c r="AG37339">
        <v>93</v>
      </c>
      <c r="AH37339">
        <v>93</v>
      </c>
      <c r="AI37339">
        <v>93</v>
      </c>
      <c r="AJ37339">
        <v>93</v>
      </c>
      <c r="AK37339">
        <v>93</v>
      </c>
      <c r="AL37339">
        <v>93</v>
      </c>
      <c r="AM37339">
        <v>93</v>
      </c>
      <c r="AN37339">
        <v>94</v>
      </c>
      <c r="AO37339">
        <v>94</v>
      </c>
      <c r="AP37339">
        <v>94</v>
      </c>
      <c r="AQ37339">
        <v>94</v>
      </c>
    </row>
    <row r="37340" spans="1:43">
      <c r="A37340" t="s">
        <v>23147</v>
      </c>
      <c r="B37340" t="s">
        <v>23148</v>
      </c>
      <c r="C37340" t="s">
        <v>23143</v>
      </c>
      <c r="D37340" t="s">
        <v>23144</v>
      </c>
      <c r="E37340" t="s">
        <v>23145</v>
      </c>
      <c r="F37340" t="s">
        <v>23146</v>
      </c>
      <c r="G37340" t="s">
        <v>11612</v>
      </c>
      <c r="H37340" t="s">
        <v>11613</v>
      </c>
      <c r="I37340" s="2">
        <v>0</v>
      </c>
      <c r="J37340" s="2">
        <v>0</v>
      </c>
      <c r="K37340" s="2">
        <v>1</v>
      </c>
      <c r="L37340" t="s">
        <v>995</v>
      </c>
      <c r="M37340" t="s">
        <v>89</v>
      </c>
      <c r="N37340" t="s">
        <v>90</v>
      </c>
      <c r="O37340" t="s">
        <v>85</v>
      </c>
      <c r="P37340" t="s">
        <v>86</v>
      </c>
      <c r="Q37340">
        <v>90</v>
      </c>
      <c r="R37340">
        <v>92</v>
      </c>
      <c r="S37340">
        <v>94</v>
      </c>
      <c r="T37340">
        <v>95</v>
      </c>
      <c r="U37340">
        <v>97</v>
      </c>
      <c r="V37340">
        <v>99</v>
      </c>
      <c r="W37340">
        <v>100</v>
      </c>
      <c r="X37340">
        <v>102</v>
      </c>
      <c r="Y37340">
        <v>103</v>
      </c>
      <c r="Z37340">
        <v>104</v>
      </c>
      <c r="AA37340">
        <v>105</v>
      </c>
      <c r="AB37340">
        <v>106</v>
      </c>
      <c r="AC37340">
        <v>108</v>
      </c>
      <c r="AD37340">
        <v>109</v>
      </c>
      <c r="AE37340">
        <v>109</v>
      </c>
      <c r="AF37340">
        <v>109</v>
      </c>
      <c r="AG37340">
        <v>109</v>
      </c>
      <c r="AH37340">
        <v>109</v>
      </c>
      <c r="AI37340">
        <v>109</v>
      </c>
      <c r="AJ37340">
        <v>109</v>
      </c>
      <c r="AK37340">
        <v>109</v>
      </c>
      <c r="AL37340">
        <v>109</v>
      </c>
      <c r="AM37340">
        <v>109</v>
      </c>
      <c r="AN37340">
        <v>108</v>
      </c>
      <c r="AO37340">
        <v>108</v>
      </c>
      <c r="AP37340">
        <v>108</v>
      </c>
      <c r="AQ37340">
        <v>108</v>
      </c>
    </row>
    <row r="37341" spans="1:43">
      <c r="A37341" t="s">
        <v>23147</v>
      </c>
      <c r="B37341" t="s">
        <v>23148</v>
      </c>
      <c r="C37341" t="s">
        <v>23143</v>
      </c>
      <c r="D37341" t="s">
        <v>23144</v>
      </c>
      <c r="E37341" t="s">
        <v>23145</v>
      </c>
      <c r="F37341" t="s">
        <v>23146</v>
      </c>
      <c r="G37341" t="s">
        <v>11612</v>
      </c>
      <c r="H37341" t="s">
        <v>11613</v>
      </c>
      <c r="I37341" s="2">
        <v>0</v>
      </c>
      <c r="J37341" s="2">
        <v>0</v>
      </c>
      <c r="K37341" s="2">
        <v>1</v>
      </c>
      <c r="L37341" t="s">
        <v>995</v>
      </c>
      <c r="M37341" t="s">
        <v>83</v>
      </c>
      <c r="N37341" t="s">
        <v>91</v>
      </c>
      <c r="O37341" t="s">
        <v>85</v>
      </c>
      <c r="P37341" t="s">
        <v>86</v>
      </c>
      <c r="Q37341">
        <v>90</v>
      </c>
      <c r="R37341">
        <v>91</v>
      </c>
      <c r="S37341">
        <v>92</v>
      </c>
      <c r="T37341">
        <v>93</v>
      </c>
      <c r="U37341">
        <v>94</v>
      </c>
      <c r="V37341">
        <v>95</v>
      </c>
      <c r="W37341">
        <v>96</v>
      </c>
      <c r="X37341">
        <v>97</v>
      </c>
      <c r="Y37341">
        <v>98</v>
      </c>
      <c r="Z37341">
        <v>99</v>
      </c>
      <c r="AA37341">
        <v>100</v>
      </c>
      <c r="AB37341">
        <v>101</v>
      </c>
      <c r="AC37341">
        <v>102</v>
      </c>
      <c r="AD37341">
        <v>102</v>
      </c>
      <c r="AE37341">
        <v>103</v>
      </c>
      <c r="AF37341">
        <v>104</v>
      </c>
      <c r="AG37341">
        <v>105</v>
      </c>
      <c r="AH37341">
        <v>106</v>
      </c>
      <c r="AI37341">
        <v>106</v>
      </c>
      <c r="AJ37341">
        <v>107</v>
      </c>
      <c r="AK37341">
        <v>108</v>
      </c>
      <c r="AL37341">
        <v>108</v>
      </c>
      <c r="AM37341">
        <v>108</v>
      </c>
      <c r="AN37341">
        <v>108</v>
      </c>
      <c r="AO37341">
        <v>108</v>
      </c>
      <c r="AP37341">
        <v>108</v>
      </c>
      <c r="AQ37341">
        <v>107</v>
      </c>
    </row>
    <row r="37342" spans="1:43">
      <c r="A37342" t="s">
        <v>23149</v>
      </c>
      <c r="B37342" t="s">
        <v>23150</v>
      </c>
      <c r="C37342" t="s">
        <v>23143</v>
      </c>
      <c r="D37342" t="s">
        <v>23144</v>
      </c>
      <c r="E37342" t="s">
        <v>23145</v>
      </c>
      <c r="F37342" t="s">
        <v>23146</v>
      </c>
      <c r="G37342" t="s">
        <v>11612</v>
      </c>
      <c r="H37342" t="s">
        <v>11613</v>
      </c>
      <c r="I37342" s="2">
        <v>0</v>
      </c>
      <c r="J37342" s="2">
        <v>0</v>
      </c>
      <c r="K37342" s="2">
        <v>1</v>
      </c>
      <c r="L37342" t="s">
        <v>995</v>
      </c>
      <c r="M37342" t="s">
        <v>83</v>
      </c>
      <c r="N37342" t="s">
        <v>84</v>
      </c>
      <c r="O37342" t="s">
        <v>85</v>
      </c>
      <c r="P37342" t="s">
        <v>86</v>
      </c>
      <c r="Q37342">
        <v>30</v>
      </c>
      <c r="R37342">
        <v>30</v>
      </c>
      <c r="S37342">
        <v>30</v>
      </c>
      <c r="T37342">
        <v>30</v>
      </c>
      <c r="U37342">
        <v>31</v>
      </c>
      <c r="V37342">
        <v>31</v>
      </c>
      <c r="W37342">
        <v>31</v>
      </c>
      <c r="X37342">
        <v>31</v>
      </c>
      <c r="Y37342">
        <v>32</v>
      </c>
      <c r="Z37342">
        <v>32</v>
      </c>
      <c r="AA37342">
        <v>32</v>
      </c>
      <c r="AB37342">
        <v>32</v>
      </c>
      <c r="AC37342">
        <v>33</v>
      </c>
      <c r="AD37342">
        <v>33</v>
      </c>
      <c r="AE37342">
        <v>33</v>
      </c>
      <c r="AF37342">
        <v>33</v>
      </c>
      <c r="AG37342">
        <v>33</v>
      </c>
      <c r="AH37342">
        <v>34</v>
      </c>
      <c r="AI37342">
        <v>34</v>
      </c>
      <c r="AJ37342">
        <v>34</v>
      </c>
      <c r="AK37342">
        <v>34</v>
      </c>
      <c r="AL37342">
        <v>34</v>
      </c>
      <c r="AM37342">
        <v>34</v>
      </c>
      <c r="AN37342">
        <v>34</v>
      </c>
      <c r="AO37342">
        <v>34</v>
      </c>
      <c r="AP37342">
        <v>34</v>
      </c>
      <c r="AQ37342">
        <v>33</v>
      </c>
    </row>
    <row r="37343" spans="1:43">
      <c r="A37343" t="s">
        <v>23149</v>
      </c>
      <c r="B37343" t="s">
        <v>23150</v>
      </c>
      <c r="C37343" t="s">
        <v>23143</v>
      </c>
      <c r="D37343" t="s">
        <v>23144</v>
      </c>
      <c r="E37343" t="s">
        <v>23145</v>
      </c>
      <c r="F37343" t="s">
        <v>23146</v>
      </c>
      <c r="G37343" t="s">
        <v>11612</v>
      </c>
      <c r="H37343" t="s">
        <v>11613</v>
      </c>
      <c r="I37343" s="2">
        <v>0</v>
      </c>
      <c r="J37343" s="2">
        <v>0</v>
      </c>
      <c r="K37343" s="2">
        <v>1</v>
      </c>
      <c r="L37343" t="s">
        <v>995</v>
      </c>
      <c r="M37343" t="s">
        <v>87</v>
      </c>
      <c r="N37343" t="s">
        <v>88</v>
      </c>
      <c r="O37343" t="s">
        <v>85</v>
      </c>
      <c r="P37343" t="s">
        <v>86</v>
      </c>
      <c r="Q37343">
        <v>30</v>
      </c>
      <c r="R37343">
        <v>30</v>
      </c>
      <c r="S37343">
        <v>30</v>
      </c>
      <c r="T37343">
        <v>30</v>
      </c>
      <c r="U37343">
        <v>30</v>
      </c>
      <c r="V37343">
        <v>30</v>
      </c>
      <c r="W37343">
        <v>30</v>
      </c>
      <c r="X37343">
        <v>30</v>
      </c>
      <c r="Y37343">
        <v>30</v>
      </c>
      <c r="Z37343">
        <v>30</v>
      </c>
      <c r="AA37343">
        <v>30</v>
      </c>
      <c r="AB37343">
        <v>30</v>
      </c>
      <c r="AC37343">
        <v>30</v>
      </c>
      <c r="AD37343">
        <v>30</v>
      </c>
      <c r="AE37343">
        <v>30</v>
      </c>
      <c r="AF37343">
        <v>30</v>
      </c>
      <c r="AG37343">
        <v>30</v>
      </c>
      <c r="AH37343">
        <v>30</v>
      </c>
      <c r="AI37343">
        <v>30</v>
      </c>
      <c r="AJ37343">
        <v>30</v>
      </c>
      <c r="AK37343">
        <v>30</v>
      </c>
      <c r="AL37343">
        <v>30</v>
      </c>
      <c r="AM37343">
        <v>30</v>
      </c>
      <c r="AN37343">
        <v>30</v>
      </c>
      <c r="AO37343">
        <v>30</v>
      </c>
      <c r="AP37343">
        <v>30</v>
      </c>
      <c r="AQ37343">
        <v>30</v>
      </c>
    </row>
    <row r="37344" spans="1:43">
      <c r="A37344" t="s">
        <v>23149</v>
      </c>
      <c r="B37344" t="s">
        <v>23150</v>
      </c>
      <c r="C37344" t="s">
        <v>23143</v>
      </c>
      <c r="D37344" t="s">
        <v>23144</v>
      </c>
      <c r="E37344" t="s">
        <v>23145</v>
      </c>
      <c r="F37344" t="s">
        <v>23146</v>
      </c>
      <c r="G37344" t="s">
        <v>11612</v>
      </c>
      <c r="H37344" t="s">
        <v>11613</v>
      </c>
      <c r="I37344" s="2">
        <v>0</v>
      </c>
      <c r="J37344" s="2">
        <v>0</v>
      </c>
      <c r="K37344" s="2">
        <v>1</v>
      </c>
      <c r="L37344" t="s">
        <v>995</v>
      </c>
      <c r="M37344" t="s">
        <v>89</v>
      </c>
      <c r="N37344" t="s">
        <v>90</v>
      </c>
      <c r="O37344" t="s">
        <v>85</v>
      </c>
      <c r="P37344" t="s">
        <v>86</v>
      </c>
      <c r="Q37344">
        <v>30</v>
      </c>
      <c r="R37344">
        <v>30</v>
      </c>
      <c r="S37344">
        <v>31</v>
      </c>
      <c r="T37344">
        <v>31</v>
      </c>
      <c r="U37344">
        <v>32</v>
      </c>
      <c r="V37344">
        <v>32</v>
      </c>
      <c r="W37344">
        <v>33</v>
      </c>
      <c r="X37344">
        <v>33</v>
      </c>
      <c r="Y37344">
        <v>34</v>
      </c>
      <c r="Z37344">
        <v>34</v>
      </c>
      <c r="AA37344">
        <v>34</v>
      </c>
      <c r="AB37344">
        <v>35</v>
      </c>
      <c r="AC37344">
        <v>35</v>
      </c>
      <c r="AD37344">
        <v>35</v>
      </c>
      <c r="AE37344">
        <v>35</v>
      </c>
      <c r="AF37344">
        <v>35</v>
      </c>
      <c r="AG37344">
        <v>35</v>
      </c>
      <c r="AH37344">
        <v>35</v>
      </c>
      <c r="AI37344">
        <v>35</v>
      </c>
      <c r="AJ37344">
        <v>35</v>
      </c>
      <c r="AK37344">
        <v>35</v>
      </c>
      <c r="AL37344">
        <v>34</v>
      </c>
      <c r="AM37344">
        <v>34</v>
      </c>
      <c r="AN37344">
        <v>34</v>
      </c>
      <c r="AO37344">
        <v>34</v>
      </c>
      <c r="AP37344">
        <v>34</v>
      </c>
      <c r="AQ37344">
        <v>34</v>
      </c>
    </row>
    <row r="37345" spans="1:43">
      <c r="A37345" t="s">
        <v>23149</v>
      </c>
      <c r="B37345" t="s">
        <v>23150</v>
      </c>
      <c r="C37345" t="s">
        <v>23143</v>
      </c>
      <c r="D37345" t="s">
        <v>23144</v>
      </c>
      <c r="E37345" t="s">
        <v>23145</v>
      </c>
      <c r="F37345" t="s">
        <v>23146</v>
      </c>
      <c r="G37345" t="s">
        <v>11612</v>
      </c>
      <c r="H37345" t="s">
        <v>11613</v>
      </c>
      <c r="I37345" s="2">
        <v>0</v>
      </c>
      <c r="J37345" s="2">
        <v>0</v>
      </c>
      <c r="K37345" s="2">
        <v>1</v>
      </c>
      <c r="L37345" t="s">
        <v>995</v>
      </c>
      <c r="M37345" t="s">
        <v>83</v>
      </c>
      <c r="N37345" t="s">
        <v>91</v>
      </c>
      <c r="O37345" t="s">
        <v>85</v>
      </c>
      <c r="P37345" t="s">
        <v>86</v>
      </c>
      <c r="Q37345">
        <v>30</v>
      </c>
      <c r="R37345">
        <v>30</v>
      </c>
      <c r="S37345">
        <v>30</v>
      </c>
      <c r="T37345">
        <v>30</v>
      </c>
      <c r="U37345">
        <v>31</v>
      </c>
      <c r="V37345">
        <v>31</v>
      </c>
      <c r="W37345">
        <v>31</v>
      </c>
      <c r="X37345">
        <v>31</v>
      </c>
      <c r="Y37345">
        <v>32</v>
      </c>
      <c r="Z37345">
        <v>32</v>
      </c>
      <c r="AA37345">
        <v>32</v>
      </c>
      <c r="AB37345">
        <v>32</v>
      </c>
      <c r="AC37345">
        <v>33</v>
      </c>
      <c r="AD37345">
        <v>33</v>
      </c>
      <c r="AE37345">
        <v>33</v>
      </c>
      <c r="AF37345">
        <v>33</v>
      </c>
      <c r="AG37345">
        <v>33</v>
      </c>
      <c r="AH37345">
        <v>34</v>
      </c>
      <c r="AI37345">
        <v>34</v>
      </c>
      <c r="AJ37345">
        <v>34</v>
      </c>
      <c r="AK37345">
        <v>34</v>
      </c>
      <c r="AL37345">
        <v>34</v>
      </c>
      <c r="AM37345">
        <v>34</v>
      </c>
      <c r="AN37345">
        <v>34</v>
      </c>
      <c r="AO37345">
        <v>34</v>
      </c>
      <c r="AP37345">
        <v>34</v>
      </c>
      <c r="AQ37345">
        <v>33</v>
      </c>
    </row>
    <row r="37346" spans="1:43">
      <c r="A37346" t="s">
        <v>23151</v>
      </c>
      <c r="B37346" t="s">
        <v>23152</v>
      </c>
      <c r="C37346" t="s">
        <v>23143</v>
      </c>
      <c r="D37346" t="s">
        <v>23144</v>
      </c>
      <c r="E37346" t="s">
        <v>23145</v>
      </c>
      <c r="F37346" t="s">
        <v>23146</v>
      </c>
      <c r="G37346" t="s">
        <v>11612</v>
      </c>
      <c r="H37346" t="s">
        <v>11613</v>
      </c>
      <c r="I37346" s="2">
        <v>0</v>
      </c>
      <c r="J37346" s="2">
        <v>0</v>
      </c>
      <c r="K37346" s="2">
        <v>1</v>
      </c>
      <c r="L37346" t="s">
        <v>995</v>
      </c>
      <c r="M37346" t="s">
        <v>83</v>
      </c>
      <c r="N37346" t="s">
        <v>84</v>
      </c>
      <c r="O37346" t="s">
        <v>85</v>
      </c>
      <c r="P37346" t="s">
        <v>86</v>
      </c>
      <c r="Q37346">
        <v>19</v>
      </c>
      <c r="R37346">
        <v>19</v>
      </c>
      <c r="S37346">
        <v>19</v>
      </c>
      <c r="T37346">
        <v>20</v>
      </c>
      <c r="U37346">
        <v>20</v>
      </c>
      <c r="V37346">
        <v>20</v>
      </c>
      <c r="W37346">
        <v>20</v>
      </c>
      <c r="X37346">
        <v>20</v>
      </c>
      <c r="Y37346">
        <v>21</v>
      </c>
      <c r="Z37346">
        <v>21</v>
      </c>
      <c r="AA37346">
        <v>21</v>
      </c>
      <c r="AB37346">
        <v>21</v>
      </c>
      <c r="AC37346">
        <v>21</v>
      </c>
      <c r="AD37346">
        <v>22</v>
      </c>
      <c r="AE37346">
        <v>22</v>
      </c>
      <c r="AF37346">
        <v>22</v>
      </c>
      <c r="AG37346">
        <v>22</v>
      </c>
      <c r="AH37346">
        <v>22</v>
      </c>
      <c r="AI37346">
        <v>22</v>
      </c>
      <c r="AJ37346">
        <v>22</v>
      </c>
      <c r="AK37346">
        <v>23</v>
      </c>
      <c r="AL37346">
        <v>23</v>
      </c>
      <c r="AM37346">
        <v>23</v>
      </c>
      <c r="AN37346">
        <v>23</v>
      </c>
      <c r="AO37346">
        <v>23</v>
      </c>
      <c r="AP37346">
        <v>23</v>
      </c>
      <c r="AQ37346">
        <v>23</v>
      </c>
    </row>
    <row r="37347" spans="1:43">
      <c r="A37347" t="s">
        <v>23151</v>
      </c>
      <c r="B37347" t="s">
        <v>23152</v>
      </c>
      <c r="C37347" t="s">
        <v>23143</v>
      </c>
      <c r="D37347" t="s">
        <v>23144</v>
      </c>
      <c r="E37347" t="s">
        <v>23145</v>
      </c>
      <c r="F37347" t="s">
        <v>23146</v>
      </c>
      <c r="G37347" t="s">
        <v>11612</v>
      </c>
      <c r="H37347" t="s">
        <v>11613</v>
      </c>
      <c r="I37347" s="2">
        <v>0</v>
      </c>
      <c r="J37347" s="2">
        <v>0</v>
      </c>
      <c r="K37347" s="2">
        <v>1</v>
      </c>
      <c r="L37347" t="s">
        <v>995</v>
      </c>
      <c r="M37347" t="s">
        <v>87</v>
      </c>
      <c r="N37347" t="s">
        <v>88</v>
      </c>
      <c r="O37347" t="s">
        <v>85</v>
      </c>
      <c r="P37347" t="s">
        <v>86</v>
      </c>
      <c r="Q37347">
        <v>19</v>
      </c>
      <c r="R37347">
        <v>19</v>
      </c>
      <c r="S37347">
        <v>19</v>
      </c>
      <c r="T37347">
        <v>19</v>
      </c>
      <c r="U37347">
        <v>19</v>
      </c>
      <c r="V37347">
        <v>19</v>
      </c>
      <c r="W37347">
        <v>19</v>
      </c>
      <c r="X37347">
        <v>19</v>
      </c>
      <c r="Y37347">
        <v>19</v>
      </c>
      <c r="Z37347">
        <v>19</v>
      </c>
      <c r="AA37347">
        <v>19</v>
      </c>
      <c r="AB37347">
        <v>19</v>
      </c>
      <c r="AC37347">
        <v>19</v>
      </c>
      <c r="AD37347">
        <v>19</v>
      </c>
      <c r="AE37347">
        <v>19</v>
      </c>
      <c r="AF37347">
        <v>19</v>
      </c>
      <c r="AG37347">
        <v>19</v>
      </c>
      <c r="AH37347">
        <v>19</v>
      </c>
      <c r="AI37347">
        <v>19</v>
      </c>
      <c r="AJ37347">
        <v>19</v>
      </c>
      <c r="AK37347">
        <v>19</v>
      </c>
      <c r="AL37347">
        <v>19</v>
      </c>
      <c r="AM37347">
        <v>19</v>
      </c>
      <c r="AN37347">
        <v>19</v>
      </c>
      <c r="AO37347">
        <v>19</v>
      </c>
      <c r="AP37347">
        <v>19</v>
      </c>
      <c r="AQ37347">
        <v>19</v>
      </c>
    </row>
    <row r="37348" spans="1:43">
      <c r="A37348" t="s">
        <v>23151</v>
      </c>
      <c r="B37348" t="s">
        <v>23152</v>
      </c>
      <c r="C37348" t="s">
        <v>23143</v>
      </c>
      <c r="D37348" t="s">
        <v>23144</v>
      </c>
      <c r="E37348" t="s">
        <v>23145</v>
      </c>
      <c r="F37348" t="s">
        <v>23146</v>
      </c>
      <c r="G37348" t="s">
        <v>11612</v>
      </c>
      <c r="H37348" t="s">
        <v>11613</v>
      </c>
      <c r="I37348" s="2">
        <v>0</v>
      </c>
      <c r="J37348" s="2">
        <v>0</v>
      </c>
      <c r="K37348" s="2">
        <v>1</v>
      </c>
      <c r="L37348" t="s">
        <v>995</v>
      </c>
      <c r="M37348" t="s">
        <v>89</v>
      </c>
      <c r="N37348" t="s">
        <v>90</v>
      </c>
      <c r="O37348" t="s">
        <v>85</v>
      </c>
      <c r="P37348" t="s">
        <v>86</v>
      </c>
      <c r="Q37348">
        <v>19</v>
      </c>
      <c r="R37348">
        <v>20</v>
      </c>
      <c r="S37348">
        <v>20</v>
      </c>
      <c r="T37348">
        <v>20</v>
      </c>
      <c r="U37348">
        <v>21</v>
      </c>
      <c r="V37348">
        <v>21</v>
      </c>
      <c r="W37348">
        <v>21</v>
      </c>
      <c r="X37348">
        <v>22</v>
      </c>
      <c r="Y37348">
        <v>22</v>
      </c>
      <c r="Z37348">
        <v>22</v>
      </c>
      <c r="AA37348">
        <v>22</v>
      </c>
      <c r="AB37348">
        <v>23</v>
      </c>
      <c r="AC37348">
        <v>23</v>
      </c>
      <c r="AD37348">
        <v>23</v>
      </c>
      <c r="AE37348">
        <v>23</v>
      </c>
      <c r="AF37348">
        <v>23</v>
      </c>
      <c r="AG37348">
        <v>23</v>
      </c>
      <c r="AH37348">
        <v>23</v>
      </c>
      <c r="AI37348">
        <v>23</v>
      </c>
      <c r="AJ37348">
        <v>23</v>
      </c>
      <c r="AK37348">
        <v>23</v>
      </c>
      <c r="AL37348">
        <v>23</v>
      </c>
      <c r="AM37348">
        <v>23</v>
      </c>
      <c r="AN37348">
        <v>23</v>
      </c>
      <c r="AO37348">
        <v>23</v>
      </c>
      <c r="AP37348">
        <v>23</v>
      </c>
      <c r="AQ37348">
        <v>23</v>
      </c>
    </row>
    <row r="37349" spans="1:43">
      <c r="A37349" t="s">
        <v>23151</v>
      </c>
      <c r="B37349" t="s">
        <v>23152</v>
      </c>
      <c r="C37349" t="s">
        <v>23143</v>
      </c>
      <c r="D37349" t="s">
        <v>23144</v>
      </c>
      <c r="E37349" t="s">
        <v>23145</v>
      </c>
      <c r="F37349" t="s">
        <v>23146</v>
      </c>
      <c r="G37349" t="s">
        <v>11612</v>
      </c>
      <c r="H37349" t="s">
        <v>11613</v>
      </c>
      <c r="I37349" s="2">
        <v>0</v>
      </c>
      <c r="J37349" s="2">
        <v>0</v>
      </c>
      <c r="K37349" s="2">
        <v>1</v>
      </c>
      <c r="L37349" t="s">
        <v>995</v>
      </c>
      <c r="M37349" t="s">
        <v>83</v>
      </c>
      <c r="N37349" t="s">
        <v>91</v>
      </c>
      <c r="O37349" t="s">
        <v>85</v>
      </c>
      <c r="P37349" t="s">
        <v>86</v>
      </c>
      <c r="Q37349">
        <v>19</v>
      </c>
      <c r="R37349">
        <v>19</v>
      </c>
      <c r="S37349">
        <v>19</v>
      </c>
      <c r="T37349">
        <v>20</v>
      </c>
      <c r="U37349">
        <v>20</v>
      </c>
      <c r="V37349">
        <v>20</v>
      </c>
      <c r="W37349">
        <v>20</v>
      </c>
      <c r="X37349">
        <v>20</v>
      </c>
      <c r="Y37349">
        <v>21</v>
      </c>
      <c r="Z37349">
        <v>21</v>
      </c>
      <c r="AA37349">
        <v>21</v>
      </c>
      <c r="AB37349">
        <v>21</v>
      </c>
      <c r="AC37349">
        <v>21</v>
      </c>
      <c r="AD37349">
        <v>22</v>
      </c>
      <c r="AE37349">
        <v>22</v>
      </c>
      <c r="AF37349">
        <v>22</v>
      </c>
      <c r="AG37349">
        <v>22</v>
      </c>
      <c r="AH37349">
        <v>22</v>
      </c>
      <c r="AI37349">
        <v>22</v>
      </c>
      <c r="AJ37349">
        <v>22</v>
      </c>
      <c r="AK37349">
        <v>23</v>
      </c>
      <c r="AL37349">
        <v>23</v>
      </c>
      <c r="AM37349">
        <v>23</v>
      </c>
      <c r="AN37349">
        <v>23</v>
      </c>
      <c r="AO37349">
        <v>23</v>
      </c>
      <c r="AP37349">
        <v>23</v>
      </c>
      <c r="AQ37349">
        <v>23</v>
      </c>
    </row>
    <row r="37350" spans="1:43">
      <c r="A37350" t="s">
        <v>23153</v>
      </c>
      <c r="B37350" t="s">
        <v>23154</v>
      </c>
      <c r="C37350" t="s">
        <v>23143</v>
      </c>
      <c r="D37350" t="s">
        <v>23144</v>
      </c>
      <c r="E37350" t="s">
        <v>23145</v>
      </c>
      <c r="F37350" t="s">
        <v>23146</v>
      </c>
      <c r="G37350" t="s">
        <v>11612</v>
      </c>
      <c r="H37350" t="s">
        <v>11613</v>
      </c>
      <c r="I37350" s="2">
        <v>0</v>
      </c>
      <c r="J37350" s="2">
        <v>0</v>
      </c>
      <c r="K37350" s="2">
        <v>1</v>
      </c>
      <c r="L37350" t="s">
        <v>995</v>
      </c>
      <c r="M37350" t="s">
        <v>83</v>
      </c>
      <c r="N37350" t="s">
        <v>84</v>
      </c>
      <c r="O37350" t="s">
        <v>85</v>
      </c>
      <c r="P37350" t="s">
        <v>86</v>
      </c>
      <c r="Q37350">
        <v>5</v>
      </c>
      <c r="R37350">
        <v>5</v>
      </c>
      <c r="S37350">
        <v>5</v>
      </c>
      <c r="T37350">
        <v>5</v>
      </c>
      <c r="U37350">
        <v>5</v>
      </c>
      <c r="V37350">
        <v>5</v>
      </c>
      <c r="W37350">
        <v>5</v>
      </c>
      <c r="X37350">
        <v>5</v>
      </c>
      <c r="Y37350">
        <v>5</v>
      </c>
      <c r="Z37350">
        <v>5</v>
      </c>
      <c r="AA37350">
        <v>5</v>
      </c>
      <c r="AB37350">
        <v>5</v>
      </c>
      <c r="AC37350">
        <v>5</v>
      </c>
      <c r="AD37350">
        <v>5</v>
      </c>
      <c r="AE37350">
        <v>5</v>
      </c>
      <c r="AF37350">
        <v>5</v>
      </c>
      <c r="AG37350">
        <v>5</v>
      </c>
      <c r="AH37350">
        <v>5</v>
      </c>
      <c r="AI37350">
        <v>5</v>
      </c>
      <c r="AJ37350">
        <v>5</v>
      </c>
      <c r="AK37350">
        <v>5</v>
      </c>
      <c r="AL37350">
        <v>5</v>
      </c>
      <c r="AM37350">
        <v>5</v>
      </c>
      <c r="AN37350">
        <v>5</v>
      </c>
      <c r="AO37350">
        <v>5</v>
      </c>
      <c r="AP37350">
        <v>5</v>
      </c>
      <c r="AQ37350">
        <v>5</v>
      </c>
    </row>
    <row r="37351" spans="1:43">
      <c r="A37351" t="s">
        <v>23153</v>
      </c>
      <c r="B37351" t="s">
        <v>23154</v>
      </c>
      <c r="C37351" t="s">
        <v>23143</v>
      </c>
      <c r="D37351" t="s">
        <v>23144</v>
      </c>
      <c r="E37351" t="s">
        <v>23145</v>
      </c>
      <c r="F37351" t="s">
        <v>23146</v>
      </c>
      <c r="G37351" t="s">
        <v>11612</v>
      </c>
      <c r="H37351" t="s">
        <v>11613</v>
      </c>
      <c r="I37351" s="2">
        <v>0</v>
      </c>
      <c r="J37351" s="2">
        <v>0</v>
      </c>
      <c r="K37351" s="2">
        <v>1</v>
      </c>
      <c r="L37351" t="s">
        <v>995</v>
      </c>
      <c r="M37351" t="s">
        <v>87</v>
      </c>
      <c r="N37351" t="s">
        <v>88</v>
      </c>
      <c r="O37351" t="s">
        <v>85</v>
      </c>
      <c r="P37351" t="s">
        <v>86</v>
      </c>
      <c r="Q37351">
        <v>5</v>
      </c>
      <c r="R37351">
        <v>5</v>
      </c>
      <c r="S37351">
        <v>5</v>
      </c>
      <c r="T37351">
        <v>5</v>
      </c>
      <c r="U37351">
        <v>5</v>
      </c>
      <c r="V37351">
        <v>5</v>
      </c>
      <c r="W37351">
        <v>5</v>
      </c>
      <c r="X37351">
        <v>5</v>
      </c>
      <c r="Y37351">
        <v>5</v>
      </c>
      <c r="Z37351">
        <v>5</v>
      </c>
      <c r="AA37351">
        <v>5</v>
      </c>
      <c r="AB37351">
        <v>5</v>
      </c>
      <c r="AC37351">
        <v>5</v>
      </c>
      <c r="AD37351">
        <v>5</v>
      </c>
      <c r="AE37351">
        <v>5</v>
      </c>
      <c r="AF37351">
        <v>5</v>
      </c>
      <c r="AG37351">
        <v>5</v>
      </c>
      <c r="AH37351">
        <v>5</v>
      </c>
      <c r="AI37351">
        <v>5</v>
      </c>
      <c r="AJ37351">
        <v>5</v>
      </c>
      <c r="AK37351">
        <v>5</v>
      </c>
      <c r="AL37351">
        <v>5</v>
      </c>
      <c r="AM37351">
        <v>5</v>
      </c>
      <c r="AN37351">
        <v>5</v>
      </c>
      <c r="AO37351">
        <v>5</v>
      </c>
      <c r="AP37351">
        <v>5</v>
      </c>
      <c r="AQ37351">
        <v>5</v>
      </c>
    </row>
    <row r="37352" spans="1:43">
      <c r="A37352" t="s">
        <v>23153</v>
      </c>
      <c r="B37352" t="s">
        <v>23154</v>
      </c>
      <c r="C37352" t="s">
        <v>23143</v>
      </c>
      <c r="D37352" t="s">
        <v>23144</v>
      </c>
      <c r="E37352" t="s">
        <v>23145</v>
      </c>
      <c r="F37352" t="s">
        <v>23146</v>
      </c>
      <c r="G37352" t="s">
        <v>11612</v>
      </c>
      <c r="H37352" t="s">
        <v>11613</v>
      </c>
      <c r="I37352" s="2">
        <v>0</v>
      </c>
      <c r="J37352" s="2">
        <v>0</v>
      </c>
      <c r="K37352" s="2">
        <v>1</v>
      </c>
      <c r="L37352" t="s">
        <v>995</v>
      </c>
      <c r="M37352" t="s">
        <v>89</v>
      </c>
      <c r="N37352" t="s">
        <v>90</v>
      </c>
      <c r="O37352" t="s">
        <v>85</v>
      </c>
      <c r="P37352" t="s">
        <v>86</v>
      </c>
      <c r="Q37352">
        <v>5</v>
      </c>
      <c r="R37352">
        <v>5</v>
      </c>
      <c r="S37352">
        <v>5</v>
      </c>
      <c r="T37352">
        <v>5</v>
      </c>
      <c r="U37352">
        <v>5</v>
      </c>
      <c r="V37352">
        <v>5</v>
      </c>
      <c r="W37352">
        <v>5</v>
      </c>
      <c r="X37352">
        <v>5</v>
      </c>
      <c r="Y37352">
        <v>5</v>
      </c>
      <c r="Z37352">
        <v>5</v>
      </c>
      <c r="AA37352">
        <v>5</v>
      </c>
      <c r="AB37352">
        <v>5</v>
      </c>
      <c r="AC37352">
        <v>5</v>
      </c>
      <c r="AD37352">
        <v>6</v>
      </c>
      <c r="AE37352">
        <v>6</v>
      </c>
      <c r="AF37352">
        <v>6</v>
      </c>
      <c r="AG37352">
        <v>6</v>
      </c>
      <c r="AH37352">
        <v>5</v>
      </c>
      <c r="AI37352">
        <v>5</v>
      </c>
      <c r="AJ37352">
        <v>5</v>
      </c>
      <c r="AK37352">
        <v>5</v>
      </c>
      <c r="AL37352">
        <v>5</v>
      </c>
      <c r="AM37352">
        <v>5</v>
      </c>
      <c r="AN37352">
        <v>5</v>
      </c>
      <c r="AO37352">
        <v>5</v>
      </c>
      <c r="AP37352">
        <v>5</v>
      </c>
      <c r="AQ37352">
        <v>5</v>
      </c>
    </row>
    <row r="37353" spans="1:43">
      <c r="A37353" t="s">
        <v>23153</v>
      </c>
      <c r="B37353" t="s">
        <v>23154</v>
      </c>
      <c r="C37353" t="s">
        <v>23143</v>
      </c>
      <c r="D37353" t="s">
        <v>23144</v>
      </c>
      <c r="E37353" t="s">
        <v>23145</v>
      </c>
      <c r="F37353" t="s">
        <v>23146</v>
      </c>
      <c r="G37353" t="s">
        <v>11612</v>
      </c>
      <c r="H37353" t="s">
        <v>11613</v>
      </c>
      <c r="I37353" s="2">
        <v>0</v>
      </c>
      <c r="J37353" s="2">
        <v>0</v>
      </c>
      <c r="K37353" s="2">
        <v>1</v>
      </c>
      <c r="L37353" t="s">
        <v>995</v>
      </c>
      <c r="M37353" t="s">
        <v>83</v>
      </c>
      <c r="N37353" t="s">
        <v>91</v>
      </c>
      <c r="O37353" t="s">
        <v>85</v>
      </c>
      <c r="P37353" t="s">
        <v>86</v>
      </c>
      <c r="Q37353">
        <v>5</v>
      </c>
      <c r="R37353">
        <v>5</v>
      </c>
      <c r="S37353">
        <v>5</v>
      </c>
      <c r="T37353">
        <v>5</v>
      </c>
      <c r="U37353">
        <v>5</v>
      </c>
      <c r="V37353">
        <v>5</v>
      </c>
      <c r="W37353">
        <v>5</v>
      </c>
      <c r="X37353">
        <v>5</v>
      </c>
      <c r="Y37353">
        <v>5</v>
      </c>
      <c r="Z37353">
        <v>5</v>
      </c>
      <c r="AA37353">
        <v>5</v>
      </c>
      <c r="AB37353">
        <v>5</v>
      </c>
      <c r="AC37353">
        <v>5</v>
      </c>
      <c r="AD37353">
        <v>5</v>
      </c>
      <c r="AE37353">
        <v>5</v>
      </c>
      <c r="AF37353">
        <v>5</v>
      </c>
      <c r="AG37353">
        <v>5</v>
      </c>
      <c r="AH37353">
        <v>5</v>
      </c>
      <c r="AI37353">
        <v>5</v>
      </c>
      <c r="AJ37353">
        <v>5</v>
      </c>
      <c r="AK37353">
        <v>5</v>
      </c>
      <c r="AL37353">
        <v>5</v>
      </c>
      <c r="AM37353">
        <v>5</v>
      </c>
      <c r="AN37353">
        <v>5</v>
      </c>
      <c r="AO37353">
        <v>5</v>
      </c>
      <c r="AP37353">
        <v>5</v>
      </c>
      <c r="AQ37353">
        <v>5</v>
      </c>
    </row>
    <row r="37354" spans="1:43">
      <c r="A37354" t="s">
        <v>23155</v>
      </c>
      <c r="B37354" t="s">
        <v>23156</v>
      </c>
      <c r="C37354" t="s">
        <v>23143</v>
      </c>
      <c r="D37354" t="s">
        <v>23144</v>
      </c>
      <c r="E37354" t="s">
        <v>23145</v>
      </c>
      <c r="F37354" t="s">
        <v>23146</v>
      </c>
      <c r="G37354" t="s">
        <v>11612</v>
      </c>
      <c r="H37354" t="s">
        <v>11613</v>
      </c>
      <c r="I37354" s="2">
        <v>0</v>
      </c>
      <c r="J37354" s="2">
        <v>0</v>
      </c>
      <c r="K37354" s="2">
        <v>1</v>
      </c>
      <c r="L37354" t="s">
        <v>995</v>
      </c>
      <c r="M37354" t="s">
        <v>83</v>
      </c>
      <c r="N37354" t="s">
        <v>84</v>
      </c>
      <c r="O37354" t="s">
        <v>85</v>
      </c>
      <c r="P37354" t="s">
        <v>86</v>
      </c>
      <c r="Q37354">
        <v>18</v>
      </c>
      <c r="R37354">
        <v>18</v>
      </c>
      <c r="S37354">
        <v>19</v>
      </c>
      <c r="T37354">
        <v>19</v>
      </c>
      <c r="U37354">
        <v>19</v>
      </c>
      <c r="V37354">
        <v>19</v>
      </c>
      <c r="W37354">
        <v>19</v>
      </c>
      <c r="X37354">
        <v>20</v>
      </c>
      <c r="Y37354">
        <v>20</v>
      </c>
      <c r="Z37354">
        <v>20</v>
      </c>
      <c r="AA37354">
        <v>20</v>
      </c>
      <c r="AB37354">
        <v>20</v>
      </c>
      <c r="AC37354">
        <v>20</v>
      </c>
      <c r="AD37354">
        <v>21</v>
      </c>
      <c r="AE37354">
        <v>21</v>
      </c>
      <c r="AF37354">
        <v>21</v>
      </c>
      <c r="AG37354">
        <v>21</v>
      </c>
      <c r="AH37354">
        <v>21</v>
      </c>
      <c r="AI37354">
        <v>21</v>
      </c>
      <c r="AJ37354">
        <v>22</v>
      </c>
      <c r="AK37354">
        <v>22</v>
      </c>
      <c r="AL37354">
        <v>22</v>
      </c>
      <c r="AM37354">
        <v>22</v>
      </c>
      <c r="AN37354">
        <v>22</v>
      </c>
      <c r="AO37354">
        <v>22</v>
      </c>
      <c r="AP37354">
        <v>22</v>
      </c>
      <c r="AQ37354">
        <v>22</v>
      </c>
    </row>
    <row r="37355" spans="1:43">
      <c r="A37355" t="s">
        <v>23155</v>
      </c>
      <c r="B37355" t="s">
        <v>23156</v>
      </c>
      <c r="C37355" t="s">
        <v>23143</v>
      </c>
      <c r="D37355" t="s">
        <v>23144</v>
      </c>
      <c r="E37355" t="s">
        <v>23145</v>
      </c>
      <c r="F37355" t="s">
        <v>23146</v>
      </c>
      <c r="G37355" t="s">
        <v>11612</v>
      </c>
      <c r="H37355" t="s">
        <v>11613</v>
      </c>
      <c r="I37355" s="2">
        <v>0</v>
      </c>
      <c r="J37355" s="2">
        <v>0</v>
      </c>
      <c r="K37355" s="2">
        <v>1</v>
      </c>
      <c r="L37355" t="s">
        <v>995</v>
      </c>
      <c r="M37355" t="s">
        <v>87</v>
      </c>
      <c r="N37355" t="s">
        <v>88</v>
      </c>
      <c r="O37355" t="s">
        <v>85</v>
      </c>
      <c r="P37355" t="s">
        <v>86</v>
      </c>
      <c r="Q37355">
        <v>18</v>
      </c>
      <c r="R37355">
        <v>18</v>
      </c>
      <c r="S37355">
        <v>18</v>
      </c>
      <c r="T37355">
        <v>18</v>
      </c>
      <c r="U37355">
        <v>18</v>
      </c>
      <c r="V37355">
        <v>18</v>
      </c>
      <c r="W37355">
        <v>18</v>
      </c>
      <c r="X37355">
        <v>18</v>
      </c>
      <c r="Y37355">
        <v>18</v>
      </c>
      <c r="Z37355">
        <v>18</v>
      </c>
      <c r="AA37355">
        <v>18</v>
      </c>
      <c r="AB37355">
        <v>18</v>
      </c>
      <c r="AC37355">
        <v>18</v>
      </c>
      <c r="AD37355">
        <v>18</v>
      </c>
      <c r="AE37355">
        <v>18</v>
      </c>
      <c r="AF37355">
        <v>18</v>
      </c>
      <c r="AG37355">
        <v>18</v>
      </c>
      <c r="AH37355">
        <v>18</v>
      </c>
      <c r="AI37355">
        <v>19</v>
      </c>
      <c r="AJ37355">
        <v>19</v>
      </c>
      <c r="AK37355">
        <v>19</v>
      </c>
      <c r="AL37355">
        <v>19</v>
      </c>
      <c r="AM37355">
        <v>19</v>
      </c>
      <c r="AN37355">
        <v>19</v>
      </c>
      <c r="AO37355">
        <v>19</v>
      </c>
      <c r="AP37355">
        <v>19</v>
      </c>
      <c r="AQ37355">
        <v>19</v>
      </c>
    </row>
    <row r="37356" spans="1:43">
      <c r="A37356" t="s">
        <v>23155</v>
      </c>
      <c r="B37356" t="s">
        <v>23156</v>
      </c>
      <c r="C37356" t="s">
        <v>23143</v>
      </c>
      <c r="D37356" t="s">
        <v>23144</v>
      </c>
      <c r="E37356" t="s">
        <v>23145</v>
      </c>
      <c r="F37356" t="s">
        <v>23146</v>
      </c>
      <c r="G37356" t="s">
        <v>11612</v>
      </c>
      <c r="H37356" t="s">
        <v>11613</v>
      </c>
      <c r="I37356" s="2">
        <v>0</v>
      </c>
      <c r="J37356" s="2">
        <v>0</v>
      </c>
      <c r="K37356" s="2">
        <v>1</v>
      </c>
      <c r="L37356" t="s">
        <v>995</v>
      </c>
      <c r="M37356" t="s">
        <v>89</v>
      </c>
      <c r="N37356" t="s">
        <v>90</v>
      </c>
      <c r="O37356" t="s">
        <v>85</v>
      </c>
      <c r="P37356" t="s">
        <v>86</v>
      </c>
      <c r="Q37356">
        <v>18</v>
      </c>
      <c r="R37356">
        <v>19</v>
      </c>
      <c r="S37356">
        <v>19</v>
      </c>
      <c r="T37356">
        <v>19</v>
      </c>
      <c r="U37356">
        <v>20</v>
      </c>
      <c r="V37356">
        <v>20</v>
      </c>
      <c r="W37356">
        <v>20</v>
      </c>
      <c r="X37356">
        <v>21</v>
      </c>
      <c r="Y37356">
        <v>21</v>
      </c>
      <c r="Z37356">
        <v>21</v>
      </c>
      <c r="AA37356">
        <v>21</v>
      </c>
      <c r="AB37356">
        <v>22</v>
      </c>
      <c r="AC37356">
        <v>22</v>
      </c>
      <c r="AD37356">
        <v>22</v>
      </c>
      <c r="AE37356">
        <v>22</v>
      </c>
      <c r="AF37356">
        <v>22</v>
      </c>
      <c r="AG37356">
        <v>22</v>
      </c>
      <c r="AH37356">
        <v>22</v>
      </c>
      <c r="AI37356">
        <v>22</v>
      </c>
      <c r="AJ37356">
        <v>22</v>
      </c>
      <c r="AK37356">
        <v>22</v>
      </c>
      <c r="AL37356">
        <v>22</v>
      </c>
      <c r="AM37356">
        <v>22</v>
      </c>
      <c r="AN37356">
        <v>22</v>
      </c>
      <c r="AO37356">
        <v>22</v>
      </c>
      <c r="AP37356">
        <v>22</v>
      </c>
      <c r="AQ37356">
        <v>22</v>
      </c>
    </row>
    <row r="37357" spans="1:43">
      <c r="A37357" t="s">
        <v>23155</v>
      </c>
      <c r="B37357" t="s">
        <v>23156</v>
      </c>
      <c r="C37357" t="s">
        <v>23143</v>
      </c>
      <c r="D37357" t="s">
        <v>23144</v>
      </c>
      <c r="E37357" t="s">
        <v>23145</v>
      </c>
      <c r="F37357" t="s">
        <v>23146</v>
      </c>
      <c r="G37357" t="s">
        <v>11612</v>
      </c>
      <c r="H37357" t="s">
        <v>11613</v>
      </c>
      <c r="I37357" s="2">
        <v>0</v>
      </c>
      <c r="J37357" s="2">
        <v>0</v>
      </c>
      <c r="K37357" s="2">
        <v>1</v>
      </c>
      <c r="L37357" t="s">
        <v>995</v>
      </c>
      <c r="M37357" t="s">
        <v>83</v>
      </c>
      <c r="N37357" t="s">
        <v>91</v>
      </c>
      <c r="O37357" t="s">
        <v>85</v>
      </c>
      <c r="P37357" t="s">
        <v>86</v>
      </c>
      <c r="Q37357">
        <v>18</v>
      </c>
      <c r="R37357">
        <v>18</v>
      </c>
      <c r="S37357">
        <v>19</v>
      </c>
      <c r="T37357">
        <v>19</v>
      </c>
      <c r="U37357">
        <v>19</v>
      </c>
      <c r="V37357">
        <v>19</v>
      </c>
      <c r="W37357">
        <v>19</v>
      </c>
      <c r="X37357">
        <v>20</v>
      </c>
      <c r="Y37357">
        <v>20</v>
      </c>
      <c r="Z37357">
        <v>20</v>
      </c>
      <c r="AA37357">
        <v>20</v>
      </c>
      <c r="AB37357">
        <v>20</v>
      </c>
      <c r="AC37357">
        <v>20</v>
      </c>
      <c r="AD37357">
        <v>21</v>
      </c>
      <c r="AE37357">
        <v>21</v>
      </c>
      <c r="AF37357">
        <v>21</v>
      </c>
      <c r="AG37357">
        <v>21</v>
      </c>
      <c r="AH37357">
        <v>21</v>
      </c>
      <c r="AI37357">
        <v>21</v>
      </c>
      <c r="AJ37357">
        <v>22</v>
      </c>
      <c r="AK37357">
        <v>22</v>
      </c>
      <c r="AL37357">
        <v>22</v>
      </c>
      <c r="AM37357">
        <v>22</v>
      </c>
      <c r="AN37357">
        <v>22</v>
      </c>
      <c r="AO37357">
        <v>22</v>
      </c>
      <c r="AP37357">
        <v>22</v>
      </c>
      <c r="AQ37357">
        <v>22</v>
      </c>
    </row>
    <row r="37358" spans="1:43">
      <c r="A37358" t="s">
        <v>23157</v>
      </c>
      <c r="B37358" t="s">
        <v>23158</v>
      </c>
      <c r="C37358" t="s">
        <v>23159</v>
      </c>
      <c r="D37358" t="s">
        <v>23160</v>
      </c>
      <c r="E37358" t="s">
        <v>23145</v>
      </c>
      <c r="F37358" t="s">
        <v>23146</v>
      </c>
      <c r="G37358" t="s">
        <v>11612</v>
      </c>
      <c r="H37358" t="s">
        <v>11613</v>
      </c>
      <c r="I37358" s="2">
        <v>0</v>
      </c>
      <c r="J37358" s="2">
        <v>0</v>
      </c>
      <c r="K37358" s="2">
        <v>1</v>
      </c>
      <c r="L37358" t="s">
        <v>995</v>
      </c>
      <c r="M37358" t="s">
        <v>83</v>
      </c>
      <c r="N37358" t="s">
        <v>84</v>
      </c>
      <c r="O37358" t="s">
        <v>85</v>
      </c>
      <c r="P37358" t="s">
        <v>86</v>
      </c>
      <c r="Q37358">
        <v>19</v>
      </c>
      <c r="R37358">
        <v>19</v>
      </c>
      <c r="S37358">
        <v>20</v>
      </c>
      <c r="T37358">
        <v>20</v>
      </c>
      <c r="U37358">
        <v>20</v>
      </c>
      <c r="V37358">
        <v>20</v>
      </c>
      <c r="W37358">
        <v>20</v>
      </c>
      <c r="X37358">
        <v>20</v>
      </c>
      <c r="Y37358">
        <v>21</v>
      </c>
      <c r="Z37358">
        <v>21</v>
      </c>
      <c r="AA37358">
        <v>21</v>
      </c>
      <c r="AB37358">
        <v>21</v>
      </c>
      <c r="AC37358">
        <v>21</v>
      </c>
      <c r="AD37358">
        <v>21</v>
      </c>
      <c r="AE37358">
        <v>21</v>
      </c>
      <c r="AF37358">
        <v>22</v>
      </c>
      <c r="AG37358">
        <v>22</v>
      </c>
      <c r="AH37358">
        <v>22</v>
      </c>
      <c r="AI37358">
        <v>22</v>
      </c>
      <c r="AJ37358">
        <v>22</v>
      </c>
      <c r="AK37358">
        <v>22</v>
      </c>
      <c r="AL37358">
        <v>22</v>
      </c>
      <c r="AM37358">
        <v>22</v>
      </c>
      <c r="AN37358">
        <v>22</v>
      </c>
      <c r="AO37358">
        <v>22</v>
      </c>
      <c r="AP37358">
        <v>22</v>
      </c>
      <c r="AQ37358">
        <v>22</v>
      </c>
    </row>
    <row r="37359" spans="1:43">
      <c r="A37359" t="s">
        <v>23157</v>
      </c>
      <c r="B37359" t="s">
        <v>23158</v>
      </c>
      <c r="C37359" t="s">
        <v>23159</v>
      </c>
      <c r="D37359" t="s">
        <v>23160</v>
      </c>
      <c r="E37359" t="s">
        <v>23145</v>
      </c>
      <c r="F37359" t="s">
        <v>23146</v>
      </c>
      <c r="G37359" t="s">
        <v>11612</v>
      </c>
      <c r="H37359" t="s">
        <v>11613</v>
      </c>
      <c r="I37359" s="2">
        <v>0</v>
      </c>
      <c r="J37359" s="2">
        <v>0</v>
      </c>
      <c r="K37359" s="2">
        <v>1</v>
      </c>
      <c r="L37359" t="s">
        <v>995</v>
      </c>
      <c r="M37359" t="s">
        <v>87</v>
      </c>
      <c r="N37359" t="s">
        <v>88</v>
      </c>
      <c r="O37359" t="s">
        <v>85</v>
      </c>
      <c r="P37359" t="s">
        <v>86</v>
      </c>
      <c r="Q37359">
        <v>19</v>
      </c>
      <c r="R37359">
        <v>19</v>
      </c>
      <c r="S37359">
        <v>19</v>
      </c>
      <c r="T37359">
        <v>19</v>
      </c>
      <c r="U37359">
        <v>19</v>
      </c>
      <c r="V37359">
        <v>19</v>
      </c>
      <c r="W37359">
        <v>19</v>
      </c>
      <c r="X37359">
        <v>19</v>
      </c>
      <c r="Y37359">
        <v>19</v>
      </c>
      <c r="Z37359">
        <v>19</v>
      </c>
      <c r="AA37359">
        <v>19</v>
      </c>
      <c r="AB37359">
        <v>19</v>
      </c>
      <c r="AC37359">
        <v>19</v>
      </c>
      <c r="AD37359">
        <v>19</v>
      </c>
      <c r="AE37359">
        <v>19</v>
      </c>
      <c r="AF37359">
        <v>19</v>
      </c>
      <c r="AG37359">
        <v>19</v>
      </c>
      <c r="AH37359">
        <v>19</v>
      </c>
      <c r="AI37359">
        <v>19</v>
      </c>
      <c r="AJ37359">
        <v>19</v>
      </c>
      <c r="AK37359">
        <v>19</v>
      </c>
      <c r="AL37359">
        <v>19</v>
      </c>
      <c r="AM37359">
        <v>19</v>
      </c>
      <c r="AN37359">
        <v>19</v>
      </c>
      <c r="AO37359">
        <v>19</v>
      </c>
      <c r="AP37359">
        <v>19</v>
      </c>
      <c r="AQ37359">
        <v>19</v>
      </c>
    </row>
    <row r="37360" spans="1:43">
      <c r="A37360" t="s">
        <v>23157</v>
      </c>
      <c r="B37360" t="s">
        <v>23158</v>
      </c>
      <c r="C37360" t="s">
        <v>23159</v>
      </c>
      <c r="D37360" t="s">
        <v>23160</v>
      </c>
      <c r="E37360" t="s">
        <v>23145</v>
      </c>
      <c r="F37360" t="s">
        <v>23146</v>
      </c>
      <c r="G37360" t="s">
        <v>11612</v>
      </c>
      <c r="H37360" t="s">
        <v>11613</v>
      </c>
      <c r="I37360" s="2">
        <v>0</v>
      </c>
      <c r="J37360" s="2">
        <v>0</v>
      </c>
      <c r="K37360" s="2">
        <v>1</v>
      </c>
      <c r="L37360" t="s">
        <v>995</v>
      </c>
      <c r="M37360" t="s">
        <v>89</v>
      </c>
      <c r="N37360" t="s">
        <v>90</v>
      </c>
      <c r="O37360" t="s">
        <v>85</v>
      </c>
      <c r="P37360" t="s">
        <v>86</v>
      </c>
      <c r="Q37360">
        <v>19</v>
      </c>
      <c r="R37360">
        <v>20</v>
      </c>
      <c r="S37360">
        <v>20</v>
      </c>
      <c r="T37360">
        <v>20</v>
      </c>
      <c r="U37360">
        <v>21</v>
      </c>
      <c r="V37360">
        <v>21</v>
      </c>
      <c r="W37360">
        <v>21</v>
      </c>
      <c r="X37360">
        <v>22</v>
      </c>
      <c r="Y37360">
        <v>22</v>
      </c>
      <c r="Z37360">
        <v>22</v>
      </c>
      <c r="AA37360">
        <v>22</v>
      </c>
      <c r="AB37360">
        <v>22</v>
      </c>
      <c r="AC37360">
        <v>23</v>
      </c>
      <c r="AD37360">
        <v>23</v>
      </c>
      <c r="AE37360">
        <v>23</v>
      </c>
      <c r="AF37360">
        <v>23</v>
      </c>
      <c r="AG37360">
        <v>23</v>
      </c>
      <c r="AH37360">
        <v>23</v>
      </c>
      <c r="AI37360">
        <v>23</v>
      </c>
      <c r="AJ37360">
        <v>22</v>
      </c>
      <c r="AK37360">
        <v>22</v>
      </c>
      <c r="AL37360">
        <v>22</v>
      </c>
      <c r="AM37360">
        <v>22</v>
      </c>
      <c r="AN37360">
        <v>22</v>
      </c>
      <c r="AO37360">
        <v>22</v>
      </c>
      <c r="AP37360">
        <v>22</v>
      </c>
      <c r="AQ37360">
        <v>22</v>
      </c>
    </row>
    <row r="37361" spans="1:43">
      <c r="A37361" t="s">
        <v>23157</v>
      </c>
      <c r="B37361" t="s">
        <v>23158</v>
      </c>
      <c r="C37361" t="s">
        <v>23159</v>
      </c>
      <c r="D37361" t="s">
        <v>23160</v>
      </c>
      <c r="E37361" t="s">
        <v>23145</v>
      </c>
      <c r="F37361" t="s">
        <v>23146</v>
      </c>
      <c r="G37361" t="s">
        <v>11612</v>
      </c>
      <c r="H37361" t="s">
        <v>11613</v>
      </c>
      <c r="I37361" s="2">
        <v>0</v>
      </c>
      <c r="J37361" s="2">
        <v>0</v>
      </c>
      <c r="K37361" s="2">
        <v>1</v>
      </c>
      <c r="L37361" t="s">
        <v>995</v>
      </c>
      <c r="M37361" t="s">
        <v>83</v>
      </c>
      <c r="N37361" t="s">
        <v>91</v>
      </c>
      <c r="O37361" t="s">
        <v>85</v>
      </c>
      <c r="P37361" t="s">
        <v>86</v>
      </c>
      <c r="Q37361">
        <v>19</v>
      </c>
      <c r="R37361">
        <v>19</v>
      </c>
      <c r="S37361">
        <v>20</v>
      </c>
      <c r="T37361">
        <v>20</v>
      </c>
      <c r="U37361">
        <v>20</v>
      </c>
      <c r="V37361">
        <v>20</v>
      </c>
      <c r="W37361">
        <v>20</v>
      </c>
      <c r="X37361">
        <v>20</v>
      </c>
      <c r="Y37361">
        <v>21</v>
      </c>
      <c r="Z37361">
        <v>21</v>
      </c>
      <c r="AA37361">
        <v>21</v>
      </c>
      <c r="AB37361">
        <v>21</v>
      </c>
      <c r="AC37361">
        <v>21</v>
      </c>
      <c r="AD37361">
        <v>21</v>
      </c>
      <c r="AE37361">
        <v>21</v>
      </c>
      <c r="AF37361">
        <v>22</v>
      </c>
      <c r="AG37361">
        <v>22</v>
      </c>
      <c r="AH37361">
        <v>22</v>
      </c>
      <c r="AI37361">
        <v>22</v>
      </c>
      <c r="AJ37361">
        <v>22</v>
      </c>
      <c r="AK37361">
        <v>22</v>
      </c>
      <c r="AL37361">
        <v>22</v>
      </c>
      <c r="AM37361">
        <v>22</v>
      </c>
      <c r="AN37361">
        <v>22</v>
      </c>
      <c r="AO37361">
        <v>22</v>
      </c>
      <c r="AP37361">
        <v>22</v>
      </c>
      <c r="AQ37361">
        <v>22</v>
      </c>
    </row>
    <row r="37362" spans="1:43">
      <c r="A37362" t="s">
        <v>23161</v>
      </c>
      <c r="B37362" t="s">
        <v>23162</v>
      </c>
      <c r="C37362" t="s">
        <v>23159</v>
      </c>
      <c r="D37362" t="s">
        <v>23160</v>
      </c>
      <c r="E37362" t="s">
        <v>23145</v>
      </c>
      <c r="F37362" t="s">
        <v>23146</v>
      </c>
      <c r="G37362" t="s">
        <v>11612</v>
      </c>
      <c r="H37362" t="s">
        <v>11613</v>
      </c>
      <c r="I37362" s="2">
        <v>0</v>
      </c>
      <c r="J37362" s="2">
        <v>0</v>
      </c>
      <c r="K37362" s="2">
        <v>1</v>
      </c>
      <c r="L37362" t="s">
        <v>995</v>
      </c>
      <c r="M37362" t="s">
        <v>83</v>
      </c>
      <c r="N37362" t="s">
        <v>84</v>
      </c>
      <c r="O37362" t="s">
        <v>85</v>
      </c>
      <c r="P37362" t="s">
        <v>86</v>
      </c>
      <c r="Q37362">
        <v>11</v>
      </c>
      <c r="R37362">
        <v>11</v>
      </c>
      <c r="S37362">
        <v>11</v>
      </c>
      <c r="T37362">
        <v>11</v>
      </c>
      <c r="U37362">
        <v>11</v>
      </c>
      <c r="V37362">
        <v>11</v>
      </c>
      <c r="W37362">
        <v>11</v>
      </c>
      <c r="X37362">
        <v>11</v>
      </c>
      <c r="Y37362">
        <v>11</v>
      </c>
      <c r="Z37362">
        <v>11</v>
      </c>
      <c r="AA37362">
        <v>11</v>
      </c>
      <c r="AB37362">
        <v>12</v>
      </c>
      <c r="AC37362">
        <v>12</v>
      </c>
      <c r="AD37362">
        <v>12</v>
      </c>
      <c r="AE37362">
        <v>12</v>
      </c>
      <c r="AF37362">
        <v>12</v>
      </c>
      <c r="AG37362">
        <v>12</v>
      </c>
      <c r="AH37362">
        <v>12</v>
      </c>
      <c r="AI37362">
        <v>12</v>
      </c>
      <c r="AJ37362">
        <v>12</v>
      </c>
      <c r="AK37362">
        <v>12</v>
      </c>
      <c r="AL37362">
        <v>12</v>
      </c>
      <c r="AM37362">
        <v>12</v>
      </c>
      <c r="AN37362">
        <v>12</v>
      </c>
      <c r="AO37362">
        <v>12</v>
      </c>
      <c r="AP37362">
        <v>12</v>
      </c>
      <c r="AQ37362">
        <v>12</v>
      </c>
    </row>
    <row r="37363" spans="1:43">
      <c r="A37363" t="s">
        <v>23161</v>
      </c>
      <c r="B37363" t="s">
        <v>23162</v>
      </c>
      <c r="C37363" t="s">
        <v>23159</v>
      </c>
      <c r="D37363" t="s">
        <v>23160</v>
      </c>
      <c r="E37363" t="s">
        <v>23145</v>
      </c>
      <c r="F37363" t="s">
        <v>23146</v>
      </c>
      <c r="G37363" t="s">
        <v>11612</v>
      </c>
      <c r="H37363" t="s">
        <v>11613</v>
      </c>
      <c r="I37363" s="2">
        <v>0</v>
      </c>
      <c r="J37363" s="2">
        <v>0</v>
      </c>
      <c r="K37363" s="2">
        <v>1</v>
      </c>
      <c r="L37363" t="s">
        <v>995</v>
      </c>
      <c r="M37363" t="s">
        <v>87</v>
      </c>
      <c r="N37363" t="s">
        <v>88</v>
      </c>
      <c r="O37363" t="s">
        <v>85</v>
      </c>
      <c r="P37363" t="s">
        <v>86</v>
      </c>
      <c r="Q37363">
        <v>11</v>
      </c>
      <c r="R37363">
        <v>11</v>
      </c>
      <c r="S37363">
        <v>11</v>
      </c>
      <c r="T37363">
        <v>11</v>
      </c>
      <c r="U37363">
        <v>11</v>
      </c>
      <c r="V37363">
        <v>11</v>
      </c>
      <c r="W37363">
        <v>11</v>
      </c>
      <c r="X37363">
        <v>11</v>
      </c>
      <c r="Y37363">
        <v>11</v>
      </c>
      <c r="Z37363">
        <v>11</v>
      </c>
      <c r="AA37363">
        <v>11</v>
      </c>
      <c r="AB37363">
        <v>11</v>
      </c>
      <c r="AC37363">
        <v>11</v>
      </c>
      <c r="AD37363">
        <v>11</v>
      </c>
      <c r="AE37363">
        <v>11</v>
      </c>
      <c r="AF37363">
        <v>11</v>
      </c>
      <c r="AG37363">
        <v>11</v>
      </c>
      <c r="AH37363">
        <v>11</v>
      </c>
      <c r="AI37363">
        <v>11</v>
      </c>
      <c r="AJ37363">
        <v>11</v>
      </c>
      <c r="AK37363">
        <v>11</v>
      </c>
      <c r="AL37363">
        <v>11</v>
      </c>
      <c r="AM37363">
        <v>11</v>
      </c>
      <c r="AN37363">
        <v>11</v>
      </c>
      <c r="AO37363">
        <v>11</v>
      </c>
      <c r="AP37363">
        <v>11</v>
      </c>
      <c r="AQ37363">
        <v>11</v>
      </c>
    </row>
    <row r="37364" spans="1:43">
      <c r="A37364" t="s">
        <v>23161</v>
      </c>
      <c r="B37364" t="s">
        <v>23162</v>
      </c>
      <c r="C37364" t="s">
        <v>23159</v>
      </c>
      <c r="D37364" t="s">
        <v>23160</v>
      </c>
      <c r="E37364" t="s">
        <v>23145</v>
      </c>
      <c r="F37364" t="s">
        <v>23146</v>
      </c>
      <c r="G37364" t="s">
        <v>11612</v>
      </c>
      <c r="H37364" t="s">
        <v>11613</v>
      </c>
      <c r="I37364" s="2">
        <v>0</v>
      </c>
      <c r="J37364" s="2">
        <v>0</v>
      </c>
      <c r="K37364" s="2">
        <v>1</v>
      </c>
      <c r="L37364" t="s">
        <v>995</v>
      </c>
      <c r="M37364" t="s">
        <v>89</v>
      </c>
      <c r="N37364" t="s">
        <v>90</v>
      </c>
      <c r="O37364" t="s">
        <v>85</v>
      </c>
      <c r="P37364" t="s">
        <v>86</v>
      </c>
      <c r="Q37364">
        <v>11</v>
      </c>
      <c r="R37364">
        <v>11</v>
      </c>
      <c r="S37364">
        <v>11</v>
      </c>
      <c r="T37364">
        <v>11</v>
      </c>
      <c r="U37364">
        <v>11</v>
      </c>
      <c r="V37364">
        <v>12</v>
      </c>
      <c r="W37364">
        <v>12</v>
      </c>
      <c r="X37364">
        <v>12</v>
      </c>
      <c r="Y37364">
        <v>12</v>
      </c>
      <c r="Z37364">
        <v>12</v>
      </c>
      <c r="AA37364">
        <v>12</v>
      </c>
      <c r="AB37364">
        <v>12</v>
      </c>
      <c r="AC37364">
        <v>12</v>
      </c>
      <c r="AD37364">
        <v>12</v>
      </c>
      <c r="AE37364">
        <v>13</v>
      </c>
      <c r="AF37364">
        <v>12</v>
      </c>
      <c r="AG37364">
        <v>12</v>
      </c>
      <c r="AH37364">
        <v>12</v>
      </c>
      <c r="AI37364">
        <v>12</v>
      </c>
      <c r="AJ37364">
        <v>12</v>
      </c>
      <c r="AK37364">
        <v>12</v>
      </c>
      <c r="AL37364">
        <v>12</v>
      </c>
      <c r="AM37364">
        <v>12</v>
      </c>
      <c r="AN37364">
        <v>12</v>
      </c>
      <c r="AO37364">
        <v>12</v>
      </c>
      <c r="AP37364">
        <v>12</v>
      </c>
      <c r="AQ37364">
        <v>12</v>
      </c>
    </row>
    <row r="37365" spans="1:43">
      <c r="A37365" t="s">
        <v>23161</v>
      </c>
      <c r="B37365" t="s">
        <v>23162</v>
      </c>
      <c r="C37365" t="s">
        <v>23159</v>
      </c>
      <c r="D37365" t="s">
        <v>23160</v>
      </c>
      <c r="E37365" t="s">
        <v>23145</v>
      </c>
      <c r="F37365" t="s">
        <v>23146</v>
      </c>
      <c r="G37365" t="s">
        <v>11612</v>
      </c>
      <c r="H37365" t="s">
        <v>11613</v>
      </c>
      <c r="I37365" s="2">
        <v>0</v>
      </c>
      <c r="J37365" s="2">
        <v>0</v>
      </c>
      <c r="K37365" s="2">
        <v>1</v>
      </c>
      <c r="L37365" t="s">
        <v>995</v>
      </c>
      <c r="M37365" t="s">
        <v>83</v>
      </c>
      <c r="N37365" t="s">
        <v>91</v>
      </c>
      <c r="O37365" t="s">
        <v>85</v>
      </c>
      <c r="P37365" t="s">
        <v>86</v>
      </c>
      <c r="Q37365">
        <v>11</v>
      </c>
      <c r="R37365">
        <v>11</v>
      </c>
      <c r="S37365">
        <v>11</v>
      </c>
      <c r="T37365">
        <v>11</v>
      </c>
      <c r="U37365">
        <v>11</v>
      </c>
      <c r="V37365">
        <v>11</v>
      </c>
      <c r="W37365">
        <v>11</v>
      </c>
      <c r="X37365">
        <v>11</v>
      </c>
      <c r="Y37365">
        <v>11</v>
      </c>
      <c r="Z37365">
        <v>11</v>
      </c>
      <c r="AA37365">
        <v>11</v>
      </c>
      <c r="AB37365">
        <v>12</v>
      </c>
      <c r="AC37365">
        <v>12</v>
      </c>
      <c r="AD37365">
        <v>12</v>
      </c>
      <c r="AE37365">
        <v>12</v>
      </c>
      <c r="AF37365">
        <v>12</v>
      </c>
      <c r="AG37365">
        <v>12</v>
      </c>
      <c r="AH37365">
        <v>12</v>
      </c>
      <c r="AI37365">
        <v>12</v>
      </c>
      <c r="AJ37365">
        <v>12</v>
      </c>
      <c r="AK37365">
        <v>12</v>
      </c>
      <c r="AL37365">
        <v>12</v>
      </c>
      <c r="AM37365">
        <v>12</v>
      </c>
      <c r="AN37365">
        <v>12</v>
      </c>
      <c r="AO37365">
        <v>12</v>
      </c>
      <c r="AP37365">
        <v>12</v>
      </c>
      <c r="AQ37365">
        <v>12</v>
      </c>
    </row>
    <row r="37366" spans="1:43">
      <c r="A37366" t="s">
        <v>23163</v>
      </c>
      <c r="B37366" t="s">
        <v>23164</v>
      </c>
      <c r="C37366" t="s">
        <v>23159</v>
      </c>
      <c r="D37366" t="s">
        <v>23160</v>
      </c>
      <c r="E37366" t="s">
        <v>23145</v>
      </c>
      <c r="F37366" t="s">
        <v>23146</v>
      </c>
      <c r="G37366" t="s">
        <v>11612</v>
      </c>
      <c r="H37366" t="s">
        <v>11613</v>
      </c>
      <c r="I37366" s="2">
        <v>0</v>
      </c>
      <c r="J37366" s="2">
        <v>0</v>
      </c>
      <c r="K37366" s="2">
        <v>1</v>
      </c>
      <c r="L37366" t="s">
        <v>995</v>
      </c>
      <c r="M37366" t="s">
        <v>83</v>
      </c>
      <c r="N37366" t="s">
        <v>84</v>
      </c>
      <c r="O37366" t="s">
        <v>85</v>
      </c>
      <c r="P37366" t="s">
        <v>86</v>
      </c>
      <c r="Q37366">
        <v>47</v>
      </c>
      <c r="R37366">
        <v>48</v>
      </c>
      <c r="S37366">
        <v>48</v>
      </c>
      <c r="T37366">
        <v>49</v>
      </c>
      <c r="U37366">
        <v>49</v>
      </c>
      <c r="V37366">
        <v>49</v>
      </c>
      <c r="W37366">
        <v>50</v>
      </c>
      <c r="X37366">
        <v>50</v>
      </c>
      <c r="Y37366">
        <v>51</v>
      </c>
      <c r="Z37366">
        <v>51</v>
      </c>
      <c r="AA37366">
        <v>52</v>
      </c>
      <c r="AB37366">
        <v>52</v>
      </c>
      <c r="AC37366">
        <v>52</v>
      </c>
      <c r="AD37366">
        <v>53</v>
      </c>
      <c r="AE37366">
        <v>53</v>
      </c>
      <c r="AF37366">
        <v>54</v>
      </c>
      <c r="AG37366">
        <v>54</v>
      </c>
      <c r="AH37366">
        <v>54</v>
      </c>
      <c r="AI37366">
        <v>55</v>
      </c>
      <c r="AJ37366">
        <v>55</v>
      </c>
      <c r="AK37366">
        <v>55</v>
      </c>
      <c r="AL37366">
        <v>55</v>
      </c>
      <c r="AM37366">
        <v>55</v>
      </c>
      <c r="AN37366">
        <v>55</v>
      </c>
      <c r="AO37366">
        <v>55</v>
      </c>
      <c r="AP37366">
        <v>55</v>
      </c>
      <c r="AQ37366">
        <v>54</v>
      </c>
    </row>
    <row r="37367" spans="1:43">
      <c r="A37367" t="s">
        <v>23163</v>
      </c>
      <c r="B37367" t="s">
        <v>23164</v>
      </c>
      <c r="C37367" t="s">
        <v>23159</v>
      </c>
      <c r="D37367" t="s">
        <v>23160</v>
      </c>
      <c r="E37367" t="s">
        <v>23145</v>
      </c>
      <c r="F37367" t="s">
        <v>23146</v>
      </c>
      <c r="G37367" t="s">
        <v>11612</v>
      </c>
      <c r="H37367" t="s">
        <v>11613</v>
      </c>
      <c r="I37367" s="2">
        <v>0</v>
      </c>
      <c r="J37367" s="2">
        <v>0</v>
      </c>
      <c r="K37367" s="2">
        <v>1</v>
      </c>
      <c r="L37367" t="s">
        <v>995</v>
      </c>
      <c r="M37367" t="s">
        <v>87</v>
      </c>
      <c r="N37367" t="s">
        <v>88</v>
      </c>
      <c r="O37367" t="s">
        <v>85</v>
      </c>
      <c r="P37367" t="s">
        <v>86</v>
      </c>
      <c r="Q37367">
        <v>47</v>
      </c>
      <c r="R37367">
        <v>47</v>
      </c>
      <c r="S37367">
        <v>47</v>
      </c>
      <c r="T37367">
        <v>47</v>
      </c>
      <c r="U37367">
        <v>47</v>
      </c>
      <c r="V37367">
        <v>47</v>
      </c>
      <c r="W37367">
        <v>47</v>
      </c>
      <c r="X37367">
        <v>47</v>
      </c>
      <c r="Y37367">
        <v>47</v>
      </c>
      <c r="Z37367">
        <v>47</v>
      </c>
      <c r="AA37367">
        <v>47</v>
      </c>
      <c r="AB37367">
        <v>47</v>
      </c>
      <c r="AC37367">
        <v>47</v>
      </c>
      <c r="AD37367">
        <v>47</v>
      </c>
      <c r="AE37367">
        <v>47</v>
      </c>
      <c r="AF37367">
        <v>47</v>
      </c>
      <c r="AG37367">
        <v>47</v>
      </c>
      <c r="AH37367">
        <v>47</v>
      </c>
      <c r="AI37367">
        <v>47</v>
      </c>
      <c r="AJ37367">
        <v>47</v>
      </c>
      <c r="AK37367">
        <v>47</v>
      </c>
      <c r="AL37367">
        <v>47</v>
      </c>
      <c r="AM37367">
        <v>47</v>
      </c>
      <c r="AN37367">
        <v>47</v>
      </c>
      <c r="AO37367">
        <v>47</v>
      </c>
      <c r="AP37367">
        <v>47</v>
      </c>
      <c r="AQ37367">
        <v>47</v>
      </c>
    </row>
    <row r="37368" spans="1:43">
      <c r="A37368" t="s">
        <v>23163</v>
      </c>
      <c r="B37368" t="s">
        <v>23164</v>
      </c>
      <c r="C37368" t="s">
        <v>23159</v>
      </c>
      <c r="D37368" t="s">
        <v>23160</v>
      </c>
      <c r="E37368" t="s">
        <v>23145</v>
      </c>
      <c r="F37368" t="s">
        <v>23146</v>
      </c>
      <c r="G37368" t="s">
        <v>11612</v>
      </c>
      <c r="H37368" t="s">
        <v>11613</v>
      </c>
      <c r="I37368" s="2">
        <v>0</v>
      </c>
      <c r="J37368" s="2">
        <v>0</v>
      </c>
      <c r="K37368" s="2">
        <v>1</v>
      </c>
      <c r="L37368" t="s">
        <v>995</v>
      </c>
      <c r="M37368" t="s">
        <v>89</v>
      </c>
      <c r="N37368" t="s">
        <v>90</v>
      </c>
      <c r="O37368" t="s">
        <v>85</v>
      </c>
      <c r="P37368" t="s">
        <v>86</v>
      </c>
      <c r="Q37368">
        <v>47</v>
      </c>
      <c r="R37368">
        <v>47</v>
      </c>
      <c r="S37368">
        <v>48</v>
      </c>
      <c r="T37368">
        <v>49</v>
      </c>
      <c r="U37368">
        <v>50</v>
      </c>
      <c r="V37368">
        <v>51</v>
      </c>
      <c r="W37368">
        <v>51</v>
      </c>
      <c r="X37368">
        <v>52</v>
      </c>
      <c r="Y37368">
        <v>53</v>
      </c>
      <c r="Z37368">
        <v>53</v>
      </c>
      <c r="AA37368">
        <v>54</v>
      </c>
      <c r="AB37368">
        <v>55</v>
      </c>
      <c r="AC37368">
        <v>55</v>
      </c>
      <c r="AD37368">
        <v>56</v>
      </c>
      <c r="AE37368">
        <v>56</v>
      </c>
      <c r="AF37368">
        <v>56</v>
      </c>
      <c r="AG37368">
        <v>56</v>
      </c>
      <c r="AH37368">
        <v>56</v>
      </c>
      <c r="AI37368">
        <v>55</v>
      </c>
      <c r="AJ37368">
        <v>55</v>
      </c>
      <c r="AK37368">
        <v>55</v>
      </c>
      <c r="AL37368">
        <v>55</v>
      </c>
      <c r="AM37368">
        <v>55</v>
      </c>
      <c r="AN37368">
        <v>55</v>
      </c>
      <c r="AO37368">
        <v>54</v>
      </c>
      <c r="AP37368">
        <v>54</v>
      </c>
      <c r="AQ37368">
        <v>54</v>
      </c>
    </row>
    <row r="37369" spans="1:43">
      <c r="A37369" t="s">
        <v>23163</v>
      </c>
      <c r="B37369" t="s">
        <v>23164</v>
      </c>
      <c r="C37369" t="s">
        <v>23159</v>
      </c>
      <c r="D37369" t="s">
        <v>23160</v>
      </c>
      <c r="E37369" t="s">
        <v>23145</v>
      </c>
      <c r="F37369" t="s">
        <v>23146</v>
      </c>
      <c r="G37369" t="s">
        <v>11612</v>
      </c>
      <c r="H37369" t="s">
        <v>11613</v>
      </c>
      <c r="I37369" s="2">
        <v>0</v>
      </c>
      <c r="J37369" s="2">
        <v>0</v>
      </c>
      <c r="K37369" s="2">
        <v>1</v>
      </c>
      <c r="L37369" t="s">
        <v>995</v>
      </c>
      <c r="M37369" t="s">
        <v>83</v>
      </c>
      <c r="N37369" t="s">
        <v>91</v>
      </c>
      <c r="O37369" t="s">
        <v>85</v>
      </c>
      <c r="P37369" t="s">
        <v>86</v>
      </c>
      <c r="Q37369">
        <v>47</v>
      </c>
      <c r="R37369">
        <v>48</v>
      </c>
      <c r="S37369">
        <v>48</v>
      </c>
      <c r="T37369">
        <v>49</v>
      </c>
      <c r="U37369">
        <v>49</v>
      </c>
      <c r="V37369">
        <v>49</v>
      </c>
      <c r="W37369">
        <v>50</v>
      </c>
      <c r="X37369">
        <v>50</v>
      </c>
      <c r="Y37369">
        <v>51</v>
      </c>
      <c r="Z37369">
        <v>51</v>
      </c>
      <c r="AA37369">
        <v>52</v>
      </c>
      <c r="AB37369">
        <v>52</v>
      </c>
      <c r="AC37369">
        <v>52</v>
      </c>
      <c r="AD37369">
        <v>53</v>
      </c>
      <c r="AE37369">
        <v>53</v>
      </c>
      <c r="AF37369">
        <v>54</v>
      </c>
      <c r="AG37369">
        <v>54</v>
      </c>
      <c r="AH37369">
        <v>54</v>
      </c>
      <c r="AI37369">
        <v>55</v>
      </c>
      <c r="AJ37369">
        <v>55</v>
      </c>
      <c r="AK37369">
        <v>55</v>
      </c>
      <c r="AL37369">
        <v>55</v>
      </c>
      <c r="AM37369">
        <v>55</v>
      </c>
      <c r="AN37369">
        <v>55</v>
      </c>
      <c r="AO37369">
        <v>55</v>
      </c>
      <c r="AP37369">
        <v>55</v>
      </c>
      <c r="AQ37369">
        <v>54</v>
      </c>
    </row>
    <row r="37370" spans="1:43">
      <c r="A37370" t="s">
        <v>23165</v>
      </c>
      <c r="B37370" t="s">
        <v>23166</v>
      </c>
      <c r="C37370" t="s">
        <v>23159</v>
      </c>
      <c r="D37370" t="s">
        <v>23160</v>
      </c>
      <c r="E37370" t="s">
        <v>23145</v>
      </c>
      <c r="F37370" t="s">
        <v>23146</v>
      </c>
      <c r="G37370" t="s">
        <v>11612</v>
      </c>
      <c r="H37370" t="s">
        <v>11613</v>
      </c>
      <c r="I37370" s="2">
        <v>0</v>
      </c>
      <c r="J37370" s="2">
        <v>0</v>
      </c>
      <c r="K37370" s="2">
        <v>1</v>
      </c>
      <c r="L37370" t="s">
        <v>995</v>
      </c>
      <c r="M37370" t="s">
        <v>83</v>
      </c>
      <c r="N37370" t="s">
        <v>84</v>
      </c>
      <c r="O37370" t="s">
        <v>85</v>
      </c>
      <c r="P37370" t="s">
        <v>86</v>
      </c>
      <c r="Q37370">
        <v>10</v>
      </c>
      <c r="R37370">
        <v>11</v>
      </c>
      <c r="S37370">
        <v>11</v>
      </c>
      <c r="T37370">
        <v>11</v>
      </c>
      <c r="U37370">
        <v>11</v>
      </c>
      <c r="V37370">
        <v>11</v>
      </c>
      <c r="W37370">
        <v>11</v>
      </c>
      <c r="X37370">
        <v>11</v>
      </c>
      <c r="Y37370">
        <v>11</v>
      </c>
      <c r="Z37370">
        <v>11</v>
      </c>
      <c r="AA37370">
        <v>11</v>
      </c>
      <c r="AB37370">
        <v>12</v>
      </c>
      <c r="AC37370">
        <v>12</v>
      </c>
      <c r="AD37370">
        <v>12</v>
      </c>
      <c r="AE37370">
        <v>12</v>
      </c>
      <c r="AF37370">
        <v>12</v>
      </c>
      <c r="AG37370">
        <v>12</v>
      </c>
      <c r="AH37370">
        <v>12</v>
      </c>
      <c r="AI37370">
        <v>12</v>
      </c>
      <c r="AJ37370">
        <v>12</v>
      </c>
      <c r="AK37370">
        <v>12</v>
      </c>
      <c r="AL37370">
        <v>12</v>
      </c>
      <c r="AM37370">
        <v>12</v>
      </c>
      <c r="AN37370">
        <v>12</v>
      </c>
      <c r="AO37370">
        <v>12</v>
      </c>
      <c r="AP37370">
        <v>12</v>
      </c>
      <c r="AQ37370">
        <v>12</v>
      </c>
    </row>
    <row r="37371" spans="1:43">
      <c r="A37371" t="s">
        <v>23165</v>
      </c>
      <c r="B37371" t="s">
        <v>23166</v>
      </c>
      <c r="C37371" t="s">
        <v>23159</v>
      </c>
      <c r="D37371" t="s">
        <v>23160</v>
      </c>
      <c r="E37371" t="s">
        <v>23145</v>
      </c>
      <c r="F37371" t="s">
        <v>23146</v>
      </c>
      <c r="G37371" t="s">
        <v>11612</v>
      </c>
      <c r="H37371" t="s">
        <v>11613</v>
      </c>
      <c r="I37371" s="2">
        <v>0</v>
      </c>
      <c r="J37371" s="2">
        <v>0</v>
      </c>
      <c r="K37371" s="2">
        <v>1</v>
      </c>
      <c r="L37371" t="s">
        <v>995</v>
      </c>
      <c r="M37371" t="s">
        <v>87</v>
      </c>
      <c r="N37371" t="s">
        <v>88</v>
      </c>
      <c r="O37371" t="s">
        <v>85</v>
      </c>
      <c r="P37371" t="s">
        <v>86</v>
      </c>
      <c r="Q37371">
        <v>10</v>
      </c>
      <c r="R37371">
        <v>10</v>
      </c>
      <c r="S37371">
        <v>10</v>
      </c>
      <c r="T37371">
        <v>10</v>
      </c>
      <c r="U37371">
        <v>10</v>
      </c>
      <c r="V37371">
        <v>10</v>
      </c>
      <c r="W37371">
        <v>10</v>
      </c>
      <c r="X37371">
        <v>10</v>
      </c>
      <c r="Y37371">
        <v>10</v>
      </c>
      <c r="Z37371">
        <v>10</v>
      </c>
      <c r="AA37371">
        <v>10</v>
      </c>
      <c r="AB37371">
        <v>10</v>
      </c>
      <c r="AC37371">
        <v>10</v>
      </c>
      <c r="AD37371">
        <v>10</v>
      </c>
      <c r="AE37371">
        <v>10</v>
      </c>
      <c r="AF37371">
        <v>10</v>
      </c>
      <c r="AG37371">
        <v>10</v>
      </c>
      <c r="AH37371">
        <v>10</v>
      </c>
      <c r="AI37371">
        <v>10</v>
      </c>
      <c r="AJ37371">
        <v>10</v>
      </c>
      <c r="AK37371">
        <v>10</v>
      </c>
      <c r="AL37371">
        <v>10</v>
      </c>
      <c r="AM37371">
        <v>10</v>
      </c>
      <c r="AN37371">
        <v>10</v>
      </c>
      <c r="AO37371">
        <v>10</v>
      </c>
      <c r="AP37371">
        <v>10</v>
      </c>
      <c r="AQ37371">
        <v>10</v>
      </c>
    </row>
    <row r="37372" spans="1:43">
      <c r="A37372" t="s">
        <v>23165</v>
      </c>
      <c r="B37372" t="s">
        <v>23166</v>
      </c>
      <c r="C37372" t="s">
        <v>23159</v>
      </c>
      <c r="D37372" t="s">
        <v>23160</v>
      </c>
      <c r="E37372" t="s">
        <v>23145</v>
      </c>
      <c r="F37372" t="s">
        <v>23146</v>
      </c>
      <c r="G37372" t="s">
        <v>11612</v>
      </c>
      <c r="H37372" t="s">
        <v>11613</v>
      </c>
      <c r="I37372" s="2">
        <v>0</v>
      </c>
      <c r="J37372" s="2">
        <v>0</v>
      </c>
      <c r="K37372" s="2">
        <v>1</v>
      </c>
      <c r="L37372" t="s">
        <v>995</v>
      </c>
      <c r="M37372" t="s">
        <v>89</v>
      </c>
      <c r="N37372" t="s">
        <v>90</v>
      </c>
      <c r="O37372" t="s">
        <v>85</v>
      </c>
      <c r="P37372" t="s">
        <v>86</v>
      </c>
      <c r="Q37372">
        <v>10</v>
      </c>
      <c r="R37372">
        <v>10</v>
      </c>
      <c r="S37372">
        <v>10</v>
      </c>
      <c r="T37372">
        <v>10</v>
      </c>
      <c r="U37372">
        <v>10</v>
      </c>
      <c r="V37372">
        <v>10</v>
      </c>
      <c r="W37372">
        <v>11</v>
      </c>
      <c r="X37372">
        <v>11</v>
      </c>
      <c r="Y37372">
        <v>11</v>
      </c>
      <c r="Z37372">
        <v>11</v>
      </c>
      <c r="AA37372">
        <v>11</v>
      </c>
      <c r="AB37372">
        <v>11</v>
      </c>
      <c r="AC37372">
        <v>11</v>
      </c>
      <c r="AD37372">
        <v>12</v>
      </c>
      <c r="AE37372">
        <v>12</v>
      </c>
      <c r="AF37372">
        <v>12</v>
      </c>
      <c r="AG37372">
        <v>12</v>
      </c>
      <c r="AH37372">
        <v>11</v>
      </c>
      <c r="AI37372">
        <v>11</v>
      </c>
      <c r="AJ37372">
        <v>11</v>
      </c>
      <c r="AK37372">
        <v>11</v>
      </c>
      <c r="AL37372">
        <v>11</v>
      </c>
      <c r="AM37372">
        <v>11</v>
      </c>
      <c r="AN37372">
        <v>11</v>
      </c>
      <c r="AO37372">
        <v>11</v>
      </c>
      <c r="AP37372">
        <v>11</v>
      </c>
      <c r="AQ37372">
        <v>11</v>
      </c>
    </row>
    <row r="37373" spans="1:43">
      <c r="A37373" t="s">
        <v>23165</v>
      </c>
      <c r="B37373" t="s">
        <v>23166</v>
      </c>
      <c r="C37373" t="s">
        <v>23159</v>
      </c>
      <c r="D37373" t="s">
        <v>23160</v>
      </c>
      <c r="E37373" t="s">
        <v>23145</v>
      </c>
      <c r="F37373" t="s">
        <v>23146</v>
      </c>
      <c r="G37373" t="s">
        <v>11612</v>
      </c>
      <c r="H37373" t="s">
        <v>11613</v>
      </c>
      <c r="I37373" s="2">
        <v>0</v>
      </c>
      <c r="J37373" s="2">
        <v>0</v>
      </c>
      <c r="K37373" s="2">
        <v>1</v>
      </c>
      <c r="L37373" t="s">
        <v>995</v>
      </c>
      <c r="M37373" t="s">
        <v>83</v>
      </c>
      <c r="N37373" t="s">
        <v>91</v>
      </c>
      <c r="O37373" t="s">
        <v>85</v>
      </c>
      <c r="P37373" t="s">
        <v>86</v>
      </c>
      <c r="Q37373">
        <v>10</v>
      </c>
      <c r="R37373">
        <v>11</v>
      </c>
      <c r="S37373">
        <v>11</v>
      </c>
      <c r="T37373">
        <v>11</v>
      </c>
      <c r="U37373">
        <v>11</v>
      </c>
      <c r="V37373">
        <v>11</v>
      </c>
      <c r="W37373">
        <v>11</v>
      </c>
      <c r="X37373">
        <v>11</v>
      </c>
      <c r="Y37373">
        <v>11</v>
      </c>
      <c r="Z37373">
        <v>11</v>
      </c>
      <c r="AA37373">
        <v>11</v>
      </c>
      <c r="AB37373">
        <v>12</v>
      </c>
      <c r="AC37373">
        <v>12</v>
      </c>
      <c r="AD37373">
        <v>12</v>
      </c>
      <c r="AE37373">
        <v>12</v>
      </c>
      <c r="AF37373">
        <v>12</v>
      </c>
      <c r="AG37373">
        <v>12</v>
      </c>
      <c r="AH37373">
        <v>12</v>
      </c>
      <c r="AI37373">
        <v>12</v>
      </c>
      <c r="AJ37373">
        <v>12</v>
      </c>
      <c r="AK37373">
        <v>12</v>
      </c>
      <c r="AL37373">
        <v>12</v>
      </c>
      <c r="AM37373">
        <v>12</v>
      </c>
      <c r="AN37373">
        <v>12</v>
      </c>
      <c r="AO37373">
        <v>12</v>
      </c>
      <c r="AP37373">
        <v>12</v>
      </c>
      <c r="AQ37373">
        <v>12</v>
      </c>
    </row>
    <row r="37374" spans="1:43">
      <c r="A37374" t="s">
        <v>23167</v>
      </c>
      <c r="B37374" t="s">
        <v>23168</v>
      </c>
      <c r="C37374" t="s">
        <v>23159</v>
      </c>
      <c r="D37374" t="s">
        <v>23160</v>
      </c>
      <c r="E37374" t="s">
        <v>23145</v>
      </c>
      <c r="F37374" t="s">
        <v>23146</v>
      </c>
      <c r="G37374" t="s">
        <v>11612</v>
      </c>
      <c r="H37374" t="s">
        <v>11613</v>
      </c>
      <c r="I37374" s="2">
        <v>0</v>
      </c>
      <c r="J37374" s="2">
        <v>0</v>
      </c>
      <c r="K37374" s="2">
        <v>1</v>
      </c>
      <c r="L37374" t="s">
        <v>995</v>
      </c>
      <c r="M37374" t="s">
        <v>83</v>
      </c>
      <c r="N37374" t="s">
        <v>84</v>
      </c>
      <c r="O37374" t="s">
        <v>85</v>
      </c>
      <c r="P37374" t="s">
        <v>86</v>
      </c>
      <c r="Q37374">
        <v>41</v>
      </c>
      <c r="R37374">
        <v>42</v>
      </c>
      <c r="S37374">
        <v>42</v>
      </c>
      <c r="T37374">
        <v>43</v>
      </c>
      <c r="U37374">
        <v>43</v>
      </c>
      <c r="V37374">
        <v>43</v>
      </c>
      <c r="W37374">
        <v>44</v>
      </c>
      <c r="X37374">
        <v>44</v>
      </c>
      <c r="Y37374">
        <v>45</v>
      </c>
      <c r="Z37374">
        <v>45</v>
      </c>
      <c r="AA37374">
        <v>45</v>
      </c>
      <c r="AB37374">
        <v>46</v>
      </c>
      <c r="AC37374">
        <v>46</v>
      </c>
      <c r="AD37374">
        <v>46</v>
      </c>
      <c r="AE37374">
        <v>46</v>
      </c>
      <c r="AF37374">
        <v>47</v>
      </c>
      <c r="AG37374">
        <v>47</v>
      </c>
      <c r="AH37374">
        <v>47</v>
      </c>
      <c r="AI37374">
        <v>48</v>
      </c>
      <c r="AJ37374">
        <v>48</v>
      </c>
      <c r="AK37374">
        <v>48</v>
      </c>
      <c r="AL37374">
        <v>48</v>
      </c>
      <c r="AM37374">
        <v>48</v>
      </c>
      <c r="AN37374">
        <v>48</v>
      </c>
      <c r="AO37374">
        <v>48</v>
      </c>
      <c r="AP37374">
        <v>47</v>
      </c>
      <c r="AQ37374">
        <v>47</v>
      </c>
    </row>
    <row r="37375" spans="1:43">
      <c r="A37375" t="s">
        <v>23167</v>
      </c>
      <c r="B37375" t="s">
        <v>23168</v>
      </c>
      <c r="C37375" t="s">
        <v>23159</v>
      </c>
      <c r="D37375" t="s">
        <v>23160</v>
      </c>
      <c r="E37375" t="s">
        <v>23145</v>
      </c>
      <c r="F37375" t="s">
        <v>23146</v>
      </c>
      <c r="G37375" t="s">
        <v>11612</v>
      </c>
      <c r="H37375" t="s">
        <v>11613</v>
      </c>
      <c r="I37375" s="2">
        <v>0</v>
      </c>
      <c r="J37375" s="2">
        <v>0</v>
      </c>
      <c r="K37375" s="2">
        <v>1</v>
      </c>
      <c r="L37375" t="s">
        <v>995</v>
      </c>
      <c r="M37375" t="s">
        <v>87</v>
      </c>
      <c r="N37375" t="s">
        <v>88</v>
      </c>
      <c r="O37375" t="s">
        <v>85</v>
      </c>
      <c r="P37375" t="s">
        <v>86</v>
      </c>
      <c r="Q37375">
        <v>41</v>
      </c>
      <c r="R37375">
        <v>41</v>
      </c>
      <c r="S37375">
        <v>41</v>
      </c>
      <c r="T37375">
        <v>41</v>
      </c>
      <c r="U37375">
        <v>41</v>
      </c>
      <c r="V37375">
        <v>41</v>
      </c>
      <c r="W37375">
        <v>41</v>
      </c>
      <c r="X37375">
        <v>41</v>
      </c>
      <c r="Y37375">
        <v>41</v>
      </c>
      <c r="Z37375">
        <v>41</v>
      </c>
      <c r="AA37375">
        <v>41</v>
      </c>
      <c r="AB37375">
        <v>41</v>
      </c>
      <c r="AC37375">
        <v>41</v>
      </c>
      <c r="AD37375">
        <v>41</v>
      </c>
      <c r="AE37375">
        <v>41</v>
      </c>
      <c r="AF37375">
        <v>41</v>
      </c>
      <c r="AG37375">
        <v>41</v>
      </c>
      <c r="AH37375">
        <v>41</v>
      </c>
      <c r="AI37375">
        <v>41</v>
      </c>
      <c r="AJ37375">
        <v>41</v>
      </c>
      <c r="AK37375">
        <v>41</v>
      </c>
      <c r="AL37375">
        <v>41</v>
      </c>
      <c r="AM37375">
        <v>41</v>
      </c>
      <c r="AN37375">
        <v>41</v>
      </c>
      <c r="AO37375">
        <v>41</v>
      </c>
      <c r="AP37375">
        <v>41</v>
      </c>
      <c r="AQ37375">
        <v>41</v>
      </c>
    </row>
    <row r="37376" spans="1:43">
      <c r="A37376" t="s">
        <v>23167</v>
      </c>
      <c r="B37376" t="s">
        <v>23168</v>
      </c>
      <c r="C37376" t="s">
        <v>23159</v>
      </c>
      <c r="D37376" t="s">
        <v>23160</v>
      </c>
      <c r="E37376" t="s">
        <v>23145</v>
      </c>
      <c r="F37376" t="s">
        <v>23146</v>
      </c>
      <c r="G37376" t="s">
        <v>11612</v>
      </c>
      <c r="H37376" t="s">
        <v>11613</v>
      </c>
      <c r="I37376" s="2">
        <v>0</v>
      </c>
      <c r="J37376" s="2">
        <v>0</v>
      </c>
      <c r="K37376" s="2">
        <v>1</v>
      </c>
      <c r="L37376" t="s">
        <v>995</v>
      </c>
      <c r="M37376" t="s">
        <v>89</v>
      </c>
      <c r="N37376" t="s">
        <v>90</v>
      </c>
      <c r="O37376" t="s">
        <v>85</v>
      </c>
      <c r="P37376" t="s">
        <v>86</v>
      </c>
      <c r="Q37376">
        <v>41</v>
      </c>
      <c r="R37376">
        <v>42</v>
      </c>
      <c r="S37376">
        <v>42</v>
      </c>
      <c r="T37376">
        <v>43</v>
      </c>
      <c r="U37376">
        <v>44</v>
      </c>
      <c r="V37376">
        <v>44</v>
      </c>
      <c r="W37376">
        <v>45</v>
      </c>
      <c r="X37376">
        <v>46</v>
      </c>
      <c r="Y37376">
        <v>46</v>
      </c>
      <c r="Z37376">
        <v>47</v>
      </c>
      <c r="AA37376">
        <v>47</v>
      </c>
      <c r="AB37376">
        <v>48</v>
      </c>
      <c r="AC37376">
        <v>48</v>
      </c>
      <c r="AD37376">
        <v>49</v>
      </c>
      <c r="AE37376">
        <v>49</v>
      </c>
      <c r="AF37376">
        <v>49</v>
      </c>
      <c r="AG37376">
        <v>49</v>
      </c>
      <c r="AH37376">
        <v>48</v>
      </c>
      <c r="AI37376">
        <v>48</v>
      </c>
      <c r="AJ37376">
        <v>48</v>
      </c>
      <c r="AK37376">
        <v>48</v>
      </c>
      <c r="AL37376">
        <v>48</v>
      </c>
      <c r="AM37376">
        <v>47</v>
      </c>
      <c r="AN37376">
        <v>47</v>
      </c>
      <c r="AO37376">
        <v>47</v>
      </c>
      <c r="AP37376">
        <v>47</v>
      </c>
      <c r="AQ37376">
        <v>47</v>
      </c>
    </row>
    <row r="37377" spans="1:43">
      <c r="A37377" t="s">
        <v>23167</v>
      </c>
      <c r="B37377" t="s">
        <v>23168</v>
      </c>
      <c r="C37377" t="s">
        <v>23159</v>
      </c>
      <c r="D37377" t="s">
        <v>23160</v>
      </c>
      <c r="E37377" t="s">
        <v>23145</v>
      </c>
      <c r="F37377" t="s">
        <v>23146</v>
      </c>
      <c r="G37377" t="s">
        <v>11612</v>
      </c>
      <c r="H37377" t="s">
        <v>11613</v>
      </c>
      <c r="I37377" s="2">
        <v>0</v>
      </c>
      <c r="J37377" s="2">
        <v>0</v>
      </c>
      <c r="K37377" s="2">
        <v>1</v>
      </c>
      <c r="L37377" t="s">
        <v>995</v>
      </c>
      <c r="M37377" t="s">
        <v>83</v>
      </c>
      <c r="N37377" t="s">
        <v>91</v>
      </c>
      <c r="O37377" t="s">
        <v>85</v>
      </c>
      <c r="P37377" t="s">
        <v>86</v>
      </c>
      <c r="Q37377">
        <v>41</v>
      </c>
      <c r="R37377">
        <v>42</v>
      </c>
      <c r="S37377">
        <v>42</v>
      </c>
      <c r="T37377">
        <v>43</v>
      </c>
      <c r="U37377">
        <v>43</v>
      </c>
      <c r="V37377">
        <v>43</v>
      </c>
      <c r="W37377">
        <v>44</v>
      </c>
      <c r="X37377">
        <v>44</v>
      </c>
      <c r="Y37377">
        <v>45</v>
      </c>
      <c r="Z37377">
        <v>45</v>
      </c>
      <c r="AA37377">
        <v>45</v>
      </c>
      <c r="AB37377">
        <v>46</v>
      </c>
      <c r="AC37377">
        <v>46</v>
      </c>
      <c r="AD37377">
        <v>46</v>
      </c>
      <c r="AE37377">
        <v>46</v>
      </c>
      <c r="AF37377">
        <v>47</v>
      </c>
      <c r="AG37377">
        <v>47</v>
      </c>
      <c r="AH37377">
        <v>47</v>
      </c>
      <c r="AI37377">
        <v>48</v>
      </c>
      <c r="AJ37377">
        <v>48</v>
      </c>
      <c r="AK37377">
        <v>48</v>
      </c>
      <c r="AL37377">
        <v>48</v>
      </c>
      <c r="AM37377">
        <v>48</v>
      </c>
      <c r="AN37377">
        <v>48</v>
      </c>
      <c r="AO37377">
        <v>48</v>
      </c>
      <c r="AP37377">
        <v>47</v>
      </c>
      <c r="AQ37377">
        <v>47</v>
      </c>
    </row>
    <row r="37378" spans="1:43">
      <c r="A37378" t="s">
        <v>23169</v>
      </c>
      <c r="B37378" t="s">
        <v>23170</v>
      </c>
      <c r="C37378" t="s">
        <v>23171</v>
      </c>
      <c r="D37378" t="s">
        <v>23172</v>
      </c>
      <c r="E37378" t="s">
        <v>23145</v>
      </c>
      <c r="F37378" t="s">
        <v>23146</v>
      </c>
      <c r="G37378" t="s">
        <v>11612</v>
      </c>
      <c r="H37378" t="s">
        <v>11613</v>
      </c>
      <c r="I37378" s="2">
        <v>0</v>
      </c>
      <c r="J37378" s="2">
        <v>0</v>
      </c>
      <c r="K37378" s="2">
        <v>1</v>
      </c>
      <c r="L37378" t="s">
        <v>995</v>
      </c>
      <c r="M37378" t="s">
        <v>83</v>
      </c>
      <c r="N37378" t="s">
        <v>84</v>
      </c>
      <c r="O37378" t="s">
        <v>85</v>
      </c>
      <c r="P37378" t="s">
        <v>86</v>
      </c>
      <c r="Q37378">
        <v>26</v>
      </c>
      <c r="R37378">
        <v>26</v>
      </c>
      <c r="S37378">
        <v>26</v>
      </c>
      <c r="T37378">
        <v>26</v>
      </c>
      <c r="U37378">
        <v>27</v>
      </c>
      <c r="V37378">
        <v>27</v>
      </c>
      <c r="W37378">
        <v>27</v>
      </c>
      <c r="X37378">
        <v>27</v>
      </c>
      <c r="Y37378">
        <v>27</v>
      </c>
      <c r="Z37378">
        <v>28</v>
      </c>
      <c r="AA37378">
        <v>28</v>
      </c>
      <c r="AB37378">
        <v>28</v>
      </c>
      <c r="AC37378">
        <v>28</v>
      </c>
      <c r="AD37378">
        <v>28</v>
      </c>
      <c r="AE37378">
        <v>29</v>
      </c>
      <c r="AF37378">
        <v>29</v>
      </c>
      <c r="AG37378">
        <v>29</v>
      </c>
      <c r="AH37378">
        <v>29</v>
      </c>
      <c r="AI37378">
        <v>29</v>
      </c>
      <c r="AJ37378">
        <v>29</v>
      </c>
      <c r="AK37378">
        <v>30</v>
      </c>
      <c r="AL37378">
        <v>30</v>
      </c>
      <c r="AM37378">
        <v>29</v>
      </c>
      <c r="AN37378">
        <v>29</v>
      </c>
      <c r="AO37378">
        <v>29</v>
      </c>
      <c r="AP37378">
        <v>29</v>
      </c>
      <c r="AQ37378">
        <v>29</v>
      </c>
    </row>
    <row r="37379" spans="1:43">
      <c r="A37379" t="s">
        <v>23169</v>
      </c>
      <c r="B37379" t="s">
        <v>23170</v>
      </c>
      <c r="C37379" t="s">
        <v>23171</v>
      </c>
      <c r="D37379" t="s">
        <v>23172</v>
      </c>
      <c r="E37379" t="s">
        <v>23145</v>
      </c>
      <c r="F37379" t="s">
        <v>23146</v>
      </c>
      <c r="G37379" t="s">
        <v>11612</v>
      </c>
      <c r="H37379" t="s">
        <v>11613</v>
      </c>
      <c r="I37379" s="2">
        <v>0</v>
      </c>
      <c r="J37379" s="2">
        <v>0</v>
      </c>
      <c r="K37379" s="2">
        <v>1</v>
      </c>
      <c r="L37379" t="s">
        <v>995</v>
      </c>
      <c r="M37379" t="s">
        <v>87</v>
      </c>
      <c r="N37379" t="s">
        <v>88</v>
      </c>
      <c r="O37379" t="s">
        <v>85</v>
      </c>
      <c r="P37379" t="s">
        <v>86</v>
      </c>
      <c r="Q37379">
        <v>26</v>
      </c>
      <c r="R37379">
        <v>26</v>
      </c>
      <c r="S37379">
        <v>26</v>
      </c>
      <c r="T37379">
        <v>26</v>
      </c>
      <c r="U37379">
        <v>26</v>
      </c>
      <c r="V37379">
        <v>26</v>
      </c>
      <c r="W37379">
        <v>26</v>
      </c>
      <c r="X37379">
        <v>26</v>
      </c>
      <c r="Y37379">
        <v>26</v>
      </c>
      <c r="Z37379">
        <v>26</v>
      </c>
      <c r="AA37379">
        <v>26</v>
      </c>
      <c r="AB37379">
        <v>26</v>
      </c>
      <c r="AC37379">
        <v>26</v>
      </c>
      <c r="AD37379">
        <v>26</v>
      </c>
      <c r="AE37379">
        <v>26</v>
      </c>
      <c r="AF37379">
        <v>26</v>
      </c>
      <c r="AG37379">
        <v>26</v>
      </c>
      <c r="AH37379">
        <v>26</v>
      </c>
      <c r="AI37379">
        <v>26</v>
      </c>
      <c r="AJ37379">
        <v>26</v>
      </c>
      <c r="AK37379">
        <v>26</v>
      </c>
      <c r="AL37379">
        <v>26</v>
      </c>
      <c r="AM37379">
        <v>26</v>
      </c>
      <c r="AN37379">
        <v>26</v>
      </c>
      <c r="AO37379">
        <v>26</v>
      </c>
      <c r="AP37379">
        <v>26</v>
      </c>
      <c r="AQ37379">
        <v>26</v>
      </c>
    </row>
    <row r="37380" spans="1:43">
      <c r="A37380" t="s">
        <v>23169</v>
      </c>
      <c r="B37380" t="s">
        <v>23170</v>
      </c>
      <c r="C37380" t="s">
        <v>23171</v>
      </c>
      <c r="D37380" t="s">
        <v>23172</v>
      </c>
      <c r="E37380" t="s">
        <v>23145</v>
      </c>
      <c r="F37380" t="s">
        <v>23146</v>
      </c>
      <c r="G37380" t="s">
        <v>11612</v>
      </c>
      <c r="H37380" t="s">
        <v>11613</v>
      </c>
      <c r="I37380" s="2">
        <v>0</v>
      </c>
      <c r="J37380" s="2">
        <v>0</v>
      </c>
      <c r="K37380" s="2">
        <v>1</v>
      </c>
      <c r="L37380" t="s">
        <v>995</v>
      </c>
      <c r="M37380" t="s">
        <v>89</v>
      </c>
      <c r="N37380" t="s">
        <v>90</v>
      </c>
      <c r="O37380" t="s">
        <v>85</v>
      </c>
      <c r="P37380" t="s">
        <v>86</v>
      </c>
      <c r="Q37380">
        <v>26</v>
      </c>
      <c r="R37380">
        <v>26</v>
      </c>
      <c r="S37380">
        <v>27</v>
      </c>
      <c r="T37380">
        <v>27</v>
      </c>
      <c r="U37380">
        <v>28</v>
      </c>
      <c r="V37380">
        <v>28</v>
      </c>
      <c r="W37380">
        <v>28</v>
      </c>
      <c r="X37380">
        <v>29</v>
      </c>
      <c r="Y37380">
        <v>29</v>
      </c>
      <c r="Z37380">
        <v>29</v>
      </c>
      <c r="AA37380">
        <v>30</v>
      </c>
      <c r="AB37380">
        <v>30</v>
      </c>
      <c r="AC37380">
        <v>30</v>
      </c>
      <c r="AD37380">
        <v>31</v>
      </c>
      <c r="AE37380">
        <v>31</v>
      </c>
      <c r="AF37380">
        <v>31</v>
      </c>
      <c r="AG37380">
        <v>30</v>
      </c>
      <c r="AH37380">
        <v>30</v>
      </c>
      <c r="AI37380">
        <v>30</v>
      </c>
      <c r="AJ37380">
        <v>30</v>
      </c>
      <c r="AK37380">
        <v>30</v>
      </c>
      <c r="AL37380">
        <v>30</v>
      </c>
      <c r="AM37380">
        <v>30</v>
      </c>
      <c r="AN37380">
        <v>30</v>
      </c>
      <c r="AO37380">
        <v>29</v>
      </c>
      <c r="AP37380">
        <v>29</v>
      </c>
      <c r="AQ37380">
        <v>29</v>
      </c>
    </row>
    <row r="37381" spans="1:43">
      <c r="A37381" t="s">
        <v>23169</v>
      </c>
      <c r="B37381" t="s">
        <v>23170</v>
      </c>
      <c r="C37381" t="s">
        <v>23171</v>
      </c>
      <c r="D37381" t="s">
        <v>23172</v>
      </c>
      <c r="E37381" t="s">
        <v>23145</v>
      </c>
      <c r="F37381" t="s">
        <v>23146</v>
      </c>
      <c r="G37381" t="s">
        <v>11612</v>
      </c>
      <c r="H37381" t="s">
        <v>11613</v>
      </c>
      <c r="I37381" s="2">
        <v>0</v>
      </c>
      <c r="J37381" s="2">
        <v>0</v>
      </c>
      <c r="K37381" s="2">
        <v>1</v>
      </c>
      <c r="L37381" t="s">
        <v>995</v>
      </c>
      <c r="M37381" t="s">
        <v>83</v>
      </c>
      <c r="N37381" t="s">
        <v>91</v>
      </c>
      <c r="O37381" t="s">
        <v>85</v>
      </c>
      <c r="P37381" t="s">
        <v>86</v>
      </c>
      <c r="Q37381">
        <v>26</v>
      </c>
      <c r="R37381">
        <v>26</v>
      </c>
      <c r="S37381">
        <v>26</v>
      </c>
      <c r="T37381">
        <v>26</v>
      </c>
      <c r="U37381">
        <v>27</v>
      </c>
      <c r="V37381">
        <v>27</v>
      </c>
      <c r="W37381">
        <v>27</v>
      </c>
      <c r="X37381">
        <v>27</v>
      </c>
      <c r="Y37381">
        <v>27</v>
      </c>
      <c r="Z37381">
        <v>28</v>
      </c>
      <c r="AA37381">
        <v>28</v>
      </c>
      <c r="AB37381">
        <v>28</v>
      </c>
      <c r="AC37381">
        <v>28</v>
      </c>
      <c r="AD37381">
        <v>28</v>
      </c>
      <c r="AE37381">
        <v>29</v>
      </c>
      <c r="AF37381">
        <v>29</v>
      </c>
      <c r="AG37381">
        <v>29</v>
      </c>
      <c r="AH37381">
        <v>29</v>
      </c>
      <c r="AI37381">
        <v>29</v>
      </c>
      <c r="AJ37381">
        <v>29</v>
      </c>
      <c r="AK37381">
        <v>30</v>
      </c>
      <c r="AL37381">
        <v>30</v>
      </c>
      <c r="AM37381">
        <v>29</v>
      </c>
      <c r="AN37381">
        <v>29</v>
      </c>
      <c r="AO37381">
        <v>29</v>
      </c>
      <c r="AP37381">
        <v>29</v>
      </c>
      <c r="AQ37381">
        <v>29</v>
      </c>
    </row>
    <row r="37382" spans="1:43">
      <c r="A37382" t="s">
        <v>23173</v>
      </c>
      <c r="B37382" t="s">
        <v>23174</v>
      </c>
      <c r="C37382" t="s">
        <v>23171</v>
      </c>
      <c r="D37382" t="s">
        <v>23172</v>
      </c>
      <c r="E37382" t="s">
        <v>23145</v>
      </c>
      <c r="F37382" t="s">
        <v>23146</v>
      </c>
      <c r="G37382" t="s">
        <v>11612</v>
      </c>
      <c r="H37382" t="s">
        <v>11613</v>
      </c>
      <c r="I37382" s="2">
        <v>0</v>
      </c>
      <c r="J37382" s="2">
        <v>0</v>
      </c>
      <c r="K37382" s="2">
        <v>1</v>
      </c>
      <c r="L37382" t="s">
        <v>995</v>
      </c>
      <c r="M37382" t="s">
        <v>83</v>
      </c>
      <c r="N37382" t="s">
        <v>84</v>
      </c>
      <c r="O37382" t="s">
        <v>85</v>
      </c>
      <c r="P37382" t="s">
        <v>86</v>
      </c>
      <c r="Q37382">
        <v>17</v>
      </c>
      <c r="R37382">
        <v>17</v>
      </c>
      <c r="S37382">
        <v>17</v>
      </c>
      <c r="T37382">
        <v>17</v>
      </c>
      <c r="U37382">
        <v>17</v>
      </c>
      <c r="V37382">
        <v>17</v>
      </c>
      <c r="W37382">
        <v>18</v>
      </c>
      <c r="X37382">
        <v>18</v>
      </c>
      <c r="Y37382">
        <v>18</v>
      </c>
      <c r="Z37382">
        <v>18</v>
      </c>
      <c r="AA37382">
        <v>18</v>
      </c>
      <c r="AB37382">
        <v>18</v>
      </c>
      <c r="AC37382">
        <v>18</v>
      </c>
      <c r="AD37382">
        <v>18</v>
      </c>
      <c r="AE37382">
        <v>18</v>
      </c>
      <c r="AF37382">
        <v>19</v>
      </c>
      <c r="AG37382">
        <v>19</v>
      </c>
      <c r="AH37382">
        <v>19</v>
      </c>
      <c r="AI37382">
        <v>19</v>
      </c>
      <c r="AJ37382">
        <v>19</v>
      </c>
      <c r="AK37382">
        <v>19</v>
      </c>
      <c r="AL37382">
        <v>19</v>
      </c>
      <c r="AM37382">
        <v>19</v>
      </c>
      <c r="AN37382">
        <v>19</v>
      </c>
      <c r="AO37382">
        <v>18</v>
      </c>
      <c r="AP37382">
        <v>18</v>
      </c>
      <c r="AQ37382">
        <v>18</v>
      </c>
    </row>
    <row r="37383" spans="1:43">
      <c r="A37383" t="s">
        <v>23173</v>
      </c>
      <c r="B37383" t="s">
        <v>23174</v>
      </c>
      <c r="C37383" t="s">
        <v>23171</v>
      </c>
      <c r="D37383" t="s">
        <v>23172</v>
      </c>
      <c r="E37383" t="s">
        <v>23145</v>
      </c>
      <c r="F37383" t="s">
        <v>23146</v>
      </c>
      <c r="G37383" t="s">
        <v>11612</v>
      </c>
      <c r="H37383" t="s">
        <v>11613</v>
      </c>
      <c r="I37383" s="2">
        <v>0</v>
      </c>
      <c r="J37383" s="2">
        <v>0</v>
      </c>
      <c r="K37383" s="2">
        <v>1</v>
      </c>
      <c r="L37383" t="s">
        <v>995</v>
      </c>
      <c r="M37383" t="s">
        <v>87</v>
      </c>
      <c r="N37383" t="s">
        <v>88</v>
      </c>
      <c r="O37383" t="s">
        <v>85</v>
      </c>
      <c r="P37383" t="s">
        <v>86</v>
      </c>
      <c r="Q37383">
        <v>17</v>
      </c>
      <c r="R37383">
        <v>17</v>
      </c>
      <c r="S37383">
        <v>17</v>
      </c>
      <c r="T37383">
        <v>17</v>
      </c>
      <c r="U37383">
        <v>17</v>
      </c>
      <c r="V37383">
        <v>17</v>
      </c>
      <c r="W37383">
        <v>17</v>
      </c>
      <c r="X37383">
        <v>17</v>
      </c>
      <c r="Y37383">
        <v>16</v>
      </c>
      <c r="Z37383">
        <v>16</v>
      </c>
      <c r="AA37383">
        <v>16</v>
      </c>
      <c r="AB37383">
        <v>16</v>
      </c>
      <c r="AC37383">
        <v>16</v>
      </c>
      <c r="AD37383">
        <v>16</v>
      </c>
      <c r="AE37383">
        <v>16</v>
      </c>
      <c r="AF37383">
        <v>16</v>
      </c>
      <c r="AG37383">
        <v>16</v>
      </c>
      <c r="AH37383">
        <v>16</v>
      </c>
      <c r="AI37383">
        <v>16</v>
      </c>
      <c r="AJ37383">
        <v>16</v>
      </c>
      <c r="AK37383">
        <v>16</v>
      </c>
      <c r="AL37383">
        <v>16</v>
      </c>
      <c r="AM37383">
        <v>16</v>
      </c>
      <c r="AN37383">
        <v>16</v>
      </c>
      <c r="AO37383">
        <v>16</v>
      </c>
      <c r="AP37383">
        <v>16</v>
      </c>
      <c r="AQ37383">
        <v>16</v>
      </c>
    </row>
    <row r="37384" spans="1:43">
      <c r="A37384" t="s">
        <v>23173</v>
      </c>
      <c r="B37384" t="s">
        <v>23174</v>
      </c>
      <c r="C37384" t="s">
        <v>23171</v>
      </c>
      <c r="D37384" t="s">
        <v>23172</v>
      </c>
      <c r="E37384" t="s">
        <v>23145</v>
      </c>
      <c r="F37384" t="s">
        <v>23146</v>
      </c>
      <c r="G37384" t="s">
        <v>11612</v>
      </c>
      <c r="H37384" t="s">
        <v>11613</v>
      </c>
      <c r="I37384" s="2">
        <v>0</v>
      </c>
      <c r="J37384" s="2">
        <v>0</v>
      </c>
      <c r="K37384" s="2">
        <v>1</v>
      </c>
      <c r="L37384" t="s">
        <v>995</v>
      </c>
      <c r="M37384" t="s">
        <v>89</v>
      </c>
      <c r="N37384" t="s">
        <v>90</v>
      </c>
      <c r="O37384" t="s">
        <v>85</v>
      </c>
      <c r="P37384" t="s">
        <v>86</v>
      </c>
      <c r="Q37384">
        <v>17</v>
      </c>
      <c r="R37384">
        <v>17</v>
      </c>
      <c r="S37384">
        <v>18</v>
      </c>
      <c r="T37384">
        <v>18</v>
      </c>
      <c r="U37384">
        <v>18</v>
      </c>
      <c r="V37384">
        <v>18</v>
      </c>
      <c r="W37384">
        <v>19</v>
      </c>
      <c r="X37384">
        <v>19</v>
      </c>
      <c r="Y37384">
        <v>19</v>
      </c>
      <c r="Z37384">
        <v>19</v>
      </c>
      <c r="AA37384">
        <v>19</v>
      </c>
      <c r="AB37384">
        <v>19</v>
      </c>
      <c r="AC37384">
        <v>20</v>
      </c>
      <c r="AD37384">
        <v>20</v>
      </c>
      <c r="AE37384">
        <v>20</v>
      </c>
      <c r="AF37384">
        <v>20</v>
      </c>
      <c r="AG37384">
        <v>20</v>
      </c>
      <c r="AH37384">
        <v>19</v>
      </c>
      <c r="AI37384">
        <v>19</v>
      </c>
      <c r="AJ37384">
        <v>19</v>
      </c>
      <c r="AK37384">
        <v>19</v>
      </c>
      <c r="AL37384">
        <v>19</v>
      </c>
      <c r="AM37384">
        <v>19</v>
      </c>
      <c r="AN37384">
        <v>19</v>
      </c>
      <c r="AO37384">
        <v>19</v>
      </c>
      <c r="AP37384">
        <v>18</v>
      </c>
      <c r="AQ37384">
        <v>18</v>
      </c>
    </row>
    <row r="37385" spans="1:43">
      <c r="A37385" t="s">
        <v>23173</v>
      </c>
      <c r="B37385" t="s">
        <v>23174</v>
      </c>
      <c r="C37385" t="s">
        <v>23171</v>
      </c>
      <c r="D37385" t="s">
        <v>23172</v>
      </c>
      <c r="E37385" t="s">
        <v>23145</v>
      </c>
      <c r="F37385" t="s">
        <v>23146</v>
      </c>
      <c r="G37385" t="s">
        <v>11612</v>
      </c>
      <c r="H37385" t="s">
        <v>11613</v>
      </c>
      <c r="I37385" s="2">
        <v>0</v>
      </c>
      <c r="J37385" s="2">
        <v>0</v>
      </c>
      <c r="K37385" s="2">
        <v>1</v>
      </c>
      <c r="L37385" t="s">
        <v>995</v>
      </c>
      <c r="M37385" t="s">
        <v>83</v>
      </c>
      <c r="N37385" t="s">
        <v>91</v>
      </c>
      <c r="O37385" t="s">
        <v>85</v>
      </c>
      <c r="P37385" t="s">
        <v>86</v>
      </c>
      <c r="Q37385">
        <v>17</v>
      </c>
      <c r="R37385">
        <v>17</v>
      </c>
      <c r="S37385">
        <v>17</v>
      </c>
      <c r="T37385">
        <v>17</v>
      </c>
      <c r="U37385">
        <v>17</v>
      </c>
      <c r="V37385">
        <v>17</v>
      </c>
      <c r="W37385">
        <v>18</v>
      </c>
      <c r="X37385">
        <v>18</v>
      </c>
      <c r="Y37385">
        <v>18</v>
      </c>
      <c r="Z37385">
        <v>18</v>
      </c>
      <c r="AA37385">
        <v>18</v>
      </c>
      <c r="AB37385">
        <v>18</v>
      </c>
      <c r="AC37385">
        <v>18</v>
      </c>
      <c r="AD37385">
        <v>18</v>
      </c>
      <c r="AE37385">
        <v>18</v>
      </c>
      <c r="AF37385">
        <v>19</v>
      </c>
      <c r="AG37385">
        <v>19</v>
      </c>
      <c r="AH37385">
        <v>19</v>
      </c>
      <c r="AI37385">
        <v>19</v>
      </c>
      <c r="AJ37385">
        <v>19</v>
      </c>
      <c r="AK37385">
        <v>19</v>
      </c>
      <c r="AL37385">
        <v>19</v>
      </c>
      <c r="AM37385">
        <v>19</v>
      </c>
      <c r="AN37385">
        <v>19</v>
      </c>
      <c r="AO37385">
        <v>18</v>
      </c>
      <c r="AP37385">
        <v>18</v>
      </c>
      <c r="AQ37385">
        <v>18</v>
      </c>
    </row>
    <row r="37386" spans="1:43">
      <c r="A37386" t="s">
        <v>23175</v>
      </c>
      <c r="B37386" t="s">
        <v>23176</v>
      </c>
      <c r="C37386" t="s">
        <v>23171</v>
      </c>
      <c r="D37386" t="s">
        <v>23172</v>
      </c>
      <c r="E37386" t="s">
        <v>23145</v>
      </c>
      <c r="F37386" t="s">
        <v>23146</v>
      </c>
      <c r="G37386" t="s">
        <v>11612</v>
      </c>
      <c r="H37386" t="s">
        <v>11613</v>
      </c>
      <c r="I37386" s="2">
        <v>0</v>
      </c>
      <c r="J37386" s="2">
        <v>0</v>
      </c>
      <c r="K37386" s="2">
        <v>1</v>
      </c>
      <c r="L37386" t="s">
        <v>995</v>
      </c>
      <c r="M37386" t="s">
        <v>83</v>
      </c>
      <c r="N37386" t="s">
        <v>84</v>
      </c>
      <c r="O37386" t="s">
        <v>85</v>
      </c>
      <c r="P37386" t="s">
        <v>86</v>
      </c>
      <c r="Q37386">
        <v>42</v>
      </c>
      <c r="R37386">
        <v>43</v>
      </c>
      <c r="S37386">
        <v>43</v>
      </c>
      <c r="T37386">
        <v>43</v>
      </c>
      <c r="U37386">
        <v>44</v>
      </c>
      <c r="V37386">
        <v>44</v>
      </c>
      <c r="W37386">
        <v>44</v>
      </c>
      <c r="X37386">
        <v>45</v>
      </c>
      <c r="Y37386">
        <v>45</v>
      </c>
      <c r="Z37386">
        <v>46</v>
      </c>
      <c r="AA37386">
        <v>46</v>
      </c>
      <c r="AB37386">
        <v>46</v>
      </c>
      <c r="AC37386">
        <v>46</v>
      </c>
      <c r="AD37386">
        <v>47</v>
      </c>
      <c r="AE37386">
        <v>47</v>
      </c>
      <c r="AF37386">
        <v>47</v>
      </c>
      <c r="AG37386">
        <v>47</v>
      </c>
      <c r="AH37386">
        <v>48</v>
      </c>
      <c r="AI37386">
        <v>48</v>
      </c>
      <c r="AJ37386">
        <v>48</v>
      </c>
      <c r="AK37386">
        <v>48</v>
      </c>
      <c r="AL37386">
        <v>48</v>
      </c>
      <c r="AM37386">
        <v>48</v>
      </c>
      <c r="AN37386">
        <v>48</v>
      </c>
      <c r="AO37386">
        <v>48</v>
      </c>
      <c r="AP37386">
        <v>47</v>
      </c>
      <c r="AQ37386">
        <v>47</v>
      </c>
    </row>
    <row r="37387" spans="1:43">
      <c r="A37387" t="s">
        <v>23175</v>
      </c>
      <c r="B37387" t="s">
        <v>23176</v>
      </c>
      <c r="C37387" t="s">
        <v>23171</v>
      </c>
      <c r="D37387" t="s">
        <v>23172</v>
      </c>
      <c r="E37387" t="s">
        <v>23145</v>
      </c>
      <c r="F37387" t="s">
        <v>23146</v>
      </c>
      <c r="G37387" t="s">
        <v>11612</v>
      </c>
      <c r="H37387" t="s">
        <v>11613</v>
      </c>
      <c r="I37387" s="2">
        <v>0</v>
      </c>
      <c r="J37387" s="2">
        <v>0</v>
      </c>
      <c r="K37387" s="2">
        <v>1</v>
      </c>
      <c r="L37387" t="s">
        <v>995</v>
      </c>
      <c r="M37387" t="s">
        <v>87</v>
      </c>
      <c r="N37387" t="s">
        <v>88</v>
      </c>
      <c r="O37387" t="s">
        <v>85</v>
      </c>
      <c r="P37387" t="s">
        <v>86</v>
      </c>
      <c r="Q37387">
        <v>42</v>
      </c>
      <c r="R37387">
        <v>42</v>
      </c>
      <c r="S37387">
        <v>42</v>
      </c>
      <c r="T37387">
        <v>42</v>
      </c>
      <c r="U37387">
        <v>42</v>
      </c>
      <c r="V37387">
        <v>42</v>
      </c>
      <c r="W37387">
        <v>42</v>
      </c>
      <c r="X37387">
        <v>42</v>
      </c>
      <c r="Y37387">
        <v>42</v>
      </c>
      <c r="Z37387">
        <v>42</v>
      </c>
      <c r="AA37387">
        <v>42</v>
      </c>
      <c r="AB37387">
        <v>42</v>
      </c>
      <c r="AC37387">
        <v>42</v>
      </c>
      <c r="AD37387">
        <v>42</v>
      </c>
      <c r="AE37387">
        <v>42</v>
      </c>
      <c r="AF37387">
        <v>42</v>
      </c>
      <c r="AG37387">
        <v>42</v>
      </c>
      <c r="AH37387">
        <v>42</v>
      </c>
      <c r="AI37387">
        <v>42</v>
      </c>
      <c r="AJ37387">
        <v>41</v>
      </c>
      <c r="AK37387">
        <v>41</v>
      </c>
      <c r="AL37387">
        <v>41</v>
      </c>
      <c r="AM37387">
        <v>41</v>
      </c>
      <c r="AN37387">
        <v>41</v>
      </c>
      <c r="AO37387">
        <v>41</v>
      </c>
      <c r="AP37387">
        <v>41</v>
      </c>
      <c r="AQ37387">
        <v>41</v>
      </c>
    </row>
    <row r="37388" spans="1:43">
      <c r="A37388" t="s">
        <v>23175</v>
      </c>
      <c r="B37388" t="s">
        <v>23176</v>
      </c>
      <c r="C37388" t="s">
        <v>23171</v>
      </c>
      <c r="D37388" t="s">
        <v>23172</v>
      </c>
      <c r="E37388" t="s">
        <v>23145</v>
      </c>
      <c r="F37388" t="s">
        <v>23146</v>
      </c>
      <c r="G37388" t="s">
        <v>11612</v>
      </c>
      <c r="H37388" t="s">
        <v>11613</v>
      </c>
      <c r="I37388" s="2">
        <v>0</v>
      </c>
      <c r="J37388" s="2">
        <v>0</v>
      </c>
      <c r="K37388" s="2">
        <v>1</v>
      </c>
      <c r="L37388" t="s">
        <v>995</v>
      </c>
      <c r="M37388" t="s">
        <v>89</v>
      </c>
      <c r="N37388" t="s">
        <v>90</v>
      </c>
      <c r="O37388" t="s">
        <v>85</v>
      </c>
      <c r="P37388" t="s">
        <v>86</v>
      </c>
      <c r="Q37388">
        <v>42</v>
      </c>
      <c r="R37388">
        <v>42</v>
      </c>
      <c r="S37388">
        <v>43</v>
      </c>
      <c r="T37388">
        <v>44</v>
      </c>
      <c r="U37388">
        <v>44</v>
      </c>
      <c r="V37388">
        <v>45</v>
      </c>
      <c r="W37388">
        <v>46</v>
      </c>
      <c r="X37388">
        <v>46</v>
      </c>
      <c r="Y37388">
        <v>47</v>
      </c>
      <c r="Z37388">
        <v>47</v>
      </c>
      <c r="AA37388">
        <v>48</v>
      </c>
      <c r="AB37388">
        <v>48</v>
      </c>
      <c r="AC37388">
        <v>49</v>
      </c>
      <c r="AD37388">
        <v>49</v>
      </c>
      <c r="AE37388">
        <v>49</v>
      </c>
      <c r="AF37388">
        <v>49</v>
      </c>
      <c r="AG37388">
        <v>49</v>
      </c>
      <c r="AH37388">
        <v>49</v>
      </c>
      <c r="AI37388">
        <v>48</v>
      </c>
      <c r="AJ37388">
        <v>48</v>
      </c>
      <c r="AK37388">
        <v>48</v>
      </c>
      <c r="AL37388">
        <v>48</v>
      </c>
      <c r="AM37388">
        <v>48</v>
      </c>
      <c r="AN37388">
        <v>47</v>
      </c>
      <c r="AO37388">
        <v>47</v>
      </c>
      <c r="AP37388">
        <v>47</v>
      </c>
      <c r="AQ37388">
        <v>47</v>
      </c>
    </row>
    <row r="37389" spans="1:43">
      <c r="A37389" t="s">
        <v>23175</v>
      </c>
      <c r="B37389" t="s">
        <v>23176</v>
      </c>
      <c r="C37389" t="s">
        <v>23171</v>
      </c>
      <c r="D37389" t="s">
        <v>23172</v>
      </c>
      <c r="E37389" t="s">
        <v>23145</v>
      </c>
      <c r="F37389" t="s">
        <v>23146</v>
      </c>
      <c r="G37389" t="s">
        <v>11612</v>
      </c>
      <c r="H37389" t="s">
        <v>11613</v>
      </c>
      <c r="I37389" s="2">
        <v>0</v>
      </c>
      <c r="J37389" s="2">
        <v>0</v>
      </c>
      <c r="K37389" s="2">
        <v>1</v>
      </c>
      <c r="L37389" t="s">
        <v>995</v>
      </c>
      <c r="M37389" t="s">
        <v>83</v>
      </c>
      <c r="N37389" t="s">
        <v>91</v>
      </c>
      <c r="O37389" t="s">
        <v>85</v>
      </c>
      <c r="P37389" t="s">
        <v>86</v>
      </c>
      <c r="Q37389">
        <v>42</v>
      </c>
      <c r="R37389">
        <v>43</v>
      </c>
      <c r="S37389">
        <v>43</v>
      </c>
      <c r="T37389">
        <v>43</v>
      </c>
      <c r="U37389">
        <v>44</v>
      </c>
      <c r="V37389">
        <v>44</v>
      </c>
      <c r="W37389">
        <v>44</v>
      </c>
      <c r="X37389">
        <v>45</v>
      </c>
      <c r="Y37389">
        <v>45</v>
      </c>
      <c r="Z37389">
        <v>46</v>
      </c>
      <c r="AA37389">
        <v>46</v>
      </c>
      <c r="AB37389">
        <v>46</v>
      </c>
      <c r="AC37389">
        <v>46</v>
      </c>
      <c r="AD37389">
        <v>47</v>
      </c>
      <c r="AE37389">
        <v>47</v>
      </c>
      <c r="AF37389">
        <v>47</v>
      </c>
      <c r="AG37389">
        <v>47</v>
      </c>
      <c r="AH37389">
        <v>48</v>
      </c>
      <c r="AI37389">
        <v>48</v>
      </c>
      <c r="AJ37389">
        <v>48</v>
      </c>
      <c r="AK37389">
        <v>48</v>
      </c>
      <c r="AL37389">
        <v>48</v>
      </c>
      <c r="AM37389">
        <v>48</v>
      </c>
      <c r="AN37389">
        <v>48</v>
      </c>
      <c r="AO37389">
        <v>48</v>
      </c>
      <c r="AP37389">
        <v>47</v>
      </c>
      <c r="AQ37389">
        <v>47</v>
      </c>
    </row>
    <row r="37390" spans="1:43">
      <c r="A37390" t="s">
        <v>23177</v>
      </c>
      <c r="B37390" t="s">
        <v>23178</v>
      </c>
      <c r="C37390" t="s">
        <v>23171</v>
      </c>
      <c r="D37390" t="s">
        <v>23172</v>
      </c>
      <c r="E37390" t="s">
        <v>23145</v>
      </c>
      <c r="F37390" t="s">
        <v>23146</v>
      </c>
      <c r="G37390" t="s">
        <v>11612</v>
      </c>
      <c r="H37390" t="s">
        <v>11613</v>
      </c>
      <c r="I37390" s="2">
        <v>0</v>
      </c>
      <c r="J37390" s="2">
        <v>0</v>
      </c>
      <c r="K37390" s="2">
        <v>1</v>
      </c>
      <c r="L37390" t="s">
        <v>995</v>
      </c>
      <c r="M37390" t="s">
        <v>83</v>
      </c>
      <c r="N37390" t="s">
        <v>84</v>
      </c>
      <c r="O37390" t="s">
        <v>85</v>
      </c>
      <c r="P37390" t="s">
        <v>86</v>
      </c>
      <c r="Q37390">
        <v>24</v>
      </c>
      <c r="R37390">
        <v>24</v>
      </c>
      <c r="S37390">
        <v>24</v>
      </c>
      <c r="T37390">
        <v>24</v>
      </c>
      <c r="U37390">
        <v>24</v>
      </c>
      <c r="V37390">
        <v>25</v>
      </c>
      <c r="W37390">
        <v>25</v>
      </c>
      <c r="X37390">
        <v>25</v>
      </c>
      <c r="Y37390">
        <v>25</v>
      </c>
      <c r="Z37390">
        <v>25</v>
      </c>
      <c r="AA37390">
        <v>26</v>
      </c>
      <c r="AB37390">
        <v>26</v>
      </c>
      <c r="AC37390">
        <v>26</v>
      </c>
      <c r="AD37390">
        <v>26</v>
      </c>
      <c r="AE37390">
        <v>26</v>
      </c>
      <c r="AF37390">
        <v>26</v>
      </c>
      <c r="AG37390">
        <v>26</v>
      </c>
      <c r="AH37390">
        <v>27</v>
      </c>
      <c r="AI37390">
        <v>27</v>
      </c>
      <c r="AJ37390">
        <v>27</v>
      </c>
      <c r="AK37390">
        <v>27</v>
      </c>
      <c r="AL37390">
        <v>27</v>
      </c>
      <c r="AM37390">
        <v>27</v>
      </c>
      <c r="AN37390">
        <v>27</v>
      </c>
      <c r="AO37390">
        <v>27</v>
      </c>
      <c r="AP37390">
        <v>26</v>
      </c>
      <c r="AQ37390">
        <v>26</v>
      </c>
    </row>
    <row r="37391" spans="1:43">
      <c r="A37391" t="s">
        <v>23177</v>
      </c>
      <c r="B37391" t="s">
        <v>23178</v>
      </c>
      <c r="C37391" t="s">
        <v>23171</v>
      </c>
      <c r="D37391" t="s">
        <v>23172</v>
      </c>
      <c r="E37391" t="s">
        <v>23145</v>
      </c>
      <c r="F37391" t="s">
        <v>23146</v>
      </c>
      <c r="G37391" t="s">
        <v>11612</v>
      </c>
      <c r="H37391" t="s">
        <v>11613</v>
      </c>
      <c r="I37391" s="2">
        <v>0</v>
      </c>
      <c r="J37391" s="2">
        <v>0</v>
      </c>
      <c r="K37391" s="2">
        <v>1</v>
      </c>
      <c r="L37391" t="s">
        <v>995</v>
      </c>
      <c r="M37391" t="s">
        <v>87</v>
      </c>
      <c r="N37391" t="s">
        <v>88</v>
      </c>
      <c r="O37391" t="s">
        <v>85</v>
      </c>
      <c r="P37391" t="s">
        <v>86</v>
      </c>
      <c r="Q37391">
        <v>24</v>
      </c>
      <c r="R37391">
        <v>24</v>
      </c>
      <c r="S37391">
        <v>24</v>
      </c>
      <c r="T37391">
        <v>24</v>
      </c>
      <c r="U37391">
        <v>24</v>
      </c>
      <c r="V37391">
        <v>24</v>
      </c>
      <c r="W37391">
        <v>24</v>
      </c>
      <c r="X37391">
        <v>24</v>
      </c>
      <c r="Y37391">
        <v>24</v>
      </c>
      <c r="Z37391">
        <v>24</v>
      </c>
      <c r="AA37391">
        <v>24</v>
      </c>
      <c r="AB37391">
        <v>24</v>
      </c>
      <c r="AC37391">
        <v>24</v>
      </c>
      <c r="AD37391">
        <v>24</v>
      </c>
      <c r="AE37391">
        <v>24</v>
      </c>
      <c r="AF37391">
        <v>24</v>
      </c>
      <c r="AG37391">
        <v>24</v>
      </c>
      <c r="AH37391">
        <v>24</v>
      </c>
      <c r="AI37391">
        <v>24</v>
      </c>
      <c r="AJ37391">
        <v>24</v>
      </c>
      <c r="AK37391">
        <v>24</v>
      </c>
      <c r="AL37391">
        <v>24</v>
      </c>
      <c r="AM37391">
        <v>24</v>
      </c>
      <c r="AN37391">
        <v>24</v>
      </c>
      <c r="AO37391">
        <v>24</v>
      </c>
      <c r="AP37391">
        <v>24</v>
      </c>
      <c r="AQ37391">
        <v>24</v>
      </c>
    </row>
    <row r="37392" spans="1:43">
      <c r="A37392" t="s">
        <v>23177</v>
      </c>
      <c r="B37392" t="s">
        <v>23178</v>
      </c>
      <c r="C37392" t="s">
        <v>23171</v>
      </c>
      <c r="D37392" t="s">
        <v>23172</v>
      </c>
      <c r="E37392" t="s">
        <v>23145</v>
      </c>
      <c r="F37392" t="s">
        <v>23146</v>
      </c>
      <c r="G37392" t="s">
        <v>11612</v>
      </c>
      <c r="H37392" t="s">
        <v>11613</v>
      </c>
      <c r="I37392" s="2">
        <v>0</v>
      </c>
      <c r="J37392" s="2">
        <v>0</v>
      </c>
      <c r="K37392" s="2">
        <v>1</v>
      </c>
      <c r="L37392" t="s">
        <v>995</v>
      </c>
      <c r="M37392" t="s">
        <v>89</v>
      </c>
      <c r="N37392" t="s">
        <v>90</v>
      </c>
      <c r="O37392" t="s">
        <v>85</v>
      </c>
      <c r="P37392" t="s">
        <v>86</v>
      </c>
      <c r="Q37392">
        <v>24</v>
      </c>
      <c r="R37392">
        <v>24</v>
      </c>
      <c r="S37392">
        <v>25</v>
      </c>
      <c r="T37392">
        <v>25</v>
      </c>
      <c r="U37392">
        <v>25</v>
      </c>
      <c r="V37392">
        <v>26</v>
      </c>
      <c r="W37392">
        <v>26</v>
      </c>
      <c r="X37392">
        <v>26</v>
      </c>
      <c r="Y37392">
        <v>27</v>
      </c>
      <c r="Z37392">
        <v>27</v>
      </c>
      <c r="AA37392">
        <v>27</v>
      </c>
      <c r="AB37392">
        <v>27</v>
      </c>
      <c r="AC37392">
        <v>28</v>
      </c>
      <c r="AD37392">
        <v>28</v>
      </c>
      <c r="AE37392">
        <v>28</v>
      </c>
      <c r="AF37392">
        <v>28</v>
      </c>
      <c r="AG37392">
        <v>28</v>
      </c>
      <c r="AH37392">
        <v>28</v>
      </c>
      <c r="AI37392">
        <v>28</v>
      </c>
      <c r="AJ37392">
        <v>27</v>
      </c>
      <c r="AK37392">
        <v>27</v>
      </c>
      <c r="AL37392">
        <v>27</v>
      </c>
      <c r="AM37392">
        <v>27</v>
      </c>
      <c r="AN37392">
        <v>27</v>
      </c>
      <c r="AO37392">
        <v>27</v>
      </c>
      <c r="AP37392">
        <v>27</v>
      </c>
      <c r="AQ37392">
        <v>26</v>
      </c>
    </row>
    <row r="37393" spans="1:43">
      <c r="A37393" t="s">
        <v>23177</v>
      </c>
      <c r="B37393" t="s">
        <v>23178</v>
      </c>
      <c r="C37393" t="s">
        <v>23171</v>
      </c>
      <c r="D37393" t="s">
        <v>23172</v>
      </c>
      <c r="E37393" t="s">
        <v>23145</v>
      </c>
      <c r="F37393" t="s">
        <v>23146</v>
      </c>
      <c r="G37393" t="s">
        <v>11612</v>
      </c>
      <c r="H37393" t="s">
        <v>11613</v>
      </c>
      <c r="I37393" s="2">
        <v>0</v>
      </c>
      <c r="J37393" s="2">
        <v>0</v>
      </c>
      <c r="K37393" s="2">
        <v>1</v>
      </c>
      <c r="L37393" t="s">
        <v>995</v>
      </c>
      <c r="M37393" t="s">
        <v>83</v>
      </c>
      <c r="N37393" t="s">
        <v>91</v>
      </c>
      <c r="O37393" t="s">
        <v>85</v>
      </c>
      <c r="P37393" t="s">
        <v>86</v>
      </c>
      <c r="Q37393">
        <v>24</v>
      </c>
      <c r="R37393">
        <v>24</v>
      </c>
      <c r="S37393">
        <v>24</v>
      </c>
      <c r="T37393">
        <v>24</v>
      </c>
      <c r="U37393">
        <v>24</v>
      </c>
      <c r="V37393">
        <v>25</v>
      </c>
      <c r="W37393">
        <v>25</v>
      </c>
      <c r="X37393">
        <v>25</v>
      </c>
      <c r="Y37393">
        <v>25</v>
      </c>
      <c r="Z37393">
        <v>25</v>
      </c>
      <c r="AA37393">
        <v>26</v>
      </c>
      <c r="AB37393">
        <v>26</v>
      </c>
      <c r="AC37393">
        <v>26</v>
      </c>
      <c r="AD37393">
        <v>26</v>
      </c>
      <c r="AE37393">
        <v>26</v>
      </c>
      <c r="AF37393">
        <v>26</v>
      </c>
      <c r="AG37393">
        <v>26</v>
      </c>
      <c r="AH37393">
        <v>27</v>
      </c>
      <c r="AI37393">
        <v>27</v>
      </c>
      <c r="AJ37393">
        <v>27</v>
      </c>
      <c r="AK37393">
        <v>27</v>
      </c>
      <c r="AL37393">
        <v>27</v>
      </c>
      <c r="AM37393">
        <v>27</v>
      </c>
      <c r="AN37393">
        <v>27</v>
      </c>
      <c r="AO37393">
        <v>27</v>
      </c>
      <c r="AP37393">
        <v>26</v>
      </c>
      <c r="AQ37393">
        <v>26</v>
      </c>
    </row>
    <row r="37394" spans="1:43">
      <c r="A37394" t="s">
        <v>23179</v>
      </c>
      <c r="B37394" t="s">
        <v>23180</v>
      </c>
      <c r="C37394" t="s">
        <v>23171</v>
      </c>
      <c r="D37394" t="s">
        <v>23172</v>
      </c>
      <c r="E37394" t="s">
        <v>23145</v>
      </c>
      <c r="F37394" t="s">
        <v>23146</v>
      </c>
      <c r="G37394" t="s">
        <v>11612</v>
      </c>
      <c r="H37394" t="s">
        <v>11613</v>
      </c>
      <c r="I37394" s="2">
        <v>0</v>
      </c>
      <c r="J37394" s="2">
        <v>0</v>
      </c>
      <c r="K37394" s="2">
        <v>1</v>
      </c>
      <c r="L37394" t="s">
        <v>995</v>
      </c>
      <c r="M37394" t="s">
        <v>83</v>
      </c>
      <c r="N37394" t="s">
        <v>84</v>
      </c>
      <c r="O37394" t="s">
        <v>85</v>
      </c>
      <c r="P37394" t="s">
        <v>86</v>
      </c>
      <c r="Q37394">
        <v>16</v>
      </c>
      <c r="R37394">
        <v>16</v>
      </c>
      <c r="S37394">
        <v>16</v>
      </c>
      <c r="T37394">
        <v>16</v>
      </c>
      <c r="U37394">
        <v>16</v>
      </c>
      <c r="V37394">
        <v>17</v>
      </c>
      <c r="W37394">
        <v>17</v>
      </c>
      <c r="X37394">
        <v>17</v>
      </c>
      <c r="Y37394">
        <v>17</v>
      </c>
      <c r="Z37394">
        <v>17</v>
      </c>
      <c r="AA37394">
        <v>17</v>
      </c>
      <c r="AB37394">
        <v>17</v>
      </c>
      <c r="AC37394">
        <v>17</v>
      </c>
      <c r="AD37394">
        <v>18</v>
      </c>
      <c r="AE37394">
        <v>18</v>
      </c>
      <c r="AF37394">
        <v>18</v>
      </c>
      <c r="AG37394">
        <v>18</v>
      </c>
      <c r="AH37394">
        <v>18</v>
      </c>
      <c r="AI37394">
        <v>18</v>
      </c>
      <c r="AJ37394">
        <v>18</v>
      </c>
      <c r="AK37394">
        <v>18</v>
      </c>
      <c r="AL37394">
        <v>18</v>
      </c>
      <c r="AM37394">
        <v>18</v>
      </c>
      <c r="AN37394">
        <v>18</v>
      </c>
      <c r="AO37394">
        <v>18</v>
      </c>
      <c r="AP37394">
        <v>18</v>
      </c>
      <c r="AQ37394">
        <v>18</v>
      </c>
    </row>
    <row r="37395" spans="1:43">
      <c r="A37395" t="s">
        <v>23179</v>
      </c>
      <c r="B37395" t="s">
        <v>23180</v>
      </c>
      <c r="C37395" t="s">
        <v>23171</v>
      </c>
      <c r="D37395" t="s">
        <v>23172</v>
      </c>
      <c r="E37395" t="s">
        <v>23145</v>
      </c>
      <c r="F37395" t="s">
        <v>23146</v>
      </c>
      <c r="G37395" t="s">
        <v>11612</v>
      </c>
      <c r="H37395" t="s">
        <v>11613</v>
      </c>
      <c r="I37395" s="2">
        <v>0</v>
      </c>
      <c r="J37395" s="2">
        <v>0</v>
      </c>
      <c r="K37395" s="2">
        <v>1</v>
      </c>
      <c r="L37395" t="s">
        <v>995</v>
      </c>
      <c r="M37395" t="s">
        <v>87</v>
      </c>
      <c r="N37395" t="s">
        <v>88</v>
      </c>
      <c r="O37395" t="s">
        <v>85</v>
      </c>
      <c r="P37395" t="s">
        <v>86</v>
      </c>
      <c r="Q37395">
        <v>16</v>
      </c>
      <c r="R37395">
        <v>16</v>
      </c>
      <c r="S37395">
        <v>16</v>
      </c>
      <c r="T37395">
        <v>16</v>
      </c>
      <c r="U37395">
        <v>16</v>
      </c>
      <c r="V37395">
        <v>16</v>
      </c>
      <c r="W37395">
        <v>16</v>
      </c>
      <c r="X37395">
        <v>16</v>
      </c>
      <c r="Y37395">
        <v>16</v>
      </c>
      <c r="Z37395">
        <v>16</v>
      </c>
      <c r="AA37395">
        <v>16</v>
      </c>
      <c r="AB37395">
        <v>16</v>
      </c>
      <c r="AC37395">
        <v>16</v>
      </c>
      <c r="AD37395">
        <v>16</v>
      </c>
      <c r="AE37395">
        <v>16</v>
      </c>
      <c r="AF37395">
        <v>16</v>
      </c>
      <c r="AG37395">
        <v>16</v>
      </c>
      <c r="AH37395">
        <v>16</v>
      </c>
      <c r="AI37395">
        <v>16</v>
      </c>
      <c r="AJ37395">
        <v>16</v>
      </c>
      <c r="AK37395">
        <v>16</v>
      </c>
      <c r="AL37395">
        <v>15</v>
      </c>
      <c r="AM37395">
        <v>15</v>
      </c>
      <c r="AN37395">
        <v>15</v>
      </c>
      <c r="AO37395">
        <v>15</v>
      </c>
      <c r="AP37395">
        <v>15</v>
      </c>
      <c r="AQ37395">
        <v>15</v>
      </c>
    </row>
    <row r="37396" spans="1:43">
      <c r="A37396" t="s">
        <v>23179</v>
      </c>
      <c r="B37396" t="s">
        <v>23180</v>
      </c>
      <c r="C37396" t="s">
        <v>23171</v>
      </c>
      <c r="D37396" t="s">
        <v>23172</v>
      </c>
      <c r="E37396" t="s">
        <v>23145</v>
      </c>
      <c r="F37396" t="s">
        <v>23146</v>
      </c>
      <c r="G37396" t="s">
        <v>11612</v>
      </c>
      <c r="H37396" t="s">
        <v>11613</v>
      </c>
      <c r="I37396" s="2">
        <v>0</v>
      </c>
      <c r="J37396" s="2">
        <v>0</v>
      </c>
      <c r="K37396" s="2">
        <v>1</v>
      </c>
      <c r="L37396" t="s">
        <v>995</v>
      </c>
      <c r="M37396" t="s">
        <v>89</v>
      </c>
      <c r="N37396" t="s">
        <v>90</v>
      </c>
      <c r="O37396" t="s">
        <v>85</v>
      </c>
      <c r="P37396" t="s">
        <v>86</v>
      </c>
      <c r="Q37396">
        <v>16</v>
      </c>
      <c r="R37396">
        <v>16</v>
      </c>
      <c r="S37396">
        <v>17</v>
      </c>
      <c r="T37396">
        <v>17</v>
      </c>
      <c r="U37396">
        <v>17</v>
      </c>
      <c r="V37396">
        <v>17</v>
      </c>
      <c r="W37396">
        <v>18</v>
      </c>
      <c r="X37396">
        <v>18</v>
      </c>
      <c r="Y37396">
        <v>18</v>
      </c>
      <c r="Z37396">
        <v>18</v>
      </c>
      <c r="AA37396">
        <v>18</v>
      </c>
      <c r="AB37396">
        <v>18</v>
      </c>
      <c r="AC37396">
        <v>19</v>
      </c>
      <c r="AD37396">
        <v>19</v>
      </c>
      <c r="AE37396">
        <v>19</v>
      </c>
      <c r="AF37396">
        <v>19</v>
      </c>
      <c r="AG37396">
        <v>19</v>
      </c>
      <c r="AH37396">
        <v>19</v>
      </c>
      <c r="AI37396">
        <v>18</v>
      </c>
      <c r="AJ37396">
        <v>18</v>
      </c>
      <c r="AK37396">
        <v>18</v>
      </c>
      <c r="AL37396">
        <v>18</v>
      </c>
      <c r="AM37396">
        <v>18</v>
      </c>
      <c r="AN37396">
        <v>18</v>
      </c>
      <c r="AO37396">
        <v>18</v>
      </c>
      <c r="AP37396">
        <v>18</v>
      </c>
      <c r="AQ37396">
        <v>18</v>
      </c>
    </row>
    <row r="37397" spans="1:43">
      <c r="A37397" t="s">
        <v>23179</v>
      </c>
      <c r="B37397" t="s">
        <v>23180</v>
      </c>
      <c r="C37397" t="s">
        <v>23171</v>
      </c>
      <c r="D37397" t="s">
        <v>23172</v>
      </c>
      <c r="E37397" t="s">
        <v>23145</v>
      </c>
      <c r="F37397" t="s">
        <v>23146</v>
      </c>
      <c r="G37397" t="s">
        <v>11612</v>
      </c>
      <c r="H37397" t="s">
        <v>11613</v>
      </c>
      <c r="I37397" s="2">
        <v>0</v>
      </c>
      <c r="J37397" s="2">
        <v>0</v>
      </c>
      <c r="K37397" s="2">
        <v>1</v>
      </c>
      <c r="L37397" t="s">
        <v>995</v>
      </c>
      <c r="M37397" t="s">
        <v>83</v>
      </c>
      <c r="N37397" t="s">
        <v>91</v>
      </c>
      <c r="O37397" t="s">
        <v>85</v>
      </c>
      <c r="P37397" t="s">
        <v>86</v>
      </c>
      <c r="Q37397">
        <v>16</v>
      </c>
      <c r="R37397">
        <v>16</v>
      </c>
      <c r="S37397">
        <v>16</v>
      </c>
      <c r="T37397">
        <v>16</v>
      </c>
      <c r="U37397">
        <v>16</v>
      </c>
      <c r="V37397">
        <v>17</v>
      </c>
      <c r="W37397">
        <v>17</v>
      </c>
      <c r="X37397">
        <v>17</v>
      </c>
      <c r="Y37397">
        <v>17</v>
      </c>
      <c r="Z37397">
        <v>17</v>
      </c>
      <c r="AA37397">
        <v>17</v>
      </c>
      <c r="AB37397">
        <v>17</v>
      </c>
      <c r="AC37397">
        <v>17</v>
      </c>
      <c r="AD37397">
        <v>18</v>
      </c>
      <c r="AE37397">
        <v>18</v>
      </c>
      <c r="AF37397">
        <v>18</v>
      </c>
      <c r="AG37397">
        <v>18</v>
      </c>
      <c r="AH37397">
        <v>18</v>
      </c>
      <c r="AI37397">
        <v>18</v>
      </c>
      <c r="AJ37397">
        <v>18</v>
      </c>
      <c r="AK37397">
        <v>18</v>
      </c>
      <c r="AL37397">
        <v>18</v>
      </c>
      <c r="AM37397">
        <v>18</v>
      </c>
      <c r="AN37397">
        <v>18</v>
      </c>
      <c r="AO37397">
        <v>18</v>
      </c>
      <c r="AP37397">
        <v>18</v>
      </c>
      <c r="AQ37397">
        <v>18</v>
      </c>
    </row>
    <row r="37398" spans="1:43">
      <c r="A37398" t="s">
        <v>23181</v>
      </c>
      <c r="B37398" t="s">
        <v>23182</v>
      </c>
      <c r="C37398" t="s">
        <v>23183</v>
      </c>
      <c r="D37398" t="s">
        <v>23184</v>
      </c>
      <c r="E37398" t="s">
        <v>23145</v>
      </c>
      <c r="F37398" t="s">
        <v>23146</v>
      </c>
      <c r="G37398" t="s">
        <v>11612</v>
      </c>
      <c r="H37398" t="s">
        <v>11613</v>
      </c>
      <c r="I37398" s="2">
        <v>0</v>
      </c>
      <c r="J37398" s="2">
        <v>0</v>
      </c>
      <c r="K37398" s="2">
        <v>1</v>
      </c>
      <c r="L37398" t="s">
        <v>995</v>
      </c>
      <c r="M37398" t="s">
        <v>83</v>
      </c>
      <c r="N37398" t="s">
        <v>84</v>
      </c>
      <c r="O37398" t="s">
        <v>85</v>
      </c>
      <c r="P37398" t="s">
        <v>86</v>
      </c>
      <c r="Q37398">
        <v>23</v>
      </c>
      <c r="R37398">
        <v>23</v>
      </c>
      <c r="S37398">
        <v>23</v>
      </c>
      <c r="T37398">
        <v>23</v>
      </c>
      <c r="U37398">
        <v>24</v>
      </c>
      <c r="V37398">
        <v>24</v>
      </c>
      <c r="W37398">
        <v>24</v>
      </c>
      <c r="X37398">
        <v>24</v>
      </c>
      <c r="Y37398">
        <v>25</v>
      </c>
      <c r="Z37398">
        <v>25</v>
      </c>
      <c r="AA37398">
        <v>25</v>
      </c>
      <c r="AB37398">
        <v>25</v>
      </c>
      <c r="AC37398">
        <v>25</v>
      </c>
      <c r="AD37398">
        <v>26</v>
      </c>
      <c r="AE37398">
        <v>26</v>
      </c>
      <c r="AF37398">
        <v>26</v>
      </c>
      <c r="AG37398">
        <v>26</v>
      </c>
      <c r="AH37398">
        <v>26</v>
      </c>
      <c r="AI37398">
        <v>26</v>
      </c>
      <c r="AJ37398">
        <v>27</v>
      </c>
      <c r="AK37398">
        <v>27</v>
      </c>
      <c r="AL37398">
        <v>27</v>
      </c>
      <c r="AM37398">
        <v>27</v>
      </c>
      <c r="AN37398">
        <v>27</v>
      </c>
      <c r="AO37398">
        <v>27</v>
      </c>
      <c r="AP37398">
        <v>27</v>
      </c>
      <c r="AQ37398">
        <v>26</v>
      </c>
    </row>
    <row r="37399" spans="1:43">
      <c r="A37399" t="s">
        <v>23181</v>
      </c>
      <c r="B37399" t="s">
        <v>23182</v>
      </c>
      <c r="C37399" t="s">
        <v>23183</v>
      </c>
      <c r="D37399" t="s">
        <v>23184</v>
      </c>
      <c r="E37399" t="s">
        <v>23145</v>
      </c>
      <c r="F37399" t="s">
        <v>23146</v>
      </c>
      <c r="G37399" t="s">
        <v>11612</v>
      </c>
      <c r="H37399" t="s">
        <v>11613</v>
      </c>
      <c r="I37399" s="2">
        <v>0</v>
      </c>
      <c r="J37399" s="2">
        <v>0</v>
      </c>
      <c r="K37399" s="2">
        <v>1</v>
      </c>
      <c r="L37399" t="s">
        <v>995</v>
      </c>
      <c r="M37399" t="s">
        <v>87</v>
      </c>
      <c r="N37399" t="s">
        <v>88</v>
      </c>
      <c r="O37399" t="s">
        <v>85</v>
      </c>
      <c r="P37399" t="s">
        <v>86</v>
      </c>
      <c r="Q37399">
        <v>23</v>
      </c>
      <c r="R37399">
        <v>23</v>
      </c>
      <c r="S37399">
        <v>24</v>
      </c>
      <c r="T37399">
        <v>24</v>
      </c>
      <c r="U37399">
        <v>24</v>
      </c>
      <c r="V37399">
        <v>24</v>
      </c>
      <c r="W37399">
        <v>24</v>
      </c>
      <c r="X37399">
        <v>24</v>
      </c>
      <c r="Y37399">
        <v>24</v>
      </c>
      <c r="Z37399">
        <v>24</v>
      </c>
      <c r="AA37399">
        <v>24</v>
      </c>
      <c r="AB37399">
        <v>24</v>
      </c>
      <c r="AC37399">
        <v>24</v>
      </c>
      <c r="AD37399">
        <v>24</v>
      </c>
      <c r="AE37399">
        <v>24</v>
      </c>
      <c r="AF37399">
        <v>24</v>
      </c>
      <c r="AG37399">
        <v>24</v>
      </c>
      <c r="AH37399">
        <v>24</v>
      </c>
      <c r="AI37399">
        <v>24</v>
      </c>
      <c r="AJ37399">
        <v>24</v>
      </c>
      <c r="AK37399">
        <v>24</v>
      </c>
      <c r="AL37399">
        <v>24</v>
      </c>
      <c r="AM37399">
        <v>24</v>
      </c>
      <c r="AN37399">
        <v>24</v>
      </c>
      <c r="AO37399">
        <v>24</v>
      </c>
      <c r="AP37399">
        <v>24</v>
      </c>
      <c r="AQ37399">
        <v>24</v>
      </c>
    </row>
    <row r="37400" spans="1:43">
      <c r="A37400" t="s">
        <v>23181</v>
      </c>
      <c r="B37400" t="s">
        <v>23182</v>
      </c>
      <c r="C37400" t="s">
        <v>23183</v>
      </c>
      <c r="D37400" t="s">
        <v>23184</v>
      </c>
      <c r="E37400" t="s">
        <v>23145</v>
      </c>
      <c r="F37400" t="s">
        <v>23146</v>
      </c>
      <c r="G37400" t="s">
        <v>11612</v>
      </c>
      <c r="H37400" t="s">
        <v>11613</v>
      </c>
      <c r="I37400" s="2">
        <v>0</v>
      </c>
      <c r="J37400" s="2">
        <v>0</v>
      </c>
      <c r="K37400" s="2">
        <v>1</v>
      </c>
      <c r="L37400" t="s">
        <v>995</v>
      </c>
      <c r="M37400" t="s">
        <v>89</v>
      </c>
      <c r="N37400" t="s">
        <v>90</v>
      </c>
      <c r="O37400" t="s">
        <v>85</v>
      </c>
      <c r="P37400" t="s">
        <v>86</v>
      </c>
      <c r="Q37400">
        <v>23</v>
      </c>
      <c r="R37400">
        <v>23</v>
      </c>
      <c r="S37400">
        <v>24</v>
      </c>
      <c r="T37400">
        <v>24</v>
      </c>
      <c r="U37400">
        <v>25</v>
      </c>
      <c r="V37400">
        <v>25</v>
      </c>
      <c r="W37400">
        <v>25</v>
      </c>
      <c r="X37400">
        <v>26</v>
      </c>
      <c r="Y37400">
        <v>26</v>
      </c>
      <c r="Z37400">
        <v>26</v>
      </c>
      <c r="AA37400">
        <v>27</v>
      </c>
      <c r="AB37400">
        <v>27</v>
      </c>
      <c r="AC37400">
        <v>27</v>
      </c>
      <c r="AD37400">
        <v>27</v>
      </c>
      <c r="AE37400">
        <v>27</v>
      </c>
      <c r="AF37400">
        <v>27</v>
      </c>
      <c r="AG37400">
        <v>27</v>
      </c>
      <c r="AH37400">
        <v>27</v>
      </c>
      <c r="AI37400">
        <v>27</v>
      </c>
      <c r="AJ37400">
        <v>27</v>
      </c>
      <c r="AK37400">
        <v>27</v>
      </c>
      <c r="AL37400">
        <v>27</v>
      </c>
      <c r="AM37400">
        <v>27</v>
      </c>
      <c r="AN37400">
        <v>27</v>
      </c>
      <c r="AO37400">
        <v>27</v>
      </c>
      <c r="AP37400">
        <v>27</v>
      </c>
      <c r="AQ37400">
        <v>27</v>
      </c>
    </row>
    <row r="37401" spans="1:43">
      <c r="A37401" t="s">
        <v>23181</v>
      </c>
      <c r="B37401" t="s">
        <v>23182</v>
      </c>
      <c r="C37401" t="s">
        <v>23183</v>
      </c>
      <c r="D37401" t="s">
        <v>23184</v>
      </c>
      <c r="E37401" t="s">
        <v>23145</v>
      </c>
      <c r="F37401" t="s">
        <v>23146</v>
      </c>
      <c r="G37401" t="s">
        <v>11612</v>
      </c>
      <c r="H37401" t="s">
        <v>11613</v>
      </c>
      <c r="I37401" s="2">
        <v>0</v>
      </c>
      <c r="J37401" s="2">
        <v>0</v>
      </c>
      <c r="K37401" s="2">
        <v>1</v>
      </c>
      <c r="L37401" t="s">
        <v>995</v>
      </c>
      <c r="M37401" t="s">
        <v>83</v>
      </c>
      <c r="N37401" t="s">
        <v>91</v>
      </c>
      <c r="O37401" t="s">
        <v>85</v>
      </c>
      <c r="P37401" t="s">
        <v>86</v>
      </c>
      <c r="Q37401">
        <v>23</v>
      </c>
      <c r="R37401">
        <v>23</v>
      </c>
      <c r="S37401">
        <v>23</v>
      </c>
      <c r="T37401">
        <v>23</v>
      </c>
      <c r="U37401">
        <v>24</v>
      </c>
      <c r="V37401">
        <v>24</v>
      </c>
      <c r="W37401">
        <v>24</v>
      </c>
      <c r="X37401">
        <v>24</v>
      </c>
      <c r="Y37401">
        <v>25</v>
      </c>
      <c r="Z37401">
        <v>25</v>
      </c>
      <c r="AA37401">
        <v>25</v>
      </c>
      <c r="AB37401">
        <v>25</v>
      </c>
      <c r="AC37401">
        <v>25</v>
      </c>
      <c r="AD37401">
        <v>26</v>
      </c>
      <c r="AE37401">
        <v>26</v>
      </c>
      <c r="AF37401">
        <v>26</v>
      </c>
      <c r="AG37401">
        <v>26</v>
      </c>
      <c r="AH37401">
        <v>26</v>
      </c>
      <c r="AI37401">
        <v>26</v>
      </c>
      <c r="AJ37401">
        <v>27</v>
      </c>
      <c r="AK37401">
        <v>27</v>
      </c>
      <c r="AL37401">
        <v>27</v>
      </c>
      <c r="AM37401">
        <v>27</v>
      </c>
      <c r="AN37401">
        <v>27</v>
      </c>
      <c r="AO37401">
        <v>27</v>
      </c>
      <c r="AP37401">
        <v>27</v>
      </c>
      <c r="AQ37401">
        <v>26</v>
      </c>
    </row>
    <row r="37402" spans="1:43">
      <c r="A37402" t="s">
        <v>23185</v>
      </c>
      <c r="B37402" t="s">
        <v>23186</v>
      </c>
      <c r="C37402" t="s">
        <v>23183</v>
      </c>
      <c r="D37402" t="s">
        <v>23184</v>
      </c>
      <c r="E37402" t="s">
        <v>23145</v>
      </c>
      <c r="F37402" t="s">
        <v>23146</v>
      </c>
      <c r="G37402" t="s">
        <v>11612</v>
      </c>
      <c r="H37402" t="s">
        <v>11613</v>
      </c>
      <c r="I37402" s="2">
        <v>0</v>
      </c>
      <c r="J37402" s="2">
        <v>0</v>
      </c>
      <c r="K37402" s="2">
        <v>1</v>
      </c>
      <c r="L37402" t="s">
        <v>995</v>
      </c>
      <c r="M37402" t="s">
        <v>83</v>
      </c>
      <c r="N37402" t="s">
        <v>84</v>
      </c>
      <c r="O37402" t="s">
        <v>85</v>
      </c>
      <c r="P37402" t="s">
        <v>86</v>
      </c>
      <c r="Q37402">
        <v>23</v>
      </c>
      <c r="R37402">
        <v>23</v>
      </c>
      <c r="S37402">
        <v>23</v>
      </c>
      <c r="T37402">
        <v>23</v>
      </c>
      <c r="U37402">
        <v>23</v>
      </c>
      <c r="V37402">
        <v>24</v>
      </c>
      <c r="W37402">
        <v>24</v>
      </c>
      <c r="X37402">
        <v>24</v>
      </c>
      <c r="Y37402">
        <v>24</v>
      </c>
      <c r="Z37402">
        <v>24</v>
      </c>
      <c r="AA37402">
        <v>25</v>
      </c>
      <c r="AB37402">
        <v>25</v>
      </c>
      <c r="AC37402">
        <v>25</v>
      </c>
      <c r="AD37402">
        <v>25</v>
      </c>
      <c r="AE37402">
        <v>25</v>
      </c>
      <c r="AF37402">
        <v>25</v>
      </c>
      <c r="AG37402">
        <v>26</v>
      </c>
      <c r="AH37402">
        <v>26</v>
      </c>
      <c r="AI37402">
        <v>26</v>
      </c>
      <c r="AJ37402">
        <v>26</v>
      </c>
      <c r="AK37402">
        <v>26</v>
      </c>
      <c r="AL37402">
        <v>26</v>
      </c>
      <c r="AM37402">
        <v>26</v>
      </c>
      <c r="AN37402">
        <v>26</v>
      </c>
      <c r="AO37402">
        <v>26</v>
      </c>
      <c r="AP37402">
        <v>26</v>
      </c>
      <c r="AQ37402">
        <v>26</v>
      </c>
    </row>
    <row r="37403" spans="1:43">
      <c r="A37403" t="s">
        <v>23185</v>
      </c>
      <c r="B37403" t="s">
        <v>23186</v>
      </c>
      <c r="C37403" t="s">
        <v>23183</v>
      </c>
      <c r="D37403" t="s">
        <v>23184</v>
      </c>
      <c r="E37403" t="s">
        <v>23145</v>
      </c>
      <c r="F37403" t="s">
        <v>23146</v>
      </c>
      <c r="G37403" t="s">
        <v>11612</v>
      </c>
      <c r="H37403" t="s">
        <v>11613</v>
      </c>
      <c r="I37403" s="2">
        <v>0</v>
      </c>
      <c r="J37403" s="2">
        <v>0</v>
      </c>
      <c r="K37403" s="2">
        <v>1</v>
      </c>
      <c r="L37403" t="s">
        <v>995</v>
      </c>
      <c r="M37403" t="s">
        <v>87</v>
      </c>
      <c r="N37403" t="s">
        <v>88</v>
      </c>
      <c r="O37403" t="s">
        <v>85</v>
      </c>
      <c r="P37403" t="s">
        <v>86</v>
      </c>
      <c r="Q37403">
        <v>23</v>
      </c>
      <c r="R37403">
        <v>23</v>
      </c>
      <c r="S37403">
        <v>23</v>
      </c>
      <c r="T37403">
        <v>23</v>
      </c>
      <c r="U37403">
        <v>23</v>
      </c>
      <c r="V37403">
        <v>23</v>
      </c>
      <c r="W37403">
        <v>23</v>
      </c>
      <c r="X37403">
        <v>23</v>
      </c>
      <c r="Y37403">
        <v>23</v>
      </c>
      <c r="Z37403">
        <v>23</v>
      </c>
      <c r="AA37403">
        <v>23</v>
      </c>
      <c r="AB37403">
        <v>23</v>
      </c>
      <c r="AC37403">
        <v>23</v>
      </c>
      <c r="AD37403">
        <v>23</v>
      </c>
      <c r="AE37403">
        <v>23</v>
      </c>
      <c r="AF37403">
        <v>23</v>
      </c>
      <c r="AG37403">
        <v>23</v>
      </c>
      <c r="AH37403">
        <v>23</v>
      </c>
      <c r="AI37403">
        <v>23</v>
      </c>
      <c r="AJ37403">
        <v>23</v>
      </c>
      <c r="AK37403">
        <v>23</v>
      </c>
      <c r="AL37403">
        <v>23</v>
      </c>
      <c r="AM37403">
        <v>23</v>
      </c>
      <c r="AN37403">
        <v>23</v>
      </c>
      <c r="AO37403">
        <v>23</v>
      </c>
      <c r="AP37403">
        <v>23</v>
      </c>
      <c r="AQ37403">
        <v>23</v>
      </c>
    </row>
    <row r="37404" spans="1:43">
      <c r="A37404" t="s">
        <v>23185</v>
      </c>
      <c r="B37404" t="s">
        <v>23186</v>
      </c>
      <c r="C37404" t="s">
        <v>23183</v>
      </c>
      <c r="D37404" t="s">
        <v>23184</v>
      </c>
      <c r="E37404" t="s">
        <v>23145</v>
      </c>
      <c r="F37404" t="s">
        <v>23146</v>
      </c>
      <c r="G37404" t="s">
        <v>11612</v>
      </c>
      <c r="H37404" t="s">
        <v>11613</v>
      </c>
      <c r="I37404" s="2">
        <v>0</v>
      </c>
      <c r="J37404" s="2">
        <v>0</v>
      </c>
      <c r="K37404" s="2">
        <v>1</v>
      </c>
      <c r="L37404" t="s">
        <v>995</v>
      </c>
      <c r="M37404" t="s">
        <v>89</v>
      </c>
      <c r="N37404" t="s">
        <v>90</v>
      </c>
      <c r="O37404" t="s">
        <v>85</v>
      </c>
      <c r="P37404" t="s">
        <v>86</v>
      </c>
      <c r="Q37404">
        <v>23</v>
      </c>
      <c r="R37404">
        <v>23</v>
      </c>
      <c r="S37404">
        <v>24</v>
      </c>
      <c r="T37404">
        <v>24</v>
      </c>
      <c r="U37404">
        <v>24</v>
      </c>
      <c r="V37404">
        <v>25</v>
      </c>
      <c r="W37404">
        <v>25</v>
      </c>
      <c r="X37404">
        <v>25</v>
      </c>
      <c r="Y37404">
        <v>26</v>
      </c>
      <c r="Z37404">
        <v>26</v>
      </c>
      <c r="AA37404">
        <v>26</v>
      </c>
      <c r="AB37404">
        <v>26</v>
      </c>
      <c r="AC37404">
        <v>27</v>
      </c>
      <c r="AD37404">
        <v>27</v>
      </c>
      <c r="AE37404">
        <v>27</v>
      </c>
      <c r="AF37404">
        <v>27</v>
      </c>
      <c r="AG37404">
        <v>27</v>
      </c>
      <c r="AH37404">
        <v>27</v>
      </c>
      <c r="AI37404">
        <v>27</v>
      </c>
      <c r="AJ37404">
        <v>27</v>
      </c>
      <c r="AK37404">
        <v>27</v>
      </c>
      <c r="AL37404">
        <v>26</v>
      </c>
      <c r="AM37404">
        <v>26</v>
      </c>
      <c r="AN37404">
        <v>26</v>
      </c>
      <c r="AO37404">
        <v>26</v>
      </c>
      <c r="AP37404">
        <v>26</v>
      </c>
      <c r="AQ37404">
        <v>26</v>
      </c>
    </row>
    <row r="37405" spans="1:43">
      <c r="A37405" t="s">
        <v>23185</v>
      </c>
      <c r="B37405" t="s">
        <v>23186</v>
      </c>
      <c r="C37405" t="s">
        <v>23183</v>
      </c>
      <c r="D37405" t="s">
        <v>23184</v>
      </c>
      <c r="E37405" t="s">
        <v>23145</v>
      </c>
      <c r="F37405" t="s">
        <v>23146</v>
      </c>
      <c r="G37405" t="s">
        <v>11612</v>
      </c>
      <c r="H37405" t="s">
        <v>11613</v>
      </c>
      <c r="I37405" s="2">
        <v>0</v>
      </c>
      <c r="J37405" s="2">
        <v>0</v>
      </c>
      <c r="K37405" s="2">
        <v>1</v>
      </c>
      <c r="L37405" t="s">
        <v>995</v>
      </c>
      <c r="M37405" t="s">
        <v>83</v>
      </c>
      <c r="N37405" t="s">
        <v>91</v>
      </c>
      <c r="O37405" t="s">
        <v>85</v>
      </c>
      <c r="P37405" t="s">
        <v>86</v>
      </c>
      <c r="Q37405">
        <v>23</v>
      </c>
      <c r="R37405">
        <v>23</v>
      </c>
      <c r="S37405">
        <v>23</v>
      </c>
      <c r="T37405">
        <v>23</v>
      </c>
      <c r="U37405">
        <v>23</v>
      </c>
      <c r="V37405">
        <v>24</v>
      </c>
      <c r="W37405">
        <v>24</v>
      </c>
      <c r="X37405">
        <v>24</v>
      </c>
      <c r="Y37405">
        <v>24</v>
      </c>
      <c r="Z37405">
        <v>24</v>
      </c>
      <c r="AA37405">
        <v>25</v>
      </c>
      <c r="AB37405">
        <v>25</v>
      </c>
      <c r="AC37405">
        <v>25</v>
      </c>
      <c r="AD37405">
        <v>25</v>
      </c>
      <c r="AE37405">
        <v>25</v>
      </c>
      <c r="AF37405">
        <v>25</v>
      </c>
      <c r="AG37405">
        <v>26</v>
      </c>
      <c r="AH37405">
        <v>26</v>
      </c>
      <c r="AI37405">
        <v>26</v>
      </c>
      <c r="AJ37405">
        <v>26</v>
      </c>
      <c r="AK37405">
        <v>26</v>
      </c>
      <c r="AL37405">
        <v>26</v>
      </c>
      <c r="AM37405">
        <v>26</v>
      </c>
      <c r="AN37405">
        <v>26</v>
      </c>
      <c r="AO37405">
        <v>26</v>
      </c>
      <c r="AP37405">
        <v>26</v>
      </c>
      <c r="AQ37405">
        <v>26</v>
      </c>
    </row>
    <row r="37406" spans="1:43">
      <c r="A37406" t="s">
        <v>23187</v>
      </c>
      <c r="B37406" t="s">
        <v>23188</v>
      </c>
      <c r="C37406" t="s">
        <v>23183</v>
      </c>
      <c r="D37406" t="s">
        <v>23184</v>
      </c>
      <c r="E37406" t="s">
        <v>23145</v>
      </c>
      <c r="F37406" t="s">
        <v>23146</v>
      </c>
      <c r="G37406" t="s">
        <v>11612</v>
      </c>
      <c r="H37406" t="s">
        <v>11613</v>
      </c>
      <c r="I37406" s="2">
        <v>0</v>
      </c>
      <c r="J37406" s="2">
        <v>0</v>
      </c>
      <c r="K37406" s="2">
        <v>1</v>
      </c>
      <c r="L37406" t="s">
        <v>995</v>
      </c>
      <c r="M37406" t="s">
        <v>83</v>
      </c>
      <c r="N37406" t="s">
        <v>84</v>
      </c>
      <c r="O37406" t="s">
        <v>85</v>
      </c>
      <c r="P37406" t="s">
        <v>86</v>
      </c>
      <c r="Q37406">
        <v>14</v>
      </c>
      <c r="R37406">
        <v>15</v>
      </c>
      <c r="S37406">
        <v>15</v>
      </c>
      <c r="T37406">
        <v>15</v>
      </c>
      <c r="U37406">
        <v>15</v>
      </c>
      <c r="V37406">
        <v>15</v>
      </c>
      <c r="W37406">
        <v>15</v>
      </c>
      <c r="X37406">
        <v>16</v>
      </c>
      <c r="Y37406">
        <v>16</v>
      </c>
      <c r="Z37406">
        <v>16</v>
      </c>
      <c r="AA37406">
        <v>16</v>
      </c>
      <c r="AB37406">
        <v>16</v>
      </c>
      <c r="AC37406">
        <v>16</v>
      </c>
      <c r="AD37406">
        <v>16</v>
      </c>
      <c r="AE37406">
        <v>17</v>
      </c>
      <c r="AF37406">
        <v>17</v>
      </c>
      <c r="AG37406">
        <v>17</v>
      </c>
      <c r="AH37406">
        <v>17</v>
      </c>
      <c r="AI37406">
        <v>17</v>
      </c>
      <c r="AJ37406">
        <v>17</v>
      </c>
      <c r="AK37406">
        <v>17</v>
      </c>
      <c r="AL37406">
        <v>17</v>
      </c>
      <c r="AM37406">
        <v>17</v>
      </c>
      <c r="AN37406">
        <v>17</v>
      </c>
      <c r="AO37406">
        <v>17</v>
      </c>
      <c r="AP37406">
        <v>17</v>
      </c>
      <c r="AQ37406">
        <v>17</v>
      </c>
    </row>
    <row r="37407" spans="1:43">
      <c r="A37407" t="s">
        <v>23187</v>
      </c>
      <c r="B37407" t="s">
        <v>23188</v>
      </c>
      <c r="C37407" t="s">
        <v>23183</v>
      </c>
      <c r="D37407" t="s">
        <v>23184</v>
      </c>
      <c r="E37407" t="s">
        <v>23145</v>
      </c>
      <c r="F37407" t="s">
        <v>23146</v>
      </c>
      <c r="G37407" t="s">
        <v>11612</v>
      </c>
      <c r="H37407" t="s">
        <v>11613</v>
      </c>
      <c r="I37407" s="2">
        <v>0</v>
      </c>
      <c r="J37407" s="2">
        <v>0</v>
      </c>
      <c r="K37407" s="2">
        <v>1</v>
      </c>
      <c r="L37407" t="s">
        <v>995</v>
      </c>
      <c r="M37407" t="s">
        <v>87</v>
      </c>
      <c r="N37407" t="s">
        <v>88</v>
      </c>
      <c r="O37407" t="s">
        <v>85</v>
      </c>
      <c r="P37407" t="s">
        <v>86</v>
      </c>
      <c r="Q37407">
        <v>14</v>
      </c>
      <c r="R37407">
        <v>14</v>
      </c>
      <c r="S37407">
        <v>14</v>
      </c>
      <c r="T37407">
        <v>14</v>
      </c>
      <c r="U37407">
        <v>14</v>
      </c>
      <c r="V37407">
        <v>14</v>
      </c>
      <c r="W37407">
        <v>14</v>
      </c>
      <c r="X37407">
        <v>15</v>
      </c>
      <c r="Y37407">
        <v>15</v>
      </c>
      <c r="Z37407">
        <v>15</v>
      </c>
      <c r="AA37407">
        <v>15</v>
      </c>
      <c r="AB37407">
        <v>15</v>
      </c>
      <c r="AC37407">
        <v>15</v>
      </c>
      <c r="AD37407">
        <v>15</v>
      </c>
      <c r="AE37407">
        <v>15</v>
      </c>
      <c r="AF37407">
        <v>15</v>
      </c>
      <c r="AG37407">
        <v>15</v>
      </c>
      <c r="AH37407">
        <v>15</v>
      </c>
      <c r="AI37407">
        <v>15</v>
      </c>
      <c r="AJ37407">
        <v>15</v>
      </c>
      <c r="AK37407">
        <v>15</v>
      </c>
      <c r="AL37407">
        <v>15</v>
      </c>
      <c r="AM37407">
        <v>15</v>
      </c>
      <c r="AN37407">
        <v>15</v>
      </c>
      <c r="AO37407">
        <v>15</v>
      </c>
      <c r="AP37407">
        <v>15</v>
      </c>
      <c r="AQ37407">
        <v>15</v>
      </c>
    </row>
    <row r="37408" spans="1:43">
      <c r="A37408" t="s">
        <v>23187</v>
      </c>
      <c r="B37408" t="s">
        <v>23188</v>
      </c>
      <c r="C37408" t="s">
        <v>23183</v>
      </c>
      <c r="D37408" t="s">
        <v>23184</v>
      </c>
      <c r="E37408" t="s">
        <v>23145</v>
      </c>
      <c r="F37408" t="s">
        <v>23146</v>
      </c>
      <c r="G37408" t="s">
        <v>11612</v>
      </c>
      <c r="H37408" t="s">
        <v>11613</v>
      </c>
      <c r="I37408" s="2">
        <v>0</v>
      </c>
      <c r="J37408" s="2">
        <v>0</v>
      </c>
      <c r="K37408" s="2">
        <v>1</v>
      </c>
      <c r="L37408" t="s">
        <v>995</v>
      </c>
      <c r="M37408" t="s">
        <v>89</v>
      </c>
      <c r="N37408" t="s">
        <v>90</v>
      </c>
      <c r="O37408" t="s">
        <v>85</v>
      </c>
      <c r="P37408" t="s">
        <v>86</v>
      </c>
      <c r="Q37408">
        <v>14</v>
      </c>
      <c r="R37408">
        <v>14</v>
      </c>
      <c r="S37408">
        <v>14</v>
      </c>
      <c r="T37408">
        <v>14</v>
      </c>
      <c r="U37408">
        <v>15</v>
      </c>
      <c r="V37408">
        <v>15</v>
      </c>
      <c r="W37408">
        <v>15</v>
      </c>
      <c r="X37408">
        <v>15</v>
      </c>
      <c r="Y37408">
        <v>16</v>
      </c>
      <c r="Z37408">
        <v>16</v>
      </c>
      <c r="AA37408">
        <v>16</v>
      </c>
      <c r="AB37408">
        <v>16</v>
      </c>
      <c r="AC37408">
        <v>16</v>
      </c>
      <c r="AD37408">
        <v>17</v>
      </c>
      <c r="AE37408">
        <v>17</v>
      </c>
      <c r="AF37408">
        <v>17</v>
      </c>
      <c r="AG37408">
        <v>17</v>
      </c>
      <c r="AH37408">
        <v>17</v>
      </c>
      <c r="AI37408">
        <v>17</v>
      </c>
      <c r="AJ37408">
        <v>17</v>
      </c>
      <c r="AK37408">
        <v>17</v>
      </c>
      <c r="AL37408">
        <v>17</v>
      </c>
      <c r="AM37408">
        <v>17</v>
      </c>
      <c r="AN37408">
        <v>17</v>
      </c>
      <c r="AO37408">
        <v>17</v>
      </c>
      <c r="AP37408">
        <v>17</v>
      </c>
      <c r="AQ37408">
        <v>17</v>
      </c>
    </row>
    <row r="37409" spans="1:43">
      <c r="A37409" t="s">
        <v>23187</v>
      </c>
      <c r="B37409" t="s">
        <v>23188</v>
      </c>
      <c r="C37409" t="s">
        <v>23183</v>
      </c>
      <c r="D37409" t="s">
        <v>23184</v>
      </c>
      <c r="E37409" t="s">
        <v>23145</v>
      </c>
      <c r="F37409" t="s">
        <v>23146</v>
      </c>
      <c r="G37409" t="s">
        <v>11612</v>
      </c>
      <c r="H37409" t="s">
        <v>11613</v>
      </c>
      <c r="I37409" s="2">
        <v>0</v>
      </c>
      <c r="J37409" s="2">
        <v>0</v>
      </c>
      <c r="K37409" s="2">
        <v>1</v>
      </c>
      <c r="L37409" t="s">
        <v>995</v>
      </c>
      <c r="M37409" t="s">
        <v>83</v>
      </c>
      <c r="N37409" t="s">
        <v>91</v>
      </c>
      <c r="O37409" t="s">
        <v>85</v>
      </c>
      <c r="P37409" t="s">
        <v>86</v>
      </c>
      <c r="Q37409">
        <v>14</v>
      </c>
      <c r="R37409">
        <v>15</v>
      </c>
      <c r="S37409">
        <v>15</v>
      </c>
      <c r="T37409">
        <v>15</v>
      </c>
      <c r="U37409">
        <v>15</v>
      </c>
      <c r="V37409">
        <v>15</v>
      </c>
      <c r="W37409">
        <v>15</v>
      </c>
      <c r="X37409">
        <v>16</v>
      </c>
      <c r="Y37409">
        <v>16</v>
      </c>
      <c r="Z37409">
        <v>16</v>
      </c>
      <c r="AA37409">
        <v>16</v>
      </c>
      <c r="AB37409">
        <v>16</v>
      </c>
      <c r="AC37409">
        <v>16</v>
      </c>
      <c r="AD37409">
        <v>16</v>
      </c>
      <c r="AE37409">
        <v>17</v>
      </c>
      <c r="AF37409">
        <v>17</v>
      </c>
      <c r="AG37409">
        <v>17</v>
      </c>
      <c r="AH37409">
        <v>17</v>
      </c>
      <c r="AI37409">
        <v>17</v>
      </c>
      <c r="AJ37409">
        <v>17</v>
      </c>
      <c r="AK37409">
        <v>17</v>
      </c>
      <c r="AL37409">
        <v>17</v>
      </c>
      <c r="AM37409">
        <v>17</v>
      </c>
      <c r="AN37409">
        <v>17</v>
      </c>
      <c r="AO37409">
        <v>17</v>
      </c>
      <c r="AP37409">
        <v>17</v>
      </c>
      <c r="AQ37409">
        <v>17</v>
      </c>
    </row>
    <row r="37410" spans="1:43">
      <c r="A37410" t="s">
        <v>23189</v>
      </c>
      <c r="B37410" t="s">
        <v>23190</v>
      </c>
      <c r="C37410" t="s">
        <v>23183</v>
      </c>
      <c r="D37410" t="s">
        <v>23184</v>
      </c>
      <c r="E37410" t="s">
        <v>23145</v>
      </c>
      <c r="F37410" t="s">
        <v>23146</v>
      </c>
      <c r="G37410" t="s">
        <v>11612</v>
      </c>
      <c r="H37410" t="s">
        <v>11613</v>
      </c>
      <c r="I37410" s="2">
        <v>0</v>
      </c>
      <c r="J37410" s="2">
        <v>0</v>
      </c>
      <c r="K37410" s="2">
        <v>1</v>
      </c>
      <c r="L37410" t="s">
        <v>995</v>
      </c>
      <c r="M37410" t="s">
        <v>83</v>
      </c>
      <c r="N37410" t="s">
        <v>84</v>
      </c>
      <c r="O37410" t="s">
        <v>85</v>
      </c>
      <c r="P37410" t="s">
        <v>86</v>
      </c>
      <c r="Q37410">
        <v>30</v>
      </c>
      <c r="R37410">
        <v>31</v>
      </c>
      <c r="S37410">
        <v>31</v>
      </c>
      <c r="T37410">
        <v>31</v>
      </c>
      <c r="U37410">
        <v>32</v>
      </c>
      <c r="V37410">
        <v>32</v>
      </c>
      <c r="W37410">
        <v>32</v>
      </c>
      <c r="X37410">
        <v>33</v>
      </c>
      <c r="Y37410">
        <v>33</v>
      </c>
      <c r="Z37410">
        <v>33</v>
      </c>
      <c r="AA37410">
        <v>34</v>
      </c>
      <c r="AB37410">
        <v>34</v>
      </c>
      <c r="AC37410">
        <v>34</v>
      </c>
      <c r="AD37410">
        <v>35</v>
      </c>
      <c r="AE37410">
        <v>35</v>
      </c>
      <c r="AF37410">
        <v>35</v>
      </c>
      <c r="AG37410">
        <v>35</v>
      </c>
      <c r="AH37410">
        <v>36</v>
      </c>
      <c r="AI37410">
        <v>36</v>
      </c>
      <c r="AJ37410">
        <v>36</v>
      </c>
      <c r="AK37410">
        <v>36</v>
      </c>
      <c r="AL37410">
        <v>37</v>
      </c>
      <c r="AM37410">
        <v>37</v>
      </c>
      <c r="AN37410">
        <v>37</v>
      </c>
      <c r="AO37410">
        <v>37</v>
      </c>
      <c r="AP37410">
        <v>37</v>
      </c>
      <c r="AQ37410">
        <v>37</v>
      </c>
    </row>
    <row r="37411" spans="1:43">
      <c r="A37411" t="s">
        <v>23189</v>
      </c>
      <c r="B37411" t="s">
        <v>23190</v>
      </c>
      <c r="C37411" t="s">
        <v>23183</v>
      </c>
      <c r="D37411" t="s">
        <v>23184</v>
      </c>
      <c r="E37411" t="s">
        <v>23145</v>
      </c>
      <c r="F37411" t="s">
        <v>23146</v>
      </c>
      <c r="G37411" t="s">
        <v>11612</v>
      </c>
      <c r="H37411" t="s">
        <v>11613</v>
      </c>
      <c r="I37411" s="2">
        <v>0</v>
      </c>
      <c r="J37411" s="2">
        <v>0</v>
      </c>
      <c r="K37411" s="2">
        <v>1</v>
      </c>
      <c r="L37411" t="s">
        <v>995</v>
      </c>
      <c r="M37411" t="s">
        <v>87</v>
      </c>
      <c r="N37411" t="s">
        <v>88</v>
      </c>
      <c r="O37411" t="s">
        <v>85</v>
      </c>
      <c r="P37411" t="s">
        <v>86</v>
      </c>
      <c r="Q37411">
        <v>30</v>
      </c>
      <c r="R37411">
        <v>30</v>
      </c>
      <c r="S37411">
        <v>30</v>
      </c>
      <c r="T37411">
        <v>30</v>
      </c>
      <c r="U37411">
        <v>30</v>
      </c>
      <c r="V37411">
        <v>30</v>
      </c>
      <c r="W37411">
        <v>30</v>
      </c>
      <c r="X37411">
        <v>31</v>
      </c>
      <c r="Y37411">
        <v>31</v>
      </c>
      <c r="Z37411">
        <v>31</v>
      </c>
      <c r="AA37411">
        <v>31</v>
      </c>
      <c r="AB37411">
        <v>31</v>
      </c>
      <c r="AC37411">
        <v>31</v>
      </c>
      <c r="AD37411">
        <v>31</v>
      </c>
      <c r="AE37411">
        <v>31</v>
      </c>
      <c r="AF37411">
        <v>31</v>
      </c>
      <c r="AG37411">
        <v>31</v>
      </c>
      <c r="AH37411">
        <v>31</v>
      </c>
      <c r="AI37411">
        <v>31</v>
      </c>
      <c r="AJ37411">
        <v>31</v>
      </c>
      <c r="AK37411">
        <v>31</v>
      </c>
      <c r="AL37411">
        <v>31</v>
      </c>
      <c r="AM37411">
        <v>31</v>
      </c>
      <c r="AN37411">
        <v>31</v>
      </c>
      <c r="AO37411">
        <v>32</v>
      </c>
      <c r="AP37411">
        <v>32</v>
      </c>
      <c r="AQ37411">
        <v>32</v>
      </c>
    </row>
    <row r="37412" spans="1:43">
      <c r="A37412" t="s">
        <v>23189</v>
      </c>
      <c r="B37412" t="s">
        <v>23190</v>
      </c>
      <c r="C37412" t="s">
        <v>23183</v>
      </c>
      <c r="D37412" t="s">
        <v>23184</v>
      </c>
      <c r="E37412" t="s">
        <v>23145</v>
      </c>
      <c r="F37412" t="s">
        <v>23146</v>
      </c>
      <c r="G37412" t="s">
        <v>11612</v>
      </c>
      <c r="H37412" t="s">
        <v>11613</v>
      </c>
      <c r="I37412" s="2">
        <v>0</v>
      </c>
      <c r="J37412" s="2">
        <v>0</v>
      </c>
      <c r="K37412" s="2">
        <v>1</v>
      </c>
      <c r="L37412" t="s">
        <v>995</v>
      </c>
      <c r="M37412" t="s">
        <v>89</v>
      </c>
      <c r="N37412" t="s">
        <v>90</v>
      </c>
      <c r="O37412" t="s">
        <v>85</v>
      </c>
      <c r="P37412" t="s">
        <v>86</v>
      </c>
      <c r="Q37412">
        <v>30</v>
      </c>
      <c r="R37412">
        <v>30</v>
      </c>
      <c r="S37412">
        <v>31</v>
      </c>
      <c r="T37412">
        <v>31</v>
      </c>
      <c r="U37412">
        <v>32</v>
      </c>
      <c r="V37412">
        <v>33</v>
      </c>
      <c r="W37412">
        <v>33</v>
      </c>
      <c r="X37412">
        <v>34</v>
      </c>
      <c r="Y37412">
        <v>34</v>
      </c>
      <c r="Z37412">
        <v>34</v>
      </c>
      <c r="AA37412">
        <v>35</v>
      </c>
      <c r="AB37412">
        <v>35</v>
      </c>
      <c r="AC37412">
        <v>36</v>
      </c>
      <c r="AD37412">
        <v>36</v>
      </c>
      <c r="AE37412">
        <v>36</v>
      </c>
      <c r="AF37412">
        <v>36</v>
      </c>
      <c r="AG37412">
        <v>36</v>
      </c>
      <c r="AH37412">
        <v>36</v>
      </c>
      <c r="AI37412">
        <v>36</v>
      </c>
      <c r="AJ37412">
        <v>36</v>
      </c>
      <c r="AK37412">
        <v>36</v>
      </c>
      <c r="AL37412">
        <v>36</v>
      </c>
      <c r="AM37412">
        <v>36</v>
      </c>
      <c r="AN37412">
        <v>36</v>
      </c>
      <c r="AO37412">
        <v>36</v>
      </c>
      <c r="AP37412">
        <v>36</v>
      </c>
      <c r="AQ37412">
        <v>36</v>
      </c>
    </row>
    <row r="37413" spans="1:43">
      <c r="A37413" t="s">
        <v>23189</v>
      </c>
      <c r="B37413" t="s">
        <v>23190</v>
      </c>
      <c r="C37413" t="s">
        <v>23183</v>
      </c>
      <c r="D37413" t="s">
        <v>23184</v>
      </c>
      <c r="E37413" t="s">
        <v>23145</v>
      </c>
      <c r="F37413" t="s">
        <v>23146</v>
      </c>
      <c r="G37413" t="s">
        <v>11612</v>
      </c>
      <c r="H37413" t="s">
        <v>11613</v>
      </c>
      <c r="I37413" s="2">
        <v>0</v>
      </c>
      <c r="J37413" s="2">
        <v>0</v>
      </c>
      <c r="K37413" s="2">
        <v>1</v>
      </c>
      <c r="L37413" t="s">
        <v>995</v>
      </c>
      <c r="M37413" t="s">
        <v>83</v>
      </c>
      <c r="N37413" t="s">
        <v>91</v>
      </c>
      <c r="O37413" t="s">
        <v>85</v>
      </c>
      <c r="P37413" t="s">
        <v>86</v>
      </c>
      <c r="Q37413">
        <v>30</v>
      </c>
      <c r="R37413">
        <v>31</v>
      </c>
      <c r="S37413">
        <v>31</v>
      </c>
      <c r="T37413">
        <v>31</v>
      </c>
      <c r="U37413">
        <v>32</v>
      </c>
      <c r="V37413">
        <v>32</v>
      </c>
      <c r="W37413">
        <v>32</v>
      </c>
      <c r="X37413">
        <v>33</v>
      </c>
      <c r="Y37413">
        <v>33</v>
      </c>
      <c r="Z37413">
        <v>33</v>
      </c>
      <c r="AA37413">
        <v>34</v>
      </c>
      <c r="AB37413">
        <v>34</v>
      </c>
      <c r="AC37413">
        <v>34</v>
      </c>
      <c r="AD37413">
        <v>35</v>
      </c>
      <c r="AE37413">
        <v>35</v>
      </c>
      <c r="AF37413">
        <v>35</v>
      </c>
      <c r="AG37413">
        <v>35</v>
      </c>
      <c r="AH37413">
        <v>36</v>
      </c>
      <c r="AI37413">
        <v>36</v>
      </c>
      <c r="AJ37413">
        <v>36</v>
      </c>
      <c r="AK37413">
        <v>36</v>
      </c>
      <c r="AL37413">
        <v>37</v>
      </c>
      <c r="AM37413">
        <v>37</v>
      </c>
      <c r="AN37413">
        <v>37</v>
      </c>
      <c r="AO37413">
        <v>37</v>
      </c>
      <c r="AP37413">
        <v>37</v>
      </c>
      <c r="AQ37413">
        <v>37</v>
      </c>
    </row>
    <row r="37414" spans="1:43">
      <c r="A37414" t="s">
        <v>23191</v>
      </c>
      <c r="B37414" t="s">
        <v>23192</v>
      </c>
      <c r="C37414" t="s">
        <v>23193</v>
      </c>
      <c r="D37414" t="s">
        <v>23194</v>
      </c>
      <c r="E37414" t="s">
        <v>23145</v>
      </c>
      <c r="F37414" t="s">
        <v>23146</v>
      </c>
      <c r="G37414" t="s">
        <v>11612</v>
      </c>
      <c r="H37414" t="s">
        <v>11613</v>
      </c>
      <c r="I37414" s="2">
        <v>0</v>
      </c>
      <c r="J37414" s="2">
        <v>0</v>
      </c>
      <c r="K37414" s="2">
        <v>1</v>
      </c>
      <c r="L37414" t="s">
        <v>995</v>
      </c>
      <c r="M37414" t="s">
        <v>83</v>
      </c>
      <c r="N37414" t="s">
        <v>84</v>
      </c>
      <c r="O37414" t="s">
        <v>85</v>
      </c>
      <c r="P37414" t="s">
        <v>86</v>
      </c>
      <c r="Q37414">
        <v>14</v>
      </c>
      <c r="R37414">
        <v>15</v>
      </c>
      <c r="S37414">
        <v>15</v>
      </c>
      <c r="T37414">
        <v>15</v>
      </c>
      <c r="U37414">
        <v>15</v>
      </c>
      <c r="V37414">
        <v>15</v>
      </c>
      <c r="W37414">
        <v>15</v>
      </c>
      <c r="X37414">
        <v>15</v>
      </c>
      <c r="Y37414">
        <v>16</v>
      </c>
      <c r="Z37414">
        <v>16</v>
      </c>
      <c r="AA37414">
        <v>16</v>
      </c>
      <c r="AB37414">
        <v>16</v>
      </c>
      <c r="AC37414">
        <v>16</v>
      </c>
      <c r="AD37414">
        <v>16</v>
      </c>
      <c r="AE37414">
        <v>16</v>
      </c>
      <c r="AF37414">
        <v>16</v>
      </c>
      <c r="AG37414">
        <v>16</v>
      </c>
      <c r="AH37414">
        <v>17</v>
      </c>
      <c r="AI37414">
        <v>17</v>
      </c>
      <c r="AJ37414">
        <v>17</v>
      </c>
      <c r="AK37414">
        <v>17</v>
      </c>
      <c r="AL37414">
        <v>17</v>
      </c>
      <c r="AM37414">
        <v>17</v>
      </c>
      <c r="AN37414">
        <v>17</v>
      </c>
      <c r="AO37414">
        <v>17</v>
      </c>
      <c r="AP37414">
        <v>17</v>
      </c>
      <c r="AQ37414">
        <v>17</v>
      </c>
    </row>
    <row r="37415" spans="1:43">
      <c r="A37415" t="s">
        <v>23191</v>
      </c>
      <c r="B37415" t="s">
        <v>23192</v>
      </c>
      <c r="C37415" t="s">
        <v>23193</v>
      </c>
      <c r="D37415" t="s">
        <v>23194</v>
      </c>
      <c r="E37415" t="s">
        <v>23145</v>
      </c>
      <c r="F37415" t="s">
        <v>23146</v>
      </c>
      <c r="G37415" t="s">
        <v>11612</v>
      </c>
      <c r="H37415" t="s">
        <v>11613</v>
      </c>
      <c r="I37415" s="2">
        <v>0</v>
      </c>
      <c r="J37415" s="2">
        <v>0</v>
      </c>
      <c r="K37415" s="2">
        <v>1</v>
      </c>
      <c r="L37415" t="s">
        <v>995</v>
      </c>
      <c r="M37415" t="s">
        <v>87</v>
      </c>
      <c r="N37415" t="s">
        <v>88</v>
      </c>
      <c r="O37415" t="s">
        <v>85</v>
      </c>
      <c r="P37415" t="s">
        <v>86</v>
      </c>
      <c r="Q37415">
        <v>14</v>
      </c>
      <c r="R37415">
        <v>14</v>
      </c>
      <c r="S37415">
        <v>14</v>
      </c>
      <c r="T37415">
        <v>14</v>
      </c>
      <c r="U37415">
        <v>14</v>
      </c>
      <c r="V37415">
        <v>14</v>
      </c>
      <c r="W37415">
        <v>14</v>
      </c>
      <c r="X37415">
        <v>14</v>
      </c>
      <c r="Y37415">
        <v>14</v>
      </c>
      <c r="Z37415">
        <v>14</v>
      </c>
      <c r="AA37415">
        <v>14</v>
      </c>
      <c r="AB37415">
        <v>14</v>
      </c>
      <c r="AC37415">
        <v>14</v>
      </c>
      <c r="AD37415">
        <v>14</v>
      </c>
      <c r="AE37415">
        <v>14</v>
      </c>
      <c r="AF37415">
        <v>14</v>
      </c>
      <c r="AG37415">
        <v>14</v>
      </c>
      <c r="AH37415">
        <v>14</v>
      </c>
      <c r="AI37415">
        <v>14</v>
      </c>
      <c r="AJ37415">
        <v>14</v>
      </c>
      <c r="AK37415">
        <v>14</v>
      </c>
      <c r="AL37415">
        <v>14</v>
      </c>
      <c r="AM37415">
        <v>14</v>
      </c>
      <c r="AN37415">
        <v>14</v>
      </c>
      <c r="AO37415">
        <v>14</v>
      </c>
      <c r="AP37415">
        <v>14</v>
      </c>
      <c r="AQ37415">
        <v>14</v>
      </c>
    </row>
    <row r="37416" spans="1:43">
      <c r="A37416" t="s">
        <v>23191</v>
      </c>
      <c r="B37416" t="s">
        <v>23192</v>
      </c>
      <c r="C37416" t="s">
        <v>23193</v>
      </c>
      <c r="D37416" t="s">
        <v>23194</v>
      </c>
      <c r="E37416" t="s">
        <v>23145</v>
      </c>
      <c r="F37416" t="s">
        <v>23146</v>
      </c>
      <c r="G37416" t="s">
        <v>11612</v>
      </c>
      <c r="H37416" t="s">
        <v>11613</v>
      </c>
      <c r="I37416" s="2">
        <v>0</v>
      </c>
      <c r="J37416" s="2">
        <v>0</v>
      </c>
      <c r="K37416" s="2">
        <v>1</v>
      </c>
      <c r="L37416" t="s">
        <v>995</v>
      </c>
      <c r="M37416" t="s">
        <v>89</v>
      </c>
      <c r="N37416" t="s">
        <v>90</v>
      </c>
      <c r="O37416" t="s">
        <v>85</v>
      </c>
      <c r="P37416" t="s">
        <v>86</v>
      </c>
      <c r="Q37416">
        <v>14</v>
      </c>
      <c r="R37416">
        <v>14</v>
      </c>
      <c r="S37416">
        <v>14</v>
      </c>
      <c r="T37416">
        <v>14</v>
      </c>
      <c r="U37416">
        <v>15</v>
      </c>
      <c r="V37416">
        <v>15</v>
      </c>
      <c r="W37416">
        <v>15</v>
      </c>
      <c r="X37416">
        <v>15</v>
      </c>
      <c r="Y37416">
        <v>15</v>
      </c>
      <c r="Z37416">
        <v>16</v>
      </c>
      <c r="AA37416">
        <v>16</v>
      </c>
      <c r="AB37416">
        <v>16</v>
      </c>
      <c r="AC37416">
        <v>16</v>
      </c>
      <c r="AD37416">
        <v>16</v>
      </c>
      <c r="AE37416">
        <v>16</v>
      </c>
      <c r="AF37416">
        <v>16</v>
      </c>
      <c r="AG37416">
        <v>16</v>
      </c>
      <c r="AH37416">
        <v>16</v>
      </c>
      <c r="AI37416">
        <v>16</v>
      </c>
      <c r="AJ37416">
        <v>16</v>
      </c>
      <c r="AK37416">
        <v>16</v>
      </c>
      <c r="AL37416">
        <v>16</v>
      </c>
      <c r="AM37416">
        <v>16</v>
      </c>
      <c r="AN37416">
        <v>16</v>
      </c>
      <c r="AO37416">
        <v>16</v>
      </c>
      <c r="AP37416">
        <v>16</v>
      </c>
      <c r="AQ37416">
        <v>16</v>
      </c>
    </row>
    <row r="37417" spans="1:43">
      <c r="A37417" t="s">
        <v>23191</v>
      </c>
      <c r="B37417" t="s">
        <v>23192</v>
      </c>
      <c r="C37417" t="s">
        <v>23193</v>
      </c>
      <c r="D37417" t="s">
        <v>23194</v>
      </c>
      <c r="E37417" t="s">
        <v>23145</v>
      </c>
      <c r="F37417" t="s">
        <v>23146</v>
      </c>
      <c r="G37417" t="s">
        <v>11612</v>
      </c>
      <c r="H37417" t="s">
        <v>11613</v>
      </c>
      <c r="I37417" s="2">
        <v>0</v>
      </c>
      <c r="J37417" s="2">
        <v>0</v>
      </c>
      <c r="K37417" s="2">
        <v>1</v>
      </c>
      <c r="L37417" t="s">
        <v>995</v>
      </c>
      <c r="M37417" t="s">
        <v>83</v>
      </c>
      <c r="N37417" t="s">
        <v>91</v>
      </c>
      <c r="O37417" t="s">
        <v>85</v>
      </c>
      <c r="P37417" t="s">
        <v>86</v>
      </c>
      <c r="Q37417">
        <v>14</v>
      </c>
      <c r="R37417">
        <v>15</v>
      </c>
      <c r="S37417">
        <v>15</v>
      </c>
      <c r="T37417">
        <v>15</v>
      </c>
      <c r="U37417">
        <v>15</v>
      </c>
      <c r="V37417">
        <v>15</v>
      </c>
      <c r="W37417">
        <v>15</v>
      </c>
      <c r="X37417">
        <v>15</v>
      </c>
      <c r="Y37417">
        <v>16</v>
      </c>
      <c r="Z37417">
        <v>16</v>
      </c>
      <c r="AA37417">
        <v>16</v>
      </c>
      <c r="AB37417">
        <v>16</v>
      </c>
      <c r="AC37417">
        <v>16</v>
      </c>
      <c r="AD37417">
        <v>16</v>
      </c>
      <c r="AE37417">
        <v>16</v>
      </c>
      <c r="AF37417">
        <v>16</v>
      </c>
      <c r="AG37417">
        <v>16</v>
      </c>
      <c r="AH37417">
        <v>17</v>
      </c>
      <c r="AI37417">
        <v>17</v>
      </c>
      <c r="AJ37417">
        <v>17</v>
      </c>
      <c r="AK37417">
        <v>17</v>
      </c>
      <c r="AL37417">
        <v>17</v>
      </c>
      <c r="AM37417">
        <v>17</v>
      </c>
      <c r="AN37417">
        <v>17</v>
      </c>
      <c r="AO37417">
        <v>17</v>
      </c>
      <c r="AP37417">
        <v>17</v>
      </c>
      <c r="AQ37417">
        <v>17</v>
      </c>
    </row>
    <row r="37418" spans="1:43">
      <c r="A37418" t="s">
        <v>23195</v>
      </c>
      <c r="B37418" t="s">
        <v>23196</v>
      </c>
      <c r="C37418" t="s">
        <v>23193</v>
      </c>
      <c r="D37418" t="s">
        <v>23194</v>
      </c>
      <c r="E37418" t="s">
        <v>23145</v>
      </c>
      <c r="F37418" t="s">
        <v>23146</v>
      </c>
      <c r="G37418" t="s">
        <v>11612</v>
      </c>
      <c r="H37418" t="s">
        <v>11613</v>
      </c>
      <c r="I37418" s="2">
        <v>0</v>
      </c>
      <c r="J37418" s="2">
        <v>0</v>
      </c>
      <c r="K37418" s="2">
        <v>1</v>
      </c>
      <c r="L37418" t="s">
        <v>995</v>
      </c>
      <c r="M37418" t="s">
        <v>83</v>
      </c>
      <c r="N37418" t="s">
        <v>84</v>
      </c>
      <c r="O37418" t="s">
        <v>85</v>
      </c>
      <c r="P37418" t="s">
        <v>86</v>
      </c>
      <c r="Q37418">
        <v>25</v>
      </c>
      <c r="R37418">
        <v>25</v>
      </c>
      <c r="S37418">
        <v>25</v>
      </c>
      <c r="T37418">
        <v>25</v>
      </c>
      <c r="U37418">
        <v>26</v>
      </c>
      <c r="V37418">
        <v>26</v>
      </c>
      <c r="W37418">
        <v>26</v>
      </c>
      <c r="X37418">
        <v>26</v>
      </c>
      <c r="Y37418">
        <v>27</v>
      </c>
      <c r="Z37418">
        <v>27</v>
      </c>
      <c r="AA37418">
        <v>27</v>
      </c>
      <c r="AB37418">
        <v>27</v>
      </c>
      <c r="AC37418">
        <v>27</v>
      </c>
      <c r="AD37418">
        <v>27</v>
      </c>
      <c r="AE37418">
        <v>28</v>
      </c>
      <c r="AF37418">
        <v>28</v>
      </c>
      <c r="AG37418">
        <v>28</v>
      </c>
      <c r="AH37418">
        <v>28</v>
      </c>
      <c r="AI37418">
        <v>28</v>
      </c>
      <c r="AJ37418">
        <v>28</v>
      </c>
      <c r="AK37418">
        <v>29</v>
      </c>
      <c r="AL37418">
        <v>29</v>
      </c>
      <c r="AM37418">
        <v>29</v>
      </c>
      <c r="AN37418">
        <v>28</v>
      </c>
      <c r="AO37418">
        <v>28</v>
      </c>
      <c r="AP37418">
        <v>28</v>
      </c>
      <c r="AQ37418">
        <v>28</v>
      </c>
    </row>
    <row r="37419" spans="1:43">
      <c r="A37419" t="s">
        <v>23195</v>
      </c>
      <c r="B37419" t="s">
        <v>23196</v>
      </c>
      <c r="C37419" t="s">
        <v>23193</v>
      </c>
      <c r="D37419" t="s">
        <v>23194</v>
      </c>
      <c r="E37419" t="s">
        <v>23145</v>
      </c>
      <c r="F37419" t="s">
        <v>23146</v>
      </c>
      <c r="G37419" t="s">
        <v>11612</v>
      </c>
      <c r="H37419" t="s">
        <v>11613</v>
      </c>
      <c r="I37419" s="2">
        <v>0</v>
      </c>
      <c r="J37419" s="2">
        <v>0</v>
      </c>
      <c r="K37419" s="2">
        <v>1</v>
      </c>
      <c r="L37419" t="s">
        <v>995</v>
      </c>
      <c r="M37419" t="s">
        <v>87</v>
      </c>
      <c r="N37419" t="s">
        <v>88</v>
      </c>
      <c r="O37419" t="s">
        <v>85</v>
      </c>
      <c r="P37419" t="s">
        <v>86</v>
      </c>
      <c r="Q37419">
        <v>25</v>
      </c>
      <c r="R37419">
        <v>25</v>
      </c>
      <c r="S37419">
        <v>25</v>
      </c>
      <c r="T37419">
        <v>25</v>
      </c>
      <c r="U37419">
        <v>25</v>
      </c>
      <c r="V37419">
        <v>25</v>
      </c>
      <c r="W37419">
        <v>26</v>
      </c>
      <c r="X37419">
        <v>26</v>
      </c>
      <c r="Y37419">
        <v>26</v>
      </c>
      <c r="Z37419">
        <v>26</v>
      </c>
      <c r="AA37419">
        <v>26</v>
      </c>
      <c r="AB37419">
        <v>25</v>
      </c>
      <c r="AC37419">
        <v>25</v>
      </c>
      <c r="AD37419">
        <v>25</v>
      </c>
      <c r="AE37419">
        <v>25</v>
      </c>
      <c r="AF37419">
        <v>25</v>
      </c>
      <c r="AG37419">
        <v>25</v>
      </c>
      <c r="AH37419">
        <v>25</v>
      </c>
      <c r="AI37419">
        <v>25</v>
      </c>
      <c r="AJ37419">
        <v>25</v>
      </c>
      <c r="AK37419">
        <v>25</v>
      </c>
      <c r="AL37419">
        <v>25</v>
      </c>
      <c r="AM37419">
        <v>25</v>
      </c>
      <c r="AN37419">
        <v>25</v>
      </c>
      <c r="AO37419">
        <v>25</v>
      </c>
      <c r="AP37419">
        <v>25</v>
      </c>
      <c r="AQ37419">
        <v>25</v>
      </c>
    </row>
    <row r="37420" spans="1:43">
      <c r="A37420" t="s">
        <v>23195</v>
      </c>
      <c r="B37420" t="s">
        <v>23196</v>
      </c>
      <c r="C37420" t="s">
        <v>23193</v>
      </c>
      <c r="D37420" t="s">
        <v>23194</v>
      </c>
      <c r="E37420" t="s">
        <v>23145</v>
      </c>
      <c r="F37420" t="s">
        <v>23146</v>
      </c>
      <c r="G37420" t="s">
        <v>11612</v>
      </c>
      <c r="H37420" t="s">
        <v>11613</v>
      </c>
      <c r="I37420" s="2">
        <v>0</v>
      </c>
      <c r="J37420" s="2">
        <v>0</v>
      </c>
      <c r="K37420" s="2">
        <v>1</v>
      </c>
      <c r="L37420" t="s">
        <v>995</v>
      </c>
      <c r="M37420" t="s">
        <v>89</v>
      </c>
      <c r="N37420" t="s">
        <v>90</v>
      </c>
      <c r="O37420" t="s">
        <v>85</v>
      </c>
      <c r="P37420" t="s">
        <v>86</v>
      </c>
      <c r="Q37420">
        <v>25</v>
      </c>
      <c r="R37420">
        <v>25</v>
      </c>
      <c r="S37420">
        <v>26</v>
      </c>
      <c r="T37420">
        <v>26</v>
      </c>
      <c r="U37420">
        <v>27</v>
      </c>
      <c r="V37420">
        <v>27</v>
      </c>
      <c r="W37420">
        <v>27</v>
      </c>
      <c r="X37420">
        <v>28</v>
      </c>
      <c r="Y37420">
        <v>28</v>
      </c>
      <c r="Z37420">
        <v>28</v>
      </c>
      <c r="AA37420">
        <v>29</v>
      </c>
      <c r="AB37420">
        <v>29</v>
      </c>
      <c r="AC37420">
        <v>29</v>
      </c>
      <c r="AD37420">
        <v>30</v>
      </c>
      <c r="AE37420">
        <v>30</v>
      </c>
      <c r="AF37420">
        <v>30</v>
      </c>
      <c r="AG37420">
        <v>29</v>
      </c>
      <c r="AH37420">
        <v>29</v>
      </c>
      <c r="AI37420">
        <v>29</v>
      </c>
      <c r="AJ37420">
        <v>29</v>
      </c>
      <c r="AK37420">
        <v>29</v>
      </c>
      <c r="AL37420">
        <v>29</v>
      </c>
      <c r="AM37420">
        <v>29</v>
      </c>
      <c r="AN37420">
        <v>29</v>
      </c>
      <c r="AO37420">
        <v>29</v>
      </c>
      <c r="AP37420">
        <v>28</v>
      </c>
      <c r="AQ37420">
        <v>28</v>
      </c>
    </row>
    <row r="37421" spans="1:43">
      <c r="A37421" t="s">
        <v>23195</v>
      </c>
      <c r="B37421" t="s">
        <v>23196</v>
      </c>
      <c r="C37421" t="s">
        <v>23193</v>
      </c>
      <c r="D37421" t="s">
        <v>23194</v>
      </c>
      <c r="E37421" t="s">
        <v>23145</v>
      </c>
      <c r="F37421" t="s">
        <v>23146</v>
      </c>
      <c r="G37421" t="s">
        <v>11612</v>
      </c>
      <c r="H37421" t="s">
        <v>11613</v>
      </c>
      <c r="I37421" s="2">
        <v>0</v>
      </c>
      <c r="J37421" s="2">
        <v>0</v>
      </c>
      <c r="K37421" s="2">
        <v>1</v>
      </c>
      <c r="L37421" t="s">
        <v>995</v>
      </c>
      <c r="M37421" t="s">
        <v>83</v>
      </c>
      <c r="N37421" t="s">
        <v>91</v>
      </c>
      <c r="O37421" t="s">
        <v>85</v>
      </c>
      <c r="P37421" t="s">
        <v>86</v>
      </c>
      <c r="Q37421">
        <v>25</v>
      </c>
      <c r="R37421">
        <v>25</v>
      </c>
      <c r="S37421">
        <v>25</v>
      </c>
      <c r="T37421">
        <v>25</v>
      </c>
      <c r="U37421">
        <v>26</v>
      </c>
      <c r="V37421">
        <v>26</v>
      </c>
      <c r="W37421">
        <v>26</v>
      </c>
      <c r="X37421">
        <v>26</v>
      </c>
      <c r="Y37421">
        <v>27</v>
      </c>
      <c r="Z37421">
        <v>27</v>
      </c>
      <c r="AA37421">
        <v>27</v>
      </c>
      <c r="AB37421">
        <v>27</v>
      </c>
      <c r="AC37421">
        <v>27</v>
      </c>
      <c r="AD37421">
        <v>27</v>
      </c>
      <c r="AE37421">
        <v>28</v>
      </c>
      <c r="AF37421">
        <v>28</v>
      </c>
      <c r="AG37421">
        <v>28</v>
      </c>
      <c r="AH37421">
        <v>28</v>
      </c>
      <c r="AI37421">
        <v>28</v>
      </c>
      <c r="AJ37421">
        <v>28</v>
      </c>
      <c r="AK37421">
        <v>29</v>
      </c>
      <c r="AL37421">
        <v>29</v>
      </c>
      <c r="AM37421">
        <v>29</v>
      </c>
      <c r="AN37421">
        <v>28</v>
      </c>
      <c r="AO37421">
        <v>28</v>
      </c>
      <c r="AP37421">
        <v>28</v>
      </c>
      <c r="AQ37421">
        <v>28</v>
      </c>
    </row>
    <row r="37422" spans="1:43">
      <c r="A37422" t="s">
        <v>23197</v>
      </c>
      <c r="B37422" t="s">
        <v>23198</v>
      </c>
      <c r="C37422" t="s">
        <v>23193</v>
      </c>
      <c r="D37422" t="s">
        <v>23194</v>
      </c>
      <c r="E37422" t="s">
        <v>23145</v>
      </c>
      <c r="F37422" t="s">
        <v>23146</v>
      </c>
      <c r="G37422" t="s">
        <v>11612</v>
      </c>
      <c r="H37422" t="s">
        <v>11613</v>
      </c>
      <c r="I37422" s="2">
        <v>0</v>
      </c>
      <c r="J37422" s="2">
        <v>0</v>
      </c>
      <c r="K37422" s="2">
        <v>1</v>
      </c>
      <c r="L37422" t="s">
        <v>995</v>
      </c>
      <c r="M37422" t="s">
        <v>83</v>
      </c>
      <c r="N37422" t="s">
        <v>84</v>
      </c>
      <c r="O37422" t="s">
        <v>85</v>
      </c>
      <c r="P37422" t="s">
        <v>86</v>
      </c>
      <c r="Q37422">
        <v>15</v>
      </c>
      <c r="R37422">
        <v>15</v>
      </c>
      <c r="S37422">
        <v>16</v>
      </c>
      <c r="T37422">
        <v>16</v>
      </c>
      <c r="U37422">
        <v>16</v>
      </c>
      <c r="V37422">
        <v>16</v>
      </c>
      <c r="W37422">
        <v>16</v>
      </c>
      <c r="X37422">
        <v>16</v>
      </c>
      <c r="Y37422">
        <v>16</v>
      </c>
      <c r="Z37422">
        <v>17</v>
      </c>
      <c r="AA37422">
        <v>17</v>
      </c>
      <c r="AB37422">
        <v>17</v>
      </c>
      <c r="AC37422">
        <v>17</v>
      </c>
      <c r="AD37422">
        <v>17</v>
      </c>
      <c r="AE37422">
        <v>17</v>
      </c>
      <c r="AF37422">
        <v>17</v>
      </c>
      <c r="AG37422">
        <v>17</v>
      </c>
      <c r="AH37422">
        <v>17</v>
      </c>
      <c r="AI37422">
        <v>18</v>
      </c>
      <c r="AJ37422">
        <v>18</v>
      </c>
      <c r="AK37422">
        <v>18</v>
      </c>
      <c r="AL37422">
        <v>18</v>
      </c>
      <c r="AM37422">
        <v>18</v>
      </c>
      <c r="AN37422">
        <v>18</v>
      </c>
      <c r="AO37422">
        <v>18</v>
      </c>
      <c r="AP37422">
        <v>17</v>
      </c>
      <c r="AQ37422">
        <v>17</v>
      </c>
    </row>
    <row r="37423" spans="1:43">
      <c r="A37423" t="s">
        <v>23197</v>
      </c>
      <c r="B37423" t="s">
        <v>23198</v>
      </c>
      <c r="C37423" t="s">
        <v>23193</v>
      </c>
      <c r="D37423" t="s">
        <v>23194</v>
      </c>
      <c r="E37423" t="s">
        <v>23145</v>
      </c>
      <c r="F37423" t="s">
        <v>23146</v>
      </c>
      <c r="G37423" t="s">
        <v>11612</v>
      </c>
      <c r="H37423" t="s">
        <v>11613</v>
      </c>
      <c r="I37423" s="2">
        <v>0</v>
      </c>
      <c r="J37423" s="2">
        <v>0</v>
      </c>
      <c r="K37423" s="2">
        <v>1</v>
      </c>
      <c r="L37423" t="s">
        <v>995</v>
      </c>
      <c r="M37423" t="s">
        <v>87</v>
      </c>
      <c r="N37423" t="s">
        <v>88</v>
      </c>
      <c r="O37423" t="s">
        <v>85</v>
      </c>
      <c r="P37423" t="s">
        <v>86</v>
      </c>
      <c r="Q37423">
        <v>15</v>
      </c>
      <c r="R37423">
        <v>15</v>
      </c>
      <c r="S37423">
        <v>15</v>
      </c>
      <c r="T37423">
        <v>15</v>
      </c>
      <c r="U37423">
        <v>15</v>
      </c>
      <c r="V37423">
        <v>15</v>
      </c>
      <c r="W37423">
        <v>15</v>
      </c>
      <c r="X37423">
        <v>15</v>
      </c>
      <c r="Y37423">
        <v>15</v>
      </c>
      <c r="Z37423">
        <v>15</v>
      </c>
      <c r="AA37423">
        <v>15</v>
      </c>
      <c r="AB37423">
        <v>15</v>
      </c>
      <c r="AC37423">
        <v>15</v>
      </c>
      <c r="AD37423">
        <v>15</v>
      </c>
      <c r="AE37423">
        <v>15</v>
      </c>
      <c r="AF37423">
        <v>15</v>
      </c>
      <c r="AG37423">
        <v>15</v>
      </c>
      <c r="AH37423">
        <v>15</v>
      </c>
      <c r="AI37423">
        <v>15</v>
      </c>
      <c r="AJ37423">
        <v>15</v>
      </c>
      <c r="AK37423">
        <v>15</v>
      </c>
      <c r="AL37423">
        <v>15</v>
      </c>
      <c r="AM37423">
        <v>15</v>
      </c>
      <c r="AN37423">
        <v>15</v>
      </c>
      <c r="AO37423">
        <v>15</v>
      </c>
      <c r="AP37423">
        <v>15</v>
      </c>
      <c r="AQ37423">
        <v>15</v>
      </c>
    </row>
    <row r="37424" spans="1:43">
      <c r="A37424" t="s">
        <v>23197</v>
      </c>
      <c r="B37424" t="s">
        <v>23198</v>
      </c>
      <c r="C37424" t="s">
        <v>23193</v>
      </c>
      <c r="D37424" t="s">
        <v>23194</v>
      </c>
      <c r="E37424" t="s">
        <v>23145</v>
      </c>
      <c r="F37424" t="s">
        <v>23146</v>
      </c>
      <c r="G37424" t="s">
        <v>11612</v>
      </c>
      <c r="H37424" t="s">
        <v>11613</v>
      </c>
      <c r="I37424" s="2">
        <v>0</v>
      </c>
      <c r="J37424" s="2">
        <v>0</v>
      </c>
      <c r="K37424" s="2">
        <v>1</v>
      </c>
      <c r="L37424" t="s">
        <v>995</v>
      </c>
      <c r="M37424" t="s">
        <v>89</v>
      </c>
      <c r="N37424" t="s">
        <v>90</v>
      </c>
      <c r="O37424" t="s">
        <v>85</v>
      </c>
      <c r="P37424" t="s">
        <v>86</v>
      </c>
      <c r="Q37424">
        <v>15</v>
      </c>
      <c r="R37424">
        <v>16</v>
      </c>
      <c r="S37424">
        <v>16</v>
      </c>
      <c r="T37424">
        <v>16</v>
      </c>
      <c r="U37424">
        <v>17</v>
      </c>
      <c r="V37424">
        <v>17</v>
      </c>
      <c r="W37424">
        <v>17</v>
      </c>
      <c r="X37424">
        <v>17</v>
      </c>
      <c r="Y37424">
        <v>17</v>
      </c>
      <c r="Z37424">
        <v>18</v>
      </c>
      <c r="AA37424">
        <v>18</v>
      </c>
      <c r="AB37424">
        <v>18</v>
      </c>
      <c r="AC37424">
        <v>18</v>
      </c>
      <c r="AD37424">
        <v>18</v>
      </c>
      <c r="AE37424">
        <v>18</v>
      </c>
      <c r="AF37424">
        <v>18</v>
      </c>
      <c r="AG37424">
        <v>18</v>
      </c>
      <c r="AH37424">
        <v>18</v>
      </c>
      <c r="AI37424">
        <v>18</v>
      </c>
      <c r="AJ37424">
        <v>18</v>
      </c>
      <c r="AK37424">
        <v>18</v>
      </c>
      <c r="AL37424">
        <v>18</v>
      </c>
      <c r="AM37424">
        <v>18</v>
      </c>
      <c r="AN37424">
        <v>18</v>
      </c>
      <c r="AO37424">
        <v>18</v>
      </c>
      <c r="AP37424">
        <v>18</v>
      </c>
      <c r="AQ37424">
        <v>18</v>
      </c>
    </row>
    <row r="37425" spans="1:43">
      <c r="A37425" t="s">
        <v>23197</v>
      </c>
      <c r="B37425" t="s">
        <v>23198</v>
      </c>
      <c r="C37425" t="s">
        <v>23193</v>
      </c>
      <c r="D37425" t="s">
        <v>23194</v>
      </c>
      <c r="E37425" t="s">
        <v>23145</v>
      </c>
      <c r="F37425" t="s">
        <v>23146</v>
      </c>
      <c r="G37425" t="s">
        <v>11612</v>
      </c>
      <c r="H37425" t="s">
        <v>11613</v>
      </c>
      <c r="I37425" s="2">
        <v>0</v>
      </c>
      <c r="J37425" s="2">
        <v>0</v>
      </c>
      <c r="K37425" s="2">
        <v>1</v>
      </c>
      <c r="L37425" t="s">
        <v>995</v>
      </c>
      <c r="M37425" t="s">
        <v>83</v>
      </c>
      <c r="N37425" t="s">
        <v>91</v>
      </c>
      <c r="O37425" t="s">
        <v>85</v>
      </c>
      <c r="P37425" t="s">
        <v>86</v>
      </c>
      <c r="Q37425">
        <v>15</v>
      </c>
      <c r="R37425">
        <v>15</v>
      </c>
      <c r="S37425">
        <v>16</v>
      </c>
      <c r="T37425">
        <v>16</v>
      </c>
      <c r="U37425">
        <v>16</v>
      </c>
      <c r="V37425">
        <v>16</v>
      </c>
      <c r="W37425">
        <v>16</v>
      </c>
      <c r="X37425">
        <v>16</v>
      </c>
      <c r="Y37425">
        <v>16</v>
      </c>
      <c r="Z37425">
        <v>17</v>
      </c>
      <c r="AA37425">
        <v>17</v>
      </c>
      <c r="AB37425">
        <v>17</v>
      </c>
      <c r="AC37425">
        <v>17</v>
      </c>
      <c r="AD37425">
        <v>17</v>
      </c>
      <c r="AE37425">
        <v>17</v>
      </c>
      <c r="AF37425">
        <v>17</v>
      </c>
      <c r="AG37425">
        <v>17</v>
      </c>
      <c r="AH37425">
        <v>17</v>
      </c>
      <c r="AI37425">
        <v>18</v>
      </c>
      <c r="AJ37425">
        <v>18</v>
      </c>
      <c r="AK37425">
        <v>18</v>
      </c>
      <c r="AL37425">
        <v>18</v>
      </c>
      <c r="AM37425">
        <v>18</v>
      </c>
      <c r="AN37425">
        <v>18</v>
      </c>
      <c r="AO37425">
        <v>18</v>
      </c>
      <c r="AP37425">
        <v>17</v>
      </c>
      <c r="AQ37425">
        <v>17</v>
      </c>
    </row>
    <row r="37426" spans="1:43">
      <c r="A37426" t="s">
        <v>23199</v>
      </c>
      <c r="B37426" t="s">
        <v>23200</v>
      </c>
      <c r="C37426" t="s">
        <v>23193</v>
      </c>
      <c r="D37426" t="s">
        <v>23194</v>
      </c>
      <c r="E37426" t="s">
        <v>23145</v>
      </c>
      <c r="F37426" t="s">
        <v>23146</v>
      </c>
      <c r="G37426" t="s">
        <v>11612</v>
      </c>
      <c r="H37426" t="s">
        <v>11613</v>
      </c>
      <c r="I37426" s="2">
        <v>0</v>
      </c>
      <c r="J37426" s="2">
        <v>0</v>
      </c>
      <c r="K37426" s="2">
        <v>1</v>
      </c>
      <c r="L37426" t="s">
        <v>995</v>
      </c>
      <c r="M37426" t="s">
        <v>83</v>
      </c>
      <c r="N37426" t="s">
        <v>84</v>
      </c>
      <c r="O37426" t="s">
        <v>85</v>
      </c>
      <c r="P37426" t="s">
        <v>86</v>
      </c>
      <c r="Q37426">
        <v>13</v>
      </c>
      <c r="R37426">
        <v>13</v>
      </c>
      <c r="S37426">
        <v>13</v>
      </c>
      <c r="T37426">
        <v>13</v>
      </c>
      <c r="U37426">
        <v>13</v>
      </c>
      <c r="V37426">
        <v>13</v>
      </c>
      <c r="W37426">
        <v>14</v>
      </c>
      <c r="X37426">
        <v>14</v>
      </c>
      <c r="Y37426">
        <v>14</v>
      </c>
      <c r="Z37426">
        <v>14</v>
      </c>
      <c r="AA37426">
        <v>14</v>
      </c>
      <c r="AB37426">
        <v>14</v>
      </c>
      <c r="AC37426">
        <v>14</v>
      </c>
      <c r="AD37426">
        <v>14</v>
      </c>
      <c r="AE37426">
        <v>14</v>
      </c>
      <c r="AF37426">
        <v>14</v>
      </c>
      <c r="AG37426">
        <v>15</v>
      </c>
      <c r="AH37426">
        <v>15</v>
      </c>
      <c r="AI37426">
        <v>15</v>
      </c>
      <c r="AJ37426">
        <v>15</v>
      </c>
      <c r="AK37426">
        <v>15</v>
      </c>
      <c r="AL37426">
        <v>15</v>
      </c>
      <c r="AM37426">
        <v>15</v>
      </c>
      <c r="AN37426">
        <v>15</v>
      </c>
      <c r="AO37426">
        <v>15</v>
      </c>
      <c r="AP37426">
        <v>15</v>
      </c>
      <c r="AQ37426">
        <v>15</v>
      </c>
    </row>
    <row r="37427" spans="1:43">
      <c r="A37427" t="s">
        <v>23199</v>
      </c>
      <c r="B37427" t="s">
        <v>23200</v>
      </c>
      <c r="C37427" t="s">
        <v>23193</v>
      </c>
      <c r="D37427" t="s">
        <v>23194</v>
      </c>
      <c r="E37427" t="s">
        <v>23145</v>
      </c>
      <c r="F37427" t="s">
        <v>23146</v>
      </c>
      <c r="G37427" t="s">
        <v>11612</v>
      </c>
      <c r="H37427" t="s">
        <v>11613</v>
      </c>
      <c r="I37427" s="2">
        <v>0</v>
      </c>
      <c r="J37427" s="2">
        <v>0</v>
      </c>
      <c r="K37427" s="2">
        <v>1</v>
      </c>
      <c r="L37427" t="s">
        <v>995</v>
      </c>
      <c r="M37427" t="s">
        <v>87</v>
      </c>
      <c r="N37427" t="s">
        <v>88</v>
      </c>
      <c r="O37427" t="s">
        <v>85</v>
      </c>
      <c r="P37427" t="s">
        <v>86</v>
      </c>
      <c r="Q37427">
        <v>13</v>
      </c>
      <c r="R37427">
        <v>13</v>
      </c>
      <c r="S37427">
        <v>13</v>
      </c>
      <c r="T37427">
        <v>13</v>
      </c>
      <c r="U37427">
        <v>13</v>
      </c>
      <c r="V37427">
        <v>13</v>
      </c>
      <c r="W37427">
        <v>13</v>
      </c>
      <c r="X37427">
        <v>13</v>
      </c>
      <c r="Y37427">
        <v>13</v>
      </c>
      <c r="Z37427">
        <v>13</v>
      </c>
      <c r="AA37427">
        <v>13</v>
      </c>
      <c r="AB37427">
        <v>13</v>
      </c>
      <c r="AC37427">
        <v>13</v>
      </c>
      <c r="AD37427">
        <v>13</v>
      </c>
      <c r="AE37427">
        <v>13</v>
      </c>
      <c r="AF37427">
        <v>13</v>
      </c>
      <c r="AG37427">
        <v>13</v>
      </c>
      <c r="AH37427">
        <v>13</v>
      </c>
      <c r="AI37427">
        <v>13</v>
      </c>
      <c r="AJ37427">
        <v>13</v>
      </c>
      <c r="AK37427">
        <v>13</v>
      </c>
      <c r="AL37427">
        <v>13</v>
      </c>
      <c r="AM37427">
        <v>13</v>
      </c>
      <c r="AN37427">
        <v>13</v>
      </c>
      <c r="AO37427">
        <v>13</v>
      </c>
      <c r="AP37427">
        <v>13</v>
      </c>
      <c r="AQ37427">
        <v>13</v>
      </c>
    </row>
    <row r="37428" spans="1:43">
      <c r="A37428" t="s">
        <v>23199</v>
      </c>
      <c r="B37428" t="s">
        <v>23200</v>
      </c>
      <c r="C37428" t="s">
        <v>23193</v>
      </c>
      <c r="D37428" t="s">
        <v>23194</v>
      </c>
      <c r="E37428" t="s">
        <v>23145</v>
      </c>
      <c r="F37428" t="s">
        <v>23146</v>
      </c>
      <c r="G37428" t="s">
        <v>11612</v>
      </c>
      <c r="H37428" t="s">
        <v>11613</v>
      </c>
      <c r="I37428" s="2">
        <v>0</v>
      </c>
      <c r="J37428" s="2">
        <v>0</v>
      </c>
      <c r="K37428" s="2">
        <v>1</v>
      </c>
      <c r="L37428" t="s">
        <v>995</v>
      </c>
      <c r="M37428" t="s">
        <v>89</v>
      </c>
      <c r="N37428" t="s">
        <v>90</v>
      </c>
      <c r="O37428" t="s">
        <v>85</v>
      </c>
      <c r="P37428" t="s">
        <v>86</v>
      </c>
      <c r="Q37428">
        <v>13</v>
      </c>
      <c r="R37428">
        <v>13</v>
      </c>
      <c r="S37428">
        <v>13</v>
      </c>
      <c r="T37428">
        <v>14</v>
      </c>
      <c r="U37428">
        <v>14</v>
      </c>
      <c r="V37428">
        <v>14</v>
      </c>
      <c r="W37428">
        <v>14</v>
      </c>
      <c r="X37428">
        <v>14</v>
      </c>
      <c r="Y37428">
        <v>15</v>
      </c>
      <c r="Z37428">
        <v>15</v>
      </c>
      <c r="AA37428">
        <v>15</v>
      </c>
      <c r="AB37428">
        <v>15</v>
      </c>
      <c r="AC37428">
        <v>15</v>
      </c>
      <c r="AD37428">
        <v>15</v>
      </c>
      <c r="AE37428">
        <v>15</v>
      </c>
      <c r="AF37428">
        <v>15</v>
      </c>
      <c r="AG37428">
        <v>15</v>
      </c>
      <c r="AH37428">
        <v>15</v>
      </c>
      <c r="AI37428">
        <v>15</v>
      </c>
      <c r="AJ37428">
        <v>15</v>
      </c>
      <c r="AK37428">
        <v>15</v>
      </c>
      <c r="AL37428">
        <v>15</v>
      </c>
      <c r="AM37428">
        <v>15</v>
      </c>
      <c r="AN37428">
        <v>15</v>
      </c>
      <c r="AO37428">
        <v>15</v>
      </c>
      <c r="AP37428">
        <v>15</v>
      </c>
      <c r="AQ37428">
        <v>15</v>
      </c>
    </row>
    <row r="37429" spans="1:43">
      <c r="A37429" t="s">
        <v>23199</v>
      </c>
      <c r="B37429" t="s">
        <v>23200</v>
      </c>
      <c r="C37429" t="s">
        <v>23193</v>
      </c>
      <c r="D37429" t="s">
        <v>23194</v>
      </c>
      <c r="E37429" t="s">
        <v>23145</v>
      </c>
      <c r="F37429" t="s">
        <v>23146</v>
      </c>
      <c r="G37429" t="s">
        <v>11612</v>
      </c>
      <c r="H37429" t="s">
        <v>11613</v>
      </c>
      <c r="I37429" s="2">
        <v>0</v>
      </c>
      <c r="J37429" s="2">
        <v>0</v>
      </c>
      <c r="K37429" s="2">
        <v>1</v>
      </c>
      <c r="L37429" t="s">
        <v>995</v>
      </c>
      <c r="M37429" t="s">
        <v>83</v>
      </c>
      <c r="N37429" t="s">
        <v>91</v>
      </c>
      <c r="O37429" t="s">
        <v>85</v>
      </c>
      <c r="P37429" t="s">
        <v>86</v>
      </c>
      <c r="Q37429">
        <v>13</v>
      </c>
      <c r="R37429">
        <v>13</v>
      </c>
      <c r="S37429">
        <v>13</v>
      </c>
      <c r="T37429">
        <v>13</v>
      </c>
      <c r="U37429">
        <v>13</v>
      </c>
      <c r="V37429">
        <v>13</v>
      </c>
      <c r="W37429">
        <v>14</v>
      </c>
      <c r="X37429">
        <v>14</v>
      </c>
      <c r="Y37429">
        <v>14</v>
      </c>
      <c r="Z37429">
        <v>14</v>
      </c>
      <c r="AA37429">
        <v>14</v>
      </c>
      <c r="AB37429">
        <v>14</v>
      </c>
      <c r="AC37429">
        <v>14</v>
      </c>
      <c r="AD37429">
        <v>14</v>
      </c>
      <c r="AE37429">
        <v>14</v>
      </c>
      <c r="AF37429">
        <v>14</v>
      </c>
      <c r="AG37429">
        <v>15</v>
      </c>
      <c r="AH37429">
        <v>15</v>
      </c>
      <c r="AI37429">
        <v>15</v>
      </c>
      <c r="AJ37429">
        <v>15</v>
      </c>
      <c r="AK37429">
        <v>15</v>
      </c>
      <c r="AL37429">
        <v>15</v>
      </c>
      <c r="AM37429">
        <v>15</v>
      </c>
      <c r="AN37429">
        <v>15</v>
      </c>
      <c r="AO37429">
        <v>15</v>
      </c>
      <c r="AP37429">
        <v>15</v>
      </c>
      <c r="AQ37429">
        <v>15</v>
      </c>
    </row>
    <row r="37430" spans="1:43">
      <c r="A37430" t="s">
        <v>23201</v>
      </c>
      <c r="B37430" t="s">
        <v>23202</v>
      </c>
      <c r="C37430" t="s">
        <v>23203</v>
      </c>
      <c r="D37430" t="s">
        <v>23204</v>
      </c>
      <c r="E37430" t="s">
        <v>23145</v>
      </c>
      <c r="F37430" t="s">
        <v>23146</v>
      </c>
      <c r="G37430" t="s">
        <v>11612</v>
      </c>
      <c r="H37430" t="s">
        <v>11613</v>
      </c>
      <c r="I37430" s="2">
        <v>0</v>
      </c>
      <c r="J37430" s="2">
        <v>0</v>
      </c>
      <c r="K37430" s="2">
        <v>1</v>
      </c>
      <c r="L37430" t="s">
        <v>995</v>
      </c>
      <c r="M37430" t="s">
        <v>83</v>
      </c>
      <c r="N37430" t="s">
        <v>84</v>
      </c>
      <c r="O37430" t="s">
        <v>85</v>
      </c>
      <c r="P37430" t="s">
        <v>86</v>
      </c>
      <c r="Q37430">
        <v>18</v>
      </c>
      <c r="R37430">
        <v>18</v>
      </c>
      <c r="S37430">
        <v>18</v>
      </c>
      <c r="T37430">
        <v>19</v>
      </c>
      <c r="U37430">
        <v>19</v>
      </c>
      <c r="V37430">
        <v>19</v>
      </c>
      <c r="W37430">
        <v>19</v>
      </c>
      <c r="X37430">
        <v>19</v>
      </c>
      <c r="Y37430">
        <v>19</v>
      </c>
      <c r="Z37430">
        <v>19</v>
      </c>
      <c r="AA37430">
        <v>20</v>
      </c>
      <c r="AB37430">
        <v>20</v>
      </c>
      <c r="AC37430">
        <v>20</v>
      </c>
      <c r="AD37430">
        <v>20</v>
      </c>
      <c r="AE37430">
        <v>20</v>
      </c>
      <c r="AF37430">
        <v>20</v>
      </c>
      <c r="AG37430">
        <v>20</v>
      </c>
      <c r="AH37430">
        <v>21</v>
      </c>
      <c r="AI37430">
        <v>21</v>
      </c>
      <c r="AJ37430">
        <v>21</v>
      </c>
      <c r="AK37430">
        <v>21</v>
      </c>
      <c r="AL37430">
        <v>21</v>
      </c>
      <c r="AM37430">
        <v>21</v>
      </c>
      <c r="AN37430">
        <v>21</v>
      </c>
      <c r="AO37430">
        <v>21</v>
      </c>
      <c r="AP37430">
        <v>21</v>
      </c>
      <c r="AQ37430">
        <v>20</v>
      </c>
    </row>
    <row r="37431" spans="1:43">
      <c r="A37431" t="s">
        <v>23201</v>
      </c>
      <c r="B37431" t="s">
        <v>23202</v>
      </c>
      <c r="C37431" t="s">
        <v>23203</v>
      </c>
      <c r="D37431" t="s">
        <v>23204</v>
      </c>
      <c r="E37431" t="s">
        <v>23145</v>
      </c>
      <c r="F37431" t="s">
        <v>23146</v>
      </c>
      <c r="G37431" t="s">
        <v>11612</v>
      </c>
      <c r="H37431" t="s">
        <v>11613</v>
      </c>
      <c r="I37431" s="2">
        <v>0</v>
      </c>
      <c r="J37431" s="2">
        <v>0</v>
      </c>
      <c r="K37431" s="2">
        <v>1</v>
      </c>
      <c r="L37431" t="s">
        <v>995</v>
      </c>
      <c r="M37431" t="s">
        <v>87</v>
      </c>
      <c r="N37431" t="s">
        <v>88</v>
      </c>
      <c r="O37431" t="s">
        <v>85</v>
      </c>
      <c r="P37431" t="s">
        <v>86</v>
      </c>
      <c r="Q37431">
        <v>18</v>
      </c>
      <c r="R37431">
        <v>18</v>
      </c>
      <c r="S37431">
        <v>18</v>
      </c>
      <c r="T37431">
        <v>18</v>
      </c>
      <c r="U37431">
        <v>18</v>
      </c>
      <c r="V37431">
        <v>18</v>
      </c>
      <c r="W37431">
        <v>18</v>
      </c>
      <c r="X37431">
        <v>18</v>
      </c>
      <c r="Y37431">
        <v>18</v>
      </c>
      <c r="Z37431">
        <v>18</v>
      </c>
      <c r="AA37431">
        <v>18</v>
      </c>
      <c r="AB37431">
        <v>18</v>
      </c>
      <c r="AC37431">
        <v>18</v>
      </c>
      <c r="AD37431">
        <v>18</v>
      </c>
      <c r="AE37431">
        <v>18</v>
      </c>
      <c r="AF37431">
        <v>18</v>
      </c>
      <c r="AG37431">
        <v>18</v>
      </c>
      <c r="AH37431">
        <v>18</v>
      </c>
      <c r="AI37431">
        <v>18</v>
      </c>
      <c r="AJ37431">
        <v>18</v>
      </c>
      <c r="AK37431">
        <v>18</v>
      </c>
      <c r="AL37431">
        <v>18</v>
      </c>
      <c r="AM37431">
        <v>18</v>
      </c>
      <c r="AN37431">
        <v>18</v>
      </c>
      <c r="AO37431">
        <v>18</v>
      </c>
      <c r="AP37431">
        <v>18</v>
      </c>
      <c r="AQ37431">
        <v>18</v>
      </c>
    </row>
    <row r="37432" spans="1:43">
      <c r="A37432" t="s">
        <v>23201</v>
      </c>
      <c r="B37432" t="s">
        <v>23202</v>
      </c>
      <c r="C37432" t="s">
        <v>23203</v>
      </c>
      <c r="D37432" t="s">
        <v>23204</v>
      </c>
      <c r="E37432" t="s">
        <v>23145</v>
      </c>
      <c r="F37432" t="s">
        <v>23146</v>
      </c>
      <c r="G37432" t="s">
        <v>11612</v>
      </c>
      <c r="H37432" t="s">
        <v>11613</v>
      </c>
      <c r="I37432" s="2">
        <v>0</v>
      </c>
      <c r="J37432" s="2">
        <v>0</v>
      </c>
      <c r="K37432" s="2">
        <v>1</v>
      </c>
      <c r="L37432" t="s">
        <v>995</v>
      </c>
      <c r="M37432" t="s">
        <v>89</v>
      </c>
      <c r="N37432" t="s">
        <v>90</v>
      </c>
      <c r="O37432" t="s">
        <v>85</v>
      </c>
      <c r="P37432" t="s">
        <v>86</v>
      </c>
      <c r="Q37432">
        <v>18</v>
      </c>
      <c r="R37432">
        <v>18</v>
      </c>
      <c r="S37432">
        <v>19</v>
      </c>
      <c r="T37432">
        <v>19</v>
      </c>
      <c r="U37432">
        <v>19</v>
      </c>
      <c r="V37432">
        <v>20</v>
      </c>
      <c r="W37432">
        <v>20</v>
      </c>
      <c r="X37432">
        <v>20</v>
      </c>
      <c r="Y37432">
        <v>20</v>
      </c>
      <c r="Z37432">
        <v>21</v>
      </c>
      <c r="AA37432">
        <v>21</v>
      </c>
      <c r="AB37432">
        <v>21</v>
      </c>
      <c r="AC37432">
        <v>21</v>
      </c>
      <c r="AD37432">
        <v>22</v>
      </c>
      <c r="AE37432">
        <v>22</v>
      </c>
      <c r="AF37432">
        <v>22</v>
      </c>
      <c r="AG37432">
        <v>21</v>
      </c>
      <c r="AH37432">
        <v>21</v>
      </c>
      <c r="AI37432">
        <v>21</v>
      </c>
      <c r="AJ37432">
        <v>21</v>
      </c>
      <c r="AK37432">
        <v>21</v>
      </c>
      <c r="AL37432">
        <v>21</v>
      </c>
      <c r="AM37432">
        <v>21</v>
      </c>
      <c r="AN37432">
        <v>21</v>
      </c>
      <c r="AO37432">
        <v>21</v>
      </c>
      <c r="AP37432">
        <v>21</v>
      </c>
      <c r="AQ37432">
        <v>21</v>
      </c>
    </row>
    <row r="37433" spans="1:43">
      <c r="A37433" t="s">
        <v>23201</v>
      </c>
      <c r="B37433" t="s">
        <v>23202</v>
      </c>
      <c r="C37433" t="s">
        <v>23203</v>
      </c>
      <c r="D37433" t="s">
        <v>23204</v>
      </c>
      <c r="E37433" t="s">
        <v>23145</v>
      </c>
      <c r="F37433" t="s">
        <v>23146</v>
      </c>
      <c r="G37433" t="s">
        <v>11612</v>
      </c>
      <c r="H37433" t="s">
        <v>11613</v>
      </c>
      <c r="I37433" s="2">
        <v>0</v>
      </c>
      <c r="J37433" s="2">
        <v>0</v>
      </c>
      <c r="K37433" s="2">
        <v>1</v>
      </c>
      <c r="L37433" t="s">
        <v>995</v>
      </c>
      <c r="M37433" t="s">
        <v>83</v>
      </c>
      <c r="N37433" t="s">
        <v>91</v>
      </c>
      <c r="O37433" t="s">
        <v>85</v>
      </c>
      <c r="P37433" t="s">
        <v>86</v>
      </c>
      <c r="Q37433">
        <v>18</v>
      </c>
      <c r="R37433">
        <v>18</v>
      </c>
      <c r="S37433">
        <v>18</v>
      </c>
      <c r="T37433">
        <v>19</v>
      </c>
      <c r="U37433">
        <v>19</v>
      </c>
      <c r="V37433">
        <v>19</v>
      </c>
      <c r="W37433">
        <v>19</v>
      </c>
      <c r="X37433">
        <v>19</v>
      </c>
      <c r="Y37433">
        <v>19</v>
      </c>
      <c r="Z37433">
        <v>19</v>
      </c>
      <c r="AA37433">
        <v>20</v>
      </c>
      <c r="AB37433">
        <v>20</v>
      </c>
      <c r="AC37433">
        <v>20</v>
      </c>
      <c r="AD37433">
        <v>20</v>
      </c>
      <c r="AE37433">
        <v>20</v>
      </c>
      <c r="AF37433">
        <v>20</v>
      </c>
      <c r="AG37433">
        <v>20</v>
      </c>
      <c r="AH37433">
        <v>21</v>
      </c>
      <c r="AI37433">
        <v>21</v>
      </c>
      <c r="AJ37433">
        <v>21</v>
      </c>
      <c r="AK37433">
        <v>21</v>
      </c>
      <c r="AL37433">
        <v>21</v>
      </c>
      <c r="AM37433">
        <v>21</v>
      </c>
      <c r="AN37433">
        <v>21</v>
      </c>
      <c r="AO37433">
        <v>21</v>
      </c>
      <c r="AP37433">
        <v>21</v>
      </c>
      <c r="AQ37433">
        <v>20</v>
      </c>
    </row>
    <row r="37434" spans="1:43">
      <c r="A37434" t="s">
        <v>23205</v>
      </c>
      <c r="B37434" t="s">
        <v>23206</v>
      </c>
      <c r="C37434" t="s">
        <v>23203</v>
      </c>
      <c r="D37434" t="s">
        <v>23204</v>
      </c>
      <c r="E37434" t="s">
        <v>23145</v>
      </c>
      <c r="F37434" t="s">
        <v>23146</v>
      </c>
      <c r="G37434" t="s">
        <v>11612</v>
      </c>
      <c r="H37434" t="s">
        <v>11613</v>
      </c>
      <c r="I37434" s="2">
        <v>0</v>
      </c>
      <c r="J37434" s="2">
        <v>0</v>
      </c>
      <c r="K37434" s="2">
        <v>1</v>
      </c>
      <c r="L37434" t="s">
        <v>995</v>
      </c>
      <c r="M37434" t="s">
        <v>83</v>
      </c>
      <c r="N37434" t="s">
        <v>84</v>
      </c>
      <c r="O37434" t="s">
        <v>85</v>
      </c>
      <c r="P37434" t="s">
        <v>86</v>
      </c>
      <c r="Q37434">
        <v>5</v>
      </c>
      <c r="R37434">
        <v>5</v>
      </c>
      <c r="S37434">
        <v>5</v>
      </c>
      <c r="T37434">
        <v>5</v>
      </c>
      <c r="U37434">
        <v>5</v>
      </c>
      <c r="V37434">
        <v>5</v>
      </c>
      <c r="W37434">
        <v>5</v>
      </c>
      <c r="X37434">
        <v>5</v>
      </c>
      <c r="Y37434">
        <v>5</v>
      </c>
      <c r="Z37434">
        <v>5</v>
      </c>
      <c r="AA37434">
        <v>5</v>
      </c>
      <c r="AB37434">
        <v>5</v>
      </c>
      <c r="AC37434">
        <v>5</v>
      </c>
      <c r="AD37434">
        <v>5</v>
      </c>
      <c r="AE37434">
        <v>5</v>
      </c>
      <c r="AF37434">
        <v>5</v>
      </c>
      <c r="AG37434">
        <v>5</v>
      </c>
      <c r="AH37434">
        <v>5</v>
      </c>
      <c r="AI37434">
        <v>5</v>
      </c>
      <c r="AJ37434">
        <v>5</v>
      </c>
      <c r="AK37434">
        <v>5</v>
      </c>
      <c r="AL37434">
        <v>5</v>
      </c>
      <c r="AM37434">
        <v>5</v>
      </c>
      <c r="AN37434">
        <v>5</v>
      </c>
      <c r="AO37434">
        <v>5</v>
      </c>
      <c r="AP37434">
        <v>5</v>
      </c>
      <c r="AQ37434">
        <v>5</v>
      </c>
    </row>
    <row r="37435" spans="1:43">
      <c r="A37435" t="s">
        <v>23205</v>
      </c>
      <c r="B37435" t="s">
        <v>23206</v>
      </c>
      <c r="C37435" t="s">
        <v>23203</v>
      </c>
      <c r="D37435" t="s">
        <v>23204</v>
      </c>
      <c r="E37435" t="s">
        <v>23145</v>
      </c>
      <c r="F37435" t="s">
        <v>23146</v>
      </c>
      <c r="G37435" t="s">
        <v>11612</v>
      </c>
      <c r="H37435" t="s">
        <v>11613</v>
      </c>
      <c r="I37435" s="2">
        <v>0</v>
      </c>
      <c r="J37435" s="2">
        <v>0</v>
      </c>
      <c r="K37435" s="2">
        <v>1</v>
      </c>
      <c r="L37435" t="s">
        <v>995</v>
      </c>
      <c r="M37435" t="s">
        <v>87</v>
      </c>
      <c r="N37435" t="s">
        <v>88</v>
      </c>
      <c r="O37435" t="s">
        <v>85</v>
      </c>
      <c r="P37435" t="s">
        <v>86</v>
      </c>
      <c r="Q37435">
        <v>5</v>
      </c>
      <c r="R37435">
        <v>5</v>
      </c>
      <c r="S37435">
        <v>5</v>
      </c>
      <c r="T37435">
        <v>5</v>
      </c>
      <c r="U37435">
        <v>5</v>
      </c>
      <c r="V37435">
        <v>5</v>
      </c>
      <c r="W37435">
        <v>5</v>
      </c>
      <c r="X37435">
        <v>5</v>
      </c>
      <c r="Y37435">
        <v>5</v>
      </c>
      <c r="Z37435">
        <v>5</v>
      </c>
      <c r="AA37435">
        <v>5</v>
      </c>
      <c r="AB37435">
        <v>5</v>
      </c>
      <c r="AC37435">
        <v>5</v>
      </c>
      <c r="AD37435">
        <v>5</v>
      </c>
      <c r="AE37435">
        <v>5</v>
      </c>
      <c r="AF37435">
        <v>5</v>
      </c>
      <c r="AG37435">
        <v>5</v>
      </c>
      <c r="AH37435">
        <v>5</v>
      </c>
      <c r="AI37435">
        <v>5</v>
      </c>
      <c r="AJ37435">
        <v>5</v>
      </c>
      <c r="AK37435">
        <v>5</v>
      </c>
      <c r="AL37435">
        <v>5</v>
      </c>
      <c r="AM37435">
        <v>5</v>
      </c>
      <c r="AN37435">
        <v>5</v>
      </c>
      <c r="AO37435">
        <v>5</v>
      </c>
      <c r="AP37435">
        <v>5</v>
      </c>
      <c r="AQ37435">
        <v>5</v>
      </c>
    </row>
    <row r="37436" spans="1:43">
      <c r="A37436" t="s">
        <v>23205</v>
      </c>
      <c r="B37436" t="s">
        <v>23206</v>
      </c>
      <c r="C37436" t="s">
        <v>23203</v>
      </c>
      <c r="D37436" t="s">
        <v>23204</v>
      </c>
      <c r="E37436" t="s">
        <v>23145</v>
      </c>
      <c r="F37436" t="s">
        <v>23146</v>
      </c>
      <c r="G37436" t="s">
        <v>11612</v>
      </c>
      <c r="H37436" t="s">
        <v>11613</v>
      </c>
      <c r="I37436" s="2">
        <v>0</v>
      </c>
      <c r="J37436" s="2">
        <v>0</v>
      </c>
      <c r="K37436" s="2">
        <v>1</v>
      </c>
      <c r="L37436" t="s">
        <v>995</v>
      </c>
      <c r="M37436" t="s">
        <v>89</v>
      </c>
      <c r="N37436" t="s">
        <v>90</v>
      </c>
      <c r="O37436" t="s">
        <v>85</v>
      </c>
      <c r="P37436" t="s">
        <v>86</v>
      </c>
      <c r="Q37436">
        <v>5</v>
      </c>
      <c r="R37436">
        <v>5</v>
      </c>
      <c r="S37436">
        <v>5</v>
      </c>
      <c r="T37436">
        <v>5</v>
      </c>
      <c r="U37436">
        <v>5</v>
      </c>
      <c r="V37436">
        <v>5</v>
      </c>
      <c r="W37436">
        <v>5</v>
      </c>
      <c r="X37436">
        <v>5</v>
      </c>
      <c r="Y37436">
        <v>5</v>
      </c>
      <c r="Z37436">
        <v>5</v>
      </c>
      <c r="AA37436">
        <v>5</v>
      </c>
      <c r="AB37436">
        <v>5</v>
      </c>
      <c r="AC37436">
        <v>5</v>
      </c>
      <c r="AD37436">
        <v>6</v>
      </c>
      <c r="AE37436">
        <v>6</v>
      </c>
      <c r="AF37436">
        <v>6</v>
      </c>
      <c r="AG37436">
        <v>6</v>
      </c>
      <c r="AH37436">
        <v>5</v>
      </c>
      <c r="AI37436">
        <v>5</v>
      </c>
      <c r="AJ37436">
        <v>5</v>
      </c>
      <c r="AK37436">
        <v>5</v>
      </c>
      <c r="AL37436">
        <v>5</v>
      </c>
      <c r="AM37436">
        <v>5</v>
      </c>
      <c r="AN37436">
        <v>5</v>
      </c>
      <c r="AO37436">
        <v>5</v>
      </c>
      <c r="AP37436">
        <v>5</v>
      </c>
      <c r="AQ37436">
        <v>5</v>
      </c>
    </row>
    <row r="37437" spans="1:43">
      <c r="A37437" t="s">
        <v>23205</v>
      </c>
      <c r="B37437" t="s">
        <v>23206</v>
      </c>
      <c r="C37437" t="s">
        <v>23203</v>
      </c>
      <c r="D37437" t="s">
        <v>23204</v>
      </c>
      <c r="E37437" t="s">
        <v>23145</v>
      </c>
      <c r="F37437" t="s">
        <v>23146</v>
      </c>
      <c r="G37437" t="s">
        <v>11612</v>
      </c>
      <c r="H37437" t="s">
        <v>11613</v>
      </c>
      <c r="I37437" s="2">
        <v>0</v>
      </c>
      <c r="J37437" s="2">
        <v>0</v>
      </c>
      <c r="K37437" s="2">
        <v>1</v>
      </c>
      <c r="L37437" t="s">
        <v>995</v>
      </c>
      <c r="M37437" t="s">
        <v>83</v>
      </c>
      <c r="N37437" t="s">
        <v>91</v>
      </c>
      <c r="O37437" t="s">
        <v>85</v>
      </c>
      <c r="P37437" t="s">
        <v>86</v>
      </c>
      <c r="Q37437">
        <v>5</v>
      </c>
      <c r="R37437">
        <v>5</v>
      </c>
      <c r="S37437">
        <v>5</v>
      </c>
      <c r="T37437">
        <v>5</v>
      </c>
      <c r="U37437">
        <v>5</v>
      </c>
      <c r="V37437">
        <v>5</v>
      </c>
      <c r="W37437">
        <v>5</v>
      </c>
      <c r="X37437">
        <v>5</v>
      </c>
      <c r="Y37437">
        <v>5</v>
      </c>
      <c r="Z37437">
        <v>5</v>
      </c>
      <c r="AA37437">
        <v>5</v>
      </c>
      <c r="AB37437">
        <v>5</v>
      </c>
      <c r="AC37437">
        <v>5</v>
      </c>
      <c r="AD37437">
        <v>5</v>
      </c>
      <c r="AE37437">
        <v>5</v>
      </c>
      <c r="AF37437">
        <v>5</v>
      </c>
      <c r="AG37437">
        <v>5</v>
      </c>
      <c r="AH37437">
        <v>5</v>
      </c>
      <c r="AI37437">
        <v>5</v>
      </c>
      <c r="AJ37437">
        <v>5</v>
      </c>
      <c r="AK37437">
        <v>5</v>
      </c>
      <c r="AL37437">
        <v>5</v>
      </c>
      <c r="AM37437">
        <v>5</v>
      </c>
      <c r="AN37437">
        <v>5</v>
      </c>
      <c r="AO37437">
        <v>5</v>
      </c>
      <c r="AP37437">
        <v>5</v>
      </c>
      <c r="AQ37437">
        <v>5</v>
      </c>
    </row>
    <row r="37438" spans="1:43">
      <c r="A37438" t="s">
        <v>23207</v>
      </c>
      <c r="B37438" t="s">
        <v>23208</v>
      </c>
      <c r="C37438" t="s">
        <v>23203</v>
      </c>
      <c r="D37438" t="s">
        <v>23204</v>
      </c>
      <c r="E37438" t="s">
        <v>23145</v>
      </c>
      <c r="F37438" t="s">
        <v>23146</v>
      </c>
      <c r="G37438" t="s">
        <v>11612</v>
      </c>
      <c r="H37438" t="s">
        <v>11613</v>
      </c>
      <c r="I37438" s="2">
        <v>0</v>
      </c>
      <c r="J37438" s="2">
        <v>0</v>
      </c>
      <c r="K37438" s="2">
        <v>1</v>
      </c>
      <c r="L37438" t="s">
        <v>995</v>
      </c>
      <c r="M37438" t="s">
        <v>83</v>
      </c>
      <c r="N37438" t="s">
        <v>84</v>
      </c>
      <c r="O37438" t="s">
        <v>85</v>
      </c>
      <c r="P37438" t="s">
        <v>86</v>
      </c>
      <c r="Q37438">
        <v>13</v>
      </c>
      <c r="R37438">
        <v>13</v>
      </c>
      <c r="S37438">
        <v>14</v>
      </c>
      <c r="T37438">
        <v>14</v>
      </c>
      <c r="U37438">
        <v>14</v>
      </c>
      <c r="V37438">
        <v>14</v>
      </c>
      <c r="W37438">
        <v>14</v>
      </c>
      <c r="X37438">
        <v>14</v>
      </c>
      <c r="Y37438">
        <v>14</v>
      </c>
      <c r="Z37438">
        <v>14</v>
      </c>
      <c r="AA37438">
        <v>15</v>
      </c>
      <c r="AB37438">
        <v>15</v>
      </c>
      <c r="AC37438">
        <v>15</v>
      </c>
      <c r="AD37438">
        <v>15</v>
      </c>
      <c r="AE37438">
        <v>15</v>
      </c>
      <c r="AF37438">
        <v>15</v>
      </c>
      <c r="AG37438">
        <v>15</v>
      </c>
      <c r="AH37438">
        <v>15</v>
      </c>
      <c r="AI37438">
        <v>15</v>
      </c>
      <c r="AJ37438">
        <v>15</v>
      </c>
      <c r="AK37438">
        <v>15</v>
      </c>
      <c r="AL37438">
        <v>15</v>
      </c>
      <c r="AM37438">
        <v>15</v>
      </c>
      <c r="AN37438">
        <v>15</v>
      </c>
      <c r="AO37438">
        <v>15</v>
      </c>
      <c r="AP37438">
        <v>15</v>
      </c>
      <c r="AQ37438">
        <v>15</v>
      </c>
    </row>
    <row r="37439" spans="1:43">
      <c r="A37439" t="s">
        <v>23207</v>
      </c>
      <c r="B37439" t="s">
        <v>23208</v>
      </c>
      <c r="C37439" t="s">
        <v>23203</v>
      </c>
      <c r="D37439" t="s">
        <v>23204</v>
      </c>
      <c r="E37439" t="s">
        <v>23145</v>
      </c>
      <c r="F37439" t="s">
        <v>23146</v>
      </c>
      <c r="G37439" t="s">
        <v>11612</v>
      </c>
      <c r="H37439" t="s">
        <v>11613</v>
      </c>
      <c r="I37439" s="2">
        <v>0</v>
      </c>
      <c r="J37439" s="2">
        <v>0</v>
      </c>
      <c r="K37439" s="2">
        <v>1</v>
      </c>
      <c r="L37439" t="s">
        <v>995</v>
      </c>
      <c r="M37439" t="s">
        <v>87</v>
      </c>
      <c r="N37439" t="s">
        <v>88</v>
      </c>
      <c r="O37439" t="s">
        <v>85</v>
      </c>
      <c r="P37439" t="s">
        <v>86</v>
      </c>
      <c r="Q37439">
        <v>13</v>
      </c>
      <c r="R37439">
        <v>13</v>
      </c>
      <c r="S37439">
        <v>13</v>
      </c>
      <c r="T37439">
        <v>13</v>
      </c>
      <c r="U37439">
        <v>13</v>
      </c>
      <c r="V37439">
        <v>13</v>
      </c>
      <c r="W37439">
        <v>13</v>
      </c>
      <c r="X37439">
        <v>13</v>
      </c>
      <c r="Y37439">
        <v>13</v>
      </c>
      <c r="Z37439">
        <v>13</v>
      </c>
      <c r="AA37439">
        <v>13</v>
      </c>
      <c r="AB37439">
        <v>13</v>
      </c>
      <c r="AC37439">
        <v>13</v>
      </c>
      <c r="AD37439">
        <v>13</v>
      </c>
      <c r="AE37439">
        <v>13</v>
      </c>
      <c r="AF37439">
        <v>13</v>
      </c>
      <c r="AG37439">
        <v>13</v>
      </c>
      <c r="AH37439">
        <v>13</v>
      </c>
      <c r="AI37439">
        <v>13</v>
      </c>
      <c r="AJ37439">
        <v>13</v>
      </c>
      <c r="AK37439">
        <v>13</v>
      </c>
      <c r="AL37439">
        <v>13</v>
      </c>
      <c r="AM37439">
        <v>13</v>
      </c>
      <c r="AN37439">
        <v>13</v>
      </c>
      <c r="AO37439">
        <v>13</v>
      </c>
      <c r="AP37439">
        <v>13</v>
      </c>
      <c r="AQ37439">
        <v>13</v>
      </c>
    </row>
    <row r="37440" spans="1:43">
      <c r="A37440" t="s">
        <v>23207</v>
      </c>
      <c r="B37440" t="s">
        <v>23208</v>
      </c>
      <c r="C37440" t="s">
        <v>23203</v>
      </c>
      <c r="D37440" t="s">
        <v>23204</v>
      </c>
      <c r="E37440" t="s">
        <v>23145</v>
      </c>
      <c r="F37440" t="s">
        <v>23146</v>
      </c>
      <c r="G37440" t="s">
        <v>11612</v>
      </c>
      <c r="H37440" t="s">
        <v>11613</v>
      </c>
      <c r="I37440" s="2">
        <v>0</v>
      </c>
      <c r="J37440" s="2">
        <v>0</v>
      </c>
      <c r="K37440" s="2">
        <v>1</v>
      </c>
      <c r="L37440" t="s">
        <v>995</v>
      </c>
      <c r="M37440" t="s">
        <v>89</v>
      </c>
      <c r="N37440" t="s">
        <v>90</v>
      </c>
      <c r="O37440" t="s">
        <v>85</v>
      </c>
      <c r="P37440" t="s">
        <v>86</v>
      </c>
      <c r="Q37440">
        <v>13</v>
      </c>
      <c r="R37440">
        <v>14</v>
      </c>
      <c r="S37440">
        <v>14</v>
      </c>
      <c r="T37440">
        <v>14</v>
      </c>
      <c r="U37440">
        <v>14</v>
      </c>
      <c r="V37440">
        <v>15</v>
      </c>
      <c r="W37440">
        <v>15</v>
      </c>
      <c r="X37440">
        <v>15</v>
      </c>
      <c r="Y37440">
        <v>15</v>
      </c>
      <c r="Z37440">
        <v>15</v>
      </c>
      <c r="AA37440">
        <v>15</v>
      </c>
      <c r="AB37440">
        <v>16</v>
      </c>
      <c r="AC37440">
        <v>16</v>
      </c>
      <c r="AD37440">
        <v>16</v>
      </c>
      <c r="AE37440">
        <v>16</v>
      </c>
      <c r="AF37440">
        <v>16</v>
      </c>
      <c r="AG37440">
        <v>16</v>
      </c>
      <c r="AH37440">
        <v>16</v>
      </c>
      <c r="AI37440">
        <v>16</v>
      </c>
      <c r="AJ37440">
        <v>16</v>
      </c>
      <c r="AK37440">
        <v>16</v>
      </c>
      <c r="AL37440">
        <v>16</v>
      </c>
      <c r="AM37440">
        <v>16</v>
      </c>
      <c r="AN37440">
        <v>15</v>
      </c>
      <c r="AO37440">
        <v>15</v>
      </c>
      <c r="AP37440">
        <v>15</v>
      </c>
      <c r="AQ37440">
        <v>15</v>
      </c>
    </row>
    <row r="37441" spans="1:43">
      <c r="A37441" t="s">
        <v>23207</v>
      </c>
      <c r="B37441" t="s">
        <v>23208</v>
      </c>
      <c r="C37441" t="s">
        <v>23203</v>
      </c>
      <c r="D37441" t="s">
        <v>23204</v>
      </c>
      <c r="E37441" t="s">
        <v>23145</v>
      </c>
      <c r="F37441" t="s">
        <v>23146</v>
      </c>
      <c r="G37441" t="s">
        <v>11612</v>
      </c>
      <c r="H37441" t="s">
        <v>11613</v>
      </c>
      <c r="I37441" s="2">
        <v>0</v>
      </c>
      <c r="J37441" s="2">
        <v>0</v>
      </c>
      <c r="K37441" s="2">
        <v>1</v>
      </c>
      <c r="L37441" t="s">
        <v>995</v>
      </c>
      <c r="M37441" t="s">
        <v>83</v>
      </c>
      <c r="N37441" t="s">
        <v>91</v>
      </c>
      <c r="O37441" t="s">
        <v>85</v>
      </c>
      <c r="P37441" t="s">
        <v>86</v>
      </c>
      <c r="Q37441">
        <v>13</v>
      </c>
      <c r="R37441">
        <v>13</v>
      </c>
      <c r="S37441">
        <v>14</v>
      </c>
      <c r="T37441">
        <v>14</v>
      </c>
      <c r="U37441">
        <v>14</v>
      </c>
      <c r="V37441">
        <v>14</v>
      </c>
      <c r="W37441">
        <v>14</v>
      </c>
      <c r="X37441">
        <v>14</v>
      </c>
      <c r="Y37441">
        <v>14</v>
      </c>
      <c r="Z37441">
        <v>14</v>
      </c>
      <c r="AA37441">
        <v>15</v>
      </c>
      <c r="AB37441">
        <v>15</v>
      </c>
      <c r="AC37441">
        <v>15</v>
      </c>
      <c r="AD37441">
        <v>15</v>
      </c>
      <c r="AE37441">
        <v>15</v>
      </c>
      <c r="AF37441">
        <v>15</v>
      </c>
      <c r="AG37441">
        <v>15</v>
      </c>
      <c r="AH37441">
        <v>15</v>
      </c>
      <c r="AI37441">
        <v>15</v>
      </c>
      <c r="AJ37441">
        <v>15</v>
      </c>
      <c r="AK37441">
        <v>15</v>
      </c>
      <c r="AL37441">
        <v>15</v>
      </c>
      <c r="AM37441">
        <v>15</v>
      </c>
      <c r="AN37441">
        <v>15</v>
      </c>
      <c r="AO37441">
        <v>15</v>
      </c>
      <c r="AP37441">
        <v>15</v>
      </c>
      <c r="AQ37441">
        <v>15</v>
      </c>
    </row>
    <row r="37442" spans="1:43">
      <c r="A37442" t="s">
        <v>23209</v>
      </c>
      <c r="B37442" t="s">
        <v>23210</v>
      </c>
      <c r="C37442" t="s">
        <v>23203</v>
      </c>
      <c r="D37442" t="s">
        <v>23204</v>
      </c>
      <c r="E37442" t="s">
        <v>23145</v>
      </c>
      <c r="F37442" t="s">
        <v>23146</v>
      </c>
      <c r="G37442" t="s">
        <v>11612</v>
      </c>
      <c r="H37442" t="s">
        <v>11613</v>
      </c>
      <c r="I37442" s="2">
        <v>0</v>
      </c>
      <c r="J37442" s="2">
        <v>0</v>
      </c>
      <c r="K37442" s="2">
        <v>1</v>
      </c>
      <c r="L37442" t="s">
        <v>995</v>
      </c>
      <c r="M37442" t="s">
        <v>83</v>
      </c>
      <c r="N37442" t="s">
        <v>84</v>
      </c>
      <c r="O37442" t="s">
        <v>85</v>
      </c>
      <c r="P37442" t="s">
        <v>86</v>
      </c>
      <c r="Q37442">
        <v>27</v>
      </c>
      <c r="R37442">
        <v>27</v>
      </c>
      <c r="S37442">
        <v>27</v>
      </c>
      <c r="T37442">
        <v>28</v>
      </c>
      <c r="U37442">
        <v>28</v>
      </c>
      <c r="V37442">
        <v>28</v>
      </c>
      <c r="W37442">
        <v>28</v>
      </c>
      <c r="X37442">
        <v>29</v>
      </c>
      <c r="Y37442">
        <v>29</v>
      </c>
      <c r="Z37442">
        <v>29</v>
      </c>
      <c r="AA37442">
        <v>29</v>
      </c>
      <c r="AB37442">
        <v>30</v>
      </c>
      <c r="AC37442">
        <v>30</v>
      </c>
      <c r="AD37442">
        <v>30</v>
      </c>
      <c r="AE37442">
        <v>30</v>
      </c>
      <c r="AF37442">
        <v>30</v>
      </c>
      <c r="AG37442">
        <v>31</v>
      </c>
      <c r="AH37442">
        <v>31</v>
      </c>
      <c r="AI37442">
        <v>31</v>
      </c>
      <c r="AJ37442">
        <v>31</v>
      </c>
      <c r="AK37442">
        <v>31</v>
      </c>
      <c r="AL37442">
        <v>31</v>
      </c>
      <c r="AM37442">
        <v>31</v>
      </c>
      <c r="AN37442">
        <v>31</v>
      </c>
      <c r="AO37442">
        <v>31</v>
      </c>
      <c r="AP37442">
        <v>31</v>
      </c>
      <c r="AQ37442">
        <v>31</v>
      </c>
    </row>
    <row r="37443" spans="1:43">
      <c r="A37443" t="s">
        <v>23209</v>
      </c>
      <c r="B37443" t="s">
        <v>23210</v>
      </c>
      <c r="C37443" t="s">
        <v>23203</v>
      </c>
      <c r="D37443" t="s">
        <v>23204</v>
      </c>
      <c r="E37443" t="s">
        <v>23145</v>
      </c>
      <c r="F37443" t="s">
        <v>23146</v>
      </c>
      <c r="G37443" t="s">
        <v>11612</v>
      </c>
      <c r="H37443" t="s">
        <v>11613</v>
      </c>
      <c r="I37443" s="2">
        <v>0</v>
      </c>
      <c r="J37443" s="2">
        <v>0</v>
      </c>
      <c r="K37443" s="2">
        <v>1</v>
      </c>
      <c r="L37443" t="s">
        <v>995</v>
      </c>
      <c r="M37443" t="s">
        <v>87</v>
      </c>
      <c r="N37443" t="s">
        <v>88</v>
      </c>
      <c r="O37443" t="s">
        <v>85</v>
      </c>
      <c r="P37443" t="s">
        <v>86</v>
      </c>
      <c r="Q37443">
        <v>27</v>
      </c>
      <c r="R37443">
        <v>27</v>
      </c>
      <c r="S37443">
        <v>27</v>
      </c>
      <c r="T37443">
        <v>27</v>
      </c>
      <c r="U37443">
        <v>27</v>
      </c>
      <c r="V37443">
        <v>27</v>
      </c>
      <c r="W37443">
        <v>27</v>
      </c>
      <c r="X37443">
        <v>27</v>
      </c>
      <c r="Y37443">
        <v>27</v>
      </c>
      <c r="Z37443">
        <v>27</v>
      </c>
      <c r="AA37443">
        <v>27</v>
      </c>
      <c r="AB37443">
        <v>27</v>
      </c>
      <c r="AC37443">
        <v>27</v>
      </c>
      <c r="AD37443">
        <v>27</v>
      </c>
      <c r="AE37443">
        <v>27</v>
      </c>
      <c r="AF37443">
        <v>27</v>
      </c>
      <c r="AG37443">
        <v>27</v>
      </c>
      <c r="AH37443">
        <v>27</v>
      </c>
      <c r="AI37443">
        <v>27</v>
      </c>
      <c r="AJ37443">
        <v>27</v>
      </c>
      <c r="AK37443">
        <v>27</v>
      </c>
      <c r="AL37443">
        <v>27</v>
      </c>
      <c r="AM37443">
        <v>27</v>
      </c>
      <c r="AN37443">
        <v>27</v>
      </c>
      <c r="AO37443">
        <v>27</v>
      </c>
      <c r="AP37443">
        <v>27</v>
      </c>
      <c r="AQ37443">
        <v>27</v>
      </c>
    </row>
    <row r="37444" spans="1:43">
      <c r="A37444" t="s">
        <v>23209</v>
      </c>
      <c r="B37444" t="s">
        <v>23210</v>
      </c>
      <c r="C37444" t="s">
        <v>23203</v>
      </c>
      <c r="D37444" t="s">
        <v>23204</v>
      </c>
      <c r="E37444" t="s">
        <v>23145</v>
      </c>
      <c r="F37444" t="s">
        <v>23146</v>
      </c>
      <c r="G37444" t="s">
        <v>11612</v>
      </c>
      <c r="H37444" t="s">
        <v>11613</v>
      </c>
      <c r="I37444" s="2">
        <v>0</v>
      </c>
      <c r="J37444" s="2">
        <v>0</v>
      </c>
      <c r="K37444" s="2">
        <v>1</v>
      </c>
      <c r="L37444" t="s">
        <v>995</v>
      </c>
      <c r="M37444" t="s">
        <v>89</v>
      </c>
      <c r="N37444" t="s">
        <v>90</v>
      </c>
      <c r="O37444" t="s">
        <v>85</v>
      </c>
      <c r="P37444" t="s">
        <v>86</v>
      </c>
      <c r="Q37444">
        <v>27</v>
      </c>
      <c r="R37444">
        <v>28</v>
      </c>
      <c r="S37444">
        <v>28</v>
      </c>
      <c r="T37444">
        <v>29</v>
      </c>
      <c r="U37444">
        <v>29</v>
      </c>
      <c r="V37444">
        <v>29</v>
      </c>
      <c r="W37444">
        <v>30</v>
      </c>
      <c r="X37444">
        <v>30</v>
      </c>
      <c r="Y37444">
        <v>31</v>
      </c>
      <c r="Z37444">
        <v>31</v>
      </c>
      <c r="AA37444">
        <v>31</v>
      </c>
      <c r="AB37444">
        <v>32</v>
      </c>
      <c r="AC37444">
        <v>32</v>
      </c>
      <c r="AD37444">
        <v>32</v>
      </c>
      <c r="AE37444">
        <v>32</v>
      </c>
      <c r="AF37444">
        <v>32</v>
      </c>
      <c r="AG37444">
        <v>32</v>
      </c>
      <c r="AH37444">
        <v>32</v>
      </c>
      <c r="AI37444">
        <v>32</v>
      </c>
      <c r="AJ37444">
        <v>32</v>
      </c>
      <c r="AK37444">
        <v>32</v>
      </c>
      <c r="AL37444">
        <v>32</v>
      </c>
      <c r="AM37444">
        <v>32</v>
      </c>
      <c r="AN37444">
        <v>31</v>
      </c>
      <c r="AO37444">
        <v>31</v>
      </c>
      <c r="AP37444">
        <v>31</v>
      </c>
      <c r="AQ37444">
        <v>31</v>
      </c>
    </row>
    <row r="37445" spans="1:43">
      <c r="A37445" t="s">
        <v>23209</v>
      </c>
      <c r="B37445" t="s">
        <v>23210</v>
      </c>
      <c r="C37445" t="s">
        <v>23203</v>
      </c>
      <c r="D37445" t="s">
        <v>23204</v>
      </c>
      <c r="E37445" t="s">
        <v>23145</v>
      </c>
      <c r="F37445" t="s">
        <v>23146</v>
      </c>
      <c r="G37445" t="s">
        <v>11612</v>
      </c>
      <c r="H37445" t="s">
        <v>11613</v>
      </c>
      <c r="I37445" s="2">
        <v>0</v>
      </c>
      <c r="J37445" s="2">
        <v>0</v>
      </c>
      <c r="K37445" s="2">
        <v>1</v>
      </c>
      <c r="L37445" t="s">
        <v>995</v>
      </c>
      <c r="M37445" t="s">
        <v>83</v>
      </c>
      <c r="N37445" t="s">
        <v>91</v>
      </c>
      <c r="O37445" t="s">
        <v>85</v>
      </c>
      <c r="P37445" t="s">
        <v>86</v>
      </c>
      <c r="Q37445">
        <v>27</v>
      </c>
      <c r="R37445">
        <v>27</v>
      </c>
      <c r="S37445">
        <v>27</v>
      </c>
      <c r="T37445">
        <v>28</v>
      </c>
      <c r="U37445">
        <v>28</v>
      </c>
      <c r="V37445">
        <v>28</v>
      </c>
      <c r="W37445">
        <v>28</v>
      </c>
      <c r="X37445">
        <v>29</v>
      </c>
      <c r="Y37445">
        <v>29</v>
      </c>
      <c r="Z37445">
        <v>29</v>
      </c>
      <c r="AA37445">
        <v>29</v>
      </c>
      <c r="AB37445">
        <v>30</v>
      </c>
      <c r="AC37445">
        <v>30</v>
      </c>
      <c r="AD37445">
        <v>30</v>
      </c>
      <c r="AE37445">
        <v>30</v>
      </c>
      <c r="AF37445">
        <v>30</v>
      </c>
      <c r="AG37445">
        <v>31</v>
      </c>
      <c r="AH37445">
        <v>31</v>
      </c>
      <c r="AI37445">
        <v>31</v>
      </c>
      <c r="AJ37445">
        <v>31</v>
      </c>
      <c r="AK37445">
        <v>31</v>
      </c>
      <c r="AL37445">
        <v>31</v>
      </c>
      <c r="AM37445">
        <v>31</v>
      </c>
      <c r="AN37445">
        <v>31</v>
      </c>
      <c r="AO37445">
        <v>31</v>
      </c>
      <c r="AP37445">
        <v>31</v>
      </c>
      <c r="AQ37445">
        <v>31</v>
      </c>
    </row>
    <row r="37446" spans="1:43">
      <c r="A37446" t="s">
        <v>23211</v>
      </c>
      <c r="B37446" t="s">
        <v>23212</v>
      </c>
      <c r="C37446" t="s">
        <v>23213</v>
      </c>
      <c r="D37446" t="s">
        <v>23214</v>
      </c>
      <c r="E37446" t="s">
        <v>23145</v>
      </c>
      <c r="F37446" t="s">
        <v>23146</v>
      </c>
      <c r="G37446" t="s">
        <v>11612</v>
      </c>
      <c r="H37446" t="s">
        <v>11613</v>
      </c>
      <c r="I37446" s="2">
        <v>0</v>
      </c>
      <c r="J37446" s="2">
        <v>0</v>
      </c>
      <c r="K37446" s="2">
        <v>1</v>
      </c>
      <c r="L37446" t="s">
        <v>995</v>
      </c>
      <c r="M37446" t="s">
        <v>83</v>
      </c>
      <c r="N37446" t="s">
        <v>84</v>
      </c>
      <c r="O37446" t="s">
        <v>85</v>
      </c>
      <c r="P37446" t="s">
        <v>86</v>
      </c>
      <c r="Q37446">
        <v>32</v>
      </c>
      <c r="R37446">
        <v>33</v>
      </c>
      <c r="S37446">
        <v>33</v>
      </c>
      <c r="T37446">
        <v>33</v>
      </c>
      <c r="U37446">
        <v>34</v>
      </c>
      <c r="V37446">
        <v>34</v>
      </c>
      <c r="W37446">
        <v>34</v>
      </c>
      <c r="X37446">
        <v>35</v>
      </c>
      <c r="Y37446">
        <v>35</v>
      </c>
      <c r="Z37446">
        <v>35</v>
      </c>
      <c r="AA37446">
        <v>35</v>
      </c>
      <c r="AB37446">
        <v>36</v>
      </c>
      <c r="AC37446">
        <v>36</v>
      </c>
      <c r="AD37446">
        <v>36</v>
      </c>
      <c r="AE37446">
        <v>37</v>
      </c>
      <c r="AF37446">
        <v>37</v>
      </c>
      <c r="AG37446">
        <v>37</v>
      </c>
      <c r="AH37446">
        <v>37</v>
      </c>
      <c r="AI37446">
        <v>37</v>
      </c>
      <c r="AJ37446">
        <v>38</v>
      </c>
      <c r="AK37446">
        <v>38</v>
      </c>
      <c r="AL37446">
        <v>38</v>
      </c>
      <c r="AM37446">
        <v>38</v>
      </c>
      <c r="AN37446">
        <v>38</v>
      </c>
      <c r="AO37446">
        <v>38</v>
      </c>
      <c r="AP37446">
        <v>38</v>
      </c>
      <c r="AQ37446">
        <v>37</v>
      </c>
    </row>
    <row r="37447" spans="1:43">
      <c r="A37447" t="s">
        <v>23211</v>
      </c>
      <c r="B37447" t="s">
        <v>23212</v>
      </c>
      <c r="C37447" t="s">
        <v>23213</v>
      </c>
      <c r="D37447" t="s">
        <v>23214</v>
      </c>
      <c r="E37447" t="s">
        <v>23145</v>
      </c>
      <c r="F37447" t="s">
        <v>23146</v>
      </c>
      <c r="G37447" t="s">
        <v>11612</v>
      </c>
      <c r="H37447" t="s">
        <v>11613</v>
      </c>
      <c r="I37447" s="2">
        <v>0</v>
      </c>
      <c r="J37447" s="2">
        <v>0</v>
      </c>
      <c r="K37447" s="2">
        <v>1</v>
      </c>
      <c r="L37447" t="s">
        <v>995</v>
      </c>
      <c r="M37447" t="s">
        <v>87</v>
      </c>
      <c r="N37447" t="s">
        <v>88</v>
      </c>
      <c r="O37447" t="s">
        <v>85</v>
      </c>
      <c r="P37447" t="s">
        <v>86</v>
      </c>
      <c r="Q37447">
        <v>32</v>
      </c>
      <c r="R37447">
        <v>32</v>
      </c>
      <c r="S37447">
        <v>32</v>
      </c>
      <c r="T37447">
        <v>32</v>
      </c>
      <c r="U37447">
        <v>32</v>
      </c>
      <c r="V37447">
        <v>32</v>
      </c>
      <c r="W37447">
        <v>32</v>
      </c>
      <c r="X37447">
        <v>32</v>
      </c>
      <c r="Y37447">
        <v>32</v>
      </c>
      <c r="Z37447">
        <v>32</v>
      </c>
      <c r="AA37447">
        <v>32</v>
      </c>
      <c r="AB37447">
        <v>32</v>
      </c>
      <c r="AC37447">
        <v>32</v>
      </c>
      <c r="AD37447">
        <v>32</v>
      </c>
      <c r="AE37447">
        <v>32</v>
      </c>
      <c r="AF37447">
        <v>32</v>
      </c>
      <c r="AG37447">
        <v>32</v>
      </c>
      <c r="AH37447">
        <v>32</v>
      </c>
      <c r="AI37447">
        <v>32</v>
      </c>
      <c r="AJ37447">
        <v>32</v>
      </c>
      <c r="AK37447">
        <v>32</v>
      </c>
      <c r="AL37447">
        <v>32</v>
      </c>
      <c r="AM37447">
        <v>32</v>
      </c>
      <c r="AN37447">
        <v>32</v>
      </c>
      <c r="AO37447">
        <v>32</v>
      </c>
      <c r="AP37447">
        <v>32</v>
      </c>
      <c r="AQ37447">
        <v>32</v>
      </c>
    </row>
    <row r="37448" spans="1:43">
      <c r="A37448" t="s">
        <v>23211</v>
      </c>
      <c r="B37448" t="s">
        <v>23212</v>
      </c>
      <c r="C37448" t="s">
        <v>23213</v>
      </c>
      <c r="D37448" t="s">
        <v>23214</v>
      </c>
      <c r="E37448" t="s">
        <v>23145</v>
      </c>
      <c r="F37448" t="s">
        <v>23146</v>
      </c>
      <c r="G37448" t="s">
        <v>11612</v>
      </c>
      <c r="H37448" t="s">
        <v>11613</v>
      </c>
      <c r="I37448" s="2">
        <v>0</v>
      </c>
      <c r="J37448" s="2">
        <v>0</v>
      </c>
      <c r="K37448" s="2">
        <v>1</v>
      </c>
      <c r="L37448" t="s">
        <v>995</v>
      </c>
      <c r="M37448" t="s">
        <v>89</v>
      </c>
      <c r="N37448" t="s">
        <v>90</v>
      </c>
      <c r="O37448" t="s">
        <v>85</v>
      </c>
      <c r="P37448" t="s">
        <v>86</v>
      </c>
      <c r="Q37448">
        <v>32</v>
      </c>
      <c r="R37448">
        <v>32</v>
      </c>
      <c r="S37448">
        <v>33</v>
      </c>
      <c r="T37448">
        <v>33</v>
      </c>
      <c r="U37448">
        <v>34</v>
      </c>
      <c r="V37448">
        <v>34</v>
      </c>
      <c r="W37448">
        <v>35</v>
      </c>
      <c r="X37448">
        <v>35</v>
      </c>
      <c r="Y37448">
        <v>36</v>
      </c>
      <c r="Z37448">
        <v>36</v>
      </c>
      <c r="AA37448">
        <v>37</v>
      </c>
      <c r="AB37448">
        <v>37</v>
      </c>
      <c r="AC37448">
        <v>38</v>
      </c>
      <c r="AD37448">
        <v>38</v>
      </c>
      <c r="AE37448">
        <v>38</v>
      </c>
      <c r="AF37448">
        <v>38</v>
      </c>
      <c r="AG37448">
        <v>38</v>
      </c>
      <c r="AH37448">
        <v>38</v>
      </c>
      <c r="AI37448">
        <v>38</v>
      </c>
      <c r="AJ37448">
        <v>38</v>
      </c>
      <c r="AK37448">
        <v>38</v>
      </c>
      <c r="AL37448">
        <v>37</v>
      </c>
      <c r="AM37448">
        <v>37</v>
      </c>
      <c r="AN37448">
        <v>37</v>
      </c>
      <c r="AO37448">
        <v>37</v>
      </c>
      <c r="AP37448">
        <v>37</v>
      </c>
      <c r="AQ37448">
        <v>37</v>
      </c>
    </row>
    <row r="37449" spans="1:43">
      <c r="A37449" t="s">
        <v>23211</v>
      </c>
      <c r="B37449" t="s">
        <v>23212</v>
      </c>
      <c r="C37449" t="s">
        <v>23213</v>
      </c>
      <c r="D37449" t="s">
        <v>23214</v>
      </c>
      <c r="E37449" t="s">
        <v>23145</v>
      </c>
      <c r="F37449" t="s">
        <v>23146</v>
      </c>
      <c r="G37449" t="s">
        <v>11612</v>
      </c>
      <c r="H37449" t="s">
        <v>11613</v>
      </c>
      <c r="I37449" s="2">
        <v>0</v>
      </c>
      <c r="J37449" s="2">
        <v>0</v>
      </c>
      <c r="K37449" s="2">
        <v>1</v>
      </c>
      <c r="L37449" t="s">
        <v>995</v>
      </c>
      <c r="M37449" t="s">
        <v>83</v>
      </c>
      <c r="N37449" t="s">
        <v>91</v>
      </c>
      <c r="O37449" t="s">
        <v>85</v>
      </c>
      <c r="P37449" t="s">
        <v>86</v>
      </c>
      <c r="Q37449">
        <v>32</v>
      </c>
      <c r="R37449">
        <v>33</v>
      </c>
      <c r="S37449">
        <v>33</v>
      </c>
      <c r="T37449">
        <v>33</v>
      </c>
      <c r="U37449">
        <v>34</v>
      </c>
      <c r="V37449">
        <v>34</v>
      </c>
      <c r="W37449">
        <v>34</v>
      </c>
      <c r="X37449">
        <v>35</v>
      </c>
      <c r="Y37449">
        <v>35</v>
      </c>
      <c r="Z37449">
        <v>35</v>
      </c>
      <c r="AA37449">
        <v>35</v>
      </c>
      <c r="AB37449">
        <v>36</v>
      </c>
      <c r="AC37449">
        <v>36</v>
      </c>
      <c r="AD37449">
        <v>36</v>
      </c>
      <c r="AE37449">
        <v>37</v>
      </c>
      <c r="AF37449">
        <v>37</v>
      </c>
      <c r="AG37449">
        <v>37</v>
      </c>
      <c r="AH37449">
        <v>37</v>
      </c>
      <c r="AI37449">
        <v>37</v>
      </c>
      <c r="AJ37449">
        <v>38</v>
      </c>
      <c r="AK37449">
        <v>38</v>
      </c>
      <c r="AL37449">
        <v>38</v>
      </c>
      <c r="AM37449">
        <v>38</v>
      </c>
      <c r="AN37449">
        <v>38</v>
      </c>
      <c r="AO37449">
        <v>38</v>
      </c>
      <c r="AP37449">
        <v>38</v>
      </c>
      <c r="AQ37449">
        <v>37</v>
      </c>
    </row>
    <row r="37450" spans="1:43">
      <c r="A37450" t="s">
        <v>23215</v>
      </c>
      <c r="B37450" t="s">
        <v>23216</v>
      </c>
      <c r="C37450" t="s">
        <v>23213</v>
      </c>
      <c r="D37450" t="s">
        <v>23214</v>
      </c>
      <c r="E37450" t="s">
        <v>23145</v>
      </c>
      <c r="F37450" t="s">
        <v>23146</v>
      </c>
      <c r="G37450" t="s">
        <v>11612</v>
      </c>
      <c r="H37450" t="s">
        <v>11613</v>
      </c>
      <c r="I37450" s="2">
        <v>0</v>
      </c>
      <c r="J37450" s="2">
        <v>0</v>
      </c>
      <c r="K37450" s="2">
        <v>1</v>
      </c>
      <c r="L37450" t="s">
        <v>995</v>
      </c>
      <c r="M37450" t="s">
        <v>83</v>
      </c>
      <c r="N37450" t="s">
        <v>84</v>
      </c>
      <c r="O37450" t="s">
        <v>85</v>
      </c>
      <c r="P37450" t="s">
        <v>86</v>
      </c>
      <c r="Q37450">
        <v>32</v>
      </c>
      <c r="R37450">
        <v>32</v>
      </c>
      <c r="S37450">
        <v>33</v>
      </c>
      <c r="T37450">
        <v>33</v>
      </c>
      <c r="U37450">
        <v>33</v>
      </c>
      <c r="V37450">
        <v>34</v>
      </c>
      <c r="W37450">
        <v>34</v>
      </c>
      <c r="X37450">
        <v>34</v>
      </c>
      <c r="Y37450">
        <v>34</v>
      </c>
      <c r="Z37450">
        <v>35</v>
      </c>
      <c r="AA37450">
        <v>35</v>
      </c>
      <c r="AB37450">
        <v>35</v>
      </c>
      <c r="AC37450">
        <v>36</v>
      </c>
      <c r="AD37450">
        <v>36</v>
      </c>
      <c r="AE37450">
        <v>36</v>
      </c>
      <c r="AF37450">
        <v>36</v>
      </c>
      <c r="AG37450">
        <v>37</v>
      </c>
      <c r="AH37450">
        <v>37</v>
      </c>
      <c r="AI37450">
        <v>37</v>
      </c>
      <c r="AJ37450">
        <v>37</v>
      </c>
      <c r="AK37450">
        <v>37</v>
      </c>
      <c r="AL37450">
        <v>37</v>
      </c>
      <c r="AM37450">
        <v>37</v>
      </c>
      <c r="AN37450">
        <v>37</v>
      </c>
      <c r="AO37450">
        <v>37</v>
      </c>
      <c r="AP37450">
        <v>37</v>
      </c>
      <c r="AQ37450">
        <v>37</v>
      </c>
    </row>
    <row r="37451" spans="1:43">
      <c r="A37451" t="s">
        <v>23215</v>
      </c>
      <c r="B37451" t="s">
        <v>23216</v>
      </c>
      <c r="C37451" t="s">
        <v>23213</v>
      </c>
      <c r="D37451" t="s">
        <v>23214</v>
      </c>
      <c r="E37451" t="s">
        <v>23145</v>
      </c>
      <c r="F37451" t="s">
        <v>23146</v>
      </c>
      <c r="G37451" t="s">
        <v>11612</v>
      </c>
      <c r="H37451" t="s">
        <v>11613</v>
      </c>
      <c r="I37451" s="2">
        <v>0</v>
      </c>
      <c r="J37451" s="2">
        <v>0</v>
      </c>
      <c r="K37451" s="2">
        <v>1</v>
      </c>
      <c r="L37451" t="s">
        <v>995</v>
      </c>
      <c r="M37451" t="s">
        <v>87</v>
      </c>
      <c r="N37451" t="s">
        <v>88</v>
      </c>
      <c r="O37451" t="s">
        <v>85</v>
      </c>
      <c r="P37451" t="s">
        <v>86</v>
      </c>
      <c r="Q37451">
        <v>32</v>
      </c>
      <c r="R37451">
        <v>32</v>
      </c>
      <c r="S37451">
        <v>32</v>
      </c>
      <c r="T37451">
        <v>32</v>
      </c>
      <c r="U37451">
        <v>32</v>
      </c>
      <c r="V37451">
        <v>32</v>
      </c>
      <c r="W37451">
        <v>32</v>
      </c>
      <c r="X37451">
        <v>32</v>
      </c>
      <c r="Y37451">
        <v>32</v>
      </c>
      <c r="Z37451">
        <v>32</v>
      </c>
      <c r="AA37451">
        <v>32</v>
      </c>
      <c r="AB37451">
        <v>32</v>
      </c>
      <c r="AC37451">
        <v>32</v>
      </c>
      <c r="AD37451">
        <v>32</v>
      </c>
      <c r="AE37451">
        <v>32</v>
      </c>
      <c r="AF37451">
        <v>32</v>
      </c>
      <c r="AG37451">
        <v>32</v>
      </c>
      <c r="AH37451">
        <v>32</v>
      </c>
      <c r="AI37451">
        <v>32</v>
      </c>
      <c r="AJ37451">
        <v>32</v>
      </c>
      <c r="AK37451">
        <v>32</v>
      </c>
      <c r="AL37451">
        <v>32</v>
      </c>
      <c r="AM37451">
        <v>32</v>
      </c>
      <c r="AN37451">
        <v>32</v>
      </c>
      <c r="AO37451">
        <v>32</v>
      </c>
      <c r="AP37451">
        <v>32</v>
      </c>
      <c r="AQ37451">
        <v>32</v>
      </c>
    </row>
    <row r="37452" spans="1:43">
      <c r="A37452" t="s">
        <v>23215</v>
      </c>
      <c r="B37452" t="s">
        <v>23216</v>
      </c>
      <c r="C37452" t="s">
        <v>23213</v>
      </c>
      <c r="D37452" t="s">
        <v>23214</v>
      </c>
      <c r="E37452" t="s">
        <v>23145</v>
      </c>
      <c r="F37452" t="s">
        <v>23146</v>
      </c>
      <c r="G37452" t="s">
        <v>11612</v>
      </c>
      <c r="H37452" t="s">
        <v>11613</v>
      </c>
      <c r="I37452" s="2">
        <v>0</v>
      </c>
      <c r="J37452" s="2">
        <v>0</v>
      </c>
      <c r="K37452" s="2">
        <v>1</v>
      </c>
      <c r="L37452" t="s">
        <v>995</v>
      </c>
      <c r="M37452" t="s">
        <v>89</v>
      </c>
      <c r="N37452" t="s">
        <v>90</v>
      </c>
      <c r="O37452" t="s">
        <v>85</v>
      </c>
      <c r="P37452" t="s">
        <v>86</v>
      </c>
      <c r="Q37452">
        <v>32</v>
      </c>
      <c r="R37452">
        <v>33</v>
      </c>
      <c r="S37452">
        <v>33</v>
      </c>
      <c r="T37452">
        <v>34</v>
      </c>
      <c r="U37452">
        <v>35</v>
      </c>
      <c r="V37452">
        <v>35</v>
      </c>
      <c r="W37452">
        <v>36</v>
      </c>
      <c r="X37452">
        <v>36</v>
      </c>
      <c r="Y37452">
        <v>37</v>
      </c>
      <c r="Z37452">
        <v>37</v>
      </c>
      <c r="AA37452">
        <v>37</v>
      </c>
      <c r="AB37452">
        <v>38</v>
      </c>
      <c r="AC37452">
        <v>38</v>
      </c>
      <c r="AD37452">
        <v>38</v>
      </c>
      <c r="AE37452">
        <v>39</v>
      </c>
      <c r="AF37452">
        <v>39</v>
      </c>
      <c r="AG37452">
        <v>38</v>
      </c>
      <c r="AH37452">
        <v>38</v>
      </c>
      <c r="AI37452">
        <v>38</v>
      </c>
      <c r="AJ37452">
        <v>38</v>
      </c>
      <c r="AK37452">
        <v>38</v>
      </c>
      <c r="AL37452">
        <v>38</v>
      </c>
      <c r="AM37452">
        <v>38</v>
      </c>
      <c r="AN37452">
        <v>38</v>
      </c>
      <c r="AO37452">
        <v>38</v>
      </c>
      <c r="AP37452">
        <v>37</v>
      </c>
      <c r="AQ37452">
        <v>37</v>
      </c>
    </row>
    <row r="37453" spans="1:43">
      <c r="A37453" t="s">
        <v>23215</v>
      </c>
      <c r="B37453" t="s">
        <v>23216</v>
      </c>
      <c r="C37453" t="s">
        <v>23213</v>
      </c>
      <c r="D37453" t="s">
        <v>23214</v>
      </c>
      <c r="E37453" t="s">
        <v>23145</v>
      </c>
      <c r="F37453" t="s">
        <v>23146</v>
      </c>
      <c r="G37453" t="s">
        <v>11612</v>
      </c>
      <c r="H37453" t="s">
        <v>11613</v>
      </c>
      <c r="I37453" s="2">
        <v>0</v>
      </c>
      <c r="J37453" s="2">
        <v>0</v>
      </c>
      <c r="K37453" s="2">
        <v>1</v>
      </c>
      <c r="L37453" t="s">
        <v>995</v>
      </c>
      <c r="M37453" t="s">
        <v>83</v>
      </c>
      <c r="N37453" t="s">
        <v>91</v>
      </c>
      <c r="O37453" t="s">
        <v>85</v>
      </c>
      <c r="P37453" t="s">
        <v>86</v>
      </c>
      <c r="Q37453">
        <v>32</v>
      </c>
      <c r="R37453">
        <v>32</v>
      </c>
      <c r="S37453">
        <v>33</v>
      </c>
      <c r="T37453">
        <v>33</v>
      </c>
      <c r="U37453">
        <v>33</v>
      </c>
      <c r="V37453">
        <v>34</v>
      </c>
      <c r="W37453">
        <v>34</v>
      </c>
      <c r="X37453">
        <v>34</v>
      </c>
      <c r="Y37453">
        <v>34</v>
      </c>
      <c r="Z37453">
        <v>35</v>
      </c>
      <c r="AA37453">
        <v>35</v>
      </c>
      <c r="AB37453">
        <v>35</v>
      </c>
      <c r="AC37453">
        <v>36</v>
      </c>
      <c r="AD37453">
        <v>36</v>
      </c>
      <c r="AE37453">
        <v>36</v>
      </c>
      <c r="AF37453">
        <v>36</v>
      </c>
      <c r="AG37453">
        <v>37</v>
      </c>
      <c r="AH37453">
        <v>37</v>
      </c>
      <c r="AI37453">
        <v>37</v>
      </c>
      <c r="AJ37453">
        <v>37</v>
      </c>
      <c r="AK37453">
        <v>37</v>
      </c>
      <c r="AL37453">
        <v>37</v>
      </c>
      <c r="AM37453">
        <v>37</v>
      </c>
      <c r="AN37453">
        <v>37</v>
      </c>
      <c r="AO37453">
        <v>37</v>
      </c>
      <c r="AP37453">
        <v>37</v>
      </c>
      <c r="AQ37453">
        <v>37</v>
      </c>
    </row>
    <row r="37454" spans="1:43">
      <c r="A37454" t="s">
        <v>23217</v>
      </c>
      <c r="B37454" t="s">
        <v>23218</v>
      </c>
      <c r="C37454" t="s">
        <v>23213</v>
      </c>
      <c r="D37454" t="s">
        <v>23214</v>
      </c>
      <c r="E37454" t="s">
        <v>23145</v>
      </c>
      <c r="F37454" t="s">
        <v>23146</v>
      </c>
      <c r="G37454" t="s">
        <v>11612</v>
      </c>
      <c r="H37454" t="s">
        <v>11613</v>
      </c>
      <c r="I37454" s="2">
        <v>0</v>
      </c>
      <c r="J37454" s="2">
        <v>0</v>
      </c>
      <c r="K37454" s="2">
        <v>1</v>
      </c>
      <c r="L37454" t="s">
        <v>995</v>
      </c>
      <c r="M37454" t="s">
        <v>83</v>
      </c>
      <c r="N37454" t="s">
        <v>84</v>
      </c>
      <c r="O37454" t="s">
        <v>85</v>
      </c>
      <c r="P37454" t="s">
        <v>86</v>
      </c>
      <c r="Q37454">
        <v>20</v>
      </c>
      <c r="R37454">
        <v>20</v>
      </c>
      <c r="S37454">
        <v>20</v>
      </c>
      <c r="T37454">
        <v>20</v>
      </c>
      <c r="U37454">
        <v>20</v>
      </c>
      <c r="V37454">
        <v>20</v>
      </c>
      <c r="W37454">
        <v>21</v>
      </c>
      <c r="X37454">
        <v>21</v>
      </c>
      <c r="Y37454">
        <v>21</v>
      </c>
      <c r="Z37454">
        <v>21</v>
      </c>
      <c r="AA37454">
        <v>21</v>
      </c>
      <c r="AB37454">
        <v>22</v>
      </c>
      <c r="AC37454">
        <v>22</v>
      </c>
      <c r="AD37454">
        <v>22</v>
      </c>
      <c r="AE37454">
        <v>22</v>
      </c>
      <c r="AF37454">
        <v>22</v>
      </c>
      <c r="AG37454">
        <v>22</v>
      </c>
      <c r="AH37454">
        <v>22</v>
      </c>
      <c r="AI37454">
        <v>23</v>
      </c>
      <c r="AJ37454">
        <v>23</v>
      </c>
      <c r="AK37454">
        <v>23</v>
      </c>
      <c r="AL37454">
        <v>23</v>
      </c>
      <c r="AM37454">
        <v>23</v>
      </c>
      <c r="AN37454">
        <v>23</v>
      </c>
      <c r="AO37454">
        <v>23</v>
      </c>
      <c r="AP37454">
        <v>23</v>
      </c>
      <c r="AQ37454">
        <v>23</v>
      </c>
    </row>
    <row r="37455" spans="1:43">
      <c r="A37455" t="s">
        <v>23217</v>
      </c>
      <c r="B37455" t="s">
        <v>23218</v>
      </c>
      <c r="C37455" t="s">
        <v>23213</v>
      </c>
      <c r="D37455" t="s">
        <v>23214</v>
      </c>
      <c r="E37455" t="s">
        <v>23145</v>
      </c>
      <c r="F37455" t="s">
        <v>23146</v>
      </c>
      <c r="G37455" t="s">
        <v>11612</v>
      </c>
      <c r="H37455" t="s">
        <v>11613</v>
      </c>
      <c r="I37455" s="2">
        <v>0</v>
      </c>
      <c r="J37455" s="2">
        <v>0</v>
      </c>
      <c r="K37455" s="2">
        <v>1</v>
      </c>
      <c r="L37455" t="s">
        <v>995</v>
      </c>
      <c r="M37455" t="s">
        <v>87</v>
      </c>
      <c r="N37455" t="s">
        <v>88</v>
      </c>
      <c r="O37455" t="s">
        <v>85</v>
      </c>
      <c r="P37455" t="s">
        <v>86</v>
      </c>
      <c r="Q37455">
        <v>20</v>
      </c>
      <c r="R37455">
        <v>20</v>
      </c>
      <c r="S37455">
        <v>20</v>
      </c>
      <c r="T37455">
        <v>20</v>
      </c>
      <c r="U37455">
        <v>20</v>
      </c>
      <c r="V37455">
        <v>20</v>
      </c>
      <c r="W37455">
        <v>20</v>
      </c>
      <c r="X37455">
        <v>20</v>
      </c>
      <c r="Y37455">
        <v>20</v>
      </c>
      <c r="Z37455">
        <v>20</v>
      </c>
      <c r="AA37455">
        <v>20</v>
      </c>
      <c r="AB37455">
        <v>20</v>
      </c>
      <c r="AC37455">
        <v>20</v>
      </c>
      <c r="AD37455">
        <v>20</v>
      </c>
      <c r="AE37455">
        <v>20</v>
      </c>
      <c r="AF37455">
        <v>21</v>
      </c>
      <c r="AG37455">
        <v>21</v>
      </c>
      <c r="AH37455">
        <v>21</v>
      </c>
      <c r="AI37455">
        <v>21</v>
      </c>
      <c r="AJ37455">
        <v>21</v>
      </c>
      <c r="AK37455">
        <v>21</v>
      </c>
      <c r="AL37455">
        <v>21</v>
      </c>
      <c r="AM37455">
        <v>20</v>
      </c>
      <c r="AN37455">
        <v>20</v>
      </c>
      <c r="AO37455">
        <v>20</v>
      </c>
      <c r="AP37455">
        <v>20</v>
      </c>
      <c r="AQ37455">
        <v>20</v>
      </c>
    </row>
    <row r="37456" spans="1:43">
      <c r="A37456" t="s">
        <v>23217</v>
      </c>
      <c r="B37456" t="s">
        <v>23218</v>
      </c>
      <c r="C37456" t="s">
        <v>23213</v>
      </c>
      <c r="D37456" t="s">
        <v>23214</v>
      </c>
      <c r="E37456" t="s">
        <v>23145</v>
      </c>
      <c r="F37456" t="s">
        <v>23146</v>
      </c>
      <c r="G37456" t="s">
        <v>11612</v>
      </c>
      <c r="H37456" t="s">
        <v>11613</v>
      </c>
      <c r="I37456" s="2">
        <v>0</v>
      </c>
      <c r="J37456" s="2">
        <v>0</v>
      </c>
      <c r="K37456" s="2">
        <v>1</v>
      </c>
      <c r="L37456" t="s">
        <v>995</v>
      </c>
      <c r="M37456" t="s">
        <v>89</v>
      </c>
      <c r="N37456" t="s">
        <v>90</v>
      </c>
      <c r="O37456" t="s">
        <v>85</v>
      </c>
      <c r="P37456" t="s">
        <v>86</v>
      </c>
      <c r="Q37456">
        <v>20</v>
      </c>
      <c r="R37456">
        <v>20</v>
      </c>
      <c r="S37456">
        <v>20</v>
      </c>
      <c r="T37456">
        <v>21</v>
      </c>
      <c r="U37456">
        <v>21</v>
      </c>
      <c r="V37456">
        <v>21</v>
      </c>
      <c r="W37456">
        <v>22</v>
      </c>
      <c r="X37456">
        <v>22</v>
      </c>
      <c r="Y37456">
        <v>22</v>
      </c>
      <c r="Z37456">
        <v>23</v>
      </c>
      <c r="AA37456">
        <v>23</v>
      </c>
      <c r="AB37456">
        <v>23</v>
      </c>
      <c r="AC37456">
        <v>23</v>
      </c>
      <c r="AD37456">
        <v>23</v>
      </c>
      <c r="AE37456">
        <v>24</v>
      </c>
      <c r="AF37456">
        <v>24</v>
      </c>
      <c r="AG37456">
        <v>23</v>
      </c>
      <c r="AH37456">
        <v>23</v>
      </c>
      <c r="AI37456">
        <v>23</v>
      </c>
      <c r="AJ37456">
        <v>23</v>
      </c>
      <c r="AK37456">
        <v>23</v>
      </c>
      <c r="AL37456">
        <v>23</v>
      </c>
      <c r="AM37456">
        <v>23</v>
      </c>
      <c r="AN37456">
        <v>23</v>
      </c>
      <c r="AO37456">
        <v>23</v>
      </c>
      <c r="AP37456">
        <v>23</v>
      </c>
      <c r="AQ37456">
        <v>23</v>
      </c>
    </row>
    <row r="37457" spans="1:43">
      <c r="A37457" t="s">
        <v>23217</v>
      </c>
      <c r="B37457" t="s">
        <v>23218</v>
      </c>
      <c r="C37457" t="s">
        <v>23213</v>
      </c>
      <c r="D37457" t="s">
        <v>23214</v>
      </c>
      <c r="E37457" t="s">
        <v>23145</v>
      </c>
      <c r="F37457" t="s">
        <v>23146</v>
      </c>
      <c r="G37457" t="s">
        <v>11612</v>
      </c>
      <c r="H37457" t="s">
        <v>11613</v>
      </c>
      <c r="I37457" s="2">
        <v>0</v>
      </c>
      <c r="J37457" s="2">
        <v>0</v>
      </c>
      <c r="K37457" s="2">
        <v>1</v>
      </c>
      <c r="L37457" t="s">
        <v>995</v>
      </c>
      <c r="M37457" t="s">
        <v>83</v>
      </c>
      <c r="N37457" t="s">
        <v>91</v>
      </c>
      <c r="O37457" t="s">
        <v>85</v>
      </c>
      <c r="P37457" t="s">
        <v>86</v>
      </c>
      <c r="Q37457">
        <v>20</v>
      </c>
      <c r="R37457">
        <v>20</v>
      </c>
      <c r="S37457">
        <v>20</v>
      </c>
      <c r="T37457">
        <v>20</v>
      </c>
      <c r="U37457">
        <v>20</v>
      </c>
      <c r="V37457">
        <v>20</v>
      </c>
      <c r="W37457">
        <v>21</v>
      </c>
      <c r="X37457">
        <v>21</v>
      </c>
      <c r="Y37457">
        <v>21</v>
      </c>
      <c r="Z37457">
        <v>21</v>
      </c>
      <c r="AA37457">
        <v>21</v>
      </c>
      <c r="AB37457">
        <v>22</v>
      </c>
      <c r="AC37457">
        <v>22</v>
      </c>
      <c r="AD37457">
        <v>22</v>
      </c>
      <c r="AE37457">
        <v>22</v>
      </c>
      <c r="AF37457">
        <v>22</v>
      </c>
      <c r="AG37457">
        <v>22</v>
      </c>
      <c r="AH37457">
        <v>22</v>
      </c>
      <c r="AI37457">
        <v>23</v>
      </c>
      <c r="AJ37457">
        <v>23</v>
      </c>
      <c r="AK37457">
        <v>23</v>
      </c>
      <c r="AL37457">
        <v>23</v>
      </c>
      <c r="AM37457">
        <v>23</v>
      </c>
      <c r="AN37457">
        <v>23</v>
      </c>
      <c r="AO37457">
        <v>23</v>
      </c>
      <c r="AP37457">
        <v>23</v>
      </c>
      <c r="AQ37457">
        <v>23</v>
      </c>
    </row>
    <row r="37458" spans="1:43">
      <c r="A37458" t="s">
        <v>23219</v>
      </c>
      <c r="B37458" t="s">
        <v>23220</v>
      </c>
      <c r="C37458" t="s">
        <v>23213</v>
      </c>
      <c r="D37458" t="s">
        <v>23214</v>
      </c>
      <c r="E37458" t="s">
        <v>23145</v>
      </c>
      <c r="F37458" t="s">
        <v>23146</v>
      </c>
      <c r="G37458" t="s">
        <v>11612</v>
      </c>
      <c r="H37458" t="s">
        <v>11613</v>
      </c>
      <c r="I37458" s="2">
        <v>0</v>
      </c>
      <c r="J37458" s="2">
        <v>0</v>
      </c>
      <c r="K37458" s="2">
        <v>1</v>
      </c>
      <c r="L37458" t="s">
        <v>995</v>
      </c>
      <c r="M37458" t="s">
        <v>83</v>
      </c>
      <c r="N37458" t="s">
        <v>84</v>
      </c>
      <c r="O37458" t="s">
        <v>85</v>
      </c>
      <c r="P37458" t="s">
        <v>86</v>
      </c>
      <c r="Q37458">
        <v>42</v>
      </c>
      <c r="R37458">
        <v>43</v>
      </c>
      <c r="S37458">
        <v>43</v>
      </c>
      <c r="T37458">
        <v>44</v>
      </c>
      <c r="U37458">
        <v>44</v>
      </c>
      <c r="V37458">
        <v>45</v>
      </c>
      <c r="W37458">
        <v>45</v>
      </c>
      <c r="X37458">
        <v>45</v>
      </c>
      <c r="Y37458">
        <v>46</v>
      </c>
      <c r="Z37458">
        <v>46</v>
      </c>
      <c r="AA37458">
        <v>47</v>
      </c>
      <c r="AB37458">
        <v>47</v>
      </c>
      <c r="AC37458">
        <v>47</v>
      </c>
      <c r="AD37458">
        <v>48</v>
      </c>
      <c r="AE37458">
        <v>48</v>
      </c>
      <c r="AF37458">
        <v>48</v>
      </c>
      <c r="AG37458">
        <v>49</v>
      </c>
      <c r="AH37458">
        <v>49</v>
      </c>
      <c r="AI37458">
        <v>49</v>
      </c>
      <c r="AJ37458">
        <v>50</v>
      </c>
      <c r="AK37458">
        <v>50</v>
      </c>
      <c r="AL37458">
        <v>50</v>
      </c>
      <c r="AM37458">
        <v>50</v>
      </c>
      <c r="AN37458">
        <v>50</v>
      </c>
      <c r="AO37458">
        <v>50</v>
      </c>
      <c r="AP37458">
        <v>49</v>
      </c>
      <c r="AQ37458">
        <v>49</v>
      </c>
    </row>
    <row r="37459" spans="1:43">
      <c r="A37459" t="s">
        <v>23219</v>
      </c>
      <c r="B37459" t="s">
        <v>23220</v>
      </c>
      <c r="C37459" t="s">
        <v>23213</v>
      </c>
      <c r="D37459" t="s">
        <v>23214</v>
      </c>
      <c r="E37459" t="s">
        <v>23145</v>
      </c>
      <c r="F37459" t="s">
        <v>23146</v>
      </c>
      <c r="G37459" t="s">
        <v>11612</v>
      </c>
      <c r="H37459" t="s">
        <v>11613</v>
      </c>
      <c r="I37459" s="2">
        <v>0</v>
      </c>
      <c r="J37459" s="2">
        <v>0</v>
      </c>
      <c r="K37459" s="2">
        <v>1</v>
      </c>
      <c r="L37459" t="s">
        <v>995</v>
      </c>
      <c r="M37459" t="s">
        <v>87</v>
      </c>
      <c r="N37459" t="s">
        <v>88</v>
      </c>
      <c r="O37459" t="s">
        <v>85</v>
      </c>
      <c r="P37459" t="s">
        <v>86</v>
      </c>
      <c r="Q37459">
        <v>42</v>
      </c>
      <c r="R37459">
        <v>42</v>
      </c>
      <c r="S37459">
        <v>42</v>
      </c>
      <c r="T37459">
        <v>42</v>
      </c>
      <c r="U37459">
        <v>42</v>
      </c>
      <c r="V37459">
        <v>42</v>
      </c>
      <c r="W37459">
        <v>42</v>
      </c>
      <c r="X37459">
        <v>42</v>
      </c>
      <c r="Y37459">
        <v>42</v>
      </c>
      <c r="Z37459">
        <v>42</v>
      </c>
      <c r="AA37459">
        <v>42</v>
      </c>
      <c r="AB37459">
        <v>42</v>
      </c>
      <c r="AC37459">
        <v>42</v>
      </c>
      <c r="AD37459">
        <v>42</v>
      </c>
      <c r="AE37459">
        <v>43</v>
      </c>
      <c r="AF37459">
        <v>43</v>
      </c>
      <c r="AG37459">
        <v>43</v>
      </c>
      <c r="AH37459">
        <v>43</v>
      </c>
      <c r="AI37459">
        <v>43</v>
      </c>
      <c r="AJ37459">
        <v>43</v>
      </c>
      <c r="AK37459">
        <v>43</v>
      </c>
      <c r="AL37459">
        <v>43</v>
      </c>
      <c r="AM37459">
        <v>43</v>
      </c>
      <c r="AN37459">
        <v>43</v>
      </c>
      <c r="AO37459">
        <v>43</v>
      </c>
      <c r="AP37459">
        <v>43</v>
      </c>
      <c r="AQ37459">
        <v>43</v>
      </c>
    </row>
    <row r="37460" spans="1:43">
      <c r="A37460" t="s">
        <v>23219</v>
      </c>
      <c r="B37460" t="s">
        <v>23220</v>
      </c>
      <c r="C37460" t="s">
        <v>23213</v>
      </c>
      <c r="D37460" t="s">
        <v>23214</v>
      </c>
      <c r="E37460" t="s">
        <v>23145</v>
      </c>
      <c r="F37460" t="s">
        <v>23146</v>
      </c>
      <c r="G37460" t="s">
        <v>11612</v>
      </c>
      <c r="H37460" t="s">
        <v>11613</v>
      </c>
      <c r="I37460" s="2">
        <v>0</v>
      </c>
      <c r="J37460" s="2">
        <v>0</v>
      </c>
      <c r="K37460" s="2">
        <v>1</v>
      </c>
      <c r="L37460" t="s">
        <v>995</v>
      </c>
      <c r="M37460" t="s">
        <v>89</v>
      </c>
      <c r="N37460" t="s">
        <v>90</v>
      </c>
      <c r="O37460" t="s">
        <v>85</v>
      </c>
      <c r="P37460" t="s">
        <v>86</v>
      </c>
      <c r="Q37460">
        <v>42</v>
      </c>
      <c r="R37460">
        <v>43</v>
      </c>
      <c r="S37460">
        <v>43</v>
      </c>
      <c r="T37460">
        <v>44</v>
      </c>
      <c r="U37460">
        <v>45</v>
      </c>
      <c r="V37460">
        <v>46</v>
      </c>
      <c r="W37460">
        <v>46</v>
      </c>
      <c r="X37460">
        <v>47</v>
      </c>
      <c r="Y37460">
        <v>47</v>
      </c>
      <c r="Z37460">
        <v>48</v>
      </c>
      <c r="AA37460">
        <v>49</v>
      </c>
      <c r="AB37460">
        <v>49</v>
      </c>
      <c r="AC37460">
        <v>50</v>
      </c>
      <c r="AD37460">
        <v>50</v>
      </c>
      <c r="AE37460">
        <v>50</v>
      </c>
      <c r="AF37460">
        <v>50</v>
      </c>
      <c r="AG37460">
        <v>50</v>
      </c>
      <c r="AH37460">
        <v>50</v>
      </c>
      <c r="AI37460">
        <v>50</v>
      </c>
      <c r="AJ37460">
        <v>50</v>
      </c>
      <c r="AK37460">
        <v>50</v>
      </c>
      <c r="AL37460">
        <v>50</v>
      </c>
      <c r="AM37460">
        <v>50</v>
      </c>
      <c r="AN37460">
        <v>49</v>
      </c>
      <c r="AO37460">
        <v>49</v>
      </c>
      <c r="AP37460">
        <v>49</v>
      </c>
      <c r="AQ37460">
        <v>49</v>
      </c>
    </row>
    <row r="37461" spans="1:43">
      <c r="A37461" t="s">
        <v>23219</v>
      </c>
      <c r="B37461" t="s">
        <v>23220</v>
      </c>
      <c r="C37461" t="s">
        <v>23213</v>
      </c>
      <c r="D37461" t="s">
        <v>23214</v>
      </c>
      <c r="E37461" t="s">
        <v>23145</v>
      </c>
      <c r="F37461" t="s">
        <v>23146</v>
      </c>
      <c r="G37461" t="s">
        <v>11612</v>
      </c>
      <c r="H37461" t="s">
        <v>11613</v>
      </c>
      <c r="I37461" s="2">
        <v>0</v>
      </c>
      <c r="J37461" s="2">
        <v>0</v>
      </c>
      <c r="K37461" s="2">
        <v>1</v>
      </c>
      <c r="L37461" t="s">
        <v>995</v>
      </c>
      <c r="M37461" t="s">
        <v>83</v>
      </c>
      <c r="N37461" t="s">
        <v>91</v>
      </c>
      <c r="O37461" t="s">
        <v>85</v>
      </c>
      <c r="P37461" t="s">
        <v>86</v>
      </c>
      <c r="Q37461">
        <v>42</v>
      </c>
      <c r="R37461">
        <v>43</v>
      </c>
      <c r="S37461">
        <v>43</v>
      </c>
      <c r="T37461">
        <v>44</v>
      </c>
      <c r="U37461">
        <v>44</v>
      </c>
      <c r="V37461">
        <v>45</v>
      </c>
      <c r="W37461">
        <v>45</v>
      </c>
      <c r="X37461">
        <v>45</v>
      </c>
      <c r="Y37461">
        <v>46</v>
      </c>
      <c r="Z37461">
        <v>46</v>
      </c>
      <c r="AA37461">
        <v>47</v>
      </c>
      <c r="AB37461">
        <v>47</v>
      </c>
      <c r="AC37461">
        <v>47</v>
      </c>
      <c r="AD37461">
        <v>48</v>
      </c>
      <c r="AE37461">
        <v>48</v>
      </c>
      <c r="AF37461">
        <v>48</v>
      </c>
      <c r="AG37461">
        <v>49</v>
      </c>
      <c r="AH37461">
        <v>49</v>
      </c>
      <c r="AI37461">
        <v>49</v>
      </c>
      <c r="AJ37461">
        <v>50</v>
      </c>
      <c r="AK37461">
        <v>50</v>
      </c>
      <c r="AL37461">
        <v>50</v>
      </c>
      <c r="AM37461">
        <v>50</v>
      </c>
      <c r="AN37461">
        <v>50</v>
      </c>
      <c r="AO37461">
        <v>50</v>
      </c>
      <c r="AP37461">
        <v>49</v>
      </c>
      <c r="AQ37461">
        <v>49</v>
      </c>
    </row>
    <row r="37462" spans="1:43">
      <c r="A37462" t="s">
        <v>23221</v>
      </c>
      <c r="B37462" t="s">
        <v>23222</v>
      </c>
      <c r="C37462" t="s">
        <v>23223</v>
      </c>
      <c r="D37462" t="s">
        <v>23224</v>
      </c>
      <c r="E37462" t="s">
        <v>23145</v>
      </c>
      <c r="F37462" t="s">
        <v>23146</v>
      </c>
      <c r="G37462" t="s">
        <v>11612</v>
      </c>
      <c r="H37462" t="s">
        <v>11613</v>
      </c>
      <c r="I37462" s="2">
        <v>0</v>
      </c>
      <c r="J37462" s="2">
        <v>0</v>
      </c>
      <c r="K37462" s="2">
        <v>1</v>
      </c>
      <c r="L37462" t="s">
        <v>995</v>
      </c>
      <c r="M37462" t="s">
        <v>83</v>
      </c>
      <c r="N37462" t="s">
        <v>84</v>
      </c>
      <c r="O37462" t="s">
        <v>85</v>
      </c>
      <c r="P37462" t="s">
        <v>86</v>
      </c>
      <c r="Q37462">
        <v>35</v>
      </c>
      <c r="R37462">
        <v>35</v>
      </c>
      <c r="S37462">
        <v>35</v>
      </c>
      <c r="T37462">
        <v>35</v>
      </c>
      <c r="U37462">
        <v>36</v>
      </c>
      <c r="V37462">
        <v>36</v>
      </c>
      <c r="W37462">
        <v>36</v>
      </c>
      <c r="X37462">
        <v>37</v>
      </c>
      <c r="Y37462">
        <v>37</v>
      </c>
      <c r="Z37462">
        <v>37</v>
      </c>
      <c r="AA37462">
        <v>38</v>
      </c>
      <c r="AB37462">
        <v>38</v>
      </c>
      <c r="AC37462">
        <v>38</v>
      </c>
      <c r="AD37462">
        <v>38</v>
      </c>
      <c r="AE37462">
        <v>38</v>
      </c>
      <c r="AF37462">
        <v>39</v>
      </c>
      <c r="AG37462">
        <v>39</v>
      </c>
      <c r="AH37462">
        <v>39</v>
      </c>
      <c r="AI37462">
        <v>39</v>
      </c>
      <c r="AJ37462">
        <v>39</v>
      </c>
      <c r="AK37462">
        <v>40</v>
      </c>
      <c r="AL37462">
        <v>39</v>
      </c>
      <c r="AM37462">
        <v>39</v>
      </c>
      <c r="AN37462">
        <v>39</v>
      </c>
      <c r="AO37462">
        <v>39</v>
      </c>
      <c r="AP37462">
        <v>39</v>
      </c>
      <c r="AQ37462">
        <v>39</v>
      </c>
    </row>
    <row r="37463" spans="1:43">
      <c r="A37463" t="s">
        <v>23221</v>
      </c>
      <c r="B37463" t="s">
        <v>23222</v>
      </c>
      <c r="C37463" t="s">
        <v>23223</v>
      </c>
      <c r="D37463" t="s">
        <v>23224</v>
      </c>
      <c r="E37463" t="s">
        <v>23145</v>
      </c>
      <c r="F37463" t="s">
        <v>23146</v>
      </c>
      <c r="G37463" t="s">
        <v>11612</v>
      </c>
      <c r="H37463" t="s">
        <v>11613</v>
      </c>
      <c r="I37463" s="2">
        <v>0</v>
      </c>
      <c r="J37463" s="2">
        <v>0</v>
      </c>
      <c r="K37463" s="2">
        <v>1</v>
      </c>
      <c r="L37463" t="s">
        <v>995</v>
      </c>
      <c r="M37463" t="s">
        <v>87</v>
      </c>
      <c r="N37463" t="s">
        <v>88</v>
      </c>
      <c r="O37463" t="s">
        <v>85</v>
      </c>
      <c r="P37463" t="s">
        <v>86</v>
      </c>
      <c r="Q37463">
        <v>35</v>
      </c>
      <c r="R37463">
        <v>35</v>
      </c>
      <c r="S37463">
        <v>35</v>
      </c>
      <c r="T37463">
        <v>35</v>
      </c>
      <c r="U37463">
        <v>35</v>
      </c>
      <c r="V37463">
        <v>35</v>
      </c>
      <c r="W37463">
        <v>35</v>
      </c>
      <c r="X37463">
        <v>35</v>
      </c>
      <c r="Y37463">
        <v>35</v>
      </c>
      <c r="Z37463">
        <v>35</v>
      </c>
      <c r="AA37463">
        <v>35</v>
      </c>
      <c r="AB37463">
        <v>35</v>
      </c>
      <c r="AC37463">
        <v>35</v>
      </c>
      <c r="AD37463">
        <v>35</v>
      </c>
      <c r="AE37463">
        <v>35</v>
      </c>
      <c r="AF37463">
        <v>35</v>
      </c>
      <c r="AG37463">
        <v>35</v>
      </c>
      <c r="AH37463">
        <v>35</v>
      </c>
      <c r="AI37463">
        <v>35</v>
      </c>
      <c r="AJ37463">
        <v>35</v>
      </c>
      <c r="AK37463">
        <v>35</v>
      </c>
      <c r="AL37463">
        <v>35</v>
      </c>
      <c r="AM37463">
        <v>35</v>
      </c>
      <c r="AN37463">
        <v>35</v>
      </c>
      <c r="AO37463">
        <v>35</v>
      </c>
      <c r="AP37463">
        <v>35</v>
      </c>
      <c r="AQ37463">
        <v>35</v>
      </c>
    </row>
    <row r="37464" spans="1:43">
      <c r="A37464" t="s">
        <v>23221</v>
      </c>
      <c r="B37464" t="s">
        <v>23222</v>
      </c>
      <c r="C37464" t="s">
        <v>23223</v>
      </c>
      <c r="D37464" t="s">
        <v>23224</v>
      </c>
      <c r="E37464" t="s">
        <v>23145</v>
      </c>
      <c r="F37464" t="s">
        <v>23146</v>
      </c>
      <c r="G37464" t="s">
        <v>11612</v>
      </c>
      <c r="H37464" t="s">
        <v>11613</v>
      </c>
      <c r="I37464" s="2">
        <v>0</v>
      </c>
      <c r="J37464" s="2">
        <v>0</v>
      </c>
      <c r="K37464" s="2">
        <v>1</v>
      </c>
      <c r="L37464" t="s">
        <v>995</v>
      </c>
      <c r="M37464" t="s">
        <v>89</v>
      </c>
      <c r="N37464" t="s">
        <v>90</v>
      </c>
      <c r="O37464" t="s">
        <v>85</v>
      </c>
      <c r="P37464" t="s">
        <v>86</v>
      </c>
      <c r="Q37464">
        <v>35</v>
      </c>
      <c r="R37464">
        <v>35</v>
      </c>
      <c r="S37464">
        <v>36</v>
      </c>
      <c r="T37464">
        <v>37</v>
      </c>
      <c r="U37464">
        <v>37</v>
      </c>
      <c r="V37464">
        <v>38</v>
      </c>
      <c r="W37464">
        <v>38</v>
      </c>
      <c r="X37464">
        <v>39</v>
      </c>
      <c r="Y37464">
        <v>39</v>
      </c>
      <c r="Z37464">
        <v>40</v>
      </c>
      <c r="AA37464">
        <v>40</v>
      </c>
      <c r="AB37464">
        <v>40</v>
      </c>
      <c r="AC37464">
        <v>41</v>
      </c>
      <c r="AD37464">
        <v>41</v>
      </c>
      <c r="AE37464">
        <v>41</v>
      </c>
      <c r="AF37464">
        <v>41</v>
      </c>
      <c r="AG37464">
        <v>41</v>
      </c>
      <c r="AH37464">
        <v>41</v>
      </c>
      <c r="AI37464">
        <v>40</v>
      </c>
      <c r="AJ37464">
        <v>40</v>
      </c>
      <c r="AK37464">
        <v>40</v>
      </c>
      <c r="AL37464">
        <v>40</v>
      </c>
      <c r="AM37464">
        <v>40</v>
      </c>
      <c r="AN37464">
        <v>39</v>
      </c>
      <c r="AO37464">
        <v>39</v>
      </c>
      <c r="AP37464">
        <v>39</v>
      </c>
      <c r="AQ37464">
        <v>39</v>
      </c>
    </row>
    <row r="37465" spans="1:43">
      <c r="A37465" t="s">
        <v>23221</v>
      </c>
      <c r="B37465" t="s">
        <v>23222</v>
      </c>
      <c r="C37465" t="s">
        <v>23223</v>
      </c>
      <c r="D37465" t="s">
        <v>23224</v>
      </c>
      <c r="E37465" t="s">
        <v>23145</v>
      </c>
      <c r="F37465" t="s">
        <v>23146</v>
      </c>
      <c r="G37465" t="s">
        <v>11612</v>
      </c>
      <c r="H37465" t="s">
        <v>11613</v>
      </c>
      <c r="I37465" s="2">
        <v>0</v>
      </c>
      <c r="J37465" s="2">
        <v>0</v>
      </c>
      <c r="K37465" s="2">
        <v>1</v>
      </c>
      <c r="L37465" t="s">
        <v>995</v>
      </c>
      <c r="M37465" t="s">
        <v>83</v>
      </c>
      <c r="N37465" t="s">
        <v>91</v>
      </c>
      <c r="O37465" t="s">
        <v>85</v>
      </c>
      <c r="P37465" t="s">
        <v>86</v>
      </c>
      <c r="Q37465">
        <v>35</v>
      </c>
      <c r="R37465">
        <v>35</v>
      </c>
      <c r="S37465">
        <v>35</v>
      </c>
      <c r="T37465">
        <v>35</v>
      </c>
      <c r="U37465">
        <v>36</v>
      </c>
      <c r="V37465">
        <v>36</v>
      </c>
      <c r="W37465">
        <v>36</v>
      </c>
      <c r="X37465">
        <v>37</v>
      </c>
      <c r="Y37465">
        <v>37</v>
      </c>
      <c r="Z37465">
        <v>37</v>
      </c>
      <c r="AA37465">
        <v>38</v>
      </c>
      <c r="AB37465">
        <v>38</v>
      </c>
      <c r="AC37465">
        <v>38</v>
      </c>
      <c r="AD37465">
        <v>38</v>
      </c>
      <c r="AE37465">
        <v>38</v>
      </c>
      <c r="AF37465">
        <v>39</v>
      </c>
      <c r="AG37465">
        <v>39</v>
      </c>
      <c r="AH37465">
        <v>39</v>
      </c>
      <c r="AI37465">
        <v>39</v>
      </c>
      <c r="AJ37465">
        <v>39</v>
      </c>
      <c r="AK37465">
        <v>40</v>
      </c>
      <c r="AL37465">
        <v>39</v>
      </c>
      <c r="AM37465">
        <v>39</v>
      </c>
      <c r="AN37465">
        <v>39</v>
      </c>
      <c r="AO37465">
        <v>39</v>
      </c>
      <c r="AP37465">
        <v>39</v>
      </c>
      <c r="AQ37465">
        <v>39</v>
      </c>
    </row>
    <row r="37466" spans="1:43">
      <c r="A37466" t="s">
        <v>23225</v>
      </c>
      <c r="B37466" t="s">
        <v>23226</v>
      </c>
      <c r="C37466" t="s">
        <v>23227</v>
      </c>
      <c r="D37466" t="s">
        <v>23228</v>
      </c>
      <c r="E37466" t="s">
        <v>23145</v>
      </c>
      <c r="F37466" t="s">
        <v>23146</v>
      </c>
      <c r="G37466" t="s">
        <v>11612</v>
      </c>
      <c r="H37466" t="s">
        <v>11613</v>
      </c>
      <c r="I37466" s="2">
        <v>0</v>
      </c>
      <c r="J37466" s="2">
        <v>0</v>
      </c>
      <c r="K37466" s="2">
        <v>1</v>
      </c>
      <c r="L37466" t="s">
        <v>995</v>
      </c>
      <c r="M37466" t="s">
        <v>83</v>
      </c>
      <c r="N37466" t="s">
        <v>84</v>
      </c>
      <c r="O37466" t="s">
        <v>85</v>
      </c>
      <c r="P37466" t="s">
        <v>86</v>
      </c>
      <c r="Q37466">
        <v>18</v>
      </c>
      <c r="R37466">
        <v>19</v>
      </c>
      <c r="S37466">
        <v>19</v>
      </c>
      <c r="T37466">
        <v>19</v>
      </c>
      <c r="U37466">
        <v>19</v>
      </c>
      <c r="V37466">
        <v>19</v>
      </c>
      <c r="W37466">
        <v>19</v>
      </c>
      <c r="X37466">
        <v>20</v>
      </c>
      <c r="Y37466">
        <v>20</v>
      </c>
      <c r="Z37466">
        <v>20</v>
      </c>
      <c r="AA37466">
        <v>20</v>
      </c>
      <c r="AB37466">
        <v>20</v>
      </c>
      <c r="AC37466">
        <v>20</v>
      </c>
      <c r="AD37466">
        <v>21</v>
      </c>
      <c r="AE37466">
        <v>21</v>
      </c>
      <c r="AF37466">
        <v>21</v>
      </c>
      <c r="AG37466">
        <v>21</v>
      </c>
      <c r="AH37466">
        <v>21</v>
      </c>
      <c r="AI37466">
        <v>21</v>
      </c>
      <c r="AJ37466">
        <v>21</v>
      </c>
      <c r="AK37466">
        <v>21</v>
      </c>
      <c r="AL37466">
        <v>21</v>
      </c>
      <c r="AM37466">
        <v>21</v>
      </c>
      <c r="AN37466">
        <v>21</v>
      </c>
      <c r="AO37466">
        <v>21</v>
      </c>
      <c r="AP37466">
        <v>21</v>
      </c>
      <c r="AQ37466">
        <v>21</v>
      </c>
    </row>
    <row r="37467" spans="1:43">
      <c r="A37467" t="s">
        <v>23225</v>
      </c>
      <c r="B37467" t="s">
        <v>23226</v>
      </c>
      <c r="C37467" t="s">
        <v>23227</v>
      </c>
      <c r="D37467" t="s">
        <v>23228</v>
      </c>
      <c r="E37467" t="s">
        <v>23145</v>
      </c>
      <c r="F37467" t="s">
        <v>23146</v>
      </c>
      <c r="G37467" t="s">
        <v>11612</v>
      </c>
      <c r="H37467" t="s">
        <v>11613</v>
      </c>
      <c r="I37467" s="2">
        <v>0</v>
      </c>
      <c r="J37467" s="2">
        <v>0</v>
      </c>
      <c r="K37467" s="2">
        <v>1</v>
      </c>
      <c r="L37467" t="s">
        <v>995</v>
      </c>
      <c r="M37467" t="s">
        <v>87</v>
      </c>
      <c r="N37467" t="s">
        <v>88</v>
      </c>
      <c r="O37467" t="s">
        <v>85</v>
      </c>
      <c r="P37467" t="s">
        <v>86</v>
      </c>
      <c r="Q37467">
        <v>18</v>
      </c>
      <c r="R37467">
        <v>18</v>
      </c>
      <c r="S37467">
        <v>18</v>
      </c>
      <c r="T37467">
        <v>18</v>
      </c>
      <c r="U37467">
        <v>18</v>
      </c>
      <c r="V37467">
        <v>18</v>
      </c>
      <c r="W37467">
        <v>18</v>
      </c>
      <c r="X37467">
        <v>18</v>
      </c>
      <c r="Y37467">
        <v>18</v>
      </c>
      <c r="Z37467">
        <v>18</v>
      </c>
      <c r="AA37467">
        <v>18</v>
      </c>
      <c r="AB37467">
        <v>18</v>
      </c>
      <c r="AC37467">
        <v>18</v>
      </c>
      <c r="AD37467">
        <v>18</v>
      </c>
      <c r="AE37467">
        <v>18</v>
      </c>
      <c r="AF37467">
        <v>18</v>
      </c>
      <c r="AG37467">
        <v>18</v>
      </c>
      <c r="AH37467">
        <v>18</v>
      </c>
      <c r="AI37467">
        <v>18</v>
      </c>
      <c r="AJ37467">
        <v>18</v>
      </c>
      <c r="AK37467">
        <v>18</v>
      </c>
      <c r="AL37467">
        <v>18</v>
      </c>
      <c r="AM37467">
        <v>18</v>
      </c>
      <c r="AN37467">
        <v>18</v>
      </c>
      <c r="AO37467">
        <v>18</v>
      </c>
      <c r="AP37467">
        <v>18</v>
      </c>
      <c r="AQ37467">
        <v>18</v>
      </c>
    </row>
    <row r="37468" spans="1:43">
      <c r="A37468" t="s">
        <v>23225</v>
      </c>
      <c r="B37468" t="s">
        <v>23226</v>
      </c>
      <c r="C37468" t="s">
        <v>23227</v>
      </c>
      <c r="D37468" t="s">
        <v>23228</v>
      </c>
      <c r="E37468" t="s">
        <v>23145</v>
      </c>
      <c r="F37468" t="s">
        <v>23146</v>
      </c>
      <c r="G37468" t="s">
        <v>11612</v>
      </c>
      <c r="H37468" t="s">
        <v>11613</v>
      </c>
      <c r="I37468" s="2">
        <v>0</v>
      </c>
      <c r="J37468" s="2">
        <v>0</v>
      </c>
      <c r="K37468" s="2">
        <v>1</v>
      </c>
      <c r="L37468" t="s">
        <v>995</v>
      </c>
      <c r="M37468" t="s">
        <v>89</v>
      </c>
      <c r="N37468" t="s">
        <v>90</v>
      </c>
      <c r="O37468" t="s">
        <v>85</v>
      </c>
      <c r="P37468" t="s">
        <v>86</v>
      </c>
      <c r="Q37468">
        <v>18</v>
      </c>
      <c r="R37468">
        <v>18</v>
      </c>
      <c r="S37468">
        <v>18</v>
      </c>
      <c r="T37468">
        <v>19</v>
      </c>
      <c r="U37468">
        <v>19</v>
      </c>
      <c r="V37468">
        <v>19</v>
      </c>
      <c r="W37468">
        <v>19</v>
      </c>
      <c r="X37468">
        <v>20</v>
      </c>
      <c r="Y37468">
        <v>20</v>
      </c>
      <c r="Z37468">
        <v>20</v>
      </c>
      <c r="AA37468">
        <v>20</v>
      </c>
      <c r="AB37468">
        <v>21</v>
      </c>
      <c r="AC37468">
        <v>21</v>
      </c>
      <c r="AD37468">
        <v>21</v>
      </c>
      <c r="AE37468">
        <v>21</v>
      </c>
      <c r="AF37468">
        <v>21</v>
      </c>
      <c r="AG37468">
        <v>21</v>
      </c>
      <c r="AH37468">
        <v>21</v>
      </c>
      <c r="AI37468">
        <v>21</v>
      </c>
      <c r="AJ37468">
        <v>21</v>
      </c>
      <c r="AK37468">
        <v>21</v>
      </c>
      <c r="AL37468">
        <v>21</v>
      </c>
      <c r="AM37468">
        <v>21</v>
      </c>
      <c r="AN37468">
        <v>21</v>
      </c>
      <c r="AO37468">
        <v>21</v>
      </c>
      <c r="AP37468">
        <v>20</v>
      </c>
      <c r="AQ37468">
        <v>20</v>
      </c>
    </row>
    <row r="37469" spans="1:43">
      <c r="A37469" t="s">
        <v>23225</v>
      </c>
      <c r="B37469" t="s">
        <v>23226</v>
      </c>
      <c r="C37469" t="s">
        <v>23227</v>
      </c>
      <c r="D37469" t="s">
        <v>23228</v>
      </c>
      <c r="E37469" t="s">
        <v>23145</v>
      </c>
      <c r="F37469" t="s">
        <v>23146</v>
      </c>
      <c r="G37469" t="s">
        <v>11612</v>
      </c>
      <c r="H37469" t="s">
        <v>11613</v>
      </c>
      <c r="I37469" s="2">
        <v>0</v>
      </c>
      <c r="J37469" s="2">
        <v>0</v>
      </c>
      <c r="K37469" s="2">
        <v>1</v>
      </c>
      <c r="L37469" t="s">
        <v>995</v>
      </c>
      <c r="M37469" t="s">
        <v>83</v>
      </c>
      <c r="N37469" t="s">
        <v>91</v>
      </c>
      <c r="O37469" t="s">
        <v>85</v>
      </c>
      <c r="P37469" t="s">
        <v>86</v>
      </c>
      <c r="Q37469">
        <v>18</v>
      </c>
      <c r="R37469">
        <v>19</v>
      </c>
      <c r="S37469">
        <v>19</v>
      </c>
      <c r="T37469">
        <v>19</v>
      </c>
      <c r="U37469">
        <v>19</v>
      </c>
      <c r="V37469">
        <v>19</v>
      </c>
      <c r="W37469">
        <v>19</v>
      </c>
      <c r="X37469">
        <v>20</v>
      </c>
      <c r="Y37469">
        <v>20</v>
      </c>
      <c r="Z37469">
        <v>20</v>
      </c>
      <c r="AA37469">
        <v>20</v>
      </c>
      <c r="AB37469">
        <v>20</v>
      </c>
      <c r="AC37469">
        <v>20</v>
      </c>
      <c r="AD37469">
        <v>21</v>
      </c>
      <c r="AE37469">
        <v>21</v>
      </c>
      <c r="AF37469">
        <v>21</v>
      </c>
      <c r="AG37469">
        <v>21</v>
      </c>
      <c r="AH37469">
        <v>21</v>
      </c>
      <c r="AI37469">
        <v>21</v>
      </c>
      <c r="AJ37469">
        <v>21</v>
      </c>
      <c r="AK37469">
        <v>21</v>
      </c>
      <c r="AL37469">
        <v>21</v>
      </c>
      <c r="AM37469">
        <v>21</v>
      </c>
      <c r="AN37469">
        <v>21</v>
      </c>
      <c r="AO37469">
        <v>21</v>
      </c>
      <c r="AP37469">
        <v>21</v>
      </c>
      <c r="AQ37469">
        <v>21</v>
      </c>
    </row>
    <row r="37470" spans="1:43">
      <c r="A37470" t="s">
        <v>23229</v>
      </c>
      <c r="B37470" t="s">
        <v>23230</v>
      </c>
      <c r="C37470" t="s">
        <v>23227</v>
      </c>
      <c r="D37470" t="s">
        <v>23228</v>
      </c>
      <c r="E37470" t="s">
        <v>23145</v>
      </c>
      <c r="F37470" t="s">
        <v>23146</v>
      </c>
      <c r="G37470" t="s">
        <v>11612</v>
      </c>
      <c r="H37470" t="s">
        <v>11613</v>
      </c>
      <c r="I37470" s="2">
        <v>0</v>
      </c>
      <c r="J37470" s="2">
        <v>0</v>
      </c>
      <c r="K37470" s="2">
        <v>1</v>
      </c>
      <c r="L37470" t="s">
        <v>995</v>
      </c>
      <c r="M37470" t="s">
        <v>83</v>
      </c>
      <c r="N37470" t="s">
        <v>84</v>
      </c>
      <c r="O37470" t="s">
        <v>85</v>
      </c>
      <c r="P37470" t="s">
        <v>86</v>
      </c>
      <c r="Q37470">
        <v>19</v>
      </c>
      <c r="R37470">
        <v>19</v>
      </c>
      <c r="S37470">
        <v>19</v>
      </c>
      <c r="T37470">
        <v>19</v>
      </c>
      <c r="U37470">
        <v>19</v>
      </c>
      <c r="V37470">
        <v>20</v>
      </c>
      <c r="W37470">
        <v>20</v>
      </c>
      <c r="X37470">
        <v>20</v>
      </c>
      <c r="Y37470">
        <v>20</v>
      </c>
      <c r="Z37470">
        <v>20</v>
      </c>
      <c r="AA37470">
        <v>20</v>
      </c>
      <c r="AB37470">
        <v>21</v>
      </c>
      <c r="AC37470">
        <v>21</v>
      </c>
      <c r="AD37470">
        <v>21</v>
      </c>
      <c r="AE37470">
        <v>21</v>
      </c>
      <c r="AF37470">
        <v>21</v>
      </c>
      <c r="AG37470">
        <v>21</v>
      </c>
      <c r="AH37470">
        <v>21</v>
      </c>
      <c r="AI37470">
        <v>21</v>
      </c>
      <c r="AJ37470">
        <v>21</v>
      </c>
      <c r="AK37470">
        <v>22</v>
      </c>
      <c r="AL37470">
        <v>21</v>
      </c>
      <c r="AM37470">
        <v>21</v>
      </c>
      <c r="AN37470">
        <v>21</v>
      </c>
      <c r="AO37470">
        <v>21</v>
      </c>
      <c r="AP37470">
        <v>21</v>
      </c>
      <c r="AQ37470">
        <v>21</v>
      </c>
    </row>
    <row r="37471" spans="1:43">
      <c r="A37471" t="s">
        <v>23229</v>
      </c>
      <c r="B37471" t="s">
        <v>23230</v>
      </c>
      <c r="C37471" t="s">
        <v>23227</v>
      </c>
      <c r="D37471" t="s">
        <v>23228</v>
      </c>
      <c r="E37471" t="s">
        <v>23145</v>
      </c>
      <c r="F37471" t="s">
        <v>23146</v>
      </c>
      <c r="G37471" t="s">
        <v>11612</v>
      </c>
      <c r="H37471" t="s">
        <v>11613</v>
      </c>
      <c r="I37471" s="2">
        <v>0</v>
      </c>
      <c r="J37471" s="2">
        <v>0</v>
      </c>
      <c r="K37471" s="2">
        <v>1</v>
      </c>
      <c r="L37471" t="s">
        <v>995</v>
      </c>
      <c r="M37471" t="s">
        <v>87</v>
      </c>
      <c r="N37471" t="s">
        <v>88</v>
      </c>
      <c r="O37471" t="s">
        <v>85</v>
      </c>
      <c r="P37471" t="s">
        <v>86</v>
      </c>
      <c r="Q37471">
        <v>19</v>
      </c>
      <c r="R37471">
        <v>19</v>
      </c>
      <c r="S37471">
        <v>19</v>
      </c>
      <c r="T37471">
        <v>19</v>
      </c>
      <c r="U37471">
        <v>19</v>
      </c>
      <c r="V37471">
        <v>19</v>
      </c>
      <c r="W37471">
        <v>19</v>
      </c>
      <c r="X37471">
        <v>19</v>
      </c>
      <c r="Y37471">
        <v>19</v>
      </c>
      <c r="Z37471">
        <v>19</v>
      </c>
      <c r="AA37471">
        <v>19</v>
      </c>
      <c r="AB37471">
        <v>19</v>
      </c>
      <c r="AC37471">
        <v>19</v>
      </c>
      <c r="AD37471">
        <v>19</v>
      </c>
      <c r="AE37471">
        <v>19</v>
      </c>
      <c r="AF37471">
        <v>18</v>
      </c>
      <c r="AG37471">
        <v>18</v>
      </c>
      <c r="AH37471">
        <v>18</v>
      </c>
      <c r="AI37471">
        <v>18</v>
      </c>
      <c r="AJ37471">
        <v>18</v>
      </c>
      <c r="AK37471">
        <v>18</v>
      </c>
      <c r="AL37471">
        <v>18</v>
      </c>
      <c r="AM37471">
        <v>18</v>
      </c>
      <c r="AN37471">
        <v>18</v>
      </c>
      <c r="AO37471">
        <v>18</v>
      </c>
      <c r="AP37471">
        <v>18</v>
      </c>
      <c r="AQ37471">
        <v>18</v>
      </c>
    </row>
    <row r="37472" spans="1:43">
      <c r="A37472" t="s">
        <v>23229</v>
      </c>
      <c r="B37472" t="s">
        <v>23230</v>
      </c>
      <c r="C37472" t="s">
        <v>23227</v>
      </c>
      <c r="D37472" t="s">
        <v>23228</v>
      </c>
      <c r="E37472" t="s">
        <v>23145</v>
      </c>
      <c r="F37472" t="s">
        <v>23146</v>
      </c>
      <c r="G37472" t="s">
        <v>11612</v>
      </c>
      <c r="H37472" t="s">
        <v>11613</v>
      </c>
      <c r="I37472" s="2">
        <v>0</v>
      </c>
      <c r="J37472" s="2">
        <v>0</v>
      </c>
      <c r="K37472" s="2">
        <v>1</v>
      </c>
      <c r="L37472" t="s">
        <v>995</v>
      </c>
      <c r="M37472" t="s">
        <v>89</v>
      </c>
      <c r="N37472" t="s">
        <v>90</v>
      </c>
      <c r="O37472" t="s">
        <v>85</v>
      </c>
      <c r="P37472" t="s">
        <v>86</v>
      </c>
      <c r="Q37472">
        <v>19</v>
      </c>
      <c r="R37472">
        <v>19</v>
      </c>
      <c r="S37472">
        <v>20</v>
      </c>
      <c r="T37472">
        <v>20</v>
      </c>
      <c r="U37472">
        <v>20</v>
      </c>
      <c r="V37472">
        <v>21</v>
      </c>
      <c r="W37472">
        <v>21</v>
      </c>
      <c r="X37472">
        <v>21</v>
      </c>
      <c r="Y37472">
        <v>21</v>
      </c>
      <c r="Z37472">
        <v>21</v>
      </c>
      <c r="AA37472">
        <v>22</v>
      </c>
      <c r="AB37472">
        <v>22</v>
      </c>
      <c r="AC37472">
        <v>22</v>
      </c>
      <c r="AD37472">
        <v>22</v>
      </c>
      <c r="AE37472">
        <v>22</v>
      </c>
      <c r="AF37472">
        <v>22</v>
      </c>
      <c r="AG37472">
        <v>22</v>
      </c>
      <c r="AH37472">
        <v>22</v>
      </c>
      <c r="AI37472">
        <v>22</v>
      </c>
      <c r="AJ37472">
        <v>22</v>
      </c>
      <c r="AK37472">
        <v>22</v>
      </c>
      <c r="AL37472">
        <v>22</v>
      </c>
      <c r="AM37472">
        <v>22</v>
      </c>
      <c r="AN37472">
        <v>21</v>
      </c>
      <c r="AO37472">
        <v>21</v>
      </c>
      <c r="AP37472">
        <v>21</v>
      </c>
      <c r="AQ37472">
        <v>21</v>
      </c>
    </row>
    <row r="37473" spans="1:43">
      <c r="A37473" t="s">
        <v>23229</v>
      </c>
      <c r="B37473" t="s">
        <v>23230</v>
      </c>
      <c r="C37473" t="s">
        <v>23227</v>
      </c>
      <c r="D37473" t="s">
        <v>23228</v>
      </c>
      <c r="E37473" t="s">
        <v>23145</v>
      </c>
      <c r="F37473" t="s">
        <v>23146</v>
      </c>
      <c r="G37473" t="s">
        <v>11612</v>
      </c>
      <c r="H37473" t="s">
        <v>11613</v>
      </c>
      <c r="I37473" s="2">
        <v>0</v>
      </c>
      <c r="J37473" s="2">
        <v>0</v>
      </c>
      <c r="K37473" s="2">
        <v>1</v>
      </c>
      <c r="L37473" t="s">
        <v>995</v>
      </c>
      <c r="M37473" t="s">
        <v>83</v>
      </c>
      <c r="N37473" t="s">
        <v>91</v>
      </c>
      <c r="O37473" t="s">
        <v>85</v>
      </c>
      <c r="P37473" t="s">
        <v>86</v>
      </c>
      <c r="Q37473">
        <v>19</v>
      </c>
      <c r="R37473">
        <v>19</v>
      </c>
      <c r="S37473">
        <v>19</v>
      </c>
      <c r="T37473">
        <v>19</v>
      </c>
      <c r="U37473">
        <v>19</v>
      </c>
      <c r="V37473">
        <v>20</v>
      </c>
      <c r="W37473">
        <v>20</v>
      </c>
      <c r="X37473">
        <v>20</v>
      </c>
      <c r="Y37473">
        <v>20</v>
      </c>
      <c r="Z37473">
        <v>20</v>
      </c>
      <c r="AA37473">
        <v>20</v>
      </c>
      <c r="AB37473">
        <v>21</v>
      </c>
      <c r="AC37473">
        <v>21</v>
      </c>
      <c r="AD37473">
        <v>21</v>
      </c>
      <c r="AE37473">
        <v>21</v>
      </c>
      <c r="AF37473">
        <v>21</v>
      </c>
      <c r="AG37473">
        <v>21</v>
      </c>
      <c r="AH37473">
        <v>21</v>
      </c>
      <c r="AI37473">
        <v>21</v>
      </c>
      <c r="AJ37473">
        <v>21</v>
      </c>
      <c r="AK37473">
        <v>22</v>
      </c>
      <c r="AL37473">
        <v>21</v>
      </c>
      <c r="AM37473">
        <v>21</v>
      </c>
      <c r="AN37473">
        <v>21</v>
      </c>
      <c r="AO37473">
        <v>21</v>
      </c>
      <c r="AP37473">
        <v>21</v>
      </c>
      <c r="AQ37473">
        <v>21</v>
      </c>
    </row>
    <row r="37474" spans="1:43">
      <c r="A37474" t="s">
        <v>23231</v>
      </c>
      <c r="B37474" t="s">
        <v>23232</v>
      </c>
      <c r="C37474" t="s">
        <v>23223</v>
      </c>
      <c r="D37474" t="s">
        <v>23224</v>
      </c>
      <c r="E37474" t="s">
        <v>23145</v>
      </c>
      <c r="F37474" t="s">
        <v>23146</v>
      </c>
      <c r="G37474" t="s">
        <v>11612</v>
      </c>
      <c r="H37474" t="s">
        <v>11613</v>
      </c>
      <c r="I37474" s="2">
        <v>0</v>
      </c>
      <c r="J37474" s="2">
        <v>0</v>
      </c>
      <c r="K37474" s="2">
        <v>1</v>
      </c>
      <c r="L37474" t="s">
        <v>995</v>
      </c>
      <c r="M37474" t="s">
        <v>83</v>
      </c>
      <c r="N37474" t="s">
        <v>84</v>
      </c>
      <c r="O37474" t="s">
        <v>85</v>
      </c>
      <c r="P37474" t="s">
        <v>86</v>
      </c>
      <c r="Q37474">
        <v>19</v>
      </c>
      <c r="R37474">
        <v>19</v>
      </c>
      <c r="S37474">
        <v>19</v>
      </c>
      <c r="T37474">
        <v>19</v>
      </c>
      <c r="U37474">
        <v>19</v>
      </c>
      <c r="V37474">
        <v>20</v>
      </c>
      <c r="W37474">
        <v>20</v>
      </c>
      <c r="X37474">
        <v>20</v>
      </c>
      <c r="Y37474">
        <v>20</v>
      </c>
      <c r="Z37474">
        <v>20</v>
      </c>
      <c r="AA37474">
        <v>20</v>
      </c>
      <c r="AB37474">
        <v>21</v>
      </c>
      <c r="AC37474">
        <v>21</v>
      </c>
      <c r="AD37474">
        <v>21</v>
      </c>
      <c r="AE37474">
        <v>21</v>
      </c>
      <c r="AF37474">
        <v>21</v>
      </c>
      <c r="AG37474">
        <v>21</v>
      </c>
      <c r="AH37474">
        <v>21</v>
      </c>
      <c r="AI37474">
        <v>21</v>
      </c>
      <c r="AJ37474">
        <v>22</v>
      </c>
      <c r="AK37474">
        <v>22</v>
      </c>
      <c r="AL37474">
        <v>22</v>
      </c>
      <c r="AM37474">
        <v>22</v>
      </c>
      <c r="AN37474">
        <v>22</v>
      </c>
      <c r="AO37474">
        <v>22</v>
      </c>
      <c r="AP37474">
        <v>21</v>
      </c>
      <c r="AQ37474">
        <v>21</v>
      </c>
    </row>
    <row r="37475" spans="1:43">
      <c r="A37475" t="s">
        <v>23231</v>
      </c>
      <c r="B37475" t="s">
        <v>23232</v>
      </c>
      <c r="C37475" t="s">
        <v>23223</v>
      </c>
      <c r="D37475" t="s">
        <v>23224</v>
      </c>
      <c r="E37475" t="s">
        <v>23145</v>
      </c>
      <c r="F37475" t="s">
        <v>23146</v>
      </c>
      <c r="G37475" t="s">
        <v>11612</v>
      </c>
      <c r="H37475" t="s">
        <v>11613</v>
      </c>
      <c r="I37475" s="2">
        <v>0</v>
      </c>
      <c r="J37475" s="2">
        <v>0</v>
      </c>
      <c r="K37475" s="2">
        <v>1</v>
      </c>
      <c r="L37475" t="s">
        <v>995</v>
      </c>
      <c r="M37475" t="s">
        <v>87</v>
      </c>
      <c r="N37475" t="s">
        <v>88</v>
      </c>
      <c r="O37475" t="s">
        <v>85</v>
      </c>
      <c r="P37475" t="s">
        <v>86</v>
      </c>
      <c r="Q37475">
        <v>19</v>
      </c>
      <c r="R37475">
        <v>19</v>
      </c>
      <c r="S37475">
        <v>19</v>
      </c>
      <c r="T37475">
        <v>19</v>
      </c>
      <c r="U37475">
        <v>19</v>
      </c>
      <c r="V37475">
        <v>19</v>
      </c>
      <c r="W37475">
        <v>19</v>
      </c>
      <c r="X37475">
        <v>20</v>
      </c>
      <c r="Y37475">
        <v>20</v>
      </c>
      <c r="Z37475">
        <v>20</v>
      </c>
      <c r="AA37475">
        <v>20</v>
      </c>
      <c r="AB37475">
        <v>20</v>
      </c>
      <c r="AC37475">
        <v>20</v>
      </c>
      <c r="AD37475">
        <v>20</v>
      </c>
      <c r="AE37475">
        <v>20</v>
      </c>
      <c r="AF37475">
        <v>20</v>
      </c>
      <c r="AG37475">
        <v>20</v>
      </c>
      <c r="AH37475">
        <v>20</v>
      </c>
      <c r="AI37475">
        <v>20</v>
      </c>
      <c r="AJ37475">
        <v>20</v>
      </c>
      <c r="AK37475">
        <v>20</v>
      </c>
      <c r="AL37475">
        <v>20</v>
      </c>
      <c r="AM37475">
        <v>19</v>
      </c>
      <c r="AN37475">
        <v>19</v>
      </c>
      <c r="AO37475">
        <v>19</v>
      </c>
      <c r="AP37475">
        <v>19</v>
      </c>
      <c r="AQ37475">
        <v>19</v>
      </c>
    </row>
    <row r="37476" spans="1:43">
      <c r="A37476" t="s">
        <v>23231</v>
      </c>
      <c r="B37476" t="s">
        <v>23232</v>
      </c>
      <c r="C37476" t="s">
        <v>23223</v>
      </c>
      <c r="D37476" t="s">
        <v>23224</v>
      </c>
      <c r="E37476" t="s">
        <v>23145</v>
      </c>
      <c r="F37476" t="s">
        <v>23146</v>
      </c>
      <c r="G37476" t="s">
        <v>11612</v>
      </c>
      <c r="H37476" t="s">
        <v>11613</v>
      </c>
      <c r="I37476" s="2">
        <v>0</v>
      </c>
      <c r="J37476" s="2">
        <v>0</v>
      </c>
      <c r="K37476" s="2">
        <v>1</v>
      </c>
      <c r="L37476" t="s">
        <v>995</v>
      </c>
      <c r="M37476" t="s">
        <v>89</v>
      </c>
      <c r="N37476" t="s">
        <v>90</v>
      </c>
      <c r="O37476" t="s">
        <v>85</v>
      </c>
      <c r="P37476" t="s">
        <v>86</v>
      </c>
      <c r="Q37476">
        <v>19</v>
      </c>
      <c r="R37476">
        <v>19</v>
      </c>
      <c r="S37476">
        <v>19</v>
      </c>
      <c r="T37476">
        <v>20</v>
      </c>
      <c r="U37476">
        <v>20</v>
      </c>
      <c r="V37476">
        <v>20</v>
      </c>
      <c r="W37476">
        <v>21</v>
      </c>
      <c r="X37476">
        <v>21</v>
      </c>
      <c r="Y37476">
        <v>21</v>
      </c>
      <c r="Z37476">
        <v>21</v>
      </c>
      <c r="AA37476">
        <v>22</v>
      </c>
      <c r="AB37476">
        <v>22</v>
      </c>
      <c r="AC37476">
        <v>22</v>
      </c>
      <c r="AD37476">
        <v>22</v>
      </c>
      <c r="AE37476">
        <v>22</v>
      </c>
      <c r="AF37476">
        <v>22</v>
      </c>
      <c r="AG37476">
        <v>22</v>
      </c>
      <c r="AH37476">
        <v>22</v>
      </c>
      <c r="AI37476">
        <v>22</v>
      </c>
      <c r="AJ37476">
        <v>22</v>
      </c>
      <c r="AK37476">
        <v>22</v>
      </c>
      <c r="AL37476">
        <v>22</v>
      </c>
      <c r="AM37476">
        <v>22</v>
      </c>
      <c r="AN37476">
        <v>22</v>
      </c>
      <c r="AO37476">
        <v>22</v>
      </c>
      <c r="AP37476">
        <v>22</v>
      </c>
      <c r="AQ37476">
        <v>22</v>
      </c>
    </row>
    <row r="37477" spans="1:43">
      <c r="A37477" t="s">
        <v>23231</v>
      </c>
      <c r="B37477" t="s">
        <v>23232</v>
      </c>
      <c r="C37477" t="s">
        <v>23223</v>
      </c>
      <c r="D37477" t="s">
        <v>23224</v>
      </c>
      <c r="E37477" t="s">
        <v>23145</v>
      </c>
      <c r="F37477" t="s">
        <v>23146</v>
      </c>
      <c r="G37477" t="s">
        <v>11612</v>
      </c>
      <c r="H37477" t="s">
        <v>11613</v>
      </c>
      <c r="I37477" s="2">
        <v>0</v>
      </c>
      <c r="J37477" s="2">
        <v>0</v>
      </c>
      <c r="K37477" s="2">
        <v>1</v>
      </c>
      <c r="L37477" t="s">
        <v>995</v>
      </c>
      <c r="M37477" t="s">
        <v>83</v>
      </c>
      <c r="N37477" t="s">
        <v>91</v>
      </c>
      <c r="O37477" t="s">
        <v>85</v>
      </c>
      <c r="P37477" t="s">
        <v>86</v>
      </c>
      <c r="Q37477">
        <v>19</v>
      </c>
      <c r="R37477">
        <v>19</v>
      </c>
      <c r="S37477">
        <v>19</v>
      </c>
      <c r="T37477">
        <v>19</v>
      </c>
      <c r="U37477">
        <v>19</v>
      </c>
      <c r="V37477">
        <v>20</v>
      </c>
      <c r="W37477">
        <v>20</v>
      </c>
      <c r="X37477">
        <v>20</v>
      </c>
      <c r="Y37477">
        <v>20</v>
      </c>
      <c r="Z37477">
        <v>20</v>
      </c>
      <c r="AA37477">
        <v>20</v>
      </c>
      <c r="AB37477">
        <v>21</v>
      </c>
      <c r="AC37477">
        <v>21</v>
      </c>
      <c r="AD37477">
        <v>21</v>
      </c>
      <c r="AE37477">
        <v>21</v>
      </c>
      <c r="AF37477">
        <v>21</v>
      </c>
      <c r="AG37477">
        <v>21</v>
      </c>
      <c r="AH37477">
        <v>21</v>
      </c>
      <c r="AI37477">
        <v>21</v>
      </c>
      <c r="AJ37477">
        <v>22</v>
      </c>
      <c r="AK37477">
        <v>22</v>
      </c>
      <c r="AL37477">
        <v>22</v>
      </c>
      <c r="AM37477">
        <v>22</v>
      </c>
      <c r="AN37477">
        <v>22</v>
      </c>
      <c r="AO37477">
        <v>22</v>
      </c>
      <c r="AP37477">
        <v>21</v>
      </c>
      <c r="AQ37477">
        <v>21</v>
      </c>
    </row>
    <row r="37478" spans="1:43">
      <c r="A37478" t="s">
        <v>23233</v>
      </c>
      <c r="B37478" t="s">
        <v>23234</v>
      </c>
      <c r="C37478" t="s">
        <v>23223</v>
      </c>
      <c r="D37478" t="s">
        <v>23224</v>
      </c>
      <c r="E37478" t="s">
        <v>23145</v>
      </c>
      <c r="F37478" t="s">
        <v>23146</v>
      </c>
      <c r="G37478" t="s">
        <v>11612</v>
      </c>
      <c r="H37478" t="s">
        <v>11613</v>
      </c>
      <c r="I37478" s="2">
        <v>0</v>
      </c>
      <c r="J37478" s="2">
        <v>0</v>
      </c>
      <c r="K37478" s="2">
        <v>1</v>
      </c>
      <c r="L37478" t="s">
        <v>995</v>
      </c>
      <c r="M37478" t="s">
        <v>83</v>
      </c>
      <c r="N37478" t="s">
        <v>84</v>
      </c>
      <c r="O37478" t="s">
        <v>85</v>
      </c>
      <c r="P37478" t="s">
        <v>86</v>
      </c>
      <c r="Q37478">
        <v>13</v>
      </c>
      <c r="R37478">
        <v>13</v>
      </c>
      <c r="S37478">
        <v>13</v>
      </c>
      <c r="T37478">
        <v>13</v>
      </c>
      <c r="U37478">
        <v>13</v>
      </c>
      <c r="V37478">
        <v>13</v>
      </c>
      <c r="W37478">
        <v>13</v>
      </c>
      <c r="X37478">
        <v>14</v>
      </c>
      <c r="Y37478">
        <v>14</v>
      </c>
      <c r="Z37478">
        <v>14</v>
      </c>
      <c r="AA37478">
        <v>14</v>
      </c>
      <c r="AB37478">
        <v>14</v>
      </c>
      <c r="AC37478">
        <v>14</v>
      </c>
      <c r="AD37478">
        <v>14</v>
      </c>
      <c r="AE37478">
        <v>14</v>
      </c>
      <c r="AF37478">
        <v>14</v>
      </c>
      <c r="AG37478">
        <v>15</v>
      </c>
      <c r="AH37478">
        <v>15</v>
      </c>
      <c r="AI37478">
        <v>15</v>
      </c>
      <c r="AJ37478">
        <v>15</v>
      </c>
      <c r="AK37478">
        <v>15</v>
      </c>
      <c r="AL37478">
        <v>15</v>
      </c>
      <c r="AM37478">
        <v>15</v>
      </c>
      <c r="AN37478">
        <v>15</v>
      </c>
      <c r="AO37478">
        <v>15</v>
      </c>
      <c r="AP37478">
        <v>15</v>
      </c>
      <c r="AQ37478">
        <v>15</v>
      </c>
    </row>
    <row r="37479" spans="1:43">
      <c r="A37479" t="s">
        <v>23233</v>
      </c>
      <c r="B37479" t="s">
        <v>23234</v>
      </c>
      <c r="C37479" t="s">
        <v>23223</v>
      </c>
      <c r="D37479" t="s">
        <v>23224</v>
      </c>
      <c r="E37479" t="s">
        <v>23145</v>
      </c>
      <c r="F37479" t="s">
        <v>23146</v>
      </c>
      <c r="G37479" t="s">
        <v>11612</v>
      </c>
      <c r="H37479" t="s">
        <v>11613</v>
      </c>
      <c r="I37479" s="2">
        <v>0</v>
      </c>
      <c r="J37479" s="2">
        <v>0</v>
      </c>
      <c r="K37479" s="2">
        <v>1</v>
      </c>
      <c r="L37479" t="s">
        <v>995</v>
      </c>
      <c r="M37479" t="s">
        <v>87</v>
      </c>
      <c r="N37479" t="s">
        <v>88</v>
      </c>
      <c r="O37479" t="s">
        <v>85</v>
      </c>
      <c r="P37479" t="s">
        <v>86</v>
      </c>
      <c r="Q37479">
        <v>13</v>
      </c>
      <c r="R37479">
        <v>13</v>
      </c>
      <c r="S37479">
        <v>13</v>
      </c>
      <c r="T37479">
        <v>13</v>
      </c>
      <c r="U37479">
        <v>13</v>
      </c>
      <c r="V37479">
        <v>13</v>
      </c>
      <c r="W37479">
        <v>13</v>
      </c>
      <c r="X37479">
        <v>13</v>
      </c>
      <c r="Y37479">
        <v>13</v>
      </c>
      <c r="Z37479">
        <v>13</v>
      </c>
      <c r="AA37479">
        <v>13</v>
      </c>
      <c r="AB37479">
        <v>13</v>
      </c>
      <c r="AC37479">
        <v>13</v>
      </c>
      <c r="AD37479">
        <v>13</v>
      </c>
      <c r="AE37479">
        <v>13</v>
      </c>
      <c r="AF37479">
        <v>13</v>
      </c>
      <c r="AG37479">
        <v>13</v>
      </c>
      <c r="AH37479">
        <v>13</v>
      </c>
      <c r="AI37479">
        <v>13</v>
      </c>
      <c r="AJ37479">
        <v>13</v>
      </c>
      <c r="AK37479">
        <v>13</v>
      </c>
      <c r="AL37479">
        <v>13</v>
      </c>
      <c r="AM37479">
        <v>13</v>
      </c>
      <c r="AN37479">
        <v>13</v>
      </c>
      <c r="AO37479">
        <v>13</v>
      </c>
      <c r="AP37479">
        <v>13</v>
      </c>
      <c r="AQ37479">
        <v>13</v>
      </c>
    </row>
    <row r="37480" spans="1:43">
      <c r="A37480" t="s">
        <v>23233</v>
      </c>
      <c r="B37480" t="s">
        <v>23234</v>
      </c>
      <c r="C37480" t="s">
        <v>23223</v>
      </c>
      <c r="D37480" t="s">
        <v>23224</v>
      </c>
      <c r="E37480" t="s">
        <v>23145</v>
      </c>
      <c r="F37480" t="s">
        <v>23146</v>
      </c>
      <c r="G37480" t="s">
        <v>11612</v>
      </c>
      <c r="H37480" t="s">
        <v>11613</v>
      </c>
      <c r="I37480" s="2">
        <v>0</v>
      </c>
      <c r="J37480" s="2">
        <v>0</v>
      </c>
      <c r="K37480" s="2">
        <v>1</v>
      </c>
      <c r="L37480" t="s">
        <v>995</v>
      </c>
      <c r="M37480" t="s">
        <v>89</v>
      </c>
      <c r="N37480" t="s">
        <v>90</v>
      </c>
      <c r="O37480" t="s">
        <v>85</v>
      </c>
      <c r="P37480" t="s">
        <v>86</v>
      </c>
      <c r="Q37480">
        <v>13</v>
      </c>
      <c r="R37480">
        <v>13</v>
      </c>
      <c r="S37480">
        <v>13</v>
      </c>
      <c r="T37480">
        <v>14</v>
      </c>
      <c r="U37480">
        <v>14</v>
      </c>
      <c r="V37480">
        <v>14</v>
      </c>
      <c r="W37480">
        <v>14</v>
      </c>
      <c r="X37480">
        <v>14</v>
      </c>
      <c r="Y37480">
        <v>15</v>
      </c>
      <c r="Z37480">
        <v>15</v>
      </c>
      <c r="AA37480">
        <v>15</v>
      </c>
      <c r="AB37480">
        <v>15</v>
      </c>
      <c r="AC37480">
        <v>15</v>
      </c>
      <c r="AD37480">
        <v>15</v>
      </c>
      <c r="AE37480">
        <v>15</v>
      </c>
      <c r="AF37480">
        <v>15</v>
      </c>
      <c r="AG37480">
        <v>15</v>
      </c>
      <c r="AH37480">
        <v>15</v>
      </c>
      <c r="AI37480">
        <v>15</v>
      </c>
      <c r="AJ37480">
        <v>15</v>
      </c>
      <c r="AK37480">
        <v>15</v>
      </c>
      <c r="AL37480">
        <v>15</v>
      </c>
      <c r="AM37480">
        <v>15</v>
      </c>
      <c r="AN37480">
        <v>15</v>
      </c>
      <c r="AO37480">
        <v>15</v>
      </c>
      <c r="AP37480">
        <v>15</v>
      </c>
      <c r="AQ37480">
        <v>15</v>
      </c>
    </row>
    <row r="37481" spans="1:43">
      <c r="A37481" t="s">
        <v>23233</v>
      </c>
      <c r="B37481" t="s">
        <v>23234</v>
      </c>
      <c r="C37481" t="s">
        <v>23223</v>
      </c>
      <c r="D37481" t="s">
        <v>23224</v>
      </c>
      <c r="E37481" t="s">
        <v>23145</v>
      </c>
      <c r="F37481" t="s">
        <v>23146</v>
      </c>
      <c r="G37481" t="s">
        <v>11612</v>
      </c>
      <c r="H37481" t="s">
        <v>11613</v>
      </c>
      <c r="I37481" s="2">
        <v>0</v>
      </c>
      <c r="J37481" s="2">
        <v>0</v>
      </c>
      <c r="K37481" s="2">
        <v>1</v>
      </c>
      <c r="L37481" t="s">
        <v>995</v>
      </c>
      <c r="M37481" t="s">
        <v>83</v>
      </c>
      <c r="N37481" t="s">
        <v>91</v>
      </c>
      <c r="O37481" t="s">
        <v>85</v>
      </c>
      <c r="P37481" t="s">
        <v>86</v>
      </c>
      <c r="Q37481">
        <v>13</v>
      </c>
      <c r="R37481">
        <v>13</v>
      </c>
      <c r="S37481">
        <v>13</v>
      </c>
      <c r="T37481">
        <v>13</v>
      </c>
      <c r="U37481">
        <v>13</v>
      </c>
      <c r="V37481">
        <v>13</v>
      </c>
      <c r="W37481">
        <v>13</v>
      </c>
      <c r="X37481">
        <v>14</v>
      </c>
      <c r="Y37481">
        <v>14</v>
      </c>
      <c r="Z37481">
        <v>14</v>
      </c>
      <c r="AA37481">
        <v>14</v>
      </c>
      <c r="AB37481">
        <v>14</v>
      </c>
      <c r="AC37481">
        <v>14</v>
      </c>
      <c r="AD37481">
        <v>14</v>
      </c>
      <c r="AE37481">
        <v>14</v>
      </c>
      <c r="AF37481">
        <v>14</v>
      </c>
      <c r="AG37481">
        <v>15</v>
      </c>
      <c r="AH37481">
        <v>15</v>
      </c>
      <c r="AI37481">
        <v>15</v>
      </c>
      <c r="AJ37481">
        <v>15</v>
      </c>
      <c r="AK37481">
        <v>15</v>
      </c>
      <c r="AL37481">
        <v>15</v>
      </c>
      <c r="AM37481">
        <v>15</v>
      </c>
      <c r="AN37481">
        <v>15</v>
      </c>
      <c r="AO37481">
        <v>15</v>
      </c>
      <c r="AP37481">
        <v>15</v>
      </c>
      <c r="AQ37481">
        <v>15</v>
      </c>
    </row>
    <row r="37482" spans="1:43">
      <c r="A37482" t="s">
        <v>23235</v>
      </c>
      <c r="B37482" t="s">
        <v>23236</v>
      </c>
      <c r="C37482" t="s">
        <v>23237</v>
      </c>
      <c r="D37482" t="s">
        <v>23238</v>
      </c>
      <c r="E37482" t="s">
        <v>23145</v>
      </c>
      <c r="F37482" t="s">
        <v>23146</v>
      </c>
      <c r="G37482" t="s">
        <v>11612</v>
      </c>
      <c r="H37482" t="s">
        <v>11613</v>
      </c>
      <c r="I37482" s="2">
        <v>0</v>
      </c>
      <c r="J37482" s="2">
        <v>0</v>
      </c>
      <c r="K37482" s="2">
        <v>1</v>
      </c>
      <c r="L37482" t="s">
        <v>995</v>
      </c>
      <c r="M37482" t="s">
        <v>83</v>
      </c>
      <c r="N37482" t="s">
        <v>84</v>
      </c>
      <c r="O37482" t="s">
        <v>85</v>
      </c>
      <c r="P37482" t="s">
        <v>86</v>
      </c>
      <c r="Q37482">
        <v>55</v>
      </c>
      <c r="R37482">
        <v>55</v>
      </c>
      <c r="S37482">
        <v>56</v>
      </c>
      <c r="T37482">
        <v>57</v>
      </c>
      <c r="U37482">
        <v>57</v>
      </c>
      <c r="V37482">
        <v>58</v>
      </c>
      <c r="W37482">
        <v>58</v>
      </c>
      <c r="X37482">
        <v>59</v>
      </c>
      <c r="Y37482">
        <v>59</v>
      </c>
      <c r="Z37482">
        <v>59</v>
      </c>
      <c r="AA37482">
        <v>60</v>
      </c>
      <c r="AB37482">
        <v>60</v>
      </c>
      <c r="AC37482">
        <v>61</v>
      </c>
      <c r="AD37482">
        <v>61</v>
      </c>
      <c r="AE37482">
        <v>61</v>
      </c>
      <c r="AF37482">
        <v>62</v>
      </c>
      <c r="AG37482">
        <v>62</v>
      </c>
      <c r="AH37482">
        <v>63</v>
      </c>
      <c r="AI37482">
        <v>63</v>
      </c>
      <c r="AJ37482">
        <v>63</v>
      </c>
      <c r="AK37482">
        <v>63</v>
      </c>
      <c r="AL37482">
        <v>63</v>
      </c>
      <c r="AM37482">
        <v>63</v>
      </c>
      <c r="AN37482">
        <v>63</v>
      </c>
      <c r="AO37482">
        <v>63</v>
      </c>
      <c r="AP37482">
        <v>62</v>
      </c>
      <c r="AQ37482">
        <v>62</v>
      </c>
    </row>
    <row r="37483" spans="1:43">
      <c r="A37483" t="s">
        <v>23235</v>
      </c>
      <c r="B37483" t="s">
        <v>23236</v>
      </c>
      <c r="C37483" t="s">
        <v>23237</v>
      </c>
      <c r="D37483" t="s">
        <v>23238</v>
      </c>
      <c r="E37483" t="s">
        <v>23145</v>
      </c>
      <c r="F37483" t="s">
        <v>23146</v>
      </c>
      <c r="G37483" t="s">
        <v>11612</v>
      </c>
      <c r="H37483" t="s">
        <v>11613</v>
      </c>
      <c r="I37483" s="2">
        <v>0</v>
      </c>
      <c r="J37483" s="2">
        <v>0</v>
      </c>
      <c r="K37483" s="2">
        <v>1</v>
      </c>
      <c r="L37483" t="s">
        <v>995</v>
      </c>
      <c r="M37483" t="s">
        <v>87</v>
      </c>
      <c r="N37483" t="s">
        <v>88</v>
      </c>
      <c r="O37483" t="s">
        <v>85</v>
      </c>
      <c r="P37483" t="s">
        <v>86</v>
      </c>
      <c r="Q37483">
        <v>55</v>
      </c>
      <c r="R37483">
        <v>55</v>
      </c>
      <c r="S37483">
        <v>55</v>
      </c>
      <c r="T37483">
        <v>56</v>
      </c>
      <c r="U37483">
        <v>56</v>
      </c>
      <c r="V37483">
        <v>56</v>
      </c>
      <c r="W37483">
        <v>56</v>
      </c>
      <c r="X37483">
        <v>56</v>
      </c>
      <c r="Y37483">
        <v>56</v>
      </c>
      <c r="Z37483">
        <v>56</v>
      </c>
      <c r="AA37483">
        <v>56</v>
      </c>
      <c r="AB37483">
        <v>56</v>
      </c>
      <c r="AC37483">
        <v>56</v>
      </c>
      <c r="AD37483">
        <v>56</v>
      </c>
      <c r="AE37483">
        <v>56</v>
      </c>
      <c r="AF37483">
        <v>55</v>
      </c>
      <c r="AG37483">
        <v>55</v>
      </c>
      <c r="AH37483">
        <v>55</v>
      </c>
      <c r="AI37483">
        <v>55</v>
      </c>
      <c r="AJ37483">
        <v>55</v>
      </c>
      <c r="AK37483">
        <v>55</v>
      </c>
      <c r="AL37483">
        <v>55</v>
      </c>
      <c r="AM37483">
        <v>55</v>
      </c>
      <c r="AN37483">
        <v>55</v>
      </c>
      <c r="AO37483">
        <v>55</v>
      </c>
      <c r="AP37483">
        <v>55</v>
      </c>
      <c r="AQ37483">
        <v>55</v>
      </c>
    </row>
    <row r="37484" spans="1:43">
      <c r="A37484" t="s">
        <v>23235</v>
      </c>
      <c r="B37484" t="s">
        <v>23236</v>
      </c>
      <c r="C37484" t="s">
        <v>23237</v>
      </c>
      <c r="D37484" t="s">
        <v>23238</v>
      </c>
      <c r="E37484" t="s">
        <v>23145</v>
      </c>
      <c r="F37484" t="s">
        <v>23146</v>
      </c>
      <c r="G37484" t="s">
        <v>11612</v>
      </c>
      <c r="H37484" t="s">
        <v>11613</v>
      </c>
      <c r="I37484" s="2">
        <v>0</v>
      </c>
      <c r="J37484" s="2">
        <v>0</v>
      </c>
      <c r="K37484" s="2">
        <v>1</v>
      </c>
      <c r="L37484" t="s">
        <v>995</v>
      </c>
      <c r="M37484" t="s">
        <v>89</v>
      </c>
      <c r="N37484" t="s">
        <v>90</v>
      </c>
      <c r="O37484" t="s">
        <v>85</v>
      </c>
      <c r="P37484" t="s">
        <v>86</v>
      </c>
      <c r="Q37484">
        <v>55</v>
      </c>
      <c r="R37484">
        <v>56</v>
      </c>
      <c r="S37484">
        <v>57</v>
      </c>
      <c r="T37484">
        <v>58</v>
      </c>
      <c r="U37484">
        <v>59</v>
      </c>
      <c r="V37484">
        <v>60</v>
      </c>
      <c r="W37484">
        <v>61</v>
      </c>
      <c r="X37484">
        <v>62</v>
      </c>
      <c r="Y37484">
        <v>62</v>
      </c>
      <c r="Z37484">
        <v>63</v>
      </c>
      <c r="AA37484">
        <v>64</v>
      </c>
      <c r="AB37484">
        <v>64</v>
      </c>
      <c r="AC37484">
        <v>65</v>
      </c>
      <c r="AD37484">
        <v>66</v>
      </c>
      <c r="AE37484">
        <v>66</v>
      </c>
      <c r="AF37484">
        <v>66</v>
      </c>
      <c r="AG37484">
        <v>65</v>
      </c>
      <c r="AH37484">
        <v>65</v>
      </c>
      <c r="AI37484">
        <v>65</v>
      </c>
      <c r="AJ37484">
        <v>65</v>
      </c>
      <c r="AK37484">
        <v>64</v>
      </c>
      <c r="AL37484">
        <v>64</v>
      </c>
      <c r="AM37484">
        <v>64</v>
      </c>
      <c r="AN37484">
        <v>63</v>
      </c>
      <c r="AO37484">
        <v>63</v>
      </c>
      <c r="AP37484">
        <v>63</v>
      </c>
      <c r="AQ37484">
        <v>63</v>
      </c>
    </row>
    <row r="37485" spans="1:43">
      <c r="A37485" t="s">
        <v>23235</v>
      </c>
      <c r="B37485" t="s">
        <v>23236</v>
      </c>
      <c r="C37485" t="s">
        <v>23237</v>
      </c>
      <c r="D37485" t="s">
        <v>23238</v>
      </c>
      <c r="E37485" t="s">
        <v>23145</v>
      </c>
      <c r="F37485" t="s">
        <v>23146</v>
      </c>
      <c r="G37485" t="s">
        <v>11612</v>
      </c>
      <c r="H37485" t="s">
        <v>11613</v>
      </c>
      <c r="I37485" s="2">
        <v>0</v>
      </c>
      <c r="J37485" s="2">
        <v>0</v>
      </c>
      <c r="K37485" s="2">
        <v>1</v>
      </c>
      <c r="L37485" t="s">
        <v>995</v>
      </c>
      <c r="M37485" t="s">
        <v>83</v>
      </c>
      <c r="N37485" t="s">
        <v>91</v>
      </c>
      <c r="O37485" t="s">
        <v>85</v>
      </c>
      <c r="P37485" t="s">
        <v>86</v>
      </c>
      <c r="Q37485">
        <v>55</v>
      </c>
      <c r="R37485">
        <v>55</v>
      </c>
      <c r="S37485">
        <v>56</v>
      </c>
      <c r="T37485">
        <v>57</v>
      </c>
      <c r="U37485">
        <v>57</v>
      </c>
      <c r="V37485">
        <v>58</v>
      </c>
      <c r="W37485">
        <v>58</v>
      </c>
      <c r="X37485">
        <v>59</v>
      </c>
      <c r="Y37485">
        <v>59</v>
      </c>
      <c r="Z37485">
        <v>59</v>
      </c>
      <c r="AA37485">
        <v>60</v>
      </c>
      <c r="AB37485">
        <v>60</v>
      </c>
      <c r="AC37485">
        <v>61</v>
      </c>
      <c r="AD37485">
        <v>61</v>
      </c>
      <c r="AE37485">
        <v>61</v>
      </c>
      <c r="AF37485">
        <v>62</v>
      </c>
      <c r="AG37485">
        <v>62</v>
      </c>
      <c r="AH37485">
        <v>63</v>
      </c>
      <c r="AI37485">
        <v>63</v>
      </c>
      <c r="AJ37485">
        <v>63</v>
      </c>
      <c r="AK37485">
        <v>63</v>
      </c>
      <c r="AL37485">
        <v>63</v>
      </c>
      <c r="AM37485">
        <v>63</v>
      </c>
      <c r="AN37485">
        <v>63</v>
      </c>
      <c r="AO37485">
        <v>63</v>
      </c>
      <c r="AP37485">
        <v>62</v>
      </c>
      <c r="AQ37485">
        <v>62</v>
      </c>
    </row>
    <row r="37486" spans="1:43">
      <c r="A37486" t="s">
        <v>23239</v>
      </c>
      <c r="B37486" t="s">
        <v>23240</v>
      </c>
      <c r="C37486" t="s">
        <v>23241</v>
      </c>
      <c r="D37486" t="s">
        <v>23242</v>
      </c>
      <c r="E37486" t="s">
        <v>23145</v>
      </c>
      <c r="F37486" t="s">
        <v>23146</v>
      </c>
      <c r="G37486" t="s">
        <v>11612</v>
      </c>
      <c r="H37486" t="s">
        <v>11613</v>
      </c>
      <c r="I37486" s="2">
        <v>0</v>
      </c>
      <c r="J37486" s="2">
        <v>0</v>
      </c>
      <c r="K37486" s="2">
        <v>1</v>
      </c>
      <c r="L37486" t="s">
        <v>995</v>
      </c>
      <c r="M37486" t="s">
        <v>83</v>
      </c>
      <c r="N37486" t="s">
        <v>84</v>
      </c>
      <c r="O37486" t="s">
        <v>85</v>
      </c>
      <c r="P37486" t="s">
        <v>86</v>
      </c>
      <c r="Q37486">
        <v>26</v>
      </c>
      <c r="R37486">
        <v>27</v>
      </c>
      <c r="S37486">
        <v>27</v>
      </c>
      <c r="T37486">
        <v>27</v>
      </c>
      <c r="U37486">
        <v>27</v>
      </c>
      <c r="V37486">
        <v>28</v>
      </c>
      <c r="W37486">
        <v>28</v>
      </c>
      <c r="X37486">
        <v>28</v>
      </c>
      <c r="Y37486">
        <v>28</v>
      </c>
      <c r="Z37486">
        <v>29</v>
      </c>
      <c r="AA37486">
        <v>29</v>
      </c>
      <c r="AB37486">
        <v>29</v>
      </c>
      <c r="AC37486">
        <v>29</v>
      </c>
      <c r="AD37486">
        <v>29</v>
      </c>
      <c r="AE37486">
        <v>30</v>
      </c>
      <c r="AF37486">
        <v>30</v>
      </c>
      <c r="AG37486">
        <v>30</v>
      </c>
      <c r="AH37486">
        <v>30</v>
      </c>
      <c r="AI37486">
        <v>30</v>
      </c>
      <c r="AJ37486">
        <v>30</v>
      </c>
      <c r="AK37486">
        <v>31</v>
      </c>
      <c r="AL37486">
        <v>31</v>
      </c>
      <c r="AM37486">
        <v>30</v>
      </c>
      <c r="AN37486">
        <v>30</v>
      </c>
      <c r="AO37486">
        <v>30</v>
      </c>
      <c r="AP37486">
        <v>30</v>
      </c>
      <c r="AQ37486">
        <v>30</v>
      </c>
    </row>
    <row r="37487" spans="1:43">
      <c r="A37487" t="s">
        <v>23239</v>
      </c>
      <c r="B37487" t="s">
        <v>23240</v>
      </c>
      <c r="C37487" t="s">
        <v>23241</v>
      </c>
      <c r="D37487" t="s">
        <v>23242</v>
      </c>
      <c r="E37487" t="s">
        <v>23145</v>
      </c>
      <c r="F37487" t="s">
        <v>23146</v>
      </c>
      <c r="G37487" t="s">
        <v>11612</v>
      </c>
      <c r="H37487" t="s">
        <v>11613</v>
      </c>
      <c r="I37487" s="2">
        <v>0</v>
      </c>
      <c r="J37487" s="2">
        <v>0</v>
      </c>
      <c r="K37487" s="2">
        <v>1</v>
      </c>
      <c r="L37487" t="s">
        <v>995</v>
      </c>
      <c r="M37487" t="s">
        <v>87</v>
      </c>
      <c r="N37487" t="s">
        <v>88</v>
      </c>
      <c r="O37487" t="s">
        <v>85</v>
      </c>
      <c r="P37487" t="s">
        <v>86</v>
      </c>
      <c r="Q37487">
        <v>26</v>
      </c>
      <c r="R37487">
        <v>26</v>
      </c>
      <c r="S37487">
        <v>26</v>
      </c>
      <c r="T37487">
        <v>26</v>
      </c>
      <c r="U37487">
        <v>26</v>
      </c>
      <c r="V37487">
        <v>26</v>
      </c>
      <c r="W37487">
        <v>26</v>
      </c>
      <c r="X37487">
        <v>26</v>
      </c>
      <c r="Y37487">
        <v>26</v>
      </c>
      <c r="Z37487">
        <v>26</v>
      </c>
      <c r="AA37487">
        <v>26</v>
      </c>
      <c r="AB37487">
        <v>26</v>
      </c>
      <c r="AC37487">
        <v>26</v>
      </c>
      <c r="AD37487">
        <v>26</v>
      </c>
      <c r="AE37487">
        <v>26</v>
      </c>
      <c r="AF37487">
        <v>26</v>
      </c>
      <c r="AG37487">
        <v>26</v>
      </c>
      <c r="AH37487">
        <v>26</v>
      </c>
      <c r="AI37487">
        <v>26</v>
      </c>
      <c r="AJ37487">
        <v>26</v>
      </c>
      <c r="AK37487">
        <v>26</v>
      </c>
      <c r="AL37487">
        <v>26</v>
      </c>
      <c r="AM37487">
        <v>26</v>
      </c>
      <c r="AN37487">
        <v>26</v>
      </c>
      <c r="AO37487">
        <v>26</v>
      </c>
      <c r="AP37487">
        <v>26</v>
      </c>
      <c r="AQ37487">
        <v>26</v>
      </c>
    </row>
    <row r="37488" spans="1:43">
      <c r="A37488" t="s">
        <v>23239</v>
      </c>
      <c r="B37488" t="s">
        <v>23240</v>
      </c>
      <c r="C37488" t="s">
        <v>23241</v>
      </c>
      <c r="D37488" t="s">
        <v>23242</v>
      </c>
      <c r="E37488" t="s">
        <v>23145</v>
      </c>
      <c r="F37488" t="s">
        <v>23146</v>
      </c>
      <c r="G37488" t="s">
        <v>11612</v>
      </c>
      <c r="H37488" t="s">
        <v>11613</v>
      </c>
      <c r="I37488" s="2">
        <v>0</v>
      </c>
      <c r="J37488" s="2">
        <v>0</v>
      </c>
      <c r="K37488" s="2">
        <v>1</v>
      </c>
      <c r="L37488" t="s">
        <v>995</v>
      </c>
      <c r="M37488" t="s">
        <v>89</v>
      </c>
      <c r="N37488" t="s">
        <v>90</v>
      </c>
      <c r="O37488" t="s">
        <v>85</v>
      </c>
      <c r="P37488" t="s">
        <v>86</v>
      </c>
      <c r="Q37488">
        <v>26</v>
      </c>
      <c r="R37488">
        <v>26</v>
      </c>
      <c r="S37488">
        <v>27</v>
      </c>
      <c r="T37488">
        <v>27</v>
      </c>
      <c r="U37488">
        <v>28</v>
      </c>
      <c r="V37488">
        <v>28</v>
      </c>
      <c r="W37488">
        <v>28</v>
      </c>
      <c r="X37488">
        <v>29</v>
      </c>
      <c r="Y37488">
        <v>29</v>
      </c>
      <c r="Z37488">
        <v>29</v>
      </c>
      <c r="AA37488">
        <v>30</v>
      </c>
      <c r="AB37488">
        <v>30</v>
      </c>
      <c r="AC37488">
        <v>30</v>
      </c>
      <c r="AD37488">
        <v>31</v>
      </c>
      <c r="AE37488">
        <v>31</v>
      </c>
      <c r="AF37488">
        <v>31</v>
      </c>
      <c r="AG37488">
        <v>30</v>
      </c>
      <c r="AH37488">
        <v>30</v>
      </c>
      <c r="AI37488">
        <v>30</v>
      </c>
      <c r="AJ37488">
        <v>30</v>
      </c>
      <c r="AK37488">
        <v>30</v>
      </c>
      <c r="AL37488">
        <v>30</v>
      </c>
      <c r="AM37488">
        <v>30</v>
      </c>
      <c r="AN37488">
        <v>30</v>
      </c>
      <c r="AO37488">
        <v>29</v>
      </c>
      <c r="AP37488">
        <v>29</v>
      </c>
      <c r="AQ37488">
        <v>29</v>
      </c>
    </row>
    <row r="37489" spans="1:43">
      <c r="A37489" t="s">
        <v>23239</v>
      </c>
      <c r="B37489" t="s">
        <v>23240</v>
      </c>
      <c r="C37489" t="s">
        <v>23241</v>
      </c>
      <c r="D37489" t="s">
        <v>23242</v>
      </c>
      <c r="E37489" t="s">
        <v>23145</v>
      </c>
      <c r="F37489" t="s">
        <v>23146</v>
      </c>
      <c r="G37489" t="s">
        <v>11612</v>
      </c>
      <c r="H37489" t="s">
        <v>11613</v>
      </c>
      <c r="I37489" s="2">
        <v>0</v>
      </c>
      <c r="J37489" s="2">
        <v>0</v>
      </c>
      <c r="K37489" s="2">
        <v>1</v>
      </c>
      <c r="L37489" t="s">
        <v>995</v>
      </c>
      <c r="M37489" t="s">
        <v>83</v>
      </c>
      <c r="N37489" t="s">
        <v>91</v>
      </c>
      <c r="O37489" t="s">
        <v>85</v>
      </c>
      <c r="P37489" t="s">
        <v>86</v>
      </c>
      <c r="Q37489">
        <v>26</v>
      </c>
      <c r="R37489">
        <v>27</v>
      </c>
      <c r="S37489">
        <v>27</v>
      </c>
      <c r="T37489">
        <v>27</v>
      </c>
      <c r="U37489">
        <v>27</v>
      </c>
      <c r="V37489">
        <v>28</v>
      </c>
      <c r="W37489">
        <v>28</v>
      </c>
      <c r="X37489">
        <v>28</v>
      </c>
      <c r="Y37489">
        <v>28</v>
      </c>
      <c r="Z37489">
        <v>29</v>
      </c>
      <c r="AA37489">
        <v>29</v>
      </c>
      <c r="AB37489">
        <v>29</v>
      </c>
      <c r="AC37489">
        <v>29</v>
      </c>
      <c r="AD37489">
        <v>29</v>
      </c>
      <c r="AE37489">
        <v>30</v>
      </c>
      <c r="AF37489">
        <v>30</v>
      </c>
      <c r="AG37489">
        <v>30</v>
      </c>
      <c r="AH37489">
        <v>30</v>
      </c>
      <c r="AI37489">
        <v>30</v>
      </c>
      <c r="AJ37489">
        <v>30</v>
      </c>
      <c r="AK37489">
        <v>31</v>
      </c>
      <c r="AL37489">
        <v>31</v>
      </c>
      <c r="AM37489">
        <v>30</v>
      </c>
      <c r="AN37489">
        <v>30</v>
      </c>
      <c r="AO37489">
        <v>30</v>
      </c>
      <c r="AP37489">
        <v>30</v>
      </c>
      <c r="AQ37489">
        <v>30</v>
      </c>
    </row>
    <row r="37490" spans="1:43">
      <c r="A37490" t="s">
        <v>23243</v>
      </c>
      <c r="B37490" t="s">
        <v>23244</v>
      </c>
      <c r="C37490" t="s">
        <v>23241</v>
      </c>
      <c r="D37490" t="s">
        <v>23242</v>
      </c>
      <c r="E37490" t="s">
        <v>23145</v>
      </c>
      <c r="F37490" t="s">
        <v>23146</v>
      </c>
      <c r="G37490" t="s">
        <v>11612</v>
      </c>
      <c r="H37490" t="s">
        <v>11613</v>
      </c>
      <c r="I37490" s="2">
        <v>0</v>
      </c>
      <c r="J37490" s="2">
        <v>0</v>
      </c>
      <c r="K37490" s="2">
        <v>1</v>
      </c>
      <c r="L37490" t="s">
        <v>995</v>
      </c>
      <c r="M37490" t="s">
        <v>83</v>
      </c>
      <c r="N37490" t="s">
        <v>84</v>
      </c>
      <c r="O37490" t="s">
        <v>85</v>
      </c>
      <c r="P37490" t="s">
        <v>86</v>
      </c>
      <c r="Q37490">
        <v>9</v>
      </c>
      <c r="R37490">
        <v>9</v>
      </c>
      <c r="S37490">
        <v>9</v>
      </c>
      <c r="T37490">
        <v>10</v>
      </c>
      <c r="U37490">
        <v>10</v>
      </c>
      <c r="V37490">
        <v>10</v>
      </c>
      <c r="W37490">
        <v>10</v>
      </c>
      <c r="X37490">
        <v>10</v>
      </c>
      <c r="Y37490">
        <v>10</v>
      </c>
      <c r="Z37490">
        <v>10</v>
      </c>
      <c r="AA37490">
        <v>10</v>
      </c>
      <c r="AB37490">
        <v>10</v>
      </c>
      <c r="AC37490">
        <v>10</v>
      </c>
      <c r="AD37490">
        <v>10</v>
      </c>
      <c r="AE37490">
        <v>10</v>
      </c>
      <c r="AF37490">
        <v>10</v>
      </c>
      <c r="AG37490">
        <v>10</v>
      </c>
      <c r="AH37490">
        <v>11</v>
      </c>
      <c r="AI37490">
        <v>11</v>
      </c>
      <c r="AJ37490">
        <v>11</v>
      </c>
      <c r="AK37490">
        <v>11</v>
      </c>
      <c r="AL37490">
        <v>11</v>
      </c>
      <c r="AM37490">
        <v>11</v>
      </c>
      <c r="AN37490">
        <v>11</v>
      </c>
      <c r="AO37490">
        <v>11</v>
      </c>
      <c r="AP37490">
        <v>11</v>
      </c>
      <c r="AQ37490">
        <v>10</v>
      </c>
    </row>
    <row r="37491" spans="1:43">
      <c r="A37491" t="s">
        <v>23243</v>
      </c>
      <c r="B37491" t="s">
        <v>23244</v>
      </c>
      <c r="C37491" t="s">
        <v>23241</v>
      </c>
      <c r="D37491" t="s">
        <v>23242</v>
      </c>
      <c r="E37491" t="s">
        <v>23145</v>
      </c>
      <c r="F37491" t="s">
        <v>23146</v>
      </c>
      <c r="G37491" t="s">
        <v>11612</v>
      </c>
      <c r="H37491" t="s">
        <v>11613</v>
      </c>
      <c r="I37491" s="2">
        <v>0</v>
      </c>
      <c r="J37491" s="2">
        <v>0</v>
      </c>
      <c r="K37491" s="2">
        <v>1</v>
      </c>
      <c r="L37491" t="s">
        <v>995</v>
      </c>
      <c r="M37491" t="s">
        <v>87</v>
      </c>
      <c r="N37491" t="s">
        <v>88</v>
      </c>
      <c r="O37491" t="s">
        <v>85</v>
      </c>
      <c r="P37491" t="s">
        <v>86</v>
      </c>
      <c r="Q37491">
        <v>9</v>
      </c>
      <c r="R37491">
        <v>9</v>
      </c>
      <c r="S37491">
        <v>9</v>
      </c>
      <c r="T37491">
        <v>9</v>
      </c>
      <c r="U37491">
        <v>9</v>
      </c>
      <c r="V37491">
        <v>9</v>
      </c>
      <c r="W37491">
        <v>9</v>
      </c>
      <c r="X37491">
        <v>9</v>
      </c>
      <c r="Y37491">
        <v>9</v>
      </c>
      <c r="Z37491">
        <v>9</v>
      </c>
      <c r="AA37491">
        <v>9</v>
      </c>
      <c r="AB37491">
        <v>9</v>
      </c>
      <c r="AC37491">
        <v>9</v>
      </c>
      <c r="AD37491">
        <v>9</v>
      </c>
      <c r="AE37491">
        <v>9</v>
      </c>
      <c r="AF37491">
        <v>9</v>
      </c>
      <c r="AG37491">
        <v>9</v>
      </c>
      <c r="AH37491">
        <v>9</v>
      </c>
      <c r="AI37491">
        <v>9</v>
      </c>
      <c r="AJ37491">
        <v>9</v>
      </c>
      <c r="AK37491">
        <v>9</v>
      </c>
      <c r="AL37491">
        <v>9</v>
      </c>
      <c r="AM37491">
        <v>9</v>
      </c>
      <c r="AN37491">
        <v>9</v>
      </c>
      <c r="AO37491">
        <v>9</v>
      </c>
      <c r="AP37491">
        <v>9</v>
      </c>
      <c r="AQ37491">
        <v>9</v>
      </c>
    </row>
    <row r="37492" spans="1:43">
      <c r="A37492" t="s">
        <v>23243</v>
      </c>
      <c r="B37492" t="s">
        <v>23244</v>
      </c>
      <c r="C37492" t="s">
        <v>23241</v>
      </c>
      <c r="D37492" t="s">
        <v>23242</v>
      </c>
      <c r="E37492" t="s">
        <v>23145</v>
      </c>
      <c r="F37492" t="s">
        <v>23146</v>
      </c>
      <c r="G37492" t="s">
        <v>11612</v>
      </c>
      <c r="H37492" t="s">
        <v>11613</v>
      </c>
      <c r="I37492" s="2">
        <v>0</v>
      </c>
      <c r="J37492" s="2">
        <v>0</v>
      </c>
      <c r="K37492" s="2">
        <v>1</v>
      </c>
      <c r="L37492" t="s">
        <v>995</v>
      </c>
      <c r="M37492" t="s">
        <v>89</v>
      </c>
      <c r="N37492" t="s">
        <v>90</v>
      </c>
      <c r="O37492" t="s">
        <v>85</v>
      </c>
      <c r="P37492" t="s">
        <v>86</v>
      </c>
      <c r="Q37492">
        <v>9</v>
      </c>
      <c r="R37492">
        <v>10</v>
      </c>
      <c r="S37492">
        <v>10</v>
      </c>
      <c r="T37492">
        <v>10</v>
      </c>
      <c r="U37492">
        <v>10</v>
      </c>
      <c r="V37492">
        <v>10</v>
      </c>
      <c r="W37492">
        <v>10</v>
      </c>
      <c r="X37492">
        <v>10</v>
      </c>
      <c r="Y37492">
        <v>11</v>
      </c>
      <c r="Z37492">
        <v>11</v>
      </c>
      <c r="AA37492">
        <v>11</v>
      </c>
      <c r="AB37492">
        <v>11</v>
      </c>
      <c r="AC37492">
        <v>11</v>
      </c>
      <c r="AD37492">
        <v>11</v>
      </c>
      <c r="AE37492">
        <v>11</v>
      </c>
      <c r="AF37492">
        <v>11</v>
      </c>
      <c r="AG37492">
        <v>11</v>
      </c>
      <c r="AH37492">
        <v>11</v>
      </c>
      <c r="AI37492">
        <v>11</v>
      </c>
      <c r="AJ37492">
        <v>11</v>
      </c>
      <c r="AK37492">
        <v>11</v>
      </c>
      <c r="AL37492">
        <v>11</v>
      </c>
      <c r="AM37492">
        <v>11</v>
      </c>
      <c r="AN37492">
        <v>11</v>
      </c>
      <c r="AO37492">
        <v>11</v>
      </c>
      <c r="AP37492">
        <v>11</v>
      </c>
      <c r="AQ37492">
        <v>11</v>
      </c>
    </row>
    <row r="37493" spans="1:43">
      <c r="A37493" t="s">
        <v>23243</v>
      </c>
      <c r="B37493" t="s">
        <v>23244</v>
      </c>
      <c r="C37493" t="s">
        <v>23241</v>
      </c>
      <c r="D37493" t="s">
        <v>23242</v>
      </c>
      <c r="E37493" t="s">
        <v>23145</v>
      </c>
      <c r="F37493" t="s">
        <v>23146</v>
      </c>
      <c r="G37493" t="s">
        <v>11612</v>
      </c>
      <c r="H37493" t="s">
        <v>11613</v>
      </c>
      <c r="I37493" s="2">
        <v>0</v>
      </c>
      <c r="J37493" s="2">
        <v>0</v>
      </c>
      <c r="K37493" s="2">
        <v>1</v>
      </c>
      <c r="L37493" t="s">
        <v>995</v>
      </c>
      <c r="M37493" t="s">
        <v>83</v>
      </c>
      <c r="N37493" t="s">
        <v>91</v>
      </c>
      <c r="O37493" t="s">
        <v>85</v>
      </c>
      <c r="P37493" t="s">
        <v>86</v>
      </c>
      <c r="Q37493">
        <v>9</v>
      </c>
      <c r="R37493">
        <v>9</v>
      </c>
      <c r="S37493">
        <v>9</v>
      </c>
      <c r="T37493">
        <v>10</v>
      </c>
      <c r="U37493">
        <v>10</v>
      </c>
      <c r="V37493">
        <v>10</v>
      </c>
      <c r="W37493">
        <v>10</v>
      </c>
      <c r="X37493">
        <v>10</v>
      </c>
      <c r="Y37493">
        <v>10</v>
      </c>
      <c r="Z37493">
        <v>10</v>
      </c>
      <c r="AA37493">
        <v>10</v>
      </c>
      <c r="AB37493">
        <v>10</v>
      </c>
      <c r="AC37493">
        <v>10</v>
      </c>
      <c r="AD37493">
        <v>10</v>
      </c>
      <c r="AE37493">
        <v>10</v>
      </c>
      <c r="AF37493">
        <v>10</v>
      </c>
      <c r="AG37493">
        <v>10</v>
      </c>
      <c r="AH37493">
        <v>11</v>
      </c>
      <c r="AI37493">
        <v>11</v>
      </c>
      <c r="AJ37493">
        <v>11</v>
      </c>
      <c r="AK37493">
        <v>11</v>
      </c>
      <c r="AL37493">
        <v>11</v>
      </c>
      <c r="AM37493">
        <v>11</v>
      </c>
      <c r="AN37493">
        <v>11</v>
      </c>
      <c r="AO37493">
        <v>11</v>
      </c>
      <c r="AP37493">
        <v>11</v>
      </c>
      <c r="AQ37493">
        <v>10</v>
      </c>
    </row>
    <row r="37494" spans="1:43">
      <c r="A37494" t="s">
        <v>23245</v>
      </c>
      <c r="B37494" t="s">
        <v>23246</v>
      </c>
      <c r="C37494" t="s">
        <v>23241</v>
      </c>
      <c r="D37494" t="s">
        <v>23242</v>
      </c>
      <c r="E37494" t="s">
        <v>23145</v>
      </c>
      <c r="F37494" t="s">
        <v>23146</v>
      </c>
      <c r="G37494" t="s">
        <v>11612</v>
      </c>
      <c r="H37494" t="s">
        <v>11613</v>
      </c>
      <c r="I37494" s="2">
        <v>0</v>
      </c>
      <c r="J37494" s="2">
        <v>0</v>
      </c>
      <c r="K37494" s="2">
        <v>1</v>
      </c>
      <c r="L37494" t="s">
        <v>995</v>
      </c>
      <c r="M37494" t="s">
        <v>83</v>
      </c>
      <c r="N37494" t="s">
        <v>84</v>
      </c>
      <c r="O37494" t="s">
        <v>85</v>
      </c>
      <c r="P37494" t="s">
        <v>86</v>
      </c>
      <c r="Q37494">
        <v>8</v>
      </c>
      <c r="R37494">
        <v>8</v>
      </c>
      <c r="S37494">
        <v>8</v>
      </c>
      <c r="T37494">
        <v>8</v>
      </c>
      <c r="U37494">
        <v>8</v>
      </c>
      <c r="V37494">
        <v>9</v>
      </c>
      <c r="W37494">
        <v>9</v>
      </c>
      <c r="X37494">
        <v>9</v>
      </c>
      <c r="Y37494">
        <v>9</v>
      </c>
      <c r="Z37494">
        <v>9</v>
      </c>
      <c r="AA37494">
        <v>9</v>
      </c>
      <c r="AB37494">
        <v>9</v>
      </c>
      <c r="AC37494">
        <v>9</v>
      </c>
      <c r="AD37494">
        <v>9</v>
      </c>
      <c r="AE37494">
        <v>9</v>
      </c>
      <c r="AF37494">
        <v>9</v>
      </c>
      <c r="AG37494">
        <v>9</v>
      </c>
      <c r="AH37494">
        <v>9</v>
      </c>
      <c r="AI37494">
        <v>9</v>
      </c>
      <c r="AJ37494">
        <v>9</v>
      </c>
      <c r="AK37494">
        <v>9</v>
      </c>
      <c r="AL37494">
        <v>9</v>
      </c>
      <c r="AM37494">
        <v>9</v>
      </c>
      <c r="AN37494">
        <v>9</v>
      </c>
      <c r="AO37494">
        <v>9</v>
      </c>
      <c r="AP37494">
        <v>9</v>
      </c>
      <c r="AQ37494">
        <v>9</v>
      </c>
    </row>
    <row r="37495" spans="1:43">
      <c r="A37495" t="s">
        <v>23245</v>
      </c>
      <c r="B37495" t="s">
        <v>23246</v>
      </c>
      <c r="C37495" t="s">
        <v>23241</v>
      </c>
      <c r="D37495" t="s">
        <v>23242</v>
      </c>
      <c r="E37495" t="s">
        <v>23145</v>
      </c>
      <c r="F37495" t="s">
        <v>23146</v>
      </c>
      <c r="G37495" t="s">
        <v>11612</v>
      </c>
      <c r="H37495" t="s">
        <v>11613</v>
      </c>
      <c r="I37495" s="2">
        <v>0</v>
      </c>
      <c r="J37495" s="2">
        <v>0</v>
      </c>
      <c r="K37495" s="2">
        <v>1</v>
      </c>
      <c r="L37495" t="s">
        <v>995</v>
      </c>
      <c r="M37495" t="s">
        <v>87</v>
      </c>
      <c r="N37495" t="s">
        <v>88</v>
      </c>
      <c r="O37495" t="s">
        <v>85</v>
      </c>
      <c r="P37495" t="s">
        <v>86</v>
      </c>
      <c r="Q37495">
        <v>8</v>
      </c>
      <c r="R37495">
        <v>8</v>
      </c>
      <c r="S37495">
        <v>8</v>
      </c>
      <c r="T37495">
        <v>8</v>
      </c>
      <c r="U37495">
        <v>8</v>
      </c>
      <c r="V37495">
        <v>8</v>
      </c>
      <c r="W37495">
        <v>8</v>
      </c>
      <c r="X37495">
        <v>8</v>
      </c>
      <c r="Y37495">
        <v>8</v>
      </c>
      <c r="Z37495">
        <v>8</v>
      </c>
      <c r="AA37495">
        <v>8</v>
      </c>
      <c r="AB37495">
        <v>8</v>
      </c>
      <c r="AC37495">
        <v>8</v>
      </c>
      <c r="AD37495">
        <v>8</v>
      </c>
      <c r="AE37495">
        <v>8</v>
      </c>
      <c r="AF37495">
        <v>8</v>
      </c>
      <c r="AG37495">
        <v>8</v>
      </c>
      <c r="AH37495">
        <v>8</v>
      </c>
      <c r="AI37495">
        <v>8</v>
      </c>
      <c r="AJ37495">
        <v>8</v>
      </c>
      <c r="AK37495">
        <v>8</v>
      </c>
      <c r="AL37495">
        <v>8</v>
      </c>
      <c r="AM37495">
        <v>8</v>
      </c>
      <c r="AN37495">
        <v>8</v>
      </c>
      <c r="AO37495">
        <v>8</v>
      </c>
      <c r="AP37495">
        <v>8</v>
      </c>
      <c r="AQ37495">
        <v>8</v>
      </c>
    </row>
    <row r="37496" spans="1:43">
      <c r="A37496" t="s">
        <v>23245</v>
      </c>
      <c r="B37496" t="s">
        <v>23246</v>
      </c>
      <c r="C37496" t="s">
        <v>23241</v>
      </c>
      <c r="D37496" t="s">
        <v>23242</v>
      </c>
      <c r="E37496" t="s">
        <v>23145</v>
      </c>
      <c r="F37496" t="s">
        <v>23146</v>
      </c>
      <c r="G37496" t="s">
        <v>11612</v>
      </c>
      <c r="H37496" t="s">
        <v>11613</v>
      </c>
      <c r="I37496" s="2">
        <v>0</v>
      </c>
      <c r="J37496" s="2">
        <v>0</v>
      </c>
      <c r="K37496" s="2">
        <v>1</v>
      </c>
      <c r="L37496" t="s">
        <v>995</v>
      </c>
      <c r="M37496" t="s">
        <v>89</v>
      </c>
      <c r="N37496" t="s">
        <v>90</v>
      </c>
      <c r="O37496" t="s">
        <v>85</v>
      </c>
      <c r="P37496" t="s">
        <v>86</v>
      </c>
      <c r="Q37496">
        <v>8</v>
      </c>
      <c r="R37496">
        <v>8</v>
      </c>
      <c r="S37496">
        <v>8</v>
      </c>
      <c r="T37496">
        <v>9</v>
      </c>
      <c r="U37496">
        <v>9</v>
      </c>
      <c r="V37496">
        <v>9</v>
      </c>
      <c r="W37496">
        <v>9</v>
      </c>
      <c r="X37496">
        <v>9</v>
      </c>
      <c r="Y37496">
        <v>9</v>
      </c>
      <c r="Z37496">
        <v>9</v>
      </c>
      <c r="AA37496">
        <v>9</v>
      </c>
      <c r="AB37496">
        <v>10</v>
      </c>
      <c r="AC37496">
        <v>10</v>
      </c>
      <c r="AD37496">
        <v>10</v>
      </c>
      <c r="AE37496">
        <v>10</v>
      </c>
      <c r="AF37496">
        <v>10</v>
      </c>
      <c r="AG37496">
        <v>10</v>
      </c>
      <c r="AH37496">
        <v>10</v>
      </c>
      <c r="AI37496">
        <v>10</v>
      </c>
      <c r="AJ37496">
        <v>10</v>
      </c>
      <c r="AK37496">
        <v>10</v>
      </c>
      <c r="AL37496">
        <v>9</v>
      </c>
      <c r="AM37496">
        <v>9</v>
      </c>
      <c r="AN37496">
        <v>9</v>
      </c>
      <c r="AO37496">
        <v>9</v>
      </c>
      <c r="AP37496">
        <v>9</v>
      </c>
      <c r="AQ37496">
        <v>9</v>
      </c>
    </row>
    <row r="37497" spans="1:43">
      <c r="A37497" t="s">
        <v>23245</v>
      </c>
      <c r="B37497" t="s">
        <v>23246</v>
      </c>
      <c r="C37497" t="s">
        <v>23241</v>
      </c>
      <c r="D37497" t="s">
        <v>23242</v>
      </c>
      <c r="E37497" t="s">
        <v>23145</v>
      </c>
      <c r="F37497" t="s">
        <v>23146</v>
      </c>
      <c r="G37497" t="s">
        <v>11612</v>
      </c>
      <c r="H37497" t="s">
        <v>11613</v>
      </c>
      <c r="I37497" s="2">
        <v>0</v>
      </c>
      <c r="J37497" s="2">
        <v>0</v>
      </c>
      <c r="K37497" s="2">
        <v>1</v>
      </c>
      <c r="L37497" t="s">
        <v>995</v>
      </c>
      <c r="M37497" t="s">
        <v>83</v>
      </c>
      <c r="N37497" t="s">
        <v>91</v>
      </c>
      <c r="O37497" t="s">
        <v>85</v>
      </c>
      <c r="P37497" t="s">
        <v>86</v>
      </c>
      <c r="Q37497">
        <v>8</v>
      </c>
      <c r="R37497">
        <v>8</v>
      </c>
      <c r="S37497">
        <v>8</v>
      </c>
      <c r="T37497">
        <v>8</v>
      </c>
      <c r="U37497">
        <v>8</v>
      </c>
      <c r="V37497">
        <v>9</v>
      </c>
      <c r="W37497">
        <v>9</v>
      </c>
      <c r="X37497">
        <v>9</v>
      </c>
      <c r="Y37497">
        <v>9</v>
      </c>
      <c r="Z37497">
        <v>9</v>
      </c>
      <c r="AA37497">
        <v>9</v>
      </c>
      <c r="AB37497">
        <v>9</v>
      </c>
      <c r="AC37497">
        <v>9</v>
      </c>
      <c r="AD37497">
        <v>9</v>
      </c>
      <c r="AE37497">
        <v>9</v>
      </c>
      <c r="AF37497">
        <v>9</v>
      </c>
      <c r="AG37497">
        <v>9</v>
      </c>
      <c r="AH37497">
        <v>9</v>
      </c>
      <c r="AI37497">
        <v>9</v>
      </c>
      <c r="AJ37497">
        <v>9</v>
      </c>
      <c r="AK37497">
        <v>9</v>
      </c>
      <c r="AL37497">
        <v>9</v>
      </c>
      <c r="AM37497">
        <v>9</v>
      </c>
      <c r="AN37497">
        <v>9</v>
      </c>
      <c r="AO37497">
        <v>9</v>
      </c>
      <c r="AP37497">
        <v>9</v>
      </c>
      <c r="AQ37497">
        <v>9</v>
      </c>
    </row>
    <row r="37498" spans="1:43">
      <c r="A37498" t="s">
        <v>23247</v>
      </c>
      <c r="B37498" t="s">
        <v>23248</v>
      </c>
      <c r="C37498" t="s">
        <v>23241</v>
      </c>
      <c r="D37498" t="s">
        <v>23242</v>
      </c>
      <c r="E37498" t="s">
        <v>23145</v>
      </c>
      <c r="F37498" t="s">
        <v>23146</v>
      </c>
      <c r="G37498" t="s">
        <v>11612</v>
      </c>
      <c r="H37498" t="s">
        <v>11613</v>
      </c>
      <c r="I37498" s="2">
        <v>0</v>
      </c>
      <c r="J37498" s="2">
        <v>0</v>
      </c>
      <c r="K37498" s="2">
        <v>1</v>
      </c>
      <c r="L37498" t="s">
        <v>995</v>
      </c>
      <c r="M37498" t="s">
        <v>83</v>
      </c>
      <c r="N37498" t="s">
        <v>84</v>
      </c>
      <c r="O37498" t="s">
        <v>85</v>
      </c>
      <c r="P37498" t="s">
        <v>86</v>
      </c>
      <c r="Q37498">
        <v>25</v>
      </c>
      <c r="R37498">
        <v>25</v>
      </c>
      <c r="S37498">
        <v>26</v>
      </c>
      <c r="T37498">
        <v>26</v>
      </c>
      <c r="U37498">
        <v>26</v>
      </c>
      <c r="V37498">
        <v>26</v>
      </c>
      <c r="W37498">
        <v>27</v>
      </c>
      <c r="X37498">
        <v>27</v>
      </c>
      <c r="Y37498">
        <v>27</v>
      </c>
      <c r="Z37498">
        <v>27</v>
      </c>
      <c r="AA37498">
        <v>28</v>
      </c>
      <c r="AB37498">
        <v>28</v>
      </c>
      <c r="AC37498">
        <v>28</v>
      </c>
      <c r="AD37498">
        <v>28</v>
      </c>
      <c r="AE37498">
        <v>28</v>
      </c>
      <c r="AF37498">
        <v>28</v>
      </c>
      <c r="AG37498">
        <v>29</v>
      </c>
      <c r="AH37498">
        <v>29</v>
      </c>
      <c r="AI37498">
        <v>29</v>
      </c>
      <c r="AJ37498">
        <v>29</v>
      </c>
      <c r="AK37498">
        <v>29</v>
      </c>
      <c r="AL37498">
        <v>29</v>
      </c>
      <c r="AM37498">
        <v>29</v>
      </c>
      <c r="AN37498">
        <v>29</v>
      </c>
      <c r="AO37498">
        <v>29</v>
      </c>
      <c r="AP37498">
        <v>29</v>
      </c>
      <c r="AQ37498">
        <v>29</v>
      </c>
    </row>
    <row r="37499" spans="1:43">
      <c r="A37499" t="s">
        <v>23247</v>
      </c>
      <c r="B37499" t="s">
        <v>23248</v>
      </c>
      <c r="C37499" t="s">
        <v>23241</v>
      </c>
      <c r="D37499" t="s">
        <v>23242</v>
      </c>
      <c r="E37499" t="s">
        <v>23145</v>
      </c>
      <c r="F37499" t="s">
        <v>23146</v>
      </c>
      <c r="G37499" t="s">
        <v>11612</v>
      </c>
      <c r="H37499" t="s">
        <v>11613</v>
      </c>
      <c r="I37499" s="2">
        <v>0</v>
      </c>
      <c r="J37499" s="2">
        <v>0</v>
      </c>
      <c r="K37499" s="2">
        <v>1</v>
      </c>
      <c r="L37499" t="s">
        <v>995</v>
      </c>
      <c r="M37499" t="s">
        <v>87</v>
      </c>
      <c r="N37499" t="s">
        <v>88</v>
      </c>
      <c r="O37499" t="s">
        <v>85</v>
      </c>
      <c r="P37499" t="s">
        <v>86</v>
      </c>
      <c r="Q37499">
        <v>25</v>
      </c>
      <c r="R37499">
        <v>25</v>
      </c>
      <c r="S37499">
        <v>25</v>
      </c>
      <c r="T37499">
        <v>25</v>
      </c>
      <c r="U37499">
        <v>25</v>
      </c>
      <c r="V37499">
        <v>25</v>
      </c>
      <c r="W37499">
        <v>25</v>
      </c>
      <c r="X37499">
        <v>25</v>
      </c>
      <c r="Y37499">
        <v>25</v>
      </c>
      <c r="Z37499">
        <v>25</v>
      </c>
      <c r="AA37499">
        <v>25</v>
      </c>
      <c r="AB37499">
        <v>25</v>
      </c>
      <c r="AC37499">
        <v>25</v>
      </c>
      <c r="AD37499">
        <v>25</v>
      </c>
      <c r="AE37499">
        <v>25</v>
      </c>
      <c r="AF37499">
        <v>25</v>
      </c>
      <c r="AG37499">
        <v>25</v>
      </c>
      <c r="AH37499">
        <v>25</v>
      </c>
      <c r="AI37499">
        <v>25</v>
      </c>
      <c r="AJ37499">
        <v>25</v>
      </c>
      <c r="AK37499">
        <v>25</v>
      </c>
      <c r="AL37499">
        <v>25</v>
      </c>
      <c r="AM37499">
        <v>25</v>
      </c>
      <c r="AN37499">
        <v>25</v>
      </c>
      <c r="AO37499">
        <v>25</v>
      </c>
      <c r="AP37499">
        <v>25</v>
      </c>
      <c r="AQ37499">
        <v>25</v>
      </c>
    </row>
    <row r="37500" spans="1:43">
      <c r="A37500" t="s">
        <v>23247</v>
      </c>
      <c r="B37500" t="s">
        <v>23248</v>
      </c>
      <c r="C37500" t="s">
        <v>23241</v>
      </c>
      <c r="D37500" t="s">
        <v>23242</v>
      </c>
      <c r="E37500" t="s">
        <v>23145</v>
      </c>
      <c r="F37500" t="s">
        <v>23146</v>
      </c>
      <c r="G37500" t="s">
        <v>11612</v>
      </c>
      <c r="H37500" t="s">
        <v>11613</v>
      </c>
      <c r="I37500" s="2">
        <v>0</v>
      </c>
      <c r="J37500" s="2">
        <v>0</v>
      </c>
      <c r="K37500" s="2">
        <v>1</v>
      </c>
      <c r="L37500" t="s">
        <v>995</v>
      </c>
      <c r="M37500" t="s">
        <v>89</v>
      </c>
      <c r="N37500" t="s">
        <v>90</v>
      </c>
      <c r="O37500" t="s">
        <v>85</v>
      </c>
      <c r="P37500" t="s">
        <v>86</v>
      </c>
      <c r="Q37500">
        <v>25</v>
      </c>
      <c r="R37500">
        <v>26</v>
      </c>
      <c r="S37500">
        <v>26</v>
      </c>
      <c r="T37500">
        <v>27</v>
      </c>
      <c r="U37500">
        <v>27</v>
      </c>
      <c r="V37500">
        <v>28</v>
      </c>
      <c r="W37500">
        <v>28</v>
      </c>
      <c r="X37500">
        <v>28</v>
      </c>
      <c r="Y37500">
        <v>29</v>
      </c>
      <c r="Z37500">
        <v>29</v>
      </c>
      <c r="AA37500">
        <v>29</v>
      </c>
      <c r="AB37500">
        <v>30</v>
      </c>
      <c r="AC37500">
        <v>30</v>
      </c>
      <c r="AD37500">
        <v>30</v>
      </c>
      <c r="AE37500">
        <v>30</v>
      </c>
      <c r="AF37500">
        <v>30</v>
      </c>
      <c r="AG37500">
        <v>30</v>
      </c>
      <c r="AH37500">
        <v>30</v>
      </c>
      <c r="AI37500">
        <v>30</v>
      </c>
      <c r="AJ37500">
        <v>30</v>
      </c>
      <c r="AK37500">
        <v>30</v>
      </c>
      <c r="AL37500">
        <v>29</v>
      </c>
      <c r="AM37500">
        <v>29</v>
      </c>
      <c r="AN37500">
        <v>29</v>
      </c>
      <c r="AO37500">
        <v>29</v>
      </c>
      <c r="AP37500">
        <v>29</v>
      </c>
      <c r="AQ37500">
        <v>29</v>
      </c>
    </row>
    <row r="37501" spans="1:43">
      <c r="A37501" t="s">
        <v>23247</v>
      </c>
      <c r="B37501" t="s">
        <v>23248</v>
      </c>
      <c r="C37501" t="s">
        <v>23241</v>
      </c>
      <c r="D37501" t="s">
        <v>23242</v>
      </c>
      <c r="E37501" t="s">
        <v>23145</v>
      </c>
      <c r="F37501" t="s">
        <v>23146</v>
      </c>
      <c r="G37501" t="s">
        <v>11612</v>
      </c>
      <c r="H37501" t="s">
        <v>11613</v>
      </c>
      <c r="I37501" s="2">
        <v>0</v>
      </c>
      <c r="J37501" s="2">
        <v>0</v>
      </c>
      <c r="K37501" s="2">
        <v>1</v>
      </c>
      <c r="L37501" t="s">
        <v>995</v>
      </c>
      <c r="M37501" t="s">
        <v>83</v>
      </c>
      <c r="N37501" t="s">
        <v>91</v>
      </c>
      <c r="O37501" t="s">
        <v>85</v>
      </c>
      <c r="P37501" t="s">
        <v>86</v>
      </c>
      <c r="Q37501">
        <v>25</v>
      </c>
      <c r="R37501">
        <v>25</v>
      </c>
      <c r="S37501">
        <v>26</v>
      </c>
      <c r="T37501">
        <v>26</v>
      </c>
      <c r="U37501">
        <v>26</v>
      </c>
      <c r="V37501">
        <v>26</v>
      </c>
      <c r="W37501">
        <v>27</v>
      </c>
      <c r="X37501">
        <v>27</v>
      </c>
      <c r="Y37501">
        <v>27</v>
      </c>
      <c r="Z37501">
        <v>27</v>
      </c>
      <c r="AA37501">
        <v>28</v>
      </c>
      <c r="AB37501">
        <v>28</v>
      </c>
      <c r="AC37501">
        <v>28</v>
      </c>
      <c r="AD37501">
        <v>28</v>
      </c>
      <c r="AE37501">
        <v>28</v>
      </c>
      <c r="AF37501">
        <v>28</v>
      </c>
      <c r="AG37501">
        <v>29</v>
      </c>
      <c r="AH37501">
        <v>29</v>
      </c>
      <c r="AI37501">
        <v>29</v>
      </c>
      <c r="AJ37501">
        <v>29</v>
      </c>
      <c r="AK37501">
        <v>29</v>
      </c>
      <c r="AL37501">
        <v>29</v>
      </c>
      <c r="AM37501">
        <v>29</v>
      </c>
      <c r="AN37501">
        <v>29</v>
      </c>
      <c r="AO37501">
        <v>29</v>
      </c>
      <c r="AP37501">
        <v>29</v>
      </c>
      <c r="AQ37501">
        <v>29</v>
      </c>
    </row>
    <row r="37502" spans="1:43">
      <c r="A37502" t="s">
        <v>23249</v>
      </c>
      <c r="B37502" t="s">
        <v>23250</v>
      </c>
      <c r="C37502" t="s">
        <v>23251</v>
      </c>
      <c r="D37502" t="s">
        <v>23252</v>
      </c>
      <c r="E37502" t="s">
        <v>23145</v>
      </c>
      <c r="F37502" t="s">
        <v>23146</v>
      </c>
      <c r="G37502" t="s">
        <v>11612</v>
      </c>
      <c r="H37502" t="s">
        <v>11613</v>
      </c>
      <c r="I37502" s="2">
        <v>0</v>
      </c>
      <c r="J37502" s="2">
        <v>0</v>
      </c>
      <c r="K37502" s="2">
        <v>1</v>
      </c>
      <c r="L37502" t="s">
        <v>995</v>
      </c>
      <c r="M37502" t="s">
        <v>83</v>
      </c>
      <c r="N37502" t="s">
        <v>84</v>
      </c>
      <c r="O37502" t="s">
        <v>85</v>
      </c>
      <c r="P37502" t="s">
        <v>86</v>
      </c>
      <c r="Q37502">
        <v>5</v>
      </c>
      <c r="R37502">
        <v>5</v>
      </c>
      <c r="S37502">
        <v>5</v>
      </c>
      <c r="T37502">
        <v>6</v>
      </c>
      <c r="U37502">
        <v>6</v>
      </c>
      <c r="V37502">
        <v>6</v>
      </c>
      <c r="W37502">
        <v>6</v>
      </c>
      <c r="X37502">
        <v>6</v>
      </c>
      <c r="Y37502">
        <v>6</v>
      </c>
      <c r="Z37502">
        <v>6</v>
      </c>
      <c r="AA37502">
        <v>6</v>
      </c>
      <c r="AB37502">
        <v>6</v>
      </c>
      <c r="AC37502">
        <v>6</v>
      </c>
      <c r="AD37502">
        <v>6</v>
      </c>
      <c r="AE37502">
        <v>6</v>
      </c>
      <c r="AF37502">
        <v>6</v>
      </c>
      <c r="AG37502">
        <v>6</v>
      </c>
      <c r="AH37502">
        <v>6</v>
      </c>
      <c r="AI37502">
        <v>6</v>
      </c>
      <c r="AJ37502">
        <v>6</v>
      </c>
      <c r="AK37502">
        <v>6</v>
      </c>
      <c r="AL37502">
        <v>6</v>
      </c>
      <c r="AM37502">
        <v>6</v>
      </c>
      <c r="AN37502">
        <v>6</v>
      </c>
      <c r="AO37502">
        <v>6</v>
      </c>
      <c r="AP37502">
        <v>6</v>
      </c>
      <c r="AQ37502">
        <v>6</v>
      </c>
    </row>
    <row r="37503" spans="1:43">
      <c r="A37503" t="s">
        <v>23249</v>
      </c>
      <c r="B37503" t="s">
        <v>23250</v>
      </c>
      <c r="C37503" t="s">
        <v>23251</v>
      </c>
      <c r="D37503" t="s">
        <v>23252</v>
      </c>
      <c r="E37503" t="s">
        <v>23145</v>
      </c>
      <c r="F37503" t="s">
        <v>23146</v>
      </c>
      <c r="G37503" t="s">
        <v>11612</v>
      </c>
      <c r="H37503" t="s">
        <v>11613</v>
      </c>
      <c r="I37503" s="2">
        <v>0</v>
      </c>
      <c r="J37503" s="2">
        <v>0</v>
      </c>
      <c r="K37503" s="2">
        <v>1</v>
      </c>
      <c r="L37503" t="s">
        <v>995</v>
      </c>
      <c r="M37503" t="s">
        <v>87</v>
      </c>
      <c r="N37503" t="s">
        <v>88</v>
      </c>
      <c r="O37503" t="s">
        <v>85</v>
      </c>
      <c r="P37503" t="s">
        <v>86</v>
      </c>
      <c r="Q37503">
        <v>5</v>
      </c>
      <c r="R37503">
        <v>5</v>
      </c>
      <c r="S37503">
        <v>5</v>
      </c>
      <c r="T37503">
        <v>5</v>
      </c>
      <c r="U37503">
        <v>5</v>
      </c>
      <c r="V37503">
        <v>5</v>
      </c>
      <c r="W37503">
        <v>5</v>
      </c>
      <c r="X37503">
        <v>5</v>
      </c>
      <c r="Y37503">
        <v>5</v>
      </c>
      <c r="Z37503">
        <v>5</v>
      </c>
      <c r="AA37503">
        <v>5</v>
      </c>
      <c r="AB37503">
        <v>5</v>
      </c>
      <c r="AC37503">
        <v>5</v>
      </c>
      <c r="AD37503">
        <v>5</v>
      </c>
      <c r="AE37503">
        <v>5</v>
      </c>
      <c r="AF37503">
        <v>5</v>
      </c>
      <c r="AG37503">
        <v>5</v>
      </c>
      <c r="AH37503">
        <v>5</v>
      </c>
      <c r="AI37503">
        <v>5</v>
      </c>
      <c r="AJ37503">
        <v>5</v>
      </c>
      <c r="AK37503">
        <v>5</v>
      </c>
      <c r="AL37503">
        <v>5</v>
      </c>
      <c r="AM37503">
        <v>5</v>
      </c>
      <c r="AN37503">
        <v>5</v>
      </c>
      <c r="AO37503">
        <v>5</v>
      </c>
      <c r="AP37503">
        <v>5</v>
      </c>
      <c r="AQ37503">
        <v>5</v>
      </c>
    </row>
    <row r="37504" spans="1:43">
      <c r="A37504" t="s">
        <v>23249</v>
      </c>
      <c r="B37504" t="s">
        <v>23250</v>
      </c>
      <c r="C37504" t="s">
        <v>23251</v>
      </c>
      <c r="D37504" t="s">
        <v>23252</v>
      </c>
      <c r="E37504" t="s">
        <v>23145</v>
      </c>
      <c r="F37504" t="s">
        <v>23146</v>
      </c>
      <c r="G37504" t="s">
        <v>11612</v>
      </c>
      <c r="H37504" t="s">
        <v>11613</v>
      </c>
      <c r="I37504" s="2">
        <v>0</v>
      </c>
      <c r="J37504" s="2">
        <v>0</v>
      </c>
      <c r="K37504" s="2">
        <v>1</v>
      </c>
      <c r="L37504" t="s">
        <v>995</v>
      </c>
      <c r="M37504" t="s">
        <v>89</v>
      </c>
      <c r="N37504" t="s">
        <v>90</v>
      </c>
      <c r="O37504" t="s">
        <v>85</v>
      </c>
      <c r="P37504" t="s">
        <v>86</v>
      </c>
      <c r="Q37504">
        <v>5</v>
      </c>
      <c r="R37504">
        <v>6</v>
      </c>
      <c r="S37504">
        <v>6</v>
      </c>
      <c r="T37504">
        <v>6</v>
      </c>
      <c r="U37504">
        <v>6</v>
      </c>
      <c r="V37504">
        <v>6</v>
      </c>
      <c r="W37504">
        <v>6</v>
      </c>
      <c r="X37504">
        <v>6</v>
      </c>
      <c r="Y37504">
        <v>6</v>
      </c>
      <c r="Z37504">
        <v>6</v>
      </c>
      <c r="AA37504">
        <v>6</v>
      </c>
      <c r="AB37504">
        <v>6</v>
      </c>
      <c r="AC37504">
        <v>6</v>
      </c>
      <c r="AD37504">
        <v>6</v>
      </c>
      <c r="AE37504">
        <v>6</v>
      </c>
      <c r="AF37504">
        <v>6</v>
      </c>
      <c r="AG37504">
        <v>6</v>
      </c>
      <c r="AH37504">
        <v>6</v>
      </c>
      <c r="AI37504">
        <v>6</v>
      </c>
      <c r="AJ37504">
        <v>6</v>
      </c>
      <c r="AK37504">
        <v>6</v>
      </c>
      <c r="AL37504">
        <v>6</v>
      </c>
      <c r="AM37504">
        <v>6</v>
      </c>
      <c r="AN37504">
        <v>6</v>
      </c>
      <c r="AO37504">
        <v>6</v>
      </c>
      <c r="AP37504">
        <v>6</v>
      </c>
      <c r="AQ37504">
        <v>6</v>
      </c>
    </row>
    <row r="37505" spans="1:43">
      <c r="A37505" t="s">
        <v>23249</v>
      </c>
      <c r="B37505" t="s">
        <v>23250</v>
      </c>
      <c r="C37505" t="s">
        <v>23251</v>
      </c>
      <c r="D37505" t="s">
        <v>23252</v>
      </c>
      <c r="E37505" t="s">
        <v>23145</v>
      </c>
      <c r="F37505" t="s">
        <v>23146</v>
      </c>
      <c r="G37505" t="s">
        <v>11612</v>
      </c>
      <c r="H37505" t="s">
        <v>11613</v>
      </c>
      <c r="I37505" s="2">
        <v>0</v>
      </c>
      <c r="J37505" s="2">
        <v>0</v>
      </c>
      <c r="K37505" s="2">
        <v>1</v>
      </c>
      <c r="L37505" t="s">
        <v>995</v>
      </c>
      <c r="M37505" t="s">
        <v>83</v>
      </c>
      <c r="N37505" t="s">
        <v>91</v>
      </c>
      <c r="O37505" t="s">
        <v>85</v>
      </c>
      <c r="P37505" t="s">
        <v>86</v>
      </c>
      <c r="Q37505">
        <v>5</v>
      </c>
      <c r="R37505">
        <v>5</v>
      </c>
      <c r="S37505">
        <v>5</v>
      </c>
      <c r="T37505">
        <v>6</v>
      </c>
      <c r="U37505">
        <v>6</v>
      </c>
      <c r="V37505">
        <v>6</v>
      </c>
      <c r="W37505">
        <v>6</v>
      </c>
      <c r="X37505">
        <v>6</v>
      </c>
      <c r="Y37505">
        <v>6</v>
      </c>
      <c r="Z37505">
        <v>6</v>
      </c>
      <c r="AA37505">
        <v>6</v>
      </c>
      <c r="AB37505">
        <v>6</v>
      </c>
      <c r="AC37505">
        <v>6</v>
      </c>
      <c r="AD37505">
        <v>6</v>
      </c>
      <c r="AE37505">
        <v>6</v>
      </c>
      <c r="AF37505">
        <v>6</v>
      </c>
      <c r="AG37505">
        <v>6</v>
      </c>
      <c r="AH37505">
        <v>6</v>
      </c>
      <c r="AI37505">
        <v>6</v>
      </c>
      <c r="AJ37505">
        <v>6</v>
      </c>
      <c r="AK37505">
        <v>6</v>
      </c>
      <c r="AL37505">
        <v>6</v>
      </c>
      <c r="AM37505">
        <v>6</v>
      </c>
      <c r="AN37505">
        <v>6</v>
      </c>
      <c r="AO37505">
        <v>6</v>
      </c>
      <c r="AP37505">
        <v>6</v>
      </c>
      <c r="AQ37505">
        <v>6</v>
      </c>
    </row>
    <row r="37506" spans="1:43">
      <c r="A37506" t="s">
        <v>23253</v>
      </c>
      <c r="B37506" t="s">
        <v>23254</v>
      </c>
      <c r="C37506" t="s">
        <v>23251</v>
      </c>
      <c r="D37506" t="s">
        <v>23252</v>
      </c>
      <c r="E37506" t="s">
        <v>23145</v>
      </c>
      <c r="F37506" t="s">
        <v>23146</v>
      </c>
      <c r="G37506" t="s">
        <v>11612</v>
      </c>
      <c r="H37506" t="s">
        <v>11613</v>
      </c>
      <c r="I37506" s="2">
        <v>0</v>
      </c>
      <c r="J37506" s="2">
        <v>0</v>
      </c>
      <c r="K37506" s="2">
        <v>1</v>
      </c>
      <c r="L37506" t="s">
        <v>995</v>
      </c>
      <c r="M37506" t="s">
        <v>83</v>
      </c>
      <c r="N37506" t="s">
        <v>84</v>
      </c>
      <c r="O37506" t="s">
        <v>85</v>
      </c>
      <c r="P37506" t="s">
        <v>86</v>
      </c>
      <c r="Q37506">
        <v>41</v>
      </c>
      <c r="R37506">
        <v>42</v>
      </c>
      <c r="S37506">
        <v>42</v>
      </c>
      <c r="T37506">
        <v>42</v>
      </c>
      <c r="U37506">
        <v>43</v>
      </c>
      <c r="V37506">
        <v>43</v>
      </c>
      <c r="W37506">
        <v>44</v>
      </c>
      <c r="X37506">
        <v>44</v>
      </c>
      <c r="Y37506">
        <v>44</v>
      </c>
      <c r="Z37506">
        <v>45</v>
      </c>
      <c r="AA37506">
        <v>45</v>
      </c>
      <c r="AB37506">
        <v>45</v>
      </c>
      <c r="AC37506">
        <v>46</v>
      </c>
      <c r="AD37506">
        <v>46</v>
      </c>
      <c r="AE37506">
        <v>46</v>
      </c>
      <c r="AF37506">
        <v>46</v>
      </c>
      <c r="AG37506">
        <v>47</v>
      </c>
      <c r="AH37506">
        <v>47</v>
      </c>
      <c r="AI37506">
        <v>47</v>
      </c>
      <c r="AJ37506">
        <v>47</v>
      </c>
      <c r="AK37506">
        <v>47</v>
      </c>
      <c r="AL37506">
        <v>47</v>
      </c>
      <c r="AM37506">
        <v>47</v>
      </c>
      <c r="AN37506">
        <v>47</v>
      </c>
      <c r="AO37506">
        <v>47</v>
      </c>
      <c r="AP37506">
        <v>47</v>
      </c>
      <c r="AQ37506">
        <v>46</v>
      </c>
    </row>
    <row r="37507" spans="1:43">
      <c r="A37507" t="s">
        <v>23253</v>
      </c>
      <c r="B37507" t="s">
        <v>23254</v>
      </c>
      <c r="C37507" t="s">
        <v>23251</v>
      </c>
      <c r="D37507" t="s">
        <v>23252</v>
      </c>
      <c r="E37507" t="s">
        <v>23145</v>
      </c>
      <c r="F37507" t="s">
        <v>23146</v>
      </c>
      <c r="G37507" t="s">
        <v>11612</v>
      </c>
      <c r="H37507" t="s">
        <v>11613</v>
      </c>
      <c r="I37507" s="2">
        <v>0</v>
      </c>
      <c r="J37507" s="2">
        <v>0</v>
      </c>
      <c r="K37507" s="2">
        <v>1</v>
      </c>
      <c r="L37507" t="s">
        <v>995</v>
      </c>
      <c r="M37507" t="s">
        <v>87</v>
      </c>
      <c r="N37507" t="s">
        <v>88</v>
      </c>
      <c r="O37507" t="s">
        <v>85</v>
      </c>
      <c r="P37507" t="s">
        <v>86</v>
      </c>
      <c r="Q37507">
        <v>41</v>
      </c>
      <c r="R37507">
        <v>41</v>
      </c>
      <c r="S37507">
        <v>41</v>
      </c>
      <c r="T37507">
        <v>41</v>
      </c>
      <c r="U37507">
        <v>41</v>
      </c>
      <c r="V37507">
        <v>41</v>
      </c>
      <c r="W37507">
        <v>41</v>
      </c>
      <c r="X37507">
        <v>41</v>
      </c>
      <c r="Y37507">
        <v>41</v>
      </c>
      <c r="Z37507">
        <v>41</v>
      </c>
      <c r="AA37507">
        <v>41</v>
      </c>
      <c r="AB37507">
        <v>41</v>
      </c>
      <c r="AC37507">
        <v>41</v>
      </c>
      <c r="AD37507">
        <v>41</v>
      </c>
      <c r="AE37507">
        <v>41</v>
      </c>
      <c r="AF37507">
        <v>41</v>
      </c>
      <c r="AG37507">
        <v>41</v>
      </c>
      <c r="AH37507">
        <v>41</v>
      </c>
      <c r="AI37507">
        <v>41</v>
      </c>
      <c r="AJ37507">
        <v>41</v>
      </c>
      <c r="AK37507">
        <v>41</v>
      </c>
      <c r="AL37507">
        <v>41</v>
      </c>
      <c r="AM37507">
        <v>41</v>
      </c>
      <c r="AN37507">
        <v>41</v>
      </c>
      <c r="AO37507">
        <v>40</v>
      </c>
      <c r="AP37507">
        <v>40</v>
      </c>
      <c r="AQ37507">
        <v>40</v>
      </c>
    </row>
    <row r="37508" spans="1:43">
      <c r="A37508" t="s">
        <v>23253</v>
      </c>
      <c r="B37508" t="s">
        <v>23254</v>
      </c>
      <c r="C37508" t="s">
        <v>23251</v>
      </c>
      <c r="D37508" t="s">
        <v>23252</v>
      </c>
      <c r="E37508" t="s">
        <v>23145</v>
      </c>
      <c r="F37508" t="s">
        <v>23146</v>
      </c>
      <c r="G37508" t="s">
        <v>11612</v>
      </c>
      <c r="H37508" t="s">
        <v>11613</v>
      </c>
      <c r="I37508" s="2">
        <v>0</v>
      </c>
      <c r="J37508" s="2">
        <v>0</v>
      </c>
      <c r="K37508" s="2">
        <v>1</v>
      </c>
      <c r="L37508" t="s">
        <v>995</v>
      </c>
      <c r="M37508" t="s">
        <v>89</v>
      </c>
      <c r="N37508" t="s">
        <v>90</v>
      </c>
      <c r="O37508" t="s">
        <v>85</v>
      </c>
      <c r="P37508" t="s">
        <v>86</v>
      </c>
      <c r="Q37508">
        <v>41</v>
      </c>
      <c r="R37508">
        <v>41</v>
      </c>
      <c r="S37508">
        <v>42</v>
      </c>
      <c r="T37508">
        <v>43</v>
      </c>
      <c r="U37508">
        <v>44</v>
      </c>
      <c r="V37508">
        <v>44</v>
      </c>
      <c r="W37508">
        <v>45</v>
      </c>
      <c r="X37508">
        <v>45</v>
      </c>
      <c r="Y37508">
        <v>46</v>
      </c>
      <c r="Z37508">
        <v>46</v>
      </c>
      <c r="AA37508">
        <v>47</v>
      </c>
      <c r="AB37508">
        <v>47</v>
      </c>
      <c r="AC37508">
        <v>48</v>
      </c>
      <c r="AD37508">
        <v>48</v>
      </c>
      <c r="AE37508">
        <v>48</v>
      </c>
      <c r="AF37508">
        <v>48</v>
      </c>
      <c r="AG37508">
        <v>48</v>
      </c>
      <c r="AH37508">
        <v>48</v>
      </c>
      <c r="AI37508">
        <v>47</v>
      </c>
      <c r="AJ37508">
        <v>47</v>
      </c>
      <c r="AK37508">
        <v>47</v>
      </c>
      <c r="AL37508">
        <v>47</v>
      </c>
      <c r="AM37508">
        <v>47</v>
      </c>
      <c r="AN37508">
        <v>46</v>
      </c>
      <c r="AO37508">
        <v>46</v>
      </c>
      <c r="AP37508">
        <v>46</v>
      </c>
      <c r="AQ37508">
        <v>46</v>
      </c>
    </row>
    <row r="37509" spans="1:43">
      <c r="A37509" t="s">
        <v>23253</v>
      </c>
      <c r="B37509" t="s">
        <v>23254</v>
      </c>
      <c r="C37509" t="s">
        <v>23251</v>
      </c>
      <c r="D37509" t="s">
        <v>23252</v>
      </c>
      <c r="E37509" t="s">
        <v>23145</v>
      </c>
      <c r="F37509" t="s">
        <v>23146</v>
      </c>
      <c r="G37509" t="s">
        <v>11612</v>
      </c>
      <c r="H37509" t="s">
        <v>11613</v>
      </c>
      <c r="I37509" s="2">
        <v>0</v>
      </c>
      <c r="J37509" s="2">
        <v>0</v>
      </c>
      <c r="K37509" s="2">
        <v>1</v>
      </c>
      <c r="L37509" t="s">
        <v>995</v>
      </c>
      <c r="M37509" t="s">
        <v>83</v>
      </c>
      <c r="N37509" t="s">
        <v>91</v>
      </c>
      <c r="O37509" t="s">
        <v>85</v>
      </c>
      <c r="P37509" t="s">
        <v>86</v>
      </c>
      <c r="Q37509">
        <v>41</v>
      </c>
      <c r="R37509">
        <v>42</v>
      </c>
      <c r="S37509">
        <v>42</v>
      </c>
      <c r="T37509">
        <v>42</v>
      </c>
      <c r="U37509">
        <v>43</v>
      </c>
      <c r="V37509">
        <v>43</v>
      </c>
      <c r="W37509">
        <v>44</v>
      </c>
      <c r="X37509">
        <v>44</v>
      </c>
      <c r="Y37509">
        <v>44</v>
      </c>
      <c r="Z37509">
        <v>45</v>
      </c>
      <c r="AA37509">
        <v>45</v>
      </c>
      <c r="AB37509">
        <v>45</v>
      </c>
      <c r="AC37509">
        <v>46</v>
      </c>
      <c r="AD37509">
        <v>46</v>
      </c>
      <c r="AE37509">
        <v>46</v>
      </c>
      <c r="AF37509">
        <v>46</v>
      </c>
      <c r="AG37509">
        <v>47</v>
      </c>
      <c r="AH37509">
        <v>47</v>
      </c>
      <c r="AI37509">
        <v>47</v>
      </c>
      <c r="AJ37509">
        <v>47</v>
      </c>
      <c r="AK37509">
        <v>47</v>
      </c>
      <c r="AL37509">
        <v>47</v>
      </c>
      <c r="AM37509">
        <v>47</v>
      </c>
      <c r="AN37509">
        <v>47</v>
      </c>
      <c r="AO37509">
        <v>47</v>
      </c>
      <c r="AP37509">
        <v>47</v>
      </c>
      <c r="AQ37509">
        <v>46</v>
      </c>
    </row>
    <row r="37510" spans="1:43">
      <c r="A37510" t="s">
        <v>23255</v>
      </c>
      <c r="B37510" t="s">
        <v>23256</v>
      </c>
      <c r="C37510" t="s">
        <v>23251</v>
      </c>
      <c r="D37510" t="s">
        <v>23252</v>
      </c>
      <c r="E37510" t="s">
        <v>23145</v>
      </c>
      <c r="F37510" t="s">
        <v>23146</v>
      </c>
      <c r="G37510" t="s">
        <v>11612</v>
      </c>
      <c r="H37510" t="s">
        <v>11613</v>
      </c>
      <c r="I37510" s="2">
        <v>0</v>
      </c>
      <c r="J37510" s="2">
        <v>0</v>
      </c>
      <c r="K37510" s="2">
        <v>1</v>
      </c>
      <c r="L37510" t="s">
        <v>995</v>
      </c>
      <c r="M37510" t="s">
        <v>83</v>
      </c>
      <c r="N37510" t="s">
        <v>84</v>
      </c>
      <c r="O37510" t="s">
        <v>85</v>
      </c>
      <c r="P37510" t="s">
        <v>86</v>
      </c>
      <c r="Q37510">
        <v>26</v>
      </c>
      <c r="R37510">
        <v>26</v>
      </c>
      <c r="S37510">
        <v>27</v>
      </c>
      <c r="T37510">
        <v>27</v>
      </c>
      <c r="U37510">
        <v>27</v>
      </c>
      <c r="V37510">
        <v>27</v>
      </c>
      <c r="W37510">
        <v>28</v>
      </c>
      <c r="X37510">
        <v>28</v>
      </c>
      <c r="Y37510">
        <v>28</v>
      </c>
      <c r="Z37510">
        <v>28</v>
      </c>
      <c r="AA37510">
        <v>28</v>
      </c>
      <c r="AB37510">
        <v>29</v>
      </c>
      <c r="AC37510">
        <v>29</v>
      </c>
      <c r="AD37510">
        <v>29</v>
      </c>
      <c r="AE37510">
        <v>29</v>
      </c>
      <c r="AF37510">
        <v>29</v>
      </c>
      <c r="AG37510">
        <v>29</v>
      </c>
      <c r="AH37510">
        <v>29</v>
      </c>
      <c r="AI37510">
        <v>30</v>
      </c>
      <c r="AJ37510">
        <v>30</v>
      </c>
      <c r="AK37510">
        <v>30</v>
      </c>
      <c r="AL37510">
        <v>30</v>
      </c>
      <c r="AM37510">
        <v>30</v>
      </c>
      <c r="AN37510">
        <v>29</v>
      </c>
      <c r="AO37510">
        <v>29</v>
      </c>
      <c r="AP37510">
        <v>29</v>
      </c>
      <c r="AQ37510">
        <v>29</v>
      </c>
    </row>
    <row r="37511" spans="1:43">
      <c r="A37511" t="s">
        <v>23255</v>
      </c>
      <c r="B37511" t="s">
        <v>23256</v>
      </c>
      <c r="C37511" t="s">
        <v>23251</v>
      </c>
      <c r="D37511" t="s">
        <v>23252</v>
      </c>
      <c r="E37511" t="s">
        <v>23145</v>
      </c>
      <c r="F37511" t="s">
        <v>23146</v>
      </c>
      <c r="G37511" t="s">
        <v>11612</v>
      </c>
      <c r="H37511" t="s">
        <v>11613</v>
      </c>
      <c r="I37511" s="2">
        <v>0</v>
      </c>
      <c r="J37511" s="2">
        <v>0</v>
      </c>
      <c r="K37511" s="2">
        <v>1</v>
      </c>
      <c r="L37511" t="s">
        <v>995</v>
      </c>
      <c r="M37511" t="s">
        <v>87</v>
      </c>
      <c r="N37511" t="s">
        <v>88</v>
      </c>
      <c r="O37511" t="s">
        <v>85</v>
      </c>
      <c r="P37511" t="s">
        <v>86</v>
      </c>
      <c r="Q37511">
        <v>26</v>
      </c>
      <c r="R37511">
        <v>26</v>
      </c>
      <c r="S37511">
        <v>26</v>
      </c>
      <c r="T37511">
        <v>26</v>
      </c>
      <c r="U37511">
        <v>26</v>
      </c>
      <c r="V37511">
        <v>26</v>
      </c>
      <c r="W37511">
        <v>26</v>
      </c>
      <c r="X37511">
        <v>26</v>
      </c>
      <c r="Y37511">
        <v>26</v>
      </c>
      <c r="Z37511">
        <v>26</v>
      </c>
      <c r="AA37511">
        <v>26</v>
      </c>
      <c r="AB37511">
        <v>26</v>
      </c>
      <c r="AC37511">
        <v>26</v>
      </c>
      <c r="AD37511">
        <v>26</v>
      </c>
      <c r="AE37511">
        <v>26</v>
      </c>
      <c r="AF37511">
        <v>26</v>
      </c>
      <c r="AG37511">
        <v>26</v>
      </c>
      <c r="AH37511">
        <v>26</v>
      </c>
      <c r="AI37511">
        <v>26</v>
      </c>
      <c r="AJ37511">
        <v>26</v>
      </c>
      <c r="AK37511">
        <v>26</v>
      </c>
      <c r="AL37511">
        <v>25</v>
      </c>
      <c r="AM37511">
        <v>25</v>
      </c>
      <c r="AN37511">
        <v>25</v>
      </c>
      <c r="AO37511">
        <v>25</v>
      </c>
      <c r="AP37511">
        <v>25</v>
      </c>
      <c r="AQ37511">
        <v>25</v>
      </c>
    </row>
    <row r="37512" spans="1:43">
      <c r="A37512" t="s">
        <v>23255</v>
      </c>
      <c r="B37512" t="s">
        <v>23256</v>
      </c>
      <c r="C37512" t="s">
        <v>23251</v>
      </c>
      <c r="D37512" t="s">
        <v>23252</v>
      </c>
      <c r="E37512" t="s">
        <v>23145</v>
      </c>
      <c r="F37512" t="s">
        <v>23146</v>
      </c>
      <c r="G37512" t="s">
        <v>11612</v>
      </c>
      <c r="H37512" t="s">
        <v>11613</v>
      </c>
      <c r="I37512" s="2">
        <v>0</v>
      </c>
      <c r="J37512" s="2">
        <v>0</v>
      </c>
      <c r="K37512" s="2">
        <v>1</v>
      </c>
      <c r="L37512" t="s">
        <v>995</v>
      </c>
      <c r="M37512" t="s">
        <v>89</v>
      </c>
      <c r="N37512" t="s">
        <v>90</v>
      </c>
      <c r="O37512" t="s">
        <v>85</v>
      </c>
      <c r="P37512" t="s">
        <v>86</v>
      </c>
      <c r="Q37512">
        <v>26</v>
      </c>
      <c r="R37512">
        <v>27</v>
      </c>
      <c r="S37512">
        <v>27</v>
      </c>
      <c r="T37512">
        <v>28</v>
      </c>
      <c r="U37512">
        <v>28</v>
      </c>
      <c r="V37512">
        <v>29</v>
      </c>
      <c r="W37512">
        <v>29</v>
      </c>
      <c r="X37512">
        <v>29</v>
      </c>
      <c r="Y37512">
        <v>30</v>
      </c>
      <c r="Z37512">
        <v>30</v>
      </c>
      <c r="AA37512">
        <v>30</v>
      </c>
      <c r="AB37512">
        <v>30</v>
      </c>
      <c r="AC37512">
        <v>31</v>
      </c>
      <c r="AD37512">
        <v>31</v>
      </c>
      <c r="AE37512">
        <v>31</v>
      </c>
      <c r="AF37512">
        <v>31</v>
      </c>
      <c r="AG37512">
        <v>31</v>
      </c>
      <c r="AH37512">
        <v>31</v>
      </c>
      <c r="AI37512">
        <v>30</v>
      </c>
      <c r="AJ37512">
        <v>30</v>
      </c>
      <c r="AK37512">
        <v>30</v>
      </c>
      <c r="AL37512">
        <v>30</v>
      </c>
      <c r="AM37512">
        <v>30</v>
      </c>
      <c r="AN37512">
        <v>30</v>
      </c>
      <c r="AO37512">
        <v>30</v>
      </c>
      <c r="AP37512">
        <v>29</v>
      </c>
      <c r="AQ37512">
        <v>29</v>
      </c>
    </row>
    <row r="37513" spans="1:43">
      <c r="A37513" t="s">
        <v>23255</v>
      </c>
      <c r="B37513" t="s">
        <v>23256</v>
      </c>
      <c r="C37513" t="s">
        <v>23251</v>
      </c>
      <c r="D37513" t="s">
        <v>23252</v>
      </c>
      <c r="E37513" t="s">
        <v>23145</v>
      </c>
      <c r="F37513" t="s">
        <v>23146</v>
      </c>
      <c r="G37513" t="s">
        <v>11612</v>
      </c>
      <c r="H37513" t="s">
        <v>11613</v>
      </c>
      <c r="I37513" s="2">
        <v>0</v>
      </c>
      <c r="J37513" s="2">
        <v>0</v>
      </c>
      <c r="K37513" s="2">
        <v>1</v>
      </c>
      <c r="L37513" t="s">
        <v>995</v>
      </c>
      <c r="M37513" t="s">
        <v>83</v>
      </c>
      <c r="N37513" t="s">
        <v>91</v>
      </c>
      <c r="O37513" t="s">
        <v>85</v>
      </c>
      <c r="P37513" t="s">
        <v>86</v>
      </c>
      <c r="Q37513">
        <v>26</v>
      </c>
      <c r="R37513">
        <v>26</v>
      </c>
      <c r="S37513">
        <v>27</v>
      </c>
      <c r="T37513">
        <v>27</v>
      </c>
      <c r="U37513">
        <v>27</v>
      </c>
      <c r="V37513">
        <v>27</v>
      </c>
      <c r="W37513">
        <v>28</v>
      </c>
      <c r="X37513">
        <v>28</v>
      </c>
      <c r="Y37513">
        <v>28</v>
      </c>
      <c r="Z37513">
        <v>28</v>
      </c>
      <c r="AA37513">
        <v>28</v>
      </c>
      <c r="AB37513">
        <v>29</v>
      </c>
      <c r="AC37513">
        <v>29</v>
      </c>
      <c r="AD37513">
        <v>29</v>
      </c>
      <c r="AE37513">
        <v>29</v>
      </c>
      <c r="AF37513">
        <v>29</v>
      </c>
      <c r="AG37513">
        <v>29</v>
      </c>
      <c r="AH37513">
        <v>29</v>
      </c>
      <c r="AI37513">
        <v>30</v>
      </c>
      <c r="AJ37513">
        <v>30</v>
      </c>
      <c r="AK37513">
        <v>30</v>
      </c>
      <c r="AL37513">
        <v>30</v>
      </c>
      <c r="AM37513">
        <v>30</v>
      </c>
      <c r="AN37513">
        <v>29</v>
      </c>
      <c r="AO37513">
        <v>29</v>
      </c>
      <c r="AP37513">
        <v>29</v>
      </c>
      <c r="AQ37513">
        <v>29</v>
      </c>
    </row>
    <row r="37514" spans="1:43">
      <c r="A37514" t="s">
        <v>23257</v>
      </c>
      <c r="B37514" t="s">
        <v>23258</v>
      </c>
      <c r="C37514" t="s">
        <v>23259</v>
      </c>
      <c r="D37514" t="s">
        <v>23260</v>
      </c>
      <c r="E37514" t="s">
        <v>23145</v>
      </c>
      <c r="F37514" t="s">
        <v>23146</v>
      </c>
      <c r="G37514" t="s">
        <v>11612</v>
      </c>
      <c r="H37514" t="s">
        <v>11613</v>
      </c>
      <c r="I37514" s="2">
        <v>0</v>
      </c>
      <c r="J37514" s="2">
        <v>0</v>
      </c>
      <c r="K37514" s="2">
        <v>1</v>
      </c>
      <c r="L37514" t="s">
        <v>995</v>
      </c>
      <c r="M37514" t="s">
        <v>83</v>
      </c>
      <c r="N37514" t="s">
        <v>84</v>
      </c>
      <c r="O37514" t="s">
        <v>85</v>
      </c>
      <c r="P37514" t="s">
        <v>86</v>
      </c>
      <c r="Q37514">
        <v>12</v>
      </c>
      <c r="R37514">
        <v>12</v>
      </c>
      <c r="S37514">
        <v>12</v>
      </c>
      <c r="T37514">
        <v>12</v>
      </c>
      <c r="U37514">
        <v>12</v>
      </c>
      <c r="V37514">
        <v>12</v>
      </c>
      <c r="W37514">
        <v>12</v>
      </c>
      <c r="X37514">
        <v>13</v>
      </c>
      <c r="Y37514">
        <v>13</v>
      </c>
      <c r="Z37514">
        <v>13</v>
      </c>
      <c r="AA37514">
        <v>13</v>
      </c>
      <c r="AB37514">
        <v>13</v>
      </c>
      <c r="AC37514">
        <v>13</v>
      </c>
      <c r="AD37514">
        <v>13</v>
      </c>
      <c r="AE37514">
        <v>13</v>
      </c>
      <c r="AF37514">
        <v>13</v>
      </c>
      <c r="AG37514">
        <v>13</v>
      </c>
      <c r="AH37514">
        <v>13</v>
      </c>
      <c r="AI37514">
        <v>13</v>
      </c>
      <c r="AJ37514">
        <v>14</v>
      </c>
      <c r="AK37514">
        <v>14</v>
      </c>
      <c r="AL37514">
        <v>14</v>
      </c>
      <c r="AM37514">
        <v>13</v>
      </c>
      <c r="AN37514">
        <v>13</v>
      </c>
      <c r="AO37514">
        <v>13</v>
      </c>
      <c r="AP37514">
        <v>13</v>
      </c>
      <c r="AQ37514">
        <v>13</v>
      </c>
    </row>
    <row r="37515" spans="1:43">
      <c r="A37515" t="s">
        <v>23257</v>
      </c>
      <c r="B37515" t="s">
        <v>23258</v>
      </c>
      <c r="C37515" t="s">
        <v>23259</v>
      </c>
      <c r="D37515" t="s">
        <v>23260</v>
      </c>
      <c r="E37515" t="s">
        <v>23145</v>
      </c>
      <c r="F37515" t="s">
        <v>23146</v>
      </c>
      <c r="G37515" t="s">
        <v>11612</v>
      </c>
      <c r="H37515" t="s">
        <v>11613</v>
      </c>
      <c r="I37515" s="2">
        <v>0</v>
      </c>
      <c r="J37515" s="2">
        <v>0</v>
      </c>
      <c r="K37515" s="2">
        <v>1</v>
      </c>
      <c r="L37515" t="s">
        <v>995</v>
      </c>
      <c r="M37515" t="s">
        <v>87</v>
      </c>
      <c r="N37515" t="s">
        <v>88</v>
      </c>
      <c r="O37515" t="s">
        <v>85</v>
      </c>
      <c r="P37515" t="s">
        <v>86</v>
      </c>
      <c r="Q37515">
        <v>12</v>
      </c>
      <c r="R37515">
        <v>12</v>
      </c>
      <c r="S37515">
        <v>12</v>
      </c>
      <c r="T37515">
        <v>12</v>
      </c>
      <c r="U37515">
        <v>12</v>
      </c>
      <c r="V37515">
        <v>12</v>
      </c>
      <c r="W37515">
        <v>12</v>
      </c>
      <c r="X37515">
        <v>12</v>
      </c>
      <c r="Y37515">
        <v>12</v>
      </c>
      <c r="Z37515">
        <v>12</v>
      </c>
      <c r="AA37515">
        <v>12</v>
      </c>
      <c r="AB37515">
        <v>12</v>
      </c>
      <c r="AC37515">
        <v>12</v>
      </c>
      <c r="AD37515">
        <v>12</v>
      </c>
      <c r="AE37515">
        <v>12</v>
      </c>
      <c r="AF37515">
        <v>12</v>
      </c>
      <c r="AG37515">
        <v>12</v>
      </c>
      <c r="AH37515">
        <v>12</v>
      </c>
      <c r="AI37515">
        <v>12</v>
      </c>
      <c r="AJ37515">
        <v>12</v>
      </c>
      <c r="AK37515">
        <v>12</v>
      </c>
      <c r="AL37515">
        <v>12</v>
      </c>
      <c r="AM37515">
        <v>12</v>
      </c>
      <c r="AN37515">
        <v>12</v>
      </c>
      <c r="AO37515">
        <v>12</v>
      </c>
      <c r="AP37515">
        <v>12</v>
      </c>
      <c r="AQ37515">
        <v>11</v>
      </c>
    </row>
    <row r="37516" spans="1:43">
      <c r="A37516" t="s">
        <v>23257</v>
      </c>
      <c r="B37516" t="s">
        <v>23258</v>
      </c>
      <c r="C37516" t="s">
        <v>23259</v>
      </c>
      <c r="D37516" t="s">
        <v>23260</v>
      </c>
      <c r="E37516" t="s">
        <v>23145</v>
      </c>
      <c r="F37516" t="s">
        <v>23146</v>
      </c>
      <c r="G37516" t="s">
        <v>11612</v>
      </c>
      <c r="H37516" t="s">
        <v>11613</v>
      </c>
      <c r="I37516" s="2">
        <v>0</v>
      </c>
      <c r="J37516" s="2">
        <v>0</v>
      </c>
      <c r="K37516" s="2">
        <v>1</v>
      </c>
      <c r="L37516" t="s">
        <v>995</v>
      </c>
      <c r="M37516" t="s">
        <v>89</v>
      </c>
      <c r="N37516" t="s">
        <v>90</v>
      </c>
      <c r="O37516" t="s">
        <v>85</v>
      </c>
      <c r="P37516" t="s">
        <v>86</v>
      </c>
      <c r="Q37516">
        <v>12</v>
      </c>
      <c r="R37516">
        <v>12</v>
      </c>
      <c r="S37516">
        <v>12</v>
      </c>
      <c r="T37516">
        <v>13</v>
      </c>
      <c r="U37516">
        <v>13</v>
      </c>
      <c r="V37516">
        <v>13</v>
      </c>
      <c r="W37516">
        <v>13</v>
      </c>
      <c r="X37516">
        <v>13</v>
      </c>
      <c r="Y37516">
        <v>13</v>
      </c>
      <c r="Z37516">
        <v>14</v>
      </c>
      <c r="AA37516">
        <v>14</v>
      </c>
      <c r="AB37516">
        <v>14</v>
      </c>
      <c r="AC37516">
        <v>14</v>
      </c>
      <c r="AD37516">
        <v>14</v>
      </c>
      <c r="AE37516">
        <v>14</v>
      </c>
      <c r="AF37516">
        <v>14</v>
      </c>
      <c r="AG37516">
        <v>14</v>
      </c>
      <c r="AH37516">
        <v>14</v>
      </c>
      <c r="AI37516">
        <v>14</v>
      </c>
      <c r="AJ37516">
        <v>14</v>
      </c>
      <c r="AK37516">
        <v>14</v>
      </c>
      <c r="AL37516">
        <v>14</v>
      </c>
      <c r="AM37516">
        <v>14</v>
      </c>
      <c r="AN37516">
        <v>14</v>
      </c>
      <c r="AO37516">
        <v>13</v>
      </c>
      <c r="AP37516">
        <v>13</v>
      </c>
      <c r="AQ37516">
        <v>13</v>
      </c>
    </row>
    <row r="37517" spans="1:43">
      <c r="A37517" t="s">
        <v>23257</v>
      </c>
      <c r="B37517" t="s">
        <v>23258</v>
      </c>
      <c r="C37517" t="s">
        <v>23259</v>
      </c>
      <c r="D37517" t="s">
        <v>23260</v>
      </c>
      <c r="E37517" t="s">
        <v>23145</v>
      </c>
      <c r="F37517" t="s">
        <v>23146</v>
      </c>
      <c r="G37517" t="s">
        <v>11612</v>
      </c>
      <c r="H37517" t="s">
        <v>11613</v>
      </c>
      <c r="I37517" s="2">
        <v>0</v>
      </c>
      <c r="J37517" s="2">
        <v>0</v>
      </c>
      <c r="K37517" s="2">
        <v>1</v>
      </c>
      <c r="L37517" t="s">
        <v>995</v>
      </c>
      <c r="M37517" t="s">
        <v>83</v>
      </c>
      <c r="N37517" t="s">
        <v>91</v>
      </c>
      <c r="O37517" t="s">
        <v>85</v>
      </c>
      <c r="P37517" t="s">
        <v>86</v>
      </c>
      <c r="Q37517">
        <v>12</v>
      </c>
      <c r="R37517">
        <v>12</v>
      </c>
      <c r="S37517">
        <v>12</v>
      </c>
      <c r="T37517">
        <v>12</v>
      </c>
      <c r="U37517">
        <v>12</v>
      </c>
      <c r="V37517">
        <v>12</v>
      </c>
      <c r="W37517">
        <v>12</v>
      </c>
      <c r="X37517">
        <v>13</v>
      </c>
      <c r="Y37517">
        <v>13</v>
      </c>
      <c r="Z37517">
        <v>13</v>
      </c>
      <c r="AA37517">
        <v>13</v>
      </c>
      <c r="AB37517">
        <v>13</v>
      </c>
      <c r="AC37517">
        <v>13</v>
      </c>
      <c r="AD37517">
        <v>13</v>
      </c>
      <c r="AE37517">
        <v>13</v>
      </c>
      <c r="AF37517">
        <v>13</v>
      </c>
      <c r="AG37517">
        <v>13</v>
      </c>
      <c r="AH37517">
        <v>13</v>
      </c>
      <c r="AI37517">
        <v>13</v>
      </c>
      <c r="AJ37517">
        <v>14</v>
      </c>
      <c r="AK37517">
        <v>14</v>
      </c>
      <c r="AL37517">
        <v>14</v>
      </c>
      <c r="AM37517">
        <v>13</v>
      </c>
      <c r="AN37517">
        <v>13</v>
      </c>
      <c r="AO37517">
        <v>13</v>
      </c>
      <c r="AP37517">
        <v>13</v>
      </c>
      <c r="AQ37517">
        <v>13</v>
      </c>
    </row>
    <row r="37518" spans="1:43">
      <c r="A37518" t="s">
        <v>23261</v>
      </c>
      <c r="B37518" t="s">
        <v>23262</v>
      </c>
      <c r="C37518" t="s">
        <v>23251</v>
      </c>
      <c r="D37518" t="s">
        <v>23252</v>
      </c>
      <c r="E37518" t="s">
        <v>23145</v>
      </c>
      <c r="F37518" t="s">
        <v>23146</v>
      </c>
      <c r="G37518" t="s">
        <v>11612</v>
      </c>
      <c r="H37518" t="s">
        <v>11613</v>
      </c>
      <c r="I37518" s="2">
        <v>0</v>
      </c>
      <c r="J37518" s="2">
        <v>0</v>
      </c>
      <c r="K37518" s="2">
        <v>1</v>
      </c>
      <c r="L37518" t="s">
        <v>995</v>
      </c>
      <c r="M37518" t="s">
        <v>83</v>
      </c>
      <c r="N37518" t="s">
        <v>84</v>
      </c>
      <c r="O37518" t="s">
        <v>85</v>
      </c>
      <c r="P37518" t="s">
        <v>86</v>
      </c>
      <c r="Q37518">
        <v>30</v>
      </c>
      <c r="R37518">
        <v>30</v>
      </c>
      <c r="S37518">
        <v>30</v>
      </c>
      <c r="T37518">
        <v>31</v>
      </c>
      <c r="U37518">
        <v>31</v>
      </c>
      <c r="V37518">
        <v>31</v>
      </c>
      <c r="W37518">
        <v>32</v>
      </c>
      <c r="X37518">
        <v>32</v>
      </c>
      <c r="Y37518">
        <v>32</v>
      </c>
      <c r="Z37518">
        <v>32</v>
      </c>
      <c r="AA37518">
        <v>33</v>
      </c>
      <c r="AB37518">
        <v>33</v>
      </c>
      <c r="AC37518">
        <v>33</v>
      </c>
      <c r="AD37518">
        <v>33</v>
      </c>
      <c r="AE37518">
        <v>33</v>
      </c>
      <c r="AF37518">
        <v>34</v>
      </c>
      <c r="AG37518">
        <v>34</v>
      </c>
      <c r="AH37518">
        <v>34</v>
      </c>
      <c r="AI37518">
        <v>34</v>
      </c>
      <c r="AJ37518">
        <v>34</v>
      </c>
      <c r="AK37518">
        <v>34</v>
      </c>
      <c r="AL37518">
        <v>34</v>
      </c>
      <c r="AM37518">
        <v>34</v>
      </c>
      <c r="AN37518">
        <v>34</v>
      </c>
      <c r="AO37518">
        <v>34</v>
      </c>
      <c r="AP37518">
        <v>34</v>
      </c>
      <c r="AQ37518">
        <v>34</v>
      </c>
    </row>
    <row r="37519" spans="1:43">
      <c r="A37519" t="s">
        <v>23261</v>
      </c>
      <c r="B37519" t="s">
        <v>23262</v>
      </c>
      <c r="C37519" t="s">
        <v>23251</v>
      </c>
      <c r="D37519" t="s">
        <v>23252</v>
      </c>
      <c r="E37519" t="s">
        <v>23145</v>
      </c>
      <c r="F37519" t="s">
        <v>23146</v>
      </c>
      <c r="G37519" t="s">
        <v>11612</v>
      </c>
      <c r="H37519" t="s">
        <v>11613</v>
      </c>
      <c r="I37519" s="2">
        <v>0</v>
      </c>
      <c r="J37519" s="2">
        <v>0</v>
      </c>
      <c r="K37519" s="2">
        <v>1</v>
      </c>
      <c r="L37519" t="s">
        <v>995</v>
      </c>
      <c r="M37519" t="s">
        <v>87</v>
      </c>
      <c r="N37519" t="s">
        <v>88</v>
      </c>
      <c r="O37519" t="s">
        <v>85</v>
      </c>
      <c r="P37519" t="s">
        <v>86</v>
      </c>
      <c r="Q37519">
        <v>30</v>
      </c>
      <c r="R37519">
        <v>30</v>
      </c>
      <c r="S37519">
        <v>30</v>
      </c>
      <c r="T37519">
        <v>30</v>
      </c>
      <c r="U37519">
        <v>30</v>
      </c>
      <c r="V37519">
        <v>30</v>
      </c>
      <c r="W37519">
        <v>30</v>
      </c>
      <c r="X37519">
        <v>30</v>
      </c>
      <c r="Y37519">
        <v>30</v>
      </c>
      <c r="Z37519">
        <v>30</v>
      </c>
      <c r="AA37519">
        <v>30</v>
      </c>
      <c r="AB37519">
        <v>30</v>
      </c>
      <c r="AC37519">
        <v>30</v>
      </c>
      <c r="AD37519">
        <v>30</v>
      </c>
      <c r="AE37519">
        <v>30</v>
      </c>
      <c r="AF37519">
        <v>30</v>
      </c>
      <c r="AG37519">
        <v>30</v>
      </c>
      <c r="AH37519">
        <v>30</v>
      </c>
      <c r="AI37519">
        <v>30</v>
      </c>
      <c r="AJ37519">
        <v>29</v>
      </c>
      <c r="AK37519">
        <v>29</v>
      </c>
      <c r="AL37519">
        <v>29</v>
      </c>
      <c r="AM37519">
        <v>29</v>
      </c>
      <c r="AN37519">
        <v>29</v>
      </c>
      <c r="AO37519">
        <v>29</v>
      </c>
      <c r="AP37519">
        <v>29</v>
      </c>
      <c r="AQ37519">
        <v>29</v>
      </c>
    </row>
    <row r="37520" spans="1:43">
      <c r="A37520" t="s">
        <v>23261</v>
      </c>
      <c r="B37520" t="s">
        <v>23262</v>
      </c>
      <c r="C37520" t="s">
        <v>23251</v>
      </c>
      <c r="D37520" t="s">
        <v>23252</v>
      </c>
      <c r="E37520" t="s">
        <v>23145</v>
      </c>
      <c r="F37520" t="s">
        <v>23146</v>
      </c>
      <c r="G37520" t="s">
        <v>11612</v>
      </c>
      <c r="H37520" t="s">
        <v>11613</v>
      </c>
      <c r="I37520" s="2">
        <v>0</v>
      </c>
      <c r="J37520" s="2">
        <v>0</v>
      </c>
      <c r="K37520" s="2">
        <v>1</v>
      </c>
      <c r="L37520" t="s">
        <v>995</v>
      </c>
      <c r="M37520" t="s">
        <v>89</v>
      </c>
      <c r="N37520" t="s">
        <v>90</v>
      </c>
      <c r="O37520" t="s">
        <v>85</v>
      </c>
      <c r="P37520" t="s">
        <v>86</v>
      </c>
      <c r="Q37520">
        <v>30</v>
      </c>
      <c r="R37520">
        <v>31</v>
      </c>
      <c r="S37520">
        <v>31</v>
      </c>
      <c r="T37520">
        <v>32</v>
      </c>
      <c r="U37520">
        <v>32</v>
      </c>
      <c r="V37520">
        <v>33</v>
      </c>
      <c r="W37520">
        <v>33</v>
      </c>
      <c r="X37520">
        <v>34</v>
      </c>
      <c r="Y37520">
        <v>34</v>
      </c>
      <c r="Z37520">
        <v>34</v>
      </c>
      <c r="AA37520">
        <v>35</v>
      </c>
      <c r="AB37520">
        <v>35</v>
      </c>
      <c r="AC37520">
        <v>35</v>
      </c>
      <c r="AD37520">
        <v>36</v>
      </c>
      <c r="AE37520">
        <v>36</v>
      </c>
      <c r="AF37520">
        <v>36</v>
      </c>
      <c r="AG37520">
        <v>35</v>
      </c>
      <c r="AH37520">
        <v>35</v>
      </c>
      <c r="AI37520">
        <v>35</v>
      </c>
      <c r="AJ37520">
        <v>35</v>
      </c>
      <c r="AK37520">
        <v>35</v>
      </c>
      <c r="AL37520">
        <v>35</v>
      </c>
      <c r="AM37520">
        <v>34</v>
      </c>
      <c r="AN37520">
        <v>34</v>
      </c>
      <c r="AO37520">
        <v>34</v>
      </c>
      <c r="AP37520">
        <v>34</v>
      </c>
      <c r="AQ37520">
        <v>34</v>
      </c>
    </row>
    <row r="37521" spans="1:43">
      <c r="A37521" t="s">
        <v>23261</v>
      </c>
      <c r="B37521" t="s">
        <v>23262</v>
      </c>
      <c r="C37521" t="s">
        <v>23251</v>
      </c>
      <c r="D37521" t="s">
        <v>23252</v>
      </c>
      <c r="E37521" t="s">
        <v>23145</v>
      </c>
      <c r="F37521" t="s">
        <v>23146</v>
      </c>
      <c r="G37521" t="s">
        <v>11612</v>
      </c>
      <c r="H37521" t="s">
        <v>11613</v>
      </c>
      <c r="I37521" s="2">
        <v>0</v>
      </c>
      <c r="J37521" s="2">
        <v>0</v>
      </c>
      <c r="K37521" s="2">
        <v>1</v>
      </c>
      <c r="L37521" t="s">
        <v>995</v>
      </c>
      <c r="M37521" t="s">
        <v>83</v>
      </c>
      <c r="N37521" t="s">
        <v>91</v>
      </c>
      <c r="O37521" t="s">
        <v>85</v>
      </c>
      <c r="P37521" t="s">
        <v>86</v>
      </c>
      <c r="Q37521">
        <v>30</v>
      </c>
      <c r="R37521">
        <v>30</v>
      </c>
      <c r="S37521">
        <v>30</v>
      </c>
      <c r="T37521">
        <v>31</v>
      </c>
      <c r="U37521">
        <v>31</v>
      </c>
      <c r="V37521">
        <v>31</v>
      </c>
      <c r="W37521">
        <v>32</v>
      </c>
      <c r="X37521">
        <v>32</v>
      </c>
      <c r="Y37521">
        <v>32</v>
      </c>
      <c r="Z37521">
        <v>32</v>
      </c>
      <c r="AA37521">
        <v>33</v>
      </c>
      <c r="AB37521">
        <v>33</v>
      </c>
      <c r="AC37521">
        <v>33</v>
      </c>
      <c r="AD37521">
        <v>33</v>
      </c>
      <c r="AE37521">
        <v>33</v>
      </c>
      <c r="AF37521">
        <v>34</v>
      </c>
      <c r="AG37521">
        <v>34</v>
      </c>
      <c r="AH37521">
        <v>34</v>
      </c>
      <c r="AI37521">
        <v>34</v>
      </c>
      <c r="AJ37521">
        <v>34</v>
      </c>
      <c r="AK37521">
        <v>34</v>
      </c>
      <c r="AL37521">
        <v>34</v>
      </c>
      <c r="AM37521">
        <v>34</v>
      </c>
      <c r="AN37521">
        <v>34</v>
      </c>
      <c r="AO37521">
        <v>34</v>
      </c>
      <c r="AP37521">
        <v>34</v>
      </c>
      <c r="AQ37521">
        <v>34</v>
      </c>
    </row>
    <row r="37522" spans="1:43">
      <c r="A37522" t="s">
        <v>23263</v>
      </c>
      <c r="B37522" t="s">
        <v>23264</v>
      </c>
      <c r="C37522" t="s">
        <v>23265</v>
      </c>
      <c r="D37522" t="s">
        <v>23266</v>
      </c>
      <c r="E37522" t="s">
        <v>23145</v>
      </c>
      <c r="F37522" t="s">
        <v>23146</v>
      </c>
      <c r="G37522" t="s">
        <v>11612</v>
      </c>
      <c r="H37522" t="s">
        <v>11613</v>
      </c>
      <c r="I37522" s="2">
        <v>0</v>
      </c>
      <c r="J37522" s="2">
        <v>0</v>
      </c>
      <c r="K37522" s="2">
        <v>1</v>
      </c>
      <c r="L37522" t="s">
        <v>995</v>
      </c>
      <c r="M37522" t="s">
        <v>83</v>
      </c>
      <c r="N37522" t="s">
        <v>84</v>
      </c>
      <c r="O37522" t="s">
        <v>85</v>
      </c>
      <c r="P37522" t="s">
        <v>86</v>
      </c>
      <c r="Q37522">
        <v>36</v>
      </c>
      <c r="R37522">
        <v>36</v>
      </c>
      <c r="S37522">
        <v>37</v>
      </c>
      <c r="T37522">
        <v>37</v>
      </c>
      <c r="U37522">
        <v>37</v>
      </c>
      <c r="V37522">
        <v>38</v>
      </c>
      <c r="W37522">
        <v>38</v>
      </c>
      <c r="X37522">
        <v>38</v>
      </c>
      <c r="Y37522">
        <v>39</v>
      </c>
      <c r="Z37522">
        <v>39</v>
      </c>
      <c r="AA37522">
        <v>39</v>
      </c>
      <c r="AB37522">
        <v>39</v>
      </c>
      <c r="AC37522">
        <v>40</v>
      </c>
      <c r="AD37522">
        <v>40</v>
      </c>
      <c r="AE37522">
        <v>40</v>
      </c>
      <c r="AF37522">
        <v>40</v>
      </c>
      <c r="AG37522">
        <v>41</v>
      </c>
      <c r="AH37522">
        <v>41</v>
      </c>
      <c r="AI37522">
        <v>41</v>
      </c>
      <c r="AJ37522">
        <v>41</v>
      </c>
      <c r="AK37522">
        <v>41</v>
      </c>
      <c r="AL37522">
        <v>41</v>
      </c>
      <c r="AM37522">
        <v>41</v>
      </c>
      <c r="AN37522">
        <v>41</v>
      </c>
      <c r="AO37522">
        <v>41</v>
      </c>
      <c r="AP37522">
        <v>41</v>
      </c>
      <c r="AQ37522">
        <v>41</v>
      </c>
    </row>
    <row r="37523" spans="1:43">
      <c r="A37523" t="s">
        <v>23263</v>
      </c>
      <c r="B37523" t="s">
        <v>23264</v>
      </c>
      <c r="C37523" t="s">
        <v>23265</v>
      </c>
      <c r="D37523" t="s">
        <v>23266</v>
      </c>
      <c r="E37523" t="s">
        <v>23145</v>
      </c>
      <c r="F37523" t="s">
        <v>23146</v>
      </c>
      <c r="G37523" t="s">
        <v>11612</v>
      </c>
      <c r="H37523" t="s">
        <v>11613</v>
      </c>
      <c r="I37523" s="2">
        <v>0</v>
      </c>
      <c r="J37523" s="2">
        <v>0</v>
      </c>
      <c r="K37523" s="2">
        <v>1</v>
      </c>
      <c r="L37523" t="s">
        <v>995</v>
      </c>
      <c r="M37523" t="s">
        <v>87</v>
      </c>
      <c r="N37523" t="s">
        <v>88</v>
      </c>
      <c r="O37523" t="s">
        <v>85</v>
      </c>
      <c r="P37523" t="s">
        <v>86</v>
      </c>
      <c r="Q37523">
        <v>36</v>
      </c>
      <c r="R37523">
        <v>36</v>
      </c>
      <c r="S37523">
        <v>36</v>
      </c>
      <c r="T37523">
        <v>36</v>
      </c>
      <c r="U37523">
        <v>36</v>
      </c>
      <c r="V37523">
        <v>36</v>
      </c>
      <c r="W37523">
        <v>36</v>
      </c>
      <c r="X37523">
        <v>36</v>
      </c>
      <c r="Y37523">
        <v>36</v>
      </c>
      <c r="Z37523">
        <v>36</v>
      </c>
      <c r="AA37523">
        <v>36</v>
      </c>
      <c r="AB37523">
        <v>36</v>
      </c>
      <c r="AC37523">
        <v>36</v>
      </c>
      <c r="AD37523">
        <v>36</v>
      </c>
      <c r="AE37523">
        <v>36</v>
      </c>
      <c r="AF37523">
        <v>36</v>
      </c>
      <c r="AG37523">
        <v>36</v>
      </c>
      <c r="AH37523">
        <v>36</v>
      </c>
      <c r="AI37523">
        <v>35</v>
      </c>
      <c r="AJ37523">
        <v>35</v>
      </c>
      <c r="AK37523">
        <v>35</v>
      </c>
      <c r="AL37523">
        <v>35</v>
      </c>
      <c r="AM37523">
        <v>35</v>
      </c>
      <c r="AN37523">
        <v>35</v>
      </c>
      <c r="AO37523">
        <v>35</v>
      </c>
      <c r="AP37523">
        <v>35</v>
      </c>
      <c r="AQ37523">
        <v>35</v>
      </c>
    </row>
    <row r="37524" spans="1:43">
      <c r="A37524" t="s">
        <v>23263</v>
      </c>
      <c r="B37524" t="s">
        <v>23264</v>
      </c>
      <c r="C37524" t="s">
        <v>23265</v>
      </c>
      <c r="D37524" t="s">
        <v>23266</v>
      </c>
      <c r="E37524" t="s">
        <v>23145</v>
      </c>
      <c r="F37524" t="s">
        <v>23146</v>
      </c>
      <c r="G37524" t="s">
        <v>11612</v>
      </c>
      <c r="H37524" t="s">
        <v>11613</v>
      </c>
      <c r="I37524" s="2">
        <v>0</v>
      </c>
      <c r="J37524" s="2">
        <v>0</v>
      </c>
      <c r="K37524" s="2">
        <v>1</v>
      </c>
      <c r="L37524" t="s">
        <v>995</v>
      </c>
      <c r="M37524" t="s">
        <v>89</v>
      </c>
      <c r="N37524" t="s">
        <v>90</v>
      </c>
      <c r="O37524" t="s">
        <v>85</v>
      </c>
      <c r="P37524" t="s">
        <v>86</v>
      </c>
      <c r="Q37524">
        <v>36</v>
      </c>
      <c r="R37524">
        <v>37</v>
      </c>
      <c r="S37524">
        <v>38</v>
      </c>
      <c r="T37524">
        <v>38</v>
      </c>
      <c r="U37524">
        <v>39</v>
      </c>
      <c r="V37524">
        <v>39</v>
      </c>
      <c r="W37524">
        <v>40</v>
      </c>
      <c r="X37524">
        <v>40</v>
      </c>
      <c r="Y37524">
        <v>41</v>
      </c>
      <c r="Z37524">
        <v>41</v>
      </c>
      <c r="AA37524">
        <v>42</v>
      </c>
      <c r="AB37524">
        <v>42</v>
      </c>
      <c r="AC37524">
        <v>42</v>
      </c>
      <c r="AD37524">
        <v>43</v>
      </c>
      <c r="AE37524">
        <v>43</v>
      </c>
      <c r="AF37524">
        <v>43</v>
      </c>
      <c r="AG37524">
        <v>43</v>
      </c>
      <c r="AH37524">
        <v>43</v>
      </c>
      <c r="AI37524">
        <v>42</v>
      </c>
      <c r="AJ37524">
        <v>42</v>
      </c>
      <c r="AK37524">
        <v>42</v>
      </c>
      <c r="AL37524">
        <v>42</v>
      </c>
      <c r="AM37524">
        <v>42</v>
      </c>
      <c r="AN37524">
        <v>41</v>
      </c>
      <c r="AO37524">
        <v>41</v>
      </c>
      <c r="AP37524">
        <v>41</v>
      </c>
      <c r="AQ37524">
        <v>41</v>
      </c>
    </row>
    <row r="37525" spans="1:43">
      <c r="A37525" t="s">
        <v>23263</v>
      </c>
      <c r="B37525" t="s">
        <v>23264</v>
      </c>
      <c r="C37525" t="s">
        <v>23265</v>
      </c>
      <c r="D37525" t="s">
        <v>23266</v>
      </c>
      <c r="E37525" t="s">
        <v>23145</v>
      </c>
      <c r="F37525" t="s">
        <v>23146</v>
      </c>
      <c r="G37525" t="s">
        <v>11612</v>
      </c>
      <c r="H37525" t="s">
        <v>11613</v>
      </c>
      <c r="I37525" s="2">
        <v>0</v>
      </c>
      <c r="J37525" s="2">
        <v>0</v>
      </c>
      <c r="K37525" s="2">
        <v>1</v>
      </c>
      <c r="L37525" t="s">
        <v>995</v>
      </c>
      <c r="M37525" t="s">
        <v>83</v>
      </c>
      <c r="N37525" t="s">
        <v>91</v>
      </c>
      <c r="O37525" t="s">
        <v>85</v>
      </c>
      <c r="P37525" t="s">
        <v>86</v>
      </c>
      <c r="Q37525">
        <v>36</v>
      </c>
      <c r="R37525">
        <v>36</v>
      </c>
      <c r="S37525">
        <v>37</v>
      </c>
      <c r="T37525">
        <v>37</v>
      </c>
      <c r="U37525">
        <v>37</v>
      </c>
      <c r="V37525">
        <v>38</v>
      </c>
      <c r="W37525">
        <v>38</v>
      </c>
      <c r="X37525">
        <v>38</v>
      </c>
      <c r="Y37525">
        <v>39</v>
      </c>
      <c r="Z37525">
        <v>39</v>
      </c>
      <c r="AA37525">
        <v>39</v>
      </c>
      <c r="AB37525">
        <v>39</v>
      </c>
      <c r="AC37525">
        <v>40</v>
      </c>
      <c r="AD37525">
        <v>40</v>
      </c>
      <c r="AE37525">
        <v>40</v>
      </c>
      <c r="AF37525">
        <v>40</v>
      </c>
      <c r="AG37525">
        <v>41</v>
      </c>
      <c r="AH37525">
        <v>41</v>
      </c>
      <c r="AI37525">
        <v>41</v>
      </c>
      <c r="AJ37525">
        <v>41</v>
      </c>
      <c r="AK37525">
        <v>41</v>
      </c>
      <c r="AL37525">
        <v>41</v>
      </c>
      <c r="AM37525">
        <v>41</v>
      </c>
      <c r="AN37525">
        <v>41</v>
      </c>
      <c r="AO37525">
        <v>41</v>
      </c>
      <c r="AP37525">
        <v>41</v>
      </c>
      <c r="AQ37525">
        <v>41</v>
      </c>
    </row>
    <row r="37526" spans="1:43">
      <c r="A37526" t="s">
        <v>23267</v>
      </c>
      <c r="B37526" t="s">
        <v>23268</v>
      </c>
      <c r="C37526" t="s">
        <v>23265</v>
      </c>
      <c r="D37526" t="s">
        <v>23266</v>
      </c>
      <c r="E37526" t="s">
        <v>23145</v>
      </c>
      <c r="F37526" t="s">
        <v>23146</v>
      </c>
      <c r="G37526" t="s">
        <v>11612</v>
      </c>
      <c r="H37526" t="s">
        <v>11613</v>
      </c>
      <c r="I37526" s="2">
        <v>0</v>
      </c>
      <c r="J37526" s="2">
        <v>0</v>
      </c>
      <c r="K37526" s="2">
        <v>1</v>
      </c>
      <c r="L37526" t="s">
        <v>995</v>
      </c>
      <c r="M37526" t="s">
        <v>83</v>
      </c>
      <c r="N37526" t="s">
        <v>84</v>
      </c>
      <c r="O37526" t="s">
        <v>85</v>
      </c>
      <c r="P37526" t="s">
        <v>86</v>
      </c>
      <c r="Q37526">
        <v>10</v>
      </c>
      <c r="R37526">
        <v>10</v>
      </c>
      <c r="S37526">
        <v>10</v>
      </c>
      <c r="T37526">
        <v>10</v>
      </c>
      <c r="U37526">
        <v>11</v>
      </c>
      <c r="V37526">
        <v>11</v>
      </c>
      <c r="W37526">
        <v>11</v>
      </c>
      <c r="X37526">
        <v>11</v>
      </c>
      <c r="Y37526">
        <v>11</v>
      </c>
      <c r="Z37526">
        <v>11</v>
      </c>
      <c r="AA37526">
        <v>11</v>
      </c>
      <c r="AB37526">
        <v>11</v>
      </c>
      <c r="AC37526">
        <v>11</v>
      </c>
      <c r="AD37526">
        <v>11</v>
      </c>
      <c r="AE37526">
        <v>11</v>
      </c>
      <c r="AF37526">
        <v>11</v>
      </c>
      <c r="AG37526">
        <v>11</v>
      </c>
      <c r="AH37526">
        <v>12</v>
      </c>
      <c r="AI37526">
        <v>12</v>
      </c>
      <c r="AJ37526">
        <v>12</v>
      </c>
      <c r="AK37526">
        <v>12</v>
      </c>
      <c r="AL37526">
        <v>12</v>
      </c>
      <c r="AM37526">
        <v>12</v>
      </c>
      <c r="AN37526">
        <v>12</v>
      </c>
      <c r="AO37526">
        <v>12</v>
      </c>
      <c r="AP37526">
        <v>12</v>
      </c>
      <c r="AQ37526">
        <v>11</v>
      </c>
    </row>
    <row r="37527" spans="1:43">
      <c r="A37527" t="s">
        <v>23267</v>
      </c>
      <c r="B37527" t="s">
        <v>23268</v>
      </c>
      <c r="C37527" t="s">
        <v>23265</v>
      </c>
      <c r="D37527" t="s">
        <v>23266</v>
      </c>
      <c r="E37527" t="s">
        <v>23145</v>
      </c>
      <c r="F37527" t="s">
        <v>23146</v>
      </c>
      <c r="G37527" t="s">
        <v>11612</v>
      </c>
      <c r="H37527" t="s">
        <v>11613</v>
      </c>
      <c r="I37527" s="2">
        <v>0</v>
      </c>
      <c r="J37527" s="2">
        <v>0</v>
      </c>
      <c r="K37527" s="2">
        <v>1</v>
      </c>
      <c r="L37527" t="s">
        <v>995</v>
      </c>
      <c r="M37527" t="s">
        <v>87</v>
      </c>
      <c r="N37527" t="s">
        <v>88</v>
      </c>
      <c r="O37527" t="s">
        <v>85</v>
      </c>
      <c r="P37527" t="s">
        <v>86</v>
      </c>
      <c r="Q37527">
        <v>10</v>
      </c>
      <c r="R37527">
        <v>10</v>
      </c>
      <c r="S37527">
        <v>10</v>
      </c>
      <c r="T37527">
        <v>10</v>
      </c>
      <c r="U37527">
        <v>10</v>
      </c>
      <c r="V37527">
        <v>10</v>
      </c>
      <c r="W37527">
        <v>10</v>
      </c>
      <c r="X37527">
        <v>10</v>
      </c>
      <c r="Y37527">
        <v>10</v>
      </c>
      <c r="Z37527">
        <v>10</v>
      </c>
      <c r="AA37527">
        <v>10</v>
      </c>
      <c r="AB37527">
        <v>10</v>
      </c>
      <c r="AC37527">
        <v>10</v>
      </c>
      <c r="AD37527">
        <v>10</v>
      </c>
      <c r="AE37527">
        <v>10</v>
      </c>
      <c r="AF37527">
        <v>10</v>
      </c>
      <c r="AG37527">
        <v>10</v>
      </c>
      <c r="AH37527">
        <v>10</v>
      </c>
      <c r="AI37527">
        <v>10</v>
      </c>
      <c r="AJ37527">
        <v>10</v>
      </c>
      <c r="AK37527">
        <v>10</v>
      </c>
      <c r="AL37527">
        <v>10</v>
      </c>
      <c r="AM37527">
        <v>10</v>
      </c>
      <c r="AN37527">
        <v>10</v>
      </c>
      <c r="AO37527">
        <v>10</v>
      </c>
      <c r="AP37527">
        <v>10</v>
      </c>
      <c r="AQ37527">
        <v>10</v>
      </c>
    </row>
    <row r="37528" spans="1:43">
      <c r="A37528" t="s">
        <v>23267</v>
      </c>
      <c r="B37528" t="s">
        <v>23268</v>
      </c>
      <c r="C37528" t="s">
        <v>23265</v>
      </c>
      <c r="D37528" t="s">
        <v>23266</v>
      </c>
      <c r="E37528" t="s">
        <v>23145</v>
      </c>
      <c r="F37528" t="s">
        <v>23146</v>
      </c>
      <c r="G37528" t="s">
        <v>11612</v>
      </c>
      <c r="H37528" t="s">
        <v>11613</v>
      </c>
      <c r="I37528" s="2">
        <v>0</v>
      </c>
      <c r="J37528" s="2">
        <v>0</v>
      </c>
      <c r="K37528" s="2">
        <v>1</v>
      </c>
      <c r="L37528" t="s">
        <v>995</v>
      </c>
      <c r="M37528" t="s">
        <v>89</v>
      </c>
      <c r="N37528" t="s">
        <v>90</v>
      </c>
      <c r="O37528" t="s">
        <v>85</v>
      </c>
      <c r="P37528" t="s">
        <v>86</v>
      </c>
      <c r="Q37528">
        <v>10</v>
      </c>
      <c r="R37528">
        <v>10</v>
      </c>
      <c r="S37528">
        <v>11</v>
      </c>
      <c r="T37528">
        <v>11</v>
      </c>
      <c r="U37528">
        <v>11</v>
      </c>
      <c r="V37528">
        <v>11</v>
      </c>
      <c r="W37528">
        <v>11</v>
      </c>
      <c r="X37528">
        <v>11</v>
      </c>
      <c r="Y37528">
        <v>12</v>
      </c>
      <c r="Z37528">
        <v>12</v>
      </c>
      <c r="AA37528">
        <v>12</v>
      </c>
      <c r="AB37528">
        <v>12</v>
      </c>
      <c r="AC37528">
        <v>12</v>
      </c>
      <c r="AD37528">
        <v>12</v>
      </c>
      <c r="AE37528">
        <v>12</v>
      </c>
      <c r="AF37528">
        <v>12</v>
      </c>
      <c r="AG37528">
        <v>12</v>
      </c>
      <c r="AH37528">
        <v>12</v>
      </c>
      <c r="AI37528">
        <v>12</v>
      </c>
      <c r="AJ37528">
        <v>12</v>
      </c>
      <c r="AK37528">
        <v>12</v>
      </c>
      <c r="AL37528">
        <v>12</v>
      </c>
      <c r="AM37528">
        <v>12</v>
      </c>
      <c r="AN37528">
        <v>12</v>
      </c>
      <c r="AO37528">
        <v>12</v>
      </c>
      <c r="AP37528">
        <v>12</v>
      </c>
      <c r="AQ37528">
        <v>12</v>
      </c>
    </row>
    <row r="37529" spans="1:43">
      <c r="A37529" t="s">
        <v>23267</v>
      </c>
      <c r="B37529" t="s">
        <v>23268</v>
      </c>
      <c r="C37529" t="s">
        <v>23265</v>
      </c>
      <c r="D37529" t="s">
        <v>23266</v>
      </c>
      <c r="E37529" t="s">
        <v>23145</v>
      </c>
      <c r="F37529" t="s">
        <v>23146</v>
      </c>
      <c r="G37529" t="s">
        <v>11612</v>
      </c>
      <c r="H37529" t="s">
        <v>11613</v>
      </c>
      <c r="I37529" s="2">
        <v>0</v>
      </c>
      <c r="J37529" s="2">
        <v>0</v>
      </c>
      <c r="K37529" s="2">
        <v>1</v>
      </c>
      <c r="L37529" t="s">
        <v>995</v>
      </c>
      <c r="M37529" t="s">
        <v>83</v>
      </c>
      <c r="N37529" t="s">
        <v>91</v>
      </c>
      <c r="O37529" t="s">
        <v>85</v>
      </c>
      <c r="P37529" t="s">
        <v>86</v>
      </c>
      <c r="Q37529">
        <v>10</v>
      </c>
      <c r="R37529">
        <v>10</v>
      </c>
      <c r="S37529">
        <v>10</v>
      </c>
      <c r="T37529">
        <v>10</v>
      </c>
      <c r="U37529">
        <v>11</v>
      </c>
      <c r="V37529">
        <v>11</v>
      </c>
      <c r="W37529">
        <v>11</v>
      </c>
      <c r="X37529">
        <v>11</v>
      </c>
      <c r="Y37529">
        <v>11</v>
      </c>
      <c r="Z37529">
        <v>11</v>
      </c>
      <c r="AA37529">
        <v>11</v>
      </c>
      <c r="AB37529">
        <v>11</v>
      </c>
      <c r="AC37529">
        <v>11</v>
      </c>
      <c r="AD37529">
        <v>11</v>
      </c>
      <c r="AE37529">
        <v>11</v>
      </c>
      <c r="AF37529">
        <v>11</v>
      </c>
      <c r="AG37529">
        <v>11</v>
      </c>
      <c r="AH37529">
        <v>12</v>
      </c>
      <c r="AI37529">
        <v>12</v>
      </c>
      <c r="AJ37529">
        <v>12</v>
      </c>
      <c r="AK37529">
        <v>12</v>
      </c>
      <c r="AL37529">
        <v>12</v>
      </c>
      <c r="AM37529">
        <v>12</v>
      </c>
      <c r="AN37529">
        <v>12</v>
      </c>
      <c r="AO37529">
        <v>12</v>
      </c>
      <c r="AP37529">
        <v>12</v>
      </c>
      <c r="AQ37529">
        <v>11</v>
      </c>
    </row>
    <row r="37530" spans="1:43">
      <c r="A37530" t="s">
        <v>23269</v>
      </c>
      <c r="B37530" t="s">
        <v>23270</v>
      </c>
      <c r="C37530" t="s">
        <v>23271</v>
      </c>
      <c r="D37530" t="s">
        <v>23272</v>
      </c>
      <c r="E37530" t="s">
        <v>23145</v>
      </c>
      <c r="F37530" t="s">
        <v>23146</v>
      </c>
      <c r="G37530" t="s">
        <v>11612</v>
      </c>
      <c r="H37530" t="s">
        <v>11613</v>
      </c>
      <c r="I37530" s="2">
        <v>0</v>
      </c>
      <c r="J37530" s="2">
        <v>0</v>
      </c>
      <c r="K37530" s="2">
        <v>1</v>
      </c>
      <c r="L37530" t="s">
        <v>995</v>
      </c>
      <c r="M37530" t="s">
        <v>83</v>
      </c>
      <c r="N37530" t="s">
        <v>84</v>
      </c>
      <c r="O37530" t="s">
        <v>85</v>
      </c>
      <c r="P37530" t="s">
        <v>86</v>
      </c>
      <c r="Q37530">
        <v>52</v>
      </c>
      <c r="R37530">
        <v>52</v>
      </c>
      <c r="S37530">
        <v>53</v>
      </c>
      <c r="T37530">
        <v>53</v>
      </c>
      <c r="U37530">
        <v>54</v>
      </c>
      <c r="V37530">
        <v>54</v>
      </c>
      <c r="W37530">
        <v>55</v>
      </c>
      <c r="X37530">
        <v>55</v>
      </c>
      <c r="Y37530">
        <v>56</v>
      </c>
      <c r="Z37530">
        <v>56</v>
      </c>
      <c r="AA37530">
        <v>56</v>
      </c>
      <c r="AB37530">
        <v>57</v>
      </c>
      <c r="AC37530">
        <v>57</v>
      </c>
      <c r="AD37530">
        <v>58</v>
      </c>
      <c r="AE37530">
        <v>58</v>
      </c>
      <c r="AF37530">
        <v>58</v>
      </c>
      <c r="AG37530">
        <v>59</v>
      </c>
      <c r="AH37530">
        <v>59</v>
      </c>
      <c r="AI37530">
        <v>59</v>
      </c>
      <c r="AJ37530">
        <v>60</v>
      </c>
      <c r="AK37530">
        <v>60</v>
      </c>
      <c r="AL37530">
        <v>60</v>
      </c>
      <c r="AM37530">
        <v>60</v>
      </c>
      <c r="AN37530">
        <v>59</v>
      </c>
      <c r="AO37530">
        <v>59</v>
      </c>
      <c r="AP37530">
        <v>59</v>
      </c>
      <c r="AQ37530">
        <v>59</v>
      </c>
    </row>
    <row r="37531" spans="1:43">
      <c r="A37531" t="s">
        <v>23269</v>
      </c>
      <c r="B37531" t="s">
        <v>23270</v>
      </c>
      <c r="C37531" t="s">
        <v>23271</v>
      </c>
      <c r="D37531" t="s">
        <v>23272</v>
      </c>
      <c r="E37531" t="s">
        <v>23145</v>
      </c>
      <c r="F37531" t="s">
        <v>23146</v>
      </c>
      <c r="G37531" t="s">
        <v>11612</v>
      </c>
      <c r="H37531" t="s">
        <v>11613</v>
      </c>
      <c r="I37531" s="2">
        <v>0</v>
      </c>
      <c r="J37531" s="2">
        <v>0</v>
      </c>
      <c r="K37531" s="2">
        <v>1</v>
      </c>
      <c r="L37531" t="s">
        <v>995</v>
      </c>
      <c r="M37531" t="s">
        <v>87</v>
      </c>
      <c r="N37531" t="s">
        <v>88</v>
      </c>
      <c r="O37531" t="s">
        <v>85</v>
      </c>
      <c r="P37531" t="s">
        <v>86</v>
      </c>
      <c r="Q37531">
        <v>52</v>
      </c>
      <c r="R37531">
        <v>52</v>
      </c>
      <c r="S37531">
        <v>52</v>
      </c>
      <c r="T37531">
        <v>52</v>
      </c>
      <c r="U37531">
        <v>52</v>
      </c>
      <c r="V37531">
        <v>52</v>
      </c>
      <c r="W37531">
        <v>52</v>
      </c>
      <c r="X37531">
        <v>52</v>
      </c>
      <c r="Y37531">
        <v>52</v>
      </c>
      <c r="Z37531">
        <v>52</v>
      </c>
      <c r="AA37531">
        <v>52</v>
      </c>
      <c r="AB37531">
        <v>52</v>
      </c>
      <c r="AC37531">
        <v>52</v>
      </c>
      <c r="AD37531">
        <v>52</v>
      </c>
      <c r="AE37531">
        <v>52</v>
      </c>
      <c r="AF37531">
        <v>52</v>
      </c>
      <c r="AG37531">
        <v>52</v>
      </c>
      <c r="AH37531">
        <v>52</v>
      </c>
      <c r="AI37531">
        <v>52</v>
      </c>
      <c r="AJ37531">
        <v>52</v>
      </c>
      <c r="AK37531">
        <v>52</v>
      </c>
      <c r="AL37531">
        <v>52</v>
      </c>
      <c r="AM37531">
        <v>52</v>
      </c>
      <c r="AN37531">
        <v>52</v>
      </c>
      <c r="AO37531">
        <v>52</v>
      </c>
      <c r="AP37531">
        <v>52</v>
      </c>
      <c r="AQ37531">
        <v>52</v>
      </c>
    </row>
    <row r="37532" spans="1:43">
      <c r="A37532" t="s">
        <v>23269</v>
      </c>
      <c r="B37532" t="s">
        <v>23270</v>
      </c>
      <c r="C37532" t="s">
        <v>23271</v>
      </c>
      <c r="D37532" t="s">
        <v>23272</v>
      </c>
      <c r="E37532" t="s">
        <v>23145</v>
      </c>
      <c r="F37532" t="s">
        <v>23146</v>
      </c>
      <c r="G37532" t="s">
        <v>11612</v>
      </c>
      <c r="H37532" t="s">
        <v>11613</v>
      </c>
      <c r="I37532" s="2">
        <v>0</v>
      </c>
      <c r="J37532" s="2">
        <v>0</v>
      </c>
      <c r="K37532" s="2">
        <v>1</v>
      </c>
      <c r="L37532" t="s">
        <v>995</v>
      </c>
      <c r="M37532" t="s">
        <v>89</v>
      </c>
      <c r="N37532" t="s">
        <v>90</v>
      </c>
      <c r="O37532" t="s">
        <v>85</v>
      </c>
      <c r="P37532" t="s">
        <v>86</v>
      </c>
      <c r="Q37532">
        <v>52</v>
      </c>
      <c r="R37532">
        <v>53</v>
      </c>
      <c r="S37532">
        <v>54</v>
      </c>
      <c r="T37532">
        <v>55</v>
      </c>
      <c r="U37532">
        <v>56</v>
      </c>
      <c r="V37532">
        <v>57</v>
      </c>
      <c r="W37532">
        <v>57</v>
      </c>
      <c r="X37532">
        <v>58</v>
      </c>
      <c r="Y37532">
        <v>59</v>
      </c>
      <c r="Z37532">
        <v>59</v>
      </c>
      <c r="AA37532">
        <v>60</v>
      </c>
      <c r="AB37532">
        <v>61</v>
      </c>
      <c r="AC37532">
        <v>61</v>
      </c>
      <c r="AD37532">
        <v>62</v>
      </c>
      <c r="AE37532">
        <v>62</v>
      </c>
      <c r="AF37532">
        <v>62</v>
      </c>
      <c r="AG37532">
        <v>62</v>
      </c>
      <c r="AH37532">
        <v>61</v>
      </c>
      <c r="AI37532">
        <v>61</v>
      </c>
      <c r="AJ37532">
        <v>61</v>
      </c>
      <c r="AK37532">
        <v>61</v>
      </c>
      <c r="AL37532">
        <v>61</v>
      </c>
      <c r="AM37532">
        <v>60</v>
      </c>
      <c r="AN37532">
        <v>60</v>
      </c>
      <c r="AO37532">
        <v>60</v>
      </c>
      <c r="AP37532">
        <v>60</v>
      </c>
      <c r="AQ37532">
        <v>59</v>
      </c>
    </row>
    <row r="37533" spans="1:43">
      <c r="A37533" t="s">
        <v>23269</v>
      </c>
      <c r="B37533" t="s">
        <v>23270</v>
      </c>
      <c r="C37533" t="s">
        <v>23271</v>
      </c>
      <c r="D37533" t="s">
        <v>23272</v>
      </c>
      <c r="E37533" t="s">
        <v>23145</v>
      </c>
      <c r="F37533" t="s">
        <v>23146</v>
      </c>
      <c r="G37533" t="s">
        <v>11612</v>
      </c>
      <c r="H37533" t="s">
        <v>11613</v>
      </c>
      <c r="I37533" s="2">
        <v>0</v>
      </c>
      <c r="J37533" s="2">
        <v>0</v>
      </c>
      <c r="K37533" s="2">
        <v>1</v>
      </c>
      <c r="L37533" t="s">
        <v>995</v>
      </c>
      <c r="M37533" t="s">
        <v>83</v>
      </c>
      <c r="N37533" t="s">
        <v>91</v>
      </c>
      <c r="O37533" t="s">
        <v>85</v>
      </c>
      <c r="P37533" t="s">
        <v>86</v>
      </c>
      <c r="Q37533">
        <v>52</v>
      </c>
      <c r="R37533">
        <v>52</v>
      </c>
      <c r="S37533">
        <v>53</v>
      </c>
      <c r="T37533">
        <v>53</v>
      </c>
      <c r="U37533">
        <v>54</v>
      </c>
      <c r="V37533">
        <v>54</v>
      </c>
      <c r="W37533">
        <v>55</v>
      </c>
      <c r="X37533">
        <v>55</v>
      </c>
      <c r="Y37533">
        <v>56</v>
      </c>
      <c r="Z37533">
        <v>56</v>
      </c>
      <c r="AA37533">
        <v>56</v>
      </c>
      <c r="AB37533">
        <v>57</v>
      </c>
      <c r="AC37533">
        <v>57</v>
      </c>
      <c r="AD37533">
        <v>58</v>
      </c>
      <c r="AE37533">
        <v>58</v>
      </c>
      <c r="AF37533">
        <v>58</v>
      </c>
      <c r="AG37533">
        <v>59</v>
      </c>
      <c r="AH37533">
        <v>59</v>
      </c>
      <c r="AI37533">
        <v>59</v>
      </c>
      <c r="AJ37533">
        <v>60</v>
      </c>
      <c r="AK37533">
        <v>60</v>
      </c>
      <c r="AL37533">
        <v>60</v>
      </c>
      <c r="AM37533">
        <v>60</v>
      </c>
      <c r="AN37533">
        <v>59</v>
      </c>
      <c r="AO37533">
        <v>59</v>
      </c>
      <c r="AP37533">
        <v>59</v>
      </c>
      <c r="AQ37533">
        <v>59</v>
      </c>
    </row>
    <row r="37534" spans="1:43">
      <c r="A37534" t="s">
        <v>23273</v>
      </c>
      <c r="B37534" t="s">
        <v>23274</v>
      </c>
      <c r="C37534" t="s">
        <v>23271</v>
      </c>
      <c r="D37534" t="s">
        <v>23272</v>
      </c>
      <c r="E37534" t="s">
        <v>23145</v>
      </c>
      <c r="F37534" t="s">
        <v>23146</v>
      </c>
      <c r="G37534" t="s">
        <v>11612</v>
      </c>
      <c r="H37534" t="s">
        <v>11613</v>
      </c>
      <c r="I37534" s="2">
        <v>0</v>
      </c>
      <c r="J37534" s="2">
        <v>0</v>
      </c>
      <c r="K37534" s="2">
        <v>1</v>
      </c>
      <c r="L37534" t="s">
        <v>995</v>
      </c>
      <c r="M37534" t="s">
        <v>83</v>
      </c>
      <c r="N37534" t="s">
        <v>84</v>
      </c>
      <c r="O37534" t="s">
        <v>85</v>
      </c>
      <c r="P37534" t="s">
        <v>86</v>
      </c>
      <c r="Q37534">
        <v>93</v>
      </c>
      <c r="R37534">
        <v>94</v>
      </c>
      <c r="S37534">
        <v>95</v>
      </c>
      <c r="T37534">
        <v>96</v>
      </c>
      <c r="U37534">
        <v>97</v>
      </c>
      <c r="V37534">
        <v>97</v>
      </c>
      <c r="W37534">
        <v>98</v>
      </c>
      <c r="X37534">
        <v>99</v>
      </c>
      <c r="Y37534">
        <v>100</v>
      </c>
      <c r="Z37534">
        <v>101</v>
      </c>
      <c r="AA37534">
        <v>102</v>
      </c>
      <c r="AB37534">
        <v>102</v>
      </c>
      <c r="AC37534">
        <v>103</v>
      </c>
      <c r="AD37534">
        <v>104</v>
      </c>
      <c r="AE37534">
        <v>104</v>
      </c>
      <c r="AF37534">
        <v>105</v>
      </c>
      <c r="AG37534">
        <v>105</v>
      </c>
      <c r="AH37534">
        <v>106</v>
      </c>
      <c r="AI37534">
        <v>107</v>
      </c>
      <c r="AJ37534">
        <v>107</v>
      </c>
      <c r="AK37534">
        <v>108</v>
      </c>
      <c r="AL37534">
        <v>108</v>
      </c>
      <c r="AM37534">
        <v>107</v>
      </c>
      <c r="AN37534">
        <v>107</v>
      </c>
      <c r="AO37534">
        <v>106</v>
      </c>
      <c r="AP37534">
        <v>106</v>
      </c>
      <c r="AQ37534">
        <v>106</v>
      </c>
    </row>
    <row r="37535" spans="1:43">
      <c r="A37535" t="s">
        <v>23273</v>
      </c>
      <c r="B37535" t="s">
        <v>23274</v>
      </c>
      <c r="C37535" t="s">
        <v>23271</v>
      </c>
      <c r="D37535" t="s">
        <v>23272</v>
      </c>
      <c r="E37535" t="s">
        <v>23145</v>
      </c>
      <c r="F37535" t="s">
        <v>23146</v>
      </c>
      <c r="G37535" t="s">
        <v>11612</v>
      </c>
      <c r="H37535" t="s">
        <v>11613</v>
      </c>
      <c r="I37535" s="2">
        <v>0</v>
      </c>
      <c r="J37535" s="2">
        <v>0</v>
      </c>
      <c r="K37535" s="2">
        <v>1</v>
      </c>
      <c r="L37535" t="s">
        <v>995</v>
      </c>
      <c r="M37535" t="s">
        <v>87</v>
      </c>
      <c r="N37535" t="s">
        <v>88</v>
      </c>
      <c r="O37535" t="s">
        <v>85</v>
      </c>
      <c r="P37535" t="s">
        <v>86</v>
      </c>
      <c r="Q37535">
        <v>93</v>
      </c>
      <c r="R37535">
        <v>93</v>
      </c>
      <c r="S37535">
        <v>93</v>
      </c>
      <c r="T37535">
        <v>93</v>
      </c>
      <c r="U37535">
        <v>93</v>
      </c>
      <c r="V37535">
        <v>93</v>
      </c>
      <c r="W37535">
        <v>93</v>
      </c>
      <c r="X37535">
        <v>93</v>
      </c>
      <c r="Y37535">
        <v>93</v>
      </c>
      <c r="Z37535">
        <v>93</v>
      </c>
      <c r="AA37535">
        <v>93</v>
      </c>
      <c r="AB37535">
        <v>93</v>
      </c>
      <c r="AC37535">
        <v>93</v>
      </c>
      <c r="AD37535">
        <v>93</v>
      </c>
      <c r="AE37535">
        <v>93</v>
      </c>
      <c r="AF37535">
        <v>93</v>
      </c>
      <c r="AG37535">
        <v>93</v>
      </c>
      <c r="AH37535">
        <v>93</v>
      </c>
      <c r="AI37535">
        <v>93</v>
      </c>
      <c r="AJ37535">
        <v>93</v>
      </c>
      <c r="AK37535">
        <v>93</v>
      </c>
      <c r="AL37535">
        <v>93</v>
      </c>
      <c r="AM37535">
        <v>93</v>
      </c>
      <c r="AN37535">
        <v>93</v>
      </c>
      <c r="AO37535">
        <v>93</v>
      </c>
      <c r="AP37535">
        <v>93</v>
      </c>
      <c r="AQ37535">
        <v>93</v>
      </c>
    </row>
    <row r="37536" spans="1:43">
      <c r="A37536" t="s">
        <v>23273</v>
      </c>
      <c r="B37536" t="s">
        <v>23274</v>
      </c>
      <c r="C37536" t="s">
        <v>23271</v>
      </c>
      <c r="D37536" t="s">
        <v>23272</v>
      </c>
      <c r="E37536" t="s">
        <v>23145</v>
      </c>
      <c r="F37536" t="s">
        <v>23146</v>
      </c>
      <c r="G37536" t="s">
        <v>11612</v>
      </c>
      <c r="H37536" t="s">
        <v>11613</v>
      </c>
      <c r="I37536" s="2">
        <v>0</v>
      </c>
      <c r="J37536" s="2">
        <v>0</v>
      </c>
      <c r="K37536" s="2">
        <v>1</v>
      </c>
      <c r="L37536" t="s">
        <v>995</v>
      </c>
      <c r="M37536" t="s">
        <v>89</v>
      </c>
      <c r="N37536" t="s">
        <v>90</v>
      </c>
      <c r="O37536" t="s">
        <v>85</v>
      </c>
      <c r="P37536" t="s">
        <v>86</v>
      </c>
      <c r="Q37536">
        <v>93</v>
      </c>
      <c r="R37536">
        <v>95</v>
      </c>
      <c r="S37536">
        <v>96</v>
      </c>
      <c r="T37536">
        <v>98</v>
      </c>
      <c r="U37536">
        <v>99</v>
      </c>
      <c r="V37536">
        <v>101</v>
      </c>
      <c r="W37536">
        <v>102</v>
      </c>
      <c r="X37536">
        <v>104</v>
      </c>
      <c r="Y37536">
        <v>105</v>
      </c>
      <c r="Z37536">
        <v>106</v>
      </c>
      <c r="AA37536">
        <v>107</v>
      </c>
      <c r="AB37536">
        <v>108</v>
      </c>
      <c r="AC37536">
        <v>109</v>
      </c>
      <c r="AD37536">
        <v>110</v>
      </c>
      <c r="AE37536">
        <v>111</v>
      </c>
      <c r="AF37536">
        <v>110</v>
      </c>
      <c r="AG37536">
        <v>110</v>
      </c>
      <c r="AH37536">
        <v>109</v>
      </c>
      <c r="AI37536">
        <v>109</v>
      </c>
      <c r="AJ37536">
        <v>109</v>
      </c>
      <c r="AK37536">
        <v>108</v>
      </c>
      <c r="AL37536">
        <v>108</v>
      </c>
      <c r="AM37536">
        <v>107</v>
      </c>
      <c r="AN37536">
        <v>107</v>
      </c>
      <c r="AO37536">
        <v>106</v>
      </c>
      <c r="AP37536">
        <v>106</v>
      </c>
      <c r="AQ37536">
        <v>106</v>
      </c>
    </row>
    <row r="37537" spans="1:43">
      <c r="A37537" t="s">
        <v>23273</v>
      </c>
      <c r="B37537" t="s">
        <v>23274</v>
      </c>
      <c r="C37537" t="s">
        <v>23271</v>
      </c>
      <c r="D37537" t="s">
        <v>23272</v>
      </c>
      <c r="E37537" t="s">
        <v>23145</v>
      </c>
      <c r="F37537" t="s">
        <v>23146</v>
      </c>
      <c r="G37537" t="s">
        <v>11612</v>
      </c>
      <c r="H37537" t="s">
        <v>11613</v>
      </c>
      <c r="I37537" s="2">
        <v>0</v>
      </c>
      <c r="J37537" s="2">
        <v>0</v>
      </c>
      <c r="K37537" s="2">
        <v>1</v>
      </c>
      <c r="L37537" t="s">
        <v>995</v>
      </c>
      <c r="M37537" t="s">
        <v>83</v>
      </c>
      <c r="N37537" t="s">
        <v>91</v>
      </c>
      <c r="O37537" t="s">
        <v>85</v>
      </c>
      <c r="P37537" t="s">
        <v>86</v>
      </c>
      <c r="Q37537">
        <v>93</v>
      </c>
      <c r="R37537">
        <v>94</v>
      </c>
      <c r="S37537">
        <v>95</v>
      </c>
      <c r="T37537">
        <v>96</v>
      </c>
      <c r="U37537">
        <v>97</v>
      </c>
      <c r="V37537">
        <v>97</v>
      </c>
      <c r="W37537">
        <v>98</v>
      </c>
      <c r="X37537">
        <v>99</v>
      </c>
      <c r="Y37537">
        <v>100</v>
      </c>
      <c r="Z37537">
        <v>101</v>
      </c>
      <c r="AA37537">
        <v>102</v>
      </c>
      <c r="AB37537">
        <v>102</v>
      </c>
      <c r="AC37537">
        <v>103</v>
      </c>
      <c r="AD37537">
        <v>104</v>
      </c>
      <c r="AE37537">
        <v>104</v>
      </c>
      <c r="AF37537">
        <v>105</v>
      </c>
      <c r="AG37537">
        <v>105</v>
      </c>
      <c r="AH37537">
        <v>106</v>
      </c>
      <c r="AI37537">
        <v>107</v>
      </c>
      <c r="AJ37537">
        <v>107</v>
      </c>
      <c r="AK37537">
        <v>108</v>
      </c>
      <c r="AL37537">
        <v>108</v>
      </c>
      <c r="AM37537">
        <v>107</v>
      </c>
      <c r="AN37537">
        <v>107</v>
      </c>
      <c r="AO37537">
        <v>106</v>
      </c>
      <c r="AP37537">
        <v>106</v>
      </c>
      <c r="AQ37537">
        <v>106</v>
      </c>
    </row>
    <row r="37538" spans="1:43">
      <c r="A37538" t="s">
        <v>23275</v>
      </c>
      <c r="B37538" t="s">
        <v>23276</v>
      </c>
      <c r="C37538" t="s">
        <v>23271</v>
      </c>
      <c r="D37538" t="s">
        <v>23272</v>
      </c>
      <c r="E37538" t="s">
        <v>23145</v>
      </c>
      <c r="F37538" t="s">
        <v>23146</v>
      </c>
      <c r="G37538" t="s">
        <v>11612</v>
      </c>
      <c r="H37538" t="s">
        <v>11613</v>
      </c>
      <c r="I37538" s="2">
        <v>0</v>
      </c>
      <c r="J37538" s="2">
        <v>0</v>
      </c>
      <c r="K37538" s="2">
        <v>1</v>
      </c>
      <c r="L37538" t="s">
        <v>995</v>
      </c>
      <c r="M37538" t="s">
        <v>83</v>
      </c>
      <c r="N37538" t="s">
        <v>84</v>
      </c>
      <c r="O37538" t="s">
        <v>85</v>
      </c>
      <c r="P37538" t="s">
        <v>86</v>
      </c>
      <c r="Q37538">
        <v>22</v>
      </c>
      <c r="R37538">
        <v>22</v>
      </c>
      <c r="S37538">
        <v>22</v>
      </c>
      <c r="T37538">
        <v>23</v>
      </c>
      <c r="U37538">
        <v>23</v>
      </c>
      <c r="V37538">
        <v>23</v>
      </c>
      <c r="W37538">
        <v>23</v>
      </c>
      <c r="X37538">
        <v>23</v>
      </c>
      <c r="Y37538">
        <v>24</v>
      </c>
      <c r="Z37538">
        <v>24</v>
      </c>
      <c r="AA37538">
        <v>24</v>
      </c>
      <c r="AB37538">
        <v>24</v>
      </c>
      <c r="AC37538">
        <v>24</v>
      </c>
      <c r="AD37538">
        <v>24</v>
      </c>
      <c r="AE37538">
        <v>25</v>
      </c>
      <c r="AF37538">
        <v>25</v>
      </c>
      <c r="AG37538">
        <v>25</v>
      </c>
      <c r="AH37538">
        <v>25</v>
      </c>
      <c r="AI37538">
        <v>25</v>
      </c>
      <c r="AJ37538">
        <v>25</v>
      </c>
      <c r="AK37538">
        <v>25</v>
      </c>
      <c r="AL37538">
        <v>25</v>
      </c>
      <c r="AM37538">
        <v>25</v>
      </c>
      <c r="AN37538">
        <v>25</v>
      </c>
      <c r="AO37538">
        <v>25</v>
      </c>
      <c r="AP37538">
        <v>25</v>
      </c>
      <c r="AQ37538">
        <v>25</v>
      </c>
    </row>
    <row r="37539" spans="1:43">
      <c r="A37539" t="s">
        <v>23275</v>
      </c>
      <c r="B37539" t="s">
        <v>23276</v>
      </c>
      <c r="C37539" t="s">
        <v>23271</v>
      </c>
      <c r="D37539" t="s">
        <v>23272</v>
      </c>
      <c r="E37539" t="s">
        <v>23145</v>
      </c>
      <c r="F37539" t="s">
        <v>23146</v>
      </c>
      <c r="G37539" t="s">
        <v>11612</v>
      </c>
      <c r="H37539" t="s">
        <v>11613</v>
      </c>
      <c r="I37539" s="2">
        <v>0</v>
      </c>
      <c r="J37539" s="2">
        <v>0</v>
      </c>
      <c r="K37539" s="2">
        <v>1</v>
      </c>
      <c r="L37539" t="s">
        <v>995</v>
      </c>
      <c r="M37539" t="s">
        <v>87</v>
      </c>
      <c r="N37539" t="s">
        <v>88</v>
      </c>
      <c r="O37539" t="s">
        <v>85</v>
      </c>
      <c r="P37539" t="s">
        <v>86</v>
      </c>
      <c r="Q37539">
        <v>22</v>
      </c>
      <c r="R37539">
        <v>22</v>
      </c>
      <c r="S37539">
        <v>22</v>
      </c>
      <c r="T37539">
        <v>22</v>
      </c>
      <c r="U37539">
        <v>22</v>
      </c>
      <c r="V37539">
        <v>22</v>
      </c>
      <c r="W37539">
        <v>22</v>
      </c>
      <c r="X37539">
        <v>22</v>
      </c>
      <c r="Y37539">
        <v>22</v>
      </c>
      <c r="Z37539">
        <v>22</v>
      </c>
      <c r="AA37539">
        <v>22</v>
      </c>
      <c r="AB37539">
        <v>22</v>
      </c>
      <c r="AC37539">
        <v>22</v>
      </c>
      <c r="AD37539">
        <v>22</v>
      </c>
      <c r="AE37539">
        <v>22</v>
      </c>
      <c r="AF37539">
        <v>22</v>
      </c>
      <c r="AG37539">
        <v>22</v>
      </c>
      <c r="AH37539">
        <v>22</v>
      </c>
      <c r="AI37539">
        <v>22</v>
      </c>
      <c r="AJ37539">
        <v>22</v>
      </c>
      <c r="AK37539">
        <v>22</v>
      </c>
      <c r="AL37539">
        <v>22</v>
      </c>
      <c r="AM37539">
        <v>22</v>
      </c>
      <c r="AN37539">
        <v>22</v>
      </c>
      <c r="AO37539">
        <v>22</v>
      </c>
      <c r="AP37539">
        <v>22</v>
      </c>
      <c r="AQ37539">
        <v>22</v>
      </c>
    </row>
    <row r="37540" spans="1:43">
      <c r="A37540" t="s">
        <v>23275</v>
      </c>
      <c r="B37540" t="s">
        <v>23276</v>
      </c>
      <c r="C37540" t="s">
        <v>23271</v>
      </c>
      <c r="D37540" t="s">
        <v>23272</v>
      </c>
      <c r="E37540" t="s">
        <v>23145</v>
      </c>
      <c r="F37540" t="s">
        <v>23146</v>
      </c>
      <c r="G37540" t="s">
        <v>11612</v>
      </c>
      <c r="H37540" t="s">
        <v>11613</v>
      </c>
      <c r="I37540" s="2">
        <v>0</v>
      </c>
      <c r="J37540" s="2">
        <v>0</v>
      </c>
      <c r="K37540" s="2">
        <v>1</v>
      </c>
      <c r="L37540" t="s">
        <v>995</v>
      </c>
      <c r="M37540" t="s">
        <v>89</v>
      </c>
      <c r="N37540" t="s">
        <v>90</v>
      </c>
      <c r="O37540" t="s">
        <v>85</v>
      </c>
      <c r="P37540" t="s">
        <v>86</v>
      </c>
      <c r="Q37540">
        <v>22</v>
      </c>
      <c r="R37540">
        <v>23</v>
      </c>
      <c r="S37540">
        <v>23</v>
      </c>
      <c r="T37540">
        <v>23</v>
      </c>
      <c r="U37540">
        <v>24</v>
      </c>
      <c r="V37540">
        <v>24</v>
      </c>
      <c r="W37540">
        <v>24</v>
      </c>
      <c r="X37540">
        <v>25</v>
      </c>
      <c r="Y37540">
        <v>25</v>
      </c>
      <c r="Z37540">
        <v>25</v>
      </c>
      <c r="AA37540">
        <v>26</v>
      </c>
      <c r="AB37540">
        <v>26</v>
      </c>
      <c r="AC37540">
        <v>26</v>
      </c>
      <c r="AD37540">
        <v>26</v>
      </c>
      <c r="AE37540">
        <v>26</v>
      </c>
      <c r="AF37540">
        <v>26</v>
      </c>
      <c r="AG37540">
        <v>26</v>
      </c>
      <c r="AH37540">
        <v>26</v>
      </c>
      <c r="AI37540">
        <v>26</v>
      </c>
      <c r="AJ37540">
        <v>26</v>
      </c>
      <c r="AK37540">
        <v>26</v>
      </c>
      <c r="AL37540">
        <v>26</v>
      </c>
      <c r="AM37540">
        <v>26</v>
      </c>
      <c r="AN37540">
        <v>25</v>
      </c>
      <c r="AO37540">
        <v>25</v>
      </c>
      <c r="AP37540">
        <v>25</v>
      </c>
      <c r="AQ37540">
        <v>25</v>
      </c>
    </row>
    <row r="37541" spans="1:43">
      <c r="A37541" t="s">
        <v>23275</v>
      </c>
      <c r="B37541" t="s">
        <v>23276</v>
      </c>
      <c r="C37541" t="s">
        <v>23271</v>
      </c>
      <c r="D37541" t="s">
        <v>23272</v>
      </c>
      <c r="E37541" t="s">
        <v>23145</v>
      </c>
      <c r="F37541" t="s">
        <v>23146</v>
      </c>
      <c r="G37541" t="s">
        <v>11612</v>
      </c>
      <c r="H37541" t="s">
        <v>11613</v>
      </c>
      <c r="I37541" s="2">
        <v>0</v>
      </c>
      <c r="J37541" s="2">
        <v>0</v>
      </c>
      <c r="K37541" s="2">
        <v>1</v>
      </c>
      <c r="L37541" t="s">
        <v>995</v>
      </c>
      <c r="M37541" t="s">
        <v>83</v>
      </c>
      <c r="N37541" t="s">
        <v>91</v>
      </c>
      <c r="O37541" t="s">
        <v>85</v>
      </c>
      <c r="P37541" t="s">
        <v>86</v>
      </c>
      <c r="Q37541">
        <v>22</v>
      </c>
      <c r="R37541">
        <v>22</v>
      </c>
      <c r="S37541">
        <v>22</v>
      </c>
      <c r="T37541">
        <v>23</v>
      </c>
      <c r="U37541">
        <v>23</v>
      </c>
      <c r="V37541">
        <v>23</v>
      </c>
      <c r="W37541">
        <v>23</v>
      </c>
      <c r="X37541">
        <v>23</v>
      </c>
      <c r="Y37541">
        <v>24</v>
      </c>
      <c r="Z37541">
        <v>24</v>
      </c>
      <c r="AA37541">
        <v>24</v>
      </c>
      <c r="AB37541">
        <v>24</v>
      </c>
      <c r="AC37541">
        <v>24</v>
      </c>
      <c r="AD37541">
        <v>24</v>
      </c>
      <c r="AE37541">
        <v>25</v>
      </c>
      <c r="AF37541">
        <v>25</v>
      </c>
      <c r="AG37541">
        <v>25</v>
      </c>
      <c r="AH37541">
        <v>25</v>
      </c>
      <c r="AI37541">
        <v>25</v>
      </c>
      <c r="AJ37541">
        <v>25</v>
      </c>
      <c r="AK37541">
        <v>25</v>
      </c>
      <c r="AL37541">
        <v>25</v>
      </c>
      <c r="AM37541">
        <v>25</v>
      </c>
      <c r="AN37541">
        <v>25</v>
      </c>
      <c r="AO37541">
        <v>25</v>
      </c>
      <c r="AP37541">
        <v>25</v>
      </c>
      <c r="AQ37541">
        <v>25</v>
      </c>
    </row>
    <row r="37542" spans="1:43">
      <c r="A37542" t="s">
        <v>23277</v>
      </c>
      <c r="B37542" t="s">
        <v>23278</v>
      </c>
      <c r="C37542" t="s">
        <v>23279</v>
      </c>
      <c r="D37542" t="s">
        <v>23280</v>
      </c>
      <c r="E37542" t="s">
        <v>23145</v>
      </c>
      <c r="F37542" t="s">
        <v>23146</v>
      </c>
      <c r="G37542" t="s">
        <v>11612</v>
      </c>
      <c r="H37542" t="s">
        <v>11613</v>
      </c>
      <c r="I37542" s="2">
        <v>0</v>
      </c>
      <c r="J37542" s="2">
        <v>0</v>
      </c>
      <c r="K37542" s="2">
        <v>1</v>
      </c>
      <c r="L37542" t="s">
        <v>995</v>
      </c>
      <c r="M37542" t="s">
        <v>83</v>
      </c>
      <c r="N37542" t="s">
        <v>84</v>
      </c>
      <c r="O37542" t="s">
        <v>85</v>
      </c>
      <c r="P37542" t="s">
        <v>86</v>
      </c>
      <c r="Q37542">
        <v>128</v>
      </c>
      <c r="R37542">
        <v>130</v>
      </c>
      <c r="S37542">
        <v>131</v>
      </c>
      <c r="T37542">
        <v>133</v>
      </c>
      <c r="U37542">
        <v>134</v>
      </c>
      <c r="V37542">
        <v>135</v>
      </c>
      <c r="W37542">
        <v>137</v>
      </c>
      <c r="X37542">
        <v>138</v>
      </c>
      <c r="Y37542">
        <v>139</v>
      </c>
      <c r="Z37542">
        <v>141</v>
      </c>
      <c r="AA37542">
        <v>142</v>
      </c>
      <c r="AB37542">
        <v>143</v>
      </c>
      <c r="AC37542">
        <v>145</v>
      </c>
      <c r="AD37542">
        <v>146</v>
      </c>
      <c r="AE37542">
        <v>147</v>
      </c>
      <c r="AF37542">
        <v>148</v>
      </c>
      <c r="AG37542">
        <v>149</v>
      </c>
      <c r="AH37542">
        <v>150</v>
      </c>
      <c r="AI37542">
        <v>151</v>
      </c>
      <c r="AJ37542">
        <v>152</v>
      </c>
      <c r="AK37542">
        <v>153</v>
      </c>
      <c r="AL37542">
        <v>154</v>
      </c>
      <c r="AM37542">
        <v>153</v>
      </c>
      <c r="AN37542">
        <v>153</v>
      </c>
      <c r="AO37542">
        <v>153</v>
      </c>
      <c r="AP37542">
        <v>153</v>
      </c>
      <c r="AQ37542">
        <v>153</v>
      </c>
    </row>
    <row r="37543" spans="1:43">
      <c r="A37543" t="s">
        <v>23277</v>
      </c>
      <c r="B37543" t="s">
        <v>23278</v>
      </c>
      <c r="C37543" t="s">
        <v>23279</v>
      </c>
      <c r="D37543" t="s">
        <v>23280</v>
      </c>
      <c r="E37543" t="s">
        <v>23145</v>
      </c>
      <c r="F37543" t="s">
        <v>23146</v>
      </c>
      <c r="G37543" t="s">
        <v>11612</v>
      </c>
      <c r="H37543" t="s">
        <v>11613</v>
      </c>
      <c r="I37543" s="2">
        <v>0</v>
      </c>
      <c r="J37543" s="2">
        <v>0</v>
      </c>
      <c r="K37543" s="2">
        <v>1</v>
      </c>
      <c r="L37543" t="s">
        <v>995</v>
      </c>
      <c r="M37543" t="s">
        <v>87</v>
      </c>
      <c r="N37543" t="s">
        <v>88</v>
      </c>
      <c r="O37543" t="s">
        <v>85</v>
      </c>
      <c r="P37543" t="s">
        <v>86</v>
      </c>
      <c r="Q37543">
        <v>128</v>
      </c>
      <c r="R37543">
        <v>129</v>
      </c>
      <c r="S37543">
        <v>129</v>
      </c>
      <c r="T37543">
        <v>129</v>
      </c>
      <c r="U37543">
        <v>129</v>
      </c>
      <c r="V37543">
        <v>129</v>
      </c>
      <c r="W37543">
        <v>130</v>
      </c>
      <c r="X37543">
        <v>130</v>
      </c>
      <c r="Y37543">
        <v>130</v>
      </c>
      <c r="Z37543">
        <v>130</v>
      </c>
      <c r="AA37543">
        <v>130</v>
      </c>
      <c r="AB37543">
        <v>131</v>
      </c>
      <c r="AC37543">
        <v>131</v>
      </c>
      <c r="AD37543">
        <v>131</v>
      </c>
      <c r="AE37543">
        <v>131</v>
      </c>
      <c r="AF37543">
        <v>131</v>
      </c>
      <c r="AG37543">
        <v>131</v>
      </c>
      <c r="AH37543">
        <v>131</v>
      </c>
      <c r="AI37543">
        <v>132</v>
      </c>
      <c r="AJ37543">
        <v>132</v>
      </c>
      <c r="AK37543">
        <v>132</v>
      </c>
      <c r="AL37543">
        <v>132</v>
      </c>
      <c r="AM37543">
        <v>132</v>
      </c>
      <c r="AN37543">
        <v>132</v>
      </c>
      <c r="AO37543">
        <v>132</v>
      </c>
      <c r="AP37543">
        <v>132</v>
      </c>
      <c r="AQ37543">
        <v>133</v>
      </c>
    </row>
    <row r="37544" spans="1:43">
      <c r="A37544" t="s">
        <v>23277</v>
      </c>
      <c r="B37544" t="s">
        <v>23278</v>
      </c>
      <c r="C37544" t="s">
        <v>23279</v>
      </c>
      <c r="D37544" t="s">
        <v>23280</v>
      </c>
      <c r="E37544" t="s">
        <v>23145</v>
      </c>
      <c r="F37544" t="s">
        <v>23146</v>
      </c>
      <c r="G37544" t="s">
        <v>11612</v>
      </c>
      <c r="H37544" t="s">
        <v>11613</v>
      </c>
      <c r="I37544" s="2">
        <v>0</v>
      </c>
      <c r="J37544" s="2">
        <v>0</v>
      </c>
      <c r="K37544" s="2">
        <v>1</v>
      </c>
      <c r="L37544" t="s">
        <v>995</v>
      </c>
      <c r="M37544" t="s">
        <v>89</v>
      </c>
      <c r="N37544" t="s">
        <v>90</v>
      </c>
      <c r="O37544" t="s">
        <v>85</v>
      </c>
      <c r="P37544" t="s">
        <v>86</v>
      </c>
      <c r="Q37544">
        <v>128</v>
      </c>
      <c r="R37544">
        <v>130</v>
      </c>
      <c r="S37544">
        <v>133</v>
      </c>
      <c r="T37544">
        <v>135</v>
      </c>
      <c r="U37544">
        <v>137</v>
      </c>
      <c r="V37544">
        <v>140</v>
      </c>
      <c r="W37544">
        <v>142</v>
      </c>
      <c r="X37544">
        <v>144</v>
      </c>
      <c r="Y37544">
        <v>146</v>
      </c>
      <c r="Z37544">
        <v>148</v>
      </c>
      <c r="AA37544">
        <v>149</v>
      </c>
      <c r="AB37544">
        <v>151</v>
      </c>
      <c r="AC37544">
        <v>153</v>
      </c>
      <c r="AD37544">
        <v>154</v>
      </c>
      <c r="AE37544">
        <v>155</v>
      </c>
      <c r="AF37544">
        <v>155</v>
      </c>
      <c r="AG37544">
        <v>155</v>
      </c>
      <c r="AH37544">
        <v>155</v>
      </c>
      <c r="AI37544">
        <v>155</v>
      </c>
      <c r="AJ37544">
        <v>155</v>
      </c>
      <c r="AK37544">
        <v>154</v>
      </c>
      <c r="AL37544">
        <v>154</v>
      </c>
      <c r="AM37544">
        <v>154</v>
      </c>
      <c r="AN37544">
        <v>154</v>
      </c>
      <c r="AO37544">
        <v>153</v>
      </c>
      <c r="AP37544">
        <v>153</v>
      </c>
      <c r="AQ37544">
        <v>153</v>
      </c>
    </row>
    <row r="37545" spans="1:43">
      <c r="A37545" t="s">
        <v>23277</v>
      </c>
      <c r="B37545" t="s">
        <v>23278</v>
      </c>
      <c r="C37545" t="s">
        <v>23279</v>
      </c>
      <c r="D37545" t="s">
        <v>23280</v>
      </c>
      <c r="E37545" t="s">
        <v>23145</v>
      </c>
      <c r="F37545" t="s">
        <v>23146</v>
      </c>
      <c r="G37545" t="s">
        <v>11612</v>
      </c>
      <c r="H37545" t="s">
        <v>11613</v>
      </c>
      <c r="I37545" s="2">
        <v>0</v>
      </c>
      <c r="J37545" s="2">
        <v>0</v>
      </c>
      <c r="K37545" s="2">
        <v>1</v>
      </c>
      <c r="L37545" t="s">
        <v>995</v>
      </c>
      <c r="M37545" t="s">
        <v>83</v>
      </c>
      <c r="N37545" t="s">
        <v>91</v>
      </c>
      <c r="O37545" t="s">
        <v>85</v>
      </c>
      <c r="P37545" t="s">
        <v>86</v>
      </c>
      <c r="Q37545">
        <v>128</v>
      </c>
      <c r="R37545">
        <v>130</v>
      </c>
      <c r="S37545">
        <v>131</v>
      </c>
      <c r="T37545">
        <v>133</v>
      </c>
      <c r="U37545">
        <v>134</v>
      </c>
      <c r="V37545">
        <v>135</v>
      </c>
      <c r="W37545">
        <v>137</v>
      </c>
      <c r="X37545">
        <v>138</v>
      </c>
      <c r="Y37545">
        <v>139</v>
      </c>
      <c r="Z37545">
        <v>141</v>
      </c>
      <c r="AA37545">
        <v>142</v>
      </c>
      <c r="AB37545">
        <v>143</v>
      </c>
      <c r="AC37545">
        <v>145</v>
      </c>
      <c r="AD37545">
        <v>146</v>
      </c>
      <c r="AE37545">
        <v>147</v>
      </c>
      <c r="AF37545">
        <v>148</v>
      </c>
      <c r="AG37545">
        <v>149</v>
      </c>
      <c r="AH37545">
        <v>150</v>
      </c>
      <c r="AI37545">
        <v>151</v>
      </c>
      <c r="AJ37545">
        <v>152</v>
      </c>
      <c r="AK37545">
        <v>153</v>
      </c>
      <c r="AL37545">
        <v>154</v>
      </c>
      <c r="AM37545">
        <v>153</v>
      </c>
      <c r="AN37545">
        <v>153</v>
      </c>
      <c r="AO37545">
        <v>153</v>
      </c>
      <c r="AP37545">
        <v>153</v>
      </c>
      <c r="AQ37545">
        <v>153</v>
      </c>
    </row>
    <row r="37546" spans="1:43">
      <c r="A37546" t="s">
        <v>23281</v>
      </c>
      <c r="B37546" t="s">
        <v>23282</v>
      </c>
      <c r="C37546" t="s">
        <v>23279</v>
      </c>
      <c r="D37546" t="s">
        <v>23280</v>
      </c>
      <c r="E37546" t="s">
        <v>23145</v>
      </c>
      <c r="F37546" t="s">
        <v>23146</v>
      </c>
      <c r="G37546" t="s">
        <v>11612</v>
      </c>
      <c r="H37546" t="s">
        <v>11613</v>
      </c>
      <c r="I37546" s="2">
        <v>0</v>
      </c>
      <c r="J37546" s="2">
        <v>0</v>
      </c>
      <c r="K37546" s="2">
        <v>1</v>
      </c>
      <c r="L37546" t="s">
        <v>995</v>
      </c>
      <c r="M37546" t="s">
        <v>83</v>
      </c>
      <c r="N37546" t="s">
        <v>84</v>
      </c>
      <c r="O37546" t="s">
        <v>85</v>
      </c>
      <c r="P37546" t="s">
        <v>86</v>
      </c>
      <c r="Q37546">
        <v>23</v>
      </c>
      <c r="R37546">
        <v>23</v>
      </c>
      <c r="S37546">
        <v>23</v>
      </c>
      <c r="T37546">
        <v>23</v>
      </c>
      <c r="U37546">
        <v>24</v>
      </c>
      <c r="V37546">
        <v>24</v>
      </c>
      <c r="W37546">
        <v>24</v>
      </c>
      <c r="X37546">
        <v>24</v>
      </c>
      <c r="Y37546">
        <v>24</v>
      </c>
      <c r="Z37546">
        <v>25</v>
      </c>
      <c r="AA37546">
        <v>25</v>
      </c>
      <c r="AB37546">
        <v>25</v>
      </c>
      <c r="AC37546">
        <v>25</v>
      </c>
      <c r="AD37546">
        <v>25</v>
      </c>
      <c r="AE37546">
        <v>26</v>
      </c>
      <c r="AF37546">
        <v>26</v>
      </c>
      <c r="AG37546">
        <v>26</v>
      </c>
      <c r="AH37546">
        <v>26</v>
      </c>
      <c r="AI37546">
        <v>26</v>
      </c>
      <c r="AJ37546">
        <v>27</v>
      </c>
      <c r="AK37546">
        <v>27</v>
      </c>
      <c r="AL37546">
        <v>27</v>
      </c>
      <c r="AM37546">
        <v>27</v>
      </c>
      <c r="AN37546">
        <v>27</v>
      </c>
      <c r="AO37546">
        <v>27</v>
      </c>
      <c r="AP37546">
        <v>26</v>
      </c>
      <c r="AQ37546">
        <v>26</v>
      </c>
    </row>
    <row r="37547" spans="1:43">
      <c r="A37547" t="s">
        <v>23281</v>
      </c>
      <c r="B37547" t="s">
        <v>23282</v>
      </c>
      <c r="C37547" t="s">
        <v>23279</v>
      </c>
      <c r="D37547" t="s">
        <v>23280</v>
      </c>
      <c r="E37547" t="s">
        <v>23145</v>
      </c>
      <c r="F37547" t="s">
        <v>23146</v>
      </c>
      <c r="G37547" t="s">
        <v>11612</v>
      </c>
      <c r="H37547" t="s">
        <v>11613</v>
      </c>
      <c r="I37547" s="2">
        <v>0</v>
      </c>
      <c r="J37547" s="2">
        <v>0</v>
      </c>
      <c r="K37547" s="2">
        <v>1</v>
      </c>
      <c r="L37547" t="s">
        <v>995</v>
      </c>
      <c r="M37547" t="s">
        <v>87</v>
      </c>
      <c r="N37547" t="s">
        <v>88</v>
      </c>
      <c r="O37547" t="s">
        <v>85</v>
      </c>
      <c r="P37547" t="s">
        <v>86</v>
      </c>
      <c r="Q37547">
        <v>23</v>
      </c>
      <c r="R37547">
        <v>23</v>
      </c>
      <c r="S37547">
        <v>23</v>
      </c>
      <c r="T37547">
        <v>24</v>
      </c>
      <c r="U37547">
        <v>24</v>
      </c>
      <c r="V37547">
        <v>24</v>
      </c>
      <c r="W37547">
        <v>24</v>
      </c>
      <c r="X37547">
        <v>24</v>
      </c>
      <c r="Y37547">
        <v>24</v>
      </c>
      <c r="Z37547">
        <v>24</v>
      </c>
      <c r="AA37547">
        <v>24</v>
      </c>
      <c r="AB37547">
        <v>24</v>
      </c>
      <c r="AC37547">
        <v>24</v>
      </c>
      <c r="AD37547">
        <v>24</v>
      </c>
      <c r="AE37547">
        <v>24</v>
      </c>
      <c r="AF37547">
        <v>24</v>
      </c>
      <c r="AG37547">
        <v>24</v>
      </c>
      <c r="AH37547">
        <v>24</v>
      </c>
      <c r="AI37547">
        <v>24</v>
      </c>
      <c r="AJ37547">
        <v>24</v>
      </c>
      <c r="AK37547">
        <v>24</v>
      </c>
      <c r="AL37547">
        <v>24</v>
      </c>
      <c r="AM37547">
        <v>24</v>
      </c>
      <c r="AN37547">
        <v>24</v>
      </c>
      <c r="AO37547">
        <v>24</v>
      </c>
      <c r="AP37547">
        <v>24</v>
      </c>
      <c r="AQ37547">
        <v>24</v>
      </c>
    </row>
    <row r="37548" spans="1:43">
      <c r="A37548" t="s">
        <v>23281</v>
      </c>
      <c r="B37548" t="s">
        <v>23282</v>
      </c>
      <c r="C37548" t="s">
        <v>23279</v>
      </c>
      <c r="D37548" t="s">
        <v>23280</v>
      </c>
      <c r="E37548" t="s">
        <v>23145</v>
      </c>
      <c r="F37548" t="s">
        <v>23146</v>
      </c>
      <c r="G37548" t="s">
        <v>11612</v>
      </c>
      <c r="H37548" t="s">
        <v>11613</v>
      </c>
      <c r="I37548" s="2">
        <v>0</v>
      </c>
      <c r="J37548" s="2">
        <v>0</v>
      </c>
      <c r="K37548" s="2">
        <v>1</v>
      </c>
      <c r="L37548" t="s">
        <v>995</v>
      </c>
      <c r="M37548" t="s">
        <v>89</v>
      </c>
      <c r="N37548" t="s">
        <v>90</v>
      </c>
      <c r="O37548" t="s">
        <v>85</v>
      </c>
      <c r="P37548" t="s">
        <v>86</v>
      </c>
      <c r="Q37548">
        <v>23</v>
      </c>
      <c r="R37548">
        <v>23</v>
      </c>
      <c r="S37548">
        <v>24</v>
      </c>
      <c r="T37548">
        <v>24</v>
      </c>
      <c r="U37548">
        <v>25</v>
      </c>
      <c r="V37548">
        <v>25</v>
      </c>
      <c r="W37548">
        <v>25</v>
      </c>
      <c r="X37548">
        <v>26</v>
      </c>
      <c r="Y37548">
        <v>26</v>
      </c>
      <c r="Z37548">
        <v>26</v>
      </c>
      <c r="AA37548">
        <v>27</v>
      </c>
      <c r="AB37548">
        <v>27</v>
      </c>
      <c r="AC37548">
        <v>27</v>
      </c>
      <c r="AD37548">
        <v>27</v>
      </c>
      <c r="AE37548">
        <v>28</v>
      </c>
      <c r="AF37548">
        <v>27</v>
      </c>
      <c r="AG37548">
        <v>27</v>
      </c>
      <c r="AH37548">
        <v>27</v>
      </c>
      <c r="AI37548">
        <v>27</v>
      </c>
      <c r="AJ37548">
        <v>27</v>
      </c>
      <c r="AK37548">
        <v>27</v>
      </c>
      <c r="AL37548">
        <v>27</v>
      </c>
      <c r="AM37548">
        <v>27</v>
      </c>
      <c r="AN37548">
        <v>27</v>
      </c>
      <c r="AO37548">
        <v>27</v>
      </c>
      <c r="AP37548">
        <v>27</v>
      </c>
      <c r="AQ37548">
        <v>27</v>
      </c>
    </row>
    <row r="37549" spans="1:43">
      <c r="A37549" t="s">
        <v>23281</v>
      </c>
      <c r="B37549" t="s">
        <v>23282</v>
      </c>
      <c r="C37549" t="s">
        <v>23279</v>
      </c>
      <c r="D37549" t="s">
        <v>23280</v>
      </c>
      <c r="E37549" t="s">
        <v>23145</v>
      </c>
      <c r="F37549" t="s">
        <v>23146</v>
      </c>
      <c r="G37549" t="s">
        <v>11612</v>
      </c>
      <c r="H37549" t="s">
        <v>11613</v>
      </c>
      <c r="I37549" s="2">
        <v>0</v>
      </c>
      <c r="J37549" s="2">
        <v>0</v>
      </c>
      <c r="K37549" s="2">
        <v>1</v>
      </c>
      <c r="L37549" t="s">
        <v>995</v>
      </c>
      <c r="M37549" t="s">
        <v>83</v>
      </c>
      <c r="N37549" t="s">
        <v>91</v>
      </c>
      <c r="O37549" t="s">
        <v>85</v>
      </c>
      <c r="P37549" t="s">
        <v>86</v>
      </c>
      <c r="Q37549">
        <v>23</v>
      </c>
      <c r="R37549">
        <v>23</v>
      </c>
      <c r="S37549">
        <v>23</v>
      </c>
      <c r="T37549">
        <v>23</v>
      </c>
      <c r="U37549">
        <v>24</v>
      </c>
      <c r="V37549">
        <v>24</v>
      </c>
      <c r="W37549">
        <v>24</v>
      </c>
      <c r="X37549">
        <v>24</v>
      </c>
      <c r="Y37549">
        <v>24</v>
      </c>
      <c r="Z37549">
        <v>25</v>
      </c>
      <c r="AA37549">
        <v>25</v>
      </c>
      <c r="AB37549">
        <v>25</v>
      </c>
      <c r="AC37549">
        <v>25</v>
      </c>
      <c r="AD37549">
        <v>25</v>
      </c>
      <c r="AE37549">
        <v>26</v>
      </c>
      <c r="AF37549">
        <v>26</v>
      </c>
      <c r="AG37549">
        <v>26</v>
      </c>
      <c r="AH37549">
        <v>26</v>
      </c>
      <c r="AI37549">
        <v>26</v>
      </c>
      <c r="AJ37549">
        <v>27</v>
      </c>
      <c r="AK37549">
        <v>27</v>
      </c>
      <c r="AL37549">
        <v>27</v>
      </c>
      <c r="AM37549">
        <v>27</v>
      </c>
      <c r="AN37549">
        <v>27</v>
      </c>
      <c r="AO37549">
        <v>27</v>
      </c>
      <c r="AP37549">
        <v>26</v>
      </c>
      <c r="AQ37549">
        <v>26</v>
      </c>
    </row>
    <row r="37550" spans="1:43">
      <c r="A37550" t="s">
        <v>23283</v>
      </c>
      <c r="B37550" t="s">
        <v>23284</v>
      </c>
      <c r="C37550" t="s">
        <v>23279</v>
      </c>
      <c r="D37550" t="s">
        <v>23280</v>
      </c>
      <c r="E37550" t="s">
        <v>23145</v>
      </c>
      <c r="F37550" t="s">
        <v>23146</v>
      </c>
      <c r="G37550" t="s">
        <v>11612</v>
      </c>
      <c r="H37550" t="s">
        <v>11613</v>
      </c>
      <c r="I37550" s="2">
        <v>0</v>
      </c>
      <c r="J37550" s="2">
        <v>0</v>
      </c>
      <c r="K37550" s="2">
        <v>1</v>
      </c>
      <c r="L37550" t="s">
        <v>995</v>
      </c>
      <c r="M37550" t="s">
        <v>83</v>
      </c>
      <c r="N37550" t="s">
        <v>84</v>
      </c>
      <c r="O37550" t="s">
        <v>85</v>
      </c>
      <c r="P37550" t="s">
        <v>86</v>
      </c>
      <c r="Q37550">
        <v>18</v>
      </c>
      <c r="R37550">
        <v>18</v>
      </c>
      <c r="S37550">
        <v>18</v>
      </c>
      <c r="T37550">
        <v>19</v>
      </c>
      <c r="U37550">
        <v>19</v>
      </c>
      <c r="V37550">
        <v>19</v>
      </c>
      <c r="W37550">
        <v>19</v>
      </c>
      <c r="X37550">
        <v>19</v>
      </c>
      <c r="Y37550">
        <v>20</v>
      </c>
      <c r="Z37550">
        <v>20</v>
      </c>
      <c r="AA37550">
        <v>20</v>
      </c>
      <c r="AB37550">
        <v>20</v>
      </c>
      <c r="AC37550">
        <v>20</v>
      </c>
      <c r="AD37550">
        <v>20</v>
      </c>
      <c r="AE37550">
        <v>21</v>
      </c>
      <c r="AF37550">
        <v>21</v>
      </c>
      <c r="AG37550">
        <v>21</v>
      </c>
      <c r="AH37550">
        <v>21</v>
      </c>
      <c r="AI37550">
        <v>21</v>
      </c>
      <c r="AJ37550">
        <v>21</v>
      </c>
      <c r="AK37550">
        <v>22</v>
      </c>
      <c r="AL37550">
        <v>22</v>
      </c>
      <c r="AM37550">
        <v>22</v>
      </c>
      <c r="AN37550">
        <v>22</v>
      </c>
      <c r="AO37550">
        <v>21</v>
      </c>
      <c r="AP37550">
        <v>21</v>
      </c>
      <c r="AQ37550">
        <v>21</v>
      </c>
    </row>
    <row r="37551" spans="1:43">
      <c r="A37551" t="s">
        <v>23283</v>
      </c>
      <c r="B37551" t="s">
        <v>23284</v>
      </c>
      <c r="C37551" t="s">
        <v>23279</v>
      </c>
      <c r="D37551" t="s">
        <v>23280</v>
      </c>
      <c r="E37551" t="s">
        <v>23145</v>
      </c>
      <c r="F37551" t="s">
        <v>23146</v>
      </c>
      <c r="G37551" t="s">
        <v>11612</v>
      </c>
      <c r="H37551" t="s">
        <v>11613</v>
      </c>
      <c r="I37551" s="2">
        <v>0</v>
      </c>
      <c r="J37551" s="2">
        <v>0</v>
      </c>
      <c r="K37551" s="2">
        <v>1</v>
      </c>
      <c r="L37551" t="s">
        <v>995</v>
      </c>
      <c r="M37551" t="s">
        <v>87</v>
      </c>
      <c r="N37551" t="s">
        <v>88</v>
      </c>
      <c r="O37551" t="s">
        <v>85</v>
      </c>
      <c r="P37551" t="s">
        <v>86</v>
      </c>
      <c r="Q37551">
        <v>18</v>
      </c>
      <c r="R37551">
        <v>18</v>
      </c>
      <c r="S37551">
        <v>18</v>
      </c>
      <c r="T37551">
        <v>18</v>
      </c>
      <c r="U37551">
        <v>18</v>
      </c>
      <c r="V37551">
        <v>18</v>
      </c>
      <c r="W37551">
        <v>18</v>
      </c>
      <c r="X37551">
        <v>18</v>
      </c>
      <c r="Y37551">
        <v>18</v>
      </c>
      <c r="Z37551">
        <v>18</v>
      </c>
      <c r="AA37551">
        <v>18</v>
      </c>
      <c r="AB37551">
        <v>18</v>
      </c>
      <c r="AC37551">
        <v>18</v>
      </c>
      <c r="AD37551">
        <v>18</v>
      </c>
      <c r="AE37551">
        <v>18</v>
      </c>
      <c r="AF37551">
        <v>18</v>
      </c>
      <c r="AG37551">
        <v>18</v>
      </c>
      <c r="AH37551">
        <v>18</v>
      </c>
      <c r="AI37551">
        <v>18</v>
      </c>
      <c r="AJ37551">
        <v>18</v>
      </c>
      <c r="AK37551">
        <v>18</v>
      </c>
      <c r="AL37551">
        <v>18</v>
      </c>
      <c r="AM37551">
        <v>18</v>
      </c>
      <c r="AN37551">
        <v>18</v>
      </c>
      <c r="AO37551">
        <v>18</v>
      </c>
      <c r="AP37551">
        <v>18</v>
      </c>
      <c r="AQ37551">
        <v>18</v>
      </c>
    </row>
    <row r="37552" spans="1:43">
      <c r="A37552" t="s">
        <v>23283</v>
      </c>
      <c r="B37552" t="s">
        <v>23284</v>
      </c>
      <c r="C37552" t="s">
        <v>23279</v>
      </c>
      <c r="D37552" t="s">
        <v>23280</v>
      </c>
      <c r="E37552" t="s">
        <v>23145</v>
      </c>
      <c r="F37552" t="s">
        <v>23146</v>
      </c>
      <c r="G37552" t="s">
        <v>11612</v>
      </c>
      <c r="H37552" t="s">
        <v>11613</v>
      </c>
      <c r="I37552" s="2">
        <v>0</v>
      </c>
      <c r="J37552" s="2">
        <v>0</v>
      </c>
      <c r="K37552" s="2">
        <v>1</v>
      </c>
      <c r="L37552" t="s">
        <v>995</v>
      </c>
      <c r="M37552" t="s">
        <v>89</v>
      </c>
      <c r="N37552" t="s">
        <v>90</v>
      </c>
      <c r="O37552" t="s">
        <v>85</v>
      </c>
      <c r="P37552" t="s">
        <v>86</v>
      </c>
      <c r="Q37552">
        <v>18</v>
      </c>
      <c r="R37552">
        <v>19</v>
      </c>
      <c r="S37552">
        <v>19</v>
      </c>
      <c r="T37552">
        <v>19</v>
      </c>
      <c r="U37552">
        <v>20</v>
      </c>
      <c r="V37552">
        <v>20</v>
      </c>
      <c r="W37552">
        <v>20</v>
      </c>
      <c r="X37552">
        <v>20</v>
      </c>
      <c r="Y37552">
        <v>21</v>
      </c>
      <c r="Z37552">
        <v>21</v>
      </c>
      <c r="AA37552">
        <v>21</v>
      </c>
      <c r="AB37552">
        <v>21</v>
      </c>
      <c r="AC37552">
        <v>22</v>
      </c>
      <c r="AD37552">
        <v>22</v>
      </c>
      <c r="AE37552">
        <v>22</v>
      </c>
      <c r="AF37552">
        <v>22</v>
      </c>
      <c r="AG37552">
        <v>22</v>
      </c>
      <c r="AH37552">
        <v>22</v>
      </c>
      <c r="AI37552">
        <v>22</v>
      </c>
      <c r="AJ37552">
        <v>22</v>
      </c>
      <c r="AK37552">
        <v>22</v>
      </c>
      <c r="AL37552">
        <v>22</v>
      </c>
      <c r="AM37552">
        <v>22</v>
      </c>
      <c r="AN37552">
        <v>22</v>
      </c>
      <c r="AO37552">
        <v>22</v>
      </c>
      <c r="AP37552">
        <v>22</v>
      </c>
      <c r="AQ37552">
        <v>22</v>
      </c>
    </row>
    <row r="37553" spans="1:43">
      <c r="A37553" t="s">
        <v>23283</v>
      </c>
      <c r="B37553" t="s">
        <v>23284</v>
      </c>
      <c r="C37553" t="s">
        <v>23279</v>
      </c>
      <c r="D37553" t="s">
        <v>23280</v>
      </c>
      <c r="E37553" t="s">
        <v>23145</v>
      </c>
      <c r="F37553" t="s">
        <v>23146</v>
      </c>
      <c r="G37553" t="s">
        <v>11612</v>
      </c>
      <c r="H37553" t="s">
        <v>11613</v>
      </c>
      <c r="I37553" s="2">
        <v>0</v>
      </c>
      <c r="J37553" s="2">
        <v>0</v>
      </c>
      <c r="K37553" s="2">
        <v>1</v>
      </c>
      <c r="L37553" t="s">
        <v>995</v>
      </c>
      <c r="M37553" t="s">
        <v>83</v>
      </c>
      <c r="N37553" t="s">
        <v>91</v>
      </c>
      <c r="O37553" t="s">
        <v>85</v>
      </c>
      <c r="P37553" t="s">
        <v>86</v>
      </c>
      <c r="Q37553">
        <v>18</v>
      </c>
      <c r="R37553">
        <v>18</v>
      </c>
      <c r="S37553">
        <v>18</v>
      </c>
      <c r="T37553">
        <v>19</v>
      </c>
      <c r="U37553">
        <v>19</v>
      </c>
      <c r="V37553">
        <v>19</v>
      </c>
      <c r="W37553">
        <v>19</v>
      </c>
      <c r="X37553">
        <v>19</v>
      </c>
      <c r="Y37553">
        <v>20</v>
      </c>
      <c r="Z37553">
        <v>20</v>
      </c>
      <c r="AA37553">
        <v>20</v>
      </c>
      <c r="AB37553">
        <v>20</v>
      </c>
      <c r="AC37553">
        <v>20</v>
      </c>
      <c r="AD37553">
        <v>20</v>
      </c>
      <c r="AE37553">
        <v>21</v>
      </c>
      <c r="AF37553">
        <v>21</v>
      </c>
      <c r="AG37553">
        <v>21</v>
      </c>
      <c r="AH37553">
        <v>21</v>
      </c>
      <c r="AI37553">
        <v>21</v>
      </c>
      <c r="AJ37553">
        <v>21</v>
      </c>
      <c r="AK37553">
        <v>22</v>
      </c>
      <c r="AL37553">
        <v>22</v>
      </c>
      <c r="AM37553">
        <v>22</v>
      </c>
      <c r="AN37553">
        <v>22</v>
      </c>
      <c r="AO37553">
        <v>21</v>
      </c>
      <c r="AP37553">
        <v>21</v>
      </c>
      <c r="AQ37553">
        <v>21</v>
      </c>
    </row>
    <row r="37554" spans="1:43">
      <c r="A37554" t="s">
        <v>23285</v>
      </c>
      <c r="B37554" t="s">
        <v>23286</v>
      </c>
      <c r="C37554" t="s">
        <v>23279</v>
      </c>
      <c r="D37554" t="s">
        <v>23280</v>
      </c>
      <c r="E37554" t="s">
        <v>23145</v>
      </c>
      <c r="F37554" t="s">
        <v>23146</v>
      </c>
      <c r="G37554" t="s">
        <v>11612</v>
      </c>
      <c r="H37554" t="s">
        <v>11613</v>
      </c>
      <c r="I37554" s="2">
        <v>0</v>
      </c>
      <c r="J37554" s="2">
        <v>0</v>
      </c>
      <c r="K37554" s="2">
        <v>1</v>
      </c>
      <c r="L37554" t="s">
        <v>995</v>
      </c>
      <c r="M37554" t="s">
        <v>83</v>
      </c>
      <c r="N37554" t="s">
        <v>84</v>
      </c>
      <c r="O37554" t="s">
        <v>85</v>
      </c>
      <c r="P37554" t="s">
        <v>86</v>
      </c>
      <c r="Q37554">
        <v>16</v>
      </c>
      <c r="R37554">
        <v>16</v>
      </c>
      <c r="S37554">
        <v>16</v>
      </c>
      <c r="T37554">
        <v>16</v>
      </c>
      <c r="U37554">
        <v>16</v>
      </c>
      <c r="V37554">
        <v>17</v>
      </c>
      <c r="W37554">
        <v>17</v>
      </c>
      <c r="X37554">
        <v>17</v>
      </c>
      <c r="Y37554">
        <v>17</v>
      </c>
      <c r="Z37554">
        <v>17</v>
      </c>
      <c r="AA37554">
        <v>17</v>
      </c>
      <c r="AB37554">
        <v>17</v>
      </c>
      <c r="AC37554">
        <v>17</v>
      </c>
      <c r="AD37554">
        <v>18</v>
      </c>
      <c r="AE37554">
        <v>18</v>
      </c>
      <c r="AF37554">
        <v>18</v>
      </c>
      <c r="AG37554">
        <v>18</v>
      </c>
      <c r="AH37554">
        <v>18</v>
      </c>
      <c r="AI37554">
        <v>18</v>
      </c>
      <c r="AJ37554">
        <v>18</v>
      </c>
      <c r="AK37554">
        <v>18</v>
      </c>
      <c r="AL37554">
        <v>18</v>
      </c>
      <c r="AM37554">
        <v>18</v>
      </c>
      <c r="AN37554">
        <v>18</v>
      </c>
      <c r="AO37554">
        <v>18</v>
      </c>
      <c r="AP37554">
        <v>18</v>
      </c>
      <c r="AQ37554">
        <v>18</v>
      </c>
    </row>
    <row r="37555" spans="1:43">
      <c r="A37555" t="s">
        <v>23285</v>
      </c>
      <c r="B37555" t="s">
        <v>23286</v>
      </c>
      <c r="C37555" t="s">
        <v>23279</v>
      </c>
      <c r="D37555" t="s">
        <v>23280</v>
      </c>
      <c r="E37555" t="s">
        <v>23145</v>
      </c>
      <c r="F37555" t="s">
        <v>23146</v>
      </c>
      <c r="G37555" t="s">
        <v>11612</v>
      </c>
      <c r="H37555" t="s">
        <v>11613</v>
      </c>
      <c r="I37555" s="2">
        <v>0</v>
      </c>
      <c r="J37555" s="2">
        <v>0</v>
      </c>
      <c r="K37555" s="2">
        <v>1</v>
      </c>
      <c r="L37555" t="s">
        <v>995</v>
      </c>
      <c r="M37555" t="s">
        <v>87</v>
      </c>
      <c r="N37555" t="s">
        <v>88</v>
      </c>
      <c r="O37555" t="s">
        <v>85</v>
      </c>
      <c r="P37555" t="s">
        <v>86</v>
      </c>
      <c r="Q37555">
        <v>16</v>
      </c>
      <c r="R37555">
        <v>16</v>
      </c>
      <c r="S37555">
        <v>16</v>
      </c>
      <c r="T37555">
        <v>16</v>
      </c>
      <c r="U37555">
        <v>16</v>
      </c>
      <c r="V37555">
        <v>16</v>
      </c>
      <c r="W37555">
        <v>16</v>
      </c>
      <c r="X37555">
        <v>16</v>
      </c>
      <c r="Y37555">
        <v>16</v>
      </c>
      <c r="Z37555">
        <v>16</v>
      </c>
      <c r="AA37555">
        <v>16</v>
      </c>
      <c r="AB37555">
        <v>16</v>
      </c>
      <c r="AC37555">
        <v>16</v>
      </c>
      <c r="AD37555">
        <v>16</v>
      </c>
      <c r="AE37555">
        <v>16</v>
      </c>
      <c r="AF37555">
        <v>16</v>
      </c>
      <c r="AG37555">
        <v>16</v>
      </c>
      <c r="AH37555">
        <v>16</v>
      </c>
      <c r="AI37555">
        <v>16</v>
      </c>
      <c r="AJ37555">
        <v>16</v>
      </c>
      <c r="AK37555">
        <v>16</v>
      </c>
      <c r="AL37555">
        <v>16</v>
      </c>
      <c r="AM37555">
        <v>16</v>
      </c>
      <c r="AN37555">
        <v>16</v>
      </c>
      <c r="AO37555">
        <v>16</v>
      </c>
      <c r="AP37555">
        <v>16</v>
      </c>
      <c r="AQ37555">
        <v>16</v>
      </c>
    </row>
    <row r="37556" spans="1:43">
      <c r="A37556" t="s">
        <v>23285</v>
      </c>
      <c r="B37556" t="s">
        <v>23286</v>
      </c>
      <c r="C37556" t="s">
        <v>23279</v>
      </c>
      <c r="D37556" t="s">
        <v>23280</v>
      </c>
      <c r="E37556" t="s">
        <v>23145</v>
      </c>
      <c r="F37556" t="s">
        <v>23146</v>
      </c>
      <c r="G37556" t="s">
        <v>11612</v>
      </c>
      <c r="H37556" t="s">
        <v>11613</v>
      </c>
      <c r="I37556" s="2">
        <v>0</v>
      </c>
      <c r="J37556" s="2">
        <v>0</v>
      </c>
      <c r="K37556" s="2">
        <v>1</v>
      </c>
      <c r="L37556" t="s">
        <v>995</v>
      </c>
      <c r="M37556" t="s">
        <v>89</v>
      </c>
      <c r="N37556" t="s">
        <v>90</v>
      </c>
      <c r="O37556" t="s">
        <v>85</v>
      </c>
      <c r="P37556" t="s">
        <v>86</v>
      </c>
      <c r="Q37556">
        <v>16</v>
      </c>
      <c r="R37556">
        <v>16</v>
      </c>
      <c r="S37556">
        <v>16</v>
      </c>
      <c r="T37556">
        <v>17</v>
      </c>
      <c r="U37556">
        <v>17</v>
      </c>
      <c r="V37556">
        <v>17</v>
      </c>
      <c r="W37556">
        <v>18</v>
      </c>
      <c r="X37556">
        <v>18</v>
      </c>
      <c r="Y37556">
        <v>18</v>
      </c>
      <c r="Z37556">
        <v>18</v>
      </c>
      <c r="AA37556">
        <v>18</v>
      </c>
      <c r="AB37556">
        <v>18</v>
      </c>
      <c r="AC37556">
        <v>19</v>
      </c>
      <c r="AD37556">
        <v>19</v>
      </c>
      <c r="AE37556">
        <v>19</v>
      </c>
      <c r="AF37556">
        <v>19</v>
      </c>
      <c r="AG37556">
        <v>19</v>
      </c>
      <c r="AH37556">
        <v>19</v>
      </c>
      <c r="AI37556">
        <v>19</v>
      </c>
      <c r="AJ37556">
        <v>19</v>
      </c>
      <c r="AK37556">
        <v>19</v>
      </c>
      <c r="AL37556">
        <v>18</v>
      </c>
      <c r="AM37556">
        <v>18</v>
      </c>
      <c r="AN37556">
        <v>18</v>
      </c>
      <c r="AO37556">
        <v>18</v>
      </c>
      <c r="AP37556">
        <v>18</v>
      </c>
      <c r="AQ37556">
        <v>18</v>
      </c>
    </row>
    <row r="37557" spans="1:43">
      <c r="A37557" t="s">
        <v>23285</v>
      </c>
      <c r="B37557" t="s">
        <v>23286</v>
      </c>
      <c r="C37557" t="s">
        <v>23279</v>
      </c>
      <c r="D37557" t="s">
        <v>23280</v>
      </c>
      <c r="E37557" t="s">
        <v>23145</v>
      </c>
      <c r="F37557" t="s">
        <v>23146</v>
      </c>
      <c r="G37557" t="s">
        <v>11612</v>
      </c>
      <c r="H37557" t="s">
        <v>11613</v>
      </c>
      <c r="I37557" s="2">
        <v>0</v>
      </c>
      <c r="J37557" s="2">
        <v>0</v>
      </c>
      <c r="K37557" s="2">
        <v>1</v>
      </c>
      <c r="L37557" t="s">
        <v>995</v>
      </c>
      <c r="M37557" t="s">
        <v>83</v>
      </c>
      <c r="N37557" t="s">
        <v>91</v>
      </c>
      <c r="O37557" t="s">
        <v>85</v>
      </c>
      <c r="P37557" t="s">
        <v>86</v>
      </c>
      <c r="Q37557">
        <v>16</v>
      </c>
      <c r="R37557">
        <v>16</v>
      </c>
      <c r="S37557">
        <v>16</v>
      </c>
      <c r="T37557">
        <v>16</v>
      </c>
      <c r="U37557">
        <v>16</v>
      </c>
      <c r="V37557">
        <v>17</v>
      </c>
      <c r="W37557">
        <v>17</v>
      </c>
      <c r="X37557">
        <v>17</v>
      </c>
      <c r="Y37557">
        <v>17</v>
      </c>
      <c r="Z37557">
        <v>17</v>
      </c>
      <c r="AA37557">
        <v>17</v>
      </c>
      <c r="AB37557">
        <v>17</v>
      </c>
      <c r="AC37557">
        <v>17</v>
      </c>
      <c r="AD37557">
        <v>18</v>
      </c>
      <c r="AE37557">
        <v>18</v>
      </c>
      <c r="AF37557">
        <v>18</v>
      </c>
      <c r="AG37557">
        <v>18</v>
      </c>
      <c r="AH37557">
        <v>18</v>
      </c>
      <c r="AI37557">
        <v>18</v>
      </c>
      <c r="AJ37557">
        <v>18</v>
      </c>
      <c r="AK37557">
        <v>18</v>
      </c>
      <c r="AL37557">
        <v>18</v>
      </c>
      <c r="AM37557">
        <v>18</v>
      </c>
      <c r="AN37557">
        <v>18</v>
      </c>
      <c r="AO37557">
        <v>18</v>
      </c>
      <c r="AP37557">
        <v>18</v>
      </c>
      <c r="AQ37557">
        <v>18</v>
      </c>
    </row>
    <row r="37558" spans="1:43">
      <c r="A37558" t="s">
        <v>23287</v>
      </c>
      <c r="B37558" t="s">
        <v>23288</v>
      </c>
      <c r="C37558" t="s">
        <v>23279</v>
      </c>
      <c r="D37558" t="s">
        <v>23280</v>
      </c>
      <c r="E37558" t="s">
        <v>23145</v>
      </c>
      <c r="F37558" t="s">
        <v>23146</v>
      </c>
      <c r="G37558" t="s">
        <v>11612</v>
      </c>
      <c r="H37558" t="s">
        <v>11613</v>
      </c>
      <c r="I37558" s="2">
        <v>0</v>
      </c>
      <c r="J37558" s="2">
        <v>0</v>
      </c>
      <c r="K37558" s="2">
        <v>1</v>
      </c>
      <c r="L37558" t="s">
        <v>995</v>
      </c>
      <c r="M37558" t="s">
        <v>83</v>
      </c>
      <c r="N37558" t="s">
        <v>84</v>
      </c>
      <c r="O37558" t="s">
        <v>85</v>
      </c>
      <c r="P37558" t="s">
        <v>86</v>
      </c>
      <c r="Q37558">
        <v>29</v>
      </c>
      <c r="R37558">
        <v>30</v>
      </c>
      <c r="S37558">
        <v>30</v>
      </c>
      <c r="T37558">
        <v>30</v>
      </c>
      <c r="U37558">
        <v>30</v>
      </c>
      <c r="V37558">
        <v>31</v>
      </c>
      <c r="W37558">
        <v>31</v>
      </c>
      <c r="X37558">
        <v>31</v>
      </c>
      <c r="Y37558">
        <v>31</v>
      </c>
      <c r="Z37558">
        <v>32</v>
      </c>
      <c r="AA37558">
        <v>32</v>
      </c>
      <c r="AB37558">
        <v>32</v>
      </c>
      <c r="AC37558">
        <v>32</v>
      </c>
      <c r="AD37558">
        <v>33</v>
      </c>
      <c r="AE37558">
        <v>33</v>
      </c>
      <c r="AF37558">
        <v>33</v>
      </c>
      <c r="AG37558">
        <v>33</v>
      </c>
      <c r="AH37558">
        <v>34</v>
      </c>
      <c r="AI37558">
        <v>34</v>
      </c>
      <c r="AJ37558">
        <v>34</v>
      </c>
      <c r="AK37558">
        <v>34</v>
      </c>
      <c r="AL37558">
        <v>34</v>
      </c>
      <c r="AM37558">
        <v>34</v>
      </c>
      <c r="AN37558">
        <v>34</v>
      </c>
      <c r="AO37558">
        <v>34</v>
      </c>
      <c r="AP37558">
        <v>34</v>
      </c>
      <c r="AQ37558">
        <v>33</v>
      </c>
    </row>
    <row r="37559" spans="1:43">
      <c r="A37559" t="s">
        <v>23287</v>
      </c>
      <c r="B37559" t="s">
        <v>23288</v>
      </c>
      <c r="C37559" t="s">
        <v>23279</v>
      </c>
      <c r="D37559" t="s">
        <v>23280</v>
      </c>
      <c r="E37559" t="s">
        <v>23145</v>
      </c>
      <c r="F37559" t="s">
        <v>23146</v>
      </c>
      <c r="G37559" t="s">
        <v>11612</v>
      </c>
      <c r="H37559" t="s">
        <v>11613</v>
      </c>
      <c r="I37559" s="2">
        <v>0</v>
      </c>
      <c r="J37559" s="2">
        <v>0</v>
      </c>
      <c r="K37559" s="2">
        <v>1</v>
      </c>
      <c r="L37559" t="s">
        <v>995</v>
      </c>
      <c r="M37559" t="s">
        <v>87</v>
      </c>
      <c r="N37559" t="s">
        <v>88</v>
      </c>
      <c r="O37559" t="s">
        <v>85</v>
      </c>
      <c r="P37559" t="s">
        <v>86</v>
      </c>
      <c r="Q37559">
        <v>29</v>
      </c>
      <c r="R37559">
        <v>29</v>
      </c>
      <c r="S37559">
        <v>29</v>
      </c>
      <c r="T37559">
        <v>29</v>
      </c>
      <c r="U37559">
        <v>29</v>
      </c>
      <c r="V37559">
        <v>29</v>
      </c>
      <c r="W37559">
        <v>29</v>
      </c>
      <c r="X37559">
        <v>29</v>
      </c>
      <c r="Y37559">
        <v>29</v>
      </c>
      <c r="Z37559">
        <v>29</v>
      </c>
      <c r="AA37559">
        <v>29</v>
      </c>
      <c r="AB37559">
        <v>29</v>
      </c>
      <c r="AC37559">
        <v>29</v>
      </c>
      <c r="AD37559">
        <v>29</v>
      </c>
      <c r="AE37559">
        <v>29</v>
      </c>
      <c r="AF37559">
        <v>29</v>
      </c>
      <c r="AG37559">
        <v>29</v>
      </c>
      <c r="AH37559">
        <v>29</v>
      </c>
      <c r="AI37559">
        <v>29</v>
      </c>
      <c r="AJ37559">
        <v>29</v>
      </c>
      <c r="AK37559">
        <v>29</v>
      </c>
      <c r="AL37559">
        <v>29</v>
      </c>
      <c r="AM37559">
        <v>29</v>
      </c>
      <c r="AN37559">
        <v>29</v>
      </c>
      <c r="AO37559">
        <v>29</v>
      </c>
      <c r="AP37559">
        <v>29</v>
      </c>
      <c r="AQ37559">
        <v>29</v>
      </c>
    </row>
    <row r="37560" spans="1:43">
      <c r="A37560" t="s">
        <v>23287</v>
      </c>
      <c r="B37560" t="s">
        <v>23288</v>
      </c>
      <c r="C37560" t="s">
        <v>23279</v>
      </c>
      <c r="D37560" t="s">
        <v>23280</v>
      </c>
      <c r="E37560" t="s">
        <v>23145</v>
      </c>
      <c r="F37560" t="s">
        <v>23146</v>
      </c>
      <c r="G37560" t="s">
        <v>11612</v>
      </c>
      <c r="H37560" t="s">
        <v>11613</v>
      </c>
      <c r="I37560" s="2">
        <v>0</v>
      </c>
      <c r="J37560" s="2">
        <v>0</v>
      </c>
      <c r="K37560" s="2">
        <v>1</v>
      </c>
      <c r="L37560" t="s">
        <v>995</v>
      </c>
      <c r="M37560" t="s">
        <v>89</v>
      </c>
      <c r="N37560" t="s">
        <v>90</v>
      </c>
      <c r="O37560" t="s">
        <v>85</v>
      </c>
      <c r="P37560" t="s">
        <v>86</v>
      </c>
      <c r="Q37560">
        <v>29</v>
      </c>
      <c r="R37560">
        <v>29</v>
      </c>
      <c r="S37560">
        <v>30</v>
      </c>
      <c r="T37560">
        <v>30</v>
      </c>
      <c r="U37560">
        <v>31</v>
      </c>
      <c r="V37560">
        <v>31</v>
      </c>
      <c r="W37560">
        <v>32</v>
      </c>
      <c r="X37560">
        <v>32</v>
      </c>
      <c r="Y37560">
        <v>32</v>
      </c>
      <c r="Z37560">
        <v>33</v>
      </c>
      <c r="AA37560">
        <v>33</v>
      </c>
      <c r="AB37560">
        <v>33</v>
      </c>
      <c r="AC37560">
        <v>34</v>
      </c>
      <c r="AD37560">
        <v>34</v>
      </c>
      <c r="AE37560">
        <v>34</v>
      </c>
      <c r="AF37560">
        <v>34</v>
      </c>
      <c r="AG37560">
        <v>34</v>
      </c>
      <c r="AH37560">
        <v>34</v>
      </c>
      <c r="AI37560">
        <v>34</v>
      </c>
      <c r="AJ37560">
        <v>34</v>
      </c>
      <c r="AK37560">
        <v>34</v>
      </c>
      <c r="AL37560">
        <v>33</v>
      </c>
      <c r="AM37560">
        <v>33</v>
      </c>
      <c r="AN37560">
        <v>33</v>
      </c>
      <c r="AO37560">
        <v>33</v>
      </c>
      <c r="AP37560">
        <v>33</v>
      </c>
      <c r="AQ37560">
        <v>33</v>
      </c>
    </row>
    <row r="37561" spans="1:43">
      <c r="A37561" t="s">
        <v>23287</v>
      </c>
      <c r="B37561" t="s">
        <v>23288</v>
      </c>
      <c r="C37561" t="s">
        <v>23279</v>
      </c>
      <c r="D37561" t="s">
        <v>23280</v>
      </c>
      <c r="E37561" t="s">
        <v>23145</v>
      </c>
      <c r="F37561" t="s">
        <v>23146</v>
      </c>
      <c r="G37561" t="s">
        <v>11612</v>
      </c>
      <c r="H37561" t="s">
        <v>11613</v>
      </c>
      <c r="I37561" s="2">
        <v>0</v>
      </c>
      <c r="J37561" s="2">
        <v>0</v>
      </c>
      <c r="K37561" s="2">
        <v>1</v>
      </c>
      <c r="L37561" t="s">
        <v>995</v>
      </c>
      <c r="M37561" t="s">
        <v>83</v>
      </c>
      <c r="N37561" t="s">
        <v>91</v>
      </c>
      <c r="O37561" t="s">
        <v>85</v>
      </c>
      <c r="P37561" t="s">
        <v>86</v>
      </c>
      <c r="Q37561">
        <v>29</v>
      </c>
      <c r="R37561">
        <v>30</v>
      </c>
      <c r="S37561">
        <v>30</v>
      </c>
      <c r="T37561">
        <v>30</v>
      </c>
      <c r="U37561">
        <v>30</v>
      </c>
      <c r="V37561">
        <v>31</v>
      </c>
      <c r="W37561">
        <v>31</v>
      </c>
      <c r="X37561">
        <v>31</v>
      </c>
      <c r="Y37561">
        <v>31</v>
      </c>
      <c r="Z37561">
        <v>32</v>
      </c>
      <c r="AA37561">
        <v>32</v>
      </c>
      <c r="AB37561">
        <v>32</v>
      </c>
      <c r="AC37561">
        <v>32</v>
      </c>
      <c r="AD37561">
        <v>33</v>
      </c>
      <c r="AE37561">
        <v>33</v>
      </c>
      <c r="AF37561">
        <v>33</v>
      </c>
      <c r="AG37561">
        <v>33</v>
      </c>
      <c r="AH37561">
        <v>34</v>
      </c>
      <c r="AI37561">
        <v>34</v>
      </c>
      <c r="AJ37561">
        <v>34</v>
      </c>
      <c r="AK37561">
        <v>34</v>
      </c>
      <c r="AL37561">
        <v>34</v>
      </c>
      <c r="AM37561">
        <v>34</v>
      </c>
      <c r="AN37561">
        <v>34</v>
      </c>
      <c r="AO37561">
        <v>34</v>
      </c>
      <c r="AP37561">
        <v>34</v>
      </c>
      <c r="AQ37561">
        <v>33</v>
      </c>
    </row>
    <row r="37562" spans="1:43">
      <c r="A37562" t="s">
        <v>23289</v>
      </c>
      <c r="B37562" t="s">
        <v>23290</v>
      </c>
      <c r="C37562" t="s">
        <v>23223</v>
      </c>
      <c r="D37562" t="s">
        <v>23224</v>
      </c>
      <c r="E37562" t="s">
        <v>23145</v>
      </c>
      <c r="F37562" t="s">
        <v>23146</v>
      </c>
      <c r="G37562" t="s">
        <v>11612</v>
      </c>
      <c r="H37562" t="s">
        <v>11613</v>
      </c>
      <c r="I37562" s="2">
        <v>0</v>
      </c>
      <c r="J37562" s="2">
        <v>0</v>
      </c>
      <c r="K37562" s="2">
        <v>1</v>
      </c>
      <c r="L37562" t="s">
        <v>995</v>
      </c>
      <c r="M37562" t="s">
        <v>83</v>
      </c>
      <c r="N37562" t="s">
        <v>84</v>
      </c>
      <c r="O37562" t="s">
        <v>85</v>
      </c>
      <c r="P37562" t="s">
        <v>86</v>
      </c>
      <c r="Q37562">
        <v>266</v>
      </c>
      <c r="R37562">
        <v>268</v>
      </c>
      <c r="S37562">
        <v>271</v>
      </c>
      <c r="T37562">
        <v>274</v>
      </c>
      <c r="U37562">
        <v>276</v>
      </c>
      <c r="V37562">
        <v>279</v>
      </c>
      <c r="W37562">
        <v>281</v>
      </c>
      <c r="X37562">
        <v>284</v>
      </c>
      <c r="Y37562">
        <v>286</v>
      </c>
      <c r="Z37562">
        <v>289</v>
      </c>
      <c r="AA37562">
        <v>291</v>
      </c>
      <c r="AB37562">
        <v>293</v>
      </c>
      <c r="AC37562">
        <v>296</v>
      </c>
      <c r="AD37562">
        <v>298</v>
      </c>
      <c r="AE37562">
        <v>300</v>
      </c>
      <c r="AF37562">
        <v>302</v>
      </c>
      <c r="AG37562">
        <v>304</v>
      </c>
      <c r="AH37562">
        <v>306</v>
      </c>
      <c r="AI37562">
        <v>308</v>
      </c>
      <c r="AJ37562">
        <v>310</v>
      </c>
      <c r="AK37562">
        <v>312</v>
      </c>
      <c r="AL37562">
        <v>312</v>
      </c>
      <c r="AM37562">
        <v>311</v>
      </c>
      <c r="AN37562">
        <v>310</v>
      </c>
      <c r="AO37562">
        <v>309</v>
      </c>
      <c r="AP37562">
        <v>308</v>
      </c>
      <c r="AQ37562">
        <v>307</v>
      </c>
    </row>
    <row r="37563" spans="1:43">
      <c r="A37563" t="s">
        <v>23289</v>
      </c>
      <c r="B37563" t="s">
        <v>23290</v>
      </c>
      <c r="C37563" t="s">
        <v>23223</v>
      </c>
      <c r="D37563" t="s">
        <v>23224</v>
      </c>
      <c r="E37563" t="s">
        <v>23145</v>
      </c>
      <c r="F37563" t="s">
        <v>23146</v>
      </c>
      <c r="G37563" t="s">
        <v>11612</v>
      </c>
      <c r="H37563" t="s">
        <v>11613</v>
      </c>
      <c r="I37563" s="2">
        <v>0</v>
      </c>
      <c r="J37563" s="2">
        <v>0</v>
      </c>
      <c r="K37563" s="2">
        <v>1</v>
      </c>
      <c r="L37563" t="s">
        <v>995</v>
      </c>
      <c r="M37563" t="s">
        <v>87</v>
      </c>
      <c r="N37563" t="s">
        <v>88</v>
      </c>
      <c r="O37563" t="s">
        <v>85</v>
      </c>
      <c r="P37563" t="s">
        <v>86</v>
      </c>
      <c r="Q37563">
        <v>266</v>
      </c>
      <c r="R37563">
        <v>266</v>
      </c>
      <c r="S37563">
        <v>267</v>
      </c>
      <c r="T37563">
        <v>267</v>
      </c>
      <c r="U37563">
        <v>267</v>
      </c>
      <c r="V37563">
        <v>267</v>
      </c>
      <c r="W37563">
        <v>267</v>
      </c>
      <c r="X37563">
        <v>268</v>
      </c>
      <c r="Y37563">
        <v>268</v>
      </c>
      <c r="Z37563">
        <v>268</v>
      </c>
      <c r="AA37563">
        <v>268</v>
      </c>
      <c r="AB37563">
        <v>268</v>
      </c>
      <c r="AC37563">
        <v>268</v>
      </c>
      <c r="AD37563">
        <v>268</v>
      </c>
      <c r="AE37563">
        <v>268</v>
      </c>
      <c r="AF37563">
        <v>268</v>
      </c>
      <c r="AG37563">
        <v>269</v>
      </c>
      <c r="AH37563">
        <v>269</v>
      </c>
      <c r="AI37563">
        <v>269</v>
      </c>
      <c r="AJ37563">
        <v>269</v>
      </c>
      <c r="AK37563">
        <v>269</v>
      </c>
      <c r="AL37563">
        <v>269</v>
      </c>
      <c r="AM37563">
        <v>268</v>
      </c>
      <c r="AN37563">
        <v>268</v>
      </c>
      <c r="AO37563">
        <v>268</v>
      </c>
      <c r="AP37563">
        <v>268</v>
      </c>
      <c r="AQ37563">
        <v>268</v>
      </c>
    </row>
    <row r="37564" spans="1:43">
      <c r="A37564" t="s">
        <v>23289</v>
      </c>
      <c r="B37564" t="s">
        <v>23290</v>
      </c>
      <c r="C37564" t="s">
        <v>23223</v>
      </c>
      <c r="D37564" t="s">
        <v>23224</v>
      </c>
      <c r="E37564" t="s">
        <v>23145</v>
      </c>
      <c r="F37564" t="s">
        <v>23146</v>
      </c>
      <c r="G37564" t="s">
        <v>11612</v>
      </c>
      <c r="H37564" t="s">
        <v>11613</v>
      </c>
      <c r="I37564" s="2">
        <v>0</v>
      </c>
      <c r="J37564" s="2">
        <v>0</v>
      </c>
      <c r="K37564" s="2">
        <v>1</v>
      </c>
      <c r="L37564" t="s">
        <v>995</v>
      </c>
      <c r="M37564" t="s">
        <v>89</v>
      </c>
      <c r="N37564" t="s">
        <v>90</v>
      </c>
      <c r="O37564" t="s">
        <v>85</v>
      </c>
      <c r="P37564" t="s">
        <v>86</v>
      </c>
      <c r="Q37564">
        <v>266</v>
      </c>
      <c r="R37564">
        <v>271</v>
      </c>
      <c r="S37564">
        <v>276</v>
      </c>
      <c r="T37564">
        <v>281</v>
      </c>
      <c r="U37564">
        <v>285</v>
      </c>
      <c r="V37564">
        <v>290</v>
      </c>
      <c r="W37564">
        <v>294</v>
      </c>
      <c r="X37564">
        <v>298</v>
      </c>
      <c r="Y37564">
        <v>301</v>
      </c>
      <c r="Z37564">
        <v>305</v>
      </c>
      <c r="AA37564">
        <v>308</v>
      </c>
      <c r="AB37564">
        <v>311</v>
      </c>
      <c r="AC37564">
        <v>315</v>
      </c>
      <c r="AD37564">
        <v>318</v>
      </c>
      <c r="AE37564">
        <v>320</v>
      </c>
      <c r="AF37564">
        <v>319</v>
      </c>
      <c r="AG37564">
        <v>318</v>
      </c>
      <c r="AH37564">
        <v>317</v>
      </c>
      <c r="AI37564">
        <v>316</v>
      </c>
      <c r="AJ37564">
        <v>315</v>
      </c>
      <c r="AK37564">
        <v>314</v>
      </c>
      <c r="AL37564">
        <v>313</v>
      </c>
      <c r="AM37564">
        <v>312</v>
      </c>
      <c r="AN37564">
        <v>312</v>
      </c>
      <c r="AO37564">
        <v>311</v>
      </c>
      <c r="AP37564">
        <v>310</v>
      </c>
      <c r="AQ37564">
        <v>309</v>
      </c>
    </row>
    <row r="37565" spans="1:43">
      <c r="A37565" t="s">
        <v>23289</v>
      </c>
      <c r="B37565" t="s">
        <v>23290</v>
      </c>
      <c r="C37565" t="s">
        <v>23223</v>
      </c>
      <c r="D37565" t="s">
        <v>23224</v>
      </c>
      <c r="E37565" t="s">
        <v>23145</v>
      </c>
      <c r="F37565" t="s">
        <v>23146</v>
      </c>
      <c r="G37565" t="s">
        <v>11612</v>
      </c>
      <c r="H37565" t="s">
        <v>11613</v>
      </c>
      <c r="I37565" s="2">
        <v>0</v>
      </c>
      <c r="J37565" s="2">
        <v>0</v>
      </c>
      <c r="K37565" s="2">
        <v>1</v>
      </c>
      <c r="L37565" t="s">
        <v>995</v>
      </c>
      <c r="M37565" t="s">
        <v>83</v>
      </c>
      <c r="N37565" t="s">
        <v>91</v>
      </c>
      <c r="O37565" t="s">
        <v>85</v>
      </c>
      <c r="P37565" t="s">
        <v>86</v>
      </c>
      <c r="Q37565">
        <v>266</v>
      </c>
      <c r="R37565">
        <v>268</v>
      </c>
      <c r="S37565">
        <v>271</v>
      </c>
      <c r="T37565">
        <v>274</v>
      </c>
      <c r="U37565">
        <v>276</v>
      </c>
      <c r="V37565">
        <v>279</v>
      </c>
      <c r="W37565">
        <v>281</v>
      </c>
      <c r="X37565">
        <v>284</v>
      </c>
      <c r="Y37565">
        <v>286</v>
      </c>
      <c r="Z37565">
        <v>289</v>
      </c>
      <c r="AA37565">
        <v>291</v>
      </c>
      <c r="AB37565">
        <v>293</v>
      </c>
      <c r="AC37565">
        <v>296</v>
      </c>
      <c r="AD37565">
        <v>298</v>
      </c>
      <c r="AE37565">
        <v>300</v>
      </c>
      <c r="AF37565">
        <v>302</v>
      </c>
      <c r="AG37565">
        <v>304</v>
      </c>
      <c r="AH37565">
        <v>306</v>
      </c>
      <c r="AI37565">
        <v>308</v>
      </c>
      <c r="AJ37565">
        <v>310</v>
      </c>
      <c r="AK37565">
        <v>312</v>
      </c>
      <c r="AL37565">
        <v>312</v>
      </c>
      <c r="AM37565">
        <v>311</v>
      </c>
      <c r="AN37565">
        <v>310</v>
      </c>
      <c r="AO37565">
        <v>309</v>
      </c>
      <c r="AP37565">
        <v>308</v>
      </c>
      <c r="AQ37565">
        <v>307</v>
      </c>
    </row>
    <row r="37566" spans="1:43">
      <c r="A37566" t="s">
        <v>23291</v>
      </c>
      <c r="B37566" t="s">
        <v>23292</v>
      </c>
      <c r="C37566" t="s">
        <v>23223</v>
      </c>
      <c r="D37566" t="s">
        <v>23224</v>
      </c>
      <c r="E37566" t="s">
        <v>23145</v>
      </c>
      <c r="F37566" t="s">
        <v>23146</v>
      </c>
      <c r="G37566" t="s">
        <v>11612</v>
      </c>
      <c r="H37566" t="s">
        <v>11613</v>
      </c>
      <c r="I37566" s="2">
        <v>0</v>
      </c>
      <c r="J37566" s="2">
        <v>0</v>
      </c>
      <c r="K37566" s="2">
        <v>1</v>
      </c>
      <c r="L37566" t="s">
        <v>995</v>
      </c>
      <c r="M37566" t="s">
        <v>83</v>
      </c>
      <c r="N37566" t="s">
        <v>84</v>
      </c>
      <c r="O37566" t="s">
        <v>85</v>
      </c>
      <c r="P37566" t="s">
        <v>86</v>
      </c>
      <c r="Q37566">
        <v>45</v>
      </c>
      <c r="R37566">
        <v>46</v>
      </c>
      <c r="S37566">
        <v>46</v>
      </c>
      <c r="T37566">
        <v>47</v>
      </c>
      <c r="U37566">
        <v>47</v>
      </c>
      <c r="V37566">
        <v>48</v>
      </c>
      <c r="W37566">
        <v>48</v>
      </c>
      <c r="X37566">
        <v>48</v>
      </c>
      <c r="Y37566">
        <v>49</v>
      </c>
      <c r="Z37566">
        <v>49</v>
      </c>
      <c r="AA37566">
        <v>49</v>
      </c>
      <c r="AB37566">
        <v>50</v>
      </c>
      <c r="AC37566">
        <v>50</v>
      </c>
      <c r="AD37566">
        <v>50</v>
      </c>
      <c r="AE37566">
        <v>51</v>
      </c>
      <c r="AF37566">
        <v>51</v>
      </c>
      <c r="AG37566">
        <v>51</v>
      </c>
      <c r="AH37566">
        <v>52</v>
      </c>
      <c r="AI37566">
        <v>52</v>
      </c>
      <c r="AJ37566">
        <v>52</v>
      </c>
      <c r="AK37566">
        <v>52</v>
      </c>
      <c r="AL37566">
        <v>52</v>
      </c>
      <c r="AM37566">
        <v>52</v>
      </c>
      <c r="AN37566">
        <v>52</v>
      </c>
      <c r="AO37566">
        <v>52</v>
      </c>
      <c r="AP37566">
        <v>51</v>
      </c>
      <c r="AQ37566">
        <v>51</v>
      </c>
    </row>
    <row r="37567" spans="1:43">
      <c r="A37567" t="s">
        <v>23291</v>
      </c>
      <c r="B37567" t="s">
        <v>23292</v>
      </c>
      <c r="C37567" t="s">
        <v>23223</v>
      </c>
      <c r="D37567" t="s">
        <v>23224</v>
      </c>
      <c r="E37567" t="s">
        <v>23145</v>
      </c>
      <c r="F37567" t="s">
        <v>23146</v>
      </c>
      <c r="G37567" t="s">
        <v>11612</v>
      </c>
      <c r="H37567" t="s">
        <v>11613</v>
      </c>
      <c r="I37567" s="2">
        <v>0</v>
      </c>
      <c r="J37567" s="2">
        <v>0</v>
      </c>
      <c r="K37567" s="2">
        <v>1</v>
      </c>
      <c r="L37567" t="s">
        <v>995</v>
      </c>
      <c r="M37567" t="s">
        <v>87</v>
      </c>
      <c r="N37567" t="s">
        <v>88</v>
      </c>
      <c r="O37567" t="s">
        <v>85</v>
      </c>
      <c r="P37567" t="s">
        <v>86</v>
      </c>
      <c r="Q37567">
        <v>45</v>
      </c>
      <c r="R37567">
        <v>45</v>
      </c>
      <c r="S37567">
        <v>45</v>
      </c>
      <c r="T37567">
        <v>45</v>
      </c>
      <c r="U37567">
        <v>45</v>
      </c>
      <c r="V37567">
        <v>45</v>
      </c>
      <c r="W37567">
        <v>45</v>
      </c>
      <c r="X37567">
        <v>45</v>
      </c>
      <c r="Y37567">
        <v>45</v>
      </c>
      <c r="Z37567">
        <v>45</v>
      </c>
      <c r="AA37567">
        <v>45</v>
      </c>
      <c r="AB37567">
        <v>45</v>
      </c>
      <c r="AC37567">
        <v>45</v>
      </c>
      <c r="AD37567">
        <v>45</v>
      </c>
      <c r="AE37567">
        <v>45</v>
      </c>
      <c r="AF37567">
        <v>45</v>
      </c>
      <c r="AG37567">
        <v>45</v>
      </c>
      <c r="AH37567">
        <v>45</v>
      </c>
      <c r="AI37567">
        <v>45</v>
      </c>
      <c r="AJ37567">
        <v>45</v>
      </c>
      <c r="AK37567">
        <v>45</v>
      </c>
      <c r="AL37567">
        <v>45</v>
      </c>
      <c r="AM37567">
        <v>45</v>
      </c>
      <c r="AN37567">
        <v>45</v>
      </c>
      <c r="AO37567">
        <v>44</v>
      </c>
      <c r="AP37567">
        <v>44</v>
      </c>
      <c r="AQ37567">
        <v>44</v>
      </c>
    </row>
    <row r="37568" spans="1:43">
      <c r="A37568" t="s">
        <v>23291</v>
      </c>
      <c r="B37568" t="s">
        <v>23292</v>
      </c>
      <c r="C37568" t="s">
        <v>23223</v>
      </c>
      <c r="D37568" t="s">
        <v>23224</v>
      </c>
      <c r="E37568" t="s">
        <v>23145</v>
      </c>
      <c r="F37568" t="s">
        <v>23146</v>
      </c>
      <c r="G37568" t="s">
        <v>11612</v>
      </c>
      <c r="H37568" t="s">
        <v>11613</v>
      </c>
      <c r="I37568" s="2">
        <v>0</v>
      </c>
      <c r="J37568" s="2">
        <v>0</v>
      </c>
      <c r="K37568" s="2">
        <v>1</v>
      </c>
      <c r="L37568" t="s">
        <v>995</v>
      </c>
      <c r="M37568" t="s">
        <v>89</v>
      </c>
      <c r="N37568" t="s">
        <v>90</v>
      </c>
      <c r="O37568" t="s">
        <v>85</v>
      </c>
      <c r="P37568" t="s">
        <v>86</v>
      </c>
      <c r="Q37568">
        <v>45</v>
      </c>
      <c r="R37568">
        <v>46</v>
      </c>
      <c r="S37568">
        <v>47</v>
      </c>
      <c r="T37568">
        <v>47</v>
      </c>
      <c r="U37568">
        <v>48</v>
      </c>
      <c r="V37568">
        <v>49</v>
      </c>
      <c r="W37568">
        <v>49</v>
      </c>
      <c r="X37568">
        <v>50</v>
      </c>
      <c r="Y37568">
        <v>51</v>
      </c>
      <c r="Z37568">
        <v>51</v>
      </c>
      <c r="AA37568">
        <v>52</v>
      </c>
      <c r="AB37568">
        <v>52</v>
      </c>
      <c r="AC37568">
        <v>53</v>
      </c>
      <c r="AD37568">
        <v>53</v>
      </c>
      <c r="AE37568">
        <v>53</v>
      </c>
      <c r="AF37568">
        <v>53</v>
      </c>
      <c r="AG37568">
        <v>53</v>
      </c>
      <c r="AH37568">
        <v>53</v>
      </c>
      <c r="AI37568">
        <v>53</v>
      </c>
      <c r="AJ37568">
        <v>52</v>
      </c>
      <c r="AK37568">
        <v>52</v>
      </c>
      <c r="AL37568">
        <v>52</v>
      </c>
      <c r="AM37568">
        <v>52</v>
      </c>
      <c r="AN37568">
        <v>51</v>
      </c>
      <c r="AO37568">
        <v>51</v>
      </c>
      <c r="AP37568">
        <v>51</v>
      </c>
      <c r="AQ37568">
        <v>51</v>
      </c>
    </row>
    <row r="37569" spans="1:43">
      <c r="A37569" t="s">
        <v>23291</v>
      </c>
      <c r="B37569" t="s">
        <v>23292</v>
      </c>
      <c r="C37569" t="s">
        <v>23223</v>
      </c>
      <c r="D37569" t="s">
        <v>23224</v>
      </c>
      <c r="E37569" t="s">
        <v>23145</v>
      </c>
      <c r="F37569" t="s">
        <v>23146</v>
      </c>
      <c r="G37569" t="s">
        <v>11612</v>
      </c>
      <c r="H37569" t="s">
        <v>11613</v>
      </c>
      <c r="I37569" s="2">
        <v>0</v>
      </c>
      <c r="J37569" s="2">
        <v>0</v>
      </c>
      <c r="K37569" s="2">
        <v>1</v>
      </c>
      <c r="L37569" t="s">
        <v>995</v>
      </c>
      <c r="M37569" t="s">
        <v>83</v>
      </c>
      <c r="N37569" t="s">
        <v>91</v>
      </c>
      <c r="O37569" t="s">
        <v>85</v>
      </c>
      <c r="P37569" t="s">
        <v>86</v>
      </c>
      <c r="Q37569">
        <v>45</v>
      </c>
      <c r="R37569">
        <v>46</v>
      </c>
      <c r="S37569">
        <v>46</v>
      </c>
      <c r="T37569">
        <v>47</v>
      </c>
      <c r="U37569">
        <v>47</v>
      </c>
      <c r="V37569">
        <v>48</v>
      </c>
      <c r="W37569">
        <v>48</v>
      </c>
      <c r="X37569">
        <v>48</v>
      </c>
      <c r="Y37569">
        <v>49</v>
      </c>
      <c r="Z37569">
        <v>49</v>
      </c>
      <c r="AA37569">
        <v>49</v>
      </c>
      <c r="AB37569">
        <v>50</v>
      </c>
      <c r="AC37569">
        <v>50</v>
      </c>
      <c r="AD37569">
        <v>50</v>
      </c>
      <c r="AE37569">
        <v>51</v>
      </c>
      <c r="AF37569">
        <v>51</v>
      </c>
      <c r="AG37569">
        <v>51</v>
      </c>
      <c r="AH37569">
        <v>52</v>
      </c>
      <c r="AI37569">
        <v>52</v>
      </c>
      <c r="AJ37569">
        <v>52</v>
      </c>
      <c r="AK37569">
        <v>52</v>
      </c>
      <c r="AL37569">
        <v>52</v>
      </c>
      <c r="AM37569">
        <v>52</v>
      </c>
      <c r="AN37569">
        <v>52</v>
      </c>
      <c r="AO37569">
        <v>52</v>
      </c>
      <c r="AP37569">
        <v>51</v>
      </c>
      <c r="AQ37569">
        <v>51</v>
      </c>
    </row>
    <row r="37570" spans="1:43">
      <c r="A37570" t="s">
        <v>23293</v>
      </c>
      <c r="B37570" t="s">
        <v>23294</v>
      </c>
      <c r="C37570" t="s">
        <v>23279</v>
      </c>
      <c r="D37570" t="s">
        <v>23280</v>
      </c>
      <c r="E37570" t="s">
        <v>23145</v>
      </c>
      <c r="F37570" t="s">
        <v>23146</v>
      </c>
      <c r="G37570" t="s">
        <v>11612</v>
      </c>
      <c r="H37570" t="s">
        <v>11613</v>
      </c>
      <c r="I37570" s="2">
        <v>0</v>
      </c>
      <c r="J37570" s="2">
        <v>0</v>
      </c>
      <c r="K37570" s="2">
        <v>1</v>
      </c>
      <c r="L37570" t="s">
        <v>995</v>
      </c>
      <c r="M37570" t="s">
        <v>83</v>
      </c>
      <c r="N37570" t="s">
        <v>84</v>
      </c>
      <c r="O37570" t="s">
        <v>85</v>
      </c>
      <c r="P37570" t="s">
        <v>86</v>
      </c>
      <c r="Q37570">
        <v>73</v>
      </c>
      <c r="R37570">
        <v>74</v>
      </c>
      <c r="S37570">
        <v>74</v>
      </c>
      <c r="T37570">
        <v>75</v>
      </c>
      <c r="U37570">
        <v>76</v>
      </c>
      <c r="V37570">
        <v>76</v>
      </c>
      <c r="W37570">
        <v>77</v>
      </c>
      <c r="X37570">
        <v>78</v>
      </c>
      <c r="Y37570">
        <v>78</v>
      </c>
      <c r="Z37570">
        <v>79</v>
      </c>
      <c r="AA37570">
        <v>79</v>
      </c>
      <c r="AB37570">
        <v>80</v>
      </c>
      <c r="AC37570">
        <v>80</v>
      </c>
      <c r="AD37570">
        <v>81</v>
      </c>
      <c r="AE37570">
        <v>81</v>
      </c>
      <c r="AF37570">
        <v>82</v>
      </c>
      <c r="AG37570">
        <v>82</v>
      </c>
      <c r="AH37570">
        <v>83</v>
      </c>
      <c r="AI37570">
        <v>83</v>
      </c>
      <c r="AJ37570">
        <v>83</v>
      </c>
      <c r="AK37570">
        <v>84</v>
      </c>
      <c r="AL37570">
        <v>84</v>
      </c>
      <c r="AM37570">
        <v>83</v>
      </c>
      <c r="AN37570">
        <v>83</v>
      </c>
      <c r="AO37570">
        <v>82</v>
      </c>
      <c r="AP37570">
        <v>82</v>
      </c>
      <c r="AQ37570">
        <v>82</v>
      </c>
    </row>
    <row r="37571" spans="1:43">
      <c r="A37571" t="s">
        <v>23293</v>
      </c>
      <c r="B37571" t="s">
        <v>23294</v>
      </c>
      <c r="C37571" t="s">
        <v>23279</v>
      </c>
      <c r="D37571" t="s">
        <v>23280</v>
      </c>
      <c r="E37571" t="s">
        <v>23145</v>
      </c>
      <c r="F37571" t="s">
        <v>23146</v>
      </c>
      <c r="G37571" t="s">
        <v>11612</v>
      </c>
      <c r="H37571" t="s">
        <v>11613</v>
      </c>
      <c r="I37571" s="2">
        <v>0</v>
      </c>
      <c r="J37571" s="2">
        <v>0</v>
      </c>
      <c r="K37571" s="2">
        <v>1</v>
      </c>
      <c r="L37571" t="s">
        <v>995</v>
      </c>
      <c r="M37571" t="s">
        <v>87</v>
      </c>
      <c r="N37571" t="s">
        <v>88</v>
      </c>
      <c r="O37571" t="s">
        <v>85</v>
      </c>
      <c r="P37571" t="s">
        <v>86</v>
      </c>
      <c r="Q37571">
        <v>73</v>
      </c>
      <c r="R37571">
        <v>73</v>
      </c>
      <c r="S37571">
        <v>73</v>
      </c>
      <c r="T37571">
        <v>73</v>
      </c>
      <c r="U37571">
        <v>73</v>
      </c>
      <c r="V37571">
        <v>73</v>
      </c>
      <c r="W37571">
        <v>73</v>
      </c>
      <c r="X37571">
        <v>73</v>
      </c>
      <c r="Y37571">
        <v>73</v>
      </c>
      <c r="Z37571">
        <v>73</v>
      </c>
      <c r="AA37571">
        <v>73</v>
      </c>
      <c r="AB37571">
        <v>73</v>
      </c>
      <c r="AC37571">
        <v>73</v>
      </c>
      <c r="AD37571">
        <v>73</v>
      </c>
      <c r="AE37571">
        <v>73</v>
      </c>
      <c r="AF37571">
        <v>73</v>
      </c>
      <c r="AG37571">
        <v>73</v>
      </c>
      <c r="AH37571">
        <v>73</v>
      </c>
      <c r="AI37571">
        <v>73</v>
      </c>
      <c r="AJ37571">
        <v>73</v>
      </c>
      <c r="AK37571">
        <v>73</v>
      </c>
      <c r="AL37571">
        <v>73</v>
      </c>
      <c r="AM37571">
        <v>72</v>
      </c>
      <c r="AN37571">
        <v>72</v>
      </c>
      <c r="AO37571">
        <v>72</v>
      </c>
      <c r="AP37571">
        <v>72</v>
      </c>
      <c r="AQ37571">
        <v>72</v>
      </c>
    </row>
    <row r="37572" spans="1:43">
      <c r="A37572" t="s">
        <v>23293</v>
      </c>
      <c r="B37572" t="s">
        <v>23294</v>
      </c>
      <c r="C37572" t="s">
        <v>23279</v>
      </c>
      <c r="D37572" t="s">
        <v>23280</v>
      </c>
      <c r="E37572" t="s">
        <v>23145</v>
      </c>
      <c r="F37572" t="s">
        <v>23146</v>
      </c>
      <c r="G37572" t="s">
        <v>11612</v>
      </c>
      <c r="H37572" t="s">
        <v>11613</v>
      </c>
      <c r="I37572" s="2">
        <v>0</v>
      </c>
      <c r="J37572" s="2">
        <v>0</v>
      </c>
      <c r="K37572" s="2">
        <v>1</v>
      </c>
      <c r="L37572" t="s">
        <v>995</v>
      </c>
      <c r="M37572" t="s">
        <v>89</v>
      </c>
      <c r="N37572" t="s">
        <v>90</v>
      </c>
      <c r="O37572" t="s">
        <v>85</v>
      </c>
      <c r="P37572" t="s">
        <v>86</v>
      </c>
      <c r="Q37572">
        <v>73</v>
      </c>
      <c r="R37572">
        <v>74</v>
      </c>
      <c r="S37572">
        <v>75</v>
      </c>
      <c r="T37572">
        <v>77</v>
      </c>
      <c r="U37572">
        <v>78</v>
      </c>
      <c r="V37572">
        <v>79</v>
      </c>
      <c r="W37572">
        <v>80</v>
      </c>
      <c r="X37572">
        <v>81</v>
      </c>
      <c r="Y37572">
        <v>82</v>
      </c>
      <c r="Z37572">
        <v>83</v>
      </c>
      <c r="AA37572">
        <v>83</v>
      </c>
      <c r="AB37572">
        <v>84</v>
      </c>
      <c r="AC37572">
        <v>85</v>
      </c>
      <c r="AD37572">
        <v>86</v>
      </c>
      <c r="AE37572">
        <v>86</v>
      </c>
      <c r="AF37572">
        <v>86</v>
      </c>
      <c r="AG37572">
        <v>85</v>
      </c>
      <c r="AH37572">
        <v>85</v>
      </c>
      <c r="AI37572">
        <v>84</v>
      </c>
      <c r="AJ37572">
        <v>84</v>
      </c>
      <c r="AK37572">
        <v>84</v>
      </c>
      <c r="AL37572">
        <v>83</v>
      </c>
      <c r="AM37572">
        <v>83</v>
      </c>
      <c r="AN37572">
        <v>82</v>
      </c>
      <c r="AO37572">
        <v>82</v>
      </c>
      <c r="AP37572">
        <v>82</v>
      </c>
      <c r="AQ37572">
        <v>81</v>
      </c>
    </row>
    <row r="37573" spans="1:43">
      <c r="A37573" t="s">
        <v>23293</v>
      </c>
      <c r="B37573" t="s">
        <v>23294</v>
      </c>
      <c r="C37573" t="s">
        <v>23279</v>
      </c>
      <c r="D37573" t="s">
        <v>23280</v>
      </c>
      <c r="E37573" t="s">
        <v>23145</v>
      </c>
      <c r="F37573" t="s">
        <v>23146</v>
      </c>
      <c r="G37573" t="s">
        <v>11612</v>
      </c>
      <c r="H37573" t="s">
        <v>11613</v>
      </c>
      <c r="I37573" s="2">
        <v>0</v>
      </c>
      <c r="J37573" s="2">
        <v>0</v>
      </c>
      <c r="K37573" s="2">
        <v>1</v>
      </c>
      <c r="L37573" t="s">
        <v>995</v>
      </c>
      <c r="M37573" t="s">
        <v>83</v>
      </c>
      <c r="N37573" t="s">
        <v>91</v>
      </c>
      <c r="O37573" t="s">
        <v>85</v>
      </c>
      <c r="P37573" t="s">
        <v>86</v>
      </c>
      <c r="Q37573">
        <v>73</v>
      </c>
      <c r="R37573">
        <v>74</v>
      </c>
      <c r="S37573">
        <v>74</v>
      </c>
      <c r="T37573">
        <v>75</v>
      </c>
      <c r="U37573">
        <v>76</v>
      </c>
      <c r="V37573">
        <v>76</v>
      </c>
      <c r="W37573">
        <v>77</v>
      </c>
      <c r="X37573">
        <v>78</v>
      </c>
      <c r="Y37573">
        <v>78</v>
      </c>
      <c r="Z37573">
        <v>79</v>
      </c>
      <c r="AA37573">
        <v>79</v>
      </c>
      <c r="AB37573">
        <v>80</v>
      </c>
      <c r="AC37573">
        <v>80</v>
      </c>
      <c r="AD37573">
        <v>81</v>
      </c>
      <c r="AE37573">
        <v>81</v>
      </c>
      <c r="AF37573">
        <v>82</v>
      </c>
      <c r="AG37573">
        <v>82</v>
      </c>
      <c r="AH37573">
        <v>83</v>
      </c>
      <c r="AI37573">
        <v>83</v>
      </c>
      <c r="AJ37573">
        <v>83</v>
      </c>
      <c r="AK37573">
        <v>84</v>
      </c>
      <c r="AL37573">
        <v>84</v>
      </c>
      <c r="AM37573">
        <v>83</v>
      </c>
      <c r="AN37573">
        <v>83</v>
      </c>
      <c r="AO37573">
        <v>82</v>
      </c>
      <c r="AP37573">
        <v>82</v>
      </c>
      <c r="AQ37573">
        <v>82</v>
      </c>
    </row>
    <row r="37574" spans="1:43">
      <c r="A37574" t="s">
        <v>23295</v>
      </c>
      <c r="B37574" t="s">
        <v>23296</v>
      </c>
      <c r="C37574" t="s">
        <v>23237</v>
      </c>
      <c r="D37574" t="s">
        <v>23238</v>
      </c>
      <c r="E37574" t="s">
        <v>23145</v>
      </c>
      <c r="F37574" t="s">
        <v>23146</v>
      </c>
      <c r="G37574" t="s">
        <v>11612</v>
      </c>
      <c r="H37574" t="s">
        <v>11613</v>
      </c>
      <c r="I37574" s="2">
        <v>0</v>
      </c>
      <c r="J37574" s="2">
        <v>0</v>
      </c>
      <c r="K37574" s="2">
        <v>1</v>
      </c>
      <c r="L37574" t="s">
        <v>995</v>
      </c>
      <c r="M37574" t="s">
        <v>83</v>
      </c>
      <c r="N37574" t="s">
        <v>84</v>
      </c>
      <c r="O37574" t="s">
        <v>85</v>
      </c>
      <c r="P37574" t="s">
        <v>86</v>
      </c>
      <c r="Q37574">
        <v>52</v>
      </c>
      <c r="R37574">
        <v>53</v>
      </c>
      <c r="S37574">
        <v>53</v>
      </c>
      <c r="T37574">
        <v>54</v>
      </c>
      <c r="U37574">
        <v>54</v>
      </c>
      <c r="V37574">
        <v>55</v>
      </c>
      <c r="W37574">
        <v>55</v>
      </c>
      <c r="X37574">
        <v>56</v>
      </c>
      <c r="Y37574">
        <v>56</v>
      </c>
      <c r="Z37574">
        <v>57</v>
      </c>
      <c r="AA37574">
        <v>57</v>
      </c>
      <c r="AB37574">
        <v>58</v>
      </c>
      <c r="AC37574">
        <v>58</v>
      </c>
      <c r="AD37574">
        <v>59</v>
      </c>
      <c r="AE37574">
        <v>59</v>
      </c>
      <c r="AF37574">
        <v>59</v>
      </c>
      <c r="AG37574">
        <v>60</v>
      </c>
      <c r="AH37574">
        <v>60</v>
      </c>
      <c r="AI37574">
        <v>61</v>
      </c>
      <c r="AJ37574">
        <v>61</v>
      </c>
      <c r="AK37574">
        <v>61</v>
      </c>
      <c r="AL37574">
        <v>62</v>
      </c>
      <c r="AM37574">
        <v>61</v>
      </c>
      <c r="AN37574">
        <v>61</v>
      </c>
      <c r="AO37574">
        <v>61</v>
      </c>
      <c r="AP37574">
        <v>61</v>
      </c>
      <c r="AQ37574">
        <v>61</v>
      </c>
    </row>
    <row r="37575" spans="1:43">
      <c r="A37575" t="s">
        <v>23295</v>
      </c>
      <c r="B37575" t="s">
        <v>23296</v>
      </c>
      <c r="C37575" t="s">
        <v>23237</v>
      </c>
      <c r="D37575" t="s">
        <v>23238</v>
      </c>
      <c r="E37575" t="s">
        <v>23145</v>
      </c>
      <c r="F37575" t="s">
        <v>23146</v>
      </c>
      <c r="G37575" t="s">
        <v>11612</v>
      </c>
      <c r="H37575" t="s">
        <v>11613</v>
      </c>
      <c r="I37575" s="2">
        <v>0</v>
      </c>
      <c r="J37575" s="2">
        <v>0</v>
      </c>
      <c r="K37575" s="2">
        <v>1</v>
      </c>
      <c r="L37575" t="s">
        <v>995</v>
      </c>
      <c r="M37575" t="s">
        <v>87</v>
      </c>
      <c r="N37575" t="s">
        <v>88</v>
      </c>
      <c r="O37575" t="s">
        <v>85</v>
      </c>
      <c r="P37575" t="s">
        <v>86</v>
      </c>
      <c r="Q37575">
        <v>52</v>
      </c>
      <c r="R37575">
        <v>52</v>
      </c>
      <c r="S37575">
        <v>52</v>
      </c>
      <c r="T37575">
        <v>52</v>
      </c>
      <c r="U37575">
        <v>52</v>
      </c>
      <c r="V37575">
        <v>52</v>
      </c>
      <c r="W37575">
        <v>52</v>
      </c>
      <c r="X37575">
        <v>52</v>
      </c>
      <c r="Y37575">
        <v>52</v>
      </c>
      <c r="Z37575">
        <v>52</v>
      </c>
      <c r="AA37575">
        <v>52</v>
      </c>
      <c r="AB37575">
        <v>52</v>
      </c>
      <c r="AC37575">
        <v>52</v>
      </c>
      <c r="AD37575">
        <v>52</v>
      </c>
      <c r="AE37575">
        <v>52</v>
      </c>
      <c r="AF37575">
        <v>52</v>
      </c>
      <c r="AG37575">
        <v>52</v>
      </c>
      <c r="AH37575">
        <v>52</v>
      </c>
      <c r="AI37575">
        <v>52</v>
      </c>
      <c r="AJ37575">
        <v>52</v>
      </c>
      <c r="AK37575">
        <v>52</v>
      </c>
      <c r="AL37575">
        <v>52</v>
      </c>
      <c r="AM37575">
        <v>52</v>
      </c>
      <c r="AN37575">
        <v>53</v>
      </c>
      <c r="AO37575">
        <v>53</v>
      </c>
      <c r="AP37575">
        <v>53</v>
      </c>
      <c r="AQ37575">
        <v>53</v>
      </c>
    </row>
    <row r="37576" spans="1:43">
      <c r="A37576" t="s">
        <v>23295</v>
      </c>
      <c r="B37576" t="s">
        <v>23296</v>
      </c>
      <c r="C37576" t="s">
        <v>23237</v>
      </c>
      <c r="D37576" t="s">
        <v>23238</v>
      </c>
      <c r="E37576" t="s">
        <v>23145</v>
      </c>
      <c r="F37576" t="s">
        <v>23146</v>
      </c>
      <c r="G37576" t="s">
        <v>11612</v>
      </c>
      <c r="H37576" t="s">
        <v>11613</v>
      </c>
      <c r="I37576" s="2">
        <v>0</v>
      </c>
      <c r="J37576" s="2">
        <v>0</v>
      </c>
      <c r="K37576" s="2">
        <v>1</v>
      </c>
      <c r="L37576" t="s">
        <v>995</v>
      </c>
      <c r="M37576" t="s">
        <v>89</v>
      </c>
      <c r="N37576" t="s">
        <v>90</v>
      </c>
      <c r="O37576" t="s">
        <v>85</v>
      </c>
      <c r="P37576" t="s">
        <v>86</v>
      </c>
      <c r="Q37576">
        <v>52</v>
      </c>
      <c r="R37576">
        <v>53</v>
      </c>
      <c r="S37576">
        <v>54</v>
      </c>
      <c r="T37576">
        <v>55</v>
      </c>
      <c r="U37576">
        <v>56</v>
      </c>
      <c r="V37576">
        <v>57</v>
      </c>
      <c r="W37576">
        <v>58</v>
      </c>
      <c r="X37576">
        <v>59</v>
      </c>
      <c r="Y37576">
        <v>60</v>
      </c>
      <c r="Z37576">
        <v>60</v>
      </c>
      <c r="AA37576">
        <v>61</v>
      </c>
      <c r="AB37576">
        <v>62</v>
      </c>
      <c r="AC37576">
        <v>62</v>
      </c>
      <c r="AD37576">
        <v>63</v>
      </c>
      <c r="AE37576">
        <v>63</v>
      </c>
      <c r="AF37576">
        <v>63</v>
      </c>
      <c r="AG37576">
        <v>63</v>
      </c>
      <c r="AH37576">
        <v>63</v>
      </c>
      <c r="AI37576">
        <v>63</v>
      </c>
      <c r="AJ37576">
        <v>63</v>
      </c>
      <c r="AK37576">
        <v>63</v>
      </c>
      <c r="AL37576">
        <v>62</v>
      </c>
      <c r="AM37576">
        <v>62</v>
      </c>
      <c r="AN37576">
        <v>62</v>
      </c>
      <c r="AO37576">
        <v>62</v>
      </c>
      <c r="AP37576">
        <v>62</v>
      </c>
      <c r="AQ37576">
        <v>62</v>
      </c>
    </row>
    <row r="37577" spans="1:43">
      <c r="A37577" t="s">
        <v>23295</v>
      </c>
      <c r="B37577" t="s">
        <v>23296</v>
      </c>
      <c r="C37577" t="s">
        <v>23237</v>
      </c>
      <c r="D37577" t="s">
        <v>23238</v>
      </c>
      <c r="E37577" t="s">
        <v>23145</v>
      </c>
      <c r="F37577" t="s">
        <v>23146</v>
      </c>
      <c r="G37577" t="s">
        <v>11612</v>
      </c>
      <c r="H37577" t="s">
        <v>11613</v>
      </c>
      <c r="I37577" s="2">
        <v>0</v>
      </c>
      <c r="J37577" s="2">
        <v>0</v>
      </c>
      <c r="K37577" s="2">
        <v>1</v>
      </c>
      <c r="L37577" t="s">
        <v>995</v>
      </c>
      <c r="M37577" t="s">
        <v>83</v>
      </c>
      <c r="N37577" t="s">
        <v>91</v>
      </c>
      <c r="O37577" t="s">
        <v>85</v>
      </c>
      <c r="P37577" t="s">
        <v>86</v>
      </c>
      <c r="Q37577">
        <v>52</v>
      </c>
      <c r="R37577">
        <v>53</v>
      </c>
      <c r="S37577">
        <v>53</v>
      </c>
      <c r="T37577">
        <v>54</v>
      </c>
      <c r="U37577">
        <v>54</v>
      </c>
      <c r="V37577">
        <v>55</v>
      </c>
      <c r="W37577">
        <v>55</v>
      </c>
      <c r="X37577">
        <v>56</v>
      </c>
      <c r="Y37577">
        <v>56</v>
      </c>
      <c r="Z37577">
        <v>57</v>
      </c>
      <c r="AA37577">
        <v>57</v>
      </c>
      <c r="AB37577">
        <v>58</v>
      </c>
      <c r="AC37577">
        <v>58</v>
      </c>
      <c r="AD37577">
        <v>59</v>
      </c>
      <c r="AE37577">
        <v>59</v>
      </c>
      <c r="AF37577">
        <v>59</v>
      </c>
      <c r="AG37577">
        <v>60</v>
      </c>
      <c r="AH37577">
        <v>60</v>
      </c>
      <c r="AI37577">
        <v>61</v>
      </c>
      <c r="AJ37577">
        <v>61</v>
      </c>
      <c r="AK37577">
        <v>61</v>
      </c>
      <c r="AL37577">
        <v>62</v>
      </c>
      <c r="AM37577">
        <v>61</v>
      </c>
      <c r="AN37577">
        <v>61</v>
      </c>
      <c r="AO37577">
        <v>61</v>
      </c>
      <c r="AP37577">
        <v>61</v>
      </c>
      <c r="AQ37577">
        <v>61</v>
      </c>
    </row>
    <row r="37578" spans="1:43">
      <c r="A37578" t="s">
        <v>23297</v>
      </c>
      <c r="B37578" t="s">
        <v>23298</v>
      </c>
      <c r="C37578" t="s">
        <v>23237</v>
      </c>
      <c r="D37578" t="s">
        <v>23238</v>
      </c>
      <c r="E37578" t="s">
        <v>23145</v>
      </c>
      <c r="F37578" t="s">
        <v>23146</v>
      </c>
      <c r="G37578" t="s">
        <v>11612</v>
      </c>
      <c r="H37578" t="s">
        <v>11613</v>
      </c>
      <c r="I37578" s="2">
        <v>0</v>
      </c>
      <c r="J37578" s="2">
        <v>0</v>
      </c>
      <c r="K37578" s="2">
        <v>1</v>
      </c>
      <c r="L37578" t="s">
        <v>995</v>
      </c>
      <c r="M37578" t="s">
        <v>83</v>
      </c>
      <c r="N37578" t="s">
        <v>84</v>
      </c>
      <c r="O37578" t="s">
        <v>85</v>
      </c>
      <c r="P37578" t="s">
        <v>86</v>
      </c>
      <c r="Q37578">
        <v>19</v>
      </c>
      <c r="R37578">
        <v>19</v>
      </c>
      <c r="S37578">
        <v>20</v>
      </c>
      <c r="T37578">
        <v>20</v>
      </c>
      <c r="U37578">
        <v>20</v>
      </c>
      <c r="V37578">
        <v>20</v>
      </c>
      <c r="W37578">
        <v>20</v>
      </c>
      <c r="X37578">
        <v>20</v>
      </c>
      <c r="Y37578">
        <v>21</v>
      </c>
      <c r="Z37578">
        <v>21</v>
      </c>
      <c r="AA37578">
        <v>21</v>
      </c>
      <c r="AB37578">
        <v>21</v>
      </c>
      <c r="AC37578">
        <v>21</v>
      </c>
      <c r="AD37578">
        <v>21</v>
      </c>
      <c r="AE37578">
        <v>21</v>
      </c>
      <c r="AF37578">
        <v>22</v>
      </c>
      <c r="AG37578">
        <v>22</v>
      </c>
      <c r="AH37578">
        <v>22</v>
      </c>
      <c r="AI37578">
        <v>22</v>
      </c>
      <c r="AJ37578">
        <v>22</v>
      </c>
      <c r="AK37578">
        <v>22</v>
      </c>
      <c r="AL37578">
        <v>22</v>
      </c>
      <c r="AM37578">
        <v>22</v>
      </c>
      <c r="AN37578">
        <v>22</v>
      </c>
      <c r="AO37578">
        <v>22</v>
      </c>
      <c r="AP37578">
        <v>22</v>
      </c>
      <c r="AQ37578">
        <v>22</v>
      </c>
    </row>
    <row r="37579" spans="1:43">
      <c r="A37579" t="s">
        <v>23297</v>
      </c>
      <c r="B37579" t="s">
        <v>23298</v>
      </c>
      <c r="C37579" t="s">
        <v>23237</v>
      </c>
      <c r="D37579" t="s">
        <v>23238</v>
      </c>
      <c r="E37579" t="s">
        <v>23145</v>
      </c>
      <c r="F37579" t="s">
        <v>23146</v>
      </c>
      <c r="G37579" t="s">
        <v>11612</v>
      </c>
      <c r="H37579" t="s">
        <v>11613</v>
      </c>
      <c r="I37579" s="2">
        <v>0</v>
      </c>
      <c r="J37579" s="2">
        <v>0</v>
      </c>
      <c r="K37579" s="2">
        <v>1</v>
      </c>
      <c r="L37579" t="s">
        <v>995</v>
      </c>
      <c r="M37579" t="s">
        <v>87</v>
      </c>
      <c r="N37579" t="s">
        <v>88</v>
      </c>
      <c r="O37579" t="s">
        <v>85</v>
      </c>
      <c r="P37579" t="s">
        <v>86</v>
      </c>
      <c r="Q37579">
        <v>19</v>
      </c>
      <c r="R37579">
        <v>19</v>
      </c>
      <c r="S37579">
        <v>19</v>
      </c>
      <c r="T37579">
        <v>19</v>
      </c>
      <c r="U37579">
        <v>19</v>
      </c>
      <c r="V37579">
        <v>19</v>
      </c>
      <c r="W37579">
        <v>19</v>
      </c>
      <c r="X37579">
        <v>19</v>
      </c>
      <c r="Y37579">
        <v>19</v>
      </c>
      <c r="Z37579">
        <v>19</v>
      </c>
      <c r="AA37579">
        <v>19</v>
      </c>
      <c r="AB37579">
        <v>19</v>
      </c>
      <c r="AC37579">
        <v>19</v>
      </c>
      <c r="AD37579">
        <v>19</v>
      </c>
      <c r="AE37579">
        <v>19</v>
      </c>
      <c r="AF37579">
        <v>19</v>
      </c>
      <c r="AG37579">
        <v>19</v>
      </c>
      <c r="AH37579">
        <v>19</v>
      </c>
      <c r="AI37579">
        <v>19</v>
      </c>
      <c r="AJ37579">
        <v>19</v>
      </c>
      <c r="AK37579">
        <v>19</v>
      </c>
      <c r="AL37579">
        <v>19</v>
      </c>
      <c r="AM37579">
        <v>19</v>
      </c>
      <c r="AN37579">
        <v>19</v>
      </c>
      <c r="AO37579">
        <v>19</v>
      </c>
      <c r="AP37579">
        <v>19</v>
      </c>
      <c r="AQ37579">
        <v>19</v>
      </c>
    </row>
    <row r="37580" spans="1:43">
      <c r="A37580" t="s">
        <v>23297</v>
      </c>
      <c r="B37580" t="s">
        <v>23298</v>
      </c>
      <c r="C37580" t="s">
        <v>23237</v>
      </c>
      <c r="D37580" t="s">
        <v>23238</v>
      </c>
      <c r="E37580" t="s">
        <v>23145</v>
      </c>
      <c r="F37580" t="s">
        <v>23146</v>
      </c>
      <c r="G37580" t="s">
        <v>11612</v>
      </c>
      <c r="H37580" t="s">
        <v>11613</v>
      </c>
      <c r="I37580" s="2">
        <v>0</v>
      </c>
      <c r="J37580" s="2">
        <v>0</v>
      </c>
      <c r="K37580" s="2">
        <v>1</v>
      </c>
      <c r="L37580" t="s">
        <v>995</v>
      </c>
      <c r="M37580" t="s">
        <v>89</v>
      </c>
      <c r="N37580" t="s">
        <v>90</v>
      </c>
      <c r="O37580" t="s">
        <v>85</v>
      </c>
      <c r="P37580" t="s">
        <v>86</v>
      </c>
      <c r="Q37580">
        <v>19</v>
      </c>
      <c r="R37580">
        <v>20</v>
      </c>
      <c r="S37580">
        <v>20</v>
      </c>
      <c r="T37580">
        <v>20</v>
      </c>
      <c r="U37580">
        <v>21</v>
      </c>
      <c r="V37580">
        <v>21</v>
      </c>
      <c r="W37580">
        <v>21</v>
      </c>
      <c r="X37580">
        <v>22</v>
      </c>
      <c r="Y37580">
        <v>22</v>
      </c>
      <c r="Z37580">
        <v>22</v>
      </c>
      <c r="AA37580">
        <v>22</v>
      </c>
      <c r="AB37580">
        <v>22</v>
      </c>
      <c r="AC37580">
        <v>23</v>
      </c>
      <c r="AD37580">
        <v>23</v>
      </c>
      <c r="AE37580">
        <v>23</v>
      </c>
      <c r="AF37580">
        <v>23</v>
      </c>
      <c r="AG37580">
        <v>23</v>
      </c>
      <c r="AH37580">
        <v>23</v>
      </c>
      <c r="AI37580">
        <v>23</v>
      </c>
      <c r="AJ37580">
        <v>23</v>
      </c>
      <c r="AK37580">
        <v>22</v>
      </c>
      <c r="AL37580">
        <v>22</v>
      </c>
      <c r="AM37580">
        <v>22</v>
      </c>
      <c r="AN37580">
        <v>22</v>
      </c>
      <c r="AO37580">
        <v>22</v>
      </c>
      <c r="AP37580">
        <v>22</v>
      </c>
      <c r="AQ37580">
        <v>22</v>
      </c>
    </row>
    <row r="37581" spans="1:43">
      <c r="A37581" t="s">
        <v>23297</v>
      </c>
      <c r="B37581" t="s">
        <v>23298</v>
      </c>
      <c r="C37581" t="s">
        <v>23237</v>
      </c>
      <c r="D37581" t="s">
        <v>23238</v>
      </c>
      <c r="E37581" t="s">
        <v>23145</v>
      </c>
      <c r="F37581" t="s">
        <v>23146</v>
      </c>
      <c r="G37581" t="s">
        <v>11612</v>
      </c>
      <c r="H37581" t="s">
        <v>11613</v>
      </c>
      <c r="I37581" s="2">
        <v>0</v>
      </c>
      <c r="J37581" s="2">
        <v>0</v>
      </c>
      <c r="K37581" s="2">
        <v>1</v>
      </c>
      <c r="L37581" t="s">
        <v>995</v>
      </c>
      <c r="M37581" t="s">
        <v>83</v>
      </c>
      <c r="N37581" t="s">
        <v>91</v>
      </c>
      <c r="O37581" t="s">
        <v>85</v>
      </c>
      <c r="P37581" t="s">
        <v>86</v>
      </c>
      <c r="Q37581">
        <v>19</v>
      </c>
      <c r="R37581">
        <v>19</v>
      </c>
      <c r="S37581">
        <v>20</v>
      </c>
      <c r="T37581">
        <v>20</v>
      </c>
      <c r="U37581">
        <v>20</v>
      </c>
      <c r="V37581">
        <v>20</v>
      </c>
      <c r="W37581">
        <v>20</v>
      </c>
      <c r="X37581">
        <v>20</v>
      </c>
      <c r="Y37581">
        <v>21</v>
      </c>
      <c r="Z37581">
        <v>21</v>
      </c>
      <c r="AA37581">
        <v>21</v>
      </c>
      <c r="AB37581">
        <v>21</v>
      </c>
      <c r="AC37581">
        <v>21</v>
      </c>
      <c r="AD37581">
        <v>21</v>
      </c>
      <c r="AE37581">
        <v>21</v>
      </c>
      <c r="AF37581">
        <v>22</v>
      </c>
      <c r="AG37581">
        <v>22</v>
      </c>
      <c r="AH37581">
        <v>22</v>
      </c>
      <c r="AI37581">
        <v>22</v>
      </c>
      <c r="AJ37581">
        <v>22</v>
      </c>
      <c r="AK37581">
        <v>22</v>
      </c>
      <c r="AL37581">
        <v>22</v>
      </c>
      <c r="AM37581">
        <v>22</v>
      </c>
      <c r="AN37581">
        <v>22</v>
      </c>
      <c r="AO37581">
        <v>22</v>
      </c>
      <c r="AP37581">
        <v>22</v>
      </c>
      <c r="AQ37581">
        <v>22</v>
      </c>
    </row>
    <row r="37582" spans="1:43">
      <c r="A37582" t="s">
        <v>23299</v>
      </c>
      <c r="B37582" t="s">
        <v>23300</v>
      </c>
      <c r="C37582" t="s">
        <v>23237</v>
      </c>
      <c r="D37582" t="s">
        <v>23238</v>
      </c>
      <c r="E37582" t="s">
        <v>23145</v>
      </c>
      <c r="F37582" t="s">
        <v>23146</v>
      </c>
      <c r="G37582" t="s">
        <v>11612</v>
      </c>
      <c r="H37582" t="s">
        <v>11613</v>
      </c>
      <c r="I37582" s="2">
        <v>0</v>
      </c>
      <c r="J37582" s="2">
        <v>0</v>
      </c>
      <c r="K37582" s="2">
        <v>1</v>
      </c>
      <c r="L37582" t="s">
        <v>995</v>
      </c>
      <c r="M37582" t="s">
        <v>83</v>
      </c>
      <c r="N37582" t="s">
        <v>84</v>
      </c>
      <c r="O37582" t="s">
        <v>85</v>
      </c>
      <c r="P37582" t="s">
        <v>86</v>
      </c>
      <c r="Q37582">
        <v>17</v>
      </c>
      <c r="R37582">
        <v>17</v>
      </c>
      <c r="S37582">
        <v>17</v>
      </c>
      <c r="T37582">
        <v>17</v>
      </c>
      <c r="U37582">
        <v>18</v>
      </c>
      <c r="V37582">
        <v>18</v>
      </c>
      <c r="W37582">
        <v>18</v>
      </c>
      <c r="X37582">
        <v>18</v>
      </c>
      <c r="Y37582">
        <v>18</v>
      </c>
      <c r="Z37582">
        <v>18</v>
      </c>
      <c r="AA37582">
        <v>19</v>
      </c>
      <c r="AB37582">
        <v>19</v>
      </c>
      <c r="AC37582">
        <v>19</v>
      </c>
      <c r="AD37582">
        <v>19</v>
      </c>
      <c r="AE37582">
        <v>19</v>
      </c>
      <c r="AF37582">
        <v>19</v>
      </c>
      <c r="AG37582">
        <v>19</v>
      </c>
      <c r="AH37582">
        <v>19</v>
      </c>
      <c r="AI37582">
        <v>20</v>
      </c>
      <c r="AJ37582">
        <v>20</v>
      </c>
      <c r="AK37582">
        <v>20</v>
      </c>
      <c r="AL37582">
        <v>20</v>
      </c>
      <c r="AM37582">
        <v>20</v>
      </c>
      <c r="AN37582">
        <v>20</v>
      </c>
      <c r="AO37582">
        <v>20</v>
      </c>
      <c r="AP37582">
        <v>20</v>
      </c>
      <c r="AQ37582">
        <v>19</v>
      </c>
    </row>
    <row r="37583" spans="1:43">
      <c r="A37583" t="s">
        <v>23299</v>
      </c>
      <c r="B37583" t="s">
        <v>23300</v>
      </c>
      <c r="C37583" t="s">
        <v>23237</v>
      </c>
      <c r="D37583" t="s">
        <v>23238</v>
      </c>
      <c r="E37583" t="s">
        <v>23145</v>
      </c>
      <c r="F37583" t="s">
        <v>23146</v>
      </c>
      <c r="G37583" t="s">
        <v>11612</v>
      </c>
      <c r="H37583" t="s">
        <v>11613</v>
      </c>
      <c r="I37583" s="2">
        <v>0</v>
      </c>
      <c r="J37583" s="2">
        <v>0</v>
      </c>
      <c r="K37583" s="2">
        <v>1</v>
      </c>
      <c r="L37583" t="s">
        <v>995</v>
      </c>
      <c r="M37583" t="s">
        <v>87</v>
      </c>
      <c r="N37583" t="s">
        <v>88</v>
      </c>
      <c r="O37583" t="s">
        <v>85</v>
      </c>
      <c r="P37583" t="s">
        <v>86</v>
      </c>
      <c r="Q37583">
        <v>17</v>
      </c>
      <c r="R37583">
        <v>17</v>
      </c>
      <c r="S37583">
        <v>17</v>
      </c>
      <c r="T37583">
        <v>17</v>
      </c>
      <c r="U37583">
        <v>17</v>
      </c>
      <c r="V37583">
        <v>17</v>
      </c>
      <c r="W37583">
        <v>17</v>
      </c>
      <c r="X37583">
        <v>17</v>
      </c>
      <c r="Y37583">
        <v>17</v>
      </c>
      <c r="Z37583">
        <v>17</v>
      </c>
      <c r="AA37583">
        <v>17</v>
      </c>
      <c r="AB37583">
        <v>17</v>
      </c>
      <c r="AC37583">
        <v>17</v>
      </c>
      <c r="AD37583">
        <v>17</v>
      </c>
      <c r="AE37583">
        <v>17</v>
      </c>
      <c r="AF37583">
        <v>17</v>
      </c>
      <c r="AG37583">
        <v>17</v>
      </c>
      <c r="AH37583">
        <v>17</v>
      </c>
      <c r="AI37583">
        <v>17</v>
      </c>
      <c r="AJ37583">
        <v>17</v>
      </c>
      <c r="AK37583">
        <v>17</v>
      </c>
      <c r="AL37583">
        <v>17</v>
      </c>
      <c r="AM37583">
        <v>17</v>
      </c>
      <c r="AN37583">
        <v>17</v>
      </c>
      <c r="AO37583">
        <v>17</v>
      </c>
      <c r="AP37583">
        <v>17</v>
      </c>
      <c r="AQ37583">
        <v>17</v>
      </c>
    </row>
    <row r="37584" spans="1:43">
      <c r="A37584" t="s">
        <v>23299</v>
      </c>
      <c r="B37584" t="s">
        <v>23300</v>
      </c>
      <c r="C37584" t="s">
        <v>23237</v>
      </c>
      <c r="D37584" t="s">
        <v>23238</v>
      </c>
      <c r="E37584" t="s">
        <v>23145</v>
      </c>
      <c r="F37584" t="s">
        <v>23146</v>
      </c>
      <c r="G37584" t="s">
        <v>11612</v>
      </c>
      <c r="H37584" t="s">
        <v>11613</v>
      </c>
      <c r="I37584" s="2">
        <v>0</v>
      </c>
      <c r="J37584" s="2">
        <v>0</v>
      </c>
      <c r="K37584" s="2">
        <v>1</v>
      </c>
      <c r="L37584" t="s">
        <v>995</v>
      </c>
      <c r="M37584" t="s">
        <v>89</v>
      </c>
      <c r="N37584" t="s">
        <v>90</v>
      </c>
      <c r="O37584" t="s">
        <v>85</v>
      </c>
      <c r="P37584" t="s">
        <v>86</v>
      </c>
      <c r="Q37584">
        <v>17</v>
      </c>
      <c r="R37584">
        <v>17</v>
      </c>
      <c r="S37584">
        <v>18</v>
      </c>
      <c r="T37584">
        <v>18</v>
      </c>
      <c r="U37584">
        <v>18</v>
      </c>
      <c r="V37584">
        <v>19</v>
      </c>
      <c r="W37584">
        <v>19</v>
      </c>
      <c r="X37584">
        <v>19</v>
      </c>
      <c r="Y37584">
        <v>19</v>
      </c>
      <c r="Z37584">
        <v>20</v>
      </c>
      <c r="AA37584">
        <v>20</v>
      </c>
      <c r="AB37584">
        <v>20</v>
      </c>
      <c r="AC37584">
        <v>20</v>
      </c>
      <c r="AD37584">
        <v>20</v>
      </c>
      <c r="AE37584">
        <v>20</v>
      </c>
      <c r="AF37584">
        <v>20</v>
      </c>
      <c r="AG37584">
        <v>20</v>
      </c>
      <c r="AH37584">
        <v>20</v>
      </c>
      <c r="AI37584">
        <v>20</v>
      </c>
      <c r="AJ37584">
        <v>20</v>
      </c>
      <c r="AK37584">
        <v>20</v>
      </c>
      <c r="AL37584">
        <v>20</v>
      </c>
      <c r="AM37584">
        <v>20</v>
      </c>
      <c r="AN37584">
        <v>20</v>
      </c>
      <c r="AO37584">
        <v>20</v>
      </c>
      <c r="AP37584">
        <v>20</v>
      </c>
      <c r="AQ37584">
        <v>20</v>
      </c>
    </row>
    <row r="37585" spans="1:43">
      <c r="A37585" t="s">
        <v>23299</v>
      </c>
      <c r="B37585" t="s">
        <v>23300</v>
      </c>
      <c r="C37585" t="s">
        <v>23237</v>
      </c>
      <c r="D37585" t="s">
        <v>23238</v>
      </c>
      <c r="E37585" t="s">
        <v>23145</v>
      </c>
      <c r="F37585" t="s">
        <v>23146</v>
      </c>
      <c r="G37585" t="s">
        <v>11612</v>
      </c>
      <c r="H37585" t="s">
        <v>11613</v>
      </c>
      <c r="I37585" s="2">
        <v>0</v>
      </c>
      <c r="J37585" s="2">
        <v>0</v>
      </c>
      <c r="K37585" s="2">
        <v>1</v>
      </c>
      <c r="L37585" t="s">
        <v>995</v>
      </c>
      <c r="M37585" t="s">
        <v>83</v>
      </c>
      <c r="N37585" t="s">
        <v>91</v>
      </c>
      <c r="O37585" t="s">
        <v>85</v>
      </c>
      <c r="P37585" t="s">
        <v>86</v>
      </c>
      <c r="Q37585">
        <v>17</v>
      </c>
      <c r="R37585">
        <v>17</v>
      </c>
      <c r="S37585">
        <v>17</v>
      </c>
      <c r="T37585">
        <v>17</v>
      </c>
      <c r="U37585">
        <v>18</v>
      </c>
      <c r="V37585">
        <v>18</v>
      </c>
      <c r="W37585">
        <v>18</v>
      </c>
      <c r="X37585">
        <v>18</v>
      </c>
      <c r="Y37585">
        <v>18</v>
      </c>
      <c r="Z37585">
        <v>18</v>
      </c>
      <c r="AA37585">
        <v>19</v>
      </c>
      <c r="AB37585">
        <v>19</v>
      </c>
      <c r="AC37585">
        <v>19</v>
      </c>
      <c r="AD37585">
        <v>19</v>
      </c>
      <c r="AE37585">
        <v>19</v>
      </c>
      <c r="AF37585">
        <v>19</v>
      </c>
      <c r="AG37585">
        <v>19</v>
      </c>
      <c r="AH37585">
        <v>19</v>
      </c>
      <c r="AI37585">
        <v>20</v>
      </c>
      <c r="AJ37585">
        <v>20</v>
      </c>
      <c r="AK37585">
        <v>20</v>
      </c>
      <c r="AL37585">
        <v>20</v>
      </c>
      <c r="AM37585">
        <v>20</v>
      </c>
      <c r="AN37585">
        <v>20</v>
      </c>
      <c r="AO37585">
        <v>20</v>
      </c>
      <c r="AP37585">
        <v>20</v>
      </c>
      <c r="AQ37585">
        <v>19</v>
      </c>
    </row>
    <row r="37586" spans="1:43">
      <c r="A37586" t="s">
        <v>23301</v>
      </c>
      <c r="B37586" t="s">
        <v>23302</v>
      </c>
      <c r="C37586" t="s">
        <v>23237</v>
      </c>
      <c r="D37586" t="s">
        <v>23238</v>
      </c>
      <c r="E37586" t="s">
        <v>23145</v>
      </c>
      <c r="F37586" t="s">
        <v>23146</v>
      </c>
      <c r="G37586" t="s">
        <v>11612</v>
      </c>
      <c r="H37586" t="s">
        <v>11613</v>
      </c>
      <c r="I37586" s="2">
        <v>0</v>
      </c>
      <c r="J37586" s="2">
        <v>0</v>
      </c>
      <c r="K37586" s="2">
        <v>1</v>
      </c>
      <c r="L37586" t="s">
        <v>995</v>
      </c>
      <c r="M37586" t="s">
        <v>83</v>
      </c>
      <c r="N37586" t="s">
        <v>84</v>
      </c>
      <c r="O37586" t="s">
        <v>85</v>
      </c>
      <c r="P37586" t="s">
        <v>86</v>
      </c>
      <c r="Q37586">
        <v>21</v>
      </c>
      <c r="R37586">
        <v>21</v>
      </c>
      <c r="S37586">
        <v>21</v>
      </c>
      <c r="T37586">
        <v>21</v>
      </c>
      <c r="U37586">
        <v>21</v>
      </c>
      <c r="V37586">
        <v>22</v>
      </c>
      <c r="W37586">
        <v>22</v>
      </c>
      <c r="X37586">
        <v>22</v>
      </c>
      <c r="Y37586">
        <v>22</v>
      </c>
      <c r="Z37586">
        <v>23</v>
      </c>
      <c r="AA37586">
        <v>23</v>
      </c>
      <c r="AB37586">
        <v>23</v>
      </c>
      <c r="AC37586">
        <v>23</v>
      </c>
      <c r="AD37586">
        <v>23</v>
      </c>
      <c r="AE37586">
        <v>23</v>
      </c>
      <c r="AF37586">
        <v>24</v>
      </c>
      <c r="AG37586">
        <v>24</v>
      </c>
      <c r="AH37586">
        <v>24</v>
      </c>
      <c r="AI37586">
        <v>24</v>
      </c>
      <c r="AJ37586">
        <v>24</v>
      </c>
      <c r="AK37586">
        <v>24</v>
      </c>
      <c r="AL37586">
        <v>24</v>
      </c>
      <c r="AM37586">
        <v>24</v>
      </c>
      <c r="AN37586">
        <v>24</v>
      </c>
      <c r="AO37586">
        <v>24</v>
      </c>
      <c r="AP37586">
        <v>24</v>
      </c>
      <c r="AQ37586">
        <v>24</v>
      </c>
    </row>
    <row r="37587" spans="1:43">
      <c r="A37587" t="s">
        <v>23301</v>
      </c>
      <c r="B37587" t="s">
        <v>23302</v>
      </c>
      <c r="C37587" t="s">
        <v>23237</v>
      </c>
      <c r="D37587" t="s">
        <v>23238</v>
      </c>
      <c r="E37587" t="s">
        <v>23145</v>
      </c>
      <c r="F37587" t="s">
        <v>23146</v>
      </c>
      <c r="G37587" t="s">
        <v>11612</v>
      </c>
      <c r="H37587" t="s">
        <v>11613</v>
      </c>
      <c r="I37587" s="2">
        <v>0</v>
      </c>
      <c r="J37587" s="2">
        <v>0</v>
      </c>
      <c r="K37587" s="2">
        <v>1</v>
      </c>
      <c r="L37587" t="s">
        <v>995</v>
      </c>
      <c r="M37587" t="s">
        <v>87</v>
      </c>
      <c r="N37587" t="s">
        <v>88</v>
      </c>
      <c r="O37587" t="s">
        <v>85</v>
      </c>
      <c r="P37587" t="s">
        <v>86</v>
      </c>
      <c r="Q37587">
        <v>21</v>
      </c>
      <c r="R37587">
        <v>21</v>
      </c>
      <c r="S37587">
        <v>21</v>
      </c>
      <c r="T37587">
        <v>21</v>
      </c>
      <c r="U37587">
        <v>22</v>
      </c>
      <c r="V37587">
        <v>22</v>
      </c>
      <c r="W37587">
        <v>22</v>
      </c>
      <c r="X37587">
        <v>22</v>
      </c>
      <c r="Y37587">
        <v>22</v>
      </c>
      <c r="Z37587">
        <v>22</v>
      </c>
      <c r="AA37587">
        <v>22</v>
      </c>
      <c r="AB37587">
        <v>22</v>
      </c>
      <c r="AC37587">
        <v>22</v>
      </c>
      <c r="AD37587">
        <v>22</v>
      </c>
      <c r="AE37587">
        <v>22</v>
      </c>
      <c r="AF37587">
        <v>22</v>
      </c>
      <c r="AG37587">
        <v>22</v>
      </c>
      <c r="AH37587">
        <v>22</v>
      </c>
      <c r="AI37587">
        <v>22</v>
      </c>
      <c r="AJ37587">
        <v>22</v>
      </c>
      <c r="AK37587">
        <v>22</v>
      </c>
      <c r="AL37587">
        <v>22</v>
      </c>
      <c r="AM37587">
        <v>22</v>
      </c>
      <c r="AN37587">
        <v>22</v>
      </c>
      <c r="AO37587">
        <v>22</v>
      </c>
      <c r="AP37587">
        <v>22</v>
      </c>
      <c r="AQ37587">
        <v>22</v>
      </c>
    </row>
    <row r="37588" spans="1:43">
      <c r="A37588" t="s">
        <v>23301</v>
      </c>
      <c r="B37588" t="s">
        <v>23302</v>
      </c>
      <c r="C37588" t="s">
        <v>23237</v>
      </c>
      <c r="D37588" t="s">
        <v>23238</v>
      </c>
      <c r="E37588" t="s">
        <v>23145</v>
      </c>
      <c r="F37588" t="s">
        <v>23146</v>
      </c>
      <c r="G37588" t="s">
        <v>11612</v>
      </c>
      <c r="H37588" t="s">
        <v>11613</v>
      </c>
      <c r="I37588" s="2">
        <v>0</v>
      </c>
      <c r="J37588" s="2">
        <v>0</v>
      </c>
      <c r="K37588" s="2">
        <v>1</v>
      </c>
      <c r="L37588" t="s">
        <v>995</v>
      </c>
      <c r="M37588" t="s">
        <v>89</v>
      </c>
      <c r="N37588" t="s">
        <v>90</v>
      </c>
      <c r="O37588" t="s">
        <v>85</v>
      </c>
      <c r="P37588" t="s">
        <v>86</v>
      </c>
      <c r="Q37588">
        <v>21</v>
      </c>
      <c r="R37588">
        <v>21</v>
      </c>
      <c r="S37588">
        <v>22</v>
      </c>
      <c r="T37588">
        <v>22</v>
      </c>
      <c r="U37588">
        <v>22</v>
      </c>
      <c r="V37588">
        <v>23</v>
      </c>
      <c r="W37588">
        <v>23</v>
      </c>
      <c r="X37588">
        <v>23</v>
      </c>
      <c r="Y37588">
        <v>24</v>
      </c>
      <c r="Z37588">
        <v>24</v>
      </c>
      <c r="AA37588">
        <v>24</v>
      </c>
      <c r="AB37588">
        <v>24</v>
      </c>
      <c r="AC37588">
        <v>25</v>
      </c>
      <c r="AD37588">
        <v>25</v>
      </c>
      <c r="AE37588">
        <v>25</v>
      </c>
      <c r="AF37588">
        <v>25</v>
      </c>
      <c r="AG37588">
        <v>25</v>
      </c>
      <c r="AH37588">
        <v>25</v>
      </c>
      <c r="AI37588">
        <v>25</v>
      </c>
      <c r="AJ37588">
        <v>25</v>
      </c>
      <c r="AK37588">
        <v>25</v>
      </c>
      <c r="AL37588">
        <v>25</v>
      </c>
      <c r="AM37588">
        <v>25</v>
      </c>
      <c r="AN37588">
        <v>25</v>
      </c>
      <c r="AO37588">
        <v>25</v>
      </c>
      <c r="AP37588">
        <v>25</v>
      </c>
      <c r="AQ37588">
        <v>25</v>
      </c>
    </row>
    <row r="37589" spans="1:43">
      <c r="A37589" t="s">
        <v>23301</v>
      </c>
      <c r="B37589" t="s">
        <v>23302</v>
      </c>
      <c r="C37589" t="s">
        <v>23237</v>
      </c>
      <c r="D37589" t="s">
        <v>23238</v>
      </c>
      <c r="E37589" t="s">
        <v>23145</v>
      </c>
      <c r="F37589" t="s">
        <v>23146</v>
      </c>
      <c r="G37589" t="s">
        <v>11612</v>
      </c>
      <c r="H37589" t="s">
        <v>11613</v>
      </c>
      <c r="I37589" s="2">
        <v>0</v>
      </c>
      <c r="J37589" s="2">
        <v>0</v>
      </c>
      <c r="K37589" s="2">
        <v>1</v>
      </c>
      <c r="L37589" t="s">
        <v>995</v>
      </c>
      <c r="M37589" t="s">
        <v>83</v>
      </c>
      <c r="N37589" t="s">
        <v>91</v>
      </c>
      <c r="O37589" t="s">
        <v>85</v>
      </c>
      <c r="P37589" t="s">
        <v>86</v>
      </c>
      <c r="Q37589">
        <v>21</v>
      </c>
      <c r="R37589">
        <v>21</v>
      </c>
      <c r="S37589">
        <v>21</v>
      </c>
      <c r="T37589">
        <v>21</v>
      </c>
      <c r="U37589">
        <v>21</v>
      </c>
      <c r="V37589">
        <v>22</v>
      </c>
      <c r="W37589">
        <v>22</v>
      </c>
      <c r="X37589">
        <v>22</v>
      </c>
      <c r="Y37589">
        <v>22</v>
      </c>
      <c r="Z37589">
        <v>23</v>
      </c>
      <c r="AA37589">
        <v>23</v>
      </c>
      <c r="AB37589">
        <v>23</v>
      </c>
      <c r="AC37589">
        <v>23</v>
      </c>
      <c r="AD37589">
        <v>23</v>
      </c>
      <c r="AE37589">
        <v>23</v>
      </c>
      <c r="AF37589">
        <v>24</v>
      </c>
      <c r="AG37589">
        <v>24</v>
      </c>
      <c r="AH37589">
        <v>24</v>
      </c>
      <c r="AI37589">
        <v>24</v>
      </c>
      <c r="AJ37589">
        <v>24</v>
      </c>
      <c r="AK37589">
        <v>24</v>
      </c>
      <c r="AL37589">
        <v>24</v>
      </c>
      <c r="AM37589">
        <v>24</v>
      </c>
      <c r="AN37589">
        <v>24</v>
      </c>
      <c r="AO37589">
        <v>24</v>
      </c>
      <c r="AP37589">
        <v>24</v>
      </c>
      <c r="AQ37589">
        <v>24</v>
      </c>
    </row>
    <row r="37590" spans="1:43">
      <c r="A37590" t="s">
        <v>23303</v>
      </c>
      <c r="B37590" t="s">
        <v>23304</v>
      </c>
      <c r="C37590" t="s">
        <v>23237</v>
      </c>
      <c r="D37590" t="s">
        <v>23238</v>
      </c>
      <c r="E37590" t="s">
        <v>23145</v>
      </c>
      <c r="F37590" t="s">
        <v>23146</v>
      </c>
      <c r="G37590" t="s">
        <v>11612</v>
      </c>
      <c r="H37590" t="s">
        <v>11613</v>
      </c>
      <c r="I37590" s="2">
        <v>0</v>
      </c>
      <c r="J37590" s="2">
        <v>0</v>
      </c>
      <c r="K37590" s="2">
        <v>1</v>
      </c>
      <c r="L37590" t="s">
        <v>995</v>
      </c>
      <c r="M37590" t="s">
        <v>83</v>
      </c>
      <c r="N37590" t="s">
        <v>84</v>
      </c>
      <c r="O37590" t="s">
        <v>85</v>
      </c>
      <c r="P37590" t="s">
        <v>86</v>
      </c>
      <c r="Q37590">
        <v>63</v>
      </c>
      <c r="R37590">
        <v>63</v>
      </c>
      <c r="S37590">
        <v>64</v>
      </c>
      <c r="T37590">
        <v>65</v>
      </c>
      <c r="U37590">
        <v>65</v>
      </c>
      <c r="V37590">
        <v>66</v>
      </c>
      <c r="W37590">
        <v>66</v>
      </c>
      <c r="X37590">
        <v>67</v>
      </c>
      <c r="Y37590">
        <v>67</v>
      </c>
      <c r="Z37590">
        <v>68</v>
      </c>
      <c r="AA37590">
        <v>69</v>
      </c>
      <c r="AB37590">
        <v>69</v>
      </c>
      <c r="AC37590">
        <v>69</v>
      </c>
      <c r="AD37590">
        <v>70</v>
      </c>
      <c r="AE37590">
        <v>70</v>
      </c>
      <c r="AF37590">
        <v>71</v>
      </c>
      <c r="AG37590">
        <v>71</v>
      </c>
      <c r="AH37590">
        <v>72</v>
      </c>
      <c r="AI37590">
        <v>72</v>
      </c>
      <c r="AJ37590">
        <v>73</v>
      </c>
      <c r="AK37590">
        <v>73</v>
      </c>
      <c r="AL37590">
        <v>73</v>
      </c>
      <c r="AM37590">
        <v>73</v>
      </c>
      <c r="AN37590">
        <v>72</v>
      </c>
      <c r="AO37590">
        <v>72</v>
      </c>
      <c r="AP37590">
        <v>72</v>
      </c>
      <c r="AQ37590">
        <v>71</v>
      </c>
    </row>
    <row r="37591" spans="1:43">
      <c r="A37591" t="s">
        <v>23303</v>
      </c>
      <c r="B37591" t="s">
        <v>23304</v>
      </c>
      <c r="C37591" t="s">
        <v>23237</v>
      </c>
      <c r="D37591" t="s">
        <v>23238</v>
      </c>
      <c r="E37591" t="s">
        <v>23145</v>
      </c>
      <c r="F37591" t="s">
        <v>23146</v>
      </c>
      <c r="G37591" t="s">
        <v>11612</v>
      </c>
      <c r="H37591" t="s">
        <v>11613</v>
      </c>
      <c r="I37591" s="2">
        <v>0</v>
      </c>
      <c r="J37591" s="2">
        <v>0</v>
      </c>
      <c r="K37591" s="2">
        <v>1</v>
      </c>
      <c r="L37591" t="s">
        <v>995</v>
      </c>
      <c r="M37591" t="s">
        <v>87</v>
      </c>
      <c r="N37591" t="s">
        <v>88</v>
      </c>
      <c r="O37591" t="s">
        <v>85</v>
      </c>
      <c r="P37591" t="s">
        <v>86</v>
      </c>
      <c r="Q37591">
        <v>63</v>
      </c>
      <c r="R37591">
        <v>63</v>
      </c>
      <c r="S37591">
        <v>63</v>
      </c>
      <c r="T37591">
        <v>63</v>
      </c>
      <c r="U37591">
        <v>63</v>
      </c>
      <c r="V37591">
        <v>63</v>
      </c>
      <c r="W37591">
        <v>63</v>
      </c>
      <c r="X37591">
        <v>63</v>
      </c>
      <c r="Y37591">
        <v>63</v>
      </c>
      <c r="Z37591">
        <v>63</v>
      </c>
      <c r="AA37591">
        <v>63</v>
      </c>
      <c r="AB37591">
        <v>63</v>
      </c>
      <c r="AC37591">
        <v>63</v>
      </c>
      <c r="AD37591">
        <v>63</v>
      </c>
      <c r="AE37591">
        <v>63</v>
      </c>
      <c r="AF37591">
        <v>63</v>
      </c>
      <c r="AG37591">
        <v>63</v>
      </c>
      <c r="AH37591">
        <v>63</v>
      </c>
      <c r="AI37591">
        <v>63</v>
      </c>
      <c r="AJ37591">
        <v>63</v>
      </c>
      <c r="AK37591">
        <v>63</v>
      </c>
      <c r="AL37591">
        <v>63</v>
      </c>
      <c r="AM37591">
        <v>63</v>
      </c>
      <c r="AN37591">
        <v>63</v>
      </c>
      <c r="AO37591">
        <v>63</v>
      </c>
      <c r="AP37591">
        <v>63</v>
      </c>
      <c r="AQ37591">
        <v>63</v>
      </c>
    </row>
    <row r="37592" spans="1:43">
      <c r="A37592" t="s">
        <v>23303</v>
      </c>
      <c r="B37592" t="s">
        <v>23304</v>
      </c>
      <c r="C37592" t="s">
        <v>23237</v>
      </c>
      <c r="D37592" t="s">
        <v>23238</v>
      </c>
      <c r="E37592" t="s">
        <v>23145</v>
      </c>
      <c r="F37592" t="s">
        <v>23146</v>
      </c>
      <c r="G37592" t="s">
        <v>11612</v>
      </c>
      <c r="H37592" t="s">
        <v>11613</v>
      </c>
      <c r="I37592" s="2">
        <v>0</v>
      </c>
      <c r="J37592" s="2">
        <v>0</v>
      </c>
      <c r="K37592" s="2">
        <v>1</v>
      </c>
      <c r="L37592" t="s">
        <v>995</v>
      </c>
      <c r="M37592" t="s">
        <v>89</v>
      </c>
      <c r="N37592" t="s">
        <v>90</v>
      </c>
      <c r="O37592" t="s">
        <v>85</v>
      </c>
      <c r="P37592" t="s">
        <v>86</v>
      </c>
      <c r="Q37592">
        <v>63</v>
      </c>
      <c r="R37592">
        <v>64</v>
      </c>
      <c r="S37592">
        <v>66</v>
      </c>
      <c r="T37592">
        <v>67</v>
      </c>
      <c r="U37592">
        <v>68</v>
      </c>
      <c r="V37592">
        <v>69</v>
      </c>
      <c r="W37592">
        <v>70</v>
      </c>
      <c r="X37592">
        <v>71</v>
      </c>
      <c r="Y37592">
        <v>71</v>
      </c>
      <c r="Z37592">
        <v>72</v>
      </c>
      <c r="AA37592">
        <v>73</v>
      </c>
      <c r="AB37592">
        <v>74</v>
      </c>
      <c r="AC37592">
        <v>74</v>
      </c>
      <c r="AD37592">
        <v>75</v>
      </c>
      <c r="AE37592">
        <v>76</v>
      </c>
      <c r="AF37592">
        <v>75</v>
      </c>
      <c r="AG37592">
        <v>75</v>
      </c>
      <c r="AH37592">
        <v>75</v>
      </c>
      <c r="AI37592">
        <v>74</v>
      </c>
      <c r="AJ37592">
        <v>74</v>
      </c>
      <c r="AK37592">
        <v>74</v>
      </c>
      <c r="AL37592">
        <v>74</v>
      </c>
      <c r="AM37592">
        <v>73</v>
      </c>
      <c r="AN37592">
        <v>73</v>
      </c>
      <c r="AO37592">
        <v>73</v>
      </c>
      <c r="AP37592">
        <v>72</v>
      </c>
      <c r="AQ37592">
        <v>72</v>
      </c>
    </row>
    <row r="37593" spans="1:43">
      <c r="A37593" t="s">
        <v>23303</v>
      </c>
      <c r="B37593" t="s">
        <v>23304</v>
      </c>
      <c r="C37593" t="s">
        <v>23237</v>
      </c>
      <c r="D37593" t="s">
        <v>23238</v>
      </c>
      <c r="E37593" t="s">
        <v>23145</v>
      </c>
      <c r="F37593" t="s">
        <v>23146</v>
      </c>
      <c r="G37593" t="s">
        <v>11612</v>
      </c>
      <c r="H37593" t="s">
        <v>11613</v>
      </c>
      <c r="I37593" s="2">
        <v>0</v>
      </c>
      <c r="J37593" s="2">
        <v>0</v>
      </c>
      <c r="K37593" s="2">
        <v>1</v>
      </c>
      <c r="L37593" t="s">
        <v>995</v>
      </c>
      <c r="M37593" t="s">
        <v>83</v>
      </c>
      <c r="N37593" t="s">
        <v>91</v>
      </c>
      <c r="O37593" t="s">
        <v>85</v>
      </c>
      <c r="P37593" t="s">
        <v>86</v>
      </c>
      <c r="Q37593">
        <v>63</v>
      </c>
      <c r="R37593">
        <v>63</v>
      </c>
      <c r="S37593">
        <v>64</v>
      </c>
      <c r="T37593">
        <v>65</v>
      </c>
      <c r="U37593">
        <v>65</v>
      </c>
      <c r="V37593">
        <v>66</v>
      </c>
      <c r="W37593">
        <v>66</v>
      </c>
      <c r="X37593">
        <v>67</v>
      </c>
      <c r="Y37593">
        <v>67</v>
      </c>
      <c r="Z37593">
        <v>68</v>
      </c>
      <c r="AA37593">
        <v>69</v>
      </c>
      <c r="AB37593">
        <v>69</v>
      </c>
      <c r="AC37593">
        <v>69</v>
      </c>
      <c r="AD37593">
        <v>70</v>
      </c>
      <c r="AE37593">
        <v>70</v>
      </c>
      <c r="AF37593">
        <v>71</v>
      </c>
      <c r="AG37593">
        <v>71</v>
      </c>
      <c r="AH37593">
        <v>72</v>
      </c>
      <c r="AI37593">
        <v>72</v>
      </c>
      <c r="AJ37593">
        <v>73</v>
      </c>
      <c r="AK37593">
        <v>73</v>
      </c>
      <c r="AL37593">
        <v>73</v>
      </c>
      <c r="AM37593">
        <v>73</v>
      </c>
      <c r="AN37593">
        <v>72</v>
      </c>
      <c r="AO37593">
        <v>72</v>
      </c>
      <c r="AP37593">
        <v>72</v>
      </c>
      <c r="AQ37593">
        <v>71</v>
      </c>
    </row>
    <row r="37594" spans="1:43">
      <c r="A37594" t="s">
        <v>23305</v>
      </c>
      <c r="B37594" t="s">
        <v>23306</v>
      </c>
      <c r="C37594" t="s">
        <v>23307</v>
      </c>
      <c r="D37594" t="s">
        <v>23308</v>
      </c>
      <c r="E37594" t="s">
        <v>23145</v>
      </c>
      <c r="F37594" t="s">
        <v>23146</v>
      </c>
      <c r="G37594" t="s">
        <v>11612</v>
      </c>
      <c r="H37594" t="s">
        <v>11613</v>
      </c>
      <c r="I37594" s="2">
        <v>0</v>
      </c>
      <c r="J37594" s="2">
        <v>0</v>
      </c>
      <c r="K37594" s="2">
        <v>1</v>
      </c>
      <c r="L37594" t="s">
        <v>995</v>
      </c>
      <c r="M37594" t="s">
        <v>83</v>
      </c>
      <c r="N37594" t="s">
        <v>84</v>
      </c>
      <c r="O37594" t="s">
        <v>85</v>
      </c>
      <c r="P37594" t="s">
        <v>86</v>
      </c>
      <c r="Q37594">
        <v>63</v>
      </c>
      <c r="R37594">
        <v>64</v>
      </c>
      <c r="S37594">
        <v>65</v>
      </c>
      <c r="T37594">
        <v>65</v>
      </c>
      <c r="U37594">
        <v>66</v>
      </c>
      <c r="V37594">
        <v>66</v>
      </c>
      <c r="W37594">
        <v>67</v>
      </c>
      <c r="X37594">
        <v>68</v>
      </c>
      <c r="Y37594">
        <v>68</v>
      </c>
      <c r="Z37594">
        <v>69</v>
      </c>
      <c r="AA37594">
        <v>69</v>
      </c>
      <c r="AB37594">
        <v>70</v>
      </c>
      <c r="AC37594">
        <v>70</v>
      </c>
      <c r="AD37594">
        <v>71</v>
      </c>
      <c r="AE37594">
        <v>71</v>
      </c>
      <c r="AF37594">
        <v>72</v>
      </c>
      <c r="AG37594">
        <v>72</v>
      </c>
      <c r="AH37594">
        <v>72</v>
      </c>
      <c r="AI37594">
        <v>73</v>
      </c>
      <c r="AJ37594">
        <v>73</v>
      </c>
      <c r="AK37594">
        <v>74</v>
      </c>
      <c r="AL37594">
        <v>74</v>
      </c>
      <c r="AM37594">
        <v>73</v>
      </c>
      <c r="AN37594">
        <v>73</v>
      </c>
      <c r="AO37594">
        <v>73</v>
      </c>
      <c r="AP37594">
        <v>73</v>
      </c>
      <c r="AQ37594">
        <v>72</v>
      </c>
    </row>
    <row r="37595" spans="1:43">
      <c r="A37595" t="s">
        <v>23305</v>
      </c>
      <c r="B37595" t="s">
        <v>23306</v>
      </c>
      <c r="C37595" t="s">
        <v>23307</v>
      </c>
      <c r="D37595" t="s">
        <v>23308</v>
      </c>
      <c r="E37595" t="s">
        <v>23145</v>
      </c>
      <c r="F37595" t="s">
        <v>23146</v>
      </c>
      <c r="G37595" t="s">
        <v>11612</v>
      </c>
      <c r="H37595" t="s">
        <v>11613</v>
      </c>
      <c r="I37595" s="2">
        <v>0</v>
      </c>
      <c r="J37595" s="2">
        <v>0</v>
      </c>
      <c r="K37595" s="2">
        <v>1</v>
      </c>
      <c r="L37595" t="s">
        <v>995</v>
      </c>
      <c r="M37595" t="s">
        <v>87</v>
      </c>
      <c r="N37595" t="s">
        <v>88</v>
      </c>
      <c r="O37595" t="s">
        <v>85</v>
      </c>
      <c r="P37595" t="s">
        <v>86</v>
      </c>
      <c r="Q37595">
        <v>63</v>
      </c>
      <c r="R37595">
        <v>63</v>
      </c>
      <c r="S37595">
        <v>63</v>
      </c>
      <c r="T37595">
        <v>63</v>
      </c>
      <c r="U37595">
        <v>63</v>
      </c>
      <c r="V37595">
        <v>63</v>
      </c>
      <c r="W37595">
        <v>63</v>
      </c>
      <c r="X37595">
        <v>63</v>
      </c>
      <c r="Y37595">
        <v>63</v>
      </c>
      <c r="Z37595">
        <v>63</v>
      </c>
      <c r="AA37595">
        <v>63</v>
      </c>
      <c r="AB37595">
        <v>63</v>
      </c>
      <c r="AC37595">
        <v>63</v>
      </c>
      <c r="AD37595">
        <v>63</v>
      </c>
      <c r="AE37595">
        <v>63</v>
      </c>
      <c r="AF37595">
        <v>63</v>
      </c>
      <c r="AG37595">
        <v>63</v>
      </c>
      <c r="AH37595">
        <v>63</v>
      </c>
      <c r="AI37595">
        <v>63</v>
      </c>
      <c r="AJ37595">
        <v>63</v>
      </c>
      <c r="AK37595">
        <v>63</v>
      </c>
      <c r="AL37595">
        <v>63</v>
      </c>
      <c r="AM37595">
        <v>63</v>
      </c>
      <c r="AN37595">
        <v>63</v>
      </c>
      <c r="AO37595">
        <v>63</v>
      </c>
      <c r="AP37595">
        <v>63</v>
      </c>
      <c r="AQ37595">
        <v>63</v>
      </c>
    </row>
    <row r="37596" spans="1:43">
      <c r="A37596" t="s">
        <v>23305</v>
      </c>
      <c r="B37596" t="s">
        <v>23306</v>
      </c>
      <c r="C37596" t="s">
        <v>23307</v>
      </c>
      <c r="D37596" t="s">
        <v>23308</v>
      </c>
      <c r="E37596" t="s">
        <v>23145</v>
      </c>
      <c r="F37596" t="s">
        <v>23146</v>
      </c>
      <c r="G37596" t="s">
        <v>11612</v>
      </c>
      <c r="H37596" t="s">
        <v>11613</v>
      </c>
      <c r="I37596" s="2">
        <v>0</v>
      </c>
      <c r="J37596" s="2">
        <v>0</v>
      </c>
      <c r="K37596" s="2">
        <v>1</v>
      </c>
      <c r="L37596" t="s">
        <v>995</v>
      </c>
      <c r="M37596" t="s">
        <v>89</v>
      </c>
      <c r="N37596" t="s">
        <v>90</v>
      </c>
      <c r="O37596" t="s">
        <v>85</v>
      </c>
      <c r="P37596" t="s">
        <v>86</v>
      </c>
      <c r="Q37596">
        <v>63</v>
      </c>
      <c r="R37596">
        <v>64</v>
      </c>
      <c r="S37596">
        <v>65</v>
      </c>
      <c r="T37596">
        <v>66</v>
      </c>
      <c r="U37596">
        <v>67</v>
      </c>
      <c r="V37596">
        <v>68</v>
      </c>
      <c r="W37596">
        <v>69</v>
      </c>
      <c r="X37596">
        <v>70</v>
      </c>
      <c r="Y37596">
        <v>71</v>
      </c>
      <c r="Z37596">
        <v>72</v>
      </c>
      <c r="AA37596">
        <v>73</v>
      </c>
      <c r="AB37596">
        <v>73</v>
      </c>
      <c r="AC37596">
        <v>74</v>
      </c>
      <c r="AD37596">
        <v>75</v>
      </c>
      <c r="AE37596">
        <v>75</v>
      </c>
      <c r="AF37596">
        <v>75</v>
      </c>
      <c r="AG37596">
        <v>75</v>
      </c>
      <c r="AH37596">
        <v>74</v>
      </c>
      <c r="AI37596">
        <v>74</v>
      </c>
      <c r="AJ37596">
        <v>74</v>
      </c>
      <c r="AK37596">
        <v>74</v>
      </c>
      <c r="AL37596">
        <v>73</v>
      </c>
      <c r="AM37596">
        <v>73</v>
      </c>
      <c r="AN37596">
        <v>73</v>
      </c>
      <c r="AO37596">
        <v>73</v>
      </c>
      <c r="AP37596">
        <v>72</v>
      </c>
      <c r="AQ37596">
        <v>72</v>
      </c>
    </row>
    <row r="37597" spans="1:43">
      <c r="A37597" t="s">
        <v>23305</v>
      </c>
      <c r="B37597" t="s">
        <v>23306</v>
      </c>
      <c r="C37597" t="s">
        <v>23307</v>
      </c>
      <c r="D37597" t="s">
        <v>23308</v>
      </c>
      <c r="E37597" t="s">
        <v>23145</v>
      </c>
      <c r="F37597" t="s">
        <v>23146</v>
      </c>
      <c r="G37597" t="s">
        <v>11612</v>
      </c>
      <c r="H37597" t="s">
        <v>11613</v>
      </c>
      <c r="I37597" s="2">
        <v>0</v>
      </c>
      <c r="J37597" s="2">
        <v>0</v>
      </c>
      <c r="K37597" s="2">
        <v>1</v>
      </c>
      <c r="L37597" t="s">
        <v>995</v>
      </c>
      <c r="M37597" t="s">
        <v>83</v>
      </c>
      <c r="N37597" t="s">
        <v>91</v>
      </c>
      <c r="O37597" t="s">
        <v>85</v>
      </c>
      <c r="P37597" t="s">
        <v>86</v>
      </c>
      <c r="Q37597">
        <v>63</v>
      </c>
      <c r="R37597">
        <v>64</v>
      </c>
      <c r="S37597">
        <v>65</v>
      </c>
      <c r="T37597">
        <v>65</v>
      </c>
      <c r="U37597">
        <v>66</v>
      </c>
      <c r="V37597">
        <v>66</v>
      </c>
      <c r="W37597">
        <v>67</v>
      </c>
      <c r="X37597">
        <v>68</v>
      </c>
      <c r="Y37597">
        <v>68</v>
      </c>
      <c r="Z37597">
        <v>69</v>
      </c>
      <c r="AA37597">
        <v>69</v>
      </c>
      <c r="AB37597">
        <v>70</v>
      </c>
      <c r="AC37597">
        <v>70</v>
      </c>
      <c r="AD37597">
        <v>71</v>
      </c>
      <c r="AE37597">
        <v>71</v>
      </c>
      <c r="AF37597">
        <v>72</v>
      </c>
      <c r="AG37597">
        <v>72</v>
      </c>
      <c r="AH37597">
        <v>72</v>
      </c>
      <c r="AI37597">
        <v>73</v>
      </c>
      <c r="AJ37597">
        <v>73</v>
      </c>
      <c r="AK37597">
        <v>74</v>
      </c>
      <c r="AL37597">
        <v>74</v>
      </c>
      <c r="AM37597">
        <v>73</v>
      </c>
      <c r="AN37597">
        <v>73</v>
      </c>
      <c r="AO37597">
        <v>73</v>
      </c>
      <c r="AP37597">
        <v>73</v>
      </c>
      <c r="AQ37597">
        <v>72</v>
      </c>
    </row>
    <row r="37598" spans="1:43">
      <c r="A37598" t="s">
        <v>23309</v>
      </c>
      <c r="B37598" t="s">
        <v>23310</v>
      </c>
      <c r="C37598" t="s">
        <v>23307</v>
      </c>
      <c r="D37598" t="s">
        <v>23308</v>
      </c>
      <c r="E37598" t="s">
        <v>23145</v>
      </c>
      <c r="F37598" t="s">
        <v>23146</v>
      </c>
      <c r="G37598" t="s">
        <v>11612</v>
      </c>
      <c r="H37598" t="s">
        <v>11613</v>
      </c>
      <c r="I37598" s="2">
        <v>0</v>
      </c>
      <c r="J37598" s="2">
        <v>0</v>
      </c>
      <c r="K37598" s="2">
        <v>1</v>
      </c>
      <c r="L37598" t="s">
        <v>995</v>
      </c>
      <c r="M37598" t="s">
        <v>83</v>
      </c>
      <c r="N37598" t="s">
        <v>84</v>
      </c>
      <c r="O37598" t="s">
        <v>85</v>
      </c>
      <c r="P37598" t="s">
        <v>86</v>
      </c>
      <c r="Q37598">
        <v>36</v>
      </c>
      <c r="R37598">
        <v>37</v>
      </c>
      <c r="S37598">
        <v>37</v>
      </c>
      <c r="T37598">
        <v>37</v>
      </c>
      <c r="U37598">
        <v>38</v>
      </c>
      <c r="V37598">
        <v>38</v>
      </c>
      <c r="W37598">
        <v>38</v>
      </c>
      <c r="X37598">
        <v>39</v>
      </c>
      <c r="Y37598">
        <v>39</v>
      </c>
      <c r="Z37598">
        <v>39</v>
      </c>
      <c r="AA37598">
        <v>40</v>
      </c>
      <c r="AB37598">
        <v>40</v>
      </c>
      <c r="AC37598">
        <v>40</v>
      </c>
      <c r="AD37598">
        <v>41</v>
      </c>
      <c r="AE37598">
        <v>41</v>
      </c>
      <c r="AF37598">
        <v>41</v>
      </c>
      <c r="AG37598">
        <v>41</v>
      </c>
      <c r="AH37598">
        <v>41</v>
      </c>
      <c r="AI37598">
        <v>42</v>
      </c>
      <c r="AJ37598">
        <v>42</v>
      </c>
      <c r="AK37598">
        <v>42</v>
      </c>
      <c r="AL37598">
        <v>42</v>
      </c>
      <c r="AM37598">
        <v>42</v>
      </c>
      <c r="AN37598">
        <v>42</v>
      </c>
      <c r="AO37598">
        <v>42</v>
      </c>
      <c r="AP37598">
        <v>41</v>
      </c>
      <c r="AQ37598">
        <v>41</v>
      </c>
    </row>
    <row r="37599" spans="1:43">
      <c r="A37599" t="s">
        <v>23309</v>
      </c>
      <c r="B37599" t="s">
        <v>23310</v>
      </c>
      <c r="C37599" t="s">
        <v>23307</v>
      </c>
      <c r="D37599" t="s">
        <v>23308</v>
      </c>
      <c r="E37599" t="s">
        <v>23145</v>
      </c>
      <c r="F37599" t="s">
        <v>23146</v>
      </c>
      <c r="G37599" t="s">
        <v>11612</v>
      </c>
      <c r="H37599" t="s">
        <v>11613</v>
      </c>
      <c r="I37599" s="2">
        <v>0</v>
      </c>
      <c r="J37599" s="2">
        <v>0</v>
      </c>
      <c r="K37599" s="2">
        <v>1</v>
      </c>
      <c r="L37599" t="s">
        <v>995</v>
      </c>
      <c r="M37599" t="s">
        <v>87</v>
      </c>
      <c r="N37599" t="s">
        <v>88</v>
      </c>
      <c r="O37599" t="s">
        <v>85</v>
      </c>
      <c r="P37599" t="s">
        <v>86</v>
      </c>
      <c r="Q37599">
        <v>36</v>
      </c>
      <c r="R37599">
        <v>36</v>
      </c>
      <c r="S37599">
        <v>36</v>
      </c>
      <c r="T37599">
        <v>36</v>
      </c>
      <c r="U37599">
        <v>36</v>
      </c>
      <c r="V37599">
        <v>36</v>
      </c>
      <c r="W37599">
        <v>36</v>
      </c>
      <c r="X37599">
        <v>36</v>
      </c>
      <c r="Y37599">
        <v>36</v>
      </c>
      <c r="Z37599">
        <v>36</v>
      </c>
      <c r="AA37599">
        <v>36</v>
      </c>
      <c r="AB37599">
        <v>36</v>
      </c>
      <c r="AC37599">
        <v>36</v>
      </c>
      <c r="AD37599">
        <v>36</v>
      </c>
      <c r="AE37599">
        <v>36</v>
      </c>
      <c r="AF37599">
        <v>36</v>
      </c>
      <c r="AG37599">
        <v>36</v>
      </c>
      <c r="AH37599">
        <v>36</v>
      </c>
      <c r="AI37599">
        <v>36</v>
      </c>
      <c r="AJ37599">
        <v>36</v>
      </c>
      <c r="AK37599">
        <v>36</v>
      </c>
      <c r="AL37599">
        <v>36</v>
      </c>
      <c r="AM37599">
        <v>36</v>
      </c>
      <c r="AN37599">
        <v>36</v>
      </c>
      <c r="AO37599">
        <v>36</v>
      </c>
      <c r="AP37599">
        <v>36</v>
      </c>
      <c r="AQ37599">
        <v>36</v>
      </c>
    </row>
    <row r="37600" spans="1:43">
      <c r="A37600" t="s">
        <v>23309</v>
      </c>
      <c r="B37600" t="s">
        <v>23310</v>
      </c>
      <c r="C37600" t="s">
        <v>23307</v>
      </c>
      <c r="D37600" t="s">
        <v>23308</v>
      </c>
      <c r="E37600" t="s">
        <v>23145</v>
      </c>
      <c r="F37600" t="s">
        <v>23146</v>
      </c>
      <c r="G37600" t="s">
        <v>11612</v>
      </c>
      <c r="H37600" t="s">
        <v>11613</v>
      </c>
      <c r="I37600" s="2">
        <v>0</v>
      </c>
      <c r="J37600" s="2">
        <v>0</v>
      </c>
      <c r="K37600" s="2">
        <v>1</v>
      </c>
      <c r="L37600" t="s">
        <v>995</v>
      </c>
      <c r="M37600" t="s">
        <v>89</v>
      </c>
      <c r="N37600" t="s">
        <v>90</v>
      </c>
      <c r="O37600" t="s">
        <v>85</v>
      </c>
      <c r="P37600" t="s">
        <v>86</v>
      </c>
      <c r="Q37600">
        <v>36</v>
      </c>
      <c r="R37600">
        <v>36</v>
      </c>
      <c r="S37600">
        <v>37</v>
      </c>
      <c r="T37600">
        <v>38</v>
      </c>
      <c r="U37600">
        <v>38</v>
      </c>
      <c r="V37600">
        <v>39</v>
      </c>
      <c r="W37600">
        <v>39</v>
      </c>
      <c r="X37600">
        <v>40</v>
      </c>
      <c r="Y37600">
        <v>40</v>
      </c>
      <c r="Z37600">
        <v>41</v>
      </c>
      <c r="AA37600">
        <v>41</v>
      </c>
      <c r="AB37600">
        <v>42</v>
      </c>
      <c r="AC37600">
        <v>42</v>
      </c>
      <c r="AD37600">
        <v>42</v>
      </c>
      <c r="AE37600">
        <v>43</v>
      </c>
      <c r="AF37600">
        <v>42</v>
      </c>
      <c r="AG37600">
        <v>42</v>
      </c>
      <c r="AH37600">
        <v>42</v>
      </c>
      <c r="AI37600">
        <v>42</v>
      </c>
      <c r="AJ37600">
        <v>42</v>
      </c>
      <c r="AK37600">
        <v>42</v>
      </c>
      <c r="AL37600">
        <v>42</v>
      </c>
      <c r="AM37600">
        <v>41</v>
      </c>
      <c r="AN37600">
        <v>41</v>
      </c>
      <c r="AO37600">
        <v>41</v>
      </c>
      <c r="AP37600">
        <v>41</v>
      </c>
      <c r="AQ37600">
        <v>41</v>
      </c>
    </row>
    <row r="37601" spans="1:43">
      <c r="A37601" t="s">
        <v>23309</v>
      </c>
      <c r="B37601" t="s">
        <v>23310</v>
      </c>
      <c r="C37601" t="s">
        <v>23307</v>
      </c>
      <c r="D37601" t="s">
        <v>23308</v>
      </c>
      <c r="E37601" t="s">
        <v>23145</v>
      </c>
      <c r="F37601" t="s">
        <v>23146</v>
      </c>
      <c r="G37601" t="s">
        <v>11612</v>
      </c>
      <c r="H37601" t="s">
        <v>11613</v>
      </c>
      <c r="I37601" s="2">
        <v>0</v>
      </c>
      <c r="J37601" s="2">
        <v>0</v>
      </c>
      <c r="K37601" s="2">
        <v>1</v>
      </c>
      <c r="L37601" t="s">
        <v>995</v>
      </c>
      <c r="M37601" t="s">
        <v>83</v>
      </c>
      <c r="N37601" t="s">
        <v>91</v>
      </c>
      <c r="O37601" t="s">
        <v>85</v>
      </c>
      <c r="P37601" t="s">
        <v>86</v>
      </c>
      <c r="Q37601">
        <v>36</v>
      </c>
      <c r="R37601">
        <v>37</v>
      </c>
      <c r="S37601">
        <v>37</v>
      </c>
      <c r="T37601">
        <v>37</v>
      </c>
      <c r="U37601">
        <v>38</v>
      </c>
      <c r="V37601">
        <v>38</v>
      </c>
      <c r="W37601">
        <v>38</v>
      </c>
      <c r="X37601">
        <v>39</v>
      </c>
      <c r="Y37601">
        <v>39</v>
      </c>
      <c r="Z37601">
        <v>39</v>
      </c>
      <c r="AA37601">
        <v>40</v>
      </c>
      <c r="AB37601">
        <v>40</v>
      </c>
      <c r="AC37601">
        <v>40</v>
      </c>
      <c r="AD37601">
        <v>41</v>
      </c>
      <c r="AE37601">
        <v>41</v>
      </c>
      <c r="AF37601">
        <v>41</v>
      </c>
      <c r="AG37601">
        <v>41</v>
      </c>
      <c r="AH37601">
        <v>41</v>
      </c>
      <c r="AI37601">
        <v>42</v>
      </c>
      <c r="AJ37601">
        <v>42</v>
      </c>
      <c r="AK37601">
        <v>42</v>
      </c>
      <c r="AL37601">
        <v>42</v>
      </c>
      <c r="AM37601">
        <v>42</v>
      </c>
      <c r="AN37601">
        <v>42</v>
      </c>
      <c r="AO37601">
        <v>42</v>
      </c>
      <c r="AP37601">
        <v>41</v>
      </c>
      <c r="AQ37601">
        <v>41</v>
      </c>
    </row>
    <row r="37602" spans="1:43">
      <c r="A37602" t="s">
        <v>23311</v>
      </c>
      <c r="B37602" t="s">
        <v>23312</v>
      </c>
      <c r="C37602" t="s">
        <v>23227</v>
      </c>
      <c r="D37602" t="s">
        <v>23228</v>
      </c>
      <c r="E37602" t="s">
        <v>23145</v>
      </c>
      <c r="F37602" t="s">
        <v>23146</v>
      </c>
      <c r="G37602" t="s">
        <v>11612</v>
      </c>
      <c r="H37602" t="s">
        <v>11613</v>
      </c>
      <c r="I37602" s="2">
        <v>0</v>
      </c>
      <c r="J37602" s="2">
        <v>0</v>
      </c>
      <c r="K37602" s="2">
        <v>1</v>
      </c>
      <c r="L37602" t="s">
        <v>995</v>
      </c>
      <c r="M37602" t="s">
        <v>83</v>
      </c>
      <c r="N37602" t="s">
        <v>84</v>
      </c>
      <c r="O37602" t="s">
        <v>85</v>
      </c>
      <c r="P37602" t="s">
        <v>86</v>
      </c>
      <c r="Q37602">
        <v>32</v>
      </c>
      <c r="R37602">
        <v>32</v>
      </c>
      <c r="S37602">
        <v>32</v>
      </c>
      <c r="T37602">
        <v>33</v>
      </c>
      <c r="U37602">
        <v>33</v>
      </c>
      <c r="V37602">
        <v>33</v>
      </c>
      <c r="W37602">
        <v>34</v>
      </c>
      <c r="X37602">
        <v>34</v>
      </c>
      <c r="Y37602">
        <v>34</v>
      </c>
      <c r="Z37602">
        <v>34</v>
      </c>
      <c r="AA37602">
        <v>35</v>
      </c>
      <c r="AB37602">
        <v>35</v>
      </c>
      <c r="AC37602">
        <v>35</v>
      </c>
      <c r="AD37602">
        <v>35</v>
      </c>
      <c r="AE37602">
        <v>36</v>
      </c>
      <c r="AF37602">
        <v>36</v>
      </c>
      <c r="AG37602">
        <v>36</v>
      </c>
      <c r="AH37602">
        <v>36</v>
      </c>
      <c r="AI37602">
        <v>37</v>
      </c>
      <c r="AJ37602">
        <v>37</v>
      </c>
      <c r="AK37602">
        <v>37</v>
      </c>
      <c r="AL37602">
        <v>37</v>
      </c>
      <c r="AM37602">
        <v>37</v>
      </c>
      <c r="AN37602">
        <v>37</v>
      </c>
      <c r="AO37602">
        <v>37</v>
      </c>
      <c r="AP37602">
        <v>36</v>
      </c>
      <c r="AQ37602">
        <v>36</v>
      </c>
    </row>
    <row r="37603" spans="1:43">
      <c r="A37603" t="s">
        <v>23311</v>
      </c>
      <c r="B37603" t="s">
        <v>23312</v>
      </c>
      <c r="C37603" t="s">
        <v>23227</v>
      </c>
      <c r="D37603" t="s">
        <v>23228</v>
      </c>
      <c r="E37603" t="s">
        <v>23145</v>
      </c>
      <c r="F37603" t="s">
        <v>23146</v>
      </c>
      <c r="G37603" t="s">
        <v>11612</v>
      </c>
      <c r="H37603" t="s">
        <v>11613</v>
      </c>
      <c r="I37603" s="2">
        <v>0</v>
      </c>
      <c r="J37603" s="2">
        <v>0</v>
      </c>
      <c r="K37603" s="2">
        <v>1</v>
      </c>
      <c r="L37603" t="s">
        <v>995</v>
      </c>
      <c r="M37603" t="s">
        <v>87</v>
      </c>
      <c r="N37603" t="s">
        <v>88</v>
      </c>
      <c r="O37603" t="s">
        <v>85</v>
      </c>
      <c r="P37603" t="s">
        <v>86</v>
      </c>
      <c r="Q37603">
        <v>32</v>
      </c>
      <c r="R37603">
        <v>32</v>
      </c>
      <c r="S37603">
        <v>32</v>
      </c>
      <c r="T37603">
        <v>32</v>
      </c>
      <c r="U37603">
        <v>32</v>
      </c>
      <c r="V37603">
        <v>32</v>
      </c>
      <c r="W37603">
        <v>32</v>
      </c>
      <c r="X37603">
        <v>32</v>
      </c>
      <c r="Y37603">
        <v>32</v>
      </c>
      <c r="Z37603">
        <v>32</v>
      </c>
      <c r="AA37603">
        <v>32</v>
      </c>
      <c r="AB37603">
        <v>32</v>
      </c>
      <c r="AC37603">
        <v>32</v>
      </c>
      <c r="AD37603">
        <v>32</v>
      </c>
      <c r="AE37603">
        <v>32</v>
      </c>
      <c r="AF37603">
        <v>32</v>
      </c>
      <c r="AG37603">
        <v>32</v>
      </c>
      <c r="AH37603">
        <v>32</v>
      </c>
      <c r="AI37603">
        <v>32</v>
      </c>
      <c r="AJ37603">
        <v>31</v>
      </c>
      <c r="AK37603">
        <v>31</v>
      </c>
      <c r="AL37603">
        <v>31</v>
      </c>
      <c r="AM37603">
        <v>31</v>
      </c>
      <c r="AN37603">
        <v>31</v>
      </c>
      <c r="AO37603">
        <v>31</v>
      </c>
      <c r="AP37603">
        <v>31</v>
      </c>
      <c r="AQ37603">
        <v>31</v>
      </c>
    </row>
    <row r="37604" spans="1:43">
      <c r="A37604" t="s">
        <v>23311</v>
      </c>
      <c r="B37604" t="s">
        <v>23312</v>
      </c>
      <c r="C37604" t="s">
        <v>23227</v>
      </c>
      <c r="D37604" t="s">
        <v>23228</v>
      </c>
      <c r="E37604" t="s">
        <v>23145</v>
      </c>
      <c r="F37604" t="s">
        <v>23146</v>
      </c>
      <c r="G37604" t="s">
        <v>11612</v>
      </c>
      <c r="H37604" t="s">
        <v>11613</v>
      </c>
      <c r="I37604" s="2">
        <v>0</v>
      </c>
      <c r="J37604" s="2">
        <v>0</v>
      </c>
      <c r="K37604" s="2">
        <v>1</v>
      </c>
      <c r="L37604" t="s">
        <v>995</v>
      </c>
      <c r="M37604" t="s">
        <v>89</v>
      </c>
      <c r="N37604" t="s">
        <v>90</v>
      </c>
      <c r="O37604" t="s">
        <v>85</v>
      </c>
      <c r="P37604" t="s">
        <v>86</v>
      </c>
      <c r="Q37604">
        <v>32</v>
      </c>
      <c r="R37604">
        <v>33</v>
      </c>
      <c r="S37604">
        <v>33</v>
      </c>
      <c r="T37604">
        <v>34</v>
      </c>
      <c r="U37604">
        <v>34</v>
      </c>
      <c r="V37604">
        <v>35</v>
      </c>
      <c r="W37604">
        <v>35</v>
      </c>
      <c r="X37604">
        <v>36</v>
      </c>
      <c r="Y37604">
        <v>36</v>
      </c>
      <c r="Z37604">
        <v>37</v>
      </c>
      <c r="AA37604">
        <v>37</v>
      </c>
      <c r="AB37604">
        <v>37</v>
      </c>
      <c r="AC37604">
        <v>38</v>
      </c>
      <c r="AD37604">
        <v>38</v>
      </c>
      <c r="AE37604">
        <v>38</v>
      </c>
      <c r="AF37604">
        <v>38</v>
      </c>
      <c r="AG37604">
        <v>38</v>
      </c>
      <c r="AH37604">
        <v>38</v>
      </c>
      <c r="AI37604">
        <v>38</v>
      </c>
      <c r="AJ37604">
        <v>38</v>
      </c>
      <c r="AK37604">
        <v>37</v>
      </c>
      <c r="AL37604">
        <v>37</v>
      </c>
      <c r="AM37604">
        <v>37</v>
      </c>
      <c r="AN37604">
        <v>37</v>
      </c>
      <c r="AO37604">
        <v>37</v>
      </c>
      <c r="AP37604">
        <v>37</v>
      </c>
      <c r="AQ37604">
        <v>37</v>
      </c>
    </row>
    <row r="37605" spans="1:43">
      <c r="A37605" t="s">
        <v>23311</v>
      </c>
      <c r="B37605" t="s">
        <v>23312</v>
      </c>
      <c r="C37605" t="s">
        <v>23227</v>
      </c>
      <c r="D37605" t="s">
        <v>23228</v>
      </c>
      <c r="E37605" t="s">
        <v>23145</v>
      </c>
      <c r="F37605" t="s">
        <v>23146</v>
      </c>
      <c r="G37605" t="s">
        <v>11612</v>
      </c>
      <c r="H37605" t="s">
        <v>11613</v>
      </c>
      <c r="I37605" s="2">
        <v>0</v>
      </c>
      <c r="J37605" s="2">
        <v>0</v>
      </c>
      <c r="K37605" s="2">
        <v>1</v>
      </c>
      <c r="L37605" t="s">
        <v>995</v>
      </c>
      <c r="M37605" t="s">
        <v>83</v>
      </c>
      <c r="N37605" t="s">
        <v>91</v>
      </c>
      <c r="O37605" t="s">
        <v>85</v>
      </c>
      <c r="P37605" t="s">
        <v>86</v>
      </c>
      <c r="Q37605">
        <v>32</v>
      </c>
      <c r="R37605">
        <v>32</v>
      </c>
      <c r="S37605">
        <v>32</v>
      </c>
      <c r="T37605">
        <v>33</v>
      </c>
      <c r="U37605">
        <v>33</v>
      </c>
      <c r="V37605">
        <v>33</v>
      </c>
      <c r="W37605">
        <v>34</v>
      </c>
      <c r="X37605">
        <v>34</v>
      </c>
      <c r="Y37605">
        <v>34</v>
      </c>
      <c r="Z37605">
        <v>34</v>
      </c>
      <c r="AA37605">
        <v>35</v>
      </c>
      <c r="AB37605">
        <v>35</v>
      </c>
      <c r="AC37605">
        <v>35</v>
      </c>
      <c r="AD37605">
        <v>35</v>
      </c>
      <c r="AE37605">
        <v>36</v>
      </c>
      <c r="AF37605">
        <v>36</v>
      </c>
      <c r="AG37605">
        <v>36</v>
      </c>
      <c r="AH37605">
        <v>36</v>
      </c>
      <c r="AI37605">
        <v>37</v>
      </c>
      <c r="AJ37605">
        <v>37</v>
      </c>
      <c r="AK37605">
        <v>37</v>
      </c>
      <c r="AL37605">
        <v>37</v>
      </c>
      <c r="AM37605">
        <v>37</v>
      </c>
      <c r="AN37605">
        <v>37</v>
      </c>
      <c r="AO37605">
        <v>37</v>
      </c>
      <c r="AP37605">
        <v>36</v>
      </c>
      <c r="AQ37605">
        <v>36</v>
      </c>
    </row>
    <row r="37606" spans="1:43">
      <c r="A37606" t="s">
        <v>23313</v>
      </c>
      <c r="B37606" t="s">
        <v>23314</v>
      </c>
      <c r="C37606" t="s">
        <v>23227</v>
      </c>
      <c r="D37606" t="s">
        <v>23228</v>
      </c>
      <c r="E37606" t="s">
        <v>23145</v>
      </c>
      <c r="F37606" t="s">
        <v>23146</v>
      </c>
      <c r="G37606" t="s">
        <v>11612</v>
      </c>
      <c r="H37606" t="s">
        <v>11613</v>
      </c>
      <c r="I37606" s="2">
        <v>0</v>
      </c>
      <c r="J37606" s="2">
        <v>0</v>
      </c>
      <c r="K37606" s="2">
        <v>1</v>
      </c>
      <c r="L37606" t="s">
        <v>995</v>
      </c>
      <c r="M37606" t="s">
        <v>83</v>
      </c>
      <c r="N37606" t="s">
        <v>84</v>
      </c>
      <c r="O37606" t="s">
        <v>85</v>
      </c>
      <c r="P37606" t="s">
        <v>86</v>
      </c>
      <c r="Q37606">
        <v>24</v>
      </c>
      <c r="R37606">
        <v>25</v>
      </c>
      <c r="S37606">
        <v>25</v>
      </c>
      <c r="T37606">
        <v>25</v>
      </c>
      <c r="U37606">
        <v>25</v>
      </c>
      <c r="V37606">
        <v>25</v>
      </c>
      <c r="W37606">
        <v>26</v>
      </c>
      <c r="X37606">
        <v>26</v>
      </c>
      <c r="Y37606">
        <v>26</v>
      </c>
      <c r="Z37606">
        <v>26</v>
      </c>
      <c r="AA37606">
        <v>26</v>
      </c>
      <c r="AB37606">
        <v>27</v>
      </c>
      <c r="AC37606">
        <v>27</v>
      </c>
      <c r="AD37606">
        <v>27</v>
      </c>
      <c r="AE37606">
        <v>27</v>
      </c>
      <c r="AF37606">
        <v>27</v>
      </c>
      <c r="AG37606">
        <v>28</v>
      </c>
      <c r="AH37606">
        <v>28</v>
      </c>
      <c r="AI37606">
        <v>28</v>
      </c>
      <c r="AJ37606">
        <v>28</v>
      </c>
      <c r="AK37606">
        <v>28</v>
      </c>
      <c r="AL37606">
        <v>28</v>
      </c>
      <c r="AM37606">
        <v>28</v>
      </c>
      <c r="AN37606">
        <v>28</v>
      </c>
      <c r="AO37606">
        <v>28</v>
      </c>
      <c r="AP37606">
        <v>28</v>
      </c>
      <c r="AQ37606">
        <v>28</v>
      </c>
    </row>
    <row r="37607" spans="1:43">
      <c r="A37607" t="s">
        <v>23313</v>
      </c>
      <c r="B37607" t="s">
        <v>23314</v>
      </c>
      <c r="C37607" t="s">
        <v>23227</v>
      </c>
      <c r="D37607" t="s">
        <v>23228</v>
      </c>
      <c r="E37607" t="s">
        <v>23145</v>
      </c>
      <c r="F37607" t="s">
        <v>23146</v>
      </c>
      <c r="G37607" t="s">
        <v>11612</v>
      </c>
      <c r="H37607" t="s">
        <v>11613</v>
      </c>
      <c r="I37607" s="2">
        <v>0</v>
      </c>
      <c r="J37607" s="2">
        <v>0</v>
      </c>
      <c r="K37607" s="2">
        <v>1</v>
      </c>
      <c r="L37607" t="s">
        <v>995</v>
      </c>
      <c r="M37607" t="s">
        <v>87</v>
      </c>
      <c r="N37607" t="s">
        <v>88</v>
      </c>
      <c r="O37607" t="s">
        <v>85</v>
      </c>
      <c r="P37607" t="s">
        <v>86</v>
      </c>
      <c r="Q37607">
        <v>24</v>
      </c>
      <c r="R37607">
        <v>24</v>
      </c>
      <c r="S37607">
        <v>24</v>
      </c>
      <c r="T37607">
        <v>24</v>
      </c>
      <c r="U37607">
        <v>24</v>
      </c>
      <c r="V37607">
        <v>24</v>
      </c>
      <c r="W37607">
        <v>24</v>
      </c>
      <c r="X37607">
        <v>24</v>
      </c>
      <c r="Y37607">
        <v>24</v>
      </c>
      <c r="Z37607">
        <v>24</v>
      </c>
      <c r="AA37607">
        <v>24</v>
      </c>
      <c r="AB37607">
        <v>24</v>
      </c>
      <c r="AC37607">
        <v>24</v>
      </c>
      <c r="AD37607">
        <v>24</v>
      </c>
      <c r="AE37607">
        <v>24</v>
      </c>
      <c r="AF37607">
        <v>24</v>
      </c>
      <c r="AG37607">
        <v>24</v>
      </c>
      <c r="AH37607">
        <v>24</v>
      </c>
      <c r="AI37607">
        <v>24</v>
      </c>
      <c r="AJ37607">
        <v>24</v>
      </c>
      <c r="AK37607">
        <v>24</v>
      </c>
      <c r="AL37607">
        <v>24</v>
      </c>
      <c r="AM37607">
        <v>24</v>
      </c>
      <c r="AN37607">
        <v>24</v>
      </c>
      <c r="AO37607">
        <v>24</v>
      </c>
      <c r="AP37607">
        <v>24</v>
      </c>
      <c r="AQ37607">
        <v>24</v>
      </c>
    </row>
    <row r="37608" spans="1:43">
      <c r="A37608" t="s">
        <v>23313</v>
      </c>
      <c r="B37608" t="s">
        <v>23314</v>
      </c>
      <c r="C37608" t="s">
        <v>23227</v>
      </c>
      <c r="D37608" t="s">
        <v>23228</v>
      </c>
      <c r="E37608" t="s">
        <v>23145</v>
      </c>
      <c r="F37608" t="s">
        <v>23146</v>
      </c>
      <c r="G37608" t="s">
        <v>11612</v>
      </c>
      <c r="H37608" t="s">
        <v>11613</v>
      </c>
      <c r="I37608" s="2">
        <v>0</v>
      </c>
      <c r="J37608" s="2">
        <v>0</v>
      </c>
      <c r="K37608" s="2">
        <v>1</v>
      </c>
      <c r="L37608" t="s">
        <v>995</v>
      </c>
      <c r="M37608" t="s">
        <v>89</v>
      </c>
      <c r="N37608" t="s">
        <v>90</v>
      </c>
      <c r="O37608" t="s">
        <v>85</v>
      </c>
      <c r="P37608" t="s">
        <v>86</v>
      </c>
      <c r="Q37608">
        <v>24</v>
      </c>
      <c r="R37608">
        <v>25</v>
      </c>
      <c r="S37608">
        <v>25</v>
      </c>
      <c r="T37608">
        <v>26</v>
      </c>
      <c r="U37608">
        <v>26</v>
      </c>
      <c r="V37608">
        <v>27</v>
      </c>
      <c r="W37608">
        <v>27</v>
      </c>
      <c r="X37608">
        <v>27</v>
      </c>
      <c r="Y37608">
        <v>28</v>
      </c>
      <c r="Z37608">
        <v>28</v>
      </c>
      <c r="AA37608">
        <v>28</v>
      </c>
      <c r="AB37608">
        <v>28</v>
      </c>
      <c r="AC37608">
        <v>29</v>
      </c>
      <c r="AD37608">
        <v>29</v>
      </c>
      <c r="AE37608">
        <v>29</v>
      </c>
      <c r="AF37608">
        <v>29</v>
      </c>
      <c r="AG37608">
        <v>29</v>
      </c>
      <c r="AH37608">
        <v>29</v>
      </c>
      <c r="AI37608">
        <v>29</v>
      </c>
      <c r="AJ37608">
        <v>29</v>
      </c>
      <c r="AK37608">
        <v>29</v>
      </c>
      <c r="AL37608">
        <v>28</v>
      </c>
      <c r="AM37608">
        <v>28</v>
      </c>
      <c r="AN37608">
        <v>28</v>
      </c>
      <c r="AO37608">
        <v>28</v>
      </c>
      <c r="AP37608">
        <v>28</v>
      </c>
      <c r="AQ37608">
        <v>28</v>
      </c>
    </row>
    <row r="37609" spans="1:43">
      <c r="A37609" t="s">
        <v>23313</v>
      </c>
      <c r="B37609" t="s">
        <v>23314</v>
      </c>
      <c r="C37609" t="s">
        <v>23227</v>
      </c>
      <c r="D37609" t="s">
        <v>23228</v>
      </c>
      <c r="E37609" t="s">
        <v>23145</v>
      </c>
      <c r="F37609" t="s">
        <v>23146</v>
      </c>
      <c r="G37609" t="s">
        <v>11612</v>
      </c>
      <c r="H37609" t="s">
        <v>11613</v>
      </c>
      <c r="I37609" s="2">
        <v>0</v>
      </c>
      <c r="J37609" s="2">
        <v>0</v>
      </c>
      <c r="K37609" s="2">
        <v>1</v>
      </c>
      <c r="L37609" t="s">
        <v>995</v>
      </c>
      <c r="M37609" t="s">
        <v>83</v>
      </c>
      <c r="N37609" t="s">
        <v>91</v>
      </c>
      <c r="O37609" t="s">
        <v>85</v>
      </c>
      <c r="P37609" t="s">
        <v>86</v>
      </c>
      <c r="Q37609">
        <v>24</v>
      </c>
      <c r="R37609">
        <v>25</v>
      </c>
      <c r="S37609">
        <v>25</v>
      </c>
      <c r="T37609">
        <v>25</v>
      </c>
      <c r="U37609">
        <v>25</v>
      </c>
      <c r="V37609">
        <v>25</v>
      </c>
      <c r="W37609">
        <v>26</v>
      </c>
      <c r="X37609">
        <v>26</v>
      </c>
      <c r="Y37609">
        <v>26</v>
      </c>
      <c r="Z37609">
        <v>26</v>
      </c>
      <c r="AA37609">
        <v>26</v>
      </c>
      <c r="AB37609">
        <v>27</v>
      </c>
      <c r="AC37609">
        <v>27</v>
      </c>
      <c r="AD37609">
        <v>27</v>
      </c>
      <c r="AE37609">
        <v>27</v>
      </c>
      <c r="AF37609">
        <v>27</v>
      </c>
      <c r="AG37609">
        <v>28</v>
      </c>
      <c r="AH37609">
        <v>28</v>
      </c>
      <c r="AI37609">
        <v>28</v>
      </c>
      <c r="AJ37609">
        <v>28</v>
      </c>
      <c r="AK37609">
        <v>28</v>
      </c>
      <c r="AL37609">
        <v>28</v>
      </c>
      <c r="AM37609">
        <v>28</v>
      </c>
      <c r="AN37609">
        <v>28</v>
      </c>
      <c r="AO37609">
        <v>28</v>
      </c>
      <c r="AP37609">
        <v>28</v>
      </c>
      <c r="AQ37609">
        <v>28</v>
      </c>
    </row>
    <row r="37610" spans="1:43">
      <c r="A37610" t="s">
        <v>23315</v>
      </c>
      <c r="B37610" t="s">
        <v>23316</v>
      </c>
      <c r="C37610" t="s">
        <v>23307</v>
      </c>
      <c r="D37610" t="s">
        <v>23308</v>
      </c>
      <c r="E37610" t="s">
        <v>23145</v>
      </c>
      <c r="F37610" t="s">
        <v>23146</v>
      </c>
      <c r="G37610" t="s">
        <v>11612</v>
      </c>
      <c r="H37610" t="s">
        <v>11613</v>
      </c>
      <c r="I37610" s="2">
        <v>0</v>
      </c>
      <c r="J37610" s="2">
        <v>0</v>
      </c>
      <c r="K37610" s="2">
        <v>1</v>
      </c>
      <c r="L37610" t="s">
        <v>995</v>
      </c>
      <c r="M37610" t="s">
        <v>83</v>
      </c>
      <c r="N37610" t="s">
        <v>84</v>
      </c>
      <c r="O37610" t="s">
        <v>85</v>
      </c>
      <c r="P37610" t="s">
        <v>86</v>
      </c>
      <c r="Q37610">
        <v>18</v>
      </c>
      <c r="R37610">
        <v>19</v>
      </c>
      <c r="S37610">
        <v>19</v>
      </c>
      <c r="T37610">
        <v>19</v>
      </c>
      <c r="U37610">
        <v>19</v>
      </c>
      <c r="V37610">
        <v>19</v>
      </c>
      <c r="W37610">
        <v>19</v>
      </c>
      <c r="X37610">
        <v>20</v>
      </c>
      <c r="Y37610">
        <v>20</v>
      </c>
      <c r="Z37610">
        <v>20</v>
      </c>
      <c r="AA37610">
        <v>20</v>
      </c>
      <c r="AB37610">
        <v>20</v>
      </c>
      <c r="AC37610">
        <v>20</v>
      </c>
      <c r="AD37610">
        <v>21</v>
      </c>
      <c r="AE37610">
        <v>21</v>
      </c>
      <c r="AF37610">
        <v>21</v>
      </c>
      <c r="AG37610">
        <v>21</v>
      </c>
      <c r="AH37610">
        <v>21</v>
      </c>
      <c r="AI37610">
        <v>21</v>
      </c>
      <c r="AJ37610">
        <v>21</v>
      </c>
      <c r="AK37610">
        <v>21</v>
      </c>
      <c r="AL37610">
        <v>21</v>
      </c>
      <c r="AM37610">
        <v>21</v>
      </c>
      <c r="AN37610">
        <v>21</v>
      </c>
      <c r="AO37610">
        <v>21</v>
      </c>
      <c r="AP37610">
        <v>21</v>
      </c>
      <c r="AQ37610">
        <v>21</v>
      </c>
    </row>
    <row r="37611" spans="1:43">
      <c r="A37611" t="s">
        <v>23315</v>
      </c>
      <c r="B37611" t="s">
        <v>23316</v>
      </c>
      <c r="C37611" t="s">
        <v>23307</v>
      </c>
      <c r="D37611" t="s">
        <v>23308</v>
      </c>
      <c r="E37611" t="s">
        <v>23145</v>
      </c>
      <c r="F37611" t="s">
        <v>23146</v>
      </c>
      <c r="G37611" t="s">
        <v>11612</v>
      </c>
      <c r="H37611" t="s">
        <v>11613</v>
      </c>
      <c r="I37611" s="2">
        <v>0</v>
      </c>
      <c r="J37611" s="2">
        <v>0</v>
      </c>
      <c r="K37611" s="2">
        <v>1</v>
      </c>
      <c r="L37611" t="s">
        <v>995</v>
      </c>
      <c r="M37611" t="s">
        <v>87</v>
      </c>
      <c r="N37611" t="s">
        <v>88</v>
      </c>
      <c r="O37611" t="s">
        <v>85</v>
      </c>
      <c r="P37611" t="s">
        <v>86</v>
      </c>
      <c r="Q37611">
        <v>18</v>
      </c>
      <c r="R37611">
        <v>18</v>
      </c>
      <c r="S37611">
        <v>18</v>
      </c>
      <c r="T37611">
        <v>18</v>
      </c>
      <c r="U37611">
        <v>18</v>
      </c>
      <c r="V37611">
        <v>18</v>
      </c>
      <c r="W37611">
        <v>18</v>
      </c>
      <c r="X37611">
        <v>18</v>
      </c>
      <c r="Y37611">
        <v>18</v>
      </c>
      <c r="Z37611">
        <v>18</v>
      </c>
      <c r="AA37611">
        <v>18</v>
      </c>
      <c r="AB37611">
        <v>18</v>
      </c>
      <c r="AC37611">
        <v>18</v>
      </c>
      <c r="AD37611">
        <v>18</v>
      </c>
      <c r="AE37611">
        <v>18</v>
      </c>
      <c r="AF37611">
        <v>18</v>
      </c>
      <c r="AG37611">
        <v>18</v>
      </c>
      <c r="AH37611">
        <v>18</v>
      </c>
      <c r="AI37611">
        <v>18</v>
      </c>
      <c r="AJ37611">
        <v>18</v>
      </c>
      <c r="AK37611">
        <v>18</v>
      </c>
      <c r="AL37611">
        <v>18</v>
      </c>
      <c r="AM37611">
        <v>18</v>
      </c>
      <c r="AN37611">
        <v>18</v>
      </c>
      <c r="AO37611">
        <v>18</v>
      </c>
      <c r="AP37611">
        <v>18</v>
      </c>
      <c r="AQ37611">
        <v>18</v>
      </c>
    </row>
    <row r="37612" spans="1:43">
      <c r="A37612" t="s">
        <v>23315</v>
      </c>
      <c r="B37612" t="s">
        <v>23316</v>
      </c>
      <c r="C37612" t="s">
        <v>23307</v>
      </c>
      <c r="D37612" t="s">
        <v>23308</v>
      </c>
      <c r="E37612" t="s">
        <v>23145</v>
      </c>
      <c r="F37612" t="s">
        <v>23146</v>
      </c>
      <c r="G37612" t="s">
        <v>11612</v>
      </c>
      <c r="H37612" t="s">
        <v>11613</v>
      </c>
      <c r="I37612" s="2">
        <v>0</v>
      </c>
      <c r="J37612" s="2">
        <v>0</v>
      </c>
      <c r="K37612" s="2">
        <v>1</v>
      </c>
      <c r="L37612" t="s">
        <v>995</v>
      </c>
      <c r="M37612" t="s">
        <v>89</v>
      </c>
      <c r="N37612" t="s">
        <v>90</v>
      </c>
      <c r="O37612" t="s">
        <v>85</v>
      </c>
      <c r="P37612" t="s">
        <v>86</v>
      </c>
      <c r="Q37612">
        <v>18</v>
      </c>
      <c r="R37612">
        <v>18</v>
      </c>
      <c r="S37612">
        <v>18</v>
      </c>
      <c r="T37612">
        <v>19</v>
      </c>
      <c r="U37612">
        <v>19</v>
      </c>
      <c r="V37612">
        <v>19</v>
      </c>
      <c r="W37612">
        <v>19</v>
      </c>
      <c r="X37612">
        <v>20</v>
      </c>
      <c r="Y37612">
        <v>20</v>
      </c>
      <c r="Z37612">
        <v>20</v>
      </c>
      <c r="AA37612">
        <v>20</v>
      </c>
      <c r="AB37612">
        <v>21</v>
      </c>
      <c r="AC37612">
        <v>21</v>
      </c>
      <c r="AD37612">
        <v>21</v>
      </c>
      <c r="AE37612">
        <v>21</v>
      </c>
      <c r="AF37612">
        <v>21</v>
      </c>
      <c r="AG37612">
        <v>21</v>
      </c>
      <c r="AH37612">
        <v>21</v>
      </c>
      <c r="AI37612">
        <v>21</v>
      </c>
      <c r="AJ37612">
        <v>21</v>
      </c>
      <c r="AK37612">
        <v>21</v>
      </c>
      <c r="AL37612">
        <v>21</v>
      </c>
      <c r="AM37612">
        <v>21</v>
      </c>
      <c r="AN37612">
        <v>20</v>
      </c>
      <c r="AO37612">
        <v>20</v>
      </c>
      <c r="AP37612">
        <v>20</v>
      </c>
      <c r="AQ37612">
        <v>20</v>
      </c>
    </row>
    <row r="37613" spans="1:43">
      <c r="A37613" t="s">
        <v>23315</v>
      </c>
      <c r="B37613" t="s">
        <v>23316</v>
      </c>
      <c r="C37613" t="s">
        <v>23307</v>
      </c>
      <c r="D37613" t="s">
        <v>23308</v>
      </c>
      <c r="E37613" t="s">
        <v>23145</v>
      </c>
      <c r="F37613" t="s">
        <v>23146</v>
      </c>
      <c r="G37613" t="s">
        <v>11612</v>
      </c>
      <c r="H37613" t="s">
        <v>11613</v>
      </c>
      <c r="I37613" s="2">
        <v>0</v>
      </c>
      <c r="J37613" s="2">
        <v>0</v>
      </c>
      <c r="K37613" s="2">
        <v>1</v>
      </c>
      <c r="L37613" t="s">
        <v>995</v>
      </c>
      <c r="M37613" t="s">
        <v>83</v>
      </c>
      <c r="N37613" t="s">
        <v>91</v>
      </c>
      <c r="O37613" t="s">
        <v>85</v>
      </c>
      <c r="P37613" t="s">
        <v>86</v>
      </c>
      <c r="Q37613">
        <v>18</v>
      </c>
      <c r="R37613">
        <v>19</v>
      </c>
      <c r="S37613">
        <v>19</v>
      </c>
      <c r="T37613">
        <v>19</v>
      </c>
      <c r="U37613">
        <v>19</v>
      </c>
      <c r="V37613">
        <v>19</v>
      </c>
      <c r="W37613">
        <v>19</v>
      </c>
      <c r="X37613">
        <v>20</v>
      </c>
      <c r="Y37613">
        <v>20</v>
      </c>
      <c r="Z37613">
        <v>20</v>
      </c>
      <c r="AA37613">
        <v>20</v>
      </c>
      <c r="AB37613">
        <v>20</v>
      </c>
      <c r="AC37613">
        <v>20</v>
      </c>
      <c r="AD37613">
        <v>21</v>
      </c>
      <c r="AE37613">
        <v>21</v>
      </c>
      <c r="AF37613">
        <v>21</v>
      </c>
      <c r="AG37613">
        <v>21</v>
      </c>
      <c r="AH37613">
        <v>21</v>
      </c>
      <c r="AI37613">
        <v>21</v>
      </c>
      <c r="AJ37613">
        <v>21</v>
      </c>
      <c r="AK37613">
        <v>21</v>
      </c>
      <c r="AL37613">
        <v>21</v>
      </c>
      <c r="AM37613">
        <v>21</v>
      </c>
      <c r="AN37613">
        <v>21</v>
      </c>
      <c r="AO37613">
        <v>21</v>
      </c>
      <c r="AP37613">
        <v>21</v>
      </c>
      <c r="AQ37613">
        <v>21</v>
      </c>
    </row>
    <row r="37614" spans="1:43">
      <c r="A37614" t="s">
        <v>23317</v>
      </c>
      <c r="B37614" t="s">
        <v>23318</v>
      </c>
      <c r="C37614" t="s">
        <v>23307</v>
      </c>
      <c r="D37614" t="s">
        <v>23308</v>
      </c>
      <c r="E37614" t="s">
        <v>23145</v>
      </c>
      <c r="F37614" t="s">
        <v>23146</v>
      </c>
      <c r="G37614" t="s">
        <v>11612</v>
      </c>
      <c r="H37614" t="s">
        <v>11613</v>
      </c>
      <c r="I37614" s="2">
        <v>0</v>
      </c>
      <c r="J37614" s="2">
        <v>0</v>
      </c>
      <c r="K37614" s="2">
        <v>1</v>
      </c>
      <c r="L37614" t="s">
        <v>995</v>
      </c>
      <c r="M37614" t="s">
        <v>83</v>
      </c>
      <c r="N37614" t="s">
        <v>84</v>
      </c>
      <c r="O37614" t="s">
        <v>85</v>
      </c>
      <c r="P37614" t="s">
        <v>86</v>
      </c>
      <c r="Q37614">
        <v>18</v>
      </c>
      <c r="R37614">
        <v>18</v>
      </c>
      <c r="S37614">
        <v>18</v>
      </c>
      <c r="T37614">
        <v>18</v>
      </c>
      <c r="U37614">
        <v>18</v>
      </c>
      <c r="V37614">
        <v>19</v>
      </c>
      <c r="W37614">
        <v>19</v>
      </c>
      <c r="X37614">
        <v>19</v>
      </c>
      <c r="Y37614">
        <v>19</v>
      </c>
      <c r="Z37614">
        <v>19</v>
      </c>
      <c r="AA37614">
        <v>19</v>
      </c>
      <c r="AB37614">
        <v>19</v>
      </c>
      <c r="AC37614">
        <v>20</v>
      </c>
      <c r="AD37614">
        <v>20</v>
      </c>
      <c r="AE37614">
        <v>20</v>
      </c>
      <c r="AF37614">
        <v>20</v>
      </c>
      <c r="AG37614">
        <v>20</v>
      </c>
      <c r="AH37614">
        <v>20</v>
      </c>
      <c r="AI37614">
        <v>20</v>
      </c>
      <c r="AJ37614">
        <v>20</v>
      </c>
      <c r="AK37614">
        <v>21</v>
      </c>
      <c r="AL37614">
        <v>21</v>
      </c>
      <c r="AM37614">
        <v>20</v>
      </c>
      <c r="AN37614">
        <v>20</v>
      </c>
      <c r="AO37614">
        <v>20</v>
      </c>
      <c r="AP37614">
        <v>20</v>
      </c>
      <c r="AQ37614">
        <v>20</v>
      </c>
    </row>
    <row r="37615" spans="1:43">
      <c r="A37615" t="s">
        <v>23317</v>
      </c>
      <c r="B37615" t="s">
        <v>23318</v>
      </c>
      <c r="C37615" t="s">
        <v>23307</v>
      </c>
      <c r="D37615" t="s">
        <v>23308</v>
      </c>
      <c r="E37615" t="s">
        <v>23145</v>
      </c>
      <c r="F37615" t="s">
        <v>23146</v>
      </c>
      <c r="G37615" t="s">
        <v>11612</v>
      </c>
      <c r="H37615" t="s">
        <v>11613</v>
      </c>
      <c r="I37615" s="2">
        <v>0</v>
      </c>
      <c r="J37615" s="2">
        <v>0</v>
      </c>
      <c r="K37615" s="2">
        <v>1</v>
      </c>
      <c r="L37615" t="s">
        <v>995</v>
      </c>
      <c r="M37615" t="s">
        <v>87</v>
      </c>
      <c r="N37615" t="s">
        <v>88</v>
      </c>
      <c r="O37615" t="s">
        <v>85</v>
      </c>
      <c r="P37615" t="s">
        <v>86</v>
      </c>
      <c r="Q37615">
        <v>18</v>
      </c>
      <c r="R37615">
        <v>18</v>
      </c>
      <c r="S37615">
        <v>18</v>
      </c>
      <c r="T37615">
        <v>18</v>
      </c>
      <c r="U37615">
        <v>18</v>
      </c>
      <c r="V37615">
        <v>18</v>
      </c>
      <c r="W37615">
        <v>18</v>
      </c>
      <c r="X37615">
        <v>18</v>
      </c>
      <c r="Y37615">
        <v>18</v>
      </c>
      <c r="Z37615">
        <v>18</v>
      </c>
      <c r="AA37615">
        <v>18</v>
      </c>
      <c r="AB37615">
        <v>18</v>
      </c>
      <c r="AC37615">
        <v>18</v>
      </c>
      <c r="AD37615">
        <v>18</v>
      </c>
      <c r="AE37615">
        <v>18</v>
      </c>
      <c r="AF37615">
        <v>18</v>
      </c>
      <c r="AG37615">
        <v>18</v>
      </c>
      <c r="AH37615">
        <v>18</v>
      </c>
      <c r="AI37615">
        <v>18</v>
      </c>
      <c r="AJ37615">
        <v>18</v>
      </c>
      <c r="AK37615">
        <v>18</v>
      </c>
      <c r="AL37615">
        <v>17</v>
      </c>
      <c r="AM37615">
        <v>17</v>
      </c>
      <c r="AN37615">
        <v>17</v>
      </c>
      <c r="AO37615">
        <v>17</v>
      </c>
      <c r="AP37615">
        <v>17</v>
      </c>
      <c r="AQ37615">
        <v>17</v>
      </c>
    </row>
    <row r="37616" spans="1:43">
      <c r="A37616" t="s">
        <v>23317</v>
      </c>
      <c r="B37616" t="s">
        <v>23318</v>
      </c>
      <c r="C37616" t="s">
        <v>23307</v>
      </c>
      <c r="D37616" t="s">
        <v>23308</v>
      </c>
      <c r="E37616" t="s">
        <v>23145</v>
      </c>
      <c r="F37616" t="s">
        <v>23146</v>
      </c>
      <c r="G37616" t="s">
        <v>11612</v>
      </c>
      <c r="H37616" t="s">
        <v>11613</v>
      </c>
      <c r="I37616" s="2">
        <v>0</v>
      </c>
      <c r="J37616" s="2">
        <v>0</v>
      </c>
      <c r="K37616" s="2">
        <v>1</v>
      </c>
      <c r="L37616" t="s">
        <v>995</v>
      </c>
      <c r="M37616" t="s">
        <v>89</v>
      </c>
      <c r="N37616" t="s">
        <v>90</v>
      </c>
      <c r="O37616" t="s">
        <v>85</v>
      </c>
      <c r="P37616" t="s">
        <v>86</v>
      </c>
      <c r="Q37616">
        <v>18</v>
      </c>
      <c r="R37616">
        <v>18</v>
      </c>
      <c r="S37616">
        <v>18</v>
      </c>
      <c r="T37616">
        <v>19</v>
      </c>
      <c r="U37616">
        <v>19</v>
      </c>
      <c r="V37616">
        <v>19</v>
      </c>
      <c r="W37616">
        <v>20</v>
      </c>
      <c r="X37616">
        <v>20</v>
      </c>
      <c r="Y37616">
        <v>20</v>
      </c>
      <c r="Z37616">
        <v>20</v>
      </c>
      <c r="AA37616">
        <v>21</v>
      </c>
      <c r="AB37616">
        <v>21</v>
      </c>
      <c r="AC37616">
        <v>21</v>
      </c>
      <c r="AD37616">
        <v>21</v>
      </c>
      <c r="AE37616">
        <v>21</v>
      </c>
      <c r="AF37616">
        <v>21</v>
      </c>
      <c r="AG37616">
        <v>21</v>
      </c>
      <c r="AH37616">
        <v>21</v>
      </c>
      <c r="AI37616">
        <v>21</v>
      </c>
      <c r="AJ37616">
        <v>21</v>
      </c>
      <c r="AK37616">
        <v>21</v>
      </c>
      <c r="AL37616">
        <v>21</v>
      </c>
      <c r="AM37616">
        <v>21</v>
      </c>
      <c r="AN37616">
        <v>21</v>
      </c>
      <c r="AO37616">
        <v>21</v>
      </c>
      <c r="AP37616">
        <v>20</v>
      </c>
      <c r="AQ37616">
        <v>20</v>
      </c>
    </row>
    <row r="37617" spans="1:43">
      <c r="A37617" t="s">
        <v>23317</v>
      </c>
      <c r="B37617" t="s">
        <v>23318</v>
      </c>
      <c r="C37617" t="s">
        <v>23307</v>
      </c>
      <c r="D37617" t="s">
        <v>23308</v>
      </c>
      <c r="E37617" t="s">
        <v>23145</v>
      </c>
      <c r="F37617" t="s">
        <v>23146</v>
      </c>
      <c r="G37617" t="s">
        <v>11612</v>
      </c>
      <c r="H37617" t="s">
        <v>11613</v>
      </c>
      <c r="I37617" s="2">
        <v>0</v>
      </c>
      <c r="J37617" s="2">
        <v>0</v>
      </c>
      <c r="K37617" s="2">
        <v>1</v>
      </c>
      <c r="L37617" t="s">
        <v>995</v>
      </c>
      <c r="M37617" t="s">
        <v>83</v>
      </c>
      <c r="N37617" t="s">
        <v>91</v>
      </c>
      <c r="O37617" t="s">
        <v>85</v>
      </c>
      <c r="P37617" t="s">
        <v>86</v>
      </c>
      <c r="Q37617">
        <v>18</v>
      </c>
      <c r="R37617">
        <v>18</v>
      </c>
      <c r="S37617">
        <v>18</v>
      </c>
      <c r="T37617">
        <v>18</v>
      </c>
      <c r="U37617">
        <v>18</v>
      </c>
      <c r="V37617">
        <v>19</v>
      </c>
      <c r="W37617">
        <v>19</v>
      </c>
      <c r="X37617">
        <v>19</v>
      </c>
      <c r="Y37617">
        <v>19</v>
      </c>
      <c r="Z37617">
        <v>19</v>
      </c>
      <c r="AA37617">
        <v>19</v>
      </c>
      <c r="AB37617">
        <v>19</v>
      </c>
      <c r="AC37617">
        <v>20</v>
      </c>
      <c r="AD37617">
        <v>20</v>
      </c>
      <c r="AE37617">
        <v>20</v>
      </c>
      <c r="AF37617">
        <v>20</v>
      </c>
      <c r="AG37617">
        <v>20</v>
      </c>
      <c r="AH37617">
        <v>20</v>
      </c>
      <c r="AI37617">
        <v>20</v>
      </c>
      <c r="AJ37617">
        <v>20</v>
      </c>
      <c r="AK37617">
        <v>21</v>
      </c>
      <c r="AL37617">
        <v>21</v>
      </c>
      <c r="AM37617">
        <v>20</v>
      </c>
      <c r="AN37617">
        <v>20</v>
      </c>
      <c r="AO37617">
        <v>20</v>
      </c>
      <c r="AP37617">
        <v>20</v>
      </c>
      <c r="AQ37617">
        <v>20</v>
      </c>
    </row>
    <row r="37618" spans="1:43">
      <c r="A37618" t="s">
        <v>23319</v>
      </c>
      <c r="B37618" t="s">
        <v>23320</v>
      </c>
      <c r="C37618" t="s">
        <v>23307</v>
      </c>
      <c r="D37618" t="s">
        <v>23308</v>
      </c>
      <c r="E37618" t="s">
        <v>23145</v>
      </c>
      <c r="F37618" t="s">
        <v>23146</v>
      </c>
      <c r="G37618" t="s">
        <v>11612</v>
      </c>
      <c r="H37618" t="s">
        <v>11613</v>
      </c>
      <c r="I37618" s="2">
        <v>0</v>
      </c>
      <c r="J37618" s="2">
        <v>0</v>
      </c>
      <c r="K37618" s="2">
        <v>1</v>
      </c>
      <c r="L37618" t="s">
        <v>995</v>
      </c>
      <c r="M37618" t="s">
        <v>83</v>
      </c>
      <c r="N37618" t="s">
        <v>84</v>
      </c>
      <c r="O37618" t="s">
        <v>85</v>
      </c>
      <c r="P37618" t="s">
        <v>86</v>
      </c>
      <c r="Q37618">
        <v>16</v>
      </c>
      <c r="R37618">
        <v>16</v>
      </c>
      <c r="S37618">
        <v>16</v>
      </c>
      <c r="T37618">
        <v>16</v>
      </c>
      <c r="U37618">
        <v>16</v>
      </c>
      <c r="V37618">
        <v>16</v>
      </c>
      <c r="W37618">
        <v>16</v>
      </c>
      <c r="X37618">
        <v>17</v>
      </c>
      <c r="Y37618">
        <v>17</v>
      </c>
      <c r="Z37618">
        <v>17</v>
      </c>
      <c r="AA37618">
        <v>17</v>
      </c>
      <c r="AB37618">
        <v>17</v>
      </c>
      <c r="AC37618">
        <v>17</v>
      </c>
      <c r="AD37618">
        <v>17</v>
      </c>
      <c r="AE37618">
        <v>17</v>
      </c>
      <c r="AF37618">
        <v>18</v>
      </c>
      <c r="AG37618">
        <v>18</v>
      </c>
      <c r="AH37618">
        <v>18</v>
      </c>
      <c r="AI37618">
        <v>18</v>
      </c>
      <c r="AJ37618">
        <v>18</v>
      </c>
      <c r="AK37618">
        <v>18</v>
      </c>
      <c r="AL37618">
        <v>18</v>
      </c>
      <c r="AM37618">
        <v>18</v>
      </c>
      <c r="AN37618">
        <v>18</v>
      </c>
      <c r="AO37618">
        <v>18</v>
      </c>
      <c r="AP37618">
        <v>18</v>
      </c>
      <c r="AQ37618">
        <v>18</v>
      </c>
    </row>
    <row r="37619" spans="1:43">
      <c r="A37619" t="s">
        <v>23319</v>
      </c>
      <c r="B37619" t="s">
        <v>23320</v>
      </c>
      <c r="C37619" t="s">
        <v>23307</v>
      </c>
      <c r="D37619" t="s">
        <v>23308</v>
      </c>
      <c r="E37619" t="s">
        <v>23145</v>
      </c>
      <c r="F37619" t="s">
        <v>23146</v>
      </c>
      <c r="G37619" t="s">
        <v>11612</v>
      </c>
      <c r="H37619" t="s">
        <v>11613</v>
      </c>
      <c r="I37619" s="2">
        <v>0</v>
      </c>
      <c r="J37619" s="2">
        <v>0</v>
      </c>
      <c r="K37619" s="2">
        <v>1</v>
      </c>
      <c r="L37619" t="s">
        <v>995</v>
      </c>
      <c r="M37619" t="s">
        <v>87</v>
      </c>
      <c r="N37619" t="s">
        <v>88</v>
      </c>
      <c r="O37619" t="s">
        <v>85</v>
      </c>
      <c r="P37619" t="s">
        <v>86</v>
      </c>
      <c r="Q37619">
        <v>16</v>
      </c>
      <c r="R37619">
        <v>16</v>
      </c>
      <c r="S37619">
        <v>16</v>
      </c>
      <c r="T37619">
        <v>16</v>
      </c>
      <c r="U37619">
        <v>16</v>
      </c>
      <c r="V37619">
        <v>16</v>
      </c>
      <c r="W37619">
        <v>16</v>
      </c>
      <c r="X37619">
        <v>16</v>
      </c>
      <c r="Y37619">
        <v>16</v>
      </c>
      <c r="Z37619">
        <v>16</v>
      </c>
      <c r="AA37619">
        <v>16</v>
      </c>
      <c r="AB37619">
        <v>16</v>
      </c>
      <c r="AC37619">
        <v>16</v>
      </c>
      <c r="AD37619">
        <v>16</v>
      </c>
      <c r="AE37619">
        <v>16</v>
      </c>
      <c r="AF37619">
        <v>16</v>
      </c>
      <c r="AG37619">
        <v>16</v>
      </c>
      <c r="AH37619">
        <v>16</v>
      </c>
      <c r="AI37619">
        <v>16</v>
      </c>
      <c r="AJ37619">
        <v>16</v>
      </c>
      <c r="AK37619">
        <v>16</v>
      </c>
      <c r="AL37619">
        <v>16</v>
      </c>
      <c r="AM37619">
        <v>16</v>
      </c>
      <c r="AN37619">
        <v>16</v>
      </c>
      <c r="AO37619">
        <v>16</v>
      </c>
      <c r="AP37619">
        <v>16</v>
      </c>
      <c r="AQ37619">
        <v>16</v>
      </c>
    </row>
    <row r="37620" spans="1:43">
      <c r="A37620" t="s">
        <v>23319</v>
      </c>
      <c r="B37620" t="s">
        <v>23320</v>
      </c>
      <c r="C37620" t="s">
        <v>23307</v>
      </c>
      <c r="D37620" t="s">
        <v>23308</v>
      </c>
      <c r="E37620" t="s">
        <v>23145</v>
      </c>
      <c r="F37620" t="s">
        <v>23146</v>
      </c>
      <c r="G37620" t="s">
        <v>11612</v>
      </c>
      <c r="H37620" t="s">
        <v>11613</v>
      </c>
      <c r="I37620" s="2">
        <v>0</v>
      </c>
      <c r="J37620" s="2">
        <v>0</v>
      </c>
      <c r="K37620" s="2">
        <v>1</v>
      </c>
      <c r="L37620" t="s">
        <v>995</v>
      </c>
      <c r="M37620" t="s">
        <v>89</v>
      </c>
      <c r="N37620" t="s">
        <v>90</v>
      </c>
      <c r="O37620" t="s">
        <v>85</v>
      </c>
      <c r="P37620" t="s">
        <v>86</v>
      </c>
      <c r="Q37620">
        <v>16</v>
      </c>
      <c r="R37620">
        <v>16</v>
      </c>
      <c r="S37620">
        <v>16</v>
      </c>
      <c r="T37620">
        <v>17</v>
      </c>
      <c r="U37620">
        <v>17</v>
      </c>
      <c r="V37620">
        <v>17</v>
      </c>
      <c r="W37620">
        <v>17</v>
      </c>
      <c r="X37620">
        <v>18</v>
      </c>
      <c r="Y37620">
        <v>18</v>
      </c>
      <c r="Z37620">
        <v>18</v>
      </c>
      <c r="AA37620">
        <v>18</v>
      </c>
      <c r="AB37620">
        <v>18</v>
      </c>
      <c r="AC37620">
        <v>19</v>
      </c>
      <c r="AD37620">
        <v>19</v>
      </c>
      <c r="AE37620">
        <v>19</v>
      </c>
      <c r="AF37620">
        <v>19</v>
      </c>
      <c r="AG37620">
        <v>19</v>
      </c>
      <c r="AH37620">
        <v>19</v>
      </c>
      <c r="AI37620">
        <v>19</v>
      </c>
      <c r="AJ37620">
        <v>19</v>
      </c>
      <c r="AK37620">
        <v>18</v>
      </c>
      <c r="AL37620">
        <v>18</v>
      </c>
      <c r="AM37620">
        <v>18</v>
      </c>
      <c r="AN37620">
        <v>18</v>
      </c>
      <c r="AO37620">
        <v>18</v>
      </c>
      <c r="AP37620">
        <v>18</v>
      </c>
      <c r="AQ37620">
        <v>18</v>
      </c>
    </row>
    <row r="37621" spans="1:43">
      <c r="A37621" t="s">
        <v>23319</v>
      </c>
      <c r="B37621" t="s">
        <v>23320</v>
      </c>
      <c r="C37621" t="s">
        <v>23307</v>
      </c>
      <c r="D37621" t="s">
        <v>23308</v>
      </c>
      <c r="E37621" t="s">
        <v>23145</v>
      </c>
      <c r="F37621" t="s">
        <v>23146</v>
      </c>
      <c r="G37621" t="s">
        <v>11612</v>
      </c>
      <c r="H37621" t="s">
        <v>11613</v>
      </c>
      <c r="I37621" s="2">
        <v>0</v>
      </c>
      <c r="J37621" s="2">
        <v>0</v>
      </c>
      <c r="K37621" s="2">
        <v>1</v>
      </c>
      <c r="L37621" t="s">
        <v>995</v>
      </c>
      <c r="M37621" t="s">
        <v>83</v>
      </c>
      <c r="N37621" t="s">
        <v>91</v>
      </c>
      <c r="O37621" t="s">
        <v>85</v>
      </c>
      <c r="P37621" t="s">
        <v>86</v>
      </c>
      <c r="Q37621">
        <v>16</v>
      </c>
      <c r="R37621">
        <v>16</v>
      </c>
      <c r="S37621">
        <v>16</v>
      </c>
      <c r="T37621">
        <v>16</v>
      </c>
      <c r="U37621">
        <v>16</v>
      </c>
      <c r="V37621">
        <v>16</v>
      </c>
      <c r="W37621">
        <v>16</v>
      </c>
      <c r="X37621">
        <v>17</v>
      </c>
      <c r="Y37621">
        <v>17</v>
      </c>
      <c r="Z37621">
        <v>17</v>
      </c>
      <c r="AA37621">
        <v>17</v>
      </c>
      <c r="AB37621">
        <v>17</v>
      </c>
      <c r="AC37621">
        <v>17</v>
      </c>
      <c r="AD37621">
        <v>17</v>
      </c>
      <c r="AE37621">
        <v>17</v>
      </c>
      <c r="AF37621">
        <v>18</v>
      </c>
      <c r="AG37621">
        <v>18</v>
      </c>
      <c r="AH37621">
        <v>18</v>
      </c>
      <c r="AI37621">
        <v>18</v>
      </c>
      <c r="AJ37621">
        <v>18</v>
      </c>
      <c r="AK37621">
        <v>18</v>
      </c>
      <c r="AL37621">
        <v>18</v>
      </c>
      <c r="AM37621">
        <v>18</v>
      </c>
      <c r="AN37621">
        <v>18</v>
      </c>
      <c r="AO37621">
        <v>18</v>
      </c>
      <c r="AP37621">
        <v>18</v>
      </c>
      <c r="AQ37621">
        <v>18</v>
      </c>
    </row>
    <row r="37622" spans="1:43">
      <c r="A37622" t="s">
        <v>23321</v>
      </c>
      <c r="B37622" t="s">
        <v>23322</v>
      </c>
      <c r="C37622" t="s">
        <v>23323</v>
      </c>
      <c r="D37622" t="s">
        <v>23324</v>
      </c>
      <c r="E37622" t="s">
        <v>23145</v>
      </c>
      <c r="F37622" t="s">
        <v>23146</v>
      </c>
      <c r="G37622" t="s">
        <v>11612</v>
      </c>
      <c r="H37622" t="s">
        <v>11613</v>
      </c>
      <c r="I37622" s="2">
        <v>0</v>
      </c>
      <c r="J37622" s="2">
        <v>0</v>
      </c>
      <c r="K37622" s="2">
        <v>1</v>
      </c>
      <c r="L37622" t="s">
        <v>995</v>
      </c>
      <c r="M37622" t="s">
        <v>83</v>
      </c>
      <c r="N37622" t="s">
        <v>84</v>
      </c>
      <c r="O37622" t="s">
        <v>85</v>
      </c>
      <c r="P37622" t="s">
        <v>86</v>
      </c>
      <c r="Q37622">
        <v>33</v>
      </c>
      <c r="R37622">
        <v>34</v>
      </c>
      <c r="S37622">
        <v>34</v>
      </c>
      <c r="T37622">
        <v>34</v>
      </c>
      <c r="U37622">
        <v>35</v>
      </c>
      <c r="V37622">
        <v>35</v>
      </c>
      <c r="W37622">
        <v>35</v>
      </c>
      <c r="X37622">
        <v>36</v>
      </c>
      <c r="Y37622">
        <v>36</v>
      </c>
      <c r="Z37622">
        <v>36</v>
      </c>
      <c r="AA37622">
        <v>36</v>
      </c>
      <c r="AB37622">
        <v>37</v>
      </c>
      <c r="AC37622">
        <v>37</v>
      </c>
      <c r="AD37622">
        <v>37</v>
      </c>
      <c r="AE37622">
        <v>37</v>
      </c>
      <c r="AF37622">
        <v>38</v>
      </c>
      <c r="AG37622">
        <v>38</v>
      </c>
      <c r="AH37622">
        <v>38</v>
      </c>
      <c r="AI37622">
        <v>38</v>
      </c>
      <c r="AJ37622">
        <v>39</v>
      </c>
      <c r="AK37622">
        <v>39</v>
      </c>
      <c r="AL37622">
        <v>39</v>
      </c>
      <c r="AM37622">
        <v>39</v>
      </c>
      <c r="AN37622">
        <v>38</v>
      </c>
      <c r="AO37622">
        <v>38</v>
      </c>
      <c r="AP37622">
        <v>38</v>
      </c>
      <c r="AQ37622">
        <v>38</v>
      </c>
    </row>
    <row r="37623" spans="1:43">
      <c r="A37623" t="s">
        <v>23321</v>
      </c>
      <c r="B37623" t="s">
        <v>23322</v>
      </c>
      <c r="C37623" t="s">
        <v>23323</v>
      </c>
      <c r="D37623" t="s">
        <v>23324</v>
      </c>
      <c r="E37623" t="s">
        <v>23145</v>
      </c>
      <c r="F37623" t="s">
        <v>23146</v>
      </c>
      <c r="G37623" t="s">
        <v>11612</v>
      </c>
      <c r="H37623" t="s">
        <v>11613</v>
      </c>
      <c r="I37623" s="2">
        <v>0</v>
      </c>
      <c r="J37623" s="2">
        <v>0</v>
      </c>
      <c r="K37623" s="2">
        <v>1</v>
      </c>
      <c r="L37623" t="s">
        <v>995</v>
      </c>
      <c r="M37623" t="s">
        <v>87</v>
      </c>
      <c r="N37623" t="s">
        <v>88</v>
      </c>
      <c r="O37623" t="s">
        <v>85</v>
      </c>
      <c r="P37623" t="s">
        <v>86</v>
      </c>
      <c r="Q37623">
        <v>33</v>
      </c>
      <c r="R37623">
        <v>33</v>
      </c>
      <c r="S37623">
        <v>33</v>
      </c>
      <c r="T37623">
        <v>33</v>
      </c>
      <c r="U37623">
        <v>33</v>
      </c>
      <c r="V37623">
        <v>33</v>
      </c>
      <c r="W37623">
        <v>33</v>
      </c>
      <c r="X37623">
        <v>33</v>
      </c>
      <c r="Y37623">
        <v>33</v>
      </c>
      <c r="Z37623">
        <v>33</v>
      </c>
      <c r="AA37623">
        <v>33</v>
      </c>
      <c r="AB37623">
        <v>33</v>
      </c>
      <c r="AC37623">
        <v>33</v>
      </c>
      <c r="AD37623">
        <v>33</v>
      </c>
      <c r="AE37623">
        <v>33</v>
      </c>
      <c r="AF37623">
        <v>33</v>
      </c>
      <c r="AG37623">
        <v>33</v>
      </c>
      <c r="AH37623">
        <v>33</v>
      </c>
      <c r="AI37623">
        <v>33</v>
      </c>
      <c r="AJ37623">
        <v>33</v>
      </c>
      <c r="AK37623">
        <v>33</v>
      </c>
      <c r="AL37623">
        <v>33</v>
      </c>
      <c r="AM37623">
        <v>33</v>
      </c>
      <c r="AN37623">
        <v>33</v>
      </c>
      <c r="AO37623">
        <v>33</v>
      </c>
      <c r="AP37623">
        <v>33</v>
      </c>
      <c r="AQ37623">
        <v>33</v>
      </c>
    </row>
    <row r="37624" spans="1:43">
      <c r="A37624" t="s">
        <v>23321</v>
      </c>
      <c r="B37624" t="s">
        <v>23322</v>
      </c>
      <c r="C37624" t="s">
        <v>23323</v>
      </c>
      <c r="D37624" t="s">
        <v>23324</v>
      </c>
      <c r="E37624" t="s">
        <v>23145</v>
      </c>
      <c r="F37624" t="s">
        <v>23146</v>
      </c>
      <c r="G37624" t="s">
        <v>11612</v>
      </c>
      <c r="H37624" t="s">
        <v>11613</v>
      </c>
      <c r="I37624" s="2">
        <v>0</v>
      </c>
      <c r="J37624" s="2">
        <v>0</v>
      </c>
      <c r="K37624" s="2">
        <v>1</v>
      </c>
      <c r="L37624" t="s">
        <v>995</v>
      </c>
      <c r="M37624" t="s">
        <v>89</v>
      </c>
      <c r="N37624" t="s">
        <v>90</v>
      </c>
      <c r="O37624" t="s">
        <v>85</v>
      </c>
      <c r="P37624" t="s">
        <v>86</v>
      </c>
      <c r="Q37624">
        <v>33</v>
      </c>
      <c r="R37624">
        <v>33</v>
      </c>
      <c r="S37624">
        <v>34</v>
      </c>
      <c r="T37624">
        <v>35</v>
      </c>
      <c r="U37624">
        <v>35</v>
      </c>
      <c r="V37624">
        <v>36</v>
      </c>
      <c r="W37624">
        <v>36</v>
      </c>
      <c r="X37624">
        <v>37</v>
      </c>
      <c r="Y37624">
        <v>37</v>
      </c>
      <c r="Z37624">
        <v>37</v>
      </c>
      <c r="AA37624">
        <v>38</v>
      </c>
      <c r="AB37624">
        <v>38</v>
      </c>
      <c r="AC37624">
        <v>39</v>
      </c>
      <c r="AD37624">
        <v>39</v>
      </c>
      <c r="AE37624">
        <v>39</v>
      </c>
      <c r="AF37624">
        <v>39</v>
      </c>
      <c r="AG37624">
        <v>39</v>
      </c>
      <c r="AH37624">
        <v>39</v>
      </c>
      <c r="AI37624">
        <v>39</v>
      </c>
      <c r="AJ37624">
        <v>38</v>
      </c>
      <c r="AK37624">
        <v>38</v>
      </c>
      <c r="AL37624">
        <v>38</v>
      </c>
      <c r="AM37624">
        <v>38</v>
      </c>
      <c r="AN37624">
        <v>38</v>
      </c>
      <c r="AO37624">
        <v>38</v>
      </c>
      <c r="AP37624">
        <v>37</v>
      </c>
      <c r="AQ37624">
        <v>37</v>
      </c>
    </row>
    <row r="37625" spans="1:43">
      <c r="A37625" t="s">
        <v>23321</v>
      </c>
      <c r="B37625" t="s">
        <v>23322</v>
      </c>
      <c r="C37625" t="s">
        <v>23323</v>
      </c>
      <c r="D37625" t="s">
        <v>23324</v>
      </c>
      <c r="E37625" t="s">
        <v>23145</v>
      </c>
      <c r="F37625" t="s">
        <v>23146</v>
      </c>
      <c r="G37625" t="s">
        <v>11612</v>
      </c>
      <c r="H37625" t="s">
        <v>11613</v>
      </c>
      <c r="I37625" s="2">
        <v>0</v>
      </c>
      <c r="J37625" s="2">
        <v>0</v>
      </c>
      <c r="K37625" s="2">
        <v>1</v>
      </c>
      <c r="L37625" t="s">
        <v>995</v>
      </c>
      <c r="M37625" t="s">
        <v>83</v>
      </c>
      <c r="N37625" t="s">
        <v>91</v>
      </c>
      <c r="O37625" t="s">
        <v>85</v>
      </c>
      <c r="P37625" t="s">
        <v>86</v>
      </c>
      <c r="Q37625">
        <v>33</v>
      </c>
      <c r="R37625">
        <v>34</v>
      </c>
      <c r="S37625">
        <v>34</v>
      </c>
      <c r="T37625">
        <v>34</v>
      </c>
      <c r="U37625">
        <v>35</v>
      </c>
      <c r="V37625">
        <v>35</v>
      </c>
      <c r="W37625">
        <v>35</v>
      </c>
      <c r="X37625">
        <v>36</v>
      </c>
      <c r="Y37625">
        <v>36</v>
      </c>
      <c r="Z37625">
        <v>36</v>
      </c>
      <c r="AA37625">
        <v>36</v>
      </c>
      <c r="AB37625">
        <v>37</v>
      </c>
      <c r="AC37625">
        <v>37</v>
      </c>
      <c r="AD37625">
        <v>37</v>
      </c>
      <c r="AE37625">
        <v>37</v>
      </c>
      <c r="AF37625">
        <v>38</v>
      </c>
      <c r="AG37625">
        <v>38</v>
      </c>
      <c r="AH37625">
        <v>38</v>
      </c>
      <c r="AI37625">
        <v>38</v>
      </c>
      <c r="AJ37625">
        <v>39</v>
      </c>
      <c r="AK37625">
        <v>39</v>
      </c>
      <c r="AL37625">
        <v>39</v>
      </c>
      <c r="AM37625">
        <v>39</v>
      </c>
      <c r="AN37625">
        <v>38</v>
      </c>
      <c r="AO37625">
        <v>38</v>
      </c>
      <c r="AP37625">
        <v>38</v>
      </c>
      <c r="AQ37625">
        <v>38</v>
      </c>
    </row>
    <row r="37626" spans="1:43">
      <c r="A37626" t="s">
        <v>23325</v>
      </c>
      <c r="B37626" t="s">
        <v>23326</v>
      </c>
      <c r="C37626" t="s">
        <v>23323</v>
      </c>
      <c r="D37626" t="s">
        <v>23324</v>
      </c>
      <c r="E37626" t="s">
        <v>23145</v>
      </c>
      <c r="F37626" t="s">
        <v>23146</v>
      </c>
      <c r="G37626" t="s">
        <v>11612</v>
      </c>
      <c r="H37626" t="s">
        <v>11613</v>
      </c>
      <c r="I37626" s="2">
        <v>0</v>
      </c>
      <c r="J37626" s="2">
        <v>0</v>
      </c>
      <c r="K37626" s="2">
        <v>1</v>
      </c>
      <c r="L37626" t="s">
        <v>995</v>
      </c>
      <c r="M37626" t="s">
        <v>83</v>
      </c>
      <c r="N37626" t="s">
        <v>84</v>
      </c>
      <c r="O37626" t="s">
        <v>85</v>
      </c>
      <c r="P37626" t="s">
        <v>86</v>
      </c>
      <c r="Q37626">
        <v>4</v>
      </c>
      <c r="R37626">
        <v>4</v>
      </c>
      <c r="S37626">
        <v>4</v>
      </c>
      <c r="T37626">
        <v>4</v>
      </c>
      <c r="U37626">
        <v>5</v>
      </c>
      <c r="V37626">
        <v>5</v>
      </c>
      <c r="W37626">
        <v>5</v>
      </c>
      <c r="X37626">
        <v>5</v>
      </c>
      <c r="Y37626">
        <v>5</v>
      </c>
      <c r="Z37626">
        <v>5</v>
      </c>
      <c r="AA37626">
        <v>5</v>
      </c>
      <c r="AB37626">
        <v>5</v>
      </c>
      <c r="AC37626">
        <v>5</v>
      </c>
      <c r="AD37626">
        <v>5</v>
      </c>
      <c r="AE37626">
        <v>5</v>
      </c>
      <c r="AF37626">
        <v>5</v>
      </c>
      <c r="AG37626">
        <v>5</v>
      </c>
      <c r="AH37626">
        <v>5</v>
      </c>
      <c r="AI37626">
        <v>5</v>
      </c>
      <c r="AJ37626">
        <v>5</v>
      </c>
      <c r="AK37626">
        <v>5</v>
      </c>
      <c r="AL37626">
        <v>5</v>
      </c>
      <c r="AM37626">
        <v>5</v>
      </c>
      <c r="AN37626">
        <v>5</v>
      </c>
      <c r="AO37626">
        <v>5</v>
      </c>
      <c r="AP37626">
        <v>5</v>
      </c>
      <c r="AQ37626">
        <v>5</v>
      </c>
    </row>
    <row r="37627" spans="1:43">
      <c r="A37627" t="s">
        <v>23325</v>
      </c>
      <c r="B37627" t="s">
        <v>23326</v>
      </c>
      <c r="C37627" t="s">
        <v>23323</v>
      </c>
      <c r="D37627" t="s">
        <v>23324</v>
      </c>
      <c r="E37627" t="s">
        <v>23145</v>
      </c>
      <c r="F37627" t="s">
        <v>23146</v>
      </c>
      <c r="G37627" t="s">
        <v>11612</v>
      </c>
      <c r="H37627" t="s">
        <v>11613</v>
      </c>
      <c r="I37627" s="2">
        <v>0</v>
      </c>
      <c r="J37627" s="2">
        <v>0</v>
      </c>
      <c r="K37627" s="2">
        <v>1</v>
      </c>
      <c r="L37627" t="s">
        <v>995</v>
      </c>
      <c r="M37627" t="s">
        <v>87</v>
      </c>
      <c r="N37627" t="s">
        <v>88</v>
      </c>
      <c r="O37627" t="s">
        <v>85</v>
      </c>
      <c r="P37627" t="s">
        <v>86</v>
      </c>
      <c r="Q37627">
        <v>4</v>
      </c>
      <c r="R37627">
        <v>4</v>
      </c>
      <c r="S37627">
        <v>4</v>
      </c>
      <c r="T37627">
        <v>4</v>
      </c>
      <c r="U37627">
        <v>4</v>
      </c>
      <c r="V37627">
        <v>4</v>
      </c>
      <c r="W37627">
        <v>4</v>
      </c>
      <c r="X37627">
        <v>4</v>
      </c>
      <c r="Y37627">
        <v>4</v>
      </c>
      <c r="Z37627">
        <v>4</v>
      </c>
      <c r="AA37627">
        <v>4</v>
      </c>
      <c r="AB37627">
        <v>4</v>
      </c>
      <c r="AC37627">
        <v>4</v>
      </c>
      <c r="AD37627">
        <v>4</v>
      </c>
      <c r="AE37627">
        <v>4</v>
      </c>
      <c r="AF37627">
        <v>4</v>
      </c>
      <c r="AG37627">
        <v>4</v>
      </c>
      <c r="AH37627">
        <v>4</v>
      </c>
      <c r="AI37627">
        <v>4</v>
      </c>
      <c r="AJ37627">
        <v>4</v>
      </c>
      <c r="AK37627">
        <v>4</v>
      </c>
      <c r="AL37627">
        <v>4</v>
      </c>
      <c r="AM37627">
        <v>4</v>
      </c>
      <c r="AN37627">
        <v>4</v>
      </c>
      <c r="AO37627">
        <v>4</v>
      </c>
      <c r="AP37627">
        <v>4</v>
      </c>
      <c r="AQ37627">
        <v>4</v>
      </c>
    </row>
    <row r="37628" spans="1:43">
      <c r="A37628" t="s">
        <v>23325</v>
      </c>
      <c r="B37628" t="s">
        <v>23326</v>
      </c>
      <c r="C37628" t="s">
        <v>23323</v>
      </c>
      <c r="D37628" t="s">
        <v>23324</v>
      </c>
      <c r="E37628" t="s">
        <v>23145</v>
      </c>
      <c r="F37628" t="s">
        <v>23146</v>
      </c>
      <c r="G37628" t="s">
        <v>11612</v>
      </c>
      <c r="H37628" t="s">
        <v>11613</v>
      </c>
      <c r="I37628" s="2">
        <v>0</v>
      </c>
      <c r="J37628" s="2">
        <v>0</v>
      </c>
      <c r="K37628" s="2">
        <v>1</v>
      </c>
      <c r="L37628" t="s">
        <v>995</v>
      </c>
      <c r="M37628" t="s">
        <v>89</v>
      </c>
      <c r="N37628" t="s">
        <v>90</v>
      </c>
      <c r="O37628" t="s">
        <v>85</v>
      </c>
      <c r="P37628" t="s">
        <v>86</v>
      </c>
      <c r="Q37628">
        <v>4</v>
      </c>
      <c r="R37628">
        <v>4</v>
      </c>
      <c r="S37628">
        <v>5</v>
      </c>
      <c r="T37628">
        <v>5</v>
      </c>
      <c r="U37628">
        <v>5</v>
      </c>
      <c r="V37628">
        <v>5</v>
      </c>
      <c r="W37628">
        <v>5</v>
      </c>
      <c r="X37628">
        <v>5</v>
      </c>
      <c r="Y37628">
        <v>5</v>
      </c>
      <c r="Z37628">
        <v>5</v>
      </c>
      <c r="AA37628">
        <v>5</v>
      </c>
      <c r="AB37628">
        <v>5</v>
      </c>
      <c r="AC37628">
        <v>5</v>
      </c>
      <c r="AD37628">
        <v>5</v>
      </c>
      <c r="AE37628">
        <v>5</v>
      </c>
      <c r="AF37628">
        <v>5</v>
      </c>
      <c r="AG37628">
        <v>5</v>
      </c>
      <c r="AH37628">
        <v>5</v>
      </c>
      <c r="AI37628">
        <v>5</v>
      </c>
      <c r="AJ37628">
        <v>5</v>
      </c>
      <c r="AK37628">
        <v>5</v>
      </c>
      <c r="AL37628">
        <v>5</v>
      </c>
      <c r="AM37628">
        <v>5</v>
      </c>
      <c r="AN37628">
        <v>5</v>
      </c>
      <c r="AO37628">
        <v>5</v>
      </c>
      <c r="AP37628">
        <v>5</v>
      </c>
      <c r="AQ37628">
        <v>5</v>
      </c>
    </row>
    <row r="37629" spans="1:43">
      <c r="A37629" t="s">
        <v>23325</v>
      </c>
      <c r="B37629" t="s">
        <v>23326</v>
      </c>
      <c r="C37629" t="s">
        <v>23323</v>
      </c>
      <c r="D37629" t="s">
        <v>23324</v>
      </c>
      <c r="E37629" t="s">
        <v>23145</v>
      </c>
      <c r="F37629" t="s">
        <v>23146</v>
      </c>
      <c r="G37629" t="s">
        <v>11612</v>
      </c>
      <c r="H37629" t="s">
        <v>11613</v>
      </c>
      <c r="I37629" s="2">
        <v>0</v>
      </c>
      <c r="J37629" s="2">
        <v>0</v>
      </c>
      <c r="K37629" s="2">
        <v>1</v>
      </c>
      <c r="L37629" t="s">
        <v>995</v>
      </c>
      <c r="M37629" t="s">
        <v>83</v>
      </c>
      <c r="N37629" t="s">
        <v>91</v>
      </c>
      <c r="O37629" t="s">
        <v>85</v>
      </c>
      <c r="P37629" t="s">
        <v>86</v>
      </c>
      <c r="Q37629">
        <v>4</v>
      </c>
      <c r="R37629">
        <v>4</v>
      </c>
      <c r="S37629">
        <v>4</v>
      </c>
      <c r="T37629">
        <v>4</v>
      </c>
      <c r="U37629">
        <v>5</v>
      </c>
      <c r="V37629">
        <v>5</v>
      </c>
      <c r="W37629">
        <v>5</v>
      </c>
      <c r="X37629">
        <v>5</v>
      </c>
      <c r="Y37629">
        <v>5</v>
      </c>
      <c r="Z37629">
        <v>5</v>
      </c>
      <c r="AA37629">
        <v>5</v>
      </c>
      <c r="AB37629">
        <v>5</v>
      </c>
      <c r="AC37629">
        <v>5</v>
      </c>
      <c r="AD37629">
        <v>5</v>
      </c>
      <c r="AE37629">
        <v>5</v>
      </c>
      <c r="AF37629">
        <v>5</v>
      </c>
      <c r="AG37629">
        <v>5</v>
      </c>
      <c r="AH37629">
        <v>5</v>
      </c>
      <c r="AI37629">
        <v>5</v>
      </c>
      <c r="AJ37629">
        <v>5</v>
      </c>
      <c r="AK37629">
        <v>5</v>
      </c>
      <c r="AL37629">
        <v>5</v>
      </c>
      <c r="AM37629">
        <v>5</v>
      </c>
      <c r="AN37629">
        <v>5</v>
      </c>
      <c r="AO37629">
        <v>5</v>
      </c>
      <c r="AP37629">
        <v>5</v>
      </c>
      <c r="AQ37629">
        <v>5</v>
      </c>
    </row>
    <row r="37630" spans="1:43">
      <c r="A37630" t="s">
        <v>23327</v>
      </c>
      <c r="B37630" t="s">
        <v>23328</v>
      </c>
      <c r="C37630" t="s">
        <v>23323</v>
      </c>
      <c r="D37630" t="s">
        <v>23324</v>
      </c>
      <c r="E37630" t="s">
        <v>23145</v>
      </c>
      <c r="F37630" t="s">
        <v>23146</v>
      </c>
      <c r="G37630" t="s">
        <v>11612</v>
      </c>
      <c r="H37630" t="s">
        <v>11613</v>
      </c>
      <c r="I37630" s="2">
        <v>0</v>
      </c>
      <c r="J37630" s="2">
        <v>0</v>
      </c>
      <c r="K37630" s="2">
        <v>1</v>
      </c>
      <c r="L37630" t="s">
        <v>995</v>
      </c>
      <c r="M37630" t="s">
        <v>83</v>
      </c>
      <c r="N37630" t="s">
        <v>84</v>
      </c>
      <c r="O37630" t="s">
        <v>85</v>
      </c>
      <c r="P37630" t="s">
        <v>86</v>
      </c>
      <c r="Q37630">
        <v>4</v>
      </c>
      <c r="R37630">
        <v>4</v>
      </c>
      <c r="S37630">
        <v>4</v>
      </c>
      <c r="T37630">
        <v>4</v>
      </c>
      <c r="U37630">
        <v>4</v>
      </c>
      <c r="V37630">
        <v>4</v>
      </c>
      <c r="W37630">
        <v>4</v>
      </c>
      <c r="X37630">
        <v>4</v>
      </c>
      <c r="Y37630">
        <v>4</v>
      </c>
      <c r="Z37630">
        <v>4</v>
      </c>
      <c r="AA37630">
        <v>5</v>
      </c>
      <c r="AB37630">
        <v>5</v>
      </c>
      <c r="AC37630">
        <v>5</v>
      </c>
      <c r="AD37630">
        <v>5</v>
      </c>
      <c r="AE37630">
        <v>5</v>
      </c>
      <c r="AF37630">
        <v>5</v>
      </c>
      <c r="AG37630">
        <v>5</v>
      </c>
      <c r="AH37630">
        <v>5</v>
      </c>
      <c r="AI37630">
        <v>5</v>
      </c>
      <c r="AJ37630">
        <v>5</v>
      </c>
      <c r="AK37630">
        <v>5</v>
      </c>
      <c r="AL37630">
        <v>5</v>
      </c>
      <c r="AM37630">
        <v>5</v>
      </c>
      <c r="AN37630">
        <v>5</v>
      </c>
      <c r="AO37630">
        <v>5</v>
      </c>
      <c r="AP37630">
        <v>5</v>
      </c>
      <c r="AQ37630">
        <v>5</v>
      </c>
    </row>
    <row r="37631" spans="1:43">
      <c r="A37631" t="s">
        <v>23327</v>
      </c>
      <c r="B37631" t="s">
        <v>23328</v>
      </c>
      <c r="C37631" t="s">
        <v>23323</v>
      </c>
      <c r="D37631" t="s">
        <v>23324</v>
      </c>
      <c r="E37631" t="s">
        <v>23145</v>
      </c>
      <c r="F37631" t="s">
        <v>23146</v>
      </c>
      <c r="G37631" t="s">
        <v>11612</v>
      </c>
      <c r="H37631" t="s">
        <v>11613</v>
      </c>
      <c r="I37631" s="2">
        <v>0</v>
      </c>
      <c r="J37631" s="2">
        <v>0</v>
      </c>
      <c r="K37631" s="2">
        <v>1</v>
      </c>
      <c r="L37631" t="s">
        <v>995</v>
      </c>
      <c r="M37631" t="s">
        <v>87</v>
      </c>
      <c r="N37631" t="s">
        <v>88</v>
      </c>
      <c r="O37631" t="s">
        <v>85</v>
      </c>
      <c r="P37631" t="s">
        <v>86</v>
      </c>
      <c r="Q37631">
        <v>4</v>
      </c>
      <c r="R37631">
        <v>4</v>
      </c>
      <c r="S37631">
        <v>4</v>
      </c>
      <c r="T37631">
        <v>4</v>
      </c>
      <c r="U37631">
        <v>4</v>
      </c>
      <c r="V37631">
        <v>4</v>
      </c>
      <c r="W37631">
        <v>4</v>
      </c>
      <c r="X37631">
        <v>4</v>
      </c>
      <c r="Y37631">
        <v>4</v>
      </c>
      <c r="Z37631">
        <v>4</v>
      </c>
      <c r="AA37631">
        <v>4</v>
      </c>
      <c r="AB37631">
        <v>4</v>
      </c>
      <c r="AC37631">
        <v>4</v>
      </c>
      <c r="AD37631">
        <v>4</v>
      </c>
      <c r="AE37631">
        <v>4</v>
      </c>
      <c r="AF37631">
        <v>4</v>
      </c>
      <c r="AG37631">
        <v>4</v>
      </c>
      <c r="AH37631">
        <v>4</v>
      </c>
      <c r="AI37631">
        <v>4</v>
      </c>
      <c r="AJ37631">
        <v>4</v>
      </c>
      <c r="AK37631">
        <v>4</v>
      </c>
      <c r="AL37631">
        <v>4</v>
      </c>
      <c r="AM37631">
        <v>4</v>
      </c>
      <c r="AN37631">
        <v>4</v>
      </c>
      <c r="AO37631">
        <v>4</v>
      </c>
      <c r="AP37631">
        <v>4</v>
      </c>
      <c r="AQ37631">
        <v>4</v>
      </c>
    </row>
    <row r="37632" spans="1:43">
      <c r="A37632" t="s">
        <v>23327</v>
      </c>
      <c r="B37632" t="s">
        <v>23328</v>
      </c>
      <c r="C37632" t="s">
        <v>23323</v>
      </c>
      <c r="D37632" t="s">
        <v>23324</v>
      </c>
      <c r="E37632" t="s">
        <v>23145</v>
      </c>
      <c r="F37632" t="s">
        <v>23146</v>
      </c>
      <c r="G37632" t="s">
        <v>11612</v>
      </c>
      <c r="H37632" t="s">
        <v>11613</v>
      </c>
      <c r="I37632" s="2">
        <v>0</v>
      </c>
      <c r="J37632" s="2">
        <v>0</v>
      </c>
      <c r="K37632" s="2">
        <v>1</v>
      </c>
      <c r="L37632" t="s">
        <v>995</v>
      </c>
      <c r="M37632" t="s">
        <v>89</v>
      </c>
      <c r="N37632" t="s">
        <v>90</v>
      </c>
      <c r="O37632" t="s">
        <v>85</v>
      </c>
      <c r="P37632" t="s">
        <v>86</v>
      </c>
      <c r="Q37632">
        <v>4</v>
      </c>
      <c r="R37632">
        <v>4</v>
      </c>
      <c r="S37632">
        <v>4</v>
      </c>
      <c r="T37632">
        <v>4</v>
      </c>
      <c r="U37632">
        <v>4</v>
      </c>
      <c r="V37632">
        <v>5</v>
      </c>
      <c r="W37632">
        <v>5</v>
      </c>
      <c r="X37632">
        <v>5</v>
      </c>
      <c r="Y37632">
        <v>5</v>
      </c>
      <c r="Z37632">
        <v>5</v>
      </c>
      <c r="AA37632">
        <v>5</v>
      </c>
      <c r="AB37632">
        <v>5</v>
      </c>
      <c r="AC37632">
        <v>5</v>
      </c>
      <c r="AD37632">
        <v>5</v>
      </c>
      <c r="AE37632">
        <v>5</v>
      </c>
      <c r="AF37632">
        <v>5</v>
      </c>
      <c r="AG37632">
        <v>5</v>
      </c>
      <c r="AH37632">
        <v>5</v>
      </c>
      <c r="AI37632">
        <v>5</v>
      </c>
      <c r="AJ37632">
        <v>5</v>
      </c>
      <c r="AK37632">
        <v>5</v>
      </c>
      <c r="AL37632">
        <v>5</v>
      </c>
      <c r="AM37632">
        <v>5</v>
      </c>
      <c r="AN37632">
        <v>5</v>
      </c>
      <c r="AO37632">
        <v>5</v>
      </c>
      <c r="AP37632">
        <v>5</v>
      </c>
      <c r="AQ37632">
        <v>5</v>
      </c>
    </row>
    <row r="37633" spans="1:43">
      <c r="A37633" t="s">
        <v>23327</v>
      </c>
      <c r="B37633" t="s">
        <v>23328</v>
      </c>
      <c r="C37633" t="s">
        <v>23323</v>
      </c>
      <c r="D37633" t="s">
        <v>23324</v>
      </c>
      <c r="E37633" t="s">
        <v>23145</v>
      </c>
      <c r="F37633" t="s">
        <v>23146</v>
      </c>
      <c r="G37633" t="s">
        <v>11612</v>
      </c>
      <c r="H37633" t="s">
        <v>11613</v>
      </c>
      <c r="I37633" s="2">
        <v>0</v>
      </c>
      <c r="J37633" s="2">
        <v>0</v>
      </c>
      <c r="K37633" s="2">
        <v>1</v>
      </c>
      <c r="L37633" t="s">
        <v>995</v>
      </c>
      <c r="M37633" t="s">
        <v>83</v>
      </c>
      <c r="N37633" t="s">
        <v>91</v>
      </c>
      <c r="O37633" t="s">
        <v>85</v>
      </c>
      <c r="P37633" t="s">
        <v>86</v>
      </c>
      <c r="Q37633">
        <v>4</v>
      </c>
      <c r="R37633">
        <v>4</v>
      </c>
      <c r="S37633">
        <v>4</v>
      </c>
      <c r="T37633">
        <v>4</v>
      </c>
      <c r="U37633">
        <v>4</v>
      </c>
      <c r="V37633">
        <v>4</v>
      </c>
      <c r="W37633">
        <v>4</v>
      </c>
      <c r="X37633">
        <v>4</v>
      </c>
      <c r="Y37633">
        <v>4</v>
      </c>
      <c r="Z37633">
        <v>4</v>
      </c>
      <c r="AA37633">
        <v>5</v>
      </c>
      <c r="AB37633">
        <v>5</v>
      </c>
      <c r="AC37633">
        <v>5</v>
      </c>
      <c r="AD37633">
        <v>5</v>
      </c>
      <c r="AE37633">
        <v>5</v>
      </c>
      <c r="AF37633">
        <v>5</v>
      </c>
      <c r="AG37633">
        <v>5</v>
      </c>
      <c r="AH37633">
        <v>5</v>
      </c>
      <c r="AI37633">
        <v>5</v>
      </c>
      <c r="AJ37633">
        <v>5</v>
      </c>
      <c r="AK37633">
        <v>5</v>
      </c>
      <c r="AL37633">
        <v>5</v>
      </c>
      <c r="AM37633">
        <v>5</v>
      </c>
      <c r="AN37633">
        <v>5</v>
      </c>
      <c r="AO37633">
        <v>5</v>
      </c>
      <c r="AP37633">
        <v>5</v>
      </c>
      <c r="AQ37633">
        <v>5</v>
      </c>
    </row>
    <row r="37634" spans="1:43">
      <c r="A37634" t="s">
        <v>23329</v>
      </c>
      <c r="B37634" t="s">
        <v>23330</v>
      </c>
      <c r="C37634" t="s">
        <v>23323</v>
      </c>
      <c r="D37634" t="s">
        <v>23324</v>
      </c>
      <c r="E37634" t="s">
        <v>23145</v>
      </c>
      <c r="F37634" t="s">
        <v>23146</v>
      </c>
      <c r="G37634" t="s">
        <v>11612</v>
      </c>
      <c r="H37634" t="s">
        <v>11613</v>
      </c>
      <c r="I37634" s="2">
        <v>0</v>
      </c>
      <c r="J37634" s="2">
        <v>0</v>
      </c>
      <c r="K37634" s="2">
        <v>1</v>
      </c>
      <c r="L37634" t="s">
        <v>995</v>
      </c>
      <c r="M37634" t="s">
        <v>83</v>
      </c>
      <c r="N37634" t="s">
        <v>84</v>
      </c>
      <c r="O37634" t="s">
        <v>85</v>
      </c>
      <c r="P37634" t="s">
        <v>86</v>
      </c>
      <c r="Q37634">
        <v>30</v>
      </c>
      <c r="R37634">
        <v>30</v>
      </c>
      <c r="S37634">
        <v>30</v>
      </c>
      <c r="T37634">
        <v>30</v>
      </c>
      <c r="U37634">
        <v>31</v>
      </c>
      <c r="V37634">
        <v>31</v>
      </c>
      <c r="W37634">
        <v>31</v>
      </c>
      <c r="X37634">
        <v>32</v>
      </c>
      <c r="Y37634">
        <v>32</v>
      </c>
      <c r="Z37634">
        <v>32</v>
      </c>
      <c r="AA37634">
        <v>32</v>
      </c>
      <c r="AB37634">
        <v>33</v>
      </c>
      <c r="AC37634">
        <v>33</v>
      </c>
      <c r="AD37634">
        <v>33</v>
      </c>
      <c r="AE37634">
        <v>33</v>
      </c>
      <c r="AF37634">
        <v>33</v>
      </c>
      <c r="AG37634">
        <v>34</v>
      </c>
      <c r="AH37634">
        <v>34</v>
      </c>
      <c r="AI37634">
        <v>34</v>
      </c>
      <c r="AJ37634">
        <v>34</v>
      </c>
      <c r="AK37634">
        <v>34</v>
      </c>
      <c r="AL37634">
        <v>34</v>
      </c>
      <c r="AM37634">
        <v>34</v>
      </c>
      <c r="AN37634">
        <v>34</v>
      </c>
      <c r="AO37634">
        <v>34</v>
      </c>
      <c r="AP37634">
        <v>34</v>
      </c>
      <c r="AQ37634">
        <v>33</v>
      </c>
    </row>
    <row r="37635" spans="1:43">
      <c r="A37635" t="s">
        <v>23329</v>
      </c>
      <c r="B37635" t="s">
        <v>23330</v>
      </c>
      <c r="C37635" t="s">
        <v>23323</v>
      </c>
      <c r="D37635" t="s">
        <v>23324</v>
      </c>
      <c r="E37635" t="s">
        <v>23145</v>
      </c>
      <c r="F37635" t="s">
        <v>23146</v>
      </c>
      <c r="G37635" t="s">
        <v>11612</v>
      </c>
      <c r="H37635" t="s">
        <v>11613</v>
      </c>
      <c r="I37635" s="2">
        <v>0</v>
      </c>
      <c r="J37635" s="2">
        <v>0</v>
      </c>
      <c r="K37635" s="2">
        <v>1</v>
      </c>
      <c r="L37635" t="s">
        <v>995</v>
      </c>
      <c r="M37635" t="s">
        <v>87</v>
      </c>
      <c r="N37635" t="s">
        <v>88</v>
      </c>
      <c r="O37635" t="s">
        <v>85</v>
      </c>
      <c r="P37635" t="s">
        <v>86</v>
      </c>
      <c r="Q37635">
        <v>30</v>
      </c>
      <c r="R37635">
        <v>30</v>
      </c>
      <c r="S37635">
        <v>30</v>
      </c>
      <c r="T37635">
        <v>30</v>
      </c>
      <c r="U37635">
        <v>30</v>
      </c>
      <c r="V37635">
        <v>30</v>
      </c>
      <c r="W37635">
        <v>30</v>
      </c>
      <c r="X37635">
        <v>30</v>
      </c>
      <c r="Y37635">
        <v>30</v>
      </c>
      <c r="Z37635">
        <v>30</v>
      </c>
      <c r="AA37635">
        <v>30</v>
      </c>
      <c r="AB37635">
        <v>30</v>
      </c>
      <c r="AC37635">
        <v>30</v>
      </c>
      <c r="AD37635">
        <v>30</v>
      </c>
      <c r="AE37635">
        <v>30</v>
      </c>
      <c r="AF37635">
        <v>30</v>
      </c>
      <c r="AG37635">
        <v>30</v>
      </c>
      <c r="AH37635">
        <v>30</v>
      </c>
      <c r="AI37635">
        <v>30</v>
      </c>
      <c r="AJ37635">
        <v>30</v>
      </c>
      <c r="AK37635">
        <v>30</v>
      </c>
      <c r="AL37635">
        <v>30</v>
      </c>
      <c r="AM37635">
        <v>30</v>
      </c>
      <c r="AN37635">
        <v>30</v>
      </c>
      <c r="AO37635">
        <v>30</v>
      </c>
      <c r="AP37635">
        <v>30</v>
      </c>
      <c r="AQ37635">
        <v>30</v>
      </c>
    </row>
    <row r="37636" spans="1:43">
      <c r="A37636" t="s">
        <v>23329</v>
      </c>
      <c r="B37636" t="s">
        <v>23330</v>
      </c>
      <c r="C37636" t="s">
        <v>23323</v>
      </c>
      <c r="D37636" t="s">
        <v>23324</v>
      </c>
      <c r="E37636" t="s">
        <v>23145</v>
      </c>
      <c r="F37636" t="s">
        <v>23146</v>
      </c>
      <c r="G37636" t="s">
        <v>11612</v>
      </c>
      <c r="H37636" t="s">
        <v>11613</v>
      </c>
      <c r="I37636" s="2">
        <v>0</v>
      </c>
      <c r="J37636" s="2">
        <v>0</v>
      </c>
      <c r="K37636" s="2">
        <v>1</v>
      </c>
      <c r="L37636" t="s">
        <v>995</v>
      </c>
      <c r="M37636" t="s">
        <v>89</v>
      </c>
      <c r="N37636" t="s">
        <v>90</v>
      </c>
      <c r="O37636" t="s">
        <v>85</v>
      </c>
      <c r="P37636" t="s">
        <v>86</v>
      </c>
      <c r="Q37636">
        <v>30</v>
      </c>
      <c r="R37636">
        <v>30</v>
      </c>
      <c r="S37636">
        <v>31</v>
      </c>
      <c r="T37636">
        <v>31</v>
      </c>
      <c r="U37636">
        <v>32</v>
      </c>
      <c r="V37636">
        <v>32</v>
      </c>
      <c r="W37636">
        <v>33</v>
      </c>
      <c r="X37636">
        <v>33</v>
      </c>
      <c r="Y37636">
        <v>34</v>
      </c>
      <c r="Z37636">
        <v>34</v>
      </c>
      <c r="AA37636">
        <v>34</v>
      </c>
      <c r="AB37636">
        <v>35</v>
      </c>
      <c r="AC37636">
        <v>35</v>
      </c>
      <c r="AD37636">
        <v>35</v>
      </c>
      <c r="AE37636">
        <v>35</v>
      </c>
      <c r="AF37636">
        <v>35</v>
      </c>
      <c r="AG37636">
        <v>35</v>
      </c>
      <c r="AH37636">
        <v>35</v>
      </c>
      <c r="AI37636">
        <v>35</v>
      </c>
      <c r="AJ37636">
        <v>35</v>
      </c>
      <c r="AK37636">
        <v>35</v>
      </c>
      <c r="AL37636">
        <v>35</v>
      </c>
      <c r="AM37636">
        <v>34</v>
      </c>
      <c r="AN37636">
        <v>34</v>
      </c>
      <c r="AO37636">
        <v>34</v>
      </c>
      <c r="AP37636">
        <v>34</v>
      </c>
      <c r="AQ37636">
        <v>34</v>
      </c>
    </row>
    <row r="37637" spans="1:43">
      <c r="A37637" t="s">
        <v>23329</v>
      </c>
      <c r="B37637" t="s">
        <v>23330</v>
      </c>
      <c r="C37637" t="s">
        <v>23323</v>
      </c>
      <c r="D37637" t="s">
        <v>23324</v>
      </c>
      <c r="E37637" t="s">
        <v>23145</v>
      </c>
      <c r="F37637" t="s">
        <v>23146</v>
      </c>
      <c r="G37637" t="s">
        <v>11612</v>
      </c>
      <c r="H37637" t="s">
        <v>11613</v>
      </c>
      <c r="I37637" s="2">
        <v>0</v>
      </c>
      <c r="J37637" s="2">
        <v>0</v>
      </c>
      <c r="K37637" s="2">
        <v>1</v>
      </c>
      <c r="L37637" t="s">
        <v>995</v>
      </c>
      <c r="M37637" t="s">
        <v>83</v>
      </c>
      <c r="N37637" t="s">
        <v>91</v>
      </c>
      <c r="O37637" t="s">
        <v>85</v>
      </c>
      <c r="P37637" t="s">
        <v>86</v>
      </c>
      <c r="Q37637">
        <v>30</v>
      </c>
      <c r="R37637">
        <v>30</v>
      </c>
      <c r="S37637">
        <v>30</v>
      </c>
      <c r="T37637">
        <v>30</v>
      </c>
      <c r="U37637">
        <v>31</v>
      </c>
      <c r="V37637">
        <v>31</v>
      </c>
      <c r="W37637">
        <v>31</v>
      </c>
      <c r="X37637">
        <v>32</v>
      </c>
      <c r="Y37637">
        <v>32</v>
      </c>
      <c r="Z37637">
        <v>32</v>
      </c>
      <c r="AA37637">
        <v>32</v>
      </c>
      <c r="AB37637">
        <v>33</v>
      </c>
      <c r="AC37637">
        <v>33</v>
      </c>
      <c r="AD37637">
        <v>33</v>
      </c>
      <c r="AE37637">
        <v>33</v>
      </c>
      <c r="AF37637">
        <v>33</v>
      </c>
      <c r="AG37637">
        <v>34</v>
      </c>
      <c r="AH37637">
        <v>34</v>
      </c>
      <c r="AI37637">
        <v>34</v>
      </c>
      <c r="AJ37637">
        <v>34</v>
      </c>
      <c r="AK37637">
        <v>34</v>
      </c>
      <c r="AL37637">
        <v>34</v>
      </c>
      <c r="AM37637">
        <v>34</v>
      </c>
      <c r="AN37637">
        <v>34</v>
      </c>
      <c r="AO37637">
        <v>34</v>
      </c>
      <c r="AP37637">
        <v>34</v>
      </c>
      <c r="AQ37637">
        <v>33</v>
      </c>
    </row>
    <row r="37638" spans="1:43">
      <c r="A37638" t="s">
        <v>23331</v>
      </c>
      <c r="B37638" t="s">
        <v>23332</v>
      </c>
      <c r="C37638" t="s">
        <v>23323</v>
      </c>
      <c r="D37638" t="s">
        <v>23324</v>
      </c>
      <c r="E37638" t="s">
        <v>23145</v>
      </c>
      <c r="F37638" t="s">
        <v>23146</v>
      </c>
      <c r="G37638" t="s">
        <v>11612</v>
      </c>
      <c r="H37638" t="s">
        <v>11613</v>
      </c>
      <c r="I37638" s="2">
        <v>0</v>
      </c>
      <c r="J37638" s="2">
        <v>0</v>
      </c>
      <c r="K37638" s="2">
        <v>1</v>
      </c>
      <c r="L37638" t="s">
        <v>995</v>
      </c>
      <c r="M37638" t="s">
        <v>83</v>
      </c>
      <c r="N37638" t="s">
        <v>84</v>
      </c>
      <c r="O37638" t="s">
        <v>85</v>
      </c>
      <c r="P37638" t="s">
        <v>86</v>
      </c>
      <c r="Q37638">
        <v>58</v>
      </c>
      <c r="R37638">
        <v>58</v>
      </c>
      <c r="S37638">
        <v>59</v>
      </c>
      <c r="T37638">
        <v>59</v>
      </c>
      <c r="U37638">
        <v>60</v>
      </c>
      <c r="V37638">
        <v>60</v>
      </c>
      <c r="W37638">
        <v>61</v>
      </c>
      <c r="X37638">
        <v>61</v>
      </c>
      <c r="Y37638">
        <v>62</v>
      </c>
      <c r="Z37638">
        <v>62</v>
      </c>
      <c r="AA37638">
        <v>63</v>
      </c>
      <c r="AB37638">
        <v>63</v>
      </c>
      <c r="AC37638">
        <v>64</v>
      </c>
      <c r="AD37638">
        <v>64</v>
      </c>
      <c r="AE37638">
        <v>64</v>
      </c>
      <c r="AF37638">
        <v>65</v>
      </c>
      <c r="AG37638">
        <v>65</v>
      </c>
      <c r="AH37638">
        <v>66</v>
      </c>
      <c r="AI37638">
        <v>66</v>
      </c>
      <c r="AJ37638">
        <v>66</v>
      </c>
      <c r="AK37638">
        <v>67</v>
      </c>
      <c r="AL37638">
        <v>67</v>
      </c>
      <c r="AM37638">
        <v>66</v>
      </c>
      <c r="AN37638">
        <v>66</v>
      </c>
      <c r="AO37638">
        <v>66</v>
      </c>
      <c r="AP37638">
        <v>65</v>
      </c>
      <c r="AQ37638">
        <v>65</v>
      </c>
    </row>
    <row r="37639" spans="1:43">
      <c r="A37639" t="s">
        <v>23331</v>
      </c>
      <c r="B37639" t="s">
        <v>23332</v>
      </c>
      <c r="C37639" t="s">
        <v>23323</v>
      </c>
      <c r="D37639" t="s">
        <v>23324</v>
      </c>
      <c r="E37639" t="s">
        <v>23145</v>
      </c>
      <c r="F37639" t="s">
        <v>23146</v>
      </c>
      <c r="G37639" t="s">
        <v>11612</v>
      </c>
      <c r="H37639" t="s">
        <v>11613</v>
      </c>
      <c r="I37639" s="2">
        <v>0</v>
      </c>
      <c r="J37639" s="2">
        <v>0</v>
      </c>
      <c r="K37639" s="2">
        <v>1</v>
      </c>
      <c r="L37639" t="s">
        <v>995</v>
      </c>
      <c r="M37639" t="s">
        <v>87</v>
      </c>
      <c r="N37639" t="s">
        <v>88</v>
      </c>
      <c r="O37639" t="s">
        <v>85</v>
      </c>
      <c r="P37639" t="s">
        <v>86</v>
      </c>
      <c r="Q37639">
        <v>58</v>
      </c>
      <c r="R37639">
        <v>58</v>
      </c>
      <c r="S37639">
        <v>58</v>
      </c>
      <c r="T37639">
        <v>58</v>
      </c>
      <c r="U37639">
        <v>58</v>
      </c>
      <c r="V37639">
        <v>58</v>
      </c>
      <c r="W37639">
        <v>58</v>
      </c>
      <c r="X37639">
        <v>58</v>
      </c>
      <c r="Y37639">
        <v>58</v>
      </c>
      <c r="Z37639">
        <v>58</v>
      </c>
      <c r="AA37639">
        <v>58</v>
      </c>
      <c r="AB37639">
        <v>58</v>
      </c>
      <c r="AC37639">
        <v>58</v>
      </c>
      <c r="AD37639">
        <v>58</v>
      </c>
      <c r="AE37639">
        <v>58</v>
      </c>
      <c r="AF37639">
        <v>58</v>
      </c>
      <c r="AG37639">
        <v>58</v>
      </c>
      <c r="AH37639">
        <v>58</v>
      </c>
      <c r="AI37639">
        <v>58</v>
      </c>
      <c r="AJ37639">
        <v>58</v>
      </c>
      <c r="AK37639">
        <v>58</v>
      </c>
      <c r="AL37639">
        <v>58</v>
      </c>
      <c r="AM37639">
        <v>58</v>
      </c>
      <c r="AN37639">
        <v>58</v>
      </c>
      <c r="AO37639">
        <v>58</v>
      </c>
      <c r="AP37639">
        <v>58</v>
      </c>
      <c r="AQ37639">
        <v>58</v>
      </c>
    </row>
    <row r="37640" spans="1:43">
      <c r="A37640" t="s">
        <v>23331</v>
      </c>
      <c r="B37640" t="s">
        <v>23332</v>
      </c>
      <c r="C37640" t="s">
        <v>23323</v>
      </c>
      <c r="D37640" t="s">
        <v>23324</v>
      </c>
      <c r="E37640" t="s">
        <v>23145</v>
      </c>
      <c r="F37640" t="s">
        <v>23146</v>
      </c>
      <c r="G37640" t="s">
        <v>11612</v>
      </c>
      <c r="H37640" t="s">
        <v>11613</v>
      </c>
      <c r="I37640" s="2">
        <v>0</v>
      </c>
      <c r="J37640" s="2">
        <v>0</v>
      </c>
      <c r="K37640" s="2">
        <v>1</v>
      </c>
      <c r="L37640" t="s">
        <v>995</v>
      </c>
      <c r="M37640" t="s">
        <v>89</v>
      </c>
      <c r="N37640" t="s">
        <v>90</v>
      </c>
      <c r="O37640" t="s">
        <v>85</v>
      </c>
      <c r="P37640" t="s">
        <v>86</v>
      </c>
      <c r="Q37640">
        <v>58</v>
      </c>
      <c r="R37640">
        <v>59</v>
      </c>
      <c r="S37640">
        <v>60</v>
      </c>
      <c r="T37640">
        <v>61</v>
      </c>
      <c r="U37640">
        <v>62</v>
      </c>
      <c r="V37640">
        <v>63</v>
      </c>
      <c r="W37640">
        <v>64</v>
      </c>
      <c r="X37640">
        <v>65</v>
      </c>
      <c r="Y37640">
        <v>66</v>
      </c>
      <c r="Z37640">
        <v>66</v>
      </c>
      <c r="AA37640">
        <v>67</v>
      </c>
      <c r="AB37640">
        <v>67</v>
      </c>
      <c r="AC37640">
        <v>68</v>
      </c>
      <c r="AD37640">
        <v>69</v>
      </c>
      <c r="AE37640">
        <v>69</v>
      </c>
      <c r="AF37640">
        <v>69</v>
      </c>
      <c r="AG37640">
        <v>69</v>
      </c>
      <c r="AH37640">
        <v>68</v>
      </c>
      <c r="AI37640">
        <v>68</v>
      </c>
      <c r="AJ37640">
        <v>68</v>
      </c>
      <c r="AK37640">
        <v>67</v>
      </c>
      <c r="AL37640">
        <v>67</v>
      </c>
      <c r="AM37640">
        <v>67</v>
      </c>
      <c r="AN37640">
        <v>67</v>
      </c>
      <c r="AO37640">
        <v>66</v>
      </c>
      <c r="AP37640">
        <v>66</v>
      </c>
      <c r="AQ37640">
        <v>66</v>
      </c>
    </row>
    <row r="37641" spans="1:43">
      <c r="A37641" t="s">
        <v>23331</v>
      </c>
      <c r="B37641" t="s">
        <v>23332</v>
      </c>
      <c r="C37641" t="s">
        <v>23323</v>
      </c>
      <c r="D37641" t="s">
        <v>23324</v>
      </c>
      <c r="E37641" t="s">
        <v>23145</v>
      </c>
      <c r="F37641" t="s">
        <v>23146</v>
      </c>
      <c r="G37641" t="s">
        <v>11612</v>
      </c>
      <c r="H37641" t="s">
        <v>11613</v>
      </c>
      <c r="I37641" s="2">
        <v>0</v>
      </c>
      <c r="J37641" s="2">
        <v>0</v>
      </c>
      <c r="K37641" s="2">
        <v>1</v>
      </c>
      <c r="L37641" t="s">
        <v>995</v>
      </c>
      <c r="M37641" t="s">
        <v>83</v>
      </c>
      <c r="N37641" t="s">
        <v>91</v>
      </c>
      <c r="O37641" t="s">
        <v>85</v>
      </c>
      <c r="P37641" t="s">
        <v>86</v>
      </c>
      <c r="Q37641">
        <v>58</v>
      </c>
      <c r="R37641">
        <v>58</v>
      </c>
      <c r="S37641">
        <v>59</v>
      </c>
      <c r="T37641">
        <v>59</v>
      </c>
      <c r="U37641">
        <v>60</v>
      </c>
      <c r="V37641">
        <v>60</v>
      </c>
      <c r="W37641">
        <v>61</v>
      </c>
      <c r="X37641">
        <v>61</v>
      </c>
      <c r="Y37641">
        <v>62</v>
      </c>
      <c r="Z37641">
        <v>62</v>
      </c>
      <c r="AA37641">
        <v>63</v>
      </c>
      <c r="AB37641">
        <v>63</v>
      </c>
      <c r="AC37641">
        <v>64</v>
      </c>
      <c r="AD37641">
        <v>64</v>
      </c>
      <c r="AE37641">
        <v>64</v>
      </c>
      <c r="AF37641">
        <v>65</v>
      </c>
      <c r="AG37641">
        <v>65</v>
      </c>
      <c r="AH37641">
        <v>66</v>
      </c>
      <c r="AI37641">
        <v>66</v>
      </c>
      <c r="AJ37641">
        <v>66</v>
      </c>
      <c r="AK37641">
        <v>67</v>
      </c>
      <c r="AL37641">
        <v>67</v>
      </c>
      <c r="AM37641">
        <v>66</v>
      </c>
      <c r="AN37641">
        <v>66</v>
      </c>
      <c r="AO37641">
        <v>66</v>
      </c>
      <c r="AP37641">
        <v>65</v>
      </c>
      <c r="AQ37641">
        <v>65</v>
      </c>
    </row>
    <row r="37642" spans="1:43">
      <c r="A37642" t="s">
        <v>23333</v>
      </c>
      <c r="B37642" t="s">
        <v>23334</v>
      </c>
      <c r="C37642" t="s">
        <v>23265</v>
      </c>
      <c r="D37642" t="s">
        <v>23266</v>
      </c>
      <c r="E37642" t="s">
        <v>23145</v>
      </c>
      <c r="F37642" t="s">
        <v>23146</v>
      </c>
      <c r="G37642" t="s">
        <v>11612</v>
      </c>
      <c r="H37642" t="s">
        <v>11613</v>
      </c>
      <c r="I37642" s="2">
        <v>0</v>
      </c>
      <c r="J37642" s="2">
        <v>0</v>
      </c>
      <c r="K37642" s="2">
        <v>1</v>
      </c>
      <c r="L37642" t="s">
        <v>995</v>
      </c>
      <c r="M37642" t="s">
        <v>83</v>
      </c>
      <c r="N37642" t="s">
        <v>84</v>
      </c>
      <c r="O37642" t="s">
        <v>85</v>
      </c>
      <c r="P37642" t="s">
        <v>86</v>
      </c>
      <c r="Q37642">
        <v>21</v>
      </c>
      <c r="R37642">
        <v>21</v>
      </c>
      <c r="S37642">
        <v>22</v>
      </c>
      <c r="T37642">
        <v>22</v>
      </c>
      <c r="U37642">
        <v>22</v>
      </c>
      <c r="V37642">
        <v>22</v>
      </c>
      <c r="W37642">
        <v>22</v>
      </c>
      <c r="X37642">
        <v>23</v>
      </c>
      <c r="Y37642">
        <v>23</v>
      </c>
      <c r="Z37642">
        <v>23</v>
      </c>
      <c r="AA37642">
        <v>23</v>
      </c>
      <c r="AB37642">
        <v>23</v>
      </c>
      <c r="AC37642">
        <v>24</v>
      </c>
      <c r="AD37642">
        <v>24</v>
      </c>
      <c r="AE37642">
        <v>24</v>
      </c>
      <c r="AF37642">
        <v>24</v>
      </c>
      <c r="AG37642">
        <v>24</v>
      </c>
      <c r="AH37642">
        <v>24</v>
      </c>
      <c r="AI37642">
        <v>25</v>
      </c>
      <c r="AJ37642">
        <v>25</v>
      </c>
      <c r="AK37642">
        <v>25</v>
      </c>
      <c r="AL37642">
        <v>25</v>
      </c>
      <c r="AM37642">
        <v>25</v>
      </c>
      <c r="AN37642">
        <v>25</v>
      </c>
      <c r="AO37642">
        <v>25</v>
      </c>
      <c r="AP37642">
        <v>25</v>
      </c>
      <c r="AQ37642">
        <v>25</v>
      </c>
    </row>
    <row r="37643" spans="1:43">
      <c r="A37643" t="s">
        <v>23333</v>
      </c>
      <c r="B37643" t="s">
        <v>23334</v>
      </c>
      <c r="C37643" t="s">
        <v>23265</v>
      </c>
      <c r="D37643" t="s">
        <v>23266</v>
      </c>
      <c r="E37643" t="s">
        <v>23145</v>
      </c>
      <c r="F37643" t="s">
        <v>23146</v>
      </c>
      <c r="G37643" t="s">
        <v>11612</v>
      </c>
      <c r="H37643" t="s">
        <v>11613</v>
      </c>
      <c r="I37643" s="2">
        <v>0</v>
      </c>
      <c r="J37643" s="2">
        <v>0</v>
      </c>
      <c r="K37643" s="2">
        <v>1</v>
      </c>
      <c r="L37643" t="s">
        <v>995</v>
      </c>
      <c r="M37643" t="s">
        <v>87</v>
      </c>
      <c r="N37643" t="s">
        <v>88</v>
      </c>
      <c r="O37643" t="s">
        <v>85</v>
      </c>
      <c r="P37643" t="s">
        <v>86</v>
      </c>
      <c r="Q37643">
        <v>21</v>
      </c>
      <c r="R37643">
        <v>21</v>
      </c>
      <c r="S37643">
        <v>21</v>
      </c>
      <c r="T37643">
        <v>21</v>
      </c>
      <c r="U37643">
        <v>21</v>
      </c>
      <c r="V37643">
        <v>21</v>
      </c>
      <c r="W37643">
        <v>21</v>
      </c>
      <c r="X37643">
        <v>21</v>
      </c>
      <c r="Y37643">
        <v>21</v>
      </c>
      <c r="Z37643">
        <v>21</v>
      </c>
      <c r="AA37643">
        <v>21</v>
      </c>
      <c r="AB37643">
        <v>21</v>
      </c>
      <c r="AC37643">
        <v>21</v>
      </c>
      <c r="AD37643">
        <v>21</v>
      </c>
      <c r="AE37643">
        <v>21</v>
      </c>
      <c r="AF37643">
        <v>21</v>
      </c>
      <c r="AG37643">
        <v>21</v>
      </c>
      <c r="AH37643">
        <v>21</v>
      </c>
      <c r="AI37643">
        <v>21</v>
      </c>
      <c r="AJ37643">
        <v>21</v>
      </c>
      <c r="AK37643">
        <v>21</v>
      </c>
      <c r="AL37643">
        <v>21</v>
      </c>
      <c r="AM37643">
        <v>21</v>
      </c>
      <c r="AN37643">
        <v>21</v>
      </c>
      <c r="AO37643">
        <v>21</v>
      </c>
      <c r="AP37643">
        <v>21</v>
      </c>
      <c r="AQ37643">
        <v>21</v>
      </c>
    </row>
    <row r="37644" spans="1:43">
      <c r="A37644" t="s">
        <v>23333</v>
      </c>
      <c r="B37644" t="s">
        <v>23334</v>
      </c>
      <c r="C37644" t="s">
        <v>23265</v>
      </c>
      <c r="D37644" t="s">
        <v>23266</v>
      </c>
      <c r="E37644" t="s">
        <v>23145</v>
      </c>
      <c r="F37644" t="s">
        <v>23146</v>
      </c>
      <c r="G37644" t="s">
        <v>11612</v>
      </c>
      <c r="H37644" t="s">
        <v>11613</v>
      </c>
      <c r="I37644" s="2">
        <v>0</v>
      </c>
      <c r="J37644" s="2">
        <v>0</v>
      </c>
      <c r="K37644" s="2">
        <v>1</v>
      </c>
      <c r="L37644" t="s">
        <v>995</v>
      </c>
      <c r="M37644" t="s">
        <v>89</v>
      </c>
      <c r="N37644" t="s">
        <v>90</v>
      </c>
      <c r="O37644" t="s">
        <v>85</v>
      </c>
      <c r="P37644" t="s">
        <v>86</v>
      </c>
      <c r="Q37644">
        <v>21</v>
      </c>
      <c r="R37644">
        <v>22</v>
      </c>
      <c r="S37644">
        <v>22</v>
      </c>
      <c r="T37644">
        <v>23</v>
      </c>
      <c r="U37644">
        <v>23</v>
      </c>
      <c r="V37644">
        <v>23</v>
      </c>
      <c r="W37644">
        <v>24</v>
      </c>
      <c r="X37644">
        <v>24</v>
      </c>
      <c r="Y37644">
        <v>24</v>
      </c>
      <c r="Z37644">
        <v>24</v>
      </c>
      <c r="AA37644">
        <v>25</v>
      </c>
      <c r="AB37644">
        <v>25</v>
      </c>
      <c r="AC37644">
        <v>25</v>
      </c>
      <c r="AD37644">
        <v>26</v>
      </c>
      <c r="AE37644">
        <v>26</v>
      </c>
      <c r="AF37644">
        <v>26</v>
      </c>
      <c r="AG37644">
        <v>26</v>
      </c>
      <c r="AH37644">
        <v>26</v>
      </c>
      <c r="AI37644">
        <v>25</v>
      </c>
      <c r="AJ37644">
        <v>25</v>
      </c>
      <c r="AK37644">
        <v>25</v>
      </c>
      <c r="AL37644">
        <v>25</v>
      </c>
      <c r="AM37644">
        <v>25</v>
      </c>
      <c r="AN37644">
        <v>25</v>
      </c>
      <c r="AO37644">
        <v>25</v>
      </c>
      <c r="AP37644">
        <v>25</v>
      </c>
      <c r="AQ37644">
        <v>25</v>
      </c>
    </row>
    <row r="37645" spans="1:43">
      <c r="A37645" t="s">
        <v>23333</v>
      </c>
      <c r="B37645" t="s">
        <v>23334</v>
      </c>
      <c r="C37645" t="s">
        <v>23265</v>
      </c>
      <c r="D37645" t="s">
        <v>23266</v>
      </c>
      <c r="E37645" t="s">
        <v>23145</v>
      </c>
      <c r="F37645" t="s">
        <v>23146</v>
      </c>
      <c r="G37645" t="s">
        <v>11612</v>
      </c>
      <c r="H37645" t="s">
        <v>11613</v>
      </c>
      <c r="I37645" s="2">
        <v>0</v>
      </c>
      <c r="J37645" s="2">
        <v>0</v>
      </c>
      <c r="K37645" s="2">
        <v>1</v>
      </c>
      <c r="L37645" t="s">
        <v>995</v>
      </c>
      <c r="M37645" t="s">
        <v>83</v>
      </c>
      <c r="N37645" t="s">
        <v>91</v>
      </c>
      <c r="O37645" t="s">
        <v>85</v>
      </c>
      <c r="P37645" t="s">
        <v>86</v>
      </c>
      <c r="Q37645">
        <v>21</v>
      </c>
      <c r="R37645">
        <v>21</v>
      </c>
      <c r="S37645">
        <v>22</v>
      </c>
      <c r="T37645">
        <v>22</v>
      </c>
      <c r="U37645">
        <v>22</v>
      </c>
      <c r="V37645">
        <v>22</v>
      </c>
      <c r="W37645">
        <v>22</v>
      </c>
      <c r="X37645">
        <v>23</v>
      </c>
      <c r="Y37645">
        <v>23</v>
      </c>
      <c r="Z37645">
        <v>23</v>
      </c>
      <c r="AA37645">
        <v>23</v>
      </c>
      <c r="AB37645">
        <v>23</v>
      </c>
      <c r="AC37645">
        <v>24</v>
      </c>
      <c r="AD37645">
        <v>24</v>
      </c>
      <c r="AE37645">
        <v>24</v>
      </c>
      <c r="AF37645">
        <v>24</v>
      </c>
      <c r="AG37645">
        <v>24</v>
      </c>
      <c r="AH37645">
        <v>24</v>
      </c>
      <c r="AI37645">
        <v>25</v>
      </c>
      <c r="AJ37645">
        <v>25</v>
      </c>
      <c r="AK37645">
        <v>25</v>
      </c>
      <c r="AL37645">
        <v>25</v>
      </c>
      <c r="AM37645">
        <v>25</v>
      </c>
      <c r="AN37645">
        <v>25</v>
      </c>
      <c r="AO37645">
        <v>25</v>
      </c>
      <c r="AP37645">
        <v>25</v>
      </c>
      <c r="AQ37645">
        <v>25</v>
      </c>
    </row>
    <row r="37646" spans="1:43">
      <c r="A37646" t="s">
        <v>23335</v>
      </c>
      <c r="B37646" t="s">
        <v>23336</v>
      </c>
      <c r="C37646" t="s">
        <v>23259</v>
      </c>
      <c r="D37646" t="s">
        <v>23260</v>
      </c>
      <c r="E37646" t="s">
        <v>23145</v>
      </c>
      <c r="F37646" t="s">
        <v>23146</v>
      </c>
      <c r="G37646" t="s">
        <v>11612</v>
      </c>
      <c r="H37646" t="s">
        <v>11613</v>
      </c>
      <c r="I37646" s="2">
        <v>0</v>
      </c>
      <c r="J37646" s="2">
        <v>0</v>
      </c>
      <c r="K37646" s="2">
        <v>1</v>
      </c>
      <c r="L37646" t="s">
        <v>995</v>
      </c>
      <c r="M37646" t="s">
        <v>83</v>
      </c>
      <c r="N37646" t="s">
        <v>84</v>
      </c>
      <c r="O37646" t="s">
        <v>85</v>
      </c>
      <c r="P37646" t="s">
        <v>86</v>
      </c>
      <c r="Q37646">
        <v>29</v>
      </c>
      <c r="R37646">
        <v>30</v>
      </c>
      <c r="S37646">
        <v>30</v>
      </c>
      <c r="T37646">
        <v>30</v>
      </c>
      <c r="U37646">
        <v>31</v>
      </c>
      <c r="V37646">
        <v>31</v>
      </c>
      <c r="W37646">
        <v>31</v>
      </c>
      <c r="X37646">
        <v>32</v>
      </c>
      <c r="Y37646">
        <v>32</v>
      </c>
      <c r="Z37646">
        <v>32</v>
      </c>
      <c r="AA37646">
        <v>33</v>
      </c>
      <c r="AB37646">
        <v>33</v>
      </c>
      <c r="AC37646">
        <v>33</v>
      </c>
      <c r="AD37646">
        <v>33</v>
      </c>
      <c r="AE37646">
        <v>34</v>
      </c>
      <c r="AF37646">
        <v>34</v>
      </c>
      <c r="AG37646">
        <v>34</v>
      </c>
      <c r="AH37646">
        <v>34</v>
      </c>
      <c r="AI37646">
        <v>35</v>
      </c>
      <c r="AJ37646">
        <v>35</v>
      </c>
      <c r="AK37646">
        <v>35</v>
      </c>
      <c r="AL37646">
        <v>35</v>
      </c>
      <c r="AM37646">
        <v>35</v>
      </c>
      <c r="AN37646">
        <v>35</v>
      </c>
      <c r="AO37646">
        <v>35</v>
      </c>
      <c r="AP37646">
        <v>35</v>
      </c>
      <c r="AQ37646">
        <v>35</v>
      </c>
    </row>
    <row r="37647" spans="1:43">
      <c r="A37647" t="s">
        <v>23335</v>
      </c>
      <c r="B37647" t="s">
        <v>23336</v>
      </c>
      <c r="C37647" t="s">
        <v>23259</v>
      </c>
      <c r="D37647" t="s">
        <v>23260</v>
      </c>
      <c r="E37647" t="s">
        <v>23145</v>
      </c>
      <c r="F37647" t="s">
        <v>23146</v>
      </c>
      <c r="G37647" t="s">
        <v>11612</v>
      </c>
      <c r="H37647" t="s">
        <v>11613</v>
      </c>
      <c r="I37647" s="2">
        <v>0</v>
      </c>
      <c r="J37647" s="2">
        <v>0</v>
      </c>
      <c r="K37647" s="2">
        <v>1</v>
      </c>
      <c r="L37647" t="s">
        <v>995</v>
      </c>
      <c r="M37647" t="s">
        <v>87</v>
      </c>
      <c r="N37647" t="s">
        <v>88</v>
      </c>
      <c r="O37647" t="s">
        <v>85</v>
      </c>
      <c r="P37647" t="s">
        <v>86</v>
      </c>
      <c r="Q37647">
        <v>29</v>
      </c>
      <c r="R37647">
        <v>29</v>
      </c>
      <c r="S37647">
        <v>29</v>
      </c>
      <c r="T37647">
        <v>29</v>
      </c>
      <c r="U37647">
        <v>29</v>
      </c>
      <c r="V37647">
        <v>29</v>
      </c>
      <c r="W37647">
        <v>29</v>
      </c>
      <c r="X37647">
        <v>30</v>
      </c>
      <c r="Y37647">
        <v>30</v>
      </c>
      <c r="Z37647">
        <v>30</v>
      </c>
      <c r="AA37647">
        <v>30</v>
      </c>
      <c r="AB37647">
        <v>30</v>
      </c>
      <c r="AC37647">
        <v>30</v>
      </c>
      <c r="AD37647">
        <v>30</v>
      </c>
      <c r="AE37647">
        <v>30</v>
      </c>
      <c r="AF37647">
        <v>30</v>
      </c>
      <c r="AG37647">
        <v>30</v>
      </c>
      <c r="AH37647">
        <v>30</v>
      </c>
      <c r="AI37647">
        <v>30</v>
      </c>
      <c r="AJ37647">
        <v>30</v>
      </c>
      <c r="AK37647">
        <v>30</v>
      </c>
      <c r="AL37647">
        <v>30</v>
      </c>
      <c r="AM37647">
        <v>30</v>
      </c>
      <c r="AN37647">
        <v>30</v>
      </c>
      <c r="AO37647">
        <v>30</v>
      </c>
      <c r="AP37647">
        <v>30</v>
      </c>
      <c r="AQ37647">
        <v>30</v>
      </c>
    </row>
    <row r="37648" spans="1:43">
      <c r="A37648" t="s">
        <v>23335</v>
      </c>
      <c r="B37648" t="s">
        <v>23336</v>
      </c>
      <c r="C37648" t="s">
        <v>23259</v>
      </c>
      <c r="D37648" t="s">
        <v>23260</v>
      </c>
      <c r="E37648" t="s">
        <v>23145</v>
      </c>
      <c r="F37648" t="s">
        <v>23146</v>
      </c>
      <c r="G37648" t="s">
        <v>11612</v>
      </c>
      <c r="H37648" t="s">
        <v>11613</v>
      </c>
      <c r="I37648" s="2">
        <v>0</v>
      </c>
      <c r="J37648" s="2">
        <v>0</v>
      </c>
      <c r="K37648" s="2">
        <v>1</v>
      </c>
      <c r="L37648" t="s">
        <v>995</v>
      </c>
      <c r="M37648" t="s">
        <v>89</v>
      </c>
      <c r="N37648" t="s">
        <v>90</v>
      </c>
      <c r="O37648" t="s">
        <v>85</v>
      </c>
      <c r="P37648" t="s">
        <v>86</v>
      </c>
      <c r="Q37648">
        <v>29</v>
      </c>
      <c r="R37648">
        <v>29</v>
      </c>
      <c r="S37648">
        <v>30</v>
      </c>
      <c r="T37648">
        <v>30</v>
      </c>
      <c r="U37648">
        <v>31</v>
      </c>
      <c r="V37648">
        <v>31</v>
      </c>
      <c r="W37648">
        <v>32</v>
      </c>
      <c r="X37648">
        <v>32</v>
      </c>
      <c r="Y37648">
        <v>33</v>
      </c>
      <c r="Z37648">
        <v>33</v>
      </c>
      <c r="AA37648">
        <v>34</v>
      </c>
      <c r="AB37648">
        <v>34</v>
      </c>
      <c r="AC37648">
        <v>34</v>
      </c>
      <c r="AD37648">
        <v>35</v>
      </c>
      <c r="AE37648">
        <v>35</v>
      </c>
      <c r="AF37648">
        <v>35</v>
      </c>
      <c r="AG37648">
        <v>35</v>
      </c>
      <c r="AH37648">
        <v>35</v>
      </c>
      <c r="AI37648">
        <v>35</v>
      </c>
      <c r="AJ37648">
        <v>35</v>
      </c>
      <c r="AK37648">
        <v>35</v>
      </c>
      <c r="AL37648">
        <v>35</v>
      </c>
      <c r="AM37648">
        <v>34</v>
      </c>
      <c r="AN37648">
        <v>34</v>
      </c>
      <c r="AO37648">
        <v>34</v>
      </c>
      <c r="AP37648">
        <v>34</v>
      </c>
      <c r="AQ37648">
        <v>34</v>
      </c>
    </row>
    <row r="37649" spans="1:43">
      <c r="A37649" t="s">
        <v>23335</v>
      </c>
      <c r="B37649" t="s">
        <v>23336</v>
      </c>
      <c r="C37649" t="s">
        <v>23259</v>
      </c>
      <c r="D37649" t="s">
        <v>23260</v>
      </c>
      <c r="E37649" t="s">
        <v>23145</v>
      </c>
      <c r="F37649" t="s">
        <v>23146</v>
      </c>
      <c r="G37649" t="s">
        <v>11612</v>
      </c>
      <c r="H37649" t="s">
        <v>11613</v>
      </c>
      <c r="I37649" s="2">
        <v>0</v>
      </c>
      <c r="J37649" s="2">
        <v>0</v>
      </c>
      <c r="K37649" s="2">
        <v>1</v>
      </c>
      <c r="L37649" t="s">
        <v>995</v>
      </c>
      <c r="M37649" t="s">
        <v>83</v>
      </c>
      <c r="N37649" t="s">
        <v>91</v>
      </c>
      <c r="O37649" t="s">
        <v>85</v>
      </c>
      <c r="P37649" t="s">
        <v>86</v>
      </c>
      <c r="Q37649">
        <v>29</v>
      </c>
      <c r="R37649">
        <v>30</v>
      </c>
      <c r="S37649">
        <v>30</v>
      </c>
      <c r="T37649">
        <v>30</v>
      </c>
      <c r="U37649">
        <v>31</v>
      </c>
      <c r="V37649">
        <v>31</v>
      </c>
      <c r="W37649">
        <v>31</v>
      </c>
      <c r="X37649">
        <v>32</v>
      </c>
      <c r="Y37649">
        <v>32</v>
      </c>
      <c r="Z37649">
        <v>32</v>
      </c>
      <c r="AA37649">
        <v>33</v>
      </c>
      <c r="AB37649">
        <v>33</v>
      </c>
      <c r="AC37649">
        <v>33</v>
      </c>
      <c r="AD37649">
        <v>33</v>
      </c>
      <c r="AE37649">
        <v>34</v>
      </c>
      <c r="AF37649">
        <v>34</v>
      </c>
      <c r="AG37649">
        <v>34</v>
      </c>
      <c r="AH37649">
        <v>34</v>
      </c>
      <c r="AI37649">
        <v>35</v>
      </c>
      <c r="AJ37649">
        <v>35</v>
      </c>
      <c r="AK37649">
        <v>35</v>
      </c>
      <c r="AL37649">
        <v>35</v>
      </c>
      <c r="AM37649">
        <v>35</v>
      </c>
      <c r="AN37649">
        <v>35</v>
      </c>
      <c r="AO37649">
        <v>35</v>
      </c>
      <c r="AP37649">
        <v>35</v>
      </c>
      <c r="AQ37649">
        <v>35</v>
      </c>
    </row>
    <row r="37650" spans="1:43">
      <c r="A37650" t="s">
        <v>23337</v>
      </c>
      <c r="B37650" t="s">
        <v>23338</v>
      </c>
      <c r="C37650" t="s">
        <v>23259</v>
      </c>
      <c r="D37650" t="s">
        <v>23260</v>
      </c>
      <c r="E37650" t="s">
        <v>23145</v>
      </c>
      <c r="F37650" t="s">
        <v>23146</v>
      </c>
      <c r="G37650" t="s">
        <v>11612</v>
      </c>
      <c r="H37650" t="s">
        <v>11613</v>
      </c>
      <c r="I37650" s="2">
        <v>0</v>
      </c>
      <c r="J37650" s="2">
        <v>0</v>
      </c>
      <c r="K37650" s="2">
        <v>1</v>
      </c>
      <c r="L37650" t="s">
        <v>995</v>
      </c>
      <c r="M37650" t="s">
        <v>83</v>
      </c>
      <c r="N37650" t="s">
        <v>84</v>
      </c>
      <c r="O37650" t="s">
        <v>85</v>
      </c>
      <c r="P37650" t="s">
        <v>86</v>
      </c>
      <c r="Q37650">
        <v>14</v>
      </c>
      <c r="R37650">
        <v>14</v>
      </c>
      <c r="S37650">
        <v>15</v>
      </c>
      <c r="T37650">
        <v>15</v>
      </c>
      <c r="U37650">
        <v>15</v>
      </c>
      <c r="V37650">
        <v>15</v>
      </c>
      <c r="W37650">
        <v>15</v>
      </c>
      <c r="X37650">
        <v>15</v>
      </c>
      <c r="Y37650">
        <v>15</v>
      </c>
      <c r="Z37650">
        <v>16</v>
      </c>
      <c r="AA37650">
        <v>16</v>
      </c>
      <c r="AB37650">
        <v>16</v>
      </c>
      <c r="AC37650">
        <v>16</v>
      </c>
      <c r="AD37650">
        <v>16</v>
      </c>
      <c r="AE37650">
        <v>16</v>
      </c>
      <c r="AF37650">
        <v>16</v>
      </c>
      <c r="AG37650">
        <v>16</v>
      </c>
      <c r="AH37650">
        <v>17</v>
      </c>
      <c r="AI37650">
        <v>17</v>
      </c>
      <c r="AJ37650">
        <v>17</v>
      </c>
      <c r="AK37650">
        <v>17</v>
      </c>
      <c r="AL37650">
        <v>17</v>
      </c>
      <c r="AM37650">
        <v>17</v>
      </c>
      <c r="AN37650">
        <v>17</v>
      </c>
      <c r="AO37650">
        <v>17</v>
      </c>
      <c r="AP37650">
        <v>17</v>
      </c>
      <c r="AQ37650">
        <v>17</v>
      </c>
    </row>
    <row r="37651" spans="1:43">
      <c r="A37651" t="s">
        <v>23337</v>
      </c>
      <c r="B37651" t="s">
        <v>23338</v>
      </c>
      <c r="C37651" t="s">
        <v>23259</v>
      </c>
      <c r="D37651" t="s">
        <v>23260</v>
      </c>
      <c r="E37651" t="s">
        <v>23145</v>
      </c>
      <c r="F37651" t="s">
        <v>23146</v>
      </c>
      <c r="G37651" t="s">
        <v>11612</v>
      </c>
      <c r="H37651" t="s">
        <v>11613</v>
      </c>
      <c r="I37651" s="2">
        <v>0</v>
      </c>
      <c r="J37651" s="2">
        <v>0</v>
      </c>
      <c r="K37651" s="2">
        <v>1</v>
      </c>
      <c r="L37651" t="s">
        <v>995</v>
      </c>
      <c r="M37651" t="s">
        <v>87</v>
      </c>
      <c r="N37651" t="s">
        <v>88</v>
      </c>
      <c r="O37651" t="s">
        <v>85</v>
      </c>
      <c r="P37651" t="s">
        <v>86</v>
      </c>
      <c r="Q37651">
        <v>14</v>
      </c>
      <c r="R37651">
        <v>14</v>
      </c>
      <c r="S37651">
        <v>14</v>
      </c>
      <c r="T37651">
        <v>14</v>
      </c>
      <c r="U37651">
        <v>14</v>
      </c>
      <c r="V37651">
        <v>14</v>
      </c>
      <c r="W37651">
        <v>14</v>
      </c>
      <c r="X37651">
        <v>14</v>
      </c>
      <c r="Y37651">
        <v>14</v>
      </c>
      <c r="Z37651">
        <v>14</v>
      </c>
      <c r="AA37651">
        <v>14</v>
      </c>
      <c r="AB37651">
        <v>14</v>
      </c>
      <c r="AC37651">
        <v>14</v>
      </c>
      <c r="AD37651">
        <v>14</v>
      </c>
      <c r="AE37651">
        <v>14</v>
      </c>
      <c r="AF37651">
        <v>14</v>
      </c>
      <c r="AG37651">
        <v>14</v>
      </c>
      <c r="AH37651">
        <v>14</v>
      </c>
      <c r="AI37651">
        <v>14</v>
      </c>
      <c r="AJ37651">
        <v>14</v>
      </c>
      <c r="AK37651">
        <v>14</v>
      </c>
      <c r="AL37651">
        <v>14</v>
      </c>
      <c r="AM37651">
        <v>14</v>
      </c>
      <c r="AN37651">
        <v>14</v>
      </c>
      <c r="AO37651">
        <v>14</v>
      </c>
      <c r="AP37651">
        <v>14</v>
      </c>
      <c r="AQ37651">
        <v>14</v>
      </c>
    </row>
    <row r="37652" spans="1:43">
      <c r="A37652" t="s">
        <v>23337</v>
      </c>
      <c r="B37652" t="s">
        <v>23338</v>
      </c>
      <c r="C37652" t="s">
        <v>23259</v>
      </c>
      <c r="D37652" t="s">
        <v>23260</v>
      </c>
      <c r="E37652" t="s">
        <v>23145</v>
      </c>
      <c r="F37652" t="s">
        <v>23146</v>
      </c>
      <c r="G37652" t="s">
        <v>11612</v>
      </c>
      <c r="H37652" t="s">
        <v>11613</v>
      </c>
      <c r="I37652" s="2">
        <v>0</v>
      </c>
      <c r="J37652" s="2">
        <v>0</v>
      </c>
      <c r="K37652" s="2">
        <v>1</v>
      </c>
      <c r="L37652" t="s">
        <v>995</v>
      </c>
      <c r="M37652" t="s">
        <v>89</v>
      </c>
      <c r="N37652" t="s">
        <v>90</v>
      </c>
      <c r="O37652" t="s">
        <v>85</v>
      </c>
      <c r="P37652" t="s">
        <v>86</v>
      </c>
      <c r="Q37652">
        <v>14</v>
      </c>
      <c r="R37652">
        <v>15</v>
      </c>
      <c r="S37652">
        <v>15</v>
      </c>
      <c r="T37652">
        <v>15</v>
      </c>
      <c r="U37652">
        <v>16</v>
      </c>
      <c r="V37652">
        <v>16</v>
      </c>
      <c r="W37652">
        <v>16</v>
      </c>
      <c r="X37652">
        <v>16</v>
      </c>
      <c r="Y37652">
        <v>16</v>
      </c>
      <c r="Z37652">
        <v>17</v>
      </c>
      <c r="AA37652">
        <v>17</v>
      </c>
      <c r="AB37652">
        <v>17</v>
      </c>
      <c r="AC37652">
        <v>17</v>
      </c>
      <c r="AD37652">
        <v>17</v>
      </c>
      <c r="AE37652">
        <v>17</v>
      </c>
      <c r="AF37652">
        <v>17</v>
      </c>
      <c r="AG37652">
        <v>17</v>
      </c>
      <c r="AH37652">
        <v>17</v>
      </c>
      <c r="AI37652">
        <v>17</v>
      </c>
      <c r="AJ37652">
        <v>17</v>
      </c>
      <c r="AK37652">
        <v>17</v>
      </c>
      <c r="AL37652">
        <v>17</v>
      </c>
      <c r="AM37652">
        <v>17</v>
      </c>
      <c r="AN37652">
        <v>17</v>
      </c>
      <c r="AO37652">
        <v>17</v>
      </c>
      <c r="AP37652">
        <v>17</v>
      </c>
      <c r="AQ37652">
        <v>17</v>
      </c>
    </row>
    <row r="37653" spans="1:43">
      <c r="A37653" t="s">
        <v>23337</v>
      </c>
      <c r="B37653" t="s">
        <v>23338</v>
      </c>
      <c r="C37653" t="s">
        <v>23259</v>
      </c>
      <c r="D37653" t="s">
        <v>23260</v>
      </c>
      <c r="E37653" t="s">
        <v>23145</v>
      </c>
      <c r="F37653" t="s">
        <v>23146</v>
      </c>
      <c r="G37653" t="s">
        <v>11612</v>
      </c>
      <c r="H37653" t="s">
        <v>11613</v>
      </c>
      <c r="I37653" s="2">
        <v>0</v>
      </c>
      <c r="J37653" s="2">
        <v>0</v>
      </c>
      <c r="K37653" s="2">
        <v>1</v>
      </c>
      <c r="L37653" t="s">
        <v>995</v>
      </c>
      <c r="M37653" t="s">
        <v>83</v>
      </c>
      <c r="N37653" t="s">
        <v>91</v>
      </c>
      <c r="O37653" t="s">
        <v>85</v>
      </c>
      <c r="P37653" t="s">
        <v>86</v>
      </c>
      <c r="Q37653">
        <v>14</v>
      </c>
      <c r="R37653">
        <v>14</v>
      </c>
      <c r="S37653">
        <v>15</v>
      </c>
      <c r="T37653">
        <v>15</v>
      </c>
      <c r="U37653">
        <v>15</v>
      </c>
      <c r="V37653">
        <v>15</v>
      </c>
      <c r="W37653">
        <v>15</v>
      </c>
      <c r="X37653">
        <v>15</v>
      </c>
      <c r="Y37653">
        <v>15</v>
      </c>
      <c r="Z37653">
        <v>16</v>
      </c>
      <c r="AA37653">
        <v>16</v>
      </c>
      <c r="AB37653">
        <v>16</v>
      </c>
      <c r="AC37653">
        <v>16</v>
      </c>
      <c r="AD37653">
        <v>16</v>
      </c>
      <c r="AE37653">
        <v>16</v>
      </c>
      <c r="AF37653">
        <v>16</v>
      </c>
      <c r="AG37653">
        <v>16</v>
      </c>
      <c r="AH37653">
        <v>17</v>
      </c>
      <c r="AI37653">
        <v>17</v>
      </c>
      <c r="AJ37653">
        <v>17</v>
      </c>
      <c r="AK37653">
        <v>17</v>
      </c>
      <c r="AL37653">
        <v>17</v>
      </c>
      <c r="AM37653">
        <v>17</v>
      </c>
      <c r="AN37653">
        <v>17</v>
      </c>
      <c r="AO37653">
        <v>17</v>
      </c>
      <c r="AP37653">
        <v>17</v>
      </c>
      <c r="AQ37653">
        <v>17</v>
      </c>
    </row>
    <row r="37654" spans="1:43">
      <c r="A37654" t="s">
        <v>23339</v>
      </c>
      <c r="B37654" t="s">
        <v>23340</v>
      </c>
      <c r="C37654" t="s">
        <v>23265</v>
      </c>
      <c r="D37654" t="s">
        <v>23266</v>
      </c>
      <c r="E37654" t="s">
        <v>23145</v>
      </c>
      <c r="F37654" t="s">
        <v>23146</v>
      </c>
      <c r="G37654" t="s">
        <v>11612</v>
      </c>
      <c r="H37654" t="s">
        <v>11613</v>
      </c>
      <c r="I37654" s="2">
        <v>0</v>
      </c>
      <c r="J37654" s="2">
        <v>0</v>
      </c>
      <c r="K37654" s="2">
        <v>1</v>
      </c>
      <c r="L37654" t="s">
        <v>995</v>
      </c>
      <c r="M37654" t="s">
        <v>83</v>
      </c>
      <c r="N37654" t="s">
        <v>84</v>
      </c>
      <c r="O37654" t="s">
        <v>85</v>
      </c>
      <c r="P37654" t="s">
        <v>86</v>
      </c>
      <c r="Q37654">
        <v>15</v>
      </c>
      <c r="R37654">
        <v>15</v>
      </c>
      <c r="S37654">
        <v>15</v>
      </c>
      <c r="T37654">
        <v>15</v>
      </c>
      <c r="U37654">
        <v>16</v>
      </c>
      <c r="V37654">
        <v>16</v>
      </c>
      <c r="W37654">
        <v>16</v>
      </c>
      <c r="X37654">
        <v>16</v>
      </c>
      <c r="Y37654">
        <v>16</v>
      </c>
      <c r="Z37654">
        <v>16</v>
      </c>
      <c r="AA37654">
        <v>16</v>
      </c>
      <c r="AB37654">
        <v>17</v>
      </c>
      <c r="AC37654">
        <v>17</v>
      </c>
      <c r="AD37654">
        <v>17</v>
      </c>
      <c r="AE37654">
        <v>17</v>
      </c>
      <c r="AF37654">
        <v>17</v>
      </c>
      <c r="AG37654">
        <v>17</v>
      </c>
      <c r="AH37654">
        <v>17</v>
      </c>
      <c r="AI37654">
        <v>17</v>
      </c>
      <c r="AJ37654">
        <v>17</v>
      </c>
      <c r="AK37654">
        <v>17</v>
      </c>
      <c r="AL37654">
        <v>17</v>
      </c>
      <c r="AM37654">
        <v>17</v>
      </c>
      <c r="AN37654">
        <v>17</v>
      </c>
      <c r="AO37654">
        <v>17</v>
      </c>
      <c r="AP37654">
        <v>17</v>
      </c>
      <c r="AQ37654">
        <v>17</v>
      </c>
    </row>
    <row r="37655" spans="1:43">
      <c r="A37655" t="s">
        <v>23339</v>
      </c>
      <c r="B37655" t="s">
        <v>23340</v>
      </c>
      <c r="C37655" t="s">
        <v>23265</v>
      </c>
      <c r="D37655" t="s">
        <v>23266</v>
      </c>
      <c r="E37655" t="s">
        <v>23145</v>
      </c>
      <c r="F37655" t="s">
        <v>23146</v>
      </c>
      <c r="G37655" t="s">
        <v>11612</v>
      </c>
      <c r="H37655" t="s">
        <v>11613</v>
      </c>
      <c r="I37655" s="2">
        <v>0</v>
      </c>
      <c r="J37655" s="2">
        <v>0</v>
      </c>
      <c r="K37655" s="2">
        <v>1</v>
      </c>
      <c r="L37655" t="s">
        <v>995</v>
      </c>
      <c r="M37655" t="s">
        <v>87</v>
      </c>
      <c r="N37655" t="s">
        <v>88</v>
      </c>
      <c r="O37655" t="s">
        <v>85</v>
      </c>
      <c r="P37655" t="s">
        <v>86</v>
      </c>
      <c r="Q37655">
        <v>15</v>
      </c>
      <c r="R37655">
        <v>15</v>
      </c>
      <c r="S37655">
        <v>15</v>
      </c>
      <c r="T37655">
        <v>15</v>
      </c>
      <c r="U37655">
        <v>15</v>
      </c>
      <c r="V37655">
        <v>15</v>
      </c>
      <c r="W37655">
        <v>15</v>
      </c>
      <c r="X37655">
        <v>15</v>
      </c>
      <c r="Y37655">
        <v>15</v>
      </c>
      <c r="Z37655">
        <v>15</v>
      </c>
      <c r="AA37655">
        <v>15</v>
      </c>
      <c r="AB37655">
        <v>15</v>
      </c>
      <c r="AC37655">
        <v>15</v>
      </c>
      <c r="AD37655">
        <v>15</v>
      </c>
      <c r="AE37655">
        <v>15</v>
      </c>
      <c r="AF37655">
        <v>15</v>
      </c>
      <c r="AG37655">
        <v>15</v>
      </c>
      <c r="AH37655">
        <v>15</v>
      </c>
      <c r="AI37655">
        <v>15</v>
      </c>
      <c r="AJ37655">
        <v>15</v>
      </c>
      <c r="AK37655">
        <v>15</v>
      </c>
      <c r="AL37655">
        <v>15</v>
      </c>
      <c r="AM37655">
        <v>15</v>
      </c>
      <c r="AN37655">
        <v>15</v>
      </c>
      <c r="AO37655">
        <v>15</v>
      </c>
      <c r="AP37655">
        <v>15</v>
      </c>
      <c r="AQ37655">
        <v>15</v>
      </c>
    </row>
    <row r="37656" spans="1:43">
      <c r="A37656" t="s">
        <v>23339</v>
      </c>
      <c r="B37656" t="s">
        <v>23340</v>
      </c>
      <c r="C37656" t="s">
        <v>23265</v>
      </c>
      <c r="D37656" t="s">
        <v>23266</v>
      </c>
      <c r="E37656" t="s">
        <v>23145</v>
      </c>
      <c r="F37656" t="s">
        <v>23146</v>
      </c>
      <c r="G37656" t="s">
        <v>11612</v>
      </c>
      <c r="H37656" t="s">
        <v>11613</v>
      </c>
      <c r="I37656" s="2">
        <v>0</v>
      </c>
      <c r="J37656" s="2">
        <v>0</v>
      </c>
      <c r="K37656" s="2">
        <v>1</v>
      </c>
      <c r="L37656" t="s">
        <v>995</v>
      </c>
      <c r="M37656" t="s">
        <v>89</v>
      </c>
      <c r="N37656" t="s">
        <v>90</v>
      </c>
      <c r="O37656" t="s">
        <v>85</v>
      </c>
      <c r="P37656" t="s">
        <v>86</v>
      </c>
      <c r="Q37656">
        <v>15</v>
      </c>
      <c r="R37656">
        <v>15</v>
      </c>
      <c r="S37656">
        <v>16</v>
      </c>
      <c r="T37656">
        <v>16</v>
      </c>
      <c r="U37656">
        <v>16</v>
      </c>
      <c r="V37656">
        <v>16</v>
      </c>
      <c r="W37656">
        <v>17</v>
      </c>
      <c r="X37656">
        <v>17</v>
      </c>
      <c r="Y37656">
        <v>17</v>
      </c>
      <c r="Z37656">
        <v>17</v>
      </c>
      <c r="AA37656">
        <v>17</v>
      </c>
      <c r="AB37656">
        <v>18</v>
      </c>
      <c r="AC37656">
        <v>18</v>
      </c>
      <c r="AD37656">
        <v>18</v>
      </c>
      <c r="AE37656">
        <v>18</v>
      </c>
      <c r="AF37656">
        <v>18</v>
      </c>
      <c r="AG37656">
        <v>18</v>
      </c>
      <c r="AH37656">
        <v>18</v>
      </c>
      <c r="AI37656">
        <v>18</v>
      </c>
      <c r="AJ37656">
        <v>18</v>
      </c>
      <c r="AK37656">
        <v>18</v>
      </c>
      <c r="AL37656">
        <v>18</v>
      </c>
      <c r="AM37656">
        <v>18</v>
      </c>
      <c r="AN37656">
        <v>18</v>
      </c>
      <c r="AO37656">
        <v>17</v>
      </c>
      <c r="AP37656">
        <v>17</v>
      </c>
      <c r="AQ37656">
        <v>17</v>
      </c>
    </row>
    <row r="37657" spans="1:43">
      <c r="A37657" t="s">
        <v>23339</v>
      </c>
      <c r="B37657" t="s">
        <v>23340</v>
      </c>
      <c r="C37657" t="s">
        <v>23265</v>
      </c>
      <c r="D37657" t="s">
        <v>23266</v>
      </c>
      <c r="E37657" t="s">
        <v>23145</v>
      </c>
      <c r="F37657" t="s">
        <v>23146</v>
      </c>
      <c r="G37657" t="s">
        <v>11612</v>
      </c>
      <c r="H37657" t="s">
        <v>11613</v>
      </c>
      <c r="I37657" s="2">
        <v>0</v>
      </c>
      <c r="J37657" s="2">
        <v>0</v>
      </c>
      <c r="K37657" s="2">
        <v>1</v>
      </c>
      <c r="L37657" t="s">
        <v>995</v>
      </c>
      <c r="M37657" t="s">
        <v>83</v>
      </c>
      <c r="N37657" t="s">
        <v>91</v>
      </c>
      <c r="O37657" t="s">
        <v>85</v>
      </c>
      <c r="P37657" t="s">
        <v>86</v>
      </c>
      <c r="Q37657">
        <v>15</v>
      </c>
      <c r="R37657">
        <v>15</v>
      </c>
      <c r="S37657">
        <v>15</v>
      </c>
      <c r="T37657">
        <v>15</v>
      </c>
      <c r="U37657">
        <v>16</v>
      </c>
      <c r="V37657">
        <v>16</v>
      </c>
      <c r="W37657">
        <v>16</v>
      </c>
      <c r="X37657">
        <v>16</v>
      </c>
      <c r="Y37657">
        <v>16</v>
      </c>
      <c r="Z37657">
        <v>16</v>
      </c>
      <c r="AA37657">
        <v>16</v>
      </c>
      <c r="AB37657">
        <v>17</v>
      </c>
      <c r="AC37657">
        <v>17</v>
      </c>
      <c r="AD37657">
        <v>17</v>
      </c>
      <c r="AE37657">
        <v>17</v>
      </c>
      <c r="AF37657">
        <v>17</v>
      </c>
      <c r="AG37657">
        <v>17</v>
      </c>
      <c r="AH37657">
        <v>17</v>
      </c>
      <c r="AI37657">
        <v>17</v>
      </c>
      <c r="AJ37657">
        <v>17</v>
      </c>
      <c r="AK37657">
        <v>17</v>
      </c>
      <c r="AL37657">
        <v>17</v>
      </c>
      <c r="AM37657">
        <v>17</v>
      </c>
      <c r="AN37657">
        <v>17</v>
      </c>
      <c r="AO37657">
        <v>17</v>
      </c>
      <c r="AP37657">
        <v>17</v>
      </c>
      <c r="AQ37657">
        <v>17</v>
      </c>
    </row>
    <row r="37658" spans="1:43">
      <c r="A37658" t="s">
        <v>23341</v>
      </c>
      <c r="B37658" t="s">
        <v>23342</v>
      </c>
      <c r="C37658" t="s">
        <v>23259</v>
      </c>
      <c r="D37658" t="s">
        <v>23260</v>
      </c>
      <c r="E37658" t="s">
        <v>23145</v>
      </c>
      <c r="F37658" t="s">
        <v>23146</v>
      </c>
      <c r="G37658" t="s">
        <v>11612</v>
      </c>
      <c r="H37658" t="s">
        <v>11613</v>
      </c>
      <c r="I37658" s="2">
        <v>0</v>
      </c>
      <c r="J37658" s="2">
        <v>0</v>
      </c>
      <c r="K37658" s="2">
        <v>1</v>
      </c>
      <c r="L37658" t="s">
        <v>995</v>
      </c>
      <c r="M37658" t="s">
        <v>83</v>
      </c>
      <c r="N37658" t="s">
        <v>84</v>
      </c>
      <c r="O37658" t="s">
        <v>85</v>
      </c>
      <c r="P37658" t="s">
        <v>86</v>
      </c>
      <c r="Q37658">
        <v>16</v>
      </c>
      <c r="R37658">
        <v>16</v>
      </c>
      <c r="S37658">
        <v>16</v>
      </c>
      <c r="T37658">
        <v>16</v>
      </c>
      <c r="U37658">
        <v>16</v>
      </c>
      <c r="V37658">
        <v>16</v>
      </c>
      <c r="W37658">
        <v>17</v>
      </c>
      <c r="X37658">
        <v>17</v>
      </c>
      <c r="Y37658">
        <v>17</v>
      </c>
      <c r="Z37658">
        <v>17</v>
      </c>
      <c r="AA37658">
        <v>17</v>
      </c>
      <c r="AB37658">
        <v>17</v>
      </c>
      <c r="AC37658">
        <v>17</v>
      </c>
      <c r="AD37658">
        <v>17</v>
      </c>
      <c r="AE37658">
        <v>18</v>
      </c>
      <c r="AF37658">
        <v>18</v>
      </c>
      <c r="AG37658">
        <v>18</v>
      </c>
      <c r="AH37658">
        <v>18</v>
      </c>
      <c r="AI37658">
        <v>18</v>
      </c>
      <c r="AJ37658">
        <v>18</v>
      </c>
      <c r="AK37658">
        <v>18</v>
      </c>
      <c r="AL37658">
        <v>18</v>
      </c>
      <c r="AM37658">
        <v>18</v>
      </c>
      <c r="AN37658">
        <v>18</v>
      </c>
      <c r="AO37658">
        <v>18</v>
      </c>
      <c r="AP37658">
        <v>18</v>
      </c>
      <c r="AQ37658">
        <v>18</v>
      </c>
    </row>
    <row r="37659" spans="1:43">
      <c r="A37659" t="s">
        <v>23341</v>
      </c>
      <c r="B37659" t="s">
        <v>23342</v>
      </c>
      <c r="C37659" t="s">
        <v>23259</v>
      </c>
      <c r="D37659" t="s">
        <v>23260</v>
      </c>
      <c r="E37659" t="s">
        <v>23145</v>
      </c>
      <c r="F37659" t="s">
        <v>23146</v>
      </c>
      <c r="G37659" t="s">
        <v>11612</v>
      </c>
      <c r="H37659" t="s">
        <v>11613</v>
      </c>
      <c r="I37659" s="2">
        <v>0</v>
      </c>
      <c r="J37659" s="2">
        <v>0</v>
      </c>
      <c r="K37659" s="2">
        <v>1</v>
      </c>
      <c r="L37659" t="s">
        <v>995</v>
      </c>
      <c r="M37659" t="s">
        <v>87</v>
      </c>
      <c r="N37659" t="s">
        <v>88</v>
      </c>
      <c r="O37659" t="s">
        <v>85</v>
      </c>
      <c r="P37659" t="s">
        <v>86</v>
      </c>
      <c r="Q37659">
        <v>16</v>
      </c>
      <c r="R37659">
        <v>16</v>
      </c>
      <c r="S37659">
        <v>16</v>
      </c>
      <c r="T37659">
        <v>16</v>
      </c>
      <c r="U37659">
        <v>16</v>
      </c>
      <c r="V37659">
        <v>16</v>
      </c>
      <c r="W37659">
        <v>16</v>
      </c>
      <c r="X37659">
        <v>16</v>
      </c>
      <c r="Y37659">
        <v>16</v>
      </c>
      <c r="Z37659">
        <v>16</v>
      </c>
      <c r="AA37659">
        <v>16</v>
      </c>
      <c r="AB37659">
        <v>16</v>
      </c>
      <c r="AC37659">
        <v>16</v>
      </c>
      <c r="AD37659">
        <v>16</v>
      </c>
      <c r="AE37659">
        <v>16</v>
      </c>
      <c r="AF37659">
        <v>16</v>
      </c>
      <c r="AG37659">
        <v>16</v>
      </c>
      <c r="AH37659">
        <v>16</v>
      </c>
      <c r="AI37659">
        <v>16</v>
      </c>
      <c r="AJ37659">
        <v>16</v>
      </c>
      <c r="AK37659">
        <v>16</v>
      </c>
      <c r="AL37659">
        <v>16</v>
      </c>
      <c r="AM37659">
        <v>16</v>
      </c>
      <c r="AN37659">
        <v>15</v>
      </c>
      <c r="AO37659">
        <v>15</v>
      </c>
      <c r="AP37659">
        <v>15</v>
      </c>
      <c r="AQ37659">
        <v>15</v>
      </c>
    </row>
    <row r="37660" spans="1:43">
      <c r="A37660" t="s">
        <v>23341</v>
      </c>
      <c r="B37660" t="s">
        <v>23342</v>
      </c>
      <c r="C37660" t="s">
        <v>23259</v>
      </c>
      <c r="D37660" t="s">
        <v>23260</v>
      </c>
      <c r="E37660" t="s">
        <v>23145</v>
      </c>
      <c r="F37660" t="s">
        <v>23146</v>
      </c>
      <c r="G37660" t="s">
        <v>11612</v>
      </c>
      <c r="H37660" t="s">
        <v>11613</v>
      </c>
      <c r="I37660" s="2">
        <v>0</v>
      </c>
      <c r="J37660" s="2">
        <v>0</v>
      </c>
      <c r="K37660" s="2">
        <v>1</v>
      </c>
      <c r="L37660" t="s">
        <v>995</v>
      </c>
      <c r="M37660" t="s">
        <v>89</v>
      </c>
      <c r="N37660" t="s">
        <v>90</v>
      </c>
      <c r="O37660" t="s">
        <v>85</v>
      </c>
      <c r="P37660" t="s">
        <v>86</v>
      </c>
      <c r="Q37660">
        <v>16</v>
      </c>
      <c r="R37660">
        <v>16</v>
      </c>
      <c r="S37660">
        <v>16</v>
      </c>
      <c r="T37660">
        <v>17</v>
      </c>
      <c r="U37660">
        <v>17</v>
      </c>
      <c r="V37660">
        <v>17</v>
      </c>
      <c r="W37660">
        <v>17</v>
      </c>
      <c r="X37660">
        <v>18</v>
      </c>
      <c r="Y37660">
        <v>18</v>
      </c>
      <c r="Z37660">
        <v>18</v>
      </c>
      <c r="AA37660">
        <v>18</v>
      </c>
      <c r="AB37660">
        <v>18</v>
      </c>
      <c r="AC37660">
        <v>19</v>
      </c>
      <c r="AD37660">
        <v>19</v>
      </c>
      <c r="AE37660">
        <v>19</v>
      </c>
      <c r="AF37660">
        <v>19</v>
      </c>
      <c r="AG37660">
        <v>19</v>
      </c>
      <c r="AH37660">
        <v>19</v>
      </c>
      <c r="AI37660">
        <v>19</v>
      </c>
      <c r="AJ37660">
        <v>18</v>
      </c>
      <c r="AK37660">
        <v>18</v>
      </c>
      <c r="AL37660">
        <v>18</v>
      </c>
      <c r="AM37660">
        <v>18</v>
      </c>
      <c r="AN37660">
        <v>18</v>
      </c>
      <c r="AO37660">
        <v>18</v>
      </c>
      <c r="AP37660">
        <v>18</v>
      </c>
      <c r="AQ37660">
        <v>18</v>
      </c>
    </row>
    <row r="37661" spans="1:43">
      <c r="A37661" t="s">
        <v>23341</v>
      </c>
      <c r="B37661" t="s">
        <v>23342</v>
      </c>
      <c r="C37661" t="s">
        <v>23259</v>
      </c>
      <c r="D37661" t="s">
        <v>23260</v>
      </c>
      <c r="E37661" t="s">
        <v>23145</v>
      </c>
      <c r="F37661" t="s">
        <v>23146</v>
      </c>
      <c r="G37661" t="s">
        <v>11612</v>
      </c>
      <c r="H37661" t="s">
        <v>11613</v>
      </c>
      <c r="I37661" s="2">
        <v>0</v>
      </c>
      <c r="J37661" s="2">
        <v>0</v>
      </c>
      <c r="K37661" s="2">
        <v>1</v>
      </c>
      <c r="L37661" t="s">
        <v>995</v>
      </c>
      <c r="M37661" t="s">
        <v>83</v>
      </c>
      <c r="N37661" t="s">
        <v>91</v>
      </c>
      <c r="O37661" t="s">
        <v>85</v>
      </c>
      <c r="P37661" t="s">
        <v>86</v>
      </c>
      <c r="Q37661">
        <v>16</v>
      </c>
      <c r="R37661">
        <v>16</v>
      </c>
      <c r="S37661">
        <v>16</v>
      </c>
      <c r="T37661">
        <v>16</v>
      </c>
      <c r="U37661">
        <v>16</v>
      </c>
      <c r="V37661">
        <v>16</v>
      </c>
      <c r="W37661">
        <v>17</v>
      </c>
      <c r="X37661">
        <v>17</v>
      </c>
      <c r="Y37661">
        <v>17</v>
      </c>
      <c r="Z37661">
        <v>17</v>
      </c>
      <c r="AA37661">
        <v>17</v>
      </c>
      <c r="AB37661">
        <v>17</v>
      </c>
      <c r="AC37661">
        <v>17</v>
      </c>
      <c r="AD37661">
        <v>17</v>
      </c>
      <c r="AE37661">
        <v>18</v>
      </c>
      <c r="AF37661">
        <v>18</v>
      </c>
      <c r="AG37661">
        <v>18</v>
      </c>
      <c r="AH37661">
        <v>18</v>
      </c>
      <c r="AI37661">
        <v>18</v>
      </c>
      <c r="AJ37661">
        <v>18</v>
      </c>
      <c r="AK37661">
        <v>18</v>
      </c>
      <c r="AL37661">
        <v>18</v>
      </c>
      <c r="AM37661">
        <v>18</v>
      </c>
      <c r="AN37661">
        <v>18</v>
      </c>
      <c r="AO37661">
        <v>18</v>
      </c>
      <c r="AP37661">
        <v>18</v>
      </c>
      <c r="AQ37661">
        <v>18</v>
      </c>
    </row>
    <row r="37662" spans="1:43">
      <c r="A37662" t="s">
        <v>23343</v>
      </c>
      <c r="B37662" t="s">
        <v>23344</v>
      </c>
      <c r="C37662" t="s">
        <v>23345</v>
      </c>
      <c r="D37662" t="s">
        <v>23346</v>
      </c>
      <c r="E37662" t="s">
        <v>23347</v>
      </c>
      <c r="F37662" t="s">
        <v>23348</v>
      </c>
      <c r="G37662" t="s">
        <v>22539</v>
      </c>
      <c r="H37662" t="s">
        <v>22540</v>
      </c>
      <c r="I37662" s="2">
        <v>0</v>
      </c>
      <c r="J37662" s="2">
        <v>0</v>
      </c>
      <c r="K37662" s="2">
        <v>1</v>
      </c>
      <c r="L37662" t="s">
        <v>995</v>
      </c>
      <c r="M37662" t="s">
        <v>83</v>
      </c>
      <c r="N37662" t="s">
        <v>84</v>
      </c>
      <c r="O37662" t="s">
        <v>85</v>
      </c>
      <c r="P37662" t="s">
        <v>86</v>
      </c>
      <c r="Q37662">
        <v>47</v>
      </c>
      <c r="R37662">
        <v>47</v>
      </c>
      <c r="S37662">
        <v>48</v>
      </c>
      <c r="T37662">
        <v>49</v>
      </c>
      <c r="U37662">
        <v>49</v>
      </c>
      <c r="V37662">
        <v>50</v>
      </c>
      <c r="W37662">
        <v>51</v>
      </c>
      <c r="X37662">
        <v>52</v>
      </c>
      <c r="Y37662">
        <v>52</v>
      </c>
      <c r="Z37662">
        <v>53</v>
      </c>
      <c r="AA37662">
        <v>54</v>
      </c>
      <c r="AB37662">
        <v>54</v>
      </c>
      <c r="AC37662">
        <v>55</v>
      </c>
      <c r="AD37662">
        <v>56</v>
      </c>
      <c r="AE37662">
        <v>56</v>
      </c>
      <c r="AF37662">
        <v>57</v>
      </c>
      <c r="AG37662">
        <v>58</v>
      </c>
      <c r="AH37662">
        <v>58</v>
      </c>
      <c r="AI37662">
        <v>59</v>
      </c>
      <c r="AJ37662">
        <v>60</v>
      </c>
      <c r="AK37662">
        <v>60</v>
      </c>
      <c r="AL37662">
        <v>61</v>
      </c>
      <c r="AM37662">
        <v>61</v>
      </c>
      <c r="AN37662">
        <v>61</v>
      </c>
      <c r="AO37662">
        <v>61</v>
      </c>
      <c r="AP37662">
        <v>61</v>
      </c>
      <c r="AQ37662">
        <v>61</v>
      </c>
    </row>
    <row r="37663" spans="1:43">
      <c r="A37663" t="s">
        <v>23343</v>
      </c>
      <c r="B37663" t="s">
        <v>23344</v>
      </c>
      <c r="C37663" t="s">
        <v>23345</v>
      </c>
      <c r="D37663" t="s">
        <v>23346</v>
      </c>
      <c r="E37663" t="s">
        <v>23347</v>
      </c>
      <c r="F37663" t="s">
        <v>23348</v>
      </c>
      <c r="G37663" t="s">
        <v>22539</v>
      </c>
      <c r="H37663" t="s">
        <v>22540</v>
      </c>
      <c r="I37663" s="2">
        <v>0</v>
      </c>
      <c r="J37663" s="2">
        <v>0</v>
      </c>
      <c r="K37663" s="2">
        <v>1</v>
      </c>
      <c r="L37663" t="s">
        <v>995</v>
      </c>
      <c r="M37663" t="s">
        <v>87</v>
      </c>
      <c r="N37663" t="s">
        <v>88</v>
      </c>
      <c r="O37663" t="s">
        <v>85</v>
      </c>
      <c r="P37663" t="s">
        <v>86</v>
      </c>
      <c r="Q37663">
        <v>47</v>
      </c>
      <c r="R37663">
        <v>47</v>
      </c>
      <c r="S37663">
        <v>48</v>
      </c>
      <c r="T37663">
        <v>48</v>
      </c>
      <c r="U37663">
        <v>48</v>
      </c>
      <c r="V37663">
        <v>48</v>
      </c>
      <c r="W37663">
        <v>49</v>
      </c>
      <c r="X37663">
        <v>49</v>
      </c>
      <c r="Y37663">
        <v>49</v>
      </c>
      <c r="Z37663">
        <v>50</v>
      </c>
      <c r="AA37663">
        <v>50</v>
      </c>
      <c r="AB37663">
        <v>50</v>
      </c>
      <c r="AC37663">
        <v>50</v>
      </c>
      <c r="AD37663">
        <v>51</v>
      </c>
      <c r="AE37663">
        <v>51</v>
      </c>
      <c r="AF37663">
        <v>51</v>
      </c>
      <c r="AG37663">
        <v>51</v>
      </c>
      <c r="AH37663">
        <v>52</v>
      </c>
      <c r="AI37663">
        <v>52</v>
      </c>
      <c r="AJ37663">
        <v>52</v>
      </c>
      <c r="AK37663">
        <v>53</v>
      </c>
      <c r="AL37663">
        <v>53</v>
      </c>
      <c r="AM37663">
        <v>53</v>
      </c>
      <c r="AN37663">
        <v>53</v>
      </c>
      <c r="AO37663">
        <v>54</v>
      </c>
      <c r="AP37663">
        <v>54</v>
      </c>
      <c r="AQ37663">
        <v>54</v>
      </c>
    </row>
    <row r="37664" spans="1:43">
      <c r="A37664" t="s">
        <v>23343</v>
      </c>
      <c r="B37664" t="s">
        <v>23344</v>
      </c>
      <c r="C37664" t="s">
        <v>23345</v>
      </c>
      <c r="D37664" t="s">
        <v>23346</v>
      </c>
      <c r="E37664" t="s">
        <v>23347</v>
      </c>
      <c r="F37664" t="s">
        <v>23348</v>
      </c>
      <c r="G37664" t="s">
        <v>22539</v>
      </c>
      <c r="H37664" t="s">
        <v>22540</v>
      </c>
      <c r="I37664" s="2">
        <v>0</v>
      </c>
      <c r="J37664" s="2">
        <v>0</v>
      </c>
      <c r="K37664" s="2">
        <v>1</v>
      </c>
      <c r="L37664" t="s">
        <v>995</v>
      </c>
      <c r="M37664" t="s">
        <v>89</v>
      </c>
      <c r="N37664" t="s">
        <v>90</v>
      </c>
      <c r="O37664" t="s">
        <v>85</v>
      </c>
      <c r="P37664" t="s">
        <v>86</v>
      </c>
      <c r="Q37664">
        <v>47</v>
      </c>
      <c r="R37664">
        <v>48</v>
      </c>
      <c r="S37664">
        <v>49</v>
      </c>
      <c r="T37664">
        <v>50</v>
      </c>
      <c r="U37664">
        <v>51</v>
      </c>
      <c r="V37664">
        <v>52</v>
      </c>
      <c r="W37664">
        <v>53</v>
      </c>
      <c r="X37664">
        <v>54</v>
      </c>
      <c r="Y37664">
        <v>55</v>
      </c>
      <c r="Z37664">
        <v>56</v>
      </c>
      <c r="AA37664">
        <v>57</v>
      </c>
      <c r="AB37664">
        <v>58</v>
      </c>
      <c r="AC37664">
        <v>59</v>
      </c>
      <c r="AD37664">
        <v>60</v>
      </c>
      <c r="AE37664">
        <v>60</v>
      </c>
      <c r="AF37664">
        <v>60</v>
      </c>
      <c r="AG37664">
        <v>60</v>
      </c>
      <c r="AH37664">
        <v>61</v>
      </c>
      <c r="AI37664">
        <v>61</v>
      </c>
      <c r="AJ37664">
        <v>61</v>
      </c>
      <c r="AK37664">
        <v>61</v>
      </c>
      <c r="AL37664">
        <v>61</v>
      </c>
      <c r="AM37664">
        <v>61</v>
      </c>
      <c r="AN37664">
        <v>61</v>
      </c>
      <c r="AO37664">
        <v>61</v>
      </c>
      <c r="AP37664">
        <v>62</v>
      </c>
      <c r="AQ37664">
        <v>62</v>
      </c>
    </row>
    <row r="37665" spans="1:43">
      <c r="A37665" t="s">
        <v>23343</v>
      </c>
      <c r="B37665" t="s">
        <v>23344</v>
      </c>
      <c r="C37665" t="s">
        <v>23345</v>
      </c>
      <c r="D37665" t="s">
        <v>23346</v>
      </c>
      <c r="E37665" t="s">
        <v>23347</v>
      </c>
      <c r="F37665" t="s">
        <v>23348</v>
      </c>
      <c r="G37665" t="s">
        <v>22539</v>
      </c>
      <c r="H37665" t="s">
        <v>22540</v>
      </c>
      <c r="I37665" s="2">
        <v>0</v>
      </c>
      <c r="J37665" s="2">
        <v>0</v>
      </c>
      <c r="K37665" s="2">
        <v>1</v>
      </c>
      <c r="L37665" t="s">
        <v>995</v>
      </c>
      <c r="M37665" t="s">
        <v>83</v>
      </c>
      <c r="N37665" t="s">
        <v>91</v>
      </c>
      <c r="O37665" t="s">
        <v>85</v>
      </c>
      <c r="P37665" t="s">
        <v>86</v>
      </c>
      <c r="Q37665">
        <v>47</v>
      </c>
      <c r="R37665">
        <v>47</v>
      </c>
      <c r="S37665">
        <v>48</v>
      </c>
      <c r="T37665">
        <v>49</v>
      </c>
      <c r="U37665">
        <v>49</v>
      </c>
      <c r="V37665">
        <v>50</v>
      </c>
      <c r="W37665">
        <v>51</v>
      </c>
      <c r="X37665">
        <v>52</v>
      </c>
      <c r="Y37665">
        <v>52</v>
      </c>
      <c r="Z37665">
        <v>53</v>
      </c>
      <c r="AA37665">
        <v>54</v>
      </c>
      <c r="AB37665">
        <v>54</v>
      </c>
      <c r="AC37665">
        <v>55</v>
      </c>
      <c r="AD37665">
        <v>56</v>
      </c>
      <c r="AE37665">
        <v>56</v>
      </c>
      <c r="AF37665">
        <v>57</v>
      </c>
      <c r="AG37665">
        <v>58</v>
      </c>
      <c r="AH37665">
        <v>58</v>
      </c>
      <c r="AI37665">
        <v>59</v>
      </c>
      <c r="AJ37665">
        <v>60</v>
      </c>
      <c r="AK37665">
        <v>60</v>
      </c>
      <c r="AL37665">
        <v>61</v>
      </c>
      <c r="AM37665">
        <v>61</v>
      </c>
      <c r="AN37665">
        <v>61</v>
      </c>
      <c r="AO37665">
        <v>61</v>
      </c>
      <c r="AP37665">
        <v>61</v>
      </c>
      <c r="AQ37665">
        <v>61</v>
      </c>
    </row>
    <row r="37666" spans="1:43">
      <c r="A37666" t="s">
        <v>23349</v>
      </c>
      <c r="B37666" t="s">
        <v>23350</v>
      </c>
      <c r="C37666" t="s">
        <v>23345</v>
      </c>
      <c r="D37666" t="s">
        <v>23346</v>
      </c>
      <c r="E37666" t="s">
        <v>23347</v>
      </c>
      <c r="F37666" t="s">
        <v>23348</v>
      </c>
      <c r="G37666" t="s">
        <v>22539</v>
      </c>
      <c r="H37666" t="s">
        <v>22540</v>
      </c>
      <c r="I37666" s="2">
        <v>0</v>
      </c>
      <c r="J37666" s="2">
        <v>0</v>
      </c>
      <c r="K37666" s="2">
        <v>1</v>
      </c>
      <c r="L37666" t="s">
        <v>995</v>
      </c>
      <c r="M37666" t="s">
        <v>83</v>
      </c>
      <c r="N37666" t="s">
        <v>84</v>
      </c>
      <c r="O37666" t="s">
        <v>85</v>
      </c>
      <c r="P37666" t="s">
        <v>86</v>
      </c>
      <c r="Q37666">
        <v>48</v>
      </c>
      <c r="R37666">
        <v>49</v>
      </c>
      <c r="S37666">
        <v>50</v>
      </c>
      <c r="T37666">
        <v>51</v>
      </c>
      <c r="U37666">
        <v>52</v>
      </c>
      <c r="V37666">
        <v>53</v>
      </c>
      <c r="W37666">
        <v>55</v>
      </c>
      <c r="X37666">
        <v>56</v>
      </c>
      <c r="Y37666">
        <v>57</v>
      </c>
      <c r="Z37666">
        <v>58</v>
      </c>
      <c r="AA37666">
        <v>59</v>
      </c>
      <c r="AB37666">
        <v>60</v>
      </c>
      <c r="AC37666">
        <v>61</v>
      </c>
      <c r="AD37666">
        <v>62</v>
      </c>
      <c r="AE37666">
        <v>63</v>
      </c>
      <c r="AF37666">
        <v>64</v>
      </c>
      <c r="AG37666">
        <v>65</v>
      </c>
      <c r="AH37666">
        <v>66</v>
      </c>
      <c r="AI37666">
        <v>67</v>
      </c>
      <c r="AJ37666">
        <v>68</v>
      </c>
      <c r="AK37666">
        <v>70</v>
      </c>
      <c r="AL37666">
        <v>70</v>
      </c>
      <c r="AM37666">
        <v>71</v>
      </c>
      <c r="AN37666">
        <v>71</v>
      </c>
      <c r="AO37666">
        <v>72</v>
      </c>
      <c r="AP37666">
        <v>73</v>
      </c>
      <c r="AQ37666">
        <v>73</v>
      </c>
    </row>
    <row r="37667" spans="1:43">
      <c r="A37667" t="s">
        <v>23349</v>
      </c>
      <c r="B37667" t="s">
        <v>23350</v>
      </c>
      <c r="C37667" t="s">
        <v>23345</v>
      </c>
      <c r="D37667" t="s">
        <v>23346</v>
      </c>
      <c r="E37667" t="s">
        <v>23347</v>
      </c>
      <c r="F37667" t="s">
        <v>23348</v>
      </c>
      <c r="G37667" t="s">
        <v>22539</v>
      </c>
      <c r="H37667" t="s">
        <v>22540</v>
      </c>
      <c r="I37667" s="2">
        <v>0</v>
      </c>
      <c r="J37667" s="2">
        <v>0</v>
      </c>
      <c r="K37667" s="2">
        <v>1</v>
      </c>
      <c r="L37667" t="s">
        <v>995</v>
      </c>
      <c r="M37667" t="s">
        <v>87</v>
      </c>
      <c r="N37667" t="s">
        <v>88</v>
      </c>
      <c r="O37667" t="s">
        <v>85</v>
      </c>
      <c r="P37667" t="s">
        <v>86</v>
      </c>
      <c r="Q37667">
        <v>48</v>
      </c>
      <c r="R37667">
        <v>48</v>
      </c>
      <c r="S37667">
        <v>49</v>
      </c>
      <c r="T37667">
        <v>50</v>
      </c>
      <c r="U37667">
        <v>50</v>
      </c>
      <c r="V37667">
        <v>51</v>
      </c>
      <c r="W37667">
        <v>51</v>
      </c>
      <c r="X37667">
        <v>52</v>
      </c>
      <c r="Y37667">
        <v>52</v>
      </c>
      <c r="Z37667">
        <v>53</v>
      </c>
      <c r="AA37667">
        <v>53</v>
      </c>
      <c r="AB37667">
        <v>54</v>
      </c>
      <c r="AC37667">
        <v>55</v>
      </c>
      <c r="AD37667">
        <v>55</v>
      </c>
      <c r="AE37667">
        <v>56</v>
      </c>
      <c r="AF37667">
        <v>56</v>
      </c>
      <c r="AG37667">
        <v>57</v>
      </c>
      <c r="AH37667">
        <v>57</v>
      </c>
      <c r="AI37667">
        <v>58</v>
      </c>
      <c r="AJ37667">
        <v>59</v>
      </c>
      <c r="AK37667">
        <v>59</v>
      </c>
      <c r="AL37667">
        <v>60</v>
      </c>
      <c r="AM37667">
        <v>61</v>
      </c>
      <c r="AN37667">
        <v>61</v>
      </c>
      <c r="AO37667">
        <v>62</v>
      </c>
      <c r="AP37667">
        <v>63</v>
      </c>
      <c r="AQ37667">
        <v>63</v>
      </c>
    </row>
    <row r="37668" spans="1:43">
      <c r="A37668" t="s">
        <v>23349</v>
      </c>
      <c r="B37668" t="s">
        <v>23350</v>
      </c>
      <c r="C37668" t="s">
        <v>23345</v>
      </c>
      <c r="D37668" t="s">
        <v>23346</v>
      </c>
      <c r="E37668" t="s">
        <v>23347</v>
      </c>
      <c r="F37668" t="s">
        <v>23348</v>
      </c>
      <c r="G37668" t="s">
        <v>22539</v>
      </c>
      <c r="H37668" t="s">
        <v>22540</v>
      </c>
      <c r="I37668" s="2">
        <v>0</v>
      </c>
      <c r="J37668" s="2">
        <v>0</v>
      </c>
      <c r="K37668" s="2">
        <v>1</v>
      </c>
      <c r="L37668" t="s">
        <v>995</v>
      </c>
      <c r="M37668" t="s">
        <v>89</v>
      </c>
      <c r="N37668" t="s">
        <v>90</v>
      </c>
      <c r="O37668" t="s">
        <v>85</v>
      </c>
      <c r="P37668" t="s">
        <v>86</v>
      </c>
      <c r="Q37668">
        <v>48</v>
      </c>
      <c r="R37668">
        <v>49</v>
      </c>
      <c r="S37668">
        <v>51</v>
      </c>
      <c r="T37668">
        <v>52</v>
      </c>
      <c r="U37668">
        <v>54</v>
      </c>
      <c r="V37668">
        <v>55</v>
      </c>
      <c r="W37668">
        <v>56</v>
      </c>
      <c r="X37668">
        <v>58</v>
      </c>
      <c r="Y37668">
        <v>59</v>
      </c>
      <c r="Z37668">
        <v>60</v>
      </c>
      <c r="AA37668">
        <v>61</v>
      </c>
      <c r="AB37668">
        <v>63</v>
      </c>
      <c r="AC37668">
        <v>64</v>
      </c>
      <c r="AD37668">
        <v>65</v>
      </c>
      <c r="AE37668">
        <v>66</v>
      </c>
      <c r="AF37668">
        <v>67</v>
      </c>
      <c r="AG37668">
        <v>67</v>
      </c>
      <c r="AH37668">
        <v>68</v>
      </c>
      <c r="AI37668">
        <v>68</v>
      </c>
      <c r="AJ37668">
        <v>69</v>
      </c>
      <c r="AK37668">
        <v>69</v>
      </c>
      <c r="AL37668">
        <v>70</v>
      </c>
      <c r="AM37668">
        <v>71</v>
      </c>
      <c r="AN37668">
        <v>71</v>
      </c>
      <c r="AO37668">
        <v>72</v>
      </c>
      <c r="AP37668">
        <v>72</v>
      </c>
      <c r="AQ37668">
        <v>73</v>
      </c>
    </row>
    <row r="37669" spans="1:43">
      <c r="A37669" t="s">
        <v>23349</v>
      </c>
      <c r="B37669" t="s">
        <v>23350</v>
      </c>
      <c r="C37669" t="s">
        <v>23345</v>
      </c>
      <c r="D37669" t="s">
        <v>23346</v>
      </c>
      <c r="E37669" t="s">
        <v>23347</v>
      </c>
      <c r="F37669" t="s">
        <v>23348</v>
      </c>
      <c r="G37669" t="s">
        <v>22539</v>
      </c>
      <c r="H37669" t="s">
        <v>22540</v>
      </c>
      <c r="I37669" s="2">
        <v>0</v>
      </c>
      <c r="J37669" s="2">
        <v>0</v>
      </c>
      <c r="K37669" s="2">
        <v>1</v>
      </c>
      <c r="L37669" t="s">
        <v>995</v>
      </c>
      <c r="M37669" t="s">
        <v>83</v>
      </c>
      <c r="N37669" t="s">
        <v>91</v>
      </c>
      <c r="O37669" t="s">
        <v>85</v>
      </c>
      <c r="P37669" t="s">
        <v>86</v>
      </c>
      <c r="Q37669">
        <v>48</v>
      </c>
      <c r="R37669">
        <v>49</v>
      </c>
      <c r="S37669">
        <v>50</v>
      </c>
      <c r="T37669">
        <v>51</v>
      </c>
      <c r="U37669">
        <v>52</v>
      </c>
      <c r="V37669">
        <v>53</v>
      </c>
      <c r="W37669">
        <v>55</v>
      </c>
      <c r="X37669">
        <v>56</v>
      </c>
      <c r="Y37669">
        <v>57</v>
      </c>
      <c r="Z37669">
        <v>58</v>
      </c>
      <c r="AA37669">
        <v>59</v>
      </c>
      <c r="AB37669">
        <v>60</v>
      </c>
      <c r="AC37669">
        <v>61</v>
      </c>
      <c r="AD37669">
        <v>62</v>
      </c>
      <c r="AE37669">
        <v>63</v>
      </c>
      <c r="AF37669">
        <v>64</v>
      </c>
      <c r="AG37669">
        <v>65</v>
      </c>
      <c r="AH37669">
        <v>66</v>
      </c>
      <c r="AI37669">
        <v>67</v>
      </c>
      <c r="AJ37669">
        <v>68</v>
      </c>
      <c r="AK37669">
        <v>70</v>
      </c>
      <c r="AL37669">
        <v>70</v>
      </c>
      <c r="AM37669">
        <v>71</v>
      </c>
      <c r="AN37669">
        <v>71</v>
      </c>
      <c r="AO37669">
        <v>72</v>
      </c>
      <c r="AP37669">
        <v>73</v>
      </c>
      <c r="AQ37669">
        <v>73</v>
      </c>
    </row>
    <row r="37670" spans="1:43">
      <c r="A37670" t="s">
        <v>23351</v>
      </c>
      <c r="B37670" t="s">
        <v>23352</v>
      </c>
      <c r="C37670" t="s">
        <v>23353</v>
      </c>
      <c r="D37670" t="s">
        <v>23354</v>
      </c>
      <c r="E37670" t="s">
        <v>23347</v>
      </c>
      <c r="F37670" t="s">
        <v>23348</v>
      </c>
      <c r="G37670" t="s">
        <v>22539</v>
      </c>
      <c r="H37670" t="s">
        <v>22540</v>
      </c>
      <c r="I37670" s="2">
        <v>0</v>
      </c>
      <c r="J37670" s="2">
        <v>0</v>
      </c>
      <c r="K37670" s="2">
        <v>1</v>
      </c>
      <c r="L37670" t="s">
        <v>995</v>
      </c>
      <c r="M37670" t="s">
        <v>83</v>
      </c>
      <c r="N37670" t="s">
        <v>84</v>
      </c>
      <c r="O37670" t="s">
        <v>85</v>
      </c>
      <c r="P37670" t="s">
        <v>86</v>
      </c>
      <c r="Q37670">
        <v>45</v>
      </c>
      <c r="R37670">
        <v>46</v>
      </c>
      <c r="S37670">
        <v>47</v>
      </c>
      <c r="T37670">
        <v>48</v>
      </c>
      <c r="U37670">
        <v>49</v>
      </c>
      <c r="V37670">
        <v>49</v>
      </c>
      <c r="W37670">
        <v>50</v>
      </c>
      <c r="X37670">
        <v>51</v>
      </c>
      <c r="Y37670">
        <v>52</v>
      </c>
      <c r="Z37670">
        <v>53</v>
      </c>
      <c r="AA37670">
        <v>54</v>
      </c>
      <c r="AB37670">
        <v>55</v>
      </c>
      <c r="AC37670">
        <v>56</v>
      </c>
      <c r="AD37670">
        <v>57</v>
      </c>
      <c r="AE37670">
        <v>58</v>
      </c>
      <c r="AF37670">
        <v>59</v>
      </c>
      <c r="AG37670">
        <v>60</v>
      </c>
      <c r="AH37670">
        <v>61</v>
      </c>
      <c r="AI37670">
        <v>62</v>
      </c>
      <c r="AJ37670">
        <v>63</v>
      </c>
      <c r="AK37670">
        <v>64</v>
      </c>
      <c r="AL37670">
        <v>65</v>
      </c>
      <c r="AM37670">
        <v>65</v>
      </c>
      <c r="AN37670">
        <v>66</v>
      </c>
      <c r="AO37670">
        <v>67</v>
      </c>
      <c r="AP37670">
        <v>67</v>
      </c>
      <c r="AQ37670">
        <v>68</v>
      </c>
    </row>
    <row r="37671" spans="1:43">
      <c r="A37671" t="s">
        <v>23351</v>
      </c>
      <c r="B37671" t="s">
        <v>23352</v>
      </c>
      <c r="C37671" t="s">
        <v>23353</v>
      </c>
      <c r="D37671" t="s">
        <v>23354</v>
      </c>
      <c r="E37671" t="s">
        <v>23347</v>
      </c>
      <c r="F37671" t="s">
        <v>23348</v>
      </c>
      <c r="G37671" t="s">
        <v>22539</v>
      </c>
      <c r="H37671" t="s">
        <v>22540</v>
      </c>
      <c r="I37671" s="2">
        <v>0</v>
      </c>
      <c r="J37671" s="2">
        <v>0</v>
      </c>
      <c r="K37671" s="2">
        <v>1</v>
      </c>
      <c r="L37671" t="s">
        <v>995</v>
      </c>
      <c r="M37671" t="s">
        <v>87</v>
      </c>
      <c r="N37671" t="s">
        <v>88</v>
      </c>
      <c r="O37671" t="s">
        <v>85</v>
      </c>
      <c r="P37671" t="s">
        <v>86</v>
      </c>
      <c r="Q37671">
        <v>45</v>
      </c>
      <c r="R37671">
        <v>46</v>
      </c>
      <c r="S37671">
        <v>46</v>
      </c>
      <c r="T37671">
        <v>47</v>
      </c>
      <c r="U37671">
        <v>47</v>
      </c>
      <c r="V37671">
        <v>48</v>
      </c>
      <c r="W37671">
        <v>48</v>
      </c>
      <c r="X37671">
        <v>49</v>
      </c>
      <c r="Y37671">
        <v>49</v>
      </c>
      <c r="Z37671">
        <v>50</v>
      </c>
      <c r="AA37671">
        <v>50</v>
      </c>
      <c r="AB37671">
        <v>51</v>
      </c>
      <c r="AC37671">
        <v>51</v>
      </c>
      <c r="AD37671">
        <v>52</v>
      </c>
      <c r="AE37671">
        <v>52</v>
      </c>
      <c r="AF37671">
        <v>53</v>
      </c>
      <c r="AG37671">
        <v>54</v>
      </c>
      <c r="AH37671">
        <v>54</v>
      </c>
      <c r="AI37671">
        <v>55</v>
      </c>
      <c r="AJ37671">
        <v>55</v>
      </c>
      <c r="AK37671">
        <v>56</v>
      </c>
      <c r="AL37671">
        <v>56</v>
      </c>
      <c r="AM37671">
        <v>57</v>
      </c>
      <c r="AN37671">
        <v>58</v>
      </c>
      <c r="AO37671">
        <v>58</v>
      </c>
      <c r="AP37671">
        <v>59</v>
      </c>
      <c r="AQ37671">
        <v>60</v>
      </c>
    </row>
    <row r="37672" spans="1:43">
      <c r="A37672" t="s">
        <v>23351</v>
      </c>
      <c r="B37672" t="s">
        <v>23352</v>
      </c>
      <c r="C37672" t="s">
        <v>23353</v>
      </c>
      <c r="D37672" t="s">
        <v>23354</v>
      </c>
      <c r="E37672" t="s">
        <v>23347</v>
      </c>
      <c r="F37672" t="s">
        <v>23348</v>
      </c>
      <c r="G37672" t="s">
        <v>22539</v>
      </c>
      <c r="H37672" t="s">
        <v>22540</v>
      </c>
      <c r="I37672" s="2">
        <v>0</v>
      </c>
      <c r="J37672" s="2">
        <v>0</v>
      </c>
      <c r="K37672" s="2">
        <v>1</v>
      </c>
      <c r="L37672" t="s">
        <v>995</v>
      </c>
      <c r="M37672" t="s">
        <v>89</v>
      </c>
      <c r="N37672" t="s">
        <v>90</v>
      </c>
      <c r="O37672" t="s">
        <v>85</v>
      </c>
      <c r="P37672" t="s">
        <v>86</v>
      </c>
      <c r="Q37672">
        <v>45</v>
      </c>
      <c r="R37672">
        <v>46</v>
      </c>
      <c r="S37672">
        <v>48</v>
      </c>
      <c r="T37672">
        <v>49</v>
      </c>
      <c r="U37672">
        <v>50</v>
      </c>
      <c r="V37672">
        <v>52</v>
      </c>
      <c r="W37672">
        <v>53</v>
      </c>
      <c r="X37672">
        <v>54</v>
      </c>
      <c r="Y37672">
        <v>55</v>
      </c>
      <c r="Z37672">
        <v>57</v>
      </c>
      <c r="AA37672">
        <v>58</v>
      </c>
      <c r="AB37672">
        <v>59</v>
      </c>
      <c r="AC37672">
        <v>60</v>
      </c>
      <c r="AD37672">
        <v>61</v>
      </c>
      <c r="AE37672">
        <v>62</v>
      </c>
      <c r="AF37672">
        <v>63</v>
      </c>
      <c r="AG37672">
        <v>63</v>
      </c>
      <c r="AH37672">
        <v>64</v>
      </c>
      <c r="AI37672">
        <v>64</v>
      </c>
      <c r="AJ37672">
        <v>65</v>
      </c>
      <c r="AK37672">
        <v>65</v>
      </c>
      <c r="AL37672">
        <v>66</v>
      </c>
      <c r="AM37672">
        <v>66</v>
      </c>
      <c r="AN37672">
        <v>67</v>
      </c>
      <c r="AO37672">
        <v>67</v>
      </c>
      <c r="AP37672">
        <v>68</v>
      </c>
      <c r="AQ37672">
        <v>68</v>
      </c>
    </row>
    <row r="37673" spans="1:43">
      <c r="A37673" t="s">
        <v>23351</v>
      </c>
      <c r="B37673" t="s">
        <v>23352</v>
      </c>
      <c r="C37673" t="s">
        <v>23353</v>
      </c>
      <c r="D37673" t="s">
        <v>23354</v>
      </c>
      <c r="E37673" t="s">
        <v>23347</v>
      </c>
      <c r="F37673" t="s">
        <v>23348</v>
      </c>
      <c r="G37673" t="s">
        <v>22539</v>
      </c>
      <c r="H37673" t="s">
        <v>22540</v>
      </c>
      <c r="I37673" s="2">
        <v>0</v>
      </c>
      <c r="J37673" s="2">
        <v>0</v>
      </c>
      <c r="K37673" s="2">
        <v>1</v>
      </c>
      <c r="L37673" t="s">
        <v>995</v>
      </c>
      <c r="M37673" t="s">
        <v>83</v>
      </c>
      <c r="N37673" t="s">
        <v>91</v>
      </c>
      <c r="O37673" t="s">
        <v>85</v>
      </c>
      <c r="P37673" t="s">
        <v>86</v>
      </c>
      <c r="Q37673">
        <v>45</v>
      </c>
      <c r="R37673">
        <v>46</v>
      </c>
      <c r="S37673">
        <v>47</v>
      </c>
      <c r="T37673">
        <v>48</v>
      </c>
      <c r="U37673">
        <v>49</v>
      </c>
      <c r="V37673">
        <v>49</v>
      </c>
      <c r="W37673">
        <v>50</v>
      </c>
      <c r="X37673">
        <v>51</v>
      </c>
      <c r="Y37673">
        <v>52</v>
      </c>
      <c r="Z37673">
        <v>53</v>
      </c>
      <c r="AA37673">
        <v>54</v>
      </c>
      <c r="AB37673">
        <v>55</v>
      </c>
      <c r="AC37673">
        <v>56</v>
      </c>
      <c r="AD37673">
        <v>57</v>
      </c>
      <c r="AE37673">
        <v>58</v>
      </c>
      <c r="AF37673">
        <v>59</v>
      </c>
      <c r="AG37673">
        <v>60</v>
      </c>
      <c r="AH37673">
        <v>61</v>
      </c>
      <c r="AI37673">
        <v>62</v>
      </c>
      <c r="AJ37673">
        <v>63</v>
      </c>
      <c r="AK37673">
        <v>64</v>
      </c>
      <c r="AL37673">
        <v>65</v>
      </c>
      <c r="AM37673">
        <v>65</v>
      </c>
      <c r="AN37673">
        <v>66</v>
      </c>
      <c r="AO37673">
        <v>67</v>
      </c>
      <c r="AP37673">
        <v>67</v>
      </c>
      <c r="AQ37673">
        <v>68</v>
      </c>
    </row>
    <row r="37674" spans="1:43">
      <c r="A37674" t="s">
        <v>23355</v>
      </c>
      <c r="B37674" t="s">
        <v>23356</v>
      </c>
      <c r="C37674" t="s">
        <v>23353</v>
      </c>
      <c r="D37674" t="s">
        <v>23354</v>
      </c>
      <c r="E37674" t="s">
        <v>23347</v>
      </c>
      <c r="F37674" t="s">
        <v>23348</v>
      </c>
      <c r="G37674" t="s">
        <v>22539</v>
      </c>
      <c r="H37674" t="s">
        <v>22540</v>
      </c>
      <c r="I37674" s="2">
        <v>0</v>
      </c>
      <c r="J37674" s="2">
        <v>0</v>
      </c>
      <c r="K37674" s="2">
        <v>1</v>
      </c>
      <c r="L37674" t="s">
        <v>995</v>
      </c>
      <c r="M37674" t="s">
        <v>83</v>
      </c>
      <c r="N37674" t="s">
        <v>84</v>
      </c>
      <c r="O37674" t="s">
        <v>85</v>
      </c>
      <c r="P37674" t="s">
        <v>86</v>
      </c>
      <c r="Q37674">
        <v>18</v>
      </c>
      <c r="R37674">
        <v>19</v>
      </c>
      <c r="S37674">
        <v>19</v>
      </c>
      <c r="T37674">
        <v>19</v>
      </c>
      <c r="U37674">
        <v>20</v>
      </c>
      <c r="V37674">
        <v>20</v>
      </c>
      <c r="W37674">
        <v>21</v>
      </c>
      <c r="X37674">
        <v>21</v>
      </c>
      <c r="Y37674">
        <v>21</v>
      </c>
      <c r="Z37674">
        <v>22</v>
      </c>
      <c r="AA37674">
        <v>22</v>
      </c>
      <c r="AB37674">
        <v>22</v>
      </c>
      <c r="AC37674">
        <v>23</v>
      </c>
      <c r="AD37674">
        <v>23</v>
      </c>
      <c r="AE37674">
        <v>24</v>
      </c>
      <c r="AF37674">
        <v>24</v>
      </c>
      <c r="AG37674">
        <v>24</v>
      </c>
      <c r="AH37674">
        <v>25</v>
      </c>
      <c r="AI37674">
        <v>25</v>
      </c>
      <c r="AJ37674">
        <v>26</v>
      </c>
      <c r="AK37674">
        <v>26</v>
      </c>
      <c r="AL37674">
        <v>26</v>
      </c>
      <c r="AM37674">
        <v>27</v>
      </c>
      <c r="AN37674">
        <v>27</v>
      </c>
      <c r="AO37674">
        <v>27</v>
      </c>
      <c r="AP37674">
        <v>27</v>
      </c>
      <c r="AQ37674">
        <v>27</v>
      </c>
    </row>
    <row r="37675" spans="1:43">
      <c r="A37675" t="s">
        <v>23355</v>
      </c>
      <c r="B37675" t="s">
        <v>23356</v>
      </c>
      <c r="C37675" t="s">
        <v>23353</v>
      </c>
      <c r="D37675" t="s">
        <v>23354</v>
      </c>
      <c r="E37675" t="s">
        <v>23347</v>
      </c>
      <c r="F37675" t="s">
        <v>23348</v>
      </c>
      <c r="G37675" t="s">
        <v>22539</v>
      </c>
      <c r="H37675" t="s">
        <v>22540</v>
      </c>
      <c r="I37675" s="2">
        <v>0</v>
      </c>
      <c r="J37675" s="2">
        <v>0</v>
      </c>
      <c r="K37675" s="2">
        <v>1</v>
      </c>
      <c r="L37675" t="s">
        <v>995</v>
      </c>
      <c r="M37675" t="s">
        <v>87</v>
      </c>
      <c r="N37675" t="s">
        <v>88</v>
      </c>
      <c r="O37675" t="s">
        <v>85</v>
      </c>
      <c r="P37675" t="s">
        <v>86</v>
      </c>
      <c r="Q37675">
        <v>18</v>
      </c>
      <c r="R37675">
        <v>18</v>
      </c>
      <c r="S37675">
        <v>18</v>
      </c>
      <c r="T37675">
        <v>19</v>
      </c>
      <c r="U37675">
        <v>19</v>
      </c>
      <c r="V37675">
        <v>19</v>
      </c>
      <c r="W37675">
        <v>19</v>
      </c>
      <c r="X37675">
        <v>19</v>
      </c>
      <c r="Y37675">
        <v>20</v>
      </c>
      <c r="Z37675">
        <v>20</v>
      </c>
      <c r="AA37675">
        <v>20</v>
      </c>
      <c r="AB37675">
        <v>20</v>
      </c>
      <c r="AC37675">
        <v>21</v>
      </c>
      <c r="AD37675">
        <v>21</v>
      </c>
      <c r="AE37675">
        <v>21</v>
      </c>
      <c r="AF37675">
        <v>21</v>
      </c>
      <c r="AG37675">
        <v>21</v>
      </c>
      <c r="AH37675">
        <v>22</v>
      </c>
      <c r="AI37675">
        <v>22</v>
      </c>
      <c r="AJ37675">
        <v>22</v>
      </c>
      <c r="AK37675">
        <v>22</v>
      </c>
      <c r="AL37675">
        <v>23</v>
      </c>
      <c r="AM37675">
        <v>23</v>
      </c>
      <c r="AN37675">
        <v>23</v>
      </c>
      <c r="AO37675">
        <v>23</v>
      </c>
      <c r="AP37675">
        <v>24</v>
      </c>
      <c r="AQ37675">
        <v>24</v>
      </c>
    </row>
    <row r="37676" spans="1:43">
      <c r="A37676" t="s">
        <v>23355</v>
      </c>
      <c r="B37676" t="s">
        <v>23356</v>
      </c>
      <c r="C37676" t="s">
        <v>23353</v>
      </c>
      <c r="D37676" t="s">
        <v>23354</v>
      </c>
      <c r="E37676" t="s">
        <v>23347</v>
      </c>
      <c r="F37676" t="s">
        <v>23348</v>
      </c>
      <c r="G37676" t="s">
        <v>22539</v>
      </c>
      <c r="H37676" t="s">
        <v>22540</v>
      </c>
      <c r="I37676" s="2">
        <v>0</v>
      </c>
      <c r="J37676" s="2">
        <v>0</v>
      </c>
      <c r="K37676" s="2">
        <v>1</v>
      </c>
      <c r="L37676" t="s">
        <v>995</v>
      </c>
      <c r="M37676" t="s">
        <v>89</v>
      </c>
      <c r="N37676" t="s">
        <v>90</v>
      </c>
      <c r="O37676" t="s">
        <v>85</v>
      </c>
      <c r="P37676" t="s">
        <v>86</v>
      </c>
      <c r="Q37676">
        <v>18</v>
      </c>
      <c r="R37676">
        <v>19</v>
      </c>
      <c r="S37676">
        <v>19</v>
      </c>
      <c r="T37676">
        <v>20</v>
      </c>
      <c r="U37676">
        <v>21</v>
      </c>
      <c r="V37676">
        <v>21</v>
      </c>
      <c r="W37676">
        <v>22</v>
      </c>
      <c r="X37676">
        <v>22</v>
      </c>
      <c r="Y37676">
        <v>23</v>
      </c>
      <c r="Z37676">
        <v>23</v>
      </c>
      <c r="AA37676">
        <v>23</v>
      </c>
      <c r="AB37676">
        <v>24</v>
      </c>
      <c r="AC37676">
        <v>24</v>
      </c>
      <c r="AD37676">
        <v>25</v>
      </c>
      <c r="AE37676">
        <v>25</v>
      </c>
      <c r="AF37676">
        <v>25</v>
      </c>
      <c r="AG37676">
        <v>26</v>
      </c>
      <c r="AH37676">
        <v>26</v>
      </c>
      <c r="AI37676">
        <v>26</v>
      </c>
      <c r="AJ37676">
        <v>26</v>
      </c>
      <c r="AK37676">
        <v>26</v>
      </c>
      <c r="AL37676">
        <v>27</v>
      </c>
      <c r="AM37676">
        <v>27</v>
      </c>
      <c r="AN37676">
        <v>27</v>
      </c>
      <c r="AO37676">
        <v>27</v>
      </c>
      <c r="AP37676">
        <v>27</v>
      </c>
      <c r="AQ37676">
        <v>27</v>
      </c>
    </row>
    <row r="37677" spans="1:43">
      <c r="A37677" t="s">
        <v>23355</v>
      </c>
      <c r="B37677" t="s">
        <v>23356</v>
      </c>
      <c r="C37677" t="s">
        <v>23353</v>
      </c>
      <c r="D37677" t="s">
        <v>23354</v>
      </c>
      <c r="E37677" t="s">
        <v>23347</v>
      </c>
      <c r="F37677" t="s">
        <v>23348</v>
      </c>
      <c r="G37677" t="s">
        <v>22539</v>
      </c>
      <c r="H37677" t="s">
        <v>22540</v>
      </c>
      <c r="I37677" s="2">
        <v>0</v>
      </c>
      <c r="J37677" s="2">
        <v>0</v>
      </c>
      <c r="K37677" s="2">
        <v>1</v>
      </c>
      <c r="L37677" t="s">
        <v>995</v>
      </c>
      <c r="M37677" t="s">
        <v>83</v>
      </c>
      <c r="N37677" t="s">
        <v>91</v>
      </c>
      <c r="O37677" t="s">
        <v>85</v>
      </c>
      <c r="P37677" t="s">
        <v>86</v>
      </c>
      <c r="Q37677">
        <v>18</v>
      </c>
      <c r="R37677">
        <v>19</v>
      </c>
      <c r="S37677">
        <v>19</v>
      </c>
      <c r="T37677">
        <v>19</v>
      </c>
      <c r="U37677">
        <v>20</v>
      </c>
      <c r="V37677">
        <v>20</v>
      </c>
      <c r="W37677">
        <v>21</v>
      </c>
      <c r="X37677">
        <v>21</v>
      </c>
      <c r="Y37677">
        <v>21</v>
      </c>
      <c r="Z37677">
        <v>22</v>
      </c>
      <c r="AA37677">
        <v>22</v>
      </c>
      <c r="AB37677">
        <v>22</v>
      </c>
      <c r="AC37677">
        <v>23</v>
      </c>
      <c r="AD37677">
        <v>23</v>
      </c>
      <c r="AE37677">
        <v>24</v>
      </c>
      <c r="AF37677">
        <v>24</v>
      </c>
      <c r="AG37677">
        <v>24</v>
      </c>
      <c r="AH37677">
        <v>25</v>
      </c>
      <c r="AI37677">
        <v>25</v>
      </c>
      <c r="AJ37677">
        <v>26</v>
      </c>
      <c r="AK37677">
        <v>26</v>
      </c>
      <c r="AL37677">
        <v>26</v>
      </c>
      <c r="AM37677">
        <v>27</v>
      </c>
      <c r="AN37677">
        <v>27</v>
      </c>
      <c r="AO37677">
        <v>27</v>
      </c>
      <c r="AP37677">
        <v>27</v>
      </c>
      <c r="AQ37677">
        <v>27</v>
      </c>
    </row>
    <row r="37678" spans="1:43">
      <c r="A37678" t="s">
        <v>23357</v>
      </c>
      <c r="B37678" t="s">
        <v>23358</v>
      </c>
      <c r="C37678" t="s">
        <v>23353</v>
      </c>
      <c r="D37678" t="s">
        <v>23354</v>
      </c>
      <c r="E37678" t="s">
        <v>23347</v>
      </c>
      <c r="F37678" t="s">
        <v>23348</v>
      </c>
      <c r="G37678" t="s">
        <v>22539</v>
      </c>
      <c r="H37678" t="s">
        <v>22540</v>
      </c>
      <c r="I37678" s="2">
        <v>0</v>
      </c>
      <c r="J37678" s="2">
        <v>0</v>
      </c>
      <c r="K37678" s="2">
        <v>1</v>
      </c>
      <c r="L37678" t="s">
        <v>995</v>
      </c>
      <c r="M37678" t="s">
        <v>83</v>
      </c>
      <c r="N37678" t="s">
        <v>84</v>
      </c>
      <c r="O37678" t="s">
        <v>85</v>
      </c>
      <c r="P37678" t="s">
        <v>86</v>
      </c>
      <c r="Q37678">
        <v>71</v>
      </c>
      <c r="R37678">
        <v>73</v>
      </c>
      <c r="S37678">
        <v>74</v>
      </c>
      <c r="T37678">
        <v>76</v>
      </c>
      <c r="U37678">
        <v>77</v>
      </c>
      <c r="V37678">
        <v>79</v>
      </c>
      <c r="W37678">
        <v>80</v>
      </c>
      <c r="X37678">
        <v>82</v>
      </c>
      <c r="Y37678">
        <v>83</v>
      </c>
      <c r="Z37678">
        <v>85</v>
      </c>
      <c r="AA37678">
        <v>86</v>
      </c>
      <c r="AB37678">
        <v>88</v>
      </c>
      <c r="AC37678">
        <v>89</v>
      </c>
      <c r="AD37678">
        <v>91</v>
      </c>
      <c r="AE37678">
        <v>92</v>
      </c>
      <c r="AF37678">
        <v>94</v>
      </c>
      <c r="AG37678">
        <v>96</v>
      </c>
      <c r="AH37678">
        <v>97</v>
      </c>
      <c r="AI37678">
        <v>99</v>
      </c>
      <c r="AJ37678">
        <v>101</v>
      </c>
      <c r="AK37678">
        <v>102</v>
      </c>
      <c r="AL37678">
        <v>103</v>
      </c>
      <c r="AM37678">
        <v>104</v>
      </c>
      <c r="AN37678">
        <v>105</v>
      </c>
      <c r="AO37678">
        <v>106</v>
      </c>
      <c r="AP37678">
        <v>107</v>
      </c>
      <c r="AQ37678">
        <v>107</v>
      </c>
    </row>
    <row r="37679" spans="1:43">
      <c r="A37679" t="s">
        <v>23357</v>
      </c>
      <c r="B37679" t="s">
        <v>23358</v>
      </c>
      <c r="C37679" t="s">
        <v>23353</v>
      </c>
      <c r="D37679" t="s">
        <v>23354</v>
      </c>
      <c r="E37679" t="s">
        <v>23347</v>
      </c>
      <c r="F37679" t="s">
        <v>23348</v>
      </c>
      <c r="G37679" t="s">
        <v>22539</v>
      </c>
      <c r="H37679" t="s">
        <v>22540</v>
      </c>
      <c r="I37679" s="2">
        <v>0</v>
      </c>
      <c r="J37679" s="2">
        <v>0</v>
      </c>
      <c r="K37679" s="2">
        <v>1</v>
      </c>
      <c r="L37679" t="s">
        <v>995</v>
      </c>
      <c r="M37679" t="s">
        <v>87</v>
      </c>
      <c r="N37679" t="s">
        <v>88</v>
      </c>
      <c r="O37679" t="s">
        <v>85</v>
      </c>
      <c r="P37679" t="s">
        <v>86</v>
      </c>
      <c r="Q37679">
        <v>71</v>
      </c>
      <c r="R37679">
        <v>72</v>
      </c>
      <c r="S37679">
        <v>73</v>
      </c>
      <c r="T37679">
        <v>74</v>
      </c>
      <c r="U37679">
        <v>75</v>
      </c>
      <c r="V37679">
        <v>76</v>
      </c>
      <c r="W37679">
        <v>76</v>
      </c>
      <c r="X37679">
        <v>77</v>
      </c>
      <c r="Y37679">
        <v>78</v>
      </c>
      <c r="Z37679">
        <v>79</v>
      </c>
      <c r="AA37679">
        <v>80</v>
      </c>
      <c r="AB37679">
        <v>80</v>
      </c>
      <c r="AC37679">
        <v>81</v>
      </c>
      <c r="AD37679">
        <v>82</v>
      </c>
      <c r="AE37679">
        <v>83</v>
      </c>
      <c r="AF37679">
        <v>84</v>
      </c>
      <c r="AG37679">
        <v>85</v>
      </c>
      <c r="AH37679">
        <v>86</v>
      </c>
      <c r="AI37679">
        <v>86</v>
      </c>
      <c r="AJ37679">
        <v>87</v>
      </c>
      <c r="AK37679">
        <v>88</v>
      </c>
      <c r="AL37679">
        <v>89</v>
      </c>
      <c r="AM37679">
        <v>90</v>
      </c>
      <c r="AN37679">
        <v>91</v>
      </c>
      <c r="AO37679">
        <v>92</v>
      </c>
      <c r="AP37679">
        <v>93</v>
      </c>
      <c r="AQ37679">
        <v>94</v>
      </c>
    </row>
    <row r="37680" spans="1:43">
      <c r="A37680" t="s">
        <v>23357</v>
      </c>
      <c r="B37680" t="s">
        <v>23358</v>
      </c>
      <c r="C37680" t="s">
        <v>23353</v>
      </c>
      <c r="D37680" t="s">
        <v>23354</v>
      </c>
      <c r="E37680" t="s">
        <v>23347</v>
      </c>
      <c r="F37680" t="s">
        <v>23348</v>
      </c>
      <c r="G37680" t="s">
        <v>22539</v>
      </c>
      <c r="H37680" t="s">
        <v>22540</v>
      </c>
      <c r="I37680" s="2">
        <v>0</v>
      </c>
      <c r="J37680" s="2">
        <v>0</v>
      </c>
      <c r="K37680" s="2">
        <v>1</v>
      </c>
      <c r="L37680" t="s">
        <v>995</v>
      </c>
      <c r="M37680" t="s">
        <v>89</v>
      </c>
      <c r="N37680" t="s">
        <v>90</v>
      </c>
      <c r="O37680" t="s">
        <v>85</v>
      </c>
      <c r="P37680" t="s">
        <v>86</v>
      </c>
      <c r="Q37680">
        <v>71</v>
      </c>
      <c r="R37680">
        <v>73</v>
      </c>
      <c r="S37680">
        <v>75</v>
      </c>
      <c r="T37680">
        <v>77</v>
      </c>
      <c r="U37680">
        <v>79</v>
      </c>
      <c r="V37680">
        <v>81</v>
      </c>
      <c r="W37680">
        <v>83</v>
      </c>
      <c r="X37680">
        <v>85</v>
      </c>
      <c r="Y37680">
        <v>87</v>
      </c>
      <c r="Z37680">
        <v>89</v>
      </c>
      <c r="AA37680">
        <v>91</v>
      </c>
      <c r="AB37680">
        <v>93</v>
      </c>
      <c r="AC37680">
        <v>95</v>
      </c>
      <c r="AD37680">
        <v>97</v>
      </c>
      <c r="AE37680">
        <v>98</v>
      </c>
      <c r="AF37680">
        <v>99</v>
      </c>
      <c r="AG37680">
        <v>99</v>
      </c>
      <c r="AH37680">
        <v>100</v>
      </c>
      <c r="AI37680">
        <v>101</v>
      </c>
      <c r="AJ37680">
        <v>102</v>
      </c>
      <c r="AK37680">
        <v>103</v>
      </c>
      <c r="AL37680">
        <v>103</v>
      </c>
      <c r="AM37680">
        <v>104</v>
      </c>
      <c r="AN37680">
        <v>105</v>
      </c>
      <c r="AO37680">
        <v>106</v>
      </c>
      <c r="AP37680">
        <v>107</v>
      </c>
      <c r="AQ37680">
        <v>107</v>
      </c>
    </row>
    <row r="37681" spans="1:43">
      <c r="A37681" t="s">
        <v>23357</v>
      </c>
      <c r="B37681" t="s">
        <v>23358</v>
      </c>
      <c r="C37681" t="s">
        <v>23353</v>
      </c>
      <c r="D37681" t="s">
        <v>23354</v>
      </c>
      <c r="E37681" t="s">
        <v>23347</v>
      </c>
      <c r="F37681" t="s">
        <v>23348</v>
      </c>
      <c r="G37681" t="s">
        <v>22539</v>
      </c>
      <c r="H37681" t="s">
        <v>22540</v>
      </c>
      <c r="I37681" s="2">
        <v>0</v>
      </c>
      <c r="J37681" s="2">
        <v>0</v>
      </c>
      <c r="K37681" s="2">
        <v>1</v>
      </c>
      <c r="L37681" t="s">
        <v>995</v>
      </c>
      <c r="M37681" t="s">
        <v>83</v>
      </c>
      <c r="N37681" t="s">
        <v>91</v>
      </c>
      <c r="O37681" t="s">
        <v>85</v>
      </c>
      <c r="P37681" t="s">
        <v>86</v>
      </c>
      <c r="Q37681">
        <v>71</v>
      </c>
      <c r="R37681">
        <v>73</v>
      </c>
      <c r="S37681">
        <v>74</v>
      </c>
      <c r="T37681">
        <v>76</v>
      </c>
      <c r="U37681">
        <v>77</v>
      </c>
      <c r="V37681">
        <v>79</v>
      </c>
      <c r="W37681">
        <v>80</v>
      </c>
      <c r="X37681">
        <v>82</v>
      </c>
      <c r="Y37681">
        <v>83</v>
      </c>
      <c r="Z37681">
        <v>85</v>
      </c>
      <c r="AA37681">
        <v>86</v>
      </c>
      <c r="AB37681">
        <v>88</v>
      </c>
      <c r="AC37681">
        <v>89</v>
      </c>
      <c r="AD37681">
        <v>91</v>
      </c>
      <c r="AE37681">
        <v>92</v>
      </c>
      <c r="AF37681">
        <v>94</v>
      </c>
      <c r="AG37681">
        <v>96</v>
      </c>
      <c r="AH37681">
        <v>97</v>
      </c>
      <c r="AI37681">
        <v>99</v>
      </c>
      <c r="AJ37681">
        <v>101</v>
      </c>
      <c r="AK37681">
        <v>102</v>
      </c>
      <c r="AL37681">
        <v>103</v>
      </c>
      <c r="AM37681">
        <v>104</v>
      </c>
      <c r="AN37681">
        <v>105</v>
      </c>
      <c r="AO37681">
        <v>106</v>
      </c>
      <c r="AP37681">
        <v>107</v>
      </c>
      <c r="AQ37681">
        <v>107</v>
      </c>
    </row>
    <row r="37682" spans="1:43">
      <c r="A37682" t="s">
        <v>23359</v>
      </c>
      <c r="B37682" t="s">
        <v>23360</v>
      </c>
      <c r="C37682" t="s">
        <v>23353</v>
      </c>
      <c r="D37682" t="s">
        <v>23354</v>
      </c>
      <c r="E37682" t="s">
        <v>23347</v>
      </c>
      <c r="F37682" t="s">
        <v>23348</v>
      </c>
      <c r="G37682" t="s">
        <v>22539</v>
      </c>
      <c r="H37682" t="s">
        <v>22540</v>
      </c>
      <c r="I37682" s="2">
        <v>0</v>
      </c>
      <c r="J37682" s="2">
        <v>0</v>
      </c>
      <c r="K37682" s="2">
        <v>1</v>
      </c>
      <c r="L37682" t="s">
        <v>995</v>
      </c>
      <c r="M37682" t="s">
        <v>83</v>
      </c>
      <c r="N37682" t="s">
        <v>84</v>
      </c>
      <c r="O37682" t="s">
        <v>85</v>
      </c>
      <c r="P37682" t="s">
        <v>86</v>
      </c>
      <c r="Q37682">
        <v>12</v>
      </c>
      <c r="R37682">
        <v>12</v>
      </c>
      <c r="S37682">
        <v>12</v>
      </c>
      <c r="T37682">
        <v>12</v>
      </c>
      <c r="U37682">
        <v>13</v>
      </c>
      <c r="V37682">
        <v>13</v>
      </c>
      <c r="W37682">
        <v>13</v>
      </c>
      <c r="X37682">
        <v>13</v>
      </c>
      <c r="Y37682">
        <v>14</v>
      </c>
      <c r="Z37682">
        <v>14</v>
      </c>
      <c r="AA37682">
        <v>14</v>
      </c>
      <c r="AB37682">
        <v>15</v>
      </c>
      <c r="AC37682">
        <v>15</v>
      </c>
      <c r="AD37682">
        <v>15</v>
      </c>
      <c r="AE37682">
        <v>15</v>
      </c>
      <c r="AF37682">
        <v>16</v>
      </c>
      <c r="AG37682">
        <v>16</v>
      </c>
      <c r="AH37682">
        <v>16</v>
      </c>
      <c r="AI37682">
        <v>16</v>
      </c>
      <c r="AJ37682">
        <v>17</v>
      </c>
      <c r="AK37682">
        <v>17</v>
      </c>
      <c r="AL37682">
        <v>17</v>
      </c>
      <c r="AM37682">
        <v>17</v>
      </c>
      <c r="AN37682">
        <v>17</v>
      </c>
      <c r="AO37682">
        <v>17</v>
      </c>
      <c r="AP37682">
        <v>18</v>
      </c>
      <c r="AQ37682">
        <v>18</v>
      </c>
    </row>
    <row r="37683" spans="1:43">
      <c r="A37683" t="s">
        <v>23359</v>
      </c>
      <c r="B37683" t="s">
        <v>23360</v>
      </c>
      <c r="C37683" t="s">
        <v>23353</v>
      </c>
      <c r="D37683" t="s">
        <v>23354</v>
      </c>
      <c r="E37683" t="s">
        <v>23347</v>
      </c>
      <c r="F37683" t="s">
        <v>23348</v>
      </c>
      <c r="G37683" t="s">
        <v>22539</v>
      </c>
      <c r="H37683" t="s">
        <v>22540</v>
      </c>
      <c r="I37683" s="2">
        <v>0</v>
      </c>
      <c r="J37683" s="2">
        <v>0</v>
      </c>
      <c r="K37683" s="2">
        <v>1</v>
      </c>
      <c r="L37683" t="s">
        <v>995</v>
      </c>
      <c r="M37683" t="s">
        <v>87</v>
      </c>
      <c r="N37683" t="s">
        <v>88</v>
      </c>
      <c r="O37683" t="s">
        <v>85</v>
      </c>
      <c r="P37683" t="s">
        <v>86</v>
      </c>
      <c r="Q37683">
        <v>12</v>
      </c>
      <c r="R37683">
        <v>12</v>
      </c>
      <c r="S37683">
        <v>12</v>
      </c>
      <c r="T37683">
        <v>12</v>
      </c>
      <c r="U37683">
        <v>12</v>
      </c>
      <c r="V37683">
        <v>12</v>
      </c>
      <c r="W37683">
        <v>12</v>
      </c>
      <c r="X37683">
        <v>13</v>
      </c>
      <c r="Y37683">
        <v>13</v>
      </c>
      <c r="Z37683">
        <v>13</v>
      </c>
      <c r="AA37683">
        <v>13</v>
      </c>
      <c r="AB37683">
        <v>13</v>
      </c>
      <c r="AC37683">
        <v>13</v>
      </c>
      <c r="AD37683">
        <v>13</v>
      </c>
      <c r="AE37683">
        <v>14</v>
      </c>
      <c r="AF37683">
        <v>14</v>
      </c>
      <c r="AG37683">
        <v>14</v>
      </c>
      <c r="AH37683">
        <v>14</v>
      </c>
      <c r="AI37683">
        <v>14</v>
      </c>
      <c r="AJ37683">
        <v>14</v>
      </c>
      <c r="AK37683">
        <v>14</v>
      </c>
      <c r="AL37683">
        <v>15</v>
      </c>
      <c r="AM37683">
        <v>15</v>
      </c>
      <c r="AN37683">
        <v>15</v>
      </c>
      <c r="AO37683">
        <v>15</v>
      </c>
      <c r="AP37683">
        <v>15</v>
      </c>
      <c r="AQ37683">
        <v>15</v>
      </c>
    </row>
    <row r="37684" spans="1:43">
      <c r="A37684" t="s">
        <v>23359</v>
      </c>
      <c r="B37684" t="s">
        <v>23360</v>
      </c>
      <c r="C37684" t="s">
        <v>23353</v>
      </c>
      <c r="D37684" t="s">
        <v>23354</v>
      </c>
      <c r="E37684" t="s">
        <v>23347</v>
      </c>
      <c r="F37684" t="s">
        <v>23348</v>
      </c>
      <c r="G37684" t="s">
        <v>22539</v>
      </c>
      <c r="H37684" t="s">
        <v>22540</v>
      </c>
      <c r="I37684" s="2">
        <v>0</v>
      </c>
      <c r="J37684" s="2">
        <v>0</v>
      </c>
      <c r="K37684" s="2">
        <v>1</v>
      </c>
      <c r="L37684" t="s">
        <v>995</v>
      </c>
      <c r="M37684" t="s">
        <v>89</v>
      </c>
      <c r="N37684" t="s">
        <v>90</v>
      </c>
      <c r="O37684" t="s">
        <v>85</v>
      </c>
      <c r="P37684" t="s">
        <v>86</v>
      </c>
      <c r="Q37684">
        <v>12</v>
      </c>
      <c r="R37684">
        <v>12</v>
      </c>
      <c r="S37684">
        <v>13</v>
      </c>
      <c r="T37684">
        <v>13</v>
      </c>
      <c r="U37684">
        <v>13</v>
      </c>
      <c r="V37684">
        <v>14</v>
      </c>
      <c r="W37684">
        <v>14</v>
      </c>
      <c r="X37684">
        <v>14</v>
      </c>
      <c r="Y37684">
        <v>15</v>
      </c>
      <c r="Z37684">
        <v>15</v>
      </c>
      <c r="AA37684">
        <v>15</v>
      </c>
      <c r="AB37684">
        <v>15</v>
      </c>
      <c r="AC37684">
        <v>16</v>
      </c>
      <c r="AD37684">
        <v>16</v>
      </c>
      <c r="AE37684">
        <v>16</v>
      </c>
      <c r="AF37684">
        <v>16</v>
      </c>
      <c r="AG37684">
        <v>17</v>
      </c>
      <c r="AH37684">
        <v>17</v>
      </c>
      <c r="AI37684">
        <v>17</v>
      </c>
      <c r="AJ37684">
        <v>17</v>
      </c>
      <c r="AK37684">
        <v>17</v>
      </c>
      <c r="AL37684">
        <v>17</v>
      </c>
      <c r="AM37684">
        <v>17</v>
      </c>
      <c r="AN37684">
        <v>17</v>
      </c>
      <c r="AO37684">
        <v>18</v>
      </c>
      <c r="AP37684">
        <v>18</v>
      </c>
      <c r="AQ37684">
        <v>18</v>
      </c>
    </row>
    <row r="37685" spans="1:43">
      <c r="A37685" t="s">
        <v>23359</v>
      </c>
      <c r="B37685" t="s">
        <v>23360</v>
      </c>
      <c r="C37685" t="s">
        <v>23353</v>
      </c>
      <c r="D37685" t="s">
        <v>23354</v>
      </c>
      <c r="E37685" t="s">
        <v>23347</v>
      </c>
      <c r="F37685" t="s">
        <v>23348</v>
      </c>
      <c r="G37685" t="s">
        <v>22539</v>
      </c>
      <c r="H37685" t="s">
        <v>22540</v>
      </c>
      <c r="I37685" s="2">
        <v>0</v>
      </c>
      <c r="J37685" s="2">
        <v>0</v>
      </c>
      <c r="K37685" s="2">
        <v>1</v>
      </c>
      <c r="L37685" t="s">
        <v>995</v>
      </c>
      <c r="M37685" t="s">
        <v>83</v>
      </c>
      <c r="N37685" t="s">
        <v>91</v>
      </c>
      <c r="O37685" t="s">
        <v>85</v>
      </c>
      <c r="P37685" t="s">
        <v>86</v>
      </c>
      <c r="Q37685">
        <v>12</v>
      </c>
      <c r="R37685">
        <v>12</v>
      </c>
      <c r="S37685">
        <v>12</v>
      </c>
      <c r="T37685">
        <v>12</v>
      </c>
      <c r="U37685">
        <v>13</v>
      </c>
      <c r="V37685">
        <v>13</v>
      </c>
      <c r="W37685">
        <v>13</v>
      </c>
      <c r="X37685">
        <v>13</v>
      </c>
      <c r="Y37685">
        <v>14</v>
      </c>
      <c r="Z37685">
        <v>14</v>
      </c>
      <c r="AA37685">
        <v>14</v>
      </c>
      <c r="AB37685">
        <v>15</v>
      </c>
      <c r="AC37685">
        <v>15</v>
      </c>
      <c r="AD37685">
        <v>15</v>
      </c>
      <c r="AE37685">
        <v>15</v>
      </c>
      <c r="AF37685">
        <v>16</v>
      </c>
      <c r="AG37685">
        <v>16</v>
      </c>
      <c r="AH37685">
        <v>16</v>
      </c>
      <c r="AI37685">
        <v>16</v>
      </c>
      <c r="AJ37685">
        <v>17</v>
      </c>
      <c r="AK37685">
        <v>17</v>
      </c>
      <c r="AL37685">
        <v>17</v>
      </c>
      <c r="AM37685">
        <v>17</v>
      </c>
      <c r="AN37685">
        <v>17</v>
      </c>
      <c r="AO37685">
        <v>17</v>
      </c>
      <c r="AP37685">
        <v>18</v>
      </c>
      <c r="AQ37685">
        <v>18</v>
      </c>
    </row>
    <row r="37686" spans="1:43">
      <c r="A37686" t="s">
        <v>23361</v>
      </c>
      <c r="B37686" t="s">
        <v>23362</v>
      </c>
      <c r="C37686" t="s">
        <v>23353</v>
      </c>
      <c r="D37686" t="s">
        <v>23354</v>
      </c>
      <c r="E37686" t="s">
        <v>23347</v>
      </c>
      <c r="F37686" t="s">
        <v>23348</v>
      </c>
      <c r="G37686" t="s">
        <v>22539</v>
      </c>
      <c r="H37686" t="s">
        <v>22540</v>
      </c>
      <c r="I37686" s="2">
        <v>0</v>
      </c>
      <c r="J37686" s="2">
        <v>0</v>
      </c>
      <c r="K37686" s="2">
        <v>1</v>
      </c>
      <c r="L37686" t="s">
        <v>995</v>
      </c>
      <c r="M37686" t="s">
        <v>83</v>
      </c>
      <c r="N37686" t="s">
        <v>84</v>
      </c>
      <c r="O37686" t="s">
        <v>85</v>
      </c>
      <c r="P37686" t="s">
        <v>86</v>
      </c>
      <c r="Q37686">
        <v>24</v>
      </c>
      <c r="R37686">
        <v>25</v>
      </c>
      <c r="S37686">
        <v>26</v>
      </c>
      <c r="T37686">
        <v>26</v>
      </c>
      <c r="U37686">
        <v>27</v>
      </c>
      <c r="V37686">
        <v>27</v>
      </c>
      <c r="W37686">
        <v>28</v>
      </c>
      <c r="X37686">
        <v>28</v>
      </c>
      <c r="Y37686">
        <v>29</v>
      </c>
      <c r="Z37686">
        <v>29</v>
      </c>
      <c r="AA37686">
        <v>30</v>
      </c>
      <c r="AB37686">
        <v>30</v>
      </c>
      <c r="AC37686">
        <v>31</v>
      </c>
      <c r="AD37686">
        <v>31</v>
      </c>
      <c r="AE37686">
        <v>32</v>
      </c>
      <c r="AF37686">
        <v>32</v>
      </c>
      <c r="AG37686">
        <v>33</v>
      </c>
      <c r="AH37686">
        <v>33</v>
      </c>
      <c r="AI37686">
        <v>34</v>
      </c>
      <c r="AJ37686">
        <v>35</v>
      </c>
      <c r="AK37686">
        <v>35</v>
      </c>
      <c r="AL37686">
        <v>36</v>
      </c>
      <c r="AM37686">
        <v>36</v>
      </c>
      <c r="AN37686">
        <v>36</v>
      </c>
      <c r="AO37686">
        <v>36</v>
      </c>
      <c r="AP37686">
        <v>37</v>
      </c>
      <c r="AQ37686">
        <v>37</v>
      </c>
    </row>
    <row r="37687" spans="1:43">
      <c r="A37687" t="s">
        <v>23361</v>
      </c>
      <c r="B37687" t="s">
        <v>23362</v>
      </c>
      <c r="C37687" t="s">
        <v>23353</v>
      </c>
      <c r="D37687" t="s">
        <v>23354</v>
      </c>
      <c r="E37687" t="s">
        <v>23347</v>
      </c>
      <c r="F37687" t="s">
        <v>23348</v>
      </c>
      <c r="G37687" t="s">
        <v>22539</v>
      </c>
      <c r="H37687" t="s">
        <v>22540</v>
      </c>
      <c r="I37687" s="2">
        <v>0</v>
      </c>
      <c r="J37687" s="2">
        <v>0</v>
      </c>
      <c r="K37687" s="2">
        <v>1</v>
      </c>
      <c r="L37687" t="s">
        <v>995</v>
      </c>
      <c r="M37687" t="s">
        <v>87</v>
      </c>
      <c r="N37687" t="s">
        <v>88</v>
      </c>
      <c r="O37687" t="s">
        <v>85</v>
      </c>
      <c r="P37687" t="s">
        <v>86</v>
      </c>
      <c r="Q37687">
        <v>24</v>
      </c>
      <c r="R37687">
        <v>25</v>
      </c>
      <c r="S37687">
        <v>25</v>
      </c>
      <c r="T37687">
        <v>25</v>
      </c>
      <c r="U37687">
        <v>25</v>
      </c>
      <c r="V37687">
        <v>26</v>
      </c>
      <c r="W37687">
        <v>26</v>
      </c>
      <c r="X37687">
        <v>26</v>
      </c>
      <c r="Y37687">
        <v>26</v>
      </c>
      <c r="Z37687">
        <v>27</v>
      </c>
      <c r="AA37687">
        <v>27</v>
      </c>
      <c r="AB37687">
        <v>27</v>
      </c>
      <c r="AC37687">
        <v>28</v>
      </c>
      <c r="AD37687">
        <v>28</v>
      </c>
      <c r="AE37687">
        <v>28</v>
      </c>
      <c r="AF37687">
        <v>28</v>
      </c>
      <c r="AG37687">
        <v>29</v>
      </c>
      <c r="AH37687">
        <v>29</v>
      </c>
      <c r="AI37687">
        <v>29</v>
      </c>
      <c r="AJ37687">
        <v>30</v>
      </c>
      <c r="AK37687">
        <v>30</v>
      </c>
      <c r="AL37687">
        <v>30</v>
      </c>
      <c r="AM37687">
        <v>31</v>
      </c>
      <c r="AN37687">
        <v>31</v>
      </c>
      <c r="AO37687">
        <v>31</v>
      </c>
      <c r="AP37687">
        <v>32</v>
      </c>
      <c r="AQ37687">
        <v>32</v>
      </c>
    </row>
    <row r="37688" spans="1:43">
      <c r="A37688" t="s">
        <v>23361</v>
      </c>
      <c r="B37688" t="s">
        <v>23362</v>
      </c>
      <c r="C37688" t="s">
        <v>23353</v>
      </c>
      <c r="D37688" t="s">
        <v>23354</v>
      </c>
      <c r="E37688" t="s">
        <v>23347</v>
      </c>
      <c r="F37688" t="s">
        <v>23348</v>
      </c>
      <c r="G37688" t="s">
        <v>22539</v>
      </c>
      <c r="H37688" t="s">
        <v>22540</v>
      </c>
      <c r="I37688" s="2">
        <v>0</v>
      </c>
      <c r="J37688" s="2">
        <v>0</v>
      </c>
      <c r="K37688" s="2">
        <v>1</v>
      </c>
      <c r="L37688" t="s">
        <v>995</v>
      </c>
      <c r="M37688" t="s">
        <v>89</v>
      </c>
      <c r="N37688" t="s">
        <v>90</v>
      </c>
      <c r="O37688" t="s">
        <v>85</v>
      </c>
      <c r="P37688" t="s">
        <v>86</v>
      </c>
      <c r="Q37688">
        <v>24</v>
      </c>
      <c r="R37688">
        <v>24</v>
      </c>
      <c r="S37688">
        <v>25</v>
      </c>
      <c r="T37688">
        <v>26</v>
      </c>
      <c r="U37688">
        <v>27</v>
      </c>
      <c r="V37688">
        <v>27</v>
      </c>
      <c r="W37688">
        <v>28</v>
      </c>
      <c r="X37688">
        <v>29</v>
      </c>
      <c r="Y37688">
        <v>29</v>
      </c>
      <c r="Z37688">
        <v>30</v>
      </c>
      <c r="AA37688">
        <v>31</v>
      </c>
      <c r="AB37688">
        <v>31</v>
      </c>
      <c r="AC37688">
        <v>32</v>
      </c>
      <c r="AD37688">
        <v>33</v>
      </c>
      <c r="AE37688">
        <v>33</v>
      </c>
      <c r="AF37688">
        <v>33</v>
      </c>
      <c r="AG37688">
        <v>34</v>
      </c>
      <c r="AH37688">
        <v>34</v>
      </c>
      <c r="AI37688">
        <v>34</v>
      </c>
      <c r="AJ37688">
        <v>34</v>
      </c>
      <c r="AK37688">
        <v>35</v>
      </c>
      <c r="AL37688">
        <v>35</v>
      </c>
      <c r="AM37688">
        <v>35</v>
      </c>
      <c r="AN37688">
        <v>35</v>
      </c>
      <c r="AO37688">
        <v>36</v>
      </c>
      <c r="AP37688">
        <v>36</v>
      </c>
      <c r="AQ37688">
        <v>36</v>
      </c>
    </row>
    <row r="37689" spans="1:43">
      <c r="A37689" t="s">
        <v>23361</v>
      </c>
      <c r="B37689" t="s">
        <v>23362</v>
      </c>
      <c r="C37689" t="s">
        <v>23353</v>
      </c>
      <c r="D37689" t="s">
        <v>23354</v>
      </c>
      <c r="E37689" t="s">
        <v>23347</v>
      </c>
      <c r="F37689" t="s">
        <v>23348</v>
      </c>
      <c r="G37689" t="s">
        <v>22539</v>
      </c>
      <c r="H37689" t="s">
        <v>22540</v>
      </c>
      <c r="I37689" s="2">
        <v>0</v>
      </c>
      <c r="J37689" s="2">
        <v>0</v>
      </c>
      <c r="K37689" s="2">
        <v>1</v>
      </c>
      <c r="L37689" t="s">
        <v>995</v>
      </c>
      <c r="M37689" t="s">
        <v>83</v>
      </c>
      <c r="N37689" t="s">
        <v>91</v>
      </c>
      <c r="O37689" t="s">
        <v>85</v>
      </c>
      <c r="P37689" t="s">
        <v>86</v>
      </c>
      <c r="Q37689">
        <v>24</v>
      </c>
      <c r="R37689">
        <v>25</v>
      </c>
      <c r="S37689">
        <v>26</v>
      </c>
      <c r="T37689">
        <v>26</v>
      </c>
      <c r="U37689">
        <v>27</v>
      </c>
      <c r="V37689">
        <v>27</v>
      </c>
      <c r="W37689">
        <v>28</v>
      </c>
      <c r="X37689">
        <v>28</v>
      </c>
      <c r="Y37689">
        <v>29</v>
      </c>
      <c r="Z37689">
        <v>29</v>
      </c>
      <c r="AA37689">
        <v>30</v>
      </c>
      <c r="AB37689">
        <v>30</v>
      </c>
      <c r="AC37689">
        <v>31</v>
      </c>
      <c r="AD37689">
        <v>31</v>
      </c>
      <c r="AE37689">
        <v>32</v>
      </c>
      <c r="AF37689">
        <v>32</v>
      </c>
      <c r="AG37689">
        <v>33</v>
      </c>
      <c r="AH37689">
        <v>33</v>
      </c>
      <c r="AI37689">
        <v>34</v>
      </c>
      <c r="AJ37689">
        <v>35</v>
      </c>
      <c r="AK37689">
        <v>35</v>
      </c>
      <c r="AL37689">
        <v>36</v>
      </c>
      <c r="AM37689">
        <v>36</v>
      </c>
      <c r="AN37689">
        <v>36</v>
      </c>
      <c r="AO37689">
        <v>36</v>
      </c>
      <c r="AP37689">
        <v>37</v>
      </c>
      <c r="AQ37689">
        <v>37</v>
      </c>
    </row>
    <row r="37690" spans="1:43">
      <c r="A37690" t="s">
        <v>23363</v>
      </c>
      <c r="B37690" t="s">
        <v>23364</v>
      </c>
      <c r="C37690" t="s">
        <v>23365</v>
      </c>
      <c r="D37690" t="s">
        <v>23366</v>
      </c>
      <c r="E37690" t="s">
        <v>23347</v>
      </c>
      <c r="F37690" t="s">
        <v>23348</v>
      </c>
      <c r="G37690" t="s">
        <v>22539</v>
      </c>
      <c r="H37690" t="s">
        <v>22540</v>
      </c>
      <c r="I37690" s="2">
        <v>0</v>
      </c>
      <c r="J37690" s="2">
        <v>0</v>
      </c>
      <c r="K37690" s="2">
        <v>1</v>
      </c>
      <c r="L37690" t="s">
        <v>995</v>
      </c>
      <c r="M37690" t="s">
        <v>83</v>
      </c>
      <c r="N37690" t="s">
        <v>84</v>
      </c>
      <c r="O37690" t="s">
        <v>85</v>
      </c>
      <c r="P37690" t="s">
        <v>86</v>
      </c>
      <c r="Q37690">
        <v>43</v>
      </c>
      <c r="R37690">
        <v>43</v>
      </c>
      <c r="S37690">
        <v>44</v>
      </c>
      <c r="T37690">
        <v>45</v>
      </c>
      <c r="U37690">
        <v>46</v>
      </c>
      <c r="V37690">
        <v>47</v>
      </c>
      <c r="W37690">
        <v>48</v>
      </c>
      <c r="X37690">
        <v>49</v>
      </c>
      <c r="Y37690">
        <v>50</v>
      </c>
      <c r="Z37690">
        <v>51</v>
      </c>
      <c r="AA37690">
        <v>52</v>
      </c>
      <c r="AB37690">
        <v>53</v>
      </c>
      <c r="AC37690">
        <v>53</v>
      </c>
      <c r="AD37690">
        <v>54</v>
      </c>
      <c r="AE37690">
        <v>55</v>
      </c>
      <c r="AF37690">
        <v>56</v>
      </c>
      <c r="AG37690">
        <v>57</v>
      </c>
      <c r="AH37690">
        <v>58</v>
      </c>
      <c r="AI37690">
        <v>59</v>
      </c>
      <c r="AJ37690">
        <v>60</v>
      </c>
      <c r="AK37690">
        <v>61</v>
      </c>
      <c r="AL37690">
        <v>62</v>
      </c>
      <c r="AM37690">
        <v>62</v>
      </c>
      <c r="AN37690">
        <v>63</v>
      </c>
      <c r="AO37690">
        <v>63</v>
      </c>
      <c r="AP37690">
        <v>64</v>
      </c>
      <c r="AQ37690">
        <v>64</v>
      </c>
    </row>
    <row r="37691" spans="1:43">
      <c r="A37691" t="s">
        <v>23363</v>
      </c>
      <c r="B37691" t="s">
        <v>23364</v>
      </c>
      <c r="C37691" t="s">
        <v>23365</v>
      </c>
      <c r="D37691" t="s">
        <v>23366</v>
      </c>
      <c r="E37691" t="s">
        <v>23347</v>
      </c>
      <c r="F37691" t="s">
        <v>23348</v>
      </c>
      <c r="G37691" t="s">
        <v>22539</v>
      </c>
      <c r="H37691" t="s">
        <v>22540</v>
      </c>
      <c r="I37691" s="2">
        <v>0</v>
      </c>
      <c r="J37691" s="2">
        <v>0</v>
      </c>
      <c r="K37691" s="2">
        <v>1</v>
      </c>
      <c r="L37691" t="s">
        <v>995</v>
      </c>
      <c r="M37691" t="s">
        <v>87</v>
      </c>
      <c r="N37691" t="s">
        <v>88</v>
      </c>
      <c r="O37691" t="s">
        <v>85</v>
      </c>
      <c r="P37691" t="s">
        <v>86</v>
      </c>
      <c r="Q37691">
        <v>43</v>
      </c>
      <c r="R37691">
        <v>44</v>
      </c>
      <c r="S37691">
        <v>44</v>
      </c>
      <c r="T37691">
        <v>45</v>
      </c>
      <c r="U37691">
        <v>45</v>
      </c>
      <c r="V37691">
        <v>46</v>
      </c>
      <c r="W37691">
        <v>46</v>
      </c>
      <c r="X37691">
        <v>47</v>
      </c>
      <c r="Y37691">
        <v>47</v>
      </c>
      <c r="Z37691">
        <v>47</v>
      </c>
      <c r="AA37691">
        <v>48</v>
      </c>
      <c r="AB37691">
        <v>48</v>
      </c>
      <c r="AC37691">
        <v>49</v>
      </c>
      <c r="AD37691">
        <v>49</v>
      </c>
      <c r="AE37691">
        <v>50</v>
      </c>
      <c r="AF37691">
        <v>50</v>
      </c>
      <c r="AG37691">
        <v>51</v>
      </c>
      <c r="AH37691">
        <v>52</v>
      </c>
      <c r="AI37691">
        <v>52</v>
      </c>
      <c r="AJ37691">
        <v>53</v>
      </c>
      <c r="AK37691">
        <v>53</v>
      </c>
      <c r="AL37691">
        <v>54</v>
      </c>
      <c r="AM37691">
        <v>54</v>
      </c>
      <c r="AN37691">
        <v>55</v>
      </c>
      <c r="AO37691">
        <v>56</v>
      </c>
      <c r="AP37691">
        <v>56</v>
      </c>
      <c r="AQ37691">
        <v>57</v>
      </c>
    </row>
    <row r="37692" spans="1:43">
      <c r="A37692" t="s">
        <v>23363</v>
      </c>
      <c r="B37692" t="s">
        <v>23364</v>
      </c>
      <c r="C37692" t="s">
        <v>23365</v>
      </c>
      <c r="D37692" t="s">
        <v>23366</v>
      </c>
      <c r="E37692" t="s">
        <v>23347</v>
      </c>
      <c r="F37692" t="s">
        <v>23348</v>
      </c>
      <c r="G37692" t="s">
        <v>22539</v>
      </c>
      <c r="H37692" t="s">
        <v>22540</v>
      </c>
      <c r="I37692" s="2">
        <v>0</v>
      </c>
      <c r="J37692" s="2">
        <v>0</v>
      </c>
      <c r="K37692" s="2">
        <v>1</v>
      </c>
      <c r="L37692" t="s">
        <v>995</v>
      </c>
      <c r="M37692" t="s">
        <v>89</v>
      </c>
      <c r="N37692" t="s">
        <v>90</v>
      </c>
      <c r="O37692" t="s">
        <v>85</v>
      </c>
      <c r="P37692" t="s">
        <v>86</v>
      </c>
      <c r="Q37692">
        <v>43</v>
      </c>
      <c r="R37692">
        <v>44</v>
      </c>
      <c r="S37692">
        <v>46</v>
      </c>
      <c r="T37692">
        <v>47</v>
      </c>
      <c r="U37692">
        <v>48</v>
      </c>
      <c r="V37692">
        <v>49</v>
      </c>
      <c r="W37692">
        <v>50</v>
      </c>
      <c r="X37692">
        <v>52</v>
      </c>
      <c r="Y37692">
        <v>53</v>
      </c>
      <c r="Z37692">
        <v>54</v>
      </c>
      <c r="AA37692">
        <v>55</v>
      </c>
      <c r="AB37692">
        <v>56</v>
      </c>
      <c r="AC37692">
        <v>57</v>
      </c>
      <c r="AD37692">
        <v>58</v>
      </c>
      <c r="AE37692">
        <v>59</v>
      </c>
      <c r="AF37692">
        <v>60</v>
      </c>
      <c r="AG37692">
        <v>60</v>
      </c>
      <c r="AH37692">
        <v>60</v>
      </c>
      <c r="AI37692">
        <v>61</v>
      </c>
      <c r="AJ37692">
        <v>61</v>
      </c>
      <c r="AK37692">
        <v>62</v>
      </c>
      <c r="AL37692">
        <v>62</v>
      </c>
      <c r="AM37692">
        <v>63</v>
      </c>
      <c r="AN37692">
        <v>63</v>
      </c>
      <c r="AO37692">
        <v>64</v>
      </c>
      <c r="AP37692">
        <v>64</v>
      </c>
      <c r="AQ37692">
        <v>65</v>
      </c>
    </row>
    <row r="37693" spans="1:43">
      <c r="A37693" t="s">
        <v>23363</v>
      </c>
      <c r="B37693" t="s">
        <v>23364</v>
      </c>
      <c r="C37693" t="s">
        <v>23365</v>
      </c>
      <c r="D37693" t="s">
        <v>23366</v>
      </c>
      <c r="E37693" t="s">
        <v>23347</v>
      </c>
      <c r="F37693" t="s">
        <v>23348</v>
      </c>
      <c r="G37693" t="s">
        <v>22539</v>
      </c>
      <c r="H37693" t="s">
        <v>22540</v>
      </c>
      <c r="I37693" s="2">
        <v>0</v>
      </c>
      <c r="J37693" s="2">
        <v>0</v>
      </c>
      <c r="K37693" s="2">
        <v>1</v>
      </c>
      <c r="L37693" t="s">
        <v>995</v>
      </c>
      <c r="M37693" t="s">
        <v>83</v>
      </c>
      <c r="N37693" t="s">
        <v>91</v>
      </c>
      <c r="O37693" t="s">
        <v>85</v>
      </c>
      <c r="P37693" t="s">
        <v>86</v>
      </c>
      <c r="Q37693">
        <v>43</v>
      </c>
      <c r="R37693">
        <v>43</v>
      </c>
      <c r="S37693">
        <v>44</v>
      </c>
      <c r="T37693">
        <v>45</v>
      </c>
      <c r="U37693">
        <v>46</v>
      </c>
      <c r="V37693">
        <v>47</v>
      </c>
      <c r="W37693">
        <v>48</v>
      </c>
      <c r="X37693">
        <v>49</v>
      </c>
      <c r="Y37693">
        <v>50</v>
      </c>
      <c r="Z37693">
        <v>51</v>
      </c>
      <c r="AA37693">
        <v>52</v>
      </c>
      <c r="AB37693">
        <v>53</v>
      </c>
      <c r="AC37693">
        <v>53</v>
      </c>
      <c r="AD37693">
        <v>54</v>
      </c>
      <c r="AE37693">
        <v>55</v>
      </c>
      <c r="AF37693">
        <v>56</v>
      </c>
      <c r="AG37693">
        <v>57</v>
      </c>
      <c r="AH37693">
        <v>58</v>
      </c>
      <c r="AI37693">
        <v>59</v>
      </c>
      <c r="AJ37693">
        <v>60</v>
      </c>
      <c r="AK37693">
        <v>61</v>
      </c>
      <c r="AL37693">
        <v>62</v>
      </c>
      <c r="AM37693">
        <v>62</v>
      </c>
      <c r="AN37693">
        <v>63</v>
      </c>
      <c r="AO37693">
        <v>63</v>
      </c>
      <c r="AP37693">
        <v>64</v>
      </c>
      <c r="AQ37693">
        <v>64</v>
      </c>
    </row>
    <row r="37694" spans="1:43">
      <c r="A37694" t="s">
        <v>23367</v>
      </c>
      <c r="B37694" t="s">
        <v>23368</v>
      </c>
      <c r="C37694" t="s">
        <v>23365</v>
      </c>
      <c r="D37694" t="s">
        <v>23366</v>
      </c>
      <c r="E37694" t="s">
        <v>23347</v>
      </c>
      <c r="F37694" t="s">
        <v>23348</v>
      </c>
      <c r="G37694" t="s">
        <v>22539</v>
      </c>
      <c r="H37694" t="s">
        <v>22540</v>
      </c>
      <c r="I37694" s="2">
        <v>0</v>
      </c>
      <c r="J37694" s="2">
        <v>0</v>
      </c>
      <c r="K37694" s="2">
        <v>1</v>
      </c>
      <c r="L37694" t="s">
        <v>995</v>
      </c>
      <c r="M37694" t="s">
        <v>83</v>
      </c>
      <c r="N37694" t="s">
        <v>84</v>
      </c>
      <c r="O37694" t="s">
        <v>85</v>
      </c>
      <c r="P37694" t="s">
        <v>86</v>
      </c>
      <c r="Q37694">
        <v>88</v>
      </c>
      <c r="R37694">
        <v>90</v>
      </c>
      <c r="S37694">
        <v>91</v>
      </c>
      <c r="T37694">
        <v>93</v>
      </c>
      <c r="U37694">
        <v>95</v>
      </c>
      <c r="V37694">
        <v>97</v>
      </c>
      <c r="W37694">
        <v>99</v>
      </c>
      <c r="X37694">
        <v>101</v>
      </c>
      <c r="Y37694">
        <v>103</v>
      </c>
      <c r="Z37694">
        <v>104</v>
      </c>
      <c r="AA37694">
        <v>106</v>
      </c>
      <c r="AB37694">
        <v>108</v>
      </c>
      <c r="AC37694">
        <v>110</v>
      </c>
      <c r="AD37694">
        <v>112</v>
      </c>
      <c r="AE37694">
        <v>114</v>
      </c>
      <c r="AF37694">
        <v>116</v>
      </c>
      <c r="AG37694">
        <v>118</v>
      </c>
      <c r="AH37694">
        <v>120</v>
      </c>
      <c r="AI37694">
        <v>122</v>
      </c>
      <c r="AJ37694">
        <v>124</v>
      </c>
      <c r="AK37694">
        <v>126</v>
      </c>
      <c r="AL37694">
        <v>127</v>
      </c>
      <c r="AM37694">
        <v>128</v>
      </c>
      <c r="AN37694">
        <v>129</v>
      </c>
      <c r="AO37694">
        <v>130</v>
      </c>
      <c r="AP37694">
        <v>131</v>
      </c>
      <c r="AQ37694">
        <v>132</v>
      </c>
    </row>
    <row r="37695" spans="1:43">
      <c r="A37695" t="s">
        <v>23367</v>
      </c>
      <c r="B37695" t="s">
        <v>23368</v>
      </c>
      <c r="C37695" t="s">
        <v>23365</v>
      </c>
      <c r="D37695" t="s">
        <v>23366</v>
      </c>
      <c r="E37695" t="s">
        <v>23347</v>
      </c>
      <c r="F37695" t="s">
        <v>23348</v>
      </c>
      <c r="G37695" t="s">
        <v>22539</v>
      </c>
      <c r="H37695" t="s">
        <v>22540</v>
      </c>
      <c r="I37695" s="2">
        <v>0</v>
      </c>
      <c r="J37695" s="2">
        <v>0</v>
      </c>
      <c r="K37695" s="2">
        <v>1</v>
      </c>
      <c r="L37695" t="s">
        <v>995</v>
      </c>
      <c r="M37695" t="s">
        <v>87</v>
      </c>
      <c r="N37695" t="s">
        <v>88</v>
      </c>
      <c r="O37695" t="s">
        <v>85</v>
      </c>
      <c r="P37695" t="s">
        <v>86</v>
      </c>
      <c r="Q37695">
        <v>88</v>
      </c>
      <c r="R37695">
        <v>89</v>
      </c>
      <c r="S37695">
        <v>90</v>
      </c>
      <c r="T37695">
        <v>91</v>
      </c>
      <c r="U37695">
        <v>92</v>
      </c>
      <c r="V37695">
        <v>93</v>
      </c>
      <c r="W37695">
        <v>94</v>
      </c>
      <c r="X37695">
        <v>95</v>
      </c>
      <c r="Y37695">
        <v>96</v>
      </c>
      <c r="Z37695">
        <v>97</v>
      </c>
      <c r="AA37695">
        <v>98</v>
      </c>
      <c r="AB37695">
        <v>99</v>
      </c>
      <c r="AC37695">
        <v>100</v>
      </c>
      <c r="AD37695">
        <v>101</v>
      </c>
      <c r="AE37695">
        <v>102</v>
      </c>
      <c r="AF37695">
        <v>103</v>
      </c>
      <c r="AG37695">
        <v>104</v>
      </c>
      <c r="AH37695">
        <v>105</v>
      </c>
      <c r="AI37695">
        <v>106</v>
      </c>
      <c r="AJ37695">
        <v>107</v>
      </c>
      <c r="AK37695">
        <v>108</v>
      </c>
      <c r="AL37695">
        <v>110</v>
      </c>
      <c r="AM37695">
        <v>111</v>
      </c>
      <c r="AN37695">
        <v>112</v>
      </c>
      <c r="AO37695">
        <v>113</v>
      </c>
      <c r="AP37695">
        <v>115</v>
      </c>
      <c r="AQ37695">
        <v>116</v>
      </c>
    </row>
    <row r="37696" spans="1:43">
      <c r="A37696" t="s">
        <v>23367</v>
      </c>
      <c r="B37696" t="s">
        <v>23368</v>
      </c>
      <c r="C37696" t="s">
        <v>23365</v>
      </c>
      <c r="D37696" t="s">
        <v>23366</v>
      </c>
      <c r="E37696" t="s">
        <v>23347</v>
      </c>
      <c r="F37696" t="s">
        <v>23348</v>
      </c>
      <c r="G37696" t="s">
        <v>22539</v>
      </c>
      <c r="H37696" t="s">
        <v>22540</v>
      </c>
      <c r="I37696" s="2">
        <v>0</v>
      </c>
      <c r="J37696" s="2">
        <v>0</v>
      </c>
      <c r="K37696" s="2">
        <v>1</v>
      </c>
      <c r="L37696" t="s">
        <v>995</v>
      </c>
      <c r="M37696" t="s">
        <v>89</v>
      </c>
      <c r="N37696" t="s">
        <v>90</v>
      </c>
      <c r="O37696" t="s">
        <v>85</v>
      </c>
      <c r="P37696" t="s">
        <v>86</v>
      </c>
      <c r="Q37696">
        <v>88</v>
      </c>
      <c r="R37696">
        <v>90</v>
      </c>
      <c r="S37696">
        <v>93</v>
      </c>
      <c r="T37696">
        <v>95</v>
      </c>
      <c r="U37696">
        <v>98</v>
      </c>
      <c r="V37696">
        <v>100</v>
      </c>
      <c r="W37696">
        <v>103</v>
      </c>
      <c r="X37696">
        <v>105</v>
      </c>
      <c r="Y37696">
        <v>108</v>
      </c>
      <c r="Z37696">
        <v>110</v>
      </c>
      <c r="AA37696">
        <v>112</v>
      </c>
      <c r="AB37696">
        <v>114</v>
      </c>
      <c r="AC37696">
        <v>117</v>
      </c>
      <c r="AD37696">
        <v>119</v>
      </c>
      <c r="AE37696">
        <v>121</v>
      </c>
      <c r="AF37696">
        <v>122</v>
      </c>
      <c r="AG37696">
        <v>123</v>
      </c>
      <c r="AH37696">
        <v>124</v>
      </c>
      <c r="AI37696">
        <v>124</v>
      </c>
      <c r="AJ37696">
        <v>125</v>
      </c>
      <c r="AK37696">
        <v>126</v>
      </c>
      <c r="AL37696">
        <v>127</v>
      </c>
      <c r="AM37696">
        <v>128</v>
      </c>
      <c r="AN37696">
        <v>129</v>
      </c>
      <c r="AO37696">
        <v>130</v>
      </c>
      <c r="AP37696">
        <v>131</v>
      </c>
      <c r="AQ37696">
        <v>132</v>
      </c>
    </row>
    <row r="37697" spans="1:43">
      <c r="A37697" t="s">
        <v>23367</v>
      </c>
      <c r="B37697" t="s">
        <v>23368</v>
      </c>
      <c r="C37697" t="s">
        <v>23365</v>
      </c>
      <c r="D37697" t="s">
        <v>23366</v>
      </c>
      <c r="E37697" t="s">
        <v>23347</v>
      </c>
      <c r="F37697" t="s">
        <v>23348</v>
      </c>
      <c r="G37697" t="s">
        <v>22539</v>
      </c>
      <c r="H37697" t="s">
        <v>22540</v>
      </c>
      <c r="I37697" s="2">
        <v>0</v>
      </c>
      <c r="J37697" s="2">
        <v>0</v>
      </c>
      <c r="K37697" s="2">
        <v>1</v>
      </c>
      <c r="L37697" t="s">
        <v>995</v>
      </c>
      <c r="M37697" t="s">
        <v>83</v>
      </c>
      <c r="N37697" t="s">
        <v>91</v>
      </c>
      <c r="O37697" t="s">
        <v>85</v>
      </c>
      <c r="P37697" t="s">
        <v>86</v>
      </c>
      <c r="Q37697">
        <v>88</v>
      </c>
      <c r="R37697">
        <v>90</v>
      </c>
      <c r="S37697">
        <v>91</v>
      </c>
      <c r="T37697">
        <v>93</v>
      </c>
      <c r="U37697">
        <v>95</v>
      </c>
      <c r="V37697">
        <v>97</v>
      </c>
      <c r="W37697">
        <v>99</v>
      </c>
      <c r="X37697">
        <v>101</v>
      </c>
      <c r="Y37697">
        <v>103</v>
      </c>
      <c r="Z37697">
        <v>104</v>
      </c>
      <c r="AA37697">
        <v>106</v>
      </c>
      <c r="AB37697">
        <v>108</v>
      </c>
      <c r="AC37697">
        <v>110</v>
      </c>
      <c r="AD37697">
        <v>112</v>
      </c>
      <c r="AE37697">
        <v>114</v>
      </c>
      <c r="AF37697">
        <v>116</v>
      </c>
      <c r="AG37697">
        <v>118</v>
      </c>
      <c r="AH37697">
        <v>120</v>
      </c>
      <c r="AI37697">
        <v>122</v>
      </c>
      <c r="AJ37697">
        <v>124</v>
      </c>
      <c r="AK37697">
        <v>126</v>
      </c>
      <c r="AL37697">
        <v>127</v>
      </c>
      <c r="AM37697">
        <v>128</v>
      </c>
      <c r="AN37697">
        <v>129</v>
      </c>
      <c r="AO37697">
        <v>130</v>
      </c>
      <c r="AP37697">
        <v>131</v>
      </c>
      <c r="AQ37697">
        <v>132</v>
      </c>
    </row>
    <row r="37698" spans="1:43">
      <c r="A37698" t="s">
        <v>23369</v>
      </c>
      <c r="B37698" t="s">
        <v>23370</v>
      </c>
      <c r="C37698" t="s">
        <v>23365</v>
      </c>
      <c r="D37698" t="s">
        <v>23366</v>
      </c>
      <c r="E37698" t="s">
        <v>23347</v>
      </c>
      <c r="F37698" t="s">
        <v>23348</v>
      </c>
      <c r="G37698" t="s">
        <v>22539</v>
      </c>
      <c r="H37698" t="s">
        <v>22540</v>
      </c>
      <c r="I37698" s="2">
        <v>0</v>
      </c>
      <c r="J37698" s="2">
        <v>0</v>
      </c>
      <c r="K37698" s="2">
        <v>1</v>
      </c>
      <c r="L37698" t="s">
        <v>995</v>
      </c>
      <c r="M37698" t="s">
        <v>83</v>
      </c>
      <c r="N37698" t="s">
        <v>84</v>
      </c>
      <c r="O37698" t="s">
        <v>85</v>
      </c>
      <c r="P37698" t="s">
        <v>86</v>
      </c>
      <c r="Q37698">
        <v>19</v>
      </c>
      <c r="R37698">
        <v>19</v>
      </c>
      <c r="S37698">
        <v>20</v>
      </c>
      <c r="T37698">
        <v>20</v>
      </c>
      <c r="U37698">
        <v>21</v>
      </c>
      <c r="V37698">
        <v>21</v>
      </c>
      <c r="W37698">
        <v>21</v>
      </c>
      <c r="X37698">
        <v>22</v>
      </c>
      <c r="Y37698">
        <v>22</v>
      </c>
      <c r="Z37698">
        <v>23</v>
      </c>
      <c r="AA37698">
        <v>23</v>
      </c>
      <c r="AB37698">
        <v>24</v>
      </c>
      <c r="AC37698">
        <v>24</v>
      </c>
      <c r="AD37698">
        <v>24</v>
      </c>
      <c r="AE37698">
        <v>25</v>
      </c>
      <c r="AF37698">
        <v>25</v>
      </c>
      <c r="AG37698">
        <v>26</v>
      </c>
      <c r="AH37698">
        <v>26</v>
      </c>
      <c r="AI37698">
        <v>26</v>
      </c>
      <c r="AJ37698">
        <v>27</v>
      </c>
      <c r="AK37698">
        <v>27</v>
      </c>
      <c r="AL37698">
        <v>28</v>
      </c>
      <c r="AM37698">
        <v>28</v>
      </c>
      <c r="AN37698">
        <v>28</v>
      </c>
      <c r="AO37698">
        <v>28</v>
      </c>
      <c r="AP37698">
        <v>28</v>
      </c>
      <c r="AQ37698">
        <v>29</v>
      </c>
    </row>
    <row r="37699" spans="1:43">
      <c r="A37699" t="s">
        <v>23369</v>
      </c>
      <c r="B37699" t="s">
        <v>23370</v>
      </c>
      <c r="C37699" t="s">
        <v>23365</v>
      </c>
      <c r="D37699" t="s">
        <v>23366</v>
      </c>
      <c r="E37699" t="s">
        <v>23347</v>
      </c>
      <c r="F37699" t="s">
        <v>23348</v>
      </c>
      <c r="G37699" t="s">
        <v>22539</v>
      </c>
      <c r="H37699" t="s">
        <v>22540</v>
      </c>
      <c r="I37699" s="2">
        <v>0</v>
      </c>
      <c r="J37699" s="2">
        <v>0</v>
      </c>
      <c r="K37699" s="2">
        <v>1</v>
      </c>
      <c r="L37699" t="s">
        <v>995</v>
      </c>
      <c r="M37699" t="s">
        <v>87</v>
      </c>
      <c r="N37699" t="s">
        <v>88</v>
      </c>
      <c r="O37699" t="s">
        <v>85</v>
      </c>
      <c r="P37699" t="s">
        <v>86</v>
      </c>
      <c r="Q37699">
        <v>19</v>
      </c>
      <c r="R37699">
        <v>19</v>
      </c>
      <c r="S37699">
        <v>19</v>
      </c>
      <c r="T37699">
        <v>20</v>
      </c>
      <c r="U37699">
        <v>20</v>
      </c>
      <c r="V37699">
        <v>20</v>
      </c>
      <c r="W37699">
        <v>20</v>
      </c>
      <c r="X37699">
        <v>20</v>
      </c>
      <c r="Y37699">
        <v>21</v>
      </c>
      <c r="Z37699">
        <v>21</v>
      </c>
      <c r="AA37699">
        <v>21</v>
      </c>
      <c r="AB37699">
        <v>21</v>
      </c>
      <c r="AC37699">
        <v>21</v>
      </c>
      <c r="AD37699">
        <v>22</v>
      </c>
      <c r="AE37699">
        <v>22</v>
      </c>
      <c r="AF37699">
        <v>22</v>
      </c>
      <c r="AG37699">
        <v>22</v>
      </c>
      <c r="AH37699">
        <v>23</v>
      </c>
      <c r="AI37699">
        <v>23</v>
      </c>
      <c r="AJ37699">
        <v>23</v>
      </c>
      <c r="AK37699">
        <v>23</v>
      </c>
      <c r="AL37699">
        <v>24</v>
      </c>
      <c r="AM37699">
        <v>24</v>
      </c>
      <c r="AN37699">
        <v>24</v>
      </c>
      <c r="AO37699">
        <v>24</v>
      </c>
      <c r="AP37699">
        <v>25</v>
      </c>
      <c r="AQ37699">
        <v>25</v>
      </c>
    </row>
    <row r="37700" spans="1:43">
      <c r="A37700" t="s">
        <v>23369</v>
      </c>
      <c r="B37700" t="s">
        <v>23370</v>
      </c>
      <c r="C37700" t="s">
        <v>23365</v>
      </c>
      <c r="D37700" t="s">
        <v>23366</v>
      </c>
      <c r="E37700" t="s">
        <v>23347</v>
      </c>
      <c r="F37700" t="s">
        <v>23348</v>
      </c>
      <c r="G37700" t="s">
        <v>22539</v>
      </c>
      <c r="H37700" t="s">
        <v>22540</v>
      </c>
      <c r="I37700" s="2">
        <v>0</v>
      </c>
      <c r="J37700" s="2">
        <v>0</v>
      </c>
      <c r="K37700" s="2">
        <v>1</v>
      </c>
      <c r="L37700" t="s">
        <v>995</v>
      </c>
      <c r="M37700" t="s">
        <v>89</v>
      </c>
      <c r="N37700" t="s">
        <v>90</v>
      </c>
      <c r="O37700" t="s">
        <v>85</v>
      </c>
      <c r="P37700" t="s">
        <v>86</v>
      </c>
      <c r="Q37700">
        <v>19</v>
      </c>
      <c r="R37700">
        <v>20</v>
      </c>
      <c r="S37700">
        <v>20</v>
      </c>
      <c r="T37700">
        <v>21</v>
      </c>
      <c r="U37700">
        <v>21</v>
      </c>
      <c r="V37700">
        <v>22</v>
      </c>
      <c r="W37700">
        <v>23</v>
      </c>
      <c r="X37700">
        <v>23</v>
      </c>
      <c r="Y37700">
        <v>24</v>
      </c>
      <c r="Z37700">
        <v>24</v>
      </c>
      <c r="AA37700">
        <v>25</v>
      </c>
      <c r="AB37700">
        <v>25</v>
      </c>
      <c r="AC37700">
        <v>26</v>
      </c>
      <c r="AD37700">
        <v>26</v>
      </c>
      <c r="AE37700">
        <v>26</v>
      </c>
      <c r="AF37700">
        <v>27</v>
      </c>
      <c r="AG37700">
        <v>27</v>
      </c>
      <c r="AH37700">
        <v>27</v>
      </c>
      <c r="AI37700">
        <v>27</v>
      </c>
      <c r="AJ37700">
        <v>27</v>
      </c>
      <c r="AK37700">
        <v>28</v>
      </c>
      <c r="AL37700">
        <v>28</v>
      </c>
      <c r="AM37700">
        <v>28</v>
      </c>
      <c r="AN37700">
        <v>28</v>
      </c>
      <c r="AO37700">
        <v>28</v>
      </c>
      <c r="AP37700">
        <v>29</v>
      </c>
      <c r="AQ37700">
        <v>29</v>
      </c>
    </row>
    <row r="37701" spans="1:43">
      <c r="A37701" t="s">
        <v>23369</v>
      </c>
      <c r="B37701" t="s">
        <v>23370</v>
      </c>
      <c r="C37701" t="s">
        <v>23365</v>
      </c>
      <c r="D37701" t="s">
        <v>23366</v>
      </c>
      <c r="E37701" t="s">
        <v>23347</v>
      </c>
      <c r="F37701" t="s">
        <v>23348</v>
      </c>
      <c r="G37701" t="s">
        <v>22539</v>
      </c>
      <c r="H37701" t="s">
        <v>22540</v>
      </c>
      <c r="I37701" s="2">
        <v>0</v>
      </c>
      <c r="J37701" s="2">
        <v>0</v>
      </c>
      <c r="K37701" s="2">
        <v>1</v>
      </c>
      <c r="L37701" t="s">
        <v>995</v>
      </c>
      <c r="M37701" t="s">
        <v>83</v>
      </c>
      <c r="N37701" t="s">
        <v>91</v>
      </c>
      <c r="O37701" t="s">
        <v>85</v>
      </c>
      <c r="P37701" t="s">
        <v>86</v>
      </c>
      <c r="Q37701">
        <v>19</v>
      </c>
      <c r="R37701">
        <v>19</v>
      </c>
      <c r="S37701">
        <v>20</v>
      </c>
      <c r="T37701">
        <v>20</v>
      </c>
      <c r="U37701">
        <v>21</v>
      </c>
      <c r="V37701">
        <v>21</v>
      </c>
      <c r="W37701">
        <v>21</v>
      </c>
      <c r="X37701">
        <v>22</v>
      </c>
      <c r="Y37701">
        <v>22</v>
      </c>
      <c r="Z37701">
        <v>23</v>
      </c>
      <c r="AA37701">
        <v>23</v>
      </c>
      <c r="AB37701">
        <v>24</v>
      </c>
      <c r="AC37701">
        <v>24</v>
      </c>
      <c r="AD37701">
        <v>24</v>
      </c>
      <c r="AE37701">
        <v>25</v>
      </c>
      <c r="AF37701">
        <v>25</v>
      </c>
      <c r="AG37701">
        <v>26</v>
      </c>
      <c r="AH37701">
        <v>26</v>
      </c>
      <c r="AI37701">
        <v>26</v>
      </c>
      <c r="AJ37701">
        <v>27</v>
      </c>
      <c r="AK37701">
        <v>27</v>
      </c>
      <c r="AL37701">
        <v>28</v>
      </c>
      <c r="AM37701">
        <v>28</v>
      </c>
      <c r="AN37701">
        <v>28</v>
      </c>
      <c r="AO37701">
        <v>28</v>
      </c>
      <c r="AP37701">
        <v>28</v>
      </c>
      <c r="AQ37701">
        <v>29</v>
      </c>
    </row>
    <row r="37702" spans="1:43">
      <c r="A37702" t="s">
        <v>23371</v>
      </c>
      <c r="B37702" t="s">
        <v>23372</v>
      </c>
      <c r="C37702" t="s">
        <v>23353</v>
      </c>
      <c r="D37702" t="s">
        <v>23354</v>
      </c>
      <c r="E37702" t="s">
        <v>23347</v>
      </c>
      <c r="F37702" t="s">
        <v>23348</v>
      </c>
      <c r="G37702" t="s">
        <v>22539</v>
      </c>
      <c r="H37702" t="s">
        <v>22540</v>
      </c>
      <c r="I37702" s="2">
        <v>0</v>
      </c>
      <c r="J37702" s="2">
        <v>0</v>
      </c>
      <c r="K37702" s="2">
        <v>1</v>
      </c>
      <c r="L37702" t="s">
        <v>995</v>
      </c>
      <c r="M37702" t="s">
        <v>83</v>
      </c>
      <c r="N37702" t="s">
        <v>84</v>
      </c>
      <c r="O37702" t="s">
        <v>85</v>
      </c>
      <c r="P37702" t="s">
        <v>86</v>
      </c>
      <c r="Q37702">
        <v>26</v>
      </c>
      <c r="R37702">
        <v>27</v>
      </c>
      <c r="S37702">
        <v>28</v>
      </c>
      <c r="T37702">
        <v>28</v>
      </c>
      <c r="U37702">
        <v>29</v>
      </c>
      <c r="V37702">
        <v>29</v>
      </c>
      <c r="W37702">
        <v>30</v>
      </c>
      <c r="X37702">
        <v>30</v>
      </c>
      <c r="Y37702">
        <v>31</v>
      </c>
      <c r="Z37702">
        <v>31</v>
      </c>
      <c r="AA37702">
        <v>32</v>
      </c>
      <c r="AB37702">
        <v>33</v>
      </c>
      <c r="AC37702">
        <v>33</v>
      </c>
      <c r="AD37702">
        <v>34</v>
      </c>
      <c r="AE37702">
        <v>34</v>
      </c>
      <c r="AF37702">
        <v>35</v>
      </c>
      <c r="AG37702">
        <v>35</v>
      </c>
      <c r="AH37702">
        <v>36</v>
      </c>
      <c r="AI37702">
        <v>37</v>
      </c>
      <c r="AJ37702">
        <v>37</v>
      </c>
      <c r="AK37702">
        <v>38</v>
      </c>
      <c r="AL37702">
        <v>38</v>
      </c>
      <c r="AM37702">
        <v>38</v>
      </c>
      <c r="AN37702">
        <v>39</v>
      </c>
      <c r="AO37702">
        <v>39</v>
      </c>
      <c r="AP37702">
        <v>39</v>
      </c>
      <c r="AQ37702">
        <v>40</v>
      </c>
    </row>
    <row r="37703" spans="1:43">
      <c r="A37703" t="s">
        <v>23371</v>
      </c>
      <c r="B37703" t="s">
        <v>23372</v>
      </c>
      <c r="C37703" t="s">
        <v>23353</v>
      </c>
      <c r="D37703" t="s">
        <v>23354</v>
      </c>
      <c r="E37703" t="s">
        <v>23347</v>
      </c>
      <c r="F37703" t="s">
        <v>23348</v>
      </c>
      <c r="G37703" t="s">
        <v>22539</v>
      </c>
      <c r="H37703" t="s">
        <v>22540</v>
      </c>
      <c r="I37703" s="2">
        <v>0</v>
      </c>
      <c r="J37703" s="2">
        <v>0</v>
      </c>
      <c r="K37703" s="2">
        <v>1</v>
      </c>
      <c r="L37703" t="s">
        <v>995</v>
      </c>
      <c r="M37703" t="s">
        <v>87</v>
      </c>
      <c r="N37703" t="s">
        <v>88</v>
      </c>
      <c r="O37703" t="s">
        <v>85</v>
      </c>
      <c r="P37703" t="s">
        <v>86</v>
      </c>
      <c r="Q37703">
        <v>26</v>
      </c>
      <c r="R37703">
        <v>26</v>
      </c>
      <c r="S37703">
        <v>27</v>
      </c>
      <c r="T37703">
        <v>27</v>
      </c>
      <c r="U37703">
        <v>27</v>
      </c>
      <c r="V37703">
        <v>28</v>
      </c>
      <c r="W37703">
        <v>28</v>
      </c>
      <c r="X37703">
        <v>28</v>
      </c>
      <c r="Y37703">
        <v>29</v>
      </c>
      <c r="Z37703">
        <v>29</v>
      </c>
      <c r="AA37703">
        <v>29</v>
      </c>
      <c r="AB37703">
        <v>29</v>
      </c>
      <c r="AC37703">
        <v>30</v>
      </c>
      <c r="AD37703">
        <v>30</v>
      </c>
      <c r="AE37703">
        <v>30</v>
      </c>
      <c r="AF37703">
        <v>31</v>
      </c>
      <c r="AG37703">
        <v>31</v>
      </c>
      <c r="AH37703">
        <v>31</v>
      </c>
      <c r="AI37703">
        <v>32</v>
      </c>
      <c r="AJ37703">
        <v>32</v>
      </c>
      <c r="AK37703">
        <v>32</v>
      </c>
      <c r="AL37703">
        <v>33</v>
      </c>
      <c r="AM37703">
        <v>33</v>
      </c>
      <c r="AN37703">
        <v>33</v>
      </c>
      <c r="AO37703">
        <v>34</v>
      </c>
      <c r="AP37703">
        <v>34</v>
      </c>
      <c r="AQ37703">
        <v>35</v>
      </c>
    </row>
    <row r="37704" spans="1:43">
      <c r="A37704" t="s">
        <v>23371</v>
      </c>
      <c r="B37704" t="s">
        <v>23372</v>
      </c>
      <c r="C37704" t="s">
        <v>23353</v>
      </c>
      <c r="D37704" t="s">
        <v>23354</v>
      </c>
      <c r="E37704" t="s">
        <v>23347</v>
      </c>
      <c r="F37704" t="s">
        <v>23348</v>
      </c>
      <c r="G37704" t="s">
        <v>22539</v>
      </c>
      <c r="H37704" t="s">
        <v>22540</v>
      </c>
      <c r="I37704" s="2">
        <v>0</v>
      </c>
      <c r="J37704" s="2">
        <v>0</v>
      </c>
      <c r="K37704" s="2">
        <v>1</v>
      </c>
      <c r="L37704" t="s">
        <v>995</v>
      </c>
      <c r="M37704" t="s">
        <v>89</v>
      </c>
      <c r="N37704" t="s">
        <v>90</v>
      </c>
      <c r="O37704" t="s">
        <v>85</v>
      </c>
      <c r="P37704" t="s">
        <v>86</v>
      </c>
      <c r="Q37704">
        <v>26</v>
      </c>
      <c r="R37704">
        <v>26</v>
      </c>
      <c r="S37704">
        <v>27</v>
      </c>
      <c r="T37704">
        <v>28</v>
      </c>
      <c r="U37704">
        <v>29</v>
      </c>
      <c r="V37704">
        <v>30</v>
      </c>
      <c r="W37704">
        <v>30</v>
      </c>
      <c r="X37704">
        <v>31</v>
      </c>
      <c r="Y37704">
        <v>32</v>
      </c>
      <c r="Z37704">
        <v>32</v>
      </c>
      <c r="AA37704">
        <v>33</v>
      </c>
      <c r="AB37704">
        <v>34</v>
      </c>
      <c r="AC37704">
        <v>34</v>
      </c>
      <c r="AD37704">
        <v>35</v>
      </c>
      <c r="AE37704">
        <v>36</v>
      </c>
      <c r="AF37704">
        <v>36</v>
      </c>
      <c r="AG37704">
        <v>36</v>
      </c>
      <c r="AH37704">
        <v>36</v>
      </c>
      <c r="AI37704">
        <v>37</v>
      </c>
      <c r="AJ37704">
        <v>37</v>
      </c>
      <c r="AK37704">
        <v>37</v>
      </c>
      <c r="AL37704">
        <v>38</v>
      </c>
      <c r="AM37704">
        <v>38</v>
      </c>
      <c r="AN37704">
        <v>38</v>
      </c>
      <c r="AO37704">
        <v>38</v>
      </c>
      <c r="AP37704">
        <v>39</v>
      </c>
      <c r="AQ37704">
        <v>39</v>
      </c>
    </row>
    <row r="37705" spans="1:43">
      <c r="A37705" t="s">
        <v>23371</v>
      </c>
      <c r="B37705" t="s">
        <v>23372</v>
      </c>
      <c r="C37705" t="s">
        <v>23353</v>
      </c>
      <c r="D37705" t="s">
        <v>23354</v>
      </c>
      <c r="E37705" t="s">
        <v>23347</v>
      </c>
      <c r="F37705" t="s">
        <v>23348</v>
      </c>
      <c r="G37705" t="s">
        <v>22539</v>
      </c>
      <c r="H37705" t="s">
        <v>22540</v>
      </c>
      <c r="I37705" s="2">
        <v>0</v>
      </c>
      <c r="J37705" s="2">
        <v>0</v>
      </c>
      <c r="K37705" s="2">
        <v>1</v>
      </c>
      <c r="L37705" t="s">
        <v>995</v>
      </c>
      <c r="M37705" t="s">
        <v>83</v>
      </c>
      <c r="N37705" t="s">
        <v>91</v>
      </c>
      <c r="O37705" t="s">
        <v>85</v>
      </c>
      <c r="P37705" t="s">
        <v>86</v>
      </c>
      <c r="Q37705">
        <v>26</v>
      </c>
      <c r="R37705">
        <v>27</v>
      </c>
      <c r="S37705">
        <v>28</v>
      </c>
      <c r="T37705">
        <v>28</v>
      </c>
      <c r="U37705">
        <v>29</v>
      </c>
      <c r="V37705">
        <v>29</v>
      </c>
      <c r="W37705">
        <v>30</v>
      </c>
      <c r="X37705">
        <v>30</v>
      </c>
      <c r="Y37705">
        <v>31</v>
      </c>
      <c r="Z37705">
        <v>31</v>
      </c>
      <c r="AA37705">
        <v>32</v>
      </c>
      <c r="AB37705">
        <v>33</v>
      </c>
      <c r="AC37705">
        <v>33</v>
      </c>
      <c r="AD37705">
        <v>34</v>
      </c>
      <c r="AE37705">
        <v>34</v>
      </c>
      <c r="AF37705">
        <v>35</v>
      </c>
      <c r="AG37705">
        <v>35</v>
      </c>
      <c r="AH37705">
        <v>36</v>
      </c>
      <c r="AI37705">
        <v>37</v>
      </c>
      <c r="AJ37705">
        <v>37</v>
      </c>
      <c r="AK37705">
        <v>38</v>
      </c>
      <c r="AL37705">
        <v>38</v>
      </c>
      <c r="AM37705">
        <v>38</v>
      </c>
      <c r="AN37705">
        <v>39</v>
      </c>
      <c r="AO37705">
        <v>39</v>
      </c>
      <c r="AP37705">
        <v>39</v>
      </c>
      <c r="AQ37705">
        <v>40</v>
      </c>
    </row>
    <row r="37706" spans="1:43">
      <c r="A37706" t="s">
        <v>23373</v>
      </c>
      <c r="B37706" t="s">
        <v>23374</v>
      </c>
      <c r="C37706" t="s">
        <v>23375</v>
      </c>
      <c r="D37706" t="s">
        <v>23376</v>
      </c>
      <c r="E37706" t="s">
        <v>23347</v>
      </c>
      <c r="F37706" t="s">
        <v>23348</v>
      </c>
      <c r="G37706" t="s">
        <v>22539</v>
      </c>
      <c r="H37706" t="s">
        <v>22540</v>
      </c>
      <c r="I37706" s="2">
        <v>0</v>
      </c>
      <c r="J37706" s="2">
        <v>0</v>
      </c>
      <c r="K37706" s="2">
        <v>1</v>
      </c>
      <c r="L37706" t="s">
        <v>995</v>
      </c>
      <c r="M37706" t="s">
        <v>83</v>
      </c>
      <c r="N37706" t="s">
        <v>84</v>
      </c>
      <c r="O37706" t="s">
        <v>85</v>
      </c>
      <c r="P37706" t="s">
        <v>86</v>
      </c>
      <c r="Q37706">
        <v>24</v>
      </c>
      <c r="R37706">
        <v>24</v>
      </c>
      <c r="S37706">
        <v>25</v>
      </c>
      <c r="T37706">
        <v>25</v>
      </c>
      <c r="U37706">
        <v>26</v>
      </c>
      <c r="V37706">
        <v>26</v>
      </c>
      <c r="W37706">
        <v>27</v>
      </c>
      <c r="X37706">
        <v>27</v>
      </c>
      <c r="Y37706">
        <v>28</v>
      </c>
      <c r="Z37706">
        <v>28</v>
      </c>
      <c r="AA37706">
        <v>29</v>
      </c>
      <c r="AB37706">
        <v>29</v>
      </c>
      <c r="AC37706">
        <v>30</v>
      </c>
      <c r="AD37706">
        <v>30</v>
      </c>
      <c r="AE37706">
        <v>31</v>
      </c>
      <c r="AF37706">
        <v>31</v>
      </c>
      <c r="AG37706">
        <v>32</v>
      </c>
      <c r="AH37706">
        <v>32</v>
      </c>
      <c r="AI37706">
        <v>33</v>
      </c>
      <c r="AJ37706">
        <v>34</v>
      </c>
      <c r="AK37706">
        <v>34</v>
      </c>
      <c r="AL37706">
        <v>34</v>
      </c>
      <c r="AM37706">
        <v>35</v>
      </c>
      <c r="AN37706">
        <v>35</v>
      </c>
      <c r="AO37706">
        <v>35</v>
      </c>
      <c r="AP37706">
        <v>36</v>
      </c>
      <c r="AQ37706">
        <v>36</v>
      </c>
    </row>
    <row r="37707" spans="1:43">
      <c r="A37707" t="s">
        <v>23373</v>
      </c>
      <c r="B37707" t="s">
        <v>23374</v>
      </c>
      <c r="C37707" t="s">
        <v>23375</v>
      </c>
      <c r="D37707" t="s">
        <v>23376</v>
      </c>
      <c r="E37707" t="s">
        <v>23347</v>
      </c>
      <c r="F37707" t="s">
        <v>23348</v>
      </c>
      <c r="G37707" t="s">
        <v>22539</v>
      </c>
      <c r="H37707" t="s">
        <v>22540</v>
      </c>
      <c r="I37707" s="2">
        <v>0</v>
      </c>
      <c r="J37707" s="2">
        <v>0</v>
      </c>
      <c r="K37707" s="2">
        <v>1</v>
      </c>
      <c r="L37707" t="s">
        <v>995</v>
      </c>
      <c r="M37707" t="s">
        <v>87</v>
      </c>
      <c r="N37707" t="s">
        <v>88</v>
      </c>
      <c r="O37707" t="s">
        <v>85</v>
      </c>
      <c r="P37707" t="s">
        <v>86</v>
      </c>
      <c r="Q37707">
        <v>24</v>
      </c>
      <c r="R37707">
        <v>24</v>
      </c>
      <c r="S37707">
        <v>24</v>
      </c>
      <c r="T37707">
        <v>24</v>
      </c>
      <c r="U37707">
        <v>25</v>
      </c>
      <c r="V37707">
        <v>25</v>
      </c>
      <c r="W37707">
        <v>25</v>
      </c>
      <c r="X37707">
        <v>25</v>
      </c>
      <c r="Y37707">
        <v>26</v>
      </c>
      <c r="Z37707">
        <v>26</v>
      </c>
      <c r="AA37707">
        <v>26</v>
      </c>
      <c r="AB37707">
        <v>27</v>
      </c>
      <c r="AC37707">
        <v>27</v>
      </c>
      <c r="AD37707">
        <v>27</v>
      </c>
      <c r="AE37707">
        <v>27</v>
      </c>
      <c r="AF37707">
        <v>28</v>
      </c>
      <c r="AG37707">
        <v>28</v>
      </c>
      <c r="AH37707">
        <v>28</v>
      </c>
      <c r="AI37707">
        <v>29</v>
      </c>
      <c r="AJ37707">
        <v>29</v>
      </c>
      <c r="AK37707">
        <v>29</v>
      </c>
      <c r="AL37707">
        <v>29</v>
      </c>
      <c r="AM37707">
        <v>30</v>
      </c>
      <c r="AN37707">
        <v>30</v>
      </c>
      <c r="AO37707">
        <v>30</v>
      </c>
      <c r="AP37707">
        <v>31</v>
      </c>
      <c r="AQ37707">
        <v>31</v>
      </c>
    </row>
    <row r="37708" spans="1:43">
      <c r="A37708" t="s">
        <v>23373</v>
      </c>
      <c r="B37708" t="s">
        <v>23374</v>
      </c>
      <c r="C37708" t="s">
        <v>23375</v>
      </c>
      <c r="D37708" t="s">
        <v>23376</v>
      </c>
      <c r="E37708" t="s">
        <v>23347</v>
      </c>
      <c r="F37708" t="s">
        <v>23348</v>
      </c>
      <c r="G37708" t="s">
        <v>22539</v>
      </c>
      <c r="H37708" t="s">
        <v>22540</v>
      </c>
      <c r="I37708" s="2">
        <v>0</v>
      </c>
      <c r="J37708" s="2">
        <v>0</v>
      </c>
      <c r="K37708" s="2">
        <v>1</v>
      </c>
      <c r="L37708" t="s">
        <v>995</v>
      </c>
      <c r="M37708" t="s">
        <v>89</v>
      </c>
      <c r="N37708" t="s">
        <v>90</v>
      </c>
      <c r="O37708" t="s">
        <v>85</v>
      </c>
      <c r="P37708" t="s">
        <v>86</v>
      </c>
      <c r="Q37708">
        <v>24</v>
      </c>
      <c r="R37708">
        <v>25</v>
      </c>
      <c r="S37708">
        <v>25</v>
      </c>
      <c r="T37708">
        <v>26</v>
      </c>
      <c r="U37708">
        <v>27</v>
      </c>
      <c r="V37708">
        <v>28</v>
      </c>
      <c r="W37708">
        <v>28</v>
      </c>
      <c r="X37708">
        <v>29</v>
      </c>
      <c r="Y37708">
        <v>29</v>
      </c>
      <c r="Z37708">
        <v>30</v>
      </c>
      <c r="AA37708">
        <v>31</v>
      </c>
      <c r="AB37708">
        <v>31</v>
      </c>
      <c r="AC37708">
        <v>32</v>
      </c>
      <c r="AD37708">
        <v>33</v>
      </c>
      <c r="AE37708">
        <v>33</v>
      </c>
      <c r="AF37708">
        <v>33</v>
      </c>
      <c r="AG37708">
        <v>34</v>
      </c>
      <c r="AH37708">
        <v>34</v>
      </c>
      <c r="AI37708">
        <v>34</v>
      </c>
      <c r="AJ37708">
        <v>34</v>
      </c>
      <c r="AK37708">
        <v>34</v>
      </c>
      <c r="AL37708">
        <v>35</v>
      </c>
      <c r="AM37708">
        <v>35</v>
      </c>
      <c r="AN37708">
        <v>35</v>
      </c>
      <c r="AO37708">
        <v>36</v>
      </c>
      <c r="AP37708">
        <v>36</v>
      </c>
      <c r="AQ37708">
        <v>36</v>
      </c>
    </row>
    <row r="37709" spans="1:43">
      <c r="A37709" t="s">
        <v>23373</v>
      </c>
      <c r="B37709" t="s">
        <v>23374</v>
      </c>
      <c r="C37709" t="s">
        <v>23375</v>
      </c>
      <c r="D37709" t="s">
        <v>23376</v>
      </c>
      <c r="E37709" t="s">
        <v>23347</v>
      </c>
      <c r="F37709" t="s">
        <v>23348</v>
      </c>
      <c r="G37709" t="s">
        <v>22539</v>
      </c>
      <c r="H37709" t="s">
        <v>22540</v>
      </c>
      <c r="I37709" s="2">
        <v>0</v>
      </c>
      <c r="J37709" s="2">
        <v>0</v>
      </c>
      <c r="K37709" s="2">
        <v>1</v>
      </c>
      <c r="L37709" t="s">
        <v>995</v>
      </c>
      <c r="M37709" t="s">
        <v>83</v>
      </c>
      <c r="N37709" t="s">
        <v>91</v>
      </c>
      <c r="O37709" t="s">
        <v>85</v>
      </c>
      <c r="P37709" t="s">
        <v>86</v>
      </c>
      <c r="Q37709">
        <v>24</v>
      </c>
      <c r="R37709">
        <v>24</v>
      </c>
      <c r="S37709">
        <v>25</v>
      </c>
      <c r="T37709">
        <v>25</v>
      </c>
      <c r="U37709">
        <v>26</v>
      </c>
      <c r="V37709">
        <v>26</v>
      </c>
      <c r="W37709">
        <v>27</v>
      </c>
      <c r="X37709">
        <v>27</v>
      </c>
      <c r="Y37709">
        <v>28</v>
      </c>
      <c r="Z37709">
        <v>28</v>
      </c>
      <c r="AA37709">
        <v>29</v>
      </c>
      <c r="AB37709">
        <v>29</v>
      </c>
      <c r="AC37709">
        <v>30</v>
      </c>
      <c r="AD37709">
        <v>30</v>
      </c>
      <c r="AE37709">
        <v>31</v>
      </c>
      <c r="AF37709">
        <v>31</v>
      </c>
      <c r="AG37709">
        <v>32</v>
      </c>
      <c r="AH37709">
        <v>32</v>
      </c>
      <c r="AI37709">
        <v>33</v>
      </c>
      <c r="AJ37709">
        <v>34</v>
      </c>
      <c r="AK37709">
        <v>34</v>
      </c>
      <c r="AL37709">
        <v>34</v>
      </c>
      <c r="AM37709">
        <v>35</v>
      </c>
      <c r="AN37709">
        <v>35</v>
      </c>
      <c r="AO37709">
        <v>35</v>
      </c>
      <c r="AP37709">
        <v>36</v>
      </c>
      <c r="AQ37709">
        <v>36</v>
      </c>
    </row>
    <row r="37710" spans="1:43">
      <c r="A37710" t="s">
        <v>23377</v>
      </c>
      <c r="B37710" t="s">
        <v>23378</v>
      </c>
      <c r="C37710" t="s">
        <v>23365</v>
      </c>
      <c r="D37710" t="s">
        <v>23366</v>
      </c>
      <c r="E37710" t="s">
        <v>23347</v>
      </c>
      <c r="F37710" t="s">
        <v>23348</v>
      </c>
      <c r="G37710" t="s">
        <v>22539</v>
      </c>
      <c r="H37710" t="s">
        <v>22540</v>
      </c>
      <c r="I37710" s="2">
        <v>0</v>
      </c>
      <c r="J37710" s="2">
        <v>0</v>
      </c>
      <c r="K37710" s="2">
        <v>1</v>
      </c>
      <c r="L37710" t="s">
        <v>995</v>
      </c>
      <c r="M37710" t="s">
        <v>83</v>
      </c>
      <c r="N37710" t="s">
        <v>84</v>
      </c>
      <c r="O37710" t="s">
        <v>85</v>
      </c>
      <c r="P37710" t="s">
        <v>86</v>
      </c>
      <c r="Q37710">
        <v>16</v>
      </c>
      <c r="R37710">
        <v>16</v>
      </c>
      <c r="S37710">
        <v>17</v>
      </c>
      <c r="T37710">
        <v>17</v>
      </c>
      <c r="U37710">
        <v>17</v>
      </c>
      <c r="V37710">
        <v>17</v>
      </c>
      <c r="W37710">
        <v>18</v>
      </c>
      <c r="X37710">
        <v>18</v>
      </c>
      <c r="Y37710">
        <v>19</v>
      </c>
      <c r="Z37710">
        <v>19</v>
      </c>
      <c r="AA37710">
        <v>19</v>
      </c>
      <c r="AB37710">
        <v>20</v>
      </c>
      <c r="AC37710">
        <v>20</v>
      </c>
      <c r="AD37710">
        <v>20</v>
      </c>
      <c r="AE37710">
        <v>21</v>
      </c>
      <c r="AF37710">
        <v>21</v>
      </c>
      <c r="AG37710">
        <v>21</v>
      </c>
      <c r="AH37710">
        <v>22</v>
      </c>
      <c r="AI37710">
        <v>22</v>
      </c>
      <c r="AJ37710">
        <v>22</v>
      </c>
      <c r="AK37710">
        <v>23</v>
      </c>
      <c r="AL37710">
        <v>23</v>
      </c>
      <c r="AM37710">
        <v>23</v>
      </c>
      <c r="AN37710">
        <v>23</v>
      </c>
      <c r="AO37710">
        <v>23</v>
      </c>
      <c r="AP37710">
        <v>24</v>
      </c>
      <c r="AQ37710">
        <v>24</v>
      </c>
    </row>
    <row r="37711" spans="1:43">
      <c r="A37711" t="s">
        <v>23377</v>
      </c>
      <c r="B37711" t="s">
        <v>23378</v>
      </c>
      <c r="C37711" t="s">
        <v>23365</v>
      </c>
      <c r="D37711" t="s">
        <v>23366</v>
      </c>
      <c r="E37711" t="s">
        <v>23347</v>
      </c>
      <c r="F37711" t="s">
        <v>23348</v>
      </c>
      <c r="G37711" t="s">
        <v>22539</v>
      </c>
      <c r="H37711" t="s">
        <v>22540</v>
      </c>
      <c r="I37711" s="2">
        <v>0</v>
      </c>
      <c r="J37711" s="2">
        <v>0</v>
      </c>
      <c r="K37711" s="2">
        <v>1</v>
      </c>
      <c r="L37711" t="s">
        <v>995</v>
      </c>
      <c r="M37711" t="s">
        <v>87</v>
      </c>
      <c r="N37711" t="s">
        <v>88</v>
      </c>
      <c r="O37711" t="s">
        <v>85</v>
      </c>
      <c r="P37711" t="s">
        <v>86</v>
      </c>
      <c r="Q37711">
        <v>16</v>
      </c>
      <c r="R37711">
        <v>16</v>
      </c>
      <c r="S37711">
        <v>16</v>
      </c>
      <c r="T37711">
        <v>16</v>
      </c>
      <c r="U37711">
        <v>16</v>
      </c>
      <c r="V37711">
        <v>17</v>
      </c>
      <c r="W37711">
        <v>17</v>
      </c>
      <c r="X37711">
        <v>17</v>
      </c>
      <c r="Y37711">
        <v>17</v>
      </c>
      <c r="Z37711">
        <v>17</v>
      </c>
      <c r="AA37711">
        <v>17</v>
      </c>
      <c r="AB37711">
        <v>18</v>
      </c>
      <c r="AC37711">
        <v>18</v>
      </c>
      <c r="AD37711">
        <v>18</v>
      </c>
      <c r="AE37711">
        <v>18</v>
      </c>
      <c r="AF37711">
        <v>18</v>
      </c>
      <c r="AG37711">
        <v>19</v>
      </c>
      <c r="AH37711">
        <v>19</v>
      </c>
      <c r="AI37711">
        <v>19</v>
      </c>
      <c r="AJ37711">
        <v>19</v>
      </c>
      <c r="AK37711">
        <v>19</v>
      </c>
      <c r="AL37711">
        <v>20</v>
      </c>
      <c r="AM37711">
        <v>20</v>
      </c>
      <c r="AN37711">
        <v>20</v>
      </c>
      <c r="AO37711">
        <v>20</v>
      </c>
      <c r="AP37711">
        <v>20</v>
      </c>
      <c r="AQ37711">
        <v>21</v>
      </c>
    </row>
    <row r="37712" spans="1:43">
      <c r="A37712" t="s">
        <v>23377</v>
      </c>
      <c r="B37712" t="s">
        <v>23378</v>
      </c>
      <c r="C37712" t="s">
        <v>23365</v>
      </c>
      <c r="D37712" t="s">
        <v>23366</v>
      </c>
      <c r="E37712" t="s">
        <v>23347</v>
      </c>
      <c r="F37712" t="s">
        <v>23348</v>
      </c>
      <c r="G37712" t="s">
        <v>22539</v>
      </c>
      <c r="H37712" t="s">
        <v>22540</v>
      </c>
      <c r="I37712" s="2">
        <v>0</v>
      </c>
      <c r="J37712" s="2">
        <v>0</v>
      </c>
      <c r="K37712" s="2">
        <v>1</v>
      </c>
      <c r="L37712" t="s">
        <v>995</v>
      </c>
      <c r="M37712" t="s">
        <v>89</v>
      </c>
      <c r="N37712" t="s">
        <v>90</v>
      </c>
      <c r="O37712" t="s">
        <v>85</v>
      </c>
      <c r="P37712" t="s">
        <v>86</v>
      </c>
      <c r="Q37712">
        <v>16</v>
      </c>
      <c r="R37712">
        <v>16</v>
      </c>
      <c r="S37712">
        <v>17</v>
      </c>
      <c r="T37712">
        <v>17</v>
      </c>
      <c r="U37712">
        <v>18</v>
      </c>
      <c r="V37712">
        <v>18</v>
      </c>
      <c r="W37712">
        <v>19</v>
      </c>
      <c r="X37712">
        <v>19</v>
      </c>
      <c r="Y37712">
        <v>20</v>
      </c>
      <c r="Z37712">
        <v>20</v>
      </c>
      <c r="AA37712">
        <v>20</v>
      </c>
      <c r="AB37712">
        <v>21</v>
      </c>
      <c r="AC37712">
        <v>21</v>
      </c>
      <c r="AD37712">
        <v>22</v>
      </c>
      <c r="AE37712">
        <v>22</v>
      </c>
      <c r="AF37712">
        <v>22</v>
      </c>
      <c r="AG37712">
        <v>22</v>
      </c>
      <c r="AH37712">
        <v>22</v>
      </c>
      <c r="AI37712">
        <v>23</v>
      </c>
      <c r="AJ37712">
        <v>23</v>
      </c>
      <c r="AK37712">
        <v>23</v>
      </c>
      <c r="AL37712">
        <v>23</v>
      </c>
      <c r="AM37712">
        <v>23</v>
      </c>
      <c r="AN37712">
        <v>23</v>
      </c>
      <c r="AO37712">
        <v>24</v>
      </c>
      <c r="AP37712">
        <v>24</v>
      </c>
      <c r="AQ37712">
        <v>24</v>
      </c>
    </row>
    <row r="37713" spans="1:43">
      <c r="A37713" t="s">
        <v>23377</v>
      </c>
      <c r="B37713" t="s">
        <v>23378</v>
      </c>
      <c r="C37713" t="s">
        <v>23365</v>
      </c>
      <c r="D37713" t="s">
        <v>23366</v>
      </c>
      <c r="E37713" t="s">
        <v>23347</v>
      </c>
      <c r="F37713" t="s">
        <v>23348</v>
      </c>
      <c r="G37713" t="s">
        <v>22539</v>
      </c>
      <c r="H37713" t="s">
        <v>22540</v>
      </c>
      <c r="I37713" s="2">
        <v>0</v>
      </c>
      <c r="J37713" s="2">
        <v>0</v>
      </c>
      <c r="K37713" s="2">
        <v>1</v>
      </c>
      <c r="L37713" t="s">
        <v>995</v>
      </c>
      <c r="M37713" t="s">
        <v>83</v>
      </c>
      <c r="N37713" t="s">
        <v>91</v>
      </c>
      <c r="O37713" t="s">
        <v>85</v>
      </c>
      <c r="P37713" t="s">
        <v>86</v>
      </c>
      <c r="Q37713">
        <v>16</v>
      </c>
      <c r="R37713">
        <v>16</v>
      </c>
      <c r="S37713">
        <v>17</v>
      </c>
      <c r="T37713">
        <v>17</v>
      </c>
      <c r="U37713">
        <v>17</v>
      </c>
      <c r="V37713">
        <v>17</v>
      </c>
      <c r="W37713">
        <v>18</v>
      </c>
      <c r="X37713">
        <v>18</v>
      </c>
      <c r="Y37713">
        <v>19</v>
      </c>
      <c r="Z37713">
        <v>19</v>
      </c>
      <c r="AA37713">
        <v>19</v>
      </c>
      <c r="AB37713">
        <v>20</v>
      </c>
      <c r="AC37713">
        <v>20</v>
      </c>
      <c r="AD37713">
        <v>20</v>
      </c>
      <c r="AE37713">
        <v>21</v>
      </c>
      <c r="AF37713">
        <v>21</v>
      </c>
      <c r="AG37713">
        <v>21</v>
      </c>
      <c r="AH37713">
        <v>22</v>
      </c>
      <c r="AI37713">
        <v>22</v>
      </c>
      <c r="AJ37713">
        <v>22</v>
      </c>
      <c r="AK37713">
        <v>23</v>
      </c>
      <c r="AL37713">
        <v>23</v>
      </c>
      <c r="AM37713">
        <v>23</v>
      </c>
      <c r="AN37713">
        <v>23</v>
      </c>
      <c r="AO37713">
        <v>23</v>
      </c>
      <c r="AP37713">
        <v>24</v>
      </c>
      <c r="AQ37713">
        <v>24</v>
      </c>
    </row>
    <row r="37714" spans="1:43">
      <c r="A37714" t="s">
        <v>23379</v>
      </c>
      <c r="B37714" t="s">
        <v>23380</v>
      </c>
      <c r="C37714" t="s">
        <v>23375</v>
      </c>
      <c r="D37714" t="s">
        <v>23376</v>
      </c>
      <c r="E37714" t="s">
        <v>23347</v>
      </c>
      <c r="F37714" t="s">
        <v>23348</v>
      </c>
      <c r="G37714" t="s">
        <v>22539</v>
      </c>
      <c r="H37714" t="s">
        <v>22540</v>
      </c>
      <c r="I37714" s="2">
        <v>0</v>
      </c>
      <c r="J37714" s="2">
        <v>0</v>
      </c>
      <c r="K37714" s="2">
        <v>0.81</v>
      </c>
      <c r="L37714" t="s">
        <v>995</v>
      </c>
      <c r="M37714" t="s">
        <v>83</v>
      </c>
      <c r="N37714" t="s">
        <v>84</v>
      </c>
      <c r="O37714" t="s">
        <v>85</v>
      </c>
      <c r="P37714" t="s">
        <v>86</v>
      </c>
      <c r="Q37714">
        <v>15</v>
      </c>
      <c r="R37714">
        <v>16</v>
      </c>
      <c r="S37714">
        <v>16</v>
      </c>
      <c r="T37714">
        <v>16</v>
      </c>
      <c r="U37714">
        <v>17</v>
      </c>
      <c r="V37714">
        <v>17</v>
      </c>
      <c r="W37714">
        <v>17</v>
      </c>
      <c r="X37714">
        <v>18</v>
      </c>
      <c r="Y37714">
        <v>18</v>
      </c>
      <c r="Z37714">
        <v>18</v>
      </c>
      <c r="AA37714">
        <v>19</v>
      </c>
      <c r="AB37714">
        <v>19</v>
      </c>
      <c r="AC37714">
        <v>19</v>
      </c>
      <c r="AD37714">
        <v>20</v>
      </c>
      <c r="AE37714">
        <v>20</v>
      </c>
      <c r="AF37714">
        <v>20</v>
      </c>
      <c r="AG37714">
        <v>21</v>
      </c>
      <c r="AH37714">
        <v>21</v>
      </c>
      <c r="AI37714">
        <v>21</v>
      </c>
      <c r="AJ37714">
        <v>22</v>
      </c>
      <c r="AK37714">
        <v>22</v>
      </c>
      <c r="AL37714">
        <v>22</v>
      </c>
      <c r="AM37714">
        <v>22</v>
      </c>
      <c r="AN37714">
        <v>23</v>
      </c>
      <c r="AO37714">
        <v>23</v>
      </c>
      <c r="AP37714">
        <v>23</v>
      </c>
      <c r="AQ37714">
        <v>23</v>
      </c>
    </row>
    <row r="37715" spans="1:43">
      <c r="A37715" t="s">
        <v>23379</v>
      </c>
      <c r="B37715" t="s">
        <v>23380</v>
      </c>
      <c r="C37715" t="s">
        <v>23375</v>
      </c>
      <c r="D37715" t="s">
        <v>23376</v>
      </c>
      <c r="E37715" t="s">
        <v>23347</v>
      </c>
      <c r="F37715" t="s">
        <v>23348</v>
      </c>
      <c r="G37715" t="s">
        <v>22539</v>
      </c>
      <c r="H37715" t="s">
        <v>22540</v>
      </c>
      <c r="I37715" s="2">
        <v>0</v>
      </c>
      <c r="J37715" s="2">
        <v>0</v>
      </c>
      <c r="K37715" s="2">
        <v>0.81</v>
      </c>
      <c r="L37715" t="s">
        <v>995</v>
      </c>
      <c r="M37715" t="s">
        <v>87</v>
      </c>
      <c r="N37715" t="s">
        <v>88</v>
      </c>
      <c r="O37715" t="s">
        <v>85</v>
      </c>
      <c r="P37715" t="s">
        <v>86</v>
      </c>
      <c r="Q37715">
        <v>15</v>
      </c>
      <c r="R37715">
        <v>15</v>
      </c>
      <c r="S37715">
        <v>16</v>
      </c>
      <c r="T37715">
        <v>16</v>
      </c>
      <c r="U37715">
        <v>16</v>
      </c>
      <c r="V37715">
        <v>16</v>
      </c>
      <c r="W37715">
        <v>16</v>
      </c>
      <c r="X37715">
        <v>16</v>
      </c>
      <c r="Y37715">
        <v>17</v>
      </c>
      <c r="Z37715">
        <v>17</v>
      </c>
      <c r="AA37715">
        <v>17</v>
      </c>
      <c r="AB37715">
        <v>17</v>
      </c>
      <c r="AC37715">
        <v>17</v>
      </c>
      <c r="AD37715">
        <v>18</v>
      </c>
      <c r="AE37715">
        <v>18</v>
      </c>
      <c r="AF37715">
        <v>18</v>
      </c>
      <c r="AG37715">
        <v>18</v>
      </c>
      <c r="AH37715">
        <v>18</v>
      </c>
      <c r="AI37715">
        <v>18</v>
      </c>
      <c r="AJ37715">
        <v>19</v>
      </c>
      <c r="AK37715">
        <v>19</v>
      </c>
      <c r="AL37715">
        <v>19</v>
      </c>
      <c r="AM37715">
        <v>19</v>
      </c>
      <c r="AN37715">
        <v>19</v>
      </c>
      <c r="AO37715">
        <v>20</v>
      </c>
      <c r="AP37715">
        <v>20</v>
      </c>
      <c r="AQ37715">
        <v>20</v>
      </c>
    </row>
    <row r="37716" spans="1:43">
      <c r="A37716" t="s">
        <v>23379</v>
      </c>
      <c r="B37716" t="s">
        <v>23380</v>
      </c>
      <c r="C37716" t="s">
        <v>23375</v>
      </c>
      <c r="D37716" t="s">
        <v>23376</v>
      </c>
      <c r="E37716" t="s">
        <v>23347</v>
      </c>
      <c r="F37716" t="s">
        <v>23348</v>
      </c>
      <c r="G37716" t="s">
        <v>22539</v>
      </c>
      <c r="H37716" t="s">
        <v>22540</v>
      </c>
      <c r="I37716" s="2">
        <v>0</v>
      </c>
      <c r="J37716" s="2">
        <v>0</v>
      </c>
      <c r="K37716" s="2">
        <v>0.81</v>
      </c>
      <c r="L37716" t="s">
        <v>995</v>
      </c>
      <c r="M37716" t="s">
        <v>89</v>
      </c>
      <c r="N37716" t="s">
        <v>90</v>
      </c>
      <c r="O37716" t="s">
        <v>85</v>
      </c>
      <c r="P37716" t="s">
        <v>86</v>
      </c>
      <c r="Q37716">
        <v>15</v>
      </c>
      <c r="R37716">
        <v>15</v>
      </c>
      <c r="S37716">
        <v>15</v>
      </c>
      <c r="T37716">
        <v>16</v>
      </c>
      <c r="U37716">
        <v>16</v>
      </c>
      <c r="V37716">
        <v>17</v>
      </c>
      <c r="W37716">
        <v>17</v>
      </c>
      <c r="X37716">
        <v>18</v>
      </c>
      <c r="Y37716">
        <v>18</v>
      </c>
      <c r="Z37716">
        <v>18</v>
      </c>
      <c r="AA37716">
        <v>19</v>
      </c>
      <c r="AB37716">
        <v>19</v>
      </c>
      <c r="AC37716">
        <v>20</v>
      </c>
      <c r="AD37716">
        <v>20</v>
      </c>
      <c r="AE37716">
        <v>20</v>
      </c>
      <c r="AF37716">
        <v>20</v>
      </c>
      <c r="AG37716">
        <v>21</v>
      </c>
      <c r="AH37716">
        <v>21</v>
      </c>
      <c r="AI37716">
        <v>21</v>
      </c>
      <c r="AJ37716">
        <v>21</v>
      </c>
      <c r="AK37716">
        <v>21</v>
      </c>
      <c r="AL37716">
        <v>21</v>
      </c>
      <c r="AM37716">
        <v>22</v>
      </c>
      <c r="AN37716">
        <v>22</v>
      </c>
      <c r="AO37716">
        <v>22</v>
      </c>
      <c r="AP37716">
        <v>22</v>
      </c>
      <c r="AQ37716">
        <v>22</v>
      </c>
    </row>
    <row r="37717" spans="1:43">
      <c r="A37717" t="s">
        <v>23379</v>
      </c>
      <c r="B37717" t="s">
        <v>23380</v>
      </c>
      <c r="C37717" t="s">
        <v>23375</v>
      </c>
      <c r="D37717" t="s">
        <v>23376</v>
      </c>
      <c r="E37717" t="s">
        <v>23347</v>
      </c>
      <c r="F37717" t="s">
        <v>23348</v>
      </c>
      <c r="G37717" t="s">
        <v>22539</v>
      </c>
      <c r="H37717" t="s">
        <v>22540</v>
      </c>
      <c r="I37717" s="2">
        <v>0</v>
      </c>
      <c r="J37717" s="2">
        <v>0</v>
      </c>
      <c r="K37717" s="2">
        <v>0.81</v>
      </c>
      <c r="L37717" t="s">
        <v>995</v>
      </c>
      <c r="M37717" t="s">
        <v>83</v>
      </c>
      <c r="N37717" t="s">
        <v>91</v>
      </c>
      <c r="O37717" t="s">
        <v>85</v>
      </c>
      <c r="P37717" t="s">
        <v>86</v>
      </c>
      <c r="Q37717">
        <v>15</v>
      </c>
      <c r="R37717">
        <v>16</v>
      </c>
      <c r="S37717">
        <v>16</v>
      </c>
      <c r="T37717">
        <v>16</v>
      </c>
      <c r="U37717">
        <v>17</v>
      </c>
      <c r="V37717">
        <v>17</v>
      </c>
      <c r="W37717">
        <v>17</v>
      </c>
      <c r="X37717">
        <v>18</v>
      </c>
      <c r="Y37717">
        <v>18</v>
      </c>
      <c r="Z37717">
        <v>18</v>
      </c>
      <c r="AA37717">
        <v>19</v>
      </c>
      <c r="AB37717">
        <v>19</v>
      </c>
      <c r="AC37717">
        <v>19</v>
      </c>
      <c r="AD37717">
        <v>20</v>
      </c>
      <c r="AE37717">
        <v>20</v>
      </c>
      <c r="AF37717">
        <v>20</v>
      </c>
      <c r="AG37717">
        <v>21</v>
      </c>
      <c r="AH37717">
        <v>21</v>
      </c>
      <c r="AI37717">
        <v>21</v>
      </c>
      <c r="AJ37717">
        <v>22</v>
      </c>
      <c r="AK37717">
        <v>22</v>
      </c>
      <c r="AL37717">
        <v>22</v>
      </c>
      <c r="AM37717">
        <v>22</v>
      </c>
      <c r="AN37717">
        <v>23</v>
      </c>
      <c r="AO37717">
        <v>23</v>
      </c>
      <c r="AP37717">
        <v>23</v>
      </c>
      <c r="AQ37717">
        <v>23</v>
      </c>
    </row>
    <row r="37718" spans="1:43">
      <c r="A37718" t="s">
        <v>23381</v>
      </c>
      <c r="B37718" t="s">
        <v>23382</v>
      </c>
      <c r="C37718" t="s">
        <v>23365</v>
      </c>
      <c r="D37718" t="s">
        <v>23366</v>
      </c>
      <c r="E37718" t="s">
        <v>23347</v>
      </c>
      <c r="F37718" t="s">
        <v>23348</v>
      </c>
      <c r="G37718" t="s">
        <v>22539</v>
      </c>
      <c r="H37718" t="s">
        <v>22540</v>
      </c>
      <c r="I37718" s="2">
        <v>0</v>
      </c>
      <c r="J37718" s="2">
        <v>0</v>
      </c>
      <c r="K37718" s="2">
        <v>1</v>
      </c>
      <c r="L37718" t="s">
        <v>995</v>
      </c>
      <c r="M37718" t="s">
        <v>83</v>
      </c>
      <c r="N37718" t="s">
        <v>84</v>
      </c>
      <c r="O37718" t="s">
        <v>85</v>
      </c>
      <c r="P37718" t="s">
        <v>86</v>
      </c>
      <c r="Q37718">
        <v>71</v>
      </c>
      <c r="R37718">
        <v>72</v>
      </c>
      <c r="S37718">
        <v>74</v>
      </c>
      <c r="T37718">
        <v>75</v>
      </c>
      <c r="U37718">
        <v>77</v>
      </c>
      <c r="V37718">
        <v>78</v>
      </c>
      <c r="W37718">
        <v>80</v>
      </c>
      <c r="X37718">
        <v>81</v>
      </c>
      <c r="Y37718">
        <v>83</v>
      </c>
      <c r="Z37718">
        <v>84</v>
      </c>
      <c r="AA37718">
        <v>86</v>
      </c>
      <c r="AB37718">
        <v>87</v>
      </c>
      <c r="AC37718">
        <v>89</v>
      </c>
      <c r="AD37718">
        <v>90</v>
      </c>
      <c r="AE37718">
        <v>92</v>
      </c>
      <c r="AF37718">
        <v>93</v>
      </c>
      <c r="AG37718">
        <v>95</v>
      </c>
      <c r="AH37718">
        <v>97</v>
      </c>
      <c r="AI37718">
        <v>98</v>
      </c>
      <c r="AJ37718">
        <v>100</v>
      </c>
      <c r="AK37718">
        <v>101</v>
      </c>
      <c r="AL37718">
        <v>102</v>
      </c>
      <c r="AM37718">
        <v>103</v>
      </c>
      <c r="AN37718">
        <v>104</v>
      </c>
      <c r="AO37718">
        <v>105</v>
      </c>
      <c r="AP37718">
        <v>106</v>
      </c>
      <c r="AQ37718">
        <v>106</v>
      </c>
    </row>
    <row r="37719" spans="1:43">
      <c r="A37719" t="s">
        <v>23381</v>
      </c>
      <c r="B37719" t="s">
        <v>23382</v>
      </c>
      <c r="C37719" t="s">
        <v>23365</v>
      </c>
      <c r="D37719" t="s">
        <v>23366</v>
      </c>
      <c r="E37719" t="s">
        <v>23347</v>
      </c>
      <c r="F37719" t="s">
        <v>23348</v>
      </c>
      <c r="G37719" t="s">
        <v>22539</v>
      </c>
      <c r="H37719" t="s">
        <v>22540</v>
      </c>
      <c r="I37719" s="2">
        <v>0</v>
      </c>
      <c r="J37719" s="2">
        <v>0</v>
      </c>
      <c r="K37719" s="2">
        <v>1</v>
      </c>
      <c r="L37719" t="s">
        <v>995</v>
      </c>
      <c r="M37719" t="s">
        <v>87</v>
      </c>
      <c r="N37719" t="s">
        <v>88</v>
      </c>
      <c r="O37719" t="s">
        <v>85</v>
      </c>
      <c r="P37719" t="s">
        <v>86</v>
      </c>
      <c r="Q37719">
        <v>71</v>
      </c>
      <c r="R37719">
        <v>72</v>
      </c>
      <c r="S37719">
        <v>73</v>
      </c>
      <c r="T37719">
        <v>74</v>
      </c>
      <c r="U37719">
        <v>74</v>
      </c>
      <c r="V37719">
        <v>75</v>
      </c>
      <c r="W37719">
        <v>76</v>
      </c>
      <c r="X37719">
        <v>77</v>
      </c>
      <c r="Y37719">
        <v>78</v>
      </c>
      <c r="Z37719">
        <v>78</v>
      </c>
      <c r="AA37719">
        <v>79</v>
      </c>
      <c r="AB37719">
        <v>80</v>
      </c>
      <c r="AC37719">
        <v>81</v>
      </c>
      <c r="AD37719">
        <v>82</v>
      </c>
      <c r="AE37719">
        <v>82</v>
      </c>
      <c r="AF37719">
        <v>83</v>
      </c>
      <c r="AG37719">
        <v>84</v>
      </c>
      <c r="AH37719">
        <v>85</v>
      </c>
      <c r="AI37719">
        <v>86</v>
      </c>
      <c r="AJ37719">
        <v>87</v>
      </c>
      <c r="AK37719">
        <v>88</v>
      </c>
      <c r="AL37719">
        <v>89</v>
      </c>
      <c r="AM37719">
        <v>90</v>
      </c>
      <c r="AN37719">
        <v>91</v>
      </c>
      <c r="AO37719">
        <v>92</v>
      </c>
      <c r="AP37719">
        <v>93</v>
      </c>
      <c r="AQ37719">
        <v>94</v>
      </c>
    </row>
    <row r="37720" spans="1:43">
      <c r="A37720" t="s">
        <v>23381</v>
      </c>
      <c r="B37720" t="s">
        <v>23382</v>
      </c>
      <c r="C37720" t="s">
        <v>23365</v>
      </c>
      <c r="D37720" t="s">
        <v>23366</v>
      </c>
      <c r="E37720" t="s">
        <v>23347</v>
      </c>
      <c r="F37720" t="s">
        <v>23348</v>
      </c>
      <c r="G37720" t="s">
        <v>22539</v>
      </c>
      <c r="H37720" t="s">
        <v>22540</v>
      </c>
      <c r="I37720" s="2">
        <v>0</v>
      </c>
      <c r="J37720" s="2">
        <v>0</v>
      </c>
      <c r="K37720" s="2">
        <v>1</v>
      </c>
      <c r="L37720" t="s">
        <v>995</v>
      </c>
      <c r="M37720" t="s">
        <v>89</v>
      </c>
      <c r="N37720" t="s">
        <v>90</v>
      </c>
      <c r="O37720" t="s">
        <v>85</v>
      </c>
      <c r="P37720" t="s">
        <v>86</v>
      </c>
      <c r="Q37720">
        <v>71</v>
      </c>
      <c r="R37720">
        <v>74</v>
      </c>
      <c r="S37720">
        <v>76</v>
      </c>
      <c r="T37720">
        <v>78</v>
      </c>
      <c r="U37720">
        <v>80</v>
      </c>
      <c r="V37720">
        <v>82</v>
      </c>
      <c r="W37720">
        <v>84</v>
      </c>
      <c r="X37720">
        <v>86</v>
      </c>
      <c r="Y37720">
        <v>88</v>
      </c>
      <c r="Z37720">
        <v>89</v>
      </c>
      <c r="AA37720">
        <v>91</v>
      </c>
      <c r="AB37720">
        <v>93</v>
      </c>
      <c r="AC37720">
        <v>95</v>
      </c>
      <c r="AD37720">
        <v>97</v>
      </c>
      <c r="AE37720">
        <v>98</v>
      </c>
      <c r="AF37720">
        <v>99</v>
      </c>
      <c r="AG37720">
        <v>100</v>
      </c>
      <c r="AH37720">
        <v>100</v>
      </c>
      <c r="AI37720">
        <v>101</v>
      </c>
      <c r="AJ37720">
        <v>102</v>
      </c>
      <c r="AK37720">
        <v>103</v>
      </c>
      <c r="AL37720">
        <v>103</v>
      </c>
      <c r="AM37720">
        <v>104</v>
      </c>
      <c r="AN37720">
        <v>105</v>
      </c>
      <c r="AO37720">
        <v>106</v>
      </c>
      <c r="AP37720">
        <v>106</v>
      </c>
      <c r="AQ37720">
        <v>107</v>
      </c>
    </row>
    <row r="37721" spans="1:43">
      <c r="A37721" t="s">
        <v>23381</v>
      </c>
      <c r="B37721" t="s">
        <v>23382</v>
      </c>
      <c r="C37721" t="s">
        <v>23365</v>
      </c>
      <c r="D37721" t="s">
        <v>23366</v>
      </c>
      <c r="E37721" t="s">
        <v>23347</v>
      </c>
      <c r="F37721" t="s">
        <v>23348</v>
      </c>
      <c r="G37721" t="s">
        <v>22539</v>
      </c>
      <c r="H37721" t="s">
        <v>22540</v>
      </c>
      <c r="I37721" s="2">
        <v>0</v>
      </c>
      <c r="J37721" s="2">
        <v>0</v>
      </c>
      <c r="K37721" s="2">
        <v>1</v>
      </c>
      <c r="L37721" t="s">
        <v>995</v>
      </c>
      <c r="M37721" t="s">
        <v>83</v>
      </c>
      <c r="N37721" t="s">
        <v>91</v>
      </c>
      <c r="O37721" t="s">
        <v>85</v>
      </c>
      <c r="P37721" t="s">
        <v>86</v>
      </c>
      <c r="Q37721">
        <v>71</v>
      </c>
      <c r="R37721">
        <v>72</v>
      </c>
      <c r="S37721">
        <v>74</v>
      </c>
      <c r="T37721">
        <v>75</v>
      </c>
      <c r="U37721">
        <v>77</v>
      </c>
      <c r="V37721">
        <v>78</v>
      </c>
      <c r="W37721">
        <v>80</v>
      </c>
      <c r="X37721">
        <v>81</v>
      </c>
      <c r="Y37721">
        <v>83</v>
      </c>
      <c r="Z37721">
        <v>84</v>
      </c>
      <c r="AA37721">
        <v>86</v>
      </c>
      <c r="AB37721">
        <v>87</v>
      </c>
      <c r="AC37721">
        <v>89</v>
      </c>
      <c r="AD37721">
        <v>90</v>
      </c>
      <c r="AE37721">
        <v>92</v>
      </c>
      <c r="AF37721">
        <v>93</v>
      </c>
      <c r="AG37721">
        <v>95</v>
      </c>
      <c r="AH37721">
        <v>97</v>
      </c>
      <c r="AI37721">
        <v>98</v>
      </c>
      <c r="AJ37721">
        <v>100</v>
      </c>
      <c r="AK37721">
        <v>101</v>
      </c>
      <c r="AL37721">
        <v>102</v>
      </c>
      <c r="AM37721">
        <v>103</v>
      </c>
      <c r="AN37721">
        <v>104</v>
      </c>
      <c r="AO37721">
        <v>105</v>
      </c>
      <c r="AP37721">
        <v>106</v>
      </c>
      <c r="AQ37721">
        <v>106</v>
      </c>
    </row>
    <row r="37722" spans="1:43">
      <c r="A37722" t="s">
        <v>23383</v>
      </c>
      <c r="B37722" t="s">
        <v>23384</v>
      </c>
      <c r="C37722" t="s">
        <v>23345</v>
      </c>
      <c r="D37722" t="s">
        <v>23346</v>
      </c>
      <c r="E37722" t="s">
        <v>23347</v>
      </c>
      <c r="F37722" t="s">
        <v>23348</v>
      </c>
      <c r="G37722" t="s">
        <v>22539</v>
      </c>
      <c r="H37722" t="s">
        <v>22540</v>
      </c>
      <c r="I37722" s="2">
        <v>0</v>
      </c>
      <c r="J37722" s="2">
        <v>0</v>
      </c>
      <c r="K37722" s="2">
        <v>1</v>
      </c>
      <c r="L37722" t="s">
        <v>995</v>
      </c>
      <c r="M37722" t="s">
        <v>83</v>
      </c>
      <c r="N37722" t="s">
        <v>84</v>
      </c>
      <c r="O37722" t="s">
        <v>85</v>
      </c>
      <c r="P37722" t="s">
        <v>86</v>
      </c>
      <c r="Q37722">
        <v>21</v>
      </c>
      <c r="R37722">
        <v>21</v>
      </c>
      <c r="S37722">
        <v>22</v>
      </c>
      <c r="T37722">
        <v>22</v>
      </c>
      <c r="U37722">
        <v>22</v>
      </c>
      <c r="V37722">
        <v>23</v>
      </c>
      <c r="W37722">
        <v>23</v>
      </c>
      <c r="X37722">
        <v>24</v>
      </c>
      <c r="Y37722">
        <v>24</v>
      </c>
      <c r="Z37722">
        <v>25</v>
      </c>
      <c r="AA37722">
        <v>25</v>
      </c>
      <c r="AB37722">
        <v>25</v>
      </c>
      <c r="AC37722">
        <v>26</v>
      </c>
      <c r="AD37722">
        <v>26</v>
      </c>
      <c r="AE37722">
        <v>27</v>
      </c>
      <c r="AF37722">
        <v>27</v>
      </c>
      <c r="AG37722">
        <v>28</v>
      </c>
      <c r="AH37722">
        <v>28</v>
      </c>
      <c r="AI37722">
        <v>29</v>
      </c>
      <c r="AJ37722">
        <v>29</v>
      </c>
      <c r="AK37722">
        <v>30</v>
      </c>
      <c r="AL37722">
        <v>30</v>
      </c>
      <c r="AM37722">
        <v>30</v>
      </c>
      <c r="AN37722">
        <v>30</v>
      </c>
      <c r="AO37722">
        <v>30</v>
      </c>
      <c r="AP37722">
        <v>31</v>
      </c>
      <c r="AQ37722">
        <v>31</v>
      </c>
    </row>
    <row r="37723" spans="1:43">
      <c r="A37723" t="s">
        <v>23383</v>
      </c>
      <c r="B37723" t="s">
        <v>23384</v>
      </c>
      <c r="C37723" t="s">
        <v>23345</v>
      </c>
      <c r="D37723" t="s">
        <v>23346</v>
      </c>
      <c r="E37723" t="s">
        <v>23347</v>
      </c>
      <c r="F37723" t="s">
        <v>23348</v>
      </c>
      <c r="G37723" t="s">
        <v>22539</v>
      </c>
      <c r="H37723" t="s">
        <v>22540</v>
      </c>
      <c r="I37723" s="2">
        <v>0</v>
      </c>
      <c r="J37723" s="2">
        <v>0</v>
      </c>
      <c r="K37723" s="2">
        <v>1</v>
      </c>
      <c r="L37723" t="s">
        <v>995</v>
      </c>
      <c r="M37723" t="s">
        <v>87</v>
      </c>
      <c r="N37723" t="s">
        <v>88</v>
      </c>
      <c r="O37723" t="s">
        <v>85</v>
      </c>
      <c r="P37723" t="s">
        <v>86</v>
      </c>
      <c r="Q37723">
        <v>21</v>
      </c>
      <c r="R37723">
        <v>22</v>
      </c>
      <c r="S37723">
        <v>22</v>
      </c>
      <c r="T37723">
        <v>22</v>
      </c>
      <c r="U37723">
        <v>22</v>
      </c>
      <c r="V37723">
        <v>23</v>
      </c>
      <c r="W37723">
        <v>23</v>
      </c>
      <c r="X37723">
        <v>23</v>
      </c>
      <c r="Y37723">
        <v>23</v>
      </c>
      <c r="Z37723">
        <v>24</v>
      </c>
      <c r="AA37723">
        <v>24</v>
      </c>
      <c r="AB37723">
        <v>24</v>
      </c>
      <c r="AC37723">
        <v>24</v>
      </c>
      <c r="AD37723">
        <v>24</v>
      </c>
      <c r="AE37723">
        <v>25</v>
      </c>
      <c r="AF37723">
        <v>25</v>
      </c>
      <c r="AG37723">
        <v>25</v>
      </c>
      <c r="AH37723">
        <v>25</v>
      </c>
      <c r="AI37723">
        <v>26</v>
      </c>
      <c r="AJ37723">
        <v>26</v>
      </c>
      <c r="AK37723">
        <v>26</v>
      </c>
      <c r="AL37723">
        <v>27</v>
      </c>
      <c r="AM37723">
        <v>27</v>
      </c>
      <c r="AN37723">
        <v>27</v>
      </c>
      <c r="AO37723">
        <v>27</v>
      </c>
      <c r="AP37723">
        <v>28</v>
      </c>
      <c r="AQ37723">
        <v>28</v>
      </c>
    </row>
    <row r="37724" spans="1:43">
      <c r="A37724" t="s">
        <v>23383</v>
      </c>
      <c r="B37724" t="s">
        <v>23384</v>
      </c>
      <c r="C37724" t="s">
        <v>23345</v>
      </c>
      <c r="D37724" t="s">
        <v>23346</v>
      </c>
      <c r="E37724" t="s">
        <v>23347</v>
      </c>
      <c r="F37724" t="s">
        <v>23348</v>
      </c>
      <c r="G37724" t="s">
        <v>22539</v>
      </c>
      <c r="H37724" t="s">
        <v>22540</v>
      </c>
      <c r="I37724" s="2">
        <v>0</v>
      </c>
      <c r="J37724" s="2">
        <v>0</v>
      </c>
      <c r="K37724" s="2">
        <v>1</v>
      </c>
      <c r="L37724" t="s">
        <v>995</v>
      </c>
      <c r="M37724" t="s">
        <v>89</v>
      </c>
      <c r="N37724" t="s">
        <v>90</v>
      </c>
      <c r="O37724" t="s">
        <v>85</v>
      </c>
      <c r="P37724" t="s">
        <v>86</v>
      </c>
      <c r="Q37724">
        <v>21</v>
      </c>
      <c r="R37724">
        <v>21</v>
      </c>
      <c r="S37724">
        <v>22</v>
      </c>
      <c r="T37724">
        <v>23</v>
      </c>
      <c r="U37724">
        <v>23</v>
      </c>
      <c r="V37724">
        <v>24</v>
      </c>
      <c r="W37724">
        <v>24</v>
      </c>
      <c r="X37724">
        <v>25</v>
      </c>
      <c r="Y37724">
        <v>26</v>
      </c>
      <c r="Z37724">
        <v>26</v>
      </c>
      <c r="AA37724">
        <v>27</v>
      </c>
      <c r="AB37724">
        <v>27</v>
      </c>
      <c r="AC37724">
        <v>28</v>
      </c>
      <c r="AD37724">
        <v>28</v>
      </c>
      <c r="AE37724">
        <v>29</v>
      </c>
      <c r="AF37724">
        <v>29</v>
      </c>
      <c r="AG37724">
        <v>29</v>
      </c>
      <c r="AH37724">
        <v>29</v>
      </c>
      <c r="AI37724">
        <v>29</v>
      </c>
      <c r="AJ37724">
        <v>30</v>
      </c>
      <c r="AK37724">
        <v>30</v>
      </c>
      <c r="AL37724">
        <v>30</v>
      </c>
      <c r="AM37724">
        <v>30</v>
      </c>
      <c r="AN37724">
        <v>30</v>
      </c>
      <c r="AO37724">
        <v>31</v>
      </c>
      <c r="AP37724">
        <v>31</v>
      </c>
      <c r="AQ37724">
        <v>31</v>
      </c>
    </row>
    <row r="37725" spans="1:43">
      <c r="A37725" t="s">
        <v>23383</v>
      </c>
      <c r="B37725" t="s">
        <v>23384</v>
      </c>
      <c r="C37725" t="s">
        <v>23345</v>
      </c>
      <c r="D37725" t="s">
        <v>23346</v>
      </c>
      <c r="E37725" t="s">
        <v>23347</v>
      </c>
      <c r="F37725" t="s">
        <v>23348</v>
      </c>
      <c r="G37725" t="s">
        <v>22539</v>
      </c>
      <c r="H37725" t="s">
        <v>22540</v>
      </c>
      <c r="I37725" s="2">
        <v>0</v>
      </c>
      <c r="J37725" s="2">
        <v>0</v>
      </c>
      <c r="K37725" s="2">
        <v>1</v>
      </c>
      <c r="L37725" t="s">
        <v>995</v>
      </c>
      <c r="M37725" t="s">
        <v>83</v>
      </c>
      <c r="N37725" t="s">
        <v>91</v>
      </c>
      <c r="O37725" t="s">
        <v>85</v>
      </c>
      <c r="P37725" t="s">
        <v>86</v>
      </c>
      <c r="Q37725">
        <v>21</v>
      </c>
      <c r="R37725">
        <v>21</v>
      </c>
      <c r="S37725">
        <v>22</v>
      </c>
      <c r="T37725">
        <v>22</v>
      </c>
      <c r="U37725">
        <v>22</v>
      </c>
      <c r="V37725">
        <v>23</v>
      </c>
      <c r="W37725">
        <v>23</v>
      </c>
      <c r="X37725">
        <v>24</v>
      </c>
      <c r="Y37725">
        <v>24</v>
      </c>
      <c r="Z37725">
        <v>25</v>
      </c>
      <c r="AA37725">
        <v>25</v>
      </c>
      <c r="AB37725">
        <v>25</v>
      </c>
      <c r="AC37725">
        <v>26</v>
      </c>
      <c r="AD37725">
        <v>26</v>
      </c>
      <c r="AE37725">
        <v>27</v>
      </c>
      <c r="AF37725">
        <v>27</v>
      </c>
      <c r="AG37725">
        <v>28</v>
      </c>
      <c r="AH37725">
        <v>28</v>
      </c>
      <c r="AI37725">
        <v>29</v>
      </c>
      <c r="AJ37725">
        <v>29</v>
      </c>
      <c r="AK37725">
        <v>30</v>
      </c>
      <c r="AL37725">
        <v>30</v>
      </c>
      <c r="AM37725">
        <v>30</v>
      </c>
      <c r="AN37725">
        <v>30</v>
      </c>
      <c r="AO37725">
        <v>30</v>
      </c>
      <c r="AP37725">
        <v>31</v>
      </c>
      <c r="AQ37725">
        <v>31</v>
      </c>
    </row>
    <row r="37726" spans="1:43">
      <c r="A37726" t="s">
        <v>23385</v>
      </c>
      <c r="B37726" t="s">
        <v>23386</v>
      </c>
      <c r="C37726" t="s">
        <v>23345</v>
      </c>
      <c r="D37726" t="s">
        <v>23346</v>
      </c>
      <c r="E37726" t="s">
        <v>23347</v>
      </c>
      <c r="F37726" t="s">
        <v>23348</v>
      </c>
      <c r="G37726" t="s">
        <v>22539</v>
      </c>
      <c r="H37726" t="s">
        <v>22540</v>
      </c>
      <c r="I37726" s="2">
        <v>0</v>
      </c>
      <c r="J37726" s="2">
        <v>0</v>
      </c>
      <c r="K37726" s="2">
        <v>1</v>
      </c>
      <c r="L37726" t="s">
        <v>995</v>
      </c>
      <c r="M37726" t="s">
        <v>83</v>
      </c>
      <c r="N37726" t="s">
        <v>84</v>
      </c>
      <c r="O37726" t="s">
        <v>85</v>
      </c>
      <c r="P37726" t="s">
        <v>86</v>
      </c>
      <c r="Q37726">
        <v>21</v>
      </c>
      <c r="R37726">
        <v>21</v>
      </c>
      <c r="S37726">
        <v>21</v>
      </c>
      <c r="T37726">
        <v>22</v>
      </c>
      <c r="U37726">
        <v>22</v>
      </c>
      <c r="V37726">
        <v>23</v>
      </c>
      <c r="W37726">
        <v>23</v>
      </c>
      <c r="X37726">
        <v>24</v>
      </c>
      <c r="Y37726">
        <v>24</v>
      </c>
      <c r="Z37726">
        <v>25</v>
      </c>
      <c r="AA37726">
        <v>25</v>
      </c>
      <c r="AB37726">
        <v>25</v>
      </c>
      <c r="AC37726">
        <v>26</v>
      </c>
      <c r="AD37726">
        <v>26</v>
      </c>
      <c r="AE37726">
        <v>27</v>
      </c>
      <c r="AF37726">
        <v>27</v>
      </c>
      <c r="AG37726">
        <v>28</v>
      </c>
      <c r="AH37726">
        <v>28</v>
      </c>
      <c r="AI37726">
        <v>29</v>
      </c>
      <c r="AJ37726">
        <v>29</v>
      </c>
      <c r="AK37726">
        <v>29</v>
      </c>
      <c r="AL37726">
        <v>30</v>
      </c>
      <c r="AM37726">
        <v>30</v>
      </c>
      <c r="AN37726">
        <v>30</v>
      </c>
      <c r="AO37726">
        <v>30</v>
      </c>
      <c r="AP37726">
        <v>31</v>
      </c>
      <c r="AQ37726">
        <v>31</v>
      </c>
    </row>
    <row r="37727" spans="1:43">
      <c r="A37727" t="s">
        <v>23385</v>
      </c>
      <c r="B37727" t="s">
        <v>23386</v>
      </c>
      <c r="C37727" t="s">
        <v>23345</v>
      </c>
      <c r="D37727" t="s">
        <v>23346</v>
      </c>
      <c r="E37727" t="s">
        <v>23347</v>
      </c>
      <c r="F37727" t="s">
        <v>23348</v>
      </c>
      <c r="G37727" t="s">
        <v>22539</v>
      </c>
      <c r="H37727" t="s">
        <v>22540</v>
      </c>
      <c r="I37727" s="2">
        <v>0</v>
      </c>
      <c r="J37727" s="2">
        <v>0</v>
      </c>
      <c r="K37727" s="2">
        <v>1</v>
      </c>
      <c r="L37727" t="s">
        <v>995</v>
      </c>
      <c r="M37727" t="s">
        <v>87</v>
      </c>
      <c r="N37727" t="s">
        <v>88</v>
      </c>
      <c r="O37727" t="s">
        <v>85</v>
      </c>
      <c r="P37727" t="s">
        <v>86</v>
      </c>
      <c r="Q37727">
        <v>21</v>
      </c>
      <c r="R37727">
        <v>22</v>
      </c>
      <c r="S37727">
        <v>22</v>
      </c>
      <c r="T37727">
        <v>22</v>
      </c>
      <c r="U37727">
        <v>22</v>
      </c>
      <c r="V37727">
        <v>23</v>
      </c>
      <c r="W37727">
        <v>23</v>
      </c>
      <c r="X37727">
        <v>23</v>
      </c>
      <c r="Y37727">
        <v>23</v>
      </c>
      <c r="Z37727">
        <v>23</v>
      </c>
      <c r="AA37727">
        <v>24</v>
      </c>
      <c r="AB37727">
        <v>24</v>
      </c>
      <c r="AC37727">
        <v>24</v>
      </c>
      <c r="AD37727">
        <v>24</v>
      </c>
      <c r="AE37727">
        <v>25</v>
      </c>
      <c r="AF37727">
        <v>25</v>
      </c>
      <c r="AG37727">
        <v>25</v>
      </c>
      <c r="AH37727">
        <v>25</v>
      </c>
      <c r="AI37727">
        <v>26</v>
      </c>
      <c r="AJ37727">
        <v>26</v>
      </c>
      <c r="AK37727">
        <v>26</v>
      </c>
      <c r="AL37727">
        <v>26</v>
      </c>
      <c r="AM37727">
        <v>27</v>
      </c>
      <c r="AN37727">
        <v>27</v>
      </c>
      <c r="AO37727">
        <v>27</v>
      </c>
      <c r="AP37727">
        <v>28</v>
      </c>
      <c r="AQ37727">
        <v>28</v>
      </c>
    </row>
    <row r="37728" spans="1:43">
      <c r="A37728" t="s">
        <v>23385</v>
      </c>
      <c r="B37728" t="s">
        <v>23386</v>
      </c>
      <c r="C37728" t="s">
        <v>23345</v>
      </c>
      <c r="D37728" t="s">
        <v>23346</v>
      </c>
      <c r="E37728" t="s">
        <v>23347</v>
      </c>
      <c r="F37728" t="s">
        <v>23348</v>
      </c>
      <c r="G37728" t="s">
        <v>22539</v>
      </c>
      <c r="H37728" t="s">
        <v>22540</v>
      </c>
      <c r="I37728" s="2">
        <v>0</v>
      </c>
      <c r="J37728" s="2">
        <v>0</v>
      </c>
      <c r="K37728" s="2">
        <v>1</v>
      </c>
      <c r="L37728" t="s">
        <v>995</v>
      </c>
      <c r="M37728" t="s">
        <v>89</v>
      </c>
      <c r="N37728" t="s">
        <v>90</v>
      </c>
      <c r="O37728" t="s">
        <v>85</v>
      </c>
      <c r="P37728" t="s">
        <v>86</v>
      </c>
      <c r="Q37728">
        <v>21</v>
      </c>
      <c r="R37728">
        <v>21</v>
      </c>
      <c r="S37728">
        <v>22</v>
      </c>
      <c r="T37728">
        <v>23</v>
      </c>
      <c r="U37728">
        <v>23</v>
      </c>
      <c r="V37728">
        <v>24</v>
      </c>
      <c r="W37728">
        <v>24</v>
      </c>
      <c r="X37728">
        <v>25</v>
      </c>
      <c r="Y37728">
        <v>26</v>
      </c>
      <c r="Z37728">
        <v>26</v>
      </c>
      <c r="AA37728">
        <v>27</v>
      </c>
      <c r="AB37728">
        <v>27</v>
      </c>
      <c r="AC37728">
        <v>28</v>
      </c>
      <c r="AD37728">
        <v>28</v>
      </c>
      <c r="AE37728">
        <v>29</v>
      </c>
      <c r="AF37728">
        <v>29</v>
      </c>
      <c r="AG37728">
        <v>29</v>
      </c>
      <c r="AH37728">
        <v>29</v>
      </c>
      <c r="AI37728">
        <v>29</v>
      </c>
      <c r="AJ37728">
        <v>30</v>
      </c>
      <c r="AK37728">
        <v>30</v>
      </c>
      <c r="AL37728">
        <v>30</v>
      </c>
      <c r="AM37728">
        <v>30</v>
      </c>
      <c r="AN37728">
        <v>30</v>
      </c>
      <c r="AO37728">
        <v>31</v>
      </c>
      <c r="AP37728">
        <v>31</v>
      </c>
      <c r="AQ37728">
        <v>31</v>
      </c>
    </row>
    <row r="37729" spans="1:43">
      <c r="A37729" t="s">
        <v>23385</v>
      </c>
      <c r="B37729" t="s">
        <v>23386</v>
      </c>
      <c r="C37729" t="s">
        <v>23345</v>
      </c>
      <c r="D37729" t="s">
        <v>23346</v>
      </c>
      <c r="E37729" t="s">
        <v>23347</v>
      </c>
      <c r="F37729" t="s">
        <v>23348</v>
      </c>
      <c r="G37729" t="s">
        <v>22539</v>
      </c>
      <c r="H37729" t="s">
        <v>22540</v>
      </c>
      <c r="I37729" s="2">
        <v>0</v>
      </c>
      <c r="J37729" s="2">
        <v>0</v>
      </c>
      <c r="K37729" s="2">
        <v>1</v>
      </c>
      <c r="L37729" t="s">
        <v>995</v>
      </c>
      <c r="M37729" t="s">
        <v>83</v>
      </c>
      <c r="N37729" t="s">
        <v>91</v>
      </c>
      <c r="O37729" t="s">
        <v>85</v>
      </c>
      <c r="P37729" t="s">
        <v>86</v>
      </c>
      <c r="Q37729">
        <v>21</v>
      </c>
      <c r="R37729">
        <v>21</v>
      </c>
      <c r="S37729">
        <v>21</v>
      </c>
      <c r="T37729">
        <v>22</v>
      </c>
      <c r="U37729">
        <v>22</v>
      </c>
      <c r="V37729">
        <v>23</v>
      </c>
      <c r="W37729">
        <v>23</v>
      </c>
      <c r="X37729">
        <v>24</v>
      </c>
      <c r="Y37729">
        <v>24</v>
      </c>
      <c r="Z37729">
        <v>25</v>
      </c>
      <c r="AA37729">
        <v>25</v>
      </c>
      <c r="AB37729">
        <v>25</v>
      </c>
      <c r="AC37729">
        <v>26</v>
      </c>
      <c r="AD37729">
        <v>26</v>
      </c>
      <c r="AE37729">
        <v>27</v>
      </c>
      <c r="AF37729">
        <v>27</v>
      </c>
      <c r="AG37729">
        <v>28</v>
      </c>
      <c r="AH37729">
        <v>28</v>
      </c>
      <c r="AI37729">
        <v>29</v>
      </c>
      <c r="AJ37729">
        <v>29</v>
      </c>
      <c r="AK37729">
        <v>29</v>
      </c>
      <c r="AL37729">
        <v>30</v>
      </c>
      <c r="AM37729">
        <v>30</v>
      </c>
      <c r="AN37729">
        <v>30</v>
      </c>
      <c r="AO37729">
        <v>30</v>
      </c>
      <c r="AP37729">
        <v>31</v>
      </c>
      <c r="AQ37729">
        <v>31</v>
      </c>
    </row>
    <row r="37730" spans="1:43">
      <c r="A37730" t="s">
        <v>23387</v>
      </c>
      <c r="B37730" t="s">
        <v>23388</v>
      </c>
      <c r="C37730" t="s">
        <v>23353</v>
      </c>
      <c r="D37730" t="s">
        <v>23354</v>
      </c>
      <c r="E37730" t="s">
        <v>23347</v>
      </c>
      <c r="F37730" t="s">
        <v>23348</v>
      </c>
      <c r="G37730" t="s">
        <v>22539</v>
      </c>
      <c r="H37730" t="s">
        <v>22540</v>
      </c>
      <c r="I37730" s="2">
        <v>0</v>
      </c>
      <c r="J37730" s="2">
        <v>0</v>
      </c>
      <c r="K37730" s="2">
        <v>1</v>
      </c>
      <c r="L37730" t="s">
        <v>995</v>
      </c>
      <c r="M37730" t="s">
        <v>83</v>
      </c>
      <c r="N37730" t="s">
        <v>84</v>
      </c>
      <c r="O37730" t="s">
        <v>85</v>
      </c>
      <c r="P37730" t="s">
        <v>86</v>
      </c>
      <c r="Q37730">
        <v>19</v>
      </c>
      <c r="R37730">
        <v>19</v>
      </c>
      <c r="S37730">
        <v>20</v>
      </c>
      <c r="T37730">
        <v>20</v>
      </c>
      <c r="U37730">
        <v>20</v>
      </c>
      <c r="V37730">
        <v>21</v>
      </c>
      <c r="W37730">
        <v>21</v>
      </c>
      <c r="X37730">
        <v>21</v>
      </c>
      <c r="Y37730">
        <v>22</v>
      </c>
      <c r="Z37730">
        <v>22</v>
      </c>
      <c r="AA37730">
        <v>23</v>
      </c>
      <c r="AB37730">
        <v>23</v>
      </c>
      <c r="AC37730">
        <v>23</v>
      </c>
      <c r="AD37730">
        <v>24</v>
      </c>
      <c r="AE37730">
        <v>24</v>
      </c>
      <c r="AF37730">
        <v>25</v>
      </c>
      <c r="AG37730">
        <v>25</v>
      </c>
      <c r="AH37730">
        <v>26</v>
      </c>
      <c r="AI37730">
        <v>26</v>
      </c>
      <c r="AJ37730">
        <v>26</v>
      </c>
      <c r="AK37730">
        <v>27</v>
      </c>
      <c r="AL37730">
        <v>27</v>
      </c>
      <c r="AM37730">
        <v>27</v>
      </c>
      <c r="AN37730">
        <v>27</v>
      </c>
      <c r="AO37730">
        <v>28</v>
      </c>
      <c r="AP37730">
        <v>28</v>
      </c>
      <c r="AQ37730">
        <v>28</v>
      </c>
    </row>
    <row r="37731" spans="1:43">
      <c r="A37731" t="s">
        <v>23387</v>
      </c>
      <c r="B37731" t="s">
        <v>23388</v>
      </c>
      <c r="C37731" t="s">
        <v>23353</v>
      </c>
      <c r="D37731" t="s">
        <v>23354</v>
      </c>
      <c r="E37731" t="s">
        <v>23347</v>
      </c>
      <c r="F37731" t="s">
        <v>23348</v>
      </c>
      <c r="G37731" t="s">
        <v>22539</v>
      </c>
      <c r="H37731" t="s">
        <v>22540</v>
      </c>
      <c r="I37731" s="2">
        <v>0</v>
      </c>
      <c r="J37731" s="2">
        <v>0</v>
      </c>
      <c r="K37731" s="2">
        <v>1</v>
      </c>
      <c r="L37731" t="s">
        <v>995</v>
      </c>
      <c r="M37731" t="s">
        <v>87</v>
      </c>
      <c r="N37731" t="s">
        <v>88</v>
      </c>
      <c r="O37731" t="s">
        <v>85</v>
      </c>
      <c r="P37731" t="s">
        <v>86</v>
      </c>
      <c r="Q37731">
        <v>19</v>
      </c>
      <c r="R37731">
        <v>19</v>
      </c>
      <c r="S37731">
        <v>19</v>
      </c>
      <c r="T37731">
        <v>19</v>
      </c>
      <c r="U37731">
        <v>19</v>
      </c>
      <c r="V37731">
        <v>20</v>
      </c>
      <c r="W37731">
        <v>20</v>
      </c>
      <c r="X37731">
        <v>20</v>
      </c>
      <c r="Y37731">
        <v>20</v>
      </c>
      <c r="Z37731">
        <v>20</v>
      </c>
      <c r="AA37731">
        <v>21</v>
      </c>
      <c r="AB37731">
        <v>21</v>
      </c>
      <c r="AC37731">
        <v>21</v>
      </c>
      <c r="AD37731">
        <v>21</v>
      </c>
      <c r="AE37731">
        <v>22</v>
      </c>
      <c r="AF37731">
        <v>22</v>
      </c>
      <c r="AG37731">
        <v>22</v>
      </c>
      <c r="AH37731">
        <v>22</v>
      </c>
      <c r="AI37731">
        <v>22</v>
      </c>
      <c r="AJ37731">
        <v>23</v>
      </c>
      <c r="AK37731">
        <v>23</v>
      </c>
      <c r="AL37731">
        <v>23</v>
      </c>
      <c r="AM37731">
        <v>23</v>
      </c>
      <c r="AN37731">
        <v>24</v>
      </c>
      <c r="AO37731">
        <v>24</v>
      </c>
      <c r="AP37731">
        <v>24</v>
      </c>
      <c r="AQ37731">
        <v>24</v>
      </c>
    </row>
    <row r="37732" spans="1:43">
      <c r="A37732" t="s">
        <v>23387</v>
      </c>
      <c r="B37732" t="s">
        <v>23388</v>
      </c>
      <c r="C37732" t="s">
        <v>23353</v>
      </c>
      <c r="D37732" t="s">
        <v>23354</v>
      </c>
      <c r="E37732" t="s">
        <v>23347</v>
      </c>
      <c r="F37732" t="s">
        <v>23348</v>
      </c>
      <c r="G37732" t="s">
        <v>22539</v>
      </c>
      <c r="H37732" t="s">
        <v>22540</v>
      </c>
      <c r="I37732" s="2">
        <v>0</v>
      </c>
      <c r="J37732" s="2">
        <v>0</v>
      </c>
      <c r="K37732" s="2">
        <v>1</v>
      </c>
      <c r="L37732" t="s">
        <v>995</v>
      </c>
      <c r="M37732" t="s">
        <v>89</v>
      </c>
      <c r="N37732" t="s">
        <v>90</v>
      </c>
      <c r="O37732" t="s">
        <v>85</v>
      </c>
      <c r="P37732" t="s">
        <v>86</v>
      </c>
      <c r="Q37732">
        <v>19</v>
      </c>
      <c r="R37732">
        <v>19</v>
      </c>
      <c r="S37732">
        <v>20</v>
      </c>
      <c r="T37732">
        <v>21</v>
      </c>
      <c r="U37732">
        <v>21</v>
      </c>
      <c r="V37732">
        <v>22</v>
      </c>
      <c r="W37732">
        <v>22</v>
      </c>
      <c r="X37732">
        <v>23</v>
      </c>
      <c r="Y37732">
        <v>23</v>
      </c>
      <c r="Z37732">
        <v>24</v>
      </c>
      <c r="AA37732">
        <v>24</v>
      </c>
      <c r="AB37732">
        <v>25</v>
      </c>
      <c r="AC37732">
        <v>25</v>
      </c>
      <c r="AD37732">
        <v>26</v>
      </c>
      <c r="AE37732">
        <v>26</v>
      </c>
      <c r="AF37732">
        <v>26</v>
      </c>
      <c r="AG37732">
        <v>26</v>
      </c>
      <c r="AH37732">
        <v>27</v>
      </c>
      <c r="AI37732">
        <v>27</v>
      </c>
      <c r="AJ37732">
        <v>27</v>
      </c>
      <c r="AK37732">
        <v>27</v>
      </c>
      <c r="AL37732">
        <v>27</v>
      </c>
      <c r="AM37732">
        <v>27</v>
      </c>
      <c r="AN37732">
        <v>28</v>
      </c>
      <c r="AO37732">
        <v>28</v>
      </c>
      <c r="AP37732">
        <v>28</v>
      </c>
      <c r="AQ37732">
        <v>28</v>
      </c>
    </row>
    <row r="37733" spans="1:43">
      <c r="A37733" t="s">
        <v>23387</v>
      </c>
      <c r="B37733" t="s">
        <v>23388</v>
      </c>
      <c r="C37733" t="s">
        <v>23353</v>
      </c>
      <c r="D37733" t="s">
        <v>23354</v>
      </c>
      <c r="E37733" t="s">
        <v>23347</v>
      </c>
      <c r="F37733" t="s">
        <v>23348</v>
      </c>
      <c r="G37733" t="s">
        <v>22539</v>
      </c>
      <c r="H37733" t="s">
        <v>22540</v>
      </c>
      <c r="I37733" s="2">
        <v>0</v>
      </c>
      <c r="J37733" s="2">
        <v>0</v>
      </c>
      <c r="K37733" s="2">
        <v>1</v>
      </c>
      <c r="L37733" t="s">
        <v>995</v>
      </c>
      <c r="M37733" t="s">
        <v>83</v>
      </c>
      <c r="N37733" t="s">
        <v>91</v>
      </c>
      <c r="O37733" t="s">
        <v>85</v>
      </c>
      <c r="P37733" t="s">
        <v>86</v>
      </c>
      <c r="Q37733">
        <v>19</v>
      </c>
      <c r="R37733">
        <v>19</v>
      </c>
      <c r="S37733">
        <v>20</v>
      </c>
      <c r="T37733">
        <v>20</v>
      </c>
      <c r="U37733">
        <v>20</v>
      </c>
      <c r="V37733">
        <v>21</v>
      </c>
      <c r="W37733">
        <v>21</v>
      </c>
      <c r="X37733">
        <v>21</v>
      </c>
      <c r="Y37733">
        <v>22</v>
      </c>
      <c r="Z37733">
        <v>22</v>
      </c>
      <c r="AA37733">
        <v>23</v>
      </c>
      <c r="AB37733">
        <v>23</v>
      </c>
      <c r="AC37733">
        <v>23</v>
      </c>
      <c r="AD37733">
        <v>24</v>
      </c>
      <c r="AE37733">
        <v>24</v>
      </c>
      <c r="AF37733">
        <v>25</v>
      </c>
      <c r="AG37733">
        <v>25</v>
      </c>
      <c r="AH37733">
        <v>26</v>
      </c>
      <c r="AI37733">
        <v>26</v>
      </c>
      <c r="AJ37733">
        <v>26</v>
      </c>
      <c r="AK37733">
        <v>27</v>
      </c>
      <c r="AL37733">
        <v>27</v>
      </c>
      <c r="AM37733">
        <v>27</v>
      </c>
      <c r="AN37733">
        <v>27</v>
      </c>
      <c r="AO37733">
        <v>28</v>
      </c>
      <c r="AP37733">
        <v>28</v>
      </c>
      <c r="AQ37733">
        <v>28</v>
      </c>
    </row>
    <row r="37734" spans="1:43">
      <c r="A37734" t="s">
        <v>23389</v>
      </c>
      <c r="B37734" t="s">
        <v>23390</v>
      </c>
      <c r="C37734" t="s">
        <v>23391</v>
      </c>
      <c r="D37734" t="s">
        <v>23392</v>
      </c>
      <c r="E37734" t="s">
        <v>23347</v>
      </c>
      <c r="F37734" t="s">
        <v>23348</v>
      </c>
      <c r="G37734" t="s">
        <v>22539</v>
      </c>
      <c r="H37734" t="s">
        <v>22540</v>
      </c>
      <c r="I37734" s="2">
        <v>0</v>
      </c>
      <c r="J37734" s="2">
        <v>0</v>
      </c>
      <c r="K37734" s="2">
        <v>0.63</v>
      </c>
      <c r="L37734" t="s">
        <v>995</v>
      </c>
      <c r="M37734" t="s">
        <v>83</v>
      </c>
      <c r="N37734" t="s">
        <v>84</v>
      </c>
      <c r="O37734" t="s">
        <v>85</v>
      </c>
      <c r="P37734" t="s">
        <v>86</v>
      </c>
      <c r="Q37734">
        <v>109</v>
      </c>
      <c r="R37734">
        <v>111</v>
      </c>
      <c r="S37734">
        <v>113</v>
      </c>
      <c r="T37734">
        <v>115</v>
      </c>
      <c r="U37734">
        <v>117</v>
      </c>
      <c r="V37734">
        <v>119</v>
      </c>
      <c r="W37734">
        <v>121</v>
      </c>
      <c r="X37734">
        <v>123</v>
      </c>
      <c r="Y37734">
        <v>126</v>
      </c>
      <c r="Z37734">
        <v>128</v>
      </c>
      <c r="AA37734">
        <v>130</v>
      </c>
      <c r="AB37734">
        <v>132</v>
      </c>
      <c r="AC37734">
        <v>134</v>
      </c>
      <c r="AD37734">
        <v>136</v>
      </c>
      <c r="AE37734">
        <v>138</v>
      </c>
      <c r="AF37734">
        <v>140</v>
      </c>
      <c r="AG37734">
        <v>142</v>
      </c>
      <c r="AH37734">
        <v>144</v>
      </c>
      <c r="AI37734">
        <v>147</v>
      </c>
      <c r="AJ37734">
        <v>149</v>
      </c>
      <c r="AK37734">
        <v>151</v>
      </c>
      <c r="AL37734">
        <v>152</v>
      </c>
      <c r="AM37734">
        <v>153</v>
      </c>
      <c r="AN37734">
        <v>154</v>
      </c>
      <c r="AO37734">
        <v>155</v>
      </c>
      <c r="AP37734">
        <v>156</v>
      </c>
      <c r="AQ37734">
        <v>157</v>
      </c>
    </row>
    <row r="37735" spans="1:43">
      <c r="A37735" t="s">
        <v>23389</v>
      </c>
      <c r="B37735" t="s">
        <v>23390</v>
      </c>
      <c r="C37735" t="s">
        <v>23391</v>
      </c>
      <c r="D37735" t="s">
        <v>23392</v>
      </c>
      <c r="E37735" t="s">
        <v>23347</v>
      </c>
      <c r="F37735" t="s">
        <v>23348</v>
      </c>
      <c r="G37735" t="s">
        <v>22539</v>
      </c>
      <c r="H37735" t="s">
        <v>22540</v>
      </c>
      <c r="I37735" s="2">
        <v>0</v>
      </c>
      <c r="J37735" s="2">
        <v>0</v>
      </c>
      <c r="K37735" s="2">
        <v>0.63</v>
      </c>
      <c r="L37735" t="s">
        <v>995</v>
      </c>
      <c r="M37735" t="s">
        <v>87</v>
      </c>
      <c r="N37735" t="s">
        <v>88</v>
      </c>
      <c r="O37735" t="s">
        <v>85</v>
      </c>
      <c r="P37735" t="s">
        <v>86</v>
      </c>
      <c r="Q37735">
        <v>109</v>
      </c>
      <c r="R37735">
        <v>110</v>
      </c>
      <c r="S37735">
        <v>111</v>
      </c>
      <c r="T37735">
        <v>112</v>
      </c>
      <c r="U37735">
        <v>113</v>
      </c>
      <c r="V37735">
        <v>114</v>
      </c>
      <c r="W37735">
        <v>115</v>
      </c>
      <c r="X37735">
        <v>116</v>
      </c>
      <c r="Y37735">
        <v>117</v>
      </c>
      <c r="Z37735">
        <v>118</v>
      </c>
      <c r="AA37735">
        <v>119</v>
      </c>
      <c r="AB37735">
        <v>120</v>
      </c>
      <c r="AC37735">
        <v>121</v>
      </c>
      <c r="AD37735">
        <v>122</v>
      </c>
      <c r="AE37735">
        <v>123</v>
      </c>
      <c r="AF37735">
        <v>125</v>
      </c>
      <c r="AG37735">
        <v>126</v>
      </c>
      <c r="AH37735">
        <v>127</v>
      </c>
      <c r="AI37735">
        <v>128</v>
      </c>
      <c r="AJ37735">
        <v>129</v>
      </c>
      <c r="AK37735">
        <v>130</v>
      </c>
      <c r="AL37735">
        <v>132</v>
      </c>
      <c r="AM37735">
        <v>133</v>
      </c>
      <c r="AN37735">
        <v>134</v>
      </c>
      <c r="AO37735">
        <v>135</v>
      </c>
      <c r="AP37735">
        <v>137</v>
      </c>
      <c r="AQ37735">
        <v>138</v>
      </c>
    </row>
    <row r="37736" spans="1:43">
      <c r="A37736" t="s">
        <v>23389</v>
      </c>
      <c r="B37736" t="s">
        <v>23390</v>
      </c>
      <c r="C37736" t="s">
        <v>23391</v>
      </c>
      <c r="D37736" t="s">
        <v>23392</v>
      </c>
      <c r="E37736" t="s">
        <v>23347</v>
      </c>
      <c r="F37736" t="s">
        <v>23348</v>
      </c>
      <c r="G37736" t="s">
        <v>22539</v>
      </c>
      <c r="H37736" t="s">
        <v>22540</v>
      </c>
      <c r="I37736" s="2">
        <v>0</v>
      </c>
      <c r="J37736" s="2">
        <v>0</v>
      </c>
      <c r="K37736" s="2">
        <v>0.63</v>
      </c>
      <c r="L37736" t="s">
        <v>995</v>
      </c>
      <c r="M37736" t="s">
        <v>89</v>
      </c>
      <c r="N37736" t="s">
        <v>90</v>
      </c>
      <c r="O37736" t="s">
        <v>85</v>
      </c>
      <c r="P37736" t="s">
        <v>86</v>
      </c>
      <c r="Q37736">
        <v>109</v>
      </c>
      <c r="R37736">
        <v>112</v>
      </c>
      <c r="S37736">
        <v>115</v>
      </c>
      <c r="T37736">
        <v>118</v>
      </c>
      <c r="U37736">
        <v>121</v>
      </c>
      <c r="V37736">
        <v>124</v>
      </c>
      <c r="W37736">
        <v>127</v>
      </c>
      <c r="X37736">
        <v>129</v>
      </c>
      <c r="Y37736">
        <v>132</v>
      </c>
      <c r="Z37736">
        <v>134</v>
      </c>
      <c r="AA37736">
        <v>137</v>
      </c>
      <c r="AB37736">
        <v>139</v>
      </c>
      <c r="AC37736">
        <v>142</v>
      </c>
      <c r="AD37736">
        <v>145</v>
      </c>
      <c r="AE37736">
        <v>147</v>
      </c>
      <c r="AF37736">
        <v>147</v>
      </c>
      <c r="AG37736">
        <v>148</v>
      </c>
      <c r="AH37736">
        <v>149</v>
      </c>
      <c r="AI37736">
        <v>150</v>
      </c>
      <c r="AJ37736">
        <v>151</v>
      </c>
      <c r="AK37736">
        <v>152</v>
      </c>
      <c r="AL37736">
        <v>153</v>
      </c>
      <c r="AM37736">
        <v>154</v>
      </c>
      <c r="AN37736">
        <v>155</v>
      </c>
      <c r="AO37736">
        <v>156</v>
      </c>
      <c r="AP37736">
        <v>157</v>
      </c>
      <c r="AQ37736">
        <v>158</v>
      </c>
    </row>
    <row r="37737" spans="1:43">
      <c r="A37737" t="s">
        <v>23389</v>
      </c>
      <c r="B37737" t="s">
        <v>23390</v>
      </c>
      <c r="C37737" t="s">
        <v>23391</v>
      </c>
      <c r="D37737" t="s">
        <v>23392</v>
      </c>
      <c r="E37737" t="s">
        <v>23347</v>
      </c>
      <c r="F37737" t="s">
        <v>23348</v>
      </c>
      <c r="G37737" t="s">
        <v>22539</v>
      </c>
      <c r="H37737" t="s">
        <v>22540</v>
      </c>
      <c r="I37737" s="2">
        <v>0</v>
      </c>
      <c r="J37737" s="2">
        <v>0</v>
      </c>
      <c r="K37737" s="2">
        <v>0.63</v>
      </c>
      <c r="L37737" t="s">
        <v>995</v>
      </c>
      <c r="M37737" t="s">
        <v>83</v>
      </c>
      <c r="N37737" t="s">
        <v>91</v>
      </c>
      <c r="O37737" t="s">
        <v>85</v>
      </c>
      <c r="P37737" t="s">
        <v>86</v>
      </c>
      <c r="Q37737">
        <v>109</v>
      </c>
      <c r="R37737">
        <v>111</v>
      </c>
      <c r="S37737">
        <v>113</v>
      </c>
      <c r="T37737">
        <v>115</v>
      </c>
      <c r="U37737">
        <v>117</v>
      </c>
      <c r="V37737">
        <v>119</v>
      </c>
      <c r="W37737">
        <v>121</v>
      </c>
      <c r="X37737">
        <v>123</v>
      </c>
      <c r="Y37737">
        <v>126</v>
      </c>
      <c r="Z37737">
        <v>128</v>
      </c>
      <c r="AA37737">
        <v>130</v>
      </c>
      <c r="AB37737">
        <v>132</v>
      </c>
      <c r="AC37737">
        <v>134</v>
      </c>
      <c r="AD37737">
        <v>136</v>
      </c>
      <c r="AE37737">
        <v>138</v>
      </c>
      <c r="AF37737">
        <v>140</v>
      </c>
      <c r="AG37737">
        <v>142</v>
      </c>
      <c r="AH37737">
        <v>144</v>
      </c>
      <c r="AI37737">
        <v>147</v>
      </c>
      <c r="AJ37737">
        <v>149</v>
      </c>
      <c r="AK37737">
        <v>151</v>
      </c>
      <c r="AL37737">
        <v>152</v>
      </c>
      <c r="AM37737">
        <v>153</v>
      </c>
      <c r="AN37737">
        <v>154</v>
      </c>
      <c r="AO37737">
        <v>155</v>
      </c>
      <c r="AP37737">
        <v>156</v>
      </c>
      <c r="AQ37737">
        <v>157</v>
      </c>
    </row>
    <row r="37738" spans="1:43">
      <c r="A37738" t="s">
        <v>23393</v>
      </c>
      <c r="B37738" t="s">
        <v>23394</v>
      </c>
      <c r="C37738" t="s">
        <v>23391</v>
      </c>
      <c r="D37738" t="s">
        <v>23392</v>
      </c>
      <c r="E37738" t="s">
        <v>23347</v>
      </c>
      <c r="F37738" t="s">
        <v>23348</v>
      </c>
      <c r="G37738" t="s">
        <v>22539</v>
      </c>
      <c r="H37738" t="s">
        <v>22540</v>
      </c>
      <c r="I37738" s="2">
        <v>0</v>
      </c>
      <c r="J37738" s="2">
        <v>0</v>
      </c>
      <c r="K37738" s="2">
        <v>1</v>
      </c>
      <c r="L37738" t="s">
        <v>995</v>
      </c>
      <c r="M37738" t="s">
        <v>83</v>
      </c>
      <c r="N37738" t="s">
        <v>84</v>
      </c>
      <c r="O37738" t="s">
        <v>85</v>
      </c>
      <c r="P37738" t="s">
        <v>86</v>
      </c>
      <c r="Q37738">
        <v>20</v>
      </c>
      <c r="R37738">
        <v>20</v>
      </c>
      <c r="S37738">
        <v>21</v>
      </c>
      <c r="T37738">
        <v>21</v>
      </c>
      <c r="U37738">
        <v>22</v>
      </c>
      <c r="V37738">
        <v>22</v>
      </c>
      <c r="W37738">
        <v>23</v>
      </c>
      <c r="X37738">
        <v>23</v>
      </c>
      <c r="Y37738">
        <v>24</v>
      </c>
      <c r="Z37738">
        <v>24</v>
      </c>
      <c r="AA37738">
        <v>24</v>
      </c>
      <c r="AB37738">
        <v>25</v>
      </c>
      <c r="AC37738">
        <v>25</v>
      </c>
      <c r="AD37738">
        <v>26</v>
      </c>
      <c r="AE37738">
        <v>26</v>
      </c>
      <c r="AF37738">
        <v>27</v>
      </c>
      <c r="AG37738">
        <v>27</v>
      </c>
      <c r="AH37738">
        <v>27</v>
      </c>
      <c r="AI37738">
        <v>28</v>
      </c>
      <c r="AJ37738">
        <v>28</v>
      </c>
      <c r="AK37738">
        <v>29</v>
      </c>
      <c r="AL37738">
        <v>29</v>
      </c>
      <c r="AM37738">
        <v>29</v>
      </c>
      <c r="AN37738">
        <v>30</v>
      </c>
      <c r="AO37738">
        <v>30</v>
      </c>
      <c r="AP37738">
        <v>30</v>
      </c>
      <c r="AQ37738">
        <v>30</v>
      </c>
    </row>
    <row r="37739" spans="1:43">
      <c r="A37739" t="s">
        <v>23393</v>
      </c>
      <c r="B37739" t="s">
        <v>23394</v>
      </c>
      <c r="C37739" t="s">
        <v>23391</v>
      </c>
      <c r="D37739" t="s">
        <v>23392</v>
      </c>
      <c r="E37739" t="s">
        <v>23347</v>
      </c>
      <c r="F37739" t="s">
        <v>23348</v>
      </c>
      <c r="G37739" t="s">
        <v>22539</v>
      </c>
      <c r="H37739" t="s">
        <v>22540</v>
      </c>
      <c r="I37739" s="2">
        <v>0</v>
      </c>
      <c r="J37739" s="2">
        <v>0</v>
      </c>
      <c r="K37739" s="2">
        <v>1</v>
      </c>
      <c r="L37739" t="s">
        <v>995</v>
      </c>
      <c r="M37739" t="s">
        <v>87</v>
      </c>
      <c r="N37739" t="s">
        <v>88</v>
      </c>
      <c r="O37739" t="s">
        <v>85</v>
      </c>
      <c r="P37739" t="s">
        <v>86</v>
      </c>
      <c r="Q37739">
        <v>20</v>
      </c>
      <c r="R37739">
        <v>20</v>
      </c>
      <c r="S37739">
        <v>20</v>
      </c>
      <c r="T37739">
        <v>21</v>
      </c>
      <c r="U37739">
        <v>21</v>
      </c>
      <c r="V37739">
        <v>21</v>
      </c>
      <c r="W37739">
        <v>21</v>
      </c>
      <c r="X37739">
        <v>22</v>
      </c>
      <c r="Y37739">
        <v>22</v>
      </c>
      <c r="Z37739">
        <v>22</v>
      </c>
      <c r="AA37739">
        <v>22</v>
      </c>
      <c r="AB37739">
        <v>22</v>
      </c>
      <c r="AC37739">
        <v>23</v>
      </c>
      <c r="AD37739">
        <v>23</v>
      </c>
      <c r="AE37739">
        <v>23</v>
      </c>
      <c r="AF37739">
        <v>23</v>
      </c>
      <c r="AG37739">
        <v>24</v>
      </c>
      <c r="AH37739">
        <v>24</v>
      </c>
      <c r="AI37739">
        <v>24</v>
      </c>
      <c r="AJ37739">
        <v>25</v>
      </c>
      <c r="AK37739">
        <v>25</v>
      </c>
      <c r="AL37739">
        <v>25</v>
      </c>
      <c r="AM37739">
        <v>25</v>
      </c>
      <c r="AN37739">
        <v>26</v>
      </c>
      <c r="AO37739">
        <v>26</v>
      </c>
      <c r="AP37739">
        <v>26</v>
      </c>
      <c r="AQ37739">
        <v>27</v>
      </c>
    </row>
    <row r="37740" spans="1:43">
      <c r="A37740" t="s">
        <v>23393</v>
      </c>
      <c r="B37740" t="s">
        <v>23394</v>
      </c>
      <c r="C37740" t="s">
        <v>23391</v>
      </c>
      <c r="D37740" t="s">
        <v>23392</v>
      </c>
      <c r="E37740" t="s">
        <v>23347</v>
      </c>
      <c r="F37740" t="s">
        <v>23348</v>
      </c>
      <c r="G37740" t="s">
        <v>22539</v>
      </c>
      <c r="H37740" t="s">
        <v>22540</v>
      </c>
      <c r="I37740" s="2">
        <v>0</v>
      </c>
      <c r="J37740" s="2">
        <v>0</v>
      </c>
      <c r="K37740" s="2">
        <v>1</v>
      </c>
      <c r="L37740" t="s">
        <v>995</v>
      </c>
      <c r="M37740" t="s">
        <v>89</v>
      </c>
      <c r="N37740" t="s">
        <v>90</v>
      </c>
      <c r="O37740" t="s">
        <v>85</v>
      </c>
      <c r="P37740" t="s">
        <v>86</v>
      </c>
      <c r="Q37740">
        <v>20</v>
      </c>
      <c r="R37740">
        <v>21</v>
      </c>
      <c r="S37740">
        <v>21</v>
      </c>
      <c r="T37740">
        <v>22</v>
      </c>
      <c r="U37740">
        <v>23</v>
      </c>
      <c r="V37740">
        <v>23</v>
      </c>
      <c r="W37740">
        <v>24</v>
      </c>
      <c r="X37740">
        <v>24</v>
      </c>
      <c r="Y37740">
        <v>25</v>
      </c>
      <c r="Z37740">
        <v>25</v>
      </c>
      <c r="AA37740">
        <v>26</v>
      </c>
      <c r="AB37740">
        <v>26</v>
      </c>
      <c r="AC37740">
        <v>27</v>
      </c>
      <c r="AD37740">
        <v>28</v>
      </c>
      <c r="AE37740">
        <v>28</v>
      </c>
      <c r="AF37740">
        <v>28</v>
      </c>
      <c r="AG37740">
        <v>28</v>
      </c>
      <c r="AH37740">
        <v>29</v>
      </c>
      <c r="AI37740">
        <v>29</v>
      </c>
      <c r="AJ37740">
        <v>29</v>
      </c>
      <c r="AK37740">
        <v>29</v>
      </c>
      <c r="AL37740">
        <v>29</v>
      </c>
      <c r="AM37740">
        <v>30</v>
      </c>
      <c r="AN37740">
        <v>30</v>
      </c>
      <c r="AO37740">
        <v>30</v>
      </c>
      <c r="AP37740">
        <v>30</v>
      </c>
      <c r="AQ37740">
        <v>31</v>
      </c>
    </row>
    <row r="37741" spans="1:43">
      <c r="A37741" t="s">
        <v>23393</v>
      </c>
      <c r="B37741" t="s">
        <v>23394</v>
      </c>
      <c r="C37741" t="s">
        <v>23391</v>
      </c>
      <c r="D37741" t="s">
        <v>23392</v>
      </c>
      <c r="E37741" t="s">
        <v>23347</v>
      </c>
      <c r="F37741" t="s">
        <v>23348</v>
      </c>
      <c r="G37741" t="s">
        <v>22539</v>
      </c>
      <c r="H37741" t="s">
        <v>22540</v>
      </c>
      <c r="I37741" s="2">
        <v>0</v>
      </c>
      <c r="J37741" s="2">
        <v>0</v>
      </c>
      <c r="K37741" s="2">
        <v>1</v>
      </c>
      <c r="L37741" t="s">
        <v>995</v>
      </c>
      <c r="M37741" t="s">
        <v>83</v>
      </c>
      <c r="N37741" t="s">
        <v>91</v>
      </c>
      <c r="O37741" t="s">
        <v>85</v>
      </c>
      <c r="P37741" t="s">
        <v>86</v>
      </c>
      <c r="Q37741">
        <v>20</v>
      </c>
      <c r="R37741">
        <v>20</v>
      </c>
      <c r="S37741">
        <v>21</v>
      </c>
      <c r="T37741">
        <v>21</v>
      </c>
      <c r="U37741">
        <v>22</v>
      </c>
      <c r="V37741">
        <v>22</v>
      </c>
      <c r="W37741">
        <v>23</v>
      </c>
      <c r="X37741">
        <v>23</v>
      </c>
      <c r="Y37741">
        <v>24</v>
      </c>
      <c r="Z37741">
        <v>24</v>
      </c>
      <c r="AA37741">
        <v>24</v>
      </c>
      <c r="AB37741">
        <v>25</v>
      </c>
      <c r="AC37741">
        <v>25</v>
      </c>
      <c r="AD37741">
        <v>26</v>
      </c>
      <c r="AE37741">
        <v>26</v>
      </c>
      <c r="AF37741">
        <v>27</v>
      </c>
      <c r="AG37741">
        <v>27</v>
      </c>
      <c r="AH37741">
        <v>27</v>
      </c>
      <c r="AI37741">
        <v>28</v>
      </c>
      <c r="AJ37741">
        <v>28</v>
      </c>
      <c r="AK37741">
        <v>29</v>
      </c>
      <c r="AL37741">
        <v>29</v>
      </c>
      <c r="AM37741">
        <v>29</v>
      </c>
      <c r="AN37741">
        <v>30</v>
      </c>
      <c r="AO37741">
        <v>30</v>
      </c>
      <c r="AP37741">
        <v>30</v>
      </c>
      <c r="AQ37741">
        <v>30</v>
      </c>
    </row>
    <row r="37742" spans="1:43">
      <c r="A37742" t="s">
        <v>23395</v>
      </c>
      <c r="B37742" t="s">
        <v>23396</v>
      </c>
      <c r="C37742" t="s">
        <v>23391</v>
      </c>
      <c r="D37742" t="s">
        <v>23392</v>
      </c>
      <c r="E37742" t="s">
        <v>23347</v>
      </c>
      <c r="F37742" t="s">
        <v>23348</v>
      </c>
      <c r="G37742" t="s">
        <v>22539</v>
      </c>
      <c r="H37742" t="s">
        <v>22540</v>
      </c>
      <c r="I37742" s="2">
        <v>0</v>
      </c>
      <c r="J37742" s="2">
        <v>0</v>
      </c>
      <c r="K37742" s="2">
        <v>1</v>
      </c>
      <c r="L37742" t="s">
        <v>995</v>
      </c>
      <c r="M37742" t="s">
        <v>83</v>
      </c>
      <c r="N37742" t="s">
        <v>84</v>
      </c>
      <c r="O37742" t="s">
        <v>85</v>
      </c>
      <c r="P37742" t="s">
        <v>86</v>
      </c>
      <c r="Q37742">
        <v>30</v>
      </c>
      <c r="R37742">
        <v>31</v>
      </c>
      <c r="S37742">
        <v>32</v>
      </c>
      <c r="T37742">
        <v>32</v>
      </c>
      <c r="U37742">
        <v>33</v>
      </c>
      <c r="V37742">
        <v>34</v>
      </c>
      <c r="W37742">
        <v>34</v>
      </c>
      <c r="X37742">
        <v>35</v>
      </c>
      <c r="Y37742">
        <v>36</v>
      </c>
      <c r="Z37742">
        <v>36</v>
      </c>
      <c r="AA37742">
        <v>37</v>
      </c>
      <c r="AB37742">
        <v>38</v>
      </c>
      <c r="AC37742">
        <v>38</v>
      </c>
      <c r="AD37742">
        <v>39</v>
      </c>
      <c r="AE37742">
        <v>40</v>
      </c>
      <c r="AF37742">
        <v>40</v>
      </c>
      <c r="AG37742">
        <v>41</v>
      </c>
      <c r="AH37742">
        <v>42</v>
      </c>
      <c r="AI37742">
        <v>42</v>
      </c>
      <c r="AJ37742">
        <v>43</v>
      </c>
      <c r="AK37742">
        <v>44</v>
      </c>
      <c r="AL37742">
        <v>44</v>
      </c>
      <c r="AM37742">
        <v>45</v>
      </c>
      <c r="AN37742">
        <v>45</v>
      </c>
      <c r="AO37742">
        <v>45</v>
      </c>
      <c r="AP37742">
        <v>46</v>
      </c>
      <c r="AQ37742">
        <v>46</v>
      </c>
    </row>
    <row r="37743" spans="1:43">
      <c r="A37743" t="s">
        <v>23395</v>
      </c>
      <c r="B37743" t="s">
        <v>23396</v>
      </c>
      <c r="C37743" t="s">
        <v>23391</v>
      </c>
      <c r="D37743" t="s">
        <v>23392</v>
      </c>
      <c r="E37743" t="s">
        <v>23347</v>
      </c>
      <c r="F37743" t="s">
        <v>23348</v>
      </c>
      <c r="G37743" t="s">
        <v>22539</v>
      </c>
      <c r="H37743" t="s">
        <v>22540</v>
      </c>
      <c r="I37743" s="2">
        <v>0</v>
      </c>
      <c r="J37743" s="2">
        <v>0</v>
      </c>
      <c r="K37743" s="2">
        <v>1</v>
      </c>
      <c r="L37743" t="s">
        <v>995</v>
      </c>
      <c r="M37743" t="s">
        <v>87</v>
      </c>
      <c r="N37743" t="s">
        <v>88</v>
      </c>
      <c r="O37743" t="s">
        <v>85</v>
      </c>
      <c r="P37743" t="s">
        <v>86</v>
      </c>
      <c r="Q37743">
        <v>30</v>
      </c>
      <c r="R37743">
        <v>30</v>
      </c>
      <c r="S37743">
        <v>31</v>
      </c>
      <c r="T37743">
        <v>31</v>
      </c>
      <c r="U37743">
        <v>32</v>
      </c>
      <c r="V37743">
        <v>32</v>
      </c>
      <c r="W37743">
        <v>32</v>
      </c>
      <c r="X37743">
        <v>33</v>
      </c>
      <c r="Y37743">
        <v>33</v>
      </c>
      <c r="Z37743">
        <v>33</v>
      </c>
      <c r="AA37743">
        <v>34</v>
      </c>
      <c r="AB37743">
        <v>34</v>
      </c>
      <c r="AC37743">
        <v>34</v>
      </c>
      <c r="AD37743">
        <v>35</v>
      </c>
      <c r="AE37743">
        <v>35</v>
      </c>
      <c r="AF37743">
        <v>36</v>
      </c>
      <c r="AG37743">
        <v>36</v>
      </c>
      <c r="AH37743">
        <v>36</v>
      </c>
      <c r="AI37743">
        <v>37</v>
      </c>
      <c r="AJ37743">
        <v>37</v>
      </c>
      <c r="AK37743">
        <v>38</v>
      </c>
      <c r="AL37743">
        <v>38</v>
      </c>
      <c r="AM37743">
        <v>39</v>
      </c>
      <c r="AN37743">
        <v>39</v>
      </c>
      <c r="AO37743">
        <v>39</v>
      </c>
      <c r="AP37743">
        <v>40</v>
      </c>
      <c r="AQ37743">
        <v>40</v>
      </c>
    </row>
    <row r="37744" spans="1:43">
      <c r="A37744" t="s">
        <v>23395</v>
      </c>
      <c r="B37744" t="s">
        <v>23396</v>
      </c>
      <c r="C37744" t="s">
        <v>23391</v>
      </c>
      <c r="D37744" t="s">
        <v>23392</v>
      </c>
      <c r="E37744" t="s">
        <v>23347</v>
      </c>
      <c r="F37744" t="s">
        <v>23348</v>
      </c>
      <c r="G37744" t="s">
        <v>22539</v>
      </c>
      <c r="H37744" t="s">
        <v>22540</v>
      </c>
      <c r="I37744" s="2">
        <v>0</v>
      </c>
      <c r="J37744" s="2">
        <v>0</v>
      </c>
      <c r="K37744" s="2">
        <v>1</v>
      </c>
      <c r="L37744" t="s">
        <v>995</v>
      </c>
      <c r="M37744" t="s">
        <v>89</v>
      </c>
      <c r="N37744" t="s">
        <v>90</v>
      </c>
      <c r="O37744" t="s">
        <v>85</v>
      </c>
      <c r="P37744" t="s">
        <v>86</v>
      </c>
      <c r="Q37744">
        <v>30</v>
      </c>
      <c r="R37744">
        <v>31</v>
      </c>
      <c r="S37744">
        <v>32</v>
      </c>
      <c r="T37744">
        <v>32</v>
      </c>
      <c r="U37744">
        <v>33</v>
      </c>
      <c r="V37744">
        <v>34</v>
      </c>
      <c r="W37744">
        <v>35</v>
      </c>
      <c r="X37744">
        <v>36</v>
      </c>
      <c r="Y37744">
        <v>37</v>
      </c>
      <c r="Z37744">
        <v>38</v>
      </c>
      <c r="AA37744">
        <v>38</v>
      </c>
      <c r="AB37744">
        <v>39</v>
      </c>
      <c r="AC37744">
        <v>40</v>
      </c>
      <c r="AD37744">
        <v>41</v>
      </c>
      <c r="AE37744">
        <v>41</v>
      </c>
      <c r="AF37744">
        <v>42</v>
      </c>
      <c r="AG37744">
        <v>42</v>
      </c>
      <c r="AH37744">
        <v>42</v>
      </c>
      <c r="AI37744">
        <v>43</v>
      </c>
      <c r="AJ37744">
        <v>43</v>
      </c>
      <c r="AK37744">
        <v>43</v>
      </c>
      <c r="AL37744">
        <v>44</v>
      </c>
      <c r="AM37744">
        <v>44</v>
      </c>
      <c r="AN37744">
        <v>44</v>
      </c>
      <c r="AO37744">
        <v>45</v>
      </c>
      <c r="AP37744">
        <v>45</v>
      </c>
      <c r="AQ37744">
        <v>45</v>
      </c>
    </row>
    <row r="37745" spans="1:43">
      <c r="A37745" t="s">
        <v>23395</v>
      </c>
      <c r="B37745" t="s">
        <v>23396</v>
      </c>
      <c r="C37745" t="s">
        <v>23391</v>
      </c>
      <c r="D37745" t="s">
        <v>23392</v>
      </c>
      <c r="E37745" t="s">
        <v>23347</v>
      </c>
      <c r="F37745" t="s">
        <v>23348</v>
      </c>
      <c r="G37745" t="s">
        <v>22539</v>
      </c>
      <c r="H37745" t="s">
        <v>22540</v>
      </c>
      <c r="I37745" s="2">
        <v>0</v>
      </c>
      <c r="J37745" s="2">
        <v>0</v>
      </c>
      <c r="K37745" s="2">
        <v>1</v>
      </c>
      <c r="L37745" t="s">
        <v>995</v>
      </c>
      <c r="M37745" t="s">
        <v>83</v>
      </c>
      <c r="N37745" t="s">
        <v>91</v>
      </c>
      <c r="O37745" t="s">
        <v>85</v>
      </c>
      <c r="P37745" t="s">
        <v>86</v>
      </c>
      <c r="Q37745">
        <v>30</v>
      </c>
      <c r="R37745">
        <v>31</v>
      </c>
      <c r="S37745">
        <v>32</v>
      </c>
      <c r="T37745">
        <v>32</v>
      </c>
      <c r="U37745">
        <v>33</v>
      </c>
      <c r="V37745">
        <v>34</v>
      </c>
      <c r="W37745">
        <v>34</v>
      </c>
      <c r="X37745">
        <v>35</v>
      </c>
      <c r="Y37745">
        <v>36</v>
      </c>
      <c r="Z37745">
        <v>36</v>
      </c>
      <c r="AA37745">
        <v>37</v>
      </c>
      <c r="AB37745">
        <v>38</v>
      </c>
      <c r="AC37745">
        <v>38</v>
      </c>
      <c r="AD37745">
        <v>39</v>
      </c>
      <c r="AE37745">
        <v>40</v>
      </c>
      <c r="AF37745">
        <v>40</v>
      </c>
      <c r="AG37745">
        <v>41</v>
      </c>
      <c r="AH37745">
        <v>42</v>
      </c>
      <c r="AI37745">
        <v>42</v>
      </c>
      <c r="AJ37745">
        <v>43</v>
      </c>
      <c r="AK37745">
        <v>44</v>
      </c>
      <c r="AL37745">
        <v>44</v>
      </c>
      <c r="AM37745">
        <v>45</v>
      </c>
      <c r="AN37745">
        <v>45</v>
      </c>
      <c r="AO37745">
        <v>45</v>
      </c>
      <c r="AP37745">
        <v>46</v>
      </c>
      <c r="AQ37745">
        <v>46</v>
      </c>
    </row>
    <row r="37746" spans="1:43">
      <c r="A37746" t="s">
        <v>23397</v>
      </c>
      <c r="B37746" t="s">
        <v>23398</v>
      </c>
      <c r="C37746" t="s">
        <v>23391</v>
      </c>
      <c r="D37746" t="s">
        <v>23392</v>
      </c>
      <c r="E37746" t="s">
        <v>23347</v>
      </c>
      <c r="F37746" t="s">
        <v>23348</v>
      </c>
      <c r="G37746" t="s">
        <v>22539</v>
      </c>
      <c r="H37746" t="s">
        <v>22540</v>
      </c>
      <c r="I37746" s="2">
        <v>0</v>
      </c>
      <c r="J37746" s="2">
        <v>0</v>
      </c>
      <c r="K37746" s="2">
        <v>1</v>
      </c>
      <c r="L37746" t="s">
        <v>995</v>
      </c>
      <c r="M37746" t="s">
        <v>83</v>
      </c>
      <c r="N37746" t="s">
        <v>84</v>
      </c>
      <c r="O37746" t="s">
        <v>85</v>
      </c>
      <c r="P37746" t="s">
        <v>86</v>
      </c>
      <c r="Q37746">
        <v>27</v>
      </c>
      <c r="R37746">
        <v>27</v>
      </c>
      <c r="S37746">
        <v>28</v>
      </c>
      <c r="T37746">
        <v>28</v>
      </c>
      <c r="U37746">
        <v>29</v>
      </c>
      <c r="V37746">
        <v>30</v>
      </c>
      <c r="W37746">
        <v>30</v>
      </c>
      <c r="X37746">
        <v>31</v>
      </c>
      <c r="Y37746">
        <v>31</v>
      </c>
      <c r="Z37746">
        <v>32</v>
      </c>
      <c r="AA37746">
        <v>32</v>
      </c>
      <c r="AB37746">
        <v>33</v>
      </c>
      <c r="AC37746">
        <v>34</v>
      </c>
      <c r="AD37746">
        <v>34</v>
      </c>
      <c r="AE37746">
        <v>35</v>
      </c>
      <c r="AF37746">
        <v>35</v>
      </c>
      <c r="AG37746">
        <v>36</v>
      </c>
      <c r="AH37746">
        <v>36</v>
      </c>
      <c r="AI37746">
        <v>37</v>
      </c>
      <c r="AJ37746">
        <v>38</v>
      </c>
      <c r="AK37746">
        <v>38</v>
      </c>
      <c r="AL37746">
        <v>39</v>
      </c>
      <c r="AM37746">
        <v>39</v>
      </c>
      <c r="AN37746">
        <v>39</v>
      </c>
      <c r="AO37746">
        <v>40</v>
      </c>
      <c r="AP37746">
        <v>40</v>
      </c>
      <c r="AQ37746">
        <v>40</v>
      </c>
    </row>
    <row r="37747" spans="1:43">
      <c r="A37747" t="s">
        <v>23397</v>
      </c>
      <c r="B37747" t="s">
        <v>23398</v>
      </c>
      <c r="C37747" t="s">
        <v>23391</v>
      </c>
      <c r="D37747" t="s">
        <v>23392</v>
      </c>
      <c r="E37747" t="s">
        <v>23347</v>
      </c>
      <c r="F37747" t="s">
        <v>23348</v>
      </c>
      <c r="G37747" t="s">
        <v>22539</v>
      </c>
      <c r="H37747" t="s">
        <v>22540</v>
      </c>
      <c r="I37747" s="2">
        <v>0</v>
      </c>
      <c r="J37747" s="2">
        <v>0</v>
      </c>
      <c r="K37747" s="2">
        <v>1</v>
      </c>
      <c r="L37747" t="s">
        <v>995</v>
      </c>
      <c r="M37747" t="s">
        <v>87</v>
      </c>
      <c r="N37747" t="s">
        <v>88</v>
      </c>
      <c r="O37747" t="s">
        <v>85</v>
      </c>
      <c r="P37747" t="s">
        <v>86</v>
      </c>
      <c r="Q37747">
        <v>27</v>
      </c>
      <c r="R37747">
        <v>28</v>
      </c>
      <c r="S37747">
        <v>28</v>
      </c>
      <c r="T37747">
        <v>28</v>
      </c>
      <c r="U37747">
        <v>29</v>
      </c>
      <c r="V37747">
        <v>29</v>
      </c>
      <c r="W37747">
        <v>29</v>
      </c>
      <c r="X37747">
        <v>30</v>
      </c>
      <c r="Y37747">
        <v>30</v>
      </c>
      <c r="Z37747">
        <v>30</v>
      </c>
      <c r="AA37747">
        <v>31</v>
      </c>
      <c r="AB37747">
        <v>31</v>
      </c>
      <c r="AC37747">
        <v>31</v>
      </c>
      <c r="AD37747">
        <v>31</v>
      </c>
      <c r="AE37747">
        <v>32</v>
      </c>
      <c r="AF37747">
        <v>32</v>
      </c>
      <c r="AG37747">
        <v>32</v>
      </c>
      <c r="AH37747">
        <v>33</v>
      </c>
      <c r="AI37747">
        <v>33</v>
      </c>
      <c r="AJ37747">
        <v>34</v>
      </c>
      <c r="AK37747">
        <v>34</v>
      </c>
      <c r="AL37747">
        <v>34</v>
      </c>
      <c r="AM37747">
        <v>35</v>
      </c>
      <c r="AN37747">
        <v>35</v>
      </c>
      <c r="AO37747">
        <v>35</v>
      </c>
      <c r="AP37747">
        <v>36</v>
      </c>
      <c r="AQ37747">
        <v>36</v>
      </c>
    </row>
    <row r="37748" spans="1:43">
      <c r="A37748" t="s">
        <v>23397</v>
      </c>
      <c r="B37748" t="s">
        <v>23398</v>
      </c>
      <c r="C37748" t="s">
        <v>23391</v>
      </c>
      <c r="D37748" t="s">
        <v>23392</v>
      </c>
      <c r="E37748" t="s">
        <v>23347</v>
      </c>
      <c r="F37748" t="s">
        <v>23348</v>
      </c>
      <c r="G37748" t="s">
        <v>22539</v>
      </c>
      <c r="H37748" t="s">
        <v>22540</v>
      </c>
      <c r="I37748" s="2">
        <v>0</v>
      </c>
      <c r="J37748" s="2">
        <v>0</v>
      </c>
      <c r="K37748" s="2">
        <v>1</v>
      </c>
      <c r="L37748" t="s">
        <v>995</v>
      </c>
      <c r="M37748" t="s">
        <v>89</v>
      </c>
      <c r="N37748" t="s">
        <v>90</v>
      </c>
      <c r="O37748" t="s">
        <v>85</v>
      </c>
      <c r="P37748" t="s">
        <v>86</v>
      </c>
      <c r="Q37748">
        <v>27</v>
      </c>
      <c r="R37748">
        <v>28</v>
      </c>
      <c r="S37748">
        <v>29</v>
      </c>
      <c r="T37748">
        <v>29</v>
      </c>
      <c r="U37748">
        <v>30</v>
      </c>
      <c r="V37748">
        <v>31</v>
      </c>
      <c r="W37748">
        <v>32</v>
      </c>
      <c r="X37748">
        <v>32</v>
      </c>
      <c r="Y37748">
        <v>33</v>
      </c>
      <c r="Z37748">
        <v>34</v>
      </c>
      <c r="AA37748">
        <v>34</v>
      </c>
      <c r="AB37748">
        <v>35</v>
      </c>
      <c r="AC37748">
        <v>36</v>
      </c>
      <c r="AD37748">
        <v>36</v>
      </c>
      <c r="AE37748">
        <v>37</v>
      </c>
      <c r="AF37748">
        <v>37</v>
      </c>
      <c r="AG37748">
        <v>38</v>
      </c>
      <c r="AH37748">
        <v>38</v>
      </c>
      <c r="AI37748">
        <v>38</v>
      </c>
      <c r="AJ37748">
        <v>38</v>
      </c>
      <c r="AK37748">
        <v>39</v>
      </c>
      <c r="AL37748">
        <v>39</v>
      </c>
      <c r="AM37748">
        <v>39</v>
      </c>
      <c r="AN37748">
        <v>40</v>
      </c>
      <c r="AO37748">
        <v>40</v>
      </c>
      <c r="AP37748">
        <v>40</v>
      </c>
      <c r="AQ37748">
        <v>40</v>
      </c>
    </row>
    <row r="37749" spans="1:43">
      <c r="A37749" t="s">
        <v>23397</v>
      </c>
      <c r="B37749" t="s">
        <v>23398</v>
      </c>
      <c r="C37749" t="s">
        <v>23391</v>
      </c>
      <c r="D37749" t="s">
        <v>23392</v>
      </c>
      <c r="E37749" t="s">
        <v>23347</v>
      </c>
      <c r="F37749" t="s">
        <v>23348</v>
      </c>
      <c r="G37749" t="s">
        <v>22539</v>
      </c>
      <c r="H37749" t="s">
        <v>22540</v>
      </c>
      <c r="I37749" s="2">
        <v>0</v>
      </c>
      <c r="J37749" s="2">
        <v>0</v>
      </c>
      <c r="K37749" s="2">
        <v>1</v>
      </c>
      <c r="L37749" t="s">
        <v>995</v>
      </c>
      <c r="M37749" t="s">
        <v>83</v>
      </c>
      <c r="N37749" t="s">
        <v>91</v>
      </c>
      <c r="O37749" t="s">
        <v>85</v>
      </c>
      <c r="P37749" t="s">
        <v>86</v>
      </c>
      <c r="Q37749">
        <v>27</v>
      </c>
      <c r="R37749">
        <v>27</v>
      </c>
      <c r="S37749">
        <v>28</v>
      </c>
      <c r="T37749">
        <v>28</v>
      </c>
      <c r="U37749">
        <v>29</v>
      </c>
      <c r="V37749">
        <v>30</v>
      </c>
      <c r="W37749">
        <v>30</v>
      </c>
      <c r="X37749">
        <v>31</v>
      </c>
      <c r="Y37749">
        <v>31</v>
      </c>
      <c r="Z37749">
        <v>32</v>
      </c>
      <c r="AA37749">
        <v>32</v>
      </c>
      <c r="AB37749">
        <v>33</v>
      </c>
      <c r="AC37749">
        <v>34</v>
      </c>
      <c r="AD37749">
        <v>34</v>
      </c>
      <c r="AE37749">
        <v>35</v>
      </c>
      <c r="AF37749">
        <v>35</v>
      </c>
      <c r="AG37749">
        <v>36</v>
      </c>
      <c r="AH37749">
        <v>36</v>
      </c>
      <c r="AI37749">
        <v>37</v>
      </c>
      <c r="AJ37749">
        <v>38</v>
      </c>
      <c r="AK37749">
        <v>38</v>
      </c>
      <c r="AL37749">
        <v>39</v>
      </c>
      <c r="AM37749">
        <v>39</v>
      </c>
      <c r="AN37749">
        <v>39</v>
      </c>
      <c r="AO37749">
        <v>40</v>
      </c>
      <c r="AP37749">
        <v>40</v>
      </c>
      <c r="AQ37749">
        <v>40</v>
      </c>
    </row>
    <row r="37750" spans="1:43">
      <c r="A37750" t="s">
        <v>23399</v>
      </c>
      <c r="B37750" t="s">
        <v>23400</v>
      </c>
      <c r="C37750" t="s">
        <v>23401</v>
      </c>
      <c r="D37750" t="s">
        <v>23402</v>
      </c>
      <c r="E37750" t="s">
        <v>23347</v>
      </c>
      <c r="F37750" t="s">
        <v>23348</v>
      </c>
      <c r="G37750" t="s">
        <v>22539</v>
      </c>
      <c r="H37750" t="s">
        <v>22540</v>
      </c>
      <c r="I37750" s="2">
        <v>0</v>
      </c>
      <c r="J37750" s="2">
        <v>0</v>
      </c>
      <c r="K37750" s="2">
        <v>1</v>
      </c>
      <c r="L37750" t="s">
        <v>995</v>
      </c>
      <c r="M37750" t="s">
        <v>83</v>
      </c>
      <c r="N37750" t="s">
        <v>84</v>
      </c>
      <c r="O37750" t="s">
        <v>85</v>
      </c>
      <c r="P37750" t="s">
        <v>86</v>
      </c>
      <c r="Q37750">
        <v>13</v>
      </c>
      <c r="R37750">
        <v>13</v>
      </c>
      <c r="S37750">
        <v>13</v>
      </c>
      <c r="T37750">
        <v>14</v>
      </c>
      <c r="U37750">
        <v>14</v>
      </c>
      <c r="V37750">
        <v>14</v>
      </c>
      <c r="W37750">
        <v>14</v>
      </c>
      <c r="X37750">
        <v>15</v>
      </c>
      <c r="Y37750">
        <v>15</v>
      </c>
      <c r="Z37750">
        <v>15</v>
      </c>
      <c r="AA37750">
        <v>15</v>
      </c>
      <c r="AB37750">
        <v>16</v>
      </c>
      <c r="AC37750">
        <v>16</v>
      </c>
      <c r="AD37750">
        <v>16</v>
      </c>
      <c r="AE37750">
        <v>16</v>
      </c>
      <c r="AF37750">
        <v>17</v>
      </c>
      <c r="AG37750">
        <v>17</v>
      </c>
      <c r="AH37750">
        <v>17</v>
      </c>
      <c r="AI37750">
        <v>18</v>
      </c>
      <c r="AJ37750">
        <v>18</v>
      </c>
      <c r="AK37750">
        <v>18</v>
      </c>
      <c r="AL37750">
        <v>18</v>
      </c>
      <c r="AM37750">
        <v>19</v>
      </c>
      <c r="AN37750">
        <v>19</v>
      </c>
      <c r="AO37750">
        <v>19</v>
      </c>
      <c r="AP37750">
        <v>19</v>
      </c>
      <c r="AQ37750">
        <v>19</v>
      </c>
    </row>
    <row r="37751" spans="1:43">
      <c r="A37751" t="s">
        <v>23399</v>
      </c>
      <c r="B37751" t="s">
        <v>23400</v>
      </c>
      <c r="C37751" t="s">
        <v>23401</v>
      </c>
      <c r="D37751" t="s">
        <v>23402</v>
      </c>
      <c r="E37751" t="s">
        <v>23347</v>
      </c>
      <c r="F37751" t="s">
        <v>23348</v>
      </c>
      <c r="G37751" t="s">
        <v>22539</v>
      </c>
      <c r="H37751" t="s">
        <v>22540</v>
      </c>
      <c r="I37751" s="2">
        <v>0</v>
      </c>
      <c r="J37751" s="2">
        <v>0</v>
      </c>
      <c r="K37751" s="2">
        <v>1</v>
      </c>
      <c r="L37751" t="s">
        <v>995</v>
      </c>
      <c r="M37751" t="s">
        <v>87</v>
      </c>
      <c r="N37751" t="s">
        <v>88</v>
      </c>
      <c r="O37751" t="s">
        <v>85</v>
      </c>
      <c r="P37751" t="s">
        <v>86</v>
      </c>
      <c r="Q37751">
        <v>13</v>
      </c>
      <c r="R37751">
        <v>13</v>
      </c>
      <c r="S37751">
        <v>13</v>
      </c>
      <c r="T37751">
        <v>13</v>
      </c>
      <c r="U37751">
        <v>13</v>
      </c>
      <c r="V37751">
        <v>13</v>
      </c>
      <c r="W37751">
        <v>13</v>
      </c>
      <c r="X37751">
        <v>14</v>
      </c>
      <c r="Y37751">
        <v>14</v>
      </c>
      <c r="Z37751">
        <v>14</v>
      </c>
      <c r="AA37751">
        <v>14</v>
      </c>
      <c r="AB37751">
        <v>14</v>
      </c>
      <c r="AC37751">
        <v>14</v>
      </c>
      <c r="AD37751">
        <v>14</v>
      </c>
      <c r="AE37751">
        <v>15</v>
      </c>
      <c r="AF37751">
        <v>15</v>
      </c>
      <c r="AG37751">
        <v>15</v>
      </c>
      <c r="AH37751">
        <v>15</v>
      </c>
      <c r="AI37751">
        <v>15</v>
      </c>
      <c r="AJ37751">
        <v>15</v>
      </c>
      <c r="AK37751">
        <v>16</v>
      </c>
      <c r="AL37751">
        <v>16</v>
      </c>
      <c r="AM37751">
        <v>16</v>
      </c>
      <c r="AN37751">
        <v>16</v>
      </c>
      <c r="AO37751">
        <v>16</v>
      </c>
      <c r="AP37751">
        <v>16</v>
      </c>
      <c r="AQ37751">
        <v>17</v>
      </c>
    </row>
    <row r="37752" spans="1:43">
      <c r="A37752" t="s">
        <v>23399</v>
      </c>
      <c r="B37752" t="s">
        <v>23400</v>
      </c>
      <c r="C37752" t="s">
        <v>23401</v>
      </c>
      <c r="D37752" t="s">
        <v>23402</v>
      </c>
      <c r="E37752" t="s">
        <v>23347</v>
      </c>
      <c r="F37752" t="s">
        <v>23348</v>
      </c>
      <c r="G37752" t="s">
        <v>22539</v>
      </c>
      <c r="H37752" t="s">
        <v>22540</v>
      </c>
      <c r="I37752" s="2">
        <v>0</v>
      </c>
      <c r="J37752" s="2">
        <v>0</v>
      </c>
      <c r="K37752" s="2">
        <v>1</v>
      </c>
      <c r="L37752" t="s">
        <v>995</v>
      </c>
      <c r="M37752" t="s">
        <v>89</v>
      </c>
      <c r="N37752" t="s">
        <v>90</v>
      </c>
      <c r="O37752" t="s">
        <v>85</v>
      </c>
      <c r="P37752" t="s">
        <v>86</v>
      </c>
      <c r="Q37752">
        <v>13</v>
      </c>
      <c r="R37752">
        <v>13</v>
      </c>
      <c r="S37752">
        <v>14</v>
      </c>
      <c r="T37752">
        <v>14</v>
      </c>
      <c r="U37752">
        <v>14</v>
      </c>
      <c r="V37752">
        <v>15</v>
      </c>
      <c r="W37752">
        <v>15</v>
      </c>
      <c r="X37752">
        <v>15</v>
      </c>
      <c r="Y37752">
        <v>16</v>
      </c>
      <c r="Z37752">
        <v>16</v>
      </c>
      <c r="AA37752">
        <v>16</v>
      </c>
      <c r="AB37752">
        <v>17</v>
      </c>
      <c r="AC37752">
        <v>17</v>
      </c>
      <c r="AD37752">
        <v>17</v>
      </c>
      <c r="AE37752">
        <v>18</v>
      </c>
      <c r="AF37752">
        <v>18</v>
      </c>
      <c r="AG37752">
        <v>18</v>
      </c>
      <c r="AH37752">
        <v>18</v>
      </c>
      <c r="AI37752">
        <v>18</v>
      </c>
      <c r="AJ37752">
        <v>18</v>
      </c>
      <c r="AK37752">
        <v>18</v>
      </c>
      <c r="AL37752">
        <v>19</v>
      </c>
      <c r="AM37752">
        <v>19</v>
      </c>
      <c r="AN37752">
        <v>19</v>
      </c>
      <c r="AO37752">
        <v>19</v>
      </c>
      <c r="AP37752">
        <v>19</v>
      </c>
      <c r="AQ37752">
        <v>19</v>
      </c>
    </row>
    <row r="37753" spans="1:43">
      <c r="A37753" t="s">
        <v>23399</v>
      </c>
      <c r="B37753" t="s">
        <v>23400</v>
      </c>
      <c r="C37753" t="s">
        <v>23401</v>
      </c>
      <c r="D37753" t="s">
        <v>23402</v>
      </c>
      <c r="E37753" t="s">
        <v>23347</v>
      </c>
      <c r="F37753" t="s">
        <v>23348</v>
      </c>
      <c r="G37753" t="s">
        <v>22539</v>
      </c>
      <c r="H37753" t="s">
        <v>22540</v>
      </c>
      <c r="I37753" s="2">
        <v>0</v>
      </c>
      <c r="J37753" s="2">
        <v>0</v>
      </c>
      <c r="K37753" s="2">
        <v>1</v>
      </c>
      <c r="L37753" t="s">
        <v>995</v>
      </c>
      <c r="M37753" t="s">
        <v>83</v>
      </c>
      <c r="N37753" t="s">
        <v>91</v>
      </c>
      <c r="O37753" t="s">
        <v>85</v>
      </c>
      <c r="P37753" t="s">
        <v>86</v>
      </c>
      <c r="Q37753">
        <v>13</v>
      </c>
      <c r="R37753">
        <v>13</v>
      </c>
      <c r="S37753">
        <v>13</v>
      </c>
      <c r="T37753">
        <v>14</v>
      </c>
      <c r="U37753">
        <v>14</v>
      </c>
      <c r="V37753">
        <v>14</v>
      </c>
      <c r="W37753">
        <v>14</v>
      </c>
      <c r="X37753">
        <v>15</v>
      </c>
      <c r="Y37753">
        <v>15</v>
      </c>
      <c r="Z37753">
        <v>15</v>
      </c>
      <c r="AA37753">
        <v>15</v>
      </c>
      <c r="AB37753">
        <v>16</v>
      </c>
      <c r="AC37753">
        <v>16</v>
      </c>
      <c r="AD37753">
        <v>16</v>
      </c>
      <c r="AE37753">
        <v>16</v>
      </c>
      <c r="AF37753">
        <v>17</v>
      </c>
      <c r="AG37753">
        <v>17</v>
      </c>
      <c r="AH37753">
        <v>17</v>
      </c>
      <c r="AI37753">
        <v>18</v>
      </c>
      <c r="AJ37753">
        <v>18</v>
      </c>
      <c r="AK37753">
        <v>18</v>
      </c>
      <c r="AL37753">
        <v>18</v>
      </c>
      <c r="AM37753">
        <v>19</v>
      </c>
      <c r="AN37753">
        <v>19</v>
      </c>
      <c r="AO37753">
        <v>19</v>
      </c>
      <c r="AP37753">
        <v>19</v>
      </c>
      <c r="AQ37753">
        <v>19</v>
      </c>
    </row>
    <row r="37754" spans="1:43">
      <c r="A37754" t="s">
        <v>23403</v>
      </c>
      <c r="B37754" t="s">
        <v>23404</v>
      </c>
      <c r="C37754" t="s">
        <v>23401</v>
      </c>
      <c r="D37754" t="s">
        <v>23402</v>
      </c>
      <c r="E37754" t="s">
        <v>23347</v>
      </c>
      <c r="F37754" t="s">
        <v>23348</v>
      </c>
      <c r="G37754" t="s">
        <v>22539</v>
      </c>
      <c r="H37754" t="s">
        <v>22540</v>
      </c>
      <c r="I37754" s="2">
        <v>0</v>
      </c>
      <c r="J37754" s="2">
        <v>0</v>
      </c>
      <c r="K37754" s="2">
        <v>1</v>
      </c>
      <c r="L37754" t="s">
        <v>995</v>
      </c>
      <c r="M37754" t="s">
        <v>83</v>
      </c>
      <c r="N37754" t="s">
        <v>84</v>
      </c>
      <c r="O37754" t="s">
        <v>85</v>
      </c>
      <c r="P37754" t="s">
        <v>86</v>
      </c>
      <c r="Q37754">
        <v>27</v>
      </c>
      <c r="R37754">
        <v>28</v>
      </c>
      <c r="S37754">
        <v>29</v>
      </c>
      <c r="T37754">
        <v>29</v>
      </c>
      <c r="U37754">
        <v>30</v>
      </c>
      <c r="V37754">
        <v>30</v>
      </c>
      <c r="W37754">
        <v>31</v>
      </c>
      <c r="X37754">
        <v>31</v>
      </c>
      <c r="Y37754">
        <v>32</v>
      </c>
      <c r="Z37754">
        <v>33</v>
      </c>
      <c r="AA37754">
        <v>33</v>
      </c>
      <c r="AB37754">
        <v>34</v>
      </c>
      <c r="AC37754">
        <v>34</v>
      </c>
      <c r="AD37754">
        <v>35</v>
      </c>
      <c r="AE37754">
        <v>36</v>
      </c>
      <c r="AF37754">
        <v>36</v>
      </c>
      <c r="AG37754">
        <v>37</v>
      </c>
      <c r="AH37754">
        <v>37</v>
      </c>
      <c r="AI37754">
        <v>38</v>
      </c>
      <c r="AJ37754">
        <v>39</v>
      </c>
      <c r="AK37754">
        <v>39</v>
      </c>
      <c r="AL37754">
        <v>40</v>
      </c>
      <c r="AM37754">
        <v>40</v>
      </c>
      <c r="AN37754">
        <v>40</v>
      </c>
      <c r="AO37754">
        <v>41</v>
      </c>
      <c r="AP37754">
        <v>41</v>
      </c>
      <c r="AQ37754">
        <v>41</v>
      </c>
    </row>
    <row r="37755" spans="1:43">
      <c r="A37755" t="s">
        <v>23403</v>
      </c>
      <c r="B37755" t="s">
        <v>23404</v>
      </c>
      <c r="C37755" t="s">
        <v>23401</v>
      </c>
      <c r="D37755" t="s">
        <v>23402</v>
      </c>
      <c r="E37755" t="s">
        <v>23347</v>
      </c>
      <c r="F37755" t="s">
        <v>23348</v>
      </c>
      <c r="G37755" t="s">
        <v>22539</v>
      </c>
      <c r="H37755" t="s">
        <v>22540</v>
      </c>
      <c r="I37755" s="2">
        <v>0</v>
      </c>
      <c r="J37755" s="2">
        <v>0</v>
      </c>
      <c r="K37755" s="2">
        <v>1</v>
      </c>
      <c r="L37755" t="s">
        <v>995</v>
      </c>
      <c r="M37755" t="s">
        <v>87</v>
      </c>
      <c r="N37755" t="s">
        <v>88</v>
      </c>
      <c r="O37755" t="s">
        <v>85</v>
      </c>
      <c r="P37755" t="s">
        <v>86</v>
      </c>
      <c r="Q37755">
        <v>27</v>
      </c>
      <c r="R37755">
        <v>27</v>
      </c>
      <c r="S37755">
        <v>28</v>
      </c>
      <c r="T37755">
        <v>28</v>
      </c>
      <c r="U37755">
        <v>28</v>
      </c>
      <c r="V37755">
        <v>29</v>
      </c>
      <c r="W37755">
        <v>29</v>
      </c>
      <c r="X37755">
        <v>29</v>
      </c>
      <c r="Y37755">
        <v>30</v>
      </c>
      <c r="Z37755">
        <v>30</v>
      </c>
      <c r="AA37755">
        <v>30</v>
      </c>
      <c r="AB37755">
        <v>31</v>
      </c>
      <c r="AC37755">
        <v>31</v>
      </c>
      <c r="AD37755">
        <v>31</v>
      </c>
      <c r="AE37755">
        <v>31</v>
      </c>
      <c r="AF37755">
        <v>32</v>
      </c>
      <c r="AG37755">
        <v>32</v>
      </c>
      <c r="AH37755">
        <v>32</v>
      </c>
      <c r="AI37755">
        <v>33</v>
      </c>
      <c r="AJ37755">
        <v>33</v>
      </c>
      <c r="AK37755">
        <v>34</v>
      </c>
      <c r="AL37755">
        <v>34</v>
      </c>
      <c r="AM37755">
        <v>34</v>
      </c>
      <c r="AN37755">
        <v>35</v>
      </c>
      <c r="AO37755">
        <v>35</v>
      </c>
      <c r="AP37755">
        <v>35</v>
      </c>
      <c r="AQ37755">
        <v>36</v>
      </c>
    </row>
    <row r="37756" spans="1:43">
      <c r="A37756" t="s">
        <v>23403</v>
      </c>
      <c r="B37756" t="s">
        <v>23404</v>
      </c>
      <c r="C37756" t="s">
        <v>23401</v>
      </c>
      <c r="D37756" t="s">
        <v>23402</v>
      </c>
      <c r="E37756" t="s">
        <v>23347</v>
      </c>
      <c r="F37756" t="s">
        <v>23348</v>
      </c>
      <c r="G37756" t="s">
        <v>22539</v>
      </c>
      <c r="H37756" t="s">
        <v>22540</v>
      </c>
      <c r="I37756" s="2">
        <v>0</v>
      </c>
      <c r="J37756" s="2">
        <v>0</v>
      </c>
      <c r="K37756" s="2">
        <v>1</v>
      </c>
      <c r="L37756" t="s">
        <v>995</v>
      </c>
      <c r="M37756" t="s">
        <v>89</v>
      </c>
      <c r="N37756" t="s">
        <v>90</v>
      </c>
      <c r="O37756" t="s">
        <v>85</v>
      </c>
      <c r="P37756" t="s">
        <v>86</v>
      </c>
      <c r="Q37756">
        <v>27</v>
      </c>
      <c r="R37756">
        <v>28</v>
      </c>
      <c r="S37756">
        <v>28</v>
      </c>
      <c r="T37756">
        <v>29</v>
      </c>
      <c r="U37756">
        <v>30</v>
      </c>
      <c r="V37756">
        <v>31</v>
      </c>
      <c r="W37756">
        <v>31</v>
      </c>
      <c r="X37756">
        <v>32</v>
      </c>
      <c r="Y37756">
        <v>33</v>
      </c>
      <c r="Z37756">
        <v>34</v>
      </c>
      <c r="AA37756">
        <v>34</v>
      </c>
      <c r="AB37756">
        <v>35</v>
      </c>
      <c r="AC37756">
        <v>36</v>
      </c>
      <c r="AD37756">
        <v>37</v>
      </c>
      <c r="AE37756">
        <v>37</v>
      </c>
      <c r="AF37756">
        <v>37</v>
      </c>
      <c r="AG37756">
        <v>38</v>
      </c>
      <c r="AH37756">
        <v>38</v>
      </c>
      <c r="AI37756">
        <v>38</v>
      </c>
      <c r="AJ37756">
        <v>38</v>
      </c>
      <c r="AK37756">
        <v>39</v>
      </c>
      <c r="AL37756">
        <v>39</v>
      </c>
      <c r="AM37756">
        <v>39</v>
      </c>
      <c r="AN37756">
        <v>40</v>
      </c>
      <c r="AO37756">
        <v>40</v>
      </c>
      <c r="AP37756">
        <v>40</v>
      </c>
      <c r="AQ37756">
        <v>41</v>
      </c>
    </row>
    <row r="37757" spans="1:43">
      <c r="A37757" t="s">
        <v>23403</v>
      </c>
      <c r="B37757" t="s">
        <v>23404</v>
      </c>
      <c r="C37757" t="s">
        <v>23401</v>
      </c>
      <c r="D37757" t="s">
        <v>23402</v>
      </c>
      <c r="E37757" t="s">
        <v>23347</v>
      </c>
      <c r="F37757" t="s">
        <v>23348</v>
      </c>
      <c r="G37757" t="s">
        <v>22539</v>
      </c>
      <c r="H37757" t="s">
        <v>22540</v>
      </c>
      <c r="I37757" s="2">
        <v>0</v>
      </c>
      <c r="J37757" s="2">
        <v>0</v>
      </c>
      <c r="K37757" s="2">
        <v>1</v>
      </c>
      <c r="L37757" t="s">
        <v>995</v>
      </c>
      <c r="M37757" t="s">
        <v>83</v>
      </c>
      <c r="N37757" t="s">
        <v>91</v>
      </c>
      <c r="O37757" t="s">
        <v>85</v>
      </c>
      <c r="P37757" t="s">
        <v>86</v>
      </c>
      <c r="Q37757">
        <v>27</v>
      </c>
      <c r="R37757">
        <v>28</v>
      </c>
      <c r="S37757">
        <v>29</v>
      </c>
      <c r="T37757">
        <v>29</v>
      </c>
      <c r="U37757">
        <v>30</v>
      </c>
      <c r="V37757">
        <v>30</v>
      </c>
      <c r="W37757">
        <v>31</v>
      </c>
      <c r="X37757">
        <v>31</v>
      </c>
      <c r="Y37757">
        <v>32</v>
      </c>
      <c r="Z37757">
        <v>33</v>
      </c>
      <c r="AA37757">
        <v>33</v>
      </c>
      <c r="AB37757">
        <v>34</v>
      </c>
      <c r="AC37757">
        <v>34</v>
      </c>
      <c r="AD37757">
        <v>35</v>
      </c>
      <c r="AE37757">
        <v>36</v>
      </c>
      <c r="AF37757">
        <v>36</v>
      </c>
      <c r="AG37757">
        <v>37</v>
      </c>
      <c r="AH37757">
        <v>37</v>
      </c>
      <c r="AI37757">
        <v>38</v>
      </c>
      <c r="AJ37757">
        <v>39</v>
      </c>
      <c r="AK37757">
        <v>39</v>
      </c>
      <c r="AL37757">
        <v>40</v>
      </c>
      <c r="AM37757">
        <v>40</v>
      </c>
      <c r="AN37757">
        <v>40</v>
      </c>
      <c r="AO37757">
        <v>41</v>
      </c>
      <c r="AP37757">
        <v>41</v>
      </c>
      <c r="AQ37757">
        <v>41</v>
      </c>
    </row>
    <row r="37758" spans="1:43">
      <c r="A37758" t="s">
        <v>23405</v>
      </c>
      <c r="B37758" t="s">
        <v>23406</v>
      </c>
      <c r="C37758" t="s">
        <v>23401</v>
      </c>
      <c r="D37758" t="s">
        <v>23402</v>
      </c>
      <c r="E37758" t="s">
        <v>23347</v>
      </c>
      <c r="F37758" t="s">
        <v>23348</v>
      </c>
      <c r="G37758" t="s">
        <v>22539</v>
      </c>
      <c r="H37758" t="s">
        <v>22540</v>
      </c>
      <c r="I37758" s="2">
        <v>0</v>
      </c>
      <c r="J37758" s="2">
        <v>0</v>
      </c>
      <c r="K37758" s="2">
        <v>1</v>
      </c>
      <c r="L37758" t="s">
        <v>995</v>
      </c>
      <c r="M37758" t="s">
        <v>83</v>
      </c>
      <c r="N37758" t="s">
        <v>84</v>
      </c>
      <c r="O37758" t="s">
        <v>85</v>
      </c>
      <c r="P37758" t="s">
        <v>86</v>
      </c>
      <c r="Q37758">
        <v>25</v>
      </c>
      <c r="R37758">
        <v>26</v>
      </c>
      <c r="S37758">
        <v>26</v>
      </c>
      <c r="T37758">
        <v>27</v>
      </c>
      <c r="U37758">
        <v>27</v>
      </c>
      <c r="V37758">
        <v>28</v>
      </c>
      <c r="W37758">
        <v>28</v>
      </c>
      <c r="X37758">
        <v>29</v>
      </c>
      <c r="Y37758">
        <v>29</v>
      </c>
      <c r="Z37758">
        <v>30</v>
      </c>
      <c r="AA37758">
        <v>30</v>
      </c>
      <c r="AB37758">
        <v>31</v>
      </c>
      <c r="AC37758">
        <v>31</v>
      </c>
      <c r="AD37758">
        <v>32</v>
      </c>
      <c r="AE37758">
        <v>32</v>
      </c>
      <c r="AF37758">
        <v>33</v>
      </c>
      <c r="AG37758">
        <v>34</v>
      </c>
      <c r="AH37758">
        <v>34</v>
      </c>
      <c r="AI37758">
        <v>35</v>
      </c>
      <c r="AJ37758">
        <v>35</v>
      </c>
      <c r="AK37758">
        <v>36</v>
      </c>
      <c r="AL37758">
        <v>36</v>
      </c>
      <c r="AM37758">
        <v>37</v>
      </c>
      <c r="AN37758">
        <v>37</v>
      </c>
      <c r="AO37758">
        <v>37</v>
      </c>
      <c r="AP37758">
        <v>37</v>
      </c>
      <c r="AQ37758">
        <v>38</v>
      </c>
    </row>
    <row r="37759" spans="1:43">
      <c r="A37759" t="s">
        <v>23405</v>
      </c>
      <c r="B37759" t="s">
        <v>23406</v>
      </c>
      <c r="C37759" t="s">
        <v>23401</v>
      </c>
      <c r="D37759" t="s">
        <v>23402</v>
      </c>
      <c r="E37759" t="s">
        <v>23347</v>
      </c>
      <c r="F37759" t="s">
        <v>23348</v>
      </c>
      <c r="G37759" t="s">
        <v>22539</v>
      </c>
      <c r="H37759" t="s">
        <v>22540</v>
      </c>
      <c r="I37759" s="2">
        <v>0</v>
      </c>
      <c r="J37759" s="2">
        <v>0</v>
      </c>
      <c r="K37759" s="2">
        <v>1</v>
      </c>
      <c r="L37759" t="s">
        <v>995</v>
      </c>
      <c r="M37759" t="s">
        <v>87</v>
      </c>
      <c r="N37759" t="s">
        <v>88</v>
      </c>
      <c r="O37759" t="s">
        <v>85</v>
      </c>
      <c r="P37759" t="s">
        <v>86</v>
      </c>
      <c r="Q37759">
        <v>25</v>
      </c>
      <c r="R37759">
        <v>25</v>
      </c>
      <c r="S37759">
        <v>25</v>
      </c>
      <c r="T37759">
        <v>26</v>
      </c>
      <c r="U37759">
        <v>26</v>
      </c>
      <c r="V37759">
        <v>26</v>
      </c>
      <c r="W37759">
        <v>26</v>
      </c>
      <c r="X37759">
        <v>27</v>
      </c>
      <c r="Y37759">
        <v>27</v>
      </c>
      <c r="Z37759">
        <v>27</v>
      </c>
      <c r="AA37759">
        <v>28</v>
      </c>
      <c r="AB37759">
        <v>28</v>
      </c>
      <c r="AC37759">
        <v>28</v>
      </c>
      <c r="AD37759">
        <v>28</v>
      </c>
      <c r="AE37759">
        <v>29</v>
      </c>
      <c r="AF37759">
        <v>29</v>
      </c>
      <c r="AG37759">
        <v>29</v>
      </c>
      <c r="AH37759">
        <v>30</v>
      </c>
      <c r="AI37759">
        <v>30</v>
      </c>
      <c r="AJ37759">
        <v>30</v>
      </c>
      <c r="AK37759">
        <v>31</v>
      </c>
      <c r="AL37759">
        <v>31</v>
      </c>
      <c r="AM37759">
        <v>31</v>
      </c>
      <c r="AN37759">
        <v>32</v>
      </c>
      <c r="AO37759">
        <v>32</v>
      </c>
      <c r="AP37759">
        <v>32</v>
      </c>
      <c r="AQ37759">
        <v>33</v>
      </c>
    </row>
    <row r="37760" spans="1:43">
      <c r="A37760" t="s">
        <v>23405</v>
      </c>
      <c r="B37760" t="s">
        <v>23406</v>
      </c>
      <c r="C37760" t="s">
        <v>23401</v>
      </c>
      <c r="D37760" t="s">
        <v>23402</v>
      </c>
      <c r="E37760" t="s">
        <v>23347</v>
      </c>
      <c r="F37760" t="s">
        <v>23348</v>
      </c>
      <c r="G37760" t="s">
        <v>22539</v>
      </c>
      <c r="H37760" t="s">
        <v>22540</v>
      </c>
      <c r="I37760" s="2">
        <v>0</v>
      </c>
      <c r="J37760" s="2">
        <v>0</v>
      </c>
      <c r="K37760" s="2">
        <v>1</v>
      </c>
      <c r="L37760" t="s">
        <v>995</v>
      </c>
      <c r="M37760" t="s">
        <v>89</v>
      </c>
      <c r="N37760" t="s">
        <v>90</v>
      </c>
      <c r="O37760" t="s">
        <v>85</v>
      </c>
      <c r="P37760" t="s">
        <v>86</v>
      </c>
      <c r="Q37760">
        <v>25</v>
      </c>
      <c r="R37760">
        <v>26</v>
      </c>
      <c r="S37760">
        <v>27</v>
      </c>
      <c r="T37760">
        <v>27</v>
      </c>
      <c r="U37760">
        <v>28</v>
      </c>
      <c r="V37760">
        <v>29</v>
      </c>
      <c r="W37760">
        <v>30</v>
      </c>
      <c r="X37760">
        <v>30</v>
      </c>
      <c r="Y37760">
        <v>31</v>
      </c>
      <c r="Z37760">
        <v>32</v>
      </c>
      <c r="AA37760">
        <v>32</v>
      </c>
      <c r="AB37760">
        <v>33</v>
      </c>
      <c r="AC37760">
        <v>34</v>
      </c>
      <c r="AD37760">
        <v>34</v>
      </c>
      <c r="AE37760">
        <v>35</v>
      </c>
      <c r="AF37760">
        <v>35</v>
      </c>
      <c r="AG37760">
        <v>35</v>
      </c>
      <c r="AH37760">
        <v>36</v>
      </c>
      <c r="AI37760">
        <v>36</v>
      </c>
      <c r="AJ37760">
        <v>36</v>
      </c>
      <c r="AK37760">
        <v>36</v>
      </c>
      <c r="AL37760">
        <v>37</v>
      </c>
      <c r="AM37760">
        <v>37</v>
      </c>
      <c r="AN37760">
        <v>37</v>
      </c>
      <c r="AO37760">
        <v>37</v>
      </c>
      <c r="AP37760">
        <v>38</v>
      </c>
      <c r="AQ37760">
        <v>38</v>
      </c>
    </row>
    <row r="37761" spans="1:43">
      <c r="A37761" t="s">
        <v>23405</v>
      </c>
      <c r="B37761" t="s">
        <v>23406</v>
      </c>
      <c r="C37761" t="s">
        <v>23401</v>
      </c>
      <c r="D37761" t="s">
        <v>23402</v>
      </c>
      <c r="E37761" t="s">
        <v>23347</v>
      </c>
      <c r="F37761" t="s">
        <v>23348</v>
      </c>
      <c r="G37761" t="s">
        <v>22539</v>
      </c>
      <c r="H37761" t="s">
        <v>22540</v>
      </c>
      <c r="I37761" s="2">
        <v>0</v>
      </c>
      <c r="J37761" s="2">
        <v>0</v>
      </c>
      <c r="K37761" s="2">
        <v>1</v>
      </c>
      <c r="L37761" t="s">
        <v>995</v>
      </c>
      <c r="M37761" t="s">
        <v>83</v>
      </c>
      <c r="N37761" t="s">
        <v>91</v>
      </c>
      <c r="O37761" t="s">
        <v>85</v>
      </c>
      <c r="P37761" t="s">
        <v>86</v>
      </c>
      <c r="Q37761">
        <v>25</v>
      </c>
      <c r="R37761">
        <v>26</v>
      </c>
      <c r="S37761">
        <v>26</v>
      </c>
      <c r="T37761">
        <v>27</v>
      </c>
      <c r="U37761">
        <v>27</v>
      </c>
      <c r="V37761">
        <v>28</v>
      </c>
      <c r="W37761">
        <v>28</v>
      </c>
      <c r="X37761">
        <v>29</v>
      </c>
      <c r="Y37761">
        <v>29</v>
      </c>
      <c r="Z37761">
        <v>30</v>
      </c>
      <c r="AA37761">
        <v>30</v>
      </c>
      <c r="AB37761">
        <v>31</v>
      </c>
      <c r="AC37761">
        <v>31</v>
      </c>
      <c r="AD37761">
        <v>32</v>
      </c>
      <c r="AE37761">
        <v>32</v>
      </c>
      <c r="AF37761">
        <v>33</v>
      </c>
      <c r="AG37761">
        <v>34</v>
      </c>
      <c r="AH37761">
        <v>34</v>
      </c>
      <c r="AI37761">
        <v>35</v>
      </c>
      <c r="AJ37761">
        <v>35</v>
      </c>
      <c r="AK37761">
        <v>36</v>
      </c>
      <c r="AL37761">
        <v>36</v>
      </c>
      <c r="AM37761">
        <v>37</v>
      </c>
      <c r="AN37761">
        <v>37</v>
      </c>
      <c r="AO37761">
        <v>37</v>
      </c>
      <c r="AP37761">
        <v>37</v>
      </c>
      <c r="AQ37761">
        <v>38</v>
      </c>
    </row>
    <row r="37762" spans="1:43">
      <c r="A37762" t="s">
        <v>23407</v>
      </c>
      <c r="B37762" t="s">
        <v>23408</v>
      </c>
      <c r="C37762" t="s">
        <v>23345</v>
      </c>
      <c r="D37762" t="s">
        <v>23346</v>
      </c>
      <c r="E37762" t="s">
        <v>23347</v>
      </c>
      <c r="F37762" t="s">
        <v>23348</v>
      </c>
      <c r="G37762" t="s">
        <v>22539</v>
      </c>
      <c r="H37762" t="s">
        <v>22540</v>
      </c>
      <c r="I37762" s="2">
        <v>0</v>
      </c>
      <c r="J37762" s="2">
        <v>0</v>
      </c>
      <c r="K37762" s="2">
        <v>1</v>
      </c>
      <c r="L37762" t="s">
        <v>995</v>
      </c>
      <c r="M37762" t="s">
        <v>83</v>
      </c>
      <c r="N37762" t="s">
        <v>84</v>
      </c>
      <c r="O37762" t="s">
        <v>85</v>
      </c>
      <c r="P37762" t="s">
        <v>86</v>
      </c>
      <c r="Q37762">
        <v>7</v>
      </c>
      <c r="R37762">
        <v>8</v>
      </c>
      <c r="S37762">
        <v>8</v>
      </c>
      <c r="T37762">
        <v>8</v>
      </c>
      <c r="U37762">
        <v>8</v>
      </c>
      <c r="V37762">
        <v>8</v>
      </c>
      <c r="W37762">
        <v>8</v>
      </c>
      <c r="X37762">
        <v>9</v>
      </c>
      <c r="Y37762">
        <v>9</v>
      </c>
      <c r="Z37762">
        <v>9</v>
      </c>
      <c r="AA37762">
        <v>9</v>
      </c>
      <c r="AB37762">
        <v>9</v>
      </c>
      <c r="AC37762">
        <v>9</v>
      </c>
      <c r="AD37762">
        <v>10</v>
      </c>
      <c r="AE37762">
        <v>10</v>
      </c>
      <c r="AF37762">
        <v>10</v>
      </c>
      <c r="AG37762">
        <v>10</v>
      </c>
      <c r="AH37762">
        <v>10</v>
      </c>
      <c r="AI37762">
        <v>10</v>
      </c>
      <c r="AJ37762">
        <v>11</v>
      </c>
      <c r="AK37762">
        <v>11</v>
      </c>
      <c r="AL37762">
        <v>11</v>
      </c>
      <c r="AM37762">
        <v>11</v>
      </c>
      <c r="AN37762">
        <v>11</v>
      </c>
      <c r="AO37762">
        <v>11</v>
      </c>
      <c r="AP37762">
        <v>11</v>
      </c>
      <c r="AQ37762">
        <v>11</v>
      </c>
    </row>
    <row r="37763" spans="1:43">
      <c r="A37763" t="s">
        <v>23407</v>
      </c>
      <c r="B37763" t="s">
        <v>23408</v>
      </c>
      <c r="C37763" t="s">
        <v>23345</v>
      </c>
      <c r="D37763" t="s">
        <v>23346</v>
      </c>
      <c r="E37763" t="s">
        <v>23347</v>
      </c>
      <c r="F37763" t="s">
        <v>23348</v>
      </c>
      <c r="G37763" t="s">
        <v>22539</v>
      </c>
      <c r="H37763" t="s">
        <v>22540</v>
      </c>
      <c r="I37763" s="2">
        <v>0</v>
      </c>
      <c r="J37763" s="2">
        <v>0</v>
      </c>
      <c r="K37763" s="2">
        <v>1</v>
      </c>
      <c r="L37763" t="s">
        <v>995</v>
      </c>
      <c r="M37763" t="s">
        <v>87</v>
      </c>
      <c r="N37763" t="s">
        <v>88</v>
      </c>
      <c r="O37763" t="s">
        <v>85</v>
      </c>
      <c r="P37763" t="s">
        <v>86</v>
      </c>
      <c r="Q37763">
        <v>7</v>
      </c>
      <c r="R37763">
        <v>8</v>
      </c>
      <c r="S37763">
        <v>8</v>
      </c>
      <c r="T37763">
        <v>8</v>
      </c>
      <c r="U37763">
        <v>8</v>
      </c>
      <c r="V37763">
        <v>8</v>
      </c>
      <c r="W37763">
        <v>8</v>
      </c>
      <c r="X37763">
        <v>8</v>
      </c>
      <c r="Y37763">
        <v>8</v>
      </c>
      <c r="Z37763">
        <v>8</v>
      </c>
      <c r="AA37763">
        <v>8</v>
      </c>
      <c r="AB37763">
        <v>8</v>
      </c>
      <c r="AC37763">
        <v>8</v>
      </c>
      <c r="AD37763">
        <v>9</v>
      </c>
      <c r="AE37763">
        <v>9</v>
      </c>
      <c r="AF37763">
        <v>9</v>
      </c>
      <c r="AG37763">
        <v>9</v>
      </c>
      <c r="AH37763">
        <v>9</v>
      </c>
      <c r="AI37763">
        <v>9</v>
      </c>
      <c r="AJ37763">
        <v>9</v>
      </c>
      <c r="AK37763">
        <v>9</v>
      </c>
      <c r="AL37763">
        <v>9</v>
      </c>
      <c r="AM37763">
        <v>9</v>
      </c>
      <c r="AN37763">
        <v>9</v>
      </c>
      <c r="AO37763">
        <v>10</v>
      </c>
      <c r="AP37763">
        <v>10</v>
      </c>
      <c r="AQ37763">
        <v>10</v>
      </c>
    </row>
    <row r="37764" spans="1:43">
      <c r="A37764" t="s">
        <v>23407</v>
      </c>
      <c r="B37764" t="s">
        <v>23408</v>
      </c>
      <c r="C37764" t="s">
        <v>23345</v>
      </c>
      <c r="D37764" t="s">
        <v>23346</v>
      </c>
      <c r="E37764" t="s">
        <v>23347</v>
      </c>
      <c r="F37764" t="s">
        <v>23348</v>
      </c>
      <c r="G37764" t="s">
        <v>22539</v>
      </c>
      <c r="H37764" t="s">
        <v>22540</v>
      </c>
      <c r="I37764" s="2">
        <v>0</v>
      </c>
      <c r="J37764" s="2">
        <v>0</v>
      </c>
      <c r="K37764" s="2">
        <v>1</v>
      </c>
      <c r="L37764" t="s">
        <v>995</v>
      </c>
      <c r="M37764" t="s">
        <v>89</v>
      </c>
      <c r="N37764" t="s">
        <v>90</v>
      </c>
      <c r="O37764" t="s">
        <v>85</v>
      </c>
      <c r="P37764" t="s">
        <v>86</v>
      </c>
      <c r="Q37764">
        <v>7</v>
      </c>
      <c r="R37764">
        <v>7</v>
      </c>
      <c r="S37764">
        <v>7</v>
      </c>
      <c r="T37764">
        <v>7</v>
      </c>
      <c r="U37764">
        <v>7</v>
      </c>
      <c r="V37764">
        <v>8</v>
      </c>
      <c r="W37764">
        <v>8</v>
      </c>
      <c r="X37764">
        <v>8</v>
      </c>
      <c r="Y37764">
        <v>8</v>
      </c>
      <c r="Z37764">
        <v>8</v>
      </c>
      <c r="AA37764">
        <v>9</v>
      </c>
      <c r="AB37764">
        <v>9</v>
      </c>
      <c r="AC37764">
        <v>9</v>
      </c>
      <c r="AD37764">
        <v>9</v>
      </c>
      <c r="AE37764">
        <v>9</v>
      </c>
      <c r="AF37764">
        <v>9</v>
      </c>
      <c r="AG37764">
        <v>10</v>
      </c>
      <c r="AH37764">
        <v>10</v>
      </c>
      <c r="AI37764">
        <v>10</v>
      </c>
      <c r="AJ37764">
        <v>10</v>
      </c>
      <c r="AK37764">
        <v>10</v>
      </c>
      <c r="AL37764">
        <v>10</v>
      </c>
      <c r="AM37764">
        <v>10</v>
      </c>
      <c r="AN37764">
        <v>10</v>
      </c>
      <c r="AO37764">
        <v>10</v>
      </c>
      <c r="AP37764">
        <v>10</v>
      </c>
      <c r="AQ37764">
        <v>10</v>
      </c>
    </row>
    <row r="37765" spans="1:43">
      <c r="A37765" t="s">
        <v>23407</v>
      </c>
      <c r="B37765" t="s">
        <v>23408</v>
      </c>
      <c r="C37765" t="s">
        <v>23345</v>
      </c>
      <c r="D37765" t="s">
        <v>23346</v>
      </c>
      <c r="E37765" t="s">
        <v>23347</v>
      </c>
      <c r="F37765" t="s">
        <v>23348</v>
      </c>
      <c r="G37765" t="s">
        <v>22539</v>
      </c>
      <c r="H37765" t="s">
        <v>22540</v>
      </c>
      <c r="I37765" s="2">
        <v>0</v>
      </c>
      <c r="J37765" s="2">
        <v>0</v>
      </c>
      <c r="K37765" s="2">
        <v>1</v>
      </c>
      <c r="L37765" t="s">
        <v>995</v>
      </c>
      <c r="M37765" t="s">
        <v>83</v>
      </c>
      <c r="N37765" t="s">
        <v>91</v>
      </c>
      <c r="O37765" t="s">
        <v>85</v>
      </c>
      <c r="P37765" t="s">
        <v>86</v>
      </c>
      <c r="Q37765">
        <v>7</v>
      </c>
      <c r="R37765">
        <v>8</v>
      </c>
      <c r="S37765">
        <v>8</v>
      </c>
      <c r="T37765">
        <v>8</v>
      </c>
      <c r="U37765">
        <v>8</v>
      </c>
      <c r="V37765">
        <v>8</v>
      </c>
      <c r="W37765">
        <v>8</v>
      </c>
      <c r="X37765">
        <v>9</v>
      </c>
      <c r="Y37765">
        <v>9</v>
      </c>
      <c r="Z37765">
        <v>9</v>
      </c>
      <c r="AA37765">
        <v>9</v>
      </c>
      <c r="AB37765">
        <v>9</v>
      </c>
      <c r="AC37765">
        <v>9</v>
      </c>
      <c r="AD37765">
        <v>10</v>
      </c>
      <c r="AE37765">
        <v>10</v>
      </c>
      <c r="AF37765">
        <v>10</v>
      </c>
      <c r="AG37765">
        <v>10</v>
      </c>
      <c r="AH37765">
        <v>10</v>
      </c>
      <c r="AI37765">
        <v>10</v>
      </c>
      <c r="AJ37765">
        <v>11</v>
      </c>
      <c r="AK37765">
        <v>11</v>
      </c>
      <c r="AL37765">
        <v>11</v>
      </c>
      <c r="AM37765">
        <v>11</v>
      </c>
      <c r="AN37765">
        <v>11</v>
      </c>
      <c r="AO37765">
        <v>11</v>
      </c>
      <c r="AP37765">
        <v>11</v>
      </c>
      <c r="AQ37765">
        <v>11</v>
      </c>
    </row>
    <row r="37766" spans="1:43">
      <c r="A37766" t="s">
        <v>23409</v>
      </c>
      <c r="B37766" t="s">
        <v>23410</v>
      </c>
      <c r="C37766" t="s">
        <v>23375</v>
      </c>
      <c r="D37766" t="s">
        <v>23376</v>
      </c>
      <c r="E37766" t="s">
        <v>23347</v>
      </c>
      <c r="F37766" t="s">
        <v>23348</v>
      </c>
      <c r="G37766" t="s">
        <v>22539</v>
      </c>
      <c r="H37766" t="s">
        <v>22540</v>
      </c>
      <c r="I37766" s="2">
        <v>0</v>
      </c>
      <c r="J37766" s="2">
        <v>0</v>
      </c>
      <c r="K37766" s="2">
        <v>0</v>
      </c>
      <c r="L37766" t="s">
        <v>995</v>
      </c>
      <c r="M37766" t="s">
        <v>83</v>
      </c>
      <c r="N37766" t="s">
        <v>84</v>
      </c>
      <c r="O37766" t="s">
        <v>85</v>
      </c>
      <c r="P37766" t="s">
        <v>86</v>
      </c>
      <c r="Q37766">
        <v>0</v>
      </c>
      <c r="R37766">
        <v>0</v>
      </c>
      <c r="S37766">
        <v>0</v>
      </c>
      <c r="T37766">
        <v>0</v>
      </c>
      <c r="U37766">
        <v>0</v>
      </c>
      <c r="V37766">
        <v>0</v>
      </c>
      <c r="W37766">
        <v>0</v>
      </c>
      <c r="X37766">
        <v>0</v>
      </c>
      <c r="Y37766">
        <v>0</v>
      </c>
      <c r="Z37766">
        <v>0</v>
      </c>
      <c r="AA37766">
        <v>0</v>
      </c>
      <c r="AB37766">
        <v>0</v>
      </c>
      <c r="AC37766">
        <v>0</v>
      </c>
      <c r="AD37766">
        <v>0</v>
      </c>
      <c r="AE37766">
        <v>0</v>
      </c>
      <c r="AF37766">
        <v>0</v>
      </c>
      <c r="AG37766">
        <v>0</v>
      </c>
      <c r="AH37766">
        <v>0</v>
      </c>
      <c r="AI37766">
        <v>0</v>
      </c>
      <c r="AJ37766">
        <v>0</v>
      </c>
      <c r="AK37766">
        <v>0</v>
      </c>
      <c r="AL37766">
        <v>0</v>
      </c>
      <c r="AM37766">
        <v>0</v>
      </c>
      <c r="AN37766">
        <v>0</v>
      </c>
      <c r="AO37766">
        <v>0</v>
      </c>
      <c r="AP37766">
        <v>0</v>
      </c>
      <c r="AQ37766">
        <v>0</v>
      </c>
    </row>
    <row r="37767" spans="1:43">
      <c r="A37767" t="s">
        <v>23409</v>
      </c>
      <c r="B37767" t="s">
        <v>23410</v>
      </c>
      <c r="C37767" t="s">
        <v>23375</v>
      </c>
      <c r="D37767" t="s">
        <v>23376</v>
      </c>
      <c r="E37767" t="s">
        <v>23347</v>
      </c>
      <c r="F37767" t="s">
        <v>23348</v>
      </c>
      <c r="G37767" t="s">
        <v>22539</v>
      </c>
      <c r="H37767" t="s">
        <v>22540</v>
      </c>
      <c r="I37767" s="2">
        <v>0</v>
      </c>
      <c r="J37767" s="2">
        <v>0</v>
      </c>
      <c r="K37767" s="2">
        <v>0</v>
      </c>
      <c r="L37767" t="s">
        <v>995</v>
      </c>
      <c r="M37767" t="s">
        <v>87</v>
      </c>
      <c r="N37767" t="s">
        <v>88</v>
      </c>
      <c r="O37767" t="s">
        <v>85</v>
      </c>
      <c r="P37767" t="s">
        <v>86</v>
      </c>
      <c r="Q37767">
        <v>0</v>
      </c>
      <c r="R37767">
        <v>0</v>
      </c>
      <c r="S37767">
        <v>0</v>
      </c>
      <c r="T37767">
        <v>0</v>
      </c>
      <c r="U37767">
        <v>0</v>
      </c>
      <c r="V37767">
        <v>0</v>
      </c>
      <c r="W37767">
        <v>0</v>
      </c>
      <c r="X37767">
        <v>0</v>
      </c>
      <c r="Y37767">
        <v>0</v>
      </c>
      <c r="Z37767">
        <v>0</v>
      </c>
      <c r="AA37767">
        <v>0</v>
      </c>
      <c r="AB37767">
        <v>0</v>
      </c>
      <c r="AC37767">
        <v>0</v>
      </c>
      <c r="AD37767">
        <v>0</v>
      </c>
      <c r="AE37767">
        <v>0</v>
      </c>
      <c r="AF37767">
        <v>0</v>
      </c>
      <c r="AG37767">
        <v>0</v>
      </c>
      <c r="AH37767">
        <v>0</v>
      </c>
      <c r="AI37767">
        <v>0</v>
      </c>
      <c r="AJ37767">
        <v>0</v>
      </c>
      <c r="AK37767">
        <v>0</v>
      </c>
      <c r="AL37767">
        <v>0</v>
      </c>
      <c r="AM37767">
        <v>0</v>
      </c>
      <c r="AN37767">
        <v>0</v>
      </c>
      <c r="AO37767">
        <v>0</v>
      </c>
      <c r="AP37767">
        <v>0</v>
      </c>
      <c r="AQ37767">
        <v>0</v>
      </c>
    </row>
    <row r="37768" spans="1:43">
      <c r="A37768" t="s">
        <v>23409</v>
      </c>
      <c r="B37768" t="s">
        <v>23410</v>
      </c>
      <c r="C37768" t="s">
        <v>23375</v>
      </c>
      <c r="D37768" t="s">
        <v>23376</v>
      </c>
      <c r="E37768" t="s">
        <v>23347</v>
      </c>
      <c r="F37768" t="s">
        <v>23348</v>
      </c>
      <c r="G37768" t="s">
        <v>22539</v>
      </c>
      <c r="H37768" t="s">
        <v>22540</v>
      </c>
      <c r="I37768" s="2">
        <v>0</v>
      </c>
      <c r="J37768" s="2">
        <v>0</v>
      </c>
      <c r="K37768" s="2">
        <v>0</v>
      </c>
      <c r="L37768" t="s">
        <v>995</v>
      </c>
      <c r="M37768" t="s">
        <v>89</v>
      </c>
      <c r="N37768" t="s">
        <v>90</v>
      </c>
      <c r="O37768" t="s">
        <v>85</v>
      </c>
      <c r="P37768" t="s">
        <v>86</v>
      </c>
      <c r="Q37768">
        <v>0</v>
      </c>
      <c r="R37768">
        <v>0</v>
      </c>
      <c r="S37768">
        <v>0</v>
      </c>
      <c r="T37768">
        <v>0</v>
      </c>
      <c r="U37768">
        <v>0</v>
      </c>
      <c r="V37768">
        <v>0</v>
      </c>
      <c r="W37768">
        <v>0</v>
      </c>
      <c r="X37768">
        <v>0</v>
      </c>
      <c r="Y37768">
        <v>0</v>
      </c>
      <c r="Z37768">
        <v>0</v>
      </c>
      <c r="AA37768">
        <v>0</v>
      </c>
      <c r="AB37768">
        <v>0</v>
      </c>
      <c r="AC37768">
        <v>0</v>
      </c>
      <c r="AD37768">
        <v>0</v>
      </c>
      <c r="AE37768">
        <v>0</v>
      </c>
      <c r="AF37768">
        <v>0</v>
      </c>
      <c r="AG37768">
        <v>0</v>
      </c>
      <c r="AH37768">
        <v>0</v>
      </c>
      <c r="AI37768">
        <v>0</v>
      </c>
      <c r="AJ37768">
        <v>0</v>
      </c>
      <c r="AK37768">
        <v>0</v>
      </c>
      <c r="AL37768">
        <v>0</v>
      </c>
      <c r="AM37768">
        <v>0</v>
      </c>
      <c r="AN37768">
        <v>0</v>
      </c>
      <c r="AO37768">
        <v>0</v>
      </c>
      <c r="AP37768">
        <v>0</v>
      </c>
      <c r="AQ37768">
        <v>0</v>
      </c>
    </row>
    <row r="37769" spans="1:43">
      <c r="A37769" t="s">
        <v>23409</v>
      </c>
      <c r="B37769" t="s">
        <v>23410</v>
      </c>
      <c r="C37769" t="s">
        <v>23375</v>
      </c>
      <c r="D37769" t="s">
        <v>23376</v>
      </c>
      <c r="E37769" t="s">
        <v>23347</v>
      </c>
      <c r="F37769" t="s">
        <v>23348</v>
      </c>
      <c r="G37769" t="s">
        <v>22539</v>
      </c>
      <c r="H37769" t="s">
        <v>22540</v>
      </c>
      <c r="I37769" s="2">
        <v>0</v>
      </c>
      <c r="J37769" s="2">
        <v>0</v>
      </c>
      <c r="K37769" s="2">
        <v>0</v>
      </c>
      <c r="L37769" t="s">
        <v>995</v>
      </c>
      <c r="M37769" t="s">
        <v>83</v>
      </c>
      <c r="N37769" t="s">
        <v>91</v>
      </c>
      <c r="O37769" t="s">
        <v>85</v>
      </c>
      <c r="P37769" t="s">
        <v>86</v>
      </c>
      <c r="Q37769">
        <v>0</v>
      </c>
      <c r="R37769">
        <v>0</v>
      </c>
      <c r="S37769">
        <v>0</v>
      </c>
      <c r="T37769">
        <v>0</v>
      </c>
      <c r="U37769">
        <v>0</v>
      </c>
      <c r="V37769">
        <v>0</v>
      </c>
      <c r="W37769">
        <v>0</v>
      </c>
      <c r="X37769">
        <v>0</v>
      </c>
      <c r="Y37769">
        <v>0</v>
      </c>
      <c r="Z37769">
        <v>0</v>
      </c>
      <c r="AA37769">
        <v>0</v>
      </c>
      <c r="AB37769">
        <v>0</v>
      </c>
      <c r="AC37769">
        <v>0</v>
      </c>
      <c r="AD37769">
        <v>0</v>
      </c>
      <c r="AE37769">
        <v>0</v>
      </c>
      <c r="AF37769">
        <v>0</v>
      </c>
      <c r="AG37769">
        <v>0</v>
      </c>
      <c r="AH37769">
        <v>0</v>
      </c>
      <c r="AI37769">
        <v>0</v>
      </c>
      <c r="AJ37769">
        <v>0</v>
      </c>
      <c r="AK37769">
        <v>0</v>
      </c>
      <c r="AL37769">
        <v>0</v>
      </c>
      <c r="AM37769">
        <v>0</v>
      </c>
      <c r="AN37769">
        <v>0</v>
      </c>
      <c r="AO37769">
        <v>0</v>
      </c>
      <c r="AP37769">
        <v>0</v>
      </c>
      <c r="AQ37769">
        <v>0</v>
      </c>
    </row>
    <row r="37770" spans="1:43">
      <c r="A37770" t="s">
        <v>23411</v>
      </c>
      <c r="B37770" t="s">
        <v>23412</v>
      </c>
      <c r="C37770" t="s">
        <v>23401</v>
      </c>
      <c r="D37770" t="s">
        <v>23402</v>
      </c>
      <c r="E37770" t="s">
        <v>23347</v>
      </c>
      <c r="F37770" t="s">
        <v>23348</v>
      </c>
      <c r="G37770" t="s">
        <v>22539</v>
      </c>
      <c r="H37770" t="s">
        <v>22540</v>
      </c>
      <c r="I37770" s="2">
        <v>0</v>
      </c>
      <c r="J37770" s="2">
        <v>0</v>
      </c>
      <c r="K37770" s="2">
        <v>1</v>
      </c>
      <c r="L37770" t="s">
        <v>995</v>
      </c>
      <c r="M37770" t="s">
        <v>83</v>
      </c>
      <c r="N37770" t="s">
        <v>84</v>
      </c>
      <c r="O37770" t="s">
        <v>85</v>
      </c>
      <c r="P37770" t="s">
        <v>86</v>
      </c>
      <c r="Q37770">
        <v>3</v>
      </c>
      <c r="R37770">
        <v>4</v>
      </c>
      <c r="S37770">
        <v>4</v>
      </c>
      <c r="T37770">
        <v>4</v>
      </c>
      <c r="U37770">
        <v>4</v>
      </c>
      <c r="V37770">
        <v>4</v>
      </c>
      <c r="W37770">
        <v>4</v>
      </c>
      <c r="X37770">
        <v>4</v>
      </c>
      <c r="Y37770">
        <v>4</v>
      </c>
      <c r="Z37770">
        <v>4</v>
      </c>
      <c r="AA37770">
        <v>4</v>
      </c>
      <c r="AB37770">
        <v>4</v>
      </c>
      <c r="AC37770">
        <v>4</v>
      </c>
      <c r="AD37770">
        <v>4</v>
      </c>
      <c r="AE37770">
        <v>4</v>
      </c>
      <c r="AF37770">
        <v>5</v>
      </c>
      <c r="AG37770">
        <v>5</v>
      </c>
      <c r="AH37770">
        <v>5</v>
      </c>
      <c r="AI37770">
        <v>5</v>
      </c>
      <c r="AJ37770">
        <v>5</v>
      </c>
      <c r="AK37770">
        <v>5</v>
      </c>
      <c r="AL37770">
        <v>5</v>
      </c>
      <c r="AM37770">
        <v>5</v>
      </c>
      <c r="AN37770">
        <v>5</v>
      </c>
      <c r="AO37770">
        <v>5</v>
      </c>
      <c r="AP37770">
        <v>5</v>
      </c>
      <c r="AQ37770">
        <v>5</v>
      </c>
    </row>
    <row r="37771" spans="1:43">
      <c r="A37771" t="s">
        <v>23411</v>
      </c>
      <c r="B37771" t="s">
        <v>23412</v>
      </c>
      <c r="C37771" t="s">
        <v>23401</v>
      </c>
      <c r="D37771" t="s">
        <v>23402</v>
      </c>
      <c r="E37771" t="s">
        <v>23347</v>
      </c>
      <c r="F37771" t="s">
        <v>23348</v>
      </c>
      <c r="G37771" t="s">
        <v>22539</v>
      </c>
      <c r="H37771" t="s">
        <v>22540</v>
      </c>
      <c r="I37771" s="2">
        <v>0</v>
      </c>
      <c r="J37771" s="2">
        <v>0</v>
      </c>
      <c r="K37771" s="2">
        <v>1</v>
      </c>
      <c r="L37771" t="s">
        <v>995</v>
      </c>
      <c r="M37771" t="s">
        <v>87</v>
      </c>
      <c r="N37771" t="s">
        <v>88</v>
      </c>
      <c r="O37771" t="s">
        <v>85</v>
      </c>
      <c r="P37771" t="s">
        <v>86</v>
      </c>
      <c r="Q37771">
        <v>3</v>
      </c>
      <c r="R37771">
        <v>3</v>
      </c>
      <c r="S37771">
        <v>3</v>
      </c>
      <c r="T37771">
        <v>4</v>
      </c>
      <c r="U37771">
        <v>4</v>
      </c>
      <c r="V37771">
        <v>4</v>
      </c>
      <c r="W37771">
        <v>4</v>
      </c>
      <c r="X37771">
        <v>4</v>
      </c>
      <c r="Y37771">
        <v>4</v>
      </c>
      <c r="Z37771">
        <v>4</v>
      </c>
      <c r="AA37771">
        <v>4</v>
      </c>
      <c r="AB37771">
        <v>4</v>
      </c>
      <c r="AC37771">
        <v>4</v>
      </c>
      <c r="AD37771">
        <v>4</v>
      </c>
      <c r="AE37771">
        <v>4</v>
      </c>
      <c r="AF37771">
        <v>4</v>
      </c>
      <c r="AG37771">
        <v>4</v>
      </c>
      <c r="AH37771">
        <v>4</v>
      </c>
      <c r="AI37771">
        <v>4</v>
      </c>
      <c r="AJ37771">
        <v>4</v>
      </c>
      <c r="AK37771">
        <v>4</v>
      </c>
      <c r="AL37771">
        <v>4</v>
      </c>
      <c r="AM37771">
        <v>4</v>
      </c>
      <c r="AN37771">
        <v>4</v>
      </c>
      <c r="AO37771">
        <v>4</v>
      </c>
      <c r="AP37771">
        <v>4</v>
      </c>
      <c r="AQ37771">
        <v>5</v>
      </c>
    </row>
    <row r="37772" spans="1:43">
      <c r="A37772" t="s">
        <v>23411</v>
      </c>
      <c r="B37772" t="s">
        <v>23412</v>
      </c>
      <c r="C37772" t="s">
        <v>23401</v>
      </c>
      <c r="D37772" t="s">
        <v>23402</v>
      </c>
      <c r="E37772" t="s">
        <v>23347</v>
      </c>
      <c r="F37772" t="s">
        <v>23348</v>
      </c>
      <c r="G37772" t="s">
        <v>22539</v>
      </c>
      <c r="H37772" t="s">
        <v>22540</v>
      </c>
      <c r="I37772" s="2">
        <v>0</v>
      </c>
      <c r="J37772" s="2">
        <v>0</v>
      </c>
      <c r="K37772" s="2">
        <v>1</v>
      </c>
      <c r="L37772" t="s">
        <v>995</v>
      </c>
      <c r="M37772" t="s">
        <v>89</v>
      </c>
      <c r="N37772" t="s">
        <v>90</v>
      </c>
      <c r="O37772" t="s">
        <v>85</v>
      </c>
      <c r="P37772" t="s">
        <v>86</v>
      </c>
      <c r="Q37772">
        <v>3</v>
      </c>
      <c r="R37772">
        <v>4</v>
      </c>
      <c r="S37772">
        <v>4</v>
      </c>
      <c r="T37772">
        <v>4</v>
      </c>
      <c r="U37772">
        <v>4</v>
      </c>
      <c r="V37772">
        <v>4</v>
      </c>
      <c r="W37772">
        <v>4</v>
      </c>
      <c r="X37772">
        <v>4</v>
      </c>
      <c r="Y37772">
        <v>4</v>
      </c>
      <c r="Z37772">
        <v>4</v>
      </c>
      <c r="AA37772">
        <v>4</v>
      </c>
      <c r="AB37772">
        <v>5</v>
      </c>
      <c r="AC37772">
        <v>5</v>
      </c>
      <c r="AD37772">
        <v>5</v>
      </c>
      <c r="AE37772">
        <v>5</v>
      </c>
      <c r="AF37772">
        <v>5</v>
      </c>
      <c r="AG37772">
        <v>5</v>
      </c>
      <c r="AH37772">
        <v>5</v>
      </c>
      <c r="AI37772">
        <v>5</v>
      </c>
      <c r="AJ37772">
        <v>5</v>
      </c>
      <c r="AK37772">
        <v>5</v>
      </c>
      <c r="AL37772">
        <v>5</v>
      </c>
      <c r="AM37772">
        <v>5</v>
      </c>
      <c r="AN37772">
        <v>5</v>
      </c>
      <c r="AO37772">
        <v>5</v>
      </c>
      <c r="AP37772">
        <v>5</v>
      </c>
      <c r="AQ37772">
        <v>5</v>
      </c>
    </row>
    <row r="37773" spans="1:43">
      <c r="A37773" t="s">
        <v>23411</v>
      </c>
      <c r="B37773" t="s">
        <v>23412</v>
      </c>
      <c r="C37773" t="s">
        <v>23401</v>
      </c>
      <c r="D37773" t="s">
        <v>23402</v>
      </c>
      <c r="E37773" t="s">
        <v>23347</v>
      </c>
      <c r="F37773" t="s">
        <v>23348</v>
      </c>
      <c r="G37773" t="s">
        <v>22539</v>
      </c>
      <c r="H37773" t="s">
        <v>22540</v>
      </c>
      <c r="I37773" s="2">
        <v>0</v>
      </c>
      <c r="J37773" s="2">
        <v>0</v>
      </c>
      <c r="K37773" s="2">
        <v>1</v>
      </c>
      <c r="L37773" t="s">
        <v>995</v>
      </c>
      <c r="M37773" t="s">
        <v>83</v>
      </c>
      <c r="N37773" t="s">
        <v>91</v>
      </c>
      <c r="O37773" t="s">
        <v>85</v>
      </c>
      <c r="P37773" t="s">
        <v>86</v>
      </c>
      <c r="Q37773">
        <v>3</v>
      </c>
      <c r="R37773">
        <v>4</v>
      </c>
      <c r="S37773">
        <v>4</v>
      </c>
      <c r="T37773">
        <v>4</v>
      </c>
      <c r="U37773">
        <v>4</v>
      </c>
      <c r="V37773">
        <v>4</v>
      </c>
      <c r="W37773">
        <v>4</v>
      </c>
      <c r="X37773">
        <v>4</v>
      </c>
      <c r="Y37773">
        <v>4</v>
      </c>
      <c r="Z37773">
        <v>4</v>
      </c>
      <c r="AA37773">
        <v>4</v>
      </c>
      <c r="AB37773">
        <v>4</v>
      </c>
      <c r="AC37773">
        <v>4</v>
      </c>
      <c r="AD37773">
        <v>4</v>
      </c>
      <c r="AE37773">
        <v>4</v>
      </c>
      <c r="AF37773">
        <v>5</v>
      </c>
      <c r="AG37773">
        <v>5</v>
      </c>
      <c r="AH37773">
        <v>5</v>
      </c>
      <c r="AI37773">
        <v>5</v>
      </c>
      <c r="AJ37773">
        <v>5</v>
      </c>
      <c r="AK37773">
        <v>5</v>
      </c>
      <c r="AL37773">
        <v>5</v>
      </c>
      <c r="AM37773">
        <v>5</v>
      </c>
      <c r="AN37773">
        <v>5</v>
      </c>
      <c r="AO37773">
        <v>5</v>
      </c>
      <c r="AP37773">
        <v>5</v>
      </c>
      <c r="AQ37773">
        <v>5</v>
      </c>
    </row>
    <row r="37774" spans="1:43">
      <c r="A37774" t="s">
        <v>23413</v>
      </c>
      <c r="B37774" t="s">
        <v>23414</v>
      </c>
      <c r="C37774" t="s">
        <v>23401</v>
      </c>
      <c r="D37774" t="s">
        <v>23402</v>
      </c>
      <c r="E37774" t="s">
        <v>23347</v>
      </c>
      <c r="F37774" t="s">
        <v>23348</v>
      </c>
      <c r="G37774" t="s">
        <v>22539</v>
      </c>
      <c r="H37774" t="s">
        <v>22540</v>
      </c>
      <c r="I37774" s="2">
        <v>0</v>
      </c>
      <c r="J37774" s="2">
        <v>0</v>
      </c>
      <c r="K37774" s="2">
        <v>1</v>
      </c>
      <c r="L37774" t="s">
        <v>995</v>
      </c>
      <c r="M37774" t="s">
        <v>83</v>
      </c>
      <c r="N37774" t="s">
        <v>84</v>
      </c>
      <c r="O37774" t="s">
        <v>85</v>
      </c>
      <c r="P37774" t="s">
        <v>86</v>
      </c>
      <c r="Q37774">
        <v>18</v>
      </c>
      <c r="R37774">
        <v>18</v>
      </c>
      <c r="S37774">
        <v>19</v>
      </c>
      <c r="T37774">
        <v>19</v>
      </c>
      <c r="U37774">
        <v>19</v>
      </c>
      <c r="V37774">
        <v>20</v>
      </c>
      <c r="W37774">
        <v>20</v>
      </c>
      <c r="X37774">
        <v>20</v>
      </c>
      <c r="Y37774">
        <v>21</v>
      </c>
      <c r="Z37774">
        <v>21</v>
      </c>
      <c r="AA37774">
        <v>22</v>
      </c>
      <c r="AB37774">
        <v>22</v>
      </c>
      <c r="AC37774">
        <v>22</v>
      </c>
      <c r="AD37774">
        <v>23</v>
      </c>
      <c r="AE37774">
        <v>23</v>
      </c>
      <c r="AF37774">
        <v>23</v>
      </c>
      <c r="AG37774">
        <v>24</v>
      </c>
      <c r="AH37774">
        <v>24</v>
      </c>
      <c r="AI37774">
        <v>25</v>
      </c>
      <c r="AJ37774">
        <v>25</v>
      </c>
      <c r="AK37774">
        <v>25</v>
      </c>
      <c r="AL37774">
        <v>26</v>
      </c>
      <c r="AM37774">
        <v>26</v>
      </c>
      <c r="AN37774">
        <v>26</v>
      </c>
      <c r="AO37774">
        <v>26</v>
      </c>
      <c r="AP37774">
        <v>27</v>
      </c>
      <c r="AQ37774">
        <v>27</v>
      </c>
    </row>
    <row r="37775" spans="1:43">
      <c r="A37775" t="s">
        <v>23413</v>
      </c>
      <c r="B37775" t="s">
        <v>23414</v>
      </c>
      <c r="C37775" t="s">
        <v>23401</v>
      </c>
      <c r="D37775" t="s">
        <v>23402</v>
      </c>
      <c r="E37775" t="s">
        <v>23347</v>
      </c>
      <c r="F37775" t="s">
        <v>23348</v>
      </c>
      <c r="G37775" t="s">
        <v>22539</v>
      </c>
      <c r="H37775" t="s">
        <v>22540</v>
      </c>
      <c r="I37775" s="2">
        <v>0</v>
      </c>
      <c r="J37775" s="2">
        <v>0</v>
      </c>
      <c r="K37775" s="2">
        <v>1</v>
      </c>
      <c r="L37775" t="s">
        <v>995</v>
      </c>
      <c r="M37775" t="s">
        <v>87</v>
      </c>
      <c r="N37775" t="s">
        <v>88</v>
      </c>
      <c r="O37775" t="s">
        <v>85</v>
      </c>
      <c r="P37775" t="s">
        <v>86</v>
      </c>
      <c r="Q37775">
        <v>18</v>
      </c>
      <c r="R37775">
        <v>18</v>
      </c>
      <c r="S37775">
        <v>18</v>
      </c>
      <c r="T37775">
        <v>18</v>
      </c>
      <c r="U37775">
        <v>18</v>
      </c>
      <c r="V37775">
        <v>19</v>
      </c>
      <c r="W37775">
        <v>19</v>
      </c>
      <c r="X37775">
        <v>19</v>
      </c>
      <c r="Y37775">
        <v>19</v>
      </c>
      <c r="Z37775">
        <v>19</v>
      </c>
      <c r="AA37775">
        <v>20</v>
      </c>
      <c r="AB37775">
        <v>20</v>
      </c>
      <c r="AC37775">
        <v>20</v>
      </c>
      <c r="AD37775">
        <v>20</v>
      </c>
      <c r="AE37775">
        <v>20</v>
      </c>
      <c r="AF37775">
        <v>21</v>
      </c>
      <c r="AG37775">
        <v>21</v>
      </c>
      <c r="AH37775">
        <v>21</v>
      </c>
      <c r="AI37775">
        <v>21</v>
      </c>
      <c r="AJ37775">
        <v>22</v>
      </c>
      <c r="AK37775">
        <v>22</v>
      </c>
      <c r="AL37775">
        <v>22</v>
      </c>
      <c r="AM37775">
        <v>22</v>
      </c>
      <c r="AN37775">
        <v>22</v>
      </c>
      <c r="AO37775">
        <v>23</v>
      </c>
      <c r="AP37775">
        <v>23</v>
      </c>
      <c r="AQ37775">
        <v>23</v>
      </c>
    </row>
    <row r="37776" spans="1:43">
      <c r="A37776" t="s">
        <v>23413</v>
      </c>
      <c r="B37776" t="s">
        <v>23414</v>
      </c>
      <c r="C37776" t="s">
        <v>23401</v>
      </c>
      <c r="D37776" t="s">
        <v>23402</v>
      </c>
      <c r="E37776" t="s">
        <v>23347</v>
      </c>
      <c r="F37776" t="s">
        <v>23348</v>
      </c>
      <c r="G37776" t="s">
        <v>22539</v>
      </c>
      <c r="H37776" t="s">
        <v>22540</v>
      </c>
      <c r="I37776" s="2">
        <v>0</v>
      </c>
      <c r="J37776" s="2">
        <v>0</v>
      </c>
      <c r="K37776" s="2">
        <v>1</v>
      </c>
      <c r="L37776" t="s">
        <v>995</v>
      </c>
      <c r="M37776" t="s">
        <v>89</v>
      </c>
      <c r="N37776" t="s">
        <v>90</v>
      </c>
      <c r="O37776" t="s">
        <v>85</v>
      </c>
      <c r="P37776" t="s">
        <v>86</v>
      </c>
      <c r="Q37776">
        <v>18</v>
      </c>
      <c r="R37776">
        <v>18</v>
      </c>
      <c r="S37776">
        <v>19</v>
      </c>
      <c r="T37776">
        <v>20</v>
      </c>
      <c r="U37776">
        <v>20</v>
      </c>
      <c r="V37776">
        <v>21</v>
      </c>
      <c r="W37776">
        <v>21</v>
      </c>
      <c r="X37776">
        <v>22</v>
      </c>
      <c r="Y37776">
        <v>22</v>
      </c>
      <c r="Z37776">
        <v>22</v>
      </c>
      <c r="AA37776">
        <v>23</v>
      </c>
      <c r="AB37776">
        <v>23</v>
      </c>
      <c r="AC37776">
        <v>24</v>
      </c>
      <c r="AD37776">
        <v>24</v>
      </c>
      <c r="AE37776">
        <v>25</v>
      </c>
      <c r="AF37776">
        <v>25</v>
      </c>
      <c r="AG37776">
        <v>25</v>
      </c>
      <c r="AH37776">
        <v>25</v>
      </c>
      <c r="AI37776">
        <v>25</v>
      </c>
      <c r="AJ37776">
        <v>26</v>
      </c>
      <c r="AK37776">
        <v>26</v>
      </c>
      <c r="AL37776">
        <v>26</v>
      </c>
      <c r="AM37776">
        <v>26</v>
      </c>
      <c r="AN37776">
        <v>26</v>
      </c>
      <c r="AO37776">
        <v>27</v>
      </c>
      <c r="AP37776">
        <v>27</v>
      </c>
      <c r="AQ37776">
        <v>27</v>
      </c>
    </row>
    <row r="37777" spans="1:43">
      <c r="A37777" t="s">
        <v>23413</v>
      </c>
      <c r="B37777" t="s">
        <v>23414</v>
      </c>
      <c r="C37777" t="s">
        <v>23401</v>
      </c>
      <c r="D37777" t="s">
        <v>23402</v>
      </c>
      <c r="E37777" t="s">
        <v>23347</v>
      </c>
      <c r="F37777" t="s">
        <v>23348</v>
      </c>
      <c r="G37777" t="s">
        <v>22539</v>
      </c>
      <c r="H37777" t="s">
        <v>22540</v>
      </c>
      <c r="I37777" s="2">
        <v>0</v>
      </c>
      <c r="J37777" s="2">
        <v>0</v>
      </c>
      <c r="K37777" s="2">
        <v>1</v>
      </c>
      <c r="L37777" t="s">
        <v>995</v>
      </c>
      <c r="M37777" t="s">
        <v>83</v>
      </c>
      <c r="N37777" t="s">
        <v>91</v>
      </c>
      <c r="O37777" t="s">
        <v>85</v>
      </c>
      <c r="P37777" t="s">
        <v>86</v>
      </c>
      <c r="Q37777">
        <v>18</v>
      </c>
      <c r="R37777">
        <v>18</v>
      </c>
      <c r="S37777">
        <v>19</v>
      </c>
      <c r="T37777">
        <v>19</v>
      </c>
      <c r="U37777">
        <v>19</v>
      </c>
      <c r="V37777">
        <v>20</v>
      </c>
      <c r="W37777">
        <v>20</v>
      </c>
      <c r="X37777">
        <v>20</v>
      </c>
      <c r="Y37777">
        <v>21</v>
      </c>
      <c r="Z37777">
        <v>21</v>
      </c>
      <c r="AA37777">
        <v>22</v>
      </c>
      <c r="AB37777">
        <v>22</v>
      </c>
      <c r="AC37777">
        <v>22</v>
      </c>
      <c r="AD37777">
        <v>23</v>
      </c>
      <c r="AE37777">
        <v>23</v>
      </c>
      <c r="AF37777">
        <v>23</v>
      </c>
      <c r="AG37777">
        <v>24</v>
      </c>
      <c r="AH37777">
        <v>24</v>
      </c>
      <c r="AI37777">
        <v>25</v>
      </c>
      <c r="AJ37777">
        <v>25</v>
      </c>
      <c r="AK37777">
        <v>25</v>
      </c>
      <c r="AL37777">
        <v>26</v>
      </c>
      <c r="AM37777">
        <v>26</v>
      </c>
      <c r="AN37777">
        <v>26</v>
      </c>
      <c r="AO37777">
        <v>26</v>
      </c>
      <c r="AP37777">
        <v>27</v>
      </c>
      <c r="AQ37777">
        <v>27</v>
      </c>
    </row>
    <row r="37778" spans="1:43">
      <c r="A37778" t="s">
        <v>23415</v>
      </c>
      <c r="B37778" t="s">
        <v>23416</v>
      </c>
      <c r="C37778" t="s">
        <v>23401</v>
      </c>
      <c r="D37778" t="s">
        <v>23402</v>
      </c>
      <c r="E37778" t="s">
        <v>23347</v>
      </c>
      <c r="F37778" t="s">
        <v>23348</v>
      </c>
      <c r="G37778" t="s">
        <v>22539</v>
      </c>
      <c r="H37778" t="s">
        <v>22540</v>
      </c>
      <c r="I37778" s="2">
        <v>0</v>
      </c>
      <c r="J37778" s="2">
        <v>0</v>
      </c>
      <c r="K37778" s="2">
        <v>1</v>
      </c>
      <c r="L37778" t="s">
        <v>995</v>
      </c>
      <c r="M37778" t="s">
        <v>83</v>
      </c>
      <c r="N37778" t="s">
        <v>84</v>
      </c>
      <c r="O37778" t="s">
        <v>85</v>
      </c>
      <c r="P37778" t="s">
        <v>86</v>
      </c>
      <c r="Q37778">
        <v>13</v>
      </c>
      <c r="R37778">
        <v>13</v>
      </c>
      <c r="S37778">
        <v>13</v>
      </c>
      <c r="T37778">
        <v>13</v>
      </c>
      <c r="U37778">
        <v>14</v>
      </c>
      <c r="V37778">
        <v>14</v>
      </c>
      <c r="W37778">
        <v>14</v>
      </c>
      <c r="X37778">
        <v>14</v>
      </c>
      <c r="Y37778">
        <v>15</v>
      </c>
      <c r="Z37778">
        <v>15</v>
      </c>
      <c r="AA37778">
        <v>15</v>
      </c>
      <c r="AB37778">
        <v>15</v>
      </c>
      <c r="AC37778">
        <v>16</v>
      </c>
      <c r="AD37778">
        <v>16</v>
      </c>
      <c r="AE37778">
        <v>16</v>
      </c>
      <c r="AF37778">
        <v>17</v>
      </c>
      <c r="AG37778">
        <v>17</v>
      </c>
      <c r="AH37778">
        <v>17</v>
      </c>
      <c r="AI37778">
        <v>17</v>
      </c>
      <c r="AJ37778">
        <v>18</v>
      </c>
      <c r="AK37778">
        <v>18</v>
      </c>
      <c r="AL37778">
        <v>18</v>
      </c>
      <c r="AM37778">
        <v>18</v>
      </c>
      <c r="AN37778">
        <v>18</v>
      </c>
      <c r="AO37778">
        <v>19</v>
      </c>
      <c r="AP37778">
        <v>19</v>
      </c>
      <c r="AQ37778">
        <v>19</v>
      </c>
    </row>
    <row r="37779" spans="1:43">
      <c r="A37779" t="s">
        <v>23415</v>
      </c>
      <c r="B37779" t="s">
        <v>23416</v>
      </c>
      <c r="C37779" t="s">
        <v>23401</v>
      </c>
      <c r="D37779" t="s">
        <v>23402</v>
      </c>
      <c r="E37779" t="s">
        <v>23347</v>
      </c>
      <c r="F37779" t="s">
        <v>23348</v>
      </c>
      <c r="G37779" t="s">
        <v>22539</v>
      </c>
      <c r="H37779" t="s">
        <v>22540</v>
      </c>
      <c r="I37779" s="2">
        <v>0</v>
      </c>
      <c r="J37779" s="2">
        <v>0</v>
      </c>
      <c r="K37779" s="2">
        <v>1</v>
      </c>
      <c r="L37779" t="s">
        <v>995</v>
      </c>
      <c r="M37779" t="s">
        <v>87</v>
      </c>
      <c r="N37779" t="s">
        <v>88</v>
      </c>
      <c r="O37779" t="s">
        <v>85</v>
      </c>
      <c r="P37779" t="s">
        <v>86</v>
      </c>
      <c r="Q37779">
        <v>13</v>
      </c>
      <c r="R37779">
        <v>14</v>
      </c>
      <c r="S37779">
        <v>14</v>
      </c>
      <c r="T37779">
        <v>14</v>
      </c>
      <c r="U37779">
        <v>14</v>
      </c>
      <c r="V37779">
        <v>14</v>
      </c>
      <c r="W37779">
        <v>14</v>
      </c>
      <c r="X37779">
        <v>14</v>
      </c>
      <c r="Y37779">
        <v>15</v>
      </c>
      <c r="Z37779">
        <v>15</v>
      </c>
      <c r="AA37779">
        <v>15</v>
      </c>
      <c r="AB37779">
        <v>15</v>
      </c>
      <c r="AC37779">
        <v>15</v>
      </c>
      <c r="AD37779">
        <v>15</v>
      </c>
      <c r="AE37779">
        <v>15</v>
      </c>
      <c r="AF37779">
        <v>16</v>
      </c>
      <c r="AG37779">
        <v>16</v>
      </c>
      <c r="AH37779">
        <v>16</v>
      </c>
      <c r="AI37779">
        <v>16</v>
      </c>
      <c r="AJ37779">
        <v>16</v>
      </c>
      <c r="AK37779">
        <v>16</v>
      </c>
      <c r="AL37779">
        <v>17</v>
      </c>
      <c r="AM37779">
        <v>17</v>
      </c>
      <c r="AN37779">
        <v>17</v>
      </c>
      <c r="AO37779">
        <v>17</v>
      </c>
      <c r="AP37779">
        <v>17</v>
      </c>
      <c r="AQ37779">
        <v>17</v>
      </c>
    </row>
    <row r="37780" spans="1:43">
      <c r="A37780" t="s">
        <v>23415</v>
      </c>
      <c r="B37780" t="s">
        <v>23416</v>
      </c>
      <c r="C37780" t="s">
        <v>23401</v>
      </c>
      <c r="D37780" t="s">
        <v>23402</v>
      </c>
      <c r="E37780" t="s">
        <v>23347</v>
      </c>
      <c r="F37780" t="s">
        <v>23348</v>
      </c>
      <c r="G37780" t="s">
        <v>22539</v>
      </c>
      <c r="H37780" t="s">
        <v>22540</v>
      </c>
      <c r="I37780" s="2">
        <v>0</v>
      </c>
      <c r="J37780" s="2">
        <v>0</v>
      </c>
      <c r="K37780" s="2">
        <v>1</v>
      </c>
      <c r="L37780" t="s">
        <v>995</v>
      </c>
      <c r="M37780" t="s">
        <v>89</v>
      </c>
      <c r="N37780" t="s">
        <v>90</v>
      </c>
      <c r="O37780" t="s">
        <v>85</v>
      </c>
      <c r="P37780" t="s">
        <v>86</v>
      </c>
      <c r="Q37780">
        <v>13</v>
      </c>
      <c r="R37780">
        <v>13</v>
      </c>
      <c r="S37780">
        <v>13</v>
      </c>
      <c r="T37780">
        <v>14</v>
      </c>
      <c r="U37780">
        <v>14</v>
      </c>
      <c r="V37780">
        <v>14</v>
      </c>
      <c r="W37780">
        <v>15</v>
      </c>
      <c r="X37780">
        <v>15</v>
      </c>
      <c r="Y37780">
        <v>16</v>
      </c>
      <c r="Z37780">
        <v>16</v>
      </c>
      <c r="AA37780">
        <v>16</v>
      </c>
      <c r="AB37780">
        <v>16</v>
      </c>
      <c r="AC37780">
        <v>17</v>
      </c>
      <c r="AD37780">
        <v>17</v>
      </c>
      <c r="AE37780">
        <v>17</v>
      </c>
      <c r="AF37780">
        <v>18</v>
      </c>
      <c r="AG37780">
        <v>18</v>
      </c>
      <c r="AH37780">
        <v>18</v>
      </c>
      <c r="AI37780">
        <v>18</v>
      </c>
      <c r="AJ37780">
        <v>18</v>
      </c>
      <c r="AK37780">
        <v>18</v>
      </c>
      <c r="AL37780">
        <v>18</v>
      </c>
      <c r="AM37780">
        <v>18</v>
      </c>
      <c r="AN37780">
        <v>19</v>
      </c>
      <c r="AO37780">
        <v>19</v>
      </c>
      <c r="AP37780">
        <v>19</v>
      </c>
      <c r="AQ37780">
        <v>19</v>
      </c>
    </row>
    <row r="37781" spans="1:43">
      <c r="A37781" t="s">
        <v>23415</v>
      </c>
      <c r="B37781" t="s">
        <v>23416</v>
      </c>
      <c r="C37781" t="s">
        <v>23401</v>
      </c>
      <c r="D37781" t="s">
        <v>23402</v>
      </c>
      <c r="E37781" t="s">
        <v>23347</v>
      </c>
      <c r="F37781" t="s">
        <v>23348</v>
      </c>
      <c r="G37781" t="s">
        <v>22539</v>
      </c>
      <c r="H37781" t="s">
        <v>22540</v>
      </c>
      <c r="I37781" s="2">
        <v>0</v>
      </c>
      <c r="J37781" s="2">
        <v>0</v>
      </c>
      <c r="K37781" s="2">
        <v>1</v>
      </c>
      <c r="L37781" t="s">
        <v>995</v>
      </c>
      <c r="M37781" t="s">
        <v>83</v>
      </c>
      <c r="N37781" t="s">
        <v>91</v>
      </c>
      <c r="O37781" t="s">
        <v>85</v>
      </c>
      <c r="P37781" t="s">
        <v>86</v>
      </c>
      <c r="Q37781">
        <v>13</v>
      </c>
      <c r="R37781">
        <v>13</v>
      </c>
      <c r="S37781">
        <v>13</v>
      </c>
      <c r="T37781">
        <v>13</v>
      </c>
      <c r="U37781">
        <v>14</v>
      </c>
      <c r="V37781">
        <v>14</v>
      </c>
      <c r="W37781">
        <v>14</v>
      </c>
      <c r="X37781">
        <v>14</v>
      </c>
      <c r="Y37781">
        <v>15</v>
      </c>
      <c r="Z37781">
        <v>15</v>
      </c>
      <c r="AA37781">
        <v>15</v>
      </c>
      <c r="AB37781">
        <v>15</v>
      </c>
      <c r="AC37781">
        <v>16</v>
      </c>
      <c r="AD37781">
        <v>16</v>
      </c>
      <c r="AE37781">
        <v>16</v>
      </c>
      <c r="AF37781">
        <v>17</v>
      </c>
      <c r="AG37781">
        <v>17</v>
      </c>
      <c r="AH37781">
        <v>17</v>
      </c>
      <c r="AI37781">
        <v>17</v>
      </c>
      <c r="AJ37781">
        <v>18</v>
      </c>
      <c r="AK37781">
        <v>18</v>
      </c>
      <c r="AL37781">
        <v>18</v>
      </c>
      <c r="AM37781">
        <v>18</v>
      </c>
      <c r="AN37781">
        <v>18</v>
      </c>
      <c r="AO37781">
        <v>19</v>
      </c>
      <c r="AP37781">
        <v>19</v>
      </c>
      <c r="AQ37781">
        <v>19</v>
      </c>
    </row>
    <row r="37782" spans="1:43">
      <c r="A37782" t="s">
        <v>23417</v>
      </c>
      <c r="B37782" t="s">
        <v>23418</v>
      </c>
      <c r="C37782" t="s">
        <v>23401</v>
      </c>
      <c r="D37782" t="s">
        <v>23402</v>
      </c>
      <c r="E37782" t="s">
        <v>23347</v>
      </c>
      <c r="F37782" t="s">
        <v>23348</v>
      </c>
      <c r="G37782" t="s">
        <v>22539</v>
      </c>
      <c r="H37782" t="s">
        <v>22540</v>
      </c>
      <c r="I37782" s="2">
        <v>0</v>
      </c>
      <c r="J37782" s="2">
        <v>0</v>
      </c>
      <c r="K37782" s="2">
        <v>1</v>
      </c>
      <c r="L37782" t="s">
        <v>995</v>
      </c>
      <c r="M37782" t="s">
        <v>83</v>
      </c>
      <c r="N37782" t="s">
        <v>84</v>
      </c>
      <c r="O37782" t="s">
        <v>85</v>
      </c>
      <c r="P37782" t="s">
        <v>86</v>
      </c>
      <c r="Q37782">
        <v>19</v>
      </c>
      <c r="R37782">
        <v>19</v>
      </c>
      <c r="S37782">
        <v>19</v>
      </c>
      <c r="T37782">
        <v>20</v>
      </c>
      <c r="U37782">
        <v>20</v>
      </c>
      <c r="V37782">
        <v>21</v>
      </c>
      <c r="W37782">
        <v>21</v>
      </c>
      <c r="X37782">
        <v>21</v>
      </c>
      <c r="Y37782">
        <v>22</v>
      </c>
      <c r="Z37782">
        <v>22</v>
      </c>
      <c r="AA37782">
        <v>23</v>
      </c>
      <c r="AB37782">
        <v>23</v>
      </c>
      <c r="AC37782">
        <v>23</v>
      </c>
      <c r="AD37782">
        <v>24</v>
      </c>
      <c r="AE37782">
        <v>24</v>
      </c>
      <c r="AF37782">
        <v>25</v>
      </c>
      <c r="AG37782">
        <v>25</v>
      </c>
      <c r="AH37782">
        <v>25</v>
      </c>
      <c r="AI37782">
        <v>26</v>
      </c>
      <c r="AJ37782">
        <v>26</v>
      </c>
      <c r="AK37782">
        <v>27</v>
      </c>
      <c r="AL37782">
        <v>27</v>
      </c>
      <c r="AM37782">
        <v>27</v>
      </c>
      <c r="AN37782">
        <v>27</v>
      </c>
      <c r="AO37782">
        <v>28</v>
      </c>
      <c r="AP37782">
        <v>28</v>
      </c>
      <c r="AQ37782">
        <v>28</v>
      </c>
    </row>
    <row r="37783" spans="1:43">
      <c r="A37783" t="s">
        <v>23417</v>
      </c>
      <c r="B37783" t="s">
        <v>23418</v>
      </c>
      <c r="C37783" t="s">
        <v>23401</v>
      </c>
      <c r="D37783" t="s">
        <v>23402</v>
      </c>
      <c r="E37783" t="s">
        <v>23347</v>
      </c>
      <c r="F37783" t="s">
        <v>23348</v>
      </c>
      <c r="G37783" t="s">
        <v>22539</v>
      </c>
      <c r="H37783" t="s">
        <v>22540</v>
      </c>
      <c r="I37783" s="2">
        <v>0</v>
      </c>
      <c r="J37783" s="2">
        <v>0</v>
      </c>
      <c r="K37783" s="2">
        <v>1</v>
      </c>
      <c r="L37783" t="s">
        <v>995</v>
      </c>
      <c r="M37783" t="s">
        <v>87</v>
      </c>
      <c r="N37783" t="s">
        <v>88</v>
      </c>
      <c r="O37783" t="s">
        <v>85</v>
      </c>
      <c r="P37783" t="s">
        <v>86</v>
      </c>
      <c r="Q37783">
        <v>19</v>
      </c>
      <c r="R37783">
        <v>20</v>
      </c>
      <c r="S37783">
        <v>20</v>
      </c>
      <c r="T37783">
        <v>20</v>
      </c>
      <c r="U37783">
        <v>20</v>
      </c>
      <c r="V37783">
        <v>21</v>
      </c>
      <c r="W37783">
        <v>21</v>
      </c>
      <c r="X37783">
        <v>21</v>
      </c>
      <c r="Y37783">
        <v>21</v>
      </c>
      <c r="Z37783">
        <v>21</v>
      </c>
      <c r="AA37783">
        <v>22</v>
      </c>
      <c r="AB37783">
        <v>22</v>
      </c>
      <c r="AC37783">
        <v>22</v>
      </c>
      <c r="AD37783">
        <v>22</v>
      </c>
      <c r="AE37783">
        <v>22</v>
      </c>
      <c r="AF37783">
        <v>23</v>
      </c>
      <c r="AG37783">
        <v>23</v>
      </c>
      <c r="AH37783">
        <v>23</v>
      </c>
      <c r="AI37783">
        <v>23</v>
      </c>
      <c r="AJ37783">
        <v>24</v>
      </c>
      <c r="AK37783">
        <v>24</v>
      </c>
      <c r="AL37783">
        <v>24</v>
      </c>
      <c r="AM37783">
        <v>24</v>
      </c>
      <c r="AN37783">
        <v>25</v>
      </c>
      <c r="AO37783">
        <v>25</v>
      </c>
      <c r="AP37783">
        <v>25</v>
      </c>
      <c r="AQ37783">
        <v>25</v>
      </c>
    </row>
    <row r="37784" spans="1:43">
      <c r="A37784" t="s">
        <v>23417</v>
      </c>
      <c r="B37784" t="s">
        <v>23418</v>
      </c>
      <c r="C37784" t="s">
        <v>23401</v>
      </c>
      <c r="D37784" t="s">
        <v>23402</v>
      </c>
      <c r="E37784" t="s">
        <v>23347</v>
      </c>
      <c r="F37784" t="s">
        <v>23348</v>
      </c>
      <c r="G37784" t="s">
        <v>22539</v>
      </c>
      <c r="H37784" t="s">
        <v>22540</v>
      </c>
      <c r="I37784" s="2">
        <v>0</v>
      </c>
      <c r="J37784" s="2">
        <v>0</v>
      </c>
      <c r="K37784" s="2">
        <v>1</v>
      </c>
      <c r="L37784" t="s">
        <v>995</v>
      </c>
      <c r="M37784" t="s">
        <v>89</v>
      </c>
      <c r="N37784" t="s">
        <v>90</v>
      </c>
      <c r="O37784" t="s">
        <v>85</v>
      </c>
      <c r="P37784" t="s">
        <v>86</v>
      </c>
      <c r="Q37784">
        <v>19</v>
      </c>
      <c r="R37784">
        <v>19</v>
      </c>
      <c r="S37784">
        <v>20</v>
      </c>
      <c r="T37784">
        <v>21</v>
      </c>
      <c r="U37784">
        <v>21</v>
      </c>
      <c r="V37784">
        <v>22</v>
      </c>
      <c r="W37784">
        <v>22</v>
      </c>
      <c r="X37784">
        <v>23</v>
      </c>
      <c r="Y37784">
        <v>23</v>
      </c>
      <c r="Z37784">
        <v>24</v>
      </c>
      <c r="AA37784">
        <v>24</v>
      </c>
      <c r="AB37784">
        <v>25</v>
      </c>
      <c r="AC37784">
        <v>25</v>
      </c>
      <c r="AD37784">
        <v>26</v>
      </c>
      <c r="AE37784">
        <v>26</v>
      </c>
      <c r="AF37784">
        <v>26</v>
      </c>
      <c r="AG37784">
        <v>26</v>
      </c>
      <c r="AH37784">
        <v>27</v>
      </c>
      <c r="AI37784">
        <v>27</v>
      </c>
      <c r="AJ37784">
        <v>27</v>
      </c>
      <c r="AK37784">
        <v>27</v>
      </c>
      <c r="AL37784">
        <v>27</v>
      </c>
      <c r="AM37784">
        <v>27</v>
      </c>
      <c r="AN37784">
        <v>28</v>
      </c>
      <c r="AO37784">
        <v>28</v>
      </c>
      <c r="AP37784">
        <v>28</v>
      </c>
      <c r="AQ37784">
        <v>28</v>
      </c>
    </row>
    <row r="37785" spans="1:43">
      <c r="A37785" t="s">
        <v>23417</v>
      </c>
      <c r="B37785" t="s">
        <v>23418</v>
      </c>
      <c r="C37785" t="s">
        <v>23401</v>
      </c>
      <c r="D37785" t="s">
        <v>23402</v>
      </c>
      <c r="E37785" t="s">
        <v>23347</v>
      </c>
      <c r="F37785" t="s">
        <v>23348</v>
      </c>
      <c r="G37785" t="s">
        <v>22539</v>
      </c>
      <c r="H37785" t="s">
        <v>22540</v>
      </c>
      <c r="I37785" s="2">
        <v>0</v>
      </c>
      <c r="J37785" s="2">
        <v>0</v>
      </c>
      <c r="K37785" s="2">
        <v>1</v>
      </c>
      <c r="L37785" t="s">
        <v>995</v>
      </c>
      <c r="M37785" t="s">
        <v>83</v>
      </c>
      <c r="N37785" t="s">
        <v>91</v>
      </c>
      <c r="O37785" t="s">
        <v>85</v>
      </c>
      <c r="P37785" t="s">
        <v>86</v>
      </c>
      <c r="Q37785">
        <v>19</v>
      </c>
      <c r="R37785">
        <v>19</v>
      </c>
      <c r="S37785">
        <v>19</v>
      </c>
      <c r="T37785">
        <v>20</v>
      </c>
      <c r="U37785">
        <v>20</v>
      </c>
      <c r="V37785">
        <v>21</v>
      </c>
      <c r="W37785">
        <v>21</v>
      </c>
      <c r="X37785">
        <v>21</v>
      </c>
      <c r="Y37785">
        <v>22</v>
      </c>
      <c r="Z37785">
        <v>22</v>
      </c>
      <c r="AA37785">
        <v>23</v>
      </c>
      <c r="AB37785">
        <v>23</v>
      </c>
      <c r="AC37785">
        <v>23</v>
      </c>
      <c r="AD37785">
        <v>24</v>
      </c>
      <c r="AE37785">
        <v>24</v>
      </c>
      <c r="AF37785">
        <v>25</v>
      </c>
      <c r="AG37785">
        <v>25</v>
      </c>
      <c r="AH37785">
        <v>25</v>
      </c>
      <c r="AI37785">
        <v>26</v>
      </c>
      <c r="AJ37785">
        <v>26</v>
      </c>
      <c r="AK37785">
        <v>27</v>
      </c>
      <c r="AL37785">
        <v>27</v>
      </c>
      <c r="AM37785">
        <v>27</v>
      </c>
      <c r="AN37785">
        <v>27</v>
      </c>
      <c r="AO37785">
        <v>28</v>
      </c>
      <c r="AP37785">
        <v>28</v>
      </c>
      <c r="AQ37785">
        <v>28</v>
      </c>
    </row>
    <row r="37786" spans="1:43">
      <c r="A37786" t="s">
        <v>23419</v>
      </c>
      <c r="B37786" t="s">
        <v>23420</v>
      </c>
      <c r="C37786" t="s">
        <v>23421</v>
      </c>
      <c r="D37786" t="s">
        <v>23422</v>
      </c>
      <c r="E37786" t="s">
        <v>23423</v>
      </c>
      <c r="F37786" t="s">
        <v>23424</v>
      </c>
      <c r="G37786" t="s">
        <v>22539</v>
      </c>
      <c r="H37786" t="s">
        <v>22540</v>
      </c>
      <c r="I37786" s="2">
        <v>0</v>
      </c>
      <c r="J37786" s="2">
        <v>0</v>
      </c>
      <c r="K37786" s="2">
        <v>1</v>
      </c>
      <c r="L37786" t="s">
        <v>995</v>
      </c>
      <c r="M37786" t="s">
        <v>83</v>
      </c>
      <c r="N37786" t="s">
        <v>84</v>
      </c>
      <c r="O37786" t="s">
        <v>85</v>
      </c>
      <c r="P37786" t="s">
        <v>86</v>
      </c>
      <c r="Q37786">
        <v>32</v>
      </c>
      <c r="R37786">
        <v>33</v>
      </c>
      <c r="S37786">
        <v>34</v>
      </c>
      <c r="T37786">
        <v>35</v>
      </c>
      <c r="U37786">
        <v>36</v>
      </c>
      <c r="V37786">
        <v>36</v>
      </c>
      <c r="W37786">
        <v>37</v>
      </c>
      <c r="X37786">
        <v>38</v>
      </c>
      <c r="Y37786">
        <v>39</v>
      </c>
      <c r="Z37786">
        <v>40</v>
      </c>
      <c r="AA37786">
        <v>41</v>
      </c>
      <c r="AB37786">
        <v>42</v>
      </c>
      <c r="AC37786">
        <v>43</v>
      </c>
      <c r="AD37786">
        <v>44</v>
      </c>
      <c r="AE37786">
        <v>45</v>
      </c>
      <c r="AF37786">
        <v>46</v>
      </c>
      <c r="AG37786">
        <v>47</v>
      </c>
      <c r="AH37786">
        <v>48</v>
      </c>
      <c r="AI37786">
        <v>49</v>
      </c>
      <c r="AJ37786">
        <v>50</v>
      </c>
      <c r="AK37786">
        <v>51</v>
      </c>
      <c r="AL37786">
        <v>52</v>
      </c>
      <c r="AM37786">
        <v>53</v>
      </c>
      <c r="AN37786">
        <v>53</v>
      </c>
      <c r="AO37786">
        <v>54</v>
      </c>
      <c r="AP37786">
        <v>54</v>
      </c>
      <c r="AQ37786">
        <v>55</v>
      </c>
    </row>
    <row r="37787" spans="1:43">
      <c r="A37787" t="s">
        <v>23419</v>
      </c>
      <c r="B37787" t="s">
        <v>23420</v>
      </c>
      <c r="C37787" t="s">
        <v>23421</v>
      </c>
      <c r="D37787" t="s">
        <v>23422</v>
      </c>
      <c r="E37787" t="s">
        <v>23423</v>
      </c>
      <c r="F37787" t="s">
        <v>23424</v>
      </c>
      <c r="G37787" t="s">
        <v>22539</v>
      </c>
      <c r="H37787" t="s">
        <v>22540</v>
      </c>
      <c r="I37787" s="2">
        <v>0</v>
      </c>
      <c r="J37787" s="2">
        <v>0</v>
      </c>
      <c r="K37787" s="2">
        <v>1</v>
      </c>
      <c r="L37787" t="s">
        <v>995</v>
      </c>
      <c r="M37787" t="s">
        <v>87</v>
      </c>
      <c r="N37787" t="s">
        <v>88</v>
      </c>
      <c r="O37787" t="s">
        <v>85</v>
      </c>
      <c r="P37787" t="s">
        <v>86</v>
      </c>
      <c r="Q37787">
        <v>32</v>
      </c>
      <c r="R37787">
        <v>32</v>
      </c>
      <c r="S37787">
        <v>33</v>
      </c>
      <c r="T37787">
        <v>33</v>
      </c>
      <c r="U37787">
        <v>34</v>
      </c>
      <c r="V37787">
        <v>35</v>
      </c>
      <c r="W37787">
        <v>35</v>
      </c>
      <c r="X37787">
        <v>36</v>
      </c>
      <c r="Y37787">
        <v>36</v>
      </c>
      <c r="Z37787">
        <v>37</v>
      </c>
      <c r="AA37787">
        <v>37</v>
      </c>
      <c r="AB37787">
        <v>38</v>
      </c>
      <c r="AC37787">
        <v>38</v>
      </c>
      <c r="AD37787">
        <v>39</v>
      </c>
      <c r="AE37787">
        <v>40</v>
      </c>
      <c r="AF37787">
        <v>40</v>
      </c>
      <c r="AG37787">
        <v>41</v>
      </c>
      <c r="AH37787">
        <v>42</v>
      </c>
      <c r="AI37787">
        <v>42</v>
      </c>
      <c r="AJ37787">
        <v>43</v>
      </c>
      <c r="AK37787">
        <v>44</v>
      </c>
      <c r="AL37787">
        <v>44</v>
      </c>
      <c r="AM37787">
        <v>45</v>
      </c>
      <c r="AN37787">
        <v>46</v>
      </c>
      <c r="AO37787">
        <v>46</v>
      </c>
      <c r="AP37787">
        <v>47</v>
      </c>
      <c r="AQ37787">
        <v>48</v>
      </c>
    </row>
    <row r="37788" spans="1:43">
      <c r="A37788" t="s">
        <v>23419</v>
      </c>
      <c r="B37788" t="s">
        <v>23420</v>
      </c>
      <c r="C37788" t="s">
        <v>23421</v>
      </c>
      <c r="D37788" t="s">
        <v>23422</v>
      </c>
      <c r="E37788" t="s">
        <v>23423</v>
      </c>
      <c r="F37788" t="s">
        <v>23424</v>
      </c>
      <c r="G37788" t="s">
        <v>22539</v>
      </c>
      <c r="H37788" t="s">
        <v>22540</v>
      </c>
      <c r="I37788" s="2">
        <v>0</v>
      </c>
      <c r="J37788" s="2">
        <v>0</v>
      </c>
      <c r="K37788" s="2">
        <v>1</v>
      </c>
      <c r="L37788" t="s">
        <v>995</v>
      </c>
      <c r="M37788" t="s">
        <v>89</v>
      </c>
      <c r="N37788" t="s">
        <v>90</v>
      </c>
      <c r="O37788" t="s">
        <v>85</v>
      </c>
      <c r="P37788" t="s">
        <v>86</v>
      </c>
      <c r="Q37788">
        <v>32</v>
      </c>
      <c r="R37788">
        <v>34</v>
      </c>
      <c r="S37788">
        <v>35</v>
      </c>
      <c r="T37788">
        <v>36</v>
      </c>
      <c r="U37788">
        <v>37</v>
      </c>
      <c r="V37788">
        <v>38</v>
      </c>
      <c r="W37788">
        <v>39</v>
      </c>
      <c r="X37788">
        <v>40</v>
      </c>
      <c r="Y37788">
        <v>41</v>
      </c>
      <c r="Z37788">
        <v>43</v>
      </c>
      <c r="AA37788">
        <v>44</v>
      </c>
      <c r="AB37788">
        <v>45</v>
      </c>
      <c r="AC37788">
        <v>46</v>
      </c>
      <c r="AD37788">
        <v>47</v>
      </c>
      <c r="AE37788">
        <v>48</v>
      </c>
      <c r="AF37788">
        <v>49</v>
      </c>
      <c r="AG37788">
        <v>49</v>
      </c>
      <c r="AH37788">
        <v>50</v>
      </c>
      <c r="AI37788">
        <v>50</v>
      </c>
      <c r="AJ37788">
        <v>51</v>
      </c>
      <c r="AK37788">
        <v>52</v>
      </c>
      <c r="AL37788">
        <v>52</v>
      </c>
      <c r="AM37788">
        <v>53</v>
      </c>
      <c r="AN37788">
        <v>53</v>
      </c>
      <c r="AO37788">
        <v>54</v>
      </c>
      <c r="AP37788">
        <v>55</v>
      </c>
      <c r="AQ37788">
        <v>55</v>
      </c>
    </row>
    <row r="37789" spans="1:43">
      <c r="A37789" t="s">
        <v>23419</v>
      </c>
      <c r="B37789" t="s">
        <v>23420</v>
      </c>
      <c r="C37789" t="s">
        <v>23421</v>
      </c>
      <c r="D37789" t="s">
        <v>23422</v>
      </c>
      <c r="E37789" t="s">
        <v>23423</v>
      </c>
      <c r="F37789" t="s">
        <v>23424</v>
      </c>
      <c r="G37789" t="s">
        <v>22539</v>
      </c>
      <c r="H37789" t="s">
        <v>22540</v>
      </c>
      <c r="I37789" s="2">
        <v>0</v>
      </c>
      <c r="J37789" s="2">
        <v>0</v>
      </c>
      <c r="K37789" s="2">
        <v>1</v>
      </c>
      <c r="L37789" t="s">
        <v>995</v>
      </c>
      <c r="M37789" t="s">
        <v>83</v>
      </c>
      <c r="N37789" t="s">
        <v>91</v>
      </c>
      <c r="O37789" t="s">
        <v>85</v>
      </c>
      <c r="P37789" t="s">
        <v>86</v>
      </c>
      <c r="Q37789">
        <v>32</v>
      </c>
      <c r="R37789">
        <v>33</v>
      </c>
      <c r="S37789">
        <v>34</v>
      </c>
      <c r="T37789">
        <v>35</v>
      </c>
      <c r="U37789">
        <v>36</v>
      </c>
      <c r="V37789">
        <v>36</v>
      </c>
      <c r="W37789">
        <v>37</v>
      </c>
      <c r="X37789">
        <v>38</v>
      </c>
      <c r="Y37789">
        <v>39</v>
      </c>
      <c r="Z37789">
        <v>40</v>
      </c>
      <c r="AA37789">
        <v>41</v>
      </c>
      <c r="AB37789">
        <v>42</v>
      </c>
      <c r="AC37789">
        <v>43</v>
      </c>
      <c r="AD37789">
        <v>44</v>
      </c>
      <c r="AE37789">
        <v>45</v>
      </c>
      <c r="AF37789">
        <v>46</v>
      </c>
      <c r="AG37789">
        <v>47</v>
      </c>
      <c r="AH37789">
        <v>48</v>
      </c>
      <c r="AI37789">
        <v>49</v>
      </c>
      <c r="AJ37789">
        <v>50</v>
      </c>
      <c r="AK37789">
        <v>51</v>
      </c>
      <c r="AL37789">
        <v>52</v>
      </c>
      <c r="AM37789">
        <v>53</v>
      </c>
      <c r="AN37789">
        <v>53</v>
      </c>
      <c r="AO37789">
        <v>54</v>
      </c>
      <c r="AP37789">
        <v>54</v>
      </c>
      <c r="AQ37789">
        <v>55</v>
      </c>
    </row>
    <row r="37790" spans="1:43">
      <c r="A37790" t="s">
        <v>23425</v>
      </c>
      <c r="B37790" t="s">
        <v>23426</v>
      </c>
      <c r="C37790" t="s">
        <v>23421</v>
      </c>
      <c r="D37790" t="s">
        <v>23422</v>
      </c>
      <c r="E37790" t="s">
        <v>23423</v>
      </c>
      <c r="F37790" t="s">
        <v>23424</v>
      </c>
      <c r="G37790" t="s">
        <v>22539</v>
      </c>
      <c r="H37790" t="s">
        <v>22540</v>
      </c>
      <c r="I37790" s="2">
        <v>0</v>
      </c>
      <c r="J37790" s="2">
        <v>0</v>
      </c>
      <c r="K37790" s="2">
        <v>0.25</v>
      </c>
      <c r="L37790" t="s">
        <v>995</v>
      </c>
      <c r="M37790" t="s">
        <v>83</v>
      </c>
      <c r="N37790" t="s">
        <v>84</v>
      </c>
      <c r="O37790" t="s">
        <v>85</v>
      </c>
      <c r="P37790" t="s">
        <v>86</v>
      </c>
      <c r="Q37790">
        <v>1</v>
      </c>
      <c r="R37790">
        <v>1</v>
      </c>
      <c r="S37790">
        <v>1</v>
      </c>
      <c r="T37790">
        <v>1</v>
      </c>
      <c r="U37790">
        <v>1</v>
      </c>
      <c r="V37790">
        <v>1</v>
      </c>
      <c r="W37790">
        <v>1</v>
      </c>
      <c r="X37790">
        <v>1</v>
      </c>
      <c r="Y37790">
        <v>2</v>
      </c>
      <c r="Z37790">
        <v>2</v>
      </c>
      <c r="AA37790">
        <v>2</v>
      </c>
      <c r="AB37790">
        <v>2</v>
      </c>
      <c r="AC37790">
        <v>2</v>
      </c>
      <c r="AD37790">
        <v>2</v>
      </c>
      <c r="AE37790">
        <v>2</v>
      </c>
      <c r="AF37790">
        <v>2</v>
      </c>
      <c r="AG37790">
        <v>2</v>
      </c>
      <c r="AH37790">
        <v>2</v>
      </c>
      <c r="AI37790">
        <v>2</v>
      </c>
      <c r="AJ37790">
        <v>2</v>
      </c>
      <c r="AK37790">
        <v>2</v>
      </c>
      <c r="AL37790">
        <v>2</v>
      </c>
      <c r="AM37790">
        <v>2</v>
      </c>
      <c r="AN37790">
        <v>2</v>
      </c>
      <c r="AO37790">
        <v>2</v>
      </c>
      <c r="AP37790">
        <v>2</v>
      </c>
      <c r="AQ37790">
        <v>2</v>
      </c>
    </row>
    <row r="37791" spans="1:43">
      <c r="A37791" t="s">
        <v>23425</v>
      </c>
      <c r="B37791" t="s">
        <v>23426</v>
      </c>
      <c r="C37791" t="s">
        <v>23421</v>
      </c>
      <c r="D37791" t="s">
        <v>23422</v>
      </c>
      <c r="E37791" t="s">
        <v>23423</v>
      </c>
      <c r="F37791" t="s">
        <v>23424</v>
      </c>
      <c r="G37791" t="s">
        <v>22539</v>
      </c>
      <c r="H37791" t="s">
        <v>22540</v>
      </c>
      <c r="I37791" s="2">
        <v>0</v>
      </c>
      <c r="J37791" s="2">
        <v>0</v>
      </c>
      <c r="K37791" s="2">
        <v>0.25</v>
      </c>
      <c r="L37791" t="s">
        <v>995</v>
      </c>
      <c r="M37791" t="s">
        <v>87</v>
      </c>
      <c r="N37791" t="s">
        <v>88</v>
      </c>
      <c r="O37791" t="s">
        <v>85</v>
      </c>
      <c r="P37791" t="s">
        <v>86</v>
      </c>
      <c r="Q37791">
        <v>1</v>
      </c>
      <c r="R37791">
        <v>1</v>
      </c>
      <c r="S37791">
        <v>1</v>
      </c>
      <c r="T37791">
        <v>1</v>
      </c>
      <c r="U37791">
        <v>1</v>
      </c>
      <c r="V37791">
        <v>1</v>
      </c>
      <c r="W37791">
        <v>1</v>
      </c>
      <c r="X37791">
        <v>1</v>
      </c>
      <c r="Y37791">
        <v>1</v>
      </c>
      <c r="Z37791">
        <v>1</v>
      </c>
      <c r="AA37791">
        <v>1</v>
      </c>
      <c r="AB37791">
        <v>1</v>
      </c>
      <c r="AC37791">
        <v>2</v>
      </c>
      <c r="AD37791">
        <v>2</v>
      </c>
      <c r="AE37791">
        <v>2</v>
      </c>
      <c r="AF37791">
        <v>2</v>
      </c>
      <c r="AG37791">
        <v>2</v>
      </c>
      <c r="AH37791">
        <v>2</v>
      </c>
      <c r="AI37791">
        <v>2</v>
      </c>
      <c r="AJ37791">
        <v>2</v>
      </c>
      <c r="AK37791">
        <v>2</v>
      </c>
      <c r="AL37791">
        <v>2</v>
      </c>
      <c r="AM37791">
        <v>2</v>
      </c>
      <c r="AN37791">
        <v>2</v>
      </c>
      <c r="AO37791">
        <v>2</v>
      </c>
      <c r="AP37791">
        <v>2</v>
      </c>
      <c r="AQ37791">
        <v>2</v>
      </c>
    </row>
    <row r="37792" spans="1:43">
      <c r="A37792" t="s">
        <v>23425</v>
      </c>
      <c r="B37792" t="s">
        <v>23426</v>
      </c>
      <c r="C37792" t="s">
        <v>23421</v>
      </c>
      <c r="D37792" t="s">
        <v>23422</v>
      </c>
      <c r="E37792" t="s">
        <v>23423</v>
      </c>
      <c r="F37792" t="s">
        <v>23424</v>
      </c>
      <c r="G37792" t="s">
        <v>22539</v>
      </c>
      <c r="H37792" t="s">
        <v>22540</v>
      </c>
      <c r="I37792" s="2">
        <v>0</v>
      </c>
      <c r="J37792" s="2">
        <v>0</v>
      </c>
      <c r="K37792" s="2">
        <v>0.25</v>
      </c>
      <c r="L37792" t="s">
        <v>995</v>
      </c>
      <c r="M37792" t="s">
        <v>89</v>
      </c>
      <c r="N37792" t="s">
        <v>90</v>
      </c>
      <c r="O37792" t="s">
        <v>85</v>
      </c>
      <c r="P37792" t="s">
        <v>86</v>
      </c>
      <c r="Q37792">
        <v>1</v>
      </c>
      <c r="R37792">
        <v>1</v>
      </c>
      <c r="S37792">
        <v>1</v>
      </c>
      <c r="T37792">
        <v>1</v>
      </c>
      <c r="U37792">
        <v>1</v>
      </c>
      <c r="V37792">
        <v>1</v>
      </c>
      <c r="W37792">
        <v>2</v>
      </c>
      <c r="X37792">
        <v>2</v>
      </c>
      <c r="Y37792">
        <v>2</v>
      </c>
      <c r="Z37792">
        <v>2</v>
      </c>
      <c r="AA37792">
        <v>2</v>
      </c>
      <c r="AB37792">
        <v>2</v>
      </c>
      <c r="AC37792">
        <v>2</v>
      </c>
      <c r="AD37792">
        <v>2</v>
      </c>
      <c r="AE37792">
        <v>2</v>
      </c>
      <c r="AF37792">
        <v>2</v>
      </c>
      <c r="AG37792">
        <v>2</v>
      </c>
      <c r="AH37792">
        <v>2</v>
      </c>
      <c r="AI37792">
        <v>2</v>
      </c>
      <c r="AJ37792">
        <v>2</v>
      </c>
      <c r="AK37792">
        <v>2</v>
      </c>
      <c r="AL37792">
        <v>2</v>
      </c>
      <c r="AM37792">
        <v>2</v>
      </c>
      <c r="AN37792">
        <v>2</v>
      </c>
      <c r="AO37792">
        <v>2</v>
      </c>
      <c r="AP37792">
        <v>2</v>
      </c>
      <c r="AQ37792">
        <v>2</v>
      </c>
    </row>
    <row r="37793" spans="1:43">
      <c r="A37793" t="s">
        <v>23425</v>
      </c>
      <c r="B37793" t="s">
        <v>23426</v>
      </c>
      <c r="C37793" t="s">
        <v>23421</v>
      </c>
      <c r="D37793" t="s">
        <v>23422</v>
      </c>
      <c r="E37793" t="s">
        <v>23423</v>
      </c>
      <c r="F37793" t="s">
        <v>23424</v>
      </c>
      <c r="G37793" t="s">
        <v>22539</v>
      </c>
      <c r="H37793" t="s">
        <v>22540</v>
      </c>
      <c r="I37793" s="2">
        <v>0</v>
      </c>
      <c r="J37793" s="2">
        <v>0</v>
      </c>
      <c r="K37793" s="2">
        <v>0.25</v>
      </c>
      <c r="L37793" t="s">
        <v>995</v>
      </c>
      <c r="M37793" t="s">
        <v>83</v>
      </c>
      <c r="N37793" t="s">
        <v>91</v>
      </c>
      <c r="O37793" t="s">
        <v>85</v>
      </c>
      <c r="P37793" t="s">
        <v>86</v>
      </c>
      <c r="Q37793">
        <v>1</v>
      </c>
      <c r="R37793">
        <v>1</v>
      </c>
      <c r="S37793">
        <v>1</v>
      </c>
      <c r="T37793">
        <v>1</v>
      </c>
      <c r="U37793">
        <v>1</v>
      </c>
      <c r="V37793">
        <v>1</v>
      </c>
      <c r="W37793">
        <v>1</v>
      </c>
      <c r="X37793">
        <v>1</v>
      </c>
      <c r="Y37793">
        <v>2</v>
      </c>
      <c r="Z37793">
        <v>2</v>
      </c>
      <c r="AA37793">
        <v>2</v>
      </c>
      <c r="AB37793">
        <v>2</v>
      </c>
      <c r="AC37793">
        <v>2</v>
      </c>
      <c r="AD37793">
        <v>2</v>
      </c>
      <c r="AE37793">
        <v>2</v>
      </c>
      <c r="AF37793">
        <v>2</v>
      </c>
      <c r="AG37793">
        <v>2</v>
      </c>
      <c r="AH37793">
        <v>2</v>
      </c>
      <c r="AI37793">
        <v>2</v>
      </c>
      <c r="AJ37793">
        <v>2</v>
      </c>
      <c r="AK37793">
        <v>2</v>
      </c>
      <c r="AL37793">
        <v>2</v>
      </c>
      <c r="AM37793">
        <v>2</v>
      </c>
      <c r="AN37793">
        <v>2</v>
      </c>
      <c r="AO37793">
        <v>2</v>
      </c>
      <c r="AP37793">
        <v>2</v>
      </c>
      <c r="AQ37793">
        <v>2</v>
      </c>
    </row>
    <row r="37794" spans="1:43">
      <c r="A37794" t="s">
        <v>23427</v>
      </c>
      <c r="B37794" t="s">
        <v>23428</v>
      </c>
      <c r="C37794" t="s">
        <v>23421</v>
      </c>
      <c r="D37794" t="s">
        <v>23422</v>
      </c>
      <c r="E37794" t="s">
        <v>23423</v>
      </c>
      <c r="F37794" t="s">
        <v>23424</v>
      </c>
      <c r="G37794" t="s">
        <v>22539</v>
      </c>
      <c r="H37794" t="s">
        <v>22540</v>
      </c>
      <c r="I37794" s="2">
        <v>0</v>
      </c>
      <c r="J37794" s="2">
        <v>0</v>
      </c>
      <c r="K37794" s="2">
        <v>1</v>
      </c>
      <c r="L37794" t="s">
        <v>995</v>
      </c>
      <c r="M37794" t="s">
        <v>83</v>
      </c>
      <c r="N37794" t="s">
        <v>84</v>
      </c>
      <c r="O37794" t="s">
        <v>85</v>
      </c>
      <c r="P37794" t="s">
        <v>86</v>
      </c>
      <c r="Q37794">
        <v>17</v>
      </c>
      <c r="R37794">
        <v>17</v>
      </c>
      <c r="S37794">
        <v>18</v>
      </c>
      <c r="T37794">
        <v>18</v>
      </c>
      <c r="U37794">
        <v>18</v>
      </c>
      <c r="V37794">
        <v>19</v>
      </c>
      <c r="W37794">
        <v>19</v>
      </c>
      <c r="X37794">
        <v>20</v>
      </c>
      <c r="Y37794">
        <v>20</v>
      </c>
      <c r="Z37794">
        <v>21</v>
      </c>
      <c r="AA37794">
        <v>21</v>
      </c>
      <c r="AB37794">
        <v>22</v>
      </c>
      <c r="AC37794">
        <v>22</v>
      </c>
      <c r="AD37794">
        <v>23</v>
      </c>
      <c r="AE37794">
        <v>23</v>
      </c>
      <c r="AF37794">
        <v>24</v>
      </c>
      <c r="AG37794">
        <v>25</v>
      </c>
      <c r="AH37794">
        <v>25</v>
      </c>
      <c r="AI37794">
        <v>26</v>
      </c>
      <c r="AJ37794">
        <v>26</v>
      </c>
      <c r="AK37794">
        <v>27</v>
      </c>
      <c r="AL37794">
        <v>27</v>
      </c>
      <c r="AM37794">
        <v>28</v>
      </c>
      <c r="AN37794">
        <v>28</v>
      </c>
      <c r="AO37794">
        <v>28</v>
      </c>
      <c r="AP37794">
        <v>29</v>
      </c>
      <c r="AQ37794">
        <v>29</v>
      </c>
    </row>
    <row r="37795" spans="1:43">
      <c r="A37795" t="s">
        <v>23427</v>
      </c>
      <c r="B37795" t="s">
        <v>23428</v>
      </c>
      <c r="C37795" t="s">
        <v>23421</v>
      </c>
      <c r="D37795" t="s">
        <v>23422</v>
      </c>
      <c r="E37795" t="s">
        <v>23423</v>
      </c>
      <c r="F37795" t="s">
        <v>23424</v>
      </c>
      <c r="G37795" t="s">
        <v>22539</v>
      </c>
      <c r="H37795" t="s">
        <v>22540</v>
      </c>
      <c r="I37795" s="2">
        <v>0</v>
      </c>
      <c r="J37795" s="2">
        <v>0</v>
      </c>
      <c r="K37795" s="2">
        <v>1</v>
      </c>
      <c r="L37795" t="s">
        <v>995</v>
      </c>
      <c r="M37795" t="s">
        <v>87</v>
      </c>
      <c r="N37795" t="s">
        <v>88</v>
      </c>
      <c r="O37795" t="s">
        <v>85</v>
      </c>
      <c r="P37795" t="s">
        <v>86</v>
      </c>
      <c r="Q37795">
        <v>17</v>
      </c>
      <c r="R37795">
        <v>18</v>
      </c>
      <c r="S37795">
        <v>18</v>
      </c>
      <c r="T37795">
        <v>18</v>
      </c>
      <c r="U37795">
        <v>19</v>
      </c>
      <c r="V37795">
        <v>19</v>
      </c>
      <c r="W37795">
        <v>19</v>
      </c>
      <c r="X37795">
        <v>20</v>
      </c>
      <c r="Y37795">
        <v>20</v>
      </c>
      <c r="Z37795">
        <v>20</v>
      </c>
      <c r="AA37795">
        <v>20</v>
      </c>
      <c r="AB37795">
        <v>21</v>
      </c>
      <c r="AC37795">
        <v>21</v>
      </c>
      <c r="AD37795">
        <v>21</v>
      </c>
      <c r="AE37795">
        <v>22</v>
      </c>
      <c r="AF37795">
        <v>22</v>
      </c>
      <c r="AG37795">
        <v>22</v>
      </c>
      <c r="AH37795">
        <v>23</v>
      </c>
      <c r="AI37795">
        <v>23</v>
      </c>
      <c r="AJ37795">
        <v>23</v>
      </c>
      <c r="AK37795">
        <v>24</v>
      </c>
      <c r="AL37795">
        <v>24</v>
      </c>
      <c r="AM37795">
        <v>25</v>
      </c>
      <c r="AN37795">
        <v>25</v>
      </c>
      <c r="AO37795">
        <v>25</v>
      </c>
      <c r="AP37795">
        <v>26</v>
      </c>
      <c r="AQ37795">
        <v>26</v>
      </c>
    </row>
    <row r="37796" spans="1:43">
      <c r="A37796" t="s">
        <v>23427</v>
      </c>
      <c r="B37796" t="s">
        <v>23428</v>
      </c>
      <c r="C37796" t="s">
        <v>23421</v>
      </c>
      <c r="D37796" t="s">
        <v>23422</v>
      </c>
      <c r="E37796" t="s">
        <v>23423</v>
      </c>
      <c r="F37796" t="s">
        <v>23424</v>
      </c>
      <c r="G37796" t="s">
        <v>22539</v>
      </c>
      <c r="H37796" t="s">
        <v>22540</v>
      </c>
      <c r="I37796" s="2">
        <v>0</v>
      </c>
      <c r="J37796" s="2">
        <v>0</v>
      </c>
      <c r="K37796" s="2">
        <v>1</v>
      </c>
      <c r="L37796" t="s">
        <v>995</v>
      </c>
      <c r="M37796" t="s">
        <v>89</v>
      </c>
      <c r="N37796" t="s">
        <v>90</v>
      </c>
      <c r="O37796" t="s">
        <v>85</v>
      </c>
      <c r="P37796" t="s">
        <v>86</v>
      </c>
      <c r="Q37796">
        <v>17</v>
      </c>
      <c r="R37796">
        <v>17</v>
      </c>
      <c r="S37796">
        <v>18</v>
      </c>
      <c r="T37796">
        <v>19</v>
      </c>
      <c r="U37796">
        <v>19</v>
      </c>
      <c r="V37796">
        <v>20</v>
      </c>
      <c r="W37796">
        <v>20</v>
      </c>
      <c r="X37796">
        <v>21</v>
      </c>
      <c r="Y37796">
        <v>22</v>
      </c>
      <c r="Z37796">
        <v>22</v>
      </c>
      <c r="AA37796">
        <v>23</v>
      </c>
      <c r="AB37796">
        <v>23</v>
      </c>
      <c r="AC37796">
        <v>24</v>
      </c>
      <c r="AD37796">
        <v>25</v>
      </c>
      <c r="AE37796">
        <v>25</v>
      </c>
      <c r="AF37796">
        <v>26</v>
      </c>
      <c r="AG37796">
        <v>26</v>
      </c>
      <c r="AH37796">
        <v>26</v>
      </c>
      <c r="AI37796">
        <v>27</v>
      </c>
      <c r="AJ37796">
        <v>27</v>
      </c>
      <c r="AK37796">
        <v>27</v>
      </c>
      <c r="AL37796">
        <v>27</v>
      </c>
      <c r="AM37796">
        <v>28</v>
      </c>
      <c r="AN37796">
        <v>28</v>
      </c>
      <c r="AO37796">
        <v>28</v>
      </c>
      <c r="AP37796">
        <v>29</v>
      </c>
      <c r="AQ37796">
        <v>29</v>
      </c>
    </row>
    <row r="37797" spans="1:43">
      <c r="A37797" t="s">
        <v>23427</v>
      </c>
      <c r="B37797" t="s">
        <v>23428</v>
      </c>
      <c r="C37797" t="s">
        <v>23421</v>
      </c>
      <c r="D37797" t="s">
        <v>23422</v>
      </c>
      <c r="E37797" t="s">
        <v>23423</v>
      </c>
      <c r="F37797" t="s">
        <v>23424</v>
      </c>
      <c r="G37797" t="s">
        <v>22539</v>
      </c>
      <c r="H37797" t="s">
        <v>22540</v>
      </c>
      <c r="I37797" s="2">
        <v>0</v>
      </c>
      <c r="J37797" s="2">
        <v>0</v>
      </c>
      <c r="K37797" s="2">
        <v>1</v>
      </c>
      <c r="L37797" t="s">
        <v>995</v>
      </c>
      <c r="M37797" t="s">
        <v>83</v>
      </c>
      <c r="N37797" t="s">
        <v>91</v>
      </c>
      <c r="O37797" t="s">
        <v>85</v>
      </c>
      <c r="P37797" t="s">
        <v>86</v>
      </c>
      <c r="Q37797">
        <v>17</v>
      </c>
      <c r="R37797">
        <v>17</v>
      </c>
      <c r="S37797">
        <v>18</v>
      </c>
      <c r="T37797">
        <v>18</v>
      </c>
      <c r="U37797">
        <v>18</v>
      </c>
      <c r="V37797">
        <v>19</v>
      </c>
      <c r="W37797">
        <v>19</v>
      </c>
      <c r="X37797">
        <v>20</v>
      </c>
      <c r="Y37797">
        <v>20</v>
      </c>
      <c r="Z37797">
        <v>21</v>
      </c>
      <c r="AA37797">
        <v>21</v>
      </c>
      <c r="AB37797">
        <v>22</v>
      </c>
      <c r="AC37797">
        <v>22</v>
      </c>
      <c r="AD37797">
        <v>23</v>
      </c>
      <c r="AE37797">
        <v>23</v>
      </c>
      <c r="AF37797">
        <v>24</v>
      </c>
      <c r="AG37797">
        <v>25</v>
      </c>
      <c r="AH37797">
        <v>25</v>
      </c>
      <c r="AI37797">
        <v>26</v>
      </c>
      <c r="AJ37797">
        <v>26</v>
      </c>
      <c r="AK37797">
        <v>27</v>
      </c>
      <c r="AL37797">
        <v>27</v>
      </c>
      <c r="AM37797">
        <v>28</v>
      </c>
      <c r="AN37797">
        <v>28</v>
      </c>
      <c r="AO37797">
        <v>28</v>
      </c>
      <c r="AP37797">
        <v>29</v>
      </c>
      <c r="AQ37797">
        <v>29</v>
      </c>
    </row>
    <row r="37798" spans="1:43">
      <c r="A37798" t="s">
        <v>23429</v>
      </c>
      <c r="B37798" t="s">
        <v>23430</v>
      </c>
      <c r="C37798" t="s">
        <v>23421</v>
      </c>
      <c r="D37798" t="s">
        <v>23422</v>
      </c>
      <c r="E37798" t="s">
        <v>23423</v>
      </c>
      <c r="F37798" t="s">
        <v>23424</v>
      </c>
      <c r="G37798" t="s">
        <v>22539</v>
      </c>
      <c r="H37798" t="s">
        <v>22540</v>
      </c>
      <c r="I37798" s="2">
        <v>0</v>
      </c>
      <c r="J37798" s="2">
        <v>0</v>
      </c>
      <c r="K37798" s="2">
        <v>1</v>
      </c>
      <c r="L37798" t="s">
        <v>995</v>
      </c>
      <c r="M37798" t="s">
        <v>83</v>
      </c>
      <c r="N37798" t="s">
        <v>84</v>
      </c>
      <c r="O37798" t="s">
        <v>85</v>
      </c>
      <c r="P37798" t="s">
        <v>86</v>
      </c>
      <c r="Q37798">
        <v>13</v>
      </c>
      <c r="R37798">
        <v>13</v>
      </c>
      <c r="S37798">
        <v>13</v>
      </c>
      <c r="T37798">
        <v>14</v>
      </c>
      <c r="U37798">
        <v>14</v>
      </c>
      <c r="V37798">
        <v>14</v>
      </c>
      <c r="W37798">
        <v>15</v>
      </c>
      <c r="X37798">
        <v>15</v>
      </c>
      <c r="Y37798">
        <v>15</v>
      </c>
      <c r="Z37798">
        <v>16</v>
      </c>
      <c r="AA37798">
        <v>16</v>
      </c>
      <c r="AB37798">
        <v>17</v>
      </c>
      <c r="AC37798">
        <v>17</v>
      </c>
      <c r="AD37798">
        <v>17</v>
      </c>
      <c r="AE37798">
        <v>18</v>
      </c>
      <c r="AF37798">
        <v>18</v>
      </c>
      <c r="AG37798">
        <v>19</v>
      </c>
      <c r="AH37798">
        <v>19</v>
      </c>
      <c r="AI37798">
        <v>20</v>
      </c>
      <c r="AJ37798">
        <v>20</v>
      </c>
      <c r="AK37798">
        <v>20</v>
      </c>
      <c r="AL37798">
        <v>21</v>
      </c>
      <c r="AM37798">
        <v>21</v>
      </c>
      <c r="AN37798">
        <v>21</v>
      </c>
      <c r="AO37798">
        <v>21</v>
      </c>
      <c r="AP37798">
        <v>22</v>
      </c>
      <c r="AQ37798">
        <v>22</v>
      </c>
    </row>
    <row r="37799" spans="1:43">
      <c r="A37799" t="s">
        <v>23429</v>
      </c>
      <c r="B37799" t="s">
        <v>23430</v>
      </c>
      <c r="C37799" t="s">
        <v>23421</v>
      </c>
      <c r="D37799" t="s">
        <v>23422</v>
      </c>
      <c r="E37799" t="s">
        <v>23423</v>
      </c>
      <c r="F37799" t="s">
        <v>23424</v>
      </c>
      <c r="G37799" t="s">
        <v>22539</v>
      </c>
      <c r="H37799" t="s">
        <v>22540</v>
      </c>
      <c r="I37799" s="2">
        <v>0</v>
      </c>
      <c r="J37799" s="2">
        <v>0</v>
      </c>
      <c r="K37799" s="2">
        <v>1</v>
      </c>
      <c r="L37799" t="s">
        <v>995</v>
      </c>
      <c r="M37799" t="s">
        <v>87</v>
      </c>
      <c r="N37799" t="s">
        <v>88</v>
      </c>
      <c r="O37799" t="s">
        <v>85</v>
      </c>
      <c r="P37799" t="s">
        <v>86</v>
      </c>
      <c r="Q37799">
        <v>13</v>
      </c>
      <c r="R37799">
        <v>13</v>
      </c>
      <c r="S37799">
        <v>13</v>
      </c>
      <c r="T37799">
        <v>13</v>
      </c>
      <c r="U37799">
        <v>13</v>
      </c>
      <c r="V37799">
        <v>14</v>
      </c>
      <c r="W37799">
        <v>14</v>
      </c>
      <c r="X37799">
        <v>14</v>
      </c>
      <c r="Y37799">
        <v>14</v>
      </c>
      <c r="Z37799">
        <v>15</v>
      </c>
      <c r="AA37799">
        <v>15</v>
      </c>
      <c r="AB37799">
        <v>15</v>
      </c>
      <c r="AC37799">
        <v>15</v>
      </c>
      <c r="AD37799">
        <v>15</v>
      </c>
      <c r="AE37799">
        <v>16</v>
      </c>
      <c r="AF37799">
        <v>16</v>
      </c>
      <c r="AG37799">
        <v>16</v>
      </c>
      <c r="AH37799">
        <v>16</v>
      </c>
      <c r="AI37799">
        <v>17</v>
      </c>
      <c r="AJ37799">
        <v>17</v>
      </c>
      <c r="AK37799">
        <v>17</v>
      </c>
      <c r="AL37799">
        <v>18</v>
      </c>
      <c r="AM37799">
        <v>18</v>
      </c>
      <c r="AN37799">
        <v>18</v>
      </c>
      <c r="AO37799">
        <v>18</v>
      </c>
      <c r="AP37799">
        <v>19</v>
      </c>
      <c r="AQ37799">
        <v>19</v>
      </c>
    </row>
    <row r="37800" spans="1:43">
      <c r="A37800" t="s">
        <v>23429</v>
      </c>
      <c r="B37800" t="s">
        <v>23430</v>
      </c>
      <c r="C37800" t="s">
        <v>23421</v>
      </c>
      <c r="D37800" t="s">
        <v>23422</v>
      </c>
      <c r="E37800" t="s">
        <v>23423</v>
      </c>
      <c r="F37800" t="s">
        <v>23424</v>
      </c>
      <c r="G37800" t="s">
        <v>22539</v>
      </c>
      <c r="H37800" t="s">
        <v>22540</v>
      </c>
      <c r="I37800" s="2">
        <v>0</v>
      </c>
      <c r="J37800" s="2">
        <v>0</v>
      </c>
      <c r="K37800" s="2">
        <v>1</v>
      </c>
      <c r="L37800" t="s">
        <v>995</v>
      </c>
      <c r="M37800" t="s">
        <v>89</v>
      </c>
      <c r="N37800" t="s">
        <v>90</v>
      </c>
      <c r="O37800" t="s">
        <v>85</v>
      </c>
      <c r="P37800" t="s">
        <v>86</v>
      </c>
      <c r="Q37800">
        <v>13</v>
      </c>
      <c r="R37800">
        <v>13</v>
      </c>
      <c r="S37800">
        <v>14</v>
      </c>
      <c r="T37800">
        <v>14</v>
      </c>
      <c r="U37800">
        <v>15</v>
      </c>
      <c r="V37800">
        <v>15</v>
      </c>
      <c r="W37800">
        <v>15</v>
      </c>
      <c r="X37800">
        <v>16</v>
      </c>
      <c r="Y37800">
        <v>16</v>
      </c>
      <c r="Z37800">
        <v>17</v>
      </c>
      <c r="AA37800">
        <v>17</v>
      </c>
      <c r="AB37800">
        <v>18</v>
      </c>
      <c r="AC37800">
        <v>18</v>
      </c>
      <c r="AD37800">
        <v>19</v>
      </c>
      <c r="AE37800">
        <v>19</v>
      </c>
      <c r="AF37800">
        <v>19</v>
      </c>
      <c r="AG37800">
        <v>20</v>
      </c>
      <c r="AH37800">
        <v>20</v>
      </c>
      <c r="AI37800">
        <v>20</v>
      </c>
      <c r="AJ37800">
        <v>20</v>
      </c>
      <c r="AK37800">
        <v>21</v>
      </c>
      <c r="AL37800">
        <v>21</v>
      </c>
      <c r="AM37800">
        <v>21</v>
      </c>
      <c r="AN37800">
        <v>21</v>
      </c>
      <c r="AO37800">
        <v>22</v>
      </c>
      <c r="AP37800">
        <v>22</v>
      </c>
      <c r="AQ37800">
        <v>22</v>
      </c>
    </row>
    <row r="37801" spans="1:43">
      <c r="A37801" t="s">
        <v>23429</v>
      </c>
      <c r="B37801" t="s">
        <v>23430</v>
      </c>
      <c r="C37801" t="s">
        <v>23421</v>
      </c>
      <c r="D37801" t="s">
        <v>23422</v>
      </c>
      <c r="E37801" t="s">
        <v>23423</v>
      </c>
      <c r="F37801" t="s">
        <v>23424</v>
      </c>
      <c r="G37801" t="s">
        <v>22539</v>
      </c>
      <c r="H37801" t="s">
        <v>22540</v>
      </c>
      <c r="I37801" s="2">
        <v>0</v>
      </c>
      <c r="J37801" s="2">
        <v>0</v>
      </c>
      <c r="K37801" s="2">
        <v>1</v>
      </c>
      <c r="L37801" t="s">
        <v>995</v>
      </c>
      <c r="M37801" t="s">
        <v>83</v>
      </c>
      <c r="N37801" t="s">
        <v>91</v>
      </c>
      <c r="O37801" t="s">
        <v>85</v>
      </c>
      <c r="P37801" t="s">
        <v>86</v>
      </c>
      <c r="Q37801">
        <v>13</v>
      </c>
      <c r="R37801">
        <v>13</v>
      </c>
      <c r="S37801">
        <v>13</v>
      </c>
      <c r="T37801">
        <v>14</v>
      </c>
      <c r="U37801">
        <v>14</v>
      </c>
      <c r="V37801">
        <v>14</v>
      </c>
      <c r="W37801">
        <v>15</v>
      </c>
      <c r="X37801">
        <v>15</v>
      </c>
      <c r="Y37801">
        <v>15</v>
      </c>
      <c r="Z37801">
        <v>16</v>
      </c>
      <c r="AA37801">
        <v>16</v>
      </c>
      <c r="AB37801">
        <v>17</v>
      </c>
      <c r="AC37801">
        <v>17</v>
      </c>
      <c r="AD37801">
        <v>17</v>
      </c>
      <c r="AE37801">
        <v>18</v>
      </c>
      <c r="AF37801">
        <v>18</v>
      </c>
      <c r="AG37801">
        <v>19</v>
      </c>
      <c r="AH37801">
        <v>19</v>
      </c>
      <c r="AI37801">
        <v>20</v>
      </c>
      <c r="AJ37801">
        <v>20</v>
      </c>
      <c r="AK37801">
        <v>20</v>
      </c>
      <c r="AL37801">
        <v>21</v>
      </c>
      <c r="AM37801">
        <v>21</v>
      </c>
      <c r="AN37801">
        <v>21</v>
      </c>
      <c r="AO37801">
        <v>21</v>
      </c>
      <c r="AP37801">
        <v>22</v>
      </c>
      <c r="AQ37801">
        <v>22</v>
      </c>
    </row>
    <row r="37802" spans="1:43">
      <c r="A37802" t="s">
        <v>23431</v>
      </c>
      <c r="B37802" t="s">
        <v>23432</v>
      </c>
      <c r="C37802" t="s">
        <v>23433</v>
      </c>
      <c r="D37802" t="s">
        <v>23434</v>
      </c>
      <c r="E37802" t="s">
        <v>23423</v>
      </c>
      <c r="F37802" t="s">
        <v>23424</v>
      </c>
      <c r="G37802" t="s">
        <v>22539</v>
      </c>
      <c r="H37802" t="s">
        <v>22540</v>
      </c>
      <c r="I37802" s="2">
        <v>0</v>
      </c>
      <c r="J37802" s="2">
        <v>0</v>
      </c>
      <c r="K37802" s="2">
        <v>0.41</v>
      </c>
      <c r="L37802" t="s">
        <v>995</v>
      </c>
      <c r="M37802" t="s">
        <v>83</v>
      </c>
      <c r="N37802" t="s">
        <v>84</v>
      </c>
      <c r="O37802" t="s">
        <v>85</v>
      </c>
      <c r="P37802" t="s">
        <v>86</v>
      </c>
      <c r="Q37802">
        <v>4</v>
      </c>
      <c r="R37802">
        <v>4</v>
      </c>
      <c r="S37802">
        <v>4</v>
      </c>
      <c r="T37802">
        <v>4</v>
      </c>
      <c r="U37802">
        <v>4</v>
      </c>
      <c r="V37802">
        <v>4</v>
      </c>
      <c r="W37802">
        <v>4</v>
      </c>
      <c r="X37802">
        <v>4</v>
      </c>
      <c r="Y37802">
        <v>4</v>
      </c>
      <c r="Z37802">
        <v>4</v>
      </c>
      <c r="AA37802">
        <v>5</v>
      </c>
      <c r="AB37802">
        <v>5</v>
      </c>
      <c r="AC37802">
        <v>5</v>
      </c>
      <c r="AD37802">
        <v>5</v>
      </c>
      <c r="AE37802">
        <v>5</v>
      </c>
      <c r="AF37802">
        <v>5</v>
      </c>
      <c r="AG37802">
        <v>5</v>
      </c>
      <c r="AH37802">
        <v>5</v>
      </c>
      <c r="AI37802">
        <v>5</v>
      </c>
      <c r="AJ37802">
        <v>6</v>
      </c>
      <c r="AK37802">
        <v>6</v>
      </c>
      <c r="AL37802">
        <v>6</v>
      </c>
      <c r="AM37802">
        <v>6</v>
      </c>
      <c r="AN37802">
        <v>6</v>
      </c>
      <c r="AO37802">
        <v>6</v>
      </c>
      <c r="AP37802">
        <v>6</v>
      </c>
      <c r="AQ37802">
        <v>6</v>
      </c>
    </row>
    <row r="37803" spans="1:43">
      <c r="A37803" t="s">
        <v>23431</v>
      </c>
      <c r="B37803" t="s">
        <v>23432</v>
      </c>
      <c r="C37803" t="s">
        <v>23433</v>
      </c>
      <c r="D37803" t="s">
        <v>23434</v>
      </c>
      <c r="E37803" t="s">
        <v>23423</v>
      </c>
      <c r="F37803" t="s">
        <v>23424</v>
      </c>
      <c r="G37803" t="s">
        <v>22539</v>
      </c>
      <c r="H37803" t="s">
        <v>22540</v>
      </c>
      <c r="I37803" s="2">
        <v>0</v>
      </c>
      <c r="J37803" s="2">
        <v>0</v>
      </c>
      <c r="K37803" s="2">
        <v>0.41</v>
      </c>
      <c r="L37803" t="s">
        <v>995</v>
      </c>
      <c r="M37803" t="s">
        <v>87</v>
      </c>
      <c r="N37803" t="s">
        <v>88</v>
      </c>
      <c r="O37803" t="s">
        <v>85</v>
      </c>
      <c r="P37803" t="s">
        <v>86</v>
      </c>
      <c r="Q37803">
        <v>4</v>
      </c>
      <c r="R37803">
        <v>4</v>
      </c>
      <c r="S37803">
        <v>4</v>
      </c>
      <c r="T37803">
        <v>4</v>
      </c>
      <c r="U37803">
        <v>4</v>
      </c>
      <c r="V37803">
        <v>4</v>
      </c>
      <c r="W37803">
        <v>4</v>
      </c>
      <c r="X37803">
        <v>4</v>
      </c>
      <c r="Y37803">
        <v>4</v>
      </c>
      <c r="Z37803">
        <v>4</v>
      </c>
      <c r="AA37803">
        <v>4</v>
      </c>
      <c r="AB37803">
        <v>4</v>
      </c>
      <c r="AC37803">
        <v>4</v>
      </c>
      <c r="AD37803">
        <v>4</v>
      </c>
      <c r="AE37803">
        <v>4</v>
      </c>
      <c r="AF37803">
        <v>4</v>
      </c>
      <c r="AG37803">
        <v>5</v>
      </c>
      <c r="AH37803">
        <v>5</v>
      </c>
      <c r="AI37803">
        <v>5</v>
      </c>
      <c r="AJ37803">
        <v>5</v>
      </c>
      <c r="AK37803">
        <v>5</v>
      </c>
      <c r="AL37803">
        <v>5</v>
      </c>
      <c r="AM37803">
        <v>5</v>
      </c>
      <c r="AN37803">
        <v>5</v>
      </c>
      <c r="AO37803">
        <v>5</v>
      </c>
      <c r="AP37803">
        <v>5</v>
      </c>
      <c r="AQ37803">
        <v>5</v>
      </c>
    </row>
    <row r="37804" spans="1:43">
      <c r="A37804" t="s">
        <v>23431</v>
      </c>
      <c r="B37804" t="s">
        <v>23432</v>
      </c>
      <c r="C37804" t="s">
        <v>23433</v>
      </c>
      <c r="D37804" t="s">
        <v>23434</v>
      </c>
      <c r="E37804" t="s">
        <v>23423</v>
      </c>
      <c r="F37804" t="s">
        <v>23424</v>
      </c>
      <c r="G37804" t="s">
        <v>22539</v>
      </c>
      <c r="H37804" t="s">
        <v>22540</v>
      </c>
      <c r="I37804" s="2">
        <v>0</v>
      </c>
      <c r="J37804" s="2">
        <v>0</v>
      </c>
      <c r="K37804" s="2">
        <v>0.41</v>
      </c>
      <c r="L37804" t="s">
        <v>995</v>
      </c>
      <c r="M37804" t="s">
        <v>89</v>
      </c>
      <c r="N37804" t="s">
        <v>90</v>
      </c>
      <c r="O37804" t="s">
        <v>85</v>
      </c>
      <c r="P37804" t="s">
        <v>86</v>
      </c>
      <c r="Q37804">
        <v>4</v>
      </c>
      <c r="R37804">
        <v>4</v>
      </c>
      <c r="S37804">
        <v>4</v>
      </c>
      <c r="T37804">
        <v>4</v>
      </c>
      <c r="U37804">
        <v>4</v>
      </c>
      <c r="V37804">
        <v>4</v>
      </c>
      <c r="W37804">
        <v>4</v>
      </c>
      <c r="X37804">
        <v>4</v>
      </c>
      <c r="Y37804">
        <v>5</v>
      </c>
      <c r="Z37804">
        <v>5</v>
      </c>
      <c r="AA37804">
        <v>5</v>
      </c>
      <c r="AB37804">
        <v>5</v>
      </c>
      <c r="AC37804">
        <v>5</v>
      </c>
      <c r="AD37804">
        <v>5</v>
      </c>
      <c r="AE37804">
        <v>5</v>
      </c>
      <c r="AF37804">
        <v>5</v>
      </c>
      <c r="AG37804">
        <v>5</v>
      </c>
      <c r="AH37804">
        <v>6</v>
      </c>
      <c r="AI37804">
        <v>6</v>
      </c>
      <c r="AJ37804">
        <v>6</v>
      </c>
      <c r="AK37804">
        <v>6</v>
      </c>
      <c r="AL37804">
        <v>6</v>
      </c>
      <c r="AM37804">
        <v>6</v>
      </c>
      <c r="AN37804">
        <v>6</v>
      </c>
      <c r="AO37804">
        <v>6</v>
      </c>
      <c r="AP37804">
        <v>6</v>
      </c>
      <c r="AQ37804">
        <v>6</v>
      </c>
    </row>
    <row r="37805" spans="1:43">
      <c r="A37805" t="s">
        <v>23431</v>
      </c>
      <c r="B37805" t="s">
        <v>23432</v>
      </c>
      <c r="C37805" t="s">
        <v>23433</v>
      </c>
      <c r="D37805" t="s">
        <v>23434</v>
      </c>
      <c r="E37805" t="s">
        <v>23423</v>
      </c>
      <c r="F37805" t="s">
        <v>23424</v>
      </c>
      <c r="G37805" t="s">
        <v>22539</v>
      </c>
      <c r="H37805" t="s">
        <v>22540</v>
      </c>
      <c r="I37805" s="2">
        <v>0</v>
      </c>
      <c r="J37805" s="2">
        <v>0</v>
      </c>
      <c r="K37805" s="2">
        <v>0.41</v>
      </c>
      <c r="L37805" t="s">
        <v>995</v>
      </c>
      <c r="M37805" t="s">
        <v>83</v>
      </c>
      <c r="N37805" t="s">
        <v>91</v>
      </c>
      <c r="O37805" t="s">
        <v>85</v>
      </c>
      <c r="P37805" t="s">
        <v>86</v>
      </c>
      <c r="Q37805">
        <v>4</v>
      </c>
      <c r="R37805">
        <v>4</v>
      </c>
      <c r="S37805">
        <v>4</v>
      </c>
      <c r="T37805">
        <v>4</v>
      </c>
      <c r="U37805">
        <v>4</v>
      </c>
      <c r="V37805">
        <v>4</v>
      </c>
      <c r="W37805">
        <v>4</v>
      </c>
      <c r="X37805">
        <v>4</v>
      </c>
      <c r="Y37805">
        <v>4</v>
      </c>
      <c r="Z37805">
        <v>4</v>
      </c>
      <c r="AA37805">
        <v>5</v>
      </c>
      <c r="AB37805">
        <v>5</v>
      </c>
      <c r="AC37805">
        <v>5</v>
      </c>
      <c r="AD37805">
        <v>5</v>
      </c>
      <c r="AE37805">
        <v>5</v>
      </c>
      <c r="AF37805">
        <v>5</v>
      </c>
      <c r="AG37805">
        <v>5</v>
      </c>
      <c r="AH37805">
        <v>5</v>
      </c>
      <c r="AI37805">
        <v>5</v>
      </c>
      <c r="AJ37805">
        <v>6</v>
      </c>
      <c r="AK37805">
        <v>6</v>
      </c>
      <c r="AL37805">
        <v>6</v>
      </c>
      <c r="AM37805">
        <v>6</v>
      </c>
      <c r="AN37805">
        <v>6</v>
      </c>
      <c r="AO37805">
        <v>6</v>
      </c>
      <c r="AP37805">
        <v>6</v>
      </c>
      <c r="AQ37805">
        <v>6</v>
      </c>
    </row>
    <row r="37806" spans="1:43">
      <c r="A37806" t="s">
        <v>23435</v>
      </c>
      <c r="B37806" t="s">
        <v>23436</v>
      </c>
      <c r="C37806" t="s">
        <v>23433</v>
      </c>
      <c r="D37806" t="s">
        <v>23434</v>
      </c>
      <c r="E37806" t="s">
        <v>23423</v>
      </c>
      <c r="F37806" t="s">
        <v>23424</v>
      </c>
      <c r="G37806" t="s">
        <v>22539</v>
      </c>
      <c r="H37806" t="s">
        <v>22540</v>
      </c>
      <c r="I37806" s="2">
        <v>0</v>
      </c>
      <c r="J37806" s="2">
        <v>0</v>
      </c>
      <c r="K37806" s="2">
        <v>0.22</v>
      </c>
      <c r="L37806" t="s">
        <v>995</v>
      </c>
      <c r="M37806" t="s">
        <v>83</v>
      </c>
      <c r="N37806" t="s">
        <v>84</v>
      </c>
      <c r="O37806" t="s">
        <v>85</v>
      </c>
      <c r="P37806" t="s">
        <v>86</v>
      </c>
      <c r="Q37806">
        <v>3</v>
      </c>
      <c r="R37806">
        <v>3</v>
      </c>
      <c r="S37806">
        <v>3</v>
      </c>
      <c r="T37806">
        <v>3</v>
      </c>
      <c r="U37806">
        <v>3</v>
      </c>
      <c r="V37806">
        <v>3</v>
      </c>
      <c r="W37806">
        <v>4</v>
      </c>
      <c r="X37806">
        <v>4</v>
      </c>
      <c r="Y37806">
        <v>4</v>
      </c>
      <c r="Z37806">
        <v>4</v>
      </c>
      <c r="AA37806">
        <v>4</v>
      </c>
      <c r="AB37806">
        <v>4</v>
      </c>
      <c r="AC37806">
        <v>4</v>
      </c>
      <c r="AD37806">
        <v>4</v>
      </c>
      <c r="AE37806">
        <v>4</v>
      </c>
      <c r="AF37806">
        <v>4</v>
      </c>
      <c r="AG37806">
        <v>4</v>
      </c>
      <c r="AH37806">
        <v>5</v>
      </c>
      <c r="AI37806">
        <v>5</v>
      </c>
      <c r="AJ37806">
        <v>5</v>
      </c>
      <c r="AK37806">
        <v>5</v>
      </c>
      <c r="AL37806">
        <v>5</v>
      </c>
      <c r="AM37806">
        <v>5</v>
      </c>
      <c r="AN37806">
        <v>5</v>
      </c>
      <c r="AO37806">
        <v>5</v>
      </c>
      <c r="AP37806">
        <v>5</v>
      </c>
      <c r="AQ37806">
        <v>5</v>
      </c>
    </row>
    <row r="37807" spans="1:43">
      <c r="A37807" t="s">
        <v>23435</v>
      </c>
      <c r="B37807" t="s">
        <v>23436</v>
      </c>
      <c r="C37807" t="s">
        <v>23433</v>
      </c>
      <c r="D37807" t="s">
        <v>23434</v>
      </c>
      <c r="E37807" t="s">
        <v>23423</v>
      </c>
      <c r="F37807" t="s">
        <v>23424</v>
      </c>
      <c r="G37807" t="s">
        <v>22539</v>
      </c>
      <c r="H37807" t="s">
        <v>22540</v>
      </c>
      <c r="I37807" s="2">
        <v>0</v>
      </c>
      <c r="J37807" s="2">
        <v>0</v>
      </c>
      <c r="K37807" s="2">
        <v>0.22</v>
      </c>
      <c r="L37807" t="s">
        <v>995</v>
      </c>
      <c r="M37807" t="s">
        <v>87</v>
      </c>
      <c r="N37807" t="s">
        <v>88</v>
      </c>
      <c r="O37807" t="s">
        <v>85</v>
      </c>
      <c r="P37807" t="s">
        <v>86</v>
      </c>
      <c r="Q37807">
        <v>3</v>
      </c>
      <c r="R37807">
        <v>3</v>
      </c>
      <c r="S37807">
        <v>3</v>
      </c>
      <c r="T37807">
        <v>3</v>
      </c>
      <c r="U37807">
        <v>3</v>
      </c>
      <c r="V37807">
        <v>3</v>
      </c>
      <c r="W37807">
        <v>3</v>
      </c>
      <c r="X37807">
        <v>3</v>
      </c>
      <c r="Y37807">
        <v>3</v>
      </c>
      <c r="Z37807">
        <v>3</v>
      </c>
      <c r="AA37807">
        <v>4</v>
      </c>
      <c r="AB37807">
        <v>4</v>
      </c>
      <c r="AC37807">
        <v>4</v>
      </c>
      <c r="AD37807">
        <v>4</v>
      </c>
      <c r="AE37807">
        <v>4</v>
      </c>
      <c r="AF37807">
        <v>4</v>
      </c>
      <c r="AG37807">
        <v>4</v>
      </c>
      <c r="AH37807">
        <v>4</v>
      </c>
      <c r="AI37807">
        <v>4</v>
      </c>
      <c r="AJ37807">
        <v>4</v>
      </c>
      <c r="AK37807">
        <v>4</v>
      </c>
      <c r="AL37807">
        <v>4</v>
      </c>
      <c r="AM37807">
        <v>4</v>
      </c>
      <c r="AN37807">
        <v>4</v>
      </c>
      <c r="AO37807">
        <v>4</v>
      </c>
      <c r="AP37807">
        <v>4</v>
      </c>
      <c r="AQ37807">
        <v>5</v>
      </c>
    </row>
    <row r="37808" spans="1:43">
      <c r="A37808" t="s">
        <v>23435</v>
      </c>
      <c r="B37808" t="s">
        <v>23436</v>
      </c>
      <c r="C37808" t="s">
        <v>23433</v>
      </c>
      <c r="D37808" t="s">
        <v>23434</v>
      </c>
      <c r="E37808" t="s">
        <v>23423</v>
      </c>
      <c r="F37808" t="s">
        <v>23424</v>
      </c>
      <c r="G37808" t="s">
        <v>22539</v>
      </c>
      <c r="H37808" t="s">
        <v>22540</v>
      </c>
      <c r="I37808" s="2">
        <v>0</v>
      </c>
      <c r="J37808" s="2">
        <v>0</v>
      </c>
      <c r="K37808" s="2">
        <v>0.22</v>
      </c>
      <c r="L37808" t="s">
        <v>995</v>
      </c>
      <c r="M37808" t="s">
        <v>89</v>
      </c>
      <c r="N37808" t="s">
        <v>90</v>
      </c>
      <c r="O37808" t="s">
        <v>85</v>
      </c>
      <c r="P37808" t="s">
        <v>86</v>
      </c>
      <c r="Q37808">
        <v>3</v>
      </c>
      <c r="R37808">
        <v>3</v>
      </c>
      <c r="S37808">
        <v>3</v>
      </c>
      <c r="T37808">
        <v>3</v>
      </c>
      <c r="U37808">
        <v>4</v>
      </c>
      <c r="V37808">
        <v>4</v>
      </c>
      <c r="W37808">
        <v>4</v>
      </c>
      <c r="X37808">
        <v>4</v>
      </c>
      <c r="Y37808">
        <v>4</v>
      </c>
      <c r="Z37808">
        <v>4</v>
      </c>
      <c r="AA37808">
        <v>4</v>
      </c>
      <c r="AB37808">
        <v>4</v>
      </c>
      <c r="AC37808">
        <v>4</v>
      </c>
      <c r="AD37808">
        <v>5</v>
      </c>
      <c r="AE37808">
        <v>5</v>
      </c>
      <c r="AF37808">
        <v>5</v>
      </c>
      <c r="AG37808">
        <v>5</v>
      </c>
      <c r="AH37808">
        <v>5</v>
      </c>
      <c r="AI37808">
        <v>5</v>
      </c>
      <c r="AJ37808">
        <v>5</v>
      </c>
      <c r="AK37808">
        <v>5</v>
      </c>
      <c r="AL37808">
        <v>5</v>
      </c>
      <c r="AM37808">
        <v>5</v>
      </c>
      <c r="AN37808">
        <v>5</v>
      </c>
      <c r="AO37808">
        <v>5</v>
      </c>
      <c r="AP37808">
        <v>5</v>
      </c>
      <c r="AQ37808">
        <v>5</v>
      </c>
    </row>
    <row r="37809" spans="1:43">
      <c r="A37809" t="s">
        <v>23435</v>
      </c>
      <c r="B37809" t="s">
        <v>23436</v>
      </c>
      <c r="C37809" t="s">
        <v>23433</v>
      </c>
      <c r="D37809" t="s">
        <v>23434</v>
      </c>
      <c r="E37809" t="s">
        <v>23423</v>
      </c>
      <c r="F37809" t="s">
        <v>23424</v>
      </c>
      <c r="G37809" t="s">
        <v>22539</v>
      </c>
      <c r="H37809" t="s">
        <v>22540</v>
      </c>
      <c r="I37809" s="2">
        <v>0</v>
      </c>
      <c r="J37809" s="2">
        <v>0</v>
      </c>
      <c r="K37809" s="2">
        <v>0.22</v>
      </c>
      <c r="L37809" t="s">
        <v>995</v>
      </c>
      <c r="M37809" t="s">
        <v>83</v>
      </c>
      <c r="N37809" t="s">
        <v>91</v>
      </c>
      <c r="O37809" t="s">
        <v>85</v>
      </c>
      <c r="P37809" t="s">
        <v>86</v>
      </c>
      <c r="Q37809">
        <v>3</v>
      </c>
      <c r="R37809">
        <v>3</v>
      </c>
      <c r="S37809">
        <v>3</v>
      </c>
      <c r="T37809">
        <v>3</v>
      </c>
      <c r="U37809">
        <v>3</v>
      </c>
      <c r="V37809">
        <v>3</v>
      </c>
      <c r="W37809">
        <v>4</v>
      </c>
      <c r="X37809">
        <v>4</v>
      </c>
      <c r="Y37809">
        <v>4</v>
      </c>
      <c r="Z37809">
        <v>4</v>
      </c>
      <c r="AA37809">
        <v>4</v>
      </c>
      <c r="AB37809">
        <v>4</v>
      </c>
      <c r="AC37809">
        <v>4</v>
      </c>
      <c r="AD37809">
        <v>4</v>
      </c>
      <c r="AE37809">
        <v>4</v>
      </c>
      <c r="AF37809">
        <v>4</v>
      </c>
      <c r="AG37809">
        <v>4</v>
      </c>
      <c r="AH37809">
        <v>5</v>
      </c>
      <c r="AI37809">
        <v>5</v>
      </c>
      <c r="AJ37809">
        <v>5</v>
      </c>
      <c r="AK37809">
        <v>5</v>
      </c>
      <c r="AL37809">
        <v>5</v>
      </c>
      <c r="AM37809">
        <v>5</v>
      </c>
      <c r="AN37809">
        <v>5</v>
      </c>
      <c r="AO37809">
        <v>5</v>
      </c>
      <c r="AP37809">
        <v>5</v>
      </c>
      <c r="AQ37809">
        <v>5</v>
      </c>
    </row>
    <row r="37810" spans="1:43">
      <c r="A37810" t="s">
        <v>23437</v>
      </c>
      <c r="B37810" t="s">
        <v>23438</v>
      </c>
      <c r="C37810" t="s">
        <v>23439</v>
      </c>
      <c r="D37810" t="s">
        <v>23440</v>
      </c>
      <c r="E37810" t="s">
        <v>23423</v>
      </c>
      <c r="F37810" t="s">
        <v>23424</v>
      </c>
      <c r="G37810" t="s">
        <v>22539</v>
      </c>
      <c r="H37810" t="s">
        <v>22540</v>
      </c>
      <c r="I37810" s="2">
        <v>0</v>
      </c>
      <c r="J37810" s="2">
        <v>0</v>
      </c>
      <c r="K37810" s="2">
        <v>0.9</v>
      </c>
      <c r="L37810" t="s">
        <v>995</v>
      </c>
      <c r="M37810" t="s">
        <v>83</v>
      </c>
      <c r="N37810" t="s">
        <v>84</v>
      </c>
      <c r="O37810" t="s">
        <v>85</v>
      </c>
      <c r="P37810" t="s">
        <v>86</v>
      </c>
      <c r="Q37810">
        <v>10</v>
      </c>
      <c r="R37810">
        <v>10</v>
      </c>
      <c r="S37810">
        <v>10</v>
      </c>
      <c r="T37810">
        <v>11</v>
      </c>
      <c r="U37810">
        <v>11</v>
      </c>
      <c r="V37810">
        <v>11</v>
      </c>
      <c r="W37810">
        <v>11</v>
      </c>
      <c r="X37810">
        <v>12</v>
      </c>
      <c r="Y37810">
        <v>12</v>
      </c>
      <c r="Z37810">
        <v>12</v>
      </c>
      <c r="AA37810">
        <v>13</v>
      </c>
      <c r="AB37810">
        <v>13</v>
      </c>
      <c r="AC37810">
        <v>13</v>
      </c>
      <c r="AD37810">
        <v>13</v>
      </c>
      <c r="AE37810">
        <v>14</v>
      </c>
      <c r="AF37810">
        <v>14</v>
      </c>
      <c r="AG37810">
        <v>14</v>
      </c>
      <c r="AH37810">
        <v>15</v>
      </c>
      <c r="AI37810">
        <v>15</v>
      </c>
      <c r="AJ37810">
        <v>15</v>
      </c>
      <c r="AK37810">
        <v>16</v>
      </c>
      <c r="AL37810">
        <v>16</v>
      </c>
      <c r="AM37810">
        <v>16</v>
      </c>
      <c r="AN37810">
        <v>16</v>
      </c>
      <c r="AO37810">
        <v>16</v>
      </c>
      <c r="AP37810">
        <v>17</v>
      </c>
      <c r="AQ37810">
        <v>17</v>
      </c>
    </row>
    <row r="37811" spans="1:43">
      <c r="A37811" t="s">
        <v>23437</v>
      </c>
      <c r="B37811" t="s">
        <v>23438</v>
      </c>
      <c r="C37811" t="s">
        <v>23439</v>
      </c>
      <c r="D37811" t="s">
        <v>23440</v>
      </c>
      <c r="E37811" t="s">
        <v>23423</v>
      </c>
      <c r="F37811" t="s">
        <v>23424</v>
      </c>
      <c r="G37811" t="s">
        <v>22539</v>
      </c>
      <c r="H37811" t="s">
        <v>22540</v>
      </c>
      <c r="I37811" s="2">
        <v>0</v>
      </c>
      <c r="J37811" s="2">
        <v>0</v>
      </c>
      <c r="K37811" s="2">
        <v>0.9</v>
      </c>
      <c r="L37811" t="s">
        <v>995</v>
      </c>
      <c r="M37811" t="s">
        <v>87</v>
      </c>
      <c r="N37811" t="s">
        <v>88</v>
      </c>
      <c r="O37811" t="s">
        <v>85</v>
      </c>
      <c r="P37811" t="s">
        <v>86</v>
      </c>
      <c r="Q37811">
        <v>10</v>
      </c>
      <c r="R37811">
        <v>10</v>
      </c>
      <c r="S37811">
        <v>10</v>
      </c>
      <c r="T37811">
        <v>10</v>
      </c>
      <c r="U37811">
        <v>10</v>
      </c>
      <c r="V37811">
        <v>11</v>
      </c>
      <c r="W37811">
        <v>11</v>
      </c>
      <c r="X37811">
        <v>11</v>
      </c>
      <c r="Y37811">
        <v>11</v>
      </c>
      <c r="Z37811">
        <v>11</v>
      </c>
      <c r="AA37811">
        <v>11</v>
      </c>
      <c r="AB37811">
        <v>12</v>
      </c>
      <c r="AC37811">
        <v>12</v>
      </c>
      <c r="AD37811">
        <v>12</v>
      </c>
      <c r="AE37811">
        <v>12</v>
      </c>
      <c r="AF37811">
        <v>12</v>
      </c>
      <c r="AG37811">
        <v>13</v>
      </c>
      <c r="AH37811">
        <v>13</v>
      </c>
      <c r="AI37811">
        <v>13</v>
      </c>
      <c r="AJ37811">
        <v>13</v>
      </c>
      <c r="AK37811">
        <v>13</v>
      </c>
      <c r="AL37811">
        <v>13</v>
      </c>
      <c r="AM37811">
        <v>14</v>
      </c>
      <c r="AN37811">
        <v>14</v>
      </c>
      <c r="AO37811">
        <v>14</v>
      </c>
      <c r="AP37811">
        <v>14</v>
      </c>
      <c r="AQ37811">
        <v>15</v>
      </c>
    </row>
    <row r="37812" spans="1:43">
      <c r="A37812" t="s">
        <v>23437</v>
      </c>
      <c r="B37812" t="s">
        <v>23438</v>
      </c>
      <c r="C37812" t="s">
        <v>23439</v>
      </c>
      <c r="D37812" t="s">
        <v>23440</v>
      </c>
      <c r="E37812" t="s">
        <v>23423</v>
      </c>
      <c r="F37812" t="s">
        <v>23424</v>
      </c>
      <c r="G37812" t="s">
        <v>22539</v>
      </c>
      <c r="H37812" t="s">
        <v>22540</v>
      </c>
      <c r="I37812" s="2">
        <v>0</v>
      </c>
      <c r="J37812" s="2">
        <v>0</v>
      </c>
      <c r="K37812" s="2">
        <v>0.9</v>
      </c>
      <c r="L37812" t="s">
        <v>995</v>
      </c>
      <c r="M37812" t="s">
        <v>89</v>
      </c>
      <c r="N37812" t="s">
        <v>90</v>
      </c>
      <c r="O37812" t="s">
        <v>85</v>
      </c>
      <c r="P37812" t="s">
        <v>86</v>
      </c>
      <c r="Q37812">
        <v>10</v>
      </c>
      <c r="R37812">
        <v>10</v>
      </c>
      <c r="S37812">
        <v>11</v>
      </c>
      <c r="T37812">
        <v>11</v>
      </c>
      <c r="U37812">
        <v>11</v>
      </c>
      <c r="V37812">
        <v>12</v>
      </c>
      <c r="W37812">
        <v>12</v>
      </c>
      <c r="X37812">
        <v>12</v>
      </c>
      <c r="Y37812">
        <v>13</v>
      </c>
      <c r="Z37812">
        <v>13</v>
      </c>
      <c r="AA37812">
        <v>13</v>
      </c>
      <c r="AB37812">
        <v>14</v>
      </c>
      <c r="AC37812">
        <v>14</v>
      </c>
      <c r="AD37812">
        <v>14</v>
      </c>
      <c r="AE37812">
        <v>15</v>
      </c>
      <c r="AF37812">
        <v>15</v>
      </c>
      <c r="AG37812">
        <v>15</v>
      </c>
      <c r="AH37812">
        <v>15</v>
      </c>
      <c r="AI37812">
        <v>15</v>
      </c>
      <c r="AJ37812">
        <v>16</v>
      </c>
      <c r="AK37812">
        <v>16</v>
      </c>
      <c r="AL37812">
        <v>16</v>
      </c>
      <c r="AM37812">
        <v>16</v>
      </c>
      <c r="AN37812">
        <v>16</v>
      </c>
      <c r="AO37812">
        <v>16</v>
      </c>
      <c r="AP37812">
        <v>17</v>
      </c>
      <c r="AQ37812">
        <v>17</v>
      </c>
    </row>
    <row r="37813" spans="1:43">
      <c r="A37813" t="s">
        <v>23437</v>
      </c>
      <c r="B37813" t="s">
        <v>23438</v>
      </c>
      <c r="C37813" t="s">
        <v>23439</v>
      </c>
      <c r="D37813" t="s">
        <v>23440</v>
      </c>
      <c r="E37813" t="s">
        <v>23423</v>
      </c>
      <c r="F37813" t="s">
        <v>23424</v>
      </c>
      <c r="G37813" t="s">
        <v>22539</v>
      </c>
      <c r="H37813" t="s">
        <v>22540</v>
      </c>
      <c r="I37813" s="2">
        <v>0</v>
      </c>
      <c r="J37813" s="2">
        <v>0</v>
      </c>
      <c r="K37813" s="2">
        <v>0.9</v>
      </c>
      <c r="L37813" t="s">
        <v>995</v>
      </c>
      <c r="M37813" t="s">
        <v>83</v>
      </c>
      <c r="N37813" t="s">
        <v>91</v>
      </c>
      <c r="O37813" t="s">
        <v>85</v>
      </c>
      <c r="P37813" t="s">
        <v>86</v>
      </c>
      <c r="Q37813">
        <v>10</v>
      </c>
      <c r="R37813">
        <v>10</v>
      </c>
      <c r="S37813">
        <v>10</v>
      </c>
      <c r="T37813">
        <v>11</v>
      </c>
      <c r="U37813">
        <v>11</v>
      </c>
      <c r="V37813">
        <v>11</v>
      </c>
      <c r="W37813">
        <v>11</v>
      </c>
      <c r="X37813">
        <v>12</v>
      </c>
      <c r="Y37813">
        <v>12</v>
      </c>
      <c r="Z37813">
        <v>12</v>
      </c>
      <c r="AA37813">
        <v>13</v>
      </c>
      <c r="AB37813">
        <v>13</v>
      </c>
      <c r="AC37813">
        <v>13</v>
      </c>
      <c r="AD37813">
        <v>13</v>
      </c>
      <c r="AE37813">
        <v>14</v>
      </c>
      <c r="AF37813">
        <v>14</v>
      </c>
      <c r="AG37813">
        <v>14</v>
      </c>
      <c r="AH37813">
        <v>15</v>
      </c>
      <c r="AI37813">
        <v>15</v>
      </c>
      <c r="AJ37813">
        <v>15</v>
      </c>
      <c r="AK37813">
        <v>16</v>
      </c>
      <c r="AL37813">
        <v>16</v>
      </c>
      <c r="AM37813">
        <v>16</v>
      </c>
      <c r="AN37813">
        <v>16</v>
      </c>
      <c r="AO37813">
        <v>16</v>
      </c>
      <c r="AP37813">
        <v>17</v>
      </c>
      <c r="AQ37813">
        <v>17</v>
      </c>
    </row>
    <row r="37814" spans="1:43">
      <c r="A37814" t="s">
        <v>23441</v>
      </c>
      <c r="B37814" t="s">
        <v>23442</v>
      </c>
      <c r="C37814" t="s">
        <v>23443</v>
      </c>
      <c r="D37814" t="s">
        <v>23444</v>
      </c>
      <c r="E37814" t="s">
        <v>23423</v>
      </c>
      <c r="F37814" t="s">
        <v>23424</v>
      </c>
      <c r="G37814" t="s">
        <v>22539</v>
      </c>
      <c r="H37814" t="s">
        <v>22540</v>
      </c>
      <c r="I37814" s="2">
        <v>0</v>
      </c>
      <c r="J37814" s="2">
        <v>0</v>
      </c>
      <c r="K37814" s="2">
        <v>1</v>
      </c>
      <c r="L37814" t="s">
        <v>995</v>
      </c>
      <c r="M37814" t="s">
        <v>83</v>
      </c>
      <c r="N37814" t="s">
        <v>84</v>
      </c>
      <c r="O37814" t="s">
        <v>85</v>
      </c>
      <c r="P37814" t="s">
        <v>86</v>
      </c>
      <c r="Q37814">
        <v>59</v>
      </c>
      <c r="R37814">
        <v>60</v>
      </c>
      <c r="S37814">
        <v>62</v>
      </c>
      <c r="T37814">
        <v>63</v>
      </c>
      <c r="U37814">
        <v>65</v>
      </c>
      <c r="V37814">
        <v>67</v>
      </c>
      <c r="W37814">
        <v>68</v>
      </c>
      <c r="X37814">
        <v>70</v>
      </c>
      <c r="Y37814">
        <v>72</v>
      </c>
      <c r="Z37814">
        <v>73</v>
      </c>
      <c r="AA37814">
        <v>75</v>
      </c>
      <c r="AB37814">
        <v>77</v>
      </c>
      <c r="AC37814">
        <v>78</v>
      </c>
      <c r="AD37814">
        <v>80</v>
      </c>
      <c r="AE37814">
        <v>82</v>
      </c>
      <c r="AF37814">
        <v>84</v>
      </c>
      <c r="AG37814">
        <v>86</v>
      </c>
      <c r="AH37814">
        <v>88</v>
      </c>
      <c r="AI37814">
        <v>90</v>
      </c>
      <c r="AJ37814">
        <v>92</v>
      </c>
      <c r="AK37814">
        <v>94</v>
      </c>
      <c r="AL37814">
        <v>95</v>
      </c>
      <c r="AM37814">
        <v>96</v>
      </c>
      <c r="AN37814">
        <v>97</v>
      </c>
      <c r="AO37814">
        <v>98</v>
      </c>
      <c r="AP37814">
        <v>99</v>
      </c>
      <c r="AQ37814">
        <v>101</v>
      </c>
    </row>
    <row r="37815" spans="1:43">
      <c r="A37815" t="s">
        <v>23441</v>
      </c>
      <c r="B37815" t="s">
        <v>23442</v>
      </c>
      <c r="C37815" t="s">
        <v>23443</v>
      </c>
      <c r="D37815" t="s">
        <v>23444</v>
      </c>
      <c r="E37815" t="s">
        <v>23423</v>
      </c>
      <c r="F37815" t="s">
        <v>23424</v>
      </c>
      <c r="G37815" t="s">
        <v>22539</v>
      </c>
      <c r="H37815" t="s">
        <v>22540</v>
      </c>
      <c r="I37815" s="2">
        <v>0</v>
      </c>
      <c r="J37815" s="2">
        <v>0</v>
      </c>
      <c r="K37815" s="2">
        <v>1</v>
      </c>
      <c r="L37815" t="s">
        <v>995</v>
      </c>
      <c r="M37815" t="s">
        <v>87</v>
      </c>
      <c r="N37815" t="s">
        <v>88</v>
      </c>
      <c r="O37815" t="s">
        <v>85</v>
      </c>
      <c r="P37815" t="s">
        <v>86</v>
      </c>
      <c r="Q37815">
        <v>59</v>
      </c>
      <c r="R37815">
        <v>60</v>
      </c>
      <c r="S37815">
        <v>61</v>
      </c>
      <c r="T37815">
        <v>62</v>
      </c>
      <c r="U37815">
        <v>63</v>
      </c>
      <c r="V37815">
        <v>64</v>
      </c>
      <c r="W37815">
        <v>65</v>
      </c>
      <c r="X37815">
        <v>66</v>
      </c>
      <c r="Y37815">
        <v>67</v>
      </c>
      <c r="Z37815">
        <v>68</v>
      </c>
      <c r="AA37815">
        <v>69</v>
      </c>
      <c r="AB37815">
        <v>70</v>
      </c>
      <c r="AC37815">
        <v>71</v>
      </c>
      <c r="AD37815">
        <v>72</v>
      </c>
      <c r="AE37815">
        <v>74</v>
      </c>
      <c r="AF37815">
        <v>75</v>
      </c>
      <c r="AG37815">
        <v>76</v>
      </c>
      <c r="AH37815">
        <v>77</v>
      </c>
      <c r="AI37815">
        <v>78</v>
      </c>
      <c r="AJ37815">
        <v>79</v>
      </c>
      <c r="AK37815">
        <v>80</v>
      </c>
      <c r="AL37815">
        <v>82</v>
      </c>
      <c r="AM37815">
        <v>83</v>
      </c>
      <c r="AN37815">
        <v>84</v>
      </c>
      <c r="AO37815">
        <v>85</v>
      </c>
      <c r="AP37815">
        <v>87</v>
      </c>
      <c r="AQ37815">
        <v>88</v>
      </c>
    </row>
    <row r="37816" spans="1:43">
      <c r="A37816" t="s">
        <v>23441</v>
      </c>
      <c r="B37816" t="s">
        <v>23442</v>
      </c>
      <c r="C37816" t="s">
        <v>23443</v>
      </c>
      <c r="D37816" t="s">
        <v>23444</v>
      </c>
      <c r="E37816" t="s">
        <v>23423</v>
      </c>
      <c r="F37816" t="s">
        <v>23424</v>
      </c>
      <c r="G37816" t="s">
        <v>22539</v>
      </c>
      <c r="H37816" t="s">
        <v>22540</v>
      </c>
      <c r="I37816" s="2">
        <v>0</v>
      </c>
      <c r="J37816" s="2">
        <v>0</v>
      </c>
      <c r="K37816" s="2">
        <v>1</v>
      </c>
      <c r="L37816" t="s">
        <v>995</v>
      </c>
      <c r="M37816" t="s">
        <v>89</v>
      </c>
      <c r="N37816" t="s">
        <v>90</v>
      </c>
      <c r="O37816" t="s">
        <v>85</v>
      </c>
      <c r="P37816" t="s">
        <v>86</v>
      </c>
      <c r="Q37816">
        <v>59</v>
      </c>
      <c r="R37816">
        <v>61</v>
      </c>
      <c r="S37816">
        <v>63</v>
      </c>
      <c r="T37816">
        <v>65</v>
      </c>
      <c r="U37816">
        <v>68</v>
      </c>
      <c r="V37816">
        <v>70</v>
      </c>
      <c r="W37816">
        <v>72</v>
      </c>
      <c r="X37816">
        <v>74</v>
      </c>
      <c r="Y37816">
        <v>76</v>
      </c>
      <c r="Z37816">
        <v>78</v>
      </c>
      <c r="AA37816">
        <v>80</v>
      </c>
      <c r="AB37816">
        <v>82</v>
      </c>
      <c r="AC37816">
        <v>84</v>
      </c>
      <c r="AD37816">
        <v>86</v>
      </c>
      <c r="AE37816">
        <v>88</v>
      </c>
      <c r="AF37816">
        <v>89</v>
      </c>
      <c r="AG37816">
        <v>90</v>
      </c>
      <c r="AH37816">
        <v>91</v>
      </c>
      <c r="AI37816">
        <v>93</v>
      </c>
      <c r="AJ37816">
        <v>94</v>
      </c>
      <c r="AK37816">
        <v>95</v>
      </c>
      <c r="AL37816">
        <v>96</v>
      </c>
      <c r="AM37816">
        <v>97</v>
      </c>
      <c r="AN37816">
        <v>98</v>
      </c>
      <c r="AO37816">
        <v>99</v>
      </c>
      <c r="AP37816">
        <v>100</v>
      </c>
      <c r="AQ37816">
        <v>101</v>
      </c>
    </row>
    <row r="37817" spans="1:43">
      <c r="A37817" t="s">
        <v>23441</v>
      </c>
      <c r="B37817" t="s">
        <v>23442</v>
      </c>
      <c r="C37817" t="s">
        <v>23443</v>
      </c>
      <c r="D37817" t="s">
        <v>23444</v>
      </c>
      <c r="E37817" t="s">
        <v>23423</v>
      </c>
      <c r="F37817" t="s">
        <v>23424</v>
      </c>
      <c r="G37817" t="s">
        <v>22539</v>
      </c>
      <c r="H37817" t="s">
        <v>22540</v>
      </c>
      <c r="I37817" s="2">
        <v>0</v>
      </c>
      <c r="J37817" s="2">
        <v>0</v>
      </c>
      <c r="K37817" s="2">
        <v>1</v>
      </c>
      <c r="L37817" t="s">
        <v>995</v>
      </c>
      <c r="M37817" t="s">
        <v>83</v>
      </c>
      <c r="N37817" t="s">
        <v>91</v>
      </c>
      <c r="O37817" t="s">
        <v>85</v>
      </c>
      <c r="P37817" t="s">
        <v>86</v>
      </c>
      <c r="Q37817">
        <v>59</v>
      </c>
      <c r="R37817">
        <v>60</v>
      </c>
      <c r="S37817">
        <v>62</v>
      </c>
      <c r="T37817">
        <v>63</v>
      </c>
      <c r="U37817">
        <v>65</v>
      </c>
      <c r="V37817">
        <v>67</v>
      </c>
      <c r="W37817">
        <v>68</v>
      </c>
      <c r="X37817">
        <v>70</v>
      </c>
      <c r="Y37817">
        <v>72</v>
      </c>
      <c r="Z37817">
        <v>73</v>
      </c>
      <c r="AA37817">
        <v>75</v>
      </c>
      <c r="AB37817">
        <v>77</v>
      </c>
      <c r="AC37817">
        <v>78</v>
      </c>
      <c r="AD37817">
        <v>80</v>
      </c>
      <c r="AE37817">
        <v>82</v>
      </c>
      <c r="AF37817">
        <v>84</v>
      </c>
      <c r="AG37817">
        <v>86</v>
      </c>
      <c r="AH37817">
        <v>88</v>
      </c>
      <c r="AI37817">
        <v>90</v>
      </c>
      <c r="AJ37817">
        <v>92</v>
      </c>
      <c r="AK37817">
        <v>94</v>
      </c>
      <c r="AL37817">
        <v>95</v>
      </c>
      <c r="AM37817">
        <v>96</v>
      </c>
      <c r="AN37817">
        <v>97</v>
      </c>
      <c r="AO37817">
        <v>98</v>
      </c>
      <c r="AP37817">
        <v>99</v>
      </c>
      <c r="AQ37817">
        <v>101</v>
      </c>
    </row>
    <row r="37818" spans="1:43">
      <c r="A37818" t="s">
        <v>23445</v>
      </c>
      <c r="B37818" t="s">
        <v>23446</v>
      </c>
      <c r="C37818" t="s">
        <v>23443</v>
      </c>
      <c r="D37818" t="s">
        <v>23444</v>
      </c>
      <c r="E37818" t="s">
        <v>23423</v>
      </c>
      <c r="F37818" t="s">
        <v>23424</v>
      </c>
      <c r="G37818" t="s">
        <v>22539</v>
      </c>
      <c r="H37818" t="s">
        <v>22540</v>
      </c>
      <c r="I37818" s="2">
        <v>0</v>
      </c>
      <c r="J37818" s="2">
        <v>0</v>
      </c>
      <c r="K37818" s="2">
        <v>1</v>
      </c>
      <c r="L37818" t="s">
        <v>995</v>
      </c>
      <c r="M37818" t="s">
        <v>83</v>
      </c>
      <c r="N37818" t="s">
        <v>84</v>
      </c>
      <c r="O37818" t="s">
        <v>85</v>
      </c>
      <c r="P37818" t="s">
        <v>86</v>
      </c>
      <c r="Q37818">
        <v>28</v>
      </c>
      <c r="R37818">
        <v>29</v>
      </c>
      <c r="S37818">
        <v>30</v>
      </c>
      <c r="T37818">
        <v>31</v>
      </c>
      <c r="U37818">
        <v>31</v>
      </c>
      <c r="V37818">
        <v>32</v>
      </c>
      <c r="W37818">
        <v>33</v>
      </c>
      <c r="X37818">
        <v>34</v>
      </c>
      <c r="Y37818">
        <v>34</v>
      </c>
      <c r="Z37818">
        <v>35</v>
      </c>
      <c r="AA37818">
        <v>36</v>
      </c>
      <c r="AB37818">
        <v>37</v>
      </c>
      <c r="AC37818">
        <v>38</v>
      </c>
      <c r="AD37818">
        <v>39</v>
      </c>
      <c r="AE37818">
        <v>40</v>
      </c>
      <c r="AF37818">
        <v>41</v>
      </c>
      <c r="AG37818">
        <v>41</v>
      </c>
      <c r="AH37818">
        <v>42</v>
      </c>
      <c r="AI37818">
        <v>43</v>
      </c>
      <c r="AJ37818">
        <v>44</v>
      </c>
      <c r="AK37818">
        <v>45</v>
      </c>
      <c r="AL37818">
        <v>46</v>
      </c>
      <c r="AM37818">
        <v>46</v>
      </c>
      <c r="AN37818">
        <v>47</v>
      </c>
      <c r="AO37818">
        <v>48</v>
      </c>
      <c r="AP37818">
        <v>48</v>
      </c>
      <c r="AQ37818">
        <v>49</v>
      </c>
    </row>
    <row r="37819" spans="1:43">
      <c r="A37819" t="s">
        <v>23445</v>
      </c>
      <c r="B37819" t="s">
        <v>23446</v>
      </c>
      <c r="C37819" t="s">
        <v>23443</v>
      </c>
      <c r="D37819" t="s">
        <v>23444</v>
      </c>
      <c r="E37819" t="s">
        <v>23423</v>
      </c>
      <c r="F37819" t="s">
        <v>23424</v>
      </c>
      <c r="G37819" t="s">
        <v>22539</v>
      </c>
      <c r="H37819" t="s">
        <v>22540</v>
      </c>
      <c r="I37819" s="2">
        <v>0</v>
      </c>
      <c r="J37819" s="2">
        <v>0</v>
      </c>
      <c r="K37819" s="2">
        <v>1</v>
      </c>
      <c r="L37819" t="s">
        <v>995</v>
      </c>
      <c r="M37819" t="s">
        <v>87</v>
      </c>
      <c r="N37819" t="s">
        <v>88</v>
      </c>
      <c r="O37819" t="s">
        <v>85</v>
      </c>
      <c r="P37819" t="s">
        <v>86</v>
      </c>
      <c r="Q37819">
        <v>28</v>
      </c>
      <c r="R37819">
        <v>28</v>
      </c>
      <c r="S37819">
        <v>29</v>
      </c>
      <c r="T37819">
        <v>29</v>
      </c>
      <c r="U37819">
        <v>30</v>
      </c>
      <c r="V37819">
        <v>30</v>
      </c>
      <c r="W37819">
        <v>31</v>
      </c>
      <c r="X37819">
        <v>31</v>
      </c>
      <c r="Y37819">
        <v>32</v>
      </c>
      <c r="Z37819">
        <v>32</v>
      </c>
      <c r="AA37819">
        <v>33</v>
      </c>
      <c r="AB37819">
        <v>33</v>
      </c>
      <c r="AC37819">
        <v>34</v>
      </c>
      <c r="AD37819">
        <v>34</v>
      </c>
      <c r="AE37819">
        <v>35</v>
      </c>
      <c r="AF37819">
        <v>36</v>
      </c>
      <c r="AG37819">
        <v>36</v>
      </c>
      <c r="AH37819">
        <v>37</v>
      </c>
      <c r="AI37819">
        <v>37</v>
      </c>
      <c r="AJ37819">
        <v>38</v>
      </c>
      <c r="AK37819">
        <v>38</v>
      </c>
      <c r="AL37819">
        <v>39</v>
      </c>
      <c r="AM37819">
        <v>40</v>
      </c>
      <c r="AN37819">
        <v>40</v>
      </c>
      <c r="AO37819">
        <v>41</v>
      </c>
      <c r="AP37819">
        <v>41</v>
      </c>
      <c r="AQ37819">
        <v>42</v>
      </c>
    </row>
    <row r="37820" spans="1:43">
      <c r="A37820" t="s">
        <v>23445</v>
      </c>
      <c r="B37820" t="s">
        <v>23446</v>
      </c>
      <c r="C37820" t="s">
        <v>23443</v>
      </c>
      <c r="D37820" t="s">
        <v>23444</v>
      </c>
      <c r="E37820" t="s">
        <v>23423</v>
      </c>
      <c r="F37820" t="s">
        <v>23424</v>
      </c>
      <c r="G37820" t="s">
        <v>22539</v>
      </c>
      <c r="H37820" t="s">
        <v>22540</v>
      </c>
      <c r="I37820" s="2">
        <v>0</v>
      </c>
      <c r="J37820" s="2">
        <v>0</v>
      </c>
      <c r="K37820" s="2">
        <v>1</v>
      </c>
      <c r="L37820" t="s">
        <v>995</v>
      </c>
      <c r="M37820" t="s">
        <v>89</v>
      </c>
      <c r="N37820" t="s">
        <v>90</v>
      </c>
      <c r="O37820" t="s">
        <v>85</v>
      </c>
      <c r="P37820" t="s">
        <v>86</v>
      </c>
      <c r="Q37820">
        <v>28</v>
      </c>
      <c r="R37820">
        <v>29</v>
      </c>
      <c r="S37820">
        <v>30</v>
      </c>
      <c r="T37820">
        <v>31</v>
      </c>
      <c r="U37820">
        <v>32</v>
      </c>
      <c r="V37820">
        <v>33</v>
      </c>
      <c r="W37820">
        <v>34</v>
      </c>
      <c r="X37820">
        <v>35</v>
      </c>
      <c r="Y37820">
        <v>36</v>
      </c>
      <c r="Z37820">
        <v>37</v>
      </c>
      <c r="AA37820">
        <v>38</v>
      </c>
      <c r="AB37820">
        <v>39</v>
      </c>
      <c r="AC37820">
        <v>40</v>
      </c>
      <c r="AD37820">
        <v>41</v>
      </c>
      <c r="AE37820">
        <v>42</v>
      </c>
      <c r="AF37820">
        <v>42</v>
      </c>
      <c r="AG37820">
        <v>43</v>
      </c>
      <c r="AH37820">
        <v>43</v>
      </c>
      <c r="AI37820">
        <v>44</v>
      </c>
      <c r="AJ37820">
        <v>44</v>
      </c>
      <c r="AK37820">
        <v>45</v>
      </c>
      <c r="AL37820">
        <v>45</v>
      </c>
      <c r="AM37820">
        <v>46</v>
      </c>
      <c r="AN37820">
        <v>46</v>
      </c>
      <c r="AO37820">
        <v>47</v>
      </c>
      <c r="AP37820">
        <v>47</v>
      </c>
      <c r="AQ37820">
        <v>48</v>
      </c>
    </row>
    <row r="37821" spans="1:43">
      <c r="A37821" t="s">
        <v>23445</v>
      </c>
      <c r="B37821" t="s">
        <v>23446</v>
      </c>
      <c r="C37821" t="s">
        <v>23443</v>
      </c>
      <c r="D37821" t="s">
        <v>23444</v>
      </c>
      <c r="E37821" t="s">
        <v>23423</v>
      </c>
      <c r="F37821" t="s">
        <v>23424</v>
      </c>
      <c r="G37821" t="s">
        <v>22539</v>
      </c>
      <c r="H37821" t="s">
        <v>22540</v>
      </c>
      <c r="I37821" s="2">
        <v>0</v>
      </c>
      <c r="J37821" s="2">
        <v>0</v>
      </c>
      <c r="K37821" s="2">
        <v>1</v>
      </c>
      <c r="L37821" t="s">
        <v>995</v>
      </c>
      <c r="M37821" t="s">
        <v>83</v>
      </c>
      <c r="N37821" t="s">
        <v>91</v>
      </c>
      <c r="O37821" t="s">
        <v>85</v>
      </c>
      <c r="P37821" t="s">
        <v>86</v>
      </c>
      <c r="Q37821">
        <v>28</v>
      </c>
      <c r="R37821">
        <v>29</v>
      </c>
      <c r="S37821">
        <v>30</v>
      </c>
      <c r="T37821">
        <v>31</v>
      </c>
      <c r="U37821">
        <v>31</v>
      </c>
      <c r="V37821">
        <v>32</v>
      </c>
      <c r="W37821">
        <v>33</v>
      </c>
      <c r="X37821">
        <v>34</v>
      </c>
      <c r="Y37821">
        <v>34</v>
      </c>
      <c r="Z37821">
        <v>35</v>
      </c>
      <c r="AA37821">
        <v>36</v>
      </c>
      <c r="AB37821">
        <v>37</v>
      </c>
      <c r="AC37821">
        <v>38</v>
      </c>
      <c r="AD37821">
        <v>39</v>
      </c>
      <c r="AE37821">
        <v>40</v>
      </c>
      <c r="AF37821">
        <v>41</v>
      </c>
      <c r="AG37821">
        <v>41</v>
      </c>
      <c r="AH37821">
        <v>42</v>
      </c>
      <c r="AI37821">
        <v>43</v>
      </c>
      <c r="AJ37821">
        <v>44</v>
      </c>
      <c r="AK37821">
        <v>45</v>
      </c>
      <c r="AL37821">
        <v>46</v>
      </c>
      <c r="AM37821">
        <v>46</v>
      </c>
      <c r="AN37821">
        <v>47</v>
      </c>
      <c r="AO37821">
        <v>48</v>
      </c>
      <c r="AP37821">
        <v>48</v>
      </c>
      <c r="AQ37821">
        <v>49</v>
      </c>
    </row>
    <row r="37822" spans="1:43">
      <c r="A37822" t="s">
        <v>23447</v>
      </c>
      <c r="B37822" t="s">
        <v>23448</v>
      </c>
      <c r="C37822" t="s">
        <v>23443</v>
      </c>
      <c r="D37822" t="s">
        <v>23444</v>
      </c>
      <c r="E37822" t="s">
        <v>23423</v>
      </c>
      <c r="F37822" t="s">
        <v>23424</v>
      </c>
      <c r="G37822" t="s">
        <v>22539</v>
      </c>
      <c r="H37822" t="s">
        <v>22540</v>
      </c>
      <c r="I37822" s="2">
        <v>0</v>
      </c>
      <c r="J37822" s="2">
        <v>0</v>
      </c>
      <c r="K37822" s="2">
        <v>0.72</v>
      </c>
      <c r="L37822" t="s">
        <v>995</v>
      </c>
      <c r="M37822" t="s">
        <v>83</v>
      </c>
      <c r="N37822" t="s">
        <v>84</v>
      </c>
      <c r="O37822" t="s">
        <v>85</v>
      </c>
      <c r="P37822" t="s">
        <v>86</v>
      </c>
      <c r="Q37822">
        <v>22</v>
      </c>
      <c r="R37822">
        <v>23</v>
      </c>
      <c r="S37822">
        <v>23</v>
      </c>
      <c r="T37822">
        <v>24</v>
      </c>
      <c r="U37822">
        <v>24</v>
      </c>
      <c r="V37822">
        <v>25</v>
      </c>
      <c r="W37822">
        <v>26</v>
      </c>
      <c r="X37822">
        <v>26</v>
      </c>
      <c r="Y37822">
        <v>27</v>
      </c>
      <c r="Z37822">
        <v>27</v>
      </c>
      <c r="AA37822">
        <v>28</v>
      </c>
      <c r="AB37822">
        <v>29</v>
      </c>
      <c r="AC37822">
        <v>29</v>
      </c>
      <c r="AD37822">
        <v>30</v>
      </c>
      <c r="AE37822">
        <v>31</v>
      </c>
      <c r="AF37822">
        <v>32</v>
      </c>
      <c r="AG37822">
        <v>32</v>
      </c>
      <c r="AH37822">
        <v>33</v>
      </c>
      <c r="AI37822">
        <v>34</v>
      </c>
      <c r="AJ37822">
        <v>34</v>
      </c>
      <c r="AK37822">
        <v>35</v>
      </c>
      <c r="AL37822">
        <v>36</v>
      </c>
      <c r="AM37822">
        <v>36</v>
      </c>
      <c r="AN37822">
        <v>37</v>
      </c>
      <c r="AO37822">
        <v>37</v>
      </c>
      <c r="AP37822">
        <v>37</v>
      </c>
      <c r="AQ37822">
        <v>38</v>
      </c>
    </row>
    <row r="37823" spans="1:43">
      <c r="A37823" t="s">
        <v>23447</v>
      </c>
      <c r="B37823" t="s">
        <v>23448</v>
      </c>
      <c r="C37823" t="s">
        <v>23443</v>
      </c>
      <c r="D37823" t="s">
        <v>23444</v>
      </c>
      <c r="E37823" t="s">
        <v>23423</v>
      </c>
      <c r="F37823" t="s">
        <v>23424</v>
      </c>
      <c r="G37823" t="s">
        <v>22539</v>
      </c>
      <c r="H37823" t="s">
        <v>22540</v>
      </c>
      <c r="I37823" s="2">
        <v>0</v>
      </c>
      <c r="J37823" s="2">
        <v>0</v>
      </c>
      <c r="K37823" s="2">
        <v>0.72</v>
      </c>
      <c r="L37823" t="s">
        <v>995</v>
      </c>
      <c r="M37823" t="s">
        <v>87</v>
      </c>
      <c r="N37823" t="s">
        <v>88</v>
      </c>
      <c r="O37823" t="s">
        <v>85</v>
      </c>
      <c r="P37823" t="s">
        <v>86</v>
      </c>
      <c r="Q37823">
        <v>22</v>
      </c>
      <c r="R37823">
        <v>22</v>
      </c>
      <c r="S37823">
        <v>23</v>
      </c>
      <c r="T37823">
        <v>23</v>
      </c>
      <c r="U37823">
        <v>23</v>
      </c>
      <c r="V37823">
        <v>24</v>
      </c>
      <c r="W37823">
        <v>24</v>
      </c>
      <c r="X37823">
        <v>24</v>
      </c>
      <c r="Y37823">
        <v>25</v>
      </c>
      <c r="Z37823">
        <v>25</v>
      </c>
      <c r="AA37823">
        <v>26</v>
      </c>
      <c r="AB37823">
        <v>26</v>
      </c>
      <c r="AC37823">
        <v>26</v>
      </c>
      <c r="AD37823">
        <v>27</v>
      </c>
      <c r="AE37823">
        <v>27</v>
      </c>
      <c r="AF37823">
        <v>28</v>
      </c>
      <c r="AG37823">
        <v>28</v>
      </c>
      <c r="AH37823">
        <v>29</v>
      </c>
      <c r="AI37823">
        <v>29</v>
      </c>
      <c r="AJ37823">
        <v>29</v>
      </c>
      <c r="AK37823">
        <v>30</v>
      </c>
      <c r="AL37823">
        <v>30</v>
      </c>
      <c r="AM37823">
        <v>31</v>
      </c>
      <c r="AN37823">
        <v>31</v>
      </c>
      <c r="AO37823">
        <v>32</v>
      </c>
      <c r="AP37823">
        <v>32</v>
      </c>
      <c r="AQ37823">
        <v>33</v>
      </c>
    </row>
    <row r="37824" spans="1:43">
      <c r="A37824" t="s">
        <v>23447</v>
      </c>
      <c r="B37824" t="s">
        <v>23448</v>
      </c>
      <c r="C37824" t="s">
        <v>23443</v>
      </c>
      <c r="D37824" t="s">
        <v>23444</v>
      </c>
      <c r="E37824" t="s">
        <v>23423</v>
      </c>
      <c r="F37824" t="s">
        <v>23424</v>
      </c>
      <c r="G37824" t="s">
        <v>22539</v>
      </c>
      <c r="H37824" t="s">
        <v>22540</v>
      </c>
      <c r="I37824" s="2">
        <v>0</v>
      </c>
      <c r="J37824" s="2">
        <v>0</v>
      </c>
      <c r="K37824" s="2">
        <v>0.72</v>
      </c>
      <c r="L37824" t="s">
        <v>995</v>
      </c>
      <c r="M37824" t="s">
        <v>89</v>
      </c>
      <c r="N37824" t="s">
        <v>90</v>
      </c>
      <c r="O37824" t="s">
        <v>85</v>
      </c>
      <c r="P37824" t="s">
        <v>86</v>
      </c>
      <c r="Q37824">
        <v>22</v>
      </c>
      <c r="R37824">
        <v>23</v>
      </c>
      <c r="S37824">
        <v>24</v>
      </c>
      <c r="T37824">
        <v>25</v>
      </c>
      <c r="U37824">
        <v>25</v>
      </c>
      <c r="V37824">
        <v>26</v>
      </c>
      <c r="W37824">
        <v>27</v>
      </c>
      <c r="X37824">
        <v>28</v>
      </c>
      <c r="Y37824">
        <v>28</v>
      </c>
      <c r="Z37824">
        <v>29</v>
      </c>
      <c r="AA37824">
        <v>30</v>
      </c>
      <c r="AB37824">
        <v>31</v>
      </c>
      <c r="AC37824">
        <v>32</v>
      </c>
      <c r="AD37824">
        <v>32</v>
      </c>
      <c r="AE37824">
        <v>33</v>
      </c>
      <c r="AF37824">
        <v>34</v>
      </c>
      <c r="AG37824">
        <v>34</v>
      </c>
      <c r="AH37824">
        <v>34</v>
      </c>
      <c r="AI37824">
        <v>35</v>
      </c>
      <c r="AJ37824">
        <v>35</v>
      </c>
      <c r="AK37824">
        <v>36</v>
      </c>
      <c r="AL37824">
        <v>36</v>
      </c>
      <c r="AM37824">
        <v>36</v>
      </c>
      <c r="AN37824">
        <v>37</v>
      </c>
      <c r="AO37824">
        <v>37</v>
      </c>
      <c r="AP37824">
        <v>38</v>
      </c>
      <c r="AQ37824">
        <v>38</v>
      </c>
    </row>
    <row r="37825" spans="1:43">
      <c r="A37825" t="s">
        <v>23447</v>
      </c>
      <c r="B37825" t="s">
        <v>23448</v>
      </c>
      <c r="C37825" t="s">
        <v>23443</v>
      </c>
      <c r="D37825" t="s">
        <v>23444</v>
      </c>
      <c r="E37825" t="s">
        <v>23423</v>
      </c>
      <c r="F37825" t="s">
        <v>23424</v>
      </c>
      <c r="G37825" t="s">
        <v>22539</v>
      </c>
      <c r="H37825" t="s">
        <v>22540</v>
      </c>
      <c r="I37825" s="2">
        <v>0</v>
      </c>
      <c r="J37825" s="2">
        <v>0</v>
      </c>
      <c r="K37825" s="2">
        <v>0.72</v>
      </c>
      <c r="L37825" t="s">
        <v>995</v>
      </c>
      <c r="M37825" t="s">
        <v>83</v>
      </c>
      <c r="N37825" t="s">
        <v>91</v>
      </c>
      <c r="O37825" t="s">
        <v>85</v>
      </c>
      <c r="P37825" t="s">
        <v>86</v>
      </c>
      <c r="Q37825">
        <v>22</v>
      </c>
      <c r="R37825">
        <v>23</v>
      </c>
      <c r="S37825">
        <v>23</v>
      </c>
      <c r="T37825">
        <v>24</v>
      </c>
      <c r="U37825">
        <v>24</v>
      </c>
      <c r="V37825">
        <v>25</v>
      </c>
      <c r="W37825">
        <v>26</v>
      </c>
      <c r="X37825">
        <v>26</v>
      </c>
      <c r="Y37825">
        <v>27</v>
      </c>
      <c r="Z37825">
        <v>27</v>
      </c>
      <c r="AA37825">
        <v>28</v>
      </c>
      <c r="AB37825">
        <v>29</v>
      </c>
      <c r="AC37825">
        <v>29</v>
      </c>
      <c r="AD37825">
        <v>30</v>
      </c>
      <c r="AE37825">
        <v>31</v>
      </c>
      <c r="AF37825">
        <v>32</v>
      </c>
      <c r="AG37825">
        <v>32</v>
      </c>
      <c r="AH37825">
        <v>33</v>
      </c>
      <c r="AI37825">
        <v>34</v>
      </c>
      <c r="AJ37825">
        <v>34</v>
      </c>
      <c r="AK37825">
        <v>35</v>
      </c>
      <c r="AL37825">
        <v>36</v>
      </c>
      <c r="AM37825">
        <v>36</v>
      </c>
      <c r="AN37825">
        <v>37</v>
      </c>
      <c r="AO37825">
        <v>37</v>
      </c>
      <c r="AP37825">
        <v>37</v>
      </c>
      <c r="AQ37825">
        <v>38</v>
      </c>
    </row>
    <row r="37826" spans="1:43">
      <c r="A37826" t="s">
        <v>23449</v>
      </c>
      <c r="B37826" t="s">
        <v>23450</v>
      </c>
      <c r="C37826" t="s">
        <v>23443</v>
      </c>
      <c r="D37826" t="s">
        <v>23444</v>
      </c>
      <c r="E37826" t="s">
        <v>23423</v>
      </c>
      <c r="F37826" t="s">
        <v>23424</v>
      </c>
      <c r="G37826" t="s">
        <v>22539</v>
      </c>
      <c r="H37826" t="s">
        <v>22540</v>
      </c>
      <c r="I37826" s="2">
        <v>0</v>
      </c>
      <c r="J37826" s="2">
        <v>0</v>
      </c>
      <c r="K37826" s="2">
        <v>1</v>
      </c>
      <c r="L37826" t="s">
        <v>995</v>
      </c>
      <c r="M37826" t="s">
        <v>83</v>
      </c>
      <c r="N37826" t="s">
        <v>84</v>
      </c>
      <c r="O37826" t="s">
        <v>85</v>
      </c>
      <c r="P37826" t="s">
        <v>86</v>
      </c>
      <c r="Q37826">
        <v>70</v>
      </c>
      <c r="R37826">
        <v>72</v>
      </c>
      <c r="S37826">
        <v>74</v>
      </c>
      <c r="T37826">
        <v>76</v>
      </c>
      <c r="U37826">
        <v>78</v>
      </c>
      <c r="V37826">
        <v>80</v>
      </c>
      <c r="W37826">
        <v>82</v>
      </c>
      <c r="X37826">
        <v>84</v>
      </c>
      <c r="Y37826">
        <v>86</v>
      </c>
      <c r="Z37826">
        <v>88</v>
      </c>
      <c r="AA37826">
        <v>90</v>
      </c>
      <c r="AB37826">
        <v>92</v>
      </c>
      <c r="AC37826">
        <v>94</v>
      </c>
      <c r="AD37826">
        <v>96</v>
      </c>
      <c r="AE37826">
        <v>98</v>
      </c>
      <c r="AF37826">
        <v>101</v>
      </c>
      <c r="AG37826">
        <v>103</v>
      </c>
      <c r="AH37826">
        <v>105</v>
      </c>
      <c r="AI37826">
        <v>107</v>
      </c>
      <c r="AJ37826">
        <v>110</v>
      </c>
      <c r="AK37826">
        <v>112</v>
      </c>
      <c r="AL37826">
        <v>114</v>
      </c>
      <c r="AM37826">
        <v>115</v>
      </c>
      <c r="AN37826">
        <v>117</v>
      </c>
      <c r="AO37826">
        <v>118</v>
      </c>
      <c r="AP37826">
        <v>119</v>
      </c>
      <c r="AQ37826">
        <v>121</v>
      </c>
    </row>
    <row r="37827" spans="1:43">
      <c r="A37827" t="s">
        <v>23449</v>
      </c>
      <c r="B37827" t="s">
        <v>23450</v>
      </c>
      <c r="C37827" t="s">
        <v>23443</v>
      </c>
      <c r="D37827" t="s">
        <v>23444</v>
      </c>
      <c r="E37827" t="s">
        <v>23423</v>
      </c>
      <c r="F37827" t="s">
        <v>23424</v>
      </c>
      <c r="G37827" t="s">
        <v>22539</v>
      </c>
      <c r="H37827" t="s">
        <v>22540</v>
      </c>
      <c r="I37827" s="2">
        <v>0</v>
      </c>
      <c r="J37827" s="2">
        <v>0</v>
      </c>
      <c r="K37827" s="2">
        <v>1</v>
      </c>
      <c r="L37827" t="s">
        <v>995</v>
      </c>
      <c r="M37827" t="s">
        <v>87</v>
      </c>
      <c r="N37827" t="s">
        <v>88</v>
      </c>
      <c r="O37827" t="s">
        <v>85</v>
      </c>
      <c r="P37827" t="s">
        <v>86</v>
      </c>
      <c r="Q37827">
        <v>70</v>
      </c>
      <c r="R37827">
        <v>71</v>
      </c>
      <c r="S37827">
        <v>72</v>
      </c>
      <c r="T37827">
        <v>73</v>
      </c>
      <c r="U37827">
        <v>74</v>
      </c>
      <c r="V37827">
        <v>76</v>
      </c>
      <c r="W37827">
        <v>77</v>
      </c>
      <c r="X37827">
        <v>78</v>
      </c>
      <c r="Y37827">
        <v>79</v>
      </c>
      <c r="Z37827">
        <v>81</v>
      </c>
      <c r="AA37827">
        <v>82</v>
      </c>
      <c r="AB37827">
        <v>83</v>
      </c>
      <c r="AC37827">
        <v>84</v>
      </c>
      <c r="AD37827">
        <v>86</v>
      </c>
      <c r="AE37827">
        <v>87</v>
      </c>
      <c r="AF37827">
        <v>88</v>
      </c>
      <c r="AG37827">
        <v>90</v>
      </c>
      <c r="AH37827">
        <v>91</v>
      </c>
      <c r="AI37827">
        <v>92</v>
      </c>
      <c r="AJ37827">
        <v>94</v>
      </c>
      <c r="AK37827">
        <v>95</v>
      </c>
      <c r="AL37827">
        <v>97</v>
      </c>
      <c r="AM37827">
        <v>98</v>
      </c>
      <c r="AN37827">
        <v>100</v>
      </c>
      <c r="AO37827">
        <v>101</v>
      </c>
      <c r="AP37827">
        <v>103</v>
      </c>
      <c r="AQ37827">
        <v>104</v>
      </c>
    </row>
    <row r="37828" spans="1:43">
      <c r="A37828" t="s">
        <v>23449</v>
      </c>
      <c r="B37828" t="s">
        <v>23450</v>
      </c>
      <c r="C37828" t="s">
        <v>23443</v>
      </c>
      <c r="D37828" t="s">
        <v>23444</v>
      </c>
      <c r="E37828" t="s">
        <v>23423</v>
      </c>
      <c r="F37828" t="s">
        <v>23424</v>
      </c>
      <c r="G37828" t="s">
        <v>22539</v>
      </c>
      <c r="H37828" t="s">
        <v>22540</v>
      </c>
      <c r="I37828" s="2">
        <v>0</v>
      </c>
      <c r="J37828" s="2">
        <v>0</v>
      </c>
      <c r="K37828" s="2">
        <v>1</v>
      </c>
      <c r="L37828" t="s">
        <v>995</v>
      </c>
      <c r="M37828" t="s">
        <v>89</v>
      </c>
      <c r="N37828" t="s">
        <v>90</v>
      </c>
      <c r="O37828" t="s">
        <v>85</v>
      </c>
      <c r="P37828" t="s">
        <v>86</v>
      </c>
      <c r="Q37828">
        <v>70</v>
      </c>
      <c r="R37828">
        <v>72</v>
      </c>
      <c r="S37828">
        <v>75</v>
      </c>
      <c r="T37828">
        <v>77</v>
      </c>
      <c r="U37828">
        <v>80</v>
      </c>
      <c r="V37828">
        <v>82</v>
      </c>
      <c r="W37828">
        <v>85</v>
      </c>
      <c r="X37828">
        <v>87</v>
      </c>
      <c r="Y37828">
        <v>90</v>
      </c>
      <c r="Z37828">
        <v>92</v>
      </c>
      <c r="AA37828">
        <v>95</v>
      </c>
      <c r="AB37828">
        <v>97</v>
      </c>
      <c r="AC37828">
        <v>100</v>
      </c>
      <c r="AD37828">
        <v>103</v>
      </c>
      <c r="AE37828">
        <v>105</v>
      </c>
      <c r="AF37828">
        <v>106</v>
      </c>
      <c r="AG37828">
        <v>107</v>
      </c>
      <c r="AH37828">
        <v>109</v>
      </c>
      <c r="AI37828">
        <v>110</v>
      </c>
      <c r="AJ37828">
        <v>111</v>
      </c>
      <c r="AK37828">
        <v>113</v>
      </c>
      <c r="AL37828">
        <v>114</v>
      </c>
      <c r="AM37828">
        <v>115</v>
      </c>
      <c r="AN37828">
        <v>117</v>
      </c>
      <c r="AO37828">
        <v>118</v>
      </c>
      <c r="AP37828">
        <v>119</v>
      </c>
      <c r="AQ37828">
        <v>121</v>
      </c>
    </row>
    <row r="37829" spans="1:43">
      <c r="A37829" t="s">
        <v>23449</v>
      </c>
      <c r="B37829" t="s">
        <v>23450</v>
      </c>
      <c r="C37829" t="s">
        <v>23443</v>
      </c>
      <c r="D37829" t="s">
        <v>23444</v>
      </c>
      <c r="E37829" t="s">
        <v>23423</v>
      </c>
      <c r="F37829" t="s">
        <v>23424</v>
      </c>
      <c r="G37829" t="s">
        <v>22539</v>
      </c>
      <c r="H37829" t="s">
        <v>22540</v>
      </c>
      <c r="I37829" s="2">
        <v>0</v>
      </c>
      <c r="J37829" s="2">
        <v>0</v>
      </c>
      <c r="K37829" s="2">
        <v>1</v>
      </c>
      <c r="L37829" t="s">
        <v>995</v>
      </c>
      <c r="M37829" t="s">
        <v>83</v>
      </c>
      <c r="N37829" t="s">
        <v>91</v>
      </c>
      <c r="O37829" t="s">
        <v>85</v>
      </c>
      <c r="P37829" t="s">
        <v>86</v>
      </c>
      <c r="Q37829">
        <v>70</v>
      </c>
      <c r="R37829">
        <v>72</v>
      </c>
      <c r="S37829">
        <v>74</v>
      </c>
      <c r="T37829">
        <v>76</v>
      </c>
      <c r="U37829">
        <v>78</v>
      </c>
      <c r="V37829">
        <v>80</v>
      </c>
      <c r="W37829">
        <v>82</v>
      </c>
      <c r="X37829">
        <v>84</v>
      </c>
      <c r="Y37829">
        <v>86</v>
      </c>
      <c r="Z37829">
        <v>88</v>
      </c>
      <c r="AA37829">
        <v>90</v>
      </c>
      <c r="AB37829">
        <v>92</v>
      </c>
      <c r="AC37829">
        <v>94</v>
      </c>
      <c r="AD37829">
        <v>96</v>
      </c>
      <c r="AE37829">
        <v>98</v>
      </c>
      <c r="AF37829">
        <v>101</v>
      </c>
      <c r="AG37829">
        <v>103</v>
      </c>
      <c r="AH37829">
        <v>105</v>
      </c>
      <c r="AI37829">
        <v>107</v>
      </c>
      <c r="AJ37829">
        <v>110</v>
      </c>
      <c r="AK37829">
        <v>112</v>
      </c>
      <c r="AL37829">
        <v>114</v>
      </c>
      <c r="AM37829">
        <v>115</v>
      </c>
      <c r="AN37829">
        <v>117</v>
      </c>
      <c r="AO37829">
        <v>118</v>
      </c>
      <c r="AP37829">
        <v>119</v>
      </c>
      <c r="AQ37829">
        <v>121</v>
      </c>
    </row>
    <row r="37830" spans="1:43">
      <c r="A37830" t="s">
        <v>23451</v>
      </c>
      <c r="B37830" t="s">
        <v>23452</v>
      </c>
      <c r="C37830" t="s">
        <v>23439</v>
      </c>
      <c r="D37830" t="s">
        <v>23440</v>
      </c>
      <c r="E37830" t="s">
        <v>23423</v>
      </c>
      <c r="F37830" t="s">
        <v>23424</v>
      </c>
      <c r="G37830" t="s">
        <v>22539</v>
      </c>
      <c r="H37830" t="s">
        <v>22540</v>
      </c>
      <c r="I37830" s="2">
        <v>0</v>
      </c>
      <c r="J37830" s="2">
        <v>0</v>
      </c>
      <c r="K37830" s="2">
        <v>1</v>
      </c>
      <c r="L37830" t="s">
        <v>995</v>
      </c>
      <c r="M37830" t="s">
        <v>83</v>
      </c>
      <c r="N37830" t="s">
        <v>84</v>
      </c>
      <c r="O37830" t="s">
        <v>85</v>
      </c>
      <c r="P37830" t="s">
        <v>86</v>
      </c>
      <c r="Q37830">
        <v>23</v>
      </c>
      <c r="R37830">
        <v>23</v>
      </c>
      <c r="S37830">
        <v>24</v>
      </c>
      <c r="T37830">
        <v>24</v>
      </c>
      <c r="U37830">
        <v>25</v>
      </c>
      <c r="V37830">
        <v>25</v>
      </c>
      <c r="W37830">
        <v>26</v>
      </c>
      <c r="X37830">
        <v>27</v>
      </c>
      <c r="Y37830">
        <v>27</v>
      </c>
      <c r="Z37830">
        <v>28</v>
      </c>
      <c r="AA37830">
        <v>29</v>
      </c>
      <c r="AB37830">
        <v>29</v>
      </c>
      <c r="AC37830">
        <v>30</v>
      </c>
      <c r="AD37830">
        <v>31</v>
      </c>
      <c r="AE37830">
        <v>31</v>
      </c>
      <c r="AF37830">
        <v>32</v>
      </c>
      <c r="AG37830">
        <v>33</v>
      </c>
      <c r="AH37830">
        <v>33</v>
      </c>
      <c r="AI37830">
        <v>34</v>
      </c>
      <c r="AJ37830">
        <v>35</v>
      </c>
      <c r="AK37830">
        <v>36</v>
      </c>
      <c r="AL37830">
        <v>36</v>
      </c>
      <c r="AM37830">
        <v>37</v>
      </c>
      <c r="AN37830">
        <v>37</v>
      </c>
      <c r="AO37830">
        <v>37</v>
      </c>
      <c r="AP37830">
        <v>38</v>
      </c>
      <c r="AQ37830">
        <v>38</v>
      </c>
    </row>
    <row r="37831" spans="1:43">
      <c r="A37831" t="s">
        <v>23451</v>
      </c>
      <c r="B37831" t="s">
        <v>23452</v>
      </c>
      <c r="C37831" t="s">
        <v>23439</v>
      </c>
      <c r="D37831" t="s">
        <v>23440</v>
      </c>
      <c r="E37831" t="s">
        <v>23423</v>
      </c>
      <c r="F37831" t="s">
        <v>23424</v>
      </c>
      <c r="G37831" t="s">
        <v>22539</v>
      </c>
      <c r="H37831" t="s">
        <v>22540</v>
      </c>
      <c r="I37831" s="2">
        <v>0</v>
      </c>
      <c r="J37831" s="2">
        <v>0</v>
      </c>
      <c r="K37831" s="2">
        <v>1</v>
      </c>
      <c r="L37831" t="s">
        <v>995</v>
      </c>
      <c r="M37831" t="s">
        <v>87</v>
      </c>
      <c r="N37831" t="s">
        <v>88</v>
      </c>
      <c r="O37831" t="s">
        <v>85</v>
      </c>
      <c r="P37831" t="s">
        <v>86</v>
      </c>
      <c r="Q37831">
        <v>23</v>
      </c>
      <c r="R37831">
        <v>24</v>
      </c>
      <c r="S37831">
        <v>24</v>
      </c>
      <c r="T37831">
        <v>24</v>
      </c>
      <c r="U37831">
        <v>25</v>
      </c>
      <c r="V37831">
        <v>25</v>
      </c>
      <c r="W37831">
        <v>26</v>
      </c>
      <c r="X37831">
        <v>26</v>
      </c>
      <c r="Y37831">
        <v>26</v>
      </c>
      <c r="Z37831">
        <v>27</v>
      </c>
      <c r="AA37831">
        <v>27</v>
      </c>
      <c r="AB37831">
        <v>27</v>
      </c>
      <c r="AC37831">
        <v>28</v>
      </c>
      <c r="AD37831">
        <v>28</v>
      </c>
      <c r="AE37831">
        <v>29</v>
      </c>
      <c r="AF37831">
        <v>29</v>
      </c>
      <c r="AG37831">
        <v>30</v>
      </c>
      <c r="AH37831">
        <v>30</v>
      </c>
      <c r="AI37831">
        <v>30</v>
      </c>
      <c r="AJ37831">
        <v>31</v>
      </c>
      <c r="AK37831">
        <v>31</v>
      </c>
      <c r="AL37831">
        <v>32</v>
      </c>
      <c r="AM37831">
        <v>32</v>
      </c>
      <c r="AN37831">
        <v>33</v>
      </c>
      <c r="AO37831">
        <v>33</v>
      </c>
      <c r="AP37831">
        <v>34</v>
      </c>
      <c r="AQ37831">
        <v>34</v>
      </c>
    </row>
    <row r="37832" spans="1:43">
      <c r="A37832" t="s">
        <v>23451</v>
      </c>
      <c r="B37832" t="s">
        <v>23452</v>
      </c>
      <c r="C37832" t="s">
        <v>23439</v>
      </c>
      <c r="D37832" t="s">
        <v>23440</v>
      </c>
      <c r="E37832" t="s">
        <v>23423</v>
      </c>
      <c r="F37832" t="s">
        <v>23424</v>
      </c>
      <c r="G37832" t="s">
        <v>22539</v>
      </c>
      <c r="H37832" t="s">
        <v>22540</v>
      </c>
      <c r="I37832" s="2">
        <v>0</v>
      </c>
      <c r="J37832" s="2">
        <v>0</v>
      </c>
      <c r="K37832" s="2">
        <v>1</v>
      </c>
      <c r="L37832" t="s">
        <v>995</v>
      </c>
      <c r="M37832" t="s">
        <v>89</v>
      </c>
      <c r="N37832" t="s">
        <v>90</v>
      </c>
      <c r="O37832" t="s">
        <v>85</v>
      </c>
      <c r="P37832" t="s">
        <v>86</v>
      </c>
      <c r="Q37832">
        <v>23</v>
      </c>
      <c r="R37832">
        <v>24</v>
      </c>
      <c r="S37832">
        <v>24</v>
      </c>
      <c r="T37832">
        <v>25</v>
      </c>
      <c r="U37832">
        <v>26</v>
      </c>
      <c r="V37832">
        <v>27</v>
      </c>
      <c r="W37832">
        <v>27</v>
      </c>
      <c r="X37832">
        <v>28</v>
      </c>
      <c r="Y37832">
        <v>29</v>
      </c>
      <c r="Z37832">
        <v>30</v>
      </c>
      <c r="AA37832">
        <v>31</v>
      </c>
      <c r="AB37832">
        <v>31</v>
      </c>
      <c r="AC37832">
        <v>32</v>
      </c>
      <c r="AD37832">
        <v>33</v>
      </c>
      <c r="AE37832">
        <v>34</v>
      </c>
      <c r="AF37832">
        <v>34</v>
      </c>
      <c r="AG37832">
        <v>34</v>
      </c>
      <c r="AH37832">
        <v>35</v>
      </c>
      <c r="AI37832">
        <v>35</v>
      </c>
      <c r="AJ37832">
        <v>36</v>
      </c>
      <c r="AK37832">
        <v>36</v>
      </c>
      <c r="AL37832">
        <v>36</v>
      </c>
      <c r="AM37832">
        <v>37</v>
      </c>
      <c r="AN37832">
        <v>37</v>
      </c>
      <c r="AO37832">
        <v>38</v>
      </c>
      <c r="AP37832">
        <v>38</v>
      </c>
      <c r="AQ37832">
        <v>38</v>
      </c>
    </row>
    <row r="37833" spans="1:43">
      <c r="A37833" t="s">
        <v>23451</v>
      </c>
      <c r="B37833" t="s">
        <v>23452</v>
      </c>
      <c r="C37833" t="s">
        <v>23439</v>
      </c>
      <c r="D37833" t="s">
        <v>23440</v>
      </c>
      <c r="E37833" t="s">
        <v>23423</v>
      </c>
      <c r="F37833" t="s">
        <v>23424</v>
      </c>
      <c r="G37833" t="s">
        <v>22539</v>
      </c>
      <c r="H37833" t="s">
        <v>22540</v>
      </c>
      <c r="I37833" s="2">
        <v>0</v>
      </c>
      <c r="J37833" s="2">
        <v>0</v>
      </c>
      <c r="K37833" s="2">
        <v>1</v>
      </c>
      <c r="L37833" t="s">
        <v>995</v>
      </c>
      <c r="M37833" t="s">
        <v>83</v>
      </c>
      <c r="N37833" t="s">
        <v>91</v>
      </c>
      <c r="O37833" t="s">
        <v>85</v>
      </c>
      <c r="P37833" t="s">
        <v>86</v>
      </c>
      <c r="Q37833">
        <v>23</v>
      </c>
      <c r="R37833">
        <v>23</v>
      </c>
      <c r="S37833">
        <v>24</v>
      </c>
      <c r="T37833">
        <v>24</v>
      </c>
      <c r="U37833">
        <v>25</v>
      </c>
      <c r="V37833">
        <v>25</v>
      </c>
      <c r="W37833">
        <v>26</v>
      </c>
      <c r="X37833">
        <v>27</v>
      </c>
      <c r="Y37833">
        <v>27</v>
      </c>
      <c r="Z37833">
        <v>28</v>
      </c>
      <c r="AA37833">
        <v>29</v>
      </c>
      <c r="AB37833">
        <v>29</v>
      </c>
      <c r="AC37833">
        <v>30</v>
      </c>
      <c r="AD37833">
        <v>31</v>
      </c>
      <c r="AE37833">
        <v>31</v>
      </c>
      <c r="AF37833">
        <v>32</v>
      </c>
      <c r="AG37833">
        <v>33</v>
      </c>
      <c r="AH37833">
        <v>33</v>
      </c>
      <c r="AI37833">
        <v>34</v>
      </c>
      <c r="AJ37833">
        <v>35</v>
      </c>
      <c r="AK37833">
        <v>36</v>
      </c>
      <c r="AL37833">
        <v>36</v>
      </c>
      <c r="AM37833">
        <v>37</v>
      </c>
      <c r="AN37833">
        <v>37</v>
      </c>
      <c r="AO37833">
        <v>37</v>
      </c>
      <c r="AP37833">
        <v>38</v>
      </c>
      <c r="AQ37833">
        <v>38</v>
      </c>
    </row>
    <row r="37834" spans="1:43">
      <c r="A37834" t="s">
        <v>23453</v>
      </c>
      <c r="B37834" t="s">
        <v>23454</v>
      </c>
      <c r="C37834" t="s">
        <v>23439</v>
      </c>
      <c r="D37834" t="s">
        <v>23440</v>
      </c>
      <c r="E37834" t="s">
        <v>23423</v>
      </c>
      <c r="F37834" t="s">
        <v>23424</v>
      </c>
      <c r="G37834" t="s">
        <v>22539</v>
      </c>
      <c r="H37834" t="s">
        <v>22540</v>
      </c>
      <c r="I37834" s="2">
        <v>0</v>
      </c>
      <c r="J37834" s="2">
        <v>0</v>
      </c>
      <c r="K37834" s="2">
        <v>0.11</v>
      </c>
      <c r="L37834" t="s">
        <v>995</v>
      </c>
      <c r="M37834" t="s">
        <v>83</v>
      </c>
      <c r="N37834" t="s">
        <v>84</v>
      </c>
      <c r="O37834" t="s">
        <v>85</v>
      </c>
      <c r="P37834" t="s">
        <v>86</v>
      </c>
      <c r="Q37834">
        <v>1</v>
      </c>
      <c r="R37834">
        <v>1</v>
      </c>
      <c r="S37834">
        <v>2</v>
      </c>
      <c r="T37834">
        <v>2</v>
      </c>
      <c r="U37834">
        <v>2</v>
      </c>
      <c r="V37834">
        <v>2</v>
      </c>
      <c r="W37834">
        <v>2</v>
      </c>
      <c r="X37834">
        <v>2</v>
      </c>
      <c r="Y37834">
        <v>2</v>
      </c>
      <c r="Z37834">
        <v>2</v>
      </c>
      <c r="AA37834">
        <v>2</v>
      </c>
      <c r="AB37834">
        <v>2</v>
      </c>
      <c r="AC37834">
        <v>2</v>
      </c>
      <c r="AD37834">
        <v>2</v>
      </c>
      <c r="AE37834">
        <v>2</v>
      </c>
      <c r="AF37834">
        <v>2</v>
      </c>
      <c r="AG37834">
        <v>2</v>
      </c>
      <c r="AH37834">
        <v>2</v>
      </c>
      <c r="AI37834">
        <v>2</v>
      </c>
      <c r="AJ37834">
        <v>2</v>
      </c>
      <c r="AK37834">
        <v>2</v>
      </c>
      <c r="AL37834">
        <v>2</v>
      </c>
      <c r="AM37834">
        <v>2</v>
      </c>
      <c r="AN37834">
        <v>2</v>
      </c>
      <c r="AO37834">
        <v>2</v>
      </c>
      <c r="AP37834">
        <v>2</v>
      </c>
      <c r="AQ37834">
        <v>2</v>
      </c>
    </row>
    <row r="37835" spans="1:43">
      <c r="A37835" t="s">
        <v>23453</v>
      </c>
      <c r="B37835" t="s">
        <v>23454</v>
      </c>
      <c r="C37835" t="s">
        <v>23439</v>
      </c>
      <c r="D37835" t="s">
        <v>23440</v>
      </c>
      <c r="E37835" t="s">
        <v>23423</v>
      </c>
      <c r="F37835" t="s">
        <v>23424</v>
      </c>
      <c r="G37835" t="s">
        <v>22539</v>
      </c>
      <c r="H37835" t="s">
        <v>22540</v>
      </c>
      <c r="I37835" s="2">
        <v>0</v>
      </c>
      <c r="J37835" s="2">
        <v>0</v>
      </c>
      <c r="K37835" s="2">
        <v>0.11</v>
      </c>
      <c r="L37835" t="s">
        <v>995</v>
      </c>
      <c r="M37835" t="s">
        <v>87</v>
      </c>
      <c r="N37835" t="s">
        <v>88</v>
      </c>
      <c r="O37835" t="s">
        <v>85</v>
      </c>
      <c r="P37835" t="s">
        <v>86</v>
      </c>
      <c r="Q37835">
        <v>1</v>
      </c>
      <c r="R37835">
        <v>1</v>
      </c>
      <c r="S37835">
        <v>1</v>
      </c>
      <c r="T37835">
        <v>2</v>
      </c>
      <c r="U37835">
        <v>2</v>
      </c>
      <c r="V37835">
        <v>2</v>
      </c>
      <c r="W37835">
        <v>2</v>
      </c>
      <c r="X37835">
        <v>2</v>
      </c>
      <c r="Y37835">
        <v>2</v>
      </c>
      <c r="Z37835">
        <v>2</v>
      </c>
      <c r="AA37835">
        <v>2</v>
      </c>
      <c r="AB37835">
        <v>2</v>
      </c>
      <c r="AC37835">
        <v>2</v>
      </c>
      <c r="AD37835">
        <v>2</v>
      </c>
      <c r="AE37835">
        <v>2</v>
      </c>
      <c r="AF37835">
        <v>2</v>
      </c>
      <c r="AG37835">
        <v>2</v>
      </c>
      <c r="AH37835">
        <v>2</v>
      </c>
      <c r="AI37835">
        <v>2</v>
      </c>
      <c r="AJ37835">
        <v>2</v>
      </c>
      <c r="AK37835">
        <v>2</v>
      </c>
      <c r="AL37835">
        <v>2</v>
      </c>
      <c r="AM37835">
        <v>2</v>
      </c>
      <c r="AN37835">
        <v>2</v>
      </c>
      <c r="AO37835">
        <v>2</v>
      </c>
      <c r="AP37835">
        <v>2</v>
      </c>
      <c r="AQ37835">
        <v>2</v>
      </c>
    </row>
    <row r="37836" spans="1:43">
      <c r="A37836" t="s">
        <v>23453</v>
      </c>
      <c r="B37836" t="s">
        <v>23454</v>
      </c>
      <c r="C37836" t="s">
        <v>23439</v>
      </c>
      <c r="D37836" t="s">
        <v>23440</v>
      </c>
      <c r="E37836" t="s">
        <v>23423</v>
      </c>
      <c r="F37836" t="s">
        <v>23424</v>
      </c>
      <c r="G37836" t="s">
        <v>22539</v>
      </c>
      <c r="H37836" t="s">
        <v>22540</v>
      </c>
      <c r="I37836" s="2">
        <v>0</v>
      </c>
      <c r="J37836" s="2">
        <v>0</v>
      </c>
      <c r="K37836" s="2">
        <v>0.11</v>
      </c>
      <c r="L37836" t="s">
        <v>995</v>
      </c>
      <c r="M37836" t="s">
        <v>89</v>
      </c>
      <c r="N37836" t="s">
        <v>90</v>
      </c>
      <c r="O37836" t="s">
        <v>85</v>
      </c>
      <c r="P37836" t="s">
        <v>86</v>
      </c>
      <c r="Q37836">
        <v>1</v>
      </c>
      <c r="R37836">
        <v>2</v>
      </c>
      <c r="S37836">
        <v>2</v>
      </c>
      <c r="T37836">
        <v>2</v>
      </c>
      <c r="U37836">
        <v>2</v>
      </c>
      <c r="V37836">
        <v>2</v>
      </c>
      <c r="W37836">
        <v>2</v>
      </c>
      <c r="X37836">
        <v>2</v>
      </c>
      <c r="Y37836">
        <v>2</v>
      </c>
      <c r="Z37836">
        <v>2</v>
      </c>
      <c r="AA37836">
        <v>2</v>
      </c>
      <c r="AB37836">
        <v>2</v>
      </c>
      <c r="AC37836">
        <v>2</v>
      </c>
      <c r="AD37836">
        <v>2</v>
      </c>
      <c r="AE37836">
        <v>2</v>
      </c>
      <c r="AF37836">
        <v>2</v>
      </c>
      <c r="AG37836">
        <v>2</v>
      </c>
      <c r="AH37836">
        <v>2</v>
      </c>
      <c r="AI37836">
        <v>2</v>
      </c>
      <c r="AJ37836">
        <v>2</v>
      </c>
      <c r="AK37836">
        <v>2</v>
      </c>
      <c r="AL37836">
        <v>2</v>
      </c>
      <c r="AM37836">
        <v>2</v>
      </c>
      <c r="AN37836">
        <v>2</v>
      </c>
      <c r="AO37836">
        <v>2</v>
      </c>
      <c r="AP37836">
        <v>2</v>
      </c>
      <c r="AQ37836">
        <v>2</v>
      </c>
    </row>
    <row r="37837" spans="1:43">
      <c r="A37837" t="s">
        <v>23453</v>
      </c>
      <c r="B37837" t="s">
        <v>23454</v>
      </c>
      <c r="C37837" t="s">
        <v>23439</v>
      </c>
      <c r="D37837" t="s">
        <v>23440</v>
      </c>
      <c r="E37837" t="s">
        <v>23423</v>
      </c>
      <c r="F37837" t="s">
        <v>23424</v>
      </c>
      <c r="G37837" t="s">
        <v>22539</v>
      </c>
      <c r="H37837" t="s">
        <v>22540</v>
      </c>
      <c r="I37837" s="2">
        <v>0</v>
      </c>
      <c r="J37837" s="2">
        <v>0</v>
      </c>
      <c r="K37837" s="2">
        <v>0.11</v>
      </c>
      <c r="L37837" t="s">
        <v>995</v>
      </c>
      <c r="M37837" t="s">
        <v>83</v>
      </c>
      <c r="N37837" t="s">
        <v>91</v>
      </c>
      <c r="O37837" t="s">
        <v>85</v>
      </c>
      <c r="P37837" t="s">
        <v>86</v>
      </c>
      <c r="Q37837">
        <v>1</v>
      </c>
      <c r="R37837">
        <v>1</v>
      </c>
      <c r="S37837">
        <v>2</v>
      </c>
      <c r="T37837">
        <v>2</v>
      </c>
      <c r="U37837">
        <v>2</v>
      </c>
      <c r="V37837">
        <v>2</v>
      </c>
      <c r="W37837">
        <v>2</v>
      </c>
      <c r="X37837">
        <v>2</v>
      </c>
      <c r="Y37837">
        <v>2</v>
      </c>
      <c r="Z37837">
        <v>2</v>
      </c>
      <c r="AA37837">
        <v>2</v>
      </c>
      <c r="AB37837">
        <v>2</v>
      </c>
      <c r="AC37837">
        <v>2</v>
      </c>
      <c r="AD37837">
        <v>2</v>
      </c>
      <c r="AE37837">
        <v>2</v>
      </c>
      <c r="AF37837">
        <v>2</v>
      </c>
      <c r="AG37837">
        <v>2</v>
      </c>
      <c r="AH37837">
        <v>2</v>
      </c>
      <c r="AI37837">
        <v>2</v>
      </c>
      <c r="AJ37837">
        <v>2</v>
      </c>
      <c r="AK37837">
        <v>2</v>
      </c>
      <c r="AL37837">
        <v>2</v>
      </c>
      <c r="AM37837">
        <v>2</v>
      </c>
      <c r="AN37837">
        <v>2</v>
      </c>
      <c r="AO37837">
        <v>2</v>
      </c>
      <c r="AP37837">
        <v>2</v>
      </c>
      <c r="AQ37837">
        <v>2</v>
      </c>
    </row>
    <row r="37838" spans="1:43">
      <c r="A37838" t="s">
        <v>23455</v>
      </c>
      <c r="B37838" t="s">
        <v>23456</v>
      </c>
      <c r="C37838" t="s">
        <v>23439</v>
      </c>
      <c r="D37838" t="s">
        <v>23440</v>
      </c>
      <c r="E37838" t="s">
        <v>23423</v>
      </c>
      <c r="F37838" t="s">
        <v>23424</v>
      </c>
      <c r="G37838" t="s">
        <v>22539</v>
      </c>
      <c r="H37838" t="s">
        <v>22540</v>
      </c>
      <c r="I37838" s="2">
        <v>0</v>
      </c>
      <c r="J37838" s="2">
        <v>0</v>
      </c>
      <c r="K37838" s="2">
        <v>0.24</v>
      </c>
      <c r="L37838" t="s">
        <v>995</v>
      </c>
      <c r="M37838" t="s">
        <v>83</v>
      </c>
      <c r="N37838" t="s">
        <v>84</v>
      </c>
      <c r="O37838" t="s">
        <v>85</v>
      </c>
      <c r="P37838" t="s">
        <v>86</v>
      </c>
      <c r="Q37838">
        <v>5</v>
      </c>
      <c r="R37838">
        <v>5</v>
      </c>
      <c r="S37838">
        <v>5</v>
      </c>
      <c r="T37838">
        <v>5</v>
      </c>
      <c r="U37838">
        <v>5</v>
      </c>
      <c r="V37838">
        <v>5</v>
      </c>
      <c r="W37838">
        <v>6</v>
      </c>
      <c r="X37838">
        <v>6</v>
      </c>
      <c r="Y37838">
        <v>6</v>
      </c>
      <c r="Z37838">
        <v>6</v>
      </c>
      <c r="AA37838">
        <v>6</v>
      </c>
      <c r="AB37838">
        <v>6</v>
      </c>
      <c r="AC37838">
        <v>6</v>
      </c>
      <c r="AD37838">
        <v>7</v>
      </c>
      <c r="AE37838">
        <v>7</v>
      </c>
      <c r="AF37838">
        <v>7</v>
      </c>
      <c r="AG37838">
        <v>7</v>
      </c>
      <c r="AH37838">
        <v>7</v>
      </c>
      <c r="AI37838">
        <v>7</v>
      </c>
      <c r="AJ37838">
        <v>7</v>
      </c>
      <c r="AK37838">
        <v>8</v>
      </c>
      <c r="AL37838">
        <v>8</v>
      </c>
      <c r="AM37838">
        <v>8</v>
      </c>
      <c r="AN37838">
        <v>8</v>
      </c>
      <c r="AO37838">
        <v>8</v>
      </c>
      <c r="AP37838">
        <v>8</v>
      </c>
      <c r="AQ37838">
        <v>8</v>
      </c>
    </row>
    <row r="37839" spans="1:43">
      <c r="A37839" t="s">
        <v>23455</v>
      </c>
      <c r="B37839" t="s">
        <v>23456</v>
      </c>
      <c r="C37839" t="s">
        <v>23439</v>
      </c>
      <c r="D37839" t="s">
        <v>23440</v>
      </c>
      <c r="E37839" t="s">
        <v>23423</v>
      </c>
      <c r="F37839" t="s">
        <v>23424</v>
      </c>
      <c r="G37839" t="s">
        <v>22539</v>
      </c>
      <c r="H37839" t="s">
        <v>22540</v>
      </c>
      <c r="I37839" s="2">
        <v>0</v>
      </c>
      <c r="J37839" s="2">
        <v>0</v>
      </c>
      <c r="K37839" s="2">
        <v>0.24</v>
      </c>
      <c r="L37839" t="s">
        <v>995</v>
      </c>
      <c r="M37839" t="s">
        <v>87</v>
      </c>
      <c r="N37839" t="s">
        <v>88</v>
      </c>
      <c r="O37839" t="s">
        <v>85</v>
      </c>
      <c r="P37839" t="s">
        <v>86</v>
      </c>
      <c r="Q37839">
        <v>5</v>
      </c>
      <c r="R37839">
        <v>5</v>
      </c>
      <c r="S37839">
        <v>5</v>
      </c>
      <c r="T37839">
        <v>5</v>
      </c>
      <c r="U37839">
        <v>5</v>
      </c>
      <c r="V37839">
        <v>5</v>
      </c>
      <c r="W37839">
        <v>5</v>
      </c>
      <c r="X37839">
        <v>5</v>
      </c>
      <c r="Y37839">
        <v>5</v>
      </c>
      <c r="Z37839">
        <v>5</v>
      </c>
      <c r="AA37839">
        <v>6</v>
      </c>
      <c r="AB37839">
        <v>6</v>
      </c>
      <c r="AC37839">
        <v>6</v>
      </c>
      <c r="AD37839">
        <v>6</v>
      </c>
      <c r="AE37839">
        <v>6</v>
      </c>
      <c r="AF37839">
        <v>6</v>
      </c>
      <c r="AG37839">
        <v>6</v>
      </c>
      <c r="AH37839">
        <v>6</v>
      </c>
      <c r="AI37839">
        <v>6</v>
      </c>
      <c r="AJ37839">
        <v>6</v>
      </c>
      <c r="AK37839">
        <v>6</v>
      </c>
      <c r="AL37839">
        <v>7</v>
      </c>
      <c r="AM37839">
        <v>7</v>
      </c>
      <c r="AN37839">
        <v>7</v>
      </c>
      <c r="AO37839">
        <v>7</v>
      </c>
      <c r="AP37839">
        <v>7</v>
      </c>
      <c r="AQ37839">
        <v>7</v>
      </c>
    </row>
    <row r="37840" spans="1:43">
      <c r="A37840" t="s">
        <v>23455</v>
      </c>
      <c r="B37840" t="s">
        <v>23456</v>
      </c>
      <c r="C37840" t="s">
        <v>23439</v>
      </c>
      <c r="D37840" t="s">
        <v>23440</v>
      </c>
      <c r="E37840" t="s">
        <v>23423</v>
      </c>
      <c r="F37840" t="s">
        <v>23424</v>
      </c>
      <c r="G37840" t="s">
        <v>22539</v>
      </c>
      <c r="H37840" t="s">
        <v>22540</v>
      </c>
      <c r="I37840" s="2">
        <v>0</v>
      </c>
      <c r="J37840" s="2">
        <v>0</v>
      </c>
      <c r="K37840" s="2">
        <v>0.24</v>
      </c>
      <c r="L37840" t="s">
        <v>995</v>
      </c>
      <c r="M37840" t="s">
        <v>89</v>
      </c>
      <c r="N37840" t="s">
        <v>90</v>
      </c>
      <c r="O37840" t="s">
        <v>85</v>
      </c>
      <c r="P37840" t="s">
        <v>86</v>
      </c>
      <c r="Q37840">
        <v>5</v>
      </c>
      <c r="R37840">
        <v>5</v>
      </c>
      <c r="S37840">
        <v>5</v>
      </c>
      <c r="T37840">
        <v>5</v>
      </c>
      <c r="U37840">
        <v>6</v>
      </c>
      <c r="V37840">
        <v>6</v>
      </c>
      <c r="W37840">
        <v>6</v>
      </c>
      <c r="X37840">
        <v>6</v>
      </c>
      <c r="Y37840">
        <v>6</v>
      </c>
      <c r="Z37840">
        <v>6</v>
      </c>
      <c r="AA37840">
        <v>6</v>
      </c>
      <c r="AB37840">
        <v>7</v>
      </c>
      <c r="AC37840">
        <v>7</v>
      </c>
      <c r="AD37840">
        <v>7</v>
      </c>
      <c r="AE37840">
        <v>7</v>
      </c>
      <c r="AF37840">
        <v>7</v>
      </c>
      <c r="AG37840">
        <v>7</v>
      </c>
      <c r="AH37840">
        <v>7</v>
      </c>
      <c r="AI37840">
        <v>7</v>
      </c>
      <c r="AJ37840">
        <v>8</v>
      </c>
      <c r="AK37840">
        <v>8</v>
      </c>
      <c r="AL37840">
        <v>8</v>
      </c>
      <c r="AM37840">
        <v>8</v>
      </c>
      <c r="AN37840">
        <v>8</v>
      </c>
      <c r="AO37840">
        <v>8</v>
      </c>
      <c r="AP37840">
        <v>8</v>
      </c>
      <c r="AQ37840">
        <v>8</v>
      </c>
    </row>
    <row r="37841" spans="1:43">
      <c r="A37841" t="s">
        <v>23455</v>
      </c>
      <c r="B37841" t="s">
        <v>23456</v>
      </c>
      <c r="C37841" t="s">
        <v>23439</v>
      </c>
      <c r="D37841" t="s">
        <v>23440</v>
      </c>
      <c r="E37841" t="s">
        <v>23423</v>
      </c>
      <c r="F37841" t="s">
        <v>23424</v>
      </c>
      <c r="G37841" t="s">
        <v>22539</v>
      </c>
      <c r="H37841" t="s">
        <v>22540</v>
      </c>
      <c r="I37841" s="2">
        <v>0</v>
      </c>
      <c r="J37841" s="2">
        <v>0</v>
      </c>
      <c r="K37841" s="2">
        <v>0.24</v>
      </c>
      <c r="L37841" t="s">
        <v>995</v>
      </c>
      <c r="M37841" t="s">
        <v>83</v>
      </c>
      <c r="N37841" t="s">
        <v>91</v>
      </c>
      <c r="O37841" t="s">
        <v>85</v>
      </c>
      <c r="P37841" t="s">
        <v>86</v>
      </c>
      <c r="Q37841">
        <v>5</v>
      </c>
      <c r="R37841">
        <v>5</v>
      </c>
      <c r="S37841">
        <v>5</v>
      </c>
      <c r="T37841">
        <v>5</v>
      </c>
      <c r="U37841">
        <v>5</v>
      </c>
      <c r="V37841">
        <v>5</v>
      </c>
      <c r="W37841">
        <v>6</v>
      </c>
      <c r="X37841">
        <v>6</v>
      </c>
      <c r="Y37841">
        <v>6</v>
      </c>
      <c r="Z37841">
        <v>6</v>
      </c>
      <c r="AA37841">
        <v>6</v>
      </c>
      <c r="AB37841">
        <v>6</v>
      </c>
      <c r="AC37841">
        <v>6</v>
      </c>
      <c r="AD37841">
        <v>7</v>
      </c>
      <c r="AE37841">
        <v>7</v>
      </c>
      <c r="AF37841">
        <v>7</v>
      </c>
      <c r="AG37841">
        <v>7</v>
      </c>
      <c r="AH37841">
        <v>7</v>
      </c>
      <c r="AI37841">
        <v>7</v>
      </c>
      <c r="AJ37841">
        <v>7</v>
      </c>
      <c r="AK37841">
        <v>8</v>
      </c>
      <c r="AL37841">
        <v>8</v>
      </c>
      <c r="AM37841">
        <v>8</v>
      </c>
      <c r="AN37841">
        <v>8</v>
      </c>
      <c r="AO37841">
        <v>8</v>
      </c>
      <c r="AP37841">
        <v>8</v>
      </c>
      <c r="AQ37841">
        <v>8</v>
      </c>
    </row>
    <row r="37842" spans="1:43">
      <c r="A37842" t="s">
        <v>23457</v>
      </c>
      <c r="B37842" t="s">
        <v>23458</v>
      </c>
      <c r="C37842" t="s">
        <v>23459</v>
      </c>
      <c r="D37842" t="s">
        <v>23460</v>
      </c>
      <c r="E37842" t="s">
        <v>23423</v>
      </c>
      <c r="F37842" t="s">
        <v>23424</v>
      </c>
      <c r="G37842" t="s">
        <v>22539</v>
      </c>
      <c r="H37842" t="s">
        <v>22540</v>
      </c>
      <c r="I37842" s="2">
        <v>0</v>
      </c>
      <c r="J37842" s="2">
        <v>0</v>
      </c>
      <c r="K37842" s="2">
        <v>0</v>
      </c>
      <c r="L37842" t="s">
        <v>995</v>
      </c>
      <c r="M37842" t="s">
        <v>83</v>
      </c>
      <c r="N37842" t="s">
        <v>84</v>
      </c>
      <c r="O37842" t="s">
        <v>85</v>
      </c>
      <c r="P37842" t="s">
        <v>86</v>
      </c>
      <c r="Q37842">
        <v>0</v>
      </c>
      <c r="R37842">
        <v>0</v>
      </c>
      <c r="S37842">
        <v>0</v>
      </c>
      <c r="T37842">
        <v>0</v>
      </c>
      <c r="U37842">
        <v>0</v>
      </c>
      <c r="V37842">
        <v>0</v>
      </c>
      <c r="W37842">
        <v>0</v>
      </c>
      <c r="X37842">
        <v>0</v>
      </c>
      <c r="Y37842">
        <v>0</v>
      </c>
      <c r="Z37842">
        <v>0</v>
      </c>
      <c r="AA37842">
        <v>0</v>
      </c>
      <c r="AB37842">
        <v>0</v>
      </c>
      <c r="AC37842">
        <v>0</v>
      </c>
      <c r="AD37842">
        <v>0</v>
      </c>
      <c r="AE37842">
        <v>0</v>
      </c>
      <c r="AF37842">
        <v>0</v>
      </c>
      <c r="AG37842">
        <v>0</v>
      </c>
      <c r="AH37842">
        <v>0</v>
      </c>
      <c r="AI37842">
        <v>0</v>
      </c>
      <c r="AJ37842">
        <v>0</v>
      </c>
      <c r="AK37842">
        <v>0</v>
      </c>
      <c r="AL37842">
        <v>0</v>
      </c>
      <c r="AM37842">
        <v>0</v>
      </c>
      <c r="AN37842">
        <v>0</v>
      </c>
      <c r="AO37842">
        <v>0</v>
      </c>
      <c r="AP37842">
        <v>0</v>
      </c>
      <c r="AQ37842">
        <v>0</v>
      </c>
    </row>
    <row r="37843" spans="1:43">
      <c r="A37843" t="s">
        <v>23457</v>
      </c>
      <c r="B37843" t="s">
        <v>23458</v>
      </c>
      <c r="C37843" t="s">
        <v>23459</v>
      </c>
      <c r="D37843" t="s">
        <v>23460</v>
      </c>
      <c r="E37843" t="s">
        <v>23423</v>
      </c>
      <c r="F37843" t="s">
        <v>23424</v>
      </c>
      <c r="G37843" t="s">
        <v>22539</v>
      </c>
      <c r="H37843" t="s">
        <v>22540</v>
      </c>
      <c r="I37843" s="2">
        <v>0</v>
      </c>
      <c r="J37843" s="2">
        <v>0</v>
      </c>
      <c r="K37843" s="2">
        <v>0</v>
      </c>
      <c r="L37843" t="s">
        <v>995</v>
      </c>
      <c r="M37843" t="s">
        <v>87</v>
      </c>
      <c r="N37843" t="s">
        <v>88</v>
      </c>
      <c r="O37843" t="s">
        <v>85</v>
      </c>
      <c r="P37843" t="s">
        <v>86</v>
      </c>
      <c r="Q37843">
        <v>0</v>
      </c>
      <c r="R37843">
        <v>0</v>
      </c>
      <c r="S37843">
        <v>0</v>
      </c>
      <c r="T37843">
        <v>0</v>
      </c>
      <c r="U37843">
        <v>0</v>
      </c>
      <c r="V37843">
        <v>0</v>
      </c>
      <c r="W37843">
        <v>0</v>
      </c>
      <c r="X37843">
        <v>0</v>
      </c>
      <c r="Y37843">
        <v>0</v>
      </c>
      <c r="Z37843">
        <v>0</v>
      </c>
      <c r="AA37843">
        <v>0</v>
      </c>
      <c r="AB37843">
        <v>0</v>
      </c>
      <c r="AC37843">
        <v>0</v>
      </c>
      <c r="AD37843">
        <v>0</v>
      </c>
      <c r="AE37843">
        <v>0</v>
      </c>
      <c r="AF37843">
        <v>0</v>
      </c>
      <c r="AG37843">
        <v>0</v>
      </c>
      <c r="AH37843">
        <v>0</v>
      </c>
      <c r="AI37843">
        <v>0</v>
      </c>
      <c r="AJ37843">
        <v>0</v>
      </c>
      <c r="AK37843">
        <v>0</v>
      </c>
      <c r="AL37843">
        <v>0</v>
      </c>
      <c r="AM37843">
        <v>0</v>
      </c>
      <c r="AN37843">
        <v>0</v>
      </c>
      <c r="AO37843">
        <v>0</v>
      </c>
      <c r="AP37843">
        <v>0</v>
      </c>
      <c r="AQ37843">
        <v>0</v>
      </c>
    </row>
    <row r="37844" spans="1:43">
      <c r="A37844" t="s">
        <v>23457</v>
      </c>
      <c r="B37844" t="s">
        <v>23458</v>
      </c>
      <c r="C37844" t="s">
        <v>23459</v>
      </c>
      <c r="D37844" t="s">
        <v>23460</v>
      </c>
      <c r="E37844" t="s">
        <v>23423</v>
      </c>
      <c r="F37844" t="s">
        <v>23424</v>
      </c>
      <c r="G37844" t="s">
        <v>22539</v>
      </c>
      <c r="H37844" t="s">
        <v>22540</v>
      </c>
      <c r="I37844" s="2">
        <v>0</v>
      </c>
      <c r="J37844" s="2">
        <v>0</v>
      </c>
      <c r="K37844" s="2">
        <v>0</v>
      </c>
      <c r="L37844" t="s">
        <v>995</v>
      </c>
      <c r="M37844" t="s">
        <v>89</v>
      </c>
      <c r="N37844" t="s">
        <v>90</v>
      </c>
      <c r="O37844" t="s">
        <v>85</v>
      </c>
      <c r="P37844" t="s">
        <v>86</v>
      </c>
      <c r="Q37844">
        <v>0</v>
      </c>
      <c r="R37844">
        <v>0</v>
      </c>
      <c r="S37844">
        <v>0</v>
      </c>
      <c r="T37844">
        <v>0</v>
      </c>
      <c r="U37844">
        <v>0</v>
      </c>
      <c r="V37844">
        <v>0</v>
      </c>
      <c r="W37844">
        <v>0</v>
      </c>
      <c r="X37844">
        <v>0</v>
      </c>
      <c r="Y37844">
        <v>0</v>
      </c>
      <c r="Z37844">
        <v>0</v>
      </c>
      <c r="AA37844">
        <v>0</v>
      </c>
      <c r="AB37844">
        <v>0</v>
      </c>
      <c r="AC37844">
        <v>0</v>
      </c>
      <c r="AD37844">
        <v>0</v>
      </c>
      <c r="AE37844">
        <v>0</v>
      </c>
      <c r="AF37844">
        <v>0</v>
      </c>
      <c r="AG37844">
        <v>0</v>
      </c>
      <c r="AH37844">
        <v>0</v>
      </c>
      <c r="AI37844">
        <v>0</v>
      </c>
      <c r="AJ37844">
        <v>0</v>
      </c>
      <c r="AK37844">
        <v>0</v>
      </c>
      <c r="AL37844">
        <v>0</v>
      </c>
      <c r="AM37844">
        <v>0</v>
      </c>
      <c r="AN37844">
        <v>0</v>
      </c>
      <c r="AO37844">
        <v>0</v>
      </c>
      <c r="AP37844">
        <v>0</v>
      </c>
      <c r="AQ37844">
        <v>0</v>
      </c>
    </row>
    <row r="37845" spans="1:43">
      <c r="A37845" t="s">
        <v>23457</v>
      </c>
      <c r="B37845" t="s">
        <v>23458</v>
      </c>
      <c r="C37845" t="s">
        <v>23459</v>
      </c>
      <c r="D37845" t="s">
        <v>23460</v>
      </c>
      <c r="E37845" t="s">
        <v>23423</v>
      </c>
      <c r="F37845" t="s">
        <v>23424</v>
      </c>
      <c r="G37845" t="s">
        <v>22539</v>
      </c>
      <c r="H37845" t="s">
        <v>22540</v>
      </c>
      <c r="I37845" s="2">
        <v>0</v>
      </c>
      <c r="J37845" s="2">
        <v>0</v>
      </c>
      <c r="K37845" s="2">
        <v>0</v>
      </c>
      <c r="L37845" t="s">
        <v>995</v>
      </c>
      <c r="M37845" t="s">
        <v>83</v>
      </c>
      <c r="N37845" t="s">
        <v>91</v>
      </c>
      <c r="O37845" t="s">
        <v>85</v>
      </c>
      <c r="P37845" t="s">
        <v>86</v>
      </c>
      <c r="Q37845">
        <v>0</v>
      </c>
      <c r="R37845">
        <v>0</v>
      </c>
      <c r="S37845">
        <v>0</v>
      </c>
      <c r="T37845">
        <v>0</v>
      </c>
      <c r="U37845">
        <v>0</v>
      </c>
      <c r="V37845">
        <v>0</v>
      </c>
      <c r="W37845">
        <v>0</v>
      </c>
      <c r="X37845">
        <v>0</v>
      </c>
      <c r="Y37845">
        <v>0</v>
      </c>
      <c r="Z37845">
        <v>0</v>
      </c>
      <c r="AA37845">
        <v>0</v>
      </c>
      <c r="AB37845">
        <v>0</v>
      </c>
      <c r="AC37845">
        <v>0</v>
      </c>
      <c r="AD37845">
        <v>0</v>
      </c>
      <c r="AE37845">
        <v>0</v>
      </c>
      <c r="AF37845">
        <v>0</v>
      </c>
      <c r="AG37845">
        <v>0</v>
      </c>
      <c r="AH37845">
        <v>0</v>
      </c>
      <c r="AI37845">
        <v>0</v>
      </c>
      <c r="AJ37845">
        <v>0</v>
      </c>
      <c r="AK37845">
        <v>0</v>
      </c>
      <c r="AL37845">
        <v>0</v>
      </c>
      <c r="AM37845">
        <v>0</v>
      </c>
      <c r="AN37845">
        <v>0</v>
      </c>
      <c r="AO37845">
        <v>0</v>
      </c>
      <c r="AP37845">
        <v>0</v>
      </c>
      <c r="AQ37845">
        <v>0</v>
      </c>
    </row>
    <row r="37846" spans="1:43">
      <c r="A37846" t="s">
        <v>23461</v>
      </c>
      <c r="B37846" t="s">
        <v>23462</v>
      </c>
      <c r="C37846" t="s">
        <v>23463</v>
      </c>
      <c r="D37846" t="s">
        <v>23464</v>
      </c>
      <c r="E37846" t="s">
        <v>23465</v>
      </c>
      <c r="F37846" t="s">
        <v>23466</v>
      </c>
      <c r="G37846" t="s">
        <v>22539</v>
      </c>
      <c r="H37846" t="s">
        <v>22540</v>
      </c>
      <c r="I37846" s="2">
        <v>0</v>
      </c>
      <c r="J37846" s="2">
        <v>0</v>
      </c>
      <c r="K37846" s="2">
        <v>0.82</v>
      </c>
      <c r="L37846" t="s">
        <v>995</v>
      </c>
      <c r="M37846" t="s">
        <v>83</v>
      </c>
      <c r="N37846" t="s">
        <v>84</v>
      </c>
      <c r="O37846" t="s">
        <v>85</v>
      </c>
      <c r="P37846" t="s">
        <v>86</v>
      </c>
      <c r="Q37846">
        <v>54</v>
      </c>
      <c r="R37846">
        <v>54</v>
      </c>
      <c r="S37846">
        <v>54</v>
      </c>
      <c r="T37846">
        <v>55</v>
      </c>
      <c r="U37846">
        <v>55</v>
      </c>
      <c r="V37846">
        <v>55</v>
      </c>
      <c r="W37846">
        <v>56</v>
      </c>
      <c r="X37846">
        <v>56</v>
      </c>
      <c r="Y37846">
        <v>56</v>
      </c>
      <c r="Z37846">
        <v>57</v>
      </c>
      <c r="AA37846">
        <v>57</v>
      </c>
      <c r="AB37846">
        <v>57</v>
      </c>
      <c r="AC37846">
        <v>57</v>
      </c>
      <c r="AD37846">
        <v>58</v>
      </c>
      <c r="AE37846">
        <v>58</v>
      </c>
      <c r="AF37846">
        <v>58</v>
      </c>
      <c r="AG37846">
        <v>58</v>
      </c>
      <c r="AH37846">
        <v>59</v>
      </c>
      <c r="AI37846">
        <v>59</v>
      </c>
      <c r="AJ37846">
        <v>59</v>
      </c>
      <c r="AK37846">
        <v>59</v>
      </c>
      <c r="AL37846">
        <v>59</v>
      </c>
      <c r="AM37846">
        <v>59</v>
      </c>
      <c r="AN37846">
        <v>58</v>
      </c>
      <c r="AO37846">
        <v>58</v>
      </c>
      <c r="AP37846">
        <v>58</v>
      </c>
      <c r="AQ37846">
        <v>58</v>
      </c>
    </row>
    <row r="37847" spans="1:43">
      <c r="A37847" t="s">
        <v>23461</v>
      </c>
      <c r="B37847" t="s">
        <v>23462</v>
      </c>
      <c r="C37847" t="s">
        <v>23463</v>
      </c>
      <c r="D37847" t="s">
        <v>23464</v>
      </c>
      <c r="E37847" t="s">
        <v>23465</v>
      </c>
      <c r="F37847" t="s">
        <v>23466</v>
      </c>
      <c r="G37847" t="s">
        <v>22539</v>
      </c>
      <c r="H37847" t="s">
        <v>22540</v>
      </c>
      <c r="I37847" s="2">
        <v>0</v>
      </c>
      <c r="J37847" s="2">
        <v>0</v>
      </c>
      <c r="K37847" s="2">
        <v>0.82</v>
      </c>
      <c r="L37847" t="s">
        <v>995</v>
      </c>
      <c r="M37847" t="s">
        <v>87</v>
      </c>
      <c r="N37847" t="s">
        <v>88</v>
      </c>
      <c r="O37847" t="s">
        <v>85</v>
      </c>
      <c r="P37847" t="s">
        <v>86</v>
      </c>
      <c r="Q37847">
        <v>54</v>
      </c>
      <c r="R37847">
        <v>54</v>
      </c>
      <c r="S37847">
        <v>54</v>
      </c>
      <c r="T37847">
        <v>54</v>
      </c>
      <c r="U37847">
        <v>54</v>
      </c>
      <c r="V37847">
        <v>53</v>
      </c>
      <c r="W37847">
        <v>53</v>
      </c>
      <c r="X37847">
        <v>53</v>
      </c>
      <c r="Y37847">
        <v>53</v>
      </c>
      <c r="Z37847">
        <v>53</v>
      </c>
      <c r="AA37847">
        <v>53</v>
      </c>
      <c r="AB37847">
        <v>53</v>
      </c>
      <c r="AC37847">
        <v>53</v>
      </c>
      <c r="AD37847">
        <v>52</v>
      </c>
      <c r="AE37847">
        <v>52</v>
      </c>
      <c r="AF37847">
        <v>52</v>
      </c>
      <c r="AG37847">
        <v>52</v>
      </c>
      <c r="AH37847">
        <v>52</v>
      </c>
      <c r="AI37847">
        <v>52</v>
      </c>
      <c r="AJ37847">
        <v>52</v>
      </c>
      <c r="AK37847">
        <v>52</v>
      </c>
      <c r="AL37847">
        <v>52</v>
      </c>
      <c r="AM37847">
        <v>52</v>
      </c>
      <c r="AN37847">
        <v>51</v>
      </c>
      <c r="AO37847">
        <v>51</v>
      </c>
      <c r="AP37847">
        <v>51</v>
      </c>
      <c r="AQ37847">
        <v>51</v>
      </c>
    </row>
    <row r="37848" spans="1:43">
      <c r="A37848" t="s">
        <v>23461</v>
      </c>
      <c r="B37848" t="s">
        <v>23462</v>
      </c>
      <c r="C37848" t="s">
        <v>23463</v>
      </c>
      <c r="D37848" t="s">
        <v>23464</v>
      </c>
      <c r="E37848" t="s">
        <v>23465</v>
      </c>
      <c r="F37848" t="s">
        <v>23466</v>
      </c>
      <c r="G37848" t="s">
        <v>22539</v>
      </c>
      <c r="H37848" t="s">
        <v>22540</v>
      </c>
      <c r="I37848" s="2">
        <v>0</v>
      </c>
      <c r="J37848" s="2">
        <v>0</v>
      </c>
      <c r="K37848" s="2">
        <v>0.82</v>
      </c>
      <c r="L37848" t="s">
        <v>995</v>
      </c>
      <c r="M37848" t="s">
        <v>89</v>
      </c>
      <c r="N37848" t="s">
        <v>90</v>
      </c>
      <c r="O37848" t="s">
        <v>85</v>
      </c>
      <c r="P37848" t="s">
        <v>86</v>
      </c>
      <c r="Q37848">
        <v>54</v>
      </c>
      <c r="R37848">
        <v>55</v>
      </c>
      <c r="S37848">
        <v>56</v>
      </c>
      <c r="T37848">
        <v>56</v>
      </c>
      <c r="U37848">
        <v>57</v>
      </c>
      <c r="V37848">
        <v>58</v>
      </c>
      <c r="W37848">
        <v>59</v>
      </c>
      <c r="X37848">
        <v>59</v>
      </c>
      <c r="Y37848">
        <v>60</v>
      </c>
      <c r="Z37848">
        <v>60</v>
      </c>
      <c r="AA37848">
        <v>61</v>
      </c>
      <c r="AB37848">
        <v>61</v>
      </c>
      <c r="AC37848">
        <v>61</v>
      </c>
      <c r="AD37848">
        <v>62</v>
      </c>
      <c r="AE37848">
        <v>62</v>
      </c>
      <c r="AF37848">
        <v>62</v>
      </c>
      <c r="AG37848">
        <v>61</v>
      </c>
      <c r="AH37848">
        <v>61</v>
      </c>
      <c r="AI37848">
        <v>61</v>
      </c>
      <c r="AJ37848">
        <v>60</v>
      </c>
      <c r="AK37848">
        <v>60</v>
      </c>
      <c r="AL37848">
        <v>60</v>
      </c>
      <c r="AM37848">
        <v>59</v>
      </c>
      <c r="AN37848">
        <v>59</v>
      </c>
      <c r="AO37848">
        <v>59</v>
      </c>
      <c r="AP37848">
        <v>58</v>
      </c>
      <c r="AQ37848">
        <v>58</v>
      </c>
    </row>
    <row r="37849" spans="1:43">
      <c r="A37849" t="s">
        <v>23461</v>
      </c>
      <c r="B37849" t="s">
        <v>23462</v>
      </c>
      <c r="C37849" t="s">
        <v>23463</v>
      </c>
      <c r="D37849" t="s">
        <v>23464</v>
      </c>
      <c r="E37849" t="s">
        <v>23465</v>
      </c>
      <c r="F37849" t="s">
        <v>23466</v>
      </c>
      <c r="G37849" t="s">
        <v>22539</v>
      </c>
      <c r="H37849" t="s">
        <v>22540</v>
      </c>
      <c r="I37849" s="2">
        <v>0</v>
      </c>
      <c r="J37849" s="2">
        <v>0</v>
      </c>
      <c r="K37849" s="2">
        <v>0.82</v>
      </c>
      <c r="L37849" t="s">
        <v>995</v>
      </c>
      <c r="M37849" t="s">
        <v>83</v>
      </c>
      <c r="N37849" t="s">
        <v>91</v>
      </c>
      <c r="O37849" t="s">
        <v>85</v>
      </c>
      <c r="P37849" t="s">
        <v>86</v>
      </c>
      <c r="Q37849">
        <v>54</v>
      </c>
      <c r="R37849">
        <v>54</v>
      </c>
      <c r="S37849">
        <v>54</v>
      </c>
      <c r="T37849">
        <v>55</v>
      </c>
      <c r="U37849">
        <v>55</v>
      </c>
      <c r="V37849">
        <v>55</v>
      </c>
      <c r="W37849">
        <v>56</v>
      </c>
      <c r="X37849">
        <v>56</v>
      </c>
      <c r="Y37849">
        <v>56</v>
      </c>
      <c r="Z37849">
        <v>57</v>
      </c>
      <c r="AA37849">
        <v>57</v>
      </c>
      <c r="AB37849">
        <v>57</v>
      </c>
      <c r="AC37849">
        <v>57</v>
      </c>
      <c r="AD37849">
        <v>58</v>
      </c>
      <c r="AE37849">
        <v>58</v>
      </c>
      <c r="AF37849">
        <v>58</v>
      </c>
      <c r="AG37849">
        <v>58</v>
      </c>
      <c r="AH37849">
        <v>59</v>
      </c>
      <c r="AI37849">
        <v>59</v>
      </c>
      <c r="AJ37849">
        <v>59</v>
      </c>
      <c r="AK37849">
        <v>59</v>
      </c>
      <c r="AL37849">
        <v>59</v>
      </c>
      <c r="AM37849">
        <v>59</v>
      </c>
      <c r="AN37849">
        <v>58</v>
      </c>
      <c r="AO37849">
        <v>58</v>
      </c>
      <c r="AP37849">
        <v>58</v>
      </c>
      <c r="AQ37849">
        <v>58</v>
      </c>
    </row>
    <row r="37850" spans="1:43">
      <c r="A37850" t="s">
        <v>23467</v>
      </c>
      <c r="B37850" t="s">
        <v>23468</v>
      </c>
      <c r="C37850" t="s">
        <v>23463</v>
      </c>
      <c r="D37850" t="s">
        <v>23464</v>
      </c>
      <c r="E37850" t="s">
        <v>23465</v>
      </c>
      <c r="F37850" t="s">
        <v>23466</v>
      </c>
      <c r="G37850" t="s">
        <v>22539</v>
      </c>
      <c r="H37850" t="s">
        <v>22540</v>
      </c>
      <c r="I37850" s="2">
        <v>0</v>
      </c>
      <c r="J37850" s="2">
        <v>0</v>
      </c>
      <c r="K37850" s="2">
        <v>0.98</v>
      </c>
      <c r="L37850" t="s">
        <v>995</v>
      </c>
      <c r="M37850" t="s">
        <v>83</v>
      </c>
      <c r="N37850" t="s">
        <v>84</v>
      </c>
      <c r="O37850" t="s">
        <v>85</v>
      </c>
      <c r="P37850" t="s">
        <v>86</v>
      </c>
      <c r="Q37850">
        <v>27</v>
      </c>
      <c r="R37850">
        <v>27</v>
      </c>
      <c r="S37850">
        <v>27</v>
      </c>
      <c r="T37850">
        <v>27</v>
      </c>
      <c r="U37850">
        <v>28</v>
      </c>
      <c r="V37850">
        <v>28</v>
      </c>
      <c r="W37850">
        <v>28</v>
      </c>
      <c r="X37850">
        <v>28</v>
      </c>
      <c r="Y37850">
        <v>28</v>
      </c>
      <c r="Z37850">
        <v>28</v>
      </c>
      <c r="AA37850">
        <v>29</v>
      </c>
      <c r="AB37850">
        <v>29</v>
      </c>
      <c r="AC37850">
        <v>29</v>
      </c>
      <c r="AD37850">
        <v>29</v>
      </c>
      <c r="AE37850">
        <v>29</v>
      </c>
      <c r="AF37850">
        <v>29</v>
      </c>
      <c r="AG37850">
        <v>29</v>
      </c>
      <c r="AH37850">
        <v>29</v>
      </c>
      <c r="AI37850">
        <v>30</v>
      </c>
      <c r="AJ37850">
        <v>30</v>
      </c>
      <c r="AK37850">
        <v>30</v>
      </c>
      <c r="AL37850">
        <v>30</v>
      </c>
      <c r="AM37850">
        <v>29</v>
      </c>
      <c r="AN37850">
        <v>29</v>
      </c>
      <c r="AO37850">
        <v>29</v>
      </c>
      <c r="AP37850">
        <v>29</v>
      </c>
      <c r="AQ37850">
        <v>29</v>
      </c>
    </row>
    <row r="37851" spans="1:43">
      <c r="A37851" t="s">
        <v>23467</v>
      </c>
      <c r="B37851" t="s">
        <v>23468</v>
      </c>
      <c r="C37851" t="s">
        <v>23463</v>
      </c>
      <c r="D37851" t="s">
        <v>23464</v>
      </c>
      <c r="E37851" t="s">
        <v>23465</v>
      </c>
      <c r="F37851" t="s">
        <v>23466</v>
      </c>
      <c r="G37851" t="s">
        <v>22539</v>
      </c>
      <c r="H37851" t="s">
        <v>22540</v>
      </c>
      <c r="I37851" s="2">
        <v>0</v>
      </c>
      <c r="J37851" s="2">
        <v>0</v>
      </c>
      <c r="K37851" s="2">
        <v>0.98</v>
      </c>
      <c r="L37851" t="s">
        <v>995</v>
      </c>
      <c r="M37851" t="s">
        <v>87</v>
      </c>
      <c r="N37851" t="s">
        <v>88</v>
      </c>
      <c r="O37851" t="s">
        <v>85</v>
      </c>
      <c r="P37851" t="s">
        <v>86</v>
      </c>
      <c r="Q37851">
        <v>27</v>
      </c>
      <c r="R37851">
        <v>27</v>
      </c>
      <c r="S37851">
        <v>27</v>
      </c>
      <c r="T37851">
        <v>26</v>
      </c>
      <c r="U37851">
        <v>26</v>
      </c>
      <c r="V37851">
        <v>26</v>
      </c>
      <c r="W37851">
        <v>26</v>
      </c>
      <c r="X37851">
        <v>26</v>
      </c>
      <c r="Y37851">
        <v>26</v>
      </c>
      <c r="Z37851">
        <v>26</v>
      </c>
      <c r="AA37851">
        <v>26</v>
      </c>
      <c r="AB37851">
        <v>26</v>
      </c>
      <c r="AC37851">
        <v>26</v>
      </c>
      <c r="AD37851">
        <v>26</v>
      </c>
      <c r="AE37851">
        <v>26</v>
      </c>
      <c r="AF37851">
        <v>26</v>
      </c>
      <c r="AG37851">
        <v>26</v>
      </c>
      <c r="AH37851">
        <v>26</v>
      </c>
      <c r="AI37851">
        <v>26</v>
      </c>
      <c r="AJ37851">
        <v>26</v>
      </c>
      <c r="AK37851">
        <v>25</v>
      </c>
      <c r="AL37851">
        <v>25</v>
      </c>
      <c r="AM37851">
        <v>25</v>
      </c>
      <c r="AN37851">
        <v>25</v>
      </c>
      <c r="AO37851">
        <v>25</v>
      </c>
      <c r="AP37851">
        <v>25</v>
      </c>
      <c r="AQ37851">
        <v>25</v>
      </c>
    </row>
    <row r="37852" spans="1:43">
      <c r="A37852" t="s">
        <v>23467</v>
      </c>
      <c r="B37852" t="s">
        <v>23468</v>
      </c>
      <c r="C37852" t="s">
        <v>23463</v>
      </c>
      <c r="D37852" t="s">
        <v>23464</v>
      </c>
      <c r="E37852" t="s">
        <v>23465</v>
      </c>
      <c r="F37852" t="s">
        <v>23466</v>
      </c>
      <c r="G37852" t="s">
        <v>22539</v>
      </c>
      <c r="H37852" t="s">
        <v>22540</v>
      </c>
      <c r="I37852" s="2">
        <v>0</v>
      </c>
      <c r="J37852" s="2">
        <v>0</v>
      </c>
      <c r="K37852" s="2">
        <v>0.98</v>
      </c>
      <c r="L37852" t="s">
        <v>995</v>
      </c>
      <c r="M37852" t="s">
        <v>89</v>
      </c>
      <c r="N37852" t="s">
        <v>90</v>
      </c>
      <c r="O37852" t="s">
        <v>85</v>
      </c>
      <c r="P37852" t="s">
        <v>86</v>
      </c>
      <c r="Q37852">
        <v>27</v>
      </c>
      <c r="R37852">
        <v>28</v>
      </c>
      <c r="S37852">
        <v>28</v>
      </c>
      <c r="T37852">
        <v>28</v>
      </c>
      <c r="U37852">
        <v>29</v>
      </c>
      <c r="V37852">
        <v>29</v>
      </c>
      <c r="W37852">
        <v>29</v>
      </c>
      <c r="X37852">
        <v>30</v>
      </c>
      <c r="Y37852">
        <v>30</v>
      </c>
      <c r="Z37852">
        <v>30</v>
      </c>
      <c r="AA37852">
        <v>30</v>
      </c>
      <c r="AB37852">
        <v>31</v>
      </c>
      <c r="AC37852">
        <v>31</v>
      </c>
      <c r="AD37852">
        <v>31</v>
      </c>
      <c r="AE37852">
        <v>31</v>
      </c>
      <c r="AF37852">
        <v>31</v>
      </c>
      <c r="AG37852">
        <v>31</v>
      </c>
      <c r="AH37852">
        <v>31</v>
      </c>
      <c r="AI37852">
        <v>30</v>
      </c>
      <c r="AJ37852">
        <v>30</v>
      </c>
      <c r="AK37852">
        <v>30</v>
      </c>
      <c r="AL37852">
        <v>30</v>
      </c>
      <c r="AM37852">
        <v>30</v>
      </c>
      <c r="AN37852">
        <v>30</v>
      </c>
      <c r="AO37852">
        <v>29</v>
      </c>
      <c r="AP37852">
        <v>29</v>
      </c>
      <c r="AQ37852">
        <v>29</v>
      </c>
    </row>
    <row r="37853" spans="1:43">
      <c r="A37853" t="s">
        <v>23467</v>
      </c>
      <c r="B37853" t="s">
        <v>23468</v>
      </c>
      <c r="C37853" t="s">
        <v>23463</v>
      </c>
      <c r="D37853" t="s">
        <v>23464</v>
      </c>
      <c r="E37853" t="s">
        <v>23465</v>
      </c>
      <c r="F37853" t="s">
        <v>23466</v>
      </c>
      <c r="G37853" t="s">
        <v>22539</v>
      </c>
      <c r="H37853" t="s">
        <v>22540</v>
      </c>
      <c r="I37853" s="2">
        <v>0</v>
      </c>
      <c r="J37853" s="2">
        <v>0</v>
      </c>
      <c r="K37853" s="2">
        <v>0.98</v>
      </c>
      <c r="L37853" t="s">
        <v>995</v>
      </c>
      <c r="M37853" t="s">
        <v>83</v>
      </c>
      <c r="N37853" t="s">
        <v>91</v>
      </c>
      <c r="O37853" t="s">
        <v>85</v>
      </c>
      <c r="P37853" t="s">
        <v>86</v>
      </c>
      <c r="Q37853">
        <v>27</v>
      </c>
      <c r="R37853">
        <v>27</v>
      </c>
      <c r="S37853">
        <v>27</v>
      </c>
      <c r="T37853">
        <v>27</v>
      </c>
      <c r="U37853">
        <v>28</v>
      </c>
      <c r="V37853">
        <v>28</v>
      </c>
      <c r="W37853">
        <v>28</v>
      </c>
      <c r="X37853">
        <v>28</v>
      </c>
      <c r="Y37853">
        <v>28</v>
      </c>
      <c r="Z37853">
        <v>28</v>
      </c>
      <c r="AA37853">
        <v>29</v>
      </c>
      <c r="AB37853">
        <v>29</v>
      </c>
      <c r="AC37853">
        <v>29</v>
      </c>
      <c r="AD37853">
        <v>29</v>
      </c>
      <c r="AE37853">
        <v>29</v>
      </c>
      <c r="AF37853">
        <v>29</v>
      </c>
      <c r="AG37853">
        <v>29</v>
      </c>
      <c r="AH37853">
        <v>29</v>
      </c>
      <c r="AI37853">
        <v>30</v>
      </c>
      <c r="AJ37853">
        <v>30</v>
      </c>
      <c r="AK37853">
        <v>30</v>
      </c>
      <c r="AL37853">
        <v>30</v>
      </c>
      <c r="AM37853">
        <v>29</v>
      </c>
      <c r="AN37853">
        <v>29</v>
      </c>
      <c r="AO37853">
        <v>29</v>
      </c>
      <c r="AP37853">
        <v>29</v>
      </c>
      <c r="AQ37853">
        <v>29</v>
      </c>
    </row>
    <row r="37854" spans="1:43">
      <c r="A37854" t="s">
        <v>23469</v>
      </c>
      <c r="B37854" t="s">
        <v>23470</v>
      </c>
      <c r="C37854" t="s">
        <v>23471</v>
      </c>
      <c r="D37854" t="s">
        <v>23472</v>
      </c>
      <c r="E37854" t="s">
        <v>23465</v>
      </c>
      <c r="F37854" t="s">
        <v>23466</v>
      </c>
      <c r="G37854" t="s">
        <v>22539</v>
      </c>
      <c r="H37854" t="s">
        <v>22540</v>
      </c>
      <c r="I37854" s="2">
        <v>0</v>
      </c>
      <c r="J37854" s="2">
        <v>0</v>
      </c>
      <c r="K37854" s="2">
        <v>0</v>
      </c>
      <c r="L37854" t="s">
        <v>995</v>
      </c>
      <c r="M37854" t="s">
        <v>83</v>
      </c>
      <c r="N37854" t="s">
        <v>84</v>
      </c>
      <c r="O37854" t="s">
        <v>85</v>
      </c>
      <c r="P37854" t="s">
        <v>86</v>
      </c>
      <c r="Q37854">
        <v>0</v>
      </c>
      <c r="R37854">
        <v>0</v>
      </c>
      <c r="S37854">
        <v>0</v>
      </c>
      <c r="T37854">
        <v>0</v>
      </c>
      <c r="U37854">
        <v>0</v>
      </c>
      <c r="V37854">
        <v>0</v>
      </c>
      <c r="W37854">
        <v>0</v>
      </c>
      <c r="X37854">
        <v>0</v>
      </c>
      <c r="Y37854">
        <v>0</v>
      </c>
      <c r="Z37854">
        <v>0</v>
      </c>
      <c r="AA37854">
        <v>0</v>
      </c>
      <c r="AB37854">
        <v>0</v>
      </c>
      <c r="AC37854">
        <v>0</v>
      </c>
      <c r="AD37854">
        <v>0</v>
      </c>
      <c r="AE37854">
        <v>0</v>
      </c>
      <c r="AF37854">
        <v>0</v>
      </c>
      <c r="AG37854">
        <v>0</v>
      </c>
      <c r="AH37854">
        <v>0</v>
      </c>
      <c r="AI37854">
        <v>0</v>
      </c>
      <c r="AJ37854">
        <v>0</v>
      </c>
      <c r="AK37854">
        <v>0</v>
      </c>
      <c r="AL37854">
        <v>0</v>
      </c>
      <c r="AM37854">
        <v>0</v>
      </c>
      <c r="AN37854">
        <v>0</v>
      </c>
      <c r="AO37854">
        <v>0</v>
      </c>
      <c r="AP37854">
        <v>0</v>
      </c>
      <c r="AQ37854">
        <v>0</v>
      </c>
    </row>
    <row r="37855" spans="1:43">
      <c r="A37855" t="s">
        <v>23469</v>
      </c>
      <c r="B37855" t="s">
        <v>23470</v>
      </c>
      <c r="C37855" t="s">
        <v>23471</v>
      </c>
      <c r="D37855" t="s">
        <v>23472</v>
      </c>
      <c r="E37855" t="s">
        <v>23465</v>
      </c>
      <c r="F37855" t="s">
        <v>23466</v>
      </c>
      <c r="G37855" t="s">
        <v>22539</v>
      </c>
      <c r="H37855" t="s">
        <v>22540</v>
      </c>
      <c r="I37855" s="2">
        <v>0</v>
      </c>
      <c r="J37855" s="2">
        <v>0</v>
      </c>
      <c r="K37855" s="2">
        <v>0</v>
      </c>
      <c r="L37855" t="s">
        <v>995</v>
      </c>
      <c r="M37855" t="s">
        <v>87</v>
      </c>
      <c r="N37855" t="s">
        <v>88</v>
      </c>
      <c r="O37855" t="s">
        <v>85</v>
      </c>
      <c r="P37855" t="s">
        <v>86</v>
      </c>
      <c r="Q37855">
        <v>0</v>
      </c>
      <c r="R37855">
        <v>0</v>
      </c>
      <c r="S37855">
        <v>0</v>
      </c>
      <c r="T37855">
        <v>0</v>
      </c>
      <c r="U37855">
        <v>0</v>
      </c>
      <c r="V37855">
        <v>0</v>
      </c>
      <c r="W37855">
        <v>0</v>
      </c>
      <c r="X37855">
        <v>0</v>
      </c>
      <c r="Y37855">
        <v>0</v>
      </c>
      <c r="Z37855">
        <v>0</v>
      </c>
      <c r="AA37855">
        <v>0</v>
      </c>
      <c r="AB37855">
        <v>0</v>
      </c>
      <c r="AC37855">
        <v>0</v>
      </c>
      <c r="AD37855">
        <v>0</v>
      </c>
      <c r="AE37855">
        <v>0</v>
      </c>
      <c r="AF37855">
        <v>0</v>
      </c>
      <c r="AG37855">
        <v>0</v>
      </c>
      <c r="AH37855">
        <v>0</v>
      </c>
      <c r="AI37855">
        <v>0</v>
      </c>
      <c r="AJ37855">
        <v>0</v>
      </c>
      <c r="AK37855">
        <v>0</v>
      </c>
      <c r="AL37855">
        <v>0</v>
      </c>
      <c r="AM37855">
        <v>0</v>
      </c>
      <c r="AN37855">
        <v>0</v>
      </c>
      <c r="AO37855">
        <v>0</v>
      </c>
      <c r="AP37855">
        <v>0</v>
      </c>
      <c r="AQ37855">
        <v>0</v>
      </c>
    </row>
    <row r="37856" spans="1:43">
      <c r="A37856" t="s">
        <v>23469</v>
      </c>
      <c r="B37856" t="s">
        <v>23470</v>
      </c>
      <c r="C37856" t="s">
        <v>23471</v>
      </c>
      <c r="D37856" t="s">
        <v>23472</v>
      </c>
      <c r="E37856" t="s">
        <v>23465</v>
      </c>
      <c r="F37856" t="s">
        <v>23466</v>
      </c>
      <c r="G37856" t="s">
        <v>22539</v>
      </c>
      <c r="H37856" t="s">
        <v>22540</v>
      </c>
      <c r="I37856" s="2">
        <v>0</v>
      </c>
      <c r="J37856" s="2">
        <v>0</v>
      </c>
      <c r="K37856" s="2">
        <v>0</v>
      </c>
      <c r="L37856" t="s">
        <v>995</v>
      </c>
      <c r="M37856" t="s">
        <v>89</v>
      </c>
      <c r="N37856" t="s">
        <v>90</v>
      </c>
      <c r="O37856" t="s">
        <v>85</v>
      </c>
      <c r="P37856" t="s">
        <v>86</v>
      </c>
      <c r="Q37856">
        <v>0</v>
      </c>
      <c r="R37856">
        <v>0</v>
      </c>
      <c r="S37856">
        <v>0</v>
      </c>
      <c r="T37856">
        <v>0</v>
      </c>
      <c r="U37856">
        <v>0</v>
      </c>
      <c r="V37856">
        <v>0</v>
      </c>
      <c r="W37856">
        <v>0</v>
      </c>
      <c r="X37856">
        <v>0</v>
      </c>
      <c r="Y37856">
        <v>0</v>
      </c>
      <c r="Z37856">
        <v>0</v>
      </c>
      <c r="AA37856">
        <v>0</v>
      </c>
      <c r="AB37856">
        <v>0</v>
      </c>
      <c r="AC37856">
        <v>0</v>
      </c>
      <c r="AD37856">
        <v>0</v>
      </c>
      <c r="AE37856">
        <v>0</v>
      </c>
      <c r="AF37856">
        <v>0</v>
      </c>
      <c r="AG37856">
        <v>0</v>
      </c>
      <c r="AH37856">
        <v>0</v>
      </c>
      <c r="AI37856">
        <v>0</v>
      </c>
      <c r="AJ37856">
        <v>0</v>
      </c>
      <c r="AK37856">
        <v>0</v>
      </c>
      <c r="AL37856">
        <v>0</v>
      </c>
      <c r="AM37856">
        <v>0</v>
      </c>
      <c r="AN37856">
        <v>0</v>
      </c>
      <c r="AO37856">
        <v>0</v>
      </c>
      <c r="AP37856">
        <v>0</v>
      </c>
      <c r="AQ37856">
        <v>0</v>
      </c>
    </row>
    <row r="37857" spans="1:43">
      <c r="A37857" t="s">
        <v>23469</v>
      </c>
      <c r="B37857" t="s">
        <v>23470</v>
      </c>
      <c r="C37857" t="s">
        <v>23471</v>
      </c>
      <c r="D37857" t="s">
        <v>23472</v>
      </c>
      <c r="E37857" t="s">
        <v>23465</v>
      </c>
      <c r="F37857" t="s">
        <v>23466</v>
      </c>
      <c r="G37857" t="s">
        <v>22539</v>
      </c>
      <c r="H37857" t="s">
        <v>22540</v>
      </c>
      <c r="I37857" s="2">
        <v>0</v>
      </c>
      <c r="J37857" s="2">
        <v>0</v>
      </c>
      <c r="K37857" s="2">
        <v>0</v>
      </c>
      <c r="L37857" t="s">
        <v>995</v>
      </c>
      <c r="M37857" t="s">
        <v>83</v>
      </c>
      <c r="N37857" t="s">
        <v>91</v>
      </c>
      <c r="O37857" t="s">
        <v>85</v>
      </c>
      <c r="P37857" t="s">
        <v>86</v>
      </c>
      <c r="Q37857">
        <v>0</v>
      </c>
      <c r="R37857">
        <v>0</v>
      </c>
      <c r="S37857">
        <v>0</v>
      </c>
      <c r="T37857">
        <v>0</v>
      </c>
      <c r="U37857">
        <v>0</v>
      </c>
      <c r="V37857">
        <v>0</v>
      </c>
      <c r="W37857">
        <v>0</v>
      </c>
      <c r="X37857">
        <v>0</v>
      </c>
      <c r="Y37857">
        <v>0</v>
      </c>
      <c r="Z37857">
        <v>0</v>
      </c>
      <c r="AA37857">
        <v>0</v>
      </c>
      <c r="AB37857">
        <v>0</v>
      </c>
      <c r="AC37857">
        <v>0</v>
      </c>
      <c r="AD37857">
        <v>0</v>
      </c>
      <c r="AE37857">
        <v>0</v>
      </c>
      <c r="AF37857">
        <v>0</v>
      </c>
      <c r="AG37857">
        <v>0</v>
      </c>
      <c r="AH37857">
        <v>0</v>
      </c>
      <c r="AI37857">
        <v>0</v>
      </c>
      <c r="AJ37857">
        <v>0</v>
      </c>
      <c r="AK37857">
        <v>0</v>
      </c>
      <c r="AL37857">
        <v>0</v>
      </c>
      <c r="AM37857">
        <v>0</v>
      </c>
      <c r="AN37857">
        <v>0</v>
      </c>
      <c r="AO37857">
        <v>0</v>
      </c>
      <c r="AP37857">
        <v>0</v>
      </c>
      <c r="AQ37857">
        <v>0</v>
      </c>
    </row>
    <row r="37858" spans="1:43">
      <c r="A37858" t="s">
        <v>23473</v>
      </c>
      <c r="B37858" t="s">
        <v>23474</v>
      </c>
      <c r="C37858" t="s">
        <v>23471</v>
      </c>
      <c r="D37858" t="s">
        <v>23472</v>
      </c>
      <c r="E37858" t="s">
        <v>23465</v>
      </c>
      <c r="F37858" t="s">
        <v>23466</v>
      </c>
      <c r="G37858" t="s">
        <v>22539</v>
      </c>
      <c r="H37858" t="s">
        <v>22540</v>
      </c>
      <c r="I37858" s="2">
        <v>0</v>
      </c>
      <c r="J37858" s="2">
        <v>0</v>
      </c>
      <c r="K37858" s="2">
        <v>0.14000000000000001</v>
      </c>
      <c r="L37858" t="s">
        <v>995</v>
      </c>
      <c r="M37858" t="s">
        <v>83</v>
      </c>
      <c r="N37858" t="s">
        <v>84</v>
      </c>
      <c r="O37858" t="s">
        <v>85</v>
      </c>
      <c r="P37858" t="s">
        <v>86</v>
      </c>
      <c r="Q37858">
        <v>2</v>
      </c>
      <c r="R37858">
        <v>2</v>
      </c>
      <c r="S37858">
        <v>2</v>
      </c>
      <c r="T37858">
        <v>2</v>
      </c>
      <c r="U37858">
        <v>2</v>
      </c>
      <c r="V37858">
        <v>2</v>
      </c>
      <c r="W37858">
        <v>2</v>
      </c>
      <c r="X37858">
        <v>2</v>
      </c>
      <c r="Y37858">
        <v>2</v>
      </c>
      <c r="Z37858">
        <v>2</v>
      </c>
      <c r="AA37858">
        <v>2</v>
      </c>
      <c r="AB37858">
        <v>2</v>
      </c>
      <c r="AC37858">
        <v>2</v>
      </c>
      <c r="AD37858">
        <v>2</v>
      </c>
      <c r="AE37858">
        <v>2</v>
      </c>
      <c r="AF37858">
        <v>2</v>
      </c>
      <c r="AG37858">
        <v>2</v>
      </c>
      <c r="AH37858">
        <v>2</v>
      </c>
      <c r="AI37858">
        <v>2</v>
      </c>
      <c r="AJ37858">
        <v>2</v>
      </c>
      <c r="AK37858">
        <v>2</v>
      </c>
      <c r="AL37858">
        <v>2</v>
      </c>
      <c r="AM37858">
        <v>2</v>
      </c>
      <c r="AN37858">
        <v>2</v>
      </c>
      <c r="AO37858">
        <v>2</v>
      </c>
      <c r="AP37858">
        <v>2</v>
      </c>
      <c r="AQ37858">
        <v>2</v>
      </c>
    </row>
    <row r="37859" spans="1:43">
      <c r="A37859" t="s">
        <v>23473</v>
      </c>
      <c r="B37859" t="s">
        <v>23474</v>
      </c>
      <c r="C37859" t="s">
        <v>23471</v>
      </c>
      <c r="D37859" t="s">
        <v>23472</v>
      </c>
      <c r="E37859" t="s">
        <v>23465</v>
      </c>
      <c r="F37859" t="s">
        <v>23466</v>
      </c>
      <c r="G37859" t="s">
        <v>22539</v>
      </c>
      <c r="H37859" t="s">
        <v>22540</v>
      </c>
      <c r="I37859" s="2">
        <v>0</v>
      </c>
      <c r="J37859" s="2">
        <v>0</v>
      </c>
      <c r="K37859" s="2">
        <v>0.14000000000000001</v>
      </c>
      <c r="L37859" t="s">
        <v>995</v>
      </c>
      <c r="M37859" t="s">
        <v>87</v>
      </c>
      <c r="N37859" t="s">
        <v>88</v>
      </c>
      <c r="O37859" t="s">
        <v>85</v>
      </c>
      <c r="P37859" t="s">
        <v>86</v>
      </c>
      <c r="Q37859">
        <v>2</v>
      </c>
      <c r="R37859">
        <v>2</v>
      </c>
      <c r="S37859">
        <v>2</v>
      </c>
      <c r="T37859">
        <v>2</v>
      </c>
      <c r="U37859">
        <v>2</v>
      </c>
      <c r="V37859">
        <v>2</v>
      </c>
      <c r="W37859">
        <v>2</v>
      </c>
      <c r="X37859">
        <v>2</v>
      </c>
      <c r="Y37859">
        <v>2</v>
      </c>
      <c r="Z37859">
        <v>2</v>
      </c>
      <c r="AA37859">
        <v>2</v>
      </c>
      <c r="AB37859">
        <v>2</v>
      </c>
      <c r="AC37859">
        <v>2</v>
      </c>
      <c r="AD37859">
        <v>2</v>
      </c>
      <c r="AE37859">
        <v>2</v>
      </c>
      <c r="AF37859">
        <v>2</v>
      </c>
      <c r="AG37859">
        <v>2</v>
      </c>
      <c r="AH37859">
        <v>2</v>
      </c>
      <c r="AI37859">
        <v>2</v>
      </c>
      <c r="AJ37859">
        <v>2</v>
      </c>
      <c r="AK37859">
        <v>2</v>
      </c>
      <c r="AL37859">
        <v>2</v>
      </c>
      <c r="AM37859">
        <v>2</v>
      </c>
      <c r="AN37859">
        <v>2</v>
      </c>
      <c r="AO37859">
        <v>2</v>
      </c>
      <c r="AP37859">
        <v>2</v>
      </c>
      <c r="AQ37859">
        <v>2</v>
      </c>
    </row>
    <row r="37860" spans="1:43">
      <c r="A37860" t="s">
        <v>23473</v>
      </c>
      <c r="B37860" t="s">
        <v>23474</v>
      </c>
      <c r="C37860" t="s">
        <v>23471</v>
      </c>
      <c r="D37860" t="s">
        <v>23472</v>
      </c>
      <c r="E37860" t="s">
        <v>23465</v>
      </c>
      <c r="F37860" t="s">
        <v>23466</v>
      </c>
      <c r="G37860" t="s">
        <v>22539</v>
      </c>
      <c r="H37860" t="s">
        <v>22540</v>
      </c>
      <c r="I37860" s="2">
        <v>0</v>
      </c>
      <c r="J37860" s="2">
        <v>0</v>
      </c>
      <c r="K37860" s="2">
        <v>0.14000000000000001</v>
      </c>
      <c r="L37860" t="s">
        <v>995</v>
      </c>
      <c r="M37860" t="s">
        <v>89</v>
      </c>
      <c r="N37860" t="s">
        <v>90</v>
      </c>
      <c r="O37860" t="s">
        <v>85</v>
      </c>
      <c r="P37860" t="s">
        <v>86</v>
      </c>
      <c r="Q37860">
        <v>2</v>
      </c>
      <c r="R37860">
        <v>2</v>
      </c>
      <c r="S37860">
        <v>2</v>
      </c>
      <c r="T37860">
        <v>2</v>
      </c>
      <c r="U37860">
        <v>2</v>
      </c>
      <c r="V37860">
        <v>2</v>
      </c>
      <c r="W37860">
        <v>2</v>
      </c>
      <c r="X37860">
        <v>2</v>
      </c>
      <c r="Y37860">
        <v>2</v>
      </c>
      <c r="Z37860">
        <v>2</v>
      </c>
      <c r="AA37860">
        <v>2</v>
      </c>
      <c r="AB37860">
        <v>2</v>
      </c>
      <c r="AC37860">
        <v>2</v>
      </c>
      <c r="AD37860">
        <v>2</v>
      </c>
      <c r="AE37860">
        <v>2</v>
      </c>
      <c r="AF37860">
        <v>2</v>
      </c>
      <c r="AG37860">
        <v>2</v>
      </c>
      <c r="AH37860">
        <v>2</v>
      </c>
      <c r="AI37860">
        <v>2</v>
      </c>
      <c r="AJ37860">
        <v>2</v>
      </c>
      <c r="AK37860">
        <v>2</v>
      </c>
      <c r="AL37860">
        <v>2</v>
      </c>
      <c r="AM37860">
        <v>2</v>
      </c>
      <c r="AN37860">
        <v>2</v>
      </c>
      <c r="AO37860">
        <v>2</v>
      </c>
      <c r="AP37860">
        <v>2</v>
      </c>
      <c r="AQ37860">
        <v>2</v>
      </c>
    </row>
    <row r="37861" spans="1:43">
      <c r="A37861" t="s">
        <v>23473</v>
      </c>
      <c r="B37861" t="s">
        <v>23474</v>
      </c>
      <c r="C37861" t="s">
        <v>23471</v>
      </c>
      <c r="D37861" t="s">
        <v>23472</v>
      </c>
      <c r="E37861" t="s">
        <v>23465</v>
      </c>
      <c r="F37861" t="s">
        <v>23466</v>
      </c>
      <c r="G37861" t="s">
        <v>22539</v>
      </c>
      <c r="H37861" t="s">
        <v>22540</v>
      </c>
      <c r="I37861" s="2">
        <v>0</v>
      </c>
      <c r="J37861" s="2">
        <v>0</v>
      </c>
      <c r="K37861" s="2">
        <v>0.14000000000000001</v>
      </c>
      <c r="L37861" t="s">
        <v>995</v>
      </c>
      <c r="M37861" t="s">
        <v>83</v>
      </c>
      <c r="N37861" t="s">
        <v>91</v>
      </c>
      <c r="O37861" t="s">
        <v>85</v>
      </c>
      <c r="P37861" t="s">
        <v>86</v>
      </c>
      <c r="Q37861">
        <v>2</v>
      </c>
      <c r="R37861">
        <v>2</v>
      </c>
      <c r="S37861">
        <v>2</v>
      </c>
      <c r="T37861">
        <v>2</v>
      </c>
      <c r="U37861">
        <v>2</v>
      </c>
      <c r="V37861">
        <v>2</v>
      </c>
      <c r="W37861">
        <v>2</v>
      </c>
      <c r="X37861">
        <v>2</v>
      </c>
      <c r="Y37861">
        <v>2</v>
      </c>
      <c r="Z37861">
        <v>2</v>
      </c>
      <c r="AA37861">
        <v>2</v>
      </c>
      <c r="AB37861">
        <v>2</v>
      </c>
      <c r="AC37861">
        <v>2</v>
      </c>
      <c r="AD37861">
        <v>2</v>
      </c>
      <c r="AE37861">
        <v>2</v>
      </c>
      <c r="AF37861">
        <v>2</v>
      </c>
      <c r="AG37861">
        <v>2</v>
      </c>
      <c r="AH37861">
        <v>2</v>
      </c>
      <c r="AI37861">
        <v>2</v>
      </c>
      <c r="AJ37861">
        <v>2</v>
      </c>
      <c r="AK37861">
        <v>2</v>
      </c>
      <c r="AL37861">
        <v>2</v>
      </c>
      <c r="AM37861">
        <v>2</v>
      </c>
      <c r="AN37861">
        <v>2</v>
      </c>
      <c r="AO37861">
        <v>2</v>
      </c>
      <c r="AP37861">
        <v>2</v>
      </c>
      <c r="AQ37861">
        <v>2</v>
      </c>
    </row>
    <row r="37862" spans="1:43">
      <c r="A37862" t="s">
        <v>23475</v>
      </c>
      <c r="B37862" t="s">
        <v>23476</v>
      </c>
      <c r="C37862" t="s">
        <v>23463</v>
      </c>
      <c r="D37862" t="s">
        <v>23464</v>
      </c>
      <c r="E37862" t="s">
        <v>23465</v>
      </c>
      <c r="F37862" t="s">
        <v>23466</v>
      </c>
      <c r="G37862" t="s">
        <v>22539</v>
      </c>
      <c r="H37862" t="s">
        <v>22540</v>
      </c>
      <c r="I37862" s="2">
        <v>0</v>
      </c>
      <c r="J37862" s="2">
        <v>0</v>
      </c>
      <c r="K37862" s="2">
        <v>0</v>
      </c>
      <c r="L37862" t="s">
        <v>995</v>
      </c>
      <c r="M37862" t="s">
        <v>83</v>
      </c>
      <c r="N37862" t="s">
        <v>84</v>
      </c>
      <c r="O37862" t="s">
        <v>85</v>
      </c>
      <c r="P37862" t="s">
        <v>86</v>
      </c>
      <c r="Q37862">
        <v>0</v>
      </c>
      <c r="R37862">
        <v>0</v>
      </c>
      <c r="S37862">
        <v>0</v>
      </c>
      <c r="T37862">
        <v>0</v>
      </c>
      <c r="U37862">
        <v>0</v>
      </c>
      <c r="V37862">
        <v>0</v>
      </c>
      <c r="W37862">
        <v>0</v>
      </c>
      <c r="X37862">
        <v>0</v>
      </c>
      <c r="Y37862">
        <v>0</v>
      </c>
      <c r="Z37862">
        <v>0</v>
      </c>
      <c r="AA37862">
        <v>0</v>
      </c>
      <c r="AB37862">
        <v>0</v>
      </c>
      <c r="AC37862">
        <v>0</v>
      </c>
      <c r="AD37862">
        <v>0</v>
      </c>
      <c r="AE37862">
        <v>0</v>
      </c>
      <c r="AF37862">
        <v>0</v>
      </c>
      <c r="AG37862">
        <v>0</v>
      </c>
      <c r="AH37862">
        <v>0</v>
      </c>
      <c r="AI37862">
        <v>0</v>
      </c>
      <c r="AJ37862">
        <v>0</v>
      </c>
      <c r="AK37862">
        <v>0</v>
      </c>
      <c r="AL37862">
        <v>0</v>
      </c>
      <c r="AM37862">
        <v>0</v>
      </c>
      <c r="AN37862">
        <v>0</v>
      </c>
      <c r="AO37862">
        <v>0</v>
      </c>
      <c r="AP37862">
        <v>0</v>
      </c>
      <c r="AQ37862">
        <v>0</v>
      </c>
    </row>
    <row r="37863" spans="1:43">
      <c r="A37863" t="s">
        <v>23475</v>
      </c>
      <c r="B37863" t="s">
        <v>23476</v>
      </c>
      <c r="C37863" t="s">
        <v>23463</v>
      </c>
      <c r="D37863" t="s">
        <v>23464</v>
      </c>
      <c r="E37863" t="s">
        <v>23465</v>
      </c>
      <c r="F37863" t="s">
        <v>23466</v>
      </c>
      <c r="G37863" t="s">
        <v>22539</v>
      </c>
      <c r="H37863" t="s">
        <v>22540</v>
      </c>
      <c r="I37863" s="2">
        <v>0</v>
      </c>
      <c r="J37863" s="2">
        <v>0</v>
      </c>
      <c r="K37863" s="2">
        <v>0</v>
      </c>
      <c r="L37863" t="s">
        <v>995</v>
      </c>
      <c r="M37863" t="s">
        <v>87</v>
      </c>
      <c r="N37863" t="s">
        <v>88</v>
      </c>
      <c r="O37863" t="s">
        <v>85</v>
      </c>
      <c r="P37863" t="s">
        <v>86</v>
      </c>
      <c r="Q37863">
        <v>0</v>
      </c>
      <c r="R37863">
        <v>0</v>
      </c>
      <c r="S37863">
        <v>0</v>
      </c>
      <c r="T37863">
        <v>0</v>
      </c>
      <c r="U37863">
        <v>0</v>
      </c>
      <c r="V37863">
        <v>0</v>
      </c>
      <c r="W37863">
        <v>0</v>
      </c>
      <c r="X37863">
        <v>0</v>
      </c>
      <c r="Y37863">
        <v>0</v>
      </c>
      <c r="Z37863">
        <v>0</v>
      </c>
      <c r="AA37863">
        <v>0</v>
      </c>
      <c r="AB37863">
        <v>0</v>
      </c>
      <c r="AC37863">
        <v>0</v>
      </c>
      <c r="AD37863">
        <v>0</v>
      </c>
      <c r="AE37863">
        <v>0</v>
      </c>
      <c r="AF37863">
        <v>0</v>
      </c>
      <c r="AG37863">
        <v>0</v>
      </c>
      <c r="AH37863">
        <v>0</v>
      </c>
      <c r="AI37863">
        <v>0</v>
      </c>
      <c r="AJ37863">
        <v>0</v>
      </c>
      <c r="AK37863">
        <v>0</v>
      </c>
      <c r="AL37863">
        <v>0</v>
      </c>
      <c r="AM37863">
        <v>0</v>
      </c>
      <c r="AN37863">
        <v>0</v>
      </c>
      <c r="AO37863">
        <v>0</v>
      </c>
      <c r="AP37863">
        <v>0</v>
      </c>
      <c r="AQ37863">
        <v>0</v>
      </c>
    </row>
    <row r="37864" spans="1:43">
      <c r="A37864" t="s">
        <v>23475</v>
      </c>
      <c r="B37864" t="s">
        <v>23476</v>
      </c>
      <c r="C37864" t="s">
        <v>23463</v>
      </c>
      <c r="D37864" t="s">
        <v>23464</v>
      </c>
      <c r="E37864" t="s">
        <v>23465</v>
      </c>
      <c r="F37864" t="s">
        <v>23466</v>
      </c>
      <c r="G37864" t="s">
        <v>22539</v>
      </c>
      <c r="H37864" t="s">
        <v>22540</v>
      </c>
      <c r="I37864" s="2">
        <v>0</v>
      </c>
      <c r="J37864" s="2">
        <v>0</v>
      </c>
      <c r="K37864" s="2">
        <v>0</v>
      </c>
      <c r="L37864" t="s">
        <v>995</v>
      </c>
      <c r="M37864" t="s">
        <v>89</v>
      </c>
      <c r="N37864" t="s">
        <v>90</v>
      </c>
      <c r="O37864" t="s">
        <v>85</v>
      </c>
      <c r="P37864" t="s">
        <v>86</v>
      </c>
      <c r="Q37864">
        <v>0</v>
      </c>
      <c r="R37864">
        <v>0</v>
      </c>
      <c r="S37864">
        <v>0</v>
      </c>
      <c r="T37864">
        <v>0</v>
      </c>
      <c r="U37864">
        <v>0</v>
      </c>
      <c r="V37864">
        <v>0</v>
      </c>
      <c r="W37864">
        <v>0</v>
      </c>
      <c r="X37864">
        <v>0</v>
      </c>
      <c r="Y37864">
        <v>0</v>
      </c>
      <c r="Z37864">
        <v>0</v>
      </c>
      <c r="AA37864">
        <v>0</v>
      </c>
      <c r="AB37864">
        <v>0</v>
      </c>
      <c r="AC37864">
        <v>0</v>
      </c>
      <c r="AD37864">
        <v>0</v>
      </c>
      <c r="AE37864">
        <v>0</v>
      </c>
      <c r="AF37864">
        <v>0</v>
      </c>
      <c r="AG37864">
        <v>0</v>
      </c>
      <c r="AH37864">
        <v>0</v>
      </c>
      <c r="AI37864">
        <v>0</v>
      </c>
      <c r="AJ37864">
        <v>0</v>
      </c>
      <c r="AK37864">
        <v>0</v>
      </c>
      <c r="AL37864">
        <v>0</v>
      </c>
      <c r="AM37864">
        <v>0</v>
      </c>
      <c r="AN37864">
        <v>0</v>
      </c>
      <c r="AO37864">
        <v>0</v>
      </c>
      <c r="AP37864">
        <v>0</v>
      </c>
      <c r="AQ37864">
        <v>0</v>
      </c>
    </row>
    <row r="37865" spans="1:43">
      <c r="A37865" t="s">
        <v>23475</v>
      </c>
      <c r="B37865" t="s">
        <v>23476</v>
      </c>
      <c r="C37865" t="s">
        <v>23463</v>
      </c>
      <c r="D37865" t="s">
        <v>23464</v>
      </c>
      <c r="E37865" t="s">
        <v>23465</v>
      </c>
      <c r="F37865" t="s">
        <v>23466</v>
      </c>
      <c r="G37865" t="s">
        <v>22539</v>
      </c>
      <c r="H37865" t="s">
        <v>22540</v>
      </c>
      <c r="I37865" s="2">
        <v>0</v>
      </c>
      <c r="J37865" s="2">
        <v>0</v>
      </c>
      <c r="K37865" s="2">
        <v>0</v>
      </c>
      <c r="L37865" t="s">
        <v>995</v>
      </c>
      <c r="M37865" t="s">
        <v>83</v>
      </c>
      <c r="N37865" t="s">
        <v>91</v>
      </c>
      <c r="O37865" t="s">
        <v>85</v>
      </c>
      <c r="P37865" t="s">
        <v>86</v>
      </c>
      <c r="Q37865">
        <v>0</v>
      </c>
      <c r="R37865">
        <v>0</v>
      </c>
      <c r="S37865">
        <v>0</v>
      </c>
      <c r="T37865">
        <v>0</v>
      </c>
      <c r="U37865">
        <v>0</v>
      </c>
      <c r="V37865">
        <v>0</v>
      </c>
      <c r="W37865">
        <v>0</v>
      </c>
      <c r="X37865">
        <v>0</v>
      </c>
      <c r="Y37865">
        <v>0</v>
      </c>
      <c r="Z37865">
        <v>0</v>
      </c>
      <c r="AA37865">
        <v>0</v>
      </c>
      <c r="AB37865">
        <v>0</v>
      </c>
      <c r="AC37865">
        <v>0</v>
      </c>
      <c r="AD37865">
        <v>0</v>
      </c>
      <c r="AE37865">
        <v>0</v>
      </c>
      <c r="AF37865">
        <v>0</v>
      </c>
      <c r="AG37865">
        <v>0</v>
      </c>
      <c r="AH37865">
        <v>0</v>
      </c>
      <c r="AI37865">
        <v>0</v>
      </c>
      <c r="AJ37865">
        <v>0</v>
      </c>
      <c r="AK37865">
        <v>0</v>
      </c>
      <c r="AL37865">
        <v>0</v>
      </c>
      <c r="AM37865">
        <v>0</v>
      </c>
      <c r="AN37865">
        <v>0</v>
      </c>
      <c r="AO37865">
        <v>0</v>
      </c>
      <c r="AP37865">
        <v>0</v>
      </c>
      <c r="AQ37865">
        <v>0</v>
      </c>
    </row>
    <row r="37866" spans="1:43">
      <c r="A37866" t="s">
        <v>23477</v>
      </c>
      <c r="B37866" t="s">
        <v>23478</v>
      </c>
      <c r="C37866" t="s">
        <v>23479</v>
      </c>
      <c r="D37866" t="s">
        <v>23480</v>
      </c>
      <c r="E37866" t="s">
        <v>23481</v>
      </c>
      <c r="F37866" t="s">
        <v>23482</v>
      </c>
      <c r="G37866" t="s">
        <v>11612</v>
      </c>
      <c r="H37866" t="s">
        <v>11613</v>
      </c>
      <c r="I37866" s="2">
        <v>0</v>
      </c>
      <c r="J37866" s="2">
        <v>0</v>
      </c>
      <c r="K37866" s="2">
        <v>1</v>
      </c>
      <c r="L37866" t="s">
        <v>995</v>
      </c>
      <c r="M37866" t="s">
        <v>83</v>
      </c>
      <c r="N37866" t="s">
        <v>84</v>
      </c>
      <c r="O37866" t="s">
        <v>85</v>
      </c>
      <c r="P37866" t="s">
        <v>86</v>
      </c>
      <c r="Q37866">
        <v>23</v>
      </c>
      <c r="R37866">
        <v>24</v>
      </c>
      <c r="S37866">
        <v>25</v>
      </c>
      <c r="T37866">
        <v>25</v>
      </c>
      <c r="U37866">
        <v>26</v>
      </c>
      <c r="V37866">
        <v>26</v>
      </c>
      <c r="W37866">
        <v>27</v>
      </c>
      <c r="X37866">
        <v>28</v>
      </c>
      <c r="Y37866">
        <v>28</v>
      </c>
      <c r="Z37866">
        <v>29</v>
      </c>
      <c r="AA37866">
        <v>30</v>
      </c>
      <c r="AB37866">
        <v>30</v>
      </c>
      <c r="AC37866">
        <v>31</v>
      </c>
      <c r="AD37866">
        <v>32</v>
      </c>
      <c r="AE37866">
        <v>32</v>
      </c>
      <c r="AF37866">
        <v>33</v>
      </c>
      <c r="AG37866">
        <v>34</v>
      </c>
      <c r="AH37866">
        <v>34</v>
      </c>
      <c r="AI37866">
        <v>35</v>
      </c>
      <c r="AJ37866">
        <v>36</v>
      </c>
      <c r="AK37866">
        <v>37</v>
      </c>
      <c r="AL37866">
        <v>37</v>
      </c>
      <c r="AM37866">
        <v>38</v>
      </c>
      <c r="AN37866">
        <v>38</v>
      </c>
      <c r="AO37866">
        <v>38</v>
      </c>
      <c r="AP37866">
        <v>39</v>
      </c>
      <c r="AQ37866">
        <v>39</v>
      </c>
    </row>
    <row r="37867" spans="1:43">
      <c r="A37867" t="s">
        <v>23477</v>
      </c>
      <c r="B37867" t="s">
        <v>23478</v>
      </c>
      <c r="C37867" t="s">
        <v>23479</v>
      </c>
      <c r="D37867" t="s">
        <v>23480</v>
      </c>
      <c r="E37867" t="s">
        <v>23481</v>
      </c>
      <c r="F37867" t="s">
        <v>23482</v>
      </c>
      <c r="G37867" t="s">
        <v>11612</v>
      </c>
      <c r="H37867" t="s">
        <v>11613</v>
      </c>
      <c r="I37867" s="2">
        <v>0</v>
      </c>
      <c r="J37867" s="2">
        <v>0</v>
      </c>
      <c r="K37867" s="2">
        <v>1</v>
      </c>
      <c r="L37867" t="s">
        <v>995</v>
      </c>
      <c r="M37867" t="s">
        <v>87</v>
      </c>
      <c r="N37867" t="s">
        <v>88</v>
      </c>
      <c r="O37867" t="s">
        <v>85</v>
      </c>
      <c r="P37867" t="s">
        <v>86</v>
      </c>
      <c r="Q37867">
        <v>23</v>
      </c>
      <c r="R37867">
        <v>24</v>
      </c>
      <c r="S37867">
        <v>24</v>
      </c>
      <c r="T37867">
        <v>24</v>
      </c>
      <c r="U37867">
        <v>25</v>
      </c>
      <c r="V37867">
        <v>25</v>
      </c>
      <c r="W37867">
        <v>25</v>
      </c>
      <c r="X37867">
        <v>26</v>
      </c>
      <c r="Y37867">
        <v>26</v>
      </c>
      <c r="Z37867">
        <v>27</v>
      </c>
      <c r="AA37867">
        <v>27</v>
      </c>
      <c r="AB37867">
        <v>27</v>
      </c>
      <c r="AC37867">
        <v>28</v>
      </c>
      <c r="AD37867">
        <v>28</v>
      </c>
      <c r="AE37867">
        <v>29</v>
      </c>
      <c r="AF37867">
        <v>29</v>
      </c>
      <c r="AG37867">
        <v>29</v>
      </c>
      <c r="AH37867">
        <v>30</v>
      </c>
      <c r="AI37867">
        <v>30</v>
      </c>
      <c r="AJ37867">
        <v>31</v>
      </c>
      <c r="AK37867">
        <v>31</v>
      </c>
      <c r="AL37867">
        <v>32</v>
      </c>
      <c r="AM37867">
        <v>32</v>
      </c>
      <c r="AN37867">
        <v>33</v>
      </c>
      <c r="AO37867">
        <v>33</v>
      </c>
      <c r="AP37867">
        <v>34</v>
      </c>
      <c r="AQ37867">
        <v>34</v>
      </c>
    </row>
    <row r="37868" spans="1:43">
      <c r="A37868" t="s">
        <v>23477</v>
      </c>
      <c r="B37868" t="s">
        <v>23478</v>
      </c>
      <c r="C37868" t="s">
        <v>23479</v>
      </c>
      <c r="D37868" t="s">
        <v>23480</v>
      </c>
      <c r="E37868" t="s">
        <v>23481</v>
      </c>
      <c r="F37868" t="s">
        <v>23482</v>
      </c>
      <c r="G37868" t="s">
        <v>11612</v>
      </c>
      <c r="H37868" t="s">
        <v>11613</v>
      </c>
      <c r="I37868" s="2">
        <v>0</v>
      </c>
      <c r="J37868" s="2">
        <v>0</v>
      </c>
      <c r="K37868" s="2">
        <v>1</v>
      </c>
      <c r="L37868" t="s">
        <v>995</v>
      </c>
      <c r="M37868" t="s">
        <v>89</v>
      </c>
      <c r="N37868" t="s">
        <v>90</v>
      </c>
      <c r="O37868" t="s">
        <v>85</v>
      </c>
      <c r="P37868" t="s">
        <v>86</v>
      </c>
      <c r="Q37868">
        <v>23</v>
      </c>
      <c r="R37868">
        <v>23</v>
      </c>
      <c r="S37868">
        <v>24</v>
      </c>
      <c r="T37868">
        <v>25</v>
      </c>
      <c r="U37868">
        <v>26</v>
      </c>
      <c r="V37868">
        <v>27</v>
      </c>
      <c r="W37868">
        <v>27</v>
      </c>
      <c r="X37868">
        <v>28</v>
      </c>
      <c r="Y37868">
        <v>29</v>
      </c>
      <c r="Z37868">
        <v>30</v>
      </c>
      <c r="AA37868">
        <v>31</v>
      </c>
      <c r="AB37868">
        <v>31</v>
      </c>
      <c r="AC37868">
        <v>32</v>
      </c>
      <c r="AD37868">
        <v>33</v>
      </c>
      <c r="AE37868">
        <v>34</v>
      </c>
      <c r="AF37868">
        <v>34</v>
      </c>
      <c r="AG37868">
        <v>34</v>
      </c>
      <c r="AH37868">
        <v>35</v>
      </c>
      <c r="AI37868">
        <v>35</v>
      </c>
      <c r="AJ37868">
        <v>36</v>
      </c>
      <c r="AK37868">
        <v>36</v>
      </c>
      <c r="AL37868">
        <v>36</v>
      </c>
      <c r="AM37868">
        <v>37</v>
      </c>
      <c r="AN37868">
        <v>37</v>
      </c>
      <c r="AO37868">
        <v>38</v>
      </c>
      <c r="AP37868">
        <v>38</v>
      </c>
      <c r="AQ37868">
        <v>39</v>
      </c>
    </row>
    <row r="37869" spans="1:43">
      <c r="A37869" t="s">
        <v>23477</v>
      </c>
      <c r="B37869" t="s">
        <v>23478</v>
      </c>
      <c r="C37869" t="s">
        <v>23479</v>
      </c>
      <c r="D37869" t="s">
        <v>23480</v>
      </c>
      <c r="E37869" t="s">
        <v>23481</v>
      </c>
      <c r="F37869" t="s">
        <v>23482</v>
      </c>
      <c r="G37869" t="s">
        <v>11612</v>
      </c>
      <c r="H37869" t="s">
        <v>11613</v>
      </c>
      <c r="I37869" s="2">
        <v>0</v>
      </c>
      <c r="J37869" s="2">
        <v>0</v>
      </c>
      <c r="K37869" s="2">
        <v>1</v>
      </c>
      <c r="L37869" t="s">
        <v>995</v>
      </c>
      <c r="M37869" t="s">
        <v>83</v>
      </c>
      <c r="N37869" t="s">
        <v>91</v>
      </c>
      <c r="O37869" t="s">
        <v>85</v>
      </c>
      <c r="P37869" t="s">
        <v>86</v>
      </c>
      <c r="Q37869">
        <v>23</v>
      </c>
      <c r="R37869">
        <v>24</v>
      </c>
      <c r="S37869">
        <v>25</v>
      </c>
      <c r="T37869">
        <v>25</v>
      </c>
      <c r="U37869">
        <v>26</v>
      </c>
      <c r="V37869">
        <v>26</v>
      </c>
      <c r="W37869">
        <v>27</v>
      </c>
      <c r="X37869">
        <v>28</v>
      </c>
      <c r="Y37869">
        <v>28</v>
      </c>
      <c r="Z37869">
        <v>29</v>
      </c>
      <c r="AA37869">
        <v>30</v>
      </c>
      <c r="AB37869">
        <v>30</v>
      </c>
      <c r="AC37869">
        <v>31</v>
      </c>
      <c r="AD37869">
        <v>32</v>
      </c>
      <c r="AE37869">
        <v>32</v>
      </c>
      <c r="AF37869">
        <v>33</v>
      </c>
      <c r="AG37869">
        <v>34</v>
      </c>
      <c r="AH37869">
        <v>34</v>
      </c>
      <c r="AI37869">
        <v>35</v>
      </c>
      <c r="AJ37869">
        <v>36</v>
      </c>
      <c r="AK37869">
        <v>37</v>
      </c>
      <c r="AL37869">
        <v>37</v>
      </c>
      <c r="AM37869">
        <v>38</v>
      </c>
      <c r="AN37869">
        <v>38</v>
      </c>
      <c r="AO37869">
        <v>38</v>
      </c>
      <c r="AP37869">
        <v>39</v>
      </c>
      <c r="AQ37869">
        <v>39</v>
      </c>
    </row>
    <row r="37870" spans="1:43">
      <c r="A37870" t="s">
        <v>23483</v>
      </c>
      <c r="B37870" t="s">
        <v>23484</v>
      </c>
      <c r="C37870" t="s">
        <v>23479</v>
      </c>
      <c r="D37870" t="s">
        <v>23480</v>
      </c>
      <c r="E37870" t="s">
        <v>23481</v>
      </c>
      <c r="F37870" t="s">
        <v>23482</v>
      </c>
      <c r="G37870" t="s">
        <v>11612</v>
      </c>
      <c r="H37870" t="s">
        <v>11613</v>
      </c>
      <c r="I37870" s="2">
        <v>0</v>
      </c>
      <c r="J37870" s="2">
        <v>0</v>
      </c>
      <c r="K37870" s="2">
        <v>1</v>
      </c>
      <c r="L37870" t="s">
        <v>995</v>
      </c>
      <c r="M37870" t="s">
        <v>83</v>
      </c>
      <c r="N37870" t="s">
        <v>84</v>
      </c>
      <c r="O37870" t="s">
        <v>85</v>
      </c>
      <c r="P37870" t="s">
        <v>86</v>
      </c>
      <c r="Q37870">
        <v>42</v>
      </c>
      <c r="R37870">
        <v>43</v>
      </c>
      <c r="S37870">
        <v>44</v>
      </c>
      <c r="T37870">
        <v>45</v>
      </c>
      <c r="U37870">
        <v>46</v>
      </c>
      <c r="V37870">
        <v>47</v>
      </c>
      <c r="W37870">
        <v>49</v>
      </c>
      <c r="X37870">
        <v>50</v>
      </c>
      <c r="Y37870">
        <v>51</v>
      </c>
      <c r="Z37870">
        <v>52</v>
      </c>
      <c r="AA37870">
        <v>53</v>
      </c>
      <c r="AB37870">
        <v>54</v>
      </c>
      <c r="AC37870">
        <v>56</v>
      </c>
      <c r="AD37870">
        <v>57</v>
      </c>
      <c r="AE37870">
        <v>58</v>
      </c>
      <c r="AF37870">
        <v>59</v>
      </c>
      <c r="AG37870">
        <v>61</v>
      </c>
      <c r="AH37870">
        <v>62</v>
      </c>
      <c r="AI37870">
        <v>63</v>
      </c>
      <c r="AJ37870">
        <v>64</v>
      </c>
      <c r="AK37870">
        <v>66</v>
      </c>
      <c r="AL37870">
        <v>67</v>
      </c>
      <c r="AM37870">
        <v>68</v>
      </c>
      <c r="AN37870">
        <v>68</v>
      </c>
      <c r="AO37870">
        <v>69</v>
      </c>
      <c r="AP37870">
        <v>70</v>
      </c>
      <c r="AQ37870">
        <v>71</v>
      </c>
    </row>
    <row r="37871" spans="1:43">
      <c r="A37871" t="s">
        <v>23483</v>
      </c>
      <c r="B37871" t="s">
        <v>23484</v>
      </c>
      <c r="C37871" t="s">
        <v>23479</v>
      </c>
      <c r="D37871" t="s">
        <v>23480</v>
      </c>
      <c r="E37871" t="s">
        <v>23481</v>
      </c>
      <c r="F37871" t="s">
        <v>23482</v>
      </c>
      <c r="G37871" t="s">
        <v>11612</v>
      </c>
      <c r="H37871" t="s">
        <v>11613</v>
      </c>
      <c r="I37871" s="2">
        <v>0</v>
      </c>
      <c r="J37871" s="2">
        <v>0</v>
      </c>
      <c r="K37871" s="2">
        <v>1</v>
      </c>
      <c r="L37871" t="s">
        <v>995</v>
      </c>
      <c r="M37871" t="s">
        <v>87</v>
      </c>
      <c r="N37871" t="s">
        <v>88</v>
      </c>
      <c r="O37871" t="s">
        <v>85</v>
      </c>
      <c r="P37871" t="s">
        <v>86</v>
      </c>
      <c r="Q37871">
        <v>42</v>
      </c>
      <c r="R37871">
        <v>42</v>
      </c>
      <c r="S37871">
        <v>43</v>
      </c>
      <c r="T37871">
        <v>44</v>
      </c>
      <c r="U37871">
        <v>44</v>
      </c>
      <c r="V37871">
        <v>45</v>
      </c>
      <c r="W37871">
        <v>46</v>
      </c>
      <c r="X37871">
        <v>46</v>
      </c>
      <c r="Y37871">
        <v>47</v>
      </c>
      <c r="Z37871">
        <v>48</v>
      </c>
      <c r="AA37871">
        <v>48</v>
      </c>
      <c r="AB37871">
        <v>49</v>
      </c>
      <c r="AC37871">
        <v>50</v>
      </c>
      <c r="AD37871">
        <v>51</v>
      </c>
      <c r="AE37871">
        <v>51</v>
      </c>
      <c r="AF37871">
        <v>52</v>
      </c>
      <c r="AG37871">
        <v>53</v>
      </c>
      <c r="AH37871">
        <v>54</v>
      </c>
      <c r="AI37871">
        <v>54</v>
      </c>
      <c r="AJ37871">
        <v>55</v>
      </c>
      <c r="AK37871">
        <v>56</v>
      </c>
      <c r="AL37871">
        <v>57</v>
      </c>
      <c r="AM37871">
        <v>58</v>
      </c>
      <c r="AN37871">
        <v>59</v>
      </c>
      <c r="AO37871">
        <v>59</v>
      </c>
      <c r="AP37871">
        <v>60</v>
      </c>
      <c r="AQ37871">
        <v>61</v>
      </c>
    </row>
    <row r="37872" spans="1:43">
      <c r="A37872" t="s">
        <v>23483</v>
      </c>
      <c r="B37872" t="s">
        <v>23484</v>
      </c>
      <c r="C37872" t="s">
        <v>23479</v>
      </c>
      <c r="D37872" t="s">
        <v>23480</v>
      </c>
      <c r="E37872" t="s">
        <v>23481</v>
      </c>
      <c r="F37872" t="s">
        <v>23482</v>
      </c>
      <c r="G37872" t="s">
        <v>11612</v>
      </c>
      <c r="H37872" t="s">
        <v>11613</v>
      </c>
      <c r="I37872" s="2">
        <v>0</v>
      </c>
      <c r="J37872" s="2">
        <v>0</v>
      </c>
      <c r="K37872" s="2">
        <v>1</v>
      </c>
      <c r="L37872" t="s">
        <v>995</v>
      </c>
      <c r="M37872" t="s">
        <v>89</v>
      </c>
      <c r="N37872" t="s">
        <v>90</v>
      </c>
      <c r="O37872" t="s">
        <v>85</v>
      </c>
      <c r="P37872" t="s">
        <v>86</v>
      </c>
      <c r="Q37872">
        <v>42</v>
      </c>
      <c r="R37872">
        <v>44</v>
      </c>
      <c r="S37872">
        <v>45</v>
      </c>
      <c r="T37872">
        <v>47</v>
      </c>
      <c r="U37872">
        <v>48</v>
      </c>
      <c r="V37872">
        <v>50</v>
      </c>
      <c r="W37872">
        <v>51</v>
      </c>
      <c r="X37872">
        <v>52</v>
      </c>
      <c r="Y37872">
        <v>54</v>
      </c>
      <c r="Z37872">
        <v>55</v>
      </c>
      <c r="AA37872">
        <v>57</v>
      </c>
      <c r="AB37872">
        <v>58</v>
      </c>
      <c r="AC37872">
        <v>60</v>
      </c>
      <c r="AD37872">
        <v>61</v>
      </c>
      <c r="AE37872">
        <v>62</v>
      </c>
      <c r="AF37872">
        <v>63</v>
      </c>
      <c r="AG37872">
        <v>64</v>
      </c>
      <c r="AH37872">
        <v>64</v>
      </c>
      <c r="AI37872">
        <v>65</v>
      </c>
      <c r="AJ37872">
        <v>66</v>
      </c>
      <c r="AK37872">
        <v>66</v>
      </c>
      <c r="AL37872">
        <v>67</v>
      </c>
      <c r="AM37872">
        <v>68</v>
      </c>
      <c r="AN37872">
        <v>69</v>
      </c>
      <c r="AO37872">
        <v>69</v>
      </c>
      <c r="AP37872">
        <v>70</v>
      </c>
      <c r="AQ37872">
        <v>71</v>
      </c>
    </row>
    <row r="37873" spans="1:43">
      <c r="A37873" t="s">
        <v>23483</v>
      </c>
      <c r="B37873" t="s">
        <v>23484</v>
      </c>
      <c r="C37873" t="s">
        <v>23479</v>
      </c>
      <c r="D37873" t="s">
        <v>23480</v>
      </c>
      <c r="E37873" t="s">
        <v>23481</v>
      </c>
      <c r="F37873" t="s">
        <v>23482</v>
      </c>
      <c r="G37873" t="s">
        <v>11612</v>
      </c>
      <c r="H37873" t="s">
        <v>11613</v>
      </c>
      <c r="I37873" s="2">
        <v>0</v>
      </c>
      <c r="J37873" s="2">
        <v>0</v>
      </c>
      <c r="K37873" s="2">
        <v>1</v>
      </c>
      <c r="L37873" t="s">
        <v>995</v>
      </c>
      <c r="M37873" t="s">
        <v>83</v>
      </c>
      <c r="N37873" t="s">
        <v>91</v>
      </c>
      <c r="O37873" t="s">
        <v>85</v>
      </c>
      <c r="P37873" t="s">
        <v>86</v>
      </c>
      <c r="Q37873">
        <v>42</v>
      </c>
      <c r="R37873">
        <v>43</v>
      </c>
      <c r="S37873">
        <v>44</v>
      </c>
      <c r="T37873">
        <v>45</v>
      </c>
      <c r="U37873">
        <v>46</v>
      </c>
      <c r="V37873">
        <v>47</v>
      </c>
      <c r="W37873">
        <v>49</v>
      </c>
      <c r="X37873">
        <v>50</v>
      </c>
      <c r="Y37873">
        <v>51</v>
      </c>
      <c r="Z37873">
        <v>52</v>
      </c>
      <c r="AA37873">
        <v>53</v>
      </c>
      <c r="AB37873">
        <v>54</v>
      </c>
      <c r="AC37873">
        <v>56</v>
      </c>
      <c r="AD37873">
        <v>57</v>
      </c>
      <c r="AE37873">
        <v>58</v>
      </c>
      <c r="AF37873">
        <v>59</v>
      </c>
      <c r="AG37873">
        <v>61</v>
      </c>
      <c r="AH37873">
        <v>62</v>
      </c>
      <c r="AI37873">
        <v>63</v>
      </c>
      <c r="AJ37873">
        <v>64</v>
      </c>
      <c r="AK37873">
        <v>66</v>
      </c>
      <c r="AL37873">
        <v>67</v>
      </c>
      <c r="AM37873">
        <v>68</v>
      </c>
      <c r="AN37873">
        <v>68</v>
      </c>
      <c r="AO37873">
        <v>69</v>
      </c>
      <c r="AP37873">
        <v>70</v>
      </c>
      <c r="AQ37873">
        <v>71</v>
      </c>
    </row>
    <row r="37874" spans="1:43">
      <c r="A37874" t="s">
        <v>23485</v>
      </c>
      <c r="B37874" t="s">
        <v>23486</v>
      </c>
      <c r="C37874" t="s">
        <v>23479</v>
      </c>
      <c r="D37874" t="s">
        <v>23480</v>
      </c>
      <c r="E37874" t="s">
        <v>23481</v>
      </c>
      <c r="F37874" t="s">
        <v>23482</v>
      </c>
      <c r="G37874" t="s">
        <v>11612</v>
      </c>
      <c r="H37874" t="s">
        <v>11613</v>
      </c>
      <c r="I37874" s="2">
        <v>0</v>
      </c>
      <c r="J37874" s="2">
        <v>0</v>
      </c>
      <c r="K37874" s="2">
        <v>1</v>
      </c>
      <c r="L37874" t="s">
        <v>995</v>
      </c>
      <c r="M37874" t="s">
        <v>83</v>
      </c>
      <c r="N37874" t="s">
        <v>84</v>
      </c>
      <c r="O37874" t="s">
        <v>85</v>
      </c>
      <c r="P37874" t="s">
        <v>86</v>
      </c>
      <c r="Q37874">
        <v>36</v>
      </c>
      <c r="R37874">
        <v>37</v>
      </c>
      <c r="S37874">
        <v>38</v>
      </c>
      <c r="T37874">
        <v>39</v>
      </c>
      <c r="U37874">
        <v>40</v>
      </c>
      <c r="V37874">
        <v>41</v>
      </c>
      <c r="W37874">
        <v>42</v>
      </c>
      <c r="X37874">
        <v>43</v>
      </c>
      <c r="Y37874">
        <v>44</v>
      </c>
      <c r="Z37874">
        <v>45</v>
      </c>
      <c r="AA37874">
        <v>46</v>
      </c>
      <c r="AB37874">
        <v>47</v>
      </c>
      <c r="AC37874">
        <v>48</v>
      </c>
      <c r="AD37874">
        <v>49</v>
      </c>
      <c r="AE37874">
        <v>50</v>
      </c>
      <c r="AF37874">
        <v>51</v>
      </c>
      <c r="AG37874">
        <v>52</v>
      </c>
      <c r="AH37874">
        <v>53</v>
      </c>
      <c r="AI37874">
        <v>54</v>
      </c>
      <c r="AJ37874">
        <v>55</v>
      </c>
      <c r="AK37874">
        <v>57</v>
      </c>
      <c r="AL37874">
        <v>57</v>
      </c>
      <c r="AM37874">
        <v>58</v>
      </c>
      <c r="AN37874">
        <v>59</v>
      </c>
      <c r="AO37874">
        <v>59</v>
      </c>
      <c r="AP37874">
        <v>60</v>
      </c>
      <c r="AQ37874">
        <v>61</v>
      </c>
    </row>
    <row r="37875" spans="1:43">
      <c r="A37875" t="s">
        <v>23485</v>
      </c>
      <c r="B37875" t="s">
        <v>23486</v>
      </c>
      <c r="C37875" t="s">
        <v>23479</v>
      </c>
      <c r="D37875" t="s">
        <v>23480</v>
      </c>
      <c r="E37875" t="s">
        <v>23481</v>
      </c>
      <c r="F37875" t="s">
        <v>23482</v>
      </c>
      <c r="G37875" t="s">
        <v>11612</v>
      </c>
      <c r="H37875" t="s">
        <v>11613</v>
      </c>
      <c r="I37875" s="2">
        <v>0</v>
      </c>
      <c r="J37875" s="2">
        <v>0</v>
      </c>
      <c r="K37875" s="2">
        <v>1</v>
      </c>
      <c r="L37875" t="s">
        <v>995</v>
      </c>
      <c r="M37875" t="s">
        <v>87</v>
      </c>
      <c r="N37875" t="s">
        <v>88</v>
      </c>
      <c r="O37875" t="s">
        <v>85</v>
      </c>
      <c r="P37875" t="s">
        <v>86</v>
      </c>
      <c r="Q37875">
        <v>36</v>
      </c>
      <c r="R37875">
        <v>36</v>
      </c>
      <c r="S37875">
        <v>37</v>
      </c>
      <c r="T37875">
        <v>38</v>
      </c>
      <c r="U37875">
        <v>38</v>
      </c>
      <c r="V37875">
        <v>39</v>
      </c>
      <c r="W37875">
        <v>39</v>
      </c>
      <c r="X37875">
        <v>40</v>
      </c>
      <c r="Y37875">
        <v>40</v>
      </c>
      <c r="Z37875">
        <v>41</v>
      </c>
      <c r="AA37875">
        <v>42</v>
      </c>
      <c r="AB37875">
        <v>42</v>
      </c>
      <c r="AC37875">
        <v>43</v>
      </c>
      <c r="AD37875">
        <v>43</v>
      </c>
      <c r="AE37875">
        <v>44</v>
      </c>
      <c r="AF37875">
        <v>45</v>
      </c>
      <c r="AG37875">
        <v>45</v>
      </c>
      <c r="AH37875">
        <v>46</v>
      </c>
      <c r="AI37875">
        <v>47</v>
      </c>
      <c r="AJ37875">
        <v>47</v>
      </c>
      <c r="AK37875">
        <v>48</v>
      </c>
      <c r="AL37875">
        <v>49</v>
      </c>
      <c r="AM37875">
        <v>50</v>
      </c>
      <c r="AN37875">
        <v>50</v>
      </c>
      <c r="AO37875">
        <v>51</v>
      </c>
      <c r="AP37875">
        <v>52</v>
      </c>
      <c r="AQ37875">
        <v>53</v>
      </c>
    </row>
    <row r="37876" spans="1:43">
      <c r="A37876" t="s">
        <v>23485</v>
      </c>
      <c r="B37876" t="s">
        <v>23486</v>
      </c>
      <c r="C37876" t="s">
        <v>23479</v>
      </c>
      <c r="D37876" t="s">
        <v>23480</v>
      </c>
      <c r="E37876" t="s">
        <v>23481</v>
      </c>
      <c r="F37876" t="s">
        <v>23482</v>
      </c>
      <c r="G37876" t="s">
        <v>11612</v>
      </c>
      <c r="H37876" t="s">
        <v>11613</v>
      </c>
      <c r="I37876" s="2">
        <v>0</v>
      </c>
      <c r="J37876" s="2">
        <v>0</v>
      </c>
      <c r="K37876" s="2">
        <v>1</v>
      </c>
      <c r="L37876" t="s">
        <v>995</v>
      </c>
      <c r="M37876" t="s">
        <v>89</v>
      </c>
      <c r="N37876" t="s">
        <v>90</v>
      </c>
      <c r="O37876" t="s">
        <v>85</v>
      </c>
      <c r="P37876" t="s">
        <v>86</v>
      </c>
      <c r="Q37876">
        <v>36</v>
      </c>
      <c r="R37876">
        <v>37</v>
      </c>
      <c r="S37876">
        <v>38</v>
      </c>
      <c r="T37876">
        <v>39</v>
      </c>
      <c r="U37876">
        <v>40</v>
      </c>
      <c r="V37876">
        <v>42</v>
      </c>
      <c r="W37876">
        <v>43</v>
      </c>
      <c r="X37876">
        <v>44</v>
      </c>
      <c r="Y37876">
        <v>45</v>
      </c>
      <c r="Z37876">
        <v>46</v>
      </c>
      <c r="AA37876">
        <v>48</v>
      </c>
      <c r="AB37876">
        <v>49</v>
      </c>
      <c r="AC37876">
        <v>50</v>
      </c>
      <c r="AD37876">
        <v>51</v>
      </c>
      <c r="AE37876">
        <v>52</v>
      </c>
      <c r="AF37876">
        <v>53</v>
      </c>
      <c r="AG37876">
        <v>54</v>
      </c>
      <c r="AH37876">
        <v>54</v>
      </c>
      <c r="AI37876">
        <v>55</v>
      </c>
      <c r="AJ37876">
        <v>55</v>
      </c>
      <c r="AK37876">
        <v>56</v>
      </c>
      <c r="AL37876">
        <v>57</v>
      </c>
      <c r="AM37876">
        <v>57</v>
      </c>
      <c r="AN37876">
        <v>58</v>
      </c>
      <c r="AO37876">
        <v>59</v>
      </c>
      <c r="AP37876">
        <v>59</v>
      </c>
      <c r="AQ37876">
        <v>60</v>
      </c>
    </row>
    <row r="37877" spans="1:43">
      <c r="A37877" t="s">
        <v>23485</v>
      </c>
      <c r="B37877" t="s">
        <v>23486</v>
      </c>
      <c r="C37877" t="s">
        <v>23479</v>
      </c>
      <c r="D37877" t="s">
        <v>23480</v>
      </c>
      <c r="E37877" t="s">
        <v>23481</v>
      </c>
      <c r="F37877" t="s">
        <v>23482</v>
      </c>
      <c r="G37877" t="s">
        <v>11612</v>
      </c>
      <c r="H37877" t="s">
        <v>11613</v>
      </c>
      <c r="I37877" s="2">
        <v>0</v>
      </c>
      <c r="J37877" s="2">
        <v>0</v>
      </c>
      <c r="K37877" s="2">
        <v>1</v>
      </c>
      <c r="L37877" t="s">
        <v>995</v>
      </c>
      <c r="M37877" t="s">
        <v>83</v>
      </c>
      <c r="N37877" t="s">
        <v>91</v>
      </c>
      <c r="O37877" t="s">
        <v>85</v>
      </c>
      <c r="P37877" t="s">
        <v>86</v>
      </c>
      <c r="Q37877">
        <v>36</v>
      </c>
      <c r="R37877">
        <v>37</v>
      </c>
      <c r="S37877">
        <v>38</v>
      </c>
      <c r="T37877">
        <v>39</v>
      </c>
      <c r="U37877">
        <v>40</v>
      </c>
      <c r="V37877">
        <v>41</v>
      </c>
      <c r="W37877">
        <v>42</v>
      </c>
      <c r="X37877">
        <v>43</v>
      </c>
      <c r="Y37877">
        <v>44</v>
      </c>
      <c r="Z37877">
        <v>45</v>
      </c>
      <c r="AA37877">
        <v>46</v>
      </c>
      <c r="AB37877">
        <v>47</v>
      </c>
      <c r="AC37877">
        <v>48</v>
      </c>
      <c r="AD37877">
        <v>49</v>
      </c>
      <c r="AE37877">
        <v>50</v>
      </c>
      <c r="AF37877">
        <v>51</v>
      </c>
      <c r="AG37877">
        <v>52</v>
      </c>
      <c r="AH37877">
        <v>53</v>
      </c>
      <c r="AI37877">
        <v>54</v>
      </c>
      <c r="AJ37877">
        <v>55</v>
      </c>
      <c r="AK37877">
        <v>57</v>
      </c>
      <c r="AL37877">
        <v>57</v>
      </c>
      <c r="AM37877">
        <v>58</v>
      </c>
      <c r="AN37877">
        <v>59</v>
      </c>
      <c r="AO37877">
        <v>59</v>
      </c>
      <c r="AP37877">
        <v>60</v>
      </c>
      <c r="AQ37877">
        <v>61</v>
      </c>
    </row>
    <row r="37878" spans="1:43">
      <c r="A37878" t="s">
        <v>23487</v>
      </c>
      <c r="B37878" t="s">
        <v>23488</v>
      </c>
      <c r="C37878" t="s">
        <v>23479</v>
      </c>
      <c r="D37878" t="s">
        <v>23480</v>
      </c>
      <c r="E37878" t="s">
        <v>23481</v>
      </c>
      <c r="F37878" t="s">
        <v>23482</v>
      </c>
      <c r="G37878" t="s">
        <v>11612</v>
      </c>
      <c r="H37878" t="s">
        <v>11613</v>
      </c>
      <c r="I37878" s="2">
        <v>0</v>
      </c>
      <c r="J37878" s="2">
        <v>0</v>
      </c>
      <c r="K37878" s="2">
        <v>1</v>
      </c>
      <c r="L37878" t="s">
        <v>995</v>
      </c>
      <c r="M37878" t="s">
        <v>83</v>
      </c>
      <c r="N37878" t="s">
        <v>84</v>
      </c>
      <c r="O37878" t="s">
        <v>85</v>
      </c>
      <c r="P37878" t="s">
        <v>86</v>
      </c>
      <c r="Q37878">
        <v>52</v>
      </c>
      <c r="R37878">
        <v>54</v>
      </c>
      <c r="S37878">
        <v>55</v>
      </c>
      <c r="T37878">
        <v>56</v>
      </c>
      <c r="U37878">
        <v>57</v>
      </c>
      <c r="V37878">
        <v>59</v>
      </c>
      <c r="W37878">
        <v>60</v>
      </c>
      <c r="X37878">
        <v>62</v>
      </c>
      <c r="Y37878">
        <v>63</v>
      </c>
      <c r="Z37878">
        <v>65</v>
      </c>
      <c r="AA37878">
        <v>66</v>
      </c>
      <c r="AB37878">
        <v>68</v>
      </c>
      <c r="AC37878">
        <v>69</v>
      </c>
      <c r="AD37878">
        <v>71</v>
      </c>
      <c r="AE37878">
        <v>72</v>
      </c>
      <c r="AF37878">
        <v>74</v>
      </c>
      <c r="AG37878">
        <v>75</v>
      </c>
      <c r="AH37878">
        <v>77</v>
      </c>
      <c r="AI37878">
        <v>79</v>
      </c>
      <c r="AJ37878">
        <v>80</v>
      </c>
      <c r="AK37878">
        <v>82</v>
      </c>
      <c r="AL37878">
        <v>83</v>
      </c>
      <c r="AM37878">
        <v>84</v>
      </c>
      <c r="AN37878">
        <v>85</v>
      </c>
      <c r="AO37878">
        <v>86</v>
      </c>
      <c r="AP37878">
        <v>87</v>
      </c>
      <c r="AQ37878">
        <v>88</v>
      </c>
    </row>
    <row r="37879" spans="1:43">
      <c r="A37879" t="s">
        <v>23487</v>
      </c>
      <c r="B37879" t="s">
        <v>23488</v>
      </c>
      <c r="C37879" t="s">
        <v>23479</v>
      </c>
      <c r="D37879" t="s">
        <v>23480</v>
      </c>
      <c r="E37879" t="s">
        <v>23481</v>
      </c>
      <c r="F37879" t="s">
        <v>23482</v>
      </c>
      <c r="G37879" t="s">
        <v>11612</v>
      </c>
      <c r="H37879" t="s">
        <v>11613</v>
      </c>
      <c r="I37879" s="2">
        <v>0</v>
      </c>
      <c r="J37879" s="2">
        <v>0</v>
      </c>
      <c r="K37879" s="2">
        <v>1</v>
      </c>
      <c r="L37879" t="s">
        <v>995</v>
      </c>
      <c r="M37879" t="s">
        <v>87</v>
      </c>
      <c r="N37879" t="s">
        <v>88</v>
      </c>
      <c r="O37879" t="s">
        <v>85</v>
      </c>
      <c r="P37879" t="s">
        <v>86</v>
      </c>
      <c r="Q37879">
        <v>52</v>
      </c>
      <c r="R37879">
        <v>53</v>
      </c>
      <c r="S37879">
        <v>53</v>
      </c>
      <c r="T37879">
        <v>54</v>
      </c>
      <c r="U37879">
        <v>55</v>
      </c>
      <c r="V37879">
        <v>56</v>
      </c>
      <c r="W37879">
        <v>57</v>
      </c>
      <c r="X37879">
        <v>57</v>
      </c>
      <c r="Y37879">
        <v>58</v>
      </c>
      <c r="Z37879">
        <v>59</v>
      </c>
      <c r="AA37879">
        <v>60</v>
      </c>
      <c r="AB37879">
        <v>61</v>
      </c>
      <c r="AC37879">
        <v>62</v>
      </c>
      <c r="AD37879">
        <v>63</v>
      </c>
      <c r="AE37879">
        <v>64</v>
      </c>
      <c r="AF37879">
        <v>65</v>
      </c>
      <c r="AG37879">
        <v>66</v>
      </c>
      <c r="AH37879">
        <v>67</v>
      </c>
      <c r="AI37879">
        <v>68</v>
      </c>
      <c r="AJ37879">
        <v>69</v>
      </c>
      <c r="AK37879">
        <v>70</v>
      </c>
      <c r="AL37879">
        <v>71</v>
      </c>
      <c r="AM37879">
        <v>72</v>
      </c>
      <c r="AN37879">
        <v>73</v>
      </c>
      <c r="AO37879">
        <v>74</v>
      </c>
      <c r="AP37879">
        <v>75</v>
      </c>
      <c r="AQ37879">
        <v>76</v>
      </c>
    </row>
    <row r="37880" spans="1:43">
      <c r="A37880" t="s">
        <v>23487</v>
      </c>
      <c r="B37880" t="s">
        <v>23488</v>
      </c>
      <c r="C37880" t="s">
        <v>23479</v>
      </c>
      <c r="D37880" t="s">
        <v>23480</v>
      </c>
      <c r="E37880" t="s">
        <v>23481</v>
      </c>
      <c r="F37880" t="s">
        <v>23482</v>
      </c>
      <c r="G37880" t="s">
        <v>11612</v>
      </c>
      <c r="H37880" t="s">
        <v>11613</v>
      </c>
      <c r="I37880" s="2">
        <v>0</v>
      </c>
      <c r="J37880" s="2">
        <v>0</v>
      </c>
      <c r="K37880" s="2">
        <v>1</v>
      </c>
      <c r="L37880" t="s">
        <v>995</v>
      </c>
      <c r="M37880" t="s">
        <v>89</v>
      </c>
      <c r="N37880" t="s">
        <v>90</v>
      </c>
      <c r="O37880" t="s">
        <v>85</v>
      </c>
      <c r="P37880" t="s">
        <v>86</v>
      </c>
      <c r="Q37880">
        <v>52</v>
      </c>
      <c r="R37880">
        <v>53</v>
      </c>
      <c r="S37880">
        <v>55</v>
      </c>
      <c r="T37880">
        <v>57</v>
      </c>
      <c r="U37880">
        <v>59</v>
      </c>
      <c r="V37880">
        <v>61</v>
      </c>
      <c r="W37880">
        <v>62</v>
      </c>
      <c r="X37880">
        <v>64</v>
      </c>
      <c r="Y37880">
        <v>66</v>
      </c>
      <c r="Z37880">
        <v>68</v>
      </c>
      <c r="AA37880">
        <v>69</v>
      </c>
      <c r="AB37880">
        <v>71</v>
      </c>
      <c r="AC37880">
        <v>73</v>
      </c>
      <c r="AD37880">
        <v>75</v>
      </c>
      <c r="AE37880">
        <v>76</v>
      </c>
      <c r="AF37880">
        <v>77</v>
      </c>
      <c r="AG37880">
        <v>78</v>
      </c>
      <c r="AH37880">
        <v>79</v>
      </c>
      <c r="AI37880">
        <v>80</v>
      </c>
      <c r="AJ37880">
        <v>81</v>
      </c>
      <c r="AK37880">
        <v>82</v>
      </c>
      <c r="AL37880">
        <v>83</v>
      </c>
      <c r="AM37880">
        <v>83</v>
      </c>
      <c r="AN37880">
        <v>84</v>
      </c>
      <c r="AO37880">
        <v>85</v>
      </c>
      <c r="AP37880">
        <v>86</v>
      </c>
      <c r="AQ37880">
        <v>87</v>
      </c>
    </row>
    <row r="37881" spans="1:43">
      <c r="A37881" t="s">
        <v>23487</v>
      </c>
      <c r="B37881" t="s">
        <v>23488</v>
      </c>
      <c r="C37881" t="s">
        <v>23479</v>
      </c>
      <c r="D37881" t="s">
        <v>23480</v>
      </c>
      <c r="E37881" t="s">
        <v>23481</v>
      </c>
      <c r="F37881" t="s">
        <v>23482</v>
      </c>
      <c r="G37881" t="s">
        <v>11612</v>
      </c>
      <c r="H37881" t="s">
        <v>11613</v>
      </c>
      <c r="I37881" s="2">
        <v>0</v>
      </c>
      <c r="J37881" s="2">
        <v>0</v>
      </c>
      <c r="K37881" s="2">
        <v>1</v>
      </c>
      <c r="L37881" t="s">
        <v>995</v>
      </c>
      <c r="M37881" t="s">
        <v>83</v>
      </c>
      <c r="N37881" t="s">
        <v>91</v>
      </c>
      <c r="O37881" t="s">
        <v>85</v>
      </c>
      <c r="P37881" t="s">
        <v>86</v>
      </c>
      <c r="Q37881">
        <v>52</v>
      </c>
      <c r="R37881">
        <v>54</v>
      </c>
      <c r="S37881">
        <v>55</v>
      </c>
      <c r="T37881">
        <v>56</v>
      </c>
      <c r="U37881">
        <v>57</v>
      </c>
      <c r="V37881">
        <v>59</v>
      </c>
      <c r="W37881">
        <v>60</v>
      </c>
      <c r="X37881">
        <v>62</v>
      </c>
      <c r="Y37881">
        <v>63</v>
      </c>
      <c r="Z37881">
        <v>65</v>
      </c>
      <c r="AA37881">
        <v>66</v>
      </c>
      <c r="AB37881">
        <v>68</v>
      </c>
      <c r="AC37881">
        <v>69</v>
      </c>
      <c r="AD37881">
        <v>71</v>
      </c>
      <c r="AE37881">
        <v>72</v>
      </c>
      <c r="AF37881">
        <v>74</v>
      </c>
      <c r="AG37881">
        <v>75</v>
      </c>
      <c r="AH37881">
        <v>77</v>
      </c>
      <c r="AI37881">
        <v>79</v>
      </c>
      <c r="AJ37881">
        <v>80</v>
      </c>
      <c r="AK37881">
        <v>82</v>
      </c>
      <c r="AL37881">
        <v>83</v>
      </c>
      <c r="AM37881">
        <v>84</v>
      </c>
      <c r="AN37881">
        <v>85</v>
      </c>
      <c r="AO37881">
        <v>86</v>
      </c>
      <c r="AP37881">
        <v>87</v>
      </c>
      <c r="AQ37881">
        <v>88</v>
      </c>
    </row>
    <row r="37882" spans="1:43">
      <c r="A37882" t="s">
        <v>23489</v>
      </c>
      <c r="B37882" t="s">
        <v>23490</v>
      </c>
      <c r="C37882" t="s">
        <v>23491</v>
      </c>
      <c r="D37882" t="s">
        <v>23492</v>
      </c>
      <c r="E37882" t="s">
        <v>23481</v>
      </c>
      <c r="F37882" t="s">
        <v>23482</v>
      </c>
      <c r="G37882" t="s">
        <v>11612</v>
      </c>
      <c r="H37882" t="s">
        <v>11613</v>
      </c>
      <c r="I37882" s="2">
        <v>0</v>
      </c>
      <c r="J37882" s="2">
        <v>0</v>
      </c>
      <c r="K37882" s="2">
        <v>1</v>
      </c>
      <c r="L37882" t="s">
        <v>995</v>
      </c>
      <c r="M37882" t="s">
        <v>83</v>
      </c>
      <c r="N37882" t="s">
        <v>84</v>
      </c>
      <c r="O37882" t="s">
        <v>85</v>
      </c>
      <c r="P37882" t="s">
        <v>86</v>
      </c>
      <c r="Q37882">
        <v>39</v>
      </c>
      <c r="R37882">
        <v>40</v>
      </c>
      <c r="S37882">
        <v>41</v>
      </c>
      <c r="T37882">
        <v>42</v>
      </c>
      <c r="U37882">
        <v>43</v>
      </c>
      <c r="V37882">
        <v>44</v>
      </c>
      <c r="W37882">
        <v>46</v>
      </c>
      <c r="X37882">
        <v>47</v>
      </c>
      <c r="Y37882">
        <v>48</v>
      </c>
      <c r="Z37882">
        <v>49</v>
      </c>
      <c r="AA37882">
        <v>50</v>
      </c>
      <c r="AB37882">
        <v>51</v>
      </c>
      <c r="AC37882">
        <v>52</v>
      </c>
      <c r="AD37882">
        <v>53</v>
      </c>
      <c r="AE37882">
        <v>54</v>
      </c>
      <c r="AF37882">
        <v>56</v>
      </c>
      <c r="AG37882">
        <v>57</v>
      </c>
      <c r="AH37882">
        <v>58</v>
      </c>
      <c r="AI37882">
        <v>59</v>
      </c>
      <c r="AJ37882">
        <v>61</v>
      </c>
      <c r="AK37882">
        <v>62</v>
      </c>
      <c r="AL37882">
        <v>63</v>
      </c>
      <c r="AM37882">
        <v>63</v>
      </c>
      <c r="AN37882">
        <v>64</v>
      </c>
      <c r="AO37882">
        <v>65</v>
      </c>
      <c r="AP37882">
        <v>66</v>
      </c>
      <c r="AQ37882">
        <v>66</v>
      </c>
    </row>
    <row r="37883" spans="1:43">
      <c r="A37883" t="s">
        <v>23489</v>
      </c>
      <c r="B37883" t="s">
        <v>23490</v>
      </c>
      <c r="C37883" t="s">
        <v>23491</v>
      </c>
      <c r="D37883" t="s">
        <v>23492</v>
      </c>
      <c r="E37883" t="s">
        <v>23481</v>
      </c>
      <c r="F37883" t="s">
        <v>23482</v>
      </c>
      <c r="G37883" t="s">
        <v>11612</v>
      </c>
      <c r="H37883" t="s">
        <v>11613</v>
      </c>
      <c r="I37883" s="2">
        <v>0</v>
      </c>
      <c r="J37883" s="2">
        <v>0</v>
      </c>
      <c r="K37883" s="2">
        <v>1</v>
      </c>
      <c r="L37883" t="s">
        <v>995</v>
      </c>
      <c r="M37883" t="s">
        <v>87</v>
      </c>
      <c r="N37883" t="s">
        <v>88</v>
      </c>
      <c r="O37883" t="s">
        <v>85</v>
      </c>
      <c r="P37883" t="s">
        <v>86</v>
      </c>
      <c r="Q37883">
        <v>39</v>
      </c>
      <c r="R37883">
        <v>40</v>
      </c>
      <c r="S37883">
        <v>40</v>
      </c>
      <c r="T37883">
        <v>41</v>
      </c>
      <c r="U37883">
        <v>42</v>
      </c>
      <c r="V37883">
        <v>42</v>
      </c>
      <c r="W37883">
        <v>43</v>
      </c>
      <c r="X37883">
        <v>43</v>
      </c>
      <c r="Y37883">
        <v>44</v>
      </c>
      <c r="Z37883">
        <v>45</v>
      </c>
      <c r="AA37883">
        <v>45</v>
      </c>
      <c r="AB37883">
        <v>46</v>
      </c>
      <c r="AC37883">
        <v>47</v>
      </c>
      <c r="AD37883">
        <v>48</v>
      </c>
      <c r="AE37883">
        <v>48</v>
      </c>
      <c r="AF37883">
        <v>49</v>
      </c>
      <c r="AG37883">
        <v>50</v>
      </c>
      <c r="AH37883">
        <v>50</v>
      </c>
      <c r="AI37883">
        <v>51</v>
      </c>
      <c r="AJ37883">
        <v>52</v>
      </c>
      <c r="AK37883">
        <v>53</v>
      </c>
      <c r="AL37883">
        <v>53</v>
      </c>
      <c r="AM37883">
        <v>54</v>
      </c>
      <c r="AN37883">
        <v>55</v>
      </c>
      <c r="AO37883">
        <v>56</v>
      </c>
      <c r="AP37883">
        <v>57</v>
      </c>
      <c r="AQ37883">
        <v>57</v>
      </c>
    </row>
    <row r="37884" spans="1:43">
      <c r="A37884" t="s">
        <v>23489</v>
      </c>
      <c r="B37884" t="s">
        <v>23490</v>
      </c>
      <c r="C37884" t="s">
        <v>23491</v>
      </c>
      <c r="D37884" t="s">
        <v>23492</v>
      </c>
      <c r="E37884" t="s">
        <v>23481</v>
      </c>
      <c r="F37884" t="s">
        <v>23482</v>
      </c>
      <c r="G37884" t="s">
        <v>11612</v>
      </c>
      <c r="H37884" t="s">
        <v>11613</v>
      </c>
      <c r="I37884" s="2">
        <v>0</v>
      </c>
      <c r="J37884" s="2">
        <v>0</v>
      </c>
      <c r="K37884" s="2">
        <v>1</v>
      </c>
      <c r="L37884" t="s">
        <v>995</v>
      </c>
      <c r="M37884" t="s">
        <v>89</v>
      </c>
      <c r="N37884" t="s">
        <v>90</v>
      </c>
      <c r="O37884" t="s">
        <v>85</v>
      </c>
      <c r="P37884" t="s">
        <v>86</v>
      </c>
      <c r="Q37884">
        <v>39</v>
      </c>
      <c r="R37884">
        <v>40</v>
      </c>
      <c r="S37884">
        <v>41</v>
      </c>
      <c r="T37884">
        <v>43</v>
      </c>
      <c r="U37884">
        <v>44</v>
      </c>
      <c r="V37884">
        <v>46</v>
      </c>
      <c r="W37884">
        <v>47</v>
      </c>
      <c r="X37884">
        <v>48</v>
      </c>
      <c r="Y37884">
        <v>50</v>
      </c>
      <c r="Z37884">
        <v>51</v>
      </c>
      <c r="AA37884">
        <v>52</v>
      </c>
      <c r="AB37884">
        <v>54</v>
      </c>
      <c r="AC37884">
        <v>55</v>
      </c>
      <c r="AD37884">
        <v>56</v>
      </c>
      <c r="AE37884">
        <v>57</v>
      </c>
      <c r="AF37884">
        <v>58</v>
      </c>
      <c r="AG37884">
        <v>59</v>
      </c>
      <c r="AH37884">
        <v>59</v>
      </c>
      <c r="AI37884">
        <v>60</v>
      </c>
      <c r="AJ37884">
        <v>61</v>
      </c>
      <c r="AK37884">
        <v>62</v>
      </c>
      <c r="AL37884">
        <v>62</v>
      </c>
      <c r="AM37884">
        <v>63</v>
      </c>
      <c r="AN37884">
        <v>64</v>
      </c>
      <c r="AO37884">
        <v>64</v>
      </c>
      <c r="AP37884">
        <v>65</v>
      </c>
      <c r="AQ37884">
        <v>66</v>
      </c>
    </row>
    <row r="37885" spans="1:43">
      <c r="A37885" t="s">
        <v>23489</v>
      </c>
      <c r="B37885" t="s">
        <v>23490</v>
      </c>
      <c r="C37885" t="s">
        <v>23491</v>
      </c>
      <c r="D37885" t="s">
        <v>23492</v>
      </c>
      <c r="E37885" t="s">
        <v>23481</v>
      </c>
      <c r="F37885" t="s">
        <v>23482</v>
      </c>
      <c r="G37885" t="s">
        <v>11612</v>
      </c>
      <c r="H37885" t="s">
        <v>11613</v>
      </c>
      <c r="I37885" s="2">
        <v>0</v>
      </c>
      <c r="J37885" s="2">
        <v>0</v>
      </c>
      <c r="K37885" s="2">
        <v>1</v>
      </c>
      <c r="L37885" t="s">
        <v>995</v>
      </c>
      <c r="M37885" t="s">
        <v>83</v>
      </c>
      <c r="N37885" t="s">
        <v>91</v>
      </c>
      <c r="O37885" t="s">
        <v>85</v>
      </c>
      <c r="P37885" t="s">
        <v>86</v>
      </c>
      <c r="Q37885">
        <v>39</v>
      </c>
      <c r="R37885">
        <v>40</v>
      </c>
      <c r="S37885">
        <v>41</v>
      </c>
      <c r="T37885">
        <v>42</v>
      </c>
      <c r="U37885">
        <v>43</v>
      </c>
      <c r="V37885">
        <v>44</v>
      </c>
      <c r="W37885">
        <v>46</v>
      </c>
      <c r="X37885">
        <v>47</v>
      </c>
      <c r="Y37885">
        <v>48</v>
      </c>
      <c r="Z37885">
        <v>49</v>
      </c>
      <c r="AA37885">
        <v>50</v>
      </c>
      <c r="AB37885">
        <v>51</v>
      </c>
      <c r="AC37885">
        <v>52</v>
      </c>
      <c r="AD37885">
        <v>53</v>
      </c>
      <c r="AE37885">
        <v>54</v>
      </c>
      <c r="AF37885">
        <v>56</v>
      </c>
      <c r="AG37885">
        <v>57</v>
      </c>
      <c r="AH37885">
        <v>58</v>
      </c>
      <c r="AI37885">
        <v>59</v>
      </c>
      <c r="AJ37885">
        <v>61</v>
      </c>
      <c r="AK37885">
        <v>62</v>
      </c>
      <c r="AL37885">
        <v>63</v>
      </c>
      <c r="AM37885">
        <v>63</v>
      </c>
      <c r="AN37885">
        <v>64</v>
      </c>
      <c r="AO37885">
        <v>65</v>
      </c>
      <c r="AP37885">
        <v>66</v>
      </c>
      <c r="AQ37885">
        <v>66</v>
      </c>
    </row>
    <row r="37886" spans="1:43">
      <c r="A37886" t="s">
        <v>23493</v>
      </c>
      <c r="B37886" t="s">
        <v>23494</v>
      </c>
      <c r="C37886" t="s">
        <v>23491</v>
      </c>
      <c r="D37886" t="s">
        <v>23492</v>
      </c>
      <c r="E37886" t="s">
        <v>23481</v>
      </c>
      <c r="F37886" t="s">
        <v>23482</v>
      </c>
      <c r="G37886" t="s">
        <v>11612</v>
      </c>
      <c r="H37886" t="s">
        <v>11613</v>
      </c>
      <c r="I37886" s="2">
        <v>0</v>
      </c>
      <c r="J37886" s="2">
        <v>0</v>
      </c>
      <c r="K37886" s="2">
        <v>1</v>
      </c>
      <c r="L37886" t="s">
        <v>995</v>
      </c>
      <c r="M37886" t="s">
        <v>83</v>
      </c>
      <c r="N37886" t="s">
        <v>84</v>
      </c>
      <c r="O37886" t="s">
        <v>85</v>
      </c>
      <c r="P37886" t="s">
        <v>86</v>
      </c>
      <c r="Q37886">
        <v>18</v>
      </c>
      <c r="R37886">
        <v>19</v>
      </c>
      <c r="S37886">
        <v>19</v>
      </c>
      <c r="T37886">
        <v>19</v>
      </c>
      <c r="U37886">
        <v>20</v>
      </c>
      <c r="V37886">
        <v>20</v>
      </c>
      <c r="W37886">
        <v>21</v>
      </c>
      <c r="X37886">
        <v>21</v>
      </c>
      <c r="Y37886">
        <v>22</v>
      </c>
      <c r="Z37886">
        <v>22</v>
      </c>
      <c r="AA37886">
        <v>23</v>
      </c>
      <c r="AB37886">
        <v>23</v>
      </c>
      <c r="AC37886">
        <v>24</v>
      </c>
      <c r="AD37886">
        <v>24</v>
      </c>
      <c r="AE37886">
        <v>25</v>
      </c>
      <c r="AF37886">
        <v>25</v>
      </c>
      <c r="AG37886">
        <v>26</v>
      </c>
      <c r="AH37886">
        <v>26</v>
      </c>
      <c r="AI37886">
        <v>27</v>
      </c>
      <c r="AJ37886">
        <v>28</v>
      </c>
      <c r="AK37886">
        <v>28</v>
      </c>
      <c r="AL37886">
        <v>29</v>
      </c>
      <c r="AM37886">
        <v>29</v>
      </c>
      <c r="AN37886">
        <v>29</v>
      </c>
      <c r="AO37886">
        <v>30</v>
      </c>
      <c r="AP37886">
        <v>30</v>
      </c>
      <c r="AQ37886">
        <v>30</v>
      </c>
    </row>
    <row r="37887" spans="1:43">
      <c r="A37887" t="s">
        <v>23493</v>
      </c>
      <c r="B37887" t="s">
        <v>23494</v>
      </c>
      <c r="C37887" t="s">
        <v>23491</v>
      </c>
      <c r="D37887" t="s">
        <v>23492</v>
      </c>
      <c r="E37887" t="s">
        <v>23481</v>
      </c>
      <c r="F37887" t="s">
        <v>23482</v>
      </c>
      <c r="G37887" t="s">
        <v>11612</v>
      </c>
      <c r="H37887" t="s">
        <v>11613</v>
      </c>
      <c r="I37887" s="2">
        <v>0</v>
      </c>
      <c r="J37887" s="2">
        <v>0</v>
      </c>
      <c r="K37887" s="2">
        <v>1</v>
      </c>
      <c r="L37887" t="s">
        <v>995</v>
      </c>
      <c r="M37887" t="s">
        <v>87</v>
      </c>
      <c r="N37887" t="s">
        <v>88</v>
      </c>
      <c r="O37887" t="s">
        <v>85</v>
      </c>
      <c r="P37887" t="s">
        <v>86</v>
      </c>
      <c r="Q37887">
        <v>18</v>
      </c>
      <c r="R37887">
        <v>18</v>
      </c>
      <c r="S37887">
        <v>18</v>
      </c>
      <c r="T37887">
        <v>19</v>
      </c>
      <c r="U37887">
        <v>19</v>
      </c>
      <c r="V37887">
        <v>19</v>
      </c>
      <c r="W37887">
        <v>20</v>
      </c>
      <c r="X37887">
        <v>20</v>
      </c>
      <c r="Y37887">
        <v>20</v>
      </c>
      <c r="Z37887">
        <v>20</v>
      </c>
      <c r="AA37887">
        <v>21</v>
      </c>
      <c r="AB37887">
        <v>21</v>
      </c>
      <c r="AC37887">
        <v>21</v>
      </c>
      <c r="AD37887">
        <v>22</v>
      </c>
      <c r="AE37887">
        <v>22</v>
      </c>
      <c r="AF37887">
        <v>22</v>
      </c>
      <c r="AG37887">
        <v>23</v>
      </c>
      <c r="AH37887">
        <v>23</v>
      </c>
      <c r="AI37887">
        <v>23</v>
      </c>
      <c r="AJ37887">
        <v>24</v>
      </c>
      <c r="AK37887">
        <v>24</v>
      </c>
      <c r="AL37887">
        <v>24</v>
      </c>
      <c r="AM37887">
        <v>25</v>
      </c>
      <c r="AN37887">
        <v>25</v>
      </c>
      <c r="AO37887">
        <v>25</v>
      </c>
      <c r="AP37887">
        <v>26</v>
      </c>
      <c r="AQ37887">
        <v>26</v>
      </c>
    </row>
    <row r="37888" spans="1:43">
      <c r="A37888" t="s">
        <v>23493</v>
      </c>
      <c r="B37888" t="s">
        <v>23494</v>
      </c>
      <c r="C37888" t="s">
        <v>23491</v>
      </c>
      <c r="D37888" t="s">
        <v>23492</v>
      </c>
      <c r="E37888" t="s">
        <v>23481</v>
      </c>
      <c r="F37888" t="s">
        <v>23482</v>
      </c>
      <c r="G37888" t="s">
        <v>11612</v>
      </c>
      <c r="H37888" t="s">
        <v>11613</v>
      </c>
      <c r="I37888" s="2">
        <v>0</v>
      </c>
      <c r="J37888" s="2">
        <v>0</v>
      </c>
      <c r="K37888" s="2">
        <v>1</v>
      </c>
      <c r="L37888" t="s">
        <v>995</v>
      </c>
      <c r="M37888" t="s">
        <v>89</v>
      </c>
      <c r="N37888" t="s">
        <v>90</v>
      </c>
      <c r="O37888" t="s">
        <v>85</v>
      </c>
      <c r="P37888" t="s">
        <v>86</v>
      </c>
      <c r="Q37888">
        <v>18</v>
      </c>
      <c r="R37888">
        <v>19</v>
      </c>
      <c r="S37888">
        <v>19</v>
      </c>
      <c r="T37888">
        <v>20</v>
      </c>
      <c r="U37888">
        <v>21</v>
      </c>
      <c r="V37888">
        <v>21</v>
      </c>
      <c r="W37888">
        <v>22</v>
      </c>
      <c r="X37888">
        <v>22</v>
      </c>
      <c r="Y37888">
        <v>23</v>
      </c>
      <c r="Z37888">
        <v>24</v>
      </c>
      <c r="AA37888">
        <v>24</v>
      </c>
      <c r="AB37888">
        <v>25</v>
      </c>
      <c r="AC37888">
        <v>26</v>
      </c>
      <c r="AD37888">
        <v>26</v>
      </c>
      <c r="AE37888">
        <v>27</v>
      </c>
      <c r="AF37888">
        <v>27</v>
      </c>
      <c r="AG37888">
        <v>27</v>
      </c>
      <c r="AH37888">
        <v>28</v>
      </c>
      <c r="AI37888">
        <v>28</v>
      </c>
      <c r="AJ37888">
        <v>28</v>
      </c>
      <c r="AK37888">
        <v>28</v>
      </c>
      <c r="AL37888">
        <v>29</v>
      </c>
      <c r="AM37888">
        <v>29</v>
      </c>
      <c r="AN37888">
        <v>29</v>
      </c>
      <c r="AO37888">
        <v>30</v>
      </c>
      <c r="AP37888">
        <v>30</v>
      </c>
      <c r="AQ37888">
        <v>30</v>
      </c>
    </row>
    <row r="37889" spans="1:43">
      <c r="A37889" t="s">
        <v>23493</v>
      </c>
      <c r="B37889" t="s">
        <v>23494</v>
      </c>
      <c r="C37889" t="s">
        <v>23491</v>
      </c>
      <c r="D37889" t="s">
        <v>23492</v>
      </c>
      <c r="E37889" t="s">
        <v>23481</v>
      </c>
      <c r="F37889" t="s">
        <v>23482</v>
      </c>
      <c r="G37889" t="s">
        <v>11612</v>
      </c>
      <c r="H37889" t="s">
        <v>11613</v>
      </c>
      <c r="I37889" s="2">
        <v>0</v>
      </c>
      <c r="J37889" s="2">
        <v>0</v>
      </c>
      <c r="K37889" s="2">
        <v>1</v>
      </c>
      <c r="L37889" t="s">
        <v>995</v>
      </c>
      <c r="M37889" t="s">
        <v>83</v>
      </c>
      <c r="N37889" t="s">
        <v>91</v>
      </c>
      <c r="O37889" t="s">
        <v>85</v>
      </c>
      <c r="P37889" t="s">
        <v>86</v>
      </c>
      <c r="Q37889">
        <v>18</v>
      </c>
      <c r="R37889">
        <v>19</v>
      </c>
      <c r="S37889">
        <v>19</v>
      </c>
      <c r="T37889">
        <v>19</v>
      </c>
      <c r="U37889">
        <v>20</v>
      </c>
      <c r="V37889">
        <v>20</v>
      </c>
      <c r="W37889">
        <v>21</v>
      </c>
      <c r="X37889">
        <v>21</v>
      </c>
      <c r="Y37889">
        <v>22</v>
      </c>
      <c r="Z37889">
        <v>22</v>
      </c>
      <c r="AA37889">
        <v>23</v>
      </c>
      <c r="AB37889">
        <v>23</v>
      </c>
      <c r="AC37889">
        <v>24</v>
      </c>
      <c r="AD37889">
        <v>24</v>
      </c>
      <c r="AE37889">
        <v>25</v>
      </c>
      <c r="AF37889">
        <v>25</v>
      </c>
      <c r="AG37889">
        <v>26</v>
      </c>
      <c r="AH37889">
        <v>26</v>
      </c>
      <c r="AI37889">
        <v>27</v>
      </c>
      <c r="AJ37889">
        <v>28</v>
      </c>
      <c r="AK37889">
        <v>28</v>
      </c>
      <c r="AL37889">
        <v>29</v>
      </c>
      <c r="AM37889">
        <v>29</v>
      </c>
      <c r="AN37889">
        <v>29</v>
      </c>
      <c r="AO37889">
        <v>30</v>
      </c>
      <c r="AP37889">
        <v>30</v>
      </c>
      <c r="AQ37889">
        <v>30</v>
      </c>
    </row>
    <row r="37890" spans="1:43">
      <c r="A37890" t="s">
        <v>23495</v>
      </c>
      <c r="B37890" t="s">
        <v>23496</v>
      </c>
      <c r="C37890" t="s">
        <v>23491</v>
      </c>
      <c r="D37890" t="s">
        <v>23492</v>
      </c>
      <c r="E37890" t="s">
        <v>23481</v>
      </c>
      <c r="F37890" t="s">
        <v>23482</v>
      </c>
      <c r="G37890" t="s">
        <v>11612</v>
      </c>
      <c r="H37890" t="s">
        <v>11613</v>
      </c>
      <c r="I37890" s="2">
        <v>0</v>
      </c>
      <c r="J37890" s="2">
        <v>0</v>
      </c>
      <c r="K37890" s="2">
        <v>1</v>
      </c>
      <c r="L37890" t="s">
        <v>995</v>
      </c>
      <c r="M37890" t="s">
        <v>83</v>
      </c>
      <c r="N37890" t="s">
        <v>84</v>
      </c>
      <c r="O37890" t="s">
        <v>85</v>
      </c>
      <c r="P37890" t="s">
        <v>86</v>
      </c>
      <c r="Q37890">
        <v>27</v>
      </c>
      <c r="R37890">
        <v>27</v>
      </c>
      <c r="S37890">
        <v>28</v>
      </c>
      <c r="T37890">
        <v>29</v>
      </c>
      <c r="U37890">
        <v>29</v>
      </c>
      <c r="V37890">
        <v>30</v>
      </c>
      <c r="W37890">
        <v>31</v>
      </c>
      <c r="X37890">
        <v>32</v>
      </c>
      <c r="Y37890">
        <v>32</v>
      </c>
      <c r="Z37890">
        <v>33</v>
      </c>
      <c r="AA37890">
        <v>34</v>
      </c>
      <c r="AB37890">
        <v>35</v>
      </c>
      <c r="AC37890">
        <v>35</v>
      </c>
      <c r="AD37890">
        <v>36</v>
      </c>
      <c r="AE37890">
        <v>37</v>
      </c>
      <c r="AF37890">
        <v>38</v>
      </c>
      <c r="AG37890">
        <v>39</v>
      </c>
      <c r="AH37890">
        <v>40</v>
      </c>
      <c r="AI37890">
        <v>40</v>
      </c>
      <c r="AJ37890">
        <v>41</v>
      </c>
      <c r="AK37890">
        <v>42</v>
      </c>
      <c r="AL37890">
        <v>43</v>
      </c>
      <c r="AM37890">
        <v>43</v>
      </c>
      <c r="AN37890">
        <v>44</v>
      </c>
      <c r="AO37890">
        <v>44</v>
      </c>
      <c r="AP37890">
        <v>45</v>
      </c>
      <c r="AQ37890">
        <v>45</v>
      </c>
    </row>
    <row r="37891" spans="1:43">
      <c r="A37891" t="s">
        <v>23495</v>
      </c>
      <c r="B37891" t="s">
        <v>23496</v>
      </c>
      <c r="C37891" t="s">
        <v>23491</v>
      </c>
      <c r="D37891" t="s">
        <v>23492</v>
      </c>
      <c r="E37891" t="s">
        <v>23481</v>
      </c>
      <c r="F37891" t="s">
        <v>23482</v>
      </c>
      <c r="G37891" t="s">
        <v>11612</v>
      </c>
      <c r="H37891" t="s">
        <v>11613</v>
      </c>
      <c r="I37891" s="2">
        <v>0</v>
      </c>
      <c r="J37891" s="2">
        <v>0</v>
      </c>
      <c r="K37891" s="2">
        <v>1</v>
      </c>
      <c r="L37891" t="s">
        <v>995</v>
      </c>
      <c r="M37891" t="s">
        <v>87</v>
      </c>
      <c r="N37891" t="s">
        <v>88</v>
      </c>
      <c r="O37891" t="s">
        <v>85</v>
      </c>
      <c r="P37891" t="s">
        <v>86</v>
      </c>
      <c r="Q37891">
        <v>27</v>
      </c>
      <c r="R37891">
        <v>27</v>
      </c>
      <c r="S37891">
        <v>27</v>
      </c>
      <c r="T37891">
        <v>28</v>
      </c>
      <c r="U37891">
        <v>28</v>
      </c>
      <c r="V37891">
        <v>29</v>
      </c>
      <c r="W37891">
        <v>29</v>
      </c>
      <c r="X37891">
        <v>29</v>
      </c>
      <c r="Y37891">
        <v>30</v>
      </c>
      <c r="Z37891">
        <v>30</v>
      </c>
      <c r="AA37891">
        <v>31</v>
      </c>
      <c r="AB37891">
        <v>31</v>
      </c>
      <c r="AC37891">
        <v>32</v>
      </c>
      <c r="AD37891">
        <v>32</v>
      </c>
      <c r="AE37891">
        <v>33</v>
      </c>
      <c r="AF37891">
        <v>33</v>
      </c>
      <c r="AG37891">
        <v>34</v>
      </c>
      <c r="AH37891">
        <v>34</v>
      </c>
      <c r="AI37891">
        <v>35</v>
      </c>
      <c r="AJ37891">
        <v>35</v>
      </c>
      <c r="AK37891">
        <v>36</v>
      </c>
      <c r="AL37891">
        <v>36</v>
      </c>
      <c r="AM37891">
        <v>37</v>
      </c>
      <c r="AN37891">
        <v>37</v>
      </c>
      <c r="AO37891">
        <v>38</v>
      </c>
      <c r="AP37891">
        <v>39</v>
      </c>
      <c r="AQ37891">
        <v>39</v>
      </c>
    </row>
    <row r="37892" spans="1:43">
      <c r="A37892" t="s">
        <v>23495</v>
      </c>
      <c r="B37892" t="s">
        <v>23496</v>
      </c>
      <c r="C37892" t="s">
        <v>23491</v>
      </c>
      <c r="D37892" t="s">
        <v>23492</v>
      </c>
      <c r="E37892" t="s">
        <v>23481</v>
      </c>
      <c r="F37892" t="s">
        <v>23482</v>
      </c>
      <c r="G37892" t="s">
        <v>11612</v>
      </c>
      <c r="H37892" t="s">
        <v>11613</v>
      </c>
      <c r="I37892" s="2">
        <v>0</v>
      </c>
      <c r="J37892" s="2">
        <v>0</v>
      </c>
      <c r="K37892" s="2">
        <v>1</v>
      </c>
      <c r="L37892" t="s">
        <v>995</v>
      </c>
      <c r="M37892" t="s">
        <v>89</v>
      </c>
      <c r="N37892" t="s">
        <v>90</v>
      </c>
      <c r="O37892" t="s">
        <v>85</v>
      </c>
      <c r="P37892" t="s">
        <v>86</v>
      </c>
      <c r="Q37892">
        <v>27</v>
      </c>
      <c r="R37892">
        <v>28</v>
      </c>
      <c r="S37892">
        <v>29</v>
      </c>
      <c r="T37892">
        <v>30</v>
      </c>
      <c r="U37892">
        <v>31</v>
      </c>
      <c r="V37892">
        <v>32</v>
      </c>
      <c r="W37892">
        <v>33</v>
      </c>
      <c r="X37892">
        <v>33</v>
      </c>
      <c r="Y37892">
        <v>34</v>
      </c>
      <c r="Z37892">
        <v>35</v>
      </c>
      <c r="AA37892">
        <v>36</v>
      </c>
      <c r="AB37892">
        <v>37</v>
      </c>
      <c r="AC37892">
        <v>38</v>
      </c>
      <c r="AD37892">
        <v>39</v>
      </c>
      <c r="AE37892">
        <v>40</v>
      </c>
      <c r="AF37892">
        <v>40</v>
      </c>
      <c r="AG37892">
        <v>41</v>
      </c>
      <c r="AH37892">
        <v>41</v>
      </c>
      <c r="AI37892">
        <v>42</v>
      </c>
      <c r="AJ37892">
        <v>42</v>
      </c>
      <c r="AK37892">
        <v>43</v>
      </c>
      <c r="AL37892">
        <v>43</v>
      </c>
      <c r="AM37892">
        <v>43</v>
      </c>
      <c r="AN37892">
        <v>44</v>
      </c>
      <c r="AO37892">
        <v>44</v>
      </c>
      <c r="AP37892">
        <v>45</v>
      </c>
      <c r="AQ37892">
        <v>45</v>
      </c>
    </row>
    <row r="37893" spans="1:43">
      <c r="A37893" t="s">
        <v>23495</v>
      </c>
      <c r="B37893" t="s">
        <v>23496</v>
      </c>
      <c r="C37893" t="s">
        <v>23491</v>
      </c>
      <c r="D37893" t="s">
        <v>23492</v>
      </c>
      <c r="E37893" t="s">
        <v>23481</v>
      </c>
      <c r="F37893" t="s">
        <v>23482</v>
      </c>
      <c r="G37893" t="s">
        <v>11612</v>
      </c>
      <c r="H37893" t="s">
        <v>11613</v>
      </c>
      <c r="I37893" s="2">
        <v>0</v>
      </c>
      <c r="J37893" s="2">
        <v>0</v>
      </c>
      <c r="K37893" s="2">
        <v>1</v>
      </c>
      <c r="L37893" t="s">
        <v>995</v>
      </c>
      <c r="M37893" t="s">
        <v>83</v>
      </c>
      <c r="N37893" t="s">
        <v>91</v>
      </c>
      <c r="O37893" t="s">
        <v>85</v>
      </c>
      <c r="P37893" t="s">
        <v>86</v>
      </c>
      <c r="Q37893">
        <v>27</v>
      </c>
      <c r="R37893">
        <v>27</v>
      </c>
      <c r="S37893">
        <v>28</v>
      </c>
      <c r="T37893">
        <v>29</v>
      </c>
      <c r="U37893">
        <v>29</v>
      </c>
      <c r="V37893">
        <v>30</v>
      </c>
      <c r="W37893">
        <v>31</v>
      </c>
      <c r="X37893">
        <v>32</v>
      </c>
      <c r="Y37893">
        <v>32</v>
      </c>
      <c r="Z37893">
        <v>33</v>
      </c>
      <c r="AA37893">
        <v>34</v>
      </c>
      <c r="AB37893">
        <v>35</v>
      </c>
      <c r="AC37893">
        <v>35</v>
      </c>
      <c r="AD37893">
        <v>36</v>
      </c>
      <c r="AE37893">
        <v>37</v>
      </c>
      <c r="AF37893">
        <v>38</v>
      </c>
      <c r="AG37893">
        <v>39</v>
      </c>
      <c r="AH37893">
        <v>40</v>
      </c>
      <c r="AI37893">
        <v>40</v>
      </c>
      <c r="AJ37893">
        <v>41</v>
      </c>
      <c r="AK37893">
        <v>42</v>
      </c>
      <c r="AL37893">
        <v>43</v>
      </c>
      <c r="AM37893">
        <v>43</v>
      </c>
      <c r="AN37893">
        <v>44</v>
      </c>
      <c r="AO37893">
        <v>44</v>
      </c>
      <c r="AP37893">
        <v>45</v>
      </c>
      <c r="AQ37893">
        <v>45</v>
      </c>
    </row>
    <row r="37894" spans="1:43">
      <c r="A37894" t="s">
        <v>23497</v>
      </c>
      <c r="B37894" t="s">
        <v>23498</v>
      </c>
      <c r="C37894" t="s">
        <v>23491</v>
      </c>
      <c r="D37894" t="s">
        <v>23492</v>
      </c>
      <c r="E37894" t="s">
        <v>23481</v>
      </c>
      <c r="F37894" t="s">
        <v>23482</v>
      </c>
      <c r="G37894" t="s">
        <v>11612</v>
      </c>
      <c r="H37894" t="s">
        <v>11613</v>
      </c>
      <c r="I37894" s="2">
        <v>0</v>
      </c>
      <c r="J37894" s="2">
        <v>0</v>
      </c>
      <c r="K37894" s="2">
        <v>1</v>
      </c>
      <c r="L37894" t="s">
        <v>995</v>
      </c>
      <c r="M37894" t="s">
        <v>83</v>
      </c>
      <c r="N37894" t="s">
        <v>84</v>
      </c>
      <c r="O37894" t="s">
        <v>85</v>
      </c>
      <c r="P37894" t="s">
        <v>86</v>
      </c>
      <c r="Q37894">
        <v>46</v>
      </c>
      <c r="R37894">
        <v>47</v>
      </c>
      <c r="S37894">
        <v>49</v>
      </c>
      <c r="T37894">
        <v>50</v>
      </c>
      <c r="U37894">
        <v>51</v>
      </c>
      <c r="V37894">
        <v>52</v>
      </c>
      <c r="W37894">
        <v>53</v>
      </c>
      <c r="X37894">
        <v>55</v>
      </c>
      <c r="Y37894">
        <v>56</v>
      </c>
      <c r="Z37894">
        <v>57</v>
      </c>
      <c r="AA37894">
        <v>59</v>
      </c>
      <c r="AB37894">
        <v>60</v>
      </c>
      <c r="AC37894">
        <v>61</v>
      </c>
      <c r="AD37894">
        <v>63</v>
      </c>
      <c r="AE37894">
        <v>64</v>
      </c>
      <c r="AF37894">
        <v>65</v>
      </c>
      <c r="AG37894">
        <v>67</v>
      </c>
      <c r="AH37894">
        <v>68</v>
      </c>
      <c r="AI37894">
        <v>70</v>
      </c>
      <c r="AJ37894">
        <v>71</v>
      </c>
      <c r="AK37894">
        <v>73</v>
      </c>
      <c r="AL37894">
        <v>74</v>
      </c>
      <c r="AM37894">
        <v>74</v>
      </c>
      <c r="AN37894">
        <v>75</v>
      </c>
      <c r="AO37894">
        <v>76</v>
      </c>
      <c r="AP37894">
        <v>77</v>
      </c>
      <c r="AQ37894">
        <v>78</v>
      </c>
    </row>
    <row r="37895" spans="1:43">
      <c r="A37895" t="s">
        <v>23497</v>
      </c>
      <c r="B37895" t="s">
        <v>23498</v>
      </c>
      <c r="C37895" t="s">
        <v>23491</v>
      </c>
      <c r="D37895" t="s">
        <v>23492</v>
      </c>
      <c r="E37895" t="s">
        <v>23481</v>
      </c>
      <c r="F37895" t="s">
        <v>23482</v>
      </c>
      <c r="G37895" t="s">
        <v>11612</v>
      </c>
      <c r="H37895" t="s">
        <v>11613</v>
      </c>
      <c r="I37895" s="2">
        <v>0</v>
      </c>
      <c r="J37895" s="2">
        <v>0</v>
      </c>
      <c r="K37895" s="2">
        <v>1</v>
      </c>
      <c r="L37895" t="s">
        <v>995</v>
      </c>
      <c r="M37895" t="s">
        <v>87</v>
      </c>
      <c r="N37895" t="s">
        <v>88</v>
      </c>
      <c r="O37895" t="s">
        <v>85</v>
      </c>
      <c r="P37895" t="s">
        <v>86</v>
      </c>
      <c r="Q37895">
        <v>46</v>
      </c>
      <c r="R37895">
        <v>47</v>
      </c>
      <c r="S37895">
        <v>47</v>
      </c>
      <c r="T37895">
        <v>48</v>
      </c>
      <c r="U37895">
        <v>49</v>
      </c>
      <c r="V37895">
        <v>49</v>
      </c>
      <c r="W37895">
        <v>50</v>
      </c>
      <c r="X37895">
        <v>51</v>
      </c>
      <c r="Y37895">
        <v>52</v>
      </c>
      <c r="Z37895">
        <v>52</v>
      </c>
      <c r="AA37895">
        <v>53</v>
      </c>
      <c r="AB37895">
        <v>54</v>
      </c>
      <c r="AC37895">
        <v>55</v>
      </c>
      <c r="AD37895">
        <v>56</v>
      </c>
      <c r="AE37895">
        <v>57</v>
      </c>
      <c r="AF37895">
        <v>57</v>
      </c>
      <c r="AG37895">
        <v>58</v>
      </c>
      <c r="AH37895">
        <v>59</v>
      </c>
      <c r="AI37895">
        <v>60</v>
      </c>
      <c r="AJ37895">
        <v>61</v>
      </c>
      <c r="AK37895">
        <v>62</v>
      </c>
      <c r="AL37895">
        <v>63</v>
      </c>
      <c r="AM37895">
        <v>64</v>
      </c>
      <c r="AN37895">
        <v>65</v>
      </c>
      <c r="AO37895">
        <v>65</v>
      </c>
      <c r="AP37895">
        <v>66</v>
      </c>
      <c r="AQ37895">
        <v>67</v>
      </c>
    </row>
    <row r="37896" spans="1:43">
      <c r="A37896" t="s">
        <v>23497</v>
      </c>
      <c r="B37896" t="s">
        <v>23498</v>
      </c>
      <c r="C37896" t="s">
        <v>23491</v>
      </c>
      <c r="D37896" t="s">
        <v>23492</v>
      </c>
      <c r="E37896" t="s">
        <v>23481</v>
      </c>
      <c r="F37896" t="s">
        <v>23482</v>
      </c>
      <c r="G37896" t="s">
        <v>11612</v>
      </c>
      <c r="H37896" t="s">
        <v>11613</v>
      </c>
      <c r="I37896" s="2">
        <v>0</v>
      </c>
      <c r="J37896" s="2">
        <v>0</v>
      </c>
      <c r="K37896" s="2">
        <v>1</v>
      </c>
      <c r="L37896" t="s">
        <v>995</v>
      </c>
      <c r="M37896" t="s">
        <v>89</v>
      </c>
      <c r="N37896" t="s">
        <v>90</v>
      </c>
      <c r="O37896" t="s">
        <v>85</v>
      </c>
      <c r="P37896" t="s">
        <v>86</v>
      </c>
      <c r="Q37896">
        <v>46</v>
      </c>
      <c r="R37896">
        <v>47</v>
      </c>
      <c r="S37896">
        <v>49</v>
      </c>
      <c r="T37896">
        <v>50</v>
      </c>
      <c r="U37896">
        <v>52</v>
      </c>
      <c r="V37896">
        <v>54</v>
      </c>
      <c r="W37896">
        <v>55</v>
      </c>
      <c r="X37896">
        <v>57</v>
      </c>
      <c r="Y37896">
        <v>58</v>
      </c>
      <c r="Z37896">
        <v>60</v>
      </c>
      <c r="AA37896">
        <v>61</v>
      </c>
      <c r="AB37896">
        <v>63</v>
      </c>
      <c r="AC37896">
        <v>65</v>
      </c>
      <c r="AD37896">
        <v>66</v>
      </c>
      <c r="AE37896">
        <v>68</v>
      </c>
      <c r="AF37896">
        <v>68</v>
      </c>
      <c r="AG37896">
        <v>69</v>
      </c>
      <c r="AH37896">
        <v>70</v>
      </c>
      <c r="AI37896">
        <v>71</v>
      </c>
      <c r="AJ37896">
        <v>72</v>
      </c>
      <c r="AK37896">
        <v>72</v>
      </c>
      <c r="AL37896">
        <v>73</v>
      </c>
      <c r="AM37896">
        <v>74</v>
      </c>
      <c r="AN37896">
        <v>75</v>
      </c>
      <c r="AO37896">
        <v>76</v>
      </c>
      <c r="AP37896">
        <v>76</v>
      </c>
      <c r="AQ37896">
        <v>77</v>
      </c>
    </row>
    <row r="37897" spans="1:43">
      <c r="A37897" t="s">
        <v>23497</v>
      </c>
      <c r="B37897" t="s">
        <v>23498</v>
      </c>
      <c r="C37897" t="s">
        <v>23491</v>
      </c>
      <c r="D37897" t="s">
        <v>23492</v>
      </c>
      <c r="E37897" t="s">
        <v>23481</v>
      </c>
      <c r="F37897" t="s">
        <v>23482</v>
      </c>
      <c r="G37897" t="s">
        <v>11612</v>
      </c>
      <c r="H37897" t="s">
        <v>11613</v>
      </c>
      <c r="I37897" s="2">
        <v>0</v>
      </c>
      <c r="J37897" s="2">
        <v>0</v>
      </c>
      <c r="K37897" s="2">
        <v>1</v>
      </c>
      <c r="L37897" t="s">
        <v>995</v>
      </c>
      <c r="M37897" t="s">
        <v>83</v>
      </c>
      <c r="N37897" t="s">
        <v>91</v>
      </c>
      <c r="O37897" t="s">
        <v>85</v>
      </c>
      <c r="P37897" t="s">
        <v>86</v>
      </c>
      <c r="Q37897">
        <v>46</v>
      </c>
      <c r="R37897">
        <v>47</v>
      </c>
      <c r="S37897">
        <v>49</v>
      </c>
      <c r="T37897">
        <v>50</v>
      </c>
      <c r="U37897">
        <v>51</v>
      </c>
      <c r="V37897">
        <v>52</v>
      </c>
      <c r="W37897">
        <v>53</v>
      </c>
      <c r="X37897">
        <v>55</v>
      </c>
      <c r="Y37897">
        <v>56</v>
      </c>
      <c r="Z37897">
        <v>57</v>
      </c>
      <c r="AA37897">
        <v>59</v>
      </c>
      <c r="AB37897">
        <v>60</v>
      </c>
      <c r="AC37897">
        <v>61</v>
      </c>
      <c r="AD37897">
        <v>63</v>
      </c>
      <c r="AE37897">
        <v>64</v>
      </c>
      <c r="AF37897">
        <v>65</v>
      </c>
      <c r="AG37897">
        <v>67</v>
      </c>
      <c r="AH37897">
        <v>68</v>
      </c>
      <c r="AI37897">
        <v>70</v>
      </c>
      <c r="AJ37897">
        <v>71</v>
      </c>
      <c r="AK37897">
        <v>73</v>
      </c>
      <c r="AL37897">
        <v>74</v>
      </c>
      <c r="AM37897">
        <v>74</v>
      </c>
      <c r="AN37897">
        <v>75</v>
      </c>
      <c r="AO37897">
        <v>76</v>
      </c>
      <c r="AP37897">
        <v>77</v>
      </c>
      <c r="AQ37897">
        <v>78</v>
      </c>
    </row>
    <row r="37898" spans="1:43">
      <c r="A37898" t="s">
        <v>23499</v>
      </c>
      <c r="B37898" t="s">
        <v>23500</v>
      </c>
      <c r="C37898" t="s">
        <v>23501</v>
      </c>
      <c r="D37898" t="s">
        <v>23502</v>
      </c>
      <c r="E37898" t="s">
        <v>23481</v>
      </c>
      <c r="F37898" t="s">
        <v>23482</v>
      </c>
      <c r="G37898" t="s">
        <v>11612</v>
      </c>
      <c r="H37898" t="s">
        <v>11613</v>
      </c>
      <c r="I37898" s="2">
        <v>0</v>
      </c>
      <c r="J37898" s="2">
        <v>0</v>
      </c>
      <c r="K37898" s="2">
        <v>1</v>
      </c>
      <c r="L37898" t="s">
        <v>995</v>
      </c>
      <c r="M37898" t="s">
        <v>83</v>
      </c>
      <c r="N37898" t="s">
        <v>84</v>
      </c>
      <c r="O37898" t="s">
        <v>85</v>
      </c>
      <c r="P37898" t="s">
        <v>86</v>
      </c>
      <c r="Q37898">
        <v>24</v>
      </c>
      <c r="R37898">
        <v>25</v>
      </c>
      <c r="S37898">
        <v>26</v>
      </c>
      <c r="T37898">
        <v>26</v>
      </c>
      <c r="U37898">
        <v>27</v>
      </c>
      <c r="V37898">
        <v>28</v>
      </c>
      <c r="W37898">
        <v>28</v>
      </c>
      <c r="X37898">
        <v>29</v>
      </c>
      <c r="Y37898">
        <v>29</v>
      </c>
      <c r="Z37898">
        <v>30</v>
      </c>
      <c r="AA37898">
        <v>31</v>
      </c>
      <c r="AB37898">
        <v>31</v>
      </c>
      <c r="AC37898">
        <v>32</v>
      </c>
      <c r="AD37898">
        <v>33</v>
      </c>
      <c r="AE37898">
        <v>33</v>
      </c>
      <c r="AF37898">
        <v>34</v>
      </c>
      <c r="AG37898">
        <v>35</v>
      </c>
      <c r="AH37898">
        <v>36</v>
      </c>
      <c r="AI37898">
        <v>36</v>
      </c>
      <c r="AJ37898">
        <v>37</v>
      </c>
      <c r="AK37898">
        <v>38</v>
      </c>
      <c r="AL37898">
        <v>38</v>
      </c>
      <c r="AM37898">
        <v>39</v>
      </c>
      <c r="AN37898">
        <v>39</v>
      </c>
      <c r="AO37898">
        <v>40</v>
      </c>
      <c r="AP37898">
        <v>40</v>
      </c>
      <c r="AQ37898">
        <v>40</v>
      </c>
    </row>
    <row r="37899" spans="1:43">
      <c r="A37899" t="s">
        <v>23499</v>
      </c>
      <c r="B37899" t="s">
        <v>23500</v>
      </c>
      <c r="C37899" t="s">
        <v>23501</v>
      </c>
      <c r="D37899" t="s">
        <v>23502</v>
      </c>
      <c r="E37899" t="s">
        <v>23481</v>
      </c>
      <c r="F37899" t="s">
        <v>23482</v>
      </c>
      <c r="G37899" t="s">
        <v>11612</v>
      </c>
      <c r="H37899" t="s">
        <v>11613</v>
      </c>
      <c r="I37899" s="2">
        <v>0</v>
      </c>
      <c r="J37899" s="2">
        <v>0</v>
      </c>
      <c r="K37899" s="2">
        <v>1</v>
      </c>
      <c r="L37899" t="s">
        <v>995</v>
      </c>
      <c r="M37899" t="s">
        <v>87</v>
      </c>
      <c r="N37899" t="s">
        <v>88</v>
      </c>
      <c r="O37899" t="s">
        <v>85</v>
      </c>
      <c r="P37899" t="s">
        <v>86</v>
      </c>
      <c r="Q37899">
        <v>24</v>
      </c>
      <c r="R37899">
        <v>25</v>
      </c>
      <c r="S37899">
        <v>25</v>
      </c>
      <c r="T37899">
        <v>25</v>
      </c>
      <c r="U37899">
        <v>26</v>
      </c>
      <c r="V37899">
        <v>26</v>
      </c>
      <c r="W37899">
        <v>26</v>
      </c>
      <c r="X37899">
        <v>27</v>
      </c>
      <c r="Y37899">
        <v>27</v>
      </c>
      <c r="Z37899">
        <v>28</v>
      </c>
      <c r="AA37899">
        <v>28</v>
      </c>
      <c r="AB37899">
        <v>28</v>
      </c>
      <c r="AC37899">
        <v>29</v>
      </c>
      <c r="AD37899">
        <v>29</v>
      </c>
      <c r="AE37899">
        <v>30</v>
      </c>
      <c r="AF37899">
        <v>30</v>
      </c>
      <c r="AG37899">
        <v>31</v>
      </c>
      <c r="AH37899">
        <v>31</v>
      </c>
      <c r="AI37899">
        <v>31</v>
      </c>
      <c r="AJ37899">
        <v>32</v>
      </c>
      <c r="AK37899">
        <v>32</v>
      </c>
      <c r="AL37899">
        <v>33</v>
      </c>
      <c r="AM37899">
        <v>33</v>
      </c>
      <c r="AN37899">
        <v>34</v>
      </c>
      <c r="AO37899">
        <v>34</v>
      </c>
      <c r="AP37899">
        <v>35</v>
      </c>
      <c r="AQ37899">
        <v>35</v>
      </c>
    </row>
    <row r="37900" spans="1:43">
      <c r="A37900" t="s">
        <v>23499</v>
      </c>
      <c r="B37900" t="s">
        <v>23500</v>
      </c>
      <c r="C37900" t="s">
        <v>23501</v>
      </c>
      <c r="D37900" t="s">
        <v>23502</v>
      </c>
      <c r="E37900" t="s">
        <v>23481</v>
      </c>
      <c r="F37900" t="s">
        <v>23482</v>
      </c>
      <c r="G37900" t="s">
        <v>11612</v>
      </c>
      <c r="H37900" t="s">
        <v>11613</v>
      </c>
      <c r="I37900" s="2">
        <v>0</v>
      </c>
      <c r="J37900" s="2">
        <v>0</v>
      </c>
      <c r="K37900" s="2">
        <v>1</v>
      </c>
      <c r="L37900" t="s">
        <v>995</v>
      </c>
      <c r="M37900" t="s">
        <v>89</v>
      </c>
      <c r="N37900" t="s">
        <v>90</v>
      </c>
      <c r="O37900" t="s">
        <v>85</v>
      </c>
      <c r="P37900" t="s">
        <v>86</v>
      </c>
      <c r="Q37900">
        <v>24</v>
      </c>
      <c r="R37900">
        <v>25</v>
      </c>
      <c r="S37900">
        <v>25</v>
      </c>
      <c r="T37900">
        <v>26</v>
      </c>
      <c r="U37900">
        <v>27</v>
      </c>
      <c r="V37900">
        <v>28</v>
      </c>
      <c r="W37900">
        <v>29</v>
      </c>
      <c r="X37900">
        <v>29</v>
      </c>
      <c r="Y37900">
        <v>30</v>
      </c>
      <c r="Z37900">
        <v>31</v>
      </c>
      <c r="AA37900">
        <v>32</v>
      </c>
      <c r="AB37900">
        <v>33</v>
      </c>
      <c r="AC37900">
        <v>33</v>
      </c>
      <c r="AD37900">
        <v>34</v>
      </c>
      <c r="AE37900">
        <v>35</v>
      </c>
      <c r="AF37900">
        <v>35</v>
      </c>
      <c r="AG37900">
        <v>36</v>
      </c>
      <c r="AH37900">
        <v>36</v>
      </c>
      <c r="AI37900">
        <v>36</v>
      </c>
      <c r="AJ37900">
        <v>37</v>
      </c>
      <c r="AK37900">
        <v>37</v>
      </c>
      <c r="AL37900">
        <v>38</v>
      </c>
      <c r="AM37900">
        <v>38</v>
      </c>
      <c r="AN37900">
        <v>38</v>
      </c>
      <c r="AO37900">
        <v>39</v>
      </c>
      <c r="AP37900">
        <v>39</v>
      </c>
      <c r="AQ37900">
        <v>40</v>
      </c>
    </row>
    <row r="37901" spans="1:43">
      <c r="A37901" t="s">
        <v>23499</v>
      </c>
      <c r="B37901" t="s">
        <v>23500</v>
      </c>
      <c r="C37901" t="s">
        <v>23501</v>
      </c>
      <c r="D37901" t="s">
        <v>23502</v>
      </c>
      <c r="E37901" t="s">
        <v>23481</v>
      </c>
      <c r="F37901" t="s">
        <v>23482</v>
      </c>
      <c r="G37901" t="s">
        <v>11612</v>
      </c>
      <c r="H37901" t="s">
        <v>11613</v>
      </c>
      <c r="I37901" s="2">
        <v>0</v>
      </c>
      <c r="J37901" s="2">
        <v>0</v>
      </c>
      <c r="K37901" s="2">
        <v>1</v>
      </c>
      <c r="L37901" t="s">
        <v>995</v>
      </c>
      <c r="M37901" t="s">
        <v>83</v>
      </c>
      <c r="N37901" t="s">
        <v>91</v>
      </c>
      <c r="O37901" t="s">
        <v>85</v>
      </c>
      <c r="P37901" t="s">
        <v>86</v>
      </c>
      <c r="Q37901">
        <v>24</v>
      </c>
      <c r="R37901">
        <v>25</v>
      </c>
      <c r="S37901">
        <v>26</v>
      </c>
      <c r="T37901">
        <v>26</v>
      </c>
      <c r="U37901">
        <v>27</v>
      </c>
      <c r="V37901">
        <v>28</v>
      </c>
      <c r="W37901">
        <v>28</v>
      </c>
      <c r="X37901">
        <v>29</v>
      </c>
      <c r="Y37901">
        <v>29</v>
      </c>
      <c r="Z37901">
        <v>30</v>
      </c>
      <c r="AA37901">
        <v>31</v>
      </c>
      <c r="AB37901">
        <v>31</v>
      </c>
      <c r="AC37901">
        <v>32</v>
      </c>
      <c r="AD37901">
        <v>33</v>
      </c>
      <c r="AE37901">
        <v>33</v>
      </c>
      <c r="AF37901">
        <v>34</v>
      </c>
      <c r="AG37901">
        <v>35</v>
      </c>
      <c r="AH37901">
        <v>36</v>
      </c>
      <c r="AI37901">
        <v>36</v>
      </c>
      <c r="AJ37901">
        <v>37</v>
      </c>
      <c r="AK37901">
        <v>38</v>
      </c>
      <c r="AL37901">
        <v>38</v>
      </c>
      <c r="AM37901">
        <v>39</v>
      </c>
      <c r="AN37901">
        <v>39</v>
      </c>
      <c r="AO37901">
        <v>40</v>
      </c>
      <c r="AP37901">
        <v>40</v>
      </c>
      <c r="AQ37901">
        <v>40</v>
      </c>
    </row>
    <row r="37902" spans="1:43">
      <c r="A37902" t="s">
        <v>23503</v>
      </c>
      <c r="B37902" t="s">
        <v>23504</v>
      </c>
      <c r="C37902" t="s">
        <v>23505</v>
      </c>
      <c r="D37902" t="s">
        <v>23506</v>
      </c>
      <c r="E37902" t="s">
        <v>23481</v>
      </c>
      <c r="F37902" t="s">
        <v>23482</v>
      </c>
      <c r="G37902" t="s">
        <v>11612</v>
      </c>
      <c r="H37902" t="s">
        <v>11613</v>
      </c>
      <c r="I37902" s="2">
        <v>0</v>
      </c>
      <c r="J37902" s="2">
        <v>0</v>
      </c>
      <c r="K37902" s="2">
        <v>1</v>
      </c>
      <c r="L37902" t="s">
        <v>995</v>
      </c>
      <c r="M37902" t="s">
        <v>83</v>
      </c>
      <c r="N37902" t="s">
        <v>84</v>
      </c>
      <c r="O37902" t="s">
        <v>85</v>
      </c>
      <c r="P37902" t="s">
        <v>86</v>
      </c>
      <c r="Q37902">
        <v>36</v>
      </c>
      <c r="R37902">
        <v>37</v>
      </c>
      <c r="S37902">
        <v>38</v>
      </c>
      <c r="T37902">
        <v>39</v>
      </c>
      <c r="U37902">
        <v>40</v>
      </c>
      <c r="V37902">
        <v>41</v>
      </c>
      <c r="W37902">
        <v>42</v>
      </c>
      <c r="X37902">
        <v>42</v>
      </c>
      <c r="Y37902">
        <v>43</v>
      </c>
      <c r="Z37902">
        <v>44</v>
      </c>
      <c r="AA37902">
        <v>45</v>
      </c>
      <c r="AB37902">
        <v>47</v>
      </c>
      <c r="AC37902">
        <v>48</v>
      </c>
      <c r="AD37902">
        <v>49</v>
      </c>
      <c r="AE37902">
        <v>50</v>
      </c>
      <c r="AF37902">
        <v>51</v>
      </c>
      <c r="AG37902">
        <v>52</v>
      </c>
      <c r="AH37902">
        <v>53</v>
      </c>
      <c r="AI37902">
        <v>54</v>
      </c>
      <c r="AJ37902">
        <v>55</v>
      </c>
      <c r="AK37902">
        <v>56</v>
      </c>
      <c r="AL37902">
        <v>57</v>
      </c>
      <c r="AM37902">
        <v>58</v>
      </c>
      <c r="AN37902">
        <v>58</v>
      </c>
      <c r="AO37902">
        <v>59</v>
      </c>
      <c r="AP37902">
        <v>60</v>
      </c>
      <c r="AQ37902">
        <v>60</v>
      </c>
    </row>
    <row r="37903" spans="1:43">
      <c r="A37903" t="s">
        <v>23503</v>
      </c>
      <c r="B37903" t="s">
        <v>23504</v>
      </c>
      <c r="C37903" t="s">
        <v>23505</v>
      </c>
      <c r="D37903" t="s">
        <v>23506</v>
      </c>
      <c r="E37903" t="s">
        <v>23481</v>
      </c>
      <c r="F37903" t="s">
        <v>23482</v>
      </c>
      <c r="G37903" t="s">
        <v>11612</v>
      </c>
      <c r="H37903" t="s">
        <v>11613</v>
      </c>
      <c r="I37903" s="2">
        <v>0</v>
      </c>
      <c r="J37903" s="2">
        <v>0</v>
      </c>
      <c r="K37903" s="2">
        <v>1</v>
      </c>
      <c r="L37903" t="s">
        <v>995</v>
      </c>
      <c r="M37903" t="s">
        <v>87</v>
      </c>
      <c r="N37903" t="s">
        <v>88</v>
      </c>
      <c r="O37903" t="s">
        <v>85</v>
      </c>
      <c r="P37903" t="s">
        <v>86</v>
      </c>
      <c r="Q37903">
        <v>36</v>
      </c>
      <c r="R37903">
        <v>36</v>
      </c>
      <c r="S37903">
        <v>37</v>
      </c>
      <c r="T37903">
        <v>37</v>
      </c>
      <c r="U37903">
        <v>38</v>
      </c>
      <c r="V37903">
        <v>38</v>
      </c>
      <c r="W37903">
        <v>39</v>
      </c>
      <c r="X37903">
        <v>40</v>
      </c>
      <c r="Y37903">
        <v>40</v>
      </c>
      <c r="Z37903">
        <v>41</v>
      </c>
      <c r="AA37903">
        <v>41</v>
      </c>
      <c r="AB37903">
        <v>42</v>
      </c>
      <c r="AC37903">
        <v>43</v>
      </c>
      <c r="AD37903">
        <v>43</v>
      </c>
      <c r="AE37903">
        <v>44</v>
      </c>
      <c r="AF37903">
        <v>45</v>
      </c>
      <c r="AG37903">
        <v>45</v>
      </c>
      <c r="AH37903">
        <v>46</v>
      </c>
      <c r="AI37903">
        <v>47</v>
      </c>
      <c r="AJ37903">
        <v>47</v>
      </c>
      <c r="AK37903">
        <v>48</v>
      </c>
      <c r="AL37903">
        <v>49</v>
      </c>
      <c r="AM37903">
        <v>49</v>
      </c>
      <c r="AN37903">
        <v>50</v>
      </c>
      <c r="AO37903">
        <v>51</v>
      </c>
      <c r="AP37903">
        <v>52</v>
      </c>
      <c r="AQ37903">
        <v>52</v>
      </c>
    </row>
    <row r="37904" spans="1:43">
      <c r="A37904" t="s">
        <v>23503</v>
      </c>
      <c r="B37904" t="s">
        <v>23504</v>
      </c>
      <c r="C37904" t="s">
        <v>23505</v>
      </c>
      <c r="D37904" t="s">
        <v>23506</v>
      </c>
      <c r="E37904" t="s">
        <v>23481</v>
      </c>
      <c r="F37904" t="s">
        <v>23482</v>
      </c>
      <c r="G37904" t="s">
        <v>11612</v>
      </c>
      <c r="H37904" t="s">
        <v>11613</v>
      </c>
      <c r="I37904" s="2">
        <v>0</v>
      </c>
      <c r="J37904" s="2">
        <v>0</v>
      </c>
      <c r="K37904" s="2">
        <v>1</v>
      </c>
      <c r="L37904" t="s">
        <v>995</v>
      </c>
      <c r="M37904" t="s">
        <v>89</v>
      </c>
      <c r="N37904" t="s">
        <v>90</v>
      </c>
      <c r="O37904" t="s">
        <v>85</v>
      </c>
      <c r="P37904" t="s">
        <v>86</v>
      </c>
      <c r="Q37904">
        <v>36</v>
      </c>
      <c r="R37904">
        <v>38</v>
      </c>
      <c r="S37904">
        <v>39</v>
      </c>
      <c r="T37904">
        <v>40</v>
      </c>
      <c r="U37904">
        <v>41</v>
      </c>
      <c r="V37904">
        <v>42</v>
      </c>
      <c r="W37904">
        <v>44</v>
      </c>
      <c r="X37904">
        <v>45</v>
      </c>
      <c r="Y37904">
        <v>46</v>
      </c>
      <c r="Z37904">
        <v>47</v>
      </c>
      <c r="AA37904">
        <v>48</v>
      </c>
      <c r="AB37904">
        <v>50</v>
      </c>
      <c r="AC37904">
        <v>51</v>
      </c>
      <c r="AD37904">
        <v>52</v>
      </c>
      <c r="AE37904">
        <v>53</v>
      </c>
      <c r="AF37904">
        <v>54</v>
      </c>
      <c r="AG37904">
        <v>55</v>
      </c>
      <c r="AH37904">
        <v>55</v>
      </c>
      <c r="AI37904">
        <v>56</v>
      </c>
      <c r="AJ37904">
        <v>56</v>
      </c>
      <c r="AK37904">
        <v>57</v>
      </c>
      <c r="AL37904">
        <v>58</v>
      </c>
      <c r="AM37904">
        <v>58</v>
      </c>
      <c r="AN37904">
        <v>59</v>
      </c>
      <c r="AO37904">
        <v>60</v>
      </c>
      <c r="AP37904">
        <v>60</v>
      </c>
      <c r="AQ37904">
        <v>61</v>
      </c>
    </row>
    <row r="37905" spans="1:43">
      <c r="A37905" t="s">
        <v>23503</v>
      </c>
      <c r="B37905" t="s">
        <v>23504</v>
      </c>
      <c r="C37905" t="s">
        <v>23505</v>
      </c>
      <c r="D37905" t="s">
        <v>23506</v>
      </c>
      <c r="E37905" t="s">
        <v>23481</v>
      </c>
      <c r="F37905" t="s">
        <v>23482</v>
      </c>
      <c r="G37905" t="s">
        <v>11612</v>
      </c>
      <c r="H37905" t="s">
        <v>11613</v>
      </c>
      <c r="I37905" s="2">
        <v>0</v>
      </c>
      <c r="J37905" s="2">
        <v>0</v>
      </c>
      <c r="K37905" s="2">
        <v>1</v>
      </c>
      <c r="L37905" t="s">
        <v>995</v>
      </c>
      <c r="M37905" t="s">
        <v>83</v>
      </c>
      <c r="N37905" t="s">
        <v>91</v>
      </c>
      <c r="O37905" t="s">
        <v>85</v>
      </c>
      <c r="P37905" t="s">
        <v>86</v>
      </c>
      <c r="Q37905">
        <v>36</v>
      </c>
      <c r="R37905">
        <v>37</v>
      </c>
      <c r="S37905">
        <v>38</v>
      </c>
      <c r="T37905">
        <v>39</v>
      </c>
      <c r="U37905">
        <v>40</v>
      </c>
      <c r="V37905">
        <v>41</v>
      </c>
      <c r="W37905">
        <v>42</v>
      </c>
      <c r="X37905">
        <v>42</v>
      </c>
      <c r="Y37905">
        <v>43</v>
      </c>
      <c r="Z37905">
        <v>44</v>
      </c>
      <c r="AA37905">
        <v>45</v>
      </c>
      <c r="AB37905">
        <v>47</v>
      </c>
      <c r="AC37905">
        <v>48</v>
      </c>
      <c r="AD37905">
        <v>49</v>
      </c>
      <c r="AE37905">
        <v>50</v>
      </c>
      <c r="AF37905">
        <v>51</v>
      </c>
      <c r="AG37905">
        <v>52</v>
      </c>
      <c r="AH37905">
        <v>53</v>
      </c>
      <c r="AI37905">
        <v>54</v>
      </c>
      <c r="AJ37905">
        <v>55</v>
      </c>
      <c r="AK37905">
        <v>56</v>
      </c>
      <c r="AL37905">
        <v>57</v>
      </c>
      <c r="AM37905">
        <v>58</v>
      </c>
      <c r="AN37905">
        <v>58</v>
      </c>
      <c r="AO37905">
        <v>59</v>
      </c>
      <c r="AP37905">
        <v>60</v>
      </c>
      <c r="AQ37905">
        <v>60</v>
      </c>
    </row>
    <row r="37906" spans="1:43">
      <c r="A37906" t="s">
        <v>23507</v>
      </c>
      <c r="B37906" t="s">
        <v>23508</v>
      </c>
      <c r="C37906" t="s">
        <v>23505</v>
      </c>
      <c r="D37906" t="s">
        <v>23506</v>
      </c>
      <c r="E37906" t="s">
        <v>23481</v>
      </c>
      <c r="F37906" t="s">
        <v>23482</v>
      </c>
      <c r="G37906" t="s">
        <v>11612</v>
      </c>
      <c r="H37906" t="s">
        <v>11613</v>
      </c>
      <c r="I37906" s="2">
        <v>0</v>
      </c>
      <c r="J37906" s="2">
        <v>0</v>
      </c>
      <c r="K37906" s="2">
        <v>1</v>
      </c>
      <c r="L37906" t="s">
        <v>995</v>
      </c>
      <c r="M37906" t="s">
        <v>83</v>
      </c>
      <c r="N37906" t="s">
        <v>84</v>
      </c>
      <c r="O37906" t="s">
        <v>85</v>
      </c>
      <c r="P37906" t="s">
        <v>86</v>
      </c>
      <c r="Q37906">
        <v>55</v>
      </c>
      <c r="R37906">
        <v>56</v>
      </c>
      <c r="S37906">
        <v>57</v>
      </c>
      <c r="T37906">
        <v>59</v>
      </c>
      <c r="U37906">
        <v>60</v>
      </c>
      <c r="V37906">
        <v>62</v>
      </c>
      <c r="W37906">
        <v>63</v>
      </c>
      <c r="X37906">
        <v>65</v>
      </c>
      <c r="Y37906">
        <v>66</v>
      </c>
      <c r="Z37906">
        <v>68</v>
      </c>
      <c r="AA37906">
        <v>69</v>
      </c>
      <c r="AB37906">
        <v>71</v>
      </c>
      <c r="AC37906">
        <v>72</v>
      </c>
      <c r="AD37906">
        <v>74</v>
      </c>
      <c r="AE37906">
        <v>76</v>
      </c>
      <c r="AF37906">
        <v>77</v>
      </c>
      <c r="AG37906">
        <v>79</v>
      </c>
      <c r="AH37906">
        <v>81</v>
      </c>
      <c r="AI37906">
        <v>82</v>
      </c>
      <c r="AJ37906">
        <v>84</v>
      </c>
      <c r="AK37906">
        <v>86</v>
      </c>
      <c r="AL37906">
        <v>87</v>
      </c>
      <c r="AM37906">
        <v>88</v>
      </c>
      <c r="AN37906">
        <v>89</v>
      </c>
      <c r="AO37906">
        <v>90</v>
      </c>
      <c r="AP37906">
        <v>91</v>
      </c>
      <c r="AQ37906">
        <v>92</v>
      </c>
    </row>
    <row r="37907" spans="1:43">
      <c r="A37907" t="s">
        <v>23507</v>
      </c>
      <c r="B37907" t="s">
        <v>23508</v>
      </c>
      <c r="C37907" t="s">
        <v>23505</v>
      </c>
      <c r="D37907" t="s">
        <v>23506</v>
      </c>
      <c r="E37907" t="s">
        <v>23481</v>
      </c>
      <c r="F37907" t="s">
        <v>23482</v>
      </c>
      <c r="G37907" t="s">
        <v>11612</v>
      </c>
      <c r="H37907" t="s">
        <v>11613</v>
      </c>
      <c r="I37907" s="2">
        <v>0</v>
      </c>
      <c r="J37907" s="2">
        <v>0</v>
      </c>
      <c r="K37907" s="2">
        <v>1</v>
      </c>
      <c r="L37907" t="s">
        <v>995</v>
      </c>
      <c r="M37907" t="s">
        <v>87</v>
      </c>
      <c r="N37907" t="s">
        <v>88</v>
      </c>
      <c r="O37907" t="s">
        <v>85</v>
      </c>
      <c r="P37907" t="s">
        <v>86</v>
      </c>
      <c r="Q37907">
        <v>55</v>
      </c>
      <c r="R37907">
        <v>56</v>
      </c>
      <c r="S37907">
        <v>57</v>
      </c>
      <c r="T37907">
        <v>58</v>
      </c>
      <c r="U37907">
        <v>59</v>
      </c>
      <c r="V37907">
        <v>59</v>
      </c>
      <c r="W37907">
        <v>60</v>
      </c>
      <c r="X37907">
        <v>61</v>
      </c>
      <c r="Y37907">
        <v>62</v>
      </c>
      <c r="Z37907">
        <v>63</v>
      </c>
      <c r="AA37907">
        <v>64</v>
      </c>
      <c r="AB37907">
        <v>65</v>
      </c>
      <c r="AC37907">
        <v>66</v>
      </c>
      <c r="AD37907">
        <v>67</v>
      </c>
      <c r="AE37907">
        <v>68</v>
      </c>
      <c r="AF37907">
        <v>69</v>
      </c>
      <c r="AG37907">
        <v>70</v>
      </c>
      <c r="AH37907">
        <v>71</v>
      </c>
      <c r="AI37907">
        <v>72</v>
      </c>
      <c r="AJ37907">
        <v>73</v>
      </c>
      <c r="AK37907">
        <v>74</v>
      </c>
      <c r="AL37907">
        <v>75</v>
      </c>
      <c r="AM37907">
        <v>76</v>
      </c>
      <c r="AN37907">
        <v>77</v>
      </c>
      <c r="AO37907">
        <v>78</v>
      </c>
      <c r="AP37907">
        <v>79</v>
      </c>
      <c r="AQ37907">
        <v>81</v>
      </c>
    </row>
    <row r="37908" spans="1:43">
      <c r="A37908" t="s">
        <v>23507</v>
      </c>
      <c r="B37908" t="s">
        <v>23508</v>
      </c>
      <c r="C37908" t="s">
        <v>23505</v>
      </c>
      <c r="D37908" t="s">
        <v>23506</v>
      </c>
      <c r="E37908" t="s">
        <v>23481</v>
      </c>
      <c r="F37908" t="s">
        <v>23482</v>
      </c>
      <c r="G37908" t="s">
        <v>11612</v>
      </c>
      <c r="H37908" t="s">
        <v>11613</v>
      </c>
      <c r="I37908" s="2">
        <v>0</v>
      </c>
      <c r="J37908" s="2">
        <v>0</v>
      </c>
      <c r="K37908" s="2">
        <v>1</v>
      </c>
      <c r="L37908" t="s">
        <v>995</v>
      </c>
      <c r="M37908" t="s">
        <v>89</v>
      </c>
      <c r="N37908" t="s">
        <v>90</v>
      </c>
      <c r="O37908" t="s">
        <v>85</v>
      </c>
      <c r="P37908" t="s">
        <v>86</v>
      </c>
      <c r="Q37908">
        <v>55</v>
      </c>
      <c r="R37908">
        <v>57</v>
      </c>
      <c r="S37908">
        <v>59</v>
      </c>
      <c r="T37908">
        <v>61</v>
      </c>
      <c r="U37908">
        <v>63</v>
      </c>
      <c r="V37908">
        <v>65</v>
      </c>
      <c r="W37908">
        <v>66</v>
      </c>
      <c r="X37908">
        <v>68</v>
      </c>
      <c r="Y37908">
        <v>70</v>
      </c>
      <c r="Z37908">
        <v>72</v>
      </c>
      <c r="AA37908">
        <v>74</v>
      </c>
      <c r="AB37908">
        <v>76</v>
      </c>
      <c r="AC37908">
        <v>78</v>
      </c>
      <c r="AD37908">
        <v>79</v>
      </c>
      <c r="AE37908">
        <v>81</v>
      </c>
      <c r="AF37908">
        <v>82</v>
      </c>
      <c r="AG37908">
        <v>83</v>
      </c>
      <c r="AH37908">
        <v>84</v>
      </c>
      <c r="AI37908">
        <v>85</v>
      </c>
      <c r="AJ37908">
        <v>86</v>
      </c>
      <c r="AK37908">
        <v>87</v>
      </c>
      <c r="AL37908">
        <v>88</v>
      </c>
      <c r="AM37908">
        <v>89</v>
      </c>
      <c r="AN37908">
        <v>90</v>
      </c>
      <c r="AO37908">
        <v>91</v>
      </c>
      <c r="AP37908">
        <v>91</v>
      </c>
      <c r="AQ37908">
        <v>92</v>
      </c>
    </row>
    <row r="37909" spans="1:43">
      <c r="A37909" t="s">
        <v>23507</v>
      </c>
      <c r="B37909" t="s">
        <v>23508</v>
      </c>
      <c r="C37909" t="s">
        <v>23505</v>
      </c>
      <c r="D37909" t="s">
        <v>23506</v>
      </c>
      <c r="E37909" t="s">
        <v>23481</v>
      </c>
      <c r="F37909" t="s">
        <v>23482</v>
      </c>
      <c r="G37909" t="s">
        <v>11612</v>
      </c>
      <c r="H37909" t="s">
        <v>11613</v>
      </c>
      <c r="I37909" s="2">
        <v>0</v>
      </c>
      <c r="J37909" s="2">
        <v>0</v>
      </c>
      <c r="K37909" s="2">
        <v>1</v>
      </c>
      <c r="L37909" t="s">
        <v>995</v>
      </c>
      <c r="M37909" t="s">
        <v>83</v>
      </c>
      <c r="N37909" t="s">
        <v>91</v>
      </c>
      <c r="O37909" t="s">
        <v>85</v>
      </c>
      <c r="P37909" t="s">
        <v>86</v>
      </c>
      <c r="Q37909">
        <v>55</v>
      </c>
      <c r="R37909">
        <v>56</v>
      </c>
      <c r="S37909">
        <v>57</v>
      </c>
      <c r="T37909">
        <v>59</v>
      </c>
      <c r="U37909">
        <v>60</v>
      </c>
      <c r="V37909">
        <v>62</v>
      </c>
      <c r="W37909">
        <v>63</v>
      </c>
      <c r="X37909">
        <v>65</v>
      </c>
      <c r="Y37909">
        <v>66</v>
      </c>
      <c r="Z37909">
        <v>68</v>
      </c>
      <c r="AA37909">
        <v>69</v>
      </c>
      <c r="AB37909">
        <v>71</v>
      </c>
      <c r="AC37909">
        <v>72</v>
      </c>
      <c r="AD37909">
        <v>74</v>
      </c>
      <c r="AE37909">
        <v>76</v>
      </c>
      <c r="AF37909">
        <v>77</v>
      </c>
      <c r="AG37909">
        <v>79</v>
      </c>
      <c r="AH37909">
        <v>81</v>
      </c>
      <c r="AI37909">
        <v>82</v>
      </c>
      <c r="AJ37909">
        <v>84</v>
      </c>
      <c r="AK37909">
        <v>86</v>
      </c>
      <c r="AL37909">
        <v>87</v>
      </c>
      <c r="AM37909">
        <v>88</v>
      </c>
      <c r="AN37909">
        <v>89</v>
      </c>
      <c r="AO37909">
        <v>90</v>
      </c>
      <c r="AP37909">
        <v>91</v>
      </c>
      <c r="AQ37909">
        <v>92</v>
      </c>
    </row>
    <row r="37910" spans="1:43">
      <c r="A37910" t="s">
        <v>23509</v>
      </c>
      <c r="B37910" t="s">
        <v>23510</v>
      </c>
      <c r="C37910" t="s">
        <v>23491</v>
      </c>
      <c r="D37910" t="s">
        <v>23492</v>
      </c>
      <c r="E37910" t="s">
        <v>23481</v>
      </c>
      <c r="F37910" t="s">
        <v>23482</v>
      </c>
      <c r="G37910" t="s">
        <v>11612</v>
      </c>
      <c r="H37910" t="s">
        <v>11613</v>
      </c>
      <c r="I37910" s="2">
        <v>0</v>
      </c>
      <c r="J37910" s="2">
        <v>0</v>
      </c>
      <c r="K37910" s="2">
        <v>1</v>
      </c>
      <c r="L37910" t="s">
        <v>995</v>
      </c>
      <c r="M37910" t="s">
        <v>83</v>
      </c>
      <c r="N37910" t="s">
        <v>84</v>
      </c>
      <c r="O37910" t="s">
        <v>85</v>
      </c>
      <c r="P37910" t="s">
        <v>86</v>
      </c>
      <c r="Q37910">
        <v>52</v>
      </c>
      <c r="R37910">
        <v>53</v>
      </c>
      <c r="S37910">
        <v>54</v>
      </c>
      <c r="T37910">
        <v>56</v>
      </c>
      <c r="U37910">
        <v>57</v>
      </c>
      <c r="V37910">
        <v>58</v>
      </c>
      <c r="W37910">
        <v>60</v>
      </c>
      <c r="X37910">
        <v>61</v>
      </c>
      <c r="Y37910">
        <v>63</v>
      </c>
      <c r="Z37910">
        <v>64</v>
      </c>
      <c r="AA37910">
        <v>65</v>
      </c>
      <c r="AB37910">
        <v>67</v>
      </c>
      <c r="AC37910">
        <v>68</v>
      </c>
      <c r="AD37910">
        <v>70</v>
      </c>
      <c r="AE37910">
        <v>71</v>
      </c>
      <c r="AF37910">
        <v>73</v>
      </c>
      <c r="AG37910">
        <v>75</v>
      </c>
      <c r="AH37910">
        <v>76</v>
      </c>
      <c r="AI37910">
        <v>78</v>
      </c>
      <c r="AJ37910">
        <v>80</v>
      </c>
      <c r="AK37910">
        <v>81</v>
      </c>
      <c r="AL37910">
        <v>82</v>
      </c>
      <c r="AM37910">
        <v>83</v>
      </c>
      <c r="AN37910">
        <v>84</v>
      </c>
      <c r="AO37910">
        <v>85</v>
      </c>
      <c r="AP37910">
        <v>86</v>
      </c>
      <c r="AQ37910">
        <v>87</v>
      </c>
    </row>
    <row r="37911" spans="1:43">
      <c r="A37911" t="s">
        <v>23509</v>
      </c>
      <c r="B37911" t="s">
        <v>23510</v>
      </c>
      <c r="C37911" t="s">
        <v>23491</v>
      </c>
      <c r="D37911" t="s">
        <v>23492</v>
      </c>
      <c r="E37911" t="s">
        <v>23481</v>
      </c>
      <c r="F37911" t="s">
        <v>23482</v>
      </c>
      <c r="G37911" t="s">
        <v>11612</v>
      </c>
      <c r="H37911" t="s">
        <v>11613</v>
      </c>
      <c r="I37911" s="2">
        <v>0</v>
      </c>
      <c r="J37911" s="2">
        <v>0</v>
      </c>
      <c r="K37911" s="2">
        <v>1</v>
      </c>
      <c r="L37911" t="s">
        <v>995</v>
      </c>
      <c r="M37911" t="s">
        <v>87</v>
      </c>
      <c r="N37911" t="s">
        <v>88</v>
      </c>
      <c r="O37911" t="s">
        <v>85</v>
      </c>
      <c r="P37911" t="s">
        <v>86</v>
      </c>
      <c r="Q37911">
        <v>52</v>
      </c>
      <c r="R37911">
        <v>53</v>
      </c>
      <c r="S37911">
        <v>54</v>
      </c>
      <c r="T37911">
        <v>55</v>
      </c>
      <c r="U37911">
        <v>55</v>
      </c>
      <c r="V37911">
        <v>56</v>
      </c>
      <c r="W37911">
        <v>57</v>
      </c>
      <c r="X37911">
        <v>58</v>
      </c>
      <c r="Y37911">
        <v>59</v>
      </c>
      <c r="Z37911">
        <v>60</v>
      </c>
      <c r="AA37911">
        <v>61</v>
      </c>
      <c r="AB37911">
        <v>61</v>
      </c>
      <c r="AC37911">
        <v>62</v>
      </c>
      <c r="AD37911">
        <v>63</v>
      </c>
      <c r="AE37911">
        <v>64</v>
      </c>
      <c r="AF37911">
        <v>65</v>
      </c>
      <c r="AG37911">
        <v>66</v>
      </c>
      <c r="AH37911">
        <v>67</v>
      </c>
      <c r="AI37911">
        <v>68</v>
      </c>
      <c r="AJ37911">
        <v>69</v>
      </c>
      <c r="AK37911">
        <v>70</v>
      </c>
      <c r="AL37911">
        <v>71</v>
      </c>
      <c r="AM37911">
        <v>72</v>
      </c>
      <c r="AN37911">
        <v>73</v>
      </c>
      <c r="AO37911">
        <v>74</v>
      </c>
      <c r="AP37911">
        <v>75</v>
      </c>
      <c r="AQ37911">
        <v>76</v>
      </c>
    </row>
    <row r="37912" spans="1:43">
      <c r="A37912" t="s">
        <v>23509</v>
      </c>
      <c r="B37912" t="s">
        <v>23510</v>
      </c>
      <c r="C37912" t="s">
        <v>23491</v>
      </c>
      <c r="D37912" t="s">
        <v>23492</v>
      </c>
      <c r="E37912" t="s">
        <v>23481</v>
      </c>
      <c r="F37912" t="s">
        <v>23482</v>
      </c>
      <c r="G37912" t="s">
        <v>11612</v>
      </c>
      <c r="H37912" t="s">
        <v>11613</v>
      </c>
      <c r="I37912" s="2">
        <v>0</v>
      </c>
      <c r="J37912" s="2">
        <v>0</v>
      </c>
      <c r="K37912" s="2">
        <v>1</v>
      </c>
      <c r="L37912" t="s">
        <v>995</v>
      </c>
      <c r="M37912" t="s">
        <v>89</v>
      </c>
      <c r="N37912" t="s">
        <v>90</v>
      </c>
      <c r="O37912" t="s">
        <v>85</v>
      </c>
      <c r="P37912" t="s">
        <v>86</v>
      </c>
      <c r="Q37912">
        <v>52</v>
      </c>
      <c r="R37912">
        <v>54</v>
      </c>
      <c r="S37912">
        <v>56</v>
      </c>
      <c r="T37912">
        <v>57</v>
      </c>
      <c r="U37912">
        <v>59</v>
      </c>
      <c r="V37912">
        <v>61</v>
      </c>
      <c r="W37912">
        <v>63</v>
      </c>
      <c r="X37912">
        <v>65</v>
      </c>
      <c r="Y37912">
        <v>66</v>
      </c>
      <c r="Z37912">
        <v>68</v>
      </c>
      <c r="AA37912">
        <v>70</v>
      </c>
      <c r="AB37912">
        <v>72</v>
      </c>
      <c r="AC37912">
        <v>73</v>
      </c>
      <c r="AD37912">
        <v>75</v>
      </c>
      <c r="AE37912">
        <v>77</v>
      </c>
      <c r="AF37912">
        <v>78</v>
      </c>
      <c r="AG37912">
        <v>78</v>
      </c>
      <c r="AH37912">
        <v>79</v>
      </c>
      <c r="AI37912">
        <v>80</v>
      </c>
      <c r="AJ37912">
        <v>81</v>
      </c>
      <c r="AK37912">
        <v>82</v>
      </c>
      <c r="AL37912">
        <v>83</v>
      </c>
      <c r="AM37912">
        <v>84</v>
      </c>
      <c r="AN37912">
        <v>85</v>
      </c>
      <c r="AO37912">
        <v>86</v>
      </c>
      <c r="AP37912">
        <v>87</v>
      </c>
      <c r="AQ37912">
        <v>88</v>
      </c>
    </row>
    <row r="37913" spans="1:43">
      <c r="A37913" t="s">
        <v>23509</v>
      </c>
      <c r="B37913" t="s">
        <v>23510</v>
      </c>
      <c r="C37913" t="s">
        <v>23491</v>
      </c>
      <c r="D37913" t="s">
        <v>23492</v>
      </c>
      <c r="E37913" t="s">
        <v>23481</v>
      </c>
      <c r="F37913" t="s">
        <v>23482</v>
      </c>
      <c r="G37913" t="s">
        <v>11612</v>
      </c>
      <c r="H37913" t="s">
        <v>11613</v>
      </c>
      <c r="I37913" s="2">
        <v>0</v>
      </c>
      <c r="J37913" s="2">
        <v>0</v>
      </c>
      <c r="K37913" s="2">
        <v>1</v>
      </c>
      <c r="L37913" t="s">
        <v>995</v>
      </c>
      <c r="M37913" t="s">
        <v>83</v>
      </c>
      <c r="N37913" t="s">
        <v>91</v>
      </c>
      <c r="O37913" t="s">
        <v>85</v>
      </c>
      <c r="P37913" t="s">
        <v>86</v>
      </c>
      <c r="Q37913">
        <v>52</v>
      </c>
      <c r="R37913">
        <v>53</v>
      </c>
      <c r="S37913">
        <v>54</v>
      </c>
      <c r="T37913">
        <v>56</v>
      </c>
      <c r="U37913">
        <v>57</v>
      </c>
      <c r="V37913">
        <v>58</v>
      </c>
      <c r="W37913">
        <v>60</v>
      </c>
      <c r="X37913">
        <v>61</v>
      </c>
      <c r="Y37913">
        <v>63</v>
      </c>
      <c r="Z37913">
        <v>64</v>
      </c>
      <c r="AA37913">
        <v>65</v>
      </c>
      <c r="AB37913">
        <v>67</v>
      </c>
      <c r="AC37913">
        <v>68</v>
      </c>
      <c r="AD37913">
        <v>70</v>
      </c>
      <c r="AE37913">
        <v>71</v>
      </c>
      <c r="AF37913">
        <v>73</v>
      </c>
      <c r="AG37913">
        <v>75</v>
      </c>
      <c r="AH37913">
        <v>76</v>
      </c>
      <c r="AI37913">
        <v>78</v>
      </c>
      <c r="AJ37913">
        <v>80</v>
      </c>
      <c r="AK37913">
        <v>81</v>
      </c>
      <c r="AL37913">
        <v>82</v>
      </c>
      <c r="AM37913">
        <v>83</v>
      </c>
      <c r="AN37913">
        <v>84</v>
      </c>
      <c r="AO37913">
        <v>85</v>
      </c>
      <c r="AP37913">
        <v>86</v>
      </c>
      <c r="AQ37913">
        <v>87</v>
      </c>
    </row>
    <row r="37914" spans="1:43">
      <c r="A37914" t="s">
        <v>23511</v>
      </c>
      <c r="B37914" t="s">
        <v>23512</v>
      </c>
      <c r="C37914" t="s">
        <v>23513</v>
      </c>
      <c r="D37914" t="s">
        <v>23514</v>
      </c>
      <c r="E37914" t="s">
        <v>23481</v>
      </c>
      <c r="F37914" t="s">
        <v>23482</v>
      </c>
      <c r="G37914" t="s">
        <v>11612</v>
      </c>
      <c r="H37914" t="s">
        <v>11613</v>
      </c>
      <c r="I37914" s="2">
        <v>0</v>
      </c>
      <c r="J37914" s="2">
        <v>0</v>
      </c>
      <c r="K37914" s="2">
        <v>1</v>
      </c>
      <c r="L37914" t="s">
        <v>995</v>
      </c>
      <c r="M37914" t="s">
        <v>83</v>
      </c>
      <c r="N37914" t="s">
        <v>84</v>
      </c>
      <c r="O37914" t="s">
        <v>85</v>
      </c>
      <c r="P37914" t="s">
        <v>86</v>
      </c>
      <c r="Q37914">
        <v>18</v>
      </c>
      <c r="R37914">
        <v>19</v>
      </c>
      <c r="S37914">
        <v>19</v>
      </c>
      <c r="T37914">
        <v>20</v>
      </c>
      <c r="U37914">
        <v>20</v>
      </c>
      <c r="V37914">
        <v>21</v>
      </c>
      <c r="W37914">
        <v>21</v>
      </c>
      <c r="X37914">
        <v>22</v>
      </c>
      <c r="Y37914">
        <v>22</v>
      </c>
      <c r="Z37914">
        <v>23</v>
      </c>
      <c r="AA37914">
        <v>23</v>
      </c>
      <c r="AB37914">
        <v>24</v>
      </c>
      <c r="AC37914">
        <v>24</v>
      </c>
      <c r="AD37914">
        <v>25</v>
      </c>
      <c r="AE37914">
        <v>25</v>
      </c>
      <c r="AF37914">
        <v>26</v>
      </c>
      <c r="AG37914">
        <v>26</v>
      </c>
      <c r="AH37914">
        <v>27</v>
      </c>
      <c r="AI37914">
        <v>27</v>
      </c>
      <c r="AJ37914">
        <v>28</v>
      </c>
      <c r="AK37914">
        <v>28</v>
      </c>
      <c r="AL37914">
        <v>29</v>
      </c>
      <c r="AM37914">
        <v>29</v>
      </c>
      <c r="AN37914">
        <v>29</v>
      </c>
      <c r="AO37914">
        <v>30</v>
      </c>
      <c r="AP37914">
        <v>30</v>
      </c>
      <c r="AQ37914">
        <v>30</v>
      </c>
    </row>
    <row r="37915" spans="1:43">
      <c r="A37915" t="s">
        <v>23511</v>
      </c>
      <c r="B37915" t="s">
        <v>23512</v>
      </c>
      <c r="C37915" t="s">
        <v>23513</v>
      </c>
      <c r="D37915" t="s">
        <v>23514</v>
      </c>
      <c r="E37915" t="s">
        <v>23481</v>
      </c>
      <c r="F37915" t="s">
        <v>23482</v>
      </c>
      <c r="G37915" t="s">
        <v>11612</v>
      </c>
      <c r="H37915" t="s">
        <v>11613</v>
      </c>
      <c r="I37915" s="2">
        <v>0</v>
      </c>
      <c r="J37915" s="2">
        <v>0</v>
      </c>
      <c r="K37915" s="2">
        <v>1</v>
      </c>
      <c r="L37915" t="s">
        <v>995</v>
      </c>
      <c r="M37915" t="s">
        <v>87</v>
      </c>
      <c r="N37915" t="s">
        <v>88</v>
      </c>
      <c r="O37915" t="s">
        <v>85</v>
      </c>
      <c r="P37915" t="s">
        <v>86</v>
      </c>
      <c r="Q37915">
        <v>18</v>
      </c>
      <c r="R37915">
        <v>18</v>
      </c>
      <c r="S37915">
        <v>19</v>
      </c>
      <c r="T37915">
        <v>19</v>
      </c>
      <c r="U37915">
        <v>19</v>
      </c>
      <c r="V37915">
        <v>20</v>
      </c>
      <c r="W37915">
        <v>20</v>
      </c>
      <c r="X37915">
        <v>20</v>
      </c>
      <c r="Y37915">
        <v>20</v>
      </c>
      <c r="Z37915">
        <v>21</v>
      </c>
      <c r="AA37915">
        <v>21</v>
      </c>
      <c r="AB37915">
        <v>21</v>
      </c>
      <c r="AC37915">
        <v>22</v>
      </c>
      <c r="AD37915">
        <v>22</v>
      </c>
      <c r="AE37915">
        <v>22</v>
      </c>
      <c r="AF37915">
        <v>23</v>
      </c>
      <c r="AG37915">
        <v>23</v>
      </c>
      <c r="AH37915">
        <v>23</v>
      </c>
      <c r="AI37915">
        <v>24</v>
      </c>
      <c r="AJ37915">
        <v>24</v>
      </c>
      <c r="AK37915">
        <v>24</v>
      </c>
      <c r="AL37915">
        <v>25</v>
      </c>
      <c r="AM37915">
        <v>25</v>
      </c>
      <c r="AN37915">
        <v>25</v>
      </c>
      <c r="AO37915">
        <v>26</v>
      </c>
      <c r="AP37915">
        <v>26</v>
      </c>
      <c r="AQ37915">
        <v>26</v>
      </c>
    </row>
    <row r="37916" spans="1:43">
      <c r="A37916" t="s">
        <v>23511</v>
      </c>
      <c r="B37916" t="s">
        <v>23512</v>
      </c>
      <c r="C37916" t="s">
        <v>23513</v>
      </c>
      <c r="D37916" t="s">
        <v>23514</v>
      </c>
      <c r="E37916" t="s">
        <v>23481</v>
      </c>
      <c r="F37916" t="s">
        <v>23482</v>
      </c>
      <c r="G37916" t="s">
        <v>11612</v>
      </c>
      <c r="H37916" t="s">
        <v>11613</v>
      </c>
      <c r="I37916" s="2">
        <v>0</v>
      </c>
      <c r="J37916" s="2">
        <v>0</v>
      </c>
      <c r="K37916" s="2">
        <v>1</v>
      </c>
      <c r="L37916" t="s">
        <v>995</v>
      </c>
      <c r="M37916" t="s">
        <v>89</v>
      </c>
      <c r="N37916" t="s">
        <v>90</v>
      </c>
      <c r="O37916" t="s">
        <v>85</v>
      </c>
      <c r="P37916" t="s">
        <v>86</v>
      </c>
      <c r="Q37916">
        <v>18</v>
      </c>
      <c r="R37916">
        <v>19</v>
      </c>
      <c r="S37916">
        <v>20</v>
      </c>
      <c r="T37916">
        <v>20</v>
      </c>
      <c r="U37916">
        <v>21</v>
      </c>
      <c r="V37916">
        <v>22</v>
      </c>
      <c r="W37916">
        <v>22</v>
      </c>
      <c r="X37916">
        <v>23</v>
      </c>
      <c r="Y37916">
        <v>23</v>
      </c>
      <c r="Z37916">
        <v>24</v>
      </c>
      <c r="AA37916">
        <v>25</v>
      </c>
      <c r="AB37916">
        <v>25</v>
      </c>
      <c r="AC37916">
        <v>26</v>
      </c>
      <c r="AD37916">
        <v>26</v>
      </c>
      <c r="AE37916">
        <v>27</v>
      </c>
      <c r="AF37916">
        <v>27</v>
      </c>
      <c r="AG37916">
        <v>27</v>
      </c>
      <c r="AH37916">
        <v>28</v>
      </c>
      <c r="AI37916">
        <v>28</v>
      </c>
      <c r="AJ37916">
        <v>28</v>
      </c>
      <c r="AK37916">
        <v>29</v>
      </c>
      <c r="AL37916">
        <v>29</v>
      </c>
      <c r="AM37916">
        <v>29</v>
      </c>
      <c r="AN37916">
        <v>30</v>
      </c>
      <c r="AO37916">
        <v>30</v>
      </c>
      <c r="AP37916">
        <v>30</v>
      </c>
      <c r="AQ37916">
        <v>31</v>
      </c>
    </row>
    <row r="37917" spans="1:43">
      <c r="A37917" t="s">
        <v>23511</v>
      </c>
      <c r="B37917" t="s">
        <v>23512</v>
      </c>
      <c r="C37917" t="s">
        <v>23513</v>
      </c>
      <c r="D37917" t="s">
        <v>23514</v>
      </c>
      <c r="E37917" t="s">
        <v>23481</v>
      </c>
      <c r="F37917" t="s">
        <v>23482</v>
      </c>
      <c r="G37917" t="s">
        <v>11612</v>
      </c>
      <c r="H37917" t="s">
        <v>11613</v>
      </c>
      <c r="I37917" s="2">
        <v>0</v>
      </c>
      <c r="J37917" s="2">
        <v>0</v>
      </c>
      <c r="K37917" s="2">
        <v>1</v>
      </c>
      <c r="L37917" t="s">
        <v>995</v>
      </c>
      <c r="M37917" t="s">
        <v>83</v>
      </c>
      <c r="N37917" t="s">
        <v>91</v>
      </c>
      <c r="O37917" t="s">
        <v>85</v>
      </c>
      <c r="P37917" t="s">
        <v>86</v>
      </c>
      <c r="Q37917">
        <v>18</v>
      </c>
      <c r="R37917">
        <v>19</v>
      </c>
      <c r="S37917">
        <v>19</v>
      </c>
      <c r="T37917">
        <v>20</v>
      </c>
      <c r="U37917">
        <v>20</v>
      </c>
      <c r="V37917">
        <v>21</v>
      </c>
      <c r="W37917">
        <v>21</v>
      </c>
      <c r="X37917">
        <v>22</v>
      </c>
      <c r="Y37917">
        <v>22</v>
      </c>
      <c r="Z37917">
        <v>23</v>
      </c>
      <c r="AA37917">
        <v>23</v>
      </c>
      <c r="AB37917">
        <v>24</v>
      </c>
      <c r="AC37917">
        <v>24</v>
      </c>
      <c r="AD37917">
        <v>25</v>
      </c>
      <c r="AE37917">
        <v>25</v>
      </c>
      <c r="AF37917">
        <v>26</v>
      </c>
      <c r="AG37917">
        <v>26</v>
      </c>
      <c r="AH37917">
        <v>27</v>
      </c>
      <c r="AI37917">
        <v>27</v>
      </c>
      <c r="AJ37917">
        <v>28</v>
      </c>
      <c r="AK37917">
        <v>28</v>
      </c>
      <c r="AL37917">
        <v>29</v>
      </c>
      <c r="AM37917">
        <v>29</v>
      </c>
      <c r="AN37917">
        <v>29</v>
      </c>
      <c r="AO37917">
        <v>30</v>
      </c>
      <c r="AP37917">
        <v>30</v>
      </c>
      <c r="AQ37917">
        <v>30</v>
      </c>
    </row>
    <row r="37918" spans="1:43">
      <c r="A37918" t="s">
        <v>23515</v>
      </c>
      <c r="B37918" t="s">
        <v>23516</v>
      </c>
      <c r="C37918" t="s">
        <v>23513</v>
      </c>
      <c r="D37918" t="s">
        <v>23514</v>
      </c>
      <c r="E37918" t="s">
        <v>23481</v>
      </c>
      <c r="F37918" t="s">
        <v>23482</v>
      </c>
      <c r="G37918" t="s">
        <v>11612</v>
      </c>
      <c r="H37918" t="s">
        <v>11613</v>
      </c>
      <c r="I37918" s="2">
        <v>0</v>
      </c>
      <c r="J37918" s="2">
        <v>0</v>
      </c>
      <c r="K37918" s="2">
        <v>1</v>
      </c>
      <c r="L37918" t="s">
        <v>995</v>
      </c>
      <c r="M37918" t="s">
        <v>83</v>
      </c>
      <c r="N37918" t="s">
        <v>84</v>
      </c>
      <c r="O37918" t="s">
        <v>85</v>
      </c>
      <c r="P37918" t="s">
        <v>86</v>
      </c>
      <c r="Q37918">
        <v>38</v>
      </c>
      <c r="R37918">
        <v>39</v>
      </c>
      <c r="S37918">
        <v>40</v>
      </c>
      <c r="T37918">
        <v>41</v>
      </c>
      <c r="U37918">
        <v>42</v>
      </c>
      <c r="V37918">
        <v>43</v>
      </c>
      <c r="W37918">
        <v>44</v>
      </c>
      <c r="X37918">
        <v>45</v>
      </c>
      <c r="Y37918">
        <v>46</v>
      </c>
      <c r="Z37918">
        <v>47</v>
      </c>
      <c r="AA37918">
        <v>48</v>
      </c>
      <c r="AB37918">
        <v>49</v>
      </c>
      <c r="AC37918">
        <v>50</v>
      </c>
      <c r="AD37918">
        <v>51</v>
      </c>
      <c r="AE37918">
        <v>52</v>
      </c>
      <c r="AF37918">
        <v>53</v>
      </c>
      <c r="AG37918">
        <v>54</v>
      </c>
      <c r="AH37918">
        <v>55</v>
      </c>
      <c r="AI37918">
        <v>56</v>
      </c>
      <c r="AJ37918">
        <v>58</v>
      </c>
      <c r="AK37918">
        <v>59</v>
      </c>
      <c r="AL37918">
        <v>60</v>
      </c>
      <c r="AM37918">
        <v>60</v>
      </c>
      <c r="AN37918">
        <v>61</v>
      </c>
      <c r="AO37918">
        <v>61</v>
      </c>
      <c r="AP37918">
        <v>62</v>
      </c>
      <c r="AQ37918">
        <v>63</v>
      </c>
    </row>
    <row r="37919" spans="1:43">
      <c r="A37919" t="s">
        <v>23515</v>
      </c>
      <c r="B37919" t="s">
        <v>23516</v>
      </c>
      <c r="C37919" t="s">
        <v>23513</v>
      </c>
      <c r="D37919" t="s">
        <v>23514</v>
      </c>
      <c r="E37919" t="s">
        <v>23481</v>
      </c>
      <c r="F37919" t="s">
        <v>23482</v>
      </c>
      <c r="G37919" t="s">
        <v>11612</v>
      </c>
      <c r="H37919" t="s">
        <v>11613</v>
      </c>
      <c r="I37919" s="2">
        <v>0</v>
      </c>
      <c r="J37919" s="2">
        <v>0</v>
      </c>
      <c r="K37919" s="2">
        <v>1</v>
      </c>
      <c r="L37919" t="s">
        <v>995</v>
      </c>
      <c r="M37919" t="s">
        <v>87</v>
      </c>
      <c r="N37919" t="s">
        <v>88</v>
      </c>
      <c r="O37919" t="s">
        <v>85</v>
      </c>
      <c r="P37919" t="s">
        <v>86</v>
      </c>
      <c r="Q37919">
        <v>38</v>
      </c>
      <c r="R37919">
        <v>38</v>
      </c>
      <c r="S37919">
        <v>39</v>
      </c>
      <c r="T37919">
        <v>39</v>
      </c>
      <c r="U37919">
        <v>40</v>
      </c>
      <c r="V37919">
        <v>40</v>
      </c>
      <c r="W37919">
        <v>41</v>
      </c>
      <c r="X37919">
        <v>42</v>
      </c>
      <c r="Y37919">
        <v>42</v>
      </c>
      <c r="Z37919">
        <v>43</v>
      </c>
      <c r="AA37919">
        <v>43</v>
      </c>
      <c r="AB37919">
        <v>44</v>
      </c>
      <c r="AC37919">
        <v>45</v>
      </c>
      <c r="AD37919">
        <v>45</v>
      </c>
      <c r="AE37919">
        <v>46</v>
      </c>
      <c r="AF37919">
        <v>47</v>
      </c>
      <c r="AG37919">
        <v>47</v>
      </c>
      <c r="AH37919">
        <v>48</v>
      </c>
      <c r="AI37919">
        <v>49</v>
      </c>
      <c r="AJ37919">
        <v>49</v>
      </c>
      <c r="AK37919">
        <v>50</v>
      </c>
      <c r="AL37919">
        <v>51</v>
      </c>
      <c r="AM37919">
        <v>52</v>
      </c>
      <c r="AN37919">
        <v>52</v>
      </c>
      <c r="AO37919">
        <v>53</v>
      </c>
      <c r="AP37919">
        <v>54</v>
      </c>
      <c r="AQ37919">
        <v>54</v>
      </c>
    </row>
    <row r="37920" spans="1:43">
      <c r="A37920" t="s">
        <v>23515</v>
      </c>
      <c r="B37920" t="s">
        <v>23516</v>
      </c>
      <c r="C37920" t="s">
        <v>23513</v>
      </c>
      <c r="D37920" t="s">
        <v>23514</v>
      </c>
      <c r="E37920" t="s">
        <v>23481</v>
      </c>
      <c r="F37920" t="s">
        <v>23482</v>
      </c>
      <c r="G37920" t="s">
        <v>11612</v>
      </c>
      <c r="H37920" t="s">
        <v>11613</v>
      </c>
      <c r="I37920" s="2">
        <v>0</v>
      </c>
      <c r="J37920" s="2">
        <v>0</v>
      </c>
      <c r="K37920" s="2">
        <v>1</v>
      </c>
      <c r="L37920" t="s">
        <v>995</v>
      </c>
      <c r="M37920" t="s">
        <v>89</v>
      </c>
      <c r="N37920" t="s">
        <v>90</v>
      </c>
      <c r="O37920" t="s">
        <v>85</v>
      </c>
      <c r="P37920" t="s">
        <v>86</v>
      </c>
      <c r="Q37920">
        <v>38</v>
      </c>
      <c r="R37920">
        <v>40</v>
      </c>
      <c r="S37920">
        <v>41</v>
      </c>
      <c r="T37920">
        <v>42</v>
      </c>
      <c r="U37920">
        <v>43</v>
      </c>
      <c r="V37920">
        <v>45</v>
      </c>
      <c r="W37920">
        <v>46</v>
      </c>
      <c r="X37920">
        <v>47</v>
      </c>
      <c r="Y37920">
        <v>48</v>
      </c>
      <c r="Z37920">
        <v>50</v>
      </c>
      <c r="AA37920">
        <v>51</v>
      </c>
      <c r="AB37920">
        <v>52</v>
      </c>
      <c r="AC37920">
        <v>53</v>
      </c>
      <c r="AD37920">
        <v>55</v>
      </c>
      <c r="AE37920">
        <v>56</v>
      </c>
      <c r="AF37920">
        <v>56</v>
      </c>
      <c r="AG37920">
        <v>57</v>
      </c>
      <c r="AH37920">
        <v>57</v>
      </c>
      <c r="AI37920">
        <v>58</v>
      </c>
      <c r="AJ37920">
        <v>59</v>
      </c>
      <c r="AK37920">
        <v>59</v>
      </c>
      <c r="AL37920">
        <v>60</v>
      </c>
      <c r="AM37920">
        <v>61</v>
      </c>
      <c r="AN37920">
        <v>61</v>
      </c>
      <c r="AO37920">
        <v>62</v>
      </c>
      <c r="AP37920">
        <v>63</v>
      </c>
      <c r="AQ37920">
        <v>63</v>
      </c>
    </row>
    <row r="37921" spans="1:43">
      <c r="A37921" t="s">
        <v>23515</v>
      </c>
      <c r="B37921" t="s">
        <v>23516</v>
      </c>
      <c r="C37921" t="s">
        <v>23513</v>
      </c>
      <c r="D37921" t="s">
        <v>23514</v>
      </c>
      <c r="E37921" t="s">
        <v>23481</v>
      </c>
      <c r="F37921" t="s">
        <v>23482</v>
      </c>
      <c r="G37921" t="s">
        <v>11612</v>
      </c>
      <c r="H37921" t="s">
        <v>11613</v>
      </c>
      <c r="I37921" s="2">
        <v>0</v>
      </c>
      <c r="J37921" s="2">
        <v>0</v>
      </c>
      <c r="K37921" s="2">
        <v>1</v>
      </c>
      <c r="L37921" t="s">
        <v>995</v>
      </c>
      <c r="M37921" t="s">
        <v>83</v>
      </c>
      <c r="N37921" t="s">
        <v>91</v>
      </c>
      <c r="O37921" t="s">
        <v>85</v>
      </c>
      <c r="P37921" t="s">
        <v>86</v>
      </c>
      <c r="Q37921">
        <v>38</v>
      </c>
      <c r="R37921">
        <v>39</v>
      </c>
      <c r="S37921">
        <v>40</v>
      </c>
      <c r="T37921">
        <v>41</v>
      </c>
      <c r="U37921">
        <v>42</v>
      </c>
      <c r="V37921">
        <v>43</v>
      </c>
      <c r="W37921">
        <v>44</v>
      </c>
      <c r="X37921">
        <v>45</v>
      </c>
      <c r="Y37921">
        <v>46</v>
      </c>
      <c r="Z37921">
        <v>47</v>
      </c>
      <c r="AA37921">
        <v>48</v>
      </c>
      <c r="AB37921">
        <v>49</v>
      </c>
      <c r="AC37921">
        <v>50</v>
      </c>
      <c r="AD37921">
        <v>51</v>
      </c>
      <c r="AE37921">
        <v>52</v>
      </c>
      <c r="AF37921">
        <v>53</v>
      </c>
      <c r="AG37921">
        <v>54</v>
      </c>
      <c r="AH37921">
        <v>55</v>
      </c>
      <c r="AI37921">
        <v>56</v>
      </c>
      <c r="AJ37921">
        <v>58</v>
      </c>
      <c r="AK37921">
        <v>59</v>
      </c>
      <c r="AL37921">
        <v>60</v>
      </c>
      <c r="AM37921">
        <v>60</v>
      </c>
      <c r="AN37921">
        <v>61</v>
      </c>
      <c r="AO37921">
        <v>61</v>
      </c>
      <c r="AP37921">
        <v>62</v>
      </c>
      <c r="AQ37921">
        <v>63</v>
      </c>
    </row>
    <row r="37922" spans="1:43">
      <c r="A37922" t="s">
        <v>23517</v>
      </c>
      <c r="B37922" t="s">
        <v>23518</v>
      </c>
      <c r="C37922" t="s">
        <v>23513</v>
      </c>
      <c r="D37922" t="s">
        <v>23514</v>
      </c>
      <c r="E37922" t="s">
        <v>23481</v>
      </c>
      <c r="F37922" t="s">
        <v>23482</v>
      </c>
      <c r="G37922" t="s">
        <v>11612</v>
      </c>
      <c r="H37922" t="s">
        <v>11613</v>
      </c>
      <c r="I37922" s="2">
        <v>0</v>
      </c>
      <c r="J37922" s="2">
        <v>0</v>
      </c>
      <c r="K37922" s="2">
        <v>1</v>
      </c>
      <c r="L37922" t="s">
        <v>995</v>
      </c>
      <c r="M37922" t="s">
        <v>83</v>
      </c>
      <c r="N37922" t="s">
        <v>84</v>
      </c>
      <c r="O37922" t="s">
        <v>85</v>
      </c>
      <c r="P37922" t="s">
        <v>86</v>
      </c>
      <c r="Q37922">
        <v>18</v>
      </c>
      <c r="R37922">
        <v>18</v>
      </c>
      <c r="S37922">
        <v>18</v>
      </c>
      <c r="T37922">
        <v>19</v>
      </c>
      <c r="U37922">
        <v>19</v>
      </c>
      <c r="V37922">
        <v>20</v>
      </c>
      <c r="W37922">
        <v>20</v>
      </c>
      <c r="X37922">
        <v>21</v>
      </c>
      <c r="Y37922">
        <v>21</v>
      </c>
      <c r="Z37922">
        <v>22</v>
      </c>
      <c r="AA37922">
        <v>22</v>
      </c>
      <c r="AB37922">
        <v>23</v>
      </c>
      <c r="AC37922">
        <v>23</v>
      </c>
      <c r="AD37922">
        <v>24</v>
      </c>
      <c r="AE37922">
        <v>24</v>
      </c>
      <c r="AF37922">
        <v>25</v>
      </c>
      <c r="AG37922">
        <v>25</v>
      </c>
      <c r="AH37922">
        <v>26</v>
      </c>
      <c r="AI37922">
        <v>26</v>
      </c>
      <c r="AJ37922">
        <v>27</v>
      </c>
      <c r="AK37922">
        <v>27</v>
      </c>
      <c r="AL37922">
        <v>28</v>
      </c>
      <c r="AM37922">
        <v>28</v>
      </c>
      <c r="AN37922">
        <v>28</v>
      </c>
      <c r="AO37922">
        <v>29</v>
      </c>
      <c r="AP37922">
        <v>29</v>
      </c>
      <c r="AQ37922">
        <v>29</v>
      </c>
    </row>
    <row r="37923" spans="1:43">
      <c r="A37923" t="s">
        <v>23517</v>
      </c>
      <c r="B37923" t="s">
        <v>23518</v>
      </c>
      <c r="C37923" t="s">
        <v>23513</v>
      </c>
      <c r="D37923" t="s">
        <v>23514</v>
      </c>
      <c r="E37923" t="s">
        <v>23481</v>
      </c>
      <c r="F37923" t="s">
        <v>23482</v>
      </c>
      <c r="G37923" t="s">
        <v>11612</v>
      </c>
      <c r="H37923" t="s">
        <v>11613</v>
      </c>
      <c r="I37923" s="2">
        <v>0</v>
      </c>
      <c r="J37923" s="2">
        <v>0</v>
      </c>
      <c r="K37923" s="2">
        <v>1</v>
      </c>
      <c r="L37923" t="s">
        <v>995</v>
      </c>
      <c r="M37923" t="s">
        <v>87</v>
      </c>
      <c r="N37923" t="s">
        <v>88</v>
      </c>
      <c r="O37923" t="s">
        <v>85</v>
      </c>
      <c r="P37923" t="s">
        <v>86</v>
      </c>
      <c r="Q37923">
        <v>18</v>
      </c>
      <c r="R37923">
        <v>19</v>
      </c>
      <c r="S37923">
        <v>19</v>
      </c>
      <c r="T37923">
        <v>19</v>
      </c>
      <c r="U37923">
        <v>19</v>
      </c>
      <c r="V37923">
        <v>20</v>
      </c>
      <c r="W37923">
        <v>20</v>
      </c>
      <c r="X37923">
        <v>20</v>
      </c>
      <c r="Y37923">
        <v>21</v>
      </c>
      <c r="Z37923">
        <v>21</v>
      </c>
      <c r="AA37923">
        <v>21</v>
      </c>
      <c r="AB37923">
        <v>21</v>
      </c>
      <c r="AC37923">
        <v>22</v>
      </c>
      <c r="AD37923">
        <v>22</v>
      </c>
      <c r="AE37923">
        <v>22</v>
      </c>
      <c r="AF37923">
        <v>23</v>
      </c>
      <c r="AG37923">
        <v>23</v>
      </c>
      <c r="AH37923">
        <v>23</v>
      </c>
      <c r="AI37923">
        <v>24</v>
      </c>
      <c r="AJ37923">
        <v>24</v>
      </c>
      <c r="AK37923">
        <v>24</v>
      </c>
      <c r="AL37923">
        <v>25</v>
      </c>
      <c r="AM37923">
        <v>25</v>
      </c>
      <c r="AN37923">
        <v>25</v>
      </c>
      <c r="AO37923">
        <v>26</v>
      </c>
      <c r="AP37923">
        <v>26</v>
      </c>
      <c r="AQ37923">
        <v>26</v>
      </c>
    </row>
    <row r="37924" spans="1:43">
      <c r="A37924" t="s">
        <v>23517</v>
      </c>
      <c r="B37924" t="s">
        <v>23518</v>
      </c>
      <c r="C37924" t="s">
        <v>23513</v>
      </c>
      <c r="D37924" t="s">
        <v>23514</v>
      </c>
      <c r="E37924" t="s">
        <v>23481</v>
      </c>
      <c r="F37924" t="s">
        <v>23482</v>
      </c>
      <c r="G37924" t="s">
        <v>11612</v>
      </c>
      <c r="H37924" t="s">
        <v>11613</v>
      </c>
      <c r="I37924" s="2">
        <v>0</v>
      </c>
      <c r="J37924" s="2">
        <v>0</v>
      </c>
      <c r="K37924" s="2">
        <v>1</v>
      </c>
      <c r="L37924" t="s">
        <v>995</v>
      </c>
      <c r="M37924" t="s">
        <v>89</v>
      </c>
      <c r="N37924" t="s">
        <v>90</v>
      </c>
      <c r="O37924" t="s">
        <v>85</v>
      </c>
      <c r="P37924" t="s">
        <v>86</v>
      </c>
      <c r="Q37924">
        <v>18</v>
      </c>
      <c r="R37924">
        <v>18</v>
      </c>
      <c r="S37924">
        <v>19</v>
      </c>
      <c r="T37924">
        <v>19</v>
      </c>
      <c r="U37924">
        <v>20</v>
      </c>
      <c r="V37924">
        <v>21</v>
      </c>
      <c r="W37924">
        <v>21</v>
      </c>
      <c r="X37924">
        <v>22</v>
      </c>
      <c r="Y37924">
        <v>22</v>
      </c>
      <c r="Z37924">
        <v>23</v>
      </c>
      <c r="AA37924">
        <v>24</v>
      </c>
      <c r="AB37924">
        <v>24</v>
      </c>
      <c r="AC37924">
        <v>25</v>
      </c>
      <c r="AD37924">
        <v>25</v>
      </c>
      <c r="AE37924">
        <v>26</v>
      </c>
      <c r="AF37924">
        <v>26</v>
      </c>
      <c r="AG37924">
        <v>26</v>
      </c>
      <c r="AH37924">
        <v>27</v>
      </c>
      <c r="AI37924">
        <v>27</v>
      </c>
      <c r="AJ37924">
        <v>27</v>
      </c>
      <c r="AK37924">
        <v>28</v>
      </c>
      <c r="AL37924">
        <v>28</v>
      </c>
      <c r="AM37924">
        <v>28</v>
      </c>
      <c r="AN37924">
        <v>28</v>
      </c>
      <c r="AO37924">
        <v>29</v>
      </c>
      <c r="AP37924">
        <v>29</v>
      </c>
      <c r="AQ37924">
        <v>29</v>
      </c>
    </row>
    <row r="37925" spans="1:43">
      <c r="A37925" t="s">
        <v>23517</v>
      </c>
      <c r="B37925" t="s">
        <v>23518</v>
      </c>
      <c r="C37925" t="s">
        <v>23513</v>
      </c>
      <c r="D37925" t="s">
        <v>23514</v>
      </c>
      <c r="E37925" t="s">
        <v>23481</v>
      </c>
      <c r="F37925" t="s">
        <v>23482</v>
      </c>
      <c r="G37925" t="s">
        <v>11612</v>
      </c>
      <c r="H37925" t="s">
        <v>11613</v>
      </c>
      <c r="I37925" s="2">
        <v>0</v>
      </c>
      <c r="J37925" s="2">
        <v>0</v>
      </c>
      <c r="K37925" s="2">
        <v>1</v>
      </c>
      <c r="L37925" t="s">
        <v>995</v>
      </c>
      <c r="M37925" t="s">
        <v>83</v>
      </c>
      <c r="N37925" t="s">
        <v>91</v>
      </c>
      <c r="O37925" t="s">
        <v>85</v>
      </c>
      <c r="P37925" t="s">
        <v>86</v>
      </c>
      <c r="Q37925">
        <v>18</v>
      </c>
      <c r="R37925">
        <v>18</v>
      </c>
      <c r="S37925">
        <v>18</v>
      </c>
      <c r="T37925">
        <v>19</v>
      </c>
      <c r="U37925">
        <v>19</v>
      </c>
      <c r="V37925">
        <v>20</v>
      </c>
      <c r="W37925">
        <v>20</v>
      </c>
      <c r="X37925">
        <v>21</v>
      </c>
      <c r="Y37925">
        <v>21</v>
      </c>
      <c r="Z37925">
        <v>22</v>
      </c>
      <c r="AA37925">
        <v>22</v>
      </c>
      <c r="AB37925">
        <v>23</v>
      </c>
      <c r="AC37925">
        <v>23</v>
      </c>
      <c r="AD37925">
        <v>24</v>
      </c>
      <c r="AE37925">
        <v>24</v>
      </c>
      <c r="AF37925">
        <v>25</v>
      </c>
      <c r="AG37925">
        <v>25</v>
      </c>
      <c r="AH37925">
        <v>26</v>
      </c>
      <c r="AI37925">
        <v>26</v>
      </c>
      <c r="AJ37925">
        <v>27</v>
      </c>
      <c r="AK37925">
        <v>27</v>
      </c>
      <c r="AL37925">
        <v>28</v>
      </c>
      <c r="AM37925">
        <v>28</v>
      </c>
      <c r="AN37925">
        <v>28</v>
      </c>
      <c r="AO37925">
        <v>29</v>
      </c>
      <c r="AP37925">
        <v>29</v>
      </c>
      <c r="AQ37925">
        <v>29</v>
      </c>
    </row>
    <row r="37926" spans="1:43">
      <c r="A37926" t="s">
        <v>23519</v>
      </c>
      <c r="B37926" t="s">
        <v>23520</v>
      </c>
      <c r="C37926" t="s">
        <v>23513</v>
      </c>
      <c r="D37926" t="s">
        <v>23514</v>
      </c>
      <c r="E37926" t="s">
        <v>23481</v>
      </c>
      <c r="F37926" t="s">
        <v>23482</v>
      </c>
      <c r="G37926" t="s">
        <v>11612</v>
      </c>
      <c r="H37926" t="s">
        <v>11613</v>
      </c>
      <c r="I37926" s="2">
        <v>0</v>
      </c>
      <c r="J37926" s="2">
        <v>0</v>
      </c>
      <c r="K37926" s="2">
        <v>1</v>
      </c>
      <c r="L37926" t="s">
        <v>995</v>
      </c>
      <c r="M37926" t="s">
        <v>83</v>
      </c>
      <c r="N37926" t="s">
        <v>84</v>
      </c>
      <c r="O37926" t="s">
        <v>85</v>
      </c>
      <c r="P37926" t="s">
        <v>86</v>
      </c>
      <c r="Q37926">
        <v>47</v>
      </c>
      <c r="R37926">
        <v>49</v>
      </c>
      <c r="S37926">
        <v>50</v>
      </c>
      <c r="T37926">
        <v>51</v>
      </c>
      <c r="U37926">
        <v>52</v>
      </c>
      <c r="V37926">
        <v>53</v>
      </c>
      <c r="W37926">
        <v>55</v>
      </c>
      <c r="X37926">
        <v>56</v>
      </c>
      <c r="Y37926">
        <v>57</v>
      </c>
      <c r="Z37926">
        <v>58</v>
      </c>
      <c r="AA37926">
        <v>60</v>
      </c>
      <c r="AB37926">
        <v>61</v>
      </c>
      <c r="AC37926">
        <v>62</v>
      </c>
      <c r="AD37926">
        <v>64</v>
      </c>
      <c r="AE37926">
        <v>65</v>
      </c>
      <c r="AF37926">
        <v>66</v>
      </c>
      <c r="AG37926">
        <v>68</v>
      </c>
      <c r="AH37926">
        <v>69</v>
      </c>
      <c r="AI37926">
        <v>71</v>
      </c>
      <c r="AJ37926">
        <v>72</v>
      </c>
      <c r="AK37926">
        <v>74</v>
      </c>
      <c r="AL37926">
        <v>75</v>
      </c>
      <c r="AM37926">
        <v>75</v>
      </c>
      <c r="AN37926">
        <v>76</v>
      </c>
      <c r="AO37926">
        <v>77</v>
      </c>
      <c r="AP37926">
        <v>78</v>
      </c>
      <c r="AQ37926">
        <v>79</v>
      </c>
    </row>
    <row r="37927" spans="1:43">
      <c r="A37927" t="s">
        <v>23519</v>
      </c>
      <c r="B37927" t="s">
        <v>23520</v>
      </c>
      <c r="C37927" t="s">
        <v>23513</v>
      </c>
      <c r="D37927" t="s">
        <v>23514</v>
      </c>
      <c r="E37927" t="s">
        <v>23481</v>
      </c>
      <c r="F37927" t="s">
        <v>23482</v>
      </c>
      <c r="G37927" t="s">
        <v>11612</v>
      </c>
      <c r="H37927" t="s">
        <v>11613</v>
      </c>
      <c r="I37927" s="2">
        <v>0</v>
      </c>
      <c r="J37927" s="2">
        <v>0</v>
      </c>
      <c r="K37927" s="2">
        <v>1</v>
      </c>
      <c r="L37927" t="s">
        <v>995</v>
      </c>
      <c r="M37927" t="s">
        <v>87</v>
      </c>
      <c r="N37927" t="s">
        <v>88</v>
      </c>
      <c r="O37927" t="s">
        <v>85</v>
      </c>
      <c r="P37927" t="s">
        <v>86</v>
      </c>
      <c r="Q37927">
        <v>47</v>
      </c>
      <c r="R37927">
        <v>48</v>
      </c>
      <c r="S37927">
        <v>48</v>
      </c>
      <c r="T37927">
        <v>49</v>
      </c>
      <c r="U37927">
        <v>50</v>
      </c>
      <c r="V37927">
        <v>51</v>
      </c>
      <c r="W37927">
        <v>51</v>
      </c>
      <c r="X37927">
        <v>52</v>
      </c>
      <c r="Y37927">
        <v>53</v>
      </c>
      <c r="Z37927">
        <v>54</v>
      </c>
      <c r="AA37927">
        <v>54</v>
      </c>
      <c r="AB37927">
        <v>55</v>
      </c>
      <c r="AC37927">
        <v>56</v>
      </c>
      <c r="AD37927">
        <v>57</v>
      </c>
      <c r="AE37927">
        <v>58</v>
      </c>
      <c r="AF37927">
        <v>58</v>
      </c>
      <c r="AG37927">
        <v>59</v>
      </c>
      <c r="AH37927">
        <v>60</v>
      </c>
      <c r="AI37927">
        <v>61</v>
      </c>
      <c r="AJ37927">
        <v>62</v>
      </c>
      <c r="AK37927">
        <v>63</v>
      </c>
      <c r="AL37927">
        <v>64</v>
      </c>
      <c r="AM37927">
        <v>65</v>
      </c>
      <c r="AN37927">
        <v>65</v>
      </c>
      <c r="AO37927">
        <v>66</v>
      </c>
      <c r="AP37927">
        <v>67</v>
      </c>
      <c r="AQ37927">
        <v>68</v>
      </c>
    </row>
    <row r="37928" spans="1:43">
      <c r="A37928" t="s">
        <v>23519</v>
      </c>
      <c r="B37928" t="s">
        <v>23520</v>
      </c>
      <c r="C37928" t="s">
        <v>23513</v>
      </c>
      <c r="D37928" t="s">
        <v>23514</v>
      </c>
      <c r="E37928" t="s">
        <v>23481</v>
      </c>
      <c r="F37928" t="s">
        <v>23482</v>
      </c>
      <c r="G37928" t="s">
        <v>11612</v>
      </c>
      <c r="H37928" t="s">
        <v>11613</v>
      </c>
      <c r="I37928" s="2">
        <v>0</v>
      </c>
      <c r="J37928" s="2">
        <v>0</v>
      </c>
      <c r="K37928" s="2">
        <v>1</v>
      </c>
      <c r="L37928" t="s">
        <v>995</v>
      </c>
      <c r="M37928" t="s">
        <v>89</v>
      </c>
      <c r="N37928" t="s">
        <v>90</v>
      </c>
      <c r="O37928" t="s">
        <v>85</v>
      </c>
      <c r="P37928" t="s">
        <v>86</v>
      </c>
      <c r="Q37928">
        <v>47</v>
      </c>
      <c r="R37928">
        <v>48</v>
      </c>
      <c r="S37928">
        <v>50</v>
      </c>
      <c r="T37928">
        <v>52</v>
      </c>
      <c r="U37928">
        <v>53</v>
      </c>
      <c r="V37928">
        <v>55</v>
      </c>
      <c r="W37928">
        <v>56</v>
      </c>
      <c r="X37928">
        <v>58</v>
      </c>
      <c r="Y37928">
        <v>59</v>
      </c>
      <c r="Z37928">
        <v>61</v>
      </c>
      <c r="AA37928">
        <v>63</v>
      </c>
      <c r="AB37928">
        <v>64</v>
      </c>
      <c r="AC37928">
        <v>66</v>
      </c>
      <c r="AD37928">
        <v>67</v>
      </c>
      <c r="AE37928">
        <v>69</v>
      </c>
      <c r="AF37928">
        <v>70</v>
      </c>
      <c r="AG37928">
        <v>70</v>
      </c>
      <c r="AH37928">
        <v>71</v>
      </c>
      <c r="AI37928">
        <v>72</v>
      </c>
      <c r="AJ37928">
        <v>73</v>
      </c>
      <c r="AK37928">
        <v>73</v>
      </c>
      <c r="AL37928">
        <v>74</v>
      </c>
      <c r="AM37928">
        <v>75</v>
      </c>
      <c r="AN37928">
        <v>76</v>
      </c>
      <c r="AO37928">
        <v>77</v>
      </c>
      <c r="AP37928">
        <v>78</v>
      </c>
      <c r="AQ37928">
        <v>78</v>
      </c>
    </row>
    <row r="37929" spans="1:43">
      <c r="A37929" t="s">
        <v>23519</v>
      </c>
      <c r="B37929" t="s">
        <v>23520</v>
      </c>
      <c r="C37929" t="s">
        <v>23513</v>
      </c>
      <c r="D37929" t="s">
        <v>23514</v>
      </c>
      <c r="E37929" t="s">
        <v>23481</v>
      </c>
      <c r="F37929" t="s">
        <v>23482</v>
      </c>
      <c r="G37929" t="s">
        <v>11612</v>
      </c>
      <c r="H37929" t="s">
        <v>11613</v>
      </c>
      <c r="I37929" s="2">
        <v>0</v>
      </c>
      <c r="J37929" s="2">
        <v>0</v>
      </c>
      <c r="K37929" s="2">
        <v>1</v>
      </c>
      <c r="L37929" t="s">
        <v>995</v>
      </c>
      <c r="M37929" t="s">
        <v>83</v>
      </c>
      <c r="N37929" t="s">
        <v>91</v>
      </c>
      <c r="O37929" t="s">
        <v>85</v>
      </c>
      <c r="P37929" t="s">
        <v>86</v>
      </c>
      <c r="Q37929">
        <v>47</v>
      </c>
      <c r="R37929">
        <v>49</v>
      </c>
      <c r="S37929">
        <v>50</v>
      </c>
      <c r="T37929">
        <v>51</v>
      </c>
      <c r="U37929">
        <v>52</v>
      </c>
      <c r="V37929">
        <v>53</v>
      </c>
      <c r="W37929">
        <v>55</v>
      </c>
      <c r="X37929">
        <v>56</v>
      </c>
      <c r="Y37929">
        <v>57</v>
      </c>
      <c r="Z37929">
        <v>58</v>
      </c>
      <c r="AA37929">
        <v>60</v>
      </c>
      <c r="AB37929">
        <v>61</v>
      </c>
      <c r="AC37929">
        <v>62</v>
      </c>
      <c r="AD37929">
        <v>64</v>
      </c>
      <c r="AE37929">
        <v>65</v>
      </c>
      <c r="AF37929">
        <v>66</v>
      </c>
      <c r="AG37929">
        <v>68</v>
      </c>
      <c r="AH37929">
        <v>69</v>
      </c>
      <c r="AI37929">
        <v>71</v>
      </c>
      <c r="AJ37929">
        <v>72</v>
      </c>
      <c r="AK37929">
        <v>74</v>
      </c>
      <c r="AL37929">
        <v>75</v>
      </c>
      <c r="AM37929">
        <v>75</v>
      </c>
      <c r="AN37929">
        <v>76</v>
      </c>
      <c r="AO37929">
        <v>77</v>
      </c>
      <c r="AP37929">
        <v>78</v>
      </c>
      <c r="AQ37929">
        <v>79</v>
      </c>
    </row>
    <row r="37930" spans="1:43">
      <c r="A37930" t="s">
        <v>23521</v>
      </c>
      <c r="B37930" t="s">
        <v>23522</v>
      </c>
      <c r="C37930" t="s">
        <v>23523</v>
      </c>
      <c r="D37930" t="s">
        <v>23524</v>
      </c>
      <c r="E37930" t="s">
        <v>23481</v>
      </c>
      <c r="F37930" t="s">
        <v>23482</v>
      </c>
      <c r="G37930" t="s">
        <v>11612</v>
      </c>
      <c r="H37930" t="s">
        <v>11613</v>
      </c>
      <c r="I37930" s="2">
        <v>0</v>
      </c>
      <c r="J37930" s="2">
        <v>0</v>
      </c>
      <c r="K37930" s="2">
        <v>1</v>
      </c>
      <c r="L37930" t="s">
        <v>995</v>
      </c>
      <c r="M37930" t="s">
        <v>83</v>
      </c>
      <c r="N37930" t="s">
        <v>84</v>
      </c>
      <c r="O37930" t="s">
        <v>85</v>
      </c>
      <c r="P37930" t="s">
        <v>86</v>
      </c>
      <c r="Q37930">
        <v>28</v>
      </c>
      <c r="R37930">
        <v>28</v>
      </c>
      <c r="S37930">
        <v>29</v>
      </c>
      <c r="T37930">
        <v>30</v>
      </c>
      <c r="U37930">
        <v>30</v>
      </c>
      <c r="V37930">
        <v>31</v>
      </c>
      <c r="W37930">
        <v>32</v>
      </c>
      <c r="X37930">
        <v>32</v>
      </c>
      <c r="Y37930">
        <v>33</v>
      </c>
      <c r="Z37930">
        <v>34</v>
      </c>
      <c r="AA37930">
        <v>35</v>
      </c>
      <c r="AB37930">
        <v>36</v>
      </c>
      <c r="AC37930">
        <v>36</v>
      </c>
      <c r="AD37930">
        <v>37</v>
      </c>
      <c r="AE37930">
        <v>38</v>
      </c>
      <c r="AF37930">
        <v>39</v>
      </c>
      <c r="AG37930">
        <v>40</v>
      </c>
      <c r="AH37930">
        <v>40</v>
      </c>
      <c r="AI37930">
        <v>41</v>
      </c>
      <c r="AJ37930">
        <v>42</v>
      </c>
      <c r="AK37930">
        <v>43</v>
      </c>
      <c r="AL37930">
        <v>44</v>
      </c>
      <c r="AM37930">
        <v>44</v>
      </c>
      <c r="AN37930">
        <v>45</v>
      </c>
      <c r="AO37930">
        <v>45</v>
      </c>
      <c r="AP37930">
        <v>46</v>
      </c>
      <c r="AQ37930">
        <v>46</v>
      </c>
    </row>
    <row r="37931" spans="1:43">
      <c r="A37931" t="s">
        <v>23521</v>
      </c>
      <c r="B37931" t="s">
        <v>23522</v>
      </c>
      <c r="C37931" t="s">
        <v>23523</v>
      </c>
      <c r="D37931" t="s">
        <v>23524</v>
      </c>
      <c r="E37931" t="s">
        <v>23481</v>
      </c>
      <c r="F37931" t="s">
        <v>23482</v>
      </c>
      <c r="G37931" t="s">
        <v>11612</v>
      </c>
      <c r="H37931" t="s">
        <v>11613</v>
      </c>
      <c r="I37931" s="2">
        <v>0</v>
      </c>
      <c r="J37931" s="2">
        <v>0</v>
      </c>
      <c r="K37931" s="2">
        <v>1</v>
      </c>
      <c r="L37931" t="s">
        <v>995</v>
      </c>
      <c r="M37931" t="s">
        <v>87</v>
      </c>
      <c r="N37931" t="s">
        <v>88</v>
      </c>
      <c r="O37931" t="s">
        <v>85</v>
      </c>
      <c r="P37931" t="s">
        <v>86</v>
      </c>
      <c r="Q37931">
        <v>28</v>
      </c>
      <c r="R37931">
        <v>29</v>
      </c>
      <c r="S37931">
        <v>29</v>
      </c>
      <c r="T37931">
        <v>30</v>
      </c>
      <c r="U37931">
        <v>30</v>
      </c>
      <c r="V37931">
        <v>30</v>
      </c>
      <c r="W37931">
        <v>31</v>
      </c>
      <c r="X37931">
        <v>31</v>
      </c>
      <c r="Y37931">
        <v>32</v>
      </c>
      <c r="Z37931">
        <v>32</v>
      </c>
      <c r="AA37931">
        <v>33</v>
      </c>
      <c r="AB37931">
        <v>33</v>
      </c>
      <c r="AC37931">
        <v>34</v>
      </c>
      <c r="AD37931">
        <v>34</v>
      </c>
      <c r="AE37931">
        <v>35</v>
      </c>
      <c r="AF37931">
        <v>35</v>
      </c>
      <c r="AG37931">
        <v>36</v>
      </c>
      <c r="AH37931">
        <v>36</v>
      </c>
      <c r="AI37931">
        <v>37</v>
      </c>
      <c r="AJ37931">
        <v>37</v>
      </c>
      <c r="AK37931">
        <v>38</v>
      </c>
      <c r="AL37931">
        <v>38</v>
      </c>
      <c r="AM37931">
        <v>39</v>
      </c>
      <c r="AN37931">
        <v>39</v>
      </c>
      <c r="AO37931">
        <v>40</v>
      </c>
      <c r="AP37931">
        <v>40</v>
      </c>
      <c r="AQ37931">
        <v>41</v>
      </c>
    </row>
    <row r="37932" spans="1:43">
      <c r="A37932" t="s">
        <v>23521</v>
      </c>
      <c r="B37932" t="s">
        <v>23522</v>
      </c>
      <c r="C37932" t="s">
        <v>23523</v>
      </c>
      <c r="D37932" t="s">
        <v>23524</v>
      </c>
      <c r="E37932" t="s">
        <v>23481</v>
      </c>
      <c r="F37932" t="s">
        <v>23482</v>
      </c>
      <c r="G37932" t="s">
        <v>11612</v>
      </c>
      <c r="H37932" t="s">
        <v>11613</v>
      </c>
      <c r="I37932" s="2">
        <v>0</v>
      </c>
      <c r="J37932" s="2">
        <v>0</v>
      </c>
      <c r="K37932" s="2">
        <v>1</v>
      </c>
      <c r="L37932" t="s">
        <v>995</v>
      </c>
      <c r="M37932" t="s">
        <v>89</v>
      </c>
      <c r="N37932" t="s">
        <v>90</v>
      </c>
      <c r="O37932" t="s">
        <v>85</v>
      </c>
      <c r="P37932" t="s">
        <v>86</v>
      </c>
      <c r="Q37932">
        <v>28</v>
      </c>
      <c r="R37932">
        <v>29</v>
      </c>
      <c r="S37932">
        <v>30</v>
      </c>
      <c r="T37932">
        <v>31</v>
      </c>
      <c r="U37932">
        <v>31</v>
      </c>
      <c r="V37932">
        <v>32</v>
      </c>
      <c r="W37932">
        <v>33</v>
      </c>
      <c r="X37932">
        <v>34</v>
      </c>
      <c r="Y37932">
        <v>35</v>
      </c>
      <c r="Z37932">
        <v>36</v>
      </c>
      <c r="AA37932">
        <v>37</v>
      </c>
      <c r="AB37932">
        <v>38</v>
      </c>
      <c r="AC37932">
        <v>39</v>
      </c>
      <c r="AD37932">
        <v>40</v>
      </c>
      <c r="AE37932">
        <v>41</v>
      </c>
      <c r="AF37932">
        <v>41</v>
      </c>
      <c r="AG37932">
        <v>42</v>
      </c>
      <c r="AH37932">
        <v>42</v>
      </c>
      <c r="AI37932">
        <v>42</v>
      </c>
      <c r="AJ37932">
        <v>43</v>
      </c>
      <c r="AK37932">
        <v>43</v>
      </c>
      <c r="AL37932">
        <v>44</v>
      </c>
      <c r="AM37932">
        <v>44</v>
      </c>
      <c r="AN37932">
        <v>45</v>
      </c>
      <c r="AO37932">
        <v>45</v>
      </c>
      <c r="AP37932">
        <v>46</v>
      </c>
      <c r="AQ37932">
        <v>46</v>
      </c>
    </row>
    <row r="37933" spans="1:43">
      <c r="A37933" t="s">
        <v>23521</v>
      </c>
      <c r="B37933" t="s">
        <v>23522</v>
      </c>
      <c r="C37933" t="s">
        <v>23523</v>
      </c>
      <c r="D37933" t="s">
        <v>23524</v>
      </c>
      <c r="E37933" t="s">
        <v>23481</v>
      </c>
      <c r="F37933" t="s">
        <v>23482</v>
      </c>
      <c r="G37933" t="s">
        <v>11612</v>
      </c>
      <c r="H37933" t="s">
        <v>11613</v>
      </c>
      <c r="I37933" s="2">
        <v>0</v>
      </c>
      <c r="J37933" s="2">
        <v>0</v>
      </c>
      <c r="K37933" s="2">
        <v>1</v>
      </c>
      <c r="L37933" t="s">
        <v>995</v>
      </c>
      <c r="M37933" t="s">
        <v>83</v>
      </c>
      <c r="N37933" t="s">
        <v>91</v>
      </c>
      <c r="O37933" t="s">
        <v>85</v>
      </c>
      <c r="P37933" t="s">
        <v>86</v>
      </c>
      <c r="Q37933">
        <v>28</v>
      </c>
      <c r="R37933">
        <v>28</v>
      </c>
      <c r="S37933">
        <v>29</v>
      </c>
      <c r="T37933">
        <v>30</v>
      </c>
      <c r="U37933">
        <v>30</v>
      </c>
      <c r="V37933">
        <v>31</v>
      </c>
      <c r="W37933">
        <v>32</v>
      </c>
      <c r="X37933">
        <v>32</v>
      </c>
      <c r="Y37933">
        <v>33</v>
      </c>
      <c r="Z37933">
        <v>34</v>
      </c>
      <c r="AA37933">
        <v>35</v>
      </c>
      <c r="AB37933">
        <v>36</v>
      </c>
      <c r="AC37933">
        <v>36</v>
      </c>
      <c r="AD37933">
        <v>37</v>
      </c>
      <c r="AE37933">
        <v>38</v>
      </c>
      <c r="AF37933">
        <v>39</v>
      </c>
      <c r="AG37933">
        <v>40</v>
      </c>
      <c r="AH37933">
        <v>40</v>
      </c>
      <c r="AI37933">
        <v>41</v>
      </c>
      <c r="AJ37933">
        <v>42</v>
      </c>
      <c r="AK37933">
        <v>43</v>
      </c>
      <c r="AL37933">
        <v>44</v>
      </c>
      <c r="AM37933">
        <v>44</v>
      </c>
      <c r="AN37933">
        <v>45</v>
      </c>
      <c r="AO37933">
        <v>45</v>
      </c>
      <c r="AP37933">
        <v>46</v>
      </c>
      <c r="AQ37933">
        <v>46</v>
      </c>
    </row>
    <row r="37934" spans="1:43">
      <c r="A37934" t="s">
        <v>23525</v>
      </c>
      <c r="B37934" t="s">
        <v>23526</v>
      </c>
      <c r="C37934" t="s">
        <v>23523</v>
      </c>
      <c r="D37934" t="s">
        <v>23524</v>
      </c>
      <c r="E37934" t="s">
        <v>23481</v>
      </c>
      <c r="F37934" t="s">
        <v>23482</v>
      </c>
      <c r="G37934" t="s">
        <v>11612</v>
      </c>
      <c r="H37934" t="s">
        <v>11613</v>
      </c>
      <c r="I37934" s="2">
        <v>0</v>
      </c>
      <c r="J37934" s="2">
        <v>0</v>
      </c>
      <c r="K37934" s="2">
        <v>1</v>
      </c>
      <c r="L37934" t="s">
        <v>995</v>
      </c>
      <c r="M37934" t="s">
        <v>83</v>
      </c>
      <c r="N37934" t="s">
        <v>84</v>
      </c>
      <c r="O37934" t="s">
        <v>85</v>
      </c>
      <c r="P37934" t="s">
        <v>86</v>
      </c>
      <c r="Q37934">
        <v>86</v>
      </c>
      <c r="R37934">
        <v>88</v>
      </c>
      <c r="S37934">
        <v>90</v>
      </c>
      <c r="T37934">
        <v>93</v>
      </c>
      <c r="U37934">
        <v>95</v>
      </c>
      <c r="V37934">
        <v>97</v>
      </c>
      <c r="W37934">
        <v>99</v>
      </c>
      <c r="X37934">
        <v>102</v>
      </c>
      <c r="Y37934">
        <v>104</v>
      </c>
      <c r="Z37934">
        <v>106</v>
      </c>
      <c r="AA37934">
        <v>109</v>
      </c>
      <c r="AB37934">
        <v>111</v>
      </c>
      <c r="AC37934">
        <v>114</v>
      </c>
      <c r="AD37934">
        <v>116</v>
      </c>
      <c r="AE37934">
        <v>119</v>
      </c>
      <c r="AF37934">
        <v>121</v>
      </c>
      <c r="AG37934">
        <v>124</v>
      </c>
      <c r="AH37934">
        <v>126</v>
      </c>
      <c r="AI37934">
        <v>129</v>
      </c>
      <c r="AJ37934">
        <v>132</v>
      </c>
      <c r="AK37934">
        <v>134</v>
      </c>
      <c r="AL37934">
        <v>136</v>
      </c>
      <c r="AM37934">
        <v>138</v>
      </c>
      <c r="AN37934">
        <v>139</v>
      </c>
      <c r="AO37934">
        <v>141</v>
      </c>
      <c r="AP37934">
        <v>143</v>
      </c>
      <c r="AQ37934">
        <v>144</v>
      </c>
    </row>
    <row r="37935" spans="1:43">
      <c r="A37935" t="s">
        <v>23525</v>
      </c>
      <c r="B37935" t="s">
        <v>23526</v>
      </c>
      <c r="C37935" t="s">
        <v>23523</v>
      </c>
      <c r="D37935" t="s">
        <v>23524</v>
      </c>
      <c r="E37935" t="s">
        <v>23481</v>
      </c>
      <c r="F37935" t="s">
        <v>23482</v>
      </c>
      <c r="G37935" t="s">
        <v>11612</v>
      </c>
      <c r="H37935" t="s">
        <v>11613</v>
      </c>
      <c r="I37935" s="2">
        <v>0</v>
      </c>
      <c r="J37935" s="2">
        <v>0</v>
      </c>
      <c r="K37935" s="2">
        <v>1</v>
      </c>
      <c r="L37935" t="s">
        <v>995</v>
      </c>
      <c r="M37935" t="s">
        <v>87</v>
      </c>
      <c r="N37935" t="s">
        <v>88</v>
      </c>
      <c r="O37935" t="s">
        <v>85</v>
      </c>
      <c r="P37935" t="s">
        <v>86</v>
      </c>
      <c r="Q37935">
        <v>86</v>
      </c>
      <c r="R37935">
        <v>88</v>
      </c>
      <c r="S37935">
        <v>89</v>
      </c>
      <c r="T37935">
        <v>90</v>
      </c>
      <c r="U37935">
        <v>92</v>
      </c>
      <c r="V37935">
        <v>93</v>
      </c>
      <c r="W37935">
        <v>94</v>
      </c>
      <c r="X37935">
        <v>96</v>
      </c>
      <c r="Y37935">
        <v>97</v>
      </c>
      <c r="Z37935">
        <v>99</v>
      </c>
      <c r="AA37935">
        <v>100</v>
      </c>
      <c r="AB37935">
        <v>102</v>
      </c>
      <c r="AC37935">
        <v>103</v>
      </c>
      <c r="AD37935">
        <v>105</v>
      </c>
      <c r="AE37935">
        <v>106</v>
      </c>
      <c r="AF37935">
        <v>108</v>
      </c>
      <c r="AG37935">
        <v>109</v>
      </c>
      <c r="AH37935">
        <v>111</v>
      </c>
      <c r="AI37935">
        <v>112</v>
      </c>
      <c r="AJ37935">
        <v>114</v>
      </c>
      <c r="AK37935">
        <v>116</v>
      </c>
      <c r="AL37935">
        <v>117</v>
      </c>
      <c r="AM37935">
        <v>119</v>
      </c>
      <c r="AN37935">
        <v>121</v>
      </c>
      <c r="AO37935">
        <v>122</v>
      </c>
      <c r="AP37935">
        <v>124</v>
      </c>
      <c r="AQ37935">
        <v>126</v>
      </c>
    </row>
    <row r="37936" spans="1:43">
      <c r="A37936" t="s">
        <v>23525</v>
      </c>
      <c r="B37936" t="s">
        <v>23526</v>
      </c>
      <c r="C37936" t="s">
        <v>23523</v>
      </c>
      <c r="D37936" t="s">
        <v>23524</v>
      </c>
      <c r="E37936" t="s">
        <v>23481</v>
      </c>
      <c r="F37936" t="s">
        <v>23482</v>
      </c>
      <c r="G37936" t="s">
        <v>11612</v>
      </c>
      <c r="H37936" t="s">
        <v>11613</v>
      </c>
      <c r="I37936" s="2">
        <v>0</v>
      </c>
      <c r="J37936" s="2">
        <v>0</v>
      </c>
      <c r="K37936" s="2">
        <v>1</v>
      </c>
      <c r="L37936" t="s">
        <v>995</v>
      </c>
      <c r="M37936" t="s">
        <v>89</v>
      </c>
      <c r="N37936" t="s">
        <v>90</v>
      </c>
      <c r="O37936" t="s">
        <v>85</v>
      </c>
      <c r="P37936" t="s">
        <v>86</v>
      </c>
      <c r="Q37936">
        <v>86</v>
      </c>
      <c r="R37936">
        <v>89</v>
      </c>
      <c r="S37936">
        <v>92</v>
      </c>
      <c r="T37936">
        <v>95</v>
      </c>
      <c r="U37936">
        <v>98</v>
      </c>
      <c r="V37936">
        <v>101</v>
      </c>
      <c r="W37936">
        <v>104</v>
      </c>
      <c r="X37936">
        <v>106</v>
      </c>
      <c r="Y37936">
        <v>109</v>
      </c>
      <c r="Z37936">
        <v>112</v>
      </c>
      <c r="AA37936">
        <v>115</v>
      </c>
      <c r="AB37936">
        <v>118</v>
      </c>
      <c r="AC37936">
        <v>121</v>
      </c>
      <c r="AD37936">
        <v>124</v>
      </c>
      <c r="AE37936">
        <v>126</v>
      </c>
      <c r="AF37936">
        <v>128</v>
      </c>
      <c r="AG37936">
        <v>129</v>
      </c>
      <c r="AH37936">
        <v>131</v>
      </c>
      <c r="AI37936">
        <v>132</v>
      </c>
      <c r="AJ37936">
        <v>134</v>
      </c>
      <c r="AK37936">
        <v>135</v>
      </c>
      <c r="AL37936">
        <v>136</v>
      </c>
      <c r="AM37936">
        <v>138</v>
      </c>
      <c r="AN37936">
        <v>140</v>
      </c>
      <c r="AO37936">
        <v>141</v>
      </c>
      <c r="AP37936">
        <v>143</v>
      </c>
      <c r="AQ37936">
        <v>144</v>
      </c>
    </row>
    <row r="37937" spans="1:43">
      <c r="A37937" t="s">
        <v>23525</v>
      </c>
      <c r="B37937" t="s">
        <v>23526</v>
      </c>
      <c r="C37937" t="s">
        <v>23523</v>
      </c>
      <c r="D37937" t="s">
        <v>23524</v>
      </c>
      <c r="E37937" t="s">
        <v>23481</v>
      </c>
      <c r="F37937" t="s">
        <v>23482</v>
      </c>
      <c r="G37937" t="s">
        <v>11612</v>
      </c>
      <c r="H37937" t="s">
        <v>11613</v>
      </c>
      <c r="I37937" s="2">
        <v>0</v>
      </c>
      <c r="J37937" s="2">
        <v>0</v>
      </c>
      <c r="K37937" s="2">
        <v>1</v>
      </c>
      <c r="L37937" t="s">
        <v>995</v>
      </c>
      <c r="M37937" t="s">
        <v>83</v>
      </c>
      <c r="N37937" t="s">
        <v>91</v>
      </c>
      <c r="O37937" t="s">
        <v>85</v>
      </c>
      <c r="P37937" t="s">
        <v>86</v>
      </c>
      <c r="Q37937">
        <v>86</v>
      </c>
      <c r="R37937">
        <v>88</v>
      </c>
      <c r="S37937">
        <v>90</v>
      </c>
      <c r="T37937">
        <v>93</v>
      </c>
      <c r="U37937">
        <v>95</v>
      </c>
      <c r="V37937">
        <v>97</v>
      </c>
      <c r="W37937">
        <v>99</v>
      </c>
      <c r="X37937">
        <v>102</v>
      </c>
      <c r="Y37937">
        <v>104</v>
      </c>
      <c r="Z37937">
        <v>106</v>
      </c>
      <c r="AA37937">
        <v>109</v>
      </c>
      <c r="AB37937">
        <v>111</v>
      </c>
      <c r="AC37937">
        <v>114</v>
      </c>
      <c r="AD37937">
        <v>116</v>
      </c>
      <c r="AE37937">
        <v>119</v>
      </c>
      <c r="AF37937">
        <v>121</v>
      </c>
      <c r="AG37937">
        <v>124</v>
      </c>
      <c r="AH37937">
        <v>126</v>
      </c>
      <c r="AI37937">
        <v>129</v>
      </c>
      <c r="AJ37937">
        <v>132</v>
      </c>
      <c r="AK37937">
        <v>134</v>
      </c>
      <c r="AL37937">
        <v>136</v>
      </c>
      <c r="AM37937">
        <v>138</v>
      </c>
      <c r="AN37937">
        <v>139</v>
      </c>
      <c r="AO37937">
        <v>141</v>
      </c>
      <c r="AP37937">
        <v>143</v>
      </c>
      <c r="AQ37937">
        <v>144</v>
      </c>
    </row>
    <row r="37938" spans="1:43">
      <c r="A37938" t="s">
        <v>23527</v>
      </c>
      <c r="B37938" t="s">
        <v>23528</v>
      </c>
      <c r="C37938" t="s">
        <v>23523</v>
      </c>
      <c r="D37938" t="s">
        <v>23524</v>
      </c>
      <c r="E37938" t="s">
        <v>23481</v>
      </c>
      <c r="F37938" t="s">
        <v>23482</v>
      </c>
      <c r="G37938" t="s">
        <v>11612</v>
      </c>
      <c r="H37938" t="s">
        <v>11613</v>
      </c>
      <c r="I37938" s="2">
        <v>0</v>
      </c>
      <c r="J37938" s="2">
        <v>0</v>
      </c>
      <c r="K37938" s="2">
        <v>1</v>
      </c>
      <c r="L37938" t="s">
        <v>995</v>
      </c>
      <c r="M37938" t="s">
        <v>83</v>
      </c>
      <c r="N37938" t="s">
        <v>84</v>
      </c>
      <c r="O37938" t="s">
        <v>85</v>
      </c>
      <c r="P37938" t="s">
        <v>86</v>
      </c>
      <c r="Q37938">
        <v>31</v>
      </c>
      <c r="R37938">
        <v>31</v>
      </c>
      <c r="S37938">
        <v>32</v>
      </c>
      <c r="T37938">
        <v>33</v>
      </c>
      <c r="U37938">
        <v>34</v>
      </c>
      <c r="V37938">
        <v>34</v>
      </c>
      <c r="W37938">
        <v>35</v>
      </c>
      <c r="X37938">
        <v>36</v>
      </c>
      <c r="Y37938">
        <v>37</v>
      </c>
      <c r="Z37938">
        <v>38</v>
      </c>
      <c r="AA37938">
        <v>39</v>
      </c>
      <c r="AB37938">
        <v>39</v>
      </c>
      <c r="AC37938">
        <v>40</v>
      </c>
      <c r="AD37938">
        <v>41</v>
      </c>
      <c r="AE37938">
        <v>42</v>
      </c>
      <c r="AF37938">
        <v>43</v>
      </c>
      <c r="AG37938">
        <v>44</v>
      </c>
      <c r="AH37938">
        <v>45</v>
      </c>
      <c r="AI37938">
        <v>46</v>
      </c>
      <c r="AJ37938">
        <v>47</v>
      </c>
      <c r="AK37938">
        <v>48</v>
      </c>
      <c r="AL37938">
        <v>48</v>
      </c>
      <c r="AM37938">
        <v>49</v>
      </c>
      <c r="AN37938">
        <v>49</v>
      </c>
      <c r="AO37938">
        <v>50</v>
      </c>
      <c r="AP37938">
        <v>50</v>
      </c>
      <c r="AQ37938">
        <v>51</v>
      </c>
    </row>
    <row r="37939" spans="1:43">
      <c r="A37939" t="s">
        <v>23527</v>
      </c>
      <c r="B37939" t="s">
        <v>23528</v>
      </c>
      <c r="C37939" t="s">
        <v>23523</v>
      </c>
      <c r="D37939" t="s">
        <v>23524</v>
      </c>
      <c r="E37939" t="s">
        <v>23481</v>
      </c>
      <c r="F37939" t="s">
        <v>23482</v>
      </c>
      <c r="G37939" t="s">
        <v>11612</v>
      </c>
      <c r="H37939" t="s">
        <v>11613</v>
      </c>
      <c r="I37939" s="2">
        <v>0</v>
      </c>
      <c r="J37939" s="2">
        <v>0</v>
      </c>
      <c r="K37939" s="2">
        <v>1</v>
      </c>
      <c r="L37939" t="s">
        <v>995</v>
      </c>
      <c r="M37939" t="s">
        <v>87</v>
      </c>
      <c r="N37939" t="s">
        <v>88</v>
      </c>
      <c r="O37939" t="s">
        <v>85</v>
      </c>
      <c r="P37939" t="s">
        <v>86</v>
      </c>
      <c r="Q37939">
        <v>31</v>
      </c>
      <c r="R37939">
        <v>32</v>
      </c>
      <c r="S37939">
        <v>32</v>
      </c>
      <c r="T37939">
        <v>33</v>
      </c>
      <c r="U37939">
        <v>33</v>
      </c>
      <c r="V37939">
        <v>34</v>
      </c>
      <c r="W37939">
        <v>34</v>
      </c>
      <c r="X37939">
        <v>35</v>
      </c>
      <c r="Y37939">
        <v>35</v>
      </c>
      <c r="Z37939">
        <v>36</v>
      </c>
      <c r="AA37939">
        <v>36</v>
      </c>
      <c r="AB37939">
        <v>37</v>
      </c>
      <c r="AC37939">
        <v>37</v>
      </c>
      <c r="AD37939">
        <v>38</v>
      </c>
      <c r="AE37939">
        <v>38</v>
      </c>
      <c r="AF37939">
        <v>39</v>
      </c>
      <c r="AG37939">
        <v>39</v>
      </c>
      <c r="AH37939">
        <v>40</v>
      </c>
      <c r="AI37939">
        <v>40</v>
      </c>
      <c r="AJ37939">
        <v>41</v>
      </c>
      <c r="AK37939">
        <v>42</v>
      </c>
      <c r="AL37939">
        <v>42</v>
      </c>
      <c r="AM37939">
        <v>43</v>
      </c>
      <c r="AN37939">
        <v>43</v>
      </c>
      <c r="AO37939">
        <v>44</v>
      </c>
      <c r="AP37939">
        <v>45</v>
      </c>
      <c r="AQ37939">
        <v>45</v>
      </c>
    </row>
    <row r="37940" spans="1:43">
      <c r="A37940" t="s">
        <v>23527</v>
      </c>
      <c r="B37940" t="s">
        <v>23528</v>
      </c>
      <c r="C37940" t="s">
        <v>23523</v>
      </c>
      <c r="D37940" t="s">
        <v>23524</v>
      </c>
      <c r="E37940" t="s">
        <v>23481</v>
      </c>
      <c r="F37940" t="s">
        <v>23482</v>
      </c>
      <c r="G37940" t="s">
        <v>11612</v>
      </c>
      <c r="H37940" t="s">
        <v>11613</v>
      </c>
      <c r="I37940" s="2">
        <v>0</v>
      </c>
      <c r="J37940" s="2">
        <v>0</v>
      </c>
      <c r="K37940" s="2">
        <v>1</v>
      </c>
      <c r="L37940" t="s">
        <v>995</v>
      </c>
      <c r="M37940" t="s">
        <v>89</v>
      </c>
      <c r="N37940" t="s">
        <v>90</v>
      </c>
      <c r="O37940" t="s">
        <v>85</v>
      </c>
      <c r="P37940" t="s">
        <v>86</v>
      </c>
      <c r="Q37940">
        <v>31</v>
      </c>
      <c r="R37940">
        <v>32</v>
      </c>
      <c r="S37940">
        <v>33</v>
      </c>
      <c r="T37940">
        <v>34</v>
      </c>
      <c r="U37940">
        <v>35</v>
      </c>
      <c r="V37940">
        <v>36</v>
      </c>
      <c r="W37940">
        <v>37</v>
      </c>
      <c r="X37940">
        <v>38</v>
      </c>
      <c r="Y37940">
        <v>39</v>
      </c>
      <c r="Z37940">
        <v>40</v>
      </c>
      <c r="AA37940">
        <v>41</v>
      </c>
      <c r="AB37940">
        <v>42</v>
      </c>
      <c r="AC37940">
        <v>43</v>
      </c>
      <c r="AD37940">
        <v>44</v>
      </c>
      <c r="AE37940">
        <v>45</v>
      </c>
      <c r="AF37940">
        <v>46</v>
      </c>
      <c r="AG37940">
        <v>46</v>
      </c>
      <c r="AH37940">
        <v>47</v>
      </c>
      <c r="AI37940">
        <v>47</v>
      </c>
      <c r="AJ37940">
        <v>48</v>
      </c>
      <c r="AK37940">
        <v>48</v>
      </c>
      <c r="AL37940">
        <v>49</v>
      </c>
      <c r="AM37940">
        <v>49</v>
      </c>
      <c r="AN37940">
        <v>50</v>
      </c>
      <c r="AO37940">
        <v>50</v>
      </c>
      <c r="AP37940">
        <v>51</v>
      </c>
      <c r="AQ37940">
        <v>51</v>
      </c>
    </row>
    <row r="37941" spans="1:43">
      <c r="A37941" t="s">
        <v>23527</v>
      </c>
      <c r="B37941" t="s">
        <v>23528</v>
      </c>
      <c r="C37941" t="s">
        <v>23523</v>
      </c>
      <c r="D37941" t="s">
        <v>23524</v>
      </c>
      <c r="E37941" t="s">
        <v>23481</v>
      </c>
      <c r="F37941" t="s">
        <v>23482</v>
      </c>
      <c r="G37941" t="s">
        <v>11612</v>
      </c>
      <c r="H37941" t="s">
        <v>11613</v>
      </c>
      <c r="I37941" s="2">
        <v>0</v>
      </c>
      <c r="J37941" s="2">
        <v>0</v>
      </c>
      <c r="K37941" s="2">
        <v>1</v>
      </c>
      <c r="L37941" t="s">
        <v>995</v>
      </c>
      <c r="M37941" t="s">
        <v>83</v>
      </c>
      <c r="N37941" t="s">
        <v>91</v>
      </c>
      <c r="O37941" t="s">
        <v>85</v>
      </c>
      <c r="P37941" t="s">
        <v>86</v>
      </c>
      <c r="Q37941">
        <v>31</v>
      </c>
      <c r="R37941">
        <v>31</v>
      </c>
      <c r="S37941">
        <v>32</v>
      </c>
      <c r="T37941">
        <v>33</v>
      </c>
      <c r="U37941">
        <v>34</v>
      </c>
      <c r="V37941">
        <v>34</v>
      </c>
      <c r="W37941">
        <v>35</v>
      </c>
      <c r="X37941">
        <v>36</v>
      </c>
      <c r="Y37941">
        <v>37</v>
      </c>
      <c r="Z37941">
        <v>38</v>
      </c>
      <c r="AA37941">
        <v>39</v>
      </c>
      <c r="AB37941">
        <v>39</v>
      </c>
      <c r="AC37941">
        <v>40</v>
      </c>
      <c r="AD37941">
        <v>41</v>
      </c>
      <c r="AE37941">
        <v>42</v>
      </c>
      <c r="AF37941">
        <v>43</v>
      </c>
      <c r="AG37941">
        <v>44</v>
      </c>
      <c r="AH37941">
        <v>45</v>
      </c>
      <c r="AI37941">
        <v>46</v>
      </c>
      <c r="AJ37941">
        <v>47</v>
      </c>
      <c r="AK37941">
        <v>48</v>
      </c>
      <c r="AL37941">
        <v>48</v>
      </c>
      <c r="AM37941">
        <v>49</v>
      </c>
      <c r="AN37941">
        <v>49</v>
      </c>
      <c r="AO37941">
        <v>50</v>
      </c>
      <c r="AP37941">
        <v>50</v>
      </c>
      <c r="AQ37941">
        <v>51</v>
      </c>
    </row>
    <row r="37942" spans="1:43">
      <c r="A37942" t="s">
        <v>23529</v>
      </c>
      <c r="B37942" t="s">
        <v>23530</v>
      </c>
      <c r="C37942" t="s">
        <v>23531</v>
      </c>
      <c r="D37942" t="s">
        <v>23532</v>
      </c>
      <c r="E37942" t="s">
        <v>23481</v>
      </c>
      <c r="F37942" t="s">
        <v>23482</v>
      </c>
      <c r="G37942" t="s">
        <v>11612</v>
      </c>
      <c r="H37942" t="s">
        <v>11613</v>
      </c>
      <c r="I37942" s="2">
        <v>0</v>
      </c>
      <c r="J37942" s="2">
        <v>0</v>
      </c>
      <c r="K37942" s="2">
        <v>1</v>
      </c>
      <c r="L37942" t="s">
        <v>995</v>
      </c>
      <c r="M37942" t="s">
        <v>83</v>
      </c>
      <c r="N37942" t="s">
        <v>84</v>
      </c>
      <c r="O37942" t="s">
        <v>85</v>
      </c>
      <c r="P37942" t="s">
        <v>86</v>
      </c>
      <c r="Q37942">
        <v>98</v>
      </c>
      <c r="R37942">
        <v>100</v>
      </c>
      <c r="S37942">
        <v>103</v>
      </c>
      <c r="T37942">
        <v>105</v>
      </c>
      <c r="U37942">
        <v>108</v>
      </c>
      <c r="V37942">
        <v>110</v>
      </c>
      <c r="W37942">
        <v>113</v>
      </c>
      <c r="X37942">
        <v>116</v>
      </c>
      <c r="Y37942">
        <v>118</v>
      </c>
      <c r="Z37942">
        <v>121</v>
      </c>
      <c r="AA37942">
        <v>124</v>
      </c>
      <c r="AB37942">
        <v>127</v>
      </c>
      <c r="AC37942">
        <v>129</v>
      </c>
      <c r="AD37942">
        <v>132</v>
      </c>
      <c r="AE37942">
        <v>135</v>
      </c>
      <c r="AF37942">
        <v>138</v>
      </c>
      <c r="AG37942">
        <v>141</v>
      </c>
      <c r="AH37942">
        <v>144</v>
      </c>
      <c r="AI37942">
        <v>147</v>
      </c>
      <c r="AJ37942">
        <v>150</v>
      </c>
      <c r="AK37942">
        <v>153</v>
      </c>
      <c r="AL37942">
        <v>155</v>
      </c>
      <c r="AM37942">
        <v>157</v>
      </c>
      <c r="AN37942">
        <v>159</v>
      </c>
      <c r="AO37942">
        <v>161</v>
      </c>
      <c r="AP37942">
        <v>162</v>
      </c>
      <c r="AQ37942">
        <v>164</v>
      </c>
    </row>
    <row r="37943" spans="1:43">
      <c r="A37943" t="s">
        <v>23529</v>
      </c>
      <c r="B37943" t="s">
        <v>23530</v>
      </c>
      <c r="C37943" t="s">
        <v>23531</v>
      </c>
      <c r="D37943" t="s">
        <v>23532</v>
      </c>
      <c r="E37943" t="s">
        <v>23481</v>
      </c>
      <c r="F37943" t="s">
        <v>23482</v>
      </c>
      <c r="G37943" t="s">
        <v>11612</v>
      </c>
      <c r="H37943" t="s">
        <v>11613</v>
      </c>
      <c r="I37943" s="2">
        <v>0</v>
      </c>
      <c r="J37943" s="2">
        <v>0</v>
      </c>
      <c r="K37943" s="2">
        <v>1</v>
      </c>
      <c r="L37943" t="s">
        <v>995</v>
      </c>
      <c r="M37943" t="s">
        <v>87</v>
      </c>
      <c r="N37943" t="s">
        <v>88</v>
      </c>
      <c r="O37943" t="s">
        <v>85</v>
      </c>
      <c r="P37943" t="s">
        <v>86</v>
      </c>
      <c r="Q37943">
        <v>98</v>
      </c>
      <c r="R37943">
        <v>100</v>
      </c>
      <c r="S37943">
        <v>101</v>
      </c>
      <c r="T37943">
        <v>103</v>
      </c>
      <c r="U37943">
        <v>104</v>
      </c>
      <c r="V37943">
        <v>106</v>
      </c>
      <c r="W37943">
        <v>107</v>
      </c>
      <c r="X37943">
        <v>109</v>
      </c>
      <c r="Y37943">
        <v>110</v>
      </c>
      <c r="Z37943">
        <v>112</v>
      </c>
      <c r="AA37943">
        <v>114</v>
      </c>
      <c r="AB37943">
        <v>115</v>
      </c>
      <c r="AC37943">
        <v>117</v>
      </c>
      <c r="AD37943">
        <v>119</v>
      </c>
      <c r="AE37943">
        <v>121</v>
      </c>
      <c r="AF37943">
        <v>122</v>
      </c>
      <c r="AG37943">
        <v>124</v>
      </c>
      <c r="AH37943">
        <v>126</v>
      </c>
      <c r="AI37943">
        <v>128</v>
      </c>
      <c r="AJ37943">
        <v>130</v>
      </c>
      <c r="AK37943">
        <v>131</v>
      </c>
      <c r="AL37943">
        <v>133</v>
      </c>
      <c r="AM37943">
        <v>135</v>
      </c>
      <c r="AN37943">
        <v>137</v>
      </c>
      <c r="AO37943">
        <v>139</v>
      </c>
      <c r="AP37943">
        <v>141</v>
      </c>
      <c r="AQ37943">
        <v>143</v>
      </c>
    </row>
    <row r="37944" spans="1:43">
      <c r="A37944" t="s">
        <v>23529</v>
      </c>
      <c r="B37944" t="s">
        <v>23530</v>
      </c>
      <c r="C37944" t="s">
        <v>23531</v>
      </c>
      <c r="D37944" t="s">
        <v>23532</v>
      </c>
      <c r="E37944" t="s">
        <v>23481</v>
      </c>
      <c r="F37944" t="s">
        <v>23482</v>
      </c>
      <c r="G37944" t="s">
        <v>11612</v>
      </c>
      <c r="H37944" t="s">
        <v>11613</v>
      </c>
      <c r="I37944" s="2">
        <v>0</v>
      </c>
      <c r="J37944" s="2">
        <v>0</v>
      </c>
      <c r="K37944" s="2">
        <v>1</v>
      </c>
      <c r="L37944" t="s">
        <v>995</v>
      </c>
      <c r="M37944" t="s">
        <v>89</v>
      </c>
      <c r="N37944" t="s">
        <v>90</v>
      </c>
      <c r="O37944" t="s">
        <v>85</v>
      </c>
      <c r="P37944" t="s">
        <v>86</v>
      </c>
      <c r="Q37944">
        <v>98</v>
      </c>
      <c r="R37944">
        <v>101</v>
      </c>
      <c r="S37944">
        <v>104</v>
      </c>
      <c r="T37944">
        <v>108</v>
      </c>
      <c r="U37944">
        <v>111</v>
      </c>
      <c r="V37944">
        <v>114</v>
      </c>
      <c r="W37944">
        <v>118</v>
      </c>
      <c r="X37944">
        <v>121</v>
      </c>
      <c r="Y37944">
        <v>124</v>
      </c>
      <c r="Z37944">
        <v>128</v>
      </c>
      <c r="AA37944">
        <v>131</v>
      </c>
      <c r="AB37944">
        <v>134</v>
      </c>
      <c r="AC37944">
        <v>138</v>
      </c>
      <c r="AD37944">
        <v>141</v>
      </c>
      <c r="AE37944">
        <v>144</v>
      </c>
      <c r="AF37944">
        <v>145</v>
      </c>
      <c r="AG37944">
        <v>147</v>
      </c>
      <c r="AH37944">
        <v>149</v>
      </c>
      <c r="AI37944">
        <v>150</v>
      </c>
      <c r="AJ37944">
        <v>152</v>
      </c>
      <c r="AK37944">
        <v>154</v>
      </c>
      <c r="AL37944">
        <v>155</v>
      </c>
      <c r="AM37944">
        <v>157</v>
      </c>
      <c r="AN37944">
        <v>159</v>
      </c>
      <c r="AO37944">
        <v>161</v>
      </c>
      <c r="AP37944">
        <v>162</v>
      </c>
      <c r="AQ37944">
        <v>164</v>
      </c>
    </row>
    <row r="37945" spans="1:43">
      <c r="A37945" t="s">
        <v>23529</v>
      </c>
      <c r="B37945" t="s">
        <v>23530</v>
      </c>
      <c r="C37945" t="s">
        <v>23531</v>
      </c>
      <c r="D37945" t="s">
        <v>23532</v>
      </c>
      <c r="E37945" t="s">
        <v>23481</v>
      </c>
      <c r="F37945" t="s">
        <v>23482</v>
      </c>
      <c r="G37945" t="s">
        <v>11612</v>
      </c>
      <c r="H37945" t="s">
        <v>11613</v>
      </c>
      <c r="I37945" s="2">
        <v>0</v>
      </c>
      <c r="J37945" s="2">
        <v>0</v>
      </c>
      <c r="K37945" s="2">
        <v>1</v>
      </c>
      <c r="L37945" t="s">
        <v>995</v>
      </c>
      <c r="M37945" t="s">
        <v>83</v>
      </c>
      <c r="N37945" t="s">
        <v>91</v>
      </c>
      <c r="O37945" t="s">
        <v>85</v>
      </c>
      <c r="P37945" t="s">
        <v>86</v>
      </c>
      <c r="Q37945">
        <v>98</v>
      </c>
      <c r="R37945">
        <v>100</v>
      </c>
      <c r="S37945">
        <v>103</v>
      </c>
      <c r="T37945">
        <v>105</v>
      </c>
      <c r="U37945">
        <v>108</v>
      </c>
      <c r="V37945">
        <v>110</v>
      </c>
      <c r="W37945">
        <v>113</v>
      </c>
      <c r="X37945">
        <v>116</v>
      </c>
      <c r="Y37945">
        <v>118</v>
      </c>
      <c r="Z37945">
        <v>121</v>
      </c>
      <c r="AA37945">
        <v>124</v>
      </c>
      <c r="AB37945">
        <v>127</v>
      </c>
      <c r="AC37945">
        <v>129</v>
      </c>
      <c r="AD37945">
        <v>132</v>
      </c>
      <c r="AE37945">
        <v>135</v>
      </c>
      <c r="AF37945">
        <v>138</v>
      </c>
      <c r="AG37945">
        <v>141</v>
      </c>
      <c r="AH37945">
        <v>144</v>
      </c>
      <c r="AI37945">
        <v>147</v>
      </c>
      <c r="AJ37945">
        <v>150</v>
      </c>
      <c r="AK37945">
        <v>153</v>
      </c>
      <c r="AL37945">
        <v>155</v>
      </c>
      <c r="AM37945">
        <v>157</v>
      </c>
      <c r="AN37945">
        <v>159</v>
      </c>
      <c r="AO37945">
        <v>161</v>
      </c>
      <c r="AP37945">
        <v>162</v>
      </c>
      <c r="AQ37945">
        <v>164</v>
      </c>
    </row>
    <row r="37946" spans="1:43">
      <c r="A37946" t="s">
        <v>23533</v>
      </c>
      <c r="B37946" t="s">
        <v>23534</v>
      </c>
      <c r="C37946" t="s">
        <v>23531</v>
      </c>
      <c r="D37946" t="s">
        <v>23532</v>
      </c>
      <c r="E37946" t="s">
        <v>23481</v>
      </c>
      <c r="F37946" t="s">
        <v>23482</v>
      </c>
      <c r="G37946" t="s">
        <v>11612</v>
      </c>
      <c r="H37946" t="s">
        <v>11613</v>
      </c>
      <c r="I37946" s="2">
        <v>0</v>
      </c>
      <c r="J37946" s="2">
        <v>0</v>
      </c>
      <c r="K37946" s="2">
        <v>1</v>
      </c>
      <c r="L37946" t="s">
        <v>995</v>
      </c>
      <c r="M37946" t="s">
        <v>83</v>
      </c>
      <c r="N37946" t="s">
        <v>84</v>
      </c>
      <c r="O37946" t="s">
        <v>85</v>
      </c>
      <c r="P37946" t="s">
        <v>86</v>
      </c>
      <c r="Q37946">
        <v>34</v>
      </c>
      <c r="R37946">
        <v>35</v>
      </c>
      <c r="S37946">
        <v>36</v>
      </c>
      <c r="T37946">
        <v>36</v>
      </c>
      <c r="U37946">
        <v>37</v>
      </c>
      <c r="V37946">
        <v>38</v>
      </c>
      <c r="W37946">
        <v>39</v>
      </c>
      <c r="X37946">
        <v>40</v>
      </c>
      <c r="Y37946">
        <v>41</v>
      </c>
      <c r="Z37946">
        <v>42</v>
      </c>
      <c r="AA37946">
        <v>43</v>
      </c>
      <c r="AB37946">
        <v>44</v>
      </c>
      <c r="AC37946">
        <v>45</v>
      </c>
      <c r="AD37946">
        <v>46</v>
      </c>
      <c r="AE37946">
        <v>47</v>
      </c>
      <c r="AF37946">
        <v>48</v>
      </c>
      <c r="AG37946">
        <v>49</v>
      </c>
      <c r="AH37946">
        <v>50</v>
      </c>
      <c r="AI37946">
        <v>51</v>
      </c>
      <c r="AJ37946">
        <v>52</v>
      </c>
      <c r="AK37946">
        <v>53</v>
      </c>
      <c r="AL37946">
        <v>54</v>
      </c>
      <c r="AM37946">
        <v>55</v>
      </c>
      <c r="AN37946">
        <v>55</v>
      </c>
      <c r="AO37946">
        <v>56</v>
      </c>
      <c r="AP37946">
        <v>56</v>
      </c>
      <c r="AQ37946">
        <v>57</v>
      </c>
    </row>
    <row r="37947" spans="1:43">
      <c r="A37947" t="s">
        <v>23533</v>
      </c>
      <c r="B37947" t="s">
        <v>23534</v>
      </c>
      <c r="C37947" t="s">
        <v>23531</v>
      </c>
      <c r="D37947" t="s">
        <v>23532</v>
      </c>
      <c r="E37947" t="s">
        <v>23481</v>
      </c>
      <c r="F37947" t="s">
        <v>23482</v>
      </c>
      <c r="G37947" t="s">
        <v>11612</v>
      </c>
      <c r="H37947" t="s">
        <v>11613</v>
      </c>
      <c r="I37947" s="2">
        <v>0</v>
      </c>
      <c r="J37947" s="2">
        <v>0</v>
      </c>
      <c r="K37947" s="2">
        <v>1</v>
      </c>
      <c r="L37947" t="s">
        <v>995</v>
      </c>
      <c r="M37947" t="s">
        <v>87</v>
      </c>
      <c r="N37947" t="s">
        <v>88</v>
      </c>
      <c r="O37947" t="s">
        <v>85</v>
      </c>
      <c r="P37947" t="s">
        <v>86</v>
      </c>
      <c r="Q37947">
        <v>34</v>
      </c>
      <c r="R37947">
        <v>34</v>
      </c>
      <c r="S37947">
        <v>35</v>
      </c>
      <c r="T37947">
        <v>35</v>
      </c>
      <c r="U37947">
        <v>36</v>
      </c>
      <c r="V37947">
        <v>36</v>
      </c>
      <c r="W37947">
        <v>37</v>
      </c>
      <c r="X37947">
        <v>37</v>
      </c>
      <c r="Y37947">
        <v>38</v>
      </c>
      <c r="Z37947">
        <v>38</v>
      </c>
      <c r="AA37947">
        <v>39</v>
      </c>
      <c r="AB37947">
        <v>40</v>
      </c>
      <c r="AC37947">
        <v>40</v>
      </c>
      <c r="AD37947">
        <v>41</v>
      </c>
      <c r="AE37947">
        <v>41</v>
      </c>
      <c r="AF37947">
        <v>42</v>
      </c>
      <c r="AG37947">
        <v>43</v>
      </c>
      <c r="AH37947">
        <v>43</v>
      </c>
      <c r="AI37947">
        <v>44</v>
      </c>
      <c r="AJ37947">
        <v>45</v>
      </c>
      <c r="AK37947">
        <v>45</v>
      </c>
      <c r="AL37947">
        <v>46</v>
      </c>
      <c r="AM37947">
        <v>47</v>
      </c>
      <c r="AN37947">
        <v>47</v>
      </c>
      <c r="AO37947">
        <v>48</v>
      </c>
      <c r="AP37947">
        <v>49</v>
      </c>
      <c r="AQ37947">
        <v>49</v>
      </c>
    </row>
    <row r="37948" spans="1:43">
      <c r="A37948" t="s">
        <v>23533</v>
      </c>
      <c r="B37948" t="s">
        <v>23534</v>
      </c>
      <c r="C37948" t="s">
        <v>23531</v>
      </c>
      <c r="D37948" t="s">
        <v>23532</v>
      </c>
      <c r="E37948" t="s">
        <v>23481</v>
      </c>
      <c r="F37948" t="s">
        <v>23482</v>
      </c>
      <c r="G37948" t="s">
        <v>11612</v>
      </c>
      <c r="H37948" t="s">
        <v>11613</v>
      </c>
      <c r="I37948" s="2">
        <v>0</v>
      </c>
      <c r="J37948" s="2">
        <v>0</v>
      </c>
      <c r="K37948" s="2">
        <v>1</v>
      </c>
      <c r="L37948" t="s">
        <v>995</v>
      </c>
      <c r="M37948" t="s">
        <v>89</v>
      </c>
      <c r="N37948" t="s">
        <v>90</v>
      </c>
      <c r="O37948" t="s">
        <v>85</v>
      </c>
      <c r="P37948" t="s">
        <v>86</v>
      </c>
      <c r="Q37948">
        <v>34</v>
      </c>
      <c r="R37948">
        <v>35</v>
      </c>
      <c r="S37948">
        <v>36</v>
      </c>
      <c r="T37948">
        <v>38</v>
      </c>
      <c r="U37948">
        <v>39</v>
      </c>
      <c r="V37948">
        <v>40</v>
      </c>
      <c r="W37948">
        <v>41</v>
      </c>
      <c r="X37948">
        <v>42</v>
      </c>
      <c r="Y37948">
        <v>43</v>
      </c>
      <c r="Z37948">
        <v>45</v>
      </c>
      <c r="AA37948">
        <v>46</v>
      </c>
      <c r="AB37948">
        <v>47</v>
      </c>
      <c r="AC37948">
        <v>48</v>
      </c>
      <c r="AD37948">
        <v>49</v>
      </c>
      <c r="AE37948">
        <v>50</v>
      </c>
      <c r="AF37948">
        <v>51</v>
      </c>
      <c r="AG37948">
        <v>51</v>
      </c>
      <c r="AH37948">
        <v>52</v>
      </c>
      <c r="AI37948">
        <v>53</v>
      </c>
      <c r="AJ37948">
        <v>53</v>
      </c>
      <c r="AK37948">
        <v>54</v>
      </c>
      <c r="AL37948">
        <v>54</v>
      </c>
      <c r="AM37948">
        <v>55</v>
      </c>
      <c r="AN37948">
        <v>56</v>
      </c>
      <c r="AO37948">
        <v>56</v>
      </c>
      <c r="AP37948">
        <v>57</v>
      </c>
      <c r="AQ37948">
        <v>57</v>
      </c>
    </row>
    <row r="37949" spans="1:43">
      <c r="A37949" t="s">
        <v>23533</v>
      </c>
      <c r="B37949" t="s">
        <v>23534</v>
      </c>
      <c r="C37949" t="s">
        <v>23531</v>
      </c>
      <c r="D37949" t="s">
        <v>23532</v>
      </c>
      <c r="E37949" t="s">
        <v>23481</v>
      </c>
      <c r="F37949" t="s">
        <v>23482</v>
      </c>
      <c r="G37949" t="s">
        <v>11612</v>
      </c>
      <c r="H37949" t="s">
        <v>11613</v>
      </c>
      <c r="I37949" s="2">
        <v>0</v>
      </c>
      <c r="J37949" s="2">
        <v>0</v>
      </c>
      <c r="K37949" s="2">
        <v>1</v>
      </c>
      <c r="L37949" t="s">
        <v>995</v>
      </c>
      <c r="M37949" t="s">
        <v>83</v>
      </c>
      <c r="N37949" t="s">
        <v>91</v>
      </c>
      <c r="O37949" t="s">
        <v>85</v>
      </c>
      <c r="P37949" t="s">
        <v>86</v>
      </c>
      <c r="Q37949">
        <v>34</v>
      </c>
      <c r="R37949">
        <v>35</v>
      </c>
      <c r="S37949">
        <v>36</v>
      </c>
      <c r="T37949">
        <v>36</v>
      </c>
      <c r="U37949">
        <v>37</v>
      </c>
      <c r="V37949">
        <v>38</v>
      </c>
      <c r="W37949">
        <v>39</v>
      </c>
      <c r="X37949">
        <v>40</v>
      </c>
      <c r="Y37949">
        <v>41</v>
      </c>
      <c r="Z37949">
        <v>42</v>
      </c>
      <c r="AA37949">
        <v>43</v>
      </c>
      <c r="AB37949">
        <v>44</v>
      </c>
      <c r="AC37949">
        <v>45</v>
      </c>
      <c r="AD37949">
        <v>46</v>
      </c>
      <c r="AE37949">
        <v>47</v>
      </c>
      <c r="AF37949">
        <v>48</v>
      </c>
      <c r="AG37949">
        <v>49</v>
      </c>
      <c r="AH37949">
        <v>50</v>
      </c>
      <c r="AI37949">
        <v>51</v>
      </c>
      <c r="AJ37949">
        <v>52</v>
      </c>
      <c r="AK37949">
        <v>53</v>
      </c>
      <c r="AL37949">
        <v>54</v>
      </c>
      <c r="AM37949">
        <v>55</v>
      </c>
      <c r="AN37949">
        <v>55</v>
      </c>
      <c r="AO37949">
        <v>56</v>
      </c>
      <c r="AP37949">
        <v>56</v>
      </c>
      <c r="AQ37949">
        <v>57</v>
      </c>
    </row>
    <row r="37950" spans="1:43">
      <c r="A37950" t="s">
        <v>23535</v>
      </c>
      <c r="B37950" t="s">
        <v>23536</v>
      </c>
      <c r="C37950" t="s">
        <v>23505</v>
      </c>
      <c r="D37950" t="s">
        <v>23506</v>
      </c>
      <c r="E37950" t="s">
        <v>23481</v>
      </c>
      <c r="F37950" t="s">
        <v>23482</v>
      </c>
      <c r="G37950" t="s">
        <v>11612</v>
      </c>
      <c r="H37950" t="s">
        <v>11613</v>
      </c>
      <c r="I37950" s="2">
        <v>0</v>
      </c>
      <c r="J37950" s="2">
        <v>0</v>
      </c>
      <c r="K37950" s="2">
        <v>1</v>
      </c>
      <c r="L37950" t="s">
        <v>995</v>
      </c>
      <c r="M37950" t="s">
        <v>83</v>
      </c>
      <c r="N37950" t="s">
        <v>84</v>
      </c>
      <c r="O37950" t="s">
        <v>85</v>
      </c>
      <c r="P37950" t="s">
        <v>86</v>
      </c>
      <c r="Q37950">
        <v>27</v>
      </c>
      <c r="R37950">
        <v>28</v>
      </c>
      <c r="S37950">
        <v>29</v>
      </c>
      <c r="T37950">
        <v>29</v>
      </c>
      <c r="U37950">
        <v>30</v>
      </c>
      <c r="V37950">
        <v>31</v>
      </c>
      <c r="W37950">
        <v>31</v>
      </c>
      <c r="X37950">
        <v>32</v>
      </c>
      <c r="Y37950">
        <v>33</v>
      </c>
      <c r="Z37950">
        <v>34</v>
      </c>
      <c r="AA37950">
        <v>34</v>
      </c>
      <c r="AB37950">
        <v>35</v>
      </c>
      <c r="AC37950">
        <v>36</v>
      </c>
      <c r="AD37950">
        <v>37</v>
      </c>
      <c r="AE37950">
        <v>37</v>
      </c>
      <c r="AF37950">
        <v>38</v>
      </c>
      <c r="AG37950">
        <v>39</v>
      </c>
      <c r="AH37950">
        <v>40</v>
      </c>
      <c r="AI37950">
        <v>41</v>
      </c>
      <c r="AJ37950">
        <v>42</v>
      </c>
      <c r="AK37950">
        <v>43</v>
      </c>
      <c r="AL37950">
        <v>43</v>
      </c>
      <c r="AM37950">
        <v>44</v>
      </c>
      <c r="AN37950">
        <v>44</v>
      </c>
      <c r="AO37950">
        <v>45</v>
      </c>
      <c r="AP37950">
        <v>45</v>
      </c>
      <c r="AQ37950">
        <v>46</v>
      </c>
    </row>
    <row r="37951" spans="1:43">
      <c r="A37951" t="s">
        <v>23535</v>
      </c>
      <c r="B37951" t="s">
        <v>23536</v>
      </c>
      <c r="C37951" t="s">
        <v>23505</v>
      </c>
      <c r="D37951" t="s">
        <v>23506</v>
      </c>
      <c r="E37951" t="s">
        <v>23481</v>
      </c>
      <c r="F37951" t="s">
        <v>23482</v>
      </c>
      <c r="G37951" t="s">
        <v>11612</v>
      </c>
      <c r="H37951" t="s">
        <v>11613</v>
      </c>
      <c r="I37951" s="2">
        <v>0</v>
      </c>
      <c r="J37951" s="2">
        <v>0</v>
      </c>
      <c r="K37951" s="2">
        <v>1</v>
      </c>
      <c r="L37951" t="s">
        <v>995</v>
      </c>
      <c r="M37951" t="s">
        <v>87</v>
      </c>
      <c r="N37951" t="s">
        <v>88</v>
      </c>
      <c r="O37951" t="s">
        <v>85</v>
      </c>
      <c r="P37951" t="s">
        <v>86</v>
      </c>
      <c r="Q37951">
        <v>27</v>
      </c>
      <c r="R37951">
        <v>27</v>
      </c>
      <c r="S37951">
        <v>28</v>
      </c>
      <c r="T37951">
        <v>28</v>
      </c>
      <c r="U37951">
        <v>29</v>
      </c>
      <c r="V37951">
        <v>29</v>
      </c>
      <c r="W37951">
        <v>29</v>
      </c>
      <c r="X37951">
        <v>30</v>
      </c>
      <c r="Y37951">
        <v>30</v>
      </c>
      <c r="Z37951">
        <v>31</v>
      </c>
      <c r="AA37951">
        <v>31</v>
      </c>
      <c r="AB37951">
        <v>32</v>
      </c>
      <c r="AC37951">
        <v>32</v>
      </c>
      <c r="AD37951">
        <v>33</v>
      </c>
      <c r="AE37951">
        <v>33</v>
      </c>
      <c r="AF37951">
        <v>34</v>
      </c>
      <c r="AG37951">
        <v>34</v>
      </c>
      <c r="AH37951">
        <v>35</v>
      </c>
      <c r="AI37951">
        <v>35</v>
      </c>
      <c r="AJ37951">
        <v>36</v>
      </c>
      <c r="AK37951">
        <v>36</v>
      </c>
      <c r="AL37951">
        <v>37</v>
      </c>
      <c r="AM37951">
        <v>37</v>
      </c>
      <c r="AN37951">
        <v>38</v>
      </c>
      <c r="AO37951">
        <v>38</v>
      </c>
      <c r="AP37951">
        <v>39</v>
      </c>
      <c r="AQ37951">
        <v>40</v>
      </c>
    </row>
    <row r="37952" spans="1:43">
      <c r="A37952" t="s">
        <v>23535</v>
      </c>
      <c r="B37952" t="s">
        <v>23536</v>
      </c>
      <c r="C37952" t="s">
        <v>23505</v>
      </c>
      <c r="D37952" t="s">
        <v>23506</v>
      </c>
      <c r="E37952" t="s">
        <v>23481</v>
      </c>
      <c r="F37952" t="s">
        <v>23482</v>
      </c>
      <c r="G37952" t="s">
        <v>11612</v>
      </c>
      <c r="H37952" t="s">
        <v>11613</v>
      </c>
      <c r="I37952" s="2">
        <v>0</v>
      </c>
      <c r="J37952" s="2">
        <v>0</v>
      </c>
      <c r="K37952" s="2">
        <v>1</v>
      </c>
      <c r="L37952" t="s">
        <v>995</v>
      </c>
      <c r="M37952" t="s">
        <v>89</v>
      </c>
      <c r="N37952" t="s">
        <v>90</v>
      </c>
      <c r="O37952" t="s">
        <v>85</v>
      </c>
      <c r="P37952" t="s">
        <v>86</v>
      </c>
      <c r="Q37952">
        <v>27</v>
      </c>
      <c r="R37952">
        <v>28</v>
      </c>
      <c r="S37952">
        <v>29</v>
      </c>
      <c r="T37952">
        <v>30</v>
      </c>
      <c r="U37952">
        <v>31</v>
      </c>
      <c r="V37952">
        <v>32</v>
      </c>
      <c r="W37952">
        <v>33</v>
      </c>
      <c r="X37952">
        <v>34</v>
      </c>
      <c r="Y37952">
        <v>35</v>
      </c>
      <c r="Z37952">
        <v>36</v>
      </c>
      <c r="AA37952">
        <v>37</v>
      </c>
      <c r="AB37952">
        <v>38</v>
      </c>
      <c r="AC37952">
        <v>38</v>
      </c>
      <c r="AD37952">
        <v>39</v>
      </c>
      <c r="AE37952">
        <v>40</v>
      </c>
      <c r="AF37952">
        <v>41</v>
      </c>
      <c r="AG37952">
        <v>41</v>
      </c>
      <c r="AH37952">
        <v>42</v>
      </c>
      <c r="AI37952">
        <v>42</v>
      </c>
      <c r="AJ37952">
        <v>43</v>
      </c>
      <c r="AK37952">
        <v>43</v>
      </c>
      <c r="AL37952">
        <v>43</v>
      </c>
      <c r="AM37952">
        <v>44</v>
      </c>
      <c r="AN37952">
        <v>44</v>
      </c>
      <c r="AO37952">
        <v>45</v>
      </c>
      <c r="AP37952">
        <v>45</v>
      </c>
      <c r="AQ37952">
        <v>46</v>
      </c>
    </row>
    <row r="37953" spans="1:43">
      <c r="A37953" t="s">
        <v>23535</v>
      </c>
      <c r="B37953" t="s">
        <v>23536</v>
      </c>
      <c r="C37953" t="s">
        <v>23505</v>
      </c>
      <c r="D37953" t="s">
        <v>23506</v>
      </c>
      <c r="E37953" t="s">
        <v>23481</v>
      </c>
      <c r="F37953" t="s">
        <v>23482</v>
      </c>
      <c r="G37953" t="s">
        <v>11612</v>
      </c>
      <c r="H37953" t="s">
        <v>11613</v>
      </c>
      <c r="I37953" s="2">
        <v>0</v>
      </c>
      <c r="J37953" s="2">
        <v>0</v>
      </c>
      <c r="K37953" s="2">
        <v>1</v>
      </c>
      <c r="L37953" t="s">
        <v>995</v>
      </c>
      <c r="M37953" t="s">
        <v>83</v>
      </c>
      <c r="N37953" t="s">
        <v>91</v>
      </c>
      <c r="O37953" t="s">
        <v>85</v>
      </c>
      <c r="P37953" t="s">
        <v>86</v>
      </c>
      <c r="Q37953">
        <v>27</v>
      </c>
      <c r="R37953">
        <v>28</v>
      </c>
      <c r="S37953">
        <v>29</v>
      </c>
      <c r="T37953">
        <v>29</v>
      </c>
      <c r="U37953">
        <v>30</v>
      </c>
      <c r="V37953">
        <v>31</v>
      </c>
      <c r="W37953">
        <v>31</v>
      </c>
      <c r="X37953">
        <v>32</v>
      </c>
      <c r="Y37953">
        <v>33</v>
      </c>
      <c r="Z37953">
        <v>34</v>
      </c>
      <c r="AA37953">
        <v>34</v>
      </c>
      <c r="AB37953">
        <v>35</v>
      </c>
      <c r="AC37953">
        <v>36</v>
      </c>
      <c r="AD37953">
        <v>37</v>
      </c>
      <c r="AE37953">
        <v>37</v>
      </c>
      <c r="AF37953">
        <v>38</v>
      </c>
      <c r="AG37953">
        <v>39</v>
      </c>
      <c r="AH37953">
        <v>40</v>
      </c>
      <c r="AI37953">
        <v>41</v>
      </c>
      <c r="AJ37953">
        <v>42</v>
      </c>
      <c r="AK37953">
        <v>43</v>
      </c>
      <c r="AL37953">
        <v>43</v>
      </c>
      <c r="AM37953">
        <v>44</v>
      </c>
      <c r="AN37953">
        <v>44</v>
      </c>
      <c r="AO37953">
        <v>45</v>
      </c>
      <c r="AP37953">
        <v>45</v>
      </c>
      <c r="AQ37953">
        <v>46</v>
      </c>
    </row>
    <row r="37954" spans="1:43">
      <c r="A37954" t="s">
        <v>23537</v>
      </c>
      <c r="B37954" t="s">
        <v>23538</v>
      </c>
      <c r="C37954" t="s">
        <v>23505</v>
      </c>
      <c r="D37954" t="s">
        <v>23506</v>
      </c>
      <c r="E37954" t="s">
        <v>23481</v>
      </c>
      <c r="F37954" t="s">
        <v>23482</v>
      </c>
      <c r="G37954" t="s">
        <v>11612</v>
      </c>
      <c r="H37954" t="s">
        <v>11613</v>
      </c>
      <c r="I37954" s="2">
        <v>0</v>
      </c>
      <c r="J37954" s="2">
        <v>0</v>
      </c>
      <c r="K37954" s="2">
        <v>1</v>
      </c>
      <c r="L37954" t="s">
        <v>995</v>
      </c>
      <c r="M37954" t="s">
        <v>83</v>
      </c>
      <c r="N37954" t="s">
        <v>84</v>
      </c>
      <c r="O37954" t="s">
        <v>85</v>
      </c>
      <c r="P37954" t="s">
        <v>86</v>
      </c>
      <c r="Q37954">
        <v>27</v>
      </c>
      <c r="R37954">
        <v>27</v>
      </c>
      <c r="S37954">
        <v>28</v>
      </c>
      <c r="T37954">
        <v>29</v>
      </c>
      <c r="U37954">
        <v>30</v>
      </c>
      <c r="V37954">
        <v>30</v>
      </c>
      <c r="W37954">
        <v>31</v>
      </c>
      <c r="X37954">
        <v>32</v>
      </c>
      <c r="Y37954">
        <v>32</v>
      </c>
      <c r="Z37954">
        <v>33</v>
      </c>
      <c r="AA37954">
        <v>34</v>
      </c>
      <c r="AB37954">
        <v>35</v>
      </c>
      <c r="AC37954">
        <v>35</v>
      </c>
      <c r="AD37954">
        <v>36</v>
      </c>
      <c r="AE37954">
        <v>37</v>
      </c>
      <c r="AF37954">
        <v>38</v>
      </c>
      <c r="AG37954">
        <v>39</v>
      </c>
      <c r="AH37954">
        <v>39</v>
      </c>
      <c r="AI37954">
        <v>40</v>
      </c>
      <c r="AJ37954">
        <v>41</v>
      </c>
      <c r="AK37954">
        <v>42</v>
      </c>
      <c r="AL37954">
        <v>43</v>
      </c>
      <c r="AM37954">
        <v>43</v>
      </c>
      <c r="AN37954">
        <v>44</v>
      </c>
      <c r="AO37954">
        <v>44</v>
      </c>
      <c r="AP37954">
        <v>45</v>
      </c>
      <c r="AQ37954">
        <v>45</v>
      </c>
    </row>
    <row r="37955" spans="1:43">
      <c r="A37955" t="s">
        <v>23537</v>
      </c>
      <c r="B37955" t="s">
        <v>23538</v>
      </c>
      <c r="C37955" t="s">
        <v>23505</v>
      </c>
      <c r="D37955" t="s">
        <v>23506</v>
      </c>
      <c r="E37955" t="s">
        <v>23481</v>
      </c>
      <c r="F37955" t="s">
        <v>23482</v>
      </c>
      <c r="G37955" t="s">
        <v>11612</v>
      </c>
      <c r="H37955" t="s">
        <v>11613</v>
      </c>
      <c r="I37955" s="2">
        <v>0</v>
      </c>
      <c r="J37955" s="2">
        <v>0</v>
      </c>
      <c r="K37955" s="2">
        <v>1</v>
      </c>
      <c r="L37955" t="s">
        <v>995</v>
      </c>
      <c r="M37955" t="s">
        <v>87</v>
      </c>
      <c r="N37955" t="s">
        <v>88</v>
      </c>
      <c r="O37955" t="s">
        <v>85</v>
      </c>
      <c r="P37955" t="s">
        <v>86</v>
      </c>
      <c r="Q37955">
        <v>27</v>
      </c>
      <c r="R37955">
        <v>27</v>
      </c>
      <c r="S37955">
        <v>27</v>
      </c>
      <c r="T37955">
        <v>28</v>
      </c>
      <c r="U37955">
        <v>28</v>
      </c>
      <c r="V37955">
        <v>29</v>
      </c>
      <c r="W37955">
        <v>29</v>
      </c>
      <c r="X37955">
        <v>30</v>
      </c>
      <c r="Y37955">
        <v>30</v>
      </c>
      <c r="Z37955">
        <v>30</v>
      </c>
      <c r="AA37955">
        <v>31</v>
      </c>
      <c r="AB37955">
        <v>31</v>
      </c>
      <c r="AC37955">
        <v>32</v>
      </c>
      <c r="AD37955">
        <v>32</v>
      </c>
      <c r="AE37955">
        <v>33</v>
      </c>
      <c r="AF37955">
        <v>33</v>
      </c>
      <c r="AG37955">
        <v>34</v>
      </c>
      <c r="AH37955">
        <v>34</v>
      </c>
      <c r="AI37955">
        <v>35</v>
      </c>
      <c r="AJ37955">
        <v>35</v>
      </c>
      <c r="AK37955">
        <v>36</v>
      </c>
      <c r="AL37955">
        <v>36</v>
      </c>
      <c r="AM37955">
        <v>37</v>
      </c>
      <c r="AN37955">
        <v>37</v>
      </c>
      <c r="AO37955">
        <v>38</v>
      </c>
      <c r="AP37955">
        <v>38</v>
      </c>
      <c r="AQ37955">
        <v>39</v>
      </c>
    </row>
    <row r="37956" spans="1:43">
      <c r="A37956" t="s">
        <v>23537</v>
      </c>
      <c r="B37956" t="s">
        <v>23538</v>
      </c>
      <c r="C37956" t="s">
        <v>23505</v>
      </c>
      <c r="D37956" t="s">
        <v>23506</v>
      </c>
      <c r="E37956" t="s">
        <v>23481</v>
      </c>
      <c r="F37956" t="s">
        <v>23482</v>
      </c>
      <c r="G37956" t="s">
        <v>11612</v>
      </c>
      <c r="H37956" t="s">
        <v>11613</v>
      </c>
      <c r="I37956" s="2">
        <v>0</v>
      </c>
      <c r="J37956" s="2">
        <v>0</v>
      </c>
      <c r="K37956" s="2">
        <v>1</v>
      </c>
      <c r="L37956" t="s">
        <v>995</v>
      </c>
      <c r="M37956" t="s">
        <v>89</v>
      </c>
      <c r="N37956" t="s">
        <v>90</v>
      </c>
      <c r="O37956" t="s">
        <v>85</v>
      </c>
      <c r="P37956" t="s">
        <v>86</v>
      </c>
      <c r="Q37956">
        <v>27</v>
      </c>
      <c r="R37956">
        <v>28</v>
      </c>
      <c r="S37956">
        <v>29</v>
      </c>
      <c r="T37956">
        <v>30</v>
      </c>
      <c r="U37956">
        <v>31</v>
      </c>
      <c r="V37956">
        <v>32</v>
      </c>
      <c r="W37956">
        <v>33</v>
      </c>
      <c r="X37956">
        <v>33</v>
      </c>
      <c r="Y37956">
        <v>34</v>
      </c>
      <c r="Z37956">
        <v>35</v>
      </c>
      <c r="AA37956">
        <v>36</v>
      </c>
      <c r="AB37956">
        <v>37</v>
      </c>
      <c r="AC37956">
        <v>38</v>
      </c>
      <c r="AD37956">
        <v>39</v>
      </c>
      <c r="AE37956">
        <v>40</v>
      </c>
      <c r="AF37956">
        <v>40</v>
      </c>
      <c r="AG37956">
        <v>41</v>
      </c>
      <c r="AH37956">
        <v>41</v>
      </c>
      <c r="AI37956">
        <v>42</v>
      </c>
      <c r="AJ37956">
        <v>42</v>
      </c>
      <c r="AK37956">
        <v>43</v>
      </c>
      <c r="AL37956">
        <v>43</v>
      </c>
      <c r="AM37956">
        <v>43</v>
      </c>
      <c r="AN37956">
        <v>44</v>
      </c>
      <c r="AO37956">
        <v>44</v>
      </c>
      <c r="AP37956">
        <v>45</v>
      </c>
      <c r="AQ37956">
        <v>45</v>
      </c>
    </row>
    <row r="37957" spans="1:43">
      <c r="A37957" t="s">
        <v>23537</v>
      </c>
      <c r="B37957" t="s">
        <v>23538</v>
      </c>
      <c r="C37957" t="s">
        <v>23505</v>
      </c>
      <c r="D37957" t="s">
        <v>23506</v>
      </c>
      <c r="E37957" t="s">
        <v>23481</v>
      </c>
      <c r="F37957" t="s">
        <v>23482</v>
      </c>
      <c r="G37957" t="s">
        <v>11612</v>
      </c>
      <c r="H37957" t="s">
        <v>11613</v>
      </c>
      <c r="I37957" s="2">
        <v>0</v>
      </c>
      <c r="J37957" s="2">
        <v>0</v>
      </c>
      <c r="K37957" s="2">
        <v>1</v>
      </c>
      <c r="L37957" t="s">
        <v>995</v>
      </c>
      <c r="M37957" t="s">
        <v>83</v>
      </c>
      <c r="N37957" t="s">
        <v>91</v>
      </c>
      <c r="O37957" t="s">
        <v>85</v>
      </c>
      <c r="P37957" t="s">
        <v>86</v>
      </c>
      <c r="Q37957">
        <v>27</v>
      </c>
      <c r="R37957">
        <v>27</v>
      </c>
      <c r="S37957">
        <v>28</v>
      </c>
      <c r="T37957">
        <v>29</v>
      </c>
      <c r="U37957">
        <v>30</v>
      </c>
      <c r="V37957">
        <v>30</v>
      </c>
      <c r="W37957">
        <v>31</v>
      </c>
      <c r="X37957">
        <v>32</v>
      </c>
      <c r="Y37957">
        <v>32</v>
      </c>
      <c r="Z37957">
        <v>33</v>
      </c>
      <c r="AA37957">
        <v>34</v>
      </c>
      <c r="AB37957">
        <v>35</v>
      </c>
      <c r="AC37957">
        <v>35</v>
      </c>
      <c r="AD37957">
        <v>36</v>
      </c>
      <c r="AE37957">
        <v>37</v>
      </c>
      <c r="AF37957">
        <v>38</v>
      </c>
      <c r="AG37957">
        <v>39</v>
      </c>
      <c r="AH37957">
        <v>39</v>
      </c>
      <c r="AI37957">
        <v>40</v>
      </c>
      <c r="AJ37957">
        <v>41</v>
      </c>
      <c r="AK37957">
        <v>42</v>
      </c>
      <c r="AL37957">
        <v>43</v>
      </c>
      <c r="AM37957">
        <v>43</v>
      </c>
      <c r="AN37957">
        <v>44</v>
      </c>
      <c r="AO37957">
        <v>44</v>
      </c>
      <c r="AP37957">
        <v>45</v>
      </c>
      <c r="AQ37957">
        <v>45</v>
      </c>
    </row>
    <row r="37958" spans="1:43">
      <c r="A37958" t="s">
        <v>23539</v>
      </c>
      <c r="B37958" t="s">
        <v>23540</v>
      </c>
      <c r="C37958" t="s">
        <v>23505</v>
      </c>
      <c r="D37958" t="s">
        <v>23506</v>
      </c>
      <c r="E37958" t="s">
        <v>23481</v>
      </c>
      <c r="F37958" t="s">
        <v>23482</v>
      </c>
      <c r="G37958" t="s">
        <v>11612</v>
      </c>
      <c r="H37958" t="s">
        <v>11613</v>
      </c>
      <c r="I37958" s="2">
        <v>0</v>
      </c>
      <c r="J37958" s="2">
        <v>0</v>
      </c>
      <c r="K37958" s="2">
        <v>1</v>
      </c>
      <c r="L37958" t="s">
        <v>995</v>
      </c>
      <c r="M37958" t="s">
        <v>83</v>
      </c>
      <c r="N37958" t="s">
        <v>84</v>
      </c>
      <c r="O37958" t="s">
        <v>85</v>
      </c>
      <c r="P37958" t="s">
        <v>86</v>
      </c>
      <c r="Q37958">
        <v>45</v>
      </c>
      <c r="R37958">
        <v>46</v>
      </c>
      <c r="S37958">
        <v>47</v>
      </c>
      <c r="T37958">
        <v>49</v>
      </c>
      <c r="U37958">
        <v>50</v>
      </c>
      <c r="V37958">
        <v>51</v>
      </c>
      <c r="W37958">
        <v>52</v>
      </c>
      <c r="X37958">
        <v>53</v>
      </c>
      <c r="Y37958">
        <v>55</v>
      </c>
      <c r="Z37958">
        <v>56</v>
      </c>
      <c r="AA37958">
        <v>57</v>
      </c>
      <c r="AB37958">
        <v>58</v>
      </c>
      <c r="AC37958">
        <v>60</v>
      </c>
      <c r="AD37958">
        <v>61</v>
      </c>
      <c r="AE37958">
        <v>62</v>
      </c>
      <c r="AF37958">
        <v>64</v>
      </c>
      <c r="AG37958">
        <v>65</v>
      </c>
      <c r="AH37958">
        <v>67</v>
      </c>
      <c r="AI37958">
        <v>68</v>
      </c>
      <c r="AJ37958">
        <v>69</v>
      </c>
      <c r="AK37958">
        <v>71</v>
      </c>
      <c r="AL37958">
        <v>72</v>
      </c>
      <c r="AM37958">
        <v>73</v>
      </c>
      <c r="AN37958">
        <v>73</v>
      </c>
      <c r="AO37958">
        <v>74</v>
      </c>
      <c r="AP37958">
        <v>75</v>
      </c>
      <c r="AQ37958">
        <v>76</v>
      </c>
    </row>
    <row r="37959" spans="1:43">
      <c r="A37959" t="s">
        <v>23539</v>
      </c>
      <c r="B37959" t="s">
        <v>23540</v>
      </c>
      <c r="C37959" t="s">
        <v>23505</v>
      </c>
      <c r="D37959" t="s">
        <v>23506</v>
      </c>
      <c r="E37959" t="s">
        <v>23481</v>
      </c>
      <c r="F37959" t="s">
        <v>23482</v>
      </c>
      <c r="G37959" t="s">
        <v>11612</v>
      </c>
      <c r="H37959" t="s">
        <v>11613</v>
      </c>
      <c r="I37959" s="2">
        <v>0</v>
      </c>
      <c r="J37959" s="2">
        <v>0</v>
      </c>
      <c r="K37959" s="2">
        <v>1</v>
      </c>
      <c r="L37959" t="s">
        <v>995</v>
      </c>
      <c r="M37959" t="s">
        <v>87</v>
      </c>
      <c r="N37959" t="s">
        <v>88</v>
      </c>
      <c r="O37959" t="s">
        <v>85</v>
      </c>
      <c r="P37959" t="s">
        <v>86</v>
      </c>
      <c r="Q37959">
        <v>45</v>
      </c>
      <c r="R37959">
        <v>46</v>
      </c>
      <c r="S37959">
        <v>46</v>
      </c>
      <c r="T37959">
        <v>47</v>
      </c>
      <c r="U37959">
        <v>48</v>
      </c>
      <c r="V37959">
        <v>48</v>
      </c>
      <c r="W37959">
        <v>49</v>
      </c>
      <c r="X37959">
        <v>50</v>
      </c>
      <c r="Y37959">
        <v>51</v>
      </c>
      <c r="Z37959">
        <v>51</v>
      </c>
      <c r="AA37959">
        <v>52</v>
      </c>
      <c r="AB37959">
        <v>53</v>
      </c>
      <c r="AC37959">
        <v>54</v>
      </c>
      <c r="AD37959">
        <v>54</v>
      </c>
      <c r="AE37959">
        <v>55</v>
      </c>
      <c r="AF37959">
        <v>56</v>
      </c>
      <c r="AG37959">
        <v>57</v>
      </c>
      <c r="AH37959">
        <v>58</v>
      </c>
      <c r="AI37959">
        <v>59</v>
      </c>
      <c r="AJ37959">
        <v>59</v>
      </c>
      <c r="AK37959">
        <v>60</v>
      </c>
      <c r="AL37959">
        <v>61</v>
      </c>
      <c r="AM37959">
        <v>62</v>
      </c>
      <c r="AN37959">
        <v>63</v>
      </c>
      <c r="AO37959">
        <v>64</v>
      </c>
      <c r="AP37959">
        <v>65</v>
      </c>
      <c r="AQ37959">
        <v>66</v>
      </c>
    </row>
    <row r="37960" spans="1:43">
      <c r="A37960" t="s">
        <v>23539</v>
      </c>
      <c r="B37960" t="s">
        <v>23540</v>
      </c>
      <c r="C37960" t="s">
        <v>23505</v>
      </c>
      <c r="D37960" t="s">
        <v>23506</v>
      </c>
      <c r="E37960" t="s">
        <v>23481</v>
      </c>
      <c r="F37960" t="s">
        <v>23482</v>
      </c>
      <c r="G37960" t="s">
        <v>11612</v>
      </c>
      <c r="H37960" t="s">
        <v>11613</v>
      </c>
      <c r="I37960" s="2">
        <v>0</v>
      </c>
      <c r="J37960" s="2">
        <v>0</v>
      </c>
      <c r="K37960" s="2">
        <v>1</v>
      </c>
      <c r="L37960" t="s">
        <v>995</v>
      </c>
      <c r="M37960" t="s">
        <v>89</v>
      </c>
      <c r="N37960" t="s">
        <v>90</v>
      </c>
      <c r="O37960" t="s">
        <v>85</v>
      </c>
      <c r="P37960" t="s">
        <v>86</v>
      </c>
      <c r="Q37960">
        <v>45</v>
      </c>
      <c r="R37960">
        <v>46</v>
      </c>
      <c r="S37960">
        <v>48</v>
      </c>
      <c r="T37960">
        <v>49</v>
      </c>
      <c r="U37960">
        <v>51</v>
      </c>
      <c r="V37960">
        <v>52</v>
      </c>
      <c r="W37960">
        <v>54</v>
      </c>
      <c r="X37960">
        <v>55</v>
      </c>
      <c r="Y37960">
        <v>57</v>
      </c>
      <c r="Z37960">
        <v>58</v>
      </c>
      <c r="AA37960">
        <v>60</v>
      </c>
      <c r="AB37960">
        <v>61</v>
      </c>
      <c r="AC37960">
        <v>63</v>
      </c>
      <c r="AD37960">
        <v>65</v>
      </c>
      <c r="AE37960">
        <v>66</v>
      </c>
      <c r="AF37960">
        <v>67</v>
      </c>
      <c r="AG37960">
        <v>68</v>
      </c>
      <c r="AH37960">
        <v>68</v>
      </c>
      <c r="AI37960">
        <v>69</v>
      </c>
      <c r="AJ37960">
        <v>70</v>
      </c>
      <c r="AK37960">
        <v>71</v>
      </c>
      <c r="AL37960">
        <v>71</v>
      </c>
      <c r="AM37960">
        <v>72</v>
      </c>
      <c r="AN37960">
        <v>73</v>
      </c>
      <c r="AO37960">
        <v>74</v>
      </c>
      <c r="AP37960">
        <v>75</v>
      </c>
      <c r="AQ37960">
        <v>75</v>
      </c>
    </row>
    <row r="37961" spans="1:43">
      <c r="A37961" t="s">
        <v>23539</v>
      </c>
      <c r="B37961" t="s">
        <v>23540</v>
      </c>
      <c r="C37961" t="s">
        <v>23505</v>
      </c>
      <c r="D37961" t="s">
        <v>23506</v>
      </c>
      <c r="E37961" t="s">
        <v>23481</v>
      </c>
      <c r="F37961" t="s">
        <v>23482</v>
      </c>
      <c r="G37961" t="s">
        <v>11612</v>
      </c>
      <c r="H37961" t="s">
        <v>11613</v>
      </c>
      <c r="I37961" s="2">
        <v>0</v>
      </c>
      <c r="J37961" s="2">
        <v>0</v>
      </c>
      <c r="K37961" s="2">
        <v>1</v>
      </c>
      <c r="L37961" t="s">
        <v>995</v>
      </c>
      <c r="M37961" t="s">
        <v>83</v>
      </c>
      <c r="N37961" t="s">
        <v>91</v>
      </c>
      <c r="O37961" t="s">
        <v>85</v>
      </c>
      <c r="P37961" t="s">
        <v>86</v>
      </c>
      <c r="Q37961">
        <v>45</v>
      </c>
      <c r="R37961">
        <v>46</v>
      </c>
      <c r="S37961">
        <v>47</v>
      </c>
      <c r="T37961">
        <v>49</v>
      </c>
      <c r="U37961">
        <v>50</v>
      </c>
      <c r="V37961">
        <v>51</v>
      </c>
      <c r="W37961">
        <v>52</v>
      </c>
      <c r="X37961">
        <v>53</v>
      </c>
      <c r="Y37961">
        <v>55</v>
      </c>
      <c r="Z37961">
        <v>56</v>
      </c>
      <c r="AA37961">
        <v>57</v>
      </c>
      <c r="AB37961">
        <v>58</v>
      </c>
      <c r="AC37961">
        <v>60</v>
      </c>
      <c r="AD37961">
        <v>61</v>
      </c>
      <c r="AE37961">
        <v>62</v>
      </c>
      <c r="AF37961">
        <v>64</v>
      </c>
      <c r="AG37961">
        <v>65</v>
      </c>
      <c r="AH37961">
        <v>67</v>
      </c>
      <c r="AI37961">
        <v>68</v>
      </c>
      <c r="AJ37961">
        <v>69</v>
      </c>
      <c r="AK37961">
        <v>71</v>
      </c>
      <c r="AL37961">
        <v>72</v>
      </c>
      <c r="AM37961">
        <v>73</v>
      </c>
      <c r="AN37961">
        <v>73</v>
      </c>
      <c r="AO37961">
        <v>74</v>
      </c>
      <c r="AP37961">
        <v>75</v>
      </c>
      <c r="AQ37961">
        <v>76</v>
      </c>
    </row>
    <row r="37962" spans="1:43">
      <c r="A37962" t="s">
        <v>23541</v>
      </c>
      <c r="B37962" t="s">
        <v>23542</v>
      </c>
      <c r="C37962" t="s">
        <v>23531</v>
      </c>
      <c r="D37962" t="s">
        <v>23532</v>
      </c>
      <c r="E37962" t="s">
        <v>23481</v>
      </c>
      <c r="F37962" t="s">
        <v>23482</v>
      </c>
      <c r="G37962" t="s">
        <v>11612</v>
      </c>
      <c r="H37962" t="s">
        <v>11613</v>
      </c>
      <c r="I37962" s="2">
        <v>0</v>
      </c>
      <c r="J37962" s="2">
        <v>0</v>
      </c>
      <c r="K37962" s="2">
        <v>1</v>
      </c>
      <c r="L37962" t="s">
        <v>995</v>
      </c>
      <c r="M37962" t="s">
        <v>83</v>
      </c>
      <c r="N37962" t="s">
        <v>84</v>
      </c>
      <c r="O37962" t="s">
        <v>85</v>
      </c>
      <c r="P37962" t="s">
        <v>86</v>
      </c>
      <c r="Q37962">
        <v>92</v>
      </c>
      <c r="R37962">
        <v>95</v>
      </c>
      <c r="S37962">
        <v>97</v>
      </c>
      <c r="T37962">
        <v>99</v>
      </c>
      <c r="U37962">
        <v>102</v>
      </c>
      <c r="V37962">
        <v>104</v>
      </c>
      <c r="W37962">
        <v>106</v>
      </c>
      <c r="X37962">
        <v>109</v>
      </c>
      <c r="Y37962">
        <v>111</v>
      </c>
      <c r="Z37962">
        <v>114</v>
      </c>
      <c r="AA37962">
        <v>117</v>
      </c>
      <c r="AB37962">
        <v>119</v>
      </c>
      <c r="AC37962">
        <v>122</v>
      </c>
      <c r="AD37962">
        <v>125</v>
      </c>
      <c r="AE37962">
        <v>127</v>
      </c>
      <c r="AF37962">
        <v>130</v>
      </c>
      <c r="AG37962">
        <v>133</v>
      </c>
      <c r="AH37962">
        <v>136</v>
      </c>
      <c r="AI37962">
        <v>139</v>
      </c>
      <c r="AJ37962">
        <v>141</v>
      </c>
      <c r="AK37962">
        <v>144</v>
      </c>
      <c r="AL37962">
        <v>147</v>
      </c>
      <c r="AM37962">
        <v>148</v>
      </c>
      <c r="AN37962">
        <v>150</v>
      </c>
      <c r="AO37962">
        <v>151</v>
      </c>
      <c r="AP37962">
        <v>153</v>
      </c>
      <c r="AQ37962">
        <v>155</v>
      </c>
    </row>
    <row r="37963" spans="1:43">
      <c r="A37963" t="s">
        <v>23541</v>
      </c>
      <c r="B37963" t="s">
        <v>23542</v>
      </c>
      <c r="C37963" t="s">
        <v>23531</v>
      </c>
      <c r="D37963" t="s">
        <v>23532</v>
      </c>
      <c r="E37963" t="s">
        <v>23481</v>
      </c>
      <c r="F37963" t="s">
        <v>23482</v>
      </c>
      <c r="G37963" t="s">
        <v>11612</v>
      </c>
      <c r="H37963" t="s">
        <v>11613</v>
      </c>
      <c r="I37963" s="2">
        <v>0</v>
      </c>
      <c r="J37963" s="2">
        <v>0</v>
      </c>
      <c r="K37963" s="2">
        <v>1</v>
      </c>
      <c r="L37963" t="s">
        <v>995</v>
      </c>
      <c r="M37963" t="s">
        <v>87</v>
      </c>
      <c r="N37963" t="s">
        <v>88</v>
      </c>
      <c r="O37963" t="s">
        <v>85</v>
      </c>
      <c r="P37963" t="s">
        <v>86</v>
      </c>
      <c r="Q37963">
        <v>92</v>
      </c>
      <c r="R37963">
        <v>94</v>
      </c>
      <c r="S37963">
        <v>95</v>
      </c>
      <c r="T37963">
        <v>97</v>
      </c>
      <c r="U37963">
        <v>98</v>
      </c>
      <c r="V37963">
        <v>100</v>
      </c>
      <c r="W37963">
        <v>101</v>
      </c>
      <c r="X37963">
        <v>103</v>
      </c>
      <c r="Y37963">
        <v>104</v>
      </c>
      <c r="Z37963">
        <v>106</v>
      </c>
      <c r="AA37963">
        <v>107</v>
      </c>
      <c r="AB37963">
        <v>109</v>
      </c>
      <c r="AC37963">
        <v>110</v>
      </c>
      <c r="AD37963">
        <v>112</v>
      </c>
      <c r="AE37963">
        <v>114</v>
      </c>
      <c r="AF37963">
        <v>115</v>
      </c>
      <c r="AG37963">
        <v>117</v>
      </c>
      <c r="AH37963">
        <v>119</v>
      </c>
      <c r="AI37963">
        <v>120</v>
      </c>
      <c r="AJ37963">
        <v>122</v>
      </c>
      <c r="AK37963">
        <v>124</v>
      </c>
      <c r="AL37963">
        <v>126</v>
      </c>
      <c r="AM37963">
        <v>128</v>
      </c>
      <c r="AN37963">
        <v>129</v>
      </c>
      <c r="AO37963">
        <v>131</v>
      </c>
      <c r="AP37963">
        <v>133</v>
      </c>
      <c r="AQ37963">
        <v>135</v>
      </c>
    </row>
    <row r="37964" spans="1:43">
      <c r="A37964" t="s">
        <v>23541</v>
      </c>
      <c r="B37964" t="s">
        <v>23542</v>
      </c>
      <c r="C37964" t="s">
        <v>23531</v>
      </c>
      <c r="D37964" t="s">
        <v>23532</v>
      </c>
      <c r="E37964" t="s">
        <v>23481</v>
      </c>
      <c r="F37964" t="s">
        <v>23482</v>
      </c>
      <c r="G37964" t="s">
        <v>11612</v>
      </c>
      <c r="H37964" t="s">
        <v>11613</v>
      </c>
      <c r="I37964" s="2">
        <v>0</v>
      </c>
      <c r="J37964" s="2">
        <v>0</v>
      </c>
      <c r="K37964" s="2">
        <v>1</v>
      </c>
      <c r="L37964" t="s">
        <v>995</v>
      </c>
      <c r="M37964" t="s">
        <v>89</v>
      </c>
      <c r="N37964" t="s">
        <v>90</v>
      </c>
      <c r="O37964" t="s">
        <v>85</v>
      </c>
      <c r="P37964" t="s">
        <v>86</v>
      </c>
      <c r="Q37964">
        <v>92</v>
      </c>
      <c r="R37964">
        <v>95</v>
      </c>
      <c r="S37964">
        <v>98</v>
      </c>
      <c r="T37964">
        <v>101</v>
      </c>
      <c r="U37964">
        <v>105</v>
      </c>
      <c r="V37964">
        <v>108</v>
      </c>
      <c r="W37964">
        <v>111</v>
      </c>
      <c r="X37964">
        <v>114</v>
      </c>
      <c r="Y37964">
        <v>117</v>
      </c>
      <c r="Z37964">
        <v>120</v>
      </c>
      <c r="AA37964">
        <v>123</v>
      </c>
      <c r="AB37964">
        <v>126</v>
      </c>
      <c r="AC37964">
        <v>130</v>
      </c>
      <c r="AD37964">
        <v>133</v>
      </c>
      <c r="AE37964">
        <v>136</v>
      </c>
      <c r="AF37964">
        <v>137</v>
      </c>
      <c r="AG37964">
        <v>139</v>
      </c>
      <c r="AH37964">
        <v>140</v>
      </c>
      <c r="AI37964">
        <v>142</v>
      </c>
      <c r="AJ37964">
        <v>143</v>
      </c>
      <c r="AK37964">
        <v>145</v>
      </c>
      <c r="AL37964">
        <v>147</v>
      </c>
      <c r="AM37964">
        <v>148</v>
      </c>
      <c r="AN37964">
        <v>150</v>
      </c>
      <c r="AO37964">
        <v>152</v>
      </c>
      <c r="AP37964">
        <v>153</v>
      </c>
      <c r="AQ37964">
        <v>155</v>
      </c>
    </row>
    <row r="37965" spans="1:43">
      <c r="A37965" t="s">
        <v>23541</v>
      </c>
      <c r="B37965" t="s">
        <v>23542</v>
      </c>
      <c r="C37965" t="s">
        <v>23531</v>
      </c>
      <c r="D37965" t="s">
        <v>23532</v>
      </c>
      <c r="E37965" t="s">
        <v>23481</v>
      </c>
      <c r="F37965" t="s">
        <v>23482</v>
      </c>
      <c r="G37965" t="s">
        <v>11612</v>
      </c>
      <c r="H37965" t="s">
        <v>11613</v>
      </c>
      <c r="I37965" s="2">
        <v>0</v>
      </c>
      <c r="J37965" s="2">
        <v>0</v>
      </c>
      <c r="K37965" s="2">
        <v>1</v>
      </c>
      <c r="L37965" t="s">
        <v>995</v>
      </c>
      <c r="M37965" t="s">
        <v>83</v>
      </c>
      <c r="N37965" t="s">
        <v>91</v>
      </c>
      <c r="O37965" t="s">
        <v>85</v>
      </c>
      <c r="P37965" t="s">
        <v>86</v>
      </c>
      <c r="Q37965">
        <v>92</v>
      </c>
      <c r="R37965">
        <v>95</v>
      </c>
      <c r="S37965">
        <v>97</v>
      </c>
      <c r="T37965">
        <v>99</v>
      </c>
      <c r="U37965">
        <v>102</v>
      </c>
      <c r="V37965">
        <v>104</v>
      </c>
      <c r="W37965">
        <v>106</v>
      </c>
      <c r="X37965">
        <v>109</v>
      </c>
      <c r="Y37965">
        <v>111</v>
      </c>
      <c r="Z37965">
        <v>114</v>
      </c>
      <c r="AA37965">
        <v>117</v>
      </c>
      <c r="AB37965">
        <v>119</v>
      </c>
      <c r="AC37965">
        <v>122</v>
      </c>
      <c r="AD37965">
        <v>125</v>
      </c>
      <c r="AE37965">
        <v>127</v>
      </c>
      <c r="AF37965">
        <v>130</v>
      </c>
      <c r="AG37965">
        <v>133</v>
      </c>
      <c r="AH37965">
        <v>136</v>
      </c>
      <c r="AI37965">
        <v>139</v>
      </c>
      <c r="AJ37965">
        <v>141</v>
      </c>
      <c r="AK37965">
        <v>144</v>
      </c>
      <c r="AL37965">
        <v>147</v>
      </c>
      <c r="AM37965">
        <v>148</v>
      </c>
      <c r="AN37965">
        <v>150</v>
      </c>
      <c r="AO37965">
        <v>151</v>
      </c>
      <c r="AP37965">
        <v>153</v>
      </c>
      <c r="AQ37965">
        <v>155</v>
      </c>
    </row>
    <row r="37966" spans="1:43">
      <c r="A37966" t="s">
        <v>23543</v>
      </c>
      <c r="B37966" t="s">
        <v>23544</v>
      </c>
      <c r="C37966" t="s">
        <v>23531</v>
      </c>
      <c r="D37966" t="s">
        <v>23532</v>
      </c>
      <c r="E37966" t="s">
        <v>23481</v>
      </c>
      <c r="F37966" t="s">
        <v>23482</v>
      </c>
      <c r="G37966" t="s">
        <v>11612</v>
      </c>
      <c r="H37966" t="s">
        <v>11613</v>
      </c>
      <c r="I37966" s="2">
        <v>0</v>
      </c>
      <c r="J37966" s="2">
        <v>0</v>
      </c>
      <c r="K37966" s="2">
        <v>1</v>
      </c>
      <c r="L37966" t="s">
        <v>995</v>
      </c>
      <c r="M37966" t="s">
        <v>83</v>
      </c>
      <c r="N37966" t="s">
        <v>84</v>
      </c>
      <c r="O37966" t="s">
        <v>85</v>
      </c>
      <c r="P37966" t="s">
        <v>86</v>
      </c>
      <c r="Q37966">
        <v>18</v>
      </c>
      <c r="R37966">
        <v>19</v>
      </c>
      <c r="S37966">
        <v>19</v>
      </c>
      <c r="T37966">
        <v>19</v>
      </c>
      <c r="U37966">
        <v>20</v>
      </c>
      <c r="V37966">
        <v>20</v>
      </c>
      <c r="W37966">
        <v>21</v>
      </c>
      <c r="X37966">
        <v>21</v>
      </c>
      <c r="Y37966">
        <v>22</v>
      </c>
      <c r="Z37966">
        <v>22</v>
      </c>
      <c r="AA37966">
        <v>23</v>
      </c>
      <c r="AB37966">
        <v>23</v>
      </c>
      <c r="AC37966">
        <v>24</v>
      </c>
      <c r="AD37966">
        <v>24</v>
      </c>
      <c r="AE37966">
        <v>25</v>
      </c>
      <c r="AF37966">
        <v>26</v>
      </c>
      <c r="AG37966">
        <v>26</v>
      </c>
      <c r="AH37966">
        <v>27</v>
      </c>
      <c r="AI37966">
        <v>27</v>
      </c>
      <c r="AJ37966">
        <v>28</v>
      </c>
      <c r="AK37966">
        <v>28</v>
      </c>
      <c r="AL37966">
        <v>29</v>
      </c>
      <c r="AM37966">
        <v>29</v>
      </c>
      <c r="AN37966">
        <v>29</v>
      </c>
      <c r="AO37966">
        <v>30</v>
      </c>
      <c r="AP37966">
        <v>30</v>
      </c>
      <c r="AQ37966">
        <v>30</v>
      </c>
    </row>
    <row r="37967" spans="1:43">
      <c r="A37967" t="s">
        <v>23543</v>
      </c>
      <c r="B37967" t="s">
        <v>23544</v>
      </c>
      <c r="C37967" t="s">
        <v>23531</v>
      </c>
      <c r="D37967" t="s">
        <v>23532</v>
      </c>
      <c r="E37967" t="s">
        <v>23481</v>
      </c>
      <c r="F37967" t="s">
        <v>23482</v>
      </c>
      <c r="G37967" t="s">
        <v>11612</v>
      </c>
      <c r="H37967" t="s">
        <v>11613</v>
      </c>
      <c r="I37967" s="2">
        <v>0</v>
      </c>
      <c r="J37967" s="2">
        <v>0</v>
      </c>
      <c r="K37967" s="2">
        <v>1</v>
      </c>
      <c r="L37967" t="s">
        <v>995</v>
      </c>
      <c r="M37967" t="s">
        <v>87</v>
      </c>
      <c r="N37967" t="s">
        <v>88</v>
      </c>
      <c r="O37967" t="s">
        <v>85</v>
      </c>
      <c r="P37967" t="s">
        <v>86</v>
      </c>
      <c r="Q37967">
        <v>18</v>
      </c>
      <c r="R37967">
        <v>18</v>
      </c>
      <c r="S37967">
        <v>18</v>
      </c>
      <c r="T37967">
        <v>19</v>
      </c>
      <c r="U37967">
        <v>19</v>
      </c>
      <c r="V37967">
        <v>19</v>
      </c>
      <c r="W37967">
        <v>20</v>
      </c>
      <c r="X37967">
        <v>20</v>
      </c>
      <c r="Y37967">
        <v>20</v>
      </c>
      <c r="Z37967">
        <v>21</v>
      </c>
      <c r="AA37967">
        <v>21</v>
      </c>
      <c r="AB37967">
        <v>21</v>
      </c>
      <c r="AC37967">
        <v>21</v>
      </c>
      <c r="AD37967">
        <v>22</v>
      </c>
      <c r="AE37967">
        <v>22</v>
      </c>
      <c r="AF37967">
        <v>22</v>
      </c>
      <c r="AG37967">
        <v>23</v>
      </c>
      <c r="AH37967">
        <v>23</v>
      </c>
      <c r="AI37967">
        <v>23</v>
      </c>
      <c r="AJ37967">
        <v>24</v>
      </c>
      <c r="AK37967">
        <v>24</v>
      </c>
      <c r="AL37967">
        <v>25</v>
      </c>
      <c r="AM37967">
        <v>25</v>
      </c>
      <c r="AN37967">
        <v>25</v>
      </c>
      <c r="AO37967">
        <v>26</v>
      </c>
      <c r="AP37967">
        <v>26</v>
      </c>
      <c r="AQ37967">
        <v>26</v>
      </c>
    </row>
    <row r="37968" spans="1:43">
      <c r="A37968" t="s">
        <v>23543</v>
      </c>
      <c r="B37968" t="s">
        <v>23544</v>
      </c>
      <c r="C37968" t="s">
        <v>23531</v>
      </c>
      <c r="D37968" t="s">
        <v>23532</v>
      </c>
      <c r="E37968" t="s">
        <v>23481</v>
      </c>
      <c r="F37968" t="s">
        <v>23482</v>
      </c>
      <c r="G37968" t="s">
        <v>11612</v>
      </c>
      <c r="H37968" t="s">
        <v>11613</v>
      </c>
      <c r="I37968" s="2">
        <v>0</v>
      </c>
      <c r="J37968" s="2">
        <v>0</v>
      </c>
      <c r="K37968" s="2">
        <v>1</v>
      </c>
      <c r="L37968" t="s">
        <v>995</v>
      </c>
      <c r="M37968" t="s">
        <v>89</v>
      </c>
      <c r="N37968" t="s">
        <v>90</v>
      </c>
      <c r="O37968" t="s">
        <v>85</v>
      </c>
      <c r="P37968" t="s">
        <v>86</v>
      </c>
      <c r="Q37968">
        <v>18</v>
      </c>
      <c r="R37968">
        <v>19</v>
      </c>
      <c r="S37968">
        <v>19</v>
      </c>
      <c r="T37968">
        <v>20</v>
      </c>
      <c r="U37968">
        <v>21</v>
      </c>
      <c r="V37968">
        <v>21</v>
      </c>
      <c r="W37968">
        <v>22</v>
      </c>
      <c r="X37968">
        <v>23</v>
      </c>
      <c r="Y37968">
        <v>23</v>
      </c>
      <c r="Z37968">
        <v>24</v>
      </c>
      <c r="AA37968">
        <v>24</v>
      </c>
      <c r="AB37968">
        <v>25</v>
      </c>
      <c r="AC37968">
        <v>26</v>
      </c>
      <c r="AD37968">
        <v>26</v>
      </c>
      <c r="AE37968">
        <v>27</v>
      </c>
      <c r="AF37968">
        <v>27</v>
      </c>
      <c r="AG37968">
        <v>27</v>
      </c>
      <c r="AH37968">
        <v>28</v>
      </c>
      <c r="AI37968">
        <v>28</v>
      </c>
      <c r="AJ37968">
        <v>28</v>
      </c>
      <c r="AK37968">
        <v>29</v>
      </c>
      <c r="AL37968">
        <v>29</v>
      </c>
      <c r="AM37968">
        <v>29</v>
      </c>
      <c r="AN37968">
        <v>30</v>
      </c>
      <c r="AO37968">
        <v>30</v>
      </c>
      <c r="AP37968">
        <v>30</v>
      </c>
      <c r="AQ37968">
        <v>31</v>
      </c>
    </row>
    <row r="37969" spans="1:43">
      <c r="A37969" t="s">
        <v>23543</v>
      </c>
      <c r="B37969" t="s">
        <v>23544</v>
      </c>
      <c r="C37969" t="s">
        <v>23531</v>
      </c>
      <c r="D37969" t="s">
        <v>23532</v>
      </c>
      <c r="E37969" t="s">
        <v>23481</v>
      </c>
      <c r="F37969" t="s">
        <v>23482</v>
      </c>
      <c r="G37969" t="s">
        <v>11612</v>
      </c>
      <c r="H37969" t="s">
        <v>11613</v>
      </c>
      <c r="I37969" s="2">
        <v>0</v>
      </c>
      <c r="J37969" s="2">
        <v>0</v>
      </c>
      <c r="K37969" s="2">
        <v>1</v>
      </c>
      <c r="L37969" t="s">
        <v>995</v>
      </c>
      <c r="M37969" t="s">
        <v>83</v>
      </c>
      <c r="N37969" t="s">
        <v>91</v>
      </c>
      <c r="O37969" t="s">
        <v>85</v>
      </c>
      <c r="P37969" t="s">
        <v>86</v>
      </c>
      <c r="Q37969">
        <v>18</v>
      </c>
      <c r="R37969">
        <v>19</v>
      </c>
      <c r="S37969">
        <v>19</v>
      </c>
      <c r="T37969">
        <v>19</v>
      </c>
      <c r="U37969">
        <v>20</v>
      </c>
      <c r="V37969">
        <v>20</v>
      </c>
      <c r="W37969">
        <v>21</v>
      </c>
      <c r="X37969">
        <v>21</v>
      </c>
      <c r="Y37969">
        <v>22</v>
      </c>
      <c r="Z37969">
        <v>22</v>
      </c>
      <c r="AA37969">
        <v>23</v>
      </c>
      <c r="AB37969">
        <v>23</v>
      </c>
      <c r="AC37969">
        <v>24</v>
      </c>
      <c r="AD37969">
        <v>24</v>
      </c>
      <c r="AE37969">
        <v>25</v>
      </c>
      <c r="AF37969">
        <v>26</v>
      </c>
      <c r="AG37969">
        <v>26</v>
      </c>
      <c r="AH37969">
        <v>27</v>
      </c>
      <c r="AI37969">
        <v>27</v>
      </c>
      <c r="AJ37969">
        <v>28</v>
      </c>
      <c r="AK37969">
        <v>28</v>
      </c>
      <c r="AL37969">
        <v>29</v>
      </c>
      <c r="AM37969">
        <v>29</v>
      </c>
      <c r="AN37969">
        <v>29</v>
      </c>
      <c r="AO37969">
        <v>30</v>
      </c>
      <c r="AP37969">
        <v>30</v>
      </c>
      <c r="AQ37969">
        <v>30</v>
      </c>
    </row>
    <row r="37970" spans="1:43">
      <c r="A37970" t="s">
        <v>23545</v>
      </c>
      <c r="B37970" t="s">
        <v>23546</v>
      </c>
      <c r="C37970" t="s">
        <v>23531</v>
      </c>
      <c r="D37970" t="s">
        <v>23532</v>
      </c>
      <c r="E37970" t="s">
        <v>23481</v>
      </c>
      <c r="F37970" t="s">
        <v>23482</v>
      </c>
      <c r="G37970" t="s">
        <v>11612</v>
      </c>
      <c r="H37970" t="s">
        <v>11613</v>
      </c>
      <c r="I37970" s="2">
        <v>0</v>
      </c>
      <c r="J37970" s="2">
        <v>0</v>
      </c>
      <c r="K37970" s="2">
        <v>1</v>
      </c>
      <c r="L37970" t="s">
        <v>995</v>
      </c>
      <c r="M37970" t="s">
        <v>83</v>
      </c>
      <c r="N37970" t="s">
        <v>84</v>
      </c>
      <c r="O37970" t="s">
        <v>85</v>
      </c>
      <c r="P37970" t="s">
        <v>86</v>
      </c>
      <c r="Q37970">
        <v>37</v>
      </c>
      <c r="R37970">
        <v>38</v>
      </c>
      <c r="S37970">
        <v>39</v>
      </c>
      <c r="T37970">
        <v>40</v>
      </c>
      <c r="U37970">
        <v>41</v>
      </c>
      <c r="V37970">
        <v>42</v>
      </c>
      <c r="W37970">
        <v>43</v>
      </c>
      <c r="X37970">
        <v>44</v>
      </c>
      <c r="Y37970">
        <v>45</v>
      </c>
      <c r="Z37970">
        <v>46</v>
      </c>
      <c r="AA37970">
        <v>47</v>
      </c>
      <c r="AB37970">
        <v>48</v>
      </c>
      <c r="AC37970">
        <v>49</v>
      </c>
      <c r="AD37970">
        <v>51</v>
      </c>
      <c r="AE37970">
        <v>52</v>
      </c>
      <c r="AF37970">
        <v>53</v>
      </c>
      <c r="AG37970">
        <v>54</v>
      </c>
      <c r="AH37970">
        <v>55</v>
      </c>
      <c r="AI37970">
        <v>56</v>
      </c>
      <c r="AJ37970">
        <v>57</v>
      </c>
      <c r="AK37970">
        <v>59</v>
      </c>
      <c r="AL37970">
        <v>59</v>
      </c>
      <c r="AM37970">
        <v>60</v>
      </c>
      <c r="AN37970">
        <v>61</v>
      </c>
      <c r="AO37970">
        <v>62</v>
      </c>
      <c r="AP37970">
        <v>62</v>
      </c>
      <c r="AQ37970">
        <v>63</v>
      </c>
    </row>
    <row r="37971" spans="1:43">
      <c r="A37971" t="s">
        <v>23545</v>
      </c>
      <c r="B37971" t="s">
        <v>23546</v>
      </c>
      <c r="C37971" t="s">
        <v>23531</v>
      </c>
      <c r="D37971" t="s">
        <v>23532</v>
      </c>
      <c r="E37971" t="s">
        <v>23481</v>
      </c>
      <c r="F37971" t="s">
        <v>23482</v>
      </c>
      <c r="G37971" t="s">
        <v>11612</v>
      </c>
      <c r="H37971" t="s">
        <v>11613</v>
      </c>
      <c r="I37971" s="2">
        <v>0</v>
      </c>
      <c r="J37971" s="2">
        <v>0</v>
      </c>
      <c r="K37971" s="2">
        <v>1</v>
      </c>
      <c r="L37971" t="s">
        <v>995</v>
      </c>
      <c r="M37971" t="s">
        <v>87</v>
      </c>
      <c r="N37971" t="s">
        <v>88</v>
      </c>
      <c r="O37971" t="s">
        <v>85</v>
      </c>
      <c r="P37971" t="s">
        <v>86</v>
      </c>
      <c r="Q37971">
        <v>37</v>
      </c>
      <c r="R37971">
        <v>38</v>
      </c>
      <c r="S37971">
        <v>38</v>
      </c>
      <c r="T37971">
        <v>39</v>
      </c>
      <c r="U37971">
        <v>39</v>
      </c>
      <c r="V37971">
        <v>40</v>
      </c>
      <c r="W37971">
        <v>41</v>
      </c>
      <c r="X37971">
        <v>41</v>
      </c>
      <c r="Y37971">
        <v>42</v>
      </c>
      <c r="Z37971">
        <v>42</v>
      </c>
      <c r="AA37971">
        <v>43</v>
      </c>
      <c r="AB37971">
        <v>44</v>
      </c>
      <c r="AC37971">
        <v>44</v>
      </c>
      <c r="AD37971">
        <v>45</v>
      </c>
      <c r="AE37971">
        <v>46</v>
      </c>
      <c r="AF37971">
        <v>46</v>
      </c>
      <c r="AG37971">
        <v>47</v>
      </c>
      <c r="AH37971">
        <v>48</v>
      </c>
      <c r="AI37971">
        <v>48</v>
      </c>
      <c r="AJ37971">
        <v>49</v>
      </c>
      <c r="AK37971">
        <v>50</v>
      </c>
      <c r="AL37971">
        <v>51</v>
      </c>
      <c r="AM37971">
        <v>51</v>
      </c>
      <c r="AN37971">
        <v>52</v>
      </c>
      <c r="AO37971">
        <v>53</v>
      </c>
      <c r="AP37971">
        <v>54</v>
      </c>
      <c r="AQ37971">
        <v>54</v>
      </c>
    </row>
    <row r="37972" spans="1:43">
      <c r="A37972" t="s">
        <v>23545</v>
      </c>
      <c r="B37972" t="s">
        <v>23546</v>
      </c>
      <c r="C37972" t="s">
        <v>23531</v>
      </c>
      <c r="D37972" t="s">
        <v>23532</v>
      </c>
      <c r="E37972" t="s">
        <v>23481</v>
      </c>
      <c r="F37972" t="s">
        <v>23482</v>
      </c>
      <c r="G37972" t="s">
        <v>11612</v>
      </c>
      <c r="H37972" t="s">
        <v>11613</v>
      </c>
      <c r="I37972" s="2">
        <v>0</v>
      </c>
      <c r="J37972" s="2">
        <v>0</v>
      </c>
      <c r="K37972" s="2">
        <v>1</v>
      </c>
      <c r="L37972" t="s">
        <v>995</v>
      </c>
      <c r="M37972" t="s">
        <v>89</v>
      </c>
      <c r="N37972" t="s">
        <v>90</v>
      </c>
      <c r="O37972" t="s">
        <v>85</v>
      </c>
      <c r="P37972" t="s">
        <v>86</v>
      </c>
      <c r="Q37972">
        <v>37</v>
      </c>
      <c r="R37972">
        <v>38</v>
      </c>
      <c r="S37972">
        <v>39</v>
      </c>
      <c r="T37972">
        <v>41</v>
      </c>
      <c r="U37972">
        <v>42</v>
      </c>
      <c r="V37972">
        <v>43</v>
      </c>
      <c r="W37972">
        <v>44</v>
      </c>
      <c r="X37972">
        <v>46</v>
      </c>
      <c r="Y37972">
        <v>47</v>
      </c>
      <c r="Z37972">
        <v>48</v>
      </c>
      <c r="AA37972">
        <v>49</v>
      </c>
      <c r="AB37972">
        <v>51</v>
      </c>
      <c r="AC37972">
        <v>52</v>
      </c>
      <c r="AD37972">
        <v>53</v>
      </c>
      <c r="AE37972">
        <v>54</v>
      </c>
      <c r="AF37972">
        <v>55</v>
      </c>
      <c r="AG37972">
        <v>56</v>
      </c>
      <c r="AH37972">
        <v>56</v>
      </c>
      <c r="AI37972">
        <v>57</v>
      </c>
      <c r="AJ37972">
        <v>58</v>
      </c>
      <c r="AK37972">
        <v>58</v>
      </c>
      <c r="AL37972">
        <v>59</v>
      </c>
      <c r="AM37972">
        <v>60</v>
      </c>
      <c r="AN37972">
        <v>60</v>
      </c>
      <c r="AO37972">
        <v>61</v>
      </c>
      <c r="AP37972">
        <v>62</v>
      </c>
      <c r="AQ37972">
        <v>62</v>
      </c>
    </row>
    <row r="37973" spans="1:43">
      <c r="A37973" t="s">
        <v>23545</v>
      </c>
      <c r="B37973" t="s">
        <v>23546</v>
      </c>
      <c r="C37973" t="s">
        <v>23531</v>
      </c>
      <c r="D37973" t="s">
        <v>23532</v>
      </c>
      <c r="E37973" t="s">
        <v>23481</v>
      </c>
      <c r="F37973" t="s">
        <v>23482</v>
      </c>
      <c r="G37973" t="s">
        <v>11612</v>
      </c>
      <c r="H37973" t="s">
        <v>11613</v>
      </c>
      <c r="I37973" s="2">
        <v>0</v>
      </c>
      <c r="J37973" s="2">
        <v>0</v>
      </c>
      <c r="K37973" s="2">
        <v>1</v>
      </c>
      <c r="L37973" t="s">
        <v>995</v>
      </c>
      <c r="M37973" t="s">
        <v>83</v>
      </c>
      <c r="N37973" t="s">
        <v>91</v>
      </c>
      <c r="O37973" t="s">
        <v>85</v>
      </c>
      <c r="P37973" t="s">
        <v>86</v>
      </c>
      <c r="Q37973">
        <v>37</v>
      </c>
      <c r="R37973">
        <v>38</v>
      </c>
      <c r="S37973">
        <v>39</v>
      </c>
      <c r="T37973">
        <v>40</v>
      </c>
      <c r="U37973">
        <v>41</v>
      </c>
      <c r="V37973">
        <v>42</v>
      </c>
      <c r="W37973">
        <v>43</v>
      </c>
      <c r="X37973">
        <v>44</v>
      </c>
      <c r="Y37973">
        <v>45</v>
      </c>
      <c r="Z37973">
        <v>46</v>
      </c>
      <c r="AA37973">
        <v>47</v>
      </c>
      <c r="AB37973">
        <v>48</v>
      </c>
      <c r="AC37973">
        <v>49</v>
      </c>
      <c r="AD37973">
        <v>51</v>
      </c>
      <c r="AE37973">
        <v>52</v>
      </c>
      <c r="AF37973">
        <v>53</v>
      </c>
      <c r="AG37973">
        <v>54</v>
      </c>
      <c r="AH37973">
        <v>55</v>
      </c>
      <c r="AI37973">
        <v>56</v>
      </c>
      <c r="AJ37973">
        <v>57</v>
      </c>
      <c r="AK37973">
        <v>59</v>
      </c>
      <c r="AL37973">
        <v>59</v>
      </c>
      <c r="AM37973">
        <v>60</v>
      </c>
      <c r="AN37973">
        <v>61</v>
      </c>
      <c r="AO37973">
        <v>62</v>
      </c>
      <c r="AP37973">
        <v>62</v>
      </c>
      <c r="AQ37973">
        <v>63</v>
      </c>
    </row>
    <row r="37974" spans="1:43">
      <c r="A37974" t="s">
        <v>23547</v>
      </c>
      <c r="B37974" t="s">
        <v>23548</v>
      </c>
      <c r="C37974" t="s">
        <v>23531</v>
      </c>
      <c r="D37974" t="s">
        <v>23532</v>
      </c>
      <c r="E37974" t="s">
        <v>23481</v>
      </c>
      <c r="F37974" t="s">
        <v>23482</v>
      </c>
      <c r="G37974" t="s">
        <v>11612</v>
      </c>
      <c r="H37974" t="s">
        <v>11613</v>
      </c>
      <c r="I37974" s="2">
        <v>0</v>
      </c>
      <c r="J37974" s="2">
        <v>0</v>
      </c>
      <c r="K37974" s="2">
        <v>1</v>
      </c>
      <c r="L37974" t="s">
        <v>995</v>
      </c>
      <c r="M37974" t="s">
        <v>83</v>
      </c>
      <c r="N37974" t="s">
        <v>84</v>
      </c>
      <c r="O37974" t="s">
        <v>85</v>
      </c>
      <c r="P37974" t="s">
        <v>86</v>
      </c>
      <c r="Q37974">
        <v>21</v>
      </c>
      <c r="R37974">
        <v>21</v>
      </c>
      <c r="S37974">
        <v>22</v>
      </c>
      <c r="T37974">
        <v>22</v>
      </c>
      <c r="U37974">
        <v>23</v>
      </c>
      <c r="V37974">
        <v>23</v>
      </c>
      <c r="W37974">
        <v>24</v>
      </c>
      <c r="X37974">
        <v>24</v>
      </c>
      <c r="Y37974">
        <v>25</v>
      </c>
      <c r="Z37974">
        <v>26</v>
      </c>
      <c r="AA37974">
        <v>26</v>
      </c>
      <c r="AB37974">
        <v>27</v>
      </c>
      <c r="AC37974">
        <v>27</v>
      </c>
      <c r="AD37974">
        <v>28</v>
      </c>
      <c r="AE37974">
        <v>29</v>
      </c>
      <c r="AF37974">
        <v>29</v>
      </c>
      <c r="AG37974">
        <v>30</v>
      </c>
      <c r="AH37974">
        <v>31</v>
      </c>
      <c r="AI37974">
        <v>31</v>
      </c>
      <c r="AJ37974">
        <v>32</v>
      </c>
      <c r="AK37974">
        <v>32</v>
      </c>
      <c r="AL37974">
        <v>33</v>
      </c>
      <c r="AM37974">
        <v>33</v>
      </c>
      <c r="AN37974">
        <v>34</v>
      </c>
      <c r="AO37974">
        <v>34</v>
      </c>
      <c r="AP37974">
        <v>34</v>
      </c>
      <c r="AQ37974">
        <v>35</v>
      </c>
    </row>
    <row r="37975" spans="1:43">
      <c r="A37975" t="s">
        <v>23547</v>
      </c>
      <c r="B37975" t="s">
        <v>23548</v>
      </c>
      <c r="C37975" t="s">
        <v>23531</v>
      </c>
      <c r="D37975" t="s">
        <v>23532</v>
      </c>
      <c r="E37975" t="s">
        <v>23481</v>
      </c>
      <c r="F37975" t="s">
        <v>23482</v>
      </c>
      <c r="G37975" t="s">
        <v>11612</v>
      </c>
      <c r="H37975" t="s">
        <v>11613</v>
      </c>
      <c r="I37975" s="2">
        <v>0</v>
      </c>
      <c r="J37975" s="2">
        <v>0</v>
      </c>
      <c r="K37975" s="2">
        <v>1</v>
      </c>
      <c r="L37975" t="s">
        <v>995</v>
      </c>
      <c r="M37975" t="s">
        <v>87</v>
      </c>
      <c r="N37975" t="s">
        <v>88</v>
      </c>
      <c r="O37975" t="s">
        <v>85</v>
      </c>
      <c r="P37975" t="s">
        <v>86</v>
      </c>
      <c r="Q37975">
        <v>21</v>
      </c>
      <c r="R37975">
        <v>21</v>
      </c>
      <c r="S37975">
        <v>21</v>
      </c>
      <c r="T37975">
        <v>21</v>
      </c>
      <c r="U37975">
        <v>22</v>
      </c>
      <c r="V37975">
        <v>22</v>
      </c>
      <c r="W37975">
        <v>22</v>
      </c>
      <c r="X37975">
        <v>23</v>
      </c>
      <c r="Y37975">
        <v>23</v>
      </c>
      <c r="Z37975">
        <v>23</v>
      </c>
      <c r="AA37975">
        <v>24</v>
      </c>
      <c r="AB37975">
        <v>24</v>
      </c>
      <c r="AC37975">
        <v>25</v>
      </c>
      <c r="AD37975">
        <v>25</v>
      </c>
      <c r="AE37975">
        <v>25</v>
      </c>
      <c r="AF37975">
        <v>26</v>
      </c>
      <c r="AG37975">
        <v>26</v>
      </c>
      <c r="AH37975">
        <v>26</v>
      </c>
      <c r="AI37975">
        <v>27</v>
      </c>
      <c r="AJ37975">
        <v>27</v>
      </c>
      <c r="AK37975">
        <v>28</v>
      </c>
      <c r="AL37975">
        <v>28</v>
      </c>
      <c r="AM37975">
        <v>28</v>
      </c>
      <c r="AN37975">
        <v>29</v>
      </c>
      <c r="AO37975">
        <v>29</v>
      </c>
      <c r="AP37975">
        <v>30</v>
      </c>
      <c r="AQ37975">
        <v>30</v>
      </c>
    </row>
    <row r="37976" spans="1:43">
      <c r="A37976" t="s">
        <v>23547</v>
      </c>
      <c r="B37976" t="s">
        <v>23548</v>
      </c>
      <c r="C37976" t="s">
        <v>23531</v>
      </c>
      <c r="D37976" t="s">
        <v>23532</v>
      </c>
      <c r="E37976" t="s">
        <v>23481</v>
      </c>
      <c r="F37976" t="s">
        <v>23482</v>
      </c>
      <c r="G37976" t="s">
        <v>11612</v>
      </c>
      <c r="H37976" t="s">
        <v>11613</v>
      </c>
      <c r="I37976" s="2">
        <v>0</v>
      </c>
      <c r="J37976" s="2">
        <v>0</v>
      </c>
      <c r="K37976" s="2">
        <v>1</v>
      </c>
      <c r="L37976" t="s">
        <v>995</v>
      </c>
      <c r="M37976" t="s">
        <v>89</v>
      </c>
      <c r="N37976" t="s">
        <v>90</v>
      </c>
      <c r="O37976" t="s">
        <v>85</v>
      </c>
      <c r="P37976" t="s">
        <v>86</v>
      </c>
      <c r="Q37976">
        <v>21</v>
      </c>
      <c r="R37976">
        <v>22</v>
      </c>
      <c r="S37976">
        <v>22</v>
      </c>
      <c r="T37976">
        <v>23</v>
      </c>
      <c r="U37976">
        <v>24</v>
      </c>
      <c r="V37976">
        <v>24</v>
      </c>
      <c r="W37976">
        <v>25</v>
      </c>
      <c r="X37976">
        <v>26</v>
      </c>
      <c r="Y37976">
        <v>27</v>
      </c>
      <c r="Z37976">
        <v>27</v>
      </c>
      <c r="AA37976">
        <v>28</v>
      </c>
      <c r="AB37976">
        <v>29</v>
      </c>
      <c r="AC37976">
        <v>29</v>
      </c>
      <c r="AD37976">
        <v>30</v>
      </c>
      <c r="AE37976">
        <v>31</v>
      </c>
      <c r="AF37976">
        <v>31</v>
      </c>
      <c r="AG37976">
        <v>31</v>
      </c>
      <c r="AH37976">
        <v>32</v>
      </c>
      <c r="AI37976">
        <v>32</v>
      </c>
      <c r="AJ37976">
        <v>32</v>
      </c>
      <c r="AK37976">
        <v>33</v>
      </c>
      <c r="AL37976">
        <v>33</v>
      </c>
      <c r="AM37976">
        <v>34</v>
      </c>
      <c r="AN37976">
        <v>34</v>
      </c>
      <c r="AO37976">
        <v>34</v>
      </c>
      <c r="AP37976">
        <v>35</v>
      </c>
      <c r="AQ37976">
        <v>35</v>
      </c>
    </row>
    <row r="37977" spans="1:43">
      <c r="A37977" t="s">
        <v>23547</v>
      </c>
      <c r="B37977" t="s">
        <v>23548</v>
      </c>
      <c r="C37977" t="s">
        <v>23531</v>
      </c>
      <c r="D37977" t="s">
        <v>23532</v>
      </c>
      <c r="E37977" t="s">
        <v>23481</v>
      </c>
      <c r="F37977" t="s">
        <v>23482</v>
      </c>
      <c r="G37977" t="s">
        <v>11612</v>
      </c>
      <c r="H37977" t="s">
        <v>11613</v>
      </c>
      <c r="I37977" s="2">
        <v>0</v>
      </c>
      <c r="J37977" s="2">
        <v>0</v>
      </c>
      <c r="K37977" s="2">
        <v>1</v>
      </c>
      <c r="L37977" t="s">
        <v>995</v>
      </c>
      <c r="M37977" t="s">
        <v>83</v>
      </c>
      <c r="N37977" t="s">
        <v>91</v>
      </c>
      <c r="O37977" t="s">
        <v>85</v>
      </c>
      <c r="P37977" t="s">
        <v>86</v>
      </c>
      <c r="Q37977">
        <v>21</v>
      </c>
      <c r="R37977">
        <v>21</v>
      </c>
      <c r="S37977">
        <v>22</v>
      </c>
      <c r="T37977">
        <v>22</v>
      </c>
      <c r="U37977">
        <v>23</v>
      </c>
      <c r="V37977">
        <v>23</v>
      </c>
      <c r="W37977">
        <v>24</v>
      </c>
      <c r="X37977">
        <v>24</v>
      </c>
      <c r="Y37977">
        <v>25</v>
      </c>
      <c r="Z37977">
        <v>26</v>
      </c>
      <c r="AA37977">
        <v>26</v>
      </c>
      <c r="AB37977">
        <v>27</v>
      </c>
      <c r="AC37977">
        <v>27</v>
      </c>
      <c r="AD37977">
        <v>28</v>
      </c>
      <c r="AE37977">
        <v>29</v>
      </c>
      <c r="AF37977">
        <v>29</v>
      </c>
      <c r="AG37977">
        <v>30</v>
      </c>
      <c r="AH37977">
        <v>31</v>
      </c>
      <c r="AI37977">
        <v>31</v>
      </c>
      <c r="AJ37977">
        <v>32</v>
      </c>
      <c r="AK37977">
        <v>32</v>
      </c>
      <c r="AL37977">
        <v>33</v>
      </c>
      <c r="AM37977">
        <v>33</v>
      </c>
      <c r="AN37977">
        <v>34</v>
      </c>
      <c r="AO37977">
        <v>34</v>
      </c>
      <c r="AP37977">
        <v>34</v>
      </c>
      <c r="AQ37977">
        <v>35</v>
      </c>
    </row>
    <row r="37978" spans="1:43">
      <c r="A37978" t="s">
        <v>23549</v>
      </c>
      <c r="B37978" t="s">
        <v>23550</v>
      </c>
      <c r="C37978" t="s">
        <v>23551</v>
      </c>
      <c r="D37978" t="s">
        <v>23552</v>
      </c>
      <c r="E37978" t="s">
        <v>23481</v>
      </c>
      <c r="F37978" t="s">
        <v>23482</v>
      </c>
      <c r="G37978" t="s">
        <v>11612</v>
      </c>
      <c r="H37978" t="s">
        <v>11613</v>
      </c>
      <c r="I37978" s="2">
        <v>0</v>
      </c>
      <c r="J37978" s="2">
        <v>0</v>
      </c>
      <c r="K37978" s="2">
        <v>1</v>
      </c>
      <c r="L37978" t="s">
        <v>995</v>
      </c>
      <c r="M37978" t="s">
        <v>83</v>
      </c>
      <c r="N37978" t="s">
        <v>84</v>
      </c>
      <c r="O37978" t="s">
        <v>85</v>
      </c>
      <c r="P37978" t="s">
        <v>86</v>
      </c>
      <c r="Q37978">
        <v>18</v>
      </c>
      <c r="R37978">
        <v>18</v>
      </c>
      <c r="S37978">
        <v>18</v>
      </c>
      <c r="T37978">
        <v>19</v>
      </c>
      <c r="U37978">
        <v>19</v>
      </c>
      <c r="V37978">
        <v>20</v>
      </c>
      <c r="W37978">
        <v>20</v>
      </c>
      <c r="X37978">
        <v>21</v>
      </c>
      <c r="Y37978">
        <v>21</v>
      </c>
      <c r="Z37978">
        <v>22</v>
      </c>
      <c r="AA37978">
        <v>22</v>
      </c>
      <c r="AB37978">
        <v>23</v>
      </c>
      <c r="AC37978">
        <v>23</v>
      </c>
      <c r="AD37978">
        <v>24</v>
      </c>
      <c r="AE37978">
        <v>24</v>
      </c>
      <c r="AF37978">
        <v>25</v>
      </c>
      <c r="AG37978">
        <v>25</v>
      </c>
      <c r="AH37978">
        <v>26</v>
      </c>
      <c r="AI37978">
        <v>26</v>
      </c>
      <c r="AJ37978">
        <v>27</v>
      </c>
      <c r="AK37978">
        <v>28</v>
      </c>
      <c r="AL37978">
        <v>28</v>
      </c>
      <c r="AM37978">
        <v>28</v>
      </c>
      <c r="AN37978">
        <v>29</v>
      </c>
      <c r="AO37978">
        <v>29</v>
      </c>
      <c r="AP37978">
        <v>29</v>
      </c>
      <c r="AQ37978">
        <v>30</v>
      </c>
    </row>
    <row r="37979" spans="1:43">
      <c r="A37979" t="s">
        <v>23549</v>
      </c>
      <c r="B37979" t="s">
        <v>23550</v>
      </c>
      <c r="C37979" t="s">
        <v>23551</v>
      </c>
      <c r="D37979" t="s">
        <v>23552</v>
      </c>
      <c r="E37979" t="s">
        <v>23481</v>
      </c>
      <c r="F37979" t="s">
        <v>23482</v>
      </c>
      <c r="G37979" t="s">
        <v>11612</v>
      </c>
      <c r="H37979" t="s">
        <v>11613</v>
      </c>
      <c r="I37979" s="2">
        <v>0</v>
      </c>
      <c r="J37979" s="2">
        <v>0</v>
      </c>
      <c r="K37979" s="2">
        <v>1</v>
      </c>
      <c r="L37979" t="s">
        <v>995</v>
      </c>
      <c r="M37979" t="s">
        <v>87</v>
      </c>
      <c r="N37979" t="s">
        <v>88</v>
      </c>
      <c r="O37979" t="s">
        <v>85</v>
      </c>
      <c r="P37979" t="s">
        <v>86</v>
      </c>
      <c r="Q37979">
        <v>18</v>
      </c>
      <c r="R37979">
        <v>19</v>
      </c>
      <c r="S37979">
        <v>19</v>
      </c>
      <c r="T37979">
        <v>19</v>
      </c>
      <c r="U37979">
        <v>20</v>
      </c>
      <c r="V37979">
        <v>20</v>
      </c>
      <c r="W37979">
        <v>20</v>
      </c>
      <c r="X37979">
        <v>20</v>
      </c>
      <c r="Y37979">
        <v>21</v>
      </c>
      <c r="Z37979">
        <v>21</v>
      </c>
      <c r="AA37979">
        <v>21</v>
      </c>
      <c r="AB37979">
        <v>22</v>
      </c>
      <c r="AC37979">
        <v>22</v>
      </c>
      <c r="AD37979">
        <v>22</v>
      </c>
      <c r="AE37979">
        <v>22</v>
      </c>
      <c r="AF37979">
        <v>23</v>
      </c>
      <c r="AG37979">
        <v>23</v>
      </c>
      <c r="AH37979">
        <v>23</v>
      </c>
      <c r="AI37979">
        <v>24</v>
      </c>
      <c r="AJ37979">
        <v>24</v>
      </c>
      <c r="AK37979">
        <v>24</v>
      </c>
      <c r="AL37979">
        <v>25</v>
      </c>
      <c r="AM37979">
        <v>25</v>
      </c>
      <c r="AN37979">
        <v>25</v>
      </c>
      <c r="AO37979">
        <v>26</v>
      </c>
      <c r="AP37979">
        <v>26</v>
      </c>
      <c r="AQ37979">
        <v>27</v>
      </c>
    </row>
    <row r="37980" spans="1:43">
      <c r="A37980" t="s">
        <v>23549</v>
      </c>
      <c r="B37980" t="s">
        <v>23550</v>
      </c>
      <c r="C37980" t="s">
        <v>23551</v>
      </c>
      <c r="D37980" t="s">
        <v>23552</v>
      </c>
      <c r="E37980" t="s">
        <v>23481</v>
      </c>
      <c r="F37980" t="s">
        <v>23482</v>
      </c>
      <c r="G37980" t="s">
        <v>11612</v>
      </c>
      <c r="H37980" t="s">
        <v>11613</v>
      </c>
      <c r="I37980" s="2">
        <v>0</v>
      </c>
      <c r="J37980" s="2">
        <v>0</v>
      </c>
      <c r="K37980" s="2">
        <v>1</v>
      </c>
      <c r="L37980" t="s">
        <v>995</v>
      </c>
      <c r="M37980" t="s">
        <v>89</v>
      </c>
      <c r="N37980" t="s">
        <v>90</v>
      </c>
      <c r="O37980" t="s">
        <v>85</v>
      </c>
      <c r="P37980" t="s">
        <v>86</v>
      </c>
      <c r="Q37980">
        <v>18</v>
      </c>
      <c r="R37980">
        <v>18</v>
      </c>
      <c r="S37980">
        <v>19</v>
      </c>
      <c r="T37980">
        <v>20</v>
      </c>
      <c r="U37980">
        <v>20</v>
      </c>
      <c r="V37980">
        <v>21</v>
      </c>
      <c r="W37980">
        <v>21</v>
      </c>
      <c r="X37980">
        <v>22</v>
      </c>
      <c r="Y37980">
        <v>23</v>
      </c>
      <c r="Z37980">
        <v>23</v>
      </c>
      <c r="AA37980">
        <v>24</v>
      </c>
      <c r="AB37980">
        <v>24</v>
      </c>
      <c r="AC37980">
        <v>25</v>
      </c>
      <c r="AD37980">
        <v>26</v>
      </c>
      <c r="AE37980">
        <v>26</v>
      </c>
      <c r="AF37980">
        <v>26</v>
      </c>
      <c r="AG37980">
        <v>27</v>
      </c>
      <c r="AH37980">
        <v>27</v>
      </c>
      <c r="AI37980">
        <v>27</v>
      </c>
      <c r="AJ37980">
        <v>28</v>
      </c>
      <c r="AK37980">
        <v>28</v>
      </c>
      <c r="AL37980">
        <v>28</v>
      </c>
      <c r="AM37980">
        <v>28</v>
      </c>
      <c r="AN37980">
        <v>29</v>
      </c>
      <c r="AO37980">
        <v>29</v>
      </c>
      <c r="AP37980">
        <v>29</v>
      </c>
      <c r="AQ37980">
        <v>30</v>
      </c>
    </row>
    <row r="37981" spans="1:43">
      <c r="A37981" t="s">
        <v>23549</v>
      </c>
      <c r="B37981" t="s">
        <v>23550</v>
      </c>
      <c r="C37981" t="s">
        <v>23551</v>
      </c>
      <c r="D37981" t="s">
        <v>23552</v>
      </c>
      <c r="E37981" t="s">
        <v>23481</v>
      </c>
      <c r="F37981" t="s">
        <v>23482</v>
      </c>
      <c r="G37981" t="s">
        <v>11612</v>
      </c>
      <c r="H37981" t="s">
        <v>11613</v>
      </c>
      <c r="I37981" s="2">
        <v>0</v>
      </c>
      <c r="J37981" s="2">
        <v>0</v>
      </c>
      <c r="K37981" s="2">
        <v>1</v>
      </c>
      <c r="L37981" t="s">
        <v>995</v>
      </c>
      <c r="M37981" t="s">
        <v>83</v>
      </c>
      <c r="N37981" t="s">
        <v>91</v>
      </c>
      <c r="O37981" t="s">
        <v>85</v>
      </c>
      <c r="P37981" t="s">
        <v>86</v>
      </c>
      <c r="Q37981">
        <v>18</v>
      </c>
      <c r="R37981">
        <v>18</v>
      </c>
      <c r="S37981">
        <v>18</v>
      </c>
      <c r="T37981">
        <v>19</v>
      </c>
      <c r="U37981">
        <v>19</v>
      </c>
      <c r="V37981">
        <v>20</v>
      </c>
      <c r="W37981">
        <v>20</v>
      </c>
      <c r="X37981">
        <v>21</v>
      </c>
      <c r="Y37981">
        <v>21</v>
      </c>
      <c r="Z37981">
        <v>22</v>
      </c>
      <c r="AA37981">
        <v>22</v>
      </c>
      <c r="AB37981">
        <v>23</v>
      </c>
      <c r="AC37981">
        <v>23</v>
      </c>
      <c r="AD37981">
        <v>24</v>
      </c>
      <c r="AE37981">
        <v>24</v>
      </c>
      <c r="AF37981">
        <v>25</v>
      </c>
      <c r="AG37981">
        <v>25</v>
      </c>
      <c r="AH37981">
        <v>26</v>
      </c>
      <c r="AI37981">
        <v>26</v>
      </c>
      <c r="AJ37981">
        <v>27</v>
      </c>
      <c r="AK37981">
        <v>28</v>
      </c>
      <c r="AL37981">
        <v>28</v>
      </c>
      <c r="AM37981">
        <v>28</v>
      </c>
      <c r="AN37981">
        <v>29</v>
      </c>
      <c r="AO37981">
        <v>29</v>
      </c>
      <c r="AP37981">
        <v>29</v>
      </c>
      <c r="AQ37981">
        <v>30</v>
      </c>
    </row>
    <row r="37982" spans="1:43">
      <c r="A37982" t="s">
        <v>23553</v>
      </c>
      <c r="B37982" t="s">
        <v>23554</v>
      </c>
      <c r="C37982" t="s">
        <v>23551</v>
      </c>
      <c r="D37982" t="s">
        <v>23552</v>
      </c>
      <c r="E37982" t="s">
        <v>23481</v>
      </c>
      <c r="F37982" t="s">
        <v>23482</v>
      </c>
      <c r="G37982" t="s">
        <v>11612</v>
      </c>
      <c r="H37982" t="s">
        <v>11613</v>
      </c>
      <c r="I37982" s="2">
        <v>0</v>
      </c>
      <c r="J37982" s="2">
        <v>0</v>
      </c>
      <c r="K37982" s="2">
        <v>1</v>
      </c>
      <c r="L37982" t="s">
        <v>995</v>
      </c>
      <c r="M37982" t="s">
        <v>83</v>
      </c>
      <c r="N37982" t="s">
        <v>84</v>
      </c>
      <c r="O37982" t="s">
        <v>85</v>
      </c>
      <c r="P37982" t="s">
        <v>86</v>
      </c>
      <c r="Q37982">
        <v>14</v>
      </c>
      <c r="R37982">
        <v>14</v>
      </c>
      <c r="S37982">
        <v>14</v>
      </c>
      <c r="T37982">
        <v>15</v>
      </c>
      <c r="U37982">
        <v>15</v>
      </c>
      <c r="V37982">
        <v>16</v>
      </c>
      <c r="W37982">
        <v>16</v>
      </c>
      <c r="X37982">
        <v>16</v>
      </c>
      <c r="Y37982">
        <v>17</v>
      </c>
      <c r="Z37982">
        <v>17</v>
      </c>
      <c r="AA37982">
        <v>17</v>
      </c>
      <c r="AB37982">
        <v>18</v>
      </c>
      <c r="AC37982">
        <v>18</v>
      </c>
      <c r="AD37982">
        <v>19</v>
      </c>
      <c r="AE37982">
        <v>19</v>
      </c>
      <c r="AF37982">
        <v>19</v>
      </c>
      <c r="AG37982">
        <v>20</v>
      </c>
      <c r="AH37982">
        <v>20</v>
      </c>
      <c r="AI37982">
        <v>21</v>
      </c>
      <c r="AJ37982">
        <v>21</v>
      </c>
      <c r="AK37982">
        <v>22</v>
      </c>
      <c r="AL37982">
        <v>22</v>
      </c>
      <c r="AM37982">
        <v>22</v>
      </c>
      <c r="AN37982">
        <v>22</v>
      </c>
      <c r="AO37982">
        <v>23</v>
      </c>
      <c r="AP37982">
        <v>23</v>
      </c>
      <c r="AQ37982">
        <v>23</v>
      </c>
    </row>
    <row r="37983" spans="1:43">
      <c r="A37983" t="s">
        <v>23553</v>
      </c>
      <c r="B37983" t="s">
        <v>23554</v>
      </c>
      <c r="C37983" t="s">
        <v>23551</v>
      </c>
      <c r="D37983" t="s">
        <v>23552</v>
      </c>
      <c r="E37983" t="s">
        <v>23481</v>
      </c>
      <c r="F37983" t="s">
        <v>23482</v>
      </c>
      <c r="G37983" t="s">
        <v>11612</v>
      </c>
      <c r="H37983" t="s">
        <v>11613</v>
      </c>
      <c r="I37983" s="2">
        <v>0</v>
      </c>
      <c r="J37983" s="2">
        <v>0</v>
      </c>
      <c r="K37983" s="2">
        <v>1</v>
      </c>
      <c r="L37983" t="s">
        <v>995</v>
      </c>
      <c r="M37983" t="s">
        <v>87</v>
      </c>
      <c r="N37983" t="s">
        <v>88</v>
      </c>
      <c r="O37983" t="s">
        <v>85</v>
      </c>
      <c r="P37983" t="s">
        <v>86</v>
      </c>
      <c r="Q37983">
        <v>14</v>
      </c>
      <c r="R37983">
        <v>14</v>
      </c>
      <c r="S37983">
        <v>14</v>
      </c>
      <c r="T37983">
        <v>14</v>
      </c>
      <c r="U37983">
        <v>14</v>
      </c>
      <c r="V37983">
        <v>15</v>
      </c>
      <c r="W37983">
        <v>15</v>
      </c>
      <c r="X37983">
        <v>15</v>
      </c>
      <c r="Y37983">
        <v>15</v>
      </c>
      <c r="Z37983">
        <v>16</v>
      </c>
      <c r="AA37983">
        <v>16</v>
      </c>
      <c r="AB37983">
        <v>16</v>
      </c>
      <c r="AC37983">
        <v>16</v>
      </c>
      <c r="AD37983">
        <v>17</v>
      </c>
      <c r="AE37983">
        <v>17</v>
      </c>
      <c r="AF37983">
        <v>17</v>
      </c>
      <c r="AG37983">
        <v>17</v>
      </c>
      <c r="AH37983">
        <v>18</v>
      </c>
      <c r="AI37983">
        <v>18</v>
      </c>
      <c r="AJ37983">
        <v>18</v>
      </c>
      <c r="AK37983">
        <v>18</v>
      </c>
      <c r="AL37983">
        <v>19</v>
      </c>
      <c r="AM37983">
        <v>19</v>
      </c>
      <c r="AN37983">
        <v>19</v>
      </c>
      <c r="AO37983">
        <v>19</v>
      </c>
      <c r="AP37983">
        <v>20</v>
      </c>
      <c r="AQ37983">
        <v>20</v>
      </c>
    </row>
    <row r="37984" spans="1:43">
      <c r="A37984" t="s">
        <v>23553</v>
      </c>
      <c r="B37984" t="s">
        <v>23554</v>
      </c>
      <c r="C37984" t="s">
        <v>23551</v>
      </c>
      <c r="D37984" t="s">
        <v>23552</v>
      </c>
      <c r="E37984" t="s">
        <v>23481</v>
      </c>
      <c r="F37984" t="s">
        <v>23482</v>
      </c>
      <c r="G37984" t="s">
        <v>11612</v>
      </c>
      <c r="H37984" t="s">
        <v>11613</v>
      </c>
      <c r="I37984" s="2">
        <v>0</v>
      </c>
      <c r="J37984" s="2">
        <v>0</v>
      </c>
      <c r="K37984" s="2">
        <v>1</v>
      </c>
      <c r="L37984" t="s">
        <v>995</v>
      </c>
      <c r="M37984" t="s">
        <v>89</v>
      </c>
      <c r="N37984" t="s">
        <v>90</v>
      </c>
      <c r="O37984" t="s">
        <v>85</v>
      </c>
      <c r="P37984" t="s">
        <v>86</v>
      </c>
      <c r="Q37984">
        <v>14</v>
      </c>
      <c r="R37984">
        <v>14</v>
      </c>
      <c r="S37984">
        <v>15</v>
      </c>
      <c r="T37984">
        <v>15</v>
      </c>
      <c r="U37984">
        <v>16</v>
      </c>
      <c r="V37984">
        <v>16</v>
      </c>
      <c r="W37984">
        <v>17</v>
      </c>
      <c r="X37984">
        <v>17</v>
      </c>
      <c r="Y37984">
        <v>18</v>
      </c>
      <c r="Z37984">
        <v>18</v>
      </c>
      <c r="AA37984">
        <v>19</v>
      </c>
      <c r="AB37984">
        <v>19</v>
      </c>
      <c r="AC37984">
        <v>20</v>
      </c>
      <c r="AD37984">
        <v>20</v>
      </c>
      <c r="AE37984">
        <v>20</v>
      </c>
      <c r="AF37984">
        <v>21</v>
      </c>
      <c r="AG37984">
        <v>21</v>
      </c>
      <c r="AH37984">
        <v>21</v>
      </c>
      <c r="AI37984">
        <v>21</v>
      </c>
      <c r="AJ37984">
        <v>22</v>
      </c>
      <c r="AK37984">
        <v>22</v>
      </c>
      <c r="AL37984">
        <v>22</v>
      </c>
      <c r="AM37984">
        <v>22</v>
      </c>
      <c r="AN37984">
        <v>23</v>
      </c>
      <c r="AO37984">
        <v>23</v>
      </c>
      <c r="AP37984">
        <v>23</v>
      </c>
      <c r="AQ37984">
        <v>23</v>
      </c>
    </row>
    <row r="37985" spans="1:43">
      <c r="A37985" t="s">
        <v>23553</v>
      </c>
      <c r="B37985" t="s">
        <v>23554</v>
      </c>
      <c r="C37985" t="s">
        <v>23551</v>
      </c>
      <c r="D37985" t="s">
        <v>23552</v>
      </c>
      <c r="E37985" t="s">
        <v>23481</v>
      </c>
      <c r="F37985" t="s">
        <v>23482</v>
      </c>
      <c r="G37985" t="s">
        <v>11612</v>
      </c>
      <c r="H37985" t="s">
        <v>11613</v>
      </c>
      <c r="I37985" s="2">
        <v>0</v>
      </c>
      <c r="J37985" s="2">
        <v>0</v>
      </c>
      <c r="K37985" s="2">
        <v>1</v>
      </c>
      <c r="L37985" t="s">
        <v>995</v>
      </c>
      <c r="M37985" t="s">
        <v>83</v>
      </c>
      <c r="N37985" t="s">
        <v>91</v>
      </c>
      <c r="O37985" t="s">
        <v>85</v>
      </c>
      <c r="P37985" t="s">
        <v>86</v>
      </c>
      <c r="Q37985">
        <v>14</v>
      </c>
      <c r="R37985">
        <v>14</v>
      </c>
      <c r="S37985">
        <v>14</v>
      </c>
      <c r="T37985">
        <v>15</v>
      </c>
      <c r="U37985">
        <v>15</v>
      </c>
      <c r="V37985">
        <v>16</v>
      </c>
      <c r="W37985">
        <v>16</v>
      </c>
      <c r="X37985">
        <v>16</v>
      </c>
      <c r="Y37985">
        <v>17</v>
      </c>
      <c r="Z37985">
        <v>17</v>
      </c>
      <c r="AA37985">
        <v>17</v>
      </c>
      <c r="AB37985">
        <v>18</v>
      </c>
      <c r="AC37985">
        <v>18</v>
      </c>
      <c r="AD37985">
        <v>19</v>
      </c>
      <c r="AE37985">
        <v>19</v>
      </c>
      <c r="AF37985">
        <v>19</v>
      </c>
      <c r="AG37985">
        <v>20</v>
      </c>
      <c r="AH37985">
        <v>20</v>
      </c>
      <c r="AI37985">
        <v>21</v>
      </c>
      <c r="AJ37985">
        <v>21</v>
      </c>
      <c r="AK37985">
        <v>22</v>
      </c>
      <c r="AL37985">
        <v>22</v>
      </c>
      <c r="AM37985">
        <v>22</v>
      </c>
      <c r="AN37985">
        <v>22</v>
      </c>
      <c r="AO37985">
        <v>23</v>
      </c>
      <c r="AP37985">
        <v>23</v>
      </c>
      <c r="AQ37985">
        <v>23</v>
      </c>
    </row>
    <row r="37986" spans="1:43">
      <c r="A37986" t="s">
        <v>23555</v>
      </c>
      <c r="B37986" t="s">
        <v>23556</v>
      </c>
      <c r="C37986" t="s">
        <v>23551</v>
      </c>
      <c r="D37986" t="s">
        <v>23552</v>
      </c>
      <c r="E37986" t="s">
        <v>23481</v>
      </c>
      <c r="F37986" t="s">
        <v>23482</v>
      </c>
      <c r="G37986" t="s">
        <v>11612</v>
      </c>
      <c r="H37986" t="s">
        <v>11613</v>
      </c>
      <c r="I37986" s="2">
        <v>0</v>
      </c>
      <c r="J37986" s="2">
        <v>0</v>
      </c>
      <c r="K37986" s="2">
        <v>1</v>
      </c>
      <c r="L37986" t="s">
        <v>995</v>
      </c>
      <c r="M37986" t="s">
        <v>83</v>
      </c>
      <c r="N37986" t="s">
        <v>84</v>
      </c>
      <c r="O37986" t="s">
        <v>85</v>
      </c>
      <c r="P37986" t="s">
        <v>86</v>
      </c>
      <c r="Q37986">
        <v>14</v>
      </c>
      <c r="R37986">
        <v>14</v>
      </c>
      <c r="S37986">
        <v>15</v>
      </c>
      <c r="T37986">
        <v>15</v>
      </c>
      <c r="U37986">
        <v>16</v>
      </c>
      <c r="V37986">
        <v>16</v>
      </c>
      <c r="W37986">
        <v>16</v>
      </c>
      <c r="X37986">
        <v>17</v>
      </c>
      <c r="Y37986">
        <v>17</v>
      </c>
      <c r="Z37986">
        <v>17</v>
      </c>
      <c r="AA37986">
        <v>18</v>
      </c>
      <c r="AB37986">
        <v>18</v>
      </c>
      <c r="AC37986">
        <v>19</v>
      </c>
      <c r="AD37986">
        <v>19</v>
      </c>
      <c r="AE37986">
        <v>19</v>
      </c>
      <c r="AF37986">
        <v>20</v>
      </c>
      <c r="AG37986">
        <v>20</v>
      </c>
      <c r="AH37986">
        <v>21</v>
      </c>
      <c r="AI37986">
        <v>21</v>
      </c>
      <c r="AJ37986">
        <v>22</v>
      </c>
      <c r="AK37986">
        <v>22</v>
      </c>
      <c r="AL37986">
        <v>22</v>
      </c>
      <c r="AM37986">
        <v>23</v>
      </c>
      <c r="AN37986">
        <v>23</v>
      </c>
      <c r="AO37986">
        <v>23</v>
      </c>
      <c r="AP37986">
        <v>23</v>
      </c>
      <c r="AQ37986">
        <v>24</v>
      </c>
    </row>
    <row r="37987" spans="1:43">
      <c r="A37987" t="s">
        <v>23555</v>
      </c>
      <c r="B37987" t="s">
        <v>23556</v>
      </c>
      <c r="C37987" t="s">
        <v>23551</v>
      </c>
      <c r="D37987" t="s">
        <v>23552</v>
      </c>
      <c r="E37987" t="s">
        <v>23481</v>
      </c>
      <c r="F37987" t="s">
        <v>23482</v>
      </c>
      <c r="G37987" t="s">
        <v>11612</v>
      </c>
      <c r="H37987" t="s">
        <v>11613</v>
      </c>
      <c r="I37987" s="2">
        <v>0</v>
      </c>
      <c r="J37987" s="2">
        <v>0</v>
      </c>
      <c r="K37987" s="2">
        <v>1</v>
      </c>
      <c r="L37987" t="s">
        <v>995</v>
      </c>
      <c r="M37987" t="s">
        <v>87</v>
      </c>
      <c r="N37987" t="s">
        <v>88</v>
      </c>
      <c r="O37987" t="s">
        <v>85</v>
      </c>
      <c r="P37987" t="s">
        <v>86</v>
      </c>
      <c r="Q37987">
        <v>14</v>
      </c>
      <c r="R37987">
        <v>14</v>
      </c>
      <c r="S37987">
        <v>14</v>
      </c>
      <c r="T37987">
        <v>15</v>
      </c>
      <c r="U37987">
        <v>15</v>
      </c>
      <c r="V37987">
        <v>15</v>
      </c>
      <c r="W37987">
        <v>15</v>
      </c>
      <c r="X37987">
        <v>16</v>
      </c>
      <c r="Y37987">
        <v>16</v>
      </c>
      <c r="Z37987">
        <v>16</v>
      </c>
      <c r="AA37987">
        <v>16</v>
      </c>
      <c r="AB37987">
        <v>16</v>
      </c>
      <c r="AC37987">
        <v>17</v>
      </c>
      <c r="AD37987">
        <v>17</v>
      </c>
      <c r="AE37987">
        <v>17</v>
      </c>
      <c r="AF37987">
        <v>17</v>
      </c>
      <c r="AG37987">
        <v>18</v>
      </c>
      <c r="AH37987">
        <v>18</v>
      </c>
      <c r="AI37987">
        <v>18</v>
      </c>
      <c r="AJ37987">
        <v>19</v>
      </c>
      <c r="AK37987">
        <v>19</v>
      </c>
      <c r="AL37987">
        <v>19</v>
      </c>
      <c r="AM37987">
        <v>19</v>
      </c>
      <c r="AN37987">
        <v>20</v>
      </c>
      <c r="AO37987">
        <v>20</v>
      </c>
      <c r="AP37987">
        <v>20</v>
      </c>
      <c r="AQ37987">
        <v>20</v>
      </c>
    </row>
    <row r="37988" spans="1:43">
      <c r="A37988" t="s">
        <v>23555</v>
      </c>
      <c r="B37988" t="s">
        <v>23556</v>
      </c>
      <c r="C37988" t="s">
        <v>23551</v>
      </c>
      <c r="D37988" t="s">
        <v>23552</v>
      </c>
      <c r="E37988" t="s">
        <v>23481</v>
      </c>
      <c r="F37988" t="s">
        <v>23482</v>
      </c>
      <c r="G37988" t="s">
        <v>11612</v>
      </c>
      <c r="H37988" t="s">
        <v>11613</v>
      </c>
      <c r="I37988" s="2">
        <v>0</v>
      </c>
      <c r="J37988" s="2">
        <v>0</v>
      </c>
      <c r="K37988" s="2">
        <v>1</v>
      </c>
      <c r="L37988" t="s">
        <v>995</v>
      </c>
      <c r="M37988" t="s">
        <v>89</v>
      </c>
      <c r="N37988" t="s">
        <v>90</v>
      </c>
      <c r="O37988" t="s">
        <v>85</v>
      </c>
      <c r="P37988" t="s">
        <v>86</v>
      </c>
      <c r="Q37988">
        <v>14</v>
      </c>
      <c r="R37988">
        <v>15</v>
      </c>
      <c r="S37988">
        <v>15</v>
      </c>
      <c r="T37988">
        <v>16</v>
      </c>
      <c r="U37988">
        <v>16</v>
      </c>
      <c r="V37988">
        <v>17</v>
      </c>
      <c r="W37988">
        <v>17</v>
      </c>
      <c r="X37988">
        <v>18</v>
      </c>
      <c r="Y37988">
        <v>18</v>
      </c>
      <c r="Z37988">
        <v>19</v>
      </c>
      <c r="AA37988">
        <v>19</v>
      </c>
      <c r="AB37988">
        <v>19</v>
      </c>
      <c r="AC37988">
        <v>20</v>
      </c>
      <c r="AD37988">
        <v>20</v>
      </c>
      <c r="AE37988">
        <v>21</v>
      </c>
      <c r="AF37988">
        <v>21</v>
      </c>
      <c r="AG37988">
        <v>21</v>
      </c>
      <c r="AH37988">
        <v>22</v>
      </c>
      <c r="AI37988">
        <v>22</v>
      </c>
      <c r="AJ37988">
        <v>22</v>
      </c>
      <c r="AK37988">
        <v>22</v>
      </c>
      <c r="AL37988">
        <v>23</v>
      </c>
      <c r="AM37988">
        <v>23</v>
      </c>
      <c r="AN37988">
        <v>23</v>
      </c>
      <c r="AO37988">
        <v>23</v>
      </c>
      <c r="AP37988">
        <v>24</v>
      </c>
      <c r="AQ37988">
        <v>24</v>
      </c>
    </row>
    <row r="37989" spans="1:43">
      <c r="A37989" t="s">
        <v>23555</v>
      </c>
      <c r="B37989" t="s">
        <v>23556</v>
      </c>
      <c r="C37989" t="s">
        <v>23551</v>
      </c>
      <c r="D37989" t="s">
        <v>23552</v>
      </c>
      <c r="E37989" t="s">
        <v>23481</v>
      </c>
      <c r="F37989" t="s">
        <v>23482</v>
      </c>
      <c r="G37989" t="s">
        <v>11612</v>
      </c>
      <c r="H37989" t="s">
        <v>11613</v>
      </c>
      <c r="I37989" s="2">
        <v>0</v>
      </c>
      <c r="J37989" s="2">
        <v>0</v>
      </c>
      <c r="K37989" s="2">
        <v>1</v>
      </c>
      <c r="L37989" t="s">
        <v>995</v>
      </c>
      <c r="M37989" t="s">
        <v>83</v>
      </c>
      <c r="N37989" t="s">
        <v>91</v>
      </c>
      <c r="O37989" t="s">
        <v>85</v>
      </c>
      <c r="P37989" t="s">
        <v>86</v>
      </c>
      <c r="Q37989">
        <v>14</v>
      </c>
      <c r="R37989">
        <v>14</v>
      </c>
      <c r="S37989">
        <v>15</v>
      </c>
      <c r="T37989">
        <v>15</v>
      </c>
      <c r="U37989">
        <v>16</v>
      </c>
      <c r="V37989">
        <v>16</v>
      </c>
      <c r="W37989">
        <v>16</v>
      </c>
      <c r="X37989">
        <v>17</v>
      </c>
      <c r="Y37989">
        <v>17</v>
      </c>
      <c r="Z37989">
        <v>17</v>
      </c>
      <c r="AA37989">
        <v>18</v>
      </c>
      <c r="AB37989">
        <v>18</v>
      </c>
      <c r="AC37989">
        <v>19</v>
      </c>
      <c r="AD37989">
        <v>19</v>
      </c>
      <c r="AE37989">
        <v>19</v>
      </c>
      <c r="AF37989">
        <v>20</v>
      </c>
      <c r="AG37989">
        <v>20</v>
      </c>
      <c r="AH37989">
        <v>21</v>
      </c>
      <c r="AI37989">
        <v>21</v>
      </c>
      <c r="AJ37989">
        <v>22</v>
      </c>
      <c r="AK37989">
        <v>22</v>
      </c>
      <c r="AL37989">
        <v>22</v>
      </c>
      <c r="AM37989">
        <v>23</v>
      </c>
      <c r="AN37989">
        <v>23</v>
      </c>
      <c r="AO37989">
        <v>23</v>
      </c>
      <c r="AP37989">
        <v>23</v>
      </c>
      <c r="AQ37989">
        <v>24</v>
      </c>
    </row>
    <row r="37990" spans="1:43">
      <c r="A37990" t="s">
        <v>23557</v>
      </c>
      <c r="B37990" t="s">
        <v>23558</v>
      </c>
      <c r="C37990" t="s">
        <v>23551</v>
      </c>
      <c r="D37990" t="s">
        <v>23552</v>
      </c>
      <c r="E37990" t="s">
        <v>23481</v>
      </c>
      <c r="F37990" t="s">
        <v>23482</v>
      </c>
      <c r="G37990" t="s">
        <v>11612</v>
      </c>
      <c r="H37990" t="s">
        <v>11613</v>
      </c>
      <c r="I37990" s="2">
        <v>0</v>
      </c>
      <c r="J37990" s="2">
        <v>0</v>
      </c>
      <c r="K37990" s="2">
        <v>1</v>
      </c>
      <c r="L37990" t="s">
        <v>995</v>
      </c>
      <c r="M37990" t="s">
        <v>83</v>
      </c>
      <c r="N37990" t="s">
        <v>84</v>
      </c>
      <c r="O37990" t="s">
        <v>85</v>
      </c>
      <c r="P37990" t="s">
        <v>86</v>
      </c>
      <c r="Q37990">
        <v>20</v>
      </c>
      <c r="R37990">
        <v>21</v>
      </c>
      <c r="S37990">
        <v>21</v>
      </c>
      <c r="T37990">
        <v>22</v>
      </c>
      <c r="U37990">
        <v>22</v>
      </c>
      <c r="V37990">
        <v>23</v>
      </c>
      <c r="W37990">
        <v>23</v>
      </c>
      <c r="X37990">
        <v>24</v>
      </c>
      <c r="Y37990">
        <v>25</v>
      </c>
      <c r="Z37990">
        <v>25</v>
      </c>
      <c r="AA37990">
        <v>26</v>
      </c>
      <c r="AB37990">
        <v>26</v>
      </c>
      <c r="AC37990">
        <v>27</v>
      </c>
      <c r="AD37990">
        <v>27</v>
      </c>
      <c r="AE37990">
        <v>28</v>
      </c>
      <c r="AF37990">
        <v>29</v>
      </c>
      <c r="AG37990">
        <v>29</v>
      </c>
      <c r="AH37990">
        <v>30</v>
      </c>
      <c r="AI37990">
        <v>31</v>
      </c>
      <c r="AJ37990">
        <v>31</v>
      </c>
      <c r="AK37990">
        <v>32</v>
      </c>
      <c r="AL37990">
        <v>32</v>
      </c>
      <c r="AM37990">
        <v>33</v>
      </c>
      <c r="AN37990">
        <v>33</v>
      </c>
      <c r="AO37990">
        <v>33</v>
      </c>
      <c r="AP37990">
        <v>34</v>
      </c>
      <c r="AQ37990">
        <v>34</v>
      </c>
    </row>
    <row r="37991" spans="1:43">
      <c r="A37991" t="s">
        <v>23557</v>
      </c>
      <c r="B37991" t="s">
        <v>23558</v>
      </c>
      <c r="C37991" t="s">
        <v>23551</v>
      </c>
      <c r="D37991" t="s">
        <v>23552</v>
      </c>
      <c r="E37991" t="s">
        <v>23481</v>
      </c>
      <c r="F37991" t="s">
        <v>23482</v>
      </c>
      <c r="G37991" t="s">
        <v>11612</v>
      </c>
      <c r="H37991" t="s">
        <v>11613</v>
      </c>
      <c r="I37991" s="2">
        <v>0</v>
      </c>
      <c r="J37991" s="2">
        <v>0</v>
      </c>
      <c r="K37991" s="2">
        <v>1</v>
      </c>
      <c r="L37991" t="s">
        <v>995</v>
      </c>
      <c r="M37991" t="s">
        <v>87</v>
      </c>
      <c r="N37991" t="s">
        <v>88</v>
      </c>
      <c r="O37991" t="s">
        <v>85</v>
      </c>
      <c r="P37991" t="s">
        <v>86</v>
      </c>
      <c r="Q37991">
        <v>20</v>
      </c>
      <c r="R37991">
        <v>20</v>
      </c>
      <c r="S37991">
        <v>21</v>
      </c>
      <c r="T37991">
        <v>21</v>
      </c>
      <c r="U37991">
        <v>21</v>
      </c>
      <c r="V37991">
        <v>22</v>
      </c>
      <c r="W37991">
        <v>22</v>
      </c>
      <c r="X37991">
        <v>22</v>
      </c>
      <c r="Y37991">
        <v>23</v>
      </c>
      <c r="Z37991">
        <v>23</v>
      </c>
      <c r="AA37991">
        <v>23</v>
      </c>
      <c r="AB37991">
        <v>24</v>
      </c>
      <c r="AC37991">
        <v>24</v>
      </c>
      <c r="AD37991">
        <v>24</v>
      </c>
      <c r="AE37991">
        <v>25</v>
      </c>
      <c r="AF37991">
        <v>25</v>
      </c>
      <c r="AG37991">
        <v>26</v>
      </c>
      <c r="AH37991">
        <v>26</v>
      </c>
      <c r="AI37991">
        <v>26</v>
      </c>
      <c r="AJ37991">
        <v>27</v>
      </c>
      <c r="AK37991">
        <v>27</v>
      </c>
      <c r="AL37991">
        <v>28</v>
      </c>
      <c r="AM37991">
        <v>28</v>
      </c>
      <c r="AN37991">
        <v>28</v>
      </c>
      <c r="AO37991">
        <v>29</v>
      </c>
      <c r="AP37991">
        <v>29</v>
      </c>
      <c r="AQ37991">
        <v>30</v>
      </c>
    </row>
    <row r="37992" spans="1:43">
      <c r="A37992" t="s">
        <v>23557</v>
      </c>
      <c r="B37992" t="s">
        <v>23558</v>
      </c>
      <c r="C37992" t="s">
        <v>23551</v>
      </c>
      <c r="D37992" t="s">
        <v>23552</v>
      </c>
      <c r="E37992" t="s">
        <v>23481</v>
      </c>
      <c r="F37992" t="s">
        <v>23482</v>
      </c>
      <c r="G37992" t="s">
        <v>11612</v>
      </c>
      <c r="H37992" t="s">
        <v>11613</v>
      </c>
      <c r="I37992" s="2">
        <v>0</v>
      </c>
      <c r="J37992" s="2">
        <v>0</v>
      </c>
      <c r="K37992" s="2">
        <v>1</v>
      </c>
      <c r="L37992" t="s">
        <v>995</v>
      </c>
      <c r="M37992" t="s">
        <v>89</v>
      </c>
      <c r="N37992" t="s">
        <v>90</v>
      </c>
      <c r="O37992" t="s">
        <v>85</v>
      </c>
      <c r="P37992" t="s">
        <v>86</v>
      </c>
      <c r="Q37992">
        <v>20</v>
      </c>
      <c r="R37992">
        <v>20</v>
      </c>
      <c r="S37992">
        <v>21</v>
      </c>
      <c r="T37992">
        <v>22</v>
      </c>
      <c r="U37992">
        <v>22</v>
      </c>
      <c r="V37992">
        <v>23</v>
      </c>
      <c r="W37992">
        <v>24</v>
      </c>
      <c r="X37992">
        <v>24</v>
      </c>
      <c r="Y37992">
        <v>25</v>
      </c>
      <c r="Z37992">
        <v>26</v>
      </c>
      <c r="AA37992">
        <v>26</v>
      </c>
      <c r="AB37992">
        <v>27</v>
      </c>
      <c r="AC37992">
        <v>28</v>
      </c>
      <c r="AD37992">
        <v>29</v>
      </c>
      <c r="AE37992">
        <v>29</v>
      </c>
      <c r="AF37992">
        <v>29</v>
      </c>
      <c r="AG37992">
        <v>30</v>
      </c>
      <c r="AH37992">
        <v>30</v>
      </c>
      <c r="AI37992">
        <v>31</v>
      </c>
      <c r="AJ37992">
        <v>31</v>
      </c>
      <c r="AK37992">
        <v>31</v>
      </c>
      <c r="AL37992">
        <v>32</v>
      </c>
      <c r="AM37992">
        <v>32</v>
      </c>
      <c r="AN37992">
        <v>32</v>
      </c>
      <c r="AO37992">
        <v>33</v>
      </c>
      <c r="AP37992">
        <v>33</v>
      </c>
      <c r="AQ37992">
        <v>33</v>
      </c>
    </row>
    <row r="37993" spans="1:43">
      <c r="A37993" t="s">
        <v>23557</v>
      </c>
      <c r="B37993" t="s">
        <v>23558</v>
      </c>
      <c r="C37993" t="s">
        <v>23551</v>
      </c>
      <c r="D37993" t="s">
        <v>23552</v>
      </c>
      <c r="E37993" t="s">
        <v>23481</v>
      </c>
      <c r="F37993" t="s">
        <v>23482</v>
      </c>
      <c r="G37993" t="s">
        <v>11612</v>
      </c>
      <c r="H37993" t="s">
        <v>11613</v>
      </c>
      <c r="I37993" s="2">
        <v>0</v>
      </c>
      <c r="J37993" s="2">
        <v>0</v>
      </c>
      <c r="K37993" s="2">
        <v>1</v>
      </c>
      <c r="L37993" t="s">
        <v>995</v>
      </c>
      <c r="M37993" t="s">
        <v>83</v>
      </c>
      <c r="N37993" t="s">
        <v>91</v>
      </c>
      <c r="O37993" t="s">
        <v>85</v>
      </c>
      <c r="P37993" t="s">
        <v>86</v>
      </c>
      <c r="Q37993">
        <v>20</v>
      </c>
      <c r="R37993">
        <v>21</v>
      </c>
      <c r="S37993">
        <v>21</v>
      </c>
      <c r="T37993">
        <v>22</v>
      </c>
      <c r="U37993">
        <v>22</v>
      </c>
      <c r="V37993">
        <v>23</v>
      </c>
      <c r="W37993">
        <v>23</v>
      </c>
      <c r="X37993">
        <v>24</v>
      </c>
      <c r="Y37993">
        <v>25</v>
      </c>
      <c r="Z37993">
        <v>25</v>
      </c>
      <c r="AA37993">
        <v>26</v>
      </c>
      <c r="AB37993">
        <v>26</v>
      </c>
      <c r="AC37993">
        <v>27</v>
      </c>
      <c r="AD37993">
        <v>27</v>
      </c>
      <c r="AE37993">
        <v>28</v>
      </c>
      <c r="AF37993">
        <v>29</v>
      </c>
      <c r="AG37993">
        <v>29</v>
      </c>
      <c r="AH37993">
        <v>30</v>
      </c>
      <c r="AI37993">
        <v>31</v>
      </c>
      <c r="AJ37993">
        <v>31</v>
      </c>
      <c r="AK37993">
        <v>32</v>
      </c>
      <c r="AL37993">
        <v>32</v>
      </c>
      <c r="AM37993">
        <v>33</v>
      </c>
      <c r="AN37993">
        <v>33</v>
      </c>
      <c r="AO37993">
        <v>33</v>
      </c>
      <c r="AP37993">
        <v>34</v>
      </c>
      <c r="AQ37993">
        <v>34</v>
      </c>
    </row>
    <row r="37994" spans="1:43">
      <c r="A37994" t="s">
        <v>23559</v>
      </c>
      <c r="B37994" t="s">
        <v>23560</v>
      </c>
      <c r="C37994" t="s">
        <v>23561</v>
      </c>
      <c r="D37994" t="s">
        <v>23562</v>
      </c>
      <c r="E37994" t="s">
        <v>23481</v>
      </c>
      <c r="F37994" t="s">
        <v>23482</v>
      </c>
      <c r="G37994" t="s">
        <v>11612</v>
      </c>
      <c r="H37994" t="s">
        <v>11613</v>
      </c>
      <c r="I37994" s="2">
        <v>0</v>
      </c>
      <c r="J37994" s="2">
        <v>0</v>
      </c>
      <c r="K37994" s="2">
        <v>1</v>
      </c>
      <c r="L37994" t="s">
        <v>995</v>
      </c>
      <c r="M37994" t="s">
        <v>83</v>
      </c>
      <c r="N37994" t="s">
        <v>84</v>
      </c>
      <c r="O37994" t="s">
        <v>85</v>
      </c>
      <c r="P37994" t="s">
        <v>86</v>
      </c>
      <c r="Q37994">
        <v>17</v>
      </c>
      <c r="R37994">
        <v>18</v>
      </c>
      <c r="S37994">
        <v>18</v>
      </c>
      <c r="T37994">
        <v>19</v>
      </c>
      <c r="U37994">
        <v>19</v>
      </c>
      <c r="V37994">
        <v>20</v>
      </c>
      <c r="W37994">
        <v>20</v>
      </c>
      <c r="X37994">
        <v>21</v>
      </c>
      <c r="Y37994">
        <v>21</v>
      </c>
      <c r="Z37994">
        <v>22</v>
      </c>
      <c r="AA37994">
        <v>22</v>
      </c>
      <c r="AB37994">
        <v>23</v>
      </c>
      <c r="AC37994">
        <v>23</v>
      </c>
      <c r="AD37994">
        <v>24</v>
      </c>
      <c r="AE37994">
        <v>24</v>
      </c>
      <c r="AF37994">
        <v>25</v>
      </c>
      <c r="AG37994">
        <v>25</v>
      </c>
      <c r="AH37994">
        <v>26</v>
      </c>
      <c r="AI37994">
        <v>26</v>
      </c>
      <c r="AJ37994">
        <v>27</v>
      </c>
      <c r="AK37994">
        <v>27</v>
      </c>
      <c r="AL37994">
        <v>28</v>
      </c>
      <c r="AM37994">
        <v>28</v>
      </c>
      <c r="AN37994">
        <v>28</v>
      </c>
      <c r="AO37994">
        <v>28</v>
      </c>
      <c r="AP37994">
        <v>29</v>
      </c>
      <c r="AQ37994">
        <v>29</v>
      </c>
    </row>
    <row r="37995" spans="1:43">
      <c r="A37995" t="s">
        <v>23559</v>
      </c>
      <c r="B37995" t="s">
        <v>23560</v>
      </c>
      <c r="C37995" t="s">
        <v>23561</v>
      </c>
      <c r="D37995" t="s">
        <v>23562</v>
      </c>
      <c r="E37995" t="s">
        <v>23481</v>
      </c>
      <c r="F37995" t="s">
        <v>23482</v>
      </c>
      <c r="G37995" t="s">
        <v>11612</v>
      </c>
      <c r="H37995" t="s">
        <v>11613</v>
      </c>
      <c r="I37995" s="2">
        <v>0</v>
      </c>
      <c r="J37995" s="2">
        <v>0</v>
      </c>
      <c r="K37995" s="2">
        <v>1</v>
      </c>
      <c r="L37995" t="s">
        <v>995</v>
      </c>
      <c r="M37995" t="s">
        <v>87</v>
      </c>
      <c r="N37995" t="s">
        <v>88</v>
      </c>
      <c r="O37995" t="s">
        <v>85</v>
      </c>
      <c r="P37995" t="s">
        <v>86</v>
      </c>
      <c r="Q37995">
        <v>17</v>
      </c>
      <c r="R37995">
        <v>18</v>
      </c>
      <c r="S37995">
        <v>18</v>
      </c>
      <c r="T37995">
        <v>18</v>
      </c>
      <c r="U37995">
        <v>18</v>
      </c>
      <c r="V37995">
        <v>19</v>
      </c>
      <c r="W37995">
        <v>19</v>
      </c>
      <c r="X37995">
        <v>19</v>
      </c>
      <c r="Y37995">
        <v>19</v>
      </c>
      <c r="Z37995">
        <v>20</v>
      </c>
      <c r="AA37995">
        <v>20</v>
      </c>
      <c r="AB37995">
        <v>20</v>
      </c>
      <c r="AC37995">
        <v>21</v>
      </c>
      <c r="AD37995">
        <v>21</v>
      </c>
      <c r="AE37995">
        <v>21</v>
      </c>
      <c r="AF37995">
        <v>22</v>
      </c>
      <c r="AG37995">
        <v>22</v>
      </c>
      <c r="AH37995">
        <v>22</v>
      </c>
      <c r="AI37995">
        <v>23</v>
      </c>
      <c r="AJ37995">
        <v>23</v>
      </c>
      <c r="AK37995">
        <v>23</v>
      </c>
      <c r="AL37995">
        <v>24</v>
      </c>
      <c r="AM37995">
        <v>24</v>
      </c>
      <c r="AN37995">
        <v>24</v>
      </c>
      <c r="AO37995">
        <v>25</v>
      </c>
      <c r="AP37995">
        <v>25</v>
      </c>
      <c r="AQ37995">
        <v>25</v>
      </c>
    </row>
    <row r="37996" spans="1:43">
      <c r="A37996" t="s">
        <v>23559</v>
      </c>
      <c r="B37996" t="s">
        <v>23560</v>
      </c>
      <c r="C37996" t="s">
        <v>23561</v>
      </c>
      <c r="D37996" t="s">
        <v>23562</v>
      </c>
      <c r="E37996" t="s">
        <v>23481</v>
      </c>
      <c r="F37996" t="s">
        <v>23482</v>
      </c>
      <c r="G37996" t="s">
        <v>11612</v>
      </c>
      <c r="H37996" t="s">
        <v>11613</v>
      </c>
      <c r="I37996" s="2">
        <v>0</v>
      </c>
      <c r="J37996" s="2">
        <v>0</v>
      </c>
      <c r="K37996" s="2">
        <v>1</v>
      </c>
      <c r="L37996" t="s">
        <v>995</v>
      </c>
      <c r="M37996" t="s">
        <v>89</v>
      </c>
      <c r="N37996" t="s">
        <v>90</v>
      </c>
      <c r="O37996" t="s">
        <v>85</v>
      </c>
      <c r="P37996" t="s">
        <v>86</v>
      </c>
      <c r="Q37996">
        <v>17</v>
      </c>
      <c r="R37996">
        <v>17</v>
      </c>
      <c r="S37996">
        <v>18</v>
      </c>
      <c r="T37996">
        <v>18</v>
      </c>
      <c r="U37996">
        <v>19</v>
      </c>
      <c r="V37996">
        <v>20</v>
      </c>
      <c r="W37996">
        <v>20</v>
      </c>
      <c r="X37996">
        <v>21</v>
      </c>
      <c r="Y37996">
        <v>21</v>
      </c>
      <c r="Z37996">
        <v>22</v>
      </c>
      <c r="AA37996">
        <v>22</v>
      </c>
      <c r="AB37996">
        <v>23</v>
      </c>
      <c r="AC37996">
        <v>24</v>
      </c>
      <c r="AD37996">
        <v>24</v>
      </c>
      <c r="AE37996">
        <v>25</v>
      </c>
      <c r="AF37996">
        <v>25</v>
      </c>
      <c r="AG37996">
        <v>25</v>
      </c>
      <c r="AH37996">
        <v>26</v>
      </c>
      <c r="AI37996">
        <v>26</v>
      </c>
      <c r="AJ37996">
        <v>26</v>
      </c>
      <c r="AK37996">
        <v>26</v>
      </c>
      <c r="AL37996">
        <v>27</v>
      </c>
      <c r="AM37996">
        <v>27</v>
      </c>
      <c r="AN37996">
        <v>27</v>
      </c>
      <c r="AO37996">
        <v>28</v>
      </c>
      <c r="AP37996">
        <v>28</v>
      </c>
      <c r="AQ37996">
        <v>28</v>
      </c>
    </row>
    <row r="37997" spans="1:43">
      <c r="A37997" t="s">
        <v>23559</v>
      </c>
      <c r="B37997" t="s">
        <v>23560</v>
      </c>
      <c r="C37997" t="s">
        <v>23561</v>
      </c>
      <c r="D37997" t="s">
        <v>23562</v>
      </c>
      <c r="E37997" t="s">
        <v>23481</v>
      </c>
      <c r="F37997" t="s">
        <v>23482</v>
      </c>
      <c r="G37997" t="s">
        <v>11612</v>
      </c>
      <c r="H37997" t="s">
        <v>11613</v>
      </c>
      <c r="I37997" s="2">
        <v>0</v>
      </c>
      <c r="J37997" s="2">
        <v>0</v>
      </c>
      <c r="K37997" s="2">
        <v>1</v>
      </c>
      <c r="L37997" t="s">
        <v>995</v>
      </c>
      <c r="M37997" t="s">
        <v>83</v>
      </c>
      <c r="N37997" t="s">
        <v>91</v>
      </c>
      <c r="O37997" t="s">
        <v>85</v>
      </c>
      <c r="P37997" t="s">
        <v>86</v>
      </c>
      <c r="Q37997">
        <v>17</v>
      </c>
      <c r="R37997">
        <v>18</v>
      </c>
      <c r="S37997">
        <v>18</v>
      </c>
      <c r="T37997">
        <v>19</v>
      </c>
      <c r="U37997">
        <v>19</v>
      </c>
      <c r="V37997">
        <v>20</v>
      </c>
      <c r="W37997">
        <v>20</v>
      </c>
      <c r="X37997">
        <v>21</v>
      </c>
      <c r="Y37997">
        <v>21</v>
      </c>
      <c r="Z37997">
        <v>22</v>
      </c>
      <c r="AA37997">
        <v>22</v>
      </c>
      <c r="AB37997">
        <v>23</v>
      </c>
      <c r="AC37997">
        <v>23</v>
      </c>
      <c r="AD37997">
        <v>24</v>
      </c>
      <c r="AE37997">
        <v>24</v>
      </c>
      <c r="AF37997">
        <v>25</v>
      </c>
      <c r="AG37997">
        <v>25</v>
      </c>
      <c r="AH37997">
        <v>26</v>
      </c>
      <c r="AI37997">
        <v>26</v>
      </c>
      <c r="AJ37997">
        <v>27</v>
      </c>
      <c r="AK37997">
        <v>27</v>
      </c>
      <c r="AL37997">
        <v>28</v>
      </c>
      <c r="AM37997">
        <v>28</v>
      </c>
      <c r="AN37997">
        <v>28</v>
      </c>
      <c r="AO37997">
        <v>28</v>
      </c>
      <c r="AP37997">
        <v>29</v>
      </c>
      <c r="AQ37997">
        <v>29</v>
      </c>
    </row>
    <row r="37998" spans="1:43">
      <c r="A37998" t="s">
        <v>23563</v>
      </c>
      <c r="B37998" t="s">
        <v>23564</v>
      </c>
      <c r="C37998" t="s">
        <v>23561</v>
      </c>
      <c r="D37998" t="s">
        <v>23562</v>
      </c>
      <c r="E37998" t="s">
        <v>23481</v>
      </c>
      <c r="F37998" t="s">
        <v>23482</v>
      </c>
      <c r="G37998" t="s">
        <v>11612</v>
      </c>
      <c r="H37998" t="s">
        <v>11613</v>
      </c>
      <c r="I37998" s="2">
        <v>0</v>
      </c>
      <c r="J37998" s="2">
        <v>0</v>
      </c>
      <c r="K37998" s="2">
        <v>1</v>
      </c>
      <c r="L37998" t="s">
        <v>995</v>
      </c>
      <c r="M37998" t="s">
        <v>83</v>
      </c>
      <c r="N37998" t="s">
        <v>84</v>
      </c>
      <c r="O37998" t="s">
        <v>85</v>
      </c>
      <c r="P37998" t="s">
        <v>86</v>
      </c>
      <c r="Q37998">
        <v>7</v>
      </c>
      <c r="R37998">
        <v>7</v>
      </c>
      <c r="S37998">
        <v>7</v>
      </c>
      <c r="T37998">
        <v>7</v>
      </c>
      <c r="U37998">
        <v>8</v>
      </c>
      <c r="V37998">
        <v>8</v>
      </c>
      <c r="W37998">
        <v>8</v>
      </c>
      <c r="X37998">
        <v>8</v>
      </c>
      <c r="Y37998">
        <v>8</v>
      </c>
      <c r="Z37998">
        <v>9</v>
      </c>
      <c r="AA37998">
        <v>9</v>
      </c>
      <c r="AB37998">
        <v>9</v>
      </c>
      <c r="AC37998">
        <v>9</v>
      </c>
      <c r="AD37998">
        <v>9</v>
      </c>
      <c r="AE37998">
        <v>9</v>
      </c>
      <c r="AF37998">
        <v>10</v>
      </c>
      <c r="AG37998">
        <v>10</v>
      </c>
      <c r="AH37998">
        <v>10</v>
      </c>
      <c r="AI37998">
        <v>10</v>
      </c>
      <c r="AJ37998">
        <v>10</v>
      </c>
      <c r="AK37998">
        <v>11</v>
      </c>
      <c r="AL37998">
        <v>11</v>
      </c>
      <c r="AM37998">
        <v>11</v>
      </c>
      <c r="AN37998">
        <v>11</v>
      </c>
      <c r="AO37998">
        <v>11</v>
      </c>
      <c r="AP37998">
        <v>11</v>
      </c>
      <c r="AQ37998">
        <v>11</v>
      </c>
    </row>
    <row r="37999" spans="1:43">
      <c r="A37999" t="s">
        <v>23563</v>
      </c>
      <c r="B37999" t="s">
        <v>23564</v>
      </c>
      <c r="C37999" t="s">
        <v>23561</v>
      </c>
      <c r="D37999" t="s">
        <v>23562</v>
      </c>
      <c r="E37999" t="s">
        <v>23481</v>
      </c>
      <c r="F37999" t="s">
        <v>23482</v>
      </c>
      <c r="G37999" t="s">
        <v>11612</v>
      </c>
      <c r="H37999" t="s">
        <v>11613</v>
      </c>
      <c r="I37999" s="2">
        <v>0</v>
      </c>
      <c r="J37999" s="2">
        <v>0</v>
      </c>
      <c r="K37999" s="2">
        <v>1</v>
      </c>
      <c r="L37999" t="s">
        <v>995</v>
      </c>
      <c r="M37999" t="s">
        <v>87</v>
      </c>
      <c r="N37999" t="s">
        <v>88</v>
      </c>
      <c r="O37999" t="s">
        <v>85</v>
      </c>
      <c r="P37999" t="s">
        <v>86</v>
      </c>
      <c r="Q37999">
        <v>7</v>
      </c>
      <c r="R37999">
        <v>7</v>
      </c>
      <c r="S37999">
        <v>7</v>
      </c>
      <c r="T37999">
        <v>7</v>
      </c>
      <c r="U37999">
        <v>7</v>
      </c>
      <c r="V37999">
        <v>7</v>
      </c>
      <c r="W37999">
        <v>8</v>
      </c>
      <c r="X37999">
        <v>8</v>
      </c>
      <c r="Y37999">
        <v>8</v>
      </c>
      <c r="Z37999">
        <v>8</v>
      </c>
      <c r="AA37999">
        <v>8</v>
      </c>
      <c r="AB37999">
        <v>8</v>
      </c>
      <c r="AC37999">
        <v>8</v>
      </c>
      <c r="AD37999">
        <v>8</v>
      </c>
      <c r="AE37999">
        <v>8</v>
      </c>
      <c r="AF37999">
        <v>9</v>
      </c>
      <c r="AG37999">
        <v>9</v>
      </c>
      <c r="AH37999">
        <v>9</v>
      </c>
      <c r="AI37999">
        <v>9</v>
      </c>
      <c r="AJ37999">
        <v>9</v>
      </c>
      <c r="AK37999">
        <v>9</v>
      </c>
      <c r="AL37999">
        <v>9</v>
      </c>
      <c r="AM37999">
        <v>9</v>
      </c>
      <c r="AN37999">
        <v>9</v>
      </c>
      <c r="AO37999">
        <v>10</v>
      </c>
      <c r="AP37999">
        <v>10</v>
      </c>
      <c r="AQ37999">
        <v>10</v>
      </c>
    </row>
    <row r="38000" spans="1:43">
      <c r="A38000" t="s">
        <v>23563</v>
      </c>
      <c r="B38000" t="s">
        <v>23564</v>
      </c>
      <c r="C38000" t="s">
        <v>23561</v>
      </c>
      <c r="D38000" t="s">
        <v>23562</v>
      </c>
      <c r="E38000" t="s">
        <v>23481</v>
      </c>
      <c r="F38000" t="s">
        <v>23482</v>
      </c>
      <c r="G38000" t="s">
        <v>11612</v>
      </c>
      <c r="H38000" t="s">
        <v>11613</v>
      </c>
      <c r="I38000" s="2">
        <v>0</v>
      </c>
      <c r="J38000" s="2">
        <v>0</v>
      </c>
      <c r="K38000" s="2">
        <v>1</v>
      </c>
      <c r="L38000" t="s">
        <v>995</v>
      </c>
      <c r="M38000" t="s">
        <v>89</v>
      </c>
      <c r="N38000" t="s">
        <v>90</v>
      </c>
      <c r="O38000" t="s">
        <v>85</v>
      </c>
      <c r="P38000" t="s">
        <v>86</v>
      </c>
      <c r="Q38000">
        <v>7</v>
      </c>
      <c r="R38000">
        <v>7</v>
      </c>
      <c r="S38000">
        <v>8</v>
      </c>
      <c r="T38000">
        <v>8</v>
      </c>
      <c r="U38000">
        <v>8</v>
      </c>
      <c r="V38000">
        <v>8</v>
      </c>
      <c r="W38000">
        <v>8</v>
      </c>
      <c r="X38000">
        <v>9</v>
      </c>
      <c r="Y38000">
        <v>9</v>
      </c>
      <c r="Z38000">
        <v>9</v>
      </c>
      <c r="AA38000">
        <v>9</v>
      </c>
      <c r="AB38000">
        <v>9</v>
      </c>
      <c r="AC38000">
        <v>10</v>
      </c>
      <c r="AD38000">
        <v>10</v>
      </c>
      <c r="AE38000">
        <v>10</v>
      </c>
      <c r="AF38000">
        <v>10</v>
      </c>
      <c r="AG38000">
        <v>10</v>
      </c>
      <c r="AH38000">
        <v>10</v>
      </c>
      <c r="AI38000">
        <v>11</v>
      </c>
      <c r="AJ38000">
        <v>11</v>
      </c>
      <c r="AK38000">
        <v>11</v>
      </c>
      <c r="AL38000">
        <v>11</v>
      </c>
      <c r="AM38000">
        <v>11</v>
      </c>
      <c r="AN38000">
        <v>11</v>
      </c>
      <c r="AO38000">
        <v>11</v>
      </c>
      <c r="AP38000">
        <v>11</v>
      </c>
      <c r="AQ38000">
        <v>11</v>
      </c>
    </row>
    <row r="38001" spans="1:43">
      <c r="A38001" t="s">
        <v>23563</v>
      </c>
      <c r="B38001" t="s">
        <v>23564</v>
      </c>
      <c r="C38001" t="s">
        <v>23561</v>
      </c>
      <c r="D38001" t="s">
        <v>23562</v>
      </c>
      <c r="E38001" t="s">
        <v>23481</v>
      </c>
      <c r="F38001" t="s">
        <v>23482</v>
      </c>
      <c r="G38001" t="s">
        <v>11612</v>
      </c>
      <c r="H38001" t="s">
        <v>11613</v>
      </c>
      <c r="I38001" s="2">
        <v>0</v>
      </c>
      <c r="J38001" s="2">
        <v>0</v>
      </c>
      <c r="K38001" s="2">
        <v>1</v>
      </c>
      <c r="L38001" t="s">
        <v>995</v>
      </c>
      <c r="M38001" t="s">
        <v>83</v>
      </c>
      <c r="N38001" t="s">
        <v>91</v>
      </c>
      <c r="O38001" t="s">
        <v>85</v>
      </c>
      <c r="P38001" t="s">
        <v>86</v>
      </c>
      <c r="Q38001">
        <v>7</v>
      </c>
      <c r="R38001">
        <v>7</v>
      </c>
      <c r="S38001">
        <v>7</v>
      </c>
      <c r="T38001">
        <v>7</v>
      </c>
      <c r="U38001">
        <v>8</v>
      </c>
      <c r="V38001">
        <v>8</v>
      </c>
      <c r="W38001">
        <v>8</v>
      </c>
      <c r="X38001">
        <v>8</v>
      </c>
      <c r="Y38001">
        <v>8</v>
      </c>
      <c r="Z38001">
        <v>9</v>
      </c>
      <c r="AA38001">
        <v>9</v>
      </c>
      <c r="AB38001">
        <v>9</v>
      </c>
      <c r="AC38001">
        <v>9</v>
      </c>
      <c r="AD38001">
        <v>9</v>
      </c>
      <c r="AE38001">
        <v>9</v>
      </c>
      <c r="AF38001">
        <v>10</v>
      </c>
      <c r="AG38001">
        <v>10</v>
      </c>
      <c r="AH38001">
        <v>10</v>
      </c>
      <c r="AI38001">
        <v>10</v>
      </c>
      <c r="AJ38001">
        <v>10</v>
      </c>
      <c r="AK38001">
        <v>11</v>
      </c>
      <c r="AL38001">
        <v>11</v>
      </c>
      <c r="AM38001">
        <v>11</v>
      </c>
      <c r="AN38001">
        <v>11</v>
      </c>
      <c r="AO38001">
        <v>11</v>
      </c>
      <c r="AP38001">
        <v>11</v>
      </c>
      <c r="AQ38001">
        <v>11</v>
      </c>
    </row>
    <row r="38002" spans="1:43">
      <c r="A38002" t="s">
        <v>23565</v>
      </c>
      <c r="B38002" t="s">
        <v>23566</v>
      </c>
      <c r="C38002" t="s">
        <v>23561</v>
      </c>
      <c r="D38002" t="s">
        <v>23562</v>
      </c>
      <c r="E38002" t="s">
        <v>23481</v>
      </c>
      <c r="F38002" t="s">
        <v>23482</v>
      </c>
      <c r="G38002" t="s">
        <v>11612</v>
      </c>
      <c r="H38002" t="s">
        <v>11613</v>
      </c>
      <c r="I38002" s="2">
        <v>0</v>
      </c>
      <c r="J38002" s="2">
        <v>0</v>
      </c>
      <c r="K38002" s="2">
        <v>1</v>
      </c>
      <c r="L38002" t="s">
        <v>995</v>
      </c>
      <c r="M38002" t="s">
        <v>83</v>
      </c>
      <c r="N38002" t="s">
        <v>84</v>
      </c>
      <c r="O38002" t="s">
        <v>85</v>
      </c>
      <c r="P38002" t="s">
        <v>86</v>
      </c>
      <c r="Q38002">
        <v>23</v>
      </c>
      <c r="R38002">
        <v>23</v>
      </c>
      <c r="S38002">
        <v>24</v>
      </c>
      <c r="T38002">
        <v>24</v>
      </c>
      <c r="U38002">
        <v>25</v>
      </c>
      <c r="V38002">
        <v>25</v>
      </c>
      <c r="W38002">
        <v>26</v>
      </c>
      <c r="X38002">
        <v>27</v>
      </c>
      <c r="Y38002">
        <v>27</v>
      </c>
      <c r="Z38002">
        <v>28</v>
      </c>
      <c r="AA38002">
        <v>28</v>
      </c>
      <c r="AB38002">
        <v>29</v>
      </c>
      <c r="AC38002">
        <v>30</v>
      </c>
      <c r="AD38002">
        <v>30</v>
      </c>
      <c r="AE38002">
        <v>31</v>
      </c>
      <c r="AF38002">
        <v>31</v>
      </c>
      <c r="AG38002">
        <v>32</v>
      </c>
      <c r="AH38002">
        <v>33</v>
      </c>
      <c r="AI38002">
        <v>33</v>
      </c>
      <c r="AJ38002">
        <v>34</v>
      </c>
      <c r="AK38002">
        <v>35</v>
      </c>
      <c r="AL38002">
        <v>35</v>
      </c>
      <c r="AM38002">
        <v>36</v>
      </c>
      <c r="AN38002">
        <v>36</v>
      </c>
      <c r="AO38002">
        <v>36</v>
      </c>
      <c r="AP38002">
        <v>37</v>
      </c>
      <c r="AQ38002">
        <v>37</v>
      </c>
    </row>
    <row r="38003" spans="1:43">
      <c r="A38003" t="s">
        <v>23565</v>
      </c>
      <c r="B38003" t="s">
        <v>23566</v>
      </c>
      <c r="C38003" t="s">
        <v>23561</v>
      </c>
      <c r="D38003" t="s">
        <v>23562</v>
      </c>
      <c r="E38003" t="s">
        <v>23481</v>
      </c>
      <c r="F38003" t="s">
        <v>23482</v>
      </c>
      <c r="G38003" t="s">
        <v>11612</v>
      </c>
      <c r="H38003" t="s">
        <v>11613</v>
      </c>
      <c r="I38003" s="2">
        <v>0</v>
      </c>
      <c r="J38003" s="2">
        <v>0</v>
      </c>
      <c r="K38003" s="2">
        <v>1</v>
      </c>
      <c r="L38003" t="s">
        <v>995</v>
      </c>
      <c r="M38003" t="s">
        <v>87</v>
      </c>
      <c r="N38003" t="s">
        <v>88</v>
      </c>
      <c r="O38003" t="s">
        <v>85</v>
      </c>
      <c r="P38003" t="s">
        <v>86</v>
      </c>
      <c r="Q38003">
        <v>23</v>
      </c>
      <c r="R38003">
        <v>24</v>
      </c>
      <c r="S38003">
        <v>24</v>
      </c>
      <c r="T38003">
        <v>24</v>
      </c>
      <c r="U38003">
        <v>25</v>
      </c>
      <c r="V38003">
        <v>25</v>
      </c>
      <c r="W38003">
        <v>25</v>
      </c>
      <c r="X38003">
        <v>26</v>
      </c>
      <c r="Y38003">
        <v>26</v>
      </c>
      <c r="Z38003">
        <v>26</v>
      </c>
      <c r="AA38003">
        <v>27</v>
      </c>
      <c r="AB38003">
        <v>27</v>
      </c>
      <c r="AC38003">
        <v>28</v>
      </c>
      <c r="AD38003">
        <v>28</v>
      </c>
      <c r="AE38003">
        <v>28</v>
      </c>
      <c r="AF38003">
        <v>29</v>
      </c>
      <c r="AG38003">
        <v>29</v>
      </c>
      <c r="AH38003">
        <v>29</v>
      </c>
      <c r="AI38003">
        <v>30</v>
      </c>
      <c r="AJ38003">
        <v>30</v>
      </c>
      <c r="AK38003">
        <v>31</v>
      </c>
      <c r="AL38003">
        <v>31</v>
      </c>
      <c r="AM38003">
        <v>32</v>
      </c>
      <c r="AN38003">
        <v>32</v>
      </c>
      <c r="AO38003">
        <v>32</v>
      </c>
      <c r="AP38003">
        <v>33</v>
      </c>
      <c r="AQ38003">
        <v>33</v>
      </c>
    </row>
    <row r="38004" spans="1:43">
      <c r="A38004" t="s">
        <v>23565</v>
      </c>
      <c r="B38004" t="s">
        <v>23566</v>
      </c>
      <c r="C38004" t="s">
        <v>23561</v>
      </c>
      <c r="D38004" t="s">
        <v>23562</v>
      </c>
      <c r="E38004" t="s">
        <v>23481</v>
      </c>
      <c r="F38004" t="s">
        <v>23482</v>
      </c>
      <c r="G38004" t="s">
        <v>11612</v>
      </c>
      <c r="H38004" t="s">
        <v>11613</v>
      </c>
      <c r="I38004" s="2">
        <v>0</v>
      </c>
      <c r="J38004" s="2">
        <v>0</v>
      </c>
      <c r="K38004" s="2">
        <v>1</v>
      </c>
      <c r="L38004" t="s">
        <v>995</v>
      </c>
      <c r="M38004" t="s">
        <v>89</v>
      </c>
      <c r="N38004" t="s">
        <v>90</v>
      </c>
      <c r="O38004" t="s">
        <v>85</v>
      </c>
      <c r="P38004" t="s">
        <v>86</v>
      </c>
      <c r="Q38004">
        <v>23</v>
      </c>
      <c r="R38004">
        <v>24</v>
      </c>
      <c r="S38004">
        <v>24</v>
      </c>
      <c r="T38004">
        <v>25</v>
      </c>
      <c r="U38004">
        <v>26</v>
      </c>
      <c r="V38004">
        <v>27</v>
      </c>
      <c r="W38004">
        <v>27</v>
      </c>
      <c r="X38004">
        <v>28</v>
      </c>
      <c r="Y38004">
        <v>29</v>
      </c>
      <c r="Z38004">
        <v>29</v>
      </c>
      <c r="AA38004">
        <v>30</v>
      </c>
      <c r="AB38004">
        <v>31</v>
      </c>
      <c r="AC38004">
        <v>32</v>
      </c>
      <c r="AD38004">
        <v>32</v>
      </c>
      <c r="AE38004">
        <v>33</v>
      </c>
      <c r="AF38004">
        <v>33</v>
      </c>
      <c r="AG38004">
        <v>34</v>
      </c>
      <c r="AH38004">
        <v>34</v>
      </c>
      <c r="AI38004">
        <v>34</v>
      </c>
      <c r="AJ38004">
        <v>35</v>
      </c>
      <c r="AK38004">
        <v>35</v>
      </c>
      <c r="AL38004">
        <v>35</v>
      </c>
      <c r="AM38004">
        <v>36</v>
      </c>
      <c r="AN38004">
        <v>36</v>
      </c>
      <c r="AO38004">
        <v>37</v>
      </c>
      <c r="AP38004">
        <v>37</v>
      </c>
      <c r="AQ38004">
        <v>37</v>
      </c>
    </row>
    <row r="38005" spans="1:43">
      <c r="A38005" t="s">
        <v>23565</v>
      </c>
      <c r="B38005" t="s">
        <v>23566</v>
      </c>
      <c r="C38005" t="s">
        <v>23561</v>
      </c>
      <c r="D38005" t="s">
        <v>23562</v>
      </c>
      <c r="E38005" t="s">
        <v>23481</v>
      </c>
      <c r="F38005" t="s">
        <v>23482</v>
      </c>
      <c r="G38005" t="s">
        <v>11612</v>
      </c>
      <c r="H38005" t="s">
        <v>11613</v>
      </c>
      <c r="I38005" s="2">
        <v>0</v>
      </c>
      <c r="J38005" s="2">
        <v>0</v>
      </c>
      <c r="K38005" s="2">
        <v>1</v>
      </c>
      <c r="L38005" t="s">
        <v>995</v>
      </c>
      <c r="M38005" t="s">
        <v>83</v>
      </c>
      <c r="N38005" t="s">
        <v>91</v>
      </c>
      <c r="O38005" t="s">
        <v>85</v>
      </c>
      <c r="P38005" t="s">
        <v>86</v>
      </c>
      <c r="Q38005">
        <v>23</v>
      </c>
      <c r="R38005">
        <v>23</v>
      </c>
      <c r="S38005">
        <v>24</v>
      </c>
      <c r="T38005">
        <v>24</v>
      </c>
      <c r="U38005">
        <v>25</v>
      </c>
      <c r="V38005">
        <v>25</v>
      </c>
      <c r="W38005">
        <v>26</v>
      </c>
      <c r="X38005">
        <v>27</v>
      </c>
      <c r="Y38005">
        <v>27</v>
      </c>
      <c r="Z38005">
        <v>28</v>
      </c>
      <c r="AA38005">
        <v>28</v>
      </c>
      <c r="AB38005">
        <v>29</v>
      </c>
      <c r="AC38005">
        <v>30</v>
      </c>
      <c r="AD38005">
        <v>30</v>
      </c>
      <c r="AE38005">
        <v>31</v>
      </c>
      <c r="AF38005">
        <v>31</v>
      </c>
      <c r="AG38005">
        <v>32</v>
      </c>
      <c r="AH38005">
        <v>33</v>
      </c>
      <c r="AI38005">
        <v>33</v>
      </c>
      <c r="AJ38005">
        <v>34</v>
      </c>
      <c r="AK38005">
        <v>35</v>
      </c>
      <c r="AL38005">
        <v>35</v>
      </c>
      <c r="AM38005">
        <v>36</v>
      </c>
      <c r="AN38005">
        <v>36</v>
      </c>
      <c r="AO38005">
        <v>36</v>
      </c>
      <c r="AP38005">
        <v>37</v>
      </c>
      <c r="AQ38005">
        <v>37</v>
      </c>
    </row>
    <row r="38006" spans="1:43">
      <c r="A38006" t="s">
        <v>23567</v>
      </c>
      <c r="B38006" t="s">
        <v>23568</v>
      </c>
      <c r="C38006" t="s">
        <v>23501</v>
      </c>
      <c r="D38006" t="s">
        <v>23502</v>
      </c>
      <c r="E38006" t="s">
        <v>23481</v>
      </c>
      <c r="F38006" t="s">
        <v>23482</v>
      </c>
      <c r="G38006" t="s">
        <v>11612</v>
      </c>
      <c r="H38006" t="s">
        <v>11613</v>
      </c>
      <c r="I38006" s="2">
        <v>0</v>
      </c>
      <c r="J38006" s="2">
        <v>0</v>
      </c>
      <c r="K38006" s="2">
        <v>1</v>
      </c>
      <c r="L38006" t="s">
        <v>995</v>
      </c>
      <c r="M38006" t="s">
        <v>83</v>
      </c>
      <c r="N38006" t="s">
        <v>84</v>
      </c>
      <c r="O38006" t="s">
        <v>85</v>
      </c>
      <c r="P38006" t="s">
        <v>86</v>
      </c>
      <c r="Q38006">
        <v>35</v>
      </c>
      <c r="R38006">
        <v>36</v>
      </c>
      <c r="S38006">
        <v>37</v>
      </c>
      <c r="T38006">
        <v>38</v>
      </c>
      <c r="U38006">
        <v>39</v>
      </c>
      <c r="V38006">
        <v>40</v>
      </c>
      <c r="W38006">
        <v>41</v>
      </c>
      <c r="X38006">
        <v>42</v>
      </c>
      <c r="Y38006">
        <v>43</v>
      </c>
      <c r="Z38006">
        <v>43</v>
      </c>
      <c r="AA38006">
        <v>44</v>
      </c>
      <c r="AB38006">
        <v>45</v>
      </c>
      <c r="AC38006">
        <v>46</v>
      </c>
      <c r="AD38006">
        <v>47</v>
      </c>
      <c r="AE38006">
        <v>48</v>
      </c>
      <c r="AF38006">
        <v>49</v>
      </c>
      <c r="AG38006">
        <v>50</v>
      </c>
      <c r="AH38006">
        <v>51</v>
      </c>
      <c r="AI38006">
        <v>52</v>
      </c>
      <c r="AJ38006">
        <v>53</v>
      </c>
      <c r="AK38006">
        <v>55</v>
      </c>
      <c r="AL38006">
        <v>55</v>
      </c>
      <c r="AM38006">
        <v>56</v>
      </c>
      <c r="AN38006">
        <v>56</v>
      </c>
      <c r="AO38006">
        <v>57</v>
      </c>
      <c r="AP38006">
        <v>58</v>
      </c>
      <c r="AQ38006">
        <v>58</v>
      </c>
    </row>
    <row r="38007" spans="1:43">
      <c r="A38007" t="s">
        <v>23567</v>
      </c>
      <c r="B38007" t="s">
        <v>23568</v>
      </c>
      <c r="C38007" t="s">
        <v>23501</v>
      </c>
      <c r="D38007" t="s">
        <v>23502</v>
      </c>
      <c r="E38007" t="s">
        <v>23481</v>
      </c>
      <c r="F38007" t="s">
        <v>23482</v>
      </c>
      <c r="G38007" t="s">
        <v>11612</v>
      </c>
      <c r="H38007" t="s">
        <v>11613</v>
      </c>
      <c r="I38007" s="2">
        <v>0</v>
      </c>
      <c r="J38007" s="2">
        <v>0</v>
      </c>
      <c r="K38007" s="2">
        <v>1</v>
      </c>
      <c r="L38007" t="s">
        <v>995</v>
      </c>
      <c r="M38007" t="s">
        <v>87</v>
      </c>
      <c r="N38007" t="s">
        <v>88</v>
      </c>
      <c r="O38007" t="s">
        <v>85</v>
      </c>
      <c r="P38007" t="s">
        <v>86</v>
      </c>
      <c r="Q38007">
        <v>35</v>
      </c>
      <c r="R38007">
        <v>36</v>
      </c>
      <c r="S38007">
        <v>36</v>
      </c>
      <c r="T38007">
        <v>37</v>
      </c>
      <c r="U38007">
        <v>37</v>
      </c>
      <c r="V38007">
        <v>38</v>
      </c>
      <c r="W38007">
        <v>38</v>
      </c>
      <c r="X38007">
        <v>39</v>
      </c>
      <c r="Y38007">
        <v>39</v>
      </c>
      <c r="Z38007">
        <v>40</v>
      </c>
      <c r="AA38007">
        <v>40</v>
      </c>
      <c r="AB38007">
        <v>41</v>
      </c>
      <c r="AC38007">
        <v>42</v>
      </c>
      <c r="AD38007">
        <v>42</v>
      </c>
      <c r="AE38007">
        <v>43</v>
      </c>
      <c r="AF38007">
        <v>43</v>
      </c>
      <c r="AG38007">
        <v>44</v>
      </c>
      <c r="AH38007">
        <v>45</v>
      </c>
      <c r="AI38007">
        <v>45</v>
      </c>
      <c r="AJ38007">
        <v>46</v>
      </c>
      <c r="AK38007">
        <v>47</v>
      </c>
      <c r="AL38007">
        <v>47</v>
      </c>
      <c r="AM38007">
        <v>48</v>
      </c>
      <c r="AN38007">
        <v>49</v>
      </c>
      <c r="AO38007">
        <v>49</v>
      </c>
      <c r="AP38007">
        <v>50</v>
      </c>
      <c r="AQ38007">
        <v>51</v>
      </c>
    </row>
    <row r="38008" spans="1:43">
      <c r="A38008" t="s">
        <v>23567</v>
      </c>
      <c r="B38008" t="s">
        <v>23568</v>
      </c>
      <c r="C38008" t="s">
        <v>23501</v>
      </c>
      <c r="D38008" t="s">
        <v>23502</v>
      </c>
      <c r="E38008" t="s">
        <v>23481</v>
      </c>
      <c r="F38008" t="s">
        <v>23482</v>
      </c>
      <c r="G38008" t="s">
        <v>11612</v>
      </c>
      <c r="H38008" t="s">
        <v>11613</v>
      </c>
      <c r="I38008" s="2">
        <v>0</v>
      </c>
      <c r="J38008" s="2">
        <v>0</v>
      </c>
      <c r="K38008" s="2">
        <v>1</v>
      </c>
      <c r="L38008" t="s">
        <v>995</v>
      </c>
      <c r="M38008" t="s">
        <v>89</v>
      </c>
      <c r="N38008" t="s">
        <v>90</v>
      </c>
      <c r="O38008" t="s">
        <v>85</v>
      </c>
      <c r="P38008" t="s">
        <v>86</v>
      </c>
      <c r="Q38008">
        <v>35</v>
      </c>
      <c r="R38008">
        <v>36</v>
      </c>
      <c r="S38008">
        <v>37</v>
      </c>
      <c r="T38008">
        <v>38</v>
      </c>
      <c r="U38008">
        <v>39</v>
      </c>
      <c r="V38008">
        <v>41</v>
      </c>
      <c r="W38008">
        <v>42</v>
      </c>
      <c r="X38008">
        <v>43</v>
      </c>
      <c r="Y38008">
        <v>44</v>
      </c>
      <c r="Z38008">
        <v>45</v>
      </c>
      <c r="AA38008">
        <v>46</v>
      </c>
      <c r="AB38008">
        <v>47</v>
      </c>
      <c r="AC38008">
        <v>49</v>
      </c>
      <c r="AD38008">
        <v>50</v>
      </c>
      <c r="AE38008">
        <v>51</v>
      </c>
      <c r="AF38008">
        <v>51</v>
      </c>
      <c r="AG38008">
        <v>52</v>
      </c>
      <c r="AH38008">
        <v>52</v>
      </c>
      <c r="AI38008">
        <v>53</v>
      </c>
      <c r="AJ38008">
        <v>54</v>
      </c>
      <c r="AK38008">
        <v>54</v>
      </c>
      <c r="AL38008">
        <v>55</v>
      </c>
      <c r="AM38008">
        <v>55</v>
      </c>
      <c r="AN38008">
        <v>56</v>
      </c>
      <c r="AO38008">
        <v>56</v>
      </c>
      <c r="AP38008">
        <v>57</v>
      </c>
      <c r="AQ38008">
        <v>58</v>
      </c>
    </row>
    <row r="38009" spans="1:43">
      <c r="A38009" t="s">
        <v>23567</v>
      </c>
      <c r="B38009" t="s">
        <v>23568</v>
      </c>
      <c r="C38009" t="s">
        <v>23501</v>
      </c>
      <c r="D38009" t="s">
        <v>23502</v>
      </c>
      <c r="E38009" t="s">
        <v>23481</v>
      </c>
      <c r="F38009" t="s">
        <v>23482</v>
      </c>
      <c r="G38009" t="s">
        <v>11612</v>
      </c>
      <c r="H38009" t="s">
        <v>11613</v>
      </c>
      <c r="I38009" s="2">
        <v>0</v>
      </c>
      <c r="J38009" s="2">
        <v>0</v>
      </c>
      <c r="K38009" s="2">
        <v>1</v>
      </c>
      <c r="L38009" t="s">
        <v>995</v>
      </c>
      <c r="M38009" t="s">
        <v>83</v>
      </c>
      <c r="N38009" t="s">
        <v>91</v>
      </c>
      <c r="O38009" t="s">
        <v>85</v>
      </c>
      <c r="P38009" t="s">
        <v>86</v>
      </c>
      <c r="Q38009">
        <v>35</v>
      </c>
      <c r="R38009">
        <v>36</v>
      </c>
      <c r="S38009">
        <v>37</v>
      </c>
      <c r="T38009">
        <v>38</v>
      </c>
      <c r="U38009">
        <v>39</v>
      </c>
      <c r="V38009">
        <v>40</v>
      </c>
      <c r="W38009">
        <v>41</v>
      </c>
      <c r="X38009">
        <v>42</v>
      </c>
      <c r="Y38009">
        <v>43</v>
      </c>
      <c r="Z38009">
        <v>43</v>
      </c>
      <c r="AA38009">
        <v>44</v>
      </c>
      <c r="AB38009">
        <v>45</v>
      </c>
      <c r="AC38009">
        <v>46</v>
      </c>
      <c r="AD38009">
        <v>47</v>
      </c>
      <c r="AE38009">
        <v>48</v>
      </c>
      <c r="AF38009">
        <v>49</v>
      </c>
      <c r="AG38009">
        <v>50</v>
      </c>
      <c r="AH38009">
        <v>51</v>
      </c>
      <c r="AI38009">
        <v>52</v>
      </c>
      <c r="AJ38009">
        <v>53</v>
      </c>
      <c r="AK38009">
        <v>55</v>
      </c>
      <c r="AL38009">
        <v>55</v>
      </c>
      <c r="AM38009">
        <v>56</v>
      </c>
      <c r="AN38009">
        <v>56</v>
      </c>
      <c r="AO38009">
        <v>57</v>
      </c>
      <c r="AP38009">
        <v>58</v>
      </c>
      <c r="AQ38009">
        <v>58</v>
      </c>
    </row>
    <row r="38010" spans="1:43">
      <c r="A38010" t="s">
        <v>23569</v>
      </c>
      <c r="B38010" t="s">
        <v>23570</v>
      </c>
      <c r="C38010" t="s">
        <v>23501</v>
      </c>
      <c r="D38010" t="s">
        <v>23502</v>
      </c>
      <c r="E38010" t="s">
        <v>23481</v>
      </c>
      <c r="F38010" t="s">
        <v>23482</v>
      </c>
      <c r="G38010" t="s">
        <v>11612</v>
      </c>
      <c r="H38010" t="s">
        <v>11613</v>
      </c>
      <c r="I38010" s="2">
        <v>0</v>
      </c>
      <c r="J38010" s="2">
        <v>0</v>
      </c>
      <c r="K38010" s="2">
        <v>1</v>
      </c>
      <c r="L38010" t="s">
        <v>995</v>
      </c>
      <c r="M38010" t="s">
        <v>83</v>
      </c>
      <c r="N38010" t="s">
        <v>84</v>
      </c>
      <c r="O38010" t="s">
        <v>85</v>
      </c>
      <c r="P38010" t="s">
        <v>86</v>
      </c>
      <c r="Q38010">
        <v>89</v>
      </c>
      <c r="R38010">
        <v>91</v>
      </c>
      <c r="S38010">
        <v>94</v>
      </c>
      <c r="T38010">
        <v>96</v>
      </c>
      <c r="U38010">
        <v>98</v>
      </c>
      <c r="V38010">
        <v>100</v>
      </c>
      <c r="W38010">
        <v>103</v>
      </c>
      <c r="X38010">
        <v>105</v>
      </c>
      <c r="Y38010">
        <v>107</v>
      </c>
      <c r="Z38010">
        <v>110</v>
      </c>
      <c r="AA38010">
        <v>112</v>
      </c>
      <c r="AB38010">
        <v>114</v>
      </c>
      <c r="AC38010">
        <v>117</v>
      </c>
      <c r="AD38010">
        <v>119</v>
      </c>
      <c r="AE38010">
        <v>122</v>
      </c>
      <c r="AF38010">
        <v>124</v>
      </c>
      <c r="AG38010">
        <v>127</v>
      </c>
      <c r="AH38010">
        <v>129</v>
      </c>
      <c r="AI38010">
        <v>132</v>
      </c>
      <c r="AJ38010">
        <v>135</v>
      </c>
      <c r="AK38010">
        <v>137</v>
      </c>
      <c r="AL38010">
        <v>139</v>
      </c>
      <c r="AM38010">
        <v>141</v>
      </c>
      <c r="AN38010">
        <v>142</v>
      </c>
      <c r="AO38010">
        <v>144</v>
      </c>
      <c r="AP38010">
        <v>145</v>
      </c>
      <c r="AQ38010">
        <v>147</v>
      </c>
    </row>
    <row r="38011" spans="1:43">
      <c r="A38011" t="s">
        <v>23569</v>
      </c>
      <c r="B38011" t="s">
        <v>23570</v>
      </c>
      <c r="C38011" t="s">
        <v>23501</v>
      </c>
      <c r="D38011" t="s">
        <v>23502</v>
      </c>
      <c r="E38011" t="s">
        <v>23481</v>
      </c>
      <c r="F38011" t="s">
        <v>23482</v>
      </c>
      <c r="G38011" t="s">
        <v>11612</v>
      </c>
      <c r="H38011" t="s">
        <v>11613</v>
      </c>
      <c r="I38011" s="2">
        <v>0</v>
      </c>
      <c r="J38011" s="2">
        <v>0</v>
      </c>
      <c r="K38011" s="2">
        <v>1</v>
      </c>
      <c r="L38011" t="s">
        <v>995</v>
      </c>
      <c r="M38011" t="s">
        <v>87</v>
      </c>
      <c r="N38011" t="s">
        <v>88</v>
      </c>
      <c r="O38011" t="s">
        <v>85</v>
      </c>
      <c r="P38011" t="s">
        <v>86</v>
      </c>
      <c r="Q38011">
        <v>89</v>
      </c>
      <c r="R38011">
        <v>91</v>
      </c>
      <c r="S38011">
        <v>92</v>
      </c>
      <c r="T38011">
        <v>93</v>
      </c>
      <c r="U38011">
        <v>95</v>
      </c>
      <c r="V38011">
        <v>96</v>
      </c>
      <c r="W38011">
        <v>97</v>
      </c>
      <c r="X38011">
        <v>99</v>
      </c>
      <c r="Y38011">
        <v>100</v>
      </c>
      <c r="Z38011">
        <v>102</v>
      </c>
      <c r="AA38011">
        <v>103</v>
      </c>
      <c r="AB38011">
        <v>104</v>
      </c>
      <c r="AC38011">
        <v>106</v>
      </c>
      <c r="AD38011">
        <v>107</v>
      </c>
      <c r="AE38011">
        <v>109</v>
      </c>
      <c r="AF38011">
        <v>110</v>
      </c>
      <c r="AG38011">
        <v>112</v>
      </c>
      <c r="AH38011">
        <v>114</v>
      </c>
      <c r="AI38011">
        <v>115</v>
      </c>
      <c r="AJ38011">
        <v>117</v>
      </c>
      <c r="AK38011">
        <v>118</v>
      </c>
      <c r="AL38011">
        <v>120</v>
      </c>
      <c r="AM38011">
        <v>122</v>
      </c>
      <c r="AN38011">
        <v>124</v>
      </c>
      <c r="AO38011">
        <v>125</v>
      </c>
      <c r="AP38011">
        <v>127</v>
      </c>
      <c r="AQ38011">
        <v>129</v>
      </c>
    </row>
    <row r="38012" spans="1:43">
      <c r="A38012" t="s">
        <v>23569</v>
      </c>
      <c r="B38012" t="s">
        <v>23570</v>
      </c>
      <c r="C38012" t="s">
        <v>23501</v>
      </c>
      <c r="D38012" t="s">
        <v>23502</v>
      </c>
      <c r="E38012" t="s">
        <v>23481</v>
      </c>
      <c r="F38012" t="s">
        <v>23482</v>
      </c>
      <c r="G38012" t="s">
        <v>11612</v>
      </c>
      <c r="H38012" t="s">
        <v>11613</v>
      </c>
      <c r="I38012" s="2">
        <v>0</v>
      </c>
      <c r="J38012" s="2">
        <v>0</v>
      </c>
      <c r="K38012" s="2">
        <v>1</v>
      </c>
      <c r="L38012" t="s">
        <v>995</v>
      </c>
      <c r="M38012" t="s">
        <v>89</v>
      </c>
      <c r="N38012" t="s">
        <v>90</v>
      </c>
      <c r="O38012" t="s">
        <v>85</v>
      </c>
      <c r="P38012" t="s">
        <v>86</v>
      </c>
      <c r="Q38012">
        <v>89</v>
      </c>
      <c r="R38012">
        <v>92</v>
      </c>
      <c r="S38012">
        <v>95</v>
      </c>
      <c r="T38012">
        <v>98</v>
      </c>
      <c r="U38012">
        <v>101</v>
      </c>
      <c r="V38012">
        <v>104</v>
      </c>
      <c r="W38012">
        <v>107</v>
      </c>
      <c r="X38012">
        <v>110</v>
      </c>
      <c r="Y38012">
        <v>112</v>
      </c>
      <c r="Z38012">
        <v>115</v>
      </c>
      <c r="AA38012">
        <v>118</v>
      </c>
      <c r="AB38012">
        <v>121</v>
      </c>
      <c r="AC38012">
        <v>124</v>
      </c>
      <c r="AD38012">
        <v>127</v>
      </c>
      <c r="AE38012">
        <v>129</v>
      </c>
      <c r="AF38012">
        <v>131</v>
      </c>
      <c r="AG38012">
        <v>132</v>
      </c>
      <c r="AH38012">
        <v>133</v>
      </c>
      <c r="AI38012">
        <v>135</v>
      </c>
      <c r="AJ38012">
        <v>136</v>
      </c>
      <c r="AK38012">
        <v>138</v>
      </c>
      <c r="AL38012">
        <v>139</v>
      </c>
      <c r="AM38012">
        <v>140</v>
      </c>
      <c r="AN38012">
        <v>142</v>
      </c>
      <c r="AO38012">
        <v>143</v>
      </c>
      <c r="AP38012">
        <v>145</v>
      </c>
      <c r="AQ38012">
        <v>146</v>
      </c>
    </row>
    <row r="38013" spans="1:43">
      <c r="A38013" t="s">
        <v>23569</v>
      </c>
      <c r="B38013" t="s">
        <v>23570</v>
      </c>
      <c r="C38013" t="s">
        <v>23501</v>
      </c>
      <c r="D38013" t="s">
        <v>23502</v>
      </c>
      <c r="E38013" t="s">
        <v>23481</v>
      </c>
      <c r="F38013" t="s">
        <v>23482</v>
      </c>
      <c r="G38013" t="s">
        <v>11612</v>
      </c>
      <c r="H38013" t="s">
        <v>11613</v>
      </c>
      <c r="I38013" s="2">
        <v>0</v>
      </c>
      <c r="J38013" s="2">
        <v>0</v>
      </c>
      <c r="K38013" s="2">
        <v>1</v>
      </c>
      <c r="L38013" t="s">
        <v>995</v>
      </c>
      <c r="M38013" t="s">
        <v>83</v>
      </c>
      <c r="N38013" t="s">
        <v>91</v>
      </c>
      <c r="O38013" t="s">
        <v>85</v>
      </c>
      <c r="P38013" t="s">
        <v>86</v>
      </c>
      <c r="Q38013">
        <v>89</v>
      </c>
      <c r="R38013">
        <v>91</v>
      </c>
      <c r="S38013">
        <v>94</v>
      </c>
      <c r="T38013">
        <v>96</v>
      </c>
      <c r="U38013">
        <v>98</v>
      </c>
      <c r="V38013">
        <v>100</v>
      </c>
      <c r="W38013">
        <v>103</v>
      </c>
      <c r="X38013">
        <v>105</v>
      </c>
      <c r="Y38013">
        <v>107</v>
      </c>
      <c r="Z38013">
        <v>110</v>
      </c>
      <c r="AA38013">
        <v>112</v>
      </c>
      <c r="AB38013">
        <v>114</v>
      </c>
      <c r="AC38013">
        <v>117</v>
      </c>
      <c r="AD38013">
        <v>119</v>
      </c>
      <c r="AE38013">
        <v>122</v>
      </c>
      <c r="AF38013">
        <v>124</v>
      </c>
      <c r="AG38013">
        <v>127</v>
      </c>
      <c r="AH38013">
        <v>129</v>
      </c>
      <c r="AI38013">
        <v>132</v>
      </c>
      <c r="AJ38013">
        <v>135</v>
      </c>
      <c r="AK38013">
        <v>137</v>
      </c>
      <c r="AL38013">
        <v>139</v>
      </c>
      <c r="AM38013">
        <v>141</v>
      </c>
      <c r="AN38013">
        <v>142</v>
      </c>
      <c r="AO38013">
        <v>144</v>
      </c>
      <c r="AP38013">
        <v>145</v>
      </c>
      <c r="AQ38013">
        <v>147</v>
      </c>
    </row>
    <row r="38014" spans="1:43">
      <c r="A38014" t="s">
        <v>23571</v>
      </c>
      <c r="B38014" t="s">
        <v>23572</v>
      </c>
      <c r="C38014" t="s">
        <v>23523</v>
      </c>
      <c r="D38014" t="s">
        <v>23524</v>
      </c>
      <c r="E38014" t="s">
        <v>23481</v>
      </c>
      <c r="F38014" t="s">
        <v>23482</v>
      </c>
      <c r="G38014" t="s">
        <v>11612</v>
      </c>
      <c r="H38014" t="s">
        <v>11613</v>
      </c>
      <c r="I38014" s="2">
        <v>0</v>
      </c>
      <c r="J38014" s="2">
        <v>0</v>
      </c>
      <c r="K38014" s="2">
        <v>1</v>
      </c>
      <c r="L38014" t="s">
        <v>995</v>
      </c>
      <c r="M38014" t="s">
        <v>83</v>
      </c>
      <c r="N38014" t="s">
        <v>84</v>
      </c>
      <c r="O38014" t="s">
        <v>85</v>
      </c>
      <c r="P38014" t="s">
        <v>86</v>
      </c>
      <c r="Q38014">
        <v>64</v>
      </c>
      <c r="R38014">
        <v>66</v>
      </c>
      <c r="S38014">
        <v>67</v>
      </c>
      <c r="T38014">
        <v>69</v>
      </c>
      <c r="U38014">
        <v>71</v>
      </c>
      <c r="V38014">
        <v>72</v>
      </c>
      <c r="W38014">
        <v>74</v>
      </c>
      <c r="X38014">
        <v>76</v>
      </c>
      <c r="Y38014">
        <v>78</v>
      </c>
      <c r="Z38014">
        <v>79</v>
      </c>
      <c r="AA38014">
        <v>81</v>
      </c>
      <c r="AB38014">
        <v>83</v>
      </c>
      <c r="AC38014">
        <v>85</v>
      </c>
      <c r="AD38014">
        <v>87</v>
      </c>
      <c r="AE38014">
        <v>88</v>
      </c>
      <c r="AF38014">
        <v>90</v>
      </c>
      <c r="AG38014">
        <v>92</v>
      </c>
      <c r="AH38014">
        <v>94</v>
      </c>
      <c r="AI38014">
        <v>96</v>
      </c>
      <c r="AJ38014">
        <v>98</v>
      </c>
      <c r="AK38014">
        <v>100</v>
      </c>
      <c r="AL38014">
        <v>102</v>
      </c>
      <c r="AM38014">
        <v>103</v>
      </c>
      <c r="AN38014">
        <v>104</v>
      </c>
      <c r="AO38014">
        <v>105</v>
      </c>
      <c r="AP38014">
        <v>106</v>
      </c>
      <c r="AQ38014">
        <v>107</v>
      </c>
    </row>
    <row r="38015" spans="1:43">
      <c r="A38015" t="s">
        <v>23571</v>
      </c>
      <c r="B38015" t="s">
        <v>23572</v>
      </c>
      <c r="C38015" t="s">
        <v>23523</v>
      </c>
      <c r="D38015" t="s">
        <v>23524</v>
      </c>
      <c r="E38015" t="s">
        <v>23481</v>
      </c>
      <c r="F38015" t="s">
        <v>23482</v>
      </c>
      <c r="G38015" t="s">
        <v>11612</v>
      </c>
      <c r="H38015" t="s">
        <v>11613</v>
      </c>
      <c r="I38015" s="2">
        <v>0</v>
      </c>
      <c r="J38015" s="2">
        <v>0</v>
      </c>
      <c r="K38015" s="2">
        <v>1</v>
      </c>
      <c r="L38015" t="s">
        <v>995</v>
      </c>
      <c r="M38015" t="s">
        <v>87</v>
      </c>
      <c r="N38015" t="s">
        <v>88</v>
      </c>
      <c r="O38015" t="s">
        <v>85</v>
      </c>
      <c r="P38015" t="s">
        <v>86</v>
      </c>
      <c r="Q38015">
        <v>64</v>
      </c>
      <c r="R38015">
        <v>65</v>
      </c>
      <c r="S38015">
        <v>66</v>
      </c>
      <c r="T38015">
        <v>67</v>
      </c>
      <c r="U38015">
        <v>68</v>
      </c>
      <c r="V38015">
        <v>69</v>
      </c>
      <c r="W38015">
        <v>70</v>
      </c>
      <c r="X38015">
        <v>71</v>
      </c>
      <c r="Y38015">
        <v>72</v>
      </c>
      <c r="Z38015">
        <v>73</v>
      </c>
      <c r="AA38015">
        <v>74</v>
      </c>
      <c r="AB38015">
        <v>75</v>
      </c>
      <c r="AC38015">
        <v>76</v>
      </c>
      <c r="AD38015">
        <v>77</v>
      </c>
      <c r="AE38015">
        <v>78</v>
      </c>
      <c r="AF38015">
        <v>79</v>
      </c>
      <c r="AG38015">
        <v>81</v>
      </c>
      <c r="AH38015">
        <v>82</v>
      </c>
      <c r="AI38015">
        <v>83</v>
      </c>
      <c r="AJ38015">
        <v>84</v>
      </c>
      <c r="AK38015">
        <v>85</v>
      </c>
      <c r="AL38015">
        <v>87</v>
      </c>
      <c r="AM38015">
        <v>88</v>
      </c>
      <c r="AN38015">
        <v>89</v>
      </c>
      <c r="AO38015">
        <v>91</v>
      </c>
      <c r="AP38015">
        <v>92</v>
      </c>
      <c r="AQ38015">
        <v>93</v>
      </c>
    </row>
    <row r="38016" spans="1:43">
      <c r="A38016" t="s">
        <v>23571</v>
      </c>
      <c r="B38016" t="s">
        <v>23572</v>
      </c>
      <c r="C38016" t="s">
        <v>23523</v>
      </c>
      <c r="D38016" t="s">
        <v>23524</v>
      </c>
      <c r="E38016" t="s">
        <v>23481</v>
      </c>
      <c r="F38016" t="s">
        <v>23482</v>
      </c>
      <c r="G38016" t="s">
        <v>11612</v>
      </c>
      <c r="H38016" t="s">
        <v>11613</v>
      </c>
      <c r="I38016" s="2">
        <v>0</v>
      </c>
      <c r="J38016" s="2">
        <v>0</v>
      </c>
      <c r="K38016" s="2">
        <v>1</v>
      </c>
      <c r="L38016" t="s">
        <v>995</v>
      </c>
      <c r="M38016" t="s">
        <v>89</v>
      </c>
      <c r="N38016" t="s">
        <v>90</v>
      </c>
      <c r="O38016" t="s">
        <v>85</v>
      </c>
      <c r="P38016" t="s">
        <v>86</v>
      </c>
      <c r="Q38016">
        <v>64</v>
      </c>
      <c r="R38016">
        <v>66</v>
      </c>
      <c r="S38016">
        <v>68</v>
      </c>
      <c r="T38016">
        <v>70</v>
      </c>
      <c r="U38016">
        <v>73</v>
      </c>
      <c r="V38016">
        <v>75</v>
      </c>
      <c r="W38016">
        <v>77</v>
      </c>
      <c r="X38016">
        <v>79</v>
      </c>
      <c r="Y38016">
        <v>81</v>
      </c>
      <c r="Z38016">
        <v>83</v>
      </c>
      <c r="AA38016">
        <v>85</v>
      </c>
      <c r="AB38016">
        <v>88</v>
      </c>
      <c r="AC38016">
        <v>90</v>
      </c>
      <c r="AD38016">
        <v>92</v>
      </c>
      <c r="AE38016">
        <v>94</v>
      </c>
      <c r="AF38016">
        <v>95</v>
      </c>
      <c r="AG38016">
        <v>96</v>
      </c>
      <c r="AH38016">
        <v>97</v>
      </c>
      <c r="AI38016">
        <v>98</v>
      </c>
      <c r="AJ38016">
        <v>99</v>
      </c>
      <c r="AK38016">
        <v>100</v>
      </c>
      <c r="AL38016">
        <v>101</v>
      </c>
      <c r="AM38016">
        <v>103</v>
      </c>
      <c r="AN38016">
        <v>104</v>
      </c>
      <c r="AO38016">
        <v>105</v>
      </c>
      <c r="AP38016">
        <v>106</v>
      </c>
      <c r="AQ38016">
        <v>107</v>
      </c>
    </row>
    <row r="38017" spans="1:43">
      <c r="A38017" t="s">
        <v>23571</v>
      </c>
      <c r="B38017" t="s">
        <v>23572</v>
      </c>
      <c r="C38017" t="s">
        <v>23523</v>
      </c>
      <c r="D38017" t="s">
        <v>23524</v>
      </c>
      <c r="E38017" t="s">
        <v>23481</v>
      </c>
      <c r="F38017" t="s">
        <v>23482</v>
      </c>
      <c r="G38017" t="s">
        <v>11612</v>
      </c>
      <c r="H38017" t="s">
        <v>11613</v>
      </c>
      <c r="I38017" s="2">
        <v>0</v>
      </c>
      <c r="J38017" s="2">
        <v>0</v>
      </c>
      <c r="K38017" s="2">
        <v>1</v>
      </c>
      <c r="L38017" t="s">
        <v>995</v>
      </c>
      <c r="M38017" t="s">
        <v>83</v>
      </c>
      <c r="N38017" t="s">
        <v>91</v>
      </c>
      <c r="O38017" t="s">
        <v>85</v>
      </c>
      <c r="P38017" t="s">
        <v>86</v>
      </c>
      <c r="Q38017">
        <v>64</v>
      </c>
      <c r="R38017">
        <v>66</v>
      </c>
      <c r="S38017">
        <v>67</v>
      </c>
      <c r="T38017">
        <v>69</v>
      </c>
      <c r="U38017">
        <v>71</v>
      </c>
      <c r="V38017">
        <v>72</v>
      </c>
      <c r="W38017">
        <v>74</v>
      </c>
      <c r="X38017">
        <v>76</v>
      </c>
      <c r="Y38017">
        <v>78</v>
      </c>
      <c r="Z38017">
        <v>79</v>
      </c>
      <c r="AA38017">
        <v>81</v>
      </c>
      <c r="AB38017">
        <v>83</v>
      </c>
      <c r="AC38017">
        <v>85</v>
      </c>
      <c r="AD38017">
        <v>87</v>
      </c>
      <c r="AE38017">
        <v>88</v>
      </c>
      <c r="AF38017">
        <v>90</v>
      </c>
      <c r="AG38017">
        <v>92</v>
      </c>
      <c r="AH38017">
        <v>94</v>
      </c>
      <c r="AI38017">
        <v>96</v>
      </c>
      <c r="AJ38017">
        <v>98</v>
      </c>
      <c r="AK38017">
        <v>100</v>
      </c>
      <c r="AL38017">
        <v>102</v>
      </c>
      <c r="AM38017">
        <v>103</v>
      </c>
      <c r="AN38017">
        <v>104</v>
      </c>
      <c r="AO38017">
        <v>105</v>
      </c>
      <c r="AP38017">
        <v>106</v>
      </c>
      <c r="AQ38017">
        <v>107</v>
      </c>
    </row>
    <row r="38018" spans="1:43">
      <c r="A38018" t="s">
        <v>23573</v>
      </c>
      <c r="B38018" t="s">
        <v>23574</v>
      </c>
      <c r="C38018" t="s">
        <v>23523</v>
      </c>
      <c r="D38018" t="s">
        <v>23524</v>
      </c>
      <c r="E38018" t="s">
        <v>23481</v>
      </c>
      <c r="F38018" t="s">
        <v>23482</v>
      </c>
      <c r="G38018" t="s">
        <v>11612</v>
      </c>
      <c r="H38018" t="s">
        <v>11613</v>
      </c>
      <c r="I38018" s="2">
        <v>0</v>
      </c>
      <c r="J38018" s="2">
        <v>0</v>
      </c>
      <c r="K38018" s="2">
        <v>1</v>
      </c>
      <c r="L38018" t="s">
        <v>995</v>
      </c>
      <c r="M38018" t="s">
        <v>83</v>
      </c>
      <c r="N38018" t="s">
        <v>84</v>
      </c>
      <c r="O38018" t="s">
        <v>85</v>
      </c>
      <c r="P38018" t="s">
        <v>86</v>
      </c>
      <c r="Q38018">
        <v>16</v>
      </c>
      <c r="R38018">
        <v>16</v>
      </c>
      <c r="S38018">
        <v>16</v>
      </c>
      <c r="T38018">
        <v>17</v>
      </c>
      <c r="U38018">
        <v>17</v>
      </c>
      <c r="V38018">
        <v>18</v>
      </c>
      <c r="W38018">
        <v>18</v>
      </c>
      <c r="X38018">
        <v>19</v>
      </c>
      <c r="Y38018">
        <v>19</v>
      </c>
      <c r="Z38018">
        <v>19</v>
      </c>
      <c r="AA38018">
        <v>20</v>
      </c>
      <c r="AB38018">
        <v>20</v>
      </c>
      <c r="AC38018">
        <v>21</v>
      </c>
      <c r="AD38018">
        <v>21</v>
      </c>
      <c r="AE38018">
        <v>22</v>
      </c>
      <c r="AF38018">
        <v>22</v>
      </c>
      <c r="AG38018">
        <v>23</v>
      </c>
      <c r="AH38018">
        <v>23</v>
      </c>
      <c r="AI38018">
        <v>24</v>
      </c>
      <c r="AJ38018">
        <v>24</v>
      </c>
      <c r="AK38018">
        <v>25</v>
      </c>
      <c r="AL38018">
        <v>25</v>
      </c>
      <c r="AM38018">
        <v>25</v>
      </c>
      <c r="AN38018">
        <v>25</v>
      </c>
      <c r="AO38018">
        <v>26</v>
      </c>
      <c r="AP38018">
        <v>26</v>
      </c>
      <c r="AQ38018">
        <v>26</v>
      </c>
    </row>
    <row r="38019" spans="1:43">
      <c r="A38019" t="s">
        <v>23573</v>
      </c>
      <c r="B38019" t="s">
        <v>23574</v>
      </c>
      <c r="C38019" t="s">
        <v>23523</v>
      </c>
      <c r="D38019" t="s">
        <v>23524</v>
      </c>
      <c r="E38019" t="s">
        <v>23481</v>
      </c>
      <c r="F38019" t="s">
        <v>23482</v>
      </c>
      <c r="G38019" t="s">
        <v>11612</v>
      </c>
      <c r="H38019" t="s">
        <v>11613</v>
      </c>
      <c r="I38019" s="2">
        <v>0</v>
      </c>
      <c r="J38019" s="2">
        <v>0</v>
      </c>
      <c r="K38019" s="2">
        <v>1</v>
      </c>
      <c r="L38019" t="s">
        <v>995</v>
      </c>
      <c r="M38019" t="s">
        <v>87</v>
      </c>
      <c r="N38019" t="s">
        <v>88</v>
      </c>
      <c r="O38019" t="s">
        <v>85</v>
      </c>
      <c r="P38019" t="s">
        <v>86</v>
      </c>
      <c r="Q38019">
        <v>16</v>
      </c>
      <c r="R38019">
        <v>16</v>
      </c>
      <c r="S38019">
        <v>16</v>
      </c>
      <c r="T38019">
        <v>16</v>
      </c>
      <c r="U38019">
        <v>17</v>
      </c>
      <c r="V38019">
        <v>17</v>
      </c>
      <c r="W38019">
        <v>17</v>
      </c>
      <c r="X38019">
        <v>17</v>
      </c>
      <c r="Y38019">
        <v>18</v>
      </c>
      <c r="Z38019">
        <v>18</v>
      </c>
      <c r="AA38019">
        <v>18</v>
      </c>
      <c r="AB38019">
        <v>18</v>
      </c>
      <c r="AC38019">
        <v>19</v>
      </c>
      <c r="AD38019">
        <v>19</v>
      </c>
      <c r="AE38019">
        <v>19</v>
      </c>
      <c r="AF38019">
        <v>19</v>
      </c>
      <c r="AG38019">
        <v>20</v>
      </c>
      <c r="AH38019">
        <v>20</v>
      </c>
      <c r="AI38019">
        <v>20</v>
      </c>
      <c r="AJ38019">
        <v>21</v>
      </c>
      <c r="AK38019">
        <v>21</v>
      </c>
      <c r="AL38019">
        <v>21</v>
      </c>
      <c r="AM38019">
        <v>22</v>
      </c>
      <c r="AN38019">
        <v>22</v>
      </c>
      <c r="AO38019">
        <v>22</v>
      </c>
      <c r="AP38019">
        <v>22</v>
      </c>
      <c r="AQ38019">
        <v>23</v>
      </c>
    </row>
    <row r="38020" spans="1:43">
      <c r="A38020" t="s">
        <v>23573</v>
      </c>
      <c r="B38020" t="s">
        <v>23574</v>
      </c>
      <c r="C38020" t="s">
        <v>23523</v>
      </c>
      <c r="D38020" t="s">
        <v>23524</v>
      </c>
      <c r="E38020" t="s">
        <v>23481</v>
      </c>
      <c r="F38020" t="s">
        <v>23482</v>
      </c>
      <c r="G38020" t="s">
        <v>11612</v>
      </c>
      <c r="H38020" t="s">
        <v>11613</v>
      </c>
      <c r="I38020" s="2">
        <v>0</v>
      </c>
      <c r="J38020" s="2">
        <v>0</v>
      </c>
      <c r="K38020" s="2">
        <v>1</v>
      </c>
      <c r="L38020" t="s">
        <v>995</v>
      </c>
      <c r="M38020" t="s">
        <v>89</v>
      </c>
      <c r="N38020" t="s">
        <v>90</v>
      </c>
      <c r="O38020" t="s">
        <v>85</v>
      </c>
      <c r="P38020" t="s">
        <v>86</v>
      </c>
      <c r="Q38020">
        <v>16</v>
      </c>
      <c r="R38020">
        <v>16</v>
      </c>
      <c r="S38020">
        <v>17</v>
      </c>
      <c r="T38020">
        <v>17</v>
      </c>
      <c r="U38020">
        <v>18</v>
      </c>
      <c r="V38020">
        <v>19</v>
      </c>
      <c r="W38020">
        <v>19</v>
      </c>
      <c r="X38020">
        <v>20</v>
      </c>
      <c r="Y38020">
        <v>20</v>
      </c>
      <c r="Z38020">
        <v>21</v>
      </c>
      <c r="AA38020">
        <v>21</v>
      </c>
      <c r="AB38020">
        <v>22</v>
      </c>
      <c r="AC38020">
        <v>22</v>
      </c>
      <c r="AD38020">
        <v>23</v>
      </c>
      <c r="AE38020">
        <v>23</v>
      </c>
      <c r="AF38020">
        <v>23</v>
      </c>
      <c r="AG38020">
        <v>24</v>
      </c>
      <c r="AH38020">
        <v>24</v>
      </c>
      <c r="AI38020">
        <v>24</v>
      </c>
      <c r="AJ38020">
        <v>25</v>
      </c>
      <c r="AK38020">
        <v>25</v>
      </c>
      <c r="AL38020">
        <v>25</v>
      </c>
      <c r="AM38020">
        <v>25</v>
      </c>
      <c r="AN38020">
        <v>26</v>
      </c>
      <c r="AO38020">
        <v>26</v>
      </c>
      <c r="AP38020">
        <v>26</v>
      </c>
      <c r="AQ38020">
        <v>26</v>
      </c>
    </row>
    <row r="38021" spans="1:43">
      <c r="A38021" t="s">
        <v>23573</v>
      </c>
      <c r="B38021" t="s">
        <v>23574</v>
      </c>
      <c r="C38021" t="s">
        <v>23523</v>
      </c>
      <c r="D38021" t="s">
        <v>23524</v>
      </c>
      <c r="E38021" t="s">
        <v>23481</v>
      </c>
      <c r="F38021" t="s">
        <v>23482</v>
      </c>
      <c r="G38021" t="s">
        <v>11612</v>
      </c>
      <c r="H38021" t="s">
        <v>11613</v>
      </c>
      <c r="I38021" s="2">
        <v>0</v>
      </c>
      <c r="J38021" s="2">
        <v>0</v>
      </c>
      <c r="K38021" s="2">
        <v>1</v>
      </c>
      <c r="L38021" t="s">
        <v>995</v>
      </c>
      <c r="M38021" t="s">
        <v>83</v>
      </c>
      <c r="N38021" t="s">
        <v>91</v>
      </c>
      <c r="O38021" t="s">
        <v>85</v>
      </c>
      <c r="P38021" t="s">
        <v>86</v>
      </c>
      <c r="Q38021">
        <v>16</v>
      </c>
      <c r="R38021">
        <v>16</v>
      </c>
      <c r="S38021">
        <v>16</v>
      </c>
      <c r="T38021">
        <v>17</v>
      </c>
      <c r="U38021">
        <v>17</v>
      </c>
      <c r="V38021">
        <v>18</v>
      </c>
      <c r="W38021">
        <v>18</v>
      </c>
      <c r="X38021">
        <v>19</v>
      </c>
      <c r="Y38021">
        <v>19</v>
      </c>
      <c r="Z38021">
        <v>19</v>
      </c>
      <c r="AA38021">
        <v>20</v>
      </c>
      <c r="AB38021">
        <v>20</v>
      </c>
      <c r="AC38021">
        <v>21</v>
      </c>
      <c r="AD38021">
        <v>21</v>
      </c>
      <c r="AE38021">
        <v>22</v>
      </c>
      <c r="AF38021">
        <v>22</v>
      </c>
      <c r="AG38021">
        <v>23</v>
      </c>
      <c r="AH38021">
        <v>23</v>
      </c>
      <c r="AI38021">
        <v>24</v>
      </c>
      <c r="AJ38021">
        <v>24</v>
      </c>
      <c r="AK38021">
        <v>25</v>
      </c>
      <c r="AL38021">
        <v>25</v>
      </c>
      <c r="AM38021">
        <v>25</v>
      </c>
      <c r="AN38021">
        <v>25</v>
      </c>
      <c r="AO38021">
        <v>26</v>
      </c>
      <c r="AP38021">
        <v>26</v>
      </c>
      <c r="AQ38021">
        <v>26</v>
      </c>
    </row>
    <row r="38022" spans="1:43">
      <c r="A38022" t="s">
        <v>23575</v>
      </c>
      <c r="B38022" t="s">
        <v>23576</v>
      </c>
      <c r="C38022" t="s">
        <v>23577</v>
      </c>
      <c r="D38022" t="s">
        <v>23578</v>
      </c>
      <c r="E38022" t="s">
        <v>23481</v>
      </c>
      <c r="F38022" t="s">
        <v>23482</v>
      </c>
      <c r="G38022" t="s">
        <v>11612</v>
      </c>
      <c r="H38022" t="s">
        <v>11613</v>
      </c>
      <c r="I38022" s="2">
        <v>0</v>
      </c>
      <c r="J38022" s="2">
        <v>0</v>
      </c>
      <c r="K38022" s="2">
        <v>1</v>
      </c>
      <c r="L38022" t="s">
        <v>995</v>
      </c>
      <c r="M38022" t="s">
        <v>83</v>
      </c>
      <c r="N38022" t="s">
        <v>84</v>
      </c>
      <c r="O38022" t="s">
        <v>85</v>
      </c>
      <c r="P38022" t="s">
        <v>86</v>
      </c>
      <c r="Q38022">
        <v>33</v>
      </c>
      <c r="R38022">
        <v>33</v>
      </c>
      <c r="S38022">
        <v>34</v>
      </c>
      <c r="T38022">
        <v>34</v>
      </c>
      <c r="U38022">
        <v>34</v>
      </c>
      <c r="V38022">
        <v>35</v>
      </c>
      <c r="W38022">
        <v>35</v>
      </c>
      <c r="X38022">
        <v>36</v>
      </c>
      <c r="Y38022">
        <v>36</v>
      </c>
      <c r="Z38022">
        <v>37</v>
      </c>
      <c r="AA38022">
        <v>37</v>
      </c>
      <c r="AB38022">
        <v>37</v>
      </c>
      <c r="AC38022">
        <v>38</v>
      </c>
      <c r="AD38022">
        <v>38</v>
      </c>
      <c r="AE38022">
        <v>39</v>
      </c>
      <c r="AF38022">
        <v>39</v>
      </c>
      <c r="AG38022">
        <v>39</v>
      </c>
      <c r="AH38022">
        <v>40</v>
      </c>
      <c r="AI38022">
        <v>40</v>
      </c>
      <c r="AJ38022">
        <v>40</v>
      </c>
      <c r="AK38022">
        <v>41</v>
      </c>
      <c r="AL38022">
        <v>41</v>
      </c>
      <c r="AM38022">
        <v>41</v>
      </c>
      <c r="AN38022">
        <v>41</v>
      </c>
      <c r="AO38022">
        <v>41</v>
      </c>
      <c r="AP38022">
        <v>41</v>
      </c>
      <c r="AQ38022">
        <v>41</v>
      </c>
    </row>
    <row r="38023" spans="1:43">
      <c r="A38023" t="s">
        <v>23575</v>
      </c>
      <c r="B38023" t="s">
        <v>23576</v>
      </c>
      <c r="C38023" t="s">
        <v>23577</v>
      </c>
      <c r="D38023" t="s">
        <v>23578</v>
      </c>
      <c r="E38023" t="s">
        <v>23481</v>
      </c>
      <c r="F38023" t="s">
        <v>23482</v>
      </c>
      <c r="G38023" t="s">
        <v>11612</v>
      </c>
      <c r="H38023" t="s">
        <v>11613</v>
      </c>
      <c r="I38023" s="2">
        <v>0</v>
      </c>
      <c r="J38023" s="2">
        <v>0</v>
      </c>
      <c r="K38023" s="2">
        <v>1</v>
      </c>
      <c r="L38023" t="s">
        <v>995</v>
      </c>
      <c r="M38023" t="s">
        <v>87</v>
      </c>
      <c r="N38023" t="s">
        <v>88</v>
      </c>
      <c r="O38023" t="s">
        <v>85</v>
      </c>
      <c r="P38023" t="s">
        <v>86</v>
      </c>
      <c r="Q38023">
        <v>33</v>
      </c>
      <c r="R38023">
        <v>34</v>
      </c>
      <c r="S38023">
        <v>34</v>
      </c>
      <c r="T38023">
        <v>34</v>
      </c>
      <c r="U38023">
        <v>34</v>
      </c>
      <c r="V38023">
        <v>34</v>
      </c>
      <c r="W38023">
        <v>34</v>
      </c>
      <c r="X38023">
        <v>34</v>
      </c>
      <c r="Y38023">
        <v>34</v>
      </c>
      <c r="Z38023">
        <v>35</v>
      </c>
      <c r="AA38023">
        <v>35</v>
      </c>
      <c r="AB38023">
        <v>35</v>
      </c>
      <c r="AC38023">
        <v>35</v>
      </c>
      <c r="AD38023">
        <v>35</v>
      </c>
      <c r="AE38023">
        <v>35</v>
      </c>
      <c r="AF38023">
        <v>35</v>
      </c>
      <c r="AG38023">
        <v>35</v>
      </c>
      <c r="AH38023">
        <v>35</v>
      </c>
      <c r="AI38023">
        <v>36</v>
      </c>
      <c r="AJ38023">
        <v>36</v>
      </c>
      <c r="AK38023">
        <v>36</v>
      </c>
      <c r="AL38023">
        <v>36</v>
      </c>
      <c r="AM38023">
        <v>36</v>
      </c>
      <c r="AN38023">
        <v>36</v>
      </c>
      <c r="AO38023">
        <v>36</v>
      </c>
      <c r="AP38023">
        <v>36</v>
      </c>
      <c r="AQ38023">
        <v>36</v>
      </c>
    </row>
    <row r="38024" spans="1:43">
      <c r="A38024" t="s">
        <v>23575</v>
      </c>
      <c r="B38024" t="s">
        <v>23576</v>
      </c>
      <c r="C38024" t="s">
        <v>23577</v>
      </c>
      <c r="D38024" t="s">
        <v>23578</v>
      </c>
      <c r="E38024" t="s">
        <v>23481</v>
      </c>
      <c r="F38024" t="s">
        <v>23482</v>
      </c>
      <c r="G38024" t="s">
        <v>11612</v>
      </c>
      <c r="H38024" t="s">
        <v>11613</v>
      </c>
      <c r="I38024" s="2">
        <v>0</v>
      </c>
      <c r="J38024" s="2">
        <v>0</v>
      </c>
      <c r="K38024" s="2">
        <v>1</v>
      </c>
      <c r="L38024" t="s">
        <v>995</v>
      </c>
      <c r="M38024" t="s">
        <v>89</v>
      </c>
      <c r="N38024" t="s">
        <v>90</v>
      </c>
      <c r="O38024" t="s">
        <v>85</v>
      </c>
      <c r="P38024" t="s">
        <v>86</v>
      </c>
      <c r="Q38024">
        <v>33</v>
      </c>
      <c r="R38024">
        <v>34</v>
      </c>
      <c r="S38024">
        <v>35</v>
      </c>
      <c r="T38024">
        <v>35</v>
      </c>
      <c r="U38024">
        <v>36</v>
      </c>
      <c r="V38024">
        <v>37</v>
      </c>
      <c r="W38024">
        <v>37</v>
      </c>
      <c r="X38024">
        <v>38</v>
      </c>
      <c r="Y38024">
        <v>38</v>
      </c>
      <c r="Z38024">
        <v>39</v>
      </c>
      <c r="AA38024">
        <v>39</v>
      </c>
      <c r="AB38024">
        <v>40</v>
      </c>
      <c r="AC38024">
        <v>40</v>
      </c>
      <c r="AD38024">
        <v>41</v>
      </c>
      <c r="AE38024">
        <v>41</v>
      </c>
      <c r="AF38024">
        <v>41</v>
      </c>
      <c r="AG38024">
        <v>41</v>
      </c>
      <c r="AH38024">
        <v>41</v>
      </c>
      <c r="AI38024">
        <v>41</v>
      </c>
      <c r="AJ38024">
        <v>41</v>
      </c>
      <c r="AK38024">
        <v>41</v>
      </c>
      <c r="AL38024">
        <v>41</v>
      </c>
      <c r="AM38024">
        <v>41</v>
      </c>
      <c r="AN38024">
        <v>41</v>
      </c>
      <c r="AO38024">
        <v>41</v>
      </c>
      <c r="AP38024">
        <v>41</v>
      </c>
      <c r="AQ38024">
        <v>41</v>
      </c>
    </row>
    <row r="38025" spans="1:43">
      <c r="A38025" t="s">
        <v>23575</v>
      </c>
      <c r="B38025" t="s">
        <v>23576</v>
      </c>
      <c r="C38025" t="s">
        <v>23577</v>
      </c>
      <c r="D38025" t="s">
        <v>23578</v>
      </c>
      <c r="E38025" t="s">
        <v>23481</v>
      </c>
      <c r="F38025" t="s">
        <v>23482</v>
      </c>
      <c r="G38025" t="s">
        <v>11612</v>
      </c>
      <c r="H38025" t="s">
        <v>11613</v>
      </c>
      <c r="I38025" s="2">
        <v>0</v>
      </c>
      <c r="J38025" s="2">
        <v>0</v>
      </c>
      <c r="K38025" s="2">
        <v>1</v>
      </c>
      <c r="L38025" t="s">
        <v>995</v>
      </c>
      <c r="M38025" t="s">
        <v>83</v>
      </c>
      <c r="N38025" t="s">
        <v>91</v>
      </c>
      <c r="O38025" t="s">
        <v>85</v>
      </c>
      <c r="P38025" t="s">
        <v>86</v>
      </c>
      <c r="Q38025">
        <v>33</v>
      </c>
      <c r="R38025">
        <v>33</v>
      </c>
      <c r="S38025">
        <v>34</v>
      </c>
      <c r="T38025">
        <v>34</v>
      </c>
      <c r="U38025">
        <v>34</v>
      </c>
      <c r="V38025">
        <v>35</v>
      </c>
      <c r="W38025">
        <v>35</v>
      </c>
      <c r="X38025">
        <v>36</v>
      </c>
      <c r="Y38025">
        <v>36</v>
      </c>
      <c r="Z38025">
        <v>37</v>
      </c>
      <c r="AA38025">
        <v>37</v>
      </c>
      <c r="AB38025">
        <v>37</v>
      </c>
      <c r="AC38025">
        <v>38</v>
      </c>
      <c r="AD38025">
        <v>38</v>
      </c>
      <c r="AE38025">
        <v>39</v>
      </c>
      <c r="AF38025">
        <v>39</v>
      </c>
      <c r="AG38025">
        <v>39</v>
      </c>
      <c r="AH38025">
        <v>40</v>
      </c>
      <c r="AI38025">
        <v>40</v>
      </c>
      <c r="AJ38025">
        <v>40</v>
      </c>
      <c r="AK38025">
        <v>41</v>
      </c>
      <c r="AL38025">
        <v>41</v>
      </c>
      <c r="AM38025">
        <v>41</v>
      </c>
      <c r="AN38025">
        <v>41</v>
      </c>
      <c r="AO38025">
        <v>41</v>
      </c>
      <c r="AP38025">
        <v>41</v>
      </c>
      <c r="AQ38025">
        <v>41</v>
      </c>
    </row>
    <row r="38026" spans="1:43">
      <c r="A38026" t="s">
        <v>23579</v>
      </c>
      <c r="B38026" t="s">
        <v>23580</v>
      </c>
      <c r="C38026" t="s">
        <v>23577</v>
      </c>
      <c r="D38026" t="s">
        <v>23578</v>
      </c>
      <c r="E38026" t="s">
        <v>23481</v>
      </c>
      <c r="F38026" t="s">
        <v>23482</v>
      </c>
      <c r="G38026" t="s">
        <v>11612</v>
      </c>
      <c r="H38026" t="s">
        <v>11613</v>
      </c>
      <c r="I38026" s="2">
        <v>0</v>
      </c>
      <c r="J38026" s="2">
        <v>0</v>
      </c>
      <c r="K38026" s="2">
        <v>1</v>
      </c>
      <c r="L38026" t="s">
        <v>995</v>
      </c>
      <c r="M38026" t="s">
        <v>83</v>
      </c>
      <c r="N38026" t="s">
        <v>84</v>
      </c>
      <c r="O38026" t="s">
        <v>85</v>
      </c>
      <c r="P38026" t="s">
        <v>86</v>
      </c>
      <c r="Q38026">
        <v>47</v>
      </c>
      <c r="R38026">
        <v>48</v>
      </c>
      <c r="S38026">
        <v>50</v>
      </c>
      <c r="T38026">
        <v>51</v>
      </c>
      <c r="U38026">
        <v>52</v>
      </c>
      <c r="V38026">
        <v>53</v>
      </c>
      <c r="W38026">
        <v>54</v>
      </c>
      <c r="X38026">
        <v>56</v>
      </c>
      <c r="Y38026">
        <v>57</v>
      </c>
      <c r="Z38026">
        <v>58</v>
      </c>
      <c r="AA38026">
        <v>60</v>
      </c>
      <c r="AB38026">
        <v>61</v>
      </c>
      <c r="AC38026">
        <v>62</v>
      </c>
      <c r="AD38026">
        <v>64</v>
      </c>
      <c r="AE38026">
        <v>65</v>
      </c>
      <c r="AF38026">
        <v>66</v>
      </c>
      <c r="AG38026">
        <v>68</v>
      </c>
      <c r="AH38026">
        <v>69</v>
      </c>
      <c r="AI38026">
        <v>71</v>
      </c>
      <c r="AJ38026">
        <v>72</v>
      </c>
      <c r="AK38026">
        <v>74</v>
      </c>
      <c r="AL38026">
        <v>75</v>
      </c>
      <c r="AM38026">
        <v>76</v>
      </c>
      <c r="AN38026">
        <v>76</v>
      </c>
      <c r="AO38026">
        <v>77</v>
      </c>
      <c r="AP38026">
        <v>78</v>
      </c>
      <c r="AQ38026">
        <v>79</v>
      </c>
    </row>
    <row r="38027" spans="1:43">
      <c r="A38027" t="s">
        <v>23579</v>
      </c>
      <c r="B38027" t="s">
        <v>23580</v>
      </c>
      <c r="C38027" t="s">
        <v>23577</v>
      </c>
      <c r="D38027" t="s">
        <v>23578</v>
      </c>
      <c r="E38027" t="s">
        <v>23481</v>
      </c>
      <c r="F38027" t="s">
        <v>23482</v>
      </c>
      <c r="G38027" t="s">
        <v>11612</v>
      </c>
      <c r="H38027" t="s">
        <v>11613</v>
      </c>
      <c r="I38027" s="2">
        <v>0</v>
      </c>
      <c r="J38027" s="2">
        <v>0</v>
      </c>
      <c r="K38027" s="2">
        <v>1</v>
      </c>
      <c r="L38027" t="s">
        <v>995</v>
      </c>
      <c r="M38027" t="s">
        <v>87</v>
      </c>
      <c r="N38027" t="s">
        <v>88</v>
      </c>
      <c r="O38027" t="s">
        <v>85</v>
      </c>
      <c r="P38027" t="s">
        <v>86</v>
      </c>
      <c r="Q38027">
        <v>47</v>
      </c>
      <c r="R38027">
        <v>48</v>
      </c>
      <c r="S38027">
        <v>48</v>
      </c>
      <c r="T38027">
        <v>49</v>
      </c>
      <c r="U38027">
        <v>50</v>
      </c>
      <c r="V38027">
        <v>50</v>
      </c>
      <c r="W38027">
        <v>51</v>
      </c>
      <c r="X38027">
        <v>52</v>
      </c>
      <c r="Y38027">
        <v>53</v>
      </c>
      <c r="Z38027">
        <v>54</v>
      </c>
      <c r="AA38027">
        <v>54</v>
      </c>
      <c r="AB38027">
        <v>55</v>
      </c>
      <c r="AC38027">
        <v>56</v>
      </c>
      <c r="AD38027">
        <v>57</v>
      </c>
      <c r="AE38027">
        <v>58</v>
      </c>
      <c r="AF38027">
        <v>58</v>
      </c>
      <c r="AG38027">
        <v>59</v>
      </c>
      <c r="AH38027">
        <v>60</v>
      </c>
      <c r="AI38027">
        <v>61</v>
      </c>
      <c r="AJ38027">
        <v>62</v>
      </c>
      <c r="AK38027">
        <v>63</v>
      </c>
      <c r="AL38027">
        <v>64</v>
      </c>
      <c r="AM38027">
        <v>65</v>
      </c>
      <c r="AN38027">
        <v>66</v>
      </c>
      <c r="AO38027">
        <v>67</v>
      </c>
      <c r="AP38027">
        <v>68</v>
      </c>
      <c r="AQ38027">
        <v>69</v>
      </c>
    </row>
    <row r="38028" spans="1:43">
      <c r="A38028" t="s">
        <v>23579</v>
      </c>
      <c r="B38028" t="s">
        <v>23580</v>
      </c>
      <c r="C38028" t="s">
        <v>23577</v>
      </c>
      <c r="D38028" t="s">
        <v>23578</v>
      </c>
      <c r="E38028" t="s">
        <v>23481</v>
      </c>
      <c r="F38028" t="s">
        <v>23482</v>
      </c>
      <c r="G38028" t="s">
        <v>11612</v>
      </c>
      <c r="H38028" t="s">
        <v>11613</v>
      </c>
      <c r="I38028" s="2">
        <v>0</v>
      </c>
      <c r="J38028" s="2">
        <v>0</v>
      </c>
      <c r="K38028" s="2">
        <v>1</v>
      </c>
      <c r="L38028" t="s">
        <v>995</v>
      </c>
      <c r="M38028" t="s">
        <v>89</v>
      </c>
      <c r="N38028" t="s">
        <v>90</v>
      </c>
      <c r="O38028" t="s">
        <v>85</v>
      </c>
      <c r="P38028" t="s">
        <v>86</v>
      </c>
      <c r="Q38028">
        <v>47</v>
      </c>
      <c r="R38028">
        <v>48</v>
      </c>
      <c r="S38028">
        <v>50</v>
      </c>
      <c r="T38028">
        <v>51</v>
      </c>
      <c r="U38028">
        <v>53</v>
      </c>
      <c r="V38028">
        <v>55</v>
      </c>
      <c r="W38028">
        <v>56</v>
      </c>
      <c r="X38028">
        <v>58</v>
      </c>
      <c r="Y38028">
        <v>59</v>
      </c>
      <c r="Z38028">
        <v>61</v>
      </c>
      <c r="AA38028">
        <v>63</v>
      </c>
      <c r="AB38028">
        <v>64</v>
      </c>
      <c r="AC38028">
        <v>66</v>
      </c>
      <c r="AD38028">
        <v>67</v>
      </c>
      <c r="AE38028">
        <v>69</v>
      </c>
      <c r="AF38028">
        <v>70</v>
      </c>
      <c r="AG38028">
        <v>70</v>
      </c>
      <c r="AH38028">
        <v>71</v>
      </c>
      <c r="AI38028">
        <v>72</v>
      </c>
      <c r="AJ38028">
        <v>73</v>
      </c>
      <c r="AK38028">
        <v>74</v>
      </c>
      <c r="AL38028">
        <v>74</v>
      </c>
      <c r="AM38028">
        <v>75</v>
      </c>
      <c r="AN38028">
        <v>76</v>
      </c>
      <c r="AO38028">
        <v>77</v>
      </c>
      <c r="AP38028">
        <v>78</v>
      </c>
      <c r="AQ38028">
        <v>79</v>
      </c>
    </row>
    <row r="38029" spans="1:43">
      <c r="A38029" t="s">
        <v>23579</v>
      </c>
      <c r="B38029" t="s">
        <v>23580</v>
      </c>
      <c r="C38029" t="s">
        <v>23577</v>
      </c>
      <c r="D38029" t="s">
        <v>23578</v>
      </c>
      <c r="E38029" t="s">
        <v>23481</v>
      </c>
      <c r="F38029" t="s">
        <v>23482</v>
      </c>
      <c r="G38029" t="s">
        <v>11612</v>
      </c>
      <c r="H38029" t="s">
        <v>11613</v>
      </c>
      <c r="I38029" s="2">
        <v>0</v>
      </c>
      <c r="J38029" s="2">
        <v>0</v>
      </c>
      <c r="K38029" s="2">
        <v>1</v>
      </c>
      <c r="L38029" t="s">
        <v>995</v>
      </c>
      <c r="M38029" t="s">
        <v>83</v>
      </c>
      <c r="N38029" t="s">
        <v>91</v>
      </c>
      <c r="O38029" t="s">
        <v>85</v>
      </c>
      <c r="P38029" t="s">
        <v>86</v>
      </c>
      <c r="Q38029">
        <v>47</v>
      </c>
      <c r="R38029">
        <v>48</v>
      </c>
      <c r="S38029">
        <v>50</v>
      </c>
      <c r="T38029">
        <v>51</v>
      </c>
      <c r="U38029">
        <v>52</v>
      </c>
      <c r="V38029">
        <v>53</v>
      </c>
      <c r="W38029">
        <v>54</v>
      </c>
      <c r="X38029">
        <v>56</v>
      </c>
      <c r="Y38029">
        <v>57</v>
      </c>
      <c r="Z38029">
        <v>58</v>
      </c>
      <c r="AA38029">
        <v>60</v>
      </c>
      <c r="AB38029">
        <v>61</v>
      </c>
      <c r="AC38029">
        <v>62</v>
      </c>
      <c r="AD38029">
        <v>64</v>
      </c>
      <c r="AE38029">
        <v>65</v>
      </c>
      <c r="AF38029">
        <v>66</v>
      </c>
      <c r="AG38029">
        <v>68</v>
      </c>
      <c r="AH38029">
        <v>69</v>
      </c>
      <c r="AI38029">
        <v>71</v>
      </c>
      <c r="AJ38029">
        <v>72</v>
      </c>
      <c r="AK38029">
        <v>74</v>
      </c>
      <c r="AL38029">
        <v>75</v>
      </c>
      <c r="AM38029">
        <v>76</v>
      </c>
      <c r="AN38029">
        <v>76</v>
      </c>
      <c r="AO38029">
        <v>77</v>
      </c>
      <c r="AP38029">
        <v>78</v>
      </c>
      <c r="AQ38029">
        <v>79</v>
      </c>
    </row>
    <row r="38030" spans="1:43">
      <c r="A38030" t="s">
        <v>23581</v>
      </c>
      <c r="B38030" t="s">
        <v>23582</v>
      </c>
      <c r="C38030" t="s">
        <v>23577</v>
      </c>
      <c r="D38030" t="s">
        <v>23578</v>
      </c>
      <c r="E38030" t="s">
        <v>23481</v>
      </c>
      <c r="F38030" t="s">
        <v>23482</v>
      </c>
      <c r="G38030" t="s">
        <v>11612</v>
      </c>
      <c r="H38030" t="s">
        <v>11613</v>
      </c>
      <c r="I38030" s="2">
        <v>0</v>
      </c>
      <c r="J38030" s="2">
        <v>0</v>
      </c>
      <c r="K38030" s="2">
        <v>1</v>
      </c>
      <c r="L38030" t="s">
        <v>995</v>
      </c>
      <c r="M38030" t="s">
        <v>83</v>
      </c>
      <c r="N38030" t="s">
        <v>84</v>
      </c>
      <c r="O38030" t="s">
        <v>85</v>
      </c>
      <c r="P38030" t="s">
        <v>86</v>
      </c>
      <c r="Q38030">
        <v>27</v>
      </c>
      <c r="R38030">
        <v>28</v>
      </c>
      <c r="S38030">
        <v>29</v>
      </c>
      <c r="T38030">
        <v>29</v>
      </c>
      <c r="U38030">
        <v>30</v>
      </c>
      <c r="V38030">
        <v>31</v>
      </c>
      <c r="W38030">
        <v>32</v>
      </c>
      <c r="X38030">
        <v>32</v>
      </c>
      <c r="Y38030">
        <v>33</v>
      </c>
      <c r="Z38030">
        <v>34</v>
      </c>
      <c r="AA38030">
        <v>35</v>
      </c>
      <c r="AB38030">
        <v>35</v>
      </c>
      <c r="AC38030">
        <v>36</v>
      </c>
      <c r="AD38030">
        <v>37</v>
      </c>
      <c r="AE38030">
        <v>38</v>
      </c>
      <c r="AF38030">
        <v>39</v>
      </c>
      <c r="AG38030">
        <v>39</v>
      </c>
      <c r="AH38030">
        <v>40</v>
      </c>
      <c r="AI38030">
        <v>41</v>
      </c>
      <c r="AJ38030">
        <v>42</v>
      </c>
      <c r="AK38030">
        <v>43</v>
      </c>
      <c r="AL38030">
        <v>43</v>
      </c>
      <c r="AM38030">
        <v>44</v>
      </c>
      <c r="AN38030">
        <v>44</v>
      </c>
      <c r="AO38030">
        <v>45</v>
      </c>
      <c r="AP38030">
        <v>45</v>
      </c>
      <c r="AQ38030">
        <v>46</v>
      </c>
    </row>
    <row r="38031" spans="1:43">
      <c r="A38031" t="s">
        <v>23581</v>
      </c>
      <c r="B38031" t="s">
        <v>23582</v>
      </c>
      <c r="C38031" t="s">
        <v>23577</v>
      </c>
      <c r="D38031" t="s">
        <v>23578</v>
      </c>
      <c r="E38031" t="s">
        <v>23481</v>
      </c>
      <c r="F38031" t="s">
        <v>23482</v>
      </c>
      <c r="G38031" t="s">
        <v>11612</v>
      </c>
      <c r="H38031" t="s">
        <v>11613</v>
      </c>
      <c r="I38031" s="2">
        <v>0</v>
      </c>
      <c r="J38031" s="2">
        <v>0</v>
      </c>
      <c r="K38031" s="2">
        <v>1</v>
      </c>
      <c r="L38031" t="s">
        <v>995</v>
      </c>
      <c r="M38031" t="s">
        <v>87</v>
      </c>
      <c r="N38031" t="s">
        <v>88</v>
      </c>
      <c r="O38031" t="s">
        <v>85</v>
      </c>
      <c r="P38031" t="s">
        <v>86</v>
      </c>
      <c r="Q38031">
        <v>27</v>
      </c>
      <c r="R38031">
        <v>28</v>
      </c>
      <c r="S38031">
        <v>28</v>
      </c>
      <c r="T38031">
        <v>28</v>
      </c>
      <c r="U38031">
        <v>29</v>
      </c>
      <c r="V38031">
        <v>29</v>
      </c>
      <c r="W38031">
        <v>30</v>
      </c>
      <c r="X38031">
        <v>30</v>
      </c>
      <c r="Y38031">
        <v>31</v>
      </c>
      <c r="Z38031">
        <v>31</v>
      </c>
      <c r="AA38031">
        <v>32</v>
      </c>
      <c r="AB38031">
        <v>32</v>
      </c>
      <c r="AC38031">
        <v>32</v>
      </c>
      <c r="AD38031">
        <v>33</v>
      </c>
      <c r="AE38031">
        <v>33</v>
      </c>
      <c r="AF38031">
        <v>34</v>
      </c>
      <c r="AG38031">
        <v>34</v>
      </c>
      <c r="AH38031">
        <v>35</v>
      </c>
      <c r="AI38031">
        <v>35</v>
      </c>
      <c r="AJ38031">
        <v>36</v>
      </c>
      <c r="AK38031">
        <v>37</v>
      </c>
      <c r="AL38031">
        <v>37</v>
      </c>
      <c r="AM38031">
        <v>38</v>
      </c>
      <c r="AN38031">
        <v>38</v>
      </c>
      <c r="AO38031">
        <v>39</v>
      </c>
      <c r="AP38031">
        <v>39</v>
      </c>
      <c r="AQ38031">
        <v>40</v>
      </c>
    </row>
    <row r="38032" spans="1:43">
      <c r="A38032" t="s">
        <v>23581</v>
      </c>
      <c r="B38032" t="s">
        <v>23582</v>
      </c>
      <c r="C38032" t="s">
        <v>23577</v>
      </c>
      <c r="D38032" t="s">
        <v>23578</v>
      </c>
      <c r="E38032" t="s">
        <v>23481</v>
      </c>
      <c r="F38032" t="s">
        <v>23482</v>
      </c>
      <c r="G38032" t="s">
        <v>11612</v>
      </c>
      <c r="H38032" t="s">
        <v>11613</v>
      </c>
      <c r="I38032" s="2">
        <v>0</v>
      </c>
      <c r="J38032" s="2">
        <v>0</v>
      </c>
      <c r="K38032" s="2">
        <v>1</v>
      </c>
      <c r="L38032" t="s">
        <v>995</v>
      </c>
      <c r="M38032" t="s">
        <v>89</v>
      </c>
      <c r="N38032" t="s">
        <v>90</v>
      </c>
      <c r="O38032" t="s">
        <v>85</v>
      </c>
      <c r="P38032" t="s">
        <v>86</v>
      </c>
      <c r="Q38032">
        <v>27</v>
      </c>
      <c r="R38032">
        <v>28</v>
      </c>
      <c r="S38032">
        <v>29</v>
      </c>
      <c r="T38032">
        <v>29</v>
      </c>
      <c r="U38032">
        <v>30</v>
      </c>
      <c r="V38032">
        <v>31</v>
      </c>
      <c r="W38032">
        <v>32</v>
      </c>
      <c r="X38032">
        <v>33</v>
      </c>
      <c r="Y38032">
        <v>34</v>
      </c>
      <c r="Z38032">
        <v>35</v>
      </c>
      <c r="AA38032">
        <v>36</v>
      </c>
      <c r="AB38032">
        <v>37</v>
      </c>
      <c r="AC38032">
        <v>38</v>
      </c>
      <c r="AD38032">
        <v>39</v>
      </c>
      <c r="AE38032">
        <v>40</v>
      </c>
      <c r="AF38032">
        <v>40</v>
      </c>
      <c r="AG38032">
        <v>40</v>
      </c>
      <c r="AH38032">
        <v>41</v>
      </c>
      <c r="AI38032">
        <v>41</v>
      </c>
      <c r="AJ38032">
        <v>42</v>
      </c>
      <c r="AK38032">
        <v>42</v>
      </c>
      <c r="AL38032">
        <v>43</v>
      </c>
      <c r="AM38032">
        <v>43</v>
      </c>
      <c r="AN38032">
        <v>44</v>
      </c>
      <c r="AO38032">
        <v>44</v>
      </c>
      <c r="AP38032">
        <v>45</v>
      </c>
      <c r="AQ38032">
        <v>45</v>
      </c>
    </row>
    <row r="38033" spans="1:43">
      <c r="A38033" t="s">
        <v>23581</v>
      </c>
      <c r="B38033" t="s">
        <v>23582</v>
      </c>
      <c r="C38033" t="s">
        <v>23577</v>
      </c>
      <c r="D38033" t="s">
        <v>23578</v>
      </c>
      <c r="E38033" t="s">
        <v>23481</v>
      </c>
      <c r="F38033" t="s">
        <v>23482</v>
      </c>
      <c r="G38033" t="s">
        <v>11612</v>
      </c>
      <c r="H38033" t="s">
        <v>11613</v>
      </c>
      <c r="I38033" s="2">
        <v>0</v>
      </c>
      <c r="J38033" s="2">
        <v>0</v>
      </c>
      <c r="K38033" s="2">
        <v>1</v>
      </c>
      <c r="L38033" t="s">
        <v>995</v>
      </c>
      <c r="M38033" t="s">
        <v>83</v>
      </c>
      <c r="N38033" t="s">
        <v>91</v>
      </c>
      <c r="O38033" t="s">
        <v>85</v>
      </c>
      <c r="P38033" t="s">
        <v>86</v>
      </c>
      <c r="Q38033">
        <v>27</v>
      </c>
      <c r="R38033">
        <v>28</v>
      </c>
      <c r="S38033">
        <v>29</v>
      </c>
      <c r="T38033">
        <v>29</v>
      </c>
      <c r="U38033">
        <v>30</v>
      </c>
      <c r="V38033">
        <v>31</v>
      </c>
      <c r="W38033">
        <v>32</v>
      </c>
      <c r="X38033">
        <v>32</v>
      </c>
      <c r="Y38033">
        <v>33</v>
      </c>
      <c r="Z38033">
        <v>34</v>
      </c>
      <c r="AA38033">
        <v>35</v>
      </c>
      <c r="AB38033">
        <v>35</v>
      </c>
      <c r="AC38033">
        <v>36</v>
      </c>
      <c r="AD38033">
        <v>37</v>
      </c>
      <c r="AE38033">
        <v>38</v>
      </c>
      <c r="AF38033">
        <v>39</v>
      </c>
      <c r="AG38033">
        <v>39</v>
      </c>
      <c r="AH38033">
        <v>40</v>
      </c>
      <c r="AI38033">
        <v>41</v>
      </c>
      <c r="AJ38033">
        <v>42</v>
      </c>
      <c r="AK38033">
        <v>43</v>
      </c>
      <c r="AL38033">
        <v>43</v>
      </c>
      <c r="AM38033">
        <v>44</v>
      </c>
      <c r="AN38033">
        <v>44</v>
      </c>
      <c r="AO38033">
        <v>45</v>
      </c>
      <c r="AP38033">
        <v>45</v>
      </c>
      <c r="AQ38033">
        <v>46</v>
      </c>
    </row>
    <row r="38034" spans="1:43">
      <c r="A38034" t="s">
        <v>23583</v>
      </c>
      <c r="B38034" t="s">
        <v>23584</v>
      </c>
      <c r="C38034" t="s">
        <v>23585</v>
      </c>
      <c r="D38034" t="s">
        <v>23586</v>
      </c>
      <c r="E38034" t="s">
        <v>23481</v>
      </c>
      <c r="F38034" t="s">
        <v>23482</v>
      </c>
      <c r="G38034" t="s">
        <v>11612</v>
      </c>
      <c r="H38034" t="s">
        <v>11613</v>
      </c>
      <c r="I38034" s="2">
        <v>0</v>
      </c>
      <c r="J38034" s="2">
        <v>0</v>
      </c>
      <c r="K38034" s="2">
        <v>1</v>
      </c>
      <c r="L38034" t="s">
        <v>995</v>
      </c>
      <c r="M38034" t="s">
        <v>83</v>
      </c>
      <c r="N38034" t="s">
        <v>84</v>
      </c>
      <c r="O38034" t="s">
        <v>85</v>
      </c>
      <c r="P38034" t="s">
        <v>86</v>
      </c>
      <c r="Q38034">
        <v>27</v>
      </c>
      <c r="R38034">
        <v>28</v>
      </c>
      <c r="S38034">
        <v>28</v>
      </c>
      <c r="T38034">
        <v>29</v>
      </c>
      <c r="U38034">
        <v>30</v>
      </c>
      <c r="V38034">
        <v>30</v>
      </c>
      <c r="W38034">
        <v>31</v>
      </c>
      <c r="X38034">
        <v>32</v>
      </c>
      <c r="Y38034">
        <v>32</v>
      </c>
      <c r="Z38034">
        <v>33</v>
      </c>
      <c r="AA38034">
        <v>34</v>
      </c>
      <c r="AB38034">
        <v>35</v>
      </c>
      <c r="AC38034">
        <v>36</v>
      </c>
      <c r="AD38034">
        <v>36</v>
      </c>
      <c r="AE38034">
        <v>37</v>
      </c>
      <c r="AF38034">
        <v>38</v>
      </c>
      <c r="AG38034">
        <v>39</v>
      </c>
      <c r="AH38034">
        <v>40</v>
      </c>
      <c r="AI38034">
        <v>40</v>
      </c>
      <c r="AJ38034">
        <v>41</v>
      </c>
      <c r="AK38034">
        <v>42</v>
      </c>
      <c r="AL38034">
        <v>43</v>
      </c>
      <c r="AM38034">
        <v>43</v>
      </c>
      <c r="AN38034">
        <v>44</v>
      </c>
      <c r="AO38034">
        <v>44</v>
      </c>
      <c r="AP38034">
        <v>45</v>
      </c>
      <c r="AQ38034">
        <v>45</v>
      </c>
    </row>
    <row r="38035" spans="1:43">
      <c r="A38035" t="s">
        <v>23583</v>
      </c>
      <c r="B38035" t="s">
        <v>23584</v>
      </c>
      <c r="C38035" t="s">
        <v>23585</v>
      </c>
      <c r="D38035" t="s">
        <v>23586</v>
      </c>
      <c r="E38035" t="s">
        <v>23481</v>
      </c>
      <c r="F38035" t="s">
        <v>23482</v>
      </c>
      <c r="G38035" t="s">
        <v>11612</v>
      </c>
      <c r="H38035" t="s">
        <v>11613</v>
      </c>
      <c r="I38035" s="2">
        <v>0</v>
      </c>
      <c r="J38035" s="2">
        <v>0</v>
      </c>
      <c r="K38035" s="2">
        <v>1</v>
      </c>
      <c r="L38035" t="s">
        <v>995</v>
      </c>
      <c r="M38035" t="s">
        <v>87</v>
      </c>
      <c r="N38035" t="s">
        <v>88</v>
      </c>
      <c r="O38035" t="s">
        <v>85</v>
      </c>
      <c r="P38035" t="s">
        <v>86</v>
      </c>
      <c r="Q38035">
        <v>27</v>
      </c>
      <c r="R38035">
        <v>27</v>
      </c>
      <c r="S38035">
        <v>27</v>
      </c>
      <c r="T38035">
        <v>28</v>
      </c>
      <c r="U38035">
        <v>28</v>
      </c>
      <c r="V38035">
        <v>29</v>
      </c>
      <c r="W38035">
        <v>29</v>
      </c>
      <c r="X38035">
        <v>30</v>
      </c>
      <c r="Y38035">
        <v>30</v>
      </c>
      <c r="Z38035">
        <v>30</v>
      </c>
      <c r="AA38035">
        <v>31</v>
      </c>
      <c r="AB38035">
        <v>31</v>
      </c>
      <c r="AC38035">
        <v>32</v>
      </c>
      <c r="AD38035">
        <v>32</v>
      </c>
      <c r="AE38035">
        <v>33</v>
      </c>
      <c r="AF38035">
        <v>33</v>
      </c>
      <c r="AG38035">
        <v>34</v>
      </c>
      <c r="AH38035">
        <v>34</v>
      </c>
      <c r="AI38035">
        <v>35</v>
      </c>
      <c r="AJ38035">
        <v>35</v>
      </c>
      <c r="AK38035">
        <v>36</v>
      </c>
      <c r="AL38035">
        <v>36</v>
      </c>
      <c r="AM38035">
        <v>37</v>
      </c>
      <c r="AN38035">
        <v>37</v>
      </c>
      <c r="AO38035">
        <v>38</v>
      </c>
      <c r="AP38035">
        <v>39</v>
      </c>
      <c r="AQ38035">
        <v>39</v>
      </c>
    </row>
    <row r="38036" spans="1:43">
      <c r="A38036" t="s">
        <v>23583</v>
      </c>
      <c r="B38036" t="s">
        <v>23584</v>
      </c>
      <c r="C38036" t="s">
        <v>23585</v>
      </c>
      <c r="D38036" t="s">
        <v>23586</v>
      </c>
      <c r="E38036" t="s">
        <v>23481</v>
      </c>
      <c r="F38036" t="s">
        <v>23482</v>
      </c>
      <c r="G38036" t="s">
        <v>11612</v>
      </c>
      <c r="H38036" t="s">
        <v>11613</v>
      </c>
      <c r="I38036" s="2">
        <v>0</v>
      </c>
      <c r="J38036" s="2">
        <v>0</v>
      </c>
      <c r="K38036" s="2">
        <v>1</v>
      </c>
      <c r="L38036" t="s">
        <v>995</v>
      </c>
      <c r="M38036" t="s">
        <v>89</v>
      </c>
      <c r="N38036" t="s">
        <v>90</v>
      </c>
      <c r="O38036" t="s">
        <v>85</v>
      </c>
      <c r="P38036" t="s">
        <v>86</v>
      </c>
      <c r="Q38036">
        <v>27</v>
      </c>
      <c r="R38036">
        <v>28</v>
      </c>
      <c r="S38036">
        <v>29</v>
      </c>
      <c r="T38036">
        <v>30</v>
      </c>
      <c r="U38036">
        <v>31</v>
      </c>
      <c r="V38036">
        <v>32</v>
      </c>
      <c r="W38036">
        <v>33</v>
      </c>
      <c r="X38036">
        <v>34</v>
      </c>
      <c r="Y38036">
        <v>34</v>
      </c>
      <c r="Z38036">
        <v>35</v>
      </c>
      <c r="AA38036">
        <v>36</v>
      </c>
      <c r="AB38036">
        <v>37</v>
      </c>
      <c r="AC38036">
        <v>38</v>
      </c>
      <c r="AD38036">
        <v>39</v>
      </c>
      <c r="AE38036">
        <v>40</v>
      </c>
      <c r="AF38036">
        <v>40</v>
      </c>
      <c r="AG38036">
        <v>41</v>
      </c>
      <c r="AH38036">
        <v>41</v>
      </c>
      <c r="AI38036">
        <v>42</v>
      </c>
      <c r="AJ38036">
        <v>42</v>
      </c>
      <c r="AK38036">
        <v>42</v>
      </c>
      <c r="AL38036">
        <v>43</v>
      </c>
      <c r="AM38036">
        <v>43</v>
      </c>
      <c r="AN38036">
        <v>44</v>
      </c>
      <c r="AO38036">
        <v>44</v>
      </c>
      <c r="AP38036">
        <v>45</v>
      </c>
      <c r="AQ38036">
        <v>45</v>
      </c>
    </row>
    <row r="38037" spans="1:43">
      <c r="A38037" t="s">
        <v>23583</v>
      </c>
      <c r="B38037" t="s">
        <v>23584</v>
      </c>
      <c r="C38037" t="s">
        <v>23585</v>
      </c>
      <c r="D38037" t="s">
        <v>23586</v>
      </c>
      <c r="E38037" t="s">
        <v>23481</v>
      </c>
      <c r="F38037" t="s">
        <v>23482</v>
      </c>
      <c r="G38037" t="s">
        <v>11612</v>
      </c>
      <c r="H38037" t="s">
        <v>11613</v>
      </c>
      <c r="I38037" s="2">
        <v>0</v>
      </c>
      <c r="J38037" s="2">
        <v>0</v>
      </c>
      <c r="K38037" s="2">
        <v>1</v>
      </c>
      <c r="L38037" t="s">
        <v>995</v>
      </c>
      <c r="M38037" t="s">
        <v>83</v>
      </c>
      <c r="N38037" t="s">
        <v>91</v>
      </c>
      <c r="O38037" t="s">
        <v>85</v>
      </c>
      <c r="P38037" t="s">
        <v>86</v>
      </c>
      <c r="Q38037">
        <v>27</v>
      </c>
      <c r="R38037">
        <v>28</v>
      </c>
      <c r="S38037">
        <v>28</v>
      </c>
      <c r="T38037">
        <v>29</v>
      </c>
      <c r="U38037">
        <v>30</v>
      </c>
      <c r="V38037">
        <v>30</v>
      </c>
      <c r="W38037">
        <v>31</v>
      </c>
      <c r="X38037">
        <v>32</v>
      </c>
      <c r="Y38037">
        <v>32</v>
      </c>
      <c r="Z38037">
        <v>33</v>
      </c>
      <c r="AA38037">
        <v>34</v>
      </c>
      <c r="AB38037">
        <v>35</v>
      </c>
      <c r="AC38037">
        <v>36</v>
      </c>
      <c r="AD38037">
        <v>36</v>
      </c>
      <c r="AE38037">
        <v>37</v>
      </c>
      <c r="AF38037">
        <v>38</v>
      </c>
      <c r="AG38037">
        <v>39</v>
      </c>
      <c r="AH38037">
        <v>40</v>
      </c>
      <c r="AI38037">
        <v>40</v>
      </c>
      <c r="AJ38037">
        <v>41</v>
      </c>
      <c r="AK38037">
        <v>42</v>
      </c>
      <c r="AL38037">
        <v>43</v>
      </c>
      <c r="AM38037">
        <v>43</v>
      </c>
      <c r="AN38037">
        <v>44</v>
      </c>
      <c r="AO38037">
        <v>44</v>
      </c>
      <c r="AP38037">
        <v>45</v>
      </c>
      <c r="AQ38037">
        <v>45</v>
      </c>
    </row>
    <row r="38038" spans="1:43">
      <c r="A38038" t="s">
        <v>23587</v>
      </c>
      <c r="B38038" t="s">
        <v>23588</v>
      </c>
      <c r="C38038" t="s">
        <v>23585</v>
      </c>
      <c r="D38038" t="s">
        <v>23586</v>
      </c>
      <c r="E38038" t="s">
        <v>23481</v>
      </c>
      <c r="F38038" t="s">
        <v>23482</v>
      </c>
      <c r="G38038" t="s">
        <v>11612</v>
      </c>
      <c r="H38038" t="s">
        <v>11613</v>
      </c>
      <c r="I38038" s="2">
        <v>0</v>
      </c>
      <c r="J38038" s="2">
        <v>0</v>
      </c>
      <c r="K38038" s="2">
        <v>1</v>
      </c>
      <c r="L38038" t="s">
        <v>995</v>
      </c>
      <c r="M38038" t="s">
        <v>83</v>
      </c>
      <c r="N38038" t="s">
        <v>84</v>
      </c>
      <c r="O38038" t="s">
        <v>85</v>
      </c>
      <c r="P38038" t="s">
        <v>86</v>
      </c>
      <c r="Q38038">
        <v>13</v>
      </c>
      <c r="R38038">
        <v>13</v>
      </c>
      <c r="S38038">
        <v>13</v>
      </c>
      <c r="T38038">
        <v>14</v>
      </c>
      <c r="U38038">
        <v>14</v>
      </c>
      <c r="V38038">
        <v>14</v>
      </c>
      <c r="W38038">
        <v>15</v>
      </c>
      <c r="X38038">
        <v>15</v>
      </c>
      <c r="Y38038">
        <v>15</v>
      </c>
      <c r="Z38038">
        <v>16</v>
      </c>
      <c r="AA38038">
        <v>16</v>
      </c>
      <c r="AB38038">
        <v>16</v>
      </c>
      <c r="AC38038">
        <v>17</v>
      </c>
      <c r="AD38038">
        <v>17</v>
      </c>
      <c r="AE38038">
        <v>18</v>
      </c>
      <c r="AF38038">
        <v>18</v>
      </c>
      <c r="AG38038">
        <v>18</v>
      </c>
      <c r="AH38038">
        <v>19</v>
      </c>
      <c r="AI38038">
        <v>19</v>
      </c>
      <c r="AJ38038">
        <v>19</v>
      </c>
      <c r="AK38038">
        <v>20</v>
      </c>
      <c r="AL38038">
        <v>20</v>
      </c>
      <c r="AM38038">
        <v>20</v>
      </c>
      <c r="AN38038">
        <v>21</v>
      </c>
      <c r="AO38038">
        <v>21</v>
      </c>
      <c r="AP38038">
        <v>21</v>
      </c>
      <c r="AQ38038">
        <v>21</v>
      </c>
    </row>
    <row r="38039" spans="1:43">
      <c r="A38039" t="s">
        <v>23587</v>
      </c>
      <c r="B38039" t="s">
        <v>23588</v>
      </c>
      <c r="C38039" t="s">
        <v>23585</v>
      </c>
      <c r="D38039" t="s">
        <v>23586</v>
      </c>
      <c r="E38039" t="s">
        <v>23481</v>
      </c>
      <c r="F38039" t="s">
        <v>23482</v>
      </c>
      <c r="G38039" t="s">
        <v>11612</v>
      </c>
      <c r="H38039" t="s">
        <v>11613</v>
      </c>
      <c r="I38039" s="2">
        <v>0</v>
      </c>
      <c r="J38039" s="2">
        <v>0</v>
      </c>
      <c r="K38039" s="2">
        <v>1</v>
      </c>
      <c r="L38039" t="s">
        <v>995</v>
      </c>
      <c r="M38039" t="s">
        <v>87</v>
      </c>
      <c r="N38039" t="s">
        <v>88</v>
      </c>
      <c r="O38039" t="s">
        <v>85</v>
      </c>
      <c r="P38039" t="s">
        <v>86</v>
      </c>
      <c r="Q38039">
        <v>13</v>
      </c>
      <c r="R38039">
        <v>13</v>
      </c>
      <c r="S38039">
        <v>13</v>
      </c>
      <c r="T38039">
        <v>13</v>
      </c>
      <c r="U38039">
        <v>13</v>
      </c>
      <c r="V38039">
        <v>14</v>
      </c>
      <c r="W38039">
        <v>14</v>
      </c>
      <c r="X38039">
        <v>14</v>
      </c>
      <c r="Y38039">
        <v>14</v>
      </c>
      <c r="Z38039">
        <v>14</v>
      </c>
      <c r="AA38039">
        <v>15</v>
      </c>
      <c r="AB38039">
        <v>15</v>
      </c>
      <c r="AC38039">
        <v>15</v>
      </c>
      <c r="AD38039">
        <v>15</v>
      </c>
      <c r="AE38039">
        <v>16</v>
      </c>
      <c r="AF38039">
        <v>16</v>
      </c>
      <c r="AG38039">
        <v>16</v>
      </c>
      <c r="AH38039">
        <v>16</v>
      </c>
      <c r="AI38039">
        <v>16</v>
      </c>
      <c r="AJ38039">
        <v>17</v>
      </c>
      <c r="AK38039">
        <v>17</v>
      </c>
      <c r="AL38039">
        <v>17</v>
      </c>
      <c r="AM38039">
        <v>17</v>
      </c>
      <c r="AN38039">
        <v>18</v>
      </c>
      <c r="AO38039">
        <v>18</v>
      </c>
      <c r="AP38039">
        <v>18</v>
      </c>
      <c r="AQ38039">
        <v>18</v>
      </c>
    </row>
    <row r="38040" spans="1:43">
      <c r="A38040" t="s">
        <v>23587</v>
      </c>
      <c r="B38040" t="s">
        <v>23588</v>
      </c>
      <c r="C38040" t="s">
        <v>23585</v>
      </c>
      <c r="D38040" t="s">
        <v>23586</v>
      </c>
      <c r="E38040" t="s">
        <v>23481</v>
      </c>
      <c r="F38040" t="s">
        <v>23482</v>
      </c>
      <c r="G38040" t="s">
        <v>11612</v>
      </c>
      <c r="H38040" t="s">
        <v>11613</v>
      </c>
      <c r="I38040" s="2">
        <v>0</v>
      </c>
      <c r="J38040" s="2">
        <v>0</v>
      </c>
      <c r="K38040" s="2">
        <v>1</v>
      </c>
      <c r="L38040" t="s">
        <v>995</v>
      </c>
      <c r="M38040" t="s">
        <v>89</v>
      </c>
      <c r="N38040" t="s">
        <v>90</v>
      </c>
      <c r="O38040" t="s">
        <v>85</v>
      </c>
      <c r="P38040" t="s">
        <v>86</v>
      </c>
      <c r="Q38040">
        <v>13</v>
      </c>
      <c r="R38040">
        <v>13</v>
      </c>
      <c r="S38040">
        <v>14</v>
      </c>
      <c r="T38040">
        <v>14</v>
      </c>
      <c r="U38040">
        <v>15</v>
      </c>
      <c r="V38040">
        <v>15</v>
      </c>
      <c r="W38040">
        <v>15</v>
      </c>
      <c r="X38040">
        <v>16</v>
      </c>
      <c r="Y38040">
        <v>16</v>
      </c>
      <c r="Z38040">
        <v>17</v>
      </c>
      <c r="AA38040">
        <v>17</v>
      </c>
      <c r="AB38040">
        <v>18</v>
      </c>
      <c r="AC38040">
        <v>18</v>
      </c>
      <c r="AD38040">
        <v>18</v>
      </c>
      <c r="AE38040">
        <v>19</v>
      </c>
      <c r="AF38040">
        <v>19</v>
      </c>
      <c r="AG38040">
        <v>19</v>
      </c>
      <c r="AH38040">
        <v>19</v>
      </c>
      <c r="AI38040">
        <v>20</v>
      </c>
      <c r="AJ38040">
        <v>20</v>
      </c>
      <c r="AK38040">
        <v>20</v>
      </c>
      <c r="AL38040">
        <v>20</v>
      </c>
      <c r="AM38040">
        <v>21</v>
      </c>
      <c r="AN38040">
        <v>21</v>
      </c>
      <c r="AO38040">
        <v>21</v>
      </c>
      <c r="AP38040">
        <v>21</v>
      </c>
      <c r="AQ38040">
        <v>21</v>
      </c>
    </row>
    <row r="38041" spans="1:43">
      <c r="A38041" t="s">
        <v>23587</v>
      </c>
      <c r="B38041" t="s">
        <v>23588</v>
      </c>
      <c r="C38041" t="s">
        <v>23585</v>
      </c>
      <c r="D38041" t="s">
        <v>23586</v>
      </c>
      <c r="E38041" t="s">
        <v>23481</v>
      </c>
      <c r="F38041" t="s">
        <v>23482</v>
      </c>
      <c r="G38041" t="s">
        <v>11612</v>
      </c>
      <c r="H38041" t="s">
        <v>11613</v>
      </c>
      <c r="I38041" s="2">
        <v>0</v>
      </c>
      <c r="J38041" s="2">
        <v>0</v>
      </c>
      <c r="K38041" s="2">
        <v>1</v>
      </c>
      <c r="L38041" t="s">
        <v>995</v>
      </c>
      <c r="M38041" t="s">
        <v>83</v>
      </c>
      <c r="N38041" t="s">
        <v>91</v>
      </c>
      <c r="O38041" t="s">
        <v>85</v>
      </c>
      <c r="P38041" t="s">
        <v>86</v>
      </c>
      <c r="Q38041">
        <v>13</v>
      </c>
      <c r="R38041">
        <v>13</v>
      </c>
      <c r="S38041">
        <v>13</v>
      </c>
      <c r="T38041">
        <v>14</v>
      </c>
      <c r="U38041">
        <v>14</v>
      </c>
      <c r="V38041">
        <v>14</v>
      </c>
      <c r="W38041">
        <v>15</v>
      </c>
      <c r="X38041">
        <v>15</v>
      </c>
      <c r="Y38041">
        <v>15</v>
      </c>
      <c r="Z38041">
        <v>16</v>
      </c>
      <c r="AA38041">
        <v>16</v>
      </c>
      <c r="AB38041">
        <v>16</v>
      </c>
      <c r="AC38041">
        <v>17</v>
      </c>
      <c r="AD38041">
        <v>17</v>
      </c>
      <c r="AE38041">
        <v>18</v>
      </c>
      <c r="AF38041">
        <v>18</v>
      </c>
      <c r="AG38041">
        <v>18</v>
      </c>
      <c r="AH38041">
        <v>19</v>
      </c>
      <c r="AI38041">
        <v>19</v>
      </c>
      <c r="AJ38041">
        <v>19</v>
      </c>
      <c r="AK38041">
        <v>20</v>
      </c>
      <c r="AL38041">
        <v>20</v>
      </c>
      <c r="AM38041">
        <v>20</v>
      </c>
      <c r="AN38041">
        <v>21</v>
      </c>
      <c r="AO38041">
        <v>21</v>
      </c>
      <c r="AP38041">
        <v>21</v>
      </c>
      <c r="AQ38041">
        <v>21</v>
      </c>
    </row>
    <row r="38042" spans="1:43">
      <c r="A38042" t="s">
        <v>23589</v>
      </c>
      <c r="B38042" t="s">
        <v>23590</v>
      </c>
      <c r="C38042" t="s">
        <v>23561</v>
      </c>
      <c r="D38042" t="s">
        <v>23562</v>
      </c>
      <c r="E38042" t="s">
        <v>23481</v>
      </c>
      <c r="F38042" t="s">
        <v>23482</v>
      </c>
      <c r="G38042" t="s">
        <v>11612</v>
      </c>
      <c r="H38042" t="s">
        <v>11613</v>
      </c>
      <c r="I38042" s="2">
        <v>0</v>
      </c>
      <c r="J38042" s="2">
        <v>0</v>
      </c>
      <c r="K38042" s="2">
        <v>1</v>
      </c>
      <c r="L38042" t="s">
        <v>995</v>
      </c>
      <c r="M38042" t="s">
        <v>83</v>
      </c>
      <c r="N38042" t="s">
        <v>84</v>
      </c>
      <c r="O38042" t="s">
        <v>85</v>
      </c>
      <c r="P38042" t="s">
        <v>86</v>
      </c>
      <c r="Q38042">
        <v>41</v>
      </c>
      <c r="R38042">
        <v>42</v>
      </c>
      <c r="S38042">
        <v>43</v>
      </c>
      <c r="T38042">
        <v>44</v>
      </c>
      <c r="U38042">
        <v>45</v>
      </c>
      <c r="V38042">
        <v>46</v>
      </c>
      <c r="W38042">
        <v>47</v>
      </c>
      <c r="X38042">
        <v>48</v>
      </c>
      <c r="Y38042">
        <v>49</v>
      </c>
      <c r="Z38042">
        <v>50</v>
      </c>
      <c r="AA38042">
        <v>51</v>
      </c>
      <c r="AB38042">
        <v>52</v>
      </c>
      <c r="AC38042">
        <v>53</v>
      </c>
      <c r="AD38042">
        <v>54</v>
      </c>
      <c r="AE38042">
        <v>55</v>
      </c>
      <c r="AF38042">
        <v>57</v>
      </c>
      <c r="AG38042">
        <v>58</v>
      </c>
      <c r="AH38042">
        <v>59</v>
      </c>
      <c r="AI38042">
        <v>60</v>
      </c>
      <c r="AJ38042">
        <v>61</v>
      </c>
      <c r="AK38042">
        <v>63</v>
      </c>
      <c r="AL38042">
        <v>63</v>
      </c>
      <c r="AM38042">
        <v>64</v>
      </c>
      <c r="AN38042">
        <v>65</v>
      </c>
      <c r="AO38042">
        <v>65</v>
      </c>
      <c r="AP38042">
        <v>66</v>
      </c>
      <c r="AQ38042">
        <v>67</v>
      </c>
    </row>
    <row r="38043" spans="1:43">
      <c r="A38043" t="s">
        <v>23589</v>
      </c>
      <c r="B38043" t="s">
        <v>23590</v>
      </c>
      <c r="C38043" t="s">
        <v>23561</v>
      </c>
      <c r="D38043" t="s">
        <v>23562</v>
      </c>
      <c r="E38043" t="s">
        <v>23481</v>
      </c>
      <c r="F38043" t="s">
        <v>23482</v>
      </c>
      <c r="G38043" t="s">
        <v>11612</v>
      </c>
      <c r="H38043" t="s">
        <v>11613</v>
      </c>
      <c r="I38043" s="2">
        <v>0</v>
      </c>
      <c r="J38043" s="2">
        <v>0</v>
      </c>
      <c r="K38043" s="2">
        <v>1</v>
      </c>
      <c r="L38043" t="s">
        <v>995</v>
      </c>
      <c r="M38043" t="s">
        <v>87</v>
      </c>
      <c r="N38043" t="s">
        <v>88</v>
      </c>
      <c r="O38043" t="s">
        <v>85</v>
      </c>
      <c r="P38043" t="s">
        <v>86</v>
      </c>
      <c r="Q38043">
        <v>41</v>
      </c>
      <c r="R38043">
        <v>42</v>
      </c>
      <c r="S38043">
        <v>42</v>
      </c>
      <c r="T38043">
        <v>43</v>
      </c>
      <c r="U38043">
        <v>44</v>
      </c>
      <c r="V38043">
        <v>44</v>
      </c>
      <c r="W38043">
        <v>45</v>
      </c>
      <c r="X38043">
        <v>46</v>
      </c>
      <c r="Y38043">
        <v>46</v>
      </c>
      <c r="Z38043">
        <v>47</v>
      </c>
      <c r="AA38043">
        <v>47</v>
      </c>
      <c r="AB38043">
        <v>48</v>
      </c>
      <c r="AC38043">
        <v>49</v>
      </c>
      <c r="AD38043">
        <v>49</v>
      </c>
      <c r="AE38043">
        <v>50</v>
      </c>
      <c r="AF38043">
        <v>51</v>
      </c>
      <c r="AG38043">
        <v>52</v>
      </c>
      <c r="AH38043">
        <v>52</v>
      </c>
      <c r="AI38043">
        <v>53</v>
      </c>
      <c r="AJ38043">
        <v>54</v>
      </c>
      <c r="AK38043">
        <v>55</v>
      </c>
      <c r="AL38043">
        <v>55</v>
      </c>
      <c r="AM38043">
        <v>56</v>
      </c>
      <c r="AN38043">
        <v>57</v>
      </c>
      <c r="AO38043">
        <v>58</v>
      </c>
      <c r="AP38043">
        <v>58</v>
      </c>
      <c r="AQ38043">
        <v>59</v>
      </c>
    </row>
    <row r="38044" spans="1:43">
      <c r="A38044" t="s">
        <v>23589</v>
      </c>
      <c r="B38044" t="s">
        <v>23590</v>
      </c>
      <c r="C38044" t="s">
        <v>23561</v>
      </c>
      <c r="D38044" t="s">
        <v>23562</v>
      </c>
      <c r="E38044" t="s">
        <v>23481</v>
      </c>
      <c r="F38044" t="s">
        <v>23482</v>
      </c>
      <c r="G38044" t="s">
        <v>11612</v>
      </c>
      <c r="H38044" t="s">
        <v>11613</v>
      </c>
      <c r="I38044" s="2">
        <v>0</v>
      </c>
      <c r="J38044" s="2">
        <v>0</v>
      </c>
      <c r="K38044" s="2">
        <v>1</v>
      </c>
      <c r="L38044" t="s">
        <v>995</v>
      </c>
      <c r="M38044" t="s">
        <v>89</v>
      </c>
      <c r="N38044" t="s">
        <v>90</v>
      </c>
      <c r="O38044" t="s">
        <v>85</v>
      </c>
      <c r="P38044" t="s">
        <v>86</v>
      </c>
      <c r="Q38044">
        <v>41</v>
      </c>
      <c r="R38044">
        <v>42</v>
      </c>
      <c r="S38044">
        <v>44</v>
      </c>
      <c r="T38044">
        <v>45</v>
      </c>
      <c r="U38044">
        <v>46</v>
      </c>
      <c r="V38044">
        <v>48</v>
      </c>
      <c r="W38044">
        <v>49</v>
      </c>
      <c r="X38044">
        <v>50</v>
      </c>
      <c r="Y38044">
        <v>52</v>
      </c>
      <c r="Z38044">
        <v>53</v>
      </c>
      <c r="AA38044">
        <v>54</v>
      </c>
      <c r="AB38044">
        <v>56</v>
      </c>
      <c r="AC38044">
        <v>57</v>
      </c>
      <c r="AD38044">
        <v>58</v>
      </c>
      <c r="AE38044">
        <v>59</v>
      </c>
      <c r="AF38044">
        <v>60</v>
      </c>
      <c r="AG38044">
        <v>61</v>
      </c>
      <c r="AH38044">
        <v>61</v>
      </c>
      <c r="AI38044">
        <v>62</v>
      </c>
      <c r="AJ38044">
        <v>62</v>
      </c>
      <c r="AK38044">
        <v>63</v>
      </c>
      <c r="AL38044">
        <v>64</v>
      </c>
      <c r="AM38044">
        <v>64</v>
      </c>
      <c r="AN38044">
        <v>65</v>
      </c>
      <c r="AO38044">
        <v>66</v>
      </c>
      <c r="AP38044">
        <v>66</v>
      </c>
      <c r="AQ38044">
        <v>67</v>
      </c>
    </row>
    <row r="38045" spans="1:43">
      <c r="A38045" t="s">
        <v>23589</v>
      </c>
      <c r="B38045" t="s">
        <v>23590</v>
      </c>
      <c r="C38045" t="s">
        <v>23561</v>
      </c>
      <c r="D38045" t="s">
        <v>23562</v>
      </c>
      <c r="E38045" t="s">
        <v>23481</v>
      </c>
      <c r="F38045" t="s">
        <v>23482</v>
      </c>
      <c r="G38045" t="s">
        <v>11612</v>
      </c>
      <c r="H38045" t="s">
        <v>11613</v>
      </c>
      <c r="I38045" s="2">
        <v>0</v>
      </c>
      <c r="J38045" s="2">
        <v>0</v>
      </c>
      <c r="K38045" s="2">
        <v>1</v>
      </c>
      <c r="L38045" t="s">
        <v>995</v>
      </c>
      <c r="M38045" t="s">
        <v>83</v>
      </c>
      <c r="N38045" t="s">
        <v>91</v>
      </c>
      <c r="O38045" t="s">
        <v>85</v>
      </c>
      <c r="P38045" t="s">
        <v>86</v>
      </c>
      <c r="Q38045">
        <v>41</v>
      </c>
      <c r="R38045">
        <v>42</v>
      </c>
      <c r="S38045">
        <v>43</v>
      </c>
      <c r="T38045">
        <v>44</v>
      </c>
      <c r="U38045">
        <v>45</v>
      </c>
      <c r="V38045">
        <v>46</v>
      </c>
      <c r="W38045">
        <v>47</v>
      </c>
      <c r="X38045">
        <v>48</v>
      </c>
      <c r="Y38045">
        <v>49</v>
      </c>
      <c r="Z38045">
        <v>50</v>
      </c>
      <c r="AA38045">
        <v>51</v>
      </c>
      <c r="AB38045">
        <v>52</v>
      </c>
      <c r="AC38045">
        <v>53</v>
      </c>
      <c r="AD38045">
        <v>54</v>
      </c>
      <c r="AE38045">
        <v>55</v>
      </c>
      <c r="AF38045">
        <v>57</v>
      </c>
      <c r="AG38045">
        <v>58</v>
      </c>
      <c r="AH38045">
        <v>59</v>
      </c>
      <c r="AI38045">
        <v>60</v>
      </c>
      <c r="AJ38045">
        <v>61</v>
      </c>
      <c r="AK38045">
        <v>63</v>
      </c>
      <c r="AL38045">
        <v>63</v>
      </c>
      <c r="AM38045">
        <v>64</v>
      </c>
      <c r="AN38045">
        <v>65</v>
      </c>
      <c r="AO38045">
        <v>65</v>
      </c>
      <c r="AP38045">
        <v>66</v>
      </c>
      <c r="AQ38045">
        <v>67</v>
      </c>
    </row>
    <row r="38046" spans="1:43">
      <c r="A38046" t="s">
        <v>23591</v>
      </c>
      <c r="B38046" t="s">
        <v>23592</v>
      </c>
      <c r="C38046" t="s">
        <v>23561</v>
      </c>
      <c r="D38046" t="s">
        <v>23562</v>
      </c>
      <c r="E38046" t="s">
        <v>23481</v>
      </c>
      <c r="F38046" t="s">
        <v>23482</v>
      </c>
      <c r="G38046" t="s">
        <v>11612</v>
      </c>
      <c r="H38046" t="s">
        <v>11613</v>
      </c>
      <c r="I38046" s="2">
        <v>0</v>
      </c>
      <c r="J38046" s="2">
        <v>0</v>
      </c>
      <c r="K38046" s="2">
        <v>1</v>
      </c>
      <c r="L38046" t="s">
        <v>995</v>
      </c>
      <c r="M38046" t="s">
        <v>83</v>
      </c>
      <c r="N38046" t="s">
        <v>84</v>
      </c>
      <c r="O38046" t="s">
        <v>85</v>
      </c>
      <c r="P38046" t="s">
        <v>86</v>
      </c>
      <c r="Q38046">
        <v>32</v>
      </c>
      <c r="R38046">
        <v>32</v>
      </c>
      <c r="S38046">
        <v>33</v>
      </c>
      <c r="T38046">
        <v>34</v>
      </c>
      <c r="U38046">
        <v>35</v>
      </c>
      <c r="V38046">
        <v>36</v>
      </c>
      <c r="W38046">
        <v>36</v>
      </c>
      <c r="X38046">
        <v>37</v>
      </c>
      <c r="Y38046">
        <v>38</v>
      </c>
      <c r="Z38046">
        <v>39</v>
      </c>
      <c r="AA38046">
        <v>40</v>
      </c>
      <c r="AB38046">
        <v>41</v>
      </c>
      <c r="AC38046">
        <v>41</v>
      </c>
      <c r="AD38046">
        <v>42</v>
      </c>
      <c r="AE38046">
        <v>43</v>
      </c>
      <c r="AF38046">
        <v>44</v>
      </c>
      <c r="AG38046">
        <v>45</v>
      </c>
      <c r="AH38046">
        <v>46</v>
      </c>
      <c r="AI38046">
        <v>47</v>
      </c>
      <c r="AJ38046">
        <v>48</v>
      </c>
      <c r="AK38046">
        <v>49</v>
      </c>
      <c r="AL38046">
        <v>49</v>
      </c>
      <c r="AM38046">
        <v>50</v>
      </c>
      <c r="AN38046">
        <v>50</v>
      </c>
      <c r="AO38046">
        <v>51</v>
      </c>
      <c r="AP38046">
        <v>51</v>
      </c>
      <c r="AQ38046">
        <v>52</v>
      </c>
    </row>
    <row r="38047" spans="1:43">
      <c r="A38047" t="s">
        <v>23591</v>
      </c>
      <c r="B38047" t="s">
        <v>23592</v>
      </c>
      <c r="C38047" t="s">
        <v>23561</v>
      </c>
      <c r="D38047" t="s">
        <v>23562</v>
      </c>
      <c r="E38047" t="s">
        <v>23481</v>
      </c>
      <c r="F38047" t="s">
        <v>23482</v>
      </c>
      <c r="G38047" t="s">
        <v>11612</v>
      </c>
      <c r="H38047" t="s">
        <v>11613</v>
      </c>
      <c r="I38047" s="2">
        <v>0</v>
      </c>
      <c r="J38047" s="2">
        <v>0</v>
      </c>
      <c r="K38047" s="2">
        <v>1</v>
      </c>
      <c r="L38047" t="s">
        <v>995</v>
      </c>
      <c r="M38047" t="s">
        <v>87</v>
      </c>
      <c r="N38047" t="s">
        <v>88</v>
      </c>
      <c r="O38047" t="s">
        <v>85</v>
      </c>
      <c r="P38047" t="s">
        <v>86</v>
      </c>
      <c r="Q38047">
        <v>32</v>
      </c>
      <c r="R38047">
        <v>33</v>
      </c>
      <c r="S38047">
        <v>33</v>
      </c>
      <c r="T38047">
        <v>34</v>
      </c>
      <c r="U38047">
        <v>34</v>
      </c>
      <c r="V38047">
        <v>35</v>
      </c>
      <c r="W38047">
        <v>35</v>
      </c>
      <c r="X38047">
        <v>36</v>
      </c>
      <c r="Y38047">
        <v>36</v>
      </c>
      <c r="Z38047">
        <v>37</v>
      </c>
      <c r="AA38047">
        <v>37</v>
      </c>
      <c r="AB38047">
        <v>38</v>
      </c>
      <c r="AC38047">
        <v>38</v>
      </c>
      <c r="AD38047">
        <v>39</v>
      </c>
      <c r="AE38047">
        <v>39</v>
      </c>
      <c r="AF38047">
        <v>40</v>
      </c>
      <c r="AG38047">
        <v>40</v>
      </c>
      <c r="AH38047">
        <v>41</v>
      </c>
      <c r="AI38047">
        <v>42</v>
      </c>
      <c r="AJ38047">
        <v>42</v>
      </c>
      <c r="AK38047">
        <v>43</v>
      </c>
      <c r="AL38047">
        <v>43</v>
      </c>
      <c r="AM38047">
        <v>44</v>
      </c>
      <c r="AN38047">
        <v>44</v>
      </c>
      <c r="AO38047">
        <v>45</v>
      </c>
      <c r="AP38047">
        <v>46</v>
      </c>
      <c r="AQ38047">
        <v>46</v>
      </c>
    </row>
    <row r="38048" spans="1:43">
      <c r="A38048" t="s">
        <v>23591</v>
      </c>
      <c r="B38048" t="s">
        <v>23592</v>
      </c>
      <c r="C38048" t="s">
        <v>23561</v>
      </c>
      <c r="D38048" t="s">
        <v>23562</v>
      </c>
      <c r="E38048" t="s">
        <v>23481</v>
      </c>
      <c r="F38048" t="s">
        <v>23482</v>
      </c>
      <c r="G38048" t="s">
        <v>11612</v>
      </c>
      <c r="H38048" t="s">
        <v>11613</v>
      </c>
      <c r="I38048" s="2">
        <v>0</v>
      </c>
      <c r="J38048" s="2">
        <v>0</v>
      </c>
      <c r="K38048" s="2">
        <v>1</v>
      </c>
      <c r="L38048" t="s">
        <v>995</v>
      </c>
      <c r="M38048" t="s">
        <v>89</v>
      </c>
      <c r="N38048" t="s">
        <v>90</v>
      </c>
      <c r="O38048" t="s">
        <v>85</v>
      </c>
      <c r="P38048" t="s">
        <v>86</v>
      </c>
      <c r="Q38048">
        <v>32</v>
      </c>
      <c r="R38048">
        <v>33</v>
      </c>
      <c r="S38048">
        <v>34</v>
      </c>
      <c r="T38048">
        <v>35</v>
      </c>
      <c r="U38048">
        <v>36</v>
      </c>
      <c r="V38048">
        <v>37</v>
      </c>
      <c r="W38048">
        <v>38</v>
      </c>
      <c r="X38048">
        <v>39</v>
      </c>
      <c r="Y38048">
        <v>40</v>
      </c>
      <c r="Z38048">
        <v>41</v>
      </c>
      <c r="AA38048">
        <v>42</v>
      </c>
      <c r="AB38048">
        <v>43</v>
      </c>
      <c r="AC38048">
        <v>44</v>
      </c>
      <c r="AD38048">
        <v>45</v>
      </c>
      <c r="AE38048">
        <v>46</v>
      </c>
      <c r="AF38048">
        <v>47</v>
      </c>
      <c r="AG38048">
        <v>47</v>
      </c>
      <c r="AH38048">
        <v>48</v>
      </c>
      <c r="AI38048">
        <v>48</v>
      </c>
      <c r="AJ38048">
        <v>49</v>
      </c>
      <c r="AK38048">
        <v>49</v>
      </c>
      <c r="AL38048">
        <v>50</v>
      </c>
      <c r="AM38048">
        <v>50</v>
      </c>
      <c r="AN38048">
        <v>51</v>
      </c>
      <c r="AO38048">
        <v>51</v>
      </c>
      <c r="AP38048">
        <v>52</v>
      </c>
      <c r="AQ38048">
        <v>52</v>
      </c>
    </row>
    <row r="38049" spans="1:43">
      <c r="A38049" t="s">
        <v>23591</v>
      </c>
      <c r="B38049" t="s">
        <v>23592</v>
      </c>
      <c r="C38049" t="s">
        <v>23561</v>
      </c>
      <c r="D38049" t="s">
        <v>23562</v>
      </c>
      <c r="E38049" t="s">
        <v>23481</v>
      </c>
      <c r="F38049" t="s">
        <v>23482</v>
      </c>
      <c r="G38049" t="s">
        <v>11612</v>
      </c>
      <c r="H38049" t="s">
        <v>11613</v>
      </c>
      <c r="I38049" s="2">
        <v>0</v>
      </c>
      <c r="J38049" s="2">
        <v>0</v>
      </c>
      <c r="K38049" s="2">
        <v>1</v>
      </c>
      <c r="L38049" t="s">
        <v>995</v>
      </c>
      <c r="M38049" t="s">
        <v>83</v>
      </c>
      <c r="N38049" t="s">
        <v>91</v>
      </c>
      <c r="O38049" t="s">
        <v>85</v>
      </c>
      <c r="P38049" t="s">
        <v>86</v>
      </c>
      <c r="Q38049">
        <v>32</v>
      </c>
      <c r="R38049">
        <v>32</v>
      </c>
      <c r="S38049">
        <v>33</v>
      </c>
      <c r="T38049">
        <v>34</v>
      </c>
      <c r="U38049">
        <v>35</v>
      </c>
      <c r="V38049">
        <v>36</v>
      </c>
      <c r="W38049">
        <v>36</v>
      </c>
      <c r="X38049">
        <v>37</v>
      </c>
      <c r="Y38049">
        <v>38</v>
      </c>
      <c r="Z38049">
        <v>39</v>
      </c>
      <c r="AA38049">
        <v>40</v>
      </c>
      <c r="AB38049">
        <v>41</v>
      </c>
      <c r="AC38049">
        <v>41</v>
      </c>
      <c r="AD38049">
        <v>42</v>
      </c>
      <c r="AE38049">
        <v>43</v>
      </c>
      <c r="AF38049">
        <v>44</v>
      </c>
      <c r="AG38049">
        <v>45</v>
      </c>
      <c r="AH38049">
        <v>46</v>
      </c>
      <c r="AI38049">
        <v>47</v>
      </c>
      <c r="AJ38049">
        <v>48</v>
      </c>
      <c r="AK38049">
        <v>49</v>
      </c>
      <c r="AL38049">
        <v>49</v>
      </c>
      <c r="AM38049">
        <v>50</v>
      </c>
      <c r="AN38049">
        <v>50</v>
      </c>
      <c r="AO38049">
        <v>51</v>
      </c>
      <c r="AP38049">
        <v>51</v>
      </c>
      <c r="AQ38049">
        <v>52</v>
      </c>
    </row>
    <row r="38050" spans="1:43">
      <c r="A38050" t="s">
        <v>23593</v>
      </c>
      <c r="B38050" t="s">
        <v>23594</v>
      </c>
      <c r="C38050" t="s">
        <v>23585</v>
      </c>
      <c r="D38050" t="s">
        <v>23586</v>
      </c>
      <c r="E38050" t="s">
        <v>23481</v>
      </c>
      <c r="F38050" t="s">
        <v>23482</v>
      </c>
      <c r="G38050" t="s">
        <v>11612</v>
      </c>
      <c r="H38050" t="s">
        <v>11613</v>
      </c>
      <c r="I38050" s="2">
        <v>0</v>
      </c>
      <c r="J38050" s="2">
        <v>0</v>
      </c>
      <c r="K38050" s="2">
        <v>1</v>
      </c>
      <c r="L38050" t="s">
        <v>995</v>
      </c>
      <c r="M38050" t="s">
        <v>83</v>
      </c>
      <c r="N38050" t="s">
        <v>84</v>
      </c>
      <c r="O38050" t="s">
        <v>85</v>
      </c>
      <c r="P38050" t="s">
        <v>86</v>
      </c>
      <c r="Q38050">
        <v>47</v>
      </c>
      <c r="R38050">
        <v>48</v>
      </c>
      <c r="S38050">
        <v>49</v>
      </c>
      <c r="T38050">
        <v>50</v>
      </c>
      <c r="U38050">
        <v>52</v>
      </c>
      <c r="V38050">
        <v>53</v>
      </c>
      <c r="W38050">
        <v>54</v>
      </c>
      <c r="X38050">
        <v>55</v>
      </c>
      <c r="Y38050">
        <v>57</v>
      </c>
      <c r="Z38050">
        <v>58</v>
      </c>
      <c r="AA38050">
        <v>59</v>
      </c>
      <c r="AB38050">
        <v>61</v>
      </c>
      <c r="AC38050">
        <v>62</v>
      </c>
      <c r="AD38050">
        <v>64</v>
      </c>
      <c r="AE38050">
        <v>65</v>
      </c>
      <c r="AF38050">
        <v>66</v>
      </c>
      <c r="AG38050">
        <v>68</v>
      </c>
      <c r="AH38050">
        <v>69</v>
      </c>
      <c r="AI38050">
        <v>71</v>
      </c>
      <c r="AJ38050">
        <v>73</v>
      </c>
      <c r="AK38050">
        <v>74</v>
      </c>
      <c r="AL38050">
        <v>75</v>
      </c>
      <c r="AM38050">
        <v>76</v>
      </c>
      <c r="AN38050">
        <v>77</v>
      </c>
      <c r="AO38050">
        <v>78</v>
      </c>
      <c r="AP38050">
        <v>79</v>
      </c>
      <c r="AQ38050">
        <v>80</v>
      </c>
    </row>
    <row r="38051" spans="1:43">
      <c r="A38051" t="s">
        <v>23593</v>
      </c>
      <c r="B38051" t="s">
        <v>23594</v>
      </c>
      <c r="C38051" t="s">
        <v>23585</v>
      </c>
      <c r="D38051" t="s">
        <v>23586</v>
      </c>
      <c r="E38051" t="s">
        <v>23481</v>
      </c>
      <c r="F38051" t="s">
        <v>23482</v>
      </c>
      <c r="G38051" t="s">
        <v>11612</v>
      </c>
      <c r="H38051" t="s">
        <v>11613</v>
      </c>
      <c r="I38051" s="2">
        <v>0</v>
      </c>
      <c r="J38051" s="2">
        <v>0</v>
      </c>
      <c r="K38051" s="2">
        <v>1</v>
      </c>
      <c r="L38051" t="s">
        <v>995</v>
      </c>
      <c r="M38051" t="s">
        <v>87</v>
      </c>
      <c r="N38051" t="s">
        <v>88</v>
      </c>
      <c r="O38051" t="s">
        <v>85</v>
      </c>
      <c r="P38051" t="s">
        <v>86</v>
      </c>
      <c r="Q38051">
        <v>47</v>
      </c>
      <c r="R38051">
        <v>48</v>
      </c>
      <c r="S38051">
        <v>49</v>
      </c>
      <c r="T38051">
        <v>50</v>
      </c>
      <c r="U38051">
        <v>50</v>
      </c>
      <c r="V38051">
        <v>51</v>
      </c>
      <c r="W38051">
        <v>52</v>
      </c>
      <c r="X38051">
        <v>53</v>
      </c>
      <c r="Y38051">
        <v>53</v>
      </c>
      <c r="Z38051">
        <v>54</v>
      </c>
      <c r="AA38051">
        <v>55</v>
      </c>
      <c r="AB38051">
        <v>56</v>
      </c>
      <c r="AC38051">
        <v>57</v>
      </c>
      <c r="AD38051">
        <v>58</v>
      </c>
      <c r="AE38051">
        <v>59</v>
      </c>
      <c r="AF38051">
        <v>59</v>
      </c>
      <c r="AG38051">
        <v>60</v>
      </c>
      <c r="AH38051">
        <v>61</v>
      </c>
      <c r="AI38051">
        <v>62</v>
      </c>
      <c r="AJ38051">
        <v>63</v>
      </c>
      <c r="AK38051">
        <v>64</v>
      </c>
      <c r="AL38051">
        <v>65</v>
      </c>
      <c r="AM38051">
        <v>66</v>
      </c>
      <c r="AN38051">
        <v>67</v>
      </c>
      <c r="AO38051">
        <v>68</v>
      </c>
      <c r="AP38051">
        <v>69</v>
      </c>
      <c r="AQ38051">
        <v>70</v>
      </c>
    </row>
    <row r="38052" spans="1:43">
      <c r="A38052" t="s">
        <v>23593</v>
      </c>
      <c r="B38052" t="s">
        <v>23594</v>
      </c>
      <c r="C38052" t="s">
        <v>23585</v>
      </c>
      <c r="D38052" t="s">
        <v>23586</v>
      </c>
      <c r="E38052" t="s">
        <v>23481</v>
      </c>
      <c r="F38052" t="s">
        <v>23482</v>
      </c>
      <c r="G38052" t="s">
        <v>11612</v>
      </c>
      <c r="H38052" t="s">
        <v>11613</v>
      </c>
      <c r="I38052" s="2">
        <v>0</v>
      </c>
      <c r="J38052" s="2">
        <v>0</v>
      </c>
      <c r="K38052" s="2">
        <v>1</v>
      </c>
      <c r="L38052" t="s">
        <v>995</v>
      </c>
      <c r="M38052" t="s">
        <v>89</v>
      </c>
      <c r="N38052" t="s">
        <v>90</v>
      </c>
      <c r="O38052" t="s">
        <v>85</v>
      </c>
      <c r="P38052" t="s">
        <v>86</v>
      </c>
      <c r="Q38052">
        <v>47</v>
      </c>
      <c r="R38052">
        <v>49</v>
      </c>
      <c r="S38052">
        <v>50</v>
      </c>
      <c r="T38052">
        <v>52</v>
      </c>
      <c r="U38052">
        <v>54</v>
      </c>
      <c r="V38052">
        <v>55</v>
      </c>
      <c r="W38052">
        <v>57</v>
      </c>
      <c r="X38052">
        <v>59</v>
      </c>
      <c r="Y38052">
        <v>60</v>
      </c>
      <c r="Z38052">
        <v>62</v>
      </c>
      <c r="AA38052">
        <v>63</v>
      </c>
      <c r="AB38052">
        <v>65</v>
      </c>
      <c r="AC38052">
        <v>67</v>
      </c>
      <c r="AD38052">
        <v>69</v>
      </c>
      <c r="AE38052">
        <v>70</v>
      </c>
      <c r="AF38052">
        <v>71</v>
      </c>
      <c r="AG38052">
        <v>72</v>
      </c>
      <c r="AH38052">
        <v>72</v>
      </c>
      <c r="AI38052">
        <v>73</v>
      </c>
      <c r="AJ38052">
        <v>74</v>
      </c>
      <c r="AK38052">
        <v>75</v>
      </c>
      <c r="AL38052">
        <v>76</v>
      </c>
      <c r="AM38052">
        <v>77</v>
      </c>
      <c r="AN38052">
        <v>77</v>
      </c>
      <c r="AO38052">
        <v>78</v>
      </c>
      <c r="AP38052">
        <v>79</v>
      </c>
      <c r="AQ38052">
        <v>80</v>
      </c>
    </row>
    <row r="38053" spans="1:43">
      <c r="A38053" t="s">
        <v>23593</v>
      </c>
      <c r="B38053" t="s">
        <v>23594</v>
      </c>
      <c r="C38053" t="s">
        <v>23585</v>
      </c>
      <c r="D38053" t="s">
        <v>23586</v>
      </c>
      <c r="E38053" t="s">
        <v>23481</v>
      </c>
      <c r="F38053" t="s">
        <v>23482</v>
      </c>
      <c r="G38053" t="s">
        <v>11612</v>
      </c>
      <c r="H38053" t="s">
        <v>11613</v>
      </c>
      <c r="I38053" s="2">
        <v>0</v>
      </c>
      <c r="J38053" s="2">
        <v>0</v>
      </c>
      <c r="K38053" s="2">
        <v>1</v>
      </c>
      <c r="L38053" t="s">
        <v>995</v>
      </c>
      <c r="M38053" t="s">
        <v>83</v>
      </c>
      <c r="N38053" t="s">
        <v>91</v>
      </c>
      <c r="O38053" t="s">
        <v>85</v>
      </c>
      <c r="P38053" t="s">
        <v>86</v>
      </c>
      <c r="Q38053">
        <v>47</v>
      </c>
      <c r="R38053">
        <v>48</v>
      </c>
      <c r="S38053">
        <v>49</v>
      </c>
      <c r="T38053">
        <v>50</v>
      </c>
      <c r="U38053">
        <v>52</v>
      </c>
      <c r="V38053">
        <v>53</v>
      </c>
      <c r="W38053">
        <v>54</v>
      </c>
      <c r="X38053">
        <v>55</v>
      </c>
      <c r="Y38053">
        <v>57</v>
      </c>
      <c r="Z38053">
        <v>58</v>
      </c>
      <c r="AA38053">
        <v>59</v>
      </c>
      <c r="AB38053">
        <v>61</v>
      </c>
      <c r="AC38053">
        <v>62</v>
      </c>
      <c r="AD38053">
        <v>64</v>
      </c>
      <c r="AE38053">
        <v>65</v>
      </c>
      <c r="AF38053">
        <v>66</v>
      </c>
      <c r="AG38053">
        <v>68</v>
      </c>
      <c r="AH38053">
        <v>69</v>
      </c>
      <c r="AI38053">
        <v>71</v>
      </c>
      <c r="AJ38053">
        <v>73</v>
      </c>
      <c r="AK38053">
        <v>74</v>
      </c>
      <c r="AL38053">
        <v>75</v>
      </c>
      <c r="AM38053">
        <v>76</v>
      </c>
      <c r="AN38053">
        <v>77</v>
      </c>
      <c r="AO38053">
        <v>78</v>
      </c>
      <c r="AP38053">
        <v>79</v>
      </c>
      <c r="AQ38053">
        <v>80</v>
      </c>
    </row>
    <row r="38054" spans="1:43">
      <c r="A38054" t="s">
        <v>23595</v>
      </c>
      <c r="B38054" t="s">
        <v>23596</v>
      </c>
      <c r="C38054" t="s">
        <v>23523</v>
      </c>
      <c r="D38054" t="s">
        <v>23524</v>
      </c>
      <c r="E38054" t="s">
        <v>23481</v>
      </c>
      <c r="F38054" t="s">
        <v>23482</v>
      </c>
      <c r="G38054" t="s">
        <v>11612</v>
      </c>
      <c r="H38054" t="s">
        <v>11613</v>
      </c>
      <c r="I38054" s="2">
        <v>0</v>
      </c>
      <c r="J38054" s="2">
        <v>0</v>
      </c>
      <c r="K38054" s="2">
        <v>1</v>
      </c>
      <c r="L38054" t="s">
        <v>995</v>
      </c>
      <c r="M38054" t="s">
        <v>83</v>
      </c>
      <c r="N38054" t="s">
        <v>84</v>
      </c>
      <c r="O38054" t="s">
        <v>85</v>
      </c>
      <c r="P38054" t="s">
        <v>86</v>
      </c>
      <c r="Q38054">
        <v>32</v>
      </c>
      <c r="R38054">
        <v>33</v>
      </c>
      <c r="S38054">
        <v>33</v>
      </c>
      <c r="T38054">
        <v>34</v>
      </c>
      <c r="U38054">
        <v>35</v>
      </c>
      <c r="V38054">
        <v>36</v>
      </c>
      <c r="W38054">
        <v>37</v>
      </c>
      <c r="X38054">
        <v>38</v>
      </c>
      <c r="Y38054">
        <v>39</v>
      </c>
      <c r="Z38054">
        <v>40</v>
      </c>
      <c r="AA38054">
        <v>40</v>
      </c>
      <c r="AB38054">
        <v>41</v>
      </c>
      <c r="AC38054">
        <v>42</v>
      </c>
      <c r="AD38054">
        <v>43</v>
      </c>
      <c r="AE38054">
        <v>44</v>
      </c>
      <c r="AF38054">
        <v>45</v>
      </c>
      <c r="AG38054">
        <v>46</v>
      </c>
      <c r="AH38054">
        <v>48</v>
      </c>
      <c r="AI38054">
        <v>49</v>
      </c>
      <c r="AJ38054">
        <v>50</v>
      </c>
      <c r="AK38054">
        <v>51</v>
      </c>
      <c r="AL38054">
        <v>52</v>
      </c>
      <c r="AM38054">
        <v>52</v>
      </c>
      <c r="AN38054">
        <v>53</v>
      </c>
      <c r="AO38054">
        <v>53</v>
      </c>
      <c r="AP38054">
        <v>54</v>
      </c>
      <c r="AQ38054">
        <v>55</v>
      </c>
    </row>
    <row r="38055" spans="1:43">
      <c r="A38055" t="s">
        <v>23595</v>
      </c>
      <c r="B38055" t="s">
        <v>23596</v>
      </c>
      <c r="C38055" t="s">
        <v>23523</v>
      </c>
      <c r="D38055" t="s">
        <v>23524</v>
      </c>
      <c r="E38055" t="s">
        <v>23481</v>
      </c>
      <c r="F38055" t="s">
        <v>23482</v>
      </c>
      <c r="G38055" t="s">
        <v>11612</v>
      </c>
      <c r="H38055" t="s">
        <v>11613</v>
      </c>
      <c r="I38055" s="2">
        <v>0</v>
      </c>
      <c r="J38055" s="2">
        <v>0</v>
      </c>
      <c r="K38055" s="2">
        <v>1</v>
      </c>
      <c r="L38055" t="s">
        <v>995</v>
      </c>
      <c r="M38055" t="s">
        <v>87</v>
      </c>
      <c r="N38055" t="s">
        <v>88</v>
      </c>
      <c r="O38055" t="s">
        <v>85</v>
      </c>
      <c r="P38055" t="s">
        <v>86</v>
      </c>
      <c r="Q38055">
        <v>32</v>
      </c>
      <c r="R38055">
        <v>32</v>
      </c>
      <c r="S38055">
        <v>33</v>
      </c>
      <c r="T38055">
        <v>33</v>
      </c>
      <c r="U38055">
        <v>34</v>
      </c>
      <c r="V38055">
        <v>34</v>
      </c>
      <c r="W38055">
        <v>35</v>
      </c>
      <c r="X38055">
        <v>35</v>
      </c>
      <c r="Y38055">
        <v>36</v>
      </c>
      <c r="Z38055">
        <v>36</v>
      </c>
      <c r="AA38055">
        <v>37</v>
      </c>
      <c r="AB38055">
        <v>37</v>
      </c>
      <c r="AC38055">
        <v>38</v>
      </c>
      <c r="AD38055">
        <v>39</v>
      </c>
      <c r="AE38055">
        <v>39</v>
      </c>
      <c r="AF38055">
        <v>40</v>
      </c>
      <c r="AG38055">
        <v>40</v>
      </c>
      <c r="AH38055">
        <v>41</v>
      </c>
      <c r="AI38055">
        <v>42</v>
      </c>
      <c r="AJ38055">
        <v>42</v>
      </c>
      <c r="AK38055">
        <v>43</v>
      </c>
      <c r="AL38055">
        <v>44</v>
      </c>
      <c r="AM38055">
        <v>44</v>
      </c>
      <c r="AN38055">
        <v>45</v>
      </c>
      <c r="AO38055">
        <v>46</v>
      </c>
      <c r="AP38055">
        <v>46</v>
      </c>
      <c r="AQ38055">
        <v>47</v>
      </c>
    </row>
    <row r="38056" spans="1:43">
      <c r="A38056" t="s">
        <v>23595</v>
      </c>
      <c r="B38056" t="s">
        <v>23596</v>
      </c>
      <c r="C38056" t="s">
        <v>23523</v>
      </c>
      <c r="D38056" t="s">
        <v>23524</v>
      </c>
      <c r="E38056" t="s">
        <v>23481</v>
      </c>
      <c r="F38056" t="s">
        <v>23482</v>
      </c>
      <c r="G38056" t="s">
        <v>11612</v>
      </c>
      <c r="H38056" t="s">
        <v>11613</v>
      </c>
      <c r="I38056" s="2">
        <v>0</v>
      </c>
      <c r="J38056" s="2">
        <v>0</v>
      </c>
      <c r="K38056" s="2">
        <v>1</v>
      </c>
      <c r="L38056" t="s">
        <v>995</v>
      </c>
      <c r="M38056" t="s">
        <v>89</v>
      </c>
      <c r="N38056" t="s">
        <v>90</v>
      </c>
      <c r="O38056" t="s">
        <v>85</v>
      </c>
      <c r="P38056" t="s">
        <v>86</v>
      </c>
      <c r="Q38056">
        <v>32</v>
      </c>
      <c r="R38056">
        <v>33</v>
      </c>
      <c r="S38056">
        <v>34</v>
      </c>
      <c r="T38056">
        <v>35</v>
      </c>
      <c r="U38056">
        <v>36</v>
      </c>
      <c r="V38056">
        <v>38</v>
      </c>
      <c r="W38056">
        <v>39</v>
      </c>
      <c r="X38056">
        <v>40</v>
      </c>
      <c r="Y38056">
        <v>41</v>
      </c>
      <c r="Z38056">
        <v>42</v>
      </c>
      <c r="AA38056">
        <v>43</v>
      </c>
      <c r="AB38056">
        <v>44</v>
      </c>
      <c r="AC38056">
        <v>46</v>
      </c>
      <c r="AD38056">
        <v>47</v>
      </c>
      <c r="AE38056">
        <v>48</v>
      </c>
      <c r="AF38056">
        <v>48</v>
      </c>
      <c r="AG38056">
        <v>49</v>
      </c>
      <c r="AH38056">
        <v>49</v>
      </c>
      <c r="AI38056">
        <v>50</v>
      </c>
      <c r="AJ38056">
        <v>51</v>
      </c>
      <c r="AK38056">
        <v>51</v>
      </c>
      <c r="AL38056">
        <v>52</v>
      </c>
      <c r="AM38056">
        <v>52</v>
      </c>
      <c r="AN38056">
        <v>53</v>
      </c>
      <c r="AO38056">
        <v>54</v>
      </c>
      <c r="AP38056">
        <v>54</v>
      </c>
      <c r="AQ38056">
        <v>55</v>
      </c>
    </row>
    <row r="38057" spans="1:43">
      <c r="A38057" t="s">
        <v>23595</v>
      </c>
      <c r="B38057" t="s">
        <v>23596</v>
      </c>
      <c r="C38057" t="s">
        <v>23523</v>
      </c>
      <c r="D38057" t="s">
        <v>23524</v>
      </c>
      <c r="E38057" t="s">
        <v>23481</v>
      </c>
      <c r="F38057" t="s">
        <v>23482</v>
      </c>
      <c r="G38057" t="s">
        <v>11612</v>
      </c>
      <c r="H38057" t="s">
        <v>11613</v>
      </c>
      <c r="I38057" s="2">
        <v>0</v>
      </c>
      <c r="J38057" s="2">
        <v>0</v>
      </c>
      <c r="K38057" s="2">
        <v>1</v>
      </c>
      <c r="L38057" t="s">
        <v>995</v>
      </c>
      <c r="M38057" t="s">
        <v>83</v>
      </c>
      <c r="N38057" t="s">
        <v>91</v>
      </c>
      <c r="O38057" t="s">
        <v>85</v>
      </c>
      <c r="P38057" t="s">
        <v>86</v>
      </c>
      <c r="Q38057">
        <v>32</v>
      </c>
      <c r="R38057">
        <v>33</v>
      </c>
      <c r="S38057">
        <v>33</v>
      </c>
      <c r="T38057">
        <v>34</v>
      </c>
      <c r="U38057">
        <v>35</v>
      </c>
      <c r="V38057">
        <v>36</v>
      </c>
      <c r="W38057">
        <v>37</v>
      </c>
      <c r="X38057">
        <v>38</v>
      </c>
      <c r="Y38057">
        <v>39</v>
      </c>
      <c r="Z38057">
        <v>40</v>
      </c>
      <c r="AA38057">
        <v>40</v>
      </c>
      <c r="AB38057">
        <v>41</v>
      </c>
      <c r="AC38057">
        <v>42</v>
      </c>
      <c r="AD38057">
        <v>43</v>
      </c>
      <c r="AE38057">
        <v>44</v>
      </c>
      <c r="AF38057">
        <v>45</v>
      </c>
      <c r="AG38057">
        <v>46</v>
      </c>
      <c r="AH38057">
        <v>48</v>
      </c>
      <c r="AI38057">
        <v>49</v>
      </c>
      <c r="AJ38057">
        <v>50</v>
      </c>
      <c r="AK38057">
        <v>51</v>
      </c>
      <c r="AL38057">
        <v>52</v>
      </c>
      <c r="AM38057">
        <v>52</v>
      </c>
      <c r="AN38057">
        <v>53</v>
      </c>
      <c r="AO38057">
        <v>53</v>
      </c>
      <c r="AP38057">
        <v>54</v>
      </c>
      <c r="AQ38057">
        <v>55</v>
      </c>
    </row>
    <row r="38058" spans="1:43">
      <c r="A38058" t="s">
        <v>23597</v>
      </c>
      <c r="B38058" t="s">
        <v>23598</v>
      </c>
      <c r="C38058" t="s">
        <v>23599</v>
      </c>
      <c r="D38058" t="s">
        <v>23600</v>
      </c>
      <c r="E38058" t="s">
        <v>23601</v>
      </c>
      <c r="F38058" t="s">
        <v>23602</v>
      </c>
      <c r="G38058" t="s">
        <v>22539</v>
      </c>
      <c r="H38058" t="s">
        <v>22540</v>
      </c>
      <c r="I38058" s="2">
        <v>0</v>
      </c>
      <c r="J38058" s="2">
        <v>0</v>
      </c>
      <c r="K38058" s="2">
        <v>0.91</v>
      </c>
      <c r="L38058" t="s">
        <v>995</v>
      </c>
      <c r="M38058" t="s">
        <v>83</v>
      </c>
      <c r="N38058" t="s">
        <v>84</v>
      </c>
      <c r="O38058" t="s">
        <v>85</v>
      </c>
      <c r="P38058" t="s">
        <v>86</v>
      </c>
      <c r="Q38058">
        <v>45</v>
      </c>
      <c r="R38058">
        <v>46</v>
      </c>
      <c r="S38058">
        <v>46</v>
      </c>
      <c r="T38058">
        <v>47</v>
      </c>
      <c r="U38058">
        <v>47</v>
      </c>
      <c r="V38058">
        <v>47</v>
      </c>
      <c r="W38058">
        <v>48</v>
      </c>
      <c r="X38058">
        <v>48</v>
      </c>
      <c r="Y38058">
        <v>49</v>
      </c>
      <c r="Z38058">
        <v>49</v>
      </c>
      <c r="AA38058">
        <v>50</v>
      </c>
      <c r="AB38058">
        <v>50</v>
      </c>
      <c r="AC38058">
        <v>51</v>
      </c>
      <c r="AD38058">
        <v>51</v>
      </c>
      <c r="AE38058">
        <v>51</v>
      </c>
      <c r="AF38058">
        <v>52</v>
      </c>
      <c r="AG38058">
        <v>52</v>
      </c>
      <c r="AH38058">
        <v>52</v>
      </c>
      <c r="AI38058">
        <v>53</v>
      </c>
      <c r="AJ38058">
        <v>53</v>
      </c>
      <c r="AK38058">
        <v>53</v>
      </c>
      <c r="AL38058">
        <v>53</v>
      </c>
      <c r="AM38058">
        <v>53</v>
      </c>
      <c r="AN38058">
        <v>53</v>
      </c>
      <c r="AO38058">
        <v>53</v>
      </c>
      <c r="AP38058">
        <v>53</v>
      </c>
      <c r="AQ38058">
        <v>53</v>
      </c>
    </row>
    <row r="38059" spans="1:43">
      <c r="A38059" t="s">
        <v>23597</v>
      </c>
      <c r="B38059" t="s">
        <v>23598</v>
      </c>
      <c r="C38059" t="s">
        <v>23599</v>
      </c>
      <c r="D38059" t="s">
        <v>23600</v>
      </c>
      <c r="E38059" t="s">
        <v>23601</v>
      </c>
      <c r="F38059" t="s">
        <v>23602</v>
      </c>
      <c r="G38059" t="s">
        <v>22539</v>
      </c>
      <c r="H38059" t="s">
        <v>22540</v>
      </c>
      <c r="I38059" s="2">
        <v>0</v>
      </c>
      <c r="J38059" s="2">
        <v>0</v>
      </c>
      <c r="K38059" s="2">
        <v>0.91</v>
      </c>
      <c r="L38059" t="s">
        <v>995</v>
      </c>
      <c r="M38059" t="s">
        <v>87</v>
      </c>
      <c r="N38059" t="s">
        <v>88</v>
      </c>
      <c r="O38059" t="s">
        <v>85</v>
      </c>
      <c r="P38059" t="s">
        <v>86</v>
      </c>
      <c r="Q38059">
        <v>45</v>
      </c>
      <c r="R38059">
        <v>45</v>
      </c>
      <c r="S38059">
        <v>45</v>
      </c>
      <c r="T38059">
        <v>45</v>
      </c>
      <c r="U38059">
        <v>45</v>
      </c>
      <c r="V38059">
        <v>45</v>
      </c>
      <c r="W38059">
        <v>45</v>
      </c>
      <c r="X38059">
        <v>45</v>
      </c>
      <c r="Y38059">
        <v>45</v>
      </c>
      <c r="Z38059">
        <v>45</v>
      </c>
      <c r="AA38059">
        <v>45</v>
      </c>
      <c r="AB38059">
        <v>45</v>
      </c>
      <c r="AC38059">
        <v>45</v>
      </c>
      <c r="AD38059">
        <v>45</v>
      </c>
      <c r="AE38059">
        <v>45</v>
      </c>
      <c r="AF38059">
        <v>45</v>
      </c>
      <c r="AG38059">
        <v>45</v>
      </c>
      <c r="AH38059">
        <v>46</v>
      </c>
      <c r="AI38059">
        <v>46</v>
      </c>
      <c r="AJ38059">
        <v>46</v>
      </c>
      <c r="AK38059">
        <v>46</v>
      </c>
      <c r="AL38059">
        <v>46</v>
      </c>
      <c r="AM38059">
        <v>46</v>
      </c>
      <c r="AN38059">
        <v>46</v>
      </c>
      <c r="AO38059">
        <v>46</v>
      </c>
      <c r="AP38059">
        <v>46</v>
      </c>
      <c r="AQ38059">
        <v>46</v>
      </c>
    </row>
    <row r="38060" spans="1:43">
      <c r="A38060" t="s">
        <v>23597</v>
      </c>
      <c r="B38060" t="s">
        <v>23598</v>
      </c>
      <c r="C38060" t="s">
        <v>23599</v>
      </c>
      <c r="D38060" t="s">
        <v>23600</v>
      </c>
      <c r="E38060" t="s">
        <v>23601</v>
      </c>
      <c r="F38060" t="s">
        <v>23602</v>
      </c>
      <c r="G38060" t="s">
        <v>22539</v>
      </c>
      <c r="H38060" t="s">
        <v>22540</v>
      </c>
      <c r="I38060" s="2">
        <v>0</v>
      </c>
      <c r="J38060" s="2">
        <v>0</v>
      </c>
      <c r="K38060" s="2">
        <v>0.91</v>
      </c>
      <c r="L38060" t="s">
        <v>995</v>
      </c>
      <c r="M38060" t="s">
        <v>89</v>
      </c>
      <c r="N38060" t="s">
        <v>90</v>
      </c>
      <c r="O38060" t="s">
        <v>85</v>
      </c>
      <c r="P38060" t="s">
        <v>86</v>
      </c>
      <c r="Q38060">
        <v>45</v>
      </c>
      <c r="R38060">
        <v>46</v>
      </c>
      <c r="S38060">
        <v>47</v>
      </c>
      <c r="T38060">
        <v>48</v>
      </c>
      <c r="U38060">
        <v>49</v>
      </c>
      <c r="V38060">
        <v>50</v>
      </c>
      <c r="W38060">
        <v>50</v>
      </c>
      <c r="X38060">
        <v>51</v>
      </c>
      <c r="Y38060">
        <v>52</v>
      </c>
      <c r="Z38060">
        <v>52</v>
      </c>
      <c r="AA38060">
        <v>53</v>
      </c>
      <c r="AB38060">
        <v>53</v>
      </c>
      <c r="AC38060">
        <v>54</v>
      </c>
      <c r="AD38060">
        <v>55</v>
      </c>
      <c r="AE38060">
        <v>55</v>
      </c>
      <c r="AF38060">
        <v>55</v>
      </c>
      <c r="AG38060">
        <v>55</v>
      </c>
      <c r="AH38060">
        <v>55</v>
      </c>
      <c r="AI38060">
        <v>54</v>
      </c>
      <c r="AJ38060">
        <v>54</v>
      </c>
      <c r="AK38060">
        <v>54</v>
      </c>
      <c r="AL38060">
        <v>54</v>
      </c>
      <c r="AM38060">
        <v>54</v>
      </c>
      <c r="AN38060">
        <v>54</v>
      </c>
      <c r="AO38060">
        <v>54</v>
      </c>
      <c r="AP38060">
        <v>53</v>
      </c>
      <c r="AQ38060">
        <v>53</v>
      </c>
    </row>
    <row r="38061" spans="1:43">
      <c r="A38061" t="s">
        <v>23597</v>
      </c>
      <c r="B38061" t="s">
        <v>23598</v>
      </c>
      <c r="C38061" t="s">
        <v>23599</v>
      </c>
      <c r="D38061" t="s">
        <v>23600</v>
      </c>
      <c r="E38061" t="s">
        <v>23601</v>
      </c>
      <c r="F38061" t="s">
        <v>23602</v>
      </c>
      <c r="G38061" t="s">
        <v>22539</v>
      </c>
      <c r="H38061" t="s">
        <v>22540</v>
      </c>
      <c r="I38061" s="2">
        <v>0</v>
      </c>
      <c r="J38061" s="2">
        <v>0</v>
      </c>
      <c r="K38061" s="2">
        <v>0.91</v>
      </c>
      <c r="L38061" t="s">
        <v>995</v>
      </c>
      <c r="M38061" t="s">
        <v>83</v>
      </c>
      <c r="N38061" t="s">
        <v>91</v>
      </c>
      <c r="O38061" t="s">
        <v>85</v>
      </c>
      <c r="P38061" t="s">
        <v>86</v>
      </c>
      <c r="Q38061">
        <v>45</v>
      </c>
      <c r="R38061">
        <v>46</v>
      </c>
      <c r="S38061">
        <v>46</v>
      </c>
      <c r="T38061">
        <v>47</v>
      </c>
      <c r="U38061">
        <v>47</v>
      </c>
      <c r="V38061">
        <v>47</v>
      </c>
      <c r="W38061">
        <v>48</v>
      </c>
      <c r="X38061">
        <v>48</v>
      </c>
      <c r="Y38061">
        <v>49</v>
      </c>
      <c r="Z38061">
        <v>49</v>
      </c>
      <c r="AA38061">
        <v>50</v>
      </c>
      <c r="AB38061">
        <v>50</v>
      </c>
      <c r="AC38061">
        <v>51</v>
      </c>
      <c r="AD38061">
        <v>51</v>
      </c>
      <c r="AE38061">
        <v>51</v>
      </c>
      <c r="AF38061">
        <v>52</v>
      </c>
      <c r="AG38061">
        <v>52</v>
      </c>
      <c r="AH38061">
        <v>52</v>
      </c>
      <c r="AI38061">
        <v>53</v>
      </c>
      <c r="AJ38061">
        <v>53</v>
      </c>
      <c r="AK38061">
        <v>53</v>
      </c>
      <c r="AL38061">
        <v>53</v>
      </c>
      <c r="AM38061">
        <v>53</v>
      </c>
      <c r="AN38061">
        <v>53</v>
      </c>
      <c r="AO38061">
        <v>53</v>
      </c>
      <c r="AP38061">
        <v>53</v>
      </c>
      <c r="AQ38061">
        <v>53</v>
      </c>
    </row>
    <row r="38062" spans="1:43">
      <c r="A38062" t="s">
        <v>23603</v>
      </c>
      <c r="B38062" t="s">
        <v>23604</v>
      </c>
      <c r="C38062" t="s">
        <v>23605</v>
      </c>
      <c r="D38062" t="s">
        <v>23606</v>
      </c>
      <c r="E38062" t="s">
        <v>23601</v>
      </c>
      <c r="F38062" t="s">
        <v>23602</v>
      </c>
      <c r="G38062" t="s">
        <v>22539</v>
      </c>
      <c r="H38062" t="s">
        <v>22540</v>
      </c>
      <c r="I38062" s="2">
        <v>0</v>
      </c>
      <c r="J38062" s="2">
        <v>0</v>
      </c>
      <c r="K38062" s="2">
        <v>1</v>
      </c>
      <c r="L38062" t="s">
        <v>995</v>
      </c>
      <c r="M38062" t="s">
        <v>83</v>
      </c>
      <c r="N38062" t="s">
        <v>84</v>
      </c>
      <c r="O38062" t="s">
        <v>85</v>
      </c>
      <c r="P38062" t="s">
        <v>86</v>
      </c>
      <c r="Q38062">
        <v>26</v>
      </c>
      <c r="R38062">
        <v>26</v>
      </c>
      <c r="S38062">
        <v>27</v>
      </c>
      <c r="T38062">
        <v>27</v>
      </c>
      <c r="U38062">
        <v>27</v>
      </c>
      <c r="V38062">
        <v>27</v>
      </c>
      <c r="W38062">
        <v>28</v>
      </c>
      <c r="X38062">
        <v>28</v>
      </c>
      <c r="Y38062">
        <v>28</v>
      </c>
      <c r="Z38062">
        <v>28</v>
      </c>
      <c r="AA38062">
        <v>29</v>
      </c>
      <c r="AB38062">
        <v>29</v>
      </c>
      <c r="AC38062">
        <v>29</v>
      </c>
      <c r="AD38062">
        <v>29</v>
      </c>
      <c r="AE38062">
        <v>29</v>
      </c>
      <c r="AF38062">
        <v>29</v>
      </c>
      <c r="AG38062">
        <v>30</v>
      </c>
      <c r="AH38062">
        <v>30</v>
      </c>
      <c r="AI38062">
        <v>30</v>
      </c>
      <c r="AJ38062">
        <v>30</v>
      </c>
      <c r="AK38062">
        <v>30</v>
      </c>
      <c r="AL38062">
        <v>30</v>
      </c>
      <c r="AM38062">
        <v>30</v>
      </c>
      <c r="AN38062">
        <v>30</v>
      </c>
      <c r="AO38062">
        <v>30</v>
      </c>
      <c r="AP38062">
        <v>30</v>
      </c>
      <c r="AQ38062">
        <v>30</v>
      </c>
    </row>
    <row r="38063" spans="1:43">
      <c r="A38063" t="s">
        <v>23603</v>
      </c>
      <c r="B38063" t="s">
        <v>23604</v>
      </c>
      <c r="C38063" t="s">
        <v>23605</v>
      </c>
      <c r="D38063" t="s">
        <v>23606</v>
      </c>
      <c r="E38063" t="s">
        <v>23601</v>
      </c>
      <c r="F38063" t="s">
        <v>23602</v>
      </c>
      <c r="G38063" t="s">
        <v>22539</v>
      </c>
      <c r="H38063" t="s">
        <v>22540</v>
      </c>
      <c r="I38063" s="2">
        <v>0</v>
      </c>
      <c r="J38063" s="2">
        <v>0</v>
      </c>
      <c r="K38063" s="2">
        <v>1</v>
      </c>
      <c r="L38063" t="s">
        <v>995</v>
      </c>
      <c r="M38063" t="s">
        <v>87</v>
      </c>
      <c r="N38063" t="s">
        <v>88</v>
      </c>
      <c r="O38063" t="s">
        <v>85</v>
      </c>
      <c r="P38063" t="s">
        <v>86</v>
      </c>
      <c r="Q38063">
        <v>26</v>
      </c>
      <c r="R38063">
        <v>26</v>
      </c>
      <c r="S38063">
        <v>26</v>
      </c>
      <c r="T38063">
        <v>26</v>
      </c>
      <c r="U38063">
        <v>26</v>
      </c>
      <c r="V38063">
        <v>26</v>
      </c>
      <c r="W38063">
        <v>26</v>
      </c>
      <c r="X38063">
        <v>26</v>
      </c>
      <c r="Y38063">
        <v>26</v>
      </c>
      <c r="Z38063">
        <v>26</v>
      </c>
      <c r="AA38063">
        <v>26</v>
      </c>
      <c r="AB38063">
        <v>26</v>
      </c>
      <c r="AC38063">
        <v>26</v>
      </c>
      <c r="AD38063">
        <v>26</v>
      </c>
      <c r="AE38063">
        <v>26</v>
      </c>
      <c r="AF38063">
        <v>26</v>
      </c>
      <c r="AG38063">
        <v>26</v>
      </c>
      <c r="AH38063">
        <v>26</v>
      </c>
      <c r="AI38063">
        <v>26</v>
      </c>
      <c r="AJ38063">
        <v>26</v>
      </c>
      <c r="AK38063">
        <v>26</v>
      </c>
      <c r="AL38063">
        <v>26</v>
      </c>
      <c r="AM38063">
        <v>26</v>
      </c>
      <c r="AN38063">
        <v>26</v>
      </c>
      <c r="AO38063">
        <v>26</v>
      </c>
      <c r="AP38063">
        <v>26</v>
      </c>
      <c r="AQ38063">
        <v>26</v>
      </c>
    </row>
    <row r="38064" spans="1:43">
      <c r="A38064" t="s">
        <v>23603</v>
      </c>
      <c r="B38064" t="s">
        <v>23604</v>
      </c>
      <c r="C38064" t="s">
        <v>23605</v>
      </c>
      <c r="D38064" t="s">
        <v>23606</v>
      </c>
      <c r="E38064" t="s">
        <v>23601</v>
      </c>
      <c r="F38064" t="s">
        <v>23602</v>
      </c>
      <c r="G38064" t="s">
        <v>22539</v>
      </c>
      <c r="H38064" t="s">
        <v>22540</v>
      </c>
      <c r="I38064" s="2">
        <v>0</v>
      </c>
      <c r="J38064" s="2">
        <v>0</v>
      </c>
      <c r="K38064" s="2">
        <v>1</v>
      </c>
      <c r="L38064" t="s">
        <v>995</v>
      </c>
      <c r="M38064" t="s">
        <v>89</v>
      </c>
      <c r="N38064" t="s">
        <v>90</v>
      </c>
      <c r="O38064" t="s">
        <v>85</v>
      </c>
      <c r="P38064" t="s">
        <v>86</v>
      </c>
      <c r="Q38064">
        <v>26</v>
      </c>
      <c r="R38064">
        <v>27</v>
      </c>
      <c r="S38064">
        <v>27</v>
      </c>
      <c r="T38064">
        <v>28</v>
      </c>
      <c r="U38064">
        <v>28</v>
      </c>
      <c r="V38064">
        <v>29</v>
      </c>
      <c r="W38064">
        <v>29</v>
      </c>
      <c r="X38064">
        <v>29</v>
      </c>
      <c r="Y38064">
        <v>30</v>
      </c>
      <c r="Z38064">
        <v>30</v>
      </c>
      <c r="AA38064">
        <v>30</v>
      </c>
      <c r="AB38064">
        <v>31</v>
      </c>
      <c r="AC38064">
        <v>31</v>
      </c>
      <c r="AD38064">
        <v>31</v>
      </c>
      <c r="AE38064">
        <v>31</v>
      </c>
      <c r="AF38064">
        <v>31</v>
      </c>
      <c r="AG38064">
        <v>31</v>
      </c>
      <c r="AH38064">
        <v>31</v>
      </c>
      <c r="AI38064">
        <v>31</v>
      </c>
      <c r="AJ38064">
        <v>31</v>
      </c>
      <c r="AK38064">
        <v>31</v>
      </c>
      <c r="AL38064">
        <v>31</v>
      </c>
      <c r="AM38064">
        <v>30</v>
      </c>
      <c r="AN38064">
        <v>30</v>
      </c>
      <c r="AO38064">
        <v>30</v>
      </c>
      <c r="AP38064">
        <v>30</v>
      </c>
      <c r="AQ38064">
        <v>30</v>
      </c>
    </row>
    <row r="38065" spans="1:43">
      <c r="A38065" t="s">
        <v>23603</v>
      </c>
      <c r="B38065" t="s">
        <v>23604</v>
      </c>
      <c r="C38065" t="s">
        <v>23605</v>
      </c>
      <c r="D38065" t="s">
        <v>23606</v>
      </c>
      <c r="E38065" t="s">
        <v>23601</v>
      </c>
      <c r="F38065" t="s">
        <v>23602</v>
      </c>
      <c r="G38065" t="s">
        <v>22539</v>
      </c>
      <c r="H38065" t="s">
        <v>22540</v>
      </c>
      <c r="I38065" s="2">
        <v>0</v>
      </c>
      <c r="J38065" s="2">
        <v>0</v>
      </c>
      <c r="K38065" s="2">
        <v>1</v>
      </c>
      <c r="L38065" t="s">
        <v>995</v>
      </c>
      <c r="M38065" t="s">
        <v>83</v>
      </c>
      <c r="N38065" t="s">
        <v>91</v>
      </c>
      <c r="O38065" t="s">
        <v>85</v>
      </c>
      <c r="P38065" t="s">
        <v>86</v>
      </c>
      <c r="Q38065">
        <v>26</v>
      </c>
      <c r="R38065">
        <v>26</v>
      </c>
      <c r="S38065">
        <v>27</v>
      </c>
      <c r="T38065">
        <v>27</v>
      </c>
      <c r="U38065">
        <v>27</v>
      </c>
      <c r="V38065">
        <v>27</v>
      </c>
      <c r="W38065">
        <v>28</v>
      </c>
      <c r="X38065">
        <v>28</v>
      </c>
      <c r="Y38065">
        <v>28</v>
      </c>
      <c r="Z38065">
        <v>28</v>
      </c>
      <c r="AA38065">
        <v>29</v>
      </c>
      <c r="AB38065">
        <v>29</v>
      </c>
      <c r="AC38065">
        <v>29</v>
      </c>
      <c r="AD38065">
        <v>29</v>
      </c>
      <c r="AE38065">
        <v>29</v>
      </c>
      <c r="AF38065">
        <v>29</v>
      </c>
      <c r="AG38065">
        <v>30</v>
      </c>
      <c r="AH38065">
        <v>30</v>
      </c>
      <c r="AI38065">
        <v>30</v>
      </c>
      <c r="AJ38065">
        <v>30</v>
      </c>
      <c r="AK38065">
        <v>30</v>
      </c>
      <c r="AL38065">
        <v>30</v>
      </c>
      <c r="AM38065">
        <v>30</v>
      </c>
      <c r="AN38065">
        <v>30</v>
      </c>
      <c r="AO38065">
        <v>30</v>
      </c>
      <c r="AP38065">
        <v>30</v>
      </c>
      <c r="AQ38065">
        <v>30</v>
      </c>
    </row>
    <row r="38066" spans="1:43">
      <c r="A38066" t="s">
        <v>23607</v>
      </c>
      <c r="B38066" t="s">
        <v>23608</v>
      </c>
      <c r="C38066" t="s">
        <v>23609</v>
      </c>
      <c r="D38066" t="s">
        <v>23610</v>
      </c>
      <c r="E38066" t="s">
        <v>23601</v>
      </c>
      <c r="F38066" t="s">
        <v>23602</v>
      </c>
      <c r="G38066" t="s">
        <v>22539</v>
      </c>
      <c r="H38066" t="s">
        <v>22540</v>
      </c>
      <c r="I38066" s="2">
        <v>0</v>
      </c>
      <c r="J38066" s="2">
        <v>0</v>
      </c>
      <c r="K38066" s="2">
        <v>0.48</v>
      </c>
      <c r="L38066" t="s">
        <v>995</v>
      </c>
      <c r="M38066" t="s">
        <v>83</v>
      </c>
      <c r="N38066" t="s">
        <v>84</v>
      </c>
      <c r="O38066" t="s">
        <v>85</v>
      </c>
      <c r="P38066" t="s">
        <v>86</v>
      </c>
      <c r="Q38066">
        <v>63</v>
      </c>
      <c r="R38066">
        <v>63</v>
      </c>
      <c r="S38066">
        <v>64</v>
      </c>
      <c r="T38066">
        <v>64</v>
      </c>
      <c r="U38066">
        <v>65</v>
      </c>
      <c r="V38066">
        <v>66</v>
      </c>
      <c r="W38066">
        <v>66</v>
      </c>
      <c r="X38066">
        <v>67</v>
      </c>
      <c r="Y38066">
        <v>68</v>
      </c>
      <c r="Z38066">
        <v>68</v>
      </c>
      <c r="AA38066">
        <v>69</v>
      </c>
      <c r="AB38066">
        <v>69</v>
      </c>
      <c r="AC38066">
        <v>70</v>
      </c>
      <c r="AD38066">
        <v>70</v>
      </c>
      <c r="AE38066">
        <v>71</v>
      </c>
      <c r="AF38066">
        <v>71</v>
      </c>
      <c r="AG38066">
        <v>72</v>
      </c>
      <c r="AH38066">
        <v>72</v>
      </c>
      <c r="AI38066">
        <v>73</v>
      </c>
      <c r="AJ38066">
        <v>73</v>
      </c>
      <c r="AK38066">
        <v>74</v>
      </c>
      <c r="AL38066">
        <v>74</v>
      </c>
      <c r="AM38066">
        <v>73</v>
      </c>
      <c r="AN38066">
        <v>73</v>
      </c>
      <c r="AO38066">
        <v>73</v>
      </c>
      <c r="AP38066">
        <v>73</v>
      </c>
      <c r="AQ38066">
        <v>72</v>
      </c>
    </row>
    <row r="38067" spans="1:43">
      <c r="A38067" t="s">
        <v>23607</v>
      </c>
      <c r="B38067" t="s">
        <v>23608</v>
      </c>
      <c r="C38067" t="s">
        <v>23609</v>
      </c>
      <c r="D38067" t="s">
        <v>23610</v>
      </c>
      <c r="E38067" t="s">
        <v>23601</v>
      </c>
      <c r="F38067" t="s">
        <v>23602</v>
      </c>
      <c r="G38067" t="s">
        <v>22539</v>
      </c>
      <c r="H38067" t="s">
        <v>22540</v>
      </c>
      <c r="I38067" s="2">
        <v>0</v>
      </c>
      <c r="J38067" s="2">
        <v>0</v>
      </c>
      <c r="K38067" s="2">
        <v>0.48</v>
      </c>
      <c r="L38067" t="s">
        <v>995</v>
      </c>
      <c r="M38067" t="s">
        <v>87</v>
      </c>
      <c r="N38067" t="s">
        <v>88</v>
      </c>
      <c r="O38067" t="s">
        <v>85</v>
      </c>
      <c r="P38067" t="s">
        <v>86</v>
      </c>
      <c r="Q38067">
        <v>63</v>
      </c>
      <c r="R38067">
        <v>63</v>
      </c>
      <c r="S38067">
        <v>63</v>
      </c>
      <c r="T38067">
        <v>63</v>
      </c>
      <c r="U38067">
        <v>63</v>
      </c>
      <c r="V38067">
        <v>63</v>
      </c>
      <c r="W38067">
        <v>63</v>
      </c>
      <c r="X38067">
        <v>63</v>
      </c>
      <c r="Y38067">
        <v>63</v>
      </c>
      <c r="Z38067">
        <v>64</v>
      </c>
      <c r="AA38067">
        <v>64</v>
      </c>
      <c r="AB38067">
        <v>64</v>
      </c>
      <c r="AC38067">
        <v>64</v>
      </c>
      <c r="AD38067">
        <v>64</v>
      </c>
      <c r="AE38067">
        <v>64</v>
      </c>
      <c r="AF38067">
        <v>64</v>
      </c>
      <c r="AG38067">
        <v>64</v>
      </c>
      <c r="AH38067">
        <v>64</v>
      </c>
      <c r="AI38067">
        <v>64</v>
      </c>
      <c r="AJ38067">
        <v>64</v>
      </c>
      <c r="AK38067">
        <v>64</v>
      </c>
      <c r="AL38067">
        <v>64</v>
      </c>
      <c r="AM38067">
        <v>64</v>
      </c>
      <c r="AN38067">
        <v>64</v>
      </c>
      <c r="AO38067">
        <v>64</v>
      </c>
      <c r="AP38067">
        <v>64</v>
      </c>
      <c r="AQ38067">
        <v>64</v>
      </c>
    </row>
    <row r="38068" spans="1:43">
      <c r="A38068" t="s">
        <v>23607</v>
      </c>
      <c r="B38068" t="s">
        <v>23608</v>
      </c>
      <c r="C38068" t="s">
        <v>23609</v>
      </c>
      <c r="D38068" t="s">
        <v>23610</v>
      </c>
      <c r="E38068" t="s">
        <v>23601</v>
      </c>
      <c r="F38068" t="s">
        <v>23602</v>
      </c>
      <c r="G38068" t="s">
        <v>22539</v>
      </c>
      <c r="H38068" t="s">
        <v>22540</v>
      </c>
      <c r="I38068" s="2">
        <v>0</v>
      </c>
      <c r="J38068" s="2">
        <v>0</v>
      </c>
      <c r="K38068" s="2">
        <v>0.48</v>
      </c>
      <c r="L38068" t="s">
        <v>995</v>
      </c>
      <c r="M38068" t="s">
        <v>89</v>
      </c>
      <c r="N38068" t="s">
        <v>90</v>
      </c>
      <c r="O38068" t="s">
        <v>85</v>
      </c>
      <c r="P38068" t="s">
        <v>86</v>
      </c>
      <c r="Q38068">
        <v>63</v>
      </c>
      <c r="R38068">
        <v>64</v>
      </c>
      <c r="S38068">
        <v>65</v>
      </c>
      <c r="T38068">
        <v>67</v>
      </c>
      <c r="U38068">
        <v>68</v>
      </c>
      <c r="V38068">
        <v>69</v>
      </c>
      <c r="W38068">
        <v>70</v>
      </c>
      <c r="X38068">
        <v>71</v>
      </c>
      <c r="Y38068">
        <v>72</v>
      </c>
      <c r="Z38068">
        <v>72</v>
      </c>
      <c r="AA38068">
        <v>73</v>
      </c>
      <c r="AB38068">
        <v>74</v>
      </c>
      <c r="AC38068">
        <v>75</v>
      </c>
      <c r="AD38068">
        <v>76</v>
      </c>
      <c r="AE38068">
        <v>76</v>
      </c>
      <c r="AF38068">
        <v>76</v>
      </c>
      <c r="AG38068">
        <v>75</v>
      </c>
      <c r="AH38068">
        <v>75</v>
      </c>
      <c r="AI38068">
        <v>75</v>
      </c>
      <c r="AJ38068">
        <v>75</v>
      </c>
      <c r="AK38068">
        <v>75</v>
      </c>
      <c r="AL38068">
        <v>74</v>
      </c>
      <c r="AM38068">
        <v>74</v>
      </c>
      <c r="AN38068">
        <v>74</v>
      </c>
      <c r="AO38068">
        <v>74</v>
      </c>
      <c r="AP38068">
        <v>73</v>
      </c>
      <c r="AQ38068">
        <v>73</v>
      </c>
    </row>
    <row r="38069" spans="1:43">
      <c r="A38069" t="s">
        <v>23607</v>
      </c>
      <c r="B38069" t="s">
        <v>23608</v>
      </c>
      <c r="C38069" t="s">
        <v>23609</v>
      </c>
      <c r="D38069" t="s">
        <v>23610</v>
      </c>
      <c r="E38069" t="s">
        <v>23601</v>
      </c>
      <c r="F38069" t="s">
        <v>23602</v>
      </c>
      <c r="G38069" t="s">
        <v>22539</v>
      </c>
      <c r="H38069" t="s">
        <v>22540</v>
      </c>
      <c r="I38069" s="2">
        <v>0</v>
      </c>
      <c r="J38069" s="2">
        <v>0</v>
      </c>
      <c r="K38069" s="2">
        <v>0.48</v>
      </c>
      <c r="L38069" t="s">
        <v>995</v>
      </c>
      <c r="M38069" t="s">
        <v>83</v>
      </c>
      <c r="N38069" t="s">
        <v>91</v>
      </c>
      <c r="O38069" t="s">
        <v>85</v>
      </c>
      <c r="P38069" t="s">
        <v>86</v>
      </c>
      <c r="Q38069">
        <v>63</v>
      </c>
      <c r="R38069">
        <v>63</v>
      </c>
      <c r="S38069">
        <v>64</v>
      </c>
      <c r="T38069">
        <v>64</v>
      </c>
      <c r="U38069">
        <v>65</v>
      </c>
      <c r="V38069">
        <v>66</v>
      </c>
      <c r="W38069">
        <v>66</v>
      </c>
      <c r="X38069">
        <v>67</v>
      </c>
      <c r="Y38069">
        <v>68</v>
      </c>
      <c r="Z38069">
        <v>68</v>
      </c>
      <c r="AA38069">
        <v>69</v>
      </c>
      <c r="AB38069">
        <v>69</v>
      </c>
      <c r="AC38069">
        <v>70</v>
      </c>
      <c r="AD38069">
        <v>70</v>
      </c>
      <c r="AE38069">
        <v>71</v>
      </c>
      <c r="AF38069">
        <v>71</v>
      </c>
      <c r="AG38069">
        <v>72</v>
      </c>
      <c r="AH38069">
        <v>72</v>
      </c>
      <c r="AI38069">
        <v>73</v>
      </c>
      <c r="AJ38069">
        <v>73</v>
      </c>
      <c r="AK38069">
        <v>74</v>
      </c>
      <c r="AL38069">
        <v>74</v>
      </c>
      <c r="AM38069">
        <v>73</v>
      </c>
      <c r="AN38069">
        <v>73</v>
      </c>
      <c r="AO38069">
        <v>73</v>
      </c>
      <c r="AP38069">
        <v>73</v>
      </c>
      <c r="AQ38069">
        <v>72</v>
      </c>
    </row>
    <row r="38070" spans="1:43">
      <c r="A38070" t="s">
        <v>23611</v>
      </c>
      <c r="B38070" t="s">
        <v>23612</v>
      </c>
      <c r="C38070" t="s">
        <v>23605</v>
      </c>
      <c r="D38070" t="s">
        <v>23606</v>
      </c>
      <c r="E38070" t="s">
        <v>23601</v>
      </c>
      <c r="F38070" t="s">
        <v>23602</v>
      </c>
      <c r="G38070" t="s">
        <v>22539</v>
      </c>
      <c r="H38070" t="s">
        <v>22540</v>
      </c>
      <c r="I38070" s="2">
        <v>0</v>
      </c>
      <c r="J38070" s="2">
        <v>0</v>
      </c>
      <c r="K38070" s="2">
        <v>1</v>
      </c>
      <c r="L38070" t="s">
        <v>995</v>
      </c>
      <c r="M38070" t="s">
        <v>83</v>
      </c>
      <c r="N38070" t="s">
        <v>84</v>
      </c>
      <c r="O38070" t="s">
        <v>85</v>
      </c>
      <c r="P38070" t="s">
        <v>86</v>
      </c>
      <c r="Q38070">
        <v>54</v>
      </c>
      <c r="R38070">
        <v>55</v>
      </c>
      <c r="S38070">
        <v>55</v>
      </c>
      <c r="T38070">
        <v>56</v>
      </c>
      <c r="U38070">
        <v>56</v>
      </c>
      <c r="V38070">
        <v>57</v>
      </c>
      <c r="W38070">
        <v>57</v>
      </c>
      <c r="X38070">
        <v>58</v>
      </c>
      <c r="Y38070">
        <v>58</v>
      </c>
      <c r="Z38070">
        <v>59</v>
      </c>
      <c r="AA38070">
        <v>59</v>
      </c>
      <c r="AB38070">
        <v>59</v>
      </c>
      <c r="AC38070">
        <v>60</v>
      </c>
      <c r="AD38070">
        <v>60</v>
      </c>
      <c r="AE38070">
        <v>61</v>
      </c>
      <c r="AF38070">
        <v>61</v>
      </c>
      <c r="AG38070">
        <v>61</v>
      </c>
      <c r="AH38070">
        <v>62</v>
      </c>
      <c r="AI38070">
        <v>62</v>
      </c>
      <c r="AJ38070">
        <v>62</v>
      </c>
      <c r="AK38070">
        <v>63</v>
      </c>
      <c r="AL38070">
        <v>63</v>
      </c>
      <c r="AM38070">
        <v>63</v>
      </c>
      <c r="AN38070">
        <v>62</v>
      </c>
      <c r="AO38070">
        <v>62</v>
      </c>
      <c r="AP38070">
        <v>62</v>
      </c>
      <c r="AQ38070">
        <v>62</v>
      </c>
    </row>
    <row r="38071" spans="1:43">
      <c r="A38071" t="s">
        <v>23611</v>
      </c>
      <c r="B38071" t="s">
        <v>23612</v>
      </c>
      <c r="C38071" t="s">
        <v>23605</v>
      </c>
      <c r="D38071" t="s">
        <v>23606</v>
      </c>
      <c r="E38071" t="s">
        <v>23601</v>
      </c>
      <c r="F38071" t="s">
        <v>23602</v>
      </c>
      <c r="G38071" t="s">
        <v>22539</v>
      </c>
      <c r="H38071" t="s">
        <v>22540</v>
      </c>
      <c r="I38071" s="2">
        <v>0</v>
      </c>
      <c r="J38071" s="2">
        <v>0</v>
      </c>
      <c r="K38071" s="2">
        <v>1</v>
      </c>
      <c r="L38071" t="s">
        <v>995</v>
      </c>
      <c r="M38071" t="s">
        <v>87</v>
      </c>
      <c r="N38071" t="s">
        <v>88</v>
      </c>
      <c r="O38071" t="s">
        <v>85</v>
      </c>
      <c r="P38071" t="s">
        <v>86</v>
      </c>
      <c r="Q38071">
        <v>54</v>
      </c>
      <c r="R38071">
        <v>55</v>
      </c>
      <c r="S38071">
        <v>55</v>
      </c>
      <c r="T38071">
        <v>55</v>
      </c>
      <c r="U38071">
        <v>55</v>
      </c>
      <c r="V38071">
        <v>55</v>
      </c>
      <c r="W38071">
        <v>55</v>
      </c>
      <c r="X38071">
        <v>55</v>
      </c>
      <c r="Y38071">
        <v>55</v>
      </c>
      <c r="Z38071">
        <v>55</v>
      </c>
      <c r="AA38071">
        <v>55</v>
      </c>
      <c r="AB38071">
        <v>55</v>
      </c>
      <c r="AC38071">
        <v>55</v>
      </c>
      <c r="AD38071">
        <v>55</v>
      </c>
      <c r="AE38071">
        <v>55</v>
      </c>
      <c r="AF38071">
        <v>55</v>
      </c>
      <c r="AG38071">
        <v>55</v>
      </c>
      <c r="AH38071">
        <v>55</v>
      </c>
      <c r="AI38071">
        <v>55</v>
      </c>
      <c r="AJ38071">
        <v>55</v>
      </c>
      <c r="AK38071">
        <v>55</v>
      </c>
      <c r="AL38071">
        <v>55</v>
      </c>
      <c r="AM38071">
        <v>55</v>
      </c>
      <c r="AN38071">
        <v>55</v>
      </c>
      <c r="AO38071">
        <v>54</v>
      </c>
      <c r="AP38071">
        <v>54</v>
      </c>
      <c r="AQ38071">
        <v>54</v>
      </c>
    </row>
    <row r="38072" spans="1:43">
      <c r="A38072" t="s">
        <v>23611</v>
      </c>
      <c r="B38072" t="s">
        <v>23612</v>
      </c>
      <c r="C38072" t="s">
        <v>23605</v>
      </c>
      <c r="D38072" t="s">
        <v>23606</v>
      </c>
      <c r="E38072" t="s">
        <v>23601</v>
      </c>
      <c r="F38072" t="s">
        <v>23602</v>
      </c>
      <c r="G38072" t="s">
        <v>22539</v>
      </c>
      <c r="H38072" t="s">
        <v>22540</v>
      </c>
      <c r="I38072" s="2">
        <v>0</v>
      </c>
      <c r="J38072" s="2">
        <v>0</v>
      </c>
      <c r="K38072" s="2">
        <v>1</v>
      </c>
      <c r="L38072" t="s">
        <v>995</v>
      </c>
      <c r="M38072" t="s">
        <v>89</v>
      </c>
      <c r="N38072" t="s">
        <v>90</v>
      </c>
      <c r="O38072" t="s">
        <v>85</v>
      </c>
      <c r="P38072" t="s">
        <v>86</v>
      </c>
      <c r="Q38072">
        <v>54</v>
      </c>
      <c r="R38072">
        <v>55</v>
      </c>
      <c r="S38072">
        <v>56</v>
      </c>
      <c r="T38072">
        <v>57</v>
      </c>
      <c r="U38072">
        <v>58</v>
      </c>
      <c r="V38072">
        <v>59</v>
      </c>
      <c r="W38072">
        <v>60</v>
      </c>
      <c r="X38072">
        <v>61</v>
      </c>
      <c r="Y38072">
        <v>62</v>
      </c>
      <c r="Z38072">
        <v>62</v>
      </c>
      <c r="AA38072">
        <v>63</v>
      </c>
      <c r="AB38072">
        <v>63</v>
      </c>
      <c r="AC38072">
        <v>64</v>
      </c>
      <c r="AD38072">
        <v>65</v>
      </c>
      <c r="AE38072">
        <v>65</v>
      </c>
      <c r="AF38072">
        <v>65</v>
      </c>
      <c r="AG38072">
        <v>65</v>
      </c>
      <c r="AH38072">
        <v>64</v>
      </c>
      <c r="AI38072">
        <v>64</v>
      </c>
      <c r="AJ38072">
        <v>64</v>
      </c>
      <c r="AK38072">
        <v>64</v>
      </c>
      <c r="AL38072">
        <v>63</v>
      </c>
      <c r="AM38072">
        <v>63</v>
      </c>
      <c r="AN38072">
        <v>63</v>
      </c>
      <c r="AO38072">
        <v>63</v>
      </c>
      <c r="AP38072">
        <v>62</v>
      </c>
      <c r="AQ38072">
        <v>62</v>
      </c>
    </row>
    <row r="38073" spans="1:43">
      <c r="A38073" t="s">
        <v>23611</v>
      </c>
      <c r="B38073" t="s">
        <v>23612</v>
      </c>
      <c r="C38073" t="s">
        <v>23605</v>
      </c>
      <c r="D38073" t="s">
        <v>23606</v>
      </c>
      <c r="E38073" t="s">
        <v>23601</v>
      </c>
      <c r="F38073" t="s">
        <v>23602</v>
      </c>
      <c r="G38073" t="s">
        <v>22539</v>
      </c>
      <c r="H38073" t="s">
        <v>22540</v>
      </c>
      <c r="I38073" s="2">
        <v>0</v>
      </c>
      <c r="J38073" s="2">
        <v>0</v>
      </c>
      <c r="K38073" s="2">
        <v>1</v>
      </c>
      <c r="L38073" t="s">
        <v>995</v>
      </c>
      <c r="M38073" t="s">
        <v>83</v>
      </c>
      <c r="N38073" t="s">
        <v>91</v>
      </c>
      <c r="O38073" t="s">
        <v>85</v>
      </c>
      <c r="P38073" t="s">
        <v>86</v>
      </c>
      <c r="Q38073">
        <v>54</v>
      </c>
      <c r="R38073">
        <v>55</v>
      </c>
      <c r="S38073">
        <v>55</v>
      </c>
      <c r="T38073">
        <v>56</v>
      </c>
      <c r="U38073">
        <v>56</v>
      </c>
      <c r="V38073">
        <v>57</v>
      </c>
      <c r="W38073">
        <v>57</v>
      </c>
      <c r="X38073">
        <v>58</v>
      </c>
      <c r="Y38073">
        <v>58</v>
      </c>
      <c r="Z38073">
        <v>59</v>
      </c>
      <c r="AA38073">
        <v>59</v>
      </c>
      <c r="AB38073">
        <v>59</v>
      </c>
      <c r="AC38073">
        <v>60</v>
      </c>
      <c r="AD38073">
        <v>60</v>
      </c>
      <c r="AE38073">
        <v>61</v>
      </c>
      <c r="AF38073">
        <v>61</v>
      </c>
      <c r="AG38073">
        <v>61</v>
      </c>
      <c r="AH38073">
        <v>62</v>
      </c>
      <c r="AI38073">
        <v>62</v>
      </c>
      <c r="AJ38073">
        <v>62</v>
      </c>
      <c r="AK38073">
        <v>63</v>
      </c>
      <c r="AL38073">
        <v>63</v>
      </c>
      <c r="AM38073">
        <v>63</v>
      </c>
      <c r="AN38073">
        <v>62</v>
      </c>
      <c r="AO38073">
        <v>62</v>
      </c>
      <c r="AP38073">
        <v>62</v>
      </c>
      <c r="AQ38073">
        <v>62</v>
      </c>
    </row>
    <row r="38074" spans="1:43">
      <c r="A38074" t="s">
        <v>23613</v>
      </c>
      <c r="B38074" t="s">
        <v>23614</v>
      </c>
      <c r="C38074" t="s">
        <v>23605</v>
      </c>
      <c r="D38074" t="s">
        <v>23606</v>
      </c>
      <c r="E38074" t="s">
        <v>23601</v>
      </c>
      <c r="F38074" t="s">
        <v>23602</v>
      </c>
      <c r="G38074" t="s">
        <v>22539</v>
      </c>
      <c r="H38074" t="s">
        <v>22540</v>
      </c>
      <c r="I38074" s="2">
        <v>0</v>
      </c>
      <c r="J38074" s="2">
        <v>0</v>
      </c>
      <c r="K38074" s="2">
        <v>1</v>
      </c>
      <c r="L38074" t="s">
        <v>995</v>
      </c>
      <c r="M38074" t="s">
        <v>83</v>
      </c>
      <c r="N38074" t="s">
        <v>84</v>
      </c>
      <c r="O38074" t="s">
        <v>85</v>
      </c>
      <c r="P38074" t="s">
        <v>86</v>
      </c>
      <c r="Q38074">
        <v>14</v>
      </c>
      <c r="R38074">
        <v>15</v>
      </c>
      <c r="S38074">
        <v>15</v>
      </c>
      <c r="T38074">
        <v>15</v>
      </c>
      <c r="U38074">
        <v>15</v>
      </c>
      <c r="V38074">
        <v>15</v>
      </c>
      <c r="W38074">
        <v>15</v>
      </c>
      <c r="X38074">
        <v>15</v>
      </c>
      <c r="Y38074">
        <v>15</v>
      </c>
      <c r="Z38074">
        <v>16</v>
      </c>
      <c r="AA38074">
        <v>16</v>
      </c>
      <c r="AB38074">
        <v>16</v>
      </c>
      <c r="AC38074">
        <v>16</v>
      </c>
      <c r="AD38074">
        <v>16</v>
      </c>
      <c r="AE38074">
        <v>16</v>
      </c>
      <c r="AF38074">
        <v>16</v>
      </c>
      <c r="AG38074">
        <v>16</v>
      </c>
      <c r="AH38074">
        <v>16</v>
      </c>
      <c r="AI38074">
        <v>17</v>
      </c>
      <c r="AJ38074">
        <v>17</v>
      </c>
      <c r="AK38074">
        <v>17</v>
      </c>
      <c r="AL38074">
        <v>17</v>
      </c>
      <c r="AM38074">
        <v>17</v>
      </c>
      <c r="AN38074">
        <v>17</v>
      </c>
      <c r="AO38074">
        <v>17</v>
      </c>
      <c r="AP38074">
        <v>16</v>
      </c>
      <c r="AQ38074">
        <v>16</v>
      </c>
    </row>
    <row r="38075" spans="1:43">
      <c r="A38075" t="s">
        <v>23613</v>
      </c>
      <c r="B38075" t="s">
        <v>23614</v>
      </c>
      <c r="C38075" t="s">
        <v>23605</v>
      </c>
      <c r="D38075" t="s">
        <v>23606</v>
      </c>
      <c r="E38075" t="s">
        <v>23601</v>
      </c>
      <c r="F38075" t="s">
        <v>23602</v>
      </c>
      <c r="G38075" t="s">
        <v>22539</v>
      </c>
      <c r="H38075" t="s">
        <v>22540</v>
      </c>
      <c r="I38075" s="2">
        <v>0</v>
      </c>
      <c r="J38075" s="2">
        <v>0</v>
      </c>
      <c r="K38075" s="2">
        <v>1</v>
      </c>
      <c r="L38075" t="s">
        <v>995</v>
      </c>
      <c r="M38075" t="s">
        <v>87</v>
      </c>
      <c r="N38075" t="s">
        <v>88</v>
      </c>
      <c r="O38075" t="s">
        <v>85</v>
      </c>
      <c r="P38075" t="s">
        <v>86</v>
      </c>
      <c r="Q38075">
        <v>14</v>
      </c>
      <c r="R38075">
        <v>14</v>
      </c>
      <c r="S38075">
        <v>14</v>
      </c>
      <c r="T38075">
        <v>14</v>
      </c>
      <c r="U38075">
        <v>14</v>
      </c>
      <c r="V38075">
        <v>14</v>
      </c>
      <c r="W38075">
        <v>14</v>
      </c>
      <c r="X38075">
        <v>14</v>
      </c>
      <c r="Y38075">
        <v>14</v>
      </c>
      <c r="Z38075">
        <v>14</v>
      </c>
      <c r="AA38075">
        <v>14</v>
      </c>
      <c r="AB38075">
        <v>14</v>
      </c>
      <c r="AC38075">
        <v>14</v>
      </c>
      <c r="AD38075">
        <v>14</v>
      </c>
      <c r="AE38075">
        <v>14</v>
      </c>
      <c r="AF38075">
        <v>14</v>
      </c>
      <c r="AG38075">
        <v>14</v>
      </c>
      <c r="AH38075">
        <v>14</v>
      </c>
      <c r="AI38075">
        <v>14</v>
      </c>
      <c r="AJ38075">
        <v>14</v>
      </c>
      <c r="AK38075">
        <v>14</v>
      </c>
      <c r="AL38075">
        <v>14</v>
      </c>
      <c r="AM38075">
        <v>14</v>
      </c>
      <c r="AN38075">
        <v>14</v>
      </c>
      <c r="AO38075">
        <v>14</v>
      </c>
      <c r="AP38075">
        <v>14</v>
      </c>
      <c r="AQ38075">
        <v>14</v>
      </c>
    </row>
    <row r="38076" spans="1:43">
      <c r="A38076" t="s">
        <v>23613</v>
      </c>
      <c r="B38076" t="s">
        <v>23614</v>
      </c>
      <c r="C38076" t="s">
        <v>23605</v>
      </c>
      <c r="D38076" t="s">
        <v>23606</v>
      </c>
      <c r="E38076" t="s">
        <v>23601</v>
      </c>
      <c r="F38076" t="s">
        <v>23602</v>
      </c>
      <c r="G38076" t="s">
        <v>22539</v>
      </c>
      <c r="H38076" t="s">
        <v>22540</v>
      </c>
      <c r="I38076" s="2">
        <v>0</v>
      </c>
      <c r="J38076" s="2">
        <v>0</v>
      </c>
      <c r="K38076" s="2">
        <v>1</v>
      </c>
      <c r="L38076" t="s">
        <v>995</v>
      </c>
      <c r="M38076" t="s">
        <v>89</v>
      </c>
      <c r="N38076" t="s">
        <v>90</v>
      </c>
      <c r="O38076" t="s">
        <v>85</v>
      </c>
      <c r="P38076" t="s">
        <v>86</v>
      </c>
      <c r="Q38076">
        <v>14</v>
      </c>
      <c r="R38076">
        <v>15</v>
      </c>
      <c r="S38076">
        <v>15</v>
      </c>
      <c r="T38076">
        <v>15</v>
      </c>
      <c r="U38076">
        <v>16</v>
      </c>
      <c r="V38076">
        <v>16</v>
      </c>
      <c r="W38076">
        <v>16</v>
      </c>
      <c r="X38076">
        <v>16</v>
      </c>
      <c r="Y38076">
        <v>16</v>
      </c>
      <c r="Z38076">
        <v>17</v>
      </c>
      <c r="AA38076">
        <v>17</v>
      </c>
      <c r="AB38076">
        <v>17</v>
      </c>
      <c r="AC38076">
        <v>17</v>
      </c>
      <c r="AD38076">
        <v>17</v>
      </c>
      <c r="AE38076">
        <v>17</v>
      </c>
      <c r="AF38076">
        <v>17</v>
      </c>
      <c r="AG38076">
        <v>17</v>
      </c>
      <c r="AH38076">
        <v>17</v>
      </c>
      <c r="AI38076">
        <v>17</v>
      </c>
      <c r="AJ38076">
        <v>17</v>
      </c>
      <c r="AK38076">
        <v>17</v>
      </c>
      <c r="AL38076">
        <v>17</v>
      </c>
      <c r="AM38076">
        <v>17</v>
      </c>
      <c r="AN38076">
        <v>17</v>
      </c>
      <c r="AO38076">
        <v>17</v>
      </c>
      <c r="AP38076">
        <v>17</v>
      </c>
      <c r="AQ38076">
        <v>17</v>
      </c>
    </row>
    <row r="38077" spans="1:43">
      <c r="A38077" t="s">
        <v>23613</v>
      </c>
      <c r="B38077" t="s">
        <v>23614</v>
      </c>
      <c r="C38077" t="s">
        <v>23605</v>
      </c>
      <c r="D38077" t="s">
        <v>23606</v>
      </c>
      <c r="E38077" t="s">
        <v>23601</v>
      </c>
      <c r="F38077" t="s">
        <v>23602</v>
      </c>
      <c r="G38077" t="s">
        <v>22539</v>
      </c>
      <c r="H38077" t="s">
        <v>22540</v>
      </c>
      <c r="I38077" s="2">
        <v>0</v>
      </c>
      <c r="J38077" s="2">
        <v>0</v>
      </c>
      <c r="K38077" s="2">
        <v>1</v>
      </c>
      <c r="L38077" t="s">
        <v>995</v>
      </c>
      <c r="M38077" t="s">
        <v>83</v>
      </c>
      <c r="N38077" t="s">
        <v>91</v>
      </c>
      <c r="O38077" t="s">
        <v>85</v>
      </c>
      <c r="P38077" t="s">
        <v>86</v>
      </c>
      <c r="Q38077">
        <v>14</v>
      </c>
      <c r="R38077">
        <v>15</v>
      </c>
      <c r="S38077">
        <v>15</v>
      </c>
      <c r="T38077">
        <v>15</v>
      </c>
      <c r="U38077">
        <v>15</v>
      </c>
      <c r="V38077">
        <v>15</v>
      </c>
      <c r="W38077">
        <v>15</v>
      </c>
      <c r="X38077">
        <v>15</v>
      </c>
      <c r="Y38077">
        <v>15</v>
      </c>
      <c r="Z38077">
        <v>16</v>
      </c>
      <c r="AA38077">
        <v>16</v>
      </c>
      <c r="AB38077">
        <v>16</v>
      </c>
      <c r="AC38077">
        <v>16</v>
      </c>
      <c r="AD38077">
        <v>16</v>
      </c>
      <c r="AE38077">
        <v>16</v>
      </c>
      <c r="AF38077">
        <v>16</v>
      </c>
      <c r="AG38077">
        <v>16</v>
      </c>
      <c r="AH38077">
        <v>16</v>
      </c>
      <c r="AI38077">
        <v>17</v>
      </c>
      <c r="AJ38077">
        <v>17</v>
      </c>
      <c r="AK38077">
        <v>17</v>
      </c>
      <c r="AL38077">
        <v>17</v>
      </c>
      <c r="AM38077">
        <v>17</v>
      </c>
      <c r="AN38077">
        <v>17</v>
      </c>
      <c r="AO38077">
        <v>17</v>
      </c>
      <c r="AP38077">
        <v>16</v>
      </c>
      <c r="AQ38077">
        <v>16</v>
      </c>
    </row>
    <row r="38078" spans="1:43">
      <c r="A38078" t="s">
        <v>23615</v>
      </c>
      <c r="B38078" t="s">
        <v>23616</v>
      </c>
      <c r="C38078" t="s">
        <v>23599</v>
      </c>
      <c r="D38078" t="s">
        <v>23600</v>
      </c>
      <c r="E38078" t="s">
        <v>23601</v>
      </c>
      <c r="F38078" t="s">
        <v>23602</v>
      </c>
      <c r="G38078" t="s">
        <v>22539</v>
      </c>
      <c r="H38078" t="s">
        <v>22540</v>
      </c>
      <c r="I38078" s="2">
        <v>0</v>
      </c>
      <c r="J38078" s="2">
        <v>0</v>
      </c>
      <c r="K38078" s="2">
        <v>0.67</v>
      </c>
      <c r="L38078" t="s">
        <v>995</v>
      </c>
      <c r="M38078" t="s">
        <v>83</v>
      </c>
      <c r="N38078" t="s">
        <v>84</v>
      </c>
      <c r="O38078" t="s">
        <v>85</v>
      </c>
      <c r="P38078" t="s">
        <v>86</v>
      </c>
      <c r="Q38078">
        <v>30</v>
      </c>
      <c r="R38078">
        <v>31</v>
      </c>
      <c r="S38078">
        <v>31</v>
      </c>
      <c r="T38078">
        <v>31</v>
      </c>
      <c r="U38078">
        <v>31</v>
      </c>
      <c r="V38078">
        <v>32</v>
      </c>
      <c r="W38078">
        <v>32</v>
      </c>
      <c r="X38078">
        <v>32</v>
      </c>
      <c r="Y38078">
        <v>32</v>
      </c>
      <c r="Z38078">
        <v>33</v>
      </c>
      <c r="AA38078">
        <v>33</v>
      </c>
      <c r="AB38078">
        <v>33</v>
      </c>
      <c r="AC38078">
        <v>33</v>
      </c>
      <c r="AD38078">
        <v>34</v>
      </c>
      <c r="AE38078">
        <v>34</v>
      </c>
      <c r="AF38078">
        <v>34</v>
      </c>
      <c r="AG38078">
        <v>34</v>
      </c>
      <c r="AH38078">
        <v>34</v>
      </c>
      <c r="AI38078">
        <v>35</v>
      </c>
      <c r="AJ38078">
        <v>35</v>
      </c>
      <c r="AK38078">
        <v>35</v>
      </c>
      <c r="AL38078">
        <v>35</v>
      </c>
      <c r="AM38078">
        <v>35</v>
      </c>
      <c r="AN38078">
        <v>34</v>
      </c>
      <c r="AO38078">
        <v>34</v>
      </c>
      <c r="AP38078">
        <v>34</v>
      </c>
      <c r="AQ38078">
        <v>34</v>
      </c>
    </row>
    <row r="38079" spans="1:43">
      <c r="A38079" t="s">
        <v>23615</v>
      </c>
      <c r="B38079" t="s">
        <v>23616</v>
      </c>
      <c r="C38079" t="s">
        <v>23599</v>
      </c>
      <c r="D38079" t="s">
        <v>23600</v>
      </c>
      <c r="E38079" t="s">
        <v>23601</v>
      </c>
      <c r="F38079" t="s">
        <v>23602</v>
      </c>
      <c r="G38079" t="s">
        <v>22539</v>
      </c>
      <c r="H38079" t="s">
        <v>22540</v>
      </c>
      <c r="I38079" s="2">
        <v>0</v>
      </c>
      <c r="J38079" s="2">
        <v>0</v>
      </c>
      <c r="K38079" s="2">
        <v>0.67</v>
      </c>
      <c r="L38079" t="s">
        <v>995</v>
      </c>
      <c r="M38079" t="s">
        <v>87</v>
      </c>
      <c r="N38079" t="s">
        <v>88</v>
      </c>
      <c r="O38079" t="s">
        <v>85</v>
      </c>
      <c r="P38079" t="s">
        <v>86</v>
      </c>
      <c r="Q38079">
        <v>30</v>
      </c>
      <c r="R38079">
        <v>30</v>
      </c>
      <c r="S38079">
        <v>30</v>
      </c>
      <c r="T38079">
        <v>30</v>
      </c>
      <c r="U38079">
        <v>30</v>
      </c>
      <c r="V38079">
        <v>30</v>
      </c>
      <c r="W38079">
        <v>30</v>
      </c>
      <c r="X38079">
        <v>30</v>
      </c>
      <c r="Y38079">
        <v>30</v>
      </c>
      <c r="Z38079">
        <v>30</v>
      </c>
      <c r="AA38079">
        <v>30</v>
      </c>
      <c r="AB38079">
        <v>30</v>
      </c>
      <c r="AC38079">
        <v>30</v>
      </c>
      <c r="AD38079">
        <v>30</v>
      </c>
      <c r="AE38079">
        <v>30</v>
      </c>
      <c r="AF38079">
        <v>30</v>
      </c>
      <c r="AG38079">
        <v>30</v>
      </c>
      <c r="AH38079">
        <v>30</v>
      </c>
      <c r="AI38079">
        <v>30</v>
      </c>
      <c r="AJ38079">
        <v>30</v>
      </c>
      <c r="AK38079">
        <v>30</v>
      </c>
      <c r="AL38079">
        <v>30</v>
      </c>
      <c r="AM38079">
        <v>30</v>
      </c>
      <c r="AN38079">
        <v>30</v>
      </c>
      <c r="AO38079">
        <v>30</v>
      </c>
      <c r="AP38079">
        <v>30</v>
      </c>
      <c r="AQ38079">
        <v>30</v>
      </c>
    </row>
    <row r="38080" spans="1:43">
      <c r="A38080" t="s">
        <v>23615</v>
      </c>
      <c r="B38080" t="s">
        <v>23616</v>
      </c>
      <c r="C38080" t="s">
        <v>23599</v>
      </c>
      <c r="D38080" t="s">
        <v>23600</v>
      </c>
      <c r="E38080" t="s">
        <v>23601</v>
      </c>
      <c r="F38080" t="s">
        <v>23602</v>
      </c>
      <c r="G38080" t="s">
        <v>22539</v>
      </c>
      <c r="H38080" t="s">
        <v>22540</v>
      </c>
      <c r="I38080" s="2">
        <v>0</v>
      </c>
      <c r="J38080" s="2">
        <v>0</v>
      </c>
      <c r="K38080" s="2">
        <v>0.67</v>
      </c>
      <c r="L38080" t="s">
        <v>995</v>
      </c>
      <c r="M38080" t="s">
        <v>89</v>
      </c>
      <c r="N38080" t="s">
        <v>90</v>
      </c>
      <c r="O38080" t="s">
        <v>85</v>
      </c>
      <c r="P38080" t="s">
        <v>86</v>
      </c>
      <c r="Q38080">
        <v>30</v>
      </c>
      <c r="R38080">
        <v>30</v>
      </c>
      <c r="S38080">
        <v>31</v>
      </c>
      <c r="T38080">
        <v>31</v>
      </c>
      <c r="U38080">
        <v>32</v>
      </c>
      <c r="V38080">
        <v>32</v>
      </c>
      <c r="W38080">
        <v>33</v>
      </c>
      <c r="X38080">
        <v>33</v>
      </c>
      <c r="Y38080">
        <v>33</v>
      </c>
      <c r="Z38080">
        <v>34</v>
      </c>
      <c r="AA38080">
        <v>34</v>
      </c>
      <c r="AB38080">
        <v>34</v>
      </c>
      <c r="AC38080">
        <v>35</v>
      </c>
      <c r="AD38080">
        <v>35</v>
      </c>
      <c r="AE38080">
        <v>35</v>
      </c>
      <c r="AF38080">
        <v>35</v>
      </c>
      <c r="AG38080">
        <v>35</v>
      </c>
      <c r="AH38080">
        <v>35</v>
      </c>
      <c r="AI38080">
        <v>35</v>
      </c>
      <c r="AJ38080">
        <v>34</v>
      </c>
      <c r="AK38080">
        <v>34</v>
      </c>
      <c r="AL38080">
        <v>34</v>
      </c>
      <c r="AM38080">
        <v>34</v>
      </c>
      <c r="AN38080">
        <v>34</v>
      </c>
      <c r="AO38080">
        <v>34</v>
      </c>
      <c r="AP38080">
        <v>33</v>
      </c>
      <c r="AQ38080">
        <v>33</v>
      </c>
    </row>
    <row r="38081" spans="1:43">
      <c r="A38081" t="s">
        <v>23615</v>
      </c>
      <c r="B38081" t="s">
        <v>23616</v>
      </c>
      <c r="C38081" t="s">
        <v>23599</v>
      </c>
      <c r="D38081" t="s">
        <v>23600</v>
      </c>
      <c r="E38081" t="s">
        <v>23601</v>
      </c>
      <c r="F38081" t="s">
        <v>23602</v>
      </c>
      <c r="G38081" t="s">
        <v>22539</v>
      </c>
      <c r="H38081" t="s">
        <v>22540</v>
      </c>
      <c r="I38081" s="2">
        <v>0</v>
      </c>
      <c r="J38081" s="2">
        <v>0</v>
      </c>
      <c r="K38081" s="2">
        <v>0.67</v>
      </c>
      <c r="L38081" t="s">
        <v>995</v>
      </c>
      <c r="M38081" t="s">
        <v>83</v>
      </c>
      <c r="N38081" t="s">
        <v>91</v>
      </c>
      <c r="O38081" t="s">
        <v>85</v>
      </c>
      <c r="P38081" t="s">
        <v>86</v>
      </c>
      <c r="Q38081">
        <v>30</v>
      </c>
      <c r="R38081">
        <v>31</v>
      </c>
      <c r="S38081">
        <v>31</v>
      </c>
      <c r="T38081">
        <v>31</v>
      </c>
      <c r="U38081">
        <v>31</v>
      </c>
      <c r="V38081">
        <v>32</v>
      </c>
      <c r="W38081">
        <v>32</v>
      </c>
      <c r="X38081">
        <v>32</v>
      </c>
      <c r="Y38081">
        <v>32</v>
      </c>
      <c r="Z38081">
        <v>33</v>
      </c>
      <c r="AA38081">
        <v>33</v>
      </c>
      <c r="AB38081">
        <v>33</v>
      </c>
      <c r="AC38081">
        <v>33</v>
      </c>
      <c r="AD38081">
        <v>34</v>
      </c>
      <c r="AE38081">
        <v>34</v>
      </c>
      <c r="AF38081">
        <v>34</v>
      </c>
      <c r="AG38081">
        <v>34</v>
      </c>
      <c r="AH38081">
        <v>34</v>
      </c>
      <c r="AI38081">
        <v>35</v>
      </c>
      <c r="AJ38081">
        <v>35</v>
      </c>
      <c r="AK38081">
        <v>35</v>
      </c>
      <c r="AL38081">
        <v>35</v>
      </c>
      <c r="AM38081">
        <v>35</v>
      </c>
      <c r="AN38081">
        <v>34</v>
      </c>
      <c r="AO38081">
        <v>34</v>
      </c>
      <c r="AP38081">
        <v>34</v>
      </c>
      <c r="AQ38081">
        <v>34</v>
      </c>
    </row>
    <row r="38082" spans="1:43">
      <c r="A38082" t="s">
        <v>23617</v>
      </c>
      <c r="B38082" t="s">
        <v>23618</v>
      </c>
      <c r="C38082" t="s">
        <v>23619</v>
      </c>
      <c r="D38082" t="s">
        <v>23620</v>
      </c>
      <c r="E38082" t="s">
        <v>23601</v>
      </c>
      <c r="F38082" t="s">
        <v>23602</v>
      </c>
      <c r="G38082" t="s">
        <v>22539</v>
      </c>
      <c r="H38082" t="s">
        <v>22540</v>
      </c>
      <c r="I38082" s="2">
        <v>0</v>
      </c>
      <c r="J38082" s="2">
        <v>0</v>
      </c>
      <c r="K38082" s="2">
        <v>1</v>
      </c>
      <c r="L38082" t="s">
        <v>995</v>
      </c>
      <c r="M38082" t="s">
        <v>83</v>
      </c>
      <c r="N38082" t="s">
        <v>84</v>
      </c>
      <c r="O38082" t="s">
        <v>85</v>
      </c>
      <c r="P38082" t="s">
        <v>86</v>
      </c>
      <c r="Q38082">
        <v>8</v>
      </c>
      <c r="R38082">
        <v>8</v>
      </c>
      <c r="S38082">
        <v>8</v>
      </c>
      <c r="T38082">
        <v>8</v>
      </c>
      <c r="U38082">
        <v>8</v>
      </c>
      <c r="V38082">
        <v>8</v>
      </c>
      <c r="W38082">
        <v>8</v>
      </c>
      <c r="X38082">
        <v>8</v>
      </c>
      <c r="Y38082">
        <v>8</v>
      </c>
      <c r="Z38082">
        <v>9</v>
      </c>
      <c r="AA38082">
        <v>9</v>
      </c>
      <c r="AB38082">
        <v>9</v>
      </c>
      <c r="AC38082">
        <v>9</v>
      </c>
      <c r="AD38082">
        <v>9</v>
      </c>
      <c r="AE38082">
        <v>9</v>
      </c>
      <c r="AF38082">
        <v>9</v>
      </c>
      <c r="AG38082">
        <v>9</v>
      </c>
      <c r="AH38082">
        <v>9</v>
      </c>
      <c r="AI38082">
        <v>9</v>
      </c>
      <c r="AJ38082">
        <v>9</v>
      </c>
      <c r="AK38082">
        <v>9</v>
      </c>
      <c r="AL38082">
        <v>9</v>
      </c>
      <c r="AM38082">
        <v>9</v>
      </c>
      <c r="AN38082">
        <v>9</v>
      </c>
      <c r="AO38082">
        <v>9</v>
      </c>
      <c r="AP38082">
        <v>9</v>
      </c>
      <c r="AQ38082">
        <v>9</v>
      </c>
    </row>
    <row r="38083" spans="1:43">
      <c r="A38083" t="s">
        <v>23617</v>
      </c>
      <c r="B38083" t="s">
        <v>23618</v>
      </c>
      <c r="C38083" t="s">
        <v>23619</v>
      </c>
      <c r="D38083" t="s">
        <v>23620</v>
      </c>
      <c r="E38083" t="s">
        <v>23601</v>
      </c>
      <c r="F38083" t="s">
        <v>23602</v>
      </c>
      <c r="G38083" t="s">
        <v>22539</v>
      </c>
      <c r="H38083" t="s">
        <v>22540</v>
      </c>
      <c r="I38083" s="2">
        <v>0</v>
      </c>
      <c r="J38083" s="2">
        <v>0</v>
      </c>
      <c r="K38083" s="2">
        <v>1</v>
      </c>
      <c r="L38083" t="s">
        <v>995</v>
      </c>
      <c r="M38083" t="s">
        <v>87</v>
      </c>
      <c r="N38083" t="s">
        <v>88</v>
      </c>
      <c r="O38083" t="s">
        <v>85</v>
      </c>
      <c r="P38083" t="s">
        <v>86</v>
      </c>
      <c r="Q38083">
        <v>8</v>
      </c>
      <c r="R38083">
        <v>8</v>
      </c>
      <c r="S38083">
        <v>8</v>
      </c>
      <c r="T38083">
        <v>8</v>
      </c>
      <c r="U38083">
        <v>8</v>
      </c>
      <c r="V38083">
        <v>8</v>
      </c>
      <c r="W38083">
        <v>8</v>
      </c>
      <c r="X38083">
        <v>8</v>
      </c>
      <c r="Y38083">
        <v>8</v>
      </c>
      <c r="Z38083">
        <v>8</v>
      </c>
      <c r="AA38083">
        <v>8</v>
      </c>
      <c r="AB38083">
        <v>8</v>
      </c>
      <c r="AC38083">
        <v>8</v>
      </c>
      <c r="AD38083">
        <v>8</v>
      </c>
      <c r="AE38083">
        <v>8</v>
      </c>
      <c r="AF38083">
        <v>8</v>
      </c>
      <c r="AG38083">
        <v>8</v>
      </c>
      <c r="AH38083">
        <v>8</v>
      </c>
      <c r="AI38083">
        <v>8</v>
      </c>
      <c r="AJ38083">
        <v>8</v>
      </c>
      <c r="AK38083">
        <v>8</v>
      </c>
      <c r="AL38083">
        <v>8</v>
      </c>
      <c r="AM38083">
        <v>8</v>
      </c>
      <c r="AN38083">
        <v>8</v>
      </c>
      <c r="AO38083">
        <v>8</v>
      </c>
      <c r="AP38083">
        <v>8</v>
      </c>
      <c r="AQ38083">
        <v>8</v>
      </c>
    </row>
    <row r="38084" spans="1:43">
      <c r="A38084" t="s">
        <v>23617</v>
      </c>
      <c r="B38084" t="s">
        <v>23618</v>
      </c>
      <c r="C38084" t="s">
        <v>23619</v>
      </c>
      <c r="D38084" t="s">
        <v>23620</v>
      </c>
      <c r="E38084" t="s">
        <v>23601</v>
      </c>
      <c r="F38084" t="s">
        <v>23602</v>
      </c>
      <c r="G38084" t="s">
        <v>22539</v>
      </c>
      <c r="H38084" t="s">
        <v>22540</v>
      </c>
      <c r="I38084" s="2">
        <v>0</v>
      </c>
      <c r="J38084" s="2">
        <v>0</v>
      </c>
      <c r="K38084" s="2">
        <v>1</v>
      </c>
      <c r="L38084" t="s">
        <v>995</v>
      </c>
      <c r="M38084" t="s">
        <v>89</v>
      </c>
      <c r="N38084" t="s">
        <v>90</v>
      </c>
      <c r="O38084" t="s">
        <v>85</v>
      </c>
      <c r="P38084" t="s">
        <v>86</v>
      </c>
      <c r="Q38084">
        <v>8</v>
      </c>
      <c r="R38084">
        <v>8</v>
      </c>
      <c r="S38084">
        <v>8</v>
      </c>
      <c r="T38084">
        <v>8</v>
      </c>
      <c r="U38084">
        <v>8</v>
      </c>
      <c r="V38084">
        <v>9</v>
      </c>
      <c r="W38084">
        <v>9</v>
      </c>
      <c r="X38084">
        <v>9</v>
      </c>
      <c r="Y38084">
        <v>9</v>
      </c>
      <c r="Z38084">
        <v>9</v>
      </c>
      <c r="AA38084">
        <v>9</v>
      </c>
      <c r="AB38084">
        <v>9</v>
      </c>
      <c r="AC38084">
        <v>9</v>
      </c>
      <c r="AD38084">
        <v>9</v>
      </c>
      <c r="AE38084">
        <v>9</v>
      </c>
      <c r="AF38084">
        <v>9</v>
      </c>
      <c r="AG38084">
        <v>9</v>
      </c>
      <c r="AH38084">
        <v>9</v>
      </c>
      <c r="AI38084">
        <v>9</v>
      </c>
      <c r="AJ38084">
        <v>9</v>
      </c>
      <c r="AK38084">
        <v>9</v>
      </c>
      <c r="AL38084">
        <v>9</v>
      </c>
      <c r="AM38084">
        <v>9</v>
      </c>
      <c r="AN38084">
        <v>9</v>
      </c>
      <c r="AO38084">
        <v>9</v>
      </c>
      <c r="AP38084">
        <v>9</v>
      </c>
      <c r="AQ38084">
        <v>9</v>
      </c>
    </row>
    <row r="38085" spans="1:43">
      <c r="A38085" t="s">
        <v>23617</v>
      </c>
      <c r="B38085" t="s">
        <v>23618</v>
      </c>
      <c r="C38085" t="s">
        <v>23619</v>
      </c>
      <c r="D38085" t="s">
        <v>23620</v>
      </c>
      <c r="E38085" t="s">
        <v>23601</v>
      </c>
      <c r="F38085" t="s">
        <v>23602</v>
      </c>
      <c r="G38085" t="s">
        <v>22539</v>
      </c>
      <c r="H38085" t="s">
        <v>22540</v>
      </c>
      <c r="I38085" s="2">
        <v>0</v>
      </c>
      <c r="J38085" s="2">
        <v>0</v>
      </c>
      <c r="K38085" s="2">
        <v>1</v>
      </c>
      <c r="L38085" t="s">
        <v>995</v>
      </c>
      <c r="M38085" t="s">
        <v>83</v>
      </c>
      <c r="N38085" t="s">
        <v>91</v>
      </c>
      <c r="O38085" t="s">
        <v>85</v>
      </c>
      <c r="P38085" t="s">
        <v>86</v>
      </c>
      <c r="Q38085">
        <v>8</v>
      </c>
      <c r="R38085">
        <v>8</v>
      </c>
      <c r="S38085">
        <v>8</v>
      </c>
      <c r="T38085">
        <v>8</v>
      </c>
      <c r="U38085">
        <v>8</v>
      </c>
      <c r="V38085">
        <v>8</v>
      </c>
      <c r="W38085">
        <v>8</v>
      </c>
      <c r="X38085">
        <v>8</v>
      </c>
      <c r="Y38085">
        <v>8</v>
      </c>
      <c r="Z38085">
        <v>9</v>
      </c>
      <c r="AA38085">
        <v>9</v>
      </c>
      <c r="AB38085">
        <v>9</v>
      </c>
      <c r="AC38085">
        <v>9</v>
      </c>
      <c r="AD38085">
        <v>9</v>
      </c>
      <c r="AE38085">
        <v>9</v>
      </c>
      <c r="AF38085">
        <v>9</v>
      </c>
      <c r="AG38085">
        <v>9</v>
      </c>
      <c r="AH38085">
        <v>9</v>
      </c>
      <c r="AI38085">
        <v>9</v>
      </c>
      <c r="AJ38085">
        <v>9</v>
      </c>
      <c r="AK38085">
        <v>9</v>
      </c>
      <c r="AL38085">
        <v>9</v>
      </c>
      <c r="AM38085">
        <v>9</v>
      </c>
      <c r="AN38085">
        <v>9</v>
      </c>
      <c r="AO38085">
        <v>9</v>
      </c>
      <c r="AP38085">
        <v>9</v>
      </c>
      <c r="AQ38085">
        <v>9</v>
      </c>
    </row>
    <row r="38086" spans="1:43">
      <c r="A38086" t="s">
        <v>23621</v>
      </c>
      <c r="B38086" t="s">
        <v>23622</v>
      </c>
      <c r="C38086" t="s">
        <v>23619</v>
      </c>
      <c r="D38086" t="s">
        <v>23620</v>
      </c>
      <c r="E38086" t="s">
        <v>23601</v>
      </c>
      <c r="F38086" t="s">
        <v>23602</v>
      </c>
      <c r="G38086" t="s">
        <v>22539</v>
      </c>
      <c r="H38086" t="s">
        <v>22540</v>
      </c>
      <c r="I38086" s="2">
        <v>0</v>
      </c>
      <c r="J38086" s="2">
        <v>0</v>
      </c>
      <c r="K38086" s="2">
        <v>1</v>
      </c>
      <c r="L38086" t="s">
        <v>995</v>
      </c>
      <c r="M38086" t="s">
        <v>83</v>
      </c>
      <c r="N38086" t="s">
        <v>84</v>
      </c>
      <c r="O38086" t="s">
        <v>85</v>
      </c>
      <c r="P38086" t="s">
        <v>86</v>
      </c>
      <c r="Q38086">
        <v>10</v>
      </c>
      <c r="R38086">
        <v>10</v>
      </c>
      <c r="S38086">
        <v>10</v>
      </c>
      <c r="T38086">
        <v>10</v>
      </c>
      <c r="U38086">
        <v>10</v>
      </c>
      <c r="V38086">
        <v>10</v>
      </c>
      <c r="W38086">
        <v>11</v>
      </c>
      <c r="X38086">
        <v>11</v>
      </c>
      <c r="Y38086">
        <v>11</v>
      </c>
      <c r="Z38086">
        <v>11</v>
      </c>
      <c r="AA38086">
        <v>11</v>
      </c>
      <c r="AB38086">
        <v>11</v>
      </c>
      <c r="AC38086">
        <v>11</v>
      </c>
      <c r="AD38086">
        <v>11</v>
      </c>
      <c r="AE38086">
        <v>11</v>
      </c>
      <c r="AF38086">
        <v>11</v>
      </c>
      <c r="AG38086">
        <v>11</v>
      </c>
      <c r="AH38086">
        <v>11</v>
      </c>
      <c r="AI38086">
        <v>11</v>
      </c>
      <c r="AJ38086">
        <v>11</v>
      </c>
      <c r="AK38086">
        <v>12</v>
      </c>
      <c r="AL38086">
        <v>11</v>
      </c>
      <c r="AM38086">
        <v>11</v>
      </c>
      <c r="AN38086">
        <v>11</v>
      </c>
      <c r="AO38086">
        <v>11</v>
      </c>
      <c r="AP38086">
        <v>11</v>
      </c>
      <c r="AQ38086">
        <v>11</v>
      </c>
    </row>
    <row r="38087" spans="1:43">
      <c r="A38087" t="s">
        <v>23621</v>
      </c>
      <c r="B38087" t="s">
        <v>23622</v>
      </c>
      <c r="C38087" t="s">
        <v>23619</v>
      </c>
      <c r="D38087" t="s">
        <v>23620</v>
      </c>
      <c r="E38087" t="s">
        <v>23601</v>
      </c>
      <c r="F38087" t="s">
        <v>23602</v>
      </c>
      <c r="G38087" t="s">
        <v>22539</v>
      </c>
      <c r="H38087" t="s">
        <v>22540</v>
      </c>
      <c r="I38087" s="2">
        <v>0</v>
      </c>
      <c r="J38087" s="2">
        <v>0</v>
      </c>
      <c r="K38087" s="2">
        <v>1</v>
      </c>
      <c r="L38087" t="s">
        <v>995</v>
      </c>
      <c r="M38087" t="s">
        <v>87</v>
      </c>
      <c r="N38087" t="s">
        <v>88</v>
      </c>
      <c r="O38087" t="s">
        <v>85</v>
      </c>
      <c r="P38087" t="s">
        <v>86</v>
      </c>
      <c r="Q38087">
        <v>10</v>
      </c>
      <c r="R38087">
        <v>10</v>
      </c>
      <c r="S38087">
        <v>10</v>
      </c>
      <c r="T38087">
        <v>10</v>
      </c>
      <c r="U38087">
        <v>10</v>
      </c>
      <c r="V38087">
        <v>10</v>
      </c>
      <c r="W38087">
        <v>10</v>
      </c>
      <c r="X38087">
        <v>10</v>
      </c>
      <c r="Y38087">
        <v>10</v>
      </c>
      <c r="Z38087">
        <v>10</v>
      </c>
      <c r="AA38087">
        <v>10</v>
      </c>
      <c r="AB38087">
        <v>10</v>
      </c>
      <c r="AC38087">
        <v>10</v>
      </c>
      <c r="AD38087">
        <v>10</v>
      </c>
      <c r="AE38087">
        <v>10</v>
      </c>
      <c r="AF38087">
        <v>10</v>
      </c>
      <c r="AG38087">
        <v>10</v>
      </c>
      <c r="AH38087">
        <v>10</v>
      </c>
      <c r="AI38087">
        <v>10</v>
      </c>
      <c r="AJ38087">
        <v>10</v>
      </c>
      <c r="AK38087">
        <v>10</v>
      </c>
      <c r="AL38087">
        <v>10</v>
      </c>
      <c r="AM38087">
        <v>10</v>
      </c>
      <c r="AN38087">
        <v>10</v>
      </c>
      <c r="AO38087">
        <v>10</v>
      </c>
      <c r="AP38087">
        <v>10</v>
      </c>
      <c r="AQ38087">
        <v>10</v>
      </c>
    </row>
    <row r="38088" spans="1:43">
      <c r="A38088" t="s">
        <v>23621</v>
      </c>
      <c r="B38088" t="s">
        <v>23622</v>
      </c>
      <c r="C38088" t="s">
        <v>23619</v>
      </c>
      <c r="D38088" t="s">
        <v>23620</v>
      </c>
      <c r="E38088" t="s">
        <v>23601</v>
      </c>
      <c r="F38088" t="s">
        <v>23602</v>
      </c>
      <c r="G38088" t="s">
        <v>22539</v>
      </c>
      <c r="H38088" t="s">
        <v>22540</v>
      </c>
      <c r="I38088" s="2">
        <v>0</v>
      </c>
      <c r="J38088" s="2">
        <v>0</v>
      </c>
      <c r="K38088" s="2">
        <v>1</v>
      </c>
      <c r="L38088" t="s">
        <v>995</v>
      </c>
      <c r="M38088" t="s">
        <v>89</v>
      </c>
      <c r="N38088" t="s">
        <v>90</v>
      </c>
      <c r="O38088" t="s">
        <v>85</v>
      </c>
      <c r="P38088" t="s">
        <v>86</v>
      </c>
      <c r="Q38088">
        <v>10</v>
      </c>
      <c r="R38088">
        <v>10</v>
      </c>
      <c r="S38088">
        <v>10</v>
      </c>
      <c r="T38088">
        <v>11</v>
      </c>
      <c r="U38088">
        <v>11</v>
      </c>
      <c r="V38088">
        <v>11</v>
      </c>
      <c r="W38088">
        <v>11</v>
      </c>
      <c r="X38088">
        <v>11</v>
      </c>
      <c r="Y38088">
        <v>11</v>
      </c>
      <c r="Z38088">
        <v>11</v>
      </c>
      <c r="AA38088">
        <v>12</v>
      </c>
      <c r="AB38088">
        <v>12</v>
      </c>
      <c r="AC38088">
        <v>12</v>
      </c>
      <c r="AD38088">
        <v>12</v>
      </c>
      <c r="AE38088">
        <v>12</v>
      </c>
      <c r="AF38088">
        <v>12</v>
      </c>
      <c r="AG38088">
        <v>12</v>
      </c>
      <c r="AH38088">
        <v>12</v>
      </c>
      <c r="AI38088">
        <v>12</v>
      </c>
      <c r="AJ38088">
        <v>12</v>
      </c>
      <c r="AK38088">
        <v>12</v>
      </c>
      <c r="AL38088">
        <v>12</v>
      </c>
      <c r="AM38088">
        <v>11</v>
      </c>
      <c r="AN38088">
        <v>11</v>
      </c>
      <c r="AO38088">
        <v>11</v>
      </c>
      <c r="AP38088">
        <v>11</v>
      </c>
      <c r="AQ38088">
        <v>11</v>
      </c>
    </row>
    <row r="38089" spans="1:43">
      <c r="A38089" t="s">
        <v>23621</v>
      </c>
      <c r="B38089" t="s">
        <v>23622</v>
      </c>
      <c r="C38089" t="s">
        <v>23619</v>
      </c>
      <c r="D38089" t="s">
        <v>23620</v>
      </c>
      <c r="E38089" t="s">
        <v>23601</v>
      </c>
      <c r="F38089" t="s">
        <v>23602</v>
      </c>
      <c r="G38089" t="s">
        <v>22539</v>
      </c>
      <c r="H38089" t="s">
        <v>22540</v>
      </c>
      <c r="I38089" s="2">
        <v>0</v>
      </c>
      <c r="J38089" s="2">
        <v>0</v>
      </c>
      <c r="K38089" s="2">
        <v>1</v>
      </c>
      <c r="L38089" t="s">
        <v>995</v>
      </c>
      <c r="M38089" t="s">
        <v>83</v>
      </c>
      <c r="N38089" t="s">
        <v>91</v>
      </c>
      <c r="O38089" t="s">
        <v>85</v>
      </c>
      <c r="P38089" t="s">
        <v>86</v>
      </c>
      <c r="Q38089">
        <v>10</v>
      </c>
      <c r="R38089">
        <v>10</v>
      </c>
      <c r="S38089">
        <v>10</v>
      </c>
      <c r="T38089">
        <v>10</v>
      </c>
      <c r="U38089">
        <v>10</v>
      </c>
      <c r="V38089">
        <v>10</v>
      </c>
      <c r="W38089">
        <v>11</v>
      </c>
      <c r="X38089">
        <v>11</v>
      </c>
      <c r="Y38089">
        <v>11</v>
      </c>
      <c r="Z38089">
        <v>11</v>
      </c>
      <c r="AA38089">
        <v>11</v>
      </c>
      <c r="AB38089">
        <v>11</v>
      </c>
      <c r="AC38089">
        <v>11</v>
      </c>
      <c r="AD38089">
        <v>11</v>
      </c>
      <c r="AE38089">
        <v>11</v>
      </c>
      <c r="AF38089">
        <v>11</v>
      </c>
      <c r="AG38089">
        <v>11</v>
      </c>
      <c r="AH38089">
        <v>11</v>
      </c>
      <c r="AI38089">
        <v>11</v>
      </c>
      <c r="AJ38089">
        <v>11</v>
      </c>
      <c r="AK38089">
        <v>12</v>
      </c>
      <c r="AL38089">
        <v>11</v>
      </c>
      <c r="AM38089">
        <v>11</v>
      </c>
      <c r="AN38089">
        <v>11</v>
      </c>
      <c r="AO38089">
        <v>11</v>
      </c>
      <c r="AP38089">
        <v>11</v>
      </c>
      <c r="AQ38089">
        <v>11</v>
      </c>
    </row>
    <row r="38090" spans="1:43">
      <c r="A38090" t="s">
        <v>23623</v>
      </c>
      <c r="B38090" t="s">
        <v>23624</v>
      </c>
      <c r="C38090" t="s">
        <v>23619</v>
      </c>
      <c r="D38090" t="s">
        <v>23620</v>
      </c>
      <c r="E38090" t="s">
        <v>23601</v>
      </c>
      <c r="F38090" t="s">
        <v>23602</v>
      </c>
      <c r="G38090" t="s">
        <v>22539</v>
      </c>
      <c r="H38090" t="s">
        <v>22540</v>
      </c>
      <c r="I38090" s="2">
        <v>0</v>
      </c>
      <c r="J38090" s="2">
        <v>0</v>
      </c>
      <c r="K38090" s="2">
        <v>1</v>
      </c>
      <c r="L38090" t="s">
        <v>995</v>
      </c>
      <c r="M38090" t="s">
        <v>83</v>
      </c>
      <c r="N38090" t="s">
        <v>84</v>
      </c>
      <c r="O38090" t="s">
        <v>85</v>
      </c>
      <c r="P38090" t="s">
        <v>86</v>
      </c>
      <c r="Q38090">
        <v>21</v>
      </c>
      <c r="R38090">
        <v>21</v>
      </c>
      <c r="S38090">
        <v>21</v>
      </c>
      <c r="T38090">
        <v>21</v>
      </c>
      <c r="U38090">
        <v>21</v>
      </c>
      <c r="V38090">
        <v>22</v>
      </c>
      <c r="W38090">
        <v>22</v>
      </c>
      <c r="X38090">
        <v>22</v>
      </c>
      <c r="Y38090">
        <v>22</v>
      </c>
      <c r="Z38090">
        <v>22</v>
      </c>
      <c r="AA38090">
        <v>22</v>
      </c>
      <c r="AB38090">
        <v>23</v>
      </c>
      <c r="AC38090">
        <v>23</v>
      </c>
      <c r="AD38090">
        <v>23</v>
      </c>
      <c r="AE38090">
        <v>23</v>
      </c>
      <c r="AF38090">
        <v>23</v>
      </c>
      <c r="AG38090">
        <v>23</v>
      </c>
      <c r="AH38090">
        <v>23</v>
      </c>
      <c r="AI38090">
        <v>23</v>
      </c>
      <c r="AJ38090">
        <v>24</v>
      </c>
      <c r="AK38090">
        <v>24</v>
      </c>
      <c r="AL38090">
        <v>24</v>
      </c>
      <c r="AM38090">
        <v>24</v>
      </c>
      <c r="AN38090">
        <v>23</v>
      </c>
      <c r="AO38090">
        <v>23</v>
      </c>
      <c r="AP38090">
        <v>23</v>
      </c>
      <c r="AQ38090">
        <v>23</v>
      </c>
    </row>
    <row r="38091" spans="1:43">
      <c r="A38091" t="s">
        <v>23623</v>
      </c>
      <c r="B38091" t="s">
        <v>23624</v>
      </c>
      <c r="C38091" t="s">
        <v>23619</v>
      </c>
      <c r="D38091" t="s">
        <v>23620</v>
      </c>
      <c r="E38091" t="s">
        <v>23601</v>
      </c>
      <c r="F38091" t="s">
        <v>23602</v>
      </c>
      <c r="G38091" t="s">
        <v>22539</v>
      </c>
      <c r="H38091" t="s">
        <v>22540</v>
      </c>
      <c r="I38091" s="2">
        <v>0</v>
      </c>
      <c r="J38091" s="2">
        <v>0</v>
      </c>
      <c r="K38091" s="2">
        <v>1</v>
      </c>
      <c r="L38091" t="s">
        <v>995</v>
      </c>
      <c r="M38091" t="s">
        <v>87</v>
      </c>
      <c r="N38091" t="s">
        <v>88</v>
      </c>
      <c r="O38091" t="s">
        <v>85</v>
      </c>
      <c r="P38091" t="s">
        <v>86</v>
      </c>
      <c r="Q38091">
        <v>21</v>
      </c>
      <c r="R38091">
        <v>21</v>
      </c>
      <c r="S38091">
        <v>21</v>
      </c>
      <c r="T38091">
        <v>21</v>
      </c>
      <c r="U38091">
        <v>21</v>
      </c>
      <c r="V38091">
        <v>21</v>
      </c>
      <c r="W38091">
        <v>21</v>
      </c>
      <c r="X38091">
        <v>21</v>
      </c>
      <c r="Y38091">
        <v>21</v>
      </c>
      <c r="Z38091">
        <v>21</v>
      </c>
      <c r="AA38091">
        <v>21</v>
      </c>
      <c r="AB38091">
        <v>21</v>
      </c>
      <c r="AC38091">
        <v>21</v>
      </c>
      <c r="AD38091">
        <v>21</v>
      </c>
      <c r="AE38091">
        <v>21</v>
      </c>
      <c r="AF38091">
        <v>21</v>
      </c>
      <c r="AG38091">
        <v>21</v>
      </c>
      <c r="AH38091">
        <v>21</v>
      </c>
      <c r="AI38091">
        <v>21</v>
      </c>
      <c r="AJ38091">
        <v>21</v>
      </c>
      <c r="AK38091">
        <v>21</v>
      </c>
      <c r="AL38091">
        <v>21</v>
      </c>
      <c r="AM38091">
        <v>21</v>
      </c>
      <c r="AN38091">
        <v>21</v>
      </c>
      <c r="AO38091">
        <v>21</v>
      </c>
      <c r="AP38091">
        <v>21</v>
      </c>
      <c r="AQ38091">
        <v>21</v>
      </c>
    </row>
    <row r="38092" spans="1:43">
      <c r="A38092" t="s">
        <v>23623</v>
      </c>
      <c r="B38092" t="s">
        <v>23624</v>
      </c>
      <c r="C38092" t="s">
        <v>23619</v>
      </c>
      <c r="D38092" t="s">
        <v>23620</v>
      </c>
      <c r="E38092" t="s">
        <v>23601</v>
      </c>
      <c r="F38092" t="s">
        <v>23602</v>
      </c>
      <c r="G38092" t="s">
        <v>22539</v>
      </c>
      <c r="H38092" t="s">
        <v>22540</v>
      </c>
      <c r="I38092" s="2">
        <v>0</v>
      </c>
      <c r="J38092" s="2">
        <v>0</v>
      </c>
      <c r="K38092" s="2">
        <v>1</v>
      </c>
      <c r="L38092" t="s">
        <v>995</v>
      </c>
      <c r="M38092" t="s">
        <v>89</v>
      </c>
      <c r="N38092" t="s">
        <v>90</v>
      </c>
      <c r="O38092" t="s">
        <v>85</v>
      </c>
      <c r="P38092" t="s">
        <v>86</v>
      </c>
      <c r="Q38092">
        <v>21</v>
      </c>
      <c r="R38092">
        <v>21</v>
      </c>
      <c r="S38092">
        <v>22</v>
      </c>
      <c r="T38092">
        <v>22</v>
      </c>
      <c r="U38092">
        <v>22</v>
      </c>
      <c r="V38092">
        <v>23</v>
      </c>
      <c r="W38092">
        <v>23</v>
      </c>
      <c r="X38092">
        <v>23</v>
      </c>
      <c r="Y38092">
        <v>23</v>
      </c>
      <c r="Z38092">
        <v>24</v>
      </c>
      <c r="AA38092">
        <v>24</v>
      </c>
      <c r="AB38092">
        <v>24</v>
      </c>
      <c r="AC38092">
        <v>24</v>
      </c>
      <c r="AD38092">
        <v>25</v>
      </c>
      <c r="AE38092">
        <v>25</v>
      </c>
      <c r="AF38092">
        <v>25</v>
      </c>
      <c r="AG38092">
        <v>24</v>
      </c>
      <c r="AH38092">
        <v>24</v>
      </c>
      <c r="AI38092">
        <v>24</v>
      </c>
      <c r="AJ38092">
        <v>24</v>
      </c>
      <c r="AK38092">
        <v>24</v>
      </c>
      <c r="AL38092">
        <v>24</v>
      </c>
      <c r="AM38092">
        <v>24</v>
      </c>
      <c r="AN38092">
        <v>24</v>
      </c>
      <c r="AO38092">
        <v>23</v>
      </c>
      <c r="AP38092">
        <v>23</v>
      </c>
      <c r="AQ38092">
        <v>23</v>
      </c>
    </row>
    <row r="38093" spans="1:43">
      <c r="A38093" t="s">
        <v>23623</v>
      </c>
      <c r="B38093" t="s">
        <v>23624</v>
      </c>
      <c r="C38093" t="s">
        <v>23619</v>
      </c>
      <c r="D38093" t="s">
        <v>23620</v>
      </c>
      <c r="E38093" t="s">
        <v>23601</v>
      </c>
      <c r="F38093" t="s">
        <v>23602</v>
      </c>
      <c r="G38093" t="s">
        <v>22539</v>
      </c>
      <c r="H38093" t="s">
        <v>22540</v>
      </c>
      <c r="I38093" s="2">
        <v>0</v>
      </c>
      <c r="J38093" s="2">
        <v>0</v>
      </c>
      <c r="K38093" s="2">
        <v>1</v>
      </c>
      <c r="L38093" t="s">
        <v>995</v>
      </c>
      <c r="M38093" t="s">
        <v>83</v>
      </c>
      <c r="N38093" t="s">
        <v>91</v>
      </c>
      <c r="O38093" t="s">
        <v>85</v>
      </c>
      <c r="P38093" t="s">
        <v>86</v>
      </c>
      <c r="Q38093">
        <v>21</v>
      </c>
      <c r="R38093">
        <v>21</v>
      </c>
      <c r="S38093">
        <v>21</v>
      </c>
      <c r="T38093">
        <v>21</v>
      </c>
      <c r="U38093">
        <v>21</v>
      </c>
      <c r="V38093">
        <v>22</v>
      </c>
      <c r="W38093">
        <v>22</v>
      </c>
      <c r="X38093">
        <v>22</v>
      </c>
      <c r="Y38093">
        <v>22</v>
      </c>
      <c r="Z38093">
        <v>22</v>
      </c>
      <c r="AA38093">
        <v>22</v>
      </c>
      <c r="AB38093">
        <v>23</v>
      </c>
      <c r="AC38093">
        <v>23</v>
      </c>
      <c r="AD38093">
        <v>23</v>
      </c>
      <c r="AE38093">
        <v>23</v>
      </c>
      <c r="AF38093">
        <v>23</v>
      </c>
      <c r="AG38093">
        <v>23</v>
      </c>
      <c r="AH38093">
        <v>23</v>
      </c>
      <c r="AI38093">
        <v>23</v>
      </c>
      <c r="AJ38093">
        <v>24</v>
      </c>
      <c r="AK38093">
        <v>24</v>
      </c>
      <c r="AL38093">
        <v>24</v>
      </c>
      <c r="AM38093">
        <v>24</v>
      </c>
      <c r="AN38093">
        <v>23</v>
      </c>
      <c r="AO38093">
        <v>23</v>
      </c>
      <c r="AP38093">
        <v>23</v>
      </c>
      <c r="AQ38093">
        <v>23</v>
      </c>
    </row>
    <row r="38094" spans="1:43">
      <c r="A38094" t="s">
        <v>23625</v>
      </c>
      <c r="B38094" t="s">
        <v>23626</v>
      </c>
      <c r="C38094" t="s">
        <v>23619</v>
      </c>
      <c r="D38094" t="s">
        <v>23620</v>
      </c>
      <c r="E38094" t="s">
        <v>23601</v>
      </c>
      <c r="F38094" t="s">
        <v>23602</v>
      </c>
      <c r="G38094" t="s">
        <v>22539</v>
      </c>
      <c r="H38094" t="s">
        <v>22540</v>
      </c>
      <c r="I38094" s="2">
        <v>0</v>
      </c>
      <c r="J38094" s="2">
        <v>0</v>
      </c>
      <c r="K38094" s="2">
        <v>1</v>
      </c>
      <c r="L38094" t="s">
        <v>995</v>
      </c>
      <c r="M38094" t="s">
        <v>83</v>
      </c>
      <c r="N38094" t="s">
        <v>84</v>
      </c>
      <c r="O38094" t="s">
        <v>85</v>
      </c>
      <c r="P38094" t="s">
        <v>86</v>
      </c>
      <c r="Q38094">
        <v>15</v>
      </c>
      <c r="R38094">
        <v>15</v>
      </c>
      <c r="S38094">
        <v>15</v>
      </c>
      <c r="T38094">
        <v>15</v>
      </c>
      <c r="U38094">
        <v>15</v>
      </c>
      <c r="V38094">
        <v>16</v>
      </c>
      <c r="W38094">
        <v>16</v>
      </c>
      <c r="X38094">
        <v>16</v>
      </c>
      <c r="Y38094">
        <v>16</v>
      </c>
      <c r="Z38094">
        <v>16</v>
      </c>
      <c r="AA38094">
        <v>16</v>
      </c>
      <c r="AB38094">
        <v>16</v>
      </c>
      <c r="AC38094">
        <v>16</v>
      </c>
      <c r="AD38094">
        <v>17</v>
      </c>
      <c r="AE38094">
        <v>17</v>
      </c>
      <c r="AF38094">
        <v>17</v>
      </c>
      <c r="AG38094">
        <v>17</v>
      </c>
      <c r="AH38094">
        <v>17</v>
      </c>
      <c r="AI38094">
        <v>17</v>
      </c>
      <c r="AJ38094">
        <v>17</v>
      </c>
      <c r="AK38094">
        <v>17</v>
      </c>
      <c r="AL38094">
        <v>17</v>
      </c>
      <c r="AM38094">
        <v>17</v>
      </c>
      <c r="AN38094">
        <v>17</v>
      </c>
      <c r="AO38094">
        <v>17</v>
      </c>
      <c r="AP38094">
        <v>17</v>
      </c>
      <c r="AQ38094">
        <v>17</v>
      </c>
    </row>
    <row r="38095" spans="1:43">
      <c r="A38095" t="s">
        <v>23625</v>
      </c>
      <c r="B38095" t="s">
        <v>23626</v>
      </c>
      <c r="C38095" t="s">
        <v>23619</v>
      </c>
      <c r="D38095" t="s">
        <v>23620</v>
      </c>
      <c r="E38095" t="s">
        <v>23601</v>
      </c>
      <c r="F38095" t="s">
        <v>23602</v>
      </c>
      <c r="G38095" t="s">
        <v>22539</v>
      </c>
      <c r="H38095" t="s">
        <v>22540</v>
      </c>
      <c r="I38095" s="2">
        <v>0</v>
      </c>
      <c r="J38095" s="2">
        <v>0</v>
      </c>
      <c r="K38095" s="2">
        <v>1</v>
      </c>
      <c r="L38095" t="s">
        <v>995</v>
      </c>
      <c r="M38095" t="s">
        <v>87</v>
      </c>
      <c r="N38095" t="s">
        <v>88</v>
      </c>
      <c r="O38095" t="s">
        <v>85</v>
      </c>
      <c r="P38095" t="s">
        <v>86</v>
      </c>
      <c r="Q38095">
        <v>15</v>
      </c>
      <c r="R38095">
        <v>15</v>
      </c>
      <c r="S38095">
        <v>15</v>
      </c>
      <c r="T38095">
        <v>15</v>
      </c>
      <c r="U38095">
        <v>15</v>
      </c>
      <c r="V38095">
        <v>15</v>
      </c>
      <c r="W38095">
        <v>15</v>
      </c>
      <c r="X38095">
        <v>15</v>
      </c>
      <c r="Y38095">
        <v>15</v>
      </c>
      <c r="Z38095">
        <v>15</v>
      </c>
      <c r="AA38095">
        <v>15</v>
      </c>
      <c r="AB38095">
        <v>15</v>
      </c>
      <c r="AC38095">
        <v>15</v>
      </c>
      <c r="AD38095">
        <v>15</v>
      </c>
      <c r="AE38095">
        <v>15</v>
      </c>
      <c r="AF38095">
        <v>15</v>
      </c>
      <c r="AG38095">
        <v>15</v>
      </c>
      <c r="AH38095">
        <v>15</v>
      </c>
      <c r="AI38095">
        <v>15</v>
      </c>
      <c r="AJ38095">
        <v>15</v>
      </c>
      <c r="AK38095">
        <v>15</v>
      </c>
      <c r="AL38095">
        <v>15</v>
      </c>
      <c r="AM38095">
        <v>15</v>
      </c>
      <c r="AN38095">
        <v>15</v>
      </c>
      <c r="AO38095">
        <v>15</v>
      </c>
      <c r="AP38095">
        <v>15</v>
      </c>
      <c r="AQ38095">
        <v>15</v>
      </c>
    </row>
    <row r="38096" spans="1:43">
      <c r="A38096" t="s">
        <v>23625</v>
      </c>
      <c r="B38096" t="s">
        <v>23626</v>
      </c>
      <c r="C38096" t="s">
        <v>23619</v>
      </c>
      <c r="D38096" t="s">
        <v>23620</v>
      </c>
      <c r="E38096" t="s">
        <v>23601</v>
      </c>
      <c r="F38096" t="s">
        <v>23602</v>
      </c>
      <c r="G38096" t="s">
        <v>22539</v>
      </c>
      <c r="H38096" t="s">
        <v>22540</v>
      </c>
      <c r="I38096" s="2">
        <v>0</v>
      </c>
      <c r="J38096" s="2">
        <v>0</v>
      </c>
      <c r="K38096" s="2">
        <v>1</v>
      </c>
      <c r="L38096" t="s">
        <v>995</v>
      </c>
      <c r="M38096" t="s">
        <v>89</v>
      </c>
      <c r="N38096" t="s">
        <v>90</v>
      </c>
      <c r="O38096" t="s">
        <v>85</v>
      </c>
      <c r="P38096" t="s">
        <v>86</v>
      </c>
      <c r="Q38096">
        <v>15</v>
      </c>
      <c r="R38096">
        <v>15</v>
      </c>
      <c r="S38096">
        <v>16</v>
      </c>
      <c r="T38096">
        <v>16</v>
      </c>
      <c r="U38096">
        <v>16</v>
      </c>
      <c r="V38096">
        <v>16</v>
      </c>
      <c r="W38096">
        <v>17</v>
      </c>
      <c r="X38096">
        <v>17</v>
      </c>
      <c r="Y38096">
        <v>17</v>
      </c>
      <c r="Z38096">
        <v>17</v>
      </c>
      <c r="AA38096">
        <v>17</v>
      </c>
      <c r="AB38096">
        <v>17</v>
      </c>
      <c r="AC38096">
        <v>18</v>
      </c>
      <c r="AD38096">
        <v>18</v>
      </c>
      <c r="AE38096">
        <v>18</v>
      </c>
      <c r="AF38096">
        <v>18</v>
      </c>
      <c r="AG38096">
        <v>18</v>
      </c>
      <c r="AH38096">
        <v>18</v>
      </c>
      <c r="AI38096">
        <v>18</v>
      </c>
      <c r="AJ38096">
        <v>17</v>
      </c>
      <c r="AK38096">
        <v>17</v>
      </c>
      <c r="AL38096">
        <v>17</v>
      </c>
      <c r="AM38096">
        <v>17</v>
      </c>
      <c r="AN38096">
        <v>17</v>
      </c>
      <c r="AO38096">
        <v>17</v>
      </c>
      <c r="AP38096">
        <v>17</v>
      </c>
      <c r="AQ38096">
        <v>17</v>
      </c>
    </row>
    <row r="38097" spans="1:43">
      <c r="A38097" t="s">
        <v>23625</v>
      </c>
      <c r="B38097" t="s">
        <v>23626</v>
      </c>
      <c r="C38097" t="s">
        <v>23619</v>
      </c>
      <c r="D38097" t="s">
        <v>23620</v>
      </c>
      <c r="E38097" t="s">
        <v>23601</v>
      </c>
      <c r="F38097" t="s">
        <v>23602</v>
      </c>
      <c r="G38097" t="s">
        <v>22539</v>
      </c>
      <c r="H38097" t="s">
        <v>22540</v>
      </c>
      <c r="I38097" s="2">
        <v>0</v>
      </c>
      <c r="J38097" s="2">
        <v>0</v>
      </c>
      <c r="K38097" s="2">
        <v>1</v>
      </c>
      <c r="L38097" t="s">
        <v>995</v>
      </c>
      <c r="M38097" t="s">
        <v>83</v>
      </c>
      <c r="N38097" t="s">
        <v>91</v>
      </c>
      <c r="O38097" t="s">
        <v>85</v>
      </c>
      <c r="P38097" t="s">
        <v>86</v>
      </c>
      <c r="Q38097">
        <v>15</v>
      </c>
      <c r="R38097">
        <v>15</v>
      </c>
      <c r="S38097">
        <v>15</v>
      </c>
      <c r="T38097">
        <v>15</v>
      </c>
      <c r="U38097">
        <v>15</v>
      </c>
      <c r="V38097">
        <v>16</v>
      </c>
      <c r="W38097">
        <v>16</v>
      </c>
      <c r="X38097">
        <v>16</v>
      </c>
      <c r="Y38097">
        <v>16</v>
      </c>
      <c r="Z38097">
        <v>16</v>
      </c>
      <c r="AA38097">
        <v>16</v>
      </c>
      <c r="AB38097">
        <v>16</v>
      </c>
      <c r="AC38097">
        <v>16</v>
      </c>
      <c r="AD38097">
        <v>17</v>
      </c>
      <c r="AE38097">
        <v>17</v>
      </c>
      <c r="AF38097">
        <v>17</v>
      </c>
      <c r="AG38097">
        <v>17</v>
      </c>
      <c r="AH38097">
        <v>17</v>
      </c>
      <c r="AI38097">
        <v>17</v>
      </c>
      <c r="AJ38097">
        <v>17</v>
      </c>
      <c r="AK38097">
        <v>17</v>
      </c>
      <c r="AL38097">
        <v>17</v>
      </c>
      <c r="AM38097">
        <v>17</v>
      </c>
      <c r="AN38097">
        <v>17</v>
      </c>
      <c r="AO38097">
        <v>17</v>
      </c>
      <c r="AP38097">
        <v>17</v>
      </c>
      <c r="AQ38097">
        <v>17</v>
      </c>
    </row>
    <row r="38098" spans="1:43">
      <c r="A38098" t="s">
        <v>23627</v>
      </c>
      <c r="B38098" t="s">
        <v>23628</v>
      </c>
      <c r="C38098" t="s">
        <v>23619</v>
      </c>
      <c r="D38098" t="s">
        <v>23620</v>
      </c>
      <c r="E38098" t="s">
        <v>23601</v>
      </c>
      <c r="F38098" t="s">
        <v>23602</v>
      </c>
      <c r="G38098" t="s">
        <v>22539</v>
      </c>
      <c r="H38098" t="s">
        <v>22540</v>
      </c>
      <c r="I38098" s="2">
        <v>0</v>
      </c>
      <c r="J38098" s="2">
        <v>0</v>
      </c>
      <c r="K38098" s="2">
        <v>1</v>
      </c>
      <c r="L38098" t="s">
        <v>995</v>
      </c>
      <c r="M38098" t="s">
        <v>83</v>
      </c>
      <c r="N38098" t="s">
        <v>84</v>
      </c>
      <c r="O38098" t="s">
        <v>85</v>
      </c>
      <c r="P38098" t="s">
        <v>86</v>
      </c>
      <c r="Q38098">
        <v>43</v>
      </c>
      <c r="R38098">
        <v>43</v>
      </c>
      <c r="S38098">
        <v>44</v>
      </c>
      <c r="T38098">
        <v>44</v>
      </c>
      <c r="U38098">
        <v>45</v>
      </c>
      <c r="V38098">
        <v>45</v>
      </c>
      <c r="W38098">
        <v>46</v>
      </c>
      <c r="X38098">
        <v>46</v>
      </c>
      <c r="Y38098">
        <v>46</v>
      </c>
      <c r="Z38098">
        <v>47</v>
      </c>
      <c r="AA38098">
        <v>47</v>
      </c>
      <c r="AB38098">
        <v>48</v>
      </c>
      <c r="AC38098">
        <v>48</v>
      </c>
      <c r="AD38098">
        <v>48</v>
      </c>
      <c r="AE38098">
        <v>49</v>
      </c>
      <c r="AF38098">
        <v>49</v>
      </c>
      <c r="AG38098">
        <v>49</v>
      </c>
      <c r="AH38098">
        <v>50</v>
      </c>
      <c r="AI38098">
        <v>50</v>
      </c>
      <c r="AJ38098">
        <v>50</v>
      </c>
      <c r="AK38098">
        <v>51</v>
      </c>
      <c r="AL38098">
        <v>51</v>
      </c>
      <c r="AM38098">
        <v>51</v>
      </c>
      <c r="AN38098">
        <v>51</v>
      </c>
      <c r="AO38098">
        <v>50</v>
      </c>
      <c r="AP38098">
        <v>50</v>
      </c>
      <c r="AQ38098">
        <v>50</v>
      </c>
    </row>
    <row r="38099" spans="1:43">
      <c r="A38099" t="s">
        <v>23627</v>
      </c>
      <c r="B38099" t="s">
        <v>23628</v>
      </c>
      <c r="C38099" t="s">
        <v>23619</v>
      </c>
      <c r="D38099" t="s">
        <v>23620</v>
      </c>
      <c r="E38099" t="s">
        <v>23601</v>
      </c>
      <c r="F38099" t="s">
        <v>23602</v>
      </c>
      <c r="G38099" t="s">
        <v>22539</v>
      </c>
      <c r="H38099" t="s">
        <v>22540</v>
      </c>
      <c r="I38099" s="2">
        <v>0</v>
      </c>
      <c r="J38099" s="2">
        <v>0</v>
      </c>
      <c r="K38099" s="2">
        <v>1</v>
      </c>
      <c r="L38099" t="s">
        <v>995</v>
      </c>
      <c r="M38099" t="s">
        <v>87</v>
      </c>
      <c r="N38099" t="s">
        <v>88</v>
      </c>
      <c r="O38099" t="s">
        <v>85</v>
      </c>
      <c r="P38099" t="s">
        <v>86</v>
      </c>
      <c r="Q38099">
        <v>43</v>
      </c>
      <c r="R38099">
        <v>44</v>
      </c>
      <c r="S38099">
        <v>44</v>
      </c>
      <c r="T38099">
        <v>44</v>
      </c>
      <c r="U38099">
        <v>44</v>
      </c>
      <c r="V38099">
        <v>44</v>
      </c>
      <c r="W38099">
        <v>44</v>
      </c>
      <c r="X38099">
        <v>44</v>
      </c>
      <c r="Y38099">
        <v>44</v>
      </c>
      <c r="Z38099">
        <v>44</v>
      </c>
      <c r="AA38099">
        <v>44</v>
      </c>
      <c r="AB38099">
        <v>44</v>
      </c>
      <c r="AC38099">
        <v>44</v>
      </c>
      <c r="AD38099">
        <v>44</v>
      </c>
      <c r="AE38099">
        <v>44</v>
      </c>
      <c r="AF38099">
        <v>44</v>
      </c>
      <c r="AG38099">
        <v>44</v>
      </c>
      <c r="AH38099">
        <v>44</v>
      </c>
      <c r="AI38099">
        <v>44</v>
      </c>
      <c r="AJ38099">
        <v>44</v>
      </c>
      <c r="AK38099">
        <v>44</v>
      </c>
      <c r="AL38099">
        <v>44</v>
      </c>
      <c r="AM38099">
        <v>44</v>
      </c>
      <c r="AN38099">
        <v>44</v>
      </c>
      <c r="AO38099">
        <v>44</v>
      </c>
      <c r="AP38099">
        <v>44</v>
      </c>
      <c r="AQ38099">
        <v>44</v>
      </c>
    </row>
    <row r="38100" spans="1:43">
      <c r="A38100" t="s">
        <v>23627</v>
      </c>
      <c r="B38100" t="s">
        <v>23628</v>
      </c>
      <c r="C38100" t="s">
        <v>23619</v>
      </c>
      <c r="D38100" t="s">
        <v>23620</v>
      </c>
      <c r="E38100" t="s">
        <v>23601</v>
      </c>
      <c r="F38100" t="s">
        <v>23602</v>
      </c>
      <c r="G38100" t="s">
        <v>22539</v>
      </c>
      <c r="H38100" t="s">
        <v>22540</v>
      </c>
      <c r="I38100" s="2">
        <v>0</v>
      </c>
      <c r="J38100" s="2">
        <v>0</v>
      </c>
      <c r="K38100" s="2">
        <v>1</v>
      </c>
      <c r="L38100" t="s">
        <v>995</v>
      </c>
      <c r="M38100" t="s">
        <v>89</v>
      </c>
      <c r="N38100" t="s">
        <v>90</v>
      </c>
      <c r="O38100" t="s">
        <v>85</v>
      </c>
      <c r="P38100" t="s">
        <v>86</v>
      </c>
      <c r="Q38100">
        <v>43</v>
      </c>
      <c r="R38100">
        <v>44</v>
      </c>
      <c r="S38100">
        <v>45</v>
      </c>
      <c r="T38100">
        <v>46</v>
      </c>
      <c r="U38100">
        <v>46</v>
      </c>
      <c r="V38100">
        <v>47</v>
      </c>
      <c r="W38100">
        <v>48</v>
      </c>
      <c r="X38100">
        <v>49</v>
      </c>
      <c r="Y38100">
        <v>49</v>
      </c>
      <c r="Z38100">
        <v>50</v>
      </c>
      <c r="AA38100">
        <v>50</v>
      </c>
      <c r="AB38100">
        <v>51</v>
      </c>
      <c r="AC38100">
        <v>51</v>
      </c>
      <c r="AD38100">
        <v>52</v>
      </c>
      <c r="AE38100">
        <v>52</v>
      </c>
      <c r="AF38100">
        <v>52</v>
      </c>
      <c r="AG38100">
        <v>52</v>
      </c>
      <c r="AH38100">
        <v>52</v>
      </c>
      <c r="AI38100">
        <v>52</v>
      </c>
      <c r="AJ38100">
        <v>52</v>
      </c>
      <c r="AK38100">
        <v>52</v>
      </c>
      <c r="AL38100">
        <v>51</v>
      </c>
      <c r="AM38100">
        <v>51</v>
      </c>
      <c r="AN38100">
        <v>51</v>
      </c>
      <c r="AO38100">
        <v>51</v>
      </c>
      <c r="AP38100">
        <v>51</v>
      </c>
      <c r="AQ38100">
        <v>51</v>
      </c>
    </row>
    <row r="38101" spans="1:43">
      <c r="A38101" t="s">
        <v>23627</v>
      </c>
      <c r="B38101" t="s">
        <v>23628</v>
      </c>
      <c r="C38101" t="s">
        <v>23619</v>
      </c>
      <c r="D38101" t="s">
        <v>23620</v>
      </c>
      <c r="E38101" t="s">
        <v>23601</v>
      </c>
      <c r="F38101" t="s">
        <v>23602</v>
      </c>
      <c r="G38101" t="s">
        <v>22539</v>
      </c>
      <c r="H38101" t="s">
        <v>22540</v>
      </c>
      <c r="I38101" s="2">
        <v>0</v>
      </c>
      <c r="J38101" s="2">
        <v>0</v>
      </c>
      <c r="K38101" s="2">
        <v>1</v>
      </c>
      <c r="L38101" t="s">
        <v>995</v>
      </c>
      <c r="M38101" t="s">
        <v>83</v>
      </c>
      <c r="N38101" t="s">
        <v>91</v>
      </c>
      <c r="O38101" t="s">
        <v>85</v>
      </c>
      <c r="P38101" t="s">
        <v>86</v>
      </c>
      <c r="Q38101">
        <v>43</v>
      </c>
      <c r="R38101">
        <v>43</v>
      </c>
      <c r="S38101">
        <v>44</v>
      </c>
      <c r="T38101">
        <v>44</v>
      </c>
      <c r="U38101">
        <v>45</v>
      </c>
      <c r="V38101">
        <v>45</v>
      </c>
      <c r="W38101">
        <v>46</v>
      </c>
      <c r="X38101">
        <v>46</v>
      </c>
      <c r="Y38101">
        <v>46</v>
      </c>
      <c r="Z38101">
        <v>47</v>
      </c>
      <c r="AA38101">
        <v>47</v>
      </c>
      <c r="AB38101">
        <v>48</v>
      </c>
      <c r="AC38101">
        <v>48</v>
      </c>
      <c r="AD38101">
        <v>48</v>
      </c>
      <c r="AE38101">
        <v>49</v>
      </c>
      <c r="AF38101">
        <v>49</v>
      </c>
      <c r="AG38101">
        <v>49</v>
      </c>
      <c r="AH38101">
        <v>50</v>
      </c>
      <c r="AI38101">
        <v>50</v>
      </c>
      <c r="AJ38101">
        <v>50</v>
      </c>
      <c r="AK38101">
        <v>51</v>
      </c>
      <c r="AL38101">
        <v>51</v>
      </c>
      <c r="AM38101">
        <v>51</v>
      </c>
      <c r="AN38101">
        <v>51</v>
      </c>
      <c r="AO38101">
        <v>50</v>
      </c>
      <c r="AP38101">
        <v>50</v>
      </c>
      <c r="AQ38101">
        <v>50</v>
      </c>
    </row>
    <row r="38102" spans="1:43">
      <c r="A38102" t="s">
        <v>23629</v>
      </c>
      <c r="B38102" t="s">
        <v>23630</v>
      </c>
      <c r="C38102" t="s">
        <v>23619</v>
      </c>
      <c r="D38102" t="s">
        <v>23620</v>
      </c>
      <c r="E38102" t="s">
        <v>23601</v>
      </c>
      <c r="F38102" t="s">
        <v>23602</v>
      </c>
      <c r="G38102" t="s">
        <v>22539</v>
      </c>
      <c r="H38102" t="s">
        <v>22540</v>
      </c>
      <c r="I38102" s="2">
        <v>0</v>
      </c>
      <c r="J38102" s="2">
        <v>0</v>
      </c>
      <c r="K38102" s="2">
        <v>1</v>
      </c>
      <c r="L38102" t="s">
        <v>995</v>
      </c>
      <c r="M38102" t="s">
        <v>83</v>
      </c>
      <c r="N38102" t="s">
        <v>84</v>
      </c>
      <c r="O38102" t="s">
        <v>85</v>
      </c>
      <c r="P38102" t="s">
        <v>86</v>
      </c>
      <c r="Q38102">
        <v>105</v>
      </c>
      <c r="R38102">
        <v>106</v>
      </c>
      <c r="S38102">
        <v>107</v>
      </c>
      <c r="T38102">
        <v>108</v>
      </c>
      <c r="U38102">
        <v>110</v>
      </c>
      <c r="V38102">
        <v>111</v>
      </c>
      <c r="W38102">
        <v>112</v>
      </c>
      <c r="X38102">
        <v>113</v>
      </c>
      <c r="Y38102">
        <v>114</v>
      </c>
      <c r="Z38102">
        <v>115</v>
      </c>
      <c r="AA38102">
        <v>116</v>
      </c>
      <c r="AB38102">
        <v>117</v>
      </c>
      <c r="AC38102">
        <v>118</v>
      </c>
      <c r="AD38102">
        <v>119</v>
      </c>
      <c r="AE38102">
        <v>120</v>
      </c>
      <c r="AF38102">
        <v>120</v>
      </c>
      <c r="AG38102">
        <v>121</v>
      </c>
      <c r="AH38102">
        <v>122</v>
      </c>
      <c r="AI38102">
        <v>123</v>
      </c>
      <c r="AJ38102">
        <v>124</v>
      </c>
      <c r="AK38102">
        <v>125</v>
      </c>
      <c r="AL38102">
        <v>125</v>
      </c>
      <c r="AM38102">
        <v>124</v>
      </c>
      <c r="AN38102">
        <v>124</v>
      </c>
      <c r="AO38102">
        <v>124</v>
      </c>
      <c r="AP38102">
        <v>124</v>
      </c>
      <c r="AQ38102">
        <v>123</v>
      </c>
    </row>
    <row r="38103" spans="1:43">
      <c r="A38103" t="s">
        <v>23629</v>
      </c>
      <c r="B38103" t="s">
        <v>23630</v>
      </c>
      <c r="C38103" t="s">
        <v>23619</v>
      </c>
      <c r="D38103" t="s">
        <v>23620</v>
      </c>
      <c r="E38103" t="s">
        <v>23601</v>
      </c>
      <c r="F38103" t="s">
        <v>23602</v>
      </c>
      <c r="G38103" t="s">
        <v>22539</v>
      </c>
      <c r="H38103" t="s">
        <v>22540</v>
      </c>
      <c r="I38103" s="2">
        <v>0</v>
      </c>
      <c r="J38103" s="2">
        <v>0</v>
      </c>
      <c r="K38103" s="2">
        <v>1</v>
      </c>
      <c r="L38103" t="s">
        <v>995</v>
      </c>
      <c r="M38103" t="s">
        <v>87</v>
      </c>
      <c r="N38103" t="s">
        <v>88</v>
      </c>
      <c r="O38103" t="s">
        <v>85</v>
      </c>
      <c r="P38103" t="s">
        <v>86</v>
      </c>
      <c r="Q38103">
        <v>105</v>
      </c>
      <c r="R38103">
        <v>105</v>
      </c>
      <c r="S38103">
        <v>105</v>
      </c>
      <c r="T38103">
        <v>106</v>
      </c>
      <c r="U38103">
        <v>106</v>
      </c>
      <c r="V38103">
        <v>106</v>
      </c>
      <c r="W38103">
        <v>106</v>
      </c>
      <c r="X38103">
        <v>106</v>
      </c>
      <c r="Y38103">
        <v>106</v>
      </c>
      <c r="Z38103">
        <v>106</v>
      </c>
      <c r="AA38103">
        <v>107</v>
      </c>
      <c r="AB38103">
        <v>107</v>
      </c>
      <c r="AC38103">
        <v>107</v>
      </c>
      <c r="AD38103">
        <v>107</v>
      </c>
      <c r="AE38103">
        <v>107</v>
      </c>
      <c r="AF38103">
        <v>107</v>
      </c>
      <c r="AG38103">
        <v>107</v>
      </c>
      <c r="AH38103">
        <v>107</v>
      </c>
      <c r="AI38103">
        <v>107</v>
      </c>
      <c r="AJ38103">
        <v>107</v>
      </c>
      <c r="AK38103">
        <v>108</v>
      </c>
      <c r="AL38103">
        <v>108</v>
      </c>
      <c r="AM38103">
        <v>108</v>
      </c>
      <c r="AN38103">
        <v>108</v>
      </c>
      <c r="AO38103">
        <v>108</v>
      </c>
      <c r="AP38103">
        <v>108</v>
      </c>
      <c r="AQ38103">
        <v>108</v>
      </c>
    </row>
    <row r="38104" spans="1:43">
      <c r="A38104" t="s">
        <v>23629</v>
      </c>
      <c r="B38104" t="s">
        <v>23630</v>
      </c>
      <c r="C38104" t="s">
        <v>23619</v>
      </c>
      <c r="D38104" t="s">
        <v>23620</v>
      </c>
      <c r="E38104" t="s">
        <v>23601</v>
      </c>
      <c r="F38104" t="s">
        <v>23602</v>
      </c>
      <c r="G38104" t="s">
        <v>22539</v>
      </c>
      <c r="H38104" t="s">
        <v>22540</v>
      </c>
      <c r="I38104" s="2">
        <v>0</v>
      </c>
      <c r="J38104" s="2">
        <v>0</v>
      </c>
      <c r="K38104" s="2">
        <v>1</v>
      </c>
      <c r="L38104" t="s">
        <v>995</v>
      </c>
      <c r="M38104" t="s">
        <v>89</v>
      </c>
      <c r="N38104" t="s">
        <v>90</v>
      </c>
      <c r="O38104" t="s">
        <v>85</v>
      </c>
      <c r="P38104" t="s">
        <v>86</v>
      </c>
      <c r="Q38104">
        <v>105</v>
      </c>
      <c r="R38104">
        <v>107</v>
      </c>
      <c r="S38104">
        <v>109</v>
      </c>
      <c r="T38104">
        <v>111</v>
      </c>
      <c r="U38104">
        <v>113</v>
      </c>
      <c r="V38104">
        <v>115</v>
      </c>
      <c r="W38104">
        <v>117</v>
      </c>
      <c r="X38104">
        <v>118</v>
      </c>
      <c r="Y38104">
        <v>120</v>
      </c>
      <c r="Z38104">
        <v>121</v>
      </c>
      <c r="AA38104">
        <v>122</v>
      </c>
      <c r="AB38104">
        <v>124</v>
      </c>
      <c r="AC38104">
        <v>125</v>
      </c>
      <c r="AD38104">
        <v>126</v>
      </c>
      <c r="AE38104">
        <v>127</v>
      </c>
      <c r="AF38104">
        <v>127</v>
      </c>
      <c r="AG38104">
        <v>127</v>
      </c>
      <c r="AH38104">
        <v>126</v>
      </c>
      <c r="AI38104">
        <v>126</v>
      </c>
      <c r="AJ38104">
        <v>126</v>
      </c>
      <c r="AK38104">
        <v>126</v>
      </c>
      <c r="AL38104">
        <v>125</v>
      </c>
      <c r="AM38104">
        <v>125</v>
      </c>
      <c r="AN38104">
        <v>125</v>
      </c>
      <c r="AO38104">
        <v>124</v>
      </c>
      <c r="AP38104">
        <v>124</v>
      </c>
      <c r="AQ38104">
        <v>124</v>
      </c>
    </row>
    <row r="38105" spans="1:43">
      <c r="A38105" t="s">
        <v>23629</v>
      </c>
      <c r="B38105" t="s">
        <v>23630</v>
      </c>
      <c r="C38105" t="s">
        <v>23619</v>
      </c>
      <c r="D38105" t="s">
        <v>23620</v>
      </c>
      <c r="E38105" t="s">
        <v>23601</v>
      </c>
      <c r="F38105" t="s">
        <v>23602</v>
      </c>
      <c r="G38105" t="s">
        <v>22539</v>
      </c>
      <c r="H38105" t="s">
        <v>22540</v>
      </c>
      <c r="I38105" s="2">
        <v>0</v>
      </c>
      <c r="J38105" s="2">
        <v>0</v>
      </c>
      <c r="K38105" s="2">
        <v>1</v>
      </c>
      <c r="L38105" t="s">
        <v>995</v>
      </c>
      <c r="M38105" t="s">
        <v>83</v>
      </c>
      <c r="N38105" t="s">
        <v>91</v>
      </c>
      <c r="O38105" t="s">
        <v>85</v>
      </c>
      <c r="P38105" t="s">
        <v>86</v>
      </c>
      <c r="Q38105">
        <v>105</v>
      </c>
      <c r="R38105">
        <v>106</v>
      </c>
      <c r="S38105">
        <v>107</v>
      </c>
      <c r="T38105">
        <v>108</v>
      </c>
      <c r="U38105">
        <v>110</v>
      </c>
      <c r="V38105">
        <v>111</v>
      </c>
      <c r="W38105">
        <v>112</v>
      </c>
      <c r="X38105">
        <v>113</v>
      </c>
      <c r="Y38105">
        <v>114</v>
      </c>
      <c r="Z38105">
        <v>115</v>
      </c>
      <c r="AA38105">
        <v>116</v>
      </c>
      <c r="AB38105">
        <v>117</v>
      </c>
      <c r="AC38105">
        <v>118</v>
      </c>
      <c r="AD38105">
        <v>119</v>
      </c>
      <c r="AE38105">
        <v>120</v>
      </c>
      <c r="AF38105">
        <v>120</v>
      </c>
      <c r="AG38105">
        <v>121</v>
      </c>
      <c r="AH38105">
        <v>122</v>
      </c>
      <c r="AI38105">
        <v>123</v>
      </c>
      <c r="AJ38105">
        <v>124</v>
      </c>
      <c r="AK38105">
        <v>125</v>
      </c>
      <c r="AL38105">
        <v>125</v>
      </c>
      <c r="AM38105">
        <v>124</v>
      </c>
      <c r="AN38105">
        <v>124</v>
      </c>
      <c r="AO38105">
        <v>124</v>
      </c>
      <c r="AP38105">
        <v>124</v>
      </c>
      <c r="AQ38105">
        <v>123</v>
      </c>
    </row>
    <row r="38106" spans="1:43">
      <c r="A38106" t="s">
        <v>23631</v>
      </c>
      <c r="B38106" t="s">
        <v>23632</v>
      </c>
      <c r="C38106" t="s">
        <v>23619</v>
      </c>
      <c r="D38106" t="s">
        <v>23620</v>
      </c>
      <c r="E38106" t="s">
        <v>23601</v>
      </c>
      <c r="F38106" t="s">
        <v>23602</v>
      </c>
      <c r="G38106" t="s">
        <v>22539</v>
      </c>
      <c r="H38106" t="s">
        <v>22540</v>
      </c>
      <c r="I38106" s="2">
        <v>0</v>
      </c>
      <c r="J38106" s="2">
        <v>0</v>
      </c>
      <c r="K38106" s="2">
        <v>1</v>
      </c>
      <c r="L38106" t="s">
        <v>995</v>
      </c>
      <c r="M38106" t="s">
        <v>83</v>
      </c>
      <c r="N38106" t="s">
        <v>84</v>
      </c>
      <c r="O38106" t="s">
        <v>85</v>
      </c>
      <c r="P38106" t="s">
        <v>86</v>
      </c>
      <c r="Q38106">
        <v>33</v>
      </c>
      <c r="R38106">
        <v>34</v>
      </c>
      <c r="S38106">
        <v>34</v>
      </c>
      <c r="T38106">
        <v>34</v>
      </c>
      <c r="U38106">
        <v>35</v>
      </c>
      <c r="V38106">
        <v>35</v>
      </c>
      <c r="W38106">
        <v>35</v>
      </c>
      <c r="X38106">
        <v>36</v>
      </c>
      <c r="Y38106">
        <v>36</v>
      </c>
      <c r="Z38106">
        <v>36</v>
      </c>
      <c r="AA38106">
        <v>37</v>
      </c>
      <c r="AB38106">
        <v>37</v>
      </c>
      <c r="AC38106">
        <v>37</v>
      </c>
      <c r="AD38106">
        <v>38</v>
      </c>
      <c r="AE38106">
        <v>38</v>
      </c>
      <c r="AF38106">
        <v>38</v>
      </c>
      <c r="AG38106">
        <v>38</v>
      </c>
      <c r="AH38106">
        <v>39</v>
      </c>
      <c r="AI38106">
        <v>39</v>
      </c>
      <c r="AJ38106">
        <v>39</v>
      </c>
      <c r="AK38106">
        <v>40</v>
      </c>
      <c r="AL38106">
        <v>40</v>
      </c>
      <c r="AM38106">
        <v>39</v>
      </c>
      <c r="AN38106">
        <v>39</v>
      </c>
      <c r="AO38106">
        <v>39</v>
      </c>
      <c r="AP38106">
        <v>39</v>
      </c>
      <c r="AQ38106">
        <v>39</v>
      </c>
    </row>
    <row r="38107" spans="1:43">
      <c r="A38107" t="s">
        <v>23631</v>
      </c>
      <c r="B38107" t="s">
        <v>23632</v>
      </c>
      <c r="C38107" t="s">
        <v>23619</v>
      </c>
      <c r="D38107" t="s">
        <v>23620</v>
      </c>
      <c r="E38107" t="s">
        <v>23601</v>
      </c>
      <c r="F38107" t="s">
        <v>23602</v>
      </c>
      <c r="G38107" t="s">
        <v>22539</v>
      </c>
      <c r="H38107" t="s">
        <v>22540</v>
      </c>
      <c r="I38107" s="2">
        <v>0</v>
      </c>
      <c r="J38107" s="2">
        <v>0</v>
      </c>
      <c r="K38107" s="2">
        <v>1</v>
      </c>
      <c r="L38107" t="s">
        <v>995</v>
      </c>
      <c r="M38107" t="s">
        <v>87</v>
      </c>
      <c r="N38107" t="s">
        <v>88</v>
      </c>
      <c r="O38107" t="s">
        <v>85</v>
      </c>
      <c r="P38107" t="s">
        <v>86</v>
      </c>
      <c r="Q38107">
        <v>33</v>
      </c>
      <c r="R38107">
        <v>33</v>
      </c>
      <c r="S38107">
        <v>33</v>
      </c>
      <c r="T38107">
        <v>33</v>
      </c>
      <c r="U38107">
        <v>33</v>
      </c>
      <c r="V38107">
        <v>33</v>
      </c>
      <c r="W38107">
        <v>33</v>
      </c>
      <c r="X38107">
        <v>33</v>
      </c>
      <c r="Y38107">
        <v>33</v>
      </c>
      <c r="Z38107">
        <v>33</v>
      </c>
      <c r="AA38107">
        <v>33</v>
      </c>
      <c r="AB38107">
        <v>34</v>
      </c>
      <c r="AC38107">
        <v>34</v>
      </c>
      <c r="AD38107">
        <v>34</v>
      </c>
      <c r="AE38107">
        <v>34</v>
      </c>
      <c r="AF38107">
        <v>34</v>
      </c>
      <c r="AG38107">
        <v>34</v>
      </c>
      <c r="AH38107">
        <v>34</v>
      </c>
      <c r="AI38107">
        <v>34</v>
      </c>
      <c r="AJ38107">
        <v>34</v>
      </c>
      <c r="AK38107">
        <v>34</v>
      </c>
      <c r="AL38107">
        <v>34</v>
      </c>
      <c r="AM38107">
        <v>34</v>
      </c>
      <c r="AN38107">
        <v>34</v>
      </c>
      <c r="AO38107">
        <v>34</v>
      </c>
      <c r="AP38107">
        <v>34</v>
      </c>
      <c r="AQ38107">
        <v>34</v>
      </c>
    </row>
    <row r="38108" spans="1:43">
      <c r="A38108" t="s">
        <v>23631</v>
      </c>
      <c r="B38108" t="s">
        <v>23632</v>
      </c>
      <c r="C38108" t="s">
        <v>23619</v>
      </c>
      <c r="D38108" t="s">
        <v>23620</v>
      </c>
      <c r="E38108" t="s">
        <v>23601</v>
      </c>
      <c r="F38108" t="s">
        <v>23602</v>
      </c>
      <c r="G38108" t="s">
        <v>22539</v>
      </c>
      <c r="H38108" t="s">
        <v>22540</v>
      </c>
      <c r="I38108" s="2">
        <v>0</v>
      </c>
      <c r="J38108" s="2">
        <v>0</v>
      </c>
      <c r="K38108" s="2">
        <v>1</v>
      </c>
      <c r="L38108" t="s">
        <v>995</v>
      </c>
      <c r="M38108" t="s">
        <v>89</v>
      </c>
      <c r="N38108" t="s">
        <v>90</v>
      </c>
      <c r="O38108" t="s">
        <v>85</v>
      </c>
      <c r="P38108" t="s">
        <v>86</v>
      </c>
      <c r="Q38108">
        <v>33</v>
      </c>
      <c r="R38108">
        <v>33</v>
      </c>
      <c r="S38108">
        <v>34</v>
      </c>
      <c r="T38108">
        <v>35</v>
      </c>
      <c r="U38108">
        <v>35</v>
      </c>
      <c r="V38108">
        <v>36</v>
      </c>
      <c r="W38108">
        <v>36</v>
      </c>
      <c r="X38108">
        <v>37</v>
      </c>
      <c r="Y38108">
        <v>37</v>
      </c>
      <c r="Z38108">
        <v>38</v>
      </c>
      <c r="AA38108">
        <v>38</v>
      </c>
      <c r="AB38108">
        <v>39</v>
      </c>
      <c r="AC38108">
        <v>39</v>
      </c>
      <c r="AD38108">
        <v>39</v>
      </c>
      <c r="AE38108">
        <v>40</v>
      </c>
      <c r="AF38108">
        <v>40</v>
      </c>
      <c r="AG38108">
        <v>39</v>
      </c>
      <c r="AH38108">
        <v>39</v>
      </c>
      <c r="AI38108">
        <v>39</v>
      </c>
      <c r="AJ38108">
        <v>39</v>
      </c>
      <c r="AK38108">
        <v>39</v>
      </c>
      <c r="AL38108">
        <v>39</v>
      </c>
      <c r="AM38108">
        <v>39</v>
      </c>
      <c r="AN38108">
        <v>39</v>
      </c>
      <c r="AO38108">
        <v>39</v>
      </c>
      <c r="AP38108">
        <v>39</v>
      </c>
      <c r="AQ38108">
        <v>39</v>
      </c>
    </row>
    <row r="38109" spans="1:43">
      <c r="A38109" t="s">
        <v>23631</v>
      </c>
      <c r="B38109" t="s">
        <v>23632</v>
      </c>
      <c r="C38109" t="s">
        <v>23619</v>
      </c>
      <c r="D38109" t="s">
        <v>23620</v>
      </c>
      <c r="E38109" t="s">
        <v>23601</v>
      </c>
      <c r="F38109" t="s">
        <v>23602</v>
      </c>
      <c r="G38109" t="s">
        <v>22539</v>
      </c>
      <c r="H38109" t="s">
        <v>22540</v>
      </c>
      <c r="I38109" s="2">
        <v>0</v>
      </c>
      <c r="J38109" s="2">
        <v>0</v>
      </c>
      <c r="K38109" s="2">
        <v>1</v>
      </c>
      <c r="L38109" t="s">
        <v>995</v>
      </c>
      <c r="M38109" t="s">
        <v>83</v>
      </c>
      <c r="N38109" t="s">
        <v>91</v>
      </c>
      <c r="O38109" t="s">
        <v>85</v>
      </c>
      <c r="P38109" t="s">
        <v>86</v>
      </c>
      <c r="Q38109">
        <v>33</v>
      </c>
      <c r="R38109">
        <v>34</v>
      </c>
      <c r="S38109">
        <v>34</v>
      </c>
      <c r="T38109">
        <v>34</v>
      </c>
      <c r="U38109">
        <v>35</v>
      </c>
      <c r="V38109">
        <v>35</v>
      </c>
      <c r="W38109">
        <v>35</v>
      </c>
      <c r="X38109">
        <v>36</v>
      </c>
      <c r="Y38109">
        <v>36</v>
      </c>
      <c r="Z38109">
        <v>36</v>
      </c>
      <c r="AA38109">
        <v>37</v>
      </c>
      <c r="AB38109">
        <v>37</v>
      </c>
      <c r="AC38109">
        <v>37</v>
      </c>
      <c r="AD38109">
        <v>38</v>
      </c>
      <c r="AE38109">
        <v>38</v>
      </c>
      <c r="AF38109">
        <v>38</v>
      </c>
      <c r="AG38109">
        <v>38</v>
      </c>
      <c r="AH38109">
        <v>39</v>
      </c>
      <c r="AI38109">
        <v>39</v>
      </c>
      <c r="AJ38109">
        <v>39</v>
      </c>
      <c r="AK38109">
        <v>40</v>
      </c>
      <c r="AL38109">
        <v>40</v>
      </c>
      <c r="AM38109">
        <v>39</v>
      </c>
      <c r="AN38109">
        <v>39</v>
      </c>
      <c r="AO38109">
        <v>39</v>
      </c>
      <c r="AP38109">
        <v>39</v>
      </c>
      <c r="AQ38109">
        <v>39</v>
      </c>
    </row>
    <row r="38110" spans="1:43">
      <c r="A38110" t="s">
        <v>23633</v>
      </c>
      <c r="B38110" t="s">
        <v>23634</v>
      </c>
      <c r="C38110" t="s">
        <v>23599</v>
      </c>
      <c r="D38110" t="s">
        <v>23600</v>
      </c>
      <c r="E38110" t="s">
        <v>23601</v>
      </c>
      <c r="F38110" t="s">
        <v>23602</v>
      </c>
      <c r="G38110" t="s">
        <v>22539</v>
      </c>
      <c r="H38110" t="s">
        <v>22540</v>
      </c>
      <c r="I38110" s="2">
        <v>0</v>
      </c>
      <c r="J38110" s="2">
        <v>0</v>
      </c>
      <c r="K38110" s="2">
        <v>1</v>
      </c>
      <c r="L38110" t="s">
        <v>995</v>
      </c>
      <c r="M38110" t="s">
        <v>83</v>
      </c>
      <c r="N38110" t="s">
        <v>84</v>
      </c>
      <c r="O38110" t="s">
        <v>85</v>
      </c>
      <c r="P38110" t="s">
        <v>86</v>
      </c>
      <c r="Q38110">
        <v>47</v>
      </c>
      <c r="R38110">
        <v>48</v>
      </c>
      <c r="S38110">
        <v>48</v>
      </c>
      <c r="T38110">
        <v>49</v>
      </c>
      <c r="U38110">
        <v>49</v>
      </c>
      <c r="V38110">
        <v>49</v>
      </c>
      <c r="W38110">
        <v>50</v>
      </c>
      <c r="X38110">
        <v>50</v>
      </c>
      <c r="Y38110">
        <v>51</v>
      </c>
      <c r="Z38110">
        <v>51</v>
      </c>
      <c r="AA38110">
        <v>51</v>
      </c>
      <c r="AB38110">
        <v>52</v>
      </c>
      <c r="AC38110">
        <v>52</v>
      </c>
      <c r="AD38110">
        <v>52</v>
      </c>
      <c r="AE38110">
        <v>53</v>
      </c>
      <c r="AF38110">
        <v>53</v>
      </c>
      <c r="AG38110">
        <v>53</v>
      </c>
      <c r="AH38110">
        <v>54</v>
      </c>
      <c r="AI38110">
        <v>54</v>
      </c>
      <c r="AJ38110">
        <v>54</v>
      </c>
      <c r="AK38110">
        <v>54</v>
      </c>
      <c r="AL38110">
        <v>54</v>
      </c>
      <c r="AM38110">
        <v>54</v>
      </c>
      <c r="AN38110">
        <v>54</v>
      </c>
      <c r="AO38110">
        <v>54</v>
      </c>
      <c r="AP38110">
        <v>53</v>
      </c>
      <c r="AQ38110">
        <v>53</v>
      </c>
    </row>
    <row r="38111" spans="1:43">
      <c r="A38111" t="s">
        <v>23633</v>
      </c>
      <c r="B38111" t="s">
        <v>23634</v>
      </c>
      <c r="C38111" t="s">
        <v>23599</v>
      </c>
      <c r="D38111" t="s">
        <v>23600</v>
      </c>
      <c r="E38111" t="s">
        <v>23601</v>
      </c>
      <c r="F38111" t="s">
        <v>23602</v>
      </c>
      <c r="G38111" t="s">
        <v>22539</v>
      </c>
      <c r="H38111" t="s">
        <v>22540</v>
      </c>
      <c r="I38111" s="2">
        <v>0</v>
      </c>
      <c r="J38111" s="2">
        <v>0</v>
      </c>
      <c r="K38111" s="2">
        <v>1</v>
      </c>
      <c r="L38111" t="s">
        <v>995</v>
      </c>
      <c r="M38111" t="s">
        <v>87</v>
      </c>
      <c r="N38111" t="s">
        <v>88</v>
      </c>
      <c r="O38111" t="s">
        <v>85</v>
      </c>
      <c r="P38111" t="s">
        <v>86</v>
      </c>
      <c r="Q38111">
        <v>47</v>
      </c>
      <c r="R38111">
        <v>47</v>
      </c>
      <c r="S38111">
        <v>47</v>
      </c>
      <c r="T38111">
        <v>47</v>
      </c>
      <c r="U38111">
        <v>47</v>
      </c>
      <c r="V38111">
        <v>47</v>
      </c>
      <c r="W38111">
        <v>47</v>
      </c>
      <c r="X38111">
        <v>47</v>
      </c>
      <c r="Y38111">
        <v>47</v>
      </c>
      <c r="Z38111">
        <v>47</v>
      </c>
      <c r="AA38111">
        <v>47</v>
      </c>
      <c r="AB38111">
        <v>47</v>
      </c>
      <c r="AC38111">
        <v>47</v>
      </c>
      <c r="AD38111">
        <v>47</v>
      </c>
      <c r="AE38111">
        <v>47</v>
      </c>
      <c r="AF38111">
        <v>47</v>
      </c>
      <c r="AG38111">
        <v>47</v>
      </c>
      <c r="AH38111">
        <v>47</v>
      </c>
      <c r="AI38111">
        <v>47</v>
      </c>
      <c r="AJ38111">
        <v>47</v>
      </c>
      <c r="AK38111">
        <v>46</v>
      </c>
      <c r="AL38111">
        <v>46</v>
      </c>
      <c r="AM38111">
        <v>46</v>
      </c>
      <c r="AN38111">
        <v>46</v>
      </c>
      <c r="AO38111">
        <v>46</v>
      </c>
      <c r="AP38111">
        <v>46</v>
      </c>
      <c r="AQ38111">
        <v>46</v>
      </c>
    </row>
    <row r="38112" spans="1:43">
      <c r="A38112" t="s">
        <v>23633</v>
      </c>
      <c r="B38112" t="s">
        <v>23634</v>
      </c>
      <c r="C38112" t="s">
        <v>23599</v>
      </c>
      <c r="D38112" t="s">
        <v>23600</v>
      </c>
      <c r="E38112" t="s">
        <v>23601</v>
      </c>
      <c r="F38112" t="s">
        <v>23602</v>
      </c>
      <c r="G38112" t="s">
        <v>22539</v>
      </c>
      <c r="H38112" t="s">
        <v>22540</v>
      </c>
      <c r="I38112" s="2">
        <v>0</v>
      </c>
      <c r="J38112" s="2">
        <v>0</v>
      </c>
      <c r="K38112" s="2">
        <v>1</v>
      </c>
      <c r="L38112" t="s">
        <v>995</v>
      </c>
      <c r="M38112" t="s">
        <v>89</v>
      </c>
      <c r="N38112" t="s">
        <v>90</v>
      </c>
      <c r="O38112" t="s">
        <v>85</v>
      </c>
      <c r="P38112" t="s">
        <v>86</v>
      </c>
      <c r="Q38112">
        <v>47</v>
      </c>
      <c r="R38112">
        <v>48</v>
      </c>
      <c r="S38112">
        <v>48</v>
      </c>
      <c r="T38112">
        <v>49</v>
      </c>
      <c r="U38112">
        <v>50</v>
      </c>
      <c r="V38112">
        <v>51</v>
      </c>
      <c r="W38112">
        <v>51</v>
      </c>
      <c r="X38112">
        <v>52</v>
      </c>
      <c r="Y38112">
        <v>53</v>
      </c>
      <c r="Z38112">
        <v>53</v>
      </c>
      <c r="AA38112">
        <v>54</v>
      </c>
      <c r="AB38112">
        <v>54</v>
      </c>
      <c r="AC38112">
        <v>55</v>
      </c>
      <c r="AD38112">
        <v>55</v>
      </c>
      <c r="AE38112">
        <v>56</v>
      </c>
      <c r="AF38112">
        <v>55</v>
      </c>
      <c r="AG38112">
        <v>55</v>
      </c>
      <c r="AH38112">
        <v>55</v>
      </c>
      <c r="AI38112">
        <v>55</v>
      </c>
      <c r="AJ38112">
        <v>54</v>
      </c>
      <c r="AK38112">
        <v>54</v>
      </c>
      <c r="AL38112">
        <v>54</v>
      </c>
      <c r="AM38112">
        <v>53</v>
      </c>
      <c r="AN38112">
        <v>53</v>
      </c>
      <c r="AO38112">
        <v>53</v>
      </c>
      <c r="AP38112">
        <v>53</v>
      </c>
      <c r="AQ38112">
        <v>52</v>
      </c>
    </row>
    <row r="38113" spans="1:43">
      <c r="A38113" t="s">
        <v>23633</v>
      </c>
      <c r="B38113" t="s">
        <v>23634</v>
      </c>
      <c r="C38113" t="s">
        <v>23599</v>
      </c>
      <c r="D38113" t="s">
        <v>23600</v>
      </c>
      <c r="E38113" t="s">
        <v>23601</v>
      </c>
      <c r="F38113" t="s">
        <v>23602</v>
      </c>
      <c r="G38113" t="s">
        <v>22539</v>
      </c>
      <c r="H38113" t="s">
        <v>22540</v>
      </c>
      <c r="I38113" s="2">
        <v>0</v>
      </c>
      <c r="J38113" s="2">
        <v>0</v>
      </c>
      <c r="K38113" s="2">
        <v>1</v>
      </c>
      <c r="L38113" t="s">
        <v>995</v>
      </c>
      <c r="M38113" t="s">
        <v>83</v>
      </c>
      <c r="N38113" t="s">
        <v>91</v>
      </c>
      <c r="O38113" t="s">
        <v>85</v>
      </c>
      <c r="P38113" t="s">
        <v>86</v>
      </c>
      <c r="Q38113">
        <v>47</v>
      </c>
      <c r="R38113">
        <v>48</v>
      </c>
      <c r="S38113">
        <v>48</v>
      </c>
      <c r="T38113">
        <v>49</v>
      </c>
      <c r="U38113">
        <v>49</v>
      </c>
      <c r="V38113">
        <v>49</v>
      </c>
      <c r="W38113">
        <v>50</v>
      </c>
      <c r="X38113">
        <v>50</v>
      </c>
      <c r="Y38113">
        <v>51</v>
      </c>
      <c r="Z38113">
        <v>51</v>
      </c>
      <c r="AA38113">
        <v>51</v>
      </c>
      <c r="AB38113">
        <v>52</v>
      </c>
      <c r="AC38113">
        <v>52</v>
      </c>
      <c r="AD38113">
        <v>52</v>
      </c>
      <c r="AE38113">
        <v>53</v>
      </c>
      <c r="AF38113">
        <v>53</v>
      </c>
      <c r="AG38113">
        <v>53</v>
      </c>
      <c r="AH38113">
        <v>54</v>
      </c>
      <c r="AI38113">
        <v>54</v>
      </c>
      <c r="AJ38113">
        <v>54</v>
      </c>
      <c r="AK38113">
        <v>54</v>
      </c>
      <c r="AL38113">
        <v>54</v>
      </c>
      <c r="AM38113">
        <v>54</v>
      </c>
      <c r="AN38113">
        <v>54</v>
      </c>
      <c r="AO38113">
        <v>54</v>
      </c>
      <c r="AP38113">
        <v>53</v>
      </c>
      <c r="AQ38113">
        <v>53</v>
      </c>
    </row>
    <row r="38114" spans="1:43">
      <c r="A38114" t="s">
        <v>23635</v>
      </c>
      <c r="B38114" t="s">
        <v>23636</v>
      </c>
      <c r="C38114" t="s">
        <v>23637</v>
      </c>
      <c r="D38114" t="s">
        <v>23638</v>
      </c>
      <c r="E38114" t="s">
        <v>23601</v>
      </c>
      <c r="F38114" t="s">
        <v>23602</v>
      </c>
      <c r="G38114" t="s">
        <v>22539</v>
      </c>
      <c r="H38114" t="s">
        <v>22540</v>
      </c>
      <c r="I38114" s="2">
        <v>0</v>
      </c>
      <c r="J38114" s="2">
        <v>0</v>
      </c>
      <c r="K38114" s="2">
        <v>0</v>
      </c>
      <c r="L38114" t="s">
        <v>995</v>
      </c>
      <c r="M38114" t="s">
        <v>83</v>
      </c>
      <c r="N38114" t="s">
        <v>84</v>
      </c>
      <c r="O38114" t="s">
        <v>85</v>
      </c>
      <c r="P38114" t="s">
        <v>86</v>
      </c>
      <c r="Q38114">
        <v>0</v>
      </c>
      <c r="R38114">
        <v>0</v>
      </c>
      <c r="S38114">
        <v>0</v>
      </c>
      <c r="T38114">
        <v>0</v>
      </c>
      <c r="U38114">
        <v>0</v>
      </c>
      <c r="V38114">
        <v>0</v>
      </c>
      <c r="W38114">
        <v>0</v>
      </c>
      <c r="X38114">
        <v>0</v>
      </c>
      <c r="Y38114">
        <v>0</v>
      </c>
      <c r="Z38114">
        <v>0</v>
      </c>
      <c r="AA38114">
        <v>0</v>
      </c>
      <c r="AB38114">
        <v>0</v>
      </c>
      <c r="AC38114">
        <v>0</v>
      </c>
      <c r="AD38114">
        <v>0</v>
      </c>
      <c r="AE38114">
        <v>0</v>
      </c>
      <c r="AF38114">
        <v>0</v>
      </c>
      <c r="AG38114">
        <v>0</v>
      </c>
      <c r="AH38114">
        <v>0</v>
      </c>
      <c r="AI38114">
        <v>0</v>
      </c>
      <c r="AJ38114">
        <v>0</v>
      </c>
      <c r="AK38114">
        <v>0</v>
      </c>
      <c r="AL38114">
        <v>0</v>
      </c>
      <c r="AM38114">
        <v>0</v>
      </c>
      <c r="AN38114">
        <v>0</v>
      </c>
      <c r="AO38114">
        <v>0</v>
      </c>
      <c r="AP38114">
        <v>0</v>
      </c>
      <c r="AQ38114">
        <v>0</v>
      </c>
    </row>
    <row r="38115" spans="1:43">
      <c r="A38115" t="s">
        <v>23635</v>
      </c>
      <c r="B38115" t="s">
        <v>23636</v>
      </c>
      <c r="C38115" t="s">
        <v>23637</v>
      </c>
      <c r="D38115" t="s">
        <v>23638</v>
      </c>
      <c r="E38115" t="s">
        <v>23601</v>
      </c>
      <c r="F38115" t="s">
        <v>23602</v>
      </c>
      <c r="G38115" t="s">
        <v>22539</v>
      </c>
      <c r="H38115" t="s">
        <v>22540</v>
      </c>
      <c r="I38115" s="2">
        <v>0</v>
      </c>
      <c r="J38115" s="2">
        <v>0</v>
      </c>
      <c r="K38115" s="2">
        <v>0</v>
      </c>
      <c r="L38115" t="s">
        <v>995</v>
      </c>
      <c r="M38115" t="s">
        <v>87</v>
      </c>
      <c r="N38115" t="s">
        <v>88</v>
      </c>
      <c r="O38115" t="s">
        <v>85</v>
      </c>
      <c r="P38115" t="s">
        <v>86</v>
      </c>
      <c r="Q38115">
        <v>0</v>
      </c>
      <c r="R38115">
        <v>0</v>
      </c>
      <c r="S38115">
        <v>0</v>
      </c>
      <c r="T38115">
        <v>0</v>
      </c>
      <c r="U38115">
        <v>0</v>
      </c>
      <c r="V38115">
        <v>0</v>
      </c>
      <c r="W38115">
        <v>0</v>
      </c>
      <c r="X38115">
        <v>0</v>
      </c>
      <c r="Y38115">
        <v>0</v>
      </c>
      <c r="Z38115">
        <v>0</v>
      </c>
      <c r="AA38115">
        <v>0</v>
      </c>
      <c r="AB38115">
        <v>0</v>
      </c>
      <c r="AC38115">
        <v>0</v>
      </c>
      <c r="AD38115">
        <v>0</v>
      </c>
      <c r="AE38115">
        <v>0</v>
      </c>
      <c r="AF38115">
        <v>0</v>
      </c>
      <c r="AG38115">
        <v>0</v>
      </c>
      <c r="AH38115">
        <v>0</v>
      </c>
      <c r="AI38115">
        <v>0</v>
      </c>
      <c r="AJ38115">
        <v>0</v>
      </c>
      <c r="AK38115">
        <v>0</v>
      </c>
      <c r="AL38115">
        <v>0</v>
      </c>
      <c r="AM38115">
        <v>0</v>
      </c>
      <c r="AN38115">
        <v>0</v>
      </c>
      <c r="AO38115">
        <v>0</v>
      </c>
      <c r="AP38115">
        <v>0</v>
      </c>
      <c r="AQ38115">
        <v>0</v>
      </c>
    </row>
    <row r="38116" spans="1:43">
      <c r="A38116" t="s">
        <v>23635</v>
      </c>
      <c r="B38116" t="s">
        <v>23636</v>
      </c>
      <c r="C38116" t="s">
        <v>23637</v>
      </c>
      <c r="D38116" t="s">
        <v>23638</v>
      </c>
      <c r="E38116" t="s">
        <v>23601</v>
      </c>
      <c r="F38116" t="s">
        <v>23602</v>
      </c>
      <c r="G38116" t="s">
        <v>22539</v>
      </c>
      <c r="H38116" t="s">
        <v>22540</v>
      </c>
      <c r="I38116" s="2">
        <v>0</v>
      </c>
      <c r="J38116" s="2">
        <v>0</v>
      </c>
      <c r="K38116" s="2">
        <v>0</v>
      </c>
      <c r="L38116" t="s">
        <v>995</v>
      </c>
      <c r="M38116" t="s">
        <v>89</v>
      </c>
      <c r="N38116" t="s">
        <v>90</v>
      </c>
      <c r="O38116" t="s">
        <v>85</v>
      </c>
      <c r="P38116" t="s">
        <v>86</v>
      </c>
      <c r="Q38116">
        <v>0</v>
      </c>
      <c r="R38116">
        <v>0</v>
      </c>
      <c r="S38116">
        <v>0</v>
      </c>
      <c r="T38116">
        <v>0</v>
      </c>
      <c r="U38116">
        <v>0</v>
      </c>
      <c r="V38116">
        <v>0</v>
      </c>
      <c r="W38116">
        <v>0</v>
      </c>
      <c r="X38116">
        <v>0</v>
      </c>
      <c r="Y38116">
        <v>0</v>
      </c>
      <c r="Z38116">
        <v>0</v>
      </c>
      <c r="AA38116">
        <v>0</v>
      </c>
      <c r="AB38116">
        <v>0</v>
      </c>
      <c r="AC38116">
        <v>0</v>
      </c>
      <c r="AD38116">
        <v>0</v>
      </c>
      <c r="AE38116">
        <v>0</v>
      </c>
      <c r="AF38116">
        <v>0</v>
      </c>
      <c r="AG38116">
        <v>0</v>
      </c>
      <c r="AH38116">
        <v>0</v>
      </c>
      <c r="AI38116">
        <v>0</v>
      </c>
      <c r="AJ38116">
        <v>0</v>
      </c>
      <c r="AK38116">
        <v>0</v>
      </c>
      <c r="AL38116">
        <v>0</v>
      </c>
      <c r="AM38116">
        <v>0</v>
      </c>
      <c r="AN38116">
        <v>0</v>
      </c>
      <c r="AO38116">
        <v>0</v>
      </c>
      <c r="AP38116">
        <v>0</v>
      </c>
      <c r="AQ38116">
        <v>0</v>
      </c>
    </row>
    <row r="38117" spans="1:43">
      <c r="A38117" t="s">
        <v>23635</v>
      </c>
      <c r="B38117" t="s">
        <v>23636</v>
      </c>
      <c r="C38117" t="s">
        <v>23637</v>
      </c>
      <c r="D38117" t="s">
        <v>23638</v>
      </c>
      <c r="E38117" t="s">
        <v>23601</v>
      </c>
      <c r="F38117" t="s">
        <v>23602</v>
      </c>
      <c r="G38117" t="s">
        <v>22539</v>
      </c>
      <c r="H38117" t="s">
        <v>22540</v>
      </c>
      <c r="I38117" s="2">
        <v>0</v>
      </c>
      <c r="J38117" s="2">
        <v>0</v>
      </c>
      <c r="K38117" s="2">
        <v>0</v>
      </c>
      <c r="L38117" t="s">
        <v>995</v>
      </c>
      <c r="M38117" t="s">
        <v>83</v>
      </c>
      <c r="N38117" t="s">
        <v>91</v>
      </c>
      <c r="O38117" t="s">
        <v>85</v>
      </c>
      <c r="P38117" t="s">
        <v>86</v>
      </c>
      <c r="Q38117">
        <v>0</v>
      </c>
      <c r="R38117">
        <v>0</v>
      </c>
      <c r="S38117">
        <v>0</v>
      </c>
      <c r="T38117">
        <v>0</v>
      </c>
      <c r="U38117">
        <v>0</v>
      </c>
      <c r="V38117">
        <v>0</v>
      </c>
      <c r="W38117">
        <v>0</v>
      </c>
      <c r="X38117">
        <v>0</v>
      </c>
      <c r="Y38117">
        <v>0</v>
      </c>
      <c r="Z38117">
        <v>0</v>
      </c>
      <c r="AA38117">
        <v>0</v>
      </c>
      <c r="AB38117">
        <v>0</v>
      </c>
      <c r="AC38117">
        <v>0</v>
      </c>
      <c r="AD38117">
        <v>0</v>
      </c>
      <c r="AE38117">
        <v>0</v>
      </c>
      <c r="AF38117">
        <v>0</v>
      </c>
      <c r="AG38117">
        <v>0</v>
      </c>
      <c r="AH38117">
        <v>0</v>
      </c>
      <c r="AI38117">
        <v>0</v>
      </c>
      <c r="AJ38117">
        <v>0</v>
      </c>
      <c r="AK38117">
        <v>0</v>
      </c>
      <c r="AL38117">
        <v>0</v>
      </c>
      <c r="AM38117">
        <v>0</v>
      </c>
      <c r="AN38117">
        <v>0</v>
      </c>
      <c r="AO38117">
        <v>0</v>
      </c>
      <c r="AP38117">
        <v>0</v>
      </c>
      <c r="AQ38117">
        <v>0</v>
      </c>
    </row>
    <row r="38118" spans="1:43">
      <c r="A38118" t="s">
        <v>23639</v>
      </c>
      <c r="B38118" t="s">
        <v>23640</v>
      </c>
      <c r="C38118" t="s">
        <v>23641</v>
      </c>
      <c r="D38118" t="s">
        <v>23642</v>
      </c>
      <c r="E38118" t="s">
        <v>23601</v>
      </c>
      <c r="F38118" t="s">
        <v>23602</v>
      </c>
      <c r="G38118" t="s">
        <v>22539</v>
      </c>
      <c r="H38118" t="s">
        <v>22540</v>
      </c>
      <c r="I38118" s="2">
        <v>0</v>
      </c>
      <c r="J38118" s="2">
        <v>0</v>
      </c>
      <c r="K38118" s="2">
        <v>0</v>
      </c>
      <c r="L38118" t="s">
        <v>995</v>
      </c>
      <c r="M38118" t="s">
        <v>83</v>
      </c>
      <c r="N38118" t="s">
        <v>84</v>
      </c>
      <c r="O38118" t="s">
        <v>85</v>
      </c>
      <c r="P38118" t="s">
        <v>86</v>
      </c>
      <c r="Q38118">
        <v>0</v>
      </c>
      <c r="R38118">
        <v>0</v>
      </c>
      <c r="S38118">
        <v>0</v>
      </c>
      <c r="T38118">
        <v>0</v>
      </c>
      <c r="U38118">
        <v>0</v>
      </c>
      <c r="V38118">
        <v>0</v>
      </c>
      <c r="W38118">
        <v>0</v>
      </c>
      <c r="X38118">
        <v>0</v>
      </c>
      <c r="Y38118">
        <v>0</v>
      </c>
      <c r="Z38118">
        <v>0</v>
      </c>
      <c r="AA38118">
        <v>0</v>
      </c>
      <c r="AB38118">
        <v>0</v>
      </c>
      <c r="AC38118">
        <v>0</v>
      </c>
      <c r="AD38118">
        <v>0</v>
      </c>
      <c r="AE38118">
        <v>0</v>
      </c>
      <c r="AF38118">
        <v>0</v>
      </c>
      <c r="AG38118">
        <v>0</v>
      </c>
      <c r="AH38118">
        <v>0</v>
      </c>
      <c r="AI38118">
        <v>0</v>
      </c>
      <c r="AJ38118">
        <v>0</v>
      </c>
      <c r="AK38118">
        <v>0</v>
      </c>
      <c r="AL38118">
        <v>0</v>
      </c>
      <c r="AM38118">
        <v>0</v>
      </c>
      <c r="AN38118">
        <v>0</v>
      </c>
      <c r="AO38118">
        <v>0</v>
      </c>
      <c r="AP38118">
        <v>0</v>
      </c>
      <c r="AQ38118">
        <v>0</v>
      </c>
    </row>
    <row r="38119" spans="1:43">
      <c r="A38119" t="s">
        <v>23639</v>
      </c>
      <c r="B38119" t="s">
        <v>23640</v>
      </c>
      <c r="C38119" t="s">
        <v>23641</v>
      </c>
      <c r="D38119" t="s">
        <v>23642</v>
      </c>
      <c r="E38119" t="s">
        <v>23601</v>
      </c>
      <c r="F38119" t="s">
        <v>23602</v>
      </c>
      <c r="G38119" t="s">
        <v>22539</v>
      </c>
      <c r="H38119" t="s">
        <v>22540</v>
      </c>
      <c r="I38119" s="2">
        <v>0</v>
      </c>
      <c r="J38119" s="2">
        <v>0</v>
      </c>
      <c r="K38119" s="2">
        <v>0</v>
      </c>
      <c r="L38119" t="s">
        <v>995</v>
      </c>
      <c r="M38119" t="s">
        <v>87</v>
      </c>
      <c r="N38119" t="s">
        <v>88</v>
      </c>
      <c r="O38119" t="s">
        <v>85</v>
      </c>
      <c r="P38119" t="s">
        <v>86</v>
      </c>
      <c r="Q38119">
        <v>0</v>
      </c>
      <c r="R38119">
        <v>0</v>
      </c>
      <c r="S38119">
        <v>0</v>
      </c>
      <c r="T38119">
        <v>0</v>
      </c>
      <c r="U38119">
        <v>0</v>
      </c>
      <c r="V38119">
        <v>0</v>
      </c>
      <c r="W38119">
        <v>0</v>
      </c>
      <c r="X38119">
        <v>0</v>
      </c>
      <c r="Y38119">
        <v>0</v>
      </c>
      <c r="Z38119">
        <v>0</v>
      </c>
      <c r="AA38119">
        <v>0</v>
      </c>
      <c r="AB38119">
        <v>0</v>
      </c>
      <c r="AC38119">
        <v>0</v>
      </c>
      <c r="AD38119">
        <v>0</v>
      </c>
      <c r="AE38119">
        <v>0</v>
      </c>
      <c r="AF38119">
        <v>0</v>
      </c>
      <c r="AG38119">
        <v>0</v>
      </c>
      <c r="AH38119">
        <v>0</v>
      </c>
      <c r="AI38119">
        <v>0</v>
      </c>
      <c r="AJ38119">
        <v>0</v>
      </c>
      <c r="AK38119">
        <v>0</v>
      </c>
      <c r="AL38119">
        <v>0</v>
      </c>
      <c r="AM38119">
        <v>0</v>
      </c>
      <c r="AN38119">
        <v>0</v>
      </c>
      <c r="AO38119">
        <v>0</v>
      </c>
      <c r="AP38119">
        <v>0</v>
      </c>
      <c r="AQ38119">
        <v>0</v>
      </c>
    </row>
    <row r="38120" spans="1:43">
      <c r="A38120" t="s">
        <v>23639</v>
      </c>
      <c r="B38120" t="s">
        <v>23640</v>
      </c>
      <c r="C38120" t="s">
        <v>23641</v>
      </c>
      <c r="D38120" t="s">
        <v>23642</v>
      </c>
      <c r="E38120" t="s">
        <v>23601</v>
      </c>
      <c r="F38120" t="s">
        <v>23602</v>
      </c>
      <c r="G38120" t="s">
        <v>22539</v>
      </c>
      <c r="H38120" t="s">
        <v>22540</v>
      </c>
      <c r="I38120" s="2">
        <v>0</v>
      </c>
      <c r="J38120" s="2">
        <v>0</v>
      </c>
      <c r="K38120" s="2">
        <v>0</v>
      </c>
      <c r="L38120" t="s">
        <v>995</v>
      </c>
      <c r="M38120" t="s">
        <v>89</v>
      </c>
      <c r="N38120" t="s">
        <v>90</v>
      </c>
      <c r="O38120" t="s">
        <v>85</v>
      </c>
      <c r="P38120" t="s">
        <v>86</v>
      </c>
      <c r="Q38120">
        <v>0</v>
      </c>
      <c r="R38120">
        <v>0</v>
      </c>
      <c r="S38120">
        <v>0</v>
      </c>
      <c r="T38120">
        <v>0</v>
      </c>
      <c r="U38120">
        <v>0</v>
      </c>
      <c r="V38120">
        <v>0</v>
      </c>
      <c r="W38120">
        <v>0</v>
      </c>
      <c r="X38120">
        <v>0</v>
      </c>
      <c r="Y38120">
        <v>0</v>
      </c>
      <c r="Z38120">
        <v>0</v>
      </c>
      <c r="AA38120">
        <v>0</v>
      </c>
      <c r="AB38120">
        <v>0</v>
      </c>
      <c r="AC38120">
        <v>0</v>
      </c>
      <c r="AD38120">
        <v>0</v>
      </c>
      <c r="AE38120">
        <v>0</v>
      </c>
      <c r="AF38120">
        <v>0</v>
      </c>
      <c r="AG38120">
        <v>0</v>
      </c>
      <c r="AH38120">
        <v>0</v>
      </c>
      <c r="AI38120">
        <v>0</v>
      </c>
      <c r="AJ38120">
        <v>0</v>
      </c>
      <c r="AK38120">
        <v>0</v>
      </c>
      <c r="AL38120">
        <v>0</v>
      </c>
      <c r="AM38120">
        <v>0</v>
      </c>
      <c r="AN38120">
        <v>0</v>
      </c>
      <c r="AO38120">
        <v>0</v>
      </c>
      <c r="AP38120">
        <v>0</v>
      </c>
      <c r="AQ38120">
        <v>0</v>
      </c>
    </row>
    <row r="38121" spans="1:43">
      <c r="A38121" t="s">
        <v>23639</v>
      </c>
      <c r="B38121" t="s">
        <v>23640</v>
      </c>
      <c r="C38121" t="s">
        <v>23641</v>
      </c>
      <c r="D38121" t="s">
        <v>23642</v>
      </c>
      <c r="E38121" t="s">
        <v>23601</v>
      </c>
      <c r="F38121" t="s">
        <v>23602</v>
      </c>
      <c r="G38121" t="s">
        <v>22539</v>
      </c>
      <c r="H38121" t="s">
        <v>22540</v>
      </c>
      <c r="I38121" s="2">
        <v>0</v>
      </c>
      <c r="J38121" s="2">
        <v>0</v>
      </c>
      <c r="K38121" s="2">
        <v>0</v>
      </c>
      <c r="L38121" t="s">
        <v>995</v>
      </c>
      <c r="M38121" t="s">
        <v>83</v>
      </c>
      <c r="N38121" t="s">
        <v>91</v>
      </c>
      <c r="O38121" t="s">
        <v>85</v>
      </c>
      <c r="P38121" t="s">
        <v>86</v>
      </c>
      <c r="Q38121">
        <v>0</v>
      </c>
      <c r="R38121">
        <v>0</v>
      </c>
      <c r="S38121">
        <v>0</v>
      </c>
      <c r="T38121">
        <v>0</v>
      </c>
      <c r="U38121">
        <v>0</v>
      </c>
      <c r="V38121">
        <v>0</v>
      </c>
      <c r="W38121">
        <v>0</v>
      </c>
      <c r="X38121">
        <v>0</v>
      </c>
      <c r="Y38121">
        <v>0</v>
      </c>
      <c r="Z38121">
        <v>0</v>
      </c>
      <c r="AA38121">
        <v>0</v>
      </c>
      <c r="AB38121">
        <v>0</v>
      </c>
      <c r="AC38121">
        <v>0</v>
      </c>
      <c r="AD38121">
        <v>0</v>
      </c>
      <c r="AE38121">
        <v>0</v>
      </c>
      <c r="AF38121">
        <v>0</v>
      </c>
      <c r="AG38121">
        <v>0</v>
      </c>
      <c r="AH38121">
        <v>0</v>
      </c>
      <c r="AI38121">
        <v>0</v>
      </c>
      <c r="AJ38121">
        <v>0</v>
      </c>
      <c r="AK38121">
        <v>0</v>
      </c>
      <c r="AL38121">
        <v>0</v>
      </c>
      <c r="AM38121">
        <v>0</v>
      </c>
      <c r="AN38121">
        <v>0</v>
      </c>
      <c r="AO38121">
        <v>0</v>
      </c>
      <c r="AP38121">
        <v>0</v>
      </c>
      <c r="AQ38121">
        <v>0</v>
      </c>
    </row>
    <row r="38122" spans="1:43">
      <c r="A38122" t="s">
        <v>23643</v>
      </c>
      <c r="B38122" t="s">
        <v>23644</v>
      </c>
      <c r="C38122" t="s">
        <v>23605</v>
      </c>
      <c r="D38122" t="s">
        <v>23606</v>
      </c>
      <c r="E38122" t="s">
        <v>23601</v>
      </c>
      <c r="F38122" t="s">
        <v>23602</v>
      </c>
      <c r="G38122" t="s">
        <v>22539</v>
      </c>
      <c r="H38122" t="s">
        <v>22540</v>
      </c>
      <c r="I38122" s="2">
        <v>0</v>
      </c>
      <c r="J38122" s="2">
        <v>0</v>
      </c>
      <c r="K38122" s="2">
        <v>1</v>
      </c>
      <c r="L38122" t="s">
        <v>995</v>
      </c>
      <c r="M38122" t="s">
        <v>83</v>
      </c>
      <c r="N38122" t="s">
        <v>84</v>
      </c>
      <c r="O38122" t="s">
        <v>85</v>
      </c>
      <c r="P38122" t="s">
        <v>86</v>
      </c>
      <c r="Q38122">
        <v>27</v>
      </c>
      <c r="R38122">
        <v>28</v>
      </c>
      <c r="S38122">
        <v>28</v>
      </c>
      <c r="T38122">
        <v>28</v>
      </c>
      <c r="U38122">
        <v>28</v>
      </c>
      <c r="V38122">
        <v>29</v>
      </c>
      <c r="W38122">
        <v>29</v>
      </c>
      <c r="X38122">
        <v>29</v>
      </c>
      <c r="Y38122">
        <v>29</v>
      </c>
      <c r="Z38122">
        <v>30</v>
      </c>
      <c r="AA38122">
        <v>30</v>
      </c>
      <c r="AB38122">
        <v>30</v>
      </c>
      <c r="AC38122">
        <v>30</v>
      </c>
      <c r="AD38122">
        <v>31</v>
      </c>
      <c r="AE38122">
        <v>31</v>
      </c>
      <c r="AF38122">
        <v>31</v>
      </c>
      <c r="AG38122">
        <v>31</v>
      </c>
      <c r="AH38122">
        <v>31</v>
      </c>
      <c r="AI38122">
        <v>32</v>
      </c>
      <c r="AJ38122">
        <v>32</v>
      </c>
      <c r="AK38122">
        <v>32</v>
      </c>
      <c r="AL38122">
        <v>32</v>
      </c>
      <c r="AM38122">
        <v>32</v>
      </c>
      <c r="AN38122">
        <v>32</v>
      </c>
      <c r="AO38122">
        <v>32</v>
      </c>
      <c r="AP38122">
        <v>31</v>
      </c>
      <c r="AQ38122">
        <v>31</v>
      </c>
    </row>
    <row r="38123" spans="1:43">
      <c r="A38123" t="s">
        <v>23643</v>
      </c>
      <c r="B38123" t="s">
        <v>23644</v>
      </c>
      <c r="C38123" t="s">
        <v>23605</v>
      </c>
      <c r="D38123" t="s">
        <v>23606</v>
      </c>
      <c r="E38123" t="s">
        <v>23601</v>
      </c>
      <c r="F38123" t="s">
        <v>23602</v>
      </c>
      <c r="G38123" t="s">
        <v>22539</v>
      </c>
      <c r="H38123" t="s">
        <v>22540</v>
      </c>
      <c r="I38123" s="2">
        <v>0</v>
      </c>
      <c r="J38123" s="2">
        <v>0</v>
      </c>
      <c r="K38123" s="2">
        <v>1</v>
      </c>
      <c r="L38123" t="s">
        <v>995</v>
      </c>
      <c r="M38123" t="s">
        <v>87</v>
      </c>
      <c r="N38123" t="s">
        <v>88</v>
      </c>
      <c r="O38123" t="s">
        <v>85</v>
      </c>
      <c r="P38123" t="s">
        <v>86</v>
      </c>
      <c r="Q38123">
        <v>27</v>
      </c>
      <c r="R38123">
        <v>27</v>
      </c>
      <c r="S38123">
        <v>27</v>
      </c>
      <c r="T38123">
        <v>27</v>
      </c>
      <c r="U38123">
        <v>27</v>
      </c>
      <c r="V38123">
        <v>27</v>
      </c>
      <c r="W38123">
        <v>27</v>
      </c>
      <c r="X38123">
        <v>27</v>
      </c>
      <c r="Y38123">
        <v>27</v>
      </c>
      <c r="Z38123">
        <v>27</v>
      </c>
      <c r="AA38123">
        <v>27</v>
      </c>
      <c r="AB38123">
        <v>27</v>
      </c>
      <c r="AC38123">
        <v>27</v>
      </c>
      <c r="AD38123">
        <v>27</v>
      </c>
      <c r="AE38123">
        <v>27</v>
      </c>
      <c r="AF38123">
        <v>27</v>
      </c>
      <c r="AG38123">
        <v>27</v>
      </c>
      <c r="AH38123">
        <v>27</v>
      </c>
      <c r="AI38123">
        <v>27</v>
      </c>
      <c r="AJ38123">
        <v>27</v>
      </c>
      <c r="AK38123">
        <v>27</v>
      </c>
      <c r="AL38123">
        <v>27</v>
      </c>
      <c r="AM38123">
        <v>27</v>
      </c>
      <c r="AN38123">
        <v>27</v>
      </c>
      <c r="AO38123">
        <v>27</v>
      </c>
      <c r="AP38123">
        <v>27</v>
      </c>
      <c r="AQ38123">
        <v>27</v>
      </c>
    </row>
    <row r="38124" spans="1:43">
      <c r="A38124" t="s">
        <v>23643</v>
      </c>
      <c r="B38124" t="s">
        <v>23644</v>
      </c>
      <c r="C38124" t="s">
        <v>23605</v>
      </c>
      <c r="D38124" t="s">
        <v>23606</v>
      </c>
      <c r="E38124" t="s">
        <v>23601</v>
      </c>
      <c r="F38124" t="s">
        <v>23602</v>
      </c>
      <c r="G38124" t="s">
        <v>22539</v>
      </c>
      <c r="H38124" t="s">
        <v>22540</v>
      </c>
      <c r="I38124" s="2">
        <v>0</v>
      </c>
      <c r="J38124" s="2">
        <v>0</v>
      </c>
      <c r="K38124" s="2">
        <v>1</v>
      </c>
      <c r="L38124" t="s">
        <v>995</v>
      </c>
      <c r="M38124" t="s">
        <v>89</v>
      </c>
      <c r="N38124" t="s">
        <v>90</v>
      </c>
      <c r="O38124" t="s">
        <v>85</v>
      </c>
      <c r="P38124" t="s">
        <v>86</v>
      </c>
      <c r="Q38124">
        <v>27</v>
      </c>
      <c r="R38124">
        <v>27</v>
      </c>
      <c r="S38124">
        <v>28</v>
      </c>
      <c r="T38124">
        <v>28</v>
      </c>
      <c r="U38124">
        <v>29</v>
      </c>
      <c r="V38124">
        <v>29</v>
      </c>
      <c r="W38124">
        <v>29</v>
      </c>
      <c r="X38124">
        <v>30</v>
      </c>
      <c r="Y38124">
        <v>30</v>
      </c>
      <c r="Z38124">
        <v>31</v>
      </c>
      <c r="AA38124">
        <v>31</v>
      </c>
      <c r="AB38124">
        <v>31</v>
      </c>
      <c r="AC38124">
        <v>32</v>
      </c>
      <c r="AD38124">
        <v>32</v>
      </c>
      <c r="AE38124">
        <v>32</v>
      </c>
      <c r="AF38124">
        <v>32</v>
      </c>
      <c r="AG38124">
        <v>32</v>
      </c>
      <c r="AH38124">
        <v>32</v>
      </c>
      <c r="AI38124">
        <v>32</v>
      </c>
      <c r="AJ38124">
        <v>31</v>
      </c>
      <c r="AK38124">
        <v>31</v>
      </c>
      <c r="AL38124">
        <v>31</v>
      </c>
      <c r="AM38124">
        <v>31</v>
      </c>
      <c r="AN38124">
        <v>31</v>
      </c>
      <c r="AO38124">
        <v>31</v>
      </c>
      <c r="AP38124">
        <v>31</v>
      </c>
      <c r="AQ38124">
        <v>31</v>
      </c>
    </row>
    <row r="38125" spans="1:43">
      <c r="A38125" t="s">
        <v>23643</v>
      </c>
      <c r="B38125" t="s">
        <v>23644</v>
      </c>
      <c r="C38125" t="s">
        <v>23605</v>
      </c>
      <c r="D38125" t="s">
        <v>23606</v>
      </c>
      <c r="E38125" t="s">
        <v>23601</v>
      </c>
      <c r="F38125" t="s">
        <v>23602</v>
      </c>
      <c r="G38125" t="s">
        <v>22539</v>
      </c>
      <c r="H38125" t="s">
        <v>22540</v>
      </c>
      <c r="I38125" s="2">
        <v>0</v>
      </c>
      <c r="J38125" s="2">
        <v>0</v>
      </c>
      <c r="K38125" s="2">
        <v>1</v>
      </c>
      <c r="L38125" t="s">
        <v>995</v>
      </c>
      <c r="M38125" t="s">
        <v>83</v>
      </c>
      <c r="N38125" t="s">
        <v>91</v>
      </c>
      <c r="O38125" t="s">
        <v>85</v>
      </c>
      <c r="P38125" t="s">
        <v>86</v>
      </c>
      <c r="Q38125">
        <v>27</v>
      </c>
      <c r="R38125">
        <v>28</v>
      </c>
      <c r="S38125">
        <v>28</v>
      </c>
      <c r="T38125">
        <v>28</v>
      </c>
      <c r="U38125">
        <v>28</v>
      </c>
      <c r="V38125">
        <v>29</v>
      </c>
      <c r="W38125">
        <v>29</v>
      </c>
      <c r="X38125">
        <v>29</v>
      </c>
      <c r="Y38125">
        <v>29</v>
      </c>
      <c r="Z38125">
        <v>30</v>
      </c>
      <c r="AA38125">
        <v>30</v>
      </c>
      <c r="AB38125">
        <v>30</v>
      </c>
      <c r="AC38125">
        <v>30</v>
      </c>
      <c r="AD38125">
        <v>31</v>
      </c>
      <c r="AE38125">
        <v>31</v>
      </c>
      <c r="AF38125">
        <v>31</v>
      </c>
      <c r="AG38125">
        <v>31</v>
      </c>
      <c r="AH38125">
        <v>31</v>
      </c>
      <c r="AI38125">
        <v>32</v>
      </c>
      <c r="AJ38125">
        <v>32</v>
      </c>
      <c r="AK38125">
        <v>32</v>
      </c>
      <c r="AL38125">
        <v>32</v>
      </c>
      <c r="AM38125">
        <v>32</v>
      </c>
      <c r="AN38125">
        <v>32</v>
      </c>
      <c r="AO38125">
        <v>32</v>
      </c>
      <c r="AP38125">
        <v>31</v>
      </c>
      <c r="AQ38125">
        <v>31</v>
      </c>
    </row>
    <row r="38126" spans="1:43">
      <c r="A38126" t="s">
        <v>23645</v>
      </c>
      <c r="B38126" t="s">
        <v>23646</v>
      </c>
      <c r="C38126" t="s">
        <v>23647</v>
      </c>
      <c r="D38126" t="s">
        <v>23648</v>
      </c>
      <c r="E38126" t="s">
        <v>23649</v>
      </c>
      <c r="F38126" t="s">
        <v>23650</v>
      </c>
      <c r="G38126" t="s">
        <v>22539</v>
      </c>
      <c r="H38126" t="s">
        <v>22540</v>
      </c>
      <c r="I38126" s="2">
        <v>0</v>
      </c>
      <c r="J38126" s="2">
        <v>0</v>
      </c>
      <c r="K38126" s="2">
        <v>1</v>
      </c>
      <c r="L38126" t="s">
        <v>995</v>
      </c>
      <c r="M38126" t="s">
        <v>83</v>
      </c>
      <c r="N38126" t="s">
        <v>84</v>
      </c>
      <c r="O38126" t="s">
        <v>85</v>
      </c>
      <c r="P38126" t="s">
        <v>86</v>
      </c>
      <c r="Q38126">
        <v>24</v>
      </c>
      <c r="R38126">
        <v>24</v>
      </c>
      <c r="S38126">
        <v>25</v>
      </c>
      <c r="T38126">
        <v>25</v>
      </c>
      <c r="U38126">
        <v>25</v>
      </c>
      <c r="V38126">
        <v>26</v>
      </c>
      <c r="W38126">
        <v>26</v>
      </c>
      <c r="X38126">
        <v>27</v>
      </c>
      <c r="Y38126">
        <v>27</v>
      </c>
      <c r="Z38126">
        <v>27</v>
      </c>
      <c r="AA38126">
        <v>28</v>
      </c>
      <c r="AB38126">
        <v>28</v>
      </c>
      <c r="AC38126">
        <v>29</v>
      </c>
      <c r="AD38126">
        <v>29</v>
      </c>
      <c r="AE38126">
        <v>30</v>
      </c>
      <c r="AF38126">
        <v>30</v>
      </c>
      <c r="AG38126">
        <v>30</v>
      </c>
      <c r="AH38126">
        <v>31</v>
      </c>
      <c r="AI38126">
        <v>31</v>
      </c>
      <c r="AJ38126">
        <v>32</v>
      </c>
      <c r="AK38126">
        <v>32</v>
      </c>
      <c r="AL38126">
        <v>32</v>
      </c>
      <c r="AM38126">
        <v>33</v>
      </c>
      <c r="AN38126">
        <v>33</v>
      </c>
      <c r="AO38126">
        <v>33</v>
      </c>
      <c r="AP38126">
        <v>33</v>
      </c>
      <c r="AQ38126">
        <v>33</v>
      </c>
    </row>
    <row r="38127" spans="1:43">
      <c r="A38127" t="s">
        <v>23645</v>
      </c>
      <c r="B38127" t="s">
        <v>23646</v>
      </c>
      <c r="C38127" t="s">
        <v>23647</v>
      </c>
      <c r="D38127" t="s">
        <v>23648</v>
      </c>
      <c r="E38127" t="s">
        <v>23649</v>
      </c>
      <c r="F38127" t="s">
        <v>23650</v>
      </c>
      <c r="G38127" t="s">
        <v>22539</v>
      </c>
      <c r="H38127" t="s">
        <v>22540</v>
      </c>
      <c r="I38127" s="2">
        <v>0</v>
      </c>
      <c r="J38127" s="2">
        <v>0</v>
      </c>
      <c r="K38127" s="2">
        <v>1</v>
      </c>
      <c r="L38127" t="s">
        <v>995</v>
      </c>
      <c r="M38127" t="s">
        <v>87</v>
      </c>
      <c r="N38127" t="s">
        <v>88</v>
      </c>
      <c r="O38127" t="s">
        <v>85</v>
      </c>
      <c r="P38127" t="s">
        <v>86</v>
      </c>
      <c r="Q38127">
        <v>24</v>
      </c>
      <c r="R38127">
        <v>24</v>
      </c>
      <c r="S38127">
        <v>24</v>
      </c>
      <c r="T38127">
        <v>24</v>
      </c>
      <c r="U38127">
        <v>24</v>
      </c>
      <c r="V38127">
        <v>24</v>
      </c>
      <c r="W38127">
        <v>25</v>
      </c>
      <c r="X38127">
        <v>25</v>
      </c>
      <c r="Y38127">
        <v>25</v>
      </c>
      <c r="Z38127">
        <v>25</v>
      </c>
      <c r="AA38127">
        <v>25</v>
      </c>
      <c r="AB38127">
        <v>26</v>
      </c>
      <c r="AC38127">
        <v>26</v>
      </c>
      <c r="AD38127">
        <v>26</v>
      </c>
      <c r="AE38127">
        <v>26</v>
      </c>
      <c r="AF38127">
        <v>26</v>
      </c>
      <c r="AG38127">
        <v>27</v>
      </c>
      <c r="AH38127">
        <v>27</v>
      </c>
      <c r="AI38127">
        <v>27</v>
      </c>
      <c r="AJ38127">
        <v>27</v>
      </c>
      <c r="AK38127">
        <v>27</v>
      </c>
      <c r="AL38127">
        <v>28</v>
      </c>
      <c r="AM38127">
        <v>28</v>
      </c>
      <c r="AN38127">
        <v>28</v>
      </c>
      <c r="AO38127">
        <v>28</v>
      </c>
      <c r="AP38127">
        <v>29</v>
      </c>
      <c r="AQ38127">
        <v>29</v>
      </c>
    </row>
    <row r="38128" spans="1:43">
      <c r="A38128" t="s">
        <v>23645</v>
      </c>
      <c r="B38128" t="s">
        <v>23646</v>
      </c>
      <c r="C38128" t="s">
        <v>23647</v>
      </c>
      <c r="D38128" t="s">
        <v>23648</v>
      </c>
      <c r="E38128" t="s">
        <v>23649</v>
      </c>
      <c r="F38128" t="s">
        <v>23650</v>
      </c>
      <c r="G38128" t="s">
        <v>22539</v>
      </c>
      <c r="H38128" t="s">
        <v>22540</v>
      </c>
      <c r="I38128" s="2">
        <v>0</v>
      </c>
      <c r="J38128" s="2">
        <v>0</v>
      </c>
      <c r="K38128" s="2">
        <v>1</v>
      </c>
      <c r="L38128" t="s">
        <v>995</v>
      </c>
      <c r="M38128" t="s">
        <v>89</v>
      </c>
      <c r="N38128" t="s">
        <v>90</v>
      </c>
      <c r="O38128" t="s">
        <v>85</v>
      </c>
      <c r="P38128" t="s">
        <v>86</v>
      </c>
      <c r="Q38128">
        <v>24</v>
      </c>
      <c r="R38128">
        <v>25</v>
      </c>
      <c r="S38128">
        <v>25</v>
      </c>
      <c r="T38128">
        <v>26</v>
      </c>
      <c r="U38128">
        <v>26</v>
      </c>
      <c r="V38128">
        <v>27</v>
      </c>
      <c r="W38128">
        <v>28</v>
      </c>
      <c r="X38128">
        <v>28</v>
      </c>
      <c r="Y38128">
        <v>29</v>
      </c>
      <c r="Z38128">
        <v>29</v>
      </c>
      <c r="AA38128">
        <v>30</v>
      </c>
      <c r="AB38128">
        <v>30</v>
      </c>
      <c r="AC38128">
        <v>31</v>
      </c>
      <c r="AD38128">
        <v>31</v>
      </c>
      <c r="AE38128">
        <v>32</v>
      </c>
      <c r="AF38128">
        <v>32</v>
      </c>
      <c r="AG38128">
        <v>32</v>
      </c>
      <c r="AH38128">
        <v>32</v>
      </c>
      <c r="AI38128">
        <v>32</v>
      </c>
      <c r="AJ38128">
        <v>32</v>
      </c>
      <c r="AK38128">
        <v>33</v>
      </c>
      <c r="AL38128">
        <v>33</v>
      </c>
      <c r="AM38128">
        <v>33</v>
      </c>
      <c r="AN38128">
        <v>33</v>
      </c>
      <c r="AO38128">
        <v>33</v>
      </c>
      <c r="AP38128">
        <v>33</v>
      </c>
      <c r="AQ38128">
        <v>33</v>
      </c>
    </row>
    <row r="38129" spans="1:43">
      <c r="A38129" t="s">
        <v>23645</v>
      </c>
      <c r="B38129" t="s">
        <v>23646</v>
      </c>
      <c r="C38129" t="s">
        <v>23647</v>
      </c>
      <c r="D38129" t="s">
        <v>23648</v>
      </c>
      <c r="E38129" t="s">
        <v>23649</v>
      </c>
      <c r="F38129" t="s">
        <v>23650</v>
      </c>
      <c r="G38129" t="s">
        <v>22539</v>
      </c>
      <c r="H38129" t="s">
        <v>22540</v>
      </c>
      <c r="I38129" s="2">
        <v>0</v>
      </c>
      <c r="J38129" s="2">
        <v>0</v>
      </c>
      <c r="K38129" s="2">
        <v>1</v>
      </c>
      <c r="L38129" t="s">
        <v>995</v>
      </c>
      <c r="M38129" t="s">
        <v>83</v>
      </c>
      <c r="N38129" t="s">
        <v>91</v>
      </c>
      <c r="O38129" t="s">
        <v>85</v>
      </c>
      <c r="P38129" t="s">
        <v>86</v>
      </c>
      <c r="Q38129">
        <v>24</v>
      </c>
      <c r="R38129">
        <v>24</v>
      </c>
      <c r="S38129">
        <v>25</v>
      </c>
      <c r="T38129">
        <v>25</v>
      </c>
      <c r="U38129">
        <v>25</v>
      </c>
      <c r="V38129">
        <v>26</v>
      </c>
      <c r="W38129">
        <v>26</v>
      </c>
      <c r="X38129">
        <v>27</v>
      </c>
      <c r="Y38129">
        <v>27</v>
      </c>
      <c r="Z38129">
        <v>27</v>
      </c>
      <c r="AA38129">
        <v>28</v>
      </c>
      <c r="AB38129">
        <v>28</v>
      </c>
      <c r="AC38129">
        <v>29</v>
      </c>
      <c r="AD38129">
        <v>29</v>
      </c>
      <c r="AE38129">
        <v>30</v>
      </c>
      <c r="AF38129">
        <v>30</v>
      </c>
      <c r="AG38129">
        <v>30</v>
      </c>
      <c r="AH38129">
        <v>31</v>
      </c>
      <c r="AI38129">
        <v>31</v>
      </c>
      <c r="AJ38129">
        <v>32</v>
      </c>
      <c r="AK38129">
        <v>32</v>
      </c>
      <c r="AL38129">
        <v>32</v>
      </c>
      <c r="AM38129">
        <v>33</v>
      </c>
      <c r="AN38129">
        <v>33</v>
      </c>
      <c r="AO38129">
        <v>33</v>
      </c>
      <c r="AP38129">
        <v>33</v>
      </c>
      <c r="AQ38129">
        <v>33</v>
      </c>
    </row>
    <row r="38130" spans="1:43">
      <c r="A38130" t="s">
        <v>23651</v>
      </c>
      <c r="B38130" t="s">
        <v>23652</v>
      </c>
      <c r="C38130" t="s">
        <v>23647</v>
      </c>
      <c r="D38130" t="s">
        <v>23648</v>
      </c>
      <c r="E38130" t="s">
        <v>23649</v>
      </c>
      <c r="F38130" t="s">
        <v>23650</v>
      </c>
      <c r="G38130" t="s">
        <v>22539</v>
      </c>
      <c r="H38130" t="s">
        <v>22540</v>
      </c>
      <c r="I38130" s="2">
        <v>0</v>
      </c>
      <c r="J38130" s="2">
        <v>0</v>
      </c>
      <c r="K38130" s="2">
        <v>1</v>
      </c>
      <c r="L38130" t="s">
        <v>995</v>
      </c>
      <c r="M38130" t="s">
        <v>83</v>
      </c>
      <c r="N38130" t="s">
        <v>84</v>
      </c>
      <c r="O38130" t="s">
        <v>85</v>
      </c>
      <c r="P38130" t="s">
        <v>86</v>
      </c>
      <c r="Q38130">
        <v>23</v>
      </c>
      <c r="R38130">
        <v>23</v>
      </c>
      <c r="S38130">
        <v>23</v>
      </c>
      <c r="T38130">
        <v>24</v>
      </c>
      <c r="U38130">
        <v>24</v>
      </c>
      <c r="V38130">
        <v>25</v>
      </c>
      <c r="W38130">
        <v>25</v>
      </c>
      <c r="X38130">
        <v>25</v>
      </c>
      <c r="Y38130">
        <v>26</v>
      </c>
      <c r="Z38130">
        <v>26</v>
      </c>
      <c r="AA38130">
        <v>27</v>
      </c>
      <c r="AB38130">
        <v>27</v>
      </c>
      <c r="AC38130">
        <v>27</v>
      </c>
      <c r="AD38130">
        <v>28</v>
      </c>
      <c r="AE38130">
        <v>28</v>
      </c>
      <c r="AF38130">
        <v>29</v>
      </c>
      <c r="AG38130">
        <v>29</v>
      </c>
      <c r="AH38130">
        <v>30</v>
      </c>
      <c r="AI38130">
        <v>30</v>
      </c>
      <c r="AJ38130">
        <v>30</v>
      </c>
      <c r="AK38130">
        <v>31</v>
      </c>
      <c r="AL38130">
        <v>31</v>
      </c>
      <c r="AM38130">
        <v>31</v>
      </c>
      <c r="AN38130">
        <v>32</v>
      </c>
      <c r="AO38130">
        <v>32</v>
      </c>
      <c r="AP38130">
        <v>32</v>
      </c>
      <c r="AQ38130">
        <v>32</v>
      </c>
    </row>
    <row r="38131" spans="1:43">
      <c r="A38131" t="s">
        <v>23651</v>
      </c>
      <c r="B38131" t="s">
        <v>23652</v>
      </c>
      <c r="C38131" t="s">
        <v>23647</v>
      </c>
      <c r="D38131" t="s">
        <v>23648</v>
      </c>
      <c r="E38131" t="s">
        <v>23649</v>
      </c>
      <c r="F38131" t="s">
        <v>23650</v>
      </c>
      <c r="G38131" t="s">
        <v>22539</v>
      </c>
      <c r="H38131" t="s">
        <v>22540</v>
      </c>
      <c r="I38131" s="2">
        <v>0</v>
      </c>
      <c r="J38131" s="2">
        <v>0</v>
      </c>
      <c r="K38131" s="2">
        <v>1</v>
      </c>
      <c r="L38131" t="s">
        <v>995</v>
      </c>
      <c r="M38131" t="s">
        <v>87</v>
      </c>
      <c r="N38131" t="s">
        <v>88</v>
      </c>
      <c r="O38131" t="s">
        <v>85</v>
      </c>
      <c r="P38131" t="s">
        <v>86</v>
      </c>
      <c r="Q38131">
        <v>23</v>
      </c>
      <c r="R38131">
        <v>24</v>
      </c>
      <c r="S38131">
        <v>24</v>
      </c>
      <c r="T38131">
        <v>24</v>
      </c>
      <c r="U38131">
        <v>24</v>
      </c>
      <c r="V38131">
        <v>24</v>
      </c>
      <c r="W38131">
        <v>25</v>
      </c>
      <c r="X38131">
        <v>25</v>
      </c>
      <c r="Y38131">
        <v>25</v>
      </c>
      <c r="Z38131">
        <v>25</v>
      </c>
      <c r="AA38131">
        <v>25</v>
      </c>
      <c r="AB38131">
        <v>25</v>
      </c>
      <c r="AC38131">
        <v>26</v>
      </c>
      <c r="AD38131">
        <v>26</v>
      </c>
      <c r="AE38131">
        <v>26</v>
      </c>
      <c r="AF38131">
        <v>26</v>
      </c>
      <c r="AG38131">
        <v>26</v>
      </c>
      <c r="AH38131">
        <v>27</v>
      </c>
      <c r="AI38131">
        <v>27</v>
      </c>
      <c r="AJ38131">
        <v>27</v>
      </c>
      <c r="AK38131">
        <v>27</v>
      </c>
      <c r="AL38131">
        <v>28</v>
      </c>
      <c r="AM38131">
        <v>28</v>
      </c>
      <c r="AN38131">
        <v>28</v>
      </c>
      <c r="AO38131">
        <v>28</v>
      </c>
      <c r="AP38131">
        <v>28</v>
      </c>
      <c r="AQ38131">
        <v>29</v>
      </c>
    </row>
    <row r="38132" spans="1:43">
      <c r="A38132" t="s">
        <v>23651</v>
      </c>
      <c r="B38132" t="s">
        <v>23652</v>
      </c>
      <c r="C38132" t="s">
        <v>23647</v>
      </c>
      <c r="D38132" t="s">
        <v>23648</v>
      </c>
      <c r="E38132" t="s">
        <v>23649</v>
      </c>
      <c r="F38132" t="s">
        <v>23650</v>
      </c>
      <c r="G38132" t="s">
        <v>22539</v>
      </c>
      <c r="H38132" t="s">
        <v>22540</v>
      </c>
      <c r="I38132" s="2">
        <v>0</v>
      </c>
      <c r="J38132" s="2">
        <v>0</v>
      </c>
      <c r="K38132" s="2">
        <v>1</v>
      </c>
      <c r="L38132" t="s">
        <v>995</v>
      </c>
      <c r="M38132" t="s">
        <v>89</v>
      </c>
      <c r="N38132" t="s">
        <v>90</v>
      </c>
      <c r="O38132" t="s">
        <v>85</v>
      </c>
      <c r="P38132" t="s">
        <v>86</v>
      </c>
      <c r="Q38132">
        <v>23</v>
      </c>
      <c r="R38132">
        <v>23</v>
      </c>
      <c r="S38132">
        <v>24</v>
      </c>
      <c r="T38132">
        <v>25</v>
      </c>
      <c r="U38132">
        <v>25</v>
      </c>
      <c r="V38132">
        <v>26</v>
      </c>
      <c r="W38132">
        <v>26</v>
      </c>
      <c r="X38132">
        <v>27</v>
      </c>
      <c r="Y38132">
        <v>27</v>
      </c>
      <c r="Z38132">
        <v>28</v>
      </c>
      <c r="AA38132">
        <v>28</v>
      </c>
      <c r="AB38132">
        <v>29</v>
      </c>
      <c r="AC38132">
        <v>29</v>
      </c>
      <c r="AD38132">
        <v>30</v>
      </c>
      <c r="AE38132">
        <v>30</v>
      </c>
      <c r="AF38132">
        <v>31</v>
      </c>
      <c r="AG38132">
        <v>31</v>
      </c>
      <c r="AH38132">
        <v>31</v>
      </c>
      <c r="AI38132">
        <v>31</v>
      </c>
      <c r="AJ38132">
        <v>31</v>
      </c>
      <c r="AK38132">
        <v>31</v>
      </c>
      <c r="AL38132">
        <v>32</v>
      </c>
      <c r="AM38132">
        <v>32</v>
      </c>
      <c r="AN38132">
        <v>32</v>
      </c>
      <c r="AO38132">
        <v>32</v>
      </c>
      <c r="AP38132">
        <v>32</v>
      </c>
      <c r="AQ38132">
        <v>32</v>
      </c>
    </row>
    <row r="38133" spans="1:43">
      <c r="A38133" t="s">
        <v>23651</v>
      </c>
      <c r="B38133" t="s">
        <v>23652</v>
      </c>
      <c r="C38133" t="s">
        <v>23647</v>
      </c>
      <c r="D38133" t="s">
        <v>23648</v>
      </c>
      <c r="E38133" t="s">
        <v>23649</v>
      </c>
      <c r="F38133" t="s">
        <v>23650</v>
      </c>
      <c r="G38133" t="s">
        <v>22539</v>
      </c>
      <c r="H38133" t="s">
        <v>22540</v>
      </c>
      <c r="I38133" s="2">
        <v>0</v>
      </c>
      <c r="J38133" s="2">
        <v>0</v>
      </c>
      <c r="K38133" s="2">
        <v>1</v>
      </c>
      <c r="L38133" t="s">
        <v>995</v>
      </c>
      <c r="M38133" t="s">
        <v>83</v>
      </c>
      <c r="N38133" t="s">
        <v>91</v>
      </c>
      <c r="O38133" t="s">
        <v>85</v>
      </c>
      <c r="P38133" t="s">
        <v>86</v>
      </c>
      <c r="Q38133">
        <v>23</v>
      </c>
      <c r="R38133">
        <v>23</v>
      </c>
      <c r="S38133">
        <v>23</v>
      </c>
      <c r="T38133">
        <v>24</v>
      </c>
      <c r="U38133">
        <v>24</v>
      </c>
      <c r="V38133">
        <v>25</v>
      </c>
      <c r="W38133">
        <v>25</v>
      </c>
      <c r="X38133">
        <v>25</v>
      </c>
      <c r="Y38133">
        <v>26</v>
      </c>
      <c r="Z38133">
        <v>26</v>
      </c>
      <c r="AA38133">
        <v>27</v>
      </c>
      <c r="AB38133">
        <v>27</v>
      </c>
      <c r="AC38133">
        <v>27</v>
      </c>
      <c r="AD38133">
        <v>28</v>
      </c>
      <c r="AE38133">
        <v>28</v>
      </c>
      <c r="AF38133">
        <v>29</v>
      </c>
      <c r="AG38133">
        <v>29</v>
      </c>
      <c r="AH38133">
        <v>30</v>
      </c>
      <c r="AI38133">
        <v>30</v>
      </c>
      <c r="AJ38133">
        <v>30</v>
      </c>
      <c r="AK38133">
        <v>31</v>
      </c>
      <c r="AL38133">
        <v>31</v>
      </c>
      <c r="AM38133">
        <v>31</v>
      </c>
      <c r="AN38133">
        <v>32</v>
      </c>
      <c r="AO38133">
        <v>32</v>
      </c>
      <c r="AP38133">
        <v>32</v>
      </c>
      <c r="AQ38133">
        <v>32</v>
      </c>
    </row>
    <row r="38134" spans="1:43">
      <c r="A38134" t="s">
        <v>23653</v>
      </c>
      <c r="B38134" t="s">
        <v>23654</v>
      </c>
      <c r="C38134" t="s">
        <v>23655</v>
      </c>
      <c r="D38134" t="s">
        <v>23656</v>
      </c>
      <c r="E38134" t="s">
        <v>23649</v>
      </c>
      <c r="F38134" t="s">
        <v>23650</v>
      </c>
      <c r="G38134" t="s">
        <v>22539</v>
      </c>
      <c r="H38134" t="s">
        <v>22540</v>
      </c>
      <c r="I38134" s="2">
        <v>0</v>
      </c>
      <c r="J38134" s="2">
        <v>0</v>
      </c>
      <c r="K38134" s="2">
        <v>1</v>
      </c>
      <c r="L38134" t="s">
        <v>995</v>
      </c>
      <c r="M38134" t="s">
        <v>83</v>
      </c>
      <c r="N38134" t="s">
        <v>84</v>
      </c>
      <c r="O38134" t="s">
        <v>85</v>
      </c>
      <c r="P38134" t="s">
        <v>86</v>
      </c>
      <c r="Q38134">
        <v>42</v>
      </c>
      <c r="R38134">
        <v>43</v>
      </c>
      <c r="S38134">
        <v>44</v>
      </c>
      <c r="T38134">
        <v>44</v>
      </c>
      <c r="U38134">
        <v>45</v>
      </c>
      <c r="V38134">
        <v>46</v>
      </c>
      <c r="W38134">
        <v>47</v>
      </c>
      <c r="X38134">
        <v>48</v>
      </c>
      <c r="Y38134">
        <v>48</v>
      </c>
      <c r="Z38134">
        <v>49</v>
      </c>
      <c r="AA38134">
        <v>50</v>
      </c>
      <c r="AB38134">
        <v>51</v>
      </c>
      <c r="AC38134">
        <v>52</v>
      </c>
      <c r="AD38134">
        <v>52</v>
      </c>
      <c r="AE38134">
        <v>53</v>
      </c>
      <c r="AF38134">
        <v>54</v>
      </c>
      <c r="AG38134">
        <v>55</v>
      </c>
      <c r="AH38134">
        <v>56</v>
      </c>
      <c r="AI38134">
        <v>57</v>
      </c>
      <c r="AJ38134">
        <v>57</v>
      </c>
      <c r="AK38134">
        <v>58</v>
      </c>
      <c r="AL38134">
        <v>59</v>
      </c>
      <c r="AM38134">
        <v>59</v>
      </c>
      <c r="AN38134">
        <v>60</v>
      </c>
      <c r="AO38134">
        <v>60</v>
      </c>
      <c r="AP38134">
        <v>60</v>
      </c>
      <c r="AQ38134">
        <v>61</v>
      </c>
    </row>
    <row r="38135" spans="1:43">
      <c r="A38135" t="s">
        <v>23653</v>
      </c>
      <c r="B38135" t="s">
        <v>23654</v>
      </c>
      <c r="C38135" t="s">
        <v>23655</v>
      </c>
      <c r="D38135" t="s">
        <v>23656</v>
      </c>
      <c r="E38135" t="s">
        <v>23649</v>
      </c>
      <c r="F38135" t="s">
        <v>23650</v>
      </c>
      <c r="G38135" t="s">
        <v>22539</v>
      </c>
      <c r="H38135" t="s">
        <v>22540</v>
      </c>
      <c r="I38135" s="2">
        <v>0</v>
      </c>
      <c r="J38135" s="2">
        <v>0</v>
      </c>
      <c r="K38135" s="2">
        <v>1</v>
      </c>
      <c r="L38135" t="s">
        <v>995</v>
      </c>
      <c r="M38135" t="s">
        <v>87</v>
      </c>
      <c r="N38135" t="s">
        <v>88</v>
      </c>
      <c r="O38135" t="s">
        <v>85</v>
      </c>
      <c r="P38135" t="s">
        <v>86</v>
      </c>
      <c r="Q38135">
        <v>42</v>
      </c>
      <c r="R38135">
        <v>42</v>
      </c>
      <c r="S38135">
        <v>42</v>
      </c>
      <c r="T38135">
        <v>43</v>
      </c>
      <c r="U38135">
        <v>43</v>
      </c>
      <c r="V38135">
        <v>44</v>
      </c>
      <c r="W38135">
        <v>44</v>
      </c>
      <c r="X38135">
        <v>44</v>
      </c>
      <c r="Y38135">
        <v>45</v>
      </c>
      <c r="Z38135">
        <v>45</v>
      </c>
      <c r="AA38135">
        <v>45</v>
      </c>
      <c r="AB38135">
        <v>46</v>
      </c>
      <c r="AC38135">
        <v>46</v>
      </c>
      <c r="AD38135">
        <v>47</v>
      </c>
      <c r="AE38135">
        <v>47</v>
      </c>
      <c r="AF38135">
        <v>48</v>
      </c>
      <c r="AG38135">
        <v>48</v>
      </c>
      <c r="AH38135">
        <v>48</v>
      </c>
      <c r="AI38135">
        <v>49</v>
      </c>
      <c r="AJ38135">
        <v>49</v>
      </c>
      <c r="AK38135">
        <v>50</v>
      </c>
      <c r="AL38135">
        <v>50</v>
      </c>
      <c r="AM38135">
        <v>51</v>
      </c>
      <c r="AN38135">
        <v>51</v>
      </c>
      <c r="AO38135">
        <v>52</v>
      </c>
      <c r="AP38135">
        <v>52</v>
      </c>
      <c r="AQ38135">
        <v>53</v>
      </c>
    </row>
    <row r="38136" spans="1:43">
      <c r="A38136" t="s">
        <v>23653</v>
      </c>
      <c r="B38136" t="s">
        <v>23654</v>
      </c>
      <c r="C38136" t="s">
        <v>23655</v>
      </c>
      <c r="D38136" t="s">
        <v>23656</v>
      </c>
      <c r="E38136" t="s">
        <v>23649</v>
      </c>
      <c r="F38136" t="s">
        <v>23650</v>
      </c>
      <c r="G38136" t="s">
        <v>22539</v>
      </c>
      <c r="H38136" t="s">
        <v>22540</v>
      </c>
      <c r="I38136" s="2">
        <v>0</v>
      </c>
      <c r="J38136" s="2">
        <v>0</v>
      </c>
      <c r="K38136" s="2">
        <v>1</v>
      </c>
      <c r="L38136" t="s">
        <v>995</v>
      </c>
      <c r="M38136" t="s">
        <v>89</v>
      </c>
      <c r="N38136" t="s">
        <v>90</v>
      </c>
      <c r="O38136" t="s">
        <v>85</v>
      </c>
      <c r="P38136" t="s">
        <v>86</v>
      </c>
      <c r="Q38136">
        <v>42</v>
      </c>
      <c r="R38136">
        <v>44</v>
      </c>
      <c r="S38136">
        <v>45</v>
      </c>
      <c r="T38136">
        <v>46</v>
      </c>
      <c r="U38136">
        <v>47</v>
      </c>
      <c r="V38136">
        <v>48</v>
      </c>
      <c r="W38136">
        <v>49</v>
      </c>
      <c r="X38136">
        <v>50</v>
      </c>
      <c r="Y38136">
        <v>51</v>
      </c>
      <c r="Z38136">
        <v>52</v>
      </c>
      <c r="AA38136">
        <v>53</v>
      </c>
      <c r="AB38136">
        <v>54</v>
      </c>
      <c r="AC38136">
        <v>55</v>
      </c>
      <c r="AD38136">
        <v>56</v>
      </c>
      <c r="AE38136">
        <v>57</v>
      </c>
      <c r="AF38136">
        <v>57</v>
      </c>
      <c r="AG38136">
        <v>58</v>
      </c>
      <c r="AH38136">
        <v>58</v>
      </c>
      <c r="AI38136">
        <v>58</v>
      </c>
      <c r="AJ38136">
        <v>59</v>
      </c>
      <c r="AK38136">
        <v>59</v>
      </c>
      <c r="AL38136">
        <v>60</v>
      </c>
      <c r="AM38136">
        <v>60</v>
      </c>
      <c r="AN38136">
        <v>60</v>
      </c>
      <c r="AO38136">
        <v>61</v>
      </c>
      <c r="AP38136">
        <v>61</v>
      </c>
      <c r="AQ38136">
        <v>62</v>
      </c>
    </row>
    <row r="38137" spans="1:43">
      <c r="A38137" t="s">
        <v>23653</v>
      </c>
      <c r="B38137" t="s">
        <v>23654</v>
      </c>
      <c r="C38137" t="s">
        <v>23655</v>
      </c>
      <c r="D38137" t="s">
        <v>23656</v>
      </c>
      <c r="E38137" t="s">
        <v>23649</v>
      </c>
      <c r="F38137" t="s">
        <v>23650</v>
      </c>
      <c r="G38137" t="s">
        <v>22539</v>
      </c>
      <c r="H38137" t="s">
        <v>22540</v>
      </c>
      <c r="I38137" s="2">
        <v>0</v>
      </c>
      <c r="J38137" s="2">
        <v>0</v>
      </c>
      <c r="K38137" s="2">
        <v>1</v>
      </c>
      <c r="L38137" t="s">
        <v>995</v>
      </c>
      <c r="M38137" t="s">
        <v>83</v>
      </c>
      <c r="N38137" t="s">
        <v>91</v>
      </c>
      <c r="O38137" t="s">
        <v>85</v>
      </c>
      <c r="P38137" t="s">
        <v>86</v>
      </c>
      <c r="Q38137">
        <v>42</v>
      </c>
      <c r="R38137">
        <v>43</v>
      </c>
      <c r="S38137">
        <v>44</v>
      </c>
      <c r="T38137">
        <v>44</v>
      </c>
      <c r="U38137">
        <v>45</v>
      </c>
      <c r="V38137">
        <v>46</v>
      </c>
      <c r="W38137">
        <v>47</v>
      </c>
      <c r="X38137">
        <v>48</v>
      </c>
      <c r="Y38137">
        <v>48</v>
      </c>
      <c r="Z38137">
        <v>49</v>
      </c>
      <c r="AA38137">
        <v>50</v>
      </c>
      <c r="AB38137">
        <v>51</v>
      </c>
      <c r="AC38137">
        <v>52</v>
      </c>
      <c r="AD38137">
        <v>52</v>
      </c>
      <c r="AE38137">
        <v>53</v>
      </c>
      <c r="AF38137">
        <v>54</v>
      </c>
      <c r="AG38137">
        <v>55</v>
      </c>
      <c r="AH38137">
        <v>56</v>
      </c>
      <c r="AI38137">
        <v>57</v>
      </c>
      <c r="AJ38137">
        <v>57</v>
      </c>
      <c r="AK38137">
        <v>58</v>
      </c>
      <c r="AL38137">
        <v>59</v>
      </c>
      <c r="AM38137">
        <v>59</v>
      </c>
      <c r="AN38137">
        <v>60</v>
      </c>
      <c r="AO38137">
        <v>60</v>
      </c>
      <c r="AP38137">
        <v>60</v>
      </c>
      <c r="AQ38137">
        <v>61</v>
      </c>
    </row>
    <row r="38138" spans="1:43">
      <c r="A38138" t="s">
        <v>23657</v>
      </c>
      <c r="B38138" t="s">
        <v>23658</v>
      </c>
      <c r="C38138" t="s">
        <v>23655</v>
      </c>
      <c r="D38138" t="s">
        <v>23656</v>
      </c>
      <c r="E38138" t="s">
        <v>23649</v>
      </c>
      <c r="F38138" t="s">
        <v>23650</v>
      </c>
      <c r="G38138" t="s">
        <v>22539</v>
      </c>
      <c r="H38138" t="s">
        <v>22540</v>
      </c>
      <c r="I38138" s="2">
        <v>0</v>
      </c>
      <c r="J38138" s="2">
        <v>0</v>
      </c>
      <c r="K38138" s="2">
        <v>1</v>
      </c>
      <c r="L38138" t="s">
        <v>995</v>
      </c>
      <c r="M38138" t="s">
        <v>83</v>
      </c>
      <c r="N38138" t="s">
        <v>84</v>
      </c>
      <c r="O38138" t="s">
        <v>85</v>
      </c>
      <c r="P38138" t="s">
        <v>86</v>
      </c>
      <c r="Q38138">
        <v>8</v>
      </c>
      <c r="R38138">
        <v>8</v>
      </c>
      <c r="S38138">
        <v>8</v>
      </c>
      <c r="T38138">
        <v>8</v>
      </c>
      <c r="U38138">
        <v>8</v>
      </c>
      <c r="V38138">
        <v>9</v>
      </c>
      <c r="W38138">
        <v>9</v>
      </c>
      <c r="X38138">
        <v>9</v>
      </c>
      <c r="Y38138">
        <v>9</v>
      </c>
      <c r="Z38138">
        <v>9</v>
      </c>
      <c r="AA38138">
        <v>9</v>
      </c>
      <c r="AB38138">
        <v>9</v>
      </c>
      <c r="AC38138">
        <v>10</v>
      </c>
      <c r="AD38138">
        <v>10</v>
      </c>
      <c r="AE38138">
        <v>10</v>
      </c>
      <c r="AF38138">
        <v>10</v>
      </c>
      <c r="AG38138">
        <v>10</v>
      </c>
      <c r="AH38138">
        <v>10</v>
      </c>
      <c r="AI38138">
        <v>11</v>
      </c>
      <c r="AJ38138">
        <v>11</v>
      </c>
      <c r="AK38138">
        <v>11</v>
      </c>
      <c r="AL38138">
        <v>11</v>
      </c>
      <c r="AM38138">
        <v>11</v>
      </c>
      <c r="AN38138">
        <v>11</v>
      </c>
      <c r="AO38138">
        <v>11</v>
      </c>
      <c r="AP38138">
        <v>11</v>
      </c>
      <c r="AQ38138">
        <v>11</v>
      </c>
    </row>
    <row r="38139" spans="1:43">
      <c r="A38139" t="s">
        <v>23657</v>
      </c>
      <c r="B38139" t="s">
        <v>23658</v>
      </c>
      <c r="C38139" t="s">
        <v>23655</v>
      </c>
      <c r="D38139" t="s">
        <v>23656</v>
      </c>
      <c r="E38139" t="s">
        <v>23649</v>
      </c>
      <c r="F38139" t="s">
        <v>23650</v>
      </c>
      <c r="G38139" t="s">
        <v>22539</v>
      </c>
      <c r="H38139" t="s">
        <v>22540</v>
      </c>
      <c r="I38139" s="2">
        <v>0</v>
      </c>
      <c r="J38139" s="2">
        <v>0</v>
      </c>
      <c r="K38139" s="2">
        <v>1</v>
      </c>
      <c r="L38139" t="s">
        <v>995</v>
      </c>
      <c r="M38139" t="s">
        <v>87</v>
      </c>
      <c r="N38139" t="s">
        <v>88</v>
      </c>
      <c r="O38139" t="s">
        <v>85</v>
      </c>
      <c r="P38139" t="s">
        <v>86</v>
      </c>
      <c r="Q38139">
        <v>8</v>
      </c>
      <c r="R38139">
        <v>8</v>
      </c>
      <c r="S38139">
        <v>8</v>
      </c>
      <c r="T38139">
        <v>8</v>
      </c>
      <c r="U38139">
        <v>8</v>
      </c>
      <c r="V38139">
        <v>8</v>
      </c>
      <c r="W38139">
        <v>8</v>
      </c>
      <c r="X38139">
        <v>8</v>
      </c>
      <c r="Y38139">
        <v>8</v>
      </c>
      <c r="Z38139">
        <v>8</v>
      </c>
      <c r="AA38139">
        <v>8</v>
      </c>
      <c r="AB38139">
        <v>9</v>
      </c>
      <c r="AC38139">
        <v>9</v>
      </c>
      <c r="AD38139">
        <v>9</v>
      </c>
      <c r="AE38139">
        <v>9</v>
      </c>
      <c r="AF38139">
        <v>9</v>
      </c>
      <c r="AG38139">
        <v>9</v>
      </c>
      <c r="AH38139">
        <v>9</v>
      </c>
      <c r="AI38139">
        <v>9</v>
      </c>
      <c r="AJ38139">
        <v>9</v>
      </c>
      <c r="AK38139">
        <v>9</v>
      </c>
      <c r="AL38139">
        <v>9</v>
      </c>
      <c r="AM38139">
        <v>9</v>
      </c>
      <c r="AN38139">
        <v>10</v>
      </c>
      <c r="AO38139">
        <v>10</v>
      </c>
      <c r="AP38139">
        <v>10</v>
      </c>
      <c r="AQ38139">
        <v>10</v>
      </c>
    </row>
    <row r="38140" spans="1:43">
      <c r="A38140" t="s">
        <v>23657</v>
      </c>
      <c r="B38140" t="s">
        <v>23658</v>
      </c>
      <c r="C38140" t="s">
        <v>23655</v>
      </c>
      <c r="D38140" t="s">
        <v>23656</v>
      </c>
      <c r="E38140" t="s">
        <v>23649</v>
      </c>
      <c r="F38140" t="s">
        <v>23650</v>
      </c>
      <c r="G38140" t="s">
        <v>22539</v>
      </c>
      <c r="H38140" t="s">
        <v>22540</v>
      </c>
      <c r="I38140" s="2">
        <v>0</v>
      </c>
      <c r="J38140" s="2">
        <v>0</v>
      </c>
      <c r="K38140" s="2">
        <v>1</v>
      </c>
      <c r="L38140" t="s">
        <v>995</v>
      </c>
      <c r="M38140" t="s">
        <v>89</v>
      </c>
      <c r="N38140" t="s">
        <v>90</v>
      </c>
      <c r="O38140" t="s">
        <v>85</v>
      </c>
      <c r="P38140" t="s">
        <v>86</v>
      </c>
      <c r="Q38140">
        <v>8</v>
      </c>
      <c r="R38140">
        <v>8</v>
      </c>
      <c r="S38140">
        <v>8</v>
      </c>
      <c r="T38140">
        <v>9</v>
      </c>
      <c r="U38140">
        <v>9</v>
      </c>
      <c r="V38140">
        <v>9</v>
      </c>
      <c r="W38140">
        <v>9</v>
      </c>
      <c r="X38140">
        <v>9</v>
      </c>
      <c r="Y38140">
        <v>10</v>
      </c>
      <c r="Z38140">
        <v>10</v>
      </c>
      <c r="AA38140">
        <v>10</v>
      </c>
      <c r="AB38140">
        <v>10</v>
      </c>
      <c r="AC38140">
        <v>10</v>
      </c>
      <c r="AD38140">
        <v>11</v>
      </c>
      <c r="AE38140">
        <v>11</v>
      </c>
      <c r="AF38140">
        <v>11</v>
      </c>
      <c r="AG38140">
        <v>11</v>
      </c>
      <c r="AH38140">
        <v>11</v>
      </c>
      <c r="AI38140">
        <v>11</v>
      </c>
      <c r="AJ38140">
        <v>11</v>
      </c>
      <c r="AK38140">
        <v>11</v>
      </c>
      <c r="AL38140">
        <v>11</v>
      </c>
      <c r="AM38140">
        <v>11</v>
      </c>
      <c r="AN38140">
        <v>11</v>
      </c>
      <c r="AO38140">
        <v>11</v>
      </c>
      <c r="AP38140">
        <v>11</v>
      </c>
      <c r="AQ38140">
        <v>12</v>
      </c>
    </row>
    <row r="38141" spans="1:43">
      <c r="A38141" t="s">
        <v>23657</v>
      </c>
      <c r="B38141" t="s">
        <v>23658</v>
      </c>
      <c r="C38141" t="s">
        <v>23655</v>
      </c>
      <c r="D38141" t="s">
        <v>23656</v>
      </c>
      <c r="E38141" t="s">
        <v>23649</v>
      </c>
      <c r="F38141" t="s">
        <v>23650</v>
      </c>
      <c r="G38141" t="s">
        <v>22539</v>
      </c>
      <c r="H38141" t="s">
        <v>22540</v>
      </c>
      <c r="I38141" s="2">
        <v>0</v>
      </c>
      <c r="J38141" s="2">
        <v>0</v>
      </c>
      <c r="K38141" s="2">
        <v>1</v>
      </c>
      <c r="L38141" t="s">
        <v>995</v>
      </c>
      <c r="M38141" t="s">
        <v>83</v>
      </c>
      <c r="N38141" t="s">
        <v>91</v>
      </c>
      <c r="O38141" t="s">
        <v>85</v>
      </c>
      <c r="P38141" t="s">
        <v>86</v>
      </c>
      <c r="Q38141">
        <v>8</v>
      </c>
      <c r="R38141">
        <v>8</v>
      </c>
      <c r="S38141">
        <v>8</v>
      </c>
      <c r="T38141">
        <v>8</v>
      </c>
      <c r="U38141">
        <v>8</v>
      </c>
      <c r="V38141">
        <v>9</v>
      </c>
      <c r="W38141">
        <v>9</v>
      </c>
      <c r="X38141">
        <v>9</v>
      </c>
      <c r="Y38141">
        <v>9</v>
      </c>
      <c r="Z38141">
        <v>9</v>
      </c>
      <c r="AA38141">
        <v>9</v>
      </c>
      <c r="AB38141">
        <v>9</v>
      </c>
      <c r="AC38141">
        <v>10</v>
      </c>
      <c r="AD38141">
        <v>10</v>
      </c>
      <c r="AE38141">
        <v>10</v>
      </c>
      <c r="AF38141">
        <v>10</v>
      </c>
      <c r="AG38141">
        <v>10</v>
      </c>
      <c r="AH38141">
        <v>10</v>
      </c>
      <c r="AI38141">
        <v>11</v>
      </c>
      <c r="AJ38141">
        <v>11</v>
      </c>
      <c r="AK38141">
        <v>11</v>
      </c>
      <c r="AL38141">
        <v>11</v>
      </c>
      <c r="AM38141">
        <v>11</v>
      </c>
      <c r="AN38141">
        <v>11</v>
      </c>
      <c r="AO38141">
        <v>11</v>
      </c>
      <c r="AP38141">
        <v>11</v>
      </c>
      <c r="AQ38141">
        <v>11</v>
      </c>
    </row>
    <row r="38142" spans="1:43">
      <c r="A38142" t="s">
        <v>23659</v>
      </c>
      <c r="B38142" t="s">
        <v>23660</v>
      </c>
      <c r="C38142" t="s">
        <v>23655</v>
      </c>
      <c r="D38142" t="s">
        <v>23656</v>
      </c>
      <c r="E38142" t="s">
        <v>23649</v>
      </c>
      <c r="F38142" t="s">
        <v>23650</v>
      </c>
      <c r="G38142" t="s">
        <v>22539</v>
      </c>
      <c r="H38142" t="s">
        <v>22540</v>
      </c>
      <c r="I38142" s="2">
        <v>0</v>
      </c>
      <c r="J38142" s="2">
        <v>0</v>
      </c>
      <c r="K38142" s="2">
        <v>1</v>
      </c>
      <c r="L38142" t="s">
        <v>995</v>
      </c>
      <c r="M38142" t="s">
        <v>83</v>
      </c>
      <c r="N38142" t="s">
        <v>84</v>
      </c>
      <c r="O38142" t="s">
        <v>85</v>
      </c>
      <c r="P38142" t="s">
        <v>86</v>
      </c>
      <c r="Q38142">
        <v>40</v>
      </c>
      <c r="R38142">
        <v>41</v>
      </c>
      <c r="S38142">
        <v>41</v>
      </c>
      <c r="T38142">
        <v>42</v>
      </c>
      <c r="U38142">
        <v>43</v>
      </c>
      <c r="V38142">
        <v>44</v>
      </c>
      <c r="W38142">
        <v>44</v>
      </c>
      <c r="X38142">
        <v>45</v>
      </c>
      <c r="Y38142">
        <v>46</v>
      </c>
      <c r="Z38142">
        <v>47</v>
      </c>
      <c r="AA38142">
        <v>47</v>
      </c>
      <c r="AB38142">
        <v>48</v>
      </c>
      <c r="AC38142">
        <v>49</v>
      </c>
      <c r="AD38142">
        <v>50</v>
      </c>
      <c r="AE38142">
        <v>50</v>
      </c>
      <c r="AF38142">
        <v>51</v>
      </c>
      <c r="AG38142">
        <v>52</v>
      </c>
      <c r="AH38142">
        <v>53</v>
      </c>
      <c r="AI38142">
        <v>54</v>
      </c>
      <c r="AJ38142">
        <v>54</v>
      </c>
      <c r="AK38142">
        <v>55</v>
      </c>
      <c r="AL38142">
        <v>56</v>
      </c>
      <c r="AM38142">
        <v>56</v>
      </c>
      <c r="AN38142">
        <v>57</v>
      </c>
      <c r="AO38142">
        <v>57</v>
      </c>
      <c r="AP38142">
        <v>57</v>
      </c>
      <c r="AQ38142">
        <v>58</v>
      </c>
    </row>
    <row r="38143" spans="1:43">
      <c r="A38143" t="s">
        <v>23659</v>
      </c>
      <c r="B38143" t="s">
        <v>23660</v>
      </c>
      <c r="C38143" t="s">
        <v>23655</v>
      </c>
      <c r="D38143" t="s">
        <v>23656</v>
      </c>
      <c r="E38143" t="s">
        <v>23649</v>
      </c>
      <c r="F38143" t="s">
        <v>23650</v>
      </c>
      <c r="G38143" t="s">
        <v>22539</v>
      </c>
      <c r="H38143" t="s">
        <v>22540</v>
      </c>
      <c r="I38143" s="2">
        <v>0</v>
      </c>
      <c r="J38143" s="2">
        <v>0</v>
      </c>
      <c r="K38143" s="2">
        <v>1</v>
      </c>
      <c r="L38143" t="s">
        <v>995</v>
      </c>
      <c r="M38143" t="s">
        <v>87</v>
      </c>
      <c r="N38143" t="s">
        <v>88</v>
      </c>
      <c r="O38143" t="s">
        <v>85</v>
      </c>
      <c r="P38143" t="s">
        <v>86</v>
      </c>
      <c r="Q38143">
        <v>40</v>
      </c>
      <c r="R38143">
        <v>40</v>
      </c>
      <c r="S38143">
        <v>40</v>
      </c>
      <c r="T38143">
        <v>41</v>
      </c>
      <c r="U38143">
        <v>41</v>
      </c>
      <c r="V38143">
        <v>41</v>
      </c>
      <c r="W38143">
        <v>42</v>
      </c>
      <c r="X38143">
        <v>42</v>
      </c>
      <c r="Y38143">
        <v>42</v>
      </c>
      <c r="Z38143">
        <v>43</v>
      </c>
      <c r="AA38143">
        <v>43</v>
      </c>
      <c r="AB38143">
        <v>44</v>
      </c>
      <c r="AC38143">
        <v>44</v>
      </c>
      <c r="AD38143">
        <v>44</v>
      </c>
      <c r="AE38143">
        <v>45</v>
      </c>
      <c r="AF38143">
        <v>45</v>
      </c>
      <c r="AG38143">
        <v>46</v>
      </c>
      <c r="AH38143">
        <v>46</v>
      </c>
      <c r="AI38143">
        <v>46</v>
      </c>
      <c r="AJ38143">
        <v>47</v>
      </c>
      <c r="AK38143">
        <v>47</v>
      </c>
      <c r="AL38143">
        <v>48</v>
      </c>
      <c r="AM38143">
        <v>48</v>
      </c>
      <c r="AN38143">
        <v>48</v>
      </c>
      <c r="AO38143">
        <v>49</v>
      </c>
      <c r="AP38143">
        <v>49</v>
      </c>
      <c r="AQ38143">
        <v>50</v>
      </c>
    </row>
    <row r="38144" spans="1:43">
      <c r="A38144" t="s">
        <v>23659</v>
      </c>
      <c r="B38144" t="s">
        <v>23660</v>
      </c>
      <c r="C38144" t="s">
        <v>23655</v>
      </c>
      <c r="D38144" t="s">
        <v>23656</v>
      </c>
      <c r="E38144" t="s">
        <v>23649</v>
      </c>
      <c r="F38144" t="s">
        <v>23650</v>
      </c>
      <c r="G38144" t="s">
        <v>22539</v>
      </c>
      <c r="H38144" t="s">
        <v>22540</v>
      </c>
      <c r="I38144" s="2">
        <v>0</v>
      </c>
      <c r="J38144" s="2">
        <v>0</v>
      </c>
      <c r="K38144" s="2">
        <v>1</v>
      </c>
      <c r="L38144" t="s">
        <v>995</v>
      </c>
      <c r="M38144" t="s">
        <v>89</v>
      </c>
      <c r="N38144" t="s">
        <v>90</v>
      </c>
      <c r="O38144" t="s">
        <v>85</v>
      </c>
      <c r="P38144" t="s">
        <v>86</v>
      </c>
      <c r="Q38144">
        <v>40</v>
      </c>
      <c r="R38144">
        <v>41</v>
      </c>
      <c r="S38144">
        <v>42</v>
      </c>
      <c r="T38144">
        <v>44</v>
      </c>
      <c r="U38144">
        <v>45</v>
      </c>
      <c r="V38144">
        <v>46</v>
      </c>
      <c r="W38144">
        <v>47</v>
      </c>
      <c r="X38144">
        <v>48</v>
      </c>
      <c r="Y38144">
        <v>49</v>
      </c>
      <c r="Z38144">
        <v>50</v>
      </c>
      <c r="AA38144">
        <v>50</v>
      </c>
      <c r="AB38144">
        <v>51</v>
      </c>
      <c r="AC38144">
        <v>52</v>
      </c>
      <c r="AD38144">
        <v>53</v>
      </c>
      <c r="AE38144">
        <v>54</v>
      </c>
      <c r="AF38144">
        <v>54</v>
      </c>
      <c r="AG38144">
        <v>55</v>
      </c>
      <c r="AH38144">
        <v>55</v>
      </c>
      <c r="AI38144">
        <v>56</v>
      </c>
      <c r="AJ38144">
        <v>56</v>
      </c>
      <c r="AK38144">
        <v>56</v>
      </c>
      <c r="AL38144">
        <v>57</v>
      </c>
      <c r="AM38144">
        <v>57</v>
      </c>
      <c r="AN38144">
        <v>57</v>
      </c>
      <c r="AO38144">
        <v>58</v>
      </c>
      <c r="AP38144">
        <v>58</v>
      </c>
      <c r="AQ38144">
        <v>58</v>
      </c>
    </row>
    <row r="38145" spans="1:43">
      <c r="A38145" t="s">
        <v>23659</v>
      </c>
      <c r="B38145" t="s">
        <v>23660</v>
      </c>
      <c r="C38145" t="s">
        <v>23655</v>
      </c>
      <c r="D38145" t="s">
        <v>23656</v>
      </c>
      <c r="E38145" t="s">
        <v>23649</v>
      </c>
      <c r="F38145" t="s">
        <v>23650</v>
      </c>
      <c r="G38145" t="s">
        <v>22539</v>
      </c>
      <c r="H38145" t="s">
        <v>22540</v>
      </c>
      <c r="I38145" s="2">
        <v>0</v>
      </c>
      <c r="J38145" s="2">
        <v>0</v>
      </c>
      <c r="K38145" s="2">
        <v>1</v>
      </c>
      <c r="L38145" t="s">
        <v>995</v>
      </c>
      <c r="M38145" t="s">
        <v>83</v>
      </c>
      <c r="N38145" t="s">
        <v>91</v>
      </c>
      <c r="O38145" t="s">
        <v>85</v>
      </c>
      <c r="P38145" t="s">
        <v>86</v>
      </c>
      <c r="Q38145">
        <v>40</v>
      </c>
      <c r="R38145">
        <v>41</v>
      </c>
      <c r="S38145">
        <v>41</v>
      </c>
      <c r="T38145">
        <v>42</v>
      </c>
      <c r="U38145">
        <v>43</v>
      </c>
      <c r="V38145">
        <v>44</v>
      </c>
      <c r="W38145">
        <v>44</v>
      </c>
      <c r="X38145">
        <v>45</v>
      </c>
      <c r="Y38145">
        <v>46</v>
      </c>
      <c r="Z38145">
        <v>47</v>
      </c>
      <c r="AA38145">
        <v>47</v>
      </c>
      <c r="AB38145">
        <v>48</v>
      </c>
      <c r="AC38145">
        <v>49</v>
      </c>
      <c r="AD38145">
        <v>50</v>
      </c>
      <c r="AE38145">
        <v>50</v>
      </c>
      <c r="AF38145">
        <v>51</v>
      </c>
      <c r="AG38145">
        <v>52</v>
      </c>
      <c r="AH38145">
        <v>53</v>
      </c>
      <c r="AI38145">
        <v>54</v>
      </c>
      <c r="AJ38145">
        <v>54</v>
      </c>
      <c r="AK38145">
        <v>55</v>
      </c>
      <c r="AL38145">
        <v>56</v>
      </c>
      <c r="AM38145">
        <v>56</v>
      </c>
      <c r="AN38145">
        <v>57</v>
      </c>
      <c r="AO38145">
        <v>57</v>
      </c>
      <c r="AP38145">
        <v>57</v>
      </c>
      <c r="AQ38145">
        <v>58</v>
      </c>
    </row>
    <row r="38146" spans="1:43">
      <c r="A38146" t="s">
        <v>23661</v>
      </c>
      <c r="B38146" t="s">
        <v>23662</v>
      </c>
      <c r="C38146" t="s">
        <v>23655</v>
      </c>
      <c r="D38146" t="s">
        <v>23656</v>
      </c>
      <c r="E38146" t="s">
        <v>23649</v>
      </c>
      <c r="F38146" t="s">
        <v>23650</v>
      </c>
      <c r="G38146" t="s">
        <v>22539</v>
      </c>
      <c r="H38146" t="s">
        <v>22540</v>
      </c>
      <c r="I38146" s="2">
        <v>0</v>
      </c>
      <c r="J38146" s="2">
        <v>0</v>
      </c>
      <c r="K38146" s="2">
        <v>1</v>
      </c>
      <c r="L38146" t="s">
        <v>995</v>
      </c>
      <c r="M38146" t="s">
        <v>83</v>
      </c>
      <c r="N38146" t="s">
        <v>84</v>
      </c>
      <c r="O38146" t="s">
        <v>85</v>
      </c>
      <c r="P38146" t="s">
        <v>86</v>
      </c>
      <c r="Q38146">
        <v>48</v>
      </c>
      <c r="R38146">
        <v>49</v>
      </c>
      <c r="S38146">
        <v>50</v>
      </c>
      <c r="T38146">
        <v>51</v>
      </c>
      <c r="U38146">
        <v>52</v>
      </c>
      <c r="V38146">
        <v>53</v>
      </c>
      <c r="W38146">
        <v>54</v>
      </c>
      <c r="X38146">
        <v>55</v>
      </c>
      <c r="Y38146">
        <v>56</v>
      </c>
      <c r="Z38146">
        <v>57</v>
      </c>
      <c r="AA38146">
        <v>58</v>
      </c>
      <c r="AB38146">
        <v>58</v>
      </c>
      <c r="AC38146">
        <v>59</v>
      </c>
      <c r="AD38146">
        <v>60</v>
      </c>
      <c r="AE38146">
        <v>61</v>
      </c>
      <c r="AF38146">
        <v>62</v>
      </c>
      <c r="AG38146">
        <v>63</v>
      </c>
      <c r="AH38146">
        <v>64</v>
      </c>
      <c r="AI38146">
        <v>65</v>
      </c>
      <c r="AJ38146">
        <v>66</v>
      </c>
      <c r="AK38146">
        <v>67</v>
      </c>
      <c r="AL38146">
        <v>68</v>
      </c>
      <c r="AM38146">
        <v>68</v>
      </c>
      <c r="AN38146">
        <v>69</v>
      </c>
      <c r="AO38146">
        <v>69</v>
      </c>
      <c r="AP38146">
        <v>70</v>
      </c>
      <c r="AQ38146">
        <v>70</v>
      </c>
    </row>
    <row r="38147" spans="1:43">
      <c r="A38147" t="s">
        <v>23661</v>
      </c>
      <c r="B38147" t="s">
        <v>23662</v>
      </c>
      <c r="C38147" t="s">
        <v>23655</v>
      </c>
      <c r="D38147" t="s">
        <v>23656</v>
      </c>
      <c r="E38147" t="s">
        <v>23649</v>
      </c>
      <c r="F38147" t="s">
        <v>23650</v>
      </c>
      <c r="G38147" t="s">
        <v>22539</v>
      </c>
      <c r="H38147" t="s">
        <v>22540</v>
      </c>
      <c r="I38147" s="2">
        <v>0</v>
      </c>
      <c r="J38147" s="2">
        <v>0</v>
      </c>
      <c r="K38147" s="2">
        <v>1</v>
      </c>
      <c r="L38147" t="s">
        <v>995</v>
      </c>
      <c r="M38147" t="s">
        <v>87</v>
      </c>
      <c r="N38147" t="s">
        <v>88</v>
      </c>
      <c r="O38147" t="s">
        <v>85</v>
      </c>
      <c r="P38147" t="s">
        <v>86</v>
      </c>
      <c r="Q38147">
        <v>48</v>
      </c>
      <c r="R38147">
        <v>48</v>
      </c>
      <c r="S38147">
        <v>49</v>
      </c>
      <c r="T38147">
        <v>49</v>
      </c>
      <c r="U38147">
        <v>50</v>
      </c>
      <c r="V38147">
        <v>50</v>
      </c>
      <c r="W38147">
        <v>51</v>
      </c>
      <c r="X38147">
        <v>51</v>
      </c>
      <c r="Y38147">
        <v>51</v>
      </c>
      <c r="Z38147">
        <v>52</v>
      </c>
      <c r="AA38147">
        <v>52</v>
      </c>
      <c r="AB38147">
        <v>53</v>
      </c>
      <c r="AC38147">
        <v>53</v>
      </c>
      <c r="AD38147">
        <v>54</v>
      </c>
      <c r="AE38147">
        <v>54</v>
      </c>
      <c r="AF38147">
        <v>55</v>
      </c>
      <c r="AG38147">
        <v>55</v>
      </c>
      <c r="AH38147">
        <v>56</v>
      </c>
      <c r="AI38147">
        <v>56</v>
      </c>
      <c r="AJ38147">
        <v>57</v>
      </c>
      <c r="AK38147">
        <v>57</v>
      </c>
      <c r="AL38147">
        <v>58</v>
      </c>
      <c r="AM38147">
        <v>58</v>
      </c>
      <c r="AN38147">
        <v>59</v>
      </c>
      <c r="AO38147">
        <v>59</v>
      </c>
      <c r="AP38147">
        <v>60</v>
      </c>
      <c r="AQ38147">
        <v>60</v>
      </c>
    </row>
    <row r="38148" spans="1:43">
      <c r="A38148" t="s">
        <v>23661</v>
      </c>
      <c r="B38148" t="s">
        <v>23662</v>
      </c>
      <c r="C38148" t="s">
        <v>23655</v>
      </c>
      <c r="D38148" t="s">
        <v>23656</v>
      </c>
      <c r="E38148" t="s">
        <v>23649</v>
      </c>
      <c r="F38148" t="s">
        <v>23650</v>
      </c>
      <c r="G38148" t="s">
        <v>22539</v>
      </c>
      <c r="H38148" t="s">
        <v>22540</v>
      </c>
      <c r="I38148" s="2">
        <v>0</v>
      </c>
      <c r="J38148" s="2">
        <v>0</v>
      </c>
      <c r="K38148" s="2">
        <v>1</v>
      </c>
      <c r="L38148" t="s">
        <v>995</v>
      </c>
      <c r="M38148" t="s">
        <v>89</v>
      </c>
      <c r="N38148" t="s">
        <v>90</v>
      </c>
      <c r="O38148" t="s">
        <v>85</v>
      </c>
      <c r="P38148" t="s">
        <v>86</v>
      </c>
      <c r="Q38148">
        <v>48</v>
      </c>
      <c r="R38148">
        <v>49</v>
      </c>
      <c r="S38148">
        <v>50</v>
      </c>
      <c r="T38148">
        <v>52</v>
      </c>
      <c r="U38148">
        <v>53</v>
      </c>
      <c r="V38148">
        <v>54</v>
      </c>
      <c r="W38148">
        <v>56</v>
      </c>
      <c r="X38148">
        <v>57</v>
      </c>
      <c r="Y38148">
        <v>58</v>
      </c>
      <c r="Z38148">
        <v>59</v>
      </c>
      <c r="AA38148">
        <v>60</v>
      </c>
      <c r="AB38148">
        <v>61</v>
      </c>
      <c r="AC38148">
        <v>63</v>
      </c>
      <c r="AD38148">
        <v>64</v>
      </c>
      <c r="AE38148">
        <v>65</v>
      </c>
      <c r="AF38148">
        <v>65</v>
      </c>
      <c r="AG38148">
        <v>65</v>
      </c>
      <c r="AH38148">
        <v>66</v>
      </c>
      <c r="AI38148">
        <v>66</v>
      </c>
      <c r="AJ38148">
        <v>67</v>
      </c>
      <c r="AK38148">
        <v>67</v>
      </c>
      <c r="AL38148">
        <v>68</v>
      </c>
      <c r="AM38148">
        <v>68</v>
      </c>
      <c r="AN38148">
        <v>69</v>
      </c>
      <c r="AO38148">
        <v>69</v>
      </c>
      <c r="AP38148">
        <v>69</v>
      </c>
      <c r="AQ38148">
        <v>70</v>
      </c>
    </row>
    <row r="38149" spans="1:43">
      <c r="A38149" t="s">
        <v>23661</v>
      </c>
      <c r="B38149" t="s">
        <v>23662</v>
      </c>
      <c r="C38149" t="s">
        <v>23655</v>
      </c>
      <c r="D38149" t="s">
        <v>23656</v>
      </c>
      <c r="E38149" t="s">
        <v>23649</v>
      </c>
      <c r="F38149" t="s">
        <v>23650</v>
      </c>
      <c r="G38149" t="s">
        <v>22539</v>
      </c>
      <c r="H38149" t="s">
        <v>22540</v>
      </c>
      <c r="I38149" s="2">
        <v>0</v>
      </c>
      <c r="J38149" s="2">
        <v>0</v>
      </c>
      <c r="K38149" s="2">
        <v>1</v>
      </c>
      <c r="L38149" t="s">
        <v>995</v>
      </c>
      <c r="M38149" t="s">
        <v>83</v>
      </c>
      <c r="N38149" t="s">
        <v>91</v>
      </c>
      <c r="O38149" t="s">
        <v>85</v>
      </c>
      <c r="P38149" t="s">
        <v>86</v>
      </c>
      <c r="Q38149">
        <v>48</v>
      </c>
      <c r="R38149">
        <v>49</v>
      </c>
      <c r="S38149">
        <v>50</v>
      </c>
      <c r="T38149">
        <v>51</v>
      </c>
      <c r="U38149">
        <v>52</v>
      </c>
      <c r="V38149">
        <v>53</v>
      </c>
      <c r="W38149">
        <v>54</v>
      </c>
      <c r="X38149">
        <v>55</v>
      </c>
      <c r="Y38149">
        <v>56</v>
      </c>
      <c r="Z38149">
        <v>57</v>
      </c>
      <c r="AA38149">
        <v>58</v>
      </c>
      <c r="AB38149">
        <v>58</v>
      </c>
      <c r="AC38149">
        <v>59</v>
      </c>
      <c r="AD38149">
        <v>60</v>
      </c>
      <c r="AE38149">
        <v>61</v>
      </c>
      <c r="AF38149">
        <v>62</v>
      </c>
      <c r="AG38149">
        <v>63</v>
      </c>
      <c r="AH38149">
        <v>64</v>
      </c>
      <c r="AI38149">
        <v>65</v>
      </c>
      <c r="AJ38149">
        <v>66</v>
      </c>
      <c r="AK38149">
        <v>67</v>
      </c>
      <c r="AL38149">
        <v>68</v>
      </c>
      <c r="AM38149">
        <v>68</v>
      </c>
      <c r="AN38149">
        <v>69</v>
      </c>
      <c r="AO38149">
        <v>69</v>
      </c>
      <c r="AP38149">
        <v>70</v>
      </c>
      <c r="AQ38149">
        <v>70</v>
      </c>
    </row>
    <row r="38150" spans="1:43">
      <c r="A38150" t="s">
        <v>23663</v>
      </c>
      <c r="B38150" t="s">
        <v>23664</v>
      </c>
      <c r="C38150" t="s">
        <v>23655</v>
      </c>
      <c r="D38150" t="s">
        <v>23656</v>
      </c>
      <c r="E38150" t="s">
        <v>23649</v>
      </c>
      <c r="F38150" t="s">
        <v>23650</v>
      </c>
      <c r="G38150" t="s">
        <v>22539</v>
      </c>
      <c r="H38150" t="s">
        <v>22540</v>
      </c>
      <c r="I38150" s="2">
        <v>0</v>
      </c>
      <c r="J38150" s="2">
        <v>0</v>
      </c>
      <c r="K38150" s="2">
        <v>1</v>
      </c>
      <c r="L38150" t="s">
        <v>995</v>
      </c>
      <c r="M38150" t="s">
        <v>83</v>
      </c>
      <c r="N38150" t="s">
        <v>84</v>
      </c>
      <c r="O38150" t="s">
        <v>85</v>
      </c>
      <c r="P38150" t="s">
        <v>86</v>
      </c>
      <c r="Q38150">
        <v>11</v>
      </c>
      <c r="R38150">
        <v>11</v>
      </c>
      <c r="S38150">
        <v>11</v>
      </c>
      <c r="T38150">
        <v>11</v>
      </c>
      <c r="U38150">
        <v>11</v>
      </c>
      <c r="V38150">
        <v>12</v>
      </c>
      <c r="W38150">
        <v>12</v>
      </c>
      <c r="X38150">
        <v>12</v>
      </c>
      <c r="Y38150">
        <v>12</v>
      </c>
      <c r="Z38150">
        <v>12</v>
      </c>
      <c r="AA38150">
        <v>13</v>
      </c>
      <c r="AB38150">
        <v>13</v>
      </c>
      <c r="AC38150">
        <v>13</v>
      </c>
      <c r="AD38150">
        <v>13</v>
      </c>
      <c r="AE38150">
        <v>13</v>
      </c>
      <c r="AF38150">
        <v>14</v>
      </c>
      <c r="AG38150">
        <v>14</v>
      </c>
      <c r="AH38150">
        <v>14</v>
      </c>
      <c r="AI38150">
        <v>14</v>
      </c>
      <c r="AJ38150">
        <v>14</v>
      </c>
      <c r="AK38150">
        <v>15</v>
      </c>
      <c r="AL38150">
        <v>15</v>
      </c>
      <c r="AM38150">
        <v>15</v>
      </c>
      <c r="AN38150">
        <v>15</v>
      </c>
      <c r="AO38150">
        <v>15</v>
      </c>
      <c r="AP38150">
        <v>15</v>
      </c>
      <c r="AQ38150">
        <v>15</v>
      </c>
    </row>
    <row r="38151" spans="1:43">
      <c r="A38151" t="s">
        <v>23663</v>
      </c>
      <c r="B38151" t="s">
        <v>23664</v>
      </c>
      <c r="C38151" t="s">
        <v>23655</v>
      </c>
      <c r="D38151" t="s">
        <v>23656</v>
      </c>
      <c r="E38151" t="s">
        <v>23649</v>
      </c>
      <c r="F38151" t="s">
        <v>23650</v>
      </c>
      <c r="G38151" t="s">
        <v>22539</v>
      </c>
      <c r="H38151" t="s">
        <v>22540</v>
      </c>
      <c r="I38151" s="2">
        <v>0</v>
      </c>
      <c r="J38151" s="2">
        <v>0</v>
      </c>
      <c r="K38151" s="2">
        <v>1</v>
      </c>
      <c r="L38151" t="s">
        <v>995</v>
      </c>
      <c r="M38151" t="s">
        <v>87</v>
      </c>
      <c r="N38151" t="s">
        <v>88</v>
      </c>
      <c r="O38151" t="s">
        <v>85</v>
      </c>
      <c r="P38151" t="s">
        <v>86</v>
      </c>
      <c r="Q38151">
        <v>11</v>
      </c>
      <c r="R38151">
        <v>12</v>
      </c>
      <c r="S38151">
        <v>12</v>
      </c>
      <c r="T38151">
        <v>12</v>
      </c>
      <c r="U38151">
        <v>12</v>
      </c>
      <c r="V38151">
        <v>12</v>
      </c>
      <c r="W38151">
        <v>12</v>
      </c>
      <c r="X38151">
        <v>12</v>
      </c>
      <c r="Y38151">
        <v>12</v>
      </c>
      <c r="Z38151">
        <v>12</v>
      </c>
      <c r="AA38151">
        <v>12</v>
      </c>
      <c r="AB38151">
        <v>13</v>
      </c>
      <c r="AC38151">
        <v>13</v>
      </c>
      <c r="AD38151">
        <v>13</v>
      </c>
      <c r="AE38151">
        <v>13</v>
      </c>
      <c r="AF38151">
        <v>13</v>
      </c>
      <c r="AG38151">
        <v>13</v>
      </c>
      <c r="AH38151">
        <v>13</v>
      </c>
      <c r="AI38151">
        <v>13</v>
      </c>
      <c r="AJ38151">
        <v>13</v>
      </c>
      <c r="AK38151">
        <v>14</v>
      </c>
      <c r="AL38151">
        <v>14</v>
      </c>
      <c r="AM38151">
        <v>14</v>
      </c>
      <c r="AN38151">
        <v>14</v>
      </c>
      <c r="AO38151">
        <v>14</v>
      </c>
      <c r="AP38151">
        <v>14</v>
      </c>
      <c r="AQ38151">
        <v>14</v>
      </c>
    </row>
    <row r="38152" spans="1:43">
      <c r="A38152" t="s">
        <v>23663</v>
      </c>
      <c r="B38152" t="s">
        <v>23664</v>
      </c>
      <c r="C38152" t="s">
        <v>23655</v>
      </c>
      <c r="D38152" t="s">
        <v>23656</v>
      </c>
      <c r="E38152" t="s">
        <v>23649</v>
      </c>
      <c r="F38152" t="s">
        <v>23650</v>
      </c>
      <c r="G38152" t="s">
        <v>22539</v>
      </c>
      <c r="H38152" t="s">
        <v>22540</v>
      </c>
      <c r="I38152" s="2">
        <v>0</v>
      </c>
      <c r="J38152" s="2">
        <v>0</v>
      </c>
      <c r="K38152" s="2">
        <v>1</v>
      </c>
      <c r="L38152" t="s">
        <v>995</v>
      </c>
      <c r="M38152" t="s">
        <v>89</v>
      </c>
      <c r="N38152" t="s">
        <v>90</v>
      </c>
      <c r="O38152" t="s">
        <v>85</v>
      </c>
      <c r="P38152" t="s">
        <v>86</v>
      </c>
      <c r="Q38152">
        <v>11</v>
      </c>
      <c r="R38152">
        <v>11</v>
      </c>
      <c r="S38152">
        <v>11</v>
      </c>
      <c r="T38152">
        <v>12</v>
      </c>
      <c r="U38152">
        <v>12</v>
      </c>
      <c r="V38152">
        <v>12</v>
      </c>
      <c r="W38152">
        <v>12</v>
      </c>
      <c r="X38152">
        <v>13</v>
      </c>
      <c r="Y38152">
        <v>13</v>
      </c>
      <c r="Z38152">
        <v>13</v>
      </c>
      <c r="AA38152">
        <v>13</v>
      </c>
      <c r="AB38152">
        <v>14</v>
      </c>
      <c r="AC38152">
        <v>14</v>
      </c>
      <c r="AD38152">
        <v>14</v>
      </c>
      <c r="AE38152">
        <v>14</v>
      </c>
      <c r="AF38152">
        <v>14</v>
      </c>
      <c r="AG38152">
        <v>15</v>
      </c>
      <c r="AH38152">
        <v>15</v>
      </c>
      <c r="AI38152">
        <v>15</v>
      </c>
      <c r="AJ38152">
        <v>15</v>
      </c>
      <c r="AK38152">
        <v>15</v>
      </c>
      <c r="AL38152">
        <v>15</v>
      </c>
      <c r="AM38152">
        <v>15</v>
      </c>
      <c r="AN38152">
        <v>15</v>
      </c>
      <c r="AO38152">
        <v>15</v>
      </c>
      <c r="AP38152">
        <v>15</v>
      </c>
      <c r="AQ38152">
        <v>16</v>
      </c>
    </row>
    <row r="38153" spans="1:43">
      <c r="A38153" t="s">
        <v>23663</v>
      </c>
      <c r="B38153" t="s">
        <v>23664</v>
      </c>
      <c r="C38153" t="s">
        <v>23655</v>
      </c>
      <c r="D38153" t="s">
        <v>23656</v>
      </c>
      <c r="E38153" t="s">
        <v>23649</v>
      </c>
      <c r="F38153" t="s">
        <v>23650</v>
      </c>
      <c r="G38153" t="s">
        <v>22539</v>
      </c>
      <c r="H38153" t="s">
        <v>22540</v>
      </c>
      <c r="I38153" s="2">
        <v>0</v>
      </c>
      <c r="J38153" s="2">
        <v>0</v>
      </c>
      <c r="K38153" s="2">
        <v>1</v>
      </c>
      <c r="L38153" t="s">
        <v>995</v>
      </c>
      <c r="M38153" t="s">
        <v>83</v>
      </c>
      <c r="N38153" t="s">
        <v>91</v>
      </c>
      <c r="O38153" t="s">
        <v>85</v>
      </c>
      <c r="P38153" t="s">
        <v>86</v>
      </c>
      <c r="Q38153">
        <v>11</v>
      </c>
      <c r="R38153">
        <v>11</v>
      </c>
      <c r="S38153">
        <v>11</v>
      </c>
      <c r="T38153">
        <v>11</v>
      </c>
      <c r="U38153">
        <v>11</v>
      </c>
      <c r="V38153">
        <v>12</v>
      </c>
      <c r="W38153">
        <v>12</v>
      </c>
      <c r="X38153">
        <v>12</v>
      </c>
      <c r="Y38153">
        <v>12</v>
      </c>
      <c r="Z38153">
        <v>12</v>
      </c>
      <c r="AA38153">
        <v>13</v>
      </c>
      <c r="AB38153">
        <v>13</v>
      </c>
      <c r="AC38153">
        <v>13</v>
      </c>
      <c r="AD38153">
        <v>13</v>
      </c>
      <c r="AE38153">
        <v>13</v>
      </c>
      <c r="AF38153">
        <v>14</v>
      </c>
      <c r="AG38153">
        <v>14</v>
      </c>
      <c r="AH38153">
        <v>14</v>
      </c>
      <c r="AI38153">
        <v>14</v>
      </c>
      <c r="AJ38153">
        <v>14</v>
      </c>
      <c r="AK38153">
        <v>15</v>
      </c>
      <c r="AL38153">
        <v>15</v>
      </c>
      <c r="AM38153">
        <v>15</v>
      </c>
      <c r="AN38153">
        <v>15</v>
      </c>
      <c r="AO38153">
        <v>15</v>
      </c>
      <c r="AP38153">
        <v>15</v>
      </c>
      <c r="AQ38153">
        <v>15</v>
      </c>
    </row>
    <row r="38154" spans="1:43">
      <c r="A38154" t="s">
        <v>23665</v>
      </c>
      <c r="B38154" t="s">
        <v>23666</v>
      </c>
      <c r="C38154" t="s">
        <v>23667</v>
      </c>
      <c r="D38154" t="s">
        <v>23668</v>
      </c>
      <c r="E38154" t="s">
        <v>23649</v>
      </c>
      <c r="F38154" t="s">
        <v>23650</v>
      </c>
      <c r="G38154" t="s">
        <v>22539</v>
      </c>
      <c r="H38154" t="s">
        <v>22540</v>
      </c>
      <c r="I38154" s="2">
        <v>0</v>
      </c>
      <c r="J38154" s="2">
        <v>0</v>
      </c>
      <c r="K38154" s="2">
        <v>1</v>
      </c>
      <c r="L38154" t="s">
        <v>995</v>
      </c>
      <c r="M38154" t="s">
        <v>83</v>
      </c>
      <c r="N38154" t="s">
        <v>84</v>
      </c>
      <c r="O38154" t="s">
        <v>85</v>
      </c>
      <c r="P38154" t="s">
        <v>86</v>
      </c>
      <c r="Q38154">
        <v>11</v>
      </c>
      <c r="R38154">
        <v>11</v>
      </c>
      <c r="S38154">
        <v>11</v>
      </c>
      <c r="T38154">
        <v>11</v>
      </c>
      <c r="U38154">
        <v>12</v>
      </c>
      <c r="V38154">
        <v>12</v>
      </c>
      <c r="W38154">
        <v>12</v>
      </c>
      <c r="X38154">
        <v>12</v>
      </c>
      <c r="Y38154">
        <v>12</v>
      </c>
      <c r="Z38154">
        <v>13</v>
      </c>
      <c r="AA38154">
        <v>13</v>
      </c>
      <c r="AB38154">
        <v>13</v>
      </c>
      <c r="AC38154">
        <v>13</v>
      </c>
      <c r="AD38154">
        <v>13</v>
      </c>
      <c r="AE38154">
        <v>14</v>
      </c>
      <c r="AF38154">
        <v>14</v>
      </c>
      <c r="AG38154">
        <v>14</v>
      </c>
      <c r="AH38154">
        <v>14</v>
      </c>
      <c r="AI38154">
        <v>14</v>
      </c>
      <c r="AJ38154">
        <v>15</v>
      </c>
      <c r="AK38154">
        <v>15</v>
      </c>
      <c r="AL38154">
        <v>15</v>
      </c>
      <c r="AM38154">
        <v>15</v>
      </c>
      <c r="AN38154">
        <v>15</v>
      </c>
      <c r="AO38154">
        <v>15</v>
      </c>
      <c r="AP38154">
        <v>15</v>
      </c>
      <c r="AQ38154">
        <v>15</v>
      </c>
    </row>
    <row r="38155" spans="1:43">
      <c r="A38155" t="s">
        <v>23665</v>
      </c>
      <c r="B38155" t="s">
        <v>23666</v>
      </c>
      <c r="C38155" t="s">
        <v>23667</v>
      </c>
      <c r="D38155" t="s">
        <v>23668</v>
      </c>
      <c r="E38155" t="s">
        <v>23649</v>
      </c>
      <c r="F38155" t="s">
        <v>23650</v>
      </c>
      <c r="G38155" t="s">
        <v>22539</v>
      </c>
      <c r="H38155" t="s">
        <v>22540</v>
      </c>
      <c r="I38155" s="2">
        <v>0</v>
      </c>
      <c r="J38155" s="2">
        <v>0</v>
      </c>
      <c r="K38155" s="2">
        <v>1</v>
      </c>
      <c r="L38155" t="s">
        <v>995</v>
      </c>
      <c r="M38155" t="s">
        <v>87</v>
      </c>
      <c r="N38155" t="s">
        <v>88</v>
      </c>
      <c r="O38155" t="s">
        <v>85</v>
      </c>
      <c r="P38155" t="s">
        <v>86</v>
      </c>
      <c r="Q38155">
        <v>11</v>
      </c>
      <c r="R38155">
        <v>11</v>
      </c>
      <c r="S38155">
        <v>11</v>
      </c>
      <c r="T38155">
        <v>11</v>
      </c>
      <c r="U38155">
        <v>11</v>
      </c>
      <c r="V38155">
        <v>11</v>
      </c>
      <c r="W38155">
        <v>11</v>
      </c>
      <c r="X38155">
        <v>11</v>
      </c>
      <c r="Y38155">
        <v>11</v>
      </c>
      <c r="Z38155">
        <v>12</v>
      </c>
      <c r="AA38155">
        <v>12</v>
      </c>
      <c r="AB38155">
        <v>12</v>
      </c>
      <c r="AC38155">
        <v>12</v>
      </c>
      <c r="AD38155">
        <v>12</v>
      </c>
      <c r="AE38155">
        <v>12</v>
      </c>
      <c r="AF38155">
        <v>12</v>
      </c>
      <c r="AG38155">
        <v>12</v>
      </c>
      <c r="AH38155">
        <v>12</v>
      </c>
      <c r="AI38155">
        <v>13</v>
      </c>
      <c r="AJ38155">
        <v>13</v>
      </c>
      <c r="AK38155">
        <v>13</v>
      </c>
      <c r="AL38155">
        <v>13</v>
      </c>
      <c r="AM38155">
        <v>13</v>
      </c>
      <c r="AN38155">
        <v>13</v>
      </c>
      <c r="AO38155">
        <v>13</v>
      </c>
      <c r="AP38155">
        <v>13</v>
      </c>
      <c r="AQ38155">
        <v>13</v>
      </c>
    </row>
    <row r="38156" spans="1:43">
      <c r="A38156" t="s">
        <v>23665</v>
      </c>
      <c r="B38156" t="s">
        <v>23666</v>
      </c>
      <c r="C38156" t="s">
        <v>23667</v>
      </c>
      <c r="D38156" t="s">
        <v>23668</v>
      </c>
      <c r="E38156" t="s">
        <v>23649</v>
      </c>
      <c r="F38156" t="s">
        <v>23650</v>
      </c>
      <c r="G38156" t="s">
        <v>22539</v>
      </c>
      <c r="H38156" t="s">
        <v>22540</v>
      </c>
      <c r="I38156" s="2">
        <v>0</v>
      </c>
      <c r="J38156" s="2">
        <v>0</v>
      </c>
      <c r="K38156" s="2">
        <v>1</v>
      </c>
      <c r="L38156" t="s">
        <v>995</v>
      </c>
      <c r="M38156" t="s">
        <v>89</v>
      </c>
      <c r="N38156" t="s">
        <v>90</v>
      </c>
      <c r="O38156" t="s">
        <v>85</v>
      </c>
      <c r="P38156" t="s">
        <v>86</v>
      </c>
      <c r="Q38156">
        <v>11</v>
      </c>
      <c r="R38156">
        <v>11</v>
      </c>
      <c r="S38156">
        <v>11</v>
      </c>
      <c r="T38156">
        <v>12</v>
      </c>
      <c r="U38156">
        <v>12</v>
      </c>
      <c r="V38156">
        <v>12</v>
      </c>
      <c r="W38156">
        <v>13</v>
      </c>
      <c r="X38156">
        <v>13</v>
      </c>
      <c r="Y38156">
        <v>13</v>
      </c>
      <c r="Z38156">
        <v>13</v>
      </c>
      <c r="AA38156">
        <v>14</v>
      </c>
      <c r="AB38156">
        <v>14</v>
      </c>
      <c r="AC38156">
        <v>14</v>
      </c>
      <c r="AD38156">
        <v>14</v>
      </c>
      <c r="AE38156">
        <v>14</v>
      </c>
      <c r="AF38156">
        <v>15</v>
      </c>
      <c r="AG38156">
        <v>15</v>
      </c>
      <c r="AH38156">
        <v>15</v>
      </c>
      <c r="AI38156">
        <v>15</v>
      </c>
      <c r="AJ38156">
        <v>15</v>
      </c>
      <c r="AK38156">
        <v>15</v>
      </c>
      <c r="AL38156">
        <v>15</v>
      </c>
      <c r="AM38156">
        <v>15</v>
      </c>
      <c r="AN38156">
        <v>15</v>
      </c>
      <c r="AO38156">
        <v>15</v>
      </c>
      <c r="AP38156">
        <v>15</v>
      </c>
      <c r="AQ38156">
        <v>15</v>
      </c>
    </row>
    <row r="38157" spans="1:43">
      <c r="A38157" t="s">
        <v>23665</v>
      </c>
      <c r="B38157" t="s">
        <v>23666</v>
      </c>
      <c r="C38157" t="s">
        <v>23667</v>
      </c>
      <c r="D38157" t="s">
        <v>23668</v>
      </c>
      <c r="E38157" t="s">
        <v>23649</v>
      </c>
      <c r="F38157" t="s">
        <v>23650</v>
      </c>
      <c r="G38157" t="s">
        <v>22539</v>
      </c>
      <c r="H38157" t="s">
        <v>22540</v>
      </c>
      <c r="I38157" s="2">
        <v>0</v>
      </c>
      <c r="J38157" s="2">
        <v>0</v>
      </c>
      <c r="K38157" s="2">
        <v>1</v>
      </c>
      <c r="L38157" t="s">
        <v>995</v>
      </c>
      <c r="M38157" t="s">
        <v>83</v>
      </c>
      <c r="N38157" t="s">
        <v>91</v>
      </c>
      <c r="O38157" t="s">
        <v>85</v>
      </c>
      <c r="P38157" t="s">
        <v>86</v>
      </c>
      <c r="Q38157">
        <v>11</v>
      </c>
      <c r="R38157">
        <v>11</v>
      </c>
      <c r="S38157">
        <v>11</v>
      </c>
      <c r="T38157">
        <v>11</v>
      </c>
      <c r="U38157">
        <v>12</v>
      </c>
      <c r="V38157">
        <v>12</v>
      </c>
      <c r="W38157">
        <v>12</v>
      </c>
      <c r="X38157">
        <v>12</v>
      </c>
      <c r="Y38157">
        <v>12</v>
      </c>
      <c r="Z38157">
        <v>13</v>
      </c>
      <c r="AA38157">
        <v>13</v>
      </c>
      <c r="AB38157">
        <v>13</v>
      </c>
      <c r="AC38157">
        <v>13</v>
      </c>
      <c r="AD38157">
        <v>13</v>
      </c>
      <c r="AE38157">
        <v>14</v>
      </c>
      <c r="AF38157">
        <v>14</v>
      </c>
      <c r="AG38157">
        <v>14</v>
      </c>
      <c r="AH38157">
        <v>14</v>
      </c>
      <c r="AI38157">
        <v>14</v>
      </c>
      <c r="AJ38157">
        <v>15</v>
      </c>
      <c r="AK38157">
        <v>15</v>
      </c>
      <c r="AL38157">
        <v>15</v>
      </c>
      <c r="AM38157">
        <v>15</v>
      </c>
      <c r="AN38157">
        <v>15</v>
      </c>
      <c r="AO38157">
        <v>15</v>
      </c>
      <c r="AP38157">
        <v>15</v>
      </c>
      <c r="AQ38157">
        <v>15</v>
      </c>
    </row>
    <row r="38158" spans="1:43">
      <c r="A38158" t="s">
        <v>23669</v>
      </c>
      <c r="B38158" t="s">
        <v>23670</v>
      </c>
      <c r="C38158" t="s">
        <v>23667</v>
      </c>
      <c r="D38158" t="s">
        <v>23668</v>
      </c>
      <c r="E38158" t="s">
        <v>23649</v>
      </c>
      <c r="F38158" t="s">
        <v>23650</v>
      </c>
      <c r="G38158" t="s">
        <v>22539</v>
      </c>
      <c r="H38158" t="s">
        <v>22540</v>
      </c>
      <c r="I38158" s="2">
        <v>0</v>
      </c>
      <c r="J38158" s="2">
        <v>0</v>
      </c>
      <c r="K38158" s="2">
        <v>1</v>
      </c>
      <c r="L38158" t="s">
        <v>995</v>
      </c>
      <c r="M38158" t="s">
        <v>83</v>
      </c>
      <c r="N38158" t="s">
        <v>84</v>
      </c>
      <c r="O38158" t="s">
        <v>85</v>
      </c>
      <c r="P38158" t="s">
        <v>86</v>
      </c>
      <c r="Q38158">
        <v>32</v>
      </c>
      <c r="R38158">
        <v>33</v>
      </c>
      <c r="S38158">
        <v>33</v>
      </c>
      <c r="T38158">
        <v>34</v>
      </c>
      <c r="U38158">
        <v>35</v>
      </c>
      <c r="V38158">
        <v>35</v>
      </c>
      <c r="W38158">
        <v>36</v>
      </c>
      <c r="X38158">
        <v>36</v>
      </c>
      <c r="Y38158">
        <v>37</v>
      </c>
      <c r="Z38158">
        <v>38</v>
      </c>
      <c r="AA38158">
        <v>38</v>
      </c>
      <c r="AB38158">
        <v>39</v>
      </c>
      <c r="AC38158">
        <v>40</v>
      </c>
      <c r="AD38158">
        <v>40</v>
      </c>
      <c r="AE38158">
        <v>41</v>
      </c>
      <c r="AF38158">
        <v>41</v>
      </c>
      <c r="AG38158">
        <v>42</v>
      </c>
      <c r="AH38158">
        <v>42</v>
      </c>
      <c r="AI38158">
        <v>43</v>
      </c>
      <c r="AJ38158">
        <v>44</v>
      </c>
      <c r="AK38158">
        <v>44</v>
      </c>
      <c r="AL38158">
        <v>45</v>
      </c>
      <c r="AM38158">
        <v>45</v>
      </c>
      <c r="AN38158">
        <v>45</v>
      </c>
      <c r="AO38158">
        <v>45</v>
      </c>
      <c r="AP38158">
        <v>46</v>
      </c>
      <c r="AQ38158">
        <v>46</v>
      </c>
    </row>
    <row r="38159" spans="1:43">
      <c r="A38159" t="s">
        <v>23669</v>
      </c>
      <c r="B38159" t="s">
        <v>23670</v>
      </c>
      <c r="C38159" t="s">
        <v>23667</v>
      </c>
      <c r="D38159" t="s">
        <v>23668</v>
      </c>
      <c r="E38159" t="s">
        <v>23649</v>
      </c>
      <c r="F38159" t="s">
        <v>23650</v>
      </c>
      <c r="G38159" t="s">
        <v>22539</v>
      </c>
      <c r="H38159" t="s">
        <v>22540</v>
      </c>
      <c r="I38159" s="2">
        <v>0</v>
      </c>
      <c r="J38159" s="2">
        <v>0</v>
      </c>
      <c r="K38159" s="2">
        <v>1</v>
      </c>
      <c r="L38159" t="s">
        <v>995</v>
      </c>
      <c r="M38159" t="s">
        <v>87</v>
      </c>
      <c r="N38159" t="s">
        <v>88</v>
      </c>
      <c r="O38159" t="s">
        <v>85</v>
      </c>
      <c r="P38159" t="s">
        <v>86</v>
      </c>
      <c r="Q38159">
        <v>32</v>
      </c>
      <c r="R38159">
        <v>32</v>
      </c>
      <c r="S38159">
        <v>33</v>
      </c>
      <c r="T38159">
        <v>33</v>
      </c>
      <c r="U38159">
        <v>33</v>
      </c>
      <c r="V38159">
        <v>33</v>
      </c>
      <c r="W38159">
        <v>34</v>
      </c>
      <c r="X38159">
        <v>34</v>
      </c>
      <c r="Y38159">
        <v>34</v>
      </c>
      <c r="Z38159">
        <v>35</v>
      </c>
      <c r="AA38159">
        <v>35</v>
      </c>
      <c r="AB38159">
        <v>35</v>
      </c>
      <c r="AC38159">
        <v>36</v>
      </c>
      <c r="AD38159">
        <v>36</v>
      </c>
      <c r="AE38159">
        <v>36</v>
      </c>
      <c r="AF38159">
        <v>36</v>
      </c>
      <c r="AG38159">
        <v>37</v>
      </c>
      <c r="AH38159">
        <v>37</v>
      </c>
      <c r="AI38159">
        <v>37</v>
      </c>
      <c r="AJ38159">
        <v>38</v>
      </c>
      <c r="AK38159">
        <v>38</v>
      </c>
      <c r="AL38159">
        <v>39</v>
      </c>
      <c r="AM38159">
        <v>39</v>
      </c>
      <c r="AN38159">
        <v>39</v>
      </c>
      <c r="AO38159">
        <v>40</v>
      </c>
      <c r="AP38159">
        <v>40</v>
      </c>
      <c r="AQ38159">
        <v>40</v>
      </c>
    </row>
    <row r="38160" spans="1:43">
      <c r="A38160" t="s">
        <v>23669</v>
      </c>
      <c r="B38160" t="s">
        <v>23670</v>
      </c>
      <c r="C38160" t="s">
        <v>23667</v>
      </c>
      <c r="D38160" t="s">
        <v>23668</v>
      </c>
      <c r="E38160" t="s">
        <v>23649</v>
      </c>
      <c r="F38160" t="s">
        <v>23650</v>
      </c>
      <c r="G38160" t="s">
        <v>22539</v>
      </c>
      <c r="H38160" t="s">
        <v>22540</v>
      </c>
      <c r="I38160" s="2">
        <v>0</v>
      </c>
      <c r="J38160" s="2">
        <v>0</v>
      </c>
      <c r="K38160" s="2">
        <v>1</v>
      </c>
      <c r="L38160" t="s">
        <v>995</v>
      </c>
      <c r="M38160" t="s">
        <v>89</v>
      </c>
      <c r="N38160" t="s">
        <v>90</v>
      </c>
      <c r="O38160" t="s">
        <v>85</v>
      </c>
      <c r="P38160" t="s">
        <v>86</v>
      </c>
      <c r="Q38160">
        <v>32</v>
      </c>
      <c r="R38160">
        <v>32</v>
      </c>
      <c r="S38160">
        <v>33</v>
      </c>
      <c r="T38160">
        <v>34</v>
      </c>
      <c r="U38160">
        <v>35</v>
      </c>
      <c r="V38160">
        <v>36</v>
      </c>
      <c r="W38160">
        <v>37</v>
      </c>
      <c r="X38160">
        <v>37</v>
      </c>
      <c r="Y38160">
        <v>38</v>
      </c>
      <c r="Z38160">
        <v>39</v>
      </c>
      <c r="AA38160">
        <v>40</v>
      </c>
      <c r="AB38160">
        <v>40</v>
      </c>
      <c r="AC38160">
        <v>41</v>
      </c>
      <c r="AD38160">
        <v>42</v>
      </c>
      <c r="AE38160">
        <v>42</v>
      </c>
      <c r="AF38160">
        <v>43</v>
      </c>
      <c r="AG38160">
        <v>43</v>
      </c>
      <c r="AH38160">
        <v>43</v>
      </c>
      <c r="AI38160">
        <v>43</v>
      </c>
      <c r="AJ38160">
        <v>43</v>
      </c>
      <c r="AK38160">
        <v>44</v>
      </c>
      <c r="AL38160">
        <v>44</v>
      </c>
      <c r="AM38160">
        <v>44</v>
      </c>
      <c r="AN38160">
        <v>44</v>
      </c>
      <c r="AO38160">
        <v>45</v>
      </c>
      <c r="AP38160">
        <v>45</v>
      </c>
      <c r="AQ38160">
        <v>45</v>
      </c>
    </row>
    <row r="38161" spans="1:43">
      <c r="A38161" t="s">
        <v>23669</v>
      </c>
      <c r="B38161" t="s">
        <v>23670</v>
      </c>
      <c r="C38161" t="s">
        <v>23667</v>
      </c>
      <c r="D38161" t="s">
        <v>23668</v>
      </c>
      <c r="E38161" t="s">
        <v>23649</v>
      </c>
      <c r="F38161" t="s">
        <v>23650</v>
      </c>
      <c r="G38161" t="s">
        <v>22539</v>
      </c>
      <c r="H38161" t="s">
        <v>22540</v>
      </c>
      <c r="I38161" s="2">
        <v>0</v>
      </c>
      <c r="J38161" s="2">
        <v>0</v>
      </c>
      <c r="K38161" s="2">
        <v>1</v>
      </c>
      <c r="L38161" t="s">
        <v>995</v>
      </c>
      <c r="M38161" t="s">
        <v>83</v>
      </c>
      <c r="N38161" t="s">
        <v>91</v>
      </c>
      <c r="O38161" t="s">
        <v>85</v>
      </c>
      <c r="P38161" t="s">
        <v>86</v>
      </c>
      <c r="Q38161">
        <v>32</v>
      </c>
      <c r="R38161">
        <v>33</v>
      </c>
      <c r="S38161">
        <v>33</v>
      </c>
      <c r="T38161">
        <v>34</v>
      </c>
      <c r="U38161">
        <v>35</v>
      </c>
      <c r="V38161">
        <v>35</v>
      </c>
      <c r="W38161">
        <v>36</v>
      </c>
      <c r="X38161">
        <v>36</v>
      </c>
      <c r="Y38161">
        <v>37</v>
      </c>
      <c r="Z38161">
        <v>38</v>
      </c>
      <c r="AA38161">
        <v>38</v>
      </c>
      <c r="AB38161">
        <v>39</v>
      </c>
      <c r="AC38161">
        <v>40</v>
      </c>
      <c r="AD38161">
        <v>40</v>
      </c>
      <c r="AE38161">
        <v>41</v>
      </c>
      <c r="AF38161">
        <v>41</v>
      </c>
      <c r="AG38161">
        <v>42</v>
      </c>
      <c r="AH38161">
        <v>42</v>
      </c>
      <c r="AI38161">
        <v>43</v>
      </c>
      <c r="AJ38161">
        <v>44</v>
      </c>
      <c r="AK38161">
        <v>44</v>
      </c>
      <c r="AL38161">
        <v>45</v>
      </c>
      <c r="AM38161">
        <v>45</v>
      </c>
      <c r="AN38161">
        <v>45</v>
      </c>
      <c r="AO38161">
        <v>45</v>
      </c>
      <c r="AP38161">
        <v>46</v>
      </c>
      <c r="AQ38161">
        <v>46</v>
      </c>
    </row>
    <row r="38162" spans="1:43">
      <c r="A38162" t="s">
        <v>23671</v>
      </c>
      <c r="B38162" t="s">
        <v>23672</v>
      </c>
      <c r="C38162" t="s">
        <v>23667</v>
      </c>
      <c r="D38162" t="s">
        <v>23668</v>
      </c>
      <c r="E38162" t="s">
        <v>23649</v>
      </c>
      <c r="F38162" t="s">
        <v>23650</v>
      </c>
      <c r="G38162" t="s">
        <v>22539</v>
      </c>
      <c r="H38162" t="s">
        <v>22540</v>
      </c>
      <c r="I38162" s="2">
        <v>0</v>
      </c>
      <c r="J38162" s="2">
        <v>0</v>
      </c>
      <c r="K38162" s="2">
        <v>1</v>
      </c>
      <c r="L38162" t="s">
        <v>995</v>
      </c>
      <c r="M38162" t="s">
        <v>83</v>
      </c>
      <c r="N38162" t="s">
        <v>84</v>
      </c>
      <c r="O38162" t="s">
        <v>85</v>
      </c>
      <c r="P38162" t="s">
        <v>86</v>
      </c>
      <c r="Q38162">
        <v>12</v>
      </c>
      <c r="R38162">
        <v>12</v>
      </c>
      <c r="S38162">
        <v>12</v>
      </c>
      <c r="T38162">
        <v>12</v>
      </c>
      <c r="U38162">
        <v>13</v>
      </c>
      <c r="V38162">
        <v>13</v>
      </c>
      <c r="W38162">
        <v>13</v>
      </c>
      <c r="X38162">
        <v>13</v>
      </c>
      <c r="Y38162">
        <v>14</v>
      </c>
      <c r="Z38162">
        <v>14</v>
      </c>
      <c r="AA38162">
        <v>14</v>
      </c>
      <c r="AB38162">
        <v>14</v>
      </c>
      <c r="AC38162">
        <v>14</v>
      </c>
      <c r="AD38162">
        <v>15</v>
      </c>
      <c r="AE38162">
        <v>15</v>
      </c>
      <c r="AF38162">
        <v>15</v>
      </c>
      <c r="AG38162">
        <v>15</v>
      </c>
      <c r="AH38162">
        <v>15</v>
      </c>
      <c r="AI38162">
        <v>16</v>
      </c>
      <c r="AJ38162">
        <v>16</v>
      </c>
      <c r="AK38162">
        <v>16</v>
      </c>
      <c r="AL38162">
        <v>16</v>
      </c>
      <c r="AM38162">
        <v>16</v>
      </c>
      <c r="AN38162">
        <v>16</v>
      </c>
      <c r="AO38162">
        <v>17</v>
      </c>
      <c r="AP38162">
        <v>17</v>
      </c>
      <c r="AQ38162">
        <v>17</v>
      </c>
    </row>
    <row r="38163" spans="1:43">
      <c r="A38163" t="s">
        <v>23671</v>
      </c>
      <c r="B38163" t="s">
        <v>23672</v>
      </c>
      <c r="C38163" t="s">
        <v>23667</v>
      </c>
      <c r="D38163" t="s">
        <v>23668</v>
      </c>
      <c r="E38163" t="s">
        <v>23649</v>
      </c>
      <c r="F38163" t="s">
        <v>23650</v>
      </c>
      <c r="G38163" t="s">
        <v>22539</v>
      </c>
      <c r="H38163" t="s">
        <v>22540</v>
      </c>
      <c r="I38163" s="2">
        <v>0</v>
      </c>
      <c r="J38163" s="2">
        <v>0</v>
      </c>
      <c r="K38163" s="2">
        <v>1</v>
      </c>
      <c r="L38163" t="s">
        <v>995</v>
      </c>
      <c r="M38163" t="s">
        <v>87</v>
      </c>
      <c r="N38163" t="s">
        <v>88</v>
      </c>
      <c r="O38163" t="s">
        <v>85</v>
      </c>
      <c r="P38163" t="s">
        <v>86</v>
      </c>
      <c r="Q38163">
        <v>12</v>
      </c>
      <c r="R38163">
        <v>12</v>
      </c>
      <c r="S38163">
        <v>12</v>
      </c>
      <c r="T38163">
        <v>12</v>
      </c>
      <c r="U38163">
        <v>12</v>
      </c>
      <c r="V38163">
        <v>12</v>
      </c>
      <c r="W38163">
        <v>12</v>
      </c>
      <c r="X38163">
        <v>12</v>
      </c>
      <c r="Y38163">
        <v>12</v>
      </c>
      <c r="Z38163">
        <v>13</v>
      </c>
      <c r="AA38163">
        <v>13</v>
      </c>
      <c r="AB38163">
        <v>13</v>
      </c>
      <c r="AC38163">
        <v>13</v>
      </c>
      <c r="AD38163">
        <v>13</v>
      </c>
      <c r="AE38163">
        <v>13</v>
      </c>
      <c r="AF38163">
        <v>13</v>
      </c>
      <c r="AG38163">
        <v>13</v>
      </c>
      <c r="AH38163">
        <v>14</v>
      </c>
      <c r="AI38163">
        <v>14</v>
      </c>
      <c r="AJ38163">
        <v>14</v>
      </c>
      <c r="AK38163">
        <v>14</v>
      </c>
      <c r="AL38163">
        <v>14</v>
      </c>
      <c r="AM38163">
        <v>14</v>
      </c>
      <c r="AN38163">
        <v>14</v>
      </c>
      <c r="AO38163">
        <v>14</v>
      </c>
      <c r="AP38163">
        <v>15</v>
      </c>
      <c r="AQ38163">
        <v>15</v>
      </c>
    </row>
    <row r="38164" spans="1:43">
      <c r="A38164" t="s">
        <v>23671</v>
      </c>
      <c r="B38164" t="s">
        <v>23672</v>
      </c>
      <c r="C38164" t="s">
        <v>23667</v>
      </c>
      <c r="D38164" t="s">
        <v>23668</v>
      </c>
      <c r="E38164" t="s">
        <v>23649</v>
      </c>
      <c r="F38164" t="s">
        <v>23650</v>
      </c>
      <c r="G38164" t="s">
        <v>22539</v>
      </c>
      <c r="H38164" t="s">
        <v>22540</v>
      </c>
      <c r="I38164" s="2">
        <v>0</v>
      </c>
      <c r="J38164" s="2">
        <v>0</v>
      </c>
      <c r="K38164" s="2">
        <v>1</v>
      </c>
      <c r="L38164" t="s">
        <v>995</v>
      </c>
      <c r="M38164" t="s">
        <v>89</v>
      </c>
      <c r="N38164" t="s">
        <v>90</v>
      </c>
      <c r="O38164" t="s">
        <v>85</v>
      </c>
      <c r="P38164" t="s">
        <v>86</v>
      </c>
      <c r="Q38164">
        <v>12</v>
      </c>
      <c r="R38164">
        <v>12</v>
      </c>
      <c r="S38164">
        <v>13</v>
      </c>
      <c r="T38164">
        <v>13</v>
      </c>
      <c r="U38164">
        <v>13</v>
      </c>
      <c r="V38164">
        <v>13</v>
      </c>
      <c r="W38164">
        <v>14</v>
      </c>
      <c r="X38164">
        <v>14</v>
      </c>
      <c r="Y38164">
        <v>14</v>
      </c>
      <c r="Z38164">
        <v>15</v>
      </c>
      <c r="AA38164">
        <v>15</v>
      </c>
      <c r="AB38164">
        <v>15</v>
      </c>
      <c r="AC38164">
        <v>15</v>
      </c>
      <c r="AD38164">
        <v>16</v>
      </c>
      <c r="AE38164">
        <v>16</v>
      </c>
      <c r="AF38164">
        <v>16</v>
      </c>
      <c r="AG38164">
        <v>16</v>
      </c>
      <c r="AH38164">
        <v>16</v>
      </c>
      <c r="AI38164">
        <v>16</v>
      </c>
      <c r="AJ38164">
        <v>16</v>
      </c>
      <c r="AK38164">
        <v>16</v>
      </c>
      <c r="AL38164">
        <v>16</v>
      </c>
      <c r="AM38164">
        <v>16</v>
      </c>
      <c r="AN38164">
        <v>17</v>
      </c>
      <c r="AO38164">
        <v>17</v>
      </c>
      <c r="AP38164">
        <v>17</v>
      </c>
      <c r="AQ38164">
        <v>17</v>
      </c>
    </row>
    <row r="38165" spans="1:43">
      <c r="A38165" t="s">
        <v>23671</v>
      </c>
      <c r="B38165" t="s">
        <v>23672</v>
      </c>
      <c r="C38165" t="s">
        <v>23667</v>
      </c>
      <c r="D38165" t="s">
        <v>23668</v>
      </c>
      <c r="E38165" t="s">
        <v>23649</v>
      </c>
      <c r="F38165" t="s">
        <v>23650</v>
      </c>
      <c r="G38165" t="s">
        <v>22539</v>
      </c>
      <c r="H38165" t="s">
        <v>22540</v>
      </c>
      <c r="I38165" s="2">
        <v>0</v>
      </c>
      <c r="J38165" s="2">
        <v>0</v>
      </c>
      <c r="K38165" s="2">
        <v>1</v>
      </c>
      <c r="L38165" t="s">
        <v>995</v>
      </c>
      <c r="M38165" t="s">
        <v>83</v>
      </c>
      <c r="N38165" t="s">
        <v>91</v>
      </c>
      <c r="O38165" t="s">
        <v>85</v>
      </c>
      <c r="P38165" t="s">
        <v>86</v>
      </c>
      <c r="Q38165">
        <v>12</v>
      </c>
      <c r="R38165">
        <v>12</v>
      </c>
      <c r="S38165">
        <v>12</v>
      </c>
      <c r="T38165">
        <v>12</v>
      </c>
      <c r="U38165">
        <v>13</v>
      </c>
      <c r="V38165">
        <v>13</v>
      </c>
      <c r="W38165">
        <v>13</v>
      </c>
      <c r="X38165">
        <v>13</v>
      </c>
      <c r="Y38165">
        <v>14</v>
      </c>
      <c r="Z38165">
        <v>14</v>
      </c>
      <c r="AA38165">
        <v>14</v>
      </c>
      <c r="AB38165">
        <v>14</v>
      </c>
      <c r="AC38165">
        <v>14</v>
      </c>
      <c r="AD38165">
        <v>15</v>
      </c>
      <c r="AE38165">
        <v>15</v>
      </c>
      <c r="AF38165">
        <v>15</v>
      </c>
      <c r="AG38165">
        <v>15</v>
      </c>
      <c r="AH38165">
        <v>15</v>
      </c>
      <c r="AI38165">
        <v>16</v>
      </c>
      <c r="AJ38165">
        <v>16</v>
      </c>
      <c r="AK38165">
        <v>16</v>
      </c>
      <c r="AL38165">
        <v>16</v>
      </c>
      <c r="AM38165">
        <v>16</v>
      </c>
      <c r="AN38165">
        <v>16</v>
      </c>
      <c r="AO38165">
        <v>17</v>
      </c>
      <c r="AP38165">
        <v>17</v>
      </c>
      <c r="AQ38165">
        <v>17</v>
      </c>
    </row>
    <row r="38166" spans="1:43">
      <c r="A38166" t="s">
        <v>23673</v>
      </c>
      <c r="B38166" t="s">
        <v>23674</v>
      </c>
      <c r="C38166" t="s">
        <v>23675</v>
      </c>
      <c r="D38166" t="s">
        <v>23676</v>
      </c>
      <c r="E38166" t="s">
        <v>23649</v>
      </c>
      <c r="F38166" t="s">
        <v>23650</v>
      </c>
      <c r="G38166" t="s">
        <v>22539</v>
      </c>
      <c r="H38166" t="s">
        <v>22540</v>
      </c>
      <c r="I38166" s="2">
        <v>0</v>
      </c>
      <c r="J38166" s="2">
        <v>0</v>
      </c>
      <c r="K38166" s="2">
        <v>1</v>
      </c>
      <c r="L38166" t="s">
        <v>995</v>
      </c>
      <c r="M38166" t="s">
        <v>83</v>
      </c>
      <c r="N38166" t="s">
        <v>84</v>
      </c>
      <c r="O38166" t="s">
        <v>85</v>
      </c>
      <c r="P38166" t="s">
        <v>86</v>
      </c>
      <c r="Q38166">
        <v>282</v>
      </c>
      <c r="R38166">
        <v>287</v>
      </c>
      <c r="S38166">
        <v>293</v>
      </c>
      <c r="T38166">
        <v>298</v>
      </c>
      <c r="U38166">
        <v>303</v>
      </c>
      <c r="V38166">
        <v>309</v>
      </c>
      <c r="W38166">
        <v>314</v>
      </c>
      <c r="X38166">
        <v>320</v>
      </c>
      <c r="Y38166">
        <v>326</v>
      </c>
      <c r="Z38166">
        <v>331</v>
      </c>
      <c r="AA38166">
        <v>337</v>
      </c>
      <c r="AB38166">
        <v>343</v>
      </c>
      <c r="AC38166">
        <v>349</v>
      </c>
      <c r="AD38166">
        <v>354</v>
      </c>
      <c r="AE38166">
        <v>360</v>
      </c>
      <c r="AF38166">
        <v>366</v>
      </c>
      <c r="AG38166">
        <v>372</v>
      </c>
      <c r="AH38166">
        <v>378</v>
      </c>
      <c r="AI38166">
        <v>384</v>
      </c>
      <c r="AJ38166">
        <v>391</v>
      </c>
      <c r="AK38166">
        <v>397</v>
      </c>
      <c r="AL38166">
        <v>401</v>
      </c>
      <c r="AM38166">
        <v>404</v>
      </c>
      <c r="AN38166">
        <v>408</v>
      </c>
      <c r="AO38166">
        <v>411</v>
      </c>
      <c r="AP38166">
        <v>414</v>
      </c>
      <c r="AQ38166">
        <v>418</v>
      </c>
    </row>
    <row r="38167" spans="1:43">
      <c r="A38167" t="s">
        <v>23673</v>
      </c>
      <c r="B38167" t="s">
        <v>23674</v>
      </c>
      <c r="C38167" t="s">
        <v>23675</v>
      </c>
      <c r="D38167" t="s">
        <v>23676</v>
      </c>
      <c r="E38167" t="s">
        <v>23649</v>
      </c>
      <c r="F38167" t="s">
        <v>23650</v>
      </c>
      <c r="G38167" t="s">
        <v>22539</v>
      </c>
      <c r="H38167" t="s">
        <v>22540</v>
      </c>
      <c r="I38167" s="2">
        <v>0</v>
      </c>
      <c r="J38167" s="2">
        <v>0</v>
      </c>
      <c r="K38167" s="2">
        <v>1</v>
      </c>
      <c r="L38167" t="s">
        <v>995</v>
      </c>
      <c r="M38167" t="s">
        <v>87</v>
      </c>
      <c r="N38167" t="s">
        <v>88</v>
      </c>
      <c r="O38167" t="s">
        <v>85</v>
      </c>
      <c r="P38167" t="s">
        <v>86</v>
      </c>
      <c r="Q38167">
        <v>282</v>
      </c>
      <c r="R38167">
        <v>284</v>
      </c>
      <c r="S38167">
        <v>287</v>
      </c>
      <c r="T38167">
        <v>289</v>
      </c>
      <c r="U38167">
        <v>292</v>
      </c>
      <c r="V38167">
        <v>295</v>
      </c>
      <c r="W38167">
        <v>297</v>
      </c>
      <c r="X38167">
        <v>300</v>
      </c>
      <c r="Y38167">
        <v>303</v>
      </c>
      <c r="Z38167">
        <v>306</v>
      </c>
      <c r="AA38167">
        <v>309</v>
      </c>
      <c r="AB38167">
        <v>312</v>
      </c>
      <c r="AC38167">
        <v>315</v>
      </c>
      <c r="AD38167">
        <v>318</v>
      </c>
      <c r="AE38167">
        <v>321</v>
      </c>
      <c r="AF38167">
        <v>324</v>
      </c>
      <c r="AG38167">
        <v>327</v>
      </c>
      <c r="AH38167">
        <v>330</v>
      </c>
      <c r="AI38167">
        <v>333</v>
      </c>
      <c r="AJ38167">
        <v>337</v>
      </c>
      <c r="AK38167">
        <v>340</v>
      </c>
      <c r="AL38167">
        <v>343</v>
      </c>
      <c r="AM38167">
        <v>347</v>
      </c>
      <c r="AN38167">
        <v>350</v>
      </c>
      <c r="AO38167">
        <v>353</v>
      </c>
      <c r="AP38167">
        <v>357</v>
      </c>
      <c r="AQ38167">
        <v>360</v>
      </c>
    </row>
    <row r="38168" spans="1:43">
      <c r="A38168" t="s">
        <v>23673</v>
      </c>
      <c r="B38168" t="s">
        <v>23674</v>
      </c>
      <c r="C38168" t="s">
        <v>23675</v>
      </c>
      <c r="D38168" t="s">
        <v>23676</v>
      </c>
      <c r="E38168" t="s">
        <v>23649</v>
      </c>
      <c r="F38168" t="s">
        <v>23650</v>
      </c>
      <c r="G38168" t="s">
        <v>22539</v>
      </c>
      <c r="H38168" t="s">
        <v>22540</v>
      </c>
      <c r="I38168" s="2">
        <v>0</v>
      </c>
      <c r="J38168" s="2">
        <v>0</v>
      </c>
      <c r="K38168" s="2">
        <v>1</v>
      </c>
      <c r="L38168" t="s">
        <v>995</v>
      </c>
      <c r="M38168" t="s">
        <v>89</v>
      </c>
      <c r="N38168" t="s">
        <v>90</v>
      </c>
      <c r="O38168" t="s">
        <v>85</v>
      </c>
      <c r="P38168" t="s">
        <v>86</v>
      </c>
      <c r="Q38168">
        <v>282</v>
      </c>
      <c r="R38168">
        <v>289</v>
      </c>
      <c r="S38168">
        <v>297</v>
      </c>
      <c r="T38168">
        <v>305</v>
      </c>
      <c r="U38168">
        <v>312</v>
      </c>
      <c r="V38168">
        <v>320</v>
      </c>
      <c r="W38168">
        <v>328</v>
      </c>
      <c r="X38168">
        <v>335</v>
      </c>
      <c r="Y38168">
        <v>342</v>
      </c>
      <c r="Z38168">
        <v>349</v>
      </c>
      <c r="AA38168">
        <v>356</v>
      </c>
      <c r="AB38168">
        <v>363</v>
      </c>
      <c r="AC38168">
        <v>371</v>
      </c>
      <c r="AD38168">
        <v>378</v>
      </c>
      <c r="AE38168">
        <v>384</v>
      </c>
      <c r="AF38168">
        <v>387</v>
      </c>
      <c r="AG38168">
        <v>390</v>
      </c>
      <c r="AH38168">
        <v>393</v>
      </c>
      <c r="AI38168">
        <v>396</v>
      </c>
      <c r="AJ38168">
        <v>399</v>
      </c>
      <c r="AK38168">
        <v>402</v>
      </c>
      <c r="AL38168">
        <v>405</v>
      </c>
      <c r="AM38168">
        <v>409</v>
      </c>
      <c r="AN38168">
        <v>412</v>
      </c>
      <c r="AO38168">
        <v>415</v>
      </c>
      <c r="AP38168">
        <v>419</v>
      </c>
      <c r="AQ38168">
        <v>422</v>
      </c>
    </row>
    <row r="38169" spans="1:43">
      <c r="A38169" t="s">
        <v>23673</v>
      </c>
      <c r="B38169" t="s">
        <v>23674</v>
      </c>
      <c r="C38169" t="s">
        <v>23675</v>
      </c>
      <c r="D38169" t="s">
        <v>23676</v>
      </c>
      <c r="E38169" t="s">
        <v>23649</v>
      </c>
      <c r="F38169" t="s">
        <v>23650</v>
      </c>
      <c r="G38169" t="s">
        <v>22539</v>
      </c>
      <c r="H38169" t="s">
        <v>22540</v>
      </c>
      <c r="I38169" s="2">
        <v>0</v>
      </c>
      <c r="J38169" s="2">
        <v>0</v>
      </c>
      <c r="K38169" s="2">
        <v>1</v>
      </c>
      <c r="L38169" t="s">
        <v>995</v>
      </c>
      <c r="M38169" t="s">
        <v>83</v>
      </c>
      <c r="N38169" t="s">
        <v>91</v>
      </c>
      <c r="O38169" t="s">
        <v>85</v>
      </c>
      <c r="P38169" t="s">
        <v>86</v>
      </c>
      <c r="Q38169">
        <v>282</v>
      </c>
      <c r="R38169">
        <v>287</v>
      </c>
      <c r="S38169">
        <v>293</v>
      </c>
      <c r="T38169">
        <v>298</v>
      </c>
      <c r="U38169">
        <v>303</v>
      </c>
      <c r="V38169">
        <v>309</v>
      </c>
      <c r="W38169">
        <v>314</v>
      </c>
      <c r="X38169">
        <v>320</v>
      </c>
      <c r="Y38169">
        <v>326</v>
      </c>
      <c r="Z38169">
        <v>331</v>
      </c>
      <c r="AA38169">
        <v>337</v>
      </c>
      <c r="AB38169">
        <v>343</v>
      </c>
      <c r="AC38169">
        <v>349</v>
      </c>
      <c r="AD38169">
        <v>354</v>
      </c>
      <c r="AE38169">
        <v>360</v>
      </c>
      <c r="AF38169">
        <v>366</v>
      </c>
      <c r="AG38169">
        <v>372</v>
      </c>
      <c r="AH38169">
        <v>378</v>
      </c>
      <c r="AI38169">
        <v>384</v>
      </c>
      <c r="AJ38169">
        <v>391</v>
      </c>
      <c r="AK38169">
        <v>397</v>
      </c>
      <c r="AL38169">
        <v>401</v>
      </c>
      <c r="AM38169">
        <v>404</v>
      </c>
      <c r="AN38169">
        <v>408</v>
      </c>
      <c r="AO38169">
        <v>411</v>
      </c>
      <c r="AP38169">
        <v>414</v>
      </c>
      <c r="AQ38169">
        <v>418</v>
      </c>
    </row>
    <row r="38170" spans="1:43">
      <c r="A38170" t="s">
        <v>23677</v>
      </c>
      <c r="B38170" t="s">
        <v>23678</v>
      </c>
      <c r="C38170" t="s">
        <v>23679</v>
      </c>
      <c r="D38170" t="s">
        <v>23680</v>
      </c>
      <c r="E38170" t="s">
        <v>23649</v>
      </c>
      <c r="F38170" t="s">
        <v>23650</v>
      </c>
      <c r="G38170" t="s">
        <v>22539</v>
      </c>
      <c r="H38170" t="s">
        <v>22540</v>
      </c>
      <c r="I38170" s="2">
        <v>0</v>
      </c>
      <c r="J38170" s="2">
        <v>0</v>
      </c>
      <c r="K38170" s="2">
        <v>1</v>
      </c>
      <c r="L38170" t="s">
        <v>995</v>
      </c>
      <c r="M38170" t="s">
        <v>83</v>
      </c>
      <c r="N38170" t="s">
        <v>84</v>
      </c>
      <c r="O38170" t="s">
        <v>85</v>
      </c>
      <c r="P38170" t="s">
        <v>86</v>
      </c>
      <c r="Q38170">
        <v>6</v>
      </c>
      <c r="R38170">
        <v>6</v>
      </c>
      <c r="S38170">
        <v>6</v>
      </c>
      <c r="T38170">
        <v>6</v>
      </c>
      <c r="U38170">
        <v>6</v>
      </c>
      <c r="V38170">
        <v>6</v>
      </c>
      <c r="W38170">
        <v>6</v>
      </c>
      <c r="X38170">
        <v>6</v>
      </c>
      <c r="Y38170">
        <v>7</v>
      </c>
      <c r="Z38170">
        <v>7</v>
      </c>
      <c r="AA38170">
        <v>7</v>
      </c>
      <c r="AB38170">
        <v>7</v>
      </c>
      <c r="AC38170">
        <v>7</v>
      </c>
      <c r="AD38170">
        <v>7</v>
      </c>
      <c r="AE38170">
        <v>7</v>
      </c>
      <c r="AF38170">
        <v>7</v>
      </c>
      <c r="AG38170">
        <v>7</v>
      </c>
      <c r="AH38170">
        <v>8</v>
      </c>
      <c r="AI38170">
        <v>8</v>
      </c>
      <c r="AJ38170">
        <v>8</v>
      </c>
      <c r="AK38170">
        <v>8</v>
      </c>
      <c r="AL38170">
        <v>8</v>
      </c>
      <c r="AM38170">
        <v>8</v>
      </c>
      <c r="AN38170">
        <v>8</v>
      </c>
      <c r="AO38170">
        <v>8</v>
      </c>
      <c r="AP38170">
        <v>8</v>
      </c>
      <c r="AQ38170">
        <v>8</v>
      </c>
    </row>
    <row r="38171" spans="1:43">
      <c r="A38171" t="s">
        <v>23677</v>
      </c>
      <c r="B38171" t="s">
        <v>23678</v>
      </c>
      <c r="C38171" t="s">
        <v>23679</v>
      </c>
      <c r="D38171" t="s">
        <v>23680</v>
      </c>
      <c r="E38171" t="s">
        <v>23649</v>
      </c>
      <c r="F38171" t="s">
        <v>23650</v>
      </c>
      <c r="G38171" t="s">
        <v>22539</v>
      </c>
      <c r="H38171" t="s">
        <v>22540</v>
      </c>
      <c r="I38171" s="2">
        <v>0</v>
      </c>
      <c r="J38171" s="2">
        <v>0</v>
      </c>
      <c r="K38171" s="2">
        <v>1</v>
      </c>
      <c r="L38171" t="s">
        <v>995</v>
      </c>
      <c r="M38171" t="s">
        <v>87</v>
      </c>
      <c r="N38171" t="s">
        <v>88</v>
      </c>
      <c r="O38171" t="s">
        <v>85</v>
      </c>
      <c r="P38171" t="s">
        <v>86</v>
      </c>
      <c r="Q38171">
        <v>6</v>
      </c>
      <c r="R38171">
        <v>6</v>
      </c>
      <c r="S38171">
        <v>6</v>
      </c>
      <c r="T38171">
        <v>6</v>
      </c>
      <c r="U38171">
        <v>6</v>
      </c>
      <c r="V38171">
        <v>6</v>
      </c>
      <c r="W38171">
        <v>6</v>
      </c>
      <c r="X38171">
        <v>6</v>
      </c>
      <c r="Y38171">
        <v>6</v>
      </c>
      <c r="Z38171">
        <v>6</v>
      </c>
      <c r="AA38171">
        <v>6</v>
      </c>
      <c r="AB38171">
        <v>6</v>
      </c>
      <c r="AC38171">
        <v>6</v>
      </c>
      <c r="AD38171">
        <v>6</v>
      </c>
      <c r="AE38171">
        <v>6</v>
      </c>
      <c r="AF38171">
        <v>6</v>
      </c>
      <c r="AG38171">
        <v>6</v>
      </c>
      <c r="AH38171">
        <v>7</v>
      </c>
      <c r="AI38171">
        <v>7</v>
      </c>
      <c r="AJ38171">
        <v>7</v>
      </c>
      <c r="AK38171">
        <v>7</v>
      </c>
      <c r="AL38171">
        <v>7</v>
      </c>
      <c r="AM38171">
        <v>7</v>
      </c>
      <c r="AN38171">
        <v>7</v>
      </c>
      <c r="AO38171">
        <v>7</v>
      </c>
      <c r="AP38171">
        <v>7</v>
      </c>
      <c r="AQ38171">
        <v>7</v>
      </c>
    </row>
    <row r="38172" spans="1:43">
      <c r="A38172" t="s">
        <v>23677</v>
      </c>
      <c r="B38172" t="s">
        <v>23678</v>
      </c>
      <c r="C38172" t="s">
        <v>23679</v>
      </c>
      <c r="D38172" t="s">
        <v>23680</v>
      </c>
      <c r="E38172" t="s">
        <v>23649</v>
      </c>
      <c r="F38172" t="s">
        <v>23650</v>
      </c>
      <c r="G38172" t="s">
        <v>22539</v>
      </c>
      <c r="H38172" t="s">
        <v>22540</v>
      </c>
      <c r="I38172" s="2">
        <v>0</v>
      </c>
      <c r="J38172" s="2">
        <v>0</v>
      </c>
      <c r="K38172" s="2">
        <v>1</v>
      </c>
      <c r="L38172" t="s">
        <v>995</v>
      </c>
      <c r="M38172" t="s">
        <v>89</v>
      </c>
      <c r="N38172" t="s">
        <v>90</v>
      </c>
      <c r="O38172" t="s">
        <v>85</v>
      </c>
      <c r="P38172" t="s">
        <v>86</v>
      </c>
      <c r="Q38172">
        <v>6</v>
      </c>
      <c r="R38172">
        <v>6</v>
      </c>
      <c r="S38172">
        <v>6</v>
      </c>
      <c r="T38172">
        <v>6</v>
      </c>
      <c r="U38172">
        <v>6</v>
      </c>
      <c r="V38172">
        <v>6</v>
      </c>
      <c r="W38172">
        <v>7</v>
      </c>
      <c r="X38172">
        <v>7</v>
      </c>
      <c r="Y38172">
        <v>7</v>
      </c>
      <c r="Z38172">
        <v>7</v>
      </c>
      <c r="AA38172">
        <v>7</v>
      </c>
      <c r="AB38172">
        <v>7</v>
      </c>
      <c r="AC38172">
        <v>7</v>
      </c>
      <c r="AD38172">
        <v>8</v>
      </c>
      <c r="AE38172">
        <v>8</v>
      </c>
      <c r="AF38172">
        <v>8</v>
      </c>
      <c r="AG38172">
        <v>8</v>
      </c>
      <c r="AH38172">
        <v>8</v>
      </c>
      <c r="AI38172">
        <v>8</v>
      </c>
      <c r="AJ38172">
        <v>8</v>
      </c>
      <c r="AK38172">
        <v>8</v>
      </c>
      <c r="AL38172">
        <v>8</v>
      </c>
      <c r="AM38172">
        <v>8</v>
      </c>
      <c r="AN38172">
        <v>8</v>
      </c>
      <c r="AO38172">
        <v>8</v>
      </c>
      <c r="AP38172">
        <v>8</v>
      </c>
      <c r="AQ38172">
        <v>8</v>
      </c>
    </row>
    <row r="38173" spans="1:43">
      <c r="A38173" t="s">
        <v>23677</v>
      </c>
      <c r="B38173" t="s">
        <v>23678</v>
      </c>
      <c r="C38173" t="s">
        <v>23679</v>
      </c>
      <c r="D38173" t="s">
        <v>23680</v>
      </c>
      <c r="E38173" t="s">
        <v>23649</v>
      </c>
      <c r="F38173" t="s">
        <v>23650</v>
      </c>
      <c r="G38173" t="s">
        <v>22539</v>
      </c>
      <c r="H38173" t="s">
        <v>22540</v>
      </c>
      <c r="I38173" s="2">
        <v>0</v>
      </c>
      <c r="J38173" s="2">
        <v>0</v>
      </c>
      <c r="K38173" s="2">
        <v>1</v>
      </c>
      <c r="L38173" t="s">
        <v>995</v>
      </c>
      <c r="M38173" t="s">
        <v>83</v>
      </c>
      <c r="N38173" t="s">
        <v>91</v>
      </c>
      <c r="O38173" t="s">
        <v>85</v>
      </c>
      <c r="P38173" t="s">
        <v>86</v>
      </c>
      <c r="Q38173">
        <v>6</v>
      </c>
      <c r="R38173">
        <v>6</v>
      </c>
      <c r="S38173">
        <v>6</v>
      </c>
      <c r="T38173">
        <v>6</v>
      </c>
      <c r="U38173">
        <v>6</v>
      </c>
      <c r="V38173">
        <v>6</v>
      </c>
      <c r="W38173">
        <v>6</v>
      </c>
      <c r="X38173">
        <v>6</v>
      </c>
      <c r="Y38173">
        <v>7</v>
      </c>
      <c r="Z38173">
        <v>7</v>
      </c>
      <c r="AA38173">
        <v>7</v>
      </c>
      <c r="AB38173">
        <v>7</v>
      </c>
      <c r="AC38173">
        <v>7</v>
      </c>
      <c r="AD38173">
        <v>7</v>
      </c>
      <c r="AE38173">
        <v>7</v>
      </c>
      <c r="AF38173">
        <v>7</v>
      </c>
      <c r="AG38173">
        <v>7</v>
      </c>
      <c r="AH38173">
        <v>8</v>
      </c>
      <c r="AI38173">
        <v>8</v>
      </c>
      <c r="AJ38173">
        <v>8</v>
      </c>
      <c r="AK38173">
        <v>8</v>
      </c>
      <c r="AL38173">
        <v>8</v>
      </c>
      <c r="AM38173">
        <v>8</v>
      </c>
      <c r="AN38173">
        <v>8</v>
      </c>
      <c r="AO38173">
        <v>8</v>
      </c>
      <c r="AP38173">
        <v>8</v>
      </c>
      <c r="AQ38173">
        <v>8</v>
      </c>
    </row>
    <row r="38174" spans="1:43">
      <c r="A38174" t="s">
        <v>23681</v>
      </c>
      <c r="B38174" t="s">
        <v>23682</v>
      </c>
      <c r="C38174" t="s">
        <v>23667</v>
      </c>
      <c r="D38174" t="s">
        <v>23668</v>
      </c>
      <c r="E38174" t="s">
        <v>23649</v>
      </c>
      <c r="F38174" t="s">
        <v>23650</v>
      </c>
      <c r="G38174" t="s">
        <v>22539</v>
      </c>
      <c r="H38174" t="s">
        <v>22540</v>
      </c>
      <c r="I38174" s="2">
        <v>0</v>
      </c>
      <c r="J38174" s="2">
        <v>0</v>
      </c>
      <c r="K38174" s="2">
        <v>1</v>
      </c>
      <c r="L38174" t="s">
        <v>995</v>
      </c>
      <c r="M38174" t="s">
        <v>83</v>
      </c>
      <c r="N38174" t="s">
        <v>84</v>
      </c>
      <c r="O38174" t="s">
        <v>85</v>
      </c>
      <c r="P38174" t="s">
        <v>86</v>
      </c>
      <c r="Q38174">
        <v>9</v>
      </c>
      <c r="R38174">
        <v>10</v>
      </c>
      <c r="S38174">
        <v>10</v>
      </c>
      <c r="T38174">
        <v>10</v>
      </c>
      <c r="U38174">
        <v>10</v>
      </c>
      <c r="V38174">
        <v>10</v>
      </c>
      <c r="W38174">
        <v>11</v>
      </c>
      <c r="X38174">
        <v>11</v>
      </c>
      <c r="Y38174">
        <v>11</v>
      </c>
      <c r="Z38174">
        <v>11</v>
      </c>
      <c r="AA38174">
        <v>11</v>
      </c>
      <c r="AB38174">
        <v>11</v>
      </c>
      <c r="AC38174">
        <v>12</v>
      </c>
      <c r="AD38174">
        <v>12</v>
      </c>
      <c r="AE38174">
        <v>12</v>
      </c>
      <c r="AF38174">
        <v>12</v>
      </c>
      <c r="AG38174">
        <v>12</v>
      </c>
      <c r="AH38174">
        <v>12</v>
      </c>
      <c r="AI38174">
        <v>13</v>
      </c>
      <c r="AJ38174">
        <v>13</v>
      </c>
      <c r="AK38174">
        <v>13</v>
      </c>
      <c r="AL38174">
        <v>13</v>
      </c>
      <c r="AM38174">
        <v>13</v>
      </c>
      <c r="AN38174">
        <v>13</v>
      </c>
      <c r="AO38174">
        <v>13</v>
      </c>
      <c r="AP38174">
        <v>13</v>
      </c>
      <c r="AQ38174">
        <v>13</v>
      </c>
    </row>
    <row r="38175" spans="1:43">
      <c r="A38175" t="s">
        <v>23681</v>
      </c>
      <c r="B38175" t="s">
        <v>23682</v>
      </c>
      <c r="C38175" t="s">
        <v>23667</v>
      </c>
      <c r="D38175" t="s">
        <v>23668</v>
      </c>
      <c r="E38175" t="s">
        <v>23649</v>
      </c>
      <c r="F38175" t="s">
        <v>23650</v>
      </c>
      <c r="G38175" t="s">
        <v>22539</v>
      </c>
      <c r="H38175" t="s">
        <v>22540</v>
      </c>
      <c r="I38175" s="2">
        <v>0</v>
      </c>
      <c r="J38175" s="2">
        <v>0</v>
      </c>
      <c r="K38175" s="2">
        <v>1</v>
      </c>
      <c r="L38175" t="s">
        <v>995</v>
      </c>
      <c r="M38175" t="s">
        <v>87</v>
      </c>
      <c r="N38175" t="s">
        <v>88</v>
      </c>
      <c r="O38175" t="s">
        <v>85</v>
      </c>
      <c r="P38175" t="s">
        <v>86</v>
      </c>
      <c r="Q38175">
        <v>9</v>
      </c>
      <c r="R38175">
        <v>9</v>
      </c>
      <c r="S38175">
        <v>10</v>
      </c>
      <c r="T38175">
        <v>10</v>
      </c>
      <c r="U38175">
        <v>10</v>
      </c>
      <c r="V38175">
        <v>10</v>
      </c>
      <c r="W38175">
        <v>10</v>
      </c>
      <c r="X38175">
        <v>10</v>
      </c>
      <c r="Y38175">
        <v>10</v>
      </c>
      <c r="Z38175">
        <v>10</v>
      </c>
      <c r="AA38175">
        <v>10</v>
      </c>
      <c r="AB38175">
        <v>10</v>
      </c>
      <c r="AC38175">
        <v>10</v>
      </c>
      <c r="AD38175">
        <v>11</v>
      </c>
      <c r="AE38175">
        <v>11</v>
      </c>
      <c r="AF38175">
        <v>11</v>
      </c>
      <c r="AG38175">
        <v>11</v>
      </c>
      <c r="AH38175">
        <v>11</v>
      </c>
      <c r="AI38175">
        <v>11</v>
      </c>
      <c r="AJ38175">
        <v>11</v>
      </c>
      <c r="AK38175">
        <v>11</v>
      </c>
      <c r="AL38175">
        <v>11</v>
      </c>
      <c r="AM38175">
        <v>11</v>
      </c>
      <c r="AN38175">
        <v>12</v>
      </c>
      <c r="AO38175">
        <v>12</v>
      </c>
      <c r="AP38175">
        <v>12</v>
      </c>
      <c r="AQ38175">
        <v>12</v>
      </c>
    </row>
    <row r="38176" spans="1:43">
      <c r="A38176" t="s">
        <v>23681</v>
      </c>
      <c r="B38176" t="s">
        <v>23682</v>
      </c>
      <c r="C38176" t="s">
        <v>23667</v>
      </c>
      <c r="D38176" t="s">
        <v>23668</v>
      </c>
      <c r="E38176" t="s">
        <v>23649</v>
      </c>
      <c r="F38176" t="s">
        <v>23650</v>
      </c>
      <c r="G38176" t="s">
        <v>22539</v>
      </c>
      <c r="H38176" t="s">
        <v>22540</v>
      </c>
      <c r="I38176" s="2">
        <v>0</v>
      </c>
      <c r="J38176" s="2">
        <v>0</v>
      </c>
      <c r="K38176" s="2">
        <v>1</v>
      </c>
      <c r="L38176" t="s">
        <v>995</v>
      </c>
      <c r="M38176" t="s">
        <v>89</v>
      </c>
      <c r="N38176" t="s">
        <v>90</v>
      </c>
      <c r="O38176" t="s">
        <v>85</v>
      </c>
      <c r="P38176" t="s">
        <v>86</v>
      </c>
      <c r="Q38176">
        <v>9</v>
      </c>
      <c r="R38176">
        <v>9</v>
      </c>
      <c r="S38176">
        <v>9</v>
      </c>
      <c r="T38176">
        <v>9</v>
      </c>
      <c r="U38176">
        <v>10</v>
      </c>
      <c r="V38176">
        <v>10</v>
      </c>
      <c r="W38176">
        <v>10</v>
      </c>
      <c r="X38176">
        <v>10</v>
      </c>
      <c r="Y38176">
        <v>10</v>
      </c>
      <c r="Z38176">
        <v>11</v>
      </c>
      <c r="AA38176">
        <v>11</v>
      </c>
      <c r="AB38176">
        <v>11</v>
      </c>
      <c r="AC38176">
        <v>11</v>
      </c>
      <c r="AD38176">
        <v>12</v>
      </c>
      <c r="AE38176">
        <v>12</v>
      </c>
      <c r="AF38176">
        <v>12</v>
      </c>
      <c r="AG38176">
        <v>12</v>
      </c>
      <c r="AH38176">
        <v>12</v>
      </c>
      <c r="AI38176">
        <v>12</v>
      </c>
      <c r="AJ38176">
        <v>12</v>
      </c>
      <c r="AK38176">
        <v>12</v>
      </c>
      <c r="AL38176">
        <v>12</v>
      </c>
      <c r="AM38176">
        <v>12</v>
      </c>
      <c r="AN38176">
        <v>12</v>
      </c>
      <c r="AO38176">
        <v>12</v>
      </c>
      <c r="AP38176">
        <v>12</v>
      </c>
      <c r="AQ38176">
        <v>13</v>
      </c>
    </row>
    <row r="38177" spans="1:43">
      <c r="A38177" t="s">
        <v>23681</v>
      </c>
      <c r="B38177" t="s">
        <v>23682</v>
      </c>
      <c r="C38177" t="s">
        <v>23667</v>
      </c>
      <c r="D38177" t="s">
        <v>23668</v>
      </c>
      <c r="E38177" t="s">
        <v>23649</v>
      </c>
      <c r="F38177" t="s">
        <v>23650</v>
      </c>
      <c r="G38177" t="s">
        <v>22539</v>
      </c>
      <c r="H38177" t="s">
        <v>22540</v>
      </c>
      <c r="I38177" s="2">
        <v>0</v>
      </c>
      <c r="J38177" s="2">
        <v>0</v>
      </c>
      <c r="K38177" s="2">
        <v>1</v>
      </c>
      <c r="L38177" t="s">
        <v>995</v>
      </c>
      <c r="M38177" t="s">
        <v>83</v>
      </c>
      <c r="N38177" t="s">
        <v>91</v>
      </c>
      <c r="O38177" t="s">
        <v>85</v>
      </c>
      <c r="P38177" t="s">
        <v>86</v>
      </c>
      <c r="Q38177">
        <v>9</v>
      </c>
      <c r="R38177">
        <v>10</v>
      </c>
      <c r="S38177">
        <v>10</v>
      </c>
      <c r="T38177">
        <v>10</v>
      </c>
      <c r="U38177">
        <v>10</v>
      </c>
      <c r="V38177">
        <v>10</v>
      </c>
      <c r="W38177">
        <v>11</v>
      </c>
      <c r="X38177">
        <v>11</v>
      </c>
      <c r="Y38177">
        <v>11</v>
      </c>
      <c r="Z38177">
        <v>11</v>
      </c>
      <c r="AA38177">
        <v>11</v>
      </c>
      <c r="AB38177">
        <v>11</v>
      </c>
      <c r="AC38177">
        <v>12</v>
      </c>
      <c r="AD38177">
        <v>12</v>
      </c>
      <c r="AE38177">
        <v>12</v>
      </c>
      <c r="AF38177">
        <v>12</v>
      </c>
      <c r="AG38177">
        <v>12</v>
      </c>
      <c r="AH38177">
        <v>12</v>
      </c>
      <c r="AI38177">
        <v>13</v>
      </c>
      <c r="AJ38177">
        <v>13</v>
      </c>
      <c r="AK38177">
        <v>13</v>
      </c>
      <c r="AL38177">
        <v>13</v>
      </c>
      <c r="AM38177">
        <v>13</v>
      </c>
      <c r="AN38177">
        <v>13</v>
      </c>
      <c r="AO38177">
        <v>13</v>
      </c>
      <c r="AP38177">
        <v>13</v>
      </c>
      <c r="AQ38177">
        <v>13</v>
      </c>
    </row>
    <row r="38178" spans="1:43">
      <c r="A38178" t="s">
        <v>23683</v>
      </c>
      <c r="B38178" t="s">
        <v>23684</v>
      </c>
      <c r="C38178" t="s">
        <v>23667</v>
      </c>
      <c r="D38178" t="s">
        <v>23668</v>
      </c>
      <c r="E38178" t="s">
        <v>23649</v>
      </c>
      <c r="F38178" t="s">
        <v>23650</v>
      </c>
      <c r="G38178" t="s">
        <v>22539</v>
      </c>
      <c r="H38178" t="s">
        <v>22540</v>
      </c>
      <c r="I38178" s="2">
        <v>0</v>
      </c>
      <c r="J38178" s="2">
        <v>0</v>
      </c>
      <c r="K38178" s="2">
        <v>1</v>
      </c>
      <c r="L38178" t="s">
        <v>995</v>
      </c>
      <c r="M38178" t="s">
        <v>83</v>
      </c>
      <c r="N38178" t="s">
        <v>84</v>
      </c>
      <c r="O38178" t="s">
        <v>85</v>
      </c>
      <c r="P38178" t="s">
        <v>86</v>
      </c>
      <c r="Q38178">
        <v>5</v>
      </c>
      <c r="R38178">
        <v>5</v>
      </c>
      <c r="S38178">
        <v>5</v>
      </c>
      <c r="T38178">
        <v>6</v>
      </c>
      <c r="U38178">
        <v>6</v>
      </c>
      <c r="V38178">
        <v>6</v>
      </c>
      <c r="W38178">
        <v>6</v>
      </c>
      <c r="X38178">
        <v>6</v>
      </c>
      <c r="Y38178">
        <v>6</v>
      </c>
      <c r="Z38178">
        <v>6</v>
      </c>
      <c r="AA38178">
        <v>6</v>
      </c>
      <c r="AB38178">
        <v>6</v>
      </c>
      <c r="AC38178">
        <v>6</v>
      </c>
      <c r="AD38178">
        <v>6</v>
      </c>
      <c r="AE38178">
        <v>7</v>
      </c>
      <c r="AF38178">
        <v>7</v>
      </c>
      <c r="AG38178">
        <v>7</v>
      </c>
      <c r="AH38178">
        <v>7</v>
      </c>
      <c r="AI38178">
        <v>7</v>
      </c>
      <c r="AJ38178">
        <v>7</v>
      </c>
      <c r="AK38178">
        <v>7</v>
      </c>
      <c r="AL38178">
        <v>7</v>
      </c>
      <c r="AM38178">
        <v>7</v>
      </c>
      <c r="AN38178">
        <v>7</v>
      </c>
      <c r="AO38178">
        <v>7</v>
      </c>
      <c r="AP38178">
        <v>7</v>
      </c>
      <c r="AQ38178">
        <v>7</v>
      </c>
    </row>
    <row r="38179" spans="1:43">
      <c r="A38179" t="s">
        <v>23683</v>
      </c>
      <c r="B38179" t="s">
        <v>23684</v>
      </c>
      <c r="C38179" t="s">
        <v>23667</v>
      </c>
      <c r="D38179" t="s">
        <v>23668</v>
      </c>
      <c r="E38179" t="s">
        <v>23649</v>
      </c>
      <c r="F38179" t="s">
        <v>23650</v>
      </c>
      <c r="G38179" t="s">
        <v>22539</v>
      </c>
      <c r="H38179" t="s">
        <v>22540</v>
      </c>
      <c r="I38179" s="2">
        <v>0</v>
      </c>
      <c r="J38179" s="2">
        <v>0</v>
      </c>
      <c r="K38179" s="2">
        <v>1</v>
      </c>
      <c r="L38179" t="s">
        <v>995</v>
      </c>
      <c r="M38179" t="s">
        <v>87</v>
      </c>
      <c r="N38179" t="s">
        <v>88</v>
      </c>
      <c r="O38179" t="s">
        <v>85</v>
      </c>
      <c r="P38179" t="s">
        <v>86</v>
      </c>
      <c r="Q38179">
        <v>5</v>
      </c>
      <c r="R38179">
        <v>5</v>
      </c>
      <c r="S38179">
        <v>5</v>
      </c>
      <c r="T38179">
        <v>5</v>
      </c>
      <c r="U38179">
        <v>5</v>
      </c>
      <c r="V38179">
        <v>5</v>
      </c>
      <c r="W38179">
        <v>5</v>
      </c>
      <c r="X38179">
        <v>5</v>
      </c>
      <c r="Y38179">
        <v>6</v>
      </c>
      <c r="Z38179">
        <v>6</v>
      </c>
      <c r="AA38179">
        <v>6</v>
      </c>
      <c r="AB38179">
        <v>6</v>
      </c>
      <c r="AC38179">
        <v>6</v>
      </c>
      <c r="AD38179">
        <v>6</v>
      </c>
      <c r="AE38179">
        <v>6</v>
      </c>
      <c r="AF38179">
        <v>6</v>
      </c>
      <c r="AG38179">
        <v>6</v>
      </c>
      <c r="AH38179">
        <v>6</v>
      </c>
      <c r="AI38179">
        <v>6</v>
      </c>
      <c r="AJ38179">
        <v>6</v>
      </c>
      <c r="AK38179">
        <v>6</v>
      </c>
      <c r="AL38179">
        <v>6</v>
      </c>
      <c r="AM38179">
        <v>6</v>
      </c>
      <c r="AN38179">
        <v>6</v>
      </c>
      <c r="AO38179">
        <v>6</v>
      </c>
      <c r="AP38179">
        <v>6</v>
      </c>
      <c r="AQ38179">
        <v>7</v>
      </c>
    </row>
    <row r="38180" spans="1:43">
      <c r="A38180" t="s">
        <v>23683</v>
      </c>
      <c r="B38180" t="s">
        <v>23684</v>
      </c>
      <c r="C38180" t="s">
        <v>23667</v>
      </c>
      <c r="D38180" t="s">
        <v>23668</v>
      </c>
      <c r="E38180" t="s">
        <v>23649</v>
      </c>
      <c r="F38180" t="s">
        <v>23650</v>
      </c>
      <c r="G38180" t="s">
        <v>22539</v>
      </c>
      <c r="H38180" t="s">
        <v>22540</v>
      </c>
      <c r="I38180" s="2">
        <v>0</v>
      </c>
      <c r="J38180" s="2">
        <v>0</v>
      </c>
      <c r="K38180" s="2">
        <v>1</v>
      </c>
      <c r="L38180" t="s">
        <v>995</v>
      </c>
      <c r="M38180" t="s">
        <v>89</v>
      </c>
      <c r="N38180" t="s">
        <v>90</v>
      </c>
      <c r="O38180" t="s">
        <v>85</v>
      </c>
      <c r="P38180" t="s">
        <v>86</v>
      </c>
      <c r="Q38180">
        <v>5</v>
      </c>
      <c r="R38180">
        <v>5</v>
      </c>
      <c r="S38180">
        <v>6</v>
      </c>
      <c r="T38180">
        <v>6</v>
      </c>
      <c r="U38180">
        <v>6</v>
      </c>
      <c r="V38180">
        <v>6</v>
      </c>
      <c r="W38180">
        <v>6</v>
      </c>
      <c r="X38180">
        <v>6</v>
      </c>
      <c r="Y38180">
        <v>6</v>
      </c>
      <c r="Z38180">
        <v>6</v>
      </c>
      <c r="AA38180">
        <v>7</v>
      </c>
      <c r="AB38180">
        <v>7</v>
      </c>
      <c r="AC38180">
        <v>7</v>
      </c>
      <c r="AD38180">
        <v>7</v>
      </c>
      <c r="AE38180">
        <v>7</v>
      </c>
      <c r="AF38180">
        <v>7</v>
      </c>
      <c r="AG38180">
        <v>7</v>
      </c>
      <c r="AH38180">
        <v>7</v>
      </c>
      <c r="AI38180">
        <v>7</v>
      </c>
      <c r="AJ38180">
        <v>7</v>
      </c>
      <c r="AK38180">
        <v>7</v>
      </c>
      <c r="AL38180">
        <v>7</v>
      </c>
      <c r="AM38180">
        <v>7</v>
      </c>
      <c r="AN38180">
        <v>7</v>
      </c>
      <c r="AO38180">
        <v>7</v>
      </c>
      <c r="AP38180">
        <v>7</v>
      </c>
      <c r="AQ38180">
        <v>7</v>
      </c>
    </row>
    <row r="38181" spans="1:43">
      <c r="A38181" t="s">
        <v>23683</v>
      </c>
      <c r="B38181" t="s">
        <v>23684</v>
      </c>
      <c r="C38181" t="s">
        <v>23667</v>
      </c>
      <c r="D38181" t="s">
        <v>23668</v>
      </c>
      <c r="E38181" t="s">
        <v>23649</v>
      </c>
      <c r="F38181" t="s">
        <v>23650</v>
      </c>
      <c r="G38181" t="s">
        <v>22539</v>
      </c>
      <c r="H38181" t="s">
        <v>22540</v>
      </c>
      <c r="I38181" s="2">
        <v>0</v>
      </c>
      <c r="J38181" s="2">
        <v>0</v>
      </c>
      <c r="K38181" s="2">
        <v>1</v>
      </c>
      <c r="L38181" t="s">
        <v>995</v>
      </c>
      <c r="M38181" t="s">
        <v>83</v>
      </c>
      <c r="N38181" t="s">
        <v>91</v>
      </c>
      <c r="O38181" t="s">
        <v>85</v>
      </c>
      <c r="P38181" t="s">
        <v>86</v>
      </c>
      <c r="Q38181">
        <v>5</v>
      </c>
      <c r="R38181">
        <v>5</v>
      </c>
      <c r="S38181">
        <v>5</v>
      </c>
      <c r="T38181">
        <v>6</v>
      </c>
      <c r="U38181">
        <v>6</v>
      </c>
      <c r="V38181">
        <v>6</v>
      </c>
      <c r="W38181">
        <v>6</v>
      </c>
      <c r="X38181">
        <v>6</v>
      </c>
      <c r="Y38181">
        <v>6</v>
      </c>
      <c r="Z38181">
        <v>6</v>
      </c>
      <c r="AA38181">
        <v>6</v>
      </c>
      <c r="AB38181">
        <v>6</v>
      </c>
      <c r="AC38181">
        <v>6</v>
      </c>
      <c r="AD38181">
        <v>6</v>
      </c>
      <c r="AE38181">
        <v>7</v>
      </c>
      <c r="AF38181">
        <v>7</v>
      </c>
      <c r="AG38181">
        <v>7</v>
      </c>
      <c r="AH38181">
        <v>7</v>
      </c>
      <c r="AI38181">
        <v>7</v>
      </c>
      <c r="AJ38181">
        <v>7</v>
      </c>
      <c r="AK38181">
        <v>7</v>
      </c>
      <c r="AL38181">
        <v>7</v>
      </c>
      <c r="AM38181">
        <v>7</v>
      </c>
      <c r="AN38181">
        <v>7</v>
      </c>
      <c r="AO38181">
        <v>7</v>
      </c>
      <c r="AP38181">
        <v>7</v>
      </c>
      <c r="AQ38181">
        <v>7</v>
      </c>
    </row>
    <row r="38182" spans="1:43">
      <c r="A38182" t="s">
        <v>23685</v>
      </c>
      <c r="B38182" t="s">
        <v>23686</v>
      </c>
      <c r="C38182" t="s">
        <v>23667</v>
      </c>
      <c r="D38182" t="s">
        <v>23668</v>
      </c>
      <c r="E38182" t="s">
        <v>23649</v>
      </c>
      <c r="F38182" t="s">
        <v>23650</v>
      </c>
      <c r="G38182" t="s">
        <v>22539</v>
      </c>
      <c r="H38182" t="s">
        <v>22540</v>
      </c>
      <c r="I38182" s="2">
        <v>0</v>
      </c>
      <c r="J38182" s="2">
        <v>0</v>
      </c>
      <c r="K38182" s="2">
        <v>1</v>
      </c>
      <c r="L38182" t="s">
        <v>995</v>
      </c>
      <c r="M38182" t="s">
        <v>83</v>
      </c>
      <c r="N38182" t="s">
        <v>84</v>
      </c>
      <c r="O38182" t="s">
        <v>85</v>
      </c>
      <c r="P38182" t="s">
        <v>86</v>
      </c>
      <c r="Q38182">
        <v>9</v>
      </c>
      <c r="R38182">
        <v>10</v>
      </c>
      <c r="S38182">
        <v>10</v>
      </c>
      <c r="T38182">
        <v>10</v>
      </c>
      <c r="U38182">
        <v>10</v>
      </c>
      <c r="V38182">
        <v>10</v>
      </c>
      <c r="W38182">
        <v>10</v>
      </c>
      <c r="X38182">
        <v>11</v>
      </c>
      <c r="Y38182">
        <v>11</v>
      </c>
      <c r="Z38182">
        <v>11</v>
      </c>
      <c r="AA38182">
        <v>11</v>
      </c>
      <c r="AB38182">
        <v>11</v>
      </c>
      <c r="AC38182">
        <v>12</v>
      </c>
      <c r="AD38182">
        <v>12</v>
      </c>
      <c r="AE38182">
        <v>12</v>
      </c>
      <c r="AF38182">
        <v>12</v>
      </c>
      <c r="AG38182">
        <v>12</v>
      </c>
      <c r="AH38182">
        <v>12</v>
      </c>
      <c r="AI38182">
        <v>13</v>
      </c>
      <c r="AJ38182">
        <v>13</v>
      </c>
      <c r="AK38182">
        <v>13</v>
      </c>
      <c r="AL38182">
        <v>13</v>
      </c>
      <c r="AM38182">
        <v>13</v>
      </c>
      <c r="AN38182">
        <v>13</v>
      </c>
      <c r="AO38182">
        <v>13</v>
      </c>
      <c r="AP38182">
        <v>13</v>
      </c>
      <c r="AQ38182">
        <v>13</v>
      </c>
    </row>
    <row r="38183" spans="1:43">
      <c r="A38183" t="s">
        <v>23685</v>
      </c>
      <c r="B38183" t="s">
        <v>23686</v>
      </c>
      <c r="C38183" t="s">
        <v>23667</v>
      </c>
      <c r="D38183" t="s">
        <v>23668</v>
      </c>
      <c r="E38183" t="s">
        <v>23649</v>
      </c>
      <c r="F38183" t="s">
        <v>23650</v>
      </c>
      <c r="G38183" t="s">
        <v>22539</v>
      </c>
      <c r="H38183" t="s">
        <v>22540</v>
      </c>
      <c r="I38183" s="2">
        <v>0</v>
      </c>
      <c r="J38183" s="2">
        <v>0</v>
      </c>
      <c r="K38183" s="2">
        <v>1</v>
      </c>
      <c r="L38183" t="s">
        <v>995</v>
      </c>
      <c r="M38183" t="s">
        <v>87</v>
      </c>
      <c r="N38183" t="s">
        <v>88</v>
      </c>
      <c r="O38183" t="s">
        <v>85</v>
      </c>
      <c r="P38183" t="s">
        <v>86</v>
      </c>
      <c r="Q38183">
        <v>9</v>
      </c>
      <c r="R38183">
        <v>9</v>
      </c>
      <c r="S38183">
        <v>9</v>
      </c>
      <c r="T38183">
        <v>10</v>
      </c>
      <c r="U38183">
        <v>10</v>
      </c>
      <c r="V38183">
        <v>10</v>
      </c>
      <c r="W38183">
        <v>10</v>
      </c>
      <c r="X38183">
        <v>10</v>
      </c>
      <c r="Y38183">
        <v>10</v>
      </c>
      <c r="Z38183">
        <v>10</v>
      </c>
      <c r="AA38183">
        <v>10</v>
      </c>
      <c r="AB38183">
        <v>10</v>
      </c>
      <c r="AC38183">
        <v>10</v>
      </c>
      <c r="AD38183">
        <v>10</v>
      </c>
      <c r="AE38183">
        <v>11</v>
      </c>
      <c r="AF38183">
        <v>11</v>
      </c>
      <c r="AG38183">
        <v>11</v>
      </c>
      <c r="AH38183">
        <v>11</v>
      </c>
      <c r="AI38183">
        <v>11</v>
      </c>
      <c r="AJ38183">
        <v>11</v>
      </c>
      <c r="AK38183">
        <v>11</v>
      </c>
      <c r="AL38183">
        <v>11</v>
      </c>
      <c r="AM38183">
        <v>11</v>
      </c>
      <c r="AN38183">
        <v>11</v>
      </c>
      <c r="AO38183">
        <v>12</v>
      </c>
      <c r="AP38183">
        <v>12</v>
      </c>
      <c r="AQ38183">
        <v>12</v>
      </c>
    </row>
    <row r="38184" spans="1:43">
      <c r="A38184" t="s">
        <v>23685</v>
      </c>
      <c r="B38184" t="s">
        <v>23686</v>
      </c>
      <c r="C38184" t="s">
        <v>23667</v>
      </c>
      <c r="D38184" t="s">
        <v>23668</v>
      </c>
      <c r="E38184" t="s">
        <v>23649</v>
      </c>
      <c r="F38184" t="s">
        <v>23650</v>
      </c>
      <c r="G38184" t="s">
        <v>22539</v>
      </c>
      <c r="H38184" t="s">
        <v>22540</v>
      </c>
      <c r="I38184" s="2">
        <v>0</v>
      </c>
      <c r="J38184" s="2">
        <v>0</v>
      </c>
      <c r="K38184" s="2">
        <v>1</v>
      </c>
      <c r="L38184" t="s">
        <v>995</v>
      </c>
      <c r="M38184" t="s">
        <v>89</v>
      </c>
      <c r="N38184" t="s">
        <v>90</v>
      </c>
      <c r="O38184" t="s">
        <v>85</v>
      </c>
      <c r="P38184" t="s">
        <v>86</v>
      </c>
      <c r="Q38184">
        <v>9</v>
      </c>
      <c r="R38184">
        <v>9</v>
      </c>
      <c r="S38184">
        <v>9</v>
      </c>
      <c r="T38184">
        <v>9</v>
      </c>
      <c r="U38184">
        <v>10</v>
      </c>
      <c r="V38184">
        <v>10</v>
      </c>
      <c r="W38184">
        <v>10</v>
      </c>
      <c r="X38184">
        <v>10</v>
      </c>
      <c r="Y38184">
        <v>10</v>
      </c>
      <c r="Z38184">
        <v>11</v>
      </c>
      <c r="AA38184">
        <v>11</v>
      </c>
      <c r="AB38184">
        <v>11</v>
      </c>
      <c r="AC38184">
        <v>11</v>
      </c>
      <c r="AD38184">
        <v>11</v>
      </c>
      <c r="AE38184">
        <v>12</v>
      </c>
      <c r="AF38184">
        <v>12</v>
      </c>
      <c r="AG38184">
        <v>12</v>
      </c>
      <c r="AH38184">
        <v>12</v>
      </c>
      <c r="AI38184">
        <v>12</v>
      </c>
      <c r="AJ38184">
        <v>12</v>
      </c>
      <c r="AK38184">
        <v>12</v>
      </c>
      <c r="AL38184">
        <v>12</v>
      </c>
      <c r="AM38184">
        <v>12</v>
      </c>
      <c r="AN38184">
        <v>12</v>
      </c>
      <c r="AO38184">
        <v>12</v>
      </c>
      <c r="AP38184">
        <v>12</v>
      </c>
      <c r="AQ38184">
        <v>12</v>
      </c>
    </row>
    <row r="38185" spans="1:43">
      <c r="A38185" t="s">
        <v>23685</v>
      </c>
      <c r="B38185" t="s">
        <v>23686</v>
      </c>
      <c r="C38185" t="s">
        <v>23667</v>
      </c>
      <c r="D38185" t="s">
        <v>23668</v>
      </c>
      <c r="E38185" t="s">
        <v>23649</v>
      </c>
      <c r="F38185" t="s">
        <v>23650</v>
      </c>
      <c r="G38185" t="s">
        <v>22539</v>
      </c>
      <c r="H38185" t="s">
        <v>22540</v>
      </c>
      <c r="I38185" s="2">
        <v>0</v>
      </c>
      <c r="J38185" s="2">
        <v>0</v>
      </c>
      <c r="K38185" s="2">
        <v>1</v>
      </c>
      <c r="L38185" t="s">
        <v>995</v>
      </c>
      <c r="M38185" t="s">
        <v>83</v>
      </c>
      <c r="N38185" t="s">
        <v>91</v>
      </c>
      <c r="O38185" t="s">
        <v>85</v>
      </c>
      <c r="P38185" t="s">
        <v>86</v>
      </c>
      <c r="Q38185">
        <v>9</v>
      </c>
      <c r="R38185">
        <v>10</v>
      </c>
      <c r="S38185">
        <v>10</v>
      </c>
      <c r="T38185">
        <v>10</v>
      </c>
      <c r="U38185">
        <v>10</v>
      </c>
      <c r="V38185">
        <v>10</v>
      </c>
      <c r="W38185">
        <v>10</v>
      </c>
      <c r="X38185">
        <v>11</v>
      </c>
      <c r="Y38185">
        <v>11</v>
      </c>
      <c r="Z38185">
        <v>11</v>
      </c>
      <c r="AA38185">
        <v>11</v>
      </c>
      <c r="AB38185">
        <v>11</v>
      </c>
      <c r="AC38185">
        <v>12</v>
      </c>
      <c r="AD38185">
        <v>12</v>
      </c>
      <c r="AE38185">
        <v>12</v>
      </c>
      <c r="AF38185">
        <v>12</v>
      </c>
      <c r="AG38185">
        <v>12</v>
      </c>
      <c r="AH38185">
        <v>12</v>
      </c>
      <c r="AI38185">
        <v>13</v>
      </c>
      <c r="AJ38185">
        <v>13</v>
      </c>
      <c r="AK38185">
        <v>13</v>
      </c>
      <c r="AL38185">
        <v>13</v>
      </c>
      <c r="AM38185">
        <v>13</v>
      </c>
      <c r="AN38185">
        <v>13</v>
      </c>
      <c r="AO38185">
        <v>13</v>
      </c>
      <c r="AP38185">
        <v>13</v>
      </c>
      <c r="AQ38185">
        <v>13</v>
      </c>
    </row>
    <row r="38186" spans="1:43">
      <c r="A38186" t="s">
        <v>23687</v>
      </c>
      <c r="B38186" t="s">
        <v>23688</v>
      </c>
      <c r="C38186" t="s">
        <v>23667</v>
      </c>
      <c r="D38186" t="s">
        <v>23668</v>
      </c>
      <c r="E38186" t="s">
        <v>23649</v>
      </c>
      <c r="F38186" t="s">
        <v>23650</v>
      </c>
      <c r="G38186" t="s">
        <v>22539</v>
      </c>
      <c r="H38186" t="s">
        <v>22540</v>
      </c>
      <c r="I38186" s="2">
        <v>0</v>
      </c>
      <c r="J38186" s="2">
        <v>0</v>
      </c>
      <c r="K38186" s="2">
        <v>1</v>
      </c>
      <c r="L38186" t="s">
        <v>995</v>
      </c>
      <c r="M38186" t="s">
        <v>83</v>
      </c>
      <c r="N38186" t="s">
        <v>84</v>
      </c>
      <c r="O38186" t="s">
        <v>85</v>
      </c>
      <c r="P38186" t="s">
        <v>86</v>
      </c>
      <c r="Q38186">
        <v>11</v>
      </c>
      <c r="R38186">
        <v>11</v>
      </c>
      <c r="S38186">
        <v>11</v>
      </c>
      <c r="T38186">
        <v>12</v>
      </c>
      <c r="U38186">
        <v>12</v>
      </c>
      <c r="V38186">
        <v>12</v>
      </c>
      <c r="W38186">
        <v>12</v>
      </c>
      <c r="X38186">
        <v>12</v>
      </c>
      <c r="Y38186">
        <v>13</v>
      </c>
      <c r="Z38186">
        <v>13</v>
      </c>
      <c r="AA38186">
        <v>13</v>
      </c>
      <c r="AB38186">
        <v>13</v>
      </c>
      <c r="AC38186">
        <v>13</v>
      </c>
      <c r="AD38186">
        <v>14</v>
      </c>
      <c r="AE38186">
        <v>14</v>
      </c>
      <c r="AF38186">
        <v>14</v>
      </c>
      <c r="AG38186">
        <v>14</v>
      </c>
      <c r="AH38186">
        <v>14</v>
      </c>
      <c r="AI38186">
        <v>15</v>
      </c>
      <c r="AJ38186">
        <v>15</v>
      </c>
      <c r="AK38186">
        <v>15</v>
      </c>
      <c r="AL38186">
        <v>15</v>
      </c>
      <c r="AM38186">
        <v>15</v>
      </c>
      <c r="AN38186">
        <v>15</v>
      </c>
      <c r="AO38186">
        <v>15</v>
      </c>
      <c r="AP38186">
        <v>16</v>
      </c>
      <c r="AQ38186">
        <v>16</v>
      </c>
    </row>
    <row r="38187" spans="1:43">
      <c r="A38187" t="s">
        <v>23687</v>
      </c>
      <c r="B38187" t="s">
        <v>23688</v>
      </c>
      <c r="C38187" t="s">
        <v>23667</v>
      </c>
      <c r="D38187" t="s">
        <v>23668</v>
      </c>
      <c r="E38187" t="s">
        <v>23649</v>
      </c>
      <c r="F38187" t="s">
        <v>23650</v>
      </c>
      <c r="G38187" t="s">
        <v>22539</v>
      </c>
      <c r="H38187" t="s">
        <v>22540</v>
      </c>
      <c r="I38187" s="2">
        <v>0</v>
      </c>
      <c r="J38187" s="2">
        <v>0</v>
      </c>
      <c r="K38187" s="2">
        <v>1</v>
      </c>
      <c r="L38187" t="s">
        <v>995</v>
      </c>
      <c r="M38187" t="s">
        <v>87</v>
      </c>
      <c r="N38187" t="s">
        <v>88</v>
      </c>
      <c r="O38187" t="s">
        <v>85</v>
      </c>
      <c r="P38187" t="s">
        <v>86</v>
      </c>
      <c r="Q38187">
        <v>11</v>
      </c>
      <c r="R38187">
        <v>11</v>
      </c>
      <c r="S38187">
        <v>11</v>
      </c>
      <c r="T38187">
        <v>11</v>
      </c>
      <c r="U38187">
        <v>11</v>
      </c>
      <c r="V38187">
        <v>11</v>
      </c>
      <c r="W38187">
        <v>11</v>
      </c>
      <c r="X38187">
        <v>12</v>
      </c>
      <c r="Y38187">
        <v>12</v>
      </c>
      <c r="Z38187">
        <v>12</v>
      </c>
      <c r="AA38187">
        <v>12</v>
      </c>
      <c r="AB38187">
        <v>12</v>
      </c>
      <c r="AC38187">
        <v>12</v>
      </c>
      <c r="AD38187">
        <v>12</v>
      </c>
      <c r="AE38187">
        <v>12</v>
      </c>
      <c r="AF38187">
        <v>12</v>
      </c>
      <c r="AG38187">
        <v>13</v>
      </c>
      <c r="AH38187">
        <v>13</v>
      </c>
      <c r="AI38187">
        <v>13</v>
      </c>
      <c r="AJ38187">
        <v>13</v>
      </c>
      <c r="AK38187">
        <v>13</v>
      </c>
      <c r="AL38187">
        <v>13</v>
      </c>
      <c r="AM38187">
        <v>13</v>
      </c>
      <c r="AN38187">
        <v>13</v>
      </c>
      <c r="AO38187">
        <v>14</v>
      </c>
      <c r="AP38187">
        <v>14</v>
      </c>
      <c r="AQ38187">
        <v>14</v>
      </c>
    </row>
    <row r="38188" spans="1:43">
      <c r="A38188" t="s">
        <v>23687</v>
      </c>
      <c r="B38188" t="s">
        <v>23688</v>
      </c>
      <c r="C38188" t="s">
        <v>23667</v>
      </c>
      <c r="D38188" t="s">
        <v>23668</v>
      </c>
      <c r="E38188" t="s">
        <v>23649</v>
      </c>
      <c r="F38188" t="s">
        <v>23650</v>
      </c>
      <c r="G38188" t="s">
        <v>22539</v>
      </c>
      <c r="H38188" t="s">
        <v>22540</v>
      </c>
      <c r="I38188" s="2">
        <v>0</v>
      </c>
      <c r="J38188" s="2">
        <v>0</v>
      </c>
      <c r="K38188" s="2">
        <v>1</v>
      </c>
      <c r="L38188" t="s">
        <v>995</v>
      </c>
      <c r="M38188" t="s">
        <v>89</v>
      </c>
      <c r="N38188" t="s">
        <v>90</v>
      </c>
      <c r="O38188" t="s">
        <v>85</v>
      </c>
      <c r="P38188" t="s">
        <v>86</v>
      </c>
      <c r="Q38188">
        <v>11</v>
      </c>
      <c r="R38188">
        <v>11</v>
      </c>
      <c r="S38188">
        <v>12</v>
      </c>
      <c r="T38188">
        <v>12</v>
      </c>
      <c r="U38188">
        <v>12</v>
      </c>
      <c r="V38188">
        <v>13</v>
      </c>
      <c r="W38188">
        <v>13</v>
      </c>
      <c r="X38188">
        <v>13</v>
      </c>
      <c r="Y38188">
        <v>13</v>
      </c>
      <c r="Z38188">
        <v>14</v>
      </c>
      <c r="AA38188">
        <v>14</v>
      </c>
      <c r="AB38188">
        <v>14</v>
      </c>
      <c r="AC38188">
        <v>14</v>
      </c>
      <c r="AD38188">
        <v>15</v>
      </c>
      <c r="AE38188">
        <v>15</v>
      </c>
      <c r="AF38188">
        <v>15</v>
      </c>
      <c r="AG38188">
        <v>15</v>
      </c>
      <c r="AH38188">
        <v>15</v>
      </c>
      <c r="AI38188">
        <v>15</v>
      </c>
      <c r="AJ38188">
        <v>15</v>
      </c>
      <c r="AK38188">
        <v>15</v>
      </c>
      <c r="AL38188">
        <v>15</v>
      </c>
      <c r="AM38188">
        <v>15</v>
      </c>
      <c r="AN38188">
        <v>15</v>
      </c>
      <c r="AO38188">
        <v>16</v>
      </c>
      <c r="AP38188">
        <v>16</v>
      </c>
      <c r="AQ38188">
        <v>16</v>
      </c>
    </row>
    <row r="38189" spans="1:43">
      <c r="A38189" t="s">
        <v>23687</v>
      </c>
      <c r="B38189" t="s">
        <v>23688</v>
      </c>
      <c r="C38189" t="s">
        <v>23667</v>
      </c>
      <c r="D38189" t="s">
        <v>23668</v>
      </c>
      <c r="E38189" t="s">
        <v>23649</v>
      </c>
      <c r="F38189" t="s">
        <v>23650</v>
      </c>
      <c r="G38189" t="s">
        <v>22539</v>
      </c>
      <c r="H38189" t="s">
        <v>22540</v>
      </c>
      <c r="I38189" s="2">
        <v>0</v>
      </c>
      <c r="J38189" s="2">
        <v>0</v>
      </c>
      <c r="K38189" s="2">
        <v>1</v>
      </c>
      <c r="L38189" t="s">
        <v>995</v>
      </c>
      <c r="M38189" t="s">
        <v>83</v>
      </c>
      <c r="N38189" t="s">
        <v>91</v>
      </c>
      <c r="O38189" t="s">
        <v>85</v>
      </c>
      <c r="P38189" t="s">
        <v>86</v>
      </c>
      <c r="Q38189">
        <v>11</v>
      </c>
      <c r="R38189">
        <v>11</v>
      </c>
      <c r="S38189">
        <v>11</v>
      </c>
      <c r="T38189">
        <v>12</v>
      </c>
      <c r="U38189">
        <v>12</v>
      </c>
      <c r="V38189">
        <v>12</v>
      </c>
      <c r="W38189">
        <v>12</v>
      </c>
      <c r="X38189">
        <v>12</v>
      </c>
      <c r="Y38189">
        <v>13</v>
      </c>
      <c r="Z38189">
        <v>13</v>
      </c>
      <c r="AA38189">
        <v>13</v>
      </c>
      <c r="AB38189">
        <v>13</v>
      </c>
      <c r="AC38189">
        <v>13</v>
      </c>
      <c r="AD38189">
        <v>14</v>
      </c>
      <c r="AE38189">
        <v>14</v>
      </c>
      <c r="AF38189">
        <v>14</v>
      </c>
      <c r="AG38189">
        <v>14</v>
      </c>
      <c r="AH38189">
        <v>14</v>
      </c>
      <c r="AI38189">
        <v>15</v>
      </c>
      <c r="AJ38189">
        <v>15</v>
      </c>
      <c r="AK38189">
        <v>15</v>
      </c>
      <c r="AL38189">
        <v>15</v>
      </c>
      <c r="AM38189">
        <v>15</v>
      </c>
      <c r="AN38189">
        <v>15</v>
      </c>
      <c r="AO38189">
        <v>15</v>
      </c>
      <c r="AP38189">
        <v>16</v>
      </c>
      <c r="AQ38189">
        <v>16</v>
      </c>
    </row>
    <row r="38190" spans="1:43">
      <c r="A38190" t="s">
        <v>23689</v>
      </c>
      <c r="B38190" t="s">
        <v>23690</v>
      </c>
      <c r="C38190" t="s">
        <v>23691</v>
      </c>
      <c r="D38190" t="s">
        <v>23692</v>
      </c>
      <c r="E38190" t="s">
        <v>23649</v>
      </c>
      <c r="F38190" t="s">
        <v>23650</v>
      </c>
      <c r="G38190" t="s">
        <v>22539</v>
      </c>
      <c r="H38190" t="s">
        <v>22540</v>
      </c>
      <c r="I38190" s="2">
        <v>0</v>
      </c>
      <c r="J38190" s="2">
        <v>0</v>
      </c>
      <c r="K38190" s="2">
        <v>1</v>
      </c>
      <c r="L38190" t="s">
        <v>995</v>
      </c>
      <c r="M38190" t="s">
        <v>83</v>
      </c>
      <c r="N38190" t="s">
        <v>84</v>
      </c>
      <c r="O38190" t="s">
        <v>85</v>
      </c>
      <c r="P38190" t="s">
        <v>86</v>
      </c>
      <c r="Q38190">
        <v>20</v>
      </c>
      <c r="R38190">
        <v>20</v>
      </c>
      <c r="S38190">
        <v>21</v>
      </c>
      <c r="T38190">
        <v>21</v>
      </c>
      <c r="U38190">
        <v>21</v>
      </c>
      <c r="V38190">
        <v>22</v>
      </c>
      <c r="W38190">
        <v>22</v>
      </c>
      <c r="X38190">
        <v>22</v>
      </c>
      <c r="Y38190">
        <v>23</v>
      </c>
      <c r="Z38190">
        <v>23</v>
      </c>
      <c r="AA38190">
        <v>24</v>
      </c>
      <c r="AB38190">
        <v>24</v>
      </c>
      <c r="AC38190">
        <v>24</v>
      </c>
      <c r="AD38190">
        <v>25</v>
      </c>
      <c r="AE38190">
        <v>25</v>
      </c>
      <c r="AF38190">
        <v>25</v>
      </c>
      <c r="AG38190">
        <v>26</v>
      </c>
      <c r="AH38190">
        <v>26</v>
      </c>
      <c r="AI38190">
        <v>27</v>
      </c>
      <c r="AJ38190">
        <v>27</v>
      </c>
      <c r="AK38190">
        <v>27</v>
      </c>
      <c r="AL38190">
        <v>28</v>
      </c>
      <c r="AM38190">
        <v>28</v>
      </c>
      <c r="AN38190">
        <v>28</v>
      </c>
      <c r="AO38190">
        <v>28</v>
      </c>
      <c r="AP38190">
        <v>28</v>
      </c>
      <c r="AQ38190">
        <v>29</v>
      </c>
    </row>
    <row r="38191" spans="1:43">
      <c r="A38191" t="s">
        <v>23689</v>
      </c>
      <c r="B38191" t="s">
        <v>23690</v>
      </c>
      <c r="C38191" t="s">
        <v>23691</v>
      </c>
      <c r="D38191" t="s">
        <v>23692</v>
      </c>
      <c r="E38191" t="s">
        <v>23649</v>
      </c>
      <c r="F38191" t="s">
        <v>23650</v>
      </c>
      <c r="G38191" t="s">
        <v>22539</v>
      </c>
      <c r="H38191" t="s">
        <v>22540</v>
      </c>
      <c r="I38191" s="2">
        <v>0</v>
      </c>
      <c r="J38191" s="2">
        <v>0</v>
      </c>
      <c r="K38191" s="2">
        <v>1</v>
      </c>
      <c r="L38191" t="s">
        <v>995</v>
      </c>
      <c r="M38191" t="s">
        <v>87</v>
      </c>
      <c r="N38191" t="s">
        <v>88</v>
      </c>
      <c r="O38191" t="s">
        <v>85</v>
      </c>
      <c r="P38191" t="s">
        <v>86</v>
      </c>
      <c r="Q38191">
        <v>20</v>
      </c>
      <c r="R38191">
        <v>20</v>
      </c>
      <c r="S38191">
        <v>20</v>
      </c>
      <c r="T38191">
        <v>20</v>
      </c>
      <c r="U38191">
        <v>20</v>
      </c>
      <c r="V38191">
        <v>21</v>
      </c>
      <c r="W38191">
        <v>21</v>
      </c>
      <c r="X38191">
        <v>21</v>
      </c>
      <c r="Y38191">
        <v>21</v>
      </c>
      <c r="Z38191">
        <v>21</v>
      </c>
      <c r="AA38191">
        <v>21</v>
      </c>
      <c r="AB38191">
        <v>22</v>
      </c>
      <c r="AC38191">
        <v>22</v>
      </c>
      <c r="AD38191">
        <v>22</v>
      </c>
      <c r="AE38191">
        <v>22</v>
      </c>
      <c r="AF38191">
        <v>22</v>
      </c>
      <c r="AG38191">
        <v>23</v>
      </c>
      <c r="AH38191">
        <v>23</v>
      </c>
      <c r="AI38191">
        <v>23</v>
      </c>
      <c r="AJ38191">
        <v>23</v>
      </c>
      <c r="AK38191">
        <v>23</v>
      </c>
      <c r="AL38191">
        <v>24</v>
      </c>
      <c r="AM38191">
        <v>24</v>
      </c>
      <c r="AN38191">
        <v>24</v>
      </c>
      <c r="AO38191">
        <v>24</v>
      </c>
      <c r="AP38191">
        <v>25</v>
      </c>
      <c r="AQ38191">
        <v>25</v>
      </c>
    </row>
    <row r="38192" spans="1:43">
      <c r="A38192" t="s">
        <v>23689</v>
      </c>
      <c r="B38192" t="s">
        <v>23690</v>
      </c>
      <c r="C38192" t="s">
        <v>23691</v>
      </c>
      <c r="D38192" t="s">
        <v>23692</v>
      </c>
      <c r="E38192" t="s">
        <v>23649</v>
      </c>
      <c r="F38192" t="s">
        <v>23650</v>
      </c>
      <c r="G38192" t="s">
        <v>22539</v>
      </c>
      <c r="H38192" t="s">
        <v>22540</v>
      </c>
      <c r="I38192" s="2">
        <v>0</v>
      </c>
      <c r="J38192" s="2">
        <v>0</v>
      </c>
      <c r="K38192" s="2">
        <v>1</v>
      </c>
      <c r="L38192" t="s">
        <v>995</v>
      </c>
      <c r="M38192" t="s">
        <v>89</v>
      </c>
      <c r="N38192" t="s">
        <v>90</v>
      </c>
      <c r="O38192" t="s">
        <v>85</v>
      </c>
      <c r="P38192" t="s">
        <v>86</v>
      </c>
      <c r="Q38192">
        <v>20</v>
      </c>
      <c r="R38192">
        <v>21</v>
      </c>
      <c r="S38192">
        <v>21</v>
      </c>
      <c r="T38192">
        <v>22</v>
      </c>
      <c r="U38192">
        <v>22</v>
      </c>
      <c r="V38192">
        <v>23</v>
      </c>
      <c r="W38192">
        <v>23</v>
      </c>
      <c r="X38192">
        <v>24</v>
      </c>
      <c r="Y38192">
        <v>24</v>
      </c>
      <c r="Z38192">
        <v>25</v>
      </c>
      <c r="AA38192">
        <v>25</v>
      </c>
      <c r="AB38192">
        <v>26</v>
      </c>
      <c r="AC38192">
        <v>26</v>
      </c>
      <c r="AD38192">
        <v>26</v>
      </c>
      <c r="AE38192">
        <v>27</v>
      </c>
      <c r="AF38192">
        <v>27</v>
      </c>
      <c r="AG38192">
        <v>27</v>
      </c>
      <c r="AH38192">
        <v>27</v>
      </c>
      <c r="AI38192">
        <v>27</v>
      </c>
      <c r="AJ38192">
        <v>28</v>
      </c>
      <c r="AK38192">
        <v>28</v>
      </c>
      <c r="AL38192">
        <v>28</v>
      </c>
      <c r="AM38192">
        <v>28</v>
      </c>
      <c r="AN38192">
        <v>28</v>
      </c>
      <c r="AO38192">
        <v>28</v>
      </c>
      <c r="AP38192">
        <v>29</v>
      </c>
      <c r="AQ38192">
        <v>29</v>
      </c>
    </row>
    <row r="38193" spans="1:43">
      <c r="A38193" t="s">
        <v>23689</v>
      </c>
      <c r="B38193" t="s">
        <v>23690</v>
      </c>
      <c r="C38193" t="s">
        <v>23691</v>
      </c>
      <c r="D38193" t="s">
        <v>23692</v>
      </c>
      <c r="E38193" t="s">
        <v>23649</v>
      </c>
      <c r="F38193" t="s">
        <v>23650</v>
      </c>
      <c r="G38193" t="s">
        <v>22539</v>
      </c>
      <c r="H38193" t="s">
        <v>22540</v>
      </c>
      <c r="I38193" s="2">
        <v>0</v>
      </c>
      <c r="J38193" s="2">
        <v>0</v>
      </c>
      <c r="K38193" s="2">
        <v>1</v>
      </c>
      <c r="L38193" t="s">
        <v>995</v>
      </c>
      <c r="M38193" t="s">
        <v>83</v>
      </c>
      <c r="N38193" t="s">
        <v>91</v>
      </c>
      <c r="O38193" t="s">
        <v>85</v>
      </c>
      <c r="P38193" t="s">
        <v>86</v>
      </c>
      <c r="Q38193">
        <v>20</v>
      </c>
      <c r="R38193">
        <v>20</v>
      </c>
      <c r="S38193">
        <v>21</v>
      </c>
      <c r="T38193">
        <v>21</v>
      </c>
      <c r="U38193">
        <v>21</v>
      </c>
      <c r="V38193">
        <v>22</v>
      </c>
      <c r="W38193">
        <v>22</v>
      </c>
      <c r="X38193">
        <v>22</v>
      </c>
      <c r="Y38193">
        <v>23</v>
      </c>
      <c r="Z38193">
        <v>23</v>
      </c>
      <c r="AA38193">
        <v>24</v>
      </c>
      <c r="AB38193">
        <v>24</v>
      </c>
      <c r="AC38193">
        <v>24</v>
      </c>
      <c r="AD38193">
        <v>25</v>
      </c>
      <c r="AE38193">
        <v>25</v>
      </c>
      <c r="AF38193">
        <v>25</v>
      </c>
      <c r="AG38193">
        <v>26</v>
      </c>
      <c r="AH38193">
        <v>26</v>
      </c>
      <c r="AI38193">
        <v>27</v>
      </c>
      <c r="AJ38193">
        <v>27</v>
      </c>
      <c r="AK38193">
        <v>27</v>
      </c>
      <c r="AL38193">
        <v>28</v>
      </c>
      <c r="AM38193">
        <v>28</v>
      </c>
      <c r="AN38193">
        <v>28</v>
      </c>
      <c r="AO38193">
        <v>28</v>
      </c>
      <c r="AP38193">
        <v>28</v>
      </c>
      <c r="AQ38193">
        <v>29</v>
      </c>
    </row>
    <row r="38194" spans="1:43">
      <c r="A38194" t="s">
        <v>23693</v>
      </c>
      <c r="B38194" t="s">
        <v>23694</v>
      </c>
      <c r="C38194" t="s">
        <v>23691</v>
      </c>
      <c r="D38194" t="s">
        <v>23692</v>
      </c>
      <c r="E38194" t="s">
        <v>23649</v>
      </c>
      <c r="F38194" t="s">
        <v>23650</v>
      </c>
      <c r="G38194" t="s">
        <v>22539</v>
      </c>
      <c r="H38194" t="s">
        <v>22540</v>
      </c>
      <c r="I38194" s="2">
        <v>0</v>
      </c>
      <c r="J38194" s="2">
        <v>0</v>
      </c>
      <c r="K38194" s="2">
        <v>1</v>
      </c>
      <c r="L38194" t="s">
        <v>995</v>
      </c>
      <c r="M38194" t="s">
        <v>83</v>
      </c>
      <c r="N38194" t="s">
        <v>84</v>
      </c>
      <c r="O38194" t="s">
        <v>85</v>
      </c>
      <c r="P38194" t="s">
        <v>86</v>
      </c>
      <c r="Q38194">
        <v>20</v>
      </c>
      <c r="R38194">
        <v>20</v>
      </c>
      <c r="S38194">
        <v>20</v>
      </c>
      <c r="T38194">
        <v>21</v>
      </c>
      <c r="U38194">
        <v>21</v>
      </c>
      <c r="V38194">
        <v>21</v>
      </c>
      <c r="W38194">
        <v>22</v>
      </c>
      <c r="X38194">
        <v>22</v>
      </c>
      <c r="Y38194">
        <v>22</v>
      </c>
      <c r="Z38194">
        <v>23</v>
      </c>
      <c r="AA38194">
        <v>23</v>
      </c>
      <c r="AB38194">
        <v>24</v>
      </c>
      <c r="AC38194">
        <v>24</v>
      </c>
      <c r="AD38194">
        <v>24</v>
      </c>
      <c r="AE38194">
        <v>25</v>
      </c>
      <c r="AF38194">
        <v>25</v>
      </c>
      <c r="AG38194">
        <v>25</v>
      </c>
      <c r="AH38194">
        <v>26</v>
      </c>
      <c r="AI38194">
        <v>26</v>
      </c>
      <c r="AJ38194">
        <v>27</v>
      </c>
      <c r="AK38194">
        <v>27</v>
      </c>
      <c r="AL38194">
        <v>27</v>
      </c>
      <c r="AM38194">
        <v>27</v>
      </c>
      <c r="AN38194">
        <v>28</v>
      </c>
      <c r="AO38194">
        <v>28</v>
      </c>
      <c r="AP38194">
        <v>28</v>
      </c>
      <c r="AQ38194">
        <v>28</v>
      </c>
    </row>
    <row r="38195" spans="1:43">
      <c r="A38195" t="s">
        <v>23693</v>
      </c>
      <c r="B38195" t="s">
        <v>23694</v>
      </c>
      <c r="C38195" t="s">
        <v>23691</v>
      </c>
      <c r="D38195" t="s">
        <v>23692</v>
      </c>
      <c r="E38195" t="s">
        <v>23649</v>
      </c>
      <c r="F38195" t="s">
        <v>23650</v>
      </c>
      <c r="G38195" t="s">
        <v>22539</v>
      </c>
      <c r="H38195" t="s">
        <v>22540</v>
      </c>
      <c r="I38195" s="2">
        <v>0</v>
      </c>
      <c r="J38195" s="2">
        <v>0</v>
      </c>
      <c r="K38195" s="2">
        <v>1</v>
      </c>
      <c r="L38195" t="s">
        <v>995</v>
      </c>
      <c r="M38195" t="s">
        <v>87</v>
      </c>
      <c r="N38195" t="s">
        <v>88</v>
      </c>
      <c r="O38195" t="s">
        <v>85</v>
      </c>
      <c r="P38195" t="s">
        <v>86</v>
      </c>
      <c r="Q38195">
        <v>20</v>
      </c>
      <c r="R38195">
        <v>20</v>
      </c>
      <c r="S38195">
        <v>21</v>
      </c>
      <c r="T38195">
        <v>21</v>
      </c>
      <c r="U38195">
        <v>21</v>
      </c>
      <c r="V38195">
        <v>21</v>
      </c>
      <c r="W38195">
        <v>21</v>
      </c>
      <c r="X38195">
        <v>22</v>
      </c>
      <c r="Y38195">
        <v>22</v>
      </c>
      <c r="Z38195">
        <v>22</v>
      </c>
      <c r="AA38195">
        <v>22</v>
      </c>
      <c r="AB38195">
        <v>22</v>
      </c>
      <c r="AC38195">
        <v>22</v>
      </c>
      <c r="AD38195">
        <v>23</v>
      </c>
      <c r="AE38195">
        <v>23</v>
      </c>
      <c r="AF38195">
        <v>23</v>
      </c>
      <c r="AG38195">
        <v>23</v>
      </c>
      <c r="AH38195">
        <v>23</v>
      </c>
      <c r="AI38195">
        <v>24</v>
      </c>
      <c r="AJ38195">
        <v>24</v>
      </c>
      <c r="AK38195">
        <v>24</v>
      </c>
      <c r="AL38195">
        <v>24</v>
      </c>
      <c r="AM38195">
        <v>25</v>
      </c>
      <c r="AN38195">
        <v>25</v>
      </c>
      <c r="AO38195">
        <v>25</v>
      </c>
      <c r="AP38195">
        <v>25</v>
      </c>
      <c r="AQ38195">
        <v>25</v>
      </c>
    </row>
    <row r="38196" spans="1:43">
      <c r="A38196" t="s">
        <v>23693</v>
      </c>
      <c r="B38196" t="s">
        <v>23694</v>
      </c>
      <c r="C38196" t="s">
        <v>23691</v>
      </c>
      <c r="D38196" t="s">
        <v>23692</v>
      </c>
      <c r="E38196" t="s">
        <v>23649</v>
      </c>
      <c r="F38196" t="s">
        <v>23650</v>
      </c>
      <c r="G38196" t="s">
        <v>22539</v>
      </c>
      <c r="H38196" t="s">
        <v>22540</v>
      </c>
      <c r="I38196" s="2">
        <v>0</v>
      </c>
      <c r="J38196" s="2">
        <v>0</v>
      </c>
      <c r="K38196" s="2">
        <v>1</v>
      </c>
      <c r="L38196" t="s">
        <v>995</v>
      </c>
      <c r="M38196" t="s">
        <v>89</v>
      </c>
      <c r="N38196" t="s">
        <v>90</v>
      </c>
      <c r="O38196" t="s">
        <v>85</v>
      </c>
      <c r="P38196" t="s">
        <v>86</v>
      </c>
      <c r="Q38196">
        <v>20</v>
      </c>
      <c r="R38196">
        <v>20</v>
      </c>
      <c r="S38196">
        <v>21</v>
      </c>
      <c r="T38196">
        <v>21</v>
      </c>
      <c r="U38196">
        <v>22</v>
      </c>
      <c r="V38196">
        <v>22</v>
      </c>
      <c r="W38196">
        <v>23</v>
      </c>
      <c r="X38196">
        <v>23</v>
      </c>
      <c r="Y38196">
        <v>24</v>
      </c>
      <c r="Z38196">
        <v>24</v>
      </c>
      <c r="AA38196">
        <v>25</v>
      </c>
      <c r="AB38196">
        <v>25</v>
      </c>
      <c r="AC38196">
        <v>26</v>
      </c>
      <c r="AD38196">
        <v>26</v>
      </c>
      <c r="AE38196">
        <v>26</v>
      </c>
      <c r="AF38196">
        <v>27</v>
      </c>
      <c r="AG38196">
        <v>27</v>
      </c>
      <c r="AH38196">
        <v>27</v>
      </c>
      <c r="AI38196">
        <v>27</v>
      </c>
      <c r="AJ38196">
        <v>27</v>
      </c>
      <c r="AK38196">
        <v>27</v>
      </c>
      <c r="AL38196">
        <v>28</v>
      </c>
      <c r="AM38196">
        <v>28</v>
      </c>
      <c r="AN38196">
        <v>28</v>
      </c>
      <c r="AO38196">
        <v>28</v>
      </c>
      <c r="AP38196">
        <v>28</v>
      </c>
      <c r="AQ38196">
        <v>28</v>
      </c>
    </row>
    <row r="38197" spans="1:43">
      <c r="A38197" t="s">
        <v>23693</v>
      </c>
      <c r="B38197" t="s">
        <v>23694</v>
      </c>
      <c r="C38197" t="s">
        <v>23691</v>
      </c>
      <c r="D38197" t="s">
        <v>23692</v>
      </c>
      <c r="E38197" t="s">
        <v>23649</v>
      </c>
      <c r="F38197" t="s">
        <v>23650</v>
      </c>
      <c r="G38197" t="s">
        <v>22539</v>
      </c>
      <c r="H38197" t="s">
        <v>22540</v>
      </c>
      <c r="I38197" s="2">
        <v>0</v>
      </c>
      <c r="J38197" s="2">
        <v>0</v>
      </c>
      <c r="K38197" s="2">
        <v>1</v>
      </c>
      <c r="L38197" t="s">
        <v>995</v>
      </c>
      <c r="M38197" t="s">
        <v>83</v>
      </c>
      <c r="N38197" t="s">
        <v>91</v>
      </c>
      <c r="O38197" t="s">
        <v>85</v>
      </c>
      <c r="P38197" t="s">
        <v>86</v>
      </c>
      <c r="Q38197">
        <v>20</v>
      </c>
      <c r="R38197">
        <v>20</v>
      </c>
      <c r="S38197">
        <v>20</v>
      </c>
      <c r="T38197">
        <v>21</v>
      </c>
      <c r="U38197">
        <v>21</v>
      </c>
      <c r="V38197">
        <v>21</v>
      </c>
      <c r="W38197">
        <v>22</v>
      </c>
      <c r="X38197">
        <v>22</v>
      </c>
      <c r="Y38197">
        <v>22</v>
      </c>
      <c r="Z38197">
        <v>23</v>
      </c>
      <c r="AA38197">
        <v>23</v>
      </c>
      <c r="AB38197">
        <v>24</v>
      </c>
      <c r="AC38197">
        <v>24</v>
      </c>
      <c r="AD38197">
        <v>24</v>
      </c>
      <c r="AE38197">
        <v>25</v>
      </c>
      <c r="AF38197">
        <v>25</v>
      </c>
      <c r="AG38197">
        <v>25</v>
      </c>
      <c r="AH38197">
        <v>26</v>
      </c>
      <c r="AI38197">
        <v>26</v>
      </c>
      <c r="AJ38197">
        <v>27</v>
      </c>
      <c r="AK38197">
        <v>27</v>
      </c>
      <c r="AL38197">
        <v>27</v>
      </c>
      <c r="AM38197">
        <v>27</v>
      </c>
      <c r="AN38197">
        <v>28</v>
      </c>
      <c r="AO38197">
        <v>28</v>
      </c>
      <c r="AP38197">
        <v>28</v>
      </c>
      <c r="AQ38197">
        <v>28</v>
      </c>
    </row>
    <row r="38198" spans="1:43">
      <c r="A38198" t="s">
        <v>23695</v>
      </c>
      <c r="B38198" t="s">
        <v>23696</v>
      </c>
      <c r="C38198" t="s">
        <v>23691</v>
      </c>
      <c r="D38198" t="s">
        <v>23692</v>
      </c>
      <c r="E38198" t="s">
        <v>23649</v>
      </c>
      <c r="F38198" t="s">
        <v>23650</v>
      </c>
      <c r="G38198" t="s">
        <v>22539</v>
      </c>
      <c r="H38198" t="s">
        <v>22540</v>
      </c>
      <c r="I38198" s="2">
        <v>0</v>
      </c>
      <c r="J38198" s="2">
        <v>0</v>
      </c>
      <c r="K38198" s="2">
        <v>1</v>
      </c>
      <c r="L38198" t="s">
        <v>995</v>
      </c>
      <c r="M38198" t="s">
        <v>83</v>
      </c>
      <c r="N38198" t="s">
        <v>84</v>
      </c>
      <c r="O38198" t="s">
        <v>85</v>
      </c>
      <c r="P38198" t="s">
        <v>86</v>
      </c>
      <c r="Q38198">
        <v>17</v>
      </c>
      <c r="R38198">
        <v>18</v>
      </c>
      <c r="S38198">
        <v>18</v>
      </c>
      <c r="T38198">
        <v>18</v>
      </c>
      <c r="U38198">
        <v>19</v>
      </c>
      <c r="V38198">
        <v>19</v>
      </c>
      <c r="W38198">
        <v>19</v>
      </c>
      <c r="X38198">
        <v>20</v>
      </c>
      <c r="Y38198">
        <v>20</v>
      </c>
      <c r="Z38198">
        <v>20</v>
      </c>
      <c r="AA38198">
        <v>21</v>
      </c>
      <c r="AB38198">
        <v>21</v>
      </c>
      <c r="AC38198">
        <v>21</v>
      </c>
      <c r="AD38198">
        <v>22</v>
      </c>
      <c r="AE38198">
        <v>22</v>
      </c>
      <c r="AF38198">
        <v>22</v>
      </c>
      <c r="AG38198">
        <v>23</v>
      </c>
      <c r="AH38198">
        <v>23</v>
      </c>
      <c r="AI38198">
        <v>23</v>
      </c>
      <c r="AJ38198">
        <v>24</v>
      </c>
      <c r="AK38198">
        <v>24</v>
      </c>
      <c r="AL38198">
        <v>24</v>
      </c>
      <c r="AM38198">
        <v>24</v>
      </c>
      <c r="AN38198">
        <v>25</v>
      </c>
      <c r="AO38198">
        <v>25</v>
      </c>
      <c r="AP38198">
        <v>25</v>
      </c>
      <c r="AQ38198">
        <v>25</v>
      </c>
    </row>
    <row r="38199" spans="1:43">
      <c r="A38199" t="s">
        <v>23695</v>
      </c>
      <c r="B38199" t="s">
        <v>23696</v>
      </c>
      <c r="C38199" t="s">
        <v>23691</v>
      </c>
      <c r="D38199" t="s">
        <v>23692</v>
      </c>
      <c r="E38199" t="s">
        <v>23649</v>
      </c>
      <c r="F38199" t="s">
        <v>23650</v>
      </c>
      <c r="G38199" t="s">
        <v>22539</v>
      </c>
      <c r="H38199" t="s">
        <v>22540</v>
      </c>
      <c r="I38199" s="2">
        <v>0</v>
      </c>
      <c r="J38199" s="2">
        <v>0</v>
      </c>
      <c r="K38199" s="2">
        <v>1</v>
      </c>
      <c r="L38199" t="s">
        <v>995</v>
      </c>
      <c r="M38199" t="s">
        <v>87</v>
      </c>
      <c r="N38199" t="s">
        <v>88</v>
      </c>
      <c r="O38199" t="s">
        <v>85</v>
      </c>
      <c r="P38199" t="s">
        <v>86</v>
      </c>
      <c r="Q38199">
        <v>17</v>
      </c>
      <c r="R38199">
        <v>17</v>
      </c>
      <c r="S38199">
        <v>18</v>
      </c>
      <c r="T38199">
        <v>18</v>
      </c>
      <c r="U38199">
        <v>18</v>
      </c>
      <c r="V38199">
        <v>18</v>
      </c>
      <c r="W38199">
        <v>18</v>
      </c>
      <c r="X38199">
        <v>18</v>
      </c>
      <c r="Y38199">
        <v>18</v>
      </c>
      <c r="Z38199">
        <v>19</v>
      </c>
      <c r="AA38199">
        <v>19</v>
      </c>
      <c r="AB38199">
        <v>19</v>
      </c>
      <c r="AC38199">
        <v>19</v>
      </c>
      <c r="AD38199">
        <v>19</v>
      </c>
      <c r="AE38199">
        <v>19</v>
      </c>
      <c r="AF38199">
        <v>20</v>
      </c>
      <c r="AG38199">
        <v>20</v>
      </c>
      <c r="AH38199">
        <v>20</v>
      </c>
      <c r="AI38199">
        <v>20</v>
      </c>
      <c r="AJ38199">
        <v>20</v>
      </c>
      <c r="AK38199">
        <v>21</v>
      </c>
      <c r="AL38199">
        <v>21</v>
      </c>
      <c r="AM38199">
        <v>21</v>
      </c>
      <c r="AN38199">
        <v>21</v>
      </c>
      <c r="AO38199">
        <v>21</v>
      </c>
      <c r="AP38199">
        <v>22</v>
      </c>
      <c r="AQ38199">
        <v>22</v>
      </c>
    </row>
    <row r="38200" spans="1:43">
      <c r="A38200" t="s">
        <v>23695</v>
      </c>
      <c r="B38200" t="s">
        <v>23696</v>
      </c>
      <c r="C38200" t="s">
        <v>23691</v>
      </c>
      <c r="D38200" t="s">
        <v>23692</v>
      </c>
      <c r="E38200" t="s">
        <v>23649</v>
      </c>
      <c r="F38200" t="s">
        <v>23650</v>
      </c>
      <c r="G38200" t="s">
        <v>22539</v>
      </c>
      <c r="H38200" t="s">
        <v>22540</v>
      </c>
      <c r="I38200" s="2">
        <v>0</v>
      </c>
      <c r="J38200" s="2">
        <v>0</v>
      </c>
      <c r="K38200" s="2">
        <v>1</v>
      </c>
      <c r="L38200" t="s">
        <v>995</v>
      </c>
      <c r="M38200" t="s">
        <v>89</v>
      </c>
      <c r="N38200" t="s">
        <v>90</v>
      </c>
      <c r="O38200" t="s">
        <v>85</v>
      </c>
      <c r="P38200" t="s">
        <v>86</v>
      </c>
      <c r="Q38200">
        <v>17</v>
      </c>
      <c r="R38200">
        <v>17</v>
      </c>
      <c r="S38200">
        <v>17</v>
      </c>
      <c r="T38200">
        <v>18</v>
      </c>
      <c r="U38200">
        <v>18</v>
      </c>
      <c r="V38200">
        <v>19</v>
      </c>
      <c r="W38200">
        <v>19</v>
      </c>
      <c r="X38200">
        <v>20</v>
      </c>
      <c r="Y38200">
        <v>20</v>
      </c>
      <c r="Z38200">
        <v>21</v>
      </c>
      <c r="AA38200">
        <v>21</v>
      </c>
      <c r="AB38200">
        <v>21</v>
      </c>
      <c r="AC38200">
        <v>22</v>
      </c>
      <c r="AD38200">
        <v>22</v>
      </c>
      <c r="AE38200">
        <v>23</v>
      </c>
      <c r="AF38200">
        <v>23</v>
      </c>
      <c r="AG38200">
        <v>23</v>
      </c>
      <c r="AH38200">
        <v>23</v>
      </c>
      <c r="AI38200">
        <v>23</v>
      </c>
      <c r="AJ38200">
        <v>23</v>
      </c>
      <c r="AK38200">
        <v>23</v>
      </c>
      <c r="AL38200">
        <v>24</v>
      </c>
      <c r="AM38200">
        <v>24</v>
      </c>
      <c r="AN38200">
        <v>24</v>
      </c>
      <c r="AO38200">
        <v>24</v>
      </c>
      <c r="AP38200">
        <v>24</v>
      </c>
      <c r="AQ38200">
        <v>24</v>
      </c>
    </row>
    <row r="38201" spans="1:43">
      <c r="A38201" t="s">
        <v>23695</v>
      </c>
      <c r="B38201" t="s">
        <v>23696</v>
      </c>
      <c r="C38201" t="s">
        <v>23691</v>
      </c>
      <c r="D38201" t="s">
        <v>23692</v>
      </c>
      <c r="E38201" t="s">
        <v>23649</v>
      </c>
      <c r="F38201" t="s">
        <v>23650</v>
      </c>
      <c r="G38201" t="s">
        <v>22539</v>
      </c>
      <c r="H38201" t="s">
        <v>22540</v>
      </c>
      <c r="I38201" s="2">
        <v>0</v>
      </c>
      <c r="J38201" s="2">
        <v>0</v>
      </c>
      <c r="K38201" s="2">
        <v>1</v>
      </c>
      <c r="L38201" t="s">
        <v>995</v>
      </c>
      <c r="M38201" t="s">
        <v>83</v>
      </c>
      <c r="N38201" t="s">
        <v>91</v>
      </c>
      <c r="O38201" t="s">
        <v>85</v>
      </c>
      <c r="P38201" t="s">
        <v>86</v>
      </c>
      <c r="Q38201">
        <v>17</v>
      </c>
      <c r="R38201">
        <v>18</v>
      </c>
      <c r="S38201">
        <v>18</v>
      </c>
      <c r="T38201">
        <v>18</v>
      </c>
      <c r="U38201">
        <v>19</v>
      </c>
      <c r="V38201">
        <v>19</v>
      </c>
      <c r="W38201">
        <v>19</v>
      </c>
      <c r="X38201">
        <v>20</v>
      </c>
      <c r="Y38201">
        <v>20</v>
      </c>
      <c r="Z38201">
        <v>20</v>
      </c>
      <c r="AA38201">
        <v>21</v>
      </c>
      <c r="AB38201">
        <v>21</v>
      </c>
      <c r="AC38201">
        <v>21</v>
      </c>
      <c r="AD38201">
        <v>22</v>
      </c>
      <c r="AE38201">
        <v>22</v>
      </c>
      <c r="AF38201">
        <v>22</v>
      </c>
      <c r="AG38201">
        <v>23</v>
      </c>
      <c r="AH38201">
        <v>23</v>
      </c>
      <c r="AI38201">
        <v>23</v>
      </c>
      <c r="AJ38201">
        <v>24</v>
      </c>
      <c r="AK38201">
        <v>24</v>
      </c>
      <c r="AL38201">
        <v>24</v>
      </c>
      <c r="AM38201">
        <v>24</v>
      </c>
      <c r="AN38201">
        <v>25</v>
      </c>
      <c r="AO38201">
        <v>25</v>
      </c>
      <c r="AP38201">
        <v>25</v>
      </c>
      <c r="AQ38201">
        <v>25</v>
      </c>
    </row>
    <row r="38202" spans="1:43">
      <c r="A38202" t="s">
        <v>23697</v>
      </c>
      <c r="B38202" t="s">
        <v>23698</v>
      </c>
      <c r="C38202" t="s">
        <v>23699</v>
      </c>
      <c r="D38202" t="s">
        <v>23700</v>
      </c>
      <c r="E38202" t="s">
        <v>23649</v>
      </c>
      <c r="F38202" t="s">
        <v>23650</v>
      </c>
      <c r="G38202" t="s">
        <v>22539</v>
      </c>
      <c r="H38202" t="s">
        <v>22540</v>
      </c>
      <c r="I38202" s="2">
        <v>0</v>
      </c>
      <c r="J38202" s="2">
        <v>0</v>
      </c>
      <c r="K38202" s="2">
        <v>0.94</v>
      </c>
      <c r="L38202" t="s">
        <v>995</v>
      </c>
      <c r="M38202" t="s">
        <v>83</v>
      </c>
      <c r="N38202" t="s">
        <v>84</v>
      </c>
      <c r="O38202" t="s">
        <v>85</v>
      </c>
      <c r="P38202" t="s">
        <v>86</v>
      </c>
      <c r="Q38202">
        <v>22</v>
      </c>
      <c r="R38202">
        <v>23</v>
      </c>
      <c r="S38202">
        <v>23</v>
      </c>
      <c r="T38202">
        <v>24</v>
      </c>
      <c r="U38202">
        <v>24</v>
      </c>
      <c r="V38202">
        <v>24</v>
      </c>
      <c r="W38202">
        <v>25</v>
      </c>
      <c r="X38202">
        <v>25</v>
      </c>
      <c r="Y38202">
        <v>25</v>
      </c>
      <c r="Z38202">
        <v>26</v>
      </c>
      <c r="AA38202">
        <v>26</v>
      </c>
      <c r="AB38202">
        <v>26</v>
      </c>
      <c r="AC38202">
        <v>27</v>
      </c>
      <c r="AD38202">
        <v>27</v>
      </c>
      <c r="AE38202">
        <v>27</v>
      </c>
      <c r="AF38202">
        <v>28</v>
      </c>
      <c r="AG38202">
        <v>28</v>
      </c>
      <c r="AH38202">
        <v>28</v>
      </c>
      <c r="AI38202">
        <v>29</v>
      </c>
      <c r="AJ38202">
        <v>29</v>
      </c>
      <c r="AK38202">
        <v>29</v>
      </c>
      <c r="AL38202">
        <v>30</v>
      </c>
      <c r="AM38202">
        <v>30</v>
      </c>
      <c r="AN38202">
        <v>30</v>
      </c>
      <c r="AO38202">
        <v>30</v>
      </c>
      <c r="AP38202">
        <v>30</v>
      </c>
      <c r="AQ38202">
        <v>30</v>
      </c>
    </row>
    <row r="38203" spans="1:43">
      <c r="A38203" t="s">
        <v>23697</v>
      </c>
      <c r="B38203" t="s">
        <v>23698</v>
      </c>
      <c r="C38203" t="s">
        <v>23699</v>
      </c>
      <c r="D38203" t="s">
        <v>23700</v>
      </c>
      <c r="E38203" t="s">
        <v>23649</v>
      </c>
      <c r="F38203" t="s">
        <v>23650</v>
      </c>
      <c r="G38203" t="s">
        <v>22539</v>
      </c>
      <c r="H38203" t="s">
        <v>22540</v>
      </c>
      <c r="I38203" s="2">
        <v>0</v>
      </c>
      <c r="J38203" s="2">
        <v>0</v>
      </c>
      <c r="K38203" s="2">
        <v>0.94</v>
      </c>
      <c r="L38203" t="s">
        <v>995</v>
      </c>
      <c r="M38203" t="s">
        <v>87</v>
      </c>
      <c r="N38203" t="s">
        <v>88</v>
      </c>
      <c r="O38203" t="s">
        <v>85</v>
      </c>
      <c r="P38203" t="s">
        <v>86</v>
      </c>
      <c r="Q38203">
        <v>22</v>
      </c>
      <c r="R38203">
        <v>22</v>
      </c>
      <c r="S38203">
        <v>23</v>
      </c>
      <c r="T38203">
        <v>23</v>
      </c>
      <c r="U38203">
        <v>23</v>
      </c>
      <c r="V38203">
        <v>23</v>
      </c>
      <c r="W38203">
        <v>23</v>
      </c>
      <c r="X38203">
        <v>23</v>
      </c>
      <c r="Y38203">
        <v>23</v>
      </c>
      <c r="Z38203">
        <v>24</v>
      </c>
      <c r="AA38203">
        <v>24</v>
      </c>
      <c r="AB38203">
        <v>24</v>
      </c>
      <c r="AC38203">
        <v>24</v>
      </c>
      <c r="AD38203">
        <v>24</v>
      </c>
      <c r="AE38203">
        <v>24</v>
      </c>
      <c r="AF38203">
        <v>24</v>
      </c>
      <c r="AG38203">
        <v>25</v>
      </c>
      <c r="AH38203">
        <v>25</v>
      </c>
      <c r="AI38203">
        <v>25</v>
      </c>
      <c r="AJ38203">
        <v>25</v>
      </c>
      <c r="AK38203">
        <v>25</v>
      </c>
      <c r="AL38203">
        <v>25</v>
      </c>
      <c r="AM38203">
        <v>25</v>
      </c>
      <c r="AN38203">
        <v>26</v>
      </c>
      <c r="AO38203">
        <v>26</v>
      </c>
      <c r="AP38203">
        <v>26</v>
      </c>
      <c r="AQ38203">
        <v>26</v>
      </c>
    </row>
    <row r="38204" spans="1:43">
      <c r="A38204" t="s">
        <v>23697</v>
      </c>
      <c r="B38204" t="s">
        <v>23698</v>
      </c>
      <c r="C38204" t="s">
        <v>23699</v>
      </c>
      <c r="D38204" t="s">
        <v>23700</v>
      </c>
      <c r="E38204" t="s">
        <v>23649</v>
      </c>
      <c r="F38204" t="s">
        <v>23650</v>
      </c>
      <c r="G38204" t="s">
        <v>22539</v>
      </c>
      <c r="H38204" t="s">
        <v>22540</v>
      </c>
      <c r="I38204" s="2">
        <v>0</v>
      </c>
      <c r="J38204" s="2">
        <v>0</v>
      </c>
      <c r="K38204" s="2">
        <v>0.94</v>
      </c>
      <c r="L38204" t="s">
        <v>995</v>
      </c>
      <c r="M38204" t="s">
        <v>89</v>
      </c>
      <c r="N38204" t="s">
        <v>90</v>
      </c>
      <c r="O38204" t="s">
        <v>85</v>
      </c>
      <c r="P38204" t="s">
        <v>86</v>
      </c>
      <c r="Q38204">
        <v>22</v>
      </c>
      <c r="R38204">
        <v>22</v>
      </c>
      <c r="S38204">
        <v>23</v>
      </c>
      <c r="T38204">
        <v>23</v>
      </c>
      <c r="U38204">
        <v>24</v>
      </c>
      <c r="V38204">
        <v>24</v>
      </c>
      <c r="W38204">
        <v>25</v>
      </c>
      <c r="X38204">
        <v>25</v>
      </c>
      <c r="Y38204">
        <v>26</v>
      </c>
      <c r="Z38204">
        <v>26</v>
      </c>
      <c r="AA38204">
        <v>27</v>
      </c>
      <c r="AB38204">
        <v>27</v>
      </c>
      <c r="AC38204">
        <v>28</v>
      </c>
      <c r="AD38204">
        <v>28</v>
      </c>
      <c r="AE38204">
        <v>28</v>
      </c>
      <c r="AF38204">
        <v>28</v>
      </c>
      <c r="AG38204">
        <v>28</v>
      </c>
      <c r="AH38204">
        <v>28</v>
      </c>
      <c r="AI38204">
        <v>29</v>
      </c>
      <c r="AJ38204">
        <v>29</v>
      </c>
      <c r="AK38204">
        <v>29</v>
      </c>
      <c r="AL38204">
        <v>29</v>
      </c>
      <c r="AM38204">
        <v>29</v>
      </c>
      <c r="AN38204">
        <v>29</v>
      </c>
      <c r="AO38204">
        <v>29</v>
      </c>
      <c r="AP38204">
        <v>29</v>
      </c>
      <c r="AQ38204">
        <v>29</v>
      </c>
    </row>
    <row r="38205" spans="1:43">
      <c r="A38205" t="s">
        <v>23697</v>
      </c>
      <c r="B38205" t="s">
        <v>23698</v>
      </c>
      <c r="C38205" t="s">
        <v>23699</v>
      </c>
      <c r="D38205" t="s">
        <v>23700</v>
      </c>
      <c r="E38205" t="s">
        <v>23649</v>
      </c>
      <c r="F38205" t="s">
        <v>23650</v>
      </c>
      <c r="G38205" t="s">
        <v>22539</v>
      </c>
      <c r="H38205" t="s">
        <v>22540</v>
      </c>
      <c r="I38205" s="2">
        <v>0</v>
      </c>
      <c r="J38205" s="2">
        <v>0</v>
      </c>
      <c r="K38205" s="2">
        <v>0.94</v>
      </c>
      <c r="L38205" t="s">
        <v>995</v>
      </c>
      <c r="M38205" t="s">
        <v>83</v>
      </c>
      <c r="N38205" t="s">
        <v>91</v>
      </c>
      <c r="O38205" t="s">
        <v>85</v>
      </c>
      <c r="P38205" t="s">
        <v>86</v>
      </c>
      <c r="Q38205">
        <v>22</v>
      </c>
      <c r="R38205">
        <v>23</v>
      </c>
      <c r="S38205">
        <v>23</v>
      </c>
      <c r="T38205">
        <v>24</v>
      </c>
      <c r="U38205">
        <v>24</v>
      </c>
      <c r="V38205">
        <v>24</v>
      </c>
      <c r="W38205">
        <v>25</v>
      </c>
      <c r="X38205">
        <v>25</v>
      </c>
      <c r="Y38205">
        <v>25</v>
      </c>
      <c r="Z38205">
        <v>26</v>
      </c>
      <c r="AA38205">
        <v>26</v>
      </c>
      <c r="AB38205">
        <v>26</v>
      </c>
      <c r="AC38205">
        <v>27</v>
      </c>
      <c r="AD38205">
        <v>27</v>
      </c>
      <c r="AE38205">
        <v>27</v>
      </c>
      <c r="AF38205">
        <v>28</v>
      </c>
      <c r="AG38205">
        <v>28</v>
      </c>
      <c r="AH38205">
        <v>28</v>
      </c>
      <c r="AI38205">
        <v>29</v>
      </c>
      <c r="AJ38205">
        <v>29</v>
      </c>
      <c r="AK38205">
        <v>29</v>
      </c>
      <c r="AL38205">
        <v>30</v>
      </c>
      <c r="AM38205">
        <v>30</v>
      </c>
      <c r="AN38205">
        <v>30</v>
      </c>
      <c r="AO38205">
        <v>30</v>
      </c>
      <c r="AP38205">
        <v>30</v>
      </c>
      <c r="AQ38205">
        <v>30</v>
      </c>
    </row>
    <row r="38206" spans="1:43">
      <c r="A38206" t="s">
        <v>23701</v>
      </c>
      <c r="B38206" t="s">
        <v>23702</v>
      </c>
      <c r="C38206" t="s">
        <v>23699</v>
      </c>
      <c r="D38206" t="s">
        <v>23700</v>
      </c>
      <c r="E38206" t="s">
        <v>23649</v>
      </c>
      <c r="F38206" t="s">
        <v>23650</v>
      </c>
      <c r="G38206" t="s">
        <v>22539</v>
      </c>
      <c r="H38206" t="s">
        <v>22540</v>
      </c>
      <c r="I38206" s="2">
        <v>0</v>
      </c>
      <c r="J38206" s="2">
        <v>0</v>
      </c>
      <c r="K38206" s="2">
        <v>1</v>
      </c>
      <c r="L38206" t="s">
        <v>995</v>
      </c>
      <c r="M38206" t="s">
        <v>83</v>
      </c>
      <c r="N38206" t="s">
        <v>84</v>
      </c>
      <c r="O38206" t="s">
        <v>85</v>
      </c>
      <c r="P38206" t="s">
        <v>86</v>
      </c>
      <c r="Q38206">
        <v>18</v>
      </c>
      <c r="R38206">
        <v>19</v>
      </c>
      <c r="S38206">
        <v>19</v>
      </c>
      <c r="T38206">
        <v>19</v>
      </c>
      <c r="U38206">
        <v>20</v>
      </c>
      <c r="V38206">
        <v>20</v>
      </c>
      <c r="W38206">
        <v>20</v>
      </c>
      <c r="X38206">
        <v>21</v>
      </c>
      <c r="Y38206">
        <v>21</v>
      </c>
      <c r="Z38206">
        <v>21</v>
      </c>
      <c r="AA38206">
        <v>22</v>
      </c>
      <c r="AB38206">
        <v>22</v>
      </c>
      <c r="AC38206">
        <v>22</v>
      </c>
      <c r="AD38206">
        <v>23</v>
      </c>
      <c r="AE38206">
        <v>23</v>
      </c>
      <c r="AF38206">
        <v>23</v>
      </c>
      <c r="AG38206">
        <v>24</v>
      </c>
      <c r="AH38206">
        <v>24</v>
      </c>
      <c r="AI38206">
        <v>24</v>
      </c>
      <c r="AJ38206">
        <v>25</v>
      </c>
      <c r="AK38206">
        <v>25</v>
      </c>
      <c r="AL38206">
        <v>25</v>
      </c>
      <c r="AM38206">
        <v>25</v>
      </c>
      <c r="AN38206">
        <v>26</v>
      </c>
      <c r="AO38206">
        <v>26</v>
      </c>
      <c r="AP38206">
        <v>26</v>
      </c>
      <c r="AQ38206">
        <v>26</v>
      </c>
    </row>
    <row r="38207" spans="1:43">
      <c r="A38207" t="s">
        <v>23701</v>
      </c>
      <c r="B38207" t="s">
        <v>23702</v>
      </c>
      <c r="C38207" t="s">
        <v>23699</v>
      </c>
      <c r="D38207" t="s">
        <v>23700</v>
      </c>
      <c r="E38207" t="s">
        <v>23649</v>
      </c>
      <c r="F38207" t="s">
        <v>23650</v>
      </c>
      <c r="G38207" t="s">
        <v>22539</v>
      </c>
      <c r="H38207" t="s">
        <v>22540</v>
      </c>
      <c r="I38207" s="2">
        <v>0</v>
      </c>
      <c r="J38207" s="2">
        <v>0</v>
      </c>
      <c r="K38207" s="2">
        <v>1</v>
      </c>
      <c r="L38207" t="s">
        <v>995</v>
      </c>
      <c r="M38207" t="s">
        <v>87</v>
      </c>
      <c r="N38207" t="s">
        <v>88</v>
      </c>
      <c r="O38207" t="s">
        <v>85</v>
      </c>
      <c r="P38207" t="s">
        <v>86</v>
      </c>
      <c r="Q38207">
        <v>18</v>
      </c>
      <c r="R38207">
        <v>18</v>
      </c>
      <c r="S38207">
        <v>18</v>
      </c>
      <c r="T38207">
        <v>19</v>
      </c>
      <c r="U38207">
        <v>19</v>
      </c>
      <c r="V38207">
        <v>19</v>
      </c>
      <c r="W38207">
        <v>19</v>
      </c>
      <c r="X38207">
        <v>19</v>
      </c>
      <c r="Y38207">
        <v>19</v>
      </c>
      <c r="Z38207">
        <v>20</v>
      </c>
      <c r="AA38207">
        <v>20</v>
      </c>
      <c r="AB38207">
        <v>20</v>
      </c>
      <c r="AC38207">
        <v>20</v>
      </c>
      <c r="AD38207">
        <v>20</v>
      </c>
      <c r="AE38207">
        <v>20</v>
      </c>
      <c r="AF38207">
        <v>21</v>
      </c>
      <c r="AG38207">
        <v>21</v>
      </c>
      <c r="AH38207">
        <v>21</v>
      </c>
      <c r="AI38207">
        <v>21</v>
      </c>
      <c r="AJ38207">
        <v>21</v>
      </c>
      <c r="AK38207">
        <v>21</v>
      </c>
      <c r="AL38207">
        <v>22</v>
      </c>
      <c r="AM38207">
        <v>22</v>
      </c>
      <c r="AN38207">
        <v>22</v>
      </c>
      <c r="AO38207">
        <v>22</v>
      </c>
      <c r="AP38207">
        <v>22</v>
      </c>
      <c r="AQ38207">
        <v>23</v>
      </c>
    </row>
    <row r="38208" spans="1:43">
      <c r="A38208" t="s">
        <v>23701</v>
      </c>
      <c r="B38208" t="s">
        <v>23702</v>
      </c>
      <c r="C38208" t="s">
        <v>23699</v>
      </c>
      <c r="D38208" t="s">
        <v>23700</v>
      </c>
      <c r="E38208" t="s">
        <v>23649</v>
      </c>
      <c r="F38208" t="s">
        <v>23650</v>
      </c>
      <c r="G38208" t="s">
        <v>22539</v>
      </c>
      <c r="H38208" t="s">
        <v>22540</v>
      </c>
      <c r="I38208" s="2">
        <v>0</v>
      </c>
      <c r="J38208" s="2">
        <v>0</v>
      </c>
      <c r="K38208" s="2">
        <v>1</v>
      </c>
      <c r="L38208" t="s">
        <v>995</v>
      </c>
      <c r="M38208" t="s">
        <v>89</v>
      </c>
      <c r="N38208" t="s">
        <v>90</v>
      </c>
      <c r="O38208" t="s">
        <v>85</v>
      </c>
      <c r="P38208" t="s">
        <v>86</v>
      </c>
      <c r="Q38208">
        <v>18</v>
      </c>
      <c r="R38208">
        <v>19</v>
      </c>
      <c r="S38208">
        <v>19</v>
      </c>
      <c r="T38208">
        <v>20</v>
      </c>
      <c r="U38208">
        <v>20</v>
      </c>
      <c r="V38208">
        <v>21</v>
      </c>
      <c r="W38208">
        <v>21</v>
      </c>
      <c r="X38208">
        <v>22</v>
      </c>
      <c r="Y38208">
        <v>22</v>
      </c>
      <c r="Z38208">
        <v>23</v>
      </c>
      <c r="AA38208">
        <v>23</v>
      </c>
      <c r="AB38208">
        <v>23</v>
      </c>
      <c r="AC38208">
        <v>24</v>
      </c>
      <c r="AD38208">
        <v>24</v>
      </c>
      <c r="AE38208">
        <v>25</v>
      </c>
      <c r="AF38208">
        <v>25</v>
      </c>
      <c r="AG38208">
        <v>25</v>
      </c>
      <c r="AH38208">
        <v>25</v>
      </c>
      <c r="AI38208">
        <v>25</v>
      </c>
      <c r="AJ38208">
        <v>25</v>
      </c>
      <c r="AK38208">
        <v>25</v>
      </c>
      <c r="AL38208">
        <v>26</v>
      </c>
      <c r="AM38208">
        <v>26</v>
      </c>
      <c r="AN38208">
        <v>26</v>
      </c>
      <c r="AO38208">
        <v>26</v>
      </c>
      <c r="AP38208">
        <v>26</v>
      </c>
      <c r="AQ38208">
        <v>26</v>
      </c>
    </row>
    <row r="38209" spans="1:43">
      <c r="A38209" t="s">
        <v>23701</v>
      </c>
      <c r="B38209" t="s">
        <v>23702</v>
      </c>
      <c r="C38209" t="s">
        <v>23699</v>
      </c>
      <c r="D38209" t="s">
        <v>23700</v>
      </c>
      <c r="E38209" t="s">
        <v>23649</v>
      </c>
      <c r="F38209" t="s">
        <v>23650</v>
      </c>
      <c r="G38209" t="s">
        <v>22539</v>
      </c>
      <c r="H38209" t="s">
        <v>22540</v>
      </c>
      <c r="I38209" s="2">
        <v>0</v>
      </c>
      <c r="J38209" s="2">
        <v>0</v>
      </c>
      <c r="K38209" s="2">
        <v>1</v>
      </c>
      <c r="L38209" t="s">
        <v>995</v>
      </c>
      <c r="M38209" t="s">
        <v>83</v>
      </c>
      <c r="N38209" t="s">
        <v>91</v>
      </c>
      <c r="O38209" t="s">
        <v>85</v>
      </c>
      <c r="P38209" t="s">
        <v>86</v>
      </c>
      <c r="Q38209">
        <v>18</v>
      </c>
      <c r="R38209">
        <v>19</v>
      </c>
      <c r="S38209">
        <v>19</v>
      </c>
      <c r="T38209">
        <v>19</v>
      </c>
      <c r="U38209">
        <v>20</v>
      </c>
      <c r="V38209">
        <v>20</v>
      </c>
      <c r="W38209">
        <v>20</v>
      </c>
      <c r="X38209">
        <v>21</v>
      </c>
      <c r="Y38209">
        <v>21</v>
      </c>
      <c r="Z38209">
        <v>21</v>
      </c>
      <c r="AA38209">
        <v>22</v>
      </c>
      <c r="AB38209">
        <v>22</v>
      </c>
      <c r="AC38209">
        <v>22</v>
      </c>
      <c r="AD38209">
        <v>23</v>
      </c>
      <c r="AE38209">
        <v>23</v>
      </c>
      <c r="AF38209">
        <v>23</v>
      </c>
      <c r="AG38209">
        <v>24</v>
      </c>
      <c r="AH38209">
        <v>24</v>
      </c>
      <c r="AI38209">
        <v>24</v>
      </c>
      <c r="AJ38209">
        <v>25</v>
      </c>
      <c r="AK38209">
        <v>25</v>
      </c>
      <c r="AL38209">
        <v>25</v>
      </c>
      <c r="AM38209">
        <v>25</v>
      </c>
      <c r="AN38209">
        <v>26</v>
      </c>
      <c r="AO38209">
        <v>26</v>
      </c>
      <c r="AP38209">
        <v>26</v>
      </c>
      <c r="AQ38209">
        <v>26</v>
      </c>
    </row>
    <row r="38210" spans="1:43">
      <c r="A38210" t="s">
        <v>23703</v>
      </c>
      <c r="B38210" t="s">
        <v>23704</v>
      </c>
      <c r="C38210" t="s">
        <v>23699</v>
      </c>
      <c r="D38210" t="s">
        <v>23700</v>
      </c>
      <c r="E38210" t="s">
        <v>23649</v>
      </c>
      <c r="F38210" t="s">
        <v>23650</v>
      </c>
      <c r="G38210" t="s">
        <v>22539</v>
      </c>
      <c r="H38210" t="s">
        <v>22540</v>
      </c>
      <c r="I38210" s="2">
        <v>0</v>
      </c>
      <c r="J38210" s="2">
        <v>0</v>
      </c>
      <c r="K38210" s="2">
        <v>0.99</v>
      </c>
      <c r="L38210" t="s">
        <v>995</v>
      </c>
      <c r="M38210" t="s">
        <v>83</v>
      </c>
      <c r="N38210" t="s">
        <v>84</v>
      </c>
      <c r="O38210" t="s">
        <v>85</v>
      </c>
      <c r="P38210" t="s">
        <v>86</v>
      </c>
      <c r="Q38210">
        <v>21</v>
      </c>
      <c r="R38210">
        <v>21</v>
      </c>
      <c r="S38210">
        <v>21</v>
      </c>
      <c r="T38210">
        <v>22</v>
      </c>
      <c r="U38210">
        <v>22</v>
      </c>
      <c r="V38210">
        <v>23</v>
      </c>
      <c r="W38210">
        <v>23</v>
      </c>
      <c r="X38210">
        <v>23</v>
      </c>
      <c r="Y38210">
        <v>24</v>
      </c>
      <c r="Z38210">
        <v>24</v>
      </c>
      <c r="AA38210">
        <v>24</v>
      </c>
      <c r="AB38210">
        <v>25</v>
      </c>
      <c r="AC38210">
        <v>25</v>
      </c>
      <c r="AD38210">
        <v>26</v>
      </c>
      <c r="AE38210">
        <v>26</v>
      </c>
      <c r="AF38210">
        <v>26</v>
      </c>
      <c r="AG38210">
        <v>27</v>
      </c>
      <c r="AH38210">
        <v>27</v>
      </c>
      <c r="AI38210">
        <v>27</v>
      </c>
      <c r="AJ38210">
        <v>28</v>
      </c>
      <c r="AK38210">
        <v>28</v>
      </c>
      <c r="AL38210">
        <v>28</v>
      </c>
      <c r="AM38210">
        <v>29</v>
      </c>
      <c r="AN38210">
        <v>29</v>
      </c>
      <c r="AO38210">
        <v>29</v>
      </c>
      <c r="AP38210">
        <v>29</v>
      </c>
      <c r="AQ38210">
        <v>29</v>
      </c>
    </row>
    <row r="38211" spans="1:43">
      <c r="A38211" t="s">
        <v>23703</v>
      </c>
      <c r="B38211" t="s">
        <v>23704</v>
      </c>
      <c r="C38211" t="s">
        <v>23699</v>
      </c>
      <c r="D38211" t="s">
        <v>23700</v>
      </c>
      <c r="E38211" t="s">
        <v>23649</v>
      </c>
      <c r="F38211" t="s">
        <v>23650</v>
      </c>
      <c r="G38211" t="s">
        <v>22539</v>
      </c>
      <c r="H38211" t="s">
        <v>22540</v>
      </c>
      <c r="I38211" s="2">
        <v>0</v>
      </c>
      <c r="J38211" s="2">
        <v>0</v>
      </c>
      <c r="K38211" s="2">
        <v>0.99</v>
      </c>
      <c r="L38211" t="s">
        <v>995</v>
      </c>
      <c r="M38211" t="s">
        <v>87</v>
      </c>
      <c r="N38211" t="s">
        <v>88</v>
      </c>
      <c r="O38211" t="s">
        <v>85</v>
      </c>
      <c r="P38211" t="s">
        <v>86</v>
      </c>
      <c r="Q38211">
        <v>21</v>
      </c>
      <c r="R38211">
        <v>21</v>
      </c>
      <c r="S38211">
        <v>21</v>
      </c>
      <c r="T38211">
        <v>21</v>
      </c>
      <c r="U38211">
        <v>21</v>
      </c>
      <c r="V38211">
        <v>21</v>
      </c>
      <c r="W38211">
        <v>22</v>
      </c>
      <c r="X38211">
        <v>22</v>
      </c>
      <c r="Y38211">
        <v>22</v>
      </c>
      <c r="Z38211">
        <v>22</v>
      </c>
      <c r="AA38211">
        <v>22</v>
      </c>
      <c r="AB38211">
        <v>22</v>
      </c>
      <c r="AC38211">
        <v>23</v>
      </c>
      <c r="AD38211">
        <v>23</v>
      </c>
      <c r="AE38211">
        <v>23</v>
      </c>
      <c r="AF38211">
        <v>23</v>
      </c>
      <c r="AG38211">
        <v>23</v>
      </c>
      <c r="AH38211">
        <v>24</v>
      </c>
      <c r="AI38211">
        <v>24</v>
      </c>
      <c r="AJ38211">
        <v>24</v>
      </c>
      <c r="AK38211">
        <v>24</v>
      </c>
      <c r="AL38211">
        <v>24</v>
      </c>
      <c r="AM38211">
        <v>25</v>
      </c>
      <c r="AN38211">
        <v>25</v>
      </c>
      <c r="AO38211">
        <v>25</v>
      </c>
      <c r="AP38211">
        <v>25</v>
      </c>
      <c r="AQ38211">
        <v>25</v>
      </c>
    </row>
    <row r="38212" spans="1:43">
      <c r="A38212" t="s">
        <v>23703</v>
      </c>
      <c r="B38212" t="s">
        <v>23704</v>
      </c>
      <c r="C38212" t="s">
        <v>23699</v>
      </c>
      <c r="D38212" t="s">
        <v>23700</v>
      </c>
      <c r="E38212" t="s">
        <v>23649</v>
      </c>
      <c r="F38212" t="s">
        <v>23650</v>
      </c>
      <c r="G38212" t="s">
        <v>22539</v>
      </c>
      <c r="H38212" t="s">
        <v>22540</v>
      </c>
      <c r="I38212" s="2">
        <v>0</v>
      </c>
      <c r="J38212" s="2">
        <v>0</v>
      </c>
      <c r="K38212" s="2">
        <v>0.99</v>
      </c>
      <c r="L38212" t="s">
        <v>995</v>
      </c>
      <c r="M38212" t="s">
        <v>89</v>
      </c>
      <c r="N38212" t="s">
        <v>90</v>
      </c>
      <c r="O38212" t="s">
        <v>85</v>
      </c>
      <c r="P38212" t="s">
        <v>86</v>
      </c>
      <c r="Q38212">
        <v>21</v>
      </c>
      <c r="R38212">
        <v>22</v>
      </c>
      <c r="S38212">
        <v>22</v>
      </c>
      <c r="T38212">
        <v>23</v>
      </c>
      <c r="U38212">
        <v>23</v>
      </c>
      <c r="V38212">
        <v>24</v>
      </c>
      <c r="W38212">
        <v>24</v>
      </c>
      <c r="X38212">
        <v>25</v>
      </c>
      <c r="Y38212">
        <v>25</v>
      </c>
      <c r="Z38212">
        <v>26</v>
      </c>
      <c r="AA38212">
        <v>26</v>
      </c>
      <c r="AB38212">
        <v>26</v>
      </c>
      <c r="AC38212">
        <v>27</v>
      </c>
      <c r="AD38212">
        <v>27</v>
      </c>
      <c r="AE38212">
        <v>28</v>
      </c>
      <c r="AF38212">
        <v>28</v>
      </c>
      <c r="AG38212">
        <v>28</v>
      </c>
      <c r="AH38212">
        <v>28</v>
      </c>
      <c r="AI38212">
        <v>28</v>
      </c>
      <c r="AJ38212">
        <v>28</v>
      </c>
      <c r="AK38212">
        <v>29</v>
      </c>
      <c r="AL38212">
        <v>29</v>
      </c>
      <c r="AM38212">
        <v>29</v>
      </c>
      <c r="AN38212">
        <v>29</v>
      </c>
      <c r="AO38212">
        <v>29</v>
      </c>
      <c r="AP38212">
        <v>29</v>
      </c>
      <c r="AQ38212">
        <v>29</v>
      </c>
    </row>
    <row r="38213" spans="1:43">
      <c r="A38213" t="s">
        <v>23703</v>
      </c>
      <c r="B38213" t="s">
        <v>23704</v>
      </c>
      <c r="C38213" t="s">
        <v>23699</v>
      </c>
      <c r="D38213" t="s">
        <v>23700</v>
      </c>
      <c r="E38213" t="s">
        <v>23649</v>
      </c>
      <c r="F38213" t="s">
        <v>23650</v>
      </c>
      <c r="G38213" t="s">
        <v>22539</v>
      </c>
      <c r="H38213" t="s">
        <v>22540</v>
      </c>
      <c r="I38213" s="2">
        <v>0</v>
      </c>
      <c r="J38213" s="2">
        <v>0</v>
      </c>
      <c r="K38213" s="2">
        <v>0.99</v>
      </c>
      <c r="L38213" t="s">
        <v>995</v>
      </c>
      <c r="M38213" t="s">
        <v>83</v>
      </c>
      <c r="N38213" t="s">
        <v>91</v>
      </c>
      <c r="O38213" t="s">
        <v>85</v>
      </c>
      <c r="P38213" t="s">
        <v>86</v>
      </c>
      <c r="Q38213">
        <v>21</v>
      </c>
      <c r="R38213">
        <v>21</v>
      </c>
      <c r="S38213">
        <v>21</v>
      </c>
      <c r="T38213">
        <v>22</v>
      </c>
      <c r="U38213">
        <v>22</v>
      </c>
      <c r="V38213">
        <v>23</v>
      </c>
      <c r="W38213">
        <v>23</v>
      </c>
      <c r="X38213">
        <v>23</v>
      </c>
      <c r="Y38213">
        <v>24</v>
      </c>
      <c r="Z38213">
        <v>24</v>
      </c>
      <c r="AA38213">
        <v>24</v>
      </c>
      <c r="AB38213">
        <v>25</v>
      </c>
      <c r="AC38213">
        <v>25</v>
      </c>
      <c r="AD38213">
        <v>26</v>
      </c>
      <c r="AE38213">
        <v>26</v>
      </c>
      <c r="AF38213">
        <v>26</v>
      </c>
      <c r="AG38213">
        <v>27</v>
      </c>
      <c r="AH38213">
        <v>27</v>
      </c>
      <c r="AI38213">
        <v>27</v>
      </c>
      <c r="AJ38213">
        <v>28</v>
      </c>
      <c r="AK38213">
        <v>28</v>
      </c>
      <c r="AL38213">
        <v>28</v>
      </c>
      <c r="AM38213">
        <v>29</v>
      </c>
      <c r="AN38213">
        <v>29</v>
      </c>
      <c r="AO38213">
        <v>29</v>
      </c>
      <c r="AP38213">
        <v>29</v>
      </c>
      <c r="AQ38213">
        <v>29</v>
      </c>
    </row>
    <row r="38214" spans="1:43">
      <c r="A38214" t="s">
        <v>23705</v>
      </c>
      <c r="B38214" t="s">
        <v>23706</v>
      </c>
      <c r="C38214" t="s">
        <v>23699</v>
      </c>
      <c r="D38214" t="s">
        <v>23700</v>
      </c>
      <c r="E38214" t="s">
        <v>23649</v>
      </c>
      <c r="F38214" t="s">
        <v>23650</v>
      </c>
      <c r="G38214" t="s">
        <v>22539</v>
      </c>
      <c r="H38214" t="s">
        <v>22540</v>
      </c>
      <c r="I38214" s="2">
        <v>0</v>
      </c>
      <c r="J38214" s="2">
        <v>0</v>
      </c>
      <c r="K38214" s="2">
        <v>1</v>
      </c>
      <c r="L38214" t="s">
        <v>995</v>
      </c>
      <c r="M38214" t="s">
        <v>83</v>
      </c>
      <c r="N38214" t="s">
        <v>84</v>
      </c>
      <c r="O38214" t="s">
        <v>85</v>
      </c>
      <c r="P38214" t="s">
        <v>86</v>
      </c>
      <c r="Q38214">
        <v>35</v>
      </c>
      <c r="R38214">
        <v>35</v>
      </c>
      <c r="S38214">
        <v>36</v>
      </c>
      <c r="T38214">
        <v>37</v>
      </c>
      <c r="U38214">
        <v>37</v>
      </c>
      <c r="V38214">
        <v>38</v>
      </c>
      <c r="W38214">
        <v>38</v>
      </c>
      <c r="X38214">
        <v>39</v>
      </c>
      <c r="Y38214">
        <v>40</v>
      </c>
      <c r="Z38214">
        <v>40</v>
      </c>
      <c r="AA38214">
        <v>41</v>
      </c>
      <c r="AB38214">
        <v>42</v>
      </c>
      <c r="AC38214">
        <v>42</v>
      </c>
      <c r="AD38214">
        <v>43</v>
      </c>
      <c r="AE38214">
        <v>43</v>
      </c>
      <c r="AF38214">
        <v>44</v>
      </c>
      <c r="AG38214">
        <v>45</v>
      </c>
      <c r="AH38214">
        <v>45</v>
      </c>
      <c r="AI38214">
        <v>46</v>
      </c>
      <c r="AJ38214">
        <v>46</v>
      </c>
      <c r="AK38214">
        <v>47</v>
      </c>
      <c r="AL38214">
        <v>47</v>
      </c>
      <c r="AM38214">
        <v>48</v>
      </c>
      <c r="AN38214">
        <v>48</v>
      </c>
      <c r="AO38214">
        <v>48</v>
      </c>
      <c r="AP38214">
        <v>48</v>
      </c>
      <c r="AQ38214">
        <v>48</v>
      </c>
    </row>
    <row r="38215" spans="1:43">
      <c r="A38215" t="s">
        <v>23705</v>
      </c>
      <c r="B38215" t="s">
        <v>23706</v>
      </c>
      <c r="C38215" t="s">
        <v>23699</v>
      </c>
      <c r="D38215" t="s">
        <v>23700</v>
      </c>
      <c r="E38215" t="s">
        <v>23649</v>
      </c>
      <c r="F38215" t="s">
        <v>23650</v>
      </c>
      <c r="G38215" t="s">
        <v>22539</v>
      </c>
      <c r="H38215" t="s">
        <v>22540</v>
      </c>
      <c r="I38215" s="2">
        <v>0</v>
      </c>
      <c r="J38215" s="2">
        <v>0</v>
      </c>
      <c r="K38215" s="2">
        <v>1</v>
      </c>
      <c r="L38215" t="s">
        <v>995</v>
      </c>
      <c r="M38215" t="s">
        <v>87</v>
      </c>
      <c r="N38215" t="s">
        <v>88</v>
      </c>
      <c r="O38215" t="s">
        <v>85</v>
      </c>
      <c r="P38215" t="s">
        <v>86</v>
      </c>
      <c r="Q38215">
        <v>35</v>
      </c>
      <c r="R38215">
        <v>36</v>
      </c>
      <c r="S38215">
        <v>36</v>
      </c>
      <c r="T38215">
        <v>36</v>
      </c>
      <c r="U38215">
        <v>37</v>
      </c>
      <c r="V38215">
        <v>37</v>
      </c>
      <c r="W38215">
        <v>37</v>
      </c>
      <c r="X38215">
        <v>37</v>
      </c>
      <c r="Y38215">
        <v>38</v>
      </c>
      <c r="Z38215">
        <v>38</v>
      </c>
      <c r="AA38215">
        <v>38</v>
      </c>
      <c r="AB38215">
        <v>39</v>
      </c>
      <c r="AC38215">
        <v>39</v>
      </c>
      <c r="AD38215">
        <v>39</v>
      </c>
      <c r="AE38215">
        <v>39</v>
      </c>
      <c r="AF38215">
        <v>40</v>
      </c>
      <c r="AG38215">
        <v>40</v>
      </c>
      <c r="AH38215">
        <v>40</v>
      </c>
      <c r="AI38215">
        <v>41</v>
      </c>
      <c r="AJ38215">
        <v>41</v>
      </c>
      <c r="AK38215">
        <v>41</v>
      </c>
      <c r="AL38215">
        <v>42</v>
      </c>
      <c r="AM38215">
        <v>42</v>
      </c>
      <c r="AN38215">
        <v>42</v>
      </c>
      <c r="AO38215">
        <v>43</v>
      </c>
      <c r="AP38215">
        <v>43</v>
      </c>
      <c r="AQ38215">
        <v>43</v>
      </c>
    </row>
    <row r="38216" spans="1:43">
      <c r="A38216" t="s">
        <v>23705</v>
      </c>
      <c r="B38216" t="s">
        <v>23706</v>
      </c>
      <c r="C38216" t="s">
        <v>23699</v>
      </c>
      <c r="D38216" t="s">
        <v>23700</v>
      </c>
      <c r="E38216" t="s">
        <v>23649</v>
      </c>
      <c r="F38216" t="s">
        <v>23650</v>
      </c>
      <c r="G38216" t="s">
        <v>22539</v>
      </c>
      <c r="H38216" t="s">
        <v>22540</v>
      </c>
      <c r="I38216" s="2">
        <v>0</v>
      </c>
      <c r="J38216" s="2">
        <v>0</v>
      </c>
      <c r="K38216" s="2">
        <v>1</v>
      </c>
      <c r="L38216" t="s">
        <v>995</v>
      </c>
      <c r="M38216" t="s">
        <v>89</v>
      </c>
      <c r="N38216" t="s">
        <v>90</v>
      </c>
      <c r="O38216" t="s">
        <v>85</v>
      </c>
      <c r="P38216" t="s">
        <v>86</v>
      </c>
      <c r="Q38216">
        <v>35</v>
      </c>
      <c r="R38216">
        <v>36</v>
      </c>
      <c r="S38216">
        <v>37</v>
      </c>
      <c r="T38216">
        <v>38</v>
      </c>
      <c r="U38216">
        <v>39</v>
      </c>
      <c r="V38216">
        <v>40</v>
      </c>
      <c r="W38216">
        <v>40</v>
      </c>
      <c r="X38216">
        <v>41</v>
      </c>
      <c r="Y38216">
        <v>42</v>
      </c>
      <c r="Z38216">
        <v>43</v>
      </c>
      <c r="AA38216">
        <v>43</v>
      </c>
      <c r="AB38216">
        <v>44</v>
      </c>
      <c r="AC38216">
        <v>45</v>
      </c>
      <c r="AD38216">
        <v>46</v>
      </c>
      <c r="AE38216">
        <v>46</v>
      </c>
      <c r="AF38216">
        <v>46</v>
      </c>
      <c r="AG38216">
        <v>47</v>
      </c>
      <c r="AH38216">
        <v>47</v>
      </c>
      <c r="AI38216">
        <v>47</v>
      </c>
      <c r="AJ38216">
        <v>47</v>
      </c>
      <c r="AK38216">
        <v>47</v>
      </c>
      <c r="AL38216">
        <v>48</v>
      </c>
      <c r="AM38216">
        <v>48</v>
      </c>
      <c r="AN38216">
        <v>48</v>
      </c>
      <c r="AO38216">
        <v>48</v>
      </c>
      <c r="AP38216">
        <v>49</v>
      </c>
      <c r="AQ38216">
        <v>49</v>
      </c>
    </row>
    <row r="38217" spans="1:43">
      <c r="A38217" t="s">
        <v>23705</v>
      </c>
      <c r="B38217" t="s">
        <v>23706</v>
      </c>
      <c r="C38217" t="s">
        <v>23699</v>
      </c>
      <c r="D38217" t="s">
        <v>23700</v>
      </c>
      <c r="E38217" t="s">
        <v>23649</v>
      </c>
      <c r="F38217" t="s">
        <v>23650</v>
      </c>
      <c r="G38217" t="s">
        <v>22539</v>
      </c>
      <c r="H38217" t="s">
        <v>22540</v>
      </c>
      <c r="I38217" s="2">
        <v>0</v>
      </c>
      <c r="J38217" s="2">
        <v>0</v>
      </c>
      <c r="K38217" s="2">
        <v>1</v>
      </c>
      <c r="L38217" t="s">
        <v>995</v>
      </c>
      <c r="M38217" t="s">
        <v>83</v>
      </c>
      <c r="N38217" t="s">
        <v>91</v>
      </c>
      <c r="O38217" t="s">
        <v>85</v>
      </c>
      <c r="P38217" t="s">
        <v>86</v>
      </c>
      <c r="Q38217">
        <v>35</v>
      </c>
      <c r="R38217">
        <v>35</v>
      </c>
      <c r="S38217">
        <v>36</v>
      </c>
      <c r="T38217">
        <v>37</v>
      </c>
      <c r="U38217">
        <v>37</v>
      </c>
      <c r="V38217">
        <v>38</v>
      </c>
      <c r="W38217">
        <v>38</v>
      </c>
      <c r="X38217">
        <v>39</v>
      </c>
      <c r="Y38217">
        <v>40</v>
      </c>
      <c r="Z38217">
        <v>40</v>
      </c>
      <c r="AA38217">
        <v>41</v>
      </c>
      <c r="AB38217">
        <v>42</v>
      </c>
      <c r="AC38217">
        <v>42</v>
      </c>
      <c r="AD38217">
        <v>43</v>
      </c>
      <c r="AE38217">
        <v>43</v>
      </c>
      <c r="AF38217">
        <v>44</v>
      </c>
      <c r="AG38217">
        <v>45</v>
      </c>
      <c r="AH38217">
        <v>45</v>
      </c>
      <c r="AI38217">
        <v>46</v>
      </c>
      <c r="AJ38217">
        <v>46</v>
      </c>
      <c r="AK38217">
        <v>47</v>
      </c>
      <c r="AL38217">
        <v>47</v>
      </c>
      <c r="AM38217">
        <v>48</v>
      </c>
      <c r="AN38217">
        <v>48</v>
      </c>
      <c r="AO38217">
        <v>48</v>
      </c>
      <c r="AP38217">
        <v>48</v>
      </c>
      <c r="AQ38217">
        <v>48</v>
      </c>
    </row>
    <row r="38218" spans="1:43">
      <c r="A38218" t="s">
        <v>23707</v>
      </c>
      <c r="B38218" t="s">
        <v>23708</v>
      </c>
      <c r="C38218" t="s">
        <v>23699</v>
      </c>
      <c r="D38218" t="s">
        <v>23700</v>
      </c>
      <c r="E38218" t="s">
        <v>23649</v>
      </c>
      <c r="F38218" t="s">
        <v>23650</v>
      </c>
      <c r="G38218" t="s">
        <v>22539</v>
      </c>
      <c r="H38218" t="s">
        <v>22540</v>
      </c>
      <c r="I38218" s="2">
        <v>0</v>
      </c>
      <c r="J38218" s="2">
        <v>0</v>
      </c>
      <c r="K38218" s="2">
        <v>1</v>
      </c>
      <c r="L38218" t="s">
        <v>995</v>
      </c>
      <c r="M38218" t="s">
        <v>83</v>
      </c>
      <c r="N38218" t="s">
        <v>84</v>
      </c>
      <c r="O38218" t="s">
        <v>85</v>
      </c>
      <c r="P38218" t="s">
        <v>86</v>
      </c>
      <c r="Q38218">
        <v>42</v>
      </c>
      <c r="R38218">
        <v>42</v>
      </c>
      <c r="S38218">
        <v>43</v>
      </c>
      <c r="T38218">
        <v>44</v>
      </c>
      <c r="U38218">
        <v>45</v>
      </c>
      <c r="V38218">
        <v>45</v>
      </c>
      <c r="W38218">
        <v>46</v>
      </c>
      <c r="X38218">
        <v>47</v>
      </c>
      <c r="Y38218">
        <v>48</v>
      </c>
      <c r="Z38218">
        <v>48</v>
      </c>
      <c r="AA38218">
        <v>49</v>
      </c>
      <c r="AB38218">
        <v>50</v>
      </c>
      <c r="AC38218">
        <v>51</v>
      </c>
      <c r="AD38218">
        <v>51</v>
      </c>
      <c r="AE38218">
        <v>52</v>
      </c>
      <c r="AF38218">
        <v>53</v>
      </c>
      <c r="AG38218">
        <v>54</v>
      </c>
      <c r="AH38218">
        <v>54</v>
      </c>
      <c r="AI38218">
        <v>55</v>
      </c>
      <c r="AJ38218">
        <v>56</v>
      </c>
      <c r="AK38218">
        <v>57</v>
      </c>
      <c r="AL38218">
        <v>57</v>
      </c>
      <c r="AM38218">
        <v>57</v>
      </c>
      <c r="AN38218">
        <v>58</v>
      </c>
      <c r="AO38218">
        <v>58</v>
      </c>
      <c r="AP38218">
        <v>58</v>
      </c>
      <c r="AQ38218">
        <v>59</v>
      </c>
    </row>
    <row r="38219" spans="1:43">
      <c r="A38219" t="s">
        <v>23707</v>
      </c>
      <c r="B38219" t="s">
        <v>23708</v>
      </c>
      <c r="C38219" t="s">
        <v>23699</v>
      </c>
      <c r="D38219" t="s">
        <v>23700</v>
      </c>
      <c r="E38219" t="s">
        <v>23649</v>
      </c>
      <c r="F38219" t="s">
        <v>23650</v>
      </c>
      <c r="G38219" t="s">
        <v>22539</v>
      </c>
      <c r="H38219" t="s">
        <v>22540</v>
      </c>
      <c r="I38219" s="2">
        <v>0</v>
      </c>
      <c r="J38219" s="2">
        <v>0</v>
      </c>
      <c r="K38219" s="2">
        <v>1</v>
      </c>
      <c r="L38219" t="s">
        <v>995</v>
      </c>
      <c r="M38219" t="s">
        <v>87</v>
      </c>
      <c r="N38219" t="s">
        <v>88</v>
      </c>
      <c r="O38219" t="s">
        <v>85</v>
      </c>
      <c r="P38219" t="s">
        <v>86</v>
      </c>
      <c r="Q38219">
        <v>42</v>
      </c>
      <c r="R38219">
        <v>42</v>
      </c>
      <c r="S38219">
        <v>43</v>
      </c>
      <c r="T38219">
        <v>43</v>
      </c>
      <c r="U38219">
        <v>44</v>
      </c>
      <c r="V38219">
        <v>44</v>
      </c>
      <c r="W38219">
        <v>44</v>
      </c>
      <c r="X38219">
        <v>45</v>
      </c>
      <c r="Y38219">
        <v>45</v>
      </c>
      <c r="Z38219">
        <v>45</v>
      </c>
      <c r="AA38219">
        <v>46</v>
      </c>
      <c r="AB38219">
        <v>46</v>
      </c>
      <c r="AC38219">
        <v>46</v>
      </c>
      <c r="AD38219">
        <v>47</v>
      </c>
      <c r="AE38219">
        <v>47</v>
      </c>
      <c r="AF38219">
        <v>48</v>
      </c>
      <c r="AG38219">
        <v>48</v>
      </c>
      <c r="AH38219">
        <v>48</v>
      </c>
      <c r="AI38219">
        <v>49</v>
      </c>
      <c r="AJ38219">
        <v>49</v>
      </c>
      <c r="AK38219">
        <v>50</v>
      </c>
      <c r="AL38219">
        <v>50</v>
      </c>
      <c r="AM38219">
        <v>51</v>
      </c>
      <c r="AN38219">
        <v>51</v>
      </c>
      <c r="AO38219">
        <v>51</v>
      </c>
      <c r="AP38219">
        <v>52</v>
      </c>
      <c r="AQ38219">
        <v>52</v>
      </c>
    </row>
    <row r="38220" spans="1:43">
      <c r="A38220" t="s">
        <v>23707</v>
      </c>
      <c r="B38220" t="s">
        <v>23708</v>
      </c>
      <c r="C38220" t="s">
        <v>23699</v>
      </c>
      <c r="D38220" t="s">
        <v>23700</v>
      </c>
      <c r="E38220" t="s">
        <v>23649</v>
      </c>
      <c r="F38220" t="s">
        <v>23650</v>
      </c>
      <c r="G38220" t="s">
        <v>22539</v>
      </c>
      <c r="H38220" t="s">
        <v>22540</v>
      </c>
      <c r="I38220" s="2">
        <v>0</v>
      </c>
      <c r="J38220" s="2">
        <v>0</v>
      </c>
      <c r="K38220" s="2">
        <v>1</v>
      </c>
      <c r="L38220" t="s">
        <v>995</v>
      </c>
      <c r="M38220" t="s">
        <v>89</v>
      </c>
      <c r="N38220" t="s">
        <v>90</v>
      </c>
      <c r="O38220" t="s">
        <v>85</v>
      </c>
      <c r="P38220" t="s">
        <v>86</v>
      </c>
      <c r="Q38220">
        <v>42</v>
      </c>
      <c r="R38220">
        <v>43</v>
      </c>
      <c r="S38220">
        <v>44</v>
      </c>
      <c r="T38220">
        <v>45</v>
      </c>
      <c r="U38220">
        <v>46</v>
      </c>
      <c r="V38220">
        <v>47</v>
      </c>
      <c r="W38220">
        <v>48</v>
      </c>
      <c r="X38220">
        <v>49</v>
      </c>
      <c r="Y38220">
        <v>50</v>
      </c>
      <c r="Z38220">
        <v>51</v>
      </c>
      <c r="AA38220">
        <v>52</v>
      </c>
      <c r="AB38220">
        <v>53</v>
      </c>
      <c r="AC38220">
        <v>54</v>
      </c>
      <c r="AD38220">
        <v>55</v>
      </c>
      <c r="AE38220">
        <v>56</v>
      </c>
      <c r="AF38220">
        <v>56</v>
      </c>
      <c r="AG38220">
        <v>56</v>
      </c>
      <c r="AH38220">
        <v>57</v>
      </c>
      <c r="AI38220">
        <v>57</v>
      </c>
      <c r="AJ38220">
        <v>57</v>
      </c>
      <c r="AK38220">
        <v>57</v>
      </c>
      <c r="AL38220">
        <v>58</v>
      </c>
      <c r="AM38220">
        <v>58</v>
      </c>
      <c r="AN38220">
        <v>58</v>
      </c>
      <c r="AO38220">
        <v>59</v>
      </c>
      <c r="AP38220">
        <v>59</v>
      </c>
      <c r="AQ38220">
        <v>59</v>
      </c>
    </row>
    <row r="38221" spans="1:43">
      <c r="A38221" t="s">
        <v>23707</v>
      </c>
      <c r="B38221" t="s">
        <v>23708</v>
      </c>
      <c r="C38221" t="s">
        <v>23699</v>
      </c>
      <c r="D38221" t="s">
        <v>23700</v>
      </c>
      <c r="E38221" t="s">
        <v>23649</v>
      </c>
      <c r="F38221" t="s">
        <v>23650</v>
      </c>
      <c r="G38221" t="s">
        <v>22539</v>
      </c>
      <c r="H38221" t="s">
        <v>22540</v>
      </c>
      <c r="I38221" s="2">
        <v>0</v>
      </c>
      <c r="J38221" s="2">
        <v>0</v>
      </c>
      <c r="K38221" s="2">
        <v>1</v>
      </c>
      <c r="L38221" t="s">
        <v>995</v>
      </c>
      <c r="M38221" t="s">
        <v>83</v>
      </c>
      <c r="N38221" t="s">
        <v>91</v>
      </c>
      <c r="O38221" t="s">
        <v>85</v>
      </c>
      <c r="P38221" t="s">
        <v>86</v>
      </c>
      <c r="Q38221">
        <v>42</v>
      </c>
      <c r="R38221">
        <v>42</v>
      </c>
      <c r="S38221">
        <v>43</v>
      </c>
      <c r="T38221">
        <v>44</v>
      </c>
      <c r="U38221">
        <v>45</v>
      </c>
      <c r="V38221">
        <v>45</v>
      </c>
      <c r="W38221">
        <v>46</v>
      </c>
      <c r="X38221">
        <v>47</v>
      </c>
      <c r="Y38221">
        <v>48</v>
      </c>
      <c r="Z38221">
        <v>48</v>
      </c>
      <c r="AA38221">
        <v>49</v>
      </c>
      <c r="AB38221">
        <v>50</v>
      </c>
      <c r="AC38221">
        <v>51</v>
      </c>
      <c r="AD38221">
        <v>51</v>
      </c>
      <c r="AE38221">
        <v>52</v>
      </c>
      <c r="AF38221">
        <v>53</v>
      </c>
      <c r="AG38221">
        <v>54</v>
      </c>
      <c r="AH38221">
        <v>54</v>
      </c>
      <c r="AI38221">
        <v>55</v>
      </c>
      <c r="AJ38221">
        <v>56</v>
      </c>
      <c r="AK38221">
        <v>57</v>
      </c>
      <c r="AL38221">
        <v>57</v>
      </c>
      <c r="AM38221">
        <v>57</v>
      </c>
      <c r="AN38221">
        <v>58</v>
      </c>
      <c r="AO38221">
        <v>58</v>
      </c>
      <c r="AP38221">
        <v>58</v>
      </c>
      <c r="AQ38221">
        <v>59</v>
      </c>
    </row>
    <row r="38222" spans="1:43">
      <c r="A38222" t="s">
        <v>23709</v>
      </c>
      <c r="B38222" t="s">
        <v>23710</v>
      </c>
      <c r="C38222" t="s">
        <v>23699</v>
      </c>
      <c r="D38222" t="s">
        <v>23700</v>
      </c>
      <c r="E38222" t="s">
        <v>23649</v>
      </c>
      <c r="F38222" t="s">
        <v>23650</v>
      </c>
      <c r="G38222" t="s">
        <v>22539</v>
      </c>
      <c r="H38222" t="s">
        <v>22540</v>
      </c>
      <c r="I38222" s="2">
        <v>0</v>
      </c>
      <c r="J38222" s="2">
        <v>0</v>
      </c>
      <c r="K38222" s="2">
        <v>1</v>
      </c>
      <c r="L38222" t="s">
        <v>995</v>
      </c>
      <c r="M38222" t="s">
        <v>83</v>
      </c>
      <c r="N38222" t="s">
        <v>84</v>
      </c>
      <c r="O38222" t="s">
        <v>85</v>
      </c>
      <c r="P38222" t="s">
        <v>86</v>
      </c>
      <c r="Q38222">
        <v>42</v>
      </c>
      <c r="R38222">
        <v>42</v>
      </c>
      <c r="S38222">
        <v>43</v>
      </c>
      <c r="T38222">
        <v>44</v>
      </c>
      <c r="U38222">
        <v>44</v>
      </c>
      <c r="V38222">
        <v>45</v>
      </c>
      <c r="W38222">
        <v>46</v>
      </c>
      <c r="X38222">
        <v>47</v>
      </c>
      <c r="Y38222">
        <v>47</v>
      </c>
      <c r="Z38222">
        <v>48</v>
      </c>
      <c r="AA38222">
        <v>49</v>
      </c>
      <c r="AB38222">
        <v>50</v>
      </c>
      <c r="AC38222">
        <v>50</v>
      </c>
      <c r="AD38222">
        <v>51</v>
      </c>
      <c r="AE38222">
        <v>52</v>
      </c>
      <c r="AF38222">
        <v>52</v>
      </c>
      <c r="AG38222">
        <v>53</v>
      </c>
      <c r="AH38222">
        <v>54</v>
      </c>
      <c r="AI38222">
        <v>55</v>
      </c>
      <c r="AJ38222">
        <v>55</v>
      </c>
      <c r="AK38222">
        <v>56</v>
      </c>
      <c r="AL38222">
        <v>57</v>
      </c>
      <c r="AM38222">
        <v>57</v>
      </c>
      <c r="AN38222">
        <v>57</v>
      </c>
      <c r="AO38222">
        <v>57</v>
      </c>
      <c r="AP38222">
        <v>58</v>
      </c>
      <c r="AQ38222">
        <v>58</v>
      </c>
    </row>
    <row r="38223" spans="1:43">
      <c r="A38223" t="s">
        <v>23709</v>
      </c>
      <c r="B38223" t="s">
        <v>23710</v>
      </c>
      <c r="C38223" t="s">
        <v>23699</v>
      </c>
      <c r="D38223" t="s">
        <v>23700</v>
      </c>
      <c r="E38223" t="s">
        <v>23649</v>
      </c>
      <c r="F38223" t="s">
        <v>23650</v>
      </c>
      <c r="G38223" t="s">
        <v>22539</v>
      </c>
      <c r="H38223" t="s">
        <v>22540</v>
      </c>
      <c r="I38223" s="2">
        <v>0</v>
      </c>
      <c r="J38223" s="2">
        <v>0</v>
      </c>
      <c r="K38223" s="2">
        <v>1</v>
      </c>
      <c r="L38223" t="s">
        <v>995</v>
      </c>
      <c r="M38223" t="s">
        <v>87</v>
      </c>
      <c r="N38223" t="s">
        <v>88</v>
      </c>
      <c r="O38223" t="s">
        <v>85</v>
      </c>
      <c r="P38223" t="s">
        <v>86</v>
      </c>
      <c r="Q38223">
        <v>42</v>
      </c>
      <c r="R38223">
        <v>42</v>
      </c>
      <c r="S38223">
        <v>43</v>
      </c>
      <c r="T38223">
        <v>43</v>
      </c>
      <c r="U38223">
        <v>43</v>
      </c>
      <c r="V38223">
        <v>44</v>
      </c>
      <c r="W38223">
        <v>44</v>
      </c>
      <c r="X38223">
        <v>44</v>
      </c>
      <c r="Y38223">
        <v>45</v>
      </c>
      <c r="Z38223">
        <v>45</v>
      </c>
      <c r="AA38223">
        <v>45</v>
      </c>
      <c r="AB38223">
        <v>46</v>
      </c>
      <c r="AC38223">
        <v>46</v>
      </c>
      <c r="AD38223">
        <v>46</v>
      </c>
      <c r="AE38223">
        <v>47</v>
      </c>
      <c r="AF38223">
        <v>47</v>
      </c>
      <c r="AG38223">
        <v>48</v>
      </c>
      <c r="AH38223">
        <v>48</v>
      </c>
      <c r="AI38223">
        <v>48</v>
      </c>
      <c r="AJ38223">
        <v>49</v>
      </c>
      <c r="AK38223">
        <v>49</v>
      </c>
      <c r="AL38223">
        <v>49</v>
      </c>
      <c r="AM38223">
        <v>50</v>
      </c>
      <c r="AN38223">
        <v>50</v>
      </c>
      <c r="AO38223">
        <v>51</v>
      </c>
      <c r="AP38223">
        <v>51</v>
      </c>
      <c r="AQ38223">
        <v>51</v>
      </c>
    </row>
    <row r="38224" spans="1:43">
      <c r="A38224" t="s">
        <v>23709</v>
      </c>
      <c r="B38224" t="s">
        <v>23710</v>
      </c>
      <c r="C38224" t="s">
        <v>23699</v>
      </c>
      <c r="D38224" t="s">
        <v>23700</v>
      </c>
      <c r="E38224" t="s">
        <v>23649</v>
      </c>
      <c r="F38224" t="s">
        <v>23650</v>
      </c>
      <c r="G38224" t="s">
        <v>22539</v>
      </c>
      <c r="H38224" t="s">
        <v>22540</v>
      </c>
      <c r="I38224" s="2">
        <v>0</v>
      </c>
      <c r="J38224" s="2">
        <v>0</v>
      </c>
      <c r="K38224" s="2">
        <v>1</v>
      </c>
      <c r="L38224" t="s">
        <v>995</v>
      </c>
      <c r="M38224" t="s">
        <v>89</v>
      </c>
      <c r="N38224" t="s">
        <v>90</v>
      </c>
      <c r="O38224" t="s">
        <v>85</v>
      </c>
      <c r="P38224" t="s">
        <v>86</v>
      </c>
      <c r="Q38224">
        <v>42</v>
      </c>
      <c r="R38224">
        <v>43</v>
      </c>
      <c r="S38224">
        <v>44</v>
      </c>
      <c r="T38224">
        <v>45</v>
      </c>
      <c r="U38224">
        <v>46</v>
      </c>
      <c r="V38224">
        <v>47</v>
      </c>
      <c r="W38224">
        <v>48</v>
      </c>
      <c r="X38224">
        <v>49</v>
      </c>
      <c r="Y38224">
        <v>50</v>
      </c>
      <c r="Z38224">
        <v>51</v>
      </c>
      <c r="AA38224">
        <v>52</v>
      </c>
      <c r="AB38224">
        <v>53</v>
      </c>
      <c r="AC38224">
        <v>54</v>
      </c>
      <c r="AD38224">
        <v>55</v>
      </c>
      <c r="AE38224">
        <v>55</v>
      </c>
      <c r="AF38224">
        <v>56</v>
      </c>
      <c r="AG38224">
        <v>56</v>
      </c>
      <c r="AH38224">
        <v>56</v>
      </c>
      <c r="AI38224">
        <v>56</v>
      </c>
      <c r="AJ38224">
        <v>56</v>
      </c>
      <c r="AK38224">
        <v>57</v>
      </c>
      <c r="AL38224">
        <v>57</v>
      </c>
      <c r="AM38224">
        <v>57</v>
      </c>
      <c r="AN38224">
        <v>57</v>
      </c>
      <c r="AO38224">
        <v>58</v>
      </c>
      <c r="AP38224">
        <v>58</v>
      </c>
      <c r="AQ38224">
        <v>58</v>
      </c>
    </row>
    <row r="38225" spans="1:43">
      <c r="A38225" t="s">
        <v>23709</v>
      </c>
      <c r="B38225" t="s">
        <v>23710</v>
      </c>
      <c r="C38225" t="s">
        <v>23699</v>
      </c>
      <c r="D38225" t="s">
        <v>23700</v>
      </c>
      <c r="E38225" t="s">
        <v>23649</v>
      </c>
      <c r="F38225" t="s">
        <v>23650</v>
      </c>
      <c r="G38225" t="s">
        <v>22539</v>
      </c>
      <c r="H38225" t="s">
        <v>22540</v>
      </c>
      <c r="I38225" s="2">
        <v>0</v>
      </c>
      <c r="J38225" s="2">
        <v>0</v>
      </c>
      <c r="K38225" s="2">
        <v>1</v>
      </c>
      <c r="L38225" t="s">
        <v>995</v>
      </c>
      <c r="M38225" t="s">
        <v>83</v>
      </c>
      <c r="N38225" t="s">
        <v>91</v>
      </c>
      <c r="O38225" t="s">
        <v>85</v>
      </c>
      <c r="P38225" t="s">
        <v>86</v>
      </c>
      <c r="Q38225">
        <v>42</v>
      </c>
      <c r="R38225">
        <v>42</v>
      </c>
      <c r="S38225">
        <v>43</v>
      </c>
      <c r="T38225">
        <v>44</v>
      </c>
      <c r="U38225">
        <v>44</v>
      </c>
      <c r="V38225">
        <v>45</v>
      </c>
      <c r="W38225">
        <v>46</v>
      </c>
      <c r="X38225">
        <v>47</v>
      </c>
      <c r="Y38225">
        <v>47</v>
      </c>
      <c r="Z38225">
        <v>48</v>
      </c>
      <c r="AA38225">
        <v>49</v>
      </c>
      <c r="AB38225">
        <v>50</v>
      </c>
      <c r="AC38225">
        <v>50</v>
      </c>
      <c r="AD38225">
        <v>51</v>
      </c>
      <c r="AE38225">
        <v>52</v>
      </c>
      <c r="AF38225">
        <v>52</v>
      </c>
      <c r="AG38225">
        <v>53</v>
      </c>
      <c r="AH38225">
        <v>54</v>
      </c>
      <c r="AI38225">
        <v>55</v>
      </c>
      <c r="AJ38225">
        <v>55</v>
      </c>
      <c r="AK38225">
        <v>56</v>
      </c>
      <c r="AL38225">
        <v>57</v>
      </c>
      <c r="AM38225">
        <v>57</v>
      </c>
      <c r="AN38225">
        <v>57</v>
      </c>
      <c r="AO38225">
        <v>57</v>
      </c>
      <c r="AP38225">
        <v>58</v>
      </c>
      <c r="AQ38225">
        <v>58</v>
      </c>
    </row>
    <row r="38226" spans="1:43">
      <c r="A38226" t="s">
        <v>23711</v>
      </c>
      <c r="B38226" t="s">
        <v>23712</v>
      </c>
      <c r="C38226" t="s">
        <v>23675</v>
      </c>
      <c r="D38226" t="s">
        <v>23676</v>
      </c>
      <c r="E38226" t="s">
        <v>23649</v>
      </c>
      <c r="F38226" t="s">
        <v>23650</v>
      </c>
      <c r="G38226" t="s">
        <v>22539</v>
      </c>
      <c r="H38226" t="s">
        <v>22540</v>
      </c>
      <c r="I38226" s="2">
        <v>0</v>
      </c>
      <c r="J38226" s="2">
        <v>0</v>
      </c>
      <c r="K38226" s="2">
        <v>1</v>
      </c>
      <c r="L38226" t="s">
        <v>995</v>
      </c>
      <c r="M38226" t="s">
        <v>83</v>
      </c>
      <c r="N38226" t="s">
        <v>84</v>
      </c>
      <c r="O38226" t="s">
        <v>85</v>
      </c>
      <c r="P38226" t="s">
        <v>86</v>
      </c>
      <c r="Q38226">
        <v>25</v>
      </c>
      <c r="R38226">
        <v>26</v>
      </c>
      <c r="S38226">
        <v>26</v>
      </c>
      <c r="T38226">
        <v>27</v>
      </c>
      <c r="U38226">
        <v>27</v>
      </c>
      <c r="V38226">
        <v>27</v>
      </c>
      <c r="W38226">
        <v>28</v>
      </c>
      <c r="X38226">
        <v>28</v>
      </c>
      <c r="Y38226">
        <v>29</v>
      </c>
      <c r="Z38226">
        <v>29</v>
      </c>
      <c r="AA38226">
        <v>29</v>
      </c>
      <c r="AB38226">
        <v>30</v>
      </c>
      <c r="AC38226">
        <v>30</v>
      </c>
      <c r="AD38226">
        <v>31</v>
      </c>
      <c r="AE38226">
        <v>31</v>
      </c>
      <c r="AF38226">
        <v>31</v>
      </c>
      <c r="AG38226">
        <v>32</v>
      </c>
      <c r="AH38226">
        <v>32</v>
      </c>
      <c r="AI38226">
        <v>32</v>
      </c>
      <c r="AJ38226">
        <v>33</v>
      </c>
      <c r="AK38226">
        <v>33</v>
      </c>
      <c r="AL38226">
        <v>34</v>
      </c>
      <c r="AM38226">
        <v>34</v>
      </c>
      <c r="AN38226">
        <v>34</v>
      </c>
      <c r="AO38226">
        <v>34</v>
      </c>
      <c r="AP38226">
        <v>34</v>
      </c>
      <c r="AQ38226">
        <v>34</v>
      </c>
    </row>
    <row r="38227" spans="1:43">
      <c r="A38227" t="s">
        <v>23711</v>
      </c>
      <c r="B38227" t="s">
        <v>23712</v>
      </c>
      <c r="C38227" t="s">
        <v>23675</v>
      </c>
      <c r="D38227" t="s">
        <v>23676</v>
      </c>
      <c r="E38227" t="s">
        <v>23649</v>
      </c>
      <c r="F38227" t="s">
        <v>23650</v>
      </c>
      <c r="G38227" t="s">
        <v>22539</v>
      </c>
      <c r="H38227" t="s">
        <v>22540</v>
      </c>
      <c r="I38227" s="2">
        <v>0</v>
      </c>
      <c r="J38227" s="2">
        <v>0</v>
      </c>
      <c r="K38227" s="2">
        <v>1</v>
      </c>
      <c r="L38227" t="s">
        <v>995</v>
      </c>
      <c r="M38227" t="s">
        <v>87</v>
      </c>
      <c r="N38227" t="s">
        <v>88</v>
      </c>
      <c r="O38227" t="s">
        <v>85</v>
      </c>
      <c r="P38227" t="s">
        <v>86</v>
      </c>
      <c r="Q38227">
        <v>25</v>
      </c>
      <c r="R38227">
        <v>25</v>
      </c>
      <c r="S38227">
        <v>25</v>
      </c>
      <c r="T38227">
        <v>26</v>
      </c>
      <c r="U38227">
        <v>26</v>
      </c>
      <c r="V38227">
        <v>26</v>
      </c>
      <c r="W38227">
        <v>26</v>
      </c>
      <c r="X38227">
        <v>26</v>
      </c>
      <c r="Y38227">
        <v>26</v>
      </c>
      <c r="Z38227">
        <v>27</v>
      </c>
      <c r="AA38227">
        <v>27</v>
      </c>
      <c r="AB38227">
        <v>27</v>
      </c>
      <c r="AC38227">
        <v>27</v>
      </c>
      <c r="AD38227">
        <v>27</v>
      </c>
      <c r="AE38227">
        <v>27</v>
      </c>
      <c r="AF38227">
        <v>28</v>
      </c>
      <c r="AG38227">
        <v>28</v>
      </c>
      <c r="AH38227">
        <v>28</v>
      </c>
      <c r="AI38227">
        <v>28</v>
      </c>
      <c r="AJ38227">
        <v>28</v>
      </c>
      <c r="AK38227">
        <v>28</v>
      </c>
      <c r="AL38227">
        <v>29</v>
      </c>
      <c r="AM38227">
        <v>29</v>
      </c>
      <c r="AN38227">
        <v>29</v>
      </c>
      <c r="AO38227">
        <v>29</v>
      </c>
      <c r="AP38227">
        <v>29</v>
      </c>
      <c r="AQ38227">
        <v>30</v>
      </c>
    </row>
    <row r="38228" spans="1:43">
      <c r="A38228" t="s">
        <v>23711</v>
      </c>
      <c r="B38228" t="s">
        <v>23712</v>
      </c>
      <c r="C38228" t="s">
        <v>23675</v>
      </c>
      <c r="D38228" t="s">
        <v>23676</v>
      </c>
      <c r="E38228" t="s">
        <v>23649</v>
      </c>
      <c r="F38228" t="s">
        <v>23650</v>
      </c>
      <c r="G38228" t="s">
        <v>22539</v>
      </c>
      <c r="H38228" t="s">
        <v>22540</v>
      </c>
      <c r="I38228" s="2">
        <v>0</v>
      </c>
      <c r="J38228" s="2">
        <v>0</v>
      </c>
      <c r="K38228" s="2">
        <v>1</v>
      </c>
      <c r="L38228" t="s">
        <v>995</v>
      </c>
      <c r="M38228" t="s">
        <v>89</v>
      </c>
      <c r="N38228" t="s">
        <v>90</v>
      </c>
      <c r="O38228" t="s">
        <v>85</v>
      </c>
      <c r="P38228" t="s">
        <v>86</v>
      </c>
      <c r="Q38228">
        <v>25</v>
      </c>
      <c r="R38228">
        <v>25</v>
      </c>
      <c r="S38228">
        <v>26</v>
      </c>
      <c r="T38228">
        <v>26</v>
      </c>
      <c r="U38228">
        <v>27</v>
      </c>
      <c r="V38228">
        <v>28</v>
      </c>
      <c r="W38228">
        <v>28</v>
      </c>
      <c r="X38228">
        <v>29</v>
      </c>
      <c r="Y38228">
        <v>29</v>
      </c>
      <c r="Z38228">
        <v>30</v>
      </c>
      <c r="AA38228">
        <v>30</v>
      </c>
      <c r="AB38228">
        <v>31</v>
      </c>
      <c r="AC38228">
        <v>31</v>
      </c>
      <c r="AD38228">
        <v>32</v>
      </c>
      <c r="AE38228">
        <v>32</v>
      </c>
      <c r="AF38228">
        <v>32</v>
      </c>
      <c r="AG38228">
        <v>32</v>
      </c>
      <c r="AH38228">
        <v>32</v>
      </c>
      <c r="AI38228">
        <v>32</v>
      </c>
      <c r="AJ38228">
        <v>33</v>
      </c>
      <c r="AK38228">
        <v>33</v>
      </c>
      <c r="AL38228">
        <v>33</v>
      </c>
      <c r="AM38228">
        <v>33</v>
      </c>
      <c r="AN38228">
        <v>33</v>
      </c>
      <c r="AO38228">
        <v>33</v>
      </c>
      <c r="AP38228">
        <v>33</v>
      </c>
      <c r="AQ38228">
        <v>33</v>
      </c>
    </row>
    <row r="38229" spans="1:43">
      <c r="A38229" t="s">
        <v>23711</v>
      </c>
      <c r="B38229" t="s">
        <v>23712</v>
      </c>
      <c r="C38229" t="s">
        <v>23675</v>
      </c>
      <c r="D38229" t="s">
        <v>23676</v>
      </c>
      <c r="E38229" t="s">
        <v>23649</v>
      </c>
      <c r="F38229" t="s">
        <v>23650</v>
      </c>
      <c r="G38229" t="s">
        <v>22539</v>
      </c>
      <c r="H38229" t="s">
        <v>22540</v>
      </c>
      <c r="I38229" s="2">
        <v>0</v>
      </c>
      <c r="J38229" s="2">
        <v>0</v>
      </c>
      <c r="K38229" s="2">
        <v>1</v>
      </c>
      <c r="L38229" t="s">
        <v>995</v>
      </c>
      <c r="M38229" t="s">
        <v>83</v>
      </c>
      <c r="N38229" t="s">
        <v>91</v>
      </c>
      <c r="O38229" t="s">
        <v>85</v>
      </c>
      <c r="P38229" t="s">
        <v>86</v>
      </c>
      <c r="Q38229">
        <v>25</v>
      </c>
      <c r="R38229">
        <v>26</v>
      </c>
      <c r="S38229">
        <v>26</v>
      </c>
      <c r="T38229">
        <v>27</v>
      </c>
      <c r="U38229">
        <v>27</v>
      </c>
      <c r="V38229">
        <v>27</v>
      </c>
      <c r="W38229">
        <v>28</v>
      </c>
      <c r="X38229">
        <v>28</v>
      </c>
      <c r="Y38229">
        <v>29</v>
      </c>
      <c r="Z38229">
        <v>29</v>
      </c>
      <c r="AA38229">
        <v>29</v>
      </c>
      <c r="AB38229">
        <v>30</v>
      </c>
      <c r="AC38229">
        <v>30</v>
      </c>
      <c r="AD38229">
        <v>31</v>
      </c>
      <c r="AE38229">
        <v>31</v>
      </c>
      <c r="AF38229">
        <v>31</v>
      </c>
      <c r="AG38229">
        <v>32</v>
      </c>
      <c r="AH38229">
        <v>32</v>
      </c>
      <c r="AI38229">
        <v>32</v>
      </c>
      <c r="AJ38229">
        <v>33</v>
      </c>
      <c r="AK38229">
        <v>33</v>
      </c>
      <c r="AL38229">
        <v>34</v>
      </c>
      <c r="AM38229">
        <v>34</v>
      </c>
      <c r="AN38229">
        <v>34</v>
      </c>
      <c r="AO38229">
        <v>34</v>
      </c>
      <c r="AP38229">
        <v>34</v>
      </c>
      <c r="AQ38229">
        <v>34</v>
      </c>
    </row>
    <row r="38230" spans="1:43">
      <c r="A38230" t="s">
        <v>23713</v>
      </c>
      <c r="B38230" t="s">
        <v>23714</v>
      </c>
      <c r="C38230" t="s">
        <v>23675</v>
      </c>
      <c r="D38230" t="s">
        <v>23676</v>
      </c>
      <c r="E38230" t="s">
        <v>23649</v>
      </c>
      <c r="F38230" t="s">
        <v>23650</v>
      </c>
      <c r="G38230" t="s">
        <v>22539</v>
      </c>
      <c r="H38230" t="s">
        <v>22540</v>
      </c>
      <c r="I38230" s="2">
        <v>0</v>
      </c>
      <c r="J38230" s="2">
        <v>0</v>
      </c>
      <c r="K38230" s="2">
        <v>1</v>
      </c>
      <c r="L38230" t="s">
        <v>995</v>
      </c>
      <c r="M38230" t="s">
        <v>83</v>
      </c>
      <c r="N38230" t="s">
        <v>84</v>
      </c>
      <c r="O38230" t="s">
        <v>85</v>
      </c>
      <c r="P38230" t="s">
        <v>86</v>
      </c>
      <c r="Q38230">
        <v>14</v>
      </c>
      <c r="R38230">
        <v>14</v>
      </c>
      <c r="S38230">
        <v>15</v>
      </c>
      <c r="T38230">
        <v>15</v>
      </c>
      <c r="U38230">
        <v>15</v>
      </c>
      <c r="V38230">
        <v>15</v>
      </c>
      <c r="W38230">
        <v>16</v>
      </c>
      <c r="X38230">
        <v>16</v>
      </c>
      <c r="Y38230">
        <v>16</v>
      </c>
      <c r="Z38230">
        <v>16</v>
      </c>
      <c r="AA38230">
        <v>17</v>
      </c>
      <c r="AB38230">
        <v>17</v>
      </c>
      <c r="AC38230">
        <v>17</v>
      </c>
      <c r="AD38230">
        <v>17</v>
      </c>
      <c r="AE38230">
        <v>18</v>
      </c>
      <c r="AF38230">
        <v>18</v>
      </c>
      <c r="AG38230">
        <v>18</v>
      </c>
      <c r="AH38230">
        <v>18</v>
      </c>
      <c r="AI38230">
        <v>19</v>
      </c>
      <c r="AJ38230">
        <v>19</v>
      </c>
      <c r="AK38230">
        <v>19</v>
      </c>
      <c r="AL38230">
        <v>19</v>
      </c>
      <c r="AM38230">
        <v>20</v>
      </c>
      <c r="AN38230">
        <v>20</v>
      </c>
      <c r="AO38230">
        <v>20</v>
      </c>
      <c r="AP38230">
        <v>20</v>
      </c>
      <c r="AQ38230">
        <v>20</v>
      </c>
    </row>
    <row r="38231" spans="1:43">
      <c r="A38231" t="s">
        <v>23713</v>
      </c>
      <c r="B38231" t="s">
        <v>23714</v>
      </c>
      <c r="C38231" t="s">
        <v>23675</v>
      </c>
      <c r="D38231" t="s">
        <v>23676</v>
      </c>
      <c r="E38231" t="s">
        <v>23649</v>
      </c>
      <c r="F38231" t="s">
        <v>23650</v>
      </c>
      <c r="G38231" t="s">
        <v>22539</v>
      </c>
      <c r="H38231" t="s">
        <v>22540</v>
      </c>
      <c r="I38231" s="2">
        <v>0</v>
      </c>
      <c r="J38231" s="2">
        <v>0</v>
      </c>
      <c r="K38231" s="2">
        <v>1</v>
      </c>
      <c r="L38231" t="s">
        <v>995</v>
      </c>
      <c r="M38231" t="s">
        <v>87</v>
      </c>
      <c r="N38231" t="s">
        <v>88</v>
      </c>
      <c r="O38231" t="s">
        <v>85</v>
      </c>
      <c r="P38231" t="s">
        <v>86</v>
      </c>
      <c r="Q38231">
        <v>14</v>
      </c>
      <c r="R38231">
        <v>14</v>
      </c>
      <c r="S38231">
        <v>14</v>
      </c>
      <c r="T38231">
        <v>14</v>
      </c>
      <c r="U38231">
        <v>15</v>
      </c>
      <c r="V38231">
        <v>15</v>
      </c>
      <c r="W38231">
        <v>15</v>
      </c>
      <c r="X38231">
        <v>15</v>
      </c>
      <c r="Y38231">
        <v>15</v>
      </c>
      <c r="Z38231">
        <v>15</v>
      </c>
      <c r="AA38231">
        <v>15</v>
      </c>
      <c r="AB38231">
        <v>15</v>
      </c>
      <c r="AC38231">
        <v>15</v>
      </c>
      <c r="AD38231">
        <v>16</v>
      </c>
      <c r="AE38231">
        <v>16</v>
      </c>
      <c r="AF38231">
        <v>16</v>
      </c>
      <c r="AG38231">
        <v>16</v>
      </c>
      <c r="AH38231">
        <v>16</v>
      </c>
      <c r="AI38231">
        <v>16</v>
      </c>
      <c r="AJ38231">
        <v>16</v>
      </c>
      <c r="AK38231">
        <v>17</v>
      </c>
      <c r="AL38231">
        <v>17</v>
      </c>
      <c r="AM38231">
        <v>17</v>
      </c>
      <c r="AN38231">
        <v>17</v>
      </c>
      <c r="AO38231">
        <v>17</v>
      </c>
      <c r="AP38231">
        <v>17</v>
      </c>
      <c r="AQ38231">
        <v>17</v>
      </c>
    </row>
    <row r="38232" spans="1:43">
      <c r="A38232" t="s">
        <v>23713</v>
      </c>
      <c r="B38232" t="s">
        <v>23714</v>
      </c>
      <c r="C38232" t="s">
        <v>23675</v>
      </c>
      <c r="D38232" t="s">
        <v>23676</v>
      </c>
      <c r="E38232" t="s">
        <v>23649</v>
      </c>
      <c r="F38232" t="s">
        <v>23650</v>
      </c>
      <c r="G38232" t="s">
        <v>22539</v>
      </c>
      <c r="H38232" t="s">
        <v>22540</v>
      </c>
      <c r="I38232" s="2">
        <v>0</v>
      </c>
      <c r="J38232" s="2">
        <v>0</v>
      </c>
      <c r="K38232" s="2">
        <v>1</v>
      </c>
      <c r="L38232" t="s">
        <v>995</v>
      </c>
      <c r="M38232" t="s">
        <v>89</v>
      </c>
      <c r="N38232" t="s">
        <v>90</v>
      </c>
      <c r="O38232" t="s">
        <v>85</v>
      </c>
      <c r="P38232" t="s">
        <v>86</v>
      </c>
      <c r="Q38232">
        <v>14</v>
      </c>
      <c r="R38232">
        <v>15</v>
      </c>
      <c r="S38232">
        <v>15</v>
      </c>
      <c r="T38232">
        <v>15</v>
      </c>
      <c r="U38232">
        <v>16</v>
      </c>
      <c r="V38232">
        <v>16</v>
      </c>
      <c r="W38232">
        <v>17</v>
      </c>
      <c r="X38232">
        <v>17</v>
      </c>
      <c r="Y38232">
        <v>17</v>
      </c>
      <c r="Z38232">
        <v>17</v>
      </c>
      <c r="AA38232">
        <v>18</v>
      </c>
      <c r="AB38232">
        <v>18</v>
      </c>
      <c r="AC38232">
        <v>18</v>
      </c>
      <c r="AD38232">
        <v>19</v>
      </c>
      <c r="AE38232">
        <v>19</v>
      </c>
      <c r="AF38232">
        <v>19</v>
      </c>
      <c r="AG38232">
        <v>19</v>
      </c>
      <c r="AH38232">
        <v>19</v>
      </c>
      <c r="AI38232">
        <v>19</v>
      </c>
      <c r="AJ38232">
        <v>19</v>
      </c>
      <c r="AK38232">
        <v>19</v>
      </c>
      <c r="AL38232">
        <v>20</v>
      </c>
      <c r="AM38232">
        <v>20</v>
      </c>
      <c r="AN38232">
        <v>20</v>
      </c>
      <c r="AO38232">
        <v>20</v>
      </c>
      <c r="AP38232">
        <v>20</v>
      </c>
      <c r="AQ38232">
        <v>20</v>
      </c>
    </row>
    <row r="38233" spans="1:43">
      <c r="A38233" t="s">
        <v>23713</v>
      </c>
      <c r="B38233" t="s">
        <v>23714</v>
      </c>
      <c r="C38233" t="s">
        <v>23675</v>
      </c>
      <c r="D38233" t="s">
        <v>23676</v>
      </c>
      <c r="E38233" t="s">
        <v>23649</v>
      </c>
      <c r="F38233" t="s">
        <v>23650</v>
      </c>
      <c r="G38233" t="s">
        <v>22539</v>
      </c>
      <c r="H38233" t="s">
        <v>22540</v>
      </c>
      <c r="I38233" s="2">
        <v>0</v>
      </c>
      <c r="J38233" s="2">
        <v>0</v>
      </c>
      <c r="K38233" s="2">
        <v>1</v>
      </c>
      <c r="L38233" t="s">
        <v>995</v>
      </c>
      <c r="M38233" t="s">
        <v>83</v>
      </c>
      <c r="N38233" t="s">
        <v>91</v>
      </c>
      <c r="O38233" t="s">
        <v>85</v>
      </c>
      <c r="P38233" t="s">
        <v>86</v>
      </c>
      <c r="Q38233">
        <v>14</v>
      </c>
      <c r="R38233">
        <v>14</v>
      </c>
      <c r="S38233">
        <v>15</v>
      </c>
      <c r="T38233">
        <v>15</v>
      </c>
      <c r="U38233">
        <v>15</v>
      </c>
      <c r="V38233">
        <v>15</v>
      </c>
      <c r="W38233">
        <v>16</v>
      </c>
      <c r="X38233">
        <v>16</v>
      </c>
      <c r="Y38233">
        <v>16</v>
      </c>
      <c r="Z38233">
        <v>16</v>
      </c>
      <c r="AA38233">
        <v>17</v>
      </c>
      <c r="AB38233">
        <v>17</v>
      </c>
      <c r="AC38233">
        <v>17</v>
      </c>
      <c r="AD38233">
        <v>17</v>
      </c>
      <c r="AE38233">
        <v>18</v>
      </c>
      <c r="AF38233">
        <v>18</v>
      </c>
      <c r="AG38233">
        <v>18</v>
      </c>
      <c r="AH38233">
        <v>18</v>
      </c>
      <c r="AI38233">
        <v>19</v>
      </c>
      <c r="AJ38233">
        <v>19</v>
      </c>
      <c r="AK38233">
        <v>19</v>
      </c>
      <c r="AL38233">
        <v>19</v>
      </c>
      <c r="AM38233">
        <v>20</v>
      </c>
      <c r="AN38233">
        <v>20</v>
      </c>
      <c r="AO38233">
        <v>20</v>
      </c>
      <c r="AP38233">
        <v>20</v>
      </c>
      <c r="AQ38233">
        <v>20</v>
      </c>
    </row>
    <row r="38234" spans="1:43">
      <c r="A38234" t="s">
        <v>23715</v>
      </c>
      <c r="B38234" t="s">
        <v>23716</v>
      </c>
      <c r="C38234" t="s">
        <v>23717</v>
      </c>
      <c r="D38234" t="s">
        <v>23718</v>
      </c>
      <c r="E38234" t="s">
        <v>23649</v>
      </c>
      <c r="F38234" t="s">
        <v>23650</v>
      </c>
      <c r="G38234" t="s">
        <v>22539</v>
      </c>
      <c r="H38234" t="s">
        <v>22540</v>
      </c>
      <c r="I38234" s="2">
        <v>0</v>
      </c>
      <c r="J38234" s="2">
        <v>0</v>
      </c>
      <c r="K38234" s="2">
        <v>1</v>
      </c>
      <c r="L38234" t="s">
        <v>995</v>
      </c>
      <c r="M38234" t="s">
        <v>83</v>
      </c>
      <c r="N38234" t="s">
        <v>84</v>
      </c>
      <c r="O38234" t="s">
        <v>85</v>
      </c>
      <c r="P38234" t="s">
        <v>86</v>
      </c>
      <c r="Q38234">
        <v>21</v>
      </c>
      <c r="R38234">
        <v>22</v>
      </c>
      <c r="S38234">
        <v>22</v>
      </c>
      <c r="T38234">
        <v>23</v>
      </c>
      <c r="U38234">
        <v>23</v>
      </c>
      <c r="V38234">
        <v>23</v>
      </c>
      <c r="W38234">
        <v>24</v>
      </c>
      <c r="X38234">
        <v>24</v>
      </c>
      <c r="Y38234">
        <v>24</v>
      </c>
      <c r="Z38234">
        <v>25</v>
      </c>
      <c r="AA38234">
        <v>25</v>
      </c>
      <c r="AB38234">
        <v>26</v>
      </c>
      <c r="AC38234">
        <v>26</v>
      </c>
      <c r="AD38234">
        <v>26</v>
      </c>
      <c r="AE38234">
        <v>27</v>
      </c>
      <c r="AF38234">
        <v>27</v>
      </c>
      <c r="AG38234">
        <v>27</v>
      </c>
      <c r="AH38234">
        <v>28</v>
      </c>
      <c r="AI38234">
        <v>28</v>
      </c>
      <c r="AJ38234">
        <v>29</v>
      </c>
      <c r="AK38234">
        <v>29</v>
      </c>
      <c r="AL38234">
        <v>29</v>
      </c>
      <c r="AM38234">
        <v>29</v>
      </c>
      <c r="AN38234">
        <v>29</v>
      </c>
      <c r="AO38234">
        <v>29</v>
      </c>
      <c r="AP38234">
        <v>30</v>
      </c>
      <c r="AQ38234">
        <v>30</v>
      </c>
    </row>
    <row r="38235" spans="1:43">
      <c r="A38235" t="s">
        <v>23715</v>
      </c>
      <c r="B38235" t="s">
        <v>23716</v>
      </c>
      <c r="C38235" t="s">
        <v>23717</v>
      </c>
      <c r="D38235" t="s">
        <v>23718</v>
      </c>
      <c r="E38235" t="s">
        <v>23649</v>
      </c>
      <c r="F38235" t="s">
        <v>23650</v>
      </c>
      <c r="G38235" t="s">
        <v>22539</v>
      </c>
      <c r="H38235" t="s">
        <v>22540</v>
      </c>
      <c r="I38235" s="2">
        <v>0</v>
      </c>
      <c r="J38235" s="2">
        <v>0</v>
      </c>
      <c r="K38235" s="2">
        <v>1</v>
      </c>
      <c r="L38235" t="s">
        <v>995</v>
      </c>
      <c r="M38235" t="s">
        <v>87</v>
      </c>
      <c r="N38235" t="s">
        <v>88</v>
      </c>
      <c r="O38235" t="s">
        <v>85</v>
      </c>
      <c r="P38235" t="s">
        <v>86</v>
      </c>
      <c r="Q38235">
        <v>21</v>
      </c>
      <c r="R38235">
        <v>21</v>
      </c>
      <c r="S38235">
        <v>22</v>
      </c>
      <c r="T38235">
        <v>22</v>
      </c>
      <c r="U38235">
        <v>22</v>
      </c>
      <c r="V38235">
        <v>22</v>
      </c>
      <c r="W38235">
        <v>22</v>
      </c>
      <c r="X38235">
        <v>22</v>
      </c>
      <c r="Y38235">
        <v>23</v>
      </c>
      <c r="Z38235">
        <v>23</v>
      </c>
      <c r="AA38235">
        <v>23</v>
      </c>
      <c r="AB38235">
        <v>23</v>
      </c>
      <c r="AC38235">
        <v>23</v>
      </c>
      <c r="AD38235">
        <v>23</v>
      </c>
      <c r="AE38235">
        <v>24</v>
      </c>
      <c r="AF38235">
        <v>24</v>
      </c>
      <c r="AG38235">
        <v>24</v>
      </c>
      <c r="AH38235">
        <v>24</v>
      </c>
      <c r="AI38235">
        <v>24</v>
      </c>
      <c r="AJ38235">
        <v>25</v>
      </c>
      <c r="AK38235">
        <v>25</v>
      </c>
      <c r="AL38235">
        <v>25</v>
      </c>
      <c r="AM38235">
        <v>25</v>
      </c>
      <c r="AN38235">
        <v>25</v>
      </c>
      <c r="AO38235">
        <v>25</v>
      </c>
      <c r="AP38235">
        <v>26</v>
      </c>
      <c r="AQ38235">
        <v>26</v>
      </c>
    </row>
    <row r="38236" spans="1:43">
      <c r="A38236" t="s">
        <v>23715</v>
      </c>
      <c r="B38236" t="s">
        <v>23716</v>
      </c>
      <c r="C38236" t="s">
        <v>23717</v>
      </c>
      <c r="D38236" t="s">
        <v>23718</v>
      </c>
      <c r="E38236" t="s">
        <v>23649</v>
      </c>
      <c r="F38236" t="s">
        <v>23650</v>
      </c>
      <c r="G38236" t="s">
        <v>22539</v>
      </c>
      <c r="H38236" t="s">
        <v>22540</v>
      </c>
      <c r="I38236" s="2">
        <v>0</v>
      </c>
      <c r="J38236" s="2">
        <v>0</v>
      </c>
      <c r="K38236" s="2">
        <v>1</v>
      </c>
      <c r="L38236" t="s">
        <v>995</v>
      </c>
      <c r="M38236" t="s">
        <v>89</v>
      </c>
      <c r="N38236" t="s">
        <v>90</v>
      </c>
      <c r="O38236" t="s">
        <v>85</v>
      </c>
      <c r="P38236" t="s">
        <v>86</v>
      </c>
      <c r="Q38236">
        <v>21</v>
      </c>
      <c r="R38236">
        <v>21</v>
      </c>
      <c r="S38236">
        <v>22</v>
      </c>
      <c r="T38236">
        <v>22</v>
      </c>
      <c r="U38236">
        <v>23</v>
      </c>
      <c r="V38236">
        <v>23</v>
      </c>
      <c r="W38236">
        <v>24</v>
      </c>
      <c r="X38236">
        <v>24</v>
      </c>
      <c r="Y38236">
        <v>25</v>
      </c>
      <c r="Z38236">
        <v>25</v>
      </c>
      <c r="AA38236">
        <v>26</v>
      </c>
      <c r="AB38236">
        <v>26</v>
      </c>
      <c r="AC38236">
        <v>27</v>
      </c>
      <c r="AD38236">
        <v>27</v>
      </c>
      <c r="AE38236">
        <v>28</v>
      </c>
      <c r="AF38236">
        <v>28</v>
      </c>
      <c r="AG38236">
        <v>28</v>
      </c>
      <c r="AH38236">
        <v>28</v>
      </c>
      <c r="AI38236">
        <v>28</v>
      </c>
      <c r="AJ38236">
        <v>28</v>
      </c>
      <c r="AK38236">
        <v>28</v>
      </c>
      <c r="AL38236">
        <v>28</v>
      </c>
      <c r="AM38236">
        <v>28</v>
      </c>
      <c r="AN38236">
        <v>29</v>
      </c>
      <c r="AO38236">
        <v>29</v>
      </c>
      <c r="AP38236">
        <v>29</v>
      </c>
      <c r="AQ38236">
        <v>29</v>
      </c>
    </row>
    <row r="38237" spans="1:43">
      <c r="A38237" t="s">
        <v>23715</v>
      </c>
      <c r="B38237" t="s">
        <v>23716</v>
      </c>
      <c r="C38237" t="s">
        <v>23717</v>
      </c>
      <c r="D38237" t="s">
        <v>23718</v>
      </c>
      <c r="E38237" t="s">
        <v>23649</v>
      </c>
      <c r="F38237" t="s">
        <v>23650</v>
      </c>
      <c r="G38237" t="s">
        <v>22539</v>
      </c>
      <c r="H38237" t="s">
        <v>22540</v>
      </c>
      <c r="I38237" s="2">
        <v>0</v>
      </c>
      <c r="J38237" s="2">
        <v>0</v>
      </c>
      <c r="K38237" s="2">
        <v>1</v>
      </c>
      <c r="L38237" t="s">
        <v>995</v>
      </c>
      <c r="M38237" t="s">
        <v>83</v>
      </c>
      <c r="N38237" t="s">
        <v>91</v>
      </c>
      <c r="O38237" t="s">
        <v>85</v>
      </c>
      <c r="P38237" t="s">
        <v>86</v>
      </c>
      <c r="Q38237">
        <v>21</v>
      </c>
      <c r="R38237">
        <v>22</v>
      </c>
      <c r="S38237">
        <v>22</v>
      </c>
      <c r="T38237">
        <v>23</v>
      </c>
      <c r="U38237">
        <v>23</v>
      </c>
      <c r="V38237">
        <v>23</v>
      </c>
      <c r="W38237">
        <v>24</v>
      </c>
      <c r="X38237">
        <v>24</v>
      </c>
      <c r="Y38237">
        <v>24</v>
      </c>
      <c r="Z38237">
        <v>25</v>
      </c>
      <c r="AA38237">
        <v>25</v>
      </c>
      <c r="AB38237">
        <v>26</v>
      </c>
      <c r="AC38237">
        <v>26</v>
      </c>
      <c r="AD38237">
        <v>26</v>
      </c>
      <c r="AE38237">
        <v>27</v>
      </c>
      <c r="AF38237">
        <v>27</v>
      </c>
      <c r="AG38237">
        <v>27</v>
      </c>
      <c r="AH38237">
        <v>28</v>
      </c>
      <c r="AI38237">
        <v>28</v>
      </c>
      <c r="AJ38237">
        <v>29</v>
      </c>
      <c r="AK38237">
        <v>29</v>
      </c>
      <c r="AL38237">
        <v>29</v>
      </c>
      <c r="AM38237">
        <v>29</v>
      </c>
      <c r="AN38237">
        <v>29</v>
      </c>
      <c r="AO38237">
        <v>29</v>
      </c>
      <c r="AP38237">
        <v>30</v>
      </c>
      <c r="AQ38237">
        <v>30</v>
      </c>
    </row>
    <row r="38238" spans="1:43">
      <c r="A38238" t="s">
        <v>23719</v>
      </c>
      <c r="B38238" t="s">
        <v>23720</v>
      </c>
      <c r="C38238" t="s">
        <v>23717</v>
      </c>
      <c r="D38238" t="s">
        <v>23718</v>
      </c>
      <c r="E38238" t="s">
        <v>23649</v>
      </c>
      <c r="F38238" t="s">
        <v>23650</v>
      </c>
      <c r="G38238" t="s">
        <v>22539</v>
      </c>
      <c r="H38238" t="s">
        <v>22540</v>
      </c>
      <c r="I38238" s="2">
        <v>0</v>
      </c>
      <c r="J38238" s="2">
        <v>0</v>
      </c>
      <c r="K38238" s="2">
        <v>1</v>
      </c>
      <c r="L38238" t="s">
        <v>995</v>
      </c>
      <c r="M38238" t="s">
        <v>83</v>
      </c>
      <c r="N38238" t="s">
        <v>84</v>
      </c>
      <c r="O38238" t="s">
        <v>85</v>
      </c>
      <c r="P38238" t="s">
        <v>86</v>
      </c>
      <c r="Q38238">
        <v>23</v>
      </c>
      <c r="R38238">
        <v>23</v>
      </c>
      <c r="S38238">
        <v>23</v>
      </c>
      <c r="T38238">
        <v>24</v>
      </c>
      <c r="U38238">
        <v>24</v>
      </c>
      <c r="V38238">
        <v>25</v>
      </c>
      <c r="W38238">
        <v>25</v>
      </c>
      <c r="X38238">
        <v>25</v>
      </c>
      <c r="Y38238">
        <v>26</v>
      </c>
      <c r="Z38238">
        <v>26</v>
      </c>
      <c r="AA38238">
        <v>27</v>
      </c>
      <c r="AB38238">
        <v>27</v>
      </c>
      <c r="AC38238">
        <v>27</v>
      </c>
      <c r="AD38238">
        <v>28</v>
      </c>
      <c r="AE38238">
        <v>28</v>
      </c>
      <c r="AF38238">
        <v>29</v>
      </c>
      <c r="AG38238">
        <v>29</v>
      </c>
      <c r="AH38238">
        <v>29</v>
      </c>
      <c r="AI38238">
        <v>30</v>
      </c>
      <c r="AJ38238">
        <v>30</v>
      </c>
      <c r="AK38238">
        <v>31</v>
      </c>
      <c r="AL38238">
        <v>31</v>
      </c>
      <c r="AM38238">
        <v>31</v>
      </c>
      <c r="AN38238">
        <v>31</v>
      </c>
      <c r="AO38238">
        <v>31</v>
      </c>
      <c r="AP38238">
        <v>31</v>
      </c>
      <c r="AQ38238">
        <v>32</v>
      </c>
    </row>
    <row r="38239" spans="1:43">
      <c r="A38239" t="s">
        <v>23719</v>
      </c>
      <c r="B38239" t="s">
        <v>23720</v>
      </c>
      <c r="C38239" t="s">
        <v>23717</v>
      </c>
      <c r="D38239" t="s">
        <v>23718</v>
      </c>
      <c r="E38239" t="s">
        <v>23649</v>
      </c>
      <c r="F38239" t="s">
        <v>23650</v>
      </c>
      <c r="G38239" t="s">
        <v>22539</v>
      </c>
      <c r="H38239" t="s">
        <v>22540</v>
      </c>
      <c r="I38239" s="2">
        <v>0</v>
      </c>
      <c r="J38239" s="2">
        <v>0</v>
      </c>
      <c r="K38239" s="2">
        <v>1</v>
      </c>
      <c r="L38239" t="s">
        <v>995</v>
      </c>
      <c r="M38239" t="s">
        <v>87</v>
      </c>
      <c r="N38239" t="s">
        <v>88</v>
      </c>
      <c r="O38239" t="s">
        <v>85</v>
      </c>
      <c r="P38239" t="s">
        <v>86</v>
      </c>
      <c r="Q38239">
        <v>23</v>
      </c>
      <c r="R38239">
        <v>24</v>
      </c>
      <c r="S38239">
        <v>24</v>
      </c>
      <c r="T38239">
        <v>24</v>
      </c>
      <c r="U38239">
        <v>24</v>
      </c>
      <c r="V38239">
        <v>24</v>
      </c>
      <c r="W38239">
        <v>24</v>
      </c>
      <c r="X38239">
        <v>25</v>
      </c>
      <c r="Y38239">
        <v>25</v>
      </c>
      <c r="Z38239">
        <v>25</v>
      </c>
      <c r="AA38239">
        <v>25</v>
      </c>
      <c r="AB38239">
        <v>25</v>
      </c>
      <c r="AC38239">
        <v>26</v>
      </c>
      <c r="AD38239">
        <v>26</v>
      </c>
      <c r="AE38239">
        <v>26</v>
      </c>
      <c r="AF38239">
        <v>26</v>
      </c>
      <c r="AG38239">
        <v>26</v>
      </c>
      <c r="AH38239">
        <v>27</v>
      </c>
      <c r="AI38239">
        <v>27</v>
      </c>
      <c r="AJ38239">
        <v>27</v>
      </c>
      <c r="AK38239">
        <v>27</v>
      </c>
      <c r="AL38239">
        <v>27</v>
      </c>
      <c r="AM38239">
        <v>28</v>
      </c>
      <c r="AN38239">
        <v>28</v>
      </c>
      <c r="AO38239">
        <v>28</v>
      </c>
      <c r="AP38239">
        <v>28</v>
      </c>
      <c r="AQ38239">
        <v>28</v>
      </c>
    </row>
    <row r="38240" spans="1:43">
      <c r="A38240" t="s">
        <v>23719</v>
      </c>
      <c r="B38240" t="s">
        <v>23720</v>
      </c>
      <c r="C38240" t="s">
        <v>23717</v>
      </c>
      <c r="D38240" t="s">
        <v>23718</v>
      </c>
      <c r="E38240" t="s">
        <v>23649</v>
      </c>
      <c r="F38240" t="s">
        <v>23650</v>
      </c>
      <c r="G38240" t="s">
        <v>22539</v>
      </c>
      <c r="H38240" t="s">
        <v>22540</v>
      </c>
      <c r="I38240" s="2">
        <v>0</v>
      </c>
      <c r="J38240" s="2">
        <v>0</v>
      </c>
      <c r="K38240" s="2">
        <v>1</v>
      </c>
      <c r="L38240" t="s">
        <v>995</v>
      </c>
      <c r="M38240" t="s">
        <v>89</v>
      </c>
      <c r="N38240" t="s">
        <v>90</v>
      </c>
      <c r="O38240" t="s">
        <v>85</v>
      </c>
      <c r="P38240" t="s">
        <v>86</v>
      </c>
      <c r="Q38240">
        <v>23</v>
      </c>
      <c r="R38240">
        <v>23</v>
      </c>
      <c r="S38240">
        <v>24</v>
      </c>
      <c r="T38240">
        <v>25</v>
      </c>
      <c r="U38240">
        <v>25</v>
      </c>
      <c r="V38240">
        <v>26</v>
      </c>
      <c r="W38240">
        <v>26</v>
      </c>
      <c r="X38240">
        <v>27</v>
      </c>
      <c r="Y38240">
        <v>27</v>
      </c>
      <c r="Z38240">
        <v>28</v>
      </c>
      <c r="AA38240">
        <v>28</v>
      </c>
      <c r="AB38240">
        <v>29</v>
      </c>
      <c r="AC38240">
        <v>29</v>
      </c>
      <c r="AD38240">
        <v>30</v>
      </c>
      <c r="AE38240">
        <v>30</v>
      </c>
      <c r="AF38240">
        <v>30</v>
      </c>
      <c r="AG38240">
        <v>30</v>
      </c>
      <c r="AH38240">
        <v>31</v>
      </c>
      <c r="AI38240">
        <v>31</v>
      </c>
      <c r="AJ38240">
        <v>31</v>
      </c>
      <c r="AK38240">
        <v>31</v>
      </c>
      <c r="AL38240">
        <v>31</v>
      </c>
      <c r="AM38240">
        <v>31</v>
      </c>
      <c r="AN38240">
        <v>31</v>
      </c>
      <c r="AO38240">
        <v>32</v>
      </c>
      <c r="AP38240">
        <v>32</v>
      </c>
      <c r="AQ38240">
        <v>32</v>
      </c>
    </row>
    <row r="38241" spans="1:43">
      <c r="A38241" t="s">
        <v>23719</v>
      </c>
      <c r="B38241" t="s">
        <v>23720</v>
      </c>
      <c r="C38241" t="s">
        <v>23717</v>
      </c>
      <c r="D38241" t="s">
        <v>23718</v>
      </c>
      <c r="E38241" t="s">
        <v>23649</v>
      </c>
      <c r="F38241" t="s">
        <v>23650</v>
      </c>
      <c r="G38241" t="s">
        <v>22539</v>
      </c>
      <c r="H38241" t="s">
        <v>22540</v>
      </c>
      <c r="I38241" s="2">
        <v>0</v>
      </c>
      <c r="J38241" s="2">
        <v>0</v>
      </c>
      <c r="K38241" s="2">
        <v>1</v>
      </c>
      <c r="L38241" t="s">
        <v>995</v>
      </c>
      <c r="M38241" t="s">
        <v>83</v>
      </c>
      <c r="N38241" t="s">
        <v>91</v>
      </c>
      <c r="O38241" t="s">
        <v>85</v>
      </c>
      <c r="P38241" t="s">
        <v>86</v>
      </c>
      <c r="Q38241">
        <v>23</v>
      </c>
      <c r="R38241">
        <v>23</v>
      </c>
      <c r="S38241">
        <v>23</v>
      </c>
      <c r="T38241">
        <v>24</v>
      </c>
      <c r="U38241">
        <v>24</v>
      </c>
      <c r="V38241">
        <v>25</v>
      </c>
      <c r="W38241">
        <v>25</v>
      </c>
      <c r="X38241">
        <v>25</v>
      </c>
      <c r="Y38241">
        <v>26</v>
      </c>
      <c r="Z38241">
        <v>26</v>
      </c>
      <c r="AA38241">
        <v>27</v>
      </c>
      <c r="AB38241">
        <v>27</v>
      </c>
      <c r="AC38241">
        <v>27</v>
      </c>
      <c r="AD38241">
        <v>28</v>
      </c>
      <c r="AE38241">
        <v>28</v>
      </c>
      <c r="AF38241">
        <v>29</v>
      </c>
      <c r="AG38241">
        <v>29</v>
      </c>
      <c r="AH38241">
        <v>29</v>
      </c>
      <c r="AI38241">
        <v>30</v>
      </c>
      <c r="AJ38241">
        <v>30</v>
      </c>
      <c r="AK38241">
        <v>31</v>
      </c>
      <c r="AL38241">
        <v>31</v>
      </c>
      <c r="AM38241">
        <v>31</v>
      </c>
      <c r="AN38241">
        <v>31</v>
      </c>
      <c r="AO38241">
        <v>31</v>
      </c>
      <c r="AP38241">
        <v>31</v>
      </c>
      <c r="AQ38241">
        <v>32</v>
      </c>
    </row>
    <row r="38242" spans="1:43">
      <c r="A38242" t="s">
        <v>23721</v>
      </c>
      <c r="B38242" t="s">
        <v>23722</v>
      </c>
      <c r="C38242" t="s">
        <v>23723</v>
      </c>
      <c r="D38242" t="s">
        <v>23724</v>
      </c>
      <c r="E38242" t="s">
        <v>23649</v>
      </c>
      <c r="F38242" t="s">
        <v>23650</v>
      </c>
      <c r="G38242" t="s">
        <v>22539</v>
      </c>
      <c r="H38242" t="s">
        <v>22540</v>
      </c>
      <c r="I38242" s="2">
        <v>0</v>
      </c>
      <c r="J38242" s="2">
        <v>0</v>
      </c>
      <c r="K38242" s="2">
        <v>1</v>
      </c>
      <c r="L38242" t="s">
        <v>995</v>
      </c>
      <c r="M38242" t="s">
        <v>83</v>
      </c>
      <c r="N38242" t="s">
        <v>84</v>
      </c>
      <c r="O38242" t="s">
        <v>85</v>
      </c>
      <c r="P38242" t="s">
        <v>86</v>
      </c>
      <c r="Q38242">
        <v>28</v>
      </c>
      <c r="R38242">
        <v>29</v>
      </c>
      <c r="S38242">
        <v>29</v>
      </c>
      <c r="T38242">
        <v>30</v>
      </c>
      <c r="U38242">
        <v>30</v>
      </c>
      <c r="V38242">
        <v>31</v>
      </c>
      <c r="W38242">
        <v>31</v>
      </c>
      <c r="X38242">
        <v>32</v>
      </c>
      <c r="Y38242">
        <v>32</v>
      </c>
      <c r="Z38242">
        <v>33</v>
      </c>
      <c r="AA38242">
        <v>33</v>
      </c>
      <c r="AB38242">
        <v>34</v>
      </c>
      <c r="AC38242">
        <v>34</v>
      </c>
      <c r="AD38242">
        <v>35</v>
      </c>
      <c r="AE38242">
        <v>35</v>
      </c>
      <c r="AF38242">
        <v>36</v>
      </c>
      <c r="AG38242">
        <v>36</v>
      </c>
      <c r="AH38242">
        <v>37</v>
      </c>
      <c r="AI38242">
        <v>37</v>
      </c>
      <c r="AJ38242">
        <v>38</v>
      </c>
      <c r="AK38242">
        <v>39</v>
      </c>
      <c r="AL38242">
        <v>39</v>
      </c>
      <c r="AM38242">
        <v>39</v>
      </c>
      <c r="AN38242">
        <v>39</v>
      </c>
      <c r="AO38242">
        <v>40</v>
      </c>
      <c r="AP38242">
        <v>40</v>
      </c>
      <c r="AQ38242">
        <v>40</v>
      </c>
    </row>
    <row r="38243" spans="1:43">
      <c r="A38243" t="s">
        <v>23721</v>
      </c>
      <c r="B38243" t="s">
        <v>23722</v>
      </c>
      <c r="C38243" t="s">
        <v>23723</v>
      </c>
      <c r="D38243" t="s">
        <v>23724</v>
      </c>
      <c r="E38243" t="s">
        <v>23649</v>
      </c>
      <c r="F38243" t="s">
        <v>23650</v>
      </c>
      <c r="G38243" t="s">
        <v>22539</v>
      </c>
      <c r="H38243" t="s">
        <v>22540</v>
      </c>
      <c r="I38243" s="2">
        <v>0</v>
      </c>
      <c r="J38243" s="2">
        <v>0</v>
      </c>
      <c r="K38243" s="2">
        <v>1</v>
      </c>
      <c r="L38243" t="s">
        <v>995</v>
      </c>
      <c r="M38243" t="s">
        <v>87</v>
      </c>
      <c r="N38243" t="s">
        <v>88</v>
      </c>
      <c r="O38243" t="s">
        <v>85</v>
      </c>
      <c r="P38243" t="s">
        <v>86</v>
      </c>
      <c r="Q38243">
        <v>28</v>
      </c>
      <c r="R38243">
        <v>28</v>
      </c>
      <c r="S38243">
        <v>28</v>
      </c>
      <c r="T38243">
        <v>29</v>
      </c>
      <c r="U38243">
        <v>29</v>
      </c>
      <c r="V38243">
        <v>29</v>
      </c>
      <c r="W38243">
        <v>29</v>
      </c>
      <c r="X38243">
        <v>30</v>
      </c>
      <c r="Y38243">
        <v>30</v>
      </c>
      <c r="Z38243">
        <v>30</v>
      </c>
      <c r="AA38243">
        <v>30</v>
      </c>
      <c r="AB38243">
        <v>31</v>
      </c>
      <c r="AC38243">
        <v>31</v>
      </c>
      <c r="AD38243">
        <v>31</v>
      </c>
      <c r="AE38243">
        <v>31</v>
      </c>
      <c r="AF38243">
        <v>32</v>
      </c>
      <c r="AG38243">
        <v>32</v>
      </c>
      <c r="AH38243">
        <v>32</v>
      </c>
      <c r="AI38243">
        <v>32</v>
      </c>
      <c r="AJ38243">
        <v>33</v>
      </c>
      <c r="AK38243">
        <v>33</v>
      </c>
      <c r="AL38243">
        <v>33</v>
      </c>
      <c r="AM38243">
        <v>34</v>
      </c>
      <c r="AN38243">
        <v>34</v>
      </c>
      <c r="AO38243">
        <v>34</v>
      </c>
      <c r="AP38243">
        <v>34</v>
      </c>
      <c r="AQ38243">
        <v>35</v>
      </c>
    </row>
    <row r="38244" spans="1:43">
      <c r="A38244" t="s">
        <v>23721</v>
      </c>
      <c r="B38244" t="s">
        <v>23722</v>
      </c>
      <c r="C38244" t="s">
        <v>23723</v>
      </c>
      <c r="D38244" t="s">
        <v>23724</v>
      </c>
      <c r="E38244" t="s">
        <v>23649</v>
      </c>
      <c r="F38244" t="s">
        <v>23650</v>
      </c>
      <c r="G38244" t="s">
        <v>22539</v>
      </c>
      <c r="H38244" t="s">
        <v>22540</v>
      </c>
      <c r="I38244" s="2">
        <v>0</v>
      </c>
      <c r="J38244" s="2">
        <v>0</v>
      </c>
      <c r="K38244" s="2">
        <v>1</v>
      </c>
      <c r="L38244" t="s">
        <v>995</v>
      </c>
      <c r="M38244" t="s">
        <v>89</v>
      </c>
      <c r="N38244" t="s">
        <v>90</v>
      </c>
      <c r="O38244" t="s">
        <v>85</v>
      </c>
      <c r="P38244" t="s">
        <v>86</v>
      </c>
      <c r="Q38244">
        <v>28</v>
      </c>
      <c r="R38244">
        <v>29</v>
      </c>
      <c r="S38244">
        <v>30</v>
      </c>
      <c r="T38244">
        <v>31</v>
      </c>
      <c r="U38244">
        <v>31</v>
      </c>
      <c r="V38244">
        <v>32</v>
      </c>
      <c r="W38244">
        <v>33</v>
      </c>
      <c r="X38244">
        <v>33</v>
      </c>
      <c r="Y38244">
        <v>34</v>
      </c>
      <c r="Z38244">
        <v>35</v>
      </c>
      <c r="AA38244">
        <v>35</v>
      </c>
      <c r="AB38244">
        <v>36</v>
      </c>
      <c r="AC38244">
        <v>37</v>
      </c>
      <c r="AD38244">
        <v>37</v>
      </c>
      <c r="AE38244">
        <v>38</v>
      </c>
      <c r="AF38244">
        <v>38</v>
      </c>
      <c r="AG38244">
        <v>38</v>
      </c>
      <c r="AH38244">
        <v>38</v>
      </c>
      <c r="AI38244">
        <v>39</v>
      </c>
      <c r="AJ38244">
        <v>39</v>
      </c>
      <c r="AK38244">
        <v>39</v>
      </c>
      <c r="AL38244">
        <v>39</v>
      </c>
      <c r="AM38244">
        <v>39</v>
      </c>
      <c r="AN38244">
        <v>40</v>
      </c>
      <c r="AO38244">
        <v>40</v>
      </c>
      <c r="AP38244">
        <v>40</v>
      </c>
      <c r="AQ38244">
        <v>40</v>
      </c>
    </row>
    <row r="38245" spans="1:43">
      <c r="A38245" t="s">
        <v>23721</v>
      </c>
      <c r="B38245" t="s">
        <v>23722</v>
      </c>
      <c r="C38245" t="s">
        <v>23723</v>
      </c>
      <c r="D38245" t="s">
        <v>23724</v>
      </c>
      <c r="E38245" t="s">
        <v>23649</v>
      </c>
      <c r="F38245" t="s">
        <v>23650</v>
      </c>
      <c r="G38245" t="s">
        <v>22539</v>
      </c>
      <c r="H38245" t="s">
        <v>22540</v>
      </c>
      <c r="I38245" s="2">
        <v>0</v>
      </c>
      <c r="J38245" s="2">
        <v>0</v>
      </c>
      <c r="K38245" s="2">
        <v>1</v>
      </c>
      <c r="L38245" t="s">
        <v>995</v>
      </c>
      <c r="M38245" t="s">
        <v>83</v>
      </c>
      <c r="N38245" t="s">
        <v>91</v>
      </c>
      <c r="O38245" t="s">
        <v>85</v>
      </c>
      <c r="P38245" t="s">
        <v>86</v>
      </c>
      <c r="Q38245">
        <v>28</v>
      </c>
      <c r="R38245">
        <v>29</v>
      </c>
      <c r="S38245">
        <v>29</v>
      </c>
      <c r="T38245">
        <v>30</v>
      </c>
      <c r="U38245">
        <v>30</v>
      </c>
      <c r="V38245">
        <v>31</v>
      </c>
      <c r="W38245">
        <v>31</v>
      </c>
      <c r="X38245">
        <v>32</v>
      </c>
      <c r="Y38245">
        <v>32</v>
      </c>
      <c r="Z38245">
        <v>33</v>
      </c>
      <c r="AA38245">
        <v>33</v>
      </c>
      <c r="AB38245">
        <v>34</v>
      </c>
      <c r="AC38245">
        <v>34</v>
      </c>
      <c r="AD38245">
        <v>35</v>
      </c>
      <c r="AE38245">
        <v>35</v>
      </c>
      <c r="AF38245">
        <v>36</v>
      </c>
      <c r="AG38245">
        <v>36</v>
      </c>
      <c r="AH38245">
        <v>37</v>
      </c>
      <c r="AI38245">
        <v>37</v>
      </c>
      <c r="AJ38245">
        <v>38</v>
      </c>
      <c r="AK38245">
        <v>39</v>
      </c>
      <c r="AL38245">
        <v>39</v>
      </c>
      <c r="AM38245">
        <v>39</v>
      </c>
      <c r="AN38245">
        <v>39</v>
      </c>
      <c r="AO38245">
        <v>40</v>
      </c>
      <c r="AP38245">
        <v>40</v>
      </c>
      <c r="AQ38245">
        <v>40</v>
      </c>
    </row>
    <row r="38246" spans="1:43">
      <c r="A38246" t="s">
        <v>23725</v>
      </c>
      <c r="B38246" t="s">
        <v>23726</v>
      </c>
      <c r="C38246" t="s">
        <v>23723</v>
      </c>
      <c r="D38246" t="s">
        <v>23724</v>
      </c>
      <c r="E38246" t="s">
        <v>23649</v>
      </c>
      <c r="F38246" t="s">
        <v>23650</v>
      </c>
      <c r="G38246" t="s">
        <v>22539</v>
      </c>
      <c r="H38246" t="s">
        <v>22540</v>
      </c>
      <c r="I38246" s="2">
        <v>0</v>
      </c>
      <c r="J38246" s="2">
        <v>0</v>
      </c>
      <c r="K38246" s="2">
        <v>0.54</v>
      </c>
      <c r="L38246" t="s">
        <v>995</v>
      </c>
      <c r="M38246" t="s">
        <v>83</v>
      </c>
      <c r="N38246" t="s">
        <v>84</v>
      </c>
      <c r="O38246" t="s">
        <v>85</v>
      </c>
      <c r="P38246" t="s">
        <v>86</v>
      </c>
      <c r="Q38246">
        <v>9</v>
      </c>
      <c r="R38246">
        <v>9</v>
      </c>
      <c r="S38246">
        <v>9</v>
      </c>
      <c r="T38246">
        <v>10</v>
      </c>
      <c r="U38246">
        <v>10</v>
      </c>
      <c r="V38246">
        <v>10</v>
      </c>
      <c r="W38246">
        <v>10</v>
      </c>
      <c r="X38246">
        <v>10</v>
      </c>
      <c r="Y38246">
        <v>10</v>
      </c>
      <c r="Z38246">
        <v>11</v>
      </c>
      <c r="AA38246">
        <v>11</v>
      </c>
      <c r="AB38246">
        <v>11</v>
      </c>
      <c r="AC38246">
        <v>11</v>
      </c>
      <c r="AD38246">
        <v>11</v>
      </c>
      <c r="AE38246">
        <v>11</v>
      </c>
      <c r="AF38246">
        <v>12</v>
      </c>
      <c r="AG38246">
        <v>12</v>
      </c>
      <c r="AH38246">
        <v>12</v>
      </c>
      <c r="AI38246">
        <v>12</v>
      </c>
      <c r="AJ38246">
        <v>12</v>
      </c>
      <c r="AK38246">
        <v>12</v>
      </c>
      <c r="AL38246">
        <v>12</v>
      </c>
      <c r="AM38246">
        <v>13</v>
      </c>
      <c r="AN38246">
        <v>13</v>
      </c>
      <c r="AO38246">
        <v>13</v>
      </c>
      <c r="AP38246">
        <v>13</v>
      </c>
      <c r="AQ38246">
        <v>13</v>
      </c>
    </row>
    <row r="38247" spans="1:43">
      <c r="A38247" t="s">
        <v>23725</v>
      </c>
      <c r="B38247" t="s">
        <v>23726</v>
      </c>
      <c r="C38247" t="s">
        <v>23723</v>
      </c>
      <c r="D38247" t="s">
        <v>23724</v>
      </c>
      <c r="E38247" t="s">
        <v>23649</v>
      </c>
      <c r="F38247" t="s">
        <v>23650</v>
      </c>
      <c r="G38247" t="s">
        <v>22539</v>
      </c>
      <c r="H38247" t="s">
        <v>22540</v>
      </c>
      <c r="I38247" s="2">
        <v>0</v>
      </c>
      <c r="J38247" s="2">
        <v>0</v>
      </c>
      <c r="K38247" s="2">
        <v>0.54</v>
      </c>
      <c r="L38247" t="s">
        <v>995</v>
      </c>
      <c r="M38247" t="s">
        <v>87</v>
      </c>
      <c r="N38247" t="s">
        <v>88</v>
      </c>
      <c r="O38247" t="s">
        <v>85</v>
      </c>
      <c r="P38247" t="s">
        <v>86</v>
      </c>
      <c r="Q38247">
        <v>9</v>
      </c>
      <c r="R38247">
        <v>9</v>
      </c>
      <c r="S38247">
        <v>9</v>
      </c>
      <c r="T38247">
        <v>9</v>
      </c>
      <c r="U38247">
        <v>9</v>
      </c>
      <c r="V38247">
        <v>9</v>
      </c>
      <c r="W38247">
        <v>9</v>
      </c>
      <c r="X38247">
        <v>10</v>
      </c>
      <c r="Y38247">
        <v>10</v>
      </c>
      <c r="Z38247">
        <v>10</v>
      </c>
      <c r="AA38247">
        <v>10</v>
      </c>
      <c r="AB38247">
        <v>10</v>
      </c>
      <c r="AC38247">
        <v>10</v>
      </c>
      <c r="AD38247">
        <v>10</v>
      </c>
      <c r="AE38247">
        <v>10</v>
      </c>
      <c r="AF38247">
        <v>10</v>
      </c>
      <c r="AG38247">
        <v>10</v>
      </c>
      <c r="AH38247">
        <v>10</v>
      </c>
      <c r="AI38247">
        <v>10</v>
      </c>
      <c r="AJ38247">
        <v>11</v>
      </c>
      <c r="AK38247">
        <v>11</v>
      </c>
      <c r="AL38247">
        <v>11</v>
      </c>
      <c r="AM38247">
        <v>11</v>
      </c>
      <c r="AN38247">
        <v>11</v>
      </c>
      <c r="AO38247">
        <v>11</v>
      </c>
      <c r="AP38247">
        <v>11</v>
      </c>
      <c r="AQ38247">
        <v>11</v>
      </c>
    </row>
    <row r="38248" spans="1:43">
      <c r="A38248" t="s">
        <v>23725</v>
      </c>
      <c r="B38248" t="s">
        <v>23726</v>
      </c>
      <c r="C38248" t="s">
        <v>23723</v>
      </c>
      <c r="D38248" t="s">
        <v>23724</v>
      </c>
      <c r="E38248" t="s">
        <v>23649</v>
      </c>
      <c r="F38248" t="s">
        <v>23650</v>
      </c>
      <c r="G38248" t="s">
        <v>22539</v>
      </c>
      <c r="H38248" t="s">
        <v>22540</v>
      </c>
      <c r="I38248" s="2">
        <v>0</v>
      </c>
      <c r="J38248" s="2">
        <v>0</v>
      </c>
      <c r="K38248" s="2">
        <v>0.54</v>
      </c>
      <c r="L38248" t="s">
        <v>995</v>
      </c>
      <c r="M38248" t="s">
        <v>89</v>
      </c>
      <c r="N38248" t="s">
        <v>90</v>
      </c>
      <c r="O38248" t="s">
        <v>85</v>
      </c>
      <c r="P38248" t="s">
        <v>86</v>
      </c>
      <c r="Q38248">
        <v>9</v>
      </c>
      <c r="R38248">
        <v>9</v>
      </c>
      <c r="S38248">
        <v>10</v>
      </c>
      <c r="T38248">
        <v>10</v>
      </c>
      <c r="U38248">
        <v>10</v>
      </c>
      <c r="V38248">
        <v>10</v>
      </c>
      <c r="W38248">
        <v>11</v>
      </c>
      <c r="X38248">
        <v>11</v>
      </c>
      <c r="Y38248">
        <v>11</v>
      </c>
      <c r="Z38248">
        <v>11</v>
      </c>
      <c r="AA38248">
        <v>11</v>
      </c>
      <c r="AB38248">
        <v>12</v>
      </c>
      <c r="AC38248">
        <v>12</v>
      </c>
      <c r="AD38248">
        <v>12</v>
      </c>
      <c r="AE38248">
        <v>12</v>
      </c>
      <c r="AF38248">
        <v>12</v>
      </c>
      <c r="AG38248">
        <v>12</v>
      </c>
      <c r="AH38248">
        <v>12</v>
      </c>
      <c r="AI38248">
        <v>12</v>
      </c>
      <c r="AJ38248">
        <v>12</v>
      </c>
      <c r="AK38248">
        <v>13</v>
      </c>
      <c r="AL38248">
        <v>13</v>
      </c>
      <c r="AM38248">
        <v>13</v>
      </c>
      <c r="AN38248">
        <v>13</v>
      </c>
      <c r="AO38248">
        <v>13</v>
      </c>
      <c r="AP38248">
        <v>13</v>
      </c>
      <c r="AQ38248">
        <v>13</v>
      </c>
    </row>
    <row r="38249" spans="1:43">
      <c r="A38249" t="s">
        <v>23725</v>
      </c>
      <c r="B38249" t="s">
        <v>23726</v>
      </c>
      <c r="C38249" t="s">
        <v>23723</v>
      </c>
      <c r="D38249" t="s">
        <v>23724</v>
      </c>
      <c r="E38249" t="s">
        <v>23649</v>
      </c>
      <c r="F38249" t="s">
        <v>23650</v>
      </c>
      <c r="G38249" t="s">
        <v>22539</v>
      </c>
      <c r="H38249" t="s">
        <v>22540</v>
      </c>
      <c r="I38249" s="2">
        <v>0</v>
      </c>
      <c r="J38249" s="2">
        <v>0</v>
      </c>
      <c r="K38249" s="2">
        <v>0.54</v>
      </c>
      <c r="L38249" t="s">
        <v>995</v>
      </c>
      <c r="M38249" t="s">
        <v>83</v>
      </c>
      <c r="N38249" t="s">
        <v>91</v>
      </c>
      <c r="O38249" t="s">
        <v>85</v>
      </c>
      <c r="P38249" t="s">
        <v>86</v>
      </c>
      <c r="Q38249">
        <v>9</v>
      </c>
      <c r="R38249">
        <v>9</v>
      </c>
      <c r="S38249">
        <v>9</v>
      </c>
      <c r="T38249">
        <v>10</v>
      </c>
      <c r="U38249">
        <v>10</v>
      </c>
      <c r="V38249">
        <v>10</v>
      </c>
      <c r="W38249">
        <v>10</v>
      </c>
      <c r="X38249">
        <v>10</v>
      </c>
      <c r="Y38249">
        <v>10</v>
      </c>
      <c r="Z38249">
        <v>11</v>
      </c>
      <c r="AA38249">
        <v>11</v>
      </c>
      <c r="AB38249">
        <v>11</v>
      </c>
      <c r="AC38249">
        <v>11</v>
      </c>
      <c r="AD38249">
        <v>11</v>
      </c>
      <c r="AE38249">
        <v>11</v>
      </c>
      <c r="AF38249">
        <v>12</v>
      </c>
      <c r="AG38249">
        <v>12</v>
      </c>
      <c r="AH38249">
        <v>12</v>
      </c>
      <c r="AI38249">
        <v>12</v>
      </c>
      <c r="AJ38249">
        <v>12</v>
      </c>
      <c r="AK38249">
        <v>12</v>
      </c>
      <c r="AL38249">
        <v>12</v>
      </c>
      <c r="AM38249">
        <v>13</v>
      </c>
      <c r="AN38249">
        <v>13</v>
      </c>
      <c r="AO38249">
        <v>13</v>
      </c>
      <c r="AP38249">
        <v>13</v>
      </c>
      <c r="AQ38249">
        <v>13</v>
      </c>
    </row>
    <row r="38250" spans="1:43">
      <c r="A38250" t="s">
        <v>23727</v>
      </c>
      <c r="B38250" t="s">
        <v>23728</v>
      </c>
      <c r="C38250" t="s">
        <v>23723</v>
      </c>
      <c r="D38250" t="s">
        <v>23724</v>
      </c>
      <c r="E38250" t="s">
        <v>23649</v>
      </c>
      <c r="F38250" t="s">
        <v>23650</v>
      </c>
      <c r="G38250" t="s">
        <v>22539</v>
      </c>
      <c r="H38250" t="s">
        <v>22540</v>
      </c>
      <c r="I38250" s="2">
        <v>0</v>
      </c>
      <c r="J38250" s="2">
        <v>0</v>
      </c>
      <c r="K38250" s="2">
        <v>1</v>
      </c>
      <c r="L38250" t="s">
        <v>995</v>
      </c>
      <c r="M38250" t="s">
        <v>83</v>
      </c>
      <c r="N38250" t="s">
        <v>84</v>
      </c>
      <c r="O38250" t="s">
        <v>85</v>
      </c>
      <c r="P38250" t="s">
        <v>86</v>
      </c>
      <c r="Q38250">
        <v>30</v>
      </c>
      <c r="R38250">
        <v>30</v>
      </c>
      <c r="S38250">
        <v>31</v>
      </c>
      <c r="T38250">
        <v>31</v>
      </c>
      <c r="U38250">
        <v>32</v>
      </c>
      <c r="V38250">
        <v>32</v>
      </c>
      <c r="W38250">
        <v>33</v>
      </c>
      <c r="X38250">
        <v>33</v>
      </c>
      <c r="Y38250">
        <v>34</v>
      </c>
      <c r="Z38250">
        <v>34</v>
      </c>
      <c r="AA38250">
        <v>35</v>
      </c>
      <c r="AB38250">
        <v>35</v>
      </c>
      <c r="AC38250">
        <v>36</v>
      </c>
      <c r="AD38250">
        <v>37</v>
      </c>
      <c r="AE38250">
        <v>37</v>
      </c>
      <c r="AF38250">
        <v>38</v>
      </c>
      <c r="AG38250">
        <v>38</v>
      </c>
      <c r="AH38250">
        <v>39</v>
      </c>
      <c r="AI38250">
        <v>39</v>
      </c>
      <c r="AJ38250">
        <v>40</v>
      </c>
      <c r="AK38250">
        <v>40</v>
      </c>
      <c r="AL38250">
        <v>41</v>
      </c>
      <c r="AM38250">
        <v>41</v>
      </c>
      <c r="AN38250">
        <v>41</v>
      </c>
      <c r="AO38250">
        <v>41</v>
      </c>
      <c r="AP38250">
        <v>42</v>
      </c>
      <c r="AQ38250">
        <v>42</v>
      </c>
    </row>
    <row r="38251" spans="1:43">
      <c r="A38251" t="s">
        <v>23727</v>
      </c>
      <c r="B38251" t="s">
        <v>23728</v>
      </c>
      <c r="C38251" t="s">
        <v>23723</v>
      </c>
      <c r="D38251" t="s">
        <v>23724</v>
      </c>
      <c r="E38251" t="s">
        <v>23649</v>
      </c>
      <c r="F38251" t="s">
        <v>23650</v>
      </c>
      <c r="G38251" t="s">
        <v>22539</v>
      </c>
      <c r="H38251" t="s">
        <v>22540</v>
      </c>
      <c r="I38251" s="2">
        <v>0</v>
      </c>
      <c r="J38251" s="2">
        <v>0</v>
      </c>
      <c r="K38251" s="2">
        <v>1</v>
      </c>
      <c r="L38251" t="s">
        <v>995</v>
      </c>
      <c r="M38251" t="s">
        <v>87</v>
      </c>
      <c r="N38251" t="s">
        <v>88</v>
      </c>
      <c r="O38251" t="s">
        <v>85</v>
      </c>
      <c r="P38251" t="s">
        <v>86</v>
      </c>
      <c r="Q38251">
        <v>30</v>
      </c>
      <c r="R38251">
        <v>30</v>
      </c>
      <c r="S38251">
        <v>31</v>
      </c>
      <c r="T38251">
        <v>31</v>
      </c>
      <c r="U38251">
        <v>31</v>
      </c>
      <c r="V38251">
        <v>31</v>
      </c>
      <c r="W38251">
        <v>32</v>
      </c>
      <c r="X38251">
        <v>32</v>
      </c>
      <c r="Y38251">
        <v>32</v>
      </c>
      <c r="Z38251">
        <v>33</v>
      </c>
      <c r="AA38251">
        <v>33</v>
      </c>
      <c r="AB38251">
        <v>33</v>
      </c>
      <c r="AC38251">
        <v>33</v>
      </c>
      <c r="AD38251">
        <v>34</v>
      </c>
      <c r="AE38251">
        <v>34</v>
      </c>
      <c r="AF38251">
        <v>34</v>
      </c>
      <c r="AG38251">
        <v>34</v>
      </c>
      <c r="AH38251">
        <v>35</v>
      </c>
      <c r="AI38251">
        <v>35</v>
      </c>
      <c r="AJ38251">
        <v>35</v>
      </c>
      <c r="AK38251">
        <v>36</v>
      </c>
      <c r="AL38251">
        <v>36</v>
      </c>
      <c r="AM38251">
        <v>36</v>
      </c>
      <c r="AN38251">
        <v>37</v>
      </c>
      <c r="AO38251">
        <v>37</v>
      </c>
      <c r="AP38251">
        <v>37</v>
      </c>
      <c r="AQ38251">
        <v>37</v>
      </c>
    </row>
    <row r="38252" spans="1:43">
      <c r="A38252" t="s">
        <v>23727</v>
      </c>
      <c r="B38252" t="s">
        <v>23728</v>
      </c>
      <c r="C38252" t="s">
        <v>23723</v>
      </c>
      <c r="D38252" t="s">
        <v>23724</v>
      </c>
      <c r="E38252" t="s">
        <v>23649</v>
      </c>
      <c r="F38252" t="s">
        <v>23650</v>
      </c>
      <c r="G38252" t="s">
        <v>22539</v>
      </c>
      <c r="H38252" t="s">
        <v>22540</v>
      </c>
      <c r="I38252" s="2">
        <v>0</v>
      </c>
      <c r="J38252" s="2">
        <v>0</v>
      </c>
      <c r="K38252" s="2">
        <v>1</v>
      </c>
      <c r="L38252" t="s">
        <v>995</v>
      </c>
      <c r="M38252" t="s">
        <v>89</v>
      </c>
      <c r="N38252" t="s">
        <v>90</v>
      </c>
      <c r="O38252" t="s">
        <v>85</v>
      </c>
      <c r="P38252" t="s">
        <v>86</v>
      </c>
      <c r="Q38252">
        <v>30</v>
      </c>
      <c r="R38252">
        <v>31</v>
      </c>
      <c r="S38252">
        <v>31</v>
      </c>
      <c r="T38252">
        <v>32</v>
      </c>
      <c r="U38252">
        <v>33</v>
      </c>
      <c r="V38252">
        <v>34</v>
      </c>
      <c r="W38252">
        <v>34</v>
      </c>
      <c r="X38252">
        <v>35</v>
      </c>
      <c r="Y38252">
        <v>36</v>
      </c>
      <c r="Z38252">
        <v>36</v>
      </c>
      <c r="AA38252">
        <v>37</v>
      </c>
      <c r="AB38252">
        <v>38</v>
      </c>
      <c r="AC38252">
        <v>38</v>
      </c>
      <c r="AD38252">
        <v>39</v>
      </c>
      <c r="AE38252">
        <v>40</v>
      </c>
      <c r="AF38252">
        <v>40</v>
      </c>
      <c r="AG38252">
        <v>40</v>
      </c>
      <c r="AH38252">
        <v>40</v>
      </c>
      <c r="AI38252">
        <v>41</v>
      </c>
      <c r="AJ38252">
        <v>41</v>
      </c>
      <c r="AK38252">
        <v>41</v>
      </c>
      <c r="AL38252">
        <v>41</v>
      </c>
      <c r="AM38252">
        <v>41</v>
      </c>
      <c r="AN38252">
        <v>42</v>
      </c>
      <c r="AO38252">
        <v>42</v>
      </c>
      <c r="AP38252">
        <v>42</v>
      </c>
      <c r="AQ38252">
        <v>42</v>
      </c>
    </row>
    <row r="38253" spans="1:43">
      <c r="A38253" t="s">
        <v>23727</v>
      </c>
      <c r="B38253" t="s">
        <v>23728</v>
      </c>
      <c r="C38253" t="s">
        <v>23723</v>
      </c>
      <c r="D38253" t="s">
        <v>23724</v>
      </c>
      <c r="E38253" t="s">
        <v>23649</v>
      </c>
      <c r="F38253" t="s">
        <v>23650</v>
      </c>
      <c r="G38253" t="s">
        <v>22539</v>
      </c>
      <c r="H38253" t="s">
        <v>22540</v>
      </c>
      <c r="I38253" s="2">
        <v>0</v>
      </c>
      <c r="J38253" s="2">
        <v>0</v>
      </c>
      <c r="K38253" s="2">
        <v>1</v>
      </c>
      <c r="L38253" t="s">
        <v>995</v>
      </c>
      <c r="M38253" t="s">
        <v>83</v>
      </c>
      <c r="N38253" t="s">
        <v>91</v>
      </c>
      <c r="O38253" t="s">
        <v>85</v>
      </c>
      <c r="P38253" t="s">
        <v>86</v>
      </c>
      <c r="Q38253">
        <v>30</v>
      </c>
      <c r="R38253">
        <v>30</v>
      </c>
      <c r="S38253">
        <v>31</v>
      </c>
      <c r="T38253">
        <v>31</v>
      </c>
      <c r="U38253">
        <v>32</v>
      </c>
      <c r="V38253">
        <v>32</v>
      </c>
      <c r="W38253">
        <v>33</v>
      </c>
      <c r="X38253">
        <v>33</v>
      </c>
      <c r="Y38253">
        <v>34</v>
      </c>
      <c r="Z38253">
        <v>34</v>
      </c>
      <c r="AA38253">
        <v>35</v>
      </c>
      <c r="AB38253">
        <v>35</v>
      </c>
      <c r="AC38253">
        <v>36</v>
      </c>
      <c r="AD38253">
        <v>37</v>
      </c>
      <c r="AE38253">
        <v>37</v>
      </c>
      <c r="AF38253">
        <v>38</v>
      </c>
      <c r="AG38253">
        <v>38</v>
      </c>
      <c r="AH38253">
        <v>39</v>
      </c>
      <c r="AI38253">
        <v>39</v>
      </c>
      <c r="AJ38253">
        <v>40</v>
      </c>
      <c r="AK38253">
        <v>40</v>
      </c>
      <c r="AL38253">
        <v>41</v>
      </c>
      <c r="AM38253">
        <v>41</v>
      </c>
      <c r="AN38253">
        <v>41</v>
      </c>
      <c r="AO38253">
        <v>41</v>
      </c>
      <c r="AP38253">
        <v>42</v>
      </c>
      <c r="AQ38253">
        <v>42</v>
      </c>
    </row>
    <row r="38254" spans="1:43">
      <c r="A38254" t="s">
        <v>23729</v>
      </c>
      <c r="B38254" t="s">
        <v>23730</v>
      </c>
      <c r="C38254" t="s">
        <v>23723</v>
      </c>
      <c r="D38254" t="s">
        <v>23724</v>
      </c>
      <c r="E38254" t="s">
        <v>23649</v>
      </c>
      <c r="F38254" t="s">
        <v>23650</v>
      </c>
      <c r="G38254" t="s">
        <v>22539</v>
      </c>
      <c r="H38254" t="s">
        <v>22540</v>
      </c>
      <c r="I38254" s="2">
        <v>0</v>
      </c>
      <c r="J38254" s="2">
        <v>0</v>
      </c>
      <c r="K38254" s="2">
        <v>1</v>
      </c>
      <c r="L38254" t="s">
        <v>995</v>
      </c>
      <c r="M38254" t="s">
        <v>83</v>
      </c>
      <c r="N38254" t="s">
        <v>84</v>
      </c>
      <c r="O38254" t="s">
        <v>85</v>
      </c>
      <c r="P38254" t="s">
        <v>86</v>
      </c>
      <c r="Q38254">
        <v>48</v>
      </c>
      <c r="R38254">
        <v>49</v>
      </c>
      <c r="S38254">
        <v>50</v>
      </c>
      <c r="T38254">
        <v>50</v>
      </c>
      <c r="U38254">
        <v>51</v>
      </c>
      <c r="V38254">
        <v>52</v>
      </c>
      <c r="W38254">
        <v>53</v>
      </c>
      <c r="X38254">
        <v>54</v>
      </c>
      <c r="Y38254">
        <v>55</v>
      </c>
      <c r="Z38254">
        <v>56</v>
      </c>
      <c r="AA38254">
        <v>57</v>
      </c>
      <c r="AB38254">
        <v>58</v>
      </c>
      <c r="AC38254">
        <v>58</v>
      </c>
      <c r="AD38254">
        <v>59</v>
      </c>
      <c r="AE38254">
        <v>60</v>
      </c>
      <c r="AF38254">
        <v>61</v>
      </c>
      <c r="AG38254">
        <v>62</v>
      </c>
      <c r="AH38254">
        <v>63</v>
      </c>
      <c r="AI38254">
        <v>64</v>
      </c>
      <c r="AJ38254">
        <v>65</v>
      </c>
      <c r="AK38254">
        <v>65</v>
      </c>
      <c r="AL38254">
        <v>66</v>
      </c>
      <c r="AM38254">
        <v>66</v>
      </c>
      <c r="AN38254">
        <v>67</v>
      </c>
      <c r="AO38254">
        <v>67</v>
      </c>
      <c r="AP38254">
        <v>68</v>
      </c>
      <c r="AQ38254">
        <v>68</v>
      </c>
    </row>
    <row r="38255" spans="1:43">
      <c r="A38255" t="s">
        <v>23729</v>
      </c>
      <c r="B38255" t="s">
        <v>23730</v>
      </c>
      <c r="C38255" t="s">
        <v>23723</v>
      </c>
      <c r="D38255" t="s">
        <v>23724</v>
      </c>
      <c r="E38255" t="s">
        <v>23649</v>
      </c>
      <c r="F38255" t="s">
        <v>23650</v>
      </c>
      <c r="G38255" t="s">
        <v>22539</v>
      </c>
      <c r="H38255" t="s">
        <v>22540</v>
      </c>
      <c r="I38255" s="2">
        <v>0</v>
      </c>
      <c r="J38255" s="2">
        <v>0</v>
      </c>
      <c r="K38255" s="2">
        <v>1</v>
      </c>
      <c r="L38255" t="s">
        <v>995</v>
      </c>
      <c r="M38255" t="s">
        <v>87</v>
      </c>
      <c r="N38255" t="s">
        <v>88</v>
      </c>
      <c r="O38255" t="s">
        <v>85</v>
      </c>
      <c r="P38255" t="s">
        <v>86</v>
      </c>
      <c r="Q38255">
        <v>48</v>
      </c>
      <c r="R38255">
        <v>49</v>
      </c>
      <c r="S38255">
        <v>49</v>
      </c>
      <c r="T38255">
        <v>50</v>
      </c>
      <c r="U38255">
        <v>50</v>
      </c>
      <c r="V38255">
        <v>50</v>
      </c>
      <c r="W38255">
        <v>51</v>
      </c>
      <c r="X38255">
        <v>51</v>
      </c>
      <c r="Y38255">
        <v>52</v>
      </c>
      <c r="Z38255">
        <v>52</v>
      </c>
      <c r="AA38255">
        <v>53</v>
      </c>
      <c r="AB38255">
        <v>53</v>
      </c>
      <c r="AC38255">
        <v>53</v>
      </c>
      <c r="AD38255">
        <v>54</v>
      </c>
      <c r="AE38255">
        <v>54</v>
      </c>
      <c r="AF38255">
        <v>55</v>
      </c>
      <c r="AG38255">
        <v>55</v>
      </c>
      <c r="AH38255">
        <v>56</v>
      </c>
      <c r="AI38255">
        <v>56</v>
      </c>
      <c r="AJ38255">
        <v>57</v>
      </c>
      <c r="AK38255">
        <v>57</v>
      </c>
      <c r="AL38255">
        <v>58</v>
      </c>
      <c r="AM38255">
        <v>58</v>
      </c>
      <c r="AN38255">
        <v>59</v>
      </c>
      <c r="AO38255">
        <v>59</v>
      </c>
      <c r="AP38255">
        <v>60</v>
      </c>
      <c r="AQ38255">
        <v>60</v>
      </c>
    </row>
    <row r="38256" spans="1:43">
      <c r="A38256" t="s">
        <v>23729</v>
      </c>
      <c r="B38256" t="s">
        <v>23730</v>
      </c>
      <c r="C38256" t="s">
        <v>23723</v>
      </c>
      <c r="D38256" t="s">
        <v>23724</v>
      </c>
      <c r="E38256" t="s">
        <v>23649</v>
      </c>
      <c r="F38256" t="s">
        <v>23650</v>
      </c>
      <c r="G38256" t="s">
        <v>22539</v>
      </c>
      <c r="H38256" t="s">
        <v>22540</v>
      </c>
      <c r="I38256" s="2">
        <v>0</v>
      </c>
      <c r="J38256" s="2">
        <v>0</v>
      </c>
      <c r="K38256" s="2">
        <v>1</v>
      </c>
      <c r="L38256" t="s">
        <v>995</v>
      </c>
      <c r="M38256" t="s">
        <v>89</v>
      </c>
      <c r="N38256" t="s">
        <v>90</v>
      </c>
      <c r="O38256" t="s">
        <v>85</v>
      </c>
      <c r="P38256" t="s">
        <v>86</v>
      </c>
      <c r="Q38256">
        <v>48</v>
      </c>
      <c r="R38256">
        <v>50</v>
      </c>
      <c r="S38256">
        <v>51</v>
      </c>
      <c r="T38256">
        <v>52</v>
      </c>
      <c r="U38256">
        <v>53</v>
      </c>
      <c r="V38256">
        <v>55</v>
      </c>
      <c r="W38256">
        <v>56</v>
      </c>
      <c r="X38256">
        <v>57</v>
      </c>
      <c r="Y38256">
        <v>58</v>
      </c>
      <c r="Z38256">
        <v>59</v>
      </c>
      <c r="AA38256">
        <v>60</v>
      </c>
      <c r="AB38256">
        <v>61</v>
      </c>
      <c r="AC38256">
        <v>62</v>
      </c>
      <c r="AD38256">
        <v>63</v>
      </c>
      <c r="AE38256">
        <v>64</v>
      </c>
      <c r="AF38256">
        <v>65</v>
      </c>
      <c r="AG38256">
        <v>65</v>
      </c>
      <c r="AH38256">
        <v>65</v>
      </c>
      <c r="AI38256">
        <v>66</v>
      </c>
      <c r="AJ38256">
        <v>66</v>
      </c>
      <c r="AK38256">
        <v>66</v>
      </c>
      <c r="AL38256">
        <v>67</v>
      </c>
      <c r="AM38256">
        <v>67</v>
      </c>
      <c r="AN38256">
        <v>67</v>
      </c>
      <c r="AO38256">
        <v>68</v>
      </c>
      <c r="AP38256">
        <v>68</v>
      </c>
      <c r="AQ38256">
        <v>69</v>
      </c>
    </row>
    <row r="38257" spans="1:43">
      <c r="A38257" t="s">
        <v>23729</v>
      </c>
      <c r="B38257" t="s">
        <v>23730</v>
      </c>
      <c r="C38257" t="s">
        <v>23723</v>
      </c>
      <c r="D38257" t="s">
        <v>23724</v>
      </c>
      <c r="E38257" t="s">
        <v>23649</v>
      </c>
      <c r="F38257" t="s">
        <v>23650</v>
      </c>
      <c r="G38257" t="s">
        <v>22539</v>
      </c>
      <c r="H38257" t="s">
        <v>22540</v>
      </c>
      <c r="I38257" s="2">
        <v>0</v>
      </c>
      <c r="J38257" s="2">
        <v>0</v>
      </c>
      <c r="K38257" s="2">
        <v>1</v>
      </c>
      <c r="L38257" t="s">
        <v>995</v>
      </c>
      <c r="M38257" t="s">
        <v>83</v>
      </c>
      <c r="N38257" t="s">
        <v>91</v>
      </c>
      <c r="O38257" t="s">
        <v>85</v>
      </c>
      <c r="P38257" t="s">
        <v>86</v>
      </c>
      <c r="Q38257">
        <v>48</v>
      </c>
      <c r="R38257">
        <v>49</v>
      </c>
      <c r="S38257">
        <v>50</v>
      </c>
      <c r="T38257">
        <v>50</v>
      </c>
      <c r="U38257">
        <v>51</v>
      </c>
      <c r="V38257">
        <v>52</v>
      </c>
      <c r="W38257">
        <v>53</v>
      </c>
      <c r="X38257">
        <v>54</v>
      </c>
      <c r="Y38257">
        <v>55</v>
      </c>
      <c r="Z38257">
        <v>56</v>
      </c>
      <c r="AA38257">
        <v>57</v>
      </c>
      <c r="AB38257">
        <v>58</v>
      </c>
      <c r="AC38257">
        <v>58</v>
      </c>
      <c r="AD38257">
        <v>59</v>
      </c>
      <c r="AE38257">
        <v>60</v>
      </c>
      <c r="AF38257">
        <v>61</v>
      </c>
      <c r="AG38257">
        <v>62</v>
      </c>
      <c r="AH38257">
        <v>63</v>
      </c>
      <c r="AI38257">
        <v>64</v>
      </c>
      <c r="AJ38257">
        <v>65</v>
      </c>
      <c r="AK38257">
        <v>65</v>
      </c>
      <c r="AL38257">
        <v>66</v>
      </c>
      <c r="AM38257">
        <v>66</v>
      </c>
      <c r="AN38257">
        <v>67</v>
      </c>
      <c r="AO38257">
        <v>67</v>
      </c>
      <c r="AP38257">
        <v>68</v>
      </c>
      <c r="AQ38257">
        <v>68</v>
      </c>
    </row>
    <row r="38258" spans="1:43">
      <c r="A38258" t="s">
        <v>23731</v>
      </c>
      <c r="B38258" t="s">
        <v>23732</v>
      </c>
      <c r="C38258" t="s">
        <v>23647</v>
      </c>
      <c r="D38258" t="s">
        <v>23648</v>
      </c>
      <c r="E38258" t="s">
        <v>23649</v>
      </c>
      <c r="F38258" t="s">
        <v>23650</v>
      </c>
      <c r="G38258" t="s">
        <v>22539</v>
      </c>
      <c r="H38258" t="s">
        <v>22540</v>
      </c>
      <c r="I38258" s="2">
        <v>0</v>
      </c>
      <c r="J38258" s="2">
        <v>0</v>
      </c>
      <c r="K38258" s="2">
        <v>1</v>
      </c>
      <c r="L38258" t="s">
        <v>995</v>
      </c>
      <c r="M38258" t="s">
        <v>83</v>
      </c>
      <c r="N38258" t="s">
        <v>84</v>
      </c>
      <c r="O38258" t="s">
        <v>85</v>
      </c>
      <c r="P38258" t="s">
        <v>86</v>
      </c>
      <c r="Q38258">
        <v>11</v>
      </c>
      <c r="R38258">
        <v>11</v>
      </c>
      <c r="S38258">
        <v>11</v>
      </c>
      <c r="T38258">
        <v>12</v>
      </c>
      <c r="U38258">
        <v>12</v>
      </c>
      <c r="V38258">
        <v>12</v>
      </c>
      <c r="W38258">
        <v>12</v>
      </c>
      <c r="X38258">
        <v>12</v>
      </c>
      <c r="Y38258">
        <v>13</v>
      </c>
      <c r="Z38258">
        <v>13</v>
      </c>
      <c r="AA38258">
        <v>13</v>
      </c>
      <c r="AB38258">
        <v>13</v>
      </c>
      <c r="AC38258">
        <v>13</v>
      </c>
      <c r="AD38258">
        <v>14</v>
      </c>
      <c r="AE38258">
        <v>14</v>
      </c>
      <c r="AF38258">
        <v>14</v>
      </c>
      <c r="AG38258">
        <v>14</v>
      </c>
      <c r="AH38258">
        <v>14</v>
      </c>
      <c r="AI38258">
        <v>15</v>
      </c>
      <c r="AJ38258">
        <v>15</v>
      </c>
      <c r="AK38258">
        <v>15</v>
      </c>
      <c r="AL38258">
        <v>15</v>
      </c>
      <c r="AM38258">
        <v>15</v>
      </c>
      <c r="AN38258">
        <v>15</v>
      </c>
      <c r="AO38258">
        <v>15</v>
      </c>
      <c r="AP38258">
        <v>16</v>
      </c>
      <c r="AQ38258">
        <v>16</v>
      </c>
    </row>
    <row r="38259" spans="1:43">
      <c r="A38259" t="s">
        <v>23731</v>
      </c>
      <c r="B38259" t="s">
        <v>23732</v>
      </c>
      <c r="C38259" t="s">
        <v>23647</v>
      </c>
      <c r="D38259" t="s">
        <v>23648</v>
      </c>
      <c r="E38259" t="s">
        <v>23649</v>
      </c>
      <c r="F38259" t="s">
        <v>23650</v>
      </c>
      <c r="G38259" t="s">
        <v>22539</v>
      </c>
      <c r="H38259" t="s">
        <v>22540</v>
      </c>
      <c r="I38259" s="2">
        <v>0</v>
      </c>
      <c r="J38259" s="2">
        <v>0</v>
      </c>
      <c r="K38259" s="2">
        <v>1</v>
      </c>
      <c r="L38259" t="s">
        <v>995</v>
      </c>
      <c r="M38259" t="s">
        <v>87</v>
      </c>
      <c r="N38259" t="s">
        <v>88</v>
      </c>
      <c r="O38259" t="s">
        <v>85</v>
      </c>
      <c r="P38259" t="s">
        <v>86</v>
      </c>
      <c r="Q38259">
        <v>11</v>
      </c>
      <c r="R38259">
        <v>11</v>
      </c>
      <c r="S38259">
        <v>11</v>
      </c>
      <c r="T38259">
        <v>11</v>
      </c>
      <c r="U38259">
        <v>11</v>
      </c>
      <c r="V38259">
        <v>11</v>
      </c>
      <c r="W38259">
        <v>11</v>
      </c>
      <c r="X38259">
        <v>12</v>
      </c>
      <c r="Y38259">
        <v>12</v>
      </c>
      <c r="Z38259">
        <v>12</v>
      </c>
      <c r="AA38259">
        <v>12</v>
      </c>
      <c r="AB38259">
        <v>12</v>
      </c>
      <c r="AC38259">
        <v>12</v>
      </c>
      <c r="AD38259">
        <v>12</v>
      </c>
      <c r="AE38259">
        <v>12</v>
      </c>
      <c r="AF38259">
        <v>12</v>
      </c>
      <c r="AG38259">
        <v>13</v>
      </c>
      <c r="AH38259">
        <v>13</v>
      </c>
      <c r="AI38259">
        <v>13</v>
      </c>
      <c r="AJ38259">
        <v>13</v>
      </c>
      <c r="AK38259">
        <v>13</v>
      </c>
      <c r="AL38259">
        <v>13</v>
      </c>
      <c r="AM38259">
        <v>13</v>
      </c>
      <c r="AN38259">
        <v>13</v>
      </c>
      <c r="AO38259">
        <v>13</v>
      </c>
      <c r="AP38259">
        <v>14</v>
      </c>
      <c r="AQ38259">
        <v>14</v>
      </c>
    </row>
    <row r="38260" spans="1:43">
      <c r="A38260" t="s">
        <v>23731</v>
      </c>
      <c r="B38260" t="s">
        <v>23732</v>
      </c>
      <c r="C38260" t="s">
        <v>23647</v>
      </c>
      <c r="D38260" t="s">
        <v>23648</v>
      </c>
      <c r="E38260" t="s">
        <v>23649</v>
      </c>
      <c r="F38260" t="s">
        <v>23650</v>
      </c>
      <c r="G38260" t="s">
        <v>22539</v>
      </c>
      <c r="H38260" t="s">
        <v>22540</v>
      </c>
      <c r="I38260" s="2">
        <v>0</v>
      </c>
      <c r="J38260" s="2">
        <v>0</v>
      </c>
      <c r="K38260" s="2">
        <v>1</v>
      </c>
      <c r="L38260" t="s">
        <v>995</v>
      </c>
      <c r="M38260" t="s">
        <v>89</v>
      </c>
      <c r="N38260" t="s">
        <v>90</v>
      </c>
      <c r="O38260" t="s">
        <v>85</v>
      </c>
      <c r="P38260" t="s">
        <v>86</v>
      </c>
      <c r="Q38260">
        <v>11</v>
      </c>
      <c r="R38260">
        <v>11</v>
      </c>
      <c r="S38260">
        <v>12</v>
      </c>
      <c r="T38260">
        <v>12</v>
      </c>
      <c r="U38260">
        <v>12</v>
      </c>
      <c r="V38260">
        <v>13</v>
      </c>
      <c r="W38260">
        <v>13</v>
      </c>
      <c r="X38260">
        <v>13</v>
      </c>
      <c r="Y38260">
        <v>13</v>
      </c>
      <c r="Z38260">
        <v>14</v>
      </c>
      <c r="AA38260">
        <v>14</v>
      </c>
      <c r="AB38260">
        <v>14</v>
      </c>
      <c r="AC38260">
        <v>14</v>
      </c>
      <c r="AD38260">
        <v>15</v>
      </c>
      <c r="AE38260">
        <v>15</v>
      </c>
      <c r="AF38260">
        <v>15</v>
      </c>
      <c r="AG38260">
        <v>15</v>
      </c>
      <c r="AH38260">
        <v>15</v>
      </c>
      <c r="AI38260">
        <v>15</v>
      </c>
      <c r="AJ38260">
        <v>15</v>
      </c>
      <c r="AK38260">
        <v>15</v>
      </c>
      <c r="AL38260">
        <v>15</v>
      </c>
      <c r="AM38260">
        <v>15</v>
      </c>
      <c r="AN38260">
        <v>16</v>
      </c>
      <c r="AO38260">
        <v>16</v>
      </c>
      <c r="AP38260">
        <v>16</v>
      </c>
      <c r="AQ38260">
        <v>16</v>
      </c>
    </row>
    <row r="38261" spans="1:43">
      <c r="A38261" t="s">
        <v>23731</v>
      </c>
      <c r="B38261" t="s">
        <v>23732</v>
      </c>
      <c r="C38261" t="s">
        <v>23647</v>
      </c>
      <c r="D38261" t="s">
        <v>23648</v>
      </c>
      <c r="E38261" t="s">
        <v>23649</v>
      </c>
      <c r="F38261" t="s">
        <v>23650</v>
      </c>
      <c r="G38261" t="s">
        <v>22539</v>
      </c>
      <c r="H38261" t="s">
        <v>22540</v>
      </c>
      <c r="I38261" s="2">
        <v>0</v>
      </c>
      <c r="J38261" s="2">
        <v>0</v>
      </c>
      <c r="K38261" s="2">
        <v>1</v>
      </c>
      <c r="L38261" t="s">
        <v>995</v>
      </c>
      <c r="M38261" t="s">
        <v>83</v>
      </c>
      <c r="N38261" t="s">
        <v>91</v>
      </c>
      <c r="O38261" t="s">
        <v>85</v>
      </c>
      <c r="P38261" t="s">
        <v>86</v>
      </c>
      <c r="Q38261">
        <v>11</v>
      </c>
      <c r="R38261">
        <v>11</v>
      </c>
      <c r="S38261">
        <v>11</v>
      </c>
      <c r="T38261">
        <v>12</v>
      </c>
      <c r="U38261">
        <v>12</v>
      </c>
      <c r="V38261">
        <v>12</v>
      </c>
      <c r="W38261">
        <v>12</v>
      </c>
      <c r="X38261">
        <v>12</v>
      </c>
      <c r="Y38261">
        <v>13</v>
      </c>
      <c r="Z38261">
        <v>13</v>
      </c>
      <c r="AA38261">
        <v>13</v>
      </c>
      <c r="AB38261">
        <v>13</v>
      </c>
      <c r="AC38261">
        <v>13</v>
      </c>
      <c r="AD38261">
        <v>14</v>
      </c>
      <c r="AE38261">
        <v>14</v>
      </c>
      <c r="AF38261">
        <v>14</v>
      </c>
      <c r="AG38261">
        <v>14</v>
      </c>
      <c r="AH38261">
        <v>14</v>
      </c>
      <c r="AI38261">
        <v>15</v>
      </c>
      <c r="AJ38261">
        <v>15</v>
      </c>
      <c r="AK38261">
        <v>15</v>
      </c>
      <c r="AL38261">
        <v>15</v>
      </c>
      <c r="AM38261">
        <v>15</v>
      </c>
      <c r="AN38261">
        <v>15</v>
      </c>
      <c r="AO38261">
        <v>15</v>
      </c>
      <c r="AP38261">
        <v>16</v>
      </c>
      <c r="AQ38261">
        <v>16</v>
      </c>
    </row>
    <row r="38262" spans="1:43">
      <c r="A38262" t="s">
        <v>23733</v>
      </c>
      <c r="B38262" t="s">
        <v>23734</v>
      </c>
      <c r="C38262" t="s">
        <v>23723</v>
      </c>
      <c r="D38262" t="s">
        <v>23724</v>
      </c>
      <c r="E38262" t="s">
        <v>23649</v>
      </c>
      <c r="F38262" t="s">
        <v>23650</v>
      </c>
      <c r="G38262" t="s">
        <v>22539</v>
      </c>
      <c r="H38262" t="s">
        <v>22540</v>
      </c>
      <c r="I38262" s="2">
        <v>0</v>
      </c>
      <c r="J38262" s="2">
        <v>0</v>
      </c>
      <c r="K38262" s="2">
        <v>1</v>
      </c>
      <c r="L38262" t="s">
        <v>995</v>
      </c>
      <c r="M38262" t="s">
        <v>83</v>
      </c>
      <c r="N38262" t="s">
        <v>84</v>
      </c>
      <c r="O38262" t="s">
        <v>85</v>
      </c>
      <c r="P38262" t="s">
        <v>86</v>
      </c>
      <c r="Q38262">
        <v>26</v>
      </c>
      <c r="R38262">
        <v>27</v>
      </c>
      <c r="S38262">
        <v>27</v>
      </c>
      <c r="T38262">
        <v>28</v>
      </c>
      <c r="U38262">
        <v>28</v>
      </c>
      <c r="V38262">
        <v>29</v>
      </c>
      <c r="W38262">
        <v>29</v>
      </c>
      <c r="X38262">
        <v>30</v>
      </c>
      <c r="Y38262">
        <v>30</v>
      </c>
      <c r="Z38262">
        <v>31</v>
      </c>
      <c r="AA38262">
        <v>31</v>
      </c>
      <c r="AB38262">
        <v>32</v>
      </c>
      <c r="AC38262">
        <v>32</v>
      </c>
      <c r="AD38262">
        <v>33</v>
      </c>
      <c r="AE38262">
        <v>33</v>
      </c>
      <c r="AF38262">
        <v>34</v>
      </c>
      <c r="AG38262">
        <v>34</v>
      </c>
      <c r="AH38262">
        <v>35</v>
      </c>
      <c r="AI38262">
        <v>35</v>
      </c>
      <c r="AJ38262">
        <v>36</v>
      </c>
      <c r="AK38262">
        <v>36</v>
      </c>
      <c r="AL38262">
        <v>37</v>
      </c>
      <c r="AM38262">
        <v>37</v>
      </c>
      <c r="AN38262">
        <v>37</v>
      </c>
      <c r="AO38262">
        <v>37</v>
      </c>
      <c r="AP38262">
        <v>37</v>
      </c>
      <c r="AQ38262">
        <v>38</v>
      </c>
    </row>
    <row r="38263" spans="1:43">
      <c r="A38263" t="s">
        <v>23733</v>
      </c>
      <c r="B38263" t="s">
        <v>23734</v>
      </c>
      <c r="C38263" t="s">
        <v>23723</v>
      </c>
      <c r="D38263" t="s">
        <v>23724</v>
      </c>
      <c r="E38263" t="s">
        <v>23649</v>
      </c>
      <c r="F38263" t="s">
        <v>23650</v>
      </c>
      <c r="G38263" t="s">
        <v>22539</v>
      </c>
      <c r="H38263" t="s">
        <v>22540</v>
      </c>
      <c r="I38263" s="2">
        <v>0</v>
      </c>
      <c r="J38263" s="2">
        <v>0</v>
      </c>
      <c r="K38263" s="2">
        <v>1</v>
      </c>
      <c r="L38263" t="s">
        <v>995</v>
      </c>
      <c r="M38263" t="s">
        <v>87</v>
      </c>
      <c r="N38263" t="s">
        <v>88</v>
      </c>
      <c r="O38263" t="s">
        <v>85</v>
      </c>
      <c r="P38263" t="s">
        <v>86</v>
      </c>
      <c r="Q38263">
        <v>26</v>
      </c>
      <c r="R38263">
        <v>26</v>
      </c>
      <c r="S38263">
        <v>27</v>
      </c>
      <c r="T38263">
        <v>27</v>
      </c>
      <c r="U38263">
        <v>27</v>
      </c>
      <c r="V38263">
        <v>27</v>
      </c>
      <c r="W38263">
        <v>28</v>
      </c>
      <c r="X38263">
        <v>28</v>
      </c>
      <c r="Y38263">
        <v>28</v>
      </c>
      <c r="Z38263">
        <v>28</v>
      </c>
      <c r="AA38263">
        <v>28</v>
      </c>
      <c r="AB38263">
        <v>29</v>
      </c>
      <c r="AC38263">
        <v>29</v>
      </c>
      <c r="AD38263">
        <v>29</v>
      </c>
      <c r="AE38263">
        <v>29</v>
      </c>
      <c r="AF38263">
        <v>30</v>
      </c>
      <c r="AG38263">
        <v>30</v>
      </c>
      <c r="AH38263">
        <v>30</v>
      </c>
      <c r="AI38263">
        <v>31</v>
      </c>
      <c r="AJ38263">
        <v>31</v>
      </c>
      <c r="AK38263">
        <v>31</v>
      </c>
      <c r="AL38263">
        <v>31</v>
      </c>
      <c r="AM38263">
        <v>32</v>
      </c>
      <c r="AN38263">
        <v>32</v>
      </c>
      <c r="AO38263">
        <v>32</v>
      </c>
      <c r="AP38263">
        <v>32</v>
      </c>
      <c r="AQ38263">
        <v>33</v>
      </c>
    </row>
    <row r="38264" spans="1:43">
      <c r="A38264" t="s">
        <v>23733</v>
      </c>
      <c r="B38264" t="s">
        <v>23734</v>
      </c>
      <c r="C38264" t="s">
        <v>23723</v>
      </c>
      <c r="D38264" t="s">
        <v>23724</v>
      </c>
      <c r="E38264" t="s">
        <v>23649</v>
      </c>
      <c r="F38264" t="s">
        <v>23650</v>
      </c>
      <c r="G38264" t="s">
        <v>22539</v>
      </c>
      <c r="H38264" t="s">
        <v>22540</v>
      </c>
      <c r="I38264" s="2">
        <v>0</v>
      </c>
      <c r="J38264" s="2">
        <v>0</v>
      </c>
      <c r="K38264" s="2">
        <v>1</v>
      </c>
      <c r="L38264" t="s">
        <v>995</v>
      </c>
      <c r="M38264" t="s">
        <v>89</v>
      </c>
      <c r="N38264" t="s">
        <v>90</v>
      </c>
      <c r="O38264" t="s">
        <v>85</v>
      </c>
      <c r="P38264" t="s">
        <v>86</v>
      </c>
      <c r="Q38264">
        <v>26</v>
      </c>
      <c r="R38264">
        <v>26</v>
      </c>
      <c r="S38264">
        <v>27</v>
      </c>
      <c r="T38264">
        <v>28</v>
      </c>
      <c r="U38264">
        <v>28</v>
      </c>
      <c r="V38264">
        <v>29</v>
      </c>
      <c r="W38264">
        <v>30</v>
      </c>
      <c r="X38264">
        <v>30</v>
      </c>
      <c r="Y38264">
        <v>31</v>
      </c>
      <c r="Z38264">
        <v>32</v>
      </c>
      <c r="AA38264">
        <v>32</v>
      </c>
      <c r="AB38264">
        <v>33</v>
      </c>
      <c r="AC38264">
        <v>33</v>
      </c>
      <c r="AD38264">
        <v>34</v>
      </c>
      <c r="AE38264">
        <v>35</v>
      </c>
      <c r="AF38264">
        <v>35</v>
      </c>
      <c r="AG38264">
        <v>35</v>
      </c>
      <c r="AH38264">
        <v>35</v>
      </c>
      <c r="AI38264">
        <v>35</v>
      </c>
      <c r="AJ38264">
        <v>36</v>
      </c>
      <c r="AK38264">
        <v>36</v>
      </c>
      <c r="AL38264">
        <v>36</v>
      </c>
      <c r="AM38264">
        <v>36</v>
      </c>
      <c r="AN38264">
        <v>36</v>
      </c>
      <c r="AO38264">
        <v>37</v>
      </c>
      <c r="AP38264">
        <v>37</v>
      </c>
      <c r="AQ38264">
        <v>37</v>
      </c>
    </row>
    <row r="38265" spans="1:43">
      <c r="A38265" t="s">
        <v>23733</v>
      </c>
      <c r="B38265" t="s">
        <v>23734</v>
      </c>
      <c r="C38265" t="s">
        <v>23723</v>
      </c>
      <c r="D38265" t="s">
        <v>23724</v>
      </c>
      <c r="E38265" t="s">
        <v>23649</v>
      </c>
      <c r="F38265" t="s">
        <v>23650</v>
      </c>
      <c r="G38265" t="s">
        <v>22539</v>
      </c>
      <c r="H38265" t="s">
        <v>22540</v>
      </c>
      <c r="I38265" s="2">
        <v>0</v>
      </c>
      <c r="J38265" s="2">
        <v>0</v>
      </c>
      <c r="K38265" s="2">
        <v>1</v>
      </c>
      <c r="L38265" t="s">
        <v>995</v>
      </c>
      <c r="M38265" t="s">
        <v>83</v>
      </c>
      <c r="N38265" t="s">
        <v>91</v>
      </c>
      <c r="O38265" t="s">
        <v>85</v>
      </c>
      <c r="P38265" t="s">
        <v>86</v>
      </c>
      <c r="Q38265">
        <v>26</v>
      </c>
      <c r="R38265">
        <v>27</v>
      </c>
      <c r="S38265">
        <v>27</v>
      </c>
      <c r="T38265">
        <v>28</v>
      </c>
      <c r="U38265">
        <v>28</v>
      </c>
      <c r="V38265">
        <v>29</v>
      </c>
      <c r="W38265">
        <v>29</v>
      </c>
      <c r="X38265">
        <v>30</v>
      </c>
      <c r="Y38265">
        <v>30</v>
      </c>
      <c r="Z38265">
        <v>31</v>
      </c>
      <c r="AA38265">
        <v>31</v>
      </c>
      <c r="AB38265">
        <v>32</v>
      </c>
      <c r="AC38265">
        <v>32</v>
      </c>
      <c r="AD38265">
        <v>33</v>
      </c>
      <c r="AE38265">
        <v>33</v>
      </c>
      <c r="AF38265">
        <v>34</v>
      </c>
      <c r="AG38265">
        <v>34</v>
      </c>
      <c r="AH38265">
        <v>35</v>
      </c>
      <c r="AI38265">
        <v>35</v>
      </c>
      <c r="AJ38265">
        <v>36</v>
      </c>
      <c r="AK38265">
        <v>36</v>
      </c>
      <c r="AL38265">
        <v>37</v>
      </c>
      <c r="AM38265">
        <v>37</v>
      </c>
      <c r="AN38265">
        <v>37</v>
      </c>
      <c r="AO38265">
        <v>37</v>
      </c>
      <c r="AP38265">
        <v>37</v>
      </c>
      <c r="AQ38265">
        <v>38</v>
      </c>
    </row>
    <row r="38266" spans="1:43">
      <c r="A38266" t="s">
        <v>23735</v>
      </c>
      <c r="B38266" t="s">
        <v>23736</v>
      </c>
      <c r="C38266" t="s">
        <v>23737</v>
      </c>
      <c r="D38266" t="s">
        <v>23738</v>
      </c>
      <c r="E38266" t="s">
        <v>23649</v>
      </c>
      <c r="F38266" t="s">
        <v>23650</v>
      </c>
      <c r="G38266" t="s">
        <v>22539</v>
      </c>
      <c r="H38266" t="s">
        <v>22540</v>
      </c>
      <c r="I38266" s="2">
        <v>0</v>
      </c>
      <c r="J38266" s="2">
        <v>0</v>
      </c>
      <c r="K38266" s="2">
        <v>1</v>
      </c>
      <c r="L38266" t="s">
        <v>995</v>
      </c>
      <c r="M38266" t="s">
        <v>83</v>
      </c>
      <c r="N38266" t="s">
        <v>84</v>
      </c>
      <c r="O38266" t="s">
        <v>85</v>
      </c>
      <c r="P38266" t="s">
        <v>86</v>
      </c>
      <c r="Q38266">
        <v>39</v>
      </c>
      <c r="R38266">
        <v>40</v>
      </c>
      <c r="S38266">
        <v>40</v>
      </c>
      <c r="T38266">
        <v>41</v>
      </c>
      <c r="U38266">
        <v>42</v>
      </c>
      <c r="V38266">
        <v>43</v>
      </c>
      <c r="W38266">
        <v>43</v>
      </c>
      <c r="X38266">
        <v>44</v>
      </c>
      <c r="Y38266">
        <v>45</v>
      </c>
      <c r="Z38266">
        <v>45</v>
      </c>
      <c r="AA38266">
        <v>46</v>
      </c>
      <c r="AB38266">
        <v>47</v>
      </c>
      <c r="AC38266">
        <v>47</v>
      </c>
      <c r="AD38266">
        <v>48</v>
      </c>
      <c r="AE38266">
        <v>49</v>
      </c>
      <c r="AF38266">
        <v>50</v>
      </c>
      <c r="AG38266">
        <v>50</v>
      </c>
      <c r="AH38266">
        <v>51</v>
      </c>
      <c r="AI38266">
        <v>52</v>
      </c>
      <c r="AJ38266">
        <v>52</v>
      </c>
      <c r="AK38266">
        <v>53</v>
      </c>
      <c r="AL38266">
        <v>54</v>
      </c>
      <c r="AM38266">
        <v>54</v>
      </c>
      <c r="AN38266">
        <v>54</v>
      </c>
      <c r="AO38266">
        <v>54</v>
      </c>
      <c r="AP38266">
        <v>55</v>
      </c>
      <c r="AQ38266">
        <v>55</v>
      </c>
    </row>
    <row r="38267" spans="1:43">
      <c r="A38267" t="s">
        <v>23735</v>
      </c>
      <c r="B38267" t="s">
        <v>23736</v>
      </c>
      <c r="C38267" t="s">
        <v>23737</v>
      </c>
      <c r="D38267" t="s">
        <v>23738</v>
      </c>
      <c r="E38267" t="s">
        <v>23649</v>
      </c>
      <c r="F38267" t="s">
        <v>23650</v>
      </c>
      <c r="G38267" t="s">
        <v>22539</v>
      </c>
      <c r="H38267" t="s">
        <v>22540</v>
      </c>
      <c r="I38267" s="2">
        <v>0</v>
      </c>
      <c r="J38267" s="2">
        <v>0</v>
      </c>
      <c r="K38267" s="2">
        <v>1</v>
      </c>
      <c r="L38267" t="s">
        <v>995</v>
      </c>
      <c r="M38267" t="s">
        <v>87</v>
      </c>
      <c r="N38267" t="s">
        <v>88</v>
      </c>
      <c r="O38267" t="s">
        <v>85</v>
      </c>
      <c r="P38267" t="s">
        <v>86</v>
      </c>
      <c r="Q38267">
        <v>39</v>
      </c>
      <c r="R38267">
        <v>39</v>
      </c>
      <c r="S38267">
        <v>39</v>
      </c>
      <c r="T38267">
        <v>40</v>
      </c>
      <c r="U38267">
        <v>40</v>
      </c>
      <c r="V38267">
        <v>40</v>
      </c>
      <c r="W38267">
        <v>41</v>
      </c>
      <c r="X38267">
        <v>41</v>
      </c>
      <c r="Y38267">
        <v>41</v>
      </c>
      <c r="Z38267">
        <v>42</v>
      </c>
      <c r="AA38267">
        <v>42</v>
      </c>
      <c r="AB38267">
        <v>42</v>
      </c>
      <c r="AC38267">
        <v>43</v>
      </c>
      <c r="AD38267">
        <v>43</v>
      </c>
      <c r="AE38267">
        <v>43</v>
      </c>
      <c r="AF38267">
        <v>44</v>
      </c>
      <c r="AG38267">
        <v>44</v>
      </c>
      <c r="AH38267">
        <v>44</v>
      </c>
      <c r="AI38267">
        <v>45</v>
      </c>
      <c r="AJ38267">
        <v>45</v>
      </c>
      <c r="AK38267">
        <v>45</v>
      </c>
      <c r="AL38267">
        <v>46</v>
      </c>
      <c r="AM38267">
        <v>46</v>
      </c>
      <c r="AN38267">
        <v>46</v>
      </c>
      <c r="AO38267">
        <v>47</v>
      </c>
      <c r="AP38267">
        <v>47</v>
      </c>
      <c r="AQ38267">
        <v>48</v>
      </c>
    </row>
    <row r="38268" spans="1:43">
      <c r="A38268" t="s">
        <v>23735</v>
      </c>
      <c r="B38268" t="s">
        <v>23736</v>
      </c>
      <c r="C38268" t="s">
        <v>23737</v>
      </c>
      <c r="D38268" t="s">
        <v>23738</v>
      </c>
      <c r="E38268" t="s">
        <v>23649</v>
      </c>
      <c r="F38268" t="s">
        <v>23650</v>
      </c>
      <c r="G38268" t="s">
        <v>22539</v>
      </c>
      <c r="H38268" t="s">
        <v>22540</v>
      </c>
      <c r="I38268" s="2">
        <v>0</v>
      </c>
      <c r="J38268" s="2">
        <v>0</v>
      </c>
      <c r="K38268" s="2">
        <v>1</v>
      </c>
      <c r="L38268" t="s">
        <v>995</v>
      </c>
      <c r="M38268" t="s">
        <v>89</v>
      </c>
      <c r="N38268" t="s">
        <v>90</v>
      </c>
      <c r="O38268" t="s">
        <v>85</v>
      </c>
      <c r="P38268" t="s">
        <v>86</v>
      </c>
      <c r="Q38268">
        <v>39</v>
      </c>
      <c r="R38268">
        <v>40</v>
      </c>
      <c r="S38268">
        <v>42</v>
      </c>
      <c r="T38268">
        <v>42</v>
      </c>
      <c r="U38268">
        <v>43</v>
      </c>
      <c r="V38268">
        <v>44</v>
      </c>
      <c r="W38268">
        <v>45</v>
      </c>
      <c r="X38268">
        <v>46</v>
      </c>
      <c r="Y38268">
        <v>47</v>
      </c>
      <c r="Z38268">
        <v>48</v>
      </c>
      <c r="AA38268">
        <v>49</v>
      </c>
      <c r="AB38268">
        <v>50</v>
      </c>
      <c r="AC38268">
        <v>51</v>
      </c>
      <c r="AD38268">
        <v>52</v>
      </c>
      <c r="AE38268">
        <v>52</v>
      </c>
      <c r="AF38268">
        <v>53</v>
      </c>
      <c r="AG38268">
        <v>53</v>
      </c>
      <c r="AH38268">
        <v>53</v>
      </c>
      <c r="AI38268">
        <v>53</v>
      </c>
      <c r="AJ38268">
        <v>54</v>
      </c>
      <c r="AK38268">
        <v>54</v>
      </c>
      <c r="AL38268">
        <v>54</v>
      </c>
      <c r="AM38268">
        <v>54</v>
      </c>
      <c r="AN38268">
        <v>55</v>
      </c>
      <c r="AO38268">
        <v>55</v>
      </c>
      <c r="AP38268">
        <v>55</v>
      </c>
      <c r="AQ38268">
        <v>56</v>
      </c>
    </row>
    <row r="38269" spans="1:43">
      <c r="A38269" t="s">
        <v>23735</v>
      </c>
      <c r="B38269" t="s">
        <v>23736</v>
      </c>
      <c r="C38269" t="s">
        <v>23737</v>
      </c>
      <c r="D38269" t="s">
        <v>23738</v>
      </c>
      <c r="E38269" t="s">
        <v>23649</v>
      </c>
      <c r="F38269" t="s">
        <v>23650</v>
      </c>
      <c r="G38269" t="s">
        <v>22539</v>
      </c>
      <c r="H38269" t="s">
        <v>22540</v>
      </c>
      <c r="I38269" s="2">
        <v>0</v>
      </c>
      <c r="J38269" s="2">
        <v>0</v>
      </c>
      <c r="K38269" s="2">
        <v>1</v>
      </c>
      <c r="L38269" t="s">
        <v>995</v>
      </c>
      <c r="M38269" t="s">
        <v>83</v>
      </c>
      <c r="N38269" t="s">
        <v>91</v>
      </c>
      <c r="O38269" t="s">
        <v>85</v>
      </c>
      <c r="P38269" t="s">
        <v>86</v>
      </c>
      <c r="Q38269">
        <v>39</v>
      </c>
      <c r="R38269">
        <v>40</v>
      </c>
      <c r="S38269">
        <v>40</v>
      </c>
      <c r="T38269">
        <v>41</v>
      </c>
      <c r="U38269">
        <v>42</v>
      </c>
      <c r="V38269">
        <v>43</v>
      </c>
      <c r="W38269">
        <v>43</v>
      </c>
      <c r="X38269">
        <v>44</v>
      </c>
      <c r="Y38269">
        <v>45</v>
      </c>
      <c r="Z38269">
        <v>45</v>
      </c>
      <c r="AA38269">
        <v>46</v>
      </c>
      <c r="AB38269">
        <v>47</v>
      </c>
      <c r="AC38269">
        <v>47</v>
      </c>
      <c r="AD38269">
        <v>48</v>
      </c>
      <c r="AE38269">
        <v>49</v>
      </c>
      <c r="AF38269">
        <v>50</v>
      </c>
      <c r="AG38269">
        <v>50</v>
      </c>
      <c r="AH38269">
        <v>51</v>
      </c>
      <c r="AI38269">
        <v>52</v>
      </c>
      <c r="AJ38269">
        <v>52</v>
      </c>
      <c r="AK38269">
        <v>53</v>
      </c>
      <c r="AL38269">
        <v>54</v>
      </c>
      <c r="AM38269">
        <v>54</v>
      </c>
      <c r="AN38269">
        <v>54</v>
      </c>
      <c r="AO38269">
        <v>54</v>
      </c>
      <c r="AP38269">
        <v>55</v>
      </c>
      <c r="AQ38269">
        <v>55</v>
      </c>
    </row>
    <row r="38270" spans="1:43">
      <c r="A38270" t="s">
        <v>23739</v>
      </c>
      <c r="B38270" t="s">
        <v>23740</v>
      </c>
      <c r="C38270" t="s">
        <v>23737</v>
      </c>
      <c r="D38270" t="s">
        <v>23738</v>
      </c>
      <c r="E38270" t="s">
        <v>23649</v>
      </c>
      <c r="F38270" t="s">
        <v>23650</v>
      </c>
      <c r="G38270" t="s">
        <v>22539</v>
      </c>
      <c r="H38270" t="s">
        <v>22540</v>
      </c>
      <c r="I38270" s="2">
        <v>0</v>
      </c>
      <c r="J38270" s="2">
        <v>0</v>
      </c>
      <c r="K38270" s="2">
        <v>1</v>
      </c>
      <c r="L38270" t="s">
        <v>995</v>
      </c>
      <c r="M38270" t="s">
        <v>83</v>
      </c>
      <c r="N38270" t="s">
        <v>84</v>
      </c>
      <c r="O38270" t="s">
        <v>85</v>
      </c>
      <c r="P38270" t="s">
        <v>86</v>
      </c>
      <c r="Q38270">
        <v>14</v>
      </c>
      <c r="R38270">
        <v>14</v>
      </c>
      <c r="S38270">
        <v>15</v>
      </c>
      <c r="T38270">
        <v>15</v>
      </c>
      <c r="U38270">
        <v>15</v>
      </c>
      <c r="V38270">
        <v>15</v>
      </c>
      <c r="W38270">
        <v>16</v>
      </c>
      <c r="X38270">
        <v>16</v>
      </c>
      <c r="Y38270">
        <v>16</v>
      </c>
      <c r="Z38270">
        <v>16</v>
      </c>
      <c r="AA38270">
        <v>17</v>
      </c>
      <c r="AB38270">
        <v>17</v>
      </c>
      <c r="AC38270">
        <v>17</v>
      </c>
      <c r="AD38270">
        <v>17</v>
      </c>
      <c r="AE38270">
        <v>18</v>
      </c>
      <c r="AF38270">
        <v>18</v>
      </c>
      <c r="AG38270">
        <v>18</v>
      </c>
      <c r="AH38270">
        <v>18</v>
      </c>
      <c r="AI38270">
        <v>19</v>
      </c>
      <c r="AJ38270">
        <v>19</v>
      </c>
      <c r="AK38270">
        <v>19</v>
      </c>
      <c r="AL38270">
        <v>19</v>
      </c>
      <c r="AM38270">
        <v>19</v>
      </c>
      <c r="AN38270">
        <v>19</v>
      </c>
      <c r="AO38270">
        <v>19</v>
      </c>
      <c r="AP38270">
        <v>19</v>
      </c>
      <c r="AQ38270">
        <v>19</v>
      </c>
    </row>
    <row r="38271" spans="1:43">
      <c r="A38271" t="s">
        <v>23739</v>
      </c>
      <c r="B38271" t="s">
        <v>23740</v>
      </c>
      <c r="C38271" t="s">
        <v>23737</v>
      </c>
      <c r="D38271" t="s">
        <v>23738</v>
      </c>
      <c r="E38271" t="s">
        <v>23649</v>
      </c>
      <c r="F38271" t="s">
        <v>23650</v>
      </c>
      <c r="G38271" t="s">
        <v>22539</v>
      </c>
      <c r="H38271" t="s">
        <v>22540</v>
      </c>
      <c r="I38271" s="2">
        <v>0</v>
      </c>
      <c r="J38271" s="2">
        <v>0</v>
      </c>
      <c r="K38271" s="2">
        <v>1</v>
      </c>
      <c r="L38271" t="s">
        <v>995</v>
      </c>
      <c r="M38271" t="s">
        <v>87</v>
      </c>
      <c r="N38271" t="s">
        <v>88</v>
      </c>
      <c r="O38271" t="s">
        <v>85</v>
      </c>
      <c r="P38271" t="s">
        <v>86</v>
      </c>
      <c r="Q38271">
        <v>14</v>
      </c>
      <c r="R38271">
        <v>14</v>
      </c>
      <c r="S38271">
        <v>14</v>
      </c>
      <c r="T38271">
        <v>14</v>
      </c>
      <c r="U38271">
        <v>15</v>
      </c>
      <c r="V38271">
        <v>15</v>
      </c>
      <c r="W38271">
        <v>15</v>
      </c>
      <c r="X38271">
        <v>15</v>
      </c>
      <c r="Y38271">
        <v>15</v>
      </c>
      <c r="Z38271">
        <v>15</v>
      </c>
      <c r="AA38271">
        <v>15</v>
      </c>
      <c r="AB38271">
        <v>15</v>
      </c>
      <c r="AC38271">
        <v>15</v>
      </c>
      <c r="AD38271">
        <v>15</v>
      </c>
      <c r="AE38271">
        <v>16</v>
      </c>
      <c r="AF38271">
        <v>16</v>
      </c>
      <c r="AG38271">
        <v>16</v>
      </c>
      <c r="AH38271">
        <v>16</v>
      </c>
      <c r="AI38271">
        <v>16</v>
      </c>
      <c r="AJ38271">
        <v>16</v>
      </c>
      <c r="AK38271">
        <v>16</v>
      </c>
      <c r="AL38271">
        <v>16</v>
      </c>
      <c r="AM38271">
        <v>16</v>
      </c>
      <c r="AN38271">
        <v>17</v>
      </c>
      <c r="AO38271">
        <v>17</v>
      </c>
      <c r="AP38271">
        <v>17</v>
      </c>
      <c r="AQ38271">
        <v>17</v>
      </c>
    </row>
    <row r="38272" spans="1:43">
      <c r="A38272" t="s">
        <v>23739</v>
      </c>
      <c r="B38272" t="s">
        <v>23740</v>
      </c>
      <c r="C38272" t="s">
        <v>23737</v>
      </c>
      <c r="D38272" t="s">
        <v>23738</v>
      </c>
      <c r="E38272" t="s">
        <v>23649</v>
      </c>
      <c r="F38272" t="s">
        <v>23650</v>
      </c>
      <c r="G38272" t="s">
        <v>22539</v>
      </c>
      <c r="H38272" t="s">
        <v>22540</v>
      </c>
      <c r="I38272" s="2">
        <v>0</v>
      </c>
      <c r="J38272" s="2">
        <v>0</v>
      </c>
      <c r="K38272" s="2">
        <v>1</v>
      </c>
      <c r="L38272" t="s">
        <v>995</v>
      </c>
      <c r="M38272" t="s">
        <v>89</v>
      </c>
      <c r="N38272" t="s">
        <v>90</v>
      </c>
      <c r="O38272" t="s">
        <v>85</v>
      </c>
      <c r="P38272" t="s">
        <v>86</v>
      </c>
      <c r="Q38272">
        <v>14</v>
      </c>
      <c r="R38272">
        <v>15</v>
      </c>
      <c r="S38272">
        <v>15</v>
      </c>
      <c r="T38272">
        <v>15</v>
      </c>
      <c r="U38272">
        <v>16</v>
      </c>
      <c r="V38272">
        <v>16</v>
      </c>
      <c r="W38272">
        <v>16</v>
      </c>
      <c r="X38272">
        <v>17</v>
      </c>
      <c r="Y38272">
        <v>17</v>
      </c>
      <c r="Z38272">
        <v>17</v>
      </c>
      <c r="AA38272">
        <v>18</v>
      </c>
      <c r="AB38272">
        <v>18</v>
      </c>
      <c r="AC38272">
        <v>18</v>
      </c>
      <c r="AD38272">
        <v>19</v>
      </c>
      <c r="AE38272">
        <v>19</v>
      </c>
      <c r="AF38272">
        <v>19</v>
      </c>
      <c r="AG38272">
        <v>19</v>
      </c>
      <c r="AH38272">
        <v>19</v>
      </c>
      <c r="AI38272">
        <v>19</v>
      </c>
      <c r="AJ38272">
        <v>19</v>
      </c>
      <c r="AK38272">
        <v>19</v>
      </c>
      <c r="AL38272">
        <v>19</v>
      </c>
      <c r="AM38272">
        <v>19</v>
      </c>
      <c r="AN38272">
        <v>19</v>
      </c>
      <c r="AO38272">
        <v>19</v>
      </c>
      <c r="AP38272">
        <v>20</v>
      </c>
      <c r="AQ38272">
        <v>20</v>
      </c>
    </row>
    <row r="38273" spans="1:43">
      <c r="A38273" t="s">
        <v>23739</v>
      </c>
      <c r="B38273" t="s">
        <v>23740</v>
      </c>
      <c r="C38273" t="s">
        <v>23737</v>
      </c>
      <c r="D38273" t="s">
        <v>23738</v>
      </c>
      <c r="E38273" t="s">
        <v>23649</v>
      </c>
      <c r="F38273" t="s">
        <v>23650</v>
      </c>
      <c r="G38273" t="s">
        <v>22539</v>
      </c>
      <c r="H38273" t="s">
        <v>22540</v>
      </c>
      <c r="I38273" s="2">
        <v>0</v>
      </c>
      <c r="J38273" s="2">
        <v>0</v>
      </c>
      <c r="K38273" s="2">
        <v>1</v>
      </c>
      <c r="L38273" t="s">
        <v>995</v>
      </c>
      <c r="M38273" t="s">
        <v>83</v>
      </c>
      <c r="N38273" t="s">
        <v>91</v>
      </c>
      <c r="O38273" t="s">
        <v>85</v>
      </c>
      <c r="P38273" t="s">
        <v>86</v>
      </c>
      <c r="Q38273">
        <v>14</v>
      </c>
      <c r="R38273">
        <v>14</v>
      </c>
      <c r="S38273">
        <v>15</v>
      </c>
      <c r="T38273">
        <v>15</v>
      </c>
      <c r="U38273">
        <v>15</v>
      </c>
      <c r="V38273">
        <v>15</v>
      </c>
      <c r="W38273">
        <v>16</v>
      </c>
      <c r="X38273">
        <v>16</v>
      </c>
      <c r="Y38273">
        <v>16</v>
      </c>
      <c r="Z38273">
        <v>16</v>
      </c>
      <c r="AA38273">
        <v>17</v>
      </c>
      <c r="AB38273">
        <v>17</v>
      </c>
      <c r="AC38273">
        <v>17</v>
      </c>
      <c r="AD38273">
        <v>17</v>
      </c>
      <c r="AE38273">
        <v>18</v>
      </c>
      <c r="AF38273">
        <v>18</v>
      </c>
      <c r="AG38273">
        <v>18</v>
      </c>
      <c r="AH38273">
        <v>18</v>
      </c>
      <c r="AI38273">
        <v>19</v>
      </c>
      <c r="AJ38273">
        <v>19</v>
      </c>
      <c r="AK38273">
        <v>19</v>
      </c>
      <c r="AL38273">
        <v>19</v>
      </c>
      <c r="AM38273">
        <v>19</v>
      </c>
      <c r="AN38273">
        <v>19</v>
      </c>
      <c r="AO38273">
        <v>19</v>
      </c>
      <c r="AP38273">
        <v>19</v>
      </c>
      <c r="AQ38273">
        <v>19</v>
      </c>
    </row>
    <row r="38274" spans="1:43">
      <c r="A38274" t="s">
        <v>23741</v>
      </c>
      <c r="B38274" t="s">
        <v>23742</v>
      </c>
      <c r="C38274" t="s">
        <v>23737</v>
      </c>
      <c r="D38274" t="s">
        <v>23738</v>
      </c>
      <c r="E38274" t="s">
        <v>23649</v>
      </c>
      <c r="F38274" t="s">
        <v>23650</v>
      </c>
      <c r="G38274" t="s">
        <v>22539</v>
      </c>
      <c r="H38274" t="s">
        <v>22540</v>
      </c>
      <c r="I38274" s="2">
        <v>0</v>
      </c>
      <c r="J38274" s="2">
        <v>0</v>
      </c>
      <c r="K38274" s="2">
        <v>1</v>
      </c>
      <c r="L38274" t="s">
        <v>995</v>
      </c>
      <c r="M38274" t="s">
        <v>83</v>
      </c>
      <c r="N38274" t="s">
        <v>84</v>
      </c>
      <c r="O38274" t="s">
        <v>85</v>
      </c>
      <c r="P38274" t="s">
        <v>86</v>
      </c>
      <c r="Q38274">
        <v>60</v>
      </c>
      <c r="R38274">
        <v>61</v>
      </c>
      <c r="S38274">
        <v>62</v>
      </c>
      <c r="T38274">
        <v>63</v>
      </c>
      <c r="U38274">
        <v>64</v>
      </c>
      <c r="V38274">
        <v>65</v>
      </c>
      <c r="W38274">
        <v>66</v>
      </c>
      <c r="X38274">
        <v>67</v>
      </c>
      <c r="Y38274">
        <v>68</v>
      </c>
      <c r="Z38274">
        <v>69</v>
      </c>
      <c r="AA38274">
        <v>70</v>
      </c>
      <c r="AB38274">
        <v>72</v>
      </c>
      <c r="AC38274">
        <v>73</v>
      </c>
      <c r="AD38274">
        <v>74</v>
      </c>
      <c r="AE38274">
        <v>75</v>
      </c>
      <c r="AF38274">
        <v>76</v>
      </c>
      <c r="AG38274">
        <v>77</v>
      </c>
      <c r="AH38274">
        <v>78</v>
      </c>
      <c r="AI38274">
        <v>79</v>
      </c>
      <c r="AJ38274">
        <v>80</v>
      </c>
      <c r="AK38274">
        <v>81</v>
      </c>
      <c r="AL38274">
        <v>82</v>
      </c>
      <c r="AM38274">
        <v>82</v>
      </c>
      <c r="AN38274">
        <v>83</v>
      </c>
      <c r="AO38274">
        <v>83</v>
      </c>
      <c r="AP38274">
        <v>84</v>
      </c>
      <c r="AQ38274">
        <v>84</v>
      </c>
    </row>
    <row r="38275" spans="1:43">
      <c r="A38275" t="s">
        <v>23741</v>
      </c>
      <c r="B38275" t="s">
        <v>23742</v>
      </c>
      <c r="C38275" t="s">
        <v>23737</v>
      </c>
      <c r="D38275" t="s">
        <v>23738</v>
      </c>
      <c r="E38275" t="s">
        <v>23649</v>
      </c>
      <c r="F38275" t="s">
        <v>23650</v>
      </c>
      <c r="G38275" t="s">
        <v>22539</v>
      </c>
      <c r="H38275" t="s">
        <v>22540</v>
      </c>
      <c r="I38275" s="2">
        <v>0</v>
      </c>
      <c r="J38275" s="2">
        <v>0</v>
      </c>
      <c r="K38275" s="2">
        <v>1</v>
      </c>
      <c r="L38275" t="s">
        <v>995</v>
      </c>
      <c r="M38275" t="s">
        <v>87</v>
      </c>
      <c r="N38275" t="s">
        <v>88</v>
      </c>
      <c r="O38275" t="s">
        <v>85</v>
      </c>
      <c r="P38275" t="s">
        <v>86</v>
      </c>
      <c r="Q38275">
        <v>60</v>
      </c>
      <c r="R38275">
        <v>61</v>
      </c>
      <c r="S38275">
        <v>61</v>
      </c>
      <c r="T38275">
        <v>62</v>
      </c>
      <c r="U38275">
        <v>62</v>
      </c>
      <c r="V38275">
        <v>63</v>
      </c>
      <c r="W38275">
        <v>63</v>
      </c>
      <c r="X38275">
        <v>64</v>
      </c>
      <c r="Y38275">
        <v>64</v>
      </c>
      <c r="Z38275">
        <v>65</v>
      </c>
      <c r="AA38275">
        <v>65</v>
      </c>
      <c r="AB38275">
        <v>66</v>
      </c>
      <c r="AC38275">
        <v>66</v>
      </c>
      <c r="AD38275">
        <v>67</v>
      </c>
      <c r="AE38275">
        <v>67</v>
      </c>
      <c r="AF38275">
        <v>68</v>
      </c>
      <c r="AG38275">
        <v>68</v>
      </c>
      <c r="AH38275">
        <v>69</v>
      </c>
      <c r="AI38275">
        <v>69</v>
      </c>
      <c r="AJ38275">
        <v>70</v>
      </c>
      <c r="AK38275">
        <v>70</v>
      </c>
      <c r="AL38275">
        <v>71</v>
      </c>
      <c r="AM38275">
        <v>72</v>
      </c>
      <c r="AN38275">
        <v>72</v>
      </c>
      <c r="AO38275">
        <v>73</v>
      </c>
      <c r="AP38275">
        <v>73</v>
      </c>
      <c r="AQ38275">
        <v>74</v>
      </c>
    </row>
    <row r="38276" spans="1:43">
      <c r="A38276" t="s">
        <v>23741</v>
      </c>
      <c r="B38276" t="s">
        <v>23742</v>
      </c>
      <c r="C38276" t="s">
        <v>23737</v>
      </c>
      <c r="D38276" t="s">
        <v>23738</v>
      </c>
      <c r="E38276" t="s">
        <v>23649</v>
      </c>
      <c r="F38276" t="s">
        <v>23650</v>
      </c>
      <c r="G38276" t="s">
        <v>22539</v>
      </c>
      <c r="H38276" t="s">
        <v>22540</v>
      </c>
      <c r="I38276" s="2">
        <v>0</v>
      </c>
      <c r="J38276" s="2">
        <v>0</v>
      </c>
      <c r="K38276" s="2">
        <v>1</v>
      </c>
      <c r="L38276" t="s">
        <v>995</v>
      </c>
      <c r="M38276" t="s">
        <v>89</v>
      </c>
      <c r="N38276" t="s">
        <v>90</v>
      </c>
      <c r="O38276" t="s">
        <v>85</v>
      </c>
      <c r="P38276" t="s">
        <v>86</v>
      </c>
      <c r="Q38276">
        <v>60</v>
      </c>
      <c r="R38276">
        <v>62</v>
      </c>
      <c r="S38276">
        <v>64</v>
      </c>
      <c r="T38276">
        <v>65</v>
      </c>
      <c r="U38276">
        <v>67</v>
      </c>
      <c r="V38276">
        <v>68</v>
      </c>
      <c r="W38276">
        <v>70</v>
      </c>
      <c r="X38276">
        <v>71</v>
      </c>
      <c r="Y38276">
        <v>72</v>
      </c>
      <c r="Z38276">
        <v>74</v>
      </c>
      <c r="AA38276">
        <v>75</v>
      </c>
      <c r="AB38276">
        <v>76</v>
      </c>
      <c r="AC38276">
        <v>78</v>
      </c>
      <c r="AD38276">
        <v>79</v>
      </c>
      <c r="AE38276">
        <v>80</v>
      </c>
      <c r="AF38276">
        <v>81</v>
      </c>
      <c r="AG38276">
        <v>81</v>
      </c>
      <c r="AH38276">
        <v>81</v>
      </c>
      <c r="AI38276">
        <v>82</v>
      </c>
      <c r="AJ38276">
        <v>82</v>
      </c>
      <c r="AK38276">
        <v>82</v>
      </c>
      <c r="AL38276">
        <v>83</v>
      </c>
      <c r="AM38276">
        <v>83</v>
      </c>
      <c r="AN38276">
        <v>84</v>
      </c>
      <c r="AO38276">
        <v>84</v>
      </c>
      <c r="AP38276">
        <v>85</v>
      </c>
      <c r="AQ38276">
        <v>85</v>
      </c>
    </row>
    <row r="38277" spans="1:43">
      <c r="A38277" t="s">
        <v>23741</v>
      </c>
      <c r="B38277" t="s">
        <v>23742</v>
      </c>
      <c r="C38277" t="s">
        <v>23737</v>
      </c>
      <c r="D38277" t="s">
        <v>23738</v>
      </c>
      <c r="E38277" t="s">
        <v>23649</v>
      </c>
      <c r="F38277" t="s">
        <v>23650</v>
      </c>
      <c r="G38277" t="s">
        <v>22539</v>
      </c>
      <c r="H38277" t="s">
        <v>22540</v>
      </c>
      <c r="I38277" s="2">
        <v>0</v>
      </c>
      <c r="J38277" s="2">
        <v>0</v>
      </c>
      <c r="K38277" s="2">
        <v>1</v>
      </c>
      <c r="L38277" t="s">
        <v>995</v>
      </c>
      <c r="M38277" t="s">
        <v>83</v>
      </c>
      <c r="N38277" t="s">
        <v>91</v>
      </c>
      <c r="O38277" t="s">
        <v>85</v>
      </c>
      <c r="P38277" t="s">
        <v>86</v>
      </c>
      <c r="Q38277">
        <v>60</v>
      </c>
      <c r="R38277">
        <v>61</v>
      </c>
      <c r="S38277">
        <v>62</v>
      </c>
      <c r="T38277">
        <v>63</v>
      </c>
      <c r="U38277">
        <v>64</v>
      </c>
      <c r="V38277">
        <v>65</v>
      </c>
      <c r="W38277">
        <v>66</v>
      </c>
      <c r="X38277">
        <v>67</v>
      </c>
      <c r="Y38277">
        <v>68</v>
      </c>
      <c r="Z38277">
        <v>69</v>
      </c>
      <c r="AA38277">
        <v>70</v>
      </c>
      <c r="AB38277">
        <v>72</v>
      </c>
      <c r="AC38277">
        <v>73</v>
      </c>
      <c r="AD38277">
        <v>74</v>
      </c>
      <c r="AE38277">
        <v>75</v>
      </c>
      <c r="AF38277">
        <v>76</v>
      </c>
      <c r="AG38277">
        <v>77</v>
      </c>
      <c r="AH38277">
        <v>78</v>
      </c>
      <c r="AI38277">
        <v>79</v>
      </c>
      <c r="AJ38277">
        <v>80</v>
      </c>
      <c r="AK38277">
        <v>81</v>
      </c>
      <c r="AL38277">
        <v>82</v>
      </c>
      <c r="AM38277">
        <v>82</v>
      </c>
      <c r="AN38277">
        <v>83</v>
      </c>
      <c r="AO38277">
        <v>83</v>
      </c>
      <c r="AP38277">
        <v>84</v>
      </c>
      <c r="AQ38277">
        <v>84</v>
      </c>
    </row>
    <row r="38278" spans="1:43">
      <c r="A38278" t="s">
        <v>23743</v>
      </c>
      <c r="B38278" t="s">
        <v>23744</v>
      </c>
      <c r="C38278" t="s">
        <v>23737</v>
      </c>
      <c r="D38278" t="s">
        <v>23738</v>
      </c>
      <c r="E38278" t="s">
        <v>23649</v>
      </c>
      <c r="F38278" t="s">
        <v>23650</v>
      </c>
      <c r="G38278" t="s">
        <v>22539</v>
      </c>
      <c r="H38278" t="s">
        <v>22540</v>
      </c>
      <c r="I38278" s="2">
        <v>0</v>
      </c>
      <c r="J38278" s="2">
        <v>0</v>
      </c>
      <c r="K38278" s="2">
        <v>1</v>
      </c>
      <c r="L38278" t="s">
        <v>995</v>
      </c>
      <c r="M38278" t="s">
        <v>83</v>
      </c>
      <c r="N38278" t="s">
        <v>84</v>
      </c>
      <c r="O38278" t="s">
        <v>85</v>
      </c>
      <c r="P38278" t="s">
        <v>86</v>
      </c>
      <c r="Q38278">
        <v>26</v>
      </c>
      <c r="R38278">
        <v>27</v>
      </c>
      <c r="S38278">
        <v>27</v>
      </c>
      <c r="T38278">
        <v>28</v>
      </c>
      <c r="U38278">
        <v>28</v>
      </c>
      <c r="V38278">
        <v>28</v>
      </c>
      <c r="W38278">
        <v>29</v>
      </c>
      <c r="X38278">
        <v>29</v>
      </c>
      <c r="Y38278">
        <v>30</v>
      </c>
      <c r="Z38278">
        <v>30</v>
      </c>
      <c r="AA38278">
        <v>31</v>
      </c>
      <c r="AB38278">
        <v>31</v>
      </c>
      <c r="AC38278">
        <v>32</v>
      </c>
      <c r="AD38278">
        <v>32</v>
      </c>
      <c r="AE38278">
        <v>33</v>
      </c>
      <c r="AF38278">
        <v>33</v>
      </c>
      <c r="AG38278">
        <v>34</v>
      </c>
      <c r="AH38278">
        <v>34</v>
      </c>
      <c r="AI38278">
        <v>35</v>
      </c>
      <c r="AJ38278">
        <v>35</v>
      </c>
      <c r="AK38278">
        <v>36</v>
      </c>
      <c r="AL38278">
        <v>36</v>
      </c>
      <c r="AM38278">
        <v>36</v>
      </c>
      <c r="AN38278">
        <v>36</v>
      </c>
      <c r="AO38278">
        <v>36</v>
      </c>
      <c r="AP38278">
        <v>37</v>
      </c>
      <c r="AQ38278">
        <v>37</v>
      </c>
    </row>
    <row r="38279" spans="1:43">
      <c r="A38279" t="s">
        <v>23743</v>
      </c>
      <c r="B38279" t="s">
        <v>23744</v>
      </c>
      <c r="C38279" t="s">
        <v>23737</v>
      </c>
      <c r="D38279" t="s">
        <v>23738</v>
      </c>
      <c r="E38279" t="s">
        <v>23649</v>
      </c>
      <c r="F38279" t="s">
        <v>23650</v>
      </c>
      <c r="G38279" t="s">
        <v>22539</v>
      </c>
      <c r="H38279" t="s">
        <v>22540</v>
      </c>
      <c r="I38279" s="2">
        <v>0</v>
      </c>
      <c r="J38279" s="2">
        <v>0</v>
      </c>
      <c r="K38279" s="2">
        <v>1</v>
      </c>
      <c r="L38279" t="s">
        <v>995</v>
      </c>
      <c r="M38279" t="s">
        <v>87</v>
      </c>
      <c r="N38279" t="s">
        <v>88</v>
      </c>
      <c r="O38279" t="s">
        <v>85</v>
      </c>
      <c r="P38279" t="s">
        <v>86</v>
      </c>
      <c r="Q38279">
        <v>26</v>
      </c>
      <c r="R38279">
        <v>26</v>
      </c>
      <c r="S38279">
        <v>26</v>
      </c>
      <c r="T38279">
        <v>27</v>
      </c>
      <c r="U38279">
        <v>27</v>
      </c>
      <c r="V38279">
        <v>27</v>
      </c>
      <c r="W38279">
        <v>27</v>
      </c>
      <c r="X38279">
        <v>27</v>
      </c>
      <c r="Y38279">
        <v>28</v>
      </c>
      <c r="Z38279">
        <v>28</v>
      </c>
      <c r="AA38279">
        <v>28</v>
      </c>
      <c r="AB38279">
        <v>28</v>
      </c>
      <c r="AC38279">
        <v>29</v>
      </c>
      <c r="AD38279">
        <v>29</v>
      </c>
      <c r="AE38279">
        <v>29</v>
      </c>
      <c r="AF38279">
        <v>29</v>
      </c>
      <c r="AG38279">
        <v>29</v>
      </c>
      <c r="AH38279">
        <v>30</v>
      </c>
      <c r="AI38279">
        <v>30</v>
      </c>
      <c r="AJ38279">
        <v>30</v>
      </c>
      <c r="AK38279">
        <v>30</v>
      </c>
      <c r="AL38279">
        <v>31</v>
      </c>
      <c r="AM38279">
        <v>31</v>
      </c>
      <c r="AN38279">
        <v>31</v>
      </c>
      <c r="AO38279">
        <v>31</v>
      </c>
      <c r="AP38279">
        <v>32</v>
      </c>
      <c r="AQ38279">
        <v>32</v>
      </c>
    </row>
    <row r="38280" spans="1:43">
      <c r="A38280" t="s">
        <v>23743</v>
      </c>
      <c r="B38280" t="s">
        <v>23744</v>
      </c>
      <c r="C38280" t="s">
        <v>23737</v>
      </c>
      <c r="D38280" t="s">
        <v>23738</v>
      </c>
      <c r="E38280" t="s">
        <v>23649</v>
      </c>
      <c r="F38280" t="s">
        <v>23650</v>
      </c>
      <c r="G38280" t="s">
        <v>22539</v>
      </c>
      <c r="H38280" t="s">
        <v>22540</v>
      </c>
      <c r="I38280" s="2">
        <v>0</v>
      </c>
      <c r="J38280" s="2">
        <v>0</v>
      </c>
      <c r="K38280" s="2">
        <v>1</v>
      </c>
      <c r="L38280" t="s">
        <v>995</v>
      </c>
      <c r="M38280" t="s">
        <v>89</v>
      </c>
      <c r="N38280" t="s">
        <v>90</v>
      </c>
      <c r="O38280" t="s">
        <v>85</v>
      </c>
      <c r="P38280" t="s">
        <v>86</v>
      </c>
      <c r="Q38280">
        <v>26</v>
      </c>
      <c r="R38280">
        <v>27</v>
      </c>
      <c r="S38280">
        <v>28</v>
      </c>
      <c r="T38280">
        <v>28</v>
      </c>
      <c r="U38280">
        <v>29</v>
      </c>
      <c r="V38280">
        <v>30</v>
      </c>
      <c r="W38280">
        <v>30</v>
      </c>
      <c r="X38280">
        <v>31</v>
      </c>
      <c r="Y38280">
        <v>32</v>
      </c>
      <c r="Z38280">
        <v>32</v>
      </c>
      <c r="AA38280">
        <v>33</v>
      </c>
      <c r="AB38280">
        <v>33</v>
      </c>
      <c r="AC38280">
        <v>34</v>
      </c>
      <c r="AD38280">
        <v>35</v>
      </c>
      <c r="AE38280">
        <v>35</v>
      </c>
      <c r="AF38280">
        <v>35</v>
      </c>
      <c r="AG38280">
        <v>35</v>
      </c>
      <c r="AH38280">
        <v>36</v>
      </c>
      <c r="AI38280">
        <v>36</v>
      </c>
      <c r="AJ38280">
        <v>36</v>
      </c>
      <c r="AK38280">
        <v>36</v>
      </c>
      <c r="AL38280">
        <v>36</v>
      </c>
      <c r="AM38280">
        <v>36</v>
      </c>
      <c r="AN38280">
        <v>37</v>
      </c>
      <c r="AO38280">
        <v>37</v>
      </c>
      <c r="AP38280">
        <v>37</v>
      </c>
      <c r="AQ38280">
        <v>37</v>
      </c>
    </row>
    <row r="38281" spans="1:43">
      <c r="A38281" t="s">
        <v>23743</v>
      </c>
      <c r="B38281" t="s">
        <v>23744</v>
      </c>
      <c r="C38281" t="s">
        <v>23737</v>
      </c>
      <c r="D38281" t="s">
        <v>23738</v>
      </c>
      <c r="E38281" t="s">
        <v>23649</v>
      </c>
      <c r="F38281" t="s">
        <v>23650</v>
      </c>
      <c r="G38281" t="s">
        <v>22539</v>
      </c>
      <c r="H38281" t="s">
        <v>22540</v>
      </c>
      <c r="I38281" s="2">
        <v>0</v>
      </c>
      <c r="J38281" s="2">
        <v>0</v>
      </c>
      <c r="K38281" s="2">
        <v>1</v>
      </c>
      <c r="L38281" t="s">
        <v>995</v>
      </c>
      <c r="M38281" t="s">
        <v>83</v>
      </c>
      <c r="N38281" t="s">
        <v>91</v>
      </c>
      <c r="O38281" t="s">
        <v>85</v>
      </c>
      <c r="P38281" t="s">
        <v>86</v>
      </c>
      <c r="Q38281">
        <v>26</v>
      </c>
      <c r="R38281">
        <v>27</v>
      </c>
      <c r="S38281">
        <v>27</v>
      </c>
      <c r="T38281">
        <v>28</v>
      </c>
      <c r="U38281">
        <v>28</v>
      </c>
      <c r="V38281">
        <v>28</v>
      </c>
      <c r="W38281">
        <v>29</v>
      </c>
      <c r="X38281">
        <v>29</v>
      </c>
      <c r="Y38281">
        <v>30</v>
      </c>
      <c r="Z38281">
        <v>30</v>
      </c>
      <c r="AA38281">
        <v>31</v>
      </c>
      <c r="AB38281">
        <v>31</v>
      </c>
      <c r="AC38281">
        <v>32</v>
      </c>
      <c r="AD38281">
        <v>32</v>
      </c>
      <c r="AE38281">
        <v>33</v>
      </c>
      <c r="AF38281">
        <v>33</v>
      </c>
      <c r="AG38281">
        <v>34</v>
      </c>
      <c r="AH38281">
        <v>34</v>
      </c>
      <c r="AI38281">
        <v>35</v>
      </c>
      <c r="AJ38281">
        <v>35</v>
      </c>
      <c r="AK38281">
        <v>36</v>
      </c>
      <c r="AL38281">
        <v>36</v>
      </c>
      <c r="AM38281">
        <v>36</v>
      </c>
      <c r="AN38281">
        <v>36</v>
      </c>
      <c r="AO38281">
        <v>36</v>
      </c>
      <c r="AP38281">
        <v>37</v>
      </c>
      <c r="AQ38281">
        <v>37</v>
      </c>
    </row>
    <row r="38282" spans="1:43">
      <c r="A38282" t="s">
        <v>23745</v>
      </c>
      <c r="B38282" t="s">
        <v>23746</v>
      </c>
      <c r="C38282" t="s">
        <v>23647</v>
      </c>
      <c r="D38282" t="s">
        <v>23648</v>
      </c>
      <c r="E38282" t="s">
        <v>23649</v>
      </c>
      <c r="F38282" t="s">
        <v>23650</v>
      </c>
      <c r="G38282" t="s">
        <v>22539</v>
      </c>
      <c r="H38282" t="s">
        <v>22540</v>
      </c>
      <c r="I38282" s="2">
        <v>0</v>
      </c>
      <c r="J38282" s="2">
        <v>0</v>
      </c>
      <c r="K38282" s="2">
        <v>1</v>
      </c>
      <c r="L38282" t="s">
        <v>995</v>
      </c>
      <c r="M38282" t="s">
        <v>83</v>
      </c>
      <c r="N38282" t="s">
        <v>84</v>
      </c>
      <c r="O38282" t="s">
        <v>85</v>
      </c>
      <c r="P38282" t="s">
        <v>86</v>
      </c>
      <c r="Q38282">
        <v>17</v>
      </c>
      <c r="R38282">
        <v>17</v>
      </c>
      <c r="S38282">
        <v>17</v>
      </c>
      <c r="T38282">
        <v>18</v>
      </c>
      <c r="U38282">
        <v>18</v>
      </c>
      <c r="V38282">
        <v>18</v>
      </c>
      <c r="W38282">
        <v>19</v>
      </c>
      <c r="X38282">
        <v>19</v>
      </c>
      <c r="Y38282">
        <v>19</v>
      </c>
      <c r="Z38282">
        <v>20</v>
      </c>
      <c r="AA38282">
        <v>20</v>
      </c>
      <c r="AB38282">
        <v>20</v>
      </c>
      <c r="AC38282">
        <v>20</v>
      </c>
      <c r="AD38282">
        <v>21</v>
      </c>
      <c r="AE38282">
        <v>21</v>
      </c>
      <c r="AF38282">
        <v>21</v>
      </c>
      <c r="AG38282">
        <v>22</v>
      </c>
      <c r="AH38282">
        <v>22</v>
      </c>
      <c r="AI38282">
        <v>22</v>
      </c>
      <c r="AJ38282">
        <v>23</v>
      </c>
      <c r="AK38282">
        <v>23</v>
      </c>
      <c r="AL38282">
        <v>23</v>
      </c>
      <c r="AM38282">
        <v>23</v>
      </c>
      <c r="AN38282">
        <v>23</v>
      </c>
      <c r="AO38282">
        <v>23</v>
      </c>
      <c r="AP38282">
        <v>23</v>
      </c>
      <c r="AQ38282">
        <v>24</v>
      </c>
    </row>
    <row r="38283" spans="1:43">
      <c r="A38283" t="s">
        <v>23745</v>
      </c>
      <c r="B38283" t="s">
        <v>23746</v>
      </c>
      <c r="C38283" t="s">
        <v>23647</v>
      </c>
      <c r="D38283" t="s">
        <v>23648</v>
      </c>
      <c r="E38283" t="s">
        <v>23649</v>
      </c>
      <c r="F38283" t="s">
        <v>23650</v>
      </c>
      <c r="G38283" t="s">
        <v>22539</v>
      </c>
      <c r="H38283" t="s">
        <v>22540</v>
      </c>
      <c r="I38283" s="2">
        <v>0</v>
      </c>
      <c r="J38283" s="2">
        <v>0</v>
      </c>
      <c r="K38283" s="2">
        <v>1</v>
      </c>
      <c r="L38283" t="s">
        <v>995</v>
      </c>
      <c r="M38283" t="s">
        <v>87</v>
      </c>
      <c r="N38283" t="s">
        <v>88</v>
      </c>
      <c r="O38283" t="s">
        <v>85</v>
      </c>
      <c r="P38283" t="s">
        <v>86</v>
      </c>
      <c r="Q38283">
        <v>17</v>
      </c>
      <c r="R38283">
        <v>17</v>
      </c>
      <c r="S38283">
        <v>17</v>
      </c>
      <c r="T38283">
        <v>17</v>
      </c>
      <c r="U38283">
        <v>17</v>
      </c>
      <c r="V38283">
        <v>17</v>
      </c>
      <c r="W38283">
        <v>18</v>
      </c>
      <c r="X38283">
        <v>18</v>
      </c>
      <c r="Y38283">
        <v>18</v>
      </c>
      <c r="Z38283">
        <v>18</v>
      </c>
      <c r="AA38283">
        <v>18</v>
      </c>
      <c r="AB38283">
        <v>18</v>
      </c>
      <c r="AC38283">
        <v>18</v>
      </c>
      <c r="AD38283">
        <v>18</v>
      </c>
      <c r="AE38283">
        <v>19</v>
      </c>
      <c r="AF38283">
        <v>19</v>
      </c>
      <c r="AG38283">
        <v>19</v>
      </c>
      <c r="AH38283">
        <v>19</v>
      </c>
      <c r="AI38283">
        <v>19</v>
      </c>
      <c r="AJ38283">
        <v>19</v>
      </c>
      <c r="AK38283">
        <v>19</v>
      </c>
      <c r="AL38283">
        <v>20</v>
      </c>
      <c r="AM38283">
        <v>20</v>
      </c>
      <c r="AN38283">
        <v>20</v>
      </c>
      <c r="AO38283">
        <v>20</v>
      </c>
      <c r="AP38283">
        <v>20</v>
      </c>
      <c r="AQ38283">
        <v>20</v>
      </c>
    </row>
    <row r="38284" spans="1:43">
      <c r="A38284" t="s">
        <v>23745</v>
      </c>
      <c r="B38284" t="s">
        <v>23746</v>
      </c>
      <c r="C38284" t="s">
        <v>23647</v>
      </c>
      <c r="D38284" t="s">
        <v>23648</v>
      </c>
      <c r="E38284" t="s">
        <v>23649</v>
      </c>
      <c r="F38284" t="s">
        <v>23650</v>
      </c>
      <c r="G38284" t="s">
        <v>22539</v>
      </c>
      <c r="H38284" t="s">
        <v>22540</v>
      </c>
      <c r="I38284" s="2">
        <v>0</v>
      </c>
      <c r="J38284" s="2">
        <v>0</v>
      </c>
      <c r="K38284" s="2">
        <v>1</v>
      </c>
      <c r="L38284" t="s">
        <v>995</v>
      </c>
      <c r="M38284" t="s">
        <v>89</v>
      </c>
      <c r="N38284" t="s">
        <v>90</v>
      </c>
      <c r="O38284" t="s">
        <v>85</v>
      </c>
      <c r="P38284" t="s">
        <v>86</v>
      </c>
      <c r="Q38284">
        <v>17</v>
      </c>
      <c r="R38284">
        <v>17</v>
      </c>
      <c r="S38284">
        <v>18</v>
      </c>
      <c r="T38284">
        <v>18</v>
      </c>
      <c r="U38284">
        <v>19</v>
      </c>
      <c r="V38284">
        <v>19</v>
      </c>
      <c r="W38284">
        <v>20</v>
      </c>
      <c r="X38284">
        <v>20</v>
      </c>
      <c r="Y38284">
        <v>20</v>
      </c>
      <c r="Z38284">
        <v>21</v>
      </c>
      <c r="AA38284">
        <v>21</v>
      </c>
      <c r="AB38284">
        <v>21</v>
      </c>
      <c r="AC38284">
        <v>22</v>
      </c>
      <c r="AD38284">
        <v>22</v>
      </c>
      <c r="AE38284">
        <v>23</v>
      </c>
      <c r="AF38284">
        <v>23</v>
      </c>
      <c r="AG38284">
        <v>23</v>
      </c>
      <c r="AH38284">
        <v>23</v>
      </c>
      <c r="AI38284">
        <v>23</v>
      </c>
      <c r="AJ38284">
        <v>23</v>
      </c>
      <c r="AK38284">
        <v>23</v>
      </c>
      <c r="AL38284">
        <v>23</v>
      </c>
      <c r="AM38284">
        <v>23</v>
      </c>
      <c r="AN38284">
        <v>23</v>
      </c>
      <c r="AO38284">
        <v>23</v>
      </c>
      <c r="AP38284">
        <v>24</v>
      </c>
      <c r="AQ38284">
        <v>24</v>
      </c>
    </row>
    <row r="38285" spans="1:43">
      <c r="A38285" t="s">
        <v>23745</v>
      </c>
      <c r="B38285" t="s">
        <v>23746</v>
      </c>
      <c r="C38285" t="s">
        <v>23647</v>
      </c>
      <c r="D38285" t="s">
        <v>23648</v>
      </c>
      <c r="E38285" t="s">
        <v>23649</v>
      </c>
      <c r="F38285" t="s">
        <v>23650</v>
      </c>
      <c r="G38285" t="s">
        <v>22539</v>
      </c>
      <c r="H38285" t="s">
        <v>22540</v>
      </c>
      <c r="I38285" s="2">
        <v>0</v>
      </c>
      <c r="J38285" s="2">
        <v>0</v>
      </c>
      <c r="K38285" s="2">
        <v>1</v>
      </c>
      <c r="L38285" t="s">
        <v>995</v>
      </c>
      <c r="M38285" t="s">
        <v>83</v>
      </c>
      <c r="N38285" t="s">
        <v>91</v>
      </c>
      <c r="O38285" t="s">
        <v>85</v>
      </c>
      <c r="P38285" t="s">
        <v>86</v>
      </c>
      <c r="Q38285">
        <v>17</v>
      </c>
      <c r="R38285">
        <v>17</v>
      </c>
      <c r="S38285">
        <v>17</v>
      </c>
      <c r="T38285">
        <v>18</v>
      </c>
      <c r="U38285">
        <v>18</v>
      </c>
      <c r="V38285">
        <v>18</v>
      </c>
      <c r="W38285">
        <v>19</v>
      </c>
      <c r="X38285">
        <v>19</v>
      </c>
      <c r="Y38285">
        <v>19</v>
      </c>
      <c r="Z38285">
        <v>20</v>
      </c>
      <c r="AA38285">
        <v>20</v>
      </c>
      <c r="AB38285">
        <v>20</v>
      </c>
      <c r="AC38285">
        <v>20</v>
      </c>
      <c r="AD38285">
        <v>21</v>
      </c>
      <c r="AE38285">
        <v>21</v>
      </c>
      <c r="AF38285">
        <v>21</v>
      </c>
      <c r="AG38285">
        <v>22</v>
      </c>
      <c r="AH38285">
        <v>22</v>
      </c>
      <c r="AI38285">
        <v>22</v>
      </c>
      <c r="AJ38285">
        <v>23</v>
      </c>
      <c r="AK38285">
        <v>23</v>
      </c>
      <c r="AL38285">
        <v>23</v>
      </c>
      <c r="AM38285">
        <v>23</v>
      </c>
      <c r="AN38285">
        <v>23</v>
      </c>
      <c r="AO38285">
        <v>23</v>
      </c>
      <c r="AP38285">
        <v>23</v>
      </c>
      <c r="AQ38285">
        <v>24</v>
      </c>
    </row>
    <row r="38286" spans="1:43">
      <c r="A38286" t="s">
        <v>23747</v>
      </c>
      <c r="B38286" t="s">
        <v>23748</v>
      </c>
      <c r="C38286" t="s">
        <v>23647</v>
      </c>
      <c r="D38286" t="s">
        <v>23648</v>
      </c>
      <c r="E38286" t="s">
        <v>23649</v>
      </c>
      <c r="F38286" t="s">
        <v>23650</v>
      </c>
      <c r="G38286" t="s">
        <v>22539</v>
      </c>
      <c r="H38286" t="s">
        <v>22540</v>
      </c>
      <c r="I38286" s="2">
        <v>0</v>
      </c>
      <c r="J38286" s="2">
        <v>0</v>
      </c>
      <c r="K38286" s="2">
        <v>1</v>
      </c>
      <c r="L38286" t="s">
        <v>995</v>
      </c>
      <c r="M38286" t="s">
        <v>83</v>
      </c>
      <c r="N38286" t="s">
        <v>84</v>
      </c>
      <c r="O38286" t="s">
        <v>85</v>
      </c>
      <c r="P38286" t="s">
        <v>86</v>
      </c>
      <c r="Q38286">
        <v>42</v>
      </c>
      <c r="R38286">
        <v>42</v>
      </c>
      <c r="S38286">
        <v>43</v>
      </c>
      <c r="T38286">
        <v>44</v>
      </c>
      <c r="U38286">
        <v>44</v>
      </c>
      <c r="V38286">
        <v>45</v>
      </c>
      <c r="W38286">
        <v>46</v>
      </c>
      <c r="X38286">
        <v>47</v>
      </c>
      <c r="Y38286">
        <v>47</v>
      </c>
      <c r="Z38286">
        <v>48</v>
      </c>
      <c r="AA38286">
        <v>49</v>
      </c>
      <c r="AB38286">
        <v>49</v>
      </c>
      <c r="AC38286">
        <v>50</v>
      </c>
      <c r="AD38286">
        <v>51</v>
      </c>
      <c r="AE38286">
        <v>52</v>
      </c>
      <c r="AF38286">
        <v>52</v>
      </c>
      <c r="AG38286">
        <v>53</v>
      </c>
      <c r="AH38286">
        <v>54</v>
      </c>
      <c r="AI38286">
        <v>55</v>
      </c>
      <c r="AJ38286">
        <v>55</v>
      </c>
      <c r="AK38286">
        <v>56</v>
      </c>
      <c r="AL38286">
        <v>57</v>
      </c>
      <c r="AM38286">
        <v>57</v>
      </c>
      <c r="AN38286">
        <v>57</v>
      </c>
      <c r="AO38286">
        <v>57</v>
      </c>
      <c r="AP38286">
        <v>58</v>
      </c>
      <c r="AQ38286">
        <v>58</v>
      </c>
    </row>
    <row r="38287" spans="1:43">
      <c r="A38287" t="s">
        <v>23747</v>
      </c>
      <c r="B38287" t="s">
        <v>23748</v>
      </c>
      <c r="C38287" t="s">
        <v>23647</v>
      </c>
      <c r="D38287" t="s">
        <v>23648</v>
      </c>
      <c r="E38287" t="s">
        <v>23649</v>
      </c>
      <c r="F38287" t="s">
        <v>23650</v>
      </c>
      <c r="G38287" t="s">
        <v>22539</v>
      </c>
      <c r="H38287" t="s">
        <v>22540</v>
      </c>
      <c r="I38287" s="2">
        <v>0</v>
      </c>
      <c r="J38287" s="2">
        <v>0</v>
      </c>
      <c r="K38287" s="2">
        <v>1</v>
      </c>
      <c r="L38287" t="s">
        <v>995</v>
      </c>
      <c r="M38287" t="s">
        <v>87</v>
      </c>
      <c r="N38287" t="s">
        <v>88</v>
      </c>
      <c r="O38287" t="s">
        <v>85</v>
      </c>
      <c r="P38287" t="s">
        <v>86</v>
      </c>
      <c r="Q38287">
        <v>42</v>
      </c>
      <c r="R38287">
        <v>43</v>
      </c>
      <c r="S38287">
        <v>43</v>
      </c>
      <c r="T38287">
        <v>43</v>
      </c>
      <c r="U38287">
        <v>43</v>
      </c>
      <c r="V38287">
        <v>44</v>
      </c>
      <c r="W38287">
        <v>44</v>
      </c>
      <c r="X38287">
        <v>44</v>
      </c>
      <c r="Y38287">
        <v>45</v>
      </c>
      <c r="Z38287">
        <v>45</v>
      </c>
      <c r="AA38287">
        <v>45</v>
      </c>
      <c r="AB38287">
        <v>46</v>
      </c>
      <c r="AC38287">
        <v>46</v>
      </c>
      <c r="AD38287">
        <v>46</v>
      </c>
      <c r="AE38287">
        <v>47</v>
      </c>
      <c r="AF38287">
        <v>47</v>
      </c>
      <c r="AG38287">
        <v>47</v>
      </c>
      <c r="AH38287">
        <v>48</v>
      </c>
      <c r="AI38287">
        <v>48</v>
      </c>
      <c r="AJ38287">
        <v>49</v>
      </c>
      <c r="AK38287">
        <v>49</v>
      </c>
      <c r="AL38287">
        <v>49</v>
      </c>
      <c r="AM38287">
        <v>50</v>
      </c>
      <c r="AN38287">
        <v>50</v>
      </c>
      <c r="AO38287">
        <v>50</v>
      </c>
      <c r="AP38287">
        <v>51</v>
      </c>
      <c r="AQ38287">
        <v>51</v>
      </c>
    </row>
    <row r="38288" spans="1:43">
      <c r="A38288" t="s">
        <v>23747</v>
      </c>
      <c r="B38288" t="s">
        <v>23748</v>
      </c>
      <c r="C38288" t="s">
        <v>23647</v>
      </c>
      <c r="D38288" t="s">
        <v>23648</v>
      </c>
      <c r="E38288" t="s">
        <v>23649</v>
      </c>
      <c r="F38288" t="s">
        <v>23650</v>
      </c>
      <c r="G38288" t="s">
        <v>22539</v>
      </c>
      <c r="H38288" t="s">
        <v>22540</v>
      </c>
      <c r="I38288" s="2">
        <v>0</v>
      </c>
      <c r="J38288" s="2">
        <v>0</v>
      </c>
      <c r="K38288" s="2">
        <v>1</v>
      </c>
      <c r="L38288" t="s">
        <v>995</v>
      </c>
      <c r="M38288" t="s">
        <v>89</v>
      </c>
      <c r="N38288" t="s">
        <v>90</v>
      </c>
      <c r="O38288" t="s">
        <v>85</v>
      </c>
      <c r="P38288" t="s">
        <v>86</v>
      </c>
      <c r="Q38288">
        <v>42</v>
      </c>
      <c r="R38288">
        <v>43</v>
      </c>
      <c r="S38288">
        <v>44</v>
      </c>
      <c r="T38288">
        <v>45</v>
      </c>
      <c r="U38288">
        <v>46</v>
      </c>
      <c r="V38288">
        <v>47</v>
      </c>
      <c r="W38288">
        <v>48</v>
      </c>
      <c r="X38288">
        <v>49</v>
      </c>
      <c r="Y38288">
        <v>50</v>
      </c>
      <c r="Z38288">
        <v>51</v>
      </c>
      <c r="AA38288">
        <v>52</v>
      </c>
      <c r="AB38288">
        <v>53</v>
      </c>
      <c r="AC38288">
        <v>54</v>
      </c>
      <c r="AD38288">
        <v>55</v>
      </c>
      <c r="AE38288">
        <v>55</v>
      </c>
      <c r="AF38288">
        <v>56</v>
      </c>
      <c r="AG38288">
        <v>56</v>
      </c>
      <c r="AH38288">
        <v>56</v>
      </c>
      <c r="AI38288">
        <v>56</v>
      </c>
      <c r="AJ38288">
        <v>57</v>
      </c>
      <c r="AK38288">
        <v>57</v>
      </c>
      <c r="AL38288">
        <v>57</v>
      </c>
      <c r="AM38288">
        <v>57</v>
      </c>
      <c r="AN38288">
        <v>57</v>
      </c>
      <c r="AO38288">
        <v>58</v>
      </c>
      <c r="AP38288">
        <v>58</v>
      </c>
      <c r="AQ38288">
        <v>58</v>
      </c>
    </row>
    <row r="38289" spans="1:43">
      <c r="A38289" t="s">
        <v>23747</v>
      </c>
      <c r="B38289" t="s">
        <v>23748</v>
      </c>
      <c r="C38289" t="s">
        <v>23647</v>
      </c>
      <c r="D38289" t="s">
        <v>23648</v>
      </c>
      <c r="E38289" t="s">
        <v>23649</v>
      </c>
      <c r="F38289" t="s">
        <v>23650</v>
      </c>
      <c r="G38289" t="s">
        <v>22539</v>
      </c>
      <c r="H38289" t="s">
        <v>22540</v>
      </c>
      <c r="I38289" s="2">
        <v>0</v>
      </c>
      <c r="J38289" s="2">
        <v>0</v>
      </c>
      <c r="K38289" s="2">
        <v>1</v>
      </c>
      <c r="L38289" t="s">
        <v>995</v>
      </c>
      <c r="M38289" t="s">
        <v>83</v>
      </c>
      <c r="N38289" t="s">
        <v>91</v>
      </c>
      <c r="O38289" t="s">
        <v>85</v>
      </c>
      <c r="P38289" t="s">
        <v>86</v>
      </c>
      <c r="Q38289">
        <v>42</v>
      </c>
      <c r="R38289">
        <v>42</v>
      </c>
      <c r="S38289">
        <v>43</v>
      </c>
      <c r="T38289">
        <v>44</v>
      </c>
      <c r="U38289">
        <v>44</v>
      </c>
      <c r="V38289">
        <v>45</v>
      </c>
      <c r="W38289">
        <v>46</v>
      </c>
      <c r="X38289">
        <v>47</v>
      </c>
      <c r="Y38289">
        <v>47</v>
      </c>
      <c r="Z38289">
        <v>48</v>
      </c>
      <c r="AA38289">
        <v>49</v>
      </c>
      <c r="AB38289">
        <v>49</v>
      </c>
      <c r="AC38289">
        <v>50</v>
      </c>
      <c r="AD38289">
        <v>51</v>
      </c>
      <c r="AE38289">
        <v>52</v>
      </c>
      <c r="AF38289">
        <v>52</v>
      </c>
      <c r="AG38289">
        <v>53</v>
      </c>
      <c r="AH38289">
        <v>54</v>
      </c>
      <c r="AI38289">
        <v>55</v>
      </c>
      <c r="AJ38289">
        <v>55</v>
      </c>
      <c r="AK38289">
        <v>56</v>
      </c>
      <c r="AL38289">
        <v>57</v>
      </c>
      <c r="AM38289">
        <v>57</v>
      </c>
      <c r="AN38289">
        <v>57</v>
      </c>
      <c r="AO38289">
        <v>57</v>
      </c>
      <c r="AP38289">
        <v>58</v>
      </c>
      <c r="AQ38289">
        <v>58</v>
      </c>
    </row>
    <row r="38290" spans="1:43">
      <c r="A38290" t="s">
        <v>23749</v>
      </c>
      <c r="B38290" t="s">
        <v>23750</v>
      </c>
      <c r="C38290" t="s">
        <v>23751</v>
      </c>
      <c r="D38290" t="s">
        <v>23752</v>
      </c>
      <c r="E38290" t="s">
        <v>23649</v>
      </c>
      <c r="F38290" t="s">
        <v>23650</v>
      </c>
      <c r="G38290" t="s">
        <v>22539</v>
      </c>
      <c r="H38290" t="s">
        <v>22540</v>
      </c>
      <c r="I38290" s="2">
        <v>0</v>
      </c>
      <c r="J38290" s="2">
        <v>0</v>
      </c>
      <c r="K38290" s="2">
        <v>1</v>
      </c>
      <c r="L38290" t="s">
        <v>995</v>
      </c>
      <c r="M38290" t="s">
        <v>83</v>
      </c>
      <c r="N38290" t="s">
        <v>84</v>
      </c>
      <c r="O38290" t="s">
        <v>85</v>
      </c>
      <c r="P38290" t="s">
        <v>86</v>
      </c>
      <c r="Q38290">
        <v>38</v>
      </c>
      <c r="R38290">
        <v>38</v>
      </c>
      <c r="S38290">
        <v>39</v>
      </c>
      <c r="T38290">
        <v>40</v>
      </c>
      <c r="U38290">
        <v>40</v>
      </c>
      <c r="V38290">
        <v>41</v>
      </c>
      <c r="W38290">
        <v>41</v>
      </c>
      <c r="X38290">
        <v>42</v>
      </c>
      <c r="Y38290">
        <v>43</v>
      </c>
      <c r="Z38290">
        <v>43</v>
      </c>
      <c r="AA38290">
        <v>44</v>
      </c>
      <c r="AB38290">
        <v>45</v>
      </c>
      <c r="AC38290">
        <v>45</v>
      </c>
      <c r="AD38290">
        <v>46</v>
      </c>
      <c r="AE38290">
        <v>47</v>
      </c>
      <c r="AF38290">
        <v>47</v>
      </c>
      <c r="AG38290">
        <v>48</v>
      </c>
      <c r="AH38290">
        <v>48</v>
      </c>
      <c r="AI38290">
        <v>49</v>
      </c>
      <c r="AJ38290">
        <v>50</v>
      </c>
      <c r="AK38290">
        <v>50</v>
      </c>
      <c r="AL38290">
        <v>51</v>
      </c>
      <c r="AM38290">
        <v>51</v>
      </c>
      <c r="AN38290">
        <v>51</v>
      </c>
      <c r="AO38290">
        <v>51</v>
      </c>
      <c r="AP38290">
        <v>52</v>
      </c>
      <c r="AQ38290">
        <v>52</v>
      </c>
    </row>
    <row r="38291" spans="1:43">
      <c r="A38291" t="s">
        <v>23749</v>
      </c>
      <c r="B38291" t="s">
        <v>23750</v>
      </c>
      <c r="C38291" t="s">
        <v>23751</v>
      </c>
      <c r="D38291" t="s">
        <v>23752</v>
      </c>
      <c r="E38291" t="s">
        <v>23649</v>
      </c>
      <c r="F38291" t="s">
        <v>23650</v>
      </c>
      <c r="G38291" t="s">
        <v>22539</v>
      </c>
      <c r="H38291" t="s">
        <v>22540</v>
      </c>
      <c r="I38291" s="2">
        <v>0</v>
      </c>
      <c r="J38291" s="2">
        <v>0</v>
      </c>
      <c r="K38291" s="2">
        <v>1</v>
      </c>
      <c r="L38291" t="s">
        <v>995</v>
      </c>
      <c r="M38291" t="s">
        <v>87</v>
      </c>
      <c r="N38291" t="s">
        <v>88</v>
      </c>
      <c r="O38291" t="s">
        <v>85</v>
      </c>
      <c r="P38291" t="s">
        <v>86</v>
      </c>
      <c r="Q38291">
        <v>38</v>
      </c>
      <c r="R38291">
        <v>39</v>
      </c>
      <c r="S38291">
        <v>39</v>
      </c>
      <c r="T38291">
        <v>39</v>
      </c>
      <c r="U38291">
        <v>39</v>
      </c>
      <c r="V38291">
        <v>40</v>
      </c>
      <c r="W38291">
        <v>40</v>
      </c>
      <c r="X38291">
        <v>40</v>
      </c>
      <c r="Y38291">
        <v>41</v>
      </c>
      <c r="Z38291">
        <v>41</v>
      </c>
      <c r="AA38291">
        <v>41</v>
      </c>
      <c r="AB38291">
        <v>41</v>
      </c>
      <c r="AC38291">
        <v>42</v>
      </c>
      <c r="AD38291">
        <v>42</v>
      </c>
      <c r="AE38291">
        <v>42</v>
      </c>
      <c r="AF38291">
        <v>43</v>
      </c>
      <c r="AG38291">
        <v>43</v>
      </c>
      <c r="AH38291">
        <v>43</v>
      </c>
      <c r="AI38291">
        <v>44</v>
      </c>
      <c r="AJ38291">
        <v>44</v>
      </c>
      <c r="AK38291">
        <v>44</v>
      </c>
      <c r="AL38291">
        <v>45</v>
      </c>
      <c r="AM38291">
        <v>45</v>
      </c>
      <c r="AN38291">
        <v>45</v>
      </c>
      <c r="AO38291">
        <v>46</v>
      </c>
      <c r="AP38291">
        <v>46</v>
      </c>
      <c r="AQ38291">
        <v>46</v>
      </c>
    </row>
    <row r="38292" spans="1:43">
      <c r="A38292" t="s">
        <v>23749</v>
      </c>
      <c r="B38292" t="s">
        <v>23750</v>
      </c>
      <c r="C38292" t="s">
        <v>23751</v>
      </c>
      <c r="D38292" t="s">
        <v>23752</v>
      </c>
      <c r="E38292" t="s">
        <v>23649</v>
      </c>
      <c r="F38292" t="s">
        <v>23650</v>
      </c>
      <c r="G38292" t="s">
        <v>22539</v>
      </c>
      <c r="H38292" t="s">
        <v>22540</v>
      </c>
      <c r="I38292" s="2">
        <v>0</v>
      </c>
      <c r="J38292" s="2">
        <v>0</v>
      </c>
      <c r="K38292" s="2">
        <v>1</v>
      </c>
      <c r="L38292" t="s">
        <v>995</v>
      </c>
      <c r="M38292" t="s">
        <v>89</v>
      </c>
      <c r="N38292" t="s">
        <v>90</v>
      </c>
      <c r="O38292" t="s">
        <v>85</v>
      </c>
      <c r="P38292" t="s">
        <v>86</v>
      </c>
      <c r="Q38292">
        <v>38</v>
      </c>
      <c r="R38292">
        <v>39</v>
      </c>
      <c r="S38292">
        <v>40</v>
      </c>
      <c r="T38292">
        <v>41</v>
      </c>
      <c r="U38292">
        <v>42</v>
      </c>
      <c r="V38292">
        <v>43</v>
      </c>
      <c r="W38292">
        <v>44</v>
      </c>
      <c r="X38292">
        <v>44</v>
      </c>
      <c r="Y38292">
        <v>45</v>
      </c>
      <c r="Z38292">
        <v>46</v>
      </c>
      <c r="AA38292">
        <v>47</v>
      </c>
      <c r="AB38292">
        <v>48</v>
      </c>
      <c r="AC38292">
        <v>48</v>
      </c>
      <c r="AD38292">
        <v>49</v>
      </c>
      <c r="AE38292">
        <v>50</v>
      </c>
      <c r="AF38292">
        <v>50</v>
      </c>
      <c r="AG38292">
        <v>50</v>
      </c>
      <c r="AH38292">
        <v>50</v>
      </c>
      <c r="AI38292">
        <v>50</v>
      </c>
      <c r="AJ38292">
        <v>51</v>
      </c>
      <c r="AK38292">
        <v>51</v>
      </c>
      <c r="AL38292">
        <v>51</v>
      </c>
      <c r="AM38292">
        <v>51</v>
      </c>
      <c r="AN38292">
        <v>51</v>
      </c>
      <c r="AO38292">
        <v>52</v>
      </c>
      <c r="AP38292">
        <v>52</v>
      </c>
      <c r="AQ38292">
        <v>52</v>
      </c>
    </row>
    <row r="38293" spans="1:43">
      <c r="A38293" t="s">
        <v>23749</v>
      </c>
      <c r="B38293" t="s">
        <v>23750</v>
      </c>
      <c r="C38293" t="s">
        <v>23751</v>
      </c>
      <c r="D38293" t="s">
        <v>23752</v>
      </c>
      <c r="E38293" t="s">
        <v>23649</v>
      </c>
      <c r="F38293" t="s">
        <v>23650</v>
      </c>
      <c r="G38293" t="s">
        <v>22539</v>
      </c>
      <c r="H38293" t="s">
        <v>22540</v>
      </c>
      <c r="I38293" s="2">
        <v>0</v>
      </c>
      <c r="J38293" s="2">
        <v>0</v>
      </c>
      <c r="K38293" s="2">
        <v>1</v>
      </c>
      <c r="L38293" t="s">
        <v>995</v>
      </c>
      <c r="M38293" t="s">
        <v>83</v>
      </c>
      <c r="N38293" t="s">
        <v>91</v>
      </c>
      <c r="O38293" t="s">
        <v>85</v>
      </c>
      <c r="P38293" t="s">
        <v>86</v>
      </c>
      <c r="Q38293">
        <v>38</v>
      </c>
      <c r="R38293">
        <v>38</v>
      </c>
      <c r="S38293">
        <v>39</v>
      </c>
      <c r="T38293">
        <v>40</v>
      </c>
      <c r="U38293">
        <v>40</v>
      </c>
      <c r="V38293">
        <v>41</v>
      </c>
      <c r="W38293">
        <v>41</v>
      </c>
      <c r="X38293">
        <v>42</v>
      </c>
      <c r="Y38293">
        <v>43</v>
      </c>
      <c r="Z38293">
        <v>43</v>
      </c>
      <c r="AA38293">
        <v>44</v>
      </c>
      <c r="AB38293">
        <v>45</v>
      </c>
      <c r="AC38293">
        <v>45</v>
      </c>
      <c r="AD38293">
        <v>46</v>
      </c>
      <c r="AE38293">
        <v>47</v>
      </c>
      <c r="AF38293">
        <v>47</v>
      </c>
      <c r="AG38293">
        <v>48</v>
      </c>
      <c r="AH38293">
        <v>48</v>
      </c>
      <c r="AI38293">
        <v>49</v>
      </c>
      <c r="AJ38293">
        <v>50</v>
      </c>
      <c r="AK38293">
        <v>50</v>
      </c>
      <c r="AL38293">
        <v>51</v>
      </c>
      <c r="AM38293">
        <v>51</v>
      </c>
      <c r="AN38293">
        <v>51</v>
      </c>
      <c r="AO38293">
        <v>51</v>
      </c>
      <c r="AP38293">
        <v>52</v>
      </c>
      <c r="AQ38293">
        <v>52</v>
      </c>
    </row>
    <row r="38294" spans="1:43">
      <c r="A38294" t="s">
        <v>23753</v>
      </c>
      <c r="B38294" t="s">
        <v>23754</v>
      </c>
      <c r="C38294" t="s">
        <v>23751</v>
      </c>
      <c r="D38294" t="s">
        <v>23752</v>
      </c>
      <c r="E38294" t="s">
        <v>23649</v>
      </c>
      <c r="F38294" t="s">
        <v>23650</v>
      </c>
      <c r="G38294" t="s">
        <v>22539</v>
      </c>
      <c r="H38294" t="s">
        <v>22540</v>
      </c>
      <c r="I38294" s="2">
        <v>0</v>
      </c>
      <c r="J38294" s="2">
        <v>0</v>
      </c>
      <c r="K38294" s="2">
        <v>1</v>
      </c>
      <c r="L38294" t="s">
        <v>995</v>
      </c>
      <c r="M38294" t="s">
        <v>83</v>
      </c>
      <c r="N38294" t="s">
        <v>84</v>
      </c>
      <c r="O38294" t="s">
        <v>85</v>
      </c>
      <c r="P38294" t="s">
        <v>86</v>
      </c>
      <c r="Q38294">
        <v>35</v>
      </c>
      <c r="R38294">
        <v>35</v>
      </c>
      <c r="S38294">
        <v>36</v>
      </c>
      <c r="T38294">
        <v>36</v>
      </c>
      <c r="U38294">
        <v>37</v>
      </c>
      <c r="V38294">
        <v>37</v>
      </c>
      <c r="W38294">
        <v>38</v>
      </c>
      <c r="X38294">
        <v>39</v>
      </c>
      <c r="Y38294">
        <v>39</v>
      </c>
      <c r="Z38294">
        <v>40</v>
      </c>
      <c r="AA38294">
        <v>40</v>
      </c>
      <c r="AB38294">
        <v>41</v>
      </c>
      <c r="AC38294">
        <v>42</v>
      </c>
      <c r="AD38294">
        <v>42</v>
      </c>
      <c r="AE38294">
        <v>43</v>
      </c>
      <c r="AF38294">
        <v>43</v>
      </c>
      <c r="AG38294">
        <v>44</v>
      </c>
      <c r="AH38294">
        <v>44</v>
      </c>
      <c r="AI38294">
        <v>45</v>
      </c>
      <c r="AJ38294">
        <v>46</v>
      </c>
      <c r="AK38294">
        <v>46</v>
      </c>
      <c r="AL38294">
        <v>47</v>
      </c>
      <c r="AM38294">
        <v>47</v>
      </c>
      <c r="AN38294">
        <v>47</v>
      </c>
      <c r="AO38294">
        <v>47</v>
      </c>
      <c r="AP38294">
        <v>47</v>
      </c>
      <c r="AQ38294">
        <v>47</v>
      </c>
    </row>
    <row r="38295" spans="1:43">
      <c r="A38295" t="s">
        <v>23753</v>
      </c>
      <c r="B38295" t="s">
        <v>23754</v>
      </c>
      <c r="C38295" t="s">
        <v>23751</v>
      </c>
      <c r="D38295" t="s">
        <v>23752</v>
      </c>
      <c r="E38295" t="s">
        <v>23649</v>
      </c>
      <c r="F38295" t="s">
        <v>23650</v>
      </c>
      <c r="G38295" t="s">
        <v>22539</v>
      </c>
      <c r="H38295" t="s">
        <v>22540</v>
      </c>
      <c r="I38295" s="2">
        <v>0</v>
      </c>
      <c r="J38295" s="2">
        <v>0</v>
      </c>
      <c r="K38295" s="2">
        <v>1</v>
      </c>
      <c r="L38295" t="s">
        <v>995</v>
      </c>
      <c r="M38295" t="s">
        <v>87</v>
      </c>
      <c r="N38295" t="s">
        <v>88</v>
      </c>
      <c r="O38295" t="s">
        <v>85</v>
      </c>
      <c r="P38295" t="s">
        <v>86</v>
      </c>
      <c r="Q38295">
        <v>35</v>
      </c>
      <c r="R38295">
        <v>36</v>
      </c>
      <c r="S38295">
        <v>36</v>
      </c>
      <c r="T38295">
        <v>36</v>
      </c>
      <c r="U38295">
        <v>36</v>
      </c>
      <c r="V38295">
        <v>37</v>
      </c>
      <c r="W38295">
        <v>37</v>
      </c>
      <c r="X38295">
        <v>37</v>
      </c>
      <c r="Y38295">
        <v>37</v>
      </c>
      <c r="Z38295">
        <v>38</v>
      </c>
      <c r="AA38295">
        <v>38</v>
      </c>
      <c r="AB38295">
        <v>38</v>
      </c>
      <c r="AC38295">
        <v>38</v>
      </c>
      <c r="AD38295">
        <v>39</v>
      </c>
      <c r="AE38295">
        <v>39</v>
      </c>
      <c r="AF38295">
        <v>39</v>
      </c>
      <c r="AG38295">
        <v>39</v>
      </c>
      <c r="AH38295">
        <v>40</v>
      </c>
      <c r="AI38295">
        <v>40</v>
      </c>
      <c r="AJ38295">
        <v>40</v>
      </c>
      <c r="AK38295">
        <v>40</v>
      </c>
      <c r="AL38295">
        <v>41</v>
      </c>
      <c r="AM38295">
        <v>41</v>
      </c>
      <c r="AN38295">
        <v>41</v>
      </c>
      <c r="AO38295">
        <v>42</v>
      </c>
      <c r="AP38295">
        <v>42</v>
      </c>
      <c r="AQ38295">
        <v>42</v>
      </c>
    </row>
    <row r="38296" spans="1:43">
      <c r="A38296" t="s">
        <v>23753</v>
      </c>
      <c r="B38296" t="s">
        <v>23754</v>
      </c>
      <c r="C38296" t="s">
        <v>23751</v>
      </c>
      <c r="D38296" t="s">
        <v>23752</v>
      </c>
      <c r="E38296" t="s">
        <v>23649</v>
      </c>
      <c r="F38296" t="s">
        <v>23650</v>
      </c>
      <c r="G38296" t="s">
        <v>22539</v>
      </c>
      <c r="H38296" t="s">
        <v>22540</v>
      </c>
      <c r="I38296" s="2">
        <v>0</v>
      </c>
      <c r="J38296" s="2">
        <v>0</v>
      </c>
      <c r="K38296" s="2">
        <v>1</v>
      </c>
      <c r="L38296" t="s">
        <v>995</v>
      </c>
      <c r="M38296" t="s">
        <v>89</v>
      </c>
      <c r="N38296" t="s">
        <v>90</v>
      </c>
      <c r="O38296" t="s">
        <v>85</v>
      </c>
      <c r="P38296" t="s">
        <v>86</v>
      </c>
      <c r="Q38296">
        <v>35</v>
      </c>
      <c r="R38296">
        <v>36</v>
      </c>
      <c r="S38296">
        <v>37</v>
      </c>
      <c r="T38296">
        <v>38</v>
      </c>
      <c r="U38296">
        <v>38</v>
      </c>
      <c r="V38296">
        <v>39</v>
      </c>
      <c r="W38296">
        <v>40</v>
      </c>
      <c r="X38296">
        <v>41</v>
      </c>
      <c r="Y38296">
        <v>42</v>
      </c>
      <c r="Z38296">
        <v>42</v>
      </c>
      <c r="AA38296">
        <v>43</v>
      </c>
      <c r="AB38296">
        <v>44</v>
      </c>
      <c r="AC38296">
        <v>45</v>
      </c>
      <c r="AD38296">
        <v>45</v>
      </c>
      <c r="AE38296">
        <v>46</v>
      </c>
      <c r="AF38296">
        <v>46</v>
      </c>
      <c r="AG38296">
        <v>46</v>
      </c>
      <c r="AH38296">
        <v>46</v>
      </c>
      <c r="AI38296">
        <v>46</v>
      </c>
      <c r="AJ38296">
        <v>47</v>
      </c>
      <c r="AK38296">
        <v>47</v>
      </c>
      <c r="AL38296">
        <v>47</v>
      </c>
      <c r="AM38296">
        <v>47</v>
      </c>
      <c r="AN38296">
        <v>47</v>
      </c>
      <c r="AO38296">
        <v>47</v>
      </c>
      <c r="AP38296">
        <v>47</v>
      </c>
      <c r="AQ38296">
        <v>48</v>
      </c>
    </row>
    <row r="38297" spans="1:43">
      <c r="A38297" t="s">
        <v>23753</v>
      </c>
      <c r="B38297" t="s">
        <v>23754</v>
      </c>
      <c r="C38297" t="s">
        <v>23751</v>
      </c>
      <c r="D38297" t="s">
        <v>23752</v>
      </c>
      <c r="E38297" t="s">
        <v>23649</v>
      </c>
      <c r="F38297" t="s">
        <v>23650</v>
      </c>
      <c r="G38297" t="s">
        <v>22539</v>
      </c>
      <c r="H38297" t="s">
        <v>22540</v>
      </c>
      <c r="I38297" s="2">
        <v>0</v>
      </c>
      <c r="J38297" s="2">
        <v>0</v>
      </c>
      <c r="K38297" s="2">
        <v>1</v>
      </c>
      <c r="L38297" t="s">
        <v>995</v>
      </c>
      <c r="M38297" t="s">
        <v>83</v>
      </c>
      <c r="N38297" t="s">
        <v>91</v>
      </c>
      <c r="O38297" t="s">
        <v>85</v>
      </c>
      <c r="P38297" t="s">
        <v>86</v>
      </c>
      <c r="Q38297">
        <v>35</v>
      </c>
      <c r="R38297">
        <v>35</v>
      </c>
      <c r="S38297">
        <v>36</v>
      </c>
      <c r="T38297">
        <v>36</v>
      </c>
      <c r="U38297">
        <v>37</v>
      </c>
      <c r="V38297">
        <v>37</v>
      </c>
      <c r="W38297">
        <v>38</v>
      </c>
      <c r="X38297">
        <v>39</v>
      </c>
      <c r="Y38297">
        <v>39</v>
      </c>
      <c r="Z38297">
        <v>40</v>
      </c>
      <c r="AA38297">
        <v>40</v>
      </c>
      <c r="AB38297">
        <v>41</v>
      </c>
      <c r="AC38297">
        <v>42</v>
      </c>
      <c r="AD38297">
        <v>42</v>
      </c>
      <c r="AE38297">
        <v>43</v>
      </c>
      <c r="AF38297">
        <v>43</v>
      </c>
      <c r="AG38297">
        <v>44</v>
      </c>
      <c r="AH38297">
        <v>44</v>
      </c>
      <c r="AI38297">
        <v>45</v>
      </c>
      <c r="AJ38297">
        <v>46</v>
      </c>
      <c r="AK38297">
        <v>46</v>
      </c>
      <c r="AL38297">
        <v>47</v>
      </c>
      <c r="AM38297">
        <v>47</v>
      </c>
      <c r="AN38297">
        <v>47</v>
      </c>
      <c r="AO38297">
        <v>47</v>
      </c>
      <c r="AP38297">
        <v>47</v>
      </c>
      <c r="AQ38297">
        <v>47</v>
      </c>
    </row>
    <row r="38298" spans="1:43">
      <c r="A38298" t="s">
        <v>23755</v>
      </c>
      <c r="B38298" t="s">
        <v>23756</v>
      </c>
      <c r="C38298" t="s">
        <v>23751</v>
      </c>
      <c r="D38298" t="s">
        <v>23752</v>
      </c>
      <c r="E38298" t="s">
        <v>23649</v>
      </c>
      <c r="F38298" t="s">
        <v>23650</v>
      </c>
      <c r="G38298" t="s">
        <v>22539</v>
      </c>
      <c r="H38298" t="s">
        <v>22540</v>
      </c>
      <c r="I38298" s="2">
        <v>0</v>
      </c>
      <c r="J38298" s="2">
        <v>0</v>
      </c>
      <c r="K38298" s="2">
        <v>1</v>
      </c>
      <c r="L38298" t="s">
        <v>995</v>
      </c>
      <c r="M38298" t="s">
        <v>83</v>
      </c>
      <c r="N38298" t="s">
        <v>84</v>
      </c>
      <c r="O38298" t="s">
        <v>85</v>
      </c>
      <c r="P38298" t="s">
        <v>86</v>
      </c>
      <c r="Q38298">
        <v>27</v>
      </c>
      <c r="R38298">
        <v>27</v>
      </c>
      <c r="S38298">
        <v>28</v>
      </c>
      <c r="T38298">
        <v>28</v>
      </c>
      <c r="U38298">
        <v>29</v>
      </c>
      <c r="V38298">
        <v>29</v>
      </c>
      <c r="W38298">
        <v>29</v>
      </c>
      <c r="X38298">
        <v>30</v>
      </c>
      <c r="Y38298">
        <v>30</v>
      </c>
      <c r="Z38298">
        <v>31</v>
      </c>
      <c r="AA38298">
        <v>31</v>
      </c>
      <c r="AB38298">
        <v>32</v>
      </c>
      <c r="AC38298">
        <v>32</v>
      </c>
      <c r="AD38298">
        <v>33</v>
      </c>
      <c r="AE38298">
        <v>33</v>
      </c>
      <c r="AF38298">
        <v>34</v>
      </c>
      <c r="AG38298">
        <v>34</v>
      </c>
      <c r="AH38298">
        <v>34</v>
      </c>
      <c r="AI38298">
        <v>35</v>
      </c>
      <c r="AJ38298">
        <v>35</v>
      </c>
      <c r="AK38298">
        <v>36</v>
      </c>
      <c r="AL38298">
        <v>36</v>
      </c>
      <c r="AM38298">
        <v>36</v>
      </c>
      <c r="AN38298">
        <v>36</v>
      </c>
      <c r="AO38298">
        <v>36</v>
      </c>
      <c r="AP38298">
        <v>37</v>
      </c>
      <c r="AQ38298">
        <v>37</v>
      </c>
    </row>
    <row r="38299" spans="1:43">
      <c r="A38299" t="s">
        <v>23755</v>
      </c>
      <c r="B38299" t="s">
        <v>23756</v>
      </c>
      <c r="C38299" t="s">
        <v>23751</v>
      </c>
      <c r="D38299" t="s">
        <v>23752</v>
      </c>
      <c r="E38299" t="s">
        <v>23649</v>
      </c>
      <c r="F38299" t="s">
        <v>23650</v>
      </c>
      <c r="G38299" t="s">
        <v>22539</v>
      </c>
      <c r="H38299" t="s">
        <v>22540</v>
      </c>
      <c r="I38299" s="2">
        <v>0</v>
      </c>
      <c r="J38299" s="2">
        <v>0</v>
      </c>
      <c r="K38299" s="2">
        <v>1</v>
      </c>
      <c r="L38299" t="s">
        <v>995</v>
      </c>
      <c r="M38299" t="s">
        <v>87</v>
      </c>
      <c r="N38299" t="s">
        <v>88</v>
      </c>
      <c r="O38299" t="s">
        <v>85</v>
      </c>
      <c r="P38299" t="s">
        <v>86</v>
      </c>
      <c r="Q38299">
        <v>27</v>
      </c>
      <c r="R38299">
        <v>27</v>
      </c>
      <c r="S38299">
        <v>27</v>
      </c>
      <c r="T38299">
        <v>27</v>
      </c>
      <c r="U38299">
        <v>27</v>
      </c>
      <c r="V38299">
        <v>28</v>
      </c>
      <c r="W38299">
        <v>28</v>
      </c>
      <c r="X38299">
        <v>28</v>
      </c>
      <c r="Y38299">
        <v>28</v>
      </c>
      <c r="Z38299">
        <v>28</v>
      </c>
      <c r="AA38299">
        <v>29</v>
      </c>
      <c r="AB38299">
        <v>29</v>
      </c>
      <c r="AC38299">
        <v>29</v>
      </c>
      <c r="AD38299">
        <v>29</v>
      </c>
      <c r="AE38299">
        <v>29</v>
      </c>
      <c r="AF38299">
        <v>30</v>
      </c>
      <c r="AG38299">
        <v>30</v>
      </c>
      <c r="AH38299">
        <v>30</v>
      </c>
      <c r="AI38299">
        <v>30</v>
      </c>
      <c r="AJ38299">
        <v>30</v>
      </c>
      <c r="AK38299">
        <v>31</v>
      </c>
      <c r="AL38299">
        <v>31</v>
      </c>
      <c r="AM38299">
        <v>31</v>
      </c>
      <c r="AN38299">
        <v>31</v>
      </c>
      <c r="AO38299">
        <v>32</v>
      </c>
      <c r="AP38299">
        <v>32</v>
      </c>
      <c r="AQ38299">
        <v>32</v>
      </c>
    </row>
    <row r="38300" spans="1:43">
      <c r="A38300" t="s">
        <v>23755</v>
      </c>
      <c r="B38300" t="s">
        <v>23756</v>
      </c>
      <c r="C38300" t="s">
        <v>23751</v>
      </c>
      <c r="D38300" t="s">
        <v>23752</v>
      </c>
      <c r="E38300" t="s">
        <v>23649</v>
      </c>
      <c r="F38300" t="s">
        <v>23650</v>
      </c>
      <c r="G38300" t="s">
        <v>22539</v>
      </c>
      <c r="H38300" t="s">
        <v>22540</v>
      </c>
      <c r="I38300" s="2">
        <v>0</v>
      </c>
      <c r="J38300" s="2">
        <v>0</v>
      </c>
      <c r="K38300" s="2">
        <v>1</v>
      </c>
      <c r="L38300" t="s">
        <v>995</v>
      </c>
      <c r="M38300" t="s">
        <v>89</v>
      </c>
      <c r="N38300" t="s">
        <v>90</v>
      </c>
      <c r="O38300" t="s">
        <v>85</v>
      </c>
      <c r="P38300" t="s">
        <v>86</v>
      </c>
      <c r="Q38300">
        <v>27</v>
      </c>
      <c r="R38300">
        <v>28</v>
      </c>
      <c r="S38300">
        <v>28</v>
      </c>
      <c r="T38300">
        <v>29</v>
      </c>
      <c r="U38300">
        <v>30</v>
      </c>
      <c r="V38300">
        <v>30</v>
      </c>
      <c r="W38300">
        <v>31</v>
      </c>
      <c r="X38300">
        <v>32</v>
      </c>
      <c r="Y38300">
        <v>32</v>
      </c>
      <c r="Z38300">
        <v>33</v>
      </c>
      <c r="AA38300">
        <v>33</v>
      </c>
      <c r="AB38300">
        <v>34</v>
      </c>
      <c r="AC38300">
        <v>34</v>
      </c>
      <c r="AD38300">
        <v>35</v>
      </c>
      <c r="AE38300">
        <v>35</v>
      </c>
      <c r="AF38300">
        <v>36</v>
      </c>
      <c r="AG38300">
        <v>36</v>
      </c>
      <c r="AH38300">
        <v>36</v>
      </c>
      <c r="AI38300">
        <v>36</v>
      </c>
      <c r="AJ38300">
        <v>36</v>
      </c>
      <c r="AK38300">
        <v>36</v>
      </c>
      <c r="AL38300">
        <v>36</v>
      </c>
      <c r="AM38300">
        <v>36</v>
      </c>
      <c r="AN38300">
        <v>37</v>
      </c>
      <c r="AO38300">
        <v>37</v>
      </c>
      <c r="AP38300">
        <v>37</v>
      </c>
      <c r="AQ38300">
        <v>37</v>
      </c>
    </row>
    <row r="38301" spans="1:43">
      <c r="A38301" t="s">
        <v>23755</v>
      </c>
      <c r="B38301" t="s">
        <v>23756</v>
      </c>
      <c r="C38301" t="s">
        <v>23751</v>
      </c>
      <c r="D38301" t="s">
        <v>23752</v>
      </c>
      <c r="E38301" t="s">
        <v>23649</v>
      </c>
      <c r="F38301" t="s">
        <v>23650</v>
      </c>
      <c r="G38301" t="s">
        <v>22539</v>
      </c>
      <c r="H38301" t="s">
        <v>22540</v>
      </c>
      <c r="I38301" s="2">
        <v>0</v>
      </c>
      <c r="J38301" s="2">
        <v>0</v>
      </c>
      <c r="K38301" s="2">
        <v>1</v>
      </c>
      <c r="L38301" t="s">
        <v>995</v>
      </c>
      <c r="M38301" t="s">
        <v>83</v>
      </c>
      <c r="N38301" t="s">
        <v>91</v>
      </c>
      <c r="O38301" t="s">
        <v>85</v>
      </c>
      <c r="P38301" t="s">
        <v>86</v>
      </c>
      <c r="Q38301">
        <v>27</v>
      </c>
      <c r="R38301">
        <v>27</v>
      </c>
      <c r="S38301">
        <v>28</v>
      </c>
      <c r="T38301">
        <v>28</v>
      </c>
      <c r="U38301">
        <v>29</v>
      </c>
      <c r="V38301">
        <v>29</v>
      </c>
      <c r="W38301">
        <v>29</v>
      </c>
      <c r="X38301">
        <v>30</v>
      </c>
      <c r="Y38301">
        <v>30</v>
      </c>
      <c r="Z38301">
        <v>31</v>
      </c>
      <c r="AA38301">
        <v>31</v>
      </c>
      <c r="AB38301">
        <v>32</v>
      </c>
      <c r="AC38301">
        <v>32</v>
      </c>
      <c r="AD38301">
        <v>33</v>
      </c>
      <c r="AE38301">
        <v>33</v>
      </c>
      <c r="AF38301">
        <v>34</v>
      </c>
      <c r="AG38301">
        <v>34</v>
      </c>
      <c r="AH38301">
        <v>34</v>
      </c>
      <c r="AI38301">
        <v>35</v>
      </c>
      <c r="AJ38301">
        <v>35</v>
      </c>
      <c r="AK38301">
        <v>36</v>
      </c>
      <c r="AL38301">
        <v>36</v>
      </c>
      <c r="AM38301">
        <v>36</v>
      </c>
      <c r="AN38301">
        <v>36</v>
      </c>
      <c r="AO38301">
        <v>36</v>
      </c>
      <c r="AP38301">
        <v>37</v>
      </c>
      <c r="AQ38301">
        <v>37</v>
      </c>
    </row>
    <row r="38302" spans="1:43">
      <c r="A38302" t="s">
        <v>23757</v>
      </c>
      <c r="B38302" t="s">
        <v>23758</v>
      </c>
      <c r="C38302" t="s">
        <v>23675</v>
      </c>
      <c r="D38302" t="s">
        <v>23676</v>
      </c>
      <c r="E38302" t="s">
        <v>23649</v>
      </c>
      <c r="F38302" t="s">
        <v>23650</v>
      </c>
      <c r="G38302" t="s">
        <v>22539</v>
      </c>
      <c r="H38302" t="s">
        <v>22540</v>
      </c>
      <c r="I38302" s="2">
        <v>0</v>
      </c>
      <c r="J38302" s="2">
        <v>0</v>
      </c>
      <c r="K38302" s="2">
        <v>1</v>
      </c>
      <c r="L38302" t="s">
        <v>995</v>
      </c>
      <c r="M38302" t="s">
        <v>83</v>
      </c>
      <c r="N38302" t="s">
        <v>84</v>
      </c>
      <c r="O38302" t="s">
        <v>85</v>
      </c>
      <c r="P38302" t="s">
        <v>86</v>
      </c>
      <c r="Q38302">
        <v>60</v>
      </c>
      <c r="R38302">
        <v>61</v>
      </c>
      <c r="S38302">
        <v>62</v>
      </c>
      <c r="T38302">
        <v>63</v>
      </c>
      <c r="U38302">
        <v>64</v>
      </c>
      <c r="V38302">
        <v>65</v>
      </c>
      <c r="W38302">
        <v>66</v>
      </c>
      <c r="X38302">
        <v>67</v>
      </c>
      <c r="Y38302">
        <v>68</v>
      </c>
      <c r="Z38302">
        <v>69</v>
      </c>
      <c r="AA38302">
        <v>70</v>
      </c>
      <c r="AB38302">
        <v>71</v>
      </c>
      <c r="AC38302">
        <v>72</v>
      </c>
      <c r="AD38302">
        <v>73</v>
      </c>
      <c r="AE38302">
        <v>74</v>
      </c>
      <c r="AF38302">
        <v>75</v>
      </c>
      <c r="AG38302">
        <v>76</v>
      </c>
      <c r="AH38302">
        <v>77</v>
      </c>
      <c r="AI38302">
        <v>78</v>
      </c>
      <c r="AJ38302">
        <v>79</v>
      </c>
      <c r="AK38302">
        <v>80</v>
      </c>
      <c r="AL38302">
        <v>81</v>
      </c>
      <c r="AM38302">
        <v>81</v>
      </c>
      <c r="AN38302">
        <v>81</v>
      </c>
      <c r="AO38302">
        <v>82</v>
      </c>
      <c r="AP38302">
        <v>82</v>
      </c>
      <c r="AQ38302">
        <v>82</v>
      </c>
    </row>
    <row r="38303" spans="1:43">
      <c r="A38303" t="s">
        <v>23757</v>
      </c>
      <c r="B38303" t="s">
        <v>23758</v>
      </c>
      <c r="C38303" t="s">
        <v>23675</v>
      </c>
      <c r="D38303" t="s">
        <v>23676</v>
      </c>
      <c r="E38303" t="s">
        <v>23649</v>
      </c>
      <c r="F38303" t="s">
        <v>23650</v>
      </c>
      <c r="G38303" t="s">
        <v>22539</v>
      </c>
      <c r="H38303" t="s">
        <v>22540</v>
      </c>
      <c r="I38303" s="2">
        <v>0</v>
      </c>
      <c r="J38303" s="2">
        <v>0</v>
      </c>
      <c r="K38303" s="2">
        <v>1</v>
      </c>
      <c r="L38303" t="s">
        <v>995</v>
      </c>
      <c r="M38303" t="s">
        <v>87</v>
      </c>
      <c r="N38303" t="s">
        <v>88</v>
      </c>
      <c r="O38303" t="s">
        <v>85</v>
      </c>
      <c r="P38303" t="s">
        <v>86</v>
      </c>
      <c r="Q38303">
        <v>60</v>
      </c>
      <c r="R38303">
        <v>61</v>
      </c>
      <c r="S38303">
        <v>61</v>
      </c>
      <c r="T38303">
        <v>62</v>
      </c>
      <c r="U38303">
        <v>62</v>
      </c>
      <c r="V38303">
        <v>63</v>
      </c>
      <c r="W38303">
        <v>63</v>
      </c>
      <c r="X38303">
        <v>63</v>
      </c>
      <c r="Y38303">
        <v>64</v>
      </c>
      <c r="Z38303">
        <v>64</v>
      </c>
      <c r="AA38303">
        <v>65</v>
      </c>
      <c r="AB38303">
        <v>65</v>
      </c>
      <c r="AC38303">
        <v>66</v>
      </c>
      <c r="AD38303">
        <v>66</v>
      </c>
      <c r="AE38303">
        <v>67</v>
      </c>
      <c r="AF38303">
        <v>67</v>
      </c>
      <c r="AG38303">
        <v>68</v>
      </c>
      <c r="AH38303">
        <v>68</v>
      </c>
      <c r="AI38303">
        <v>69</v>
      </c>
      <c r="AJ38303">
        <v>69</v>
      </c>
      <c r="AK38303">
        <v>70</v>
      </c>
      <c r="AL38303">
        <v>70</v>
      </c>
      <c r="AM38303">
        <v>71</v>
      </c>
      <c r="AN38303">
        <v>72</v>
      </c>
      <c r="AO38303">
        <v>72</v>
      </c>
      <c r="AP38303">
        <v>73</v>
      </c>
      <c r="AQ38303">
        <v>73</v>
      </c>
    </row>
    <row r="38304" spans="1:43">
      <c r="A38304" t="s">
        <v>23757</v>
      </c>
      <c r="B38304" t="s">
        <v>23758</v>
      </c>
      <c r="C38304" t="s">
        <v>23675</v>
      </c>
      <c r="D38304" t="s">
        <v>23676</v>
      </c>
      <c r="E38304" t="s">
        <v>23649</v>
      </c>
      <c r="F38304" t="s">
        <v>23650</v>
      </c>
      <c r="G38304" t="s">
        <v>22539</v>
      </c>
      <c r="H38304" t="s">
        <v>22540</v>
      </c>
      <c r="I38304" s="2">
        <v>0</v>
      </c>
      <c r="J38304" s="2">
        <v>0</v>
      </c>
      <c r="K38304" s="2">
        <v>1</v>
      </c>
      <c r="L38304" t="s">
        <v>995</v>
      </c>
      <c r="M38304" t="s">
        <v>89</v>
      </c>
      <c r="N38304" t="s">
        <v>90</v>
      </c>
      <c r="O38304" t="s">
        <v>85</v>
      </c>
      <c r="P38304" t="s">
        <v>86</v>
      </c>
      <c r="Q38304">
        <v>60</v>
      </c>
      <c r="R38304">
        <v>62</v>
      </c>
      <c r="S38304">
        <v>63</v>
      </c>
      <c r="T38304">
        <v>65</v>
      </c>
      <c r="U38304">
        <v>66</v>
      </c>
      <c r="V38304">
        <v>68</v>
      </c>
      <c r="W38304">
        <v>69</v>
      </c>
      <c r="X38304">
        <v>71</v>
      </c>
      <c r="Y38304">
        <v>72</v>
      </c>
      <c r="Z38304">
        <v>73</v>
      </c>
      <c r="AA38304">
        <v>74</v>
      </c>
      <c r="AB38304">
        <v>76</v>
      </c>
      <c r="AC38304">
        <v>77</v>
      </c>
      <c r="AD38304">
        <v>78</v>
      </c>
      <c r="AE38304">
        <v>79</v>
      </c>
      <c r="AF38304">
        <v>79</v>
      </c>
      <c r="AG38304">
        <v>80</v>
      </c>
      <c r="AH38304">
        <v>80</v>
      </c>
      <c r="AI38304">
        <v>80</v>
      </c>
      <c r="AJ38304">
        <v>81</v>
      </c>
      <c r="AK38304">
        <v>81</v>
      </c>
      <c r="AL38304">
        <v>81</v>
      </c>
      <c r="AM38304">
        <v>81</v>
      </c>
      <c r="AN38304">
        <v>82</v>
      </c>
      <c r="AO38304">
        <v>82</v>
      </c>
      <c r="AP38304">
        <v>82</v>
      </c>
      <c r="AQ38304">
        <v>83</v>
      </c>
    </row>
    <row r="38305" spans="1:43">
      <c r="A38305" t="s">
        <v>23757</v>
      </c>
      <c r="B38305" t="s">
        <v>23758</v>
      </c>
      <c r="C38305" t="s">
        <v>23675</v>
      </c>
      <c r="D38305" t="s">
        <v>23676</v>
      </c>
      <c r="E38305" t="s">
        <v>23649</v>
      </c>
      <c r="F38305" t="s">
        <v>23650</v>
      </c>
      <c r="G38305" t="s">
        <v>22539</v>
      </c>
      <c r="H38305" t="s">
        <v>22540</v>
      </c>
      <c r="I38305" s="2">
        <v>0</v>
      </c>
      <c r="J38305" s="2">
        <v>0</v>
      </c>
      <c r="K38305" s="2">
        <v>1</v>
      </c>
      <c r="L38305" t="s">
        <v>995</v>
      </c>
      <c r="M38305" t="s">
        <v>83</v>
      </c>
      <c r="N38305" t="s">
        <v>91</v>
      </c>
      <c r="O38305" t="s">
        <v>85</v>
      </c>
      <c r="P38305" t="s">
        <v>86</v>
      </c>
      <c r="Q38305">
        <v>60</v>
      </c>
      <c r="R38305">
        <v>61</v>
      </c>
      <c r="S38305">
        <v>62</v>
      </c>
      <c r="T38305">
        <v>63</v>
      </c>
      <c r="U38305">
        <v>64</v>
      </c>
      <c r="V38305">
        <v>65</v>
      </c>
      <c r="W38305">
        <v>66</v>
      </c>
      <c r="X38305">
        <v>67</v>
      </c>
      <c r="Y38305">
        <v>68</v>
      </c>
      <c r="Z38305">
        <v>69</v>
      </c>
      <c r="AA38305">
        <v>70</v>
      </c>
      <c r="AB38305">
        <v>71</v>
      </c>
      <c r="AC38305">
        <v>72</v>
      </c>
      <c r="AD38305">
        <v>73</v>
      </c>
      <c r="AE38305">
        <v>74</v>
      </c>
      <c r="AF38305">
        <v>75</v>
      </c>
      <c r="AG38305">
        <v>76</v>
      </c>
      <c r="AH38305">
        <v>77</v>
      </c>
      <c r="AI38305">
        <v>78</v>
      </c>
      <c r="AJ38305">
        <v>79</v>
      </c>
      <c r="AK38305">
        <v>80</v>
      </c>
      <c r="AL38305">
        <v>81</v>
      </c>
      <c r="AM38305">
        <v>81</v>
      </c>
      <c r="AN38305">
        <v>81</v>
      </c>
      <c r="AO38305">
        <v>82</v>
      </c>
      <c r="AP38305">
        <v>82</v>
      </c>
      <c r="AQ38305">
        <v>82</v>
      </c>
    </row>
    <row r="38306" spans="1:43">
      <c r="A38306" t="s">
        <v>23759</v>
      </c>
      <c r="B38306" t="s">
        <v>23760</v>
      </c>
      <c r="C38306" t="s">
        <v>23679</v>
      </c>
      <c r="D38306" t="s">
        <v>23680</v>
      </c>
      <c r="E38306" t="s">
        <v>23649</v>
      </c>
      <c r="F38306" t="s">
        <v>23650</v>
      </c>
      <c r="G38306" t="s">
        <v>22539</v>
      </c>
      <c r="H38306" t="s">
        <v>22540</v>
      </c>
      <c r="I38306" s="2">
        <v>0</v>
      </c>
      <c r="J38306" s="2">
        <v>0</v>
      </c>
      <c r="K38306" s="2">
        <v>1</v>
      </c>
      <c r="L38306" t="s">
        <v>995</v>
      </c>
      <c r="M38306" t="s">
        <v>83</v>
      </c>
      <c r="N38306" t="s">
        <v>84</v>
      </c>
      <c r="O38306" t="s">
        <v>85</v>
      </c>
      <c r="P38306" t="s">
        <v>86</v>
      </c>
      <c r="Q38306">
        <v>31</v>
      </c>
      <c r="R38306">
        <v>32</v>
      </c>
      <c r="S38306">
        <v>32</v>
      </c>
      <c r="T38306">
        <v>33</v>
      </c>
      <c r="U38306">
        <v>33</v>
      </c>
      <c r="V38306">
        <v>34</v>
      </c>
      <c r="W38306">
        <v>34</v>
      </c>
      <c r="X38306">
        <v>35</v>
      </c>
      <c r="Y38306">
        <v>35</v>
      </c>
      <c r="Z38306">
        <v>36</v>
      </c>
      <c r="AA38306">
        <v>36</v>
      </c>
      <c r="AB38306">
        <v>37</v>
      </c>
      <c r="AC38306">
        <v>37</v>
      </c>
      <c r="AD38306">
        <v>38</v>
      </c>
      <c r="AE38306">
        <v>39</v>
      </c>
      <c r="AF38306">
        <v>39</v>
      </c>
      <c r="AG38306">
        <v>40</v>
      </c>
      <c r="AH38306">
        <v>40</v>
      </c>
      <c r="AI38306">
        <v>41</v>
      </c>
      <c r="AJ38306">
        <v>41</v>
      </c>
      <c r="AK38306">
        <v>42</v>
      </c>
      <c r="AL38306">
        <v>42</v>
      </c>
      <c r="AM38306">
        <v>42</v>
      </c>
      <c r="AN38306">
        <v>42</v>
      </c>
      <c r="AO38306">
        <v>42</v>
      </c>
      <c r="AP38306">
        <v>43</v>
      </c>
      <c r="AQ38306">
        <v>43</v>
      </c>
    </row>
    <row r="38307" spans="1:43">
      <c r="A38307" t="s">
        <v>23759</v>
      </c>
      <c r="B38307" t="s">
        <v>23760</v>
      </c>
      <c r="C38307" t="s">
        <v>23679</v>
      </c>
      <c r="D38307" t="s">
        <v>23680</v>
      </c>
      <c r="E38307" t="s">
        <v>23649</v>
      </c>
      <c r="F38307" t="s">
        <v>23650</v>
      </c>
      <c r="G38307" t="s">
        <v>22539</v>
      </c>
      <c r="H38307" t="s">
        <v>22540</v>
      </c>
      <c r="I38307" s="2">
        <v>0</v>
      </c>
      <c r="J38307" s="2">
        <v>0</v>
      </c>
      <c r="K38307" s="2">
        <v>1</v>
      </c>
      <c r="L38307" t="s">
        <v>995</v>
      </c>
      <c r="M38307" t="s">
        <v>87</v>
      </c>
      <c r="N38307" t="s">
        <v>88</v>
      </c>
      <c r="O38307" t="s">
        <v>85</v>
      </c>
      <c r="P38307" t="s">
        <v>86</v>
      </c>
      <c r="Q38307">
        <v>31</v>
      </c>
      <c r="R38307">
        <v>31</v>
      </c>
      <c r="S38307">
        <v>31</v>
      </c>
      <c r="T38307">
        <v>31</v>
      </c>
      <c r="U38307">
        <v>32</v>
      </c>
      <c r="V38307">
        <v>32</v>
      </c>
      <c r="W38307">
        <v>32</v>
      </c>
      <c r="X38307">
        <v>32</v>
      </c>
      <c r="Y38307">
        <v>33</v>
      </c>
      <c r="Z38307">
        <v>33</v>
      </c>
      <c r="AA38307">
        <v>33</v>
      </c>
      <c r="AB38307">
        <v>33</v>
      </c>
      <c r="AC38307">
        <v>34</v>
      </c>
      <c r="AD38307">
        <v>34</v>
      </c>
      <c r="AE38307">
        <v>34</v>
      </c>
      <c r="AF38307">
        <v>34</v>
      </c>
      <c r="AG38307">
        <v>35</v>
      </c>
      <c r="AH38307">
        <v>35</v>
      </c>
      <c r="AI38307">
        <v>35</v>
      </c>
      <c r="AJ38307">
        <v>35</v>
      </c>
      <c r="AK38307">
        <v>36</v>
      </c>
      <c r="AL38307">
        <v>36</v>
      </c>
      <c r="AM38307">
        <v>36</v>
      </c>
      <c r="AN38307">
        <v>37</v>
      </c>
      <c r="AO38307">
        <v>37</v>
      </c>
      <c r="AP38307">
        <v>37</v>
      </c>
      <c r="AQ38307">
        <v>37</v>
      </c>
    </row>
    <row r="38308" spans="1:43">
      <c r="A38308" t="s">
        <v>23759</v>
      </c>
      <c r="B38308" t="s">
        <v>23760</v>
      </c>
      <c r="C38308" t="s">
        <v>23679</v>
      </c>
      <c r="D38308" t="s">
        <v>23680</v>
      </c>
      <c r="E38308" t="s">
        <v>23649</v>
      </c>
      <c r="F38308" t="s">
        <v>23650</v>
      </c>
      <c r="G38308" t="s">
        <v>22539</v>
      </c>
      <c r="H38308" t="s">
        <v>22540</v>
      </c>
      <c r="I38308" s="2">
        <v>0</v>
      </c>
      <c r="J38308" s="2">
        <v>0</v>
      </c>
      <c r="K38308" s="2">
        <v>1</v>
      </c>
      <c r="L38308" t="s">
        <v>995</v>
      </c>
      <c r="M38308" t="s">
        <v>89</v>
      </c>
      <c r="N38308" t="s">
        <v>90</v>
      </c>
      <c r="O38308" t="s">
        <v>85</v>
      </c>
      <c r="P38308" t="s">
        <v>86</v>
      </c>
      <c r="Q38308">
        <v>31</v>
      </c>
      <c r="R38308">
        <v>32</v>
      </c>
      <c r="S38308">
        <v>33</v>
      </c>
      <c r="T38308">
        <v>34</v>
      </c>
      <c r="U38308">
        <v>35</v>
      </c>
      <c r="V38308">
        <v>35</v>
      </c>
      <c r="W38308">
        <v>36</v>
      </c>
      <c r="X38308">
        <v>37</v>
      </c>
      <c r="Y38308">
        <v>37</v>
      </c>
      <c r="Z38308">
        <v>38</v>
      </c>
      <c r="AA38308">
        <v>39</v>
      </c>
      <c r="AB38308">
        <v>39</v>
      </c>
      <c r="AC38308">
        <v>40</v>
      </c>
      <c r="AD38308">
        <v>41</v>
      </c>
      <c r="AE38308">
        <v>41</v>
      </c>
      <c r="AF38308">
        <v>41</v>
      </c>
      <c r="AG38308">
        <v>41</v>
      </c>
      <c r="AH38308">
        <v>42</v>
      </c>
      <c r="AI38308">
        <v>42</v>
      </c>
      <c r="AJ38308">
        <v>42</v>
      </c>
      <c r="AK38308">
        <v>42</v>
      </c>
      <c r="AL38308">
        <v>42</v>
      </c>
      <c r="AM38308">
        <v>42</v>
      </c>
      <c r="AN38308">
        <v>43</v>
      </c>
      <c r="AO38308">
        <v>43</v>
      </c>
      <c r="AP38308">
        <v>43</v>
      </c>
      <c r="AQ38308">
        <v>43</v>
      </c>
    </row>
    <row r="38309" spans="1:43">
      <c r="A38309" t="s">
        <v>23759</v>
      </c>
      <c r="B38309" t="s">
        <v>23760</v>
      </c>
      <c r="C38309" t="s">
        <v>23679</v>
      </c>
      <c r="D38309" t="s">
        <v>23680</v>
      </c>
      <c r="E38309" t="s">
        <v>23649</v>
      </c>
      <c r="F38309" t="s">
        <v>23650</v>
      </c>
      <c r="G38309" t="s">
        <v>22539</v>
      </c>
      <c r="H38309" t="s">
        <v>22540</v>
      </c>
      <c r="I38309" s="2">
        <v>0</v>
      </c>
      <c r="J38309" s="2">
        <v>0</v>
      </c>
      <c r="K38309" s="2">
        <v>1</v>
      </c>
      <c r="L38309" t="s">
        <v>995</v>
      </c>
      <c r="M38309" t="s">
        <v>83</v>
      </c>
      <c r="N38309" t="s">
        <v>91</v>
      </c>
      <c r="O38309" t="s">
        <v>85</v>
      </c>
      <c r="P38309" t="s">
        <v>86</v>
      </c>
      <c r="Q38309">
        <v>31</v>
      </c>
      <c r="R38309">
        <v>32</v>
      </c>
      <c r="S38309">
        <v>32</v>
      </c>
      <c r="T38309">
        <v>33</v>
      </c>
      <c r="U38309">
        <v>33</v>
      </c>
      <c r="V38309">
        <v>34</v>
      </c>
      <c r="W38309">
        <v>34</v>
      </c>
      <c r="X38309">
        <v>35</v>
      </c>
      <c r="Y38309">
        <v>35</v>
      </c>
      <c r="Z38309">
        <v>36</v>
      </c>
      <c r="AA38309">
        <v>36</v>
      </c>
      <c r="AB38309">
        <v>37</v>
      </c>
      <c r="AC38309">
        <v>37</v>
      </c>
      <c r="AD38309">
        <v>38</v>
      </c>
      <c r="AE38309">
        <v>39</v>
      </c>
      <c r="AF38309">
        <v>39</v>
      </c>
      <c r="AG38309">
        <v>40</v>
      </c>
      <c r="AH38309">
        <v>40</v>
      </c>
      <c r="AI38309">
        <v>41</v>
      </c>
      <c r="AJ38309">
        <v>41</v>
      </c>
      <c r="AK38309">
        <v>42</v>
      </c>
      <c r="AL38309">
        <v>42</v>
      </c>
      <c r="AM38309">
        <v>42</v>
      </c>
      <c r="AN38309">
        <v>42</v>
      </c>
      <c r="AO38309">
        <v>42</v>
      </c>
      <c r="AP38309">
        <v>43</v>
      </c>
      <c r="AQ38309">
        <v>43</v>
      </c>
    </row>
    <row r="38310" spans="1:43">
      <c r="A38310" t="s">
        <v>23761</v>
      </c>
      <c r="B38310" t="s">
        <v>23762</v>
      </c>
      <c r="C38310" t="s">
        <v>23717</v>
      </c>
      <c r="D38310" t="s">
        <v>23718</v>
      </c>
      <c r="E38310" t="s">
        <v>23649</v>
      </c>
      <c r="F38310" t="s">
        <v>23650</v>
      </c>
      <c r="G38310" t="s">
        <v>22539</v>
      </c>
      <c r="H38310" t="s">
        <v>22540</v>
      </c>
      <c r="I38310" s="2">
        <v>0</v>
      </c>
      <c r="J38310" s="2">
        <v>0</v>
      </c>
      <c r="K38310" s="2">
        <v>1</v>
      </c>
      <c r="L38310" t="s">
        <v>995</v>
      </c>
      <c r="M38310" t="s">
        <v>83</v>
      </c>
      <c r="N38310" t="s">
        <v>84</v>
      </c>
      <c r="O38310" t="s">
        <v>85</v>
      </c>
      <c r="P38310" t="s">
        <v>86</v>
      </c>
      <c r="Q38310">
        <v>34</v>
      </c>
      <c r="R38310">
        <v>34</v>
      </c>
      <c r="S38310">
        <v>35</v>
      </c>
      <c r="T38310">
        <v>35</v>
      </c>
      <c r="U38310">
        <v>36</v>
      </c>
      <c r="V38310">
        <v>37</v>
      </c>
      <c r="W38310">
        <v>37</v>
      </c>
      <c r="X38310">
        <v>38</v>
      </c>
      <c r="Y38310">
        <v>38</v>
      </c>
      <c r="Z38310">
        <v>39</v>
      </c>
      <c r="AA38310">
        <v>39</v>
      </c>
      <c r="AB38310">
        <v>40</v>
      </c>
      <c r="AC38310">
        <v>41</v>
      </c>
      <c r="AD38310">
        <v>41</v>
      </c>
      <c r="AE38310">
        <v>42</v>
      </c>
      <c r="AF38310">
        <v>42</v>
      </c>
      <c r="AG38310">
        <v>43</v>
      </c>
      <c r="AH38310">
        <v>44</v>
      </c>
      <c r="AI38310">
        <v>44</v>
      </c>
      <c r="AJ38310">
        <v>45</v>
      </c>
      <c r="AK38310">
        <v>45</v>
      </c>
      <c r="AL38310">
        <v>46</v>
      </c>
      <c r="AM38310">
        <v>46</v>
      </c>
      <c r="AN38310">
        <v>46</v>
      </c>
      <c r="AO38310">
        <v>46</v>
      </c>
      <c r="AP38310">
        <v>47</v>
      </c>
      <c r="AQ38310">
        <v>47</v>
      </c>
    </row>
    <row r="38311" spans="1:43">
      <c r="A38311" t="s">
        <v>23761</v>
      </c>
      <c r="B38311" t="s">
        <v>23762</v>
      </c>
      <c r="C38311" t="s">
        <v>23717</v>
      </c>
      <c r="D38311" t="s">
        <v>23718</v>
      </c>
      <c r="E38311" t="s">
        <v>23649</v>
      </c>
      <c r="F38311" t="s">
        <v>23650</v>
      </c>
      <c r="G38311" t="s">
        <v>22539</v>
      </c>
      <c r="H38311" t="s">
        <v>22540</v>
      </c>
      <c r="I38311" s="2">
        <v>0</v>
      </c>
      <c r="J38311" s="2">
        <v>0</v>
      </c>
      <c r="K38311" s="2">
        <v>1</v>
      </c>
      <c r="L38311" t="s">
        <v>995</v>
      </c>
      <c r="M38311" t="s">
        <v>87</v>
      </c>
      <c r="N38311" t="s">
        <v>88</v>
      </c>
      <c r="O38311" t="s">
        <v>85</v>
      </c>
      <c r="P38311" t="s">
        <v>86</v>
      </c>
      <c r="Q38311">
        <v>34</v>
      </c>
      <c r="R38311">
        <v>35</v>
      </c>
      <c r="S38311">
        <v>35</v>
      </c>
      <c r="T38311">
        <v>35</v>
      </c>
      <c r="U38311">
        <v>35</v>
      </c>
      <c r="V38311">
        <v>36</v>
      </c>
      <c r="W38311">
        <v>36</v>
      </c>
      <c r="X38311">
        <v>36</v>
      </c>
      <c r="Y38311">
        <v>36</v>
      </c>
      <c r="Z38311">
        <v>37</v>
      </c>
      <c r="AA38311">
        <v>37</v>
      </c>
      <c r="AB38311">
        <v>37</v>
      </c>
      <c r="AC38311">
        <v>37</v>
      </c>
      <c r="AD38311">
        <v>38</v>
      </c>
      <c r="AE38311">
        <v>38</v>
      </c>
      <c r="AF38311">
        <v>38</v>
      </c>
      <c r="AG38311">
        <v>39</v>
      </c>
      <c r="AH38311">
        <v>39</v>
      </c>
      <c r="AI38311">
        <v>39</v>
      </c>
      <c r="AJ38311">
        <v>40</v>
      </c>
      <c r="AK38311">
        <v>40</v>
      </c>
      <c r="AL38311">
        <v>40</v>
      </c>
      <c r="AM38311">
        <v>40</v>
      </c>
      <c r="AN38311">
        <v>41</v>
      </c>
      <c r="AO38311">
        <v>41</v>
      </c>
      <c r="AP38311">
        <v>41</v>
      </c>
      <c r="AQ38311">
        <v>42</v>
      </c>
    </row>
    <row r="38312" spans="1:43">
      <c r="A38312" t="s">
        <v>23761</v>
      </c>
      <c r="B38312" t="s">
        <v>23762</v>
      </c>
      <c r="C38312" t="s">
        <v>23717</v>
      </c>
      <c r="D38312" t="s">
        <v>23718</v>
      </c>
      <c r="E38312" t="s">
        <v>23649</v>
      </c>
      <c r="F38312" t="s">
        <v>23650</v>
      </c>
      <c r="G38312" t="s">
        <v>22539</v>
      </c>
      <c r="H38312" t="s">
        <v>22540</v>
      </c>
      <c r="I38312" s="2">
        <v>0</v>
      </c>
      <c r="J38312" s="2">
        <v>0</v>
      </c>
      <c r="K38312" s="2">
        <v>1</v>
      </c>
      <c r="L38312" t="s">
        <v>995</v>
      </c>
      <c r="M38312" t="s">
        <v>89</v>
      </c>
      <c r="N38312" t="s">
        <v>90</v>
      </c>
      <c r="O38312" t="s">
        <v>85</v>
      </c>
      <c r="P38312" t="s">
        <v>86</v>
      </c>
      <c r="Q38312">
        <v>34</v>
      </c>
      <c r="R38312">
        <v>35</v>
      </c>
      <c r="S38312">
        <v>36</v>
      </c>
      <c r="T38312">
        <v>37</v>
      </c>
      <c r="U38312">
        <v>37</v>
      </c>
      <c r="V38312">
        <v>38</v>
      </c>
      <c r="W38312">
        <v>39</v>
      </c>
      <c r="X38312">
        <v>40</v>
      </c>
      <c r="Y38312">
        <v>41</v>
      </c>
      <c r="Z38312">
        <v>41</v>
      </c>
      <c r="AA38312">
        <v>42</v>
      </c>
      <c r="AB38312">
        <v>43</v>
      </c>
      <c r="AC38312">
        <v>44</v>
      </c>
      <c r="AD38312">
        <v>44</v>
      </c>
      <c r="AE38312">
        <v>45</v>
      </c>
      <c r="AF38312">
        <v>45</v>
      </c>
      <c r="AG38312">
        <v>45</v>
      </c>
      <c r="AH38312">
        <v>45</v>
      </c>
      <c r="AI38312">
        <v>46</v>
      </c>
      <c r="AJ38312">
        <v>46</v>
      </c>
      <c r="AK38312">
        <v>46</v>
      </c>
      <c r="AL38312">
        <v>46</v>
      </c>
      <c r="AM38312">
        <v>46</v>
      </c>
      <c r="AN38312">
        <v>46</v>
      </c>
      <c r="AO38312">
        <v>47</v>
      </c>
      <c r="AP38312">
        <v>47</v>
      </c>
      <c r="AQ38312">
        <v>47</v>
      </c>
    </row>
    <row r="38313" spans="1:43">
      <c r="A38313" t="s">
        <v>23761</v>
      </c>
      <c r="B38313" t="s">
        <v>23762</v>
      </c>
      <c r="C38313" t="s">
        <v>23717</v>
      </c>
      <c r="D38313" t="s">
        <v>23718</v>
      </c>
      <c r="E38313" t="s">
        <v>23649</v>
      </c>
      <c r="F38313" t="s">
        <v>23650</v>
      </c>
      <c r="G38313" t="s">
        <v>22539</v>
      </c>
      <c r="H38313" t="s">
        <v>22540</v>
      </c>
      <c r="I38313" s="2">
        <v>0</v>
      </c>
      <c r="J38313" s="2">
        <v>0</v>
      </c>
      <c r="K38313" s="2">
        <v>1</v>
      </c>
      <c r="L38313" t="s">
        <v>995</v>
      </c>
      <c r="M38313" t="s">
        <v>83</v>
      </c>
      <c r="N38313" t="s">
        <v>91</v>
      </c>
      <c r="O38313" t="s">
        <v>85</v>
      </c>
      <c r="P38313" t="s">
        <v>86</v>
      </c>
      <c r="Q38313">
        <v>34</v>
      </c>
      <c r="R38313">
        <v>34</v>
      </c>
      <c r="S38313">
        <v>35</v>
      </c>
      <c r="T38313">
        <v>35</v>
      </c>
      <c r="U38313">
        <v>36</v>
      </c>
      <c r="V38313">
        <v>37</v>
      </c>
      <c r="W38313">
        <v>37</v>
      </c>
      <c r="X38313">
        <v>38</v>
      </c>
      <c r="Y38313">
        <v>38</v>
      </c>
      <c r="Z38313">
        <v>39</v>
      </c>
      <c r="AA38313">
        <v>39</v>
      </c>
      <c r="AB38313">
        <v>40</v>
      </c>
      <c r="AC38313">
        <v>41</v>
      </c>
      <c r="AD38313">
        <v>41</v>
      </c>
      <c r="AE38313">
        <v>42</v>
      </c>
      <c r="AF38313">
        <v>42</v>
      </c>
      <c r="AG38313">
        <v>43</v>
      </c>
      <c r="AH38313">
        <v>44</v>
      </c>
      <c r="AI38313">
        <v>44</v>
      </c>
      <c r="AJ38313">
        <v>45</v>
      </c>
      <c r="AK38313">
        <v>45</v>
      </c>
      <c r="AL38313">
        <v>46</v>
      </c>
      <c r="AM38313">
        <v>46</v>
      </c>
      <c r="AN38313">
        <v>46</v>
      </c>
      <c r="AO38313">
        <v>46</v>
      </c>
      <c r="AP38313">
        <v>47</v>
      </c>
      <c r="AQ38313">
        <v>47</v>
      </c>
    </row>
    <row r="38314" spans="1:43">
      <c r="A38314" t="s">
        <v>23763</v>
      </c>
      <c r="B38314" t="s">
        <v>23764</v>
      </c>
      <c r="C38314" t="s">
        <v>23717</v>
      </c>
      <c r="D38314" t="s">
        <v>23718</v>
      </c>
      <c r="E38314" t="s">
        <v>23649</v>
      </c>
      <c r="F38314" t="s">
        <v>23650</v>
      </c>
      <c r="G38314" t="s">
        <v>22539</v>
      </c>
      <c r="H38314" t="s">
        <v>22540</v>
      </c>
      <c r="I38314" s="2">
        <v>0</v>
      </c>
      <c r="J38314" s="2">
        <v>0</v>
      </c>
      <c r="K38314" s="2">
        <v>1</v>
      </c>
      <c r="L38314" t="s">
        <v>995</v>
      </c>
      <c r="M38314" t="s">
        <v>83</v>
      </c>
      <c r="N38314" t="s">
        <v>84</v>
      </c>
      <c r="O38314" t="s">
        <v>85</v>
      </c>
      <c r="P38314" t="s">
        <v>86</v>
      </c>
      <c r="Q38314">
        <v>17</v>
      </c>
      <c r="R38314">
        <v>18</v>
      </c>
      <c r="S38314">
        <v>18</v>
      </c>
      <c r="T38314">
        <v>18</v>
      </c>
      <c r="U38314">
        <v>19</v>
      </c>
      <c r="V38314">
        <v>19</v>
      </c>
      <c r="W38314">
        <v>19</v>
      </c>
      <c r="X38314">
        <v>20</v>
      </c>
      <c r="Y38314">
        <v>20</v>
      </c>
      <c r="Z38314">
        <v>20</v>
      </c>
      <c r="AA38314">
        <v>20</v>
      </c>
      <c r="AB38314">
        <v>21</v>
      </c>
      <c r="AC38314">
        <v>21</v>
      </c>
      <c r="AD38314">
        <v>21</v>
      </c>
      <c r="AE38314">
        <v>22</v>
      </c>
      <c r="AF38314">
        <v>22</v>
      </c>
      <c r="AG38314">
        <v>22</v>
      </c>
      <c r="AH38314">
        <v>23</v>
      </c>
      <c r="AI38314">
        <v>23</v>
      </c>
      <c r="AJ38314">
        <v>23</v>
      </c>
      <c r="AK38314">
        <v>24</v>
      </c>
      <c r="AL38314">
        <v>24</v>
      </c>
      <c r="AM38314">
        <v>24</v>
      </c>
      <c r="AN38314">
        <v>24</v>
      </c>
      <c r="AO38314">
        <v>24</v>
      </c>
      <c r="AP38314">
        <v>24</v>
      </c>
      <c r="AQ38314">
        <v>24</v>
      </c>
    </row>
    <row r="38315" spans="1:43">
      <c r="A38315" t="s">
        <v>23763</v>
      </c>
      <c r="B38315" t="s">
        <v>23764</v>
      </c>
      <c r="C38315" t="s">
        <v>23717</v>
      </c>
      <c r="D38315" t="s">
        <v>23718</v>
      </c>
      <c r="E38315" t="s">
        <v>23649</v>
      </c>
      <c r="F38315" t="s">
        <v>23650</v>
      </c>
      <c r="G38315" t="s">
        <v>22539</v>
      </c>
      <c r="H38315" t="s">
        <v>22540</v>
      </c>
      <c r="I38315" s="2">
        <v>0</v>
      </c>
      <c r="J38315" s="2">
        <v>0</v>
      </c>
      <c r="K38315" s="2">
        <v>1</v>
      </c>
      <c r="L38315" t="s">
        <v>995</v>
      </c>
      <c r="M38315" t="s">
        <v>87</v>
      </c>
      <c r="N38315" t="s">
        <v>88</v>
      </c>
      <c r="O38315" t="s">
        <v>85</v>
      </c>
      <c r="P38315" t="s">
        <v>86</v>
      </c>
      <c r="Q38315">
        <v>17</v>
      </c>
      <c r="R38315">
        <v>17</v>
      </c>
      <c r="S38315">
        <v>18</v>
      </c>
      <c r="T38315">
        <v>18</v>
      </c>
      <c r="U38315">
        <v>18</v>
      </c>
      <c r="V38315">
        <v>18</v>
      </c>
      <c r="W38315">
        <v>18</v>
      </c>
      <c r="X38315">
        <v>18</v>
      </c>
      <c r="Y38315">
        <v>18</v>
      </c>
      <c r="Z38315">
        <v>18</v>
      </c>
      <c r="AA38315">
        <v>19</v>
      </c>
      <c r="AB38315">
        <v>19</v>
      </c>
      <c r="AC38315">
        <v>19</v>
      </c>
      <c r="AD38315">
        <v>19</v>
      </c>
      <c r="AE38315">
        <v>19</v>
      </c>
      <c r="AF38315">
        <v>19</v>
      </c>
      <c r="AG38315">
        <v>20</v>
      </c>
      <c r="AH38315">
        <v>20</v>
      </c>
      <c r="AI38315">
        <v>20</v>
      </c>
      <c r="AJ38315">
        <v>20</v>
      </c>
      <c r="AK38315">
        <v>20</v>
      </c>
      <c r="AL38315">
        <v>20</v>
      </c>
      <c r="AM38315">
        <v>20</v>
      </c>
      <c r="AN38315">
        <v>21</v>
      </c>
      <c r="AO38315">
        <v>21</v>
      </c>
      <c r="AP38315">
        <v>21</v>
      </c>
      <c r="AQ38315">
        <v>21</v>
      </c>
    </row>
    <row r="38316" spans="1:43">
      <c r="A38316" t="s">
        <v>23763</v>
      </c>
      <c r="B38316" t="s">
        <v>23764</v>
      </c>
      <c r="C38316" t="s">
        <v>23717</v>
      </c>
      <c r="D38316" t="s">
        <v>23718</v>
      </c>
      <c r="E38316" t="s">
        <v>23649</v>
      </c>
      <c r="F38316" t="s">
        <v>23650</v>
      </c>
      <c r="G38316" t="s">
        <v>22539</v>
      </c>
      <c r="H38316" t="s">
        <v>22540</v>
      </c>
      <c r="I38316" s="2">
        <v>0</v>
      </c>
      <c r="J38316" s="2">
        <v>0</v>
      </c>
      <c r="K38316" s="2">
        <v>1</v>
      </c>
      <c r="L38316" t="s">
        <v>995</v>
      </c>
      <c r="M38316" t="s">
        <v>89</v>
      </c>
      <c r="N38316" t="s">
        <v>90</v>
      </c>
      <c r="O38316" t="s">
        <v>85</v>
      </c>
      <c r="P38316" t="s">
        <v>86</v>
      </c>
      <c r="Q38316">
        <v>17</v>
      </c>
      <c r="R38316">
        <v>17</v>
      </c>
      <c r="S38316">
        <v>17</v>
      </c>
      <c r="T38316">
        <v>18</v>
      </c>
      <c r="U38316">
        <v>18</v>
      </c>
      <c r="V38316">
        <v>19</v>
      </c>
      <c r="W38316">
        <v>19</v>
      </c>
      <c r="X38316">
        <v>20</v>
      </c>
      <c r="Y38316">
        <v>20</v>
      </c>
      <c r="Z38316">
        <v>20</v>
      </c>
      <c r="AA38316">
        <v>21</v>
      </c>
      <c r="AB38316">
        <v>21</v>
      </c>
      <c r="AC38316">
        <v>22</v>
      </c>
      <c r="AD38316">
        <v>22</v>
      </c>
      <c r="AE38316">
        <v>22</v>
      </c>
      <c r="AF38316">
        <v>22</v>
      </c>
      <c r="AG38316">
        <v>22</v>
      </c>
      <c r="AH38316">
        <v>23</v>
      </c>
      <c r="AI38316">
        <v>23</v>
      </c>
      <c r="AJ38316">
        <v>23</v>
      </c>
      <c r="AK38316">
        <v>23</v>
      </c>
      <c r="AL38316">
        <v>23</v>
      </c>
      <c r="AM38316">
        <v>23</v>
      </c>
      <c r="AN38316">
        <v>23</v>
      </c>
      <c r="AO38316">
        <v>23</v>
      </c>
      <c r="AP38316">
        <v>23</v>
      </c>
      <c r="AQ38316">
        <v>24</v>
      </c>
    </row>
    <row r="38317" spans="1:43">
      <c r="A38317" t="s">
        <v>23763</v>
      </c>
      <c r="B38317" t="s">
        <v>23764</v>
      </c>
      <c r="C38317" t="s">
        <v>23717</v>
      </c>
      <c r="D38317" t="s">
        <v>23718</v>
      </c>
      <c r="E38317" t="s">
        <v>23649</v>
      </c>
      <c r="F38317" t="s">
        <v>23650</v>
      </c>
      <c r="G38317" t="s">
        <v>22539</v>
      </c>
      <c r="H38317" t="s">
        <v>22540</v>
      </c>
      <c r="I38317" s="2">
        <v>0</v>
      </c>
      <c r="J38317" s="2">
        <v>0</v>
      </c>
      <c r="K38317" s="2">
        <v>1</v>
      </c>
      <c r="L38317" t="s">
        <v>995</v>
      </c>
      <c r="M38317" t="s">
        <v>83</v>
      </c>
      <c r="N38317" t="s">
        <v>91</v>
      </c>
      <c r="O38317" t="s">
        <v>85</v>
      </c>
      <c r="P38317" t="s">
        <v>86</v>
      </c>
      <c r="Q38317">
        <v>17</v>
      </c>
      <c r="R38317">
        <v>18</v>
      </c>
      <c r="S38317">
        <v>18</v>
      </c>
      <c r="T38317">
        <v>18</v>
      </c>
      <c r="U38317">
        <v>19</v>
      </c>
      <c r="V38317">
        <v>19</v>
      </c>
      <c r="W38317">
        <v>19</v>
      </c>
      <c r="X38317">
        <v>20</v>
      </c>
      <c r="Y38317">
        <v>20</v>
      </c>
      <c r="Z38317">
        <v>20</v>
      </c>
      <c r="AA38317">
        <v>20</v>
      </c>
      <c r="AB38317">
        <v>21</v>
      </c>
      <c r="AC38317">
        <v>21</v>
      </c>
      <c r="AD38317">
        <v>21</v>
      </c>
      <c r="AE38317">
        <v>22</v>
      </c>
      <c r="AF38317">
        <v>22</v>
      </c>
      <c r="AG38317">
        <v>22</v>
      </c>
      <c r="AH38317">
        <v>23</v>
      </c>
      <c r="AI38317">
        <v>23</v>
      </c>
      <c r="AJ38317">
        <v>23</v>
      </c>
      <c r="AK38317">
        <v>24</v>
      </c>
      <c r="AL38317">
        <v>24</v>
      </c>
      <c r="AM38317">
        <v>24</v>
      </c>
      <c r="AN38317">
        <v>24</v>
      </c>
      <c r="AO38317">
        <v>24</v>
      </c>
      <c r="AP38317">
        <v>24</v>
      </c>
      <c r="AQ38317">
        <v>24</v>
      </c>
    </row>
    <row r="38318" spans="1:43">
      <c r="A38318" t="s">
        <v>23765</v>
      </c>
      <c r="B38318" t="s">
        <v>23766</v>
      </c>
      <c r="C38318" t="s">
        <v>23767</v>
      </c>
      <c r="D38318" t="s">
        <v>23768</v>
      </c>
      <c r="E38318" t="s">
        <v>23649</v>
      </c>
      <c r="F38318" t="s">
        <v>23650</v>
      </c>
      <c r="G38318" t="s">
        <v>22539</v>
      </c>
      <c r="H38318" t="s">
        <v>22540</v>
      </c>
      <c r="I38318" s="2">
        <v>0</v>
      </c>
      <c r="J38318" s="2">
        <v>0</v>
      </c>
      <c r="K38318" s="2">
        <v>1</v>
      </c>
      <c r="L38318" t="s">
        <v>995</v>
      </c>
      <c r="M38318" t="s">
        <v>83</v>
      </c>
      <c r="N38318" t="s">
        <v>84</v>
      </c>
      <c r="O38318" t="s">
        <v>85</v>
      </c>
      <c r="P38318" t="s">
        <v>86</v>
      </c>
      <c r="Q38318">
        <v>8</v>
      </c>
      <c r="R38318">
        <v>8</v>
      </c>
      <c r="S38318">
        <v>8</v>
      </c>
      <c r="T38318">
        <v>9</v>
      </c>
      <c r="U38318">
        <v>9</v>
      </c>
      <c r="V38318">
        <v>9</v>
      </c>
      <c r="W38318">
        <v>9</v>
      </c>
      <c r="X38318">
        <v>9</v>
      </c>
      <c r="Y38318">
        <v>9</v>
      </c>
      <c r="Z38318">
        <v>9</v>
      </c>
      <c r="AA38318">
        <v>9</v>
      </c>
      <c r="AB38318">
        <v>10</v>
      </c>
      <c r="AC38318">
        <v>10</v>
      </c>
      <c r="AD38318">
        <v>10</v>
      </c>
      <c r="AE38318">
        <v>10</v>
      </c>
      <c r="AF38318">
        <v>10</v>
      </c>
      <c r="AG38318">
        <v>10</v>
      </c>
      <c r="AH38318">
        <v>10</v>
      </c>
      <c r="AI38318">
        <v>11</v>
      </c>
      <c r="AJ38318">
        <v>11</v>
      </c>
      <c r="AK38318">
        <v>11</v>
      </c>
      <c r="AL38318">
        <v>11</v>
      </c>
      <c r="AM38318">
        <v>11</v>
      </c>
      <c r="AN38318">
        <v>11</v>
      </c>
      <c r="AO38318">
        <v>11</v>
      </c>
      <c r="AP38318">
        <v>11</v>
      </c>
      <c r="AQ38318">
        <v>11</v>
      </c>
    </row>
    <row r="38319" spans="1:43">
      <c r="A38319" t="s">
        <v>23765</v>
      </c>
      <c r="B38319" t="s">
        <v>23766</v>
      </c>
      <c r="C38319" t="s">
        <v>23767</v>
      </c>
      <c r="D38319" t="s">
        <v>23768</v>
      </c>
      <c r="E38319" t="s">
        <v>23649</v>
      </c>
      <c r="F38319" t="s">
        <v>23650</v>
      </c>
      <c r="G38319" t="s">
        <v>22539</v>
      </c>
      <c r="H38319" t="s">
        <v>22540</v>
      </c>
      <c r="I38319" s="2">
        <v>0</v>
      </c>
      <c r="J38319" s="2">
        <v>0</v>
      </c>
      <c r="K38319" s="2">
        <v>1</v>
      </c>
      <c r="L38319" t="s">
        <v>995</v>
      </c>
      <c r="M38319" t="s">
        <v>87</v>
      </c>
      <c r="N38319" t="s">
        <v>88</v>
      </c>
      <c r="O38319" t="s">
        <v>85</v>
      </c>
      <c r="P38319" t="s">
        <v>86</v>
      </c>
      <c r="Q38319">
        <v>8</v>
      </c>
      <c r="R38319">
        <v>8</v>
      </c>
      <c r="S38319">
        <v>8</v>
      </c>
      <c r="T38319">
        <v>8</v>
      </c>
      <c r="U38319">
        <v>8</v>
      </c>
      <c r="V38319">
        <v>8</v>
      </c>
      <c r="W38319">
        <v>8</v>
      </c>
      <c r="X38319">
        <v>8</v>
      </c>
      <c r="Y38319">
        <v>8</v>
      </c>
      <c r="Z38319">
        <v>9</v>
      </c>
      <c r="AA38319">
        <v>9</v>
      </c>
      <c r="AB38319">
        <v>9</v>
      </c>
      <c r="AC38319">
        <v>9</v>
      </c>
      <c r="AD38319">
        <v>9</v>
      </c>
      <c r="AE38319">
        <v>9</v>
      </c>
      <c r="AF38319">
        <v>9</v>
      </c>
      <c r="AG38319">
        <v>9</v>
      </c>
      <c r="AH38319">
        <v>9</v>
      </c>
      <c r="AI38319">
        <v>9</v>
      </c>
      <c r="AJ38319">
        <v>9</v>
      </c>
      <c r="AK38319">
        <v>9</v>
      </c>
      <c r="AL38319">
        <v>9</v>
      </c>
      <c r="AM38319">
        <v>9</v>
      </c>
      <c r="AN38319">
        <v>9</v>
      </c>
      <c r="AO38319">
        <v>9</v>
      </c>
      <c r="AP38319">
        <v>10</v>
      </c>
      <c r="AQ38319">
        <v>10</v>
      </c>
    </row>
    <row r="38320" spans="1:43">
      <c r="A38320" t="s">
        <v>23765</v>
      </c>
      <c r="B38320" t="s">
        <v>23766</v>
      </c>
      <c r="C38320" t="s">
        <v>23767</v>
      </c>
      <c r="D38320" t="s">
        <v>23768</v>
      </c>
      <c r="E38320" t="s">
        <v>23649</v>
      </c>
      <c r="F38320" t="s">
        <v>23650</v>
      </c>
      <c r="G38320" t="s">
        <v>22539</v>
      </c>
      <c r="H38320" t="s">
        <v>22540</v>
      </c>
      <c r="I38320" s="2">
        <v>0</v>
      </c>
      <c r="J38320" s="2">
        <v>0</v>
      </c>
      <c r="K38320" s="2">
        <v>1</v>
      </c>
      <c r="L38320" t="s">
        <v>995</v>
      </c>
      <c r="M38320" t="s">
        <v>89</v>
      </c>
      <c r="N38320" t="s">
        <v>90</v>
      </c>
      <c r="O38320" t="s">
        <v>85</v>
      </c>
      <c r="P38320" t="s">
        <v>86</v>
      </c>
      <c r="Q38320">
        <v>8</v>
      </c>
      <c r="R38320">
        <v>8</v>
      </c>
      <c r="S38320">
        <v>9</v>
      </c>
      <c r="T38320">
        <v>9</v>
      </c>
      <c r="U38320">
        <v>9</v>
      </c>
      <c r="V38320">
        <v>9</v>
      </c>
      <c r="W38320">
        <v>9</v>
      </c>
      <c r="X38320">
        <v>10</v>
      </c>
      <c r="Y38320">
        <v>10</v>
      </c>
      <c r="Z38320">
        <v>10</v>
      </c>
      <c r="AA38320">
        <v>10</v>
      </c>
      <c r="AB38320">
        <v>10</v>
      </c>
      <c r="AC38320">
        <v>10</v>
      </c>
      <c r="AD38320">
        <v>11</v>
      </c>
      <c r="AE38320">
        <v>11</v>
      </c>
      <c r="AF38320">
        <v>11</v>
      </c>
      <c r="AG38320">
        <v>11</v>
      </c>
      <c r="AH38320">
        <v>11</v>
      </c>
      <c r="AI38320">
        <v>11</v>
      </c>
      <c r="AJ38320">
        <v>11</v>
      </c>
      <c r="AK38320">
        <v>11</v>
      </c>
      <c r="AL38320">
        <v>11</v>
      </c>
      <c r="AM38320">
        <v>11</v>
      </c>
      <c r="AN38320">
        <v>11</v>
      </c>
      <c r="AO38320">
        <v>11</v>
      </c>
      <c r="AP38320">
        <v>11</v>
      </c>
      <c r="AQ38320">
        <v>11</v>
      </c>
    </row>
    <row r="38321" spans="1:43">
      <c r="A38321" t="s">
        <v>23765</v>
      </c>
      <c r="B38321" t="s">
        <v>23766</v>
      </c>
      <c r="C38321" t="s">
        <v>23767</v>
      </c>
      <c r="D38321" t="s">
        <v>23768</v>
      </c>
      <c r="E38321" t="s">
        <v>23649</v>
      </c>
      <c r="F38321" t="s">
        <v>23650</v>
      </c>
      <c r="G38321" t="s">
        <v>22539</v>
      </c>
      <c r="H38321" t="s">
        <v>22540</v>
      </c>
      <c r="I38321" s="2">
        <v>0</v>
      </c>
      <c r="J38321" s="2">
        <v>0</v>
      </c>
      <c r="K38321" s="2">
        <v>1</v>
      </c>
      <c r="L38321" t="s">
        <v>995</v>
      </c>
      <c r="M38321" t="s">
        <v>83</v>
      </c>
      <c r="N38321" t="s">
        <v>91</v>
      </c>
      <c r="O38321" t="s">
        <v>85</v>
      </c>
      <c r="P38321" t="s">
        <v>86</v>
      </c>
      <c r="Q38321">
        <v>8</v>
      </c>
      <c r="R38321">
        <v>8</v>
      </c>
      <c r="S38321">
        <v>8</v>
      </c>
      <c r="T38321">
        <v>9</v>
      </c>
      <c r="U38321">
        <v>9</v>
      </c>
      <c r="V38321">
        <v>9</v>
      </c>
      <c r="W38321">
        <v>9</v>
      </c>
      <c r="X38321">
        <v>9</v>
      </c>
      <c r="Y38321">
        <v>9</v>
      </c>
      <c r="Z38321">
        <v>9</v>
      </c>
      <c r="AA38321">
        <v>9</v>
      </c>
      <c r="AB38321">
        <v>10</v>
      </c>
      <c r="AC38321">
        <v>10</v>
      </c>
      <c r="AD38321">
        <v>10</v>
      </c>
      <c r="AE38321">
        <v>10</v>
      </c>
      <c r="AF38321">
        <v>10</v>
      </c>
      <c r="AG38321">
        <v>10</v>
      </c>
      <c r="AH38321">
        <v>10</v>
      </c>
      <c r="AI38321">
        <v>11</v>
      </c>
      <c r="AJ38321">
        <v>11</v>
      </c>
      <c r="AK38321">
        <v>11</v>
      </c>
      <c r="AL38321">
        <v>11</v>
      </c>
      <c r="AM38321">
        <v>11</v>
      </c>
      <c r="AN38321">
        <v>11</v>
      </c>
      <c r="AO38321">
        <v>11</v>
      </c>
      <c r="AP38321">
        <v>11</v>
      </c>
      <c r="AQ38321">
        <v>11</v>
      </c>
    </row>
    <row r="38322" spans="1:43">
      <c r="A38322" t="s">
        <v>23769</v>
      </c>
      <c r="B38322" t="s">
        <v>23770</v>
      </c>
      <c r="C38322" t="s">
        <v>23751</v>
      </c>
      <c r="D38322" t="s">
        <v>23752</v>
      </c>
      <c r="E38322" t="s">
        <v>23649</v>
      </c>
      <c r="F38322" t="s">
        <v>23650</v>
      </c>
      <c r="G38322" t="s">
        <v>22539</v>
      </c>
      <c r="H38322" t="s">
        <v>22540</v>
      </c>
      <c r="I38322" s="2">
        <v>0</v>
      </c>
      <c r="J38322" s="2">
        <v>0</v>
      </c>
      <c r="K38322" s="2">
        <v>1</v>
      </c>
      <c r="L38322" t="s">
        <v>995</v>
      </c>
      <c r="M38322" t="s">
        <v>83</v>
      </c>
      <c r="N38322" t="s">
        <v>84</v>
      </c>
      <c r="O38322" t="s">
        <v>85</v>
      </c>
      <c r="P38322" t="s">
        <v>86</v>
      </c>
      <c r="Q38322">
        <v>20</v>
      </c>
      <c r="R38322">
        <v>20</v>
      </c>
      <c r="S38322">
        <v>20</v>
      </c>
      <c r="T38322">
        <v>21</v>
      </c>
      <c r="U38322">
        <v>21</v>
      </c>
      <c r="V38322">
        <v>21</v>
      </c>
      <c r="W38322">
        <v>22</v>
      </c>
      <c r="X38322">
        <v>22</v>
      </c>
      <c r="Y38322">
        <v>22</v>
      </c>
      <c r="Z38322">
        <v>23</v>
      </c>
      <c r="AA38322">
        <v>23</v>
      </c>
      <c r="AB38322">
        <v>23</v>
      </c>
      <c r="AC38322">
        <v>24</v>
      </c>
      <c r="AD38322">
        <v>24</v>
      </c>
      <c r="AE38322">
        <v>24</v>
      </c>
      <c r="AF38322">
        <v>25</v>
      </c>
      <c r="AG38322">
        <v>25</v>
      </c>
      <c r="AH38322">
        <v>25</v>
      </c>
      <c r="AI38322">
        <v>26</v>
      </c>
      <c r="AJ38322">
        <v>26</v>
      </c>
      <c r="AK38322">
        <v>26</v>
      </c>
      <c r="AL38322">
        <v>27</v>
      </c>
      <c r="AM38322">
        <v>27</v>
      </c>
      <c r="AN38322">
        <v>27</v>
      </c>
      <c r="AO38322">
        <v>27</v>
      </c>
      <c r="AP38322">
        <v>27</v>
      </c>
      <c r="AQ38322">
        <v>27</v>
      </c>
    </row>
    <row r="38323" spans="1:43">
      <c r="A38323" t="s">
        <v>23769</v>
      </c>
      <c r="B38323" t="s">
        <v>23770</v>
      </c>
      <c r="C38323" t="s">
        <v>23751</v>
      </c>
      <c r="D38323" t="s">
        <v>23752</v>
      </c>
      <c r="E38323" t="s">
        <v>23649</v>
      </c>
      <c r="F38323" t="s">
        <v>23650</v>
      </c>
      <c r="G38323" t="s">
        <v>22539</v>
      </c>
      <c r="H38323" t="s">
        <v>22540</v>
      </c>
      <c r="I38323" s="2">
        <v>0</v>
      </c>
      <c r="J38323" s="2">
        <v>0</v>
      </c>
      <c r="K38323" s="2">
        <v>1</v>
      </c>
      <c r="L38323" t="s">
        <v>995</v>
      </c>
      <c r="M38323" t="s">
        <v>87</v>
      </c>
      <c r="N38323" t="s">
        <v>88</v>
      </c>
      <c r="O38323" t="s">
        <v>85</v>
      </c>
      <c r="P38323" t="s">
        <v>86</v>
      </c>
      <c r="Q38323">
        <v>20</v>
      </c>
      <c r="R38323">
        <v>20</v>
      </c>
      <c r="S38323">
        <v>20</v>
      </c>
      <c r="T38323">
        <v>20</v>
      </c>
      <c r="U38323">
        <v>20</v>
      </c>
      <c r="V38323">
        <v>20</v>
      </c>
      <c r="W38323">
        <v>20</v>
      </c>
      <c r="X38323">
        <v>21</v>
      </c>
      <c r="Y38323">
        <v>21</v>
      </c>
      <c r="Z38323">
        <v>21</v>
      </c>
      <c r="AA38323">
        <v>21</v>
      </c>
      <c r="AB38323">
        <v>21</v>
      </c>
      <c r="AC38323">
        <v>21</v>
      </c>
      <c r="AD38323">
        <v>21</v>
      </c>
      <c r="AE38323">
        <v>22</v>
      </c>
      <c r="AF38323">
        <v>22</v>
      </c>
      <c r="AG38323">
        <v>22</v>
      </c>
      <c r="AH38323">
        <v>22</v>
      </c>
      <c r="AI38323">
        <v>22</v>
      </c>
      <c r="AJ38323">
        <v>22</v>
      </c>
      <c r="AK38323">
        <v>22</v>
      </c>
      <c r="AL38323">
        <v>23</v>
      </c>
      <c r="AM38323">
        <v>23</v>
      </c>
      <c r="AN38323">
        <v>23</v>
      </c>
      <c r="AO38323">
        <v>23</v>
      </c>
      <c r="AP38323">
        <v>23</v>
      </c>
      <c r="AQ38323">
        <v>23</v>
      </c>
    </row>
    <row r="38324" spans="1:43">
      <c r="A38324" t="s">
        <v>23769</v>
      </c>
      <c r="B38324" t="s">
        <v>23770</v>
      </c>
      <c r="C38324" t="s">
        <v>23751</v>
      </c>
      <c r="D38324" t="s">
        <v>23752</v>
      </c>
      <c r="E38324" t="s">
        <v>23649</v>
      </c>
      <c r="F38324" t="s">
        <v>23650</v>
      </c>
      <c r="G38324" t="s">
        <v>22539</v>
      </c>
      <c r="H38324" t="s">
        <v>22540</v>
      </c>
      <c r="I38324" s="2">
        <v>0</v>
      </c>
      <c r="J38324" s="2">
        <v>0</v>
      </c>
      <c r="K38324" s="2">
        <v>1</v>
      </c>
      <c r="L38324" t="s">
        <v>995</v>
      </c>
      <c r="M38324" t="s">
        <v>89</v>
      </c>
      <c r="N38324" t="s">
        <v>90</v>
      </c>
      <c r="O38324" t="s">
        <v>85</v>
      </c>
      <c r="P38324" t="s">
        <v>86</v>
      </c>
      <c r="Q38324">
        <v>20</v>
      </c>
      <c r="R38324">
        <v>20</v>
      </c>
      <c r="S38324">
        <v>21</v>
      </c>
      <c r="T38324">
        <v>21</v>
      </c>
      <c r="U38324">
        <v>22</v>
      </c>
      <c r="V38324">
        <v>22</v>
      </c>
      <c r="W38324">
        <v>23</v>
      </c>
      <c r="X38324">
        <v>23</v>
      </c>
      <c r="Y38324">
        <v>24</v>
      </c>
      <c r="Z38324">
        <v>24</v>
      </c>
      <c r="AA38324">
        <v>25</v>
      </c>
      <c r="AB38324">
        <v>25</v>
      </c>
      <c r="AC38324">
        <v>25</v>
      </c>
      <c r="AD38324">
        <v>26</v>
      </c>
      <c r="AE38324">
        <v>26</v>
      </c>
      <c r="AF38324">
        <v>26</v>
      </c>
      <c r="AG38324">
        <v>26</v>
      </c>
      <c r="AH38324">
        <v>26</v>
      </c>
      <c r="AI38324">
        <v>26</v>
      </c>
      <c r="AJ38324">
        <v>27</v>
      </c>
      <c r="AK38324">
        <v>27</v>
      </c>
      <c r="AL38324">
        <v>27</v>
      </c>
      <c r="AM38324">
        <v>27</v>
      </c>
      <c r="AN38324">
        <v>27</v>
      </c>
      <c r="AO38324">
        <v>27</v>
      </c>
      <c r="AP38324">
        <v>27</v>
      </c>
      <c r="AQ38324">
        <v>27</v>
      </c>
    </row>
    <row r="38325" spans="1:43">
      <c r="A38325" t="s">
        <v>23769</v>
      </c>
      <c r="B38325" t="s">
        <v>23770</v>
      </c>
      <c r="C38325" t="s">
        <v>23751</v>
      </c>
      <c r="D38325" t="s">
        <v>23752</v>
      </c>
      <c r="E38325" t="s">
        <v>23649</v>
      </c>
      <c r="F38325" t="s">
        <v>23650</v>
      </c>
      <c r="G38325" t="s">
        <v>22539</v>
      </c>
      <c r="H38325" t="s">
        <v>22540</v>
      </c>
      <c r="I38325" s="2">
        <v>0</v>
      </c>
      <c r="J38325" s="2">
        <v>0</v>
      </c>
      <c r="K38325" s="2">
        <v>1</v>
      </c>
      <c r="L38325" t="s">
        <v>995</v>
      </c>
      <c r="M38325" t="s">
        <v>83</v>
      </c>
      <c r="N38325" t="s">
        <v>91</v>
      </c>
      <c r="O38325" t="s">
        <v>85</v>
      </c>
      <c r="P38325" t="s">
        <v>86</v>
      </c>
      <c r="Q38325">
        <v>20</v>
      </c>
      <c r="R38325">
        <v>20</v>
      </c>
      <c r="S38325">
        <v>20</v>
      </c>
      <c r="T38325">
        <v>21</v>
      </c>
      <c r="U38325">
        <v>21</v>
      </c>
      <c r="V38325">
        <v>21</v>
      </c>
      <c r="W38325">
        <v>22</v>
      </c>
      <c r="X38325">
        <v>22</v>
      </c>
      <c r="Y38325">
        <v>22</v>
      </c>
      <c r="Z38325">
        <v>23</v>
      </c>
      <c r="AA38325">
        <v>23</v>
      </c>
      <c r="AB38325">
        <v>23</v>
      </c>
      <c r="AC38325">
        <v>24</v>
      </c>
      <c r="AD38325">
        <v>24</v>
      </c>
      <c r="AE38325">
        <v>24</v>
      </c>
      <c r="AF38325">
        <v>25</v>
      </c>
      <c r="AG38325">
        <v>25</v>
      </c>
      <c r="AH38325">
        <v>25</v>
      </c>
      <c r="AI38325">
        <v>26</v>
      </c>
      <c r="AJ38325">
        <v>26</v>
      </c>
      <c r="AK38325">
        <v>26</v>
      </c>
      <c r="AL38325">
        <v>27</v>
      </c>
      <c r="AM38325">
        <v>27</v>
      </c>
      <c r="AN38325">
        <v>27</v>
      </c>
      <c r="AO38325">
        <v>27</v>
      </c>
      <c r="AP38325">
        <v>27</v>
      </c>
      <c r="AQ38325">
        <v>27</v>
      </c>
    </row>
    <row r="38326" spans="1:43">
      <c r="A38326" t="s">
        <v>23771</v>
      </c>
      <c r="B38326" t="s">
        <v>23772</v>
      </c>
      <c r="C38326" t="s">
        <v>23767</v>
      </c>
      <c r="D38326" t="s">
        <v>23768</v>
      </c>
      <c r="E38326" t="s">
        <v>23649</v>
      </c>
      <c r="F38326" t="s">
        <v>23650</v>
      </c>
      <c r="G38326" t="s">
        <v>22539</v>
      </c>
      <c r="H38326" t="s">
        <v>22540</v>
      </c>
      <c r="I38326" s="2">
        <v>0</v>
      </c>
      <c r="J38326" s="2">
        <v>0</v>
      </c>
      <c r="K38326" s="2">
        <v>1</v>
      </c>
      <c r="L38326" t="s">
        <v>995</v>
      </c>
      <c r="M38326" t="s">
        <v>83</v>
      </c>
      <c r="N38326" t="s">
        <v>84</v>
      </c>
      <c r="O38326" t="s">
        <v>85</v>
      </c>
      <c r="P38326" t="s">
        <v>86</v>
      </c>
      <c r="Q38326">
        <v>22</v>
      </c>
      <c r="R38326">
        <v>23</v>
      </c>
      <c r="S38326">
        <v>23</v>
      </c>
      <c r="T38326">
        <v>24</v>
      </c>
      <c r="U38326">
        <v>24</v>
      </c>
      <c r="V38326">
        <v>24</v>
      </c>
      <c r="W38326">
        <v>25</v>
      </c>
      <c r="X38326">
        <v>25</v>
      </c>
      <c r="Y38326">
        <v>25</v>
      </c>
      <c r="Z38326">
        <v>26</v>
      </c>
      <c r="AA38326">
        <v>26</v>
      </c>
      <c r="AB38326">
        <v>27</v>
      </c>
      <c r="AC38326">
        <v>27</v>
      </c>
      <c r="AD38326">
        <v>27</v>
      </c>
      <c r="AE38326">
        <v>28</v>
      </c>
      <c r="AF38326">
        <v>28</v>
      </c>
      <c r="AG38326">
        <v>28</v>
      </c>
      <c r="AH38326">
        <v>29</v>
      </c>
      <c r="AI38326">
        <v>29</v>
      </c>
      <c r="AJ38326">
        <v>30</v>
      </c>
      <c r="AK38326">
        <v>30</v>
      </c>
      <c r="AL38326">
        <v>30</v>
      </c>
      <c r="AM38326">
        <v>30</v>
      </c>
      <c r="AN38326">
        <v>30</v>
      </c>
      <c r="AO38326">
        <v>30</v>
      </c>
      <c r="AP38326">
        <v>31</v>
      </c>
      <c r="AQ38326">
        <v>31</v>
      </c>
    </row>
    <row r="38327" spans="1:43">
      <c r="A38327" t="s">
        <v>23771</v>
      </c>
      <c r="B38327" t="s">
        <v>23772</v>
      </c>
      <c r="C38327" t="s">
        <v>23767</v>
      </c>
      <c r="D38327" t="s">
        <v>23768</v>
      </c>
      <c r="E38327" t="s">
        <v>23649</v>
      </c>
      <c r="F38327" t="s">
        <v>23650</v>
      </c>
      <c r="G38327" t="s">
        <v>22539</v>
      </c>
      <c r="H38327" t="s">
        <v>22540</v>
      </c>
      <c r="I38327" s="2">
        <v>0</v>
      </c>
      <c r="J38327" s="2">
        <v>0</v>
      </c>
      <c r="K38327" s="2">
        <v>1</v>
      </c>
      <c r="L38327" t="s">
        <v>995</v>
      </c>
      <c r="M38327" t="s">
        <v>87</v>
      </c>
      <c r="N38327" t="s">
        <v>88</v>
      </c>
      <c r="O38327" t="s">
        <v>85</v>
      </c>
      <c r="P38327" t="s">
        <v>86</v>
      </c>
      <c r="Q38327">
        <v>22</v>
      </c>
      <c r="R38327">
        <v>22</v>
      </c>
      <c r="S38327">
        <v>23</v>
      </c>
      <c r="T38327">
        <v>23</v>
      </c>
      <c r="U38327">
        <v>23</v>
      </c>
      <c r="V38327">
        <v>23</v>
      </c>
      <c r="W38327">
        <v>23</v>
      </c>
      <c r="X38327">
        <v>23</v>
      </c>
      <c r="Y38327">
        <v>23</v>
      </c>
      <c r="Z38327">
        <v>24</v>
      </c>
      <c r="AA38327">
        <v>24</v>
      </c>
      <c r="AB38327">
        <v>24</v>
      </c>
      <c r="AC38327">
        <v>24</v>
      </c>
      <c r="AD38327">
        <v>24</v>
      </c>
      <c r="AE38327">
        <v>24</v>
      </c>
      <c r="AF38327">
        <v>25</v>
      </c>
      <c r="AG38327">
        <v>25</v>
      </c>
      <c r="AH38327">
        <v>25</v>
      </c>
      <c r="AI38327">
        <v>25</v>
      </c>
      <c r="AJ38327">
        <v>25</v>
      </c>
      <c r="AK38327">
        <v>26</v>
      </c>
      <c r="AL38327">
        <v>26</v>
      </c>
      <c r="AM38327">
        <v>26</v>
      </c>
      <c r="AN38327">
        <v>26</v>
      </c>
      <c r="AO38327">
        <v>26</v>
      </c>
      <c r="AP38327">
        <v>26</v>
      </c>
      <c r="AQ38327">
        <v>27</v>
      </c>
    </row>
    <row r="38328" spans="1:43">
      <c r="A38328" t="s">
        <v>23771</v>
      </c>
      <c r="B38328" t="s">
        <v>23772</v>
      </c>
      <c r="C38328" t="s">
        <v>23767</v>
      </c>
      <c r="D38328" t="s">
        <v>23768</v>
      </c>
      <c r="E38328" t="s">
        <v>23649</v>
      </c>
      <c r="F38328" t="s">
        <v>23650</v>
      </c>
      <c r="G38328" t="s">
        <v>22539</v>
      </c>
      <c r="H38328" t="s">
        <v>22540</v>
      </c>
      <c r="I38328" s="2">
        <v>0</v>
      </c>
      <c r="J38328" s="2">
        <v>0</v>
      </c>
      <c r="K38328" s="2">
        <v>1</v>
      </c>
      <c r="L38328" t="s">
        <v>995</v>
      </c>
      <c r="M38328" t="s">
        <v>89</v>
      </c>
      <c r="N38328" t="s">
        <v>90</v>
      </c>
      <c r="O38328" t="s">
        <v>85</v>
      </c>
      <c r="P38328" t="s">
        <v>86</v>
      </c>
      <c r="Q38328">
        <v>22</v>
      </c>
      <c r="R38328">
        <v>22</v>
      </c>
      <c r="S38328">
        <v>23</v>
      </c>
      <c r="T38328">
        <v>23</v>
      </c>
      <c r="U38328">
        <v>24</v>
      </c>
      <c r="V38328">
        <v>24</v>
      </c>
      <c r="W38328">
        <v>25</v>
      </c>
      <c r="X38328">
        <v>25</v>
      </c>
      <c r="Y38328">
        <v>26</v>
      </c>
      <c r="Z38328">
        <v>26</v>
      </c>
      <c r="AA38328">
        <v>27</v>
      </c>
      <c r="AB38328">
        <v>27</v>
      </c>
      <c r="AC38328">
        <v>28</v>
      </c>
      <c r="AD38328">
        <v>28</v>
      </c>
      <c r="AE38328">
        <v>29</v>
      </c>
      <c r="AF38328">
        <v>29</v>
      </c>
      <c r="AG38328">
        <v>29</v>
      </c>
      <c r="AH38328">
        <v>29</v>
      </c>
      <c r="AI38328">
        <v>29</v>
      </c>
      <c r="AJ38328">
        <v>29</v>
      </c>
      <c r="AK38328">
        <v>29</v>
      </c>
      <c r="AL38328">
        <v>29</v>
      </c>
      <c r="AM38328">
        <v>29</v>
      </c>
      <c r="AN38328">
        <v>30</v>
      </c>
      <c r="AO38328">
        <v>30</v>
      </c>
      <c r="AP38328">
        <v>30</v>
      </c>
      <c r="AQ38328">
        <v>30</v>
      </c>
    </row>
    <row r="38329" spans="1:43">
      <c r="A38329" t="s">
        <v>23771</v>
      </c>
      <c r="B38329" t="s">
        <v>23772</v>
      </c>
      <c r="C38329" t="s">
        <v>23767</v>
      </c>
      <c r="D38329" t="s">
        <v>23768</v>
      </c>
      <c r="E38329" t="s">
        <v>23649</v>
      </c>
      <c r="F38329" t="s">
        <v>23650</v>
      </c>
      <c r="G38329" t="s">
        <v>22539</v>
      </c>
      <c r="H38329" t="s">
        <v>22540</v>
      </c>
      <c r="I38329" s="2">
        <v>0</v>
      </c>
      <c r="J38329" s="2">
        <v>0</v>
      </c>
      <c r="K38329" s="2">
        <v>1</v>
      </c>
      <c r="L38329" t="s">
        <v>995</v>
      </c>
      <c r="M38329" t="s">
        <v>83</v>
      </c>
      <c r="N38329" t="s">
        <v>91</v>
      </c>
      <c r="O38329" t="s">
        <v>85</v>
      </c>
      <c r="P38329" t="s">
        <v>86</v>
      </c>
      <c r="Q38329">
        <v>22</v>
      </c>
      <c r="R38329">
        <v>23</v>
      </c>
      <c r="S38329">
        <v>23</v>
      </c>
      <c r="T38329">
        <v>24</v>
      </c>
      <c r="U38329">
        <v>24</v>
      </c>
      <c r="V38329">
        <v>24</v>
      </c>
      <c r="W38329">
        <v>25</v>
      </c>
      <c r="X38329">
        <v>25</v>
      </c>
      <c r="Y38329">
        <v>25</v>
      </c>
      <c r="Z38329">
        <v>26</v>
      </c>
      <c r="AA38329">
        <v>26</v>
      </c>
      <c r="AB38329">
        <v>27</v>
      </c>
      <c r="AC38329">
        <v>27</v>
      </c>
      <c r="AD38329">
        <v>27</v>
      </c>
      <c r="AE38329">
        <v>28</v>
      </c>
      <c r="AF38329">
        <v>28</v>
      </c>
      <c r="AG38329">
        <v>28</v>
      </c>
      <c r="AH38329">
        <v>29</v>
      </c>
      <c r="AI38329">
        <v>29</v>
      </c>
      <c r="AJ38329">
        <v>30</v>
      </c>
      <c r="AK38329">
        <v>30</v>
      </c>
      <c r="AL38329">
        <v>30</v>
      </c>
      <c r="AM38329">
        <v>30</v>
      </c>
      <c r="AN38329">
        <v>30</v>
      </c>
      <c r="AO38329">
        <v>30</v>
      </c>
      <c r="AP38329">
        <v>31</v>
      </c>
      <c r="AQ38329">
        <v>31</v>
      </c>
    </row>
    <row r="38330" spans="1:43">
      <c r="A38330" t="s">
        <v>23773</v>
      </c>
      <c r="B38330" t="s">
        <v>23774</v>
      </c>
      <c r="C38330" t="s">
        <v>23679</v>
      </c>
      <c r="D38330" t="s">
        <v>23680</v>
      </c>
      <c r="E38330" t="s">
        <v>23649</v>
      </c>
      <c r="F38330" t="s">
        <v>23650</v>
      </c>
      <c r="G38330" t="s">
        <v>22539</v>
      </c>
      <c r="H38330" t="s">
        <v>22540</v>
      </c>
      <c r="I38330" s="2">
        <v>0</v>
      </c>
      <c r="J38330" s="2">
        <v>0</v>
      </c>
      <c r="K38330" s="2">
        <v>1</v>
      </c>
      <c r="L38330" t="s">
        <v>995</v>
      </c>
      <c r="M38330" t="s">
        <v>83</v>
      </c>
      <c r="N38330" t="s">
        <v>84</v>
      </c>
      <c r="O38330" t="s">
        <v>85</v>
      </c>
      <c r="P38330" t="s">
        <v>86</v>
      </c>
      <c r="Q38330">
        <v>11</v>
      </c>
      <c r="R38330">
        <v>11</v>
      </c>
      <c r="S38330">
        <v>11</v>
      </c>
      <c r="T38330">
        <v>12</v>
      </c>
      <c r="U38330">
        <v>12</v>
      </c>
      <c r="V38330">
        <v>12</v>
      </c>
      <c r="W38330">
        <v>12</v>
      </c>
      <c r="X38330">
        <v>12</v>
      </c>
      <c r="Y38330">
        <v>13</v>
      </c>
      <c r="Z38330">
        <v>13</v>
      </c>
      <c r="AA38330">
        <v>13</v>
      </c>
      <c r="AB38330">
        <v>13</v>
      </c>
      <c r="AC38330">
        <v>13</v>
      </c>
      <c r="AD38330">
        <v>14</v>
      </c>
      <c r="AE38330">
        <v>14</v>
      </c>
      <c r="AF38330">
        <v>14</v>
      </c>
      <c r="AG38330">
        <v>14</v>
      </c>
      <c r="AH38330">
        <v>14</v>
      </c>
      <c r="AI38330">
        <v>15</v>
      </c>
      <c r="AJ38330">
        <v>15</v>
      </c>
      <c r="AK38330">
        <v>15</v>
      </c>
      <c r="AL38330">
        <v>15</v>
      </c>
      <c r="AM38330">
        <v>15</v>
      </c>
      <c r="AN38330">
        <v>15</v>
      </c>
      <c r="AO38330">
        <v>15</v>
      </c>
      <c r="AP38330">
        <v>15</v>
      </c>
      <c r="AQ38330">
        <v>15</v>
      </c>
    </row>
    <row r="38331" spans="1:43">
      <c r="A38331" t="s">
        <v>23773</v>
      </c>
      <c r="B38331" t="s">
        <v>23774</v>
      </c>
      <c r="C38331" t="s">
        <v>23679</v>
      </c>
      <c r="D38331" t="s">
        <v>23680</v>
      </c>
      <c r="E38331" t="s">
        <v>23649</v>
      </c>
      <c r="F38331" t="s">
        <v>23650</v>
      </c>
      <c r="G38331" t="s">
        <v>22539</v>
      </c>
      <c r="H38331" t="s">
        <v>22540</v>
      </c>
      <c r="I38331" s="2">
        <v>0</v>
      </c>
      <c r="J38331" s="2">
        <v>0</v>
      </c>
      <c r="K38331" s="2">
        <v>1</v>
      </c>
      <c r="L38331" t="s">
        <v>995</v>
      </c>
      <c r="M38331" t="s">
        <v>87</v>
      </c>
      <c r="N38331" t="s">
        <v>88</v>
      </c>
      <c r="O38331" t="s">
        <v>85</v>
      </c>
      <c r="P38331" t="s">
        <v>86</v>
      </c>
      <c r="Q38331">
        <v>11</v>
      </c>
      <c r="R38331">
        <v>11</v>
      </c>
      <c r="S38331">
        <v>11</v>
      </c>
      <c r="T38331">
        <v>11</v>
      </c>
      <c r="U38331">
        <v>11</v>
      </c>
      <c r="V38331">
        <v>11</v>
      </c>
      <c r="W38331">
        <v>11</v>
      </c>
      <c r="X38331">
        <v>12</v>
      </c>
      <c r="Y38331">
        <v>12</v>
      </c>
      <c r="Z38331">
        <v>12</v>
      </c>
      <c r="AA38331">
        <v>12</v>
      </c>
      <c r="AB38331">
        <v>12</v>
      </c>
      <c r="AC38331">
        <v>12</v>
      </c>
      <c r="AD38331">
        <v>12</v>
      </c>
      <c r="AE38331">
        <v>12</v>
      </c>
      <c r="AF38331">
        <v>12</v>
      </c>
      <c r="AG38331">
        <v>12</v>
      </c>
      <c r="AH38331">
        <v>12</v>
      </c>
      <c r="AI38331">
        <v>13</v>
      </c>
      <c r="AJ38331">
        <v>13</v>
      </c>
      <c r="AK38331">
        <v>13</v>
      </c>
      <c r="AL38331">
        <v>13</v>
      </c>
      <c r="AM38331">
        <v>13</v>
      </c>
      <c r="AN38331">
        <v>13</v>
      </c>
      <c r="AO38331">
        <v>13</v>
      </c>
      <c r="AP38331">
        <v>13</v>
      </c>
      <c r="AQ38331">
        <v>13</v>
      </c>
    </row>
    <row r="38332" spans="1:43">
      <c r="A38332" t="s">
        <v>23773</v>
      </c>
      <c r="B38332" t="s">
        <v>23774</v>
      </c>
      <c r="C38332" t="s">
        <v>23679</v>
      </c>
      <c r="D38332" t="s">
        <v>23680</v>
      </c>
      <c r="E38332" t="s">
        <v>23649</v>
      </c>
      <c r="F38332" t="s">
        <v>23650</v>
      </c>
      <c r="G38332" t="s">
        <v>22539</v>
      </c>
      <c r="H38332" t="s">
        <v>22540</v>
      </c>
      <c r="I38332" s="2">
        <v>0</v>
      </c>
      <c r="J38332" s="2">
        <v>0</v>
      </c>
      <c r="K38332" s="2">
        <v>1</v>
      </c>
      <c r="L38332" t="s">
        <v>995</v>
      </c>
      <c r="M38332" t="s">
        <v>89</v>
      </c>
      <c r="N38332" t="s">
        <v>90</v>
      </c>
      <c r="O38332" t="s">
        <v>85</v>
      </c>
      <c r="P38332" t="s">
        <v>86</v>
      </c>
      <c r="Q38332">
        <v>11</v>
      </c>
      <c r="R38332">
        <v>11</v>
      </c>
      <c r="S38332">
        <v>12</v>
      </c>
      <c r="T38332">
        <v>12</v>
      </c>
      <c r="U38332">
        <v>12</v>
      </c>
      <c r="V38332">
        <v>13</v>
      </c>
      <c r="W38332">
        <v>13</v>
      </c>
      <c r="X38332">
        <v>13</v>
      </c>
      <c r="Y38332">
        <v>13</v>
      </c>
      <c r="Z38332">
        <v>14</v>
      </c>
      <c r="AA38332">
        <v>14</v>
      </c>
      <c r="AB38332">
        <v>14</v>
      </c>
      <c r="AC38332">
        <v>14</v>
      </c>
      <c r="AD38332">
        <v>15</v>
      </c>
      <c r="AE38332">
        <v>15</v>
      </c>
      <c r="AF38332">
        <v>15</v>
      </c>
      <c r="AG38332">
        <v>15</v>
      </c>
      <c r="AH38332">
        <v>15</v>
      </c>
      <c r="AI38332">
        <v>15</v>
      </c>
      <c r="AJ38332">
        <v>15</v>
      </c>
      <c r="AK38332">
        <v>15</v>
      </c>
      <c r="AL38332">
        <v>15</v>
      </c>
      <c r="AM38332">
        <v>15</v>
      </c>
      <c r="AN38332">
        <v>15</v>
      </c>
      <c r="AO38332">
        <v>15</v>
      </c>
      <c r="AP38332">
        <v>15</v>
      </c>
      <c r="AQ38332">
        <v>15</v>
      </c>
    </row>
    <row r="38333" spans="1:43">
      <c r="A38333" t="s">
        <v>23773</v>
      </c>
      <c r="B38333" t="s">
        <v>23774</v>
      </c>
      <c r="C38333" t="s">
        <v>23679</v>
      </c>
      <c r="D38333" t="s">
        <v>23680</v>
      </c>
      <c r="E38333" t="s">
        <v>23649</v>
      </c>
      <c r="F38333" t="s">
        <v>23650</v>
      </c>
      <c r="G38333" t="s">
        <v>22539</v>
      </c>
      <c r="H38333" t="s">
        <v>22540</v>
      </c>
      <c r="I38333" s="2">
        <v>0</v>
      </c>
      <c r="J38333" s="2">
        <v>0</v>
      </c>
      <c r="K38333" s="2">
        <v>1</v>
      </c>
      <c r="L38333" t="s">
        <v>995</v>
      </c>
      <c r="M38333" t="s">
        <v>83</v>
      </c>
      <c r="N38333" t="s">
        <v>91</v>
      </c>
      <c r="O38333" t="s">
        <v>85</v>
      </c>
      <c r="P38333" t="s">
        <v>86</v>
      </c>
      <c r="Q38333">
        <v>11</v>
      </c>
      <c r="R38333">
        <v>11</v>
      </c>
      <c r="S38333">
        <v>11</v>
      </c>
      <c r="T38333">
        <v>12</v>
      </c>
      <c r="U38333">
        <v>12</v>
      </c>
      <c r="V38333">
        <v>12</v>
      </c>
      <c r="W38333">
        <v>12</v>
      </c>
      <c r="X38333">
        <v>12</v>
      </c>
      <c r="Y38333">
        <v>13</v>
      </c>
      <c r="Z38333">
        <v>13</v>
      </c>
      <c r="AA38333">
        <v>13</v>
      </c>
      <c r="AB38333">
        <v>13</v>
      </c>
      <c r="AC38333">
        <v>13</v>
      </c>
      <c r="AD38333">
        <v>14</v>
      </c>
      <c r="AE38333">
        <v>14</v>
      </c>
      <c r="AF38333">
        <v>14</v>
      </c>
      <c r="AG38333">
        <v>14</v>
      </c>
      <c r="AH38333">
        <v>14</v>
      </c>
      <c r="AI38333">
        <v>15</v>
      </c>
      <c r="AJ38333">
        <v>15</v>
      </c>
      <c r="AK38333">
        <v>15</v>
      </c>
      <c r="AL38333">
        <v>15</v>
      </c>
      <c r="AM38333">
        <v>15</v>
      </c>
      <c r="AN38333">
        <v>15</v>
      </c>
      <c r="AO38333">
        <v>15</v>
      </c>
      <c r="AP38333">
        <v>15</v>
      </c>
      <c r="AQ38333">
        <v>15</v>
      </c>
    </row>
    <row r="38334" spans="1:43">
      <c r="A38334" t="s">
        <v>23775</v>
      </c>
      <c r="B38334" t="s">
        <v>23776</v>
      </c>
      <c r="C38334" t="s">
        <v>23691</v>
      </c>
      <c r="D38334" t="s">
        <v>23692</v>
      </c>
      <c r="E38334" t="s">
        <v>23649</v>
      </c>
      <c r="F38334" t="s">
        <v>23650</v>
      </c>
      <c r="G38334" t="s">
        <v>22539</v>
      </c>
      <c r="H38334" t="s">
        <v>22540</v>
      </c>
      <c r="I38334" s="2">
        <v>0</v>
      </c>
      <c r="J38334" s="2">
        <v>0</v>
      </c>
      <c r="K38334" s="2">
        <v>1</v>
      </c>
      <c r="L38334" t="s">
        <v>995</v>
      </c>
      <c r="M38334" t="s">
        <v>83</v>
      </c>
      <c r="N38334" t="s">
        <v>84</v>
      </c>
      <c r="O38334" t="s">
        <v>85</v>
      </c>
      <c r="P38334" t="s">
        <v>86</v>
      </c>
      <c r="Q38334">
        <v>44</v>
      </c>
      <c r="R38334">
        <v>44</v>
      </c>
      <c r="S38334">
        <v>45</v>
      </c>
      <c r="T38334">
        <v>46</v>
      </c>
      <c r="U38334">
        <v>47</v>
      </c>
      <c r="V38334">
        <v>47</v>
      </c>
      <c r="W38334">
        <v>48</v>
      </c>
      <c r="X38334">
        <v>49</v>
      </c>
      <c r="Y38334">
        <v>50</v>
      </c>
      <c r="Z38334">
        <v>50</v>
      </c>
      <c r="AA38334">
        <v>51</v>
      </c>
      <c r="AB38334">
        <v>52</v>
      </c>
      <c r="AC38334">
        <v>53</v>
      </c>
      <c r="AD38334">
        <v>54</v>
      </c>
      <c r="AE38334">
        <v>54</v>
      </c>
      <c r="AF38334">
        <v>55</v>
      </c>
      <c r="AG38334">
        <v>56</v>
      </c>
      <c r="AH38334">
        <v>57</v>
      </c>
      <c r="AI38334">
        <v>57</v>
      </c>
      <c r="AJ38334">
        <v>58</v>
      </c>
      <c r="AK38334">
        <v>59</v>
      </c>
      <c r="AL38334">
        <v>60</v>
      </c>
      <c r="AM38334">
        <v>60</v>
      </c>
      <c r="AN38334">
        <v>60</v>
      </c>
      <c r="AO38334">
        <v>60</v>
      </c>
      <c r="AP38334">
        <v>61</v>
      </c>
      <c r="AQ38334">
        <v>61</v>
      </c>
    </row>
    <row r="38335" spans="1:43">
      <c r="A38335" t="s">
        <v>23775</v>
      </c>
      <c r="B38335" t="s">
        <v>23776</v>
      </c>
      <c r="C38335" t="s">
        <v>23691</v>
      </c>
      <c r="D38335" t="s">
        <v>23692</v>
      </c>
      <c r="E38335" t="s">
        <v>23649</v>
      </c>
      <c r="F38335" t="s">
        <v>23650</v>
      </c>
      <c r="G38335" t="s">
        <v>22539</v>
      </c>
      <c r="H38335" t="s">
        <v>22540</v>
      </c>
      <c r="I38335" s="2">
        <v>0</v>
      </c>
      <c r="J38335" s="2">
        <v>0</v>
      </c>
      <c r="K38335" s="2">
        <v>1</v>
      </c>
      <c r="L38335" t="s">
        <v>995</v>
      </c>
      <c r="M38335" t="s">
        <v>87</v>
      </c>
      <c r="N38335" t="s">
        <v>88</v>
      </c>
      <c r="O38335" t="s">
        <v>85</v>
      </c>
      <c r="P38335" t="s">
        <v>86</v>
      </c>
      <c r="Q38335">
        <v>44</v>
      </c>
      <c r="R38335">
        <v>44</v>
      </c>
      <c r="S38335">
        <v>45</v>
      </c>
      <c r="T38335">
        <v>45</v>
      </c>
      <c r="U38335">
        <v>45</v>
      </c>
      <c r="V38335">
        <v>46</v>
      </c>
      <c r="W38335">
        <v>46</v>
      </c>
      <c r="X38335">
        <v>47</v>
      </c>
      <c r="Y38335">
        <v>47</v>
      </c>
      <c r="Z38335">
        <v>47</v>
      </c>
      <c r="AA38335">
        <v>48</v>
      </c>
      <c r="AB38335">
        <v>48</v>
      </c>
      <c r="AC38335">
        <v>48</v>
      </c>
      <c r="AD38335">
        <v>49</v>
      </c>
      <c r="AE38335">
        <v>49</v>
      </c>
      <c r="AF38335">
        <v>50</v>
      </c>
      <c r="AG38335">
        <v>50</v>
      </c>
      <c r="AH38335">
        <v>50</v>
      </c>
      <c r="AI38335">
        <v>51</v>
      </c>
      <c r="AJ38335">
        <v>51</v>
      </c>
      <c r="AK38335">
        <v>52</v>
      </c>
      <c r="AL38335">
        <v>52</v>
      </c>
      <c r="AM38335">
        <v>52</v>
      </c>
      <c r="AN38335">
        <v>53</v>
      </c>
      <c r="AO38335">
        <v>53</v>
      </c>
      <c r="AP38335">
        <v>54</v>
      </c>
      <c r="AQ38335">
        <v>54</v>
      </c>
    </row>
    <row r="38336" spans="1:43">
      <c r="A38336" t="s">
        <v>23775</v>
      </c>
      <c r="B38336" t="s">
        <v>23776</v>
      </c>
      <c r="C38336" t="s">
        <v>23691</v>
      </c>
      <c r="D38336" t="s">
        <v>23692</v>
      </c>
      <c r="E38336" t="s">
        <v>23649</v>
      </c>
      <c r="F38336" t="s">
        <v>23650</v>
      </c>
      <c r="G38336" t="s">
        <v>22539</v>
      </c>
      <c r="H38336" t="s">
        <v>22540</v>
      </c>
      <c r="I38336" s="2">
        <v>0</v>
      </c>
      <c r="J38336" s="2">
        <v>0</v>
      </c>
      <c r="K38336" s="2">
        <v>1</v>
      </c>
      <c r="L38336" t="s">
        <v>995</v>
      </c>
      <c r="M38336" t="s">
        <v>89</v>
      </c>
      <c r="N38336" t="s">
        <v>90</v>
      </c>
      <c r="O38336" t="s">
        <v>85</v>
      </c>
      <c r="P38336" t="s">
        <v>86</v>
      </c>
      <c r="Q38336">
        <v>44</v>
      </c>
      <c r="R38336">
        <v>45</v>
      </c>
      <c r="S38336">
        <v>46</v>
      </c>
      <c r="T38336">
        <v>47</v>
      </c>
      <c r="U38336">
        <v>48</v>
      </c>
      <c r="V38336">
        <v>49</v>
      </c>
      <c r="W38336">
        <v>51</v>
      </c>
      <c r="X38336">
        <v>52</v>
      </c>
      <c r="Y38336">
        <v>53</v>
      </c>
      <c r="Z38336">
        <v>54</v>
      </c>
      <c r="AA38336">
        <v>54</v>
      </c>
      <c r="AB38336">
        <v>55</v>
      </c>
      <c r="AC38336">
        <v>56</v>
      </c>
      <c r="AD38336">
        <v>57</v>
      </c>
      <c r="AE38336">
        <v>58</v>
      </c>
      <c r="AF38336">
        <v>58</v>
      </c>
      <c r="AG38336">
        <v>59</v>
      </c>
      <c r="AH38336">
        <v>59</v>
      </c>
      <c r="AI38336">
        <v>59</v>
      </c>
      <c r="AJ38336">
        <v>59</v>
      </c>
      <c r="AK38336">
        <v>60</v>
      </c>
      <c r="AL38336">
        <v>60</v>
      </c>
      <c r="AM38336">
        <v>60</v>
      </c>
      <c r="AN38336">
        <v>61</v>
      </c>
      <c r="AO38336">
        <v>61</v>
      </c>
      <c r="AP38336">
        <v>61</v>
      </c>
      <c r="AQ38336">
        <v>62</v>
      </c>
    </row>
    <row r="38337" spans="1:43">
      <c r="A38337" t="s">
        <v>23775</v>
      </c>
      <c r="B38337" t="s">
        <v>23776</v>
      </c>
      <c r="C38337" t="s">
        <v>23691</v>
      </c>
      <c r="D38337" t="s">
        <v>23692</v>
      </c>
      <c r="E38337" t="s">
        <v>23649</v>
      </c>
      <c r="F38337" t="s">
        <v>23650</v>
      </c>
      <c r="G38337" t="s">
        <v>22539</v>
      </c>
      <c r="H38337" t="s">
        <v>22540</v>
      </c>
      <c r="I38337" s="2">
        <v>0</v>
      </c>
      <c r="J38337" s="2">
        <v>0</v>
      </c>
      <c r="K38337" s="2">
        <v>1</v>
      </c>
      <c r="L38337" t="s">
        <v>995</v>
      </c>
      <c r="M38337" t="s">
        <v>83</v>
      </c>
      <c r="N38337" t="s">
        <v>91</v>
      </c>
      <c r="O38337" t="s">
        <v>85</v>
      </c>
      <c r="P38337" t="s">
        <v>86</v>
      </c>
      <c r="Q38337">
        <v>44</v>
      </c>
      <c r="R38337">
        <v>44</v>
      </c>
      <c r="S38337">
        <v>45</v>
      </c>
      <c r="T38337">
        <v>46</v>
      </c>
      <c r="U38337">
        <v>47</v>
      </c>
      <c r="V38337">
        <v>47</v>
      </c>
      <c r="W38337">
        <v>48</v>
      </c>
      <c r="X38337">
        <v>49</v>
      </c>
      <c r="Y38337">
        <v>50</v>
      </c>
      <c r="Z38337">
        <v>50</v>
      </c>
      <c r="AA38337">
        <v>51</v>
      </c>
      <c r="AB38337">
        <v>52</v>
      </c>
      <c r="AC38337">
        <v>53</v>
      </c>
      <c r="AD38337">
        <v>54</v>
      </c>
      <c r="AE38337">
        <v>54</v>
      </c>
      <c r="AF38337">
        <v>55</v>
      </c>
      <c r="AG38337">
        <v>56</v>
      </c>
      <c r="AH38337">
        <v>57</v>
      </c>
      <c r="AI38337">
        <v>57</v>
      </c>
      <c r="AJ38337">
        <v>58</v>
      </c>
      <c r="AK38337">
        <v>59</v>
      </c>
      <c r="AL38337">
        <v>60</v>
      </c>
      <c r="AM38337">
        <v>60</v>
      </c>
      <c r="AN38337">
        <v>60</v>
      </c>
      <c r="AO38337">
        <v>60</v>
      </c>
      <c r="AP38337">
        <v>61</v>
      </c>
      <c r="AQ38337">
        <v>61</v>
      </c>
    </row>
    <row r="38338" spans="1:43">
      <c r="A38338" t="s">
        <v>23777</v>
      </c>
      <c r="B38338" t="s">
        <v>23778</v>
      </c>
      <c r="C38338" t="s">
        <v>23679</v>
      </c>
      <c r="D38338" t="s">
        <v>23680</v>
      </c>
      <c r="E38338" t="s">
        <v>23649</v>
      </c>
      <c r="F38338" t="s">
        <v>23650</v>
      </c>
      <c r="G38338" t="s">
        <v>22539</v>
      </c>
      <c r="H38338" t="s">
        <v>22540</v>
      </c>
      <c r="I38338" s="2">
        <v>0</v>
      </c>
      <c r="J38338" s="2">
        <v>0</v>
      </c>
      <c r="K38338" s="2">
        <v>1</v>
      </c>
      <c r="L38338" t="s">
        <v>995</v>
      </c>
      <c r="M38338" t="s">
        <v>83</v>
      </c>
      <c r="N38338" t="s">
        <v>84</v>
      </c>
      <c r="O38338" t="s">
        <v>85</v>
      </c>
      <c r="P38338" t="s">
        <v>86</v>
      </c>
      <c r="Q38338">
        <v>20</v>
      </c>
      <c r="R38338">
        <v>21</v>
      </c>
      <c r="S38338">
        <v>21</v>
      </c>
      <c r="T38338">
        <v>21</v>
      </c>
      <c r="U38338">
        <v>22</v>
      </c>
      <c r="V38338">
        <v>22</v>
      </c>
      <c r="W38338">
        <v>22</v>
      </c>
      <c r="X38338">
        <v>23</v>
      </c>
      <c r="Y38338">
        <v>23</v>
      </c>
      <c r="Z38338">
        <v>23</v>
      </c>
      <c r="AA38338">
        <v>24</v>
      </c>
      <c r="AB38338">
        <v>24</v>
      </c>
      <c r="AC38338">
        <v>24</v>
      </c>
      <c r="AD38338">
        <v>25</v>
      </c>
      <c r="AE38338">
        <v>25</v>
      </c>
      <c r="AF38338">
        <v>26</v>
      </c>
      <c r="AG38338">
        <v>26</v>
      </c>
      <c r="AH38338">
        <v>26</v>
      </c>
      <c r="AI38338">
        <v>27</v>
      </c>
      <c r="AJ38338">
        <v>27</v>
      </c>
      <c r="AK38338">
        <v>27</v>
      </c>
      <c r="AL38338">
        <v>28</v>
      </c>
      <c r="AM38338">
        <v>28</v>
      </c>
      <c r="AN38338">
        <v>28</v>
      </c>
      <c r="AO38338">
        <v>28</v>
      </c>
      <c r="AP38338">
        <v>28</v>
      </c>
      <c r="AQ38338">
        <v>28</v>
      </c>
    </row>
    <row r="38339" spans="1:43">
      <c r="A38339" t="s">
        <v>23777</v>
      </c>
      <c r="B38339" t="s">
        <v>23778</v>
      </c>
      <c r="C38339" t="s">
        <v>23679</v>
      </c>
      <c r="D38339" t="s">
        <v>23680</v>
      </c>
      <c r="E38339" t="s">
        <v>23649</v>
      </c>
      <c r="F38339" t="s">
        <v>23650</v>
      </c>
      <c r="G38339" t="s">
        <v>22539</v>
      </c>
      <c r="H38339" t="s">
        <v>22540</v>
      </c>
      <c r="I38339" s="2">
        <v>0</v>
      </c>
      <c r="J38339" s="2">
        <v>0</v>
      </c>
      <c r="K38339" s="2">
        <v>1</v>
      </c>
      <c r="L38339" t="s">
        <v>995</v>
      </c>
      <c r="M38339" t="s">
        <v>87</v>
      </c>
      <c r="N38339" t="s">
        <v>88</v>
      </c>
      <c r="O38339" t="s">
        <v>85</v>
      </c>
      <c r="P38339" t="s">
        <v>86</v>
      </c>
      <c r="Q38339">
        <v>20</v>
      </c>
      <c r="R38339">
        <v>20</v>
      </c>
      <c r="S38339">
        <v>20</v>
      </c>
      <c r="T38339">
        <v>20</v>
      </c>
      <c r="U38339">
        <v>21</v>
      </c>
      <c r="V38339">
        <v>21</v>
      </c>
      <c r="W38339">
        <v>21</v>
      </c>
      <c r="X38339">
        <v>21</v>
      </c>
      <c r="Y38339">
        <v>21</v>
      </c>
      <c r="Z38339">
        <v>21</v>
      </c>
      <c r="AA38339">
        <v>22</v>
      </c>
      <c r="AB38339">
        <v>22</v>
      </c>
      <c r="AC38339">
        <v>22</v>
      </c>
      <c r="AD38339">
        <v>22</v>
      </c>
      <c r="AE38339">
        <v>22</v>
      </c>
      <c r="AF38339">
        <v>22</v>
      </c>
      <c r="AG38339">
        <v>23</v>
      </c>
      <c r="AH38339">
        <v>23</v>
      </c>
      <c r="AI38339">
        <v>23</v>
      </c>
      <c r="AJ38339">
        <v>23</v>
      </c>
      <c r="AK38339">
        <v>23</v>
      </c>
      <c r="AL38339">
        <v>24</v>
      </c>
      <c r="AM38339">
        <v>24</v>
      </c>
      <c r="AN38339">
        <v>24</v>
      </c>
      <c r="AO38339">
        <v>24</v>
      </c>
      <c r="AP38339">
        <v>24</v>
      </c>
      <c r="AQ38339">
        <v>24</v>
      </c>
    </row>
    <row r="38340" spans="1:43">
      <c r="A38340" t="s">
        <v>23777</v>
      </c>
      <c r="B38340" t="s">
        <v>23778</v>
      </c>
      <c r="C38340" t="s">
        <v>23679</v>
      </c>
      <c r="D38340" t="s">
        <v>23680</v>
      </c>
      <c r="E38340" t="s">
        <v>23649</v>
      </c>
      <c r="F38340" t="s">
        <v>23650</v>
      </c>
      <c r="G38340" t="s">
        <v>22539</v>
      </c>
      <c r="H38340" t="s">
        <v>22540</v>
      </c>
      <c r="I38340" s="2">
        <v>0</v>
      </c>
      <c r="J38340" s="2">
        <v>0</v>
      </c>
      <c r="K38340" s="2">
        <v>1</v>
      </c>
      <c r="L38340" t="s">
        <v>995</v>
      </c>
      <c r="M38340" t="s">
        <v>89</v>
      </c>
      <c r="N38340" t="s">
        <v>90</v>
      </c>
      <c r="O38340" t="s">
        <v>85</v>
      </c>
      <c r="P38340" t="s">
        <v>86</v>
      </c>
      <c r="Q38340">
        <v>20</v>
      </c>
      <c r="R38340">
        <v>21</v>
      </c>
      <c r="S38340">
        <v>21</v>
      </c>
      <c r="T38340">
        <v>22</v>
      </c>
      <c r="U38340">
        <v>22</v>
      </c>
      <c r="V38340">
        <v>23</v>
      </c>
      <c r="W38340">
        <v>23</v>
      </c>
      <c r="X38340">
        <v>24</v>
      </c>
      <c r="Y38340">
        <v>24</v>
      </c>
      <c r="Z38340">
        <v>25</v>
      </c>
      <c r="AA38340">
        <v>25</v>
      </c>
      <c r="AB38340">
        <v>26</v>
      </c>
      <c r="AC38340">
        <v>26</v>
      </c>
      <c r="AD38340">
        <v>27</v>
      </c>
      <c r="AE38340">
        <v>27</v>
      </c>
      <c r="AF38340">
        <v>27</v>
      </c>
      <c r="AG38340">
        <v>27</v>
      </c>
      <c r="AH38340">
        <v>27</v>
      </c>
      <c r="AI38340">
        <v>27</v>
      </c>
      <c r="AJ38340">
        <v>28</v>
      </c>
      <c r="AK38340">
        <v>28</v>
      </c>
      <c r="AL38340">
        <v>28</v>
      </c>
      <c r="AM38340">
        <v>28</v>
      </c>
      <c r="AN38340">
        <v>28</v>
      </c>
      <c r="AO38340">
        <v>28</v>
      </c>
      <c r="AP38340">
        <v>28</v>
      </c>
      <c r="AQ38340">
        <v>28</v>
      </c>
    </row>
    <row r="38341" spans="1:43">
      <c r="A38341" t="s">
        <v>23777</v>
      </c>
      <c r="B38341" t="s">
        <v>23778</v>
      </c>
      <c r="C38341" t="s">
        <v>23679</v>
      </c>
      <c r="D38341" t="s">
        <v>23680</v>
      </c>
      <c r="E38341" t="s">
        <v>23649</v>
      </c>
      <c r="F38341" t="s">
        <v>23650</v>
      </c>
      <c r="G38341" t="s">
        <v>22539</v>
      </c>
      <c r="H38341" t="s">
        <v>22540</v>
      </c>
      <c r="I38341" s="2">
        <v>0</v>
      </c>
      <c r="J38341" s="2">
        <v>0</v>
      </c>
      <c r="K38341" s="2">
        <v>1</v>
      </c>
      <c r="L38341" t="s">
        <v>995</v>
      </c>
      <c r="M38341" t="s">
        <v>83</v>
      </c>
      <c r="N38341" t="s">
        <v>91</v>
      </c>
      <c r="O38341" t="s">
        <v>85</v>
      </c>
      <c r="P38341" t="s">
        <v>86</v>
      </c>
      <c r="Q38341">
        <v>20</v>
      </c>
      <c r="R38341">
        <v>21</v>
      </c>
      <c r="S38341">
        <v>21</v>
      </c>
      <c r="T38341">
        <v>21</v>
      </c>
      <c r="U38341">
        <v>22</v>
      </c>
      <c r="V38341">
        <v>22</v>
      </c>
      <c r="W38341">
        <v>22</v>
      </c>
      <c r="X38341">
        <v>23</v>
      </c>
      <c r="Y38341">
        <v>23</v>
      </c>
      <c r="Z38341">
        <v>23</v>
      </c>
      <c r="AA38341">
        <v>24</v>
      </c>
      <c r="AB38341">
        <v>24</v>
      </c>
      <c r="AC38341">
        <v>24</v>
      </c>
      <c r="AD38341">
        <v>25</v>
      </c>
      <c r="AE38341">
        <v>25</v>
      </c>
      <c r="AF38341">
        <v>26</v>
      </c>
      <c r="AG38341">
        <v>26</v>
      </c>
      <c r="AH38341">
        <v>26</v>
      </c>
      <c r="AI38341">
        <v>27</v>
      </c>
      <c r="AJ38341">
        <v>27</v>
      </c>
      <c r="AK38341">
        <v>27</v>
      </c>
      <c r="AL38341">
        <v>28</v>
      </c>
      <c r="AM38341">
        <v>28</v>
      </c>
      <c r="AN38341">
        <v>28</v>
      </c>
      <c r="AO38341">
        <v>28</v>
      </c>
      <c r="AP38341">
        <v>28</v>
      </c>
      <c r="AQ38341">
        <v>28</v>
      </c>
    </row>
    <row r="38342" spans="1:43">
      <c r="A38342" t="s">
        <v>23779</v>
      </c>
      <c r="B38342" t="s">
        <v>23780</v>
      </c>
      <c r="C38342" t="s">
        <v>23767</v>
      </c>
      <c r="D38342" t="s">
        <v>23768</v>
      </c>
      <c r="E38342" t="s">
        <v>23649</v>
      </c>
      <c r="F38342" t="s">
        <v>23650</v>
      </c>
      <c r="G38342" t="s">
        <v>22539</v>
      </c>
      <c r="H38342" t="s">
        <v>22540</v>
      </c>
      <c r="I38342" s="2">
        <v>0</v>
      </c>
      <c r="J38342" s="2">
        <v>0</v>
      </c>
      <c r="K38342" s="2">
        <v>1</v>
      </c>
      <c r="L38342" t="s">
        <v>995</v>
      </c>
      <c r="M38342" t="s">
        <v>83</v>
      </c>
      <c r="N38342" t="s">
        <v>84</v>
      </c>
      <c r="O38342" t="s">
        <v>85</v>
      </c>
      <c r="P38342" t="s">
        <v>86</v>
      </c>
      <c r="Q38342">
        <v>28</v>
      </c>
      <c r="R38342">
        <v>29</v>
      </c>
      <c r="S38342">
        <v>29</v>
      </c>
      <c r="T38342">
        <v>30</v>
      </c>
      <c r="U38342">
        <v>30</v>
      </c>
      <c r="V38342">
        <v>31</v>
      </c>
      <c r="W38342">
        <v>31</v>
      </c>
      <c r="X38342">
        <v>32</v>
      </c>
      <c r="Y38342">
        <v>32</v>
      </c>
      <c r="Z38342">
        <v>33</v>
      </c>
      <c r="AA38342">
        <v>33</v>
      </c>
      <c r="AB38342">
        <v>34</v>
      </c>
      <c r="AC38342">
        <v>34</v>
      </c>
      <c r="AD38342">
        <v>35</v>
      </c>
      <c r="AE38342">
        <v>35</v>
      </c>
      <c r="AF38342">
        <v>36</v>
      </c>
      <c r="AG38342">
        <v>36</v>
      </c>
      <c r="AH38342">
        <v>37</v>
      </c>
      <c r="AI38342">
        <v>37</v>
      </c>
      <c r="AJ38342">
        <v>38</v>
      </c>
      <c r="AK38342">
        <v>38</v>
      </c>
      <c r="AL38342">
        <v>39</v>
      </c>
      <c r="AM38342">
        <v>39</v>
      </c>
      <c r="AN38342">
        <v>39</v>
      </c>
      <c r="AO38342">
        <v>40</v>
      </c>
      <c r="AP38342">
        <v>40</v>
      </c>
      <c r="AQ38342">
        <v>40</v>
      </c>
    </row>
    <row r="38343" spans="1:43">
      <c r="A38343" t="s">
        <v>23779</v>
      </c>
      <c r="B38343" t="s">
        <v>23780</v>
      </c>
      <c r="C38343" t="s">
        <v>23767</v>
      </c>
      <c r="D38343" t="s">
        <v>23768</v>
      </c>
      <c r="E38343" t="s">
        <v>23649</v>
      </c>
      <c r="F38343" t="s">
        <v>23650</v>
      </c>
      <c r="G38343" t="s">
        <v>22539</v>
      </c>
      <c r="H38343" t="s">
        <v>22540</v>
      </c>
      <c r="I38343" s="2">
        <v>0</v>
      </c>
      <c r="J38343" s="2">
        <v>0</v>
      </c>
      <c r="K38343" s="2">
        <v>1</v>
      </c>
      <c r="L38343" t="s">
        <v>995</v>
      </c>
      <c r="M38343" t="s">
        <v>87</v>
      </c>
      <c r="N38343" t="s">
        <v>88</v>
      </c>
      <c r="O38343" t="s">
        <v>85</v>
      </c>
      <c r="P38343" t="s">
        <v>86</v>
      </c>
      <c r="Q38343">
        <v>28</v>
      </c>
      <c r="R38343">
        <v>28</v>
      </c>
      <c r="S38343">
        <v>28</v>
      </c>
      <c r="T38343">
        <v>29</v>
      </c>
      <c r="U38343">
        <v>29</v>
      </c>
      <c r="V38343">
        <v>29</v>
      </c>
      <c r="W38343">
        <v>29</v>
      </c>
      <c r="X38343">
        <v>30</v>
      </c>
      <c r="Y38343">
        <v>30</v>
      </c>
      <c r="Z38343">
        <v>30</v>
      </c>
      <c r="AA38343">
        <v>30</v>
      </c>
      <c r="AB38343">
        <v>31</v>
      </c>
      <c r="AC38343">
        <v>31</v>
      </c>
      <c r="AD38343">
        <v>31</v>
      </c>
      <c r="AE38343">
        <v>31</v>
      </c>
      <c r="AF38343">
        <v>32</v>
      </c>
      <c r="AG38343">
        <v>32</v>
      </c>
      <c r="AH38343">
        <v>32</v>
      </c>
      <c r="AI38343">
        <v>32</v>
      </c>
      <c r="AJ38343">
        <v>33</v>
      </c>
      <c r="AK38343">
        <v>33</v>
      </c>
      <c r="AL38343">
        <v>33</v>
      </c>
      <c r="AM38343">
        <v>34</v>
      </c>
      <c r="AN38343">
        <v>34</v>
      </c>
      <c r="AO38343">
        <v>34</v>
      </c>
      <c r="AP38343">
        <v>35</v>
      </c>
      <c r="AQ38343">
        <v>35</v>
      </c>
    </row>
    <row r="38344" spans="1:43">
      <c r="A38344" t="s">
        <v>23779</v>
      </c>
      <c r="B38344" t="s">
        <v>23780</v>
      </c>
      <c r="C38344" t="s">
        <v>23767</v>
      </c>
      <c r="D38344" t="s">
        <v>23768</v>
      </c>
      <c r="E38344" t="s">
        <v>23649</v>
      </c>
      <c r="F38344" t="s">
        <v>23650</v>
      </c>
      <c r="G38344" t="s">
        <v>22539</v>
      </c>
      <c r="H38344" t="s">
        <v>22540</v>
      </c>
      <c r="I38344" s="2">
        <v>0</v>
      </c>
      <c r="J38344" s="2">
        <v>0</v>
      </c>
      <c r="K38344" s="2">
        <v>1</v>
      </c>
      <c r="L38344" t="s">
        <v>995</v>
      </c>
      <c r="M38344" t="s">
        <v>89</v>
      </c>
      <c r="N38344" t="s">
        <v>90</v>
      </c>
      <c r="O38344" t="s">
        <v>85</v>
      </c>
      <c r="P38344" t="s">
        <v>86</v>
      </c>
      <c r="Q38344">
        <v>28</v>
      </c>
      <c r="R38344">
        <v>29</v>
      </c>
      <c r="S38344">
        <v>30</v>
      </c>
      <c r="T38344">
        <v>31</v>
      </c>
      <c r="U38344">
        <v>31</v>
      </c>
      <c r="V38344">
        <v>32</v>
      </c>
      <c r="W38344">
        <v>33</v>
      </c>
      <c r="X38344">
        <v>33</v>
      </c>
      <c r="Y38344">
        <v>34</v>
      </c>
      <c r="Z38344">
        <v>35</v>
      </c>
      <c r="AA38344">
        <v>35</v>
      </c>
      <c r="AB38344">
        <v>36</v>
      </c>
      <c r="AC38344">
        <v>37</v>
      </c>
      <c r="AD38344">
        <v>37</v>
      </c>
      <c r="AE38344">
        <v>38</v>
      </c>
      <c r="AF38344">
        <v>38</v>
      </c>
      <c r="AG38344">
        <v>38</v>
      </c>
      <c r="AH38344">
        <v>38</v>
      </c>
      <c r="AI38344">
        <v>39</v>
      </c>
      <c r="AJ38344">
        <v>39</v>
      </c>
      <c r="AK38344">
        <v>39</v>
      </c>
      <c r="AL38344">
        <v>39</v>
      </c>
      <c r="AM38344">
        <v>39</v>
      </c>
      <c r="AN38344">
        <v>40</v>
      </c>
      <c r="AO38344">
        <v>40</v>
      </c>
      <c r="AP38344">
        <v>40</v>
      </c>
      <c r="AQ38344">
        <v>40</v>
      </c>
    </row>
    <row r="38345" spans="1:43">
      <c r="A38345" t="s">
        <v>23779</v>
      </c>
      <c r="B38345" t="s">
        <v>23780</v>
      </c>
      <c r="C38345" t="s">
        <v>23767</v>
      </c>
      <c r="D38345" t="s">
        <v>23768</v>
      </c>
      <c r="E38345" t="s">
        <v>23649</v>
      </c>
      <c r="F38345" t="s">
        <v>23650</v>
      </c>
      <c r="G38345" t="s">
        <v>22539</v>
      </c>
      <c r="H38345" t="s">
        <v>22540</v>
      </c>
      <c r="I38345" s="2">
        <v>0</v>
      </c>
      <c r="J38345" s="2">
        <v>0</v>
      </c>
      <c r="K38345" s="2">
        <v>1</v>
      </c>
      <c r="L38345" t="s">
        <v>995</v>
      </c>
      <c r="M38345" t="s">
        <v>83</v>
      </c>
      <c r="N38345" t="s">
        <v>91</v>
      </c>
      <c r="O38345" t="s">
        <v>85</v>
      </c>
      <c r="P38345" t="s">
        <v>86</v>
      </c>
      <c r="Q38345">
        <v>28</v>
      </c>
      <c r="R38345">
        <v>29</v>
      </c>
      <c r="S38345">
        <v>29</v>
      </c>
      <c r="T38345">
        <v>30</v>
      </c>
      <c r="U38345">
        <v>30</v>
      </c>
      <c r="V38345">
        <v>31</v>
      </c>
      <c r="W38345">
        <v>31</v>
      </c>
      <c r="X38345">
        <v>32</v>
      </c>
      <c r="Y38345">
        <v>32</v>
      </c>
      <c r="Z38345">
        <v>33</v>
      </c>
      <c r="AA38345">
        <v>33</v>
      </c>
      <c r="AB38345">
        <v>34</v>
      </c>
      <c r="AC38345">
        <v>34</v>
      </c>
      <c r="AD38345">
        <v>35</v>
      </c>
      <c r="AE38345">
        <v>35</v>
      </c>
      <c r="AF38345">
        <v>36</v>
      </c>
      <c r="AG38345">
        <v>36</v>
      </c>
      <c r="AH38345">
        <v>37</v>
      </c>
      <c r="AI38345">
        <v>37</v>
      </c>
      <c r="AJ38345">
        <v>38</v>
      </c>
      <c r="AK38345">
        <v>38</v>
      </c>
      <c r="AL38345">
        <v>39</v>
      </c>
      <c r="AM38345">
        <v>39</v>
      </c>
      <c r="AN38345">
        <v>39</v>
      </c>
      <c r="AO38345">
        <v>40</v>
      </c>
      <c r="AP38345">
        <v>40</v>
      </c>
      <c r="AQ38345">
        <v>40</v>
      </c>
    </row>
    <row r="38346" spans="1:43">
      <c r="A38346" t="s">
        <v>23781</v>
      </c>
      <c r="B38346" t="s">
        <v>23782</v>
      </c>
      <c r="C38346" t="s">
        <v>23767</v>
      </c>
      <c r="D38346" t="s">
        <v>23768</v>
      </c>
      <c r="E38346" t="s">
        <v>23649</v>
      </c>
      <c r="F38346" t="s">
        <v>23650</v>
      </c>
      <c r="G38346" t="s">
        <v>22539</v>
      </c>
      <c r="H38346" t="s">
        <v>22540</v>
      </c>
      <c r="I38346" s="2">
        <v>0</v>
      </c>
      <c r="J38346" s="2">
        <v>0</v>
      </c>
      <c r="K38346" s="2">
        <v>1</v>
      </c>
      <c r="L38346" t="s">
        <v>995</v>
      </c>
      <c r="M38346" t="s">
        <v>83</v>
      </c>
      <c r="N38346" t="s">
        <v>84</v>
      </c>
      <c r="O38346" t="s">
        <v>85</v>
      </c>
      <c r="P38346" t="s">
        <v>86</v>
      </c>
      <c r="Q38346">
        <v>18</v>
      </c>
      <c r="R38346">
        <v>18</v>
      </c>
      <c r="S38346">
        <v>18</v>
      </c>
      <c r="T38346">
        <v>19</v>
      </c>
      <c r="U38346">
        <v>19</v>
      </c>
      <c r="V38346">
        <v>19</v>
      </c>
      <c r="W38346">
        <v>20</v>
      </c>
      <c r="X38346">
        <v>20</v>
      </c>
      <c r="Y38346">
        <v>20</v>
      </c>
      <c r="Z38346">
        <v>21</v>
      </c>
      <c r="AA38346">
        <v>21</v>
      </c>
      <c r="AB38346">
        <v>21</v>
      </c>
      <c r="AC38346">
        <v>22</v>
      </c>
      <c r="AD38346">
        <v>22</v>
      </c>
      <c r="AE38346">
        <v>22</v>
      </c>
      <c r="AF38346">
        <v>23</v>
      </c>
      <c r="AG38346">
        <v>23</v>
      </c>
      <c r="AH38346">
        <v>23</v>
      </c>
      <c r="AI38346">
        <v>24</v>
      </c>
      <c r="AJ38346">
        <v>24</v>
      </c>
      <c r="AK38346">
        <v>24</v>
      </c>
      <c r="AL38346">
        <v>24</v>
      </c>
      <c r="AM38346">
        <v>25</v>
      </c>
      <c r="AN38346">
        <v>25</v>
      </c>
      <c r="AO38346">
        <v>25</v>
      </c>
      <c r="AP38346">
        <v>25</v>
      </c>
      <c r="AQ38346">
        <v>25</v>
      </c>
    </row>
    <row r="38347" spans="1:43">
      <c r="A38347" t="s">
        <v>23781</v>
      </c>
      <c r="B38347" t="s">
        <v>23782</v>
      </c>
      <c r="C38347" t="s">
        <v>23767</v>
      </c>
      <c r="D38347" t="s">
        <v>23768</v>
      </c>
      <c r="E38347" t="s">
        <v>23649</v>
      </c>
      <c r="F38347" t="s">
        <v>23650</v>
      </c>
      <c r="G38347" t="s">
        <v>22539</v>
      </c>
      <c r="H38347" t="s">
        <v>22540</v>
      </c>
      <c r="I38347" s="2">
        <v>0</v>
      </c>
      <c r="J38347" s="2">
        <v>0</v>
      </c>
      <c r="K38347" s="2">
        <v>1</v>
      </c>
      <c r="L38347" t="s">
        <v>995</v>
      </c>
      <c r="M38347" t="s">
        <v>87</v>
      </c>
      <c r="N38347" t="s">
        <v>88</v>
      </c>
      <c r="O38347" t="s">
        <v>85</v>
      </c>
      <c r="P38347" t="s">
        <v>86</v>
      </c>
      <c r="Q38347">
        <v>18</v>
      </c>
      <c r="R38347">
        <v>19</v>
      </c>
      <c r="S38347">
        <v>19</v>
      </c>
      <c r="T38347">
        <v>19</v>
      </c>
      <c r="U38347">
        <v>19</v>
      </c>
      <c r="V38347">
        <v>19</v>
      </c>
      <c r="W38347">
        <v>19</v>
      </c>
      <c r="X38347">
        <v>20</v>
      </c>
      <c r="Y38347">
        <v>20</v>
      </c>
      <c r="Z38347">
        <v>20</v>
      </c>
      <c r="AA38347">
        <v>20</v>
      </c>
      <c r="AB38347">
        <v>20</v>
      </c>
      <c r="AC38347">
        <v>20</v>
      </c>
      <c r="AD38347">
        <v>21</v>
      </c>
      <c r="AE38347">
        <v>21</v>
      </c>
      <c r="AF38347">
        <v>21</v>
      </c>
      <c r="AG38347">
        <v>21</v>
      </c>
      <c r="AH38347">
        <v>21</v>
      </c>
      <c r="AI38347">
        <v>21</v>
      </c>
      <c r="AJ38347">
        <v>22</v>
      </c>
      <c r="AK38347">
        <v>22</v>
      </c>
      <c r="AL38347">
        <v>22</v>
      </c>
      <c r="AM38347">
        <v>22</v>
      </c>
      <c r="AN38347">
        <v>22</v>
      </c>
      <c r="AO38347">
        <v>23</v>
      </c>
      <c r="AP38347">
        <v>23</v>
      </c>
      <c r="AQ38347">
        <v>23</v>
      </c>
    </row>
    <row r="38348" spans="1:43">
      <c r="A38348" t="s">
        <v>23781</v>
      </c>
      <c r="B38348" t="s">
        <v>23782</v>
      </c>
      <c r="C38348" t="s">
        <v>23767</v>
      </c>
      <c r="D38348" t="s">
        <v>23768</v>
      </c>
      <c r="E38348" t="s">
        <v>23649</v>
      </c>
      <c r="F38348" t="s">
        <v>23650</v>
      </c>
      <c r="G38348" t="s">
        <v>22539</v>
      </c>
      <c r="H38348" t="s">
        <v>22540</v>
      </c>
      <c r="I38348" s="2">
        <v>0</v>
      </c>
      <c r="J38348" s="2">
        <v>0</v>
      </c>
      <c r="K38348" s="2">
        <v>1</v>
      </c>
      <c r="L38348" t="s">
        <v>995</v>
      </c>
      <c r="M38348" t="s">
        <v>89</v>
      </c>
      <c r="N38348" t="s">
        <v>90</v>
      </c>
      <c r="O38348" t="s">
        <v>85</v>
      </c>
      <c r="P38348" t="s">
        <v>86</v>
      </c>
      <c r="Q38348">
        <v>18</v>
      </c>
      <c r="R38348">
        <v>18</v>
      </c>
      <c r="S38348">
        <v>19</v>
      </c>
      <c r="T38348">
        <v>19</v>
      </c>
      <c r="U38348">
        <v>20</v>
      </c>
      <c r="V38348">
        <v>20</v>
      </c>
      <c r="W38348">
        <v>21</v>
      </c>
      <c r="X38348">
        <v>21</v>
      </c>
      <c r="Y38348">
        <v>21</v>
      </c>
      <c r="Z38348">
        <v>22</v>
      </c>
      <c r="AA38348">
        <v>22</v>
      </c>
      <c r="AB38348">
        <v>23</v>
      </c>
      <c r="AC38348">
        <v>23</v>
      </c>
      <c r="AD38348">
        <v>23</v>
      </c>
      <c r="AE38348">
        <v>24</v>
      </c>
      <c r="AF38348">
        <v>24</v>
      </c>
      <c r="AG38348">
        <v>24</v>
      </c>
      <c r="AH38348">
        <v>24</v>
      </c>
      <c r="AI38348">
        <v>24</v>
      </c>
      <c r="AJ38348">
        <v>24</v>
      </c>
      <c r="AK38348">
        <v>25</v>
      </c>
      <c r="AL38348">
        <v>25</v>
      </c>
      <c r="AM38348">
        <v>25</v>
      </c>
      <c r="AN38348">
        <v>25</v>
      </c>
      <c r="AO38348">
        <v>25</v>
      </c>
      <c r="AP38348">
        <v>25</v>
      </c>
      <c r="AQ38348">
        <v>25</v>
      </c>
    </row>
    <row r="38349" spans="1:43">
      <c r="A38349" t="s">
        <v>23781</v>
      </c>
      <c r="B38349" t="s">
        <v>23782</v>
      </c>
      <c r="C38349" t="s">
        <v>23767</v>
      </c>
      <c r="D38349" t="s">
        <v>23768</v>
      </c>
      <c r="E38349" t="s">
        <v>23649</v>
      </c>
      <c r="F38349" t="s">
        <v>23650</v>
      </c>
      <c r="G38349" t="s">
        <v>22539</v>
      </c>
      <c r="H38349" t="s">
        <v>22540</v>
      </c>
      <c r="I38349" s="2">
        <v>0</v>
      </c>
      <c r="J38349" s="2">
        <v>0</v>
      </c>
      <c r="K38349" s="2">
        <v>1</v>
      </c>
      <c r="L38349" t="s">
        <v>995</v>
      </c>
      <c r="M38349" t="s">
        <v>83</v>
      </c>
      <c r="N38349" t="s">
        <v>91</v>
      </c>
      <c r="O38349" t="s">
        <v>85</v>
      </c>
      <c r="P38349" t="s">
        <v>86</v>
      </c>
      <c r="Q38349">
        <v>18</v>
      </c>
      <c r="R38349">
        <v>18</v>
      </c>
      <c r="S38349">
        <v>18</v>
      </c>
      <c r="T38349">
        <v>19</v>
      </c>
      <c r="U38349">
        <v>19</v>
      </c>
      <c r="V38349">
        <v>19</v>
      </c>
      <c r="W38349">
        <v>20</v>
      </c>
      <c r="X38349">
        <v>20</v>
      </c>
      <c r="Y38349">
        <v>20</v>
      </c>
      <c r="Z38349">
        <v>21</v>
      </c>
      <c r="AA38349">
        <v>21</v>
      </c>
      <c r="AB38349">
        <v>21</v>
      </c>
      <c r="AC38349">
        <v>22</v>
      </c>
      <c r="AD38349">
        <v>22</v>
      </c>
      <c r="AE38349">
        <v>22</v>
      </c>
      <c r="AF38349">
        <v>23</v>
      </c>
      <c r="AG38349">
        <v>23</v>
      </c>
      <c r="AH38349">
        <v>23</v>
      </c>
      <c r="AI38349">
        <v>24</v>
      </c>
      <c r="AJ38349">
        <v>24</v>
      </c>
      <c r="AK38349">
        <v>24</v>
      </c>
      <c r="AL38349">
        <v>24</v>
      </c>
      <c r="AM38349">
        <v>25</v>
      </c>
      <c r="AN38349">
        <v>25</v>
      </c>
      <c r="AO38349">
        <v>25</v>
      </c>
      <c r="AP38349">
        <v>25</v>
      </c>
      <c r="AQ38349">
        <v>25</v>
      </c>
    </row>
    <row r="38350" spans="1:43">
      <c r="A38350" t="s">
        <v>23783</v>
      </c>
      <c r="B38350" t="s">
        <v>23784</v>
      </c>
      <c r="C38350" t="s">
        <v>23767</v>
      </c>
      <c r="D38350" t="s">
        <v>23768</v>
      </c>
      <c r="E38350" t="s">
        <v>23649</v>
      </c>
      <c r="F38350" t="s">
        <v>23650</v>
      </c>
      <c r="G38350" t="s">
        <v>22539</v>
      </c>
      <c r="H38350" t="s">
        <v>22540</v>
      </c>
      <c r="I38350" s="2">
        <v>0</v>
      </c>
      <c r="J38350" s="2">
        <v>0</v>
      </c>
      <c r="K38350" s="2">
        <v>1</v>
      </c>
      <c r="L38350" t="s">
        <v>995</v>
      </c>
      <c r="M38350" t="s">
        <v>83</v>
      </c>
      <c r="N38350" t="s">
        <v>84</v>
      </c>
      <c r="O38350" t="s">
        <v>85</v>
      </c>
      <c r="P38350" t="s">
        <v>86</v>
      </c>
      <c r="Q38350">
        <v>157</v>
      </c>
      <c r="R38350">
        <v>160</v>
      </c>
      <c r="S38350">
        <v>163</v>
      </c>
      <c r="T38350">
        <v>165</v>
      </c>
      <c r="U38350">
        <v>168</v>
      </c>
      <c r="V38350">
        <v>171</v>
      </c>
      <c r="W38350">
        <v>174</v>
      </c>
      <c r="X38350">
        <v>177</v>
      </c>
      <c r="Y38350">
        <v>180</v>
      </c>
      <c r="Z38350">
        <v>183</v>
      </c>
      <c r="AA38350">
        <v>186</v>
      </c>
      <c r="AB38350">
        <v>189</v>
      </c>
      <c r="AC38350">
        <v>192</v>
      </c>
      <c r="AD38350">
        <v>195</v>
      </c>
      <c r="AE38350">
        <v>198</v>
      </c>
      <c r="AF38350">
        <v>201</v>
      </c>
      <c r="AG38350">
        <v>203</v>
      </c>
      <c r="AH38350">
        <v>206</v>
      </c>
      <c r="AI38350">
        <v>209</v>
      </c>
      <c r="AJ38350">
        <v>212</v>
      </c>
      <c r="AK38350">
        <v>216</v>
      </c>
      <c r="AL38350">
        <v>217</v>
      </c>
      <c r="AM38350">
        <v>219</v>
      </c>
      <c r="AN38350">
        <v>220</v>
      </c>
      <c r="AO38350">
        <v>221</v>
      </c>
      <c r="AP38350">
        <v>223</v>
      </c>
      <c r="AQ38350">
        <v>224</v>
      </c>
    </row>
    <row r="38351" spans="1:43">
      <c r="A38351" t="s">
        <v>23783</v>
      </c>
      <c r="B38351" t="s">
        <v>23784</v>
      </c>
      <c r="C38351" t="s">
        <v>23767</v>
      </c>
      <c r="D38351" t="s">
        <v>23768</v>
      </c>
      <c r="E38351" t="s">
        <v>23649</v>
      </c>
      <c r="F38351" t="s">
        <v>23650</v>
      </c>
      <c r="G38351" t="s">
        <v>22539</v>
      </c>
      <c r="H38351" t="s">
        <v>22540</v>
      </c>
      <c r="I38351" s="2">
        <v>0</v>
      </c>
      <c r="J38351" s="2">
        <v>0</v>
      </c>
      <c r="K38351" s="2">
        <v>1</v>
      </c>
      <c r="L38351" t="s">
        <v>995</v>
      </c>
      <c r="M38351" t="s">
        <v>87</v>
      </c>
      <c r="N38351" t="s">
        <v>88</v>
      </c>
      <c r="O38351" t="s">
        <v>85</v>
      </c>
      <c r="P38351" t="s">
        <v>86</v>
      </c>
      <c r="Q38351">
        <v>157</v>
      </c>
      <c r="R38351">
        <v>158</v>
      </c>
      <c r="S38351">
        <v>159</v>
      </c>
      <c r="T38351">
        <v>161</v>
      </c>
      <c r="U38351">
        <v>162</v>
      </c>
      <c r="V38351">
        <v>163</v>
      </c>
      <c r="W38351">
        <v>165</v>
      </c>
      <c r="X38351">
        <v>166</v>
      </c>
      <c r="Y38351">
        <v>167</v>
      </c>
      <c r="Z38351">
        <v>169</v>
      </c>
      <c r="AA38351">
        <v>170</v>
      </c>
      <c r="AB38351">
        <v>172</v>
      </c>
      <c r="AC38351">
        <v>173</v>
      </c>
      <c r="AD38351">
        <v>175</v>
      </c>
      <c r="AE38351">
        <v>176</v>
      </c>
      <c r="AF38351">
        <v>178</v>
      </c>
      <c r="AG38351">
        <v>179</v>
      </c>
      <c r="AH38351">
        <v>181</v>
      </c>
      <c r="AI38351">
        <v>183</v>
      </c>
      <c r="AJ38351">
        <v>184</v>
      </c>
      <c r="AK38351">
        <v>186</v>
      </c>
      <c r="AL38351">
        <v>188</v>
      </c>
      <c r="AM38351">
        <v>189</v>
      </c>
      <c r="AN38351">
        <v>191</v>
      </c>
      <c r="AO38351">
        <v>193</v>
      </c>
      <c r="AP38351">
        <v>194</v>
      </c>
      <c r="AQ38351">
        <v>196</v>
      </c>
    </row>
    <row r="38352" spans="1:43">
      <c r="A38352" t="s">
        <v>23783</v>
      </c>
      <c r="B38352" t="s">
        <v>23784</v>
      </c>
      <c r="C38352" t="s">
        <v>23767</v>
      </c>
      <c r="D38352" t="s">
        <v>23768</v>
      </c>
      <c r="E38352" t="s">
        <v>23649</v>
      </c>
      <c r="F38352" t="s">
        <v>23650</v>
      </c>
      <c r="G38352" t="s">
        <v>22539</v>
      </c>
      <c r="H38352" t="s">
        <v>22540</v>
      </c>
      <c r="I38352" s="2">
        <v>0</v>
      </c>
      <c r="J38352" s="2">
        <v>0</v>
      </c>
      <c r="K38352" s="2">
        <v>1</v>
      </c>
      <c r="L38352" t="s">
        <v>995</v>
      </c>
      <c r="M38352" t="s">
        <v>89</v>
      </c>
      <c r="N38352" t="s">
        <v>90</v>
      </c>
      <c r="O38352" t="s">
        <v>85</v>
      </c>
      <c r="P38352" t="s">
        <v>86</v>
      </c>
      <c r="Q38352">
        <v>157</v>
      </c>
      <c r="R38352">
        <v>162</v>
      </c>
      <c r="S38352">
        <v>166</v>
      </c>
      <c r="T38352">
        <v>170</v>
      </c>
      <c r="U38352">
        <v>174</v>
      </c>
      <c r="V38352">
        <v>178</v>
      </c>
      <c r="W38352">
        <v>182</v>
      </c>
      <c r="X38352">
        <v>186</v>
      </c>
      <c r="Y38352">
        <v>190</v>
      </c>
      <c r="Z38352">
        <v>193</v>
      </c>
      <c r="AA38352">
        <v>197</v>
      </c>
      <c r="AB38352">
        <v>200</v>
      </c>
      <c r="AC38352">
        <v>204</v>
      </c>
      <c r="AD38352">
        <v>208</v>
      </c>
      <c r="AE38352">
        <v>210</v>
      </c>
      <c r="AF38352">
        <v>211</v>
      </c>
      <c r="AG38352">
        <v>213</v>
      </c>
      <c r="AH38352">
        <v>214</v>
      </c>
      <c r="AI38352">
        <v>215</v>
      </c>
      <c r="AJ38352">
        <v>216</v>
      </c>
      <c r="AK38352">
        <v>218</v>
      </c>
      <c r="AL38352">
        <v>219</v>
      </c>
      <c r="AM38352">
        <v>220</v>
      </c>
      <c r="AN38352">
        <v>221</v>
      </c>
      <c r="AO38352">
        <v>223</v>
      </c>
      <c r="AP38352">
        <v>224</v>
      </c>
      <c r="AQ38352">
        <v>225</v>
      </c>
    </row>
    <row r="38353" spans="1:43">
      <c r="A38353" t="s">
        <v>23783</v>
      </c>
      <c r="B38353" t="s">
        <v>23784</v>
      </c>
      <c r="C38353" t="s">
        <v>23767</v>
      </c>
      <c r="D38353" t="s">
        <v>23768</v>
      </c>
      <c r="E38353" t="s">
        <v>23649</v>
      </c>
      <c r="F38353" t="s">
        <v>23650</v>
      </c>
      <c r="G38353" t="s">
        <v>22539</v>
      </c>
      <c r="H38353" t="s">
        <v>22540</v>
      </c>
      <c r="I38353" s="2">
        <v>0</v>
      </c>
      <c r="J38353" s="2">
        <v>0</v>
      </c>
      <c r="K38353" s="2">
        <v>1</v>
      </c>
      <c r="L38353" t="s">
        <v>995</v>
      </c>
      <c r="M38353" t="s">
        <v>83</v>
      </c>
      <c r="N38353" t="s">
        <v>91</v>
      </c>
      <c r="O38353" t="s">
        <v>85</v>
      </c>
      <c r="P38353" t="s">
        <v>86</v>
      </c>
      <c r="Q38353">
        <v>157</v>
      </c>
      <c r="R38353">
        <v>160</v>
      </c>
      <c r="S38353">
        <v>163</v>
      </c>
      <c r="T38353">
        <v>165</v>
      </c>
      <c r="U38353">
        <v>168</v>
      </c>
      <c r="V38353">
        <v>171</v>
      </c>
      <c r="W38353">
        <v>174</v>
      </c>
      <c r="X38353">
        <v>177</v>
      </c>
      <c r="Y38353">
        <v>180</v>
      </c>
      <c r="Z38353">
        <v>183</v>
      </c>
      <c r="AA38353">
        <v>186</v>
      </c>
      <c r="AB38353">
        <v>189</v>
      </c>
      <c r="AC38353">
        <v>192</v>
      </c>
      <c r="AD38353">
        <v>195</v>
      </c>
      <c r="AE38353">
        <v>198</v>
      </c>
      <c r="AF38353">
        <v>201</v>
      </c>
      <c r="AG38353">
        <v>203</v>
      </c>
      <c r="AH38353">
        <v>206</v>
      </c>
      <c r="AI38353">
        <v>209</v>
      </c>
      <c r="AJ38353">
        <v>212</v>
      </c>
      <c r="AK38353">
        <v>216</v>
      </c>
      <c r="AL38353">
        <v>217</v>
      </c>
      <c r="AM38353">
        <v>219</v>
      </c>
      <c r="AN38353">
        <v>220</v>
      </c>
      <c r="AO38353">
        <v>221</v>
      </c>
      <c r="AP38353">
        <v>223</v>
      </c>
      <c r="AQ38353">
        <v>224</v>
      </c>
    </row>
    <row r="38354" spans="1:43">
      <c r="A38354" t="s">
        <v>23785</v>
      </c>
      <c r="B38354" t="s">
        <v>23786</v>
      </c>
      <c r="C38354" t="s">
        <v>23787</v>
      </c>
      <c r="D38354" t="s">
        <v>23788</v>
      </c>
      <c r="E38354" t="s">
        <v>23789</v>
      </c>
      <c r="F38354" t="s">
        <v>23790</v>
      </c>
      <c r="G38354" t="s">
        <v>11612</v>
      </c>
      <c r="H38354" t="s">
        <v>11613</v>
      </c>
      <c r="I38354" s="2">
        <v>0</v>
      </c>
      <c r="J38354" s="2">
        <v>0</v>
      </c>
      <c r="K38354" s="2">
        <v>1</v>
      </c>
      <c r="L38354" t="s">
        <v>995</v>
      </c>
      <c r="M38354" t="s">
        <v>83</v>
      </c>
      <c r="N38354" t="s">
        <v>84</v>
      </c>
      <c r="O38354" t="s">
        <v>85</v>
      </c>
      <c r="P38354" t="s">
        <v>86</v>
      </c>
      <c r="Q38354">
        <v>4</v>
      </c>
      <c r="R38354">
        <v>4</v>
      </c>
      <c r="S38354">
        <v>4</v>
      </c>
      <c r="T38354">
        <v>4</v>
      </c>
      <c r="U38354">
        <v>4</v>
      </c>
      <c r="V38354">
        <v>4</v>
      </c>
      <c r="W38354">
        <v>5</v>
      </c>
      <c r="X38354">
        <v>5</v>
      </c>
      <c r="Y38354">
        <v>5</v>
      </c>
      <c r="Z38354">
        <v>5</v>
      </c>
      <c r="AA38354">
        <v>5</v>
      </c>
      <c r="AB38354">
        <v>5</v>
      </c>
      <c r="AC38354">
        <v>5</v>
      </c>
      <c r="AD38354">
        <v>5</v>
      </c>
      <c r="AE38354">
        <v>5</v>
      </c>
      <c r="AF38354">
        <v>5</v>
      </c>
      <c r="AG38354">
        <v>5</v>
      </c>
      <c r="AH38354">
        <v>5</v>
      </c>
      <c r="AI38354">
        <v>5</v>
      </c>
      <c r="AJ38354">
        <v>5</v>
      </c>
      <c r="AK38354">
        <v>5</v>
      </c>
      <c r="AL38354">
        <v>5</v>
      </c>
      <c r="AM38354">
        <v>5</v>
      </c>
      <c r="AN38354">
        <v>6</v>
      </c>
      <c r="AO38354">
        <v>6</v>
      </c>
      <c r="AP38354">
        <v>6</v>
      </c>
      <c r="AQ38354">
        <v>6</v>
      </c>
    </row>
    <row r="38355" spans="1:43">
      <c r="A38355" t="s">
        <v>23785</v>
      </c>
      <c r="B38355" t="s">
        <v>23786</v>
      </c>
      <c r="C38355" t="s">
        <v>23787</v>
      </c>
      <c r="D38355" t="s">
        <v>23788</v>
      </c>
      <c r="E38355" t="s">
        <v>23789</v>
      </c>
      <c r="F38355" t="s">
        <v>23790</v>
      </c>
      <c r="G38355" t="s">
        <v>11612</v>
      </c>
      <c r="H38355" t="s">
        <v>11613</v>
      </c>
      <c r="I38355" s="2">
        <v>0</v>
      </c>
      <c r="J38355" s="2">
        <v>0</v>
      </c>
      <c r="K38355" s="2">
        <v>1</v>
      </c>
      <c r="L38355" t="s">
        <v>995</v>
      </c>
      <c r="M38355" t="s">
        <v>87</v>
      </c>
      <c r="N38355" t="s">
        <v>88</v>
      </c>
      <c r="O38355" t="s">
        <v>85</v>
      </c>
      <c r="P38355" t="s">
        <v>86</v>
      </c>
      <c r="Q38355">
        <v>4</v>
      </c>
      <c r="R38355">
        <v>4</v>
      </c>
      <c r="S38355">
        <v>4</v>
      </c>
      <c r="T38355">
        <v>4</v>
      </c>
      <c r="U38355">
        <v>4</v>
      </c>
      <c r="V38355">
        <v>4</v>
      </c>
      <c r="W38355">
        <v>4</v>
      </c>
      <c r="X38355">
        <v>4</v>
      </c>
      <c r="Y38355">
        <v>4</v>
      </c>
      <c r="Z38355">
        <v>4</v>
      </c>
      <c r="AA38355">
        <v>4</v>
      </c>
      <c r="AB38355">
        <v>4</v>
      </c>
      <c r="AC38355">
        <v>4</v>
      </c>
      <c r="AD38355">
        <v>4</v>
      </c>
      <c r="AE38355">
        <v>4</v>
      </c>
      <c r="AF38355">
        <v>4</v>
      </c>
      <c r="AG38355">
        <v>5</v>
      </c>
      <c r="AH38355">
        <v>5</v>
      </c>
      <c r="AI38355">
        <v>5</v>
      </c>
      <c r="AJ38355">
        <v>5</v>
      </c>
      <c r="AK38355">
        <v>5</v>
      </c>
      <c r="AL38355">
        <v>5</v>
      </c>
      <c r="AM38355">
        <v>5</v>
      </c>
      <c r="AN38355">
        <v>5</v>
      </c>
      <c r="AO38355">
        <v>5</v>
      </c>
      <c r="AP38355">
        <v>5</v>
      </c>
      <c r="AQ38355">
        <v>5</v>
      </c>
    </row>
    <row r="38356" spans="1:43">
      <c r="A38356" t="s">
        <v>23785</v>
      </c>
      <c r="B38356" t="s">
        <v>23786</v>
      </c>
      <c r="C38356" t="s">
        <v>23787</v>
      </c>
      <c r="D38356" t="s">
        <v>23788</v>
      </c>
      <c r="E38356" t="s">
        <v>23789</v>
      </c>
      <c r="F38356" t="s">
        <v>23790</v>
      </c>
      <c r="G38356" t="s">
        <v>11612</v>
      </c>
      <c r="H38356" t="s">
        <v>11613</v>
      </c>
      <c r="I38356" s="2">
        <v>0</v>
      </c>
      <c r="J38356" s="2">
        <v>0</v>
      </c>
      <c r="K38356" s="2">
        <v>1</v>
      </c>
      <c r="L38356" t="s">
        <v>995</v>
      </c>
      <c r="M38356" t="s">
        <v>89</v>
      </c>
      <c r="N38356" t="s">
        <v>90</v>
      </c>
      <c r="O38356" t="s">
        <v>85</v>
      </c>
      <c r="P38356" t="s">
        <v>86</v>
      </c>
      <c r="Q38356">
        <v>4</v>
      </c>
      <c r="R38356">
        <v>4</v>
      </c>
      <c r="S38356">
        <v>4</v>
      </c>
      <c r="T38356">
        <v>4</v>
      </c>
      <c r="U38356">
        <v>5</v>
      </c>
      <c r="V38356">
        <v>5</v>
      </c>
      <c r="W38356">
        <v>5</v>
      </c>
      <c r="X38356">
        <v>5</v>
      </c>
      <c r="Y38356">
        <v>5</v>
      </c>
      <c r="Z38356">
        <v>5</v>
      </c>
      <c r="AA38356">
        <v>5</v>
      </c>
      <c r="AB38356">
        <v>5</v>
      </c>
      <c r="AC38356">
        <v>5</v>
      </c>
      <c r="AD38356">
        <v>5</v>
      </c>
      <c r="AE38356">
        <v>5</v>
      </c>
      <c r="AF38356">
        <v>5</v>
      </c>
      <c r="AG38356">
        <v>5</v>
      </c>
      <c r="AH38356">
        <v>5</v>
      </c>
      <c r="AI38356">
        <v>5</v>
      </c>
      <c r="AJ38356">
        <v>5</v>
      </c>
      <c r="AK38356">
        <v>6</v>
      </c>
      <c r="AL38356">
        <v>6</v>
      </c>
      <c r="AM38356">
        <v>6</v>
      </c>
      <c r="AN38356">
        <v>6</v>
      </c>
      <c r="AO38356">
        <v>6</v>
      </c>
      <c r="AP38356">
        <v>6</v>
      </c>
      <c r="AQ38356">
        <v>6</v>
      </c>
    </row>
    <row r="38357" spans="1:43">
      <c r="A38357" t="s">
        <v>23785</v>
      </c>
      <c r="B38357" t="s">
        <v>23786</v>
      </c>
      <c r="C38357" t="s">
        <v>23787</v>
      </c>
      <c r="D38357" t="s">
        <v>23788</v>
      </c>
      <c r="E38357" t="s">
        <v>23789</v>
      </c>
      <c r="F38357" t="s">
        <v>23790</v>
      </c>
      <c r="G38357" t="s">
        <v>11612</v>
      </c>
      <c r="H38357" t="s">
        <v>11613</v>
      </c>
      <c r="I38357" s="2">
        <v>0</v>
      </c>
      <c r="J38357" s="2">
        <v>0</v>
      </c>
      <c r="K38357" s="2">
        <v>1</v>
      </c>
      <c r="L38357" t="s">
        <v>995</v>
      </c>
      <c r="M38357" t="s">
        <v>83</v>
      </c>
      <c r="N38357" t="s">
        <v>91</v>
      </c>
      <c r="O38357" t="s">
        <v>85</v>
      </c>
      <c r="P38357" t="s">
        <v>86</v>
      </c>
      <c r="Q38357">
        <v>4</v>
      </c>
      <c r="R38357">
        <v>4</v>
      </c>
      <c r="S38357">
        <v>4</v>
      </c>
      <c r="T38357">
        <v>4</v>
      </c>
      <c r="U38357">
        <v>4</v>
      </c>
      <c r="V38357">
        <v>4</v>
      </c>
      <c r="W38357">
        <v>5</v>
      </c>
      <c r="X38357">
        <v>5</v>
      </c>
      <c r="Y38357">
        <v>5</v>
      </c>
      <c r="Z38357">
        <v>5</v>
      </c>
      <c r="AA38357">
        <v>5</v>
      </c>
      <c r="AB38357">
        <v>5</v>
      </c>
      <c r="AC38357">
        <v>5</v>
      </c>
      <c r="AD38357">
        <v>5</v>
      </c>
      <c r="AE38357">
        <v>5</v>
      </c>
      <c r="AF38357">
        <v>5</v>
      </c>
      <c r="AG38357">
        <v>5</v>
      </c>
      <c r="AH38357">
        <v>5</v>
      </c>
      <c r="AI38357">
        <v>5</v>
      </c>
      <c r="AJ38357">
        <v>5</v>
      </c>
      <c r="AK38357">
        <v>5</v>
      </c>
      <c r="AL38357">
        <v>5</v>
      </c>
      <c r="AM38357">
        <v>5</v>
      </c>
      <c r="AN38357">
        <v>6</v>
      </c>
      <c r="AO38357">
        <v>6</v>
      </c>
      <c r="AP38357">
        <v>6</v>
      </c>
      <c r="AQ38357">
        <v>6</v>
      </c>
    </row>
    <row r="38358" spans="1:43">
      <c r="A38358" t="s">
        <v>23791</v>
      </c>
      <c r="B38358" t="s">
        <v>23792</v>
      </c>
      <c r="C38358" t="s">
        <v>23787</v>
      </c>
      <c r="D38358" t="s">
        <v>23788</v>
      </c>
      <c r="E38358" t="s">
        <v>23789</v>
      </c>
      <c r="F38358" t="s">
        <v>23790</v>
      </c>
      <c r="G38358" t="s">
        <v>11612</v>
      </c>
      <c r="H38358" t="s">
        <v>11613</v>
      </c>
      <c r="I38358" s="2">
        <v>0</v>
      </c>
      <c r="J38358" s="2">
        <v>0</v>
      </c>
      <c r="K38358" s="2">
        <v>1</v>
      </c>
      <c r="L38358" t="s">
        <v>995</v>
      </c>
      <c r="M38358" t="s">
        <v>83</v>
      </c>
      <c r="N38358" t="s">
        <v>84</v>
      </c>
      <c r="O38358" t="s">
        <v>85</v>
      </c>
      <c r="P38358" t="s">
        <v>86</v>
      </c>
      <c r="Q38358">
        <v>4</v>
      </c>
      <c r="R38358">
        <v>5</v>
      </c>
      <c r="S38358">
        <v>5</v>
      </c>
      <c r="T38358">
        <v>5</v>
      </c>
      <c r="U38358">
        <v>5</v>
      </c>
      <c r="V38358">
        <v>5</v>
      </c>
      <c r="W38358">
        <v>5</v>
      </c>
      <c r="X38358">
        <v>5</v>
      </c>
      <c r="Y38358">
        <v>5</v>
      </c>
      <c r="Z38358">
        <v>5</v>
      </c>
      <c r="AA38358">
        <v>5</v>
      </c>
      <c r="AB38358">
        <v>5</v>
      </c>
      <c r="AC38358">
        <v>5</v>
      </c>
      <c r="AD38358">
        <v>5</v>
      </c>
      <c r="AE38358">
        <v>5</v>
      </c>
      <c r="AF38358">
        <v>5</v>
      </c>
      <c r="AG38358">
        <v>6</v>
      </c>
      <c r="AH38358">
        <v>6</v>
      </c>
      <c r="AI38358">
        <v>6</v>
      </c>
      <c r="AJ38358">
        <v>6</v>
      </c>
      <c r="AK38358">
        <v>6</v>
      </c>
      <c r="AL38358">
        <v>6</v>
      </c>
      <c r="AM38358">
        <v>6</v>
      </c>
      <c r="AN38358">
        <v>6</v>
      </c>
      <c r="AO38358">
        <v>6</v>
      </c>
      <c r="AP38358">
        <v>6</v>
      </c>
      <c r="AQ38358">
        <v>6</v>
      </c>
    </row>
    <row r="38359" spans="1:43">
      <c r="A38359" t="s">
        <v>23791</v>
      </c>
      <c r="B38359" t="s">
        <v>23792</v>
      </c>
      <c r="C38359" t="s">
        <v>23787</v>
      </c>
      <c r="D38359" t="s">
        <v>23788</v>
      </c>
      <c r="E38359" t="s">
        <v>23789</v>
      </c>
      <c r="F38359" t="s">
        <v>23790</v>
      </c>
      <c r="G38359" t="s">
        <v>11612</v>
      </c>
      <c r="H38359" t="s">
        <v>11613</v>
      </c>
      <c r="I38359" s="2">
        <v>0</v>
      </c>
      <c r="J38359" s="2">
        <v>0</v>
      </c>
      <c r="K38359" s="2">
        <v>1</v>
      </c>
      <c r="L38359" t="s">
        <v>995</v>
      </c>
      <c r="M38359" t="s">
        <v>87</v>
      </c>
      <c r="N38359" t="s">
        <v>88</v>
      </c>
      <c r="O38359" t="s">
        <v>85</v>
      </c>
      <c r="P38359" t="s">
        <v>86</v>
      </c>
      <c r="Q38359">
        <v>4</v>
      </c>
      <c r="R38359">
        <v>4</v>
      </c>
      <c r="S38359">
        <v>4</v>
      </c>
      <c r="T38359">
        <v>5</v>
      </c>
      <c r="U38359">
        <v>5</v>
      </c>
      <c r="V38359">
        <v>5</v>
      </c>
      <c r="W38359">
        <v>5</v>
      </c>
      <c r="X38359">
        <v>5</v>
      </c>
      <c r="Y38359">
        <v>5</v>
      </c>
      <c r="Z38359">
        <v>5</v>
      </c>
      <c r="AA38359">
        <v>5</v>
      </c>
      <c r="AB38359">
        <v>5</v>
      </c>
      <c r="AC38359">
        <v>5</v>
      </c>
      <c r="AD38359">
        <v>5</v>
      </c>
      <c r="AE38359">
        <v>5</v>
      </c>
      <c r="AF38359">
        <v>5</v>
      </c>
      <c r="AG38359">
        <v>5</v>
      </c>
      <c r="AH38359">
        <v>5</v>
      </c>
      <c r="AI38359">
        <v>5</v>
      </c>
      <c r="AJ38359">
        <v>5</v>
      </c>
      <c r="AK38359">
        <v>5</v>
      </c>
      <c r="AL38359">
        <v>5</v>
      </c>
      <c r="AM38359">
        <v>5</v>
      </c>
      <c r="AN38359">
        <v>5</v>
      </c>
      <c r="AO38359">
        <v>5</v>
      </c>
      <c r="AP38359">
        <v>5</v>
      </c>
      <c r="AQ38359">
        <v>5</v>
      </c>
    </row>
    <row r="38360" spans="1:43">
      <c r="A38360" t="s">
        <v>23791</v>
      </c>
      <c r="B38360" t="s">
        <v>23792</v>
      </c>
      <c r="C38360" t="s">
        <v>23787</v>
      </c>
      <c r="D38360" t="s">
        <v>23788</v>
      </c>
      <c r="E38360" t="s">
        <v>23789</v>
      </c>
      <c r="F38360" t="s">
        <v>23790</v>
      </c>
      <c r="G38360" t="s">
        <v>11612</v>
      </c>
      <c r="H38360" t="s">
        <v>11613</v>
      </c>
      <c r="I38360" s="2">
        <v>0</v>
      </c>
      <c r="J38360" s="2">
        <v>0</v>
      </c>
      <c r="K38360" s="2">
        <v>1</v>
      </c>
      <c r="L38360" t="s">
        <v>995</v>
      </c>
      <c r="M38360" t="s">
        <v>89</v>
      </c>
      <c r="N38360" t="s">
        <v>90</v>
      </c>
      <c r="O38360" t="s">
        <v>85</v>
      </c>
      <c r="P38360" t="s">
        <v>86</v>
      </c>
      <c r="Q38360">
        <v>4</v>
      </c>
      <c r="R38360">
        <v>4</v>
      </c>
      <c r="S38360">
        <v>4</v>
      </c>
      <c r="T38360">
        <v>4</v>
      </c>
      <c r="U38360">
        <v>4</v>
      </c>
      <c r="V38360">
        <v>4</v>
      </c>
      <c r="W38360">
        <v>4</v>
      </c>
      <c r="X38360">
        <v>4</v>
      </c>
      <c r="Y38360">
        <v>4</v>
      </c>
      <c r="Z38360">
        <v>4</v>
      </c>
      <c r="AA38360">
        <v>4</v>
      </c>
      <c r="AB38360">
        <v>5</v>
      </c>
      <c r="AC38360">
        <v>5</v>
      </c>
      <c r="AD38360">
        <v>5</v>
      </c>
      <c r="AE38360">
        <v>5</v>
      </c>
      <c r="AF38360">
        <v>5</v>
      </c>
      <c r="AG38360">
        <v>5</v>
      </c>
      <c r="AH38360">
        <v>5</v>
      </c>
      <c r="AI38360">
        <v>5</v>
      </c>
      <c r="AJ38360">
        <v>5</v>
      </c>
      <c r="AK38360">
        <v>5</v>
      </c>
      <c r="AL38360">
        <v>5</v>
      </c>
      <c r="AM38360">
        <v>5</v>
      </c>
      <c r="AN38360">
        <v>5</v>
      </c>
      <c r="AO38360">
        <v>5</v>
      </c>
      <c r="AP38360">
        <v>5</v>
      </c>
      <c r="AQ38360">
        <v>5</v>
      </c>
    </row>
    <row r="38361" spans="1:43">
      <c r="A38361" t="s">
        <v>23791</v>
      </c>
      <c r="B38361" t="s">
        <v>23792</v>
      </c>
      <c r="C38361" t="s">
        <v>23787</v>
      </c>
      <c r="D38361" t="s">
        <v>23788</v>
      </c>
      <c r="E38361" t="s">
        <v>23789</v>
      </c>
      <c r="F38361" t="s">
        <v>23790</v>
      </c>
      <c r="G38361" t="s">
        <v>11612</v>
      </c>
      <c r="H38361" t="s">
        <v>11613</v>
      </c>
      <c r="I38361" s="2">
        <v>0</v>
      </c>
      <c r="J38361" s="2">
        <v>0</v>
      </c>
      <c r="K38361" s="2">
        <v>1</v>
      </c>
      <c r="L38361" t="s">
        <v>995</v>
      </c>
      <c r="M38361" t="s">
        <v>83</v>
      </c>
      <c r="N38361" t="s">
        <v>91</v>
      </c>
      <c r="O38361" t="s">
        <v>85</v>
      </c>
      <c r="P38361" t="s">
        <v>86</v>
      </c>
      <c r="Q38361">
        <v>4</v>
      </c>
      <c r="R38361">
        <v>5</v>
      </c>
      <c r="S38361">
        <v>5</v>
      </c>
      <c r="T38361">
        <v>5</v>
      </c>
      <c r="U38361">
        <v>5</v>
      </c>
      <c r="V38361">
        <v>5</v>
      </c>
      <c r="W38361">
        <v>5</v>
      </c>
      <c r="X38361">
        <v>5</v>
      </c>
      <c r="Y38361">
        <v>5</v>
      </c>
      <c r="Z38361">
        <v>5</v>
      </c>
      <c r="AA38361">
        <v>5</v>
      </c>
      <c r="AB38361">
        <v>5</v>
      </c>
      <c r="AC38361">
        <v>5</v>
      </c>
      <c r="AD38361">
        <v>5</v>
      </c>
      <c r="AE38361">
        <v>5</v>
      </c>
      <c r="AF38361">
        <v>5</v>
      </c>
      <c r="AG38361">
        <v>6</v>
      </c>
      <c r="AH38361">
        <v>6</v>
      </c>
      <c r="AI38361">
        <v>6</v>
      </c>
      <c r="AJ38361">
        <v>6</v>
      </c>
      <c r="AK38361">
        <v>6</v>
      </c>
      <c r="AL38361">
        <v>6</v>
      </c>
      <c r="AM38361">
        <v>6</v>
      </c>
      <c r="AN38361">
        <v>6</v>
      </c>
      <c r="AO38361">
        <v>6</v>
      </c>
      <c r="AP38361">
        <v>6</v>
      </c>
      <c r="AQ38361">
        <v>6</v>
      </c>
    </row>
    <row r="38362" spans="1:43">
      <c r="A38362" t="s">
        <v>23793</v>
      </c>
      <c r="B38362" t="s">
        <v>23794</v>
      </c>
      <c r="C38362" t="s">
        <v>23787</v>
      </c>
      <c r="D38362" t="s">
        <v>23788</v>
      </c>
      <c r="E38362" t="s">
        <v>23789</v>
      </c>
      <c r="F38362" t="s">
        <v>23790</v>
      </c>
      <c r="G38362" t="s">
        <v>11612</v>
      </c>
      <c r="H38362" t="s">
        <v>11613</v>
      </c>
      <c r="I38362" s="2">
        <v>0</v>
      </c>
      <c r="J38362" s="2">
        <v>0</v>
      </c>
      <c r="K38362" s="2">
        <v>1</v>
      </c>
      <c r="L38362" t="s">
        <v>995</v>
      </c>
      <c r="M38362" t="s">
        <v>83</v>
      </c>
      <c r="N38362" t="s">
        <v>84</v>
      </c>
      <c r="O38362" t="s">
        <v>85</v>
      </c>
      <c r="P38362" t="s">
        <v>86</v>
      </c>
      <c r="Q38362">
        <v>11</v>
      </c>
      <c r="R38362">
        <v>11</v>
      </c>
      <c r="S38362">
        <v>11</v>
      </c>
      <c r="T38362">
        <v>11</v>
      </c>
      <c r="U38362">
        <v>12</v>
      </c>
      <c r="V38362">
        <v>12</v>
      </c>
      <c r="W38362">
        <v>12</v>
      </c>
      <c r="X38362">
        <v>12</v>
      </c>
      <c r="Y38362">
        <v>12</v>
      </c>
      <c r="Z38362">
        <v>12</v>
      </c>
      <c r="AA38362">
        <v>12</v>
      </c>
      <c r="AB38362">
        <v>13</v>
      </c>
      <c r="AC38362">
        <v>13</v>
      </c>
      <c r="AD38362">
        <v>13</v>
      </c>
      <c r="AE38362">
        <v>13</v>
      </c>
      <c r="AF38362">
        <v>13</v>
      </c>
      <c r="AG38362">
        <v>13</v>
      </c>
      <c r="AH38362">
        <v>14</v>
      </c>
      <c r="AI38362">
        <v>14</v>
      </c>
      <c r="AJ38362">
        <v>14</v>
      </c>
      <c r="AK38362">
        <v>14</v>
      </c>
      <c r="AL38362">
        <v>14</v>
      </c>
      <c r="AM38362">
        <v>14</v>
      </c>
      <c r="AN38362">
        <v>14</v>
      </c>
      <c r="AO38362">
        <v>14</v>
      </c>
      <c r="AP38362">
        <v>14</v>
      </c>
      <c r="AQ38362">
        <v>15</v>
      </c>
    </row>
    <row r="38363" spans="1:43">
      <c r="A38363" t="s">
        <v>23793</v>
      </c>
      <c r="B38363" t="s">
        <v>23794</v>
      </c>
      <c r="C38363" t="s">
        <v>23787</v>
      </c>
      <c r="D38363" t="s">
        <v>23788</v>
      </c>
      <c r="E38363" t="s">
        <v>23789</v>
      </c>
      <c r="F38363" t="s">
        <v>23790</v>
      </c>
      <c r="G38363" t="s">
        <v>11612</v>
      </c>
      <c r="H38363" t="s">
        <v>11613</v>
      </c>
      <c r="I38363" s="2">
        <v>0</v>
      </c>
      <c r="J38363" s="2">
        <v>0</v>
      </c>
      <c r="K38363" s="2">
        <v>1</v>
      </c>
      <c r="L38363" t="s">
        <v>995</v>
      </c>
      <c r="M38363" t="s">
        <v>87</v>
      </c>
      <c r="N38363" t="s">
        <v>88</v>
      </c>
      <c r="O38363" t="s">
        <v>85</v>
      </c>
      <c r="P38363" t="s">
        <v>86</v>
      </c>
      <c r="Q38363">
        <v>11</v>
      </c>
      <c r="R38363">
        <v>11</v>
      </c>
      <c r="S38363">
        <v>11</v>
      </c>
      <c r="T38363">
        <v>11</v>
      </c>
      <c r="U38363">
        <v>11</v>
      </c>
      <c r="V38363">
        <v>11</v>
      </c>
      <c r="W38363">
        <v>11</v>
      </c>
      <c r="X38363">
        <v>11</v>
      </c>
      <c r="Y38363">
        <v>11</v>
      </c>
      <c r="Z38363">
        <v>11</v>
      </c>
      <c r="AA38363">
        <v>11</v>
      </c>
      <c r="AB38363">
        <v>11</v>
      </c>
      <c r="AC38363">
        <v>12</v>
      </c>
      <c r="AD38363">
        <v>12</v>
      </c>
      <c r="AE38363">
        <v>12</v>
      </c>
      <c r="AF38363">
        <v>12</v>
      </c>
      <c r="AG38363">
        <v>12</v>
      </c>
      <c r="AH38363">
        <v>12</v>
      </c>
      <c r="AI38363">
        <v>12</v>
      </c>
      <c r="AJ38363">
        <v>12</v>
      </c>
      <c r="AK38363">
        <v>12</v>
      </c>
      <c r="AL38363">
        <v>12</v>
      </c>
      <c r="AM38363">
        <v>12</v>
      </c>
      <c r="AN38363">
        <v>12</v>
      </c>
      <c r="AO38363">
        <v>12</v>
      </c>
      <c r="AP38363">
        <v>13</v>
      </c>
      <c r="AQ38363">
        <v>13</v>
      </c>
    </row>
    <row r="38364" spans="1:43">
      <c r="A38364" t="s">
        <v>23793</v>
      </c>
      <c r="B38364" t="s">
        <v>23794</v>
      </c>
      <c r="C38364" t="s">
        <v>23787</v>
      </c>
      <c r="D38364" t="s">
        <v>23788</v>
      </c>
      <c r="E38364" t="s">
        <v>23789</v>
      </c>
      <c r="F38364" t="s">
        <v>23790</v>
      </c>
      <c r="G38364" t="s">
        <v>11612</v>
      </c>
      <c r="H38364" t="s">
        <v>11613</v>
      </c>
      <c r="I38364" s="2">
        <v>0</v>
      </c>
      <c r="J38364" s="2">
        <v>0</v>
      </c>
      <c r="K38364" s="2">
        <v>1</v>
      </c>
      <c r="L38364" t="s">
        <v>995</v>
      </c>
      <c r="M38364" t="s">
        <v>89</v>
      </c>
      <c r="N38364" t="s">
        <v>90</v>
      </c>
      <c r="O38364" t="s">
        <v>85</v>
      </c>
      <c r="P38364" t="s">
        <v>86</v>
      </c>
      <c r="Q38364">
        <v>11</v>
      </c>
      <c r="R38364">
        <v>11</v>
      </c>
      <c r="S38364">
        <v>11</v>
      </c>
      <c r="T38364">
        <v>12</v>
      </c>
      <c r="U38364">
        <v>12</v>
      </c>
      <c r="V38364">
        <v>12</v>
      </c>
      <c r="W38364">
        <v>12</v>
      </c>
      <c r="X38364">
        <v>13</v>
      </c>
      <c r="Y38364">
        <v>13</v>
      </c>
      <c r="Z38364">
        <v>13</v>
      </c>
      <c r="AA38364">
        <v>13</v>
      </c>
      <c r="AB38364">
        <v>14</v>
      </c>
      <c r="AC38364">
        <v>14</v>
      </c>
      <c r="AD38364">
        <v>14</v>
      </c>
      <c r="AE38364">
        <v>14</v>
      </c>
      <c r="AF38364">
        <v>14</v>
      </c>
      <c r="AG38364">
        <v>14</v>
      </c>
      <c r="AH38364">
        <v>14</v>
      </c>
      <c r="AI38364">
        <v>14</v>
      </c>
      <c r="AJ38364">
        <v>14</v>
      </c>
      <c r="AK38364">
        <v>14</v>
      </c>
      <c r="AL38364">
        <v>14</v>
      </c>
      <c r="AM38364">
        <v>14</v>
      </c>
      <c r="AN38364">
        <v>15</v>
      </c>
      <c r="AO38364">
        <v>15</v>
      </c>
      <c r="AP38364">
        <v>15</v>
      </c>
      <c r="AQ38364">
        <v>15</v>
      </c>
    </row>
    <row r="38365" spans="1:43">
      <c r="A38365" t="s">
        <v>23793</v>
      </c>
      <c r="B38365" t="s">
        <v>23794</v>
      </c>
      <c r="C38365" t="s">
        <v>23787</v>
      </c>
      <c r="D38365" t="s">
        <v>23788</v>
      </c>
      <c r="E38365" t="s">
        <v>23789</v>
      </c>
      <c r="F38365" t="s">
        <v>23790</v>
      </c>
      <c r="G38365" t="s">
        <v>11612</v>
      </c>
      <c r="H38365" t="s">
        <v>11613</v>
      </c>
      <c r="I38365" s="2">
        <v>0</v>
      </c>
      <c r="J38365" s="2">
        <v>0</v>
      </c>
      <c r="K38365" s="2">
        <v>1</v>
      </c>
      <c r="L38365" t="s">
        <v>995</v>
      </c>
      <c r="M38365" t="s">
        <v>83</v>
      </c>
      <c r="N38365" t="s">
        <v>91</v>
      </c>
      <c r="O38365" t="s">
        <v>85</v>
      </c>
      <c r="P38365" t="s">
        <v>86</v>
      </c>
      <c r="Q38365">
        <v>11</v>
      </c>
      <c r="R38365">
        <v>11</v>
      </c>
      <c r="S38365">
        <v>11</v>
      </c>
      <c r="T38365">
        <v>11</v>
      </c>
      <c r="U38365">
        <v>12</v>
      </c>
      <c r="V38365">
        <v>12</v>
      </c>
      <c r="W38365">
        <v>12</v>
      </c>
      <c r="X38365">
        <v>12</v>
      </c>
      <c r="Y38365">
        <v>12</v>
      </c>
      <c r="Z38365">
        <v>12</v>
      </c>
      <c r="AA38365">
        <v>12</v>
      </c>
      <c r="AB38365">
        <v>13</v>
      </c>
      <c r="AC38365">
        <v>13</v>
      </c>
      <c r="AD38365">
        <v>13</v>
      </c>
      <c r="AE38365">
        <v>13</v>
      </c>
      <c r="AF38365">
        <v>13</v>
      </c>
      <c r="AG38365">
        <v>13</v>
      </c>
      <c r="AH38365">
        <v>14</v>
      </c>
      <c r="AI38365">
        <v>14</v>
      </c>
      <c r="AJ38365">
        <v>14</v>
      </c>
      <c r="AK38365">
        <v>14</v>
      </c>
      <c r="AL38365">
        <v>14</v>
      </c>
      <c r="AM38365">
        <v>14</v>
      </c>
      <c r="AN38365">
        <v>14</v>
      </c>
      <c r="AO38365">
        <v>14</v>
      </c>
      <c r="AP38365">
        <v>14</v>
      </c>
      <c r="AQ38365">
        <v>15</v>
      </c>
    </row>
    <row r="38366" spans="1:43">
      <c r="A38366" t="s">
        <v>23795</v>
      </c>
      <c r="B38366" t="s">
        <v>23796</v>
      </c>
      <c r="C38366" t="s">
        <v>23797</v>
      </c>
      <c r="D38366" t="s">
        <v>23798</v>
      </c>
      <c r="E38366" t="s">
        <v>23789</v>
      </c>
      <c r="F38366" t="s">
        <v>23790</v>
      </c>
      <c r="G38366" t="s">
        <v>11612</v>
      </c>
      <c r="H38366" t="s">
        <v>11613</v>
      </c>
      <c r="I38366" s="2">
        <v>0</v>
      </c>
      <c r="J38366" s="2">
        <v>0</v>
      </c>
      <c r="K38366" s="2">
        <v>1</v>
      </c>
      <c r="L38366" t="s">
        <v>995</v>
      </c>
      <c r="M38366" t="s">
        <v>83</v>
      </c>
      <c r="N38366" t="s">
        <v>84</v>
      </c>
      <c r="O38366" t="s">
        <v>85</v>
      </c>
      <c r="P38366" t="s">
        <v>86</v>
      </c>
      <c r="Q38366">
        <v>46</v>
      </c>
      <c r="R38366">
        <v>47</v>
      </c>
      <c r="S38366">
        <v>48</v>
      </c>
      <c r="T38366">
        <v>48</v>
      </c>
      <c r="U38366">
        <v>49</v>
      </c>
      <c r="V38366">
        <v>50</v>
      </c>
      <c r="W38366">
        <v>50</v>
      </c>
      <c r="X38366">
        <v>51</v>
      </c>
      <c r="Y38366">
        <v>52</v>
      </c>
      <c r="Z38366">
        <v>52</v>
      </c>
      <c r="AA38366">
        <v>53</v>
      </c>
      <c r="AB38366">
        <v>54</v>
      </c>
      <c r="AC38366">
        <v>54</v>
      </c>
      <c r="AD38366">
        <v>55</v>
      </c>
      <c r="AE38366">
        <v>56</v>
      </c>
      <c r="AF38366">
        <v>57</v>
      </c>
      <c r="AG38366">
        <v>57</v>
      </c>
      <c r="AH38366">
        <v>58</v>
      </c>
      <c r="AI38366">
        <v>59</v>
      </c>
      <c r="AJ38366">
        <v>59</v>
      </c>
      <c r="AK38366">
        <v>60</v>
      </c>
      <c r="AL38366">
        <v>61</v>
      </c>
      <c r="AM38366">
        <v>61</v>
      </c>
      <c r="AN38366">
        <v>61</v>
      </c>
      <c r="AO38366">
        <v>61</v>
      </c>
      <c r="AP38366">
        <v>62</v>
      </c>
      <c r="AQ38366">
        <v>62</v>
      </c>
    </row>
    <row r="38367" spans="1:43">
      <c r="A38367" t="s">
        <v>23795</v>
      </c>
      <c r="B38367" t="s">
        <v>23796</v>
      </c>
      <c r="C38367" t="s">
        <v>23797</v>
      </c>
      <c r="D38367" t="s">
        <v>23798</v>
      </c>
      <c r="E38367" t="s">
        <v>23789</v>
      </c>
      <c r="F38367" t="s">
        <v>23790</v>
      </c>
      <c r="G38367" t="s">
        <v>11612</v>
      </c>
      <c r="H38367" t="s">
        <v>11613</v>
      </c>
      <c r="I38367" s="2">
        <v>0</v>
      </c>
      <c r="J38367" s="2">
        <v>0</v>
      </c>
      <c r="K38367" s="2">
        <v>1</v>
      </c>
      <c r="L38367" t="s">
        <v>995</v>
      </c>
      <c r="M38367" t="s">
        <v>87</v>
      </c>
      <c r="N38367" t="s">
        <v>88</v>
      </c>
      <c r="O38367" t="s">
        <v>85</v>
      </c>
      <c r="P38367" t="s">
        <v>86</v>
      </c>
      <c r="Q38367">
        <v>46</v>
      </c>
      <c r="R38367">
        <v>46</v>
      </c>
      <c r="S38367">
        <v>46</v>
      </c>
      <c r="T38367">
        <v>47</v>
      </c>
      <c r="U38367">
        <v>47</v>
      </c>
      <c r="V38367">
        <v>47</v>
      </c>
      <c r="W38367">
        <v>47</v>
      </c>
      <c r="X38367">
        <v>48</v>
      </c>
      <c r="Y38367">
        <v>48</v>
      </c>
      <c r="Z38367">
        <v>48</v>
      </c>
      <c r="AA38367">
        <v>48</v>
      </c>
      <c r="AB38367">
        <v>49</v>
      </c>
      <c r="AC38367">
        <v>49</v>
      </c>
      <c r="AD38367">
        <v>49</v>
      </c>
      <c r="AE38367">
        <v>49</v>
      </c>
      <c r="AF38367">
        <v>50</v>
      </c>
      <c r="AG38367">
        <v>50</v>
      </c>
      <c r="AH38367">
        <v>50</v>
      </c>
      <c r="AI38367">
        <v>51</v>
      </c>
      <c r="AJ38367">
        <v>51</v>
      </c>
      <c r="AK38367">
        <v>51</v>
      </c>
      <c r="AL38367">
        <v>52</v>
      </c>
      <c r="AM38367">
        <v>52</v>
      </c>
      <c r="AN38367">
        <v>52</v>
      </c>
      <c r="AO38367">
        <v>53</v>
      </c>
      <c r="AP38367">
        <v>53</v>
      </c>
      <c r="AQ38367">
        <v>53</v>
      </c>
    </row>
    <row r="38368" spans="1:43">
      <c r="A38368" t="s">
        <v>23795</v>
      </c>
      <c r="B38368" t="s">
        <v>23796</v>
      </c>
      <c r="C38368" t="s">
        <v>23797</v>
      </c>
      <c r="D38368" t="s">
        <v>23798</v>
      </c>
      <c r="E38368" t="s">
        <v>23789</v>
      </c>
      <c r="F38368" t="s">
        <v>23790</v>
      </c>
      <c r="G38368" t="s">
        <v>11612</v>
      </c>
      <c r="H38368" t="s">
        <v>11613</v>
      </c>
      <c r="I38368" s="2">
        <v>0</v>
      </c>
      <c r="J38368" s="2">
        <v>0</v>
      </c>
      <c r="K38368" s="2">
        <v>1</v>
      </c>
      <c r="L38368" t="s">
        <v>995</v>
      </c>
      <c r="M38368" t="s">
        <v>89</v>
      </c>
      <c r="N38368" t="s">
        <v>90</v>
      </c>
      <c r="O38368" t="s">
        <v>85</v>
      </c>
      <c r="P38368" t="s">
        <v>86</v>
      </c>
      <c r="Q38368">
        <v>46</v>
      </c>
      <c r="R38368">
        <v>47</v>
      </c>
      <c r="S38368">
        <v>48</v>
      </c>
      <c r="T38368">
        <v>49</v>
      </c>
      <c r="U38368">
        <v>50</v>
      </c>
      <c r="V38368">
        <v>51</v>
      </c>
      <c r="W38368">
        <v>52</v>
      </c>
      <c r="X38368">
        <v>53</v>
      </c>
      <c r="Y38368">
        <v>54</v>
      </c>
      <c r="Z38368">
        <v>55</v>
      </c>
      <c r="AA38368">
        <v>55</v>
      </c>
      <c r="AB38368">
        <v>56</v>
      </c>
      <c r="AC38368">
        <v>57</v>
      </c>
      <c r="AD38368">
        <v>58</v>
      </c>
      <c r="AE38368">
        <v>59</v>
      </c>
      <c r="AF38368">
        <v>59</v>
      </c>
      <c r="AG38368">
        <v>59</v>
      </c>
      <c r="AH38368">
        <v>59</v>
      </c>
      <c r="AI38368">
        <v>60</v>
      </c>
      <c r="AJ38368">
        <v>60</v>
      </c>
      <c r="AK38368">
        <v>60</v>
      </c>
      <c r="AL38368">
        <v>60</v>
      </c>
      <c r="AM38368">
        <v>61</v>
      </c>
      <c r="AN38368">
        <v>61</v>
      </c>
      <c r="AO38368">
        <v>61</v>
      </c>
      <c r="AP38368">
        <v>61</v>
      </c>
      <c r="AQ38368">
        <v>61</v>
      </c>
    </row>
    <row r="38369" spans="1:43">
      <c r="A38369" t="s">
        <v>23795</v>
      </c>
      <c r="B38369" t="s">
        <v>23796</v>
      </c>
      <c r="C38369" t="s">
        <v>23797</v>
      </c>
      <c r="D38369" t="s">
        <v>23798</v>
      </c>
      <c r="E38369" t="s">
        <v>23789</v>
      </c>
      <c r="F38369" t="s">
        <v>23790</v>
      </c>
      <c r="G38369" t="s">
        <v>11612</v>
      </c>
      <c r="H38369" t="s">
        <v>11613</v>
      </c>
      <c r="I38369" s="2">
        <v>0</v>
      </c>
      <c r="J38369" s="2">
        <v>0</v>
      </c>
      <c r="K38369" s="2">
        <v>1</v>
      </c>
      <c r="L38369" t="s">
        <v>995</v>
      </c>
      <c r="M38369" t="s">
        <v>83</v>
      </c>
      <c r="N38369" t="s">
        <v>91</v>
      </c>
      <c r="O38369" t="s">
        <v>85</v>
      </c>
      <c r="P38369" t="s">
        <v>86</v>
      </c>
      <c r="Q38369">
        <v>46</v>
      </c>
      <c r="R38369">
        <v>47</v>
      </c>
      <c r="S38369">
        <v>48</v>
      </c>
      <c r="T38369">
        <v>48</v>
      </c>
      <c r="U38369">
        <v>49</v>
      </c>
      <c r="V38369">
        <v>50</v>
      </c>
      <c r="W38369">
        <v>50</v>
      </c>
      <c r="X38369">
        <v>51</v>
      </c>
      <c r="Y38369">
        <v>52</v>
      </c>
      <c r="Z38369">
        <v>52</v>
      </c>
      <c r="AA38369">
        <v>53</v>
      </c>
      <c r="AB38369">
        <v>54</v>
      </c>
      <c r="AC38369">
        <v>54</v>
      </c>
      <c r="AD38369">
        <v>55</v>
      </c>
      <c r="AE38369">
        <v>56</v>
      </c>
      <c r="AF38369">
        <v>57</v>
      </c>
      <c r="AG38369">
        <v>57</v>
      </c>
      <c r="AH38369">
        <v>58</v>
      </c>
      <c r="AI38369">
        <v>59</v>
      </c>
      <c r="AJ38369">
        <v>59</v>
      </c>
      <c r="AK38369">
        <v>60</v>
      </c>
      <c r="AL38369">
        <v>61</v>
      </c>
      <c r="AM38369">
        <v>61</v>
      </c>
      <c r="AN38369">
        <v>61</v>
      </c>
      <c r="AO38369">
        <v>61</v>
      </c>
      <c r="AP38369">
        <v>62</v>
      </c>
      <c r="AQ38369">
        <v>62</v>
      </c>
    </row>
    <row r="38370" spans="1:43">
      <c r="A38370" t="s">
        <v>23799</v>
      </c>
      <c r="B38370" t="s">
        <v>23800</v>
      </c>
      <c r="C38370" t="s">
        <v>23797</v>
      </c>
      <c r="D38370" t="s">
        <v>23798</v>
      </c>
      <c r="E38370" t="s">
        <v>23789</v>
      </c>
      <c r="F38370" t="s">
        <v>23790</v>
      </c>
      <c r="G38370" t="s">
        <v>11612</v>
      </c>
      <c r="H38370" t="s">
        <v>11613</v>
      </c>
      <c r="I38370" s="2">
        <v>0</v>
      </c>
      <c r="J38370" s="2">
        <v>0</v>
      </c>
      <c r="K38370" s="2">
        <v>1</v>
      </c>
      <c r="L38370" t="s">
        <v>995</v>
      </c>
      <c r="M38370" t="s">
        <v>83</v>
      </c>
      <c r="N38370" t="s">
        <v>84</v>
      </c>
      <c r="O38370" t="s">
        <v>85</v>
      </c>
      <c r="P38370" t="s">
        <v>86</v>
      </c>
      <c r="Q38370">
        <v>71</v>
      </c>
      <c r="R38370">
        <v>73</v>
      </c>
      <c r="S38370">
        <v>74</v>
      </c>
      <c r="T38370">
        <v>75</v>
      </c>
      <c r="U38370">
        <v>76</v>
      </c>
      <c r="V38370">
        <v>77</v>
      </c>
      <c r="W38370">
        <v>78</v>
      </c>
      <c r="X38370">
        <v>79</v>
      </c>
      <c r="Y38370">
        <v>80</v>
      </c>
      <c r="Z38370">
        <v>81</v>
      </c>
      <c r="AA38370">
        <v>82</v>
      </c>
      <c r="AB38370">
        <v>83</v>
      </c>
      <c r="AC38370">
        <v>84</v>
      </c>
      <c r="AD38370">
        <v>85</v>
      </c>
      <c r="AE38370">
        <v>86</v>
      </c>
      <c r="AF38370">
        <v>87</v>
      </c>
      <c r="AG38370">
        <v>88</v>
      </c>
      <c r="AH38370">
        <v>89</v>
      </c>
      <c r="AI38370">
        <v>91</v>
      </c>
      <c r="AJ38370">
        <v>92</v>
      </c>
      <c r="AK38370">
        <v>93</v>
      </c>
      <c r="AL38370">
        <v>93</v>
      </c>
      <c r="AM38370">
        <v>94</v>
      </c>
      <c r="AN38370">
        <v>94</v>
      </c>
      <c r="AO38370">
        <v>94</v>
      </c>
      <c r="AP38370">
        <v>95</v>
      </c>
      <c r="AQ38370">
        <v>95</v>
      </c>
    </row>
    <row r="38371" spans="1:43">
      <c r="A38371" t="s">
        <v>23799</v>
      </c>
      <c r="B38371" t="s">
        <v>23800</v>
      </c>
      <c r="C38371" t="s">
        <v>23797</v>
      </c>
      <c r="D38371" t="s">
        <v>23798</v>
      </c>
      <c r="E38371" t="s">
        <v>23789</v>
      </c>
      <c r="F38371" t="s">
        <v>23790</v>
      </c>
      <c r="G38371" t="s">
        <v>11612</v>
      </c>
      <c r="H38371" t="s">
        <v>11613</v>
      </c>
      <c r="I38371" s="2">
        <v>0</v>
      </c>
      <c r="J38371" s="2">
        <v>0</v>
      </c>
      <c r="K38371" s="2">
        <v>1</v>
      </c>
      <c r="L38371" t="s">
        <v>995</v>
      </c>
      <c r="M38371" t="s">
        <v>87</v>
      </c>
      <c r="N38371" t="s">
        <v>88</v>
      </c>
      <c r="O38371" t="s">
        <v>85</v>
      </c>
      <c r="P38371" t="s">
        <v>86</v>
      </c>
      <c r="Q38371">
        <v>71</v>
      </c>
      <c r="R38371">
        <v>71</v>
      </c>
      <c r="S38371">
        <v>72</v>
      </c>
      <c r="T38371">
        <v>72</v>
      </c>
      <c r="U38371">
        <v>72</v>
      </c>
      <c r="V38371">
        <v>73</v>
      </c>
      <c r="W38371">
        <v>73</v>
      </c>
      <c r="X38371">
        <v>73</v>
      </c>
      <c r="Y38371">
        <v>74</v>
      </c>
      <c r="Z38371">
        <v>74</v>
      </c>
      <c r="AA38371">
        <v>75</v>
      </c>
      <c r="AB38371">
        <v>75</v>
      </c>
      <c r="AC38371">
        <v>75</v>
      </c>
      <c r="AD38371">
        <v>76</v>
      </c>
      <c r="AE38371">
        <v>76</v>
      </c>
      <c r="AF38371">
        <v>77</v>
      </c>
      <c r="AG38371">
        <v>77</v>
      </c>
      <c r="AH38371">
        <v>78</v>
      </c>
      <c r="AI38371">
        <v>78</v>
      </c>
      <c r="AJ38371">
        <v>79</v>
      </c>
      <c r="AK38371">
        <v>79</v>
      </c>
      <c r="AL38371">
        <v>80</v>
      </c>
      <c r="AM38371">
        <v>80</v>
      </c>
      <c r="AN38371">
        <v>81</v>
      </c>
      <c r="AO38371">
        <v>81</v>
      </c>
      <c r="AP38371">
        <v>82</v>
      </c>
      <c r="AQ38371">
        <v>82</v>
      </c>
    </row>
    <row r="38372" spans="1:43">
      <c r="A38372" t="s">
        <v>23799</v>
      </c>
      <c r="B38372" t="s">
        <v>23800</v>
      </c>
      <c r="C38372" t="s">
        <v>23797</v>
      </c>
      <c r="D38372" t="s">
        <v>23798</v>
      </c>
      <c r="E38372" t="s">
        <v>23789</v>
      </c>
      <c r="F38372" t="s">
        <v>23790</v>
      </c>
      <c r="G38372" t="s">
        <v>11612</v>
      </c>
      <c r="H38372" t="s">
        <v>11613</v>
      </c>
      <c r="I38372" s="2">
        <v>0</v>
      </c>
      <c r="J38372" s="2">
        <v>0</v>
      </c>
      <c r="K38372" s="2">
        <v>1</v>
      </c>
      <c r="L38372" t="s">
        <v>995</v>
      </c>
      <c r="M38372" t="s">
        <v>89</v>
      </c>
      <c r="N38372" t="s">
        <v>90</v>
      </c>
      <c r="O38372" t="s">
        <v>85</v>
      </c>
      <c r="P38372" t="s">
        <v>86</v>
      </c>
      <c r="Q38372">
        <v>71</v>
      </c>
      <c r="R38372">
        <v>73</v>
      </c>
      <c r="S38372">
        <v>74</v>
      </c>
      <c r="T38372">
        <v>76</v>
      </c>
      <c r="U38372">
        <v>78</v>
      </c>
      <c r="V38372">
        <v>79</v>
      </c>
      <c r="W38372">
        <v>81</v>
      </c>
      <c r="X38372">
        <v>82</v>
      </c>
      <c r="Y38372">
        <v>84</v>
      </c>
      <c r="Z38372">
        <v>85</v>
      </c>
      <c r="AA38372">
        <v>86</v>
      </c>
      <c r="AB38372">
        <v>88</v>
      </c>
      <c r="AC38372">
        <v>89</v>
      </c>
      <c r="AD38372">
        <v>90</v>
      </c>
      <c r="AE38372">
        <v>91</v>
      </c>
      <c r="AF38372">
        <v>92</v>
      </c>
      <c r="AG38372">
        <v>92</v>
      </c>
      <c r="AH38372">
        <v>92</v>
      </c>
      <c r="AI38372">
        <v>93</v>
      </c>
      <c r="AJ38372">
        <v>93</v>
      </c>
      <c r="AK38372">
        <v>93</v>
      </c>
      <c r="AL38372">
        <v>94</v>
      </c>
      <c r="AM38372">
        <v>94</v>
      </c>
      <c r="AN38372">
        <v>94</v>
      </c>
      <c r="AO38372">
        <v>95</v>
      </c>
      <c r="AP38372">
        <v>95</v>
      </c>
      <c r="AQ38372">
        <v>95</v>
      </c>
    </row>
    <row r="38373" spans="1:43">
      <c r="A38373" t="s">
        <v>23799</v>
      </c>
      <c r="B38373" t="s">
        <v>23800</v>
      </c>
      <c r="C38373" t="s">
        <v>23797</v>
      </c>
      <c r="D38373" t="s">
        <v>23798</v>
      </c>
      <c r="E38373" t="s">
        <v>23789</v>
      </c>
      <c r="F38373" t="s">
        <v>23790</v>
      </c>
      <c r="G38373" t="s">
        <v>11612</v>
      </c>
      <c r="H38373" t="s">
        <v>11613</v>
      </c>
      <c r="I38373" s="2">
        <v>0</v>
      </c>
      <c r="J38373" s="2">
        <v>0</v>
      </c>
      <c r="K38373" s="2">
        <v>1</v>
      </c>
      <c r="L38373" t="s">
        <v>995</v>
      </c>
      <c r="M38373" t="s">
        <v>83</v>
      </c>
      <c r="N38373" t="s">
        <v>91</v>
      </c>
      <c r="O38373" t="s">
        <v>85</v>
      </c>
      <c r="P38373" t="s">
        <v>86</v>
      </c>
      <c r="Q38373">
        <v>71</v>
      </c>
      <c r="R38373">
        <v>73</v>
      </c>
      <c r="S38373">
        <v>74</v>
      </c>
      <c r="T38373">
        <v>75</v>
      </c>
      <c r="U38373">
        <v>76</v>
      </c>
      <c r="V38373">
        <v>77</v>
      </c>
      <c r="W38373">
        <v>78</v>
      </c>
      <c r="X38373">
        <v>79</v>
      </c>
      <c r="Y38373">
        <v>80</v>
      </c>
      <c r="Z38373">
        <v>81</v>
      </c>
      <c r="AA38373">
        <v>82</v>
      </c>
      <c r="AB38373">
        <v>83</v>
      </c>
      <c r="AC38373">
        <v>84</v>
      </c>
      <c r="AD38373">
        <v>85</v>
      </c>
      <c r="AE38373">
        <v>86</v>
      </c>
      <c r="AF38373">
        <v>87</v>
      </c>
      <c r="AG38373">
        <v>88</v>
      </c>
      <c r="AH38373">
        <v>89</v>
      </c>
      <c r="AI38373">
        <v>91</v>
      </c>
      <c r="AJ38373">
        <v>92</v>
      </c>
      <c r="AK38373">
        <v>93</v>
      </c>
      <c r="AL38373">
        <v>93</v>
      </c>
      <c r="AM38373">
        <v>94</v>
      </c>
      <c r="AN38373">
        <v>94</v>
      </c>
      <c r="AO38373">
        <v>94</v>
      </c>
      <c r="AP38373">
        <v>95</v>
      </c>
      <c r="AQ38373">
        <v>95</v>
      </c>
    </row>
    <row r="38374" spans="1:43">
      <c r="A38374" t="s">
        <v>23801</v>
      </c>
      <c r="B38374" t="s">
        <v>23802</v>
      </c>
      <c r="C38374" t="s">
        <v>23797</v>
      </c>
      <c r="D38374" t="s">
        <v>23798</v>
      </c>
      <c r="E38374" t="s">
        <v>23789</v>
      </c>
      <c r="F38374" t="s">
        <v>23790</v>
      </c>
      <c r="G38374" t="s">
        <v>11612</v>
      </c>
      <c r="H38374" t="s">
        <v>11613</v>
      </c>
      <c r="I38374" s="2">
        <v>0</v>
      </c>
      <c r="J38374" s="2">
        <v>0</v>
      </c>
      <c r="K38374" s="2">
        <v>1</v>
      </c>
      <c r="L38374" t="s">
        <v>995</v>
      </c>
      <c r="M38374" t="s">
        <v>83</v>
      </c>
      <c r="N38374" t="s">
        <v>84</v>
      </c>
      <c r="O38374" t="s">
        <v>85</v>
      </c>
      <c r="P38374" t="s">
        <v>86</v>
      </c>
      <c r="Q38374">
        <v>8</v>
      </c>
      <c r="R38374">
        <v>8</v>
      </c>
      <c r="S38374">
        <v>8</v>
      </c>
      <c r="T38374">
        <v>8</v>
      </c>
      <c r="U38374">
        <v>8</v>
      </c>
      <c r="V38374">
        <v>8</v>
      </c>
      <c r="W38374">
        <v>9</v>
      </c>
      <c r="X38374">
        <v>9</v>
      </c>
      <c r="Y38374">
        <v>9</v>
      </c>
      <c r="Z38374">
        <v>9</v>
      </c>
      <c r="AA38374">
        <v>9</v>
      </c>
      <c r="AB38374">
        <v>9</v>
      </c>
      <c r="AC38374">
        <v>9</v>
      </c>
      <c r="AD38374">
        <v>9</v>
      </c>
      <c r="AE38374">
        <v>10</v>
      </c>
      <c r="AF38374">
        <v>10</v>
      </c>
      <c r="AG38374">
        <v>10</v>
      </c>
      <c r="AH38374">
        <v>10</v>
      </c>
      <c r="AI38374">
        <v>10</v>
      </c>
      <c r="AJ38374">
        <v>10</v>
      </c>
      <c r="AK38374">
        <v>10</v>
      </c>
      <c r="AL38374">
        <v>10</v>
      </c>
      <c r="AM38374">
        <v>10</v>
      </c>
      <c r="AN38374">
        <v>10</v>
      </c>
      <c r="AO38374">
        <v>11</v>
      </c>
      <c r="AP38374">
        <v>11</v>
      </c>
      <c r="AQ38374">
        <v>11</v>
      </c>
    </row>
    <row r="38375" spans="1:43">
      <c r="A38375" t="s">
        <v>23801</v>
      </c>
      <c r="B38375" t="s">
        <v>23802</v>
      </c>
      <c r="C38375" t="s">
        <v>23797</v>
      </c>
      <c r="D38375" t="s">
        <v>23798</v>
      </c>
      <c r="E38375" t="s">
        <v>23789</v>
      </c>
      <c r="F38375" t="s">
        <v>23790</v>
      </c>
      <c r="G38375" t="s">
        <v>11612</v>
      </c>
      <c r="H38375" t="s">
        <v>11613</v>
      </c>
      <c r="I38375" s="2">
        <v>0</v>
      </c>
      <c r="J38375" s="2">
        <v>0</v>
      </c>
      <c r="K38375" s="2">
        <v>1</v>
      </c>
      <c r="L38375" t="s">
        <v>995</v>
      </c>
      <c r="M38375" t="s">
        <v>87</v>
      </c>
      <c r="N38375" t="s">
        <v>88</v>
      </c>
      <c r="O38375" t="s">
        <v>85</v>
      </c>
      <c r="P38375" t="s">
        <v>86</v>
      </c>
      <c r="Q38375">
        <v>8</v>
      </c>
      <c r="R38375">
        <v>8</v>
      </c>
      <c r="S38375">
        <v>8</v>
      </c>
      <c r="T38375">
        <v>8</v>
      </c>
      <c r="U38375">
        <v>8</v>
      </c>
      <c r="V38375">
        <v>8</v>
      </c>
      <c r="W38375">
        <v>8</v>
      </c>
      <c r="X38375">
        <v>8</v>
      </c>
      <c r="Y38375">
        <v>8</v>
      </c>
      <c r="Z38375">
        <v>8</v>
      </c>
      <c r="AA38375">
        <v>8</v>
      </c>
      <c r="AB38375">
        <v>8</v>
      </c>
      <c r="AC38375">
        <v>8</v>
      </c>
      <c r="AD38375">
        <v>8</v>
      </c>
      <c r="AE38375">
        <v>8</v>
      </c>
      <c r="AF38375">
        <v>9</v>
      </c>
      <c r="AG38375">
        <v>9</v>
      </c>
      <c r="AH38375">
        <v>9</v>
      </c>
      <c r="AI38375">
        <v>9</v>
      </c>
      <c r="AJ38375">
        <v>9</v>
      </c>
      <c r="AK38375">
        <v>9</v>
      </c>
      <c r="AL38375">
        <v>9</v>
      </c>
      <c r="AM38375">
        <v>9</v>
      </c>
      <c r="AN38375">
        <v>9</v>
      </c>
      <c r="AO38375">
        <v>9</v>
      </c>
      <c r="AP38375">
        <v>9</v>
      </c>
      <c r="AQ38375">
        <v>9</v>
      </c>
    </row>
    <row r="38376" spans="1:43">
      <c r="A38376" t="s">
        <v>23801</v>
      </c>
      <c r="B38376" t="s">
        <v>23802</v>
      </c>
      <c r="C38376" t="s">
        <v>23797</v>
      </c>
      <c r="D38376" t="s">
        <v>23798</v>
      </c>
      <c r="E38376" t="s">
        <v>23789</v>
      </c>
      <c r="F38376" t="s">
        <v>23790</v>
      </c>
      <c r="G38376" t="s">
        <v>11612</v>
      </c>
      <c r="H38376" t="s">
        <v>11613</v>
      </c>
      <c r="I38376" s="2">
        <v>0</v>
      </c>
      <c r="J38376" s="2">
        <v>0</v>
      </c>
      <c r="K38376" s="2">
        <v>1</v>
      </c>
      <c r="L38376" t="s">
        <v>995</v>
      </c>
      <c r="M38376" t="s">
        <v>89</v>
      </c>
      <c r="N38376" t="s">
        <v>90</v>
      </c>
      <c r="O38376" t="s">
        <v>85</v>
      </c>
      <c r="P38376" t="s">
        <v>86</v>
      </c>
      <c r="Q38376">
        <v>8</v>
      </c>
      <c r="R38376">
        <v>8</v>
      </c>
      <c r="S38376">
        <v>8</v>
      </c>
      <c r="T38376">
        <v>8</v>
      </c>
      <c r="U38376">
        <v>9</v>
      </c>
      <c r="V38376">
        <v>9</v>
      </c>
      <c r="W38376">
        <v>9</v>
      </c>
      <c r="X38376">
        <v>9</v>
      </c>
      <c r="Y38376">
        <v>9</v>
      </c>
      <c r="Z38376">
        <v>9</v>
      </c>
      <c r="AA38376">
        <v>10</v>
      </c>
      <c r="AB38376">
        <v>10</v>
      </c>
      <c r="AC38376">
        <v>10</v>
      </c>
      <c r="AD38376">
        <v>10</v>
      </c>
      <c r="AE38376">
        <v>10</v>
      </c>
      <c r="AF38376">
        <v>10</v>
      </c>
      <c r="AG38376">
        <v>10</v>
      </c>
      <c r="AH38376">
        <v>10</v>
      </c>
      <c r="AI38376">
        <v>10</v>
      </c>
      <c r="AJ38376">
        <v>10</v>
      </c>
      <c r="AK38376">
        <v>10</v>
      </c>
      <c r="AL38376">
        <v>11</v>
      </c>
      <c r="AM38376">
        <v>11</v>
      </c>
      <c r="AN38376">
        <v>11</v>
      </c>
      <c r="AO38376">
        <v>11</v>
      </c>
      <c r="AP38376">
        <v>11</v>
      </c>
      <c r="AQ38376">
        <v>11</v>
      </c>
    </row>
    <row r="38377" spans="1:43">
      <c r="A38377" t="s">
        <v>23801</v>
      </c>
      <c r="B38377" t="s">
        <v>23802</v>
      </c>
      <c r="C38377" t="s">
        <v>23797</v>
      </c>
      <c r="D38377" t="s">
        <v>23798</v>
      </c>
      <c r="E38377" t="s">
        <v>23789</v>
      </c>
      <c r="F38377" t="s">
        <v>23790</v>
      </c>
      <c r="G38377" t="s">
        <v>11612</v>
      </c>
      <c r="H38377" t="s">
        <v>11613</v>
      </c>
      <c r="I38377" s="2">
        <v>0</v>
      </c>
      <c r="J38377" s="2">
        <v>0</v>
      </c>
      <c r="K38377" s="2">
        <v>1</v>
      </c>
      <c r="L38377" t="s">
        <v>995</v>
      </c>
      <c r="M38377" t="s">
        <v>83</v>
      </c>
      <c r="N38377" t="s">
        <v>91</v>
      </c>
      <c r="O38377" t="s">
        <v>85</v>
      </c>
      <c r="P38377" t="s">
        <v>86</v>
      </c>
      <c r="Q38377">
        <v>8</v>
      </c>
      <c r="R38377">
        <v>8</v>
      </c>
      <c r="S38377">
        <v>8</v>
      </c>
      <c r="T38377">
        <v>8</v>
      </c>
      <c r="U38377">
        <v>8</v>
      </c>
      <c r="V38377">
        <v>8</v>
      </c>
      <c r="W38377">
        <v>9</v>
      </c>
      <c r="X38377">
        <v>9</v>
      </c>
      <c r="Y38377">
        <v>9</v>
      </c>
      <c r="Z38377">
        <v>9</v>
      </c>
      <c r="AA38377">
        <v>9</v>
      </c>
      <c r="AB38377">
        <v>9</v>
      </c>
      <c r="AC38377">
        <v>9</v>
      </c>
      <c r="AD38377">
        <v>9</v>
      </c>
      <c r="AE38377">
        <v>10</v>
      </c>
      <c r="AF38377">
        <v>10</v>
      </c>
      <c r="AG38377">
        <v>10</v>
      </c>
      <c r="AH38377">
        <v>10</v>
      </c>
      <c r="AI38377">
        <v>10</v>
      </c>
      <c r="AJ38377">
        <v>10</v>
      </c>
      <c r="AK38377">
        <v>10</v>
      </c>
      <c r="AL38377">
        <v>10</v>
      </c>
      <c r="AM38377">
        <v>10</v>
      </c>
      <c r="AN38377">
        <v>10</v>
      </c>
      <c r="AO38377">
        <v>11</v>
      </c>
      <c r="AP38377">
        <v>11</v>
      </c>
      <c r="AQ38377">
        <v>11</v>
      </c>
    </row>
    <row r="38378" spans="1:43">
      <c r="A38378" t="s">
        <v>23803</v>
      </c>
      <c r="B38378" t="s">
        <v>23804</v>
      </c>
      <c r="C38378" t="s">
        <v>23805</v>
      </c>
      <c r="D38378" t="s">
        <v>23806</v>
      </c>
      <c r="E38378" t="s">
        <v>23789</v>
      </c>
      <c r="F38378" t="s">
        <v>23790</v>
      </c>
      <c r="G38378" t="s">
        <v>11612</v>
      </c>
      <c r="H38378" t="s">
        <v>11613</v>
      </c>
      <c r="I38378" s="2">
        <v>0</v>
      </c>
      <c r="J38378" s="2">
        <v>0</v>
      </c>
      <c r="K38378" s="2">
        <v>1</v>
      </c>
      <c r="L38378" t="s">
        <v>995</v>
      </c>
      <c r="M38378" t="s">
        <v>83</v>
      </c>
      <c r="N38378" t="s">
        <v>84</v>
      </c>
      <c r="O38378" t="s">
        <v>85</v>
      </c>
      <c r="P38378" t="s">
        <v>86</v>
      </c>
      <c r="Q38378">
        <v>34</v>
      </c>
      <c r="R38378">
        <v>34</v>
      </c>
      <c r="S38378">
        <v>35</v>
      </c>
      <c r="T38378">
        <v>35</v>
      </c>
      <c r="U38378">
        <v>36</v>
      </c>
      <c r="V38378">
        <v>36</v>
      </c>
      <c r="W38378">
        <v>37</v>
      </c>
      <c r="X38378">
        <v>37</v>
      </c>
      <c r="Y38378">
        <v>38</v>
      </c>
      <c r="Z38378">
        <v>38</v>
      </c>
      <c r="AA38378">
        <v>39</v>
      </c>
      <c r="AB38378">
        <v>39</v>
      </c>
      <c r="AC38378">
        <v>40</v>
      </c>
      <c r="AD38378">
        <v>40</v>
      </c>
      <c r="AE38378">
        <v>41</v>
      </c>
      <c r="AF38378">
        <v>41</v>
      </c>
      <c r="AG38378">
        <v>41</v>
      </c>
      <c r="AH38378">
        <v>42</v>
      </c>
      <c r="AI38378">
        <v>42</v>
      </c>
      <c r="AJ38378">
        <v>43</v>
      </c>
      <c r="AK38378">
        <v>43</v>
      </c>
      <c r="AL38378">
        <v>44</v>
      </c>
      <c r="AM38378">
        <v>44</v>
      </c>
      <c r="AN38378">
        <v>44</v>
      </c>
      <c r="AO38378">
        <v>44</v>
      </c>
      <c r="AP38378">
        <v>44</v>
      </c>
      <c r="AQ38378">
        <v>44</v>
      </c>
    </row>
    <row r="38379" spans="1:43">
      <c r="A38379" t="s">
        <v>23803</v>
      </c>
      <c r="B38379" t="s">
        <v>23804</v>
      </c>
      <c r="C38379" t="s">
        <v>23805</v>
      </c>
      <c r="D38379" t="s">
        <v>23806</v>
      </c>
      <c r="E38379" t="s">
        <v>23789</v>
      </c>
      <c r="F38379" t="s">
        <v>23790</v>
      </c>
      <c r="G38379" t="s">
        <v>11612</v>
      </c>
      <c r="H38379" t="s">
        <v>11613</v>
      </c>
      <c r="I38379" s="2">
        <v>0</v>
      </c>
      <c r="J38379" s="2">
        <v>0</v>
      </c>
      <c r="K38379" s="2">
        <v>1</v>
      </c>
      <c r="L38379" t="s">
        <v>995</v>
      </c>
      <c r="M38379" t="s">
        <v>87</v>
      </c>
      <c r="N38379" t="s">
        <v>88</v>
      </c>
      <c r="O38379" t="s">
        <v>85</v>
      </c>
      <c r="P38379" t="s">
        <v>86</v>
      </c>
      <c r="Q38379">
        <v>34</v>
      </c>
      <c r="R38379">
        <v>35</v>
      </c>
      <c r="S38379">
        <v>35</v>
      </c>
      <c r="T38379">
        <v>35</v>
      </c>
      <c r="U38379">
        <v>35</v>
      </c>
      <c r="V38379">
        <v>35</v>
      </c>
      <c r="W38379">
        <v>35</v>
      </c>
      <c r="X38379">
        <v>36</v>
      </c>
      <c r="Y38379">
        <v>36</v>
      </c>
      <c r="Z38379">
        <v>36</v>
      </c>
      <c r="AA38379">
        <v>36</v>
      </c>
      <c r="AB38379">
        <v>36</v>
      </c>
      <c r="AC38379">
        <v>37</v>
      </c>
      <c r="AD38379">
        <v>37</v>
      </c>
      <c r="AE38379">
        <v>37</v>
      </c>
      <c r="AF38379">
        <v>37</v>
      </c>
      <c r="AG38379">
        <v>37</v>
      </c>
      <c r="AH38379">
        <v>38</v>
      </c>
      <c r="AI38379">
        <v>38</v>
      </c>
      <c r="AJ38379">
        <v>38</v>
      </c>
      <c r="AK38379">
        <v>38</v>
      </c>
      <c r="AL38379">
        <v>38</v>
      </c>
      <c r="AM38379">
        <v>39</v>
      </c>
      <c r="AN38379">
        <v>39</v>
      </c>
      <c r="AO38379">
        <v>39</v>
      </c>
      <c r="AP38379">
        <v>39</v>
      </c>
      <c r="AQ38379">
        <v>40</v>
      </c>
    </row>
    <row r="38380" spans="1:43">
      <c r="A38380" t="s">
        <v>23803</v>
      </c>
      <c r="B38380" t="s">
        <v>23804</v>
      </c>
      <c r="C38380" t="s">
        <v>23805</v>
      </c>
      <c r="D38380" t="s">
        <v>23806</v>
      </c>
      <c r="E38380" t="s">
        <v>23789</v>
      </c>
      <c r="F38380" t="s">
        <v>23790</v>
      </c>
      <c r="G38380" t="s">
        <v>11612</v>
      </c>
      <c r="H38380" t="s">
        <v>11613</v>
      </c>
      <c r="I38380" s="2">
        <v>0</v>
      </c>
      <c r="J38380" s="2">
        <v>0</v>
      </c>
      <c r="K38380" s="2">
        <v>1</v>
      </c>
      <c r="L38380" t="s">
        <v>995</v>
      </c>
      <c r="M38380" t="s">
        <v>89</v>
      </c>
      <c r="N38380" t="s">
        <v>90</v>
      </c>
      <c r="O38380" t="s">
        <v>85</v>
      </c>
      <c r="P38380" t="s">
        <v>86</v>
      </c>
      <c r="Q38380">
        <v>34</v>
      </c>
      <c r="R38380">
        <v>35</v>
      </c>
      <c r="S38380">
        <v>36</v>
      </c>
      <c r="T38380">
        <v>36</v>
      </c>
      <c r="U38380">
        <v>37</v>
      </c>
      <c r="V38380">
        <v>38</v>
      </c>
      <c r="W38380">
        <v>39</v>
      </c>
      <c r="X38380">
        <v>39</v>
      </c>
      <c r="Y38380">
        <v>40</v>
      </c>
      <c r="Z38380">
        <v>40</v>
      </c>
      <c r="AA38380">
        <v>41</v>
      </c>
      <c r="AB38380">
        <v>42</v>
      </c>
      <c r="AC38380">
        <v>42</v>
      </c>
      <c r="AD38380">
        <v>43</v>
      </c>
      <c r="AE38380">
        <v>43</v>
      </c>
      <c r="AF38380">
        <v>43</v>
      </c>
      <c r="AG38380">
        <v>44</v>
      </c>
      <c r="AH38380">
        <v>44</v>
      </c>
      <c r="AI38380">
        <v>44</v>
      </c>
      <c r="AJ38380">
        <v>44</v>
      </c>
      <c r="AK38380">
        <v>44</v>
      </c>
      <c r="AL38380">
        <v>44</v>
      </c>
      <c r="AM38380">
        <v>44</v>
      </c>
      <c r="AN38380">
        <v>44</v>
      </c>
      <c r="AO38380">
        <v>44</v>
      </c>
      <c r="AP38380">
        <v>45</v>
      </c>
      <c r="AQ38380">
        <v>45</v>
      </c>
    </row>
    <row r="38381" spans="1:43">
      <c r="A38381" t="s">
        <v>23803</v>
      </c>
      <c r="B38381" t="s">
        <v>23804</v>
      </c>
      <c r="C38381" t="s">
        <v>23805</v>
      </c>
      <c r="D38381" t="s">
        <v>23806</v>
      </c>
      <c r="E38381" t="s">
        <v>23789</v>
      </c>
      <c r="F38381" t="s">
        <v>23790</v>
      </c>
      <c r="G38381" t="s">
        <v>11612</v>
      </c>
      <c r="H38381" t="s">
        <v>11613</v>
      </c>
      <c r="I38381" s="2">
        <v>0</v>
      </c>
      <c r="J38381" s="2">
        <v>0</v>
      </c>
      <c r="K38381" s="2">
        <v>1</v>
      </c>
      <c r="L38381" t="s">
        <v>995</v>
      </c>
      <c r="M38381" t="s">
        <v>83</v>
      </c>
      <c r="N38381" t="s">
        <v>91</v>
      </c>
      <c r="O38381" t="s">
        <v>85</v>
      </c>
      <c r="P38381" t="s">
        <v>86</v>
      </c>
      <c r="Q38381">
        <v>34</v>
      </c>
      <c r="R38381">
        <v>34</v>
      </c>
      <c r="S38381">
        <v>35</v>
      </c>
      <c r="T38381">
        <v>35</v>
      </c>
      <c r="U38381">
        <v>36</v>
      </c>
      <c r="V38381">
        <v>36</v>
      </c>
      <c r="W38381">
        <v>37</v>
      </c>
      <c r="X38381">
        <v>37</v>
      </c>
      <c r="Y38381">
        <v>38</v>
      </c>
      <c r="Z38381">
        <v>38</v>
      </c>
      <c r="AA38381">
        <v>39</v>
      </c>
      <c r="AB38381">
        <v>39</v>
      </c>
      <c r="AC38381">
        <v>40</v>
      </c>
      <c r="AD38381">
        <v>40</v>
      </c>
      <c r="AE38381">
        <v>41</v>
      </c>
      <c r="AF38381">
        <v>41</v>
      </c>
      <c r="AG38381">
        <v>41</v>
      </c>
      <c r="AH38381">
        <v>42</v>
      </c>
      <c r="AI38381">
        <v>42</v>
      </c>
      <c r="AJ38381">
        <v>43</v>
      </c>
      <c r="AK38381">
        <v>43</v>
      </c>
      <c r="AL38381">
        <v>44</v>
      </c>
      <c r="AM38381">
        <v>44</v>
      </c>
      <c r="AN38381">
        <v>44</v>
      </c>
      <c r="AO38381">
        <v>44</v>
      </c>
      <c r="AP38381">
        <v>44</v>
      </c>
      <c r="AQ38381">
        <v>44</v>
      </c>
    </row>
    <row r="38382" spans="1:43">
      <c r="A38382" t="s">
        <v>23807</v>
      </c>
      <c r="B38382" t="s">
        <v>23808</v>
      </c>
      <c r="C38382" t="s">
        <v>23809</v>
      </c>
      <c r="D38382" t="s">
        <v>23810</v>
      </c>
      <c r="E38382" t="s">
        <v>23789</v>
      </c>
      <c r="F38382" t="s">
        <v>23790</v>
      </c>
      <c r="G38382" t="s">
        <v>11612</v>
      </c>
      <c r="H38382" t="s">
        <v>11613</v>
      </c>
      <c r="I38382" s="2">
        <v>0</v>
      </c>
      <c r="J38382" s="2">
        <v>0</v>
      </c>
      <c r="K38382" s="2">
        <v>1</v>
      </c>
      <c r="L38382" t="s">
        <v>995</v>
      </c>
      <c r="M38382" t="s">
        <v>83</v>
      </c>
      <c r="N38382" t="s">
        <v>84</v>
      </c>
      <c r="O38382" t="s">
        <v>85</v>
      </c>
      <c r="P38382" t="s">
        <v>86</v>
      </c>
      <c r="Q38382">
        <v>7</v>
      </c>
      <c r="R38382">
        <v>7</v>
      </c>
      <c r="S38382">
        <v>8</v>
      </c>
      <c r="T38382">
        <v>8</v>
      </c>
      <c r="U38382">
        <v>8</v>
      </c>
      <c r="V38382">
        <v>8</v>
      </c>
      <c r="W38382">
        <v>8</v>
      </c>
      <c r="X38382">
        <v>8</v>
      </c>
      <c r="Y38382">
        <v>8</v>
      </c>
      <c r="Z38382">
        <v>8</v>
      </c>
      <c r="AA38382">
        <v>8</v>
      </c>
      <c r="AB38382">
        <v>8</v>
      </c>
      <c r="AC38382">
        <v>9</v>
      </c>
      <c r="AD38382">
        <v>9</v>
      </c>
      <c r="AE38382">
        <v>9</v>
      </c>
      <c r="AF38382">
        <v>9</v>
      </c>
      <c r="AG38382">
        <v>9</v>
      </c>
      <c r="AH38382">
        <v>9</v>
      </c>
      <c r="AI38382">
        <v>9</v>
      </c>
      <c r="AJ38382">
        <v>9</v>
      </c>
      <c r="AK38382">
        <v>9</v>
      </c>
      <c r="AL38382">
        <v>9</v>
      </c>
      <c r="AM38382">
        <v>9</v>
      </c>
      <c r="AN38382">
        <v>9</v>
      </c>
      <c r="AO38382">
        <v>10</v>
      </c>
      <c r="AP38382">
        <v>10</v>
      </c>
      <c r="AQ38382">
        <v>10</v>
      </c>
    </row>
    <row r="38383" spans="1:43">
      <c r="A38383" t="s">
        <v>23807</v>
      </c>
      <c r="B38383" t="s">
        <v>23808</v>
      </c>
      <c r="C38383" t="s">
        <v>23809</v>
      </c>
      <c r="D38383" t="s">
        <v>23810</v>
      </c>
      <c r="E38383" t="s">
        <v>23789</v>
      </c>
      <c r="F38383" t="s">
        <v>23790</v>
      </c>
      <c r="G38383" t="s">
        <v>11612</v>
      </c>
      <c r="H38383" t="s">
        <v>11613</v>
      </c>
      <c r="I38383" s="2">
        <v>0</v>
      </c>
      <c r="J38383" s="2">
        <v>0</v>
      </c>
      <c r="K38383" s="2">
        <v>1</v>
      </c>
      <c r="L38383" t="s">
        <v>995</v>
      </c>
      <c r="M38383" t="s">
        <v>87</v>
      </c>
      <c r="N38383" t="s">
        <v>88</v>
      </c>
      <c r="O38383" t="s">
        <v>85</v>
      </c>
      <c r="P38383" t="s">
        <v>86</v>
      </c>
      <c r="Q38383">
        <v>7</v>
      </c>
      <c r="R38383">
        <v>7</v>
      </c>
      <c r="S38383">
        <v>7</v>
      </c>
      <c r="T38383">
        <v>7</v>
      </c>
      <c r="U38383">
        <v>7</v>
      </c>
      <c r="V38383">
        <v>7</v>
      </c>
      <c r="W38383">
        <v>7</v>
      </c>
      <c r="X38383">
        <v>7</v>
      </c>
      <c r="Y38383">
        <v>8</v>
      </c>
      <c r="Z38383">
        <v>8</v>
      </c>
      <c r="AA38383">
        <v>8</v>
      </c>
      <c r="AB38383">
        <v>8</v>
      </c>
      <c r="AC38383">
        <v>8</v>
      </c>
      <c r="AD38383">
        <v>8</v>
      </c>
      <c r="AE38383">
        <v>8</v>
      </c>
      <c r="AF38383">
        <v>8</v>
      </c>
      <c r="AG38383">
        <v>8</v>
      </c>
      <c r="AH38383">
        <v>8</v>
      </c>
      <c r="AI38383">
        <v>8</v>
      </c>
      <c r="AJ38383">
        <v>8</v>
      </c>
      <c r="AK38383">
        <v>8</v>
      </c>
      <c r="AL38383">
        <v>8</v>
      </c>
      <c r="AM38383">
        <v>8</v>
      </c>
      <c r="AN38383">
        <v>8</v>
      </c>
      <c r="AO38383">
        <v>8</v>
      </c>
      <c r="AP38383">
        <v>8</v>
      </c>
      <c r="AQ38383">
        <v>8</v>
      </c>
    </row>
    <row r="38384" spans="1:43">
      <c r="A38384" t="s">
        <v>23807</v>
      </c>
      <c r="B38384" t="s">
        <v>23808</v>
      </c>
      <c r="C38384" t="s">
        <v>23809</v>
      </c>
      <c r="D38384" t="s">
        <v>23810</v>
      </c>
      <c r="E38384" t="s">
        <v>23789</v>
      </c>
      <c r="F38384" t="s">
        <v>23790</v>
      </c>
      <c r="G38384" t="s">
        <v>11612</v>
      </c>
      <c r="H38384" t="s">
        <v>11613</v>
      </c>
      <c r="I38384" s="2">
        <v>0</v>
      </c>
      <c r="J38384" s="2">
        <v>0</v>
      </c>
      <c r="K38384" s="2">
        <v>1</v>
      </c>
      <c r="L38384" t="s">
        <v>995</v>
      </c>
      <c r="M38384" t="s">
        <v>89</v>
      </c>
      <c r="N38384" t="s">
        <v>90</v>
      </c>
      <c r="O38384" t="s">
        <v>85</v>
      </c>
      <c r="P38384" t="s">
        <v>86</v>
      </c>
      <c r="Q38384">
        <v>7</v>
      </c>
      <c r="R38384">
        <v>8</v>
      </c>
      <c r="S38384">
        <v>8</v>
      </c>
      <c r="T38384">
        <v>8</v>
      </c>
      <c r="U38384">
        <v>8</v>
      </c>
      <c r="V38384">
        <v>8</v>
      </c>
      <c r="W38384">
        <v>8</v>
      </c>
      <c r="X38384">
        <v>8</v>
      </c>
      <c r="Y38384">
        <v>9</v>
      </c>
      <c r="Z38384">
        <v>9</v>
      </c>
      <c r="AA38384">
        <v>9</v>
      </c>
      <c r="AB38384">
        <v>9</v>
      </c>
      <c r="AC38384">
        <v>9</v>
      </c>
      <c r="AD38384">
        <v>9</v>
      </c>
      <c r="AE38384">
        <v>9</v>
      </c>
      <c r="AF38384">
        <v>9</v>
      </c>
      <c r="AG38384">
        <v>9</v>
      </c>
      <c r="AH38384">
        <v>9</v>
      </c>
      <c r="AI38384">
        <v>9</v>
      </c>
      <c r="AJ38384">
        <v>9</v>
      </c>
      <c r="AK38384">
        <v>9</v>
      </c>
      <c r="AL38384">
        <v>10</v>
      </c>
      <c r="AM38384">
        <v>10</v>
      </c>
      <c r="AN38384">
        <v>10</v>
      </c>
      <c r="AO38384">
        <v>10</v>
      </c>
      <c r="AP38384">
        <v>10</v>
      </c>
      <c r="AQ38384">
        <v>10</v>
      </c>
    </row>
    <row r="38385" spans="1:43">
      <c r="A38385" t="s">
        <v>23807</v>
      </c>
      <c r="B38385" t="s">
        <v>23808</v>
      </c>
      <c r="C38385" t="s">
        <v>23809</v>
      </c>
      <c r="D38385" t="s">
        <v>23810</v>
      </c>
      <c r="E38385" t="s">
        <v>23789</v>
      </c>
      <c r="F38385" t="s">
        <v>23790</v>
      </c>
      <c r="G38385" t="s">
        <v>11612</v>
      </c>
      <c r="H38385" t="s">
        <v>11613</v>
      </c>
      <c r="I38385" s="2">
        <v>0</v>
      </c>
      <c r="J38385" s="2">
        <v>0</v>
      </c>
      <c r="K38385" s="2">
        <v>1</v>
      </c>
      <c r="L38385" t="s">
        <v>995</v>
      </c>
      <c r="M38385" t="s">
        <v>83</v>
      </c>
      <c r="N38385" t="s">
        <v>91</v>
      </c>
      <c r="O38385" t="s">
        <v>85</v>
      </c>
      <c r="P38385" t="s">
        <v>86</v>
      </c>
      <c r="Q38385">
        <v>7</v>
      </c>
      <c r="R38385">
        <v>7</v>
      </c>
      <c r="S38385">
        <v>8</v>
      </c>
      <c r="T38385">
        <v>8</v>
      </c>
      <c r="U38385">
        <v>8</v>
      </c>
      <c r="V38385">
        <v>8</v>
      </c>
      <c r="W38385">
        <v>8</v>
      </c>
      <c r="X38385">
        <v>8</v>
      </c>
      <c r="Y38385">
        <v>8</v>
      </c>
      <c r="Z38385">
        <v>8</v>
      </c>
      <c r="AA38385">
        <v>8</v>
      </c>
      <c r="AB38385">
        <v>8</v>
      </c>
      <c r="AC38385">
        <v>9</v>
      </c>
      <c r="AD38385">
        <v>9</v>
      </c>
      <c r="AE38385">
        <v>9</v>
      </c>
      <c r="AF38385">
        <v>9</v>
      </c>
      <c r="AG38385">
        <v>9</v>
      </c>
      <c r="AH38385">
        <v>9</v>
      </c>
      <c r="AI38385">
        <v>9</v>
      </c>
      <c r="AJ38385">
        <v>9</v>
      </c>
      <c r="AK38385">
        <v>9</v>
      </c>
      <c r="AL38385">
        <v>9</v>
      </c>
      <c r="AM38385">
        <v>9</v>
      </c>
      <c r="AN38385">
        <v>9</v>
      </c>
      <c r="AO38385">
        <v>10</v>
      </c>
      <c r="AP38385">
        <v>10</v>
      </c>
      <c r="AQ38385">
        <v>10</v>
      </c>
    </row>
    <row r="38386" spans="1:43">
      <c r="A38386" t="s">
        <v>23811</v>
      </c>
      <c r="B38386" t="s">
        <v>23812</v>
      </c>
      <c r="C38386" t="s">
        <v>23805</v>
      </c>
      <c r="D38386" t="s">
        <v>23806</v>
      </c>
      <c r="E38386" t="s">
        <v>23789</v>
      </c>
      <c r="F38386" t="s">
        <v>23790</v>
      </c>
      <c r="G38386" t="s">
        <v>11612</v>
      </c>
      <c r="H38386" t="s">
        <v>11613</v>
      </c>
      <c r="I38386" s="2">
        <v>0</v>
      </c>
      <c r="J38386" s="2">
        <v>0</v>
      </c>
      <c r="K38386" s="2">
        <v>1</v>
      </c>
      <c r="L38386" t="s">
        <v>995</v>
      </c>
      <c r="M38386" t="s">
        <v>83</v>
      </c>
      <c r="N38386" t="s">
        <v>84</v>
      </c>
      <c r="O38386" t="s">
        <v>85</v>
      </c>
      <c r="P38386" t="s">
        <v>86</v>
      </c>
      <c r="Q38386">
        <v>5</v>
      </c>
      <c r="R38386">
        <v>5</v>
      </c>
      <c r="S38386">
        <v>5</v>
      </c>
      <c r="T38386">
        <v>5</v>
      </c>
      <c r="U38386">
        <v>6</v>
      </c>
      <c r="V38386">
        <v>6</v>
      </c>
      <c r="W38386">
        <v>6</v>
      </c>
      <c r="X38386">
        <v>6</v>
      </c>
      <c r="Y38386">
        <v>6</v>
      </c>
      <c r="Z38386">
        <v>6</v>
      </c>
      <c r="AA38386">
        <v>6</v>
      </c>
      <c r="AB38386">
        <v>6</v>
      </c>
      <c r="AC38386">
        <v>6</v>
      </c>
      <c r="AD38386">
        <v>6</v>
      </c>
      <c r="AE38386">
        <v>6</v>
      </c>
      <c r="AF38386">
        <v>6</v>
      </c>
      <c r="AG38386">
        <v>6</v>
      </c>
      <c r="AH38386">
        <v>7</v>
      </c>
      <c r="AI38386">
        <v>7</v>
      </c>
      <c r="AJ38386">
        <v>7</v>
      </c>
      <c r="AK38386">
        <v>7</v>
      </c>
      <c r="AL38386">
        <v>7</v>
      </c>
      <c r="AM38386">
        <v>7</v>
      </c>
      <c r="AN38386">
        <v>7</v>
      </c>
      <c r="AO38386">
        <v>7</v>
      </c>
      <c r="AP38386">
        <v>7</v>
      </c>
      <c r="AQ38386">
        <v>7</v>
      </c>
    </row>
    <row r="38387" spans="1:43">
      <c r="A38387" t="s">
        <v>23811</v>
      </c>
      <c r="B38387" t="s">
        <v>23812</v>
      </c>
      <c r="C38387" t="s">
        <v>23805</v>
      </c>
      <c r="D38387" t="s">
        <v>23806</v>
      </c>
      <c r="E38387" t="s">
        <v>23789</v>
      </c>
      <c r="F38387" t="s">
        <v>23790</v>
      </c>
      <c r="G38387" t="s">
        <v>11612</v>
      </c>
      <c r="H38387" t="s">
        <v>11613</v>
      </c>
      <c r="I38387" s="2">
        <v>0</v>
      </c>
      <c r="J38387" s="2">
        <v>0</v>
      </c>
      <c r="K38387" s="2">
        <v>1</v>
      </c>
      <c r="L38387" t="s">
        <v>995</v>
      </c>
      <c r="M38387" t="s">
        <v>87</v>
      </c>
      <c r="N38387" t="s">
        <v>88</v>
      </c>
      <c r="O38387" t="s">
        <v>85</v>
      </c>
      <c r="P38387" t="s">
        <v>86</v>
      </c>
      <c r="Q38387">
        <v>5</v>
      </c>
      <c r="R38387">
        <v>5</v>
      </c>
      <c r="S38387">
        <v>5</v>
      </c>
      <c r="T38387">
        <v>5</v>
      </c>
      <c r="U38387">
        <v>5</v>
      </c>
      <c r="V38387">
        <v>5</v>
      </c>
      <c r="W38387">
        <v>5</v>
      </c>
      <c r="X38387">
        <v>5</v>
      </c>
      <c r="Y38387">
        <v>5</v>
      </c>
      <c r="Z38387">
        <v>5</v>
      </c>
      <c r="AA38387">
        <v>5</v>
      </c>
      <c r="AB38387">
        <v>5</v>
      </c>
      <c r="AC38387">
        <v>6</v>
      </c>
      <c r="AD38387">
        <v>6</v>
      </c>
      <c r="AE38387">
        <v>6</v>
      </c>
      <c r="AF38387">
        <v>6</v>
      </c>
      <c r="AG38387">
        <v>6</v>
      </c>
      <c r="AH38387">
        <v>6</v>
      </c>
      <c r="AI38387">
        <v>6</v>
      </c>
      <c r="AJ38387">
        <v>6</v>
      </c>
      <c r="AK38387">
        <v>6</v>
      </c>
      <c r="AL38387">
        <v>6</v>
      </c>
      <c r="AM38387">
        <v>6</v>
      </c>
      <c r="AN38387">
        <v>6</v>
      </c>
      <c r="AO38387">
        <v>6</v>
      </c>
      <c r="AP38387">
        <v>6</v>
      </c>
      <c r="AQ38387">
        <v>6</v>
      </c>
    </row>
    <row r="38388" spans="1:43">
      <c r="A38388" t="s">
        <v>23811</v>
      </c>
      <c r="B38388" t="s">
        <v>23812</v>
      </c>
      <c r="C38388" t="s">
        <v>23805</v>
      </c>
      <c r="D38388" t="s">
        <v>23806</v>
      </c>
      <c r="E38388" t="s">
        <v>23789</v>
      </c>
      <c r="F38388" t="s">
        <v>23790</v>
      </c>
      <c r="G38388" t="s">
        <v>11612</v>
      </c>
      <c r="H38388" t="s">
        <v>11613</v>
      </c>
      <c r="I38388" s="2">
        <v>0</v>
      </c>
      <c r="J38388" s="2">
        <v>0</v>
      </c>
      <c r="K38388" s="2">
        <v>1</v>
      </c>
      <c r="L38388" t="s">
        <v>995</v>
      </c>
      <c r="M38388" t="s">
        <v>89</v>
      </c>
      <c r="N38388" t="s">
        <v>90</v>
      </c>
      <c r="O38388" t="s">
        <v>85</v>
      </c>
      <c r="P38388" t="s">
        <v>86</v>
      </c>
      <c r="Q38388">
        <v>5</v>
      </c>
      <c r="R38388">
        <v>5</v>
      </c>
      <c r="S38388">
        <v>6</v>
      </c>
      <c r="T38388">
        <v>6</v>
      </c>
      <c r="U38388">
        <v>6</v>
      </c>
      <c r="V38388">
        <v>6</v>
      </c>
      <c r="W38388">
        <v>6</v>
      </c>
      <c r="X38388">
        <v>6</v>
      </c>
      <c r="Y38388">
        <v>6</v>
      </c>
      <c r="Z38388">
        <v>6</v>
      </c>
      <c r="AA38388">
        <v>6</v>
      </c>
      <c r="AB38388">
        <v>6</v>
      </c>
      <c r="AC38388">
        <v>7</v>
      </c>
      <c r="AD38388">
        <v>7</v>
      </c>
      <c r="AE38388">
        <v>7</v>
      </c>
      <c r="AF38388">
        <v>7</v>
      </c>
      <c r="AG38388">
        <v>7</v>
      </c>
      <c r="AH38388">
        <v>7</v>
      </c>
      <c r="AI38388">
        <v>7</v>
      </c>
      <c r="AJ38388">
        <v>7</v>
      </c>
      <c r="AK38388">
        <v>7</v>
      </c>
      <c r="AL38388">
        <v>7</v>
      </c>
      <c r="AM38388">
        <v>7</v>
      </c>
      <c r="AN38388">
        <v>7</v>
      </c>
      <c r="AO38388">
        <v>7</v>
      </c>
      <c r="AP38388">
        <v>7</v>
      </c>
      <c r="AQ38388">
        <v>7</v>
      </c>
    </row>
    <row r="38389" spans="1:43">
      <c r="A38389" t="s">
        <v>23811</v>
      </c>
      <c r="B38389" t="s">
        <v>23812</v>
      </c>
      <c r="C38389" t="s">
        <v>23805</v>
      </c>
      <c r="D38389" t="s">
        <v>23806</v>
      </c>
      <c r="E38389" t="s">
        <v>23789</v>
      </c>
      <c r="F38389" t="s">
        <v>23790</v>
      </c>
      <c r="G38389" t="s">
        <v>11612</v>
      </c>
      <c r="H38389" t="s">
        <v>11613</v>
      </c>
      <c r="I38389" s="2">
        <v>0</v>
      </c>
      <c r="J38389" s="2">
        <v>0</v>
      </c>
      <c r="K38389" s="2">
        <v>1</v>
      </c>
      <c r="L38389" t="s">
        <v>995</v>
      </c>
      <c r="M38389" t="s">
        <v>83</v>
      </c>
      <c r="N38389" t="s">
        <v>91</v>
      </c>
      <c r="O38389" t="s">
        <v>85</v>
      </c>
      <c r="P38389" t="s">
        <v>86</v>
      </c>
      <c r="Q38389">
        <v>5</v>
      </c>
      <c r="R38389">
        <v>5</v>
      </c>
      <c r="S38389">
        <v>5</v>
      </c>
      <c r="T38389">
        <v>5</v>
      </c>
      <c r="U38389">
        <v>6</v>
      </c>
      <c r="V38389">
        <v>6</v>
      </c>
      <c r="W38389">
        <v>6</v>
      </c>
      <c r="X38389">
        <v>6</v>
      </c>
      <c r="Y38389">
        <v>6</v>
      </c>
      <c r="Z38389">
        <v>6</v>
      </c>
      <c r="AA38389">
        <v>6</v>
      </c>
      <c r="AB38389">
        <v>6</v>
      </c>
      <c r="AC38389">
        <v>6</v>
      </c>
      <c r="AD38389">
        <v>6</v>
      </c>
      <c r="AE38389">
        <v>6</v>
      </c>
      <c r="AF38389">
        <v>6</v>
      </c>
      <c r="AG38389">
        <v>6</v>
      </c>
      <c r="AH38389">
        <v>7</v>
      </c>
      <c r="AI38389">
        <v>7</v>
      </c>
      <c r="AJ38389">
        <v>7</v>
      </c>
      <c r="AK38389">
        <v>7</v>
      </c>
      <c r="AL38389">
        <v>7</v>
      </c>
      <c r="AM38389">
        <v>7</v>
      </c>
      <c r="AN38389">
        <v>7</v>
      </c>
      <c r="AO38389">
        <v>7</v>
      </c>
      <c r="AP38389">
        <v>7</v>
      </c>
      <c r="AQ38389">
        <v>7</v>
      </c>
    </row>
    <row r="38390" spans="1:43">
      <c r="A38390" t="s">
        <v>23813</v>
      </c>
      <c r="B38390" t="s">
        <v>23814</v>
      </c>
      <c r="C38390" t="s">
        <v>23815</v>
      </c>
      <c r="D38390" t="s">
        <v>23816</v>
      </c>
      <c r="E38390" t="s">
        <v>23789</v>
      </c>
      <c r="F38390" t="s">
        <v>23790</v>
      </c>
      <c r="G38390" t="s">
        <v>11612</v>
      </c>
      <c r="H38390" t="s">
        <v>11613</v>
      </c>
      <c r="I38390" s="2">
        <v>0</v>
      </c>
      <c r="J38390" s="2">
        <v>0</v>
      </c>
      <c r="K38390" s="2">
        <v>0.86</v>
      </c>
      <c r="L38390" t="s">
        <v>995</v>
      </c>
      <c r="M38390" t="s">
        <v>83</v>
      </c>
      <c r="N38390" t="s">
        <v>84</v>
      </c>
      <c r="O38390" t="s">
        <v>85</v>
      </c>
      <c r="P38390" t="s">
        <v>86</v>
      </c>
      <c r="Q38390">
        <v>26</v>
      </c>
      <c r="R38390">
        <v>27</v>
      </c>
      <c r="S38390">
        <v>27</v>
      </c>
      <c r="T38390">
        <v>28</v>
      </c>
      <c r="U38390">
        <v>28</v>
      </c>
      <c r="V38390">
        <v>28</v>
      </c>
      <c r="W38390">
        <v>29</v>
      </c>
      <c r="X38390">
        <v>29</v>
      </c>
      <c r="Y38390">
        <v>29</v>
      </c>
      <c r="Z38390">
        <v>30</v>
      </c>
      <c r="AA38390">
        <v>30</v>
      </c>
      <c r="AB38390">
        <v>31</v>
      </c>
      <c r="AC38390">
        <v>31</v>
      </c>
      <c r="AD38390">
        <v>31</v>
      </c>
      <c r="AE38390">
        <v>32</v>
      </c>
      <c r="AF38390">
        <v>32</v>
      </c>
      <c r="AG38390">
        <v>33</v>
      </c>
      <c r="AH38390">
        <v>33</v>
      </c>
      <c r="AI38390">
        <v>33</v>
      </c>
      <c r="AJ38390">
        <v>34</v>
      </c>
      <c r="AK38390">
        <v>34</v>
      </c>
      <c r="AL38390">
        <v>34</v>
      </c>
      <c r="AM38390">
        <v>35</v>
      </c>
      <c r="AN38390">
        <v>35</v>
      </c>
      <c r="AO38390">
        <v>35</v>
      </c>
      <c r="AP38390">
        <v>35</v>
      </c>
      <c r="AQ38390">
        <v>35</v>
      </c>
    </row>
    <row r="38391" spans="1:43">
      <c r="A38391" t="s">
        <v>23813</v>
      </c>
      <c r="B38391" t="s">
        <v>23814</v>
      </c>
      <c r="C38391" t="s">
        <v>23815</v>
      </c>
      <c r="D38391" t="s">
        <v>23816</v>
      </c>
      <c r="E38391" t="s">
        <v>23789</v>
      </c>
      <c r="F38391" t="s">
        <v>23790</v>
      </c>
      <c r="G38391" t="s">
        <v>11612</v>
      </c>
      <c r="H38391" t="s">
        <v>11613</v>
      </c>
      <c r="I38391" s="2">
        <v>0</v>
      </c>
      <c r="J38391" s="2">
        <v>0</v>
      </c>
      <c r="K38391" s="2">
        <v>0.86</v>
      </c>
      <c r="L38391" t="s">
        <v>995</v>
      </c>
      <c r="M38391" t="s">
        <v>87</v>
      </c>
      <c r="N38391" t="s">
        <v>88</v>
      </c>
      <c r="O38391" t="s">
        <v>85</v>
      </c>
      <c r="P38391" t="s">
        <v>86</v>
      </c>
      <c r="Q38391">
        <v>26</v>
      </c>
      <c r="R38391">
        <v>26</v>
      </c>
      <c r="S38391">
        <v>26</v>
      </c>
      <c r="T38391">
        <v>27</v>
      </c>
      <c r="U38391">
        <v>27</v>
      </c>
      <c r="V38391">
        <v>27</v>
      </c>
      <c r="W38391">
        <v>27</v>
      </c>
      <c r="X38391">
        <v>27</v>
      </c>
      <c r="Y38391">
        <v>27</v>
      </c>
      <c r="Z38391">
        <v>27</v>
      </c>
      <c r="AA38391">
        <v>28</v>
      </c>
      <c r="AB38391">
        <v>28</v>
      </c>
      <c r="AC38391">
        <v>28</v>
      </c>
      <c r="AD38391">
        <v>28</v>
      </c>
      <c r="AE38391">
        <v>28</v>
      </c>
      <c r="AF38391">
        <v>28</v>
      </c>
      <c r="AG38391">
        <v>29</v>
      </c>
      <c r="AH38391">
        <v>29</v>
      </c>
      <c r="AI38391">
        <v>29</v>
      </c>
      <c r="AJ38391">
        <v>29</v>
      </c>
      <c r="AK38391">
        <v>29</v>
      </c>
      <c r="AL38391">
        <v>29</v>
      </c>
      <c r="AM38391">
        <v>30</v>
      </c>
      <c r="AN38391">
        <v>30</v>
      </c>
      <c r="AO38391">
        <v>30</v>
      </c>
      <c r="AP38391">
        <v>30</v>
      </c>
      <c r="AQ38391">
        <v>30</v>
      </c>
    </row>
    <row r="38392" spans="1:43">
      <c r="A38392" t="s">
        <v>23813</v>
      </c>
      <c r="B38392" t="s">
        <v>23814</v>
      </c>
      <c r="C38392" t="s">
        <v>23815</v>
      </c>
      <c r="D38392" t="s">
        <v>23816</v>
      </c>
      <c r="E38392" t="s">
        <v>23789</v>
      </c>
      <c r="F38392" t="s">
        <v>23790</v>
      </c>
      <c r="G38392" t="s">
        <v>11612</v>
      </c>
      <c r="H38392" t="s">
        <v>11613</v>
      </c>
      <c r="I38392" s="2">
        <v>0</v>
      </c>
      <c r="J38392" s="2">
        <v>0</v>
      </c>
      <c r="K38392" s="2">
        <v>0.86</v>
      </c>
      <c r="L38392" t="s">
        <v>995</v>
      </c>
      <c r="M38392" t="s">
        <v>89</v>
      </c>
      <c r="N38392" t="s">
        <v>90</v>
      </c>
      <c r="O38392" t="s">
        <v>85</v>
      </c>
      <c r="P38392" t="s">
        <v>86</v>
      </c>
      <c r="Q38392">
        <v>26</v>
      </c>
      <c r="R38392">
        <v>26</v>
      </c>
      <c r="S38392">
        <v>27</v>
      </c>
      <c r="T38392">
        <v>27</v>
      </c>
      <c r="U38392">
        <v>28</v>
      </c>
      <c r="V38392">
        <v>29</v>
      </c>
      <c r="W38392">
        <v>29</v>
      </c>
      <c r="X38392">
        <v>30</v>
      </c>
      <c r="Y38392">
        <v>30</v>
      </c>
      <c r="Z38392">
        <v>31</v>
      </c>
      <c r="AA38392">
        <v>31</v>
      </c>
      <c r="AB38392">
        <v>32</v>
      </c>
      <c r="AC38392">
        <v>32</v>
      </c>
      <c r="AD38392">
        <v>33</v>
      </c>
      <c r="AE38392">
        <v>33</v>
      </c>
      <c r="AF38392">
        <v>33</v>
      </c>
      <c r="AG38392">
        <v>33</v>
      </c>
      <c r="AH38392">
        <v>33</v>
      </c>
      <c r="AI38392">
        <v>33</v>
      </c>
      <c r="AJ38392">
        <v>34</v>
      </c>
      <c r="AK38392">
        <v>34</v>
      </c>
      <c r="AL38392">
        <v>34</v>
      </c>
      <c r="AM38392">
        <v>34</v>
      </c>
      <c r="AN38392">
        <v>34</v>
      </c>
      <c r="AO38392">
        <v>34</v>
      </c>
      <c r="AP38392">
        <v>34</v>
      </c>
      <c r="AQ38392">
        <v>34</v>
      </c>
    </row>
    <row r="38393" spans="1:43">
      <c r="A38393" t="s">
        <v>23813</v>
      </c>
      <c r="B38393" t="s">
        <v>23814</v>
      </c>
      <c r="C38393" t="s">
        <v>23815</v>
      </c>
      <c r="D38393" t="s">
        <v>23816</v>
      </c>
      <c r="E38393" t="s">
        <v>23789</v>
      </c>
      <c r="F38393" t="s">
        <v>23790</v>
      </c>
      <c r="G38393" t="s">
        <v>11612</v>
      </c>
      <c r="H38393" t="s">
        <v>11613</v>
      </c>
      <c r="I38393" s="2">
        <v>0</v>
      </c>
      <c r="J38393" s="2">
        <v>0</v>
      </c>
      <c r="K38393" s="2">
        <v>0.86</v>
      </c>
      <c r="L38393" t="s">
        <v>995</v>
      </c>
      <c r="M38393" t="s">
        <v>83</v>
      </c>
      <c r="N38393" t="s">
        <v>91</v>
      </c>
      <c r="O38393" t="s">
        <v>85</v>
      </c>
      <c r="P38393" t="s">
        <v>86</v>
      </c>
      <c r="Q38393">
        <v>26</v>
      </c>
      <c r="R38393">
        <v>27</v>
      </c>
      <c r="S38393">
        <v>27</v>
      </c>
      <c r="T38393">
        <v>28</v>
      </c>
      <c r="U38393">
        <v>28</v>
      </c>
      <c r="V38393">
        <v>28</v>
      </c>
      <c r="W38393">
        <v>29</v>
      </c>
      <c r="X38393">
        <v>29</v>
      </c>
      <c r="Y38393">
        <v>29</v>
      </c>
      <c r="Z38393">
        <v>30</v>
      </c>
      <c r="AA38393">
        <v>30</v>
      </c>
      <c r="AB38393">
        <v>31</v>
      </c>
      <c r="AC38393">
        <v>31</v>
      </c>
      <c r="AD38393">
        <v>31</v>
      </c>
      <c r="AE38393">
        <v>32</v>
      </c>
      <c r="AF38393">
        <v>32</v>
      </c>
      <c r="AG38393">
        <v>33</v>
      </c>
      <c r="AH38393">
        <v>33</v>
      </c>
      <c r="AI38393">
        <v>33</v>
      </c>
      <c r="AJ38393">
        <v>34</v>
      </c>
      <c r="AK38393">
        <v>34</v>
      </c>
      <c r="AL38393">
        <v>34</v>
      </c>
      <c r="AM38393">
        <v>35</v>
      </c>
      <c r="AN38393">
        <v>35</v>
      </c>
      <c r="AO38393">
        <v>35</v>
      </c>
      <c r="AP38393">
        <v>35</v>
      </c>
      <c r="AQ38393">
        <v>35</v>
      </c>
    </row>
    <row r="38394" spans="1:43">
      <c r="A38394" t="s">
        <v>23817</v>
      </c>
      <c r="B38394" t="s">
        <v>23818</v>
      </c>
      <c r="C38394" t="s">
        <v>23815</v>
      </c>
      <c r="D38394" t="s">
        <v>23816</v>
      </c>
      <c r="E38394" t="s">
        <v>23789</v>
      </c>
      <c r="F38394" t="s">
        <v>23790</v>
      </c>
      <c r="G38394" t="s">
        <v>11612</v>
      </c>
      <c r="H38394" t="s">
        <v>11613</v>
      </c>
      <c r="I38394" s="2">
        <v>0</v>
      </c>
      <c r="J38394" s="2">
        <v>0</v>
      </c>
      <c r="K38394" s="2">
        <v>1</v>
      </c>
      <c r="L38394" t="s">
        <v>995</v>
      </c>
      <c r="M38394" t="s">
        <v>83</v>
      </c>
      <c r="N38394" t="s">
        <v>84</v>
      </c>
      <c r="O38394" t="s">
        <v>85</v>
      </c>
      <c r="P38394" t="s">
        <v>86</v>
      </c>
      <c r="Q38394">
        <v>44</v>
      </c>
      <c r="R38394">
        <v>45</v>
      </c>
      <c r="S38394">
        <v>46</v>
      </c>
      <c r="T38394">
        <v>46</v>
      </c>
      <c r="U38394">
        <v>47</v>
      </c>
      <c r="V38394">
        <v>48</v>
      </c>
      <c r="W38394">
        <v>48</v>
      </c>
      <c r="X38394">
        <v>49</v>
      </c>
      <c r="Y38394">
        <v>50</v>
      </c>
      <c r="Z38394">
        <v>50</v>
      </c>
      <c r="AA38394">
        <v>51</v>
      </c>
      <c r="AB38394">
        <v>52</v>
      </c>
      <c r="AC38394">
        <v>52</v>
      </c>
      <c r="AD38394">
        <v>53</v>
      </c>
      <c r="AE38394">
        <v>54</v>
      </c>
      <c r="AF38394">
        <v>54</v>
      </c>
      <c r="AG38394">
        <v>55</v>
      </c>
      <c r="AH38394">
        <v>56</v>
      </c>
      <c r="AI38394">
        <v>56</v>
      </c>
      <c r="AJ38394">
        <v>57</v>
      </c>
      <c r="AK38394">
        <v>58</v>
      </c>
      <c r="AL38394">
        <v>58</v>
      </c>
      <c r="AM38394">
        <v>59</v>
      </c>
      <c r="AN38394">
        <v>59</v>
      </c>
      <c r="AO38394">
        <v>59</v>
      </c>
      <c r="AP38394">
        <v>59</v>
      </c>
      <c r="AQ38394">
        <v>60</v>
      </c>
    </row>
    <row r="38395" spans="1:43">
      <c r="A38395" t="s">
        <v>23817</v>
      </c>
      <c r="B38395" t="s">
        <v>23818</v>
      </c>
      <c r="C38395" t="s">
        <v>23815</v>
      </c>
      <c r="D38395" t="s">
        <v>23816</v>
      </c>
      <c r="E38395" t="s">
        <v>23789</v>
      </c>
      <c r="F38395" t="s">
        <v>23790</v>
      </c>
      <c r="G38395" t="s">
        <v>11612</v>
      </c>
      <c r="H38395" t="s">
        <v>11613</v>
      </c>
      <c r="I38395" s="2">
        <v>0</v>
      </c>
      <c r="J38395" s="2">
        <v>0</v>
      </c>
      <c r="K38395" s="2">
        <v>1</v>
      </c>
      <c r="L38395" t="s">
        <v>995</v>
      </c>
      <c r="M38395" t="s">
        <v>87</v>
      </c>
      <c r="N38395" t="s">
        <v>88</v>
      </c>
      <c r="O38395" t="s">
        <v>85</v>
      </c>
      <c r="P38395" t="s">
        <v>86</v>
      </c>
      <c r="Q38395">
        <v>44</v>
      </c>
      <c r="R38395">
        <v>44</v>
      </c>
      <c r="S38395">
        <v>44</v>
      </c>
      <c r="T38395">
        <v>45</v>
      </c>
      <c r="U38395">
        <v>45</v>
      </c>
      <c r="V38395">
        <v>45</v>
      </c>
      <c r="W38395">
        <v>45</v>
      </c>
      <c r="X38395">
        <v>46</v>
      </c>
      <c r="Y38395">
        <v>46</v>
      </c>
      <c r="Z38395">
        <v>46</v>
      </c>
      <c r="AA38395">
        <v>46</v>
      </c>
      <c r="AB38395">
        <v>47</v>
      </c>
      <c r="AC38395">
        <v>47</v>
      </c>
      <c r="AD38395">
        <v>47</v>
      </c>
      <c r="AE38395">
        <v>48</v>
      </c>
      <c r="AF38395">
        <v>48</v>
      </c>
      <c r="AG38395">
        <v>48</v>
      </c>
      <c r="AH38395">
        <v>48</v>
      </c>
      <c r="AI38395">
        <v>49</v>
      </c>
      <c r="AJ38395">
        <v>49</v>
      </c>
      <c r="AK38395">
        <v>49</v>
      </c>
      <c r="AL38395">
        <v>50</v>
      </c>
      <c r="AM38395">
        <v>50</v>
      </c>
      <c r="AN38395">
        <v>50</v>
      </c>
      <c r="AO38395">
        <v>51</v>
      </c>
      <c r="AP38395">
        <v>51</v>
      </c>
      <c r="AQ38395">
        <v>52</v>
      </c>
    </row>
    <row r="38396" spans="1:43">
      <c r="A38396" t="s">
        <v>23817</v>
      </c>
      <c r="B38396" t="s">
        <v>23818</v>
      </c>
      <c r="C38396" t="s">
        <v>23815</v>
      </c>
      <c r="D38396" t="s">
        <v>23816</v>
      </c>
      <c r="E38396" t="s">
        <v>23789</v>
      </c>
      <c r="F38396" t="s">
        <v>23790</v>
      </c>
      <c r="G38396" t="s">
        <v>11612</v>
      </c>
      <c r="H38396" t="s">
        <v>11613</v>
      </c>
      <c r="I38396" s="2">
        <v>0</v>
      </c>
      <c r="J38396" s="2">
        <v>0</v>
      </c>
      <c r="K38396" s="2">
        <v>1</v>
      </c>
      <c r="L38396" t="s">
        <v>995</v>
      </c>
      <c r="M38396" t="s">
        <v>89</v>
      </c>
      <c r="N38396" t="s">
        <v>90</v>
      </c>
      <c r="O38396" t="s">
        <v>85</v>
      </c>
      <c r="P38396" t="s">
        <v>86</v>
      </c>
      <c r="Q38396">
        <v>44</v>
      </c>
      <c r="R38396">
        <v>45</v>
      </c>
      <c r="S38396">
        <v>46</v>
      </c>
      <c r="T38396">
        <v>47</v>
      </c>
      <c r="U38396">
        <v>48</v>
      </c>
      <c r="V38396">
        <v>49</v>
      </c>
      <c r="W38396">
        <v>50</v>
      </c>
      <c r="X38396">
        <v>51</v>
      </c>
      <c r="Y38396">
        <v>52</v>
      </c>
      <c r="Z38396">
        <v>52</v>
      </c>
      <c r="AA38396">
        <v>53</v>
      </c>
      <c r="AB38396">
        <v>54</v>
      </c>
      <c r="AC38396">
        <v>55</v>
      </c>
      <c r="AD38396">
        <v>56</v>
      </c>
      <c r="AE38396">
        <v>57</v>
      </c>
      <c r="AF38396">
        <v>57</v>
      </c>
      <c r="AG38396">
        <v>57</v>
      </c>
      <c r="AH38396">
        <v>57</v>
      </c>
      <c r="AI38396">
        <v>57</v>
      </c>
      <c r="AJ38396">
        <v>58</v>
      </c>
      <c r="AK38396">
        <v>58</v>
      </c>
      <c r="AL38396">
        <v>58</v>
      </c>
      <c r="AM38396">
        <v>58</v>
      </c>
      <c r="AN38396">
        <v>59</v>
      </c>
      <c r="AO38396">
        <v>59</v>
      </c>
      <c r="AP38396">
        <v>59</v>
      </c>
      <c r="AQ38396">
        <v>59</v>
      </c>
    </row>
    <row r="38397" spans="1:43">
      <c r="A38397" t="s">
        <v>23817</v>
      </c>
      <c r="B38397" t="s">
        <v>23818</v>
      </c>
      <c r="C38397" t="s">
        <v>23815</v>
      </c>
      <c r="D38397" t="s">
        <v>23816</v>
      </c>
      <c r="E38397" t="s">
        <v>23789</v>
      </c>
      <c r="F38397" t="s">
        <v>23790</v>
      </c>
      <c r="G38397" t="s">
        <v>11612</v>
      </c>
      <c r="H38397" t="s">
        <v>11613</v>
      </c>
      <c r="I38397" s="2">
        <v>0</v>
      </c>
      <c r="J38397" s="2">
        <v>0</v>
      </c>
      <c r="K38397" s="2">
        <v>1</v>
      </c>
      <c r="L38397" t="s">
        <v>995</v>
      </c>
      <c r="M38397" t="s">
        <v>83</v>
      </c>
      <c r="N38397" t="s">
        <v>91</v>
      </c>
      <c r="O38397" t="s">
        <v>85</v>
      </c>
      <c r="P38397" t="s">
        <v>86</v>
      </c>
      <c r="Q38397">
        <v>44</v>
      </c>
      <c r="R38397">
        <v>45</v>
      </c>
      <c r="S38397">
        <v>46</v>
      </c>
      <c r="T38397">
        <v>46</v>
      </c>
      <c r="U38397">
        <v>47</v>
      </c>
      <c r="V38397">
        <v>48</v>
      </c>
      <c r="W38397">
        <v>48</v>
      </c>
      <c r="X38397">
        <v>49</v>
      </c>
      <c r="Y38397">
        <v>50</v>
      </c>
      <c r="Z38397">
        <v>50</v>
      </c>
      <c r="AA38397">
        <v>51</v>
      </c>
      <c r="AB38397">
        <v>52</v>
      </c>
      <c r="AC38397">
        <v>52</v>
      </c>
      <c r="AD38397">
        <v>53</v>
      </c>
      <c r="AE38397">
        <v>54</v>
      </c>
      <c r="AF38397">
        <v>54</v>
      </c>
      <c r="AG38397">
        <v>55</v>
      </c>
      <c r="AH38397">
        <v>56</v>
      </c>
      <c r="AI38397">
        <v>56</v>
      </c>
      <c r="AJ38397">
        <v>57</v>
      </c>
      <c r="AK38397">
        <v>58</v>
      </c>
      <c r="AL38397">
        <v>58</v>
      </c>
      <c r="AM38397">
        <v>59</v>
      </c>
      <c r="AN38397">
        <v>59</v>
      </c>
      <c r="AO38397">
        <v>59</v>
      </c>
      <c r="AP38397">
        <v>59</v>
      </c>
      <c r="AQ38397">
        <v>60</v>
      </c>
    </row>
    <row r="38398" spans="1:43">
      <c r="A38398" t="s">
        <v>23819</v>
      </c>
      <c r="B38398" t="s">
        <v>23820</v>
      </c>
      <c r="C38398" t="s">
        <v>23821</v>
      </c>
      <c r="D38398" t="s">
        <v>23822</v>
      </c>
      <c r="E38398" t="s">
        <v>23789</v>
      </c>
      <c r="F38398" t="s">
        <v>23790</v>
      </c>
      <c r="G38398" t="s">
        <v>11612</v>
      </c>
      <c r="H38398" t="s">
        <v>11613</v>
      </c>
      <c r="I38398" s="2">
        <v>0</v>
      </c>
      <c r="J38398" s="2">
        <v>0</v>
      </c>
      <c r="K38398" s="2">
        <v>1</v>
      </c>
      <c r="L38398" t="s">
        <v>995</v>
      </c>
      <c r="M38398" t="s">
        <v>83</v>
      </c>
      <c r="N38398" t="s">
        <v>84</v>
      </c>
      <c r="O38398" t="s">
        <v>85</v>
      </c>
      <c r="P38398" t="s">
        <v>86</v>
      </c>
      <c r="Q38398">
        <v>12</v>
      </c>
      <c r="R38398">
        <v>12</v>
      </c>
      <c r="S38398">
        <v>12</v>
      </c>
      <c r="T38398">
        <v>12</v>
      </c>
      <c r="U38398">
        <v>12</v>
      </c>
      <c r="V38398">
        <v>12</v>
      </c>
      <c r="W38398">
        <v>13</v>
      </c>
      <c r="X38398">
        <v>13</v>
      </c>
      <c r="Y38398">
        <v>13</v>
      </c>
      <c r="Z38398">
        <v>13</v>
      </c>
      <c r="AA38398">
        <v>13</v>
      </c>
      <c r="AB38398">
        <v>13</v>
      </c>
      <c r="AC38398">
        <v>14</v>
      </c>
      <c r="AD38398">
        <v>14</v>
      </c>
      <c r="AE38398">
        <v>14</v>
      </c>
      <c r="AF38398">
        <v>14</v>
      </c>
      <c r="AG38398">
        <v>14</v>
      </c>
      <c r="AH38398">
        <v>14</v>
      </c>
      <c r="AI38398">
        <v>15</v>
      </c>
      <c r="AJ38398">
        <v>15</v>
      </c>
      <c r="AK38398">
        <v>15</v>
      </c>
      <c r="AL38398">
        <v>15</v>
      </c>
      <c r="AM38398">
        <v>15</v>
      </c>
      <c r="AN38398">
        <v>15</v>
      </c>
      <c r="AO38398">
        <v>15</v>
      </c>
      <c r="AP38398">
        <v>15</v>
      </c>
      <c r="AQ38398">
        <v>15</v>
      </c>
    </row>
    <row r="38399" spans="1:43">
      <c r="A38399" t="s">
        <v>23819</v>
      </c>
      <c r="B38399" t="s">
        <v>23820</v>
      </c>
      <c r="C38399" t="s">
        <v>23821</v>
      </c>
      <c r="D38399" t="s">
        <v>23822</v>
      </c>
      <c r="E38399" t="s">
        <v>23789</v>
      </c>
      <c r="F38399" t="s">
        <v>23790</v>
      </c>
      <c r="G38399" t="s">
        <v>11612</v>
      </c>
      <c r="H38399" t="s">
        <v>11613</v>
      </c>
      <c r="I38399" s="2">
        <v>0</v>
      </c>
      <c r="J38399" s="2">
        <v>0</v>
      </c>
      <c r="K38399" s="2">
        <v>1</v>
      </c>
      <c r="L38399" t="s">
        <v>995</v>
      </c>
      <c r="M38399" t="s">
        <v>87</v>
      </c>
      <c r="N38399" t="s">
        <v>88</v>
      </c>
      <c r="O38399" t="s">
        <v>85</v>
      </c>
      <c r="P38399" t="s">
        <v>86</v>
      </c>
      <c r="Q38399">
        <v>12</v>
      </c>
      <c r="R38399">
        <v>12</v>
      </c>
      <c r="S38399">
        <v>13</v>
      </c>
      <c r="T38399">
        <v>13</v>
      </c>
      <c r="U38399">
        <v>13</v>
      </c>
      <c r="V38399">
        <v>13</v>
      </c>
      <c r="W38399">
        <v>13</v>
      </c>
      <c r="X38399">
        <v>13</v>
      </c>
      <c r="Y38399">
        <v>13</v>
      </c>
      <c r="Z38399">
        <v>13</v>
      </c>
      <c r="AA38399">
        <v>13</v>
      </c>
      <c r="AB38399">
        <v>13</v>
      </c>
      <c r="AC38399">
        <v>13</v>
      </c>
      <c r="AD38399">
        <v>13</v>
      </c>
      <c r="AE38399">
        <v>13</v>
      </c>
      <c r="AF38399">
        <v>13</v>
      </c>
      <c r="AG38399">
        <v>13</v>
      </c>
      <c r="AH38399">
        <v>14</v>
      </c>
      <c r="AI38399">
        <v>14</v>
      </c>
      <c r="AJ38399">
        <v>14</v>
      </c>
      <c r="AK38399">
        <v>14</v>
      </c>
      <c r="AL38399">
        <v>14</v>
      </c>
      <c r="AM38399">
        <v>14</v>
      </c>
      <c r="AN38399">
        <v>14</v>
      </c>
      <c r="AO38399">
        <v>14</v>
      </c>
      <c r="AP38399">
        <v>14</v>
      </c>
      <c r="AQ38399">
        <v>14</v>
      </c>
    </row>
    <row r="38400" spans="1:43">
      <c r="A38400" t="s">
        <v>23819</v>
      </c>
      <c r="B38400" t="s">
        <v>23820</v>
      </c>
      <c r="C38400" t="s">
        <v>23821</v>
      </c>
      <c r="D38400" t="s">
        <v>23822</v>
      </c>
      <c r="E38400" t="s">
        <v>23789</v>
      </c>
      <c r="F38400" t="s">
        <v>23790</v>
      </c>
      <c r="G38400" t="s">
        <v>11612</v>
      </c>
      <c r="H38400" t="s">
        <v>11613</v>
      </c>
      <c r="I38400" s="2">
        <v>0</v>
      </c>
      <c r="J38400" s="2">
        <v>0</v>
      </c>
      <c r="K38400" s="2">
        <v>1</v>
      </c>
      <c r="L38400" t="s">
        <v>995</v>
      </c>
      <c r="M38400" t="s">
        <v>89</v>
      </c>
      <c r="N38400" t="s">
        <v>90</v>
      </c>
      <c r="O38400" t="s">
        <v>85</v>
      </c>
      <c r="P38400" t="s">
        <v>86</v>
      </c>
      <c r="Q38400">
        <v>12</v>
      </c>
      <c r="R38400">
        <v>12</v>
      </c>
      <c r="S38400">
        <v>12</v>
      </c>
      <c r="T38400">
        <v>12</v>
      </c>
      <c r="U38400">
        <v>13</v>
      </c>
      <c r="V38400">
        <v>13</v>
      </c>
      <c r="W38400">
        <v>13</v>
      </c>
      <c r="X38400">
        <v>13</v>
      </c>
      <c r="Y38400">
        <v>14</v>
      </c>
      <c r="Z38400">
        <v>14</v>
      </c>
      <c r="AA38400">
        <v>14</v>
      </c>
      <c r="AB38400">
        <v>14</v>
      </c>
      <c r="AC38400">
        <v>15</v>
      </c>
      <c r="AD38400">
        <v>15</v>
      </c>
      <c r="AE38400">
        <v>15</v>
      </c>
      <c r="AF38400">
        <v>15</v>
      </c>
      <c r="AG38400">
        <v>15</v>
      </c>
      <c r="AH38400">
        <v>15</v>
      </c>
      <c r="AI38400">
        <v>15</v>
      </c>
      <c r="AJ38400">
        <v>15</v>
      </c>
      <c r="AK38400">
        <v>15</v>
      </c>
      <c r="AL38400">
        <v>15</v>
      </c>
      <c r="AM38400">
        <v>15</v>
      </c>
      <c r="AN38400">
        <v>15</v>
      </c>
      <c r="AO38400">
        <v>15</v>
      </c>
      <c r="AP38400">
        <v>15</v>
      </c>
      <c r="AQ38400">
        <v>15</v>
      </c>
    </row>
    <row r="38401" spans="1:43">
      <c r="A38401" t="s">
        <v>23819</v>
      </c>
      <c r="B38401" t="s">
        <v>23820</v>
      </c>
      <c r="C38401" t="s">
        <v>23821</v>
      </c>
      <c r="D38401" t="s">
        <v>23822</v>
      </c>
      <c r="E38401" t="s">
        <v>23789</v>
      </c>
      <c r="F38401" t="s">
        <v>23790</v>
      </c>
      <c r="G38401" t="s">
        <v>11612</v>
      </c>
      <c r="H38401" t="s">
        <v>11613</v>
      </c>
      <c r="I38401" s="2">
        <v>0</v>
      </c>
      <c r="J38401" s="2">
        <v>0</v>
      </c>
      <c r="K38401" s="2">
        <v>1</v>
      </c>
      <c r="L38401" t="s">
        <v>995</v>
      </c>
      <c r="M38401" t="s">
        <v>83</v>
      </c>
      <c r="N38401" t="s">
        <v>91</v>
      </c>
      <c r="O38401" t="s">
        <v>85</v>
      </c>
      <c r="P38401" t="s">
        <v>86</v>
      </c>
      <c r="Q38401">
        <v>12</v>
      </c>
      <c r="R38401">
        <v>12</v>
      </c>
      <c r="S38401">
        <v>12</v>
      </c>
      <c r="T38401">
        <v>12</v>
      </c>
      <c r="U38401">
        <v>12</v>
      </c>
      <c r="V38401">
        <v>12</v>
      </c>
      <c r="W38401">
        <v>13</v>
      </c>
      <c r="X38401">
        <v>13</v>
      </c>
      <c r="Y38401">
        <v>13</v>
      </c>
      <c r="Z38401">
        <v>13</v>
      </c>
      <c r="AA38401">
        <v>13</v>
      </c>
      <c r="AB38401">
        <v>13</v>
      </c>
      <c r="AC38401">
        <v>14</v>
      </c>
      <c r="AD38401">
        <v>14</v>
      </c>
      <c r="AE38401">
        <v>14</v>
      </c>
      <c r="AF38401">
        <v>14</v>
      </c>
      <c r="AG38401">
        <v>14</v>
      </c>
      <c r="AH38401">
        <v>14</v>
      </c>
      <c r="AI38401">
        <v>15</v>
      </c>
      <c r="AJ38401">
        <v>15</v>
      </c>
      <c r="AK38401">
        <v>15</v>
      </c>
      <c r="AL38401">
        <v>15</v>
      </c>
      <c r="AM38401">
        <v>15</v>
      </c>
      <c r="AN38401">
        <v>15</v>
      </c>
      <c r="AO38401">
        <v>15</v>
      </c>
      <c r="AP38401">
        <v>15</v>
      </c>
      <c r="AQ38401">
        <v>15</v>
      </c>
    </row>
    <row r="38402" spans="1:43">
      <c r="A38402" t="s">
        <v>23823</v>
      </c>
      <c r="B38402" t="s">
        <v>23824</v>
      </c>
      <c r="C38402" t="s">
        <v>23821</v>
      </c>
      <c r="D38402" t="s">
        <v>23822</v>
      </c>
      <c r="E38402" t="s">
        <v>23789</v>
      </c>
      <c r="F38402" t="s">
        <v>23790</v>
      </c>
      <c r="G38402" t="s">
        <v>11612</v>
      </c>
      <c r="H38402" t="s">
        <v>11613</v>
      </c>
      <c r="I38402" s="2">
        <v>0</v>
      </c>
      <c r="J38402" s="2">
        <v>0</v>
      </c>
      <c r="K38402" s="2">
        <v>1</v>
      </c>
      <c r="L38402" t="s">
        <v>995</v>
      </c>
      <c r="M38402" t="s">
        <v>83</v>
      </c>
      <c r="N38402" t="s">
        <v>84</v>
      </c>
      <c r="O38402" t="s">
        <v>85</v>
      </c>
      <c r="P38402" t="s">
        <v>86</v>
      </c>
      <c r="Q38402">
        <v>7</v>
      </c>
      <c r="R38402">
        <v>7</v>
      </c>
      <c r="S38402">
        <v>7</v>
      </c>
      <c r="T38402">
        <v>7</v>
      </c>
      <c r="U38402">
        <v>7</v>
      </c>
      <c r="V38402">
        <v>7</v>
      </c>
      <c r="W38402">
        <v>7</v>
      </c>
      <c r="X38402">
        <v>7</v>
      </c>
      <c r="Y38402">
        <v>7</v>
      </c>
      <c r="Z38402">
        <v>8</v>
      </c>
      <c r="AA38402">
        <v>8</v>
      </c>
      <c r="AB38402">
        <v>8</v>
      </c>
      <c r="AC38402">
        <v>8</v>
      </c>
      <c r="AD38402">
        <v>8</v>
      </c>
      <c r="AE38402">
        <v>8</v>
      </c>
      <c r="AF38402">
        <v>8</v>
      </c>
      <c r="AG38402">
        <v>8</v>
      </c>
      <c r="AH38402">
        <v>8</v>
      </c>
      <c r="AI38402">
        <v>8</v>
      </c>
      <c r="AJ38402">
        <v>9</v>
      </c>
      <c r="AK38402">
        <v>9</v>
      </c>
      <c r="AL38402">
        <v>9</v>
      </c>
      <c r="AM38402">
        <v>9</v>
      </c>
      <c r="AN38402">
        <v>9</v>
      </c>
      <c r="AO38402">
        <v>9</v>
      </c>
      <c r="AP38402">
        <v>9</v>
      </c>
      <c r="AQ38402">
        <v>9</v>
      </c>
    </row>
    <row r="38403" spans="1:43">
      <c r="A38403" t="s">
        <v>23823</v>
      </c>
      <c r="B38403" t="s">
        <v>23824</v>
      </c>
      <c r="C38403" t="s">
        <v>23821</v>
      </c>
      <c r="D38403" t="s">
        <v>23822</v>
      </c>
      <c r="E38403" t="s">
        <v>23789</v>
      </c>
      <c r="F38403" t="s">
        <v>23790</v>
      </c>
      <c r="G38403" t="s">
        <v>11612</v>
      </c>
      <c r="H38403" t="s">
        <v>11613</v>
      </c>
      <c r="I38403" s="2">
        <v>0</v>
      </c>
      <c r="J38403" s="2">
        <v>0</v>
      </c>
      <c r="K38403" s="2">
        <v>1</v>
      </c>
      <c r="L38403" t="s">
        <v>995</v>
      </c>
      <c r="M38403" t="s">
        <v>87</v>
      </c>
      <c r="N38403" t="s">
        <v>88</v>
      </c>
      <c r="O38403" t="s">
        <v>85</v>
      </c>
      <c r="P38403" t="s">
        <v>86</v>
      </c>
      <c r="Q38403">
        <v>7</v>
      </c>
      <c r="R38403">
        <v>7</v>
      </c>
      <c r="S38403">
        <v>7</v>
      </c>
      <c r="T38403">
        <v>7</v>
      </c>
      <c r="U38403">
        <v>7</v>
      </c>
      <c r="V38403">
        <v>7</v>
      </c>
      <c r="W38403">
        <v>7</v>
      </c>
      <c r="X38403">
        <v>7</v>
      </c>
      <c r="Y38403">
        <v>7</v>
      </c>
      <c r="Z38403">
        <v>7</v>
      </c>
      <c r="AA38403">
        <v>7</v>
      </c>
      <c r="AB38403">
        <v>7</v>
      </c>
      <c r="AC38403">
        <v>7</v>
      </c>
      <c r="AD38403">
        <v>7</v>
      </c>
      <c r="AE38403">
        <v>7</v>
      </c>
      <c r="AF38403">
        <v>7</v>
      </c>
      <c r="AG38403">
        <v>7</v>
      </c>
      <c r="AH38403">
        <v>7</v>
      </c>
      <c r="AI38403">
        <v>7</v>
      </c>
      <c r="AJ38403">
        <v>7</v>
      </c>
      <c r="AK38403">
        <v>7</v>
      </c>
      <c r="AL38403">
        <v>7</v>
      </c>
      <c r="AM38403">
        <v>7</v>
      </c>
      <c r="AN38403">
        <v>8</v>
      </c>
      <c r="AO38403">
        <v>8</v>
      </c>
      <c r="AP38403">
        <v>8</v>
      </c>
      <c r="AQ38403">
        <v>8</v>
      </c>
    </row>
    <row r="38404" spans="1:43">
      <c r="A38404" t="s">
        <v>23823</v>
      </c>
      <c r="B38404" t="s">
        <v>23824</v>
      </c>
      <c r="C38404" t="s">
        <v>23821</v>
      </c>
      <c r="D38404" t="s">
        <v>23822</v>
      </c>
      <c r="E38404" t="s">
        <v>23789</v>
      </c>
      <c r="F38404" t="s">
        <v>23790</v>
      </c>
      <c r="G38404" t="s">
        <v>11612</v>
      </c>
      <c r="H38404" t="s">
        <v>11613</v>
      </c>
      <c r="I38404" s="2">
        <v>0</v>
      </c>
      <c r="J38404" s="2">
        <v>0</v>
      </c>
      <c r="K38404" s="2">
        <v>1</v>
      </c>
      <c r="L38404" t="s">
        <v>995</v>
      </c>
      <c r="M38404" t="s">
        <v>89</v>
      </c>
      <c r="N38404" t="s">
        <v>90</v>
      </c>
      <c r="O38404" t="s">
        <v>85</v>
      </c>
      <c r="P38404" t="s">
        <v>86</v>
      </c>
      <c r="Q38404">
        <v>7</v>
      </c>
      <c r="R38404">
        <v>7</v>
      </c>
      <c r="S38404">
        <v>7</v>
      </c>
      <c r="T38404">
        <v>7</v>
      </c>
      <c r="U38404">
        <v>7</v>
      </c>
      <c r="V38404">
        <v>7</v>
      </c>
      <c r="W38404">
        <v>8</v>
      </c>
      <c r="X38404">
        <v>8</v>
      </c>
      <c r="Y38404">
        <v>8</v>
      </c>
      <c r="Z38404">
        <v>8</v>
      </c>
      <c r="AA38404">
        <v>8</v>
      </c>
      <c r="AB38404">
        <v>8</v>
      </c>
      <c r="AC38404">
        <v>8</v>
      </c>
      <c r="AD38404">
        <v>8</v>
      </c>
      <c r="AE38404">
        <v>9</v>
      </c>
      <c r="AF38404">
        <v>9</v>
      </c>
      <c r="AG38404">
        <v>9</v>
      </c>
      <c r="AH38404">
        <v>9</v>
      </c>
      <c r="AI38404">
        <v>9</v>
      </c>
      <c r="AJ38404">
        <v>9</v>
      </c>
      <c r="AK38404">
        <v>9</v>
      </c>
      <c r="AL38404">
        <v>9</v>
      </c>
      <c r="AM38404">
        <v>9</v>
      </c>
      <c r="AN38404">
        <v>9</v>
      </c>
      <c r="AO38404">
        <v>9</v>
      </c>
      <c r="AP38404">
        <v>9</v>
      </c>
      <c r="AQ38404">
        <v>9</v>
      </c>
    </row>
    <row r="38405" spans="1:43">
      <c r="A38405" t="s">
        <v>23823</v>
      </c>
      <c r="B38405" t="s">
        <v>23824</v>
      </c>
      <c r="C38405" t="s">
        <v>23821</v>
      </c>
      <c r="D38405" t="s">
        <v>23822</v>
      </c>
      <c r="E38405" t="s">
        <v>23789</v>
      </c>
      <c r="F38405" t="s">
        <v>23790</v>
      </c>
      <c r="G38405" t="s">
        <v>11612</v>
      </c>
      <c r="H38405" t="s">
        <v>11613</v>
      </c>
      <c r="I38405" s="2">
        <v>0</v>
      </c>
      <c r="J38405" s="2">
        <v>0</v>
      </c>
      <c r="K38405" s="2">
        <v>1</v>
      </c>
      <c r="L38405" t="s">
        <v>995</v>
      </c>
      <c r="M38405" t="s">
        <v>83</v>
      </c>
      <c r="N38405" t="s">
        <v>91</v>
      </c>
      <c r="O38405" t="s">
        <v>85</v>
      </c>
      <c r="P38405" t="s">
        <v>86</v>
      </c>
      <c r="Q38405">
        <v>7</v>
      </c>
      <c r="R38405">
        <v>7</v>
      </c>
      <c r="S38405">
        <v>7</v>
      </c>
      <c r="T38405">
        <v>7</v>
      </c>
      <c r="U38405">
        <v>7</v>
      </c>
      <c r="V38405">
        <v>7</v>
      </c>
      <c r="W38405">
        <v>7</v>
      </c>
      <c r="X38405">
        <v>7</v>
      </c>
      <c r="Y38405">
        <v>7</v>
      </c>
      <c r="Z38405">
        <v>8</v>
      </c>
      <c r="AA38405">
        <v>8</v>
      </c>
      <c r="AB38405">
        <v>8</v>
      </c>
      <c r="AC38405">
        <v>8</v>
      </c>
      <c r="AD38405">
        <v>8</v>
      </c>
      <c r="AE38405">
        <v>8</v>
      </c>
      <c r="AF38405">
        <v>8</v>
      </c>
      <c r="AG38405">
        <v>8</v>
      </c>
      <c r="AH38405">
        <v>8</v>
      </c>
      <c r="AI38405">
        <v>8</v>
      </c>
      <c r="AJ38405">
        <v>9</v>
      </c>
      <c r="AK38405">
        <v>9</v>
      </c>
      <c r="AL38405">
        <v>9</v>
      </c>
      <c r="AM38405">
        <v>9</v>
      </c>
      <c r="AN38405">
        <v>9</v>
      </c>
      <c r="AO38405">
        <v>9</v>
      </c>
      <c r="AP38405">
        <v>9</v>
      </c>
      <c r="AQ38405">
        <v>9</v>
      </c>
    </row>
    <row r="38406" spans="1:43">
      <c r="A38406" t="s">
        <v>23825</v>
      </c>
      <c r="B38406" t="s">
        <v>23826</v>
      </c>
      <c r="C38406" t="s">
        <v>23821</v>
      </c>
      <c r="D38406" t="s">
        <v>23822</v>
      </c>
      <c r="E38406" t="s">
        <v>23789</v>
      </c>
      <c r="F38406" t="s">
        <v>23790</v>
      </c>
      <c r="G38406" t="s">
        <v>11612</v>
      </c>
      <c r="H38406" t="s">
        <v>11613</v>
      </c>
      <c r="I38406" s="2">
        <v>0</v>
      </c>
      <c r="J38406" s="2">
        <v>0</v>
      </c>
      <c r="K38406" s="2">
        <v>1</v>
      </c>
      <c r="L38406" t="s">
        <v>995</v>
      </c>
      <c r="M38406" t="s">
        <v>83</v>
      </c>
      <c r="N38406" t="s">
        <v>84</v>
      </c>
      <c r="O38406" t="s">
        <v>85</v>
      </c>
      <c r="P38406" t="s">
        <v>86</v>
      </c>
      <c r="Q38406">
        <v>22</v>
      </c>
      <c r="R38406">
        <v>23</v>
      </c>
      <c r="S38406">
        <v>23</v>
      </c>
      <c r="T38406">
        <v>23</v>
      </c>
      <c r="U38406">
        <v>24</v>
      </c>
      <c r="V38406">
        <v>24</v>
      </c>
      <c r="W38406">
        <v>24</v>
      </c>
      <c r="X38406">
        <v>25</v>
      </c>
      <c r="Y38406">
        <v>25</v>
      </c>
      <c r="Z38406">
        <v>25</v>
      </c>
      <c r="AA38406">
        <v>26</v>
      </c>
      <c r="AB38406">
        <v>26</v>
      </c>
      <c r="AC38406">
        <v>26</v>
      </c>
      <c r="AD38406">
        <v>27</v>
      </c>
      <c r="AE38406">
        <v>27</v>
      </c>
      <c r="AF38406">
        <v>27</v>
      </c>
      <c r="AG38406">
        <v>28</v>
      </c>
      <c r="AH38406">
        <v>28</v>
      </c>
      <c r="AI38406">
        <v>28</v>
      </c>
      <c r="AJ38406">
        <v>29</v>
      </c>
      <c r="AK38406">
        <v>29</v>
      </c>
      <c r="AL38406">
        <v>29</v>
      </c>
      <c r="AM38406">
        <v>29</v>
      </c>
      <c r="AN38406">
        <v>29</v>
      </c>
      <c r="AO38406">
        <v>29</v>
      </c>
      <c r="AP38406">
        <v>30</v>
      </c>
      <c r="AQ38406">
        <v>30</v>
      </c>
    </row>
    <row r="38407" spans="1:43">
      <c r="A38407" t="s">
        <v>23825</v>
      </c>
      <c r="B38407" t="s">
        <v>23826</v>
      </c>
      <c r="C38407" t="s">
        <v>23821</v>
      </c>
      <c r="D38407" t="s">
        <v>23822</v>
      </c>
      <c r="E38407" t="s">
        <v>23789</v>
      </c>
      <c r="F38407" t="s">
        <v>23790</v>
      </c>
      <c r="G38407" t="s">
        <v>11612</v>
      </c>
      <c r="H38407" t="s">
        <v>11613</v>
      </c>
      <c r="I38407" s="2">
        <v>0</v>
      </c>
      <c r="J38407" s="2">
        <v>0</v>
      </c>
      <c r="K38407" s="2">
        <v>1</v>
      </c>
      <c r="L38407" t="s">
        <v>995</v>
      </c>
      <c r="M38407" t="s">
        <v>87</v>
      </c>
      <c r="N38407" t="s">
        <v>88</v>
      </c>
      <c r="O38407" t="s">
        <v>85</v>
      </c>
      <c r="P38407" t="s">
        <v>86</v>
      </c>
      <c r="Q38407">
        <v>22</v>
      </c>
      <c r="R38407">
        <v>22</v>
      </c>
      <c r="S38407">
        <v>22</v>
      </c>
      <c r="T38407">
        <v>22</v>
      </c>
      <c r="U38407">
        <v>23</v>
      </c>
      <c r="V38407">
        <v>23</v>
      </c>
      <c r="W38407">
        <v>23</v>
      </c>
      <c r="X38407">
        <v>23</v>
      </c>
      <c r="Y38407">
        <v>23</v>
      </c>
      <c r="Z38407">
        <v>23</v>
      </c>
      <c r="AA38407">
        <v>23</v>
      </c>
      <c r="AB38407">
        <v>23</v>
      </c>
      <c r="AC38407">
        <v>24</v>
      </c>
      <c r="AD38407">
        <v>24</v>
      </c>
      <c r="AE38407">
        <v>24</v>
      </c>
      <c r="AF38407">
        <v>24</v>
      </c>
      <c r="AG38407">
        <v>24</v>
      </c>
      <c r="AH38407">
        <v>24</v>
      </c>
      <c r="AI38407">
        <v>24</v>
      </c>
      <c r="AJ38407">
        <v>25</v>
      </c>
      <c r="AK38407">
        <v>25</v>
      </c>
      <c r="AL38407">
        <v>25</v>
      </c>
      <c r="AM38407">
        <v>25</v>
      </c>
      <c r="AN38407">
        <v>25</v>
      </c>
      <c r="AO38407">
        <v>25</v>
      </c>
      <c r="AP38407">
        <v>26</v>
      </c>
      <c r="AQ38407">
        <v>26</v>
      </c>
    </row>
    <row r="38408" spans="1:43">
      <c r="A38408" t="s">
        <v>23825</v>
      </c>
      <c r="B38408" t="s">
        <v>23826</v>
      </c>
      <c r="C38408" t="s">
        <v>23821</v>
      </c>
      <c r="D38408" t="s">
        <v>23822</v>
      </c>
      <c r="E38408" t="s">
        <v>23789</v>
      </c>
      <c r="F38408" t="s">
        <v>23790</v>
      </c>
      <c r="G38408" t="s">
        <v>11612</v>
      </c>
      <c r="H38408" t="s">
        <v>11613</v>
      </c>
      <c r="I38408" s="2">
        <v>0</v>
      </c>
      <c r="J38408" s="2">
        <v>0</v>
      </c>
      <c r="K38408" s="2">
        <v>1</v>
      </c>
      <c r="L38408" t="s">
        <v>995</v>
      </c>
      <c r="M38408" t="s">
        <v>89</v>
      </c>
      <c r="N38408" t="s">
        <v>90</v>
      </c>
      <c r="O38408" t="s">
        <v>85</v>
      </c>
      <c r="P38408" t="s">
        <v>86</v>
      </c>
      <c r="Q38408">
        <v>22</v>
      </c>
      <c r="R38408">
        <v>23</v>
      </c>
      <c r="S38408">
        <v>23</v>
      </c>
      <c r="T38408">
        <v>24</v>
      </c>
      <c r="U38408">
        <v>24</v>
      </c>
      <c r="V38408">
        <v>25</v>
      </c>
      <c r="W38408">
        <v>25</v>
      </c>
      <c r="X38408">
        <v>26</v>
      </c>
      <c r="Y38408">
        <v>26</v>
      </c>
      <c r="Z38408">
        <v>27</v>
      </c>
      <c r="AA38408">
        <v>27</v>
      </c>
      <c r="AB38408">
        <v>28</v>
      </c>
      <c r="AC38408">
        <v>28</v>
      </c>
      <c r="AD38408">
        <v>28</v>
      </c>
      <c r="AE38408">
        <v>29</v>
      </c>
      <c r="AF38408">
        <v>29</v>
      </c>
      <c r="AG38408">
        <v>29</v>
      </c>
      <c r="AH38408">
        <v>29</v>
      </c>
      <c r="AI38408">
        <v>29</v>
      </c>
      <c r="AJ38408">
        <v>29</v>
      </c>
      <c r="AK38408">
        <v>29</v>
      </c>
      <c r="AL38408">
        <v>29</v>
      </c>
      <c r="AM38408">
        <v>30</v>
      </c>
      <c r="AN38408">
        <v>30</v>
      </c>
      <c r="AO38408">
        <v>30</v>
      </c>
      <c r="AP38408">
        <v>30</v>
      </c>
      <c r="AQ38408">
        <v>30</v>
      </c>
    </row>
    <row r="38409" spans="1:43">
      <c r="A38409" t="s">
        <v>23825</v>
      </c>
      <c r="B38409" t="s">
        <v>23826</v>
      </c>
      <c r="C38409" t="s">
        <v>23821</v>
      </c>
      <c r="D38409" t="s">
        <v>23822</v>
      </c>
      <c r="E38409" t="s">
        <v>23789</v>
      </c>
      <c r="F38409" t="s">
        <v>23790</v>
      </c>
      <c r="G38409" t="s">
        <v>11612</v>
      </c>
      <c r="H38409" t="s">
        <v>11613</v>
      </c>
      <c r="I38409" s="2">
        <v>0</v>
      </c>
      <c r="J38409" s="2">
        <v>0</v>
      </c>
      <c r="K38409" s="2">
        <v>1</v>
      </c>
      <c r="L38409" t="s">
        <v>995</v>
      </c>
      <c r="M38409" t="s">
        <v>83</v>
      </c>
      <c r="N38409" t="s">
        <v>91</v>
      </c>
      <c r="O38409" t="s">
        <v>85</v>
      </c>
      <c r="P38409" t="s">
        <v>86</v>
      </c>
      <c r="Q38409">
        <v>22</v>
      </c>
      <c r="R38409">
        <v>23</v>
      </c>
      <c r="S38409">
        <v>23</v>
      </c>
      <c r="T38409">
        <v>23</v>
      </c>
      <c r="U38409">
        <v>24</v>
      </c>
      <c r="V38409">
        <v>24</v>
      </c>
      <c r="W38409">
        <v>24</v>
      </c>
      <c r="X38409">
        <v>25</v>
      </c>
      <c r="Y38409">
        <v>25</v>
      </c>
      <c r="Z38409">
        <v>25</v>
      </c>
      <c r="AA38409">
        <v>26</v>
      </c>
      <c r="AB38409">
        <v>26</v>
      </c>
      <c r="AC38409">
        <v>26</v>
      </c>
      <c r="AD38409">
        <v>27</v>
      </c>
      <c r="AE38409">
        <v>27</v>
      </c>
      <c r="AF38409">
        <v>27</v>
      </c>
      <c r="AG38409">
        <v>28</v>
      </c>
      <c r="AH38409">
        <v>28</v>
      </c>
      <c r="AI38409">
        <v>28</v>
      </c>
      <c r="AJ38409">
        <v>29</v>
      </c>
      <c r="AK38409">
        <v>29</v>
      </c>
      <c r="AL38409">
        <v>29</v>
      </c>
      <c r="AM38409">
        <v>29</v>
      </c>
      <c r="AN38409">
        <v>29</v>
      </c>
      <c r="AO38409">
        <v>29</v>
      </c>
      <c r="AP38409">
        <v>30</v>
      </c>
      <c r="AQ38409">
        <v>30</v>
      </c>
    </row>
    <row r="38410" spans="1:43">
      <c r="A38410" t="s">
        <v>23827</v>
      </c>
      <c r="B38410" t="s">
        <v>23828</v>
      </c>
      <c r="C38410" t="s">
        <v>23821</v>
      </c>
      <c r="D38410" t="s">
        <v>23822</v>
      </c>
      <c r="E38410" t="s">
        <v>23789</v>
      </c>
      <c r="F38410" t="s">
        <v>23790</v>
      </c>
      <c r="G38410" t="s">
        <v>11612</v>
      </c>
      <c r="H38410" t="s">
        <v>11613</v>
      </c>
      <c r="I38410" s="2">
        <v>0</v>
      </c>
      <c r="J38410" s="2">
        <v>0</v>
      </c>
      <c r="K38410" s="2">
        <v>1</v>
      </c>
      <c r="L38410" t="s">
        <v>995</v>
      </c>
      <c r="M38410" t="s">
        <v>83</v>
      </c>
      <c r="N38410" t="s">
        <v>84</v>
      </c>
      <c r="O38410" t="s">
        <v>85</v>
      </c>
      <c r="P38410" t="s">
        <v>86</v>
      </c>
      <c r="Q38410">
        <v>10</v>
      </c>
      <c r="R38410">
        <v>10</v>
      </c>
      <c r="S38410">
        <v>10</v>
      </c>
      <c r="T38410">
        <v>10</v>
      </c>
      <c r="U38410">
        <v>10</v>
      </c>
      <c r="V38410">
        <v>11</v>
      </c>
      <c r="W38410">
        <v>11</v>
      </c>
      <c r="X38410">
        <v>11</v>
      </c>
      <c r="Y38410">
        <v>11</v>
      </c>
      <c r="Z38410">
        <v>11</v>
      </c>
      <c r="AA38410">
        <v>11</v>
      </c>
      <c r="AB38410">
        <v>11</v>
      </c>
      <c r="AC38410">
        <v>12</v>
      </c>
      <c r="AD38410">
        <v>12</v>
      </c>
      <c r="AE38410">
        <v>12</v>
      </c>
      <c r="AF38410">
        <v>12</v>
      </c>
      <c r="AG38410">
        <v>12</v>
      </c>
      <c r="AH38410">
        <v>12</v>
      </c>
      <c r="AI38410">
        <v>12</v>
      </c>
      <c r="AJ38410">
        <v>13</v>
      </c>
      <c r="AK38410">
        <v>13</v>
      </c>
      <c r="AL38410">
        <v>13</v>
      </c>
      <c r="AM38410">
        <v>13</v>
      </c>
      <c r="AN38410">
        <v>13</v>
      </c>
      <c r="AO38410">
        <v>13</v>
      </c>
      <c r="AP38410">
        <v>13</v>
      </c>
      <c r="AQ38410">
        <v>13</v>
      </c>
    </row>
    <row r="38411" spans="1:43">
      <c r="A38411" t="s">
        <v>23827</v>
      </c>
      <c r="B38411" t="s">
        <v>23828</v>
      </c>
      <c r="C38411" t="s">
        <v>23821</v>
      </c>
      <c r="D38411" t="s">
        <v>23822</v>
      </c>
      <c r="E38411" t="s">
        <v>23789</v>
      </c>
      <c r="F38411" t="s">
        <v>23790</v>
      </c>
      <c r="G38411" t="s">
        <v>11612</v>
      </c>
      <c r="H38411" t="s">
        <v>11613</v>
      </c>
      <c r="I38411" s="2">
        <v>0</v>
      </c>
      <c r="J38411" s="2">
        <v>0</v>
      </c>
      <c r="K38411" s="2">
        <v>1</v>
      </c>
      <c r="L38411" t="s">
        <v>995</v>
      </c>
      <c r="M38411" t="s">
        <v>87</v>
      </c>
      <c r="N38411" t="s">
        <v>88</v>
      </c>
      <c r="O38411" t="s">
        <v>85</v>
      </c>
      <c r="P38411" t="s">
        <v>86</v>
      </c>
      <c r="Q38411">
        <v>10</v>
      </c>
      <c r="R38411">
        <v>10</v>
      </c>
      <c r="S38411">
        <v>10</v>
      </c>
      <c r="T38411">
        <v>10</v>
      </c>
      <c r="U38411">
        <v>10</v>
      </c>
      <c r="V38411">
        <v>10</v>
      </c>
      <c r="W38411">
        <v>10</v>
      </c>
      <c r="X38411">
        <v>10</v>
      </c>
      <c r="Y38411">
        <v>10</v>
      </c>
      <c r="Z38411">
        <v>10</v>
      </c>
      <c r="AA38411">
        <v>10</v>
      </c>
      <c r="AB38411">
        <v>10</v>
      </c>
      <c r="AC38411">
        <v>10</v>
      </c>
      <c r="AD38411">
        <v>10</v>
      </c>
      <c r="AE38411">
        <v>10</v>
      </c>
      <c r="AF38411">
        <v>11</v>
      </c>
      <c r="AG38411">
        <v>11</v>
      </c>
      <c r="AH38411">
        <v>11</v>
      </c>
      <c r="AI38411">
        <v>11</v>
      </c>
      <c r="AJ38411">
        <v>11</v>
      </c>
      <c r="AK38411">
        <v>11</v>
      </c>
      <c r="AL38411">
        <v>11</v>
      </c>
      <c r="AM38411">
        <v>11</v>
      </c>
      <c r="AN38411">
        <v>11</v>
      </c>
      <c r="AO38411">
        <v>11</v>
      </c>
      <c r="AP38411">
        <v>11</v>
      </c>
      <c r="AQ38411">
        <v>11</v>
      </c>
    </row>
    <row r="38412" spans="1:43">
      <c r="A38412" t="s">
        <v>23827</v>
      </c>
      <c r="B38412" t="s">
        <v>23828</v>
      </c>
      <c r="C38412" t="s">
        <v>23821</v>
      </c>
      <c r="D38412" t="s">
        <v>23822</v>
      </c>
      <c r="E38412" t="s">
        <v>23789</v>
      </c>
      <c r="F38412" t="s">
        <v>23790</v>
      </c>
      <c r="G38412" t="s">
        <v>11612</v>
      </c>
      <c r="H38412" t="s">
        <v>11613</v>
      </c>
      <c r="I38412" s="2">
        <v>0</v>
      </c>
      <c r="J38412" s="2">
        <v>0</v>
      </c>
      <c r="K38412" s="2">
        <v>1</v>
      </c>
      <c r="L38412" t="s">
        <v>995</v>
      </c>
      <c r="M38412" t="s">
        <v>89</v>
      </c>
      <c r="N38412" t="s">
        <v>90</v>
      </c>
      <c r="O38412" t="s">
        <v>85</v>
      </c>
      <c r="P38412" t="s">
        <v>86</v>
      </c>
      <c r="Q38412">
        <v>10</v>
      </c>
      <c r="R38412">
        <v>10</v>
      </c>
      <c r="S38412">
        <v>10</v>
      </c>
      <c r="T38412">
        <v>11</v>
      </c>
      <c r="U38412">
        <v>11</v>
      </c>
      <c r="V38412">
        <v>11</v>
      </c>
      <c r="W38412">
        <v>11</v>
      </c>
      <c r="X38412">
        <v>11</v>
      </c>
      <c r="Y38412">
        <v>12</v>
      </c>
      <c r="Z38412">
        <v>12</v>
      </c>
      <c r="AA38412">
        <v>12</v>
      </c>
      <c r="AB38412">
        <v>12</v>
      </c>
      <c r="AC38412">
        <v>12</v>
      </c>
      <c r="AD38412">
        <v>13</v>
      </c>
      <c r="AE38412">
        <v>13</v>
      </c>
      <c r="AF38412">
        <v>13</v>
      </c>
      <c r="AG38412">
        <v>13</v>
      </c>
      <c r="AH38412">
        <v>13</v>
      </c>
      <c r="AI38412">
        <v>13</v>
      </c>
      <c r="AJ38412">
        <v>13</v>
      </c>
      <c r="AK38412">
        <v>13</v>
      </c>
      <c r="AL38412">
        <v>13</v>
      </c>
      <c r="AM38412">
        <v>13</v>
      </c>
      <c r="AN38412">
        <v>13</v>
      </c>
      <c r="AO38412">
        <v>13</v>
      </c>
      <c r="AP38412">
        <v>13</v>
      </c>
      <c r="AQ38412">
        <v>13</v>
      </c>
    </row>
    <row r="38413" spans="1:43">
      <c r="A38413" t="s">
        <v>23827</v>
      </c>
      <c r="B38413" t="s">
        <v>23828</v>
      </c>
      <c r="C38413" t="s">
        <v>23821</v>
      </c>
      <c r="D38413" t="s">
        <v>23822</v>
      </c>
      <c r="E38413" t="s">
        <v>23789</v>
      </c>
      <c r="F38413" t="s">
        <v>23790</v>
      </c>
      <c r="G38413" t="s">
        <v>11612</v>
      </c>
      <c r="H38413" t="s">
        <v>11613</v>
      </c>
      <c r="I38413" s="2">
        <v>0</v>
      </c>
      <c r="J38413" s="2">
        <v>0</v>
      </c>
      <c r="K38413" s="2">
        <v>1</v>
      </c>
      <c r="L38413" t="s">
        <v>995</v>
      </c>
      <c r="M38413" t="s">
        <v>83</v>
      </c>
      <c r="N38413" t="s">
        <v>91</v>
      </c>
      <c r="O38413" t="s">
        <v>85</v>
      </c>
      <c r="P38413" t="s">
        <v>86</v>
      </c>
      <c r="Q38413">
        <v>10</v>
      </c>
      <c r="R38413">
        <v>10</v>
      </c>
      <c r="S38413">
        <v>10</v>
      </c>
      <c r="T38413">
        <v>10</v>
      </c>
      <c r="U38413">
        <v>10</v>
      </c>
      <c r="V38413">
        <v>11</v>
      </c>
      <c r="W38413">
        <v>11</v>
      </c>
      <c r="X38413">
        <v>11</v>
      </c>
      <c r="Y38413">
        <v>11</v>
      </c>
      <c r="Z38413">
        <v>11</v>
      </c>
      <c r="AA38413">
        <v>11</v>
      </c>
      <c r="AB38413">
        <v>11</v>
      </c>
      <c r="AC38413">
        <v>12</v>
      </c>
      <c r="AD38413">
        <v>12</v>
      </c>
      <c r="AE38413">
        <v>12</v>
      </c>
      <c r="AF38413">
        <v>12</v>
      </c>
      <c r="AG38413">
        <v>12</v>
      </c>
      <c r="AH38413">
        <v>12</v>
      </c>
      <c r="AI38413">
        <v>12</v>
      </c>
      <c r="AJ38413">
        <v>13</v>
      </c>
      <c r="AK38413">
        <v>13</v>
      </c>
      <c r="AL38413">
        <v>13</v>
      </c>
      <c r="AM38413">
        <v>13</v>
      </c>
      <c r="AN38413">
        <v>13</v>
      </c>
      <c r="AO38413">
        <v>13</v>
      </c>
      <c r="AP38413">
        <v>13</v>
      </c>
      <c r="AQ38413">
        <v>13</v>
      </c>
    </row>
    <row r="38414" spans="1:43">
      <c r="A38414" t="s">
        <v>23829</v>
      </c>
      <c r="B38414" t="s">
        <v>23830</v>
      </c>
      <c r="C38414" t="s">
        <v>23809</v>
      </c>
      <c r="D38414" t="s">
        <v>23810</v>
      </c>
      <c r="E38414" t="s">
        <v>23789</v>
      </c>
      <c r="F38414" t="s">
        <v>23790</v>
      </c>
      <c r="G38414" t="s">
        <v>11612</v>
      </c>
      <c r="H38414" t="s">
        <v>11613</v>
      </c>
      <c r="I38414" s="2">
        <v>0</v>
      </c>
      <c r="J38414" s="2">
        <v>0</v>
      </c>
      <c r="K38414" s="2">
        <v>1</v>
      </c>
      <c r="L38414" t="s">
        <v>995</v>
      </c>
      <c r="M38414" t="s">
        <v>83</v>
      </c>
      <c r="N38414" t="s">
        <v>84</v>
      </c>
      <c r="O38414" t="s">
        <v>85</v>
      </c>
      <c r="P38414" t="s">
        <v>86</v>
      </c>
      <c r="Q38414">
        <v>20</v>
      </c>
      <c r="R38414">
        <v>21</v>
      </c>
      <c r="S38414">
        <v>21</v>
      </c>
      <c r="T38414">
        <v>21</v>
      </c>
      <c r="U38414">
        <v>22</v>
      </c>
      <c r="V38414">
        <v>22</v>
      </c>
      <c r="W38414">
        <v>22</v>
      </c>
      <c r="X38414">
        <v>22</v>
      </c>
      <c r="Y38414">
        <v>23</v>
      </c>
      <c r="Z38414">
        <v>23</v>
      </c>
      <c r="AA38414">
        <v>23</v>
      </c>
      <c r="AB38414">
        <v>24</v>
      </c>
      <c r="AC38414">
        <v>24</v>
      </c>
      <c r="AD38414">
        <v>24</v>
      </c>
      <c r="AE38414">
        <v>24</v>
      </c>
      <c r="AF38414">
        <v>25</v>
      </c>
      <c r="AG38414">
        <v>25</v>
      </c>
      <c r="AH38414">
        <v>25</v>
      </c>
      <c r="AI38414">
        <v>26</v>
      </c>
      <c r="AJ38414">
        <v>26</v>
      </c>
      <c r="AK38414">
        <v>26</v>
      </c>
      <c r="AL38414">
        <v>26</v>
      </c>
      <c r="AM38414">
        <v>26</v>
      </c>
      <c r="AN38414">
        <v>26</v>
      </c>
      <c r="AO38414">
        <v>27</v>
      </c>
      <c r="AP38414">
        <v>27</v>
      </c>
      <c r="AQ38414">
        <v>27</v>
      </c>
    </row>
    <row r="38415" spans="1:43">
      <c r="A38415" t="s">
        <v>23829</v>
      </c>
      <c r="B38415" t="s">
        <v>23830</v>
      </c>
      <c r="C38415" t="s">
        <v>23809</v>
      </c>
      <c r="D38415" t="s">
        <v>23810</v>
      </c>
      <c r="E38415" t="s">
        <v>23789</v>
      </c>
      <c r="F38415" t="s">
        <v>23790</v>
      </c>
      <c r="G38415" t="s">
        <v>11612</v>
      </c>
      <c r="H38415" t="s">
        <v>11613</v>
      </c>
      <c r="I38415" s="2">
        <v>0</v>
      </c>
      <c r="J38415" s="2">
        <v>0</v>
      </c>
      <c r="K38415" s="2">
        <v>1</v>
      </c>
      <c r="L38415" t="s">
        <v>995</v>
      </c>
      <c r="M38415" t="s">
        <v>87</v>
      </c>
      <c r="N38415" t="s">
        <v>88</v>
      </c>
      <c r="O38415" t="s">
        <v>85</v>
      </c>
      <c r="P38415" t="s">
        <v>86</v>
      </c>
      <c r="Q38415">
        <v>20</v>
      </c>
      <c r="R38415">
        <v>20</v>
      </c>
      <c r="S38415">
        <v>20</v>
      </c>
      <c r="T38415">
        <v>20</v>
      </c>
      <c r="U38415">
        <v>21</v>
      </c>
      <c r="V38415">
        <v>21</v>
      </c>
      <c r="W38415">
        <v>21</v>
      </c>
      <c r="X38415">
        <v>21</v>
      </c>
      <c r="Y38415">
        <v>21</v>
      </c>
      <c r="Z38415">
        <v>21</v>
      </c>
      <c r="AA38415">
        <v>21</v>
      </c>
      <c r="AB38415">
        <v>21</v>
      </c>
      <c r="AC38415">
        <v>21</v>
      </c>
      <c r="AD38415">
        <v>21</v>
      </c>
      <c r="AE38415">
        <v>22</v>
      </c>
      <c r="AF38415">
        <v>22</v>
      </c>
      <c r="AG38415">
        <v>22</v>
      </c>
      <c r="AH38415">
        <v>22</v>
      </c>
      <c r="AI38415">
        <v>22</v>
      </c>
      <c r="AJ38415">
        <v>22</v>
      </c>
      <c r="AK38415">
        <v>22</v>
      </c>
      <c r="AL38415">
        <v>23</v>
      </c>
      <c r="AM38415">
        <v>23</v>
      </c>
      <c r="AN38415">
        <v>23</v>
      </c>
      <c r="AO38415">
        <v>23</v>
      </c>
      <c r="AP38415">
        <v>23</v>
      </c>
      <c r="AQ38415">
        <v>23</v>
      </c>
    </row>
    <row r="38416" spans="1:43">
      <c r="A38416" t="s">
        <v>23829</v>
      </c>
      <c r="B38416" t="s">
        <v>23830</v>
      </c>
      <c r="C38416" t="s">
        <v>23809</v>
      </c>
      <c r="D38416" t="s">
        <v>23810</v>
      </c>
      <c r="E38416" t="s">
        <v>23789</v>
      </c>
      <c r="F38416" t="s">
        <v>23790</v>
      </c>
      <c r="G38416" t="s">
        <v>11612</v>
      </c>
      <c r="H38416" t="s">
        <v>11613</v>
      </c>
      <c r="I38416" s="2">
        <v>0</v>
      </c>
      <c r="J38416" s="2">
        <v>0</v>
      </c>
      <c r="K38416" s="2">
        <v>1</v>
      </c>
      <c r="L38416" t="s">
        <v>995</v>
      </c>
      <c r="M38416" t="s">
        <v>89</v>
      </c>
      <c r="N38416" t="s">
        <v>90</v>
      </c>
      <c r="O38416" t="s">
        <v>85</v>
      </c>
      <c r="P38416" t="s">
        <v>86</v>
      </c>
      <c r="Q38416">
        <v>20</v>
      </c>
      <c r="R38416">
        <v>20</v>
      </c>
      <c r="S38416">
        <v>20</v>
      </c>
      <c r="T38416">
        <v>21</v>
      </c>
      <c r="U38416">
        <v>21</v>
      </c>
      <c r="V38416">
        <v>22</v>
      </c>
      <c r="W38416">
        <v>22</v>
      </c>
      <c r="X38416">
        <v>23</v>
      </c>
      <c r="Y38416">
        <v>23</v>
      </c>
      <c r="Z38416">
        <v>23</v>
      </c>
      <c r="AA38416">
        <v>24</v>
      </c>
      <c r="AB38416">
        <v>24</v>
      </c>
      <c r="AC38416">
        <v>24</v>
      </c>
      <c r="AD38416">
        <v>25</v>
      </c>
      <c r="AE38416">
        <v>25</v>
      </c>
      <c r="AF38416">
        <v>25</v>
      </c>
      <c r="AG38416">
        <v>25</v>
      </c>
      <c r="AH38416">
        <v>25</v>
      </c>
      <c r="AI38416">
        <v>25</v>
      </c>
      <c r="AJ38416">
        <v>25</v>
      </c>
      <c r="AK38416">
        <v>25</v>
      </c>
      <c r="AL38416">
        <v>26</v>
      </c>
      <c r="AM38416">
        <v>26</v>
      </c>
      <c r="AN38416">
        <v>26</v>
      </c>
      <c r="AO38416">
        <v>26</v>
      </c>
      <c r="AP38416">
        <v>26</v>
      </c>
      <c r="AQ38416">
        <v>26</v>
      </c>
    </row>
    <row r="38417" spans="1:43">
      <c r="A38417" t="s">
        <v>23829</v>
      </c>
      <c r="B38417" t="s">
        <v>23830</v>
      </c>
      <c r="C38417" t="s">
        <v>23809</v>
      </c>
      <c r="D38417" t="s">
        <v>23810</v>
      </c>
      <c r="E38417" t="s">
        <v>23789</v>
      </c>
      <c r="F38417" t="s">
        <v>23790</v>
      </c>
      <c r="G38417" t="s">
        <v>11612</v>
      </c>
      <c r="H38417" t="s">
        <v>11613</v>
      </c>
      <c r="I38417" s="2">
        <v>0</v>
      </c>
      <c r="J38417" s="2">
        <v>0</v>
      </c>
      <c r="K38417" s="2">
        <v>1</v>
      </c>
      <c r="L38417" t="s">
        <v>995</v>
      </c>
      <c r="M38417" t="s">
        <v>83</v>
      </c>
      <c r="N38417" t="s">
        <v>91</v>
      </c>
      <c r="O38417" t="s">
        <v>85</v>
      </c>
      <c r="P38417" t="s">
        <v>86</v>
      </c>
      <c r="Q38417">
        <v>20</v>
      </c>
      <c r="R38417">
        <v>21</v>
      </c>
      <c r="S38417">
        <v>21</v>
      </c>
      <c r="T38417">
        <v>21</v>
      </c>
      <c r="U38417">
        <v>22</v>
      </c>
      <c r="V38417">
        <v>22</v>
      </c>
      <c r="W38417">
        <v>22</v>
      </c>
      <c r="X38417">
        <v>22</v>
      </c>
      <c r="Y38417">
        <v>23</v>
      </c>
      <c r="Z38417">
        <v>23</v>
      </c>
      <c r="AA38417">
        <v>23</v>
      </c>
      <c r="AB38417">
        <v>24</v>
      </c>
      <c r="AC38417">
        <v>24</v>
      </c>
      <c r="AD38417">
        <v>24</v>
      </c>
      <c r="AE38417">
        <v>24</v>
      </c>
      <c r="AF38417">
        <v>25</v>
      </c>
      <c r="AG38417">
        <v>25</v>
      </c>
      <c r="AH38417">
        <v>25</v>
      </c>
      <c r="AI38417">
        <v>26</v>
      </c>
      <c r="AJ38417">
        <v>26</v>
      </c>
      <c r="AK38417">
        <v>26</v>
      </c>
      <c r="AL38417">
        <v>26</v>
      </c>
      <c r="AM38417">
        <v>26</v>
      </c>
      <c r="AN38417">
        <v>26</v>
      </c>
      <c r="AO38417">
        <v>27</v>
      </c>
      <c r="AP38417">
        <v>27</v>
      </c>
      <c r="AQ38417">
        <v>27</v>
      </c>
    </row>
    <row r="38418" spans="1:43">
      <c r="A38418" t="s">
        <v>23831</v>
      </c>
      <c r="B38418" t="s">
        <v>23832</v>
      </c>
      <c r="C38418" t="s">
        <v>23809</v>
      </c>
      <c r="D38418" t="s">
        <v>23810</v>
      </c>
      <c r="E38418" t="s">
        <v>23789</v>
      </c>
      <c r="F38418" t="s">
        <v>23790</v>
      </c>
      <c r="G38418" t="s">
        <v>11612</v>
      </c>
      <c r="H38418" t="s">
        <v>11613</v>
      </c>
      <c r="I38418" s="2">
        <v>0</v>
      </c>
      <c r="J38418" s="2">
        <v>0</v>
      </c>
      <c r="K38418" s="2">
        <v>1</v>
      </c>
      <c r="L38418" t="s">
        <v>995</v>
      </c>
      <c r="M38418" t="s">
        <v>83</v>
      </c>
      <c r="N38418" t="s">
        <v>84</v>
      </c>
      <c r="O38418" t="s">
        <v>85</v>
      </c>
      <c r="P38418" t="s">
        <v>86</v>
      </c>
      <c r="Q38418">
        <v>1</v>
      </c>
      <c r="R38418">
        <v>2</v>
      </c>
      <c r="S38418">
        <v>2</v>
      </c>
      <c r="T38418">
        <v>2</v>
      </c>
      <c r="U38418">
        <v>2</v>
      </c>
      <c r="V38418">
        <v>2</v>
      </c>
      <c r="W38418">
        <v>2</v>
      </c>
      <c r="X38418">
        <v>2</v>
      </c>
      <c r="Y38418">
        <v>2</v>
      </c>
      <c r="Z38418">
        <v>2</v>
      </c>
      <c r="AA38418">
        <v>2</v>
      </c>
      <c r="AB38418">
        <v>2</v>
      </c>
      <c r="AC38418">
        <v>2</v>
      </c>
      <c r="AD38418">
        <v>2</v>
      </c>
      <c r="AE38418">
        <v>2</v>
      </c>
      <c r="AF38418">
        <v>2</v>
      </c>
      <c r="AG38418">
        <v>2</v>
      </c>
      <c r="AH38418">
        <v>2</v>
      </c>
      <c r="AI38418">
        <v>2</v>
      </c>
      <c r="AJ38418">
        <v>2</v>
      </c>
      <c r="AK38418">
        <v>2</v>
      </c>
      <c r="AL38418">
        <v>2</v>
      </c>
      <c r="AM38418">
        <v>2</v>
      </c>
      <c r="AN38418">
        <v>2</v>
      </c>
      <c r="AO38418">
        <v>2</v>
      </c>
      <c r="AP38418">
        <v>2</v>
      </c>
      <c r="AQ38418">
        <v>2</v>
      </c>
    </row>
    <row r="38419" spans="1:43">
      <c r="A38419" t="s">
        <v>23831</v>
      </c>
      <c r="B38419" t="s">
        <v>23832</v>
      </c>
      <c r="C38419" t="s">
        <v>23809</v>
      </c>
      <c r="D38419" t="s">
        <v>23810</v>
      </c>
      <c r="E38419" t="s">
        <v>23789</v>
      </c>
      <c r="F38419" t="s">
        <v>23790</v>
      </c>
      <c r="G38419" t="s">
        <v>11612</v>
      </c>
      <c r="H38419" t="s">
        <v>11613</v>
      </c>
      <c r="I38419" s="2">
        <v>0</v>
      </c>
      <c r="J38419" s="2">
        <v>0</v>
      </c>
      <c r="K38419" s="2">
        <v>1</v>
      </c>
      <c r="L38419" t="s">
        <v>995</v>
      </c>
      <c r="M38419" t="s">
        <v>87</v>
      </c>
      <c r="N38419" t="s">
        <v>88</v>
      </c>
      <c r="O38419" t="s">
        <v>85</v>
      </c>
      <c r="P38419" t="s">
        <v>86</v>
      </c>
      <c r="Q38419">
        <v>1</v>
      </c>
      <c r="R38419">
        <v>1</v>
      </c>
      <c r="S38419">
        <v>1</v>
      </c>
      <c r="T38419">
        <v>2</v>
      </c>
      <c r="U38419">
        <v>2</v>
      </c>
      <c r="V38419">
        <v>2</v>
      </c>
      <c r="W38419">
        <v>2</v>
      </c>
      <c r="X38419">
        <v>2</v>
      </c>
      <c r="Y38419">
        <v>2</v>
      </c>
      <c r="Z38419">
        <v>2</v>
      </c>
      <c r="AA38419">
        <v>2</v>
      </c>
      <c r="AB38419">
        <v>2</v>
      </c>
      <c r="AC38419">
        <v>2</v>
      </c>
      <c r="AD38419">
        <v>2</v>
      </c>
      <c r="AE38419">
        <v>2</v>
      </c>
      <c r="AF38419">
        <v>2</v>
      </c>
      <c r="AG38419">
        <v>2</v>
      </c>
      <c r="AH38419">
        <v>2</v>
      </c>
      <c r="AI38419">
        <v>2</v>
      </c>
      <c r="AJ38419">
        <v>2</v>
      </c>
      <c r="AK38419">
        <v>2</v>
      </c>
      <c r="AL38419">
        <v>2</v>
      </c>
      <c r="AM38419">
        <v>2</v>
      </c>
      <c r="AN38419">
        <v>2</v>
      </c>
      <c r="AO38419">
        <v>2</v>
      </c>
      <c r="AP38419">
        <v>2</v>
      </c>
      <c r="AQ38419">
        <v>2</v>
      </c>
    </row>
    <row r="38420" spans="1:43">
      <c r="A38420" t="s">
        <v>23831</v>
      </c>
      <c r="B38420" t="s">
        <v>23832</v>
      </c>
      <c r="C38420" t="s">
        <v>23809</v>
      </c>
      <c r="D38420" t="s">
        <v>23810</v>
      </c>
      <c r="E38420" t="s">
        <v>23789</v>
      </c>
      <c r="F38420" t="s">
        <v>23790</v>
      </c>
      <c r="G38420" t="s">
        <v>11612</v>
      </c>
      <c r="H38420" t="s">
        <v>11613</v>
      </c>
      <c r="I38420" s="2">
        <v>0</v>
      </c>
      <c r="J38420" s="2">
        <v>0</v>
      </c>
      <c r="K38420" s="2">
        <v>1</v>
      </c>
      <c r="L38420" t="s">
        <v>995</v>
      </c>
      <c r="M38420" t="s">
        <v>89</v>
      </c>
      <c r="N38420" t="s">
        <v>90</v>
      </c>
      <c r="O38420" t="s">
        <v>85</v>
      </c>
      <c r="P38420" t="s">
        <v>86</v>
      </c>
      <c r="Q38420">
        <v>1</v>
      </c>
      <c r="R38420">
        <v>1</v>
      </c>
      <c r="S38420">
        <v>1</v>
      </c>
      <c r="T38420">
        <v>1</v>
      </c>
      <c r="U38420">
        <v>1</v>
      </c>
      <c r="V38420">
        <v>1</v>
      </c>
      <c r="W38420">
        <v>1</v>
      </c>
      <c r="X38420">
        <v>1</v>
      </c>
      <c r="Y38420">
        <v>1</v>
      </c>
      <c r="Z38420">
        <v>1</v>
      </c>
      <c r="AA38420">
        <v>1</v>
      </c>
      <c r="AB38420">
        <v>1</v>
      </c>
      <c r="AC38420">
        <v>1</v>
      </c>
      <c r="AD38420">
        <v>1</v>
      </c>
      <c r="AE38420">
        <v>1</v>
      </c>
      <c r="AF38420">
        <v>1</v>
      </c>
      <c r="AG38420">
        <v>1</v>
      </c>
      <c r="AH38420">
        <v>1</v>
      </c>
      <c r="AI38420">
        <v>1</v>
      </c>
      <c r="AJ38420">
        <v>1</v>
      </c>
      <c r="AK38420">
        <v>1</v>
      </c>
      <c r="AL38420">
        <v>1</v>
      </c>
      <c r="AM38420">
        <v>1</v>
      </c>
      <c r="AN38420">
        <v>1</v>
      </c>
      <c r="AO38420">
        <v>1</v>
      </c>
      <c r="AP38420">
        <v>1</v>
      </c>
      <c r="AQ38420">
        <v>1</v>
      </c>
    </row>
    <row r="38421" spans="1:43">
      <c r="A38421" t="s">
        <v>23831</v>
      </c>
      <c r="B38421" t="s">
        <v>23832</v>
      </c>
      <c r="C38421" t="s">
        <v>23809</v>
      </c>
      <c r="D38421" t="s">
        <v>23810</v>
      </c>
      <c r="E38421" t="s">
        <v>23789</v>
      </c>
      <c r="F38421" t="s">
        <v>23790</v>
      </c>
      <c r="G38421" t="s">
        <v>11612</v>
      </c>
      <c r="H38421" t="s">
        <v>11613</v>
      </c>
      <c r="I38421" s="2">
        <v>0</v>
      </c>
      <c r="J38421" s="2">
        <v>0</v>
      </c>
      <c r="K38421" s="2">
        <v>1</v>
      </c>
      <c r="L38421" t="s">
        <v>995</v>
      </c>
      <c r="M38421" t="s">
        <v>83</v>
      </c>
      <c r="N38421" t="s">
        <v>91</v>
      </c>
      <c r="O38421" t="s">
        <v>85</v>
      </c>
      <c r="P38421" t="s">
        <v>86</v>
      </c>
      <c r="Q38421">
        <v>1</v>
      </c>
      <c r="R38421">
        <v>2</v>
      </c>
      <c r="S38421">
        <v>2</v>
      </c>
      <c r="T38421">
        <v>2</v>
      </c>
      <c r="U38421">
        <v>2</v>
      </c>
      <c r="V38421">
        <v>2</v>
      </c>
      <c r="W38421">
        <v>2</v>
      </c>
      <c r="X38421">
        <v>2</v>
      </c>
      <c r="Y38421">
        <v>2</v>
      </c>
      <c r="Z38421">
        <v>2</v>
      </c>
      <c r="AA38421">
        <v>2</v>
      </c>
      <c r="AB38421">
        <v>2</v>
      </c>
      <c r="AC38421">
        <v>2</v>
      </c>
      <c r="AD38421">
        <v>2</v>
      </c>
      <c r="AE38421">
        <v>2</v>
      </c>
      <c r="AF38421">
        <v>2</v>
      </c>
      <c r="AG38421">
        <v>2</v>
      </c>
      <c r="AH38421">
        <v>2</v>
      </c>
      <c r="AI38421">
        <v>2</v>
      </c>
      <c r="AJ38421">
        <v>2</v>
      </c>
      <c r="AK38421">
        <v>2</v>
      </c>
      <c r="AL38421">
        <v>2</v>
      </c>
      <c r="AM38421">
        <v>2</v>
      </c>
      <c r="AN38421">
        <v>2</v>
      </c>
      <c r="AO38421">
        <v>2</v>
      </c>
      <c r="AP38421">
        <v>2</v>
      </c>
      <c r="AQ38421">
        <v>2</v>
      </c>
    </row>
    <row r="38422" spans="1:43">
      <c r="A38422" t="s">
        <v>23833</v>
      </c>
      <c r="B38422" t="s">
        <v>23834</v>
      </c>
      <c r="C38422" t="s">
        <v>23809</v>
      </c>
      <c r="D38422" t="s">
        <v>23810</v>
      </c>
      <c r="E38422" t="s">
        <v>23789</v>
      </c>
      <c r="F38422" t="s">
        <v>23790</v>
      </c>
      <c r="G38422" t="s">
        <v>11612</v>
      </c>
      <c r="H38422" t="s">
        <v>11613</v>
      </c>
      <c r="I38422" s="2">
        <v>0</v>
      </c>
      <c r="J38422" s="2">
        <v>0</v>
      </c>
      <c r="K38422" s="2">
        <v>1</v>
      </c>
      <c r="L38422" t="s">
        <v>995</v>
      </c>
      <c r="M38422" t="s">
        <v>83</v>
      </c>
      <c r="N38422" t="s">
        <v>84</v>
      </c>
      <c r="O38422" t="s">
        <v>85</v>
      </c>
      <c r="P38422" t="s">
        <v>86</v>
      </c>
      <c r="Q38422">
        <v>15</v>
      </c>
      <c r="R38422">
        <v>15</v>
      </c>
      <c r="S38422">
        <v>15</v>
      </c>
      <c r="T38422">
        <v>16</v>
      </c>
      <c r="U38422">
        <v>16</v>
      </c>
      <c r="V38422">
        <v>16</v>
      </c>
      <c r="W38422">
        <v>16</v>
      </c>
      <c r="X38422">
        <v>17</v>
      </c>
      <c r="Y38422">
        <v>17</v>
      </c>
      <c r="Z38422">
        <v>17</v>
      </c>
      <c r="AA38422">
        <v>17</v>
      </c>
      <c r="AB38422">
        <v>18</v>
      </c>
      <c r="AC38422">
        <v>18</v>
      </c>
      <c r="AD38422">
        <v>18</v>
      </c>
      <c r="AE38422">
        <v>18</v>
      </c>
      <c r="AF38422">
        <v>18</v>
      </c>
      <c r="AG38422">
        <v>19</v>
      </c>
      <c r="AH38422">
        <v>19</v>
      </c>
      <c r="AI38422">
        <v>19</v>
      </c>
      <c r="AJ38422">
        <v>19</v>
      </c>
      <c r="AK38422">
        <v>20</v>
      </c>
      <c r="AL38422">
        <v>20</v>
      </c>
      <c r="AM38422">
        <v>20</v>
      </c>
      <c r="AN38422">
        <v>20</v>
      </c>
      <c r="AO38422">
        <v>20</v>
      </c>
      <c r="AP38422">
        <v>20</v>
      </c>
      <c r="AQ38422">
        <v>20</v>
      </c>
    </row>
    <row r="38423" spans="1:43">
      <c r="A38423" t="s">
        <v>23833</v>
      </c>
      <c r="B38423" t="s">
        <v>23834</v>
      </c>
      <c r="C38423" t="s">
        <v>23809</v>
      </c>
      <c r="D38423" t="s">
        <v>23810</v>
      </c>
      <c r="E38423" t="s">
        <v>23789</v>
      </c>
      <c r="F38423" t="s">
        <v>23790</v>
      </c>
      <c r="G38423" t="s">
        <v>11612</v>
      </c>
      <c r="H38423" t="s">
        <v>11613</v>
      </c>
      <c r="I38423" s="2">
        <v>0</v>
      </c>
      <c r="J38423" s="2">
        <v>0</v>
      </c>
      <c r="K38423" s="2">
        <v>1</v>
      </c>
      <c r="L38423" t="s">
        <v>995</v>
      </c>
      <c r="M38423" t="s">
        <v>87</v>
      </c>
      <c r="N38423" t="s">
        <v>88</v>
      </c>
      <c r="O38423" t="s">
        <v>85</v>
      </c>
      <c r="P38423" t="s">
        <v>86</v>
      </c>
      <c r="Q38423">
        <v>15</v>
      </c>
      <c r="R38423">
        <v>15</v>
      </c>
      <c r="S38423">
        <v>15</v>
      </c>
      <c r="T38423">
        <v>15</v>
      </c>
      <c r="U38423">
        <v>15</v>
      </c>
      <c r="V38423">
        <v>15</v>
      </c>
      <c r="W38423">
        <v>15</v>
      </c>
      <c r="X38423">
        <v>15</v>
      </c>
      <c r="Y38423">
        <v>16</v>
      </c>
      <c r="Z38423">
        <v>16</v>
      </c>
      <c r="AA38423">
        <v>16</v>
      </c>
      <c r="AB38423">
        <v>16</v>
      </c>
      <c r="AC38423">
        <v>16</v>
      </c>
      <c r="AD38423">
        <v>16</v>
      </c>
      <c r="AE38423">
        <v>16</v>
      </c>
      <c r="AF38423">
        <v>16</v>
      </c>
      <c r="AG38423">
        <v>16</v>
      </c>
      <c r="AH38423">
        <v>16</v>
      </c>
      <c r="AI38423">
        <v>17</v>
      </c>
      <c r="AJ38423">
        <v>17</v>
      </c>
      <c r="AK38423">
        <v>17</v>
      </c>
      <c r="AL38423">
        <v>17</v>
      </c>
      <c r="AM38423">
        <v>17</v>
      </c>
      <c r="AN38423">
        <v>17</v>
      </c>
      <c r="AO38423">
        <v>17</v>
      </c>
      <c r="AP38423">
        <v>17</v>
      </c>
      <c r="AQ38423">
        <v>18</v>
      </c>
    </row>
    <row r="38424" spans="1:43">
      <c r="A38424" t="s">
        <v>23833</v>
      </c>
      <c r="B38424" t="s">
        <v>23834</v>
      </c>
      <c r="C38424" t="s">
        <v>23809</v>
      </c>
      <c r="D38424" t="s">
        <v>23810</v>
      </c>
      <c r="E38424" t="s">
        <v>23789</v>
      </c>
      <c r="F38424" t="s">
        <v>23790</v>
      </c>
      <c r="G38424" t="s">
        <v>11612</v>
      </c>
      <c r="H38424" t="s">
        <v>11613</v>
      </c>
      <c r="I38424" s="2">
        <v>0</v>
      </c>
      <c r="J38424" s="2">
        <v>0</v>
      </c>
      <c r="K38424" s="2">
        <v>1</v>
      </c>
      <c r="L38424" t="s">
        <v>995</v>
      </c>
      <c r="M38424" t="s">
        <v>89</v>
      </c>
      <c r="N38424" t="s">
        <v>90</v>
      </c>
      <c r="O38424" t="s">
        <v>85</v>
      </c>
      <c r="P38424" t="s">
        <v>86</v>
      </c>
      <c r="Q38424">
        <v>15</v>
      </c>
      <c r="R38424">
        <v>15</v>
      </c>
      <c r="S38424">
        <v>16</v>
      </c>
      <c r="T38424">
        <v>16</v>
      </c>
      <c r="U38424">
        <v>17</v>
      </c>
      <c r="V38424">
        <v>17</v>
      </c>
      <c r="W38424">
        <v>17</v>
      </c>
      <c r="X38424">
        <v>18</v>
      </c>
      <c r="Y38424">
        <v>18</v>
      </c>
      <c r="Z38424">
        <v>18</v>
      </c>
      <c r="AA38424">
        <v>18</v>
      </c>
      <c r="AB38424">
        <v>19</v>
      </c>
      <c r="AC38424">
        <v>19</v>
      </c>
      <c r="AD38424">
        <v>19</v>
      </c>
      <c r="AE38424">
        <v>19</v>
      </c>
      <c r="AF38424">
        <v>20</v>
      </c>
      <c r="AG38424">
        <v>20</v>
      </c>
      <c r="AH38424">
        <v>20</v>
      </c>
      <c r="AI38424">
        <v>20</v>
      </c>
      <c r="AJ38424">
        <v>20</v>
      </c>
      <c r="AK38424">
        <v>20</v>
      </c>
      <c r="AL38424">
        <v>20</v>
      </c>
      <c r="AM38424">
        <v>20</v>
      </c>
      <c r="AN38424">
        <v>20</v>
      </c>
      <c r="AO38424">
        <v>20</v>
      </c>
      <c r="AP38424">
        <v>20</v>
      </c>
      <c r="AQ38424">
        <v>21</v>
      </c>
    </row>
    <row r="38425" spans="1:43">
      <c r="A38425" t="s">
        <v>23833</v>
      </c>
      <c r="B38425" t="s">
        <v>23834</v>
      </c>
      <c r="C38425" t="s">
        <v>23809</v>
      </c>
      <c r="D38425" t="s">
        <v>23810</v>
      </c>
      <c r="E38425" t="s">
        <v>23789</v>
      </c>
      <c r="F38425" t="s">
        <v>23790</v>
      </c>
      <c r="G38425" t="s">
        <v>11612</v>
      </c>
      <c r="H38425" t="s">
        <v>11613</v>
      </c>
      <c r="I38425" s="2">
        <v>0</v>
      </c>
      <c r="J38425" s="2">
        <v>0</v>
      </c>
      <c r="K38425" s="2">
        <v>1</v>
      </c>
      <c r="L38425" t="s">
        <v>995</v>
      </c>
      <c r="M38425" t="s">
        <v>83</v>
      </c>
      <c r="N38425" t="s">
        <v>91</v>
      </c>
      <c r="O38425" t="s">
        <v>85</v>
      </c>
      <c r="P38425" t="s">
        <v>86</v>
      </c>
      <c r="Q38425">
        <v>15</v>
      </c>
      <c r="R38425">
        <v>15</v>
      </c>
      <c r="S38425">
        <v>15</v>
      </c>
      <c r="T38425">
        <v>16</v>
      </c>
      <c r="U38425">
        <v>16</v>
      </c>
      <c r="V38425">
        <v>16</v>
      </c>
      <c r="W38425">
        <v>16</v>
      </c>
      <c r="X38425">
        <v>17</v>
      </c>
      <c r="Y38425">
        <v>17</v>
      </c>
      <c r="Z38425">
        <v>17</v>
      </c>
      <c r="AA38425">
        <v>17</v>
      </c>
      <c r="AB38425">
        <v>18</v>
      </c>
      <c r="AC38425">
        <v>18</v>
      </c>
      <c r="AD38425">
        <v>18</v>
      </c>
      <c r="AE38425">
        <v>18</v>
      </c>
      <c r="AF38425">
        <v>18</v>
      </c>
      <c r="AG38425">
        <v>19</v>
      </c>
      <c r="AH38425">
        <v>19</v>
      </c>
      <c r="AI38425">
        <v>19</v>
      </c>
      <c r="AJ38425">
        <v>19</v>
      </c>
      <c r="AK38425">
        <v>20</v>
      </c>
      <c r="AL38425">
        <v>20</v>
      </c>
      <c r="AM38425">
        <v>20</v>
      </c>
      <c r="AN38425">
        <v>20</v>
      </c>
      <c r="AO38425">
        <v>20</v>
      </c>
      <c r="AP38425">
        <v>20</v>
      </c>
      <c r="AQ38425">
        <v>20</v>
      </c>
    </row>
    <row r="38426" spans="1:43">
      <c r="A38426" t="s">
        <v>23835</v>
      </c>
      <c r="B38426" t="s">
        <v>23836</v>
      </c>
      <c r="C38426" t="s">
        <v>23837</v>
      </c>
      <c r="D38426" t="s">
        <v>23838</v>
      </c>
      <c r="E38426" t="s">
        <v>23789</v>
      </c>
      <c r="F38426" t="s">
        <v>23790</v>
      </c>
      <c r="G38426" t="s">
        <v>11612</v>
      </c>
      <c r="H38426" t="s">
        <v>11613</v>
      </c>
      <c r="I38426" s="2">
        <v>0</v>
      </c>
      <c r="J38426" s="2">
        <v>0</v>
      </c>
      <c r="K38426" s="2">
        <v>1</v>
      </c>
      <c r="L38426" t="s">
        <v>995</v>
      </c>
      <c r="M38426" t="s">
        <v>83</v>
      </c>
      <c r="N38426" t="s">
        <v>84</v>
      </c>
      <c r="O38426" t="s">
        <v>85</v>
      </c>
      <c r="P38426" t="s">
        <v>86</v>
      </c>
      <c r="Q38426">
        <v>40</v>
      </c>
      <c r="R38426">
        <v>40</v>
      </c>
      <c r="S38426">
        <v>41</v>
      </c>
      <c r="T38426">
        <v>41</v>
      </c>
      <c r="U38426">
        <v>42</v>
      </c>
      <c r="V38426">
        <v>43</v>
      </c>
      <c r="W38426">
        <v>43</v>
      </c>
      <c r="X38426">
        <v>44</v>
      </c>
      <c r="Y38426">
        <v>44</v>
      </c>
      <c r="Z38426">
        <v>45</v>
      </c>
      <c r="AA38426">
        <v>46</v>
      </c>
      <c r="AB38426">
        <v>46</v>
      </c>
      <c r="AC38426">
        <v>47</v>
      </c>
      <c r="AD38426">
        <v>47</v>
      </c>
      <c r="AE38426">
        <v>48</v>
      </c>
      <c r="AF38426">
        <v>48</v>
      </c>
      <c r="AG38426">
        <v>49</v>
      </c>
      <c r="AH38426">
        <v>50</v>
      </c>
      <c r="AI38426">
        <v>50</v>
      </c>
      <c r="AJ38426">
        <v>51</v>
      </c>
      <c r="AK38426">
        <v>52</v>
      </c>
      <c r="AL38426">
        <v>52</v>
      </c>
      <c r="AM38426">
        <v>52</v>
      </c>
      <c r="AN38426">
        <v>52</v>
      </c>
      <c r="AO38426">
        <v>52</v>
      </c>
      <c r="AP38426">
        <v>53</v>
      </c>
      <c r="AQ38426">
        <v>53</v>
      </c>
    </row>
    <row r="38427" spans="1:43">
      <c r="A38427" t="s">
        <v>23835</v>
      </c>
      <c r="B38427" t="s">
        <v>23836</v>
      </c>
      <c r="C38427" t="s">
        <v>23837</v>
      </c>
      <c r="D38427" t="s">
        <v>23838</v>
      </c>
      <c r="E38427" t="s">
        <v>23789</v>
      </c>
      <c r="F38427" t="s">
        <v>23790</v>
      </c>
      <c r="G38427" t="s">
        <v>11612</v>
      </c>
      <c r="H38427" t="s">
        <v>11613</v>
      </c>
      <c r="I38427" s="2">
        <v>0</v>
      </c>
      <c r="J38427" s="2">
        <v>0</v>
      </c>
      <c r="K38427" s="2">
        <v>1</v>
      </c>
      <c r="L38427" t="s">
        <v>995</v>
      </c>
      <c r="M38427" t="s">
        <v>87</v>
      </c>
      <c r="N38427" t="s">
        <v>88</v>
      </c>
      <c r="O38427" t="s">
        <v>85</v>
      </c>
      <c r="P38427" t="s">
        <v>86</v>
      </c>
      <c r="Q38427">
        <v>40</v>
      </c>
      <c r="R38427">
        <v>41</v>
      </c>
      <c r="S38427">
        <v>41</v>
      </c>
      <c r="T38427">
        <v>41</v>
      </c>
      <c r="U38427">
        <v>41</v>
      </c>
      <c r="V38427">
        <v>41</v>
      </c>
      <c r="W38427">
        <v>42</v>
      </c>
      <c r="X38427">
        <v>42</v>
      </c>
      <c r="Y38427">
        <v>42</v>
      </c>
      <c r="Z38427">
        <v>42</v>
      </c>
      <c r="AA38427">
        <v>42</v>
      </c>
      <c r="AB38427">
        <v>43</v>
      </c>
      <c r="AC38427">
        <v>43</v>
      </c>
      <c r="AD38427">
        <v>43</v>
      </c>
      <c r="AE38427">
        <v>43</v>
      </c>
      <c r="AF38427">
        <v>44</v>
      </c>
      <c r="AG38427">
        <v>44</v>
      </c>
      <c r="AH38427">
        <v>44</v>
      </c>
      <c r="AI38427">
        <v>44</v>
      </c>
      <c r="AJ38427">
        <v>45</v>
      </c>
      <c r="AK38427">
        <v>45</v>
      </c>
      <c r="AL38427">
        <v>45</v>
      </c>
      <c r="AM38427">
        <v>46</v>
      </c>
      <c r="AN38427">
        <v>46</v>
      </c>
      <c r="AO38427">
        <v>46</v>
      </c>
      <c r="AP38427">
        <v>47</v>
      </c>
      <c r="AQ38427">
        <v>47</v>
      </c>
    </row>
    <row r="38428" spans="1:43">
      <c r="A38428" t="s">
        <v>23835</v>
      </c>
      <c r="B38428" t="s">
        <v>23836</v>
      </c>
      <c r="C38428" t="s">
        <v>23837</v>
      </c>
      <c r="D38428" t="s">
        <v>23838</v>
      </c>
      <c r="E38428" t="s">
        <v>23789</v>
      </c>
      <c r="F38428" t="s">
        <v>23790</v>
      </c>
      <c r="G38428" t="s">
        <v>11612</v>
      </c>
      <c r="H38428" t="s">
        <v>11613</v>
      </c>
      <c r="I38428" s="2">
        <v>0</v>
      </c>
      <c r="J38428" s="2">
        <v>0</v>
      </c>
      <c r="K38428" s="2">
        <v>1</v>
      </c>
      <c r="L38428" t="s">
        <v>995</v>
      </c>
      <c r="M38428" t="s">
        <v>89</v>
      </c>
      <c r="N38428" t="s">
        <v>90</v>
      </c>
      <c r="O38428" t="s">
        <v>85</v>
      </c>
      <c r="P38428" t="s">
        <v>86</v>
      </c>
      <c r="Q38428">
        <v>40</v>
      </c>
      <c r="R38428">
        <v>41</v>
      </c>
      <c r="S38428">
        <v>42</v>
      </c>
      <c r="T38428">
        <v>43</v>
      </c>
      <c r="U38428">
        <v>44</v>
      </c>
      <c r="V38428">
        <v>45</v>
      </c>
      <c r="W38428">
        <v>45</v>
      </c>
      <c r="X38428">
        <v>46</v>
      </c>
      <c r="Y38428">
        <v>47</v>
      </c>
      <c r="Z38428">
        <v>48</v>
      </c>
      <c r="AA38428">
        <v>49</v>
      </c>
      <c r="AB38428">
        <v>49</v>
      </c>
      <c r="AC38428">
        <v>50</v>
      </c>
      <c r="AD38428">
        <v>51</v>
      </c>
      <c r="AE38428">
        <v>51</v>
      </c>
      <c r="AF38428">
        <v>51</v>
      </c>
      <c r="AG38428">
        <v>52</v>
      </c>
      <c r="AH38428">
        <v>52</v>
      </c>
      <c r="AI38428">
        <v>52</v>
      </c>
      <c r="AJ38428">
        <v>52</v>
      </c>
      <c r="AK38428">
        <v>52</v>
      </c>
      <c r="AL38428">
        <v>52</v>
      </c>
      <c r="AM38428">
        <v>53</v>
      </c>
      <c r="AN38428">
        <v>53</v>
      </c>
      <c r="AO38428">
        <v>53</v>
      </c>
      <c r="AP38428">
        <v>53</v>
      </c>
      <c r="AQ38428">
        <v>53</v>
      </c>
    </row>
    <row r="38429" spans="1:43">
      <c r="A38429" t="s">
        <v>23835</v>
      </c>
      <c r="B38429" t="s">
        <v>23836</v>
      </c>
      <c r="C38429" t="s">
        <v>23837</v>
      </c>
      <c r="D38429" t="s">
        <v>23838</v>
      </c>
      <c r="E38429" t="s">
        <v>23789</v>
      </c>
      <c r="F38429" t="s">
        <v>23790</v>
      </c>
      <c r="G38429" t="s">
        <v>11612</v>
      </c>
      <c r="H38429" t="s">
        <v>11613</v>
      </c>
      <c r="I38429" s="2">
        <v>0</v>
      </c>
      <c r="J38429" s="2">
        <v>0</v>
      </c>
      <c r="K38429" s="2">
        <v>1</v>
      </c>
      <c r="L38429" t="s">
        <v>995</v>
      </c>
      <c r="M38429" t="s">
        <v>83</v>
      </c>
      <c r="N38429" t="s">
        <v>91</v>
      </c>
      <c r="O38429" t="s">
        <v>85</v>
      </c>
      <c r="P38429" t="s">
        <v>86</v>
      </c>
      <c r="Q38429">
        <v>40</v>
      </c>
      <c r="R38429">
        <v>40</v>
      </c>
      <c r="S38429">
        <v>41</v>
      </c>
      <c r="T38429">
        <v>41</v>
      </c>
      <c r="U38429">
        <v>42</v>
      </c>
      <c r="V38429">
        <v>43</v>
      </c>
      <c r="W38429">
        <v>43</v>
      </c>
      <c r="X38429">
        <v>44</v>
      </c>
      <c r="Y38429">
        <v>44</v>
      </c>
      <c r="Z38429">
        <v>45</v>
      </c>
      <c r="AA38429">
        <v>46</v>
      </c>
      <c r="AB38429">
        <v>46</v>
      </c>
      <c r="AC38429">
        <v>47</v>
      </c>
      <c r="AD38429">
        <v>47</v>
      </c>
      <c r="AE38429">
        <v>48</v>
      </c>
      <c r="AF38429">
        <v>48</v>
      </c>
      <c r="AG38429">
        <v>49</v>
      </c>
      <c r="AH38429">
        <v>50</v>
      </c>
      <c r="AI38429">
        <v>50</v>
      </c>
      <c r="AJ38429">
        <v>51</v>
      </c>
      <c r="AK38429">
        <v>52</v>
      </c>
      <c r="AL38429">
        <v>52</v>
      </c>
      <c r="AM38429">
        <v>52</v>
      </c>
      <c r="AN38429">
        <v>52</v>
      </c>
      <c r="AO38429">
        <v>52</v>
      </c>
      <c r="AP38429">
        <v>53</v>
      </c>
      <c r="AQ38429">
        <v>53</v>
      </c>
    </row>
    <row r="38430" spans="1:43">
      <c r="A38430" t="s">
        <v>23839</v>
      </c>
      <c r="B38430" t="s">
        <v>23840</v>
      </c>
      <c r="C38430" t="s">
        <v>23837</v>
      </c>
      <c r="D38430" t="s">
        <v>23838</v>
      </c>
      <c r="E38430" t="s">
        <v>23789</v>
      </c>
      <c r="F38430" t="s">
        <v>23790</v>
      </c>
      <c r="G38430" t="s">
        <v>11612</v>
      </c>
      <c r="H38430" t="s">
        <v>11613</v>
      </c>
      <c r="I38430" s="2">
        <v>0</v>
      </c>
      <c r="J38430" s="2">
        <v>0</v>
      </c>
      <c r="K38430" s="2">
        <v>0.97</v>
      </c>
      <c r="L38430" t="s">
        <v>995</v>
      </c>
      <c r="M38430" t="s">
        <v>83</v>
      </c>
      <c r="N38430" t="s">
        <v>84</v>
      </c>
      <c r="O38430" t="s">
        <v>85</v>
      </c>
      <c r="P38430" t="s">
        <v>86</v>
      </c>
      <c r="Q38430">
        <v>53</v>
      </c>
      <c r="R38430">
        <v>54</v>
      </c>
      <c r="S38430">
        <v>54</v>
      </c>
      <c r="T38430">
        <v>55</v>
      </c>
      <c r="U38430">
        <v>56</v>
      </c>
      <c r="V38430">
        <v>57</v>
      </c>
      <c r="W38430">
        <v>57</v>
      </c>
      <c r="X38430">
        <v>58</v>
      </c>
      <c r="Y38430">
        <v>59</v>
      </c>
      <c r="Z38430">
        <v>60</v>
      </c>
      <c r="AA38430">
        <v>61</v>
      </c>
      <c r="AB38430">
        <v>61</v>
      </c>
      <c r="AC38430">
        <v>62</v>
      </c>
      <c r="AD38430">
        <v>63</v>
      </c>
      <c r="AE38430">
        <v>64</v>
      </c>
      <c r="AF38430">
        <v>64</v>
      </c>
      <c r="AG38430">
        <v>65</v>
      </c>
      <c r="AH38430">
        <v>66</v>
      </c>
      <c r="AI38430">
        <v>67</v>
      </c>
      <c r="AJ38430">
        <v>68</v>
      </c>
      <c r="AK38430">
        <v>69</v>
      </c>
      <c r="AL38430">
        <v>69</v>
      </c>
      <c r="AM38430">
        <v>69</v>
      </c>
      <c r="AN38430">
        <v>69</v>
      </c>
      <c r="AO38430">
        <v>70</v>
      </c>
      <c r="AP38430">
        <v>70</v>
      </c>
      <c r="AQ38430">
        <v>70</v>
      </c>
    </row>
    <row r="38431" spans="1:43">
      <c r="A38431" t="s">
        <v>23839</v>
      </c>
      <c r="B38431" t="s">
        <v>23840</v>
      </c>
      <c r="C38431" t="s">
        <v>23837</v>
      </c>
      <c r="D38431" t="s">
        <v>23838</v>
      </c>
      <c r="E38431" t="s">
        <v>23789</v>
      </c>
      <c r="F38431" t="s">
        <v>23790</v>
      </c>
      <c r="G38431" t="s">
        <v>11612</v>
      </c>
      <c r="H38431" t="s">
        <v>11613</v>
      </c>
      <c r="I38431" s="2">
        <v>0</v>
      </c>
      <c r="J38431" s="2">
        <v>0</v>
      </c>
      <c r="K38431" s="2">
        <v>0.97</v>
      </c>
      <c r="L38431" t="s">
        <v>995</v>
      </c>
      <c r="M38431" t="s">
        <v>87</v>
      </c>
      <c r="N38431" t="s">
        <v>88</v>
      </c>
      <c r="O38431" t="s">
        <v>85</v>
      </c>
      <c r="P38431" t="s">
        <v>86</v>
      </c>
      <c r="Q38431">
        <v>53</v>
      </c>
      <c r="R38431">
        <v>54</v>
      </c>
      <c r="S38431">
        <v>54</v>
      </c>
      <c r="T38431">
        <v>54</v>
      </c>
      <c r="U38431">
        <v>54</v>
      </c>
      <c r="V38431">
        <v>55</v>
      </c>
      <c r="W38431">
        <v>55</v>
      </c>
      <c r="X38431">
        <v>55</v>
      </c>
      <c r="Y38431">
        <v>55</v>
      </c>
      <c r="Z38431">
        <v>56</v>
      </c>
      <c r="AA38431">
        <v>56</v>
      </c>
      <c r="AB38431">
        <v>56</v>
      </c>
      <c r="AC38431">
        <v>57</v>
      </c>
      <c r="AD38431">
        <v>57</v>
      </c>
      <c r="AE38431">
        <v>57</v>
      </c>
      <c r="AF38431">
        <v>58</v>
      </c>
      <c r="AG38431">
        <v>58</v>
      </c>
      <c r="AH38431">
        <v>58</v>
      </c>
      <c r="AI38431">
        <v>59</v>
      </c>
      <c r="AJ38431">
        <v>59</v>
      </c>
      <c r="AK38431">
        <v>59</v>
      </c>
      <c r="AL38431">
        <v>60</v>
      </c>
      <c r="AM38431">
        <v>60</v>
      </c>
      <c r="AN38431">
        <v>61</v>
      </c>
      <c r="AO38431">
        <v>61</v>
      </c>
      <c r="AP38431">
        <v>61</v>
      </c>
      <c r="AQ38431">
        <v>62</v>
      </c>
    </row>
    <row r="38432" spans="1:43">
      <c r="A38432" t="s">
        <v>23839</v>
      </c>
      <c r="B38432" t="s">
        <v>23840</v>
      </c>
      <c r="C38432" t="s">
        <v>23837</v>
      </c>
      <c r="D38432" t="s">
        <v>23838</v>
      </c>
      <c r="E38432" t="s">
        <v>23789</v>
      </c>
      <c r="F38432" t="s">
        <v>23790</v>
      </c>
      <c r="G38432" t="s">
        <v>11612</v>
      </c>
      <c r="H38432" t="s">
        <v>11613</v>
      </c>
      <c r="I38432" s="2">
        <v>0</v>
      </c>
      <c r="J38432" s="2">
        <v>0</v>
      </c>
      <c r="K38432" s="2">
        <v>0.97</v>
      </c>
      <c r="L38432" t="s">
        <v>995</v>
      </c>
      <c r="M38432" t="s">
        <v>89</v>
      </c>
      <c r="N38432" t="s">
        <v>90</v>
      </c>
      <c r="O38432" t="s">
        <v>85</v>
      </c>
      <c r="P38432" t="s">
        <v>86</v>
      </c>
      <c r="Q38432">
        <v>53</v>
      </c>
      <c r="R38432">
        <v>54</v>
      </c>
      <c r="S38432">
        <v>56</v>
      </c>
      <c r="T38432">
        <v>57</v>
      </c>
      <c r="U38432">
        <v>58</v>
      </c>
      <c r="V38432">
        <v>59</v>
      </c>
      <c r="W38432">
        <v>60</v>
      </c>
      <c r="X38432">
        <v>61</v>
      </c>
      <c r="Y38432">
        <v>62</v>
      </c>
      <c r="Z38432">
        <v>63</v>
      </c>
      <c r="AA38432">
        <v>64</v>
      </c>
      <c r="AB38432">
        <v>65</v>
      </c>
      <c r="AC38432">
        <v>66</v>
      </c>
      <c r="AD38432">
        <v>68</v>
      </c>
      <c r="AE38432">
        <v>68</v>
      </c>
      <c r="AF38432">
        <v>68</v>
      </c>
      <c r="AG38432">
        <v>69</v>
      </c>
      <c r="AH38432">
        <v>69</v>
      </c>
      <c r="AI38432">
        <v>69</v>
      </c>
      <c r="AJ38432">
        <v>69</v>
      </c>
      <c r="AK38432">
        <v>70</v>
      </c>
      <c r="AL38432">
        <v>70</v>
      </c>
      <c r="AM38432">
        <v>70</v>
      </c>
      <c r="AN38432">
        <v>70</v>
      </c>
      <c r="AO38432">
        <v>70</v>
      </c>
      <c r="AP38432">
        <v>71</v>
      </c>
      <c r="AQ38432">
        <v>71</v>
      </c>
    </row>
    <row r="38433" spans="1:43">
      <c r="A38433" t="s">
        <v>23839</v>
      </c>
      <c r="B38433" t="s">
        <v>23840</v>
      </c>
      <c r="C38433" t="s">
        <v>23837</v>
      </c>
      <c r="D38433" t="s">
        <v>23838</v>
      </c>
      <c r="E38433" t="s">
        <v>23789</v>
      </c>
      <c r="F38433" t="s">
        <v>23790</v>
      </c>
      <c r="G38433" t="s">
        <v>11612</v>
      </c>
      <c r="H38433" t="s">
        <v>11613</v>
      </c>
      <c r="I38433" s="2">
        <v>0</v>
      </c>
      <c r="J38433" s="2">
        <v>0</v>
      </c>
      <c r="K38433" s="2">
        <v>0.97</v>
      </c>
      <c r="L38433" t="s">
        <v>995</v>
      </c>
      <c r="M38433" t="s">
        <v>83</v>
      </c>
      <c r="N38433" t="s">
        <v>91</v>
      </c>
      <c r="O38433" t="s">
        <v>85</v>
      </c>
      <c r="P38433" t="s">
        <v>86</v>
      </c>
      <c r="Q38433">
        <v>53</v>
      </c>
      <c r="R38433">
        <v>54</v>
      </c>
      <c r="S38433">
        <v>54</v>
      </c>
      <c r="T38433">
        <v>55</v>
      </c>
      <c r="U38433">
        <v>56</v>
      </c>
      <c r="V38433">
        <v>57</v>
      </c>
      <c r="W38433">
        <v>57</v>
      </c>
      <c r="X38433">
        <v>58</v>
      </c>
      <c r="Y38433">
        <v>59</v>
      </c>
      <c r="Z38433">
        <v>60</v>
      </c>
      <c r="AA38433">
        <v>61</v>
      </c>
      <c r="AB38433">
        <v>61</v>
      </c>
      <c r="AC38433">
        <v>62</v>
      </c>
      <c r="AD38433">
        <v>63</v>
      </c>
      <c r="AE38433">
        <v>64</v>
      </c>
      <c r="AF38433">
        <v>64</v>
      </c>
      <c r="AG38433">
        <v>65</v>
      </c>
      <c r="AH38433">
        <v>66</v>
      </c>
      <c r="AI38433">
        <v>67</v>
      </c>
      <c r="AJ38433">
        <v>68</v>
      </c>
      <c r="AK38433">
        <v>69</v>
      </c>
      <c r="AL38433">
        <v>69</v>
      </c>
      <c r="AM38433">
        <v>69</v>
      </c>
      <c r="AN38433">
        <v>69</v>
      </c>
      <c r="AO38433">
        <v>70</v>
      </c>
      <c r="AP38433">
        <v>70</v>
      </c>
      <c r="AQ38433">
        <v>70</v>
      </c>
    </row>
    <row r="38434" spans="1:43">
      <c r="A38434" t="s">
        <v>23841</v>
      </c>
      <c r="B38434" t="s">
        <v>23842</v>
      </c>
      <c r="C38434" t="s">
        <v>23843</v>
      </c>
      <c r="D38434" t="s">
        <v>23844</v>
      </c>
      <c r="E38434" t="s">
        <v>23789</v>
      </c>
      <c r="F38434" t="s">
        <v>23790</v>
      </c>
      <c r="G38434" t="s">
        <v>11612</v>
      </c>
      <c r="H38434" t="s">
        <v>11613</v>
      </c>
      <c r="I38434" s="2">
        <v>0</v>
      </c>
      <c r="J38434" s="2">
        <v>0</v>
      </c>
      <c r="K38434" s="2">
        <v>1</v>
      </c>
      <c r="L38434" t="s">
        <v>995</v>
      </c>
      <c r="M38434" t="s">
        <v>83</v>
      </c>
      <c r="N38434" t="s">
        <v>84</v>
      </c>
      <c r="O38434" t="s">
        <v>85</v>
      </c>
      <c r="P38434" t="s">
        <v>86</v>
      </c>
      <c r="Q38434">
        <v>22</v>
      </c>
      <c r="R38434">
        <v>22</v>
      </c>
      <c r="S38434">
        <v>22</v>
      </c>
      <c r="T38434">
        <v>23</v>
      </c>
      <c r="U38434">
        <v>23</v>
      </c>
      <c r="V38434">
        <v>23</v>
      </c>
      <c r="W38434">
        <v>23</v>
      </c>
      <c r="X38434">
        <v>24</v>
      </c>
      <c r="Y38434">
        <v>24</v>
      </c>
      <c r="Z38434">
        <v>24</v>
      </c>
      <c r="AA38434">
        <v>25</v>
      </c>
      <c r="AB38434">
        <v>25</v>
      </c>
      <c r="AC38434">
        <v>25</v>
      </c>
      <c r="AD38434">
        <v>26</v>
      </c>
      <c r="AE38434">
        <v>26</v>
      </c>
      <c r="AF38434">
        <v>26</v>
      </c>
      <c r="AG38434">
        <v>27</v>
      </c>
      <c r="AH38434">
        <v>27</v>
      </c>
      <c r="AI38434">
        <v>27</v>
      </c>
      <c r="AJ38434">
        <v>28</v>
      </c>
      <c r="AK38434">
        <v>28</v>
      </c>
      <c r="AL38434">
        <v>28</v>
      </c>
      <c r="AM38434">
        <v>28</v>
      </c>
      <c r="AN38434">
        <v>28</v>
      </c>
      <c r="AO38434">
        <v>29</v>
      </c>
      <c r="AP38434">
        <v>29</v>
      </c>
      <c r="AQ38434">
        <v>29</v>
      </c>
    </row>
    <row r="38435" spans="1:43">
      <c r="A38435" t="s">
        <v>23841</v>
      </c>
      <c r="B38435" t="s">
        <v>23842</v>
      </c>
      <c r="C38435" t="s">
        <v>23843</v>
      </c>
      <c r="D38435" t="s">
        <v>23844</v>
      </c>
      <c r="E38435" t="s">
        <v>23789</v>
      </c>
      <c r="F38435" t="s">
        <v>23790</v>
      </c>
      <c r="G38435" t="s">
        <v>11612</v>
      </c>
      <c r="H38435" t="s">
        <v>11613</v>
      </c>
      <c r="I38435" s="2">
        <v>0</v>
      </c>
      <c r="J38435" s="2">
        <v>0</v>
      </c>
      <c r="K38435" s="2">
        <v>1</v>
      </c>
      <c r="L38435" t="s">
        <v>995</v>
      </c>
      <c r="M38435" t="s">
        <v>87</v>
      </c>
      <c r="N38435" t="s">
        <v>88</v>
      </c>
      <c r="O38435" t="s">
        <v>85</v>
      </c>
      <c r="P38435" t="s">
        <v>86</v>
      </c>
      <c r="Q38435">
        <v>22</v>
      </c>
      <c r="R38435">
        <v>22</v>
      </c>
      <c r="S38435">
        <v>23</v>
      </c>
      <c r="T38435">
        <v>23</v>
      </c>
      <c r="U38435">
        <v>23</v>
      </c>
      <c r="V38435">
        <v>23</v>
      </c>
      <c r="W38435">
        <v>23</v>
      </c>
      <c r="X38435">
        <v>23</v>
      </c>
      <c r="Y38435">
        <v>23</v>
      </c>
      <c r="Z38435">
        <v>23</v>
      </c>
      <c r="AA38435">
        <v>24</v>
      </c>
      <c r="AB38435">
        <v>24</v>
      </c>
      <c r="AC38435">
        <v>24</v>
      </c>
      <c r="AD38435">
        <v>24</v>
      </c>
      <c r="AE38435">
        <v>24</v>
      </c>
      <c r="AF38435">
        <v>24</v>
      </c>
      <c r="AG38435">
        <v>24</v>
      </c>
      <c r="AH38435">
        <v>25</v>
      </c>
      <c r="AI38435">
        <v>25</v>
      </c>
      <c r="AJ38435">
        <v>25</v>
      </c>
      <c r="AK38435">
        <v>25</v>
      </c>
      <c r="AL38435">
        <v>25</v>
      </c>
      <c r="AM38435">
        <v>25</v>
      </c>
      <c r="AN38435">
        <v>25</v>
      </c>
      <c r="AO38435">
        <v>26</v>
      </c>
      <c r="AP38435">
        <v>26</v>
      </c>
      <c r="AQ38435">
        <v>26</v>
      </c>
    </row>
    <row r="38436" spans="1:43">
      <c r="A38436" t="s">
        <v>23841</v>
      </c>
      <c r="B38436" t="s">
        <v>23842</v>
      </c>
      <c r="C38436" t="s">
        <v>23843</v>
      </c>
      <c r="D38436" t="s">
        <v>23844</v>
      </c>
      <c r="E38436" t="s">
        <v>23789</v>
      </c>
      <c r="F38436" t="s">
        <v>23790</v>
      </c>
      <c r="G38436" t="s">
        <v>11612</v>
      </c>
      <c r="H38436" t="s">
        <v>11613</v>
      </c>
      <c r="I38436" s="2">
        <v>0</v>
      </c>
      <c r="J38436" s="2">
        <v>0</v>
      </c>
      <c r="K38436" s="2">
        <v>1</v>
      </c>
      <c r="L38436" t="s">
        <v>995</v>
      </c>
      <c r="M38436" t="s">
        <v>89</v>
      </c>
      <c r="N38436" t="s">
        <v>90</v>
      </c>
      <c r="O38436" t="s">
        <v>85</v>
      </c>
      <c r="P38436" t="s">
        <v>86</v>
      </c>
      <c r="Q38436">
        <v>22</v>
      </c>
      <c r="R38436">
        <v>22</v>
      </c>
      <c r="S38436">
        <v>23</v>
      </c>
      <c r="T38436">
        <v>23</v>
      </c>
      <c r="U38436">
        <v>24</v>
      </c>
      <c r="V38436">
        <v>24</v>
      </c>
      <c r="W38436">
        <v>25</v>
      </c>
      <c r="X38436">
        <v>25</v>
      </c>
      <c r="Y38436">
        <v>26</v>
      </c>
      <c r="Z38436">
        <v>26</v>
      </c>
      <c r="AA38436">
        <v>26</v>
      </c>
      <c r="AB38436">
        <v>27</v>
      </c>
      <c r="AC38436">
        <v>27</v>
      </c>
      <c r="AD38436">
        <v>28</v>
      </c>
      <c r="AE38436">
        <v>28</v>
      </c>
      <c r="AF38436">
        <v>28</v>
      </c>
      <c r="AG38436">
        <v>28</v>
      </c>
      <c r="AH38436">
        <v>28</v>
      </c>
      <c r="AI38436">
        <v>28</v>
      </c>
      <c r="AJ38436">
        <v>28</v>
      </c>
      <c r="AK38436">
        <v>28</v>
      </c>
      <c r="AL38436">
        <v>29</v>
      </c>
      <c r="AM38436">
        <v>29</v>
      </c>
      <c r="AN38436">
        <v>29</v>
      </c>
      <c r="AO38436">
        <v>29</v>
      </c>
      <c r="AP38436">
        <v>29</v>
      </c>
      <c r="AQ38436">
        <v>29</v>
      </c>
    </row>
    <row r="38437" spans="1:43">
      <c r="A38437" t="s">
        <v>23841</v>
      </c>
      <c r="B38437" t="s">
        <v>23842</v>
      </c>
      <c r="C38437" t="s">
        <v>23843</v>
      </c>
      <c r="D38437" t="s">
        <v>23844</v>
      </c>
      <c r="E38437" t="s">
        <v>23789</v>
      </c>
      <c r="F38437" t="s">
        <v>23790</v>
      </c>
      <c r="G38437" t="s">
        <v>11612</v>
      </c>
      <c r="H38437" t="s">
        <v>11613</v>
      </c>
      <c r="I38437" s="2">
        <v>0</v>
      </c>
      <c r="J38437" s="2">
        <v>0</v>
      </c>
      <c r="K38437" s="2">
        <v>1</v>
      </c>
      <c r="L38437" t="s">
        <v>995</v>
      </c>
      <c r="M38437" t="s">
        <v>83</v>
      </c>
      <c r="N38437" t="s">
        <v>91</v>
      </c>
      <c r="O38437" t="s">
        <v>85</v>
      </c>
      <c r="P38437" t="s">
        <v>86</v>
      </c>
      <c r="Q38437">
        <v>22</v>
      </c>
      <c r="R38437">
        <v>22</v>
      </c>
      <c r="S38437">
        <v>22</v>
      </c>
      <c r="T38437">
        <v>23</v>
      </c>
      <c r="U38437">
        <v>23</v>
      </c>
      <c r="V38437">
        <v>23</v>
      </c>
      <c r="W38437">
        <v>23</v>
      </c>
      <c r="X38437">
        <v>24</v>
      </c>
      <c r="Y38437">
        <v>24</v>
      </c>
      <c r="Z38437">
        <v>24</v>
      </c>
      <c r="AA38437">
        <v>25</v>
      </c>
      <c r="AB38437">
        <v>25</v>
      </c>
      <c r="AC38437">
        <v>25</v>
      </c>
      <c r="AD38437">
        <v>26</v>
      </c>
      <c r="AE38437">
        <v>26</v>
      </c>
      <c r="AF38437">
        <v>26</v>
      </c>
      <c r="AG38437">
        <v>27</v>
      </c>
      <c r="AH38437">
        <v>27</v>
      </c>
      <c r="AI38437">
        <v>27</v>
      </c>
      <c r="AJ38437">
        <v>28</v>
      </c>
      <c r="AK38437">
        <v>28</v>
      </c>
      <c r="AL38437">
        <v>28</v>
      </c>
      <c r="AM38437">
        <v>28</v>
      </c>
      <c r="AN38437">
        <v>28</v>
      </c>
      <c r="AO38437">
        <v>29</v>
      </c>
      <c r="AP38437">
        <v>29</v>
      </c>
      <c r="AQ38437">
        <v>29</v>
      </c>
    </row>
    <row r="38438" spans="1:43">
      <c r="A38438" t="s">
        <v>23845</v>
      </c>
      <c r="B38438" t="s">
        <v>23846</v>
      </c>
      <c r="C38438" t="s">
        <v>23809</v>
      </c>
      <c r="D38438" t="s">
        <v>23810</v>
      </c>
      <c r="E38438" t="s">
        <v>23789</v>
      </c>
      <c r="F38438" t="s">
        <v>23790</v>
      </c>
      <c r="G38438" t="s">
        <v>11612</v>
      </c>
      <c r="H38438" t="s">
        <v>11613</v>
      </c>
      <c r="I38438" s="2">
        <v>0</v>
      </c>
      <c r="J38438" s="2">
        <v>0</v>
      </c>
      <c r="K38438" s="2">
        <v>1</v>
      </c>
      <c r="L38438" t="s">
        <v>995</v>
      </c>
      <c r="M38438" t="s">
        <v>83</v>
      </c>
      <c r="N38438" t="s">
        <v>84</v>
      </c>
      <c r="O38438" t="s">
        <v>85</v>
      </c>
      <c r="P38438" t="s">
        <v>86</v>
      </c>
      <c r="Q38438">
        <v>21</v>
      </c>
      <c r="R38438">
        <v>21</v>
      </c>
      <c r="S38438">
        <v>21</v>
      </c>
      <c r="T38438">
        <v>22</v>
      </c>
      <c r="U38438">
        <v>22</v>
      </c>
      <c r="V38438">
        <v>22</v>
      </c>
      <c r="W38438">
        <v>23</v>
      </c>
      <c r="X38438">
        <v>23</v>
      </c>
      <c r="Y38438">
        <v>23</v>
      </c>
      <c r="Z38438">
        <v>24</v>
      </c>
      <c r="AA38438">
        <v>24</v>
      </c>
      <c r="AB38438">
        <v>24</v>
      </c>
      <c r="AC38438">
        <v>24</v>
      </c>
      <c r="AD38438">
        <v>25</v>
      </c>
      <c r="AE38438">
        <v>25</v>
      </c>
      <c r="AF38438">
        <v>25</v>
      </c>
      <c r="AG38438">
        <v>26</v>
      </c>
      <c r="AH38438">
        <v>26</v>
      </c>
      <c r="AI38438">
        <v>26</v>
      </c>
      <c r="AJ38438">
        <v>27</v>
      </c>
      <c r="AK38438">
        <v>27</v>
      </c>
      <c r="AL38438">
        <v>27</v>
      </c>
      <c r="AM38438">
        <v>27</v>
      </c>
      <c r="AN38438">
        <v>28</v>
      </c>
      <c r="AO38438">
        <v>28</v>
      </c>
      <c r="AP38438">
        <v>28</v>
      </c>
      <c r="AQ38438">
        <v>28</v>
      </c>
    </row>
    <row r="38439" spans="1:43">
      <c r="A38439" t="s">
        <v>23845</v>
      </c>
      <c r="B38439" t="s">
        <v>23846</v>
      </c>
      <c r="C38439" t="s">
        <v>23809</v>
      </c>
      <c r="D38439" t="s">
        <v>23810</v>
      </c>
      <c r="E38439" t="s">
        <v>23789</v>
      </c>
      <c r="F38439" t="s">
        <v>23790</v>
      </c>
      <c r="G38439" t="s">
        <v>11612</v>
      </c>
      <c r="H38439" t="s">
        <v>11613</v>
      </c>
      <c r="I38439" s="2">
        <v>0</v>
      </c>
      <c r="J38439" s="2">
        <v>0</v>
      </c>
      <c r="K38439" s="2">
        <v>1</v>
      </c>
      <c r="L38439" t="s">
        <v>995</v>
      </c>
      <c r="M38439" t="s">
        <v>87</v>
      </c>
      <c r="N38439" t="s">
        <v>88</v>
      </c>
      <c r="O38439" t="s">
        <v>85</v>
      </c>
      <c r="P38439" t="s">
        <v>86</v>
      </c>
      <c r="Q38439">
        <v>21</v>
      </c>
      <c r="R38439">
        <v>22</v>
      </c>
      <c r="S38439">
        <v>22</v>
      </c>
      <c r="T38439">
        <v>22</v>
      </c>
      <c r="U38439">
        <v>22</v>
      </c>
      <c r="V38439">
        <v>22</v>
      </c>
      <c r="W38439">
        <v>22</v>
      </c>
      <c r="X38439">
        <v>22</v>
      </c>
      <c r="Y38439">
        <v>22</v>
      </c>
      <c r="Z38439">
        <v>23</v>
      </c>
      <c r="AA38439">
        <v>23</v>
      </c>
      <c r="AB38439">
        <v>23</v>
      </c>
      <c r="AC38439">
        <v>23</v>
      </c>
      <c r="AD38439">
        <v>23</v>
      </c>
      <c r="AE38439">
        <v>23</v>
      </c>
      <c r="AF38439">
        <v>23</v>
      </c>
      <c r="AG38439">
        <v>24</v>
      </c>
      <c r="AH38439">
        <v>24</v>
      </c>
      <c r="AI38439">
        <v>24</v>
      </c>
      <c r="AJ38439">
        <v>24</v>
      </c>
      <c r="AK38439">
        <v>24</v>
      </c>
      <c r="AL38439">
        <v>24</v>
      </c>
      <c r="AM38439">
        <v>25</v>
      </c>
      <c r="AN38439">
        <v>25</v>
      </c>
      <c r="AO38439">
        <v>25</v>
      </c>
      <c r="AP38439">
        <v>25</v>
      </c>
      <c r="AQ38439">
        <v>25</v>
      </c>
    </row>
    <row r="38440" spans="1:43">
      <c r="A38440" t="s">
        <v>23845</v>
      </c>
      <c r="B38440" t="s">
        <v>23846</v>
      </c>
      <c r="C38440" t="s">
        <v>23809</v>
      </c>
      <c r="D38440" t="s">
        <v>23810</v>
      </c>
      <c r="E38440" t="s">
        <v>23789</v>
      </c>
      <c r="F38440" t="s">
        <v>23790</v>
      </c>
      <c r="G38440" t="s">
        <v>11612</v>
      </c>
      <c r="H38440" t="s">
        <v>11613</v>
      </c>
      <c r="I38440" s="2">
        <v>0</v>
      </c>
      <c r="J38440" s="2">
        <v>0</v>
      </c>
      <c r="K38440" s="2">
        <v>1</v>
      </c>
      <c r="L38440" t="s">
        <v>995</v>
      </c>
      <c r="M38440" t="s">
        <v>89</v>
      </c>
      <c r="N38440" t="s">
        <v>90</v>
      </c>
      <c r="O38440" t="s">
        <v>85</v>
      </c>
      <c r="P38440" t="s">
        <v>86</v>
      </c>
      <c r="Q38440">
        <v>21</v>
      </c>
      <c r="R38440">
        <v>21</v>
      </c>
      <c r="S38440">
        <v>22</v>
      </c>
      <c r="T38440">
        <v>22</v>
      </c>
      <c r="U38440">
        <v>23</v>
      </c>
      <c r="V38440">
        <v>23</v>
      </c>
      <c r="W38440">
        <v>24</v>
      </c>
      <c r="X38440">
        <v>24</v>
      </c>
      <c r="Y38440">
        <v>25</v>
      </c>
      <c r="Z38440">
        <v>25</v>
      </c>
      <c r="AA38440">
        <v>25</v>
      </c>
      <c r="AB38440">
        <v>26</v>
      </c>
      <c r="AC38440">
        <v>26</v>
      </c>
      <c r="AD38440">
        <v>27</v>
      </c>
      <c r="AE38440">
        <v>27</v>
      </c>
      <c r="AF38440">
        <v>27</v>
      </c>
      <c r="AG38440">
        <v>27</v>
      </c>
      <c r="AH38440">
        <v>27</v>
      </c>
      <c r="AI38440">
        <v>27</v>
      </c>
      <c r="AJ38440">
        <v>27</v>
      </c>
      <c r="AK38440">
        <v>28</v>
      </c>
      <c r="AL38440">
        <v>28</v>
      </c>
      <c r="AM38440">
        <v>28</v>
      </c>
      <c r="AN38440">
        <v>28</v>
      </c>
      <c r="AO38440">
        <v>28</v>
      </c>
      <c r="AP38440">
        <v>28</v>
      </c>
      <c r="AQ38440">
        <v>28</v>
      </c>
    </row>
    <row r="38441" spans="1:43">
      <c r="A38441" t="s">
        <v>23845</v>
      </c>
      <c r="B38441" t="s">
        <v>23846</v>
      </c>
      <c r="C38441" t="s">
        <v>23809</v>
      </c>
      <c r="D38441" t="s">
        <v>23810</v>
      </c>
      <c r="E38441" t="s">
        <v>23789</v>
      </c>
      <c r="F38441" t="s">
        <v>23790</v>
      </c>
      <c r="G38441" t="s">
        <v>11612</v>
      </c>
      <c r="H38441" t="s">
        <v>11613</v>
      </c>
      <c r="I38441" s="2">
        <v>0</v>
      </c>
      <c r="J38441" s="2">
        <v>0</v>
      </c>
      <c r="K38441" s="2">
        <v>1</v>
      </c>
      <c r="L38441" t="s">
        <v>995</v>
      </c>
      <c r="M38441" t="s">
        <v>83</v>
      </c>
      <c r="N38441" t="s">
        <v>91</v>
      </c>
      <c r="O38441" t="s">
        <v>85</v>
      </c>
      <c r="P38441" t="s">
        <v>86</v>
      </c>
      <c r="Q38441">
        <v>21</v>
      </c>
      <c r="R38441">
        <v>21</v>
      </c>
      <c r="S38441">
        <v>21</v>
      </c>
      <c r="T38441">
        <v>22</v>
      </c>
      <c r="U38441">
        <v>22</v>
      </c>
      <c r="V38441">
        <v>22</v>
      </c>
      <c r="W38441">
        <v>23</v>
      </c>
      <c r="X38441">
        <v>23</v>
      </c>
      <c r="Y38441">
        <v>23</v>
      </c>
      <c r="Z38441">
        <v>24</v>
      </c>
      <c r="AA38441">
        <v>24</v>
      </c>
      <c r="AB38441">
        <v>24</v>
      </c>
      <c r="AC38441">
        <v>24</v>
      </c>
      <c r="AD38441">
        <v>25</v>
      </c>
      <c r="AE38441">
        <v>25</v>
      </c>
      <c r="AF38441">
        <v>25</v>
      </c>
      <c r="AG38441">
        <v>26</v>
      </c>
      <c r="AH38441">
        <v>26</v>
      </c>
      <c r="AI38441">
        <v>26</v>
      </c>
      <c r="AJ38441">
        <v>27</v>
      </c>
      <c r="AK38441">
        <v>27</v>
      </c>
      <c r="AL38441">
        <v>27</v>
      </c>
      <c r="AM38441">
        <v>27</v>
      </c>
      <c r="AN38441">
        <v>28</v>
      </c>
      <c r="AO38441">
        <v>28</v>
      </c>
      <c r="AP38441">
        <v>28</v>
      </c>
      <c r="AQ38441">
        <v>28</v>
      </c>
    </row>
    <row r="38442" spans="1:43">
      <c r="A38442" t="s">
        <v>23847</v>
      </c>
      <c r="B38442" t="s">
        <v>23848</v>
      </c>
      <c r="C38442" t="s">
        <v>23843</v>
      </c>
      <c r="D38442" t="s">
        <v>23844</v>
      </c>
      <c r="E38442" t="s">
        <v>23789</v>
      </c>
      <c r="F38442" t="s">
        <v>23790</v>
      </c>
      <c r="G38442" t="s">
        <v>11612</v>
      </c>
      <c r="H38442" t="s">
        <v>11613</v>
      </c>
      <c r="I38442" s="2">
        <v>0</v>
      </c>
      <c r="J38442" s="2">
        <v>0</v>
      </c>
      <c r="K38442" s="2">
        <v>1</v>
      </c>
      <c r="L38442" t="s">
        <v>995</v>
      </c>
      <c r="M38442" t="s">
        <v>83</v>
      </c>
      <c r="N38442" t="s">
        <v>84</v>
      </c>
      <c r="O38442" t="s">
        <v>85</v>
      </c>
      <c r="P38442" t="s">
        <v>86</v>
      </c>
      <c r="Q38442">
        <v>50</v>
      </c>
      <c r="R38442">
        <v>50</v>
      </c>
      <c r="S38442">
        <v>51</v>
      </c>
      <c r="T38442">
        <v>52</v>
      </c>
      <c r="U38442">
        <v>53</v>
      </c>
      <c r="V38442">
        <v>54</v>
      </c>
      <c r="W38442">
        <v>54</v>
      </c>
      <c r="X38442">
        <v>55</v>
      </c>
      <c r="Y38442">
        <v>56</v>
      </c>
      <c r="Z38442">
        <v>57</v>
      </c>
      <c r="AA38442">
        <v>57</v>
      </c>
      <c r="AB38442">
        <v>58</v>
      </c>
      <c r="AC38442">
        <v>59</v>
      </c>
      <c r="AD38442">
        <v>60</v>
      </c>
      <c r="AE38442">
        <v>60</v>
      </c>
      <c r="AF38442">
        <v>61</v>
      </c>
      <c r="AG38442">
        <v>62</v>
      </c>
      <c r="AH38442">
        <v>63</v>
      </c>
      <c r="AI38442">
        <v>64</v>
      </c>
      <c r="AJ38442">
        <v>64</v>
      </c>
      <c r="AK38442">
        <v>65</v>
      </c>
      <c r="AL38442">
        <v>66</v>
      </c>
      <c r="AM38442">
        <v>66</v>
      </c>
      <c r="AN38442">
        <v>66</v>
      </c>
      <c r="AO38442">
        <v>67</v>
      </c>
      <c r="AP38442">
        <v>67</v>
      </c>
      <c r="AQ38442">
        <v>67</v>
      </c>
    </row>
    <row r="38443" spans="1:43">
      <c r="A38443" t="s">
        <v>23847</v>
      </c>
      <c r="B38443" t="s">
        <v>23848</v>
      </c>
      <c r="C38443" t="s">
        <v>23843</v>
      </c>
      <c r="D38443" t="s">
        <v>23844</v>
      </c>
      <c r="E38443" t="s">
        <v>23789</v>
      </c>
      <c r="F38443" t="s">
        <v>23790</v>
      </c>
      <c r="G38443" t="s">
        <v>11612</v>
      </c>
      <c r="H38443" t="s">
        <v>11613</v>
      </c>
      <c r="I38443" s="2">
        <v>0</v>
      </c>
      <c r="J38443" s="2">
        <v>0</v>
      </c>
      <c r="K38443" s="2">
        <v>1</v>
      </c>
      <c r="L38443" t="s">
        <v>995</v>
      </c>
      <c r="M38443" t="s">
        <v>87</v>
      </c>
      <c r="N38443" t="s">
        <v>88</v>
      </c>
      <c r="O38443" t="s">
        <v>85</v>
      </c>
      <c r="P38443" t="s">
        <v>86</v>
      </c>
      <c r="Q38443">
        <v>50</v>
      </c>
      <c r="R38443">
        <v>51</v>
      </c>
      <c r="S38443">
        <v>51</v>
      </c>
      <c r="T38443">
        <v>51</v>
      </c>
      <c r="U38443">
        <v>51</v>
      </c>
      <c r="V38443">
        <v>52</v>
      </c>
      <c r="W38443">
        <v>52</v>
      </c>
      <c r="X38443">
        <v>52</v>
      </c>
      <c r="Y38443">
        <v>53</v>
      </c>
      <c r="Z38443">
        <v>53</v>
      </c>
      <c r="AA38443">
        <v>53</v>
      </c>
      <c r="AB38443">
        <v>54</v>
      </c>
      <c r="AC38443">
        <v>54</v>
      </c>
      <c r="AD38443">
        <v>54</v>
      </c>
      <c r="AE38443">
        <v>55</v>
      </c>
      <c r="AF38443">
        <v>55</v>
      </c>
      <c r="AG38443">
        <v>55</v>
      </c>
      <c r="AH38443">
        <v>56</v>
      </c>
      <c r="AI38443">
        <v>56</v>
      </c>
      <c r="AJ38443">
        <v>56</v>
      </c>
      <c r="AK38443">
        <v>57</v>
      </c>
      <c r="AL38443">
        <v>57</v>
      </c>
      <c r="AM38443">
        <v>58</v>
      </c>
      <c r="AN38443">
        <v>58</v>
      </c>
      <c r="AO38443">
        <v>58</v>
      </c>
      <c r="AP38443">
        <v>59</v>
      </c>
      <c r="AQ38443">
        <v>59</v>
      </c>
    </row>
    <row r="38444" spans="1:43">
      <c r="A38444" t="s">
        <v>23847</v>
      </c>
      <c r="B38444" t="s">
        <v>23848</v>
      </c>
      <c r="C38444" t="s">
        <v>23843</v>
      </c>
      <c r="D38444" t="s">
        <v>23844</v>
      </c>
      <c r="E38444" t="s">
        <v>23789</v>
      </c>
      <c r="F38444" t="s">
        <v>23790</v>
      </c>
      <c r="G38444" t="s">
        <v>11612</v>
      </c>
      <c r="H38444" t="s">
        <v>11613</v>
      </c>
      <c r="I38444" s="2">
        <v>0</v>
      </c>
      <c r="J38444" s="2">
        <v>0</v>
      </c>
      <c r="K38444" s="2">
        <v>1</v>
      </c>
      <c r="L38444" t="s">
        <v>995</v>
      </c>
      <c r="M38444" t="s">
        <v>89</v>
      </c>
      <c r="N38444" t="s">
        <v>90</v>
      </c>
      <c r="O38444" t="s">
        <v>85</v>
      </c>
      <c r="P38444" t="s">
        <v>86</v>
      </c>
      <c r="Q38444">
        <v>50</v>
      </c>
      <c r="R38444">
        <v>51</v>
      </c>
      <c r="S38444">
        <v>53</v>
      </c>
      <c r="T38444">
        <v>54</v>
      </c>
      <c r="U38444">
        <v>55</v>
      </c>
      <c r="V38444">
        <v>56</v>
      </c>
      <c r="W38444">
        <v>57</v>
      </c>
      <c r="X38444">
        <v>58</v>
      </c>
      <c r="Y38444">
        <v>59</v>
      </c>
      <c r="Z38444">
        <v>60</v>
      </c>
      <c r="AA38444">
        <v>61</v>
      </c>
      <c r="AB38444">
        <v>62</v>
      </c>
      <c r="AC38444">
        <v>63</v>
      </c>
      <c r="AD38444">
        <v>64</v>
      </c>
      <c r="AE38444">
        <v>65</v>
      </c>
      <c r="AF38444">
        <v>65</v>
      </c>
      <c r="AG38444">
        <v>65</v>
      </c>
      <c r="AH38444">
        <v>65</v>
      </c>
      <c r="AI38444">
        <v>66</v>
      </c>
      <c r="AJ38444">
        <v>66</v>
      </c>
      <c r="AK38444">
        <v>66</v>
      </c>
      <c r="AL38444">
        <v>67</v>
      </c>
      <c r="AM38444">
        <v>67</v>
      </c>
      <c r="AN38444">
        <v>67</v>
      </c>
      <c r="AO38444">
        <v>67</v>
      </c>
      <c r="AP38444">
        <v>68</v>
      </c>
      <c r="AQ38444">
        <v>68</v>
      </c>
    </row>
    <row r="38445" spans="1:43">
      <c r="A38445" t="s">
        <v>23847</v>
      </c>
      <c r="B38445" t="s">
        <v>23848</v>
      </c>
      <c r="C38445" t="s">
        <v>23843</v>
      </c>
      <c r="D38445" t="s">
        <v>23844</v>
      </c>
      <c r="E38445" t="s">
        <v>23789</v>
      </c>
      <c r="F38445" t="s">
        <v>23790</v>
      </c>
      <c r="G38445" t="s">
        <v>11612</v>
      </c>
      <c r="H38445" t="s">
        <v>11613</v>
      </c>
      <c r="I38445" s="2">
        <v>0</v>
      </c>
      <c r="J38445" s="2">
        <v>0</v>
      </c>
      <c r="K38445" s="2">
        <v>1</v>
      </c>
      <c r="L38445" t="s">
        <v>995</v>
      </c>
      <c r="M38445" t="s">
        <v>83</v>
      </c>
      <c r="N38445" t="s">
        <v>91</v>
      </c>
      <c r="O38445" t="s">
        <v>85</v>
      </c>
      <c r="P38445" t="s">
        <v>86</v>
      </c>
      <c r="Q38445">
        <v>50</v>
      </c>
      <c r="R38445">
        <v>50</v>
      </c>
      <c r="S38445">
        <v>51</v>
      </c>
      <c r="T38445">
        <v>52</v>
      </c>
      <c r="U38445">
        <v>53</v>
      </c>
      <c r="V38445">
        <v>54</v>
      </c>
      <c r="W38445">
        <v>54</v>
      </c>
      <c r="X38445">
        <v>55</v>
      </c>
      <c r="Y38445">
        <v>56</v>
      </c>
      <c r="Z38445">
        <v>57</v>
      </c>
      <c r="AA38445">
        <v>57</v>
      </c>
      <c r="AB38445">
        <v>58</v>
      </c>
      <c r="AC38445">
        <v>59</v>
      </c>
      <c r="AD38445">
        <v>60</v>
      </c>
      <c r="AE38445">
        <v>60</v>
      </c>
      <c r="AF38445">
        <v>61</v>
      </c>
      <c r="AG38445">
        <v>62</v>
      </c>
      <c r="AH38445">
        <v>63</v>
      </c>
      <c r="AI38445">
        <v>64</v>
      </c>
      <c r="AJ38445">
        <v>64</v>
      </c>
      <c r="AK38445">
        <v>65</v>
      </c>
      <c r="AL38445">
        <v>66</v>
      </c>
      <c r="AM38445">
        <v>66</v>
      </c>
      <c r="AN38445">
        <v>66</v>
      </c>
      <c r="AO38445">
        <v>67</v>
      </c>
      <c r="AP38445">
        <v>67</v>
      </c>
      <c r="AQ38445">
        <v>67</v>
      </c>
    </row>
    <row r="38446" spans="1:43">
      <c r="A38446" t="s">
        <v>23849</v>
      </c>
      <c r="B38446" t="s">
        <v>23850</v>
      </c>
      <c r="C38446" t="s">
        <v>23805</v>
      </c>
      <c r="D38446" t="s">
        <v>23806</v>
      </c>
      <c r="E38446" t="s">
        <v>23789</v>
      </c>
      <c r="F38446" t="s">
        <v>23790</v>
      </c>
      <c r="G38446" t="s">
        <v>11612</v>
      </c>
      <c r="H38446" t="s">
        <v>11613</v>
      </c>
      <c r="I38446" s="2">
        <v>0</v>
      </c>
      <c r="J38446" s="2">
        <v>0</v>
      </c>
      <c r="K38446" s="2">
        <v>1</v>
      </c>
      <c r="L38446" t="s">
        <v>995</v>
      </c>
      <c r="M38446" t="s">
        <v>83</v>
      </c>
      <c r="N38446" t="s">
        <v>84</v>
      </c>
      <c r="O38446" t="s">
        <v>85</v>
      </c>
      <c r="P38446" t="s">
        <v>86</v>
      </c>
      <c r="Q38446">
        <v>18</v>
      </c>
      <c r="R38446">
        <v>19</v>
      </c>
      <c r="S38446">
        <v>19</v>
      </c>
      <c r="T38446">
        <v>19</v>
      </c>
      <c r="U38446">
        <v>19</v>
      </c>
      <c r="V38446">
        <v>20</v>
      </c>
      <c r="W38446">
        <v>20</v>
      </c>
      <c r="X38446">
        <v>20</v>
      </c>
      <c r="Y38446">
        <v>20</v>
      </c>
      <c r="Z38446">
        <v>21</v>
      </c>
      <c r="AA38446">
        <v>21</v>
      </c>
      <c r="AB38446">
        <v>21</v>
      </c>
      <c r="AC38446">
        <v>22</v>
      </c>
      <c r="AD38446">
        <v>22</v>
      </c>
      <c r="AE38446">
        <v>22</v>
      </c>
      <c r="AF38446">
        <v>22</v>
      </c>
      <c r="AG38446">
        <v>23</v>
      </c>
      <c r="AH38446">
        <v>23</v>
      </c>
      <c r="AI38446">
        <v>23</v>
      </c>
      <c r="AJ38446">
        <v>23</v>
      </c>
      <c r="AK38446">
        <v>24</v>
      </c>
      <c r="AL38446">
        <v>24</v>
      </c>
      <c r="AM38446">
        <v>24</v>
      </c>
      <c r="AN38446">
        <v>24</v>
      </c>
      <c r="AO38446">
        <v>24</v>
      </c>
      <c r="AP38446">
        <v>24</v>
      </c>
      <c r="AQ38446">
        <v>24</v>
      </c>
    </row>
    <row r="38447" spans="1:43">
      <c r="A38447" t="s">
        <v>23849</v>
      </c>
      <c r="B38447" t="s">
        <v>23850</v>
      </c>
      <c r="C38447" t="s">
        <v>23805</v>
      </c>
      <c r="D38447" t="s">
        <v>23806</v>
      </c>
      <c r="E38447" t="s">
        <v>23789</v>
      </c>
      <c r="F38447" t="s">
        <v>23790</v>
      </c>
      <c r="G38447" t="s">
        <v>11612</v>
      </c>
      <c r="H38447" t="s">
        <v>11613</v>
      </c>
      <c r="I38447" s="2">
        <v>0</v>
      </c>
      <c r="J38447" s="2">
        <v>0</v>
      </c>
      <c r="K38447" s="2">
        <v>1</v>
      </c>
      <c r="L38447" t="s">
        <v>995</v>
      </c>
      <c r="M38447" t="s">
        <v>87</v>
      </c>
      <c r="N38447" t="s">
        <v>88</v>
      </c>
      <c r="O38447" t="s">
        <v>85</v>
      </c>
      <c r="P38447" t="s">
        <v>86</v>
      </c>
      <c r="Q38447">
        <v>18</v>
      </c>
      <c r="R38447">
        <v>18</v>
      </c>
      <c r="S38447">
        <v>18</v>
      </c>
      <c r="T38447">
        <v>18</v>
      </c>
      <c r="U38447">
        <v>19</v>
      </c>
      <c r="V38447">
        <v>19</v>
      </c>
      <c r="W38447">
        <v>19</v>
      </c>
      <c r="X38447">
        <v>19</v>
      </c>
      <c r="Y38447">
        <v>19</v>
      </c>
      <c r="Z38447">
        <v>19</v>
      </c>
      <c r="AA38447">
        <v>19</v>
      </c>
      <c r="AB38447">
        <v>19</v>
      </c>
      <c r="AC38447">
        <v>19</v>
      </c>
      <c r="AD38447">
        <v>19</v>
      </c>
      <c r="AE38447">
        <v>20</v>
      </c>
      <c r="AF38447">
        <v>20</v>
      </c>
      <c r="AG38447">
        <v>20</v>
      </c>
      <c r="AH38447">
        <v>20</v>
      </c>
      <c r="AI38447">
        <v>20</v>
      </c>
      <c r="AJ38447">
        <v>20</v>
      </c>
      <c r="AK38447">
        <v>20</v>
      </c>
      <c r="AL38447">
        <v>20</v>
      </c>
      <c r="AM38447">
        <v>21</v>
      </c>
      <c r="AN38447">
        <v>21</v>
      </c>
      <c r="AO38447">
        <v>21</v>
      </c>
      <c r="AP38447">
        <v>21</v>
      </c>
      <c r="AQ38447">
        <v>21</v>
      </c>
    </row>
    <row r="38448" spans="1:43">
      <c r="A38448" t="s">
        <v>23849</v>
      </c>
      <c r="B38448" t="s">
        <v>23850</v>
      </c>
      <c r="C38448" t="s">
        <v>23805</v>
      </c>
      <c r="D38448" t="s">
        <v>23806</v>
      </c>
      <c r="E38448" t="s">
        <v>23789</v>
      </c>
      <c r="F38448" t="s">
        <v>23790</v>
      </c>
      <c r="G38448" t="s">
        <v>11612</v>
      </c>
      <c r="H38448" t="s">
        <v>11613</v>
      </c>
      <c r="I38448" s="2">
        <v>0</v>
      </c>
      <c r="J38448" s="2">
        <v>0</v>
      </c>
      <c r="K38448" s="2">
        <v>1</v>
      </c>
      <c r="L38448" t="s">
        <v>995</v>
      </c>
      <c r="M38448" t="s">
        <v>89</v>
      </c>
      <c r="N38448" t="s">
        <v>90</v>
      </c>
      <c r="O38448" t="s">
        <v>85</v>
      </c>
      <c r="P38448" t="s">
        <v>86</v>
      </c>
      <c r="Q38448">
        <v>18</v>
      </c>
      <c r="R38448">
        <v>18</v>
      </c>
      <c r="S38448">
        <v>18</v>
      </c>
      <c r="T38448">
        <v>19</v>
      </c>
      <c r="U38448">
        <v>19</v>
      </c>
      <c r="V38448">
        <v>20</v>
      </c>
      <c r="W38448">
        <v>20</v>
      </c>
      <c r="X38448">
        <v>20</v>
      </c>
      <c r="Y38448">
        <v>21</v>
      </c>
      <c r="Z38448">
        <v>21</v>
      </c>
      <c r="AA38448">
        <v>21</v>
      </c>
      <c r="AB38448">
        <v>22</v>
      </c>
      <c r="AC38448">
        <v>22</v>
      </c>
      <c r="AD38448">
        <v>22</v>
      </c>
      <c r="AE38448">
        <v>23</v>
      </c>
      <c r="AF38448">
        <v>23</v>
      </c>
      <c r="AG38448">
        <v>23</v>
      </c>
      <c r="AH38448">
        <v>23</v>
      </c>
      <c r="AI38448">
        <v>23</v>
      </c>
      <c r="AJ38448">
        <v>23</v>
      </c>
      <c r="AK38448">
        <v>23</v>
      </c>
      <c r="AL38448">
        <v>23</v>
      </c>
      <c r="AM38448">
        <v>23</v>
      </c>
      <c r="AN38448">
        <v>23</v>
      </c>
      <c r="AO38448">
        <v>23</v>
      </c>
      <c r="AP38448">
        <v>23</v>
      </c>
      <c r="AQ38448">
        <v>23</v>
      </c>
    </row>
    <row r="38449" spans="1:43">
      <c r="A38449" t="s">
        <v>23849</v>
      </c>
      <c r="B38449" t="s">
        <v>23850</v>
      </c>
      <c r="C38449" t="s">
        <v>23805</v>
      </c>
      <c r="D38449" t="s">
        <v>23806</v>
      </c>
      <c r="E38449" t="s">
        <v>23789</v>
      </c>
      <c r="F38449" t="s">
        <v>23790</v>
      </c>
      <c r="G38449" t="s">
        <v>11612</v>
      </c>
      <c r="H38449" t="s">
        <v>11613</v>
      </c>
      <c r="I38449" s="2">
        <v>0</v>
      </c>
      <c r="J38449" s="2">
        <v>0</v>
      </c>
      <c r="K38449" s="2">
        <v>1</v>
      </c>
      <c r="L38449" t="s">
        <v>995</v>
      </c>
      <c r="M38449" t="s">
        <v>83</v>
      </c>
      <c r="N38449" t="s">
        <v>91</v>
      </c>
      <c r="O38449" t="s">
        <v>85</v>
      </c>
      <c r="P38449" t="s">
        <v>86</v>
      </c>
      <c r="Q38449">
        <v>18</v>
      </c>
      <c r="R38449">
        <v>19</v>
      </c>
      <c r="S38449">
        <v>19</v>
      </c>
      <c r="T38449">
        <v>19</v>
      </c>
      <c r="U38449">
        <v>19</v>
      </c>
      <c r="V38449">
        <v>20</v>
      </c>
      <c r="W38449">
        <v>20</v>
      </c>
      <c r="X38449">
        <v>20</v>
      </c>
      <c r="Y38449">
        <v>20</v>
      </c>
      <c r="Z38449">
        <v>21</v>
      </c>
      <c r="AA38449">
        <v>21</v>
      </c>
      <c r="AB38449">
        <v>21</v>
      </c>
      <c r="AC38449">
        <v>22</v>
      </c>
      <c r="AD38449">
        <v>22</v>
      </c>
      <c r="AE38449">
        <v>22</v>
      </c>
      <c r="AF38449">
        <v>22</v>
      </c>
      <c r="AG38449">
        <v>23</v>
      </c>
      <c r="AH38449">
        <v>23</v>
      </c>
      <c r="AI38449">
        <v>23</v>
      </c>
      <c r="AJ38449">
        <v>23</v>
      </c>
      <c r="AK38449">
        <v>24</v>
      </c>
      <c r="AL38449">
        <v>24</v>
      </c>
      <c r="AM38449">
        <v>24</v>
      </c>
      <c r="AN38449">
        <v>24</v>
      </c>
      <c r="AO38449">
        <v>24</v>
      </c>
      <c r="AP38449">
        <v>24</v>
      </c>
      <c r="AQ38449">
        <v>24</v>
      </c>
    </row>
    <row r="38450" spans="1:43">
      <c r="A38450" t="s">
        <v>23851</v>
      </c>
      <c r="B38450" t="s">
        <v>23852</v>
      </c>
      <c r="C38450" t="s">
        <v>23805</v>
      </c>
      <c r="D38450" t="s">
        <v>23806</v>
      </c>
      <c r="E38450" t="s">
        <v>23789</v>
      </c>
      <c r="F38450" t="s">
        <v>23790</v>
      </c>
      <c r="G38450" t="s">
        <v>11612</v>
      </c>
      <c r="H38450" t="s">
        <v>11613</v>
      </c>
      <c r="I38450" s="2">
        <v>0</v>
      </c>
      <c r="J38450" s="2">
        <v>0</v>
      </c>
      <c r="K38450" s="2">
        <v>1</v>
      </c>
      <c r="L38450" t="s">
        <v>995</v>
      </c>
      <c r="M38450" t="s">
        <v>83</v>
      </c>
      <c r="N38450" t="s">
        <v>84</v>
      </c>
      <c r="O38450" t="s">
        <v>85</v>
      </c>
      <c r="P38450" t="s">
        <v>86</v>
      </c>
      <c r="Q38450">
        <v>12</v>
      </c>
      <c r="R38450">
        <v>12</v>
      </c>
      <c r="S38450">
        <v>13</v>
      </c>
      <c r="T38450">
        <v>13</v>
      </c>
      <c r="U38450">
        <v>13</v>
      </c>
      <c r="V38450">
        <v>13</v>
      </c>
      <c r="W38450">
        <v>13</v>
      </c>
      <c r="X38450">
        <v>13</v>
      </c>
      <c r="Y38450">
        <v>14</v>
      </c>
      <c r="Z38450">
        <v>14</v>
      </c>
      <c r="AA38450">
        <v>14</v>
      </c>
      <c r="AB38450">
        <v>14</v>
      </c>
      <c r="AC38450">
        <v>14</v>
      </c>
      <c r="AD38450">
        <v>14</v>
      </c>
      <c r="AE38450">
        <v>15</v>
      </c>
      <c r="AF38450">
        <v>15</v>
      </c>
      <c r="AG38450">
        <v>15</v>
      </c>
      <c r="AH38450">
        <v>15</v>
      </c>
      <c r="AI38450">
        <v>15</v>
      </c>
      <c r="AJ38450">
        <v>16</v>
      </c>
      <c r="AK38450">
        <v>16</v>
      </c>
      <c r="AL38450">
        <v>16</v>
      </c>
      <c r="AM38450">
        <v>16</v>
      </c>
      <c r="AN38450">
        <v>16</v>
      </c>
      <c r="AO38450">
        <v>16</v>
      </c>
      <c r="AP38450">
        <v>16</v>
      </c>
      <c r="AQ38450">
        <v>16</v>
      </c>
    </row>
    <row r="38451" spans="1:43">
      <c r="A38451" t="s">
        <v>23851</v>
      </c>
      <c r="B38451" t="s">
        <v>23852</v>
      </c>
      <c r="C38451" t="s">
        <v>23805</v>
      </c>
      <c r="D38451" t="s">
        <v>23806</v>
      </c>
      <c r="E38451" t="s">
        <v>23789</v>
      </c>
      <c r="F38451" t="s">
        <v>23790</v>
      </c>
      <c r="G38451" t="s">
        <v>11612</v>
      </c>
      <c r="H38451" t="s">
        <v>11613</v>
      </c>
      <c r="I38451" s="2">
        <v>0</v>
      </c>
      <c r="J38451" s="2">
        <v>0</v>
      </c>
      <c r="K38451" s="2">
        <v>1</v>
      </c>
      <c r="L38451" t="s">
        <v>995</v>
      </c>
      <c r="M38451" t="s">
        <v>87</v>
      </c>
      <c r="N38451" t="s">
        <v>88</v>
      </c>
      <c r="O38451" t="s">
        <v>85</v>
      </c>
      <c r="P38451" t="s">
        <v>86</v>
      </c>
      <c r="Q38451">
        <v>12</v>
      </c>
      <c r="R38451">
        <v>12</v>
      </c>
      <c r="S38451">
        <v>12</v>
      </c>
      <c r="T38451">
        <v>12</v>
      </c>
      <c r="U38451">
        <v>12</v>
      </c>
      <c r="V38451">
        <v>12</v>
      </c>
      <c r="W38451">
        <v>12</v>
      </c>
      <c r="X38451">
        <v>12</v>
      </c>
      <c r="Y38451">
        <v>13</v>
      </c>
      <c r="Z38451">
        <v>13</v>
      </c>
      <c r="AA38451">
        <v>13</v>
      </c>
      <c r="AB38451">
        <v>13</v>
      </c>
      <c r="AC38451">
        <v>13</v>
      </c>
      <c r="AD38451">
        <v>13</v>
      </c>
      <c r="AE38451">
        <v>13</v>
      </c>
      <c r="AF38451">
        <v>13</v>
      </c>
      <c r="AG38451">
        <v>13</v>
      </c>
      <c r="AH38451">
        <v>13</v>
      </c>
      <c r="AI38451">
        <v>13</v>
      </c>
      <c r="AJ38451">
        <v>13</v>
      </c>
      <c r="AK38451">
        <v>13</v>
      </c>
      <c r="AL38451">
        <v>14</v>
      </c>
      <c r="AM38451">
        <v>14</v>
      </c>
      <c r="AN38451">
        <v>14</v>
      </c>
      <c r="AO38451">
        <v>14</v>
      </c>
      <c r="AP38451">
        <v>14</v>
      </c>
      <c r="AQ38451">
        <v>14</v>
      </c>
    </row>
    <row r="38452" spans="1:43">
      <c r="A38452" t="s">
        <v>23851</v>
      </c>
      <c r="B38452" t="s">
        <v>23852</v>
      </c>
      <c r="C38452" t="s">
        <v>23805</v>
      </c>
      <c r="D38452" t="s">
        <v>23806</v>
      </c>
      <c r="E38452" t="s">
        <v>23789</v>
      </c>
      <c r="F38452" t="s">
        <v>23790</v>
      </c>
      <c r="G38452" t="s">
        <v>11612</v>
      </c>
      <c r="H38452" t="s">
        <v>11613</v>
      </c>
      <c r="I38452" s="2">
        <v>0</v>
      </c>
      <c r="J38452" s="2">
        <v>0</v>
      </c>
      <c r="K38452" s="2">
        <v>1</v>
      </c>
      <c r="L38452" t="s">
        <v>995</v>
      </c>
      <c r="M38452" t="s">
        <v>89</v>
      </c>
      <c r="N38452" t="s">
        <v>90</v>
      </c>
      <c r="O38452" t="s">
        <v>85</v>
      </c>
      <c r="P38452" t="s">
        <v>86</v>
      </c>
      <c r="Q38452">
        <v>12</v>
      </c>
      <c r="R38452">
        <v>13</v>
      </c>
      <c r="S38452">
        <v>13</v>
      </c>
      <c r="T38452">
        <v>13</v>
      </c>
      <c r="U38452">
        <v>13</v>
      </c>
      <c r="V38452">
        <v>14</v>
      </c>
      <c r="W38452">
        <v>14</v>
      </c>
      <c r="X38452">
        <v>14</v>
      </c>
      <c r="Y38452">
        <v>14</v>
      </c>
      <c r="Z38452">
        <v>15</v>
      </c>
      <c r="AA38452">
        <v>15</v>
      </c>
      <c r="AB38452">
        <v>15</v>
      </c>
      <c r="AC38452">
        <v>15</v>
      </c>
      <c r="AD38452">
        <v>16</v>
      </c>
      <c r="AE38452">
        <v>16</v>
      </c>
      <c r="AF38452">
        <v>16</v>
      </c>
      <c r="AG38452">
        <v>16</v>
      </c>
      <c r="AH38452">
        <v>16</v>
      </c>
      <c r="AI38452">
        <v>16</v>
      </c>
      <c r="AJ38452">
        <v>16</v>
      </c>
      <c r="AK38452">
        <v>16</v>
      </c>
      <c r="AL38452">
        <v>16</v>
      </c>
      <c r="AM38452">
        <v>16</v>
      </c>
      <c r="AN38452">
        <v>16</v>
      </c>
      <c r="AO38452">
        <v>16</v>
      </c>
      <c r="AP38452">
        <v>16</v>
      </c>
      <c r="AQ38452">
        <v>16</v>
      </c>
    </row>
    <row r="38453" spans="1:43">
      <c r="A38453" t="s">
        <v>23851</v>
      </c>
      <c r="B38453" t="s">
        <v>23852</v>
      </c>
      <c r="C38453" t="s">
        <v>23805</v>
      </c>
      <c r="D38453" t="s">
        <v>23806</v>
      </c>
      <c r="E38453" t="s">
        <v>23789</v>
      </c>
      <c r="F38453" t="s">
        <v>23790</v>
      </c>
      <c r="G38453" t="s">
        <v>11612</v>
      </c>
      <c r="H38453" t="s">
        <v>11613</v>
      </c>
      <c r="I38453" s="2">
        <v>0</v>
      </c>
      <c r="J38453" s="2">
        <v>0</v>
      </c>
      <c r="K38453" s="2">
        <v>1</v>
      </c>
      <c r="L38453" t="s">
        <v>995</v>
      </c>
      <c r="M38453" t="s">
        <v>83</v>
      </c>
      <c r="N38453" t="s">
        <v>91</v>
      </c>
      <c r="O38453" t="s">
        <v>85</v>
      </c>
      <c r="P38453" t="s">
        <v>86</v>
      </c>
      <c r="Q38453">
        <v>12</v>
      </c>
      <c r="R38453">
        <v>12</v>
      </c>
      <c r="S38453">
        <v>13</v>
      </c>
      <c r="T38453">
        <v>13</v>
      </c>
      <c r="U38453">
        <v>13</v>
      </c>
      <c r="V38453">
        <v>13</v>
      </c>
      <c r="W38453">
        <v>13</v>
      </c>
      <c r="X38453">
        <v>13</v>
      </c>
      <c r="Y38453">
        <v>14</v>
      </c>
      <c r="Z38453">
        <v>14</v>
      </c>
      <c r="AA38453">
        <v>14</v>
      </c>
      <c r="AB38453">
        <v>14</v>
      </c>
      <c r="AC38453">
        <v>14</v>
      </c>
      <c r="AD38453">
        <v>14</v>
      </c>
      <c r="AE38453">
        <v>15</v>
      </c>
      <c r="AF38453">
        <v>15</v>
      </c>
      <c r="AG38453">
        <v>15</v>
      </c>
      <c r="AH38453">
        <v>15</v>
      </c>
      <c r="AI38453">
        <v>15</v>
      </c>
      <c r="AJ38453">
        <v>16</v>
      </c>
      <c r="AK38453">
        <v>16</v>
      </c>
      <c r="AL38453">
        <v>16</v>
      </c>
      <c r="AM38453">
        <v>16</v>
      </c>
      <c r="AN38453">
        <v>16</v>
      </c>
      <c r="AO38453">
        <v>16</v>
      </c>
      <c r="AP38453">
        <v>16</v>
      </c>
      <c r="AQ38453">
        <v>16</v>
      </c>
    </row>
    <row r="38454" spans="1:43">
      <c r="A38454" t="s">
        <v>23853</v>
      </c>
      <c r="B38454" t="s">
        <v>23854</v>
      </c>
      <c r="C38454" t="s">
        <v>23805</v>
      </c>
      <c r="D38454" t="s">
        <v>23806</v>
      </c>
      <c r="E38454" t="s">
        <v>23789</v>
      </c>
      <c r="F38454" t="s">
        <v>23790</v>
      </c>
      <c r="G38454" t="s">
        <v>11612</v>
      </c>
      <c r="H38454" t="s">
        <v>11613</v>
      </c>
      <c r="I38454" s="2">
        <v>0</v>
      </c>
      <c r="J38454" s="2">
        <v>0</v>
      </c>
      <c r="K38454" s="2">
        <v>1</v>
      </c>
      <c r="L38454" t="s">
        <v>995</v>
      </c>
      <c r="M38454" t="s">
        <v>83</v>
      </c>
      <c r="N38454" t="s">
        <v>84</v>
      </c>
      <c r="O38454" t="s">
        <v>85</v>
      </c>
      <c r="P38454" t="s">
        <v>86</v>
      </c>
      <c r="Q38454">
        <v>32</v>
      </c>
      <c r="R38454">
        <v>32</v>
      </c>
      <c r="S38454">
        <v>33</v>
      </c>
      <c r="T38454">
        <v>33</v>
      </c>
      <c r="U38454">
        <v>34</v>
      </c>
      <c r="V38454">
        <v>34</v>
      </c>
      <c r="W38454">
        <v>35</v>
      </c>
      <c r="X38454">
        <v>35</v>
      </c>
      <c r="Y38454">
        <v>36</v>
      </c>
      <c r="Z38454">
        <v>36</v>
      </c>
      <c r="AA38454">
        <v>37</v>
      </c>
      <c r="AB38454">
        <v>37</v>
      </c>
      <c r="AC38454">
        <v>38</v>
      </c>
      <c r="AD38454">
        <v>38</v>
      </c>
      <c r="AE38454">
        <v>39</v>
      </c>
      <c r="AF38454">
        <v>39</v>
      </c>
      <c r="AG38454">
        <v>40</v>
      </c>
      <c r="AH38454">
        <v>40</v>
      </c>
      <c r="AI38454">
        <v>41</v>
      </c>
      <c r="AJ38454">
        <v>41</v>
      </c>
      <c r="AK38454">
        <v>42</v>
      </c>
      <c r="AL38454">
        <v>42</v>
      </c>
      <c r="AM38454">
        <v>42</v>
      </c>
      <c r="AN38454">
        <v>42</v>
      </c>
      <c r="AO38454">
        <v>42</v>
      </c>
      <c r="AP38454">
        <v>43</v>
      </c>
      <c r="AQ38454">
        <v>43</v>
      </c>
    </row>
    <row r="38455" spans="1:43">
      <c r="A38455" t="s">
        <v>23853</v>
      </c>
      <c r="B38455" t="s">
        <v>23854</v>
      </c>
      <c r="C38455" t="s">
        <v>23805</v>
      </c>
      <c r="D38455" t="s">
        <v>23806</v>
      </c>
      <c r="E38455" t="s">
        <v>23789</v>
      </c>
      <c r="F38455" t="s">
        <v>23790</v>
      </c>
      <c r="G38455" t="s">
        <v>11612</v>
      </c>
      <c r="H38455" t="s">
        <v>11613</v>
      </c>
      <c r="I38455" s="2">
        <v>0</v>
      </c>
      <c r="J38455" s="2">
        <v>0</v>
      </c>
      <c r="K38455" s="2">
        <v>1</v>
      </c>
      <c r="L38455" t="s">
        <v>995</v>
      </c>
      <c r="M38455" t="s">
        <v>87</v>
      </c>
      <c r="N38455" t="s">
        <v>88</v>
      </c>
      <c r="O38455" t="s">
        <v>85</v>
      </c>
      <c r="P38455" t="s">
        <v>86</v>
      </c>
      <c r="Q38455">
        <v>32</v>
      </c>
      <c r="R38455">
        <v>32</v>
      </c>
      <c r="S38455">
        <v>32</v>
      </c>
      <c r="T38455">
        <v>32</v>
      </c>
      <c r="U38455">
        <v>32</v>
      </c>
      <c r="V38455">
        <v>33</v>
      </c>
      <c r="W38455">
        <v>33</v>
      </c>
      <c r="X38455">
        <v>33</v>
      </c>
      <c r="Y38455">
        <v>33</v>
      </c>
      <c r="Z38455">
        <v>33</v>
      </c>
      <c r="AA38455">
        <v>33</v>
      </c>
      <c r="AB38455">
        <v>34</v>
      </c>
      <c r="AC38455">
        <v>34</v>
      </c>
      <c r="AD38455">
        <v>34</v>
      </c>
      <c r="AE38455">
        <v>34</v>
      </c>
      <c r="AF38455">
        <v>34</v>
      </c>
      <c r="AG38455">
        <v>35</v>
      </c>
      <c r="AH38455">
        <v>35</v>
      </c>
      <c r="AI38455">
        <v>35</v>
      </c>
      <c r="AJ38455">
        <v>35</v>
      </c>
      <c r="AK38455">
        <v>36</v>
      </c>
      <c r="AL38455">
        <v>36</v>
      </c>
      <c r="AM38455">
        <v>36</v>
      </c>
      <c r="AN38455">
        <v>36</v>
      </c>
      <c r="AO38455">
        <v>37</v>
      </c>
      <c r="AP38455">
        <v>37</v>
      </c>
      <c r="AQ38455">
        <v>37</v>
      </c>
    </row>
    <row r="38456" spans="1:43">
      <c r="A38456" t="s">
        <v>23853</v>
      </c>
      <c r="B38456" t="s">
        <v>23854</v>
      </c>
      <c r="C38456" t="s">
        <v>23805</v>
      </c>
      <c r="D38456" t="s">
        <v>23806</v>
      </c>
      <c r="E38456" t="s">
        <v>23789</v>
      </c>
      <c r="F38456" t="s">
        <v>23790</v>
      </c>
      <c r="G38456" t="s">
        <v>11612</v>
      </c>
      <c r="H38456" t="s">
        <v>11613</v>
      </c>
      <c r="I38456" s="2">
        <v>0</v>
      </c>
      <c r="J38456" s="2">
        <v>0</v>
      </c>
      <c r="K38456" s="2">
        <v>1</v>
      </c>
      <c r="L38456" t="s">
        <v>995</v>
      </c>
      <c r="M38456" t="s">
        <v>89</v>
      </c>
      <c r="N38456" t="s">
        <v>90</v>
      </c>
      <c r="O38456" t="s">
        <v>85</v>
      </c>
      <c r="P38456" t="s">
        <v>86</v>
      </c>
      <c r="Q38456">
        <v>32</v>
      </c>
      <c r="R38456">
        <v>33</v>
      </c>
      <c r="S38456">
        <v>34</v>
      </c>
      <c r="T38456">
        <v>34</v>
      </c>
      <c r="U38456">
        <v>35</v>
      </c>
      <c r="V38456">
        <v>36</v>
      </c>
      <c r="W38456">
        <v>37</v>
      </c>
      <c r="X38456">
        <v>37</v>
      </c>
      <c r="Y38456">
        <v>38</v>
      </c>
      <c r="Z38456">
        <v>39</v>
      </c>
      <c r="AA38456">
        <v>39</v>
      </c>
      <c r="AB38456">
        <v>40</v>
      </c>
      <c r="AC38456">
        <v>40</v>
      </c>
      <c r="AD38456">
        <v>41</v>
      </c>
      <c r="AE38456">
        <v>41</v>
      </c>
      <c r="AF38456">
        <v>42</v>
      </c>
      <c r="AG38456">
        <v>42</v>
      </c>
      <c r="AH38456">
        <v>42</v>
      </c>
      <c r="AI38456">
        <v>42</v>
      </c>
      <c r="AJ38456">
        <v>42</v>
      </c>
      <c r="AK38456">
        <v>42</v>
      </c>
      <c r="AL38456">
        <v>42</v>
      </c>
      <c r="AM38456">
        <v>43</v>
      </c>
      <c r="AN38456">
        <v>43</v>
      </c>
      <c r="AO38456">
        <v>43</v>
      </c>
      <c r="AP38456">
        <v>43</v>
      </c>
      <c r="AQ38456">
        <v>43</v>
      </c>
    </row>
    <row r="38457" spans="1:43">
      <c r="A38457" t="s">
        <v>23853</v>
      </c>
      <c r="B38457" t="s">
        <v>23854</v>
      </c>
      <c r="C38457" t="s">
        <v>23805</v>
      </c>
      <c r="D38457" t="s">
        <v>23806</v>
      </c>
      <c r="E38457" t="s">
        <v>23789</v>
      </c>
      <c r="F38457" t="s">
        <v>23790</v>
      </c>
      <c r="G38457" t="s">
        <v>11612</v>
      </c>
      <c r="H38457" t="s">
        <v>11613</v>
      </c>
      <c r="I38457" s="2">
        <v>0</v>
      </c>
      <c r="J38457" s="2">
        <v>0</v>
      </c>
      <c r="K38457" s="2">
        <v>1</v>
      </c>
      <c r="L38457" t="s">
        <v>995</v>
      </c>
      <c r="M38457" t="s">
        <v>83</v>
      </c>
      <c r="N38457" t="s">
        <v>91</v>
      </c>
      <c r="O38457" t="s">
        <v>85</v>
      </c>
      <c r="P38457" t="s">
        <v>86</v>
      </c>
      <c r="Q38457">
        <v>32</v>
      </c>
      <c r="R38457">
        <v>32</v>
      </c>
      <c r="S38457">
        <v>33</v>
      </c>
      <c r="T38457">
        <v>33</v>
      </c>
      <c r="U38457">
        <v>34</v>
      </c>
      <c r="V38457">
        <v>34</v>
      </c>
      <c r="W38457">
        <v>35</v>
      </c>
      <c r="X38457">
        <v>35</v>
      </c>
      <c r="Y38457">
        <v>36</v>
      </c>
      <c r="Z38457">
        <v>36</v>
      </c>
      <c r="AA38457">
        <v>37</v>
      </c>
      <c r="AB38457">
        <v>37</v>
      </c>
      <c r="AC38457">
        <v>38</v>
      </c>
      <c r="AD38457">
        <v>38</v>
      </c>
      <c r="AE38457">
        <v>39</v>
      </c>
      <c r="AF38457">
        <v>39</v>
      </c>
      <c r="AG38457">
        <v>40</v>
      </c>
      <c r="AH38457">
        <v>40</v>
      </c>
      <c r="AI38457">
        <v>41</v>
      </c>
      <c r="AJ38457">
        <v>41</v>
      </c>
      <c r="AK38457">
        <v>42</v>
      </c>
      <c r="AL38457">
        <v>42</v>
      </c>
      <c r="AM38457">
        <v>42</v>
      </c>
      <c r="AN38457">
        <v>42</v>
      </c>
      <c r="AO38457">
        <v>42</v>
      </c>
      <c r="AP38457">
        <v>43</v>
      </c>
      <c r="AQ38457">
        <v>43</v>
      </c>
    </row>
    <row r="38458" spans="1:43">
      <c r="A38458" t="s">
        <v>23855</v>
      </c>
      <c r="B38458" t="s">
        <v>23856</v>
      </c>
      <c r="C38458" t="s">
        <v>23837</v>
      </c>
      <c r="D38458" t="s">
        <v>23838</v>
      </c>
      <c r="E38458" t="s">
        <v>23789</v>
      </c>
      <c r="F38458" t="s">
        <v>23790</v>
      </c>
      <c r="G38458" t="s">
        <v>11612</v>
      </c>
      <c r="H38458" t="s">
        <v>11613</v>
      </c>
      <c r="I38458" s="2">
        <v>0</v>
      </c>
      <c r="J38458" s="2">
        <v>0</v>
      </c>
      <c r="K38458" s="2">
        <v>1</v>
      </c>
      <c r="L38458" t="s">
        <v>995</v>
      </c>
      <c r="M38458" t="s">
        <v>83</v>
      </c>
      <c r="N38458" t="s">
        <v>84</v>
      </c>
      <c r="O38458" t="s">
        <v>85</v>
      </c>
      <c r="P38458" t="s">
        <v>86</v>
      </c>
      <c r="Q38458">
        <v>140</v>
      </c>
      <c r="R38458">
        <v>142</v>
      </c>
      <c r="S38458">
        <v>145</v>
      </c>
      <c r="T38458">
        <v>147</v>
      </c>
      <c r="U38458">
        <v>149</v>
      </c>
      <c r="V38458">
        <v>151</v>
      </c>
      <c r="W38458">
        <v>153</v>
      </c>
      <c r="X38458">
        <v>155</v>
      </c>
      <c r="Y38458">
        <v>157</v>
      </c>
      <c r="Z38458">
        <v>159</v>
      </c>
      <c r="AA38458">
        <v>161</v>
      </c>
      <c r="AB38458">
        <v>163</v>
      </c>
      <c r="AC38458">
        <v>165</v>
      </c>
      <c r="AD38458">
        <v>167</v>
      </c>
      <c r="AE38458">
        <v>170</v>
      </c>
      <c r="AF38458">
        <v>172</v>
      </c>
      <c r="AG38458">
        <v>174</v>
      </c>
      <c r="AH38458">
        <v>176</v>
      </c>
      <c r="AI38458">
        <v>178</v>
      </c>
      <c r="AJ38458">
        <v>181</v>
      </c>
      <c r="AK38458">
        <v>183</v>
      </c>
      <c r="AL38458">
        <v>184</v>
      </c>
      <c r="AM38458">
        <v>185</v>
      </c>
      <c r="AN38458">
        <v>185</v>
      </c>
      <c r="AO38458">
        <v>186</v>
      </c>
      <c r="AP38458">
        <v>187</v>
      </c>
      <c r="AQ38458">
        <v>188</v>
      </c>
    </row>
    <row r="38459" spans="1:43">
      <c r="A38459" t="s">
        <v>23855</v>
      </c>
      <c r="B38459" t="s">
        <v>23856</v>
      </c>
      <c r="C38459" t="s">
        <v>23837</v>
      </c>
      <c r="D38459" t="s">
        <v>23838</v>
      </c>
      <c r="E38459" t="s">
        <v>23789</v>
      </c>
      <c r="F38459" t="s">
        <v>23790</v>
      </c>
      <c r="G38459" t="s">
        <v>11612</v>
      </c>
      <c r="H38459" t="s">
        <v>11613</v>
      </c>
      <c r="I38459" s="2">
        <v>0</v>
      </c>
      <c r="J38459" s="2">
        <v>0</v>
      </c>
      <c r="K38459" s="2">
        <v>1</v>
      </c>
      <c r="L38459" t="s">
        <v>995</v>
      </c>
      <c r="M38459" t="s">
        <v>87</v>
      </c>
      <c r="N38459" t="s">
        <v>88</v>
      </c>
      <c r="O38459" t="s">
        <v>85</v>
      </c>
      <c r="P38459" t="s">
        <v>86</v>
      </c>
      <c r="Q38459">
        <v>140</v>
      </c>
      <c r="R38459">
        <v>141</v>
      </c>
      <c r="S38459">
        <v>142</v>
      </c>
      <c r="T38459">
        <v>142</v>
      </c>
      <c r="U38459">
        <v>143</v>
      </c>
      <c r="V38459">
        <v>144</v>
      </c>
      <c r="W38459">
        <v>145</v>
      </c>
      <c r="X38459">
        <v>145</v>
      </c>
      <c r="Y38459">
        <v>146</v>
      </c>
      <c r="Z38459">
        <v>147</v>
      </c>
      <c r="AA38459">
        <v>148</v>
      </c>
      <c r="AB38459">
        <v>149</v>
      </c>
      <c r="AC38459">
        <v>149</v>
      </c>
      <c r="AD38459">
        <v>150</v>
      </c>
      <c r="AE38459">
        <v>151</v>
      </c>
      <c r="AF38459">
        <v>152</v>
      </c>
      <c r="AG38459">
        <v>153</v>
      </c>
      <c r="AH38459">
        <v>154</v>
      </c>
      <c r="AI38459">
        <v>155</v>
      </c>
      <c r="AJ38459">
        <v>156</v>
      </c>
      <c r="AK38459">
        <v>157</v>
      </c>
      <c r="AL38459">
        <v>158</v>
      </c>
      <c r="AM38459">
        <v>159</v>
      </c>
      <c r="AN38459">
        <v>160</v>
      </c>
      <c r="AO38459">
        <v>161</v>
      </c>
      <c r="AP38459">
        <v>162</v>
      </c>
      <c r="AQ38459">
        <v>163</v>
      </c>
    </row>
    <row r="38460" spans="1:43">
      <c r="A38460" t="s">
        <v>23855</v>
      </c>
      <c r="B38460" t="s">
        <v>23856</v>
      </c>
      <c r="C38460" t="s">
        <v>23837</v>
      </c>
      <c r="D38460" t="s">
        <v>23838</v>
      </c>
      <c r="E38460" t="s">
        <v>23789</v>
      </c>
      <c r="F38460" t="s">
        <v>23790</v>
      </c>
      <c r="G38460" t="s">
        <v>11612</v>
      </c>
      <c r="H38460" t="s">
        <v>11613</v>
      </c>
      <c r="I38460" s="2">
        <v>0</v>
      </c>
      <c r="J38460" s="2">
        <v>0</v>
      </c>
      <c r="K38460" s="2">
        <v>1</v>
      </c>
      <c r="L38460" t="s">
        <v>995</v>
      </c>
      <c r="M38460" t="s">
        <v>89</v>
      </c>
      <c r="N38460" t="s">
        <v>90</v>
      </c>
      <c r="O38460" t="s">
        <v>85</v>
      </c>
      <c r="P38460" t="s">
        <v>86</v>
      </c>
      <c r="Q38460">
        <v>140</v>
      </c>
      <c r="R38460">
        <v>143</v>
      </c>
      <c r="S38460">
        <v>146</v>
      </c>
      <c r="T38460">
        <v>149</v>
      </c>
      <c r="U38460">
        <v>153</v>
      </c>
      <c r="V38460">
        <v>156</v>
      </c>
      <c r="W38460">
        <v>159</v>
      </c>
      <c r="X38460">
        <v>162</v>
      </c>
      <c r="Y38460">
        <v>164</v>
      </c>
      <c r="Z38460">
        <v>167</v>
      </c>
      <c r="AA38460">
        <v>170</v>
      </c>
      <c r="AB38460">
        <v>172</v>
      </c>
      <c r="AC38460">
        <v>175</v>
      </c>
      <c r="AD38460">
        <v>178</v>
      </c>
      <c r="AE38460">
        <v>180</v>
      </c>
      <c r="AF38460">
        <v>180</v>
      </c>
      <c r="AG38460">
        <v>181</v>
      </c>
      <c r="AH38460">
        <v>182</v>
      </c>
      <c r="AI38460">
        <v>182</v>
      </c>
      <c r="AJ38460">
        <v>183</v>
      </c>
      <c r="AK38460">
        <v>183</v>
      </c>
      <c r="AL38460">
        <v>184</v>
      </c>
      <c r="AM38460">
        <v>185</v>
      </c>
      <c r="AN38460">
        <v>186</v>
      </c>
      <c r="AO38460">
        <v>186</v>
      </c>
      <c r="AP38460">
        <v>187</v>
      </c>
      <c r="AQ38460">
        <v>188</v>
      </c>
    </row>
    <row r="38461" spans="1:43">
      <c r="A38461" t="s">
        <v>23855</v>
      </c>
      <c r="B38461" t="s">
        <v>23856</v>
      </c>
      <c r="C38461" t="s">
        <v>23837</v>
      </c>
      <c r="D38461" t="s">
        <v>23838</v>
      </c>
      <c r="E38461" t="s">
        <v>23789</v>
      </c>
      <c r="F38461" t="s">
        <v>23790</v>
      </c>
      <c r="G38461" t="s">
        <v>11612</v>
      </c>
      <c r="H38461" t="s">
        <v>11613</v>
      </c>
      <c r="I38461" s="2">
        <v>0</v>
      </c>
      <c r="J38461" s="2">
        <v>0</v>
      </c>
      <c r="K38461" s="2">
        <v>1</v>
      </c>
      <c r="L38461" t="s">
        <v>995</v>
      </c>
      <c r="M38461" t="s">
        <v>83</v>
      </c>
      <c r="N38461" t="s">
        <v>91</v>
      </c>
      <c r="O38461" t="s">
        <v>85</v>
      </c>
      <c r="P38461" t="s">
        <v>86</v>
      </c>
      <c r="Q38461">
        <v>140</v>
      </c>
      <c r="R38461">
        <v>142</v>
      </c>
      <c r="S38461">
        <v>145</v>
      </c>
      <c r="T38461">
        <v>147</v>
      </c>
      <c r="U38461">
        <v>149</v>
      </c>
      <c r="V38461">
        <v>151</v>
      </c>
      <c r="W38461">
        <v>153</v>
      </c>
      <c r="X38461">
        <v>155</v>
      </c>
      <c r="Y38461">
        <v>157</v>
      </c>
      <c r="Z38461">
        <v>159</v>
      </c>
      <c r="AA38461">
        <v>161</v>
      </c>
      <c r="AB38461">
        <v>163</v>
      </c>
      <c r="AC38461">
        <v>165</v>
      </c>
      <c r="AD38461">
        <v>167</v>
      </c>
      <c r="AE38461">
        <v>170</v>
      </c>
      <c r="AF38461">
        <v>172</v>
      </c>
      <c r="AG38461">
        <v>174</v>
      </c>
      <c r="AH38461">
        <v>176</v>
      </c>
      <c r="AI38461">
        <v>178</v>
      </c>
      <c r="AJ38461">
        <v>181</v>
      </c>
      <c r="AK38461">
        <v>183</v>
      </c>
      <c r="AL38461">
        <v>184</v>
      </c>
      <c r="AM38461">
        <v>185</v>
      </c>
      <c r="AN38461">
        <v>185</v>
      </c>
      <c r="AO38461">
        <v>186</v>
      </c>
      <c r="AP38461">
        <v>187</v>
      </c>
      <c r="AQ38461">
        <v>188</v>
      </c>
    </row>
    <row r="38462" spans="1:43">
      <c r="A38462" t="s">
        <v>23857</v>
      </c>
      <c r="B38462" t="s">
        <v>23858</v>
      </c>
      <c r="C38462" t="s">
        <v>23787</v>
      </c>
      <c r="D38462" t="s">
        <v>23788</v>
      </c>
      <c r="E38462" t="s">
        <v>23789</v>
      </c>
      <c r="F38462" t="s">
        <v>23790</v>
      </c>
      <c r="G38462" t="s">
        <v>11612</v>
      </c>
      <c r="H38462" t="s">
        <v>11613</v>
      </c>
      <c r="I38462" s="2">
        <v>0</v>
      </c>
      <c r="J38462" s="2">
        <v>0</v>
      </c>
      <c r="K38462" s="2">
        <v>1</v>
      </c>
      <c r="L38462" t="s">
        <v>995</v>
      </c>
      <c r="M38462" t="s">
        <v>83</v>
      </c>
      <c r="N38462" t="s">
        <v>84</v>
      </c>
      <c r="O38462" t="s">
        <v>85</v>
      </c>
      <c r="P38462" t="s">
        <v>86</v>
      </c>
      <c r="Q38462">
        <v>26</v>
      </c>
      <c r="R38462">
        <v>27</v>
      </c>
      <c r="S38462">
        <v>27</v>
      </c>
      <c r="T38462">
        <v>28</v>
      </c>
      <c r="U38462">
        <v>28</v>
      </c>
      <c r="V38462">
        <v>28</v>
      </c>
      <c r="W38462">
        <v>29</v>
      </c>
      <c r="X38462">
        <v>29</v>
      </c>
      <c r="Y38462">
        <v>30</v>
      </c>
      <c r="Z38462">
        <v>30</v>
      </c>
      <c r="AA38462">
        <v>30</v>
      </c>
      <c r="AB38462">
        <v>31</v>
      </c>
      <c r="AC38462">
        <v>31</v>
      </c>
      <c r="AD38462">
        <v>32</v>
      </c>
      <c r="AE38462">
        <v>32</v>
      </c>
      <c r="AF38462">
        <v>32</v>
      </c>
      <c r="AG38462">
        <v>33</v>
      </c>
      <c r="AH38462">
        <v>33</v>
      </c>
      <c r="AI38462">
        <v>34</v>
      </c>
      <c r="AJ38462">
        <v>34</v>
      </c>
      <c r="AK38462">
        <v>34</v>
      </c>
      <c r="AL38462">
        <v>35</v>
      </c>
      <c r="AM38462">
        <v>35</v>
      </c>
      <c r="AN38462">
        <v>35</v>
      </c>
      <c r="AO38462">
        <v>35</v>
      </c>
      <c r="AP38462">
        <v>35</v>
      </c>
      <c r="AQ38462">
        <v>35</v>
      </c>
    </row>
    <row r="38463" spans="1:43">
      <c r="A38463" t="s">
        <v>23857</v>
      </c>
      <c r="B38463" t="s">
        <v>23858</v>
      </c>
      <c r="C38463" t="s">
        <v>23787</v>
      </c>
      <c r="D38463" t="s">
        <v>23788</v>
      </c>
      <c r="E38463" t="s">
        <v>23789</v>
      </c>
      <c r="F38463" t="s">
        <v>23790</v>
      </c>
      <c r="G38463" t="s">
        <v>11612</v>
      </c>
      <c r="H38463" t="s">
        <v>11613</v>
      </c>
      <c r="I38463" s="2">
        <v>0</v>
      </c>
      <c r="J38463" s="2">
        <v>0</v>
      </c>
      <c r="K38463" s="2">
        <v>1</v>
      </c>
      <c r="L38463" t="s">
        <v>995</v>
      </c>
      <c r="M38463" t="s">
        <v>87</v>
      </c>
      <c r="N38463" t="s">
        <v>88</v>
      </c>
      <c r="O38463" t="s">
        <v>85</v>
      </c>
      <c r="P38463" t="s">
        <v>86</v>
      </c>
      <c r="Q38463">
        <v>26</v>
      </c>
      <c r="R38463">
        <v>26</v>
      </c>
      <c r="S38463">
        <v>26</v>
      </c>
      <c r="T38463">
        <v>27</v>
      </c>
      <c r="U38463">
        <v>27</v>
      </c>
      <c r="V38463">
        <v>27</v>
      </c>
      <c r="W38463">
        <v>27</v>
      </c>
      <c r="X38463">
        <v>27</v>
      </c>
      <c r="Y38463">
        <v>27</v>
      </c>
      <c r="Z38463">
        <v>27</v>
      </c>
      <c r="AA38463">
        <v>28</v>
      </c>
      <c r="AB38463">
        <v>28</v>
      </c>
      <c r="AC38463">
        <v>28</v>
      </c>
      <c r="AD38463">
        <v>28</v>
      </c>
      <c r="AE38463">
        <v>28</v>
      </c>
      <c r="AF38463">
        <v>28</v>
      </c>
      <c r="AG38463">
        <v>29</v>
      </c>
      <c r="AH38463">
        <v>29</v>
      </c>
      <c r="AI38463">
        <v>29</v>
      </c>
      <c r="AJ38463">
        <v>29</v>
      </c>
      <c r="AK38463">
        <v>29</v>
      </c>
      <c r="AL38463">
        <v>30</v>
      </c>
      <c r="AM38463">
        <v>30</v>
      </c>
      <c r="AN38463">
        <v>30</v>
      </c>
      <c r="AO38463">
        <v>30</v>
      </c>
      <c r="AP38463">
        <v>30</v>
      </c>
      <c r="AQ38463">
        <v>31</v>
      </c>
    </row>
    <row r="38464" spans="1:43">
      <c r="A38464" t="s">
        <v>23857</v>
      </c>
      <c r="B38464" t="s">
        <v>23858</v>
      </c>
      <c r="C38464" t="s">
        <v>23787</v>
      </c>
      <c r="D38464" t="s">
        <v>23788</v>
      </c>
      <c r="E38464" t="s">
        <v>23789</v>
      </c>
      <c r="F38464" t="s">
        <v>23790</v>
      </c>
      <c r="G38464" t="s">
        <v>11612</v>
      </c>
      <c r="H38464" t="s">
        <v>11613</v>
      </c>
      <c r="I38464" s="2">
        <v>0</v>
      </c>
      <c r="J38464" s="2">
        <v>0</v>
      </c>
      <c r="K38464" s="2">
        <v>1</v>
      </c>
      <c r="L38464" t="s">
        <v>995</v>
      </c>
      <c r="M38464" t="s">
        <v>89</v>
      </c>
      <c r="N38464" t="s">
        <v>90</v>
      </c>
      <c r="O38464" t="s">
        <v>85</v>
      </c>
      <c r="P38464" t="s">
        <v>86</v>
      </c>
      <c r="Q38464">
        <v>26</v>
      </c>
      <c r="R38464">
        <v>26</v>
      </c>
      <c r="S38464">
        <v>27</v>
      </c>
      <c r="T38464">
        <v>27</v>
      </c>
      <c r="U38464">
        <v>28</v>
      </c>
      <c r="V38464">
        <v>29</v>
      </c>
      <c r="W38464">
        <v>29</v>
      </c>
      <c r="X38464">
        <v>30</v>
      </c>
      <c r="Y38464">
        <v>30</v>
      </c>
      <c r="Z38464">
        <v>31</v>
      </c>
      <c r="AA38464">
        <v>31</v>
      </c>
      <c r="AB38464">
        <v>32</v>
      </c>
      <c r="AC38464">
        <v>32</v>
      </c>
      <c r="AD38464">
        <v>33</v>
      </c>
      <c r="AE38464">
        <v>33</v>
      </c>
      <c r="AF38464">
        <v>33</v>
      </c>
      <c r="AG38464">
        <v>33</v>
      </c>
      <c r="AH38464">
        <v>34</v>
      </c>
      <c r="AI38464">
        <v>34</v>
      </c>
      <c r="AJ38464">
        <v>34</v>
      </c>
      <c r="AK38464">
        <v>34</v>
      </c>
      <c r="AL38464">
        <v>34</v>
      </c>
      <c r="AM38464">
        <v>34</v>
      </c>
      <c r="AN38464">
        <v>34</v>
      </c>
      <c r="AO38464">
        <v>35</v>
      </c>
      <c r="AP38464">
        <v>35</v>
      </c>
      <c r="AQ38464">
        <v>35</v>
      </c>
    </row>
    <row r="38465" spans="1:43">
      <c r="A38465" t="s">
        <v>23857</v>
      </c>
      <c r="B38465" t="s">
        <v>23858</v>
      </c>
      <c r="C38465" t="s">
        <v>23787</v>
      </c>
      <c r="D38465" t="s">
        <v>23788</v>
      </c>
      <c r="E38465" t="s">
        <v>23789</v>
      </c>
      <c r="F38465" t="s">
        <v>23790</v>
      </c>
      <c r="G38465" t="s">
        <v>11612</v>
      </c>
      <c r="H38465" t="s">
        <v>11613</v>
      </c>
      <c r="I38465" s="2">
        <v>0</v>
      </c>
      <c r="J38465" s="2">
        <v>0</v>
      </c>
      <c r="K38465" s="2">
        <v>1</v>
      </c>
      <c r="L38465" t="s">
        <v>995</v>
      </c>
      <c r="M38465" t="s">
        <v>83</v>
      </c>
      <c r="N38465" t="s">
        <v>91</v>
      </c>
      <c r="O38465" t="s">
        <v>85</v>
      </c>
      <c r="P38465" t="s">
        <v>86</v>
      </c>
      <c r="Q38465">
        <v>26</v>
      </c>
      <c r="R38465">
        <v>27</v>
      </c>
      <c r="S38465">
        <v>27</v>
      </c>
      <c r="T38465">
        <v>28</v>
      </c>
      <c r="U38465">
        <v>28</v>
      </c>
      <c r="V38465">
        <v>28</v>
      </c>
      <c r="W38465">
        <v>29</v>
      </c>
      <c r="X38465">
        <v>29</v>
      </c>
      <c r="Y38465">
        <v>30</v>
      </c>
      <c r="Z38465">
        <v>30</v>
      </c>
      <c r="AA38465">
        <v>30</v>
      </c>
      <c r="AB38465">
        <v>31</v>
      </c>
      <c r="AC38465">
        <v>31</v>
      </c>
      <c r="AD38465">
        <v>32</v>
      </c>
      <c r="AE38465">
        <v>32</v>
      </c>
      <c r="AF38465">
        <v>32</v>
      </c>
      <c r="AG38465">
        <v>33</v>
      </c>
      <c r="AH38465">
        <v>33</v>
      </c>
      <c r="AI38465">
        <v>34</v>
      </c>
      <c r="AJ38465">
        <v>34</v>
      </c>
      <c r="AK38465">
        <v>34</v>
      </c>
      <c r="AL38465">
        <v>35</v>
      </c>
      <c r="AM38465">
        <v>35</v>
      </c>
      <c r="AN38465">
        <v>35</v>
      </c>
      <c r="AO38465">
        <v>35</v>
      </c>
      <c r="AP38465">
        <v>35</v>
      </c>
      <c r="AQ38465">
        <v>35</v>
      </c>
    </row>
    <row r="38466" spans="1:43">
      <c r="A38466" t="s">
        <v>23859</v>
      </c>
      <c r="B38466" t="s">
        <v>23860</v>
      </c>
      <c r="C38466" t="s">
        <v>23815</v>
      </c>
      <c r="D38466" t="s">
        <v>23816</v>
      </c>
      <c r="E38466" t="s">
        <v>23789</v>
      </c>
      <c r="F38466" t="s">
        <v>23790</v>
      </c>
      <c r="G38466" t="s">
        <v>11612</v>
      </c>
      <c r="H38466" t="s">
        <v>11613</v>
      </c>
      <c r="I38466" s="2">
        <v>0</v>
      </c>
      <c r="J38466" s="2">
        <v>0</v>
      </c>
      <c r="K38466" s="2">
        <v>1</v>
      </c>
      <c r="L38466" t="s">
        <v>995</v>
      </c>
      <c r="M38466" t="s">
        <v>83</v>
      </c>
      <c r="N38466" t="s">
        <v>84</v>
      </c>
      <c r="O38466" t="s">
        <v>85</v>
      </c>
      <c r="P38466" t="s">
        <v>86</v>
      </c>
      <c r="Q38466">
        <v>53</v>
      </c>
      <c r="R38466">
        <v>54</v>
      </c>
      <c r="S38466">
        <v>55</v>
      </c>
      <c r="T38466">
        <v>56</v>
      </c>
      <c r="U38466">
        <v>56</v>
      </c>
      <c r="V38466">
        <v>57</v>
      </c>
      <c r="W38466">
        <v>58</v>
      </c>
      <c r="X38466">
        <v>59</v>
      </c>
      <c r="Y38466">
        <v>60</v>
      </c>
      <c r="Z38466">
        <v>60</v>
      </c>
      <c r="AA38466">
        <v>61</v>
      </c>
      <c r="AB38466">
        <v>62</v>
      </c>
      <c r="AC38466">
        <v>63</v>
      </c>
      <c r="AD38466">
        <v>64</v>
      </c>
      <c r="AE38466">
        <v>65</v>
      </c>
      <c r="AF38466">
        <v>65</v>
      </c>
      <c r="AG38466">
        <v>66</v>
      </c>
      <c r="AH38466">
        <v>67</v>
      </c>
      <c r="AI38466">
        <v>68</v>
      </c>
      <c r="AJ38466">
        <v>69</v>
      </c>
      <c r="AK38466">
        <v>70</v>
      </c>
      <c r="AL38466">
        <v>70</v>
      </c>
      <c r="AM38466">
        <v>70</v>
      </c>
      <c r="AN38466">
        <v>71</v>
      </c>
      <c r="AO38466">
        <v>71</v>
      </c>
      <c r="AP38466">
        <v>71</v>
      </c>
      <c r="AQ38466">
        <v>72</v>
      </c>
    </row>
    <row r="38467" spans="1:43">
      <c r="A38467" t="s">
        <v>23859</v>
      </c>
      <c r="B38467" t="s">
        <v>23860</v>
      </c>
      <c r="C38467" t="s">
        <v>23815</v>
      </c>
      <c r="D38467" t="s">
        <v>23816</v>
      </c>
      <c r="E38467" t="s">
        <v>23789</v>
      </c>
      <c r="F38467" t="s">
        <v>23790</v>
      </c>
      <c r="G38467" t="s">
        <v>11612</v>
      </c>
      <c r="H38467" t="s">
        <v>11613</v>
      </c>
      <c r="I38467" s="2">
        <v>0</v>
      </c>
      <c r="J38467" s="2">
        <v>0</v>
      </c>
      <c r="K38467" s="2">
        <v>1</v>
      </c>
      <c r="L38467" t="s">
        <v>995</v>
      </c>
      <c r="M38467" t="s">
        <v>87</v>
      </c>
      <c r="N38467" t="s">
        <v>88</v>
      </c>
      <c r="O38467" t="s">
        <v>85</v>
      </c>
      <c r="P38467" t="s">
        <v>86</v>
      </c>
      <c r="Q38467">
        <v>53</v>
      </c>
      <c r="R38467">
        <v>53</v>
      </c>
      <c r="S38467">
        <v>53</v>
      </c>
      <c r="T38467">
        <v>54</v>
      </c>
      <c r="U38467">
        <v>54</v>
      </c>
      <c r="V38467">
        <v>54</v>
      </c>
      <c r="W38467">
        <v>55</v>
      </c>
      <c r="X38467">
        <v>55</v>
      </c>
      <c r="Y38467">
        <v>55</v>
      </c>
      <c r="Z38467">
        <v>55</v>
      </c>
      <c r="AA38467">
        <v>56</v>
      </c>
      <c r="AB38467">
        <v>56</v>
      </c>
      <c r="AC38467">
        <v>56</v>
      </c>
      <c r="AD38467">
        <v>57</v>
      </c>
      <c r="AE38467">
        <v>57</v>
      </c>
      <c r="AF38467">
        <v>58</v>
      </c>
      <c r="AG38467">
        <v>58</v>
      </c>
      <c r="AH38467">
        <v>58</v>
      </c>
      <c r="AI38467">
        <v>59</v>
      </c>
      <c r="AJ38467">
        <v>59</v>
      </c>
      <c r="AK38467">
        <v>59</v>
      </c>
      <c r="AL38467">
        <v>60</v>
      </c>
      <c r="AM38467">
        <v>60</v>
      </c>
      <c r="AN38467">
        <v>61</v>
      </c>
      <c r="AO38467">
        <v>61</v>
      </c>
      <c r="AP38467">
        <v>62</v>
      </c>
      <c r="AQ38467">
        <v>62</v>
      </c>
    </row>
    <row r="38468" spans="1:43">
      <c r="A38468" t="s">
        <v>23859</v>
      </c>
      <c r="B38468" t="s">
        <v>23860</v>
      </c>
      <c r="C38468" t="s">
        <v>23815</v>
      </c>
      <c r="D38468" t="s">
        <v>23816</v>
      </c>
      <c r="E38468" t="s">
        <v>23789</v>
      </c>
      <c r="F38468" t="s">
        <v>23790</v>
      </c>
      <c r="G38468" t="s">
        <v>11612</v>
      </c>
      <c r="H38468" t="s">
        <v>11613</v>
      </c>
      <c r="I38468" s="2">
        <v>0</v>
      </c>
      <c r="J38468" s="2">
        <v>0</v>
      </c>
      <c r="K38468" s="2">
        <v>1</v>
      </c>
      <c r="L38468" t="s">
        <v>995</v>
      </c>
      <c r="M38468" t="s">
        <v>89</v>
      </c>
      <c r="N38468" t="s">
        <v>90</v>
      </c>
      <c r="O38468" t="s">
        <v>85</v>
      </c>
      <c r="P38468" t="s">
        <v>86</v>
      </c>
      <c r="Q38468">
        <v>53</v>
      </c>
      <c r="R38468">
        <v>54</v>
      </c>
      <c r="S38468">
        <v>55</v>
      </c>
      <c r="T38468">
        <v>56</v>
      </c>
      <c r="U38468">
        <v>58</v>
      </c>
      <c r="V38468">
        <v>59</v>
      </c>
      <c r="W38468">
        <v>60</v>
      </c>
      <c r="X38468">
        <v>61</v>
      </c>
      <c r="Y38468">
        <v>62</v>
      </c>
      <c r="Z38468">
        <v>63</v>
      </c>
      <c r="AA38468">
        <v>64</v>
      </c>
      <c r="AB38468">
        <v>65</v>
      </c>
      <c r="AC38468">
        <v>66</v>
      </c>
      <c r="AD38468">
        <v>67</v>
      </c>
      <c r="AE38468">
        <v>68</v>
      </c>
      <c r="AF38468">
        <v>68</v>
      </c>
      <c r="AG38468">
        <v>69</v>
      </c>
      <c r="AH38468">
        <v>69</v>
      </c>
      <c r="AI38468">
        <v>69</v>
      </c>
      <c r="AJ38468">
        <v>69</v>
      </c>
      <c r="AK38468">
        <v>70</v>
      </c>
      <c r="AL38468">
        <v>70</v>
      </c>
      <c r="AM38468">
        <v>70</v>
      </c>
      <c r="AN38468">
        <v>71</v>
      </c>
      <c r="AO38468">
        <v>71</v>
      </c>
      <c r="AP38468">
        <v>71</v>
      </c>
      <c r="AQ38468">
        <v>72</v>
      </c>
    </row>
    <row r="38469" spans="1:43">
      <c r="A38469" t="s">
        <v>23859</v>
      </c>
      <c r="B38469" t="s">
        <v>23860</v>
      </c>
      <c r="C38469" t="s">
        <v>23815</v>
      </c>
      <c r="D38469" t="s">
        <v>23816</v>
      </c>
      <c r="E38469" t="s">
        <v>23789</v>
      </c>
      <c r="F38469" t="s">
        <v>23790</v>
      </c>
      <c r="G38469" t="s">
        <v>11612</v>
      </c>
      <c r="H38469" t="s">
        <v>11613</v>
      </c>
      <c r="I38469" s="2">
        <v>0</v>
      </c>
      <c r="J38469" s="2">
        <v>0</v>
      </c>
      <c r="K38469" s="2">
        <v>1</v>
      </c>
      <c r="L38469" t="s">
        <v>995</v>
      </c>
      <c r="M38469" t="s">
        <v>83</v>
      </c>
      <c r="N38469" t="s">
        <v>91</v>
      </c>
      <c r="O38469" t="s">
        <v>85</v>
      </c>
      <c r="P38469" t="s">
        <v>86</v>
      </c>
      <c r="Q38469">
        <v>53</v>
      </c>
      <c r="R38469">
        <v>54</v>
      </c>
      <c r="S38469">
        <v>55</v>
      </c>
      <c r="T38469">
        <v>56</v>
      </c>
      <c r="U38469">
        <v>56</v>
      </c>
      <c r="V38469">
        <v>57</v>
      </c>
      <c r="W38469">
        <v>58</v>
      </c>
      <c r="X38469">
        <v>59</v>
      </c>
      <c r="Y38469">
        <v>60</v>
      </c>
      <c r="Z38469">
        <v>60</v>
      </c>
      <c r="AA38469">
        <v>61</v>
      </c>
      <c r="AB38469">
        <v>62</v>
      </c>
      <c r="AC38469">
        <v>63</v>
      </c>
      <c r="AD38469">
        <v>64</v>
      </c>
      <c r="AE38469">
        <v>65</v>
      </c>
      <c r="AF38469">
        <v>65</v>
      </c>
      <c r="AG38469">
        <v>66</v>
      </c>
      <c r="AH38469">
        <v>67</v>
      </c>
      <c r="AI38469">
        <v>68</v>
      </c>
      <c r="AJ38469">
        <v>69</v>
      </c>
      <c r="AK38469">
        <v>70</v>
      </c>
      <c r="AL38469">
        <v>70</v>
      </c>
      <c r="AM38469">
        <v>70</v>
      </c>
      <c r="AN38469">
        <v>71</v>
      </c>
      <c r="AO38469">
        <v>71</v>
      </c>
      <c r="AP38469">
        <v>71</v>
      </c>
      <c r="AQ38469">
        <v>72</v>
      </c>
    </row>
    <row r="38470" spans="1:43">
      <c r="A38470" t="s">
        <v>23861</v>
      </c>
      <c r="B38470" t="s">
        <v>23862</v>
      </c>
      <c r="C38470" t="s">
        <v>23787</v>
      </c>
      <c r="D38470" t="s">
        <v>23788</v>
      </c>
      <c r="E38470" t="s">
        <v>23789</v>
      </c>
      <c r="F38470" t="s">
        <v>23790</v>
      </c>
      <c r="G38470" t="s">
        <v>11612</v>
      </c>
      <c r="H38470" t="s">
        <v>11613</v>
      </c>
      <c r="I38470" s="2">
        <v>0</v>
      </c>
      <c r="J38470" s="2">
        <v>0</v>
      </c>
      <c r="K38470" s="2">
        <v>1</v>
      </c>
      <c r="L38470" t="s">
        <v>995</v>
      </c>
      <c r="M38470" t="s">
        <v>83</v>
      </c>
      <c r="N38470" t="s">
        <v>84</v>
      </c>
      <c r="O38470" t="s">
        <v>85</v>
      </c>
      <c r="P38470" t="s">
        <v>86</v>
      </c>
      <c r="Q38470">
        <v>6</v>
      </c>
      <c r="R38470">
        <v>6</v>
      </c>
      <c r="S38470">
        <v>7</v>
      </c>
      <c r="T38470">
        <v>7</v>
      </c>
      <c r="U38470">
        <v>7</v>
      </c>
      <c r="V38470">
        <v>7</v>
      </c>
      <c r="W38470">
        <v>7</v>
      </c>
      <c r="X38470">
        <v>7</v>
      </c>
      <c r="Y38470">
        <v>7</v>
      </c>
      <c r="Z38470">
        <v>7</v>
      </c>
      <c r="AA38470">
        <v>7</v>
      </c>
      <c r="AB38470">
        <v>7</v>
      </c>
      <c r="AC38470">
        <v>7</v>
      </c>
      <c r="AD38470">
        <v>8</v>
      </c>
      <c r="AE38470">
        <v>8</v>
      </c>
      <c r="AF38470">
        <v>8</v>
      </c>
      <c r="AG38470">
        <v>8</v>
      </c>
      <c r="AH38470">
        <v>8</v>
      </c>
      <c r="AI38470">
        <v>8</v>
      </c>
      <c r="AJ38470">
        <v>8</v>
      </c>
      <c r="AK38470">
        <v>8</v>
      </c>
      <c r="AL38470">
        <v>8</v>
      </c>
      <c r="AM38470">
        <v>8</v>
      </c>
      <c r="AN38470">
        <v>8</v>
      </c>
      <c r="AO38470">
        <v>8</v>
      </c>
      <c r="AP38470">
        <v>8</v>
      </c>
      <c r="AQ38470">
        <v>8</v>
      </c>
    </row>
    <row r="38471" spans="1:43">
      <c r="A38471" t="s">
        <v>23861</v>
      </c>
      <c r="B38471" t="s">
        <v>23862</v>
      </c>
      <c r="C38471" t="s">
        <v>23787</v>
      </c>
      <c r="D38471" t="s">
        <v>23788</v>
      </c>
      <c r="E38471" t="s">
        <v>23789</v>
      </c>
      <c r="F38471" t="s">
        <v>23790</v>
      </c>
      <c r="G38471" t="s">
        <v>11612</v>
      </c>
      <c r="H38471" t="s">
        <v>11613</v>
      </c>
      <c r="I38471" s="2">
        <v>0</v>
      </c>
      <c r="J38471" s="2">
        <v>0</v>
      </c>
      <c r="K38471" s="2">
        <v>1</v>
      </c>
      <c r="L38471" t="s">
        <v>995</v>
      </c>
      <c r="M38471" t="s">
        <v>87</v>
      </c>
      <c r="N38471" t="s">
        <v>88</v>
      </c>
      <c r="O38471" t="s">
        <v>85</v>
      </c>
      <c r="P38471" t="s">
        <v>86</v>
      </c>
      <c r="Q38471">
        <v>6</v>
      </c>
      <c r="R38471">
        <v>6</v>
      </c>
      <c r="S38471">
        <v>6</v>
      </c>
      <c r="T38471">
        <v>6</v>
      </c>
      <c r="U38471">
        <v>6</v>
      </c>
      <c r="V38471">
        <v>6</v>
      </c>
      <c r="W38471">
        <v>6</v>
      </c>
      <c r="X38471">
        <v>6</v>
      </c>
      <c r="Y38471">
        <v>7</v>
      </c>
      <c r="Z38471">
        <v>7</v>
      </c>
      <c r="AA38471">
        <v>7</v>
      </c>
      <c r="AB38471">
        <v>7</v>
      </c>
      <c r="AC38471">
        <v>7</v>
      </c>
      <c r="AD38471">
        <v>7</v>
      </c>
      <c r="AE38471">
        <v>7</v>
      </c>
      <c r="AF38471">
        <v>7</v>
      </c>
      <c r="AG38471">
        <v>7</v>
      </c>
      <c r="AH38471">
        <v>7</v>
      </c>
      <c r="AI38471">
        <v>7</v>
      </c>
      <c r="AJ38471">
        <v>7</v>
      </c>
      <c r="AK38471">
        <v>7</v>
      </c>
      <c r="AL38471">
        <v>7</v>
      </c>
      <c r="AM38471">
        <v>7</v>
      </c>
      <c r="AN38471">
        <v>7</v>
      </c>
      <c r="AO38471">
        <v>7</v>
      </c>
      <c r="AP38471">
        <v>7</v>
      </c>
      <c r="AQ38471">
        <v>7</v>
      </c>
    </row>
    <row r="38472" spans="1:43">
      <c r="A38472" t="s">
        <v>23861</v>
      </c>
      <c r="B38472" t="s">
        <v>23862</v>
      </c>
      <c r="C38472" t="s">
        <v>23787</v>
      </c>
      <c r="D38472" t="s">
        <v>23788</v>
      </c>
      <c r="E38472" t="s">
        <v>23789</v>
      </c>
      <c r="F38472" t="s">
        <v>23790</v>
      </c>
      <c r="G38472" t="s">
        <v>11612</v>
      </c>
      <c r="H38472" t="s">
        <v>11613</v>
      </c>
      <c r="I38472" s="2">
        <v>0</v>
      </c>
      <c r="J38472" s="2">
        <v>0</v>
      </c>
      <c r="K38472" s="2">
        <v>1</v>
      </c>
      <c r="L38472" t="s">
        <v>995</v>
      </c>
      <c r="M38472" t="s">
        <v>89</v>
      </c>
      <c r="N38472" t="s">
        <v>90</v>
      </c>
      <c r="O38472" t="s">
        <v>85</v>
      </c>
      <c r="P38472" t="s">
        <v>86</v>
      </c>
      <c r="Q38472">
        <v>6</v>
      </c>
      <c r="R38472">
        <v>7</v>
      </c>
      <c r="S38472">
        <v>7</v>
      </c>
      <c r="T38472">
        <v>7</v>
      </c>
      <c r="U38472">
        <v>7</v>
      </c>
      <c r="V38472">
        <v>7</v>
      </c>
      <c r="W38472">
        <v>7</v>
      </c>
      <c r="X38472">
        <v>7</v>
      </c>
      <c r="Y38472">
        <v>7</v>
      </c>
      <c r="Z38472">
        <v>8</v>
      </c>
      <c r="AA38472">
        <v>8</v>
      </c>
      <c r="AB38472">
        <v>8</v>
      </c>
      <c r="AC38472">
        <v>8</v>
      </c>
      <c r="AD38472">
        <v>8</v>
      </c>
      <c r="AE38472">
        <v>8</v>
      </c>
      <c r="AF38472">
        <v>8</v>
      </c>
      <c r="AG38472">
        <v>8</v>
      </c>
      <c r="AH38472">
        <v>8</v>
      </c>
      <c r="AI38472">
        <v>8</v>
      </c>
      <c r="AJ38472">
        <v>8</v>
      </c>
      <c r="AK38472">
        <v>8</v>
      </c>
      <c r="AL38472">
        <v>8</v>
      </c>
      <c r="AM38472">
        <v>8</v>
      </c>
      <c r="AN38472">
        <v>8</v>
      </c>
      <c r="AO38472">
        <v>8</v>
      </c>
      <c r="AP38472">
        <v>8</v>
      </c>
      <c r="AQ38472">
        <v>8</v>
      </c>
    </row>
    <row r="38473" spans="1:43">
      <c r="A38473" t="s">
        <v>23861</v>
      </c>
      <c r="B38473" t="s">
        <v>23862</v>
      </c>
      <c r="C38473" t="s">
        <v>23787</v>
      </c>
      <c r="D38473" t="s">
        <v>23788</v>
      </c>
      <c r="E38473" t="s">
        <v>23789</v>
      </c>
      <c r="F38473" t="s">
        <v>23790</v>
      </c>
      <c r="G38473" t="s">
        <v>11612</v>
      </c>
      <c r="H38473" t="s">
        <v>11613</v>
      </c>
      <c r="I38473" s="2">
        <v>0</v>
      </c>
      <c r="J38473" s="2">
        <v>0</v>
      </c>
      <c r="K38473" s="2">
        <v>1</v>
      </c>
      <c r="L38473" t="s">
        <v>995</v>
      </c>
      <c r="M38473" t="s">
        <v>83</v>
      </c>
      <c r="N38473" t="s">
        <v>91</v>
      </c>
      <c r="O38473" t="s">
        <v>85</v>
      </c>
      <c r="P38473" t="s">
        <v>86</v>
      </c>
      <c r="Q38473">
        <v>6</v>
      </c>
      <c r="R38473">
        <v>6</v>
      </c>
      <c r="S38473">
        <v>7</v>
      </c>
      <c r="T38473">
        <v>7</v>
      </c>
      <c r="U38473">
        <v>7</v>
      </c>
      <c r="V38473">
        <v>7</v>
      </c>
      <c r="W38473">
        <v>7</v>
      </c>
      <c r="X38473">
        <v>7</v>
      </c>
      <c r="Y38473">
        <v>7</v>
      </c>
      <c r="Z38473">
        <v>7</v>
      </c>
      <c r="AA38473">
        <v>7</v>
      </c>
      <c r="AB38473">
        <v>7</v>
      </c>
      <c r="AC38473">
        <v>7</v>
      </c>
      <c r="AD38473">
        <v>8</v>
      </c>
      <c r="AE38473">
        <v>8</v>
      </c>
      <c r="AF38473">
        <v>8</v>
      </c>
      <c r="AG38473">
        <v>8</v>
      </c>
      <c r="AH38473">
        <v>8</v>
      </c>
      <c r="AI38473">
        <v>8</v>
      </c>
      <c r="AJ38473">
        <v>8</v>
      </c>
      <c r="AK38473">
        <v>8</v>
      </c>
      <c r="AL38473">
        <v>8</v>
      </c>
      <c r="AM38473">
        <v>8</v>
      </c>
      <c r="AN38473">
        <v>8</v>
      </c>
      <c r="AO38473">
        <v>8</v>
      </c>
      <c r="AP38473">
        <v>8</v>
      </c>
      <c r="AQ38473">
        <v>8</v>
      </c>
    </row>
    <row r="38474" spans="1:43">
      <c r="A38474" t="s">
        <v>23863</v>
      </c>
      <c r="B38474" t="s">
        <v>23864</v>
      </c>
      <c r="C38474" t="s">
        <v>23837</v>
      </c>
      <c r="D38474" t="s">
        <v>23838</v>
      </c>
      <c r="E38474" t="s">
        <v>23789</v>
      </c>
      <c r="F38474" t="s">
        <v>23790</v>
      </c>
      <c r="G38474" t="s">
        <v>11612</v>
      </c>
      <c r="H38474" t="s">
        <v>11613</v>
      </c>
      <c r="I38474" s="2">
        <v>0</v>
      </c>
      <c r="J38474" s="2">
        <v>0</v>
      </c>
      <c r="K38474" s="2">
        <v>1</v>
      </c>
      <c r="L38474" t="s">
        <v>995</v>
      </c>
      <c r="M38474" t="s">
        <v>83</v>
      </c>
      <c r="N38474" t="s">
        <v>84</v>
      </c>
      <c r="O38474" t="s">
        <v>85</v>
      </c>
      <c r="P38474" t="s">
        <v>86</v>
      </c>
      <c r="Q38474">
        <v>19</v>
      </c>
      <c r="R38474">
        <v>19</v>
      </c>
      <c r="S38474">
        <v>20</v>
      </c>
      <c r="T38474">
        <v>20</v>
      </c>
      <c r="U38474">
        <v>20</v>
      </c>
      <c r="V38474">
        <v>21</v>
      </c>
      <c r="W38474">
        <v>21</v>
      </c>
      <c r="X38474">
        <v>21</v>
      </c>
      <c r="Y38474">
        <v>21</v>
      </c>
      <c r="Z38474">
        <v>22</v>
      </c>
      <c r="AA38474">
        <v>22</v>
      </c>
      <c r="AB38474">
        <v>22</v>
      </c>
      <c r="AC38474">
        <v>23</v>
      </c>
      <c r="AD38474">
        <v>23</v>
      </c>
      <c r="AE38474">
        <v>23</v>
      </c>
      <c r="AF38474">
        <v>23</v>
      </c>
      <c r="AG38474">
        <v>24</v>
      </c>
      <c r="AH38474">
        <v>24</v>
      </c>
      <c r="AI38474">
        <v>24</v>
      </c>
      <c r="AJ38474">
        <v>25</v>
      </c>
      <c r="AK38474">
        <v>25</v>
      </c>
      <c r="AL38474">
        <v>25</v>
      </c>
      <c r="AM38474">
        <v>25</v>
      </c>
      <c r="AN38474">
        <v>25</v>
      </c>
      <c r="AO38474">
        <v>25</v>
      </c>
      <c r="AP38474">
        <v>25</v>
      </c>
      <c r="AQ38474">
        <v>26</v>
      </c>
    </row>
    <row r="38475" spans="1:43">
      <c r="A38475" t="s">
        <v>23863</v>
      </c>
      <c r="B38475" t="s">
        <v>23864</v>
      </c>
      <c r="C38475" t="s">
        <v>23837</v>
      </c>
      <c r="D38475" t="s">
        <v>23838</v>
      </c>
      <c r="E38475" t="s">
        <v>23789</v>
      </c>
      <c r="F38475" t="s">
        <v>23790</v>
      </c>
      <c r="G38475" t="s">
        <v>11612</v>
      </c>
      <c r="H38475" t="s">
        <v>11613</v>
      </c>
      <c r="I38475" s="2">
        <v>0</v>
      </c>
      <c r="J38475" s="2">
        <v>0</v>
      </c>
      <c r="K38475" s="2">
        <v>1</v>
      </c>
      <c r="L38475" t="s">
        <v>995</v>
      </c>
      <c r="M38475" t="s">
        <v>87</v>
      </c>
      <c r="N38475" t="s">
        <v>88</v>
      </c>
      <c r="O38475" t="s">
        <v>85</v>
      </c>
      <c r="P38475" t="s">
        <v>86</v>
      </c>
      <c r="Q38475">
        <v>19</v>
      </c>
      <c r="R38475">
        <v>19</v>
      </c>
      <c r="S38475">
        <v>19</v>
      </c>
      <c r="T38475">
        <v>19</v>
      </c>
      <c r="U38475">
        <v>19</v>
      </c>
      <c r="V38475">
        <v>20</v>
      </c>
      <c r="W38475">
        <v>20</v>
      </c>
      <c r="X38475">
        <v>20</v>
      </c>
      <c r="Y38475">
        <v>20</v>
      </c>
      <c r="Z38475">
        <v>20</v>
      </c>
      <c r="AA38475">
        <v>20</v>
      </c>
      <c r="AB38475">
        <v>20</v>
      </c>
      <c r="AC38475">
        <v>20</v>
      </c>
      <c r="AD38475">
        <v>20</v>
      </c>
      <c r="AE38475">
        <v>20</v>
      </c>
      <c r="AF38475">
        <v>21</v>
      </c>
      <c r="AG38475">
        <v>21</v>
      </c>
      <c r="AH38475">
        <v>21</v>
      </c>
      <c r="AI38475">
        <v>21</v>
      </c>
      <c r="AJ38475">
        <v>21</v>
      </c>
      <c r="AK38475">
        <v>21</v>
      </c>
      <c r="AL38475">
        <v>21</v>
      </c>
      <c r="AM38475">
        <v>22</v>
      </c>
      <c r="AN38475">
        <v>22</v>
      </c>
      <c r="AO38475">
        <v>22</v>
      </c>
      <c r="AP38475">
        <v>22</v>
      </c>
      <c r="AQ38475">
        <v>22</v>
      </c>
    </row>
    <row r="38476" spans="1:43">
      <c r="A38476" t="s">
        <v>23863</v>
      </c>
      <c r="B38476" t="s">
        <v>23864</v>
      </c>
      <c r="C38476" t="s">
        <v>23837</v>
      </c>
      <c r="D38476" t="s">
        <v>23838</v>
      </c>
      <c r="E38476" t="s">
        <v>23789</v>
      </c>
      <c r="F38476" t="s">
        <v>23790</v>
      </c>
      <c r="G38476" t="s">
        <v>11612</v>
      </c>
      <c r="H38476" t="s">
        <v>11613</v>
      </c>
      <c r="I38476" s="2">
        <v>0</v>
      </c>
      <c r="J38476" s="2">
        <v>0</v>
      </c>
      <c r="K38476" s="2">
        <v>1</v>
      </c>
      <c r="L38476" t="s">
        <v>995</v>
      </c>
      <c r="M38476" t="s">
        <v>89</v>
      </c>
      <c r="N38476" t="s">
        <v>90</v>
      </c>
      <c r="O38476" t="s">
        <v>85</v>
      </c>
      <c r="P38476" t="s">
        <v>86</v>
      </c>
      <c r="Q38476">
        <v>19</v>
      </c>
      <c r="R38476">
        <v>20</v>
      </c>
      <c r="S38476">
        <v>20</v>
      </c>
      <c r="T38476">
        <v>21</v>
      </c>
      <c r="U38476">
        <v>21</v>
      </c>
      <c r="V38476">
        <v>22</v>
      </c>
      <c r="W38476">
        <v>22</v>
      </c>
      <c r="X38476">
        <v>22</v>
      </c>
      <c r="Y38476">
        <v>23</v>
      </c>
      <c r="Z38476">
        <v>23</v>
      </c>
      <c r="AA38476">
        <v>23</v>
      </c>
      <c r="AB38476">
        <v>24</v>
      </c>
      <c r="AC38476">
        <v>24</v>
      </c>
      <c r="AD38476">
        <v>25</v>
      </c>
      <c r="AE38476">
        <v>25</v>
      </c>
      <c r="AF38476">
        <v>25</v>
      </c>
      <c r="AG38476">
        <v>25</v>
      </c>
      <c r="AH38476">
        <v>25</v>
      </c>
      <c r="AI38476">
        <v>25</v>
      </c>
      <c r="AJ38476">
        <v>25</v>
      </c>
      <c r="AK38476">
        <v>25</v>
      </c>
      <c r="AL38476">
        <v>25</v>
      </c>
      <c r="AM38476">
        <v>25</v>
      </c>
      <c r="AN38476">
        <v>26</v>
      </c>
      <c r="AO38476">
        <v>26</v>
      </c>
      <c r="AP38476">
        <v>26</v>
      </c>
      <c r="AQ38476">
        <v>26</v>
      </c>
    </row>
    <row r="38477" spans="1:43">
      <c r="A38477" t="s">
        <v>23863</v>
      </c>
      <c r="B38477" t="s">
        <v>23864</v>
      </c>
      <c r="C38477" t="s">
        <v>23837</v>
      </c>
      <c r="D38477" t="s">
        <v>23838</v>
      </c>
      <c r="E38477" t="s">
        <v>23789</v>
      </c>
      <c r="F38477" t="s">
        <v>23790</v>
      </c>
      <c r="G38477" t="s">
        <v>11612</v>
      </c>
      <c r="H38477" t="s">
        <v>11613</v>
      </c>
      <c r="I38477" s="2">
        <v>0</v>
      </c>
      <c r="J38477" s="2">
        <v>0</v>
      </c>
      <c r="K38477" s="2">
        <v>1</v>
      </c>
      <c r="L38477" t="s">
        <v>995</v>
      </c>
      <c r="M38477" t="s">
        <v>83</v>
      </c>
      <c r="N38477" t="s">
        <v>91</v>
      </c>
      <c r="O38477" t="s">
        <v>85</v>
      </c>
      <c r="P38477" t="s">
        <v>86</v>
      </c>
      <c r="Q38477">
        <v>19</v>
      </c>
      <c r="R38477">
        <v>19</v>
      </c>
      <c r="S38477">
        <v>20</v>
      </c>
      <c r="T38477">
        <v>20</v>
      </c>
      <c r="U38477">
        <v>20</v>
      </c>
      <c r="V38477">
        <v>21</v>
      </c>
      <c r="W38477">
        <v>21</v>
      </c>
      <c r="X38477">
        <v>21</v>
      </c>
      <c r="Y38477">
        <v>21</v>
      </c>
      <c r="Z38477">
        <v>22</v>
      </c>
      <c r="AA38477">
        <v>22</v>
      </c>
      <c r="AB38477">
        <v>22</v>
      </c>
      <c r="AC38477">
        <v>23</v>
      </c>
      <c r="AD38477">
        <v>23</v>
      </c>
      <c r="AE38477">
        <v>23</v>
      </c>
      <c r="AF38477">
        <v>23</v>
      </c>
      <c r="AG38477">
        <v>24</v>
      </c>
      <c r="AH38477">
        <v>24</v>
      </c>
      <c r="AI38477">
        <v>24</v>
      </c>
      <c r="AJ38477">
        <v>25</v>
      </c>
      <c r="AK38477">
        <v>25</v>
      </c>
      <c r="AL38477">
        <v>25</v>
      </c>
      <c r="AM38477">
        <v>25</v>
      </c>
      <c r="AN38477">
        <v>25</v>
      </c>
      <c r="AO38477">
        <v>25</v>
      </c>
      <c r="AP38477">
        <v>25</v>
      </c>
      <c r="AQ38477">
        <v>26</v>
      </c>
    </row>
    <row r="38478" spans="1:43">
      <c r="A38478" t="s">
        <v>23865</v>
      </c>
      <c r="B38478" t="s">
        <v>23866</v>
      </c>
      <c r="C38478" t="s">
        <v>23837</v>
      </c>
      <c r="D38478" t="s">
        <v>23838</v>
      </c>
      <c r="E38478" t="s">
        <v>23789</v>
      </c>
      <c r="F38478" t="s">
        <v>23790</v>
      </c>
      <c r="G38478" t="s">
        <v>11612</v>
      </c>
      <c r="H38478" t="s">
        <v>11613</v>
      </c>
      <c r="I38478" s="2">
        <v>0</v>
      </c>
      <c r="J38478" s="2">
        <v>0</v>
      </c>
      <c r="K38478" s="2">
        <v>1</v>
      </c>
      <c r="L38478" t="s">
        <v>995</v>
      </c>
      <c r="M38478" t="s">
        <v>83</v>
      </c>
      <c r="N38478" t="s">
        <v>84</v>
      </c>
      <c r="O38478" t="s">
        <v>85</v>
      </c>
      <c r="P38478" t="s">
        <v>86</v>
      </c>
      <c r="Q38478">
        <v>32</v>
      </c>
      <c r="R38478">
        <v>33</v>
      </c>
      <c r="S38478">
        <v>33</v>
      </c>
      <c r="T38478">
        <v>33</v>
      </c>
      <c r="U38478">
        <v>34</v>
      </c>
      <c r="V38478">
        <v>34</v>
      </c>
      <c r="W38478">
        <v>35</v>
      </c>
      <c r="X38478">
        <v>35</v>
      </c>
      <c r="Y38478">
        <v>36</v>
      </c>
      <c r="Z38478">
        <v>36</v>
      </c>
      <c r="AA38478">
        <v>37</v>
      </c>
      <c r="AB38478">
        <v>37</v>
      </c>
      <c r="AC38478">
        <v>38</v>
      </c>
      <c r="AD38478">
        <v>38</v>
      </c>
      <c r="AE38478">
        <v>39</v>
      </c>
      <c r="AF38478">
        <v>39</v>
      </c>
      <c r="AG38478">
        <v>40</v>
      </c>
      <c r="AH38478">
        <v>40</v>
      </c>
      <c r="AI38478">
        <v>41</v>
      </c>
      <c r="AJ38478">
        <v>41</v>
      </c>
      <c r="AK38478">
        <v>42</v>
      </c>
      <c r="AL38478">
        <v>42</v>
      </c>
      <c r="AM38478">
        <v>42</v>
      </c>
      <c r="AN38478">
        <v>42</v>
      </c>
      <c r="AO38478">
        <v>42</v>
      </c>
      <c r="AP38478">
        <v>43</v>
      </c>
      <c r="AQ38478">
        <v>43</v>
      </c>
    </row>
    <row r="38479" spans="1:43">
      <c r="A38479" t="s">
        <v>23865</v>
      </c>
      <c r="B38479" t="s">
        <v>23866</v>
      </c>
      <c r="C38479" t="s">
        <v>23837</v>
      </c>
      <c r="D38479" t="s">
        <v>23838</v>
      </c>
      <c r="E38479" t="s">
        <v>23789</v>
      </c>
      <c r="F38479" t="s">
        <v>23790</v>
      </c>
      <c r="G38479" t="s">
        <v>11612</v>
      </c>
      <c r="H38479" t="s">
        <v>11613</v>
      </c>
      <c r="I38479" s="2">
        <v>0</v>
      </c>
      <c r="J38479" s="2">
        <v>0</v>
      </c>
      <c r="K38479" s="2">
        <v>1</v>
      </c>
      <c r="L38479" t="s">
        <v>995</v>
      </c>
      <c r="M38479" t="s">
        <v>87</v>
      </c>
      <c r="N38479" t="s">
        <v>88</v>
      </c>
      <c r="O38479" t="s">
        <v>85</v>
      </c>
      <c r="P38479" t="s">
        <v>86</v>
      </c>
      <c r="Q38479">
        <v>32</v>
      </c>
      <c r="R38479">
        <v>32</v>
      </c>
      <c r="S38479">
        <v>32</v>
      </c>
      <c r="T38479">
        <v>32</v>
      </c>
      <c r="U38479">
        <v>32</v>
      </c>
      <c r="V38479">
        <v>33</v>
      </c>
      <c r="W38479">
        <v>33</v>
      </c>
      <c r="X38479">
        <v>33</v>
      </c>
      <c r="Y38479">
        <v>33</v>
      </c>
      <c r="Z38479">
        <v>33</v>
      </c>
      <c r="AA38479">
        <v>33</v>
      </c>
      <c r="AB38479">
        <v>34</v>
      </c>
      <c r="AC38479">
        <v>34</v>
      </c>
      <c r="AD38479">
        <v>34</v>
      </c>
      <c r="AE38479">
        <v>34</v>
      </c>
      <c r="AF38479">
        <v>34</v>
      </c>
      <c r="AG38479">
        <v>35</v>
      </c>
      <c r="AH38479">
        <v>35</v>
      </c>
      <c r="AI38479">
        <v>35</v>
      </c>
      <c r="AJ38479">
        <v>35</v>
      </c>
      <c r="AK38479">
        <v>36</v>
      </c>
      <c r="AL38479">
        <v>36</v>
      </c>
      <c r="AM38479">
        <v>36</v>
      </c>
      <c r="AN38479">
        <v>36</v>
      </c>
      <c r="AO38479">
        <v>36</v>
      </c>
      <c r="AP38479">
        <v>37</v>
      </c>
      <c r="AQ38479">
        <v>37</v>
      </c>
    </row>
    <row r="38480" spans="1:43">
      <c r="A38480" t="s">
        <v>23865</v>
      </c>
      <c r="B38480" t="s">
        <v>23866</v>
      </c>
      <c r="C38480" t="s">
        <v>23837</v>
      </c>
      <c r="D38480" t="s">
        <v>23838</v>
      </c>
      <c r="E38480" t="s">
        <v>23789</v>
      </c>
      <c r="F38480" t="s">
        <v>23790</v>
      </c>
      <c r="G38480" t="s">
        <v>11612</v>
      </c>
      <c r="H38480" t="s">
        <v>11613</v>
      </c>
      <c r="I38480" s="2">
        <v>0</v>
      </c>
      <c r="J38480" s="2">
        <v>0</v>
      </c>
      <c r="K38480" s="2">
        <v>1</v>
      </c>
      <c r="L38480" t="s">
        <v>995</v>
      </c>
      <c r="M38480" t="s">
        <v>89</v>
      </c>
      <c r="N38480" t="s">
        <v>90</v>
      </c>
      <c r="O38480" t="s">
        <v>85</v>
      </c>
      <c r="P38480" t="s">
        <v>86</v>
      </c>
      <c r="Q38480">
        <v>32</v>
      </c>
      <c r="R38480">
        <v>33</v>
      </c>
      <c r="S38480">
        <v>34</v>
      </c>
      <c r="T38480">
        <v>35</v>
      </c>
      <c r="U38480">
        <v>35</v>
      </c>
      <c r="V38480">
        <v>36</v>
      </c>
      <c r="W38480">
        <v>37</v>
      </c>
      <c r="X38480">
        <v>37</v>
      </c>
      <c r="Y38480">
        <v>38</v>
      </c>
      <c r="Z38480">
        <v>39</v>
      </c>
      <c r="AA38480">
        <v>39</v>
      </c>
      <c r="AB38480">
        <v>40</v>
      </c>
      <c r="AC38480">
        <v>40</v>
      </c>
      <c r="AD38480">
        <v>41</v>
      </c>
      <c r="AE38480">
        <v>41</v>
      </c>
      <c r="AF38480">
        <v>42</v>
      </c>
      <c r="AG38480">
        <v>42</v>
      </c>
      <c r="AH38480">
        <v>42</v>
      </c>
      <c r="AI38480">
        <v>42</v>
      </c>
      <c r="AJ38480">
        <v>42</v>
      </c>
      <c r="AK38480">
        <v>42</v>
      </c>
      <c r="AL38480">
        <v>42</v>
      </c>
      <c r="AM38480">
        <v>43</v>
      </c>
      <c r="AN38480">
        <v>43</v>
      </c>
      <c r="AO38480">
        <v>43</v>
      </c>
      <c r="AP38480">
        <v>43</v>
      </c>
      <c r="AQ38480">
        <v>43</v>
      </c>
    </row>
    <row r="38481" spans="1:43">
      <c r="A38481" t="s">
        <v>23865</v>
      </c>
      <c r="B38481" t="s">
        <v>23866</v>
      </c>
      <c r="C38481" t="s">
        <v>23837</v>
      </c>
      <c r="D38481" t="s">
        <v>23838</v>
      </c>
      <c r="E38481" t="s">
        <v>23789</v>
      </c>
      <c r="F38481" t="s">
        <v>23790</v>
      </c>
      <c r="G38481" t="s">
        <v>11612</v>
      </c>
      <c r="H38481" t="s">
        <v>11613</v>
      </c>
      <c r="I38481" s="2">
        <v>0</v>
      </c>
      <c r="J38481" s="2">
        <v>0</v>
      </c>
      <c r="K38481" s="2">
        <v>1</v>
      </c>
      <c r="L38481" t="s">
        <v>995</v>
      </c>
      <c r="M38481" t="s">
        <v>83</v>
      </c>
      <c r="N38481" t="s">
        <v>91</v>
      </c>
      <c r="O38481" t="s">
        <v>85</v>
      </c>
      <c r="P38481" t="s">
        <v>86</v>
      </c>
      <c r="Q38481">
        <v>32</v>
      </c>
      <c r="R38481">
        <v>33</v>
      </c>
      <c r="S38481">
        <v>33</v>
      </c>
      <c r="T38481">
        <v>33</v>
      </c>
      <c r="U38481">
        <v>34</v>
      </c>
      <c r="V38481">
        <v>34</v>
      </c>
      <c r="W38481">
        <v>35</v>
      </c>
      <c r="X38481">
        <v>35</v>
      </c>
      <c r="Y38481">
        <v>36</v>
      </c>
      <c r="Z38481">
        <v>36</v>
      </c>
      <c r="AA38481">
        <v>37</v>
      </c>
      <c r="AB38481">
        <v>37</v>
      </c>
      <c r="AC38481">
        <v>38</v>
      </c>
      <c r="AD38481">
        <v>38</v>
      </c>
      <c r="AE38481">
        <v>39</v>
      </c>
      <c r="AF38481">
        <v>39</v>
      </c>
      <c r="AG38481">
        <v>40</v>
      </c>
      <c r="AH38481">
        <v>40</v>
      </c>
      <c r="AI38481">
        <v>41</v>
      </c>
      <c r="AJ38481">
        <v>41</v>
      </c>
      <c r="AK38481">
        <v>42</v>
      </c>
      <c r="AL38481">
        <v>42</v>
      </c>
      <c r="AM38481">
        <v>42</v>
      </c>
      <c r="AN38481">
        <v>42</v>
      </c>
      <c r="AO38481">
        <v>42</v>
      </c>
      <c r="AP38481">
        <v>43</v>
      </c>
      <c r="AQ38481">
        <v>43</v>
      </c>
    </row>
    <row r="38482" spans="1:43">
      <c r="A38482" t="s">
        <v>23867</v>
      </c>
      <c r="B38482" t="s">
        <v>23868</v>
      </c>
      <c r="C38482" t="s">
        <v>23821</v>
      </c>
      <c r="D38482" t="s">
        <v>23822</v>
      </c>
      <c r="E38482" t="s">
        <v>23789</v>
      </c>
      <c r="F38482" t="s">
        <v>23790</v>
      </c>
      <c r="G38482" t="s">
        <v>11612</v>
      </c>
      <c r="H38482" t="s">
        <v>11613</v>
      </c>
      <c r="I38482" s="2">
        <v>0</v>
      </c>
      <c r="J38482" s="2">
        <v>0</v>
      </c>
      <c r="K38482" s="2">
        <v>1</v>
      </c>
      <c r="L38482" t="s">
        <v>995</v>
      </c>
      <c r="M38482" t="s">
        <v>83</v>
      </c>
      <c r="N38482" t="s">
        <v>84</v>
      </c>
      <c r="O38482" t="s">
        <v>85</v>
      </c>
      <c r="P38482" t="s">
        <v>86</v>
      </c>
      <c r="Q38482">
        <v>5</v>
      </c>
      <c r="R38482">
        <v>5</v>
      </c>
      <c r="S38482">
        <v>5</v>
      </c>
      <c r="T38482">
        <v>5</v>
      </c>
      <c r="U38482">
        <v>5</v>
      </c>
      <c r="V38482">
        <v>5</v>
      </c>
      <c r="W38482">
        <v>5</v>
      </c>
      <c r="X38482">
        <v>5</v>
      </c>
      <c r="Y38482">
        <v>6</v>
      </c>
      <c r="Z38482">
        <v>6</v>
      </c>
      <c r="AA38482">
        <v>6</v>
      </c>
      <c r="AB38482">
        <v>6</v>
      </c>
      <c r="AC38482">
        <v>6</v>
      </c>
      <c r="AD38482">
        <v>6</v>
      </c>
      <c r="AE38482">
        <v>6</v>
      </c>
      <c r="AF38482">
        <v>6</v>
      </c>
      <c r="AG38482">
        <v>6</v>
      </c>
      <c r="AH38482">
        <v>6</v>
      </c>
      <c r="AI38482">
        <v>6</v>
      </c>
      <c r="AJ38482">
        <v>6</v>
      </c>
      <c r="AK38482">
        <v>6</v>
      </c>
      <c r="AL38482">
        <v>7</v>
      </c>
      <c r="AM38482">
        <v>7</v>
      </c>
      <c r="AN38482">
        <v>7</v>
      </c>
      <c r="AO38482">
        <v>7</v>
      </c>
      <c r="AP38482">
        <v>7</v>
      </c>
      <c r="AQ38482">
        <v>7</v>
      </c>
    </row>
    <row r="38483" spans="1:43">
      <c r="A38483" t="s">
        <v>23867</v>
      </c>
      <c r="B38483" t="s">
        <v>23868</v>
      </c>
      <c r="C38483" t="s">
        <v>23821</v>
      </c>
      <c r="D38483" t="s">
        <v>23822</v>
      </c>
      <c r="E38483" t="s">
        <v>23789</v>
      </c>
      <c r="F38483" t="s">
        <v>23790</v>
      </c>
      <c r="G38483" t="s">
        <v>11612</v>
      </c>
      <c r="H38483" t="s">
        <v>11613</v>
      </c>
      <c r="I38483" s="2">
        <v>0</v>
      </c>
      <c r="J38483" s="2">
        <v>0</v>
      </c>
      <c r="K38483" s="2">
        <v>1</v>
      </c>
      <c r="L38483" t="s">
        <v>995</v>
      </c>
      <c r="M38483" t="s">
        <v>87</v>
      </c>
      <c r="N38483" t="s">
        <v>88</v>
      </c>
      <c r="O38483" t="s">
        <v>85</v>
      </c>
      <c r="P38483" t="s">
        <v>86</v>
      </c>
      <c r="Q38483">
        <v>5</v>
      </c>
      <c r="R38483">
        <v>5</v>
      </c>
      <c r="S38483">
        <v>5</v>
      </c>
      <c r="T38483">
        <v>5</v>
      </c>
      <c r="U38483">
        <v>5</v>
      </c>
      <c r="V38483">
        <v>5</v>
      </c>
      <c r="W38483">
        <v>5</v>
      </c>
      <c r="X38483">
        <v>5</v>
      </c>
      <c r="Y38483">
        <v>5</v>
      </c>
      <c r="Z38483">
        <v>5</v>
      </c>
      <c r="AA38483">
        <v>5</v>
      </c>
      <c r="AB38483">
        <v>5</v>
      </c>
      <c r="AC38483">
        <v>5</v>
      </c>
      <c r="AD38483">
        <v>5</v>
      </c>
      <c r="AE38483">
        <v>5</v>
      </c>
      <c r="AF38483">
        <v>5</v>
      </c>
      <c r="AG38483">
        <v>5</v>
      </c>
      <c r="AH38483">
        <v>5</v>
      </c>
      <c r="AI38483">
        <v>5</v>
      </c>
      <c r="AJ38483">
        <v>5</v>
      </c>
      <c r="AK38483">
        <v>6</v>
      </c>
      <c r="AL38483">
        <v>6</v>
      </c>
      <c r="AM38483">
        <v>6</v>
      </c>
      <c r="AN38483">
        <v>6</v>
      </c>
      <c r="AO38483">
        <v>6</v>
      </c>
      <c r="AP38483">
        <v>6</v>
      </c>
      <c r="AQ38483">
        <v>6</v>
      </c>
    </row>
    <row r="38484" spans="1:43">
      <c r="A38484" t="s">
        <v>23867</v>
      </c>
      <c r="B38484" t="s">
        <v>23868</v>
      </c>
      <c r="C38484" t="s">
        <v>23821</v>
      </c>
      <c r="D38484" t="s">
        <v>23822</v>
      </c>
      <c r="E38484" t="s">
        <v>23789</v>
      </c>
      <c r="F38484" t="s">
        <v>23790</v>
      </c>
      <c r="G38484" t="s">
        <v>11612</v>
      </c>
      <c r="H38484" t="s">
        <v>11613</v>
      </c>
      <c r="I38484" s="2">
        <v>0</v>
      </c>
      <c r="J38484" s="2">
        <v>0</v>
      </c>
      <c r="K38484" s="2">
        <v>1</v>
      </c>
      <c r="L38484" t="s">
        <v>995</v>
      </c>
      <c r="M38484" t="s">
        <v>89</v>
      </c>
      <c r="N38484" t="s">
        <v>90</v>
      </c>
      <c r="O38484" t="s">
        <v>85</v>
      </c>
      <c r="P38484" t="s">
        <v>86</v>
      </c>
      <c r="Q38484">
        <v>5</v>
      </c>
      <c r="R38484">
        <v>5</v>
      </c>
      <c r="S38484">
        <v>5</v>
      </c>
      <c r="T38484">
        <v>5</v>
      </c>
      <c r="U38484">
        <v>5</v>
      </c>
      <c r="V38484">
        <v>6</v>
      </c>
      <c r="W38484">
        <v>6</v>
      </c>
      <c r="X38484">
        <v>6</v>
      </c>
      <c r="Y38484">
        <v>6</v>
      </c>
      <c r="Z38484">
        <v>6</v>
      </c>
      <c r="AA38484">
        <v>6</v>
      </c>
      <c r="AB38484">
        <v>6</v>
      </c>
      <c r="AC38484">
        <v>6</v>
      </c>
      <c r="AD38484">
        <v>6</v>
      </c>
      <c r="AE38484">
        <v>6</v>
      </c>
      <c r="AF38484">
        <v>6</v>
      </c>
      <c r="AG38484">
        <v>6</v>
      </c>
      <c r="AH38484">
        <v>6</v>
      </c>
      <c r="AI38484">
        <v>7</v>
      </c>
      <c r="AJ38484">
        <v>7</v>
      </c>
      <c r="AK38484">
        <v>7</v>
      </c>
      <c r="AL38484">
        <v>7</v>
      </c>
      <c r="AM38484">
        <v>7</v>
      </c>
      <c r="AN38484">
        <v>7</v>
      </c>
      <c r="AO38484">
        <v>7</v>
      </c>
      <c r="AP38484">
        <v>7</v>
      </c>
      <c r="AQ38484">
        <v>7</v>
      </c>
    </row>
    <row r="38485" spans="1:43">
      <c r="A38485" t="s">
        <v>23867</v>
      </c>
      <c r="B38485" t="s">
        <v>23868</v>
      </c>
      <c r="C38485" t="s">
        <v>23821</v>
      </c>
      <c r="D38485" t="s">
        <v>23822</v>
      </c>
      <c r="E38485" t="s">
        <v>23789</v>
      </c>
      <c r="F38485" t="s">
        <v>23790</v>
      </c>
      <c r="G38485" t="s">
        <v>11612</v>
      </c>
      <c r="H38485" t="s">
        <v>11613</v>
      </c>
      <c r="I38485" s="2">
        <v>0</v>
      </c>
      <c r="J38485" s="2">
        <v>0</v>
      </c>
      <c r="K38485" s="2">
        <v>1</v>
      </c>
      <c r="L38485" t="s">
        <v>995</v>
      </c>
      <c r="M38485" t="s">
        <v>83</v>
      </c>
      <c r="N38485" t="s">
        <v>91</v>
      </c>
      <c r="O38485" t="s">
        <v>85</v>
      </c>
      <c r="P38485" t="s">
        <v>86</v>
      </c>
      <c r="Q38485">
        <v>5</v>
      </c>
      <c r="R38485">
        <v>5</v>
      </c>
      <c r="S38485">
        <v>5</v>
      </c>
      <c r="T38485">
        <v>5</v>
      </c>
      <c r="U38485">
        <v>5</v>
      </c>
      <c r="V38485">
        <v>5</v>
      </c>
      <c r="W38485">
        <v>5</v>
      </c>
      <c r="X38485">
        <v>5</v>
      </c>
      <c r="Y38485">
        <v>6</v>
      </c>
      <c r="Z38485">
        <v>6</v>
      </c>
      <c r="AA38485">
        <v>6</v>
      </c>
      <c r="AB38485">
        <v>6</v>
      </c>
      <c r="AC38485">
        <v>6</v>
      </c>
      <c r="AD38485">
        <v>6</v>
      </c>
      <c r="AE38485">
        <v>6</v>
      </c>
      <c r="AF38485">
        <v>6</v>
      </c>
      <c r="AG38485">
        <v>6</v>
      </c>
      <c r="AH38485">
        <v>6</v>
      </c>
      <c r="AI38485">
        <v>6</v>
      </c>
      <c r="AJ38485">
        <v>6</v>
      </c>
      <c r="AK38485">
        <v>6</v>
      </c>
      <c r="AL38485">
        <v>7</v>
      </c>
      <c r="AM38485">
        <v>7</v>
      </c>
      <c r="AN38485">
        <v>7</v>
      </c>
      <c r="AO38485">
        <v>7</v>
      </c>
      <c r="AP38485">
        <v>7</v>
      </c>
      <c r="AQ38485">
        <v>7</v>
      </c>
    </row>
    <row r="38486" spans="1:43">
      <c r="A38486" t="s">
        <v>23869</v>
      </c>
      <c r="B38486" t="s">
        <v>23870</v>
      </c>
      <c r="C38486" t="s">
        <v>23815</v>
      </c>
      <c r="D38486" t="s">
        <v>23816</v>
      </c>
      <c r="E38486" t="s">
        <v>23789</v>
      </c>
      <c r="F38486" t="s">
        <v>23790</v>
      </c>
      <c r="G38486" t="s">
        <v>11612</v>
      </c>
      <c r="H38486" t="s">
        <v>11613</v>
      </c>
      <c r="I38486" s="2">
        <v>0</v>
      </c>
      <c r="J38486" s="2">
        <v>0</v>
      </c>
      <c r="K38486" s="2">
        <v>1</v>
      </c>
      <c r="L38486" t="s">
        <v>995</v>
      </c>
      <c r="M38486" t="s">
        <v>83</v>
      </c>
      <c r="N38486" t="s">
        <v>84</v>
      </c>
      <c r="O38486" t="s">
        <v>85</v>
      </c>
      <c r="P38486" t="s">
        <v>86</v>
      </c>
      <c r="Q38486">
        <v>8</v>
      </c>
      <c r="R38486">
        <v>8</v>
      </c>
      <c r="S38486">
        <v>9</v>
      </c>
      <c r="T38486">
        <v>9</v>
      </c>
      <c r="U38486">
        <v>9</v>
      </c>
      <c r="V38486">
        <v>9</v>
      </c>
      <c r="W38486">
        <v>9</v>
      </c>
      <c r="X38486">
        <v>9</v>
      </c>
      <c r="Y38486">
        <v>9</v>
      </c>
      <c r="Z38486">
        <v>9</v>
      </c>
      <c r="AA38486">
        <v>10</v>
      </c>
      <c r="AB38486">
        <v>10</v>
      </c>
      <c r="AC38486">
        <v>10</v>
      </c>
      <c r="AD38486">
        <v>10</v>
      </c>
      <c r="AE38486">
        <v>10</v>
      </c>
      <c r="AF38486">
        <v>10</v>
      </c>
      <c r="AG38486">
        <v>10</v>
      </c>
      <c r="AH38486">
        <v>10</v>
      </c>
      <c r="AI38486">
        <v>11</v>
      </c>
      <c r="AJ38486">
        <v>11</v>
      </c>
      <c r="AK38486">
        <v>11</v>
      </c>
      <c r="AL38486">
        <v>11</v>
      </c>
      <c r="AM38486">
        <v>11</v>
      </c>
      <c r="AN38486">
        <v>11</v>
      </c>
      <c r="AO38486">
        <v>11</v>
      </c>
      <c r="AP38486">
        <v>11</v>
      </c>
      <c r="AQ38486">
        <v>11</v>
      </c>
    </row>
    <row r="38487" spans="1:43">
      <c r="A38487" t="s">
        <v>23869</v>
      </c>
      <c r="B38487" t="s">
        <v>23870</v>
      </c>
      <c r="C38487" t="s">
        <v>23815</v>
      </c>
      <c r="D38487" t="s">
        <v>23816</v>
      </c>
      <c r="E38487" t="s">
        <v>23789</v>
      </c>
      <c r="F38487" t="s">
        <v>23790</v>
      </c>
      <c r="G38487" t="s">
        <v>11612</v>
      </c>
      <c r="H38487" t="s">
        <v>11613</v>
      </c>
      <c r="I38487" s="2">
        <v>0</v>
      </c>
      <c r="J38487" s="2">
        <v>0</v>
      </c>
      <c r="K38487" s="2">
        <v>1</v>
      </c>
      <c r="L38487" t="s">
        <v>995</v>
      </c>
      <c r="M38487" t="s">
        <v>87</v>
      </c>
      <c r="N38487" t="s">
        <v>88</v>
      </c>
      <c r="O38487" t="s">
        <v>85</v>
      </c>
      <c r="P38487" t="s">
        <v>86</v>
      </c>
      <c r="Q38487">
        <v>8</v>
      </c>
      <c r="R38487">
        <v>8</v>
      </c>
      <c r="S38487">
        <v>8</v>
      </c>
      <c r="T38487">
        <v>8</v>
      </c>
      <c r="U38487">
        <v>8</v>
      </c>
      <c r="V38487">
        <v>8</v>
      </c>
      <c r="W38487">
        <v>8</v>
      </c>
      <c r="X38487">
        <v>9</v>
      </c>
      <c r="Y38487">
        <v>9</v>
      </c>
      <c r="Z38487">
        <v>9</v>
      </c>
      <c r="AA38487">
        <v>9</v>
      </c>
      <c r="AB38487">
        <v>9</v>
      </c>
      <c r="AC38487">
        <v>9</v>
      </c>
      <c r="AD38487">
        <v>9</v>
      </c>
      <c r="AE38487">
        <v>9</v>
      </c>
      <c r="AF38487">
        <v>9</v>
      </c>
      <c r="AG38487">
        <v>9</v>
      </c>
      <c r="AH38487">
        <v>9</v>
      </c>
      <c r="AI38487">
        <v>9</v>
      </c>
      <c r="AJ38487">
        <v>9</v>
      </c>
      <c r="AK38487">
        <v>9</v>
      </c>
      <c r="AL38487">
        <v>9</v>
      </c>
      <c r="AM38487">
        <v>9</v>
      </c>
      <c r="AN38487">
        <v>9</v>
      </c>
      <c r="AO38487">
        <v>10</v>
      </c>
      <c r="AP38487">
        <v>10</v>
      </c>
      <c r="AQ38487">
        <v>10</v>
      </c>
    </row>
    <row r="38488" spans="1:43">
      <c r="A38488" t="s">
        <v>23869</v>
      </c>
      <c r="B38488" t="s">
        <v>23870</v>
      </c>
      <c r="C38488" t="s">
        <v>23815</v>
      </c>
      <c r="D38488" t="s">
        <v>23816</v>
      </c>
      <c r="E38488" t="s">
        <v>23789</v>
      </c>
      <c r="F38488" t="s">
        <v>23790</v>
      </c>
      <c r="G38488" t="s">
        <v>11612</v>
      </c>
      <c r="H38488" t="s">
        <v>11613</v>
      </c>
      <c r="I38488" s="2">
        <v>0</v>
      </c>
      <c r="J38488" s="2">
        <v>0</v>
      </c>
      <c r="K38488" s="2">
        <v>1</v>
      </c>
      <c r="L38488" t="s">
        <v>995</v>
      </c>
      <c r="M38488" t="s">
        <v>89</v>
      </c>
      <c r="N38488" t="s">
        <v>90</v>
      </c>
      <c r="O38488" t="s">
        <v>85</v>
      </c>
      <c r="P38488" t="s">
        <v>86</v>
      </c>
      <c r="Q38488">
        <v>8</v>
      </c>
      <c r="R38488">
        <v>9</v>
      </c>
      <c r="S38488">
        <v>9</v>
      </c>
      <c r="T38488">
        <v>9</v>
      </c>
      <c r="U38488">
        <v>9</v>
      </c>
      <c r="V38488">
        <v>9</v>
      </c>
      <c r="W38488">
        <v>10</v>
      </c>
      <c r="X38488">
        <v>10</v>
      </c>
      <c r="Y38488">
        <v>10</v>
      </c>
      <c r="Z38488">
        <v>10</v>
      </c>
      <c r="AA38488">
        <v>10</v>
      </c>
      <c r="AB38488">
        <v>10</v>
      </c>
      <c r="AC38488">
        <v>10</v>
      </c>
      <c r="AD38488">
        <v>11</v>
      </c>
      <c r="AE38488">
        <v>11</v>
      </c>
      <c r="AF38488">
        <v>11</v>
      </c>
      <c r="AG38488">
        <v>11</v>
      </c>
      <c r="AH38488">
        <v>11</v>
      </c>
      <c r="AI38488">
        <v>11</v>
      </c>
      <c r="AJ38488">
        <v>11</v>
      </c>
      <c r="AK38488">
        <v>11</v>
      </c>
      <c r="AL38488">
        <v>11</v>
      </c>
      <c r="AM38488">
        <v>11</v>
      </c>
      <c r="AN38488">
        <v>11</v>
      </c>
      <c r="AO38488">
        <v>11</v>
      </c>
      <c r="AP38488">
        <v>11</v>
      </c>
      <c r="AQ38488">
        <v>11</v>
      </c>
    </row>
    <row r="38489" spans="1:43">
      <c r="A38489" t="s">
        <v>23869</v>
      </c>
      <c r="B38489" t="s">
        <v>23870</v>
      </c>
      <c r="C38489" t="s">
        <v>23815</v>
      </c>
      <c r="D38489" t="s">
        <v>23816</v>
      </c>
      <c r="E38489" t="s">
        <v>23789</v>
      </c>
      <c r="F38489" t="s">
        <v>23790</v>
      </c>
      <c r="G38489" t="s">
        <v>11612</v>
      </c>
      <c r="H38489" t="s">
        <v>11613</v>
      </c>
      <c r="I38489" s="2">
        <v>0</v>
      </c>
      <c r="J38489" s="2">
        <v>0</v>
      </c>
      <c r="K38489" s="2">
        <v>1</v>
      </c>
      <c r="L38489" t="s">
        <v>995</v>
      </c>
      <c r="M38489" t="s">
        <v>83</v>
      </c>
      <c r="N38489" t="s">
        <v>91</v>
      </c>
      <c r="O38489" t="s">
        <v>85</v>
      </c>
      <c r="P38489" t="s">
        <v>86</v>
      </c>
      <c r="Q38489">
        <v>8</v>
      </c>
      <c r="R38489">
        <v>8</v>
      </c>
      <c r="S38489">
        <v>9</v>
      </c>
      <c r="T38489">
        <v>9</v>
      </c>
      <c r="U38489">
        <v>9</v>
      </c>
      <c r="V38489">
        <v>9</v>
      </c>
      <c r="W38489">
        <v>9</v>
      </c>
      <c r="X38489">
        <v>9</v>
      </c>
      <c r="Y38489">
        <v>9</v>
      </c>
      <c r="Z38489">
        <v>9</v>
      </c>
      <c r="AA38489">
        <v>10</v>
      </c>
      <c r="AB38489">
        <v>10</v>
      </c>
      <c r="AC38489">
        <v>10</v>
      </c>
      <c r="AD38489">
        <v>10</v>
      </c>
      <c r="AE38489">
        <v>10</v>
      </c>
      <c r="AF38489">
        <v>10</v>
      </c>
      <c r="AG38489">
        <v>10</v>
      </c>
      <c r="AH38489">
        <v>10</v>
      </c>
      <c r="AI38489">
        <v>11</v>
      </c>
      <c r="AJ38489">
        <v>11</v>
      </c>
      <c r="AK38489">
        <v>11</v>
      </c>
      <c r="AL38489">
        <v>11</v>
      </c>
      <c r="AM38489">
        <v>11</v>
      </c>
      <c r="AN38489">
        <v>11</v>
      </c>
      <c r="AO38489">
        <v>11</v>
      </c>
      <c r="AP38489">
        <v>11</v>
      </c>
      <c r="AQ38489">
        <v>11</v>
      </c>
    </row>
    <row r="38490" spans="1:43">
      <c r="A38490" t="s">
        <v>23871</v>
      </c>
      <c r="B38490" t="s">
        <v>23872</v>
      </c>
      <c r="C38490" t="s">
        <v>23815</v>
      </c>
      <c r="D38490" t="s">
        <v>23816</v>
      </c>
      <c r="E38490" t="s">
        <v>23789</v>
      </c>
      <c r="F38490" t="s">
        <v>23790</v>
      </c>
      <c r="G38490" t="s">
        <v>11612</v>
      </c>
      <c r="H38490" t="s">
        <v>11613</v>
      </c>
      <c r="I38490" s="2">
        <v>0</v>
      </c>
      <c r="J38490" s="2">
        <v>0</v>
      </c>
      <c r="K38490" s="2">
        <v>1</v>
      </c>
      <c r="L38490" t="s">
        <v>995</v>
      </c>
      <c r="M38490" t="s">
        <v>83</v>
      </c>
      <c r="N38490" t="s">
        <v>84</v>
      </c>
      <c r="O38490" t="s">
        <v>85</v>
      </c>
      <c r="P38490" t="s">
        <v>86</v>
      </c>
      <c r="Q38490">
        <v>8</v>
      </c>
      <c r="R38490">
        <v>9</v>
      </c>
      <c r="S38490">
        <v>9</v>
      </c>
      <c r="T38490">
        <v>9</v>
      </c>
      <c r="U38490">
        <v>9</v>
      </c>
      <c r="V38490">
        <v>9</v>
      </c>
      <c r="W38490">
        <v>9</v>
      </c>
      <c r="X38490">
        <v>9</v>
      </c>
      <c r="Y38490">
        <v>9</v>
      </c>
      <c r="Z38490">
        <v>10</v>
      </c>
      <c r="AA38490">
        <v>10</v>
      </c>
      <c r="AB38490">
        <v>10</v>
      </c>
      <c r="AC38490">
        <v>10</v>
      </c>
      <c r="AD38490">
        <v>10</v>
      </c>
      <c r="AE38490">
        <v>10</v>
      </c>
      <c r="AF38490">
        <v>10</v>
      </c>
      <c r="AG38490">
        <v>11</v>
      </c>
      <c r="AH38490">
        <v>11</v>
      </c>
      <c r="AI38490">
        <v>11</v>
      </c>
      <c r="AJ38490">
        <v>11</v>
      </c>
      <c r="AK38490">
        <v>11</v>
      </c>
      <c r="AL38490">
        <v>11</v>
      </c>
      <c r="AM38490">
        <v>11</v>
      </c>
      <c r="AN38490">
        <v>11</v>
      </c>
      <c r="AO38490">
        <v>11</v>
      </c>
      <c r="AP38490">
        <v>11</v>
      </c>
      <c r="AQ38490">
        <v>11</v>
      </c>
    </row>
    <row r="38491" spans="1:43">
      <c r="A38491" t="s">
        <v>23871</v>
      </c>
      <c r="B38491" t="s">
        <v>23872</v>
      </c>
      <c r="C38491" t="s">
        <v>23815</v>
      </c>
      <c r="D38491" t="s">
        <v>23816</v>
      </c>
      <c r="E38491" t="s">
        <v>23789</v>
      </c>
      <c r="F38491" t="s">
        <v>23790</v>
      </c>
      <c r="G38491" t="s">
        <v>11612</v>
      </c>
      <c r="H38491" t="s">
        <v>11613</v>
      </c>
      <c r="I38491" s="2">
        <v>0</v>
      </c>
      <c r="J38491" s="2">
        <v>0</v>
      </c>
      <c r="K38491" s="2">
        <v>1</v>
      </c>
      <c r="L38491" t="s">
        <v>995</v>
      </c>
      <c r="M38491" t="s">
        <v>87</v>
      </c>
      <c r="N38491" t="s">
        <v>88</v>
      </c>
      <c r="O38491" t="s">
        <v>85</v>
      </c>
      <c r="P38491" t="s">
        <v>86</v>
      </c>
      <c r="Q38491">
        <v>8</v>
      </c>
      <c r="R38491">
        <v>8</v>
      </c>
      <c r="S38491">
        <v>8</v>
      </c>
      <c r="T38491">
        <v>9</v>
      </c>
      <c r="U38491">
        <v>9</v>
      </c>
      <c r="V38491">
        <v>9</v>
      </c>
      <c r="W38491">
        <v>9</v>
      </c>
      <c r="X38491">
        <v>9</v>
      </c>
      <c r="Y38491">
        <v>9</v>
      </c>
      <c r="Z38491">
        <v>9</v>
      </c>
      <c r="AA38491">
        <v>9</v>
      </c>
      <c r="AB38491">
        <v>9</v>
      </c>
      <c r="AC38491">
        <v>9</v>
      </c>
      <c r="AD38491">
        <v>9</v>
      </c>
      <c r="AE38491">
        <v>9</v>
      </c>
      <c r="AF38491">
        <v>9</v>
      </c>
      <c r="AG38491">
        <v>9</v>
      </c>
      <c r="AH38491">
        <v>9</v>
      </c>
      <c r="AI38491">
        <v>9</v>
      </c>
      <c r="AJ38491">
        <v>9</v>
      </c>
      <c r="AK38491">
        <v>9</v>
      </c>
      <c r="AL38491">
        <v>10</v>
      </c>
      <c r="AM38491">
        <v>10</v>
      </c>
      <c r="AN38491">
        <v>10</v>
      </c>
      <c r="AO38491">
        <v>10</v>
      </c>
      <c r="AP38491">
        <v>10</v>
      </c>
      <c r="AQ38491">
        <v>10</v>
      </c>
    </row>
    <row r="38492" spans="1:43">
      <c r="A38492" t="s">
        <v>23871</v>
      </c>
      <c r="B38492" t="s">
        <v>23872</v>
      </c>
      <c r="C38492" t="s">
        <v>23815</v>
      </c>
      <c r="D38492" t="s">
        <v>23816</v>
      </c>
      <c r="E38492" t="s">
        <v>23789</v>
      </c>
      <c r="F38492" t="s">
        <v>23790</v>
      </c>
      <c r="G38492" t="s">
        <v>11612</v>
      </c>
      <c r="H38492" t="s">
        <v>11613</v>
      </c>
      <c r="I38492" s="2">
        <v>0</v>
      </c>
      <c r="J38492" s="2">
        <v>0</v>
      </c>
      <c r="K38492" s="2">
        <v>1</v>
      </c>
      <c r="L38492" t="s">
        <v>995</v>
      </c>
      <c r="M38492" t="s">
        <v>89</v>
      </c>
      <c r="N38492" t="s">
        <v>90</v>
      </c>
      <c r="O38492" t="s">
        <v>85</v>
      </c>
      <c r="P38492" t="s">
        <v>86</v>
      </c>
      <c r="Q38492">
        <v>8</v>
      </c>
      <c r="R38492">
        <v>8</v>
      </c>
      <c r="S38492">
        <v>8</v>
      </c>
      <c r="T38492">
        <v>8</v>
      </c>
      <c r="U38492">
        <v>8</v>
      </c>
      <c r="V38492">
        <v>9</v>
      </c>
      <c r="W38492">
        <v>9</v>
      </c>
      <c r="X38492">
        <v>9</v>
      </c>
      <c r="Y38492">
        <v>9</v>
      </c>
      <c r="Z38492">
        <v>9</v>
      </c>
      <c r="AA38492">
        <v>9</v>
      </c>
      <c r="AB38492">
        <v>10</v>
      </c>
      <c r="AC38492">
        <v>10</v>
      </c>
      <c r="AD38492">
        <v>10</v>
      </c>
      <c r="AE38492">
        <v>10</v>
      </c>
      <c r="AF38492">
        <v>10</v>
      </c>
      <c r="AG38492">
        <v>10</v>
      </c>
      <c r="AH38492">
        <v>10</v>
      </c>
      <c r="AI38492">
        <v>10</v>
      </c>
      <c r="AJ38492">
        <v>10</v>
      </c>
      <c r="AK38492">
        <v>10</v>
      </c>
      <c r="AL38492">
        <v>10</v>
      </c>
      <c r="AM38492">
        <v>10</v>
      </c>
      <c r="AN38492">
        <v>10</v>
      </c>
      <c r="AO38492">
        <v>10</v>
      </c>
      <c r="AP38492">
        <v>10</v>
      </c>
      <c r="AQ38492">
        <v>11</v>
      </c>
    </row>
    <row r="38493" spans="1:43">
      <c r="A38493" t="s">
        <v>23871</v>
      </c>
      <c r="B38493" t="s">
        <v>23872</v>
      </c>
      <c r="C38493" t="s">
        <v>23815</v>
      </c>
      <c r="D38493" t="s">
        <v>23816</v>
      </c>
      <c r="E38493" t="s">
        <v>23789</v>
      </c>
      <c r="F38493" t="s">
        <v>23790</v>
      </c>
      <c r="G38493" t="s">
        <v>11612</v>
      </c>
      <c r="H38493" t="s">
        <v>11613</v>
      </c>
      <c r="I38493" s="2">
        <v>0</v>
      </c>
      <c r="J38493" s="2">
        <v>0</v>
      </c>
      <c r="K38493" s="2">
        <v>1</v>
      </c>
      <c r="L38493" t="s">
        <v>995</v>
      </c>
      <c r="M38493" t="s">
        <v>83</v>
      </c>
      <c r="N38493" t="s">
        <v>91</v>
      </c>
      <c r="O38493" t="s">
        <v>85</v>
      </c>
      <c r="P38493" t="s">
        <v>86</v>
      </c>
      <c r="Q38493">
        <v>8</v>
      </c>
      <c r="R38493">
        <v>9</v>
      </c>
      <c r="S38493">
        <v>9</v>
      </c>
      <c r="T38493">
        <v>9</v>
      </c>
      <c r="U38493">
        <v>9</v>
      </c>
      <c r="V38493">
        <v>9</v>
      </c>
      <c r="W38493">
        <v>9</v>
      </c>
      <c r="X38493">
        <v>9</v>
      </c>
      <c r="Y38493">
        <v>9</v>
      </c>
      <c r="Z38493">
        <v>10</v>
      </c>
      <c r="AA38493">
        <v>10</v>
      </c>
      <c r="AB38493">
        <v>10</v>
      </c>
      <c r="AC38493">
        <v>10</v>
      </c>
      <c r="AD38493">
        <v>10</v>
      </c>
      <c r="AE38493">
        <v>10</v>
      </c>
      <c r="AF38493">
        <v>10</v>
      </c>
      <c r="AG38493">
        <v>11</v>
      </c>
      <c r="AH38493">
        <v>11</v>
      </c>
      <c r="AI38493">
        <v>11</v>
      </c>
      <c r="AJ38493">
        <v>11</v>
      </c>
      <c r="AK38493">
        <v>11</v>
      </c>
      <c r="AL38493">
        <v>11</v>
      </c>
      <c r="AM38493">
        <v>11</v>
      </c>
      <c r="AN38493">
        <v>11</v>
      </c>
      <c r="AO38493">
        <v>11</v>
      </c>
      <c r="AP38493">
        <v>11</v>
      </c>
      <c r="AQ38493">
        <v>11</v>
      </c>
    </row>
    <row r="38494" spans="1:43">
      <c r="A38494" t="s">
        <v>23873</v>
      </c>
      <c r="B38494" t="s">
        <v>23874</v>
      </c>
      <c r="C38494" t="s">
        <v>23815</v>
      </c>
      <c r="D38494" t="s">
        <v>23816</v>
      </c>
      <c r="E38494" t="s">
        <v>23789</v>
      </c>
      <c r="F38494" t="s">
        <v>23790</v>
      </c>
      <c r="G38494" t="s">
        <v>11612</v>
      </c>
      <c r="H38494" t="s">
        <v>11613</v>
      </c>
      <c r="I38494" s="2">
        <v>0</v>
      </c>
      <c r="J38494" s="2">
        <v>0</v>
      </c>
      <c r="K38494" s="2">
        <v>0.71</v>
      </c>
      <c r="L38494" t="s">
        <v>995</v>
      </c>
      <c r="M38494" t="s">
        <v>83</v>
      </c>
      <c r="N38494" t="s">
        <v>84</v>
      </c>
      <c r="O38494" t="s">
        <v>85</v>
      </c>
      <c r="P38494" t="s">
        <v>86</v>
      </c>
      <c r="Q38494">
        <v>9</v>
      </c>
      <c r="R38494">
        <v>9</v>
      </c>
      <c r="S38494">
        <v>9</v>
      </c>
      <c r="T38494">
        <v>9</v>
      </c>
      <c r="U38494">
        <v>9</v>
      </c>
      <c r="V38494">
        <v>10</v>
      </c>
      <c r="W38494">
        <v>10</v>
      </c>
      <c r="X38494">
        <v>10</v>
      </c>
      <c r="Y38494">
        <v>10</v>
      </c>
      <c r="Z38494">
        <v>10</v>
      </c>
      <c r="AA38494">
        <v>10</v>
      </c>
      <c r="AB38494">
        <v>10</v>
      </c>
      <c r="AC38494">
        <v>11</v>
      </c>
      <c r="AD38494">
        <v>11</v>
      </c>
      <c r="AE38494">
        <v>11</v>
      </c>
      <c r="AF38494">
        <v>11</v>
      </c>
      <c r="AG38494">
        <v>11</v>
      </c>
      <c r="AH38494">
        <v>11</v>
      </c>
      <c r="AI38494">
        <v>11</v>
      </c>
      <c r="AJ38494">
        <v>11</v>
      </c>
      <c r="AK38494">
        <v>12</v>
      </c>
      <c r="AL38494">
        <v>12</v>
      </c>
      <c r="AM38494">
        <v>12</v>
      </c>
      <c r="AN38494">
        <v>12</v>
      </c>
      <c r="AO38494">
        <v>12</v>
      </c>
      <c r="AP38494">
        <v>12</v>
      </c>
      <c r="AQ38494">
        <v>12</v>
      </c>
    </row>
    <row r="38495" spans="1:43">
      <c r="A38495" t="s">
        <v>23873</v>
      </c>
      <c r="B38495" t="s">
        <v>23874</v>
      </c>
      <c r="C38495" t="s">
        <v>23815</v>
      </c>
      <c r="D38495" t="s">
        <v>23816</v>
      </c>
      <c r="E38495" t="s">
        <v>23789</v>
      </c>
      <c r="F38495" t="s">
        <v>23790</v>
      </c>
      <c r="G38495" t="s">
        <v>11612</v>
      </c>
      <c r="H38495" t="s">
        <v>11613</v>
      </c>
      <c r="I38495" s="2">
        <v>0</v>
      </c>
      <c r="J38495" s="2">
        <v>0</v>
      </c>
      <c r="K38495" s="2">
        <v>0.71</v>
      </c>
      <c r="L38495" t="s">
        <v>995</v>
      </c>
      <c r="M38495" t="s">
        <v>87</v>
      </c>
      <c r="N38495" t="s">
        <v>88</v>
      </c>
      <c r="O38495" t="s">
        <v>85</v>
      </c>
      <c r="P38495" t="s">
        <v>86</v>
      </c>
      <c r="Q38495">
        <v>9</v>
      </c>
      <c r="R38495">
        <v>9</v>
      </c>
      <c r="S38495">
        <v>9</v>
      </c>
      <c r="T38495">
        <v>9</v>
      </c>
      <c r="U38495">
        <v>9</v>
      </c>
      <c r="V38495">
        <v>9</v>
      </c>
      <c r="W38495">
        <v>9</v>
      </c>
      <c r="X38495">
        <v>9</v>
      </c>
      <c r="Y38495">
        <v>9</v>
      </c>
      <c r="Z38495">
        <v>9</v>
      </c>
      <c r="AA38495">
        <v>9</v>
      </c>
      <c r="AB38495">
        <v>9</v>
      </c>
      <c r="AC38495">
        <v>9</v>
      </c>
      <c r="AD38495">
        <v>9</v>
      </c>
      <c r="AE38495">
        <v>10</v>
      </c>
      <c r="AF38495">
        <v>10</v>
      </c>
      <c r="AG38495">
        <v>10</v>
      </c>
      <c r="AH38495">
        <v>10</v>
      </c>
      <c r="AI38495">
        <v>10</v>
      </c>
      <c r="AJ38495">
        <v>10</v>
      </c>
      <c r="AK38495">
        <v>10</v>
      </c>
      <c r="AL38495">
        <v>10</v>
      </c>
      <c r="AM38495">
        <v>10</v>
      </c>
      <c r="AN38495">
        <v>10</v>
      </c>
      <c r="AO38495">
        <v>10</v>
      </c>
      <c r="AP38495">
        <v>10</v>
      </c>
      <c r="AQ38495">
        <v>10</v>
      </c>
    </row>
    <row r="38496" spans="1:43">
      <c r="A38496" t="s">
        <v>23873</v>
      </c>
      <c r="B38496" t="s">
        <v>23874</v>
      </c>
      <c r="C38496" t="s">
        <v>23815</v>
      </c>
      <c r="D38496" t="s">
        <v>23816</v>
      </c>
      <c r="E38496" t="s">
        <v>23789</v>
      </c>
      <c r="F38496" t="s">
        <v>23790</v>
      </c>
      <c r="G38496" t="s">
        <v>11612</v>
      </c>
      <c r="H38496" t="s">
        <v>11613</v>
      </c>
      <c r="I38496" s="2">
        <v>0</v>
      </c>
      <c r="J38496" s="2">
        <v>0</v>
      </c>
      <c r="K38496" s="2">
        <v>0.71</v>
      </c>
      <c r="L38496" t="s">
        <v>995</v>
      </c>
      <c r="M38496" t="s">
        <v>89</v>
      </c>
      <c r="N38496" t="s">
        <v>90</v>
      </c>
      <c r="O38496" t="s">
        <v>85</v>
      </c>
      <c r="P38496" t="s">
        <v>86</v>
      </c>
      <c r="Q38496">
        <v>9</v>
      </c>
      <c r="R38496">
        <v>9</v>
      </c>
      <c r="S38496">
        <v>9</v>
      </c>
      <c r="T38496">
        <v>10</v>
      </c>
      <c r="U38496">
        <v>10</v>
      </c>
      <c r="V38496">
        <v>10</v>
      </c>
      <c r="W38496">
        <v>10</v>
      </c>
      <c r="X38496">
        <v>10</v>
      </c>
      <c r="Y38496">
        <v>11</v>
      </c>
      <c r="Z38496">
        <v>11</v>
      </c>
      <c r="AA38496">
        <v>11</v>
      </c>
      <c r="AB38496">
        <v>11</v>
      </c>
      <c r="AC38496">
        <v>11</v>
      </c>
      <c r="AD38496">
        <v>11</v>
      </c>
      <c r="AE38496">
        <v>12</v>
      </c>
      <c r="AF38496">
        <v>12</v>
      </c>
      <c r="AG38496">
        <v>12</v>
      </c>
      <c r="AH38496">
        <v>12</v>
      </c>
      <c r="AI38496">
        <v>12</v>
      </c>
      <c r="AJ38496">
        <v>12</v>
      </c>
      <c r="AK38496">
        <v>12</v>
      </c>
      <c r="AL38496">
        <v>12</v>
      </c>
      <c r="AM38496">
        <v>12</v>
      </c>
      <c r="AN38496">
        <v>12</v>
      </c>
      <c r="AO38496">
        <v>12</v>
      </c>
      <c r="AP38496">
        <v>12</v>
      </c>
      <c r="AQ38496">
        <v>12</v>
      </c>
    </row>
    <row r="38497" spans="1:43">
      <c r="A38497" t="s">
        <v>23873</v>
      </c>
      <c r="B38497" t="s">
        <v>23874</v>
      </c>
      <c r="C38497" t="s">
        <v>23815</v>
      </c>
      <c r="D38497" t="s">
        <v>23816</v>
      </c>
      <c r="E38497" t="s">
        <v>23789</v>
      </c>
      <c r="F38497" t="s">
        <v>23790</v>
      </c>
      <c r="G38497" t="s">
        <v>11612</v>
      </c>
      <c r="H38497" t="s">
        <v>11613</v>
      </c>
      <c r="I38497" s="2">
        <v>0</v>
      </c>
      <c r="J38497" s="2">
        <v>0</v>
      </c>
      <c r="K38497" s="2">
        <v>0.71</v>
      </c>
      <c r="L38497" t="s">
        <v>995</v>
      </c>
      <c r="M38497" t="s">
        <v>83</v>
      </c>
      <c r="N38497" t="s">
        <v>91</v>
      </c>
      <c r="O38497" t="s">
        <v>85</v>
      </c>
      <c r="P38497" t="s">
        <v>86</v>
      </c>
      <c r="Q38497">
        <v>9</v>
      </c>
      <c r="R38497">
        <v>9</v>
      </c>
      <c r="S38497">
        <v>9</v>
      </c>
      <c r="T38497">
        <v>9</v>
      </c>
      <c r="U38497">
        <v>9</v>
      </c>
      <c r="V38497">
        <v>10</v>
      </c>
      <c r="W38497">
        <v>10</v>
      </c>
      <c r="X38497">
        <v>10</v>
      </c>
      <c r="Y38497">
        <v>10</v>
      </c>
      <c r="Z38497">
        <v>10</v>
      </c>
      <c r="AA38497">
        <v>10</v>
      </c>
      <c r="AB38497">
        <v>10</v>
      </c>
      <c r="AC38497">
        <v>11</v>
      </c>
      <c r="AD38497">
        <v>11</v>
      </c>
      <c r="AE38497">
        <v>11</v>
      </c>
      <c r="AF38497">
        <v>11</v>
      </c>
      <c r="AG38497">
        <v>11</v>
      </c>
      <c r="AH38497">
        <v>11</v>
      </c>
      <c r="AI38497">
        <v>11</v>
      </c>
      <c r="AJ38497">
        <v>11</v>
      </c>
      <c r="AK38497">
        <v>12</v>
      </c>
      <c r="AL38497">
        <v>12</v>
      </c>
      <c r="AM38497">
        <v>12</v>
      </c>
      <c r="AN38497">
        <v>12</v>
      </c>
      <c r="AO38497">
        <v>12</v>
      </c>
      <c r="AP38497">
        <v>12</v>
      </c>
      <c r="AQ38497">
        <v>12</v>
      </c>
    </row>
    <row r="38498" spans="1:43">
      <c r="A38498" t="s">
        <v>23875</v>
      </c>
      <c r="B38498" t="s">
        <v>23876</v>
      </c>
      <c r="C38498" t="s">
        <v>23821</v>
      </c>
      <c r="D38498" t="s">
        <v>23822</v>
      </c>
      <c r="E38498" t="s">
        <v>23789</v>
      </c>
      <c r="F38498" t="s">
        <v>23790</v>
      </c>
      <c r="G38498" t="s">
        <v>11612</v>
      </c>
      <c r="H38498" t="s">
        <v>11613</v>
      </c>
      <c r="I38498" s="2">
        <v>0</v>
      </c>
      <c r="J38498" s="2">
        <v>0</v>
      </c>
      <c r="K38498" s="2">
        <v>1</v>
      </c>
      <c r="L38498" t="s">
        <v>995</v>
      </c>
      <c r="M38498" t="s">
        <v>83</v>
      </c>
      <c r="N38498" t="s">
        <v>84</v>
      </c>
      <c r="O38498" t="s">
        <v>85</v>
      </c>
      <c r="P38498" t="s">
        <v>86</v>
      </c>
      <c r="Q38498">
        <v>11</v>
      </c>
      <c r="R38498">
        <v>11</v>
      </c>
      <c r="S38498">
        <v>11</v>
      </c>
      <c r="T38498">
        <v>11</v>
      </c>
      <c r="U38498">
        <v>11</v>
      </c>
      <c r="V38498">
        <v>11</v>
      </c>
      <c r="W38498">
        <v>12</v>
      </c>
      <c r="X38498">
        <v>12</v>
      </c>
      <c r="Y38498">
        <v>12</v>
      </c>
      <c r="Z38498">
        <v>12</v>
      </c>
      <c r="AA38498">
        <v>12</v>
      </c>
      <c r="AB38498">
        <v>12</v>
      </c>
      <c r="AC38498">
        <v>13</v>
      </c>
      <c r="AD38498">
        <v>13</v>
      </c>
      <c r="AE38498">
        <v>13</v>
      </c>
      <c r="AF38498">
        <v>13</v>
      </c>
      <c r="AG38498">
        <v>13</v>
      </c>
      <c r="AH38498">
        <v>13</v>
      </c>
      <c r="AI38498">
        <v>13</v>
      </c>
      <c r="AJ38498">
        <v>14</v>
      </c>
      <c r="AK38498">
        <v>14</v>
      </c>
      <c r="AL38498">
        <v>14</v>
      </c>
      <c r="AM38498">
        <v>14</v>
      </c>
      <c r="AN38498">
        <v>14</v>
      </c>
      <c r="AO38498">
        <v>14</v>
      </c>
      <c r="AP38498">
        <v>14</v>
      </c>
      <c r="AQ38498">
        <v>14</v>
      </c>
    </row>
    <row r="38499" spans="1:43">
      <c r="A38499" t="s">
        <v>23875</v>
      </c>
      <c r="B38499" t="s">
        <v>23876</v>
      </c>
      <c r="C38499" t="s">
        <v>23821</v>
      </c>
      <c r="D38499" t="s">
        <v>23822</v>
      </c>
      <c r="E38499" t="s">
        <v>23789</v>
      </c>
      <c r="F38499" t="s">
        <v>23790</v>
      </c>
      <c r="G38499" t="s">
        <v>11612</v>
      </c>
      <c r="H38499" t="s">
        <v>11613</v>
      </c>
      <c r="I38499" s="2">
        <v>0</v>
      </c>
      <c r="J38499" s="2">
        <v>0</v>
      </c>
      <c r="K38499" s="2">
        <v>1</v>
      </c>
      <c r="L38499" t="s">
        <v>995</v>
      </c>
      <c r="M38499" t="s">
        <v>87</v>
      </c>
      <c r="N38499" t="s">
        <v>88</v>
      </c>
      <c r="O38499" t="s">
        <v>85</v>
      </c>
      <c r="P38499" t="s">
        <v>86</v>
      </c>
      <c r="Q38499">
        <v>11</v>
      </c>
      <c r="R38499">
        <v>11</v>
      </c>
      <c r="S38499">
        <v>11</v>
      </c>
      <c r="T38499">
        <v>11</v>
      </c>
      <c r="U38499">
        <v>11</v>
      </c>
      <c r="V38499">
        <v>11</v>
      </c>
      <c r="W38499">
        <v>11</v>
      </c>
      <c r="X38499">
        <v>11</v>
      </c>
      <c r="Y38499">
        <v>11</v>
      </c>
      <c r="Z38499">
        <v>11</v>
      </c>
      <c r="AA38499">
        <v>11</v>
      </c>
      <c r="AB38499">
        <v>11</v>
      </c>
      <c r="AC38499">
        <v>11</v>
      </c>
      <c r="AD38499">
        <v>11</v>
      </c>
      <c r="AE38499">
        <v>11</v>
      </c>
      <c r="AF38499">
        <v>11</v>
      </c>
      <c r="AG38499">
        <v>12</v>
      </c>
      <c r="AH38499">
        <v>12</v>
      </c>
      <c r="AI38499">
        <v>12</v>
      </c>
      <c r="AJ38499">
        <v>12</v>
      </c>
      <c r="AK38499">
        <v>12</v>
      </c>
      <c r="AL38499">
        <v>12</v>
      </c>
      <c r="AM38499">
        <v>12</v>
      </c>
      <c r="AN38499">
        <v>12</v>
      </c>
      <c r="AO38499">
        <v>12</v>
      </c>
      <c r="AP38499">
        <v>12</v>
      </c>
      <c r="AQ38499">
        <v>12</v>
      </c>
    </row>
    <row r="38500" spans="1:43">
      <c r="A38500" t="s">
        <v>23875</v>
      </c>
      <c r="B38500" t="s">
        <v>23876</v>
      </c>
      <c r="C38500" t="s">
        <v>23821</v>
      </c>
      <c r="D38500" t="s">
        <v>23822</v>
      </c>
      <c r="E38500" t="s">
        <v>23789</v>
      </c>
      <c r="F38500" t="s">
        <v>23790</v>
      </c>
      <c r="G38500" t="s">
        <v>11612</v>
      </c>
      <c r="H38500" t="s">
        <v>11613</v>
      </c>
      <c r="I38500" s="2">
        <v>0</v>
      </c>
      <c r="J38500" s="2">
        <v>0</v>
      </c>
      <c r="K38500" s="2">
        <v>1</v>
      </c>
      <c r="L38500" t="s">
        <v>995</v>
      </c>
      <c r="M38500" t="s">
        <v>89</v>
      </c>
      <c r="N38500" t="s">
        <v>90</v>
      </c>
      <c r="O38500" t="s">
        <v>85</v>
      </c>
      <c r="P38500" t="s">
        <v>86</v>
      </c>
      <c r="Q38500">
        <v>11</v>
      </c>
      <c r="R38500">
        <v>11</v>
      </c>
      <c r="S38500">
        <v>11</v>
      </c>
      <c r="T38500">
        <v>11</v>
      </c>
      <c r="U38500">
        <v>12</v>
      </c>
      <c r="V38500">
        <v>12</v>
      </c>
      <c r="W38500">
        <v>12</v>
      </c>
      <c r="X38500">
        <v>12</v>
      </c>
      <c r="Y38500">
        <v>13</v>
      </c>
      <c r="Z38500">
        <v>13</v>
      </c>
      <c r="AA38500">
        <v>13</v>
      </c>
      <c r="AB38500">
        <v>13</v>
      </c>
      <c r="AC38500">
        <v>13</v>
      </c>
      <c r="AD38500">
        <v>14</v>
      </c>
      <c r="AE38500">
        <v>14</v>
      </c>
      <c r="AF38500">
        <v>14</v>
      </c>
      <c r="AG38500">
        <v>14</v>
      </c>
      <c r="AH38500">
        <v>14</v>
      </c>
      <c r="AI38500">
        <v>14</v>
      </c>
      <c r="AJ38500">
        <v>14</v>
      </c>
      <c r="AK38500">
        <v>14</v>
      </c>
      <c r="AL38500">
        <v>14</v>
      </c>
      <c r="AM38500">
        <v>14</v>
      </c>
      <c r="AN38500">
        <v>14</v>
      </c>
      <c r="AO38500">
        <v>14</v>
      </c>
      <c r="AP38500">
        <v>14</v>
      </c>
      <c r="AQ38500">
        <v>14</v>
      </c>
    </row>
    <row r="38501" spans="1:43">
      <c r="A38501" t="s">
        <v>23875</v>
      </c>
      <c r="B38501" t="s">
        <v>23876</v>
      </c>
      <c r="C38501" t="s">
        <v>23821</v>
      </c>
      <c r="D38501" t="s">
        <v>23822</v>
      </c>
      <c r="E38501" t="s">
        <v>23789</v>
      </c>
      <c r="F38501" t="s">
        <v>23790</v>
      </c>
      <c r="G38501" t="s">
        <v>11612</v>
      </c>
      <c r="H38501" t="s">
        <v>11613</v>
      </c>
      <c r="I38501" s="2">
        <v>0</v>
      </c>
      <c r="J38501" s="2">
        <v>0</v>
      </c>
      <c r="K38501" s="2">
        <v>1</v>
      </c>
      <c r="L38501" t="s">
        <v>995</v>
      </c>
      <c r="M38501" t="s">
        <v>83</v>
      </c>
      <c r="N38501" t="s">
        <v>91</v>
      </c>
      <c r="O38501" t="s">
        <v>85</v>
      </c>
      <c r="P38501" t="s">
        <v>86</v>
      </c>
      <c r="Q38501">
        <v>11</v>
      </c>
      <c r="R38501">
        <v>11</v>
      </c>
      <c r="S38501">
        <v>11</v>
      </c>
      <c r="T38501">
        <v>11</v>
      </c>
      <c r="U38501">
        <v>11</v>
      </c>
      <c r="V38501">
        <v>11</v>
      </c>
      <c r="W38501">
        <v>12</v>
      </c>
      <c r="X38501">
        <v>12</v>
      </c>
      <c r="Y38501">
        <v>12</v>
      </c>
      <c r="Z38501">
        <v>12</v>
      </c>
      <c r="AA38501">
        <v>12</v>
      </c>
      <c r="AB38501">
        <v>12</v>
      </c>
      <c r="AC38501">
        <v>13</v>
      </c>
      <c r="AD38501">
        <v>13</v>
      </c>
      <c r="AE38501">
        <v>13</v>
      </c>
      <c r="AF38501">
        <v>13</v>
      </c>
      <c r="AG38501">
        <v>13</v>
      </c>
      <c r="AH38501">
        <v>13</v>
      </c>
      <c r="AI38501">
        <v>13</v>
      </c>
      <c r="AJ38501">
        <v>14</v>
      </c>
      <c r="AK38501">
        <v>14</v>
      </c>
      <c r="AL38501">
        <v>14</v>
      </c>
      <c r="AM38501">
        <v>14</v>
      </c>
      <c r="AN38501">
        <v>14</v>
      </c>
      <c r="AO38501">
        <v>14</v>
      </c>
      <c r="AP38501">
        <v>14</v>
      </c>
      <c r="AQ38501">
        <v>14</v>
      </c>
    </row>
    <row r="38502" spans="1:43">
      <c r="A38502" t="s">
        <v>23877</v>
      </c>
      <c r="B38502" t="s">
        <v>23878</v>
      </c>
      <c r="C38502" t="s">
        <v>23815</v>
      </c>
      <c r="D38502" t="s">
        <v>23816</v>
      </c>
      <c r="E38502" t="s">
        <v>23789</v>
      </c>
      <c r="F38502" t="s">
        <v>23790</v>
      </c>
      <c r="G38502" t="s">
        <v>11612</v>
      </c>
      <c r="H38502" t="s">
        <v>11613</v>
      </c>
      <c r="I38502" s="2">
        <v>0</v>
      </c>
      <c r="J38502" s="2">
        <v>0</v>
      </c>
      <c r="K38502" s="2">
        <v>1</v>
      </c>
      <c r="L38502" t="s">
        <v>995</v>
      </c>
      <c r="M38502" t="s">
        <v>83</v>
      </c>
      <c r="N38502" t="s">
        <v>84</v>
      </c>
      <c r="O38502" t="s">
        <v>85</v>
      </c>
      <c r="P38502" t="s">
        <v>86</v>
      </c>
      <c r="Q38502">
        <v>88</v>
      </c>
      <c r="R38502">
        <v>90</v>
      </c>
      <c r="S38502">
        <v>91</v>
      </c>
      <c r="T38502">
        <v>92</v>
      </c>
      <c r="U38502">
        <v>94</v>
      </c>
      <c r="V38502">
        <v>95</v>
      </c>
      <c r="W38502">
        <v>96</v>
      </c>
      <c r="X38502">
        <v>98</v>
      </c>
      <c r="Y38502">
        <v>99</v>
      </c>
      <c r="Z38502">
        <v>100</v>
      </c>
      <c r="AA38502">
        <v>102</v>
      </c>
      <c r="AB38502">
        <v>103</v>
      </c>
      <c r="AC38502">
        <v>104</v>
      </c>
      <c r="AD38502">
        <v>105</v>
      </c>
      <c r="AE38502">
        <v>107</v>
      </c>
      <c r="AF38502">
        <v>108</v>
      </c>
      <c r="AG38502">
        <v>109</v>
      </c>
      <c r="AH38502">
        <v>111</v>
      </c>
      <c r="AI38502">
        <v>112</v>
      </c>
      <c r="AJ38502">
        <v>113</v>
      </c>
      <c r="AK38502">
        <v>115</v>
      </c>
      <c r="AL38502">
        <v>115</v>
      </c>
      <c r="AM38502">
        <v>116</v>
      </c>
      <c r="AN38502">
        <v>116</v>
      </c>
      <c r="AO38502">
        <v>117</v>
      </c>
      <c r="AP38502">
        <v>117</v>
      </c>
      <c r="AQ38502">
        <v>118</v>
      </c>
    </row>
    <row r="38503" spans="1:43">
      <c r="A38503" t="s">
        <v>23877</v>
      </c>
      <c r="B38503" t="s">
        <v>23878</v>
      </c>
      <c r="C38503" t="s">
        <v>23815</v>
      </c>
      <c r="D38503" t="s">
        <v>23816</v>
      </c>
      <c r="E38503" t="s">
        <v>23789</v>
      </c>
      <c r="F38503" t="s">
        <v>23790</v>
      </c>
      <c r="G38503" t="s">
        <v>11612</v>
      </c>
      <c r="H38503" t="s">
        <v>11613</v>
      </c>
      <c r="I38503" s="2">
        <v>0</v>
      </c>
      <c r="J38503" s="2">
        <v>0</v>
      </c>
      <c r="K38503" s="2">
        <v>1</v>
      </c>
      <c r="L38503" t="s">
        <v>995</v>
      </c>
      <c r="M38503" t="s">
        <v>87</v>
      </c>
      <c r="N38503" t="s">
        <v>88</v>
      </c>
      <c r="O38503" t="s">
        <v>85</v>
      </c>
      <c r="P38503" t="s">
        <v>86</v>
      </c>
      <c r="Q38503">
        <v>88</v>
      </c>
      <c r="R38503">
        <v>88</v>
      </c>
      <c r="S38503">
        <v>89</v>
      </c>
      <c r="T38503">
        <v>89</v>
      </c>
      <c r="U38503">
        <v>90</v>
      </c>
      <c r="V38503">
        <v>90</v>
      </c>
      <c r="W38503">
        <v>91</v>
      </c>
      <c r="X38503">
        <v>91</v>
      </c>
      <c r="Y38503">
        <v>91</v>
      </c>
      <c r="Z38503">
        <v>92</v>
      </c>
      <c r="AA38503">
        <v>92</v>
      </c>
      <c r="AB38503">
        <v>93</v>
      </c>
      <c r="AC38503">
        <v>93</v>
      </c>
      <c r="AD38503">
        <v>94</v>
      </c>
      <c r="AE38503">
        <v>95</v>
      </c>
      <c r="AF38503">
        <v>95</v>
      </c>
      <c r="AG38503">
        <v>96</v>
      </c>
      <c r="AH38503">
        <v>96</v>
      </c>
      <c r="AI38503">
        <v>97</v>
      </c>
      <c r="AJ38503">
        <v>98</v>
      </c>
      <c r="AK38503">
        <v>98</v>
      </c>
      <c r="AL38503">
        <v>99</v>
      </c>
      <c r="AM38503">
        <v>99</v>
      </c>
      <c r="AN38503">
        <v>100</v>
      </c>
      <c r="AO38503">
        <v>101</v>
      </c>
      <c r="AP38503">
        <v>102</v>
      </c>
      <c r="AQ38503">
        <v>102</v>
      </c>
    </row>
    <row r="38504" spans="1:43">
      <c r="A38504" t="s">
        <v>23877</v>
      </c>
      <c r="B38504" t="s">
        <v>23878</v>
      </c>
      <c r="C38504" t="s">
        <v>23815</v>
      </c>
      <c r="D38504" t="s">
        <v>23816</v>
      </c>
      <c r="E38504" t="s">
        <v>23789</v>
      </c>
      <c r="F38504" t="s">
        <v>23790</v>
      </c>
      <c r="G38504" t="s">
        <v>11612</v>
      </c>
      <c r="H38504" t="s">
        <v>11613</v>
      </c>
      <c r="I38504" s="2">
        <v>0</v>
      </c>
      <c r="J38504" s="2">
        <v>0</v>
      </c>
      <c r="K38504" s="2">
        <v>1</v>
      </c>
      <c r="L38504" t="s">
        <v>995</v>
      </c>
      <c r="M38504" t="s">
        <v>89</v>
      </c>
      <c r="N38504" t="s">
        <v>90</v>
      </c>
      <c r="O38504" t="s">
        <v>85</v>
      </c>
      <c r="P38504" t="s">
        <v>86</v>
      </c>
      <c r="Q38504">
        <v>88</v>
      </c>
      <c r="R38504">
        <v>90</v>
      </c>
      <c r="S38504">
        <v>92</v>
      </c>
      <c r="T38504">
        <v>94</v>
      </c>
      <c r="U38504">
        <v>96</v>
      </c>
      <c r="V38504">
        <v>98</v>
      </c>
      <c r="W38504">
        <v>100</v>
      </c>
      <c r="X38504">
        <v>102</v>
      </c>
      <c r="Y38504">
        <v>104</v>
      </c>
      <c r="Z38504">
        <v>105</v>
      </c>
      <c r="AA38504">
        <v>107</v>
      </c>
      <c r="AB38504">
        <v>109</v>
      </c>
      <c r="AC38504">
        <v>110</v>
      </c>
      <c r="AD38504">
        <v>112</v>
      </c>
      <c r="AE38504">
        <v>113</v>
      </c>
      <c r="AF38504">
        <v>114</v>
      </c>
      <c r="AG38504">
        <v>114</v>
      </c>
      <c r="AH38504">
        <v>114</v>
      </c>
      <c r="AI38504">
        <v>115</v>
      </c>
      <c r="AJ38504">
        <v>115</v>
      </c>
      <c r="AK38504">
        <v>115</v>
      </c>
      <c r="AL38504">
        <v>116</v>
      </c>
      <c r="AM38504">
        <v>116</v>
      </c>
      <c r="AN38504">
        <v>116</v>
      </c>
      <c r="AO38504">
        <v>117</v>
      </c>
      <c r="AP38504">
        <v>117</v>
      </c>
      <c r="AQ38504">
        <v>118</v>
      </c>
    </row>
    <row r="38505" spans="1:43">
      <c r="A38505" t="s">
        <v>23877</v>
      </c>
      <c r="B38505" t="s">
        <v>23878</v>
      </c>
      <c r="C38505" t="s">
        <v>23815</v>
      </c>
      <c r="D38505" t="s">
        <v>23816</v>
      </c>
      <c r="E38505" t="s">
        <v>23789</v>
      </c>
      <c r="F38505" t="s">
        <v>23790</v>
      </c>
      <c r="G38505" t="s">
        <v>11612</v>
      </c>
      <c r="H38505" t="s">
        <v>11613</v>
      </c>
      <c r="I38505" s="2">
        <v>0</v>
      </c>
      <c r="J38505" s="2">
        <v>0</v>
      </c>
      <c r="K38505" s="2">
        <v>1</v>
      </c>
      <c r="L38505" t="s">
        <v>995</v>
      </c>
      <c r="M38505" t="s">
        <v>83</v>
      </c>
      <c r="N38505" t="s">
        <v>91</v>
      </c>
      <c r="O38505" t="s">
        <v>85</v>
      </c>
      <c r="P38505" t="s">
        <v>86</v>
      </c>
      <c r="Q38505">
        <v>88</v>
      </c>
      <c r="R38505">
        <v>90</v>
      </c>
      <c r="S38505">
        <v>91</v>
      </c>
      <c r="T38505">
        <v>92</v>
      </c>
      <c r="U38505">
        <v>94</v>
      </c>
      <c r="V38505">
        <v>95</v>
      </c>
      <c r="W38505">
        <v>96</v>
      </c>
      <c r="X38505">
        <v>98</v>
      </c>
      <c r="Y38505">
        <v>99</v>
      </c>
      <c r="Z38505">
        <v>100</v>
      </c>
      <c r="AA38505">
        <v>102</v>
      </c>
      <c r="AB38505">
        <v>103</v>
      </c>
      <c r="AC38505">
        <v>104</v>
      </c>
      <c r="AD38505">
        <v>105</v>
      </c>
      <c r="AE38505">
        <v>107</v>
      </c>
      <c r="AF38505">
        <v>108</v>
      </c>
      <c r="AG38505">
        <v>109</v>
      </c>
      <c r="AH38505">
        <v>111</v>
      </c>
      <c r="AI38505">
        <v>112</v>
      </c>
      <c r="AJ38505">
        <v>113</v>
      </c>
      <c r="AK38505">
        <v>115</v>
      </c>
      <c r="AL38505">
        <v>115</v>
      </c>
      <c r="AM38505">
        <v>116</v>
      </c>
      <c r="AN38505">
        <v>116</v>
      </c>
      <c r="AO38505">
        <v>117</v>
      </c>
      <c r="AP38505">
        <v>117</v>
      </c>
      <c r="AQ38505">
        <v>118</v>
      </c>
    </row>
    <row r="38506" spans="1:43">
      <c r="A38506" t="s">
        <v>23879</v>
      </c>
      <c r="B38506" t="s">
        <v>23880</v>
      </c>
      <c r="C38506" t="s">
        <v>23843</v>
      </c>
      <c r="D38506" t="s">
        <v>23844</v>
      </c>
      <c r="E38506" t="s">
        <v>23789</v>
      </c>
      <c r="F38506" t="s">
        <v>23790</v>
      </c>
      <c r="G38506" t="s">
        <v>11612</v>
      </c>
      <c r="H38506" t="s">
        <v>11613</v>
      </c>
      <c r="I38506" s="2">
        <v>0</v>
      </c>
      <c r="J38506" s="2">
        <v>0</v>
      </c>
      <c r="K38506" s="2">
        <v>0.85</v>
      </c>
      <c r="L38506" t="s">
        <v>995</v>
      </c>
      <c r="M38506" t="s">
        <v>83</v>
      </c>
      <c r="N38506" t="s">
        <v>84</v>
      </c>
      <c r="O38506" t="s">
        <v>85</v>
      </c>
      <c r="P38506" t="s">
        <v>86</v>
      </c>
      <c r="Q38506">
        <v>16</v>
      </c>
      <c r="R38506">
        <v>16</v>
      </c>
      <c r="S38506">
        <v>17</v>
      </c>
      <c r="T38506">
        <v>17</v>
      </c>
      <c r="U38506">
        <v>17</v>
      </c>
      <c r="V38506">
        <v>17</v>
      </c>
      <c r="W38506">
        <v>18</v>
      </c>
      <c r="X38506">
        <v>18</v>
      </c>
      <c r="Y38506">
        <v>18</v>
      </c>
      <c r="Z38506">
        <v>18</v>
      </c>
      <c r="AA38506">
        <v>19</v>
      </c>
      <c r="AB38506">
        <v>19</v>
      </c>
      <c r="AC38506">
        <v>19</v>
      </c>
      <c r="AD38506">
        <v>19</v>
      </c>
      <c r="AE38506">
        <v>19</v>
      </c>
      <c r="AF38506">
        <v>20</v>
      </c>
      <c r="AG38506">
        <v>20</v>
      </c>
      <c r="AH38506">
        <v>20</v>
      </c>
      <c r="AI38506">
        <v>20</v>
      </c>
      <c r="AJ38506">
        <v>21</v>
      </c>
      <c r="AK38506">
        <v>21</v>
      </c>
      <c r="AL38506">
        <v>21</v>
      </c>
      <c r="AM38506">
        <v>21</v>
      </c>
      <c r="AN38506">
        <v>21</v>
      </c>
      <c r="AO38506">
        <v>21</v>
      </c>
      <c r="AP38506">
        <v>21</v>
      </c>
      <c r="AQ38506">
        <v>22</v>
      </c>
    </row>
    <row r="38507" spans="1:43">
      <c r="A38507" t="s">
        <v>23879</v>
      </c>
      <c r="B38507" t="s">
        <v>23880</v>
      </c>
      <c r="C38507" t="s">
        <v>23843</v>
      </c>
      <c r="D38507" t="s">
        <v>23844</v>
      </c>
      <c r="E38507" t="s">
        <v>23789</v>
      </c>
      <c r="F38507" t="s">
        <v>23790</v>
      </c>
      <c r="G38507" t="s">
        <v>11612</v>
      </c>
      <c r="H38507" t="s">
        <v>11613</v>
      </c>
      <c r="I38507" s="2">
        <v>0</v>
      </c>
      <c r="J38507" s="2">
        <v>0</v>
      </c>
      <c r="K38507" s="2">
        <v>0.85</v>
      </c>
      <c r="L38507" t="s">
        <v>995</v>
      </c>
      <c r="M38507" t="s">
        <v>87</v>
      </c>
      <c r="N38507" t="s">
        <v>88</v>
      </c>
      <c r="O38507" t="s">
        <v>85</v>
      </c>
      <c r="P38507" t="s">
        <v>86</v>
      </c>
      <c r="Q38507">
        <v>16</v>
      </c>
      <c r="R38507">
        <v>16</v>
      </c>
      <c r="S38507">
        <v>16</v>
      </c>
      <c r="T38507">
        <v>16</v>
      </c>
      <c r="U38507">
        <v>16</v>
      </c>
      <c r="V38507">
        <v>16</v>
      </c>
      <c r="W38507">
        <v>17</v>
      </c>
      <c r="X38507">
        <v>17</v>
      </c>
      <c r="Y38507">
        <v>17</v>
      </c>
      <c r="Z38507">
        <v>17</v>
      </c>
      <c r="AA38507">
        <v>17</v>
      </c>
      <c r="AB38507">
        <v>17</v>
      </c>
      <c r="AC38507">
        <v>17</v>
      </c>
      <c r="AD38507">
        <v>17</v>
      </c>
      <c r="AE38507">
        <v>17</v>
      </c>
      <c r="AF38507">
        <v>17</v>
      </c>
      <c r="AG38507">
        <v>17</v>
      </c>
      <c r="AH38507">
        <v>18</v>
      </c>
      <c r="AI38507">
        <v>18</v>
      </c>
      <c r="AJ38507">
        <v>18</v>
      </c>
      <c r="AK38507">
        <v>18</v>
      </c>
      <c r="AL38507">
        <v>18</v>
      </c>
      <c r="AM38507">
        <v>18</v>
      </c>
      <c r="AN38507">
        <v>18</v>
      </c>
      <c r="AO38507">
        <v>18</v>
      </c>
      <c r="AP38507">
        <v>18</v>
      </c>
      <c r="AQ38507">
        <v>19</v>
      </c>
    </row>
    <row r="38508" spans="1:43">
      <c r="A38508" t="s">
        <v>23879</v>
      </c>
      <c r="B38508" t="s">
        <v>23880</v>
      </c>
      <c r="C38508" t="s">
        <v>23843</v>
      </c>
      <c r="D38508" t="s">
        <v>23844</v>
      </c>
      <c r="E38508" t="s">
        <v>23789</v>
      </c>
      <c r="F38508" t="s">
        <v>23790</v>
      </c>
      <c r="G38508" t="s">
        <v>11612</v>
      </c>
      <c r="H38508" t="s">
        <v>11613</v>
      </c>
      <c r="I38508" s="2">
        <v>0</v>
      </c>
      <c r="J38508" s="2">
        <v>0</v>
      </c>
      <c r="K38508" s="2">
        <v>0.85</v>
      </c>
      <c r="L38508" t="s">
        <v>995</v>
      </c>
      <c r="M38508" t="s">
        <v>89</v>
      </c>
      <c r="N38508" t="s">
        <v>90</v>
      </c>
      <c r="O38508" t="s">
        <v>85</v>
      </c>
      <c r="P38508" t="s">
        <v>86</v>
      </c>
      <c r="Q38508">
        <v>16</v>
      </c>
      <c r="R38508">
        <v>17</v>
      </c>
      <c r="S38508">
        <v>17</v>
      </c>
      <c r="T38508">
        <v>17</v>
      </c>
      <c r="U38508">
        <v>18</v>
      </c>
      <c r="V38508">
        <v>18</v>
      </c>
      <c r="W38508">
        <v>18</v>
      </c>
      <c r="X38508">
        <v>19</v>
      </c>
      <c r="Y38508">
        <v>19</v>
      </c>
      <c r="Z38508">
        <v>19</v>
      </c>
      <c r="AA38508">
        <v>20</v>
      </c>
      <c r="AB38508">
        <v>20</v>
      </c>
      <c r="AC38508">
        <v>20</v>
      </c>
      <c r="AD38508">
        <v>21</v>
      </c>
      <c r="AE38508">
        <v>21</v>
      </c>
      <c r="AF38508">
        <v>21</v>
      </c>
      <c r="AG38508">
        <v>21</v>
      </c>
      <c r="AH38508">
        <v>21</v>
      </c>
      <c r="AI38508">
        <v>21</v>
      </c>
      <c r="AJ38508">
        <v>21</v>
      </c>
      <c r="AK38508">
        <v>21</v>
      </c>
      <c r="AL38508">
        <v>21</v>
      </c>
      <c r="AM38508">
        <v>21</v>
      </c>
      <c r="AN38508">
        <v>22</v>
      </c>
      <c r="AO38508">
        <v>22</v>
      </c>
      <c r="AP38508">
        <v>22</v>
      </c>
      <c r="AQ38508">
        <v>22</v>
      </c>
    </row>
    <row r="38509" spans="1:43">
      <c r="A38509" t="s">
        <v>23879</v>
      </c>
      <c r="B38509" t="s">
        <v>23880</v>
      </c>
      <c r="C38509" t="s">
        <v>23843</v>
      </c>
      <c r="D38509" t="s">
        <v>23844</v>
      </c>
      <c r="E38509" t="s">
        <v>23789</v>
      </c>
      <c r="F38509" t="s">
        <v>23790</v>
      </c>
      <c r="G38509" t="s">
        <v>11612</v>
      </c>
      <c r="H38509" t="s">
        <v>11613</v>
      </c>
      <c r="I38509" s="2">
        <v>0</v>
      </c>
      <c r="J38509" s="2">
        <v>0</v>
      </c>
      <c r="K38509" s="2">
        <v>0.85</v>
      </c>
      <c r="L38509" t="s">
        <v>995</v>
      </c>
      <c r="M38509" t="s">
        <v>83</v>
      </c>
      <c r="N38509" t="s">
        <v>91</v>
      </c>
      <c r="O38509" t="s">
        <v>85</v>
      </c>
      <c r="P38509" t="s">
        <v>86</v>
      </c>
      <c r="Q38509">
        <v>16</v>
      </c>
      <c r="R38509">
        <v>16</v>
      </c>
      <c r="S38509">
        <v>17</v>
      </c>
      <c r="T38509">
        <v>17</v>
      </c>
      <c r="U38509">
        <v>17</v>
      </c>
      <c r="V38509">
        <v>17</v>
      </c>
      <c r="W38509">
        <v>18</v>
      </c>
      <c r="X38509">
        <v>18</v>
      </c>
      <c r="Y38509">
        <v>18</v>
      </c>
      <c r="Z38509">
        <v>18</v>
      </c>
      <c r="AA38509">
        <v>19</v>
      </c>
      <c r="AB38509">
        <v>19</v>
      </c>
      <c r="AC38509">
        <v>19</v>
      </c>
      <c r="AD38509">
        <v>19</v>
      </c>
      <c r="AE38509">
        <v>19</v>
      </c>
      <c r="AF38509">
        <v>20</v>
      </c>
      <c r="AG38509">
        <v>20</v>
      </c>
      <c r="AH38509">
        <v>20</v>
      </c>
      <c r="AI38509">
        <v>20</v>
      </c>
      <c r="AJ38509">
        <v>21</v>
      </c>
      <c r="AK38509">
        <v>21</v>
      </c>
      <c r="AL38509">
        <v>21</v>
      </c>
      <c r="AM38509">
        <v>21</v>
      </c>
      <c r="AN38509">
        <v>21</v>
      </c>
      <c r="AO38509">
        <v>21</v>
      </c>
      <c r="AP38509">
        <v>21</v>
      </c>
      <c r="AQ38509">
        <v>22</v>
      </c>
    </row>
    <row r="38510" spans="1:43">
      <c r="A38510" t="s">
        <v>23881</v>
      </c>
      <c r="B38510" t="s">
        <v>23882</v>
      </c>
      <c r="C38510" t="s">
        <v>23797</v>
      </c>
      <c r="D38510" t="s">
        <v>23798</v>
      </c>
      <c r="E38510" t="s">
        <v>23789</v>
      </c>
      <c r="F38510" t="s">
        <v>23790</v>
      </c>
      <c r="G38510" t="s">
        <v>11612</v>
      </c>
      <c r="H38510" t="s">
        <v>11613</v>
      </c>
      <c r="I38510" s="2">
        <v>0</v>
      </c>
      <c r="J38510" s="2">
        <v>0</v>
      </c>
      <c r="K38510" s="2">
        <v>0.81</v>
      </c>
      <c r="L38510" t="s">
        <v>995</v>
      </c>
      <c r="M38510" t="s">
        <v>83</v>
      </c>
      <c r="N38510" t="s">
        <v>84</v>
      </c>
      <c r="O38510" t="s">
        <v>85</v>
      </c>
      <c r="P38510" t="s">
        <v>86</v>
      </c>
      <c r="Q38510">
        <v>55</v>
      </c>
      <c r="R38510">
        <v>56</v>
      </c>
      <c r="S38510">
        <v>57</v>
      </c>
      <c r="T38510">
        <v>58</v>
      </c>
      <c r="U38510">
        <v>59</v>
      </c>
      <c r="V38510">
        <v>59</v>
      </c>
      <c r="W38510">
        <v>60</v>
      </c>
      <c r="X38510">
        <v>61</v>
      </c>
      <c r="Y38510">
        <v>62</v>
      </c>
      <c r="Z38510">
        <v>63</v>
      </c>
      <c r="AA38510">
        <v>64</v>
      </c>
      <c r="AB38510">
        <v>64</v>
      </c>
      <c r="AC38510">
        <v>65</v>
      </c>
      <c r="AD38510">
        <v>66</v>
      </c>
      <c r="AE38510">
        <v>67</v>
      </c>
      <c r="AF38510">
        <v>68</v>
      </c>
      <c r="AG38510">
        <v>68</v>
      </c>
      <c r="AH38510">
        <v>69</v>
      </c>
      <c r="AI38510">
        <v>70</v>
      </c>
      <c r="AJ38510">
        <v>71</v>
      </c>
      <c r="AK38510">
        <v>72</v>
      </c>
      <c r="AL38510">
        <v>72</v>
      </c>
      <c r="AM38510">
        <v>73</v>
      </c>
      <c r="AN38510">
        <v>73</v>
      </c>
      <c r="AO38510">
        <v>73</v>
      </c>
      <c r="AP38510">
        <v>74</v>
      </c>
      <c r="AQ38510">
        <v>74</v>
      </c>
    </row>
    <row r="38511" spans="1:43">
      <c r="A38511" t="s">
        <v>23881</v>
      </c>
      <c r="B38511" t="s">
        <v>23882</v>
      </c>
      <c r="C38511" t="s">
        <v>23797</v>
      </c>
      <c r="D38511" t="s">
        <v>23798</v>
      </c>
      <c r="E38511" t="s">
        <v>23789</v>
      </c>
      <c r="F38511" t="s">
        <v>23790</v>
      </c>
      <c r="G38511" t="s">
        <v>11612</v>
      </c>
      <c r="H38511" t="s">
        <v>11613</v>
      </c>
      <c r="I38511" s="2">
        <v>0</v>
      </c>
      <c r="J38511" s="2">
        <v>0</v>
      </c>
      <c r="K38511" s="2">
        <v>0.81</v>
      </c>
      <c r="L38511" t="s">
        <v>995</v>
      </c>
      <c r="M38511" t="s">
        <v>87</v>
      </c>
      <c r="N38511" t="s">
        <v>88</v>
      </c>
      <c r="O38511" t="s">
        <v>85</v>
      </c>
      <c r="P38511" t="s">
        <v>86</v>
      </c>
      <c r="Q38511">
        <v>55</v>
      </c>
      <c r="R38511">
        <v>55</v>
      </c>
      <c r="S38511">
        <v>56</v>
      </c>
      <c r="T38511">
        <v>56</v>
      </c>
      <c r="U38511">
        <v>56</v>
      </c>
      <c r="V38511">
        <v>56</v>
      </c>
      <c r="W38511">
        <v>57</v>
      </c>
      <c r="X38511">
        <v>57</v>
      </c>
      <c r="Y38511">
        <v>57</v>
      </c>
      <c r="Z38511">
        <v>58</v>
      </c>
      <c r="AA38511">
        <v>58</v>
      </c>
      <c r="AB38511">
        <v>58</v>
      </c>
      <c r="AC38511">
        <v>58</v>
      </c>
      <c r="AD38511">
        <v>59</v>
      </c>
      <c r="AE38511">
        <v>59</v>
      </c>
      <c r="AF38511">
        <v>59</v>
      </c>
      <c r="AG38511">
        <v>60</v>
      </c>
      <c r="AH38511">
        <v>60</v>
      </c>
      <c r="AI38511">
        <v>61</v>
      </c>
      <c r="AJ38511">
        <v>61</v>
      </c>
      <c r="AK38511">
        <v>61</v>
      </c>
      <c r="AL38511">
        <v>62</v>
      </c>
      <c r="AM38511">
        <v>62</v>
      </c>
      <c r="AN38511">
        <v>63</v>
      </c>
      <c r="AO38511">
        <v>63</v>
      </c>
      <c r="AP38511">
        <v>63</v>
      </c>
      <c r="AQ38511">
        <v>64</v>
      </c>
    </row>
    <row r="38512" spans="1:43">
      <c r="A38512" t="s">
        <v>23881</v>
      </c>
      <c r="B38512" t="s">
        <v>23882</v>
      </c>
      <c r="C38512" t="s">
        <v>23797</v>
      </c>
      <c r="D38512" t="s">
        <v>23798</v>
      </c>
      <c r="E38512" t="s">
        <v>23789</v>
      </c>
      <c r="F38512" t="s">
        <v>23790</v>
      </c>
      <c r="G38512" t="s">
        <v>11612</v>
      </c>
      <c r="H38512" t="s">
        <v>11613</v>
      </c>
      <c r="I38512" s="2">
        <v>0</v>
      </c>
      <c r="J38512" s="2">
        <v>0</v>
      </c>
      <c r="K38512" s="2">
        <v>0.81</v>
      </c>
      <c r="L38512" t="s">
        <v>995</v>
      </c>
      <c r="M38512" t="s">
        <v>89</v>
      </c>
      <c r="N38512" t="s">
        <v>90</v>
      </c>
      <c r="O38512" t="s">
        <v>85</v>
      </c>
      <c r="P38512" t="s">
        <v>86</v>
      </c>
      <c r="Q38512">
        <v>55</v>
      </c>
      <c r="R38512">
        <v>56</v>
      </c>
      <c r="S38512">
        <v>58</v>
      </c>
      <c r="T38512">
        <v>59</v>
      </c>
      <c r="U38512">
        <v>60</v>
      </c>
      <c r="V38512">
        <v>61</v>
      </c>
      <c r="W38512">
        <v>62</v>
      </c>
      <c r="X38512">
        <v>64</v>
      </c>
      <c r="Y38512">
        <v>65</v>
      </c>
      <c r="Z38512">
        <v>66</v>
      </c>
      <c r="AA38512">
        <v>67</v>
      </c>
      <c r="AB38512">
        <v>68</v>
      </c>
      <c r="AC38512">
        <v>69</v>
      </c>
      <c r="AD38512">
        <v>70</v>
      </c>
      <c r="AE38512">
        <v>71</v>
      </c>
      <c r="AF38512">
        <v>71</v>
      </c>
      <c r="AG38512">
        <v>71</v>
      </c>
      <c r="AH38512">
        <v>71</v>
      </c>
      <c r="AI38512">
        <v>72</v>
      </c>
      <c r="AJ38512">
        <v>72</v>
      </c>
      <c r="AK38512">
        <v>72</v>
      </c>
      <c r="AL38512">
        <v>72</v>
      </c>
      <c r="AM38512">
        <v>73</v>
      </c>
      <c r="AN38512">
        <v>73</v>
      </c>
      <c r="AO38512">
        <v>73</v>
      </c>
      <c r="AP38512">
        <v>73</v>
      </c>
      <c r="AQ38512">
        <v>74</v>
      </c>
    </row>
    <row r="38513" spans="1:43">
      <c r="A38513" t="s">
        <v>23881</v>
      </c>
      <c r="B38513" t="s">
        <v>23882</v>
      </c>
      <c r="C38513" t="s">
        <v>23797</v>
      </c>
      <c r="D38513" t="s">
        <v>23798</v>
      </c>
      <c r="E38513" t="s">
        <v>23789</v>
      </c>
      <c r="F38513" t="s">
        <v>23790</v>
      </c>
      <c r="G38513" t="s">
        <v>11612</v>
      </c>
      <c r="H38513" t="s">
        <v>11613</v>
      </c>
      <c r="I38513" s="2">
        <v>0</v>
      </c>
      <c r="J38513" s="2">
        <v>0</v>
      </c>
      <c r="K38513" s="2">
        <v>0.81</v>
      </c>
      <c r="L38513" t="s">
        <v>995</v>
      </c>
      <c r="M38513" t="s">
        <v>83</v>
      </c>
      <c r="N38513" t="s">
        <v>91</v>
      </c>
      <c r="O38513" t="s">
        <v>85</v>
      </c>
      <c r="P38513" t="s">
        <v>86</v>
      </c>
      <c r="Q38513">
        <v>55</v>
      </c>
      <c r="R38513">
        <v>56</v>
      </c>
      <c r="S38513">
        <v>57</v>
      </c>
      <c r="T38513">
        <v>58</v>
      </c>
      <c r="U38513">
        <v>59</v>
      </c>
      <c r="V38513">
        <v>59</v>
      </c>
      <c r="W38513">
        <v>60</v>
      </c>
      <c r="X38513">
        <v>61</v>
      </c>
      <c r="Y38513">
        <v>62</v>
      </c>
      <c r="Z38513">
        <v>63</v>
      </c>
      <c r="AA38513">
        <v>64</v>
      </c>
      <c r="AB38513">
        <v>64</v>
      </c>
      <c r="AC38513">
        <v>65</v>
      </c>
      <c r="AD38513">
        <v>66</v>
      </c>
      <c r="AE38513">
        <v>67</v>
      </c>
      <c r="AF38513">
        <v>68</v>
      </c>
      <c r="AG38513">
        <v>68</v>
      </c>
      <c r="AH38513">
        <v>69</v>
      </c>
      <c r="AI38513">
        <v>70</v>
      </c>
      <c r="AJ38513">
        <v>71</v>
      </c>
      <c r="AK38513">
        <v>72</v>
      </c>
      <c r="AL38513">
        <v>72</v>
      </c>
      <c r="AM38513">
        <v>73</v>
      </c>
      <c r="AN38513">
        <v>73</v>
      </c>
      <c r="AO38513">
        <v>73</v>
      </c>
      <c r="AP38513">
        <v>74</v>
      </c>
      <c r="AQ38513">
        <v>74</v>
      </c>
    </row>
    <row r="38514" spans="1:43">
      <c r="A38514" t="s">
        <v>23883</v>
      </c>
      <c r="B38514" t="s">
        <v>23884</v>
      </c>
      <c r="C38514" t="s">
        <v>23843</v>
      </c>
      <c r="D38514" t="s">
        <v>23844</v>
      </c>
      <c r="E38514" t="s">
        <v>23789</v>
      </c>
      <c r="F38514" t="s">
        <v>23790</v>
      </c>
      <c r="G38514" t="s">
        <v>11612</v>
      </c>
      <c r="H38514" t="s">
        <v>11613</v>
      </c>
      <c r="I38514" s="2">
        <v>0</v>
      </c>
      <c r="J38514" s="2">
        <v>0</v>
      </c>
      <c r="K38514" s="2">
        <v>0.79</v>
      </c>
      <c r="L38514" t="s">
        <v>995</v>
      </c>
      <c r="M38514" t="s">
        <v>83</v>
      </c>
      <c r="N38514" t="s">
        <v>84</v>
      </c>
      <c r="O38514" t="s">
        <v>85</v>
      </c>
      <c r="P38514" t="s">
        <v>86</v>
      </c>
      <c r="Q38514">
        <v>15</v>
      </c>
      <c r="R38514">
        <v>15</v>
      </c>
      <c r="S38514">
        <v>15</v>
      </c>
      <c r="T38514">
        <v>15</v>
      </c>
      <c r="U38514">
        <v>16</v>
      </c>
      <c r="V38514">
        <v>16</v>
      </c>
      <c r="W38514">
        <v>16</v>
      </c>
      <c r="X38514">
        <v>16</v>
      </c>
      <c r="Y38514">
        <v>16</v>
      </c>
      <c r="Z38514">
        <v>17</v>
      </c>
      <c r="AA38514">
        <v>17</v>
      </c>
      <c r="AB38514">
        <v>17</v>
      </c>
      <c r="AC38514">
        <v>17</v>
      </c>
      <c r="AD38514">
        <v>17</v>
      </c>
      <c r="AE38514">
        <v>18</v>
      </c>
      <c r="AF38514">
        <v>18</v>
      </c>
      <c r="AG38514">
        <v>18</v>
      </c>
      <c r="AH38514">
        <v>18</v>
      </c>
      <c r="AI38514">
        <v>19</v>
      </c>
      <c r="AJ38514">
        <v>19</v>
      </c>
      <c r="AK38514">
        <v>19</v>
      </c>
      <c r="AL38514">
        <v>19</v>
      </c>
      <c r="AM38514">
        <v>19</v>
      </c>
      <c r="AN38514">
        <v>19</v>
      </c>
      <c r="AO38514">
        <v>19</v>
      </c>
      <c r="AP38514">
        <v>19</v>
      </c>
      <c r="AQ38514">
        <v>20</v>
      </c>
    </row>
    <row r="38515" spans="1:43">
      <c r="A38515" t="s">
        <v>23883</v>
      </c>
      <c r="B38515" t="s">
        <v>23884</v>
      </c>
      <c r="C38515" t="s">
        <v>23843</v>
      </c>
      <c r="D38515" t="s">
        <v>23844</v>
      </c>
      <c r="E38515" t="s">
        <v>23789</v>
      </c>
      <c r="F38515" t="s">
        <v>23790</v>
      </c>
      <c r="G38515" t="s">
        <v>11612</v>
      </c>
      <c r="H38515" t="s">
        <v>11613</v>
      </c>
      <c r="I38515" s="2">
        <v>0</v>
      </c>
      <c r="J38515" s="2">
        <v>0</v>
      </c>
      <c r="K38515" s="2">
        <v>0.79</v>
      </c>
      <c r="L38515" t="s">
        <v>995</v>
      </c>
      <c r="M38515" t="s">
        <v>87</v>
      </c>
      <c r="N38515" t="s">
        <v>88</v>
      </c>
      <c r="O38515" t="s">
        <v>85</v>
      </c>
      <c r="P38515" t="s">
        <v>86</v>
      </c>
      <c r="Q38515">
        <v>15</v>
      </c>
      <c r="R38515">
        <v>15</v>
      </c>
      <c r="S38515">
        <v>15</v>
      </c>
      <c r="T38515">
        <v>15</v>
      </c>
      <c r="U38515">
        <v>15</v>
      </c>
      <c r="V38515">
        <v>15</v>
      </c>
      <c r="W38515">
        <v>15</v>
      </c>
      <c r="X38515">
        <v>15</v>
      </c>
      <c r="Y38515">
        <v>15</v>
      </c>
      <c r="Z38515">
        <v>15</v>
      </c>
      <c r="AA38515">
        <v>15</v>
      </c>
      <c r="AB38515">
        <v>15</v>
      </c>
      <c r="AC38515">
        <v>15</v>
      </c>
      <c r="AD38515">
        <v>16</v>
      </c>
      <c r="AE38515">
        <v>16</v>
      </c>
      <c r="AF38515">
        <v>16</v>
      </c>
      <c r="AG38515">
        <v>16</v>
      </c>
      <c r="AH38515">
        <v>16</v>
      </c>
      <c r="AI38515">
        <v>16</v>
      </c>
      <c r="AJ38515">
        <v>16</v>
      </c>
      <c r="AK38515">
        <v>16</v>
      </c>
      <c r="AL38515">
        <v>16</v>
      </c>
      <c r="AM38515">
        <v>16</v>
      </c>
      <c r="AN38515">
        <v>17</v>
      </c>
      <c r="AO38515">
        <v>17</v>
      </c>
      <c r="AP38515">
        <v>17</v>
      </c>
      <c r="AQ38515">
        <v>17</v>
      </c>
    </row>
    <row r="38516" spans="1:43">
      <c r="A38516" t="s">
        <v>23883</v>
      </c>
      <c r="B38516" t="s">
        <v>23884</v>
      </c>
      <c r="C38516" t="s">
        <v>23843</v>
      </c>
      <c r="D38516" t="s">
        <v>23844</v>
      </c>
      <c r="E38516" t="s">
        <v>23789</v>
      </c>
      <c r="F38516" t="s">
        <v>23790</v>
      </c>
      <c r="G38516" t="s">
        <v>11612</v>
      </c>
      <c r="H38516" t="s">
        <v>11613</v>
      </c>
      <c r="I38516" s="2">
        <v>0</v>
      </c>
      <c r="J38516" s="2">
        <v>0</v>
      </c>
      <c r="K38516" s="2">
        <v>0.79</v>
      </c>
      <c r="L38516" t="s">
        <v>995</v>
      </c>
      <c r="M38516" t="s">
        <v>89</v>
      </c>
      <c r="N38516" t="s">
        <v>90</v>
      </c>
      <c r="O38516" t="s">
        <v>85</v>
      </c>
      <c r="P38516" t="s">
        <v>86</v>
      </c>
      <c r="Q38516">
        <v>15</v>
      </c>
      <c r="R38516">
        <v>15</v>
      </c>
      <c r="S38516">
        <v>15</v>
      </c>
      <c r="T38516">
        <v>16</v>
      </c>
      <c r="U38516">
        <v>16</v>
      </c>
      <c r="V38516">
        <v>16</v>
      </c>
      <c r="W38516">
        <v>17</v>
      </c>
      <c r="X38516">
        <v>17</v>
      </c>
      <c r="Y38516">
        <v>17</v>
      </c>
      <c r="Z38516">
        <v>18</v>
      </c>
      <c r="AA38516">
        <v>18</v>
      </c>
      <c r="AB38516">
        <v>18</v>
      </c>
      <c r="AC38516">
        <v>18</v>
      </c>
      <c r="AD38516">
        <v>19</v>
      </c>
      <c r="AE38516">
        <v>19</v>
      </c>
      <c r="AF38516">
        <v>19</v>
      </c>
      <c r="AG38516">
        <v>19</v>
      </c>
      <c r="AH38516">
        <v>19</v>
      </c>
      <c r="AI38516">
        <v>19</v>
      </c>
      <c r="AJ38516">
        <v>19</v>
      </c>
      <c r="AK38516">
        <v>19</v>
      </c>
      <c r="AL38516">
        <v>19</v>
      </c>
      <c r="AM38516">
        <v>19</v>
      </c>
      <c r="AN38516">
        <v>20</v>
      </c>
      <c r="AO38516">
        <v>20</v>
      </c>
      <c r="AP38516">
        <v>20</v>
      </c>
      <c r="AQ38516">
        <v>20</v>
      </c>
    </row>
    <row r="38517" spans="1:43">
      <c r="A38517" t="s">
        <v>23883</v>
      </c>
      <c r="B38517" t="s">
        <v>23884</v>
      </c>
      <c r="C38517" t="s">
        <v>23843</v>
      </c>
      <c r="D38517" t="s">
        <v>23844</v>
      </c>
      <c r="E38517" t="s">
        <v>23789</v>
      </c>
      <c r="F38517" t="s">
        <v>23790</v>
      </c>
      <c r="G38517" t="s">
        <v>11612</v>
      </c>
      <c r="H38517" t="s">
        <v>11613</v>
      </c>
      <c r="I38517" s="2">
        <v>0</v>
      </c>
      <c r="J38517" s="2">
        <v>0</v>
      </c>
      <c r="K38517" s="2">
        <v>0.79</v>
      </c>
      <c r="L38517" t="s">
        <v>995</v>
      </c>
      <c r="M38517" t="s">
        <v>83</v>
      </c>
      <c r="N38517" t="s">
        <v>91</v>
      </c>
      <c r="O38517" t="s">
        <v>85</v>
      </c>
      <c r="P38517" t="s">
        <v>86</v>
      </c>
      <c r="Q38517">
        <v>15</v>
      </c>
      <c r="R38517">
        <v>15</v>
      </c>
      <c r="S38517">
        <v>15</v>
      </c>
      <c r="T38517">
        <v>15</v>
      </c>
      <c r="U38517">
        <v>16</v>
      </c>
      <c r="V38517">
        <v>16</v>
      </c>
      <c r="W38517">
        <v>16</v>
      </c>
      <c r="X38517">
        <v>16</v>
      </c>
      <c r="Y38517">
        <v>16</v>
      </c>
      <c r="Z38517">
        <v>17</v>
      </c>
      <c r="AA38517">
        <v>17</v>
      </c>
      <c r="AB38517">
        <v>17</v>
      </c>
      <c r="AC38517">
        <v>17</v>
      </c>
      <c r="AD38517">
        <v>17</v>
      </c>
      <c r="AE38517">
        <v>18</v>
      </c>
      <c r="AF38517">
        <v>18</v>
      </c>
      <c r="AG38517">
        <v>18</v>
      </c>
      <c r="AH38517">
        <v>18</v>
      </c>
      <c r="AI38517">
        <v>19</v>
      </c>
      <c r="AJ38517">
        <v>19</v>
      </c>
      <c r="AK38517">
        <v>19</v>
      </c>
      <c r="AL38517">
        <v>19</v>
      </c>
      <c r="AM38517">
        <v>19</v>
      </c>
      <c r="AN38517">
        <v>19</v>
      </c>
      <c r="AO38517">
        <v>19</v>
      </c>
      <c r="AP38517">
        <v>19</v>
      </c>
      <c r="AQ38517">
        <v>20</v>
      </c>
    </row>
    <row r="38518" spans="1:43">
      <c r="A38518" t="s">
        <v>23885</v>
      </c>
      <c r="B38518" t="s">
        <v>23886</v>
      </c>
      <c r="C38518" t="s">
        <v>23797</v>
      </c>
      <c r="D38518" t="s">
        <v>23798</v>
      </c>
      <c r="E38518" t="s">
        <v>23789</v>
      </c>
      <c r="F38518" t="s">
        <v>23790</v>
      </c>
      <c r="G38518" t="s">
        <v>11612</v>
      </c>
      <c r="H38518" t="s">
        <v>11613</v>
      </c>
      <c r="I38518" s="2">
        <v>0</v>
      </c>
      <c r="J38518" s="2">
        <v>0</v>
      </c>
      <c r="K38518" s="2">
        <v>1</v>
      </c>
      <c r="L38518" t="s">
        <v>995</v>
      </c>
      <c r="M38518" t="s">
        <v>83</v>
      </c>
      <c r="N38518" t="s">
        <v>84</v>
      </c>
      <c r="O38518" t="s">
        <v>85</v>
      </c>
      <c r="P38518" t="s">
        <v>86</v>
      </c>
      <c r="Q38518">
        <v>15</v>
      </c>
      <c r="R38518">
        <v>15</v>
      </c>
      <c r="S38518">
        <v>15</v>
      </c>
      <c r="T38518">
        <v>16</v>
      </c>
      <c r="U38518">
        <v>16</v>
      </c>
      <c r="V38518">
        <v>16</v>
      </c>
      <c r="W38518">
        <v>16</v>
      </c>
      <c r="X38518">
        <v>16</v>
      </c>
      <c r="Y38518">
        <v>17</v>
      </c>
      <c r="Z38518">
        <v>17</v>
      </c>
      <c r="AA38518">
        <v>17</v>
      </c>
      <c r="AB38518">
        <v>17</v>
      </c>
      <c r="AC38518">
        <v>18</v>
      </c>
      <c r="AD38518">
        <v>18</v>
      </c>
      <c r="AE38518">
        <v>18</v>
      </c>
      <c r="AF38518">
        <v>18</v>
      </c>
      <c r="AG38518">
        <v>18</v>
      </c>
      <c r="AH38518">
        <v>19</v>
      </c>
      <c r="AI38518">
        <v>19</v>
      </c>
      <c r="AJ38518">
        <v>19</v>
      </c>
      <c r="AK38518">
        <v>19</v>
      </c>
      <c r="AL38518">
        <v>20</v>
      </c>
      <c r="AM38518">
        <v>20</v>
      </c>
      <c r="AN38518">
        <v>20</v>
      </c>
      <c r="AO38518">
        <v>20</v>
      </c>
      <c r="AP38518">
        <v>20</v>
      </c>
      <c r="AQ38518">
        <v>20</v>
      </c>
    </row>
    <row r="38519" spans="1:43">
      <c r="A38519" t="s">
        <v>23885</v>
      </c>
      <c r="B38519" t="s">
        <v>23886</v>
      </c>
      <c r="C38519" t="s">
        <v>23797</v>
      </c>
      <c r="D38519" t="s">
        <v>23798</v>
      </c>
      <c r="E38519" t="s">
        <v>23789</v>
      </c>
      <c r="F38519" t="s">
        <v>23790</v>
      </c>
      <c r="G38519" t="s">
        <v>11612</v>
      </c>
      <c r="H38519" t="s">
        <v>11613</v>
      </c>
      <c r="I38519" s="2">
        <v>0</v>
      </c>
      <c r="J38519" s="2">
        <v>0</v>
      </c>
      <c r="K38519" s="2">
        <v>1</v>
      </c>
      <c r="L38519" t="s">
        <v>995</v>
      </c>
      <c r="M38519" t="s">
        <v>87</v>
      </c>
      <c r="N38519" t="s">
        <v>88</v>
      </c>
      <c r="O38519" t="s">
        <v>85</v>
      </c>
      <c r="P38519" t="s">
        <v>86</v>
      </c>
      <c r="Q38519">
        <v>15</v>
      </c>
      <c r="R38519">
        <v>15</v>
      </c>
      <c r="S38519">
        <v>15</v>
      </c>
      <c r="T38519">
        <v>15</v>
      </c>
      <c r="U38519">
        <v>15</v>
      </c>
      <c r="V38519">
        <v>15</v>
      </c>
      <c r="W38519">
        <v>15</v>
      </c>
      <c r="X38519">
        <v>15</v>
      </c>
      <c r="Y38519">
        <v>15</v>
      </c>
      <c r="Z38519">
        <v>16</v>
      </c>
      <c r="AA38519">
        <v>16</v>
      </c>
      <c r="AB38519">
        <v>16</v>
      </c>
      <c r="AC38519">
        <v>16</v>
      </c>
      <c r="AD38519">
        <v>16</v>
      </c>
      <c r="AE38519">
        <v>16</v>
      </c>
      <c r="AF38519">
        <v>16</v>
      </c>
      <c r="AG38519">
        <v>16</v>
      </c>
      <c r="AH38519">
        <v>16</v>
      </c>
      <c r="AI38519">
        <v>16</v>
      </c>
      <c r="AJ38519">
        <v>16</v>
      </c>
      <c r="AK38519">
        <v>17</v>
      </c>
      <c r="AL38519">
        <v>17</v>
      </c>
      <c r="AM38519">
        <v>17</v>
      </c>
      <c r="AN38519">
        <v>17</v>
      </c>
      <c r="AO38519">
        <v>17</v>
      </c>
      <c r="AP38519">
        <v>17</v>
      </c>
      <c r="AQ38519">
        <v>17</v>
      </c>
    </row>
    <row r="38520" spans="1:43">
      <c r="A38520" t="s">
        <v>23885</v>
      </c>
      <c r="B38520" t="s">
        <v>23886</v>
      </c>
      <c r="C38520" t="s">
        <v>23797</v>
      </c>
      <c r="D38520" t="s">
        <v>23798</v>
      </c>
      <c r="E38520" t="s">
        <v>23789</v>
      </c>
      <c r="F38520" t="s">
        <v>23790</v>
      </c>
      <c r="G38520" t="s">
        <v>11612</v>
      </c>
      <c r="H38520" t="s">
        <v>11613</v>
      </c>
      <c r="I38520" s="2">
        <v>0</v>
      </c>
      <c r="J38520" s="2">
        <v>0</v>
      </c>
      <c r="K38520" s="2">
        <v>1</v>
      </c>
      <c r="L38520" t="s">
        <v>995</v>
      </c>
      <c r="M38520" t="s">
        <v>89</v>
      </c>
      <c r="N38520" t="s">
        <v>90</v>
      </c>
      <c r="O38520" t="s">
        <v>85</v>
      </c>
      <c r="P38520" t="s">
        <v>86</v>
      </c>
      <c r="Q38520">
        <v>15</v>
      </c>
      <c r="R38520">
        <v>15</v>
      </c>
      <c r="S38520">
        <v>16</v>
      </c>
      <c r="T38520">
        <v>16</v>
      </c>
      <c r="U38520">
        <v>16</v>
      </c>
      <c r="V38520">
        <v>17</v>
      </c>
      <c r="W38520">
        <v>17</v>
      </c>
      <c r="X38520">
        <v>17</v>
      </c>
      <c r="Y38520">
        <v>18</v>
      </c>
      <c r="Z38520">
        <v>18</v>
      </c>
      <c r="AA38520">
        <v>18</v>
      </c>
      <c r="AB38520">
        <v>19</v>
      </c>
      <c r="AC38520">
        <v>19</v>
      </c>
      <c r="AD38520">
        <v>19</v>
      </c>
      <c r="AE38520">
        <v>19</v>
      </c>
      <c r="AF38520">
        <v>19</v>
      </c>
      <c r="AG38520">
        <v>19</v>
      </c>
      <c r="AH38520">
        <v>20</v>
      </c>
      <c r="AI38520">
        <v>20</v>
      </c>
      <c r="AJ38520">
        <v>20</v>
      </c>
      <c r="AK38520">
        <v>20</v>
      </c>
      <c r="AL38520">
        <v>20</v>
      </c>
      <c r="AM38520">
        <v>20</v>
      </c>
      <c r="AN38520">
        <v>20</v>
      </c>
      <c r="AO38520">
        <v>20</v>
      </c>
      <c r="AP38520">
        <v>20</v>
      </c>
      <c r="AQ38520">
        <v>20</v>
      </c>
    </row>
    <row r="38521" spans="1:43">
      <c r="A38521" t="s">
        <v>23885</v>
      </c>
      <c r="B38521" t="s">
        <v>23886</v>
      </c>
      <c r="C38521" t="s">
        <v>23797</v>
      </c>
      <c r="D38521" t="s">
        <v>23798</v>
      </c>
      <c r="E38521" t="s">
        <v>23789</v>
      </c>
      <c r="F38521" t="s">
        <v>23790</v>
      </c>
      <c r="G38521" t="s">
        <v>11612</v>
      </c>
      <c r="H38521" t="s">
        <v>11613</v>
      </c>
      <c r="I38521" s="2">
        <v>0</v>
      </c>
      <c r="J38521" s="2">
        <v>0</v>
      </c>
      <c r="K38521" s="2">
        <v>1</v>
      </c>
      <c r="L38521" t="s">
        <v>995</v>
      </c>
      <c r="M38521" t="s">
        <v>83</v>
      </c>
      <c r="N38521" t="s">
        <v>91</v>
      </c>
      <c r="O38521" t="s">
        <v>85</v>
      </c>
      <c r="P38521" t="s">
        <v>86</v>
      </c>
      <c r="Q38521">
        <v>15</v>
      </c>
      <c r="R38521">
        <v>15</v>
      </c>
      <c r="S38521">
        <v>15</v>
      </c>
      <c r="T38521">
        <v>16</v>
      </c>
      <c r="U38521">
        <v>16</v>
      </c>
      <c r="V38521">
        <v>16</v>
      </c>
      <c r="W38521">
        <v>16</v>
      </c>
      <c r="X38521">
        <v>16</v>
      </c>
      <c r="Y38521">
        <v>17</v>
      </c>
      <c r="Z38521">
        <v>17</v>
      </c>
      <c r="AA38521">
        <v>17</v>
      </c>
      <c r="AB38521">
        <v>17</v>
      </c>
      <c r="AC38521">
        <v>18</v>
      </c>
      <c r="AD38521">
        <v>18</v>
      </c>
      <c r="AE38521">
        <v>18</v>
      </c>
      <c r="AF38521">
        <v>18</v>
      </c>
      <c r="AG38521">
        <v>18</v>
      </c>
      <c r="AH38521">
        <v>19</v>
      </c>
      <c r="AI38521">
        <v>19</v>
      </c>
      <c r="AJ38521">
        <v>19</v>
      </c>
      <c r="AK38521">
        <v>19</v>
      </c>
      <c r="AL38521">
        <v>20</v>
      </c>
      <c r="AM38521">
        <v>20</v>
      </c>
      <c r="AN38521">
        <v>20</v>
      </c>
      <c r="AO38521">
        <v>20</v>
      </c>
      <c r="AP38521">
        <v>20</v>
      </c>
      <c r="AQ38521">
        <v>20</v>
      </c>
    </row>
    <row r="38522" spans="1:43">
      <c r="A38522" t="s">
        <v>23887</v>
      </c>
      <c r="B38522" t="s">
        <v>23888</v>
      </c>
      <c r="C38522" t="s">
        <v>23889</v>
      </c>
      <c r="D38522" t="s">
        <v>23890</v>
      </c>
      <c r="E38522" t="s">
        <v>23891</v>
      </c>
      <c r="F38522" t="s">
        <v>23892</v>
      </c>
      <c r="G38522" t="s">
        <v>11612</v>
      </c>
      <c r="H38522" t="s">
        <v>11613</v>
      </c>
      <c r="I38522" s="2">
        <v>0</v>
      </c>
      <c r="J38522" s="2">
        <v>0</v>
      </c>
      <c r="K38522" s="2">
        <v>0.76</v>
      </c>
      <c r="L38522" t="s">
        <v>995</v>
      </c>
      <c r="M38522" t="s">
        <v>83</v>
      </c>
      <c r="N38522" t="s">
        <v>84</v>
      </c>
      <c r="O38522" t="s">
        <v>85</v>
      </c>
      <c r="P38522" t="s">
        <v>86</v>
      </c>
      <c r="Q38522">
        <v>16</v>
      </c>
      <c r="R38522">
        <v>16</v>
      </c>
      <c r="S38522">
        <v>17</v>
      </c>
      <c r="T38522">
        <v>17</v>
      </c>
      <c r="U38522">
        <v>18</v>
      </c>
      <c r="V38522">
        <v>18</v>
      </c>
      <c r="W38522">
        <v>19</v>
      </c>
      <c r="X38522">
        <v>20</v>
      </c>
      <c r="Y38522">
        <v>20</v>
      </c>
      <c r="Z38522">
        <v>21</v>
      </c>
      <c r="AA38522">
        <v>22</v>
      </c>
      <c r="AB38522">
        <v>22</v>
      </c>
      <c r="AC38522">
        <v>23</v>
      </c>
      <c r="AD38522">
        <v>24</v>
      </c>
      <c r="AE38522">
        <v>24</v>
      </c>
      <c r="AF38522">
        <v>25</v>
      </c>
      <c r="AG38522">
        <v>26</v>
      </c>
      <c r="AH38522">
        <v>27</v>
      </c>
      <c r="AI38522">
        <v>27</v>
      </c>
      <c r="AJ38522">
        <v>28</v>
      </c>
      <c r="AK38522">
        <v>29</v>
      </c>
      <c r="AL38522">
        <v>30</v>
      </c>
      <c r="AM38522">
        <v>30</v>
      </c>
      <c r="AN38522">
        <v>31</v>
      </c>
      <c r="AO38522">
        <v>32</v>
      </c>
      <c r="AP38522">
        <v>32</v>
      </c>
      <c r="AQ38522">
        <v>33</v>
      </c>
    </row>
    <row r="38523" spans="1:43">
      <c r="A38523" t="s">
        <v>23887</v>
      </c>
      <c r="B38523" t="s">
        <v>23888</v>
      </c>
      <c r="C38523" t="s">
        <v>23889</v>
      </c>
      <c r="D38523" t="s">
        <v>23890</v>
      </c>
      <c r="E38523" t="s">
        <v>23891</v>
      </c>
      <c r="F38523" t="s">
        <v>23892</v>
      </c>
      <c r="G38523" t="s">
        <v>11612</v>
      </c>
      <c r="H38523" t="s">
        <v>11613</v>
      </c>
      <c r="I38523" s="2">
        <v>0</v>
      </c>
      <c r="J38523" s="2">
        <v>0</v>
      </c>
      <c r="K38523" s="2">
        <v>0.76</v>
      </c>
      <c r="L38523" t="s">
        <v>995</v>
      </c>
      <c r="M38523" t="s">
        <v>87</v>
      </c>
      <c r="N38523" t="s">
        <v>88</v>
      </c>
      <c r="O38523" t="s">
        <v>85</v>
      </c>
      <c r="P38523" t="s">
        <v>86</v>
      </c>
      <c r="Q38523">
        <v>16</v>
      </c>
      <c r="R38523">
        <v>17</v>
      </c>
      <c r="S38523">
        <v>17</v>
      </c>
      <c r="T38523">
        <v>18</v>
      </c>
      <c r="U38523">
        <v>18</v>
      </c>
      <c r="V38523">
        <v>18</v>
      </c>
      <c r="W38523">
        <v>19</v>
      </c>
      <c r="X38523">
        <v>19</v>
      </c>
      <c r="Y38523">
        <v>20</v>
      </c>
      <c r="Z38523">
        <v>20</v>
      </c>
      <c r="AA38523">
        <v>21</v>
      </c>
      <c r="AB38523">
        <v>21</v>
      </c>
      <c r="AC38523">
        <v>22</v>
      </c>
      <c r="AD38523">
        <v>22</v>
      </c>
      <c r="AE38523">
        <v>23</v>
      </c>
      <c r="AF38523">
        <v>23</v>
      </c>
      <c r="AG38523">
        <v>24</v>
      </c>
      <c r="AH38523">
        <v>24</v>
      </c>
      <c r="AI38523">
        <v>25</v>
      </c>
      <c r="AJ38523">
        <v>25</v>
      </c>
      <c r="AK38523">
        <v>26</v>
      </c>
      <c r="AL38523">
        <v>26</v>
      </c>
      <c r="AM38523">
        <v>27</v>
      </c>
      <c r="AN38523">
        <v>28</v>
      </c>
      <c r="AO38523">
        <v>28</v>
      </c>
      <c r="AP38523">
        <v>29</v>
      </c>
      <c r="AQ38523">
        <v>29</v>
      </c>
    </row>
    <row r="38524" spans="1:43">
      <c r="A38524" t="s">
        <v>23887</v>
      </c>
      <c r="B38524" t="s">
        <v>23888</v>
      </c>
      <c r="C38524" t="s">
        <v>23889</v>
      </c>
      <c r="D38524" t="s">
        <v>23890</v>
      </c>
      <c r="E38524" t="s">
        <v>23891</v>
      </c>
      <c r="F38524" t="s">
        <v>23892</v>
      </c>
      <c r="G38524" t="s">
        <v>11612</v>
      </c>
      <c r="H38524" t="s">
        <v>11613</v>
      </c>
      <c r="I38524" s="2">
        <v>0</v>
      </c>
      <c r="J38524" s="2">
        <v>0</v>
      </c>
      <c r="K38524" s="2">
        <v>0.76</v>
      </c>
      <c r="L38524" t="s">
        <v>995</v>
      </c>
      <c r="M38524" t="s">
        <v>89</v>
      </c>
      <c r="N38524" t="s">
        <v>90</v>
      </c>
      <c r="O38524" t="s">
        <v>85</v>
      </c>
      <c r="P38524" t="s">
        <v>86</v>
      </c>
      <c r="Q38524">
        <v>16</v>
      </c>
      <c r="R38524">
        <v>16</v>
      </c>
      <c r="S38524">
        <v>17</v>
      </c>
      <c r="T38524">
        <v>18</v>
      </c>
      <c r="U38524">
        <v>19</v>
      </c>
      <c r="V38524">
        <v>19</v>
      </c>
      <c r="W38524">
        <v>20</v>
      </c>
      <c r="X38524">
        <v>21</v>
      </c>
      <c r="Y38524">
        <v>21</v>
      </c>
      <c r="Z38524">
        <v>22</v>
      </c>
      <c r="AA38524">
        <v>23</v>
      </c>
      <c r="AB38524">
        <v>24</v>
      </c>
      <c r="AC38524">
        <v>25</v>
      </c>
      <c r="AD38524">
        <v>25</v>
      </c>
      <c r="AE38524">
        <v>26</v>
      </c>
      <c r="AF38524">
        <v>27</v>
      </c>
      <c r="AG38524">
        <v>27</v>
      </c>
      <c r="AH38524">
        <v>28</v>
      </c>
      <c r="AI38524">
        <v>28</v>
      </c>
      <c r="AJ38524">
        <v>29</v>
      </c>
      <c r="AK38524">
        <v>30</v>
      </c>
      <c r="AL38524">
        <v>30</v>
      </c>
      <c r="AM38524">
        <v>31</v>
      </c>
      <c r="AN38524">
        <v>31</v>
      </c>
      <c r="AO38524">
        <v>32</v>
      </c>
      <c r="AP38524">
        <v>33</v>
      </c>
      <c r="AQ38524">
        <v>33</v>
      </c>
    </row>
    <row r="38525" spans="1:43">
      <c r="A38525" t="s">
        <v>23887</v>
      </c>
      <c r="B38525" t="s">
        <v>23888</v>
      </c>
      <c r="C38525" t="s">
        <v>23889</v>
      </c>
      <c r="D38525" t="s">
        <v>23890</v>
      </c>
      <c r="E38525" t="s">
        <v>23891</v>
      </c>
      <c r="F38525" t="s">
        <v>23892</v>
      </c>
      <c r="G38525" t="s">
        <v>11612</v>
      </c>
      <c r="H38525" t="s">
        <v>11613</v>
      </c>
      <c r="I38525" s="2">
        <v>0</v>
      </c>
      <c r="J38525" s="2">
        <v>0</v>
      </c>
      <c r="K38525" s="2">
        <v>0.76</v>
      </c>
      <c r="L38525" t="s">
        <v>995</v>
      </c>
      <c r="M38525" t="s">
        <v>83</v>
      </c>
      <c r="N38525" t="s">
        <v>91</v>
      </c>
      <c r="O38525" t="s">
        <v>85</v>
      </c>
      <c r="P38525" t="s">
        <v>86</v>
      </c>
      <c r="Q38525">
        <v>16</v>
      </c>
      <c r="R38525">
        <v>16</v>
      </c>
      <c r="S38525">
        <v>17</v>
      </c>
      <c r="T38525">
        <v>17</v>
      </c>
      <c r="U38525">
        <v>18</v>
      </c>
      <c r="V38525">
        <v>18</v>
      </c>
      <c r="W38525">
        <v>19</v>
      </c>
      <c r="X38525">
        <v>20</v>
      </c>
      <c r="Y38525">
        <v>20</v>
      </c>
      <c r="Z38525">
        <v>21</v>
      </c>
      <c r="AA38525">
        <v>22</v>
      </c>
      <c r="AB38525">
        <v>22</v>
      </c>
      <c r="AC38525">
        <v>23</v>
      </c>
      <c r="AD38525">
        <v>24</v>
      </c>
      <c r="AE38525">
        <v>24</v>
      </c>
      <c r="AF38525">
        <v>25</v>
      </c>
      <c r="AG38525">
        <v>26</v>
      </c>
      <c r="AH38525">
        <v>27</v>
      </c>
      <c r="AI38525">
        <v>27</v>
      </c>
      <c r="AJ38525">
        <v>28</v>
      </c>
      <c r="AK38525">
        <v>29</v>
      </c>
      <c r="AL38525">
        <v>30</v>
      </c>
      <c r="AM38525">
        <v>30</v>
      </c>
      <c r="AN38525">
        <v>31</v>
      </c>
      <c r="AO38525">
        <v>32</v>
      </c>
      <c r="AP38525">
        <v>32</v>
      </c>
      <c r="AQ38525">
        <v>33</v>
      </c>
    </row>
    <row r="38526" spans="1:43">
      <c r="A38526" t="s">
        <v>23893</v>
      </c>
      <c r="B38526" t="s">
        <v>23894</v>
      </c>
      <c r="C38526" t="s">
        <v>23889</v>
      </c>
      <c r="D38526" t="s">
        <v>23890</v>
      </c>
      <c r="E38526" t="s">
        <v>23891</v>
      </c>
      <c r="F38526" t="s">
        <v>23892</v>
      </c>
      <c r="G38526" t="s">
        <v>11612</v>
      </c>
      <c r="H38526" t="s">
        <v>11613</v>
      </c>
      <c r="I38526" s="2">
        <v>0</v>
      </c>
      <c r="J38526" s="2">
        <v>0</v>
      </c>
      <c r="K38526" s="2">
        <v>1</v>
      </c>
      <c r="L38526" t="s">
        <v>995</v>
      </c>
      <c r="M38526" t="s">
        <v>83</v>
      </c>
      <c r="N38526" t="s">
        <v>84</v>
      </c>
      <c r="O38526" t="s">
        <v>85</v>
      </c>
      <c r="P38526" t="s">
        <v>86</v>
      </c>
      <c r="Q38526">
        <v>8</v>
      </c>
      <c r="R38526">
        <v>8</v>
      </c>
      <c r="S38526">
        <v>9</v>
      </c>
      <c r="T38526">
        <v>9</v>
      </c>
      <c r="U38526">
        <v>9</v>
      </c>
      <c r="V38526">
        <v>9</v>
      </c>
      <c r="W38526">
        <v>10</v>
      </c>
      <c r="X38526">
        <v>10</v>
      </c>
      <c r="Y38526">
        <v>10</v>
      </c>
      <c r="Z38526">
        <v>11</v>
      </c>
      <c r="AA38526">
        <v>11</v>
      </c>
      <c r="AB38526">
        <v>11</v>
      </c>
      <c r="AC38526">
        <v>12</v>
      </c>
      <c r="AD38526">
        <v>12</v>
      </c>
      <c r="AE38526">
        <v>12</v>
      </c>
      <c r="AF38526">
        <v>13</v>
      </c>
      <c r="AG38526">
        <v>13</v>
      </c>
      <c r="AH38526">
        <v>14</v>
      </c>
      <c r="AI38526">
        <v>14</v>
      </c>
      <c r="AJ38526">
        <v>14</v>
      </c>
      <c r="AK38526">
        <v>15</v>
      </c>
      <c r="AL38526">
        <v>15</v>
      </c>
      <c r="AM38526">
        <v>16</v>
      </c>
      <c r="AN38526">
        <v>16</v>
      </c>
      <c r="AO38526">
        <v>16</v>
      </c>
      <c r="AP38526">
        <v>17</v>
      </c>
      <c r="AQ38526">
        <v>17</v>
      </c>
    </row>
    <row r="38527" spans="1:43">
      <c r="A38527" t="s">
        <v>23893</v>
      </c>
      <c r="B38527" t="s">
        <v>23894</v>
      </c>
      <c r="C38527" t="s">
        <v>23889</v>
      </c>
      <c r="D38527" t="s">
        <v>23890</v>
      </c>
      <c r="E38527" t="s">
        <v>23891</v>
      </c>
      <c r="F38527" t="s">
        <v>23892</v>
      </c>
      <c r="G38527" t="s">
        <v>11612</v>
      </c>
      <c r="H38527" t="s">
        <v>11613</v>
      </c>
      <c r="I38527" s="2">
        <v>0</v>
      </c>
      <c r="J38527" s="2">
        <v>0</v>
      </c>
      <c r="K38527" s="2">
        <v>1</v>
      </c>
      <c r="L38527" t="s">
        <v>995</v>
      </c>
      <c r="M38527" t="s">
        <v>87</v>
      </c>
      <c r="N38527" t="s">
        <v>88</v>
      </c>
      <c r="O38527" t="s">
        <v>85</v>
      </c>
      <c r="P38527" t="s">
        <v>86</v>
      </c>
      <c r="Q38527">
        <v>8</v>
      </c>
      <c r="R38527">
        <v>8</v>
      </c>
      <c r="S38527">
        <v>8</v>
      </c>
      <c r="T38527">
        <v>9</v>
      </c>
      <c r="U38527">
        <v>9</v>
      </c>
      <c r="V38527">
        <v>9</v>
      </c>
      <c r="W38527">
        <v>9</v>
      </c>
      <c r="X38527">
        <v>9</v>
      </c>
      <c r="Y38527">
        <v>10</v>
      </c>
      <c r="Z38527">
        <v>10</v>
      </c>
      <c r="AA38527">
        <v>10</v>
      </c>
      <c r="AB38527">
        <v>10</v>
      </c>
      <c r="AC38527">
        <v>11</v>
      </c>
      <c r="AD38527">
        <v>11</v>
      </c>
      <c r="AE38527">
        <v>11</v>
      </c>
      <c r="AF38527">
        <v>11</v>
      </c>
      <c r="AG38527">
        <v>12</v>
      </c>
      <c r="AH38527">
        <v>12</v>
      </c>
      <c r="AI38527">
        <v>12</v>
      </c>
      <c r="AJ38527">
        <v>12</v>
      </c>
      <c r="AK38527">
        <v>13</v>
      </c>
      <c r="AL38527">
        <v>13</v>
      </c>
      <c r="AM38527">
        <v>13</v>
      </c>
      <c r="AN38527">
        <v>14</v>
      </c>
      <c r="AO38527">
        <v>14</v>
      </c>
      <c r="AP38527">
        <v>14</v>
      </c>
      <c r="AQ38527">
        <v>15</v>
      </c>
    </row>
    <row r="38528" spans="1:43">
      <c r="A38528" t="s">
        <v>23893</v>
      </c>
      <c r="B38528" t="s">
        <v>23894</v>
      </c>
      <c r="C38528" t="s">
        <v>23889</v>
      </c>
      <c r="D38528" t="s">
        <v>23890</v>
      </c>
      <c r="E38528" t="s">
        <v>23891</v>
      </c>
      <c r="F38528" t="s">
        <v>23892</v>
      </c>
      <c r="G38528" t="s">
        <v>11612</v>
      </c>
      <c r="H38528" t="s">
        <v>11613</v>
      </c>
      <c r="I38528" s="2">
        <v>0</v>
      </c>
      <c r="J38528" s="2">
        <v>0</v>
      </c>
      <c r="K38528" s="2">
        <v>1</v>
      </c>
      <c r="L38528" t="s">
        <v>995</v>
      </c>
      <c r="M38528" t="s">
        <v>89</v>
      </c>
      <c r="N38528" t="s">
        <v>90</v>
      </c>
      <c r="O38528" t="s">
        <v>85</v>
      </c>
      <c r="P38528" t="s">
        <v>86</v>
      </c>
      <c r="Q38528">
        <v>8</v>
      </c>
      <c r="R38528">
        <v>8</v>
      </c>
      <c r="S38528">
        <v>9</v>
      </c>
      <c r="T38528">
        <v>9</v>
      </c>
      <c r="U38528">
        <v>9</v>
      </c>
      <c r="V38528">
        <v>10</v>
      </c>
      <c r="W38528">
        <v>10</v>
      </c>
      <c r="X38528">
        <v>11</v>
      </c>
      <c r="Y38528">
        <v>11</v>
      </c>
      <c r="Z38528">
        <v>11</v>
      </c>
      <c r="AA38528">
        <v>12</v>
      </c>
      <c r="AB38528">
        <v>12</v>
      </c>
      <c r="AC38528">
        <v>13</v>
      </c>
      <c r="AD38528">
        <v>13</v>
      </c>
      <c r="AE38528">
        <v>13</v>
      </c>
      <c r="AF38528">
        <v>14</v>
      </c>
      <c r="AG38528">
        <v>14</v>
      </c>
      <c r="AH38528">
        <v>14</v>
      </c>
      <c r="AI38528">
        <v>14</v>
      </c>
      <c r="AJ38528">
        <v>15</v>
      </c>
      <c r="AK38528">
        <v>15</v>
      </c>
      <c r="AL38528">
        <v>15</v>
      </c>
      <c r="AM38528">
        <v>16</v>
      </c>
      <c r="AN38528">
        <v>16</v>
      </c>
      <c r="AO38528">
        <v>16</v>
      </c>
      <c r="AP38528">
        <v>17</v>
      </c>
      <c r="AQ38528">
        <v>17</v>
      </c>
    </row>
    <row r="38529" spans="1:43">
      <c r="A38529" t="s">
        <v>23893</v>
      </c>
      <c r="B38529" t="s">
        <v>23894</v>
      </c>
      <c r="C38529" t="s">
        <v>23889</v>
      </c>
      <c r="D38529" t="s">
        <v>23890</v>
      </c>
      <c r="E38529" t="s">
        <v>23891</v>
      </c>
      <c r="F38529" t="s">
        <v>23892</v>
      </c>
      <c r="G38529" t="s">
        <v>11612</v>
      </c>
      <c r="H38529" t="s">
        <v>11613</v>
      </c>
      <c r="I38529" s="2">
        <v>0</v>
      </c>
      <c r="J38529" s="2">
        <v>0</v>
      </c>
      <c r="K38529" s="2">
        <v>1</v>
      </c>
      <c r="L38529" t="s">
        <v>995</v>
      </c>
      <c r="M38529" t="s">
        <v>83</v>
      </c>
      <c r="N38529" t="s">
        <v>91</v>
      </c>
      <c r="O38529" t="s">
        <v>85</v>
      </c>
      <c r="P38529" t="s">
        <v>86</v>
      </c>
      <c r="Q38529">
        <v>8</v>
      </c>
      <c r="R38529">
        <v>8</v>
      </c>
      <c r="S38529">
        <v>9</v>
      </c>
      <c r="T38529">
        <v>9</v>
      </c>
      <c r="U38529">
        <v>9</v>
      </c>
      <c r="V38529">
        <v>9</v>
      </c>
      <c r="W38529">
        <v>10</v>
      </c>
      <c r="X38529">
        <v>10</v>
      </c>
      <c r="Y38529">
        <v>10</v>
      </c>
      <c r="Z38529">
        <v>11</v>
      </c>
      <c r="AA38529">
        <v>11</v>
      </c>
      <c r="AB38529">
        <v>11</v>
      </c>
      <c r="AC38529">
        <v>12</v>
      </c>
      <c r="AD38529">
        <v>12</v>
      </c>
      <c r="AE38529">
        <v>12</v>
      </c>
      <c r="AF38529">
        <v>13</v>
      </c>
      <c r="AG38529">
        <v>13</v>
      </c>
      <c r="AH38529">
        <v>14</v>
      </c>
      <c r="AI38529">
        <v>14</v>
      </c>
      <c r="AJ38529">
        <v>14</v>
      </c>
      <c r="AK38529">
        <v>15</v>
      </c>
      <c r="AL38529">
        <v>15</v>
      </c>
      <c r="AM38529">
        <v>16</v>
      </c>
      <c r="AN38529">
        <v>16</v>
      </c>
      <c r="AO38529">
        <v>16</v>
      </c>
      <c r="AP38529">
        <v>17</v>
      </c>
      <c r="AQ38529">
        <v>17</v>
      </c>
    </row>
    <row r="38530" spans="1:43">
      <c r="A38530" t="s">
        <v>23895</v>
      </c>
      <c r="B38530" t="s">
        <v>23896</v>
      </c>
      <c r="C38530" t="s">
        <v>23897</v>
      </c>
      <c r="D38530" t="s">
        <v>23898</v>
      </c>
      <c r="E38530" t="s">
        <v>23891</v>
      </c>
      <c r="F38530" t="s">
        <v>23892</v>
      </c>
      <c r="G38530" t="s">
        <v>11612</v>
      </c>
      <c r="H38530" t="s">
        <v>11613</v>
      </c>
      <c r="I38530" s="2">
        <v>0</v>
      </c>
      <c r="J38530" s="2">
        <v>0</v>
      </c>
      <c r="K38530" s="2">
        <v>1</v>
      </c>
      <c r="L38530" t="s">
        <v>995</v>
      </c>
      <c r="M38530" t="s">
        <v>83</v>
      </c>
      <c r="N38530" t="s">
        <v>84</v>
      </c>
      <c r="O38530" t="s">
        <v>85</v>
      </c>
      <c r="P38530" t="s">
        <v>86</v>
      </c>
      <c r="Q38530">
        <v>29</v>
      </c>
      <c r="R38530">
        <v>30</v>
      </c>
      <c r="S38530">
        <v>31</v>
      </c>
      <c r="T38530">
        <v>32</v>
      </c>
      <c r="U38530">
        <v>33</v>
      </c>
      <c r="V38530">
        <v>34</v>
      </c>
      <c r="W38530">
        <v>35</v>
      </c>
      <c r="X38530">
        <v>36</v>
      </c>
      <c r="Y38530">
        <v>38</v>
      </c>
      <c r="Z38530">
        <v>39</v>
      </c>
      <c r="AA38530">
        <v>40</v>
      </c>
      <c r="AB38530">
        <v>41</v>
      </c>
      <c r="AC38530">
        <v>43</v>
      </c>
      <c r="AD38530">
        <v>44</v>
      </c>
      <c r="AE38530">
        <v>45</v>
      </c>
      <c r="AF38530">
        <v>47</v>
      </c>
      <c r="AG38530">
        <v>48</v>
      </c>
      <c r="AH38530">
        <v>49</v>
      </c>
      <c r="AI38530">
        <v>51</v>
      </c>
      <c r="AJ38530">
        <v>52</v>
      </c>
      <c r="AK38530">
        <v>54</v>
      </c>
      <c r="AL38530">
        <v>55</v>
      </c>
      <c r="AM38530">
        <v>56</v>
      </c>
      <c r="AN38530">
        <v>58</v>
      </c>
      <c r="AO38530">
        <v>59</v>
      </c>
      <c r="AP38530">
        <v>60</v>
      </c>
      <c r="AQ38530">
        <v>61</v>
      </c>
    </row>
    <row r="38531" spans="1:43">
      <c r="A38531" t="s">
        <v>23895</v>
      </c>
      <c r="B38531" t="s">
        <v>23896</v>
      </c>
      <c r="C38531" t="s">
        <v>23897</v>
      </c>
      <c r="D38531" t="s">
        <v>23898</v>
      </c>
      <c r="E38531" t="s">
        <v>23891</v>
      </c>
      <c r="F38531" t="s">
        <v>23892</v>
      </c>
      <c r="G38531" t="s">
        <v>11612</v>
      </c>
      <c r="H38531" t="s">
        <v>11613</v>
      </c>
      <c r="I38531" s="2">
        <v>0</v>
      </c>
      <c r="J38531" s="2">
        <v>0</v>
      </c>
      <c r="K38531" s="2">
        <v>1</v>
      </c>
      <c r="L38531" t="s">
        <v>995</v>
      </c>
      <c r="M38531" t="s">
        <v>87</v>
      </c>
      <c r="N38531" t="s">
        <v>88</v>
      </c>
      <c r="O38531" t="s">
        <v>85</v>
      </c>
      <c r="P38531" t="s">
        <v>86</v>
      </c>
      <c r="Q38531">
        <v>29</v>
      </c>
      <c r="R38531">
        <v>29</v>
      </c>
      <c r="S38531">
        <v>30</v>
      </c>
      <c r="T38531">
        <v>31</v>
      </c>
      <c r="U38531">
        <v>32</v>
      </c>
      <c r="V38531">
        <v>32</v>
      </c>
      <c r="W38531">
        <v>33</v>
      </c>
      <c r="X38531">
        <v>34</v>
      </c>
      <c r="Y38531">
        <v>35</v>
      </c>
      <c r="Z38531">
        <v>36</v>
      </c>
      <c r="AA38531">
        <v>36</v>
      </c>
      <c r="AB38531">
        <v>37</v>
      </c>
      <c r="AC38531">
        <v>38</v>
      </c>
      <c r="AD38531">
        <v>39</v>
      </c>
      <c r="AE38531">
        <v>40</v>
      </c>
      <c r="AF38531">
        <v>41</v>
      </c>
      <c r="AG38531">
        <v>42</v>
      </c>
      <c r="AH38531">
        <v>43</v>
      </c>
      <c r="AI38531">
        <v>44</v>
      </c>
      <c r="AJ38531">
        <v>45</v>
      </c>
      <c r="AK38531">
        <v>46</v>
      </c>
      <c r="AL38531">
        <v>47</v>
      </c>
      <c r="AM38531">
        <v>48</v>
      </c>
      <c r="AN38531">
        <v>49</v>
      </c>
      <c r="AO38531">
        <v>51</v>
      </c>
      <c r="AP38531">
        <v>52</v>
      </c>
      <c r="AQ38531">
        <v>53</v>
      </c>
    </row>
    <row r="38532" spans="1:43">
      <c r="A38532" t="s">
        <v>23895</v>
      </c>
      <c r="B38532" t="s">
        <v>23896</v>
      </c>
      <c r="C38532" t="s">
        <v>23897</v>
      </c>
      <c r="D38532" t="s">
        <v>23898</v>
      </c>
      <c r="E38532" t="s">
        <v>23891</v>
      </c>
      <c r="F38532" t="s">
        <v>23892</v>
      </c>
      <c r="G38532" t="s">
        <v>11612</v>
      </c>
      <c r="H38532" t="s">
        <v>11613</v>
      </c>
      <c r="I38532" s="2">
        <v>0</v>
      </c>
      <c r="J38532" s="2">
        <v>0</v>
      </c>
      <c r="K38532" s="2">
        <v>1</v>
      </c>
      <c r="L38532" t="s">
        <v>995</v>
      </c>
      <c r="M38532" t="s">
        <v>89</v>
      </c>
      <c r="N38532" t="s">
        <v>90</v>
      </c>
      <c r="O38532" t="s">
        <v>85</v>
      </c>
      <c r="P38532" t="s">
        <v>86</v>
      </c>
      <c r="Q38532">
        <v>29</v>
      </c>
      <c r="R38532">
        <v>30</v>
      </c>
      <c r="S38532">
        <v>32</v>
      </c>
      <c r="T38532">
        <v>33</v>
      </c>
      <c r="U38532">
        <v>34</v>
      </c>
      <c r="V38532">
        <v>36</v>
      </c>
      <c r="W38532">
        <v>37</v>
      </c>
      <c r="X38532">
        <v>38</v>
      </c>
      <c r="Y38532">
        <v>40</v>
      </c>
      <c r="Z38532">
        <v>41</v>
      </c>
      <c r="AA38532">
        <v>43</v>
      </c>
      <c r="AB38532">
        <v>44</v>
      </c>
      <c r="AC38532">
        <v>46</v>
      </c>
      <c r="AD38532">
        <v>47</v>
      </c>
      <c r="AE38532">
        <v>48</v>
      </c>
      <c r="AF38532">
        <v>49</v>
      </c>
      <c r="AG38532">
        <v>50</v>
      </c>
      <c r="AH38532">
        <v>52</v>
      </c>
      <c r="AI38532">
        <v>53</v>
      </c>
      <c r="AJ38532">
        <v>54</v>
      </c>
      <c r="AK38532">
        <v>55</v>
      </c>
      <c r="AL38532">
        <v>56</v>
      </c>
      <c r="AM38532">
        <v>57</v>
      </c>
      <c r="AN38532">
        <v>58</v>
      </c>
      <c r="AO38532">
        <v>59</v>
      </c>
      <c r="AP38532">
        <v>61</v>
      </c>
      <c r="AQ38532">
        <v>62</v>
      </c>
    </row>
    <row r="38533" spans="1:43">
      <c r="A38533" t="s">
        <v>23895</v>
      </c>
      <c r="B38533" t="s">
        <v>23896</v>
      </c>
      <c r="C38533" t="s">
        <v>23897</v>
      </c>
      <c r="D38533" t="s">
        <v>23898</v>
      </c>
      <c r="E38533" t="s">
        <v>23891</v>
      </c>
      <c r="F38533" t="s">
        <v>23892</v>
      </c>
      <c r="G38533" t="s">
        <v>11612</v>
      </c>
      <c r="H38533" t="s">
        <v>11613</v>
      </c>
      <c r="I38533" s="2">
        <v>0</v>
      </c>
      <c r="J38533" s="2">
        <v>0</v>
      </c>
      <c r="K38533" s="2">
        <v>1</v>
      </c>
      <c r="L38533" t="s">
        <v>995</v>
      </c>
      <c r="M38533" t="s">
        <v>83</v>
      </c>
      <c r="N38533" t="s">
        <v>91</v>
      </c>
      <c r="O38533" t="s">
        <v>85</v>
      </c>
      <c r="P38533" t="s">
        <v>86</v>
      </c>
      <c r="Q38533">
        <v>29</v>
      </c>
      <c r="R38533">
        <v>30</v>
      </c>
      <c r="S38533">
        <v>31</v>
      </c>
      <c r="T38533">
        <v>32</v>
      </c>
      <c r="U38533">
        <v>33</v>
      </c>
      <c r="V38533">
        <v>34</v>
      </c>
      <c r="W38533">
        <v>35</v>
      </c>
      <c r="X38533">
        <v>36</v>
      </c>
      <c r="Y38533">
        <v>38</v>
      </c>
      <c r="Z38533">
        <v>39</v>
      </c>
      <c r="AA38533">
        <v>40</v>
      </c>
      <c r="AB38533">
        <v>41</v>
      </c>
      <c r="AC38533">
        <v>43</v>
      </c>
      <c r="AD38533">
        <v>44</v>
      </c>
      <c r="AE38533">
        <v>45</v>
      </c>
      <c r="AF38533">
        <v>47</v>
      </c>
      <c r="AG38533">
        <v>48</v>
      </c>
      <c r="AH38533">
        <v>49</v>
      </c>
      <c r="AI38533">
        <v>51</v>
      </c>
      <c r="AJ38533">
        <v>52</v>
      </c>
      <c r="AK38533">
        <v>54</v>
      </c>
      <c r="AL38533">
        <v>55</v>
      </c>
      <c r="AM38533">
        <v>56</v>
      </c>
      <c r="AN38533">
        <v>58</v>
      </c>
      <c r="AO38533">
        <v>59</v>
      </c>
      <c r="AP38533">
        <v>60</v>
      </c>
      <c r="AQ38533">
        <v>61</v>
      </c>
    </row>
    <row r="38534" spans="1:43">
      <c r="A38534" t="s">
        <v>23899</v>
      </c>
      <c r="B38534" t="s">
        <v>23900</v>
      </c>
      <c r="C38534" t="s">
        <v>23901</v>
      </c>
      <c r="D38534" t="s">
        <v>23902</v>
      </c>
      <c r="E38534" t="s">
        <v>23891</v>
      </c>
      <c r="F38534" t="s">
        <v>23892</v>
      </c>
      <c r="G38534" t="s">
        <v>11612</v>
      </c>
      <c r="H38534" t="s">
        <v>11613</v>
      </c>
      <c r="I38534" s="2">
        <v>0</v>
      </c>
      <c r="J38534" s="2">
        <v>0</v>
      </c>
      <c r="K38534" s="2">
        <v>0</v>
      </c>
      <c r="L38534" t="s">
        <v>995</v>
      </c>
      <c r="M38534" t="s">
        <v>83</v>
      </c>
      <c r="N38534" t="s">
        <v>84</v>
      </c>
      <c r="O38534" t="s">
        <v>85</v>
      </c>
      <c r="P38534" t="s">
        <v>86</v>
      </c>
      <c r="Q38534">
        <v>0</v>
      </c>
      <c r="R38534">
        <v>0</v>
      </c>
      <c r="S38534">
        <v>0</v>
      </c>
      <c r="T38534">
        <v>0</v>
      </c>
      <c r="U38534">
        <v>0</v>
      </c>
      <c r="V38534">
        <v>0</v>
      </c>
      <c r="W38534">
        <v>0</v>
      </c>
      <c r="X38534">
        <v>0</v>
      </c>
      <c r="Y38534">
        <v>0</v>
      </c>
      <c r="Z38534">
        <v>0</v>
      </c>
      <c r="AA38534">
        <v>0</v>
      </c>
      <c r="AB38534">
        <v>0</v>
      </c>
      <c r="AC38534">
        <v>0</v>
      </c>
      <c r="AD38534">
        <v>0</v>
      </c>
      <c r="AE38534">
        <v>0</v>
      </c>
      <c r="AF38534">
        <v>0</v>
      </c>
      <c r="AG38534">
        <v>0</v>
      </c>
      <c r="AH38534">
        <v>0</v>
      </c>
      <c r="AI38534">
        <v>0</v>
      </c>
      <c r="AJ38534">
        <v>0</v>
      </c>
      <c r="AK38534">
        <v>0</v>
      </c>
      <c r="AL38534">
        <v>0</v>
      </c>
      <c r="AM38534">
        <v>0</v>
      </c>
      <c r="AN38534">
        <v>0</v>
      </c>
      <c r="AO38534">
        <v>0</v>
      </c>
      <c r="AP38534">
        <v>0</v>
      </c>
      <c r="AQ38534">
        <v>0</v>
      </c>
    </row>
    <row r="38535" spans="1:43">
      <c r="A38535" t="s">
        <v>23899</v>
      </c>
      <c r="B38535" t="s">
        <v>23900</v>
      </c>
      <c r="C38535" t="s">
        <v>23901</v>
      </c>
      <c r="D38535" t="s">
        <v>23902</v>
      </c>
      <c r="E38535" t="s">
        <v>23891</v>
      </c>
      <c r="F38535" t="s">
        <v>23892</v>
      </c>
      <c r="G38535" t="s">
        <v>11612</v>
      </c>
      <c r="H38535" t="s">
        <v>11613</v>
      </c>
      <c r="I38535" s="2">
        <v>0</v>
      </c>
      <c r="J38535" s="2">
        <v>0</v>
      </c>
      <c r="K38535" s="2">
        <v>0</v>
      </c>
      <c r="L38535" t="s">
        <v>995</v>
      </c>
      <c r="M38535" t="s">
        <v>87</v>
      </c>
      <c r="N38535" t="s">
        <v>88</v>
      </c>
      <c r="O38535" t="s">
        <v>85</v>
      </c>
      <c r="P38535" t="s">
        <v>86</v>
      </c>
      <c r="Q38535">
        <v>0</v>
      </c>
      <c r="R38535">
        <v>0</v>
      </c>
      <c r="S38535">
        <v>0</v>
      </c>
      <c r="T38535">
        <v>0</v>
      </c>
      <c r="U38535">
        <v>0</v>
      </c>
      <c r="V38535">
        <v>0</v>
      </c>
      <c r="W38535">
        <v>0</v>
      </c>
      <c r="X38535">
        <v>0</v>
      </c>
      <c r="Y38535">
        <v>0</v>
      </c>
      <c r="Z38535">
        <v>0</v>
      </c>
      <c r="AA38535">
        <v>0</v>
      </c>
      <c r="AB38535">
        <v>0</v>
      </c>
      <c r="AC38535">
        <v>0</v>
      </c>
      <c r="AD38535">
        <v>0</v>
      </c>
      <c r="AE38535">
        <v>0</v>
      </c>
      <c r="AF38535">
        <v>0</v>
      </c>
      <c r="AG38535">
        <v>0</v>
      </c>
      <c r="AH38535">
        <v>0</v>
      </c>
      <c r="AI38535">
        <v>0</v>
      </c>
      <c r="AJ38535">
        <v>0</v>
      </c>
      <c r="AK38535">
        <v>0</v>
      </c>
      <c r="AL38535">
        <v>0</v>
      </c>
      <c r="AM38535">
        <v>0</v>
      </c>
      <c r="AN38535">
        <v>0</v>
      </c>
      <c r="AO38535">
        <v>0</v>
      </c>
      <c r="AP38535">
        <v>0</v>
      </c>
      <c r="AQ38535">
        <v>0</v>
      </c>
    </row>
    <row r="38536" spans="1:43">
      <c r="A38536" t="s">
        <v>23899</v>
      </c>
      <c r="B38536" t="s">
        <v>23900</v>
      </c>
      <c r="C38536" t="s">
        <v>23901</v>
      </c>
      <c r="D38536" t="s">
        <v>23902</v>
      </c>
      <c r="E38536" t="s">
        <v>23891</v>
      </c>
      <c r="F38536" t="s">
        <v>23892</v>
      </c>
      <c r="G38536" t="s">
        <v>11612</v>
      </c>
      <c r="H38536" t="s">
        <v>11613</v>
      </c>
      <c r="I38536" s="2">
        <v>0</v>
      </c>
      <c r="J38536" s="2">
        <v>0</v>
      </c>
      <c r="K38536" s="2">
        <v>0</v>
      </c>
      <c r="L38536" t="s">
        <v>995</v>
      </c>
      <c r="M38536" t="s">
        <v>89</v>
      </c>
      <c r="N38536" t="s">
        <v>90</v>
      </c>
      <c r="O38536" t="s">
        <v>85</v>
      </c>
      <c r="P38536" t="s">
        <v>86</v>
      </c>
      <c r="Q38536">
        <v>0</v>
      </c>
      <c r="R38536">
        <v>0</v>
      </c>
      <c r="S38536">
        <v>0</v>
      </c>
      <c r="T38536">
        <v>0</v>
      </c>
      <c r="U38536">
        <v>0</v>
      </c>
      <c r="V38536">
        <v>0</v>
      </c>
      <c r="W38536">
        <v>0</v>
      </c>
      <c r="X38536">
        <v>0</v>
      </c>
      <c r="Y38536">
        <v>0</v>
      </c>
      <c r="Z38536">
        <v>0</v>
      </c>
      <c r="AA38536">
        <v>0</v>
      </c>
      <c r="AB38536">
        <v>0</v>
      </c>
      <c r="AC38536">
        <v>0</v>
      </c>
      <c r="AD38536">
        <v>0</v>
      </c>
      <c r="AE38536">
        <v>0</v>
      </c>
      <c r="AF38536">
        <v>0</v>
      </c>
      <c r="AG38536">
        <v>0</v>
      </c>
      <c r="AH38536">
        <v>0</v>
      </c>
      <c r="AI38536">
        <v>0</v>
      </c>
      <c r="AJ38536">
        <v>0</v>
      </c>
      <c r="AK38536">
        <v>0</v>
      </c>
      <c r="AL38536">
        <v>0</v>
      </c>
      <c r="AM38536">
        <v>0</v>
      </c>
      <c r="AN38536">
        <v>0</v>
      </c>
      <c r="AO38536">
        <v>0</v>
      </c>
      <c r="AP38536">
        <v>0</v>
      </c>
      <c r="AQ38536">
        <v>0</v>
      </c>
    </row>
    <row r="38537" spans="1:43">
      <c r="A38537" t="s">
        <v>23899</v>
      </c>
      <c r="B38537" t="s">
        <v>23900</v>
      </c>
      <c r="C38537" t="s">
        <v>23901</v>
      </c>
      <c r="D38537" t="s">
        <v>23902</v>
      </c>
      <c r="E38537" t="s">
        <v>23891</v>
      </c>
      <c r="F38537" t="s">
        <v>23892</v>
      </c>
      <c r="G38537" t="s">
        <v>11612</v>
      </c>
      <c r="H38537" t="s">
        <v>11613</v>
      </c>
      <c r="I38537" s="2">
        <v>0</v>
      </c>
      <c r="J38537" s="2">
        <v>0</v>
      </c>
      <c r="K38537" s="2">
        <v>0</v>
      </c>
      <c r="L38537" t="s">
        <v>995</v>
      </c>
      <c r="M38537" t="s">
        <v>83</v>
      </c>
      <c r="N38537" t="s">
        <v>91</v>
      </c>
      <c r="O38537" t="s">
        <v>85</v>
      </c>
      <c r="P38537" t="s">
        <v>86</v>
      </c>
      <c r="Q38537">
        <v>0</v>
      </c>
      <c r="R38537">
        <v>0</v>
      </c>
      <c r="S38537">
        <v>0</v>
      </c>
      <c r="T38537">
        <v>0</v>
      </c>
      <c r="U38537">
        <v>0</v>
      </c>
      <c r="V38537">
        <v>0</v>
      </c>
      <c r="W38537">
        <v>0</v>
      </c>
      <c r="X38537">
        <v>0</v>
      </c>
      <c r="Y38537">
        <v>0</v>
      </c>
      <c r="Z38537">
        <v>0</v>
      </c>
      <c r="AA38537">
        <v>0</v>
      </c>
      <c r="AB38537">
        <v>0</v>
      </c>
      <c r="AC38537">
        <v>0</v>
      </c>
      <c r="AD38537">
        <v>0</v>
      </c>
      <c r="AE38537">
        <v>0</v>
      </c>
      <c r="AF38537">
        <v>0</v>
      </c>
      <c r="AG38537">
        <v>0</v>
      </c>
      <c r="AH38537">
        <v>0</v>
      </c>
      <c r="AI38537">
        <v>0</v>
      </c>
      <c r="AJ38537">
        <v>0</v>
      </c>
      <c r="AK38537">
        <v>0</v>
      </c>
      <c r="AL38537">
        <v>0</v>
      </c>
      <c r="AM38537">
        <v>0</v>
      </c>
      <c r="AN38537">
        <v>0</v>
      </c>
      <c r="AO38537">
        <v>0</v>
      </c>
      <c r="AP38537">
        <v>0</v>
      </c>
      <c r="AQ38537">
        <v>0</v>
      </c>
    </row>
    <row r="38538" spans="1:43">
      <c r="A38538" t="s">
        <v>23903</v>
      </c>
      <c r="B38538" t="s">
        <v>23904</v>
      </c>
      <c r="C38538" t="s">
        <v>23905</v>
      </c>
      <c r="D38538" t="s">
        <v>23906</v>
      </c>
      <c r="E38538" t="s">
        <v>23891</v>
      </c>
      <c r="F38538" t="s">
        <v>23892</v>
      </c>
      <c r="G38538" t="s">
        <v>11612</v>
      </c>
      <c r="H38538" t="s">
        <v>11613</v>
      </c>
      <c r="I38538" s="2">
        <v>0</v>
      </c>
      <c r="J38538" s="2">
        <v>0</v>
      </c>
      <c r="K38538" s="2">
        <v>1</v>
      </c>
      <c r="L38538" t="s">
        <v>995</v>
      </c>
      <c r="M38538" t="s">
        <v>83</v>
      </c>
      <c r="N38538" t="s">
        <v>84</v>
      </c>
      <c r="O38538" t="s">
        <v>85</v>
      </c>
      <c r="P38538" t="s">
        <v>86</v>
      </c>
      <c r="Q38538">
        <v>6</v>
      </c>
      <c r="R38538">
        <v>6</v>
      </c>
      <c r="S38538">
        <v>6</v>
      </c>
      <c r="T38538">
        <v>6</v>
      </c>
      <c r="U38538">
        <v>7</v>
      </c>
      <c r="V38538">
        <v>7</v>
      </c>
      <c r="W38538">
        <v>7</v>
      </c>
      <c r="X38538">
        <v>7</v>
      </c>
      <c r="Y38538">
        <v>7</v>
      </c>
      <c r="Z38538">
        <v>8</v>
      </c>
      <c r="AA38538">
        <v>8</v>
      </c>
      <c r="AB38538">
        <v>8</v>
      </c>
      <c r="AC38538">
        <v>8</v>
      </c>
      <c r="AD38538">
        <v>9</v>
      </c>
      <c r="AE38538">
        <v>9</v>
      </c>
      <c r="AF38538">
        <v>9</v>
      </c>
      <c r="AG38538">
        <v>10</v>
      </c>
      <c r="AH38538">
        <v>10</v>
      </c>
      <c r="AI38538">
        <v>10</v>
      </c>
      <c r="AJ38538">
        <v>10</v>
      </c>
      <c r="AK38538">
        <v>11</v>
      </c>
      <c r="AL38538">
        <v>11</v>
      </c>
      <c r="AM38538">
        <v>11</v>
      </c>
      <c r="AN38538">
        <v>11</v>
      </c>
      <c r="AO38538">
        <v>12</v>
      </c>
      <c r="AP38538">
        <v>12</v>
      </c>
      <c r="AQ38538">
        <v>12</v>
      </c>
    </row>
    <row r="38539" spans="1:43">
      <c r="A38539" t="s">
        <v>23903</v>
      </c>
      <c r="B38539" t="s">
        <v>23904</v>
      </c>
      <c r="C38539" t="s">
        <v>23905</v>
      </c>
      <c r="D38539" t="s">
        <v>23906</v>
      </c>
      <c r="E38539" t="s">
        <v>23891</v>
      </c>
      <c r="F38539" t="s">
        <v>23892</v>
      </c>
      <c r="G38539" t="s">
        <v>11612</v>
      </c>
      <c r="H38539" t="s">
        <v>11613</v>
      </c>
      <c r="I38539" s="2">
        <v>0</v>
      </c>
      <c r="J38539" s="2">
        <v>0</v>
      </c>
      <c r="K38539" s="2">
        <v>1</v>
      </c>
      <c r="L38539" t="s">
        <v>995</v>
      </c>
      <c r="M38539" t="s">
        <v>87</v>
      </c>
      <c r="N38539" t="s">
        <v>88</v>
      </c>
      <c r="O38539" t="s">
        <v>85</v>
      </c>
      <c r="P38539" t="s">
        <v>86</v>
      </c>
      <c r="Q38539">
        <v>6</v>
      </c>
      <c r="R38539">
        <v>6</v>
      </c>
      <c r="S38539">
        <v>6</v>
      </c>
      <c r="T38539">
        <v>6</v>
      </c>
      <c r="U38539">
        <v>6</v>
      </c>
      <c r="V38539">
        <v>6</v>
      </c>
      <c r="W38539">
        <v>7</v>
      </c>
      <c r="X38539">
        <v>7</v>
      </c>
      <c r="Y38539">
        <v>7</v>
      </c>
      <c r="Z38539">
        <v>7</v>
      </c>
      <c r="AA38539">
        <v>7</v>
      </c>
      <c r="AB38539">
        <v>7</v>
      </c>
      <c r="AC38539">
        <v>8</v>
      </c>
      <c r="AD38539">
        <v>8</v>
      </c>
      <c r="AE38539">
        <v>8</v>
      </c>
      <c r="AF38539">
        <v>8</v>
      </c>
      <c r="AG38539">
        <v>8</v>
      </c>
      <c r="AH38539">
        <v>9</v>
      </c>
      <c r="AI38539">
        <v>9</v>
      </c>
      <c r="AJ38539">
        <v>9</v>
      </c>
      <c r="AK38539">
        <v>9</v>
      </c>
      <c r="AL38539">
        <v>9</v>
      </c>
      <c r="AM38539">
        <v>10</v>
      </c>
      <c r="AN38539">
        <v>10</v>
      </c>
      <c r="AO38539">
        <v>10</v>
      </c>
      <c r="AP38539">
        <v>10</v>
      </c>
      <c r="AQ38539">
        <v>11</v>
      </c>
    </row>
    <row r="38540" spans="1:43">
      <c r="A38540" t="s">
        <v>23903</v>
      </c>
      <c r="B38540" t="s">
        <v>23904</v>
      </c>
      <c r="C38540" t="s">
        <v>23905</v>
      </c>
      <c r="D38540" t="s">
        <v>23906</v>
      </c>
      <c r="E38540" t="s">
        <v>23891</v>
      </c>
      <c r="F38540" t="s">
        <v>23892</v>
      </c>
      <c r="G38540" t="s">
        <v>11612</v>
      </c>
      <c r="H38540" t="s">
        <v>11613</v>
      </c>
      <c r="I38540" s="2">
        <v>0</v>
      </c>
      <c r="J38540" s="2">
        <v>0</v>
      </c>
      <c r="K38540" s="2">
        <v>1</v>
      </c>
      <c r="L38540" t="s">
        <v>995</v>
      </c>
      <c r="M38540" t="s">
        <v>89</v>
      </c>
      <c r="N38540" t="s">
        <v>90</v>
      </c>
      <c r="O38540" t="s">
        <v>85</v>
      </c>
      <c r="P38540" t="s">
        <v>86</v>
      </c>
      <c r="Q38540">
        <v>6</v>
      </c>
      <c r="R38540">
        <v>6</v>
      </c>
      <c r="S38540">
        <v>6</v>
      </c>
      <c r="T38540">
        <v>7</v>
      </c>
      <c r="U38540">
        <v>7</v>
      </c>
      <c r="V38540">
        <v>7</v>
      </c>
      <c r="W38540">
        <v>7</v>
      </c>
      <c r="X38540">
        <v>8</v>
      </c>
      <c r="Y38540">
        <v>8</v>
      </c>
      <c r="Z38540">
        <v>8</v>
      </c>
      <c r="AA38540">
        <v>8</v>
      </c>
      <c r="AB38540">
        <v>9</v>
      </c>
      <c r="AC38540">
        <v>9</v>
      </c>
      <c r="AD38540">
        <v>9</v>
      </c>
      <c r="AE38540">
        <v>10</v>
      </c>
      <c r="AF38540">
        <v>10</v>
      </c>
      <c r="AG38540">
        <v>10</v>
      </c>
      <c r="AH38540">
        <v>10</v>
      </c>
      <c r="AI38540">
        <v>10</v>
      </c>
      <c r="AJ38540">
        <v>11</v>
      </c>
      <c r="AK38540">
        <v>11</v>
      </c>
      <c r="AL38540">
        <v>11</v>
      </c>
      <c r="AM38540">
        <v>11</v>
      </c>
      <c r="AN38540">
        <v>12</v>
      </c>
      <c r="AO38540">
        <v>12</v>
      </c>
      <c r="AP38540">
        <v>12</v>
      </c>
      <c r="AQ38540">
        <v>12</v>
      </c>
    </row>
    <row r="38541" spans="1:43">
      <c r="A38541" t="s">
        <v>23903</v>
      </c>
      <c r="B38541" t="s">
        <v>23904</v>
      </c>
      <c r="C38541" t="s">
        <v>23905</v>
      </c>
      <c r="D38541" t="s">
        <v>23906</v>
      </c>
      <c r="E38541" t="s">
        <v>23891</v>
      </c>
      <c r="F38541" t="s">
        <v>23892</v>
      </c>
      <c r="G38541" t="s">
        <v>11612</v>
      </c>
      <c r="H38541" t="s">
        <v>11613</v>
      </c>
      <c r="I38541" s="2">
        <v>0</v>
      </c>
      <c r="J38541" s="2">
        <v>0</v>
      </c>
      <c r="K38541" s="2">
        <v>1</v>
      </c>
      <c r="L38541" t="s">
        <v>995</v>
      </c>
      <c r="M38541" t="s">
        <v>83</v>
      </c>
      <c r="N38541" t="s">
        <v>91</v>
      </c>
      <c r="O38541" t="s">
        <v>85</v>
      </c>
      <c r="P38541" t="s">
        <v>86</v>
      </c>
      <c r="Q38541">
        <v>6</v>
      </c>
      <c r="R38541">
        <v>6</v>
      </c>
      <c r="S38541">
        <v>6</v>
      </c>
      <c r="T38541">
        <v>6</v>
      </c>
      <c r="U38541">
        <v>7</v>
      </c>
      <c r="V38541">
        <v>7</v>
      </c>
      <c r="W38541">
        <v>7</v>
      </c>
      <c r="X38541">
        <v>7</v>
      </c>
      <c r="Y38541">
        <v>7</v>
      </c>
      <c r="Z38541">
        <v>8</v>
      </c>
      <c r="AA38541">
        <v>8</v>
      </c>
      <c r="AB38541">
        <v>8</v>
      </c>
      <c r="AC38541">
        <v>8</v>
      </c>
      <c r="AD38541">
        <v>9</v>
      </c>
      <c r="AE38541">
        <v>9</v>
      </c>
      <c r="AF38541">
        <v>9</v>
      </c>
      <c r="AG38541">
        <v>10</v>
      </c>
      <c r="AH38541">
        <v>10</v>
      </c>
      <c r="AI38541">
        <v>10</v>
      </c>
      <c r="AJ38541">
        <v>10</v>
      </c>
      <c r="AK38541">
        <v>11</v>
      </c>
      <c r="AL38541">
        <v>11</v>
      </c>
      <c r="AM38541">
        <v>11</v>
      </c>
      <c r="AN38541">
        <v>11</v>
      </c>
      <c r="AO38541">
        <v>12</v>
      </c>
      <c r="AP38541">
        <v>12</v>
      </c>
      <c r="AQ38541">
        <v>12</v>
      </c>
    </row>
    <row r="38542" spans="1:43">
      <c r="A38542" t="s">
        <v>23907</v>
      </c>
      <c r="B38542" t="s">
        <v>23908</v>
      </c>
      <c r="C38542" t="s">
        <v>23905</v>
      </c>
      <c r="D38542" t="s">
        <v>23906</v>
      </c>
      <c r="E38542" t="s">
        <v>23891</v>
      </c>
      <c r="F38542" t="s">
        <v>23892</v>
      </c>
      <c r="G38542" t="s">
        <v>11612</v>
      </c>
      <c r="H38542" t="s">
        <v>11613</v>
      </c>
      <c r="I38542" s="2">
        <v>0</v>
      </c>
      <c r="J38542" s="2">
        <v>0</v>
      </c>
      <c r="K38542" s="2">
        <v>1</v>
      </c>
      <c r="L38542" t="s">
        <v>995</v>
      </c>
      <c r="M38542" t="s">
        <v>83</v>
      </c>
      <c r="N38542" t="s">
        <v>84</v>
      </c>
      <c r="O38542" t="s">
        <v>85</v>
      </c>
      <c r="P38542" t="s">
        <v>86</v>
      </c>
      <c r="Q38542">
        <v>17</v>
      </c>
      <c r="R38542">
        <v>18</v>
      </c>
      <c r="S38542">
        <v>19</v>
      </c>
      <c r="T38542">
        <v>19</v>
      </c>
      <c r="U38542">
        <v>20</v>
      </c>
      <c r="V38542">
        <v>20</v>
      </c>
      <c r="W38542">
        <v>21</v>
      </c>
      <c r="X38542">
        <v>22</v>
      </c>
      <c r="Y38542">
        <v>23</v>
      </c>
      <c r="Z38542">
        <v>23</v>
      </c>
      <c r="AA38542">
        <v>24</v>
      </c>
      <c r="AB38542">
        <v>25</v>
      </c>
      <c r="AC38542">
        <v>25</v>
      </c>
      <c r="AD38542">
        <v>26</v>
      </c>
      <c r="AE38542">
        <v>27</v>
      </c>
      <c r="AF38542">
        <v>28</v>
      </c>
      <c r="AG38542">
        <v>29</v>
      </c>
      <c r="AH38542">
        <v>30</v>
      </c>
      <c r="AI38542">
        <v>30</v>
      </c>
      <c r="AJ38542">
        <v>31</v>
      </c>
      <c r="AK38542">
        <v>32</v>
      </c>
      <c r="AL38542">
        <v>33</v>
      </c>
      <c r="AM38542">
        <v>34</v>
      </c>
      <c r="AN38542">
        <v>34</v>
      </c>
      <c r="AO38542">
        <v>35</v>
      </c>
      <c r="AP38542">
        <v>36</v>
      </c>
      <c r="AQ38542">
        <v>37</v>
      </c>
    </row>
    <row r="38543" spans="1:43">
      <c r="A38543" t="s">
        <v>23907</v>
      </c>
      <c r="B38543" t="s">
        <v>23908</v>
      </c>
      <c r="C38543" t="s">
        <v>23905</v>
      </c>
      <c r="D38543" t="s">
        <v>23906</v>
      </c>
      <c r="E38543" t="s">
        <v>23891</v>
      </c>
      <c r="F38543" t="s">
        <v>23892</v>
      </c>
      <c r="G38543" t="s">
        <v>11612</v>
      </c>
      <c r="H38543" t="s">
        <v>11613</v>
      </c>
      <c r="I38543" s="2">
        <v>0</v>
      </c>
      <c r="J38543" s="2">
        <v>0</v>
      </c>
      <c r="K38543" s="2">
        <v>1</v>
      </c>
      <c r="L38543" t="s">
        <v>995</v>
      </c>
      <c r="M38543" t="s">
        <v>87</v>
      </c>
      <c r="N38543" t="s">
        <v>88</v>
      </c>
      <c r="O38543" t="s">
        <v>85</v>
      </c>
      <c r="P38543" t="s">
        <v>86</v>
      </c>
      <c r="Q38543">
        <v>17</v>
      </c>
      <c r="R38543">
        <v>18</v>
      </c>
      <c r="S38543">
        <v>18</v>
      </c>
      <c r="T38543">
        <v>18</v>
      </c>
      <c r="U38543">
        <v>19</v>
      </c>
      <c r="V38543">
        <v>19</v>
      </c>
      <c r="W38543">
        <v>20</v>
      </c>
      <c r="X38543">
        <v>20</v>
      </c>
      <c r="Y38543">
        <v>21</v>
      </c>
      <c r="Z38543">
        <v>21</v>
      </c>
      <c r="AA38543">
        <v>22</v>
      </c>
      <c r="AB38543">
        <v>22</v>
      </c>
      <c r="AC38543">
        <v>23</v>
      </c>
      <c r="AD38543">
        <v>23</v>
      </c>
      <c r="AE38543">
        <v>24</v>
      </c>
      <c r="AF38543">
        <v>25</v>
      </c>
      <c r="AG38543">
        <v>25</v>
      </c>
      <c r="AH38543">
        <v>26</v>
      </c>
      <c r="AI38543">
        <v>26</v>
      </c>
      <c r="AJ38543">
        <v>27</v>
      </c>
      <c r="AK38543">
        <v>28</v>
      </c>
      <c r="AL38543">
        <v>28</v>
      </c>
      <c r="AM38543">
        <v>29</v>
      </c>
      <c r="AN38543">
        <v>30</v>
      </c>
      <c r="AO38543">
        <v>30</v>
      </c>
      <c r="AP38543">
        <v>31</v>
      </c>
      <c r="AQ38543">
        <v>32</v>
      </c>
    </row>
    <row r="38544" spans="1:43">
      <c r="A38544" t="s">
        <v>23907</v>
      </c>
      <c r="B38544" t="s">
        <v>23908</v>
      </c>
      <c r="C38544" t="s">
        <v>23905</v>
      </c>
      <c r="D38544" t="s">
        <v>23906</v>
      </c>
      <c r="E38544" t="s">
        <v>23891</v>
      </c>
      <c r="F38544" t="s">
        <v>23892</v>
      </c>
      <c r="G38544" t="s">
        <v>11612</v>
      </c>
      <c r="H38544" t="s">
        <v>11613</v>
      </c>
      <c r="I38544" s="2">
        <v>0</v>
      </c>
      <c r="J38544" s="2">
        <v>0</v>
      </c>
      <c r="K38544" s="2">
        <v>1</v>
      </c>
      <c r="L38544" t="s">
        <v>995</v>
      </c>
      <c r="M38544" t="s">
        <v>89</v>
      </c>
      <c r="N38544" t="s">
        <v>90</v>
      </c>
      <c r="O38544" t="s">
        <v>85</v>
      </c>
      <c r="P38544" t="s">
        <v>86</v>
      </c>
      <c r="Q38544">
        <v>17</v>
      </c>
      <c r="R38544">
        <v>17</v>
      </c>
      <c r="S38544">
        <v>18</v>
      </c>
      <c r="T38544">
        <v>19</v>
      </c>
      <c r="U38544">
        <v>20</v>
      </c>
      <c r="V38544">
        <v>20</v>
      </c>
      <c r="W38544">
        <v>21</v>
      </c>
      <c r="X38544">
        <v>22</v>
      </c>
      <c r="Y38544">
        <v>23</v>
      </c>
      <c r="Z38544">
        <v>24</v>
      </c>
      <c r="AA38544">
        <v>25</v>
      </c>
      <c r="AB38544">
        <v>25</v>
      </c>
      <c r="AC38544">
        <v>26</v>
      </c>
      <c r="AD38544">
        <v>27</v>
      </c>
      <c r="AE38544">
        <v>28</v>
      </c>
      <c r="AF38544">
        <v>29</v>
      </c>
      <c r="AG38544">
        <v>29</v>
      </c>
      <c r="AH38544">
        <v>30</v>
      </c>
      <c r="AI38544">
        <v>30</v>
      </c>
      <c r="AJ38544">
        <v>31</v>
      </c>
      <c r="AK38544">
        <v>32</v>
      </c>
      <c r="AL38544">
        <v>32</v>
      </c>
      <c r="AM38544">
        <v>33</v>
      </c>
      <c r="AN38544">
        <v>34</v>
      </c>
      <c r="AO38544">
        <v>34</v>
      </c>
      <c r="AP38544">
        <v>35</v>
      </c>
      <c r="AQ38544">
        <v>36</v>
      </c>
    </row>
    <row r="38545" spans="1:43">
      <c r="A38545" t="s">
        <v>23907</v>
      </c>
      <c r="B38545" t="s">
        <v>23908</v>
      </c>
      <c r="C38545" t="s">
        <v>23905</v>
      </c>
      <c r="D38545" t="s">
        <v>23906</v>
      </c>
      <c r="E38545" t="s">
        <v>23891</v>
      </c>
      <c r="F38545" t="s">
        <v>23892</v>
      </c>
      <c r="G38545" t="s">
        <v>11612</v>
      </c>
      <c r="H38545" t="s">
        <v>11613</v>
      </c>
      <c r="I38545" s="2">
        <v>0</v>
      </c>
      <c r="J38545" s="2">
        <v>0</v>
      </c>
      <c r="K38545" s="2">
        <v>1</v>
      </c>
      <c r="L38545" t="s">
        <v>995</v>
      </c>
      <c r="M38545" t="s">
        <v>83</v>
      </c>
      <c r="N38545" t="s">
        <v>91</v>
      </c>
      <c r="O38545" t="s">
        <v>85</v>
      </c>
      <c r="P38545" t="s">
        <v>86</v>
      </c>
      <c r="Q38545">
        <v>17</v>
      </c>
      <c r="R38545">
        <v>18</v>
      </c>
      <c r="S38545">
        <v>19</v>
      </c>
      <c r="T38545">
        <v>19</v>
      </c>
      <c r="U38545">
        <v>20</v>
      </c>
      <c r="V38545">
        <v>20</v>
      </c>
      <c r="W38545">
        <v>21</v>
      </c>
      <c r="X38545">
        <v>22</v>
      </c>
      <c r="Y38545">
        <v>23</v>
      </c>
      <c r="Z38545">
        <v>23</v>
      </c>
      <c r="AA38545">
        <v>24</v>
      </c>
      <c r="AB38545">
        <v>25</v>
      </c>
      <c r="AC38545">
        <v>25</v>
      </c>
      <c r="AD38545">
        <v>26</v>
      </c>
      <c r="AE38545">
        <v>27</v>
      </c>
      <c r="AF38545">
        <v>28</v>
      </c>
      <c r="AG38545">
        <v>29</v>
      </c>
      <c r="AH38545">
        <v>30</v>
      </c>
      <c r="AI38545">
        <v>30</v>
      </c>
      <c r="AJ38545">
        <v>31</v>
      </c>
      <c r="AK38545">
        <v>32</v>
      </c>
      <c r="AL38545">
        <v>33</v>
      </c>
      <c r="AM38545">
        <v>34</v>
      </c>
      <c r="AN38545">
        <v>34</v>
      </c>
      <c r="AO38545">
        <v>35</v>
      </c>
      <c r="AP38545">
        <v>36</v>
      </c>
      <c r="AQ38545">
        <v>37</v>
      </c>
    </row>
    <row r="38546" spans="1:43">
      <c r="A38546" t="s">
        <v>23909</v>
      </c>
      <c r="B38546" t="s">
        <v>23910</v>
      </c>
      <c r="C38546" t="s">
        <v>23911</v>
      </c>
      <c r="D38546" t="s">
        <v>23912</v>
      </c>
      <c r="E38546" t="s">
        <v>23891</v>
      </c>
      <c r="F38546" t="s">
        <v>23892</v>
      </c>
      <c r="G38546" t="s">
        <v>11612</v>
      </c>
      <c r="H38546" t="s">
        <v>11613</v>
      </c>
      <c r="I38546" s="2">
        <v>0</v>
      </c>
      <c r="J38546" s="2">
        <v>0</v>
      </c>
      <c r="K38546" s="2">
        <v>1</v>
      </c>
      <c r="L38546" t="s">
        <v>995</v>
      </c>
      <c r="M38546" t="s">
        <v>83</v>
      </c>
      <c r="N38546" t="s">
        <v>84</v>
      </c>
      <c r="O38546" t="s">
        <v>85</v>
      </c>
      <c r="P38546" t="s">
        <v>86</v>
      </c>
      <c r="Q38546">
        <v>41</v>
      </c>
      <c r="R38546">
        <v>43</v>
      </c>
      <c r="S38546">
        <v>44</v>
      </c>
      <c r="T38546">
        <v>45</v>
      </c>
      <c r="U38546">
        <v>47</v>
      </c>
      <c r="V38546">
        <v>48</v>
      </c>
      <c r="W38546">
        <v>50</v>
      </c>
      <c r="X38546">
        <v>52</v>
      </c>
      <c r="Y38546">
        <v>53</v>
      </c>
      <c r="Z38546">
        <v>55</v>
      </c>
      <c r="AA38546">
        <v>57</v>
      </c>
      <c r="AB38546">
        <v>59</v>
      </c>
      <c r="AC38546">
        <v>60</v>
      </c>
      <c r="AD38546">
        <v>62</v>
      </c>
      <c r="AE38546">
        <v>64</v>
      </c>
      <c r="AF38546">
        <v>66</v>
      </c>
      <c r="AG38546">
        <v>68</v>
      </c>
      <c r="AH38546">
        <v>70</v>
      </c>
      <c r="AI38546">
        <v>72</v>
      </c>
      <c r="AJ38546">
        <v>74</v>
      </c>
      <c r="AK38546">
        <v>77</v>
      </c>
      <c r="AL38546">
        <v>78</v>
      </c>
      <c r="AM38546">
        <v>80</v>
      </c>
      <c r="AN38546">
        <v>82</v>
      </c>
      <c r="AO38546">
        <v>83</v>
      </c>
      <c r="AP38546">
        <v>85</v>
      </c>
      <c r="AQ38546">
        <v>87</v>
      </c>
    </row>
    <row r="38547" spans="1:43">
      <c r="A38547" t="s">
        <v>23909</v>
      </c>
      <c r="B38547" t="s">
        <v>23910</v>
      </c>
      <c r="C38547" t="s">
        <v>23911</v>
      </c>
      <c r="D38547" t="s">
        <v>23912</v>
      </c>
      <c r="E38547" t="s">
        <v>23891</v>
      </c>
      <c r="F38547" t="s">
        <v>23892</v>
      </c>
      <c r="G38547" t="s">
        <v>11612</v>
      </c>
      <c r="H38547" t="s">
        <v>11613</v>
      </c>
      <c r="I38547" s="2">
        <v>0</v>
      </c>
      <c r="J38547" s="2">
        <v>0</v>
      </c>
      <c r="K38547" s="2">
        <v>1</v>
      </c>
      <c r="L38547" t="s">
        <v>995</v>
      </c>
      <c r="M38547" t="s">
        <v>87</v>
      </c>
      <c r="N38547" t="s">
        <v>88</v>
      </c>
      <c r="O38547" t="s">
        <v>85</v>
      </c>
      <c r="P38547" t="s">
        <v>86</v>
      </c>
      <c r="Q38547">
        <v>41</v>
      </c>
      <c r="R38547">
        <v>42</v>
      </c>
      <c r="S38547">
        <v>43</v>
      </c>
      <c r="T38547">
        <v>44</v>
      </c>
      <c r="U38547">
        <v>45</v>
      </c>
      <c r="V38547">
        <v>46</v>
      </c>
      <c r="W38547">
        <v>47</v>
      </c>
      <c r="X38547">
        <v>48</v>
      </c>
      <c r="Y38547">
        <v>49</v>
      </c>
      <c r="Z38547">
        <v>51</v>
      </c>
      <c r="AA38547">
        <v>52</v>
      </c>
      <c r="AB38547">
        <v>53</v>
      </c>
      <c r="AC38547">
        <v>54</v>
      </c>
      <c r="AD38547">
        <v>56</v>
      </c>
      <c r="AE38547">
        <v>57</v>
      </c>
      <c r="AF38547">
        <v>58</v>
      </c>
      <c r="AG38547">
        <v>60</v>
      </c>
      <c r="AH38547">
        <v>61</v>
      </c>
      <c r="AI38547">
        <v>62</v>
      </c>
      <c r="AJ38547">
        <v>64</v>
      </c>
      <c r="AK38547">
        <v>65</v>
      </c>
      <c r="AL38547">
        <v>67</v>
      </c>
      <c r="AM38547">
        <v>69</v>
      </c>
      <c r="AN38547">
        <v>70</v>
      </c>
      <c r="AO38547">
        <v>72</v>
      </c>
      <c r="AP38547">
        <v>73</v>
      </c>
      <c r="AQ38547">
        <v>75</v>
      </c>
    </row>
    <row r="38548" spans="1:43">
      <c r="A38548" t="s">
        <v>23909</v>
      </c>
      <c r="B38548" t="s">
        <v>23910</v>
      </c>
      <c r="C38548" t="s">
        <v>23911</v>
      </c>
      <c r="D38548" t="s">
        <v>23912</v>
      </c>
      <c r="E38548" t="s">
        <v>23891</v>
      </c>
      <c r="F38548" t="s">
        <v>23892</v>
      </c>
      <c r="G38548" t="s">
        <v>11612</v>
      </c>
      <c r="H38548" t="s">
        <v>11613</v>
      </c>
      <c r="I38548" s="2">
        <v>0</v>
      </c>
      <c r="J38548" s="2">
        <v>0</v>
      </c>
      <c r="K38548" s="2">
        <v>1</v>
      </c>
      <c r="L38548" t="s">
        <v>995</v>
      </c>
      <c r="M38548" t="s">
        <v>89</v>
      </c>
      <c r="N38548" t="s">
        <v>90</v>
      </c>
      <c r="O38548" t="s">
        <v>85</v>
      </c>
      <c r="P38548" t="s">
        <v>86</v>
      </c>
      <c r="Q38548">
        <v>41</v>
      </c>
      <c r="R38548">
        <v>42</v>
      </c>
      <c r="S38548">
        <v>44</v>
      </c>
      <c r="T38548">
        <v>46</v>
      </c>
      <c r="U38548">
        <v>48</v>
      </c>
      <c r="V38548">
        <v>50</v>
      </c>
      <c r="W38548">
        <v>52</v>
      </c>
      <c r="X38548">
        <v>54</v>
      </c>
      <c r="Y38548">
        <v>55</v>
      </c>
      <c r="Z38548">
        <v>57</v>
      </c>
      <c r="AA38548">
        <v>59</v>
      </c>
      <c r="AB38548">
        <v>61</v>
      </c>
      <c r="AC38548">
        <v>64</v>
      </c>
      <c r="AD38548">
        <v>66</v>
      </c>
      <c r="AE38548">
        <v>68</v>
      </c>
      <c r="AF38548">
        <v>69</v>
      </c>
      <c r="AG38548">
        <v>71</v>
      </c>
      <c r="AH38548">
        <v>72</v>
      </c>
      <c r="AI38548">
        <v>74</v>
      </c>
      <c r="AJ38548">
        <v>75</v>
      </c>
      <c r="AK38548">
        <v>77</v>
      </c>
      <c r="AL38548">
        <v>78</v>
      </c>
      <c r="AM38548">
        <v>80</v>
      </c>
      <c r="AN38548">
        <v>82</v>
      </c>
      <c r="AO38548">
        <v>83</v>
      </c>
      <c r="AP38548">
        <v>85</v>
      </c>
      <c r="AQ38548">
        <v>87</v>
      </c>
    </row>
    <row r="38549" spans="1:43">
      <c r="A38549" t="s">
        <v>23909</v>
      </c>
      <c r="B38549" t="s">
        <v>23910</v>
      </c>
      <c r="C38549" t="s">
        <v>23911</v>
      </c>
      <c r="D38549" t="s">
        <v>23912</v>
      </c>
      <c r="E38549" t="s">
        <v>23891</v>
      </c>
      <c r="F38549" t="s">
        <v>23892</v>
      </c>
      <c r="G38549" t="s">
        <v>11612</v>
      </c>
      <c r="H38549" t="s">
        <v>11613</v>
      </c>
      <c r="I38549" s="2">
        <v>0</v>
      </c>
      <c r="J38549" s="2">
        <v>0</v>
      </c>
      <c r="K38549" s="2">
        <v>1</v>
      </c>
      <c r="L38549" t="s">
        <v>995</v>
      </c>
      <c r="M38549" t="s">
        <v>83</v>
      </c>
      <c r="N38549" t="s">
        <v>91</v>
      </c>
      <c r="O38549" t="s">
        <v>85</v>
      </c>
      <c r="P38549" t="s">
        <v>86</v>
      </c>
      <c r="Q38549">
        <v>41</v>
      </c>
      <c r="R38549">
        <v>43</v>
      </c>
      <c r="S38549">
        <v>44</v>
      </c>
      <c r="T38549">
        <v>45</v>
      </c>
      <c r="U38549">
        <v>47</v>
      </c>
      <c r="V38549">
        <v>48</v>
      </c>
      <c r="W38549">
        <v>50</v>
      </c>
      <c r="X38549">
        <v>52</v>
      </c>
      <c r="Y38549">
        <v>53</v>
      </c>
      <c r="Z38549">
        <v>55</v>
      </c>
      <c r="AA38549">
        <v>57</v>
      </c>
      <c r="AB38549">
        <v>59</v>
      </c>
      <c r="AC38549">
        <v>60</v>
      </c>
      <c r="AD38549">
        <v>62</v>
      </c>
      <c r="AE38549">
        <v>64</v>
      </c>
      <c r="AF38549">
        <v>66</v>
      </c>
      <c r="AG38549">
        <v>68</v>
      </c>
      <c r="AH38549">
        <v>70</v>
      </c>
      <c r="AI38549">
        <v>72</v>
      </c>
      <c r="AJ38549">
        <v>74</v>
      </c>
      <c r="AK38549">
        <v>77</v>
      </c>
      <c r="AL38549">
        <v>78</v>
      </c>
      <c r="AM38549">
        <v>80</v>
      </c>
      <c r="AN38549">
        <v>82</v>
      </c>
      <c r="AO38549">
        <v>83</v>
      </c>
      <c r="AP38549">
        <v>85</v>
      </c>
      <c r="AQ38549">
        <v>87</v>
      </c>
    </row>
    <row r="38550" spans="1:43">
      <c r="A38550" t="s">
        <v>23913</v>
      </c>
      <c r="B38550" t="s">
        <v>23914</v>
      </c>
      <c r="C38550" t="s">
        <v>23915</v>
      </c>
      <c r="D38550" t="s">
        <v>23916</v>
      </c>
      <c r="E38550" t="s">
        <v>23891</v>
      </c>
      <c r="F38550" t="s">
        <v>23892</v>
      </c>
      <c r="G38550" t="s">
        <v>11612</v>
      </c>
      <c r="H38550" t="s">
        <v>11613</v>
      </c>
      <c r="I38550" s="2">
        <v>0</v>
      </c>
      <c r="J38550" s="2">
        <v>0</v>
      </c>
      <c r="K38550" s="2">
        <v>1</v>
      </c>
      <c r="L38550" t="s">
        <v>995</v>
      </c>
      <c r="M38550" t="s">
        <v>83</v>
      </c>
      <c r="N38550" t="s">
        <v>84</v>
      </c>
      <c r="O38550" t="s">
        <v>85</v>
      </c>
      <c r="P38550" t="s">
        <v>86</v>
      </c>
      <c r="Q38550">
        <v>4</v>
      </c>
      <c r="R38550">
        <v>4</v>
      </c>
      <c r="S38550">
        <v>4</v>
      </c>
      <c r="T38550">
        <v>4</v>
      </c>
      <c r="U38550">
        <v>4</v>
      </c>
      <c r="V38550">
        <v>4</v>
      </c>
      <c r="W38550">
        <v>5</v>
      </c>
      <c r="X38550">
        <v>5</v>
      </c>
      <c r="Y38550">
        <v>5</v>
      </c>
      <c r="Z38550">
        <v>5</v>
      </c>
      <c r="AA38550">
        <v>5</v>
      </c>
      <c r="AB38550">
        <v>5</v>
      </c>
      <c r="AC38550">
        <v>5</v>
      </c>
      <c r="AD38550">
        <v>6</v>
      </c>
      <c r="AE38550">
        <v>6</v>
      </c>
      <c r="AF38550">
        <v>6</v>
      </c>
      <c r="AG38550">
        <v>6</v>
      </c>
      <c r="AH38550">
        <v>6</v>
      </c>
      <c r="AI38550">
        <v>7</v>
      </c>
      <c r="AJ38550">
        <v>7</v>
      </c>
      <c r="AK38550">
        <v>7</v>
      </c>
      <c r="AL38550">
        <v>7</v>
      </c>
      <c r="AM38550">
        <v>7</v>
      </c>
      <c r="AN38550">
        <v>7</v>
      </c>
      <c r="AO38550">
        <v>8</v>
      </c>
      <c r="AP38550">
        <v>8</v>
      </c>
      <c r="AQ38550">
        <v>8</v>
      </c>
    </row>
    <row r="38551" spans="1:43">
      <c r="A38551" t="s">
        <v>23913</v>
      </c>
      <c r="B38551" t="s">
        <v>23914</v>
      </c>
      <c r="C38551" t="s">
        <v>23915</v>
      </c>
      <c r="D38551" t="s">
        <v>23916</v>
      </c>
      <c r="E38551" t="s">
        <v>23891</v>
      </c>
      <c r="F38551" t="s">
        <v>23892</v>
      </c>
      <c r="G38551" t="s">
        <v>11612</v>
      </c>
      <c r="H38551" t="s">
        <v>11613</v>
      </c>
      <c r="I38551" s="2">
        <v>0</v>
      </c>
      <c r="J38551" s="2">
        <v>0</v>
      </c>
      <c r="K38551" s="2">
        <v>1</v>
      </c>
      <c r="L38551" t="s">
        <v>995</v>
      </c>
      <c r="M38551" t="s">
        <v>87</v>
      </c>
      <c r="N38551" t="s">
        <v>88</v>
      </c>
      <c r="O38551" t="s">
        <v>85</v>
      </c>
      <c r="P38551" t="s">
        <v>86</v>
      </c>
      <c r="Q38551">
        <v>4</v>
      </c>
      <c r="R38551">
        <v>4</v>
      </c>
      <c r="S38551">
        <v>4</v>
      </c>
      <c r="T38551">
        <v>4</v>
      </c>
      <c r="U38551">
        <v>4</v>
      </c>
      <c r="V38551">
        <v>4</v>
      </c>
      <c r="W38551">
        <v>4</v>
      </c>
      <c r="X38551">
        <v>4</v>
      </c>
      <c r="Y38551">
        <v>4</v>
      </c>
      <c r="Z38551">
        <v>5</v>
      </c>
      <c r="AA38551">
        <v>5</v>
      </c>
      <c r="AB38551">
        <v>5</v>
      </c>
      <c r="AC38551">
        <v>5</v>
      </c>
      <c r="AD38551">
        <v>5</v>
      </c>
      <c r="AE38551">
        <v>5</v>
      </c>
      <c r="AF38551">
        <v>5</v>
      </c>
      <c r="AG38551">
        <v>5</v>
      </c>
      <c r="AH38551">
        <v>6</v>
      </c>
      <c r="AI38551">
        <v>6</v>
      </c>
      <c r="AJ38551">
        <v>6</v>
      </c>
      <c r="AK38551">
        <v>6</v>
      </c>
      <c r="AL38551">
        <v>6</v>
      </c>
      <c r="AM38551">
        <v>6</v>
      </c>
      <c r="AN38551">
        <v>6</v>
      </c>
      <c r="AO38551">
        <v>7</v>
      </c>
      <c r="AP38551">
        <v>7</v>
      </c>
      <c r="AQ38551">
        <v>7</v>
      </c>
    </row>
    <row r="38552" spans="1:43">
      <c r="A38552" t="s">
        <v>23913</v>
      </c>
      <c r="B38552" t="s">
        <v>23914</v>
      </c>
      <c r="C38552" t="s">
        <v>23915</v>
      </c>
      <c r="D38552" t="s">
        <v>23916</v>
      </c>
      <c r="E38552" t="s">
        <v>23891</v>
      </c>
      <c r="F38552" t="s">
        <v>23892</v>
      </c>
      <c r="G38552" t="s">
        <v>11612</v>
      </c>
      <c r="H38552" t="s">
        <v>11613</v>
      </c>
      <c r="I38552" s="2">
        <v>0</v>
      </c>
      <c r="J38552" s="2">
        <v>0</v>
      </c>
      <c r="K38552" s="2">
        <v>1</v>
      </c>
      <c r="L38552" t="s">
        <v>995</v>
      </c>
      <c r="M38552" t="s">
        <v>89</v>
      </c>
      <c r="N38552" t="s">
        <v>90</v>
      </c>
      <c r="O38552" t="s">
        <v>85</v>
      </c>
      <c r="P38552" t="s">
        <v>86</v>
      </c>
      <c r="Q38552">
        <v>4</v>
      </c>
      <c r="R38552">
        <v>4</v>
      </c>
      <c r="S38552">
        <v>4</v>
      </c>
      <c r="T38552">
        <v>4</v>
      </c>
      <c r="U38552">
        <v>4</v>
      </c>
      <c r="V38552">
        <v>5</v>
      </c>
      <c r="W38552">
        <v>5</v>
      </c>
      <c r="X38552">
        <v>5</v>
      </c>
      <c r="Y38552">
        <v>5</v>
      </c>
      <c r="Z38552">
        <v>5</v>
      </c>
      <c r="AA38552">
        <v>5</v>
      </c>
      <c r="AB38552">
        <v>6</v>
      </c>
      <c r="AC38552">
        <v>6</v>
      </c>
      <c r="AD38552">
        <v>6</v>
      </c>
      <c r="AE38552">
        <v>6</v>
      </c>
      <c r="AF38552">
        <v>6</v>
      </c>
      <c r="AG38552">
        <v>6</v>
      </c>
      <c r="AH38552">
        <v>7</v>
      </c>
      <c r="AI38552">
        <v>7</v>
      </c>
      <c r="AJ38552">
        <v>7</v>
      </c>
      <c r="AK38552">
        <v>7</v>
      </c>
      <c r="AL38552">
        <v>7</v>
      </c>
      <c r="AM38552">
        <v>7</v>
      </c>
      <c r="AN38552">
        <v>7</v>
      </c>
      <c r="AO38552">
        <v>8</v>
      </c>
      <c r="AP38552">
        <v>8</v>
      </c>
      <c r="AQ38552">
        <v>8</v>
      </c>
    </row>
    <row r="38553" spans="1:43">
      <c r="A38553" t="s">
        <v>23913</v>
      </c>
      <c r="B38553" t="s">
        <v>23914</v>
      </c>
      <c r="C38553" t="s">
        <v>23915</v>
      </c>
      <c r="D38553" t="s">
        <v>23916</v>
      </c>
      <c r="E38553" t="s">
        <v>23891</v>
      </c>
      <c r="F38553" t="s">
        <v>23892</v>
      </c>
      <c r="G38553" t="s">
        <v>11612</v>
      </c>
      <c r="H38553" t="s">
        <v>11613</v>
      </c>
      <c r="I38553" s="2">
        <v>0</v>
      </c>
      <c r="J38553" s="2">
        <v>0</v>
      </c>
      <c r="K38553" s="2">
        <v>1</v>
      </c>
      <c r="L38553" t="s">
        <v>995</v>
      </c>
      <c r="M38553" t="s">
        <v>83</v>
      </c>
      <c r="N38553" t="s">
        <v>91</v>
      </c>
      <c r="O38553" t="s">
        <v>85</v>
      </c>
      <c r="P38553" t="s">
        <v>86</v>
      </c>
      <c r="Q38553">
        <v>4</v>
      </c>
      <c r="R38553">
        <v>4</v>
      </c>
      <c r="S38553">
        <v>4</v>
      </c>
      <c r="T38553">
        <v>4</v>
      </c>
      <c r="U38553">
        <v>4</v>
      </c>
      <c r="V38553">
        <v>4</v>
      </c>
      <c r="W38553">
        <v>5</v>
      </c>
      <c r="X38553">
        <v>5</v>
      </c>
      <c r="Y38553">
        <v>5</v>
      </c>
      <c r="Z38553">
        <v>5</v>
      </c>
      <c r="AA38553">
        <v>5</v>
      </c>
      <c r="AB38553">
        <v>5</v>
      </c>
      <c r="AC38553">
        <v>5</v>
      </c>
      <c r="AD38553">
        <v>6</v>
      </c>
      <c r="AE38553">
        <v>6</v>
      </c>
      <c r="AF38553">
        <v>6</v>
      </c>
      <c r="AG38553">
        <v>6</v>
      </c>
      <c r="AH38553">
        <v>6</v>
      </c>
      <c r="AI38553">
        <v>7</v>
      </c>
      <c r="AJ38553">
        <v>7</v>
      </c>
      <c r="AK38553">
        <v>7</v>
      </c>
      <c r="AL38553">
        <v>7</v>
      </c>
      <c r="AM38553">
        <v>7</v>
      </c>
      <c r="AN38553">
        <v>7</v>
      </c>
      <c r="AO38553">
        <v>8</v>
      </c>
      <c r="AP38553">
        <v>8</v>
      </c>
      <c r="AQ38553">
        <v>8</v>
      </c>
    </row>
    <row r="38554" spans="1:43">
      <c r="A38554" t="s">
        <v>23917</v>
      </c>
      <c r="B38554" t="s">
        <v>23918</v>
      </c>
      <c r="C38554" t="s">
        <v>23915</v>
      </c>
      <c r="D38554" t="s">
        <v>23916</v>
      </c>
      <c r="E38554" t="s">
        <v>23891</v>
      </c>
      <c r="F38554" t="s">
        <v>23892</v>
      </c>
      <c r="G38554" t="s">
        <v>11612</v>
      </c>
      <c r="H38554" t="s">
        <v>11613</v>
      </c>
      <c r="I38554" s="2">
        <v>0</v>
      </c>
      <c r="J38554" s="2">
        <v>0</v>
      </c>
      <c r="K38554" s="2">
        <v>1</v>
      </c>
      <c r="L38554" t="s">
        <v>995</v>
      </c>
      <c r="M38554" t="s">
        <v>83</v>
      </c>
      <c r="N38554" t="s">
        <v>84</v>
      </c>
      <c r="O38554" t="s">
        <v>85</v>
      </c>
      <c r="P38554" t="s">
        <v>86</v>
      </c>
      <c r="Q38554">
        <v>20</v>
      </c>
      <c r="R38554">
        <v>21</v>
      </c>
      <c r="S38554">
        <v>21</v>
      </c>
      <c r="T38554">
        <v>22</v>
      </c>
      <c r="U38554">
        <v>23</v>
      </c>
      <c r="V38554">
        <v>24</v>
      </c>
      <c r="W38554">
        <v>24</v>
      </c>
      <c r="X38554">
        <v>25</v>
      </c>
      <c r="Y38554">
        <v>26</v>
      </c>
      <c r="Z38554">
        <v>27</v>
      </c>
      <c r="AA38554">
        <v>28</v>
      </c>
      <c r="AB38554">
        <v>28</v>
      </c>
      <c r="AC38554">
        <v>29</v>
      </c>
      <c r="AD38554">
        <v>30</v>
      </c>
      <c r="AE38554">
        <v>31</v>
      </c>
      <c r="AF38554">
        <v>32</v>
      </c>
      <c r="AG38554">
        <v>33</v>
      </c>
      <c r="AH38554">
        <v>34</v>
      </c>
      <c r="AI38554">
        <v>35</v>
      </c>
      <c r="AJ38554">
        <v>36</v>
      </c>
      <c r="AK38554">
        <v>37</v>
      </c>
      <c r="AL38554">
        <v>38</v>
      </c>
      <c r="AM38554">
        <v>39</v>
      </c>
      <c r="AN38554">
        <v>39</v>
      </c>
      <c r="AO38554">
        <v>40</v>
      </c>
      <c r="AP38554">
        <v>41</v>
      </c>
      <c r="AQ38554">
        <v>42</v>
      </c>
    </row>
    <row r="38555" spans="1:43">
      <c r="A38555" t="s">
        <v>23917</v>
      </c>
      <c r="B38555" t="s">
        <v>23918</v>
      </c>
      <c r="C38555" t="s">
        <v>23915</v>
      </c>
      <c r="D38555" t="s">
        <v>23916</v>
      </c>
      <c r="E38555" t="s">
        <v>23891</v>
      </c>
      <c r="F38555" t="s">
        <v>23892</v>
      </c>
      <c r="G38555" t="s">
        <v>11612</v>
      </c>
      <c r="H38555" t="s">
        <v>11613</v>
      </c>
      <c r="I38555" s="2">
        <v>0</v>
      </c>
      <c r="J38555" s="2">
        <v>0</v>
      </c>
      <c r="K38555" s="2">
        <v>1</v>
      </c>
      <c r="L38555" t="s">
        <v>995</v>
      </c>
      <c r="M38555" t="s">
        <v>87</v>
      </c>
      <c r="N38555" t="s">
        <v>88</v>
      </c>
      <c r="O38555" t="s">
        <v>85</v>
      </c>
      <c r="P38555" t="s">
        <v>86</v>
      </c>
      <c r="Q38555">
        <v>20</v>
      </c>
      <c r="R38555">
        <v>20</v>
      </c>
      <c r="S38555">
        <v>21</v>
      </c>
      <c r="T38555">
        <v>21</v>
      </c>
      <c r="U38555">
        <v>22</v>
      </c>
      <c r="V38555">
        <v>22</v>
      </c>
      <c r="W38555">
        <v>23</v>
      </c>
      <c r="X38555">
        <v>23</v>
      </c>
      <c r="Y38555">
        <v>24</v>
      </c>
      <c r="Z38555">
        <v>24</v>
      </c>
      <c r="AA38555">
        <v>25</v>
      </c>
      <c r="AB38555">
        <v>26</v>
      </c>
      <c r="AC38555">
        <v>26</v>
      </c>
      <c r="AD38555">
        <v>27</v>
      </c>
      <c r="AE38555">
        <v>28</v>
      </c>
      <c r="AF38555">
        <v>28</v>
      </c>
      <c r="AG38555">
        <v>29</v>
      </c>
      <c r="AH38555">
        <v>30</v>
      </c>
      <c r="AI38555">
        <v>30</v>
      </c>
      <c r="AJ38555">
        <v>31</v>
      </c>
      <c r="AK38555">
        <v>32</v>
      </c>
      <c r="AL38555">
        <v>32</v>
      </c>
      <c r="AM38555">
        <v>33</v>
      </c>
      <c r="AN38555">
        <v>34</v>
      </c>
      <c r="AO38555">
        <v>35</v>
      </c>
      <c r="AP38555">
        <v>36</v>
      </c>
      <c r="AQ38555">
        <v>36</v>
      </c>
    </row>
    <row r="38556" spans="1:43">
      <c r="A38556" t="s">
        <v>23917</v>
      </c>
      <c r="B38556" t="s">
        <v>23918</v>
      </c>
      <c r="C38556" t="s">
        <v>23915</v>
      </c>
      <c r="D38556" t="s">
        <v>23916</v>
      </c>
      <c r="E38556" t="s">
        <v>23891</v>
      </c>
      <c r="F38556" t="s">
        <v>23892</v>
      </c>
      <c r="G38556" t="s">
        <v>11612</v>
      </c>
      <c r="H38556" t="s">
        <v>11613</v>
      </c>
      <c r="I38556" s="2">
        <v>0</v>
      </c>
      <c r="J38556" s="2">
        <v>0</v>
      </c>
      <c r="K38556" s="2">
        <v>1</v>
      </c>
      <c r="L38556" t="s">
        <v>995</v>
      </c>
      <c r="M38556" t="s">
        <v>89</v>
      </c>
      <c r="N38556" t="s">
        <v>90</v>
      </c>
      <c r="O38556" t="s">
        <v>85</v>
      </c>
      <c r="P38556" t="s">
        <v>86</v>
      </c>
      <c r="Q38556">
        <v>20</v>
      </c>
      <c r="R38556">
        <v>21</v>
      </c>
      <c r="S38556">
        <v>22</v>
      </c>
      <c r="T38556">
        <v>23</v>
      </c>
      <c r="U38556">
        <v>24</v>
      </c>
      <c r="V38556">
        <v>25</v>
      </c>
      <c r="W38556">
        <v>26</v>
      </c>
      <c r="X38556">
        <v>26</v>
      </c>
      <c r="Y38556">
        <v>27</v>
      </c>
      <c r="Z38556">
        <v>28</v>
      </c>
      <c r="AA38556">
        <v>29</v>
      </c>
      <c r="AB38556">
        <v>30</v>
      </c>
      <c r="AC38556">
        <v>31</v>
      </c>
      <c r="AD38556">
        <v>32</v>
      </c>
      <c r="AE38556">
        <v>33</v>
      </c>
      <c r="AF38556">
        <v>34</v>
      </c>
      <c r="AG38556">
        <v>35</v>
      </c>
      <c r="AH38556">
        <v>35</v>
      </c>
      <c r="AI38556">
        <v>36</v>
      </c>
      <c r="AJ38556">
        <v>37</v>
      </c>
      <c r="AK38556">
        <v>37</v>
      </c>
      <c r="AL38556">
        <v>38</v>
      </c>
      <c r="AM38556">
        <v>39</v>
      </c>
      <c r="AN38556">
        <v>40</v>
      </c>
      <c r="AO38556">
        <v>41</v>
      </c>
      <c r="AP38556">
        <v>41</v>
      </c>
      <c r="AQ38556">
        <v>42</v>
      </c>
    </row>
    <row r="38557" spans="1:43">
      <c r="A38557" t="s">
        <v>23917</v>
      </c>
      <c r="B38557" t="s">
        <v>23918</v>
      </c>
      <c r="C38557" t="s">
        <v>23915</v>
      </c>
      <c r="D38557" t="s">
        <v>23916</v>
      </c>
      <c r="E38557" t="s">
        <v>23891</v>
      </c>
      <c r="F38557" t="s">
        <v>23892</v>
      </c>
      <c r="G38557" t="s">
        <v>11612</v>
      </c>
      <c r="H38557" t="s">
        <v>11613</v>
      </c>
      <c r="I38557" s="2">
        <v>0</v>
      </c>
      <c r="J38557" s="2">
        <v>0</v>
      </c>
      <c r="K38557" s="2">
        <v>1</v>
      </c>
      <c r="L38557" t="s">
        <v>995</v>
      </c>
      <c r="M38557" t="s">
        <v>83</v>
      </c>
      <c r="N38557" t="s">
        <v>91</v>
      </c>
      <c r="O38557" t="s">
        <v>85</v>
      </c>
      <c r="P38557" t="s">
        <v>86</v>
      </c>
      <c r="Q38557">
        <v>20</v>
      </c>
      <c r="R38557">
        <v>21</v>
      </c>
      <c r="S38557">
        <v>21</v>
      </c>
      <c r="T38557">
        <v>22</v>
      </c>
      <c r="U38557">
        <v>23</v>
      </c>
      <c r="V38557">
        <v>24</v>
      </c>
      <c r="W38557">
        <v>24</v>
      </c>
      <c r="X38557">
        <v>25</v>
      </c>
      <c r="Y38557">
        <v>26</v>
      </c>
      <c r="Z38557">
        <v>27</v>
      </c>
      <c r="AA38557">
        <v>28</v>
      </c>
      <c r="AB38557">
        <v>28</v>
      </c>
      <c r="AC38557">
        <v>29</v>
      </c>
      <c r="AD38557">
        <v>30</v>
      </c>
      <c r="AE38557">
        <v>31</v>
      </c>
      <c r="AF38557">
        <v>32</v>
      </c>
      <c r="AG38557">
        <v>33</v>
      </c>
      <c r="AH38557">
        <v>34</v>
      </c>
      <c r="AI38557">
        <v>35</v>
      </c>
      <c r="AJ38557">
        <v>36</v>
      </c>
      <c r="AK38557">
        <v>37</v>
      </c>
      <c r="AL38557">
        <v>38</v>
      </c>
      <c r="AM38557">
        <v>39</v>
      </c>
      <c r="AN38557">
        <v>39</v>
      </c>
      <c r="AO38557">
        <v>40</v>
      </c>
      <c r="AP38557">
        <v>41</v>
      </c>
      <c r="AQ38557">
        <v>42</v>
      </c>
    </row>
    <row r="38558" spans="1:43">
      <c r="A38558" t="s">
        <v>23919</v>
      </c>
      <c r="B38558" t="s">
        <v>23920</v>
      </c>
      <c r="C38558" t="s">
        <v>23905</v>
      </c>
      <c r="D38558" t="s">
        <v>23906</v>
      </c>
      <c r="E38558" t="s">
        <v>23891</v>
      </c>
      <c r="F38558" t="s">
        <v>23892</v>
      </c>
      <c r="G38558" t="s">
        <v>11612</v>
      </c>
      <c r="H38558" t="s">
        <v>11613</v>
      </c>
      <c r="I38558" s="2">
        <v>0</v>
      </c>
      <c r="J38558" s="2">
        <v>0</v>
      </c>
      <c r="K38558" s="2">
        <v>1</v>
      </c>
      <c r="L38558" t="s">
        <v>995</v>
      </c>
      <c r="M38558" t="s">
        <v>83</v>
      </c>
      <c r="N38558" t="s">
        <v>84</v>
      </c>
      <c r="O38558" t="s">
        <v>85</v>
      </c>
      <c r="P38558" t="s">
        <v>86</v>
      </c>
      <c r="Q38558">
        <v>6</v>
      </c>
      <c r="R38558">
        <v>6</v>
      </c>
      <c r="S38558">
        <v>6</v>
      </c>
      <c r="T38558">
        <v>7</v>
      </c>
      <c r="U38558">
        <v>7</v>
      </c>
      <c r="V38558">
        <v>7</v>
      </c>
      <c r="W38558">
        <v>7</v>
      </c>
      <c r="X38558">
        <v>8</v>
      </c>
      <c r="Y38558">
        <v>8</v>
      </c>
      <c r="Z38558">
        <v>8</v>
      </c>
      <c r="AA38558">
        <v>8</v>
      </c>
      <c r="AB38558">
        <v>9</v>
      </c>
      <c r="AC38558">
        <v>9</v>
      </c>
      <c r="AD38558">
        <v>9</v>
      </c>
      <c r="AE38558">
        <v>9</v>
      </c>
      <c r="AF38558">
        <v>10</v>
      </c>
      <c r="AG38558">
        <v>10</v>
      </c>
      <c r="AH38558">
        <v>10</v>
      </c>
      <c r="AI38558">
        <v>11</v>
      </c>
      <c r="AJ38558">
        <v>11</v>
      </c>
      <c r="AK38558">
        <v>11</v>
      </c>
      <c r="AL38558">
        <v>12</v>
      </c>
      <c r="AM38558">
        <v>12</v>
      </c>
      <c r="AN38558">
        <v>12</v>
      </c>
      <c r="AO38558">
        <v>12</v>
      </c>
      <c r="AP38558">
        <v>12</v>
      </c>
      <c r="AQ38558">
        <v>13</v>
      </c>
    </row>
    <row r="38559" spans="1:43">
      <c r="A38559" t="s">
        <v>23919</v>
      </c>
      <c r="B38559" t="s">
        <v>23920</v>
      </c>
      <c r="C38559" t="s">
        <v>23905</v>
      </c>
      <c r="D38559" t="s">
        <v>23906</v>
      </c>
      <c r="E38559" t="s">
        <v>23891</v>
      </c>
      <c r="F38559" t="s">
        <v>23892</v>
      </c>
      <c r="G38559" t="s">
        <v>11612</v>
      </c>
      <c r="H38559" t="s">
        <v>11613</v>
      </c>
      <c r="I38559" s="2">
        <v>0</v>
      </c>
      <c r="J38559" s="2">
        <v>0</v>
      </c>
      <c r="K38559" s="2">
        <v>1</v>
      </c>
      <c r="L38559" t="s">
        <v>995</v>
      </c>
      <c r="M38559" t="s">
        <v>87</v>
      </c>
      <c r="N38559" t="s">
        <v>88</v>
      </c>
      <c r="O38559" t="s">
        <v>85</v>
      </c>
      <c r="P38559" t="s">
        <v>86</v>
      </c>
      <c r="Q38559">
        <v>6</v>
      </c>
      <c r="R38559">
        <v>6</v>
      </c>
      <c r="S38559">
        <v>6</v>
      </c>
      <c r="T38559">
        <v>6</v>
      </c>
      <c r="U38559">
        <v>7</v>
      </c>
      <c r="V38559">
        <v>7</v>
      </c>
      <c r="W38559">
        <v>7</v>
      </c>
      <c r="X38559">
        <v>7</v>
      </c>
      <c r="Y38559">
        <v>7</v>
      </c>
      <c r="Z38559">
        <v>7</v>
      </c>
      <c r="AA38559">
        <v>8</v>
      </c>
      <c r="AB38559">
        <v>8</v>
      </c>
      <c r="AC38559">
        <v>8</v>
      </c>
      <c r="AD38559">
        <v>8</v>
      </c>
      <c r="AE38559">
        <v>8</v>
      </c>
      <c r="AF38559">
        <v>9</v>
      </c>
      <c r="AG38559">
        <v>9</v>
      </c>
      <c r="AH38559">
        <v>9</v>
      </c>
      <c r="AI38559">
        <v>9</v>
      </c>
      <c r="AJ38559">
        <v>9</v>
      </c>
      <c r="AK38559">
        <v>10</v>
      </c>
      <c r="AL38559">
        <v>10</v>
      </c>
      <c r="AM38559">
        <v>10</v>
      </c>
      <c r="AN38559">
        <v>10</v>
      </c>
      <c r="AO38559">
        <v>11</v>
      </c>
      <c r="AP38559">
        <v>11</v>
      </c>
      <c r="AQ38559">
        <v>11</v>
      </c>
    </row>
    <row r="38560" spans="1:43">
      <c r="A38560" t="s">
        <v>23919</v>
      </c>
      <c r="B38560" t="s">
        <v>23920</v>
      </c>
      <c r="C38560" t="s">
        <v>23905</v>
      </c>
      <c r="D38560" t="s">
        <v>23906</v>
      </c>
      <c r="E38560" t="s">
        <v>23891</v>
      </c>
      <c r="F38560" t="s">
        <v>23892</v>
      </c>
      <c r="G38560" t="s">
        <v>11612</v>
      </c>
      <c r="H38560" t="s">
        <v>11613</v>
      </c>
      <c r="I38560" s="2">
        <v>0</v>
      </c>
      <c r="J38560" s="2">
        <v>0</v>
      </c>
      <c r="K38560" s="2">
        <v>1</v>
      </c>
      <c r="L38560" t="s">
        <v>995</v>
      </c>
      <c r="M38560" t="s">
        <v>89</v>
      </c>
      <c r="N38560" t="s">
        <v>90</v>
      </c>
      <c r="O38560" t="s">
        <v>85</v>
      </c>
      <c r="P38560" t="s">
        <v>86</v>
      </c>
      <c r="Q38560">
        <v>6</v>
      </c>
      <c r="R38560">
        <v>6</v>
      </c>
      <c r="S38560">
        <v>7</v>
      </c>
      <c r="T38560">
        <v>7</v>
      </c>
      <c r="U38560">
        <v>7</v>
      </c>
      <c r="V38560">
        <v>7</v>
      </c>
      <c r="W38560">
        <v>8</v>
      </c>
      <c r="X38560">
        <v>8</v>
      </c>
      <c r="Y38560">
        <v>8</v>
      </c>
      <c r="Z38560">
        <v>9</v>
      </c>
      <c r="AA38560">
        <v>9</v>
      </c>
      <c r="AB38560">
        <v>9</v>
      </c>
      <c r="AC38560">
        <v>10</v>
      </c>
      <c r="AD38560">
        <v>10</v>
      </c>
      <c r="AE38560">
        <v>10</v>
      </c>
      <c r="AF38560">
        <v>10</v>
      </c>
      <c r="AG38560">
        <v>11</v>
      </c>
      <c r="AH38560">
        <v>11</v>
      </c>
      <c r="AI38560">
        <v>11</v>
      </c>
      <c r="AJ38560">
        <v>11</v>
      </c>
      <c r="AK38560">
        <v>11</v>
      </c>
      <c r="AL38560">
        <v>12</v>
      </c>
      <c r="AM38560">
        <v>12</v>
      </c>
      <c r="AN38560">
        <v>12</v>
      </c>
      <c r="AO38560">
        <v>12</v>
      </c>
      <c r="AP38560">
        <v>13</v>
      </c>
      <c r="AQ38560">
        <v>13</v>
      </c>
    </row>
    <row r="38561" spans="1:43">
      <c r="A38561" t="s">
        <v>23919</v>
      </c>
      <c r="B38561" t="s">
        <v>23920</v>
      </c>
      <c r="C38561" t="s">
        <v>23905</v>
      </c>
      <c r="D38561" t="s">
        <v>23906</v>
      </c>
      <c r="E38561" t="s">
        <v>23891</v>
      </c>
      <c r="F38561" t="s">
        <v>23892</v>
      </c>
      <c r="G38561" t="s">
        <v>11612</v>
      </c>
      <c r="H38561" t="s">
        <v>11613</v>
      </c>
      <c r="I38561" s="2">
        <v>0</v>
      </c>
      <c r="J38561" s="2">
        <v>0</v>
      </c>
      <c r="K38561" s="2">
        <v>1</v>
      </c>
      <c r="L38561" t="s">
        <v>995</v>
      </c>
      <c r="M38561" t="s">
        <v>83</v>
      </c>
      <c r="N38561" t="s">
        <v>91</v>
      </c>
      <c r="O38561" t="s">
        <v>85</v>
      </c>
      <c r="P38561" t="s">
        <v>86</v>
      </c>
      <c r="Q38561">
        <v>6</v>
      </c>
      <c r="R38561">
        <v>6</v>
      </c>
      <c r="S38561">
        <v>6</v>
      </c>
      <c r="T38561">
        <v>7</v>
      </c>
      <c r="U38561">
        <v>7</v>
      </c>
      <c r="V38561">
        <v>7</v>
      </c>
      <c r="W38561">
        <v>7</v>
      </c>
      <c r="X38561">
        <v>8</v>
      </c>
      <c r="Y38561">
        <v>8</v>
      </c>
      <c r="Z38561">
        <v>8</v>
      </c>
      <c r="AA38561">
        <v>8</v>
      </c>
      <c r="AB38561">
        <v>9</v>
      </c>
      <c r="AC38561">
        <v>9</v>
      </c>
      <c r="AD38561">
        <v>9</v>
      </c>
      <c r="AE38561">
        <v>9</v>
      </c>
      <c r="AF38561">
        <v>10</v>
      </c>
      <c r="AG38561">
        <v>10</v>
      </c>
      <c r="AH38561">
        <v>10</v>
      </c>
      <c r="AI38561">
        <v>11</v>
      </c>
      <c r="AJ38561">
        <v>11</v>
      </c>
      <c r="AK38561">
        <v>11</v>
      </c>
      <c r="AL38561">
        <v>12</v>
      </c>
      <c r="AM38561">
        <v>12</v>
      </c>
      <c r="AN38561">
        <v>12</v>
      </c>
      <c r="AO38561">
        <v>12</v>
      </c>
      <c r="AP38561">
        <v>12</v>
      </c>
      <c r="AQ38561">
        <v>13</v>
      </c>
    </row>
    <row r="38562" spans="1:43">
      <c r="A38562" t="s">
        <v>23921</v>
      </c>
      <c r="B38562" t="s">
        <v>23922</v>
      </c>
      <c r="C38562" t="s">
        <v>23915</v>
      </c>
      <c r="D38562" t="s">
        <v>23916</v>
      </c>
      <c r="E38562" t="s">
        <v>23891</v>
      </c>
      <c r="F38562" t="s">
        <v>23892</v>
      </c>
      <c r="G38562" t="s">
        <v>11612</v>
      </c>
      <c r="H38562" t="s">
        <v>11613</v>
      </c>
      <c r="I38562" s="2">
        <v>0</v>
      </c>
      <c r="J38562" s="2">
        <v>0</v>
      </c>
      <c r="K38562" s="2">
        <v>1</v>
      </c>
      <c r="L38562" t="s">
        <v>995</v>
      </c>
      <c r="M38562" t="s">
        <v>83</v>
      </c>
      <c r="N38562" t="s">
        <v>84</v>
      </c>
      <c r="O38562" t="s">
        <v>85</v>
      </c>
      <c r="P38562" t="s">
        <v>86</v>
      </c>
      <c r="Q38562">
        <v>5</v>
      </c>
      <c r="R38562">
        <v>5</v>
      </c>
      <c r="S38562">
        <v>5</v>
      </c>
      <c r="T38562">
        <v>6</v>
      </c>
      <c r="U38562">
        <v>6</v>
      </c>
      <c r="V38562">
        <v>6</v>
      </c>
      <c r="W38562">
        <v>6</v>
      </c>
      <c r="X38562">
        <v>6</v>
      </c>
      <c r="Y38562">
        <v>7</v>
      </c>
      <c r="Z38562">
        <v>7</v>
      </c>
      <c r="AA38562">
        <v>7</v>
      </c>
      <c r="AB38562">
        <v>7</v>
      </c>
      <c r="AC38562">
        <v>7</v>
      </c>
      <c r="AD38562">
        <v>8</v>
      </c>
      <c r="AE38562">
        <v>8</v>
      </c>
      <c r="AF38562">
        <v>8</v>
      </c>
      <c r="AG38562">
        <v>8</v>
      </c>
      <c r="AH38562">
        <v>9</v>
      </c>
      <c r="AI38562">
        <v>9</v>
      </c>
      <c r="AJ38562">
        <v>9</v>
      </c>
      <c r="AK38562">
        <v>9</v>
      </c>
      <c r="AL38562">
        <v>10</v>
      </c>
      <c r="AM38562">
        <v>10</v>
      </c>
      <c r="AN38562">
        <v>10</v>
      </c>
      <c r="AO38562">
        <v>10</v>
      </c>
      <c r="AP38562">
        <v>10</v>
      </c>
      <c r="AQ38562">
        <v>11</v>
      </c>
    </row>
    <row r="38563" spans="1:43">
      <c r="A38563" t="s">
        <v>23921</v>
      </c>
      <c r="B38563" t="s">
        <v>23922</v>
      </c>
      <c r="C38563" t="s">
        <v>23915</v>
      </c>
      <c r="D38563" t="s">
        <v>23916</v>
      </c>
      <c r="E38563" t="s">
        <v>23891</v>
      </c>
      <c r="F38563" t="s">
        <v>23892</v>
      </c>
      <c r="G38563" t="s">
        <v>11612</v>
      </c>
      <c r="H38563" t="s">
        <v>11613</v>
      </c>
      <c r="I38563" s="2">
        <v>0</v>
      </c>
      <c r="J38563" s="2">
        <v>0</v>
      </c>
      <c r="K38563" s="2">
        <v>1</v>
      </c>
      <c r="L38563" t="s">
        <v>995</v>
      </c>
      <c r="M38563" t="s">
        <v>87</v>
      </c>
      <c r="N38563" t="s">
        <v>88</v>
      </c>
      <c r="O38563" t="s">
        <v>85</v>
      </c>
      <c r="P38563" t="s">
        <v>86</v>
      </c>
      <c r="Q38563">
        <v>5</v>
      </c>
      <c r="R38563">
        <v>5</v>
      </c>
      <c r="S38563">
        <v>5</v>
      </c>
      <c r="T38563">
        <v>5</v>
      </c>
      <c r="U38563">
        <v>6</v>
      </c>
      <c r="V38563">
        <v>6</v>
      </c>
      <c r="W38563">
        <v>6</v>
      </c>
      <c r="X38563">
        <v>6</v>
      </c>
      <c r="Y38563">
        <v>6</v>
      </c>
      <c r="Z38563">
        <v>6</v>
      </c>
      <c r="AA38563">
        <v>6</v>
      </c>
      <c r="AB38563">
        <v>6</v>
      </c>
      <c r="AC38563">
        <v>7</v>
      </c>
      <c r="AD38563">
        <v>7</v>
      </c>
      <c r="AE38563">
        <v>7</v>
      </c>
      <c r="AF38563">
        <v>7</v>
      </c>
      <c r="AG38563">
        <v>7</v>
      </c>
      <c r="AH38563">
        <v>7</v>
      </c>
      <c r="AI38563">
        <v>8</v>
      </c>
      <c r="AJ38563">
        <v>8</v>
      </c>
      <c r="AK38563">
        <v>8</v>
      </c>
      <c r="AL38563">
        <v>8</v>
      </c>
      <c r="AM38563">
        <v>8</v>
      </c>
      <c r="AN38563">
        <v>9</v>
      </c>
      <c r="AO38563">
        <v>9</v>
      </c>
      <c r="AP38563">
        <v>9</v>
      </c>
      <c r="AQ38563">
        <v>9</v>
      </c>
    </row>
    <row r="38564" spans="1:43">
      <c r="A38564" t="s">
        <v>23921</v>
      </c>
      <c r="B38564" t="s">
        <v>23922</v>
      </c>
      <c r="C38564" t="s">
        <v>23915</v>
      </c>
      <c r="D38564" t="s">
        <v>23916</v>
      </c>
      <c r="E38564" t="s">
        <v>23891</v>
      </c>
      <c r="F38564" t="s">
        <v>23892</v>
      </c>
      <c r="G38564" t="s">
        <v>11612</v>
      </c>
      <c r="H38564" t="s">
        <v>11613</v>
      </c>
      <c r="I38564" s="2">
        <v>0</v>
      </c>
      <c r="J38564" s="2">
        <v>0</v>
      </c>
      <c r="K38564" s="2">
        <v>1</v>
      </c>
      <c r="L38564" t="s">
        <v>995</v>
      </c>
      <c r="M38564" t="s">
        <v>89</v>
      </c>
      <c r="N38564" t="s">
        <v>90</v>
      </c>
      <c r="O38564" t="s">
        <v>85</v>
      </c>
      <c r="P38564" t="s">
        <v>86</v>
      </c>
      <c r="Q38564">
        <v>5</v>
      </c>
      <c r="R38564">
        <v>5</v>
      </c>
      <c r="S38564">
        <v>6</v>
      </c>
      <c r="T38564">
        <v>6</v>
      </c>
      <c r="U38564">
        <v>6</v>
      </c>
      <c r="V38564">
        <v>6</v>
      </c>
      <c r="W38564">
        <v>6</v>
      </c>
      <c r="X38564">
        <v>7</v>
      </c>
      <c r="Y38564">
        <v>7</v>
      </c>
      <c r="Z38564">
        <v>7</v>
      </c>
      <c r="AA38564">
        <v>7</v>
      </c>
      <c r="AB38564">
        <v>8</v>
      </c>
      <c r="AC38564">
        <v>8</v>
      </c>
      <c r="AD38564">
        <v>8</v>
      </c>
      <c r="AE38564">
        <v>8</v>
      </c>
      <c r="AF38564">
        <v>9</v>
      </c>
      <c r="AG38564">
        <v>9</v>
      </c>
      <c r="AH38564">
        <v>9</v>
      </c>
      <c r="AI38564">
        <v>9</v>
      </c>
      <c r="AJ38564">
        <v>9</v>
      </c>
      <c r="AK38564">
        <v>9</v>
      </c>
      <c r="AL38564">
        <v>10</v>
      </c>
      <c r="AM38564">
        <v>10</v>
      </c>
      <c r="AN38564">
        <v>10</v>
      </c>
      <c r="AO38564">
        <v>10</v>
      </c>
      <c r="AP38564">
        <v>10</v>
      </c>
      <c r="AQ38564">
        <v>11</v>
      </c>
    </row>
    <row r="38565" spans="1:43">
      <c r="A38565" t="s">
        <v>23921</v>
      </c>
      <c r="B38565" t="s">
        <v>23922</v>
      </c>
      <c r="C38565" t="s">
        <v>23915</v>
      </c>
      <c r="D38565" t="s">
        <v>23916</v>
      </c>
      <c r="E38565" t="s">
        <v>23891</v>
      </c>
      <c r="F38565" t="s">
        <v>23892</v>
      </c>
      <c r="G38565" t="s">
        <v>11612</v>
      </c>
      <c r="H38565" t="s">
        <v>11613</v>
      </c>
      <c r="I38565" s="2">
        <v>0</v>
      </c>
      <c r="J38565" s="2">
        <v>0</v>
      </c>
      <c r="K38565" s="2">
        <v>1</v>
      </c>
      <c r="L38565" t="s">
        <v>995</v>
      </c>
      <c r="M38565" t="s">
        <v>83</v>
      </c>
      <c r="N38565" t="s">
        <v>91</v>
      </c>
      <c r="O38565" t="s">
        <v>85</v>
      </c>
      <c r="P38565" t="s">
        <v>86</v>
      </c>
      <c r="Q38565">
        <v>5</v>
      </c>
      <c r="R38565">
        <v>5</v>
      </c>
      <c r="S38565">
        <v>5</v>
      </c>
      <c r="T38565">
        <v>6</v>
      </c>
      <c r="U38565">
        <v>6</v>
      </c>
      <c r="V38565">
        <v>6</v>
      </c>
      <c r="W38565">
        <v>6</v>
      </c>
      <c r="X38565">
        <v>6</v>
      </c>
      <c r="Y38565">
        <v>7</v>
      </c>
      <c r="Z38565">
        <v>7</v>
      </c>
      <c r="AA38565">
        <v>7</v>
      </c>
      <c r="AB38565">
        <v>7</v>
      </c>
      <c r="AC38565">
        <v>7</v>
      </c>
      <c r="AD38565">
        <v>8</v>
      </c>
      <c r="AE38565">
        <v>8</v>
      </c>
      <c r="AF38565">
        <v>8</v>
      </c>
      <c r="AG38565">
        <v>8</v>
      </c>
      <c r="AH38565">
        <v>9</v>
      </c>
      <c r="AI38565">
        <v>9</v>
      </c>
      <c r="AJ38565">
        <v>9</v>
      </c>
      <c r="AK38565">
        <v>9</v>
      </c>
      <c r="AL38565">
        <v>10</v>
      </c>
      <c r="AM38565">
        <v>10</v>
      </c>
      <c r="AN38565">
        <v>10</v>
      </c>
      <c r="AO38565">
        <v>10</v>
      </c>
      <c r="AP38565">
        <v>10</v>
      </c>
      <c r="AQ38565">
        <v>11</v>
      </c>
    </row>
    <row r="38566" spans="1:43">
      <c r="A38566" t="s">
        <v>23923</v>
      </c>
      <c r="B38566" t="s">
        <v>23924</v>
      </c>
      <c r="C38566" t="s">
        <v>23925</v>
      </c>
      <c r="D38566" t="s">
        <v>23926</v>
      </c>
      <c r="E38566" t="s">
        <v>23891</v>
      </c>
      <c r="F38566" t="s">
        <v>23892</v>
      </c>
      <c r="G38566" t="s">
        <v>11612</v>
      </c>
      <c r="H38566" t="s">
        <v>11613</v>
      </c>
      <c r="I38566" s="2">
        <v>0</v>
      </c>
      <c r="J38566" s="2">
        <v>0</v>
      </c>
      <c r="K38566" s="2">
        <v>1</v>
      </c>
      <c r="L38566" t="s">
        <v>995</v>
      </c>
      <c r="M38566" t="s">
        <v>83</v>
      </c>
      <c r="N38566" t="s">
        <v>84</v>
      </c>
      <c r="O38566" t="s">
        <v>85</v>
      </c>
      <c r="P38566" t="s">
        <v>86</v>
      </c>
      <c r="Q38566">
        <v>23</v>
      </c>
      <c r="R38566">
        <v>23</v>
      </c>
      <c r="S38566">
        <v>24</v>
      </c>
      <c r="T38566">
        <v>25</v>
      </c>
      <c r="U38566">
        <v>26</v>
      </c>
      <c r="V38566">
        <v>27</v>
      </c>
      <c r="W38566">
        <v>28</v>
      </c>
      <c r="X38566">
        <v>29</v>
      </c>
      <c r="Y38566">
        <v>29</v>
      </c>
      <c r="Z38566">
        <v>30</v>
      </c>
      <c r="AA38566">
        <v>31</v>
      </c>
      <c r="AB38566">
        <v>32</v>
      </c>
      <c r="AC38566">
        <v>33</v>
      </c>
      <c r="AD38566">
        <v>34</v>
      </c>
      <c r="AE38566">
        <v>35</v>
      </c>
      <c r="AF38566">
        <v>36</v>
      </c>
      <c r="AG38566">
        <v>37</v>
      </c>
      <c r="AH38566">
        <v>39</v>
      </c>
      <c r="AI38566">
        <v>40</v>
      </c>
      <c r="AJ38566">
        <v>41</v>
      </c>
      <c r="AK38566">
        <v>42</v>
      </c>
      <c r="AL38566">
        <v>43</v>
      </c>
      <c r="AM38566">
        <v>44</v>
      </c>
      <c r="AN38566">
        <v>45</v>
      </c>
      <c r="AO38566">
        <v>46</v>
      </c>
      <c r="AP38566">
        <v>47</v>
      </c>
      <c r="AQ38566">
        <v>48</v>
      </c>
    </row>
    <row r="38567" spans="1:43">
      <c r="A38567" t="s">
        <v>23923</v>
      </c>
      <c r="B38567" t="s">
        <v>23924</v>
      </c>
      <c r="C38567" t="s">
        <v>23925</v>
      </c>
      <c r="D38567" t="s">
        <v>23926</v>
      </c>
      <c r="E38567" t="s">
        <v>23891</v>
      </c>
      <c r="F38567" t="s">
        <v>23892</v>
      </c>
      <c r="G38567" t="s">
        <v>11612</v>
      </c>
      <c r="H38567" t="s">
        <v>11613</v>
      </c>
      <c r="I38567" s="2">
        <v>0</v>
      </c>
      <c r="J38567" s="2">
        <v>0</v>
      </c>
      <c r="K38567" s="2">
        <v>1</v>
      </c>
      <c r="L38567" t="s">
        <v>995</v>
      </c>
      <c r="M38567" t="s">
        <v>87</v>
      </c>
      <c r="N38567" t="s">
        <v>88</v>
      </c>
      <c r="O38567" t="s">
        <v>85</v>
      </c>
      <c r="P38567" t="s">
        <v>86</v>
      </c>
      <c r="Q38567">
        <v>23</v>
      </c>
      <c r="R38567">
        <v>23</v>
      </c>
      <c r="S38567">
        <v>24</v>
      </c>
      <c r="T38567">
        <v>24</v>
      </c>
      <c r="U38567">
        <v>25</v>
      </c>
      <c r="V38567">
        <v>25</v>
      </c>
      <c r="W38567">
        <v>26</v>
      </c>
      <c r="X38567">
        <v>27</v>
      </c>
      <c r="Y38567">
        <v>27</v>
      </c>
      <c r="Z38567">
        <v>28</v>
      </c>
      <c r="AA38567">
        <v>29</v>
      </c>
      <c r="AB38567">
        <v>29</v>
      </c>
      <c r="AC38567">
        <v>30</v>
      </c>
      <c r="AD38567">
        <v>31</v>
      </c>
      <c r="AE38567">
        <v>31</v>
      </c>
      <c r="AF38567">
        <v>32</v>
      </c>
      <c r="AG38567">
        <v>33</v>
      </c>
      <c r="AH38567">
        <v>34</v>
      </c>
      <c r="AI38567">
        <v>34</v>
      </c>
      <c r="AJ38567">
        <v>35</v>
      </c>
      <c r="AK38567">
        <v>36</v>
      </c>
      <c r="AL38567">
        <v>37</v>
      </c>
      <c r="AM38567">
        <v>38</v>
      </c>
      <c r="AN38567">
        <v>39</v>
      </c>
      <c r="AO38567">
        <v>40</v>
      </c>
      <c r="AP38567">
        <v>40</v>
      </c>
      <c r="AQ38567">
        <v>41</v>
      </c>
    </row>
    <row r="38568" spans="1:43">
      <c r="A38568" t="s">
        <v>23923</v>
      </c>
      <c r="B38568" t="s">
        <v>23924</v>
      </c>
      <c r="C38568" t="s">
        <v>23925</v>
      </c>
      <c r="D38568" t="s">
        <v>23926</v>
      </c>
      <c r="E38568" t="s">
        <v>23891</v>
      </c>
      <c r="F38568" t="s">
        <v>23892</v>
      </c>
      <c r="G38568" t="s">
        <v>11612</v>
      </c>
      <c r="H38568" t="s">
        <v>11613</v>
      </c>
      <c r="I38568" s="2">
        <v>0</v>
      </c>
      <c r="J38568" s="2">
        <v>0</v>
      </c>
      <c r="K38568" s="2">
        <v>1</v>
      </c>
      <c r="L38568" t="s">
        <v>995</v>
      </c>
      <c r="M38568" t="s">
        <v>89</v>
      </c>
      <c r="N38568" t="s">
        <v>90</v>
      </c>
      <c r="O38568" t="s">
        <v>85</v>
      </c>
      <c r="P38568" t="s">
        <v>86</v>
      </c>
      <c r="Q38568">
        <v>23</v>
      </c>
      <c r="R38568">
        <v>24</v>
      </c>
      <c r="S38568">
        <v>25</v>
      </c>
      <c r="T38568">
        <v>26</v>
      </c>
      <c r="U38568">
        <v>27</v>
      </c>
      <c r="V38568">
        <v>28</v>
      </c>
      <c r="W38568">
        <v>29</v>
      </c>
      <c r="X38568">
        <v>30</v>
      </c>
      <c r="Y38568">
        <v>31</v>
      </c>
      <c r="Z38568">
        <v>32</v>
      </c>
      <c r="AA38568">
        <v>33</v>
      </c>
      <c r="AB38568">
        <v>34</v>
      </c>
      <c r="AC38568">
        <v>36</v>
      </c>
      <c r="AD38568">
        <v>37</v>
      </c>
      <c r="AE38568">
        <v>38</v>
      </c>
      <c r="AF38568">
        <v>39</v>
      </c>
      <c r="AG38568">
        <v>39</v>
      </c>
      <c r="AH38568">
        <v>40</v>
      </c>
      <c r="AI38568">
        <v>41</v>
      </c>
      <c r="AJ38568">
        <v>42</v>
      </c>
      <c r="AK38568">
        <v>43</v>
      </c>
      <c r="AL38568">
        <v>44</v>
      </c>
      <c r="AM38568">
        <v>45</v>
      </c>
      <c r="AN38568">
        <v>45</v>
      </c>
      <c r="AO38568">
        <v>46</v>
      </c>
      <c r="AP38568">
        <v>47</v>
      </c>
      <c r="AQ38568">
        <v>48</v>
      </c>
    </row>
    <row r="38569" spans="1:43">
      <c r="A38569" t="s">
        <v>23923</v>
      </c>
      <c r="B38569" t="s">
        <v>23924</v>
      </c>
      <c r="C38569" t="s">
        <v>23925</v>
      </c>
      <c r="D38569" t="s">
        <v>23926</v>
      </c>
      <c r="E38569" t="s">
        <v>23891</v>
      </c>
      <c r="F38569" t="s">
        <v>23892</v>
      </c>
      <c r="G38569" t="s">
        <v>11612</v>
      </c>
      <c r="H38569" t="s">
        <v>11613</v>
      </c>
      <c r="I38569" s="2">
        <v>0</v>
      </c>
      <c r="J38569" s="2">
        <v>0</v>
      </c>
      <c r="K38569" s="2">
        <v>1</v>
      </c>
      <c r="L38569" t="s">
        <v>995</v>
      </c>
      <c r="M38569" t="s">
        <v>83</v>
      </c>
      <c r="N38569" t="s">
        <v>91</v>
      </c>
      <c r="O38569" t="s">
        <v>85</v>
      </c>
      <c r="P38569" t="s">
        <v>86</v>
      </c>
      <c r="Q38569">
        <v>23</v>
      </c>
      <c r="R38569">
        <v>23</v>
      </c>
      <c r="S38569">
        <v>24</v>
      </c>
      <c r="T38569">
        <v>25</v>
      </c>
      <c r="U38569">
        <v>26</v>
      </c>
      <c r="V38569">
        <v>27</v>
      </c>
      <c r="W38569">
        <v>28</v>
      </c>
      <c r="X38569">
        <v>29</v>
      </c>
      <c r="Y38569">
        <v>29</v>
      </c>
      <c r="Z38569">
        <v>30</v>
      </c>
      <c r="AA38569">
        <v>31</v>
      </c>
      <c r="AB38569">
        <v>32</v>
      </c>
      <c r="AC38569">
        <v>33</v>
      </c>
      <c r="AD38569">
        <v>34</v>
      </c>
      <c r="AE38569">
        <v>35</v>
      </c>
      <c r="AF38569">
        <v>36</v>
      </c>
      <c r="AG38569">
        <v>37</v>
      </c>
      <c r="AH38569">
        <v>39</v>
      </c>
      <c r="AI38569">
        <v>40</v>
      </c>
      <c r="AJ38569">
        <v>41</v>
      </c>
      <c r="AK38569">
        <v>42</v>
      </c>
      <c r="AL38569">
        <v>43</v>
      </c>
      <c r="AM38569">
        <v>44</v>
      </c>
      <c r="AN38569">
        <v>45</v>
      </c>
      <c r="AO38569">
        <v>46</v>
      </c>
      <c r="AP38569">
        <v>47</v>
      </c>
      <c r="AQ38569">
        <v>48</v>
      </c>
    </row>
    <row r="38570" spans="1:43">
      <c r="A38570" t="s">
        <v>23927</v>
      </c>
      <c r="B38570" t="s">
        <v>23928</v>
      </c>
      <c r="C38570" t="s">
        <v>23929</v>
      </c>
      <c r="D38570" t="s">
        <v>23930</v>
      </c>
      <c r="E38570" t="s">
        <v>23891</v>
      </c>
      <c r="F38570" t="s">
        <v>23892</v>
      </c>
      <c r="G38570" t="s">
        <v>11612</v>
      </c>
      <c r="H38570" t="s">
        <v>11613</v>
      </c>
      <c r="I38570" s="2">
        <v>0</v>
      </c>
      <c r="J38570" s="2">
        <v>0</v>
      </c>
      <c r="K38570" s="2">
        <v>1</v>
      </c>
      <c r="L38570" t="s">
        <v>995</v>
      </c>
      <c r="M38570" t="s">
        <v>83</v>
      </c>
      <c r="N38570" t="s">
        <v>84</v>
      </c>
      <c r="O38570" t="s">
        <v>85</v>
      </c>
      <c r="P38570" t="s">
        <v>86</v>
      </c>
      <c r="Q38570">
        <v>16</v>
      </c>
      <c r="R38570">
        <v>16</v>
      </c>
      <c r="S38570">
        <v>17</v>
      </c>
      <c r="T38570">
        <v>17</v>
      </c>
      <c r="U38570">
        <v>18</v>
      </c>
      <c r="V38570">
        <v>19</v>
      </c>
      <c r="W38570">
        <v>19</v>
      </c>
      <c r="X38570">
        <v>20</v>
      </c>
      <c r="Y38570">
        <v>20</v>
      </c>
      <c r="Z38570">
        <v>21</v>
      </c>
      <c r="AA38570">
        <v>22</v>
      </c>
      <c r="AB38570">
        <v>22</v>
      </c>
      <c r="AC38570">
        <v>23</v>
      </c>
      <c r="AD38570">
        <v>24</v>
      </c>
      <c r="AE38570">
        <v>24</v>
      </c>
      <c r="AF38570">
        <v>25</v>
      </c>
      <c r="AG38570">
        <v>26</v>
      </c>
      <c r="AH38570">
        <v>27</v>
      </c>
      <c r="AI38570">
        <v>28</v>
      </c>
      <c r="AJ38570">
        <v>28</v>
      </c>
      <c r="AK38570">
        <v>29</v>
      </c>
      <c r="AL38570">
        <v>30</v>
      </c>
      <c r="AM38570">
        <v>30</v>
      </c>
      <c r="AN38570">
        <v>31</v>
      </c>
      <c r="AO38570">
        <v>32</v>
      </c>
      <c r="AP38570">
        <v>32</v>
      </c>
      <c r="AQ38570">
        <v>33</v>
      </c>
    </row>
    <row r="38571" spans="1:43">
      <c r="A38571" t="s">
        <v>23927</v>
      </c>
      <c r="B38571" t="s">
        <v>23928</v>
      </c>
      <c r="C38571" t="s">
        <v>23929</v>
      </c>
      <c r="D38571" t="s">
        <v>23930</v>
      </c>
      <c r="E38571" t="s">
        <v>23891</v>
      </c>
      <c r="F38571" t="s">
        <v>23892</v>
      </c>
      <c r="G38571" t="s">
        <v>11612</v>
      </c>
      <c r="H38571" t="s">
        <v>11613</v>
      </c>
      <c r="I38571" s="2">
        <v>0</v>
      </c>
      <c r="J38571" s="2">
        <v>0</v>
      </c>
      <c r="K38571" s="2">
        <v>1</v>
      </c>
      <c r="L38571" t="s">
        <v>995</v>
      </c>
      <c r="M38571" t="s">
        <v>87</v>
      </c>
      <c r="N38571" t="s">
        <v>88</v>
      </c>
      <c r="O38571" t="s">
        <v>85</v>
      </c>
      <c r="P38571" t="s">
        <v>86</v>
      </c>
      <c r="Q38571">
        <v>16</v>
      </c>
      <c r="R38571">
        <v>16</v>
      </c>
      <c r="S38571">
        <v>16</v>
      </c>
      <c r="T38571">
        <v>17</v>
      </c>
      <c r="U38571">
        <v>17</v>
      </c>
      <c r="V38571">
        <v>18</v>
      </c>
      <c r="W38571">
        <v>18</v>
      </c>
      <c r="X38571">
        <v>18</v>
      </c>
      <c r="Y38571">
        <v>19</v>
      </c>
      <c r="Z38571">
        <v>19</v>
      </c>
      <c r="AA38571">
        <v>20</v>
      </c>
      <c r="AB38571">
        <v>20</v>
      </c>
      <c r="AC38571">
        <v>21</v>
      </c>
      <c r="AD38571">
        <v>21</v>
      </c>
      <c r="AE38571">
        <v>22</v>
      </c>
      <c r="AF38571">
        <v>22</v>
      </c>
      <c r="AG38571">
        <v>23</v>
      </c>
      <c r="AH38571">
        <v>23</v>
      </c>
      <c r="AI38571">
        <v>24</v>
      </c>
      <c r="AJ38571">
        <v>24</v>
      </c>
      <c r="AK38571">
        <v>25</v>
      </c>
      <c r="AL38571">
        <v>26</v>
      </c>
      <c r="AM38571">
        <v>26</v>
      </c>
      <c r="AN38571">
        <v>27</v>
      </c>
      <c r="AO38571">
        <v>27</v>
      </c>
      <c r="AP38571">
        <v>28</v>
      </c>
      <c r="AQ38571">
        <v>29</v>
      </c>
    </row>
    <row r="38572" spans="1:43">
      <c r="A38572" t="s">
        <v>23927</v>
      </c>
      <c r="B38572" t="s">
        <v>23928</v>
      </c>
      <c r="C38572" t="s">
        <v>23929</v>
      </c>
      <c r="D38572" t="s">
        <v>23930</v>
      </c>
      <c r="E38572" t="s">
        <v>23891</v>
      </c>
      <c r="F38572" t="s">
        <v>23892</v>
      </c>
      <c r="G38572" t="s">
        <v>11612</v>
      </c>
      <c r="H38572" t="s">
        <v>11613</v>
      </c>
      <c r="I38572" s="2">
        <v>0</v>
      </c>
      <c r="J38572" s="2">
        <v>0</v>
      </c>
      <c r="K38572" s="2">
        <v>1</v>
      </c>
      <c r="L38572" t="s">
        <v>995</v>
      </c>
      <c r="M38572" t="s">
        <v>89</v>
      </c>
      <c r="N38572" t="s">
        <v>90</v>
      </c>
      <c r="O38572" t="s">
        <v>85</v>
      </c>
      <c r="P38572" t="s">
        <v>86</v>
      </c>
      <c r="Q38572">
        <v>16</v>
      </c>
      <c r="R38572">
        <v>17</v>
      </c>
      <c r="S38572">
        <v>17</v>
      </c>
      <c r="T38572">
        <v>18</v>
      </c>
      <c r="U38572">
        <v>19</v>
      </c>
      <c r="V38572">
        <v>19</v>
      </c>
      <c r="W38572">
        <v>20</v>
      </c>
      <c r="X38572">
        <v>21</v>
      </c>
      <c r="Y38572">
        <v>22</v>
      </c>
      <c r="Z38572">
        <v>22</v>
      </c>
      <c r="AA38572">
        <v>23</v>
      </c>
      <c r="AB38572">
        <v>24</v>
      </c>
      <c r="AC38572">
        <v>25</v>
      </c>
      <c r="AD38572">
        <v>25</v>
      </c>
      <c r="AE38572">
        <v>26</v>
      </c>
      <c r="AF38572">
        <v>27</v>
      </c>
      <c r="AG38572">
        <v>27</v>
      </c>
      <c r="AH38572">
        <v>28</v>
      </c>
      <c r="AI38572">
        <v>28</v>
      </c>
      <c r="AJ38572">
        <v>29</v>
      </c>
      <c r="AK38572">
        <v>30</v>
      </c>
      <c r="AL38572">
        <v>30</v>
      </c>
      <c r="AM38572">
        <v>31</v>
      </c>
      <c r="AN38572">
        <v>31</v>
      </c>
      <c r="AO38572">
        <v>32</v>
      </c>
      <c r="AP38572">
        <v>33</v>
      </c>
      <c r="AQ38572">
        <v>33</v>
      </c>
    </row>
    <row r="38573" spans="1:43">
      <c r="A38573" t="s">
        <v>23927</v>
      </c>
      <c r="B38573" t="s">
        <v>23928</v>
      </c>
      <c r="C38573" t="s">
        <v>23929</v>
      </c>
      <c r="D38573" t="s">
        <v>23930</v>
      </c>
      <c r="E38573" t="s">
        <v>23891</v>
      </c>
      <c r="F38573" t="s">
        <v>23892</v>
      </c>
      <c r="G38573" t="s">
        <v>11612</v>
      </c>
      <c r="H38573" t="s">
        <v>11613</v>
      </c>
      <c r="I38573" s="2">
        <v>0</v>
      </c>
      <c r="J38573" s="2">
        <v>0</v>
      </c>
      <c r="K38573" s="2">
        <v>1</v>
      </c>
      <c r="L38573" t="s">
        <v>995</v>
      </c>
      <c r="M38573" t="s">
        <v>83</v>
      </c>
      <c r="N38573" t="s">
        <v>91</v>
      </c>
      <c r="O38573" t="s">
        <v>85</v>
      </c>
      <c r="P38573" t="s">
        <v>86</v>
      </c>
      <c r="Q38573">
        <v>16</v>
      </c>
      <c r="R38573">
        <v>16</v>
      </c>
      <c r="S38573">
        <v>17</v>
      </c>
      <c r="T38573">
        <v>17</v>
      </c>
      <c r="U38573">
        <v>18</v>
      </c>
      <c r="V38573">
        <v>19</v>
      </c>
      <c r="W38573">
        <v>19</v>
      </c>
      <c r="X38573">
        <v>20</v>
      </c>
      <c r="Y38573">
        <v>20</v>
      </c>
      <c r="Z38573">
        <v>21</v>
      </c>
      <c r="AA38573">
        <v>22</v>
      </c>
      <c r="AB38573">
        <v>22</v>
      </c>
      <c r="AC38573">
        <v>23</v>
      </c>
      <c r="AD38573">
        <v>24</v>
      </c>
      <c r="AE38573">
        <v>24</v>
      </c>
      <c r="AF38573">
        <v>25</v>
      </c>
      <c r="AG38573">
        <v>26</v>
      </c>
      <c r="AH38573">
        <v>27</v>
      </c>
      <c r="AI38573">
        <v>28</v>
      </c>
      <c r="AJ38573">
        <v>28</v>
      </c>
      <c r="AK38573">
        <v>29</v>
      </c>
      <c r="AL38573">
        <v>30</v>
      </c>
      <c r="AM38573">
        <v>30</v>
      </c>
      <c r="AN38573">
        <v>31</v>
      </c>
      <c r="AO38573">
        <v>32</v>
      </c>
      <c r="AP38573">
        <v>32</v>
      </c>
      <c r="AQ38573">
        <v>33</v>
      </c>
    </row>
    <row r="38574" spans="1:43">
      <c r="A38574" t="s">
        <v>23931</v>
      </c>
      <c r="B38574" t="s">
        <v>23932</v>
      </c>
      <c r="C38574" t="s">
        <v>23925</v>
      </c>
      <c r="D38574" t="s">
        <v>23926</v>
      </c>
      <c r="E38574" t="s">
        <v>23891</v>
      </c>
      <c r="F38574" t="s">
        <v>23892</v>
      </c>
      <c r="G38574" t="s">
        <v>11612</v>
      </c>
      <c r="H38574" t="s">
        <v>11613</v>
      </c>
      <c r="I38574" s="2">
        <v>0</v>
      </c>
      <c r="J38574" s="2">
        <v>0</v>
      </c>
      <c r="K38574" s="2">
        <v>1</v>
      </c>
      <c r="L38574" t="s">
        <v>995</v>
      </c>
      <c r="M38574" t="s">
        <v>83</v>
      </c>
      <c r="N38574" t="s">
        <v>84</v>
      </c>
      <c r="O38574" t="s">
        <v>85</v>
      </c>
      <c r="P38574" t="s">
        <v>86</v>
      </c>
      <c r="Q38574">
        <v>26</v>
      </c>
      <c r="R38574">
        <v>26</v>
      </c>
      <c r="S38574">
        <v>27</v>
      </c>
      <c r="T38574">
        <v>28</v>
      </c>
      <c r="U38574">
        <v>29</v>
      </c>
      <c r="V38574">
        <v>30</v>
      </c>
      <c r="W38574">
        <v>31</v>
      </c>
      <c r="X38574">
        <v>32</v>
      </c>
      <c r="Y38574">
        <v>33</v>
      </c>
      <c r="Z38574">
        <v>34</v>
      </c>
      <c r="AA38574">
        <v>35</v>
      </c>
      <c r="AB38574">
        <v>36</v>
      </c>
      <c r="AC38574">
        <v>37</v>
      </c>
      <c r="AD38574">
        <v>39</v>
      </c>
      <c r="AE38574">
        <v>40</v>
      </c>
      <c r="AF38574">
        <v>41</v>
      </c>
      <c r="AG38574">
        <v>42</v>
      </c>
      <c r="AH38574">
        <v>43</v>
      </c>
      <c r="AI38574">
        <v>45</v>
      </c>
      <c r="AJ38574">
        <v>46</v>
      </c>
      <c r="AK38574">
        <v>47</v>
      </c>
      <c r="AL38574">
        <v>48</v>
      </c>
      <c r="AM38574">
        <v>49</v>
      </c>
      <c r="AN38574">
        <v>50</v>
      </c>
      <c r="AO38574">
        <v>51</v>
      </c>
      <c r="AP38574">
        <v>52</v>
      </c>
      <c r="AQ38574">
        <v>54</v>
      </c>
    </row>
    <row r="38575" spans="1:43">
      <c r="A38575" t="s">
        <v>23931</v>
      </c>
      <c r="B38575" t="s">
        <v>23932</v>
      </c>
      <c r="C38575" t="s">
        <v>23925</v>
      </c>
      <c r="D38575" t="s">
        <v>23926</v>
      </c>
      <c r="E38575" t="s">
        <v>23891</v>
      </c>
      <c r="F38575" t="s">
        <v>23892</v>
      </c>
      <c r="G38575" t="s">
        <v>11612</v>
      </c>
      <c r="H38575" t="s">
        <v>11613</v>
      </c>
      <c r="I38575" s="2">
        <v>0</v>
      </c>
      <c r="J38575" s="2">
        <v>0</v>
      </c>
      <c r="K38575" s="2">
        <v>1</v>
      </c>
      <c r="L38575" t="s">
        <v>995</v>
      </c>
      <c r="M38575" t="s">
        <v>87</v>
      </c>
      <c r="N38575" t="s">
        <v>88</v>
      </c>
      <c r="O38575" t="s">
        <v>85</v>
      </c>
      <c r="P38575" t="s">
        <v>86</v>
      </c>
      <c r="Q38575">
        <v>26</v>
      </c>
      <c r="R38575">
        <v>27</v>
      </c>
      <c r="S38575">
        <v>28</v>
      </c>
      <c r="T38575">
        <v>28</v>
      </c>
      <c r="U38575">
        <v>29</v>
      </c>
      <c r="V38575">
        <v>29</v>
      </c>
      <c r="W38575">
        <v>30</v>
      </c>
      <c r="X38575">
        <v>31</v>
      </c>
      <c r="Y38575">
        <v>32</v>
      </c>
      <c r="Z38575">
        <v>32</v>
      </c>
      <c r="AA38575">
        <v>33</v>
      </c>
      <c r="AB38575">
        <v>34</v>
      </c>
      <c r="AC38575">
        <v>35</v>
      </c>
      <c r="AD38575">
        <v>35</v>
      </c>
      <c r="AE38575">
        <v>36</v>
      </c>
      <c r="AF38575">
        <v>37</v>
      </c>
      <c r="AG38575">
        <v>38</v>
      </c>
      <c r="AH38575">
        <v>39</v>
      </c>
      <c r="AI38575">
        <v>40</v>
      </c>
      <c r="AJ38575">
        <v>41</v>
      </c>
      <c r="AK38575">
        <v>41</v>
      </c>
      <c r="AL38575">
        <v>42</v>
      </c>
      <c r="AM38575">
        <v>43</v>
      </c>
      <c r="AN38575">
        <v>44</v>
      </c>
      <c r="AO38575">
        <v>45</v>
      </c>
      <c r="AP38575">
        <v>46</v>
      </c>
      <c r="AQ38575">
        <v>47</v>
      </c>
    </row>
    <row r="38576" spans="1:43">
      <c r="A38576" t="s">
        <v>23931</v>
      </c>
      <c r="B38576" t="s">
        <v>23932</v>
      </c>
      <c r="C38576" t="s">
        <v>23925</v>
      </c>
      <c r="D38576" t="s">
        <v>23926</v>
      </c>
      <c r="E38576" t="s">
        <v>23891</v>
      </c>
      <c r="F38576" t="s">
        <v>23892</v>
      </c>
      <c r="G38576" t="s">
        <v>11612</v>
      </c>
      <c r="H38576" t="s">
        <v>11613</v>
      </c>
      <c r="I38576" s="2">
        <v>0</v>
      </c>
      <c r="J38576" s="2">
        <v>0</v>
      </c>
      <c r="K38576" s="2">
        <v>1</v>
      </c>
      <c r="L38576" t="s">
        <v>995</v>
      </c>
      <c r="M38576" t="s">
        <v>89</v>
      </c>
      <c r="N38576" t="s">
        <v>90</v>
      </c>
      <c r="O38576" t="s">
        <v>85</v>
      </c>
      <c r="P38576" t="s">
        <v>86</v>
      </c>
      <c r="Q38576">
        <v>26</v>
      </c>
      <c r="R38576">
        <v>27</v>
      </c>
      <c r="S38576">
        <v>28</v>
      </c>
      <c r="T38576">
        <v>29</v>
      </c>
      <c r="U38576">
        <v>30</v>
      </c>
      <c r="V38576">
        <v>31</v>
      </c>
      <c r="W38576">
        <v>33</v>
      </c>
      <c r="X38576">
        <v>34</v>
      </c>
      <c r="Y38576">
        <v>35</v>
      </c>
      <c r="Z38576">
        <v>36</v>
      </c>
      <c r="AA38576">
        <v>37</v>
      </c>
      <c r="AB38576">
        <v>39</v>
      </c>
      <c r="AC38576">
        <v>40</v>
      </c>
      <c r="AD38576">
        <v>41</v>
      </c>
      <c r="AE38576">
        <v>43</v>
      </c>
      <c r="AF38576">
        <v>43</v>
      </c>
      <c r="AG38576">
        <v>44</v>
      </c>
      <c r="AH38576">
        <v>45</v>
      </c>
      <c r="AI38576">
        <v>46</v>
      </c>
      <c r="AJ38576">
        <v>47</v>
      </c>
      <c r="AK38576">
        <v>48</v>
      </c>
      <c r="AL38576">
        <v>49</v>
      </c>
      <c r="AM38576">
        <v>50</v>
      </c>
      <c r="AN38576">
        <v>51</v>
      </c>
      <c r="AO38576">
        <v>52</v>
      </c>
      <c r="AP38576">
        <v>53</v>
      </c>
      <c r="AQ38576">
        <v>54</v>
      </c>
    </row>
    <row r="38577" spans="1:43">
      <c r="A38577" t="s">
        <v>23931</v>
      </c>
      <c r="B38577" t="s">
        <v>23932</v>
      </c>
      <c r="C38577" t="s">
        <v>23925</v>
      </c>
      <c r="D38577" t="s">
        <v>23926</v>
      </c>
      <c r="E38577" t="s">
        <v>23891</v>
      </c>
      <c r="F38577" t="s">
        <v>23892</v>
      </c>
      <c r="G38577" t="s">
        <v>11612</v>
      </c>
      <c r="H38577" t="s">
        <v>11613</v>
      </c>
      <c r="I38577" s="2">
        <v>0</v>
      </c>
      <c r="J38577" s="2">
        <v>0</v>
      </c>
      <c r="K38577" s="2">
        <v>1</v>
      </c>
      <c r="L38577" t="s">
        <v>995</v>
      </c>
      <c r="M38577" t="s">
        <v>83</v>
      </c>
      <c r="N38577" t="s">
        <v>91</v>
      </c>
      <c r="O38577" t="s">
        <v>85</v>
      </c>
      <c r="P38577" t="s">
        <v>86</v>
      </c>
      <c r="Q38577">
        <v>26</v>
      </c>
      <c r="R38577">
        <v>26</v>
      </c>
      <c r="S38577">
        <v>27</v>
      </c>
      <c r="T38577">
        <v>28</v>
      </c>
      <c r="U38577">
        <v>29</v>
      </c>
      <c r="V38577">
        <v>30</v>
      </c>
      <c r="W38577">
        <v>31</v>
      </c>
      <c r="X38577">
        <v>32</v>
      </c>
      <c r="Y38577">
        <v>33</v>
      </c>
      <c r="Z38577">
        <v>34</v>
      </c>
      <c r="AA38577">
        <v>35</v>
      </c>
      <c r="AB38577">
        <v>36</v>
      </c>
      <c r="AC38577">
        <v>37</v>
      </c>
      <c r="AD38577">
        <v>39</v>
      </c>
      <c r="AE38577">
        <v>40</v>
      </c>
      <c r="AF38577">
        <v>41</v>
      </c>
      <c r="AG38577">
        <v>42</v>
      </c>
      <c r="AH38577">
        <v>43</v>
      </c>
      <c r="AI38577">
        <v>45</v>
      </c>
      <c r="AJ38577">
        <v>46</v>
      </c>
      <c r="AK38577">
        <v>47</v>
      </c>
      <c r="AL38577">
        <v>48</v>
      </c>
      <c r="AM38577">
        <v>49</v>
      </c>
      <c r="AN38577">
        <v>50</v>
      </c>
      <c r="AO38577">
        <v>51</v>
      </c>
      <c r="AP38577">
        <v>52</v>
      </c>
      <c r="AQ38577">
        <v>54</v>
      </c>
    </row>
    <row r="38578" spans="1:43">
      <c r="A38578" t="s">
        <v>23933</v>
      </c>
      <c r="B38578" t="s">
        <v>23934</v>
      </c>
      <c r="C38578" t="s">
        <v>23897</v>
      </c>
      <c r="D38578" t="s">
        <v>23898</v>
      </c>
      <c r="E38578" t="s">
        <v>23891</v>
      </c>
      <c r="F38578" t="s">
        <v>23892</v>
      </c>
      <c r="G38578" t="s">
        <v>11612</v>
      </c>
      <c r="H38578" t="s">
        <v>11613</v>
      </c>
      <c r="I38578" s="2">
        <v>0</v>
      </c>
      <c r="J38578" s="2">
        <v>0</v>
      </c>
      <c r="K38578" s="2">
        <v>1</v>
      </c>
      <c r="L38578" t="s">
        <v>995</v>
      </c>
      <c r="M38578" t="s">
        <v>83</v>
      </c>
      <c r="N38578" t="s">
        <v>84</v>
      </c>
      <c r="O38578" t="s">
        <v>85</v>
      </c>
      <c r="P38578" t="s">
        <v>86</v>
      </c>
      <c r="Q38578">
        <v>3</v>
      </c>
      <c r="R38578">
        <v>3</v>
      </c>
      <c r="S38578">
        <v>3</v>
      </c>
      <c r="T38578">
        <v>4</v>
      </c>
      <c r="U38578">
        <v>4</v>
      </c>
      <c r="V38578">
        <v>4</v>
      </c>
      <c r="W38578">
        <v>4</v>
      </c>
      <c r="X38578">
        <v>4</v>
      </c>
      <c r="Y38578">
        <v>4</v>
      </c>
      <c r="Z38578">
        <v>4</v>
      </c>
      <c r="AA38578">
        <v>4</v>
      </c>
      <c r="AB38578">
        <v>5</v>
      </c>
      <c r="AC38578">
        <v>5</v>
      </c>
      <c r="AD38578">
        <v>5</v>
      </c>
      <c r="AE38578">
        <v>5</v>
      </c>
      <c r="AF38578">
        <v>5</v>
      </c>
      <c r="AG38578">
        <v>5</v>
      </c>
      <c r="AH38578">
        <v>6</v>
      </c>
      <c r="AI38578">
        <v>6</v>
      </c>
      <c r="AJ38578">
        <v>6</v>
      </c>
      <c r="AK38578">
        <v>6</v>
      </c>
      <c r="AL38578">
        <v>6</v>
      </c>
      <c r="AM38578">
        <v>6</v>
      </c>
      <c r="AN38578">
        <v>6</v>
      </c>
      <c r="AO38578">
        <v>7</v>
      </c>
      <c r="AP38578">
        <v>7</v>
      </c>
      <c r="AQ38578">
        <v>7</v>
      </c>
    </row>
    <row r="38579" spans="1:43">
      <c r="A38579" t="s">
        <v>23933</v>
      </c>
      <c r="B38579" t="s">
        <v>23934</v>
      </c>
      <c r="C38579" t="s">
        <v>23897</v>
      </c>
      <c r="D38579" t="s">
        <v>23898</v>
      </c>
      <c r="E38579" t="s">
        <v>23891</v>
      </c>
      <c r="F38579" t="s">
        <v>23892</v>
      </c>
      <c r="G38579" t="s">
        <v>11612</v>
      </c>
      <c r="H38579" t="s">
        <v>11613</v>
      </c>
      <c r="I38579" s="2">
        <v>0</v>
      </c>
      <c r="J38579" s="2">
        <v>0</v>
      </c>
      <c r="K38579" s="2">
        <v>1</v>
      </c>
      <c r="L38579" t="s">
        <v>995</v>
      </c>
      <c r="M38579" t="s">
        <v>87</v>
      </c>
      <c r="N38579" t="s">
        <v>88</v>
      </c>
      <c r="O38579" t="s">
        <v>85</v>
      </c>
      <c r="P38579" t="s">
        <v>86</v>
      </c>
      <c r="Q38579">
        <v>3</v>
      </c>
      <c r="R38579">
        <v>3</v>
      </c>
      <c r="S38579">
        <v>3</v>
      </c>
      <c r="T38579">
        <v>3</v>
      </c>
      <c r="U38579">
        <v>4</v>
      </c>
      <c r="V38579">
        <v>4</v>
      </c>
      <c r="W38579">
        <v>4</v>
      </c>
      <c r="X38579">
        <v>4</v>
      </c>
      <c r="Y38579">
        <v>4</v>
      </c>
      <c r="Z38579">
        <v>4</v>
      </c>
      <c r="AA38579">
        <v>4</v>
      </c>
      <c r="AB38579">
        <v>4</v>
      </c>
      <c r="AC38579">
        <v>4</v>
      </c>
      <c r="AD38579">
        <v>4</v>
      </c>
      <c r="AE38579">
        <v>4</v>
      </c>
      <c r="AF38579">
        <v>5</v>
      </c>
      <c r="AG38579">
        <v>5</v>
      </c>
      <c r="AH38579">
        <v>5</v>
      </c>
      <c r="AI38579">
        <v>5</v>
      </c>
      <c r="AJ38579">
        <v>5</v>
      </c>
      <c r="AK38579">
        <v>5</v>
      </c>
      <c r="AL38579">
        <v>5</v>
      </c>
      <c r="AM38579">
        <v>5</v>
      </c>
      <c r="AN38579">
        <v>6</v>
      </c>
      <c r="AO38579">
        <v>6</v>
      </c>
      <c r="AP38579">
        <v>6</v>
      </c>
      <c r="AQ38579">
        <v>6</v>
      </c>
    </row>
    <row r="38580" spans="1:43">
      <c r="A38580" t="s">
        <v>23933</v>
      </c>
      <c r="B38580" t="s">
        <v>23934</v>
      </c>
      <c r="C38580" t="s">
        <v>23897</v>
      </c>
      <c r="D38580" t="s">
        <v>23898</v>
      </c>
      <c r="E38580" t="s">
        <v>23891</v>
      </c>
      <c r="F38580" t="s">
        <v>23892</v>
      </c>
      <c r="G38580" t="s">
        <v>11612</v>
      </c>
      <c r="H38580" t="s">
        <v>11613</v>
      </c>
      <c r="I38580" s="2">
        <v>0</v>
      </c>
      <c r="J38580" s="2">
        <v>0</v>
      </c>
      <c r="K38580" s="2">
        <v>1</v>
      </c>
      <c r="L38580" t="s">
        <v>995</v>
      </c>
      <c r="M38580" t="s">
        <v>89</v>
      </c>
      <c r="N38580" t="s">
        <v>90</v>
      </c>
      <c r="O38580" t="s">
        <v>85</v>
      </c>
      <c r="P38580" t="s">
        <v>86</v>
      </c>
      <c r="Q38580">
        <v>3</v>
      </c>
      <c r="R38580">
        <v>3</v>
      </c>
      <c r="S38580">
        <v>4</v>
      </c>
      <c r="T38580">
        <v>4</v>
      </c>
      <c r="U38580">
        <v>4</v>
      </c>
      <c r="V38580">
        <v>4</v>
      </c>
      <c r="W38580">
        <v>4</v>
      </c>
      <c r="X38580">
        <v>4</v>
      </c>
      <c r="Y38580">
        <v>4</v>
      </c>
      <c r="Z38580">
        <v>5</v>
      </c>
      <c r="AA38580">
        <v>5</v>
      </c>
      <c r="AB38580">
        <v>5</v>
      </c>
      <c r="AC38580">
        <v>5</v>
      </c>
      <c r="AD38580">
        <v>5</v>
      </c>
      <c r="AE38580">
        <v>5</v>
      </c>
      <c r="AF38580">
        <v>6</v>
      </c>
      <c r="AG38580">
        <v>6</v>
      </c>
      <c r="AH38580">
        <v>6</v>
      </c>
      <c r="AI38580">
        <v>6</v>
      </c>
      <c r="AJ38580">
        <v>6</v>
      </c>
      <c r="AK38580">
        <v>6</v>
      </c>
      <c r="AL38580">
        <v>6</v>
      </c>
      <c r="AM38580">
        <v>6</v>
      </c>
      <c r="AN38580">
        <v>6</v>
      </c>
      <c r="AO38580">
        <v>7</v>
      </c>
      <c r="AP38580">
        <v>7</v>
      </c>
      <c r="AQ38580">
        <v>7</v>
      </c>
    </row>
    <row r="38581" spans="1:43">
      <c r="A38581" t="s">
        <v>23933</v>
      </c>
      <c r="B38581" t="s">
        <v>23934</v>
      </c>
      <c r="C38581" t="s">
        <v>23897</v>
      </c>
      <c r="D38581" t="s">
        <v>23898</v>
      </c>
      <c r="E38581" t="s">
        <v>23891</v>
      </c>
      <c r="F38581" t="s">
        <v>23892</v>
      </c>
      <c r="G38581" t="s">
        <v>11612</v>
      </c>
      <c r="H38581" t="s">
        <v>11613</v>
      </c>
      <c r="I38581" s="2">
        <v>0</v>
      </c>
      <c r="J38581" s="2">
        <v>0</v>
      </c>
      <c r="K38581" s="2">
        <v>1</v>
      </c>
      <c r="L38581" t="s">
        <v>995</v>
      </c>
      <c r="M38581" t="s">
        <v>83</v>
      </c>
      <c r="N38581" t="s">
        <v>91</v>
      </c>
      <c r="O38581" t="s">
        <v>85</v>
      </c>
      <c r="P38581" t="s">
        <v>86</v>
      </c>
      <c r="Q38581">
        <v>3</v>
      </c>
      <c r="R38581">
        <v>3</v>
      </c>
      <c r="S38581">
        <v>3</v>
      </c>
      <c r="T38581">
        <v>4</v>
      </c>
      <c r="U38581">
        <v>4</v>
      </c>
      <c r="V38581">
        <v>4</v>
      </c>
      <c r="W38581">
        <v>4</v>
      </c>
      <c r="X38581">
        <v>4</v>
      </c>
      <c r="Y38581">
        <v>4</v>
      </c>
      <c r="Z38581">
        <v>4</v>
      </c>
      <c r="AA38581">
        <v>4</v>
      </c>
      <c r="AB38581">
        <v>5</v>
      </c>
      <c r="AC38581">
        <v>5</v>
      </c>
      <c r="AD38581">
        <v>5</v>
      </c>
      <c r="AE38581">
        <v>5</v>
      </c>
      <c r="AF38581">
        <v>5</v>
      </c>
      <c r="AG38581">
        <v>5</v>
      </c>
      <c r="AH38581">
        <v>6</v>
      </c>
      <c r="AI38581">
        <v>6</v>
      </c>
      <c r="AJ38581">
        <v>6</v>
      </c>
      <c r="AK38581">
        <v>6</v>
      </c>
      <c r="AL38581">
        <v>6</v>
      </c>
      <c r="AM38581">
        <v>6</v>
      </c>
      <c r="AN38581">
        <v>6</v>
      </c>
      <c r="AO38581">
        <v>7</v>
      </c>
      <c r="AP38581">
        <v>7</v>
      </c>
      <c r="AQ38581">
        <v>7</v>
      </c>
    </row>
    <row r="38582" spans="1:43">
      <c r="A38582" t="s">
        <v>23935</v>
      </c>
      <c r="B38582" t="s">
        <v>23936</v>
      </c>
      <c r="C38582" t="s">
        <v>23897</v>
      </c>
      <c r="D38582" t="s">
        <v>23898</v>
      </c>
      <c r="E38582" t="s">
        <v>23891</v>
      </c>
      <c r="F38582" t="s">
        <v>23892</v>
      </c>
      <c r="G38582" t="s">
        <v>11612</v>
      </c>
      <c r="H38582" t="s">
        <v>11613</v>
      </c>
      <c r="I38582" s="2">
        <v>0</v>
      </c>
      <c r="J38582" s="2">
        <v>0</v>
      </c>
      <c r="K38582" s="2">
        <v>1</v>
      </c>
      <c r="L38582" t="s">
        <v>995</v>
      </c>
      <c r="M38582" t="s">
        <v>83</v>
      </c>
      <c r="N38582" t="s">
        <v>84</v>
      </c>
      <c r="O38582" t="s">
        <v>85</v>
      </c>
      <c r="P38582" t="s">
        <v>86</v>
      </c>
      <c r="Q38582">
        <v>57</v>
      </c>
      <c r="R38582">
        <v>59</v>
      </c>
      <c r="S38582">
        <v>60</v>
      </c>
      <c r="T38582">
        <v>62</v>
      </c>
      <c r="U38582">
        <v>65</v>
      </c>
      <c r="V38582">
        <v>67</v>
      </c>
      <c r="W38582">
        <v>69</v>
      </c>
      <c r="X38582">
        <v>71</v>
      </c>
      <c r="Y38582">
        <v>73</v>
      </c>
      <c r="Z38582">
        <v>76</v>
      </c>
      <c r="AA38582">
        <v>78</v>
      </c>
      <c r="AB38582">
        <v>81</v>
      </c>
      <c r="AC38582">
        <v>83</v>
      </c>
      <c r="AD38582">
        <v>86</v>
      </c>
      <c r="AE38582">
        <v>88</v>
      </c>
      <c r="AF38582">
        <v>91</v>
      </c>
      <c r="AG38582">
        <v>93</v>
      </c>
      <c r="AH38582">
        <v>96</v>
      </c>
      <c r="AI38582">
        <v>99</v>
      </c>
      <c r="AJ38582">
        <v>102</v>
      </c>
      <c r="AK38582">
        <v>105</v>
      </c>
      <c r="AL38582">
        <v>108</v>
      </c>
      <c r="AM38582">
        <v>110</v>
      </c>
      <c r="AN38582">
        <v>112</v>
      </c>
      <c r="AO38582">
        <v>114</v>
      </c>
      <c r="AP38582">
        <v>116</v>
      </c>
      <c r="AQ38582">
        <v>119</v>
      </c>
    </row>
    <row r="38583" spans="1:43">
      <c r="A38583" t="s">
        <v>23935</v>
      </c>
      <c r="B38583" t="s">
        <v>23936</v>
      </c>
      <c r="C38583" t="s">
        <v>23897</v>
      </c>
      <c r="D38583" t="s">
        <v>23898</v>
      </c>
      <c r="E38583" t="s">
        <v>23891</v>
      </c>
      <c r="F38583" t="s">
        <v>23892</v>
      </c>
      <c r="G38583" t="s">
        <v>11612</v>
      </c>
      <c r="H38583" t="s">
        <v>11613</v>
      </c>
      <c r="I38583" s="2">
        <v>0</v>
      </c>
      <c r="J38583" s="2">
        <v>0</v>
      </c>
      <c r="K38583" s="2">
        <v>1</v>
      </c>
      <c r="L38583" t="s">
        <v>995</v>
      </c>
      <c r="M38583" t="s">
        <v>87</v>
      </c>
      <c r="N38583" t="s">
        <v>88</v>
      </c>
      <c r="O38583" t="s">
        <v>85</v>
      </c>
      <c r="P38583" t="s">
        <v>86</v>
      </c>
      <c r="Q38583">
        <v>57</v>
      </c>
      <c r="R38583">
        <v>58</v>
      </c>
      <c r="S38583">
        <v>60</v>
      </c>
      <c r="T38583">
        <v>61</v>
      </c>
      <c r="U38583">
        <v>63</v>
      </c>
      <c r="V38583">
        <v>64</v>
      </c>
      <c r="W38583">
        <v>66</v>
      </c>
      <c r="X38583">
        <v>67</v>
      </c>
      <c r="Y38583">
        <v>69</v>
      </c>
      <c r="Z38583">
        <v>70</v>
      </c>
      <c r="AA38583">
        <v>72</v>
      </c>
      <c r="AB38583">
        <v>74</v>
      </c>
      <c r="AC38583">
        <v>76</v>
      </c>
      <c r="AD38583">
        <v>77</v>
      </c>
      <c r="AE38583">
        <v>79</v>
      </c>
      <c r="AF38583">
        <v>81</v>
      </c>
      <c r="AG38583">
        <v>83</v>
      </c>
      <c r="AH38583">
        <v>85</v>
      </c>
      <c r="AI38583">
        <v>87</v>
      </c>
      <c r="AJ38583">
        <v>89</v>
      </c>
      <c r="AK38583">
        <v>91</v>
      </c>
      <c r="AL38583">
        <v>93</v>
      </c>
      <c r="AM38583">
        <v>95</v>
      </c>
      <c r="AN38583">
        <v>97</v>
      </c>
      <c r="AO38583">
        <v>100</v>
      </c>
      <c r="AP38583">
        <v>102</v>
      </c>
      <c r="AQ38583">
        <v>104</v>
      </c>
    </row>
    <row r="38584" spans="1:43">
      <c r="A38584" t="s">
        <v>23935</v>
      </c>
      <c r="B38584" t="s">
        <v>23936</v>
      </c>
      <c r="C38584" t="s">
        <v>23897</v>
      </c>
      <c r="D38584" t="s">
        <v>23898</v>
      </c>
      <c r="E38584" t="s">
        <v>23891</v>
      </c>
      <c r="F38584" t="s">
        <v>23892</v>
      </c>
      <c r="G38584" t="s">
        <v>11612</v>
      </c>
      <c r="H38584" t="s">
        <v>11613</v>
      </c>
      <c r="I38584" s="2">
        <v>0</v>
      </c>
      <c r="J38584" s="2">
        <v>0</v>
      </c>
      <c r="K38584" s="2">
        <v>1</v>
      </c>
      <c r="L38584" t="s">
        <v>995</v>
      </c>
      <c r="M38584" t="s">
        <v>89</v>
      </c>
      <c r="N38584" t="s">
        <v>90</v>
      </c>
      <c r="O38584" t="s">
        <v>85</v>
      </c>
      <c r="P38584" t="s">
        <v>86</v>
      </c>
      <c r="Q38584">
        <v>57</v>
      </c>
      <c r="R38584">
        <v>60</v>
      </c>
      <c r="S38584">
        <v>62</v>
      </c>
      <c r="T38584">
        <v>65</v>
      </c>
      <c r="U38584">
        <v>67</v>
      </c>
      <c r="V38584">
        <v>70</v>
      </c>
      <c r="W38584">
        <v>72</v>
      </c>
      <c r="X38584">
        <v>75</v>
      </c>
      <c r="Y38584">
        <v>78</v>
      </c>
      <c r="Z38584">
        <v>80</v>
      </c>
      <c r="AA38584">
        <v>83</v>
      </c>
      <c r="AB38584">
        <v>86</v>
      </c>
      <c r="AC38584">
        <v>89</v>
      </c>
      <c r="AD38584">
        <v>92</v>
      </c>
      <c r="AE38584">
        <v>94</v>
      </c>
      <c r="AF38584">
        <v>96</v>
      </c>
      <c r="AG38584">
        <v>98</v>
      </c>
      <c r="AH38584">
        <v>100</v>
      </c>
      <c r="AI38584">
        <v>102</v>
      </c>
      <c r="AJ38584">
        <v>104</v>
      </c>
      <c r="AK38584">
        <v>106</v>
      </c>
      <c r="AL38584">
        <v>109</v>
      </c>
      <c r="AM38584">
        <v>111</v>
      </c>
      <c r="AN38584">
        <v>113</v>
      </c>
      <c r="AO38584">
        <v>115</v>
      </c>
      <c r="AP38584">
        <v>117</v>
      </c>
      <c r="AQ38584">
        <v>120</v>
      </c>
    </row>
    <row r="38585" spans="1:43">
      <c r="A38585" t="s">
        <v>23935</v>
      </c>
      <c r="B38585" t="s">
        <v>23936</v>
      </c>
      <c r="C38585" t="s">
        <v>23897</v>
      </c>
      <c r="D38585" t="s">
        <v>23898</v>
      </c>
      <c r="E38585" t="s">
        <v>23891</v>
      </c>
      <c r="F38585" t="s">
        <v>23892</v>
      </c>
      <c r="G38585" t="s">
        <v>11612</v>
      </c>
      <c r="H38585" t="s">
        <v>11613</v>
      </c>
      <c r="I38585" s="2">
        <v>0</v>
      </c>
      <c r="J38585" s="2">
        <v>0</v>
      </c>
      <c r="K38585" s="2">
        <v>1</v>
      </c>
      <c r="L38585" t="s">
        <v>995</v>
      </c>
      <c r="M38585" t="s">
        <v>83</v>
      </c>
      <c r="N38585" t="s">
        <v>91</v>
      </c>
      <c r="O38585" t="s">
        <v>85</v>
      </c>
      <c r="P38585" t="s">
        <v>86</v>
      </c>
      <c r="Q38585">
        <v>57</v>
      </c>
      <c r="R38585">
        <v>59</v>
      </c>
      <c r="S38585">
        <v>60</v>
      </c>
      <c r="T38585">
        <v>62</v>
      </c>
      <c r="U38585">
        <v>65</v>
      </c>
      <c r="V38585">
        <v>67</v>
      </c>
      <c r="W38585">
        <v>69</v>
      </c>
      <c r="X38585">
        <v>71</v>
      </c>
      <c r="Y38585">
        <v>73</v>
      </c>
      <c r="Z38585">
        <v>76</v>
      </c>
      <c r="AA38585">
        <v>78</v>
      </c>
      <c r="AB38585">
        <v>81</v>
      </c>
      <c r="AC38585">
        <v>83</v>
      </c>
      <c r="AD38585">
        <v>86</v>
      </c>
      <c r="AE38585">
        <v>88</v>
      </c>
      <c r="AF38585">
        <v>91</v>
      </c>
      <c r="AG38585">
        <v>93</v>
      </c>
      <c r="AH38585">
        <v>96</v>
      </c>
      <c r="AI38585">
        <v>99</v>
      </c>
      <c r="AJ38585">
        <v>102</v>
      </c>
      <c r="AK38585">
        <v>105</v>
      </c>
      <c r="AL38585">
        <v>108</v>
      </c>
      <c r="AM38585">
        <v>110</v>
      </c>
      <c r="AN38585">
        <v>112</v>
      </c>
      <c r="AO38585">
        <v>114</v>
      </c>
      <c r="AP38585">
        <v>116</v>
      </c>
      <c r="AQ38585">
        <v>119</v>
      </c>
    </row>
    <row r="38586" spans="1:43">
      <c r="A38586" t="s">
        <v>23937</v>
      </c>
      <c r="B38586" t="s">
        <v>23938</v>
      </c>
      <c r="C38586" t="s">
        <v>23929</v>
      </c>
      <c r="D38586" t="s">
        <v>23930</v>
      </c>
      <c r="E38586" t="s">
        <v>23891</v>
      </c>
      <c r="F38586" t="s">
        <v>23892</v>
      </c>
      <c r="G38586" t="s">
        <v>11612</v>
      </c>
      <c r="H38586" t="s">
        <v>11613</v>
      </c>
      <c r="I38586" s="2">
        <v>0</v>
      </c>
      <c r="J38586" s="2">
        <v>0</v>
      </c>
      <c r="K38586" s="2">
        <v>1</v>
      </c>
      <c r="L38586" t="s">
        <v>995</v>
      </c>
      <c r="M38586" t="s">
        <v>83</v>
      </c>
      <c r="N38586" t="s">
        <v>84</v>
      </c>
      <c r="O38586" t="s">
        <v>85</v>
      </c>
      <c r="P38586" t="s">
        <v>86</v>
      </c>
      <c r="Q38586">
        <v>25</v>
      </c>
      <c r="R38586">
        <v>26</v>
      </c>
      <c r="S38586">
        <v>27</v>
      </c>
      <c r="T38586">
        <v>28</v>
      </c>
      <c r="U38586">
        <v>29</v>
      </c>
      <c r="V38586">
        <v>30</v>
      </c>
      <c r="W38586">
        <v>30</v>
      </c>
      <c r="X38586">
        <v>31</v>
      </c>
      <c r="Y38586">
        <v>32</v>
      </c>
      <c r="Z38586">
        <v>34</v>
      </c>
      <c r="AA38586">
        <v>35</v>
      </c>
      <c r="AB38586">
        <v>36</v>
      </c>
      <c r="AC38586">
        <v>37</v>
      </c>
      <c r="AD38586">
        <v>38</v>
      </c>
      <c r="AE38586">
        <v>39</v>
      </c>
      <c r="AF38586">
        <v>40</v>
      </c>
      <c r="AG38586">
        <v>41</v>
      </c>
      <c r="AH38586">
        <v>42</v>
      </c>
      <c r="AI38586">
        <v>44</v>
      </c>
      <c r="AJ38586">
        <v>45</v>
      </c>
      <c r="AK38586">
        <v>46</v>
      </c>
      <c r="AL38586">
        <v>47</v>
      </c>
      <c r="AM38586">
        <v>48</v>
      </c>
      <c r="AN38586">
        <v>49</v>
      </c>
      <c r="AO38586">
        <v>50</v>
      </c>
      <c r="AP38586">
        <v>51</v>
      </c>
      <c r="AQ38586">
        <v>52</v>
      </c>
    </row>
    <row r="38587" spans="1:43">
      <c r="A38587" t="s">
        <v>23937</v>
      </c>
      <c r="B38587" t="s">
        <v>23938</v>
      </c>
      <c r="C38587" t="s">
        <v>23929</v>
      </c>
      <c r="D38587" t="s">
        <v>23930</v>
      </c>
      <c r="E38587" t="s">
        <v>23891</v>
      </c>
      <c r="F38587" t="s">
        <v>23892</v>
      </c>
      <c r="G38587" t="s">
        <v>11612</v>
      </c>
      <c r="H38587" t="s">
        <v>11613</v>
      </c>
      <c r="I38587" s="2">
        <v>0</v>
      </c>
      <c r="J38587" s="2">
        <v>0</v>
      </c>
      <c r="K38587" s="2">
        <v>1</v>
      </c>
      <c r="L38587" t="s">
        <v>995</v>
      </c>
      <c r="M38587" t="s">
        <v>87</v>
      </c>
      <c r="N38587" t="s">
        <v>88</v>
      </c>
      <c r="O38587" t="s">
        <v>85</v>
      </c>
      <c r="P38587" t="s">
        <v>86</v>
      </c>
      <c r="Q38587">
        <v>25</v>
      </c>
      <c r="R38587">
        <v>25</v>
      </c>
      <c r="S38587">
        <v>26</v>
      </c>
      <c r="T38587">
        <v>27</v>
      </c>
      <c r="U38587">
        <v>27</v>
      </c>
      <c r="V38587">
        <v>28</v>
      </c>
      <c r="W38587">
        <v>29</v>
      </c>
      <c r="X38587">
        <v>29</v>
      </c>
      <c r="Y38587">
        <v>30</v>
      </c>
      <c r="Z38587">
        <v>31</v>
      </c>
      <c r="AA38587">
        <v>31</v>
      </c>
      <c r="AB38587">
        <v>32</v>
      </c>
      <c r="AC38587">
        <v>33</v>
      </c>
      <c r="AD38587">
        <v>34</v>
      </c>
      <c r="AE38587">
        <v>35</v>
      </c>
      <c r="AF38587">
        <v>35</v>
      </c>
      <c r="AG38587">
        <v>36</v>
      </c>
      <c r="AH38587">
        <v>37</v>
      </c>
      <c r="AI38587">
        <v>38</v>
      </c>
      <c r="AJ38587">
        <v>39</v>
      </c>
      <c r="AK38587">
        <v>40</v>
      </c>
      <c r="AL38587">
        <v>41</v>
      </c>
      <c r="AM38587">
        <v>42</v>
      </c>
      <c r="AN38587">
        <v>42</v>
      </c>
      <c r="AO38587">
        <v>43</v>
      </c>
      <c r="AP38587">
        <v>44</v>
      </c>
      <c r="AQ38587">
        <v>45</v>
      </c>
    </row>
    <row r="38588" spans="1:43">
      <c r="A38588" t="s">
        <v>23937</v>
      </c>
      <c r="B38588" t="s">
        <v>23938</v>
      </c>
      <c r="C38588" t="s">
        <v>23929</v>
      </c>
      <c r="D38588" t="s">
        <v>23930</v>
      </c>
      <c r="E38588" t="s">
        <v>23891</v>
      </c>
      <c r="F38588" t="s">
        <v>23892</v>
      </c>
      <c r="G38588" t="s">
        <v>11612</v>
      </c>
      <c r="H38588" t="s">
        <v>11613</v>
      </c>
      <c r="I38588" s="2">
        <v>0</v>
      </c>
      <c r="J38588" s="2">
        <v>0</v>
      </c>
      <c r="K38588" s="2">
        <v>1</v>
      </c>
      <c r="L38588" t="s">
        <v>995</v>
      </c>
      <c r="M38588" t="s">
        <v>89</v>
      </c>
      <c r="N38588" t="s">
        <v>90</v>
      </c>
      <c r="O38588" t="s">
        <v>85</v>
      </c>
      <c r="P38588" t="s">
        <v>86</v>
      </c>
      <c r="Q38588">
        <v>25</v>
      </c>
      <c r="R38588">
        <v>26</v>
      </c>
      <c r="S38588">
        <v>27</v>
      </c>
      <c r="T38588">
        <v>29</v>
      </c>
      <c r="U38588">
        <v>30</v>
      </c>
      <c r="V38588">
        <v>31</v>
      </c>
      <c r="W38588">
        <v>32</v>
      </c>
      <c r="X38588">
        <v>33</v>
      </c>
      <c r="Y38588">
        <v>34</v>
      </c>
      <c r="Z38588">
        <v>35</v>
      </c>
      <c r="AA38588">
        <v>37</v>
      </c>
      <c r="AB38588">
        <v>38</v>
      </c>
      <c r="AC38588">
        <v>39</v>
      </c>
      <c r="AD38588">
        <v>40</v>
      </c>
      <c r="AE38588">
        <v>42</v>
      </c>
      <c r="AF38588">
        <v>42</v>
      </c>
      <c r="AG38588">
        <v>43</v>
      </c>
      <c r="AH38588">
        <v>44</v>
      </c>
      <c r="AI38588">
        <v>45</v>
      </c>
      <c r="AJ38588">
        <v>46</v>
      </c>
      <c r="AK38588">
        <v>47</v>
      </c>
      <c r="AL38588">
        <v>48</v>
      </c>
      <c r="AM38588">
        <v>49</v>
      </c>
      <c r="AN38588">
        <v>50</v>
      </c>
      <c r="AO38588">
        <v>51</v>
      </c>
      <c r="AP38588">
        <v>52</v>
      </c>
      <c r="AQ38588">
        <v>53</v>
      </c>
    </row>
    <row r="38589" spans="1:43">
      <c r="A38589" t="s">
        <v>23937</v>
      </c>
      <c r="B38589" t="s">
        <v>23938</v>
      </c>
      <c r="C38589" t="s">
        <v>23929</v>
      </c>
      <c r="D38589" t="s">
        <v>23930</v>
      </c>
      <c r="E38589" t="s">
        <v>23891</v>
      </c>
      <c r="F38589" t="s">
        <v>23892</v>
      </c>
      <c r="G38589" t="s">
        <v>11612</v>
      </c>
      <c r="H38589" t="s">
        <v>11613</v>
      </c>
      <c r="I38589" s="2">
        <v>0</v>
      </c>
      <c r="J38589" s="2">
        <v>0</v>
      </c>
      <c r="K38589" s="2">
        <v>1</v>
      </c>
      <c r="L38589" t="s">
        <v>995</v>
      </c>
      <c r="M38589" t="s">
        <v>83</v>
      </c>
      <c r="N38589" t="s">
        <v>91</v>
      </c>
      <c r="O38589" t="s">
        <v>85</v>
      </c>
      <c r="P38589" t="s">
        <v>86</v>
      </c>
      <c r="Q38589">
        <v>25</v>
      </c>
      <c r="R38589">
        <v>26</v>
      </c>
      <c r="S38589">
        <v>27</v>
      </c>
      <c r="T38589">
        <v>28</v>
      </c>
      <c r="U38589">
        <v>29</v>
      </c>
      <c r="V38589">
        <v>30</v>
      </c>
      <c r="W38589">
        <v>30</v>
      </c>
      <c r="X38589">
        <v>31</v>
      </c>
      <c r="Y38589">
        <v>32</v>
      </c>
      <c r="Z38589">
        <v>34</v>
      </c>
      <c r="AA38589">
        <v>35</v>
      </c>
      <c r="AB38589">
        <v>36</v>
      </c>
      <c r="AC38589">
        <v>37</v>
      </c>
      <c r="AD38589">
        <v>38</v>
      </c>
      <c r="AE38589">
        <v>39</v>
      </c>
      <c r="AF38589">
        <v>40</v>
      </c>
      <c r="AG38589">
        <v>41</v>
      </c>
      <c r="AH38589">
        <v>42</v>
      </c>
      <c r="AI38589">
        <v>44</v>
      </c>
      <c r="AJ38589">
        <v>45</v>
      </c>
      <c r="AK38589">
        <v>46</v>
      </c>
      <c r="AL38589">
        <v>47</v>
      </c>
      <c r="AM38589">
        <v>48</v>
      </c>
      <c r="AN38589">
        <v>49</v>
      </c>
      <c r="AO38589">
        <v>50</v>
      </c>
      <c r="AP38589">
        <v>51</v>
      </c>
      <c r="AQ38589">
        <v>52</v>
      </c>
    </row>
    <row r="38590" spans="1:43">
      <c r="A38590" t="s">
        <v>23939</v>
      </c>
      <c r="B38590" t="s">
        <v>23940</v>
      </c>
      <c r="C38590" t="s">
        <v>23929</v>
      </c>
      <c r="D38590" t="s">
        <v>23930</v>
      </c>
      <c r="E38590" t="s">
        <v>23891</v>
      </c>
      <c r="F38590" t="s">
        <v>23892</v>
      </c>
      <c r="G38590" t="s">
        <v>11612</v>
      </c>
      <c r="H38590" t="s">
        <v>11613</v>
      </c>
      <c r="I38590" s="2">
        <v>0</v>
      </c>
      <c r="J38590" s="2">
        <v>0</v>
      </c>
      <c r="K38590" s="2">
        <v>1</v>
      </c>
      <c r="L38590" t="s">
        <v>995</v>
      </c>
      <c r="M38590" t="s">
        <v>83</v>
      </c>
      <c r="N38590" t="s">
        <v>84</v>
      </c>
      <c r="O38590" t="s">
        <v>85</v>
      </c>
      <c r="P38590" t="s">
        <v>86</v>
      </c>
      <c r="Q38590">
        <v>23</v>
      </c>
      <c r="R38590">
        <v>24</v>
      </c>
      <c r="S38590">
        <v>25</v>
      </c>
      <c r="T38590">
        <v>25</v>
      </c>
      <c r="U38590">
        <v>26</v>
      </c>
      <c r="V38590">
        <v>27</v>
      </c>
      <c r="W38590">
        <v>28</v>
      </c>
      <c r="X38590">
        <v>29</v>
      </c>
      <c r="Y38590">
        <v>30</v>
      </c>
      <c r="Z38590">
        <v>31</v>
      </c>
      <c r="AA38590">
        <v>32</v>
      </c>
      <c r="AB38590">
        <v>33</v>
      </c>
      <c r="AC38590">
        <v>34</v>
      </c>
      <c r="AD38590">
        <v>35</v>
      </c>
      <c r="AE38590">
        <v>36</v>
      </c>
      <c r="AF38590">
        <v>37</v>
      </c>
      <c r="AG38590">
        <v>38</v>
      </c>
      <c r="AH38590">
        <v>39</v>
      </c>
      <c r="AI38590">
        <v>40</v>
      </c>
      <c r="AJ38590">
        <v>41</v>
      </c>
      <c r="AK38590">
        <v>43</v>
      </c>
      <c r="AL38590">
        <v>44</v>
      </c>
      <c r="AM38590">
        <v>45</v>
      </c>
      <c r="AN38590">
        <v>45</v>
      </c>
      <c r="AO38590">
        <v>46</v>
      </c>
      <c r="AP38590">
        <v>47</v>
      </c>
      <c r="AQ38590">
        <v>48</v>
      </c>
    </row>
    <row r="38591" spans="1:43">
      <c r="A38591" t="s">
        <v>23939</v>
      </c>
      <c r="B38591" t="s">
        <v>23940</v>
      </c>
      <c r="C38591" t="s">
        <v>23929</v>
      </c>
      <c r="D38591" t="s">
        <v>23930</v>
      </c>
      <c r="E38591" t="s">
        <v>23891</v>
      </c>
      <c r="F38591" t="s">
        <v>23892</v>
      </c>
      <c r="G38591" t="s">
        <v>11612</v>
      </c>
      <c r="H38591" t="s">
        <v>11613</v>
      </c>
      <c r="I38591" s="2">
        <v>0</v>
      </c>
      <c r="J38591" s="2">
        <v>0</v>
      </c>
      <c r="K38591" s="2">
        <v>1</v>
      </c>
      <c r="L38591" t="s">
        <v>995</v>
      </c>
      <c r="M38591" t="s">
        <v>87</v>
      </c>
      <c r="N38591" t="s">
        <v>88</v>
      </c>
      <c r="O38591" t="s">
        <v>85</v>
      </c>
      <c r="P38591" t="s">
        <v>86</v>
      </c>
      <c r="Q38591">
        <v>23</v>
      </c>
      <c r="R38591">
        <v>23</v>
      </c>
      <c r="S38591">
        <v>24</v>
      </c>
      <c r="T38591">
        <v>24</v>
      </c>
      <c r="U38591">
        <v>25</v>
      </c>
      <c r="V38591">
        <v>26</v>
      </c>
      <c r="W38591">
        <v>26</v>
      </c>
      <c r="X38591">
        <v>27</v>
      </c>
      <c r="Y38591">
        <v>27</v>
      </c>
      <c r="Z38591">
        <v>28</v>
      </c>
      <c r="AA38591">
        <v>29</v>
      </c>
      <c r="AB38591">
        <v>30</v>
      </c>
      <c r="AC38591">
        <v>30</v>
      </c>
      <c r="AD38591">
        <v>31</v>
      </c>
      <c r="AE38591">
        <v>32</v>
      </c>
      <c r="AF38591">
        <v>32</v>
      </c>
      <c r="AG38591">
        <v>33</v>
      </c>
      <c r="AH38591">
        <v>34</v>
      </c>
      <c r="AI38591">
        <v>35</v>
      </c>
      <c r="AJ38591">
        <v>36</v>
      </c>
      <c r="AK38591">
        <v>36</v>
      </c>
      <c r="AL38591">
        <v>37</v>
      </c>
      <c r="AM38591">
        <v>38</v>
      </c>
      <c r="AN38591">
        <v>39</v>
      </c>
      <c r="AO38591">
        <v>40</v>
      </c>
      <c r="AP38591">
        <v>41</v>
      </c>
      <c r="AQ38591">
        <v>42</v>
      </c>
    </row>
    <row r="38592" spans="1:43">
      <c r="A38592" t="s">
        <v>23939</v>
      </c>
      <c r="B38592" t="s">
        <v>23940</v>
      </c>
      <c r="C38592" t="s">
        <v>23929</v>
      </c>
      <c r="D38592" t="s">
        <v>23930</v>
      </c>
      <c r="E38592" t="s">
        <v>23891</v>
      </c>
      <c r="F38592" t="s">
        <v>23892</v>
      </c>
      <c r="G38592" t="s">
        <v>11612</v>
      </c>
      <c r="H38592" t="s">
        <v>11613</v>
      </c>
      <c r="I38592" s="2">
        <v>0</v>
      </c>
      <c r="J38592" s="2">
        <v>0</v>
      </c>
      <c r="K38592" s="2">
        <v>1</v>
      </c>
      <c r="L38592" t="s">
        <v>995</v>
      </c>
      <c r="M38592" t="s">
        <v>89</v>
      </c>
      <c r="N38592" t="s">
        <v>90</v>
      </c>
      <c r="O38592" t="s">
        <v>85</v>
      </c>
      <c r="P38592" t="s">
        <v>86</v>
      </c>
      <c r="Q38592">
        <v>23</v>
      </c>
      <c r="R38592">
        <v>24</v>
      </c>
      <c r="S38592">
        <v>25</v>
      </c>
      <c r="T38592">
        <v>26</v>
      </c>
      <c r="U38592">
        <v>27</v>
      </c>
      <c r="V38592">
        <v>28</v>
      </c>
      <c r="W38592">
        <v>29</v>
      </c>
      <c r="X38592">
        <v>30</v>
      </c>
      <c r="Y38592">
        <v>31</v>
      </c>
      <c r="Z38592">
        <v>33</v>
      </c>
      <c r="AA38592">
        <v>34</v>
      </c>
      <c r="AB38592">
        <v>35</v>
      </c>
      <c r="AC38592">
        <v>36</v>
      </c>
      <c r="AD38592">
        <v>37</v>
      </c>
      <c r="AE38592">
        <v>38</v>
      </c>
      <c r="AF38592">
        <v>39</v>
      </c>
      <c r="AG38592">
        <v>40</v>
      </c>
      <c r="AH38592">
        <v>41</v>
      </c>
      <c r="AI38592">
        <v>42</v>
      </c>
      <c r="AJ38592">
        <v>42</v>
      </c>
      <c r="AK38592">
        <v>43</v>
      </c>
      <c r="AL38592">
        <v>44</v>
      </c>
      <c r="AM38592">
        <v>45</v>
      </c>
      <c r="AN38592">
        <v>46</v>
      </c>
      <c r="AO38592">
        <v>47</v>
      </c>
      <c r="AP38592">
        <v>48</v>
      </c>
      <c r="AQ38592">
        <v>49</v>
      </c>
    </row>
    <row r="38593" spans="1:43">
      <c r="A38593" t="s">
        <v>23939</v>
      </c>
      <c r="B38593" t="s">
        <v>23940</v>
      </c>
      <c r="C38593" t="s">
        <v>23929</v>
      </c>
      <c r="D38593" t="s">
        <v>23930</v>
      </c>
      <c r="E38593" t="s">
        <v>23891</v>
      </c>
      <c r="F38593" t="s">
        <v>23892</v>
      </c>
      <c r="G38593" t="s">
        <v>11612</v>
      </c>
      <c r="H38593" t="s">
        <v>11613</v>
      </c>
      <c r="I38593" s="2">
        <v>0</v>
      </c>
      <c r="J38593" s="2">
        <v>0</v>
      </c>
      <c r="K38593" s="2">
        <v>1</v>
      </c>
      <c r="L38593" t="s">
        <v>995</v>
      </c>
      <c r="M38593" t="s">
        <v>83</v>
      </c>
      <c r="N38593" t="s">
        <v>91</v>
      </c>
      <c r="O38593" t="s">
        <v>85</v>
      </c>
      <c r="P38593" t="s">
        <v>86</v>
      </c>
      <c r="Q38593">
        <v>23</v>
      </c>
      <c r="R38593">
        <v>24</v>
      </c>
      <c r="S38593">
        <v>25</v>
      </c>
      <c r="T38593">
        <v>25</v>
      </c>
      <c r="U38593">
        <v>26</v>
      </c>
      <c r="V38593">
        <v>27</v>
      </c>
      <c r="W38593">
        <v>28</v>
      </c>
      <c r="X38593">
        <v>29</v>
      </c>
      <c r="Y38593">
        <v>30</v>
      </c>
      <c r="Z38593">
        <v>31</v>
      </c>
      <c r="AA38593">
        <v>32</v>
      </c>
      <c r="AB38593">
        <v>33</v>
      </c>
      <c r="AC38593">
        <v>34</v>
      </c>
      <c r="AD38593">
        <v>35</v>
      </c>
      <c r="AE38593">
        <v>36</v>
      </c>
      <c r="AF38593">
        <v>37</v>
      </c>
      <c r="AG38593">
        <v>38</v>
      </c>
      <c r="AH38593">
        <v>39</v>
      </c>
      <c r="AI38593">
        <v>40</v>
      </c>
      <c r="AJ38593">
        <v>41</v>
      </c>
      <c r="AK38593">
        <v>43</v>
      </c>
      <c r="AL38593">
        <v>44</v>
      </c>
      <c r="AM38593">
        <v>45</v>
      </c>
      <c r="AN38593">
        <v>45</v>
      </c>
      <c r="AO38593">
        <v>46</v>
      </c>
      <c r="AP38593">
        <v>47</v>
      </c>
      <c r="AQ38593">
        <v>48</v>
      </c>
    </row>
    <row r="38594" spans="1:43">
      <c r="A38594" t="s">
        <v>23941</v>
      </c>
      <c r="B38594" t="s">
        <v>23942</v>
      </c>
      <c r="C38594" t="s">
        <v>23929</v>
      </c>
      <c r="D38594" t="s">
        <v>23930</v>
      </c>
      <c r="E38594" t="s">
        <v>23891</v>
      </c>
      <c r="F38594" t="s">
        <v>23892</v>
      </c>
      <c r="G38594" t="s">
        <v>11612</v>
      </c>
      <c r="H38594" t="s">
        <v>11613</v>
      </c>
      <c r="I38594" s="2">
        <v>0</v>
      </c>
      <c r="J38594" s="2">
        <v>0</v>
      </c>
      <c r="K38594" s="2">
        <v>1</v>
      </c>
      <c r="L38594" t="s">
        <v>995</v>
      </c>
      <c r="M38594" t="s">
        <v>83</v>
      </c>
      <c r="N38594" t="s">
        <v>84</v>
      </c>
      <c r="O38594" t="s">
        <v>85</v>
      </c>
      <c r="P38594" t="s">
        <v>86</v>
      </c>
      <c r="Q38594">
        <v>31</v>
      </c>
      <c r="R38594">
        <v>32</v>
      </c>
      <c r="S38594">
        <v>33</v>
      </c>
      <c r="T38594">
        <v>35</v>
      </c>
      <c r="U38594">
        <v>36</v>
      </c>
      <c r="V38594">
        <v>37</v>
      </c>
      <c r="W38594">
        <v>38</v>
      </c>
      <c r="X38594">
        <v>39</v>
      </c>
      <c r="Y38594">
        <v>41</v>
      </c>
      <c r="Z38594">
        <v>42</v>
      </c>
      <c r="AA38594">
        <v>43</v>
      </c>
      <c r="AB38594">
        <v>44</v>
      </c>
      <c r="AC38594">
        <v>46</v>
      </c>
      <c r="AD38594">
        <v>47</v>
      </c>
      <c r="AE38594">
        <v>49</v>
      </c>
      <c r="AF38594">
        <v>50</v>
      </c>
      <c r="AG38594">
        <v>51</v>
      </c>
      <c r="AH38594">
        <v>53</v>
      </c>
      <c r="AI38594">
        <v>54</v>
      </c>
      <c r="AJ38594">
        <v>56</v>
      </c>
      <c r="AK38594">
        <v>58</v>
      </c>
      <c r="AL38594">
        <v>59</v>
      </c>
      <c r="AM38594">
        <v>60</v>
      </c>
      <c r="AN38594">
        <v>61</v>
      </c>
      <c r="AO38594">
        <v>63</v>
      </c>
      <c r="AP38594">
        <v>64</v>
      </c>
      <c r="AQ38594">
        <v>65</v>
      </c>
    </row>
    <row r="38595" spans="1:43">
      <c r="A38595" t="s">
        <v>23941</v>
      </c>
      <c r="B38595" t="s">
        <v>23942</v>
      </c>
      <c r="C38595" t="s">
        <v>23929</v>
      </c>
      <c r="D38595" t="s">
        <v>23930</v>
      </c>
      <c r="E38595" t="s">
        <v>23891</v>
      </c>
      <c r="F38595" t="s">
        <v>23892</v>
      </c>
      <c r="G38595" t="s">
        <v>11612</v>
      </c>
      <c r="H38595" t="s">
        <v>11613</v>
      </c>
      <c r="I38595" s="2">
        <v>0</v>
      </c>
      <c r="J38595" s="2">
        <v>0</v>
      </c>
      <c r="K38595" s="2">
        <v>1</v>
      </c>
      <c r="L38595" t="s">
        <v>995</v>
      </c>
      <c r="M38595" t="s">
        <v>87</v>
      </c>
      <c r="N38595" t="s">
        <v>88</v>
      </c>
      <c r="O38595" t="s">
        <v>85</v>
      </c>
      <c r="P38595" t="s">
        <v>86</v>
      </c>
      <c r="Q38595">
        <v>31</v>
      </c>
      <c r="R38595">
        <v>32</v>
      </c>
      <c r="S38595">
        <v>33</v>
      </c>
      <c r="T38595">
        <v>33</v>
      </c>
      <c r="U38595">
        <v>34</v>
      </c>
      <c r="V38595">
        <v>35</v>
      </c>
      <c r="W38595">
        <v>36</v>
      </c>
      <c r="X38595">
        <v>37</v>
      </c>
      <c r="Y38595">
        <v>37</v>
      </c>
      <c r="Z38595">
        <v>38</v>
      </c>
      <c r="AA38595">
        <v>39</v>
      </c>
      <c r="AB38595">
        <v>40</v>
      </c>
      <c r="AC38595">
        <v>41</v>
      </c>
      <c r="AD38595">
        <v>42</v>
      </c>
      <c r="AE38595">
        <v>43</v>
      </c>
      <c r="AF38595">
        <v>44</v>
      </c>
      <c r="AG38595">
        <v>45</v>
      </c>
      <c r="AH38595">
        <v>46</v>
      </c>
      <c r="AI38595">
        <v>47</v>
      </c>
      <c r="AJ38595">
        <v>48</v>
      </c>
      <c r="AK38595">
        <v>49</v>
      </c>
      <c r="AL38595">
        <v>51</v>
      </c>
      <c r="AM38595">
        <v>52</v>
      </c>
      <c r="AN38595">
        <v>53</v>
      </c>
      <c r="AO38595">
        <v>54</v>
      </c>
      <c r="AP38595">
        <v>55</v>
      </c>
      <c r="AQ38595">
        <v>57</v>
      </c>
    </row>
    <row r="38596" spans="1:43">
      <c r="A38596" t="s">
        <v>23941</v>
      </c>
      <c r="B38596" t="s">
        <v>23942</v>
      </c>
      <c r="C38596" t="s">
        <v>23929</v>
      </c>
      <c r="D38596" t="s">
        <v>23930</v>
      </c>
      <c r="E38596" t="s">
        <v>23891</v>
      </c>
      <c r="F38596" t="s">
        <v>23892</v>
      </c>
      <c r="G38596" t="s">
        <v>11612</v>
      </c>
      <c r="H38596" t="s">
        <v>11613</v>
      </c>
      <c r="I38596" s="2">
        <v>0</v>
      </c>
      <c r="J38596" s="2">
        <v>0</v>
      </c>
      <c r="K38596" s="2">
        <v>1</v>
      </c>
      <c r="L38596" t="s">
        <v>995</v>
      </c>
      <c r="M38596" t="s">
        <v>89</v>
      </c>
      <c r="N38596" t="s">
        <v>90</v>
      </c>
      <c r="O38596" t="s">
        <v>85</v>
      </c>
      <c r="P38596" t="s">
        <v>86</v>
      </c>
      <c r="Q38596">
        <v>31</v>
      </c>
      <c r="R38596">
        <v>32</v>
      </c>
      <c r="S38596">
        <v>33</v>
      </c>
      <c r="T38596">
        <v>35</v>
      </c>
      <c r="U38596">
        <v>36</v>
      </c>
      <c r="V38596">
        <v>38</v>
      </c>
      <c r="W38596">
        <v>39</v>
      </c>
      <c r="X38596">
        <v>40</v>
      </c>
      <c r="Y38596">
        <v>42</v>
      </c>
      <c r="Z38596">
        <v>43</v>
      </c>
      <c r="AA38596">
        <v>45</v>
      </c>
      <c r="AB38596">
        <v>46</v>
      </c>
      <c r="AC38596">
        <v>48</v>
      </c>
      <c r="AD38596">
        <v>49</v>
      </c>
      <c r="AE38596">
        <v>51</v>
      </c>
      <c r="AF38596">
        <v>52</v>
      </c>
      <c r="AG38596">
        <v>53</v>
      </c>
      <c r="AH38596">
        <v>54</v>
      </c>
      <c r="AI38596">
        <v>55</v>
      </c>
      <c r="AJ38596">
        <v>56</v>
      </c>
      <c r="AK38596">
        <v>57</v>
      </c>
      <c r="AL38596">
        <v>59</v>
      </c>
      <c r="AM38596">
        <v>60</v>
      </c>
      <c r="AN38596">
        <v>61</v>
      </c>
      <c r="AO38596">
        <v>62</v>
      </c>
      <c r="AP38596">
        <v>63</v>
      </c>
      <c r="AQ38596">
        <v>65</v>
      </c>
    </row>
    <row r="38597" spans="1:43">
      <c r="A38597" t="s">
        <v>23941</v>
      </c>
      <c r="B38597" t="s">
        <v>23942</v>
      </c>
      <c r="C38597" t="s">
        <v>23929</v>
      </c>
      <c r="D38597" t="s">
        <v>23930</v>
      </c>
      <c r="E38597" t="s">
        <v>23891</v>
      </c>
      <c r="F38597" t="s">
        <v>23892</v>
      </c>
      <c r="G38597" t="s">
        <v>11612</v>
      </c>
      <c r="H38597" t="s">
        <v>11613</v>
      </c>
      <c r="I38597" s="2">
        <v>0</v>
      </c>
      <c r="J38597" s="2">
        <v>0</v>
      </c>
      <c r="K38597" s="2">
        <v>1</v>
      </c>
      <c r="L38597" t="s">
        <v>995</v>
      </c>
      <c r="M38597" t="s">
        <v>83</v>
      </c>
      <c r="N38597" t="s">
        <v>91</v>
      </c>
      <c r="O38597" t="s">
        <v>85</v>
      </c>
      <c r="P38597" t="s">
        <v>86</v>
      </c>
      <c r="Q38597">
        <v>31</v>
      </c>
      <c r="R38597">
        <v>32</v>
      </c>
      <c r="S38597">
        <v>33</v>
      </c>
      <c r="T38597">
        <v>35</v>
      </c>
      <c r="U38597">
        <v>36</v>
      </c>
      <c r="V38597">
        <v>37</v>
      </c>
      <c r="W38597">
        <v>38</v>
      </c>
      <c r="X38597">
        <v>39</v>
      </c>
      <c r="Y38597">
        <v>41</v>
      </c>
      <c r="Z38597">
        <v>42</v>
      </c>
      <c r="AA38597">
        <v>43</v>
      </c>
      <c r="AB38597">
        <v>44</v>
      </c>
      <c r="AC38597">
        <v>46</v>
      </c>
      <c r="AD38597">
        <v>47</v>
      </c>
      <c r="AE38597">
        <v>49</v>
      </c>
      <c r="AF38597">
        <v>50</v>
      </c>
      <c r="AG38597">
        <v>51</v>
      </c>
      <c r="AH38597">
        <v>53</v>
      </c>
      <c r="AI38597">
        <v>54</v>
      </c>
      <c r="AJ38597">
        <v>56</v>
      </c>
      <c r="AK38597">
        <v>58</v>
      </c>
      <c r="AL38597">
        <v>59</v>
      </c>
      <c r="AM38597">
        <v>60</v>
      </c>
      <c r="AN38597">
        <v>61</v>
      </c>
      <c r="AO38597">
        <v>63</v>
      </c>
      <c r="AP38597">
        <v>64</v>
      </c>
      <c r="AQ38597">
        <v>65</v>
      </c>
    </row>
    <row r="38598" spans="1:43">
      <c r="A38598" t="s">
        <v>23943</v>
      </c>
      <c r="B38598" t="s">
        <v>23944</v>
      </c>
      <c r="C38598" t="s">
        <v>23889</v>
      </c>
      <c r="D38598" t="s">
        <v>23890</v>
      </c>
      <c r="E38598" t="s">
        <v>23891</v>
      </c>
      <c r="F38598" t="s">
        <v>23892</v>
      </c>
      <c r="G38598" t="s">
        <v>11612</v>
      </c>
      <c r="H38598" t="s">
        <v>11613</v>
      </c>
      <c r="I38598" s="2">
        <v>0</v>
      </c>
      <c r="J38598" s="2">
        <v>0</v>
      </c>
      <c r="K38598" s="2">
        <v>1</v>
      </c>
      <c r="L38598" t="s">
        <v>995</v>
      </c>
      <c r="M38598" t="s">
        <v>83</v>
      </c>
      <c r="N38598" t="s">
        <v>84</v>
      </c>
      <c r="O38598" t="s">
        <v>85</v>
      </c>
      <c r="P38598" t="s">
        <v>86</v>
      </c>
      <c r="Q38598">
        <v>20</v>
      </c>
      <c r="R38598">
        <v>21</v>
      </c>
      <c r="S38598">
        <v>22</v>
      </c>
      <c r="T38598">
        <v>22</v>
      </c>
      <c r="U38598">
        <v>23</v>
      </c>
      <c r="V38598">
        <v>24</v>
      </c>
      <c r="W38598">
        <v>24</v>
      </c>
      <c r="X38598">
        <v>25</v>
      </c>
      <c r="Y38598">
        <v>26</v>
      </c>
      <c r="Z38598">
        <v>27</v>
      </c>
      <c r="AA38598">
        <v>28</v>
      </c>
      <c r="AB38598">
        <v>29</v>
      </c>
      <c r="AC38598">
        <v>30</v>
      </c>
      <c r="AD38598">
        <v>30</v>
      </c>
      <c r="AE38598">
        <v>31</v>
      </c>
      <c r="AF38598">
        <v>32</v>
      </c>
      <c r="AG38598">
        <v>33</v>
      </c>
      <c r="AH38598">
        <v>34</v>
      </c>
      <c r="AI38598">
        <v>35</v>
      </c>
      <c r="AJ38598">
        <v>36</v>
      </c>
      <c r="AK38598">
        <v>38</v>
      </c>
      <c r="AL38598">
        <v>38</v>
      </c>
      <c r="AM38598">
        <v>39</v>
      </c>
      <c r="AN38598">
        <v>40</v>
      </c>
      <c r="AO38598">
        <v>41</v>
      </c>
      <c r="AP38598">
        <v>42</v>
      </c>
      <c r="AQ38598">
        <v>43</v>
      </c>
    </row>
    <row r="38599" spans="1:43">
      <c r="A38599" t="s">
        <v>23943</v>
      </c>
      <c r="B38599" t="s">
        <v>23944</v>
      </c>
      <c r="C38599" t="s">
        <v>23889</v>
      </c>
      <c r="D38599" t="s">
        <v>23890</v>
      </c>
      <c r="E38599" t="s">
        <v>23891</v>
      </c>
      <c r="F38599" t="s">
        <v>23892</v>
      </c>
      <c r="G38599" t="s">
        <v>11612</v>
      </c>
      <c r="H38599" t="s">
        <v>11613</v>
      </c>
      <c r="I38599" s="2">
        <v>0</v>
      </c>
      <c r="J38599" s="2">
        <v>0</v>
      </c>
      <c r="K38599" s="2">
        <v>1</v>
      </c>
      <c r="L38599" t="s">
        <v>995</v>
      </c>
      <c r="M38599" t="s">
        <v>87</v>
      </c>
      <c r="N38599" t="s">
        <v>88</v>
      </c>
      <c r="O38599" t="s">
        <v>85</v>
      </c>
      <c r="P38599" t="s">
        <v>86</v>
      </c>
      <c r="Q38599">
        <v>20</v>
      </c>
      <c r="R38599">
        <v>20</v>
      </c>
      <c r="S38599">
        <v>21</v>
      </c>
      <c r="T38599">
        <v>21</v>
      </c>
      <c r="U38599">
        <v>22</v>
      </c>
      <c r="V38599">
        <v>22</v>
      </c>
      <c r="W38599">
        <v>23</v>
      </c>
      <c r="X38599">
        <v>24</v>
      </c>
      <c r="Y38599">
        <v>24</v>
      </c>
      <c r="Z38599">
        <v>25</v>
      </c>
      <c r="AA38599">
        <v>25</v>
      </c>
      <c r="AB38599">
        <v>26</v>
      </c>
      <c r="AC38599">
        <v>27</v>
      </c>
      <c r="AD38599">
        <v>27</v>
      </c>
      <c r="AE38599">
        <v>28</v>
      </c>
      <c r="AF38599">
        <v>28</v>
      </c>
      <c r="AG38599">
        <v>29</v>
      </c>
      <c r="AH38599">
        <v>30</v>
      </c>
      <c r="AI38599">
        <v>31</v>
      </c>
      <c r="AJ38599">
        <v>31</v>
      </c>
      <c r="AK38599">
        <v>32</v>
      </c>
      <c r="AL38599">
        <v>33</v>
      </c>
      <c r="AM38599">
        <v>34</v>
      </c>
      <c r="AN38599">
        <v>34</v>
      </c>
      <c r="AO38599">
        <v>35</v>
      </c>
      <c r="AP38599">
        <v>36</v>
      </c>
      <c r="AQ38599">
        <v>37</v>
      </c>
    </row>
    <row r="38600" spans="1:43">
      <c r="A38600" t="s">
        <v>23943</v>
      </c>
      <c r="B38600" t="s">
        <v>23944</v>
      </c>
      <c r="C38600" t="s">
        <v>23889</v>
      </c>
      <c r="D38600" t="s">
        <v>23890</v>
      </c>
      <c r="E38600" t="s">
        <v>23891</v>
      </c>
      <c r="F38600" t="s">
        <v>23892</v>
      </c>
      <c r="G38600" t="s">
        <v>11612</v>
      </c>
      <c r="H38600" t="s">
        <v>11613</v>
      </c>
      <c r="I38600" s="2">
        <v>0</v>
      </c>
      <c r="J38600" s="2">
        <v>0</v>
      </c>
      <c r="K38600" s="2">
        <v>1</v>
      </c>
      <c r="L38600" t="s">
        <v>995</v>
      </c>
      <c r="M38600" t="s">
        <v>89</v>
      </c>
      <c r="N38600" t="s">
        <v>90</v>
      </c>
      <c r="O38600" t="s">
        <v>85</v>
      </c>
      <c r="P38600" t="s">
        <v>86</v>
      </c>
      <c r="Q38600">
        <v>20</v>
      </c>
      <c r="R38600">
        <v>21</v>
      </c>
      <c r="S38600">
        <v>22</v>
      </c>
      <c r="T38600">
        <v>23</v>
      </c>
      <c r="U38600">
        <v>24</v>
      </c>
      <c r="V38600">
        <v>25</v>
      </c>
      <c r="W38600">
        <v>26</v>
      </c>
      <c r="X38600">
        <v>27</v>
      </c>
      <c r="Y38600">
        <v>28</v>
      </c>
      <c r="Z38600">
        <v>29</v>
      </c>
      <c r="AA38600">
        <v>30</v>
      </c>
      <c r="AB38600">
        <v>31</v>
      </c>
      <c r="AC38600">
        <v>32</v>
      </c>
      <c r="AD38600">
        <v>33</v>
      </c>
      <c r="AE38600">
        <v>34</v>
      </c>
      <c r="AF38600">
        <v>34</v>
      </c>
      <c r="AG38600">
        <v>35</v>
      </c>
      <c r="AH38600">
        <v>36</v>
      </c>
      <c r="AI38600">
        <v>37</v>
      </c>
      <c r="AJ38600">
        <v>37</v>
      </c>
      <c r="AK38600">
        <v>38</v>
      </c>
      <c r="AL38600">
        <v>39</v>
      </c>
      <c r="AM38600">
        <v>40</v>
      </c>
      <c r="AN38600">
        <v>41</v>
      </c>
      <c r="AO38600">
        <v>41</v>
      </c>
      <c r="AP38600">
        <v>42</v>
      </c>
      <c r="AQ38600">
        <v>43</v>
      </c>
    </row>
    <row r="38601" spans="1:43">
      <c r="A38601" t="s">
        <v>23943</v>
      </c>
      <c r="B38601" t="s">
        <v>23944</v>
      </c>
      <c r="C38601" t="s">
        <v>23889</v>
      </c>
      <c r="D38601" t="s">
        <v>23890</v>
      </c>
      <c r="E38601" t="s">
        <v>23891</v>
      </c>
      <c r="F38601" t="s">
        <v>23892</v>
      </c>
      <c r="G38601" t="s">
        <v>11612</v>
      </c>
      <c r="H38601" t="s">
        <v>11613</v>
      </c>
      <c r="I38601" s="2">
        <v>0</v>
      </c>
      <c r="J38601" s="2">
        <v>0</v>
      </c>
      <c r="K38601" s="2">
        <v>1</v>
      </c>
      <c r="L38601" t="s">
        <v>995</v>
      </c>
      <c r="M38601" t="s">
        <v>83</v>
      </c>
      <c r="N38601" t="s">
        <v>91</v>
      </c>
      <c r="O38601" t="s">
        <v>85</v>
      </c>
      <c r="P38601" t="s">
        <v>86</v>
      </c>
      <c r="Q38601">
        <v>20</v>
      </c>
      <c r="R38601">
        <v>21</v>
      </c>
      <c r="S38601">
        <v>22</v>
      </c>
      <c r="T38601">
        <v>22</v>
      </c>
      <c r="U38601">
        <v>23</v>
      </c>
      <c r="V38601">
        <v>24</v>
      </c>
      <c r="W38601">
        <v>24</v>
      </c>
      <c r="X38601">
        <v>25</v>
      </c>
      <c r="Y38601">
        <v>26</v>
      </c>
      <c r="Z38601">
        <v>27</v>
      </c>
      <c r="AA38601">
        <v>28</v>
      </c>
      <c r="AB38601">
        <v>29</v>
      </c>
      <c r="AC38601">
        <v>30</v>
      </c>
      <c r="AD38601">
        <v>30</v>
      </c>
      <c r="AE38601">
        <v>31</v>
      </c>
      <c r="AF38601">
        <v>32</v>
      </c>
      <c r="AG38601">
        <v>33</v>
      </c>
      <c r="AH38601">
        <v>34</v>
      </c>
      <c r="AI38601">
        <v>35</v>
      </c>
      <c r="AJ38601">
        <v>36</v>
      </c>
      <c r="AK38601">
        <v>38</v>
      </c>
      <c r="AL38601">
        <v>38</v>
      </c>
      <c r="AM38601">
        <v>39</v>
      </c>
      <c r="AN38601">
        <v>40</v>
      </c>
      <c r="AO38601">
        <v>41</v>
      </c>
      <c r="AP38601">
        <v>42</v>
      </c>
      <c r="AQ38601">
        <v>43</v>
      </c>
    </row>
    <row r="38602" spans="1:43">
      <c r="A38602" t="s">
        <v>23945</v>
      </c>
      <c r="B38602" t="s">
        <v>23946</v>
      </c>
      <c r="C38602" t="s">
        <v>23889</v>
      </c>
      <c r="D38602" t="s">
        <v>23890</v>
      </c>
      <c r="E38602" t="s">
        <v>23891</v>
      </c>
      <c r="F38602" t="s">
        <v>23892</v>
      </c>
      <c r="G38602" t="s">
        <v>11612</v>
      </c>
      <c r="H38602" t="s">
        <v>11613</v>
      </c>
      <c r="I38602" s="2">
        <v>0</v>
      </c>
      <c r="J38602" s="2">
        <v>0</v>
      </c>
      <c r="K38602" s="2">
        <v>1</v>
      </c>
      <c r="L38602" t="s">
        <v>995</v>
      </c>
      <c r="M38602" t="s">
        <v>83</v>
      </c>
      <c r="N38602" t="s">
        <v>84</v>
      </c>
      <c r="O38602" t="s">
        <v>85</v>
      </c>
      <c r="P38602" t="s">
        <v>86</v>
      </c>
      <c r="Q38602">
        <v>45</v>
      </c>
      <c r="R38602">
        <v>46</v>
      </c>
      <c r="S38602">
        <v>48</v>
      </c>
      <c r="T38602">
        <v>49</v>
      </c>
      <c r="U38602">
        <v>51</v>
      </c>
      <c r="V38602">
        <v>52</v>
      </c>
      <c r="W38602">
        <v>54</v>
      </c>
      <c r="X38602">
        <v>56</v>
      </c>
      <c r="Y38602">
        <v>57</v>
      </c>
      <c r="Z38602">
        <v>59</v>
      </c>
      <c r="AA38602">
        <v>61</v>
      </c>
      <c r="AB38602">
        <v>63</v>
      </c>
      <c r="AC38602">
        <v>65</v>
      </c>
      <c r="AD38602">
        <v>67</v>
      </c>
      <c r="AE38602">
        <v>69</v>
      </c>
      <c r="AF38602">
        <v>71</v>
      </c>
      <c r="AG38602">
        <v>73</v>
      </c>
      <c r="AH38602">
        <v>75</v>
      </c>
      <c r="AI38602">
        <v>77</v>
      </c>
      <c r="AJ38602">
        <v>80</v>
      </c>
      <c r="AK38602">
        <v>82</v>
      </c>
      <c r="AL38602">
        <v>84</v>
      </c>
      <c r="AM38602">
        <v>85</v>
      </c>
      <c r="AN38602">
        <v>87</v>
      </c>
      <c r="AO38602">
        <v>89</v>
      </c>
      <c r="AP38602">
        <v>91</v>
      </c>
      <c r="AQ38602">
        <v>92</v>
      </c>
    </row>
    <row r="38603" spans="1:43">
      <c r="A38603" t="s">
        <v>23945</v>
      </c>
      <c r="B38603" t="s">
        <v>23946</v>
      </c>
      <c r="C38603" t="s">
        <v>23889</v>
      </c>
      <c r="D38603" t="s">
        <v>23890</v>
      </c>
      <c r="E38603" t="s">
        <v>23891</v>
      </c>
      <c r="F38603" t="s">
        <v>23892</v>
      </c>
      <c r="G38603" t="s">
        <v>11612</v>
      </c>
      <c r="H38603" t="s">
        <v>11613</v>
      </c>
      <c r="I38603" s="2">
        <v>0</v>
      </c>
      <c r="J38603" s="2">
        <v>0</v>
      </c>
      <c r="K38603" s="2">
        <v>1</v>
      </c>
      <c r="L38603" t="s">
        <v>995</v>
      </c>
      <c r="M38603" t="s">
        <v>87</v>
      </c>
      <c r="N38603" t="s">
        <v>88</v>
      </c>
      <c r="O38603" t="s">
        <v>85</v>
      </c>
      <c r="P38603" t="s">
        <v>86</v>
      </c>
      <c r="Q38603">
        <v>45</v>
      </c>
      <c r="R38603">
        <v>46</v>
      </c>
      <c r="S38603">
        <v>47</v>
      </c>
      <c r="T38603">
        <v>48</v>
      </c>
      <c r="U38603">
        <v>50</v>
      </c>
      <c r="V38603">
        <v>51</v>
      </c>
      <c r="W38603">
        <v>52</v>
      </c>
      <c r="X38603">
        <v>53</v>
      </c>
      <c r="Y38603">
        <v>54</v>
      </c>
      <c r="Z38603">
        <v>55</v>
      </c>
      <c r="AA38603">
        <v>57</v>
      </c>
      <c r="AB38603">
        <v>58</v>
      </c>
      <c r="AC38603">
        <v>59</v>
      </c>
      <c r="AD38603">
        <v>61</v>
      </c>
      <c r="AE38603">
        <v>62</v>
      </c>
      <c r="AF38603">
        <v>63</v>
      </c>
      <c r="AG38603">
        <v>65</v>
      </c>
      <c r="AH38603">
        <v>66</v>
      </c>
      <c r="AI38603">
        <v>68</v>
      </c>
      <c r="AJ38603">
        <v>69</v>
      </c>
      <c r="AK38603">
        <v>71</v>
      </c>
      <c r="AL38603">
        <v>72</v>
      </c>
      <c r="AM38603">
        <v>74</v>
      </c>
      <c r="AN38603">
        <v>76</v>
      </c>
      <c r="AO38603">
        <v>77</v>
      </c>
      <c r="AP38603">
        <v>79</v>
      </c>
      <c r="AQ38603">
        <v>81</v>
      </c>
    </row>
    <row r="38604" spans="1:43">
      <c r="A38604" t="s">
        <v>23945</v>
      </c>
      <c r="B38604" t="s">
        <v>23946</v>
      </c>
      <c r="C38604" t="s">
        <v>23889</v>
      </c>
      <c r="D38604" t="s">
        <v>23890</v>
      </c>
      <c r="E38604" t="s">
        <v>23891</v>
      </c>
      <c r="F38604" t="s">
        <v>23892</v>
      </c>
      <c r="G38604" t="s">
        <v>11612</v>
      </c>
      <c r="H38604" t="s">
        <v>11613</v>
      </c>
      <c r="I38604" s="2">
        <v>0</v>
      </c>
      <c r="J38604" s="2">
        <v>0</v>
      </c>
      <c r="K38604" s="2">
        <v>1</v>
      </c>
      <c r="L38604" t="s">
        <v>995</v>
      </c>
      <c r="M38604" t="s">
        <v>89</v>
      </c>
      <c r="N38604" t="s">
        <v>90</v>
      </c>
      <c r="O38604" t="s">
        <v>85</v>
      </c>
      <c r="P38604" t="s">
        <v>86</v>
      </c>
      <c r="Q38604">
        <v>45</v>
      </c>
      <c r="R38604">
        <v>47</v>
      </c>
      <c r="S38604">
        <v>49</v>
      </c>
      <c r="T38604">
        <v>51</v>
      </c>
      <c r="U38604">
        <v>53</v>
      </c>
      <c r="V38604">
        <v>55</v>
      </c>
      <c r="W38604">
        <v>57</v>
      </c>
      <c r="X38604">
        <v>59</v>
      </c>
      <c r="Y38604">
        <v>61</v>
      </c>
      <c r="Z38604">
        <v>63</v>
      </c>
      <c r="AA38604">
        <v>65</v>
      </c>
      <c r="AB38604">
        <v>67</v>
      </c>
      <c r="AC38604">
        <v>70</v>
      </c>
      <c r="AD38604">
        <v>72</v>
      </c>
      <c r="AE38604">
        <v>74</v>
      </c>
      <c r="AF38604">
        <v>75</v>
      </c>
      <c r="AG38604">
        <v>77</v>
      </c>
      <c r="AH38604">
        <v>78</v>
      </c>
      <c r="AI38604">
        <v>80</v>
      </c>
      <c r="AJ38604">
        <v>81</v>
      </c>
      <c r="AK38604">
        <v>83</v>
      </c>
      <c r="AL38604">
        <v>85</v>
      </c>
      <c r="AM38604">
        <v>86</v>
      </c>
      <c r="AN38604">
        <v>88</v>
      </c>
      <c r="AO38604">
        <v>90</v>
      </c>
      <c r="AP38604">
        <v>91</v>
      </c>
      <c r="AQ38604">
        <v>93</v>
      </c>
    </row>
    <row r="38605" spans="1:43">
      <c r="A38605" t="s">
        <v>23945</v>
      </c>
      <c r="B38605" t="s">
        <v>23946</v>
      </c>
      <c r="C38605" t="s">
        <v>23889</v>
      </c>
      <c r="D38605" t="s">
        <v>23890</v>
      </c>
      <c r="E38605" t="s">
        <v>23891</v>
      </c>
      <c r="F38605" t="s">
        <v>23892</v>
      </c>
      <c r="G38605" t="s">
        <v>11612</v>
      </c>
      <c r="H38605" t="s">
        <v>11613</v>
      </c>
      <c r="I38605" s="2">
        <v>0</v>
      </c>
      <c r="J38605" s="2">
        <v>0</v>
      </c>
      <c r="K38605" s="2">
        <v>1</v>
      </c>
      <c r="L38605" t="s">
        <v>995</v>
      </c>
      <c r="M38605" t="s">
        <v>83</v>
      </c>
      <c r="N38605" t="s">
        <v>91</v>
      </c>
      <c r="O38605" t="s">
        <v>85</v>
      </c>
      <c r="P38605" t="s">
        <v>86</v>
      </c>
      <c r="Q38605">
        <v>45</v>
      </c>
      <c r="R38605">
        <v>46</v>
      </c>
      <c r="S38605">
        <v>48</v>
      </c>
      <c r="T38605">
        <v>49</v>
      </c>
      <c r="U38605">
        <v>51</v>
      </c>
      <c r="V38605">
        <v>52</v>
      </c>
      <c r="W38605">
        <v>54</v>
      </c>
      <c r="X38605">
        <v>56</v>
      </c>
      <c r="Y38605">
        <v>57</v>
      </c>
      <c r="Z38605">
        <v>59</v>
      </c>
      <c r="AA38605">
        <v>61</v>
      </c>
      <c r="AB38605">
        <v>63</v>
      </c>
      <c r="AC38605">
        <v>65</v>
      </c>
      <c r="AD38605">
        <v>67</v>
      </c>
      <c r="AE38605">
        <v>69</v>
      </c>
      <c r="AF38605">
        <v>71</v>
      </c>
      <c r="AG38605">
        <v>73</v>
      </c>
      <c r="AH38605">
        <v>75</v>
      </c>
      <c r="AI38605">
        <v>77</v>
      </c>
      <c r="AJ38605">
        <v>80</v>
      </c>
      <c r="AK38605">
        <v>82</v>
      </c>
      <c r="AL38605">
        <v>84</v>
      </c>
      <c r="AM38605">
        <v>85</v>
      </c>
      <c r="AN38605">
        <v>87</v>
      </c>
      <c r="AO38605">
        <v>89</v>
      </c>
      <c r="AP38605">
        <v>91</v>
      </c>
      <c r="AQ38605">
        <v>92</v>
      </c>
    </row>
    <row r="38606" spans="1:43">
      <c r="A38606" t="s">
        <v>23947</v>
      </c>
      <c r="B38606" t="s">
        <v>23948</v>
      </c>
      <c r="C38606" t="s">
        <v>23949</v>
      </c>
      <c r="D38606" t="s">
        <v>23950</v>
      </c>
      <c r="E38606" t="s">
        <v>23891</v>
      </c>
      <c r="F38606" t="s">
        <v>23892</v>
      </c>
      <c r="G38606" t="s">
        <v>11612</v>
      </c>
      <c r="H38606" t="s">
        <v>11613</v>
      </c>
      <c r="I38606" s="2">
        <v>0</v>
      </c>
      <c r="J38606" s="2">
        <v>0</v>
      </c>
      <c r="K38606" s="2">
        <v>1</v>
      </c>
      <c r="L38606" t="s">
        <v>995</v>
      </c>
      <c r="M38606" t="s">
        <v>83</v>
      </c>
      <c r="N38606" t="s">
        <v>84</v>
      </c>
      <c r="O38606" t="s">
        <v>85</v>
      </c>
      <c r="P38606" t="s">
        <v>86</v>
      </c>
      <c r="Q38606">
        <v>29</v>
      </c>
      <c r="R38606">
        <v>29</v>
      </c>
      <c r="S38606">
        <v>30</v>
      </c>
      <c r="T38606">
        <v>31</v>
      </c>
      <c r="U38606">
        <v>33</v>
      </c>
      <c r="V38606">
        <v>34</v>
      </c>
      <c r="W38606">
        <v>35</v>
      </c>
      <c r="X38606">
        <v>36</v>
      </c>
      <c r="Y38606">
        <v>37</v>
      </c>
      <c r="Z38606">
        <v>38</v>
      </c>
      <c r="AA38606">
        <v>39</v>
      </c>
      <c r="AB38606">
        <v>41</v>
      </c>
      <c r="AC38606">
        <v>42</v>
      </c>
      <c r="AD38606">
        <v>43</v>
      </c>
      <c r="AE38606">
        <v>44</v>
      </c>
      <c r="AF38606">
        <v>46</v>
      </c>
      <c r="AG38606">
        <v>47</v>
      </c>
      <c r="AH38606">
        <v>49</v>
      </c>
      <c r="AI38606">
        <v>50</v>
      </c>
      <c r="AJ38606">
        <v>52</v>
      </c>
      <c r="AK38606">
        <v>53</v>
      </c>
      <c r="AL38606">
        <v>54</v>
      </c>
      <c r="AM38606">
        <v>56</v>
      </c>
      <c r="AN38606">
        <v>57</v>
      </c>
      <c r="AO38606">
        <v>58</v>
      </c>
      <c r="AP38606">
        <v>59</v>
      </c>
      <c r="AQ38606">
        <v>60</v>
      </c>
    </row>
    <row r="38607" spans="1:43">
      <c r="A38607" t="s">
        <v>23947</v>
      </c>
      <c r="B38607" t="s">
        <v>23948</v>
      </c>
      <c r="C38607" t="s">
        <v>23949</v>
      </c>
      <c r="D38607" t="s">
        <v>23950</v>
      </c>
      <c r="E38607" t="s">
        <v>23891</v>
      </c>
      <c r="F38607" t="s">
        <v>23892</v>
      </c>
      <c r="G38607" t="s">
        <v>11612</v>
      </c>
      <c r="H38607" t="s">
        <v>11613</v>
      </c>
      <c r="I38607" s="2">
        <v>0</v>
      </c>
      <c r="J38607" s="2">
        <v>0</v>
      </c>
      <c r="K38607" s="2">
        <v>1</v>
      </c>
      <c r="L38607" t="s">
        <v>995</v>
      </c>
      <c r="M38607" t="s">
        <v>87</v>
      </c>
      <c r="N38607" t="s">
        <v>88</v>
      </c>
      <c r="O38607" t="s">
        <v>85</v>
      </c>
      <c r="P38607" t="s">
        <v>86</v>
      </c>
      <c r="Q38607">
        <v>29</v>
      </c>
      <c r="R38607">
        <v>30</v>
      </c>
      <c r="S38607">
        <v>31</v>
      </c>
      <c r="T38607">
        <v>31</v>
      </c>
      <c r="U38607">
        <v>32</v>
      </c>
      <c r="V38607">
        <v>33</v>
      </c>
      <c r="W38607">
        <v>34</v>
      </c>
      <c r="X38607">
        <v>34</v>
      </c>
      <c r="Y38607">
        <v>35</v>
      </c>
      <c r="Z38607">
        <v>36</v>
      </c>
      <c r="AA38607">
        <v>37</v>
      </c>
      <c r="AB38607">
        <v>38</v>
      </c>
      <c r="AC38607">
        <v>39</v>
      </c>
      <c r="AD38607">
        <v>39</v>
      </c>
      <c r="AE38607">
        <v>40</v>
      </c>
      <c r="AF38607">
        <v>41</v>
      </c>
      <c r="AG38607">
        <v>42</v>
      </c>
      <c r="AH38607">
        <v>43</v>
      </c>
      <c r="AI38607">
        <v>44</v>
      </c>
      <c r="AJ38607">
        <v>45</v>
      </c>
      <c r="AK38607">
        <v>46</v>
      </c>
      <c r="AL38607">
        <v>47</v>
      </c>
      <c r="AM38607">
        <v>48</v>
      </c>
      <c r="AN38607">
        <v>50</v>
      </c>
      <c r="AO38607">
        <v>51</v>
      </c>
      <c r="AP38607">
        <v>52</v>
      </c>
      <c r="AQ38607">
        <v>53</v>
      </c>
    </row>
    <row r="38608" spans="1:43">
      <c r="A38608" t="s">
        <v>23947</v>
      </c>
      <c r="B38608" t="s">
        <v>23948</v>
      </c>
      <c r="C38608" t="s">
        <v>23949</v>
      </c>
      <c r="D38608" t="s">
        <v>23950</v>
      </c>
      <c r="E38608" t="s">
        <v>23891</v>
      </c>
      <c r="F38608" t="s">
        <v>23892</v>
      </c>
      <c r="G38608" t="s">
        <v>11612</v>
      </c>
      <c r="H38608" t="s">
        <v>11613</v>
      </c>
      <c r="I38608" s="2">
        <v>0</v>
      </c>
      <c r="J38608" s="2">
        <v>0</v>
      </c>
      <c r="K38608" s="2">
        <v>1</v>
      </c>
      <c r="L38608" t="s">
        <v>995</v>
      </c>
      <c r="M38608" t="s">
        <v>89</v>
      </c>
      <c r="N38608" t="s">
        <v>90</v>
      </c>
      <c r="O38608" t="s">
        <v>85</v>
      </c>
      <c r="P38608" t="s">
        <v>86</v>
      </c>
      <c r="Q38608">
        <v>29</v>
      </c>
      <c r="R38608">
        <v>30</v>
      </c>
      <c r="S38608">
        <v>31</v>
      </c>
      <c r="T38608">
        <v>32</v>
      </c>
      <c r="U38608">
        <v>34</v>
      </c>
      <c r="V38608">
        <v>35</v>
      </c>
      <c r="W38608">
        <v>36</v>
      </c>
      <c r="X38608">
        <v>38</v>
      </c>
      <c r="Y38608">
        <v>39</v>
      </c>
      <c r="Z38608">
        <v>41</v>
      </c>
      <c r="AA38608">
        <v>42</v>
      </c>
      <c r="AB38608">
        <v>43</v>
      </c>
      <c r="AC38608">
        <v>45</v>
      </c>
      <c r="AD38608">
        <v>46</v>
      </c>
      <c r="AE38608">
        <v>48</v>
      </c>
      <c r="AF38608">
        <v>49</v>
      </c>
      <c r="AG38608">
        <v>50</v>
      </c>
      <c r="AH38608">
        <v>51</v>
      </c>
      <c r="AI38608">
        <v>52</v>
      </c>
      <c r="AJ38608">
        <v>53</v>
      </c>
      <c r="AK38608">
        <v>54</v>
      </c>
      <c r="AL38608">
        <v>55</v>
      </c>
      <c r="AM38608">
        <v>56</v>
      </c>
      <c r="AN38608">
        <v>57</v>
      </c>
      <c r="AO38608">
        <v>58</v>
      </c>
      <c r="AP38608">
        <v>60</v>
      </c>
      <c r="AQ38608">
        <v>61</v>
      </c>
    </row>
    <row r="38609" spans="1:43">
      <c r="A38609" t="s">
        <v>23947</v>
      </c>
      <c r="B38609" t="s">
        <v>23948</v>
      </c>
      <c r="C38609" t="s">
        <v>23949</v>
      </c>
      <c r="D38609" t="s">
        <v>23950</v>
      </c>
      <c r="E38609" t="s">
        <v>23891</v>
      </c>
      <c r="F38609" t="s">
        <v>23892</v>
      </c>
      <c r="G38609" t="s">
        <v>11612</v>
      </c>
      <c r="H38609" t="s">
        <v>11613</v>
      </c>
      <c r="I38609" s="2">
        <v>0</v>
      </c>
      <c r="J38609" s="2">
        <v>0</v>
      </c>
      <c r="K38609" s="2">
        <v>1</v>
      </c>
      <c r="L38609" t="s">
        <v>995</v>
      </c>
      <c r="M38609" t="s">
        <v>83</v>
      </c>
      <c r="N38609" t="s">
        <v>91</v>
      </c>
      <c r="O38609" t="s">
        <v>85</v>
      </c>
      <c r="P38609" t="s">
        <v>86</v>
      </c>
      <c r="Q38609">
        <v>29</v>
      </c>
      <c r="R38609">
        <v>29</v>
      </c>
      <c r="S38609">
        <v>30</v>
      </c>
      <c r="T38609">
        <v>31</v>
      </c>
      <c r="U38609">
        <v>33</v>
      </c>
      <c r="V38609">
        <v>34</v>
      </c>
      <c r="W38609">
        <v>35</v>
      </c>
      <c r="X38609">
        <v>36</v>
      </c>
      <c r="Y38609">
        <v>37</v>
      </c>
      <c r="Z38609">
        <v>38</v>
      </c>
      <c r="AA38609">
        <v>39</v>
      </c>
      <c r="AB38609">
        <v>41</v>
      </c>
      <c r="AC38609">
        <v>42</v>
      </c>
      <c r="AD38609">
        <v>43</v>
      </c>
      <c r="AE38609">
        <v>44</v>
      </c>
      <c r="AF38609">
        <v>46</v>
      </c>
      <c r="AG38609">
        <v>47</v>
      </c>
      <c r="AH38609">
        <v>49</v>
      </c>
      <c r="AI38609">
        <v>50</v>
      </c>
      <c r="AJ38609">
        <v>52</v>
      </c>
      <c r="AK38609">
        <v>53</v>
      </c>
      <c r="AL38609">
        <v>54</v>
      </c>
      <c r="AM38609">
        <v>56</v>
      </c>
      <c r="AN38609">
        <v>57</v>
      </c>
      <c r="AO38609">
        <v>58</v>
      </c>
      <c r="AP38609">
        <v>59</v>
      </c>
      <c r="AQ38609">
        <v>60</v>
      </c>
    </row>
    <row r="38610" spans="1:43">
      <c r="A38610" t="s">
        <v>23951</v>
      </c>
      <c r="B38610" t="s">
        <v>23952</v>
      </c>
      <c r="C38610" t="s">
        <v>23911</v>
      </c>
      <c r="D38610" t="s">
        <v>23912</v>
      </c>
      <c r="E38610" t="s">
        <v>23891</v>
      </c>
      <c r="F38610" t="s">
        <v>23892</v>
      </c>
      <c r="G38610" t="s">
        <v>11612</v>
      </c>
      <c r="H38610" t="s">
        <v>11613</v>
      </c>
      <c r="I38610" s="2">
        <v>0</v>
      </c>
      <c r="J38610" s="2">
        <v>0</v>
      </c>
      <c r="K38610" s="2">
        <v>1</v>
      </c>
      <c r="L38610" t="s">
        <v>995</v>
      </c>
      <c r="M38610" t="s">
        <v>83</v>
      </c>
      <c r="N38610" t="s">
        <v>84</v>
      </c>
      <c r="O38610" t="s">
        <v>85</v>
      </c>
      <c r="P38610" t="s">
        <v>86</v>
      </c>
      <c r="Q38610">
        <v>6</v>
      </c>
      <c r="R38610">
        <v>6</v>
      </c>
      <c r="S38610">
        <v>7</v>
      </c>
      <c r="T38610">
        <v>7</v>
      </c>
      <c r="U38610">
        <v>7</v>
      </c>
      <c r="V38610">
        <v>7</v>
      </c>
      <c r="W38610">
        <v>8</v>
      </c>
      <c r="X38610">
        <v>8</v>
      </c>
      <c r="Y38610">
        <v>8</v>
      </c>
      <c r="Z38610">
        <v>8</v>
      </c>
      <c r="AA38610">
        <v>9</v>
      </c>
      <c r="AB38610">
        <v>9</v>
      </c>
      <c r="AC38610">
        <v>9</v>
      </c>
      <c r="AD38610">
        <v>9</v>
      </c>
      <c r="AE38610">
        <v>10</v>
      </c>
      <c r="AF38610">
        <v>10</v>
      </c>
      <c r="AG38610">
        <v>10</v>
      </c>
      <c r="AH38610">
        <v>11</v>
      </c>
      <c r="AI38610">
        <v>11</v>
      </c>
      <c r="AJ38610">
        <v>11</v>
      </c>
      <c r="AK38610">
        <v>12</v>
      </c>
      <c r="AL38610">
        <v>12</v>
      </c>
      <c r="AM38610">
        <v>12</v>
      </c>
      <c r="AN38610">
        <v>12</v>
      </c>
      <c r="AO38610">
        <v>13</v>
      </c>
      <c r="AP38610">
        <v>13</v>
      </c>
      <c r="AQ38610">
        <v>13</v>
      </c>
    </row>
    <row r="38611" spans="1:43">
      <c r="A38611" t="s">
        <v>23951</v>
      </c>
      <c r="B38611" t="s">
        <v>23952</v>
      </c>
      <c r="C38611" t="s">
        <v>23911</v>
      </c>
      <c r="D38611" t="s">
        <v>23912</v>
      </c>
      <c r="E38611" t="s">
        <v>23891</v>
      </c>
      <c r="F38611" t="s">
        <v>23892</v>
      </c>
      <c r="G38611" t="s">
        <v>11612</v>
      </c>
      <c r="H38611" t="s">
        <v>11613</v>
      </c>
      <c r="I38611" s="2">
        <v>0</v>
      </c>
      <c r="J38611" s="2">
        <v>0</v>
      </c>
      <c r="K38611" s="2">
        <v>1</v>
      </c>
      <c r="L38611" t="s">
        <v>995</v>
      </c>
      <c r="M38611" t="s">
        <v>87</v>
      </c>
      <c r="N38611" t="s">
        <v>88</v>
      </c>
      <c r="O38611" t="s">
        <v>85</v>
      </c>
      <c r="P38611" t="s">
        <v>86</v>
      </c>
      <c r="Q38611">
        <v>6</v>
      </c>
      <c r="R38611">
        <v>6</v>
      </c>
      <c r="S38611">
        <v>6</v>
      </c>
      <c r="T38611">
        <v>7</v>
      </c>
      <c r="U38611">
        <v>7</v>
      </c>
      <c r="V38611">
        <v>7</v>
      </c>
      <c r="W38611">
        <v>7</v>
      </c>
      <c r="X38611">
        <v>7</v>
      </c>
      <c r="Y38611">
        <v>7</v>
      </c>
      <c r="Z38611">
        <v>8</v>
      </c>
      <c r="AA38611">
        <v>8</v>
      </c>
      <c r="AB38611">
        <v>8</v>
      </c>
      <c r="AC38611">
        <v>8</v>
      </c>
      <c r="AD38611">
        <v>8</v>
      </c>
      <c r="AE38611">
        <v>9</v>
      </c>
      <c r="AF38611">
        <v>9</v>
      </c>
      <c r="AG38611">
        <v>9</v>
      </c>
      <c r="AH38611">
        <v>9</v>
      </c>
      <c r="AI38611">
        <v>9</v>
      </c>
      <c r="AJ38611">
        <v>10</v>
      </c>
      <c r="AK38611">
        <v>10</v>
      </c>
      <c r="AL38611">
        <v>10</v>
      </c>
      <c r="AM38611">
        <v>10</v>
      </c>
      <c r="AN38611">
        <v>11</v>
      </c>
      <c r="AO38611">
        <v>11</v>
      </c>
      <c r="AP38611">
        <v>11</v>
      </c>
      <c r="AQ38611">
        <v>11</v>
      </c>
    </row>
    <row r="38612" spans="1:43">
      <c r="A38612" t="s">
        <v>23951</v>
      </c>
      <c r="B38612" t="s">
        <v>23952</v>
      </c>
      <c r="C38612" t="s">
        <v>23911</v>
      </c>
      <c r="D38612" t="s">
        <v>23912</v>
      </c>
      <c r="E38612" t="s">
        <v>23891</v>
      </c>
      <c r="F38612" t="s">
        <v>23892</v>
      </c>
      <c r="G38612" t="s">
        <v>11612</v>
      </c>
      <c r="H38612" t="s">
        <v>11613</v>
      </c>
      <c r="I38612" s="2">
        <v>0</v>
      </c>
      <c r="J38612" s="2">
        <v>0</v>
      </c>
      <c r="K38612" s="2">
        <v>1</v>
      </c>
      <c r="L38612" t="s">
        <v>995</v>
      </c>
      <c r="M38612" t="s">
        <v>89</v>
      </c>
      <c r="N38612" t="s">
        <v>90</v>
      </c>
      <c r="O38612" t="s">
        <v>85</v>
      </c>
      <c r="P38612" t="s">
        <v>86</v>
      </c>
      <c r="Q38612">
        <v>6</v>
      </c>
      <c r="R38612">
        <v>7</v>
      </c>
      <c r="S38612">
        <v>7</v>
      </c>
      <c r="T38612">
        <v>7</v>
      </c>
      <c r="U38612">
        <v>7</v>
      </c>
      <c r="V38612">
        <v>8</v>
      </c>
      <c r="W38612">
        <v>8</v>
      </c>
      <c r="X38612">
        <v>8</v>
      </c>
      <c r="Y38612">
        <v>9</v>
      </c>
      <c r="Z38612">
        <v>9</v>
      </c>
      <c r="AA38612">
        <v>9</v>
      </c>
      <c r="AB38612">
        <v>9</v>
      </c>
      <c r="AC38612">
        <v>10</v>
      </c>
      <c r="AD38612">
        <v>10</v>
      </c>
      <c r="AE38612">
        <v>10</v>
      </c>
      <c r="AF38612">
        <v>11</v>
      </c>
      <c r="AG38612">
        <v>11</v>
      </c>
      <c r="AH38612">
        <v>11</v>
      </c>
      <c r="AI38612">
        <v>11</v>
      </c>
      <c r="AJ38612">
        <v>12</v>
      </c>
      <c r="AK38612">
        <v>12</v>
      </c>
      <c r="AL38612">
        <v>12</v>
      </c>
      <c r="AM38612">
        <v>12</v>
      </c>
      <c r="AN38612">
        <v>12</v>
      </c>
      <c r="AO38612">
        <v>13</v>
      </c>
      <c r="AP38612">
        <v>13</v>
      </c>
      <c r="AQ38612">
        <v>13</v>
      </c>
    </row>
    <row r="38613" spans="1:43">
      <c r="A38613" t="s">
        <v>23951</v>
      </c>
      <c r="B38613" t="s">
        <v>23952</v>
      </c>
      <c r="C38613" t="s">
        <v>23911</v>
      </c>
      <c r="D38613" t="s">
        <v>23912</v>
      </c>
      <c r="E38613" t="s">
        <v>23891</v>
      </c>
      <c r="F38613" t="s">
        <v>23892</v>
      </c>
      <c r="G38613" t="s">
        <v>11612</v>
      </c>
      <c r="H38613" t="s">
        <v>11613</v>
      </c>
      <c r="I38613" s="2">
        <v>0</v>
      </c>
      <c r="J38613" s="2">
        <v>0</v>
      </c>
      <c r="K38613" s="2">
        <v>1</v>
      </c>
      <c r="L38613" t="s">
        <v>995</v>
      </c>
      <c r="M38613" t="s">
        <v>83</v>
      </c>
      <c r="N38613" t="s">
        <v>91</v>
      </c>
      <c r="O38613" t="s">
        <v>85</v>
      </c>
      <c r="P38613" t="s">
        <v>86</v>
      </c>
      <c r="Q38613">
        <v>6</v>
      </c>
      <c r="R38613">
        <v>6</v>
      </c>
      <c r="S38613">
        <v>7</v>
      </c>
      <c r="T38613">
        <v>7</v>
      </c>
      <c r="U38613">
        <v>7</v>
      </c>
      <c r="V38613">
        <v>7</v>
      </c>
      <c r="W38613">
        <v>8</v>
      </c>
      <c r="X38613">
        <v>8</v>
      </c>
      <c r="Y38613">
        <v>8</v>
      </c>
      <c r="Z38613">
        <v>8</v>
      </c>
      <c r="AA38613">
        <v>9</v>
      </c>
      <c r="AB38613">
        <v>9</v>
      </c>
      <c r="AC38613">
        <v>9</v>
      </c>
      <c r="AD38613">
        <v>9</v>
      </c>
      <c r="AE38613">
        <v>10</v>
      </c>
      <c r="AF38613">
        <v>10</v>
      </c>
      <c r="AG38613">
        <v>10</v>
      </c>
      <c r="AH38613">
        <v>11</v>
      </c>
      <c r="AI38613">
        <v>11</v>
      </c>
      <c r="AJ38613">
        <v>11</v>
      </c>
      <c r="AK38613">
        <v>12</v>
      </c>
      <c r="AL38613">
        <v>12</v>
      </c>
      <c r="AM38613">
        <v>12</v>
      </c>
      <c r="AN38613">
        <v>12</v>
      </c>
      <c r="AO38613">
        <v>13</v>
      </c>
      <c r="AP38613">
        <v>13</v>
      </c>
      <c r="AQ38613">
        <v>13</v>
      </c>
    </row>
    <row r="38614" spans="1:43">
      <c r="A38614" t="s">
        <v>23953</v>
      </c>
      <c r="B38614" t="s">
        <v>23954</v>
      </c>
      <c r="C38614" t="s">
        <v>23949</v>
      </c>
      <c r="D38614" t="s">
        <v>23950</v>
      </c>
      <c r="E38614" t="s">
        <v>23891</v>
      </c>
      <c r="F38614" t="s">
        <v>23892</v>
      </c>
      <c r="G38614" t="s">
        <v>11612</v>
      </c>
      <c r="H38614" t="s">
        <v>11613</v>
      </c>
      <c r="I38614" s="2">
        <v>0</v>
      </c>
      <c r="J38614" s="2">
        <v>0</v>
      </c>
      <c r="K38614" s="2">
        <v>1</v>
      </c>
      <c r="L38614" t="s">
        <v>995</v>
      </c>
      <c r="M38614" t="s">
        <v>83</v>
      </c>
      <c r="N38614" t="s">
        <v>84</v>
      </c>
      <c r="O38614" t="s">
        <v>85</v>
      </c>
      <c r="P38614" t="s">
        <v>86</v>
      </c>
      <c r="Q38614">
        <v>28</v>
      </c>
      <c r="R38614">
        <v>29</v>
      </c>
      <c r="S38614">
        <v>30</v>
      </c>
      <c r="T38614">
        <v>31</v>
      </c>
      <c r="U38614">
        <v>32</v>
      </c>
      <c r="V38614">
        <v>33</v>
      </c>
      <c r="W38614">
        <v>34</v>
      </c>
      <c r="X38614">
        <v>35</v>
      </c>
      <c r="Y38614">
        <v>36</v>
      </c>
      <c r="Z38614">
        <v>37</v>
      </c>
      <c r="AA38614">
        <v>39</v>
      </c>
      <c r="AB38614">
        <v>40</v>
      </c>
      <c r="AC38614">
        <v>41</v>
      </c>
      <c r="AD38614">
        <v>42</v>
      </c>
      <c r="AE38614">
        <v>44</v>
      </c>
      <c r="AF38614">
        <v>45</v>
      </c>
      <c r="AG38614">
        <v>46</v>
      </c>
      <c r="AH38614">
        <v>48</v>
      </c>
      <c r="AI38614">
        <v>49</v>
      </c>
      <c r="AJ38614">
        <v>50</v>
      </c>
      <c r="AK38614">
        <v>52</v>
      </c>
      <c r="AL38614">
        <v>53</v>
      </c>
      <c r="AM38614">
        <v>54</v>
      </c>
      <c r="AN38614">
        <v>55</v>
      </c>
      <c r="AO38614">
        <v>57</v>
      </c>
      <c r="AP38614">
        <v>58</v>
      </c>
      <c r="AQ38614">
        <v>59</v>
      </c>
    </row>
    <row r="38615" spans="1:43">
      <c r="A38615" t="s">
        <v>23953</v>
      </c>
      <c r="B38615" t="s">
        <v>23954</v>
      </c>
      <c r="C38615" t="s">
        <v>23949</v>
      </c>
      <c r="D38615" t="s">
        <v>23950</v>
      </c>
      <c r="E38615" t="s">
        <v>23891</v>
      </c>
      <c r="F38615" t="s">
        <v>23892</v>
      </c>
      <c r="G38615" t="s">
        <v>11612</v>
      </c>
      <c r="H38615" t="s">
        <v>11613</v>
      </c>
      <c r="I38615" s="2">
        <v>0</v>
      </c>
      <c r="J38615" s="2">
        <v>0</v>
      </c>
      <c r="K38615" s="2">
        <v>1</v>
      </c>
      <c r="L38615" t="s">
        <v>995</v>
      </c>
      <c r="M38615" t="s">
        <v>87</v>
      </c>
      <c r="N38615" t="s">
        <v>88</v>
      </c>
      <c r="O38615" t="s">
        <v>85</v>
      </c>
      <c r="P38615" t="s">
        <v>86</v>
      </c>
      <c r="Q38615">
        <v>28</v>
      </c>
      <c r="R38615">
        <v>28</v>
      </c>
      <c r="S38615">
        <v>29</v>
      </c>
      <c r="T38615">
        <v>30</v>
      </c>
      <c r="U38615">
        <v>30</v>
      </c>
      <c r="V38615">
        <v>31</v>
      </c>
      <c r="W38615">
        <v>32</v>
      </c>
      <c r="X38615">
        <v>33</v>
      </c>
      <c r="Y38615">
        <v>33</v>
      </c>
      <c r="Z38615">
        <v>34</v>
      </c>
      <c r="AA38615">
        <v>35</v>
      </c>
      <c r="AB38615">
        <v>36</v>
      </c>
      <c r="AC38615">
        <v>37</v>
      </c>
      <c r="AD38615">
        <v>38</v>
      </c>
      <c r="AE38615">
        <v>39</v>
      </c>
      <c r="AF38615">
        <v>39</v>
      </c>
      <c r="AG38615">
        <v>40</v>
      </c>
      <c r="AH38615">
        <v>41</v>
      </c>
      <c r="AI38615">
        <v>42</v>
      </c>
      <c r="AJ38615">
        <v>43</v>
      </c>
      <c r="AK38615">
        <v>44</v>
      </c>
      <c r="AL38615">
        <v>45</v>
      </c>
      <c r="AM38615">
        <v>46</v>
      </c>
      <c r="AN38615">
        <v>48</v>
      </c>
      <c r="AO38615">
        <v>49</v>
      </c>
      <c r="AP38615">
        <v>50</v>
      </c>
      <c r="AQ38615">
        <v>51</v>
      </c>
    </row>
    <row r="38616" spans="1:43">
      <c r="A38616" t="s">
        <v>23953</v>
      </c>
      <c r="B38616" t="s">
        <v>23954</v>
      </c>
      <c r="C38616" t="s">
        <v>23949</v>
      </c>
      <c r="D38616" t="s">
        <v>23950</v>
      </c>
      <c r="E38616" t="s">
        <v>23891</v>
      </c>
      <c r="F38616" t="s">
        <v>23892</v>
      </c>
      <c r="G38616" t="s">
        <v>11612</v>
      </c>
      <c r="H38616" t="s">
        <v>11613</v>
      </c>
      <c r="I38616" s="2">
        <v>0</v>
      </c>
      <c r="J38616" s="2">
        <v>0</v>
      </c>
      <c r="K38616" s="2">
        <v>1</v>
      </c>
      <c r="L38616" t="s">
        <v>995</v>
      </c>
      <c r="M38616" t="s">
        <v>89</v>
      </c>
      <c r="N38616" t="s">
        <v>90</v>
      </c>
      <c r="O38616" t="s">
        <v>85</v>
      </c>
      <c r="P38616" t="s">
        <v>86</v>
      </c>
      <c r="Q38616">
        <v>28</v>
      </c>
      <c r="R38616">
        <v>29</v>
      </c>
      <c r="S38616">
        <v>31</v>
      </c>
      <c r="T38616">
        <v>32</v>
      </c>
      <c r="U38616">
        <v>33</v>
      </c>
      <c r="V38616">
        <v>34</v>
      </c>
      <c r="W38616">
        <v>36</v>
      </c>
      <c r="X38616">
        <v>37</v>
      </c>
      <c r="Y38616">
        <v>38</v>
      </c>
      <c r="Z38616">
        <v>40</v>
      </c>
      <c r="AA38616">
        <v>41</v>
      </c>
      <c r="AB38616">
        <v>42</v>
      </c>
      <c r="AC38616">
        <v>44</v>
      </c>
      <c r="AD38616">
        <v>45</v>
      </c>
      <c r="AE38616">
        <v>47</v>
      </c>
      <c r="AF38616">
        <v>48</v>
      </c>
      <c r="AG38616">
        <v>49</v>
      </c>
      <c r="AH38616">
        <v>50</v>
      </c>
      <c r="AI38616">
        <v>51</v>
      </c>
      <c r="AJ38616">
        <v>52</v>
      </c>
      <c r="AK38616">
        <v>53</v>
      </c>
      <c r="AL38616">
        <v>54</v>
      </c>
      <c r="AM38616">
        <v>55</v>
      </c>
      <c r="AN38616">
        <v>56</v>
      </c>
      <c r="AO38616">
        <v>57</v>
      </c>
      <c r="AP38616">
        <v>58</v>
      </c>
      <c r="AQ38616">
        <v>60</v>
      </c>
    </row>
    <row r="38617" spans="1:43">
      <c r="A38617" t="s">
        <v>23953</v>
      </c>
      <c r="B38617" t="s">
        <v>23954</v>
      </c>
      <c r="C38617" t="s">
        <v>23949</v>
      </c>
      <c r="D38617" t="s">
        <v>23950</v>
      </c>
      <c r="E38617" t="s">
        <v>23891</v>
      </c>
      <c r="F38617" t="s">
        <v>23892</v>
      </c>
      <c r="G38617" t="s">
        <v>11612</v>
      </c>
      <c r="H38617" t="s">
        <v>11613</v>
      </c>
      <c r="I38617" s="2">
        <v>0</v>
      </c>
      <c r="J38617" s="2">
        <v>0</v>
      </c>
      <c r="K38617" s="2">
        <v>1</v>
      </c>
      <c r="L38617" t="s">
        <v>995</v>
      </c>
      <c r="M38617" t="s">
        <v>83</v>
      </c>
      <c r="N38617" t="s">
        <v>91</v>
      </c>
      <c r="O38617" t="s">
        <v>85</v>
      </c>
      <c r="P38617" t="s">
        <v>86</v>
      </c>
      <c r="Q38617">
        <v>28</v>
      </c>
      <c r="R38617">
        <v>29</v>
      </c>
      <c r="S38617">
        <v>30</v>
      </c>
      <c r="T38617">
        <v>31</v>
      </c>
      <c r="U38617">
        <v>32</v>
      </c>
      <c r="V38617">
        <v>33</v>
      </c>
      <c r="W38617">
        <v>34</v>
      </c>
      <c r="X38617">
        <v>35</v>
      </c>
      <c r="Y38617">
        <v>36</v>
      </c>
      <c r="Z38617">
        <v>37</v>
      </c>
      <c r="AA38617">
        <v>39</v>
      </c>
      <c r="AB38617">
        <v>40</v>
      </c>
      <c r="AC38617">
        <v>41</v>
      </c>
      <c r="AD38617">
        <v>42</v>
      </c>
      <c r="AE38617">
        <v>44</v>
      </c>
      <c r="AF38617">
        <v>45</v>
      </c>
      <c r="AG38617">
        <v>46</v>
      </c>
      <c r="AH38617">
        <v>48</v>
      </c>
      <c r="AI38617">
        <v>49</v>
      </c>
      <c r="AJ38617">
        <v>50</v>
      </c>
      <c r="AK38617">
        <v>52</v>
      </c>
      <c r="AL38617">
        <v>53</v>
      </c>
      <c r="AM38617">
        <v>54</v>
      </c>
      <c r="AN38617">
        <v>55</v>
      </c>
      <c r="AO38617">
        <v>57</v>
      </c>
      <c r="AP38617">
        <v>58</v>
      </c>
      <c r="AQ38617">
        <v>59</v>
      </c>
    </row>
    <row r="38618" spans="1:43">
      <c r="A38618" t="s">
        <v>23955</v>
      </c>
      <c r="B38618" t="s">
        <v>23956</v>
      </c>
      <c r="C38618" t="s">
        <v>23949</v>
      </c>
      <c r="D38618" t="s">
        <v>23950</v>
      </c>
      <c r="E38618" t="s">
        <v>23891</v>
      </c>
      <c r="F38618" t="s">
        <v>23892</v>
      </c>
      <c r="G38618" t="s">
        <v>11612</v>
      </c>
      <c r="H38618" t="s">
        <v>11613</v>
      </c>
      <c r="I38618" s="2">
        <v>0</v>
      </c>
      <c r="J38618" s="2">
        <v>0</v>
      </c>
      <c r="K38618" s="2">
        <v>1</v>
      </c>
      <c r="L38618" t="s">
        <v>995</v>
      </c>
      <c r="M38618" t="s">
        <v>83</v>
      </c>
      <c r="N38618" t="s">
        <v>84</v>
      </c>
      <c r="O38618" t="s">
        <v>85</v>
      </c>
      <c r="P38618" t="s">
        <v>86</v>
      </c>
      <c r="Q38618">
        <v>21</v>
      </c>
      <c r="R38618">
        <v>22</v>
      </c>
      <c r="S38618">
        <v>22</v>
      </c>
      <c r="T38618">
        <v>23</v>
      </c>
      <c r="U38618">
        <v>24</v>
      </c>
      <c r="V38618">
        <v>25</v>
      </c>
      <c r="W38618">
        <v>26</v>
      </c>
      <c r="X38618">
        <v>26</v>
      </c>
      <c r="Y38618">
        <v>27</v>
      </c>
      <c r="Z38618">
        <v>28</v>
      </c>
      <c r="AA38618">
        <v>29</v>
      </c>
      <c r="AB38618">
        <v>30</v>
      </c>
      <c r="AC38618">
        <v>31</v>
      </c>
      <c r="AD38618">
        <v>32</v>
      </c>
      <c r="AE38618">
        <v>33</v>
      </c>
      <c r="AF38618">
        <v>34</v>
      </c>
      <c r="AG38618">
        <v>35</v>
      </c>
      <c r="AH38618">
        <v>36</v>
      </c>
      <c r="AI38618">
        <v>37</v>
      </c>
      <c r="AJ38618">
        <v>38</v>
      </c>
      <c r="AK38618">
        <v>39</v>
      </c>
      <c r="AL38618">
        <v>40</v>
      </c>
      <c r="AM38618">
        <v>41</v>
      </c>
      <c r="AN38618">
        <v>42</v>
      </c>
      <c r="AO38618">
        <v>43</v>
      </c>
      <c r="AP38618">
        <v>43</v>
      </c>
      <c r="AQ38618">
        <v>44</v>
      </c>
    </row>
    <row r="38619" spans="1:43">
      <c r="A38619" t="s">
        <v>23955</v>
      </c>
      <c r="B38619" t="s">
        <v>23956</v>
      </c>
      <c r="C38619" t="s">
        <v>23949</v>
      </c>
      <c r="D38619" t="s">
        <v>23950</v>
      </c>
      <c r="E38619" t="s">
        <v>23891</v>
      </c>
      <c r="F38619" t="s">
        <v>23892</v>
      </c>
      <c r="G38619" t="s">
        <v>11612</v>
      </c>
      <c r="H38619" t="s">
        <v>11613</v>
      </c>
      <c r="I38619" s="2">
        <v>0</v>
      </c>
      <c r="J38619" s="2">
        <v>0</v>
      </c>
      <c r="K38619" s="2">
        <v>1</v>
      </c>
      <c r="L38619" t="s">
        <v>995</v>
      </c>
      <c r="M38619" t="s">
        <v>87</v>
      </c>
      <c r="N38619" t="s">
        <v>88</v>
      </c>
      <c r="O38619" t="s">
        <v>85</v>
      </c>
      <c r="P38619" t="s">
        <v>86</v>
      </c>
      <c r="Q38619">
        <v>21</v>
      </c>
      <c r="R38619">
        <v>21</v>
      </c>
      <c r="S38619">
        <v>22</v>
      </c>
      <c r="T38619">
        <v>22</v>
      </c>
      <c r="U38619">
        <v>23</v>
      </c>
      <c r="V38619">
        <v>23</v>
      </c>
      <c r="W38619">
        <v>24</v>
      </c>
      <c r="X38619">
        <v>25</v>
      </c>
      <c r="Y38619">
        <v>25</v>
      </c>
      <c r="Z38619">
        <v>26</v>
      </c>
      <c r="AA38619">
        <v>26</v>
      </c>
      <c r="AB38619">
        <v>27</v>
      </c>
      <c r="AC38619">
        <v>28</v>
      </c>
      <c r="AD38619">
        <v>28</v>
      </c>
      <c r="AE38619">
        <v>29</v>
      </c>
      <c r="AF38619">
        <v>30</v>
      </c>
      <c r="AG38619">
        <v>30</v>
      </c>
      <c r="AH38619">
        <v>31</v>
      </c>
      <c r="AI38619">
        <v>32</v>
      </c>
      <c r="AJ38619">
        <v>33</v>
      </c>
      <c r="AK38619">
        <v>33</v>
      </c>
      <c r="AL38619">
        <v>34</v>
      </c>
      <c r="AM38619">
        <v>35</v>
      </c>
      <c r="AN38619">
        <v>36</v>
      </c>
      <c r="AO38619">
        <v>37</v>
      </c>
      <c r="AP38619">
        <v>37</v>
      </c>
      <c r="AQ38619">
        <v>38</v>
      </c>
    </row>
    <row r="38620" spans="1:43">
      <c r="A38620" t="s">
        <v>23955</v>
      </c>
      <c r="B38620" t="s">
        <v>23956</v>
      </c>
      <c r="C38620" t="s">
        <v>23949</v>
      </c>
      <c r="D38620" t="s">
        <v>23950</v>
      </c>
      <c r="E38620" t="s">
        <v>23891</v>
      </c>
      <c r="F38620" t="s">
        <v>23892</v>
      </c>
      <c r="G38620" t="s">
        <v>11612</v>
      </c>
      <c r="H38620" t="s">
        <v>11613</v>
      </c>
      <c r="I38620" s="2">
        <v>0</v>
      </c>
      <c r="J38620" s="2">
        <v>0</v>
      </c>
      <c r="K38620" s="2">
        <v>1</v>
      </c>
      <c r="L38620" t="s">
        <v>995</v>
      </c>
      <c r="M38620" t="s">
        <v>89</v>
      </c>
      <c r="N38620" t="s">
        <v>90</v>
      </c>
      <c r="O38620" t="s">
        <v>85</v>
      </c>
      <c r="P38620" t="s">
        <v>86</v>
      </c>
      <c r="Q38620">
        <v>21</v>
      </c>
      <c r="R38620">
        <v>22</v>
      </c>
      <c r="S38620">
        <v>23</v>
      </c>
      <c r="T38620">
        <v>24</v>
      </c>
      <c r="U38620">
        <v>25</v>
      </c>
      <c r="V38620">
        <v>26</v>
      </c>
      <c r="W38620">
        <v>27</v>
      </c>
      <c r="X38620">
        <v>28</v>
      </c>
      <c r="Y38620">
        <v>29</v>
      </c>
      <c r="Z38620">
        <v>30</v>
      </c>
      <c r="AA38620">
        <v>31</v>
      </c>
      <c r="AB38620">
        <v>32</v>
      </c>
      <c r="AC38620">
        <v>33</v>
      </c>
      <c r="AD38620">
        <v>34</v>
      </c>
      <c r="AE38620">
        <v>35</v>
      </c>
      <c r="AF38620">
        <v>36</v>
      </c>
      <c r="AG38620">
        <v>37</v>
      </c>
      <c r="AH38620">
        <v>37</v>
      </c>
      <c r="AI38620">
        <v>38</v>
      </c>
      <c r="AJ38620">
        <v>39</v>
      </c>
      <c r="AK38620">
        <v>40</v>
      </c>
      <c r="AL38620">
        <v>41</v>
      </c>
      <c r="AM38620">
        <v>41</v>
      </c>
      <c r="AN38620">
        <v>42</v>
      </c>
      <c r="AO38620">
        <v>43</v>
      </c>
      <c r="AP38620">
        <v>44</v>
      </c>
      <c r="AQ38620">
        <v>45</v>
      </c>
    </row>
    <row r="38621" spans="1:43">
      <c r="A38621" t="s">
        <v>23955</v>
      </c>
      <c r="B38621" t="s">
        <v>23956</v>
      </c>
      <c r="C38621" t="s">
        <v>23949</v>
      </c>
      <c r="D38621" t="s">
        <v>23950</v>
      </c>
      <c r="E38621" t="s">
        <v>23891</v>
      </c>
      <c r="F38621" t="s">
        <v>23892</v>
      </c>
      <c r="G38621" t="s">
        <v>11612</v>
      </c>
      <c r="H38621" t="s">
        <v>11613</v>
      </c>
      <c r="I38621" s="2">
        <v>0</v>
      </c>
      <c r="J38621" s="2">
        <v>0</v>
      </c>
      <c r="K38621" s="2">
        <v>1</v>
      </c>
      <c r="L38621" t="s">
        <v>995</v>
      </c>
      <c r="M38621" t="s">
        <v>83</v>
      </c>
      <c r="N38621" t="s">
        <v>91</v>
      </c>
      <c r="O38621" t="s">
        <v>85</v>
      </c>
      <c r="P38621" t="s">
        <v>86</v>
      </c>
      <c r="Q38621">
        <v>21</v>
      </c>
      <c r="R38621">
        <v>22</v>
      </c>
      <c r="S38621">
        <v>22</v>
      </c>
      <c r="T38621">
        <v>23</v>
      </c>
      <c r="U38621">
        <v>24</v>
      </c>
      <c r="V38621">
        <v>25</v>
      </c>
      <c r="W38621">
        <v>26</v>
      </c>
      <c r="X38621">
        <v>26</v>
      </c>
      <c r="Y38621">
        <v>27</v>
      </c>
      <c r="Z38621">
        <v>28</v>
      </c>
      <c r="AA38621">
        <v>29</v>
      </c>
      <c r="AB38621">
        <v>30</v>
      </c>
      <c r="AC38621">
        <v>31</v>
      </c>
      <c r="AD38621">
        <v>32</v>
      </c>
      <c r="AE38621">
        <v>33</v>
      </c>
      <c r="AF38621">
        <v>34</v>
      </c>
      <c r="AG38621">
        <v>35</v>
      </c>
      <c r="AH38621">
        <v>36</v>
      </c>
      <c r="AI38621">
        <v>37</v>
      </c>
      <c r="AJ38621">
        <v>38</v>
      </c>
      <c r="AK38621">
        <v>39</v>
      </c>
      <c r="AL38621">
        <v>40</v>
      </c>
      <c r="AM38621">
        <v>41</v>
      </c>
      <c r="AN38621">
        <v>42</v>
      </c>
      <c r="AO38621">
        <v>43</v>
      </c>
      <c r="AP38621">
        <v>43</v>
      </c>
      <c r="AQ38621">
        <v>44</v>
      </c>
    </row>
    <row r="38622" spans="1:43">
      <c r="A38622" t="s">
        <v>23957</v>
      </c>
      <c r="B38622" t="s">
        <v>23958</v>
      </c>
      <c r="C38622" t="s">
        <v>23911</v>
      </c>
      <c r="D38622" t="s">
        <v>23912</v>
      </c>
      <c r="E38622" t="s">
        <v>23891</v>
      </c>
      <c r="F38622" t="s">
        <v>23892</v>
      </c>
      <c r="G38622" t="s">
        <v>11612</v>
      </c>
      <c r="H38622" t="s">
        <v>11613</v>
      </c>
      <c r="I38622" s="2">
        <v>0</v>
      </c>
      <c r="J38622" s="2">
        <v>0</v>
      </c>
      <c r="K38622" s="2">
        <v>1</v>
      </c>
      <c r="L38622" t="s">
        <v>995</v>
      </c>
      <c r="M38622" t="s">
        <v>83</v>
      </c>
      <c r="N38622" t="s">
        <v>84</v>
      </c>
      <c r="O38622" t="s">
        <v>85</v>
      </c>
      <c r="P38622" t="s">
        <v>86</v>
      </c>
      <c r="Q38622">
        <v>240</v>
      </c>
      <c r="R38622">
        <v>248</v>
      </c>
      <c r="S38622">
        <v>256</v>
      </c>
      <c r="T38622">
        <v>265</v>
      </c>
      <c r="U38622">
        <v>274</v>
      </c>
      <c r="V38622">
        <v>283</v>
      </c>
      <c r="W38622">
        <v>292</v>
      </c>
      <c r="X38622">
        <v>301</v>
      </c>
      <c r="Y38622">
        <v>311</v>
      </c>
      <c r="Z38622">
        <v>321</v>
      </c>
      <c r="AA38622">
        <v>331</v>
      </c>
      <c r="AB38622">
        <v>342</v>
      </c>
      <c r="AC38622">
        <v>352</v>
      </c>
      <c r="AD38622">
        <v>363</v>
      </c>
      <c r="AE38622">
        <v>374</v>
      </c>
      <c r="AF38622">
        <v>385</v>
      </c>
      <c r="AG38622">
        <v>397</v>
      </c>
      <c r="AH38622">
        <v>408</v>
      </c>
      <c r="AI38622">
        <v>421</v>
      </c>
      <c r="AJ38622">
        <v>433</v>
      </c>
      <c r="AK38622">
        <v>446</v>
      </c>
      <c r="AL38622">
        <v>456</v>
      </c>
      <c r="AM38622">
        <v>466</v>
      </c>
      <c r="AN38622">
        <v>476</v>
      </c>
      <c r="AO38622">
        <v>485</v>
      </c>
      <c r="AP38622">
        <v>495</v>
      </c>
      <c r="AQ38622">
        <v>506</v>
      </c>
    </row>
    <row r="38623" spans="1:43">
      <c r="A38623" t="s">
        <v>23957</v>
      </c>
      <c r="B38623" t="s">
        <v>23958</v>
      </c>
      <c r="C38623" t="s">
        <v>23911</v>
      </c>
      <c r="D38623" t="s">
        <v>23912</v>
      </c>
      <c r="E38623" t="s">
        <v>23891</v>
      </c>
      <c r="F38623" t="s">
        <v>23892</v>
      </c>
      <c r="G38623" t="s">
        <v>11612</v>
      </c>
      <c r="H38623" t="s">
        <v>11613</v>
      </c>
      <c r="I38623" s="2">
        <v>0</v>
      </c>
      <c r="J38623" s="2">
        <v>0</v>
      </c>
      <c r="K38623" s="2">
        <v>1</v>
      </c>
      <c r="L38623" t="s">
        <v>995</v>
      </c>
      <c r="M38623" t="s">
        <v>87</v>
      </c>
      <c r="N38623" t="s">
        <v>88</v>
      </c>
      <c r="O38623" t="s">
        <v>85</v>
      </c>
      <c r="P38623" t="s">
        <v>86</v>
      </c>
      <c r="Q38623">
        <v>240</v>
      </c>
      <c r="R38623">
        <v>245</v>
      </c>
      <c r="S38623">
        <v>251</v>
      </c>
      <c r="T38623">
        <v>257</v>
      </c>
      <c r="U38623">
        <v>263</v>
      </c>
      <c r="V38623">
        <v>270</v>
      </c>
      <c r="W38623">
        <v>276</v>
      </c>
      <c r="X38623">
        <v>283</v>
      </c>
      <c r="Y38623">
        <v>290</v>
      </c>
      <c r="Z38623">
        <v>296</v>
      </c>
      <c r="AA38623">
        <v>304</v>
      </c>
      <c r="AB38623">
        <v>311</v>
      </c>
      <c r="AC38623">
        <v>318</v>
      </c>
      <c r="AD38623">
        <v>326</v>
      </c>
      <c r="AE38623">
        <v>333</v>
      </c>
      <c r="AF38623">
        <v>341</v>
      </c>
      <c r="AG38623">
        <v>349</v>
      </c>
      <c r="AH38623">
        <v>357</v>
      </c>
      <c r="AI38623">
        <v>366</v>
      </c>
      <c r="AJ38623">
        <v>374</v>
      </c>
      <c r="AK38623">
        <v>383</v>
      </c>
      <c r="AL38623">
        <v>392</v>
      </c>
      <c r="AM38623">
        <v>401</v>
      </c>
      <c r="AN38623">
        <v>411</v>
      </c>
      <c r="AO38623">
        <v>420</v>
      </c>
      <c r="AP38623">
        <v>430</v>
      </c>
      <c r="AQ38623">
        <v>440</v>
      </c>
    </row>
    <row r="38624" spans="1:43">
      <c r="A38624" t="s">
        <v>23957</v>
      </c>
      <c r="B38624" t="s">
        <v>23958</v>
      </c>
      <c r="C38624" t="s">
        <v>23911</v>
      </c>
      <c r="D38624" t="s">
        <v>23912</v>
      </c>
      <c r="E38624" t="s">
        <v>23891</v>
      </c>
      <c r="F38624" t="s">
        <v>23892</v>
      </c>
      <c r="G38624" t="s">
        <v>11612</v>
      </c>
      <c r="H38624" t="s">
        <v>11613</v>
      </c>
      <c r="I38624" s="2">
        <v>0</v>
      </c>
      <c r="J38624" s="2">
        <v>0</v>
      </c>
      <c r="K38624" s="2">
        <v>1</v>
      </c>
      <c r="L38624" t="s">
        <v>995</v>
      </c>
      <c r="M38624" t="s">
        <v>89</v>
      </c>
      <c r="N38624" t="s">
        <v>90</v>
      </c>
      <c r="O38624" t="s">
        <v>85</v>
      </c>
      <c r="P38624" t="s">
        <v>86</v>
      </c>
      <c r="Q38624">
        <v>240</v>
      </c>
      <c r="R38624">
        <v>250</v>
      </c>
      <c r="S38624">
        <v>261</v>
      </c>
      <c r="T38624">
        <v>272</v>
      </c>
      <c r="U38624">
        <v>282</v>
      </c>
      <c r="V38624">
        <v>294</v>
      </c>
      <c r="W38624">
        <v>305</v>
      </c>
      <c r="X38624">
        <v>316</v>
      </c>
      <c r="Y38624">
        <v>327</v>
      </c>
      <c r="Z38624">
        <v>339</v>
      </c>
      <c r="AA38624">
        <v>350</v>
      </c>
      <c r="AB38624">
        <v>362</v>
      </c>
      <c r="AC38624">
        <v>375</v>
      </c>
      <c r="AD38624">
        <v>387</v>
      </c>
      <c r="AE38624">
        <v>398</v>
      </c>
      <c r="AF38624">
        <v>407</v>
      </c>
      <c r="AG38624">
        <v>415</v>
      </c>
      <c r="AH38624">
        <v>424</v>
      </c>
      <c r="AI38624">
        <v>433</v>
      </c>
      <c r="AJ38624">
        <v>442</v>
      </c>
      <c r="AK38624">
        <v>451</v>
      </c>
      <c r="AL38624">
        <v>460</v>
      </c>
      <c r="AM38624">
        <v>470</v>
      </c>
      <c r="AN38624">
        <v>479</v>
      </c>
      <c r="AO38624">
        <v>489</v>
      </c>
      <c r="AP38624">
        <v>499</v>
      </c>
      <c r="AQ38624">
        <v>509</v>
      </c>
    </row>
    <row r="38625" spans="1:43">
      <c r="A38625" t="s">
        <v>23957</v>
      </c>
      <c r="B38625" t="s">
        <v>23958</v>
      </c>
      <c r="C38625" t="s">
        <v>23911</v>
      </c>
      <c r="D38625" t="s">
        <v>23912</v>
      </c>
      <c r="E38625" t="s">
        <v>23891</v>
      </c>
      <c r="F38625" t="s">
        <v>23892</v>
      </c>
      <c r="G38625" t="s">
        <v>11612</v>
      </c>
      <c r="H38625" t="s">
        <v>11613</v>
      </c>
      <c r="I38625" s="2">
        <v>0</v>
      </c>
      <c r="J38625" s="2">
        <v>0</v>
      </c>
      <c r="K38625" s="2">
        <v>1</v>
      </c>
      <c r="L38625" t="s">
        <v>995</v>
      </c>
      <c r="M38625" t="s">
        <v>83</v>
      </c>
      <c r="N38625" t="s">
        <v>91</v>
      </c>
      <c r="O38625" t="s">
        <v>85</v>
      </c>
      <c r="P38625" t="s">
        <v>86</v>
      </c>
      <c r="Q38625">
        <v>240</v>
      </c>
      <c r="R38625">
        <v>248</v>
      </c>
      <c r="S38625">
        <v>256</v>
      </c>
      <c r="T38625">
        <v>265</v>
      </c>
      <c r="U38625">
        <v>274</v>
      </c>
      <c r="V38625">
        <v>283</v>
      </c>
      <c r="W38625">
        <v>292</v>
      </c>
      <c r="X38625">
        <v>301</v>
      </c>
      <c r="Y38625">
        <v>311</v>
      </c>
      <c r="Z38625">
        <v>321</v>
      </c>
      <c r="AA38625">
        <v>331</v>
      </c>
      <c r="AB38625">
        <v>342</v>
      </c>
      <c r="AC38625">
        <v>352</v>
      </c>
      <c r="AD38625">
        <v>363</v>
      </c>
      <c r="AE38625">
        <v>374</v>
      </c>
      <c r="AF38625">
        <v>385</v>
      </c>
      <c r="AG38625">
        <v>397</v>
      </c>
      <c r="AH38625">
        <v>408</v>
      </c>
      <c r="AI38625">
        <v>421</v>
      </c>
      <c r="AJ38625">
        <v>433</v>
      </c>
      <c r="AK38625">
        <v>446</v>
      </c>
      <c r="AL38625">
        <v>456</v>
      </c>
      <c r="AM38625">
        <v>466</v>
      </c>
      <c r="AN38625">
        <v>476</v>
      </c>
      <c r="AO38625">
        <v>485</v>
      </c>
      <c r="AP38625">
        <v>495</v>
      </c>
      <c r="AQ38625">
        <v>506</v>
      </c>
    </row>
    <row r="38626" spans="1:43">
      <c r="A38626" t="s">
        <v>23959</v>
      </c>
      <c r="B38626" t="s">
        <v>23960</v>
      </c>
      <c r="C38626" t="s">
        <v>23905</v>
      </c>
      <c r="D38626" t="s">
        <v>23906</v>
      </c>
      <c r="E38626" t="s">
        <v>23891</v>
      </c>
      <c r="F38626" t="s">
        <v>23892</v>
      </c>
      <c r="G38626" t="s">
        <v>11612</v>
      </c>
      <c r="H38626" t="s">
        <v>11613</v>
      </c>
      <c r="I38626" s="2">
        <v>0</v>
      </c>
      <c r="J38626" s="2">
        <v>0</v>
      </c>
      <c r="K38626" s="2">
        <v>1</v>
      </c>
      <c r="L38626" t="s">
        <v>995</v>
      </c>
      <c r="M38626" t="s">
        <v>83</v>
      </c>
      <c r="N38626" t="s">
        <v>84</v>
      </c>
      <c r="O38626" t="s">
        <v>85</v>
      </c>
      <c r="P38626" t="s">
        <v>86</v>
      </c>
      <c r="Q38626">
        <v>22</v>
      </c>
      <c r="R38626">
        <v>23</v>
      </c>
      <c r="S38626">
        <v>24</v>
      </c>
      <c r="T38626">
        <v>25</v>
      </c>
      <c r="U38626">
        <v>25</v>
      </c>
      <c r="V38626">
        <v>26</v>
      </c>
      <c r="W38626">
        <v>27</v>
      </c>
      <c r="X38626">
        <v>28</v>
      </c>
      <c r="Y38626">
        <v>29</v>
      </c>
      <c r="Z38626">
        <v>30</v>
      </c>
      <c r="AA38626">
        <v>31</v>
      </c>
      <c r="AB38626">
        <v>32</v>
      </c>
      <c r="AC38626">
        <v>33</v>
      </c>
      <c r="AD38626">
        <v>34</v>
      </c>
      <c r="AE38626">
        <v>35</v>
      </c>
      <c r="AF38626">
        <v>36</v>
      </c>
      <c r="AG38626">
        <v>37</v>
      </c>
      <c r="AH38626">
        <v>38</v>
      </c>
      <c r="AI38626">
        <v>39</v>
      </c>
      <c r="AJ38626">
        <v>40</v>
      </c>
      <c r="AK38626">
        <v>41</v>
      </c>
      <c r="AL38626">
        <v>42</v>
      </c>
      <c r="AM38626">
        <v>43</v>
      </c>
      <c r="AN38626">
        <v>44</v>
      </c>
      <c r="AO38626">
        <v>45</v>
      </c>
      <c r="AP38626">
        <v>46</v>
      </c>
      <c r="AQ38626">
        <v>47</v>
      </c>
    </row>
    <row r="38627" spans="1:43">
      <c r="A38627" t="s">
        <v>23959</v>
      </c>
      <c r="B38627" t="s">
        <v>23960</v>
      </c>
      <c r="C38627" t="s">
        <v>23905</v>
      </c>
      <c r="D38627" t="s">
        <v>23906</v>
      </c>
      <c r="E38627" t="s">
        <v>23891</v>
      </c>
      <c r="F38627" t="s">
        <v>23892</v>
      </c>
      <c r="G38627" t="s">
        <v>11612</v>
      </c>
      <c r="H38627" t="s">
        <v>11613</v>
      </c>
      <c r="I38627" s="2">
        <v>0</v>
      </c>
      <c r="J38627" s="2">
        <v>0</v>
      </c>
      <c r="K38627" s="2">
        <v>1</v>
      </c>
      <c r="L38627" t="s">
        <v>995</v>
      </c>
      <c r="M38627" t="s">
        <v>87</v>
      </c>
      <c r="N38627" t="s">
        <v>88</v>
      </c>
      <c r="O38627" t="s">
        <v>85</v>
      </c>
      <c r="P38627" t="s">
        <v>86</v>
      </c>
      <c r="Q38627">
        <v>22</v>
      </c>
      <c r="R38627">
        <v>23</v>
      </c>
      <c r="S38627">
        <v>23</v>
      </c>
      <c r="T38627">
        <v>24</v>
      </c>
      <c r="U38627">
        <v>24</v>
      </c>
      <c r="V38627">
        <v>25</v>
      </c>
      <c r="W38627">
        <v>25</v>
      </c>
      <c r="X38627">
        <v>26</v>
      </c>
      <c r="Y38627">
        <v>27</v>
      </c>
      <c r="Z38627">
        <v>27</v>
      </c>
      <c r="AA38627">
        <v>28</v>
      </c>
      <c r="AB38627">
        <v>29</v>
      </c>
      <c r="AC38627">
        <v>29</v>
      </c>
      <c r="AD38627">
        <v>30</v>
      </c>
      <c r="AE38627">
        <v>31</v>
      </c>
      <c r="AF38627">
        <v>31</v>
      </c>
      <c r="AG38627">
        <v>32</v>
      </c>
      <c r="AH38627">
        <v>33</v>
      </c>
      <c r="AI38627">
        <v>34</v>
      </c>
      <c r="AJ38627">
        <v>34</v>
      </c>
      <c r="AK38627">
        <v>35</v>
      </c>
      <c r="AL38627">
        <v>36</v>
      </c>
      <c r="AM38627">
        <v>37</v>
      </c>
      <c r="AN38627">
        <v>38</v>
      </c>
      <c r="AO38627">
        <v>39</v>
      </c>
      <c r="AP38627">
        <v>40</v>
      </c>
      <c r="AQ38627">
        <v>41</v>
      </c>
    </row>
    <row r="38628" spans="1:43">
      <c r="A38628" t="s">
        <v>23959</v>
      </c>
      <c r="B38628" t="s">
        <v>23960</v>
      </c>
      <c r="C38628" t="s">
        <v>23905</v>
      </c>
      <c r="D38628" t="s">
        <v>23906</v>
      </c>
      <c r="E38628" t="s">
        <v>23891</v>
      </c>
      <c r="F38628" t="s">
        <v>23892</v>
      </c>
      <c r="G38628" t="s">
        <v>11612</v>
      </c>
      <c r="H38628" t="s">
        <v>11613</v>
      </c>
      <c r="I38628" s="2">
        <v>0</v>
      </c>
      <c r="J38628" s="2">
        <v>0</v>
      </c>
      <c r="K38628" s="2">
        <v>1</v>
      </c>
      <c r="L38628" t="s">
        <v>995</v>
      </c>
      <c r="M38628" t="s">
        <v>89</v>
      </c>
      <c r="N38628" t="s">
        <v>90</v>
      </c>
      <c r="O38628" t="s">
        <v>85</v>
      </c>
      <c r="P38628" t="s">
        <v>86</v>
      </c>
      <c r="Q38628">
        <v>22</v>
      </c>
      <c r="R38628">
        <v>23</v>
      </c>
      <c r="S38628">
        <v>24</v>
      </c>
      <c r="T38628">
        <v>25</v>
      </c>
      <c r="U38628">
        <v>26</v>
      </c>
      <c r="V38628">
        <v>27</v>
      </c>
      <c r="W38628">
        <v>28</v>
      </c>
      <c r="X38628">
        <v>29</v>
      </c>
      <c r="Y38628">
        <v>31</v>
      </c>
      <c r="Z38628">
        <v>32</v>
      </c>
      <c r="AA38628">
        <v>33</v>
      </c>
      <c r="AB38628">
        <v>34</v>
      </c>
      <c r="AC38628">
        <v>35</v>
      </c>
      <c r="AD38628">
        <v>36</v>
      </c>
      <c r="AE38628">
        <v>37</v>
      </c>
      <c r="AF38628">
        <v>38</v>
      </c>
      <c r="AG38628">
        <v>39</v>
      </c>
      <c r="AH38628">
        <v>39</v>
      </c>
      <c r="AI38628">
        <v>40</v>
      </c>
      <c r="AJ38628">
        <v>41</v>
      </c>
      <c r="AK38628">
        <v>42</v>
      </c>
      <c r="AL38628">
        <v>43</v>
      </c>
      <c r="AM38628">
        <v>44</v>
      </c>
      <c r="AN38628">
        <v>44</v>
      </c>
      <c r="AO38628">
        <v>45</v>
      </c>
      <c r="AP38628">
        <v>46</v>
      </c>
      <c r="AQ38628">
        <v>47</v>
      </c>
    </row>
    <row r="38629" spans="1:43">
      <c r="A38629" t="s">
        <v>23959</v>
      </c>
      <c r="B38629" t="s">
        <v>23960</v>
      </c>
      <c r="C38629" t="s">
        <v>23905</v>
      </c>
      <c r="D38629" t="s">
        <v>23906</v>
      </c>
      <c r="E38629" t="s">
        <v>23891</v>
      </c>
      <c r="F38629" t="s">
        <v>23892</v>
      </c>
      <c r="G38629" t="s">
        <v>11612</v>
      </c>
      <c r="H38629" t="s">
        <v>11613</v>
      </c>
      <c r="I38629" s="2">
        <v>0</v>
      </c>
      <c r="J38629" s="2">
        <v>0</v>
      </c>
      <c r="K38629" s="2">
        <v>1</v>
      </c>
      <c r="L38629" t="s">
        <v>995</v>
      </c>
      <c r="M38629" t="s">
        <v>83</v>
      </c>
      <c r="N38629" t="s">
        <v>91</v>
      </c>
      <c r="O38629" t="s">
        <v>85</v>
      </c>
      <c r="P38629" t="s">
        <v>86</v>
      </c>
      <c r="Q38629">
        <v>22</v>
      </c>
      <c r="R38629">
        <v>23</v>
      </c>
      <c r="S38629">
        <v>24</v>
      </c>
      <c r="T38629">
        <v>25</v>
      </c>
      <c r="U38629">
        <v>25</v>
      </c>
      <c r="V38629">
        <v>26</v>
      </c>
      <c r="W38629">
        <v>27</v>
      </c>
      <c r="X38629">
        <v>28</v>
      </c>
      <c r="Y38629">
        <v>29</v>
      </c>
      <c r="Z38629">
        <v>30</v>
      </c>
      <c r="AA38629">
        <v>31</v>
      </c>
      <c r="AB38629">
        <v>32</v>
      </c>
      <c r="AC38629">
        <v>33</v>
      </c>
      <c r="AD38629">
        <v>34</v>
      </c>
      <c r="AE38629">
        <v>35</v>
      </c>
      <c r="AF38629">
        <v>36</v>
      </c>
      <c r="AG38629">
        <v>37</v>
      </c>
      <c r="AH38629">
        <v>38</v>
      </c>
      <c r="AI38629">
        <v>39</v>
      </c>
      <c r="AJ38629">
        <v>40</v>
      </c>
      <c r="AK38629">
        <v>41</v>
      </c>
      <c r="AL38629">
        <v>42</v>
      </c>
      <c r="AM38629">
        <v>43</v>
      </c>
      <c r="AN38629">
        <v>44</v>
      </c>
      <c r="AO38629">
        <v>45</v>
      </c>
      <c r="AP38629">
        <v>46</v>
      </c>
      <c r="AQ38629">
        <v>47</v>
      </c>
    </row>
    <row r="38630" spans="1:43">
      <c r="A38630" t="s">
        <v>23961</v>
      </c>
      <c r="B38630" t="s">
        <v>23962</v>
      </c>
      <c r="C38630" t="s">
        <v>23911</v>
      </c>
      <c r="D38630" t="s">
        <v>23912</v>
      </c>
      <c r="E38630" t="s">
        <v>23891</v>
      </c>
      <c r="F38630" t="s">
        <v>23892</v>
      </c>
      <c r="G38630" t="s">
        <v>11612</v>
      </c>
      <c r="H38630" t="s">
        <v>11613</v>
      </c>
      <c r="I38630" s="2">
        <v>0</v>
      </c>
      <c r="J38630" s="2">
        <v>0</v>
      </c>
      <c r="K38630" s="2">
        <v>1</v>
      </c>
      <c r="L38630" t="s">
        <v>995</v>
      </c>
      <c r="M38630" t="s">
        <v>83</v>
      </c>
      <c r="N38630" t="s">
        <v>84</v>
      </c>
      <c r="O38630" t="s">
        <v>85</v>
      </c>
      <c r="P38630" t="s">
        <v>86</v>
      </c>
      <c r="Q38630">
        <v>51</v>
      </c>
      <c r="R38630">
        <v>52</v>
      </c>
      <c r="S38630">
        <v>54</v>
      </c>
      <c r="T38630">
        <v>56</v>
      </c>
      <c r="U38630">
        <v>58</v>
      </c>
      <c r="V38630">
        <v>60</v>
      </c>
      <c r="W38630">
        <v>62</v>
      </c>
      <c r="X38630">
        <v>64</v>
      </c>
      <c r="Y38630">
        <v>66</v>
      </c>
      <c r="Z38630">
        <v>68</v>
      </c>
      <c r="AA38630">
        <v>70</v>
      </c>
      <c r="AB38630">
        <v>72</v>
      </c>
      <c r="AC38630">
        <v>74</v>
      </c>
      <c r="AD38630">
        <v>77</v>
      </c>
      <c r="AE38630">
        <v>79</v>
      </c>
      <c r="AF38630">
        <v>81</v>
      </c>
      <c r="AG38630">
        <v>84</v>
      </c>
      <c r="AH38630">
        <v>86</v>
      </c>
      <c r="AI38630">
        <v>89</v>
      </c>
      <c r="AJ38630">
        <v>91</v>
      </c>
      <c r="AK38630">
        <v>94</v>
      </c>
      <c r="AL38630">
        <v>96</v>
      </c>
      <c r="AM38630">
        <v>98</v>
      </c>
      <c r="AN38630">
        <v>100</v>
      </c>
      <c r="AO38630">
        <v>103</v>
      </c>
      <c r="AP38630">
        <v>105</v>
      </c>
      <c r="AQ38630">
        <v>107</v>
      </c>
    </row>
    <row r="38631" spans="1:43">
      <c r="A38631" t="s">
        <v>23961</v>
      </c>
      <c r="B38631" t="s">
        <v>23962</v>
      </c>
      <c r="C38631" t="s">
        <v>23911</v>
      </c>
      <c r="D38631" t="s">
        <v>23912</v>
      </c>
      <c r="E38631" t="s">
        <v>23891</v>
      </c>
      <c r="F38631" t="s">
        <v>23892</v>
      </c>
      <c r="G38631" t="s">
        <v>11612</v>
      </c>
      <c r="H38631" t="s">
        <v>11613</v>
      </c>
      <c r="I38631" s="2">
        <v>0</v>
      </c>
      <c r="J38631" s="2">
        <v>0</v>
      </c>
      <c r="K38631" s="2">
        <v>1</v>
      </c>
      <c r="L38631" t="s">
        <v>995</v>
      </c>
      <c r="M38631" t="s">
        <v>87</v>
      </c>
      <c r="N38631" t="s">
        <v>88</v>
      </c>
      <c r="O38631" t="s">
        <v>85</v>
      </c>
      <c r="P38631" t="s">
        <v>86</v>
      </c>
      <c r="Q38631">
        <v>51</v>
      </c>
      <c r="R38631">
        <v>52</v>
      </c>
      <c r="S38631">
        <v>54</v>
      </c>
      <c r="T38631">
        <v>55</v>
      </c>
      <c r="U38631">
        <v>56</v>
      </c>
      <c r="V38631">
        <v>58</v>
      </c>
      <c r="W38631">
        <v>59</v>
      </c>
      <c r="X38631">
        <v>60</v>
      </c>
      <c r="Y38631">
        <v>62</v>
      </c>
      <c r="Z38631">
        <v>63</v>
      </c>
      <c r="AA38631">
        <v>65</v>
      </c>
      <c r="AB38631">
        <v>66</v>
      </c>
      <c r="AC38631">
        <v>68</v>
      </c>
      <c r="AD38631">
        <v>69</v>
      </c>
      <c r="AE38631">
        <v>71</v>
      </c>
      <c r="AF38631">
        <v>73</v>
      </c>
      <c r="AG38631">
        <v>74</v>
      </c>
      <c r="AH38631">
        <v>76</v>
      </c>
      <c r="AI38631">
        <v>78</v>
      </c>
      <c r="AJ38631">
        <v>80</v>
      </c>
      <c r="AK38631">
        <v>81</v>
      </c>
      <c r="AL38631">
        <v>83</v>
      </c>
      <c r="AM38631">
        <v>85</v>
      </c>
      <c r="AN38631">
        <v>87</v>
      </c>
      <c r="AO38631">
        <v>89</v>
      </c>
      <c r="AP38631">
        <v>91</v>
      </c>
      <c r="AQ38631">
        <v>93</v>
      </c>
    </row>
    <row r="38632" spans="1:43">
      <c r="A38632" t="s">
        <v>23961</v>
      </c>
      <c r="B38632" t="s">
        <v>23962</v>
      </c>
      <c r="C38632" t="s">
        <v>23911</v>
      </c>
      <c r="D38632" t="s">
        <v>23912</v>
      </c>
      <c r="E38632" t="s">
        <v>23891</v>
      </c>
      <c r="F38632" t="s">
        <v>23892</v>
      </c>
      <c r="G38632" t="s">
        <v>11612</v>
      </c>
      <c r="H38632" t="s">
        <v>11613</v>
      </c>
      <c r="I38632" s="2">
        <v>0</v>
      </c>
      <c r="J38632" s="2">
        <v>0</v>
      </c>
      <c r="K38632" s="2">
        <v>1</v>
      </c>
      <c r="L38632" t="s">
        <v>995</v>
      </c>
      <c r="M38632" t="s">
        <v>89</v>
      </c>
      <c r="N38632" t="s">
        <v>90</v>
      </c>
      <c r="O38632" t="s">
        <v>85</v>
      </c>
      <c r="P38632" t="s">
        <v>86</v>
      </c>
      <c r="Q38632">
        <v>51</v>
      </c>
      <c r="R38632">
        <v>53</v>
      </c>
      <c r="S38632">
        <v>55</v>
      </c>
      <c r="T38632">
        <v>58</v>
      </c>
      <c r="U38632">
        <v>60</v>
      </c>
      <c r="V38632">
        <v>62</v>
      </c>
      <c r="W38632">
        <v>65</v>
      </c>
      <c r="X38632">
        <v>67</v>
      </c>
      <c r="Y38632">
        <v>70</v>
      </c>
      <c r="Z38632">
        <v>72</v>
      </c>
      <c r="AA38632">
        <v>74</v>
      </c>
      <c r="AB38632">
        <v>77</v>
      </c>
      <c r="AC38632">
        <v>80</v>
      </c>
      <c r="AD38632">
        <v>82</v>
      </c>
      <c r="AE38632">
        <v>84</v>
      </c>
      <c r="AF38632">
        <v>86</v>
      </c>
      <c r="AG38632">
        <v>88</v>
      </c>
      <c r="AH38632">
        <v>90</v>
      </c>
      <c r="AI38632">
        <v>92</v>
      </c>
      <c r="AJ38632">
        <v>94</v>
      </c>
      <c r="AK38632">
        <v>96</v>
      </c>
      <c r="AL38632">
        <v>98</v>
      </c>
      <c r="AM38632">
        <v>100</v>
      </c>
      <c r="AN38632">
        <v>102</v>
      </c>
      <c r="AO38632">
        <v>104</v>
      </c>
      <c r="AP38632">
        <v>106</v>
      </c>
      <c r="AQ38632">
        <v>108</v>
      </c>
    </row>
    <row r="38633" spans="1:43">
      <c r="A38633" t="s">
        <v>23961</v>
      </c>
      <c r="B38633" t="s">
        <v>23962</v>
      </c>
      <c r="C38633" t="s">
        <v>23911</v>
      </c>
      <c r="D38633" t="s">
        <v>23912</v>
      </c>
      <c r="E38633" t="s">
        <v>23891</v>
      </c>
      <c r="F38633" t="s">
        <v>23892</v>
      </c>
      <c r="G38633" t="s">
        <v>11612</v>
      </c>
      <c r="H38633" t="s">
        <v>11613</v>
      </c>
      <c r="I38633" s="2">
        <v>0</v>
      </c>
      <c r="J38633" s="2">
        <v>0</v>
      </c>
      <c r="K38633" s="2">
        <v>1</v>
      </c>
      <c r="L38633" t="s">
        <v>995</v>
      </c>
      <c r="M38633" t="s">
        <v>83</v>
      </c>
      <c r="N38633" t="s">
        <v>91</v>
      </c>
      <c r="O38633" t="s">
        <v>85</v>
      </c>
      <c r="P38633" t="s">
        <v>86</v>
      </c>
      <c r="Q38633">
        <v>51</v>
      </c>
      <c r="R38633">
        <v>52</v>
      </c>
      <c r="S38633">
        <v>54</v>
      </c>
      <c r="T38633">
        <v>56</v>
      </c>
      <c r="U38633">
        <v>58</v>
      </c>
      <c r="V38633">
        <v>60</v>
      </c>
      <c r="W38633">
        <v>62</v>
      </c>
      <c r="X38633">
        <v>64</v>
      </c>
      <c r="Y38633">
        <v>66</v>
      </c>
      <c r="Z38633">
        <v>68</v>
      </c>
      <c r="AA38633">
        <v>70</v>
      </c>
      <c r="AB38633">
        <v>72</v>
      </c>
      <c r="AC38633">
        <v>74</v>
      </c>
      <c r="AD38633">
        <v>77</v>
      </c>
      <c r="AE38633">
        <v>79</v>
      </c>
      <c r="AF38633">
        <v>81</v>
      </c>
      <c r="AG38633">
        <v>84</v>
      </c>
      <c r="AH38633">
        <v>86</v>
      </c>
      <c r="AI38633">
        <v>89</v>
      </c>
      <c r="AJ38633">
        <v>91</v>
      </c>
      <c r="AK38633">
        <v>94</v>
      </c>
      <c r="AL38633">
        <v>96</v>
      </c>
      <c r="AM38633">
        <v>98</v>
      </c>
      <c r="AN38633">
        <v>100</v>
      </c>
      <c r="AO38633">
        <v>103</v>
      </c>
      <c r="AP38633">
        <v>105</v>
      </c>
      <c r="AQ38633">
        <v>107</v>
      </c>
    </row>
    <row r="38634" spans="1:43">
      <c r="A38634" t="s">
        <v>23963</v>
      </c>
      <c r="B38634" t="s">
        <v>23964</v>
      </c>
      <c r="C38634" t="s">
        <v>23925</v>
      </c>
      <c r="D38634" t="s">
        <v>23926</v>
      </c>
      <c r="E38634" t="s">
        <v>23891</v>
      </c>
      <c r="F38634" t="s">
        <v>23892</v>
      </c>
      <c r="G38634" t="s">
        <v>11612</v>
      </c>
      <c r="H38634" t="s">
        <v>11613</v>
      </c>
      <c r="I38634" s="2">
        <v>0</v>
      </c>
      <c r="J38634" s="2">
        <v>0</v>
      </c>
      <c r="K38634" s="2">
        <v>1</v>
      </c>
      <c r="L38634" t="s">
        <v>995</v>
      </c>
      <c r="M38634" t="s">
        <v>83</v>
      </c>
      <c r="N38634" t="s">
        <v>84</v>
      </c>
      <c r="O38634" t="s">
        <v>85</v>
      </c>
      <c r="P38634" t="s">
        <v>86</v>
      </c>
      <c r="Q38634">
        <v>80</v>
      </c>
      <c r="R38634">
        <v>83</v>
      </c>
      <c r="S38634">
        <v>85</v>
      </c>
      <c r="T38634">
        <v>88</v>
      </c>
      <c r="U38634">
        <v>91</v>
      </c>
      <c r="V38634">
        <v>94</v>
      </c>
      <c r="W38634">
        <v>97</v>
      </c>
      <c r="X38634">
        <v>100</v>
      </c>
      <c r="Y38634">
        <v>104</v>
      </c>
      <c r="Z38634">
        <v>107</v>
      </c>
      <c r="AA38634">
        <v>110</v>
      </c>
      <c r="AB38634">
        <v>114</v>
      </c>
      <c r="AC38634">
        <v>117</v>
      </c>
      <c r="AD38634">
        <v>121</v>
      </c>
      <c r="AE38634">
        <v>124</v>
      </c>
      <c r="AF38634">
        <v>128</v>
      </c>
      <c r="AG38634">
        <v>132</v>
      </c>
      <c r="AH38634">
        <v>136</v>
      </c>
      <c r="AI38634">
        <v>140</v>
      </c>
      <c r="AJ38634">
        <v>144</v>
      </c>
      <c r="AK38634">
        <v>148</v>
      </c>
      <c r="AL38634">
        <v>152</v>
      </c>
      <c r="AM38634">
        <v>155</v>
      </c>
      <c r="AN38634">
        <v>158</v>
      </c>
      <c r="AO38634">
        <v>161</v>
      </c>
      <c r="AP38634">
        <v>165</v>
      </c>
      <c r="AQ38634">
        <v>168</v>
      </c>
    </row>
    <row r="38635" spans="1:43">
      <c r="A38635" t="s">
        <v>23963</v>
      </c>
      <c r="B38635" t="s">
        <v>23964</v>
      </c>
      <c r="C38635" t="s">
        <v>23925</v>
      </c>
      <c r="D38635" t="s">
        <v>23926</v>
      </c>
      <c r="E38635" t="s">
        <v>23891</v>
      </c>
      <c r="F38635" t="s">
        <v>23892</v>
      </c>
      <c r="G38635" t="s">
        <v>11612</v>
      </c>
      <c r="H38635" t="s">
        <v>11613</v>
      </c>
      <c r="I38635" s="2">
        <v>0</v>
      </c>
      <c r="J38635" s="2">
        <v>0</v>
      </c>
      <c r="K38635" s="2">
        <v>1</v>
      </c>
      <c r="L38635" t="s">
        <v>995</v>
      </c>
      <c r="M38635" t="s">
        <v>87</v>
      </c>
      <c r="N38635" t="s">
        <v>88</v>
      </c>
      <c r="O38635" t="s">
        <v>85</v>
      </c>
      <c r="P38635" t="s">
        <v>86</v>
      </c>
      <c r="Q38635">
        <v>80</v>
      </c>
      <c r="R38635">
        <v>82</v>
      </c>
      <c r="S38635">
        <v>84</v>
      </c>
      <c r="T38635">
        <v>86</v>
      </c>
      <c r="U38635">
        <v>88</v>
      </c>
      <c r="V38635">
        <v>90</v>
      </c>
      <c r="W38635">
        <v>92</v>
      </c>
      <c r="X38635">
        <v>95</v>
      </c>
      <c r="Y38635">
        <v>97</v>
      </c>
      <c r="Z38635">
        <v>99</v>
      </c>
      <c r="AA38635">
        <v>101</v>
      </c>
      <c r="AB38635">
        <v>104</v>
      </c>
      <c r="AC38635">
        <v>106</v>
      </c>
      <c r="AD38635">
        <v>109</v>
      </c>
      <c r="AE38635">
        <v>111</v>
      </c>
      <c r="AF38635">
        <v>114</v>
      </c>
      <c r="AG38635">
        <v>117</v>
      </c>
      <c r="AH38635">
        <v>119</v>
      </c>
      <c r="AI38635">
        <v>122</v>
      </c>
      <c r="AJ38635">
        <v>125</v>
      </c>
      <c r="AK38635">
        <v>128</v>
      </c>
      <c r="AL38635">
        <v>131</v>
      </c>
      <c r="AM38635">
        <v>134</v>
      </c>
      <c r="AN38635">
        <v>137</v>
      </c>
      <c r="AO38635">
        <v>140</v>
      </c>
      <c r="AP38635">
        <v>143</v>
      </c>
      <c r="AQ38635">
        <v>147</v>
      </c>
    </row>
    <row r="38636" spans="1:43">
      <c r="A38636" t="s">
        <v>23963</v>
      </c>
      <c r="B38636" t="s">
        <v>23964</v>
      </c>
      <c r="C38636" t="s">
        <v>23925</v>
      </c>
      <c r="D38636" t="s">
        <v>23926</v>
      </c>
      <c r="E38636" t="s">
        <v>23891</v>
      </c>
      <c r="F38636" t="s">
        <v>23892</v>
      </c>
      <c r="G38636" t="s">
        <v>11612</v>
      </c>
      <c r="H38636" t="s">
        <v>11613</v>
      </c>
      <c r="I38636" s="2">
        <v>0</v>
      </c>
      <c r="J38636" s="2">
        <v>0</v>
      </c>
      <c r="K38636" s="2">
        <v>1</v>
      </c>
      <c r="L38636" t="s">
        <v>995</v>
      </c>
      <c r="M38636" t="s">
        <v>89</v>
      </c>
      <c r="N38636" t="s">
        <v>90</v>
      </c>
      <c r="O38636" t="s">
        <v>85</v>
      </c>
      <c r="P38636" t="s">
        <v>86</v>
      </c>
      <c r="Q38636">
        <v>80</v>
      </c>
      <c r="R38636">
        <v>83</v>
      </c>
      <c r="S38636">
        <v>87</v>
      </c>
      <c r="T38636">
        <v>90</v>
      </c>
      <c r="U38636">
        <v>94</v>
      </c>
      <c r="V38636">
        <v>97</v>
      </c>
      <c r="W38636">
        <v>101</v>
      </c>
      <c r="X38636">
        <v>105</v>
      </c>
      <c r="Y38636">
        <v>109</v>
      </c>
      <c r="Z38636">
        <v>112</v>
      </c>
      <c r="AA38636">
        <v>116</v>
      </c>
      <c r="AB38636">
        <v>120</v>
      </c>
      <c r="AC38636">
        <v>124</v>
      </c>
      <c r="AD38636">
        <v>128</v>
      </c>
      <c r="AE38636">
        <v>132</v>
      </c>
      <c r="AF38636">
        <v>135</v>
      </c>
      <c r="AG38636">
        <v>138</v>
      </c>
      <c r="AH38636">
        <v>141</v>
      </c>
      <c r="AI38636">
        <v>144</v>
      </c>
      <c r="AJ38636">
        <v>147</v>
      </c>
      <c r="AK38636">
        <v>150</v>
      </c>
      <c r="AL38636">
        <v>153</v>
      </c>
      <c r="AM38636">
        <v>156</v>
      </c>
      <c r="AN38636">
        <v>159</v>
      </c>
      <c r="AO38636">
        <v>163</v>
      </c>
      <c r="AP38636">
        <v>166</v>
      </c>
      <c r="AQ38636">
        <v>169</v>
      </c>
    </row>
    <row r="38637" spans="1:43">
      <c r="A38637" t="s">
        <v>23963</v>
      </c>
      <c r="B38637" t="s">
        <v>23964</v>
      </c>
      <c r="C38637" t="s">
        <v>23925</v>
      </c>
      <c r="D38637" t="s">
        <v>23926</v>
      </c>
      <c r="E38637" t="s">
        <v>23891</v>
      </c>
      <c r="F38637" t="s">
        <v>23892</v>
      </c>
      <c r="G38637" t="s">
        <v>11612</v>
      </c>
      <c r="H38637" t="s">
        <v>11613</v>
      </c>
      <c r="I38637" s="2">
        <v>0</v>
      </c>
      <c r="J38637" s="2">
        <v>0</v>
      </c>
      <c r="K38637" s="2">
        <v>1</v>
      </c>
      <c r="L38637" t="s">
        <v>995</v>
      </c>
      <c r="M38637" t="s">
        <v>83</v>
      </c>
      <c r="N38637" t="s">
        <v>91</v>
      </c>
      <c r="O38637" t="s">
        <v>85</v>
      </c>
      <c r="P38637" t="s">
        <v>86</v>
      </c>
      <c r="Q38637">
        <v>80</v>
      </c>
      <c r="R38637">
        <v>83</v>
      </c>
      <c r="S38637">
        <v>85</v>
      </c>
      <c r="T38637">
        <v>88</v>
      </c>
      <c r="U38637">
        <v>91</v>
      </c>
      <c r="V38637">
        <v>94</v>
      </c>
      <c r="W38637">
        <v>97</v>
      </c>
      <c r="X38637">
        <v>100</v>
      </c>
      <c r="Y38637">
        <v>104</v>
      </c>
      <c r="Z38637">
        <v>107</v>
      </c>
      <c r="AA38637">
        <v>110</v>
      </c>
      <c r="AB38637">
        <v>114</v>
      </c>
      <c r="AC38637">
        <v>117</v>
      </c>
      <c r="AD38637">
        <v>121</v>
      </c>
      <c r="AE38637">
        <v>124</v>
      </c>
      <c r="AF38637">
        <v>128</v>
      </c>
      <c r="AG38637">
        <v>132</v>
      </c>
      <c r="AH38637">
        <v>136</v>
      </c>
      <c r="AI38637">
        <v>140</v>
      </c>
      <c r="AJ38637">
        <v>144</v>
      </c>
      <c r="AK38637">
        <v>148</v>
      </c>
      <c r="AL38637">
        <v>152</v>
      </c>
      <c r="AM38637">
        <v>155</v>
      </c>
      <c r="AN38637">
        <v>158</v>
      </c>
      <c r="AO38637">
        <v>161</v>
      </c>
      <c r="AP38637">
        <v>165</v>
      </c>
      <c r="AQ38637">
        <v>168</v>
      </c>
    </row>
    <row r="38638" spans="1:43">
      <c r="A38638" t="s">
        <v>23965</v>
      </c>
      <c r="B38638" t="s">
        <v>23966</v>
      </c>
      <c r="C38638" t="s">
        <v>23925</v>
      </c>
      <c r="D38638" t="s">
        <v>23926</v>
      </c>
      <c r="E38638" t="s">
        <v>23891</v>
      </c>
      <c r="F38638" t="s">
        <v>23892</v>
      </c>
      <c r="G38638" t="s">
        <v>11612</v>
      </c>
      <c r="H38638" t="s">
        <v>11613</v>
      </c>
      <c r="I38638" s="2">
        <v>0</v>
      </c>
      <c r="J38638" s="2">
        <v>0</v>
      </c>
      <c r="K38638" s="2">
        <v>1</v>
      </c>
      <c r="L38638" t="s">
        <v>995</v>
      </c>
      <c r="M38638" t="s">
        <v>83</v>
      </c>
      <c r="N38638" t="s">
        <v>84</v>
      </c>
      <c r="O38638" t="s">
        <v>85</v>
      </c>
      <c r="P38638" t="s">
        <v>86</v>
      </c>
      <c r="Q38638">
        <v>35</v>
      </c>
      <c r="R38638">
        <v>36</v>
      </c>
      <c r="S38638">
        <v>37</v>
      </c>
      <c r="T38638">
        <v>38</v>
      </c>
      <c r="U38638">
        <v>40</v>
      </c>
      <c r="V38638">
        <v>41</v>
      </c>
      <c r="W38638">
        <v>42</v>
      </c>
      <c r="X38638">
        <v>44</v>
      </c>
      <c r="Y38638">
        <v>45</v>
      </c>
      <c r="Z38638">
        <v>47</v>
      </c>
      <c r="AA38638">
        <v>48</v>
      </c>
      <c r="AB38638">
        <v>50</v>
      </c>
      <c r="AC38638">
        <v>51</v>
      </c>
      <c r="AD38638">
        <v>53</v>
      </c>
      <c r="AE38638">
        <v>54</v>
      </c>
      <c r="AF38638">
        <v>56</v>
      </c>
      <c r="AG38638">
        <v>58</v>
      </c>
      <c r="AH38638">
        <v>59</v>
      </c>
      <c r="AI38638">
        <v>61</v>
      </c>
      <c r="AJ38638">
        <v>63</v>
      </c>
      <c r="AK38638">
        <v>65</v>
      </c>
      <c r="AL38638">
        <v>66</v>
      </c>
      <c r="AM38638">
        <v>68</v>
      </c>
      <c r="AN38638">
        <v>69</v>
      </c>
      <c r="AO38638">
        <v>70</v>
      </c>
      <c r="AP38638">
        <v>72</v>
      </c>
      <c r="AQ38638">
        <v>73</v>
      </c>
    </row>
    <row r="38639" spans="1:43">
      <c r="A38639" t="s">
        <v>23965</v>
      </c>
      <c r="B38639" t="s">
        <v>23966</v>
      </c>
      <c r="C38639" t="s">
        <v>23925</v>
      </c>
      <c r="D38639" t="s">
        <v>23926</v>
      </c>
      <c r="E38639" t="s">
        <v>23891</v>
      </c>
      <c r="F38639" t="s">
        <v>23892</v>
      </c>
      <c r="G38639" t="s">
        <v>11612</v>
      </c>
      <c r="H38639" t="s">
        <v>11613</v>
      </c>
      <c r="I38639" s="2">
        <v>0</v>
      </c>
      <c r="J38639" s="2">
        <v>0</v>
      </c>
      <c r="K38639" s="2">
        <v>1</v>
      </c>
      <c r="L38639" t="s">
        <v>995</v>
      </c>
      <c r="M38639" t="s">
        <v>87</v>
      </c>
      <c r="N38639" t="s">
        <v>88</v>
      </c>
      <c r="O38639" t="s">
        <v>85</v>
      </c>
      <c r="P38639" t="s">
        <v>86</v>
      </c>
      <c r="Q38639">
        <v>35</v>
      </c>
      <c r="R38639">
        <v>35</v>
      </c>
      <c r="S38639">
        <v>36</v>
      </c>
      <c r="T38639">
        <v>37</v>
      </c>
      <c r="U38639">
        <v>38</v>
      </c>
      <c r="V38639">
        <v>39</v>
      </c>
      <c r="W38639">
        <v>40</v>
      </c>
      <c r="X38639">
        <v>41</v>
      </c>
      <c r="Y38639">
        <v>42</v>
      </c>
      <c r="Z38639">
        <v>43</v>
      </c>
      <c r="AA38639">
        <v>44</v>
      </c>
      <c r="AB38639">
        <v>45</v>
      </c>
      <c r="AC38639">
        <v>46</v>
      </c>
      <c r="AD38639">
        <v>47</v>
      </c>
      <c r="AE38639">
        <v>48</v>
      </c>
      <c r="AF38639">
        <v>49</v>
      </c>
      <c r="AG38639">
        <v>50</v>
      </c>
      <c r="AH38639">
        <v>52</v>
      </c>
      <c r="AI38639">
        <v>53</v>
      </c>
      <c r="AJ38639">
        <v>54</v>
      </c>
      <c r="AK38639">
        <v>55</v>
      </c>
      <c r="AL38639">
        <v>57</v>
      </c>
      <c r="AM38639">
        <v>58</v>
      </c>
      <c r="AN38639">
        <v>59</v>
      </c>
      <c r="AO38639">
        <v>61</v>
      </c>
      <c r="AP38639">
        <v>62</v>
      </c>
      <c r="AQ38639">
        <v>64</v>
      </c>
    </row>
    <row r="38640" spans="1:43">
      <c r="A38640" t="s">
        <v>23965</v>
      </c>
      <c r="B38640" t="s">
        <v>23966</v>
      </c>
      <c r="C38640" t="s">
        <v>23925</v>
      </c>
      <c r="D38640" t="s">
        <v>23926</v>
      </c>
      <c r="E38640" t="s">
        <v>23891</v>
      </c>
      <c r="F38640" t="s">
        <v>23892</v>
      </c>
      <c r="G38640" t="s">
        <v>11612</v>
      </c>
      <c r="H38640" t="s">
        <v>11613</v>
      </c>
      <c r="I38640" s="2">
        <v>0</v>
      </c>
      <c r="J38640" s="2">
        <v>0</v>
      </c>
      <c r="K38640" s="2">
        <v>1</v>
      </c>
      <c r="L38640" t="s">
        <v>995</v>
      </c>
      <c r="M38640" t="s">
        <v>89</v>
      </c>
      <c r="N38640" t="s">
        <v>90</v>
      </c>
      <c r="O38640" t="s">
        <v>85</v>
      </c>
      <c r="P38640" t="s">
        <v>86</v>
      </c>
      <c r="Q38640">
        <v>35</v>
      </c>
      <c r="R38640">
        <v>37</v>
      </c>
      <c r="S38640">
        <v>38</v>
      </c>
      <c r="T38640">
        <v>40</v>
      </c>
      <c r="U38640">
        <v>41</v>
      </c>
      <c r="V38640">
        <v>43</v>
      </c>
      <c r="W38640">
        <v>45</v>
      </c>
      <c r="X38640">
        <v>46</v>
      </c>
      <c r="Y38640">
        <v>48</v>
      </c>
      <c r="Z38640">
        <v>50</v>
      </c>
      <c r="AA38640">
        <v>51</v>
      </c>
      <c r="AB38640">
        <v>53</v>
      </c>
      <c r="AC38640">
        <v>55</v>
      </c>
      <c r="AD38640">
        <v>57</v>
      </c>
      <c r="AE38640">
        <v>58</v>
      </c>
      <c r="AF38640">
        <v>59</v>
      </c>
      <c r="AG38640">
        <v>61</v>
      </c>
      <c r="AH38640">
        <v>62</v>
      </c>
      <c r="AI38640">
        <v>63</v>
      </c>
      <c r="AJ38640">
        <v>64</v>
      </c>
      <c r="AK38640">
        <v>66</v>
      </c>
      <c r="AL38640">
        <v>67</v>
      </c>
      <c r="AM38640">
        <v>68</v>
      </c>
      <c r="AN38640">
        <v>70</v>
      </c>
      <c r="AO38640">
        <v>71</v>
      </c>
      <c r="AP38640">
        <v>72</v>
      </c>
      <c r="AQ38640">
        <v>74</v>
      </c>
    </row>
    <row r="38641" spans="1:43">
      <c r="A38641" t="s">
        <v>23965</v>
      </c>
      <c r="B38641" t="s">
        <v>23966</v>
      </c>
      <c r="C38641" t="s">
        <v>23925</v>
      </c>
      <c r="D38641" t="s">
        <v>23926</v>
      </c>
      <c r="E38641" t="s">
        <v>23891</v>
      </c>
      <c r="F38641" t="s">
        <v>23892</v>
      </c>
      <c r="G38641" t="s">
        <v>11612</v>
      </c>
      <c r="H38641" t="s">
        <v>11613</v>
      </c>
      <c r="I38641" s="2">
        <v>0</v>
      </c>
      <c r="J38641" s="2">
        <v>0</v>
      </c>
      <c r="K38641" s="2">
        <v>1</v>
      </c>
      <c r="L38641" t="s">
        <v>995</v>
      </c>
      <c r="M38641" t="s">
        <v>83</v>
      </c>
      <c r="N38641" t="s">
        <v>91</v>
      </c>
      <c r="O38641" t="s">
        <v>85</v>
      </c>
      <c r="P38641" t="s">
        <v>86</v>
      </c>
      <c r="Q38641">
        <v>35</v>
      </c>
      <c r="R38641">
        <v>36</v>
      </c>
      <c r="S38641">
        <v>37</v>
      </c>
      <c r="T38641">
        <v>38</v>
      </c>
      <c r="U38641">
        <v>40</v>
      </c>
      <c r="V38641">
        <v>41</v>
      </c>
      <c r="W38641">
        <v>42</v>
      </c>
      <c r="X38641">
        <v>44</v>
      </c>
      <c r="Y38641">
        <v>45</v>
      </c>
      <c r="Z38641">
        <v>47</v>
      </c>
      <c r="AA38641">
        <v>48</v>
      </c>
      <c r="AB38641">
        <v>50</v>
      </c>
      <c r="AC38641">
        <v>51</v>
      </c>
      <c r="AD38641">
        <v>53</v>
      </c>
      <c r="AE38641">
        <v>54</v>
      </c>
      <c r="AF38641">
        <v>56</v>
      </c>
      <c r="AG38641">
        <v>58</v>
      </c>
      <c r="AH38641">
        <v>59</v>
      </c>
      <c r="AI38641">
        <v>61</v>
      </c>
      <c r="AJ38641">
        <v>63</v>
      </c>
      <c r="AK38641">
        <v>65</v>
      </c>
      <c r="AL38641">
        <v>66</v>
      </c>
      <c r="AM38641">
        <v>68</v>
      </c>
      <c r="AN38641">
        <v>69</v>
      </c>
      <c r="AO38641">
        <v>70</v>
      </c>
      <c r="AP38641">
        <v>72</v>
      </c>
      <c r="AQ38641">
        <v>73</v>
      </c>
    </row>
    <row r="38642" spans="1:43">
      <c r="A38642" t="s">
        <v>23967</v>
      </c>
      <c r="B38642" t="s">
        <v>23968</v>
      </c>
      <c r="C38642" t="s">
        <v>23897</v>
      </c>
      <c r="D38642" t="s">
        <v>23898</v>
      </c>
      <c r="E38642" t="s">
        <v>23891</v>
      </c>
      <c r="F38642" t="s">
        <v>23892</v>
      </c>
      <c r="G38642" t="s">
        <v>11612</v>
      </c>
      <c r="H38642" t="s">
        <v>11613</v>
      </c>
      <c r="I38642" s="2">
        <v>0</v>
      </c>
      <c r="J38642" s="2">
        <v>0</v>
      </c>
      <c r="K38642" s="2">
        <v>1</v>
      </c>
      <c r="L38642" t="s">
        <v>995</v>
      </c>
      <c r="M38642" t="s">
        <v>83</v>
      </c>
      <c r="N38642" t="s">
        <v>84</v>
      </c>
      <c r="O38642" t="s">
        <v>85</v>
      </c>
      <c r="P38642" t="s">
        <v>86</v>
      </c>
      <c r="Q38642">
        <v>27</v>
      </c>
      <c r="R38642">
        <v>28</v>
      </c>
      <c r="S38642">
        <v>29</v>
      </c>
      <c r="T38642">
        <v>30</v>
      </c>
      <c r="U38642">
        <v>31</v>
      </c>
      <c r="V38642">
        <v>32</v>
      </c>
      <c r="W38642">
        <v>33</v>
      </c>
      <c r="X38642">
        <v>34</v>
      </c>
      <c r="Y38642">
        <v>35</v>
      </c>
      <c r="Z38642">
        <v>36</v>
      </c>
      <c r="AA38642">
        <v>37</v>
      </c>
      <c r="AB38642">
        <v>38</v>
      </c>
      <c r="AC38642">
        <v>40</v>
      </c>
      <c r="AD38642">
        <v>41</v>
      </c>
      <c r="AE38642">
        <v>42</v>
      </c>
      <c r="AF38642">
        <v>43</v>
      </c>
      <c r="AG38642">
        <v>45</v>
      </c>
      <c r="AH38642">
        <v>46</v>
      </c>
      <c r="AI38642">
        <v>47</v>
      </c>
      <c r="AJ38642">
        <v>49</v>
      </c>
      <c r="AK38642">
        <v>50</v>
      </c>
      <c r="AL38642">
        <v>51</v>
      </c>
      <c r="AM38642">
        <v>52</v>
      </c>
      <c r="AN38642">
        <v>53</v>
      </c>
      <c r="AO38642">
        <v>54</v>
      </c>
      <c r="AP38642">
        <v>56</v>
      </c>
      <c r="AQ38642">
        <v>57</v>
      </c>
    </row>
    <row r="38643" spans="1:43">
      <c r="A38643" t="s">
        <v>23967</v>
      </c>
      <c r="B38643" t="s">
        <v>23968</v>
      </c>
      <c r="C38643" t="s">
        <v>23897</v>
      </c>
      <c r="D38643" t="s">
        <v>23898</v>
      </c>
      <c r="E38643" t="s">
        <v>23891</v>
      </c>
      <c r="F38643" t="s">
        <v>23892</v>
      </c>
      <c r="G38643" t="s">
        <v>11612</v>
      </c>
      <c r="H38643" t="s">
        <v>11613</v>
      </c>
      <c r="I38643" s="2">
        <v>0</v>
      </c>
      <c r="J38643" s="2">
        <v>0</v>
      </c>
      <c r="K38643" s="2">
        <v>1</v>
      </c>
      <c r="L38643" t="s">
        <v>995</v>
      </c>
      <c r="M38643" t="s">
        <v>87</v>
      </c>
      <c r="N38643" t="s">
        <v>88</v>
      </c>
      <c r="O38643" t="s">
        <v>85</v>
      </c>
      <c r="P38643" t="s">
        <v>86</v>
      </c>
      <c r="Q38643">
        <v>27</v>
      </c>
      <c r="R38643">
        <v>27</v>
      </c>
      <c r="S38643">
        <v>28</v>
      </c>
      <c r="T38643">
        <v>29</v>
      </c>
      <c r="U38643">
        <v>29</v>
      </c>
      <c r="V38643">
        <v>30</v>
      </c>
      <c r="W38643">
        <v>31</v>
      </c>
      <c r="X38643">
        <v>32</v>
      </c>
      <c r="Y38643">
        <v>32</v>
      </c>
      <c r="Z38643">
        <v>33</v>
      </c>
      <c r="AA38643">
        <v>34</v>
      </c>
      <c r="AB38643">
        <v>35</v>
      </c>
      <c r="AC38643">
        <v>36</v>
      </c>
      <c r="AD38643">
        <v>36</v>
      </c>
      <c r="AE38643">
        <v>37</v>
      </c>
      <c r="AF38643">
        <v>38</v>
      </c>
      <c r="AG38643">
        <v>39</v>
      </c>
      <c r="AH38643">
        <v>40</v>
      </c>
      <c r="AI38643">
        <v>41</v>
      </c>
      <c r="AJ38643">
        <v>42</v>
      </c>
      <c r="AK38643">
        <v>43</v>
      </c>
      <c r="AL38643">
        <v>44</v>
      </c>
      <c r="AM38643">
        <v>45</v>
      </c>
      <c r="AN38643">
        <v>46</v>
      </c>
      <c r="AO38643">
        <v>47</v>
      </c>
      <c r="AP38643">
        <v>48</v>
      </c>
      <c r="AQ38643">
        <v>49</v>
      </c>
    </row>
    <row r="38644" spans="1:43">
      <c r="A38644" t="s">
        <v>23967</v>
      </c>
      <c r="B38644" t="s">
        <v>23968</v>
      </c>
      <c r="C38644" t="s">
        <v>23897</v>
      </c>
      <c r="D38644" t="s">
        <v>23898</v>
      </c>
      <c r="E38644" t="s">
        <v>23891</v>
      </c>
      <c r="F38644" t="s">
        <v>23892</v>
      </c>
      <c r="G38644" t="s">
        <v>11612</v>
      </c>
      <c r="H38644" t="s">
        <v>11613</v>
      </c>
      <c r="I38644" s="2">
        <v>0</v>
      </c>
      <c r="J38644" s="2">
        <v>0</v>
      </c>
      <c r="K38644" s="2">
        <v>1</v>
      </c>
      <c r="L38644" t="s">
        <v>995</v>
      </c>
      <c r="M38644" t="s">
        <v>89</v>
      </c>
      <c r="N38644" t="s">
        <v>90</v>
      </c>
      <c r="O38644" t="s">
        <v>85</v>
      </c>
      <c r="P38644" t="s">
        <v>86</v>
      </c>
      <c r="Q38644">
        <v>27</v>
      </c>
      <c r="R38644">
        <v>28</v>
      </c>
      <c r="S38644">
        <v>30</v>
      </c>
      <c r="T38644">
        <v>31</v>
      </c>
      <c r="U38644">
        <v>32</v>
      </c>
      <c r="V38644">
        <v>33</v>
      </c>
      <c r="W38644">
        <v>35</v>
      </c>
      <c r="X38644">
        <v>36</v>
      </c>
      <c r="Y38644">
        <v>37</v>
      </c>
      <c r="Z38644">
        <v>38</v>
      </c>
      <c r="AA38644">
        <v>40</v>
      </c>
      <c r="AB38644">
        <v>41</v>
      </c>
      <c r="AC38644">
        <v>42</v>
      </c>
      <c r="AD38644">
        <v>44</v>
      </c>
      <c r="AE38644">
        <v>45</v>
      </c>
      <c r="AF38644">
        <v>46</v>
      </c>
      <c r="AG38644">
        <v>47</v>
      </c>
      <c r="AH38644">
        <v>48</v>
      </c>
      <c r="AI38644">
        <v>49</v>
      </c>
      <c r="AJ38644">
        <v>50</v>
      </c>
      <c r="AK38644">
        <v>51</v>
      </c>
      <c r="AL38644">
        <v>52</v>
      </c>
      <c r="AM38644">
        <v>53</v>
      </c>
      <c r="AN38644">
        <v>54</v>
      </c>
      <c r="AO38644">
        <v>55</v>
      </c>
      <c r="AP38644">
        <v>56</v>
      </c>
      <c r="AQ38644">
        <v>58</v>
      </c>
    </row>
    <row r="38645" spans="1:43">
      <c r="A38645" t="s">
        <v>23967</v>
      </c>
      <c r="B38645" t="s">
        <v>23968</v>
      </c>
      <c r="C38645" t="s">
        <v>23897</v>
      </c>
      <c r="D38645" t="s">
        <v>23898</v>
      </c>
      <c r="E38645" t="s">
        <v>23891</v>
      </c>
      <c r="F38645" t="s">
        <v>23892</v>
      </c>
      <c r="G38645" t="s">
        <v>11612</v>
      </c>
      <c r="H38645" t="s">
        <v>11613</v>
      </c>
      <c r="I38645" s="2">
        <v>0</v>
      </c>
      <c r="J38645" s="2">
        <v>0</v>
      </c>
      <c r="K38645" s="2">
        <v>1</v>
      </c>
      <c r="L38645" t="s">
        <v>995</v>
      </c>
      <c r="M38645" t="s">
        <v>83</v>
      </c>
      <c r="N38645" t="s">
        <v>91</v>
      </c>
      <c r="O38645" t="s">
        <v>85</v>
      </c>
      <c r="P38645" t="s">
        <v>86</v>
      </c>
      <c r="Q38645">
        <v>27</v>
      </c>
      <c r="R38645">
        <v>28</v>
      </c>
      <c r="S38645">
        <v>29</v>
      </c>
      <c r="T38645">
        <v>30</v>
      </c>
      <c r="U38645">
        <v>31</v>
      </c>
      <c r="V38645">
        <v>32</v>
      </c>
      <c r="W38645">
        <v>33</v>
      </c>
      <c r="X38645">
        <v>34</v>
      </c>
      <c r="Y38645">
        <v>35</v>
      </c>
      <c r="Z38645">
        <v>36</v>
      </c>
      <c r="AA38645">
        <v>37</v>
      </c>
      <c r="AB38645">
        <v>38</v>
      </c>
      <c r="AC38645">
        <v>40</v>
      </c>
      <c r="AD38645">
        <v>41</v>
      </c>
      <c r="AE38645">
        <v>42</v>
      </c>
      <c r="AF38645">
        <v>43</v>
      </c>
      <c r="AG38645">
        <v>45</v>
      </c>
      <c r="AH38645">
        <v>46</v>
      </c>
      <c r="AI38645">
        <v>47</v>
      </c>
      <c r="AJ38645">
        <v>49</v>
      </c>
      <c r="AK38645">
        <v>50</v>
      </c>
      <c r="AL38645">
        <v>51</v>
      </c>
      <c r="AM38645">
        <v>52</v>
      </c>
      <c r="AN38645">
        <v>53</v>
      </c>
      <c r="AO38645">
        <v>54</v>
      </c>
      <c r="AP38645">
        <v>56</v>
      </c>
      <c r="AQ38645">
        <v>57</v>
      </c>
    </row>
    <row r="38646" spans="1:43">
      <c r="A38646" t="s">
        <v>23969</v>
      </c>
      <c r="B38646" t="s">
        <v>23970</v>
      </c>
      <c r="C38646" t="s">
        <v>23925</v>
      </c>
      <c r="D38646" t="s">
        <v>23926</v>
      </c>
      <c r="E38646" t="s">
        <v>23891</v>
      </c>
      <c r="F38646" t="s">
        <v>23892</v>
      </c>
      <c r="G38646" t="s">
        <v>11612</v>
      </c>
      <c r="H38646" t="s">
        <v>11613</v>
      </c>
      <c r="I38646" s="2">
        <v>0</v>
      </c>
      <c r="J38646" s="2">
        <v>0</v>
      </c>
      <c r="K38646" s="2">
        <v>1</v>
      </c>
      <c r="L38646" t="s">
        <v>995</v>
      </c>
      <c r="M38646" t="s">
        <v>83</v>
      </c>
      <c r="N38646" t="s">
        <v>84</v>
      </c>
      <c r="O38646" t="s">
        <v>85</v>
      </c>
      <c r="P38646" t="s">
        <v>86</v>
      </c>
      <c r="Q38646">
        <v>49</v>
      </c>
      <c r="R38646">
        <v>51</v>
      </c>
      <c r="S38646">
        <v>53</v>
      </c>
      <c r="T38646">
        <v>54</v>
      </c>
      <c r="U38646">
        <v>56</v>
      </c>
      <c r="V38646">
        <v>58</v>
      </c>
      <c r="W38646">
        <v>60</v>
      </c>
      <c r="X38646">
        <v>62</v>
      </c>
      <c r="Y38646">
        <v>64</v>
      </c>
      <c r="Z38646">
        <v>66</v>
      </c>
      <c r="AA38646">
        <v>68</v>
      </c>
      <c r="AB38646">
        <v>70</v>
      </c>
      <c r="AC38646">
        <v>72</v>
      </c>
      <c r="AD38646">
        <v>75</v>
      </c>
      <c r="AE38646">
        <v>77</v>
      </c>
      <c r="AF38646">
        <v>79</v>
      </c>
      <c r="AG38646">
        <v>82</v>
      </c>
      <c r="AH38646">
        <v>84</v>
      </c>
      <c r="AI38646">
        <v>87</v>
      </c>
      <c r="AJ38646">
        <v>89</v>
      </c>
      <c r="AK38646">
        <v>92</v>
      </c>
      <c r="AL38646">
        <v>94</v>
      </c>
      <c r="AM38646">
        <v>96</v>
      </c>
      <c r="AN38646">
        <v>98</v>
      </c>
      <c r="AO38646">
        <v>100</v>
      </c>
      <c r="AP38646">
        <v>102</v>
      </c>
      <c r="AQ38646">
        <v>104</v>
      </c>
    </row>
    <row r="38647" spans="1:43">
      <c r="A38647" t="s">
        <v>23969</v>
      </c>
      <c r="B38647" t="s">
        <v>23970</v>
      </c>
      <c r="C38647" t="s">
        <v>23925</v>
      </c>
      <c r="D38647" t="s">
        <v>23926</v>
      </c>
      <c r="E38647" t="s">
        <v>23891</v>
      </c>
      <c r="F38647" t="s">
        <v>23892</v>
      </c>
      <c r="G38647" t="s">
        <v>11612</v>
      </c>
      <c r="H38647" t="s">
        <v>11613</v>
      </c>
      <c r="I38647" s="2">
        <v>0</v>
      </c>
      <c r="J38647" s="2">
        <v>0</v>
      </c>
      <c r="K38647" s="2">
        <v>1</v>
      </c>
      <c r="L38647" t="s">
        <v>995</v>
      </c>
      <c r="M38647" t="s">
        <v>87</v>
      </c>
      <c r="N38647" t="s">
        <v>88</v>
      </c>
      <c r="O38647" t="s">
        <v>85</v>
      </c>
      <c r="P38647" t="s">
        <v>86</v>
      </c>
      <c r="Q38647">
        <v>49</v>
      </c>
      <c r="R38647">
        <v>50</v>
      </c>
      <c r="S38647">
        <v>51</v>
      </c>
      <c r="T38647">
        <v>53</v>
      </c>
      <c r="U38647">
        <v>54</v>
      </c>
      <c r="V38647">
        <v>55</v>
      </c>
      <c r="W38647">
        <v>56</v>
      </c>
      <c r="X38647">
        <v>58</v>
      </c>
      <c r="Y38647">
        <v>59</v>
      </c>
      <c r="Z38647">
        <v>61</v>
      </c>
      <c r="AA38647">
        <v>62</v>
      </c>
      <c r="AB38647">
        <v>63</v>
      </c>
      <c r="AC38647">
        <v>65</v>
      </c>
      <c r="AD38647">
        <v>67</v>
      </c>
      <c r="AE38647">
        <v>68</v>
      </c>
      <c r="AF38647">
        <v>70</v>
      </c>
      <c r="AG38647">
        <v>71</v>
      </c>
      <c r="AH38647">
        <v>73</v>
      </c>
      <c r="AI38647">
        <v>75</v>
      </c>
      <c r="AJ38647">
        <v>77</v>
      </c>
      <c r="AK38647">
        <v>78</v>
      </c>
      <c r="AL38647">
        <v>80</v>
      </c>
      <c r="AM38647">
        <v>82</v>
      </c>
      <c r="AN38647">
        <v>84</v>
      </c>
      <c r="AO38647">
        <v>86</v>
      </c>
      <c r="AP38647">
        <v>88</v>
      </c>
      <c r="AQ38647">
        <v>90</v>
      </c>
    </row>
    <row r="38648" spans="1:43">
      <c r="A38648" t="s">
        <v>23969</v>
      </c>
      <c r="B38648" t="s">
        <v>23970</v>
      </c>
      <c r="C38648" t="s">
        <v>23925</v>
      </c>
      <c r="D38648" t="s">
        <v>23926</v>
      </c>
      <c r="E38648" t="s">
        <v>23891</v>
      </c>
      <c r="F38648" t="s">
        <v>23892</v>
      </c>
      <c r="G38648" t="s">
        <v>11612</v>
      </c>
      <c r="H38648" t="s">
        <v>11613</v>
      </c>
      <c r="I38648" s="2">
        <v>0</v>
      </c>
      <c r="J38648" s="2">
        <v>0</v>
      </c>
      <c r="K38648" s="2">
        <v>1</v>
      </c>
      <c r="L38648" t="s">
        <v>995</v>
      </c>
      <c r="M38648" t="s">
        <v>89</v>
      </c>
      <c r="N38648" t="s">
        <v>90</v>
      </c>
      <c r="O38648" t="s">
        <v>85</v>
      </c>
      <c r="P38648" t="s">
        <v>86</v>
      </c>
      <c r="Q38648">
        <v>49</v>
      </c>
      <c r="R38648">
        <v>51</v>
      </c>
      <c r="S38648">
        <v>53</v>
      </c>
      <c r="T38648">
        <v>55</v>
      </c>
      <c r="U38648">
        <v>57</v>
      </c>
      <c r="V38648">
        <v>60</v>
      </c>
      <c r="W38648">
        <v>62</v>
      </c>
      <c r="X38648">
        <v>64</v>
      </c>
      <c r="Y38648">
        <v>67</v>
      </c>
      <c r="Z38648">
        <v>69</v>
      </c>
      <c r="AA38648">
        <v>71</v>
      </c>
      <c r="AB38648">
        <v>74</v>
      </c>
      <c r="AC38648">
        <v>77</v>
      </c>
      <c r="AD38648">
        <v>79</v>
      </c>
      <c r="AE38648">
        <v>81</v>
      </c>
      <c r="AF38648">
        <v>83</v>
      </c>
      <c r="AG38648">
        <v>85</v>
      </c>
      <c r="AH38648">
        <v>87</v>
      </c>
      <c r="AI38648">
        <v>88</v>
      </c>
      <c r="AJ38648">
        <v>90</v>
      </c>
      <c r="AK38648">
        <v>92</v>
      </c>
      <c r="AL38648">
        <v>94</v>
      </c>
      <c r="AM38648">
        <v>96</v>
      </c>
      <c r="AN38648">
        <v>98</v>
      </c>
      <c r="AO38648">
        <v>100</v>
      </c>
      <c r="AP38648">
        <v>102</v>
      </c>
      <c r="AQ38648">
        <v>104</v>
      </c>
    </row>
    <row r="38649" spans="1:43">
      <c r="A38649" t="s">
        <v>23969</v>
      </c>
      <c r="B38649" t="s">
        <v>23970</v>
      </c>
      <c r="C38649" t="s">
        <v>23925</v>
      </c>
      <c r="D38649" t="s">
        <v>23926</v>
      </c>
      <c r="E38649" t="s">
        <v>23891</v>
      </c>
      <c r="F38649" t="s">
        <v>23892</v>
      </c>
      <c r="G38649" t="s">
        <v>11612</v>
      </c>
      <c r="H38649" t="s">
        <v>11613</v>
      </c>
      <c r="I38649" s="2">
        <v>0</v>
      </c>
      <c r="J38649" s="2">
        <v>0</v>
      </c>
      <c r="K38649" s="2">
        <v>1</v>
      </c>
      <c r="L38649" t="s">
        <v>995</v>
      </c>
      <c r="M38649" t="s">
        <v>83</v>
      </c>
      <c r="N38649" t="s">
        <v>91</v>
      </c>
      <c r="O38649" t="s">
        <v>85</v>
      </c>
      <c r="P38649" t="s">
        <v>86</v>
      </c>
      <c r="Q38649">
        <v>49</v>
      </c>
      <c r="R38649">
        <v>51</v>
      </c>
      <c r="S38649">
        <v>53</v>
      </c>
      <c r="T38649">
        <v>54</v>
      </c>
      <c r="U38649">
        <v>56</v>
      </c>
      <c r="V38649">
        <v>58</v>
      </c>
      <c r="W38649">
        <v>60</v>
      </c>
      <c r="X38649">
        <v>62</v>
      </c>
      <c r="Y38649">
        <v>64</v>
      </c>
      <c r="Z38649">
        <v>66</v>
      </c>
      <c r="AA38649">
        <v>68</v>
      </c>
      <c r="AB38649">
        <v>70</v>
      </c>
      <c r="AC38649">
        <v>72</v>
      </c>
      <c r="AD38649">
        <v>75</v>
      </c>
      <c r="AE38649">
        <v>77</v>
      </c>
      <c r="AF38649">
        <v>79</v>
      </c>
      <c r="AG38649">
        <v>82</v>
      </c>
      <c r="AH38649">
        <v>84</v>
      </c>
      <c r="AI38649">
        <v>87</v>
      </c>
      <c r="AJ38649">
        <v>89</v>
      </c>
      <c r="AK38649">
        <v>92</v>
      </c>
      <c r="AL38649">
        <v>94</v>
      </c>
      <c r="AM38649">
        <v>96</v>
      </c>
      <c r="AN38649">
        <v>98</v>
      </c>
      <c r="AO38649">
        <v>100</v>
      </c>
      <c r="AP38649">
        <v>102</v>
      </c>
      <c r="AQ38649">
        <v>104</v>
      </c>
    </row>
    <row r="38650" spans="1:43">
      <c r="A38650" t="s">
        <v>23971</v>
      </c>
      <c r="B38650" t="s">
        <v>23972</v>
      </c>
      <c r="C38650" t="s">
        <v>23905</v>
      </c>
      <c r="D38650" t="s">
        <v>23906</v>
      </c>
      <c r="E38650" t="s">
        <v>23891</v>
      </c>
      <c r="F38650" t="s">
        <v>23892</v>
      </c>
      <c r="G38650" t="s">
        <v>11612</v>
      </c>
      <c r="H38650" t="s">
        <v>11613</v>
      </c>
      <c r="I38650" s="2">
        <v>0</v>
      </c>
      <c r="J38650" s="2">
        <v>0</v>
      </c>
      <c r="K38650" s="2">
        <v>1</v>
      </c>
      <c r="L38650" t="s">
        <v>995</v>
      </c>
      <c r="M38650" t="s">
        <v>83</v>
      </c>
      <c r="N38650" t="s">
        <v>84</v>
      </c>
      <c r="O38650" t="s">
        <v>85</v>
      </c>
      <c r="P38650" t="s">
        <v>86</v>
      </c>
      <c r="Q38650">
        <v>17</v>
      </c>
      <c r="R38650">
        <v>18</v>
      </c>
      <c r="S38650">
        <v>18</v>
      </c>
      <c r="T38650">
        <v>19</v>
      </c>
      <c r="U38650">
        <v>20</v>
      </c>
      <c r="V38650">
        <v>20</v>
      </c>
      <c r="W38650">
        <v>21</v>
      </c>
      <c r="X38650">
        <v>22</v>
      </c>
      <c r="Y38650">
        <v>22</v>
      </c>
      <c r="Z38650">
        <v>23</v>
      </c>
      <c r="AA38650">
        <v>24</v>
      </c>
      <c r="AB38650">
        <v>24</v>
      </c>
      <c r="AC38650">
        <v>25</v>
      </c>
      <c r="AD38650">
        <v>26</v>
      </c>
      <c r="AE38650">
        <v>27</v>
      </c>
      <c r="AF38650">
        <v>28</v>
      </c>
      <c r="AG38650">
        <v>28</v>
      </c>
      <c r="AH38650">
        <v>29</v>
      </c>
      <c r="AI38650">
        <v>30</v>
      </c>
      <c r="AJ38650">
        <v>31</v>
      </c>
      <c r="AK38650">
        <v>32</v>
      </c>
      <c r="AL38650">
        <v>33</v>
      </c>
      <c r="AM38650">
        <v>33</v>
      </c>
      <c r="AN38650">
        <v>34</v>
      </c>
      <c r="AO38650">
        <v>35</v>
      </c>
      <c r="AP38650">
        <v>35</v>
      </c>
      <c r="AQ38650">
        <v>36</v>
      </c>
    </row>
    <row r="38651" spans="1:43">
      <c r="A38651" t="s">
        <v>23971</v>
      </c>
      <c r="B38651" t="s">
        <v>23972</v>
      </c>
      <c r="C38651" t="s">
        <v>23905</v>
      </c>
      <c r="D38651" t="s">
        <v>23906</v>
      </c>
      <c r="E38651" t="s">
        <v>23891</v>
      </c>
      <c r="F38651" t="s">
        <v>23892</v>
      </c>
      <c r="G38651" t="s">
        <v>11612</v>
      </c>
      <c r="H38651" t="s">
        <v>11613</v>
      </c>
      <c r="I38651" s="2">
        <v>0</v>
      </c>
      <c r="J38651" s="2">
        <v>0</v>
      </c>
      <c r="K38651" s="2">
        <v>1</v>
      </c>
      <c r="L38651" t="s">
        <v>995</v>
      </c>
      <c r="M38651" t="s">
        <v>87</v>
      </c>
      <c r="N38651" t="s">
        <v>88</v>
      </c>
      <c r="O38651" t="s">
        <v>85</v>
      </c>
      <c r="P38651" t="s">
        <v>86</v>
      </c>
      <c r="Q38651">
        <v>17</v>
      </c>
      <c r="R38651">
        <v>17</v>
      </c>
      <c r="S38651">
        <v>18</v>
      </c>
      <c r="T38651">
        <v>18</v>
      </c>
      <c r="U38651">
        <v>19</v>
      </c>
      <c r="V38651">
        <v>19</v>
      </c>
      <c r="W38651">
        <v>20</v>
      </c>
      <c r="X38651">
        <v>20</v>
      </c>
      <c r="Y38651">
        <v>21</v>
      </c>
      <c r="Z38651">
        <v>21</v>
      </c>
      <c r="AA38651">
        <v>22</v>
      </c>
      <c r="AB38651">
        <v>22</v>
      </c>
      <c r="AC38651">
        <v>23</v>
      </c>
      <c r="AD38651">
        <v>23</v>
      </c>
      <c r="AE38651">
        <v>24</v>
      </c>
      <c r="AF38651">
        <v>24</v>
      </c>
      <c r="AG38651">
        <v>25</v>
      </c>
      <c r="AH38651">
        <v>25</v>
      </c>
      <c r="AI38651">
        <v>26</v>
      </c>
      <c r="AJ38651">
        <v>27</v>
      </c>
      <c r="AK38651">
        <v>27</v>
      </c>
      <c r="AL38651">
        <v>28</v>
      </c>
      <c r="AM38651">
        <v>29</v>
      </c>
      <c r="AN38651">
        <v>29</v>
      </c>
      <c r="AO38651">
        <v>30</v>
      </c>
      <c r="AP38651">
        <v>31</v>
      </c>
      <c r="AQ38651">
        <v>31</v>
      </c>
    </row>
    <row r="38652" spans="1:43">
      <c r="A38652" t="s">
        <v>23971</v>
      </c>
      <c r="B38652" t="s">
        <v>23972</v>
      </c>
      <c r="C38652" t="s">
        <v>23905</v>
      </c>
      <c r="D38652" t="s">
        <v>23906</v>
      </c>
      <c r="E38652" t="s">
        <v>23891</v>
      </c>
      <c r="F38652" t="s">
        <v>23892</v>
      </c>
      <c r="G38652" t="s">
        <v>11612</v>
      </c>
      <c r="H38652" t="s">
        <v>11613</v>
      </c>
      <c r="I38652" s="2">
        <v>0</v>
      </c>
      <c r="J38652" s="2">
        <v>0</v>
      </c>
      <c r="K38652" s="2">
        <v>1</v>
      </c>
      <c r="L38652" t="s">
        <v>995</v>
      </c>
      <c r="M38652" t="s">
        <v>89</v>
      </c>
      <c r="N38652" t="s">
        <v>90</v>
      </c>
      <c r="O38652" t="s">
        <v>85</v>
      </c>
      <c r="P38652" t="s">
        <v>86</v>
      </c>
      <c r="Q38652">
        <v>17</v>
      </c>
      <c r="R38652">
        <v>18</v>
      </c>
      <c r="S38652">
        <v>19</v>
      </c>
      <c r="T38652">
        <v>20</v>
      </c>
      <c r="U38652">
        <v>20</v>
      </c>
      <c r="V38652">
        <v>21</v>
      </c>
      <c r="W38652">
        <v>22</v>
      </c>
      <c r="X38652">
        <v>23</v>
      </c>
      <c r="Y38652">
        <v>24</v>
      </c>
      <c r="Z38652">
        <v>24</v>
      </c>
      <c r="AA38652">
        <v>25</v>
      </c>
      <c r="AB38652">
        <v>26</v>
      </c>
      <c r="AC38652">
        <v>27</v>
      </c>
      <c r="AD38652">
        <v>28</v>
      </c>
      <c r="AE38652">
        <v>29</v>
      </c>
      <c r="AF38652">
        <v>29</v>
      </c>
      <c r="AG38652">
        <v>30</v>
      </c>
      <c r="AH38652">
        <v>30</v>
      </c>
      <c r="AI38652">
        <v>31</v>
      </c>
      <c r="AJ38652">
        <v>32</v>
      </c>
      <c r="AK38652">
        <v>32</v>
      </c>
      <c r="AL38652">
        <v>33</v>
      </c>
      <c r="AM38652">
        <v>34</v>
      </c>
      <c r="AN38652">
        <v>34</v>
      </c>
      <c r="AO38652">
        <v>35</v>
      </c>
      <c r="AP38652">
        <v>36</v>
      </c>
      <c r="AQ38652">
        <v>36</v>
      </c>
    </row>
    <row r="38653" spans="1:43">
      <c r="A38653" t="s">
        <v>23971</v>
      </c>
      <c r="B38653" t="s">
        <v>23972</v>
      </c>
      <c r="C38653" t="s">
        <v>23905</v>
      </c>
      <c r="D38653" t="s">
        <v>23906</v>
      </c>
      <c r="E38653" t="s">
        <v>23891</v>
      </c>
      <c r="F38653" t="s">
        <v>23892</v>
      </c>
      <c r="G38653" t="s">
        <v>11612</v>
      </c>
      <c r="H38653" t="s">
        <v>11613</v>
      </c>
      <c r="I38653" s="2">
        <v>0</v>
      </c>
      <c r="J38653" s="2">
        <v>0</v>
      </c>
      <c r="K38653" s="2">
        <v>1</v>
      </c>
      <c r="L38653" t="s">
        <v>995</v>
      </c>
      <c r="M38653" t="s">
        <v>83</v>
      </c>
      <c r="N38653" t="s">
        <v>91</v>
      </c>
      <c r="O38653" t="s">
        <v>85</v>
      </c>
      <c r="P38653" t="s">
        <v>86</v>
      </c>
      <c r="Q38653">
        <v>17</v>
      </c>
      <c r="R38653">
        <v>18</v>
      </c>
      <c r="S38653">
        <v>18</v>
      </c>
      <c r="T38653">
        <v>19</v>
      </c>
      <c r="U38653">
        <v>20</v>
      </c>
      <c r="V38653">
        <v>20</v>
      </c>
      <c r="W38653">
        <v>21</v>
      </c>
      <c r="X38653">
        <v>22</v>
      </c>
      <c r="Y38653">
        <v>22</v>
      </c>
      <c r="Z38653">
        <v>23</v>
      </c>
      <c r="AA38653">
        <v>24</v>
      </c>
      <c r="AB38653">
        <v>24</v>
      </c>
      <c r="AC38653">
        <v>25</v>
      </c>
      <c r="AD38653">
        <v>26</v>
      </c>
      <c r="AE38653">
        <v>27</v>
      </c>
      <c r="AF38653">
        <v>28</v>
      </c>
      <c r="AG38653">
        <v>28</v>
      </c>
      <c r="AH38653">
        <v>29</v>
      </c>
      <c r="AI38653">
        <v>30</v>
      </c>
      <c r="AJ38653">
        <v>31</v>
      </c>
      <c r="AK38653">
        <v>32</v>
      </c>
      <c r="AL38653">
        <v>33</v>
      </c>
      <c r="AM38653">
        <v>33</v>
      </c>
      <c r="AN38653">
        <v>34</v>
      </c>
      <c r="AO38653">
        <v>35</v>
      </c>
      <c r="AP38653">
        <v>35</v>
      </c>
      <c r="AQ38653">
        <v>36</v>
      </c>
    </row>
    <row r="38654" spans="1:43">
      <c r="A38654" t="s">
        <v>23973</v>
      </c>
      <c r="B38654" t="s">
        <v>23974</v>
      </c>
      <c r="C38654" t="s">
        <v>23915</v>
      </c>
      <c r="D38654" t="s">
        <v>23916</v>
      </c>
      <c r="E38654" t="s">
        <v>23891</v>
      </c>
      <c r="F38654" t="s">
        <v>23892</v>
      </c>
      <c r="G38654" t="s">
        <v>11612</v>
      </c>
      <c r="H38654" t="s">
        <v>11613</v>
      </c>
      <c r="I38654" s="2">
        <v>0</v>
      </c>
      <c r="J38654" s="2">
        <v>0</v>
      </c>
      <c r="K38654" s="2">
        <v>1</v>
      </c>
      <c r="L38654" t="s">
        <v>995</v>
      </c>
      <c r="M38654" t="s">
        <v>83</v>
      </c>
      <c r="N38654" t="s">
        <v>84</v>
      </c>
      <c r="O38654" t="s">
        <v>85</v>
      </c>
      <c r="P38654" t="s">
        <v>86</v>
      </c>
      <c r="Q38654">
        <v>36</v>
      </c>
      <c r="R38654">
        <v>37</v>
      </c>
      <c r="S38654">
        <v>38</v>
      </c>
      <c r="T38654">
        <v>40</v>
      </c>
      <c r="U38654">
        <v>41</v>
      </c>
      <c r="V38654">
        <v>42</v>
      </c>
      <c r="W38654">
        <v>44</v>
      </c>
      <c r="X38654">
        <v>45</v>
      </c>
      <c r="Y38654">
        <v>46</v>
      </c>
      <c r="Z38654">
        <v>48</v>
      </c>
      <c r="AA38654">
        <v>49</v>
      </c>
      <c r="AB38654">
        <v>51</v>
      </c>
      <c r="AC38654">
        <v>53</v>
      </c>
      <c r="AD38654">
        <v>54</v>
      </c>
      <c r="AE38654">
        <v>56</v>
      </c>
      <c r="AF38654">
        <v>57</v>
      </c>
      <c r="AG38654">
        <v>59</v>
      </c>
      <c r="AH38654">
        <v>61</v>
      </c>
      <c r="AI38654">
        <v>63</v>
      </c>
      <c r="AJ38654">
        <v>64</v>
      </c>
      <c r="AK38654">
        <v>66</v>
      </c>
      <c r="AL38654">
        <v>68</v>
      </c>
      <c r="AM38654">
        <v>69</v>
      </c>
      <c r="AN38654">
        <v>71</v>
      </c>
      <c r="AO38654">
        <v>72</v>
      </c>
      <c r="AP38654">
        <v>74</v>
      </c>
      <c r="AQ38654">
        <v>75</v>
      </c>
    </row>
    <row r="38655" spans="1:43">
      <c r="A38655" t="s">
        <v>23973</v>
      </c>
      <c r="B38655" t="s">
        <v>23974</v>
      </c>
      <c r="C38655" t="s">
        <v>23915</v>
      </c>
      <c r="D38655" t="s">
        <v>23916</v>
      </c>
      <c r="E38655" t="s">
        <v>23891</v>
      </c>
      <c r="F38655" t="s">
        <v>23892</v>
      </c>
      <c r="G38655" t="s">
        <v>11612</v>
      </c>
      <c r="H38655" t="s">
        <v>11613</v>
      </c>
      <c r="I38655" s="2">
        <v>0</v>
      </c>
      <c r="J38655" s="2">
        <v>0</v>
      </c>
      <c r="K38655" s="2">
        <v>1</v>
      </c>
      <c r="L38655" t="s">
        <v>995</v>
      </c>
      <c r="M38655" t="s">
        <v>87</v>
      </c>
      <c r="N38655" t="s">
        <v>88</v>
      </c>
      <c r="O38655" t="s">
        <v>85</v>
      </c>
      <c r="P38655" t="s">
        <v>86</v>
      </c>
      <c r="Q38655">
        <v>36</v>
      </c>
      <c r="R38655">
        <v>37</v>
      </c>
      <c r="S38655">
        <v>38</v>
      </c>
      <c r="T38655">
        <v>39</v>
      </c>
      <c r="U38655">
        <v>40</v>
      </c>
      <c r="V38655">
        <v>41</v>
      </c>
      <c r="W38655">
        <v>42</v>
      </c>
      <c r="X38655">
        <v>43</v>
      </c>
      <c r="Y38655">
        <v>44</v>
      </c>
      <c r="Z38655">
        <v>45</v>
      </c>
      <c r="AA38655">
        <v>46</v>
      </c>
      <c r="AB38655">
        <v>47</v>
      </c>
      <c r="AC38655">
        <v>48</v>
      </c>
      <c r="AD38655">
        <v>49</v>
      </c>
      <c r="AE38655">
        <v>50</v>
      </c>
      <c r="AF38655">
        <v>52</v>
      </c>
      <c r="AG38655">
        <v>53</v>
      </c>
      <c r="AH38655">
        <v>54</v>
      </c>
      <c r="AI38655">
        <v>55</v>
      </c>
      <c r="AJ38655">
        <v>57</v>
      </c>
      <c r="AK38655">
        <v>58</v>
      </c>
      <c r="AL38655">
        <v>59</v>
      </c>
      <c r="AM38655">
        <v>61</v>
      </c>
      <c r="AN38655">
        <v>62</v>
      </c>
      <c r="AO38655">
        <v>63</v>
      </c>
      <c r="AP38655">
        <v>65</v>
      </c>
      <c r="AQ38655">
        <v>66</v>
      </c>
    </row>
    <row r="38656" spans="1:43">
      <c r="A38656" t="s">
        <v>23973</v>
      </c>
      <c r="B38656" t="s">
        <v>23974</v>
      </c>
      <c r="C38656" t="s">
        <v>23915</v>
      </c>
      <c r="D38656" t="s">
        <v>23916</v>
      </c>
      <c r="E38656" t="s">
        <v>23891</v>
      </c>
      <c r="F38656" t="s">
        <v>23892</v>
      </c>
      <c r="G38656" t="s">
        <v>11612</v>
      </c>
      <c r="H38656" t="s">
        <v>11613</v>
      </c>
      <c r="I38656" s="2">
        <v>0</v>
      </c>
      <c r="J38656" s="2">
        <v>0</v>
      </c>
      <c r="K38656" s="2">
        <v>1</v>
      </c>
      <c r="L38656" t="s">
        <v>995</v>
      </c>
      <c r="M38656" t="s">
        <v>89</v>
      </c>
      <c r="N38656" t="s">
        <v>90</v>
      </c>
      <c r="O38656" t="s">
        <v>85</v>
      </c>
      <c r="P38656" t="s">
        <v>86</v>
      </c>
      <c r="Q38656">
        <v>36</v>
      </c>
      <c r="R38656">
        <v>38</v>
      </c>
      <c r="S38656">
        <v>39</v>
      </c>
      <c r="T38656">
        <v>41</v>
      </c>
      <c r="U38656">
        <v>42</v>
      </c>
      <c r="V38656">
        <v>44</v>
      </c>
      <c r="W38656">
        <v>46</v>
      </c>
      <c r="X38656">
        <v>47</v>
      </c>
      <c r="Y38656">
        <v>49</v>
      </c>
      <c r="Z38656">
        <v>51</v>
      </c>
      <c r="AA38656">
        <v>52</v>
      </c>
      <c r="AB38656">
        <v>54</v>
      </c>
      <c r="AC38656">
        <v>56</v>
      </c>
      <c r="AD38656">
        <v>58</v>
      </c>
      <c r="AE38656">
        <v>60</v>
      </c>
      <c r="AF38656">
        <v>61</v>
      </c>
      <c r="AG38656">
        <v>62</v>
      </c>
      <c r="AH38656">
        <v>63</v>
      </c>
      <c r="AI38656">
        <v>65</v>
      </c>
      <c r="AJ38656">
        <v>66</v>
      </c>
      <c r="AK38656">
        <v>68</v>
      </c>
      <c r="AL38656">
        <v>69</v>
      </c>
      <c r="AM38656">
        <v>70</v>
      </c>
      <c r="AN38656">
        <v>72</v>
      </c>
      <c r="AO38656">
        <v>73</v>
      </c>
      <c r="AP38656">
        <v>75</v>
      </c>
      <c r="AQ38656">
        <v>76</v>
      </c>
    </row>
    <row r="38657" spans="1:43">
      <c r="A38657" t="s">
        <v>23973</v>
      </c>
      <c r="B38657" t="s">
        <v>23974</v>
      </c>
      <c r="C38657" t="s">
        <v>23915</v>
      </c>
      <c r="D38657" t="s">
        <v>23916</v>
      </c>
      <c r="E38657" t="s">
        <v>23891</v>
      </c>
      <c r="F38657" t="s">
        <v>23892</v>
      </c>
      <c r="G38657" t="s">
        <v>11612</v>
      </c>
      <c r="H38657" t="s">
        <v>11613</v>
      </c>
      <c r="I38657" s="2">
        <v>0</v>
      </c>
      <c r="J38657" s="2">
        <v>0</v>
      </c>
      <c r="K38657" s="2">
        <v>1</v>
      </c>
      <c r="L38657" t="s">
        <v>995</v>
      </c>
      <c r="M38657" t="s">
        <v>83</v>
      </c>
      <c r="N38657" t="s">
        <v>91</v>
      </c>
      <c r="O38657" t="s">
        <v>85</v>
      </c>
      <c r="P38657" t="s">
        <v>86</v>
      </c>
      <c r="Q38657">
        <v>36</v>
      </c>
      <c r="R38657">
        <v>37</v>
      </c>
      <c r="S38657">
        <v>38</v>
      </c>
      <c r="T38657">
        <v>40</v>
      </c>
      <c r="U38657">
        <v>41</v>
      </c>
      <c r="V38657">
        <v>42</v>
      </c>
      <c r="W38657">
        <v>44</v>
      </c>
      <c r="X38657">
        <v>45</v>
      </c>
      <c r="Y38657">
        <v>46</v>
      </c>
      <c r="Z38657">
        <v>48</v>
      </c>
      <c r="AA38657">
        <v>49</v>
      </c>
      <c r="AB38657">
        <v>51</v>
      </c>
      <c r="AC38657">
        <v>53</v>
      </c>
      <c r="AD38657">
        <v>54</v>
      </c>
      <c r="AE38657">
        <v>56</v>
      </c>
      <c r="AF38657">
        <v>57</v>
      </c>
      <c r="AG38657">
        <v>59</v>
      </c>
      <c r="AH38657">
        <v>61</v>
      </c>
      <c r="AI38657">
        <v>63</v>
      </c>
      <c r="AJ38657">
        <v>64</v>
      </c>
      <c r="AK38657">
        <v>66</v>
      </c>
      <c r="AL38657">
        <v>68</v>
      </c>
      <c r="AM38657">
        <v>69</v>
      </c>
      <c r="AN38657">
        <v>71</v>
      </c>
      <c r="AO38657">
        <v>72</v>
      </c>
      <c r="AP38657">
        <v>74</v>
      </c>
      <c r="AQ38657">
        <v>75</v>
      </c>
    </row>
    <row r="38658" spans="1:43">
      <c r="A38658" t="s">
        <v>23975</v>
      </c>
      <c r="B38658" t="s">
        <v>23976</v>
      </c>
      <c r="C38658" t="s">
        <v>23915</v>
      </c>
      <c r="D38658" t="s">
        <v>23916</v>
      </c>
      <c r="E38658" t="s">
        <v>23891</v>
      </c>
      <c r="F38658" t="s">
        <v>23892</v>
      </c>
      <c r="G38658" t="s">
        <v>11612</v>
      </c>
      <c r="H38658" t="s">
        <v>11613</v>
      </c>
      <c r="I38658" s="2">
        <v>0</v>
      </c>
      <c r="J38658" s="2">
        <v>0</v>
      </c>
      <c r="K38658" s="2">
        <v>1</v>
      </c>
      <c r="L38658" t="s">
        <v>995</v>
      </c>
      <c r="M38658" t="s">
        <v>83</v>
      </c>
      <c r="N38658" t="s">
        <v>84</v>
      </c>
      <c r="O38658" t="s">
        <v>85</v>
      </c>
      <c r="P38658" t="s">
        <v>86</v>
      </c>
      <c r="Q38658">
        <v>33</v>
      </c>
      <c r="R38658">
        <v>34</v>
      </c>
      <c r="S38658">
        <v>35</v>
      </c>
      <c r="T38658">
        <v>36</v>
      </c>
      <c r="U38658">
        <v>37</v>
      </c>
      <c r="V38658">
        <v>38</v>
      </c>
      <c r="W38658">
        <v>40</v>
      </c>
      <c r="X38658">
        <v>41</v>
      </c>
      <c r="Y38658">
        <v>42</v>
      </c>
      <c r="Z38658">
        <v>44</v>
      </c>
      <c r="AA38658">
        <v>45</v>
      </c>
      <c r="AB38658">
        <v>46</v>
      </c>
      <c r="AC38658">
        <v>48</v>
      </c>
      <c r="AD38658">
        <v>49</v>
      </c>
      <c r="AE38658">
        <v>51</v>
      </c>
      <c r="AF38658">
        <v>52</v>
      </c>
      <c r="AG38658">
        <v>54</v>
      </c>
      <c r="AH38658">
        <v>55</v>
      </c>
      <c r="AI38658">
        <v>57</v>
      </c>
      <c r="AJ38658">
        <v>59</v>
      </c>
      <c r="AK38658">
        <v>60</v>
      </c>
      <c r="AL38658">
        <v>62</v>
      </c>
      <c r="AM38658">
        <v>63</v>
      </c>
      <c r="AN38658">
        <v>64</v>
      </c>
      <c r="AO38658">
        <v>66</v>
      </c>
      <c r="AP38658">
        <v>67</v>
      </c>
      <c r="AQ38658">
        <v>68</v>
      </c>
    </row>
    <row r="38659" spans="1:43">
      <c r="A38659" t="s">
        <v>23975</v>
      </c>
      <c r="B38659" t="s">
        <v>23976</v>
      </c>
      <c r="C38659" t="s">
        <v>23915</v>
      </c>
      <c r="D38659" t="s">
        <v>23916</v>
      </c>
      <c r="E38659" t="s">
        <v>23891</v>
      </c>
      <c r="F38659" t="s">
        <v>23892</v>
      </c>
      <c r="G38659" t="s">
        <v>11612</v>
      </c>
      <c r="H38659" t="s">
        <v>11613</v>
      </c>
      <c r="I38659" s="2">
        <v>0</v>
      </c>
      <c r="J38659" s="2">
        <v>0</v>
      </c>
      <c r="K38659" s="2">
        <v>1</v>
      </c>
      <c r="L38659" t="s">
        <v>995</v>
      </c>
      <c r="M38659" t="s">
        <v>87</v>
      </c>
      <c r="N38659" t="s">
        <v>88</v>
      </c>
      <c r="O38659" t="s">
        <v>85</v>
      </c>
      <c r="P38659" t="s">
        <v>86</v>
      </c>
      <c r="Q38659">
        <v>33</v>
      </c>
      <c r="R38659">
        <v>34</v>
      </c>
      <c r="S38659">
        <v>35</v>
      </c>
      <c r="T38659">
        <v>36</v>
      </c>
      <c r="U38659">
        <v>36</v>
      </c>
      <c r="V38659">
        <v>37</v>
      </c>
      <c r="W38659">
        <v>38</v>
      </c>
      <c r="X38659">
        <v>39</v>
      </c>
      <c r="Y38659">
        <v>40</v>
      </c>
      <c r="Z38659">
        <v>41</v>
      </c>
      <c r="AA38659">
        <v>42</v>
      </c>
      <c r="AB38659">
        <v>43</v>
      </c>
      <c r="AC38659">
        <v>44</v>
      </c>
      <c r="AD38659">
        <v>45</v>
      </c>
      <c r="AE38659">
        <v>46</v>
      </c>
      <c r="AF38659">
        <v>47</v>
      </c>
      <c r="AG38659">
        <v>48</v>
      </c>
      <c r="AH38659">
        <v>49</v>
      </c>
      <c r="AI38659">
        <v>50</v>
      </c>
      <c r="AJ38659">
        <v>51</v>
      </c>
      <c r="AK38659">
        <v>53</v>
      </c>
      <c r="AL38659">
        <v>54</v>
      </c>
      <c r="AM38659">
        <v>55</v>
      </c>
      <c r="AN38659">
        <v>56</v>
      </c>
      <c r="AO38659">
        <v>58</v>
      </c>
      <c r="AP38659">
        <v>59</v>
      </c>
      <c r="AQ38659">
        <v>60</v>
      </c>
    </row>
    <row r="38660" spans="1:43">
      <c r="A38660" t="s">
        <v>23975</v>
      </c>
      <c r="B38660" t="s">
        <v>23976</v>
      </c>
      <c r="C38660" t="s">
        <v>23915</v>
      </c>
      <c r="D38660" t="s">
        <v>23916</v>
      </c>
      <c r="E38660" t="s">
        <v>23891</v>
      </c>
      <c r="F38660" t="s">
        <v>23892</v>
      </c>
      <c r="G38660" t="s">
        <v>11612</v>
      </c>
      <c r="H38660" t="s">
        <v>11613</v>
      </c>
      <c r="I38660" s="2">
        <v>0</v>
      </c>
      <c r="J38660" s="2">
        <v>0</v>
      </c>
      <c r="K38660" s="2">
        <v>1</v>
      </c>
      <c r="L38660" t="s">
        <v>995</v>
      </c>
      <c r="M38660" t="s">
        <v>89</v>
      </c>
      <c r="N38660" t="s">
        <v>90</v>
      </c>
      <c r="O38660" t="s">
        <v>85</v>
      </c>
      <c r="P38660" t="s">
        <v>86</v>
      </c>
      <c r="Q38660">
        <v>33</v>
      </c>
      <c r="R38660">
        <v>34</v>
      </c>
      <c r="S38660">
        <v>36</v>
      </c>
      <c r="T38660">
        <v>37</v>
      </c>
      <c r="U38660">
        <v>39</v>
      </c>
      <c r="V38660">
        <v>40</v>
      </c>
      <c r="W38660">
        <v>42</v>
      </c>
      <c r="X38660">
        <v>43</v>
      </c>
      <c r="Y38660">
        <v>45</v>
      </c>
      <c r="Z38660">
        <v>46</v>
      </c>
      <c r="AA38660">
        <v>48</v>
      </c>
      <c r="AB38660">
        <v>49</v>
      </c>
      <c r="AC38660">
        <v>51</v>
      </c>
      <c r="AD38660">
        <v>53</v>
      </c>
      <c r="AE38660">
        <v>54</v>
      </c>
      <c r="AF38660">
        <v>55</v>
      </c>
      <c r="AG38660">
        <v>56</v>
      </c>
      <c r="AH38660">
        <v>58</v>
      </c>
      <c r="AI38660">
        <v>59</v>
      </c>
      <c r="AJ38660">
        <v>60</v>
      </c>
      <c r="AK38660">
        <v>61</v>
      </c>
      <c r="AL38660">
        <v>63</v>
      </c>
      <c r="AM38660">
        <v>64</v>
      </c>
      <c r="AN38660">
        <v>65</v>
      </c>
      <c r="AO38660">
        <v>67</v>
      </c>
      <c r="AP38660">
        <v>68</v>
      </c>
      <c r="AQ38660">
        <v>69</v>
      </c>
    </row>
    <row r="38661" spans="1:43">
      <c r="A38661" t="s">
        <v>23975</v>
      </c>
      <c r="B38661" t="s">
        <v>23976</v>
      </c>
      <c r="C38661" t="s">
        <v>23915</v>
      </c>
      <c r="D38661" t="s">
        <v>23916</v>
      </c>
      <c r="E38661" t="s">
        <v>23891</v>
      </c>
      <c r="F38661" t="s">
        <v>23892</v>
      </c>
      <c r="G38661" t="s">
        <v>11612</v>
      </c>
      <c r="H38661" t="s">
        <v>11613</v>
      </c>
      <c r="I38661" s="2">
        <v>0</v>
      </c>
      <c r="J38661" s="2">
        <v>0</v>
      </c>
      <c r="K38661" s="2">
        <v>1</v>
      </c>
      <c r="L38661" t="s">
        <v>995</v>
      </c>
      <c r="M38661" t="s">
        <v>83</v>
      </c>
      <c r="N38661" t="s">
        <v>91</v>
      </c>
      <c r="O38661" t="s">
        <v>85</v>
      </c>
      <c r="P38661" t="s">
        <v>86</v>
      </c>
      <c r="Q38661">
        <v>33</v>
      </c>
      <c r="R38661">
        <v>34</v>
      </c>
      <c r="S38661">
        <v>35</v>
      </c>
      <c r="T38661">
        <v>36</v>
      </c>
      <c r="U38661">
        <v>37</v>
      </c>
      <c r="V38661">
        <v>38</v>
      </c>
      <c r="W38661">
        <v>40</v>
      </c>
      <c r="X38661">
        <v>41</v>
      </c>
      <c r="Y38661">
        <v>42</v>
      </c>
      <c r="Z38661">
        <v>44</v>
      </c>
      <c r="AA38661">
        <v>45</v>
      </c>
      <c r="AB38661">
        <v>46</v>
      </c>
      <c r="AC38661">
        <v>48</v>
      </c>
      <c r="AD38661">
        <v>49</v>
      </c>
      <c r="AE38661">
        <v>51</v>
      </c>
      <c r="AF38661">
        <v>52</v>
      </c>
      <c r="AG38661">
        <v>54</v>
      </c>
      <c r="AH38661">
        <v>55</v>
      </c>
      <c r="AI38661">
        <v>57</v>
      </c>
      <c r="AJ38661">
        <v>59</v>
      </c>
      <c r="AK38661">
        <v>60</v>
      </c>
      <c r="AL38661">
        <v>62</v>
      </c>
      <c r="AM38661">
        <v>63</v>
      </c>
      <c r="AN38661">
        <v>64</v>
      </c>
      <c r="AO38661">
        <v>66</v>
      </c>
      <c r="AP38661">
        <v>67</v>
      </c>
      <c r="AQ38661">
        <v>68</v>
      </c>
    </row>
    <row r="38662" spans="1:43">
      <c r="A38662" t="s">
        <v>23977</v>
      </c>
      <c r="B38662" t="s">
        <v>23978</v>
      </c>
      <c r="C38662" t="s">
        <v>23915</v>
      </c>
      <c r="D38662" t="s">
        <v>23916</v>
      </c>
      <c r="E38662" t="s">
        <v>23891</v>
      </c>
      <c r="F38662" t="s">
        <v>23892</v>
      </c>
      <c r="G38662" t="s">
        <v>11612</v>
      </c>
      <c r="H38662" t="s">
        <v>11613</v>
      </c>
      <c r="I38662" s="2">
        <v>0</v>
      </c>
      <c r="J38662" s="2">
        <v>0</v>
      </c>
      <c r="K38662" s="2">
        <v>1</v>
      </c>
      <c r="L38662" t="s">
        <v>995</v>
      </c>
      <c r="M38662" t="s">
        <v>83</v>
      </c>
      <c r="N38662" t="s">
        <v>84</v>
      </c>
      <c r="O38662" t="s">
        <v>85</v>
      </c>
      <c r="P38662" t="s">
        <v>86</v>
      </c>
      <c r="Q38662">
        <v>37</v>
      </c>
      <c r="R38662">
        <v>38</v>
      </c>
      <c r="S38662">
        <v>39</v>
      </c>
      <c r="T38662">
        <v>41</v>
      </c>
      <c r="U38662">
        <v>42</v>
      </c>
      <c r="V38662">
        <v>43</v>
      </c>
      <c r="W38662">
        <v>45</v>
      </c>
      <c r="X38662">
        <v>46</v>
      </c>
      <c r="Y38662">
        <v>48</v>
      </c>
      <c r="Z38662">
        <v>49</v>
      </c>
      <c r="AA38662">
        <v>51</v>
      </c>
      <c r="AB38662">
        <v>52</v>
      </c>
      <c r="AC38662">
        <v>54</v>
      </c>
      <c r="AD38662">
        <v>56</v>
      </c>
      <c r="AE38662">
        <v>57</v>
      </c>
      <c r="AF38662">
        <v>59</v>
      </c>
      <c r="AG38662">
        <v>61</v>
      </c>
      <c r="AH38662">
        <v>63</v>
      </c>
      <c r="AI38662">
        <v>65</v>
      </c>
      <c r="AJ38662">
        <v>66</v>
      </c>
      <c r="AK38662">
        <v>68</v>
      </c>
      <c r="AL38662">
        <v>70</v>
      </c>
      <c r="AM38662">
        <v>71</v>
      </c>
      <c r="AN38662">
        <v>73</v>
      </c>
      <c r="AO38662">
        <v>74</v>
      </c>
      <c r="AP38662">
        <v>76</v>
      </c>
      <c r="AQ38662">
        <v>78</v>
      </c>
    </row>
    <row r="38663" spans="1:43">
      <c r="A38663" t="s">
        <v>23977</v>
      </c>
      <c r="B38663" t="s">
        <v>23978</v>
      </c>
      <c r="C38663" t="s">
        <v>23915</v>
      </c>
      <c r="D38663" t="s">
        <v>23916</v>
      </c>
      <c r="E38663" t="s">
        <v>23891</v>
      </c>
      <c r="F38663" t="s">
        <v>23892</v>
      </c>
      <c r="G38663" t="s">
        <v>11612</v>
      </c>
      <c r="H38663" t="s">
        <v>11613</v>
      </c>
      <c r="I38663" s="2">
        <v>0</v>
      </c>
      <c r="J38663" s="2">
        <v>0</v>
      </c>
      <c r="K38663" s="2">
        <v>1</v>
      </c>
      <c r="L38663" t="s">
        <v>995</v>
      </c>
      <c r="M38663" t="s">
        <v>87</v>
      </c>
      <c r="N38663" t="s">
        <v>88</v>
      </c>
      <c r="O38663" t="s">
        <v>85</v>
      </c>
      <c r="P38663" t="s">
        <v>86</v>
      </c>
      <c r="Q38663">
        <v>37</v>
      </c>
      <c r="R38663">
        <v>37</v>
      </c>
      <c r="S38663">
        <v>38</v>
      </c>
      <c r="T38663">
        <v>39</v>
      </c>
      <c r="U38663">
        <v>40</v>
      </c>
      <c r="V38663">
        <v>41</v>
      </c>
      <c r="W38663">
        <v>42</v>
      </c>
      <c r="X38663">
        <v>43</v>
      </c>
      <c r="Y38663">
        <v>44</v>
      </c>
      <c r="Z38663">
        <v>45</v>
      </c>
      <c r="AA38663">
        <v>46</v>
      </c>
      <c r="AB38663">
        <v>47</v>
      </c>
      <c r="AC38663">
        <v>49</v>
      </c>
      <c r="AD38663">
        <v>50</v>
      </c>
      <c r="AE38663">
        <v>51</v>
      </c>
      <c r="AF38663">
        <v>52</v>
      </c>
      <c r="AG38663">
        <v>53</v>
      </c>
      <c r="AH38663">
        <v>55</v>
      </c>
      <c r="AI38663">
        <v>56</v>
      </c>
      <c r="AJ38663">
        <v>57</v>
      </c>
      <c r="AK38663">
        <v>59</v>
      </c>
      <c r="AL38663">
        <v>60</v>
      </c>
      <c r="AM38663">
        <v>61</v>
      </c>
      <c r="AN38663">
        <v>63</v>
      </c>
      <c r="AO38663">
        <v>64</v>
      </c>
      <c r="AP38663">
        <v>66</v>
      </c>
      <c r="AQ38663">
        <v>67</v>
      </c>
    </row>
    <row r="38664" spans="1:43">
      <c r="A38664" t="s">
        <v>23977</v>
      </c>
      <c r="B38664" t="s">
        <v>23978</v>
      </c>
      <c r="C38664" t="s">
        <v>23915</v>
      </c>
      <c r="D38664" t="s">
        <v>23916</v>
      </c>
      <c r="E38664" t="s">
        <v>23891</v>
      </c>
      <c r="F38664" t="s">
        <v>23892</v>
      </c>
      <c r="G38664" t="s">
        <v>11612</v>
      </c>
      <c r="H38664" t="s">
        <v>11613</v>
      </c>
      <c r="I38664" s="2">
        <v>0</v>
      </c>
      <c r="J38664" s="2">
        <v>0</v>
      </c>
      <c r="K38664" s="2">
        <v>1</v>
      </c>
      <c r="L38664" t="s">
        <v>995</v>
      </c>
      <c r="M38664" t="s">
        <v>89</v>
      </c>
      <c r="N38664" t="s">
        <v>90</v>
      </c>
      <c r="O38664" t="s">
        <v>85</v>
      </c>
      <c r="P38664" t="s">
        <v>86</v>
      </c>
      <c r="Q38664">
        <v>37</v>
      </c>
      <c r="R38664">
        <v>39</v>
      </c>
      <c r="S38664">
        <v>40</v>
      </c>
      <c r="T38664">
        <v>42</v>
      </c>
      <c r="U38664">
        <v>44</v>
      </c>
      <c r="V38664">
        <v>45</v>
      </c>
      <c r="W38664">
        <v>47</v>
      </c>
      <c r="X38664">
        <v>49</v>
      </c>
      <c r="Y38664">
        <v>51</v>
      </c>
      <c r="Z38664">
        <v>52</v>
      </c>
      <c r="AA38664">
        <v>54</v>
      </c>
      <c r="AB38664">
        <v>56</v>
      </c>
      <c r="AC38664">
        <v>58</v>
      </c>
      <c r="AD38664">
        <v>60</v>
      </c>
      <c r="AE38664">
        <v>61</v>
      </c>
      <c r="AF38664">
        <v>63</v>
      </c>
      <c r="AG38664">
        <v>64</v>
      </c>
      <c r="AH38664">
        <v>65</v>
      </c>
      <c r="AI38664">
        <v>67</v>
      </c>
      <c r="AJ38664">
        <v>68</v>
      </c>
      <c r="AK38664">
        <v>70</v>
      </c>
      <c r="AL38664">
        <v>71</v>
      </c>
      <c r="AM38664">
        <v>72</v>
      </c>
      <c r="AN38664">
        <v>74</v>
      </c>
      <c r="AO38664">
        <v>75</v>
      </c>
      <c r="AP38664">
        <v>77</v>
      </c>
      <c r="AQ38664">
        <v>79</v>
      </c>
    </row>
    <row r="38665" spans="1:43">
      <c r="A38665" t="s">
        <v>23977</v>
      </c>
      <c r="B38665" t="s">
        <v>23978</v>
      </c>
      <c r="C38665" t="s">
        <v>23915</v>
      </c>
      <c r="D38665" t="s">
        <v>23916</v>
      </c>
      <c r="E38665" t="s">
        <v>23891</v>
      </c>
      <c r="F38665" t="s">
        <v>23892</v>
      </c>
      <c r="G38665" t="s">
        <v>11612</v>
      </c>
      <c r="H38665" t="s">
        <v>11613</v>
      </c>
      <c r="I38665" s="2">
        <v>0</v>
      </c>
      <c r="J38665" s="2">
        <v>0</v>
      </c>
      <c r="K38665" s="2">
        <v>1</v>
      </c>
      <c r="L38665" t="s">
        <v>995</v>
      </c>
      <c r="M38665" t="s">
        <v>83</v>
      </c>
      <c r="N38665" t="s">
        <v>91</v>
      </c>
      <c r="O38665" t="s">
        <v>85</v>
      </c>
      <c r="P38665" t="s">
        <v>86</v>
      </c>
      <c r="Q38665">
        <v>37</v>
      </c>
      <c r="R38665">
        <v>38</v>
      </c>
      <c r="S38665">
        <v>39</v>
      </c>
      <c r="T38665">
        <v>41</v>
      </c>
      <c r="U38665">
        <v>42</v>
      </c>
      <c r="V38665">
        <v>43</v>
      </c>
      <c r="W38665">
        <v>45</v>
      </c>
      <c r="X38665">
        <v>46</v>
      </c>
      <c r="Y38665">
        <v>48</v>
      </c>
      <c r="Z38665">
        <v>49</v>
      </c>
      <c r="AA38665">
        <v>51</v>
      </c>
      <c r="AB38665">
        <v>52</v>
      </c>
      <c r="AC38665">
        <v>54</v>
      </c>
      <c r="AD38665">
        <v>56</v>
      </c>
      <c r="AE38665">
        <v>57</v>
      </c>
      <c r="AF38665">
        <v>59</v>
      </c>
      <c r="AG38665">
        <v>61</v>
      </c>
      <c r="AH38665">
        <v>63</v>
      </c>
      <c r="AI38665">
        <v>65</v>
      </c>
      <c r="AJ38665">
        <v>66</v>
      </c>
      <c r="AK38665">
        <v>68</v>
      </c>
      <c r="AL38665">
        <v>70</v>
      </c>
      <c r="AM38665">
        <v>71</v>
      </c>
      <c r="AN38665">
        <v>73</v>
      </c>
      <c r="AO38665">
        <v>74</v>
      </c>
      <c r="AP38665">
        <v>76</v>
      </c>
      <c r="AQ38665">
        <v>78</v>
      </c>
    </row>
    <row r="38666" spans="1:43">
      <c r="A38666" t="s">
        <v>23979</v>
      </c>
      <c r="B38666" t="s">
        <v>23980</v>
      </c>
      <c r="C38666" t="s">
        <v>23905</v>
      </c>
      <c r="D38666" t="s">
        <v>23906</v>
      </c>
      <c r="E38666" t="s">
        <v>23891</v>
      </c>
      <c r="F38666" t="s">
        <v>23892</v>
      </c>
      <c r="G38666" t="s">
        <v>11612</v>
      </c>
      <c r="H38666" t="s">
        <v>11613</v>
      </c>
      <c r="I38666" s="2">
        <v>0</v>
      </c>
      <c r="J38666" s="2">
        <v>0</v>
      </c>
      <c r="K38666" s="2">
        <v>1</v>
      </c>
      <c r="L38666" t="s">
        <v>995</v>
      </c>
      <c r="M38666" t="s">
        <v>83</v>
      </c>
      <c r="N38666" t="s">
        <v>84</v>
      </c>
      <c r="O38666" t="s">
        <v>85</v>
      </c>
      <c r="P38666" t="s">
        <v>86</v>
      </c>
      <c r="Q38666">
        <v>24</v>
      </c>
      <c r="R38666">
        <v>25</v>
      </c>
      <c r="S38666">
        <v>25</v>
      </c>
      <c r="T38666">
        <v>26</v>
      </c>
      <c r="U38666">
        <v>27</v>
      </c>
      <c r="V38666">
        <v>28</v>
      </c>
      <c r="W38666">
        <v>29</v>
      </c>
      <c r="X38666">
        <v>30</v>
      </c>
      <c r="Y38666">
        <v>31</v>
      </c>
      <c r="Z38666">
        <v>32</v>
      </c>
      <c r="AA38666">
        <v>33</v>
      </c>
      <c r="AB38666">
        <v>34</v>
      </c>
      <c r="AC38666">
        <v>35</v>
      </c>
      <c r="AD38666">
        <v>36</v>
      </c>
      <c r="AE38666">
        <v>37</v>
      </c>
      <c r="AF38666">
        <v>38</v>
      </c>
      <c r="AG38666">
        <v>39</v>
      </c>
      <c r="AH38666">
        <v>41</v>
      </c>
      <c r="AI38666">
        <v>42</v>
      </c>
      <c r="AJ38666">
        <v>43</v>
      </c>
      <c r="AK38666">
        <v>44</v>
      </c>
      <c r="AL38666">
        <v>45</v>
      </c>
      <c r="AM38666">
        <v>46</v>
      </c>
      <c r="AN38666">
        <v>47</v>
      </c>
      <c r="AO38666">
        <v>48</v>
      </c>
      <c r="AP38666">
        <v>49</v>
      </c>
      <c r="AQ38666">
        <v>50</v>
      </c>
    </row>
    <row r="38667" spans="1:43">
      <c r="A38667" t="s">
        <v>23979</v>
      </c>
      <c r="B38667" t="s">
        <v>23980</v>
      </c>
      <c r="C38667" t="s">
        <v>23905</v>
      </c>
      <c r="D38667" t="s">
        <v>23906</v>
      </c>
      <c r="E38667" t="s">
        <v>23891</v>
      </c>
      <c r="F38667" t="s">
        <v>23892</v>
      </c>
      <c r="G38667" t="s">
        <v>11612</v>
      </c>
      <c r="H38667" t="s">
        <v>11613</v>
      </c>
      <c r="I38667" s="2">
        <v>0</v>
      </c>
      <c r="J38667" s="2">
        <v>0</v>
      </c>
      <c r="K38667" s="2">
        <v>1</v>
      </c>
      <c r="L38667" t="s">
        <v>995</v>
      </c>
      <c r="M38667" t="s">
        <v>87</v>
      </c>
      <c r="N38667" t="s">
        <v>88</v>
      </c>
      <c r="O38667" t="s">
        <v>85</v>
      </c>
      <c r="P38667" t="s">
        <v>86</v>
      </c>
      <c r="Q38667">
        <v>24</v>
      </c>
      <c r="R38667">
        <v>24</v>
      </c>
      <c r="S38667">
        <v>25</v>
      </c>
      <c r="T38667">
        <v>25</v>
      </c>
      <c r="U38667">
        <v>26</v>
      </c>
      <c r="V38667">
        <v>27</v>
      </c>
      <c r="W38667">
        <v>27</v>
      </c>
      <c r="X38667">
        <v>28</v>
      </c>
      <c r="Y38667">
        <v>29</v>
      </c>
      <c r="Z38667">
        <v>29</v>
      </c>
      <c r="AA38667">
        <v>30</v>
      </c>
      <c r="AB38667">
        <v>31</v>
      </c>
      <c r="AC38667">
        <v>31</v>
      </c>
      <c r="AD38667">
        <v>32</v>
      </c>
      <c r="AE38667">
        <v>33</v>
      </c>
      <c r="AF38667">
        <v>34</v>
      </c>
      <c r="AG38667">
        <v>34</v>
      </c>
      <c r="AH38667">
        <v>35</v>
      </c>
      <c r="AI38667">
        <v>36</v>
      </c>
      <c r="AJ38667">
        <v>37</v>
      </c>
      <c r="AK38667">
        <v>38</v>
      </c>
      <c r="AL38667">
        <v>39</v>
      </c>
      <c r="AM38667">
        <v>40</v>
      </c>
      <c r="AN38667">
        <v>41</v>
      </c>
      <c r="AO38667">
        <v>41</v>
      </c>
      <c r="AP38667">
        <v>42</v>
      </c>
      <c r="AQ38667">
        <v>43</v>
      </c>
    </row>
    <row r="38668" spans="1:43">
      <c r="A38668" t="s">
        <v>23979</v>
      </c>
      <c r="B38668" t="s">
        <v>23980</v>
      </c>
      <c r="C38668" t="s">
        <v>23905</v>
      </c>
      <c r="D38668" t="s">
        <v>23906</v>
      </c>
      <c r="E38668" t="s">
        <v>23891</v>
      </c>
      <c r="F38668" t="s">
        <v>23892</v>
      </c>
      <c r="G38668" t="s">
        <v>11612</v>
      </c>
      <c r="H38668" t="s">
        <v>11613</v>
      </c>
      <c r="I38668" s="2">
        <v>0</v>
      </c>
      <c r="J38668" s="2">
        <v>0</v>
      </c>
      <c r="K38668" s="2">
        <v>1</v>
      </c>
      <c r="L38668" t="s">
        <v>995</v>
      </c>
      <c r="M38668" t="s">
        <v>89</v>
      </c>
      <c r="N38668" t="s">
        <v>90</v>
      </c>
      <c r="O38668" t="s">
        <v>85</v>
      </c>
      <c r="P38668" t="s">
        <v>86</v>
      </c>
      <c r="Q38668">
        <v>24</v>
      </c>
      <c r="R38668">
        <v>25</v>
      </c>
      <c r="S38668">
        <v>26</v>
      </c>
      <c r="T38668">
        <v>27</v>
      </c>
      <c r="U38668">
        <v>28</v>
      </c>
      <c r="V38668">
        <v>29</v>
      </c>
      <c r="W38668">
        <v>30</v>
      </c>
      <c r="X38668">
        <v>32</v>
      </c>
      <c r="Y38668">
        <v>33</v>
      </c>
      <c r="Z38668">
        <v>34</v>
      </c>
      <c r="AA38668">
        <v>35</v>
      </c>
      <c r="AB38668">
        <v>36</v>
      </c>
      <c r="AC38668">
        <v>37</v>
      </c>
      <c r="AD38668">
        <v>39</v>
      </c>
      <c r="AE38668">
        <v>40</v>
      </c>
      <c r="AF38668">
        <v>41</v>
      </c>
      <c r="AG38668">
        <v>41</v>
      </c>
      <c r="AH38668">
        <v>42</v>
      </c>
      <c r="AI38668">
        <v>43</v>
      </c>
      <c r="AJ38668">
        <v>44</v>
      </c>
      <c r="AK38668">
        <v>45</v>
      </c>
      <c r="AL38668">
        <v>46</v>
      </c>
      <c r="AM38668">
        <v>47</v>
      </c>
      <c r="AN38668">
        <v>48</v>
      </c>
      <c r="AO38668">
        <v>49</v>
      </c>
      <c r="AP38668">
        <v>49</v>
      </c>
      <c r="AQ38668">
        <v>50</v>
      </c>
    </row>
    <row r="38669" spans="1:43">
      <c r="A38669" t="s">
        <v>23979</v>
      </c>
      <c r="B38669" t="s">
        <v>23980</v>
      </c>
      <c r="C38669" t="s">
        <v>23905</v>
      </c>
      <c r="D38669" t="s">
        <v>23906</v>
      </c>
      <c r="E38669" t="s">
        <v>23891</v>
      </c>
      <c r="F38669" t="s">
        <v>23892</v>
      </c>
      <c r="G38669" t="s">
        <v>11612</v>
      </c>
      <c r="H38669" t="s">
        <v>11613</v>
      </c>
      <c r="I38669" s="2">
        <v>0</v>
      </c>
      <c r="J38669" s="2">
        <v>0</v>
      </c>
      <c r="K38669" s="2">
        <v>1</v>
      </c>
      <c r="L38669" t="s">
        <v>995</v>
      </c>
      <c r="M38669" t="s">
        <v>83</v>
      </c>
      <c r="N38669" t="s">
        <v>91</v>
      </c>
      <c r="O38669" t="s">
        <v>85</v>
      </c>
      <c r="P38669" t="s">
        <v>86</v>
      </c>
      <c r="Q38669">
        <v>24</v>
      </c>
      <c r="R38669">
        <v>25</v>
      </c>
      <c r="S38669">
        <v>25</v>
      </c>
      <c r="T38669">
        <v>26</v>
      </c>
      <c r="U38669">
        <v>27</v>
      </c>
      <c r="V38669">
        <v>28</v>
      </c>
      <c r="W38669">
        <v>29</v>
      </c>
      <c r="X38669">
        <v>30</v>
      </c>
      <c r="Y38669">
        <v>31</v>
      </c>
      <c r="Z38669">
        <v>32</v>
      </c>
      <c r="AA38669">
        <v>33</v>
      </c>
      <c r="AB38669">
        <v>34</v>
      </c>
      <c r="AC38669">
        <v>35</v>
      </c>
      <c r="AD38669">
        <v>36</v>
      </c>
      <c r="AE38669">
        <v>37</v>
      </c>
      <c r="AF38669">
        <v>38</v>
      </c>
      <c r="AG38669">
        <v>39</v>
      </c>
      <c r="AH38669">
        <v>41</v>
      </c>
      <c r="AI38669">
        <v>42</v>
      </c>
      <c r="AJ38669">
        <v>43</v>
      </c>
      <c r="AK38669">
        <v>44</v>
      </c>
      <c r="AL38669">
        <v>45</v>
      </c>
      <c r="AM38669">
        <v>46</v>
      </c>
      <c r="AN38669">
        <v>47</v>
      </c>
      <c r="AO38669">
        <v>48</v>
      </c>
      <c r="AP38669">
        <v>49</v>
      </c>
      <c r="AQ38669">
        <v>50</v>
      </c>
    </row>
    <row r="38670" spans="1:43">
      <c r="A38670" t="s">
        <v>23981</v>
      </c>
      <c r="B38670" t="s">
        <v>23982</v>
      </c>
      <c r="C38670" t="s">
        <v>23983</v>
      </c>
      <c r="D38670" t="s">
        <v>23984</v>
      </c>
      <c r="E38670" t="s">
        <v>23985</v>
      </c>
      <c r="F38670" t="s">
        <v>23986</v>
      </c>
      <c r="G38670" t="s">
        <v>11612</v>
      </c>
      <c r="H38670" t="s">
        <v>11613</v>
      </c>
      <c r="I38670" s="2">
        <v>0</v>
      </c>
      <c r="J38670" s="2">
        <v>0</v>
      </c>
      <c r="K38670" s="2">
        <v>0</v>
      </c>
      <c r="L38670" t="s">
        <v>995</v>
      </c>
      <c r="M38670" t="s">
        <v>83</v>
      </c>
      <c r="N38670" t="s">
        <v>84</v>
      </c>
      <c r="O38670" t="s">
        <v>85</v>
      </c>
      <c r="P38670" t="s">
        <v>86</v>
      </c>
      <c r="Q38670">
        <v>0</v>
      </c>
      <c r="R38670">
        <v>0</v>
      </c>
      <c r="S38670">
        <v>0</v>
      </c>
      <c r="T38670">
        <v>0</v>
      </c>
      <c r="U38670">
        <v>0</v>
      </c>
      <c r="V38670">
        <v>0</v>
      </c>
      <c r="W38670">
        <v>0</v>
      </c>
      <c r="X38670">
        <v>0</v>
      </c>
      <c r="Y38670">
        <v>0</v>
      </c>
      <c r="Z38670">
        <v>0</v>
      </c>
      <c r="AA38670">
        <v>0</v>
      </c>
      <c r="AB38670">
        <v>0</v>
      </c>
      <c r="AC38670">
        <v>0</v>
      </c>
      <c r="AD38670">
        <v>0</v>
      </c>
      <c r="AE38670">
        <v>0</v>
      </c>
      <c r="AF38670">
        <v>0</v>
      </c>
      <c r="AG38670">
        <v>0</v>
      </c>
      <c r="AH38670">
        <v>0</v>
      </c>
      <c r="AI38670">
        <v>0</v>
      </c>
      <c r="AJ38670">
        <v>0</v>
      </c>
      <c r="AK38670">
        <v>0</v>
      </c>
      <c r="AL38670">
        <v>0</v>
      </c>
      <c r="AM38670">
        <v>0</v>
      </c>
      <c r="AN38670">
        <v>0</v>
      </c>
      <c r="AO38670">
        <v>0</v>
      </c>
      <c r="AP38670">
        <v>0</v>
      </c>
      <c r="AQ38670">
        <v>0</v>
      </c>
    </row>
    <row r="38671" spans="1:43">
      <c r="A38671" t="s">
        <v>23981</v>
      </c>
      <c r="B38671" t="s">
        <v>23982</v>
      </c>
      <c r="C38671" t="s">
        <v>23983</v>
      </c>
      <c r="D38671" t="s">
        <v>23984</v>
      </c>
      <c r="E38671" t="s">
        <v>23985</v>
      </c>
      <c r="F38671" t="s">
        <v>23986</v>
      </c>
      <c r="G38671" t="s">
        <v>11612</v>
      </c>
      <c r="H38671" t="s">
        <v>11613</v>
      </c>
      <c r="I38671" s="2">
        <v>0</v>
      </c>
      <c r="J38671" s="2">
        <v>0</v>
      </c>
      <c r="K38671" s="2">
        <v>0</v>
      </c>
      <c r="L38671" t="s">
        <v>995</v>
      </c>
      <c r="M38671" t="s">
        <v>87</v>
      </c>
      <c r="N38671" t="s">
        <v>88</v>
      </c>
      <c r="O38671" t="s">
        <v>85</v>
      </c>
      <c r="P38671" t="s">
        <v>86</v>
      </c>
      <c r="Q38671">
        <v>0</v>
      </c>
      <c r="R38671">
        <v>0</v>
      </c>
      <c r="S38671">
        <v>0</v>
      </c>
      <c r="T38671">
        <v>0</v>
      </c>
      <c r="U38671">
        <v>0</v>
      </c>
      <c r="V38671">
        <v>0</v>
      </c>
      <c r="W38671">
        <v>0</v>
      </c>
      <c r="X38671">
        <v>0</v>
      </c>
      <c r="Y38671">
        <v>0</v>
      </c>
      <c r="Z38671">
        <v>0</v>
      </c>
      <c r="AA38671">
        <v>0</v>
      </c>
      <c r="AB38671">
        <v>0</v>
      </c>
      <c r="AC38671">
        <v>0</v>
      </c>
      <c r="AD38671">
        <v>0</v>
      </c>
      <c r="AE38671">
        <v>0</v>
      </c>
      <c r="AF38671">
        <v>0</v>
      </c>
      <c r="AG38671">
        <v>0</v>
      </c>
      <c r="AH38671">
        <v>0</v>
      </c>
      <c r="AI38671">
        <v>0</v>
      </c>
      <c r="AJ38671">
        <v>0</v>
      </c>
      <c r="AK38671">
        <v>0</v>
      </c>
      <c r="AL38671">
        <v>0</v>
      </c>
      <c r="AM38671">
        <v>0</v>
      </c>
      <c r="AN38671">
        <v>0</v>
      </c>
      <c r="AO38671">
        <v>0</v>
      </c>
      <c r="AP38671">
        <v>0</v>
      </c>
      <c r="AQ38671">
        <v>0</v>
      </c>
    </row>
    <row r="38672" spans="1:43">
      <c r="A38672" t="s">
        <v>23981</v>
      </c>
      <c r="B38672" t="s">
        <v>23982</v>
      </c>
      <c r="C38672" t="s">
        <v>23983</v>
      </c>
      <c r="D38672" t="s">
        <v>23984</v>
      </c>
      <c r="E38672" t="s">
        <v>23985</v>
      </c>
      <c r="F38672" t="s">
        <v>23986</v>
      </c>
      <c r="G38672" t="s">
        <v>11612</v>
      </c>
      <c r="H38672" t="s">
        <v>11613</v>
      </c>
      <c r="I38672" s="2">
        <v>0</v>
      </c>
      <c r="J38672" s="2">
        <v>0</v>
      </c>
      <c r="K38672" s="2">
        <v>0</v>
      </c>
      <c r="L38672" t="s">
        <v>995</v>
      </c>
      <c r="M38672" t="s">
        <v>89</v>
      </c>
      <c r="N38672" t="s">
        <v>90</v>
      </c>
      <c r="O38672" t="s">
        <v>85</v>
      </c>
      <c r="P38672" t="s">
        <v>86</v>
      </c>
      <c r="Q38672">
        <v>0</v>
      </c>
      <c r="R38672">
        <v>0</v>
      </c>
      <c r="S38672">
        <v>0</v>
      </c>
      <c r="T38672">
        <v>0</v>
      </c>
      <c r="U38672">
        <v>0</v>
      </c>
      <c r="V38672">
        <v>0</v>
      </c>
      <c r="W38672">
        <v>0</v>
      </c>
      <c r="X38672">
        <v>0</v>
      </c>
      <c r="Y38672">
        <v>0</v>
      </c>
      <c r="Z38672">
        <v>0</v>
      </c>
      <c r="AA38672">
        <v>0</v>
      </c>
      <c r="AB38672">
        <v>0</v>
      </c>
      <c r="AC38672">
        <v>0</v>
      </c>
      <c r="AD38672">
        <v>0</v>
      </c>
      <c r="AE38672">
        <v>0</v>
      </c>
      <c r="AF38672">
        <v>0</v>
      </c>
      <c r="AG38672">
        <v>0</v>
      </c>
      <c r="AH38672">
        <v>0</v>
      </c>
      <c r="AI38672">
        <v>0</v>
      </c>
      <c r="AJ38672">
        <v>0</v>
      </c>
      <c r="AK38672">
        <v>0</v>
      </c>
      <c r="AL38672">
        <v>0</v>
      </c>
      <c r="AM38672">
        <v>0</v>
      </c>
      <c r="AN38672">
        <v>0</v>
      </c>
      <c r="AO38672">
        <v>0</v>
      </c>
      <c r="AP38672">
        <v>0</v>
      </c>
      <c r="AQ38672">
        <v>0</v>
      </c>
    </row>
    <row r="38673" spans="1:43">
      <c r="A38673" t="s">
        <v>23981</v>
      </c>
      <c r="B38673" t="s">
        <v>23982</v>
      </c>
      <c r="C38673" t="s">
        <v>23983</v>
      </c>
      <c r="D38673" t="s">
        <v>23984</v>
      </c>
      <c r="E38673" t="s">
        <v>23985</v>
      </c>
      <c r="F38673" t="s">
        <v>23986</v>
      </c>
      <c r="G38673" t="s">
        <v>11612</v>
      </c>
      <c r="H38673" t="s">
        <v>11613</v>
      </c>
      <c r="I38673" s="2">
        <v>0</v>
      </c>
      <c r="J38673" s="2">
        <v>0</v>
      </c>
      <c r="K38673" s="2">
        <v>0</v>
      </c>
      <c r="L38673" t="s">
        <v>995</v>
      </c>
      <c r="M38673" t="s">
        <v>83</v>
      </c>
      <c r="N38673" t="s">
        <v>91</v>
      </c>
      <c r="O38673" t="s">
        <v>85</v>
      </c>
      <c r="P38673" t="s">
        <v>86</v>
      </c>
      <c r="Q38673">
        <v>0</v>
      </c>
      <c r="R38673">
        <v>0</v>
      </c>
      <c r="S38673">
        <v>0</v>
      </c>
      <c r="T38673">
        <v>0</v>
      </c>
      <c r="U38673">
        <v>0</v>
      </c>
      <c r="V38673">
        <v>0</v>
      </c>
      <c r="W38673">
        <v>0</v>
      </c>
      <c r="X38673">
        <v>0</v>
      </c>
      <c r="Y38673">
        <v>0</v>
      </c>
      <c r="Z38673">
        <v>0</v>
      </c>
      <c r="AA38673">
        <v>0</v>
      </c>
      <c r="AB38673">
        <v>0</v>
      </c>
      <c r="AC38673">
        <v>0</v>
      </c>
      <c r="AD38673">
        <v>0</v>
      </c>
      <c r="AE38673">
        <v>0</v>
      </c>
      <c r="AF38673">
        <v>0</v>
      </c>
      <c r="AG38673">
        <v>0</v>
      </c>
      <c r="AH38673">
        <v>0</v>
      </c>
      <c r="AI38673">
        <v>0</v>
      </c>
      <c r="AJ38673">
        <v>0</v>
      </c>
      <c r="AK38673">
        <v>0</v>
      </c>
      <c r="AL38673">
        <v>0</v>
      </c>
      <c r="AM38673">
        <v>0</v>
      </c>
      <c r="AN38673">
        <v>0</v>
      </c>
      <c r="AO38673">
        <v>0</v>
      </c>
      <c r="AP38673">
        <v>0</v>
      </c>
      <c r="AQ38673">
        <v>0</v>
      </c>
    </row>
    <row r="38674" spans="1:43">
      <c r="A38674" t="s">
        <v>23987</v>
      </c>
      <c r="B38674" t="s">
        <v>23988</v>
      </c>
      <c r="C38674" t="s">
        <v>23983</v>
      </c>
      <c r="D38674" t="s">
        <v>23984</v>
      </c>
      <c r="E38674" t="s">
        <v>23985</v>
      </c>
      <c r="F38674" t="s">
        <v>23986</v>
      </c>
      <c r="G38674" t="s">
        <v>11612</v>
      </c>
      <c r="H38674" t="s">
        <v>11613</v>
      </c>
      <c r="I38674" s="2">
        <v>0</v>
      </c>
      <c r="J38674" s="2">
        <v>0</v>
      </c>
      <c r="K38674" s="2">
        <v>0</v>
      </c>
      <c r="L38674" t="s">
        <v>995</v>
      </c>
      <c r="M38674" t="s">
        <v>83</v>
      </c>
      <c r="N38674" t="s">
        <v>84</v>
      </c>
      <c r="O38674" t="s">
        <v>85</v>
      </c>
      <c r="P38674" t="s">
        <v>86</v>
      </c>
      <c r="Q38674">
        <v>0</v>
      </c>
      <c r="R38674">
        <v>0</v>
      </c>
      <c r="S38674">
        <v>0</v>
      </c>
      <c r="T38674">
        <v>0</v>
      </c>
      <c r="U38674">
        <v>0</v>
      </c>
      <c r="V38674">
        <v>0</v>
      </c>
      <c r="W38674">
        <v>0</v>
      </c>
      <c r="X38674">
        <v>0</v>
      </c>
      <c r="Y38674">
        <v>0</v>
      </c>
      <c r="Z38674">
        <v>0</v>
      </c>
      <c r="AA38674">
        <v>0</v>
      </c>
      <c r="AB38674">
        <v>0</v>
      </c>
      <c r="AC38674">
        <v>0</v>
      </c>
      <c r="AD38674">
        <v>0</v>
      </c>
      <c r="AE38674">
        <v>0</v>
      </c>
      <c r="AF38674">
        <v>0</v>
      </c>
      <c r="AG38674">
        <v>0</v>
      </c>
      <c r="AH38674">
        <v>0</v>
      </c>
      <c r="AI38674">
        <v>0</v>
      </c>
      <c r="AJ38674">
        <v>0</v>
      </c>
      <c r="AK38674">
        <v>0</v>
      </c>
      <c r="AL38674">
        <v>0</v>
      </c>
      <c r="AM38674">
        <v>0</v>
      </c>
      <c r="AN38674">
        <v>0</v>
      </c>
      <c r="AO38674">
        <v>0</v>
      </c>
      <c r="AP38674">
        <v>0</v>
      </c>
      <c r="AQ38674">
        <v>0</v>
      </c>
    </row>
    <row r="38675" spans="1:43">
      <c r="A38675" t="s">
        <v>23987</v>
      </c>
      <c r="B38675" t="s">
        <v>23988</v>
      </c>
      <c r="C38675" t="s">
        <v>23983</v>
      </c>
      <c r="D38675" t="s">
        <v>23984</v>
      </c>
      <c r="E38675" t="s">
        <v>23985</v>
      </c>
      <c r="F38675" t="s">
        <v>23986</v>
      </c>
      <c r="G38675" t="s">
        <v>11612</v>
      </c>
      <c r="H38675" t="s">
        <v>11613</v>
      </c>
      <c r="I38675" s="2">
        <v>0</v>
      </c>
      <c r="J38675" s="2">
        <v>0</v>
      </c>
      <c r="K38675" s="2">
        <v>0</v>
      </c>
      <c r="L38675" t="s">
        <v>995</v>
      </c>
      <c r="M38675" t="s">
        <v>87</v>
      </c>
      <c r="N38675" t="s">
        <v>88</v>
      </c>
      <c r="O38675" t="s">
        <v>85</v>
      </c>
      <c r="P38675" t="s">
        <v>86</v>
      </c>
      <c r="Q38675">
        <v>0</v>
      </c>
      <c r="R38675">
        <v>0</v>
      </c>
      <c r="S38675">
        <v>0</v>
      </c>
      <c r="T38675">
        <v>0</v>
      </c>
      <c r="U38675">
        <v>0</v>
      </c>
      <c r="V38675">
        <v>0</v>
      </c>
      <c r="W38675">
        <v>0</v>
      </c>
      <c r="X38675">
        <v>0</v>
      </c>
      <c r="Y38675">
        <v>0</v>
      </c>
      <c r="Z38675">
        <v>0</v>
      </c>
      <c r="AA38675">
        <v>0</v>
      </c>
      <c r="AB38675">
        <v>0</v>
      </c>
      <c r="AC38675">
        <v>0</v>
      </c>
      <c r="AD38675">
        <v>0</v>
      </c>
      <c r="AE38675">
        <v>0</v>
      </c>
      <c r="AF38675">
        <v>0</v>
      </c>
      <c r="AG38675">
        <v>0</v>
      </c>
      <c r="AH38675">
        <v>0</v>
      </c>
      <c r="AI38675">
        <v>0</v>
      </c>
      <c r="AJ38675">
        <v>0</v>
      </c>
      <c r="AK38675">
        <v>0</v>
      </c>
      <c r="AL38675">
        <v>0</v>
      </c>
      <c r="AM38675">
        <v>0</v>
      </c>
      <c r="AN38675">
        <v>0</v>
      </c>
      <c r="AO38675">
        <v>0</v>
      </c>
      <c r="AP38675">
        <v>0</v>
      </c>
      <c r="AQ38675">
        <v>0</v>
      </c>
    </row>
    <row r="38676" spans="1:43">
      <c r="A38676" t="s">
        <v>23987</v>
      </c>
      <c r="B38676" t="s">
        <v>23988</v>
      </c>
      <c r="C38676" t="s">
        <v>23983</v>
      </c>
      <c r="D38676" t="s">
        <v>23984</v>
      </c>
      <c r="E38676" t="s">
        <v>23985</v>
      </c>
      <c r="F38676" t="s">
        <v>23986</v>
      </c>
      <c r="G38676" t="s">
        <v>11612</v>
      </c>
      <c r="H38676" t="s">
        <v>11613</v>
      </c>
      <c r="I38676" s="2">
        <v>0</v>
      </c>
      <c r="J38676" s="2">
        <v>0</v>
      </c>
      <c r="K38676" s="2">
        <v>0</v>
      </c>
      <c r="L38676" t="s">
        <v>995</v>
      </c>
      <c r="M38676" t="s">
        <v>89</v>
      </c>
      <c r="N38676" t="s">
        <v>90</v>
      </c>
      <c r="O38676" t="s">
        <v>85</v>
      </c>
      <c r="P38676" t="s">
        <v>86</v>
      </c>
      <c r="Q38676">
        <v>0</v>
      </c>
      <c r="R38676">
        <v>0</v>
      </c>
      <c r="S38676">
        <v>0</v>
      </c>
      <c r="T38676">
        <v>0</v>
      </c>
      <c r="U38676">
        <v>0</v>
      </c>
      <c r="V38676">
        <v>0</v>
      </c>
      <c r="W38676">
        <v>0</v>
      </c>
      <c r="X38676">
        <v>0</v>
      </c>
      <c r="Y38676">
        <v>0</v>
      </c>
      <c r="Z38676">
        <v>0</v>
      </c>
      <c r="AA38676">
        <v>0</v>
      </c>
      <c r="AB38676">
        <v>0</v>
      </c>
      <c r="AC38676">
        <v>0</v>
      </c>
      <c r="AD38676">
        <v>0</v>
      </c>
      <c r="AE38676">
        <v>0</v>
      </c>
      <c r="AF38676">
        <v>0</v>
      </c>
      <c r="AG38676">
        <v>0</v>
      </c>
      <c r="AH38676">
        <v>0</v>
      </c>
      <c r="AI38676">
        <v>0</v>
      </c>
      <c r="AJ38676">
        <v>0</v>
      </c>
      <c r="AK38676">
        <v>0</v>
      </c>
      <c r="AL38676">
        <v>0</v>
      </c>
      <c r="AM38676">
        <v>0</v>
      </c>
      <c r="AN38676">
        <v>0</v>
      </c>
      <c r="AO38676">
        <v>0</v>
      </c>
      <c r="AP38676">
        <v>0</v>
      </c>
      <c r="AQ38676">
        <v>0</v>
      </c>
    </row>
    <row r="38677" spans="1:43">
      <c r="A38677" t="s">
        <v>23987</v>
      </c>
      <c r="B38677" t="s">
        <v>23988</v>
      </c>
      <c r="C38677" t="s">
        <v>23983</v>
      </c>
      <c r="D38677" t="s">
        <v>23984</v>
      </c>
      <c r="E38677" t="s">
        <v>23985</v>
      </c>
      <c r="F38677" t="s">
        <v>23986</v>
      </c>
      <c r="G38677" t="s">
        <v>11612</v>
      </c>
      <c r="H38677" t="s">
        <v>11613</v>
      </c>
      <c r="I38677" s="2">
        <v>0</v>
      </c>
      <c r="J38677" s="2">
        <v>0</v>
      </c>
      <c r="K38677" s="2">
        <v>0</v>
      </c>
      <c r="L38677" t="s">
        <v>995</v>
      </c>
      <c r="M38677" t="s">
        <v>83</v>
      </c>
      <c r="N38677" t="s">
        <v>91</v>
      </c>
      <c r="O38677" t="s">
        <v>85</v>
      </c>
      <c r="P38677" t="s">
        <v>86</v>
      </c>
      <c r="Q38677">
        <v>0</v>
      </c>
      <c r="R38677">
        <v>0</v>
      </c>
      <c r="S38677">
        <v>0</v>
      </c>
      <c r="T38677">
        <v>0</v>
      </c>
      <c r="U38677">
        <v>0</v>
      </c>
      <c r="V38677">
        <v>0</v>
      </c>
      <c r="W38677">
        <v>0</v>
      </c>
      <c r="X38677">
        <v>0</v>
      </c>
      <c r="Y38677">
        <v>0</v>
      </c>
      <c r="Z38677">
        <v>0</v>
      </c>
      <c r="AA38677">
        <v>0</v>
      </c>
      <c r="AB38677">
        <v>0</v>
      </c>
      <c r="AC38677">
        <v>0</v>
      </c>
      <c r="AD38677">
        <v>0</v>
      </c>
      <c r="AE38677">
        <v>0</v>
      </c>
      <c r="AF38677">
        <v>0</v>
      </c>
      <c r="AG38677">
        <v>0</v>
      </c>
      <c r="AH38677">
        <v>0</v>
      </c>
      <c r="AI38677">
        <v>0</v>
      </c>
      <c r="AJ38677">
        <v>0</v>
      </c>
      <c r="AK38677">
        <v>0</v>
      </c>
      <c r="AL38677">
        <v>0</v>
      </c>
      <c r="AM38677">
        <v>0</v>
      </c>
      <c r="AN38677">
        <v>0</v>
      </c>
      <c r="AO38677">
        <v>0</v>
      </c>
      <c r="AP38677">
        <v>0</v>
      </c>
      <c r="AQ38677">
        <v>0</v>
      </c>
    </row>
    <row r="38678" spans="1:43">
      <c r="A38678" t="s">
        <v>23989</v>
      </c>
      <c r="B38678" t="s">
        <v>23990</v>
      </c>
      <c r="C38678" t="s">
        <v>23991</v>
      </c>
      <c r="D38678" t="s">
        <v>23992</v>
      </c>
      <c r="E38678" t="s">
        <v>23993</v>
      </c>
      <c r="F38678" t="s">
        <v>23994</v>
      </c>
      <c r="G38678" t="s">
        <v>11612</v>
      </c>
      <c r="H38678" t="s">
        <v>11613</v>
      </c>
      <c r="I38678" s="2">
        <v>0</v>
      </c>
      <c r="J38678" s="2">
        <v>0</v>
      </c>
      <c r="K38678" s="2">
        <v>1</v>
      </c>
      <c r="L38678" t="s">
        <v>995</v>
      </c>
      <c r="M38678" t="s">
        <v>83</v>
      </c>
      <c r="N38678" t="s">
        <v>84</v>
      </c>
      <c r="O38678" t="s">
        <v>85</v>
      </c>
      <c r="P38678" t="s">
        <v>86</v>
      </c>
      <c r="Q38678">
        <v>2</v>
      </c>
      <c r="R38678">
        <v>2</v>
      </c>
      <c r="S38678">
        <v>2</v>
      </c>
      <c r="T38678">
        <v>2</v>
      </c>
      <c r="U38678">
        <v>2</v>
      </c>
      <c r="V38678">
        <v>2</v>
      </c>
      <c r="W38678">
        <v>2</v>
      </c>
      <c r="X38678">
        <v>2</v>
      </c>
      <c r="Y38678">
        <v>2</v>
      </c>
      <c r="Z38678">
        <v>2</v>
      </c>
      <c r="AA38678">
        <v>2</v>
      </c>
      <c r="AB38678">
        <v>2</v>
      </c>
      <c r="AC38678">
        <v>2</v>
      </c>
      <c r="AD38678">
        <v>2</v>
      </c>
      <c r="AE38678">
        <v>2</v>
      </c>
      <c r="AF38678">
        <v>2</v>
      </c>
      <c r="AG38678">
        <v>2</v>
      </c>
      <c r="AH38678">
        <v>2</v>
      </c>
      <c r="AI38678">
        <v>2</v>
      </c>
      <c r="AJ38678">
        <v>3</v>
      </c>
      <c r="AK38678">
        <v>3</v>
      </c>
      <c r="AL38678">
        <v>3</v>
      </c>
      <c r="AM38678">
        <v>3</v>
      </c>
      <c r="AN38678">
        <v>3</v>
      </c>
      <c r="AO38678">
        <v>3</v>
      </c>
      <c r="AP38678">
        <v>3</v>
      </c>
      <c r="AQ38678">
        <v>3</v>
      </c>
    </row>
    <row r="38679" spans="1:43">
      <c r="A38679" t="s">
        <v>23989</v>
      </c>
      <c r="B38679" t="s">
        <v>23990</v>
      </c>
      <c r="C38679" t="s">
        <v>23991</v>
      </c>
      <c r="D38679" t="s">
        <v>23992</v>
      </c>
      <c r="E38679" t="s">
        <v>23993</v>
      </c>
      <c r="F38679" t="s">
        <v>23994</v>
      </c>
      <c r="G38679" t="s">
        <v>11612</v>
      </c>
      <c r="H38679" t="s">
        <v>11613</v>
      </c>
      <c r="I38679" s="2">
        <v>0</v>
      </c>
      <c r="J38679" s="2">
        <v>0</v>
      </c>
      <c r="K38679" s="2">
        <v>1</v>
      </c>
      <c r="L38679" t="s">
        <v>995</v>
      </c>
      <c r="M38679" t="s">
        <v>87</v>
      </c>
      <c r="N38679" t="s">
        <v>88</v>
      </c>
      <c r="O38679" t="s">
        <v>85</v>
      </c>
      <c r="P38679" t="s">
        <v>86</v>
      </c>
      <c r="Q38679">
        <v>2</v>
      </c>
      <c r="R38679">
        <v>2</v>
      </c>
      <c r="S38679">
        <v>2</v>
      </c>
      <c r="T38679">
        <v>2</v>
      </c>
      <c r="U38679">
        <v>2</v>
      </c>
      <c r="V38679">
        <v>2</v>
      </c>
      <c r="W38679">
        <v>2</v>
      </c>
      <c r="X38679">
        <v>2</v>
      </c>
      <c r="Y38679">
        <v>2</v>
      </c>
      <c r="Z38679">
        <v>2</v>
      </c>
      <c r="AA38679">
        <v>2</v>
      </c>
      <c r="AB38679">
        <v>2</v>
      </c>
      <c r="AC38679">
        <v>2</v>
      </c>
      <c r="AD38679">
        <v>2</v>
      </c>
      <c r="AE38679">
        <v>2</v>
      </c>
      <c r="AF38679">
        <v>2</v>
      </c>
      <c r="AG38679">
        <v>2</v>
      </c>
      <c r="AH38679">
        <v>2</v>
      </c>
      <c r="AI38679">
        <v>2</v>
      </c>
      <c r="AJ38679">
        <v>2</v>
      </c>
      <c r="AK38679">
        <v>2</v>
      </c>
      <c r="AL38679">
        <v>2</v>
      </c>
      <c r="AM38679">
        <v>2</v>
      </c>
      <c r="AN38679">
        <v>2</v>
      </c>
      <c r="AO38679">
        <v>2</v>
      </c>
      <c r="AP38679">
        <v>2</v>
      </c>
      <c r="AQ38679">
        <v>2</v>
      </c>
    </row>
    <row r="38680" spans="1:43">
      <c r="A38680" t="s">
        <v>23989</v>
      </c>
      <c r="B38680" t="s">
        <v>23990</v>
      </c>
      <c r="C38680" t="s">
        <v>23991</v>
      </c>
      <c r="D38680" t="s">
        <v>23992</v>
      </c>
      <c r="E38680" t="s">
        <v>23993</v>
      </c>
      <c r="F38680" t="s">
        <v>23994</v>
      </c>
      <c r="G38680" t="s">
        <v>11612</v>
      </c>
      <c r="H38680" t="s">
        <v>11613</v>
      </c>
      <c r="I38680" s="2">
        <v>0</v>
      </c>
      <c r="J38680" s="2">
        <v>0</v>
      </c>
      <c r="K38680" s="2">
        <v>1</v>
      </c>
      <c r="L38680" t="s">
        <v>995</v>
      </c>
      <c r="M38680" t="s">
        <v>89</v>
      </c>
      <c r="N38680" t="s">
        <v>90</v>
      </c>
      <c r="O38680" t="s">
        <v>85</v>
      </c>
      <c r="P38680" t="s">
        <v>86</v>
      </c>
      <c r="Q38680">
        <v>2</v>
      </c>
      <c r="R38680">
        <v>2</v>
      </c>
      <c r="S38680">
        <v>2</v>
      </c>
      <c r="T38680">
        <v>2</v>
      </c>
      <c r="U38680">
        <v>2</v>
      </c>
      <c r="V38680">
        <v>2</v>
      </c>
      <c r="W38680">
        <v>2</v>
      </c>
      <c r="X38680">
        <v>2</v>
      </c>
      <c r="Y38680">
        <v>2</v>
      </c>
      <c r="Z38680">
        <v>2</v>
      </c>
      <c r="AA38680">
        <v>2</v>
      </c>
      <c r="AB38680">
        <v>2</v>
      </c>
      <c r="AC38680">
        <v>3</v>
      </c>
      <c r="AD38680">
        <v>3</v>
      </c>
      <c r="AE38680">
        <v>3</v>
      </c>
      <c r="AF38680">
        <v>3</v>
      </c>
      <c r="AG38680">
        <v>3</v>
      </c>
      <c r="AH38680">
        <v>3</v>
      </c>
      <c r="AI38680">
        <v>3</v>
      </c>
      <c r="AJ38680">
        <v>3</v>
      </c>
      <c r="AK38680">
        <v>3</v>
      </c>
      <c r="AL38680">
        <v>3</v>
      </c>
      <c r="AM38680">
        <v>3</v>
      </c>
      <c r="AN38680">
        <v>3</v>
      </c>
      <c r="AO38680">
        <v>3</v>
      </c>
      <c r="AP38680">
        <v>3</v>
      </c>
      <c r="AQ38680">
        <v>3</v>
      </c>
    </row>
    <row r="38681" spans="1:43">
      <c r="A38681" t="s">
        <v>23989</v>
      </c>
      <c r="B38681" t="s">
        <v>23990</v>
      </c>
      <c r="C38681" t="s">
        <v>23991</v>
      </c>
      <c r="D38681" t="s">
        <v>23992</v>
      </c>
      <c r="E38681" t="s">
        <v>23993</v>
      </c>
      <c r="F38681" t="s">
        <v>23994</v>
      </c>
      <c r="G38681" t="s">
        <v>11612</v>
      </c>
      <c r="H38681" t="s">
        <v>11613</v>
      </c>
      <c r="I38681" s="2">
        <v>0</v>
      </c>
      <c r="J38681" s="2">
        <v>0</v>
      </c>
      <c r="K38681" s="2">
        <v>1</v>
      </c>
      <c r="L38681" t="s">
        <v>995</v>
      </c>
      <c r="M38681" t="s">
        <v>83</v>
      </c>
      <c r="N38681" t="s">
        <v>91</v>
      </c>
      <c r="O38681" t="s">
        <v>85</v>
      </c>
      <c r="P38681" t="s">
        <v>86</v>
      </c>
      <c r="Q38681">
        <v>2</v>
      </c>
      <c r="R38681">
        <v>2</v>
      </c>
      <c r="S38681">
        <v>2</v>
      </c>
      <c r="T38681">
        <v>2</v>
      </c>
      <c r="U38681">
        <v>2</v>
      </c>
      <c r="V38681">
        <v>2</v>
      </c>
      <c r="W38681">
        <v>2</v>
      </c>
      <c r="X38681">
        <v>2</v>
      </c>
      <c r="Y38681">
        <v>2</v>
      </c>
      <c r="Z38681">
        <v>2</v>
      </c>
      <c r="AA38681">
        <v>2</v>
      </c>
      <c r="AB38681">
        <v>2</v>
      </c>
      <c r="AC38681">
        <v>2</v>
      </c>
      <c r="AD38681">
        <v>2</v>
      </c>
      <c r="AE38681">
        <v>2</v>
      </c>
      <c r="AF38681">
        <v>2</v>
      </c>
      <c r="AG38681">
        <v>2</v>
      </c>
      <c r="AH38681">
        <v>2</v>
      </c>
      <c r="AI38681">
        <v>2</v>
      </c>
      <c r="AJ38681">
        <v>3</v>
      </c>
      <c r="AK38681">
        <v>3</v>
      </c>
      <c r="AL38681">
        <v>3</v>
      </c>
      <c r="AM38681">
        <v>3</v>
      </c>
      <c r="AN38681">
        <v>3</v>
      </c>
      <c r="AO38681">
        <v>3</v>
      </c>
      <c r="AP38681">
        <v>3</v>
      </c>
      <c r="AQ38681">
        <v>3</v>
      </c>
    </row>
    <row r="38682" spans="1:43">
      <c r="A38682" t="s">
        <v>23995</v>
      </c>
      <c r="B38682" t="s">
        <v>23996</v>
      </c>
      <c r="C38682" t="s">
        <v>23997</v>
      </c>
      <c r="D38682" t="s">
        <v>23998</v>
      </c>
      <c r="E38682" t="s">
        <v>23993</v>
      </c>
      <c r="F38682" t="s">
        <v>23994</v>
      </c>
      <c r="G38682" t="s">
        <v>11612</v>
      </c>
      <c r="H38682" t="s">
        <v>11613</v>
      </c>
      <c r="I38682" s="2">
        <v>0</v>
      </c>
      <c r="J38682" s="2">
        <v>0</v>
      </c>
      <c r="K38682" s="2">
        <v>1</v>
      </c>
      <c r="L38682" t="s">
        <v>995</v>
      </c>
      <c r="M38682" t="s">
        <v>83</v>
      </c>
      <c r="N38682" t="s">
        <v>84</v>
      </c>
      <c r="O38682" t="s">
        <v>85</v>
      </c>
      <c r="P38682" t="s">
        <v>86</v>
      </c>
      <c r="Q38682">
        <v>5</v>
      </c>
      <c r="R38682">
        <v>5</v>
      </c>
      <c r="S38682">
        <v>5</v>
      </c>
      <c r="T38682">
        <v>5</v>
      </c>
      <c r="U38682">
        <v>5</v>
      </c>
      <c r="V38682">
        <v>5</v>
      </c>
      <c r="W38682">
        <v>5</v>
      </c>
      <c r="X38682">
        <v>5</v>
      </c>
      <c r="Y38682">
        <v>5</v>
      </c>
      <c r="Z38682">
        <v>5</v>
      </c>
      <c r="AA38682">
        <v>5</v>
      </c>
      <c r="AB38682">
        <v>5</v>
      </c>
      <c r="AC38682">
        <v>5</v>
      </c>
      <c r="AD38682">
        <v>5</v>
      </c>
      <c r="AE38682">
        <v>5</v>
      </c>
      <c r="AF38682">
        <v>5</v>
      </c>
      <c r="AG38682">
        <v>5</v>
      </c>
      <c r="AH38682">
        <v>6</v>
      </c>
      <c r="AI38682">
        <v>6</v>
      </c>
      <c r="AJ38682">
        <v>6</v>
      </c>
      <c r="AK38682">
        <v>6</v>
      </c>
      <c r="AL38682">
        <v>6</v>
      </c>
      <c r="AM38682">
        <v>6</v>
      </c>
      <c r="AN38682">
        <v>6</v>
      </c>
      <c r="AO38682">
        <v>6</v>
      </c>
      <c r="AP38682">
        <v>6</v>
      </c>
      <c r="AQ38682">
        <v>6</v>
      </c>
    </row>
    <row r="38683" spans="1:43">
      <c r="A38683" t="s">
        <v>23995</v>
      </c>
      <c r="B38683" t="s">
        <v>23996</v>
      </c>
      <c r="C38683" t="s">
        <v>23997</v>
      </c>
      <c r="D38683" t="s">
        <v>23998</v>
      </c>
      <c r="E38683" t="s">
        <v>23993</v>
      </c>
      <c r="F38683" t="s">
        <v>23994</v>
      </c>
      <c r="G38683" t="s">
        <v>11612</v>
      </c>
      <c r="H38683" t="s">
        <v>11613</v>
      </c>
      <c r="I38683" s="2">
        <v>0</v>
      </c>
      <c r="J38683" s="2">
        <v>0</v>
      </c>
      <c r="K38683" s="2">
        <v>1</v>
      </c>
      <c r="L38683" t="s">
        <v>995</v>
      </c>
      <c r="M38683" t="s">
        <v>87</v>
      </c>
      <c r="N38683" t="s">
        <v>88</v>
      </c>
      <c r="O38683" t="s">
        <v>85</v>
      </c>
      <c r="P38683" t="s">
        <v>86</v>
      </c>
      <c r="Q38683">
        <v>5</v>
      </c>
      <c r="R38683">
        <v>5</v>
      </c>
      <c r="S38683">
        <v>5</v>
      </c>
      <c r="T38683">
        <v>5</v>
      </c>
      <c r="U38683">
        <v>5</v>
      </c>
      <c r="V38683">
        <v>5</v>
      </c>
      <c r="W38683">
        <v>5</v>
      </c>
      <c r="X38683">
        <v>5</v>
      </c>
      <c r="Y38683">
        <v>5</v>
      </c>
      <c r="Z38683">
        <v>5</v>
      </c>
      <c r="AA38683">
        <v>5</v>
      </c>
      <c r="AB38683">
        <v>5</v>
      </c>
      <c r="AC38683">
        <v>5</v>
      </c>
      <c r="AD38683">
        <v>5</v>
      </c>
      <c r="AE38683">
        <v>5</v>
      </c>
      <c r="AF38683">
        <v>5</v>
      </c>
      <c r="AG38683">
        <v>5</v>
      </c>
      <c r="AH38683">
        <v>5</v>
      </c>
      <c r="AI38683">
        <v>5</v>
      </c>
      <c r="AJ38683">
        <v>5</v>
      </c>
      <c r="AK38683">
        <v>5</v>
      </c>
      <c r="AL38683">
        <v>5</v>
      </c>
      <c r="AM38683">
        <v>5</v>
      </c>
      <c r="AN38683">
        <v>5</v>
      </c>
      <c r="AO38683">
        <v>5</v>
      </c>
      <c r="AP38683">
        <v>5</v>
      </c>
      <c r="AQ38683">
        <v>5</v>
      </c>
    </row>
    <row r="38684" spans="1:43">
      <c r="A38684" t="s">
        <v>23995</v>
      </c>
      <c r="B38684" t="s">
        <v>23996</v>
      </c>
      <c r="C38684" t="s">
        <v>23997</v>
      </c>
      <c r="D38684" t="s">
        <v>23998</v>
      </c>
      <c r="E38684" t="s">
        <v>23993</v>
      </c>
      <c r="F38684" t="s">
        <v>23994</v>
      </c>
      <c r="G38684" t="s">
        <v>11612</v>
      </c>
      <c r="H38684" t="s">
        <v>11613</v>
      </c>
      <c r="I38684" s="2">
        <v>0</v>
      </c>
      <c r="J38684" s="2">
        <v>0</v>
      </c>
      <c r="K38684" s="2">
        <v>1</v>
      </c>
      <c r="L38684" t="s">
        <v>995</v>
      </c>
      <c r="M38684" t="s">
        <v>89</v>
      </c>
      <c r="N38684" t="s">
        <v>90</v>
      </c>
      <c r="O38684" t="s">
        <v>85</v>
      </c>
      <c r="P38684" t="s">
        <v>86</v>
      </c>
      <c r="Q38684">
        <v>5</v>
      </c>
      <c r="R38684">
        <v>5</v>
      </c>
      <c r="S38684">
        <v>5</v>
      </c>
      <c r="T38684">
        <v>5</v>
      </c>
      <c r="U38684">
        <v>5</v>
      </c>
      <c r="V38684">
        <v>5</v>
      </c>
      <c r="W38684">
        <v>5</v>
      </c>
      <c r="X38684">
        <v>5</v>
      </c>
      <c r="Y38684">
        <v>5</v>
      </c>
      <c r="Z38684">
        <v>5</v>
      </c>
      <c r="AA38684">
        <v>6</v>
      </c>
      <c r="AB38684">
        <v>6</v>
      </c>
      <c r="AC38684">
        <v>6</v>
      </c>
      <c r="AD38684">
        <v>6</v>
      </c>
      <c r="AE38684">
        <v>6</v>
      </c>
      <c r="AF38684">
        <v>6</v>
      </c>
      <c r="AG38684">
        <v>6</v>
      </c>
      <c r="AH38684">
        <v>6</v>
      </c>
      <c r="AI38684">
        <v>6</v>
      </c>
      <c r="AJ38684">
        <v>6</v>
      </c>
      <c r="AK38684">
        <v>6</v>
      </c>
      <c r="AL38684">
        <v>6</v>
      </c>
      <c r="AM38684">
        <v>6</v>
      </c>
      <c r="AN38684">
        <v>6</v>
      </c>
      <c r="AO38684">
        <v>6</v>
      </c>
      <c r="AP38684">
        <v>6</v>
      </c>
      <c r="AQ38684">
        <v>6</v>
      </c>
    </row>
    <row r="38685" spans="1:43">
      <c r="A38685" t="s">
        <v>23995</v>
      </c>
      <c r="B38685" t="s">
        <v>23996</v>
      </c>
      <c r="C38685" t="s">
        <v>23997</v>
      </c>
      <c r="D38685" t="s">
        <v>23998</v>
      </c>
      <c r="E38685" t="s">
        <v>23993</v>
      </c>
      <c r="F38685" t="s">
        <v>23994</v>
      </c>
      <c r="G38685" t="s">
        <v>11612</v>
      </c>
      <c r="H38685" t="s">
        <v>11613</v>
      </c>
      <c r="I38685" s="2">
        <v>0</v>
      </c>
      <c r="J38685" s="2">
        <v>0</v>
      </c>
      <c r="K38685" s="2">
        <v>1</v>
      </c>
      <c r="L38685" t="s">
        <v>995</v>
      </c>
      <c r="M38685" t="s">
        <v>83</v>
      </c>
      <c r="N38685" t="s">
        <v>91</v>
      </c>
      <c r="O38685" t="s">
        <v>85</v>
      </c>
      <c r="P38685" t="s">
        <v>86</v>
      </c>
      <c r="Q38685">
        <v>5</v>
      </c>
      <c r="R38685">
        <v>5</v>
      </c>
      <c r="S38685">
        <v>5</v>
      </c>
      <c r="T38685">
        <v>5</v>
      </c>
      <c r="U38685">
        <v>5</v>
      </c>
      <c r="V38685">
        <v>5</v>
      </c>
      <c r="W38685">
        <v>5</v>
      </c>
      <c r="X38685">
        <v>5</v>
      </c>
      <c r="Y38685">
        <v>5</v>
      </c>
      <c r="Z38685">
        <v>5</v>
      </c>
      <c r="AA38685">
        <v>5</v>
      </c>
      <c r="AB38685">
        <v>5</v>
      </c>
      <c r="AC38685">
        <v>5</v>
      </c>
      <c r="AD38685">
        <v>5</v>
      </c>
      <c r="AE38685">
        <v>5</v>
      </c>
      <c r="AF38685">
        <v>5</v>
      </c>
      <c r="AG38685">
        <v>5</v>
      </c>
      <c r="AH38685">
        <v>6</v>
      </c>
      <c r="AI38685">
        <v>6</v>
      </c>
      <c r="AJ38685">
        <v>6</v>
      </c>
      <c r="AK38685">
        <v>6</v>
      </c>
      <c r="AL38685">
        <v>6</v>
      </c>
      <c r="AM38685">
        <v>6</v>
      </c>
      <c r="AN38685">
        <v>6</v>
      </c>
      <c r="AO38685">
        <v>6</v>
      </c>
      <c r="AP38685">
        <v>6</v>
      </c>
      <c r="AQ38685">
        <v>6</v>
      </c>
    </row>
    <row r="38686" spans="1:43">
      <c r="A38686" t="s">
        <v>23999</v>
      </c>
      <c r="B38686" t="s">
        <v>24000</v>
      </c>
      <c r="C38686" t="s">
        <v>23997</v>
      </c>
      <c r="D38686" t="s">
        <v>23998</v>
      </c>
      <c r="E38686" t="s">
        <v>23993</v>
      </c>
      <c r="F38686" t="s">
        <v>23994</v>
      </c>
      <c r="G38686" t="s">
        <v>11612</v>
      </c>
      <c r="H38686" t="s">
        <v>11613</v>
      </c>
      <c r="I38686" s="2">
        <v>0</v>
      </c>
      <c r="J38686" s="2">
        <v>0</v>
      </c>
      <c r="K38686" s="2">
        <v>1</v>
      </c>
      <c r="L38686" t="s">
        <v>995</v>
      </c>
      <c r="M38686" t="s">
        <v>83</v>
      </c>
      <c r="N38686" t="s">
        <v>84</v>
      </c>
      <c r="O38686" t="s">
        <v>85</v>
      </c>
      <c r="P38686" t="s">
        <v>86</v>
      </c>
      <c r="Q38686">
        <v>21</v>
      </c>
      <c r="R38686">
        <v>21</v>
      </c>
      <c r="S38686">
        <v>22</v>
      </c>
      <c r="T38686">
        <v>22</v>
      </c>
      <c r="U38686">
        <v>22</v>
      </c>
      <c r="V38686">
        <v>23</v>
      </c>
      <c r="W38686">
        <v>23</v>
      </c>
      <c r="X38686">
        <v>23</v>
      </c>
      <c r="Y38686">
        <v>23</v>
      </c>
      <c r="Z38686">
        <v>24</v>
      </c>
      <c r="AA38686">
        <v>24</v>
      </c>
      <c r="AB38686">
        <v>24</v>
      </c>
      <c r="AC38686">
        <v>25</v>
      </c>
      <c r="AD38686">
        <v>25</v>
      </c>
      <c r="AE38686">
        <v>25</v>
      </c>
      <c r="AF38686">
        <v>25</v>
      </c>
      <c r="AG38686">
        <v>25</v>
      </c>
      <c r="AH38686">
        <v>26</v>
      </c>
      <c r="AI38686">
        <v>26</v>
      </c>
      <c r="AJ38686">
        <v>26</v>
      </c>
      <c r="AK38686">
        <v>26</v>
      </c>
      <c r="AL38686">
        <v>26</v>
      </c>
      <c r="AM38686">
        <v>26</v>
      </c>
      <c r="AN38686">
        <v>26</v>
      </c>
      <c r="AO38686">
        <v>26</v>
      </c>
      <c r="AP38686">
        <v>26</v>
      </c>
      <c r="AQ38686">
        <v>26</v>
      </c>
    </row>
    <row r="38687" spans="1:43">
      <c r="A38687" t="s">
        <v>23999</v>
      </c>
      <c r="B38687" t="s">
        <v>24000</v>
      </c>
      <c r="C38687" t="s">
        <v>23997</v>
      </c>
      <c r="D38687" t="s">
        <v>23998</v>
      </c>
      <c r="E38687" t="s">
        <v>23993</v>
      </c>
      <c r="F38687" t="s">
        <v>23994</v>
      </c>
      <c r="G38687" t="s">
        <v>11612</v>
      </c>
      <c r="H38687" t="s">
        <v>11613</v>
      </c>
      <c r="I38687" s="2">
        <v>0</v>
      </c>
      <c r="J38687" s="2">
        <v>0</v>
      </c>
      <c r="K38687" s="2">
        <v>1</v>
      </c>
      <c r="L38687" t="s">
        <v>995</v>
      </c>
      <c r="M38687" t="s">
        <v>87</v>
      </c>
      <c r="N38687" t="s">
        <v>88</v>
      </c>
      <c r="O38687" t="s">
        <v>85</v>
      </c>
      <c r="P38687" t="s">
        <v>86</v>
      </c>
      <c r="Q38687">
        <v>21</v>
      </c>
      <c r="R38687">
        <v>21</v>
      </c>
      <c r="S38687">
        <v>21</v>
      </c>
      <c r="T38687">
        <v>21</v>
      </c>
      <c r="U38687">
        <v>21</v>
      </c>
      <c r="V38687">
        <v>21</v>
      </c>
      <c r="W38687">
        <v>22</v>
      </c>
      <c r="X38687">
        <v>22</v>
      </c>
      <c r="Y38687">
        <v>22</v>
      </c>
      <c r="Z38687">
        <v>22</v>
      </c>
      <c r="AA38687">
        <v>22</v>
      </c>
      <c r="AB38687">
        <v>22</v>
      </c>
      <c r="AC38687">
        <v>22</v>
      </c>
      <c r="AD38687">
        <v>22</v>
      </c>
      <c r="AE38687">
        <v>22</v>
      </c>
      <c r="AF38687">
        <v>22</v>
      </c>
      <c r="AG38687">
        <v>22</v>
      </c>
      <c r="AH38687">
        <v>22</v>
      </c>
      <c r="AI38687">
        <v>23</v>
      </c>
      <c r="AJ38687">
        <v>23</v>
      </c>
      <c r="AK38687">
        <v>23</v>
      </c>
      <c r="AL38687">
        <v>23</v>
      </c>
      <c r="AM38687">
        <v>23</v>
      </c>
      <c r="AN38687">
        <v>23</v>
      </c>
      <c r="AO38687">
        <v>23</v>
      </c>
      <c r="AP38687">
        <v>23</v>
      </c>
      <c r="AQ38687">
        <v>23</v>
      </c>
    </row>
    <row r="38688" spans="1:43">
      <c r="A38688" t="s">
        <v>23999</v>
      </c>
      <c r="B38688" t="s">
        <v>24000</v>
      </c>
      <c r="C38688" t="s">
        <v>23997</v>
      </c>
      <c r="D38688" t="s">
        <v>23998</v>
      </c>
      <c r="E38688" t="s">
        <v>23993</v>
      </c>
      <c r="F38688" t="s">
        <v>23994</v>
      </c>
      <c r="G38688" t="s">
        <v>11612</v>
      </c>
      <c r="H38688" t="s">
        <v>11613</v>
      </c>
      <c r="I38688" s="2">
        <v>0</v>
      </c>
      <c r="J38688" s="2">
        <v>0</v>
      </c>
      <c r="K38688" s="2">
        <v>1</v>
      </c>
      <c r="L38688" t="s">
        <v>995</v>
      </c>
      <c r="M38688" t="s">
        <v>89</v>
      </c>
      <c r="N38688" t="s">
        <v>90</v>
      </c>
      <c r="O38688" t="s">
        <v>85</v>
      </c>
      <c r="P38688" t="s">
        <v>86</v>
      </c>
      <c r="Q38688">
        <v>21</v>
      </c>
      <c r="R38688">
        <v>22</v>
      </c>
      <c r="S38688">
        <v>22</v>
      </c>
      <c r="T38688">
        <v>23</v>
      </c>
      <c r="U38688">
        <v>23</v>
      </c>
      <c r="V38688">
        <v>24</v>
      </c>
      <c r="W38688">
        <v>24</v>
      </c>
      <c r="X38688">
        <v>24</v>
      </c>
      <c r="Y38688">
        <v>25</v>
      </c>
      <c r="Z38688">
        <v>25</v>
      </c>
      <c r="AA38688">
        <v>26</v>
      </c>
      <c r="AB38688">
        <v>26</v>
      </c>
      <c r="AC38688">
        <v>26</v>
      </c>
      <c r="AD38688">
        <v>26</v>
      </c>
      <c r="AE38688">
        <v>27</v>
      </c>
      <c r="AF38688">
        <v>27</v>
      </c>
      <c r="AG38688">
        <v>27</v>
      </c>
      <c r="AH38688">
        <v>27</v>
      </c>
      <c r="AI38688">
        <v>27</v>
      </c>
      <c r="AJ38688">
        <v>27</v>
      </c>
      <c r="AK38688">
        <v>27</v>
      </c>
      <c r="AL38688">
        <v>26</v>
      </c>
      <c r="AM38688">
        <v>26</v>
      </c>
      <c r="AN38688">
        <v>26</v>
      </c>
      <c r="AO38688">
        <v>26</v>
      </c>
      <c r="AP38688">
        <v>26</v>
      </c>
      <c r="AQ38688">
        <v>26</v>
      </c>
    </row>
    <row r="38689" spans="1:43">
      <c r="A38689" t="s">
        <v>23999</v>
      </c>
      <c r="B38689" t="s">
        <v>24000</v>
      </c>
      <c r="C38689" t="s">
        <v>23997</v>
      </c>
      <c r="D38689" t="s">
        <v>23998</v>
      </c>
      <c r="E38689" t="s">
        <v>23993</v>
      </c>
      <c r="F38689" t="s">
        <v>23994</v>
      </c>
      <c r="G38689" t="s">
        <v>11612</v>
      </c>
      <c r="H38689" t="s">
        <v>11613</v>
      </c>
      <c r="I38689" s="2">
        <v>0</v>
      </c>
      <c r="J38689" s="2">
        <v>0</v>
      </c>
      <c r="K38689" s="2">
        <v>1</v>
      </c>
      <c r="L38689" t="s">
        <v>995</v>
      </c>
      <c r="M38689" t="s">
        <v>83</v>
      </c>
      <c r="N38689" t="s">
        <v>91</v>
      </c>
      <c r="O38689" t="s">
        <v>85</v>
      </c>
      <c r="P38689" t="s">
        <v>86</v>
      </c>
      <c r="Q38689">
        <v>21</v>
      </c>
      <c r="R38689">
        <v>21</v>
      </c>
      <c r="S38689">
        <v>22</v>
      </c>
      <c r="T38689">
        <v>22</v>
      </c>
      <c r="U38689">
        <v>22</v>
      </c>
      <c r="V38689">
        <v>23</v>
      </c>
      <c r="W38689">
        <v>23</v>
      </c>
      <c r="X38689">
        <v>23</v>
      </c>
      <c r="Y38689">
        <v>23</v>
      </c>
      <c r="Z38689">
        <v>24</v>
      </c>
      <c r="AA38689">
        <v>24</v>
      </c>
      <c r="AB38689">
        <v>24</v>
      </c>
      <c r="AC38689">
        <v>25</v>
      </c>
      <c r="AD38689">
        <v>25</v>
      </c>
      <c r="AE38689">
        <v>25</v>
      </c>
      <c r="AF38689">
        <v>25</v>
      </c>
      <c r="AG38689">
        <v>25</v>
      </c>
      <c r="AH38689">
        <v>26</v>
      </c>
      <c r="AI38689">
        <v>26</v>
      </c>
      <c r="AJ38689">
        <v>26</v>
      </c>
      <c r="AK38689">
        <v>26</v>
      </c>
      <c r="AL38689">
        <v>26</v>
      </c>
      <c r="AM38689">
        <v>26</v>
      </c>
      <c r="AN38689">
        <v>26</v>
      </c>
      <c r="AO38689">
        <v>26</v>
      </c>
      <c r="AP38689">
        <v>26</v>
      </c>
      <c r="AQ38689">
        <v>26</v>
      </c>
    </row>
    <row r="38690" spans="1:43">
      <c r="A38690" t="s">
        <v>24001</v>
      </c>
      <c r="B38690" t="s">
        <v>24002</v>
      </c>
      <c r="C38690" t="s">
        <v>23997</v>
      </c>
      <c r="D38690" t="s">
        <v>23998</v>
      </c>
      <c r="E38690" t="s">
        <v>23993</v>
      </c>
      <c r="F38690" t="s">
        <v>23994</v>
      </c>
      <c r="G38690" t="s">
        <v>11612</v>
      </c>
      <c r="H38690" t="s">
        <v>11613</v>
      </c>
      <c r="I38690" s="2">
        <v>0</v>
      </c>
      <c r="J38690" s="2">
        <v>0</v>
      </c>
      <c r="K38690" s="2">
        <v>1</v>
      </c>
      <c r="L38690" t="s">
        <v>995</v>
      </c>
      <c r="M38690" t="s">
        <v>83</v>
      </c>
      <c r="N38690" t="s">
        <v>84</v>
      </c>
      <c r="O38690" t="s">
        <v>85</v>
      </c>
      <c r="P38690" t="s">
        <v>86</v>
      </c>
      <c r="Q38690">
        <v>23</v>
      </c>
      <c r="R38690">
        <v>23</v>
      </c>
      <c r="S38690">
        <v>23</v>
      </c>
      <c r="T38690">
        <v>24</v>
      </c>
      <c r="U38690">
        <v>24</v>
      </c>
      <c r="V38690">
        <v>24</v>
      </c>
      <c r="W38690">
        <v>25</v>
      </c>
      <c r="X38690">
        <v>25</v>
      </c>
      <c r="Y38690">
        <v>25</v>
      </c>
      <c r="Z38690">
        <v>26</v>
      </c>
      <c r="AA38690">
        <v>26</v>
      </c>
      <c r="AB38690">
        <v>26</v>
      </c>
      <c r="AC38690">
        <v>27</v>
      </c>
      <c r="AD38690">
        <v>27</v>
      </c>
      <c r="AE38690">
        <v>27</v>
      </c>
      <c r="AF38690">
        <v>27</v>
      </c>
      <c r="AG38690">
        <v>28</v>
      </c>
      <c r="AH38690">
        <v>28</v>
      </c>
      <c r="AI38690">
        <v>28</v>
      </c>
      <c r="AJ38690">
        <v>28</v>
      </c>
      <c r="AK38690">
        <v>29</v>
      </c>
      <c r="AL38690">
        <v>29</v>
      </c>
      <c r="AM38690">
        <v>29</v>
      </c>
      <c r="AN38690">
        <v>29</v>
      </c>
      <c r="AO38690">
        <v>29</v>
      </c>
      <c r="AP38690">
        <v>29</v>
      </c>
      <c r="AQ38690">
        <v>29</v>
      </c>
    </row>
    <row r="38691" spans="1:43">
      <c r="A38691" t="s">
        <v>24001</v>
      </c>
      <c r="B38691" t="s">
        <v>24002</v>
      </c>
      <c r="C38691" t="s">
        <v>23997</v>
      </c>
      <c r="D38691" t="s">
        <v>23998</v>
      </c>
      <c r="E38691" t="s">
        <v>23993</v>
      </c>
      <c r="F38691" t="s">
        <v>23994</v>
      </c>
      <c r="G38691" t="s">
        <v>11612</v>
      </c>
      <c r="H38691" t="s">
        <v>11613</v>
      </c>
      <c r="I38691" s="2">
        <v>0</v>
      </c>
      <c r="J38691" s="2">
        <v>0</v>
      </c>
      <c r="K38691" s="2">
        <v>1</v>
      </c>
      <c r="L38691" t="s">
        <v>995</v>
      </c>
      <c r="M38691" t="s">
        <v>87</v>
      </c>
      <c r="N38691" t="s">
        <v>88</v>
      </c>
      <c r="O38691" t="s">
        <v>85</v>
      </c>
      <c r="P38691" t="s">
        <v>86</v>
      </c>
      <c r="Q38691">
        <v>23</v>
      </c>
      <c r="R38691">
        <v>24</v>
      </c>
      <c r="S38691">
        <v>24</v>
      </c>
      <c r="T38691">
        <v>24</v>
      </c>
      <c r="U38691">
        <v>24</v>
      </c>
      <c r="V38691">
        <v>24</v>
      </c>
      <c r="W38691">
        <v>24</v>
      </c>
      <c r="X38691">
        <v>24</v>
      </c>
      <c r="Y38691">
        <v>25</v>
      </c>
      <c r="Z38691">
        <v>25</v>
      </c>
      <c r="AA38691">
        <v>25</v>
      </c>
      <c r="AB38691">
        <v>25</v>
      </c>
      <c r="AC38691">
        <v>25</v>
      </c>
      <c r="AD38691">
        <v>25</v>
      </c>
      <c r="AE38691">
        <v>25</v>
      </c>
      <c r="AF38691">
        <v>25</v>
      </c>
      <c r="AG38691">
        <v>25</v>
      </c>
      <c r="AH38691">
        <v>25</v>
      </c>
      <c r="AI38691">
        <v>26</v>
      </c>
      <c r="AJ38691">
        <v>26</v>
      </c>
      <c r="AK38691">
        <v>26</v>
      </c>
      <c r="AL38691">
        <v>26</v>
      </c>
      <c r="AM38691">
        <v>26</v>
      </c>
      <c r="AN38691">
        <v>26</v>
      </c>
      <c r="AO38691">
        <v>26</v>
      </c>
      <c r="AP38691">
        <v>26</v>
      </c>
      <c r="AQ38691">
        <v>26</v>
      </c>
    </row>
    <row r="38692" spans="1:43">
      <c r="A38692" t="s">
        <v>24001</v>
      </c>
      <c r="B38692" t="s">
        <v>24002</v>
      </c>
      <c r="C38692" t="s">
        <v>23997</v>
      </c>
      <c r="D38692" t="s">
        <v>23998</v>
      </c>
      <c r="E38692" t="s">
        <v>23993</v>
      </c>
      <c r="F38692" t="s">
        <v>23994</v>
      </c>
      <c r="G38692" t="s">
        <v>11612</v>
      </c>
      <c r="H38692" t="s">
        <v>11613</v>
      </c>
      <c r="I38692" s="2">
        <v>0</v>
      </c>
      <c r="J38692" s="2">
        <v>0</v>
      </c>
      <c r="K38692" s="2">
        <v>1</v>
      </c>
      <c r="L38692" t="s">
        <v>995</v>
      </c>
      <c r="M38692" t="s">
        <v>89</v>
      </c>
      <c r="N38692" t="s">
        <v>90</v>
      </c>
      <c r="O38692" t="s">
        <v>85</v>
      </c>
      <c r="P38692" t="s">
        <v>86</v>
      </c>
      <c r="Q38692">
        <v>23</v>
      </c>
      <c r="R38692">
        <v>23</v>
      </c>
      <c r="S38692">
        <v>24</v>
      </c>
      <c r="T38692">
        <v>25</v>
      </c>
      <c r="U38692">
        <v>25</v>
      </c>
      <c r="V38692">
        <v>26</v>
      </c>
      <c r="W38692">
        <v>26</v>
      </c>
      <c r="X38692">
        <v>26</v>
      </c>
      <c r="Y38692">
        <v>27</v>
      </c>
      <c r="Z38692">
        <v>27</v>
      </c>
      <c r="AA38692">
        <v>28</v>
      </c>
      <c r="AB38692">
        <v>28</v>
      </c>
      <c r="AC38692">
        <v>28</v>
      </c>
      <c r="AD38692">
        <v>29</v>
      </c>
      <c r="AE38692">
        <v>29</v>
      </c>
      <c r="AF38692">
        <v>29</v>
      </c>
      <c r="AG38692">
        <v>29</v>
      </c>
      <c r="AH38692">
        <v>29</v>
      </c>
      <c r="AI38692">
        <v>29</v>
      </c>
      <c r="AJ38692">
        <v>29</v>
      </c>
      <c r="AK38692">
        <v>29</v>
      </c>
      <c r="AL38692">
        <v>29</v>
      </c>
      <c r="AM38692">
        <v>29</v>
      </c>
      <c r="AN38692">
        <v>29</v>
      </c>
      <c r="AO38692">
        <v>29</v>
      </c>
      <c r="AP38692">
        <v>29</v>
      </c>
      <c r="AQ38692">
        <v>29</v>
      </c>
    </row>
    <row r="38693" spans="1:43">
      <c r="A38693" t="s">
        <v>24001</v>
      </c>
      <c r="B38693" t="s">
        <v>24002</v>
      </c>
      <c r="C38693" t="s">
        <v>23997</v>
      </c>
      <c r="D38693" t="s">
        <v>23998</v>
      </c>
      <c r="E38693" t="s">
        <v>23993</v>
      </c>
      <c r="F38693" t="s">
        <v>23994</v>
      </c>
      <c r="G38693" t="s">
        <v>11612</v>
      </c>
      <c r="H38693" t="s">
        <v>11613</v>
      </c>
      <c r="I38693" s="2">
        <v>0</v>
      </c>
      <c r="J38693" s="2">
        <v>0</v>
      </c>
      <c r="K38693" s="2">
        <v>1</v>
      </c>
      <c r="L38693" t="s">
        <v>995</v>
      </c>
      <c r="M38693" t="s">
        <v>83</v>
      </c>
      <c r="N38693" t="s">
        <v>91</v>
      </c>
      <c r="O38693" t="s">
        <v>85</v>
      </c>
      <c r="P38693" t="s">
        <v>86</v>
      </c>
      <c r="Q38693">
        <v>23</v>
      </c>
      <c r="R38693">
        <v>23</v>
      </c>
      <c r="S38693">
        <v>23</v>
      </c>
      <c r="T38693">
        <v>24</v>
      </c>
      <c r="U38693">
        <v>24</v>
      </c>
      <c r="V38693">
        <v>24</v>
      </c>
      <c r="W38693">
        <v>25</v>
      </c>
      <c r="X38693">
        <v>25</v>
      </c>
      <c r="Y38693">
        <v>25</v>
      </c>
      <c r="Z38693">
        <v>26</v>
      </c>
      <c r="AA38693">
        <v>26</v>
      </c>
      <c r="AB38693">
        <v>26</v>
      </c>
      <c r="AC38693">
        <v>27</v>
      </c>
      <c r="AD38693">
        <v>27</v>
      </c>
      <c r="AE38693">
        <v>27</v>
      </c>
      <c r="AF38693">
        <v>27</v>
      </c>
      <c r="AG38693">
        <v>28</v>
      </c>
      <c r="AH38693">
        <v>28</v>
      </c>
      <c r="AI38693">
        <v>28</v>
      </c>
      <c r="AJ38693">
        <v>28</v>
      </c>
      <c r="AK38693">
        <v>29</v>
      </c>
      <c r="AL38693">
        <v>29</v>
      </c>
      <c r="AM38693">
        <v>29</v>
      </c>
      <c r="AN38693">
        <v>29</v>
      </c>
      <c r="AO38693">
        <v>29</v>
      </c>
      <c r="AP38693">
        <v>29</v>
      </c>
      <c r="AQ38693">
        <v>29</v>
      </c>
    </row>
    <row r="38694" spans="1:43">
      <c r="A38694" t="s">
        <v>24003</v>
      </c>
      <c r="B38694" t="s">
        <v>24004</v>
      </c>
      <c r="C38694" t="s">
        <v>23997</v>
      </c>
      <c r="D38694" t="s">
        <v>23998</v>
      </c>
      <c r="E38694" t="s">
        <v>23993</v>
      </c>
      <c r="F38694" t="s">
        <v>23994</v>
      </c>
      <c r="G38694" t="s">
        <v>11612</v>
      </c>
      <c r="H38694" t="s">
        <v>11613</v>
      </c>
      <c r="I38694" s="2">
        <v>0</v>
      </c>
      <c r="J38694" s="2">
        <v>0</v>
      </c>
      <c r="K38694" s="2">
        <v>1</v>
      </c>
      <c r="L38694" t="s">
        <v>995</v>
      </c>
      <c r="M38694" t="s">
        <v>83</v>
      </c>
      <c r="N38694" t="s">
        <v>84</v>
      </c>
      <c r="O38694" t="s">
        <v>85</v>
      </c>
      <c r="P38694" t="s">
        <v>86</v>
      </c>
      <c r="Q38694">
        <v>24</v>
      </c>
      <c r="R38694">
        <v>24</v>
      </c>
      <c r="S38694">
        <v>25</v>
      </c>
      <c r="T38694">
        <v>25</v>
      </c>
      <c r="U38694">
        <v>25</v>
      </c>
      <c r="V38694">
        <v>26</v>
      </c>
      <c r="W38694">
        <v>26</v>
      </c>
      <c r="X38694">
        <v>26</v>
      </c>
      <c r="Y38694">
        <v>27</v>
      </c>
      <c r="Z38694">
        <v>27</v>
      </c>
      <c r="AA38694">
        <v>27</v>
      </c>
      <c r="AB38694">
        <v>27</v>
      </c>
      <c r="AC38694">
        <v>28</v>
      </c>
      <c r="AD38694">
        <v>28</v>
      </c>
      <c r="AE38694">
        <v>28</v>
      </c>
      <c r="AF38694">
        <v>28</v>
      </c>
      <c r="AG38694">
        <v>29</v>
      </c>
      <c r="AH38694">
        <v>29</v>
      </c>
      <c r="AI38694">
        <v>29</v>
      </c>
      <c r="AJ38694">
        <v>29</v>
      </c>
      <c r="AK38694">
        <v>29</v>
      </c>
      <c r="AL38694">
        <v>29</v>
      </c>
      <c r="AM38694">
        <v>29</v>
      </c>
      <c r="AN38694">
        <v>29</v>
      </c>
      <c r="AO38694">
        <v>29</v>
      </c>
      <c r="AP38694">
        <v>29</v>
      </c>
      <c r="AQ38694">
        <v>29</v>
      </c>
    </row>
    <row r="38695" spans="1:43">
      <c r="A38695" t="s">
        <v>24003</v>
      </c>
      <c r="B38695" t="s">
        <v>24004</v>
      </c>
      <c r="C38695" t="s">
        <v>23997</v>
      </c>
      <c r="D38695" t="s">
        <v>23998</v>
      </c>
      <c r="E38695" t="s">
        <v>23993</v>
      </c>
      <c r="F38695" t="s">
        <v>23994</v>
      </c>
      <c r="G38695" t="s">
        <v>11612</v>
      </c>
      <c r="H38695" t="s">
        <v>11613</v>
      </c>
      <c r="I38695" s="2">
        <v>0</v>
      </c>
      <c r="J38695" s="2">
        <v>0</v>
      </c>
      <c r="K38695" s="2">
        <v>1</v>
      </c>
      <c r="L38695" t="s">
        <v>995</v>
      </c>
      <c r="M38695" t="s">
        <v>87</v>
      </c>
      <c r="N38695" t="s">
        <v>88</v>
      </c>
      <c r="O38695" t="s">
        <v>85</v>
      </c>
      <c r="P38695" t="s">
        <v>86</v>
      </c>
      <c r="Q38695">
        <v>24</v>
      </c>
      <c r="R38695">
        <v>24</v>
      </c>
      <c r="S38695">
        <v>24</v>
      </c>
      <c r="T38695">
        <v>24</v>
      </c>
      <c r="U38695">
        <v>24</v>
      </c>
      <c r="V38695">
        <v>24</v>
      </c>
      <c r="W38695">
        <v>24</v>
      </c>
      <c r="X38695">
        <v>24</v>
      </c>
      <c r="Y38695">
        <v>25</v>
      </c>
      <c r="Z38695">
        <v>25</v>
      </c>
      <c r="AA38695">
        <v>25</v>
      </c>
      <c r="AB38695">
        <v>25</v>
      </c>
      <c r="AC38695">
        <v>25</v>
      </c>
      <c r="AD38695">
        <v>25</v>
      </c>
      <c r="AE38695">
        <v>25</v>
      </c>
      <c r="AF38695">
        <v>25</v>
      </c>
      <c r="AG38695">
        <v>25</v>
      </c>
      <c r="AH38695">
        <v>25</v>
      </c>
      <c r="AI38695">
        <v>25</v>
      </c>
      <c r="AJ38695">
        <v>25</v>
      </c>
      <c r="AK38695">
        <v>25</v>
      </c>
      <c r="AL38695">
        <v>25</v>
      </c>
      <c r="AM38695">
        <v>25</v>
      </c>
      <c r="AN38695">
        <v>25</v>
      </c>
      <c r="AO38695">
        <v>25</v>
      </c>
      <c r="AP38695">
        <v>26</v>
      </c>
      <c r="AQ38695">
        <v>26</v>
      </c>
    </row>
    <row r="38696" spans="1:43">
      <c r="A38696" t="s">
        <v>24003</v>
      </c>
      <c r="B38696" t="s">
        <v>24004</v>
      </c>
      <c r="C38696" t="s">
        <v>23997</v>
      </c>
      <c r="D38696" t="s">
        <v>23998</v>
      </c>
      <c r="E38696" t="s">
        <v>23993</v>
      </c>
      <c r="F38696" t="s">
        <v>23994</v>
      </c>
      <c r="G38696" t="s">
        <v>11612</v>
      </c>
      <c r="H38696" t="s">
        <v>11613</v>
      </c>
      <c r="I38696" s="2">
        <v>0</v>
      </c>
      <c r="J38696" s="2">
        <v>0</v>
      </c>
      <c r="K38696" s="2">
        <v>1</v>
      </c>
      <c r="L38696" t="s">
        <v>995</v>
      </c>
      <c r="M38696" t="s">
        <v>89</v>
      </c>
      <c r="N38696" t="s">
        <v>90</v>
      </c>
      <c r="O38696" t="s">
        <v>85</v>
      </c>
      <c r="P38696" t="s">
        <v>86</v>
      </c>
      <c r="Q38696">
        <v>24</v>
      </c>
      <c r="R38696">
        <v>25</v>
      </c>
      <c r="S38696">
        <v>25</v>
      </c>
      <c r="T38696">
        <v>26</v>
      </c>
      <c r="U38696">
        <v>26</v>
      </c>
      <c r="V38696">
        <v>27</v>
      </c>
      <c r="W38696">
        <v>27</v>
      </c>
      <c r="X38696">
        <v>28</v>
      </c>
      <c r="Y38696">
        <v>28</v>
      </c>
      <c r="Z38696">
        <v>28</v>
      </c>
      <c r="AA38696">
        <v>29</v>
      </c>
      <c r="AB38696">
        <v>29</v>
      </c>
      <c r="AC38696">
        <v>29</v>
      </c>
      <c r="AD38696">
        <v>30</v>
      </c>
      <c r="AE38696">
        <v>30</v>
      </c>
      <c r="AF38696">
        <v>30</v>
      </c>
      <c r="AG38696">
        <v>30</v>
      </c>
      <c r="AH38696">
        <v>30</v>
      </c>
      <c r="AI38696">
        <v>30</v>
      </c>
      <c r="AJ38696">
        <v>30</v>
      </c>
      <c r="AK38696">
        <v>30</v>
      </c>
      <c r="AL38696">
        <v>30</v>
      </c>
      <c r="AM38696">
        <v>30</v>
      </c>
      <c r="AN38696">
        <v>30</v>
      </c>
      <c r="AO38696">
        <v>29</v>
      </c>
      <c r="AP38696">
        <v>29</v>
      </c>
      <c r="AQ38696">
        <v>29</v>
      </c>
    </row>
    <row r="38697" spans="1:43">
      <c r="A38697" t="s">
        <v>24003</v>
      </c>
      <c r="B38697" t="s">
        <v>24004</v>
      </c>
      <c r="C38697" t="s">
        <v>23997</v>
      </c>
      <c r="D38697" t="s">
        <v>23998</v>
      </c>
      <c r="E38697" t="s">
        <v>23993</v>
      </c>
      <c r="F38697" t="s">
        <v>23994</v>
      </c>
      <c r="G38697" t="s">
        <v>11612</v>
      </c>
      <c r="H38697" t="s">
        <v>11613</v>
      </c>
      <c r="I38697" s="2">
        <v>0</v>
      </c>
      <c r="J38697" s="2">
        <v>0</v>
      </c>
      <c r="K38697" s="2">
        <v>1</v>
      </c>
      <c r="L38697" t="s">
        <v>995</v>
      </c>
      <c r="M38697" t="s">
        <v>83</v>
      </c>
      <c r="N38697" t="s">
        <v>91</v>
      </c>
      <c r="O38697" t="s">
        <v>85</v>
      </c>
      <c r="P38697" t="s">
        <v>86</v>
      </c>
      <c r="Q38697">
        <v>24</v>
      </c>
      <c r="R38697">
        <v>24</v>
      </c>
      <c r="S38697">
        <v>25</v>
      </c>
      <c r="T38697">
        <v>25</v>
      </c>
      <c r="U38697">
        <v>25</v>
      </c>
      <c r="V38697">
        <v>26</v>
      </c>
      <c r="W38697">
        <v>26</v>
      </c>
      <c r="X38697">
        <v>26</v>
      </c>
      <c r="Y38697">
        <v>27</v>
      </c>
      <c r="Z38697">
        <v>27</v>
      </c>
      <c r="AA38697">
        <v>27</v>
      </c>
      <c r="AB38697">
        <v>27</v>
      </c>
      <c r="AC38697">
        <v>28</v>
      </c>
      <c r="AD38697">
        <v>28</v>
      </c>
      <c r="AE38697">
        <v>28</v>
      </c>
      <c r="AF38697">
        <v>28</v>
      </c>
      <c r="AG38697">
        <v>29</v>
      </c>
      <c r="AH38697">
        <v>29</v>
      </c>
      <c r="AI38697">
        <v>29</v>
      </c>
      <c r="AJ38697">
        <v>29</v>
      </c>
      <c r="AK38697">
        <v>29</v>
      </c>
      <c r="AL38697">
        <v>29</v>
      </c>
      <c r="AM38697">
        <v>29</v>
      </c>
      <c r="AN38697">
        <v>29</v>
      </c>
      <c r="AO38697">
        <v>29</v>
      </c>
      <c r="AP38697">
        <v>29</v>
      </c>
      <c r="AQ38697">
        <v>29</v>
      </c>
    </row>
    <row r="38698" spans="1:43">
      <c r="A38698" t="s">
        <v>24005</v>
      </c>
      <c r="B38698" t="s">
        <v>24006</v>
      </c>
      <c r="C38698" t="s">
        <v>23991</v>
      </c>
      <c r="D38698" t="s">
        <v>23992</v>
      </c>
      <c r="E38698" t="s">
        <v>23993</v>
      </c>
      <c r="F38698" t="s">
        <v>23994</v>
      </c>
      <c r="G38698" t="s">
        <v>11612</v>
      </c>
      <c r="H38698" t="s">
        <v>11613</v>
      </c>
      <c r="I38698" s="2">
        <v>0</v>
      </c>
      <c r="J38698" s="2">
        <v>0</v>
      </c>
      <c r="K38698" s="2">
        <v>1</v>
      </c>
      <c r="L38698" t="s">
        <v>995</v>
      </c>
      <c r="M38698" t="s">
        <v>83</v>
      </c>
      <c r="N38698" t="s">
        <v>84</v>
      </c>
      <c r="O38698" t="s">
        <v>85</v>
      </c>
      <c r="P38698" t="s">
        <v>86</v>
      </c>
      <c r="Q38698">
        <v>5</v>
      </c>
      <c r="R38698">
        <v>5</v>
      </c>
      <c r="S38698">
        <v>5</v>
      </c>
      <c r="T38698">
        <v>5</v>
      </c>
      <c r="U38698">
        <v>5</v>
      </c>
      <c r="V38698">
        <v>5</v>
      </c>
      <c r="W38698">
        <v>5</v>
      </c>
      <c r="X38698">
        <v>5</v>
      </c>
      <c r="Y38698">
        <v>5</v>
      </c>
      <c r="Z38698">
        <v>5</v>
      </c>
      <c r="AA38698">
        <v>5</v>
      </c>
      <c r="AB38698">
        <v>5</v>
      </c>
      <c r="AC38698">
        <v>6</v>
      </c>
      <c r="AD38698">
        <v>6</v>
      </c>
      <c r="AE38698">
        <v>6</v>
      </c>
      <c r="AF38698">
        <v>6</v>
      </c>
      <c r="AG38698">
        <v>6</v>
      </c>
      <c r="AH38698">
        <v>6</v>
      </c>
      <c r="AI38698">
        <v>6</v>
      </c>
      <c r="AJ38698">
        <v>6</v>
      </c>
      <c r="AK38698">
        <v>6</v>
      </c>
      <c r="AL38698">
        <v>6</v>
      </c>
      <c r="AM38698">
        <v>6</v>
      </c>
      <c r="AN38698">
        <v>6</v>
      </c>
      <c r="AO38698">
        <v>6</v>
      </c>
      <c r="AP38698">
        <v>6</v>
      </c>
      <c r="AQ38698">
        <v>6</v>
      </c>
    </row>
    <row r="38699" spans="1:43">
      <c r="A38699" t="s">
        <v>24005</v>
      </c>
      <c r="B38699" t="s">
        <v>24006</v>
      </c>
      <c r="C38699" t="s">
        <v>23991</v>
      </c>
      <c r="D38699" t="s">
        <v>23992</v>
      </c>
      <c r="E38699" t="s">
        <v>23993</v>
      </c>
      <c r="F38699" t="s">
        <v>23994</v>
      </c>
      <c r="G38699" t="s">
        <v>11612</v>
      </c>
      <c r="H38699" t="s">
        <v>11613</v>
      </c>
      <c r="I38699" s="2">
        <v>0</v>
      </c>
      <c r="J38699" s="2">
        <v>0</v>
      </c>
      <c r="K38699" s="2">
        <v>1</v>
      </c>
      <c r="L38699" t="s">
        <v>995</v>
      </c>
      <c r="M38699" t="s">
        <v>87</v>
      </c>
      <c r="N38699" t="s">
        <v>88</v>
      </c>
      <c r="O38699" t="s">
        <v>85</v>
      </c>
      <c r="P38699" t="s">
        <v>86</v>
      </c>
      <c r="Q38699">
        <v>5</v>
      </c>
      <c r="R38699">
        <v>5</v>
      </c>
      <c r="S38699">
        <v>5</v>
      </c>
      <c r="T38699">
        <v>5</v>
      </c>
      <c r="U38699">
        <v>5</v>
      </c>
      <c r="V38699">
        <v>5</v>
      </c>
      <c r="W38699">
        <v>5</v>
      </c>
      <c r="X38699">
        <v>5</v>
      </c>
      <c r="Y38699">
        <v>5</v>
      </c>
      <c r="Z38699">
        <v>5</v>
      </c>
      <c r="AA38699">
        <v>5</v>
      </c>
      <c r="AB38699">
        <v>5</v>
      </c>
      <c r="AC38699">
        <v>5</v>
      </c>
      <c r="AD38699">
        <v>5</v>
      </c>
      <c r="AE38699">
        <v>5</v>
      </c>
      <c r="AF38699">
        <v>5</v>
      </c>
      <c r="AG38699">
        <v>5</v>
      </c>
      <c r="AH38699">
        <v>5</v>
      </c>
      <c r="AI38699">
        <v>5</v>
      </c>
      <c r="AJ38699">
        <v>5</v>
      </c>
      <c r="AK38699">
        <v>5</v>
      </c>
      <c r="AL38699">
        <v>5</v>
      </c>
      <c r="AM38699">
        <v>5</v>
      </c>
      <c r="AN38699">
        <v>5</v>
      </c>
      <c r="AO38699">
        <v>5</v>
      </c>
      <c r="AP38699">
        <v>5</v>
      </c>
      <c r="AQ38699">
        <v>5</v>
      </c>
    </row>
    <row r="38700" spans="1:43">
      <c r="A38700" t="s">
        <v>24005</v>
      </c>
      <c r="B38700" t="s">
        <v>24006</v>
      </c>
      <c r="C38700" t="s">
        <v>23991</v>
      </c>
      <c r="D38700" t="s">
        <v>23992</v>
      </c>
      <c r="E38700" t="s">
        <v>23993</v>
      </c>
      <c r="F38700" t="s">
        <v>23994</v>
      </c>
      <c r="G38700" t="s">
        <v>11612</v>
      </c>
      <c r="H38700" t="s">
        <v>11613</v>
      </c>
      <c r="I38700" s="2">
        <v>0</v>
      </c>
      <c r="J38700" s="2">
        <v>0</v>
      </c>
      <c r="K38700" s="2">
        <v>1</v>
      </c>
      <c r="L38700" t="s">
        <v>995</v>
      </c>
      <c r="M38700" t="s">
        <v>89</v>
      </c>
      <c r="N38700" t="s">
        <v>90</v>
      </c>
      <c r="O38700" t="s">
        <v>85</v>
      </c>
      <c r="P38700" t="s">
        <v>86</v>
      </c>
      <c r="Q38700">
        <v>5</v>
      </c>
      <c r="R38700">
        <v>5</v>
      </c>
      <c r="S38700">
        <v>5</v>
      </c>
      <c r="T38700">
        <v>5</v>
      </c>
      <c r="U38700">
        <v>5</v>
      </c>
      <c r="V38700">
        <v>5</v>
      </c>
      <c r="W38700">
        <v>5</v>
      </c>
      <c r="X38700">
        <v>5</v>
      </c>
      <c r="Y38700">
        <v>6</v>
      </c>
      <c r="Z38700">
        <v>6</v>
      </c>
      <c r="AA38700">
        <v>6</v>
      </c>
      <c r="AB38700">
        <v>6</v>
      </c>
      <c r="AC38700">
        <v>6</v>
      </c>
      <c r="AD38700">
        <v>6</v>
      </c>
      <c r="AE38700">
        <v>6</v>
      </c>
      <c r="AF38700">
        <v>6</v>
      </c>
      <c r="AG38700">
        <v>6</v>
      </c>
      <c r="AH38700">
        <v>6</v>
      </c>
      <c r="AI38700">
        <v>6</v>
      </c>
      <c r="AJ38700">
        <v>6</v>
      </c>
      <c r="AK38700">
        <v>6</v>
      </c>
      <c r="AL38700">
        <v>6</v>
      </c>
      <c r="AM38700">
        <v>6</v>
      </c>
      <c r="AN38700">
        <v>6</v>
      </c>
      <c r="AO38700">
        <v>6</v>
      </c>
      <c r="AP38700">
        <v>6</v>
      </c>
      <c r="AQ38700">
        <v>6</v>
      </c>
    </row>
    <row r="38701" spans="1:43">
      <c r="A38701" t="s">
        <v>24005</v>
      </c>
      <c r="B38701" t="s">
        <v>24006</v>
      </c>
      <c r="C38701" t="s">
        <v>23991</v>
      </c>
      <c r="D38701" t="s">
        <v>23992</v>
      </c>
      <c r="E38701" t="s">
        <v>23993</v>
      </c>
      <c r="F38701" t="s">
        <v>23994</v>
      </c>
      <c r="G38701" t="s">
        <v>11612</v>
      </c>
      <c r="H38701" t="s">
        <v>11613</v>
      </c>
      <c r="I38701" s="2">
        <v>0</v>
      </c>
      <c r="J38701" s="2">
        <v>0</v>
      </c>
      <c r="K38701" s="2">
        <v>1</v>
      </c>
      <c r="L38701" t="s">
        <v>995</v>
      </c>
      <c r="M38701" t="s">
        <v>83</v>
      </c>
      <c r="N38701" t="s">
        <v>91</v>
      </c>
      <c r="O38701" t="s">
        <v>85</v>
      </c>
      <c r="P38701" t="s">
        <v>86</v>
      </c>
      <c r="Q38701">
        <v>5</v>
      </c>
      <c r="R38701">
        <v>5</v>
      </c>
      <c r="S38701">
        <v>5</v>
      </c>
      <c r="T38701">
        <v>5</v>
      </c>
      <c r="U38701">
        <v>5</v>
      </c>
      <c r="V38701">
        <v>5</v>
      </c>
      <c r="W38701">
        <v>5</v>
      </c>
      <c r="X38701">
        <v>5</v>
      </c>
      <c r="Y38701">
        <v>5</v>
      </c>
      <c r="Z38701">
        <v>5</v>
      </c>
      <c r="AA38701">
        <v>5</v>
      </c>
      <c r="AB38701">
        <v>5</v>
      </c>
      <c r="AC38701">
        <v>6</v>
      </c>
      <c r="AD38701">
        <v>6</v>
      </c>
      <c r="AE38701">
        <v>6</v>
      </c>
      <c r="AF38701">
        <v>6</v>
      </c>
      <c r="AG38701">
        <v>6</v>
      </c>
      <c r="AH38701">
        <v>6</v>
      </c>
      <c r="AI38701">
        <v>6</v>
      </c>
      <c r="AJ38701">
        <v>6</v>
      </c>
      <c r="AK38701">
        <v>6</v>
      </c>
      <c r="AL38701">
        <v>6</v>
      </c>
      <c r="AM38701">
        <v>6</v>
      </c>
      <c r="AN38701">
        <v>6</v>
      </c>
      <c r="AO38701">
        <v>6</v>
      </c>
      <c r="AP38701">
        <v>6</v>
      </c>
      <c r="AQ38701">
        <v>6</v>
      </c>
    </row>
    <row r="38702" spans="1:43">
      <c r="A38702" t="s">
        <v>24007</v>
      </c>
      <c r="B38702" t="s">
        <v>24008</v>
      </c>
      <c r="C38702" t="s">
        <v>24009</v>
      </c>
      <c r="D38702" t="s">
        <v>24010</v>
      </c>
      <c r="E38702" t="s">
        <v>23993</v>
      </c>
      <c r="F38702" t="s">
        <v>23994</v>
      </c>
      <c r="G38702" t="s">
        <v>11612</v>
      </c>
      <c r="H38702" t="s">
        <v>11613</v>
      </c>
      <c r="I38702" s="2">
        <v>0</v>
      </c>
      <c r="J38702" s="2">
        <v>0</v>
      </c>
      <c r="K38702" s="2">
        <v>1</v>
      </c>
      <c r="L38702" t="s">
        <v>995</v>
      </c>
      <c r="M38702" t="s">
        <v>83</v>
      </c>
      <c r="N38702" t="s">
        <v>84</v>
      </c>
      <c r="O38702" t="s">
        <v>85</v>
      </c>
      <c r="P38702" t="s">
        <v>86</v>
      </c>
      <c r="Q38702">
        <v>45</v>
      </c>
      <c r="R38702">
        <v>45</v>
      </c>
      <c r="S38702">
        <v>46</v>
      </c>
      <c r="T38702">
        <v>47</v>
      </c>
      <c r="U38702">
        <v>47</v>
      </c>
      <c r="V38702">
        <v>48</v>
      </c>
      <c r="W38702">
        <v>48</v>
      </c>
      <c r="X38702">
        <v>49</v>
      </c>
      <c r="Y38702">
        <v>50</v>
      </c>
      <c r="Z38702">
        <v>50</v>
      </c>
      <c r="AA38702">
        <v>51</v>
      </c>
      <c r="AB38702">
        <v>51</v>
      </c>
      <c r="AC38702">
        <v>52</v>
      </c>
      <c r="AD38702">
        <v>52</v>
      </c>
      <c r="AE38702">
        <v>53</v>
      </c>
      <c r="AF38702">
        <v>53</v>
      </c>
      <c r="AG38702">
        <v>54</v>
      </c>
      <c r="AH38702">
        <v>54</v>
      </c>
      <c r="AI38702">
        <v>54</v>
      </c>
      <c r="AJ38702">
        <v>55</v>
      </c>
      <c r="AK38702">
        <v>55</v>
      </c>
      <c r="AL38702">
        <v>55</v>
      </c>
      <c r="AM38702">
        <v>55</v>
      </c>
      <c r="AN38702">
        <v>55</v>
      </c>
      <c r="AO38702">
        <v>55</v>
      </c>
      <c r="AP38702">
        <v>55</v>
      </c>
      <c r="AQ38702">
        <v>55</v>
      </c>
    </row>
    <row r="38703" spans="1:43">
      <c r="A38703" t="s">
        <v>24007</v>
      </c>
      <c r="B38703" t="s">
        <v>24008</v>
      </c>
      <c r="C38703" t="s">
        <v>24009</v>
      </c>
      <c r="D38703" t="s">
        <v>24010</v>
      </c>
      <c r="E38703" t="s">
        <v>23993</v>
      </c>
      <c r="F38703" t="s">
        <v>23994</v>
      </c>
      <c r="G38703" t="s">
        <v>11612</v>
      </c>
      <c r="H38703" t="s">
        <v>11613</v>
      </c>
      <c r="I38703" s="2">
        <v>0</v>
      </c>
      <c r="J38703" s="2">
        <v>0</v>
      </c>
      <c r="K38703" s="2">
        <v>1</v>
      </c>
      <c r="L38703" t="s">
        <v>995</v>
      </c>
      <c r="M38703" t="s">
        <v>87</v>
      </c>
      <c r="N38703" t="s">
        <v>88</v>
      </c>
      <c r="O38703" t="s">
        <v>85</v>
      </c>
      <c r="P38703" t="s">
        <v>86</v>
      </c>
      <c r="Q38703">
        <v>45</v>
      </c>
      <c r="R38703">
        <v>45</v>
      </c>
      <c r="S38703">
        <v>46</v>
      </c>
      <c r="T38703">
        <v>46</v>
      </c>
      <c r="U38703">
        <v>46</v>
      </c>
      <c r="V38703">
        <v>46</v>
      </c>
      <c r="W38703">
        <v>46</v>
      </c>
      <c r="X38703">
        <v>47</v>
      </c>
      <c r="Y38703">
        <v>47</v>
      </c>
      <c r="Z38703">
        <v>47</v>
      </c>
      <c r="AA38703">
        <v>47</v>
      </c>
      <c r="AB38703">
        <v>47</v>
      </c>
      <c r="AC38703">
        <v>47</v>
      </c>
      <c r="AD38703">
        <v>48</v>
      </c>
      <c r="AE38703">
        <v>48</v>
      </c>
      <c r="AF38703">
        <v>48</v>
      </c>
      <c r="AG38703">
        <v>48</v>
      </c>
      <c r="AH38703">
        <v>48</v>
      </c>
      <c r="AI38703">
        <v>48</v>
      </c>
      <c r="AJ38703">
        <v>48</v>
      </c>
      <c r="AK38703">
        <v>48</v>
      </c>
      <c r="AL38703">
        <v>48</v>
      </c>
      <c r="AM38703">
        <v>48</v>
      </c>
      <c r="AN38703">
        <v>48</v>
      </c>
      <c r="AO38703">
        <v>49</v>
      </c>
      <c r="AP38703">
        <v>49</v>
      </c>
      <c r="AQ38703">
        <v>49</v>
      </c>
    </row>
    <row r="38704" spans="1:43">
      <c r="A38704" t="s">
        <v>24007</v>
      </c>
      <c r="B38704" t="s">
        <v>24008</v>
      </c>
      <c r="C38704" t="s">
        <v>24009</v>
      </c>
      <c r="D38704" t="s">
        <v>24010</v>
      </c>
      <c r="E38704" t="s">
        <v>23993</v>
      </c>
      <c r="F38704" t="s">
        <v>23994</v>
      </c>
      <c r="G38704" t="s">
        <v>11612</v>
      </c>
      <c r="H38704" t="s">
        <v>11613</v>
      </c>
      <c r="I38704" s="2">
        <v>0</v>
      </c>
      <c r="J38704" s="2">
        <v>0</v>
      </c>
      <c r="K38704" s="2">
        <v>1</v>
      </c>
      <c r="L38704" t="s">
        <v>995</v>
      </c>
      <c r="M38704" t="s">
        <v>89</v>
      </c>
      <c r="N38704" t="s">
        <v>90</v>
      </c>
      <c r="O38704" t="s">
        <v>85</v>
      </c>
      <c r="P38704" t="s">
        <v>86</v>
      </c>
      <c r="Q38704">
        <v>45</v>
      </c>
      <c r="R38704">
        <v>46</v>
      </c>
      <c r="S38704">
        <v>47</v>
      </c>
      <c r="T38704">
        <v>48</v>
      </c>
      <c r="U38704">
        <v>49</v>
      </c>
      <c r="V38704">
        <v>50</v>
      </c>
      <c r="W38704">
        <v>51</v>
      </c>
      <c r="X38704">
        <v>52</v>
      </c>
      <c r="Y38704">
        <v>52</v>
      </c>
      <c r="Z38704">
        <v>53</v>
      </c>
      <c r="AA38704">
        <v>54</v>
      </c>
      <c r="AB38704">
        <v>55</v>
      </c>
      <c r="AC38704">
        <v>55</v>
      </c>
      <c r="AD38704">
        <v>56</v>
      </c>
      <c r="AE38704">
        <v>56</v>
      </c>
      <c r="AF38704">
        <v>56</v>
      </c>
      <c r="AG38704">
        <v>56</v>
      </c>
      <c r="AH38704">
        <v>56</v>
      </c>
      <c r="AI38704">
        <v>56</v>
      </c>
      <c r="AJ38704">
        <v>56</v>
      </c>
      <c r="AK38704">
        <v>56</v>
      </c>
      <c r="AL38704">
        <v>56</v>
      </c>
      <c r="AM38704">
        <v>56</v>
      </c>
      <c r="AN38704">
        <v>56</v>
      </c>
      <c r="AO38704">
        <v>56</v>
      </c>
      <c r="AP38704">
        <v>56</v>
      </c>
      <c r="AQ38704">
        <v>55</v>
      </c>
    </row>
    <row r="38705" spans="1:43">
      <c r="A38705" t="s">
        <v>24007</v>
      </c>
      <c r="B38705" t="s">
        <v>24008</v>
      </c>
      <c r="C38705" t="s">
        <v>24009</v>
      </c>
      <c r="D38705" t="s">
        <v>24010</v>
      </c>
      <c r="E38705" t="s">
        <v>23993</v>
      </c>
      <c r="F38705" t="s">
        <v>23994</v>
      </c>
      <c r="G38705" t="s">
        <v>11612</v>
      </c>
      <c r="H38705" t="s">
        <v>11613</v>
      </c>
      <c r="I38705" s="2">
        <v>0</v>
      </c>
      <c r="J38705" s="2">
        <v>0</v>
      </c>
      <c r="K38705" s="2">
        <v>1</v>
      </c>
      <c r="L38705" t="s">
        <v>995</v>
      </c>
      <c r="M38705" t="s">
        <v>83</v>
      </c>
      <c r="N38705" t="s">
        <v>91</v>
      </c>
      <c r="O38705" t="s">
        <v>85</v>
      </c>
      <c r="P38705" t="s">
        <v>86</v>
      </c>
      <c r="Q38705">
        <v>45</v>
      </c>
      <c r="R38705">
        <v>45</v>
      </c>
      <c r="S38705">
        <v>46</v>
      </c>
      <c r="T38705">
        <v>47</v>
      </c>
      <c r="U38705">
        <v>47</v>
      </c>
      <c r="V38705">
        <v>48</v>
      </c>
      <c r="W38705">
        <v>48</v>
      </c>
      <c r="X38705">
        <v>49</v>
      </c>
      <c r="Y38705">
        <v>50</v>
      </c>
      <c r="Z38705">
        <v>50</v>
      </c>
      <c r="AA38705">
        <v>51</v>
      </c>
      <c r="AB38705">
        <v>51</v>
      </c>
      <c r="AC38705">
        <v>52</v>
      </c>
      <c r="AD38705">
        <v>52</v>
      </c>
      <c r="AE38705">
        <v>53</v>
      </c>
      <c r="AF38705">
        <v>53</v>
      </c>
      <c r="AG38705">
        <v>54</v>
      </c>
      <c r="AH38705">
        <v>54</v>
      </c>
      <c r="AI38705">
        <v>54</v>
      </c>
      <c r="AJ38705">
        <v>55</v>
      </c>
      <c r="AK38705">
        <v>55</v>
      </c>
      <c r="AL38705">
        <v>55</v>
      </c>
      <c r="AM38705">
        <v>55</v>
      </c>
      <c r="AN38705">
        <v>55</v>
      </c>
      <c r="AO38705">
        <v>55</v>
      </c>
      <c r="AP38705">
        <v>55</v>
      </c>
      <c r="AQ38705">
        <v>55</v>
      </c>
    </row>
    <row r="38706" spans="1:43">
      <c r="A38706" t="s">
        <v>24011</v>
      </c>
      <c r="B38706" t="s">
        <v>24012</v>
      </c>
      <c r="C38706" t="s">
        <v>23991</v>
      </c>
      <c r="D38706" t="s">
        <v>23992</v>
      </c>
      <c r="E38706" t="s">
        <v>23993</v>
      </c>
      <c r="F38706" t="s">
        <v>23994</v>
      </c>
      <c r="G38706" t="s">
        <v>11612</v>
      </c>
      <c r="H38706" t="s">
        <v>11613</v>
      </c>
      <c r="I38706" s="2">
        <v>0</v>
      </c>
      <c r="J38706" s="2">
        <v>0</v>
      </c>
      <c r="K38706" s="2">
        <v>1</v>
      </c>
      <c r="L38706" t="s">
        <v>995</v>
      </c>
      <c r="M38706" t="s">
        <v>83</v>
      </c>
      <c r="N38706" t="s">
        <v>84</v>
      </c>
      <c r="O38706" t="s">
        <v>85</v>
      </c>
      <c r="P38706" t="s">
        <v>86</v>
      </c>
      <c r="Q38706">
        <v>9</v>
      </c>
      <c r="R38706">
        <v>9</v>
      </c>
      <c r="S38706">
        <v>9</v>
      </c>
      <c r="T38706">
        <v>9</v>
      </c>
      <c r="U38706">
        <v>9</v>
      </c>
      <c r="V38706">
        <v>9</v>
      </c>
      <c r="W38706">
        <v>9</v>
      </c>
      <c r="X38706">
        <v>9</v>
      </c>
      <c r="Y38706">
        <v>10</v>
      </c>
      <c r="Z38706">
        <v>10</v>
      </c>
      <c r="AA38706">
        <v>10</v>
      </c>
      <c r="AB38706">
        <v>10</v>
      </c>
      <c r="AC38706">
        <v>10</v>
      </c>
      <c r="AD38706">
        <v>10</v>
      </c>
      <c r="AE38706">
        <v>10</v>
      </c>
      <c r="AF38706">
        <v>10</v>
      </c>
      <c r="AG38706">
        <v>10</v>
      </c>
      <c r="AH38706">
        <v>10</v>
      </c>
      <c r="AI38706">
        <v>11</v>
      </c>
      <c r="AJ38706">
        <v>11</v>
      </c>
      <c r="AK38706">
        <v>11</v>
      </c>
      <c r="AL38706">
        <v>11</v>
      </c>
      <c r="AM38706">
        <v>11</v>
      </c>
      <c r="AN38706">
        <v>11</v>
      </c>
      <c r="AO38706">
        <v>11</v>
      </c>
      <c r="AP38706">
        <v>11</v>
      </c>
      <c r="AQ38706">
        <v>11</v>
      </c>
    </row>
    <row r="38707" spans="1:43">
      <c r="A38707" t="s">
        <v>24011</v>
      </c>
      <c r="B38707" t="s">
        <v>24012</v>
      </c>
      <c r="C38707" t="s">
        <v>23991</v>
      </c>
      <c r="D38707" t="s">
        <v>23992</v>
      </c>
      <c r="E38707" t="s">
        <v>23993</v>
      </c>
      <c r="F38707" t="s">
        <v>23994</v>
      </c>
      <c r="G38707" t="s">
        <v>11612</v>
      </c>
      <c r="H38707" t="s">
        <v>11613</v>
      </c>
      <c r="I38707" s="2">
        <v>0</v>
      </c>
      <c r="J38707" s="2">
        <v>0</v>
      </c>
      <c r="K38707" s="2">
        <v>1</v>
      </c>
      <c r="L38707" t="s">
        <v>995</v>
      </c>
      <c r="M38707" t="s">
        <v>87</v>
      </c>
      <c r="N38707" t="s">
        <v>88</v>
      </c>
      <c r="O38707" t="s">
        <v>85</v>
      </c>
      <c r="P38707" t="s">
        <v>86</v>
      </c>
      <c r="Q38707">
        <v>9</v>
      </c>
      <c r="R38707">
        <v>9</v>
      </c>
      <c r="S38707">
        <v>9</v>
      </c>
      <c r="T38707">
        <v>9</v>
      </c>
      <c r="U38707">
        <v>9</v>
      </c>
      <c r="V38707">
        <v>9</v>
      </c>
      <c r="W38707">
        <v>9</v>
      </c>
      <c r="X38707">
        <v>9</v>
      </c>
      <c r="Y38707">
        <v>9</v>
      </c>
      <c r="Z38707">
        <v>9</v>
      </c>
      <c r="AA38707">
        <v>9</v>
      </c>
      <c r="AB38707">
        <v>9</v>
      </c>
      <c r="AC38707">
        <v>9</v>
      </c>
      <c r="AD38707">
        <v>9</v>
      </c>
      <c r="AE38707">
        <v>9</v>
      </c>
      <c r="AF38707">
        <v>9</v>
      </c>
      <c r="AG38707">
        <v>9</v>
      </c>
      <c r="AH38707">
        <v>9</v>
      </c>
      <c r="AI38707">
        <v>9</v>
      </c>
      <c r="AJ38707">
        <v>9</v>
      </c>
      <c r="AK38707">
        <v>9</v>
      </c>
      <c r="AL38707">
        <v>9</v>
      </c>
      <c r="AM38707">
        <v>9</v>
      </c>
      <c r="AN38707">
        <v>9</v>
      </c>
      <c r="AO38707">
        <v>9</v>
      </c>
      <c r="AP38707">
        <v>9</v>
      </c>
      <c r="AQ38707">
        <v>9</v>
      </c>
    </row>
    <row r="38708" spans="1:43">
      <c r="A38708" t="s">
        <v>24011</v>
      </c>
      <c r="B38708" t="s">
        <v>24012</v>
      </c>
      <c r="C38708" t="s">
        <v>23991</v>
      </c>
      <c r="D38708" t="s">
        <v>23992</v>
      </c>
      <c r="E38708" t="s">
        <v>23993</v>
      </c>
      <c r="F38708" t="s">
        <v>23994</v>
      </c>
      <c r="G38708" t="s">
        <v>11612</v>
      </c>
      <c r="H38708" t="s">
        <v>11613</v>
      </c>
      <c r="I38708" s="2">
        <v>0</v>
      </c>
      <c r="J38708" s="2">
        <v>0</v>
      </c>
      <c r="K38708" s="2">
        <v>1</v>
      </c>
      <c r="L38708" t="s">
        <v>995</v>
      </c>
      <c r="M38708" t="s">
        <v>89</v>
      </c>
      <c r="N38708" t="s">
        <v>90</v>
      </c>
      <c r="O38708" t="s">
        <v>85</v>
      </c>
      <c r="P38708" t="s">
        <v>86</v>
      </c>
      <c r="Q38708">
        <v>9</v>
      </c>
      <c r="R38708">
        <v>9</v>
      </c>
      <c r="S38708">
        <v>9</v>
      </c>
      <c r="T38708">
        <v>9</v>
      </c>
      <c r="U38708">
        <v>9</v>
      </c>
      <c r="V38708">
        <v>10</v>
      </c>
      <c r="W38708">
        <v>10</v>
      </c>
      <c r="X38708">
        <v>10</v>
      </c>
      <c r="Y38708">
        <v>10</v>
      </c>
      <c r="Z38708">
        <v>10</v>
      </c>
      <c r="AA38708">
        <v>10</v>
      </c>
      <c r="AB38708">
        <v>11</v>
      </c>
      <c r="AC38708">
        <v>11</v>
      </c>
      <c r="AD38708">
        <v>11</v>
      </c>
      <c r="AE38708">
        <v>11</v>
      </c>
      <c r="AF38708">
        <v>11</v>
      </c>
      <c r="AG38708">
        <v>11</v>
      </c>
      <c r="AH38708">
        <v>11</v>
      </c>
      <c r="AI38708">
        <v>11</v>
      </c>
      <c r="AJ38708">
        <v>11</v>
      </c>
      <c r="AK38708">
        <v>11</v>
      </c>
      <c r="AL38708">
        <v>11</v>
      </c>
      <c r="AM38708">
        <v>11</v>
      </c>
      <c r="AN38708">
        <v>11</v>
      </c>
      <c r="AO38708">
        <v>11</v>
      </c>
      <c r="AP38708">
        <v>11</v>
      </c>
      <c r="AQ38708">
        <v>11</v>
      </c>
    </row>
    <row r="38709" spans="1:43">
      <c r="A38709" t="s">
        <v>24011</v>
      </c>
      <c r="B38709" t="s">
        <v>24012</v>
      </c>
      <c r="C38709" t="s">
        <v>23991</v>
      </c>
      <c r="D38709" t="s">
        <v>23992</v>
      </c>
      <c r="E38709" t="s">
        <v>23993</v>
      </c>
      <c r="F38709" t="s">
        <v>23994</v>
      </c>
      <c r="G38709" t="s">
        <v>11612</v>
      </c>
      <c r="H38709" t="s">
        <v>11613</v>
      </c>
      <c r="I38709" s="2">
        <v>0</v>
      </c>
      <c r="J38709" s="2">
        <v>0</v>
      </c>
      <c r="K38709" s="2">
        <v>1</v>
      </c>
      <c r="L38709" t="s">
        <v>995</v>
      </c>
      <c r="M38709" t="s">
        <v>83</v>
      </c>
      <c r="N38709" t="s">
        <v>91</v>
      </c>
      <c r="O38709" t="s">
        <v>85</v>
      </c>
      <c r="P38709" t="s">
        <v>86</v>
      </c>
      <c r="Q38709">
        <v>9</v>
      </c>
      <c r="R38709">
        <v>9</v>
      </c>
      <c r="S38709">
        <v>9</v>
      </c>
      <c r="T38709">
        <v>9</v>
      </c>
      <c r="U38709">
        <v>9</v>
      </c>
      <c r="V38709">
        <v>9</v>
      </c>
      <c r="W38709">
        <v>9</v>
      </c>
      <c r="X38709">
        <v>9</v>
      </c>
      <c r="Y38709">
        <v>10</v>
      </c>
      <c r="Z38709">
        <v>10</v>
      </c>
      <c r="AA38709">
        <v>10</v>
      </c>
      <c r="AB38709">
        <v>10</v>
      </c>
      <c r="AC38709">
        <v>10</v>
      </c>
      <c r="AD38709">
        <v>10</v>
      </c>
      <c r="AE38709">
        <v>10</v>
      </c>
      <c r="AF38709">
        <v>10</v>
      </c>
      <c r="AG38709">
        <v>10</v>
      </c>
      <c r="AH38709">
        <v>10</v>
      </c>
      <c r="AI38709">
        <v>11</v>
      </c>
      <c r="AJ38709">
        <v>11</v>
      </c>
      <c r="AK38709">
        <v>11</v>
      </c>
      <c r="AL38709">
        <v>11</v>
      </c>
      <c r="AM38709">
        <v>11</v>
      </c>
      <c r="AN38709">
        <v>11</v>
      </c>
      <c r="AO38709">
        <v>11</v>
      </c>
      <c r="AP38709">
        <v>11</v>
      </c>
      <c r="AQ38709">
        <v>11</v>
      </c>
    </row>
    <row r="38710" spans="1:43">
      <c r="A38710" t="s">
        <v>24013</v>
      </c>
      <c r="B38710" t="s">
        <v>24014</v>
      </c>
      <c r="C38710" t="s">
        <v>23991</v>
      </c>
      <c r="D38710" t="s">
        <v>23992</v>
      </c>
      <c r="E38710" t="s">
        <v>23993</v>
      </c>
      <c r="F38710" t="s">
        <v>23994</v>
      </c>
      <c r="G38710" t="s">
        <v>11612</v>
      </c>
      <c r="H38710" t="s">
        <v>11613</v>
      </c>
      <c r="I38710" s="2">
        <v>0</v>
      </c>
      <c r="J38710" s="2">
        <v>0</v>
      </c>
      <c r="K38710" s="2">
        <v>1</v>
      </c>
      <c r="L38710" t="s">
        <v>995</v>
      </c>
      <c r="M38710" t="s">
        <v>83</v>
      </c>
      <c r="N38710" t="s">
        <v>84</v>
      </c>
      <c r="O38710" t="s">
        <v>85</v>
      </c>
      <c r="P38710" t="s">
        <v>86</v>
      </c>
      <c r="Q38710">
        <v>9</v>
      </c>
      <c r="R38710">
        <v>9</v>
      </c>
      <c r="S38710">
        <v>9</v>
      </c>
      <c r="T38710">
        <v>9</v>
      </c>
      <c r="U38710">
        <v>9</v>
      </c>
      <c r="V38710">
        <v>9</v>
      </c>
      <c r="W38710">
        <v>10</v>
      </c>
      <c r="X38710">
        <v>10</v>
      </c>
      <c r="Y38710">
        <v>10</v>
      </c>
      <c r="Z38710">
        <v>10</v>
      </c>
      <c r="AA38710">
        <v>10</v>
      </c>
      <c r="AB38710">
        <v>10</v>
      </c>
      <c r="AC38710">
        <v>10</v>
      </c>
      <c r="AD38710">
        <v>10</v>
      </c>
      <c r="AE38710">
        <v>10</v>
      </c>
      <c r="AF38710">
        <v>10</v>
      </c>
      <c r="AG38710">
        <v>11</v>
      </c>
      <c r="AH38710">
        <v>11</v>
      </c>
      <c r="AI38710">
        <v>11</v>
      </c>
      <c r="AJ38710">
        <v>11</v>
      </c>
      <c r="AK38710">
        <v>11</v>
      </c>
      <c r="AL38710">
        <v>11</v>
      </c>
      <c r="AM38710">
        <v>11</v>
      </c>
      <c r="AN38710">
        <v>11</v>
      </c>
      <c r="AO38710">
        <v>11</v>
      </c>
      <c r="AP38710">
        <v>11</v>
      </c>
      <c r="AQ38710">
        <v>11</v>
      </c>
    </row>
    <row r="38711" spans="1:43">
      <c r="A38711" t="s">
        <v>24013</v>
      </c>
      <c r="B38711" t="s">
        <v>24014</v>
      </c>
      <c r="C38711" t="s">
        <v>23991</v>
      </c>
      <c r="D38711" t="s">
        <v>23992</v>
      </c>
      <c r="E38711" t="s">
        <v>23993</v>
      </c>
      <c r="F38711" t="s">
        <v>23994</v>
      </c>
      <c r="G38711" t="s">
        <v>11612</v>
      </c>
      <c r="H38711" t="s">
        <v>11613</v>
      </c>
      <c r="I38711" s="2">
        <v>0</v>
      </c>
      <c r="J38711" s="2">
        <v>0</v>
      </c>
      <c r="K38711" s="2">
        <v>1</v>
      </c>
      <c r="L38711" t="s">
        <v>995</v>
      </c>
      <c r="M38711" t="s">
        <v>87</v>
      </c>
      <c r="N38711" t="s">
        <v>88</v>
      </c>
      <c r="O38711" t="s">
        <v>85</v>
      </c>
      <c r="P38711" t="s">
        <v>86</v>
      </c>
      <c r="Q38711">
        <v>9</v>
      </c>
      <c r="R38711">
        <v>9</v>
      </c>
      <c r="S38711">
        <v>9</v>
      </c>
      <c r="T38711">
        <v>9</v>
      </c>
      <c r="U38711">
        <v>9</v>
      </c>
      <c r="V38711">
        <v>9</v>
      </c>
      <c r="W38711">
        <v>9</v>
      </c>
      <c r="X38711">
        <v>9</v>
      </c>
      <c r="Y38711">
        <v>9</v>
      </c>
      <c r="Z38711">
        <v>9</v>
      </c>
      <c r="AA38711">
        <v>9</v>
      </c>
      <c r="AB38711">
        <v>9</v>
      </c>
      <c r="AC38711">
        <v>9</v>
      </c>
      <c r="AD38711">
        <v>9</v>
      </c>
      <c r="AE38711">
        <v>9</v>
      </c>
      <c r="AF38711">
        <v>9</v>
      </c>
      <c r="AG38711">
        <v>9</v>
      </c>
      <c r="AH38711">
        <v>9</v>
      </c>
      <c r="AI38711">
        <v>9</v>
      </c>
      <c r="AJ38711">
        <v>9</v>
      </c>
      <c r="AK38711">
        <v>9</v>
      </c>
      <c r="AL38711">
        <v>9</v>
      </c>
      <c r="AM38711">
        <v>9</v>
      </c>
      <c r="AN38711">
        <v>9</v>
      </c>
      <c r="AO38711">
        <v>9</v>
      </c>
      <c r="AP38711">
        <v>9</v>
      </c>
      <c r="AQ38711">
        <v>9</v>
      </c>
    </row>
    <row r="38712" spans="1:43">
      <c r="A38712" t="s">
        <v>24013</v>
      </c>
      <c r="B38712" t="s">
        <v>24014</v>
      </c>
      <c r="C38712" t="s">
        <v>23991</v>
      </c>
      <c r="D38712" t="s">
        <v>23992</v>
      </c>
      <c r="E38712" t="s">
        <v>23993</v>
      </c>
      <c r="F38712" t="s">
        <v>23994</v>
      </c>
      <c r="G38712" t="s">
        <v>11612</v>
      </c>
      <c r="H38712" t="s">
        <v>11613</v>
      </c>
      <c r="I38712" s="2">
        <v>0</v>
      </c>
      <c r="J38712" s="2">
        <v>0</v>
      </c>
      <c r="K38712" s="2">
        <v>1</v>
      </c>
      <c r="L38712" t="s">
        <v>995</v>
      </c>
      <c r="M38712" t="s">
        <v>89</v>
      </c>
      <c r="N38712" t="s">
        <v>90</v>
      </c>
      <c r="O38712" t="s">
        <v>85</v>
      </c>
      <c r="P38712" t="s">
        <v>86</v>
      </c>
      <c r="Q38712">
        <v>9</v>
      </c>
      <c r="R38712">
        <v>9</v>
      </c>
      <c r="S38712">
        <v>9</v>
      </c>
      <c r="T38712">
        <v>9</v>
      </c>
      <c r="U38712">
        <v>10</v>
      </c>
      <c r="V38712">
        <v>10</v>
      </c>
      <c r="W38712">
        <v>10</v>
      </c>
      <c r="X38712">
        <v>10</v>
      </c>
      <c r="Y38712">
        <v>10</v>
      </c>
      <c r="Z38712">
        <v>11</v>
      </c>
      <c r="AA38712">
        <v>11</v>
      </c>
      <c r="AB38712">
        <v>11</v>
      </c>
      <c r="AC38712">
        <v>11</v>
      </c>
      <c r="AD38712">
        <v>11</v>
      </c>
      <c r="AE38712">
        <v>11</v>
      </c>
      <c r="AF38712">
        <v>11</v>
      </c>
      <c r="AG38712">
        <v>11</v>
      </c>
      <c r="AH38712">
        <v>11</v>
      </c>
      <c r="AI38712">
        <v>11</v>
      </c>
      <c r="AJ38712">
        <v>11</v>
      </c>
      <c r="AK38712">
        <v>11</v>
      </c>
      <c r="AL38712">
        <v>11</v>
      </c>
      <c r="AM38712">
        <v>11</v>
      </c>
      <c r="AN38712">
        <v>11</v>
      </c>
      <c r="AO38712">
        <v>11</v>
      </c>
      <c r="AP38712">
        <v>11</v>
      </c>
      <c r="AQ38712">
        <v>11</v>
      </c>
    </row>
    <row r="38713" spans="1:43">
      <c r="A38713" t="s">
        <v>24013</v>
      </c>
      <c r="B38713" t="s">
        <v>24014</v>
      </c>
      <c r="C38713" t="s">
        <v>23991</v>
      </c>
      <c r="D38713" t="s">
        <v>23992</v>
      </c>
      <c r="E38713" t="s">
        <v>23993</v>
      </c>
      <c r="F38713" t="s">
        <v>23994</v>
      </c>
      <c r="G38713" t="s">
        <v>11612</v>
      </c>
      <c r="H38713" t="s">
        <v>11613</v>
      </c>
      <c r="I38713" s="2">
        <v>0</v>
      </c>
      <c r="J38713" s="2">
        <v>0</v>
      </c>
      <c r="K38713" s="2">
        <v>1</v>
      </c>
      <c r="L38713" t="s">
        <v>995</v>
      </c>
      <c r="M38713" t="s">
        <v>83</v>
      </c>
      <c r="N38713" t="s">
        <v>91</v>
      </c>
      <c r="O38713" t="s">
        <v>85</v>
      </c>
      <c r="P38713" t="s">
        <v>86</v>
      </c>
      <c r="Q38713">
        <v>9</v>
      </c>
      <c r="R38713">
        <v>9</v>
      </c>
      <c r="S38713">
        <v>9</v>
      </c>
      <c r="T38713">
        <v>9</v>
      </c>
      <c r="U38713">
        <v>9</v>
      </c>
      <c r="V38713">
        <v>9</v>
      </c>
      <c r="W38713">
        <v>10</v>
      </c>
      <c r="X38713">
        <v>10</v>
      </c>
      <c r="Y38713">
        <v>10</v>
      </c>
      <c r="Z38713">
        <v>10</v>
      </c>
      <c r="AA38713">
        <v>10</v>
      </c>
      <c r="AB38713">
        <v>10</v>
      </c>
      <c r="AC38713">
        <v>10</v>
      </c>
      <c r="AD38713">
        <v>10</v>
      </c>
      <c r="AE38713">
        <v>10</v>
      </c>
      <c r="AF38713">
        <v>10</v>
      </c>
      <c r="AG38713">
        <v>11</v>
      </c>
      <c r="AH38713">
        <v>11</v>
      </c>
      <c r="AI38713">
        <v>11</v>
      </c>
      <c r="AJ38713">
        <v>11</v>
      </c>
      <c r="AK38713">
        <v>11</v>
      </c>
      <c r="AL38713">
        <v>11</v>
      </c>
      <c r="AM38713">
        <v>11</v>
      </c>
      <c r="AN38713">
        <v>11</v>
      </c>
      <c r="AO38713">
        <v>11</v>
      </c>
      <c r="AP38713">
        <v>11</v>
      </c>
      <c r="AQ38713">
        <v>11</v>
      </c>
    </row>
    <row r="38714" spans="1:43">
      <c r="A38714" t="s">
        <v>24015</v>
      </c>
      <c r="B38714" t="s">
        <v>24016</v>
      </c>
      <c r="C38714" t="s">
        <v>23991</v>
      </c>
      <c r="D38714" t="s">
        <v>23992</v>
      </c>
      <c r="E38714" t="s">
        <v>23993</v>
      </c>
      <c r="F38714" t="s">
        <v>23994</v>
      </c>
      <c r="G38714" t="s">
        <v>11612</v>
      </c>
      <c r="H38714" t="s">
        <v>11613</v>
      </c>
      <c r="I38714" s="2">
        <v>0</v>
      </c>
      <c r="J38714" s="2">
        <v>0</v>
      </c>
      <c r="K38714" s="2">
        <v>1</v>
      </c>
      <c r="L38714" t="s">
        <v>995</v>
      </c>
      <c r="M38714" t="s">
        <v>83</v>
      </c>
      <c r="N38714" t="s">
        <v>84</v>
      </c>
      <c r="O38714" t="s">
        <v>85</v>
      </c>
      <c r="P38714" t="s">
        <v>86</v>
      </c>
      <c r="Q38714">
        <v>5</v>
      </c>
      <c r="R38714">
        <v>5</v>
      </c>
      <c r="S38714">
        <v>5</v>
      </c>
      <c r="T38714">
        <v>5</v>
      </c>
      <c r="U38714">
        <v>5</v>
      </c>
      <c r="V38714">
        <v>5</v>
      </c>
      <c r="W38714">
        <v>5</v>
      </c>
      <c r="X38714">
        <v>5</v>
      </c>
      <c r="Y38714">
        <v>5</v>
      </c>
      <c r="Z38714">
        <v>5</v>
      </c>
      <c r="AA38714">
        <v>5</v>
      </c>
      <c r="AB38714">
        <v>5</v>
      </c>
      <c r="AC38714">
        <v>5</v>
      </c>
      <c r="AD38714">
        <v>5</v>
      </c>
      <c r="AE38714">
        <v>6</v>
      </c>
      <c r="AF38714">
        <v>6</v>
      </c>
      <c r="AG38714">
        <v>6</v>
      </c>
      <c r="AH38714">
        <v>6</v>
      </c>
      <c r="AI38714">
        <v>6</v>
      </c>
      <c r="AJ38714">
        <v>6</v>
      </c>
      <c r="AK38714">
        <v>6</v>
      </c>
      <c r="AL38714">
        <v>6</v>
      </c>
      <c r="AM38714">
        <v>6</v>
      </c>
      <c r="AN38714">
        <v>6</v>
      </c>
      <c r="AO38714">
        <v>6</v>
      </c>
      <c r="AP38714">
        <v>6</v>
      </c>
      <c r="AQ38714">
        <v>6</v>
      </c>
    </row>
    <row r="38715" spans="1:43">
      <c r="A38715" t="s">
        <v>24015</v>
      </c>
      <c r="B38715" t="s">
        <v>24016</v>
      </c>
      <c r="C38715" t="s">
        <v>23991</v>
      </c>
      <c r="D38715" t="s">
        <v>23992</v>
      </c>
      <c r="E38715" t="s">
        <v>23993</v>
      </c>
      <c r="F38715" t="s">
        <v>23994</v>
      </c>
      <c r="G38715" t="s">
        <v>11612</v>
      </c>
      <c r="H38715" t="s">
        <v>11613</v>
      </c>
      <c r="I38715" s="2">
        <v>0</v>
      </c>
      <c r="J38715" s="2">
        <v>0</v>
      </c>
      <c r="K38715" s="2">
        <v>1</v>
      </c>
      <c r="L38715" t="s">
        <v>995</v>
      </c>
      <c r="M38715" t="s">
        <v>87</v>
      </c>
      <c r="N38715" t="s">
        <v>88</v>
      </c>
      <c r="O38715" t="s">
        <v>85</v>
      </c>
      <c r="P38715" t="s">
        <v>86</v>
      </c>
      <c r="Q38715">
        <v>5</v>
      </c>
      <c r="R38715">
        <v>5</v>
      </c>
      <c r="S38715">
        <v>5</v>
      </c>
      <c r="T38715">
        <v>5</v>
      </c>
      <c r="U38715">
        <v>5</v>
      </c>
      <c r="V38715">
        <v>5</v>
      </c>
      <c r="W38715">
        <v>5</v>
      </c>
      <c r="X38715">
        <v>5</v>
      </c>
      <c r="Y38715">
        <v>5</v>
      </c>
      <c r="Z38715">
        <v>5</v>
      </c>
      <c r="AA38715">
        <v>5</v>
      </c>
      <c r="AB38715">
        <v>5</v>
      </c>
      <c r="AC38715">
        <v>5</v>
      </c>
      <c r="AD38715">
        <v>5</v>
      </c>
      <c r="AE38715">
        <v>5</v>
      </c>
      <c r="AF38715">
        <v>5</v>
      </c>
      <c r="AG38715">
        <v>5</v>
      </c>
      <c r="AH38715">
        <v>5</v>
      </c>
      <c r="AI38715">
        <v>5</v>
      </c>
      <c r="AJ38715">
        <v>5</v>
      </c>
      <c r="AK38715">
        <v>5</v>
      </c>
      <c r="AL38715">
        <v>5</v>
      </c>
      <c r="AM38715">
        <v>5</v>
      </c>
      <c r="AN38715">
        <v>5</v>
      </c>
      <c r="AO38715">
        <v>5</v>
      </c>
      <c r="AP38715">
        <v>5</v>
      </c>
      <c r="AQ38715">
        <v>5</v>
      </c>
    </row>
    <row r="38716" spans="1:43">
      <c r="A38716" t="s">
        <v>24015</v>
      </c>
      <c r="B38716" t="s">
        <v>24016</v>
      </c>
      <c r="C38716" t="s">
        <v>23991</v>
      </c>
      <c r="D38716" t="s">
        <v>23992</v>
      </c>
      <c r="E38716" t="s">
        <v>23993</v>
      </c>
      <c r="F38716" t="s">
        <v>23994</v>
      </c>
      <c r="G38716" t="s">
        <v>11612</v>
      </c>
      <c r="H38716" t="s">
        <v>11613</v>
      </c>
      <c r="I38716" s="2">
        <v>0</v>
      </c>
      <c r="J38716" s="2">
        <v>0</v>
      </c>
      <c r="K38716" s="2">
        <v>1</v>
      </c>
      <c r="L38716" t="s">
        <v>995</v>
      </c>
      <c r="M38716" t="s">
        <v>89</v>
      </c>
      <c r="N38716" t="s">
        <v>90</v>
      </c>
      <c r="O38716" t="s">
        <v>85</v>
      </c>
      <c r="P38716" t="s">
        <v>86</v>
      </c>
      <c r="Q38716">
        <v>5</v>
      </c>
      <c r="R38716">
        <v>5</v>
      </c>
      <c r="S38716">
        <v>5</v>
      </c>
      <c r="T38716">
        <v>5</v>
      </c>
      <c r="U38716">
        <v>5</v>
      </c>
      <c r="V38716">
        <v>5</v>
      </c>
      <c r="W38716">
        <v>5</v>
      </c>
      <c r="X38716">
        <v>5</v>
      </c>
      <c r="Y38716">
        <v>5</v>
      </c>
      <c r="Z38716">
        <v>6</v>
      </c>
      <c r="AA38716">
        <v>6</v>
      </c>
      <c r="AB38716">
        <v>6</v>
      </c>
      <c r="AC38716">
        <v>6</v>
      </c>
      <c r="AD38716">
        <v>6</v>
      </c>
      <c r="AE38716">
        <v>6</v>
      </c>
      <c r="AF38716">
        <v>6</v>
      </c>
      <c r="AG38716">
        <v>6</v>
      </c>
      <c r="AH38716">
        <v>6</v>
      </c>
      <c r="AI38716">
        <v>6</v>
      </c>
      <c r="AJ38716">
        <v>6</v>
      </c>
      <c r="AK38716">
        <v>6</v>
      </c>
      <c r="AL38716">
        <v>6</v>
      </c>
      <c r="AM38716">
        <v>6</v>
      </c>
      <c r="AN38716">
        <v>6</v>
      </c>
      <c r="AO38716">
        <v>6</v>
      </c>
      <c r="AP38716">
        <v>6</v>
      </c>
      <c r="AQ38716">
        <v>6</v>
      </c>
    </row>
    <row r="38717" spans="1:43">
      <c r="A38717" t="s">
        <v>24015</v>
      </c>
      <c r="B38717" t="s">
        <v>24016</v>
      </c>
      <c r="C38717" t="s">
        <v>23991</v>
      </c>
      <c r="D38717" t="s">
        <v>23992</v>
      </c>
      <c r="E38717" t="s">
        <v>23993</v>
      </c>
      <c r="F38717" t="s">
        <v>23994</v>
      </c>
      <c r="G38717" t="s">
        <v>11612</v>
      </c>
      <c r="H38717" t="s">
        <v>11613</v>
      </c>
      <c r="I38717" s="2">
        <v>0</v>
      </c>
      <c r="J38717" s="2">
        <v>0</v>
      </c>
      <c r="K38717" s="2">
        <v>1</v>
      </c>
      <c r="L38717" t="s">
        <v>995</v>
      </c>
      <c r="M38717" t="s">
        <v>83</v>
      </c>
      <c r="N38717" t="s">
        <v>91</v>
      </c>
      <c r="O38717" t="s">
        <v>85</v>
      </c>
      <c r="P38717" t="s">
        <v>86</v>
      </c>
      <c r="Q38717">
        <v>5</v>
      </c>
      <c r="R38717">
        <v>5</v>
      </c>
      <c r="S38717">
        <v>5</v>
      </c>
      <c r="T38717">
        <v>5</v>
      </c>
      <c r="U38717">
        <v>5</v>
      </c>
      <c r="V38717">
        <v>5</v>
      </c>
      <c r="W38717">
        <v>5</v>
      </c>
      <c r="X38717">
        <v>5</v>
      </c>
      <c r="Y38717">
        <v>5</v>
      </c>
      <c r="Z38717">
        <v>5</v>
      </c>
      <c r="AA38717">
        <v>5</v>
      </c>
      <c r="AB38717">
        <v>5</v>
      </c>
      <c r="AC38717">
        <v>5</v>
      </c>
      <c r="AD38717">
        <v>5</v>
      </c>
      <c r="AE38717">
        <v>6</v>
      </c>
      <c r="AF38717">
        <v>6</v>
      </c>
      <c r="AG38717">
        <v>6</v>
      </c>
      <c r="AH38717">
        <v>6</v>
      </c>
      <c r="AI38717">
        <v>6</v>
      </c>
      <c r="AJ38717">
        <v>6</v>
      </c>
      <c r="AK38717">
        <v>6</v>
      </c>
      <c r="AL38717">
        <v>6</v>
      </c>
      <c r="AM38717">
        <v>6</v>
      </c>
      <c r="AN38717">
        <v>6</v>
      </c>
      <c r="AO38717">
        <v>6</v>
      </c>
      <c r="AP38717">
        <v>6</v>
      </c>
      <c r="AQ38717">
        <v>6</v>
      </c>
    </row>
    <row r="38718" spans="1:43">
      <c r="A38718" t="s">
        <v>24017</v>
      </c>
      <c r="B38718" t="s">
        <v>24018</v>
      </c>
      <c r="C38718" t="s">
        <v>24009</v>
      </c>
      <c r="D38718" t="s">
        <v>24010</v>
      </c>
      <c r="E38718" t="s">
        <v>23993</v>
      </c>
      <c r="F38718" t="s">
        <v>23994</v>
      </c>
      <c r="G38718" t="s">
        <v>11612</v>
      </c>
      <c r="H38718" t="s">
        <v>11613</v>
      </c>
      <c r="I38718" s="2">
        <v>0</v>
      </c>
      <c r="J38718" s="2">
        <v>0</v>
      </c>
      <c r="K38718" s="2">
        <v>1</v>
      </c>
      <c r="L38718" t="s">
        <v>995</v>
      </c>
      <c r="M38718" t="s">
        <v>83</v>
      </c>
      <c r="N38718" t="s">
        <v>84</v>
      </c>
      <c r="O38718" t="s">
        <v>85</v>
      </c>
      <c r="P38718" t="s">
        <v>86</v>
      </c>
      <c r="Q38718">
        <v>10</v>
      </c>
      <c r="R38718">
        <v>10</v>
      </c>
      <c r="S38718">
        <v>10</v>
      </c>
      <c r="T38718">
        <v>10</v>
      </c>
      <c r="U38718">
        <v>10</v>
      </c>
      <c r="V38718">
        <v>10</v>
      </c>
      <c r="W38718">
        <v>10</v>
      </c>
      <c r="X38718">
        <v>11</v>
      </c>
      <c r="Y38718">
        <v>11</v>
      </c>
      <c r="Z38718">
        <v>11</v>
      </c>
      <c r="AA38718">
        <v>11</v>
      </c>
      <c r="AB38718">
        <v>11</v>
      </c>
      <c r="AC38718">
        <v>11</v>
      </c>
      <c r="AD38718">
        <v>11</v>
      </c>
      <c r="AE38718">
        <v>11</v>
      </c>
      <c r="AF38718">
        <v>11</v>
      </c>
      <c r="AG38718">
        <v>12</v>
      </c>
      <c r="AH38718">
        <v>12</v>
      </c>
      <c r="AI38718">
        <v>12</v>
      </c>
      <c r="AJ38718">
        <v>12</v>
      </c>
      <c r="AK38718">
        <v>12</v>
      </c>
      <c r="AL38718">
        <v>12</v>
      </c>
      <c r="AM38718">
        <v>12</v>
      </c>
      <c r="AN38718">
        <v>12</v>
      </c>
      <c r="AO38718">
        <v>12</v>
      </c>
      <c r="AP38718">
        <v>12</v>
      </c>
      <c r="AQ38718">
        <v>12</v>
      </c>
    </row>
    <row r="38719" spans="1:43">
      <c r="A38719" t="s">
        <v>24017</v>
      </c>
      <c r="B38719" t="s">
        <v>24018</v>
      </c>
      <c r="C38719" t="s">
        <v>24009</v>
      </c>
      <c r="D38719" t="s">
        <v>24010</v>
      </c>
      <c r="E38719" t="s">
        <v>23993</v>
      </c>
      <c r="F38719" t="s">
        <v>23994</v>
      </c>
      <c r="G38719" t="s">
        <v>11612</v>
      </c>
      <c r="H38719" t="s">
        <v>11613</v>
      </c>
      <c r="I38719" s="2">
        <v>0</v>
      </c>
      <c r="J38719" s="2">
        <v>0</v>
      </c>
      <c r="K38719" s="2">
        <v>1</v>
      </c>
      <c r="L38719" t="s">
        <v>995</v>
      </c>
      <c r="M38719" t="s">
        <v>87</v>
      </c>
      <c r="N38719" t="s">
        <v>88</v>
      </c>
      <c r="O38719" t="s">
        <v>85</v>
      </c>
      <c r="P38719" t="s">
        <v>86</v>
      </c>
      <c r="Q38719">
        <v>10</v>
      </c>
      <c r="R38719">
        <v>10</v>
      </c>
      <c r="S38719">
        <v>10</v>
      </c>
      <c r="T38719">
        <v>10</v>
      </c>
      <c r="U38719">
        <v>10</v>
      </c>
      <c r="V38719">
        <v>10</v>
      </c>
      <c r="W38719">
        <v>10</v>
      </c>
      <c r="X38719">
        <v>10</v>
      </c>
      <c r="Y38719">
        <v>10</v>
      </c>
      <c r="Z38719">
        <v>10</v>
      </c>
      <c r="AA38719">
        <v>10</v>
      </c>
      <c r="AB38719">
        <v>10</v>
      </c>
      <c r="AC38719">
        <v>10</v>
      </c>
      <c r="AD38719">
        <v>10</v>
      </c>
      <c r="AE38719">
        <v>10</v>
      </c>
      <c r="AF38719">
        <v>10</v>
      </c>
      <c r="AG38719">
        <v>10</v>
      </c>
      <c r="AH38719">
        <v>10</v>
      </c>
      <c r="AI38719">
        <v>10</v>
      </c>
      <c r="AJ38719">
        <v>10</v>
      </c>
      <c r="AK38719">
        <v>10</v>
      </c>
      <c r="AL38719">
        <v>10</v>
      </c>
      <c r="AM38719">
        <v>10</v>
      </c>
      <c r="AN38719">
        <v>10</v>
      </c>
      <c r="AO38719">
        <v>10</v>
      </c>
      <c r="AP38719">
        <v>10</v>
      </c>
      <c r="AQ38719">
        <v>10</v>
      </c>
    </row>
    <row r="38720" spans="1:43">
      <c r="A38720" t="s">
        <v>24017</v>
      </c>
      <c r="B38720" t="s">
        <v>24018</v>
      </c>
      <c r="C38720" t="s">
        <v>24009</v>
      </c>
      <c r="D38720" t="s">
        <v>24010</v>
      </c>
      <c r="E38720" t="s">
        <v>23993</v>
      </c>
      <c r="F38720" t="s">
        <v>23994</v>
      </c>
      <c r="G38720" t="s">
        <v>11612</v>
      </c>
      <c r="H38720" t="s">
        <v>11613</v>
      </c>
      <c r="I38720" s="2">
        <v>0</v>
      </c>
      <c r="J38720" s="2">
        <v>0</v>
      </c>
      <c r="K38720" s="2">
        <v>1</v>
      </c>
      <c r="L38720" t="s">
        <v>995</v>
      </c>
      <c r="M38720" t="s">
        <v>89</v>
      </c>
      <c r="N38720" t="s">
        <v>90</v>
      </c>
      <c r="O38720" t="s">
        <v>85</v>
      </c>
      <c r="P38720" t="s">
        <v>86</v>
      </c>
      <c r="Q38720">
        <v>10</v>
      </c>
      <c r="R38720">
        <v>10</v>
      </c>
      <c r="S38720">
        <v>10</v>
      </c>
      <c r="T38720">
        <v>10</v>
      </c>
      <c r="U38720">
        <v>11</v>
      </c>
      <c r="V38720">
        <v>11</v>
      </c>
      <c r="W38720">
        <v>11</v>
      </c>
      <c r="X38720">
        <v>11</v>
      </c>
      <c r="Y38720">
        <v>11</v>
      </c>
      <c r="Z38720">
        <v>12</v>
      </c>
      <c r="AA38720">
        <v>12</v>
      </c>
      <c r="AB38720">
        <v>12</v>
      </c>
      <c r="AC38720">
        <v>12</v>
      </c>
      <c r="AD38720">
        <v>12</v>
      </c>
      <c r="AE38720">
        <v>12</v>
      </c>
      <c r="AF38720">
        <v>12</v>
      </c>
      <c r="AG38720">
        <v>12</v>
      </c>
      <c r="AH38720">
        <v>12</v>
      </c>
      <c r="AI38720">
        <v>12</v>
      </c>
      <c r="AJ38720">
        <v>12</v>
      </c>
      <c r="AK38720">
        <v>12</v>
      </c>
      <c r="AL38720">
        <v>12</v>
      </c>
      <c r="AM38720">
        <v>12</v>
      </c>
      <c r="AN38720">
        <v>12</v>
      </c>
      <c r="AO38720">
        <v>12</v>
      </c>
      <c r="AP38720">
        <v>12</v>
      </c>
      <c r="AQ38720">
        <v>12</v>
      </c>
    </row>
    <row r="38721" spans="1:43">
      <c r="A38721" t="s">
        <v>24017</v>
      </c>
      <c r="B38721" t="s">
        <v>24018</v>
      </c>
      <c r="C38721" t="s">
        <v>24009</v>
      </c>
      <c r="D38721" t="s">
        <v>24010</v>
      </c>
      <c r="E38721" t="s">
        <v>23993</v>
      </c>
      <c r="F38721" t="s">
        <v>23994</v>
      </c>
      <c r="G38721" t="s">
        <v>11612</v>
      </c>
      <c r="H38721" t="s">
        <v>11613</v>
      </c>
      <c r="I38721" s="2">
        <v>0</v>
      </c>
      <c r="J38721" s="2">
        <v>0</v>
      </c>
      <c r="K38721" s="2">
        <v>1</v>
      </c>
      <c r="L38721" t="s">
        <v>995</v>
      </c>
      <c r="M38721" t="s">
        <v>83</v>
      </c>
      <c r="N38721" t="s">
        <v>91</v>
      </c>
      <c r="O38721" t="s">
        <v>85</v>
      </c>
      <c r="P38721" t="s">
        <v>86</v>
      </c>
      <c r="Q38721">
        <v>10</v>
      </c>
      <c r="R38721">
        <v>10</v>
      </c>
      <c r="S38721">
        <v>10</v>
      </c>
      <c r="T38721">
        <v>10</v>
      </c>
      <c r="U38721">
        <v>10</v>
      </c>
      <c r="V38721">
        <v>10</v>
      </c>
      <c r="W38721">
        <v>10</v>
      </c>
      <c r="X38721">
        <v>11</v>
      </c>
      <c r="Y38721">
        <v>11</v>
      </c>
      <c r="Z38721">
        <v>11</v>
      </c>
      <c r="AA38721">
        <v>11</v>
      </c>
      <c r="AB38721">
        <v>11</v>
      </c>
      <c r="AC38721">
        <v>11</v>
      </c>
      <c r="AD38721">
        <v>11</v>
      </c>
      <c r="AE38721">
        <v>11</v>
      </c>
      <c r="AF38721">
        <v>11</v>
      </c>
      <c r="AG38721">
        <v>12</v>
      </c>
      <c r="AH38721">
        <v>12</v>
      </c>
      <c r="AI38721">
        <v>12</v>
      </c>
      <c r="AJ38721">
        <v>12</v>
      </c>
      <c r="AK38721">
        <v>12</v>
      </c>
      <c r="AL38721">
        <v>12</v>
      </c>
      <c r="AM38721">
        <v>12</v>
      </c>
      <c r="AN38721">
        <v>12</v>
      </c>
      <c r="AO38721">
        <v>12</v>
      </c>
      <c r="AP38721">
        <v>12</v>
      </c>
      <c r="AQ38721">
        <v>12</v>
      </c>
    </row>
    <row r="38722" spans="1:43">
      <c r="A38722" t="s">
        <v>24019</v>
      </c>
      <c r="B38722" t="s">
        <v>24020</v>
      </c>
      <c r="C38722" t="s">
        <v>24009</v>
      </c>
      <c r="D38722" t="s">
        <v>24010</v>
      </c>
      <c r="E38722" t="s">
        <v>23993</v>
      </c>
      <c r="F38722" t="s">
        <v>23994</v>
      </c>
      <c r="G38722" t="s">
        <v>11612</v>
      </c>
      <c r="H38722" t="s">
        <v>11613</v>
      </c>
      <c r="I38722" s="2">
        <v>0</v>
      </c>
      <c r="J38722" s="2">
        <v>0</v>
      </c>
      <c r="K38722" s="2">
        <v>1</v>
      </c>
      <c r="L38722" t="s">
        <v>995</v>
      </c>
      <c r="M38722" t="s">
        <v>83</v>
      </c>
      <c r="N38722" t="s">
        <v>84</v>
      </c>
      <c r="O38722" t="s">
        <v>85</v>
      </c>
      <c r="P38722" t="s">
        <v>86</v>
      </c>
      <c r="Q38722">
        <v>10</v>
      </c>
      <c r="R38722">
        <v>11</v>
      </c>
      <c r="S38722">
        <v>11</v>
      </c>
      <c r="T38722">
        <v>11</v>
      </c>
      <c r="U38722">
        <v>11</v>
      </c>
      <c r="V38722">
        <v>11</v>
      </c>
      <c r="W38722">
        <v>11</v>
      </c>
      <c r="X38722">
        <v>11</v>
      </c>
      <c r="Y38722">
        <v>12</v>
      </c>
      <c r="Z38722">
        <v>12</v>
      </c>
      <c r="AA38722">
        <v>12</v>
      </c>
      <c r="AB38722">
        <v>12</v>
      </c>
      <c r="AC38722">
        <v>12</v>
      </c>
      <c r="AD38722">
        <v>12</v>
      </c>
      <c r="AE38722">
        <v>12</v>
      </c>
      <c r="AF38722">
        <v>12</v>
      </c>
      <c r="AG38722">
        <v>12</v>
      </c>
      <c r="AH38722">
        <v>13</v>
      </c>
      <c r="AI38722">
        <v>13</v>
      </c>
      <c r="AJ38722">
        <v>13</v>
      </c>
      <c r="AK38722">
        <v>13</v>
      </c>
      <c r="AL38722">
        <v>13</v>
      </c>
      <c r="AM38722">
        <v>13</v>
      </c>
      <c r="AN38722">
        <v>13</v>
      </c>
      <c r="AO38722">
        <v>13</v>
      </c>
      <c r="AP38722">
        <v>13</v>
      </c>
      <c r="AQ38722">
        <v>13</v>
      </c>
    </row>
    <row r="38723" spans="1:43">
      <c r="A38723" t="s">
        <v>24019</v>
      </c>
      <c r="B38723" t="s">
        <v>24020</v>
      </c>
      <c r="C38723" t="s">
        <v>24009</v>
      </c>
      <c r="D38723" t="s">
        <v>24010</v>
      </c>
      <c r="E38723" t="s">
        <v>23993</v>
      </c>
      <c r="F38723" t="s">
        <v>23994</v>
      </c>
      <c r="G38723" t="s">
        <v>11612</v>
      </c>
      <c r="H38723" t="s">
        <v>11613</v>
      </c>
      <c r="I38723" s="2">
        <v>0</v>
      </c>
      <c r="J38723" s="2">
        <v>0</v>
      </c>
      <c r="K38723" s="2">
        <v>1</v>
      </c>
      <c r="L38723" t="s">
        <v>995</v>
      </c>
      <c r="M38723" t="s">
        <v>87</v>
      </c>
      <c r="N38723" t="s">
        <v>88</v>
      </c>
      <c r="O38723" t="s">
        <v>85</v>
      </c>
      <c r="P38723" t="s">
        <v>86</v>
      </c>
      <c r="Q38723">
        <v>10</v>
      </c>
      <c r="R38723">
        <v>10</v>
      </c>
      <c r="S38723">
        <v>10</v>
      </c>
      <c r="T38723">
        <v>10</v>
      </c>
      <c r="U38723">
        <v>10</v>
      </c>
      <c r="V38723">
        <v>11</v>
      </c>
      <c r="W38723">
        <v>11</v>
      </c>
      <c r="X38723">
        <v>11</v>
      </c>
      <c r="Y38723">
        <v>11</v>
      </c>
      <c r="Z38723">
        <v>11</v>
      </c>
      <c r="AA38723">
        <v>11</v>
      </c>
      <c r="AB38723">
        <v>11</v>
      </c>
      <c r="AC38723">
        <v>11</v>
      </c>
      <c r="AD38723">
        <v>11</v>
      </c>
      <c r="AE38723">
        <v>11</v>
      </c>
      <c r="AF38723">
        <v>11</v>
      </c>
      <c r="AG38723">
        <v>11</v>
      </c>
      <c r="AH38723">
        <v>11</v>
      </c>
      <c r="AI38723">
        <v>11</v>
      </c>
      <c r="AJ38723">
        <v>11</v>
      </c>
      <c r="AK38723">
        <v>11</v>
      </c>
      <c r="AL38723">
        <v>11</v>
      </c>
      <c r="AM38723">
        <v>11</v>
      </c>
      <c r="AN38723">
        <v>11</v>
      </c>
      <c r="AO38723">
        <v>11</v>
      </c>
      <c r="AP38723">
        <v>11</v>
      </c>
      <c r="AQ38723">
        <v>11</v>
      </c>
    </row>
    <row r="38724" spans="1:43">
      <c r="A38724" t="s">
        <v>24019</v>
      </c>
      <c r="B38724" t="s">
        <v>24020</v>
      </c>
      <c r="C38724" t="s">
        <v>24009</v>
      </c>
      <c r="D38724" t="s">
        <v>24010</v>
      </c>
      <c r="E38724" t="s">
        <v>23993</v>
      </c>
      <c r="F38724" t="s">
        <v>23994</v>
      </c>
      <c r="G38724" t="s">
        <v>11612</v>
      </c>
      <c r="H38724" t="s">
        <v>11613</v>
      </c>
      <c r="I38724" s="2">
        <v>0</v>
      </c>
      <c r="J38724" s="2">
        <v>0</v>
      </c>
      <c r="K38724" s="2">
        <v>1</v>
      </c>
      <c r="L38724" t="s">
        <v>995</v>
      </c>
      <c r="M38724" t="s">
        <v>89</v>
      </c>
      <c r="N38724" t="s">
        <v>90</v>
      </c>
      <c r="O38724" t="s">
        <v>85</v>
      </c>
      <c r="P38724" t="s">
        <v>86</v>
      </c>
      <c r="Q38724">
        <v>10</v>
      </c>
      <c r="R38724">
        <v>11</v>
      </c>
      <c r="S38724">
        <v>11</v>
      </c>
      <c r="T38724">
        <v>11</v>
      </c>
      <c r="U38724">
        <v>11</v>
      </c>
      <c r="V38724">
        <v>12</v>
      </c>
      <c r="W38724">
        <v>12</v>
      </c>
      <c r="X38724">
        <v>12</v>
      </c>
      <c r="Y38724">
        <v>12</v>
      </c>
      <c r="Z38724">
        <v>12</v>
      </c>
      <c r="AA38724">
        <v>13</v>
      </c>
      <c r="AB38724">
        <v>13</v>
      </c>
      <c r="AC38724">
        <v>13</v>
      </c>
      <c r="AD38724">
        <v>13</v>
      </c>
      <c r="AE38724">
        <v>13</v>
      </c>
      <c r="AF38724">
        <v>13</v>
      </c>
      <c r="AG38724">
        <v>13</v>
      </c>
      <c r="AH38724">
        <v>13</v>
      </c>
      <c r="AI38724">
        <v>13</v>
      </c>
      <c r="AJ38724">
        <v>13</v>
      </c>
      <c r="AK38724">
        <v>13</v>
      </c>
      <c r="AL38724">
        <v>13</v>
      </c>
      <c r="AM38724">
        <v>13</v>
      </c>
      <c r="AN38724">
        <v>13</v>
      </c>
      <c r="AO38724">
        <v>13</v>
      </c>
      <c r="AP38724">
        <v>13</v>
      </c>
      <c r="AQ38724">
        <v>13</v>
      </c>
    </row>
    <row r="38725" spans="1:43">
      <c r="A38725" t="s">
        <v>24019</v>
      </c>
      <c r="B38725" t="s">
        <v>24020</v>
      </c>
      <c r="C38725" t="s">
        <v>24009</v>
      </c>
      <c r="D38725" t="s">
        <v>24010</v>
      </c>
      <c r="E38725" t="s">
        <v>23993</v>
      </c>
      <c r="F38725" t="s">
        <v>23994</v>
      </c>
      <c r="G38725" t="s">
        <v>11612</v>
      </c>
      <c r="H38725" t="s">
        <v>11613</v>
      </c>
      <c r="I38725" s="2">
        <v>0</v>
      </c>
      <c r="J38725" s="2">
        <v>0</v>
      </c>
      <c r="K38725" s="2">
        <v>1</v>
      </c>
      <c r="L38725" t="s">
        <v>995</v>
      </c>
      <c r="M38725" t="s">
        <v>83</v>
      </c>
      <c r="N38725" t="s">
        <v>91</v>
      </c>
      <c r="O38725" t="s">
        <v>85</v>
      </c>
      <c r="P38725" t="s">
        <v>86</v>
      </c>
      <c r="Q38725">
        <v>10</v>
      </c>
      <c r="R38725">
        <v>11</v>
      </c>
      <c r="S38725">
        <v>11</v>
      </c>
      <c r="T38725">
        <v>11</v>
      </c>
      <c r="U38725">
        <v>11</v>
      </c>
      <c r="V38725">
        <v>11</v>
      </c>
      <c r="W38725">
        <v>11</v>
      </c>
      <c r="X38725">
        <v>11</v>
      </c>
      <c r="Y38725">
        <v>12</v>
      </c>
      <c r="Z38725">
        <v>12</v>
      </c>
      <c r="AA38725">
        <v>12</v>
      </c>
      <c r="AB38725">
        <v>12</v>
      </c>
      <c r="AC38725">
        <v>12</v>
      </c>
      <c r="AD38725">
        <v>12</v>
      </c>
      <c r="AE38725">
        <v>12</v>
      </c>
      <c r="AF38725">
        <v>12</v>
      </c>
      <c r="AG38725">
        <v>12</v>
      </c>
      <c r="AH38725">
        <v>13</v>
      </c>
      <c r="AI38725">
        <v>13</v>
      </c>
      <c r="AJ38725">
        <v>13</v>
      </c>
      <c r="AK38725">
        <v>13</v>
      </c>
      <c r="AL38725">
        <v>13</v>
      </c>
      <c r="AM38725">
        <v>13</v>
      </c>
      <c r="AN38725">
        <v>13</v>
      </c>
      <c r="AO38725">
        <v>13</v>
      </c>
      <c r="AP38725">
        <v>13</v>
      </c>
      <c r="AQ38725">
        <v>13</v>
      </c>
    </row>
    <row r="38726" spans="1:43">
      <c r="A38726" t="s">
        <v>24021</v>
      </c>
      <c r="B38726" t="s">
        <v>24022</v>
      </c>
      <c r="C38726" t="s">
        <v>24009</v>
      </c>
      <c r="D38726" t="s">
        <v>24010</v>
      </c>
      <c r="E38726" t="s">
        <v>23993</v>
      </c>
      <c r="F38726" t="s">
        <v>23994</v>
      </c>
      <c r="G38726" t="s">
        <v>11612</v>
      </c>
      <c r="H38726" t="s">
        <v>11613</v>
      </c>
      <c r="I38726" s="2">
        <v>0</v>
      </c>
      <c r="J38726" s="2">
        <v>0</v>
      </c>
      <c r="K38726" s="2">
        <v>1</v>
      </c>
      <c r="L38726" t="s">
        <v>995</v>
      </c>
      <c r="M38726" t="s">
        <v>83</v>
      </c>
      <c r="N38726" t="s">
        <v>84</v>
      </c>
      <c r="O38726" t="s">
        <v>85</v>
      </c>
      <c r="P38726" t="s">
        <v>86</v>
      </c>
      <c r="Q38726">
        <v>14</v>
      </c>
      <c r="R38726">
        <v>14</v>
      </c>
      <c r="S38726">
        <v>14</v>
      </c>
      <c r="T38726">
        <v>14</v>
      </c>
      <c r="U38726">
        <v>14</v>
      </c>
      <c r="V38726">
        <v>15</v>
      </c>
      <c r="W38726">
        <v>15</v>
      </c>
      <c r="X38726">
        <v>15</v>
      </c>
      <c r="Y38726">
        <v>15</v>
      </c>
      <c r="Z38726">
        <v>15</v>
      </c>
      <c r="AA38726">
        <v>15</v>
      </c>
      <c r="AB38726">
        <v>16</v>
      </c>
      <c r="AC38726">
        <v>16</v>
      </c>
      <c r="AD38726">
        <v>16</v>
      </c>
      <c r="AE38726">
        <v>16</v>
      </c>
      <c r="AF38726">
        <v>16</v>
      </c>
      <c r="AG38726">
        <v>16</v>
      </c>
      <c r="AH38726">
        <v>16</v>
      </c>
      <c r="AI38726">
        <v>17</v>
      </c>
      <c r="AJ38726">
        <v>17</v>
      </c>
      <c r="AK38726">
        <v>17</v>
      </c>
      <c r="AL38726">
        <v>17</v>
      </c>
      <c r="AM38726">
        <v>17</v>
      </c>
      <c r="AN38726">
        <v>17</v>
      </c>
      <c r="AO38726">
        <v>17</v>
      </c>
      <c r="AP38726">
        <v>17</v>
      </c>
      <c r="AQ38726">
        <v>17</v>
      </c>
    </row>
    <row r="38727" spans="1:43">
      <c r="A38727" t="s">
        <v>24021</v>
      </c>
      <c r="B38727" t="s">
        <v>24022</v>
      </c>
      <c r="C38727" t="s">
        <v>24009</v>
      </c>
      <c r="D38727" t="s">
        <v>24010</v>
      </c>
      <c r="E38727" t="s">
        <v>23993</v>
      </c>
      <c r="F38727" t="s">
        <v>23994</v>
      </c>
      <c r="G38727" t="s">
        <v>11612</v>
      </c>
      <c r="H38727" t="s">
        <v>11613</v>
      </c>
      <c r="I38727" s="2">
        <v>0</v>
      </c>
      <c r="J38727" s="2">
        <v>0</v>
      </c>
      <c r="K38727" s="2">
        <v>1</v>
      </c>
      <c r="L38727" t="s">
        <v>995</v>
      </c>
      <c r="M38727" t="s">
        <v>87</v>
      </c>
      <c r="N38727" t="s">
        <v>88</v>
      </c>
      <c r="O38727" t="s">
        <v>85</v>
      </c>
      <c r="P38727" t="s">
        <v>86</v>
      </c>
      <c r="Q38727">
        <v>14</v>
      </c>
      <c r="R38727">
        <v>14</v>
      </c>
      <c r="S38727">
        <v>14</v>
      </c>
      <c r="T38727">
        <v>14</v>
      </c>
      <c r="U38727">
        <v>14</v>
      </c>
      <c r="V38727">
        <v>14</v>
      </c>
      <c r="W38727">
        <v>14</v>
      </c>
      <c r="X38727">
        <v>14</v>
      </c>
      <c r="Y38727">
        <v>14</v>
      </c>
      <c r="Z38727">
        <v>14</v>
      </c>
      <c r="AA38727">
        <v>14</v>
      </c>
      <c r="AB38727">
        <v>14</v>
      </c>
      <c r="AC38727">
        <v>14</v>
      </c>
      <c r="AD38727">
        <v>14</v>
      </c>
      <c r="AE38727">
        <v>14</v>
      </c>
      <c r="AF38727">
        <v>14</v>
      </c>
      <c r="AG38727">
        <v>14</v>
      </c>
      <c r="AH38727">
        <v>14</v>
      </c>
      <c r="AI38727">
        <v>14</v>
      </c>
      <c r="AJ38727">
        <v>14</v>
      </c>
      <c r="AK38727">
        <v>14</v>
      </c>
      <c r="AL38727">
        <v>14</v>
      </c>
      <c r="AM38727">
        <v>14</v>
      </c>
      <c r="AN38727">
        <v>15</v>
      </c>
      <c r="AO38727">
        <v>15</v>
      </c>
      <c r="AP38727">
        <v>15</v>
      </c>
      <c r="AQ38727">
        <v>15</v>
      </c>
    </row>
    <row r="38728" spans="1:43">
      <c r="A38728" t="s">
        <v>24021</v>
      </c>
      <c r="B38728" t="s">
        <v>24022</v>
      </c>
      <c r="C38728" t="s">
        <v>24009</v>
      </c>
      <c r="D38728" t="s">
        <v>24010</v>
      </c>
      <c r="E38728" t="s">
        <v>23993</v>
      </c>
      <c r="F38728" t="s">
        <v>23994</v>
      </c>
      <c r="G38728" t="s">
        <v>11612</v>
      </c>
      <c r="H38728" t="s">
        <v>11613</v>
      </c>
      <c r="I38728" s="2">
        <v>0</v>
      </c>
      <c r="J38728" s="2">
        <v>0</v>
      </c>
      <c r="K38728" s="2">
        <v>1</v>
      </c>
      <c r="L38728" t="s">
        <v>995</v>
      </c>
      <c r="M38728" t="s">
        <v>89</v>
      </c>
      <c r="N38728" t="s">
        <v>90</v>
      </c>
      <c r="O38728" t="s">
        <v>85</v>
      </c>
      <c r="P38728" t="s">
        <v>86</v>
      </c>
      <c r="Q38728">
        <v>14</v>
      </c>
      <c r="R38728">
        <v>14</v>
      </c>
      <c r="S38728">
        <v>14</v>
      </c>
      <c r="T38728">
        <v>15</v>
      </c>
      <c r="U38728">
        <v>15</v>
      </c>
      <c r="V38728">
        <v>15</v>
      </c>
      <c r="W38728">
        <v>16</v>
      </c>
      <c r="X38728">
        <v>16</v>
      </c>
      <c r="Y38728">
        <v>16</v>
      </c>
      <c r="Z38728">
        <v>16</v>
      </c>
      <c r="AA38728">
        <v>16</v>
      </c>
      <c r="AB38728">
        <v>17</v>
      </c>
      <c r="AC38728">
        <v>17</v>
      </c>
      <c r="AD38728">
        <v>17</v>
      </c>
      <c r="AE38728">
        <v>17</v>
      </c>
      <c r="AF38728">
        <v>17</v>
      </c>
      <c r="AG38728">
        <v>17</v>
      </c>
      <c r="AH38728">
        <v>17</v>
      </c>
      <c r="AI38728">
        <v>17</v>
      </c>
      <c r="AJ38728">
        <v>17</v>
      </c>
      <c r="AK38728">
        <v>17</v>
      </c>
      <c r="AL38728">
        <v>17</v>
      </c>
      <c r="AM38728">
        <v>17</v>
      </c>
      <c r="AN38728">
        <v>17</v>
      </c>
      <c r="AO38728">
        <v>17</v>
      </c>
      <c r="AP38728">
        <v>17</v>
      </c>
      <c r="AQ38728">
        <v>17</v>
      </c>
    </row>
    <row r="38729" spans="1:43">
      <c r="A38729" t="s">
        <v>24021</v>
      </c>
      <c r="B38729" t="s">
        <v>24022</v>
      </c>
      <c r="C38729" t="s">
        <v>24009</v>
      </c>
      <c r="D38729" t="s">
        <v>24010</v>
      </c>
      <c r="E38729" t="s">
        <v>23993</v>
      </c>
      <c r="F38729" t="s">
        <v>23994</v>
      </c>
      <c r="G38729" t="s">
        <v>11612</v>
      </c>
      <c r="H38729" t="s">
        <v>11613</v>
      </c>
      <c r="I38729" s="2">
        <v>0</v>
      </c>
      <c r="J38729" s="2">
        <v>0</v>
      </c>
      <c r="K38729" s="2">
        <v>1</v>
      </c>
      <c r="L38729" t="s">
        <v>995</v>
      </c>
      <c r="M38729" t="s">
        <v>83</v>
      </c>
      <c r="N38729" t="s">
        <v>91</v>
      </c>
      <c r="O38729" t="s">
        <v>85</v>
      </c>
      <c r="P38729" t="s">
        <v>86</v>
      </c>
      <c r="Q38729">
        <v>14</v>
      </c>
      <c r="R38729">
        <v>14</v>
      </c>
      <c r="S38729">
        <v>14</v>
      </c>
      <c r="T38729">
        <v>14</v>
      </c>
      <c r="U38729">
        <v>14</v>
      </c>
      <c r="V38729">
        <v>15</v>
      </c>
      <c r="W38729">
        <v>15</v>
      </c>
      <c r="X38729">
        <v>15</v>
      </c>
      <c r="Y38729">
        <v>15</v>
      </c>
      <c r="Z38729">
        <v>15</v>
      </c>
      <c r="AA38729">
        <v>15</v>
      </c>
      <c r="AB38729">
        <v>16</v>
      </c>
      <c r="AC38729">
        <v>16</v>
      </c>
      <c r="AD38729">
        <v>16</v>
      </c>
      <c r="AE38729">
        <v>16</v>
      </c>
      <c r="AF38729">
        <v>16</v>
      </c>
      <c r="AG38729">
        <v>16</v>
      </c>
      <c r="AH38729">
        <v>16</v>
      </c>
      <c r="AI38729">
        <v>17</v>
      </c>
      <c r="AJ38729">
        <v>17</v>
      </c>
      <c r="AK38729">
        <v>17</v>
      </c>
      <c r="AL38729">
        <v>17</v>
      </c>
      <c r="AM38729">
        <v>17</v>
      </c>
      <c r="AN38729">
        <v>17</v>
      </c>
      <c r="AO38729">
        <v>17</v>
      </c>
      <c r="AP38729">
        <v>17</v>
      </c>
      <c r="AQ38729">
        <v>17</v>
      </c>
    </row>
    <row r="38730" spans="1:43">
      <c r="A38730" t="s">
        <v>24023</v>
      </c>
      <c r="B38730" t="s">
        <v>24024</v>
      </c>
      <c r="C38730" t="s">
        <v>24009</v>
      </c>
      <c r="D38730" t="s">
        <v>24010</v>
      </c>
      <c r="E38730" t="s">
        <v>23993</v>
      </c>
      <c r="F38730" t="s">
        <v>23994</v>
      </c>
      <c r="G38730" t="s">
        <v>11612</v>
      </c>
      <c r="H38730" t="s">
        <v>11613</v>
      </c>
      <c r="I38730" s="2">
        <v>0</v>
      </c>
      <c r="J38730" s="2">
        <v>0</v>
      </c>
      <c r="K38730" s="2">
        <v>1</v>
      </c>
      <c r="L38730" t="s">
        <v>995</v>
      </c>
      <c r="M38730" t="s">
        <v>83</v>
      </c>
      <c r="N38730" t="s">
        <v>84</v>
      </c>
      <c r="O38730" t="s">
        <v>85</v>
      </c>
      <c r="P38730" t="s">
        <v>86</v>
      </c>
      <c r="Q38730">
        <v>8</v>
      </c>
      <c r="R38730">
        <v>9</v>
      </c>
      <c r="S38730">
        <v>9</v>
      </c>
      <c r="T38730">
        <v>9</v>
      </c>
      <c r="U38730">
        <v>9</v>
      </c>
      <c r="V38730">
        <v>9</v>
      </c>
      <c r="W38730">
        <v>9</v>
      </c>
      <c r="X38730">
        <v>9</v>
      </c>
      <c r="Y38730">
        <v>9</v>
      </c>
      <c r="Z38730">
        <v>10</v>
      </c>
      <c r="AA38730">
        <v>10</v>
      </c>
      <c r="AB38730">
        <v>10</v>
      </c>
      <c r="AC38730">
        <v>10</v>
      </c>
      <c r="AD38730">
        <v>10</v>
      </c>
      <c r="AE38730">
        <v>10</v>
      </c>
      <c r="AF38730">
        <v>10</v>
      </c>
      <c r="AG38730">
        <v>10</v>
      </c>
      <c r="AH38730">
        <v>10</v>
      </c>
      <c r="AI38730">
        <v>10</v>
      </c>
      <c r="AJ38730">
        <v>10</v>
      </c>
      <c r="AK38730">
        <v>10</v>
      </c>
      <c r="AL38730">
        <v>10</v>
      </c>
      <c r="AM38730">
        <v>10</v>
      </c>
      <c r="AN38730">
        <v>10</v>
      </c>
      <c r="AO38730">
        <v>10</v>
      </c>
      <c r="AP38730">
        <v>10</v>
      </c>
      <c r="AQ38730">
        <v>10</v>
      </c>
    </row>
    <row r="38731" spans="1:43">
      <c r="A38731" t="s">
        <v>24023</v>
      </c>
      <c r="B38731" t="s">
        <v>24024</v>
      </c>
      <c r="C38731" t="s">
        <v>24009</v>
      </c>
      <c r="D38731" t="s">
        <v>24010</v>
      </c>
      <c r="E38731" t="s">
        <v>23993</v>
      </c>
      <c r="F38731" t="s">
        <v>23994</v>
      </c>
      <c r="G38731" t="s">
        <v>11612</v>
      </c>
      <c r="H38731" t="s">
        <v>11613</v>
      </c>
      <c r="I38731" s="2">
        <v>0</v>
      </c>
      <c r="J38731" s="2">
        <v>0</v>
      </c>
      <c r="K38731" s="2">
        <v>1</v>
      </c>
      <c r="L38731" t="s">
        <v>995</v>
      </c>
      <c r="M38731" t="s">
        <v>87</v>
      </c>
      <c r="N38731" t="s">
        <v>88</v>
      </c>
      <c r="O38731" t="s">
        <v>85</v>
      </c>
      <c r="P38731" t="s">
        <v>86</v>
      </c>
      <c r="Q38731">
        <v>8</v>
      </c>
      <c r="R38731">
        <v>8</v>
      </c>
      <c r="S38731">
        <v>8</v>
      </c>
      <c r="T38731">
        <v>9</v>
      </c>
      <c r="U38731">
        <v>9</v>
      </c>
      <c r="V38731">
        <v>9</v>
      </c>
      <c r="W38731">
        <v>9</v>
      </c>
      <c r="X38731">
        <v>9</v>
      </c>
      <c r="Y38731">
        <v>9</v>
      </c>
      <c r="Z38731">
        <v>9</v>
      </c>
      <c r="AA38731">
        <v>9</v>
      </c>
      <c r="AB38731">
        <v>9</v>
      </c>
      <c r="AC38731">
        <v>9</v>
      </c>
      <c r="AD38731">
        <v>9</v>
      </c>
      <c r="AE38731">
        <v>9</v>
      </c>
      <c r="AF38731">
        <v>9</v>
      </c>
      <c r="AG38731">
        <v>9</v>
      </c>
      <c r="AH38731">
        <v>9</v>
      </c>
      <c r="AI38731">
        <v>9</v>
      </c>
      <c r="AJ38731">
        <v>9</v>
      </c>
      <c r="AK38731">
        <v>9</v>
      </c>
      <c r="AL38731">
        <v>9</v>
      </c>
      <c r="AM38731">
        <v>9</v>
      </c>
      <c r="AN38731">
        <v>9</v>
      </c>
      <c r="AO38731">
        <v>9</v>
      </c>
      <c r="AP38731">
        <v>9</v>
      </c>
      <c r="AQ38731">
        <v>9</v>
      </c>
    </row>
    <row r="38732" spans="1:43">
      <c r="A38732" t="s">
        <v>24023</v>
      </c>
      <c r="B38732" t="s">
        <v>24024</v>
      </c>
      <c r="C38732" t="s">
        <v>24009</v>
      </c>
      <c r="D38732" t="s">
        <v>24010</v>
      </c>
      <c r="E38732" t="s">
        <v>23993</v>
      </c>
      <c r="F38732" t="s">
        <v>23994</v>
      </c>
      <c r="G38732" t="s">
        <v>11612</v>
      </c>
      <c r="H38732" t="s">
        <v>11613</v>
      </c>
      <c r="I38732" s="2">
        <v>0</v>
      </c>
      <c r="J38732" s="2">
        <v>0</v>
      </c>
      <c r="K38732" s="2">
        <v>1</v>
      </c>
      <c r="L38732" t="s">
        <v>995</v>
      </c>
      <c r="M38732" t="s">
        <v>89</v>
      </c>
      <c r="N38732" t="s">
        <v>90</v>
      </c>
      <c r="O38732" t="s">
        <v>85</v>
      </c>
      <c r="P38732" t="s">
        <v>86</v>
      </c>
      <c r="Q38732">
        <v>8</v>
      </c>
      <c r="R38732">
        <v>8</v>
      </c>
      <c r="S38732">
        <v>8</v>
      </c>
      <c r="T38732">
        <v>8</v>
      </c>
      <c r="U38732">
        <v>8</v>
      </c>
      <c r="V38732">
        <v>8</v>
      </c>
      <c r="W38732">
        <v>9</v>
      </c>
      <c r="X38732">
        <v>9</v>
      </c>
      <c r="Y38732">
        <v>9</v>
      </c>
      <c r="Z38732">
        <v>9</v>
      </c>
      <c r="AA38732">
        <v>9</v>
      </c>
      <c r="AB38732">
        <v>9</v>
      </c>
      <c r="AC38732">
        <v>9</v>
      </c>
      <c r="AD38732">
        <v>10</v>
      </c>
      <c r="AE38732">
        <v>10</v>
      </c>
      <c r="AF38732">
        <v>10</v>
      </c>
      <c r="AG38732">
        <v>10</v>
      </c>
      <c r="AH38732">
        <v>10</v>
      </c>
      <c r="AI38732">
        <v>10</v>
      </c>
      <c r="AJ38732">
        <v>10</v>
      </c>
      <c r="AK38732">
        <v>10</v>
      </c>
      <c r="AL38732">
        <v>10</v>
      </c>
      <c r="AM38732">
        <v>10</v>
      </c>
      <c r="AN38732">
        <v>10</v>
      </c>
      <c r="AO38732">
        <v>10</v>
      </c>
      <c r="AP38732">
        <v>10</v>
      </c>
      <c r="AQ38732">
        <v>10</v>
      </c>
    </row>
    <row r="38733" spans="1:43">
      <c r="A38733" t="s">
        <v>24023</v>
      </c>
      <c r="B38733" t="s">
        <v>24024</v>
      </c>
      <c r="C38733" t="s">
        <v>24009</v>
      </c>
      <c r="D38733" t="s">
        <v>24010</v>
      </c>
      <c r="E38733" t="s">
        <v>23993</v>
      </c>
      <c r="F38733" t="s">
        <v>23994</v>
      </c>
      <c r="G38733" t="s">
        <v>11612</v>
      </c>
      <c r="H38733" t="s">
        <v>11613</v>
      </c>
      <c r="I38733" s="2">
        <v>0</v>
      </c>
      <c r="J38733" s="2">
        <v>0</v>
      </c>
      <c r="K38733" s="2">
        <v>1</v>
      </c>
      <c r="L38733" t="s">
        <v>995</v>
      </c>
      <c r="M38733" t="s">
        <v>83</v>
      </c>
      <c r="N38733" t="s">
        <v>91</v>
      </c>
      <c r="O38733" t="s">
        <v>85</v>
      </c>
      <c r="P38733" t="s">
        <v>86</v>
      </c>
      <c r="Q38733">
        <v>8</v>
      </c>
      <c r="R38733">
        <v>9</v>
      </c>
      <c r="S38733">
        <v>9</v>
      </c>
      <c r="T38733">
        <v>9</v>
      </c>
      <c r="U38733">
        <v>9</v>
      </c>
      <c r="V38733">
        <v>9</v>
      </c>
      <c r="W38733">
        <v>9</v>
      </c>
      <c r="X38733">
        <v>9</v>
      </c>
      <c r="Y38733">
        <v>9</v>
      </c>
      <c r="Z38733">
        <v>10</v>
      </c>
      <c r="AA38733">
        <v>10</v>
      </c>
      <c r="AB38733">
        <v>10</v>
      </c>
      <c r="AC38733">
        <v>10</v>
      </c>
      <c r="AD38733">
        <v>10</v>
      </c>
      <c r="AE38733">
        <v>10</v>
      </c>
      <c r="AF38733">
        <v>10</v>
      </c>
      <c r="AG38733">
        <v>10</v>
      </c>
      <c r="AH38733">
        <v>10</v>
      </c>
      <c r="AI38733">
        <v>10</v>
      </c>
      <c r="AJ38733">
        <v>10</v>
      </c>
      <c r="AK38733">
        <v>10</v>
      </c>
      <c r="AL38733">
        <v>10</v>
      </c>
      <c r="AM38733">
        <v>10</v>
      </c>
      <c r="AN38733">
        <v>10</v>
      </c>
      <c r="AO38733">
        <v>10</v>
      </c>
      <c r="AP38733">
        <v>10</v>
      </c>
      <c r="AQ38733">
        <v>10</v>
      </c>
    </row>
    <row r="38734" spans="1:43">
      <c r="A38734" t="s">
        <v>24025</v>
      </c>
      <c r="B38734" t="s">
        <v>24026</v>
      </c>
      <c r="C38734" t="s">
        <v>24027</v>
      </c>
      <c r="D38734" t="s">
        <v>24028</v>
      </c>
      <c r="E38734" t="s">
        <v>23993</v>
      </c>
      <c r="F38734" t="s">
        <v>23994</v>
      </c>
      <c r="G38734" t="s">
        <v>11612</v>
      </c>
      <c r="H38734" t="s">
        <v>11613</v>
      </c>
      <c r="I38734" s="2">
        <v>0</v>
      </c>
      <c r="J38734" s="2">
        <v>0</v>
      </c>
      <c r="K38734" s="2">
        <v>1</v>
      </c>
      <c r="L38734" t="s">
        <v>995</v>
      </c>
      <c r="M38734" t="s">
        <v>83</v>
      </c>
      <c r="N38734" t="s">
        <v>84</v>
      </c>
      <c r="O38734" t="s">
        <v>85</v>
      </c>
      <c r="P38734" t="s">
        <v>86</v>
      </c>
      <c r="Q38734">
        <v>19</v>
      </c>
      <c r="R38734">
        <v>19</v>
      </c>
      <c r="S38734">
        <v>19</v>
      </c>
      <c r="T38734">
        <v>19</v>
      </c>
      <c r="U38734">
        <v>20</v>
      </c>
      <c r="V38734">
        <v>20</v>
      </c>
      <c r="W38734">
        <v>20</v>
      </c>
      <c r="X38734">
        <v>20</v>
      </c>
      <c r="Y38734">
        <v>21</v>
      </c>
      <c r="Z38734">
        <v>21</v>
      </c>
      <c r="AA38734">
        <v>21</v>
      </c>
      <c r="AB38734">
        <v>21</v>
      </c>
      <c r="AC38734">
        <v>21</v>
      </c>
      <c r="AD38734">
        <v>22</v>
      </c>
      <c r="AE38734">
        <v>22</v>
      </c>
      <c r="AF38734">
        <v>22</v>
      </c>
      <c r="AG38734">
        <v>22</v>
      </c>
      <c r="AH38734">
        <v>22</v>
      </c>
      <c r="AI38734">
        <v>22</v>
      </c>
      <c r="AJ38734">
        <v>23</v>
      </c>
      <c r="AK38734">
        <v>23</v>
      </c>
      <c r="AL38734">
        <v>23</v>
      </c>
      <c r="AM38734">
        <v>23</v>
      </c>
      <c r="AN38734">
        <v>23</v>
      </c>
      <c r="AO38734">
        <v>23</v>
      </c>
      <c r="AP38734">
        <v>22</v>
      </c>
      <c r="AQ38734">
        <v>22</v>
      </c>
    </row>
    <row r="38735" spans="1:43">
      <c r="A38735" t="s">
        <v>24025</v>
      </c>
      <c r="B38735" t="s">
        <v>24026</v>
      </c>
      <c r="C38735" t="s">
        <v>24027</v>
      </c>
      <c r="D38735" t="s">
        <v>24028</v>
      </c>
      <c r="E38735" t="s">
        <v>23993</v>
      </c>
      <c r="F38735" t="s">
        <v>23994</v>
      </c>
      <c r="G38735" t="s">
        <v>11612</v>
      </c>
      <c r="H38735" t="s">
        <v>11613</v>
      </c>
      <c r="I38735" s="2">
        <v>0</v>
      </c>
      <c r="J38735" s="2">
        <v>0</v>
      </c>
      <c r="K38735" s="2">
        <v>1</v>
      </c>
      <c r="L38735" t="s">
        <v>995</v>
      </c>
      <c r="M38735" t="s">
        <v>87</v>
      </c>
      <c r="N38735" t="s">
        <v>88</v>
      </c>
      <c r="O38735" t="s">
        <v>85</v>
      </c>
      <c r="P38735" t="s">
        <v>86</v>
      </c>
      <c r="Q38735">
        <v>19</v>
      </c>
      <c r="R38735">
        <v>19</v>
      </c>
      <c r="S38735">
        <v>20</v>
      </c>
      <c r="T38735">
        <v>20</v>
      </c>
      <c r="U38735">
        <v>20</v>
      </c>
      <c r="V38735">
        <v>20</v>
      </c>
      <c r="W38735">
        <v>20</v>
      </c>
      <c r="X38735">
        <v>20</v>
      </c>
      <c r="Y38735">
        <v>20</v>
      </c>
      <c r="Z38735">
        <v>20</v>
      </c>
      <c r="AA38735">
        <v>20</v>
      </c>
      <c r="AB38735">
        <v>20</v>
      </c>
      <c r="AC38735">
        <v>20</v>
      </c>
      <c r="AD38735">
        <v>20</v>
      </c>
      <c r="AE38735">
        <v>20</v>
      </c>
      <c r="AF38735">
        <v>20</v>
      </c>
      <c r="AG38735">
        <v>20</v>
      </c>
      <c r="AH38735">
        <v>20</v>
      </c>
      <c r="AI38735">
        <v>20</v>
      </c>
      <c r="AJ38735">
        <v>21</v>
      </c>
      <c r="AK38735">
        <v>21</v>
      </c>
      <c r="AL38735">
        <v>21</v>
      </c>
      <c r="AM38735">
        <v>21</v>
      </c>
      <c r="AN38735">
        <v>21</v>
      </c>
      <c r="AO38735">
        <v>21</v>
      </c>
      <c r="AP38735">
        <v>21</v>
      </c>
      <c r="AQ38735">
        <v>21</v>
      </c>
    </row>
    <row r="38736" spans="1:43">
      <c r="A38736" t="s">
        <v>24025</v>
      </c>
      <c r="B38736" t="s">
        <v>24026</v>
      </c>
      <c r="C38736" t="s">
        <v>24027</v>
      </c>
      <c r="D38736" t="s">
        <v>24028</v>
      </c>
      <c r="E38736" t="s">
        <v>23993</v>
      </c>
      <c r="F38736" t="s">
        <v>23994</v>
      </c>
      <c r="G38736" t="s">
        <v>11612</v>
      </c>
      <c r="H38736" t="s">
        <v>11613</v>
      </c>
      <c r="I38736" s="2">
        <v>0</v>
      </c>
      <c r="J38736" s="2">
        <v>0</v>
      </c>
      <c r="K38736" s="2">
        <v>1</v>
      </c>
      <c r="L38736" t="s">
        <v>995</v>
      </c>
      <c r="M38736" t="s">
        <v>89</v>
      </c>
      <c r="N38736" t="s">
        <v>90</v>
      </c>
      <c r="O38736" t="s">
        <v>85</v>
      </c>
      <c r="P38736" t="s">
        <v>86</v>
      </c>
      <c r="Q38736">
        <v>19</v>
      </c>
      <c r="R38736">
        <v>19</v>
      </c>
      <c r="S38736">
        <v>20</v>
      </c>
      <c r="T38736">
        <v>20</v>
      </c>
      <c r="U38736">
        <v>20</v>
      </c>
      <c r="V38736">
        <v>21</v>
      </c>
      <c r="W38736">
        <v>21</v>
      </c>
      <c r="X38736">
        <v>21</v>
      </c>
      <c r="Y38736">
        <v>22</v>
      </c>
      <c r="Z38736">
        <v>22</v>
      </c>
      <c r="AA38736">
        <v>22</v>
      </c>
      <c r="AB38736">
        <v>23</v>
      </c>
      <c r="AC38736">
        <v>23</v>
      </c>
      <c r="AD38736">
        <v>23</v>
      </c>
      <c r="AE38736">
        <v>23</v>
      </c>
      <c r="AF38736">
        <v>23</v>
      </c>
      <c r="AG38736">
        <v>23</v>
      </c>
      <c r="AH38736">
        <v>23</v>
      </c>
      <c r="AI38736">
        <v>23</v>
      </c>
      <c r="AJ38736">
        <v>23</v>
      </c>
      <c r="AK38736">
        <v>23</v>
      </c>
      <c r="AL38736">
        <v>23</v>
      </c>
      <c r="AM38736">
        <v>23</v>
      </c>
      <c r="AN38736">
        <v>23</v>
      </c>
      <c r="AO38736">
        <v>23</v>
      </c>
      <c r="AP38736">
        <v>23</v>
      </c>
      <c r="AQ38736">
        <v>23</v>
      </c>
    </row>
    <row r="38737" spans="1:43">
      <c r="A38737" t="s">
        <v>24025</v>
      </c>
      <c r="B38737" t="s">
        <v>24026</v>
      </c>
      <c r="C38737" t="s">
        <v>24027</v>
      </c>
      <c r="D38737" t="s">
        <v>24028</v>
      </c>
      <c r="E38737" t="s">
        <v>23993</v>
      </c>
      <c r="F38737" t="s">
        <v>23994</v>
      </c>
      <c r="G38737" t="s">
        <v>11612</v>
      </c>
      <c r="H38737" t="s">
        <v>11613</v>
      </c>
      <c r="I38737" s="2">
        <v>0</v>
      </c>
      <c r="J38737" s="2">
        <v>0</v>
      </c>
      <c r="K38737" s="2">
        <v>1</v>
      </c>
      <c r="L38737" t="s">
        <v>995</v>
      </c>
      <c r="M38737" t="s">
        <v>83</v>
      </c>
      <c r="N38737" t="s">
        <v>91</v>
      </c>
      <c r="O38737" t="s">
        <v>85</v>
      </c>
      <c r="P38737" t="s">
        <v>86</v>
      </c>
      <c r="Q38737">
        <v>19</v>
      </c>
      <c r="R38737">
        <v>19</v>
      </c>
      <c r="S38737">
        <v>19</v>
      </c>
      <c r="T38737">
        <v>19</v>
      </c>
      <c r="U38737">
        <v>20</v>
      </c>
      <c r="V38737">
        <v>20</v>
      </c>
      <c r="W38737">
        <v>20</v>
      </c>
      <c r="X38737">
        <v>20</v>
      </c>
      <c r="Y38737">
        <v>21</v>
      </c>
      <c r="Z38737">
        <v>21</v>
      </c>
      <c r="AA38737">
        <v>21</v>
      </c>
      <c r="AB38737">
        <v>21</v>
      </c>
      <c r="AC38737">
        <v>21</v>
      </c>
      <c r="AD38737">
        <v>22</v>
      </c>
      <c r="AE38737">
        <v>22</v>
      </c>
      <c r="AF38737">
        <v>22</v>
      </c>
      <c r="AG38737">
        <v>22</v>
      </c>
      <c r="AH38737">
        <v>22</v>
      </c>
      <c r="AI38737">
        <v>22</v>
      </c>
      <c r="AJ38737">
        <v>23</v>
      </c>
      <c r="AK38737">
        <v>23</v>
      </c>
      <c r="AL38737">
        <v>23</v>
      </c>
      <c r="AM38737">
        <v>23</v>
      </c>
      <c r="AN38737">
        <v>23</v>
      </c>
      <c r="AO38737">
        <v>23</v>
      </c>
      <c r="AP38737">
        <v>22</v>
      </c>
      <c r="AQ38737">
        <v>22</v>
      </c>
    </row>
    <row r="38738" spans="1:43">
      <c r="A38738" t="s">
        <v>24029</v>
      </c>
      <c r="B38738" t="s">
        <v>24030</v>
      </c>
      <c r="C38738" t="s">
        <v>24027</v>
      </c>
      <c r="D38738" t="s">
        <v>24028</v>
      </c>
      <c r="E38738" t="s">
        <v>23993</v>
      </c>
      <c r="F38738" t="s">
        <v>23994</v>
      </c>
      <c r="G38738" t="s">
        <v>11612</v>
      </c>
      <c r="H38738" t="s">
        <v>11613</v>
      </c>
      <c r="I38738" s="2">
        <v>0</v>
      </c>
      <c r="J38738" s="2">
        <v>0</v>
      </c>
      <c r="K38738" s="2">
        <v>1</v>
      </c>
      <c r="L38738" t="s">
        <v>995</v>
      </c>
      <c r="M38738" t="s">
        <v>83</v>
      </c>
      <c r="N38738" t="s">
        <v>84</v>
      </c>
      <c r="O38738" t="s">
        <v>85</v>
      </c>
      <c r="P38738" t="s">
        <v>86</v>
      </c>
      <c r="Q38738">
        <v>16</v>
      </c>
      <c r="R38738">
        <v>16</v>
      </c>
      <c r="S38738">
        <v>16</v>
      </c>
      <c r="T38738">
        <v>16</v>
      </c>
      <c r="U38738">
        <v>16</v>
      </c>
      <c r="V38738">
        <v>17</v>
      </c>
      <c r="W38738">
        <v>17</v>
      </c>
      <c r="X38738">
        <v>17</v>
      </c>
      <c r="Y38738">
        <v>17</v>
      </c>
      <c r="Z38738">
        <v>18</v>
      </c>
      <c r="AA38738">
        <v>18</v>
      </c>
      <c r="AB38738">
        <v>18</v>
      </c>
      <c r="AC38738">
        <v>18</v>
      </c>
      <c r="AD38738">
        <v>18</v>
      </c>
      <c r="AE38738">
        <v>18</v>
      </c>
      <c r="AF38738">
        <v>19</v>
      </c>
      <c r="AG38738">
        <v>19</v>
      </c>
      <c r="AH38738">
        <v>19</v>
      </c>
      <c r="AI38738">
        <v>19</v>
      </c>
      <c r="AJ38738">
        <v>19</v>
      </c>
      <c r="AK38738">
        <v>19</v>
      </c>
      <c r="AL38738">
        <v>19</v>
      </c>
      <c r="AM38738">
        <v>19</v>
      </c>
      <c r="AN38738">
        <v>19</v>
      </c>
      <c r="AO38738">
        <v>19</v>
      </c>
      <c r="AP38738">
        <v>19</v>
      </c>
      <c r="AQ38738">
        <v>19</v>
      </c>
    </row>
    <row r="38739" spans="1:43">
      <c r="A38739" t="s">
        <v>24029</v>
      </c>
      <c r="B38739" t="s">
        <v>24030</v>
      </c>
      <c r="C38739" t="s">
        <v>24027</v>
      </c>
      <c r="D38739" t="s">
        <v>24028</v>
      </c>
      <c r="E38739" t="s">
        <v>23993</v>
      </c>
      <c r="F38739" t="s">
        <v>23994</v>
      </c>
      <c r="G38739" t="s">
        <v>11612</v>
      </c>
      <c r="H38739" t="s">
        <v>11613</v>
      </c>
      <c r="I38739" s="2">
        <v>0</v>
      </c>
      <c r="J38739" s="2">
        <v>0</v>
      </c>
      <c r="K38739" s="2">
        <v>1</v>
      </c>
      <c r="L38739" t="s">
        <v>995</v>
      </c>
      <c r="M38739" t="s">
        <v>87</v>
      </c>
      <c r="N38739" t="s">
        <v>88</v>
      </c>
      <c r="O38739" t="s">
        <v>85</v>
      </c>
      <c r="P38739" t="s">
        <v>86</v>
      </c>
      <c r="Q38739">
        <v>16</v>
      </c>
      <c r="R38739">
        <v>17</v>
      </c>
      <c r="S38739">
        <v>17</v>
      </c>
      <c r="T38739">
        <v>17</v>
      </c>
      <c r="U38739">
        <v>17</v>
      </c>
      <c r="V38739">
        <v>17</v>
      </c>
      <c r="W38739">
        <v>17</v>
      </c>
      <c r="X38739">
        <v>17</v>
      </c>
      <c r="Y38739">
        <v>17</v>
      </c>
      <c r="Z38739">
        <v>17</v>
      </c>
      <c r="AA38739">
        <v>17</v>
      </c>
      <c r="AB38739">
        <v>17</v>
      </c>
      <c r="AC38739">
        <v>17</v>
      </c>
      <c r="AD38739">
        <v>17</v>
      </c>
      <c r="AE38739">
        <v>17</v>
      </c>
      <c r="AF38739">
        <v>17</v>
      </c>
      <c r="AG38739">
        <v>17</v>
      </c>
      <c r="AH38739">
        <v>17</v>
      </c>
      <c r="AI38739">
        <v>17</v>
      </c>
      <c r="AJ38739">
        <v>17</v>
      </c>
      <c r="AK38739">
        <v>18</v>
      </c>
      <c r="AL38739">
        <v>18</v>
      </c>
      <c r="AM38739">
        <v>18</v>
      </c>
      <c r="AN38739">
        <v>18</v>
      </c>
      <c r="AO38739">
        <v>18</v>
      </c>
      <c r="AP38739">
        <v>18</v>
      </c>
      <c r="AQ38739">
        <v>18</v>
      </c>
    </row>
    <row r="38740" spans="1:43">
      <c r="A38740" t="s">
        <v>24029</v>
      </c>
      <c r="B38740" t="s">
        <v>24030</v>
      </c>
      <c r="C38740" t="s">
        <v>24027</v>
      </c>
      <c r="D38740" t="s">
        <v>24028</v>
      </c>
      <c r="E38740" t="s">
        <v>23993</v>
      </c>
      <c r="F38740" t="s">
        <v>23994</v>
      </c>
      <c r="G38740" t="s">
        <v>11612</v>
      </c>
      <c r="H38740" t="s">
        <v>11613</v>
      </c>
      <c r="I38740" s="2">
        <v>0</v>
      </c>
      <c r="J38740" s="2">
        <v>0</v>
      </c>
      <c r="K38740" s="2">
        <v>1</v>
      </c>
      <c r="L38740" t="s">
        <v>995</v>
      </c>
      <c r="M38740" t="s">
        <v>89</v>
      </c>
      <c r="N38740" t="s">
        <v>90</v>
      </c>
      <c r="O38740" t="s">
        <v>85</v>
      </c>
      <c r="P38740" t="s">
        <v>86</v>
      </c>
      <c r="Q38740">
        <v>16</v>
      </c>
      <c r="R38740">
        <v>16</v>
      </c>
      <c r="S38740">
        <v>16</v>
      </c>
      <c r="T38740">
        <v>17</v>
      </c>
      <c r="U38740">
        <v>17</v>
      </c>
      <c r="V38740">
        <v>17</v>
      </c>
      <c r="W38740">
        <v>18</v>
      </c>
      <c r="X38740">
        <v>18</v>
      </c>
      <c r="Y38740">
        <v>18</v>
      </c>
      <c r="Z38740">
        <v>19</v>
      </c>
      <c r="AA38740">
        <v>19</v>
      </c>
      <c r="AB38740">
        <v>19</v>
      </c>
      <c r="AC38740">
        <v>19</v>
      </c>
      <c r="AD38740">
        <v>19</v>
      </c>
      <c r="AE38740">
        <v>20</v>
      </c>
      <c r="AF38740">
        <v>20</v>
      </c>
      <c r="AG38740">
        <v>20</v>
      </c>
      <c r="AH38740">
        <v>20</v>
      </c>
      <c r="AI38740">
        <v>20</v>
      </c>
      <c r="AJ38740">
        <v>19</v>
      </c>
      <c r="AK38740">
        <v>19</v>
      </c>
      <c r="AL38740">
        <v>19</v>
      </c>
      <c r="AM38740">
        <v>19</v>
      </c>
      <c r="AN38740">
        <v>19</v>
      </c>
      <c r="AO38740">
        <v>19</v>
      </c>
      <c r="AP38740">
        <v>19</v>
      </c>
      <c r="AQ38740">
        <v>19</v>
      </c>
    </row>
    <row r="38741" spans="1:43">
      <c r="A38741" t="s">
        <v>24029</v>
      </c>
      <c r="B38741" t="s">
        <v>24030</v>
      </c>
      <c r="C38741" t="s">
        <v>24027</v>
      </c>
      <c r="D38741" t="s">
        <v>24028</v>
      </c>
      <c r="E38741" t="s">
        <v>23993</v>
      </c>
      <c r="F38741" t="s">
        <v>23994</v>
      </c>
      <c r="G38741" t="s">
        <v>11612</v>
      </c>
      <c r="H38741" t="s">
        <v>11613</v>
      </c>
      <c r="I38741" s="2">
        <v>0</v>
      </c>
      <c r="J38741" s="2">
        <v>0</v>
      </c>
      <c r="K38741" s="2">
        <v>1</v>
      </c>
      <c r="L38741" t="s">
        <v>995</v>
      </c>
      <c r="M38741" t="s">
        <v>83</v>
      </c>
      <c r="N38741" t="s">
        <v>91</v>
      </c>
      <c r="O38741" t="s">
        <v>85</v>
      </c>
      <c r="P38741" t="s">
        <v>86</v>
      </c>
      <c r="Q38741">
        <v>16</v>
      </c>
      <c r="R38741">
        <v>16</v>
      </c>
      <c r="S38741">
        <v>16</v>
      </c>
      <c r="T38741">
        <v>16</v>
      </c>
      <c r="U38741">
        <v>16</v>
      </c>
      <c r="V38741">
        <v>17</v>
      </c>
      <c r="W38741">
        <v>17</v>
      </c>
      <c r="X38741">
        <v>17</v>
      </c>
      <c r="Y38741">
        <v>17</v>
      </c>
      <c r="Z38741">
        <v>18</v>
      </c>
      <c r="AA38741">
        <v>18</v>
      </c>
      <c r="AB38741">
        <v>18</v>
      </c>
      <c r="AC38741">
        <v>18</v>
      </c>
      <c r="AD38741">
        <v>18</v>
      </c>
      <c r="AE38741">
        <v>18</v>
      </c>
      <c r="AF38741">
        <v>19</v>
      </c>
      <c r="AG38741">
        <v>19</v>
      </c>
      <c r="AH38741">
        <v>19</v>
      </c>
      <c r="AI38741">
        <v>19</v>
      </c>
      <c r="AJ38741">
        <v>19</v>
      </c>
      <c r="AK38741">
        <v>19</v>
      </c>
      <c r="AL38741">
        <v>19</v>
      </c>
      <c r="AM38741">
        <v>19</v>
      </c>
      <c r="AN38741">
        <v>19</v>
      </c>
      <c r="AO38741">
        <v>19</v>
      </c>
      <c r="AP38741">
        <v>19</v>
      </c>
      <c r="AQ38741">
        <v>19</v>
      </c>
    </row>
    <row r="38742" spans="1:43">
      <c r="A38742" t="s">
        <v>24031</v>
      </c>
      <c r="B38742" t="s">
        <v>24032</v>
      </c>
      <c r="C38742" t="s">
        <v>24027</v>
      </c>
      <c r="D38742" t="s">
        <v>24028</v>
      </c>
      <c r="E38742" t="s">
        <v>23993</v>
      </c>
      <c r="F38742" t="s">
        <v>23994</v>
      </c>
      <c r="G38742" t="s">
        <v>11612</v>
      </c>
      <c r="H38742" t="s">
        <v>11613</v>
      </c>
      <c r="I38742" s="2">
        <v>0</v>
      </c>
      <c r="J38742" s="2">
        <v>0</v>
      </c>
      <c r="K38742" s="2">
        <v>1</v>
      </c>
      <c r="L38742" t="s">
        <v>995</v>
      </c>
      <c r="M38742" t="s">
        <v>83</v>
      </c>
      <c r="N38742" t="s">
        <v>84</v>
      </c>
      <c r="O38742" t="s">
        <v>85</v>
      </c>
      <c r="P38742" t="s">
        <v>86</v>
      </c>
      <c r="Q38742">
        <v>40</v>
      </c>
      <c r="R38742">
        <v>41</v>
      </c>
      <c r="S38742">
        <v>41</v>
      </c>
      <c r="T38742">
        <v>42</v>
      </c>
      <c r="U38742">
        <v>42</v>
      </c>
      <c r="V38742">
        <v>43</v>
      </c>
      <c r="W38742">
        <v>43</v>
      </c>
      <c r="X38742">
        <v>44</v>
      </c>
      <c r="Y38742">
        <v>44</v>
      </c>
      <c r="Z38742">
        <v>45</v>
      </c>
      <c r="AA38742">
        <v>45</v>
      </c>
      <c r="AB38742">
        <v>46</v>
      </c>
      <c r="AC38742">
        <v>46</v>
      </c>
      <c r="AD38742">
        <v>47</v>
      </c>
      <c r="AE38742">
        <v>47</v>
      </c>
      <c r="AF38742">
        <v>47</v>
      </c>
      <c r="AG38742">
        <v>48</v>
      </c>
      <c r="AH38742">
        <v>48</v>
      </c>
      <c r="AI38742">
        <v>49</v>
      </c>
      <c r="AJ38742">
        <v>49</v>
      </c>
      <c r="AK38742">
        <v>49</v>
      </c>
      <c r="AL38742">
        <v>49</v>
      </c>
      <c r="AM38742">
        <v>49</v>
      </c>
      <c r="AN38742">
        <v>49</v>
      </c>
      <c r="AO38742">
        <v>49</v>
      </c>
      <c r="AP38742">
        <v>49</v>
      </c>
      <c r="AQ38742">
        <v>49</v>
      </c>
    </row>
    <row r="38743" spans="1:43">
      <c r="A38743" t="s">
        <v>24031</v>
      </c>
      <c r="B38743" t="s">
        <v>24032</v>
      </c>
      <c r="C38743" t="s">
        <v>24027</v>
      </c>
      <c r="D38743" t="s">
        <v>24028</v>
      </c>
      <c r="E38743" t="s">
        <v>23993</v>
      </c>
      <c r="F38743" t="s">
        <v>23994</v>
      </c>
      <c r="G38743" t="s">
        <v>11612</v>
      </c>
      <c r="H38743" t="s">
        <v>11613</v>
      </c>
      <c r="I38743" s="2">
        <v>0</v>
      </c>
      <c r="J38743" s="2">
        <v>0</v>
      </c>
      <c r="K38743" s="2">
        <v>1</v>
      </c>
      <c r="L38743" t="s">
        <v>995</v>
      </c>
      <c r="M38743" t="s">
        <v>87</v>
      </c>
      <c r="N38743" t="s">
        <v>88</v>
      </c>
      <c r="O38743" t="s">
        <v>85</v>
      </c>
      <c r="P38743" t="s">
        <v>86</v>
      </c>
      <c r="Q38743">
        <v>40</v>
      </c>
      <c r="R38743">
        <v>40</v>
      </c>
      <c r="S38743">
        <v>40</v>
      </c>
      <c r="T38743">
        <v>40</v>
      </c>
      <c r="U38743">
        <v>40</v>
      </c>
      <c r="V38743">
        <v>41</v>
      </c>
      <c r="W38743">
        <v>41</v>
      </c>
      <c r="X38743">
        <v>41</v>
      </c>
      <c r="Y38743">
        <v>41</v>
      </c>
      <c r="Z38743">
        <v>41</v>
      </c>
      <c r="AA38743">
        <v>41</v>
      </c>
      <c r="AB38743">
        <v>41</v>
      </c>
      <c r="AC38743">
        <v>42</v>
      </c>
      <c r="AD38743">
        <v>42</v>
      </c>
      <c r="AE38743">
        <v>42</v>
      </c>
      <c r="AF38743">
        <v>42</v>
      </c>
      <c r="AG38743">
        <v>42</v>
      </c>
      <c r="AH38743">
        <v>42</v>
      </c>
      <c r="AI38743">
        <v>42</v>
      </c>
      <c r="AJ38743">
        <v>42</v>
      </c>
      <c r="AK38743">
        <v>42</v>
      </c>
      <c r="AL38743">
        <v>42</v>
      </c>
      <c r="AM38743">
        <v>42</v>
      </c>
      <c r="AN38743">
        <v>42</v>
      </c>
      <c r="AO38743">
        <v>42</v>
      </c>
      <c r="AP38743">
        <v>42</v>
      </c>
      <c r="AQ38743">
        <v>42</v>
      </c>
    </row>
    <row r="38744" spans="1:43">
      <c r="A38744" t="s">
        <v>24031</v>
      </c>
      <c r="B38744" t="s">
        <v>24032</v>
      </c>
      <c r="C38744" t="s">
        <v>24027</v>
      </c>
      <c r="D38744" t="s">
        <v>24028</v>
      </c>
      <c r="E38744" t="s">
        <v>23993</v>
      </c>
      <c r="F38744" t="s">
        <v>23994</v>
      </c>
      <c r="G38744" t="s">
        <v>11612</v>
      </c>
      <c r="H38744" t="s">
        <v>11613</v>
      </c>
      <c r="I38744" s="2">
        <v>0</v>
      </c>
      <c r="J38744" s="2">
        <v>0</v>
      </c>
      <c r="K38744" s="2">
        <v>1</v>
      </c>
      <c r="L38744" t="s">
        <v>995</v>
      </c>
      <c r="M38744" t="s">
        <v>89</v>
      </c>
      <c r="N38744" t="s">
        <v>90</v>
      </c>
      <c r="O38744" t="s">
        <v>85</v>
      </c>
      <c r="P38744" t="s">
        <v>86</v>
      </c>
      <c r="Q38744">
        <v>40</v>
      </c>
      <c r="R38744">
        <v>41</v>
      </c>
      <c r="S38744">
        <v>42</v>
      </c>
      <c r="T38744">
        <v>43</v>
      </c>
      <c r="U38744">
        <v>44</v>
      </c>
      <c r="V38744">
        <v>45</v>
      </c>
      <c r="W38744">
        <v>46</v>
      </c>
      <c r="X38744">
        <v>46</v>
      </c>
      <c r="Y38744">
        <v>47</v>
      </c>
      <c r="Z38744">
        <v>48</v>
      </c>
      <c r="AA38744">
        <v>48</v>
      </c>
      <c r="AB38744">
        <v>49</v>
      </c>
      <c r="AC38744">
        <v>49</v>
      </c>
      <c r="AD38744">
        <v>50</v>
      </c>
      <c r="AE38744">
        <v>50</v>
      </c>
      <c r="AF38744">
        <v>50</v>
      </c>
      <c r="AG38744">
        <v>50</v>
      </c>
      <c r="AH38744">
        <v>50</v>
      </c>
      <c r="AI38744">
        <v>50</v>
      </c>
      <c r="AJ38744">
        <v>50</v>
      </c>
      <c r="AK38744">
        <v>50</v>
      </c>
      <c r="AL38744">
        <v>50</v>
      </c>
      <c r="AM38744">
        <v>49</v>
      </c>
      <c r="AN38744">
        <v>49</v>
      </c>
      <c r="AO38744">
        <v>49</v>
      </c>
      <c r="AP38744">
        <v>49</v>
      </c>
      <c r="AQ38744">
        <v>49</v>
      </c>
    </row>
    <row r="38745" spans="1:43">
      <c r="A38745" t="s">
        <v>24031</v>
      </c>
      <c r="B38745" t="s">
        <v>24032</v>
      </c>
      <c r="C38745" t="s">
        <v>24027</v>
      </c>
      <c r="D38745" t="s">
        <v>24028</v>
      </c>
      <c r="E38745" t="s">
        <v>23993</v>
      </c>
      <c r="F38745" t="s">
        <v>23994</v>
      </c>
      <c r="G38745" t="s">
        <v>11612</v>
      </c>
      <c r="H38745" t="s">
        <v>11613</v>
      </c>
      <c r="I38745" s="2">
        <v>0</v>
      </c>
      <c r="J38745" s="2">
        <v>0</v>
      </c>
      <c r="K38745" s="2">
        <v>1</v>
      </c>
      <c r="L38745" t="s">
        <v>995</v>
      </c>
      <c r="M38745" t="s">
        <v>83</v>
      </c>
      <c r="N38745" t="s">
        <v>91</v>
      </c>
      <c r="O38745" t="s">
        <v>85</v>
      </c>
      <c r="P38745" t="s">
        <v>86</v>
      </c>
      <c r="Q38745">
        <v>40</v>
      </c>
      <c r="R38745">
        <v>41</v>
      </c>
      <c r="S38745">
        <v>41</v>
      </c>
      <c r="T38745">
        <v>42</v>
      </c>
      <c r="U38745">
        <v>42</v>
      </c>
      <c r="V38745">
        <v>43</v>
      </c>
      <c r="W38745">
        <v>43</v>
      </c>
      <c r="X38745">
        <v>44</v>
      </c>
      <c r="Y38745">
        <v>44</v>
      </c>
      <c r="Z38745">
        <v>45</v>
      </c>
      <c r="AA38745">
        <v>45</v>
      </c>
      <c r="AB38745">
        <v>46</v>
      </c>
      <c r="AC38745">
        <v>46</v>
      </c>
      <c r="AD38745">
        <v>47</v>
      </c>
      <c r="AE38745">
        <v>47</v>
      </c>
      <c r="AF38745">
        <v>47</v>
      </c>
      <c r="AG38745">
        <v>48</v>
      </c>
      <c r="AH38745">
        <v>48</v>
      </c>
      <c r="AI38745">
        <v>49</v>
      </c>
      <c r="AJ38745">
        <v>49</v>
      </c>
      <c r="AK38745">
        <v>49</v>
      </c>
      <c r="AL38745">
        <v>49</v>
      </c>
      <c r="AM38745">
        <v>49</v>
      </c>
      <c r="AN38745">
        <v>49</v>
      </c>
      <c r="AO38745">
        <v>49</v>
      </c>
      <c r="AP38745">
        <v>49</v>
      </c>
      <c r="AQ38745">
        <v>49</v>
      </c>
    </row>
    <row r="38746" spans="1:43">
      <c r="A38746" t="s">
        <v>24033</v>
      </c>
      <c r="B38746" t="s">
        <v>24034</v>
      </c>
      <c r="C38746" t="s">
        <v>24027</v>
      </c>
      <c r="D38746" t="s">
        <v>24028</v>
      </c>
      <c r="E38746" t="s">
        <v>23993</v>
      </c>
      <c r="F38746" t="s">
        <v>23994</v>
      </c>
      <c r="G38746" t="s">
        <v>11612</v>
      </c>
      <c r="H38746" t="s">
        <v>11613</v>
      </c>
      <c r="I38746" s="2">
        <v>0</v>
      </c>
      <c r="J38746" s="2">
        <v>0</v>
      </c>
      <c r="K38746" s="2">
        <v>1</v>
      </c>
      <c r="L38746" t="s">
        <v>995</v>
      </c>
      <c r="M38746" t="s">
        <v>83</v>
      </c>
      <c r="N38746" t="s">
        <v>84</v>
      </c>
      <c r="O38746" t="s">
        <v>85</v>
      </c>
      <c r="P38746" t="s">
        <v>86</v>
      </c>
      <c r="Q38746">
        <v>4</v>
      </c>
      <c r="R38746">
        <v>4</v>
      </c>
      <c r="S38746">
        <v>5</v>
      </c>
      <c r="T38746">
        <v>5</v>
      </c>
      <c r="U38746">
        <v>5</v>
      </c>
      <c r="V38746">
        <v>5</v>
      </c>
      <c r="W38746">
        <v>5</v>
      </c>
      <c r="X38746">
        <v>5</v>
      </c>
      <c r="Y38746">
        <v>5</v>
      </c>
      <c r="Z38746">
        <v>5</v>
      </c>
      <c r="AA38746">
        <v>5</v>
      </c>
      <c r="AB38746">
        <v>5</v>
      </c>
      <c r="AC38746">
        <v>5</v>
      </c>
      <c r="AD38746">
        <v>5</v>
      </c>
      <c r="AE38746">
        <v>5</v>
      </c>
      <c r="AF38746">
        <v>5</v>
      </c>
      <c r="AG38746">
        <v>5</v>
      </c>
      <c r="AH38746">
        <v>5</v>
      </c>
      <c r="AI38746">
        <v>5</v>
      </c>
      <c r="AJ38746">
        <v>5</v>
      </c>
      <c r="AK38746">
        <v>5</v>
      </c>
      <c r="AL38746">
        <v>5</v>
      </c>
      <c r="AM38746">
        <v>5</v>
      </c>
      <c r="AN38746">
        <v>5</v>
      </c>
      <c r="AO38746">
        <v>5</v>
      </c>
      <c r="AP38746">
        <v>5</v>
      </c>
      <c r="AQ38746">
        <v>5</v>
      </c>
    </row>
    <row r="38747" spans="1:43">
      <c r="A38747" t="s">
        <v>24033</v>
      </c>
      <c r="B38747" t="s">
        <v>24034</v>
      </c>
      <c r="C38747" t="s">
        <v>24027</v>
      </c>
      <c r="D38747" t="s">
        <v>24028</v>
      </c>
      <c r="E38747" t="s">
        <v>23993</v>
      </c>
      <c r="F38747" t="s">
        <v>23994</v>
      </c>
      <c r="G38747" t="s">
        <v>11612</v>
      </c>
      <c r="H38747" t="s">
        <v>11613</v>
      </c>
      <c r="I38747" s="2">
        <v>0</v>
      </c>
      <c r="J38747" s="2">
        <v>0</v>
      </c>
      <c r="K38747" s="2">
        <v>1</v>
      </c>
      <c r="L38747" t="s">
        <v>995</v>
      </c>
      <c r="M38747" t="s">
        <v>87</v>
      </c>
      <c r="N38747" t="s">
        <v>88</v>
      </c>
      <c r="O38747" t="s">
        <v>85</v>
      </c>
      <c r="P38747" t="s">
        <v>86</v>
      </c>
      <c r="Q38747">
        <v>4</v>
      </c>
      <c r="R38747">
        <v>4</v>
      </c>
      <c r="S38747">
        <v>4</v>
      </c>
      <c r="T38747">
        <v>4</v>
      </c>
      <c r="U38747">
        <v>4</v>
      </c>
      <c r="V38747">
        <v>4</v>
      </c>
      <c r="W38747">
        <v>4</v>
      </c>
      <c r="X38747">
        <v>4</v>
      </c>
      <c r="Y38747">
        <v>4</v>
      </c>
      <c r="Z38747">
        <v>5</v>
      </c>
      <c r="AA38747">
        <v>5</v>
      </c>
      <c r="AB38747">
        <v>5</v>
      </c>
      <c r="AC38747">
        <v>5</v>
      </c>
      <c r="AD38747">
        <v>5</v>
      </c>
      <c r="AE38747">
        <v>5</v>
      </c>
      <c r="AF38747">
        <v>5</v>
      </c>
      <c r="AG38747">
        <v>5</v>
      </c>
      <c r="AH38747">
        <v>5</v>
      </c>
      <c r="AI38747">
        <v>5</v>
      </c>
      <c r="AJ38747">
        <v>5</v>
      </c>
      <c r="AK38747">
        <v>5</v>
      </c>
      <c r="AL38747">
        <v>5</v>
      </c>
      <c r="AM38747">
        <v>5</v>
      </c>
      <c r="AN38747">
        <v>5</v>
      </c>
      <c r="AO38747">
        <v>5</v>
      </c>
      <c r="AP38747">
        <v>5</v>
      </c>
      <c r="AQ38747">
        <v>5</v>
      </c>
    </row>
    <row r="38748" spans="1:43">
      <c r="A38748" t="s">
        <v>24033</v>
      </c>
      <c r="B38748" t="s">
        <v>24034</v>
      </c>
      <c r="C38748" t="s">
        <v>24027</v>
      </c>
      <c r="D38748" t="s">
        <v>24028</v>
      </c>
      <c r="E38748" t="s">
        <v>23993</v>
      </c>
      <c r="F38748" t="s">
        <v>23994</v>
      </c>
      <c r="G38748" t="s">
        <v>11612</v>
      </c>
      <c r="H38748" t="s">
        <v>11613</v>
      </c>
      <c r="I38748" s="2">
        <v>0</v>
      </c>
      <c r="J38748" s="2">
        <v>0</v>
      </c>
      <c r="K38748" s="2">
        <v>1</v>
      </c>
      <c r="L38748" t="s">
        <v>995</v>
      </c>
      <c r="M38748" t="s">
        <v>89</v>
      </c>
      <c r="N38748" t="s">
        <v>90</v>
      </c>
      <c r="O38748" t="s">
        <v>85</v>
      </c>
      <c r="P38748" t="s">
        <v>86</v>
      </c>
      <c r="Q38748">
        <v>4</v>
      </c>
      <c r="R38748">
        <v>5</v>
      </c>
      <c r="S38748">
        <v>5</v>
      </c>
      <c r="T38748">
        <v>5</v>
      </c>
      <c r="U38748">
        <v>5</v>
      </c>
      <c r="V38748">
        <v>5</v>
      </c>
      <c r="W38748">
        <v>5</v>
      </c>
      <c r="X38748">
        <v>5</v>
      </c>
      <c r="Y38748">
        <v>5</v>
      </c>
      <c r="Z38748">
        <v>5</v>
      </c>
      <c r="AA38748">
        <v>5</v>
      </c>
      <c r="AB38748">
        <v>5</v>
      </c>
      <c r="AC38748">
        <v>5</v>
      </c>
      <c r="AD38748">
        <v>5</v>
      </c>
      <c r="AE38748">
        <v>5</v>
      </c>
      <c r="AF38748">
        <v>5</v>
      </c>
      <c r="AG38748">
        <v>5</v>
      </c>
      <c r="AH38748">
        <v>5</v>
      </c>
      <c r="AI38748">
        <v>5</v>
      </c>
      <c r="AJ38748">
        <v>5</v>
      </c>
      <c r="AK38748">
        <v>5</v>
      </c>
      <c r="AL38748">
        <v>5</v>
      </c>
      <c r="AM38748">
        <v>5</v>
      </c>
      <c r="AN38748">
        <v>5</v>
      </c>
      <c r="AO38748">
        <v>5</v>
      </c>
      <c r="AP38748">
        <v>5</v>
      </c>
      <c r="AQ38748">
        <v>5</v>
      </c>
    </row>
    <row r="38749" spans="1:43">
      <c r="A38749" t="s">
        <v>24033</v>
      </c>
      <c r="B38749" t="s">
        <v>24034</v>
      </c>
      <c r="C38749" t="s">
        <v>24027</v>
      </c>
      <c r="D38749" t="s">
        <v>24028</v>
      </c>
      <c r="E38749" t="s">
        <v>23993</v>
      </c>
      <c r="F38749" t="s">
        <v>23994</v>
      </c>
      <c r="G38749" t="s">
        <v>11612</v>
      </c>
      <c r="H38749" t="s">
        <v>11613</v>
      </c>
      <c r="I38749" s="2">
        <v>0</v>
      </c>
      <c r="J38749" s="2">
        <v>0</v>
      </c>
      <c r="K38749" s="2">
        <v>1</v>
      </c>
      <c r="L38749" t="s">
        <v>995</v>
      </c>
      <c r="M38749" t="s">
        <v>83</v>
      </c>
      <c r="N38749" t="s">
        <v>91</v>
      </c>
      <c r="O38749" t="s">
        <v>85</v>
      </c>
      <c r="P38749" t="s">
        <v>86</v>
      </c>
      <c r="Q38749">
        <v>4</v>
      </c>
      <c r="R38749">
        <v>4</v>
      </c>
      <c r="S38749">
        <v>5</v>
      </c>
      <c r="T38749">
        <v>5</v>
      </c>
      <c r="U38749">
        <v>5</v>
      </c>
      <c r="V38749">
        <v>5</v>
      </c>
      <c r="W38749">
        <v>5</v>
      </c>
      <c r="X38749">
        <v>5</v>
      </c>
      <c r="Y38749">
        <v>5</v>
      </c>
      <c r="Z38749">
        <v>5</v>
      </c>
      <c r="AA38749">
        <v>5</v>
      </c>
      <c r="AB38749">
        <v>5</v>
      </c>
      <c r="AC38749">
        <v>5</v>
      </c>
      <c r="AD38749">
        <v>5</v>
      </c>
      <c r="AE38749">
        <v>5</v>
      </c>
      <c r="AF38749">
        <v>5</v>
      </c>
      <c r="AG38749">
        <v>5</v>
      </c>
      <c r="AH38749">
        <v>5</v>
      </c>
      <c r="AI38749">
        <v>5</v>
      </c>
      <c r="AJ38749">
        <v>5</v>
      </c>
      <c r="AK38749">
        <v>5</v>
      </c>
      <c r="AL38749">
        <v>5</v>
      </c>
      <c r="AM38749">
        <v>5</v>
      </c>
      <c r="AN38749">
        <v>5</v>
      </c>
      <c r="AO38749">
        <v>5</v>
      </c>
      <c r="AP38749">
        <v>5</v>
      </c>
      <c r="AQ38749">
        <v>5</v>
      </c>
    </row>
    <row r="38750" spans="1:43">
      <c r="A38750" t="s">
        <v>24035</v>
      </c>
      <c r="B38750" t="s">
        <v>24036</v>
      </c>
      <c r="C38750" t="s">
        <v>24037</v>
      </c>
      <c r="D38750" t="s">
        <v>24038</v>
      </c>
      <c r="E38750" t="s">
        <v>23993</v>
      </c>
      <c r="F38750" t="s">
        <v>23994</v>
      </c>
      <c r="G38750" t="s">
        <v>11612</v>
      </c>
      <c r="H38750" t="s">
        <v>11613</v>
      </c>
      <c r="I38750" s="2">
        <v>0</v>
      </c>
      <c r="J38750" s="2">
        <v>0</v>
      </c>
      <c r="K38750" s="2">
        <v>1</v>
      </c>
      <c r="L38750" t="s">
        <v>995</v>
      </c>
      <c r="M38750" t="s">
        <v>83</v>
      </c>
      <c r="N38750" t="s">
        <v>84</v>
      </c>
      <c r="O38750" t="s">
        <v>85</v>
      </c>
      <c r="P38750" t="s">
        <v>86</v>
      </c>
      <c r="Q38750">
        <v>11</v>
      </c>
      <c r="R38750">
        <v>11</v>
      </c>
      <c r="S38750">
        <v>11</v>
      </c>
      <c r="T38750">
        <v>11</v>
      </c>
      <c r="U38750">
        <v>11</v>
      </c>
      <c r="V38750">
        <v>11</v>
      </c>
      <c r="W38750">
        <v>12</v>
      </c>
      <c r="X38750">
        <v>12</v>
      </c>
      <c r="Y38750">
        <v>12</v>
      </c>
      <c r="Z38750">
        <v>12</v>
      </c>
      <c r="AA38750">
        <v>12</v>
      </c>
      <c r="AB38750">
        <v>12</v>
      </c>
      <c r="AC38750">
        <v>12</v>
      </c>
      <c r="AD38750">
        <v>12</v>
      </c>
      <c r="AE38750">
        <v>13</v>
      </c>
      <c r="AF38750">
        <v>13</v>
      </c>
      <c r="AG38750">
        <v>13</v>
      </c>
      <c r="AH38750">
        <v>13</v>
      </c>
      <c r="AI38750">
        <v>13</v>
      </c>
      <c r="AJ38750">
        <v>13</v>
      </c>
      <c r="AK38750">
        <v>13</v>
      </c>
      <c r="AL38750">
        <v>13</v>
      </c>
      <c r="AM38750">
        <v>13</v>
      </c>
      <c r="AN38750">
        <v>13</v>
      </c>
      <c r="AO38750">
        <v>13</v>
      </c>
      <c r="AP38750">
        <v>13</v>
      </c>
      <c r="AQ38750">
        <v>13</v>
      </c>
    </row>
    <row r="38751" spans="1:43">
      <c r="A38751" t="s">
        <v>24035</v>
      </c>
      <c r="B38751" t="s">
        <v>24036</v>
      </c>
      <c r="C38751" t="s">
        <v>24037</v>
      </c>
      <c r="D38751" t="s">
        <v>24038</v>
      </c>
      <c r="E38751" t="s">
        <v>23993</v>
      </c>
      <c r="F38751" t="s">
        <v>23994</v>
      </c>
      <c r="G38751" t="s">
        <v>11612</v>
      </c>
      <c r="H38751" t="s">
        <v>11613</v>
      </c>
      <c r="I38751" s="2">
        <v>0</v>
      </c>
      <c r="J38751" s="2">
        <v>0</v>
      </c>
      <c r="K38751" s="2">
        <v>1</v>
      </c>
      <c r="L38751" t="s">
        <v>995</v>
      </c>
      <c r="M38751" t="s">
        <v>87</v>
      </c>
      <c r="N38751" t="s">
        <v>88</v>
      </c>
      <c r="O38751" t="s">
        <v>85</v>
      </c>
      <c r="P38751" t="s">
        <v>86</v>
      </c>
      <c r="Q38751">
        <v>11</v>
      </c>
      <c r="R38751">
        <v>11</v>
      </c>
      <c r="S38751">
        <v>11</v>
      </c>
      <c r="T38751">
        <v>11</v>
      </c>
      <c r="U38751">
        <v>11</v>
      </c>
      <c r="V38751">
        <v>11</v>
      </c>
      <c r="W38751">
        <v>11</v>
      </c>
      <c r="X38751">
        <v>11</v>
      </c>
      <c r="Y38751">
        <v>11</v>
      </c>
      <c r="Z38751">
        <v>11</v>
      </c>
      <c r="AA38751">
        <v>11</v>
      </c>
      <c r="AB38751">
        <v>11</v>
      </c>
      <c r="AC38751">
        <v>11</v>
      </c>
      <c r="AD38751">
        <v>11</v>
      </c>
      <c r="AE38751">
        <v>11</v>
      </c>
      <c r="AF38751">
        <v>11</v>
      </c>
      <c r="AG38751">
        <v>11</v>
      </c>
      <c r="AH38751">
        <v>11</v>
      </c>
      <c r="AI38751">
        <v>11</v>
      </c>
      <c r="AJ38751">
        <v>11</v>
      </c>
      <c r="AK38751">
        <v>11</v>
      </c>
      <c r="AL38751">
        <v>11</v>
      </c>
      <c r="AM38751">
        <v>11</v>
      </c>
      <c r="AN38751">
        <v>11</v>
      </c>
      <c r="AO38751">
        <v>11</v>
      </c>
      <c r="AP38751">
        <v>11</v>
      </c>
      <c r="AQ38751">
        <v>11</v>
      </c>
    </row>
    <row r="38752" spans="1:43">
      <c r="A38752" t="s">
        <v>24035</v>
      </c>
      <c r="B38752" t="s">
        <v>24036</v>
      </c>
      <c r="C38752" t="s">
        <v>24037</v>
      </c>
      <c r="D38752" t="s">
        <v>24038</v>
      </c>
      <c r="E38752" t="s">
        <v>23993</v>
      </c>
      <c r="F38752" t="s">
        <v>23994</v>
      </c>
      <c r="G38752" t="s">
        <v>11612</v>
      </c>
      <c r="H38752" t="s">
        <v>11613</v>
      </c>
      <c r="I38752" s="2">
        <v>0</v>
      </c>
      <c r="J38752" s="2">
        <v>0</v>
      </c>
      <c r="K38752" s="2">
        <v>1</v>
      </c>
      <c r="L38752" t="s">
        <v>995</v>
      </c>
      <c r="M38752" t="s">
        <v>89</v>
      </c>
      <c r="N38752" t="s">
        <v>90</v>
      </c>
      <c r="O38752" t="s">
        <v>85</v>
      </c>
      <c r="P38752" t="s">
        <v>86</v>
      </c>
      <c r="Q38752">
        <v>11</v>
      </c>
      <c r="R38752">
        <v>11</v>
      </c>
      <c r="S38752">
        <v>11</v>
      </c>
      <c r="T38752">
        <v>12</v>
      </c>
      <c r="U38752">
        <v>12</v>
      </c>
      <c r="V38752">
        <v>12</v>
      </c>
      <c r="W38752">
        <v>12</v>
      </c>
      <c r="X38752">
        <v>12</v>
      </c>
      <c r="Y38752">
        <v>13</v>
      </c>
      <c r="Z38752">
        <v>13</v>
      </c>
      <c r="AA38752">
        <v>13</v>
      </c>
      <c r="AB38752">
        <v>13</v>
      </c>
      <c r="AC38752">
        <v>13</v>
      </c>
      <c r="AD38752">
        <v>13</v>
      </c>
      <c r="AE38752">
        <v>13</v>
      </c>
      <c r="AF38752">
        <v>13</v>
      </c>
      <c r="AG38752">
        <v>13</v>
      </c>
      <c r="AH38752">
        <v>13</v>
      </c>
      <c r="AI38752">
        <v>13</v>
      </c>
      <c r="AJ38752">
        <v>13</v>
      </c>
      <c r="AK38752">
        <v>13</v>
      </c>
      <c r="AL38752">
        <v>13</v>
      </c>
      <c r="AM38752">
        <v>13</v>
      </c>
      <c r="AN38752">
        <v>13</v>
      </c>
      <c r="AO38752">
        <v>13</v>
      </c>
      <c r="AP38752">
        <v>13</v>
      </c>
      <c r="AQ38752">
        <v>13</v>
      </c>
    </row>
    <row r="38753" spans="1:43">
      <c r="A38753" t="s">
        <v>24035</v>
      </c>
      <c r="B38753" t="s">
        <v>24036</v>
      </c>
      <c r="C38753" t="s">
        <v>24037</v>
      </c>
      <c r="D38753" t="s">
        <v>24038</v>
      </c>
      <c r="E38753" t="s">
        <v>23993</v>
      </c>
      <c r="F38753" t="s">
        <v>23994</v>
      </c>
      <c r="G38753" t="s">
        <v>11612</v>
      </c>
      <c r="H38753" t="s">
        <v>11613</v>
      </c>
      <c r="I38753" s="2">
        <v>0</v>
      </c>
      <c r="J38753" s="2">
        <v>0</v>
      </c>
      <c r="K38753" s="2">
        <v>1</v>
      </c>
      <c r="L38753" t="s">
        <v>995</v>
      </c>
      <c r="M38753" t="s">
        <v>83</v>
      </c>
      <c r="N38753" t="s">
        <v>91</v>
      </c>
      <c r="O38753" t="s">
        <v>85</v>
      </c>
      <c r="P38753" t="s">
        <v>86</v>
      </c>
      <c r="Q38753">
        <v>11</v>
      </c>
      <c r="R38753">
        <v>11</v>
      </c>
      <c r="S38753">
        <v>11</v>
      </c>
      <c r="T38753">
        <v>11</v>
      </c>
      <c r="U38753">
        <v>11</v>
      </c>
      <c r="V38753">
        <v>11</v>
      </c>
      <c r="W38753">
        <v>12</v>
      </c>
      <c r="X38753">
        <v>12</v>
      </c>
      <c r="Y38753">
        <v>12</v>
      </c>
      <c r="Z38753">
        <v>12</v>
      </c>
      <c r="AA38753">
        <v>12</v>
      </c>
      <c r="AB38753">
        <v>12</v>
      </c>
      <c r="AC38753">
        <v>12</v>
      </c>
      <c r="AD38753">
        <v>12</v>
      </c>
      <c r="AE38753">
        <v>13</v>
      </c>
      <c r="AF38753">
        <v>13</v>
      </c>
      <c r="AG38753">
        <v>13</v>
      </c>
      <c r="AH38753">
        <v>13</v>
      </c>
      <c r="AI38753">
        <v>13</v>
      </c>
      <c r="AJ38753">
        <v>13</v>
      </c>
      <c r="AK38753">
        <v>13</v>
      </c>
      <c r="AL38753">
        <v>13</v>
      </c>
      <c r="AM38753">
        <v>13</v>
      </c>
      <c r="AN38753">
        <v>13</v>
      </c>
      <c r="AO38753">
        <v>13</v>
      </c>
      <c r="AP38753">
        <v>13</v>
      </c>
      <c r="AQ38753">
        <v>13</v>
      </c>
    </row>
    <row r="38754" spans="1:43">
      <c r="A38754" t="s">
        <v>24039</v>
      </c>
      <c r="B38754" t="s">
        <v>24040</v>
      </c>
      <c r="C38754" t="s">
        <v>24037</v>
      </c>
      <c r="D38754" t="s">
        <v>24038</v>
      </c>
      <c r="E38754" t="s">
        <v>23993</v>
      </c>
      <c r="F38754" t="s">
        <v>23994</v>
      </c>
      <c r="G38754" t="s">
        <v>11612</v>
      </c>
      <c r="H38754" t="s">
        <v>11613</v>
      </c>
      <c r="I38754" s="2">
        <v>0</v>
      </c>
      <c r="J38754" s="2">
        <v>0</v>
      </c>
      <c r="K38754" s="2">
        <v>1</v>
      </c>
      <c r="L38754" t="s">
        <v>995</v>
      </c>
      <c r="M38754" t="s">
        <v>83</v>
      </c>
      <c r="N38754" t="s">
        <v>84</v>
      </c>
      <c r="O38754" t="s">
        <v>85</v>
      </c>
      <c r="P38754" t="s">
        <v>86</v>
      </c>
      <c r="Q38754">
        <v>19</v>
      </c>
      <c r="R38754">
        <v>19</v>
      </c>
      <c r="S38754">
        <v>20</v>
      </c>
      <c r="T38754">
        <v>20</v>
      </c>
      <c r="U38754">
        <v>20</v>
      </c>
      <c r="V38754">
        <v>21</v>
      </c>
      <c r="W38754">
        <v>21</v>
      </c>
      <c r="X38754">
        <v>21</v>
      </c>
      <c r="Y38754">
        <v>21</v>
      </c>
      <c r="Z38754">
        <v>22</v>
      </c>
      <c r="AA38754">
        <v>22</v>
      </c>
      <c r="AB38754">
        <v>22</v>
      </c>
      <c r="AC38754">
        <v>22</v>
      </c>
      <c r="AD38754">
        <v>23</v>
      </c>
      <c r="AE38754">
        <v>23</v>
      </c>
      <c r="AF38754">
        <v>23</v>
      </c>
      <c r="AG38754">
        <v>23</v>
      </c>
      <c r="AH38754">
        <v>23</v>
      </c>
      <c r="AI38754">
        <v>24</v>
      </c>
      <c r="AJ38754">
        <v>24</v>
      </c>
      <c r="AK38754">
        <v>24</v>
      </c>
      <c r="AL38754">
        <v>24</v>
      </c>
      <c r="AM38754">
        <v>24</v>
      </c>
      <c r="AN38754">
        <v>24</v>
      </c>
      <c r="AO38754">
        <v>24</v>
      </c>
      <c r="AP38754">
        <v>24</v>
      </c>
      <c r="AQ38754">
        <v>24</v>
      </c>
    </row>
    <row r="38755" spans="1:43">
      <c r="A38755" t="s">
        <v>24039</v>
      </c>
      <c r="B38755" t="s">
        <v>24040</v>
      </c>
      <c r="C38755" t="s">
        <v>24037</v>
      </c>
      <c r="D38755" t="s">
        <v>24038</v>
      </c>
      <c r="E38755" t="s">
        <v>23993</v>
      </c>
      <c r="F38755" t="s">
        <v>23994</v>
      </c>
      <c r="G38755" t="s">
        <v>11612</v>
      </c>
      <c r="H38755" t="s">
        <v>11613</v>
      </c>
      <c r="I38755" s="2">
        <v>0</v>
      </c>
      <c r="J38755" s="2">
        <v>0</v>
      </c>
      <c r="K38755" s="2">
        <v>1</v>
      </c>
      <c r="L38755" t="s">
        <v>995</v>
      </c>
      <c r="M38755" t="s">
        <v>87</v>
      </c>
      <c r="N38755" t="s">
        <v>88</v>
      </c>
      <c r="O38755" t="s">
        <v>85</v>
      </c>
      <c r="P38755" t="s">
        <v>86</v>
      </c>
      <c r="Q38755">
        <v>19</v>
      </c>
      <c r="R38755">
        <v>19</v>
      </c>
      <c r="S38755">
        <v>19</v>
      </c>
      <c r="T38755">
        <v>19</v>
      </c>
      <c r="U38755">
        <v>19</v>
      </c>
      <c r="V38755">
        <v>19</v>
      </c>
      <c r="W38755">
        <v>20</v>
      </c>
      <c r="X38755">
        <v>20</v>
      </c>
      <c r="Y38755">
        <v>20</v>
      </c>
      <c r="Z38755">
        <v>20</v>
      </c>
      <c r="AA38755">
        <v>20</v>
      </c>
      <c r="AB38755">
        <v>20</v>
      </c>
      <c r="AC38755">
        <v>20</v>
      </c>
      <c r="AD38755">
        <v>20</v>
      </c>
      <c r="AE38755">
        <v>20</v>
      </c>
      <c r="AF38755">
        <v>20</v>
      </c>
      <c r="AG38755">
        <v>21</v>
      </c>
      <c r="AH38755">
        <v>21</v>
      </c>
      <c r="AI38755">
        <v>21</v>
      </c>
      <c r="AJ38755">
        <v>21</v>
      </c>
      <c r="AK38755">
        <v>21</v>
      </c>
      <c r="AL38755">
        <v>21</v>
      </c>
      <c r="AM38755">
        <v>21</v>
      </c>
      <c r="AN38755">
        <v>21</v>
      </c>
      <c r="AO38755">
        <v>21</v>
      </c>
      <c r="AP38755">
        <v>21</v>
      </c>
      <c r="AQ38755">
        <v>21</v>
      </c>
    </row>
    <row r="38756" spans="1:43">
      <c r="A38756" t="s">
        <v>24039</v>
      </c>
      <c r="B38756" t="s">
        <v>24040</v>
      </c>
      <c r="C38756" t="s">
        <v>24037</v>
      </c>
      <c r="D38756" t="s">
        <v>24038</v>
      </c>
      <c r="E38756" t="s">
        <v>23993</v>
      </c>
      <c r="F38756" t="s">
        <v>23994</v>
      </c>
      <c r="G38756" t="s">
        <v>11612</v>
      </c>
      <c r="H38756" t="s">
        <v>11613</v>
      </c>
      <c r="I38756" s="2">
        <v>0</v>
      </c>
      <c r="J38756" s="2">
        <v>0</v>
      </c>
      <c r="K38756" s="2">
        <v>1</v>
      </c>
      <c r="L38756" t="s">
        <v>995</v>
      </c>
      <c r="M38756" t="s">
        <v>89</v>
      </c>
      <c r="N38756" t="s">
        <v>90</v>
      </c>
      <c r="O38756" t="s">
        <v>85</v>
      </c>
      <c r="P38756" t="s">
        <v>86</v>
      </c>
      <c r="Q38756">
        <v>19</v>
      </c>
      <c r="R38756">
        <v>20</v>
      </c>
      <c r="S38756">
        <v>20</v>
      </c>
      <c r="T38756">
        <v>21</v>
      </c>
      <c r="U38756">
        <v>21</v>
      </c>
      <c r="V38756">
        <v>21</v>
      </c>
      <c r="W38756">
        <v>22</v>
      </c>
      <c r="X38756">
        <v>22</v>
      </c>
      <c r="Y38756">
        <v>23</v>
      </c>
      <c r="Z38756">
        <v>23</v>
      </c>
      <c r="AA38756">
        <v>23</v>
      </c>
      <c r="AB38756">
        <v>24</v>
      </c>
      <c r="AC38756">
        <v>24</v>
      </c>
      <c r="AD38756">
        <v>24</v>
      </c>
      <c r="AE38756">
        <v>24</v>
      </c>
      <c r="AF38756">
        <v>24</v>
      </c>
      <c r="AG38756">
        <v>24</v>
      </c>
      <c r="AH38756">
        <v>24</v>
      </c>
      <c r="AI38756">
        <v>24</v>
      </c>
      <c r="AJ38756">
        <v>24</v>
      </c>
      <c r="AK38756">
        <v>24</v>
      </c>
      <c r="AL38756">
        <v>24</v>
      </c>
      <c r="AM38756">
        <v>24</v>
      </c>
      <c r="AN38756">
        <v>24</v>
      </c>
      <c r="AO38756">
        <v>24</v>
      </c>
      <c r="AP38756">
        <v>24</v>
      </c>
      <c r="AQ38756">
        <v>24</v>
      </c>
    </row>
    <row r="38757" spans="1:43">
      <c r="A38757" t="s">
        <v>24039</v>
      </c>
      <c r="B38757" t="s">
        <v>24040</v>
      </c>
      <c r="C38757" t="s">
        <v>24037</v>
      </c>
      <c r="D38757" t="s">
        <v>24038</v>
      </c>
      <c r="E38757" t="s">
        <v>23993</v>
      </c>
      <c r="F38757" t="s">
        <v>23994</v>
      </c>
      <c r="G38757" t="s">
        <v>11612</v>
      </c>
      <c r="H38757" t="s">
        <v>11613</v>
      </c>
      <c r="I38757" s="2">
        <v>0</v>
      </c>
      <c r="J38757" s="2">
        <v>0</v>
      </c>
      <c r="K38757" s="2">
        <v>1</v>
      </c>
      <c r="L38757" t="s">
        <v>995</v>
      </c>
      <c r="M38757" t="s">
        <v>83</v>
      </c>
      <c r="N38757" t="s">
        <v>91</v>
      </c>
      <c r="O38757" t="s">
        <v>85</v>
      </c>
      <c r="P38757" t="s">
        <v>86</v>
      </c>
      <c r="Q38757">
        <v>19</v>
      </c>
      <c r="R38757">
        <v>19</v>
      </c>
      <c r="S38757">
        <v>20</v>
      </c>
      <c r="T38757">
        <v>20</v>
      </c>
      <c r="U38757">
        <v>20</v>
      </c>
      <c r="V38757">
        <v>21</v>
      </c>
      <c r="W38757">
        <v>21</v>
      </c>
      <c r="X38757">
        <v>21</v>
      </c>
      <c r="Y38757">
        <v>21</v>
      </c>
      <c r="Z38757">
        <v>22</v>
      </c>
      <c r="AA38757">
        <v>22</v>
      </c>
      <c r="AB38757">
        <v>22</v>
      </c>
      <c r="AC38757">
        <v>22</v>
      </c>
      <c r="AD38757">
        <v>23</v>
      </c>
      <c r="AE38757">
        <v>23</v>
      </c>
      <c r="AF38757">
        <v>23</v>
      </c>
      <c r="AG38757">
        <v>23</v>
      </c>
      <c r="AH38757">
        <v>23</v>
      </c>
      <c r="AI38757">
        <v>24</v>
      </c>
      <c r="AJ38757">
        <v>24</v>
      </c>
      <c r="AK38757">
        <v>24</v>
      </c>
      <c r="AL38757">
        <v>24</v>
      </c>
      <c r="AM38757">
        <v>24</v>
      </c>
      <c r="AN38757">
        <v>24</v>
      </c>
      <c r="AO38757">
        <v>24</v>
      </c>
      <c r="AP38757">
        <v>24</v>
      </c>
      <c r="AQ38757">
        <v>24</v>
      </c>
    </row>
    <row r="38758" spans="1:43">
      <c r="A38758" t="s">
        <v>24041</v>
      </c>
      <c r="B38758" t="s">
        <v>24042</v>
      </c>
      <c r="C38758" t="s">
        <v>24037</v>
      </c>
      <c r="D38758" t="s">
        <v>24038</v>
      </c>
      <c r="E38758" t="s">
        <v>23993</v>
      </c>
      <c r="F38758" t="s">
        <v>23994</v>
      </c>
      <c r="G38758" t="s">
        <v>11612</v>
      </c>
      <c r="H38758" t="s">
        <v>11613</v>
      </c>
      <c r="I38758" s="2">
        <v>0</v>
      </c>
      <c r="J38758" s="2">
        <v>0</v>
      </c>
      <c r="K38758" s="2">
        <v>1</v>
      </c>
      <c r="L38758" t="s">
        <v>995</v>
      </c>
      <c r="M38758" t="s">
        <v>83</v>
      </c>
      <c r="N38758" t="s">
        <v>84</v>
      </c>
      <c r="O38758" t="s">
        <v>85</v>
      </c>
      <c r="P38758" t="s">
        <v>86</v>
      </c>
      <c r="Q38758">
        <v>38</v>
      </c>
      <c r="R38758">
        <v>38</v>
      </c>
      <c r="S38758">
        <v>39</v>
      </c>
      <c r="T38758">
        <v>39</v>
      </c>
      <c r="U38758">
        <v>40</v>
      </c>
      <c r="V38758">
        <v>40</v>
      </c>
      <c r="W38758">
        <v>41</v>
      </c>
      <c r="X38758">
        <v>42</v>
      </c>
      <c r="Y38758">
        <v>42</v>
      </c>
      <c r="Z38758">
        <v>43</v>
      </c>
      <c r="AA38758">
        <v>43</v>
      </c>
      <c r="AB38758">
        <v>44</v>
      </c>
      <c r="AC38758">
        <v>44</v>
      </c>
      <c r="AD38758">
        <v>45</v>
      </c>
      <c r="AE38758">
        <v>45</v>
      </c>
      <c r="AF38758">
        <v>46</v>
      </c>
      <c r="AG38758">
        <v>46</v>
      </c>
      <c r="AH38758">
        <v>46</v>
      </c>
      <c r="AI38758">
        <v>47</v>
      </c>
      <c r="AJ38758">
        <v>47</v>
      </c>
      <c r="AK38758">
        <v>47</v>
      </c>
      <c r="AL38758">
        <v>48</v>
      </c>
      <c r="AM38758">
        <v>48</v>
      </c>
      <c r="AN38758">
        <v>48</v>
      </c>
      <c r="AO38758">
        <v>48</v>
      </c>
      <c r="AP38758">
        <v>48</v>
      </c>
      <c r="AQ38758">
        <v>48</v>
      </c>
    </row>
    <row r="38759" spans="1:43">
      <c r="A38759" t="s">
        <v>24041</v>
      </c>
      <c r="B38759" t="s">
        <v>24042</v>
      </c>
      <c r="C38759" t="s">
        <v>24037</v>
      </c>
      <c r="D38759" t="s">
        <v>24038</v>
      </c>
      <c r="E38759" t="s">
        <v>23993</v>
      </c>
      <c r="F38759" t="s">
        <v>23994</v>
      </c>
      <c r="G38759" t="s">
        <v>11612</v>
      </c>
      <c r="H38759" t="s">
        <v>11613</v>
      </c>
      <c r="I38759" s="2">
        <v>0</v>
      </c>
      <c r="J38759" s="2">
        <v>0</v>
      </c>
      <c r="K38759" s="2">
        <v>1</v>
      </c>
      <c r="L38759" t="s">
        <v>995</v>
      </c>
      <c r="M38759" t="s">
        <v>87</v>
      </c>
      <c r="N38759" t="s">
        <v>88</v>
      </c>
      <c r="O38759" t="s">
        <v>85</v>
      </c>
      <c r="P38759" t="s">
        <v>86</v>
      </c>
      <c r="Q38759">
        <v>38</v>
      </c>
      <c r="R38759">
        <v>38</v>
      </c>
      <c r="S38759">
        <v>39</v>
      </c>
      <c r="T38759">
        <v>39</v>
      </c>
      <c r="U38759">
        <v>39</v>
      </c>
      <c r="V38759">
        <v>39</v>
      </c>
      <c r="W38759">
        <v>40</v>
      </c>
      <c r="X38759">
        <v>40</v>
      </c>
      <c r="Y38759">
        <v>40</v>
      </c>
      <c r="Z38759">
        <v>40</v>
      </c>
      <c r="AA38759">
        <v>40</v>
      </c>
      <c r="AB38759">
        <v>41</v>
      </c>
      <c r="AC38759">
        <v>41</v>
      </c>
      <c r="AD38759">
        <v>41</v>
      </c>
      <c r="AE38759">
        <v>41</v>
      </c>
      <c r="AF38759">
        <v>41</v>
      </c>
      <c r="AG38759">
        <v>42</v>
      </c>
      <c r="AH38759">
        <v>42</v>
      </c>
      <c r="AI38759">
        <v>42</v>
      </c>
      <c r="AJ38759">
        <v>42</v>
      </c>
      <c r="AK38759">
        <v>42</v>
      </c>
      <c r="AL38759">
        <v>42</v>
      </c>
      <c r="AM38759">
        <v>42</v>
      </c>
      <c r="AN38759">
        <v>43</v>
      </c>
      <c r="AO38759">
        <v>43</v>
      </c>
      <c r="AP38759">
        <v>43</v>
      </c>
      <c r="AQ38759">
        <v>43</v>
      </c>
    </row>
    <row r="38760" spans="1:43">
      <c r="A38760" t="s">
        <v>24041</v>
      </c>
      <c r="B38760" t="s">
        <v>24042</v>
      </c>
      <c r="C38760" t="s">
        <v>24037</v>
      </c>
      <c r="D38760" t="s">
        <v>24038</v>
      </c>
      <c r="E38760" t="s">
        <v>23993</v>
      </c>
      <c r="F38760" t="s">
        <v>23994</v>
      </c>
      <c r="G38760" t="s">
        <v>11612</v>
      </c>
      <c r="H38760" t="s">
        <v>11613</v>
      </c>
      <c r="I38760" s="2">
        <v>0</v>
      </c>
      <c r="J38760" s="2">
        <v>0</v>
      </c>
      <c r="K38760" s="2">
        <v>1</v>
      </c>
      <c r="L38760" t="s">
        <v>995</v>
      </c>
      <c r="M38760" t="s">
        <v>89</v>
      </c>
      <c r="N38760" t="s">
        <v>90</v>
      </c>
      <c r="O38760" t="s">
        <v>85</v>
      </c>
      <c r="P38760" t="s">
        <v>86</v>
      </c>
      <c r="Q38760">
        <v>38</v>
      </c>
      <c r="R38760">
        <v>39</v>
      </c>
      <c r="S38760">
        <v>40</v>
      </c>
      <c r="T38760">
        <v>41</v>
      </c>
      <c r="U38760">
        <v>41</v>
      </c>
      <c r="V38760">
        <v>42</v>
      </c>
      <c r="W38760">
        <v>43</v>
      </c>
      <c r="X38760">
        <v>44</v>
      </c>
      <c r="Y38760">
        <v>45</v>
      </c>
      <c r="Z38760">
        <v>45</v>
      </c>
      <c r="AA38760">
        <v>46</v>
      </c>
      <c r="AB38760">
        <v>46</v>
      </c>
      <c r="AC38760">
        <v>47</v>
      </c>
      <c r="AD38760">
        <v>48</v>
      </c>
      <c r="AE38760">
        <v>48</v>
      </c>
      <c r="AF38760">
        <v>48</v>
      </c>
      <c r="AG38760">
        <v>48</v>
      </c>
      <c r="AH38760">
        <v>48</v>
      </c>
      <c r="AI38760">
        <v>48</v>
      </c>
      <c r="AJ38760">
        <v>48</v>
      </c>
      <c r="AK38760">
        <v>48</v>
      </c>
      <c r="AL38760">
        <v>48</v>
      </c>
      <c r="AM38760">
        <v>48</v>
      </c>
      <c r="AN38760">
        <v>48</v>
      </c>
      <c r="AO38760">
        <v>48</v>
      </c>
      <c r="AP38760">
        <v>48</v>
      </c>
      <c r="AQ38760">
        <v>48</v>
      </c>
    </row>
    <row r="38761" spans="1:43">
      <c r="A38761" t="s">
        <v>24041</v>
      </c>
      <c r="B38761" t="s">
        <v>24042</v>
      </c>
      <c r="C38761" t="s">
        <v>24037</v>
      </c>
      <c r="D38761" t="s">
        <v>24038</v>
      </c>
      <c r="E38761" t="s">
        <v>23993</v>
      </c>
      <c r="F38761" t="s">
        <v>23994</v>
      </c>
      <c r="G38761" t="s">
        <v>11612</v>
      </c>
      <c r="H38761" t="s">
        <v>11613</v>
      </c>
      <c r="I38761" s="2">
        <v>0</v>
      </c>
      <c r="J38761" s="2">
        <v>0</v>
      </c>
      <c r="K38761" s="2">
        <v>1</v>
      </c>
      <c r="L38761" t="s">
        <v>995</v>
      </c>
      <c r="M38761" t="s">
        <v>83</v>
      </c>
      <c r="N38761" t="s">
        <v>91</v>
      </c>
      <c r="O38761" t="s">
        <v>85</v>
      </c>
      <c r="P38761" t="s">
        <v>86</v>
      </c>
      <c r="Q38761">
        <v>38</v>
      </c>
      <c r="R38761">
        <v>38</v>
      </c>
      <c r="S38761">
        <v>39</v>
      </c>
      <c r="T38761">
        <v>39</v>
      </c>
      <c r="U38761">
        <v>40</v>
      </c>
      <c r="V38761">
        <v>40</v>
      </c>
      <c r="W38761">
        <v>41</v>
      </c>
      <c r="X38761">
        <v>42</v>
      </c>
      <c r="Y38761">
        <v>42</v>
      </c>
      <c r="Z38761">
        <v>43</v>
      </c>
      <c r="AA38761">
        <v>43</v>
      </c>
      <c r="AB38761">
        <v>44</v>
      </c>
      <c r="AC38761">
        <v>44</v>
      </c>
      <c r="AD38761">
        <v>45</v>
      </c>
      <c r="AE38761">
        <v>45</v>
      </c>
      <c r="AF38761">
        <v>46</v>
      </c>
      <c r="AG38761">
        <v>46</v>
      </c>
      <c r="AH38761">
        <v>46</v>
      </c>
      <c r="AI38761">
        <v>47</v>
      </c>
      <c r="AJ38761">
        <v>47</v>
      </c>
      <c r="AK38761">
        <v>47</v>
      </c>
      <c r="AL38761">
        <v>48</v>
      </c>
      <c r="AM38761">
        <v>48</v>
      </c>
      <c r="AN38761">
        <v>48</v>
      </c>
      <c r="AO38761">
        <v>48</v>
      </c>
      <c r="AP38761">
        <v>48</v>
      </c>
      <c r="AQ38761">
        <v>48</v>
      </c>
    </row>
    <row r="38762" spans="1:43">
      <c r="A38762" t="s">
        <v>24043</v>
      </c>
      <c r="B38762" t="s">
        <v>24044</v>
      </c>
      <c r="C38762" t="s">
        <v>24037</v>
      </c>
      <c r="D38762" t="s">
        <v>24038</v>
      </c>
      <c r="E38762" t="s">
        <v>23993</v>
      </c>
      <c r="F38762" t="s">
        <v>23994</v>
      </c>
      <c r="G38762" t="s">
        <v>11612</v>
      </c>
      <c r="H38762" t="s">
        <v>11613</v>
      </c>
      <c r="I38762" s="2">
        <v>0</v>
      </c>
      <c r="J38762" s="2">
        <v>0</v>
      </c>
      <c r="K38762" s="2">
        <v>1</v>
      </c>
      <c r="L38762" t="s">
        <v>995</v>
      </c>
      <c r="M38762" t="s">
        <v>83</v>
      </c>
      <c r="N38762" t="s">
        <v>84</v>
      </c>
      <c r="O38762" t="s">
        <v>85</v>
      </c>
      <c r="P38762" t="s">
        <v>86</v>
      </c>
      <c r="Q38762">
        <v>66</v>
      </c>
      <c r="R38762">
        <v>67</v>
      </c>
      <c r="S38762">
        <v>68</v>
      </c>
      <c r="T38762">
        <v>69</v>
      </c>
      <c r="U38762">
        <v>70</v>
      </c>
      <c r="V38762">
        <v>70</v>
      </c>
      <c r="W38762">
        <v>71</v>
      </c>
      <c r="X38762">
        <v>72</v>
      </c>
      <c r="Y38762">
        <v>73</v>
      </c>
      <c r="Z38762">
        <v>74</v>
      </c>
      <c r="AA38762">
        <v>74</v>
      </c>
      <c r="AB38762">
        <v>75</v>
      </c>
      <c r="AC38762">
        <v>76</v>
      </c>
      <c r="AD38762">
        <v>77</v>
      </c>
      <c r="AE38762">
        <v>77</v>
      </c>
      <c r="AF38762">
        <v>78</v>
      </c>
      <c r="AG38762">
        <v>78</v>
      </c>
      <c r="AH38762">
        <v>79</v>
      </c>
      <c r="AI38762">
        <v>79</v>
      </c>
      <c r="AJ38762">
        <v>80</v>
      </c>
      <c r="AK38762">
        <v>80</v>
      </c>
      <c r="AL38762">
        <v>80</v>
      </c>
      <c r="AM38762">
        <v>80</v>
      </c>
      <c r="AN38762">
        <v>80</v>
      </c>
      <c r="AO38762">
        <v>80</v>
      </c>
      <c r="AP38762">
        <v>80</v>
      </c>
      <c r="AQ38762">
        <v>79</v>
      </c>
    </row>
    <row r="38763" spans="1:43">
      <c r="A38763" t="s">
        <v>24043</v>
      </c>
      <c r="B38763" t="s">
        <v>24044</v>
      </c>
      <c r="C38763" t="s">
        <v>24037</v>
      </c>
      <c r="D38763" t="s">
        <v>24038</v>
      </c>
      <c r="E38763" t="s">
        <v>23993</v>
      </c>
      <c r="F38763" t="s">
        <v>23994</v>
      </c>
      <c r="G38763" t="s">
        <v>11612</v>
      </c>
      <c r="H38763" t="s">
        <v>11613</v>
      </c>
      <c r="I38763" s="2">
        <v>0</v>
      </c>
      <c r="J38763" s="2">
        <v>0</v>
      </c>
      <c r="K38763" s="2">
        <v>1</v>
      </c>
      <c r="L38763" t="s">
        <v>995</v>
      </c>
      <c r="M38763" t="s">
        <v>87</v>
      </c>
      <c r="N38763" t="s">
        <v>88</v>
      </c>
      <c r="O38763" t="s">
        <v>85</v>
      </c>
      <c r="P38763" t="s">
        <v>86</v>
      </c>
      <c r="Q38763">
        <v>66</v>
      </c>
      <c r="R38763">
        <v>67</v>
      </c>
      <c r="S38763">
        <v>67</v>
      </c>
      <c r="T38763">
        <v>67</v>
      </c>
      <c r="U38763">
        <v>68</v>
      </c>
      <c r="V38763">
        <v>68</v>
      </c>
      <c r="W38763">
        <v>68</v>
      </c>
      <c r="X38763">
        <v>68</v>
      </c>
      <c r="Y38763">
        <v>68</v>
      </c>
      <c r="Z38763">
        <v>69</v>
      </c>
      <c r="AA38763">
        <v>69</v>
      </c>
      <c r="AB38763">
        <v>69</v>
      </c>
      <c r="AC38763">
        <v>69</v>
      </c>
      <c r="AD38763">
        <v>69</v>
      </c>
      <c r="AE38763">
        <v>69</v>
      </c>
      <c r="AF38763">
        <v>69</v>
      </c>
      <c r="AG38763">
        <v>70</v>
      </c>
      <c r="AH38763">
        <v>70</v>
      </c>
      <c r="AI38763">
        <v>70</v>
      </c>
      <c r="AJ38763">
        <v>70</v>
      </c>
      <c r="AK38763">
        <v>70</v>
      </c>
      <c r="AL38763">
        <v>70</v>
      </c>
      <c r="AM38763">
        <v>70</v>
      </c>
      <c r="AN38763">
        <v>70</v>
      </c>
      <c r="AO38763">
        <v>70</v>
      </c>
      <c r="AP38763">
        <v>70</v>
      </c>
      <c r="AQ38763">
        <v>70</v>
      </c>
    </row>
    <row r="38764" spans="1:43">
      <c r="A38764" t="s">
        <v>24043</v>
      </c>
      <c r="B38764" t="s">
        <v>24044</v>
      </c>
      <c r="C38764" t="s">
        <v>24037</v>
      </c>
      <c r="D38764" t="s">
        <v>24038</v>
      </c>
      <c r="E38764" t="s">
        <v>23993</v>
      </c>
      <c r="F38764" t="s">
        <v>23994</v>
      </c>
      <c r="G38764" t="s">
        <v>11612</v>
      </c>
      <c r="H38764" t="s">
        <v>11613</v>
      </c>
      <c r="I38764" s="2">
        <v>0</v>
      </c>
      <c r="J38764" s="2">
        <v>0</v>
      </c>
      <c r="K38764" s="2">
        <v>1</v>
      </c>
      <c r="L38764" t="s">
        <v>995</v>
      </c>
      <c r="M38764" t="s">
        <v>89</v>
      </c>
      <c r="N38764" t="s">
        <v>90</v>
      </c>
      <c r="O38764" t="s">
        <v>85</v>
      </c>
      <c r="P38764" t="s">
        <v>86</v>
      </c>
      <c r="Q38764">
        <v>66</v>
      </c>
      <c r="R38764">
        <v>67</v>
      </c>
      <c r="S38764">
        <v>69</v>
      </c>
      <c r="T38764">
        <v>70</v>
      </c>
      <c r="U38764">
        <v>71</v>
      </c>
      <c r="V38764">
        <v>73</v>
      </c>
      <c r="W38764">
        <v>74</v>
      </c>
      <c r="X38764">
        <v>75</v>
      </c>
      <c r="Y38764">
        <v>76</v>
      </c>
      <c r="Z38764">
        <v>77</v>
      </c>
      <c r="AA38764">
        <v>78</v>
      </c>
      <c r="AB38764">
        <v>79</v>
      </c>
      <c r="AC38764">
        <v>80</v>
      </c>
      <c r="AD38764">
        <v>81</v>
      </c>
      <c r="AE38764">
        <v>82</v>
      </c>
      <c r="AF38764">
        <v>81</v>
      </c>
      <c r="AG38764">
        <v>81</v>
      </c>
      <c r="AH38764">
        <v>81</v>
      </c>
      <c r="AI38764">
        <v>81</v>
      </c>
      <c r="AJ38764">
        <v>81</v>
      </c>
      <c r="AK38764">
        <v>81</v>
      </c>
      <c r="AL38764">
        <v>80</v>
      </c>
      <c r="AM38764">
        <v>80</v>
      </c>
      <c r="AN38764">
        <v>80</v>
      </c>
      <c r="AO38764">
        <v>80</v>
      </c>
      <c r="AP38764">
        <v>79</v>
      </c>
      <c r="AQ38764">
        <v>79</v>
      </c>
    </row>
    <row r="38765" spans="1:43">
      <c r="A38765" t="s">
        <v>24043</v>
      </c>
      <c r="B38765" t="s">
        <v>24044</v>
      </c>
      <c r="C38765" t="s">
        <v>24037</v>
      </c>
      <c r="D38765" t="s">
        <v>24038</v>
      </c>
      <c r="E38765" t="s">
        <v>23993</v>
      </c>
      <c r="F38765" t="s">
        <v>23994</v>
      </c>
      <c r="G38765" t="s">
        <v>11612</v>
      </c>
      <c r="H38765" t="s">
        <v>11613</v>
      </c>
      <c r="I38765" s="2">
        <v>0</v>
      </c>
      <c r="J38765" s="2">
        <v>0</v>
      </c>
      <c r="K38765" s="2">
        <v>1</v>
      </c>
      <c r="L38765" t="s">
        <v>995</v>
      </c>
      <c r="M38765" t="s">
        <v>83</v>
      </c>
      <c r="N38765" t="s">
        <v>91</v>
      </c>
      <c r="O38765" t="s">
        <v>85</v>
      </c>
      <c r="P38765" t="s">
        <v>86</v>
      </c>
      <c r="Q38765">
        <v>66</v>
      </c>
      <c r="R38765">
        <v>67</v>
      </c>
      <c r="S38765">
        <v>68</v>
      </c>
      <c r="T38765">
        <v>69</v>
      </c>
      <c r="U38765">
        <v>70</v>
      </c>
      <c r="V38765">
        <v>70</v>
      </c>
      <c r="W38765">
        <v>71</v>
      </c>
      <c r="X38765">
        <v>72</v>
      </c>
      <c r="Y38765">
        <v>73</v>
      </c>
      <c r="Z38765">
        <v>74</v>
      </c>
      <c r="AA38765">
        <v>74</v>
      </c>
      <c r="AB38765">
        <v>75</v>
      </c>
      <c r="AC38765">
        <v>76</v>
      </c>
      <c r="AD38765">
        <v>77</v>
      </c>
      <c r="AE38765">
        <v>77</v>
      </c>
      <c r="AF38765">
        <v>78</v>
      </c>
      <c r="AG38765">
        <v>78</v>
      </c>
      <c r="AH38765">
        <v>79</v>
      </c>
      <c r="AI38765">
        <v>79</v>
      </c>
      <c r="AJ38765">
        <v>80</v>
      </c>
      <c r="AK38765">
        <v>80</v>
      </c>
      <c r="AL38765">
        <v>80</v>
      </c>
      <c r="AM38765">
        <v>80</v>
      </c>
      <c r="AN38765">
        <v>80</v>
      </c>
      <c r="AO38765">
        <v>80</v>
      </c>
      <c r="AP38765">
        <v>80</v>
      </c>
      <c r="AQ38765">
        <v>79</v>
      </c>
    </row>
    <row r="38766" spans="1:43">
      <c r="A38766" t="s">
        <v>24045</v>
      </c>
      <c r="B38766" t="s">
        <v>24046</v>
      </c>
      <c r="C38766" t="s">
        <v>24037</v>
      </c>
      <c r="D38766" t="s">
        <v>24038</v>
      </c>
      <c r="E38766" t="s">
        <v>23993</v>
      </c>
      <c r="F38766" t="s">
        <v>23994</v>
      </c>
      <c r="G38766" t="s">
        <v>11612</v>
      </c>
      <c r="H38766" t="s">
        <v>11613</v>
      </c>
      <c r="I38766" s="2">
        <v>0</v>
      </c>
      <c r="J38766" s="2">
        <v>0</v>
      </c>
      <c r="K38766" s="2">
        <v>1</v>
      </c>
      <c r="L38766" t="s">
        <v>995</v>
      </c>
      <c r="M38766" t="s">
        <v>83</v>
      </c>
      <c r="N38766" t="s">
        <v>84</v>
      </c>
      <c r="O38766" t="s">
        <v>85</v>
      </c>
      <c r="P38766" t="s">
        <v>86</v>
      </c>
      <c r="Q38766">
        <v>4</v>
      </c>
      <c r="R38766">
        <v>4</v>
      </c>
      <c r="S38766">
        <v>4</v>
      </c>
      <c r="T38766">
        <v>4</v>
      </c>
      <c r="U38766">
        <v>4</v>
      </c>
      <c r="V38766">
        <v>4</v>
      </c>
      <c r="W38766">
        <v>4</v>
      </c>
      <c r="X38766">
        <v>4</v>
      </c>
      <c r="Y38766">
        <v>4</v>
      </c>
      <c r="Z38766">
        <v>4</v>
      </c>
      <c r="AA38766">
        <v>4</v>
      </c>
      <c r="AB38766">
        <v>5</v>
      </c>
      <c r="AC38766">
        <v>5</v>
      </c>
      <c r="AD38766">
        <v>5</v>
      </c>
      <c r="AE38766">
        <v>5</v>
      </c>
      <c r="AF38766">
        <v>5</v>
      </c>
      <c r="AG38766">
        <v>5</v>
      </c>
      <c r="AH38766">
        <v>5</v>
      </c>
      <c r="AI38766">
        <v>5</v>
      </c>
      <c r="AJ38766">
        <v>5</v>
      </c>
      <c r="AK38766">
        <v>5</v>
      </c>
      <c r="AL38766">
        <v>5</v>
      </c>
      <c r="AM38766">
        <v>5</v>
      </c>
      <c r="AN38766">
        <v>5</v>
      </c>
      <c r="AO38766">
        <v>5</v>
      </c>
      <c r="AP38766">
        <v>5</v>
      </c>
      <c r="AQ38766">
        <v>5</v>
      </c>
    </row>
    <row r="38767" spans="1:43">
      <c r="A38767" t="s">
        <v>24045</v>
      </c>
      <c r="B38767" t="s">
        <v>24046</v>
      </c>
      <c r="C38767" t="s">
        <v>24037</v>
      </c>
      <c r="D38767" t="s">
        <v>24038</v>
      </c>
      <c r="E38767" t="s">
        <v>23993</v>
      </c>
      <c r="F38767" t="s">
        <v>23994</v>
      </c>
      <c r="G38767" t="s">
        <v>11612</v>
      </c>
      <c r="H38767" t="s">
        <v>11613</v>
      </c>
      <c r="I38767" s="2">
        <v>0</v>
      </c>
      <c r="J38767" s="2">
        <v>0</v>
      </c>
      <c r="K38767" s="2">
        <v>1</v>
      </c>
      <c r="L38767" t="s">
        <v>995</v>
      </c>
      <c r="M38767" t="s">
        <v>87</v>
      </c>
      <c r="N38767" t="s">
        <v>88</v>
      </c>
      <c r="O38767" t="s">
        <v>85</v>
      </c>
      <c r="P38767" t="s">
        <v>86</v>
      </c>
      <c r="Q38767">
        <v>4</v>
      </c>
      <c r="R38767">
        <v>4</v>
      </c>
      <c r="S38767">
        <v>4</v>
      </c>
      <c r="T38767">
        <v>4</v>
      </c>
      <c r="U38767">
        <v>4</v>
      </c>
      <c r="V38767">
        <v>4</v>
      </c>
      <c r="W38767">
        <v>4</v>
      </c>
      <c r="X38767">
        <v>4</v>
      </c>
      <c r="Y38767">
        <v>4</v>
      </c>
      <c r="Z38767">
        <v>4</v>
      </c>
      <c r="AA38767">
        <v>4</v>
      </c>
      <c r="AB38767">
        <v>4</v>
      </c>
      <c r="AC38767">
        <v>4</v>
      </c>
      <c r="AD38767">
        <v>4</v>
      </c>
      <c r="AE38767">
        <v>4</v>
      </c>
      <c r="AF38767">
        <v>4</v>
      </c>
      <c r="AG38767">
        <v>4</v>
      </c>
      <c r="AH38767">
        <v>4</v>
      </c>
      <c r="AI38767">
        <v>4</v>
      </c>
      <c r="AJ38767">
        <v>4</v>
      </c>
      <c r="AK38767">
        <v>4</v>
      </c>
      <c r="AL38767">
        <v>4</v>
      </c>
      <c r="AM38767">
        <v>4</v>
      </c>
      <c r="AN38767">
        <v>4</v>
      </c>
      <c r="AO38767">
        <v>4</v>
      </c>
      <c r="AP38767">
        <v>4</v>
      </c>
      <c r="AQ38767">
        <v>4</v>
      </c>
    </row>
    <row r="38768" spans="1:43">
      <c r="A38768" t="s">
        <v>24045</v>
      </c>
      <c r="B38768" t="s">
        <v>24046</v>
      </c>
      <c r="C38768" t="s">
        <v>24037</v>
      </c>
      <c r="D38768" t="s">
        <v>24038</v>
      </c>
      <c r="E38768" t="s">
        <v>23993</v>
      </c>
      <c r="F38768" t="s">
        <v>23994</v>
      </c>
      <c r="G38768" t="s">
        <v>11612</v>
      </c>
      <c r="H38768" t="s">
        <v>11613</v>
      </c>
      <c r="I38768" s="2">
        <v>0</v>
      </c>
      <c r="J38768" s="2">
        <v>0</v>
      </c>
      <c r="K38768" s="2">
        <v>1</v>
      </c>
      <c r="L38768" t="s">
        <v>995</v>
      </c>
      <c r="M38768" t="s">
        <v>89</v>
      </c>
      <c r="N38768" t="s">
        <v>90</v>
      </c>
      <c r="O38768" t="s">
        <v>85</v>
      </c>
      <c r="P38768" t="s">
        <v>86</v>
      </c>
      <c r="Q38768">
        <v>4</v>
      </c>
      <c r="R38768">
        <v>4</v>
      </c>
      <c r="S38768">
        <v>4</v>
      </c>
      <c r="T38768">
        <v>4</v>
      </c>
      <c r="U38768">
        <v>4</v>
      </c>
      <c r="V38768">
        <v>4</v>
      </c>
      <c r="W38768">
        <v>5</v>
      </c>
      <c r="X38768">
        <v>5</v>
      </c>
      <c r="Y38768">
        <v>5</v>
      </c>
      <c r="Z38768">
        <v>5</v>
      </c>
      <c r="AA38768">
        <v>5</v>
      </c>
      <c r="AB38768">
        <v>5</v>
      </c>
      <c r="AC38768">
        <v>5</v>
      </c>
      <c r="AD38768">
        <v>5</v>
      </c>
      <c r="AE38768">
        <v>5</v>
      </c>
      <c r="AF38768">
        <v>5</v>
      </c>
      <c r="AG38768">
        <v>5</v>
      </c>
      <c r="AH38768">
        <v>5</v>
      </c>
      <c r="AI38768">
        <v>5</v>
      </c>
      <c r="AJ38768">
        <v>5</v>
      </c>
      <c r="AK38768">
        <v>5</v>
      </c>
      <c r="AL38768">
        <v>5</v>
      </c>
      <c r="AM38768">
        <v>5</v>
      </c>
      <c r="AN38768">
        <v>5</v>
      </c>
      <c r="AO38768">
        <v>5</v>
      </c>
      <c r="AP38768">
        <v>5</v>
      </c>
      <c r="AQ38768">
        <v>5</v>
      </c>
    </row>
    <row r="38769" spans="1:43">
      <c r="A38769" t="s">
        <v>24045</v>
      </c>
      <c r="B38769" t="s">
        <v>24046</v>
      </c>
      <c r="C38769" t="s">
        <v>24037</v>
      </c>
      <c r="D38769" t="s">
        <v>24038</v>
      </c>
      <c r="E38769" t="s">
        <v>23993</v>
      </c>
      <c r="F38769" t="s">
        <v>23994</v>
      </c>
      <c r="G38769" t="s">
        <v>11612</v>
      </c>
      <c r="H38769" t="s">
        <v>11613</v>
      </c>
      <c r="I38769" s="2">
        <v>0</v>
      </c>
      <c r="J38769" s="2">
        <v>0</v>
      </c>
      <c r="K38769" s="2">
        <v>1</v>
      </c>
      <c r="L38769" t="s">
        <v>995</v>
      </c>
      <c r="M38769" t="s">
        <v>83</v>
      </c>
      <c r="N38769" t="s">
        <v>91</v>
      </c>
      <c r="O38769" t="s">
        <v>85</v>
      </c>
      <c r="P38769" t="s">
        <v>86</v>
      </c>
      <c r="Q38769">
        <v>4</v>
      </c>
      <c r="R38769">
        <v>4</v>
      </c>
      <c r="S38769">
        <v>4</v>
      </c>
      <c r="T38769">
        <v>4</v>
      </c>
      <c r="U38769">
        <v>4</v>
      </c>
      <c r="V38769">
        <v>4</v>
      </c>
      <c r="W38769">
        <v>4</v>
      </c>
      <c r="X38769">
        <v>4</v>
      </c>
      <c r="Y38769">
        <v>4</v>
      </c>
      <c r="Z38769">
        <v>4</v>
      </c>
      <c r="AA38769">
        <v>4</v>
      </c>
      <c r="AB38769">
        <v>5</v>
      </c>
      <c r="AC38769">
        <v>5</v>
      </c>
      <c r="AD38769">
        <v>5</v>
      </c>
      <c r="AE38769">
        <v>5</v>
      </c>
      <c r="AF38769">
        <v>5</v>
      </c>
      <c r="AG38769">
        <v>5</v>
      </c>
      <c r="AH38769">
        <v>5</v>
      </c>
      <c r="AI38769">
        <v>5</v>
      </c>
      <c r="AJ38769">
        <v>5</v>
      </c>
      <c r="AK38769">
        <v>5</v>
      </c>
      <c r="AL38769">
        <v>5</v>
      </c>
      <c r="AM38769">
        <v>5</v>
      </c>
      <c r="AN38769">
        <v>5</v>
      </c>
      <c r="AO38769">
        <v>5</v>
      </c>
      <c r="AP38769">
        <v>5</v>
      </c>
      <c r="AQ38769">
        <v>5</v>
      </c>
    </row>
    <row r="38770" spans="1:43">
      <c r="A38770" t="s">
        <v>24047</v>
      </c>
      <c r="B38770" t="s">
        <v>24048</v>
      </c>
      <c r="C38770" t="s">
        <v>23997</v>
      </c>
      <c r="D38770" t="s">
        <v>23998</v>
      </c>
      <c r="E38770" t="s">
        <v>23993</v>
      </c>
      <c r="F38770" t="s">
        <v>23994</v>
      </c>
      <c r="G38770" t="s">
        <v>11612</v>
      </c>
      <c r="H38770" t="s">
        <v>11613</v>
      </c>
      <c r="I38770" s="2">
        <v>0</v>
      </c>
      <c r="J38770" s="2">
        <v>0</v>
      </c>
      <c r="K38770" s="2">
        <v>1</v>
      </c>
      <c r="L38770" t="s">
        <v>995</v>
      </c>
      <c r="M38770" t="s">
        <v>83</v>
      </c>
      <c r="N38770" t="s">
        <v>84</v>
      </c>
      <c r="O38770" t="s">
        <v>85</v>
      </c>
      <c r="P38770" t="s">
        <v>86</v>
      </c>
      <c r="Q38770">
        <v>10</v>
      </c>
      <c r="R38770">
        <v>10</v>
      </c>
      <c r="S38770">
        <v>10</v>
      </c>
      <c r="T38770">
        <v>10</v>
      </c>
      <c r="U38770">
        <v>10</v>
      </c>
      <c r="V38770">
        <v>10</v>
      </c>
      <c r="W38770">
        <v>11</v>
      </c>
      <c r="X38770">
        <v>11</v>
      </c>
      <c r="Y38770">
        <v>11</v>
      </c>
      <c r="Z38770">
        <v>11</v>
      </c>
      <c r="AA38770">
        <v>11</v>
      </c>
      <c r="AB38770">
        <v>11</v>
      </c>
      <c r="AC38770">
        <v>11</v>
      </c>
      <c r="AD38770">
        <v>11</v>
      </c>
      <c r="AE38770">
        <v>11</v>
      </c>
      <c r="AF38770">
        <v>12</v>
      </c>
      <c r="AG38770">
        <v>12</v>
      </c>
      <c r="AH38770">
        <v>12</v>
      </c>
      <c r="AI38770">
        <v>12</v>
      </c>
      <c r="AJ38770">
        <v>12</v>
      </c>
      <c r="AK38770">
        <v>12</v>
      </c>
      <c r="AL38770">
        <v>12</v>
      </c>
      <c r="AM38770">
        <v>12</v>
      </c>
      <c r="AN38770">
        <v>12</v>
      </c>
      <c r="AO38770">
        <v>12</v>
      </c>
      <c r="AP38770">
        <v>12</v>
      </c>
      <c r="AQ38770">
        <v>12</v>
      </c>
    </row>
    <row r="38771" spans="1:43">
      <c r="A38771" t="s">
        <v>24047</v>
      </c>
      <c r="B38771" t="s">
        <v>24048</v>
      </c>
      <c r="C38771" t="s">
        <v>23997</v>
      </c>
      <c r="D38771" t="s">
        <v>23998</v>
      </c>
      <c r="E38771" t="s">
        <v>23993</v>
      </c>
      <c r="F38771" t="s">
        <v>23994</v>
      </c>
      <c r="G38771" t="s">
        <v>11612</v>
      </c>
      <c r="H38771" t="s">
        <v>11613</v>
      </c>
      <c r="I38771" s="2">
        <v>0</v>
      </c>
      <c r="J38771" s="2">
        <v>0</v>
      </c>
      <c r="K38771" s="2">
        <v>1</v>
      </c>
      <c r="L38771" t="s">
        <v>995</v>
      </c>
      <c r="M38771" t="s">
        <v>87</v>
      </c>
      <c r="N38771" t="s">
        <v>88</v>
      </c>
      <c r="O38771" t="s">
        <v>85</v>
      </c>
      <c r="P38771" t="s">
        <v>86</v>
      </c>
      <c r="Q38771">
        <v>10</v>
      </c>
      <c r="R38771">
        <v>10</v>
      </c>
      <c r="S38771">
        <v>10</v>
      </c>
      <c r="T38771">
        <v>10</v>
      </c>
      <c r="U38771">
        <v>10</v>
      </c>
      <c r="V38771">
        <v>10</v>
      </c>
      <c r="W38771">
        <v>10</v>
      </c>
      <c r="X38771">
        <v>10</v>
      </c>
      <c r="Y38771">
        <v>10</v>
      </c>
      <c r="Z38771">
        <v>10</v>
      </c>
      <c r="AA38771">
        <v>10</v>
      </c>
      <c r="AB38771">
        <v>10</v>
      </c>
      <c r="AC38771">
        <v>10</v>
      </c>
      <c r="AD38771">
        <v>10</v>
      </c>
      <c r="AE38771">
        <v>10</v>
      </c>
      <c r="AF38771">
        <v>10</v>
      </c>
      <c r="AG38771">
        <v>10</v>
      </c>
      <c r="AH38771">
        <v>10</v>
      </c>
      <c r="AI38771">
        <v>10</v>
      </c>
      <c r="AJ38771">
        <v>10</v>
      </c>
      <c r="AK38771">
        <v>10</v>
      </c>
      <c r="AL38771">
        <v>10</v>
      </c>
      <c r="AM38771">
        <v>10</v>
      </c>
      <c r="AN38771">
        <v>10</v>
      </c>
      <c r="AO38771">
        <v>10</v>
      </c>
      <c r="AP38771">
        <v>10</v>
      </c>
      <c r="AQ38771">
        <v>10</v>
      </c>
    </row>
    <row r="38772" spans="1:43">
      <c r="A38772" t="s">
        <v>24047</v>
      </c>
      <c r="B38772" t="s">
        <v>24048</v>
      </c>
      <c r="C38772" t="s">
        <v>23997</v>
      </c>
      <c r="D38772" t="s">
        <v>23998</v>
      </c>
      <c r="E38772" t="s">
        <v>23993</v>
      </c>
      <c r="F38772" t="s">
        <v>23994</v>
      </c>
      <c r="G38772" t="s">
        <v>11612</v>
      </c>
      <c r="H38772" t="s">
        <v>11613</v>
      </c>
      <c r="I38772" s="2">
        <v>0</v>
      </c>
      <c r="J38772" s="2">
        <v>0</v>
      </c>
      <c r="K38772" s="2">
        <v>1</v>
      </c>
      <c r="L38772" t="s">
        <v>995</v>
      </c>
      <c r="M38772" t="s">
        <v>89</v>
      </c>
      <c r="N38772" t="s">
        <v>90</v>
      </c>
      <c r="O38772" t="s">
        <v>85</v>
      </c>
      <c r="P38772" t="s">
        <v>86</v>
      </c>
      <c r="Q38772">
        <v>10</v>
      </c>
      <c r="R38772">
        <v>10</v>
      </c>
      <c r="S38772">
        <v>10</v>
      </c>
      <c r="T38772">
        <v>11</v>
      </c>
      <c r="U38772">
        <v>11</v>
      </c>
      <c r="V38772">
        <v>11</v>
      </c>
      <c r="W38772">
        <v>11</v>
      </c>
      <c r="X38772">
        <v>11</v>
      </c>
      <c r="Y38772">
        <v>12</v>
      </c>
      <c r="Z38772">
        <v>12</v>
      </c>
      <c r="AA38772">
        <v>12</v>
      </c>
      <c r="AB38772">
        <v>12</v>
      </c>
      <c r="AC38772">
        <v>12</v>
      </c>
      <c r="AD38772">
        <v>12</v>
      </c>
      <c r="AE38772">
        <v>12</v>
      </c>
      <c r="AF38772">
        <v>12</v>
      </c>
      <c r="AG38772">
        <v>12</v>
      </c>
      <c r="AH38772">
        <v>12</v>
      </c>
      <c r="AI38772">
        <v>12</v>
      </c>
      <c r="AJ38772">
        <v>12</v>
      </c>
      <c r="AK38772">
        <v>12</v>
      </c>
      <c r="AL38772">
        <v>12</v>
      </c>
      <c r="AM38772">
        <v>12</v>
      </c>
      <c r="AN38772">
        <v>12</v>
      </c>
      <c r="AO38772">
        <v>12</v>
      </c>
      <c r="AP38772">
        <v>12</v>
      </c>
      <c r="AQ38772">
        <v>12</v>
      </c>
    </row>
    <row r="38773" spans="1:43">
      <c r="A38773" t="s">
        <v>24047</v>
      </c>
      <c r="B38773" t="s">
        <v>24048</v>
      </c>
      <c r="C38773" t="s">
        <v>23997</v>
      </c>
      <c r="D38773" t="s">
        <v>23998</v>
      </c>
      <c r="E38773" t="s">
        <v>23993</v>
      </c>
      <c r="F38773" t="s">
        <v>23994</v>
      </c>
      <c r="G38773" t="s">
        <v>11612</v>
      </c>
      <c r="H38773" t="s">
        <v>11613</v>
      </c>
      <c r="I38773" s="2">
        <v>0</v>
      </c>
      <c r="J38773" s="2">
        <v>0</v>
      </c>
      <c r="K38773" s="2">
        <v>1</v>
      </c>
      <c r="L38773" t="s">
        <v>995</v>
      </c>
      <c r="M38773" t="s">
        <v>83</v>
      </c>
      <c r="N38773" t="s">
        <v>91</v>
      </c>
      <c r="O38773" t="s">
        <v>85</v>
      </c>
      <c r="P38773" t="s">
        <v>86</v>
      </c>
      <c r="Q38773">
        <v>10</v>
      </c>
      <c r="R38773">
        <v>10</v>
      </c>
      <c r="S38773">
        <v>10</v>
      </c>
      <c r="T38773">
        <v>10</v>
      </c>
      <c r="U38773">
        <v>10</v>
      </c>
      <c r="V38773">
        <v>10</v>
      </c>
      <c r="W38773">
        <v>11</v>
      </c>
      <c r="X38773">
        <v>11</v>
      </c>
      <c r="Y38773">
        <v>11</v>
      </c>
      <c r="Z38773">
        <v>11</v>
      </c>
      <c r="AA38773">
        <v>11</v>
      </c>
      <c r="AB38773">
        <v>11</v>
      </c>
      <c r="AC38773">
        <v>11</v>
      </c>
      <c r="AD38773">
        <v>11</v>
      </c>
      <c r="AE38773">
        <v>11</v>
      </c>
      <c r="AF38773">
        <v>12</v>
      </c>
      <c r="AG38773">
        <v>12</v>
      </c>
      <c r="AH38773">
        <v>12</v>
      </c>
      <c r="AI38773">
        <v>12</v>
      </c>
      <c r="AJ38773">
        <v>12</v>
      </c>
      <c r="AK38773">
        <v>12</v>
      </c>
      <c r="AL38773">
        <v>12</v>
      </c>
      <c r="AM38773">
        <v>12</v>
      </c>
      <c r="AN38773">
        <v>12</v>
      </c>
      <c r="AO38773">
        <v>12</v>
      </c>
      <c r="AP38773">
        <v>12</v>
      </c>
      <c r="AQ38773">
        <v>12</v>
      </c>
    </row>
    <row r="38774" spans="1:43">
      <c r="A38774" t="s">
        <v>24049</v>
      </c>
      <c r="B38774" t="s">
        <v>24050</v>
      </c>
      <c r="C38774" t="s">
        <v>24051</v>
      </c>
      <c r="D38774" t="s">
        <v>24052</v>
      </c>
      <c r="E38774" t="s">
        <v>23993</v>
      </c>
      <c r="F38774" t="s">
        <v>23994</v>
      </c>
      <c r="G38774" t="s">
        <v>11612</v>
      </c>
      <c r="H38774" t="s">
        <v>11613</v>
      </c>
      <c r="I38774" s="2">
        <v>0</v>
      </c>
      <c r="J38774" s="2">
        <v>0</v>
      </c>
      <c r="K38774" s="2">
        <v>1</v>
      </c>
      <c r="L38774" t="s">
        <v>995</v>
      </c>
      <c r="M38774" t="s">
        <v>83</v>
      </c>
      <c r="N38774" t="s">
        <v>84</v>
      </c>
      <c r="O38774" t="s">
        <v>85</v>
      </c>
      <c r="P38774" t="s">
        <v>86</v>
      </c>
      <c r="Q38774">
        <v>4</v>
      </c>
      <c r="R38774">
        <v>4</v>
      </c>
      <c r="S38774">
        <v>4</v>
      </c>
      <c r="T38774">
        <v>4</v>
      </c>
      <c r="U38774">
        <v>4</v>
      </c>
      <c r="V38774">
        <v>4</v>
      </c>
      <c r="W38774">
        <v>4</v>
      </c>
      <c r="X38774">
        <v>4</v>
      </c>
      <c r="Y38774">
        <v>4</v>
      </c>
      <c r="Z38774">
        <v>4</v>
      </c>
      <c r="AA38774">
        <v>4</v>
      </c>
      <c r="AB38774">
        <v>4</v>
      </c>
      <c r="AC38774">
        <v>4</v>
      </c>
      <c r="AD38774">
        <v>4</v>
      </c>
      <c r="AE38774">
        <v>4</v>
      </c>
      <c r="AF38774">
        <v>4</v>
      </c>
      <c r="AG38774">
        <v>4</v>
      </c>
      <c r="AH38774">
        <v>4</v>
      </c>
      <c r="AI38774">
        <v>4</v>
      </c>
      <c r="AJ38774">
        <v>4</v>
      </c>
      <c r="AK38774">
        <v>4</v>
      </c>
      <c r="AL38774">
        <v>4</v>
      </c>
      <c r="AM38774">
        <v>4</v>
      </c>
      <c r="AN38774">
        <v>4</v>
      </c>
      <c r="AO38774">
        <v>4</v>
      </c>
      <c r="AP38774">
        <v>4</v>
      </c>
      <c r="AQ38774">
        <v>4</v>
      </c>
    </row>
    <row r="38775" spans="1:43">
      <c r="A38775" t="s">
        <v>24049</v>
      </c>
      <c r="B38775" t="s">
        <v>24050</v>
      </c>
      <c r="C38775" t="s">
        <v>24051</v>
      </c>
      <c r="D38775" t="s">
        <v>24052</v>
      </c>
      <c r="E38775" t="s">
        <v>23993</v>
      </c>
      <c r="F38775" t="s">
        <v>23994</v>
      </c>
      <c r="G38775" t="s">
        <v>11612</v>
      </c>
      <c r="H38775" t="s">
        <v>11613</v>
      </c>
      <c r="I38775" s="2">
        <v>0</v>
      </c>
      <c r="J38775" s="2">
        <v>0</v>
      </c>
      <c r="K38775" s="2">
        <v>1</v>
      </c>
      <c r="L38775" t="s">
        <v>995</v>
      </c>
      <c r="M38775" t="s">
        <v>87</v>
      </c>
      <c r="N38775" t="s">
        <v>88</v>
      </c>
      <c r="O38775" t="s">
        <v>85</v>
      </c>
      <c r="P38775" t="s">
        <v>86</v>
      </c>
      <c r="Q38775">
        <v>4</v>
      </c>
      <c r="R38775">
        <v>4</v>
      </c>
      <c r="S38775">
        <v>4</v>
      </c>
      <c r="T38775">
        <v>4</v>
      </c>
      <c r="U38775">
        <v>4</v>
      </c>
      <c r="V38775">
        <v>4</v>
      </c>
      <c r="W38775">
        <v>4</v>
      </c>
      <c r="X38775">
        <v>4</v>
      </c>
      <c r="Y38775">
        <v>4</v>
      </c>
      <c r="Z38775">
        <v>4</v>
      </c>
      <c r="AA38775">
        <v>4</v>
      </c>
      <c r="AB38775">
        <v>4</v>
      </c>
      <c r="AC38775">
        <v>4</v>
      </c>
      <c r="AD38775">
        <v>4</v>
      </c>
      <c r="AE38775">
        <v>4</v>
      </c>
      <c r="AF38775">
        <v>4</v>
      </c>
      <c r="AG38775">
        <v>4</v>
      </c>
      <c r="AH38775">
        <v>4</v>
      </c>
      <c r="AI38775">
        <v>4</v>
      </c>
      <c r="AJ38775">
        <v>4</v>
      </c>
      <c r="AK38775">
        <v>4</v>
      </c>
      <c r="AL38775">
        <v>4</v>
      </c>
      <c r="AM38775">
        <v>4</v>
      </c>
      <c r="AN38775">
        <v>4</v>
      </c>
      <c r="AO38775">
        <v>4</v>
      </c>
      <c r="AP38775">
        <v>4</v>
      </c>
      <c r="AQ38775">
        <v>4</v>
      </c>
    </row>
    <row r="38776" spans="1:43">
      <c r="A38776" t="s">
        <v>24049</v>
      </c>
      <c r="B38776" t="s">
        <v>24050</v>
      </c>
      <c r="C38776" t="s">
        <v>24051</v>
      </c>
      <c r="D38776" t="s">
        <v>24052</v>
      </c>
      <c r="E38776" t="s">
        <v>23993</v>
      </c>
      <c r="F38776" t="s">
        <v>23994</v>
      </c>
      <c r="G38776" t="s">
        <v>11612</v>
      </c>
      <c r="H38776" t="s">
        <v>11613</v>
      </c>
      <c r="I38776" s="2">
        <v>0</v>
      </c>
      <c r="J38776" s="2">
        <v>0</v>
      </c>
      <c r="K38776" s="2">
        <v>1</v>
      </c>
      <c r="L38776" t="s">
        <v>995</v>
      </c>
      <c r="M38776" t="s">
        <v>89</v>
      </c>
      <c r="N38776" t="s">
        <v>90</v>
      </c>
      <c r="O38776" t="s">
        <v>85</v>
      </c>
      <c r="P38776" t="s">
        <v>86</v>
      </c>
      <c r="Q38776">
        <v>4</v>
      </c>
      <c r="R38776">
        <v>4</v>
      </c>
      <c r="S38776">
        <v>4</v>
      </c>
      <c r="T38776">
        <v>4</v>
      </c>
      <c r="U38776">
        <v>4</v>
      </c>
      <c r="V38776">
        <v>4</v>
      </c>
      <c r="W38776">
        <v>4</v>
      </c>
      <c r="X38776">
        <v>4</v>
      </c>
      <c r="Y38776">
        <v>4</v>
      </c>
      <c r="Z38776">
        <v>4</v>
      </c>
      <c r="AA38776">
        <v>4</v>
      </c>
      <c r="AB38776">
        <v>4</v>
      </c>
      <c r="AC38776">
        <v>5</v>
      </c>
      <c r="AD38776">
        <v>5</v>
      </c>
      <c r="AE38776">
        <v>5</v>
      </c>
      <c r="AF38776">
        <v>5</v>
      </c>
      <c r="AG38776">
        <v>5</v>
      </c>
      <c r="AH38776">
        <v>5</v>
      </c>
      <c r="AI38776">
        <v>5</v>
      </c>
      <c r="AJ38776">
        <v>5</v>
      </c>
      <c r="AK38776">
        <v>5</v>
      </c>
      <c r="AL38776">
        <v>5</v>
      </c>
      <c r="AM38776">
        <v>5</v>
      </c>
      <c r="AN38776">
        <v>5</v>
      </c>
      <c r="AO38776">
        <v>4</v>
      </c>
      <c r="AP38776">
        <v>4</v>
      </c>
      <c r="AQ38776">
        <v>4</v>
      </c>
    </row>
    <row r="38777" spans="1:43">
      <c r="A38777" t="s">
        <v>24049</v>
      </c>
      <c r="B38777" t="s">
        <v>24050</v>
      </c>
      <c r="C38777" t="s">
        <v>24051</v>
      </c>
      <c r="D38777" t="s">
        <v>24052</v>
      </c>
      <c r="E38777" t="s">
        <v>23993</v>
      </c>
      <c r="F38777" t="s">
        <v>23994</v>
      </c>
      <c r="G38777" t="s">
        <v>11612</v>
      </c>
      <c r="H38777" t="s">
        <v>11613</v>
      </c>
      <c r="I38777" s="2">
        <v>0</v>
      </c>
      <c r="J38777" s="2">
        <v>0</v>
      </c>
      <c r="K38777" s="2">
        <v>1</v>
      </c>
      <c r="L38777" t="s">
        <v>995</v>
      </c>
      <c r="M38777" t="s">
        <v>83</v>
      </c>
      <c r="N38777" t="s">
        <v>91</v>
      </c>
      <c r="O38777" t="s">
        <v>85</v>
      </c>
      <c r="P38777" t="s">
        <v>86</v>
      </c>
      <c r="Q38777">
        <v>4</v>
      </c>
      <c r="R38777">
        <v>4</v>
      </c>
      <c r="S38777">
        <v>4</v>
      </c>
      <c r="T38777">
        <v>4</v>
      </c>
      <c r="U38777">
        <v>4</v>
      </c>
      <c r="V38777">
        <v>4</v>
      </c>
      <c r="W38777">
        <v>4</v>
      </c>
      <c r="X38777">
        <v>4</v>
      </c>
      <c r="Y38777">
        <v>4</v>
      </c>
      <c r="Z38777">
        <v>4</v>
      </c>
      <c r="AA38777">
        <v>4</v>
      </c>
      <c r="AB38777">
        <v>4</v>
      </c>
      <c r="AC38777">
        <v>4</v>
      </c>
      <c r="AD38777">
        <v>4</v>
      </c>
      <c r="AE38777">
        <v>4</v>
      </c>
      <c r="AF38777">
        <v>4</v>
      </c>
      <c r="AG38777">
        <v>4</v>
      </c>
      <c r="AH38777">
        <v>4</v>
      </c>
      <c r="AI38777">
        <v>4</v>
      </c>
      <c r="AJ38777">
        <v>4</v>
      </c>
      <c r="AK38777">
        <v>4</v>
      </c>
      <c r="AL38777">
        <v>4</v>
      </c>
      <c r="AM38777">
        <v>4</v>
      </c>
      <c r="AN38777">
        <v>4</v>
      </c>
      <c r="AO38777">
        <v>4</v>
      </c>
      <c r="AP38777">
        <v>4</v>
      </c>
      <c r="AQ38777">
        <v>4</v>
      </c>
    </row>
    <row r="38778" spans="1:43">
      <c r="A38778" t="s">
        <v>24053</v>
      </c>
      <c r="B38778" t="s">
        <v>24054</v>
      </c>
      <c r="C38778" t="s">
        <v>24051</v>
      </c>
      <c r="D38778" t="s">
        <v>24052</v>
      </c>
      <c r="E38778" t="s">
        <v>23993</v>
      </c>
      <c r="F38778" t="s">
        <v>23994</v>
      </c>
      <c r="G38778" t="s">
        <v>11612</v>
      </c>
      <c r="H38778" t="s">
        <v>11613</v>
      </c>
      <c r="I38778" s="2">
        <v>0</v>
      </c>
      <c r="J38778" s="2">
        <v>0</v>
      </c>
      <c r="K38778" s="2">
        <v>1</v>
      </c>
      <c r="L38778" t="s">
        <v>995</v>
      </c>
      <c r="M38778" t="s">
        <v>83</v>
      </c>
      <c r="N38778" t="s">
        <v>84</v>
      </c>
      <c r="O38778" t="s">
        <v>85</v>
      </c>
      <c r="P38778" t="s">
        <v>86</v>
      </c>
      <c r="Q38778">
        <v>28</v>
      </c>
      <c r="R38778">
        <v>28</v>
      </c>
      <c r="S38778">
        <v>29</v>
      </c>
      <c r="T38778">
        <v>29</v>
      </c>
      <c r="U38778">
        <v>30</v>
      </c>
      <c r="V38778">
        <v>30</v>
      </c>
      <c r="W38778">
        <v>30</v>
      </c>
      <c r="X38778">
        <v>31</v>
      </c>
      <c r="Y38778">
        <v>31</v>
      </c>
      <c r="Z38778">
        <v>31</v>
      </c>
      <c r="AA38778">
        <v>32</v>
      </c>
      <c r="AB38778">
        <v>32</v>
      </c>
      <c r="AC38778">
        <v>32</v>
      </c>
      <c r="AD38778">
        <v>33</v>
      </c>
      <c r="AE38778">
        <v>33</v>
      </c>
      <c r="AF38778">
        <v>33</v>
      </c>
      <c r="AG38778">
        <v>33</v>
      </c>
      <c r="AH38778">
        <v>34</v>
      </c>
      <c r="AI38778">
        <v>34</v>
      </c>
      <c r="AJ38778">
        <v>34</v>
      </c>
      <c r="AK38778">
        <v>34</v>
      </c>
      <c r="AL38778">
        <v>34</v>
      </c>
      <c r="AM38778">
        <v>34</v>
      </c>
      <c r="AN38778">
        <v>34</v>
      </c>
      <c r="AO38778">
        <v>34</v>
      </c>
      <c r="AP38778">
        <v>34</v>
      </c>
      <c r="AQ38778">
        <v>34</v>
      </c>
    </row>
    <row r="38779" spans="1:43">
      <c r="A38779" t="s">
        <v>24053</v>
      </c>
      <c r="B38779" t="s">
        <v>24054</v>
      </c>
      <c r="C38779" t="s">
        <v>24051</v>
      </c>
      <c r="D38779" t="s">
        <v>24052</v>
      </c>
      <c r="E38779" t="s">
        <v>23993</v>
      </c>
      <c r="F38779" t="s">
        <v>23994</v>
      </c>
      <c r="G38779" t="s">
        <v>11612</v>
      </c>
      <c r="H38779" t="s">
        <v>11613</v>
      </c>
      <c r="I38779" s="2">
        <v>0</v>
      </c>
      <c r="J38779" s="2">
        <v>0</v>
      </c>
      <c r="K38779" s="2">
        <v>1</v>
      </c>
      <c r="L38779" t="s">
        <v>995</v>
      </c>
      <c r="M38779" t="s">
        <v>87</v>
      </c>
      <c r="N38779" t="s">
        <v>88</v>
      </c>
      <c r="O38779" t="s">
        <v>85</v>
      </c>
      <c r="P38779" t="s">
        <v>86</v>
      </c>
      <c r="Q38779">
        <v>28</v>
      </c>
      <c r="R38779">
        <v>28</v>
      </c>
      <c r="S38779">
        <v>28</v>
      </c>
      <c r="T38779">
        <v>28</v>
      </c>
      <c r="U38779">
        <v>28</v>
      </c>
      <c r="V38779">
        <v>28</v>
      </c>
      <c r="W38779">
        <v>28</v>
      </c>
      <c r="X38779">
        <v>29</v>
      </c>
      <c r="Y38779">
        <v>29</v>
      </c>
      <c r="Z38779">
        <v>29</v>
      </c>
      <c r="AA38779">
        <v>29</v>
      </c>
      <c r="AB38779">
        <v>29</v>
      </c>
      <c r="AC38779">
        <v>29</v>
      </c>
      <c r="AD38779">
        <v>29</v>
      </c>
      <c r="AE38779">
        <v>29</v>
      </c>
      <c r="AF38779">
        <v>29</v>
      </c>
      <c r="AG38779">
        <v>29</v>
      </c>
      <c r="AH38779">
        <v>29</v>
      </c>
      <c r="AI38779">
        <v>29</v>
      </c>
      <c r="AJ38779">
        <v>29</v>
      </c>
      <c r="AK38779">
        <v>29</v>
      </c>
      <c r="AL38779">
        <v>29</v>
      </c>
      <c r="AM38779">
        <v>29</v>
      </c>
      <c r="AN38779">
        <v>29</v>
      </c>
      <c r="AO38779">
        <v>29</v>
      </c>
      <c r="AP38779">
        <v>29</v>
      </c>
      <c r="AQ38779">
        <v>29</v>
      </c>
    </row>
    <row r="38780" spans="1:43">
      <c r="A38780" t="s">
        <v>24053</v>
      </c>
      <c r="B38780" t="s">
        <v>24054</v>
      </c>
      <c r="C38780" t="s">
        <v>24051</v>
      </c>
      <c r="D38780" t="s">
        <v>24052</v>
      </c>
      <c r="E38780" t="s">
        <v>23993</v>
      </c>
      <c r="F38780" t="s">
        <v>23994</v>
      </c>
      <c r="G38780" t="s">
        <v>11612</v>
      </c>
      <c r="H38780" t="s">
        <v>11613</v>
      </c>
      <c r="I38780" s="2">
        <v>0</v>
      </c>
      <c r="J38780" s="2">
        <v>0</v>
      </c>
      <c r="K38780" s="2">
        <v>1</v>
      </c>
      <c r="L38780" t="s">
        <v>995</v>
      </c>
      <c r="M38780" t="s">
        <v>89</v>
      </c>
      <c r="N38780" t="s">
        <v>90</v>
      </c>
      <c r="O38780" t="s">
        <v>85</v>
      </c>
      <c r="P38780" t="s">
        <v>86</v>
      </c>
      <c r="Q38780">
        <v>28</v>
      </c>
      <c r="R38780">
        <v>29</v>
      </c>
      <c r="S38780">
        <v>30</v>
      </c>
      <c r="T38780">
        <v>30</v>
      </c>
      <c r="U38780">
        <v>31</v>
      </c>
      <c r="V38780">
        <v>31</v>
      </c>
      <c r="W38780">
        <v>32</v>
      </c>
      <c r="X38780">
        <v>32</v>
      </c>
      <c r="Y38780">
        <v>33</v>
      </c>
      <c r="Z38780">
        <v>33</v>
      </c>
      <c r="AA38780">
        <v>34</v>
      </c>
      <c r="AB38780">
        <v>34</v>
      </c>
      <c r="AC38780">
        <v>35</v>
      </c>
      <c r="AD38780">
        <v>35</v>
      </c>
      <c r="AE38780">
        <v>35</v>
      </c>
      <c r="AF38780">
        <v>35</v>
      </c>
      <c r="AG38780">
        <v>35</v>
      </c>
      <c r="AH38780">
        <v>35</v>
      </c>
      <c r="AI38780">
        <v>35</v>
      </c>
      <c r="AJ38780">
        <v>35</v>
      </c>
      <c r="AK38780">
        <v>35</v>
      </c>
      <c r="AL38780">
        <v>35</v>
      </c>
      <c r="AM38780">
        <v>34</v>
      </c>
      <c r="AN38780">
        <v>34</v>
      </c>
      <c r="AO38780">
        <v>34</v>
      </c>
      <c r="AP38780">
        <v>34</v>
      </c>
      <c r="AQ38780">
        <v>34</v>
      </c>
    </row>
    <row r="38781" spans="1:43">
      <c r="A38781" t="s">
        <v>24053</v>
      </c>
      <c r="B38781" t="s">
        <v>24054</v>
      </c>
      <c r="C38781" t="s">
        <v>24051</v>
      </c>
      <c r="D38781" t="s">
        <v>24052</v>
      </c>
      <c r="E38781" t="s">
        <v>23993</v>
      </c>
      <c r="F38781" t="s">
        <v>23994</v>
      </c>
      <c r="G38781" t="s">
        <v>11612</v>
      </c>
      <c r="H38781" t="s">
        <v>11613</v>
      </c>
      <c r="I38781" s="2">
        <v>0</v>
      </c>
      <c r="J38781" s="2">
        <v>0</v>
      </c>
      <c r="K38781" s="2">
        <v>1</v>
      </c>
      <c r="L38781" t="s">
        <v>995</v>
      </c>
      <c r="M38781" t="s">
        <v>83</v>
      </c>
      <c r="N38781" t="s">
        <v>91</v>
      </c>
      <c r="O38781" t="s">
        <v>85</v>
      </c>
      <c r="P38781" t="s">
        <v>86</v>
      </c>
      <c r="Q38781">
        <v>28</v>
      </c>
      <c r="R38781">
        <v>28</v>
      </c>
      <c r="S38781">
        <v>29</v>
      </c>
      <c r="T38781">
        <v>29</v>
      </c>
      <c r="U38781">
        <v>30</v>
      </c>
      <c r="V38781">
        <v>30</v>
      </c>
      <c r="W38781">
        <v>30</v>
      </c>
      <c r="X38781">
        <v>31</v>
      </c>
      <c r="Y38781">
        <v>31</v>
      </c>
      <c r="Z38781">
        <v>31</v>
      </c>
      <c r="AA38781">
        <v>32</v>
      </c>
      <c r="AB38781">
        <v>32</v>
      </c>
      <c r="AC38781">
        <v>32</v>
      </c>
      <c r="AD38781">
        <v>33</v>
      </c>
      <c r="AE38781">
        <v>33</v>
      </c>
      <c r="AF38781">
        <v>33</v>
      </c>
      <c r="AG38781">
        <v>33</v>
      </c>
      <c r="AH38781">
        <v>34</v>
      </c>
      <c r="AI38781">
        <v>34</v>
      </c>
      <c r="AJ38781">
        <v>34</v>
      </c>
      <c r="AK38781">
        <v>34</v>
      </c>
      <c r="AL38781">
        <v>34</v>
      </c>
      <c r="AM38781">
        <v>34</v>
      </c>
      <c r="AN38781">
        <v>34</v>
      </c>
      <c r="AO38781">
        <v>34</v>
      </c>
      <c r="AP38781">
        <v>34</v>
      </c>
      <c r="AQ38781">
        <v>34</v>
      </c>
    </row>
    <row r="38782" spans="1:43">
      <c r="A38782" t="s">
        <v>24055</v>
      </c>
      <c r="B38782" t="s">
        <v>24056</v>
      </c>
      <c r="C38782" t="s">
        <v>24051</v>
      </c>
      <c r="D38782" t="s">
        <v>24052</v>
      </c>
      <c r="E38782" t="s">
        <v>23993</v>
      </c>
      <c r="F38782" t="s">
        <v>23994</v>
      </c>
      <c r="G38782" t="s">
        <v>11612</v>
      </c>
      <c r="H38782" t="s">
        <v>11613</v>
      </c>
      <c r="I38782" s="2">
        <v>0</v>
      </c>
      <c r="J38782" s="2">
        <v>0</v>
      </c>
      <c r="K38782" s="2">
        <v>1</v>
      </c>
      <c r="L38782" t="s">
        <v>995</v>
      </c>
      <c r="M38782" t="s">
        <v>83</v>
      </c>
      <c r="N38782" t="s">
        <v>84</v>
      </c>
      <c r="O38782" t="s">
        <v>85</v>
      </c>
      <c r="P38782" t="s">
        <v>86</v>
      </c>
      <c r="Q38782">
        <v>25</v>
      </c>
      <c r="R38782">
        <v>26</v>
      </c>
      <c r="S38782">
        <v>26</v>
      </c>
      <c r="T38782">
        <v>26</v>
      </c>
      <c r="U38782">
        <v>27</v>
      </c>
      <c r="V38782">
        <v>27</v>
      </c>
      <c r="W38782">
        <v>27</v>
      </c>
      <c r="X38782">
        <v>27</v>
      </c>
      <c r="Y38782">
        <v>28</v>
      </c>
      <c r="Z38782">
        <v>28</v>
      </c>
      <c r="AA38782">
        <v>28</v>
      </c>
      <c r="AB38782">
        <v>29</v>
      </c>
      <c r="AC38782">
        <v>29</v>
      </c>
      <c r="AD38782">
        <v>29</v>
      </c>
      <c r="AE38782">
        <v>29</v>
      </c>
      <c r="AF38782">
        <v>30</v>
      </c>
      <c r="AG38782">
        <v>30</v>
      </c>
      <c r="AH38782">
        <v>30</v>
      </c>
      <c r="AI38782">
        <v>30</v>
      </c>
      <c r="AJ38782">
        <v>30</v>
      </c>
      <c r="AK38782">
        <v>31</v>
      </c>
      <c r="AL38782">
        <v>31</v>
      </c>
      <c r="AM38782">
        <v>31</v>
      </c>
      <c r="AN38782">
        <v>30</v>
      </c>
      <c r="AO38782">
        <v>30</v>
      </c>
      <c r="AP38782">
        <v>30</v>
      </c>
      <c r="AQ38782">
        <v>30</v>
      </c>
    </row>
    <row r="38783" spans="1:43">
      <c r="A38783" t="s">
        <v>24055</v>
      </c>
      <c r="B38783" t="s">
        <v>24056</v>
      </c>
      <c r="C38783" t="s">
        <v>24051</v>
      </c>
      <c r="D38783" t="s">
        <v>24052</v>
      </c>
      <c r="E38783" t="s">
        <v>23993</v>
      </c>
      <c r="F38783" t="s">
        <v>23994</v>
      </c>
      <c r="G38783" t="s">
        <v>11612</v>
      </c>
      <c r="H38783" t="s">
        <v>11613</v>
      </c>
      <c r="I38783" s="2">
        <v>0</v>
      </c>
      <c r="J38783" s="2">
        <v>0</v>
      </c>
      <c r="K38783" s="2">
        <v>1</v>
      </c>
      <c r="L38783" t="s">
        <v>995</v>
      </c>
      <c r="M38783" t="s">
        <v>87</v>
      </c>
      <c r="N38783" t="s">
        <v>88</v>
      </c>
      <c r="O38783" t="s">
        <v>85</v>
      </c>
      <c r="P38783" t="s">
        <v>86</v>
      </c>
      <c r="Q38783">
        <v>25</v>
      </c>
      <c r="R38783">
        <v>25</v>
      </c>
      <c r="S38783">
        <v>25</v>
      </c>
      <c r="T38783">
        <v>25</v>
      </c>
      <c r="U38783">
        <v>25</v>
      </c>
      <c r="V38783">
        <v>25</v>
      </c>
      <c r="W38783">
        <v>26</v>
      </c>
      <c r="X38783">
        <v>26</v>
      </c>
      <c r="Y38783">
        <v>26</v>
      </c>
      <c r="Z38783">
        <v>26</v>
      </c>
      <c r="AA38783">
        <v>26</v>
      </c>
      <c r="AB38783">
        <v>26</v>
      </c>
      <c r="AC38783">
        <v>26</v>
      </c>
      <c r="AD38783">
        <v>26</v>
      </c>
      <c r="AE38783">
        <v>26</v>
      </c>
      <c r="AF38783">
        <v>26</v>
      </c>
      <c r="AG38783">
        <v>26</v>
      </c>
      <c r="AH38783">
        <v>26</v>
      </c>
      <c r="AI38783">
        <v>26</v>
      </c>
      <c r="AJ38783">
        <v>26</v>
      </c>
      <c r="AK38783">
        <v>26</v>
      </c>
      <c r="AL38783">
        <v>26</v>
      </c>
      <c r="AM38783">
        <v>26</v>
      </c>
      <c r="AN38783">
        <v>26</v>
      </c>
      <c r="AO38783">
        <v>26</v>
      </c>
      <c r="AP38783">
        <v>26</v>
      </c>
      <c r="AQ38783">
        <v>26</v>
      </c>
    </row>
    <row r="38784" spans="1:43">
      <c r="A38784" t="s">
        <v>24055</v>
      </c>
      <c r="B38784" t="s">
        <v>24056</v>
      </c>
      <c r="C38784" t="s">
        <v>24051</v>
      </c>
      <c r="D38784" t="s">
        <v>24052</v>
      </c>
      <c r="E38784" t="s">
        <v>23993</v>
      </c>
      <c r="F38784" t="s">
        <v>23994</v>
      </c>
      <c r="G38784" t="s">
        <v>11612</v>
      </c>
      <c r="H38784" t="s">
        <v>11613</v>
      </c>
      <c r="I38784" s="2">
        <v>0</v>
      </c>
      <c r="J38784" s="2">
        <v>0</v>
      </c>
      <c r="K38784" s="2">
        <v>1</v>
      </c>
      <c r="L38784" t="s">
        <v>995</v>
      </c>
      <c r="M38784" t="s">
        <v>89</v>
      </c>
      <c r="N38784" t="s">
        <v>90</v>
      </c>
      <c r="O38784" t="s">
        <v>85</v>
      </c>
      <c r="P38784" t="s">
        <v>86</v>
      </c>
      <c r="Q38784">
        <v>25</v>
      </c>
      <c r="R38784">
        <v>26</v>
      </c>
      <c r="S38784">
        <v>27</v>
      </c>
      <c r="T38784">
        <v>27</v>
      </c>
      <c r="U38784">
        <v>28</v>
      </c>
      <c r="V38784">
        <v>28</v>
      </c>
      <c r="W38784">
        <v>29</v>
      </c>
      <c r="X38784">
        <v>29</v>
      </c>
      <c r="Y38784">
        <v>29</v>
      </c>
      <c r="Z38784">
        <v>30</v>
      </c>
      <c r="AA38784">
        <v>30</v>
      </c>
      <c r="AB38784">
        <v>31</v>
      </c>
      <c r="AC38784">
        <v>31</v>
      </c>
      <c r="AD38784">
        <v>31</v>
      </c>
      <c r="AE38784">
        <v>31</v>
      </c>
      <c r="AF38784">
        <v>31</v>
      </c>
      <c r="AG38784">
        <v>31</v>
      </c>
      <c r="AH38784">
        <v>31</v>
      </c>
      <c r="AI38784">
        <v>31</v>
      </c>
      <c r="AJ38784">
        <v>31</v>
      </c>
      <c r="AK38784">
        <v>31</v>
      </c>
      <c r="AL38784">
        <v>31</v>
      </c>
      <c r="AM38784">
        <v>31</v>
      </c>
      <c r="AN38784">
        <v>31</v>
      </c>
      <c r="AO38784">
        <v>31</v>
      </c>
      <c r="AP38784">
        <v>31</v>
      </c>
      <c r="AQ38784">
        <v>31</v>
      </c>
    </row>
    <row r="38785" spans="1:43">
      <c r="A38785" t="s">
        <v>24055</v>
      </c>
      <c r="B38785" t="s">
        <v>24056</v>
      </c>
      <c r="C38785" t="s">
        <v>24051</v>
      </c>
      <c r="D38785" t="s">
        <v>24052</v>
      </c>
      <c r="E38785" t="s">
        <v>23993</v>
      </c>
      <c r="F38785" t="s">
        <v>23994</v>
      </c>
      <c r="G38785" t="s">
        <v>11612</v>
      </c>
      <c r="H38785" t="s">
        <v>11613</v>
      </c>
      <c r="I38785" s="2">
        <v>0</v>
      </c>
      <c r="J38785" s="2">
        <v>0</v>
      </c>
      <c r="K38785" s="2">
        <v>1</v>
      </c>
      <c r="L38785" t="s">
        <v>995</v>
      </c>
      <c r="M38785" t="s">
        <v>83</v>
      </c>
      <c r="N38785" t="s">
        <v>91</v>
      </c>
      <c r="O38785" t="s">
        <v>85</v>
      </c>
      <c r="P38785" t="s">
        <v>86</v>
      </c>
      <c r="Q38785">
        <v>25</v>
      </c>
      <c r="R38785">
        <v>26</v>
      </c>
      <c r="S38785">
        <v>26</v>
      </c>
      <c r="T38785">
        <v>26</v>
      </c>
      <c r="U38785">
        <v>27</v>
      </c>
      <c r="V38785">
        <v>27</v>
      </c>
      <c r="W38785">
        <v>27</v>
      </c>
      <c r="X38785">
        <v>27</v>
      </c>
      <c r="Y38785">
        <v>28</v>
      </c>
      <c r="Z38785">
        <v>28</v>
      </c>
      <c r="AA38785">
        <v>28</v>
      </c>
      <c r="AB38785">
        <v>29</v>
      </c>
      <c r="AC38785">
        <v>29</v>
      </c>
      <c r="AD38785">
        <v>29</v>
      </c>
      <c r="AE38785">
        <v>29</v>
      </c>
      <c r="AF38785">
        <v>30</v>
      </c>
      <c r="AG38785">
        <v>30</v>
      </c>
      <c r="AH38785">
        <v>30</v>
      </c>
      <c r="AI38785">
        <v>30</v>
      </c>
      <c r="AJ38785">
        <v>30</v>
      </c>
      <c r="AK38785">
        <v>31</v>
      </c>
      <c r="AL38785">
        <v>31</v>
      </c>
      <c r="AM38785">
        <v>31</v>
      </c>
      <c r="AN38785">
        <v>30</v>
      </c>
      <c r="AO38785">
        <v>30</v>
      </c>
      <c r="AP38785">
        <v>30</v>
      </c>
      <c r="AQ38785">
        <v>30</v>
      </c>
    </row>
    <row r="38786" spans="1:43">
      <c r="A38786" t="s">
        <v>24057</v>
      </c>
      <c r="B38786" t="s">
        <v>24058</v>
      </c>
      <c r="C38786" t="s">
        <v>24059</v>
      </c>
      <c r="D38786" t="s">
        <v>24060</v>
      </c>
      <c r="E38786" t="s">
        <v>23993</v>
      </c>
      <c r="F38786" t="s">
        <v>23994</v>
      </c>
      <c r="G38786" t="s">
        <v>11612</v>
      </c>
      <c r="H38786" t="s">
        <v>11613</v>
      </c>
      <c r="I38786" s="2">
        <v>0</v>
      </c>
      <c r="J38786" s="2">
        <v>0</v>
      </c>
      <c r="K38786" s="2">
        <v>1</v>
      </c>
      <c r="L38786" t="s">
        <v>995</v>
      </c>
      <c r="M38786" t="s">
        <v>83</v>
      </c>
      <c r="N38786" t="s">
        <v>84</v>
      </c>
      <c r="O38786" t="s">
        <v>85</v>
      </c>
      <c r="P38786" t="s">
        <v>86</v>
      </c>
      <c r="Q38786">
        <v>16</v>
      </c>
      <c r="R38786">
        <v>16</v>
      </c>
      <c r="S38786">
        <v>17</v>
      </c>
      <c r="T38786">
        <v>17</v>
      </c>
      <c r="U38786">
        <v>17</v>
      </c>
      <c r="V38786">
        <v>17</v>
      </c>
      <c r="W38786">
        <v>17</v>
      </c>
      <c r="X38786">
        <v>18</v>
      </c>
      <c r="Y38786">
        <v>18</v>
      </c>
      <c r="Z38786">
        <v>18</v>
      </c>
      <c r="AA38786">
        <v>18</v>
      </c>
      <c r="AB38786">
        <v>18</v>
      </c>
      <c r="AC38786">
        <v>18</v>
      </c>
      <c r="AD38786">
        <v>19</v>
      </c>
      <c r="AE38786">
        <v>19</v>
      </c>
      <c r="AF38786">
        <v>19</v>
      </c>
      <c r="AG38786">
        <v>19</v>
      </c>
      <c r="AH38786">
        <v>19</v>
      </c>
      <c r="AI38786">
        <v>19</v>
      </c>
      <c r="AJ38786">
        <v>19</v>
      </c>
      <c r="AK38786">
        <v>19</v>
      </c>
      <c r="AL38786">
        <v>19</v>
      </c>
      <c r="AM38786">
        <v>19</v>
      </c>
      <c r="AN38786">
        <v>19</v>
      </c>
      <c r="AO38786">
        <v>19</v>
      </c>
      <c r="AP38786">
        <v>19</v>
      </c>
      <c r="AQ38786">
        <v>19</v>
      </c>
    </row>
    <row r="38787" spans="1:43">
      <c r="A38787" t="s">
        <v>24057</v>
      </c>
      <c r="B38787" t="s">
        <v>24058</v>
      </c>
      <c r="C38787" t="s">
        <v>24059</v>
      </c>
      <c r="D38787" t="s">
        <v>24060</v>
      </c>
      <c r="E38787" t="s">
        <v>23993</v>
      </c>
      <c r="F38787" t="s">
        <v>23994</v>
      </c>
      <c r="G38787" t="s">
        <v>11612</v>
      </c>
      <c r="H38787" t="s">
        <v>11613</v>
      </c>
      <c r="I38787" s="2">
        <v>0</v>
      </c>
      <c r="J38787" s="2">
        <v>0</v>
      </c>
      <c r="K38787" s="2">
        <v>1</v>
      </c>
      <c r="L38787" t="s">
        <v>995</v>
      </c>
      <c r="M38787" t="s">
        <v>87</v>
      </c>
      <c r="N38787" t="s">
        <v>88</v>
      </c>
      <c r="O38787" t="s">
        <v>85</v>
      </c>
      <c r="P38787" t="s">
        <v>86</v>
      </c>
      <c r="Q38787">
        <v>16</v>
      </c>
      <c r="R38787">
        <v>16</v>
      </c>
      <c r="S38787">
        <v>16</v>
      </c>
      <c r="T38787">
        <v>16</v>
      </c>
      <c r="U38787">
        <v>16</v>
      </c>
      <c r="V38787">
        <v>16</v>
      </c>
      <c r="W38787">
        <v>16</v>
      </c>
      <c r="X38787">
        <v>16</v>
      </c>
      <c r="Y38787">
        <v>16</v>
      </c>
      <c r="Z38787">
        <v>16</v>
      </c>
      <c r="AA38787">
        <v>16</v>
      </c>
      <c r="AB38787">
        <v>16</v>
      </c>
      <c r="AC38787">
        <v>17</v>
      </c>
      <c r="AD38787">
        <v>17</v>
      </c>
      <c r="AE38787">
        <v>17</v>
      </c>
      <c r="AF38787">
        <v>17</v>
      </c>
      <c r="AG38787">
        <v>17</v>
      </c>
      <c r="AH38787">
        <v>17</v>
      </c>
      <c r="AI38787">
        <v>17</v>
      </c>
      <c r="AJ38787">
        <v>17</v>
      </c>
      <c r="AK38787">
        <v>17</v>
      </c>
      <c r="AL38787">
        <v>17</v>
      </c>
      <c r="AM38787">
        <v>17</v>
      </c>
      <c r="AN38787">
        <v>17</v>
      </c>
      <c r="AO38787">
        <v>17</v>
      </c>
      <c r="AP38787">
        <v>17</v>
      </c>
      <c r="AQ38787">
        <v>17</v>
      </c>
    </row>
    <row r="38788" spans="1:43">
      <c r="A38788" t="s">
        <v>24057</v>
      </c>
      <c r="B38788" t="s">
        <v>24058</v>
      </c>
      <c r="C38788" t="s">
        <v>24059</v>
      </c>
      <c r="D38788" t="s">
        <v>24060</v>
      </c>
      <c r="E38788" t="s">
        <v>23993</v>
      </c>
      <c r="F38788" t="s">
        <v>23994</v>
      </c>
      <c r="G38788" t="s">
        <v>11612</v>
      </c>
      <c r="H38788" t="s">
        <v>11613</v>
      </c>
      <c r="I38788" s="2">
        <v>0</v>
      </c>
      <c r="J38788" s="2">
        <v>0</v>
      </c>
      <c r="K38788" s="2">
        <v>1</v>
      </c>
      <c r="L38788" t="s">
        <v>995</v>
      </c>
      <c r="M38788" t="s">
        <v>89</v>
      </c>
      <c r="N38788" t="s">
        <v>90</v>
      </c>
      <c r="O38788" t="s">
        <v>85</v>
      </c>
      <c r="P38788" t="s">
        <v>86</v>
      </c>
      <c r="Q38788">
        <v>16</v>
      </c>
      <c r="R38788">
        <v>17</v>
      </c>
      <c r="S38788">
        <v>17</v>
      </c>
      <c r="T38788">
        <v>17</v>
      </c>
      <c r="U38788">
        <v>18</v>
      </c>
      <c r="V38788">
        <v>18</v>
      </c>
      <c r="W38788">
        <v>18</v>
      </c>
      <c r="X38788">
        <v>19</v>
      </c>
      <c r="Y38788">
        <v>19</v>
      </c>
      <c r="Z38788">
        <v>19</v>
      </c>
      <c r="AA38788">
        <v>19</v>
      </c>
      <c r="AB38788">
        <v>19</v>
      </c>
      <c r="AC38788">
        <v>20</v>
      </c>
      <c r="AD38788">
        <v>20</v>
      </c>
      <c r="AE38788">
        <v>20</v>
      </c>
      <c r="AF38788">
        <v>20</v>
      </c>
      <c r="AG38788">
        <v>20</v>
      </c>
      <c r="AH38788">
        <v>20</v>
      </c>
      <c r="AI38788">
        <v>20</v>
      </c>
      <c r="AJ38788">
        <v>20</v>
      </c>
      <c r="AK38788">
        <v>20</v>
      </c>
      <c r="AL38788">
        <v>20</v>
      </c>
      <c r="AM38788">
        <v>20</v>
      </c>
      <c r="AN38788">
        <v>20</v>
      </c>
      <c r="AO38788">
        <v>20</v>
      </c>
      <c r="AP38788">
        <v>20</v>
      </c>
      <c r="AQ38788">
        <v>19</v>
      </c>
    </row>
    <row r="38789" spans="1:43">
      <c r="A38789" t="s">
        <v>24057</v>
      </c>
      <c r="B38789" t="s">
        <v>24058</v>
      </c>
      <c r="C38789" t="s">
        <v>24059</v>
      </c>
      <c r="D38789" t="s">
        <v>24060</v>
      </c>
      <c r="E38789" t="s">
        <v>23993</v>
      </c>
      <c r="F38789" t="s">
        <v>23994</v>
      </c>
      <c r="G38789" t="s">
        <v>11612</v>
      </c>
      <c r="H38789" t="s">
        <v>11613</v>
      </c>
      <c r="I38789" s="2">
        <v>0</v>
      </c>
      <c r="J38789" s="2">
        <v>0</v>
      </c>
      <c r="K38789" s="2">
        <v>1</v>
      </c>
      <c r="L38789" t="s">
        <v>995</v>
      </c>
      <c r="M38789" t="s">
        <v>83</v>
      </c>
      <c r="N38789" t="s">
        <v>91</v>
      </c>
      <c r="O38789" t="s">
        <v>85</v>
      </c>
      <c r="P38789" t="s">
        <v>86</v>
      </c>
      <c r="Q38789">
        <v>16</v>
      </c>
      <c r="R38789">
        <v>16</v>
      </c>
      <c r="S38789">
        <v>17</v>
      </c>
      <c r="T38789">
        <v>17</v>
      </c>
      <c r="U38789">
        <v>17</v>
      </c>
      <c r="V38789">
        <v>17</v>
      </c>
      <c r="W38789">
        <v>17</v>
      </c>
      <c r="X38789">
        <v>18</v>
      </c>
      <c r="Y38789">
        <v>18</v>
      </c>
      <c r="Z38789">
        <v>18</v>
      </c>
      <c r="AA38789">
        <v>18</v>
      </c>
      <c r="AB38789">
        <v>18</v>
      </c>
      <c r="AC38789">
        <v>18</v>
      </c>
      <c r="AD38789">
        <v>19</v>
      </c>
      <c r="AE38789">
        <v>19</v>
      </c>
      <c r="AF38789">
        <v>19</v>
      </c>
      <c r="AG38789">
        <v>19</v>
      </c>
      <c r="AH38789">
        <v>19</v>
      </c>
      <c r="AI38789">
        <v>19</v>
      </c>
      <c r="AJ38789">
        <v>19</v>
      </c>
      <c r="AK38789">
        <v>19</v>
      </c>
      <c r="AL38789">
        <v>19</v>
      </c>
      <c r="AM38789">
        <v>19</v>
      </c>
      <c r="AN38789">
        <v>19</v>
      </c>
      <c r="AO38789">
        <v>19</v>
      </c>
      <c r="AP38789">
        <v>19</v>
      </c>
      <c r="AQ38789">
        <v>19</v>
      </c>
    </row>
    <row r="38790" spans="1:43">
      <c r="A38790" t="s">
        <v>24061</v>
      </c>
      <c r="B38790" t="s">
        <v>24062</v>
      </c>
      <c r="C38790" t="s">
        <v>24059</v>
      </c>
      <c r="D38790" t="s">
        <v>24060</v>
      </c>
      <c r="E38790" t="s">
        <v>23993</v>
      </c>
      <c r="F38790" t="s">
        <v>23994</v>
      </c>
      <c r="G38790" t="s">
        <v>11612</v>
      </c>
      <c r="H38790" t="s">
        <v>11613</v>
      </c>
      <c r="I38790" s="2">
        <v>0</v>
      </c>
      <c r="J38790" s="2">
        <v>0</v>
      </c>
      <c r="K38790" s="2">
        <v>1</v>
      </c>
      <c r="L38790" t="s">
        <v>995</v>
      </c>
      <c r="M38790" t="s">
        <v>83</v>
      </c>
      <c r="N38790" t="s">
        <v>84</v>
      </c>
      <c r="O38790" t="s">
        <v>85</v>
      </c>
      <c r="P38790" t="s">
        <v>86</v>
      </c>
      <c r="Q38790">
        <v>11</v>
      </c>
      <c r="R38790">
        <v>11</v>
      </c>
      <c r="S38790">
        <v>11</v>
      </c>
      <c r="T38790">
        <v>11</v>
      </c>
      <c r="U38790">
        <v>11</v>
      </c>
      <c r="V38790">
        <v>11</v>
      </c>
      <c r="W38790">
        <v>11</v>
      </c>
      <c r="X38790">
        <v>11</v>
      </c>
      <c r="Y38790">
        <v>12</v>
      </c>
      <c r="Z38790">
        <v>12</v>
      </c>
      <c r="AA38790">
        <v>12</v>
      </c>
      <c r="AB38790">
        <v>12</v>
      </c>
      <c r="AC38790">
        <v>12</v>
      </c>
      <c r="AD38790">
        <v>12</v>
      </c>
      <c r="AE38790">
        <v>12</v>
      </c>
      <c r="AF38790">
        <v>12</v>
      </c>
      <c r="AG38790">
        <v>12</v>
      </c>
      <c r="AH38790">
        <v>12</v>
      </c>
      <c r="AI38790">
        <v>13</v>
      </c>
      <c r="AJ38790">
        <v>13</v>
      </c>
      <c r="AK38790">
        <v>13</v>
      </c>
      <c r="AL38790">
        <v>13</v>
      </c>
      <c r="AM38790">
        <v>13</v>
      </c>
      <c r="AN38790">
        <v>13</v>
      </c>
      <c r="AO38790">
        <v>13</v>
      </c>
      <c r="AP38790">
        <v>13</v>
      </c>
      <c r="AQ38790">
        <v>12</v>
      </c>
    </row>
    <row r="38791" spans="1:43">
      <c r="A38791" t="s">
        <v>24061</v>
      </c>
      <c r="B38791" t="s">
        <v>24062</v>
      </c>
      <c r="C38791" t="s">
        <v>24059</v>
      </c>
      <c r="D38791" t="s">
        <v>24060</v>
      </c>
      <c r="E38791" t="s">
        <v>23993</v>
      </c>
      <c r="F38791" t="s">
        <v>23994</v>
      </c>
      <c r="G38791" t="s">
        <v>11612</v>
      </c>
      <c r="H38791" t="s">
        <v>11613</v>
      </c>
      <c r="I38791" s="2">
        <v>0</v>
      </c>
      <c r="J38791" s="2">
        <v>0</v>
      </c>
      <c r="K38791" s="2">
        <v>1</v>
      </c>
      <c r="L38791" t="s">
        <v>995</v>
      </c>
      <c r="M38791" t="s">
        <v>87</v>
      </c>
      <c r="N38791" t="s">
        <v>88</v>
      </c>
      <c r="O38791" t="s">
        <v>85</v>
      </c>
      <c r="P38791" t="s">
        <v>86</v>
      </c>
      <c r="Q38791">
        <v>11</v>
      </c>
      <c r="R38791">
        <v>11</v>
      </c>
      <c r="S38791">
        <v>11</v>
      </c>
      <c r="T38791">
        <v>12</v>
      </c>
      <c r="U38791">
        <v>12</v>
      </c>
      <c r="V38791">
        <v>12</v>
      </c>
      <c r="W38791">
        <v>12</v>
      </c>
      <c r="X38791">
        <v>12</v>
      </c>
      <c r="Y38791">
        <v>12</v>
      </c>
      <c r="Z38791">
        <v>12</v>
      </c>
      <c r="AA38791">
        <v>12</v>
      </c>
      <c r="AB38791">
        <v>12</v>
      </c>
      <c r="AC38791">
        <v>12</v>
      </c>
      <c r="AD38791">
        <v>12</v>
      </c>
      <c r="AE38791">
        <v>12</v>
      </c>
      <c r="AF38791">
        <v>12</v>
      </c>
      <c r="AG38791">
        <v>12</v>
      </c>
      <c r="AH38791">
        <v>12</v>
      </c>
      <c r="AI38791">
        <v>12</v>
      </c>
      <c r="AJ38791">
        <v>12</v>
      </c>
      <c r="AK38791">
        <v>12</v>
      </c>
      <c r="AL38791">
        <v>12</v>
      </c>
      <c r="AM38791">
        <v>12</v>
      </c>
      <c r="AN38791">
        <v>12</v>
      </c>
      <c r="AO38791">
        <v>12</v>
      </c>
      <c r="AP38791">
        <v>12</v>
      </c>
      <c r="AQ38791">
        <v>12</v>
      </c>
    </row>
    <row r="38792" spans="1:43">
      <c r="A38792" t="s">
        <v>24061</v>
      </c>
      <c r="B38792" t="s">
        <v>24062</v>
      </c>
      <c r="C38792" t="s">
        <v>24059</v>
      </c>
      <c r="D38792" t="s">
        <v>24060</v>
      </c>
      <c r="E38792" t="s">
        <v>23993</v>
      </c>
      <c r="F38792" t="s">
        <v>23994</v>
      </c>
      <c r="G38792" t="s">
        <v>11612</v>
      </c>
      <c r="H38792" t="s">
        <v>11613</v>
      </c>
      <c r="I38792" s="2">
        <v>0</v>
      </c>
      <c r="J38792" s="2">
        <v>0</v>
      </c>
      <c r="K38792" s="2">
        <v>1</v>
      </c>
      <c r="L38792" t="s">
        <v>995</v>
      </c>
      <c r="M38792" t="s">
        <v>89</v>
      </c>
      <c r="N38792" t="s">
        <v>90</v>
      </c>
      <c r="O38792" t="s">
        <v>85</v>
      </c>
      <c r="P38792" t="s">
        <v>86</v>
      </c>
      <c r="Q38792">
        <v>11</v>
      </c>
      <c r="R38792">
        <v>11</v>
      </c>
      <c r="S38792">
        <v>11</v>
      </c>
      <c r="T38792">
        <v>11</v>
      </c>
      <c r="U38792">
        <v>11</v>
      </c>
      <c r="V38792">
        <v>12</v>
      </c>
      <c r="W38792">
        <v>12</v>
      </c>
      <c r="X38792">
        <v>12</v>
      </c>
      <c r="Y38792">
        <v>12</v>
      </c>
      <c r="Z38792">
        <v>12</v>
      </c>
      <c r="AA38792">
        <v>13</v>
      </c>
      <c r="AB38792">
        <v>13</v>
      </c>
      <c r="AC38792">
        <v>13</v>
      </c>
      <c r="AD38792">
        <v>13</v>
      </c>
      <c r="AE38792">
        <v>13</v>
      </c>
      <c r="AF38792">
        <v>13</v>
      </c>
      <c r="AG38792">
        <v>13</v>
      </c>
      <c r="AH38792">
        <v>13</v>
      </c>
      <c r="AI38792">
        <v>13</v>
      </c>
      <c r="AJ38792">
        <v>13</v>
      </c>
      <c r="AK38792">
        <v>13</v>
      </c>
      <c r="AL38792">
        <v>13</v>
      </c>
      <c r="AM38792">
        <v>13</v>
      </c>
      <c r="AN38792">
        <v>13</v>
      </c>
      <c r="AO38792">
        <v>13</v>
      </c>
      <c r="AP38792">
        <v>13</v>
      </c>
      <c r="AQ38792">
        <v>13</v>
      </c>
    </row>
    <row r="38793" spans="1:43">
      <c r="A38793" t="s">
        <v>24061</v>
      </c>
      <c r="B38793" t="s">
        <v>24062</v>
      </c>
      <c r="C38793" t="s">
        <v>24059</v>
      </c>
      <c r="D38793" t="s">
        <v>24060</v>
      </c>
      <c r="E38793" t="s">
        <v>23993</v>
      </c>
      <c r="F38793" t="s">
        <v>23994</v>
      </c>
      <c r="G38793" t="s">
        <v>11612</v>
      </c>
      <c r="H38793" t="s">
        <v>11613</v>
      </c>
      <c r="I38793" s="2">
        <v>0</v>
      </c>
      <c r="J38793" s="2">
        <v>0</v>
      </c>
      <c r="K38793" s="2">
        <v>1</v>
      </c>
      <c r="L38793" t="s">
        <v>995</v>
      </c>
      <c r="M38793" t="s">
        <v>83</v>
      </c>
      <c r="N38793" t="s">
        <v>91</v>
      </c>
      <c r="O38793" t="s">
        <v>85</v>
      </c>
      <c r="P38793" t="s">
        <v>86</v>
      </c>
      <c r="Q38793">
        <v>11</v>
      </c>
      <c r="R38793">
        <v>11</v>
      </c>
      <c r="S38793">
        <v>11</v>
      </c>
      <c r="T38793">
        <v>11</v>
      </c>
      <c r="U38793">
        <v>11</v>
      </c>
      <c r="V38793">
        <v>11</v>
      </c>
      <c r="W38793">
        <v>11</v>
      </c>
      <c r="X38793">
        <v>11</v>
      </c>
      <c r="Y38793">
        <v>12</v>
      </c>
      <c r="Z38793">
        <v>12</v>
      </c>
      <c r="AA38793">
        <v>12</v>
      </c>
      <c r="AB38793">
        <v>12</v>
      </c>
      <c r="AC38793">
        <v>12</v>
      </c>
      <c r="AD38793">
        <v>12</v>
      </c>
      <c r="AE38793">
        <v>12</v>
      </c>
      <c r="AF38793">
        <v>12</v>
      </c>
      <c r="AG38793">
        <v>12</v>
      </c>
      <c r="AH38793">
        <v>12</v>
      </c>
      <c r="AI38793">
        <v>13</v>
      </c>
      <c r="AJ38793">
        <v>13</v>
      </c>
      <c r="AK38793">
        <v>13</v>
      </c>
      <c r="AL38793">
        <v>13</v>
      </c>
      <c r="AM38793">
        <v>13</v>
      </c>
      <c r="AN38793">
        <v>13</v>
      </c>
      <c r="AO38793">
        <v>13</v>
      </c>
      <c r="AP38793">
        <v>13</v>
      </c>
      <c r="AQ38793">
        <v>12</v>
      </c>
    </row>
    <row r="38794" spans="1:43">
      <c r="A38794" t="s">
        <v>24063</v>
      </c>
      <c r="B38794" t="s">
        <v>24064</v>
      </c>
      <c r="C38794" t="s">
        <v>24059</v>
      </c>
      <c r="D38794" t="s">
        <v>24060</v>
      </c>
      <c r="E38794" t="s">
        <v>23993</v>
      </c>
      <c r="F38794" t="s">
        <v>23994</v>
      </c>
      <c r="G38794" t="s">
        <v>11612</v>
      </c>
      <c r="H38794" t="s">
        <v>11613</v>
      </c>
      <c r="I38794" s="2">
        <v>0</v>
      </c>
      <c r="J38794" s="2">
        <v>0</v>
      </c>
      <c r="K38794" s="2">
        <v>1</v>
      </c>
      <c r="L38794" t="s">
        <v>995</v>
      </c>
      <c r="M38794" t="s">
        <v>83</v>
      </c>
      <c r="N38794" t="s">
        <v>84</v>
      </c>
      <c r="O38794" t="s">
        <v>85</v>
      </c>
      <c r="P38794" t="s">
        <v>86</v>
      </c>
      <c r="Q38794">
        <v>68</v>
      </c>
      <c r="R38794">
        <v>69</v>
      </c>
      <c r="S38794">
        <v>70</v>
      </c>
      <c r="T38794">
        <v>71</v>
      </c>
      <c r="U38794">
        <v>72</v>
      </c>
      <c r="V38794">
        <v>72</v>
      </c>
      <c r="W38794">
        <v>73</v>
      </c>
      <c r="X38794">
        <v>74</v>
      </c>
      <c r="Y38794">
        <v>75</v>
      </c>
      <c r="Z38794">
        <v>76</v>
      </c>
      <c r="AA38794">
        <v>76</v>
      </c>
      <c r="AB38794">
        <v>77</v>
      </c>
      <c r="AC38794">
        <v>78</v>
      </c>
      <c r="AD38794">
        <v>78</v>
      </c>
      <c r="AE38794">
        <v>79</v>
      </c>
      <c r="AF38794">
        <v>79</v>
      </c>
      <c r="AG38794">
        <v>80</v>
      </c>
      <c r="AH38794">
        <v>80</v>
      </c>
      <c r="AI38794">
        <v>81</v>
      </c>
      <c r="AJ38794">
        <v>81</v>
      </c>
      <c r="AK38794">
        <v>82</v>
      </c>
      <c r="AL38794">
        <v>82</v>
      </c>
      <c r="AM38794">
        <v>81</v>
      </c>
      <c r="AN38794">
        <v>81</v>
      </c>
      <c r="AO38794">
        <v>81</v>
      </c>
      <c r="AP38794">
        <v>81</v>
      </c>
      <c r="AQ38794">
        <v>80</v>
      </c>
    </row>
    <row r="38795" spans="1:43">
      <c r="A38795" t="s">
        <v>24063</v>
      </c>
      <c r="B38795" t="s">
        <v>24064</v>
      </c>
      <c r="C38795" t="s">
        <v>24059</v>
      </c>
      <c r="D38795" t="s">
        <v>24060</v>
      </c>
      <c r="E38795" t="s">
        <v>23993</v>
      </c>
      <c r="F38795" t="s">
        <v>23994</v>
      </c>
      <c r="G38795" t="s">
        <v>11612</v>
      </c>
      <c r="H38795" t="s">
        <v>11613</v>
      </c>
      <c r="I38795" s="2">
        <v>0</v>
      </c>
      <c r="J38795" s="2">
        <v>0</v>
      </c>
      <c r="K38795" s="2">
        <v>1</v>
      </c>
      <c r="L38795" t="s">
        <v>995</v>
      </c>
      <c r="M38795" t="s">
        <v>87</v>
      </c>
      <c r="N38795" t="s">
        <v>88</v>
      </c>
      <c r="O38795" t="s">
        <v>85</v>
      </c>
      <c r="P38795" t="s">
        <v>86</v>
      </c>
      <c r="Q38795">
        <v>68</v>
      </c>
      <c r="R38795">
        <v>68</v>
      </c>
      <c r="S38795">
        <v>68</v>
      </c>
      <c r="T38795">
        <v>68</v>
      </c>
      <c r="U38795">
        <v>68</v>
      </c>
      <c r="V38795">
        <v>69</v>
      </c>
      <c r="W38795">
        <v>69</v>
      </c>
      <c r="X38795">
        <v>69</v>
      </c>
      <c r="Y38795">
        <v>69</v>
      </c>
      <c r="Z38795">
        <v>69</v>
      </c>
      <c r="AA38795">
        <v>69</v>
      </c>
      <c r="AB38795">
        <v>69</v>
      </c>
      <c r="AC38795">
        <v>70</v>
      </c>
      <c r="AD38795">
        <v>70</v>
      </c>
      <c r="AE38795">
        <v>70</v>
      </c>
      <c r="AF38795">
        <v>70</v>
      </c>
      <c r="AG38795">
        <v>70</v>
      </c>
      <c r="AH38795">
        <v>70</v>
      </c>
      <c r="AI38795">
        <v>70</v>
      </c>
      <c r="AJ38795">
        <v>70</v>
      </c>
      <c r="AK38795">
        <v>70</v>
      </c>
      <c r="AL38795">
        <v>70</v>
      </c>
      <c r="AM38795">
        <v>70</v>
      </c>
      <c r="AN38795">
        <v>70</v>
      </c>
      <c r="AO38795">
        <v>69</v>
      </c>
      <c r="AP38795">
        <v>69</v>
      </c>
      <c r="AQ38795">
        <v>69</v>
      </c>
    </row>
    <row r="38796" spans="1:43">
      <c r="A38796" t="s">
        <v>24063</v>
      </c>
      <c r="B38796" t="s">
        <v>24064</v>
      </c>
      <c r="C38796" t="s">
        <v>24059</v>
      </c>
      <c r="D38796" t="s">
        <v>24060</v>
      </c>
      <c r="E38796" t="s">
        <v>23993</v>
      </c>
      <c r="F38796" t="s">
        <v>23994</v>
      </c>
      <c r="G38796" t="s">
        <v>11612</v>
      </c>
      <c r="H38796" t="s">
        <v>11613</v>
      </c>
      <c r="I38796" s="2">
        <v>0</v>
      </c>
      <c r="J38796" s="2">
        <v>0</v>
      </c>
      <c r="K38796" s="2">
        <v>1</v>
      </c>
      <c r="L38796" t="s">
        <v>995</v>
      </c>
      <c r="M38796" t="s">
        <v>89</v>
      </c>
      <c r="N38796" t="s">
        <v>90</v>
      </c>
      <c r="O38796" t="s">
        <v>85</v>
      </c>
      <c r="P38796" t="s">
        <v>86</v>
      </c>
      <c r="Q38796">
        <v>68</v>
      </c>
      <c r="R38796">
        <v>69</v>
      </c>
      <c r="S38796">
        <v>71</v>
      </c>
      <c r="T38796">
        <v>72</v>
      </c>
      <c r="U38796">
        <v>73</v>
      </c>
      <c r="V38796">
        <v>75</v>
      </c>
      <c r="W38796">
        <v>76</v>
      </c>
      <c r="X38796">
        <v>77</v>
      </c>
      <c r="Y38796">
        <v>78</v>
      </c>
      <c r="Z38796">
        <v>79</v>
      </c>
      <c r="AA38796">
        <v>80</v>
      </c>
      <c r="AB38796">
        <v>81</v>
      </c>
      <c r="AC38796">
        <v>82</v>
      </c>
      <c r="AD38796">
        <v>83</v>
      </c>
      <c r="AE38796">
        <v>83</v>
      </c>
      <c r="AF38796">
        <v>83</v>
      </c>
      <c r="AG38796">
        <v>83</v>
      </c>
      <c r="AH38796">
        <v>83</v>
      </c>
      <c r="AI38796">
        <v>83</v>
      </c>
      <c r="AJ38796">
        <v>82</v>
      </c>
      <c r="AK38796">
        <v>82</v>
      </c>
      <c r="AL38796">
        <v>82</v>
      </c>
      <c r="AM38796">
        <v>82</v>
      </c>
      <c r="AN38796">
        <v>81</v>
      </c>
      <c r="AO38796">
        <v>81</v>
      </c>
      <c r="AP38796">
        <v>81</v>
      </c>
      <c r="AQ38796">
        <v>80</v>
      </c>
    </row>
    <row r="38797" spans="1:43">
      <c r="A38797" t="s">
        <v>24063</v>
      </c>
      <c r="B38797" t="s">
        <v>24064</v>
      </c>
      <c r="C38797" t="s">
        <v>24059</v>
      </c>
      <c r="D38797" t="s">
        <v>24060</v>
      </c>
      <c r="E38797" t="s">
        <v>23993</v>
      </c>
      <c r="F38797" t="s">
        <v>23994</v>
      </c>
      <c r="G38797" t="s">
        <v>11612</v>
      </c>
      <c r="H38797" t="s">
        <v>11613</v>
      </c>
      <c r="I38797" s="2">
        <v>0</v>
      </c>
      <c r="J38797" s="2">
        <v>0</v>
      </c>
      <c r="K38797" s="2">
        <v>1</v>
      </c>
      <c r="L38797" t="s">
        <v>995</v>
      </c>
      <c r="M38797" t="s">
        <v>83</v>
      </c>
      <c r="N38797" t="s">
        <v>91</v>
      </c>
      <c r="O38797" t="s">
        <v>85</v>
      </c>
      <c r="P38797" t="s">
        <v>86</v>
      </c>
      <c r="Q38797">
        <v>68</v>
      </c>
      <c r="R38797">
        <v>69</v>
      </c>
      <c r="S38797">
        <v>70</v>
      </c>
      <c r="T38797">
        <v>71</v>
      </c>
      <c r="U38797">
        <v>72</v>
      </c>
      <c r="V38797">
        <v>72</v>
      </c>
      <c r="W38797">
        <v>73</v>
      </c>
      <c r="X38797">
        <v>74</v>
      </c>
      <c r="Y38797">
        <v>75</v>
      </c>
      <c r="Z38797">
        <v>76</v>
      </c>
      <c r="AA38797">
        <v>76</v>
      </c>
      <c r="AB38797">
        <v>77</v>
      </c>
      <c r="AC38797">
        <v>78</v>
      </c>
      <c r="AD38797">
        <v>78</v>
      </c>
      <c r="AE38797">
        <v>79</v>
      </c>
      <c r="AF38797">
        <v>79</v>
      </c>
      <c r="AG38797">
        <v>80</v>
      </c>
      <c r="AH38797">
        <v>80</v>
      </c>
      <c r="AI38797">
        <v>81</v>
      </c>
      <c r="AJ38797">
        <v>81</v>
      </c>
      <c r="AK38797">
        <v>82</v>
      </c>
      <c r="AL38797">
        <v>82</v>
      </c>
      <c r="AM38797">
        <v>81</v>
      </c>
      <c r="AN38797">
        <v>81</v>
      </c>
      <c r="AO38797">
        <v>81</v>
      </c>
      <c r="AP38797">
        <v>81</v>
      </c>
      <c r="AQ38797">
        <v>80</v>
      </c>
    </row>
    <row r="38798" spans="1:43">
      <c r="A38798" t="s">
        <v>24065</v>
      </c>
      <c r="B38798" t="s">
        <v>24066</v>
      </c>
      <c r="C38798" t="s">
        <v>24059</v>
      </c>
      <c r="D38798" t="s">
        <v>24060</v>
      </c>
      <c r="E38798" t="s">
        <v>23993</v>
      </c>
      <c r="F38798" t="s">
        <v>23994</v>
      </c>
      <c r="G38798" t="s">
        <v>11612</v>
      </c>
      <c r="H38798" t="s">
        <v>11613</v>
      </c>
      <c r="I38798" s="2">
        <v>0</v>
      </c>
      <c r="J38798" s="2">
        <v>0</v>
      </c>
      <c r="K38798" s="2">
        <v>1</v>
      </c>
      <c r="L38798" t="s">
        <v>995</v>
      </c>
      <c r="M38798" t="s">
        <v>83</v>
      </c>
      <c r="N38798" t="s">
        <v>84</v>
      </c>
      <c r="O38798" t="s">
        <v>85</v>
      </c>
      <c r="P38798" t="s">
        <v>86</v>
      </c>
      <c r="Q38798">
        <v>23</v>
      </c>
      <c r="R38798">
        <v>24</v>
      </c>
      <c r="S38798">
        <v>24</v>
      </c>
      <c r="T38798">
        <v>24</v>
      </c>
      <c r="U38798">
        <v>25</v>
      </c>
      <c r="V38798">
        <v>25</v>
      </c>
      <c r="W38798">
        <v>25</v>
      </c>
      <c r="X38798">
        <v>25</v>
      </c>
      <c r="Y38798">
        <v>26</v>
      </c>
      <c r="Z38798">
        <v>26</v>
      </c>
      <c r="AA38798">
        <v>26</v>
      </c>
      <c r="AB38798">
        <v>27</v>
      </c>
      <c r="AC38798">
        <v>27</v>
      </c>
      <c r="AD38798">
        <v>27</v>
      </c>
      <c r="AE38798">
        <v>27</v>
      </c>
      <c r="AF38798">
        <v>27</v>
      </c>
      <c r="AG38798">
        <v>28</v>
      </c>
      <c r="AH38798">
        <v>28</v>
      </c>
      <c r="AI38798">
        <v>28</v>
      </c>
      <c r="AJ38798">
        <v>28</v>
      </c>
      <c r="AK38798">
        <v>28</v>
      </c>
      <c r="AL38798">
        <v>28</v>
      </c>
      <c r="AM38798">
        <v>28</v>
      </c>
      <c r="AN38798">
        <v>28</v>
      </c>
      <c r="AO38798">
        <v>28</v>
      </c>
      <c r="AP38798">
        <v>28</v>
      </c>
      <c r="AQ38798">
        <v>28</v>
      </c>
    </row>
    <row r="38799" spans="1:43">
      <c r="A38799" t="s">
        <v>24065</v>
      </c>
      <c r="B38799" t="s">
        <v>24066</v>
      </c>
      <c r="C38799" t="s">
        <v>24059</v>
      </c>
      <c r="D38799" t="s">
        <v>24060</v>
      </c>
      <c r="E38799" t="s">
        <v>23993</v>
      </c>
      <c r="F38799" t="s">
        <v>23994</v>
      </c>
      <c r="G38799" t="s">
        <v>11612</v>
      </c>
      <c r="H38799" t="s">
        <v>11613</v>
      </c>
      <c r="I38799" s="2">
        <v>0</v>
      </c>
      <c r="J38799" s="2">
        <v>0</v>
      </c>
      <c r="K38799" s="2">
        <v>1</v>
      </c>
      <c r="L38799" t="s">
        <v>995</v>
      </c>
      <c r="M38799" t="s">
        <v>87</v>
      </c>
      <c r="N38799" t="s">
        <v>88</v>
      </c>
      <c r="O38799" t="s">
        <v>85</v>
      </c>
      <c r="P38799" t="s">
        <v>86</v>
      </c>
      <c r="Q38799">
        <v>23</v>
      </c>
      <c r="R38799">
        <v>23</v>
      </c>
      <c r="S38799">
        <v>23</v>
      </c>
      <c r="T38799">
        <v>23</v>
      </c>
      <c r="U38799">
        <v>24</v>
      </c>
      <c r="V38799">
        <v>24</v>
      </c>
      <c r="W38799">
        <v>24</v>
      </c>
      <c r="X38799">
        <v>24</v>
      </c>
      <c r="Y38799">
        <v>24</v>
      </c>
      <c r="Z38799">
        <v>24</v>
      </c>
      <c r="AA38799">
        <v>24</v>
      </c>
      <c r="AB38799">
        <v>24</v>
      </c>
      <c r="AC38799">
        <v>24</v>
      </c>
      <c r="AD38799">
        <v>24</v>
      </c>
      <c r="AE38799">
        <v>24</v>
      </c>
      <c r="AF38799">
        <v>24</v>
      </c>
      <c r="AG38799">
        <v>24</v>
      </c>
      <c r="AH38799">
        <v>24</v>
      </c>
      <c r="AI38799">
        <v>24</v>
      </c>
      <c r="AJ38799">
        <v>24</v>
      </c>
      <c r="AK38799">
        <v>24</v>
      </c>
      <c r="AL38799">
        <v>24</v>
      </c>
      <c r="AM38799">
        <v>24</v>
      </c>
      <c r="AN38799">
        <v>24</v>
      </c>
      <c r="AO38799">
        <v>24</v>
      </c>
      <c r="AP38799">
        <v>24</v>
      </c>
      <c r="AQ38799">
        <v>24</v>
      </c>
    </row>
    <row r="38800" spans="1:43">
      <c r="A38800" t="s">
        <v>24065</v>
      </c>
      <c r="B38800" t="s">
        <v>24066</v>
      </c>
      <c r="C38800" t="s">
        <v>24059</v>
      </c>
      <c r="D38800" t="s">
        <v>24060</v>
      </c>
      <c r="E38800" t="s">
        <v>23993</v>
      </c>
      <c r="F38800" t="s">
        <v>23994</v>
      </c>
      <c r="G38800" t="s">
        <v>11612</v>
      </c>
      <c r="H38800" t="s">
        <v>11613</v>
      </c>
      <c r="I38800" s="2">
        <v>0</v>
      </c>
      <c r="J38800" s="2">
        <v>0</v>
      </c>
      <c r="K38800" s="2">
        <v>1</v>
      </c>
      <c r="L38800" t="s">
        <v>995</v>
      </c>
      <c r="M38800" t="s">
        <v>89</v>
      </c>
      <c r="N38800" t="s">
        <v>90</v>
      </c>
      <c r="O38800" t="s">
        <v>85</v>
      </c>
      <c r="P38800" t="s">
        <v>86</v>
      </c>
      <c r="Q38800">
        <v>23</v>
      </c>
      <c r="R38800">
        <v>23</v>
      </c>
      <c r="S38800">
        <v>24</v>
      </c>
      <c r="T38800">
        <v>24</v>
      </c>
      <c r="U38800">
        <v>25</v>
      </c>
      <c r="V38800">
        <v>25</v>
      </c>
      <c r="W38800">
        <v>25</v>
      </c>
      <c r="X38800">
        <v>26</v>
      </c>
      <c r="Y38800">
        <v>26</v>
      </c>
      <c r="Z38800">
        <v>27</v>
      </c>
      <c r="AA38800">
        <v>27</v>
      </c>
      <c r="AB38800">
        <v>27</v>
      </c>
      <c r="AC38800">
        <v>28</v>
      </c>
      <c r="AD38800">
        <v>28</v>
      </c>
      <c r="AE38800">
        <v>28</v>
      </c>
      <c r="AF38800">
        <v>28</v>
      </c>
      <c r="AG38800">
        <v>28</v>
      </c>
      <c r="AH38800">
        <v>28</v>
      </c>
      <c r="AI38800">
        <v>28</v>
      </c>
      <c r="AJ38800">
        <v>28</v>
      </c>
      <c r="AK38800">
        <v>28</v>
      </c>
      <c r="AL38800">
        <v>28</v>
      </c>
      <c r="AM38800">
        <v>28</v>
      </c>
      <c r="AN38800">
        <v>28</v>
      </c>
      <c r="AO38800">
        <v>27</v>
      </c>
      <c r="AP38800">
        <v>27</v>
      </c>
      <c r="AQ38800">
        <v>27</v>
      </c>
    </row>
    <row r="38801" spans="1:43">
      <c r="A38801" t="s">
        <v>24065</v>
      </c>
      <c r="B38801" t="s">
        <v>24066</v>
      </c>
      <c r="C38801" t="s">
        <v>24059</v>
      </c>
      <c r="D38801" t="s">
        <v>24060</v>
      </c>
      <c r="E38801" t="s">
        <v>23993</v>
      </c>
      <c r="F38801" t="s">
        <v>23994</v>
      </c>
      <c r="G38801" t="s">
        <v>11612</v>
      </c>
      <c r="H38801" t="s">
        <v>11613</v>
      </c>
      <c r="I38801" s="2">
        <v>0</v>
      </c>
      <c r="J38801" s="2">
        <v>0</v>
      </c>
      <c r="K38801" s="2">
        <v>1</v>
      </c>
      <c r="L38801" t="s">
        <v>995</v>
      </c>
      <c r="M38801" t="s">
        <v>83</v>
      </c>
      <c r="N38801" t="s">
        <v>91</v>
      </c>
      <c r="O38801" t="s">
        <v>85</v>
      </c>
      <c r="P38801" t="s">
        <v>86</v>
      </c>
      <c r="Q38801">
        <v>23</v>
      </c>
      <c r="R38801">
        <v>24</v>
      </c>
      <c r="S38801">
        <v>24</v>
      </c>
      <c r="T38801">
        <v>24</v>
      </c>
      <c r="U38801">
        <v>25</v>
      </c>
      <c r="V38801">
        <v>25</v>
      </c>
      <c r="W38801">
        <v>25</v>
      </c>
      <c r="X38801">
        <v>25</v>
      </c>
      <c r="Y38801">
        <v>26</v>
      </c>
      <c r="Z38801">
        <v>26</v>
      </c>
      <c r="AA38801">
        <v>26</v>
      </c>
      <c r="AB38801">
        <v>27</v>
      </c>
      <c r="AC38801">
        <v>27</v>
      </c>
      <c r="AD38801">
        <v>27</v>
      </c>
      <c r="AE38801">
        <v>27</v>
      </c>
      <c r="AF38801">
        <v>27</v>
      </c>
      <c r="AG38801">
        <v>28</v>
      </c>
      <c r="AH38801">
        <v>28</v>
      </c>
      <c r="AI38801">
        <v>28</v>
      </c>
      <c r="AJ38801">
        <v>28</v>
      </c>
      <c r="AK38801">
        <v>28</v>
      </c>
      <c r="AL38801">
        <v>28</v>
      </c>
      <c r="AM38801">
        <v>28</v>
      </c>
      <c r="AN38801">
        <v>28</v>
      </c>
      <c r="AO38801">
        <v>28</v>
      </c>
      <c r="AP38801">
        <v>28</v>
      </c>
      <c r="AQ38801">
        <v>28</v>
      </c>
    </row>
    <row r="38802" spans="1:43">
      <c r="A38802" t="s">
        <v>24067</v>
      </c>
      <c r="B38802" t="s">
        <v>24068</v>
      </c>
      <c r="C38802" t="s">
        <v>24059</v>
      </c>
      <c r="D38802" t="s">
        <v>24060</v>
      </c>
      <c r="E38802" t="s">
        <v>23993</v>
      </c>
      <c r="F38802" t="s">
        <v>23994</v>
      </c>
      <c r="G38802" t="s">
        <v>11612</v>
      </c>
      <c r="H38802" t="s">
        <v>11613</v>
      </c>
      <c r="I38802" s="2">
        <v>0</v>
      </c>
      <c r="J38802" s="2">
        <v>0</v>
      </c>
      <c r="K38802" s="2">
        <v>1</v>
      </c>
      <c r="L38802" t="s">
        <v>995</v>
      </c>
      <c r="M38802" t="s">
        <v>83</v>
      </c>
      <c r="N38802" t="s">
        <v>84</v>
      </c>
      <c r="O38802" t="s">
        <v>85</v>
      </c>
      <c r="P38802" t="s">
        <v>86</v>
      </c>
      <c r="Q38802">
        <v>10</v>
      </c>
      <c r="R38802">
        <v>10</v>
      </c>
      <c r="S38802">
        <v>10</v>
      </c>
      <c r="T38802">
        <v>10</v>
      </c>
      <c r="U38802">
        <v>10</v>
      </c>
      <c r="V38802">
        <v>11</v>
      </c>
      <c r="W38802">
        <v>11</v>
      </c>
      <c r="X38802">
        <v>11</v>
      </c>
      <c r="Y38802">
        <v>11</v>
      </c>
      <c r="Z38802">
        <v>11</v>
      </c>
      <c r="AA38802">
        <v>11</v>
      </c>
      <c r="AB38802">
        <v>11</v>
      </c>
      <c r="AC38802">
        <v>11</v>
      </c>
      <c r="AD38802">
        <v>11</v>
      </c>
      <c r="AE38802">
        <v>12</v>
      </c>
      <c r="AF38802">
        <v>12</v>
      </c>
      <c r="AG38802">
        <v>12</v>
      </c>
      <c r="AH38802">
        <v>12</v>
      </c>
      <c r="AI38802">
        <v>12</v>
      </c>
      <c r="AJ38802">
        <v>12</v>
      </c>
      <c r="AK38802">
        <v>12</v>
      </c>
      <c r="AL38802">
        <v>12</v>
      </c>
      <c r="AM38802">
        <v>12</v>
      </c>
      <c r="AN38802">
        <v>12</v>
      </c>
      <c r="AO38802">
        <v>12</v>
      </c>
      <c r="AP38802">
        <v>12</v>
      </c>
      <c r="AQ38802">
        <v>12</v>
      </c>
    </row>
    <row r="38803" spans="1:43">
      <c r="A38803" t="s">
        <v>24067</v>
      </c>
      <c r="B38803" t="s">
        <v>24068</v>
      </c>
      <c r="C38803" t="s">
        <v>24059</v>
      </c>
      <c r="D38803" t="s">
        <v>24060</v>
      </c>
      <c r="E38803" t="s">
        <v>23993</v>
      </c>
      <c r="F38803" t="s">
        <v>23994</v>
      </c>
      <c r="G38803" t="s">
        <v>11612</v>
      </c>
      <c r="H38803" t="s">
        <v>11613</v>
      </c>
      <c r="I38803" s="2">
        <v>0</v>
      </c>
      <c r="J38803" s="2">
        <v>0</v>
      </c>
      <c r="K38803" s="2">
        <v>1</v>
      </c>
      <c r="L38803" t="s">
        <v>995</v>
      </c>
      <c r="M38803" t="s">
        <v>87</v>
      </c>
      <c r="N38803" t="s">
        <v>88</v>
      </c>
      <c r="O38803" t="s">
        <v>85</v>
      </c>
      <c r="P38803" t="s">
        <v>86</v>
      </c>
      <c r="Q38803">
        <v>10</v>
      </c>
      <c r="R38803">
        <v>10</v>
      </c>
      <c r="S38803">
        <v>10</v>
      </c>
      <c r="T38803">
        <v>10</v>
      </c>
      <c r="U38803">
        <v>10</v>
      </c>
      <c r="V38803">
        <v>10</v>
      </c>
      <c r="W38803">
        <v>10</v>
      </c>
      <c r="X38803">
        <v>10</v>
      </c>
      <c r="Y38803">
        <v>10</v>
      </c>
      <c r="Z38803">
        <v>10</v>
      </c>
      <c r="AA38803">
        <v>10</v>
      </c>
      <c r="AB38803">
        <v>10</v>
      </c>
      <c r="AC38803">
        <v>10</v>
      </c>
      <c r="AD38803">
        <v>10</v>
      </c>
      <c r="AE38803">
        <v>10</v>
      </c>
      <c r="AF38803">
        <v>10</v>
      </c>
      <c r="AG38803">
        <v>10</v>
      </c>
      <c r="AH38803">
        <v>10</v>
      </c>
      <c r="AI38803">
        <v>10</v>
      </c>
      <c r="AJ38803">
        <v>10</v>
      </c>
      <c r="AK38803">
        <v>10</v>
      </c>
      <c r="AL38803">
        <v>10</v>
      </c>
      <c r="AM38803">
        <v>10</v>
      </c>
      <c r="AN38803">
        <v>10</v>
      </c>
      <c r="AO38803">
        <v>10</v>
      </c>
      <c r="AP38803">
        <v>10</v>
      </c>
      <c r="AQ38803">
        <v>10</v>
      </c>
    </row>
    <row r="38804" spans="1:43">
      <c r="A38804" t="s">
        <v>24067</v>
      </c>
      <c r="B38804" t="s">
        <v>24068</v>
      </c>
      <c r="C38804" t="s">
        <v>24059</v>
      </c>
      <c r="D38804" t="s">
        <v>24060</v>
      </c>
      <c r="E38804" t="s">
        <v>23993</v>
      </c>
      <c r="F38804" t="s">
        <v>23994</v>
      </c>
      <c r="G38804" t="s">
        <v>11612</v>
      </c>
      <c r="H38804" t="s">
        <v>11613</v>
      </c>
      <c r="I38804" s="2">
        <v>0</v>
      </c>
      <c r="J38804" s="2">
        <v>0</v>
      </c>
      <c r="K38804" s="2">
        <v>1</v>
      </c>
      <c r="L38804" t="s">
        <v>995</v>
      </c>
      <c r="M38804" t="s">
        <v>89</v>
      </c>
      <c r="N38804" t="s">
        <v>90</v>
      </c>
      <c r="O38804" t="s">
        <v>85</v>
      </c>
      <c r="P38804" t="s">
        <v>86</v>
      </c>
      <c r="Q38804">
        <v>10</v>
      </c>
      <c r="R38804">
        <v>10</v>
      </c>
      <c r="S38804">
        <v>10</v>
      </c>
      <c r="T38804">
        <v>11</v>
      </c>
      <c r="U38804">
        <v>11</v>
      </c>
      <c r="V38804">
        <v>11</v>
      </c>
      <c r="W38804">
        <v>11</v>
      </c>
      <c r="X38804">
        <v>11</v>
      </c>
      <c r="Y38804">
        <v>12</v>
      </c>
      <c r="Z38804">
        <v>12</v>
      </c>
      <c r="AA38804">
        <v>12</v>
      </c>
      <c r="AB38804">
        <v>12</v>
      </c>
      <c r="AC38804">
        <v>12</v>
      </c>
      <c r="AD38804">
        <v>12</v>
      </c>
      <c r="AE38804">
        <v>12</v>
      </c>
      <c r="AF38804">
        <v>12</v>
      </c>
      <c r="AG38804">
        <v>12</v>
      </c>
      <c r="AH38804">
        <v>12</v>
      </c>
      <c r="AI38804">
        <v>12</v>
      </c>
      <c r="AJ38804">
        <v>12</v>
      </c>
      <c r="AK38804">
        <v>12</v>
      </c>
      <c r="AL38804">
        <v>12</v>
      </c>
      <c r="AM38804">
        <v>12</v>
      </c>
      <c r="AN38804">
        <v>12</v>
      </c>
      <c r="AO38804">
        <v>12</v>
      </c>
      <c r="AP38804">
        <v>12</v>
      </c>
      <c r="AQ38804">
        <v>12</v>
      </c>
    </row>
    <row r="38805" spans="1:43">
      <c r="A38805" t="s">
        <v>24067</v>
      </c>
      <c r="B38805" t="s">
        <v>24068</v>
      </c>
      <c r="C38805" t="s">
        <v>24059</v>
      </c>
      <c r="D38805" t="s">
        <v>24060</v>
      </c>
      <c r="E38805" t="s">
        <v>23993</v>
      </c>
      <c r="F38805" t="s">
        <v>23994</v>
      </c>
      <c r="G38805" t="s">
        <v>11612</v>
      </c>
      <c r="H38805" t="s">
        <v>11613</v>
      </c>
      <c r="I38805" s="2">
        <v>0</v>
      </c>
      <c r="J38805" s="2">
        <v>0</v>
      </c>
      <c r="K38805" s="2">
        <v>1</v>
      </c>
      <c r="L38805" t="s">
        <v>995</v>
      </c>
      <c r="M38805" t="s">
        <v>83</v>
      </c>
      <c r="N38805" t="s">
        <v>91</v>
      </c>
      <c r="O38805" t="s">
        <v>85</v>
      </c>
      <c r="P38805" t="s">
        <v>86</v>
      </c>
      <c r="Q38805">
        <v>10</v>
      </c>
      <c r="R38805">
        <v>10</v>
      </c>
      <c r="S38805">
        <v>10</v>
      </c>
      <c r="T38805">
        <v>10</v>
      </c>
      <c r="U38805">
        <v>10</v>
      </c>
      <c r="V38805">
        <v>11</v>
      </c>
      <c r="W38805">
        <v>11</v>
      </c>
      <c r="X38805">
        <v>11</v>
      </c>
      <c r="Y38805">
        <v>11</v>
      </c>
      <c r="Z38805">
        <v>11</v>
      </c>
      <c r="AA38805">
        <v>11</v>
      </c>
      <c r="AB38805">
        <v>11</v>
      </c>
      <c r="AC38805">
        <v>11</v>
      </c>
      <c r="AD38805">
        <v>11</v>
      </c>
      <c r="AE38805">
        <v>12</v>
      </c>
      <c r="AF38805">
        <v>12</v>
      </c>
      <c r="AG38805">
        <v>12</v>
      </c>
      <c r="AH38805">
        <v>12</v>
      </c>
      <c r="AI38805">
        <v>12</v>
      </c>
      <c r="AJ38805">
        <v>12</v>
      </c>
      <c r="AK38805">
        <v>12</v>
      </c>
      <c r="AL38805">
        <v>12</v>
      </c>
      <c r="AM38805">
        <v>12</v>
      </c>
      <c r="AN38805">
        <v>12</v>
      </c>
      <c r="AO38805">
        <v>12</v>
      </c>
      <c r="AP38805">
        <v>12</v>
      </c>
      <c r="AQ38805">
        <v>12</v>
      </c>
    </row>
    <row r="38806" spans="1:43">
      <c r="A38806" t="s">
        <v>24069</v>
      </c>
      <c r="B38806" t="s">
        <v>24070</v>
      </c>
      <c r="C38806" t="s">
        <v>24071</v>
      </c>
      <c r="D38806" t="s">
        <v>24072</v>
      </c>
      <c r="E38806" t="s">
        <v>23993</v>
      </c>
      <c r="F38806" t="s">
        <v>23994</v>
      </c>
      <c r="G38806" t="s">
        <v>11612</v>
      </c>
      <c r="H38806" t="s">
        <v>11613</v>
      </c>
      <c r="I38806" s="2">
        <v>0</v>
      </c>
      <c r="J38806" s="2">
        <v>0</v>
      </c>
      <c r="K38806" s="2">
        <v>1</v>
      </c>
      <c r="L38806" t="s">
        <v>995</v>
      </c>
      <c r="M38806" t="s">
        <v>83</v>
      </c>
      <c r="N38806" t="s">
        <v>84</v>
      </c>
      <c r="O38806" t="s">
        <v>85</v>
      </c>
      <c r="P38806" t="s">
        <v>86</v>
      </c>
      <c r="Q38806">
        <v>6</v>
      </c>
      <c r="R38806">
        <v>6</v>
      </c>
      <c r="S38806">
        <v>6</v>
      </c>
      <c r="T38806">
        <v>6</v>
      </c>
      <c r="U38806">
        <v>6</v>
      </c>
      <c r="V38806">
        <v>7</v>
      </c>
      <c r="W38806">
        <v>7</v>
      </c>
      <c r="X38806">
        <v>7</v>
      </c>
      <c r="Y38806">
        <v>7</v>
      </c>
      <c r="Z38806">
        <v>7</v>
      </c>
      <c r="AA38806">
        <v>7</v>
      </c>
      <c r="AB38806">
        <v>7</v>
      </c>
      <c r="AC38806">
        <v>7</v>
      </c>
      <c r="AD38806">
        <v>7</v>
      </c>
      <c r="AE38806">
        <v>7</v>
      </c>
      <c r="AF38806">
        <v>7</v>
      </c>
      <c r="AG38806">
        <v>7</v>
      </c>
      <c r="AH38806">
        <v>7</v>
      </c>
      <c r="AI38806">
        <v>7</v>
      </c>
      <c r="AJ38806">
        <v>7</v>
      </c>
      <c r="AK38806">
        <v>7</v>
      </c>
      <c r="AL38806">
        <v>7</v>
      </c>
      <c r="AM38806">
        <v>7</v>
      </c>
      <c r="AN38806">
        <v>7</v>
      </c>
      <c r="AO38806">
        <v>7</v>
      </c>
      <c r="AP38806">
        <v>7</v>
      </c>
      <c r="AQ38806">
        <v>7</v>
      </c>
    </row>
    <row r="38807" spans="1:43">
      <c r="A38807" t="s">
        <v>24069</v>
      </c>
      <c r="B38807" t="s">
        <v>24070</v>
      </c>
      <c r="C38807" t="s">
        <v>24071</v>
      </c>
      <c r="D38807" t="s">
        <v>24072</v>
      </c>
      <c r="E38807" t="s">
        <v>23993</v>
      </c>
      <c r="F38807" t="s">
        <v>23994</v>
      </c>
      <c r="G38807" t="s">
        <v>11612</v>
      </c>
      <c r="H38807" t="s">
        <v>11613</v>
      </c>
      <c r="I38807" s="2">
        <v>0</v>
      </c>
      <c r="J38807" s="2">
        <v>0</v>
      </c>
      <c r="K38807" s="2">
        <v>1</v>
      </c>
      <c r="L38807" t="s">
        <v>995</v>
      </c>
      <c r="M38807" t="s">
        <v>87</v>
      </c>
      <c r="N38807" t="s">
        <v>88</v>
      </c>
      <c r="O38807" t="s">
        <v>85</v>
      </c>
      <c r="P38807" t="s">
        <v>86</v>
      </c>
      <c r="Q38807">
        <v>6</v>
      </c>
      <c r="R38807">
        <v>6</v>
      </c>
      <c r="S38807">
        <v>6</v>
      </c>
      <c r="T38807">
        <v>6</v>
      </c>
      <c r="U38807">
        <v>6</v>
      </c>
      <c r="V38807">
        <v>6</v>
      </c>
      <c r="W38807">
        <v>6</v>
      </c>
      <c r="X38807">
        <v>6</v>
      </c>
      <c r="Y38807">
        <v>6</v>
      </c>
      <c r="Z38807">
        <v>6</v>
      </c>
      <c r="AA38807">
        <v>6</v>
      </c>
      <c r="AB38807">
        <v>6</v>
      </c>
      <c r="AC38807">
        <v>6</v>
      </c>
      <c r="AD38807">
        <v>6</v>
      </c>
      <c r="AE38807">
        <v>6</v>
      </c>
      <c r="AF38807">
        <v>6</v>
      </c>
      <c r="AG38807">
        <v>6</v>
      </c>
      <c r="AH38807">
        <v>6</v>
      </c>
      <c r="AI38807">
        <v>6</v>
      </c>
      <c r="AJ38807">
        <v>6</v>
      </c>
      <c r="AK38807">
        <v>6</v>
      </c>
      <c r="AL38807">
        <v>6</v>
      </c>
      <c r="AM38807">
        <v>6</v>
      </c>
      <c r="AN38807">
        <v>6</v>
      </c>
      <c r="AO38807">
        <v>6</v>
      </c>
      <c r="AP38807">
        <v>6</v>
      </c>
      <c r="AQ38807">
        <v>6</v>
      </c>
    </row>
    <row r="38808" spans="1:43">
      <c r="A38808" t="s">
        <v>24069</v>
      </c>
      <c r="B38808" t="s">
        <v>24070</v>
      </c>
      <c r="C38808" t="s">
        <v>24071</v>
      </c>
      <c r="D38808" t="s">
        <v>24072</v>
      </c>
      <c r="E38808" t="s">
        <v>23993</v>
      </c>
      <c r="F38808" t="s">
        <v>23994</v>
      </c>
      <c r="G38808" t="s">
        <v>11612</v>
      </c>
      <c r="H38808" t="s">
        <v>11613</v>
      </c>
      <c r="I38808" s="2">
        <v>0</v>
      </c>
      <c r="J38808" s="2">
        <v>0</v>
      </c>
      <c r="K38808" s="2">
        <v>1</v>
      </c>
      <c r="L38808" t="s">
        <v>995</v>
      </c>
      <c r="M38808" t="s">
        <v>89</v>
      </c>
      <c r="N38808" t="s">
        <v>90</v>
      </c>
      <c r="O38808" t="s">
        <v>85</v>
      </c>
      <c r="P38808" t="s">
        <v>86</v>
      </c>
      <c r="Q38808">
        <v>6</v>
      </c>
      <c r="R38808">
        <v>6</v>
      </c>
      <c r="S38808">
        <v>6</v>
      </c>
      <c r="T38808">
        <v>7</v>
      </c>
      <c r="U38808">
        <v>7</v>
      </c>
      <c r="V38808">
        <v>7</v>
      </c>
      <c r="W38808">
        <v>7</v>
      </c>
      <c r="X38808">
        <v>7</v>
      </c>
      <c r="Y38808">
        <v>7</v>
      </c>
      <c r="Z38808">
        <v>7</v>
      </c>
      <c r="AA38808">
        <v>7</v>
      </c>
      <c r="AB38808">
        <v>7</v>
      </c>
      <c r="AC38808">
        <v>8</v>
      </c>
      <c r="AD38808">
        <v>8</v>
      </c>
      <c r="AE38808">
        <v>8</v>
      </c>
      <c r="AF38808">
        <v>8</v>
      </c>
      <c r="AG38808">
        <v>8</v>
      </c>
      <c r="AH38808">
        <v>8</v>
      </c>
      <c r="AI38808">
        <v>8</v>
      </c>
      <c r="AJ38808">
        <v>7</v>
      </c>
      <c r="AK38808">
        <v>7</v>
      </c>
      <c r="AL38808">
        <v>7</v>
      </c>
      <c r="AM38808">
        <v>7</v>
      </c>
      <c r="AN38808">
        <v>7</v>
      </c>
      <c r="AO38808">
        <v>7</v>
      </c>
      <c r="AP38808">
        <v>7</v>
      </c>
      <c r="AQ38808">
        <v>7</v>
      </c>
    </row>
    <row r="38809" spans="1:43">
      <c r="A38809" t="s">
        <v>24069</v>
      </c>
      <c r="B38809" t="s">
        <v>24070</v>
      </c>
      <c r="C38809" t="s">
        <v>24071</v>
      </c>
      <c r="D38809" t="s">
        <v>24072</v>
      </c>
      <c r="E38809" t="s">
        <v>23993</v>
      </c>
      <c r="F38809" t="s">
        <v>23994</v>
      </c>
      <c r="G38809" t="s">
        <v>11612</v>
      </c>
      <c r="H38809" t="s">
        <v>11613</v>
      </c>
      <c r="I38809" s="2">
        <v>0</v>
      </c>
      <c r="J38809" s="2">
        <v>0</v>
      </c>
      <c r="K38809" s="2">
        <v>1</v>
      </c>
      <c r="L38809" t="s">
        <v>995</v>
      </c>
      <c r="M38809" t="s">
        <v>83</v>
      </c>
      <c r="N38809" t="s">
        <v>91</v>
      </c>
      <c r="O38809" t="s">
        <v>85</v>
      </c>
      <c r="P38809" t="s">
        <v>86</v>
      </c>
      <c r="Q38809">
        <v>6</v>
      </c>
      <c r="R38809">
        <v>6</v>
      </c>
      <c r="S38809">
        <v>6</v>
      </c>
      <c r="T38809">
        <v>6</v>
      </c>
      <c r="U38809">
        <v>6</v>
      </c>
      <c r="V38809">
        <v>7</v>
      </c>
      <c r="W38809">
        <v>7</v>
      </c>
      <c r="X38809">
        <v>7</v>
      </c>
      <c r="Y38809">
        <v>7</v>
      </c>
      <c r="Z38809">
        <v>7</v>
      </c>
      <c r="AA38809">
        <v>7</v>
      </c>
      <c r="AB38809">
        <v>7</v>
      </c>
      <c r="AC38809">
        <v>7</v>
      </c>
      <c r="AD38809">
        <v>7</v>
      </c>
      <c r="AE38809">
        <v>7</v>
      </c>
      <c r="AF38809">
        <v>7</v>
      </c>
      <c r="AG38809">
        <v>7</v>
      </c>
      <c r="AH38809">
        <v>7</v>
      </c>
      <c r="AI38809">
        <v>7</v>
      </c>
      <c r="AJ38809">
        <v>7</v>
      </c>
      <c r="AK38809">
        <v>7</v>
      </c>
      <c r="AL38809">
        <v>7</v>
      </c>
      <c r="AM38809">
        <v>7</v>
      </c>
      <c r="AN38809">
        <v>7</v>
      </c>
      <c r="AO38809">
        <v>7</v>
      </c>
      <c r="AP38809">
        <v>7</v>
      </c>
      <c r="AQ38809">
        <v>7</v>
      </c>
    </row>
    <row r="38810" spans="1:43">
      <c r="A38810" t="s">
        <v>24073</v>
      </c>
      <c r="B38810" t="s">
        <v>24074</v>
      </c>
      <c r="C38810" t="s">
        <v>24027</v>
      </c>
      <c r="D38810" t="s">
        <v>24028</v>
      </c>
      <c r="E38810" t="s">
        <v>23993</v>
      </c>
      <c r="F38810" t="s">
        <v>23994</v>
      </c>
      <c r="G38810" t="s">
        <v>11612</v>
      </c>
      <c r="H38810" t="s">
        <v>11613</v>
      </c>
      <c r="I38810" s="2">
        <v>0</v>
      </c>
      <c r="J38810" s="2">
        <v>0</v>
      </c>
      <c r="K38810" s="2">
        <v>1</v>
      </c>
      <c r="L38810" t="s">
        <v>995</v>
      </c>
      <c r="M38810" t="s">
        <v>83</v>
      </c>
      <c r="N38810" t="s">
        <v>84</v>
      </c>
      <c r="O38810" t="s">
        <v>85</v>
      </c>
      <c r="P38810" t="s">
        <v>86</v>
      </c>
      <c r="Q38810">
        <v>5</v>
      </c>
      <c r="R38810">
        <v>5</v>
      </c>
      <c r="S38810">
        <v>5</v>
      </c>
      <c r="T38810">
        <v>5</v>
      </c>
      <c r="U38810">
        <v>5</v>
      </c>
      <c r="V38810">
        <v>5</v>
      </c>
      <c r="W38810">
        <v>5</v>
      </c>
      <c r="X38810">
        <v>6</v>
      </c>
      <c r="Y38810">
        <v>6</v>
      </c>
      <c r="Z38810">
        <v>6</v>
      </c>
      <c r="AA38810">
        <v>6</v>
      </c>
      <c r="AB38810">
        <v>6</v>
      </c>
      <c r="AC38810">
        <v>6</v>
      </c>
      <c r="AD38810">
        <v>6</v>
      </c>
      <c r="AE38810">
        <v>6</v>
      </c>
      <c r="AF38810">
        <v>6</v>
      </c>
      <c r="AG38810">
        <v>6</v>
      </c>
      <c r="AH38810">
        <v>6</v>
      </c>
      <c r="AI38810">
        <v>6</v>
      </c>
      <c r="AJ38810">
        <v>6</v>
      </c>
      <c r="AK38810">
        <v>6</v>
      </c>
      <c r="AL38810">
        <v>6</v>
      </c>
      <c r="AM38810">
        <v>6</v>
      </c>
      <c r="AN38810">
        <v>6</v>
      </c>
      <c r="AO38810">
        <v>6</v>
      </c>
      <c r="AP38810">
        <v>6</v>
      </c>
      <c r="AQ38810">
        <v>6</v>
      </c>
    </row>
    <row r="38811" spans="1:43">
      <c r="A38811" t="s">
        <v>24073</v>
      </c>
      <c r="B38811" t="s">
        <v>24074</v>
      </c>
      <c r="C38811" t="s">
        <v>24027</v>
      </c>
      <c r="D38811" t="s">
        <v>24028</v>
      </c>
      <c r="E38811" t="s">
        <v>23993</v>
      </c>
      <c r="F38811" t="s">
        <v>23994</v>
      </c>
      <c r="G38811" t="s">
        <v>11612</v>
      </c>
      <c r="H38811" t="s">
        <v>11613</v>
      </c>
      <c r="I38811" s="2">
        <v>0</v>
      </c>
      <c r="J38811" s="2">
        <v>0</v>
      </c>
      <c r="K38811" s="2">
        <v>1</v>
      </c>
      <c r="L38811" t="s">
        <v>995</v>
      </c>
      <c r="M38811" t="s">
        <v>87</v>
      </c>
      <c r="N38811" t="s">
        <v>88</v>
      </c>
      <c r="O38811" t="s">
        <v>85</v>
      </c>
      <c r="P38811" t="s">
        <v>86</v>
      </c>
      <c r="Q38811">
        <v>5</v>
      </c>
      <c r="R38811">
        <v>5</v>
      </c>
      <c r="S38811">
        <v>5</v>
      </c>
      <c r="T38811">
        <v>5</v>
      </c>
      <c r="U38811">
        <v>5</v>
      </c>
      <c r="V38811">
        <v>5</v>
      </c>
      <c r="W38811">
        <v>5</v>
      </c>
      <c r="X38811">
        <v>5</v>
      </c>
      <c r="Y38811">
        <v>5</v>
      </c>
      <c r="Z38811">
        <v>5</v>
      </c>
      <c r="AA38811">
        <v>5</v>
      </c>
      <c r="AB38811">
        <v>5</v>
      </c>
      <c r="AC38811">
        <v>5</v>
      </c>
      <c r="AD38811">
        <v>5</v>
      </c>
      <c r="AE38811">
        <v>5</v>
      </c>
      <c r="AF38811">
        <v>5</v>
      </c>
      <c r="AG38811">
        <v>5</v>
      </c>
      <c r="AH38811">
        <v>5</v>
      </c>
      <c r="AI38811">
        <v>5</v>
      </c>
      <c r="AJ38811">
        <v>5</v>
      </c>
      <c r="AK38811">
        <v>5</v>
      </c>
      <c r="AL38811">
        <v>5</v>
      </c>
      <c r="AM38811">
        <v>5</v>
      </c>
      <c r="AN38811">
        <v>5</v>
      </c>
      <c r="AO38811">
        <v>5</v>
      </c>
      <c r="AP38811">
        <v>5</v>
      </c>
      <c r="AQ38811">
        <v>5</v>
      </c>
    </row>
    <row r="38812" spans="1:43">
      <c r="A38812" t="s">
        <v>24073</v>
      </c>
      <c r="B38812" t="s">
        <v>24074</v>
      </c>
      <c r="C38812" t="s">
        <v>24027</v>
      </c>
      <c r="D38812" t="s">
        <v>24028</v>
      </c>
      <c r="E38812" t="s">
        <v>23993</v>
      </c>
      <c r="F38812" t="s">
        <v>23994</v>
      </c>
      <c r="G38812" t="s">
        <v>11612</v>
      </c>
      <c r="H38812" t="s">
        <v>11613</v>
      </c>
      <c r="I38812" s="2">
        <v>0</v>
      </c>
      <c r="J38812" s="2">
        <v>0</v>
      </c>
      <c r="K38812" s="2">
        <v>1</v>
      </c>
      <c r="L38812" t="s">
        <v>995</v>
      </c>
      <c r="M38812" t="s">
        <v>89</v>
      </c>
      <c r="N38812" t="s">
        <v>90</v>
      </c>
      <c r="O38812" t="s">
        <v>85</v>
      </c>
      <c r="P38812" t="s">
        <v>86</v>
      </c>
      <c r="Q38812">
        <v>5</v>
      </c>
      <c r="R38812">
        <v>5</v>
      </c>
      <c r="S38812">
        <v>5</v>
      </c>
      <c r="T38812">
        <v>5</v>
      </c>
      <c r="U38812">
        <v>6</v>
      </c>
      <c r="V38812">
        <v>6</v>
      </c>
      <c r="W38812">
        <v>6</v>
      </c>
      <c r="X38812">
        <v>6</v>
      </c>
      <c r="Y38812">
        <v>6</v>
      </c>
      <c r="Z38812">
        <v>6</v>
      </c>
      <c r="AA38812">
        <v>6</v>
      </c>
      <c r="AB38812">
        <v>6</v>
      </c>
      <c r="AC38812">
        <v>6</v>
      </c>
      <c r="AD38812">
        <v>6</v>
      </c>
      <c r="AE38812">
        <v>6</v>
      </c>
      <c r="AF38812">
        <v>6</v>
      </c>
      <c r="AG38812">
        <v>6</v>
      </c>
      <c r="AH38812">
        <v>6</v>
      </c>
      <c r="AI38812">
        <v>6</v>
      </c>
      <c r="AJ38812">
        <v>6</v>
      </c>
      <c r="AK38812">
        <v>6</v>
      </c>
      <c r="AL38812">
        <v>6</v>
      </c>
      <c r="AM38812">
        <v>6</v>
      </c>
      <c r="AN38812">
        <v>6</v>
      </c>
      <c r="AO38812">
        <v>6</v>
      </c>
      <c r="AP38812">
        <v>6</v>
      </c>
      <c r="AQ38812">
        <v>6</v>
      </c>
    </row>
    <row r="38813" spans="1:43">
      <c r="A38813" t="s">
        <v>24073</v>
      </c>
      <c r="B38813" t="s">
        <v>24074</v>
      </c>
      <c r="C38813" t="s">
        <v>24027</v>
      </c>
      <c r="D38813" t="s">
        <v>24028</v>
      </c>
      <c r="E38813" t="s">
        <v>23993</v>
      </c>
      <c r="F38813" t="s">
        <v>23994</v>
      </c>
      <c r="G38813" t="s">
        <v>11612</v>
      </c>
      <c r="H38813" t="s">
        <v>11613</v>
      </c>
      <c r="I38813" s="2">
        <v>0</v>
      </c>
      <c r="J38813" s="2">
        <v>0</v>
      </c>
      <c r="K38813" s="2">
        <v>1</v>
      </c>
      <c r="L38813" t="s">
        <v>995</v>
      </c>
      <c r="M38813" t="s">
        <v>83</v>
      </c>
      <c r="N38813" t="s">
        <v>91</v>
      </c>
      <c r="O38813" t="s">
        <v>85</v>
      </c>
      <c r="P38813" t="s">
        <v>86</v>
      </c>
      <c r="Q38813">
        <v>5</v>
      </c>
      <c r="R38813">
        <v>5</v>
      </c>
      <c r="S38813">
        <v>5</v>
      </c>
      <c r="T38813">
        <v>5</v>
      </c>
      <c r="U38813">
        <v>5</v>
      </c>
      <c r="V38813">
        <v>5</v>
      </c>
      <c r="W38813">
        <v>5</v>
      </c>
      <c r="X38813">
        <v>6</v>
      </c>
      <c r="Y38813">
        <v>6</v>
      </c>
      <c r="Z38813">
        <v>6</v>
      </c>
      <c r="AA38813">
        <v>6</v>
      </c>
      <c r="AB38813">
        <v>6</v>
      </c>
      <c r="AC38813">
        <v>6</v>
      </c>
      <c r="AD38813">
        <v>6</v>
      </c>
      <c r="AE38813">
        <v>6</v>
      </c>
      <c r="AF38813">
        <v>6</v>
      </c>
      <c r="AG38813">
        <v>6</v>
      </c>
      <c r="AH38813">
        <v>6</v>
      </c>
      <c r="AI38813">
        <v>6</v>
      </c>
      <c r="AJ38813">
        <v>6</v>
      </c>
      <c r="AK38813">
        <v>6</v>
      </c>
      <c r="AL38813">
        <v>6</v>
      </c>
      <c r="AM38813">
        <v>6</v>
      </c>
      <c r="AN38813">
        <v>6</v>
      </c>
      <c r="AO38813">
        <v>6</v>
      </c>
      <c r="AP38813">
        <v>6</v>
      </c>
      <c r="AQ38813">
        <v>6</v>
      </c>
    </row>
    <row r="38814" spans="1:43">
      <c r="A38814" t="s">
        <v>24075</v>
      </c>
      <c r="B38814" t="s">
        <v>24076</v>
      </c>
      <c r="C38814" t="s">
        <v>24071</v>
      </c>
      <c r="D38814" t="s">
        <v>24072</v>
      </c>
      <c r="E38814" t="s">
        <v>23993</v>
      </c>
      <c r="F38814" t="s">
        <v>23994</v>
      </c>
      <c r="G38814" t="s">
        <v>11612</v>
      </c>
      <c r="H38814" t="s">
        <v>11613</v>
      </c>
      <c r="I38814" s="2">
        <v>0</v>
      </c>
      <c r="J38814" s="2">
        <v>0</v>
      </c>
      <c r="K38814" s="2">
        <v>1</v>
      </c>
      <c r="L38814" t="s">
        <v>995</v>
      </c>
      <c r="M38814" t="s">
        <v>83</v>
      </c>
      <c r="N38814" t="s">
        <v>84</v>
      </c>
      <c r="O38814" t="s">
        <v>85</v>
      </c>
      <c r="P38814" t="s">
        <v>86</v>
      </c>
      <c r="Q38814">
        <v>27</v>
      </c>
      <c r="R38814">
        <v>27</v>
      </c>
      <c r="S38814">
        <v>28</v>
      </c>
      <c r="T38814">
        <v>28</v>
      </c>
      <c r="U38814">
        <v>28</v>
      </c>
      <c r="V38814">
        <v>29</v>
      </c>
      <c r="W38814">
        <v>29</v>
      </c>
      <c r="X38814">
        <v>29</v>
      </c>
      <c r="Y38814">
        <v>30</v>
      </c>
      <c r="Z38814">
        <v>30</v>
      </c>
      <c r="AA38814">
        <v>30</v>
      </c>
      <c r="AB38814">
        <v>30</v>
      </c>
      <c r="AC38814">
        <v>31</v>
      </c>
      <c r="AD38814">
        <v>31</v>
      </c>
      <c r="AE38814">
        <v>31</v>
      </c>
      <c r="AF38814">
        <v>31</v>
      </c>
      <c r="AG38814">
        <v>32</v>
      </c>
      <c r="AH38814">
        <v>32</v>
      </c>
      <c r="AI38814">
        <v>32</v>
      </c>
      <c r="AJ38814">
        <v>32</v>
      </c>
      <c r="AK38814">
        <v>32</v>
      </c>
      <c r="AL38814">
        <v>32</v>
      </c>
      <c r="AM38814">
        <v>32</v>
      </c>
      <c r="AN38814">
        <v>32</v>
      </c>
      <c r="AO38814">
        <v>32</v>
      </c>
      <c r="AP38814">
        <v>32</v>
      </c>
      <c r="AQ38814">
        <v>31</v>
      </c>
    </row>
    <row r="38815" spans="1:43">
      <c r="A38815" t="s">
        <v>24075</v>
      </c>
      <c r="B38815" t="s">
        <v>24076</v>
      </c>
      <c r="C38815" t="s">
        <v>24071</v>
      </c>
      <c r="D38815" t="s">
        <v>24072</v>
      </c>
      <c r="E38815" t="s">
        <v>23993</v>
      </c>
      <c r="F38815" t="s">
        <v>23994</v>
      </c>
      <c r="G38815" t="s">
        <v>11612</v>
      </c>
      <c r="H38815" t="s">
        <v>11613</v>
      </c>
      <c r="I38815" s="2">
        <v>0</v>
      </c>
      <c r="J38815" s="2">
        <v>0</v>
      </c>
      <c r="K38815" s="2">
        <v>1</v>
      </c>
      <c r="L38815" t="s">
        <v>995</v>
      </c>
      <c r="M38815" t="s">
        <v>87</v>
      </c>
      <c r="N38815" t="s">
        <v>88</v>
      </c>
      <c r="O38815" t="s">
        <v>85</v>
      </c>
      <c r="P38815" t="s">
        <v>86</v>
      </c>
      <c r="Q38815">
        <v>27</v>
      </c>
      <c r="R38815">
        <v>27</v>
      </c>
      <c r="S38815">
        <v>27</v>
      </c>
      <c r="T38815">
        <v>27</v>
      </c>
      <c r="U38815">
        <v>27</v>
      </c>
      <c r="V38815">
        <v>27</v>
      </c>
      <c r="W38815">
        <v>27</v>
      </c>
      <c r="X38815">
        <v>27</v>
      </c>
      <c r="Y38815">
        <v>27</v>
      </c>
      <c r="Z38815">
        <v>27</v>
      </c>
      <c r="AA38815">
        <v>27</v>
      </c>
      <c r="AB38815">
        <v>27</v>
      </c>
      <c r="AC38815">
        <v>28</v>
      </c>
      <c r="AD38815">
        <v>28</v>
      </c>
      <c r="AE38815">
        <v>28</v>
      </c>
      <c r="AF38815">
        <v>28</v>
      </c>
      <c r="AG38815">
        <v>28</v>
      </c>
      <c r="AH38815">
        <v>28</v>
      </c>
      <c r="AI38815">
        <v>28</v>
      </c>
      <c r="AJ38815">
        <v>28</v>
      </c>
      <c r="AK38815">
        <v>27</v>
      </c>
      <c r="AL38815">
        <v>27</v>
      </c>
      <c r="AM38815">
        <v>27</v>
      </c>
      <c r="AN38815">
        <v>27</v>
      </c>
      <c r="AO38815">
        <v>27</v>
      </c>
      <c r="AP38815">
        <v>27</v>
      </c>
      <c r="AQ38815">
        <v>27</v>
      </c>
    </row>
    <row r="38816" spans="1:43">
      <c r="A38816" t="s">
        <v>24075</v>
      </c>
      <c r="B38816" t="s">
        <v>24076</v>
      </c>
      <c r="C38816" t="s">
        <v>24071</v>
      </c>
      <c r="D38816" t="s">
        <v>24072</v>
      </c>
      <c r="E38816" t="s">
        <v>23993</v>
      </c>
      <c r="F38816" t="s">
        <v>23994</v>
      </c>
      <c r="G38816" t="s">
        <v>11612</v>
      </c>
      <c r="H38816" t="s">
        <v>11613</v>
      </c>
      <c r="I38816" s="2">
        <v>0</v>
      </c>
      <c r="J38816" s="2">
        <v>0</v>
      </c>
      <c r="K38816" s="2">
        <v>1</v>
      </c>
      <c r="L38816" t="s">
        <v>995</v>
      </c>
      <c r="M38816" t="s">
        <v>89</v>
      </c>
      <c r="N38816" t="s">
        <v>90</v>
      </c>
      <c r="O38816" t="s">
        <v>85</v>
      </c>
      <c r="P38816" t="s">
        <v>86</v>
      </c>
      <c r="Q38816">
        <v>27</v>
      </c>
      <c r="R38816">
        <v>28</v>
      </c>
      <c r="S38816">
        <v>28</v>
      </c>
      <c r="T38816">
        <v>29</v>
      </c>
      <c r="U38816">
        <v>29</v>
      </c>
      <c r="V38816">
        <v>30</v>
      </c>
      <c r="W38816">
        <v>30</v>
      </c>
      <c r="X38816">
        <v>31</v>
      </c>
      <c r="Y38816">
        <v>31</v>
      </c>
      <c r="Z38816">
        <v>32</v>
      </c>
      <c r="AA38816">
        <v>32</v>
      </c>
      <c r="AB38816">
        <v>32</v>
      </c>
      <c r="AC38816">
        <v>33</v>
      </c>
      <c r="AD38816">
        <v>33</v>
      </c>
      <c r="AE38816">
        <v>33</v>
      </c>
      <c r="AF38816">
        <v>33</v>
      </c>
      <c r="AG38816">
        <v>33</v>
      </c>
      <c r="AH38816">
        <v>33</v>
      </c>
      <c r="AI38816">
        <v>33</v>
      </c>
      <c r="AJ38816">
        <v>33</v>
      </c>
      <c r="AK38816">
        <v>33</v>
      </c>
      <c r="AL38816">
        <v>32</v>
      </c>
      <c r="AM38816">
        <v>32</v>
      </c>
      <c r="AN38816">
        <v>32</v>
      </c>
      <c r="AO38816">
        <v>32</v>
      </c>
      <c r="AP38816">
        <v>32</v>
      </c>
      <c r="AQ38816">
        <v>32</v>
      </c>
    </row>
    <row r="38817" spans="1:43">
      <c r="A38817" t="s">
        <v>24075</v>
      </c>
      <c r="B38817" t="s">
        <v>24076</v>
      </c>
      <c r="C38817" t="s">
        <v>24071</v>
      </c>
      <c r="D38817" t="s">
        <v>24072</v>
      </c>
      <c r="E38817" t="s">
        <v>23993</v>
      </c>
      <c r="F38817" t="s">
        <v>23994</v>
      </c>
      <c r="G38817" t="s">
        <v>11612</v>
      </c>
      <c r="H38817" t="s">
        <v>11613</v>
      </c>
      <c r="I38817" s="2">
        <v>0</v>
      </c>
      <c r="J38817" s="2">
        <v>0</v>
      </c>
      <c r="K38817" s="2">
        <v>1</v>
      </c>
      <c r="L38817" t="s">
        <v>995</v>
      </c>
      <c r="M38817" t="s">
        <v>83</v>
      </c>
      <c r="N38817" t="s">
        <v>91</v>
      </c>
      <c r="O38817" t="s">
        <v>85</v>
      </c>
      <c r="P38817" t="s">
        <v>86</v>
      </c>
      <c r="Q38817">
        <v>27</v>
      </c>
      <c r="R38817">
        <v>27</v>
      </c>
      <c r="S38817">
        <v>28</v>
      </c>
      <c r="T38817">
        <v>28</v>
      </c>
      <c r="U38817">
        <v>28</v>
      </c>
      <c r="V38817">
        <v>29</v>
      </c>
      <c r="W38817">
        <v>29</v>
      </c>
      <c r="X38817">
        <v>29</v>
      </c>
      <c r="Y38817">
        <v>30</v>
      </c>
      <c r="Z38817">
        <v>30</v>
      </c>
      <c r="AA38817">
        <v>30</v>
      </c>
      <c r="AB38817">
        <v>30</v>
      </c>
      <c r="AC38817">
        <v>31</v>
      </c>
      <c r="AD38817">
        <v>31</v>
      </c>
      <c r="AE38817">
        <v>31</v>
      </c>
      <c r="AF38817">
        <v>31</v>
      </c>
      <c r="AG38817">
        <v>32</v>
      </c>
      <c r="AH38817">
        <v>32</v>
      </c>
      <c r="AI38817">
        <v>32</v>
      </c>
      <c r="AJ38817">
        <v>32</v>
      </c>
      <c r="AK38817">
        <v>32</v>
      </c>
      <c r="AL38817">
        <v>32</v>
      </c>
      <c r="AM38817">
        <v>32</v>
      </c>
      <c r="AN38817">
        <v>32</v>
      </c>
      <c r="AO38817">
        <v>32</v>
      </c>
      <c r="AP38817">
        <v>32</v>
      </c>
      <c r="AQ38817">
        <v>31</v>
      </c>
    </row>
    <row r="38818" spans="1:43">
      <c r="A38818" t="s">
        <v>24077</v>
      </c>
      <c r="B38818" t="s">
        <v>24078</v>
      </c>
      <c r="C38818" t="s">
        <v>24071</v>
      </c>
      <c r="D38818" t="s">
        <v>24072</v>
      </c>
      <c r="E38818" t="s">
        <v>23993</v>
      </c>
      <c r="F38818" t="s">
        <v>23994</v>
      </c>
      <c r="G38818" t="s">
        <v>11612</v>
      </c>
      <c r="H38818" t="s">
        <v>11613</v>
      </c>
      <c r="I38818" s="2">
        <v>0</v>
      </c>
      <c r="J38818" s="2">
        <v>0</v>
      </c>
      <c r="K38818" s="2">
        <v>1</v>
      </c>
      <c r="L38818" t="s">
        <v>995</v>
      </c>
      <c r="M38818" t="s">
        <v>83</v>
      </c>
      <c r="N38818" t="s">
        <v>84</v>
      </c>
      <c r="O38818" t="s">
        <v>85</v>
      </c>
      <c r="P38818" t="s">
        <v>86</v>
      </c>
      <c r="Q38818">
        <v>11</v>
      </c>
      <c r="R38818">
        <v>11</v>
      </c>
      <c r="S38818">
        <v>11</v>
      </c>
      <c r="T38818">
        <v>12</v>
      </c>
      <c r="U38818">
        <v>12</v>
      </c>
      <c r="V38818">
        <v>12</v>
      </c>
      <c r="W38818">
        <v>12</v>
      </c>
      <c r="X38818">
        <v>12</v>
      </c>
      <c r="Y38818">
        <v>12</v>
      </c>
      <c r="Z38818">
        <v>12</v>
      </c>
      <c r="AA38818">
        <v>12</v>
      </c>
      <c r="AB38818">
        <v>13</v>
      </c>
      <c r="AC38818">
        <v>13</v>
      </c>
      <c r="AD38818">
        <v>13</v>
      </c>
      <c r="AE38818">
        <v>13</v>
      </c>
      <c r="AF38818">
        <v>13</v>
      </c>
      <c r="AG38818">
        <v>13</v>
      </c>
      <c r="AH38818">
        <v>13</v>
      </c>
      <c r="AI38818">
        <v>13</v>
      </c>
      <c r="AJ38818">
        <v>13</v>
      </c>
      <c r="AK38818">
        <v>13</v>
      </c>
      <c r="AL38818">
        <v>13</v>
      </c>
      <c r="AM38818">
        <v>13</v>
      </c>
      <c r="AN38818">
        <v>13</v>
      </c>
      <c r="AO38818">
        <v>13</v>
      </c>
      <c r="AP38818">
        <v>13</v>
      </c>
      <c r="AQ38818">
        <v>13</v>
      </c>
    </row>
    <row r="38819" spans="1:43">
      <c r="A38819" t="s">
        <v>24077</v>
      </c>
      <c r="B38819" t="s">
        <v>24078</v>
      </c>
      <c r="C38819" t="s">
        <v>24071</v>
      </c>
      <c r="D38819" t="s">
        <v>24072</v>
      </c>
      <c r="E38819" t="s">
        <v>23993</v>
      </c>
      <c r="F38819" t="s">
        <v>23994</v>
      </c>
      <c r="G38819" t="s">
        <v>11612</v>
      </c>
      <c r="H38819" t="s">
        <v>11613</v>
      </c>
      <c r="I38819" s="2">
        <v>0</v>
      </c>
      <c r="J38819" s="2">
        <v>0</v>
      </c>
      <c r="K38819" s="2">
        <v>1</v>
      </c>
      <c r="L38819" t="s">
        <v>995</v>
      </c>
      <c r="M38819" t="s">
        <v>87</v>
      </c>
      <c r="N38819" t="s">
        <v>88</v>
      </c>
      <c r="O38819" t="s">
        <v>85</v>
      </c>
      <c r="P38819" t="s">
        <v>86</v>
      </c>
      <c r="Q38819">
        <v>11</v>
      </c>
      <c r="R38819">
        <v>11</v>
      </c>
      <c r="S38819">
        <v>11</v>
      </c>
      <c r="T38819">
        <v>11</v>
      </c>
      <c r="U38819">
        <v>11</v>
      </c>
      <c r="V38819">
        <v>11</v>
      </c>
      <c r="W38819">
        <v>11</v>
      </c>
      <c r="X38819">
        <v>11</v>
      </c>
      <c r="Y38819">
        <v>11</v>
      </c>
      <c r="Z38819">
        <v>11</v>
      </c>
      <c r="AA38819">
        <v>11</v>
      </c>
      <c r="AB38819">
        <v>11</v>
      </c>
      <c r="AC38819">
        <v>11</v>
      </c>
      <c r="AD38819">
        <v>11</v>
      </c>
      <c r="AE38819">
        <v>11</v>
      </c>
      <c r="AF38819">
        <v>11</v>
      </c>
      <c r="AG38819">
        <v>11</v>
      </c>
      <c r="AH38819">
        <v>11</v>
      </c>
      <c r="AI38819">
        <v>11</v>
      </c>
      <c r="AJ38819">
        <v>11</v>
      </c>
      <c r="AK38819">
        <v>11</v>
      </c>
      <c r="AL38819">
        <v>11</v>
      </c>
      <c r="AM38819">
        <v>11</v>
      </c>
      <c r="AN38819">
        <v>11</v>
      </c>
      <c r="AO38819">
        <v>11</v>
      </c>
      <c r="AP38819">
        <v>11</v>
      </c>
      <c r="AQ38819">
        <v>11</v>
      </c>
    </row>
    <row r="38820" spans="1:43">
      <c r="A38820" t="s">
        <v>24077</v>
      </c>
      <c r="B38820" t="s">
        <v>24078</v>
      </c>
      <c r="C38820" t="s">
        <v>24071</v>
      </c>
      <c r="D38820" t="s">
        <v>24072</v>
      </c>
      <c r="E38820" t="s">
        <v>23993</v>
      </c>
      <c r="F38820" t="s">
        <v>23994</v>
      </c>
      <c r="G38820" t="s">
        <v>11612</v>
      </c>
      <c r="H38820" t="s">
        <v>11613</v>
      </c>
      <c r="I38820" s="2">
        <v>0</v>
      </c>
      <c r="J38820" s="2">
        <v>0</v>
      </c>
      <c r="K38820" s="2">
        <v>1</v>
      </c>
      <c r="L38820" t="s">
        <v>995</v>
      </c>
      <c r="M38820" t="s">
        <v>89</v>
      </c>
      <c r="N38820" t="s">
        <v>90</v>
      </c>
      <c r="O38820" t="s">
        <v>85</v>
      </c>
      <c r="P38820" t="s">
        <v>86</v>
      </c>
      <c r="Q38820">
        <v>11</v>
      </c>
      <c r="R38820">
        <v>11</v>
      </c>
      <c r="S38820">
        <v>12</v>
      </c>
      <c r="T38820">
        <v>12</v>
      </c>
      <c r="U38820">
        <v>12</v>
      </c>
      <c r="V38820">
        <v>12</v>
      </c>
      <c r="W38820">
        <v>13</v>
      </c>
      <c r="X38820">
        <v>13</v>
      </c>
      <c r="Y38820">
        <v>13</v>
      </c>
      <c r="Z38820">
        <v>13</v>
      </c>
      <c r="AA38820">
        <v>13</v>
      </c>
      <c r="AB38820">
        <v>13</v>
      </c>
      <c r="AC38820">
        <v>14</v>
      </c>
      <c r="AD38820">
        <v>14</v>
      </c>
      <c r="AE38820">
        <v>14</v>
      </c>
      <c r="AF38820">
        <v>14</v>
      </c>
      <c r="AG38820">
        <v>14</v>
      </c>
      <c r="AH38820">
        <v>14</v>
      </c>
      <c r="AI38820">
        <v>14</v>
      </c>
      <c r="AJ38820">
        <v>13</v>
      </c>
      <c r="AK38820">
        <v>13</v>
      </c>
      <c r="AL38820">
        <v>13</v>
      </c>
      <c r="AM38820">
        <v>13</v>
      </c>
      <c r="AN38820">
        <v>13</v>
      </c>
      <c r="AO38820">
        <v>13</v>
      </c>
      <c r="AP38820">
        <v>13</v>
      </c>
      <c r="AQ38820">
        <v>13</v>
      </c>
    </row>
    <row r="38821" spans="1:43">
      <c r="A38821" t="s">
        <v>24077</v>
      </c>
      <c r="B38821" t="s">
        <v>24078</v>
      </c>
      <c r="C38821" t="s">
        <v>24071</v>
      </c>
      <c r="D38821" t="s">
        <v>24072</v>
      </c>
      <c r="E38821" t="s">
        <v>23993</v>
      </c>
      <c r="F38821" t="s">
        <v>23994</v>
      </c>
      <c r="G38821" t="s">
        <v>11612</v>
      </c>
      <c r="H38821" t="s">
        <v>11613</v>
      </c>
      <c r="I38821" s="2">
        <v>0</v>
      </c>
      <c r="J38821" s="2">
        <v>0</v>
      </c>
      <c r="K38821" s="2">
        <v>1</v>
      </c>
      <c r="L38821" t="s">
        <v>995</v>
      </c>
      <c r="M38821" t="s">
        <v>83</v>
      </c>
      <c r="N38821" t="s">
        <v>91</v>
      </c>
      <c r="O38821" t="s">
        <v>85</v>
      </c>
      <c r="P38821" t="s">
        <v>86</v>
      </c>
      <c r="Q38821">
        <v>11</v>
      </c>
      <c r="R38821">
        <v>11</v>
      </c>
      <c r="S38821">
        <v>11</v>
      </c>
      <c r="T38821">
        <v>12</v>
      </c>
      <c r="U38821">
        <v>12</v>
      </c>
      <c r="V38821">
        <v>12</v>
      </c>
      <c r="W38821">
        <v>12</v>
      </c>
      <c r="X38821">
        <v>12</v>
      </c>
      <c r="Y38821">
        <v>12</v>
      </c>
      <c r="Z38821">
        <v>12</v>
      </c>
      <c r="AA38821">
        <v>12</v>
      </c>
      <c r="AB38821">
        <v>13</v>
      </c>
      <c r="AC38821">
        <v>13</v>
      </c>
      <c r="AD38821">
        <v>13</v>
      </c>
      <c r="AE38821">
        <v>13</v>
      </c>
      <c r="AF38821">
        <v>13</v>
      </c>
      <c r="AG38821">
        <v>13</v>
      </c>
      <c r="AH38821">
        <v>13</v>
      </c>
      <c r="AI38821">
        <v>13</v>
      </c>
      <c r="AJ38821">
        <v>13</v>
      </c>
      <c r="AK38821">
        <v>13</v>
      </c>
      <c r="AL38821">
        <v>13</v>
      </c>
      <c r="AM38821">
        <v>13</v>
      </c>
      <c r="AN38821">
        <v>13</v>
      </c>
      <c r="AO38821">
        <v>13</v>
      </c>
      <c r="AP38821">
        <v>13</v>
      </c>
      <c r="AQ38821">
        <v>13</v>
      </c>
    </row>
    <row r="38822" spans="1:43">
      <c r="A38822" t="s">
        <v>24079</v>
      </c>
      <c r="B38822" t="s">
        <v>24080</v>
      </c>
      <c r="C38822" t="s">
        <v>24027</v>
      </c>
      <c r="D38822" t="s">
        <v>24028</v>
      </c>
      <c r="E38822" t="s">
        <v>23993</v>
      </c>
      <c r="F38822" t="s">
        <v>23994</v>
      </c>
      <c r="G38822" t="s">
        <v>11612</v>
      </c>
      <c r="H38822" t="s">
        <v>11613</v>
      </c>
      <c r="I38822" s="2">
        <v>0</v>
      </c>
      <c r="J38822" s="2">
        <v>0</v>
      </c>
      <c r="K38822" s="2">
        <v>1</v>
      </c>
      <c r="L38822" t="s">
        <v>995</v>
      </c>
      <c r="M38822" t="s">
        <v>83</v>
      </c>
      <c r="N38822" t="s">
        <v>84</v>
      </c>
      <c r="O38822" t="s">
        <v>85</v>
      </c>
      <c r="P38822" t="s">
        <v>86</v>
      </c>
      <c r="Q38822">
        <v>10</v>
      </c>
      <c r="R38822">
        <v>10</v>
      </c>
      <c r="S38822">
        <v>10</v>
      </c>
      <c r="T38822">
        <v>10</v>
      </c>
      <c r="U38822">
        <v>10</v>
      </c>
      <c r="V38822">
        <v>10</v>
      </c>
      <c r="W38822">
        <v>10</v>
      </c>
      <c r="X38822">
        <v>10</v>
      </c>
      <c r="Y38822">
        <v>11</v>
      </c>
      <c r="Z38822">
        <v>11</v>
      </c>
      <c r="AA38822">
        <v>11</v>
      </c>
      <c r="AB38822">
        <v>11</v>
      </c>
      <c r="AC38822">
        <v>11</v>
      </c>
      <c r="AD38822">
        <v>11</v>
      </c>
      <c r="AE38822">
        <v>11</v>
      </c>
      <c r="AF38822">
        <v>11</v>
      </c>
      <c r="AG38822">
        <v>11</v>
      </c>
      <c r="AH38822">
        <v>11</v>
      </c>
      <c r="AI38822">
        <v>11</v>
      </c>
      <c r="AJ38822">
        <v>11</v>
      </c>
      <c r="AK38822">
        <v>11</v>
      </c>
      <c r="AL38822">
        <v>11</v>
      </c>
      <c r="AM38822">
        <v>11</v>
      </c>
      <c r="AN38822">
        <v>11</v>
      </c>
      <c r="AO38822">
        <v>11</v>
      </c>
      <c r="AP38822">
        <v>11</v>
      </c>
      <c r="AQ38822">
        <v>11</v>
      </c>
    </row>
    <row r="38823" spans="1:43">
      <c r="A38823" t="s">
        <v>24079</v>
      </c>
      <c r="B38823" t="s">
        <v>24080</v>
      </c>
      <c r="C38823" t="s">
        <v>24027</v>
      </c>
      <c r="D38823" t="s">
        <v>24028</v>
      </c>
      <c r="E38823" t="s">
        <v>23993</v>
      </c>
      <c r="F38823" t="s">
        <v>23994</v>
      </c>
      <c r="G38823" t="s">
        <v>11612</v>
      </c>
      <c r="H38823" t="s">
        <v>11613</v>
      </c>
      <c r="I38823" s="2">
        <v>0</v>
      </c>
      <c r="J38823" s="2">
        <v>0</v>
      </c>
      <c r="K38823" s="2">
        <v>1</v>
      </c>
      <c r="L38823" t="s">
        <v>995</v>
      </c>
      <c r="M38823" t="s">
        <v>87</v>
      </c>
      <c r="N38823" t="s">
        <v>88</v>
      </c>
      <c r="O38823" t="s">
        <v>85</v>
      </c>
      <c r="P38823" t="s">
        <v>86</v>
      </c>
      <c r="Q38823">
        <v>10</v>
      </c>
      <c r="R38823">
        <v>10</v>
      </c>
      <c r="S38823">
        <v>10</v>
      </c>
      <c r="T38823">
        <v>10</v>
      </c>
      <c r="U38823">
        <v>10</v>
      </c>
      <c r="V38823">
        <v>10</v>
      </c>
      <c r="W38823">
        <v>10</v>
      </c>
      <c r="X38823">
        <v>10</v>
      </c>
      <c r="Y38823">
        <v>10</v>
      </c>
      <c r="Z38823">
        <v>10</v>
      </c>
      <c r="AA38823">
        <v>10</v>
      </c>
      <c r="AB38823">
        <v>10</v>
      </c>
      <c r="AC38823">
        <v>10</v>
      </c>
      <c r="AD38823">
        <v>10</v>
      </c>
      <c r="AE38823">
        <v>10</v>
      </c>
      <c r="AF38823">
        <v>10</v>
      </c>
      <c r="AG38823">
        <v>10</v>
      </c>
      <c r="AH38823">
        <v>10</v>
      </c>
      <c r="AI38823">
        <v>10</v>
      </c>
      <c r="AJ38823">
        <v>10</v>
      </c>
      <c r="AK38823">
        <v>10</v>
      </c>
      <c r="AL38823">
        <v>10</v>
      </c>
      <c r="AM38823">
        <v>10</v>
      </c>
      <c r="AN38823">
        <v>10</v>
      </c>
      <c r="AO38823">
        <v>10</v>
      </c>
      <c r="AP38823">
        <v>10</v>
      </c>
      <c r="AQ38823">
        <v>10</v>
      </c>
    </row>
    <row r="38824" spans="1:43">
      <c r="A38824" t="s">
        <v>24079</v>
      </c>
      <c r="B38824" t="s">
        <v>24080</v>
      </c>
      <c r="C38824" t="s">
        <v>24027</v>
      </c>
      <c r="D38824" t="s">
        <v>24028</v>
      </c>
      <c r="E38824" t="s">
        <v>23993</v>
      </c>
      <c r="F38824" t="s">
        <v>23994</v>
      </c>
      <c r="G38824" t="s">
        <v>11612</v>
      </c>
      <c r="H38824" t="s">
        <v>11613</v>
      </c>
      <c r="I38824" s="2">
        <v>0</v>
      </c>
      <c r="J38824" s="2">
        <v>0</v>
      </c>
      <c r="K38824" s="2">
        <v>1</v>
      </c>
      <c r="L38824" t="s">
        <v>995</v>
      </c>
      <c r="M38824" t="s">
        <v>89</v>
      </c>
      <c r="N38824" t="s">
        <v>90</v>
      </c>
      <c r="O38824" t="s">
        <v>85</v>
      </c>
      <c r="P38824" t="s">
        <v>86</v>
      </c>
      <c r="Q38824">
        <v>10</v>
      </c>
      <c r="R38824">
        <v>10</v>
      </c>
      <c r="S38824">
        <v>10</v>
      </c>
      <c r="T38824">
        <v>10</v>
      </c>
      <c r="U38824">
        <v>10</v>
      </c>
      <c r="V38824">
        <v>11</v>
      </c>
      <c r="W38824">
        <v>11</v>
      </c>
      <c r="X38824">
        <v>11</v>
      </c>
      <c r="Y38824">
        <v>11</v>
      </c>
      <c r="Z38824">
        <v>11</v>
      </c>
      <c r="AA38824">
        <v>11</v>
      </c>
      <c r="AB38824">
        <v>12</v>
      </c>
      <c r="AC38824">
        <v>12</v>
      </c>
      <c r="AD38824">
        <v>12</v>
      </c>
      <c r="AE38824">
        <v>12</v>
      </c>
      <c r="AF38824">
        <v>12</v>
      </c>
      <c r="AG38824">
        <v>12</v>
      </c>
      <c r="AH38824">
        <v>12</v>
      </c>
      <c r="AI38824">
        <v>12</v>
      </c>
      <c r="AJ38824">
        <v>12</v>
      </c>
      <c r="AK38824">
        <v>12</v>
      </c>
      <c r="AL38824">
        <v>12</v>
      </c>
      <c r="AM38824">
        <v>11</v>
      </c>
      <c r="AN38824">
        <v>11</v>
      </c>
      <c r="AO38824">
        <v>11</v>
      </c>
      <c r="AP38824">
        <v>11</v>
      </c>
      <c r="AQ38824">
        <v>11</v>
      </c>
    </row>
    <row r="38825" spans="1:43">
      <c r="A38825" t="s">
        <v>24079</v>
      </c>
      <c r="B38825" t="s">
        <v>24080</v>
      </c>
      <c r="C38825" t="s">
        <v>24027</v>
      </c>
      <c r="D38825" t="s">
        <v>24028</v>
      </c>
      <c r="E38825" t="s">
        <v>23993</v>
      </c>
      <c r="F38825" t="s">
        <v>23994</v>
      </c>
      <c r="G38825" t="s">
        <v>11612</v>
      </c>
      <c r="H38825" t="s">
        <v>11613</v>
      </c>
      <c r="I38825" s="2">
        <v>0</v>
      </c>
      <c r="J38825" s="2">
        <v>0</v>
      </c>
      <c r="K38825" s="2">
        <v>1</v>
      </c>
      <c r="L38825" t="s">
        <v>995</v>
      </c>
      <c r="M38825" t="s">
        <v>83</v>
      </c>
      <c r="N38825" t="s">
        <v>91</v>
      </c>
      <c r="O38825" t="s">
        <v>85</v>
      </c>
      <c r="P38825" t="s">
        <v>86</v>
      </c>
      <c r="Q38825">
        <v>10</v>
      </c>
      <c r="R38825">
        <v>10</v>
      </c>
      <c r="S38825">
        <v>10</v>
      </c>
      <c r="T38825">
        <v>10</v>
      </c>
      <c r="U38825">
        <v>10</v>
      </c>
      <c r="V38825">
        <v>10</v>
      </c>
      <c r="W38825">
        <v>10</v>
      </c>
      <c r="X38825">
        <v>10</v>
      </c>
      <c r="Y38825">
        <v>11</v>
      </c>
      <c r="Z38825">
        <v>11</v>
      </c>
      <c r="AA38825">
        <v>11</v>
      </c>
      <c r="AB38825">
        <v>11</v>
      </c>
      <c r="AC38825">
        <v>11</v>
      </c>
      <c r="AD38825">
        <v>11</v>
      </c>
      <c r="AE38825">
        <v>11</v>
      </c>
      <c r="AF38825">
        <v>11</v>
      </c>
      <c r="AG38825">
        <v>11</v>
      </c>
      <c r="AH38825">
        <v>11</v>
      </c>
      <c r="AI38825">
        <v>11</v>
      </c>
      <c r="AJ38825">
        <v>11</v>
      </c>
      <c r="AK38825">
        <v>11</v>
      </c>
      <c r="AL38825">
        <v>11</v>
      </c>
      <c r="AM38825">
        <v>11</v>
      </c>
      <c r="AN38825">
        <v>11</v>
      </c>
      <c r="AO38825">
        <v>11</v>
      </c>
      <c r="AP38825">
        <v>11</v>
      </c>
      <c r="AQ38825">
        <v>11</v>
      </c>
    </row>
    <row r="38826" spans="1:43">
      <c r="A38826" t="s">
        <v>24081</v>
      </c>
      <c r="B38826" t="s">
        <v>24082</v>
      </c>
      <c r="C38826" t="s">
        <v>24083</v>
      </c>
      <c r="D38826" t="s">
        <v>24084</v>
      </c>
      <c r="E38826" t="s">
        <v>23993</v>
      </c>
      <c r="F38826" t="s">
        <v>23994</v>
      </c>
      <c r="G38826" t="s">
        <v>11612</v>
      </c>
      <c r="H38826" t="s">
        <v>11613</v>
      </c>
      <c r="I38826" s="2">
        <v>0</v>
      </c>
      <c r="J38826" s="2">
        <v>0</v>
      </c>
      <c r="K38826" s="2">
        <v>1</v>
      </c>
      <c r="L38826" t="s">
        <v>995</v>
      </c>
      <c r="M38826" t="s">
        <v>83</v>
      </c>
      <c r="N38826" t="s">
        <v>84</v>
      </c>
      <c r="O38826" t="s">
        <v>85</v>
      </c>
      <c r="P38826" t="s">
        <v>86</v>
      </c>
      <c r="Q38826">
        <v>154</v>
      </c>
      <c r="R38826">
        <v>156</v>
      </c>
      <c r="S38826">
        <v>158</v>
      </c>
      <c r="T38826">
        <v>160</v>
      </c>
      <c r="U38826">
        <v>162</v>
      </c>
      <c r="V38826">
        <v>164</v>
      </c>
      <c r="W38826">
        <v>166</v>
      </c>
      <c r="X38826">
        <v>167</v>
      </c>
      <c r="Y38826">
        <v>169</v>
      </c>
      <c r="Z38826">
        <v>171</v>
      </c>
      <c r="AA38826">
        <v>173</v>
      </c>
      <c r="AB38826">
        <v>174</v>
      </c>
      <c r="AC38826">
        <v>176</v>
      </c>
      <c r="AD38826">
        <v>177</v>
      </c>
      <c r="AE38826">
        <v>179</v>
      </c>
      <c r="AF38826">
        <v>180</v>
      </c>
      <c r="AG38826">
        <v>181</v>
      </c>
      <c r="AH38826">
        <v>183</v>
      </c>
      <c r="AI38826">
        <v>184</v>
      </c>
      <c r="AJ38826">
        <v>185</v>
      </c>
      <c r="AK38826">
        <v>186</v>
      </c>
      <c r="AL38826">
        <v>186</v>
      </c>
      <c r="AM38826">
        <v>186</v>
      </c>
      <c r="AN38826">
        <v>185</v>
      </c>
      <c r="AO38826">
        <v>185</v>
      </c>
      <c r="AP38826">
        <v>184</v>
      </c>
      <c r="AQ38826">
        <v>183</v>
      </c>
    </row>
    <row r="38827" spans="1:43">
      <c r="A38827" t="s">
        <v>24081</v>
      </c>
      <c r="B38827" t="s">
        <v>24082</v>
      </c>
      <c r="C38827" t="s">
        <v>24083</v>
      </c>
      <c r="D38827" t="s">
        <v>24084</v>
      </c>
      <c r="E38827" t="s">
        <v>23993</v>
      </c>
      <c r="F38827" t="s">
        <v>23994</v>
      </c>
      <c r="G38827" t="s">
        <v>11612</v>
      </c>
      <c r="H38827" t="s">
        <v>11613</v>
      </c>
      <c r="I38827" s="2">
        <v>0</v>
      </c>
      <c r="J38827" s="2">
        <v>0</v>
      </c>
      <c r="K38827" s="2">
        <v>1</v>
      </c>
      <c r="L38827" t="s">
        <v>995</v>
      </c>
      <c r="M38827" t="s">
        <v>87</v>
      </c>
      <c r="N38827" t="s">
        <v>88</v>
      </c>
      <c r="O38827" t="s">
        <v>85</v>
      </c>
      <c r="P38827" t="s">
        <v>86</v>
      </c>
      <c r="Q38827">
        <v>154</v>
      </c>
      <c r="R38827">
        <v>154</v>
      </c>
      <c r="S38827">
        <v>155</v>
      </c>
      <c r="T38827">
        <v>155</v>
      </c>
      <c r="U38827">
        <v>156</v>
      </c>
      <c r="V38827">
        <v>156</v>
      </c>
      <c r="W38827">
        <v>157</v>
      </c>
      <c r="X38827">
        <v>157</v>
      </c>
      <c r="Y38827">
        <v>157</v>
      </c>
      <c r="Z38827">
        <v>158</v>
      </c>
      <c r="AA38827">
        <v>158</v>
      </c>
      <c r="AB38827">
        <v>158</v>
      </c>
      <c r="AC38827">
        <v>159</v>
      </c>
      <c r="AD38827">
        <v>159</v>
      </c>
      <c r="AE38827">
        <v>159</v>
      </c>
      <c r="AF38827">
        <v>159</v>
      </c>
      <c r="AG38827">
        <v>159</v>
      </c>
      <c r="AH38827">
        <v>159</v>
      </c>
      <c r="AI38827">
        <v>159</v>
      </c>
      <c r="AJ38827">
        <v>159</v>
      </c>
      <c r="AK38827">
        <v>159</v>
      </c>
      <c r="AL38827">
        <v>159</v>
      </c>
      <c r="AM38827">
        <v>159</v>
      </c>
      <c r="AN38827">
        <v>159</v>
      </c>
      <c r="AO38827">
        <v>159</v>
      </c>
      <c r="AP38827">
        <v>159</v>
      </c>
      <c r="AQ38827">
        <v>158</v>
      </c>
    </row>
    <row r="38828" spans="1:43">
      <c r="A38828" t="s">
        <v>24081</v>
      </c>
      <c r="B38828" t="s">
        <v>24082</v>
      </c>
      <c r="C38828" t="s">
        <v>24083</v>
      </c>
      <c r="D38828" t="s">
        <v>24084</v>
      </c>
      <c r="E38828" t="s">
        <v>23993</v>
      </c>
      <c r="F38828" t="s">
        <v>23994</v>
      </c>
      <c r="G38828" t="s">
        <v>11612</v>
      </c>
      <c r="H38828" t="s">
        <v>11613</v>
      </c>
      <c r="I38828" s="2">
        <v>0</v>
      </c>
      <c r="J38828" s="2">
        <v>0</v>
      </c>
      <c r="K38828" s="2">
        <v>1</v>
      </c>
      <c r="L38828" t="s">
        <v>995</v>
      </c>
      <c r="M38828" t="s">
        <v>89</v>
      </c>
      <c r="N38828" t="s">
        <v>90</v>
      </c>
      <c r="O38828" t="s">
        <v>85</v>
      </c>
      <c r="P38828" t="s">
        <v>86</v>
      </c>
      <c r="Q38828">
        <v>154</v>
      </c>
      <c r="R38828">
        <v>158</v>
      </c>
      <c r="S38828">
        <v>161</v>
      </c>
      <c r="T38828">
        <v>164</v>
      </c>
      <c r="U38828">
        <v>167</v>
      </c>
      <c r="V38828">
        <v>170</v>
      </c>
      <c r="W38828">
        <v>173</v>
      </c>
      <c r="X38828">
        <v>176</v>
      </c>
      <c r="Y38828">
        <v>178</v>
      </c>
      <c r="Z38828">
        <v>181</v>
      </c>
      <c r="AA38828">
        <v>183</v>
      </c>
      <c r="AB38828">
        <v>185</v>
      </c>
      <c r="AC38828">
        <v>188</v>
      </c>
      <c r="AD38828">
        <v>190</v>
      </c>
      <c r="AE38828">
        <v>191</v>
      </c>
      <c r="AF38828">
        <v>191</v>
      </c>
      <c r="AG38828">
        <v>190</v>
      </c>
      <c r="AH38828">
        <v>190</v>
      </c>
      <c r="AI38828">
        <v>190</v>
      </c>
      <c r="AJ38828">
        <v>189</v>
      </c>
      <c r="AK38828">
        <v>189</v>
      </c>
      <c r="AL38828">
        <v>188</v>
      </c>
      <c r="AM38828">
        <v>187</v>
      </c>
      <c r="AN38828">
        <v>187</v>
      </c>
      <c r="AO38828">
        <v>186</v>
      </c>
      <c r="AP38828">
        <v>186</v>
      </c>
      <c r="AQ38828">
        <v>185</v>
      </c>
    </row>
    <row r="38829" spans="1:43">
      <c r="A38829" t="s">
        <v>24081</v>
      </c>
      <c r="B38829" t="s">
        <v>24082</v>
      </c>
      <c r="C38829" t="s">
        <v>24083</v>
      </c>
      <c r="D38829" t="s">
        <v>24084</v>
      </c>
      <c r="E38829" t="s">
        <v>23993</v>
      </c>
      <c r="F38829" t="s">
        <v>23994</v>
      </c>
      <c r="G38829" t="s">
        <v>11612</v>
      </c>
      <c r="H38829" t="s">
        <v>11613</v>
      </c>
      <c r="I38829" s="2">
        <v>0</v>
      </c>
      <c r="J38829" s="2">
        <v>0</v>
      </c>
      <c r="K38829" s="2">
        <v>1</v>
      </c>
      <c r="L38829" t="s">
        <v>995</v>
      </c>
      <c r="M38829" t="s">
        <v>83</v>
      </c>
      <c r="N38829" t="s">
        <v>91</v>
      </c>
      <c r="O38829" t="s">
        <v>85</v>
      </c>
      <c r="P38829" t="s">
        <v>86</v>
      </c>
      <c r="Q38829">
        <v>154</v>
      </c>
      <c r="R38829">
        <v>156</v>
      </c>
      <c r="S38829">
        <v>158</v>
      </c>
      <c r="T38829">
        <v>160</v>
      </c>
      <c r="U38829">
        <v>162</v>
      </c>
      <c r="V38829">
        <v>164</v>
      </c>
      <c r="W38829">
        <v>166</v>
      </c>
      <c r="X38829">
        <v>167</v>
      </c>
      <c r="Y38829">
        <v>169</v>
      </c>
      <c r="Z38829">
        <v>171</v>
      </c>
      <c r="AA38829">
        <v>173</v>
      </c>
      <c r="AB38829">
        <v>174</v>
      </c>
      <c r="AC38829">
        <v>176</v>
      </c>
      <c r="AD38829">
        <v>177</v>
      </c>
      <c r="AE38829">
        <v>179</v>
      </c>
      <c r="AF38829">
        <v>180</v>
      </c>
      <c r="AG38829">
        <v>181</v>
      </c>
      <c r="AH38829">
        <v>183</v>
      </c>
      <c r="AI38829">
        <v>184</v>
      </c>
      <c r="AJ38829">
        <v>185</v>
      </c>
      <c r="AK38829">
        <v>186</v>
      </c>
      <c r="AL38829">
        <v>186</v>
      </c>
      <c r="AM38829">
        <v>186</v>
      </c>
      <c r="AN38829">
        <v>185</v>
      </c>
      <c r="AO38829">
        <v>185</v>
      </c>
      <c r="AP38829">
        <v>184</v>
      </c>
      <c r="AQ38829">
        <v>183</v>
      </c>
    </row>
    <row r="38830" spans="1:43">
      <c r="A38830" t="s">
        <v>24085</v>
      </c>
      <c r="B38830" t="s">
        <v>24086</v>
      </c>
      <c r="C38830" t="s">
        <v>24083</v>
      </c>
      <c r="D38830" t="s">
        <v>24084</v>
      </c>
      <c r="E38830" t="s">
        <v>23993</v>
      </c>
      <c r="F38830" t="s">
        <v>23994</v>
      </c>
      <c r="G38830" t="s">
        <v>11612</v>
      </c>
      <c r="H38830" t="s">
        <v>11613</v>
      </c>
      <c r="I38830" s="2">
        <v>0</v>
      </c>
      <c r="J38830" s="2">
        <v>0</v>
      </c>
      <c r="K38830" s="2">
        <v>1</v>
      </c>
      <c r="L38830" t="s">
        <v>995</v>
      </c>
      <c r="M38830" t="s">
        <v>83</v>
      </c>
      <c r="N38830" t="s">
        <v>84</v>
      </c>
      <c r="O38830" t="s">
        <v>85</v>
      </c>
      <c r="P38830" t="s">
        <v>86</v>
      </c>
      <c r="Q38830">
        <v>7</v>
      </c>
      <c r="R38830">
        <v>7</v>
      </c>
      <c r="S38830">
        <v>7</v>
      </c>
      <c r="T38830">
        <v>7</v>
      </c>
      <c r="U38830">
        <v>7</v>
      </c>
      <c r="V38830">
        <v>7</v>
      </c>
      <c r="W38830">
        <v>8</v>
      </c>
      <c r="X38830">
        <v>8</v>
      </c>
      <c r="Y38830">
        <v>8</v>
      </c>
      <c r="Z38830">
        <v>8</v>
      </c>
      <c r="AA38830">
        <v>8</v>
      </c>
      <c r="AB38830">
        <v>8</v>
      </c>
      <c r="AC38830">
        <v>8</v>
      </c>
      <c r="AD38830">
        <v>8</v>
      </c>
      <c r="AE38830">
        <v>8</v>
      </c>
      <c r="AF38830">
        <v>8</v>
      </c>
      <c r="AG38830">
        <v>8</v>
      </c>
      <c r="AH38830">
        <v>9</v>
      </c>
      <c r="AI38830">
        <v>9</v>
      </c>
      <c r="AJ38830">
        <v>9</v>
      </c>
      <c r="AK38830">
        <v>9</v>
      </c>
      <c r="AL38830">
        <v>9</v>
      </c>
      <c r="AM38830">
        <v>9</v>
      </c>
      <c r="AN38830">
        <v>9</v>
      </c>
      <c r="AO38830">
        <v>9</v>
      </c>
      <c r="AP38830">
        <v>9</v>
      </c>
      <c r="AQ38830">
        <v>9</v>
      </c>
    </row>
    <row r="38831" spans="1:43">
      <c r="A38831" t="s">
        <v>24085</v>
      </c>
      <c r="B38831" t="s">
        <v>24086</v>
      </c>
      <c r="C38831" t="s">
        <v>24083</v>
      </c>
      <c r="D38831" t="s">
        <v>24084</v>
      </c>
      <c r="E38831" t="s">
        <v>23993</v>
      </c>
      <c r="F38831" t="s">
        <v>23994</v>
      </c>
      <c r="G38831" t="s">
        <v>11612</v>
      </c>
      <c r="H38831" t="s">
        <v>11613</v>
      </c>
      <c r="I38831" s="2">
        <v>0</v>
      </c>
      <c r="J38831" s="2">
        <v>0</v>
      </c>
      <c r="K38831" s="2">
        <v>1</v>
      </c>
      <c r="L38831" t="s">
        <v>995</v>
      </c>
      <c r="M38831" t="s">
        <v>87</v>
      </c>
      <c r="N38831" t="s">
        <v>88</v>
      </c>
      <c r="O38831" t="s">
        <v>85</v>
      </c>
      <c r="P38831" t="s">
        <v>86</v>
      </c>
      <c r="Q38831">
        <v>7</v>
      </c>
      <c r="R38831">
        <v>7</v>
      </c>
      <c r="S38831">
        <v>7</v>
      </c>
      <c r="T38831">
        <v>7</v>
      </c>
      <c r="U38831">
        <v>7</v>
      </c>
      <c r="V38831">
        <v>7</v>
      </c>
      <c r="W38831">
        <v>7</v>
      </c>
      <c r="X38831">
        <v>7</v>
      </c>
      <c r="Y38831">
        <v>7</v>
      </c>
      <c r="Z38831">
        <v>7</v>
      </c>
      <c r="AA38831">
        <v>7</v>
      </c>
      <c r="AB38831">
        <v>7</v>
      </c>
      <c r="AC38831">
        <v>7</v>
      </c>
      <c r="AD38831">
        <v>7</v>
      </c>
      <c r="AE38831">
        <v>7</v>
      </c>
      <c r="AF38831">
        <v>7</v>
      </c>
      <c r="AG38831">
        <v>7</v>
      </c>
      <c r="AH38831">
        <v>7</v>
      </c>
      <c r="AI38831">
        <v>7</v>
      </c>
      <c r="AJ38831">
        <v>7</v>
      </c>
      <c r="AK38831">
        <v>7</v>
      </c>
      <c r="AL38831">
        <v>8</v>
      </c>
      <c r="AM38831">
        <v>8</v>
      </c>
      <c r="AN38831">
        <v>8</v>
      </c>
      <c r="AO38831">
        <v>8</v>
      </c>
      <c r="AP38831">
        <v>8</v>
      </c>
      <c r="AQ38831">
        <v>8</v>
      </c>
    </row>
    <row r="38832" spans="1:43">
      <c r="A38832" t="s">
        <v>24085</v>
      </c>
      <c r="B38832" t="s">
        <v>24086</v>
      </c>
      <c r="C38832" t="s">
        <v>24083</v>
      </c>
      <c r="D38832" t="s">
        <v>24084</v>
      </c>
      <c r="E38832" t="s">
        <v>23993</v>
      </c>
      <c r="F38832" t="s">
        <v>23994</v>
      </c>
      <c r="G38832" t="s">
        <v>11612</v>
      </c>
      <c r="H38832" t="s">
        <v>11613</v>
      </c>
      <c r="I38832" s="2">
        <v>0</v>
      </c>
      <c r="J38832" s="2">
        <v>0</v>
      </c>
      <c r="K38832" s="2">
        <v>1</v>
      </c>
      <c r="L38832" t="s">
        <v>995</v>
      </c>
      <c r="M38832" t="s">
        <v>89</v>
      </c>
      <c r="N38832" t="s">
        <v>90</v>
      </c>
      <c r="O38832" t="s">
        <v>85</v>
      </c>
      <c r="P38832" t="s">
        <v>86</v>
      </c>
      <c r="Q38832">
        <v>7</v>
      </c>
      <c r="R38832">
        <v>7</v>
      </c>
      <c r="S38832">
        <v>7</v>
      </c>
      <c r="T38832">
        <v>8</v>
      </c>
      <c r="U38832">
        <v>8</v>
      </c>
      <c r="V38832">
        <v>8</v>
      </c>
      <c r="W38832">
        <v>8</v>
      </c>
      <c r="X38832">
        <v>8</v>
      </c>
      <c r="Y38832">
        <v>8</v>
      </c>
      <c r="Z38832">
        <v>8</v>
      </c>
      <c r="AA38832">
        <v>8</v>
      </c>
      <c r="AB38832">
        <v>9</v>
      </c>
      <c r="AC38832">
        <v>9</v>
      </c>
      <c r="AD38832">
        <v>9</v>
      </c>
      <c r="AE38832">
        <v>9</v>
      </c>
      <c r="AF38832">
        <v>9</v>
      </c>
      <c r="AG38832">
        <v>9</v>
      </c>
      <c r="AH38832">
        <v>9</v>
      </c>
      <c r="AI38832">
        <v>9</v>
      </c>
      <c r="AJ38832">
        <v>9</v>
      </c>
      <c r="AK38832">
        <v>9</v>
      </c>
      <c r="AL38832">
        <v>9</v>
      </c>
      <c r="AM38832">
        <v>9</v>
      </c>
      <c r="AN38832">
        <v>9</v>
      </c>
      <c r="AO38832">
        <v>9</v>
      </c>
      <c r="AP38832">
        <v>9</v>
      </c>
      <c r="AQ38832">
        <v>9</v>
      </c>
    </row>
    <row r="38833" spans="1:43">
      <c r="A38833" t="s">
        <v>24085</v>
      </c>
      <c r="B38833" t="s">
        <v>24086</v>
      </c>
      <c r="C38833" t="s">
        <v>24083</v>
      </c>
      <c r="D38833" t="s">
        <v>24084</v>
      </c>
      <c r="E38833" t="s">
        <v>23993</v>
      </c>
      <c r="F38833" t="s">
        <v>23994</v>
      </c>
      <c r="G38833" t="s">
        <v>11612</v>
      </c>
      <c r="H38833" t="s">
        <v>11613</v>
      </c>
      <c r="I38833" s="2">
        <v>0</v>
      </c>
      <c r="J38833" s="2">
        <v>0</v>
      </c>
      <c r="K38833" s="2">
        <v>1</v>
      </c>
      <c r="L38833" t="s">
        <v>995</v>
      </c>
      <c r="M38833" t="s">
        <v>83</v>
      </c>
      <c r="N38833" t="s">
        <v>91</v>
      </c>
      <c r="O38833" t="s">
        <v>85</v>
      </c>
      <c r="P38833" t="s">
        <v>86</v>
      </c>
      <c r="Q38833">
        <v>7</v>
      </c>
      <c r="R38833">
        <v>7</v>
      </c>
      <c r="S38833">
        <v>7</v>
      </c>
      <c r="T38833">
        <v>7</v>
      </c>
      <c r="U38833">
        <v>7</v>
      </c>
      <c r="V38833">
        <v>7</v>
      </c>
      <c r="W38833">
        <v>8</v>
      </c>
      <c r="X38833">
        <v>8</v>
      </c>
      <c r="Y38833">
        <v>8</v>
      </c>
      <c r="Z38833">
        <v>8</v>
      </c>
      <c r="AA38833">
        <v>8</v>
      </c>
      <c r="AB38833">
        <v>8</v>
      </c>
      <c r="AC38833">
        <v>8</v>
      </c>
      <c r="AD38833">
        <v>8</v>
      </c>
      <c r="AE38833">
        <v>8</v>
      </c>
      <c r="AF38833">
        <v>8</v>
      </c>
      <c r="AG38833">
        <v>8</v>
      </c>
      <c r="AH38833">
        <v>9</v>
      </c>
      <c r="AI38833">
        <v>9</v>
      </c>
      <c r="AJ38833">
        <v>9</v>
      </c>
      <c r="AK38833">
        <v>9</v>
      </c>
      <c r="AL38833">
        <v>9</v>
      </c>
      <c r="AM38833">
        <v>9</v>
      </c>
      <c r="AN38833">
        <v>9</v>
      </c>
      <c r="AO38833">
        <v>9</v>
      </c>
      <c r="AP38833">
        <v>9</v>
      </c>
      <c r="AQ38833">
        <v>9</v>
      </c>
    </row>
    <row r="38834" spans="1:43">
      <c r="A38834" t="s">
        <v>24087</v>
      </c>
      <c r="B38834" t="s">
        <v>24088</v>
      </c>
      <c r="C38834" t="s">
        <v>24083</v>
      </c>
      <c r="D38834" t="s">
        <v>24084</v>
      </c>
      <c r="E38834" t="s">
        <v>23993</v>
      </c>
      <c r="F38834" t="s">
        <v>23994</v>
      </c>
      <c r="G38834" t="s">
        <v>11612</v>
      </c>
      <c r="H38834" t="s">
        <v>11613</v>
      </c>
      <c r="I38834" s="2">
        <v>0</v>
      </c>
      <c r="J38834" s="2">
        <v>0</v>
      </c>
      <c r="K38834" s="2">
        <v>1</v>
      </c>
      <c r="L38834" t="s">
        <v>995</v>
      </c>
      <c r="M38834" t="s">
        <v>83</v>
      </c>
      <c r="N38834" t="s">
        <v>84</v>
      </c>
      <c r="O38834" t="s">
        <v>85</v>
      </c>
      <c r="P38834" t="s">
        <v>86</v>
      </c>
      <c r="Q38834">
        <v>230</v>
      </c>
      <c r="R38834">
        <v>234</v>
      </c>
      <c r="S38834">
        <v>238</v>
      </c>
      <c r="T38834">
        <v>242</v>
      </c>
      <c r="U38834">
        <v>245</v>
      </c>
      <c r="V38834">
        <v>249</v>
      </c>
      <c r="W38834">
        <v>253</v>
      </c>
      <c r="X38834">
        <v>257</v>
      </c>
      <c r="Y38834">
        <v>260</v>
      </c>
      <c r="Z38834">
        <v>264</v>
      </c>
      <c r="AA38834">
        <v>268</v>
      </c>
      <c r="AB38834">
        <v>271</v>
      </c>
      <c r="AC38834">
        <v>275</v>
      </c>
      <c r="AD38834">
        <v>278</v>
      </c>
      <c r="AE38834">
        <v>281</v>
      </c>
      <c r="AF38834">
        <v>284</v>
      </c>
      <c r="AG38834">
        <v>287</v>
      </c>
      <c r="AH38834">
        <v>291</v>
      </c>
      <c r="AI38834">
        <v>294</v>
      </c>
      <c r="AJ38834">
        <v>297</v>
      </c>
      <c r="AK38834">
        <v>300</v>
      </c>
      <c r="AL38834">
        <v>301</v>
      </c>
      <c r="AM38834">
        <v>302</v>
      </c>
      <c r="AN38834">
        <v>303</v>
      </c>
      <c r="AO38834">
        <v>304</v>
      </c>
      <c r="AP38834">
        <v>305</v>
      </c>
      <c r="AQ38834">
        <v>306</v>
      </c>
    </row>
    <row r="38835" spans="1:43">
      <c r="A38835" t="s">
        <v>24087</v>
      </c>
      <c r="B38835" t="s">
        <v>24088</v>
      </c>
      <c r="C38835" t="s">
        <v>24083</v>
      </c>
      <c r="D38835" t="s">
        <v>24084</v>
      </c>
      <c r="E38835" t="s">
        <v>23993</v>
      </c>
      <c r="F38835" t="s">
        <v>23994</v>
      </c>
      <c r="G38835" t="s">
        <v>11612</v>
      </c>
      <c r="H38835" t="s">
        <v>11613</v>
      </c>
      <c r="I38835" s="2">
        <v>0</v>
      </c>
      <c r="J38835" s="2">
        <v>0</v>
      </c>
      <c r="K38835" s="2">
        <v>1</v>
      </c>
      <c r="L38835" t="s">
        <v>995</v>
      </c>
      <c r="M38835" t="s">
        <v>87</v>
      </c>
      <c r="N38835" t="s">
        <v>88</v>
      </c>
      <c r="O38835" t="s">
        <v>85</v>
      </c>
      <c r="P38835" t="s">
        <v>86</v>
      </c>
      <c r="Q38835">
        <v>230</v>
      </c>
      <c r="R38835">
        <v>232</v>
      </c>
      <c r="S38835">
        <v>233</v>
      </c>
      <c r="T38835">
        <v>235</v>
      </c>
      <c r="U38835">
        <v>237</v>
      </c>
      <c r="V38835">
        <v>238</v>
      </c>
      <c r="W38835">
        <v>240</v>
      </c>
      <c r="X38835">
        <v>241</v>
      </c>
      <c r="Y38835">
        <v>243</v>
      </c>
      <c r="Z38835">
        <v>244</v>
      </c>
      <c r="AA38835">
        <v>246</v>
      </c>
      <c r="AB38835">
        <v>247</v>
      </c>
      <c r="AC38835">
        <v>249</v>
      </c>
      <c r="AD38835">
        <v>250</v>
      </c>
      <c r="AE38835">
        <v>251</v>
      </c>
      <c r="AF38835">
        <v>253</v>
      </c>
      <c r="AG38835">
        <v>254</v>
      </c>
      <c r="AH38835">
        <v>255</v>
      </c>
      <c r="AI38835">
        <v>256</v>
      </c>
      <c r="AJ38835">
        <v>258</v>
      </c>
      <c r="AK38835">
        <v>259</v>
      </c>
      <c r="AL38835">
        <v>260</v>
      </c>
      <c r="AM38835">
        <v>261</v>
      </c>
      <c r="AN38835">
        <v>262</v>
      </c>
      <c r="AO38835">
        <v>263</v>
      </c>
      <c r="AP38835">
        <v>264</v>
      </c>
      <c r="AQ38835">
        <v>265</v>
      </c>
    </row>
    <row r="38836" spans="1:43">
      <c r="A38836" t="s">
        <v>24087</v>
      </c>
      <c r="B38836" t="s">
        <v>24088</v>
      </c>
      <c r="C38836" t="s">
        <v>24083</v>
      </c>
      <c r="D38836" t="s">
        <v>24084</v>
      </c>
      <c r="E38836" t="s">
        <v>23993</v>
      </c>
      <c r="F38836" t="s">
        <v>23994</v>
      </c>
      <c r="G38836" t="s">
        <v>11612</v>
      </c>
      <c r="H38836" t="s">
        <v>11613</v>
      </c>
      <c r="I38836" s="2">
        <v>0</v>
      </c>
      <c r="J38836" s="2">
        <v>0</v>
      </c>
      <c r="K38836" s="2">
        <v>1</v>
      </c>
      <c r="L38836" t="s">
        <v>995</v>
      </c>
      <c r="M38836" t="s">
        <v>89</v>
      </c>
      <c r="N38836" t="s">
        <v>90</v>
      </c>
      <c r="O38836" t="s">
        <v>85</v>
      </c>
      <c r="P38836" t="s">
        <v>86</v>
      </c>
      <c r="Q38836">
        <v>230</v>
      </c>
      <c r="R38836">
        <v>236</v>
      </c>
      <c r="S38836">
        <v>242</v>
      </c>
      <c r="T38836">
        <v>248</v>
      </c>
      <c r="U38836">
        <v>253</v>
      </c>
      <c r="V38836">
        <v>259</v>
      </c>
      <c r="W38836">
        <v>264</v>
      </c>
      <c r="X38836">
        <v>269</v>
      </c>
      <c r="Y38836">
        <v>274</v>
      </c>
      <c r="Z38836">
        <v>278</v>
      </c>
      <c r="AA38836">
        <v>283</v>
      </c>
      <c r="AB38836">
        <v>287</v>
      </c>
      <c r="AC38836">
        <v>292</v>
      </c>
      <c r="AD38836">
        <v>296</v>
      </c>
      <c r="AE38836">
        <v>299</v>
      </c>
      <c r="AF38836">
        <v>300</v>
      </c>
      <c r="AG38836">
        <v>301</v>
      </c>
      <c r="AH38836">
        <v>302</v>
      </c>
      <c r="AI38836">
        <v>303</v>
      </c>
      <c r="AJ38836">
        <v>304</v>
      </c>
      <c r="AK38836">
        <v>305</v>
      </c>
      <c r="AL38836">
        <v>306</v>
      </c>
      <c r="AM38836">
        <v>306</v>
      </c>
      <c r="AN38836">
        <v>307</v>
      </c>
      <c r="AO38836">
        <v>308</v>
      </c>
      <c r="AP38836">
        <v>309</v>
      </c>
      <c r="AQ38836">
        <v>310</v>
      </c>
    </row>
    <row r="38837" spans="1:43">
      <c r="A38837" t="s">
        <v>24087</v>
      </c>
      <c r="B38837" t="s">
        <v>24088</v>
      </c>
      <c r="C38837" t="s">
        <v>24083</v>
      </c>
      <c r="D38837" t="s">
        <v>24084</v>
      </c>
      <c r="E38837" t="s">
        <v>23993</v>
      </c>
      <c r="F38837" t="s">
        <v>23994</v>
      </c>
      <c r="G38837" t="s">
        <v>11612</v>
      </c>
      <c r="H38837" t="s">
        <v>11613</v>
      </c>
      <c r="I38837" s="2">
        <v>0</v>
      </c>
      <c r="J38837" s="2">
        <v>0</v>
      </c>
      <c r="K38837" s="2">
        <v>1</v>
      </c>
      <c r="L38837" t="s">
        <v>995</v>
      </c>
      <c r="M38837" t="s">
        <v>83</v>
      </c>
      <c r="N38837" t="s">
        <v>91</v>
      </c>
      <c r="O38837" t="s">
        <v>85</v>
      </c>
      <c r="P38837" t="s">
        <v>86</v>
      </c>
      <c r="Q38837">
        <v>230</v>
      </c>
      <c r="R38837">
        <v>234</v>
      </c>
      <c r="S38837">
        <v>238</v>
      </c>
      <c r="T38837">
        <v>242</v>
      </c>
      <c r="U38837">
        <v>245</v>
      </c>
      <c r="V38837">
        <v>249</v>
      </c>
      <c r="W38837">
        <v>253</v>
      </c>
      <c r="X38837">
        <v>257</v>
      </c>
      <c r="Y38837">
        <v>260</v>
      </c>
      <c r="Z38837">
        <v>264</v>
      </c>
      <c r="AA38837">
        <v>268</v>
      </c>
      <c r="AB38837">
        <v>271</v>
      </c>
      <c r="AC38837">
        <v>275</v>
      </c>
      <c r="AD38837">
        <v>278</v>
      </c>
      <c r="AE38837">
        <v>281</v>
      </c>
      <c r="AF38837">
        <v>284</v>
      </c>
      <c r="AG38837">
        <v>287</v>
      </c>
      <c r="AH38837">
        <v>291</v>
      </c>
      <c r="AI38837">
        <v>294</v>
      </c>
      <c r="AJ38837">
        <v>297</v>
      </c>
      <c r="AK38837">
        <v>300</v>
      </c>
      <c r="AL38837">
        <v>301</v>
      </c>
      <c r="AM38837">
        <v>302</v>
      </c>
      <c r="AN38837">
        <v>303</v>
      </c>
      <c r="AO38837">
        <v>304</v>
      </c>
      <c r="AP38837">
        <v>305</v>
      </c>
      <c r="AQ38837">
        <v>306</v>
      </c>
    </row>
    <row r="38838" spans="1:43">
      <c r="A38838" t="s">
        <v>24089</v>
      </c>
      <c r="B38838" t="s">
        <v>24090</v>
      </c>
      <c r="C38838" t="s">
        <v>24091</v>
      </c>
      <c r="D38838" t="s">
        <v>24092</v>
      </c>
      <c r="E38838" t="s">
        <v>23993</v>
      </c>
      <c r="F38838" t="s">
        <v>23994</v>
      </c>
      <c r="G38838" t="s">
        <v>11612</v>
      </c>
      <c r="H38838" t="s">
        <v>11613</v>
      </c>
      <c r="I38838" s="2">
        <v>0</v>
      </c>
      <c r="J38838" s="2">
        <v>0</v>
      </c>
      <c r="K38838" s="2">
        <v>1</v>
      </c>
      <c r="L38838" t="s">
        <v>995</v>
      </c>
      <c r="M38838" t="s">
        <v>83</v>
      </c>
      <c r="N38838" t="s">
        <v>84</v>
      </c>
      <c r="O38838" t="s">
        <v>85</v>
      </c>
      <c r="P38838" t="s">
        <v>86</v>
      </c>
      <c r="Q38838">
        <v>4</v>
      </c>
      <c r="R38838">
        <v>4</v>
      </c>
      <c r="S38838">
        <v>4</v>
      </c>
      <c r="T38838">
        <v>4</v>
      </c>
      <c r="U38838">
        <v>4</v>
      </c>
      <c r="V38838">
        <v>4</v>
      </c>
      <c r="W38838">
        <v>4</v>
      </c>
      <c r="X38838">
        <v>4</v>
      </c>
      <c r="Y38838">
        <v>4</v>
      </c>
      <c r="Z38838">
        <v>4</v>
      </c>
      <c r="AA38838">
        <v>4</v>
      </c>
      <c r="AB38838">
        <v>4</v>
      </c>
      <c r="AC38838">
        <v>4</v>
      </c>
      <c r="AD38838">
        <v>4</v>
      </c>
      <c r="AE38838">
        <v>5</v>
      </c>
      <c r="AF38838">
        <v>5</v>
      </c>
      <c r="AG38838">
        <v>5</v>
      </c>
      <c r="AH38838">
        <v>5</v>
      </c>
      <c r="AI38838">
        <v>5</v>
      </c>
      <c r="AJ38838">
        <v>5</v>
      </c>
      <c r="AK38838">
        <v>5</v>
      </c>
      <c r="AL38838">
        <v>5</v>
      </c>
      <c r="AM38838">
        <v>5</v>
      </c>
      <c r="AN38838">
        <v>5</v>
      </c>
      <c r="AO38838">
        <v>5</v>
      </c>
      <c r="AP38838">
        <v>5</v>
      </c>
      <c r="AQ38838">
        <v>5</v>
      </c>
    </row>
    <row r="38839" spans="1:43">
      <c r="A38839" t="s">
        <v>24089</v>
      </c>
      <c r="B38839" t="s">
        <v>24090</v>
      </c>
      <c r="C38839" t="s">
        <v>24091</v>
      </c>
      <c r="D38839" t="s">
        <v>24092</v>
      </c>
      <c r="E38839" t="s">
        <v>23993</v>
      </c>
      <c r="F38839" t="s">
        <v>23994</v>
      </c>
      <c r="G38839" t="s">
        <v>11612</v>
      </c>
      <c r="H38839" t="s">
        <v>11613</v>
      </c>
      <c r="I38839" s="2">
        <v>0</v>
      </c>
      <c r="J38839" s="2">
        <v>0</v>
      </c>
      <c r="K38839" s="2">
        <v>1</v>
      </c>
      <c r="L38839" t="s">
        <v>995</v>
      </c>
      <c r="M38839" t="s">
        <v>87</v>
      </c>
      <c r="N38839" t="s">
        <v>88</v>
      </c>
      <c r="O38839" t="s">
        <v>85</v>
      </c>
      <c r="P38839" t="s">
        <v>86</v>
      </c>
      <c r="Q38839">
        <v>4</v>
      </c>
      <c r="R38839">
        <v>4</v>
      </c>
      <c r="S38839">
        <v>4</v>
      </c>
      <c r="T38839">
        <v>4</v>
      </c>
      <c r="U38839">
        <v>4</v>
      </c>
      <c r="V38839">
        <v>4</v>
      </c>
      <c r="W38839">
        <v>4</v>
      </c>
      <c r="X38839">
        <v>4</v>
      </c>
      <c r="Y38839">
        <v>4</v>
      </c>
      <c r="Z38839">
        <v>4</v>
      </c>
      <c r="AA38839">
        <v>4</v>
      </c>
      <c r="AB38839">
        <v>4</v>
      </c>
      <c r="AC38839">
        <v>4</v>
      </c>
      <c r="AD38839">
        <v>4</v>
      </c>
      <c r="AE38839">
        <v>4</v>
      </c>
      <c r="AF38839">
        <v>4</v>
      </c>
      <c r="AG38839">
        <v>4</v>
      </c>
      <c r="AH38839">
        <v>4</v>
      </c>
      <c r="AI38839">
        <v>4</v>
      </c>
      <c r="AJ38839">
        <v>4</v>
      </c>
      <c r="AK38839">
        <v>4</v>
      </c>
      <c r="AL38839">
        <v>4</v>
      </c>
      <c r="AM38839">
        <v>4</v>
      </c>
      <c r="AN38839">
        <v>4</v>
      </c>
      <c r="AO38839">
        <v>4</v>
      </c>
      <c r="AP38839">
        <v>4</v>
      </c>
      <c r="AQ38839">
        <v>4</v>
      </c>
    </row>
    <row r="38840" spans="1:43">
      <c r="A38840" t="s">
        <v>24089</v>
      </c>
      <c r="B38840" t="s">
        <v>24090</v>
      </c>
      <c r="C38840" t="s">
        <v>24091</v>
      </c>
      <c r="D38840" t="s">
        <v>24092</v>
      </c>
      <c r="E38840" t="s">
        <v>23993</v>
      </c>
      <c r="F38840" t="s">
        <v>23994</v>
      </c>
      <c r="G38840" t="s">
        <v>11612</v>
      </c>
      <c r="H38840" t="s">
        <v>11613</v>
      </c>
      <c r="I38840" s="2">
        <v>0</v>
      </c>
      <c r="J38840" s="2">
        <v>0</v>
      </c>
      <c r="K38840" s="2">
        <v>1</v>
      </c>
      <c r="L38840" t="s">
        <v>995</v>
      </c>
      <c r="M38840" t="s">
        <v>89</v>
      </c>
      <c r="N38840" t="s">
        <v>90</v>
      </c>
      <c r="O38840" t="s">
        <v>85</v>
      </c>
      <c r="P38840" t="s">
        <v>86</v>
      </c>
      <c r="Q38840">
        <v>4</v>
      </c>
      <c r="R38840">
        <v>4</v>
      </c>
      <c r="S38840">
        <v>4</v>
      </c>
      <c r="T38840">
        <v>4</v>
      </c>
      <c r="U38840">
        <v>4</v>
      </c>
      <c r="V38840">
        <v>4</v>
      </c>
      <c r="W38840">
        <v>4</v>
      </c>
      <c r="X38840">
        <v>4</v>
      </c>
      <c r="Y38840">
        <v>4</v>
      </c>
      <c r="Z38840">
        <v>5</v>
      </c>
      <c r="AA38840">
        <v>5</v>
      </c>
      <c r="AB38840">
        <v>5</v>
      </c>
      <c r="AC38840">
        <v>5</v>
      </c>
      <c r="AD38840">
        <v>5</v>
      </c>
      <c r="AE38840">
        <v>5</v>
      </c>
      <c r="AF38840">
        <v>5</v>
      </c>
      <c r="AG38840">
        <v>5</v>
      </c>
      <c r="AH38840">
        <v>5</v>
      </c>
      <c r="AI38840">
        <v>5</v>
      </c>
      <c r="AJ38840">
        <v>5</v>
      </c>
      <c r="AK38840">
        <v>5</v>
      </c>
      <c r="AL38840">
        <v>5</v>
      </c>
      <c r="AM38840">
        <v>5</v>
      </c>
      <c r="AN38840">
        <v>5</v>
      </c>
      <c r="AO38840">
        <v>5</v>
      </c>
      <c r="AP38840">
        <v>5</v>
      </c>
      <c r="AQ38840">
        <v>5</v>
      </c>
    </row>
    <row r="38841" spans="1:43">
      <c r="A38841" t="s">
        <v>24089</v>
      </c>
      <c r="B38841" t="s">
        <v>24090</v>
      </c>
      <c r="C38841" t="s">
        <v>24091</v>
      </c>
      <c r="D38841" t="s">
        <v>24092</v>
      </c>
      <c r="E38841" t="s">
        <v>23993</v>
      </c>
      <c r="F38841" t="s">
        <v>23994</v>
      </c>
      <c r="G38841" t="s">
        <v>11612</v>
      </c>
      <c r="H38841" t="s">
        <v>11613</v>
      </c>
      <c r="I38841" s="2">
        <v>0</v>
      </c>
      <c r="J38841" s="2">
        <v>0</v>
      </c>
      <c r="K38841" s="2">
        <v>1</v>
      </c>
      <c r="L38841" t="s">
        <v>995</v>
      </c>
      <c r="M38841" t="s">
        <v>83</v>
      </c>
      <c r="N38841" t="s">
        <v>91</v>
      </c>
      <c r="O38841" t="s">
        <v>85</v>
      </c>
      <c r="P38841" t="s">
        <v>86</v>
      </c>
      <c r="Q38841">
        <v>4</v>
      </c>
      <c r="R38841">
        <v>4</v>
      </c>
      <c r="S38841">
        <v>4</v>
      </c>
      <c r="T38841">
        <v>4</v>
      </c>
      <c r="U38841">
        <v>4</v>
      </c>
      <c r="V38841">
        <v>4</v>
      </c>
      <c r="W38841">
        <v>4</v>
      </c>
      <c r="X38841">
        <v>4</v>
      </c>
      <c r="Y38841">
        <v>4</v>
      </c>
      <c r="Z38841">
        <v>4</v>
      </c>
      <c r="AA38841">
        <v>4</v>
      </c>
      <c r="AB38841">
        <v>4</v>
      </c>
      <c r="AC38841">
        <v>4</v>
      </c>
      <c r="AD38841">
        <v>4</v>
      </c>
      <c r="AE38841">
        <v>5</v>
      </c>
      <c r="AF38841">
        <v>5</v>
      </c>
      <c r="AG38841">
        <v>5</v>
      </c>
      <c r="AH38841">
        <v>5</v>
      </c>
      <c r="AI38841">
        <v>5</v>
      </c>
      <c r="AJ38841">
        <v>5</v>
      </c>
      <c r="AK38841">
        <v>5</v>
      </c>
      <c r="AL38841">
        <v>5</v>
      </c>
      <c r="AM38841">
        <v>5</v>
      </c>
      <c r="AN38841">
        <v>5</v>
      </c>
      <c r="AO38841">
        <v>5</v>
      </c>
      <c r="AP38841">
        <v>5</v>
      </c>
      <c r="AQ38841">
        <v>5</v>
      </c>
    </row>
    <row r="38842" spans="1:43">
      <c r="A38842" t="s">
        <v>24093</v>
      </c>
      <c r="B38842" t="s">
        <v>24094</v>
      </c>
      <c r="C38842" t="s">
        <v>24091</v>
      </c>
      <c r="D38842" t="s">
        <v>24092</v>
      </c>
      <c r="E38842" t="s">
        <v>23993</v>
      </c>
      <c r="F38842" t="s">
        <v>23994</v>
      </c>
      <c r="G38842" t="s">
        <v>11612</v>
      </c>
      <c r="H38842" t="s">
        <v>11613</v>
      </c>
      <c r="I38842" s="2">
        <v>0</v>
      </c>
      <c r="J38842" s="2">
        <v>0</v>
      </c>
      <c r="K38842" s="2">
        <v>1</v>
      </c>
      <c r="L38842" t="s">
        <v>995</v>
      </c>
      <c r="M38842" t="s">
        <v>83</v>
      </c>
      <c r="N38842" t="s">
        <v>84</v>
      </c>
      <c r="O38842" t="s">
        <v>85</v>
      </c>
      <c r="P38842" t="s">
        <v>86</v>
      </c>
      <c r="Q38842">
        <v>16</v>
      </c>
      <c r="R38842">
        <v>16</v>
      </c>
      <c r="S38842">
        <v>16</v>
      </c>
      <c r="T38842">
        <v>16</v>
      </c>
      <c r="U38842">
        <v>16</v>
      </c>
      <c r="V38842">
        <v>17</v>
      </c>
      <c r="W38842">
        <v>17</v>
      </c>
      <c r="X38842">
        <v>17</v>
      </c>
      <c r="Y38842">
        <v>17</v>
      </c>
      <c r="Z38842">
        <v>17</v>
      </c>
      <c r="AA38842">
        <v>18</v>
      </c>
      <c r="AB38842">
        <v>18</v>
      </c>
      <c r="AC38842">
        <v>18</v>
      </c>
      <c r="AD38842">
        <v>18</v>
      </c>
      <c r="AE38842">
        <v>18</v>
      </c>
      <c r="AF38842">
        <v>18</v>
      </c>
      <c r="AG38842">
        <v>18</v>
      </c>
      <c r="AH38842">
        <v>19</v>
      </c>
      <c r="AI38842">
        <v>19</v>
      </c>
      <c r="AJ38842">
        <v>19</v>
      </c>
      <c r="AK38842">
        <v>19</v>
      </c>
      <c r="AL38842">
        <v>19</v>
      </c>
      <c r="AM38842">
        <v>19</v>
      </c>
      <c r="AN38842">
        <v>19</v>
      </c>
      <c r="AO38842">
        <v>19</v>
      </c>
      <c r="AP38842">
        <v>19</v>
      </c>
      <c r="AQ38842">
        <v>19</v>
      </c>
    </row>
    <row r="38843" spans="1:43">
      <c r="A38843" t="s">
        <v>24093</v>
      </c>
      <c r="B38843" t="s">
        <v>24094</v>
      </c>
      <c r="C38843" t="s">
        <v>24091</v>
      </c>
      <c r="D38843" t="s">
        <v>24092</v>
      </c>
      <c r="E38843" t="s">
        <v>23993</v>
      </c>
      <c r="F38843" t="s">
        <v>23994</v>
      </c>
      <c r="G38843" t="s">
        <v>11612</v>
      </c>
      <c r="H38843" t="s">
        <v>11613</v>
      </c>
      <c r="I38843" s="2">
        <v>0</v>
      </c>
      <c r="J38843" s="2">
        <v>0</v>
      </c>
      <c r="K38843" s="2">
        <v>1</v>
      </c>
      <c r="L38843" t="s">
        <v>995</v>
      </c>
      <c r="M38843" t="s">
        <v>87</v>
      </c>
      <c r="N38843" t="s">
        <v>88</v>
      </c>
      <c r="O38843" t="s">
        <v>85</v>
      </c>
      <c r="P38843" t="s">
        <v>86</v>
      </c>
      <c r="Q38843">
        <v>16</v>
      </c>
      <c r="R38843">
        <v>16</v>
      </c>
      <c r="S38843">
        <v>17</v>
      </c>
      <c r="T38843">
        <v>17</v>
      </c>
      <c r="U38843">
        <v>17</v>
      </c>
      <c r="V38843">
        <v>17</v>
      </c>
      <c r="W38843">
        <v>17</v>
      </c>
      <c r="X38843">
        <v>17</v>
      </c>
      <c r="Y38843">
        <v>17</v>
      </c>
      <c r="Z38843">
        <v>17</v>
      </c>
      <c r="AA38843">
        <v>17</v>
      </c>
      <c r="AB38843">
        <v>17</v>
      </c>
      <c r="AC38843">
        <v>17</v>
      </c>
      <c r="AD38843">
        <v>17</v>
      </c>
      <c r="AE38843">
        <v>17</v>
      </c>
      <c r="AF38843">
        <v>17</v>
      </c>
      <c r="AG38843">
        <v>17</v>
      </c>
      <c r="AH38843">
        <v>17</v>
      </c>
      <c r="AI38843">
        <v>17</v>
      </c>
      <c r="AJ38843">
        <v>17</v>
      </c>
      <c r="AK38843">
        <v>17</v>
      </c>
      <c r="AL38843">
        <v>17</v>
      </c>
      <c r="AM38843">
        <v>17</v>
      </c>
      <c r="AN38843">
        <v>17</v>
      </c>
      <c r="AO38843">
        <v>17</v>
      </c>
      <c r="AP38843">
        <v>17</v>
      </c>
      <c r="AQ38843">
        <v>17</v>
      </c>
    </row>
    <row r="38844" spans="1:43">
      <c r="A38844" t="s">
        <v>24093</v>
      </c>
      <c r="B38844" t="s">
        <v>24094</v>
      </c>
      <c r="C38844" t="s">
        <v>24091</v>
      </c>
      <c r="D38844" t="s">
        <v>24092</v>
      </c>
      <c r="E38844" t="s">
        <v>23993</v>
      </c>
      <c r="F38844" t="s">
        <v>23994</v>
      </c>
      <c r="G38844" t="s">
        <v>11612</v>
      </c>
      <c r="H38844" t="s">
        <v>11613</v>
      </c>
      <c r="I38844" s="2">
        <v>0</v>
      </c>
      <c r="J38844" s="2">
        <v>0</v>
      </c>
      <c r="K38844" s="2">
        <v>1</v>
      </c>
      <c r="L38844" t="s">
        <v>995</v>
      </c>
      <c r="M38844" t="s">
        <v>89</v>
      </c>
      <c r="N38844" t="s">
        <v>90</v>
      </c>
      <c r="O38844" t="s">
        <v>85</v>
      </c>
      <c r="P38844" t="s">
        <v>86</v>
      </c>
      <c r="Q38844">
        <v>16</v>
      </c>
      <c r="R38844">
        <v>16</v>
      </c>
      <c r="S38844">
        <v>16</v>
      </c>
      <c r="T38844">
        <v>17</v>
      </c>
      <c r="U38844">
        <v>17</v>
      </c>
      <c r="V38844">
        <v>17</v>
      </c>
      <c r="W38844">
        <v>18</v>
      </c>
      <c r="X38844">
        <v>18</v>
      </c>
      <c r="Y38844">
        <v>18</v>
      </c>
      <c r="Z38844">
        <v>18</v>
      </c>
      <c r="AA38844">
        <v>19</v>
      </c>
      <c r="AB38844">
        <v>19</v>
      </c>
      <c r="AC38844">
        <v>19</v>
      </c>
      <c r="AD38844">
        <v>19</v>
      </c>
      <c r="AE38844">
        <v>19</v>
      </c>
      <c r="AF38844">
        <v>19</v>
      </c>
      <c r="AG38844">
        <v>19</v>
      </c>
      <c r="AH38844">
        <v>19</v>
      </c>
      <c r="AI38844">
        <v>19</v>
      </c>
      <c r="AJ38844">
        <v>19</v>
      </c>
      <c r="AK38844">
        <v>19</v>
      </c>
      <c r="AL38844">
        <v>19</v>
      </c>
      <c r="AM38844">
        <v>19</v>
      </c>
      <c r="AN38844">
        <v>19</v>
      </c>
      <c r="AO38844">
        <v>19</v>
      </c>
      <c r="AP38844">
        <v>19</v>
      </c>
      <c r="AQ38844">
        <v>19</v>
      </c>
    </row>
    <row r="38845" spans="1:43">
      <c r="A38845" t="s">
        <v>24093</v>
      </c>
      <c r="B38845" t="s">
        <v>24094</v>
      </c>
      <c r="C38845" t="s">
        <v>24091</v>
      </c>
      <c r="D38845" t="s">
        <v>24092</v>
      </c>
      <c r="E38845" t="s">
        <v>23993</v>
      </c>
      <c r="F38845" t="s">
        <v>23994</v>
      </c>
      <c r="G38845" t="s">
        <v>11612</v>
      </c>
      <c r="H38845" t="s">
        <v>11613</v>
      </c>
      <c r="I38845" s="2">
        <v>0</v>
      </c>
      <c r="J38845" s="2">
        <v>0</v>
      </c>
      <c r="K38845" s="2">
        <v>1</v>
      </c>
      <c r="L38845" t="s">
        <v>995</v>
      </c>
      <c r="M38845" t="s">
        <v>83</v>
      </c>
      <c r="N38845" t="s">
        <v>91</v>
      </c>
      <c r="O38845" t="s">
        <v>85</v>
      </c>
      <c r="P38845" t="s">
        <v>86</v>
      </c>
      <c r="Q38845">
        <v>16</v>
      </c>
      <c r="R38845">
        <v>16</v>
      </c>
      <c r="S38845">
        <v>16</v>
      </c>
      <c r="T38845">
        <v>16</v>
      </c>
      <c r="U38845">
        <v>16</v>
      </c>
      <c r="V38845">
        <v>17</v>
      </c>
      <c r="W38845">
        <v>17</v>
      </c>
      <c r="X38845">
        <v>17</v>
      </c>
      <c r="Y38845">
        <v>17</v>
      </c>
      <c r="Z38845">
        <v>17</v>
      </c>
      <c r="AA38845">
        <v>18</v>
      </c>
      <c r="AB38845">
        <v>18</v>
      </c>
      <c r="AC38845">
        <v>18</v>
      </c>
      <c r="AD38845">
        <v>18</v>
      </c>
      <c r="AE38845">
        <v>18</v>
      </c>
      <c r="AF38845">
        <v>18</v>
      </c>
      <c r="AG38845">
        <v>18</v>
      </c>
      <c r="AH38845">
        <v>19</v>
      </c>
      <c r="AI38845">
        <v>19</v>
      </c>
      <c r="AJ38845">
        <v>19</v>
      </c>
      <c r="AK38845">
        <v>19</v>
      </c>
      <c r="AL38845">
        <v>19</v>
      </c>
      <c r="AM38845">
        <v>19</v>
      </c>
      <c r="AN38845">
        <v>19</v>
      </c>
      <c r="AO38845">
        <v>19</v>
      </c>
      <c r="AP38845">
        <v>19</v>
      </c>
      <c r="AQ38845">
        <v>19</v>
      </c>
    </row>
    <row r="38846" spans="1:43">
      <c r="A38846" t="s">
        <v>24095</v>
      </c>
      <c r="B38846" t="s">
        <v>24096</v>
      </c>
      <c r="C38846" t="s">
        <v>24097</v>
      </c>
      <c r="D38846" t="s">
        <v>24098</v>
      </c>
      <c r="E38846" t="s">
        <v>23993</v>
      </c>
      <c r="F38846" t="s">
        <v>23994</v>
      </c>
      <c r="G38846" t="s">
        <v>11612</v>
      </c>
      <c r="H38846" t="s">
        <v>11613</v>
      </c>
      <c r="I38846" s="2">
        <v>0</v>
      </c>
      <c r="J38846" s="2">
        <v>0</v>
      </c>
      <c r="K38846" s="2">
        <v>1</v>
      </c>
      <c r="L38846" t="s">
        <v>995</v>
      </c>
      <c r="M38846" t="s">
        <v>83</v>
      </c>
      <c r="N38846" t="s">
        <v>84</v>
      </c>
      <c r="O38846" t="s">
        <v>85</v>
      </c>
      <c r="P38846" t="s">
        <v>86</v>
      </c>
      <c r="Q38846">
        <v>7</v>
      </c>
      <c r="R38846">
        <v>8</v>
      </c>
      <c r="S38846">
        <v>8</v>
      </c>
      <c r="T38846">
        <v>8</v>
      </c>
      <c r="U38846">
        <v>8</v>
      </c>
      <c r="V38846">
        <v>8</v>
      </c>
      <c r="W38846">
        <v>8</v>
      </c>
      <c r="X38846">
        <v>8</v>
      </c>
      <c r="Y38846">
        <v>8</v>
      </c>
      <c r="Z38846">
        <v>8</v>
      </c>
      <c r="AA38846">
        <v>8</v>
      </c>
      <c r="AB38846">
        <v>8</v>
      </c>
      <c r="AC38846">
        <v>9</v>
      </c>
      <c r="AD38846">
        <v>9</v>
      </c>
      <c r="AE38846">
        <v>9</v>
      </c>
      <c r="AF38846">
        <v>9</v>
      </c>
      <c r="AG38846">
        <v>9</v>
      </c>
      <c r="AH38846">
        <v>9</v>
      </c>
      <c r="AI38846">
        <v>9</v>
      </c>
      <c r="AJ38846">
        <v>9</v>
      </c>
      <c r="AK38846">
        <v>9</v>
      </c>
      <c r="AL38846">
        <v>9</v>
      </c>
      <c r="AM38846">
        <v>9</v>
      </c>
      <c r="AN38846">
        <v>9</v>
      </c>
      <c r="AO38846">
        <v>9</v>
      </c>
      <c r="AP38846">
        <v>9</v>
      </c>
      <c r="AQ38846">
        <v>9</v>
      </c>
    </row>
    <row r="38847" spans="1:43">
      <c r="A38847" t="s">
        <v>24095</v>
      </c>
      <c r="B38847" t="s">
        <v>24096</v>
      </c>
      <c r="C38847" t="s">
        <v>24097</v>
      </c>
      <c r="D38847" t="s">
        <v>24098</v>
      </c>
      <c r="E38847" t="s">
        <v>23993</v>
      </c>
      <c r="F38847" t="s">
        <v>23994</v>
      </c>
      <c r="G38847" t="s">
        <v>11612</v>
      </c>
      <c r="H38847" t="s">
        <v>11613</v>
      </c>
      <c r="I38847" s="2">
        <v>0</v>
      </c>
      <c r="J38847" s="2">
        <v>0</v>
      </c>
      <c r="K38847" s="2">
        <v>1</v>
      </c>
      <c r="L38847" t="s">
        <v>995</v>
      </c>
      <c r="M38847" t="s">
        <v>87</v>
      </c>
      <c r="N38847" t="s">
        <v>88</v>
      </c>
      <c r="O38847" t="s">
        <v>85</v>
      </c>
      <c r="P38847" t="s">
        <v>86</v>
      </c>
      <c r="Q38847">
        <v>7</v>
      </c>
      <c r="R38847">
        <v>7</v>
      </c>
      <c r="S38847">
        <v>7</v>
      </c>
      <c r="T38847">
        <v>7</v>
      </c>
      <c r="U38847">
        <v>7</v>
      </c>
      <c r="V38847">
        <v>7</v>
      </c>
      <c r="W38847">
        <v>8</v>
      </c>
      <c r="X38847">
        <v>8</v>
      </c>
      <c r="Y38847">
        <v>8</v>
      </c>
      <c r="Z38847">
        <v>8</v>
      </c>
      <c r="AA38847">
        <v>8</v>
      </c>
      <c r="AB38847">
        <v>8</v>
      </c>
      <c r="AC38847">
        <v>8</v>
      </c>
      <c r="AD38847">
        <v>8</v>
      </c>
      <c r="AE38847">
        <v>8</v>
      </c>
      <c r="AF38847">
        <v>8</v>
      </c>
      <c r="AG38847">
        <v>8</v>
      </c>
      <c r="AH38847">
        <v>8</v>
      </c>
      <c r="AI38847">
        <v>8</v>
      </c>
      <c r="AJ38847">
        <v>8</v>
      </c>
      <c r="AK38847">
        <v>8</v>
      </c>
      <c r="AL38847">
        <v>8</v>
      </c>
      <c r="AM38847">
        <v>8</v>
      </c>
      <c r="AN38847">
        <v>8</v>
      </c>
      <c r="AO38847">
        <v>8</v>
      </c>
      <c r="AP38847">
        <v>8</v>
      </c>
      <c r="AQ38847">
        <v>8</v>
      </c>
    </row>
    <row r="38848" spans="1:43">
      <c r="A38848" t="s">
        <v>24095</v>
      </c>
      <c r="B38848" t="s">
        <v>24096</v>
      </c>
      <c r="C38848" t="s">
        <v>24097</v>
      </c>
      <c r="D38848" t="s">
        <v>24098</v>
      </c>
      <c r="E38848" t="s">
        <v>23993</v>
      </c>
      <c r="F38848" t="s">
        <v>23994</v>
      </c>
      <c r="G38848" t="s">
        <v>11612</v>
      </c>
      <c r="H38848" t="s">
        <v>11613</v>
      </c>
      <c r="I38848" s="2">
        <v>0</v>
      </c>
      <c r="J38848" s="2">
        <v>0</v>
      </c>
      <c r="K38848" s="2">
        <v>1</v>
      </c>
      <c r="L38848" t="s">
        <v>995</v>
      </c>
      <c r="M38848" t="s">
        <v>89</v>
      </c>
      <c r="N38848" t="s">
        <v>90</v>
      </c>
      <c r="O38848" t="s">
        <v>85</v>
      </c>
      <c r="P38848" t="s">
        <v>86</v>
      </c>
      <c r="Q38848">
        <v>7</v>
      </c>
      <c r="R38848">
        <v>8</v>
      </c>
      <c r="S38848">
        <v>8</v>
      </c>
      <c r="T38848">
        <v>8</v>
      </c>
      <c r="U38848">
        <v>8</v>
      </c>
      <c r="V38848">
        <v>8</v>
      </c>
      <c r="W38848">
        <v>8</v>
      </c>
      <c r="X38848">
        <v>9</v>
      </c>
      <c r="Y38848">
        <v>9</v>
      </c>
      <c r="Z38848">
        <v>9</v>
      </c>
      <c r="AA38848">
        <v>9</v>
      </c>
      <c r="AB38848">
        <v>9</v>
      </c>
      <c r="AC38848">
        <v>9</v>
      </c>
      <c r="AD38848">
        <v>9</v>
      </c>
      <c r="AE38848">
        <v>9</v>
      </c>
      <c r="AF38848">
        <v>9</v>
      </c>
      <c r="AG38848">
        <v>9</v>
      </c>
      <c r="AH38848">
        <v>9</v>
      </c>
      <c r="AI38848">
        <v>9</v>
      </c>
      <c r="AJ38848">
        <v>9</v>
      </c>
      <c r="AK38848">
        <v>9</v>
      </c>
      <c r="AL38848">
        <v>9</v>
      </c>
      <c r="AM38848">
        <v>9</v>
      </c>
      <c r="AN38848">
        <v>9</v>
      </c>
      <c r="AO38848">
        <v>9</v>
      </c>
      <c r="AP38848">
        <v>9</v>
      </c>
      <c r="AQ38848">
        <v>9</v>
      </c>
    </row>
    <row r="38849" spans="1:43">
      <c r="A38849" t="s">
        <v>24095</v>
      </c>
      <c r="B38849" t="s">
        <v>24096</v>
      </c>
      <c r="C38849" t="s">
        <v>24097</v>
      </c>
      <c r="D38849" t="s">
        <v>24098</v>
      </c>
      <c r="E38849" t="s">
        <v>23993</v>
      </c>
      <c r="F38849" t="s">
        <v>23994</v>
      </c>
      <c r="G38849" t="s">
        <v>11612</v>
      </c>
      <c r="H38849" t="s">
        <v>11613</v>
      </c>
      <c r="I38849" s="2">
        <v>0</v>
      </c>
      <c r="J38849" s="2">
        <v>0</v>
      </c>
      <c r="K38849" s="2">
        <v>1</v>
      </c>
      <c r="L38849" t="s">
        <v>995</v>
      </c>
      <c r="M38849" t="s">
        <v>83</v>
      </c>
      <c r="N38849" t="s">
        <v>91</v>
      </c>
      <c r="O38849" t="s">
        <v>85</v>
      </c>
      <c r="P38849" t="s">
        <v>86</v>
      </c>
      <c r="Q38849">
        <v>7</v>
      </c>
      <c r="R38849">
        <v>8</v>
      </c>
      <c r="S38849">
        <v>8</v>
      </c>
      <c r="T38849">
        <v>8</v>
      </c>
      <c r="U38849">
        <v>8</v>
      </c>
      <c r="V38849">
        <v>8</v>
      </c>
      <c r="W38849">
        <v>8</v>
      </c>
      <c r="X38849">
        <v>8</v>
      </c>
      <c r="Y38849">
        <v>8</v>
      </c>
      <c r="Z38849">
        <v>8</v>
      </c>
      <c r="AA38849">
        <v>8</v>
      </c>
      <c r="AB38849">
        <v>8</v>
      </c>
      <c r="AC38849">
        <v>9</v>
      </c>
      <c r="AD38849">
        <v>9</v>
      </c>
      <c r="AE38849">
        <v>9</v>
      </c>
      <c r="AF38849">
        <v>9</v>
      </c>
      <c r="AG38849">
        <v>9</v>
      </c>
      <c r="AH38849">
        <v>9</v>
      </c>
      <c r="AI38849">
        <v>9</v>
      </c>
      <c r="AJ38849">
        <v>9</v>
      </c>
      <c r="AK38849">
        <v>9</v>
      </c>
      <c r="AL38849">
        <v>9</v>
      </c>
      <c r="AM38849">
        <v>9</v>
      </c>
      <c r="AN38849">
        <v>9</v>
      </c>
      <c r="AO38849">
        <v>9</v>
      </c>
      <c r="AP38849">
        <v>9</v>
      </c>
      <c r="AQ38849">
        <v>9</v>
      </c>
    </row>
    <row r="38850" spans="1:43">
      <c r="A38850" t="s">
        <v>24099</v>
      </c>
      <c r="B38850" t="s">
        <v>24100</v>
      </c>
      <c r="C38850" t="s">
        <v>24091</v>
      </c>
      <c r="D38850" t="s">
        <v>24092</v>
      </c>
      <c r="E38850" t="s">
        <v>23993</v>
      </c>
      <c r="F38850" t="s">
        <v>23994</v>
      </c>
      <c r="G38850" t="s">
        <v>11612</v>
      </c>
      <c r="H38850" t="s">
        <v>11613</v>
      </c>
      <c r="I38850" s="2">
        <v>0</v>
      </c>
      <c r="J38850" s="2">
        <v>0</v>
      </c>
      <c r="K38850" s="2">
        <v>1</v>
      </c>
      <c r="L38850" t="s">
        <v>995</v>
      </c>
      <c r="M38850" t="s">
        <v>83</v>
      </c>
      <c r="N38850" t="s">
        <v>84</v>
      </c>
      <c r="O38850" t="s">
        <v>85</v>
      </c>
      <c r="P38850" t="s">
        <v>86</v>
      </c>
      <c r="Q38850">
        <v>8</v>
      </c>
      <c r="R38850">
        <v>8</v>
      </c>
      <c r="S38850">
        <v>8</v>
      </c>
      <c r="T38850">
        <v>8</v>
      </c>
      <c r="U38850">
        <v>9</v>
      </c>
      <c r="V38850">
        <v>9</v>
      </c>
      <c r="W38850">
        <v>9</v>
      </c>
      <c r="X38850">
        <v>9</v>
      </c>
      <c r="Y38850">
        <v>9</v>
      </c>
      <c r="Z38850">
        <v>9</v>
      </c>
      <c r="AA38850">
        <v>9</v>
      </c>
      <c r="AB38850">
        <v>9</v>
      </c>
      <c r="AC38850">
        <v>9</v>
      </c>
      <c r="AD38850">
        <v>9</v>
      </c>
      <c r="AE38850">
        <v>9</v>
      </c>
      <c r="AF38850">
        <v>9</v>
      </c>
      <c r="AG38850">
        <v>10</v>
      </c>
      <c r="AH38850">
        <v>10</v>
      </c>
      <c r="AI38850">
        <v>10</v>
      </c>
      <c r="AJ38850">
        <v>10</v>
      </c>
      <c r="AK38850">
        <v>10</v>
      </c>
      <c r="AL38850">
        <v>10</v>
      </c>
      <c r="AM38850">
        <v>10</v>
      </c>
      <c r="AN38850">
        <v>10</v>
      </c>
      <c r="AO38850">
        <v>10</v>
      </c>
      <c r="AP38850">
        <v>10</v>
      </c>
      <c r="AQ38850">
        <v>9</v>
      </c>
    </row>
    <row r="38851" spans="1:43">
      <c r="A38851" t="s">
        <v>24099</v>
      </c>
      <c r="B38851" t="s">
        <v>24100</v>
      </c>
      <c r="C38851" t="s">
        <v>24091</v>
      </c>
      <c r="D38851" t="s">
        <v>24092</v>
      </c>
      <c r="E38851" t="s">
        <v>23993</v>
      </c>
      <c r="F38851" t="s">
        <v>23994</v>
      </c>
      <c r="G38851" t="s">
        <v>11612</v>
      </c>
      <c r="H38851" t="s">
        <v>11613</v>
      </c>
      <c r="I38851" s="2">
        <v>0</v>
      </c>
      <c r="J38851" s="2">
        <v>0</v>
      </c>
      <c r="K38851" s="2">
        <v>1</v>
      </c>
      <c r="L38851" t="s">
        <v>995</v>
      </c>
      <c r="M38851" t="s">
        <v>87</v>
      </c>
      <c r="N38851" t="s">
        <v>88</v>
      </c>
      <c r="O38851" t="s">
        <v>85</v>
      </c>
      <c r="P38851" t="s">
        <v>86</v>
      </c>
      <c r="Q38851">
        <v>8</v>
      </c>
      <c r="R38851">
        <v>8</v>
      </c>
      <c r="S38851">
        <v>8</v>
      </c>
      <c r="T38851">
        <v>8</v>
      </c>
      <c r="U38851">
        <v>8</v>
      </c>
      <c r="V38851">
        <v>8</v>
      </c>
      <c r="W38851">
        <v>8</v>
      </c>
      <c r="X38851">
        <v>8</v>
      </c>
      <c r="Y38851">
        <v>8</v>
      </c>
      <c r="Z38851">
        <v>8</v>
      </c>
      <c r="AA38851">
        <v>8</v>
      </c>
      <c r="AB38851">
        <v>8</v>
      </c>
      <c r="AC38851">
        <v>8</v>
      </c>
      <c r="AD38851">
        <v>8</v>
      </c>
      <c r="AE38851">
        <v>8</v>
      </c>
      <c r="AF38851">
        <v>8</v>
      </c>
      <c r="AG38851">
        <v>8</v>
      </c>
      <c r="AH38851">
        <v>8</v>
      </c>
      <c r="AI38851">
        <v>8</v>
      </c>
      <c r="AJ38851">
        <v>8</v>
      </c>
      <c r="AK38851">
        <v>8</v>
      </c>
      <c r="AL38851">
        <v>8</v>
      </c>
      <c r="AM38851">
        <v>8</v>
      </c>
      <c r="AN38851">
        <v>8</v>
      </c>
      <c r="AO38851">
        <v>8</v>
      </c>
      <c r="AP38851">
        <v>8</v>
      </c>
      <c r="AQ38851">
        <v>8</v>
      </c>
    </row>
    <row r="38852" spans="1:43">
      <c r="A38852" t="s">
        <v>24099</v>
      </c>
      <c r="B38852" t="s">
        <v>24100</v>
      </c>
      <c r="C38852" t="s">
        <v>24091</v>
      </c>
      <c r="D38852" t="s">
        <v>24092</v>
      </c>
      <c r="E38852" t="s">
        <v>23993</v>
      </c>
      <c r="F38852" t="s">
        <v>23994</v>
      </c>
      <c r="G38852" t="s">
        <v>11612</v>
      </c>
      <c r="H38852" t="s">
        <v>11613</v>
      </c>
      <c r="I38852" s="2">
        <v>0</v>
      </c>
      <c r="J38852" s="2">
        <v>0</v>
      </c>
      <c r="K38852" s="2">
        <v>1</v>
      </c>
      <c r="L38852" t="s">
        <v>995</v>
      </c>
      <c r="M38852" t="s">
        <v>89</v>
      </c>
      <c r="N38852" t="s">
        <v>90</v>
      </c>
      <c r="O38852" t="s">
        <v>85</v>
      </c>
      <c r="P38852" t="s">
        <v>86</v>
      </c>
      <c r="Q38852">
        <v>8</v>
      </c>
      <c r="R38852">
        <v>8</v>
      </c>
      <c r="S38852">
        <v>9</v>
      </c>
      <c r="T38852">
        <v>9</v>
      </c>
      <c r="U38852">
        <v>9</v>
      </c>
      <c r="V38852">
        <v>9</v>
      </c>
      <c r="W38852">
        <v>9</v>
      </c>
      <c r="X38852">
        <v>9</v>
      </c>
      <c r="Y38852">
        <v>9</v>
      </c>
      <c r="Z38852">
        <v>10</v>
      </c>
      <c r="AA38852">
        <v>10</v>
      </c>
      <c r="AB38852">
        <v>10</v>
      </c>
      <c r="AC38852">
        <v>10</v>
      </c>
      <c r="AD38852">
        <v>10</v>
      </c>
      <c r="AE38852">
        <v>10</v>
      </c>
      <c r="AF38852">
        <v>10</v>
      </c>
      <c r="AG38852">
        <v>10</v>
      </c>
      <c r="AH38852">
        <v>10</v>
      </c>
      <c r="AI38852">
        <v>10</v>
      </c>
      <c r="AJ38852">
        <v>10</v>
      </c>
      <c r="AK38852">
        <v>10</v>
      </c>
      <c r="AL38852">
        <v>10</v>
      </c>
      <c r="AM38852">
        <v>10</v>
      </c>
      <c r="AN38852">
        <v>10</v>
      </c>
      <c r="AO38852">
        <v>10</v>
      </c>
      <c r="AP38852">
        <v>10</v>
      </c>
      <c r="AQ38852">
        <v>10</v>
      </c>
    </row>
    <row r="38853" spans="1:43">
      <c r="A38853" t="s">
        <v>24099</v>
      </c>
      <c r="B38853" t="s">
        <v>24100</v>
      </c>
      <c r="C38853" t="s">
        <v>24091</v>
      </c>
      <c r="D38853" t="s">
        <v>24092</v>
      </c>
      <c r="E38853" t="s">
        <v>23993</v>
      </c>
      <c r="F38853" t="s">
        <v>23994</v>
      </c>
      <c r="G38853" t="s">
        <v>11612</v>
      </c>
      <c r="H38853" t="s">
        <v>11613</v>
      </c>
      <c r="I38853" s="2">
        <v>0</v>
      </c>
      <c r="J38853" s="2">
        <v>0</v>
      </c>
      <c r="K38853" s="2">
        <v>1</v>
      </c>
      <c r="L38853" t="s">
        <v>995</v>
      </c>
      <c r="M38853" t="s">
        <v>83</v>
      </c>
      <c r="N38853" t="s">
        <v>91</v>
      </c>
      <c r="O38853" t="s">
        <v>85</v>
      </c>
      <c r="P38853" t="s">
        <v>86</v>
      </c>
      <c r="Q38853">
        <v>8</v>
      </c>
      <c r="R38853">
        <v>8</v>
      </c>
      <c r="S38853">
        <v>8</v>
      </c>
      <c r="T38853">
        <v>8</v>
      </c>
      <c r="U38853">
        <v>9</v>
      </c>
      <c r="V38853">
        <v>9</v>
      </c>
      <c r="W38853">
        <v>9</v>
      </c>
      <c r="X38853">
        <v>9</v>
      </c>
      <c r="Y38853">
        <v>9</v>
      </c>
      <c r="Z38853">
        <v>9</v>
      </c>
      <c r="AA38853">
        <v>9</v>
      </c>
      <c r="AB38853">
        <v>9</v>
      </c>
      <c r="AC38853">
        <v>9</v>
      </c>
      <c r="AD38853">
        <v>9</v>
      </c>
      <c r="AE38853">
        <v>9</v>
      </c>
      <c r="AF38853">
        <v>9</v>
      </c>
      <c r="AG38853">
        <v>10</v>
      </c>
      <c r="AH38853">
        <v>10</v>
      </c>
      <c r="AI38853">
        <v>10</v>
      </c>
      <c r="AJ38853">
        <v>10</v>
      </c>
      <c r="AK38853">
        <v>10</v>
      </c>
      <c r="AL38853">
        <v>10</v>
      </c>
      <c r="AM38853">
        <v>10</v>
      </c>
      <c r="AN38853">
        <v>10</v>
      </c>
      <c r="AO38853">
        <v>10</v>
      </c>
      <c r="AP38853">
        <v>10</v>
      </c>
      <c r="AQ38853">
        <v>9</v>
      </c>
    </row>
    <row r="38854" spans="1:43">
      <c r="A38854" t="s">
        <v>24101</v>
      </c>
      <c r="B38854" t="s">
        <v>24102</v>
      </c>
      <c r="C38854" t="s">
        <v>24097</v>
      </c>
      <c r="D38854" t="s">
        <v>24098</v>
      </c>
      <c r="E38854" t="s">
        <v>23993</v>
      </c>
      <c r="F38854" t="s">
        <v>23994</v>
      </c>
      <c r="G38854" t="s">
        <v>11612</v>
      </c>
      <c r="H38854" t="s">
        <v>11613</v>
      </c>
      <c r="I38854" s="2">
        <v>0</v>
      </c>
      <c r="J38854" s="2">
        <v>0</v>
      </c>
      <c r="K38854" s="2">
        <v>1</v>
      </c>
      <c r="L38854" t="s">
        <v>995</v>
      </c>
      <c r="M38854" t="s">
        <v>83</v>
      </c>
      <c r="N38854" t="s">
        <v>84</v>
      </c>
      <c r="O38854" t="s">
        <v>85</v>
      </c>
      <c r="P38854" t="s">
        <v>86</v>
      </c>
      <c r="Q38854">
        <v>32</v>
      </c>
      <c r="R38854">
        <v>33</v>
      </c>
      <c r="S38854">
        <v>33</v>
      </c>
      <c r="T38854">
        <v>34</v>
      </c>
      <c r="U38854">
        <v>34</v>
      </c>
      <c r="V38854">
        <v>34</v>
      </c>
      <c r="W38854">
        <v>35</v>
      </c>
      <c r="X38854">
        <v>35</v>
      </c>
      <c r="Y38854">
        <v>36</v>
      </c>
      <c r="Z38854">
        <v>36</v>
      </c>
      <c r="AA38854">
        <v>36</v>
      </c>
      <c r="AB38854">
        <v>36</v>
      </c>
      <c r="AC38854">
        <v>37</v>
      </c>
      <c r="AD38854">
        <v>37</v>
      </c>
      <c r="AE38854">
        <v>37</v>
      </c>
      <c r="AF38854">
        <v>38</v>
      </c>
      <c r="AG38854">
        <v>38</v>
      </c>
      <c r="AH38854">
        <v>38</v>
      </c>
      <c r="AI38854">
        <v>38</v>
      </c>
      <c r="AJ38854">
        <v>38</v>
      </c>
      <c r="AK38854">
        <v>39</v>
      </c>
      <c r="AL38854">
        <v>39</v>
      </c>
      <c r="AM38854">
        <v>38</v>
      </c>
      <c r="AN38854">
        <v>38</v>
      </c>
      <c r="AO38854">
        <v>38</v>
      </c>
      <c r="AP38854">
        <v>38</v>
      </c>
      <c r="AQ38854">
        <v>38</v>
      </c>
    </row>
    <row r="38855" spans="1:43">
      <c r="A38855" t="s">
        <v>24101</v>
      </c>
      <c r="B38855" t="s">
        <v>24102</v>
      </c>
      <c r="C38855" t="s">
        <v>24097</v>
      </c>
      <c r="D38855" t="s">
        <v>24098</v>
      </c>
      <c r="E38855" t="s">
        <v>23993</v>
      </c>
      <c r="F38855" t="s">
        <v>23994</v>
      </c>
      <c r="G38855" t="s">
        <v>11612</v>
      </c>
      <c r="H38855" t="s">
        <v>11613</v>
      </c>
      <c r="I38855" s="2">
        <v>0</v>
      </c>
      <c r="J38855" s="2">
        <v>0</v>
      </c>
      <c r="K38855" s="2">
        <v>1</v>
      </c>
      <c r="L38855" t="s">
        <v>995</v>
      </c>
      <c r="M38855" t="s">
        <v>87</v>
      </c>
      <c r="N38855" t="s">
        <v>88</v>
      </c>
      <c r="O38855" t="s">
        <v>85</v>
      </c>
      <c r="P38855" t="s">
        <v>86</v>
      </c>
      <c r="Q38855">
        <v>32</v>
      </c>
      <c r="R38855">
        <v>32</v>
      </c>
      <c r="S38855">
        <v>32</v>
      </c>
      <c r="T38855">
        <v>32</v>
      </c>
      <c r="U38855">
        <v>33</v>
      </c>
      <c r="V38855">
        <v>33</v>
      </c>
      <c r="W38855">
        <v>33</v>
      </c>
      <c r="X38855">
        <v>33</v>
      </c>
      <c r="Y38855">
        <v>33</v>
      </c>
      <c r="Z38855">
        <v>33</v>
      </c>
      <c r="AA38855">
        <v>33</v>
      </c>
      <c r="AB38855">
        <v>33</v>
      </c>
      <c r="AC38855">
        <v>33</v>
      </c>
      <c r="AD38855">
        <v>33</v>
      </c>
      <c r="AE38855">
        <v>33</v>
      </c>
      <c r="AF38855">
        <v>33</v>
      </c>
      <c r="AG38855">
        <v>33</v>
      </c>
      <c r="AH38855">
        <v>33</v>
      </c>
      <c r="AI38855">
        <v>33</v>
      </c>
      <c r="AJ38855">
        <v>33</v>
      </c>
      <c r="AK38855">
        <v>33</v>
      </c>
      <c r="AL38855">
        <v>33</v>
      </c>
      <c r="AM38855">
        <v>33</v>
      </c>
      <c r="AN38855">
        <v>33</v>
      </c>
      <c r="AO38855">
        <v>33</v>
      </c>
      <c r="AP38855">
        <v>33</v>
      </c>
      <c r="AQ38855">
        <v>33</v>
      </c>
    </row>
    <row r="38856" spans="1:43">
      <c r="A38856" t="s">
        <v>24101</v>
      </c>
      <c r="B38856" t="s">
        <v>24102</v>
      </c>
      <c r="C38856" t="s">
        <v>24097</v>
      </c>
      <c r="D38856" t="s">
        <v>24098</v>
      </c>
      <c r="E38856" t="s">
        <v>23993</v>
      </c>
      <c r="F38856" t="s">
        <v>23994</v>
      </c>
      <c r="G38856" t="s">
        <v>11612</v>
      </c>
      <c r="H38856" t="s">
        <v>11613</v>
      </c>
      <c r="I38856" s="2">
        <v>0</v>
      </c>
      <c r="J38856" s="2">
        <v>0</v>
      </c>
      <c r="K38856" s="2">
        <v>1</v>
      </c>
      <c r="L38856" t="s">
        <v>995</v>
      </c>
      <c r="M38856" t="s">
        <v>89</v>
      </c>
      <c r="N38856" t="s">
        <v>90</v>
      </c>
      <c r="O38856" t="s">
        <v>85</v>
      </c>
      <c r="P38856" t="s">
        <v>86</v>
      </c>
      <c r="Q38856">
        <v>32</v>
      </c>
      <c r="R38856">
        <v>32</v>
      </c>
      <c r="S38856">
        <v>33</v>
      </c>
      <c r="T38856">
        <v>34</v>
      </c>
      <c r="U38856">
        <v>34</v>
      </c>
      <c r="V38856">
        <v>35</v>
      </c>
      <c r="W38856">
        <v>36</v>
      </c>
      <c r="X38856">
        <v>36</v>
      </c>
      <c r="Y38856">
        <v>37</v>
      </c>
      <c r="Z38856">
        <v>37</v>
      </c>
      <c r="AA38856">
        <v>38</v>
      </c>
      <c r="AB38856">
        <v>38</v>
      </c>
      <c r="AC38856">
        <v>38</v>
      </c>
      <c r="AD38856">
        <v>39</v>
      </c>
      <c r="AE38856">
        <v>39</v>
      </c>
      <c r="AF38856">
        <v>39</v>
      </c>
      <c r="AG38856">
        <v>39</v>
      </c>
      <c r="AH38856">
        <v>39</v>
      </c>
      <c r="AI38856">
        <v>38</v>
      </c>
      <c r="AJ38856">
        <v>38</v>
      </c>
      <c r="AK38856">
        <v>38</v>
      </c>
      <c r="AL38856">
        <v>38</v>
      </c>
      <c r="AM38856">
        <v>38</v>
      </c>
      <c r="AN38856">
        <v>38</v>
      </c>
      <c r="AO38856">
        <v>37</v>
      </c>
      <c r="AP38856">
        <v>37</v>
      </c>
      <c r="AQ38856">
        <v>37</v>
      </c>
    </row>
    <row r="38857" spans="1:43">
      <c r="A38857" t="s">
        <v>24101</v>
      </c>
      <c r="B38857" t="s">
        <v>24102</v>
      </c>
      <c r="C38857" t="s">
        <v>24097</v>
      </c>
      <c r="D38857" t="s">
        <v>24098</v>
      </c>
      <c r="E38857" t="s">
        <v>23993</v>
      </c>
      <c r="F38857" t="s">
        <v>23994</v>
      </c>
      <c r="G38857" t="s">
        <v>11612</v>
      </c>
      <c r="H38857" t="s">
        <v>11613</v>
      </c>
      <c r="I38857" s="2">
        <v>0</v>
      </c>
      <c r="J38857" s="2">
        <v>0</v>
      </c>
      <c r="K38857" s="2">
        <v>1</v>
      </c>
      <c r="L38857" t="s">
        <v>995</v>
      </c>
      <c r="M38857" t="s">
        <v>83</v>
      </c>
      <c r="N38857" t="s">
        <v>91</v>
      </c>
      <c r="O38857" t="s">
        <v>85</v>
      </c>
      <c r="P38857" t="s">
        <v>86</v>
      </c>
      <c r="Q38857">
        <v>32</v>
      </c>
      <c r="R38857">
        <v>33</v>
      </c>
      <c r="S38857">
        <v>33</v>
      </c>
      <c r="T38857">
        <v>34</v>
      </c>
      <c r="U38857">
        <v>34</v>
      </c>
      <c r="V38857">
        <v>34</v>
      </c>
      <c r="W38857">
        <v>35</v>
      </c>
      <c r="X38857">
        <v>35</v>
      </c>
      <c r="Y38857">
        <v>36</v>
      </c>
      <c r="Z38857">
        <v>36</v>
      </c>
      <c r="AA38857">
        <v>36</v>
      </c>
      <c r="AB38857">
        <v>36</v>
      </c>
      <c r="AC38857">
        <v>37</v>
      </c>
      <c r="AD38857">
        <v>37</v>
      </c>
      <c r="AE38857">
        <v>37</v>
      </c>
      <c r="AF38857">
        <v>38</v>
      </c>
      <c r="AG38857">
        <v>38</v>
      </c>
      <c r="AH38857">
        <v>38</v>
      </c>
      <c r="AI38857">
        <v>38</v>
      </c>
      <c r="AJ38857">
        <v>38</v>
      </c>
      <c r="AK38857">
        <v>39</v>
      </c>
      <c r="AL38857">
        <v>39</v>
      </c>
      <c r="AM38857">
        <v>38</v>
      </c>
      <c r="AN38857">
        <v>38</v>
      </c>
      <c r="AO38857">
        <v>38</v>
      </c>
      <c r="AP38857">
        <v>38</v>
      </c>
      <c r="AQ38857">
        <v>38</v>
      </c>
    </row>
    <row r="38858" spans="1:43">
      <c r="A38858" t="s">
        <v>24103</v>
      </c>
      <c r="B38858" t="s">
        <v>24104</v>
      </c>
      <c r="C38858" t="s">
        <v>24071</v>
      </c>
      <c r="D38858" t="s">
        <v>24072</v>
      </c>
      <c r="E38858" t="s">
        <v>23993</v>
      </c>
      <c r="F38858" t="s">
        <v>23994</v>
      </c>
      <c r="G38858" t="s">
        <v>11612</v>
      </c>
      <c r="H38858" t="s">
        <v>11613</v>
      </c>
      <c r="I38858" s="2">
        <v>0</v>
      </c>
      <c r="J38858" s="2">
        <v>0</v>
      </c>
      <c r="K38858" s="2">
        <v>1</v>
      </c>
      <c r="L38858" t="s">
        <v>995</v>
      </c>
      <c r="M38858" t="s">
        <v>83</v>
      </c>
      <c r="N38858" t="s">
        <v>84</v>
      </c>
      <c r="O38858" t="s">
        <v>85</v>
      </c>
      <c r="P38858" t="s">
        <v>86</v>
      </c>
      <c r="Q38858">
        <v>43</v>
      </c>
      <c r="R38858">
        <v>44</v>
      </c>
      <c r="S38858">
        <v>44</v>
      </c>
      <c r="T38858">
        <v>45</v>
      </c>
      <c r="U38858">
        <v>45</v>
      </c>
      <c r="V38858">
        <v>46</v>
      </c>
      <c r="W38858">
        <v>46</v>
      </c>
      <c r="X38858">
        <v>47</v>
      </c>
      <c r="Y38858">
        <v>47</v>
      </c>
      <c r="Z38858">
        <v>48</v>
      </c>
      <c r="AA38858">
        <v>48</v>
      </c>
      <c r="AB38858">
        <v>49</v>
      </c>
      <c r="AC38858">
        <v>49</v>
      </c>
      <c r="AD38858">
        <v>50</v>
      </c>
      <c r="AE38858">
        <v>50</v>
      </c>
      <c r="AF38858">
        <v>50</v>
      </c>
      <c r="AG38858">
        <v>51</v>
      </c>
      <c r="AH38858">
        <v>51</v>
      </c>
      <c r="AI38858">
        <v>51</v>
      </c>
      <c r="AJ38858">
        <v>51</v>
      </c>
      <c r="AK38858">
        <v>52</v>
      </c>
      <c r="AL38858">
        <v>52</v>
      </c>
      <c r="AM38858">
        <v>51</v>
      </c>
      <c r="AN38858">
        <v>51</v>
      </c>
      <c r="AO38858">
        <v>51</v>
      </c>
      <c r="AP38858">
        <v>51</v>
      </c>
      <c r="AQ38858">
        <v>50</v>
      </c>
    </row>
    <row r="38859" spans="1:43">
      <c r="A38859" t="s">
        <v>24103</v>
      </c>
      <c r="B38859" t="s">
        <v>24104</v>
      </c>
      <c r="C38859" t="s">
        <v>24071</v>
      </c>
      <c r="D38859" t="s">
        <v>24072</v>
      </c>
      <c r="E38859" t="s">
        <v>23993</v>
      </c>
      <c r="F38859" t="s">
        <v>23994</v>
      </c>
      <c r="G38859" t="s">
        <v>11612</v>
      </c>
      <c r="H38859" t="s">
        <v>11613</v>
      </c>
      <c r="I38859" s="2">
        <v>0</v>
      </c>
      <c r="J38859" s="2">
        <v>0</v>
      </c>
      <c r="K38859" s="2">
        <v>1</v>
      </c>
      <c r="L38859" t="s">
        <v>995</v>
      </c>
      <c r="M38859" t="s">
        <v>87</v>
      </c>
      <c r="N38859" t="s">
        <v>88</v>
      </c>
      <c r="O38859" t="s">
        <v>85</v>
      </c>
      <c r="P38859" t="s">
        <v>86</v>
      </c>
      <c r="Q38859">
        <v>43</v>
      </c>
      <c r="R38859">
        <v>43</v>
      </c>
      <c r="S38859">
        <v>43</v>
      </c>
      <c r="T38859">
        <v>43</v>
      </c>
      <c r="U38859">
        <v>43</v>
      </c>
      <c r="V38859">
        <v>44</v>
      </c>
      <c r="W38859">
        <v>44</v>
      </c>
      <c r="X38859">
        <v>44</v>
      </c>
      <c r="Y38859">
        <v>44</v>
      </c>
      <c r="Z38859">
        <v>44</v>
      </c>
      <c r="AA38859">
        <v>44</v>
      </c>
      <c r="AB38859">
        <v>44</v>
      </c>
      <c r="AC38859">
        <v>44</v>
      </c>
      <c r="AD38859">
        <v>44</v>
      </c>
      <c r="AE38859">
        <v>44</v>
      </c>
      <c r="AF38859">
        <v>44</v>
      </c>
      <c r="AG38859">
        <v>44</v>
      </c>
      <c r="AH38859">
        <v>44</v>
      </c>
      <c r="AI38859">
        <v>44</v>
      </c>
      <c r="AJ38859">
        <v>44</v>
      </c>
      <c r="AK38859">
        <v>44</v>
      </c>
      <c r="AL38859">
        <v>44</v>
      </c>
      <c r="AM38859">
        <v>44</v>
      </c>
      <c r="AN38859">
        <v>44</v>
      </c>
      <c r="AO38859">
        <v>44</v>
      </c>
      <c r="AP38859">
        <v>44</v>
      </c>
      <c r="AQ38859">
        <v>44</v>
      </c>
    </row>
    <row r="38860" spans="1:43">
      <c r="A38860" t="s">
        <v>24103</v>
      </c>
      <c r="B38860" t="s">
        <v>24104</v>
      </c>
      <c r="C38860" t="s">
        <v>24071</v>
      </c>
      <c r="D38860" t="s">
        <v>24072</v>
      </c>
      <c r="E38860" t="s">
        <v>23993</v>
      </c>
      <c r="F38860" t="s">
        <v>23994</v>
      </c>
      <c r="G38860" t="s">
        <v>11612</v>
      </c>
      <c r="H38860" t="s">
        <v>11613</v>
      </c>
      <c r="I38860" s="2">
        <v>0</v>
      </c>
      <c r="J38860" s="2">
        <v>0</v>
      </c>
      <c r="K38860" s="2">
        <v>1</v>
      </c>
      <c r="L38860" t="s">
        <v>995</v>
      </c>
      <c r="M38860" t="s">
        <v>89</v>
      </c>
      <c r="N38860" t="s">
        <v>90</v>
      </c>
      <c r="O38860" t="s">
        <v>85</v>
      </c>
      <c r="P38860" t="s">
        <v>86</v>
      </c>
      <c r="Q38860">
        <v>43</v>
      </c>
      <c r="R38860">
        <v>44</v>
      </c>
      <c r="S38860">
        <v>45</v>
      </c>
      <c r="T38860">
        <v>45</v>
      </c>
      <c r="U38860">
        <v>46</v>
      </c>
      <c r="V38860">
        <v>47</v>
      </c>
      <c r="W38860">
        <v>48</v>
      </c>
      <c r="X38860">
        <v>49</v>
      </c>
      <c r="Y38860">
        <v>49</v>
      </c>
      <c r="Z38860">
        <v>50</v>
      </c>
      <c r="AA38860">
        <v>50</v>
      </c>
      <c r="AB38860">
        <v>51</v>
      </c>
      <c r="AC38860">
        <v>52</v>
      </c>
      <c r="AD38860">
        <v>52</v>
      </c>
      <c r="AE38860">
        <v>52</v>
      </c>
      <c r="AF38860">
        <v>52</v>
      </c>
      <c r="AG38860">
        <v>52</v>
      </c>
      <c r="AH38860">
        <v>52</v>
      </c>
      <c r="AI38860">
        <v>52</v>
      </c>
      <c r="AJ38860">
        <v>51</v>
      </c>
      <c r="AK38860">
        <v>51</v>
      </c>
      <c r="AL38860">
        <v>51</v>
      </c>
      <c r="AM38860">
        <v>51</v>
      </c>
      <c r="AN38860">
        <v>50</v>
      </c>
      <c r="AO38860">
        <v>50</v>
      </c>
      <c r="AP38860">
        <v>50</v>
      </c>
      <c r="AQ38860">
        <v>50</v>
      </c>
    </row>
    <row r="38861" spans="1:43">
      <c r="A38861" t="s">
        <v>24103</v>
      </c>
      <c r="B38861" t="s">
        <v>24104</v>
      </c>
      <c r="C38861" t="s">
        <v>24071</v>
      </c>
      <c r="D38861" t="s">
        <v>24072</v>
      </c>
      <c r="E38861" t="s">
        <v>23993</v>
      </c>
      <c r="F38861" t="s">
        <v>23994</v>
      </c>
      <c r="G38861" t="s">
        <v>11612</v>
      </c>
      <c r="H38861" t="s">
        <v>11613</v>
      </c>
      <c r="I38861" s="2">
        <v>0</v>
      </c>
      <c r="J38861" s="2">
        <v>0</v>
      </c>
      <c r="K38861" s="2">
        <v>1</v>
      </c>
      <c r="L38861" t="s">
        <v>995</v>
      </c>
      <c r="M38861" t="s">
        <v>83</v>
      </c>
      <c r="N38861" t="s">
        <v>91</v>
      </c>
      <c r="O38861" t="s">
        <v>85</v>
      </c>
      <c r="P38861" t="s">
        <v>86</v>
      </c>
      <c r="Q38861">
        <v>43</v>
      </c>
      <c r="R38861">
        <v>44</v>
      </c>
      <c r="S38861">
        <v>44</v>
      </c>
      <c r="T38861">
        <v>45</v>
      </c>
      <c r="U38861">
        <v>45</v>
      </c>
      <c r="V38861">
        <v>46</v>
      </c>
      <c r="W38861">
        <v>46</v>
      </c>
      <c r="X38861">
        <v>47</v>
      </c>
      <c r="Y38861">
        <v>47</v>
      </c>
      <c r="Z38861">
        <v>48</v>
      </c>
      <c r="AA38861">
        <v>48</v>
      </c>
      <c r="AB38861">
        <v>49</v>
      </c>
      <c r="AC38861">
        <v>49</v>
      </c>
      <c r="AD38861">
        <v>50</v>
      </c>
      <c r="AE38861">
        <v>50</v>
      </c>
      <c r="AF38861">
        <v>50</v>
      </c>
      <c r="AG38861">
        <v>51</v>
      </c>
      <c r="AH38861">
        <v>51</v>
      </c>
      <c r="AI38861">
        <v>51</v>
      </c>
      <c r="AJ38861">
        <v>51</v>
      </c>
      <c r="AK38861">
        <v>52</v>
      </c>
      <c r="AL38861">
        <v>52</v>
      </c>
      <c r="AM38861">
        <v>51</v>
      </c>
      <c r="AN38861">
        <v>51</v>
      </c>
      <c r="AO38861">
        <v>51</v>
      </c>
      <c r="AP38861">
        <v>51</v>
      </c>
      <c r="AQ38861">
        <v>50</v>
      </c>
    </row>
    <row r="38862" spans="1:43">
      <c r="A38862" t="s">
        <v>24105</v>
      </c>
      <c r="B38862" t="s">
        <v>24106</v>
      </c>
      <c r="C38862" t="s">
        <v>24091</v>
      </c>
      <c r="D38862" t="s">
        <v>24092</v>
      </c>
      <c r="E38862" t="s">
        <v>23993</v>
      </c>
      <c r="F38862" t="s">
        <v>23994</v>
      </c>
      <c r="G38862" t="s">
        <v>11612</v>
      </c>
      <c r="H38862" t="s">
        <v>11613</v>
      </c>
      <c r="I38862" s="2">
        <v>0</v>
      </c>
      <c r="J38862" s="2">
        <v>0</v>
      </c>
      <c r="K38862" s="2">
        <v>1</v>
      </c>
      <c r="L38862" t="s">
        <v>995</v>
      </c>
      <c r="M38862" t="s">
        <v>83</v>
      </c>
      <c r="N38862" t="s">
        <v>84</v>
      </c>
      <c r="O38862" t="s">
        <v>85</v>
      </c>
      <c r="P38862" t="s">
        <v>86</v>
      </c>
      <c r="Q38862">
        <v>8</v>
      </c>
      <c r="R38862">
        <v>8</v>
      </c>
      <c r="S38862">
        <v>8</v>
      </c>
      <c r="T38862">
        <v>8</v>
      </c>
      <c r="U38862">
        <v>8</v>
      </c>
      <c r="V38862">
        <v>8</v>
      </c>
      <c r="W38862">
        <v>8</v>
      </c>
      <c r="X38862">
        <v>8</v>
      </c>
      <c r="Y38862">
        <v>8</v>
      </c>
      <c r="Z38862">
        <v>8</v>
      </c>
      <c r="AA38862">
        <v>8</v>
      </c>
      <c r="AB38862">
        <v>9</v>
      </c>
      <c r="AC38862">
        <v>9</v>
      </c>
      <c r="AD38862">
        <v>9</v>
      </c>
      <c r="AE38862">
        <v>9</v>
      </c>
      <c r="AF38862">
        <v>9</v>
      </c>
      <c r="AG38862">
        <v>9</v>
      </c>
      <c r="AH38862">
        <v>9</v>
      </c>
      <c r="AI38862">
        <v>9</v>
      </c>
      <c r="AJ38862">
        <v>9</v>
      </c>
      <c r="AK38862">
        <v>9</v>
      </c>
      <c r="AL38862">
        <v>9</v>
      </c>
      <c r="AM38862">
        <v>9</v>
      </c>
      <c r="AN38862">
        <v>9</v>
      </c>
      <c r="AO38862">
        <v>9</v>
      </c>
      <c r="AP38862">
        <v>9</v>
      </c>
      <c r="AQ38862">
        <v>9</v>
      </c>
    </row>
    <row r="38863" spans="1:43">
      <c r="A38863" t="s">
        <v>24105</v>
      </c>
      <c r="B38863" t="s">
        <v>24106</v>
      </c>
      <c r="C38863" t="s">
        <v>24091</v>
      </c>
      <c r="D38863" t="s">
        <v>24092</v>
      </c>
      <c r="E38863" t="s">
        <v>23993</v>
      </c>
      <c r="F38863" t="s">
        <v>23994</v>
      </c>
      <c r="G38863" t="s">
        <v>11612</v>
      </c>
      <c r="H38863" t="s">
        <v>11613</v>
      </c>
      <c r="I38863" s="2">
        <v>0</v>
      </c>
      <c r="J38863" s="2">
        <v>0</v>
      </c>
      <c r="K38863" s="2">
        <v>1</v>
      </c>
      <c r="L38863" t="s">
        <v>995</v>
      </c>
      <c r="M38863" t="s">
        <v>87</v>
      </c>
      <c r="N38863" t="s">
        <v>88</v>
      </c>
      <c r="O38863" t="s">
        <v>85</v>
      </c>
      <c r="P38863" t="s">
        <v>86</v>
      </c>
      <c r="Q38863">
        <v>8</v>
      </c>
      <c r="R38863">
        <v>9</v>
      </c>
      <c r="S38863">
        <v>9</v>
      </c>
      <c r="T38863">
        <v>9</v>
      </c>
      <c r="U38863">
        <v>9</v>
      </c>
      <c r="V38863">
        <v>9</v>
      </c>
      <c r="W38863">
        <v>9</v>
      </c>
      <c r="X38863">
        <v>9</v>
      </c>
      <c r="Y38863">
        <v>9</v>
      </c>
      <c r="Z38863">
        <v>9</v>
      </c>
      <c r="AA38863">
        <v>9</v>
      </c>
      <c r="AB38863">
        <v>9</v>
      </c>
      <c r="AC38863">
        <v>9</v>
      </c>
      <c r="AD38863">
        <v>9</v>
      </c>
      <c r="AE38863">
        <v>9</v>
      </c>
      <c r="AF38863">
        <v>9</v>
      </c>
      <c r="AG38863">
        <v>9</v>
      </c>
      <c r="AH38863">
        <v>9</v>
      </c>
      <c r="AI38863">
        <v>9</v>
      </c>
      <c r="AJ38863">
        <v>9</v>
      </c>
      <c r="AK38863">
        <v>9</v>
      </c>
      <c r="AL38863">
        <v>9</v>
      </c>
      <c r="AM38863">
        <v>9</v>
      </c>
      <c r="AN38863">
        <v>9</v>
      </c>
      <c r="AO38863">
        <v>9</v>
      </c>
      <c r="AP38863">
        <v>9</v>
      </c>
      <c r="AQ38863">
        <v>9</v>
      </c>
    </row>
    <row r="38864" spans="1:43">
      <c r="A38864" t="s">
        <v>24105</v>
      </c>
      <c r="B38864" t="s">
        <v>24106</v>
      </c>
      <c r="C38864" t="s">
        <v>24091</v>
      </c>
      <c r="D38864" t="s">
        <v>24092</v>
      </c>
      <c r="E38864" t="s">
        <v>23993</v>
      </c>
      <c r="F38864" t="s">
        <v>23994</v>
      </c>
      <c r="G38864" t="s">
        <v>11612</v>
      </c>
      <c r="H38864" t="s">
        <v>11613</v>
      </c>
      <c r="I38864" s="2">
        <v>0</v>
      </c>
      <c r="J38864" s="2">
        <v>0</v>
      </c>
      <c r="K38864" s="2">
        <v>1</v>
      </c>
      <c r="L38864" t="s">
        <v>995</v>
      </c>
      <c r="M38864" t="s">
        <v>89</v>
      </c>
      <c r="N38864" t="s">
        <v>90</v>
      </c>
      <c r="O38864" t="s">
        <v>85</v>
      </c>
      <c r="P38864" t="s">
        <v>86</v>
      </c>
      <c r="Q38864">
        <v>8</v>
      </c>
      <c r="R38864">
        <v>8</v>
      </c>
      <c r="S38864">
        <v>8</v>
      </c>
      <c r="T38864">
        <v>8</v>
      </c>
      <c r="U38864">
        <v>8</v>
      </c>
      <c r="V38864">
        <v>8</v>
      </c>
      <c r="W38864">
        <v>9</v>
      </c>
      <c r="X38864">
        <v>9</v>
      </c>
      <c r="Y38864">
        <v>9</v>
      </c>
      <c r="Z38864">
        <v>9</v>
      </c>
      <c r="AA38864">
        <v>9</v>
      </c>
      <c r="AB38864">
        <v>9</v>
      </c>
      <c r="AC38864">
        <v>9</v>
      </c>
      <c r="AD38864">
        <v>9</v>
      </c>
      <c r="AE38864">
        <v>9</v>
      </c>
      <c r="AF38864">
        <v>9</v>
      </c>
      <c r="AG38864">
        <v>9</v>
      </c>
      <c r="AH38864">
        <v>9</v>
      </c>
      <c r="AI38864">
        <v>9</v>
      </c>
      <c r="AJ38864">
        <v>9</v>
      </c>
      <c r="AK38864">
        <v>9</v>
      </c>
      <c r="AL38864">
        <v>9</v>
      </c>
      <c r="AM38864">
        <v>9</v>
      </c>
      <c r="AN38864">
        <v>9</v>
      </c>
      <c r="AO38864">
        <v>9</v>
      </c>
      <c r="AP38864">
        <v>9</v>
      </c>
      <c r="AQ38864">
        <v>9</v>
      </c>
    </row>
    <row r="38865" spans="1:43">
      <c r="A38865" t="s">
        <v>24105</v>
      </c>
      <c r="B38865" t="s">
        <v>24106</v>
      </c>
      <c r="C38865" t="s">
        <v>24091</v>
      </c>
      <c r="D38865" t="s">
        <v>24092</v>
      </c>
      <c r="E38865" t="s">
        <v>23993</v>
      </c>
      <c r="F38865" t="s">
        <v>23994</v>
      </c>
      <c r="G38865" t="s">
        <v>11612</v>
      </c>
      <c r="H38865" t="s">
        <v>11613</v>
      </c>
      <c r="I38865" s="2">
        <v>0</v>
      </c>
      <c r="J38865" s="2">
        <v>0</v>
      </c>
      <c r="K38865" s="2">
        <v>1</v>
      </c>
      <c r="L38865" t="s">
        <v>995</v>
      </c>
      <c r="M38865" t="s">
        <v>83</v>
      </c>
      <c r="N38865" t="s">
        <v>91</v>
      </c>
      <c r="O38865" t="s">
        <v>85</v>
      </c>
      <c r="P38865" t="s">
        <v>86</v>
      </c>
      <c r="Q38865">
        <v>8</v>
      </c>
      <c r="R38865">
        <v>8</v>
      </c>
      <c r="S38865">
        <v>8</v>
      </c>
      <c r="T38865">
        <v>8</v>
      </c>
      <c r="U38865">
        <v>8</v>
      </c>
      <c r="V38865">
        <v>8</v>
      </c>
      <c r="W38865">
        <v>8</v>
      </c>
      <c r="X38865">
        <v>8</v>
      </c>
      <c r="Y38865">
        <v>8</v>
      </c>
      <c r="Z38865">
        <v>8</v>
      </c>
      <c r="AA38865">
        <v>8</v>
      </c>
      <c r="AB38865">
        <v>9</v>
      </c>
      <c r="AC38865">
        <v>9</v>
      </c>
      <c r="AD38865">
        <v>9</v>
      </c>
      <c r="AE38865">
        <v>9</v>
      </c>
      <c r="AF38865">
        <v>9</v>
      </c>
      <c r="AG38865">
        <v>9</v>
      </c>
      <c r="AH38865">
        <v>9</v>
      </c>
      <c r="AI38865">
        <v>9</v>
      </c>
      <c r="AJ38865">
        <v>9</v>
      </c>
      <c r="AK38865">
        <v>9</v>
      </c>
      <c r="AL38865">
        <v>9</v>
      </c>
      <c r="AM38865">
        <v>9</v>
      </c>
      <c r="AN38865">
        <v>9</v>
      </c>
      <c r="AO38865">
        <v>9</v>
      </c>
      <c r="AP38865">
        <v>9</v>
      </c>
      <c r="AQ38865">
        <v>9</v>
      </c>
    </row>
    <row r="38866" spans="1:43">
      <c r="A38866" t="s">
        <v>24107</v>
      </c>
      <c r="B38866" t="s">
        <v>24108</v>
      </c>
      <c r="C38866" t="s">
        <v>24097</v>
      </c>
      <c r="D38866" t="s">
        <v>24098</v>
      </c>
      <c r="E38866" t="s">
        <v>23993</v>
      </c>
      <c r="F38866" t="s">
        <v>23994</v>
      </c>
      <c r="G38866" t="s">
        <v>11612</v>
      </c>
      <c r="H38866" t="s">
        <v>11613</v>
      </c>
      <c r="I38866" s="2">
        <v>0</v>
      </c>
      <c r="J38866" s="2">
        <v>0</v>
      </c>
      <c r="K38866" s="2">
        <v>1</v>
      </c>
      <c r="L38866" t="s">
        <v>995</v>
      </c>
      <c r="M38866" t="s">
        <v>83</v>
      </c>
      <c r="N38866" t="s">
        <v>84</v>
      </c>
      <c r="O38866" t="s">
        <v>85</v>
      </c>
      <c r="P38866" t="s">
        <v>86</v>
      </c>
      <c r="Q38866">
        <v>19</v>
      </c>
      <c r="R38866">
        <v>19</v>
      </c>
      <c r="S38866">
        <v>19</v>
      </c>
      <c r="T38866">
        <v>20</v>
      </c>
      <c r="U38866">
        <v>20</v>
      </c>
      <c r="V38866">
        <v>20</v>
      </c>
      <c r="W38866">
        <v>20</v>
      </c>
      <c r="X38866">
        <v>21</v>
      </c>
      <c r="Y38866">
        <v>21</v>
      </c>
      <c r="Z38866">
        <v>21</v>
      </c>
      <c r="AA38866">
        <v>21</v>
      </c>
      <c r="AB38866">
        <v>21</v>
      </c>
      <c r="AC38866">
        <v>22</v>
      </c>
      <c r="AD38866">
        <v>22</v>
      </c>
      <c r="AE38866">
        <v>22</v>
      </c>
      <c r="AF38866">
        <v>22</v>
      </c>
      <c r="AG38866">
        <v>22</v>
      </c>
      <c r="AH38866">
        <v>22</v>
      </c>
      <c r="AI38866">
        <v>22</v>
      </c>
      <c r="AJ38866">
        <v>23</v>
      </c>
      <c r="AK38866">
        <v>23</v>
      </c>
      <c r="AL38866">
        <v>23</v>
      </c>
      <c r="AM38866">
        <v>23</v>
      </c>
      <c r="AN38866">
        <v>22</v>
      </c>
      <c r="AO38866">
        <v>22</v>
      </c>
      <c r="AP38866">
        <v>22</v>
      </c>
      <c r="AQ38866">
        <v>22</v>
      </c>
    </row>
    <row r="38867" spans="1:43">
      <c r="A38867" t="s">
        <v>24107</v>
      </c>
      <c r="B38867" t="s">
        <v>24108</v>
      </c>
      <c r="C38867" t="s">
        <v>24097</v>
      </c>
      <c r="D38867" t="s">
        <v>24098</v>
      </c>
      <c r="E38867" t="s">
        <v>23993</v>
      </c>
      <c r="F38867" t="s">
        <v>23994</v>
      </c>
      <c r="G38867" t="s">
        <v>11612</v>
      </c>
      <c r="H38867" t="s">
        <v>11613</v>
      </c>
      <c r="I38867" s="2">
        <v>0</v>
      </c>
      <c r="J38867" s="2">
        <v>0</v>
      </c>
      <c r="K38867" s="2">
        <v>1</v>
      </c>
      <c r="L38867" t="s">
        <v>995</v>
      </c>
      <c r="M38867" t="s">
        <v>87</v>
      </c>
      <c r="N38867" t="s">
        <v>88</v>
      </c>
      <c r="O38867" t="s">
        <v>85</v>
      </c>
      <c r="P38867" t="s">
        <v>86</v>
      </c>
      <c r="Q38867">
        <v>19</v>
      </c>
      <c r="R38867">
        <v>19</v>
      </c>
      <c r="S38867">
        <v>19</v>
      </c>
      <c r="T38867">
        <v>19</v>
      </c>
      <c r="U38867">
        <v>19</v>
      </c>
      <c r="V38867">
        <v>19</v>
      </c>
      <c r="W38867">
        <v>19</v>
      </c>
      <c r="X38867">
        <v>19</v>
      </c>
      <c r="Y38867">
        <v>19</v>
      </c>
      <c r="Z38867">
        <v>19</v>
      </c>
      <c r="AA38867">
        <v>19</v>
      </c>
      <c r="AB38867">
        <v>19</v>
      </c>
      <c r="AC38867">
        <v>19</v>
      </c>
      <c r="AD38867">
        <v>19</v>
      </c>
      <c r="AE38867">
        <v>19</v>
      </c>
      <c r="AF38867">
        <v>19</v>
      </c>
      <c r="AG38867">
        <v>19</v>
      </c>
      <c r="AH38867">
        <v>19</v>
      </c>
      <c r="AI38867">
        <v>19</v>
      </c>
      <c r="AJ38867">
        <v>19</v>
      </c>
      <c r="AK38867">
        <v>19</v>
      </c>
      <c r="AL38867">
        <v>19</v>
      </c>
      <c r="AM38867">
        <v>19</v>
      </c>
      <c r="AN38867">
        <v>19</v>
      </c>
      <c r="AO38867">
        <v>19</v>
      </c>
      <c r="AP38867">
        <v>19</v>
      </c>
      <c r="AQ38867">
        <v>19</v>
      </c>
    </row>
    <row r="38868" spans="1:43">
      <c r="A38868" t="s">
        <v>24107</v>
      </c>
      <c r="B38868" t="s">
        <v>24108</v>
      </c>
      <c r="C38868" t="s">
        <v>24097</v>
      </c>
      <c r="D38868" t="s">
        <v>24098</v>
      </c>
      <c r="E38868" t="s">
        <v>23993</v>
      </c>
      <c r="F38868" t="s">
        <v>23994</v>
      </c>
      <c r="G38868" t="s">
        <v>11612</v>
      </c>
      <c r="H38868" t="s">
        <v>11613</v>
      </c>
      <c r="I38868" s="2">
        <v>0</v>
      </c>
      <c r="J38868" s="2">
        <v>0</v>
      </c>
      <c r="K38868" s="2">
        <v>1</v>
      </c>
      <c r="L38868" t="s">
        <v>995</v>
      </c>
      <c r="M38868" t="s">
        <v>89</v>
      </c>
      <c r="N38868" t="s">
        <v>90</v>
      </c>
      <c r="O38868" t="s">
        <v>85</v>
      </c>
      <c r="P38868" t="s">
        <v>86</v>
      </c>
      <c r="Q38868">
        <v>19</v>
      </c>
      <c r="R38868">
        <v>20</v>
      </c>
      <c r="S38868">
        <v>20</v>
      </c>
      <c r="T38868">
        <v>20</v>
      </c>
      <c r="U38868">
        <v>21</v>
      </c>
      <c r="V38868">
        <v>21</v>
      </c>
      <c r="W38868">
        <v>21</v>
      </c>
      <c r="X38868">
        <v>22</v>
      </c>
      <c r="Y38868">
        <v>22</v>
      </c>
      <c r="Z38868">
        <v>22</v>
      </c>
      <c r="AA38868">
        <v>23</v>
      </c>
      <c r="AB38868">
        <v>23</v>
      </c>
      <c r="AC38868">
        <v>23</v>
      </c>
      <c r="AD38868">
        <v>23</v>
      </c>
      <c r="AE38868">
        <v>23</v>
      </c>
      <c r="AF38868">
        <v>23</v>
      </c>
      <c r="AG38868">
        <v>23</v>
      </c>
      <c r="AH38868">
        <v>23</v>
      </c>
      <c r="AI38868">
        <v>23</v>
      </c>
      <c r="AJ38868">
        <v>23</v>
      </c>
      <c r="AK38868">
        <v>23</v>
      </c>
      <c r="AL38868">
        <v>23</v>
      </c>
      <c r="AM38868">
        <v>23</v>
      </c>
      <c r="AN38868">
        <v>23</v>
      </c>
      <c r="AO38868">
        <v>22</v>
      </c>
      <c r="AP38868">
        <v>22</v>
      </c>
      <c r="AQ38868">
        <v>22</v>
      </c>
    </row>
    <row r="38869" spans="1:43">
      <c r="A38869" t="s">
        <v>24107</v>
      </c>
      <c r="B38869" t="s">
        <v>24108</v>
      </c>
      <c r="C38869" t="s">
        <v>24097</v>
      </c>
      <c r="D38869" t="s">
        <v>24098</v>
      </c>
      <c r="E38869" t="s">
        <v>23993</v>
      </c>
      <c r="F38869" t="s">
        <v>23994</v>
      </c>
      <c r="G38869" t="s">
        <v>11612</v>
      </c>
      <c r="H38869" t="s">
        <v>11613</v>
      </c>
      <c r="I38869" s="2">
        <v>0</v>
      </c>
      <c r="J38869" s="2">
        <v>0</v>
      </c>
      <c r="K38869" s="2">
        <v>1</v>
      </c>
      <c r="L38869" t="s">
        <v>995</v>
      </c>
      <c r="M38869" t="s">
        <v>83</v>
      </c>
      <c r="N38869" t="s">
        <v>91</v>
      </c>
      <c r="O38869" t="s">
        <v>85</v>
      </c>
      <c r="P38869" t="s">
        <v>86</v>
      </c>
      <c r="Q38869">
        <v>19</v>
      </c>
      <c r="R38869">
        <v>19</v>
      </c>
      <c r="S38869">
        <v>19</v>
      </c>
      <c r="T38869">
        <v>20</v>
      </c>
      <c r="U38869">
        <v>20</v>
      </c>
      <c r="V38869">
        <v>20</v>
      </c>
      <c r="W38869">
        <v>20</v>
      </c>
      <c r="X38869">
        <v>21</v>
      </c>
      <c r="Y38869">
        <v>21</v>
      </c>
      <c r="Z38869">
        <v>21</v>
      </c>
      <c r="AA38869">
        <v>21</v>
      </c>
      <c r="AB38869">
        <v>21</v>
      </c>
      <c r="AC38869">
        <v>22</v>
      </c>
      <c r="AD38869">
        <v>22</v>
      </c>
      <c r="AE38869">
        <v>22</v>
      </c>
      <c r="AF38869">
        <v>22</v>
      </c>
      <c r="AG38869">
        <v>22</v>
      </c>
      <c r="AH38869">
        <v>22</v>
      </c>
      <c r="AI38869">
        <v>22</v>
      </c>
      <c r="AJ38869">
        <v>23</v>
      </c>
      <c r="AK38869">
        <v>23</v>
      </c>
      <c r="AL38869">
        <v>23</v>
      </c>
      <c r="AM38869">
        <v>23</v>
      </c>
      <c r="AN38869">
        <v>22</v>
      </c>
      <c r="AO38869">
        <v>22</v>
      </c>
      <c r="AP38869">
        <v>22</v>
      </c>
      <c r="AQ38869">
        <v>22</v>
      </c>
    </row>
    <row r="38870" spans="1:43">
      <c r="A38870" t="s">
        <v>24109</v>
      </c>
      <c r="B38870" t="s">
        <v>24110</v>
      </c>
      <c r="C38870" t="s">
        <v>24111</v>
      </c>
      <c r="D38870" t="s">
        <v>24112</v>
      </c>
      <c r="E38870" t="s">
        <v>23993</v>
      </c>
      <c r="F38870" t="s">
        <v>23994</v>
      </c>
      <c r="G38870" t="s">
        <v>11612</v>
      </c>
      <c r="H38870" t="s">
        <v>11613</v>
      </c>
      <c r="I38870" s="2">
        <v>0</v>
      </c>
      <c r="J38870" s="2">
        <v>0</v>
      </c>
      <c r="K38870" s="2">
        <v>1</v>
      </c>
      <c r="L38870" t="s">
        <v>995</v>
      </c>
      <c r="M38870" t="s">
        <v>83</v>
      </c>
      <c r="N38870" t="s">
        <v>84</v>
      </c>
      <c r="O38870" t="s">
        <v>85</v>
      </c>
      <c r="P38870" t="s">
        <v>86</v>
      </c>
      <c r="Q38870">
        <v>29</v>
      </c>
      <c r="R38870">
        <v>30</v>
      </c>
      <c r="S38870">
        <v>30</v>
      </c>
      <c r="T38870">
        <v>31</v>
      </c>
      <c r="U38870">
        <v>31</v>
      </c>
      <c r="V38870">
        <v>31</v>
      </c>
      <c r="W38870">
        <v>32</v>
      </c>
      <c r="X38870">
        <v>32</v>
      </c>
      <c r="Y38870">
        <v>33</v>
      </c>
      <c r="Z38870">
        <v>33</v>
      </c>
      <c r="AA38870">
        <v>33</v>
      </c>
      <c r="AB38870">
        <v>34</v>
      </c>
      <c r="AC38870">
        <v>34</v>
      </c>
      <c r="AD38870">
        <v>34</v>
      </c>
      <c r="AE38870">
        <v>34</v>
      </c>
      <c r="AF38870">
        <v>35</v>
      </c>
      <c r="AG38870">
        <v>35</v>
      </c>
      <c r="AH38870">
        <v>35</v>
      </c>
      <c r="AI38870">
        <v>35</v>
      </c>
      <c r="AJ38870">
        <v>36</v>
      </c>
      <c r="AK38870">
        <v>36</v>
      </c>
      <c r="AL38870">
        <v>36</v>
      </c>
      <c r="AM38870">
        <v>36</v>
      </c>
      <c r="AN38870">
        <v>36</v>
      </c>
      <c r="AO38870">
        <v>36</v>
      </c>
      <c r="AP38870">
        <v>36</v>
      </c>
      <c r="AQ38870">
        <v>35</v>
      </c>
    </row>
    <row r="38871" spans="1:43">
      <c r="A38871" t="s">
        <v>24109</v>
      </c>
      <c r="B38871" t="s">
        <v>24110</v>
      </c>
      <c r="C38871" t="s">
        <v>24111</v>
      </c>
      <c r="D38871" t="s">
        <v>24112</v>
      </c>
      <c r="E38871" t="s">
        <v>23993</v>
      </c>
      <c r="F38871" t="s">
        <v>23994</v>
      </c>
      <c r="G38871" t="s">
        <v>11612</v>
      </c>
      <c r="H38871" t="s">
        <v>11613</v>
      </c>
      <c r="I38871" s="2">
        <v>0</v>
      </c>
      <c r="J38871" s="2">
        <v>0</v>
      </c>
      <c r="K38871" s="2">
        <v>1</v>
      </c>
      <c r="L38871" t="s">
        <v>995</v>
      </c>
      <c r="M38871" t="s">
        <v>87</v>
      </c>
      <c r="N38871" t="s">
        <v>88</v>
      </c>
      <c r="O38871" t="s">
        <v>85</v>
      </c>
      <c r="P38871" t="s">
        <v>86</v>
      </c>
      <c r="Q38871">
        <v>29</v>
      </c>
      <c r="R38871">
        <v>29</v>
      </c>
      <c r="S38871">
        <v>29</v>
      </c>
      <c r="T38871">
        <v>29</v>
      </c>
      <c r="U38871">
        <v>30</v>
      </c>
      <c r="V38871">
        <v>30</v>
      </c>
      <c r="W38871">
        <v>30</v>
      </c>
      <c r="X38871">
        <v>30</v>
      </c>
      <c r="Y38871">
        <v>30</v>
      </c>
      <c r="Z38871">
        <v>30</v>
      </c>
      <c r="AA38871">
        <v>30</v>
      </c>
      <c r="AB38871">
        <v>30</v>
      </c>
      <c r="AC38871">
        <v>30</v>
      </c>
      <c r="AD38871">
        <v>31</v>
      </c>
      <c r="AE38871">
        <v>31</v>
      </c>
      <c r="AF38871">
        <v>31</v>
      </c>
      <c r="AG38871">
        <v>31</v>
      </c>
      <c r="AH38871">
        <v>31</v>
      </c>
      <c r="AI38871">
        <v>31</v>
      </c>
      <c r="AJ38871">
        <v>31</v>
      </c>
      <c r="AK38871">
        <v>31</v>
      </c>
      <c r="AL38871">
        <v>31</v>
      </c>
      <c r="AM38871">
        <v>31</v>
      </c>
      <c r="AN38871">
        <v>31</v>
      </c>
      <c r="AO38871">
        <v>31</v>
      </c>
      <c r="AP38871">
        <v>31</v>
      </c>
      <c r="AQ38871">
        <v>31</v>
      </c>
    </row>
    <row r="38872" spans="1:43">
      <c r="A38872" t="s">
        <v>24109</v>
      </c>
      <c r="B38872" t="s">
        <v>24110</v>
      </c>
      <c r="C38872" t="s">
        <v>24111</v>
      </c>
      <c r="D38872" t="s">
        <v>24112</v>
      </c>
      <c r="E38872" t="s">
        <v>23993</v>
      </c>
      <c r="F38872" t="s">
        <v>23994</v>
      </c>
      <c r="G38872" t="s">
        <v>11612</v>
      </c>
      <c r="H38872" t="s">
        <v>11613</v>
      </c>
      <c r="I38872" s="2">
        <v>0</v>
      </c>
      <c r="J38872" s="2">
        <v>0</v>
      </c>
      <c r="K38872" s="2">
        <v>1</v>
      </c>
      <c r="L38872" t="s">
        <v>995</v>
      </c>
      <c r="M38872" t="s">
        <v>89</v>
      </c>
      <c r="N38872" t="s">
        <v>90</v>
      </c>
      <c r="O38872" t="s">
        <v>85</v>
      </c>
      <c r="P38872" t="s">
        <v>86</v>
      </c>
      <c r="Q38872">
        <v>29</v>
      </c>
      <c r="R38872">
        <v>29</v>
      </c>
      <c r="S38872">
        <v>30</v>
      </c>
      <c r="T38872">
        <v>31</v>
      </c>
      <c r="U38872">
        <v>31</v>
      </c>
      <c r="V38872">
        <v>32</v>
      </c>
      <c r="W38872">
        <v>32</v>
      </c>
      <c r="X38872">
        <v>33</v>
      </c>
      <c r="Y38872">
        <v>33</v>
      </c>
      <c r="Z38872">
        <v>34</v>
      </c>
      <c r="AA38872">
        <v>34</v>
      </c>
      <c r="AB38872">
        <v>35</v>
      </c>
      <c r="AC38872">
        <v>35</v>
      </c>
      <c r="AD38872">
        <v>36</v>
      </c>
      <c r="AE38872">
        <v>36</v>
      </c>
      <c r="AF38872">
        <v>36</v>
      </c>
      <c r="AG38872">
        <v>36</v>
      </c>
      <c r="AH38872">
        <v>36</v>
      </c>
      <c r="AI38872">
        <v>36</v>
      </c>
      <c r="AJ38872">
        <v>35</v>
      </c>
      <c r="AK38872">
        <v>35</v>
      </c>
      <c r="AL38872">
        <v>35</v>
      </c>
      <c r="AM38872">
        <v>35</v>
      </c>
      <c r="AN38872">
        <v>35</v>
      </c>
      <c r="AO38872">
        <v>35</v>
      </c>
      <c r="AP38872">
        <v>35</v>
      </c>
      <c r="AQ38872">
        <v>35</v>
      </c>
    </row>
    <row r="38873" spans="1:43">
      <c r="A38873" t="s">
        <v>24109</v>
      </c>
      <c r="B38873" t="s">
        <v>24110</v>
      </c>
      <c r="C38873" t="s">
        <v>24111</v>
      </c>
      <c r="D38873" t="s">
        <v>24112</v>
      </c>
      <c r="E38873" t="s">
        <v>23993</v>
      </c>
      <c r="F38873" t="s">
        <v>23994</v>
      </c>
      <c r="G38873" t="s">
        <v>11612</v>
      </c>
      <c r="H38873" t="s">
        <v>11613</v>
      </c>
      <c r="I38873" s="2">
        <v>0</v>
      </c>
      <c r="J38873" s="2">
        <v>0</v>
      </c>
      <c r="K38873" s="2">
        <v>1</v>
      </c>
      <c r="L38873" t="s">
        <v>995</v>
      </c>
      <c r="M38873" t="s">
        <v>83</v>
      </c>
      <c r="N38873" t="s">
        <v>91</v>
      </c>
      <c r="O38873" t="s">
        <v>85</v>
      </c>
      <c r="P38873" t="s">
        <v>86</v>
      </c>
      <c r="Q38873">
        <v>29</v>
      </c>
      <c r="R38873">
        <v>30</v>
      </c>
      <c r="S38873">
        <v>30</v>
      </c>
      <c r="T38873">
        <v>31</v>
      </c>
      <c r="U38873">
        <v>31</v>
      </c>
      <c r="V38873">
        <v>31</v>
      </c>
      <c r="W38873">
        <v>32</v>
      </c>
      <c r="X38873">
        <v>32</v>
      </c>
      <c r="Y38873">
        <v>33</v>
      </c>
      <c r="Z38873">
        <v>33</v>
      </c>
      <c r="AA38873">
        <v>33</v>
      </c>
      <c r="AB38873">
        <v>34</v>
      </c>
      <c r="AC38873">
        <v>34</v>
      </c>
      <c r="AD38873">
        <v>34</v>
      </c>
      <c r="AE38873">
        <v>34</v>
      </c>
      <c r="AF38873">
        <v>35</v>
      </c>
      <c r="AG38873">
        <v>35</v>
      </c>
      <c r="AH38873">
        <v>35</v>
      </c>
      <c r="AI38873">
        <v>35</v>
      </c>
      <c r="AJ38873">
        <v>36</v>
      </c>
      <c r="AK38873">
        <v>36</v>
      </c>
      <c r="AL38873">
        <v>36</v>
      </c>
      <c r="AM38873">
        <v>36</v>
      </c>
      <c r="AN38873">
        <v>36</v>
      </c>
      <c r="AO38873">
        <v>36</v>
      </c>
      <c r="AP38873">
        <v>36</v>
      </c>
      <c r="AQ38873">
        <v>35</v>
      </c>
    </row>
    <row r="38874" spans="1:43">
      <c r="A38874" t="s">
        <v>24113</v>
      </c>
      <c r="B38874" t="s">
        <v>24114</v>
      </c>
      <c r="C38874" t="s">
        <v>24115</v>
      </c>
      <c r="D38874" t="s">
        <v>24116</v>
      </c>
      <c r="E38874" t="s">
        <v>23993</v>
      </c>
      <c r="F38874" t="s">
        <v>23994</v>
      </c>
      <c r="G38874" t="s">
        <v>11612</v>
      </c>
      <c r="H38874" t="s">
        <v>11613</v>
      </c>
      <c r="I38874" s="2">
        <v>0</v>
      </c>
      <c r="J38874" s="2">
        <v>0</v>
      </c>
      <c r="K38874" s="2">
        <v>1</v>
      </c>
      <c r="L38874" t="s">
        <v>995</v>
      </c>
      <c r="M38874" t="s">
        <v>83</v>
      </c>
      <c r="N38874" t="s">
        <v>84</v>
      </c>
      <c r="O38874" t="s">
        <v>85</v>
      </c>
      <c r="P38874" t="s">
        <v>86</v>
      </c>
      <c r="Q38874">
        <v>24</v>
      </c>
      <c r="R38874">
        <v>24</v>
      </c>
      <c r="S38874">
        <v>24</v>
      </c>
      <c r="T38874">
        <v>25</v>
      </c>
      <c r="U38874">
        <v>25</v>
      </c>
      <c r="V38874">
        <v>25</v>
      </c>
      <c r="W38874">
        <v>26</v>
      </c>
      <c r="X38874">
        <v>26</v>
      </c>
      <c r="Y38874">
        <v>26</v>
      </c>
      <c r="Z38874">
        <v>27</v>
      </c>
      <c r="AA38874">
        <v>27</v>
      </c>
      <c r="AB38874">
        <v>27</v>
      </c>
      <c r="AC38874">
        <v>28</v>
      </c>
      <c r="AD38874">
        <v>28</v>
      </c>
      <c r="AE38874">
        <v>28</v>
      </c>
      <c r="AF38874">
        <v>28</v>
      </c>
      <c r="AG38874">
        <v>29</v>
      </c>
      <c r="AH38874">
        <v>29</v>
      </c>
      <c r="AI38874">
        <v>29</v>
      </c>
      <c r="AJ38874">
        <v>29</v>
      </c>
      <c r="AK38874">
        <v>29</v>
      </c>
      <c r="AL38874">
        <v>29</v>
      </c>
      <c r="AM38874">
        <v>29</v>
      </c>
      <c r="AN38874">
        <v>29</v>
      </c>
      <c r="AO38874">
        <v>29</v>
      </c>
      <c r="AP38874">
        <v>29</v>
      </c>
      <c r="AQ38874">
        <v>29</v>
      </c>
    </row>
    <row r="38875" spans="1:43">
      <c r="A38875" t="s">
        <v>24113</v>
      </c>
      <c r="B38875" t="s">
        <v>24114</v>
      </c>
      <c r="C38875" t="s">
        <v>24115</v>
      </c>
      <c r="D38875" t="s">
        <v>24116</v>
      </c>
      <c r="E38875" t="s">
        <v>23993</v>
      </c>
      <c r="F38875" t="s">
        <v>23994</v>
      </c>
      <c r="G38875" t="s">
        <v>11612</v>
      </c>
      <c r="H38875" t="s">
        <v>11613</v>
      </c>
      <c r="I38875" s="2">
        <v>0</v>
      </c>
      <c r="J38875" s="2">
        <v>0</v>
      </c>
      <c r="K38875" s="2">
        <v>1</v>
      </c>
      <c r="L38875" t="s">
        <v>995</v>
      </c>
      <c r="M38875" t="s">
        <v>87</v>
      </c>
      <c r="N38875" t="s">
        <v>88</v>
      </c>
      <c r="O38875" t="s">
        <v>85</v>
      </c>
      <c r="P38875" t="s">
        <v>86</v>
      </c>
      <c r="Q38875">
        <v>24</v>
      </c>
      <c r="R38875">
        <v>24</v>
      </c>
      <c r="S38875">
        <v>25</v>
      </c>
      <c r="T38875">
        <v>25</v>
      </c>
      <c r="U38875">
        <v>25</v>
      </c>
      <c r="V38875">
        <v>25</v>
      </c>
      <c r="W38875">
        <v>25</v>
      </c>
      <c r="X38875">
        <v>25</v>
      </c>
      <c r="Y38875">
        <v>25</v>
      </c>
      <c r="Z38875">
        <v>25</v>
      </c>
      <c r="AA38875">
        <v>26</v>
      </c>
      <c r="AB38875">
        <v>26</v>
      </c>
      <c r="AC38875">
        <v>26</v>
      </c>
      <c r="AD38875">
        <v>26</v>
      </c>
      <c r="AE38875">
        <v>26</v>
      </c>
      <c r="AF38875">
        <v>26</v>
      </c>
      <c r="AG38875">
        <v>26</v>
      </c>
      <c r="AH38875">
        <v>26</v>
      </c>
      <c r="AI38875">
        <v>26</v>
      </c>
      <c r="AJ38875">
        <v>26</v>
      </c>
      <c r="AK38875">
        <v>26</v>
      </c>
      <c r="AL38875">
        <v>26</v>
      </c>
      <c r="AM38875">
        <v>27</v>
      </c>
      <c r="AN38875">
        <v>27</v>
      </c>
      <c r="AO38875">
        <v>27</v>
      </c>
      <c r="AP38875">
        <v>27</v>
      </c>
      <c r="AQ38875">
        <v>27</v>
      </c>
    </row>
    <row r="38876" spans="1:43">
      <c r="A38876" t="s">
        <v>24113</v>
      </c>
      <c r="B38876" t="s">
        <v>24114</v>
      </c>
      <c r="C38876" t="s">
        <v>24115</v>
      </c>
      <c r="D38876" t="s">
        <v>24116</v>
      </c>
      <c r="E38876" t="s">
        <v>23993</v>
      </c>
      <c r="F38876" t="s">
        <v>23994</v>
      </c>
      <c r="G38876" t="s">
        <v>11612</v>
      </c>
      <c r="H38876" t="s">
        <v>11613</v>
      </c>
      <c r="I38876" s="2">
        <v>0</v>
      </c>
      <c r="J38876" s="2">
        <v>0</v>
      </c>
      <c r="K38876" s="2">
        <v>1</v>
      </c>
      <c r="L38876" t="s">
        <v>995</v>
      </c>
      <c r="M38876" t="s">
        <v>89</v>
      </c>
      <c r="N38876" t="s">
        <v>90</v>
      </c>
      <c r="O38876" t="s">
        <v>85</v>
      </c>
      <c r="P38876" t="s">
        <v>86</v>
      </c>
      <c r="Q38876">
        <v>24</v>
      </c>
      <c r="R38876">
        <v>24</v>
      </c>
      <c r="S38876">
        <v>25</v>
      </c>
      <c r="T38876">
        <v>25</v>
      </c>
      <c r="U38876">
        <v>26</v>
      </c>
      <c r="V38876">
        <v>26</v>
      </c>
      <c r="W38876">
        <v>27</v>
      </c>
      <c r="X38876">
        <v>27</v>
      </c>
      <c r="Y38876">
        <v>28</v>
      </c>
      <c r="Z38876">
        <v>28</v>
      </c>
      <c r="AA38876">
        <v>29</v>
      </c>
      <c r="AB38876">
        <v>29</v>
      </c>
      <c r="AC38876">
        <v>29</v>
      </c>
      <c r="AD38876">
        <v>30</v>
      </c>
      <c r="AE38876">
        <v>30</v>
      </c>
      <c r="AF38876">
        <v>30</v>
      </c>
      <c r="AG38876">
        <v>30</v>
      </c>
      <c r="AH38876">
        <v>30</v>
      </c>
      <c r="AI38876">
        <v>30</v>
      </c>
      <c r="AJ38876">
        <v>30</v>
      </c>
      <c r="AK38876">
        <v>30</v>
      </c>
      <c r="AL38876">
        <v>30</v>
      </c>
      <c r="AM38876">
        <v>30</v>
      </c>
      <c r="AN38876">
        <v>30</v>
      </c>
      <c r="AO38876">
        <v>30</v>
      </c>
      <c r="AP38876">
        <v>30</v>
      </c>
      <c r="AQ38876">
        <v>30</v>
      </c>
    </row>
    <row r="38877" spans="1:43">
      <c r="A38877" t="s">
        <v>24113</v>
      </c>
      <c r="B38877" t="s">
        <v>24114</v>
      </c>
      <c r="C38877" t="s">
        <v>24115</v>
      </c>
      <c r="D38877" t="s">
        <v>24116</v>
      </c>
      <c r="E38877" t="s">
        <v>23993</v>
      </c>
      <c r="F38877" t="s">
        <v>23994</v>
      </c>
      <c r="G38877" t="s">
        <v>11612</v>
      </c>
      <c r="H38877" t="s">
        <v>11613</v>
      </c>
      <c r="I38877" s="2">
        <v>0</v>
      </c>
      <c r="J38877" s="2">
        <v>0</v>
      </c>
      <c r="K38877" s="2">
        <v>1</v>
      </c>
      <c r="L38877" t="s">
        <v>995</v>
      </c>
      <c r="M38877" t="s">
        <v>83</v>
      </c>
      <c r="N38877" t="s">
        <v>91</v>
      </c>
      <c r="O38877" t="s">
        <v>85</v>
      </c>
      <c r="P38877" t="s">
        <v>86</v>
      </c>
      <c r="Q38877">
        <v>24</v>
      </c>
      <c r="R38877">
        <v>24</v>
      </c>
      <c r="S38877">
        <v>24</v>
      </c>
      <c r="T38877">
        <v>25</v>
      </c>
      <c r="U38877">
        <v>25</v>
      </c>
      <c r="V38877">
        <v>25</v>
      </c>
      <c r="W38877">
        <v>26</v>
      </c>
      <c r="X38877">
        <v>26</v>
      </c>
      <c r="Y38877">
        <v>26</v>
      </c>
      <c r="Z38877">
        <v>27</v>
      </c>
      <c r="AA38877">
        <v>27</v>
      </c>
      <c r="AB38877">
        <v>27</v>
      </c>
      <c r="AC38877">
        <v>28</v>
      </c>
      <c r="AD38877">
        <v>28</v>
      </c>
      <c r="AE38877">
        <v>28</v>
      </c>
      <c r="AF38877">
        <v>28</v>
      </c>
      <c r="AG38877">
        <v>29</v>
      </c>
      <c r="AH38877">
        <v>29</v>
      </c>
      <c r="AI38877">
        <v>29</v>
      </c>
      <c r="AJ38877">
        <v>29</v>
      </c>
      <c r="AK38877">
        <v>29</v>
      </c>
      <c r="AL38877">
        <v>29</v>
      </c>
      <c r="AM38877">
        <v>29</v>
      </c>
      <c r="AN38877">
        <v>29</v>
      </c>
      <c r="AO38877">
        <v>29</v>
      </c>
      <c r="AP38877">
        <v>29</v>
      </c>
      <c r="AQ38877">
        <v>29</v>
      </c>
    </row>
    <row r="38878" spans="1:43">
      <c r="A38878" t="s">
        <v>24117</v>
      </c>
      <c r="B38878" t="s">
        <v>24118</v>
      </c>
      <c r="C38878" t="s">
        <v>24115</v>
      </c>
      <c r="D38878" t="s">
        <v>24116</v>
      </c>
      <c r="E38878" t="s">
        <v>23993</v>
      </c>
      <c r="F38878" t="s">
        <v>23994</v>
      </c>
      <c r="G38878" t="s">
        <v>11612</v>
      </c>
      <c r="H38878" t="s">
        <v>11613</v>
      </c>
      <c r="I38878" s="2">
        <v>0</v>
      </c>
      <c r="J38878" s="2">
        <v>0</v>
      </c>
      <c r="K38878" s="2">
        <v>1</v>
      </c>
      <c r="L38878" t="s">
        <v>995</v>
      </c>
      <c r="M38878" t="s">
        <v>83</v>
      </c>
      <c r="N38878" t="s">
        <v>84</v>
      </c>
      <c r="O38878" t="s">
        <v>85</v>
      </c>
      <c r="P38878" t="s">
        <v>86</v>
      </c>
      <c r="Q38878">
        <v>19</v>
      </c>
      <c r="R38878">
        <v>20</v>
      </c>
      <c r="S38878">
        <v>20</v>
      </c>
      <c r="T38878">
        <v>20</v>
      </c>
      <c r="U38878">
        <v>20</v>
      </c>
      <c r="V38878">
        <v>21</v>
      </c>
      <c r="W38878">
        <v>21</v>
      </c>
      <c r="X38878">
        <v>21</v>
      </c>
      <c r="Y38878">
        <v>22</v>
      </c>
      <c r="Z38878">
        <v>22</v>
      </c>
      <c r="AA38878">
        <v>22</v>
      </c>
      <c r="AB38878">
        <v>22</v>
      </c>
      <c r="AC38878">
        <v>23</v>
      </c>
      <c r="AD38878">
        <v>23</v>
      </c>
      <c r="AE38878">
        <v>23</v>
      </c>
      <c r="AF38878">
        <v>23</v>
      </c>
      <c r="AG38878">
        <v>24</v>
      </c>
      <c r="AH38878">
        <v>24</v>
      </c>
      <c r="AI38878">
        <v>24</v>
      </c>
      <c r="AJ38878">
        <v>24</v>
      </c>
      <c r="AK38878">
        <v>24</v>
      </c>
      <c r="AL38878">
        <v>24</v>
      </c>
      <c r="AM38878">
        <v>24</v>
      </c>
      <c r="AN38878">
        <v>24</v>
      </c>
      <c r="AO38878">
        <v>24</v>
      </c>
      <c r="AP38878">
        <v>24</v>
      </c>
      <c r="AQ38878">
        <v>24</v>
      </c>
    </row>
    <row r="38879" spans="1:43">
      <c r="A38879" t="s">
        <v>24117</v>
      </c>
      <c r="B38879" t="s">
        <v>24118</v>
      </c>
      <c r="C38879" t="s">
        <v>24115</v>
      </c>
      <c r="D38879" t="s">
        <v>24116</v>
      </c>
      <c r="E38879" t="s">
        <v>23993</v>
      </c>
      <c r="F38879" t="s">
        <v>23994</v>
      </c>
      <c r="G38879" t="s">
        <v>11612</v>
      </c>
      <c r="H38879" t="s">
        <v>11613</v>
      </c>
      <c r="I38879" s="2">
        <v>0</v>
      </c>
      <c r="J38879" s="2">
        <v>0</v>
      </c>
      <c r="K38879" s="2">
        <v>1</v>
      </c>
      <c r="L38879" t="s">
        <v>995</v>
      </c>
      <c r="M38879" t="s">
        <v>87</v>
      </c>
      <c r="N38879" t="s">
        <v>88</v>
      </c>
      <c r="O38879" t="s">
        <v>85</v>
      </c>
      <c r="P38879" t="s">
        <v>86</v>
      </c>
      <c r="Q38879">
        <v>19</v>
      </c>
      <c r="R38879">
        <v>19</v>
      </c>
      <c r="S38879">
        <v>19</v>
      </c>
      <c r="T38879">
        <v>19</v>
      </c>
      <c r="U38879">
        <v>20</v>
      </c>
      <c r="V38879">
        <v>20</v>
      </c>
      <c r="W38879">
        <v>20</v>
      </c>
      <c r="X38879">
        <v>20</v>
      </c>
      <c r="Y38879">
        <v>20</v>
      </c>
      <c r="Z38879">
        <v>20</v>
      </c>
      <c r="AA38879">
        <v>20</v>
      </c>
      <c r="AB38879">
        <v>20</v>
      </c>
      <c r="AC38879">
        <v>20</v>
      </c>
      <c r="AD38879">
        <v>21</v>
      </c>
      <c r="AE38879">
        <v>21</v>
      </c>
      <c r="AF38879">
        <v>21</v>
      </c>
      <c r="AG38879">
        <v>21</v>
      </c>
      <c r="AH38879">
        <v>21</v>
      </c>
      <c r="AI38879">
        <v>21</v>
      </c>
      <c r="AJ38879">
        <v>21</v>
      </c>
      <c r="AK38879">
        <v>21</v>
      </c>
      <c r="AL38879">
        <v>21</v>
      </c>
      <c r="AM38879">
        <v>21</v>
      </c>
      <c r="AN38879">
        <v>21</v>
      </c>
      <c r="AO38879">
        <v>21</v>
      </c>
      <c r="AP38879">
        <v>21</v>
      </c>
      <c r="AQ38879">
        <v>22</v>
      </c>
    </row>
    <row r="38880" spans="1:43">
      <c r="A38880" t="s">
        <v>24117</v>
      </c>
      <c r="B38880" t="s">
        <v>24118</v>
      </c>
      <c r="C38880" t="s">
        <v>24115</v>
      </c>
      <c r="D38880" t="s">
        <v>24116</v>
      </c>
      <c r="E38880" t="s">
        <v>23993</v>
      </c>
      <c r="F38880" t="s">
        <v>23994</v>
      </c>
      <c r="G38880" t="s">
        <v>11612</v>
      </c>
      <c r="H38880" t="s">
        <v>11613</v>
      </c>
      <c r="I38880" s="2">
        <v>0</v>
      </c>
      <c r="J38880" s="2">
        <v>0</v>
      </c>
      <c r="K38880" s="2">
        <v>1</v>
      </c>
      <c r="L38880" t="s">
        <v>995</v>
      </c>
      <c r="M38880" t="s">
        <v>89</v>
      </c>
      <c r="N38880" t="s">
        <v>90</v>
      </c>
      <c r="O38880" t="s">
        <v>85</v>
      </c>
      <c r="P38880" t="s">
        <v>86</v>
      </c>
      <c r="Q38880">
        <v>19</v>
      </c>
      <c r="R38880">
        <v>20</v>
      </c>
      <c r="S38880">
        <v>20</v>
      </c>
      <c r="T38880">
        <v>21</v>
      </c>
      <c r="U38880">
        <v>21</v>
      </c>
      <c r="V38880">
        <v>22</v>
      </c>
      <c r="W38880">
        <v>22</v>
      </c>
      <c r="X38880">
        <v>23</v>
      </c>
      <c r="Y38880">
        <v>23</v>
      </c>
      <c r="Z38880">
        <v>23</v>
      </c>
      <c r="AA38880">
        <v>24</v>
      </c>
      <c r="AB38880">
        <v>24</v>
      </c>
      <c r="AC38880">
        <v>24</v>
      </c>
      <c r="AD38880">
        <v>24</v>
      </c>
      <c r="AE38880">
        <v>25</v>
      </c>
      <c r="AF38880">
        <v>25</v>
      </c>
      <c r="AG38880">
        <v>25</v>
      </c>
      <c r="AH38880">
        <v>25</v>
      </c>
      <c r="AI38880">
        <v>25</v>
      </c>
      <c r="AJ38880">
        <v>25</v>
      </c>
      <c r="AK38880">
        <v>25</v>
      </c>
      <c r="AL38880">
        <v>25</v>
      </c>
      <c r="AM38880">
        <v>25</v>
      </c>
      <c r="AN38880">
        <v>25</v>
      </c>
      <c r="AO38880">
        <v>25</v>
      </c>
      <c r="AP38880">
        <v>25</v>
      </c>
      <c r="AQ38880">
        <v>25</v>
      </c>
    </row>
    <row r="38881" spans="1:43">
      <c r="A38881" t="s">
        <v>24117</v>
      </c>
      <c r="B38881" t="s">
        <v>24118</v>
      </c>
      <c r="C38881" t="s">
        <v>24115</v>
      </c>
      <c r="D38881" t="s">
        <v>24116</v>
      </c>
      <c r="E38881" t="s">
        <v>23993</v>
      </c>
      <c r="F38881" t="s">
        <v>23994</v>
      </c>
      <c r="G38881" t="s">
        <v>11612</v>
      </c>
      <c r="H38881" t="s">
        <v>11613</v>
      </c>
      <c r="I38881" s="2">
        <v>0</v>
      </c>
      <c r="J38881" s="2">
        <v>0</v>
      </c>
      <c r="K38881" s="2">
        <v>1</v>
      </c>
      <c r="L38881" t="s">
        <v>995</v>
      </c>
      <c r="M38881" t="s">
        <v>83</v>
      </c>
      <c r="N38881" t="s">
        <v>91</v>
      </c>
      <c r="O38881" t="s">
        <v>85</v>
      </c>
      <c r="P38881" t="s">
        <v>86</v>
      </c>
      <c r="Q38881">
        <v>19</v>
      </c>
      <c r="R38881">
        <v>20</v>
      </c>
      <c r="S38881">
        <v>20</v>
      </c>
      <c r="T38881">
        <v>20</v>
      </c>
      <c r="U38881">
        <v>20</v>
      </c>
      <c r="V38881">
        <v>21</v>
      </c>
      <c r="W38881">
        <v>21</v>
      </c>
      <c r="X38881">
        <v>21</v>
      </c>
      <c r="Y38881">
        <v>22</v>
      </c>
      <c r="Z38881">
        <v>22</v>
      </c>
      <c r="AA38881">
        <v>22</v>
      </c>
      <c r="AB38881">
        <v>22</v>
      </c>
      <c r="AC38881">
        <v>23</v>
      </c>
      <c r="AD38881">
        <v>23</v>
      </c>
      <c r="AE38881">
        <v>23</v>
      </c>
      <c r="AF38881">
        <v>23</v>
      </c>
      <c r="AG38881">
        <v>24</v>
      </c>
      <c r="AH38881">
        <v>24</v>
      </c>
      <c r="AI38881">
        <v>24</v>
      </c>
      <c r="AJ38881">
        <v>24</v>
      </c>
      <c r="AK38881">
        <v>24</v>
      </c>
      <c r="AL38881">
        <v>24</v>
      </c>
      <c r="AM38881">
        <v>24</v>
      </c>
      <c r="AN38881">
        <v>24</v>
      </c>
      <c r="AO38881">
        <v>24</v>
      </c>
      <c r="AP38881">
        <v>24</v>
      </c>
      <c r="AQ38881">
        <v>24</v>
      </c>
    </row>
    <row r="38882" spans="1:43">
      <c r="A38882" t="s">
        <v>24119</v>
      </c>
      <c r="B38882" t="s">
        <v>24120</v>
      </c>
      <c r="C38882" t="s">
        <v>24115</v>
      </c>
      <c r="D38882" t="s">
        <v>24116</v>
      </c>
      <c r="E38882" t="s">
        <v>23993</v>
      </c>
      <c r="F38882" t="s">
        <v>23994</v>
      </c>
      <c r="G38882" t="s">
        <v>11612</v>
      </c>
      <c r="H38882" t="s">
        <v>11613</v>
      </c>
      <c r="I38882" s="2">
        <v>0</v>
      </c>
      <c r="J38882" s="2">
        <v>0</v>
      </c>
      <c r="K38882" s="2">
        <v>1</v>
      </c>
      <c r="L38882" t="s">
        <v>995</v>
      </c>
      <c r="M38882" t="s">
        <v>83</v>
      </c>
      <c r="N38882" t="s">
        <v>84</v>
      </c>
      <c r="O38882" t="s">
        <v>85</v>
      </c>
      <c r="P38882" t="s">
        <v>86</v>
      </c>
      <c r="Q38882">
        <v>39</v>
      </c>
      <c r="R38882">
        <v>40</v>
      </c>
      <c r="S38882">
        <v>40</v>
      </c>
      <c r="T38882">
        <v>41</v>
      </c>
      <c r="U38882">
        <v>42</v>
      </c>
      <c r="V38882">
        <v>42</v>
      </c>
      <c r="W38882">
        <v>43</v>
      </c>
      <c r="X38882">
        <v>43</v>
      </c>
      <c r="Y38882">
        <v>44</v>
      </c>
      <c r="Z38882">
        <v>45</v>
      </c>
      <c r="AA38882">
        <v>45</v>
      </c>
      <c r="AB38882">
        <v>46</v>
      </c>
      <c r="AC38882">
        <v>46</v>
      </c>
      <c r="AD38882">
        <v>47</v>
      </c>
      <c r="AE38882">
        <v>47</v>
      </c>
      <c r="AF38882">
        <v>47</v>
      </c>
      <c r="AG38882">
        <v>48</v>
      </c>
      <c r="AH38882">
        <v>48</v>
      </c>
      <c r="AI38882">
        <v>49</v>
      </c>
      <c r="AJ38882">
        <v>49</v>
      </c>
      <c r="AK38882">
        <v>49</v>
      </c>
      <c r="AL38882">
        <v>49</v>
      </c>
      <c r="AM38882">
        <v>49</v>
      </c>
      <c r="AN38882">
        <v>49</v>
      </c>
      <c r="AO38882">
        <v>49</v>
      </c>
      <c r="AP38882">
        <v>49</v>
      </c>
      <c r="AQ38882">
        <v>49</v>
      </c>
    </row>
    <row r="38883" spans="1:43">
      <c r="A38883" t="s">
        <v>24119</v>
      </c>
      <c r="B38883" t="s">
        <v>24120</v>
      </c>
      <c r="C38883" t="s">
        <v>24115</v>
      </c>
      <c r="D38883" t="s">
        <v>24116</v>
      </c>
      <c r="E38883" t="s">
        <v>23993</v>
      </c>
      <c r="F38883" t="s">
        <v>23994</v>
      </c>
      <c r="G38883" t="s">
        <v>11612</v>
      </c>
      <c r="H38883" t="s">
        <v>11613</v>
      </c>
      <c r="I38883" s="2">
        <v>0</v>
      </c>
      <c r="J38883" s="2">
        <v>0</v>
      </c>
      <c r="K38883" s="2">
        <v>1</v>
      </c>
      <c r="L38883" t="s">
        <v>995</v>
      </c>
      <c r="M38883" t="s">
        <v>87</v>
      </c>
      <c r="N38883" t="s">
        <v>88</v>
      </c>
      <c r="O38883" t="s">
        <v>85</v>
      </c>
      <c r="P38883" t="s">
        <v>86</v>
      </c>
      <c r="Q38883">
        <v>39</v>
      </c>
      <c r="R38883">
        <v>39</v>
      </c>
      <c r="S38883">
        <v>39</v>
      </c>
      <c r="T38883">
        <v>40</v>
      </c>
      <c r="U38883">
        <v>40</v>
      </c>
      <c r="V38883">
        <v>40</v>
      </c>
      <c r="W38883">
        <v>40</v>
      </c>
      <c r="X38883">
        <v>40</v>
      </c>
      <c r="Y38883">
        <v>41</v>
      </c>
      <c r="Z38883">
        <v>41</v>
      </c>
      <c r="AA38883">
        <v>41</v>
      </c>
      <c r="AB38883">
        <v>41</v>
      </c>
      <c r="AC38883">
        <v>41</v>
      </c>
      <c r="AD38883">
        <v>42</v>
      </c>
      <c r="AE38883">
        <v>42</v>
      </c>
      <c r="AF38883">
        <v>42</v>
      </c>
      <c r="AG38883">
        <v>42</v>
      </c>
      <c r="AH38883">
        <v>42</v>
      </c>
      <c r="AI38883">
        <v>42</v>
      </c>
      <c r="AJ38883">
        <v>43</v>
      </c>
      <c r="AK38883">
        <v>43</v>
      </c>
      <c r="AL38883">
        <v>43</v>
      </c>
      <c r="AM38883">
        <v>43</v>
      </c>
      <c r="AN38883">
        <v>43</v>
      </c>
      <c r="AO38883">
        <v>43</v>
      </c>
      <c r="AP38883">
        <v>43</v>
      </c>
      <c r="AQ38883">
        <v>44</v>
      </c>
    </row>
    <row r="38884" spans="1:43">
      <c r="A38884" t="s">
        <v>24119</v>
      </c>
      <c r="B38884" t="s">
        <v>24120</v>
      </c>
      <c r="C38884" t="s">
        <v>24115</v>
      </c>
      <c r="D38884" t="s">
        <v>24116</v>
      </c>
      <c r="E38884" t="s">
        <v>23993</v>
      </c>
      <c r="F38884" t="s">
        <v>23994</v>
      </c>
      <c r="G38884" t="s">
        <v>11612</v>
      </c>
      <c r="H38884" t="s">
        <v>11613</v>
      </c>
      <c r="I38884" s="2">
        <v>0</v>
      </c>
      <c r="J38884" s="2">
        <v>0</v>
      </c>
      <c r="K38884" s="2">
        <v>1</v>
      </c>
      <c r="L38884" t="s">
        <v>995</v>
      </c>
      <c r="M38884" t="s">
        <v>89</v>
      </c>
      <c r="N38884" t="s">
        <v>90</v>
      </c>
      <c r="O38884" t="s">
        <v>85</v>
      </c>
      <c r="P38884" t="s">
        <v>86</v>
      </c>
      <c r="Q38884">
        <v>39</v>
      </c>
      <c r="R38884">
        <v>40</v>
      </c>
      <c r="S38884">
        <v>40</v>
      </c>
      <c r="T38884">
        <v>41</v>
      </c>
      <c r="U38884">
        <v>42</v>
      </c>
      <c r="V38884">
        <v>43</v>
      </c>
      <c r="W38884">
        <v>44</v>
      </c>
      <c r="X38884">
        <v>45</v>
      </c>
      <c r="Y38884">
        <v>45</v>
      </c>
      <c r="Z38884">
        <v>46</v>
      </c>
      <c r="AA38884">
        <v>47</v>
      </c>
      <c r="AB38884">
        <v>47</v>
      </c>
      <c r="AC38884">
        <v>48</v>
      </c>
      <c r="AD38884">
        <v>49</v>
      </c>
      <c r="AE38884">
        <v>49</v>
      </c>
      <c r="AF38884">
        <v>49</v>
      </c>
      <c r="AG38884">
        <v>49</v>
      </c>
      <c r="AH38884">
        <v>49</v>
      </c>
      <c r="AI38884">
        <v>49</v>
      </c>
      <c r="AJ38884">
        <v>49</v>
      </c>
      <c r="AK38884">
        <v>49</v>
      </c>
      <c r="AL38884">
        <v>49</v>
      </c>
      <c r="AM38884">
        <v>49</v>
      </c>
      <c r="AN38884">
        <v>49</v>
      </c>
      <c r="AO38884">
        <v>49</v>
      </c>
      <c r="AP38884">
        <v>49</v>
      </c>
      <c r="AQ38884">
        <v>49</v>
      </c>
    </row>
    <row r="38885" spans="1:43">
      <c r="A38885" t="s">
        <v>24119</v>
      </c>
      <c r="B38885" t="s">
        <v>24120</v>
      </c>
      <c r="C38885" t="s">
        <v>24115</v>
      </c>
      <c r="D38885" t="s">
        <v>24116</v>
      </c>
      <c r="E38885" t="s">
        <v>23993</v>
      </c>
      <c r="F38885" t="s">
        <v>23994</v>
      </c>
      <c r="G38885" t="s">
        <v>11612</v>
      </c>
      <c r="H38885" t="s">
        <v>11613</v>
      </c>
      <c r="I38885" s="2">
        <v>0</v>
      </c>
      <c r="J38885" s="2">
        <v>0</v>
      </c>
      <c r="K38885" s="2">
        <v>1</v>
      </c>
      <c r="L38885" t="s">
        <v>995</v>
      </c>
      <c r="M38885" t="s">
        <v>83</v>
      </c>
      <c r="N38885" t="s">
        <v>91</v>
      </c>
      <c r="O38885" t="s">
        <v>85</v>
      </c>
      <c r="P38885" t="s">
        <v>86</v>
      </c>
      <c r="Q38885">
        <v>39</v>
      </c>
      <c r="R38885">
        <v>40</v>
      </c>
      <c r="S38885">
        <v>40</v>
      </c>
      <c r="T38885">
        <v>41</v>
      </c>
      <c r="U38885">
        <v>42</v>
      </c>
      <c r="V38885">
        <v>42</v>
      </c>
      <c r="W38885">
        <v>43</v>
      </c>
      <c r="X38885">
        <v>43</v>
      </c>
      <c r="Y38885">
        <v>44</v>
      </c>
      <c r="Z38885">
        <v>45</v>
      </c>
      <c r="AA38885">
        <v>45</v>
      </c>
      <c r="AB38885">
        <v>46</v>
      </c>
      <c r="AC38885">
        <v>46</v>
      </c>
      <c r="AD38885">
        <v>47</v>
      </c>
      <c r="AE38885">
        <v>47</v>
      </c>
      <c r="AF38885">
        <v>47</v>
      </c>
      <c r="AG38885">
        <v>48</v>
      </c>
      <c r="AH38885">
        <v>48</v>
      </c>
      <c r="AI38885">
        <v>49</v>
      </c>
      <c r="AJ38885">
        <v>49</v>
      </c>
      <c r="AK38885">
        <v>49</v>
      </c>
      <c r="AL38885">
        <v>49</v>
      </c>
      <c r="AM38885">
        <v>49</v>
      </c>
      <c r="AN38885">
        <v>49</v>
      </c>
      <c r="AO38885">
        <v>49</v>
      </c>
      <c r="AP38885">
        <v>49</v>
      </c>
      <c r="AQ38885">
        <v>49</v>
      </c>
    </row>
    <row r="38886" spans="1:43">
      <c r="A38886" t="s">
        <v>24121</v>
      </c>
      <c r="B38886" t="s">
        <v>24122</v>
      </c>
      <c r="C38886" t="s">
        <v>24115</v>
      </c>
      <c r="D38886" t="s">
        <v>24116</v>
      </c>
      <c r="E38886" t="s">
        <v>23993</v>
      </c>
      <c r="F38886" t="s">
        <v>23994</v>
      </c>
      <c r="G38886" t="s">
        <v>11612</v>
      </c>
      <c r="H38886" t="s">
        <v>11613</v>
      </c>
      <c r="I38886" s="2">
        <v>0</v>
      </c>
      <c r="J38886" s="2">
        <v>0</v>
      </c>
      <c r="K38886" s="2">
        <v>1</v>
      </c>
      <c r="L38886" t="s">
        <v>995</v>
      </c>
      <c r="M38886" t="s">
        <v>83</v>
      </c>
      <c r="N38886" t="s">
        <v>84</v>
      </c>
      <c r="O38886" t="s">
        <v>85</v>
      </c>
      <c r="P38886" t="s">
        <v>86</v>
      </c>
      <c r="Q38886">
        <v>66</v>
      </c>
      <c r="R38886">
        <v>67</v>
      </c>
      <c r="S38886">
        <v>68</v>
      </c>
      <c r="T38886">
        <v>69</v>
      </c>
      <c r="U38886">
        <v>70</v>
      </c>
      <c r="V38886">
        <v>71</v>
      </c>
      <c r="W38886">
        <v>72</v>
      </c>
      <c r="X38886">
        <v>73</v>
      </c>
      <c r="Y38886">
        <v>74</v>
      </c>
      <c r="Z38886">
        <v>75</v>
      </c>
      <c r="AA38886">
        <v>75</v>
      </c>
      <c r="AB38886">
        <v>76</v>
      </c>
      <c r="AC38886">
        <v>77</v>
      </c>
      <c r="AD38886">
        <v>78</v>
      </c>
      <c r="AE38886">
        <v>78</v>
      </c>
      <c r="AF38886">
        <v>79</v>
      </c>
      <c r="AG38886">
        <v>79</v>
      </c>
      <c r="AH38886">
        <v>80</v>
      </c>
      <c r="AI38886">
        <v>81</v>
      </c>
      <c r="AJ38886">
        <v>81</v>
      </c>
      <c r="AK38886">
        <v>82</v>
      </c>
      <c r="AL38886">
        <v>82</v>
      </c>
      <c r="AM38886">
        <v>81</v>
      </c>
      <c r="AN38886">
        <v>81</v>
      </c>
      <c r="AO38886">
        <v>81</v>
      </c>
      <c r="AP38886">
        <v>81</v>
      </c>
      <c r="AQ38886">
        <v>81</v>
      </c>
    </row>
    <row r="38887" spans="1:43">
      <c r="A38887" t="s">
        <v>24121</v>
      </c>
      <c r="B38887" t="s">
        <v>24122</v>
      </c>
      <c r="C38887" t="s">
        <v>24115</v>
      </c>
      <c r="D38887" t="s">
        <v>24116</v>
      </c>
      <c r="E38887" t="s">
        <v>23993</v>
      </c>
      <c r="F38887" t="s">
        <v>23994</v>
      </c>
      <c r="G38887" t="s">
        <v>11612</v>
      </c>
      <c r="H38887" t="s">
        <v>11613</v>
      </c>
      <c r="I38887" s="2">
        <v>0</v>
      </c>
      <c r="J38887" s="2">
        <v>0</v>
      </c>
      <c r="K38887" s="2">
        <v>1</v>
      </c>
      <c r="L38887" t="s">
        <v>995</v>
      </c>
      <c r="M38887" t="s">
        <v>87</v>
      </c>
      <c r="N38887" t="s">
        <v>88</v>
      </c>
      <c r="O38887" t="s">
        <v>85</v>
      </c>
      <c r="P38887" t="s">
        <v>86</v>
      </c>
      <c r="Q38887">
        <v>66</v>
      </c>
      <c r="R38887">
        <v>66</v>
      </c>
      <c r="S38887">
        <v>66</v>
      </c>
      <c r="T38887">
        <v>67</v>
      </c>
      <c r="U38887">
        <v>67</v>
      </c>
      <c r="V38887">
        <v>67</v>
      </c>
      <c r="W38887">
        <v>68</v>
      </c>
      <c r="X38887">
        <v>68</v>
      </c>
      <c r="Y38887">
        <v>68</v>
      </c>
      <c r="Z38887">
        <v>68</v>
      </c>
      <c r="AA38887">
        <v>69</v>
      </c>
      <c r="AB38887">
        <v>69</v>
      </c>
      <c r="AC38887">
        <v>69</v>
      </c>
      <c r="AD38887">
        <v>69</v>
      </c>
      <c r="AE38887">
        <v>69</v>
      </c>
      <c r="AF38887">
        <v>70</v>
      </c>
      <c r="AG38887">
        <v>70</v>
      </c>
      <c r="AH38887">
        <v>70</v>
      </c>
      <c r="AI38887">
        <v>70</v>
      </c>
      <c r="AJ38887">
        <v>70</v>
      </c>
      <c r="AK38887">
        <v>70</v>
      </c>
      <c r="AL38887">
        <v>70</v>
      </c>
      <c r="AM38887">
        <v>70</v>
      </c>
      <c r="AN38887">
        <v>70</v>
      </c>
      <c r="AO38887">
        <v>71</v>
      </c>
      <c r="AP38887">
        <v>71</v>
      </c>
      <c r="AQ38887">
        <v>71</v>
      </c>
    </row>
    <row r="38888" spans="1:43">
      <c r="A38888" t="s">
        <v>24121</v>
      </c>
      <c r="B38888" t="s">
        <v>24122</v>
      </c>
      <c r="C38888" t="s">
        <v>24115</v>
      </c>
      <c r="D38888" t="s">
        <v>24116</v>
      </c>
      <c r="E38888" t="s">
        <v>23993</v>
      </c>
      <c r="F38888" t="s">
        <v>23994</v>
      </c>
      <c r="G38888" t="s">
        <v>11612</v>
      </c>
      <c r="H38888" t="s">
        <v>11613</v>
      </c>
      <c r="I38888" s="2">
        <v>0</v>
      </c>
      <c r="J38888" s="2">
        <v>0</v>
      </c>
      <c r="K38888" s="2">
        <v>1</v>
      </c>
      <c r="L38888" t="s">
        <v>995</v>
      </c>
      <c r="M38888" t="s">
        <v>89</v>
      </c>
      <c r="N38888" t="s">
        <v>90</v>
      </c>
      <c r="O38888" t="s">
        <v>85</v>
      </c>
      <c r="P38888" t="s">
        <v>86</v>
      </c>
      <c r="Q38888">
        <v>66</v>
      </c>
      <c r="R38888">
        <v>68</v>
      </c>
      <c r="S38888">
        <v>69</v>
      </c>
      <c r="T38888">
        <v>71</v>
      </c>
      <c r="U38888">
        <v>72</v>
      </c>
      <c r="V38888">
        <v>73</v>
      </c>
      <c r="W38888">
        <v>75</v>
      </c>
      <c r="X38888">
        <v>76</v>
      </c>
      <c r="Y38888">
        <v>77</v>
      </c>
      <c r="Z38888">
        <v>78</v>
      </c>
      <c r="AA38888">
        <v>79</v>
      </c>
      <c r="AB38888">
        <v>80</v>
      </c>
      <c r="AC38888">
        <v>81</v>
      </c>
      <c r="AD38888">
        <v>82</v>
      </c>
      <c r="AE38888">
        <v>82</v>
      </c>
      <c r="AF38888">
        <v>82</v>
      </c>
      <c r="AG38888">
        <v>82</v>
      </c>
      <c r="AH38888">
        <v>82</v>
      </c>
      <c r="AI38888">
        <v>82</v>
      </c>
      <c r="AJ38888">
        <v>82</v>
      </c>
      <c r="AK38888">
        <v>82</v>
      </c>
      <c r="AL38888">
        <v>81</v>
      </c>
      <c r="AM38888">
        <v>81</v>
      </c>
      <c r="AN38888">
        <v>81</v>
      </c>
      <c r="AO38888">
        <v>81</v>
      </c>
      <c r="AP38888">
        <v>81</v>
      </c>
      <c r="AQ38888">
        <v>80</v>
      </c>
    </row>
    <row r="38889" spans="1:43">
      <c r="A38889" t="s">
        <v>24121</v>
      </c>
      <c r="B38889" t="s">
        <v>24122</v>
      </c>
      <c r="C38889" t="s">
        <v>24115</v>
      </c>
      <c r="D38889" t="s">
        <v>24116</v>
      </c>
      <c r="E38889" t="s">
        <v>23993</v>
      </c>
      <c r="F38889" t="s">
        <v>23994</v>
      </c>
      <c r="G38889" t="s">
        <v>11612</v>
      </c>
      <c r="H38889" t="s">
        <v>11613</v>
      </c>
      <c r="I38889" s="2">
        <v>0</v>
      </c>
      <c r="J38889" s="2">
        <v>0</v>
      </c>
      <c r="K38889" s="2">
        <v>1</v>
      </c>
      <c r="L38889" t="s">
        <v>995</v>
      </c>
      <c r="M38889" t="s">
        <v>83</v>
      </c>
      <c r="N38889" t="s">
        <v>91</v>
      </c>
      <c r="O38889" t="s">
        <v>85</v>
      </c>
      <c r="P38889" t="s">
        <v>86</v>
      </c>
      <c r="Q38889">
        <v>66</v>
      </c>
      <c r="R38889">
        <v>67</v>
      </c>
      <c r="S38889">
        <v>68</v>
      </c>
      <c r="T38889">
        <v>69</v>
      </c>
      <c r="U38889">
        <v>70</v>
      </c>
      <c r="V38889">
        <v>71</v>
      </c>
      <c r="W38889">
        <v>72</v>
      </c>
      <c r="X38889">
        <v>73</v>
      </c>
      <c r="Y38889">
        <v>74</v>
      </c>
      <c r="Z38889">
        <v>75</v>
      </c>
      <c r="AA38889">
        <v>75</v>
      </c>
      <c r="AB38889">
        <v>76</v>
      </c>
      <c r="AC38889">
        <v>77</v>
      </c>
      <c r="AD38889">
        <v>78</v>
      </c>
      <c r="AE38889">
        <v>78</v>
      </c>
      <c r="AF38889">
        <v>79</v>
      </c>
      <c r="AG38889">
        <v>79</v>
      </c>
      <c r="AH38889">
        <v>80</v>
      </c>
      <c r="AI38889">
        <v>81</v>
      </c>
      <c r="AJ38889">
        <v>81</v>
      </c>
      <c r="AK38889">
        <v>82</v>
      </c>
      <c r="AL38889">
        <v>82</v>
      </c>
      <c r="AM38889">
        <v>81</v>
      </c>
      <c r="AN38889">
        <v>81</v>
      </c>
      <c r="AO38889">
        <v>81</v>
      </c>
      <c r="AP38889">
        <v>81</v>
      </c>
      <c r="AQ38889">
        <v>81</v>
      </c>
    </row>
    <row r="38890" spans="1:43">
      <c r="A38890" t="s">
        <v>24123</v>
      </c>
      <c r="B38890" t="s">
        <v>24124</v>
      </c>
      <c r="C38890" t="s">
        <v>24097</v>
      </c>
      <c r="D38890" t="s">
        <v>24098</v>
      </c>
      <c r="E38890" t="s">
        <v>23993</v>
      </c>
      <c r="F38890" t="s">
        <v>23994</v>
      </c>
      <c r="G38890" t="s">
        <v>11612</v>
      </c>
      <c r="H38890" t="s">
        <v>11613</v>
      </c>
      <c r="I38890" s="2">
        <v>0</v>
      </c>
      <c r="J38890" s="2">
        <v>0</v>
      </c>
      <c r="K38890" s="2">
        <v>1</v>
      </c>
      <c r="L38890" t="s">
        <v>995</v>
      </c>
      <c r="M38890" t="s">
        <v>83</v>
      </c>
      <c r="N38890" t="s">
        <v>84</v>
      </c>
      <c r="O38890" t="s">
        <v>85</v>
      </c>
      <c r="P38890" t="s">
        <v>86</v>
      </c>
      <c r="Q38890">
        <v>26</v>
      </c>
      <c r="R38890">
        <v>26</v>
      </c>
      <c r="S38890">
        <v>27</v>
      </c>
      <c r="T38890">
        <v>27</v>
      </c>
      <c r="U38890">
        <v>28</v>
      </c>
      <c r="V38890">
        <v>28</v>
      </c>
      <c r="W38890">
        <v>29</v>
      </c>
      <c r="X38890">
        <v>29</v>
      </c>
      <c r="Y38890">
        <v>29</v>
      </c>
      <c r="Z38890">
        <v>30</v>
      </c>
      <c r="AA38890">
        <v>30</v>
      </c>
      <c r="AB38890">
        <v>31</v>
      </c>
      <c r="AC38890">
        <v>31</v>
      </c>
      <c r="AD38890">
        <v>31</v>
      </c>
      <c r="AE38890">
        <v>32</v>
      </c>
      <c r="AF38890">
        <v>32</v>
      </c>
      <c r="AG38890">
        <v>33</v>
      </c>
      <c r="AH38890">
        <v>33</v>
      </c>
      <c r="AI38890">
        <v>33</v>
      </c>
      <c r="AJ38890">
        <v>34</v>
      </c>
      <c r="AK38890">
        <v>34</v>
      </c>
      <c r="AL38890">
        <v>34</v>
      </c>
      <c r="AM38890">
        <v>34</v>
      </c>
      <c r="AN38890">
        <v>34</v>
      </c>
      <c r="AO38890">
        <v>34</v>
      </c>
      <c r="AP38890">
        <v>35</v>
      </c>
      <c r="AQ38890">
        <v>35</v>
      </c>
    </row>
    <row r="38891" spans="1:43">
      <c r="A38891" t="s">
        <v>24123</v>
      </c>
      <c r="B38891" t="s">
        <v>24124</v>
      </c>
      <c r="C38891" t="s">
        <v>24097</v>
      </c>
      <c r="D38891" t="s">
        <v>24098</v>
      </c>
      <c r="E38891" t="s">
        <v>23993</v>
      </c>
      <c r="F38891" t="s">
        <v>23994</v>
      </c>
      <c r="G38891" t="s">
        <v>11612</v>
      </c>
      <c r="H38891" t="s">
        <v>11613</v>
      </c>
      <c r="I38891" s="2">
        <v>0</v>
      </c>
      <c r="J38891" s="2">
        <v>0</v>
      </c>
      <c r="K38891" s="2">
        <v>1</v>
      </c>
      <c r="L38891" t="s">
        <v>995</v>
      </c>
      <c r="M38891" t="s">
        <v>87</v>
      </c>
      <c r="N38891" t="s">
        <v>88</v>
      </c>
      <c r="O38891" t="s">
        <v>85</v>
      </c>
      <c r="P38891" t="s">
        <v>86</v>
      </c>
      <c r="Q38891">
        <v>26</v>
      </c>
      <c r="R38891">
        <v>26</v>
      </c>
      <c r="S38891">
        <v>26</v>
      </c>
      <c r="T38891">
        <v>26</v>
      </c>
      <c r="U38891">
        <v>26</v>
      </c>
      <c r="V38891">
        <v>27</v>
      </c>
      <c r="W38891">
        <v>27</v>
      </c>
      <c r="X38891">
        <v>27</v>
      </c>
      <c r="Y38891">
        <v>27</v>
      </c>
      <c r="Z38891">
        <v>27</v>
      </c>
      <c r="AA38891">
        <v>28</v>
      </c>
      <c r="AB38891">
        <v>28</v>
      </c>
      <c r="AC38891">
        <v>28</v>
      </c>
      <c r="AD38891">
        <v>28</v>
      </c>
      <c r="AE38891">
        <v>28</v>
      </c>
      <c r="AF38891">
        <v>28</v>
      </c>
      <c r="AG38891">
        <v>28</v>
      </c>
      <c r="AH38891">
        <v>29</v>
      </c>
      <c r="AI38891">
        <v>29</v>
      </c>
      <c r="AJ38891">
        <v>29</v>
      </c>
      <c r="AK38891">
        <v>29</v>
      </c>
      <c r="AL38891">
        <v>29</v>
      </c>
      <c r="AM38891">
        <v>29</v>
      </c>
      <c r="AN38891">
        <v>29</v>
      </c>
      <c r="AO38891">
        <v>30</v>
      </c>
      <c r="AP38891">
        <v>30</v>
      </c>
      <c r="AQ38891">
        <v>30</v>
      </c>
    </row>
    <row r="38892" spans="1:43">
      <c r="A38892" t="s">
        <v>24123</v>
      </c>
      <c r="B38892" t="s">
        <v>24124</v>
      </c>
      <c r="C38892" t="s">
        <v>24097</v>
      </c>
      <c r="D38892" t="s">
        <v>24098</v>
      </c>
      <c r="E38892" t="s">
        <v>23993</v>
      </c>
      <c r="F38892" t="s">
        <v>23994</v>
      </c>
      <c r="G38892" t="s">
        <v>11612</v>
      </c>
      <c r="H38892" t="s">
        <v>11613</v>
      </c>
      <c r="I38892" s="2">
        <v>0</v>
      </c>
      <c r="J38892" s="2">
        <v>0</v>
      </c>
      <c r="K38892" s="2">
        <v>1</v>
      </c>
      <c r="L38892" t="s">
        <v>995</v>
      </c>
      <c r="M38892" t="s">
        <v>89</v>
      </c>
      <c r="N38892" t="s">
        <v>90</v>
      </c>
      <c r="O38892" t="s">
        <v>85</v>
      </c>
      <c r="P38892" t="s">
        <v>86</v>
      </c>
      <c r="Q38892">
        <v>26</v>
      </c>
      <c r="R38892">
        <v>27</v>
      </c>
      <c r="S38892">
        <v>28</v>
      </c>
      <c r="T38892">
        <v>28</v>
      </c>
      <c r="U38892">
        <v>29</v>
      </c>
      <c r="V38892">
        <v>29</v>
      </c>
      <c r="W38892">
        <v>30</v>
      </c>
      <c r="X38892">
        <v>31</v>
      </c>
      <c r="Y38892">
        <v>31</v>
      </c>
      <c r="Z38892">
        <v>32</v>
      </c>
      <c r="AA38892">
        <v>32</v>
      </c>
      <c r="AB38892">
        <v>33</v>
      </c>
      <c r="AC38892">
        <v>33</v>
      </c>
      <c r="AD38892">
        <v>34</v>
      </c>
      <c r="AE38892">
        <v>34</v>
      </c>
      <c r="AF38892">
        <v>34</v>
      </c>
      <c r="AG38892">
        <v>34</v>
      </c>
      <c r="AH38892">
        <v>34</v>
      </c>
      <c r="AI38892">
        <v>35</v>
      </c>
      <c r="AJ38892">
        <v>35</v>
      </c>
      <c r="AK38892">
        <v>35</v>
      </c>
      <c r="AL38892">
        <v>35</v>
      </c>
      <c r="AM38892">
        <v>35</v>
      </c>
      <c r="AN38892">
        <v>35</v>
      </c>
      <c r="AO38892">
        <v>35</v>
      </c>
      <c r="AP38892">
        <v>35</v>
      </c>
      <c r="AQ38892">
        <v>35</v>
      </c>
    </row>
    <row r="38893" spans="1:43">
      <c r="A38893" t="s">
        <v>24123</v>
      </c>
      <c r="B38893" t="s">
        <v>24124</v>
      </c>
      <c r="C38893" t="s">
        <v>24097</v>
      </c>
      <c r="D38893" t="s">
        <v>24098</v>
      </c>
      <c r="E38893" t="s">
        <v>23993</v>
      </c>
      <c r="F38893" t="s">
        <v>23994</v>
      </c>
      <c r="G38893" t="s">
        <v>11612</v>
      </c>
      <c r="H38893" t="s">
        <v>11613</v>
      </c>
      <c r="I38893" s="2">
        <v>0</v>
      </c>
      <c r="J38893" s="2">
        <v>0</v>
      </c>
      <c r="K38893" s="2">
        <v>1</v>
      </c>
      <c r="L38893" t="s">
        <v>995</v>
      </c>
      <c r="M38893" t="s">
        <v>83</v>
      </c>
      <c r="N38893" t="s">
        <v>91</v>
      </c>
      <c r="O38893" t="s">
        <v>85</v>
      </c>
      <c r="P38893" t="s">
        <v>86</v>
      </c>
      <c r="Q38893">
        <v>26</v>
      </c>
      <c r="R38893">
        <v>26</v>
      </c>
      <c r="S38893">
        <v>27</v>
      </c>
      <c r="T38893">
        <v>27</v>
      </c>
      <c r="U38893">
        <v>28</v>
      </c>
      <c r="V38893">
        <v>28</v>
      </c>
      <c r="W38893">
        <v>29</v>
      </c>
      <c r="X38893">
        <v>29</v>
      </c>
      <c r="Y38893">
        <v>29</v>
      </c>
      <c r="Z38893">
        <v>30</v>
      </c>
      <c r="AA38893">
        <v>30</v>
      </c>
      <c r="AB38893">
        <v>31</v>
      </c>
      <c r="AC38893">
        <v>31</v>
      </c>
      <c r="AD38893">
        <v>31</v>
      </c>
      <c r="AE38893">
        <v>32</v>
      </c>
      <c r="AF38893">
        <v>32</v>
      </c>
      <c r="AG38893">
        <v>33</v>
      </c>
      <c r="AH38893">
        <v>33</v>
      </c>
      <c r="AI38893">
        <v>33</v>
      </c>
      <c r="AJ38893">
        <v>34</v>
      </c>
      <c r="AK38893">
        <v>34</v>
      </c>
      <c r="AL38893">
        <v>34</v>
      </c>
      <c r="AM38893">
        <v>34</v>
      </c>
      <c r="AN38893">
        <v>34</v>
      </c>
      <c r="AO38893">
        <v>34</v>
      </c>
      <c r="AP38893">
        <v>35</v>
      </c>
      <c r="AQ38893">
        <v>35</v>
      </c>
    </row>
    <row r="38894" spans="1:43">
      <c r="A38894" t="s">
        <v>24125</v>
      </c>
      <c r="B38894" t="s">
        <v>24126</v>
      </c>
      <c r="C38894" t="s">
        <v>24083</v>
      </c>
      <c r="D38894" t="s">
        <v>24084</v>
      </c>
      <c r="E38894" t="s">
        <v>23993</v>
      </c>
      <c r="F38894" t="s">
        <v>23994</v>
      </c>
      <c r="G38894" t="s">
        <v>11612</v>
      </c>
      <c r="H38894" t="s">
        <v>11613</v>
      </c>
      <c r="I38894" s="2">
        <v>0</v>
      </c>
      <c r="J38894" s="2">
        <v>0</v>
      </c>
      <c r="K38894" s="2">
        <v>1</v>
      </c>
      <c r="L38894" t="s">
        <v>995</v>
      </c>
      <c r="M38894" t="s">
        <v>83</v>
      </c>
      <c r="N38894" t="s">
        <v>84</v>
      </c>
      <c r="O38894" t="s">
        <v>85</v>
      </c>
      <c r="P38894" t="s">
        <v>86</v>
      </c>
      <c r="Q38894">
        <v>24</v>
      </c>
      <c r="R38894">
        <v>24</v>
      </c>
      <c r="S38894">
        <v>25</v>
      </c>
      <c r="T38894">
        <v>25</v>
      </c>
      <c r="U38894">
        <v>26</v>
      </c>
      <c r="V38894">
        <v>26</v>
      </c>
      <c r="W38894">
        <v>26</v>
      </c>
      <c r="X38894">
        <v>27</v>
      </c>
      <c r="Y38894">
        <v>27</v>
      </c>
      <c r="Z38894">
        <v>28</v>
      </c>
      <c r="AA38894">
        <v>28</v>
      </c>
      <c r="AB38894">
        <v>28</v>
      </c>
      <c r="AC38894">
        <v>29</v>
      </c>
      <c r="AD38894">
        <v>29</v>
      </c>
      <c r="AE38894">
        <v>29</v>
      </c>
      <c r="AF38894">
        <v>30</v>
      </c>
      <c r="AG38894">
        <v>30</v>
      </c>
      <c r="AH38894">
        <v>30</v>
      </c>
      <c r="AI38894">
        <v>31</v>
      </c>
      <c r="AJ38894">
        <v>31</v>
      </c>
      <c r="AK38894">
        <v>31</v>
      </c>
      <c r="AL38894">
        <v>32</v>
      </c>
      <c r="AM38894">
        <v>32</v>
      </c>
      <c r="AN38894">
        <v>32</v>
      </c>
      <c r="AO38894">
        <v>32</v>
      </c>
      <c r="AP38894">
        <v>32</v>
      </c>
      <c r="AQ38894">
        <v>32</v>
      </c>
    </row>
    <row r="38895" spans="1:43">
      <c r="A38895" t="s">
        <v>24125</v>
      </c>
      <c r="B38895" t="s">
        <v>24126</v>
      </c>
      <c r="C38895" t="s">
        <v>24083</v>
      </c>
      <c r="D38895" t="s">
        <v>24084</v>
      </c>
      <c r="E38895" t="s">
        <v>23993</v>
      </c>
      <c r="F38895" t="s">
        <v>23994</v>
      </c>
      <c r="G38895" t="s">
        <v>11612</v>
      </c>
      <c r="H38895" t="s">
        <v>11613</v>
      </c>
      <c r="I38895" s="2">
        <v>0</v>
      </c>
      <c r="J38895" s="2">
        <v>0</v>
      </c>
      <c r="K38895" s="2">
        <v>1</v>
      </c>
      <c r="L38895" t="s">
        <v>995</v>
      </c>
      <c r="M38895" t="s">
        <v>87</v>
      </c>
      <c r="N38895" t="s">
        <v>88</v>
      </c>
      <c r="O38895" t="s">
        <v>85</v>
      </c>
      <c r="P38895" t="s">
        <v>86</v>
      </c>
      <c r="Q38895">
        <v>24</v>
      </c>
      <c r="R38895">
        <v>24</v>
      </c>
      <c r="S38895">
        <v>24</v>
      </c>
      <c r="T38895">
        <v>24</v>
      </c>
      <c r="U38895">
        <v>25</v>
      </c>
      <c r="V38895">
        <v>25</v>
      </c>
      <c r="W38895">
        <v>25</v>
      </c>
      <c r="X38895">
        <v>25</v>
      </c>
      <c r="Y38895">
        <v>25</v>
      </c>
      <c r="Z38895">
        <v>25</v>
      </c>
      <c r="AA38895">
        <v>26</v>
      </c>
      <c r="AB38895">
        <v>26</v>
      </c>
      <c r="AC38895">
        <v>26</v>
      </c>
      <c r="AD38895">
        <v>26</v>
      </c>
      <c r="AE38895">
        <v>26</v>
      </c>
      <c r="AF38895">
        <v>26</v>
      </c>
      <c r="AG38895">
        <v>26</v>
      </c>
      <c r="AH38895">
        <v>27</v>
      </c>
      <c r="AI38895">
        <v>27</v>
      </c>
      <c r="AJ38895">
        <v>27</v>
      </c>
      <c r="AK38895">
        <v>27</v>
      </c>
      <c r="AL38895">
        <v>27</v>
      </c>
      <c r="AM38895">
        <v>27</v>
      </c>
      <c r="AN38895">
        <v>27</v>
      </c>
      <c r="AO38895">
        <v>27</v>
      </c>
      <c r="AP38895">
        <v>28</v>
      </c>
      <c r="AQ38895">
        <v>28</v>
      </c>
    </row>
    <row r="38896" spans="1:43">
      <c r="A38896" t="s">
        <v>24125</v>
      </c>
      <c r="B38896" t="s">
        <v>24126</v>
      </c>
      <c r="C38896" t="s">
        <v>24083</v>
      </c>
      <c r="D38896" t="s">
        <v>24084</v>
      </c>
      <c r="E38896" t="s">
        <v>23993</v>
      </c>
      <c r="F38896" t="s">
        <v>23994</v>
      </c>
      <c r="G38896" t="s">
        <v>11612</v>
      </c>
      <c r="H38896" t="s">
        <v>11613</v>
      </c>
      <c r="I38896" s="2">
        <v>0</v>
      </c>
      <c r="J38896" s="2">
        <v>0</v>
      </c>
      <c r="K38896" s="2">
        <v>1</v>
      </c>
      <c r="L38896" t="s">
        <v>995</v>
      </c>
      <c r="M38896" t="s">
        <v>89</v>
      </c>
      <c r="N38896" t="s">
        <v>90</v>
      </c>
      <c r="O38896" t="s">
        <v>85</v>
      </c>
      <c r="P38896" t="s">
        <v>86</v>
      </c>
      <c r="Q38896">
        <v>24</v>
      </c>
      <c r="R38896">
        <v>25</v>
      </c>
      <c r="S38896">
        <v>26</v>
      </c>
      <c r="T38896">
        <v>26</v>
      </c>
      <c r="U38896">
        <v>27</v>
      </c>
      <c r="V38896">
        <v>27</v>
      </c>
      <c r="W38896">
        <v>28</v>
      </c>
      <c r="X38896">
        <v>28</v>
      </c>
      <c r="Y38896">
        <v>29</v>
      </c>
      <c r="Z38896">
        <v>29</v>
      </c>
      <c r="AA38896">
        <v>30</v>
      </c>
      <c r="AB38896">
        <v>30</v>
      </c>
      <c r="AC38896">
        <v>31</v>
      </c>
      <c r="AD38896">
        <v>31</v>
      </c>
      <c r="AE38896">
        <v>32</v>
      </c>
      <c r="AF38896">
        <v>32</v>
      </c>
      <c r="AG38896">
        <v>32</v>
      </c>
      <c r="AH38896">
        <v>32</v>
      </c>
      <c r="AI38896">
        <v>32</v>
      </c>
      <c r="AJ38896">
        <v>32</v>
      </c>
      <c r="AK38896">
        <v>32</v>
      </c>
      <c r="AL38896">
        <v>32</v>
      </c>
      <c r="AM38896">
        <v>32</v>
      </c>
      <c r="AN38896">
        <v>32</v>
      </c>
      <c r="AO38896">
        <v>33</v>
      </c>
      <c r="AP38896">
        <v>33</v>
      </c>
      <c r="AQ38896">
        <v>33</v>
      </c>
    </row>
    <row r="38897" spans="1:43">
      <c r="A38897" t="s">
        <v>24125</v>
      </c>
      <c r="B38897" t="s">
        <v>24126</v>
      </c>
      <c r="C38897" t="s">
        <v>24083</v>
      </c>
      <c r="D38897" t="s">
        <v>24084</v>
      </c>
      <c r="E38897" t="s">
        <v>23993</v>
      </c>
      <c r="F38897" t="s">
        <v>23994</v>
      </c>
      <c r="G38897" t="s">
        <v>11612</v>
      </c>
      <c r="H38897" t="s">
        <v>11613</v>
      </c>
      <c r="I38897" s="2">
        <v>0</v>
      </c>
      <c r="J38897" s="2">
        <v>0</v>
      </c>
      <c r="K38897" s="2">
        <v>1</v>
      </c>
      <c r="L38897" t="s">
        <v>995</v>
      </c>
      <c r="M38897" t="s">
        <v>83</v>
      </c>
      <c r="N38897" t="s">
        <v>91</v>
      </c>
      <c r="O38897" t="s">
        <v>85</v>
      </c>
      <c r="P38897" t="s">
        <v>86</v>
      </c>
      <c r="Q38897">
        <v>24</v>
      </c>
      <c r="R38897">
        <v>24</v>
      </c>
      <c r="S38897">
        <v>25</v>
      </c>
      <c r="T38897">
        <v>25</v>
      </c>
      <c r="U38897">
        <v>26</v>
      </c>
      <c r="V38897">
        <v>26</v>
      </c>
      <c r="W38897">
        <v>26</v>
      </c>
      <c r="X38897">
        <v>27</v>
      </c>
      <c r="Y38897">
        <v>27</v>
      </c>
      <c r="Z38897">
        <v>28</v>
      </c>
      <c r="AA38897">
        <v>28</v>
      </c>
      <c r="AB38897">
        <v>28</v>
      </c>
      <c r="AC38897">
        <v>29</v>
      </c>
      <c r="AD38897">
        <v>29</v>
      </c>
      <c r="AE38897">
        <v>29</v>
      </c>
      <c r="AF38897">
        <v>30</v>
      </c>
      <c r="AG38897">
        <v>30</v>
      </c>
      <c r="AH38897">
        <v>30</v>
      </c>
      <c r="AI38897">
        <v>31</v>
      </c>
      <c r="AJ38897">
        <v>31</v>
      </c>
      <c r="AK38897">
        <v>31</v>
      </c>
      <c r="AL38897">
        <v>32</v>
      </c>
      <c r="AM38897">
        <v>32</v>
      </c>
      <c r="AN38897">
        <v>32</v>
      </c>
      <c r="AO38897">
        <v>32</v>
      </c>
      <c r="AP38897">
        <v>32</v>
      </c>
      <c r="AQ38897">
        <v>32</v>
      </c>
    </row>
    <row r="38898" spans="1:43">
      <c r="A38898" t="s">
        <v>24127</v>
      </c>
      <c r="B38898" t="s">
        <v>24128</v>
      </c>
      <c r="C38898" t="s">
        <v>24097</v>
      </c>
      <c r="D38898" t="s">
        <v>24098</v>
      </c>
      <c r="E38898" t="s">
        <v>23993</v>
      </c>
      <c r="F38898" t="s">
        <v>23994</v>
      </c>
      <c r="G38898" t="s">
        <v>11612</v>
      </c>
      <c r="H38898" t="s">
        <v>11613</v>
      </c>
      <c r="I38898" s="2">
        <v>0</v>
      </c>
      <c r="J38898" s="2">
        <v>0</v>
      </c>
      <c r="K38898" s="2">
        <v>1</v>
      </c>
      <c r="L38898" t="s">
        <v>995</v>
      </c>
      <c r="M38898" t="s">
        <v>83</v>
      </c>
      <c r="N38898" t="s">
        <v>84</v>
      </c>
      <c r="O38898" t="s">
        <v>85</v>
      </c>
      <c r="P38898" t="s">
        <v>86</v>
      </c>
      <c r="Q38898">
        <v>54</v>
      </c>
      <c r="R38898">
        <v>55</v>
      </c>
      <c r="S38898">
        <v>55</v>
      </c>
      <c r="T38898">
        <v>56</v>
      </c>
      <c r="U38898">
        <v>57</v>
      </c>
      <c r="V38898">
        <v>58</v>
      </c>
      <c r="W38898">
        <v>58</v>
      </c>
      <c r="X38898">
        <v>59</v>
      </c>
      <c r="Y38898">
        <v>60</v>
      </c>
      <c r="Z38898">
        <v>60</v>
      </c>
      <c r="AA38898">
        <v>61</v>
      </c>
      <c r="AB38898">
        <v>62</v>
      </c>
      <c r="AC38898">
        <v>62</v>
      </c>
      <c r="AD38898">
        <v>63</v>
      </c>
      <c r="AE38898">
        <v>63</v>
      </c>
      <c r="AF38898">
        <v>64</v>
      </c>
      <c r="AG38898">
        <v>64</v>
      </c>
      <c r="AH38898">
        <v>65</v>
      </c>
      <c r="AI38898">
        <v>65</v>
      </c>
      <c r="AJ38898">
        <v>66</v>
      </c>
      <c r="AK38898">
        <v>66</v>
      </c>
      <c r="AL38898">
        <v>66</v>
      </c>
      <c r="AM38898">
        <v>66</v>
      </c>
      <c r="AN38898">
        <v>66</v>
      </c>
      <c r="AO38898">
        <v>66</v>
      </c>
      <c r="AP38898">
        <v>66</v>
      </c>
      <c r="AQ38898">
        <v>66</v>
      </c>
    </row>
    <row r="38899" spans="1:43">
      <c r="A38899" t="s">
        <v>24127</v>
      </c>
      <c r="B38899" t="s">
        <v>24128</v>
      </c>
      <c r="C38899" t="s">
        <v>24097</v>
      </c>
      <c r="D38899" t="s">
        <v>24098</v>
      </c>
      <c r="E38899" t="s">
        <v>23993</v>
      </c>
      <c r="F38899" t="s">
        <v>23994</v>
      </c>
      <c r="G38899" t="s">
        <v>11612</v>
      </c>
      <c r="H38899" t="s">
        <v>11613</v>
      </c>
      <c r="I38899" s="2">
        <v>0</v>
      </c>
      <c r="J38899" s="2">
        <v>0</v>
      </c>
      <c r="K38899" s="2">
        <v>1</v>
      </c>
      <c r="L38899" t="s">
        <v>995</v>
      </c>
      <c r="M38899" t="s">
        <v>87</v>
      </c>
      <c r="N38899" t="s">
        <v>88</v>
      </c>
      <c r="O38899" t="s">
        <v>85</v>
      </c>
      <c r="P38899" t="s">
        <v>86</v>
      </c>
      <c r="Q38899">
        <v>54</v>
      </c>
      <c r="R38899">
        <v>55</v>
      </c>
      <c r="S38899">
        <v>55</v>
      </c>
      <c r="T38899">
        <v>55</v>
      </c>
      <c r="U38899">
        <v>55</v>
      </c>
      <c r="V38899">
        <v>56</v>
      </c>
      <c r="W38899">
        <v>56</v>
      </c>
      <c r="X38899">
        <v>56</v>
      </c>
      <c r="Y38899">
        <v>56</v>
      </c>
      <c r="Z38899">
        <v>56</v>
      </c>
      <c r="AA38899">
        <v>56</v>
      </c>
      <c r="AB38899">
        <v>57</v>
      </c>
      <c r="AC38899">
        <v>57</v>
      </c>
      <c r="AD38899">
        <v>57</v>
      </c>
      <c r="AE38899">
        <v>57</v>
      </c>
      <c r="AF38899">
        <v>57</v>
      </c>
      <c r="AG38899">
        <v>57</v>
      </c>
      <c r="AH38899">
        <v>57</v>
      </c>
      <c r="AI38899">
        <v>57</v>
      </c>
      <c r="AJ38899">
        <v>57</v>
      </c>
      <c r="AK38899">
        <v>57</v>
      </c>
      <c r="AL38899">
        <v>57</v>
      </c>
      <c r="AM38899">
        <v>58</v>
      </c>
      <c r="AN38899">
        <v>58</v>
      </c>
      <c r="AO38899">
        <v>58</v>
      </c>
      <c r="AP38899">
        <v>58</v>
      </c>
      <c r="AQ38899">
        <v>58</v>
      </c>
    </row>
    <row r="38900" spans="1:43">
      <c r="A38900" t="s">
        <v>24127</v>
      </c>
      <c r="B38900" t="s">
        <v>24128</v>
      </c>
      <c r="C38900" t="s">
        <v>24097</v>
      </c>
      <c r="D38900" t="s">
        <v>24098</v>
      </c>
      <c r="E38900" t="s">
        <v>23993</v>
      </c>
      <c r="F38900" t="s">
        <v>23994</v>
      </c>
      <c r="G38900" t="s">
        <v>11612</v>
      </c>
      <c r="H38900" t="s">
        <v>11613</v>
      </c>
      <c r="I38900" s="2">
        <v>0</v>
      </c>
      <c r="J38900" s="2">
        <v>0</v>
      </c>
      <c r="K38900" s="2">
        <v>1</v>
      </c>
      <c r="L38900" t="s">
        <v>995</v>
      </c>
      <c r="M38900" t="s">
        <v>89</v>
      </c>
      <c r="N38900" t="s">
        <v>90</v>
      </c>
      <c r="O38900" t="s">
        <v>85</v>
      </c>
      <c r="P38900" t="s">
        <v>86</v>
      </c>
      <c r="Q38900">
        <v>54</v>
      </c>
      <c r="R38900">
        <v>56</v>
      </c>
      <c r="S38900">
        <v>57</v>
      </c>
      <c r="T38900">
        <v>58</v>
      </c>
      <c r="U38900">
        <v>59</v>
      </c>
      <c r="V38900">
        <v>60</v>
      </c>
      <c r="W38900">
        <v>61</v>
      </c>
      <c r="X38900">
        <v>62</v>
      </c>
      <c r="Y38900">
        <v>63</v>
      </c>
      <c r="Z38900">
        <v>64</v>
      </c>
      <c r="AA38900">
        <v>65</v>
      </c>
      <c r="AB38900">
        <v>66</v>
      </c>
      <c r="AC38900">
        <v>67</v>
      </c>
      <c r="AD38900">
        <v>68</v>
      </c>
      <c r="AE38900">
        <v>68</v>
      </c>
      <c r="AF38900">
        <v>68</v>
      </c>
      <c r="AG38900">
        <v>68</v>
      </c>
      <c r="AH38900">
        <v>68</v>
      </c>
      <c r="AI38900">
        <v>68</v>
      </c>
      <c r="AJ38900">
        <v>68</v>
      </c>
      <c r="AK38900">
        <v>68</v>
      </c>
      <c r="AL38900">
        <v>67</v>
      </c>
      <c r="AM38900">
        <v>67</v>
      </c>
      <c r="AN38900">
        <v>67</v>
      </c>
      <c r="AO38900">
        <v>67</v>
      </c>
      <c r="AP38900">
        <v>67</v>
      </c>
      <c r="AQ38900">
        <v>67</v>
      </c>
    </row>
    <row r="38901" spans="1:43">
      <c r="A38901" t="s">
        <v>24127</v>
      </c>
      <c r="B38901" t="s">
        <v>24128</v>
      </c>
      <c r="C38901" t="s">
        <v>24097</v>
      </c>
      <c r="D38901" t="s">
        <v>24098</v>
      </c>
      <c r="E38901" t="s">
        <v>23993</v>
      </c>
      <c r="F38901" t="s">
        <v>23994</v>
      </c>
      <c r="G38901" t="s">
        <v>11612</v>
      </c>
      <c r="H38901" t="s">
        <v>11613</v>
      </c>
      <c r="I38901" s="2">
        <v>0</v>
      </c>
      <c r="J38901" s="2">
        <v>0</v>
      </c>
      <c r="K38901" s="2">
        <v>1</v>
      </c>
      <c r="L38901" t="s">
        <v>995</v>
      </c>
      <c r="M38901" t="s">
        <v>83</v>
      </c>
      <c r="N38901" t="s">
        <v>91</v>
      </c>
      <c r="O38901" t="s">
        <v>85</v>
      </c>
      <c r="P38901" t="s">
        <v>86</v>
      </c>
      <c r="Q38901">
        <v>54</v>
      </c>
      <c r="R38901">
        <v>55</v>
      </c>
      <c r="S38901">
        <v>55</v>
      </c>
      <c r="T38901">
        <v>56</v>
      </c>
      <c r="U38901">
        <v>57</v>
      </c>
      <c r="V38901">
        <v>58</v>
      </c>
      <c r="W38901">
        <v>58</v>
      </c>
      <c r="X38901">
        <v>59</v>
      </c>
      <c r="Y38901">
        <v>60</v>
      </c>
      <c r="Z38901">
        <v>60</v>
      </c>
      <c r="AA38901">
        <v>61</v>
      </c>
      <c r="AB38901">
        <v>62</v>
      </c>
      <c r="AC38901">
        <v>62</v>
      </c>
      <c r="AD38901">
        <v>63</v>
      </c>
      <c r="AE38901">
        <v>63</v>
      </c>
      <c r="AF38901">
        <v>64</v>
      </c>
      <c r="AG38901">
        <v>64</v>
      </c>
      <c r="AH38901">
        <v>65</v>
      </c>
      <c r="AI38901">
        <v>65</v>
      </c>
      <c r="AJ38901">
        <v>66</v>
      </c>
      <c r="AK38901">
        <v>66</v>
      </c>
      <c r="AL38901">
        <v>66</v>
      </c>
      <c r="AM38901">
        <v>66</v>
      </c>
      <c r="AN38901">
        <v>66</v>
      </c>
      <c r="AO38901">
        <v>66</v>
      </c>
      <c r="AP38901">
        <v>66</v>
      </c>
      <c r="AQ38901">
        <v>66</v>
      </c>
    </row>
    <row r="38902" spans="1:43">
      <c r="A38902" t="s">
        <v>24129</v>
      </c>
      <c r="B38902" t="s">
        <v>24130</v>
      </c>
      <c r="C38902" t="s">
        <v>24111</v>
      </c>
      <c r="D38902" t="s">
        <v>24112</v>
      </c>
      <c r="E38902" t="s">
        <v>23993</v>
      </c>
      <c r="F38902" t="s">
        <v>23994</v>
      </c>
      <c r="G38902" t="s">
        <v>11612</v>
      </c>
      <c r="H38902" t="s">
        <v>11613</v>
      </c>
      <c r="I38902" s="2">
        <v>0</v>
      </c>
      <c r="J38902" s="2">
        <v>0</v>
      </c>
      <c r="K38902" s="2">
        <v>1</v>
      </c>
      <c r="L38902" t="s">
        <v>995</v>
      </c>
      <c r="M38902" t="s">
        <v>83</v>
      </c>
      <c r="N38902" t="s">
        <v>84</v>
      </c>
      <c r="O38902" t="s">
        <v>85</v>
      </c>
      <c r="P38902" t="s">
        <v>86</v>
      </c>
      <c r="Q38902">
        <v>32</v>
      </c>
      <c r="R38902">
        <v>33</v>
      </c>
      <c r="S38902">
        <v>33</v>
      </c>
      <c r="T38902">
        <v>34</v>
      </c>
      <c r="U38902">
        <v>34</v>
      </c>
      <c r="V38902">
        <v>34</v>
      </c>
      <c r="W38902">
        <v>35</v>
      </c>
      <c r="X38902">
        <v>35</v>
      </c>
      <c r="Y38902">
        <v>36</v>
      </c>
      <c r="Z38902">
        <v>36</v>
      </c>
      <c r="AA38902">
        <v>37</v>
      </c>
      <c r="AB38902">
        <v>37</v>
      </c>
      <c r="AC38902">
        <v>37</v>
      </c>
      <c r="AD38902">
        <v>38</v>
      </c>
      <c r="AE38902">
        <v>38</v>
      </c>
      <c r="AF38902">
        <v>39</v>
      </c>
      <c r="AG38902">
        <v>39</v>
      </c>
      <c r="AH38902">
        <v>39</v>
      </c>
      <c r="AI38902">
        <v>40</v>
      </c>
      <c r="AJ38902">
        <v>40</v>
      </c>
      <c r="AK38902">
        <v>40</v>
      </c>
      <c r="AL38902">
        <v>40</v>
      </c>
      <c r="AM38902">
        <v>40</v>
      </c>
      <c r="AN38902">
        <v>40</v>
      </c>
      <c r="AO38902">
        <v>40</v>
      </c>
      <c r="AP38902">
        <v>40</v>
      </c>
      <c r="AQ38902">
        <v>40</v>
      </c>
    </row>
    <row r="38903" spans="1:43">
      <c r="A38903" t="s">
        <v>24129</v>
      </c>
      <c r="B38903" t="s">
        <v>24130</v>
      </c>
      <c r="C38903" t="s">
        <v>24111</v>
      </c>
      <c r="D38903" t="s">
        <v>24112</v>
      </c>
      <c r="E38903" t="s">
        <v>23993</v>
      </c>
      <c r="F38903" t="s">
        <v>23994</v>
      </c>
      <c r="G38903" t="s">
        <v>11612</v>
      </c>
      <c r="H38903" t="s">
        <v>11613</v>
      </c>
      <c r="I38903" s="2">
        <v>0</v>
      </c>
      <c r="J38903" s="2">
        <v>0</v>
      </c>
      <c r="K38903" s="2">
        <v>1</v>
      </c>
      <c r="L38903" t="s">
        <v>995</v>
      </c>
      <c r="M38903" t="s">
        <v>87</v>
      </c>
      <c r="N38903" t="s">
        <v>88</v>
      </c>
      <c r="O38903" t="s">
        <v>85</v>
      </c>
      <c r="P38903" t="s">
        <v>86</v>
      </c>
      <c r="Q38903">
        <v>32</v>
      </c>
      <c r="R38903">
        <v>32</v>
      </c>
      <c r="S38903">
        <v>32</v>
      </c>
      <c r="T38903">
        <v>32</v>
      </c>
      <c r="U38903">
        <v>32</v>
      </c>
      <c r="V38903">
        <v>33</v>
      </c>
      <c r="W38903">
        <v>33</v>
      </c>
      <c r="X38903">
        <v>33</v>
      </c>
      <c r="Y38903">
        <v>33</v>
      </c>
      <c r="Z38903">
        <v>33</v>
      </c>
      <c r="AA38903">
        <v>33</v>
      </c>
      <c r="AB38903">
        <v>33</v>
      </c>
      <c r="AC38903">
        <v>34</v>
      </c>
      <c r="AD38903">
        <v>34</v>
      </c>
      <c r="AE38903">
        <v>34</v>
      </c>
      <c r="AF38903">
        <v>34</v>
      </c>
      <c r="AG38903">
        <v>34</v>
      </c>
      <c r="AH38903">
        <v>34</v>
      </c>
      <c r="AI38903">
        <v>34</v>
      </c>
      <c r="AJ38903">
        <v>34</v>
      </c>
      <c r="AK38903">
        <v>34</v>
      </c>
      <c r="AL38903">
        <v>34</v>
      </c>
      <c r="AM38903">
        <v>35</v>
      </c>
      <c r="AN38903">
        <v>35</v>
      </c>
      <c r="AO38903">
        <v>35</v>
      </c>
      <c r="AP38903">
        <v>35</v>
      </c>
      <c r="AQ38903">
        <v>35</v>
      </c>
    </row>
    <row r="38904" spans="1:43">
      <c r="A38904" t="s">
        <v>24129</v>
      </c>
      <c r="B38904" t="s">
        <v>24130</v>
      </c>
      <c r="C38904" t="s">
        <v>24111</v>
      </c>
      <c r="D38904" t="s">
        <v>24112</v>
      </c>
      <c r="E38904" t="s">
        <v>23993</v>
      </c>
      <c r="F38904" t="s">
        <v>23994</v>
      </c>
      <c r="G38904" t="s">
        <v>11612</v>
      </c>
      <c r="H38904" t="s">
        <v>11613</v>
      </c>
      <c r="I38904" s="2">
        <v>0</v>
      </c>
      <c r="J38904" s="2">
        <v>0</v>
      </c>
      <c r="K38904" s="2">
        <v>1</v>
      </c>
      <c r="L38904" t="s">
        <v>995</v>
      </c>
      <c r="M38904" t="s">
        <v>89</v>
      </c>
      <c r="N38904" t="s">
        <v>90</v>
      </c>
      <c r="O38904" t="s">
        <v>85</v>
      </c>
      <c r="P38904" t="s">
        <v>86</v>
      </c>
      <c r="Q38904">
        <v>32</v>
      </c>
      <c r="R38904">
        <v>33</v>
      </c>
      <c r="S38904">
        <v>34</v>
      </c>
      <c r="T38904">
        <v>35</v>
      </c>
      <c r="U38904">
        <v>35</v>
      </c>
      <c r="V38904">
        <v>36</v>
      </c>
      <c r="W38904">
        <v>37</v>
      </c>
      <c r="X38904">
        <v>37</v>
      </c>
      <c r="Y38904">
        <v>38</v>
      </c>
      <c r="Z38904">
        <v>38</v>
      </c>
      <c r="AA38904">
        <v>39</v>
      </c>
      <c r="AB38904">
        <v>40</v>
      </c>
      <c r="AC38904">
        <v>40</v>
      </c>
      <c r="AD38904">
        <v>41</v>
      </c>
      <c r="AE38904">
        <v>41</v>
      </c>
      <c r="AF38904">
        <v>41</v>
      </c>
      <c r="AG38904">
        <v>41</v>
      </c>
      <c r="AH38904">
        <v>41</v>
      </c>
      <c r="AI38904">
        <v>41</v>
      </c>
      <c r="AJ38904">
        <v>41</v>
      </c>
      <c r="AK38904">
        <v>41</v>
      </c>
      <c r="AL38904">
        <v>41</v>
      </c>
      <c r="AM38904">
        <v>41</v>
      </c>
      <c r="AN38904">
        <v>41</v>
      </c>
      <c r="AO38904">
        <v>41</v>
      </c>
      <c r="AP38904">
        <v>41</v>
      </c>
      <c r="AQ38904">
        <v>41</v>
      </c>
    </row>
    <row r="38905" spans="1:43">
      <c r="A38905" t="s">
        <v>24129</v>
      </c>
      <c r="B38905" t="s">
        <v>24130</v>
      </c>
      <c r="C38905" t="s">
        <v>24111</v>
      </c>
      <c r="D38905" t="s">
        <v>24112</v>
      </c>
      <c r="E38905" t="s">
        <v>23993</v>
      </c>
      <c r="F38905" t="s">
        <v>23994</v>
      </c>
      <c r="G38905" t="s">
        <v>11612</v>
      </c>
      <c r="H38905" t="s">
        <v>11613</v>
      </c>
      <c r="I38905" s="2">
        <v>0</v>
      </c>
      <c r="J38905" s="2">
        <v>0</v>
      </c>
      <c r="K38905" s="2">
        <v>1</v>
      </c>
      <c r="L38905" t="s">
        <v>995</v>
      </c>
      <c r="M38905" t="s">
        <v>83</v>
      </c>
      <c r="N38905" t="s">
        <v>91</v>
      </c>
      <c r="O38905" t="s">
        <v>85</v>
      </c>
      <c r="P38905" t="s">
        <v>86</v>
      </c>
      <c r="Q38905">
        <v>32</v>
      </c>
      <c r="R38905">
        <v>33</v>
      </c>
      <c r="S38905">
        <v>33</v>
      </c>
      <c r="T38905">
        <v>34</v>
      </c>
      <c r="U38905">
        <v>34</v>
      </c>
      <c r="V38905">
        <v>34</v>
      </c>
      <c r="W38905">
        <v>35</v>
      </c>
      <c r="X38905">
        <v>35</v>
      </c>
      <c r="Y38905">
        <v>36</v>
      </c>
      <c r="Z38905">
        <v>36</v>
      </c>
      <c r="AA38905">
        <v>37</v>
      </c>
      <c r="AB38905">
        <v>37</v>
      </c>
      <c r="AC38905">
        <v>37</v>
      </c>
      <c r="AD38905">
        <v>38</v>
      </c>
      <c r="AE38905">
        <v>38</v>
      </c>
      <c r="AF38905">
        <v>39</v>
      </c>
      <c r="AG38905">
        <v>39</v>
      </c>
      <c r="AH38905">
        <v>39</v>
      </c>
      <c r="AI38905">
        <v>40</v>
      </c>
      <c r="AJ38905">
        <v>40</v>
      </c>
      <c r="AK38905">
        <v>40</v>
      </c>
      <c r="AL38905">
        <v>40</v>
      </c>
      <c r="AM38905">
        <v>40</v>
      </c>
      <c r="AN38905">
        <v>40</v>
      </c>
      <c r="AO38905">
        <v>40</v>
      </c>
      <c r="AP38905">
        <v>40</v>
      </c>
      <c r="AQ38905">
        <v>40</v>
      </c>
    </row>
    <row r="38906" spans="1:43">
      <c r="A38906" t="s">
        <v>24131</v>
      </c>
      <c r="B38906" t="s">
        <v>24132</v>
      </c>
      <c r="C38906" t="s">
        <v>24111</v>
      </c>
      <c r="D38906" t="s">
        <v>24112</v>
      </c>
      <c r="E38906" t="s">
        <v>23993</v>
      </c>
      <c r="F38906" t="s">
        <v>23994</v>
      </c>
      <c r="G38906" t="s">
        <v>11612</v>
      </c>
      <c r="H38906" t="s">
        <v>11613</v>
      </c>
      <c r="I38906" s="2">
        <v>0</v>
      </c>
      <c r="J38906" s="2">
        <v>0</v>
      </c>
      <c r="K38906" s="2">
        <v>1</v>
      </c>
      <c r="L38906" t="s">
        <v>995</v>
      </c>
      <c r="M38906" t="s">
        <v>83</v>
      </c>
      <c r="N38906" t="s">
        <v>84</v>
      </c>
      <c r="O38906" t="s">
        <v>85</v>
      </c>
      <c r="P38906" t="s">
        <v>86</v>
      </c>
      <c r="Q38906">
        <v>8</v>
      </c>
      <c r="R38906">
        <v>8</v>
      </c>
      <c r="S38906">
        <v>8</v>
      </c>
      <c r="T38906">
        <v>9</v>
      </c>
      <c r="U38906">
        <v>9</v>
      </c>
      <c r="V38906">
        <v>9</v>
      </c>
      <c r="W38906">
        <v>9</v>
      </c>
      <c r="X38906">
        <v>9</v>
      </c>
      <c r="Y38906">
        <v>9</v>
      </c>
      <c r="Z38906">
        <v>9</v>
      </c>
      <c r="AA38906">
        <v>9</v>
      </c>
      <c r="AB38906">
        <v>10</v>
      </c>
      <c r="AC38906">
        <v>10</v>
      </c>
      <c r="AD38906">
        <v>10</v>
      </c>
      <c r="AE38906">
        <v>10</v>
      </c>
      <c r="AF38906">
        <v>10</v>
      </c>
      <c r="AG38906">
        <v>10</v>
      </c>
      <c r="AH38906">
        <v>10</v>
      </c>
      <c r="AI38906">
        <v>10</v>
      </c>
      <c r="AJ38906">
        <v>10</v>
      </c>
      <c r="AK38906">
        <v>10</v>
      </c>
      <c r="AL38906">
        <v>10</v>
      </c>
      <c r="AM38906">
        <v>10</v>
      </c>
      <c r="AN38906">
        <v>10</v>
      </c>
      <c r="AO38906">
        <v>10</v>
      </c>
      <c r="AP38906">
        <v>10</v>
      </c>
      <c r="AQ38906">
        <v>10</v>
      </c>
    </row>
    <row r="38907" spans="1:43">
      <c r="A38907" t="s">
        <v>24131</v>
      </c>
      <c r="B38907" t="s">
        <v>24132</v>
      </c>
      <c r="C38907" t="s">
        <v>24111</v>
      </c>
      <c r="D38907" t="s">
        <v>24112</v>
      </c>
      <c r="E38907" t="s">
        <v>23993</v>
      </c>
      <c r="F38907" t="s">
        <v>23994</v>
      </c>
      <c r="G38907" t="s">
        <v>11612</v>
      </c>
      <c r="H38907" t="s">
        <v>11613</v>
      </c>
      <c r="I38907" s="2">
        <v>0</v>
      </c>
      <c r="J38907" s="2">
        <v>0</v>
      </c>
      <c r="K38907" s="2">
        <v>1</v>
      </c>
      <c r="L38907" t="s">
        <v>995</v>
      </c>
      <c r="M38907" t="s">
        <v>87</v>
      </c>
      <c r="N38907" t="s">
        <v>88</v>
      </c>
      <c r="O38907" t="s">
        <v>85</v>
      </c>
      <c r="P38907" t="s">
        <v>86</v>
      </c>
      <c r="Q38907">
        <v>8</v>
      </c>
      <c r="R38907">
        <v>8</v>
      </c>
      <c r="S38907">
        <v>8</v>
      </c>
      <c r="T38907">
        <v>8</v>
      </c>
      <c r="U38907">
        <v>8</v>
      </c>
      <c r="V38907">
        <v>8</v>
      </c>
      <c r="W38907">
        <v>8</v>
      </c>
      <c r="X38907">
        <v>8</v>
      </c>
      <c r="Y38907">
        <v>8</v>
      </c>
      <c r="Z38907">
        <v>9</v>
      </c>
      <c r="AA38907">
        <v>9</v>
      </c>
      <c r="AB38907">
        <v>9</v>
      </c>
      <c r="AC38907">
        <v>9</v>
      </c>
      <c r="AD38907">
        <v>9</v>
      </c>
      <c r="AE38907">
        <v>9</v>
      </c>
      <c r="AF38907">
        <v>9</v>
      </c>
      <c r="AG38907">
        <v>9</v>
      </c>
      <c r="AH38907">
        <v>9</v>
      </c>
      <c r="AI38907">
        <v>9</v>
      </c>
      <c r="AJ38907">
        <v>9</v>
      </c>
      <c r="AK38907">
        <v>9</v>
      </c>
      <c r="AL38907">
        <v>9</v>
      </c>
      <c r="AM38907">
        <v>9</v>
      </c>
      <c r="AN38907">
        <v>9</v>
      </c>
      <c r="AO38907">
        <v>9</v>
      </c>
      <c r="AP38907">
        <v>9</v>
      </c>
      <c r="AQ38907">
        <v>9</v>
      </c>
    </row>
    <row r="38908" spans="1:43">
      <c r="A38908" t="s">
        <v>24131</v>
      </c>
      <c r="B38908" t="s">
        <v>24132</v>
      </c>
      <c r="C38908" t="s">
        <v>24111</v>
      </c>
      <c r="D38908" t="s">
        <v>24112</v>
      </c>
      <c r="E38908" t="s">
        <v>23993</v>
      </c>
      <c r="F38908" t="s">
        <v>23994</v>
      </c>
      <c r="G38908" t="s">
        <v>11612</v>
      </c>
      <c r="H38908" t="s">
        <v>11613</v>
      </c>
      <c r="I38908" s="2">
        <v>0</v>
      </c>
      <c r="J38908" s="2">
        <v>0</v>
      </c>
      <c r="K38908" s="2">
        <v>1</v>
      </c>
      <c r="L38908" t="s">
        <v>995</v>
      </c>
      <c r="M38908" t="s">
        <v>89</v>
      </c>
      <c r="N38908" t="s">
        <v>90</v>
      </c>
      <c r="O38908" t="s">
        <v>85</v>
      </c>
      <c r="P38908" t="s">
        <v>86</v>
      </c>
      <c r="Q38908">
        <v>8</v>
      </c>
      <c r="R38908">
        <v>9</v>
      </c>
      <c r="S38908">
        <v>9</v>
      </c>
      <c r="T38908">
        <v>9</v>
      </c>
      <c r="U38908">
        <v>9</v>
      </c>
      <c r="V38908">
        <v>9</v>
      </c>
      <c r="W38908">
        <v>9</v>
      </c>
      <c r="X38908">
        <v>10</v>
      </c>
      <c r="Y38908">
        <v>10</v>
      </c>
      <c r="Z38908">
        <v>10</v>
      </c>
      <c r="AA38908">
        <v>10</v>
      </c>
      <c r="AB38908">
        <v>10</v>
      </c>
      <c r="AC38908">
        <v>10</v>
      </c>
      <c r="AD38908">
        <v>10</v>
      </c>
      <c r="AE38908">
        <v>10</v>
      </c>
      <c r="AF38908">
        <v>10</v>
      </c>
      <c r="AG38908">
        <v>11</v>
      </c>
      <c r="AH38908">
        <v>11</v>
      </c>
      <c r="AI38908">
        <v>11</v>
      </c>
      <c r="AJ38908">
        <v>11</v>
      </c>
      <c r="AK38908">
        <v>11</v>
      </c>
      <c r="AL38908">
        <v>11</v>
      </c>
      <c r="AM38908">
        <v>10</v>
      </c>
      <c r="AN38908">
        <v>10</v>
      </c>
      <c r="AO38908">
        <v>10</v>
      </c>
      <c r="AP38908">
        <v>10</v>
      </c>
      <c r="AQ38908">
        <v>10</v>
      </c>
    </row>
    <row r="38909" spans="1:43">
      <c r="A38909" t="s">
        <v>24131</v>
      </c>
      <c r="B38909" t="s">
        <v>24132</v>
      </c>
      <c r="C38909" t="s">
        <v>24111</v>
      </c>
      <c r="D38909" t="s">
        <v>24112</v>
      </c>
      <c r="E38909" t="s">
        <v>23993</v>
      </c>
      <c r="F38909" t="s">
        <v>23994</v>
      </c>
      <c r="G38909" t="s">
        <v>11612</v>
      </c>
      <c r="H38909" t="s">
        <v>11613</v>
      </c>
      <c r="I38909" s="2">
        <v>0</v>
      </c>
      <c r="J38909" s="2">
        <v>0</v>
      </c>
      <c r="K38909" s="2">
        <v>1</v>
      </c>
      <c r="L38909" t="s">
        <v>995</v>
      </c>
      <c r="M38909" t="s">
        <v>83</v>
      </c>
      <c r="N38909" t="s">
        <v>91</v>
      </c>
      <c r="O38909" t="s">
        <v>85</v>
      </c>
      <c r="P38909" t="s">
        <v>86</v>
      </c>
      <c r="Q38909">
        <v>8</v>
      </c>
      <c r="R38909">
        <v>8</v>
      </c>
      <c r="S38909">
        <v>8</v>
      </c>
      <c r="T38909">
        <v>9</v>
      </c>
      <c r="U38909">
        <v>9</v>
      </c>
      <c r="V38909">
        <v>9</v>
      </c>
      <c r="W38909">
        <v>9</v>
      </c>
      <c r="X38909">
        <v>9</v>
      </c>
      <c r="Y38909">
        <v>9</v>
      </c>
      <c r="Z38909">
        <v>9</v>
      </c>
      <c r="AA38909">
        <v>9</v>
      </c>
      <c r="AB38909">
        <v>10</v>
      </c>
      <c r="AC38909">
        <v>10</v>
      </c>
      <c r="AD38909">
        <v>10</v>
      </c>
      <c r="AE38909">
        <v>10</v>
      </c>
      <c r="AF38909">
        <v>10</v>
      </c>
      <c r="AG38909">
        <v>10</v>
      </c>
      <c r="AH38909">
        <v>10</v>
      </c>
      <c r="AI38909">
        <v>10</v>
      </c>
      <c r="AJ38909">
        <v>10</v>
      </c>
      <c r="AK38909">
        <v>10</v>
      </c>
      <c r="AL38909">
        <v>10</v>
      </c>
      <c r="AM38909">
        <v>10</v>
      </c>
      <c r="AN38909">
        <v>10</v>
      </c>
      <c r="AO38909">
        <v>10</v>
      </c>
      <c r="AP38909">
        <v>10</v>
      </c>
      <c r="AQ38909">
        <v>10</v>
      </c>
    </row>
    <row r="38910" spans="1:43">
      <c r="A38910" t="s">
        <v>24133</v>
      </c>
      <c r="B38910" t="s">
        <v>24134</v>
      </c>
      <c r="C38910" t="s">
        <v>24111</v>
      </c>
      <c r="D38910" t="s">
        <v>24112</v>
      </c>
      <c r="E38910" t="s">
        <v>23993</v>
      </c>
      <c r="F38910" t="s">
        <v>23994</v>
      </c>
      <c r="G38910" t="s">
        <v>11612</v>
      </c>
      <c r="H38910" t="s">
        <v>11613</v>
      </c>
      <c r="I38910" s="2">
        <v>0</v>
      </c>
      <c r="J38910" s="2">
        <v>0</v>
      </c>
      <c r="K38910" s="2">
        <v>1</v>
      </c>
      <c r="L38910" t="s">
        <v>995</v>
      </c>
      <c r="M38910" t="s">
        <v>83</v>
      </c>
      <c r="N38910" t="s">
        <v>84</v>
      </c>
      <c r="O38910" t="s">
        <v>85</v>
      </c>
      <c r="P38910" t="s">
        <v>86</v>
      </c>
      <c r="Q38910">
        <v>16</v>
      </c>
      <c r="R38910">
        <v>17</v>
      </c>
      <c r="S38910">
        <v>17</v>
      </c>
      <c r="T38910">
        <v>17</v>
      </c>
      <c r="U38910">
        <v>17</v>
      </c>
      <c r="V38910">
        <v>18</v>
      </c>
      <c r="W38910">
        <v>18</v>
      </c>
      <c r="X38910">
        <v>18</v>
      </c>
      <c r="Y38910">
        <v>18</v>
      </c>
      <c r="Z38910">
        <v>18</v>
      </c>
      <c r="AA38910">
        <v>19</v>
      </c>
      <c r="AB38910">
        <v>19</v>
      </c>
      <c r="AC38910">
        <v>19</v>
      </c>
      <c r="AD38910">
        <v>19</v>
      </c>
      <c r="AE38910">
        <v>19</v>
      </c>
      <c r="AF38910">
        <v>20</v>
      </c>
      <c r="AG38910">
        <v>20</v>
      </c>
      <c r="AH38910">
        <v>20</v>
      </c>
      <c r="AI38910">
        <v>20</v>
      </c>
      <c r="AJ38910">
        <v>20</v>
      </c>
      <c r="AK38910">
        <v>20</v>
      </c>
      <c r="AL38910">
        <v>20</v>
      </c>
      <c r="AM38910">
        <v>20</v>
      </c>
      <c r="AN38910">
        <v>20</v>
      </c>
      <c r="AO38910">
        <v>20</v>
      </c>
      <c r="AP38910">
        <v>20</v>
      </c>
      <c r="AQ38910">
        <v>20</v>
      </c>
    </row>
    <row r="38911" spans="1:43">
      <c r="A38911" t="s">
        <v>24133</v>
      </c>
      <c r="B38911" t="s">
        <v>24134</v>
      </c>
      <c r="C38911" t="s">
        <v>24111</v>
      </c>
      <c r="D38911" t="s">
        <v>24112</v>
      </c>
      <c r="E38911" t="s">
        <v>23993</v>
      </c>
      <c r="F38911" t="s">
        <v>23994</v>
      </c>
      <c r="G38911" t="s">
        <v>11612</v>
      </c>
      <c r="H38911" t="s">
        <v>11613</v>
      </c>
      <c r="I38911" s="2">
        <v>0</v>
      </c>
      <c r="J38911" s="2">
        <v>0</v>
      </c>
      <c r="K38911" s="2">
        <v>1</v>
      </c>
      <c r="L38911" t="s">
        <v>995</v>
      </c>
      <c r="M38911" t="s">
        <v>87</v>
      </c>
      <c r="N38911" t="s">
        <v>88</v>
      </c>
      <c r="O38911" t="s">
        <v>85</v>
      </c>
      <c r="P38911" t="s">
        <v>86</v>
      </c>
      <c r="Q38911">
        <v>16</v>
      </c>
      <c r="R38911">
        <v>16</v>
      </c>
      <c r="S38911">
        <v>16</v>
      </c>
      <c r="T38911">
        <v>16</v>
      </c>
      <c r="U38911">
        <v>17</v>
      </c>
      <c r="V38911">
        <v>17</v>
      </c>
      <c r="W38911">
        <v>17</v>
      </c>
      <c r="X38911">
        <v>17</v>
      </c>
      <c r="Y38911">
        <v>17</v>
      </c>
      <c r="Z38911">
        <v>17</v>
      </c>
      <c r="AA38911">
        <v>17</v>
      </c>
      <c r="AB38911">
        <v>17</v>
      </c>
      <c r="AC38911">
        <v>17</v>
      </c>
      <c r="AD38911">
        <v>17</v>
      </c>
      <c r="AE38911">
        <v>17</v>
      </c>
      <c r="AF38911">
        <v>17</v>
      </c>
      <c r="AG38911">
        <v>17</v>
      </c>
      <c r="AH38911">
        <v>17</v>
      </c>
      <c r="AI38911">
        <v>17</v>
      </c>
      <c r="AJ38911">
        <v>17</v>
      </c>
      <c r="AK38911">
        <v>17</v>
      </c>
      <c r="AL38911">
        <v>18</v>
      </c>
      <c r="AM38911">
        <v>18</v>
      </c>
      <c r="AN38911">
        <v>18</v>
      </c>
      <c r="AO38911">
        <v>18</v>
      </c>
      <c r="AP38911">
        <v>18</v>
      </c>
      <c r="AQ38911">
        <v>18</v>
      </c>
    </row>
    <row r="38912" spans="1:43">
      <c r="A38912" t="s">
        <v>24133</v>
      </c>
      <c r="B38912" t="s">
        <v>24134</v>
      </c>
      <c r="C38912" t="s">
        <v>24111</v>
      </c>
      <c r="D38912" t="s">
        <v>24112</v>
      </c>
      <c r="E38912" t="s">
        <v>23993</v>
      </c>
      <c r="F38912" t="s">
        <v>23994</v>
      </c>
      <c r="G38912" t="s">
        <v>11612</v>
      </c>
      <c r="H38912" t="s">
        <v>11613</v>
      </c>
      <c r="I38912" s="2">
        <v>0</v>
      </c>
      <c r="J38912" s="2">
        <v>0</v>
      </c>
      <c r="K38912" s="2">
        <v>1</v>
      </c>
      <c r="L38912" t="s">
        <v>995</v>
      </c>
      <c r="M38912" t="s">
        <v>89</v>
      </c>
      <c r="N38912" t="s">
        <v>90</v>
      </c>
      <c r="O38912" t="s">
        <v>85</v>
      </c>
      <c r="P38912" t="s">
        <v>86</v>
      </c>
      <c r="Q38912">
        <v>16</v>
      </c>
      <c r="R38912">
        <v>16</v>
      </c>
      <c r="S38912">
        <v>16</v>
      </c>
      <c r="T38912">
        <v>17</v>
      </c>
      <c r="U38912">
        <v>17</v>
      </c>
      <c r="V38912">
        <v>17</v>
      </c>
      <c r="W38912">
        <v>18</v>
      </c>
      <c r="X38912">
        <v>18</v>
      </c>
      <c r="Y38912">
        <v>18</v>
      </c>
      <c r="Z38912">
        <v>19</v>
      </c>
      <c r="AA38912">
        <v>19</v>
      </c>
      <c r="AB38912">
        <v>19</v>
      </c>
      <c r="AC38912">
        <v>19</v>
      </c>
      <c r="AD38912">
        <v>20</v>
      </c>
      <c r="AE38912">
        <v>20</v>
      </c>
      <c r="AF38912">
        <v>20</v>
      </c>
      <c r="AG38912">
        <v>20</v>
      </c>
      <c r="AH38912">
        <v>20</v>
      </c>
      <c r="AI38912">
        <v>20</v>
      </c>
      <c r="AJ38912">
        <v>20</v>
      </c>
      <c r="AK38912">
        <v>20</v>
      </c>
      <c r="AL38912">
        <v>20</v>
      </c>
      <c r="AM38912">
        <v>20</v>
      </c>
      <c r="AN38912">
        <v>20</v>
      </c>
      <c r="AO38912">
        <v>20</v>
      </c>
      <c r="AP38912">
        <v>20</v>
      </c>
      <c r="AQ38912">
        <v>20</v>
      </c>
    </row>
    <row r="38913" spans="1:43">
      <c r="A38913" t="s">
        <v>24133</v>
      </c>
      <c r="B38913" t="s">
        <v>24134</v>
      </c>
      <c r="C38913" t="s">
        <v>24111</v>
      </c>
      <c r="D38913" t="s">
        <v>24112</v>
      </c>
      <c r="E38913" t="s">
        <v>23993</v>
      </c>
      <c r="F38913" t="s">
        <v>23994</v>
      </c>
      <c r="G38913" t="s">
        <v>11612</v>
      </c>
      <c r="H38913" t="s">
        <v>11613</v>
      </c>
      <c r="I38913" s="2">
        <v>0</v>
      </c>
      <c r="J38913" s="2">
        <v>0</v>
      </c>
      <c r="K38913" s="2">
        <v>1</v>
      </c>
      <c r="L38913" t="s">
        <v>995</v>
      </c>
      <c r="M38913" t="s">
        <v>83</v>
      </c>
      <c r="N38913" t="s">
        <v>91</v>
      </c>
      <c r="O38913" t="s">
        <v>85</v>
      </c>
      <c r="P38913" t="s">
        <v>86</v>
      </c>
      <c r="Q38913">
        <v>16</v>
      </c>
      <c r="R38913">
        <v>17</v>
      </c>
      <c r="S38913">
        <v>17</v>
      </c>
      <c r="T38913">
        <v>17</v>
      </c>
      <c r="U38913">
        <v>17</v>
      </c>
      <c r="V38913">
        <v>18</v>
      </c>
      <c r="W38913">
        <v>18</v>
      </c>
      <c r="X38913">
        <v>18</v>
      </c>
      <c r="Y38913">
        <v>18</v>
      </c>
      <c r="Z38913">
        <v>18</v>
      </c>
      <c r="AA38913">
        <v>19</v>
      </c>
      <c r="AB38913">
        <v>19</v>
      </c>
      <c r="AC38913">
        <v>19</v>
      </c>
      <c r="AD38913">
        <v>19</v>
      </c>
      <c r="AE38913">
        <v>19</v>
      </c>
      <c r="AF38913">
        <v>20</v>
      </c>
      <c r="AG38913">
        <v>20</v>
      </c>
      <c r="AH38913">
        <v>20</v>
      </c>
      <c r="AI38913">
        <v>20</v>
      </c>
      <c r="AJ38913">
        <v>20</v>
      </c>
      <c r="AK38913">
        <v>20</v>
      </c>
      <c r="AL38913">
        <v>20</v>
      </c>
      <c r="AM38913">
        <v>20</v>
      </c>
      <c r="AN38913">
        <v>20</v>
      </c>
      <c r="AO38913">
        <v>20</v>
      </c>
      <c r="AP38913">
        <v>20</v>
      </c>
      <c r="AQ38913">
        <v>20</v>
      </c>
    </row>
    <row r="38914" spans="1:43">
      <c r="A38914" t="s">
        <v>24135</v>
      </c>
      <c r="B38914" t="s">
        <v>24136</v>
      </c>
      <c r="C38914" t="s">
        <v>24111</v>
      </c>
      <c r="D38914" t="s">
        <v>24112</v>
      </c>
      <c r="E38914" t="s">
        <v>23993</v>
      </c>
      <c r="F38914" t="s">
        <v>23994</v>
      </c>
      <c r="G38914" t="s">
        <v>11612</v>
      </c>
      <c r="H38914" t="s">
        <v>11613</v>
      </c>
      <c r="I38914" s="2">
        <v>0</v>
      </c>
      <c r="J38914" s="2">
        <v>0</v>
      </c>
      <c r="K38914" s="2">
        <v>1</v>
      </c>
      <c r="L38914" t="s">
        <v>995</v>
      </c>
      <c r="M38914" t="s">
        <v>83</v>
      </c>
      <c r="N38914" t="s">
        <v>84</v>
      </c>
      <c r="O38914" t="s">
        <v>85</v>
      </c>
      <c r="P38914" t="s">
        <v>86</v>
      </c>
      <c r="Q38914">
        <v>9</v>
      </c>
      <c r="R38914">
        <v>10</v>
      </c>
      <c r="S38914">
        <v>10</v>
      </c>
      <c r="T38914">
        <v>10</v>
      </c>
      <c r="U38914">
        <v>10</v>
      </c>
      <c r="V38914">
        <v>10</v>
      </c>
      <c r="W38914">
        <v>10</v>
      </c>
      <c r="X38914">
        <v>10</v>
      </c>
      <c r="Y38914">
        <v>11</v>
      </c>
      <c r="Z38914">
        <v>11</v>
      </c>
      <c r="AA38914">
        <v>11</v>
      </c>
      <c r="AB38914">
        <v>11</v>
      </c>
      <c r="AC38914">
        <v>11</v>
      </c>
      <c r="AD38914">
        <v>11</v>
      </c>
      <c r="AE38914">
        <v>11</v>
      </c>
      <c r="AF38914">
        <v>11</v>
      </c>
      <c r="AG38914">
        <v>11</v>
      </c>
      <c r="AH38914">
        <v>12</v>
      </c>
      <c r="AI38914">
        <v>12</v>
      </c>
      <c r="AJ38914">
        <v>12</v>
      </c>
      <c r="AK38914">
        <v>12</v>
      </c>
      <c r="AL38914">
        <v>12</v>
      </c>
      <c r="AM38914">
        <v>12</v>
      </c>
      <c r="AN38914">
        <v>12</v>
      </c>
      <c r="AO38914">
        <v>12</v>
      </c>
      <c r="AP38914">
        <v>12</v>
      </c>
      <c r="AQ38914">
        <v>12</v>
      </c>
    </row>
    <row r="38915" spans="1:43">
      <c r="A38915" t="s">
        <v>24135</v>
      </c>
      <c r="B38915" t="s">
        <v>24136</v>
      </c>
      <c r="C38915" t="s">
        <v>24111</v>
      </c>
      <c r="D38915" t="s">
        <v>24112</v>
      </c>
      <c r="E38915" t="s">
        <v>23993</v>
      </c>
      <c r="F38915" t="s">
        <v>23994</v>
      </c>
      <c r="G38915" t="s">
        <v>11612</v>
      </c>
      <c r="H38915" t="s">
        <v>11613</v>
      </c>
      <c r="I38915" s="2">
        <v>0</v>
      </c>
      <c r="J38915" s="2">
        <v>0</v>
      </c>
      <c r="K38915" s="2">
        <v>1</v>
      </c>
      <c r="L38915" t="s">
        <v>995</v>
      </c>
      <c r="M38915" t="s">
        <v>87</v>
      </c>
      <c r="N38915" t="s">
        <v>88</v>
      </c>
      <c r="O38915" t="s">
        <v>85</v>
      </c>
      <c r="P38915" t="s">
        <v>86</v>
      </c>
      <c r="Q38915">
        <v>9</v>
      </c>
      <c r="R38915">
        <v>9</v>
      </c>
      <c r="S38915">
        <v>9</v>
      </c>
      <c r="T38915">
        <v>10</v>
      </c>
      <c r="U38915">
        <v>10</v>
      </c>
      <c r="V38915">
        <v>10</v>
      </c>
      <c r="W38915">
        <v>10</v>
      </c>
      <c r="X38915">
        <v>10</v>
      </c>
      <c r="Y38915">
        <v>10</v>
      </c>
      <c r="Z38915">
        <v>10</v>
      </c>
      <c r="AA38915">
        <v>10</v>
      </c>
      <c r="AB38915">
        <v>10</v>
      </c>
      <c r="AC38915">
        <v>10</v>
      </c>
      <c r="AD38915">
        <v>10</v>
      </c>
      <c r="AE38915">
        <v>10</v>
      </c>
      <c r="AF38915">
        <v>10</v>
      </c>
      <c r="AG38915">
        <v>10</v>
      </c>
      <c r="AH38915">
        <v>10</v>
      </c>
      <c r="AI38915">
        <v>10</v>
      </c>
      <c r="AJ38915">
        <v>10</v>
      </c>
      <c r="AK38915">
        <v>10</v>
      </c>
      <c r="AL38915">
        <v>10</v>
      </c>
      <c r="AM38915">
        <v>10</v>
      </c>
      <c r="AN38915">
        <v>10</v>
      </c>
      <c r="AO38915">
        <v>10</v>
      </c>
      <c r="AP38915">
        <v>10</v>
      </c>
      <c r="AQ38915">
        <v>10</v>
      </c>
    </row>
    <row r="38916" spans="1:43">
      <c r="A38916" t="s">
        <v>24135</v>
      </c>
      <c r="B38916" t="s">
        <v>24136</v>
      </c>
      <c r="C38916" t="s">
        <v>24111</v>
      </c>
      <c r="D38916" t="s">
        <v>24112</v>
      </c>
      <c r="E38916" t="s">
        <v>23993</v>
      </c>
      <c r="F38916" t="s">
        <v>23994</v>
      </c>
      <c r="G38916" t="s">
        <v>11612</v>
      </c>
      <c r="H38916" t="s">
        <v>11613</v>
      </c>
      <c r="I38916" s="2">
        <v>0</v>
      </c>
      <c r="J38916" s="2">
        <v>0</v>
      </c>
      <c r="K38916" s="2">
        <v>1</v>
      </c>
      <c r="L38916" t="s">
        <v>995</v>
      </c>
      <c r="M38916" t="s">
        <v>89</v>
      </c>
      <c r="N38916" t="s">
        <v>90</v>
      </c>
      <c r="O38916" t="s">
        <v>85</v>
      </c>
      <c r="P38916" t="s">
        <v>86</v>
      </c>
      <c r="Q38916">
        <v>9</v>
      </c>
      <c r="R38916">
        <v>9</v>
      </c>
      <c r="S38916">
        <v>9</v>
      </c>
      <c r="T38916">
        <v>9</v>
      </c>
      <c r="U38916">
        <v>9</v>
      </c>
      <c r="V38916">
        <v>10</v>
      </c>
      <c r="W38916">
        <v>10</v>
      </c>
      <c r="X38916">
        <v>10</v>
      </c>
      <c r="Y38916">
        <v>10</v>
      </c>
      <c r="Z38916">
        <v>10</v>
      </c>
      <c r="AA38916">
        <v>11</v>
      </c>
      <c r="AB38916">
        <v>11</v>
      </c>
      <c r="AC38916">
        <v>11</v>
      </c>
      <c r="AD38916">
        <v>11</v>
      </c>
      <c r="AE38916">
        <v>11</v>
      </c>
      <c r="AF38916">
        <v>11</v>
      </c>
      <c r="AG38916">
        <v>11</v>
      </c>
      <c r="AH38916">
        <v>11</v>
      </c>
      <c r="AI38916">
        <v>11</v>
      </c>
      <c r="AJ38916">
        <v>11</v>
      </c>
      <c r="AK38916">
        <v>11</v>
      </c>
      <c r="AL38916">
        <v>11</v>
      </c>
      <c r="AM38916">
        <v>11</v>
      </c>
      <c r="AN38916">
        <v>11</v>
      </c>
      <c r="AO38916">
        <v>11</v>
      </c>
      <c r="AP38916">
        <v>11</v>
      </c>
      <c r="AQ38916">
        <v>11</v>
      </c>
    </row>
    <row r="38917" spans="1:43">
      <c r="A38917" t="s">
        <v>24135</v>
      </c>
      <c r="B38917" t="s">
        <v>24136</v>
      </c>
      <c r="C38917" t="s">
        <v>24111</v>
      </c>
      <c r="D38917" t="s">
        <v>24112</v>
      </c>
      <c r="E38917" t="s">
        <v>23993</v>
      </c>
      <c r="F38917" t="s">
        <v>23994</v>
      </c>
      <c r="G38917" t="s">
        <v>11612</v>
      </c>
      <c r="H38917" t="s">
        <v>11613</v>
      </c>
      <c r="I38917" s="2">
        <v>0</v>
      </c>
      <c r="J38917" s="2">
        <v>0</v>
      </c>
      <c r="K38917" s="2">
        <v>1</v>
      </c>
      <c r="L38917" t="s">
        <v>995</v>
      </c>
      <c r="M38917" t="s">
        <v>83</v>
      </c>
      <c r="N38917" t="s">
        <v>91</v>
      </c>
      <c r="O38917" t="s">
        <v>85</v>
      </c>
      <c r="P38917" t="s">
        <v>86</v>
      </c>
      <c r="Q38917">
        <v>9</v>
      </c>
      <c r="R38917">
        <v>10</v>
      </c>
      <c r="S38917">
        <v>10</v>
      </c>
      <c r="T38917">
        <v>10</v>
      </c>
      <c r="U38917">
        <v>10</v>
      </c>
      <c r="V38917">
        <v>10</v>
      </c>
      <c r="W38917">
        <v>10</v>
      </c>
      <c r="X38917">
        <v>10</v>
      </c>
      <c r="Y38917">
        <v>11</v>
      </c>
      <c r="Z38917">
        <v>11</v>
      </c>
      <c r="AA38917">
        <v>11</v>
      </c>
      <c r="AB38917">
        <v>11</v>
      </c>
      <c r="AC38917">
        <v>11</v>
      </c>
      <c r="AD38917">
        <v>11</v>
      </c>
      <c r="AE38917">
        <v>11</v>
      </c>
      <c r="AF38917">
        <v>11</v>
      </c>
      <c r="AG38917">
        <v>11</v>
      </c>
      <c r="AH38917">
        <v>12</v>
      </c>
      <c r="AI38917">
        <v>12</v>
      </c>
      <c r="AJ38917">
        <v>12</v>
      </c>
      <c r="AK38917">
        <v>12</v>
      </c>
      <c r="AL38917">
        <v>12</v>
      </c>
      <c r="AM38917">
        <v>12</v>
      </c>
      <c r="AN38917">
        <v>12</v>
      </c>
      <c r="AO38917">
        <v>12</v>
      </c>
      <c r="AP38917">
        <v>12</v>
      </c>
      <c r="AQ38917">
        <v>12</v>
      </c>
    </row>
    <row r="38918" spans="1:43">
      <c r="A38918" t="s">
        <v>24137</v>
      </c>
      <c r="B38918" t="s">
        <v>24138</v>
      </c>
      <c r="C38918" t="s">
        <v>24115</v>
      </c>
      <c r="D38918" t="s">
        <v>24116</v>
      </c>
      <c r="E38918" t="s">
        <v>23993</v>
      </c>
      <c r="F38918" t="s">
        <v>23994</v>
      </c>
      <c r="G38918" t="s">
        <v>11612</v>
      </c>
      <c r="H38918" t="s">
        <v>11613</v>
      </c>
      <c r="I38918" s="2">
        <v>0</v>
      </c>
      <c r="J38918" s="2">
        <v>0</v>
      </c>
      <c r="K38918" s="2">
        <v>1</v>
      </c>
      <c r="L38918" t="s">
        <v>995</v>
      </c>
      <c r="M38918" t="s">
        <v>83</v>
      </c>
      <c r="N38918" t="s">
        <v>84</v>
      </c>
      <c r="O38918" t="s">
        <v>85</v>
      </c>
      <c r="P38918" t="s">
        <v>86</v>
      </c>
      <c r="Q38918">
        <v>70</v>
      </c>
      <c r="R38918">
        <v>71</v>
      </c>
      <c r="S38918">
        <v>72</v>
      </c>
      <c r="T38918">
        <v>73</v>
      </c>
      <c r="U38918">
        <v>74</v>
      </c>
      <c r="V38918">
        <v>75</v>
      </c>
      <c r="W38918">
        <v>76</v>
      </c>
      <c r="X38918">
        <v>77</v>
      </c>
      <c r="Y38918">
        <v>78</v>
      </c>
      <c r="Z38918">
        <v>79</v>
      </c>
      <c r="AA38918">
        <v>80</v>
      </c>
      <c r="AB38918">
        <v>81</v>
      </c>
      <c r="AC38918">
        <v>82</v>
      </c>
      <c r="AD38918">
        <v>83</v>
      </c>
      <c r="AE38918">
        <v>84</v>
      </c>
      <c r="AF38918">
        <v>85</v>
      </c>
      <c r="AG38918">
        <v>85</v>
      </c>
      <c r="AH38918">
        <v>86</v>
      </c>
      <c r="AI38918">
        <v>87</v>
      </c>
      <c r="AJ38918">
        <v>88</v>
      </c>
      <c r="AK38918">
        <v>89</v>
      </c>
      <c r="AL38918">
        <v>89</v>
      </c>
      <c r="AM38918">
        <v>89</v>
      </c>
      <c r="AN38918">
        <v>89</v>
      </c>
      <c r="AO38918">
        <v>89</v>
      </c>
      <c r="AP38918">
        <v>89</v>
      </c>
      <c r="AQ38918">
        <v>89</v>
      </c>
    </row>
    <row r="38919" spans="1:43">
      <c r="A38919" t="s">
        <v>24137</v>
      </c>
      <c r="B38919" t="s">
        <v>24138</v>
      </c>
      <c r="C38919" t="s">
        <v>24115</v>
      </c>
      <c r="D38919" t="s">
        <v>24116</v>
      </c>
      <c r="E38919" t="s">
        <v>23993</v>
      </c>
      <c r="F38919" t="s">
        <v>23994</v>
      </c>
      <c r="G38919" t="s">
        <v>11612</v>
      </c>
      <c r="H38919" t="s">
        <v>11613</v>
      </c>
      <c r="I38919" s="2">
        <v>0</v>
      </c>
      <c r="J38919" s="2">
        <v>0</v>
      </c>
      <c r="K38919" s="2">
        <v>1</v>
      </c>
      <c r="L38919" t="s">
        <v>995</v>
      </c>
      <c r="M38919" t="s">
        <v>87</v>
      </c>
      <c r="N38919" t="s">
        <v>88</v>
      </c>
      <c r="O38919" t="s">
        <v>85</v>
      </c>
      <c r="P38919" t="s">
        <v>86</v>
      </c>
      <c r="Q38919">
        <v>70</v>
      </c>
      <c r="R38919">
        <v>70</v>
      </c>
      <c r="S38919">
        <v>71</v>
      </c>
      <c r="T38919">
        <v>71</v>
      </c>
      <c r="U38919">
        <v>72</v>
      </c>
      <c r="V38919">
        <v>72</v>
      </c>
      <c r="W38919">
        <v>72</v>
      </c>
      <c r="X38919">
        <v>73</v>
      </c>
      <c r="Y38919">
        <v>73</v>
      </c>
      <c r="Z38919">
        <v>74</v>
      </c>
      <c r="AA38919">
        <v>74</v>
      </c>
      <c r="AB38919">
        <v>74</v>
      </c>
      <c r="AC38919">
        <v>75</v>
      </c>
      <c r="AD38919">
        <v>75</v>
      </c>
      <c r="AE38919">
        <v>75</v>
      </c>
      <c r="AF38919">
        <v>76</v>
      </c>
      <c r="AG38919">
        <v>76</v>
      </c>
      <c r="AH38919">
        <v>76</v>
      </c>
      <c r="AI38919">
        <v>76</v>
      </c>
      <c r="AJ38919">
        <v>77</v>
      </c>
      <c r="AK38919">
        <v>77</v>
      </c>
      <c r="AL38919">
        <v>77</v>
      </c>
      <c r="AM38919">
        <v>77</v>
      </c>
      <c r="AN38919">
        <v>78</v>
      </c>
      <c r="AO38919">
        <v>78</v>
      </c>
      <c r="AP38919">
        <v>78</v>
      </c>
      <c r="AQ38919">
        <v>78</v>
      </c>
    </row>
    <row r="38920" spans="1:43">
      <c r="A38920" t="s">
        <v>24137</v>
      </c>
      <c r="B38920" t="s">
        <v>24138</v>
      </c>
      <c r="C38920" t="s">
        <v>24115</v>
      </c>
      <c r="D38920" t="s">
        <v>24116</v>
      </c>
      <c r="E38920" t="s">
        <v>23993</v>
      </c>
      <c r="F38920" t="s">
        <v>23994</v>
      </c>
      <c r="G38920" t="s">
        <v>11612</v>
      </c>
      <c r="H38920" t="s">
        <v>11613</v>
      </c>
      <c r="I38920" s="2">
        <v>0</v>
      </c>
      <c r="J38920" s="2">
        <v>0</v>
      </c>
      <c r="K38920" s="2">
        <v>1</v>
      </c>
      <c r="L38920" t="s">
        <v>995</v>
      </c>
      <c r="M38920" t="s">
        <v>89</v>
      </c>
      <c r="N38920" t="s">
        <v>90</v>
      </c>
      <c r="O38920" t="s">
        <v>85</v>
      </c>
      <c r="P38920" t="s">
        <v>86</v>
      </c>
      <c r="Q38920">
        <v>70</v>
      </c>
      <c r="R38920">
        <v>72</v>
      </c>
      <c r="S38920">
        <v>74</v>
      </c>
      <c r="T38920">
        <v>75</v>
      </c>
      <c r="U38920">
        <v>77</v>
      </c>
      <c r="V38920">
        <v>78</v>
      </c>
      <c r="W38920">
        <v>80</v>
      </c>
      <c r="X38920">
        <v>81</v>
      </c>
      <c r="Y38920">
        <v>83</v>
      </c>
      <c r="Z38920">
        <v>84</v>
      </c>
      <c r="AA38920">
        <v>85</v>
      </c>
      <c r="AB38920">
        <v>86</v>
      </c>
      <c r="AC38920">
        <v>88</v>
      </c>
      <c r="AD38920">
        <v>89</v>
      </c>
      <c r="AE38920">
        <v>90</v>
      </c>
      <c r="AF38920">
        <v>90</v>
      </c>
      <c r="AG38920">
        <v>90</v>
      </c>
      <c r="AH38920">
        <v>90</v>
      </c>
      <c r="AI38920">
        <v>90</v>
      </c>
      <c r="AJ38920">
        <v>90</v>
      </c>
      <c r="AK38920">
        <v>90</v>
      </c>
      <c r="AL38920">
        <v>91</v>
      </c>
      <c r="AM38920">
        <v>91</v>
      </c>
      <c r="AN38920">
        <v>91</v>
      </c>
      <c r="AO38920">
        <v>91</v>
      </c>
      <c r="AP38920">
        <v>91</v>
      </c>
      <c r="AQ38920">
        <v>91</v>
      </c>
    </row>
    <row r="38921" spans="1:43">
      <c r="A38921" t="s">
        <v>24137</v>
      </c>
      <c r="B38921" t="s">
        <v>24138</v>
      </c>
      <c r="C38921" t="s">
        <v>24115</v>
      </c>
      <c r="D38921" t="s">
        <v>24116</v>
      </c>
      <c r="E38921" t="s">
        <v>23993</v>
      </c>
      <c r="F38921" t="s">
        <v>23994</v>
      </c>
      <c r="G38921" t="s">
        <v>11612</v>
      </c>
      <c r="H38921" t="s">
        <v>11613</v>
      </c>
      <c r="I38921" s="2">
        <v>0</v>
      </c>
      <c r="J38921" s="2">
        <v>0</v>
      </c>
      <c r="K38921" s="2">
        <v>1</v>
      </c>
      <c r="L38921" t="s">
        <v>995</v>
      </c>
      <c r="M38921" t="s">
        <v>83</v>
      </c>
      <c r="N38921" t="s">
        <v>91</v>
      </c>
      <c r="O38921" t="s">
        <v>85</v>
      </c>
      <c r="P38921" t="s">
        <v>86</v>
      </c>
      <c r="Q38921">
        <v>70</v>
      </c>
      <c r="R38921">
        <v>71</v>
      </c>
      <c r="S38921">
        <v>72</v>
      </c>
      <c r="T38921">
        <v>73</v>
      </c>
      <c r="U38921">
        <v>74</v>
      </c>
      <c r="V38921">
        <v>75</v>
      </c>
      <c r="W38921">
        <v>76</v>
      </c>
      <c r="X38921">
        <v>77</v>
      </c>
      <c r="Y38921">
        <v>78</v>
      </c>
      <c r="Z38921">
        <v>79</v>
      </c>
      <c r="AA38921">
        <v>80</v>
      </c>
      <c r="AB38921">
        <v>81</v>
      </c>
      <c r="AC38921">
        <v>82</v>
      </c>
      <c r="AD38921">
        <v>83</v>
      </c>
      <c r="AE38921">
        <v>84</v>
      </c>
      <c r="AF38921">
        <v>85</v>
      </c>
      <c r="AG38921">
        <v>85</v>
      </c>
      <c r="AH38921">
        <v>86</v>
      </c>
      <c r="AI38921">
        <v>87</v>
      </c>
      <c r="AJ38921">
        <v>88</v>
      </c>
      <c r="AK38921">
        <v>89</v>
      </c>
      <c r="AL38921">
        <v>89</v>
      </c>
      <c r="AM38921">
        <v>89</v>
      </c>
      <c r="AN38921">
        <v>89</v>
      </c>
      <c r="AO38921">
        <v>89</v>
      </c>
      <c r="AP38921">
        <v>89</v>
      </c>
      <c r="AQ38921">
        <v>89</v>
      </c>
    </row>
    <row r="38922" spans="1:43">
      <c r="A38922" t="s">
        <v>24139</v>
      </c>
      <c r="B38922" t="s">
        <v>24140</v>
      </c>
      <c r="C38922" t="s">
        <v>24051</v>
      </c>
      <c r="D38922" t="s">
        <v>24052</v>
      </c>
      <c r="E38922" t="s">
        <v>23993</v>
      </c>
      <c r="F38922" t="s">
        <v>23994</v>
      </c>
      <c r="G38922" t="s">
        <v>11612</v>
      </c>
      <c r="H38922" t="s">
        <v>11613</v>
      </c>
      <c r="I38922" s="2">
        <v>0</v>
      </c>
      <c r="J38922" s="2">
        <v>0</v>
      </c>
      <c r="K38922" s="2">
        <v>1</v>
      </c>
      <c r="L38922" t="s">
        <v>995</v>
      </c>
      <c r="M38922" t="s">
        <v>83</v>
      </c>
      <c r="N38922" t="s">
        <v>84</v>
      </c>
      <c r="O38922" t="s">
        <v>85</v>
      </c>
      <c r="P38922" t="s">
        <v>86</v>
      </c>
      <c r="Q38922">
        <v>10</v>
      </c>
      <c r="R38922">
        <v>10</v>
      </c>
      <c r="S38922">
        <v>10</v>
      </c>
      <c r="T38922">
        <v>10</v>
      </c>
      <c r="U38922">
        <v>11</v>
      </c>
      <c r="V38922">
        <v>11</v>
      </c>
      <c r="W38922">
        <v>11</v>
      </c>
      <c r="X38922">
        <v>11</v>
      </c>
      <c r="Y38922">
        <v>11</v>
      </c>
      <c r="Z38922">
        <v>11</v>
      </c>
      <c r="AA38922">
        <v>11</v>
      </c>
      <c r="AB38922">
        <v>11</v>
      </c>
      <c r="AC38922">
        <v>12</v>
      </c>
      <c r="AD38922">
        <v>12</v>
      </c>
      <c r="AE38922">
        <v>12</v>
      </c>
      <c r="AF38922">
        <v>12</v>
      </c>
      <c r="AG38922">
        <v>12</v>
      </c>
      <c r="AH38922">
        <v>12</v>
      </c>
      <c r="AI38922">
        <v>12</v>
      </c>
      <c r="AJ38922">
        <v>12</v>
      </c>
      <c r="AK38922">
        <v>12</v>
      </c>
      <c r="AL38922">
        <v>12</v>
      </c>
      <c r="AM38922">
        <v>12</v>
      </c>
      <c r="AN38922">
        <v>12</v>
      </c>
      <c r="AO38922">
        <v>12</v>
      </c>
      <c r="AP38922">
        <v>12</v>
      </c>
      <c r="AQ38922">
        <v>12</v>
      </c>
    </row>
    <row r="38923" spans="1:43">
      <c r="A38923" t="s">
        <v>24139</v>
      </c>
      <c r="B38923" t="s">
        <v>24140</v>
      </c>
      <c r="C38923" t="s">
        <v>24051</v>
      </c>
      <c r="D38923" t="s">
        <v>24052</v>
      </c>
      <c r="E38923" t="s">
        <v>23993</v>
      </c>
      <c r="F38923" t="s">
        <v>23994</v>
      </c>
      <c r="G38923" t="s">
        <v>11612</v>
      </c>
      <c r="H38923" t="s">
        <v>11613</v>
      </c>
      <c r="I38923" s="2">
        <v>0</v>
      </c>
      <c r="J38923" s="2">
        <v>0</v>
      </c>
      <c r="K38923" s="2">
        <v>1</v>
      </c>
      <c r="L38923" t="s">
        <v>995</v>
      </c>
      <c r="M38923" t="s">
        <v>87</v>
      </c>
      <c r="N38923" t="s">
        <v>88</v>
      </c>
      <c r="O38923" t="s">
        <v>85</v>
      </c>
      <c r="P38923" t="s">
        <v>86</v>
      </c>
      <c r="Q38923">
        <v>10</v>
      </c>
      <c r="R38923">
        <v>10</v>
      </c>
      <c r="S38923">
        <v>10</v>
      </c>
      <c r="T38923">
        <v>10</v>
      </c>
      <c r="U38923">
        <v>10</v>
      </c>
      <c r="V38923">
        <v>10</v>
      </c>
      <c r="W38923">
        <v>10</v>
      </c>
      <c r="X38923">
        <v>10</v>
      </c>
      <c r="Y38923">
        <v>10</v>
      </c>
      <c r="Z38923">
        <v>10</v>
      </c>
      <c r="AA38923">
        <v>10</v>
      </c>
      <c r="AB38923">
        <v>10</v>
      </c>
      <c r="AC38923">
        <v>10</v>
      </c>
      <c r="AD38923">
        <v>10</v>
      </c>
      <c r="AE38923">
        <v>10</v>
      </c>
      <c r="AF38923">
        <v>10</v>
      </c>
      <c r="AG38923">
        <v>11</v>
      </c>
      <c r="AH38923">
        <v>11</v>
      </c>
      <c r="AI38923">
        <v>11</v>
      </c>
      <c r="AJ38923">
        <v>11</v>
      </c>
      <c r="AK38923">
        <v>11</v>
      </c>
      <c r="AL38923">
        <v>11</v>
      </c>
      <c r="AM38923">
        <v>11</v>
      </c>
      <c r="AN38923">
        <v>11</v>
      </c>
      <c r="AO38923">
        <v>11</v>
      </c>
      <c r="AP38923">
        <v>11</v>
      </c>
      <c r="AQ38923">
        <v>11</v>
      </c>
    </row>
    <row r="38924" spans="1:43">
      <c r="A38924" t="s">
        <v>24139</v>
      </c>
      <c r="B38924" t="s">
        <v>24140</v>
      </c>
      <c r="C38924" t="s">
        <v>24051</v>
      </c>
      <c r="D38924" t="s">
        <v>24052</v>
      </c>
      <c r="E38924" t="s">
        <v>23993</v>
      </c>
      <c r="F38924" t="s">
        <v>23994</v>
      </c>
      <c r="G38924" t="s">
        <v>11612</v>
      </c>
      <c r="H38924" t="s">
        <v>11613</v>
      </c>
      <c r="I38924" s="2">
        <v>0</v>
      </c>
      <c r="J38924" s="2">
        <v>0</v>
      </c>
      <c r="K38924" s="2">
        <v>1</v>
      </c>
      <c r="L38924" t="s">
        <v>995</v>
      </c>
      <c r="M38924" t="s">
        <v>89</v>
      </c>
      <c r="N38924" t="s">
        <v>90</v>
      </c>
      <c r="O38924" t="s">
        <v>85</v>
      </c>
      <c r="P38924" t="s">
        <v>86</v>
      </c>
      <c r="Q38924">
        <v>10</v>
      </c>
      <c r="R38924">
        <v>10</v>
      </c>
      <c r="S38924">
        <v>11</v>
      </c>
      <c r="T38924">
        <v>11</v>
      </c>
      <c r="U38924">
        <v>11</v>
      </c>
      <c r="V38924">
        <v>11</v>
      </c>
      <c r="W38924">
        <v>11</v>
      </c>
      <c r="X38924">
        <v>12</v>
      </c>
      <c r="Y38924">
        <v>12</v>
      </c>
      <c r="Z38924">
        <v>12</v>
      </c>
      <c r="AA38924">
        <v>12</v>
      </c>
      <c r="AB38924">
        <v>12</v>
      </c>
      <c r="AC38924">
        <v>12</v>
      </c>
      <c r="AD38924">
        <v>13</v>
      </c>
      <c r="AE38924">
        <v>13</v>
      </c>
      <c r="AF38924">
        <v>13</v>
      </c>
      <c r="AG38924">
        <v>13</v>
      </c>
      <c r="AH38924">
        <v>13</v>
      </c>
      <c r="AI38924">
        <v>13</v>
      </c>
      <c r="AJ38924">
        <v>13</v>
      </c>
      <c r="AK38924">
        <v>13</v>
      </c>
      <c r="AL38924">
        <v>13</v>
      </c>
      <c r="AM38924">
        <v>13</v>
      </c>
      <c r="AN38924">
        <v>13</v>
      </c>
      <c r="AO38924">
        <v>13</v>
      </c>
      <c r="AP38924">
        <v>13</v>
      </c>
      <c r="AQ38924">
        <v>12</v>
      </c>
    </row>
    <row r="38925" spans="1:43">
      <c r="A38925" t="s">
        <v>24139</v>
      </c>
      <c r="B38925" t="s">
        <v>24140</v>
      </c>
      <c r="C38925" t="s">
        <v>24051</v>
      </c>
      <c r="D38925" t="s">
        <v>24052</v>
      </c>
      <c r="E38925" t="s">
        <v>23993</v>
      </c>
      <c r="F38925" t="s">
        <v>23994</v>
      </c>
      <c r="G38925" t="s">
        <v>11612</v>
      </c>
      <c r="H38925" t="s">
        <v>11613</v>
      </c>
      <c r="I38925" s="2">
        <v>0</v>
      </c>
      <c r="J38925" s="2">
        <v>0</v>
      </c>
      <c r="K38925" s="2">
        <v>1</v>
      </c>
      <c r="L38925" t="s">
        <v>995</v>
      </c>
      <c r="M38925" t="s">
        <v>83</v>
      </c>
      <c r="N38925" t="s">
        <v>91</v>
      </c>
      <c r="O38925" t="s">
        <v>85</v>
      </c>
      <c r="P38925" t="s">
        <v>86</v>
      </c>
      <c r="Q38925">
        <v>10</v>
      </c>
      <c r="R38925">
        <v>10</v>
      </c>
      <c r="S38925">
        <v>10</v>
      </c>
      <c r="T38925">
        <v>10</v>
      </c>
      <c r="U38925">
        <v>11</v>
      </c>
      <c r="V38925">
        <v>11</v>
      </c>
      <c r="W38925">
        <v>11</v>
      </c>
      <c r="X38925">
        <v>11</v>
      </c>
      <c r="Y38925">
        <v>11</v>
      </c>
      <c r="Z38925">
        <v>11</v>
      </c>
      <c r="AA38925">
        <v>11</v>
      </c>
      <c r="AB38925">
        <v>11</v>
      </c>
      <c r="AC38925">
        <v>12</v>
      </c>
      <c r="AD38925">
        <v>12</v>
      </c>
      <c r="AE38925">
        <v>12</v>
      </c>
      <c r="AF38925">
        <v>12</v>
      </c>
      <c r="AG38925">
        <v>12</v>
      </c>
      <c r="AH38925">
        <v>12</v>
      </c>
      <c r="AI38925">
        <v>12</v>
      </c>
      <c r="AJ38925">
        <v>12</v>
      </c>
      <c r="AK38925">
        <v>12</v>
      </c>
      <c r="AL38925">
        <v>12</v>
      </c>
      <c r="AM38925">
        <v>12</v>
      </c>
      <c r="AN38925">
        <v>12</v>
      </c>
      <c r="AO38925">
        <v>12</v>
      </c>
      <c r="AP38925">
        <v>12</v>
      </c>
      <c r="AQ38925">
        <v>12</v>
      </c>
    </row>
    <row r="38926" spans="1:43">
      <c r="A38926" t="s">
        <v>24141</v>
      </c>
      <c r="B38926" t="s">
        <v>24142</v>
      </c>
      <c r="C38926" t="s">
        <v>24051</v>
      </c>
      <c r="D38926" t="s">
        <v>24052</v>
      </c>
      <c r="E38926" t="s">
        <v>23993</v>
      </c>
      <c r="F38926" t="s">
        <v>23994</v>
      </c>
      <c r="G38926" t="s">
        <v>11612</v>
      </c>
      <c r="H38926" t="s">
        <v>11613</v>
      </c>
      <c r="I38926" s="2">
        <v>0</v>
      </c>
      <c r="J38926" s="2">
        <v>0</v>
      </c>
      <c r="K38926" s="2">
        <v>1</v>
      </c>
      <c r="L38926" t="s">
        <v>995</v>
      </c>
      <c r="M38926" t="s">
        <v>83</v>
      </c>
      <c r="N38926" t="s">
        <v>84</v>
      </c>
      <c r="O38926" t="s">
        <v>85</v>
      </c>
      <c r="P38926" t="s">
        <v>86</v>
      </c>
      <c r="Q38926">
        <v>66</v>
      </c>
      <c r="R38926">
        <v>67</v>
      </c>
      <c r="S38926">
        <v>68</v>
      </c>
      <c r="T38926">
        <v>69</v>
      </c>
      <c r="U38926">
        <v>70</v>
      </c>
      <c r="V38926">
        <v>71</v>
      </c>
      <c r="W38926">
        <v>72</v>
      </c>
      <c r="X38926">
        <v>73</v>
      </c>
      <c r="Y38926">
        <v>74</v>
      </c>
      <c r="Z38926">
        <v>75</v>
      </c>
      <c r="AA38926">
        <v>76</v>
      </c>
      <c r="AB38926">
        <v>76</v>
      </c>
      <c r="AC38926">
        <v>77</v>
      </c>
      <c r="AD38926">
        <v>78</v>
      </c>
      <c r="AE38926">
        <v>79</v>
      </c>
      <c r="AF38926">
        <v>79</v>
      </c>
      <c r="AG38926">
        <v>80</v>
      </c>
      <c r="AH38926">
        <v>81</v>
      </c>
      <c r="AI38926">
        <v>81</v>
      </c>
      <c r="AJ38926">
        <v>82</v>
      </c>
      <c r="AK38926">
        <v>83</v>
      </c>
      <c r="AL38926">
        <v>83</v>
      </c>
      <c r="AM38926">
        <v>83</v>
      </c>
      <c r="AN38926">
        <v>83</v>
      </c>
      <c r="AO38926">
        <v>83</v>
      </c>
      <c r="AP38926">
        <v>83</v>
      </c>
      <c r="AQ38926">
        <v>82</v>
      </c>
    </row>
    <row r="38927" spans="1:43">
      <c r="A38927" t="s">
        <v>24141</v>
      </c>
      <c r="B38927" t="s">
        <v>24142</v>
      </c>
      <c r="C38927" t="s">
        <v>24051</v>
      </c>
      <c r="D38927" t="s">
        <v>24052</v>
      </c>
      <c r="E38927" t="s">
        <v>23993</v>
      </c>
      <c r="F38927" t="s">
        <v>23994</v>
      </c>
      <c r="G38927" t="s">
        <v>11612</v>
      </c>
      <c r="H38927" t="s">
        <v>11613</v>
      </c>
      <c r="I38927" s="2">
        <v>0</v>
      </c>
      <c r="J38927" s="2">
        <v>0</v>
      </c>
      <c r="K38927" s="2">
        <v>1</v>
      </c>
      <c r="L38927" t="s">
        <v>995</v>
      </c>
      <c r="M38927" t="s">
        <v>87</v>
      </c>
      <c r="N38927" t="s">
        <v>88</v>
      </c>
      <c r="O38927" t="s">
        <v>85</v>
      </c>
      <c r="P38927" t="s">
        <v>86</v>
      </c>
      <c r="Q38927">
        <v>66</v>
      </c>
      <c r="R38927">
        <v>66</v>
      </c>
      <c r="S38927">
        <v>66</v>
      </c>
      <c r="T38927">
        <v>67</v>
      </c>
      <c r="U38927">
        <v>67</v>
      </c>
      <c r="V38927">
        <v>67</v>
      </c>
      <c r="W38927">
        <v>68</v>
      </c>
      <c r="X38927">
        <v>68</v>
      </c>
      <c r="Y38927">
        <v>68</v>
      </c>
      <c r="Z38927">
        <v>69</v>
      </c>
      <c r="AA38927">
        <v>69</v>
      </c>
      <c r="AB38927">
        <v>69</v>
      </c>
      <c r="AC38927">
        <v>69</v>
      </c>
      <c r="AD38927">
        <v>70</v>
      </c>
      <c r="AE38927">
        <v>70</v>
      </c>
      <c r="AF38927">
        <v>70</v>
      </c>
      <c r="AG38927">
        <v>70</v>
      </c>
      <c r="AH38927">
        <v>70</v>
      </c>
      <c r="AI38927">
        <v>71</v>
      </c>
      <c r="AJ38927">
        <v>71</v>
      </c>
      <c r="AK38927">
        <v>71</v>
      </c>
      <c r="AL38927">
        <v>71</v>
      </c>
      <c r="AM38927">
        <v>71</v>
      </c>
      <c r="AN38927">
        <v>71</v>
      </c>
      <c r="AO38927">
        <v>71</v>
      </c>
      <c r="AP38927">
        <v>71</v>
      </c>
      <c r="AQ38927">
        <v>72</v>
      </c>
    </row>
    <row r="38928" spans="1:43">
      <c r="A38928" t="s">
        <v>24141</v>
      </c>
      <c r="B38928" t="s">
        <v>24142</v>
      </c>
      <c r="C38928" t="s">
        <v>24051</v>
      </c>
      <c r="D38928" t="s">
        <v>24052</v>
      </c>
      <c r="E38928" t="s">
        <v>23993</v>
      </c>
      <c r="F38928" t="s">
        <v>23994</v>
      </c>
      <c r="G38928" t="s">
        <v>11612</v>
      </c>
      <c r="H38928" t="s">
        <v>11613</v>
      </c>
      <c r="I38928" s="2">
        <v>0</v>
      </c>
      <c r="J38928" s="2">
        <v>0</v>
      </c>
      <c r="K38928" s="2">
        <v>1</v>
      </c>
      <c r="L38928" t="s">
        <v>995</v>
      </c>
      <c r="M38928" t="s">
        <v>89</v>
      </c>
      <c r="N38928" t="s">
        <v>90</v>
      </c>
      <c r="O38928" t="s">
        <v>85</v>
      </c>
      <c r="P38928" t="s">
        <v>86</v>
      </c>
      <c r="Q38928">
        <v>66</v>
      </c>
      <c r="R38928">
        <v>68</v>
      </c>
      <c r="S38928">
        <v>69</v>
      </c>
      <c r="T38928">
        <v>71</v>
      </c>
      <c r="U38928">
        <v>72</v>
      </c>
      <c r="V38928">
        <v>73</v>
      </c>
      <c r="W38928">
        <v>75</v>
      </c>
      <c r="X38928">
        <v>76</v>
      </c>
      <c r="Y38928">
        <v>77</v>
      </c>
      <c r="Z38928">
        <v>78</v>
      </c>
      <c r="AA38928">
        <v>79</v>
      </c>
      <c r="AB38928">
        <v>80</v>
      </c>
      <c r="AC38928">
        <v>82</v>
      </c>
      <c r="AD38928">
        <v>83</v>
      </c>
      <c r="AE38928">
        <v>83</v>
      </c>
      <c r="AF38928">
        <v>83</v>
      </c>
      <c r="AG38928">
        <v>83</v>
      </c>
      <c r="AH38928">
        <v>83</v>
      </c>
      <c r="AI38928">
        <v>83</v>
      </c>
      <c r="AJ38928">
        <v>83</v>
      </c>
      <c r="AK38928">
        <v>83</v>
      </c>
      <c r="AL38928">
        <v>83</v>
      </c>
      <c r="AM38928">
        <v>83</v>
      </c>
      <c r="AN38928">
        <v>83</v>
      </c>
      <c r="AO38928">
        <v>83</v>
      </c>
      <c r="AP38928">
        <v>83</v>
      </c>
      <c r="AQ38928">
        <v>83</v>
      </c>
    </row>
    <row r="38929" spans="1:43">
      <c r="A38929" t="s">
        <v>24141</v>
      </c>
      <c r="B38929" t="s">
        <v>24142</v>
      </c>
      <c r="C38929" t="s">
        <v>24051</v>
      </c>
      <c r="D38929" t="s">
        <v>24052</v>
      </c>
      <c r="E38929" t="s">
        <v>23993</v>
      </c>
      <c r="F38929" t="s">
        <v>23994</v>
      </c>
      <c r="G38929" t="s">
        <v>11612</v>
      </c>
      <c r="H38929" t="s">
        <v>11613</v>
      </c>
      <c r="I38929" s="2">
        <v>0</v>
      </c>
      <c r="J38929" s="2">
        <v>0</v>
      </c>
      <c r="K38929" s="2">
        <v>1</v>
      </c>
      <c r="L38929" t="s">
        <v>995</v>
      </c>
      <c r="M38929" t="s">
        <v>83</v>
      </c>
      <c r="N38929" t="s">
        <v>91</v>
      </c>
      <c r="O38929" t="s">
        <v>85</v>
      </c>
      <c r="P38929" t="s">
        <v>86</v>
      </c>
      <c r="Q38929">
        <v>66</v>
      </c>
      <c r="R38929">
        <v>67</v>
      </c>
      <c r="S38929">
        <v>68</v>
      </c>
      <c r="T38929">
        <v>69</v>
      </c>
      <c r="U38929">
        <v>70</v>
      </c>
      <c r="V38929">
        <v>71</v>
      </c>
      <c r="W38929">
        <v>72</v>
      </c>
      <c r="X38929">
        <v>73</v>
      </c>
      <c r="Y38929">
        <v>74</v>
      </c>
      <c r="Z38929">
        <v>75</v>
      </c>
      <c r="AA38929">
        <v>76</v>
      </c>
      <c r="AB38929">
        <v>76</v>
      </c>
      <c r="AC38929">
        <v>77</v>
      </c>
      <c r="AD38929">
        <v>78</v>
      </c>
      <c r="AE38929">
        <v>79</v>
      </c>
      <c r="AF38929">
        <v>79</v>
      </c>
      <c r="AG38929">
        <v>80</v>
      </c>
      <c r="AH38929">
        <v>81</v>
      </c>
      <c r="AI38929">
        <v>81</v>
      </c>
      <c r="AJ38929">
        <v>82</v>
      </c>
      <c r="AK38929">
        <v>83</v>
      </c>
      <c r="AL38929">
        <v>83</v>
      </c>
      <c r="AM38929">
        <v>83</v>
      </c>
      <c r="AN38929">
        <v>83</v>
      </c>
      <c r="AO38929">
        <v>83</v>
      </c>
      <c r="AP38929">
        <v>83</v>
      </c>
      <c r="AQ38929">
        <v>82</v>
      </c>
    </row>
    <row r="38930" spans="1:43">
      <c r="A38930" t="s">
        <v>24143</v>
      </c>
      <c r="B38930" t="s">
        <v>24144</v>
      </c>
      <c r="C38930" t="s">
        <v>24145</v>
      </c>
      <c r="D38930" t="s">
        <v>24146</v>
      </c>
      <c r="E38930" t="s">
        <v>24147</v>
      </c>
      <c r="F38930" t="s">
        <v>24148</v>
      </c>
      <c r="G38930" t="s">
        <v>11612</v>
      </c>
      <c r="H38930" t="s">
        <v>11613</v>
      </c>
      <c r="I38930" s="2">
        <v>0</v>
      </c>
      <c r="J38930" s="2">
        <v>0</v>
      </c>
      <c r="K38930" s="2">
        <v>0.46</v>
      </c>
      <c r="L38930" t="s">
        <v>995</v>
      </c>
      <c r="M38930" t="s">
        <v>83</v>
      </c>
      <c r="N38930" t="s">
        <v>84</v>
      </c>
      <c r="O38930" t="s">
        <v>85</v>
      </c>
      <c r="P38930" t="s">
        <v>86</v>
      </c>
      <c r="Q38930">
        <v>56</v>
      </c>
      <c r="R38930">
        <v>57</v>
      </c>
      <c r="S38930">
        <v>58</v>
      </c>
      <c r="T38930">
        <v>59</v>
      </c>
      <c r="U38930">
        <v>60</v>
      </c>
      <c r="V38930">
        <v>61</v>
      </c>
      <c r="W38930">
        <v>62</v>
      </c>
      <c r="X38930">
        <v>63</v>
      </c>
      <c r="Y38930">
        <v>64</v>
      </c>
      <c r="Z38930">
        <v>65</v>
      </c>
      <c r="AA38930">
        <v>66</v>
      </c>
      <c r="AB38930">
        <v>67</v>
      </c>
      <c r="AC38930">
        <v>68</v>
      </c>
      <c r="AD38930">
        <v>69</v>
      </c>
      <c r="AE38930">
        <v>70</v>
      </c>
      <c r="AF38930">
        <v>71</v>
      </c>
      <c r="AG38930">
        <v>72</v>
      </c>
      <c r="AH38930">
        <v>73</v>
      </c>
      <c r="AI38930">
        <v>74</v>
      </c>
      <c r="AJ38930">
        <v>75</v>
      </c>
      <c r="AK38930">
        <v>76</v>
      </c>
      <c r="AL38930">
        <v>77</v>
      </c>
      <c r="AM38930">
        <v>77</v>
      </c>
      <c r="AN38930">
        <v>77</v>
      </c>
      <c r="AO38930">
        <v>78</v>
      </c>
      <c r="AP38930">
        <v>78</v>
      </c>
      <c r="AQ38930">
        <v>79</v>
      </c>
    </row>
    <row r="38931" spans="1:43">
      <c r="A38931" t="s">
        <v>24143</v>
      </c>
      <c r="B38931" t="s">
        <v>24144</v>
      </c>
      <c r="C38931" t="s">
        <v>24145</v>
      </c>
      <c r="D38931" t="s">
        <v>24146</v>
      </c>
      <c r="E38931" t="s">
        <v>24147</v>
      </c>
      <c r="F38931" t="s">
        <v>24148</v>
      </c>
      <c r="G38931" t="s">
        <v>11612</v>
      </c>
      <c r="H38931" t="s">
        <v>11613</v>
      </c>
      <c r="I38931" s="2">
        <v>0</v>
      </c>
      <c r="J38931" s="2">
        <v>0</v>
      </c>
      <c r="K38931" s="2">
        <v>0.46</v>
      </c>
      <c r="L38931" t="s">
        <v>995</v>
      </c>
      <c r="M38931" t="s">
        <v>87</v>
      </c>
      <c r="N38931" t="s">
        <v>88</v>
      </c>
      <c r="O38931" t="s">
        <v>85</v>
      </c>
      <c r="P38931" t="s">
        <v>86</v>
      </c>
      <c r="Q38931">
        <v>56</v>
      </c>
      <c r="R38931">
        <v>57</v>
      </c>
      <c r="S38931">
        <v>57</v>
      </c>
      <c r="T38931">
        <v>58</v>
      </c>
      <c r="U38931">
        <v>58</v>
      </c>
      <c r="V38931">
        <v>59</v>
      </c>
      <c r="W38931">
        <v>59</v>
      </c>
      <c r="X38931">
        <v>59</v>
      </c>
      <c r="Y38931">
        <v>60</v>
      </c>
      <c r="Z38931">
        <v>60</v>
      </c>
      <c r="AA38931">
        <v>61</v>
      </c>
      <c r="AB38931">
        <v>61</v>
      </c>
      <c r="AC38931">
        <v>62</v>
      </c>
      <c r="AD38931">
        <v>62</v>
      </c>
      <c r="AE38931">
        <v>63</v>
      </c>
      <c r="AF38931">
        <v>63</v>
      </c>
      <c r="AG38931">
        <v>64</v>
      </c>
      <c r="AH38931">
        <v>64</v>
      </c>
      <c r="AI38931">
        <v>65</v>
      </c>
      <c r="AJ38931">
        <v>65</v>
      </c>
      <c r="AK38931">
        <v>66</v>
      </c>
      <c r="AL38931">
        <v>66</v>
      </c>
      <c r="AM38931">
        <v>67</v>
      </c>
      <c r="AN38931">
        <v>67</v>
      </c>
      <c r="AO38931">
        <v>68</v>
      </c>
      <c r="AP38931">
        <v>68</v>
      </c>
      <c r="AQ38931">
        <v>69</v>
      </c>
    </row>
    <row r="38932" spans="1:43">
      <c r="A38932" t="s">
        <v>24143</v>
      </c>
      <c r="B38932" t="s">
        <v>24144</v>
      </c>
      <c r="C38932" t="s">
        <v>24145</v>
      </c>
      <c r="D38932" t="s">
        <v>24146</v>
      </c>
      <c r="E38932" t="s">
        <v>24147</v>
      </c>
      <c r="F38932" t="s">
        <v>24148</v>
      </c>
      <c r="G38932" t="s">
        <v>11612</v>
      </c>
      <c r="H38932" t="s">
        <v>11613</v>
      </c>
      <c r="I38932" s="2">
        <v>0</v>
      </c>
      <c r="J38932" s="2">
        <v>0</v>
      </c>
      <c r="K38932" s="2">
        <v>0.46</v>
      </c>
      <c r="L38932" t="s">
        <v>995</v>
      </c>
      <c r="M38932" t="s">
        <v>89</v>
      </c>
      <c r="N38932" t="s">
        <v>90</v>
      </c>
      <c r="O38932" t="s">
        <v>85</v>
      </c>
      <c r="P38932" t="s">
        <v>86</v>
      </c>
      <c r="Q38932">
        <v>56</v>
      </c>
      <c r="R38932">
        <v>57</v>
      </c>
      <c r="S38932">
        <v>58</v>
      </c>
      <c r="T38932">
        <v>60</v>
      </c>
      <c r="U38932">
        <v>61</v>
      </c>
      <c r="V38932">
        <v>63</v>
      </c>
      <c r="W38932">
        <v>64</v>
      </c>
      <c r="X38932">
        <v>65</v>
      </c>
      <c r="Y38932">
        <v>67</v>
      </c>
      <c r="Z38932">
        <v>68</v>
      </c>
      <c r="AA38932">
        <v>69</v>
      </c>
      <c r="AB38932">
        <v>70</v>
      </c>
      <c r="AC38932">
        <v>72</v>
      </c>
      <c r="AD38932">
        <v>73</v>
      </c>
      <c r="AE38932">
        <v>74</v>
      </c>
      <c r="AF38932">
        <v>74</v>
      </c>
      <c r="AG38932">
        <v>74</v>
      </c>
      <c r="AH38932">
        <v>75</v>
      </c>
      <c r="AI38932">
        <v>75</v>
      </c>
      <c r="AJ38932">
        <v>76</v>
      </c>
      <c r="AK38932">
        <v>76</v>
      </c>
      <c r="AL38932">
        <v>76</v>
      </c>
      <c r="AM38932">
        <v>77</v>
      </c>
      <c r="AN38932">
        <v>77</v>
      </c>
      <c r="AO38932">
        <v>78</v>
      </c>
      <c r="AP38932">
        <v>78</v>
      </c>
      <c r="AQ38932">
        <v>78</v>
      </c>
    </row>
    <row r="38933" spans="1:43">
      <c r="A38933" t="s">
        <v>24143</v>
      </c>
      <c r="B38933" t="s">
        <v>24144</v>
      </c>
      <c r="C38933" t="s">
        <v>24145</v>
      </c>
      <c r="D38933" t="s">
        <v>24146</v>
      </c>
      <c r="E38933" t="s">
        <v>24147</v>
      </c>
      <c r="F38933" t="s">
        <v>24148</v>
      </c>
      <c r="G38933" t="s">
        <v>11612</v>
      </c>
      <c r="H38933" t="s">
        <v>11613</v>
      </c>
      <c r="I38933" s="2">
        <v>0</v>
      </c>
      <c r="J38933" s="2">
        <v>0</v>
      </c>
      <c r="K38933" s="2">
        <v>0.46</v>
      </c>
      <c r="L38933" t="s">
        <v>995</v>
      </c>
      <c r="M38933" t="s">
        <v>83</v>
      </c>
      <c r="N38933" t="s">
        <v>91</v>
      </c>
      <c r="O38933" t="s">
        <v>85</v>
      </c>
      <c r="P38933" t="s">
        <v>86</v>
      </c>
      <c r="Q38933">
        <v>56</v>
      </c>
      <c r="R38933">
        <v>57</v>
      </c>
      <c r="S38933">
        <v>58</v>
      </c>
      <c r="T38933">
        <v>59</v>
      </c>
      <c r="U38933">
        <v>60</v>
      </c>
      <c r="V38933">
        <v>61</v>
      </c>
      <c r="W38933">
        <v>62</v>
      </c>
      <c r="X38933">
        <v>63</v>
      </c>
      <c r="Y38933">
        <v>64</v>
      </c>
      <c r="Z38933">
        <v>65</v>
      </c>
      <c r="AA38933">
        <v>66</v>
      </c>
      <c r="AB38933">
        <v>67</v>
      </c>
      <c r="AC38933">
        <v>68</v>
      </c>
      <c r="AD38933">
        <v>69</v>
      </c>
      <c r="AE38933">
        <v>70</v>
      </c>
      <c r="AF38933">
        <v>71</v>
      </c>
      <c r="AG38933">
        <v>72</v>
      </c>
      <c r="AH38933">
        <v>73</v>
      </c>
      <c r="AI38933">
        <v>74</v>
      </c>
      <c r="AJ38933">
        <v>75</v>
      </c>
      <c r="AK38933">
        <v>76</v>
      </c>
      <c r="AL38933">
        <v>77</v>
      </c>
      <c r="AM38933">
        <v>77</v>
      </c>
      <c r="AN38933">
        <v>77</v>
      </c>
      <c r="AO38933">
        <v>78</v>
      </c>
      <c r="AP38933">
        <v>78</v>
      </c>
      <c r="AQ38933">
        <v>79</v>
      </c>
    </row>
    <row r="38934" spans="1:43">
      <c r="A38934" t="s">
        <v>24149</v>
      </c>
      <c r="B38934" t="s">
        <v>24150</v>
      </c>
      <c r="C38934" t="s">
        <v>24151</v>
      </c>
      <c r="D38934" t="s">
        <v>24152</v>
      </c>
      <c r="E38934" t="s">
        <v>24147</v>
      </c>
      <c r="F38934" t="s">
        <v>24148</v>
      </c>
      <c r="G38934" t="s">
        <v>11612</v>
      </c>
      <c r="H38934" t="s">
        <v>11613</v>
      </c>
      <c r="I38934" s="2">
        <v>0</v>
      </c>
      <c r="J38934" s="2">
        <v>0</v>
      </c>
      <c r="K38934" s="2">
        <v>1</v>
      </c>
      <c r="L38934" t="s">
        <v>995</v>
      </c>
      <c r="M38934" t="s">
        <v>83</v>
      </c>
      <c r="N38934" t="s">
        <v>84</v>
      </c>
      <c r="O38934" t="s">
        <v>85</v>
      </c>
      <c r="P38934" t="s">
        <v>86</v>
      </c>
      <c r="Q38934">
        <v>22</v>
      </c>
      <c r="R38934">
        <v>22</v>
      </c>
      <c r="S38934">
        <v>23</v>
      </c>
      <c r="T38934">
        <v>23</v>
      </c>
      <c r="U38934">
        <v>24</v>
      </c>
      <c r="V38934">
        <v>24</v>
      </c>
      <c r="W38934">
        <v>24</v>
      </c>
      <c r="X38934">
        <v>25</v>
      </c>
      <c r="Y38934">
        <v>25</v>
      </c>
      <c r="Z38934">
        <v>25</v>
      </c>
      <c r="AA38934">
        <v>26</v>
      </c>
      <c r="AB38934">
        <v>26</v>
      </c>
      <c r="AC38934">
        <v>27</v>
      </c>
      <c r="AD38934">
        <v>27</v>
      </c>
      <c r="AE38934">
        <v>27</v>
      </c>
      <c r="AF38934">
        <v>28</v>
      </c>
      <c r="AG38934">
        <v>28</v>
      </c>
      <c r="AH38934">
        <v>29</v>
      </c>
      <c r="AI38934">
        <v>29</v>
      </c>
      <c r="AJ38934">
        <v>29</v>
      </c>
      <c r="AK38934">
        <v>30</v>
      </c>
      <c r="AL38934">
        <v>30</v>
      </c>
      <c r="AM38934">
        <v>30</v>
      </c>
      <c r="AN38934">
        <v>30</v>
      </c>
      <c r="AO38934">
        <v>30</v>
      </c>
      <c r="AP38934">
        <v>31</v>
      </c>
      <c r="AQ38934">
        <v>31</v>
      </c>
    </row>
    <row r="38935" spans="1:43">
      <c r="A38935" t="s">
        <v>24149</v>
      </c>
      <c r="B38935" t="s">
        <v>24150</v>
      </c>
      <c r="C38935" t="s">
        <v>24151</v>
      </c>
      <c r="D38935" t="s">
        <v>24152</v>
      </c>
      <c r="E38935" t="s">
        <v>24147</v>
      </c>
      <c r="F38935" t="s">
        <v>24148</v>
      </c>
      <c r="G38935" t="s">
        <v>11612</v>
      </c>
      <c r="H38935" t="s">
        <v>11613</v>
      </c>
      <c r="I38935" s="2">
        <v>0</v>
      </c>
      <c r="J38935" s="2">
        <v>0</v>
      </c>
      <c r="K38935" s="2">
        <v>1</v>
      </c>
      <c r="L38935" t="s">
        <v>995</v>
      </c>
      <c r="M38935" t="s">
        <v>87</v>
      </c>
      <c r="N38935" t="s">
        <v>88</v>
      </c>
      <c r="O38935" t="s">
        <v>85</v>
      </c>
      <c r="P38935" t="s">
        <v>86</v>
      </c>
      <c r="Q38935">
        <v>22</v>
      </c>
      <c r="R38935">
        <v>22</v>
      </c>
      <c r="S38935">
        <v>22</v>
      </c>
      <c r="T38935">
        <v>22</v>
      </c>
      <c r="U38935">
        <v>22</v>
      </c>
      <c r="V38935">
        <v>23</v>
      </c>
      <c r="W38935">
        <v>23</v>
      </c>
      <c r="X38935">
        <v>23</v>
      </c>
      <c r="Y38935">
        <v>23</v>
      </c>
      <c r="Z38935">
        <v>23</v>
      </c>
      <c r="AA38935">
        <v>24</v>
      </c>
      <c r="AB38935">
        <v>24</v>
      </c>
      <c r="AC38935">
        <v>24</v>
      </c>
      <c r="AD38935">
        <v>24</v>
      </c>
      <c r="AE38935">
        <v>24</v>
      </c>
      <c r="AF38935">
        <v>24</v>
      </c>
      <c r="AG38935">
        <v>25</v>
      </c>
      <c r="AH38935">
        <v>25</v>
      </c>
      <c r="AI38935">
        <v>25</v>
      </c>
      <c r="AJ38935">
        <v>25</v>
      </c>
      <c r="AK38935">
        <v>25</v>
      </c>
      <c r="AL38935">
        <v>26</v>
      </c>
      <c r="AM38935">
        <v>26</v>
      </c>
      <c r="AN38935">
        <v>26</v>
      </c>
      <c r="AO38935">
        <v>26</v>
      </c>
      <c r="AP38935">
        <v>26</v>
      </c>
      <c r="AQ38935">
        <v>27</v>
      </c>
    </row>
    <row r="38936" spans="1:43">
      <c r="A38936" t="s">
        <v>24149</v>
      </c>
      <c r="B38936" t="s">
        <v>24150</v>
      </c>
      <c r="C38936" t="s">
        <v>24151</v>
      </c>
      <c r="D38936" t="s">
        <v>24152</v>
      </c>
      <c r="E38936" t="s">
        <v>24147</v>
      </c>
      <c r="F38936" t="s">
        <v>24148</v>
      </c>
      <c r="G38936" t="s">
        <v>11612</v>
      </c>
      <c r="H38936" t="s">
        <v>11613</v>
      </c>
      <c r="I38936" s="2">
        <v>0</v>
      </c>
      <c r="J38936" s="2">
        <v>0</v>
      </c>
      <c r="K38936" s="2">
        <v>1</v>
      </c>
      <c r="L38936" t="s">
        <v>995</v>
      </c>
      <c r="M38936" t="s">
        <v>89</v>
      </c>
      <c r="N38936" t="s">
        <v>90</v>
      </c>
      <c r="O38936" t="s">
        <v>85</v>
      </c>
      <c r="P38936" t="s">
        <v>86</v>
      </c>
      <c r="Q38936">
        <v>22</v>
      </c>
      <c r="R38936">
        <v>23</v>
      </c>
      <c r="S38936">
        <v>23</v>
      </c>
      <c r="T38936">
        <v>24</v>
      </c>
      <c r="U38936">
        <v>24</v>
      </c>
      <c r="V38936">
        <v>25</v>
      </c>
      <c r="W38936">
        <v>26</v>
      </c>
      <c r="X38936">
        <v>26</v>
      </c>
      <c r="Y38936">
        <v>27</v>
      </c>
      <c r="Z38936">
        <v>27</v>
      </c>
      <c r="AA38936">
        <v>28</v>
      </c>
      <c r="AB38936">
        <v>28</v>
      </c>
      <c r="AC38936">
        <v>29</v>
      </c>
      <c r="AD38936">
        <v>29</v>
      </c>
      <c r="AE38936">
        <v>29</v>
      </c>
      <c r="AF38936">
        <v>30</v>
      </c>
      <c r="AG38936">
        <v>30</v>
      </c>
      <c r="AH38936">
        <v>30</v>
      </c>
      <c r="AI38936">
        <v>30</v>
      </c>
      <c r="AJ38936">
        <v>30</v>
      </c>
      <c r="AK38936">
        <v>30</v>
      </c>
      <c r="AL38936">
        <v>30</v>
      </c>
      <c r="AM38936">
        <v>30</v>
      </c>
      <c r="AN38936">
        <v>31</v>
      </c>
      <c r="AO38936">
        <v>31</v>
      </c>
      <c r="AP38936">
        <v>31</v>
      </c>
      <c r="AQ38936">
        <v>31</v>
      </c>
    </row>
    <row r="38937" spans="1:43">
      <c r="A38937" t="s">
        <v>24149</v>
      </c>
      <c r="B38937" t="s">
        <v>24150</v>
      </c>
      <c r="C38937" t="s">
        <v>24151</v>
      </c>
      <c r="D38937" t="s">
        <v>24152</v>
      </c>
      <c r="E38937" t="s">
        <v>24147</v>
      </c>
      <c r="F38937" t="s">
        <v>24148</v>
      </c>
      <c r="G38937" t="s">
        <v>11612</v>
      </c>
      <c r="H38937" t="s">
        <v>11613</v>
      </c>
      <c r="I38937" s="2">
        <v>0</v>
      </c>
      <c r="J38937" s="2">
        <v>0</v>
      </c>
      <c r="K38937" s="2">
        <v>1</v>
      </c>
      <c r="L38937" t="s">
        <v>995</v>
      </c>
      <c r="M38937" t="s">
        <v>83</v>
      </c>
      <c r="N38937" t="s">
        <v>91</v>
      </c>
      <c r="O38937" t="s">
        <v>85</v>
      </c>
      <c r="P38937" t="s">
        <v>86</v>
      </c>
      <c r="Q38937">
        <v>22</v>
      </c>
      <c r="R38937">
        <v>22</v>
      </c>
      <c r="S38937">
        <v>23</v>
      </c>
      <c r="T38937">
        <v>23</v>
      </c>
      <c r="U38937">
        <v>24</v>
      </c>
      <c r="V38937">
        <v>24</v>
      </c>
      <c r="W38937">
        <v>24</v>
      </c>
      <c r="X38937">
        <v>25</v>
      </c>
      <c r="Y38937">
        <v>25</v>
      </c>
      <c r="Z38937">
        <v>25</v>
      </c>
      <c r="AA38937">
        <v>26</v>
      </c>
      <c r="AB38937">
        <v>26</v>
      </c>
      <c r="AC38937">
        <v>27</v>
      </c>
      <c r="AD38937">
        <v>27</v>
      </c>
      <c r="AE38937">
        <v>27</v>
      </c>
      <c r="AF38937">
        <v>28</v>
      </c>
      <c r="AG38937">
        <v>28</v>
      </c>
      <c r="AH38937">
        <v>29</v>
      </c>
      <c r="AI38937">
        <v>29</v>
      </c>
      <c r="AJ38937">
        <v>29</v>
      </c>
      <c r="AK38937">
        <v>30</v>
      </c>
      <c r="AL38937">
        <v>30</v>
      </c>
      <c r="AM38937">
        <v>30</v>
      </c>
      <c r="AN38937">
        <v>30</v>
      </c>
      <c r="AO38937">
        <v>30</v>
      </c>
      <c r="AP38937">
        <v>31</v>
      </c>
      <c r="AQ38937">
        <v>31</v>
      </c>
    </row>
    <row r="38938" spans="1:43">
      <c r="A38938" t="s">
        <v>24153</v>
      </c>
      <c r="B38938" t="s">
        <v>24154</v>
      </c>
      <c r="C38938" t="s">
        <v>24151</v>
      </c>
      <c r="D38938" t="s">
        <v>24152</v>
      </c>
      <c r="E38938" t="s">
        <v>24147</v>
      </c>
      <c r="F38938" t="s">
        <v>24148</v>
      </c>
      <c r="G38938" t="s">
        <v>11612</v>
      </c>
      <c r="H38938" t="s">
        <v>11613</v>
      </c>
      <c r="I38938" s="2">
        <v>0</v>
      </c>
      <c r="J38938" s="2">
        <v>0</v>
      </c>
      <c r="K38938" s="2">
        <v>1</v>
      </c>
      <c r="L38938" t="s">
        <v>995</v>
      </c>
      <c r="M38938" t="s">
        <v>83</v>
      </c>
      <c r="N38938" t="s">
        <v>84</v>
      </c>
      <c r="O38938" t="s">
        <v>85</v>
      </c>
      <c r="P38938" t="s">
        <v>86</v>
      </c>
      <c r="Q38938">
        <v>50</v>
      </c>
      <c r="R38938">
        <v>50</v>
      </c>
      <c r="S38938">
        <v>51</v>
      </c>
      <c r="T38938">
        <v>52</v>
      </c>
      <c r="U38938">
        <v>53</v>
      </c>
      <c r="V38938">
        <v>54</v>
      </c>
      <c r="W38938">
        <v>55</v>
      </c>
      <c r="X38938">
        <v>56</v>
      </c>
      <c r="Y38938">
        <v>56</v>
      </c>
      <c r="Z38938">
        <v>57</v>
      </c>
      <c r="AA38938">
        <v>58</v>
      </c>
      <c r="AB38938">
        <v>59</v>
      </c>
      <c r="AC38938">
        <v>60</v>
      </c>
      <c r="AD38938">
        <v>61</v>
      </c>
      <c r="AE38938">
        <v>62</v>
      </c>
      <c r="AF38938">
        <v>63</v>
      </c>
      <c r="AG38938">
        <v>64</v>
      </c>
      <c r="AH38938">
        <v>65</v>
      </c>
      <c r="AI38938">
        <v>66</v>
      </c>
      <c r="AJ38938">
        <v>67</v>
      </c>
      <c r="AK38938">
        <v>68</v>
      </c>
      <c r="AL38938">
        <v>68</v>
      </c>
      <c r="AM38938">
        <v>69</v>
      </c>
      <c r="AN38938">
        <v>69</v>
      </c>
      <c r="AO38938">
        <v>69</v>
      </c>
      <c r="AP38938">
        <v>70</v>
      </c>
      <c r="AQ38938">
        <v>70</v>
      </c>
    </row>
    <row r="38939" spans="1:43">
      <c r="A38939" t="s">
        <v>24153</v>
      </c>
      <c r="B38939" t="s">
        <v>24154</v>
      </c>
      <c r="C38939" t="s">
        <v>24151</v>
      </c>
      <c r="D38939" t="s">
        <v>24152</v>
      </c>
      <c r="E38939" t="s">
        <v>24147</v>
      </c>
      <c r="F38939" t="s">
        <v>24148</v>
      </c>
      <c r="G38939" t="s">
        <v>11612</v>
      </c>
      <c r="H38939" t="s">
        <v>11613</v>
      </c>
      <c r="I38939" s="2">
        <v>0</v>
      </c>
      <c r="J38939" s="2">
        <v>0</v>
      </c>
      <c r="K38939" s="2">
        <v>1</v>
      </c>
      <c r="L38939" t="s">
        <v>995</v>
      </c>
      <c r="M38939" t="s">
        <v>87</v>
      </c>
      <c r="N38939" t="s">
        <v>88</v>
      </c>
      <c r="O38939" t="s">
        <v>85</v>
      </c>
      <c r="P38939" t="s">
        <v>86</v>
      </c>
      <c r="Q38939">
        <v>50</v>
      </c>
      <c r="R38939">
        <v>50</v>
      </c>
      <c r="S38939">
        <v>51</v>
      </c>
      <c r="T38939">
        <v>51</v>
      </c>
      <c r="U38939">
        <v>52</v>
      </c>
      <c r="V38939">
        <v>52</v>
      </c>
      <c r="W38939">
        <v>52</v>
      </c>
      <c r="X38939">
        <v>53</v>
      </c>
      <c r="Y38939">
        <v>53</v>
      </c>
      <c r="Z38939">
        <v>54</v>
      </c>
      <c r="AA38939">
        <v>54</v>
      </c>
      <c r="AB38939">
        <v>55</v>
      </c>
      <c r="AC38939">
        <v>55</v>
      </c>
      <c r="AD38939">
        <v>55</v>
      </c>
      <c r="AE38939">
        <v>56</v>
      </c>
      <c r="AF38939">
        <v>56</v>
      </c>
      <c r="AG38939">
        <v>57</v>
      </c>
      <c r="AH38939">
        <v>57</v>
      </c>
      <c r="AI38939">
        <v>58</v>
      </c>
      <c r="AJ38939">
        <v>58</v>
      </c>
      <c r="AK38939">
        <v>59</v>
      </c>
      <c r="AL38939">
        <v>59</v>
      </c>
      <c r="AM38939">
        <v>60</v>
      </c>
      <c r="AN38939">
        <v>60</v>
      </c>
      <c r="AO38939">
        <v>61</v>
      </c>
      <c r="AP38939">
        <v>61</v>
      </c>
      <c r="AQ38939">
        <v>62</v>
      </c>
    </row>
    <row r="38940" spans="1:43">
      <c r="A38940" t="s">
        <v>24153</v>
      </c>
      <c r="B38940" t="s">
        <v>24154</v>
      </c>
      <c r="C38940" t="s">
        <v>24151</v>
      </c>
      <c r="D38940" t="s">
        <v>24152</v>
      </c>
      <c r="E38940" t="s">
        <v>24147</v>
      </c>
      <c r="F38940" t="s">
        <v>24148</v>
      </c>
      <c r="G38940" t="s">
        <v>11612</v>
      </c>
      <c r="H38940" t="s">
        <v>11613</v>
      </c>
      <c r="I38940" s="2">
        <v>0</v>
      </c>
      <c r="J38940" s="2">
        <v>0</v>
      </c>
      <c r="K38940" s="2">
        <v>1</v>
      </c>
      <c r="L38940" t="s">
        <v>995</v>
      </c>
      <c r="M38940" t="s">
        <v>89</v>
      </c>
      <c r="N38940" t="s">
        <v>90</v>
      </c>
      <c r="O38940" t="s">
        <v>85</v>
      </c>
      <c r="P38940" t="s">
        <v>86</v>
      </c>
      <c r="Q38940">
        <v>50</v>
      </c>
      <c r="R38940">
        <v>51</v>
      </c>
      <c r="S38940">
        <v>53</v>
      </c>
      <c r="T38940">
        <v>54</v>
      </c>
      <c r="U38940">
        <v>55</v>
      </c>
      <c r="V38940">
        <v>56</v>
      </c>
      <c r="W38940">
        <v>58</v>
      </c>
      <c r="X38940">
        <v>59</v>
      </c>
      <c r="Y38940">
        <v>60</v>
      </c>
      <c r="Z38940">
        <v>61</v>
      </c>
      <c r="AA38940">
        <v>62</v>
      </c>
      <c r="AB38940">
        <v>63</v>
      </c>
      <c r="AC38940">
        <v>64</v>
      </c>
      <c r="AD38940">
        <v>66</v>
      </c>
      <c r="AE38940">
        <v>66</v>
      </c>
      <c r="AF38940">
        <v>67</v>
      </c>
      <c r="AG38940">
        <v>67</v>
      </c>
      <c r="AH38940">
        <v>67</v>
      </c>
      <c r="AI38940">
        <v>68</v>
      </c>
      <c r="AJ38940">
        <v>68</v>
      </c>
      <c r="AK38940">
        <v>69</v>
      </c>
      <c r="AL38940">
        <v>69</v>
      </c>
      <c r="AM38940">
        <v>69</v>
      </c>
      <c r="AN38940">
        <v>70</v>
      </c>
      <c r="AO38940">
        <v>70</v>
      </c>
      <c r="AP38940">
        <v>71</v>
      </c>
      <c r="AQ38940">
        <v>71</v>
      </c>
    </row>
    <row r="38941" spans="1:43">
      <c r="A38941" t="s">
        <v>24153</v>
      </c>
      <c r="B38941" t="s">
        <v>24154</v>
      </c>
      <c r="C38941" t="s">
        <v>24151</v>
      </c>
      <c r="D38941" t="s">
        <v>24152</v>
      </c>
      <c r="E38941" t="s">
        <v>24147</v>
      </c>
      <c r="F38941" t="s">
        <v>24148</v>
      </c>
      <c r="G38941" t="s">
        <v>11612</v>
      </c>
      <c r="H38941" t="s">
        <v>11613</v>
      </c>
      <c r="I38941" s="2">
        <v>0</v>
      </c>
      <c r="J38941" s="2">
        <v>0</v>
      </c>
      <c r="K38941" s="2">
        <v>1</v>
      </c>
      <c r="L38941" t="s">
        <v>995</v>
      </c>
      <c r="M38941" t="s">
        <v>83</v>
      </c>
      <c r="N38941" t="s">
        <v>91</v>
      </c>
      <c r="O38941" t="s">
        <v>85</v>
      </c>
      <c r="P38941" t="s">
        <v>86</v>
      </c>
      <c r="Q38941">
        <v>50</v>
      </c>
      <c r="R38941">
        <v>50</v>
      </c>
      <c r="S38941">
        <v>51</v>
      </c>
      <c r="T38941">
        <v>52</v>
      </c>
      <c r="U38941">
        <v>53</v>
      </c>
      <c r="V38941">
        <v>54</v>
      </c>
      <c r="W38941">
        <v>55</v>
      </c>
      <c r="X38941">
        <v>56</v>
      </c>
      <c r="Y38941">
        <v>56</v>
      </c>
      <c r="Z38941">
        <v>57</v>
      </c>
      <c r="AA38941">
        <v>58</v>
      </c>
      <c r="AB38941">
        <v>59</v>
      </c>
      <c r="AC38941">
        <v>60</v>
      </c>
      <c r="AD38941">
        <v>61</v>
      </c>
      <c r="AE38941">
        <v>62</v>
      </c>
      <c r="AF38941">
        <v>63</v>
      </c>
      <c r="AG38941">
        <v>64</v>
      </c>
      <c r="AH38941">
        <v>65</v>
      </c>
      <c r="AI38941">
        <v>66</v>
      </c>
      <c r="AJ38941">
        <v>67</v>
      </c>
      <c r="AK38941">
        <v>68</v>
      </c>
      <c r="AL38941">
        <v>68</v>
      </c>
      <c r="AM38941">
        <v>69</v>
      </c>
      <c r="AN38941">
        <v>69</v>
      </c>
      <c r="AO38941">
        <v>69</v>
      </c>
      <c r="AP38941">
        <v>70</v>
      </c>
      <c r="AQ38941">
        <v>70</v>
      </c>
    </row>
    <row r="38942" spans="1:43">
      <c r="A38942" t="s">
        <v>24155</v>
      </c>
      <c r="B38942" t="s">
        <v>24156</v>
      </c>
      <c r="C38942" t="s">
        <v>24157</v>
      </c>
      <c r="D38942" t="s">
        <v>24158</v>
      </c>
      <c r="E38942" t="s">
        <v>24147</v>
      </c>
      <c r="F38942" t="s">
        <v>24148</v>
      </c>
      <c r="G38942" t="s">
        <v>11612</v>
      </c>
      <c r="H38942" t="s">
        <v>11613</v>
      </c>
      <c r="I38942" s="2">
        <v>0</v>
      </c>
      <c r="J38942" s="2">
        <v>0</v>
      </c>
      <c r="K38942" s="2">
        <v>1</v>
      </c>
      <c r="L38942" t="s">
        <v>995</v>
      </c>
      <c r="M38942" t="s">
        <v>83</v>
      </c>
      <c r="N38942" t="s">
        <v>84</v>
      </c>
      <c r="O38942" t="s">
        <v>85</v>
      </c>
      <c r="P38942" t="s">
        <v>86</v>
      </c>
      <c r="Q38942">
        <v>52</v>
      </c>
      <c r="R38942">
        <v>53</v>
      </c>
      <c r="S38942">
        <v>54</v>
      </c>
      <c r="T38942">
        <v>55</v>
      </c>
      <c r="U38942">
        <v>56</v>
      </c>
      <c r="V38942">
        <v>57</v>
      </c>
      <c r="W38942">
        <v>58</v>
      </c>
      <c r="X38942">
        <v>59</v>
      </c>
      <c r="Y38942">
        <v>60</v>
      </c>
      <c r="Z38942">
        <v>61</v>
      </c>
      <c r="AA38942">
        <v>62</v>
      </c>
      <c r="AB38942">
        <v>62</v>
      </c>
      <c r="AC38942">
        <v>63</v>
      </c>
      <c r="AD38942">
        <v>64</v>
      </c>
      <c r="AE38942">
        <v>65</v>
      </c>
      <c r="AF38942">
        <v>66</v>
      </c>
      <c r="AG38942">
        <v>67</v>
      </c>
      <c r="AH38942">
        <v>68</v>
      </c>
      <c r="AI38942">
        <v>69</v>
      </c>
      <c r="AJ38942">
        <v>70</v>
      </c>
      <c r="AK38942">
        <v>71</v>
      </c>
      <c r="AL38942">
        <v>72</v>
      </c>
      <c r="AM38942">
        <v>73</v>
      </c>
      <c r="AN38942">
        <v>73</v>
      </c>
      <c r="AO38942">
        <v>73</v>
      </c>
      <c r="AP38942">
        <v>74</v>
      </c>
      <c r="AQ38942">
        <v>74</v>
      </c>
    </row>
    <row r="38943" spans="1:43">
      <c r="A38943" t="s">
        <v>24155</v>
      </c>
      <c r="B38943" t="s">
        <v>24156</v>
      </c>
      <c r="C38943" t="s">
        <v>24157</v>
      </c>
      <c r="D38943" t="s">
        <v>24158</v>
      </c>
      <c r="E38943" t="s">
        <v>24147</v>
      </c>
      <c r="F38943" t="s">
        <v>24148</v>
      </c>
      <c r="G38943" t="s">
        <v>11612</v>
      </c>
      <c r="H38943" t="s">
        <v>11613</v>
      </c>
      <c r="I38943" s="2">
        <v>0</v>
      </c>
      <c r="J38943" s="2">
        <v>0</v>
      </c>
      <c r="K38943" s="2">
        <v>1</v>
      </c>
      <c r="L38943" t="s">
        <v>995</v>
      </c>
      <c r="M38943" t="s">
        <v>87</v>
      </c>
      <c r="N38943" t="s">
        <v>88</v>
      </c>
      <c r="O38943" t="s">
        <v>85</v>
      </c>
      <c r="P38943" t="s">
        <v>86</v>
      </c>
      <c r="Q38943">
        <v>52</v>
      </c>
      <c r="R38943">
        <v>52</v>
      </c>
      <c r="S38943">
        <v>52</v>
      </c>
      <c r="T38943">
        <v>53</v>
      </c>
      <c r="U38943">
        <v>53</v>
      </c>
      <c r="V38943">
        <v>54</v>
      </c>
      <c r="W38943">
        <v>54</v>
      </c>
      <c r="X38943">
        <v>55</v>
      </c>
      <c r="Y38943">
        <v>55</v>
      </c>
      <c r="Z38943">
        <v>56</v>
      </c>
      <c r="AA38943">
        <v>56</v>
      </c>
      <c r="AB38943">
        <v>56</v>
      </c>
      <c r="AC38943">
        <v>57</v>
      </c>
      <c r="AD38943">
        <v>57</v>
      </c>
      <c r="AE38943">
        <v>58</v>
      </c>
      <c r="AF38943">
        <v>58</v>
      </c>
      <c r="AG38943">
        <v>59</v>
      </c>
      <c r="AH38943">
        <v>59</v>
      </c>
      <c r="AI38943">
        <v>60</v>
      </c>
      <c r="AJ38943">
        <v>60</v>
      </c>
      <c r="AK38943">
        <v>61</v>
      </c>
      <c r="AL38943">
        <v>62</v>
      </c>
      <c r="AM38943">
        <v>62</v>
      </c>
      <c r="AN38943">
        <v>63</v>
      </c>
      <c r="AO38943">
        <v>63</v>
      </c>
      <c r="AP38943">
        <v>64</v>
      </c>
      <c r="AQ38943">
        <v>64</v>
      </c>
    </row>
    <row r="38944" spans="1:43">
      <c r="A38944" t="s">
        <v>24155</v>
      </c>
      <c r="B38944" t="s">
        <v>24156</v>
      </c>
      <c r="C38944" t="s">
        <v>24157</v>
      </c>
      <c r="D38944" t="s">
        <v>24158</v>
      </c>
      <c r="E38944" t="s">
        <v>24147</v>
      </c>
      <c r="F38944" t="s">
        <v>24148</v>
      </c>
      <c r="G38944" t="s">
        <v>11612</v>
      </c>
      <c r="H38944" t="s">
        <v>11613</v>
      </c>
      <c r="I38944" s="2">
        <v>0</v>
      </c>
      <c r="J38944" s="2">
        <v>0</v>
      </c>
      <c r="K38944" s="2">
        <v>1</v>
      </c>
      <c r="L38944" t="s">
        <v>995</v>
      </c>
      <c r="M38944" t="s">
        <v>89</v>
      </c>
      <c r="N38944" t="s">
        <v>90</v>
      </c>
      <c r="O38944" t="s">
        <v>85</v>
      </c>
      <c r="P38944" t="s">
        <v>86</v>
      </c>
      <c r="Q38944">
        <v>52</v>
      </c>
      <c r="R38944">
        <v>53</v>
      </c>
      <c r="S38944">
        <v>54</v>
      </c>
      <c r="T38944">
        <v>56</v>
      </c>
      <c r="U38944">
        <v>57</v>
      </c>
      <c r="V38944">
        <v>58</v>
      </c>
      <c r="W38944">
        <v>60</v>
      </c>
      <c r="X38944">
        <v>61</v>
      </c>
      <c r="Y38944">
        <v>62</v>
      </c>
      <c r="Z38944">
        <v>63</v>
      </c>
      <c r="AA38944">
        <v>64</v>
      </c>
      <c r="AB38944">
        <v>66</v>
      </c>
      <c r="AC38944">
        <v>67</v>
      </c>
      <c r="AD38944">
        <v>68</v>
      </c>
      <c r="AE38944">
        <v>69</v>
      </c>
      <c r="AF38944">
        <v>69</v>
      </c>
      <c r="AG38944">
        <v>70</v>
      </c>
      <c r="AH38944">
        <v>70</v>
      </c>
      <c r="AI38944">
        <v>71</v>
      </c>
      <c r="AJ38944">
        <v>71</v>
      </c>
      <c r="AK38944">
        <v>72</v>
      </c>
      <c r="AL38944">
        <v>72</v>
      </c>
      <c r="AM38944">
        <v>73</v>
      </c>
      <c r="AN38944">
        <v>73</v>
      </c>
      <c r="AO38944">
        <v>73</v>
      </c>
      <c r="AP38944">
        <v>74</v>
      </c>
      <c r="AQ38944">
        <v>74</v>
      </c>
    </row>
    <row r="38945" spans="1:43">
      <c r="A38945" t="s">
        <v>24155</v>
      </c>
      <c r="B38945" t="s">
        <v>24156</v>
      </c>
      <c r="C38945" t="s">
        <v>24157</v>
      </c>
      <c r="D38945" t="s">
        <v>24158</v>
      </c>
      <c r="E38945" t="s">
        <v>24147</v>
      </c>
      <c r="F38945" t="s">
        <v>24148</v>
      </c>
      <c r="G38945" t="s">
        <v>11612</v>
      </c>
      <c r="H38945" t="s">
        <v>11613</v>
      </c>
      <c r="I38945" s="2">
        <v>0</v>
      </c>
      <c r="J38945" s="2">
        <v>0</v>
      </c>
      <c r="K38945" s="2">
        <v>1</v>
      </c>
      <c r="L38945" t="s">
        <v>995</v>
      </c>
      <c r="M38945" t="s">
        <v>83</v>
      </c>
      <c r="N38945" t="s">
        <v>91</v>
      </c>
      <c r="O38945" t="s">
        <v>85</v>
      </c>
      <c r="P38945" t="s">
        <v>86</v>
      </c>
      <c r="Q38945">
        <v>52</v>
      </c>
      <c r="R38945">
        <v>53</v>
      </c>
      <c r="S38945">
        <v>54</v>
      </c>
      <c r="T38945">
        <v>55</v>
      </c>
      <c r="U38945">
        <v>56</v>
      </c>
      <c r="V38945">
        <v>57</v>
      </c>
      <c r="W38945">
        <v>58</v>
      </c>
      <c r="X38945">
        <v>59</v>
      </c>
      <c r="Y38945">
        <v>60</v>
      </c>
      <c r="Z38945">
        <v>61</v>
      </c>
      <c r="AA38945">
        <v>62</v>
      </c>
      <c r="AB38945">
        <v>62</v>
      </c>
      <c r="AC38945">
        <v>63</v>
      </c>
      <c r="AD38945">
        <v>64</v>
      </c>
      <c r="AE38945">
        <v>65</v>
      </c>
      <c r="AF38945">
        <v>66</v>
      </c>
      <c r="AG38945">
        <v>67</v>
      </c>
      <c r="AH38945">
        <v>68</v>
      </c>
      <c r="AI38945">
        <v>69</v>
      </c>
      <c r="AJ38945">
        <v>70</v>
      </c>
      <c r="AK38945">
        <v>71</v>
      </c>
      <c r="AL38945">
        <v>72</v>
      </c>
      <c r="AM38945">
        <v>73</v>
      </c>
      <c r="AN38945">
        <v>73</v>
      </c>
      <c r="AO38945">
        <v>73</v>
      </c>
      <c r="AP38945">
        <v>74</v>
      </c>
      <c r="AQ38945">
        <v>74</v>
      </c>
    </row>
    <row r="38946" spans="1:43">
      <c r="A38946" t="s">
        <v>24159</v>
      </c>
      <c r="B38946" t="s">
        <v>24160</v>
      </c>
      <c r="C38946" t="s">
        <v>24161</v>
      </c>
      <c r="D38946" t="s">
        <v>24162</v>
      </c>
      <c r="E38946" t="s">
        <v>24147</v>
      </c>
      <c r="F38946" t="s">
        <v>24148</v>
      </c>
      <c r="G38946" t="s">
        <v>11612</v>
      </c>
      <c r="H38946" t="s">
        <v>11613</v>
      </c>
      <c r="I38946" s="2">
        <v>0</v>
      </c>
      <c r="J38946" s="2">
        <v>0</v>
      </c>
      <c r="K38946" s="2">
        <v>1</v>
      </c>
      <c r="L38946" t="s">
        <v>995</v>
      </c>
      <c r="M38946" t="s">
        <v>83</v>
      </c>
      <c r="N38946" t="s">
        <v>84</v>
      </c>
      <c r="O38946" t="s">
        <v>85</v>
      </c>
      <c r="P38946" t="s">
        <v>86</v>
      </c>
      <c r="Q38946">
        <v>32</v>
      </c>
      <c r="R38946">
        <v>33</v>
      </c>
      <c r="S38946">
        <v>33</v>
      </c>
      <c r="T38946">
        <v>34</v>
      </c>
      <c r="U38946">
        <v>35</v>
      </c>
      <c r="V38946">
        <v>35</v>
      </c>
      <c r="W38946">
        <v>36</v>
      </c>
      <c r="X38946">
        <v>36</v>
      </c>
      <c r="Y38946">
        <v>37</v>
      </c>
      <c r="Z38946">
        <v>38</v>
      </c>
      <c r="AA38946">
        <v>38</v>
      </c>
      <c r="AB38946">
        <v>39</v>
      </c>
      <c r="AC38946">
        <v>39</v>
      </c>
      <c r="AD38946">
        <v>40</v>
      </c>
      <c r="AE38946">
        <v>40</v>
      </c>
      <c r="AF38946">
        <v>41</v>
      </c>
      <c r="AG38946">
        <v>42</v>
      </c>
      <c r="AH38946">
        <v>42</v>
      </c>
      <c r="AI38946">
        <v>43</v>
      </c>
      <c r="AJ38946">
        <v>44</v>
      </c>
      <c r="AK38946">
        <v>44</v>
      </c>
      <c r="AL38946">
        <v>45</v>
      </c>
      <c r="AM38946">
        <v>45</v>
      </c>
      <c r="AN38946">
        <v>45</v>
      </c>
      <c r="AO38946">
        <v>45</v>
      </c>
      <c r="AP38946">
        <v>46</v>
      </c>
      <c r="AQ38946">
        <v>46</v>
      </c>
    </row>
    <row r="38947" spans="1:43">
      <c r="A38947" t="s">
        <v>24159</v>
      </c>
      <c r="B38947" t="s">
        <v>24160</v>
      </c>
      <c r="C38947" t="s">
        <v>24161</v>
      </c>
      <c r="D38947" t="s">
        <v>24162</v>
      </c>
      <c r="E38947" t="s">
        <v>24147</v>
      </c>
      <c r="F38947" t="s">
        <v>24148</v>
      </c>
      <c r="G38947" t="s">
        <v>11612</v>
      </c>
      <c r="H38947" t="s">
        <v>11613</v>
      </c>
      <c r="I38947" s="2">
        <v>0</v>
      </c>
      <c r="J38947" s="2">
        <v>0</v>
      </c>
      <c r="K38947" s="2">
        <v>1</v>
      </c>
      <c r="L38947" t="s">
        <v>995</v>
      </c>
      <c r="M38947" t="s">
        <v>87</v>
      </c>
      <c r="N38947" t="s">
        <v>88</v>
      </c>
      <c r="O38947" t="s">
        <v>85</v>
      </c>
      <c r="P38947" t="s">
        <v>86</v>
      </c>
      <c r="Q38947">
        <v>32</v>
      </c>
      <c r="R38947">
        <v>32</v>
      </c>
      <c r="S38947">
        <v>33</v>
      </c>
      <c r="T38947">
        <v>33</v>
      </c>
      <c r="U38947">
        <v>33</v>
      </c>
      <c r="V38947">
        <v>33</v>
      </c>
      <c r="W38947">
        <v>34</v>
      </c>
      <c r="X38947">
        <v>34</v>
      </c>
      <c r="Y38947">
        <v>34</v>
      </c>
      <c r="Z38947">
        <v>34</v>
      </c>
      <c r="AA38947">
        <v>35</v>
      </c>
      <c r="AB38947">
        <v>35</v>
      </c>
      <c r="AC38947">
        <v>35</v>
      </c>
      <c r="AD38947">
        <v>36</v>
      </c>
      <c r="AE38947">
        <v>36</v>
      </c>
      <c r="AF38947">
        <v>36</v>
      </c>
      <c r="AG38947">
        <v>36</v>
      </c>
      <c r="AH38947">
        <v>37</v>
      </c>
      <c r="AI38947">
        <v>37</v>
      </c>
      <c r="AJ38947">
        <v>37</v>
      </c>
      <c r="AK38947">
        <v>38</v>
      </c>
      <c r="AL38947">
        <v>38</v>
      </c>
      <c r="AM38947">
        <v>38</v>
      </c>
      <c r="AN38947">
        <v>39</v>
      </c>
      <c r="AO38947">
        <v>39</v>
      </c>
      <c r="AP38947">
        <v>39</v>
      </c>
      <c r="AQ38947">
        <v>40</v>
      </c>
    </row>
    <row r="38948" spans="1:43">
      <c r="A38948" t="s">
        <v>24159</v>
      </c>
      <c r="B38948" t="s">
        <v>24160</v>
      </c>
      <c r="C38948" t="s">
        <v>24161</v>
      </c>
      <c r="D38948" t="s">
        <v>24162</v>
      </c>
      <c r="E38948" t="s">
        <v>24147</v>
      </c>
      <c r="F38948" t="s">
        <v>24148</v>
      </c>
      <c r="G38948" t="s">
        <v>11612</v>
      </c>
      <c r="H38948" t="s">
        <v>11613</v>
      </c>
      <c r="I38948" s="2">
        <v>0</v>
      </c>
      <c r="J38948" s="2">
        <v>0</v>
      </c>
      <c r="K38948" s="2">
        <v>1</v>
      </c>
      <c r="L38948" t="s">
        <v>995</v>
      </c>
      <c r="M38948" t="s">
        <v>89</v>
      </c>
      <c r="N38948" t="s">
        <v>90</v>
      </c>
      <c r="O38948" t="s">
        <v>85</v>
      </c>
      <c r="P38948" t="s">
        <v>86</v>
      </c>
      <c r="Q38948">
        <v>32</v>
      </c>
      <c r="R38948">
        <v>32</v>
      </c>
      <c r="S38948">
        <v>33</v>
      </c>
      <c r="T38948">
        <v>34</v>
      </c>
      <c r="U38948">
        <v>35</v>
      </c>
      <c r="V38948">
        <v>36</v>
      </c>
      <c r="W38948">
        <v>37</v>
      </c>
      <c r="X38948">
        <v>37</v>
      </c>
      <c r="Y38948">
        <v>38</v>
      </c>
      <c r="Z38948">
        <v>39</v>
      </c>
      <c r="AA38948">
        <v>40</v>
      </c>
      <c r="AB38948">
        <v>40</v>
      </c>
      <c r="AC38948">
        <v>41</v>
      </c>
      <c r="AD38948">
        <v>42</v>
      </c>
      <c r="AE38948">
        <v>42</v>
      </c>
      <c r="AF38948">
        <v>43</v>
      </c>
      <c r="AG38948">
        <v>43</v>
      </c>
      <c r="AH38948">
        <v>43</v>
      </c>
      <c r="AI38948">
        <v>43</v>
      </c>
      <c r="AJ38948">
        <v>44</v>
      </c>
      <c r="AK38948">
        <v>44</v>
      </c>
      <c r="AL38948">
        <v>44</v>
      </c>
      <c r="AM38948">
        <v>44</v>
      </c>
      <c r="AN38948">
        <v>45</v>
      </c>
      <c r="AO38948">
        <v>45</v>
      </c>
      <c r="AP38948">
        <v>45</v>
      </c>
      <c r="AQ38948">
        <v>45</v>
      </c>
    </row>
    <row r="38949" spans="1:43">
      <c r="A38949" t="s">
        <v>24159</v>
      </c>
      <c r="B38949" t="s">
        <v>24160</v>
      </c>
      <c r="C38949" t="s">
        <v>24161</v>
      </c>
      <c r="D38949" t="s">
        <v>24162</v>
      </c>
      <c r="E38949" t="s">
        <v>24147</v>
      </c>
      <c r="F38949" t="s">
        <v>24148</v>
      </c>
      <c r="G38949" t="s">
        <v>11612</v>
      </c>
      <c r="H38949" t="s">
        <v>11613</v>
      </c>
      <c r="I38949" s="2">
        <v>0</v>
      </c>
      <c r="J38949" s="2">
        <v>0</v>
      </c>
      <c r="K38949" s="2">
        <v>1</v>
      </c>
      <c r="L38949" t="s">
        <v>995</v>
      </c>
      <c r="M38949" t="s">
        <v>83</v>
      </c>
      <c r="N38949" t="s">
        <v>91</v>
      </c>
      <c r="O38949" t="s">
        <v>85</v>
      </c>
      <c r="P38949" t="s">
        <v>86</v>
      </c>
      <c r="Q38949">
        <v>32</v>
      </c>
      <c r="R38949">
        <v>33</v>
      </c>
      <c r="S38949">
        <v>33</v>
      </c>
      <c r="T38949">
        <v>34</v>
      </c>
      <c r="U38949">
        <v>35</v>
      </c>
      <c r="V38949">
        <v>35</v>
      </c>
      <c r="W38949">
        <v>36</v>
      </c>
      <c r="X38949">
        <v>36</v>
      </c>
      <c r="Y38949">
        <v>37</v>
      </c>
      <c r="Z38949">
        <v>38</v>
      </c>
      <c r="AA38949">
        <v>38</v>
      </c>
      <c r="AB38949">
        <v>39</v>
      </c>
      <c r="AC38949">
        <v>39</v>
      </c>
      <c r="AD38949">
        <v>40</v>
      </c>
      <c r="AE38949">
        <v>40</v>
      </c>
      <c r="AF38949">
        <v>41</v>
      </c>
      <c r="AG38949">
        <v>42</v>
      </c>
      <c r="AH38949">
        <v>42</v>
      </c>
      <c r="AI38949">
        <v>43</v>
      </c>
      <c r="AJ38949">
        <v>44</v>
      </c>
      <c r="AK38949">
        <v>44</v>
      </c>
      <c r="AL38949">
        <v>45</v>
      </c>
      <c r="AM38949">
        <v>45</v>
      </c>
      <c r="AN38949">
        <v>45</v>
      </c>
      <c r="AO38949">
        <v>45</v>
      </c>
      <c r="AP38949">
        <v>46</v>
      </c>
      <c r="AQ38949">
        <v>46</v>
      </c>
    </row>
    <row r="38950" spans="1:43">
      <c r="A38950" t="s">
        <v>24163</v>
      </c>
      <c r="B38950" t="s">
        <v>24164</v>
      </c>
      <c r="C38950" t="s">
        <v>24165</v>
      </c>
      <c r="D38950" t="s">
        <v>24166</v>
      </c>
      <c r="E38950" t="s">
        <v>24147</v>
      </c>
      <c r="F38950" t="s">
        <v>24148</v>
      </c>
      <c r="G38950" t="s">
        <v>11612</v>
      </c>
      <c r="H38950" t="s">
        <v>11613</v>
      </c>
      <c r="I38950" s="2">
        <v>0</v>
      </c>
      <c r="J38950" s="2">
        <v>0</v>
      </c>
      <c r="K38950" s="2">
        <v>1</v>
      </c>
      <c r="L38950" t="s">
        <v>995</v>
      </c>
      <c r="M38950" t="s">
        <v>83</v>
      </c>
      <c r="N38950" t="s">
        <v>84</v>
      </c>
      <c r="O38950" t="s">
        <v>85</v>
      </c>
      <c r="P38950" t="s">
        <v>86</v>
      </c>
      <c r="Q38950">
        <v>14</v>
      </c>
      <c r="R38950">
        <v>15</v>
      </c>
      <c r="S38950">
        <v>15</v>
      </c>
      <c r="T38950">
        <v>15</v>
      </c>
      <c r="U38950">
        <v>15</v>
      </c>
      <c r="V38950">
        <v>16</v>
      </c>
      <c r="W38950">
        <v>16</v>
      </c>
      <c r="X38950">
        <v>16</v>
      </c>
      <c r="Y38950">
        <v>16</v>
      </c>
      <c r="Z38950">
        <v>17</v>
      </c>
      <c r="AA38950">
        <v>17</v>
      </c>
      <c r="AB38950">
        <v>17</v>
      </c>
      <c r="AC38950">
        <v>18</v>
      </c>
      <c r="AD38950">
        <v>18</v>
      </c>
      <c r="AE38950">
        <v>18</v>
      </c>
      <c r="AF38950">
        <v>18</v>
      </c>
      <c r="AG38950">
        <v>19</v>
      </c>
      <c r="AH38950">
        <v>19</v>
      </c>
      <c r="AI38950">
        <v>19</v>
      </c>
      <c r="AJ38950">
        <v>19</v>
      </c>
      <c r="AK38950">
        <v>20</v>
      </c>
      <c r="AL38950">
        <v>20</v>
      </c>
      <c r="AM38950">
        <v>20</v>
      </c>
      <c r="AN38950">
        <v>20</v>
      </c>
      <c r="AO38950">
        <v>20</v>
      </c>
      <c r="AP38950">
        <v>20</v>
      </c>
      <c r="AQ38950">
        <v>20</v>
      </c>
    </row>
    <row r="38951" spans="1:43">
      <c r="A38951" t="s">
        <v>24163</v>
      </c>
      <c r="B38951" t="s">
        <v>24164</v>
      </c>
      <c r="C38951" t="s">
        <v>24165</v>
      </c>
      <c r="D38951" t="s">
        <v>24166</v>
      </c>
      <c r="E38951" t="s">
        <v>24147</v>
      </c>
      <c r="F38951" t="s">
        <v>24148</v>
      </c>
      <c r="G38951" t="s">
        <v>11612</v>
      </c>
      <c r="H38951" t="s">
        <v>11613</v>
      </c>
      <c r="I38951" s="2">
        <v>0</v>
      </c>
      <c r="J38951" s="2">
        <v>0</v>
      </c>
      <c r="K38951" s="2">
        <v>1</v>
      </c>
      <c r="L38951" t="s">
        <v>995</v>
      </c>
      <c r="M38951" t="s">
        <v>87</v>
      </c>
      <c r="N38951" t="s">
        <v>88</v>
      </c>
      <c r="O38951" t="s">
        <v>85</v>
      </c>
      <c r="P38951" t="s">
        <v>86</v>
      </c>
      <c r="Q38951">
        <v>14</v>
      </c>
      <c r="R38951">
        <v>14</v>
      </c>
      <c r="S38951">
        <v>15</v>
      </c>
      <c r="T38951">
        <v>15</v>
      </c>
      <c r="U38951">
        <v>15</v>
      </c>
      <c r="V38951">
        <v>15</v>
      </c>
      <c r="W38951">
        <v>15</v>
      </c>
      <c r="X38951">
        <v>15</v>
      </c>
      <c r="Y38951">
        <v>15</v>
      </c>
      <c r="Z38951">
        <v>15</v>
      </c>
      <c r="AA38951">
        <v>15</v>
      </c>
      <c r="AB38951">
        <v>16</v>
      </c>
      <c r="AC38951">
        <v>16</v>
      </c>
      <c r="AD38951">
        <v>16</v>
      </c>
      <c r="AE38951">
        <v>16</v>
      </c>
      <c r="AF38951">
        <v>16</v>
      </c>
      <c r="AG38951">
        <v>16</v>
      </c>
      <c r="AH38951">
        <v>16</v>
      </c>
      <c r="AI38951">
        <v>17</v>
      </c>
      <c r="AJ38951">
        <v>17</v>
      </c>
      <c r="AK38951">
        <v>17</v>
      </c>
      <c r="AL38951">
        <v>17</v>
      </c>
      <c r="AM38951">
        <v>17</v>
      </c>
      <c r="AN38951">
        <v>17</v>
      </c>
      <c r="AO38951">
        <v>17</v>
      </c>
      <c r="AP38951">
        <v>18</v>
      </c>
      <c r="AQ38951">
        <v>18</v>
      </c>
    </row>
    <row r="38952" spans="1:43">
      <c r="A38952" t="s">
        <v>24163</v>
      </c>
      <c r="B38952" t="s">
        <v>24164</v>
      </c>
      <c r="C38952" t="s">
        <v>24165</v>
      </c>
      <c r="D38952" t="s">
        <v>24166</v>
      </c>
      <c r="E38952" t="s">
        <v>24147</v>
      </c>
      <c r="F38952" t="s">
        <v>24148</v>
      </c>
      <c r="G38952" t="s">
        <v>11612</v>
      </c>
      <c r="H38952" t="s">
        <v>11613</v>
      </c>
      <c r="I38952" s="2">
        <v>0</v>
      </c>
      <c r="J38952" s="2">
        <v>0</v>
      </c>
      <c r="K38952" s="2">
        <v>1</v>
      </c>
      <c r="L38952" t="s">
        <v>995</v>
      </c>
      <c r="M38952" t="s">
        <v>89</v>
      </c>
      <c r="N38952" t="s">
        <v>90</v>
      </c>
      <c r="O38952" t="s">
        <v>85</v>
      </c>
      <c r="P38952" t="s">
        <v>86</v>
      </c>
      <c r="Q38952">
        <v>14</v>
      </c>
      <c r="R38952">
        <v>14</v>
      </c>
      <c r="S38952">
        <v>14</v>
      </c>
      <c r="T38952">
        <v>15</v>
      </c>
      <c r="U38952">
        <v>15</v>
      </c>
      <c r="V38952">
        <v>15</v>
      </c>
      <c r="W38952">
        <v>16</v>
      </c>
      <c r="X38952">
        <v>16</v>
      </c>
      <c r="Y38952">
        <v>16</v>
      </c>
      <c r="Z38952">
        <v>17</v>
      </c>
      <c r="AA38952">
        <v>17</v>
      </c>
      <c r="AB38952">
        <v>17</v>
      </c>
      <c r="AC38952">
        <v>18</v>
      </c>
      <c r="AD38952">
        <v>18</v>
      </c>
      <c r="AE38952">
        <v>18</v>
      </c>
      <c r="AF38952">
        <v>18</v>
      </c>
      <c r="AG38952">
        <v>19</v>
      </c>
      <c r="AH38952">
        <v>19</v>
      </c>
      <c r="AI38952">
        <v>19</v>
      </c>
      <c r="AJ38952">
        <v>19</v>
      </c>
      <c r="AK38952">
        <v>19</v>
      </c>
      <c r="AL38952">
        <v>19</v>
      </c>
      <c r="AM38952">
        <v>19</v>
      </c>
      <c r="AN38952">
        <v>19</v>
      </c>
      <c r="AO38952">
        <v>19</v>
      </c>
      <c r="AP38952">
        <v>19</v>
      </c>
      <c r="AQ38952">
        <v>20</v>
      </c>
    </row>
    <row r="38953" spans="1:43">
      <c r="A38953" t="s">
        <v>24163</v>
      </c>
      <c r="B38953" t="s">
        <v>24164</v>
      </c>
      <c r="C38953" t="s">
        <v>24165</v>
      </c>
      <c r="D38953" t="s">
        <v>24166</v>
      </c>
      <c r="E38953" t="s">
        <v>24147</v>
      </c>
      <c r="F38953" t="s">
        <v>24148</v>
      </c>
      <c r="G38953" t="s">
        <v>11612</v>
      </c>
      <c r="H38953" t="s">
        <v>11613</v>
      </c>
      <c r="I38953" s="2">
        <v>0</v>
      </c>
      <c r="J38953" s="2">
        <v>0</v>
      </c>
      <c r="K38953" s="2">
        <v>1</v>
      </c>
      <c r="L38953" t="s">
        <v>995</v>
      </c>
      <c r="M38953" t="s">
        <v>83</v>
      </c>
      <c r="N38953" t="s">
        <v>91</v>
      </c>
      <c r="O38953" t="s">
        <v>85</v>
      </c>
      <c r="P38953" t="s">
        <v>86</v>
      </c>
      <c r="Q38953">
        <v>14</v>
      </c>
      <c r="R38953">
        <v>15</v>
      </c>
      <c r="S38953">
        <v>15</v>
      </c>
      <c r="T38953">
        <v>15</v>
      </c>
      <c r="U38953">
        <v>15</v>
      </c>
      <c r="V38953">
        <v>16</v>
      </c>
      <c r="W38953">
        <v>16</v>
      </c>
      <c r="X38953">
        <v>16</v>
      </c>
      <c r="Y38953">
        <v>16</v>
      </c>
      <c r="Z38953">
        <v>17</v>
      </c>
      <c r="AA38953">
        <v>17</v>
      </c>
      <c r="AB38953">
        <v>17</v>
      </c>
      <c r="AC38953">
        <v>18</v>
      </c>
      <c r="AD38953">
        <v>18</v>
      </c>
      <c r="AE38953">
        <v>18</v>
      </c>
      <c r="AF38953">
        <v>18</v>
      </c>
      <c r="AG38953">
        <v>19</v>
      </c>
      <c r="AH38953">
        <v>19</v>
      </c>
      <c r="AI38953">
        <v>19</v>
      </c>
      <c r="AJ38953">
        <v>19</v>
      </c>
      <c r="AK38953">
        <v>20</v>
      </c>
      <c r="AL38953">
        <v>20</v>
      </c>
      <c r="AM38953">
        <v>20</v>
      </c>
      <c r="AN38953">
        <v>20</v>
      </c>
      <c r="AO38953">
        <v>20</v>
      </c>
      <c r="AP38953">
        <v>20</v>
      </c>
      <c r="AQ38953">
        <v>20</v>
      </c>
    </row>
    <row r="38954" spans="1:43">
      <c r="A38954" t="s">
        <v>24167</v>
      </c>
      <c r="B38954" t="s">
        <v>24168</v>
      </c>
      <c r="C38954" t="s">
        <v>24169</v>
      </c>
      <c r="D38954" t="s">
        <v>24170</v>
      </c>
      <c r="E38954" t="s">
        <v>24147</v>
      </c>
      <c r="F38954" t="s">
        <v>24148</v>
      </c>
      <c r="G38954" t="s">
        <v>11612</v>
      </c>
      <c r="H38954" t="s">
        <v>11613</v>
      </c>
      <c r="I38954" s="2">
        <v>0</v>
      </c>
      <c r="J38954" s="2">
        <v>0</v>
      </c>
      <c r="K38954" s="2">
        <v>1</v>
      </c>
      <c r="L38954" t="s">
        <v>995</v>
      </c>
      <c r="M38954" t="s">
        <v>83</v>
      </c>
      <c r="N38954" t="s">
        <v>84</v>
      </c>
      <c r="O38954" t="s">
        <v>85</v>
      </c>
      <c r="P38954" t="s">
        <v>86</v>
      </c>
      <c r="Q38954">
        <v>35</v>
      </c>
      <c r="R38954">
        <v>36</v>
      </c>
      <c r="S38954">
        <v>36</v>
      </c>
      <c r="T38954">
        <v>37</v>
      </c>
      <c r="U38954">
        <v>37</v>
      </c>
      <c r="V38954">
        <v>38</v>
      </c>
      <c r="W38954">
        <v>38</v>
      </c>
      <c r="X38954">
        <v>39</v>
      </c>
      <c r="Y38954">
        <v>40</v>
      </c>
      <c r="Z38954">
        <v>40</v>
      </c>
      <c r="AA38954">
        <v>41</v>
      </c>
      <c r="AB38954">
        <v>42</v>
      </c>
      <c r="AC38954">
        <v>42</v>
      </c>
      <c r="AD38954">
        <v>43</v>
      </c>
      <c r="AE38954">
        <v>43</v>
      </c>
      <c r="AF38954">
        <v>44</v>
      </c>
      <c r="AG38954">
        <v>45</v>
      </c>
      <c r="AH38954">
        <v>45</v>
      </c>
      <c r="AI38954">
        <v>46</v>
      </c>
      <c r="AJ38954">
        <v>47</v>
      </c>
      <c r="AK38954">
        <v>47</v>
      </c>
      <c r="AL38954">
        <v>48</v>
      </c>
      <c r="AM38954">
        <v>48</v>
      </c>
      <c r="AN38954">
        <v>48</v>
      </c>
      <c r="AO38954">
        <v>48</v>
      </c>
      <c r="AP38954">
        <v>49</v>
      </c>
      <c r="AQ38954">
        <v>49</v>
      </c>
    </row>
    <row r="38955" spans="1:43">
      <c r="A38955" t="s">
        <v>24167</v>
      </c>
      <c r="B38955" t="s">
        <v>24168</v>
      </c>
      <c r="C38955" t="s">
        <v>24169</v>
      </c>
      <c r="D38955" t="s">
        <v>24170</v>
      </c>
      <c r="E38955" t="s">
        <v>24147</v>
      </c>
      <c r="F38955" t="s">
        <v>24148</v>
      </c>
      <c r="G38955" t="s">
        <v>11612</v>
      </c>
      <c r="H38955" t="s">
        <v>11613</v>
      </c>
      <c r="I38955" s="2">
        <v>0</v>
      </c>
      <c r="J38955" s="2">
        <v>0</v>
      </c>
      <c r="K38955" s="2">
        <v>1</v>
      </c>
      <c r="L38955" t="s">
        <v>995</v>
      </c>
      <c r="M38955" t="s">
        <v>87</v>
      </c>
      <c r="N38955" t="s">
        <v>88</v>
      </c>
      <c r="O38955" t="s">
        <v>85</v>
      </c>
      <c r="P38955" t="s">
        <v>86</v>
      </c>
      <c r="Q38955">
        <v>35</v>
      </c>
      <c r="R38955">
        <v>35</v>
      </c>
      <c r="S38955">
        <v>35</v>
      </c>
      <c r="T38955">
        <v>35</v>
      </c>
      <c r="U38955">
        <v>36</v>
      </c>
      <c r="V38955">
        <v>36</v>
      </c>
      <c r="W38955">
        <v>36</v>
      </c>
      <c r="X38955">
        <v>36</v>
      </c>
      <c r="Y38955">
        <v>37</v>
      </c>
      <c r="Z38955">
        <v>37</v>
      </c>
      <c r="AA38955">
        <v>37</v>
      </c>
      <c r="AB38955">
        <v>38</v>
      </c>
      <c r="AC38955">
        <v>38</v>
      </c>
      <c r="AD38955">
        <v>38</v>
      </c>
      <c r="AE38955">
        <v>38</v>
      </c>
      <c r="AF38955">
        <v>39</v>
      </c>
      <c r="AG38955">
        <v>39</v>
      </c>
      <c r="AH38955">
        <v>39</v>
      </c>
      <c r="AI38955">
        <v>40</v>
      </c>
      <c r="AJ38955">
        <v>40</v>
      </c>
      <c r="AK38955">
        <v>40</v>
      </c>
      <c r="AL38955">
        <v>40</v>
      </c>
      <c r="AM38955">
        <v>41</v>
      </c>
      <c r="AN38955">
        <v>41</v>
      </c>
      <c r="AO38955">
        <v>41</v>
      </c>
      <c r="AP38955">
        <v>42</v>
      </c>
      <c r="AQ38955">
        <v>42</v>
      </c>
    </row>
    <row r="38956" spans="1:43">
      <c r="A38956" t="s">
        <v>24167</v>
      </c>
      <c r="B38956" t="s">
        <v>24168</v>
      </c>
      <c r="C38956" t="s">
        <v>24169</v>
      </c>
      <c r="D38956" t="s">
        <v>24170</v>
      </c>
      <c r="E38956" t="s">
        <v>24147</v>
      </c>
      <c r="F38956" t="s">
        <v>24148</v>
      </c>
      <c r="G38956" t="s">
        <v>11612</v>
      </c>
      <c r="H38956" t="s">
        <v>11613</v>
      </c>
      <c r="I38956" s="2">
        <v>0</v>
      </c>
      <c r="J38956" s="2">
        <v>0</v>
      </c>
      <c r="K38956" s="2">
        <v>1</v>
      </c>
      <c r="L38956" t="s">
        <v>995</v>
      </c>
      <c r="M38956" t="s">
        <v>89</v>
      </c>
      <c r="N38956" t="s">
        <v>90</v>
      </c>
      <c r="O38956" t="s">
        <v>85</v>
      </c>
      <c r="P38956" t="s">
        <v>86</v>
      </c>
      <c r="Q38956">
        <v>35</v>
      </c>
      <c r="R38956">
        <v>36</v>
      </c>
      <c r="S38956">
        <v>37</v>
      </c>
      <c r="T38956">
        <v>38</v>
      </c>
      <c r="U38956">
        <v>39</v>
      </c>
      <c r="V38956">
        <v>40</v>
      </c>
      <c r="W38956">
        <v>40</v>
      </c>
      <c r="X38956">
        <v>41</v>
      </c>
      <c r="Y38956">
        <v>42</v>
      </c>
      <c r="Z38956">
        <v>43</v>
      </c>
      <c r="AA38956">
        <v>44</v>
      </c>
      <c r="AB38956">
        <v>44</v>
      </c>
      <c r="AC38956">
        <v>45</v>
      </c>
      <c r="AD38956">
        <v>46</v>
      </c>
      <c r="AE38956">
        <v>47</v>
      </c>
      <c r="AF38956">
        <v>47</v>
      </c>
      <c r="AG38956">
        <v>47</v>
      </c>
      <c r="AH38956">
        <v>47</v>
      </c>
      <c r="AI38956">
        <v>47</v>
      </c>
      <c r="AJ38956">
        <v>48</v>
      </c>
      <c r="AK38956">
        <v>48</v>
      </c>
      <c r="AL38956">
        <v>48</v>
      </c>
      <c r="AM38956">
        <v>48</v>
      </c>
      <c r="AN38956">
        <v>49</v>
      </c>
      <c r="AO38956">
        <v>49</v>
      </c>
      <c r="AP38956">
        <v>49</v>
      </c>
      <c r="AQ38956">
        <v>49</v>
      </c>
    </row>
    <row r="38957" spans="1:43">
      <c r="A38957" t="s">
        <v>24167</v>
      </c>
      <c r="B38957" t="s">
        <v>24168</v>
      </c>
      <c r="C38957" t="s">
        <v>24169</v>
      </c>
      <c r="D38957" t="s">
        <v>24170</v>
      </c>
      <c r="E38957" t="s">
        <v>24147</v>
      </c>
      <c r="F38957" t="s">
        <v>24148</v>
      </c>
      <c r="G38957" t="s">
        <v>11612</v>
      </c>
      <c r="H38957" t="s">
        <v>11613</v>
      </c>
      <c r="I38957" s="2">
        <v>0</v>
      </c>
      <c r="J38957" s="2">
        <v>0</v>
      </c>
      <c r="K38957" s="2">
        <v>1</v>
      </c>
      <c r="L38957" t="s">
        <v>995</v>
      </c>
      <c r="M38957" t="s">
        <v>83</v>
      </c>
      <c r="N38957" t="s">
        <v>91</v>
      </c>
      <c r="O38957" t="s">
        <v>85</v>
      </c>
      <c r="P38957" t="s">
        <v>86</v>
      </c>
      <c r="Q38957">
        <v>35</v>
      </c>
      <c r="R38957">
        <v>36</v>
      </c>
      <c r="S38957">
        <v>36</v>
      </c>
      <c r="T38957">
        <v>37</v>
      </c>
      <c r="U38957">
        <v>37</v>
      </c>
      <c r="V38957">
        <v>38</v>
      </c>
      <c r="W38957">
        <v>38</v>
      </c>
      <c r="X38957">
        <v>39</v>
      </c>
      <c r="Y38957">
        <v>40</v>
      </c>
      <c r="Z38957">
        <v>40</v>
      </c>
      <c r="AA38957">
        <v>41</v>
      </c>
      <c r="AB38957">
        <v>42</v>
      </c>
      <c r="AC38957">
        <v>42</v>
      </c>
      <c r="AD38957">
        <v>43</v>
      </c>
      <c r="AE38957">
        <v>43</v>
      </c>
      <c r="AF38957">
        <v>44</v>
      </c>
      <c r="AG38957">
        <v>45</v>
      </c>
      <c r="AH38957">
        <v>45</v>
      </c>
      <c r="AI38957">
        <v>46</v>
      </c>
      <c r="AJ38957">
        <v>47</v>
      </c>
      <c r="AK38957">
        <v>47</v>
      </c>
      <c r="AL38957">
        <v>48</v>
      </c>
      <c r="AM38957">
        <v>48</v>
      </c>
      <c r="AN38957">
        <v>48</v>
      </c>
      <c r="AO38957">
        <v>48</v>
      </c>
      <c r="AP38957">
        <v>49</v>
      </c>
      <c r="AQ38957">
        <v>49</v>
      </c>
    </row>
    <row r="38958" spans="1:43">
      <c r="A38958" t="s">
        <v>24171</v>
      </c>
      <c r="B38958" t="s">
        <v>24172</v>
      </c>
      <c r="C38958" t="s">
        <v>24165</v>
      </c>
      <c r="D38958" t="s">
        <v>24166</v>
      </c>
      <c r="E38958" t="s">
        <v>24147</v>
      </c>
      <c r="F38958" t="s">
        <v>24148</v>
      </c>
      <c r="G38958" t="s">
        <v>11612</v>
      </c>
      <c r="H38958" t="s">
        <v>11613</v>
      </c>
      <c r="I38958" s="2">
        <v>0</v>
      </c>
      <c r="J38958" s="2">
        <v>0</v>
      </c>
      <c r="K38958" s="2">
        <v>1</v>
      </c>
      <c r="L38958" t="s">
        <v>995</v>
      </c>
      <c r="M38958" t="s">
        <v>83</v>
      </c>
      <c r="N38958" t="s">
        <v>84</v>
      </c>
      <c r="O38958" t="s">
        <v>85</v>
      </c>
      <c r="P38958" t="s">
        <v>86</v>
      </c>
      <c r="Q38958">
        <v>38</v>
      </c>
      <c r="R38958">
        <v>39</v>
      </c>
      <c r="S38958">
        <v>40</v>
      </c>
      <c r="T38958">
        <v>40</v>
      </c>
      <c r="U38958">
        <v>41</v>
      </c>
      <c r="V38958">
        <v>42</v>
      </c>
      <c r="W38958">
        <v>42</v>
      </c>
      <c r="X38958">
        <v>43</v>
      </c>
      <c r="Y38958">
        <v>44</v>
      </c>
      <c r="Z38958">
        <v>44</v>
      </c>
      <c r="AA38958">
        <v>45</v>
      </c>
      <c r="AB38958">
        <v>46</v>
      </c>
      <c r="AC38958">
        <v>46</v>
      </c>
      <c r="AD38958">
        <v>47</v>
      </c>
      <c r="AE38958">
        <v>48</v>
      </c>
      <c r="AF38958">
        <v>49</v>
      </c>
      <c r="AG38958">
        <v>49</v>
      </c>
      <c r="AH38958">
        <v>50</v>
      </c>
      <c r="AI38958">
        <v>51</v>
      </c>
      <c r="AJ38958">
        <v>51</v>
      </c>
      <c r="AK38958">
        <v>52</v>
      </c>
      <c r="AL38958">
        <v>53</v>
      </c>
      <c r="AM38958">
        <v>53</v>
      </c>
      <c r="AN38958">
        <v>53</v>
      </c>
      <c r="AO38958">
        <v>53</v>
      </c>
      <c r="AP38958">
        <v>54</v>
      </c>
      <c r="AQ38958">
        <v>54</v>
      </c>
    </row>
    <row r="38959" spans="1:43">
      <c r="A38959" t="s">
        <v>24171</v>
      </c>
      <c r="B38959" t="s">
        <v>24172</v>
      </c>
      <c r="C38959" t="s">
        <v>24165</v>
      </c>
      <c r="D38959" t="s">
        <v>24166</v>
      </c>
      <c r="E38959" t="s">
        <v>24147</v>
      </c>
      <c r="F38959" t="s">
        <v>24148</v>
      </c>
      <c r="G38959" t="s">
        <v>11612</v>
      </c>
      <c r="H38959" t="s">
        <v>11613</v>
      </c>
      <c r="I38959" s="2">
        <v>0</v>
      </c>
      <c r="J38959" s="2">
        <v>0</v>
      </c>
      <c r="K38959" s="2">
        <v>1</v>
      </c>
      <c r="L38959" t="s">
        <v>995</v>
      </c>
      <c r="M38959" t="s">
        <v>87</v>
      </c>
      <c r="N38959" t="s">
        <v>88</v>
      </c>
      <c r="O38959" t="s">
        <v>85</v>
      </c>
      <c r="P38959" t="s">
        <v>86</v>
      </c>
      <c r="Q38959">
        <v>38</v>
      </c>
      <c r="R38959">
        <v>38</v>
      </c>
      <c r="S38959">
        <v>39</v>
      </c>
      <c r="T38959">
        <v>39</v>
      </c>
      <c r="U38959">
        <v>39</v>
      </c>
      <c r="V38959">
        <v>39</v>
      </c>
      <c r="W38959">
        <v>40</v>
      </c>
      <c r="X38959">
        <v>40</v>
      </c>
      <c r="Y38959">
        <v>40</v>
      </c>
      <c r="Z38959">
        <v>41</v>
      </c>
      <c r="AA38959">
        <v>41</v>
      </c>
      <c r="AB38959">
        <v>41</v>
      </c>
      <c r="AC38959">
        <v>42</v>
      </c>
      <c r="AD38959">
        <v>42</v>
      </c>
      <c r="AE38959">
        <v>42</v>
      </c>
      <c r="AF38959">
        <v>43</v>
      </c>
      <c r="AG38959">
        <v>43</v>
      </c>
      <c r="AH38959">
        <v>43</v>
      </c>
      <c r="AI38959">
        <v>44</v>
      </c>
      <c r="AJ38959">
        <v>44</v>
      </c>
      <c r="AK38959">
        <v>45</v>
      </c>
      <c r="AL38959">
        <v>45</v>
      </c>
      <c r="AM38959">
        <v>45</v>
      </c>
      <c r="AN38959">
        <v>46</v>
      </c>
      <c r="AO38959">
        <v>46</v>
      </c>
      <c r="AP38959">
        <v>46</v>
      </c>
      <c r="AQ38959">
        <v>47</v>
      </c>
    </row>
    <row r="38960" spans="1:43">
      <c r="A38960" t="s">
        <v>24171</v>
      </c>
      <c r="B38960" t="s">
        <v>24172</v>
      </c>
      <c r="C38960" t="s">
        <v>24165</v>
      </c>
      <c r="D38960" t="s">
        <v>24166</v>
      </c>
      <c r="E38960" t="s">
        <v>24147</v>
      </c>
      <c r="F38960" t="s">
        <v>24148</v>
      </c>
      <c r="G38960" t="s">
        <v>11612</v>
      </c>
      <c r="H38960" t="s">
        <v>11613</v>
      </c>
      <c r="I38960" s="2">
        <v>0</v>
      </c>
      <c r="J38960" s="2">
        <v>0</v>
      </c>
      <c r="K38960" s="2">
        <v>1</v>
      </c>
      <c r="L38960" t="s">
        <v>995</v>
      </c>
      <c r="M38960" t="s">
        <v>89</v>
      </c>
      <c r="N38960" t="s">
        <v>90</v>
      </c>
      <c r="O38960" t="s">
        <v>85</v>
      </c>
      <c r="P38960" t="s">
        <v>86</v>
      </c>
      <c r="Q38960">
        <v>38</v>
      </c>
      <c r="R38960">
        <v>39</v>
      </c>
      <c r="S38960">
        <v>40</v>
      </c>
      <c r="T38960">
        <v>41</v>
      </c>
      <c r="U38960">
        <v>42</v>
      </c>
      <c r="V38960">
        <v>43</v>
      </c>
      <c r="W38960">
        <v>44</v>
      </c>
      <c r="X38960">
        <v>44</v>
      </c>
      <c r="Y38960">
        <v>45</v>
      </c>
      <c r="Z38960">
        <v>46</v>
      </c>
      <c r="AA38960">
        <v>47</v>
      </c>
      <c r="AB38960">
        <v>48</v>
      </c>
      <c r="AC38960">
        <v>49</v>
      </c>
      <c r="AD38960">
        <v>50</v>
      </c>
      <c r="AE38960">
        <v>50</v>
      </c>
      <c r="AF38960">
        <v>51</v>
      </c>
      <c r="AG38960">
        <v>51</v>
      </c>
      <c r="AH38960">
        <v>51</v>
      </c>
      <c r="AI38960">
        <v>51</v>
      </c>
      <c r="AJ38960">
        <v>52</v>
      </c>
      <c r="AK38960">
        <v>52</v>
      </c>
      <c r="AL38960">
        <v>52</v>
      </c>
      <c r="AM38960">
        <v>53</v>
      </c>
      <c r="AN38960">
        <v>53</v>
      </c>
      <c r="AO38960">
        <v>53</v>
      </c>
      <c r="AP38960">
        <v>53</v>
      </c>
      <c r="AQ38960">
        <v>54</v>
      </c>
    </row>
    <row r="38961" spans="1:43">
      <c r="A38961" t="s">
        <v>24171</v>
      </c>
      <c r="B38961" t="s">
        <v>24172</v>
      </c>
      <c r="C38961" t="s">
        <v>24165</v>
      </c>
      <c r="D38961" t="s">
        <v>24166</v>
      </c>
      <c r="E38961" t="s">
        <v>24147</v>
      </c>
      <c r="F38961" t="s">
        <v>24148</v>
      </c>
      <c r="G38961" t="s">
        <v>11612</v>
      </c>
      <c r="H38961" t="s">
        <v>11613</v>
      </c>
      <c r="I38961" s="2">
        <v>0</v>
      </c>
      <c r="J38961" s="2">
        <v>0</v>
      </c>
      <c r="K38961" s="2">
        <v>1</v>
      </c>
      <c r="L38961" t="s">
        <v>995</v>
      </c>
      <c r="M38961" t="s">
        <v>83</v>
      </c>
      <c r="N38961" t="s">
        <v>91</v>
      </c>
      <c r="O38961" t="s">
        <v>85</v>
      </c>
      <c r="P38961" t="s">
        <v>86</v>
      </c>
      <c r="Q38961">
        <v>38</v>
      </c>
      <c r="R38961">
        <v>39</v>
      </c>
      <c r="S38961">
        <v>40</v>
      </c>
      <c r="T38961">
        <v>40</v>
      </c>
      <c r="U38961">
        <v>41</v>
      </c>
      <c r="V38961">
        <v>42</v>
      </c>
      <c r="W38961">
        <v>42</v>
      </c>
      <c r="X38961">
        <v>43</v>
      </c>
      <c r="Y38961">
        <v>44</v>
      </c>
      <c r="Z38961">
        <v>44</v>
      </c>
      <c r="AA38961">
        <v>45</v>
      </c>
      <c r="AB38961">
        <v>46</v>
      </c>
      <c r="AC38961">
        <v>46</v>
      </c>
      <c r="AD38961">
        <v>47</v>
      </c>
      <c r="AE38961">
        <v>48</v>
      </c>
      <c r="AF38961">
        <v>49</v>
      </c>
      <c r="AG38961">
        <v>49</v>
      </c>
      <c r="AH38961">
        <v>50</v>
      </c>
      <c r="AI38961">
        <v>51</v>
      </c>
      <c r="AJ38961">
        <v>51</v>
      </c>
      <c r="AK38961">
        <v>52</v>
      </c>
      <c r="AL38961">
        <v>53</v>
      </c>
      <c r="AM38961">
        <v>53</v>
      </c>
      <c r="AN38961">
        <v>53</v>
      </c>
      <c r="AO38961">
        <v>53</v>
      </c>
      <c r="AP38961">
        <v>54</v>
      </c>
      <c r="AQ38961">
        <v>54</v>
      </c>
    </row>
    <row r="38962" spans="1:43">
      <c r="A38962" t="s">
        <v>24173</v>
      </c>
      <c r="B38962" t="s">
        <v>24174</v>
      </c>
      <c r="C38962" t="s">
        <v>24169</v>
      </c>
      <c r="D38962" t="s">
        <v>24170</v>
      </c>
      <c r="E38962" t="s">
        <v>24147</v>
      </c>
      <c r="F38962" t="s">
        <v>24148</v>
      </c>
      <c r="G38962" t="s">
        <v>11612</v>
      </c>
      <c r="H38962" t="s">
        <v>11613</v>
      </c>
      <c r="I38962" s="2">
        <v>0</v>
      </c>
      <c r="J38962" s="2">
        <v>0</v>
      </c>
      <c r="K38962" s="2">
        <v>1</v>
      </c>
      <c r="L38962" t="s">
        <v>995</v>
      </c>
      <c r="M38962" t="s">
        <v>83</v>
      </c>
      <c r="N38962" t="s">
        <v>84</v>
      </c>
      <c r="O38962" t="s">
        <v>85</v>
      </c>
      <c r="P38962" t="s">
        <v>86</v>
      </c>
      <c r="Q38962">
        <v>35</v>
      </c>
      <c r="R38962">
        <v>36</v>
      </c>
      <c r="S38962">
        <v>36</v>
      </c>
      <c r="T38962">
        <v>37</v>
      </c>
      <c r="U38962">
        <v>37</v>
      </c>
      <c r="V38962">
        <v>38</v>
      </c>
      <c r="W38962">
        <v>39</v>
      </c>
      <c r="X38962">
        <v>39</v>
      </c>
      <c r="Y38962">
        <v>40</v>
      </c>
      <c r="Z38962">
        <v>40</v>
      </c>
      <c r="AA38962">
        <v>41</v>
      </c>
      <c r="AB38962">
        <v>42</v>
      </c>
      <c r="AC38962">
        <v>42</v>
      </c>
      <c r="AD38962">
        <v>43</v>
      </c>
      <c r="AE38962">
        <v>44</v>
      </c>
      <c r="AF38962">
        <v>44</v>
      </c>
      <c r="AG38962">
        <v>45</v>
      </c>
      <c r="AH38962">
        <v>45</v>
      </c>
      <c r="AI38962">
        <v>46</v>
      </c>
      <c r="AJ38962">
        <v>47</v>
      </c>
      <c r="AK38962">
        <v>47</v>
      </c>
      <c r="AL38962">
        <v>48</v>
      </c>
      <c r="AM38962">
        <v>48</v>
      </c>
      <c r="AN38962">
        <v>48</v>
      </c>
      <c r="AO38962">
        <v>49</v>
      </c>
      <c r="AP38962">
        <v>49</v>
      </c>
      <c r="AQ38962">
        <v>49</v>
      </c>
    </row>
    <row r="38963" spans="1:43">
      <c r="A38963" t="s">
        <v>24173</v>
      </c>
      <c r="B38963" t="s">
        <v>24174</v>
      </c>
      <c r="C38963" t="s">
        <v>24169</v>
      </c>
      <c r="D38963" t="s">
        <v>24170</v>
      </c>
      <c r="E38963" t="s">
        <v>24147</v>
      </c>
      <c r="F38963" t="s">
        <v>24148</v>
      </c>
      <c r="G38963" t="s">
        <v>11612</v>
      </c>
      <c r="H38963" t="s">
        <v>11613</v>
      </c>
      <c r="I38963" s="2">
        <v>0</v>
      </c>
      <c r="J38963" s="2">
        <v>0</v>
      </c>
      <c r="K38963" s="2">
        <v>1</v>
      </c>
      <c r="L38963" t="s">
        <v>995</v>
      </c>
      <c r="M38963" t="s">
        <v>87</v>
      </c>
      <c r="N38963" t="s">
        <v>88</v>
      </c>
      <c r="O38963" t="s">
        <v>85</v>
      </c>
      <c r="P38963" t="s">
        <v>86</v>
      </c>
      <c r="Q38963">
        <v>35</v>
      </c>
      <c r="R38963">
        <v>35</v>
      </c>
      <c r="S38963">
        <v>35</v>
      </c>
      <c r="T38963">
        <v>35</v>
      </c>
      <c r="U38963">
        <v>36</v>
      </c>
      <c r="V38963">
        <v>36</v>
      </c>
      <c r="W38963">
        <v>36</v>
      </c>
      <c r="X38963">
        <v>37</v>
      </c>
      <c r="Y38963">
        <v>37</v>
      </c>
      <c r="Z38963">
        <v>37</v>
      </c>
      <c r="AA38963">
        <v>37</v>
      </c>
      <c r="AB38963">
        <v>38</v>
      </c>
      <c r="AC38963">
        <v>38</v>
      </c>
      <c r="AD38963">
        <v>38</v>
      </c>
      <c r="AE38963">
        <v>39</v>
      </c>
      <c r="AF38963">
        <v>39</v>
      </c>
      <c r="AG38963">
        <v>39</v>
      </c>
      <c r="AH38963">
        <v>39</v>
      </c>
      <c r="AI38963">
        <v>40</v>
      </c>
      <c r="AJ38963">
        <v>40</v>
      </c>
      <c r="AK38963">
        <v>40</v>
      </c>
      <c r="AL38963">
        <v>41</v>
      </c>
      <c r="AM38963">
        <v>41</v>
      </c>
      <c r="AN38963">
        <v>41</v>
      </c>
      <c r="AO38963">
        <v>42</v>
      </c>
      <c r="AP38963">
        <v>42</v>
      </c>
      <c r="AQ38963">
        <v>42</v>
      </c>
    </row>
    <row r="38964" spans="1:43">
      <c r="A38964" t="s">
        <v>24173</v>
      </c>
      <c r="B38964" t="s">
        <v>24174</v>
      </c>
      <c r="C38964" t="s">
        <v>24169</v>
      </c>
      <c r="D38964" t="s">
        <v>24170</v>
      </c>
      <c r="E38964" t="s">
        <v>24147</v>
      </c>
      <c r="F38964" t="s">
        <v>24148</v>
      </c>
      <c r="G38964" t="s">
        <v>11612</v>
      </c>
      <c r="H38964" t="s">
        <v>11613</v>
      </c>
      <c r="I38964" s="2">
        <v>0</v>
      </c>
      <c r="J38964" s="2">
        <v>0</v>
      </c>
      <c r="K38964" s="2">
        <v>1</v>
      </c>
      <c r="L38964" t="s">
        <v>995</v>
      </c>
      <c r="M38964" t="s">
        <v>89</v>
      </c>
      <c r="N38964" t="s">
        <v>90</v>
      </c>
      <c r="O38964" t="s">
        <v>85</v>
      </c>
      <c r="P38964" t="s">
        <v>86</v>
      </c>
      <c r="Q38964">
        <v>35</v>
      </c>
      <c r="R38964">
        <v>36</v>
      </c>
      <c r="S38964">
        <v>37</v>
      </c>
      <c r="T38964">
        <v>38</v>
      </c>
      <c r="U38964">
        <v>39</v>
      </c>
      <c r="V38964">
        <v>40</v>
      </c>
      <c r="W38964">
        <v>41</v>
      </c>
      <c r="X38964">
        <v>41</v>
      </c>
      <c r="Y38964">
        <v>42</v>
      </c>
      <c r="Z38964">
        <v>43</v>
      </c>
      <c r="AA38964">
        <v>44</v>
      </c>
      <c r="AB38964">
        <v>45</v>
      </c>
      <c r="AC38964">
        <v>45</v>
      </c>
      <c r="AD38964">
        <v>46</v>
      </c>
      <c r="AE38964">
        <v>47</v>
      </c>
      <c r="AF38964">
        <v>47</v>
      </c>
      <c r="AG38964">
        <v>47</v>
      </c>
      <c r="AH38964">
        <v>47</v>
      </c>
      <c r="AI38964">
        <v>48</v>
      </c>
      <c r="AJ38964">
        <v>48</v>
      </c>
      <c r="AK38964">
        <v>48</v>
      </c>
      <c r="AL38964">
        <v>48</v>
      </c>
      <c r="AM38964">
        <v>49</v>
      </c>
      <c r="AN38964">
        <v>49</v>
      </c>
      <c r="AO38964">
        <v>49</v>
      </c>
      <c r="AP38964">
        <v>49</v>
      </c>
      <c r="AQ38964">
        <v>50</v>
      </c>
    </row>
    <row r="38965" spans="1:43">
      <c r="A38965" t="s">
        <v>24173</v>
      </c>
      <c r="B38965" t="s">
        <v>24174</v>
      </c>
      <c r="C38965" t="s">
        <v>24169</v>
      </c>
      <c r="D38965" t="s">
        <v>24170</v>
      </c>
      <c r="E38965" t="s">
        <v>24147</v>
      </c>
      <c r="F38965" t="s">
        <v>24148</v>
      </c>
      <c r="G38965" t="s">
        <v>11612</v>
      </c>
      <c r="H38965" t="s">
        <v>11613</v>
      </c>
      <c r="I38965" s="2">
        <v>0</v>
      </c>
      <c r="J38965" s="2">
        <v>0</v>
      </c>
      <c r="K38965" s="2">
        <v>1</v>
      </c>
      <c r="L38965" t="s">
        <v>995</v>
      </c>
      <c r="M38965" t="s">
        <v>83</v>
      </c>
      <c r="N38965" t="s">
        <v>91</v>
      </c>
      <c r="O38965" t="s">
        <v>85</v>
      </c>
      <c r="P38965" t="s">
        <v>86</v>
      </c>
      <c r="Q38965">
        <v>35</v>
      </c>
      <c r="R38965">
        <v>36</v>
      </c>
      <c r="S38965">
        <v>36</v>
      </c>
      <c r="T38965">
        <v>37</v>
      </c>
      <c r="U38965">
        <v>37</v>
      </c>
      <c r="V38965">
        <v>38</v>
      </c>
      <c r="W38965">
        <v>39</v>
      </c>
      <c r="X38965">
        <v>39</v>
      </c>
      <c r="Y38965">
        <v>40</v>
      </c>
      <c r="Z38965">
        <v>40</v>
      </c>
      <c r="AA38965">
        <v>41</v>
      </c>
      <c r="AB38965">
        <v>42</v>
      </c>
      <c r="AC38965">
        <v>42</v>
      </c>
      <c r="AD38965">
        <v>43</v>
      </c>
      <c r="AE38965">
        <v>44</v>
      </c>
      <c r="AF38965">
        <v>44</v>
      </c>
      <c r="AG38965">
        <v>45</v>
      </c>
      <c r="AH38965">
        <v>45</v>
      </c>
      <c r="AI38965">
        <v>46</v>
      </c>
      <c r="AJ38965">
        <v>47</v>
      </c>
      <c r="AK38965">
        <v>47</v>
      </c>
      <c r="AL38965">
        <v>48</v>
      </c>
      <c r="AM38965">
        <v>48</v>
      </c>
      <c r="AN38965">
        <v>48</v>
      </c>
      <c r="AO38965">
        <v>49</v>
      </c>
      <c r="AP38965">
        <v>49</v>
      </c>
      <c r="AQ38965">
        <v>49</v>
      </c>
    </row>
    <row r="38966" spans="1:43">
      <c r="A38966" t="s">
        <v>24175</v>
      </c>
      <c r="B38966" t="s">
        <v>24176</v>
      </c>
      <c r="C38966" t="s">
        <v>24169</v>
      </c>
      <c r="D38966" t="s">
        <v>24170</v>
      </c>
      <c r="E38966" t="s">
        <v>24147</v>
      </c>
      <c r="F38966" t="s">
        <v>24148</v>
      </c>
      <c r="G38966" t="s">
        <v>11612</v>
      </c>
      <c r="H38966" t="s">
        <v>11613</v>
      </c>
      <c r="I38966" s="2">
        <v>0</v>
      </c>
      <c r="J38966" s="2">
        <v>0</v>
      </c>
      <c r="K38966" s="2">
        <v>1</v>
      </c>
      <c r="L38966" t="s">
        <v>995</v>
      </c>
      <c r="M38966" t="s">
        <v>83</v>
      </c>
      <c r="N38966" t="s">
        <v>84</v>
      </c>
      <c r="O38966" t="s">
        <v>85</v>
      </c>
      <c r="P38966" t="s">
        <v>86</v>
      </c>
      <c r="Q38966">
        <v>9</v>
      </c>
      <c r="R38966">
        <v>9</v>
      </c>
      <c r="S38966">
        <v>9</v>
      </c>
      <c r="T38966">
        <v>10</v>
      </c>
      <c r="U38966">
        <v>10</v>
      </c>
      <c r="V38966">
        <v>10</v>
      </c>
      <c r="W38966">
        <v>10</v>
      </c>
      <c r="X38966">
        <v>10</v>
      </c>
      <c r="Y38966">
        <v>10</v>
      </c>
      <c r="Z38966">
        <v>11</v>
      </c>
      <c r="AA38966">
        <v>11</v>
      </c>
      <c r="AB38966">
        <v>11</v>
      </c>
      <c r="AC38966">
        <v>11</v>
      </c>
      <c r="AD38966">
        <v>11</v>
      </c>
      <c r="AE38966">
        <v>11</v>
      </c>
      <c r="AF38966">
        <v>11</v>
      </c>
      <c r="AG38966">
        <v>12</v>
      </c>
      <c r="AH38966">
        <v>12</v>
      </c>
      <c r="AI38966">
        <v>12</v>
      </c>
      <c r="AJ38966">
        <v>12</v>
      </c>
      <c r="AK38966">
        <v>12</v>
      </c>
      <c r="AL38966">
        <v>12</v>
      </c>
      <c r="AM38966">
        <v>12</v>
      </c>
      <c r="AN38966">
        <v>13</v>
      </c>
      <c r="AO38966">
        <v>13</v>
      </c>
      <c r="AP38966">
        <v>13</v>
      </c>
      <c r="AQ38966">
        <v>13</v>
      </c>
    </row>
    <row r="38967" spans="1:43">
      <c r="A38967" t="s">
        <v>24175</v>
      </c>
      <c r="B38967" t="s">
        <v>24176</v>
      </c>
      <c r="C38967" t="s">
        <v>24169</v>
      </c>
      <c r="D38967" t="s">
        <v>24170</v>
      </c>
      <c r="E38967" t="s">
        <v>24147</v>
      </c>
      <c r="F38967" t="s">
        <v>24148</v>
      </c>
      <c r="G38967" t="s">
        <v>11612</v>
      </c>
      <c r="H38967" t="s">
        <v>11613</v>
      </c>
      <c r="I38967" s="2">
        <v>0</v>
      </c>
      <c r="J38967" s="2">
        <v>0</v>
      </c>
      <c r="K38967" s="2">
        <v>1</v>
      </c>
      <c r="L38967" t="s">
        <v>995</v>
      </c>
      <c r="M38967" t="s">
        <v>87</v>
      </c>
      <c r="N38967" t="s">
        <v>88</v>
      </c>
      <c r="O38967" t="s">
        <v>85</v>
      </c>
      <c r="P38967" t="s">
        <v>86</v>
      </c>
      <c r="Q38967">
        <v>9</v>
      </c>
      <c r="R38967">
        <v>9</v>
      </c>
      <c r="S38967">
        <v>9</v>
      </c>
      <c r="T38967">
        <v>9</v>
      </c>
      <c r="U38967">
        <v>9</v>
      </c>
      <c r="V38967">
        <v>9</v>
      </c>
      <c r="W38967">
        <v>9</v>
      </c>
      <c r="X38967">
        <v>10</v>
      </c>
      <c r="Y38967">
        <v>10</v>
      </c>
      <c r="Z38967">
        <v>10</v>
      </c>
      <c r="AA38967">
        <v>10</v>
      </c>
      <c r="AB38967">
        <v>10</v>
      </c>
      <c r="AC38967">
        <v>10</v>
      </c>
      <c r="AD38967">
        <v>10</v>
      </c>
      <c r="AE38967">
        <v>10</v>
      </c>
      <c r="AF38967">
        <v>10</v>
      </c>
      <c r="AG38967">
        <v>10</v>
      </c>
      <c r="AH38967">
        <v>10</v>
      </c>
      <c r="AI38967">
        <v>10</v>
      </c>
      <c r="AJ38967">
        <v>10</v>
      </c>
      <c r="AK38967">
        <v>10</v>
      </c>
      <c r="AL38967">
        <v>11</v>
      </c>
      <c r="AM38967">
        <v>11</v>
      </c>
      <c r="AN38967">
        <v>11</v>
      </c>
      <c r="AO38967">
        <v>11</v>
      </c>
      <c r="AP38967">
        <v>11</v>
      </c>
      <c r="AQ38967">
        <v>11</v>
      </c>
    </row>
    <row r="38968" spans="1:43">
      <c r="A38968" t="s">
        <v>24175</v>
      </c>
      <c r="B38968" t="s">
        <v>24176</v>
      </c>
      <c r="C38968" t="s">
        <v>24169</v>
      </c>
      <c r="D38968" t="s">
        <v>24170</v>
      </c>
      <c r="E38968" t="s">
        <v>24147</v>
      </c>
      <c r="F38968" t="s">
        <v>24148</v>
      </c>
      <c r="G38968" t="s">
        <v>11612</v>
      </c>
      <c r="H38968" t="s">
        <v>11613</v>
      </c>
      <c r="I38968" s="2">
        <v>0</v>
      </c>
      <c r="J38968" s="2">
        <v>0</v>
      </c>
      <c r="K38968" s="2">
        <v>1</v>
      </c>
      <c r="L38968" t="s">
        <v>995</v>
      </c>
      <c r="M38968" t="s">
        <v>89</v>
      </c>
      <c r="N38968" t="s">
        <v>90</v>
      </c>
      <c r="O38968" t="s">
        <v>85</v>
      </c>
      <c r="P38968" t="s">
        <v>86</v>
      </c>
      <c r="Q38968">
        <v>9</v>
      </c>
      <c r="R38968">
        <v>9</v>
      </c>
      <c r="S38968">
        <v>10</v>
      </c>
      <c r="T38968">
        <v>10</v>
      </c>
      <c r="U38968">
        <v>10</v>
      </c>
      <c r="V38968">
        <v>10</v>
      </c>
      <c r="W38968">
        <v>11</v>
      </c>
      <c r="X38968">
        <v>11</v>
      </c>
      <c r="Y38968">
        <v>11</v>
      </c>
      <c r="Z38968">
        <v>11</v>
      </c>
      <c r="AA38968">
        <v>11</v>
      </c>
      <c r="AB38968">
        <v>12</v>
      </c>
      <c r="AC38968">
        <v>12</v>
      </c>
      <c r="AD38968">
        <v>12</v>
      </c>
      <c r="AE38968">
        <v>12</v>
      </c>
      <c r="AF38968">
        <v>12</v>
      </c>
      <c r="AG38968">
        <v>12</v>
      </c>
      <c r="AH38968">
        <v>12</v>
      </c>
      <c r="AI38968">
        <v>12</v>
      </c>
      <c r="AJ38968">
        <v>12</v>
      </c>
      <c r="AK38968">
        <v>13</v>
      </c>
      <c r="AL38968">
        <v>13</v>
      </c>
      <c r="AM38968">
        <v>13</v>
      </c>
      <c r="AN38968">
        <v>13</v>
      </c>
      <c r="AO38968">
        <v>13</v>
      </c>
      <c r="AP38968">
        <v>13</v>
      </c>
      <c r="AQ38968">
        <v>13</v>
      </c>
    </row>
    <row r="38969" spans="1:43">
      <c r="A38969" t="s">
        <v>24175</v>
      </c>
      <c r="B38969" t="s">
        <v>24176</v>
      </c>
      <c r="C38969" t="s">
        <v>24169</v>
      </c>
      <c r="D38969" t="s">
        <v>24170</v>
      </c>
      <c r="E38969" t="s">
        <v>24147</v>
      </c>
      <c r="F38969" t="s">
        <v>24148</v>
      </c>
      <c r="G38969" t="s">
        <v>11612</v>
      </c>
      <c r="H38969" t="s">
        <v>11613</v>
      </c>
      <c r="I38969" s="2">
        <v>0</v>
      </c>
      <c r="J38969" s="2">
        <v>0</v>
      </c>
      <c r="K38969" s="2">
        <v>1</v>
      </c>
      <c r="L38969" t="s">
        <v>995</v>
      </c>
      <c r="M38969" t="s">
        <v>83</v>
      </c>
      <c r="N38969" t="s">
        <v>91</v>
      </c>
      <c r="O38969" t="s">
        <v>85</v>
      </c>
      <c r="P38969" t="s">
        <v>86</v>
      </c>
      <c r="Q38969">
        <v>9</v>
      </c>
      <c r="R38969">
        <v>9</v>
      </c>
      <c r="S38969">
        <v>9</v>
      </c>
      <c r="T38969">
        <v>10</v>
      </c>
      <c r="U38969">
        <v>10</v>
      </c>
      <c r="V38969">
        <v>10</v>
      </c>
      <c r="W38969">
        <v>10</v>
      </c>
      <c r="X38969">
        <v>10</v>
      </c>
      <c r="Y38969">
        <v>10</v>
      </c>
      <c r="Z38969">
        <v>11</v>
      </c>
      <c r="AA38969">
        <v>11</v>
      </c>
      <c r="AB38969">
        <v>11</v>
      </c>
      <c r="AC38969">
        <v>11</v>
      </c>
      <c r="AD38969">
        <v>11</v>
      </c>
      <c r="AE38969">
        <v>11</v>
      </c>
      <c r="AF38969">
        <v>11</v>
      </c>
      <c r="AG38969">
        <v>12</v>
      </c>
      <c r="AH38969">
        <v>12</v>
      </c>
      <c r="AI38969">
        <v>12</v>
      </c>
      <c r="AJ38969">
        <v>12</v>
      </c>
      <c r="AK38969">
        <v>12</v>
      </c>
      <c r="AL38969">
        <v>12</v>
      </c>
      <c r="AM38969">
        <v>12</v>
      </c>
      <c r="AN38969">
        <v>13</v>
      </c>
      <c r="AO38969">
        <v>13</v>
      </c>
      <c r="AP38969">
        <v>13</v>
      </c>
      <c r="AQ38969">
        <v>13</v>
      </c>
    </row>
    <row r="38970" spans="1:43">
      <c r="A38970" t="s">
        <v>24177</v>
      </c>
      <c r="B38970" t="s">
        <v>24178</v>
      </c>
      <c r="C38970" t="s">
        <v>24179</v>
      </c>
      <c r="D38970" t="s">
        <v>24180</v>
      </c>
      <c r="E38970" t="s">
        <v>24147</v>
      </c>
      <c r="F38970" t="s">
        <v>24148</v>
      </c>
      <c r="G38970" t="s">
        <v>11612</v>
      </c>
      <c r="H38970" t="s">
        <v>11613</v>
      </c>
      <c r="I38970" s="2">
        <v>0</v>
      </c>
      <c r="J38970" s="2">
        <v>0</v>
      </c>
      <c r="K38970" s="2">
        <v>0.85</v>
      </c>
      <c r="L38970" t="s">
        <v>995</v>
      </c>
      <c r="M38970" t="s">
        <v>83</v>
      </c>
      <c r="N38970" t="s">
        <v>84</v>
      </c>
      <c r="O38970" t="s">
        <v>85</v>
      </c>
      <c r="P38970" t="s">
        <v>86</v>
      </c>
      <c r="Q38970">
        <v>39</v>
      </c>
      <c r="R38970">
        <v>39</v>
      </c>
      <c r="S38970">
        <v>40</v>
      </c>
      <c r="T38970">
        <v>41</v>
      </c>
      <c r="U38970">
        <v>41</v>
      </c>
      <c r="V38970">
        <v>42</v>
      </c>
      <c r="W38970">
        <v>43</v>
      </c>
      <c r="X38970">
        <v>44</v>
      </c>
      <c r="Y38970">
        <v>44</v>
      </c>
      <c r="Z38970">
        <v>45</v>
      </c>
      <c r="AA38970">
        <v>46</v>
      </c>
      <c r="AB38970">
        <v>47</v>
      </c>
      <c r="AC38970">
        <v>47</v>
      </c>
      <c r="AD38970">
        <v>48</v>
      </c>
      <c r="AE38970">
        <v>49</v>
      </c>
      <c r="AF38970">
        <v>50</v>
      </c>
      <c r="AG38970">
        <v>51</v>
      </c>
      <c r="AH38970">
        <v>51</v>
      </c>
      <c r="AI38970">
        <v>52</v>
      </c>
      <c r="AJ38970">
        <v>53</v>
      </c>
      <c r="AK38970">
        <v>54</v>
      </c>
      <c r="AL38970">
        <v>54</v>
      </c>
      <c r="AM38970">
        <v>55</v>
      </c>
      <c r="AN38970">
        <v>55</v>
      </c>
      <c r="AO38970">
        <v>56</v>
      </c>
      <c r="AP38970">
        <v>56</v>
      </c>
      <c r="AQ38970">
        <v>56</v>
      </c>
    </row>
    <row r="38971" spans="1:43">
      <c r="A38971" t="s">
        <v>24177</v>
      </c>
      <c r="B38971" t="s">
        <v>24178</v>
      </c>
      <c r="C38971" t="s">
        <v>24179</v>
      </c>
      <c r="D38971" t="s">
        <v>24180</v>
      </c>
      <c r="E38971" t="s">
        <v>24147</v>
      </c>
      <c r="F38971" t="s">
        <v>24148</v>
      </c>
      <c r="G38971" t="s">
        <v>11612</v>
      </c>
      <c r="H38971" t="s">
        <v>11613</v>
      </c>
      <c r="I38971" s="2">
        <v>0</v>
      </c>
      <c r="J38971" s="2">
        <v>0</v>
      </c>
      <c r="K38971" s="2">
        <v>0.85</v>
      </c>
      <c r="L38971" t="s">
        <v>995</v>
      </c>
      <c r="M38971" t="s">
        <v>87</v>
      </c>
      <c r="N38971" t="s">
        <v>88</v>
      </c>
      <c r="O38971" t="s">
        <v>85</v>
      </c>
      <c r="P38971" t="s">
        <v>86</v>
      </c>
      <c r="Q38971">
        <v>39</v>
      </c>
      <c r="R38971">
        <v>40</v>
      </c>
      <c r="S38971">
        <v>40</v>
      </c>
      <c r="T38971">
        <v>40</v>
      </c>
      <c r="U38971">
        <v>41</v>
      </c>
      <c r="V38971">
        <v>41</v>
      </c>
      <c r="W38971">
        <v>41</v>
      </c>
      <c r="X38971">
        <v>42</v>
      </c>
      <c r="Y38971">
        <v>42</v>
      </c>
      <c r="Z38971">
        <v>42</v>
      </c>
      <c r="AA38971">
        <v>43</v>
      </c>
      <c r="AB38971">
        <v>43</v>
      </c>
      <c r="AC38971">
        <v>44</v>
      </c>
      <c r="AD38971">
        <v>44</v>
      </c>
      <c r="AE38971">
        <v>44</v>
      </c>
      <c r="AF38971">
        <v>45</v>
      </c>
      <c r="AG38971">
        <v>45</v>
      </c>
      <c r="AH38971">
        <v>46</v>
      </c>
      <c r="AI38971">
        <v>46</v>
      </c>
      <c r="AJ38971">
        <v>47</v>
      </c>
      <c r="AK38971">
        <v>47</v>
      </c>
      <c r="AL38971">
        <v>47</v>
      </c>
      <c r="AM38971">
        <v>48</v>
      </c>
      <c r="AN38971">
        <v>48</v>
      </c>
      <c r="AO38971">
        <v>49</v>
      </c>
      <c r="AP38971">
        <v>49</v>
      </c>
      <c r="AQ38971">
        <v>50</v>
      </c>
    </row>
    <row r="38972" spans="1:43">
      <c r="A38972" t="s">
        <v>24177</v>
      </c>
      <c r="B38972" t="s">
        <v>24178</v>
      </c>
      <c r="C38972" t="s">
        <v>24179</v>
      </c>
      <c r="D38972" t="s">
        <v>24180</v>
      </c>
      <c r="E38972" t="s">
        <v>24147</v>
      </c>
      <c r="F38972" t="s">
        <v>24148</v>
      </c>
      <c r="G38972" t="s">
        <v>11612</v>
      </c>
      <c r="H38972" t="s">
        <v>11613</v>
      </c>
      <c r="I38972" s="2">
        <v>0</v>
      </c>
      <c r="J38972" s="2">
        <v>0</v>
      </c>
      <c r="K38972" s="2">
        <v>0.85</v>
      </c>
      <c r="L38972" t="s">
        <v>995</v>
      </c>
      <c r="M38972" t="s">
        <v>89</v>
      </c>
      <c r="N38972" t="s">
        <v>90</v>
      </c>
      <c r="O38972" t="s">
        <v>85</v>
      </c>
      <c r="P38972" t="s">
        <v>86</v>
      </c>
      <c r="Q38972">
        <v>39</v>
      </c>
      <c r="R38972">
        <v>40</v>
      </c>
      <c r="S38972">
        <v>41</v>
      </c>
      <c r="T38972">
        <v>42</v>
      </c>
      <c r="U38972">
        <v>43</v>
      </c>
      <c r="V38972">
        <v>44</v>
      </c>
      <c r="W38972">
        <v>45</v>
      </c>
      <c r="X38972">
        <v>46</v>
      </c>
      <c r="Y38972">
        <v>47</v>
      </c>
      <c r="Z38972">
        <v>48</v>
      </c>
      <c r="AA38972">
        <v>49</v>
      </c>
      <c r="AB38972">
        <v>50</v>
      </c>
      <c r="AC38972">
        <v>51</v>
      </c>
      <c r="AD38972">
        <v>52</v>
      </c>
      <c r="AE38972">
        <v>52</v>
      </c>
      <c r="AF38972">
        <v>53</v>
      </c>
      <c r="AG38972">
        <v>53</v>
      </c>
      <c r="AH38972">
        <v>54</v>
      </c>
      <c r="AI38972">
        <v>54</v>
      </c>
      <c r="AJ38972">
        <v>54</v>
      </c>
      <c r="AK38972">
        <v>55</v>
      </c>
      <c r="AL38972">
        <v>55</v>
      </c>
      <c r="AM38972">
        <v>56</v>
      </c>
      <c r="AN38972">
        <v>56</v>
      </c>
      <c r="AO38972">
        <v>56</v>
      </c>
      <c r="AP38972">
        <v>57</v>
      </c>
      <c r="AQ38972">
        <v>57</v>
      </c>
    </row>
    <row r="38973" spans="1:43">
      <c r="A38973" t="s">
        <v>24177</v>
      </c>
      <c r="B38973" t="s">
        <v>24178</v>
      </c>
      <c r="C38973" t="s">
        <v>24179</v>
      </c>
      <c r="D38973" t="s">
        <v>24180</v>
      </c>
      <c r="E38973" t="s">
        <v>24147</v>
      </c>
      <c r="F38973" t="s">
        <v>24148</v>
      </c>
      <c r="G38973" t="s">
        <v>11612</v>
      </c>
      <c r="H38973" t="s">
        <v>11613</v>
      </c>
      <c r="I38973" s="2">
        <v>0</v>
      </c>
      <c r="J38973" s="2">
        <v>0</v>
      </c>
      <c r="K38973" s="2">
        <v>0.85</v>
      </c>
      <c r="L38973" t="s">
        <v>995</v>
      </c>
      <c r="M38973" t="s">
        <v>83</v>
      </c>
      <c r="N38973" t="s">
        <v>91</v>
      </c>
      <c r="O38973" t="s">
        <v>85</v>
      </c>
      <c r="P38973" t="s">
        <v>86</v>
      </c>
      <c r="Q38973">
        <v>39</v>
      </c>
      <c r="R38973">
        <v>39</v>
      </c>
      <c r="S38973">
        <v>40</v>
      </c>
      <c r="T38973">
        <v>41</v>
      </c>
      <c r="U38973">
        <v>41</v>
      </c>
      <c r="V38973">
        <v>42</v>
      </c>
      <c r="W38973">
        <v>43</v>
      </c>
      <c r="X38973">
        <v>44</v>
      </c>
      <c r="Y38973">
        <v>44</v>
      </c>
      <c r="Z38973">
        <v>45</v>
      </c>
      <c r="AA38973">
        <v>46</v>
      </c>
      <c r="AB38973">
        <v>47</v>
      </c>
      <c r="AC38973">
        <v>47</v>
      </c>
      <c r="AD38973">
        <v>48</v>
      </c>
      <c r="AE38973">
        <v>49</v>
      </c>
      <c r="AF38973">
        <v>50</v>
      </c>
      <c r="AG38973">
        <v>51</v>
      </c>
      <c r="AH38973">
        <v>51</v>
      </c>
      <c r="AI38973">
        <v>52</v>
      </c>
      <c r="AJ38973">
        <v>53</v>
      </c>
      <c r="AK38973">
        <v>54</v>
      </c>
      <c r="AL38973">
        <v>54</v>
      </c>
      <c r="AM38973">
        <v>55</v>
      </c>
      <c r="AN38973">
        <v>55</v>
      </c>
      <c r="AO38973">
        <v>56</v>
      </c>
      <c r="AP38973">
        <v>56</v>
      </c>
      <c r="AQ38973">
        <v>56</v>
      </c>
    </row>
    <row r="38974" spans="1:43">
      <c r="A38974" t="s">
        <v>24181</v>
      </c>
      <c r="B38974" t="s">
        <v>24182</v>
      </c>
      <c r="C38974" t="s">
        <v>24165</v>
      </c>
      <c r="D38974" t="s">
        <v>24166</v>
      </c>
      <c r="E38974" t="s">
        <v>24147</v>
      </c>
      <c r="F38974" t="s">
        <v>24148</v>
      </c>
      <c r="G38974" t="s">
        <v>11612</v>
      </c>
      <c r="H38974" t="s">
        <v>11613</v>
      </c>
      <c r="I38974" s="2">
        <v>0</v>
      </c>
      <c r="J38974" s="2">
        <v>0</v>
      </c>
      <c r="K38974" s="2">
        <v>1</v>
      </c>
      <c r="L38974" t="s">
        <v>995</v>
      </c>
      <c r="M38974" t="s">
        <v>83</v>
      </c>
      <c r="N38974" t="s">
        <v>84</v>
      </c>
      <c r="O38974" t="s">
        <v>85</v>
      </c>
      <c r="P38974" t="s">
        <v>86</v>
      </c>
      <c r="Q38974">
        <v>10</v>
      </c>
      <c r="R38974">
        <v>10</v>
      </c>
      <c r="S38974">
        <v>10</v>
      </c>
      <c r="T38974">
        <v>10</v>
      </c>
      <c r="U38974">
        <v>11</v>
      </c>
      <c r="V38974">
        <v>11</v>
      </c>
      <c r="W38974">
        <v>11</v>
      </c>
      <c r="X38974">
        <v>11</v>
      </c>
      <c r="Y38974">
        <v>11</v>
      </c>
      <c r="Z38974">
        <v>12</v>
      </c>
      <c r="AA38974">
        <v>12</v>
      </c>
      <c r="AB38974">
        <v>12</v>
      </c>
      <c r="AC38974">
        <v>12</v>
      </c>
      <c r="AD38974">
        <v>12</v>
      </c>
      <c r="AE38974">
        <v>13</v>
      </c>
      <c r="AF38974">
        <v>13</v>
      </c>
      <c r="AG38974">
        <v>13</v>
      </c>
      <c r="AH38974">
        <v>13</v>
      </c>
      <c r="AI38974">
        <v>13</v>
      </c>
      <c r="AJ38974">
        <v>14</v>
      </c>
      <c r="AK38974">
        <v>14</v>
      </c>
      <c r="AL38974">
        <v>14</v>
      </c>
      <c r="AM38974">
        <v>14</v>
      </c>
      <c r="AN38974">
        <v>14</v>
      </c>
      <c r="AO38974">
        <v>14</v>
      </c>
      <c r="AP38974">
        <v>14</v>
      </c>
      <c r="AQ38974">
        <v>14</v>
      </c>
    </row>
    <row r="38975" spans="1:43">
      <c r="A38975" t="s">
        <v>24181</v>
      </c>
      <c r="B38975" t="s">
        <v>24182</v>
      </c>
      <c r="C38975" t="s">
        <v>24165</v>
      </c>
      <c r="D38975" t="s">
        <v>24166</v>
      </c>
      <c r="E38975" t="s">
        <v>24147</v>
      </c>
      <c r="F38975" t="s">
        <v>24148</v>
      </c>
      <c r="G38975" t="s">
        <v>11612</v>
      </c>
      <c r="H38975" t="s">
        <v>11613</v>
      </c>
      <c r="I38975" s="2">
        <v>0</v>
      </c>
      <c r="J38975" s="2">
        <v>0</v>
      </c>
      <c r="K38975" s="2">
        <v>1</v>
      </c>
      <c r="L38975" t="s">
        <v>995</v>
      </c>
      <c r="M38975" t="s">
        <v>87</v>
      </c>
      <c r="N38975" t="s">
        <v>88</v>
      </c>
      <c r="O38975" t="s">
        <v>85</v>
      </c>
      <c r="P38975" t="s">
        <v>86</v>
      </c>
      <c r="Q38975">
        <v>10</v>
      </c>
      <c r="R38975">
        <v>10</v>
      </c>
      <c r="S38975">
        <v>10</v>
      </c>
      <c r="T38975">
        <v>10</v>
      </c>
      <c r="U38975">
        <v>10</v>
      </c>
      <c r="V38975">
        <v>10</v>
      </c>
      <c r="W38975">
        <v>10</v>
      </c>
      <c r="X38975">
        <v>10</v>
      </c>
      <c r="Y38975">
        <v>11</v>
      </c>
      <c r="Z38975">
        <v>11</v>
      </c>
      <c r="AA38975">
        <v>11</v>
      </c>
      <c r="AB38975">
        <v>11</v>
      </c>
      <c r="AC38975">
        <v>11</v>
      </c>
      <c r="AD38975">
        <v>11</v>
      </c>
      <c r="AE38975">
        <v>11</v>
      </c>
      <c r="AF38975">
        <v>11</v>
      </c>
      <c r="AG38975">
        <v>11</v>
      </c>
      <c r="AH38975">
        <v>11</v>
      </c>
      <c r="AI38975">
        <v>12</v>
      </c>
      <c r="AJ38975">
        <v>12</v>
      </c>
      <c r="AK38975">
        <v>12</v>
      </c>
      <c r="AL38975">
        <v>12</v>
      </c>
      <c r="AM38975">
        <v>12</v>
      </c>
      <c r="AN38975">
        <v>12</v>
      </c>
      <c r="AO38975">
        <v>12</v>
      </c>
      <c r="AP38975">
        <v>12</v>
      </c>
      <c r="AQ38975">
        <v>13</v>
      </c>
    </row>
    <row r="38976" spans="1:43">
      <c r="A38976" t="s">
        <v>24181</v>
      </c>
      <c r="B38976" t="s">
        <v>24182</v>
      </c>
      <c r="C38976" t="s">
        <v>24165</v>
      </c>
      <c r="D38976" t="s">
        <v>24166</v>
      </c>
      <c r="E38976" t="s">
        <v>24147</v>
      </c>
      <c r="F38976" t="s">
        <v>24148</v>
      </c>
      <c r="G38976" t="s">
        <v>11612</v>
      </c>
      <c r="H38976" t="s">
        <v>11613</v>
      </c>
      <c r="I38976" s="2">
        <v>0</v>
      </c>
      <c r="J38976" s="2">
        <v>0</v>
      </c>
      <c r="K38976" s="2">
        <v>1</v>
      </c>
      <c r="L38976" t="s">
        <v>995</v>
      </c>
      <c r="M38976" t="s">
        <v>89</v>
      </c>
      <c r="N38976" t="s">
        <v>90</v>
      </c>
      <c r="O38976" t="s">
        <v>85</v>
      </c>
      <c r="P38976" t="s">
        <v>86</v>
      </c>
      <c r="Q38976">
        <v>10</v>
      </c>
      <c r="R38976">
        <v>10</v>
      </c>
      <c r="S38976">
        <v>11</v>
      </c>
      <c r="T38976">
        <v>11</v>
      </c>
      <c r="U38976">
        <v>11</v>
      </c>
      <c r="V38976">
        <v>11</v>
      </c>
      <c r="W38976">
        <v>12</v>
      </c>
      <c r="X38976">
        <v>12</v>
      </c>
      <c r="Y38976">
        <v>12</v>
      </c>
      <c r="Z38976">
        <v>12</v>
      </c>
      <c r="AA38976">
        <v>13</v>
      </c>
      <c r="AB38976">
        <v>13</v>
      </c>
      <c r="AC38976">
        <v>13</v>
      </c>
      <c r="AD38976">
        <v>13</v>
      </c>
      <c r="AE38976">
        <v>13</v>
      </c>
      <c r="AF38976">
        <v>14</v>
      </c>
      <c r="AG38976">
        <v>14</v>
      </c>
      <c r="AH38976">
        <v>14</v>
      </c>
      <c r="AI38976">
        <v>14</v>
      </c>
      <c r="AJ38976">
        <v>14</v>
      </c>
      <c r="AK38976">
        <v>14</v>
      </c>
      <c r="AL38976">
        <v>14</v>
      </c>
      <c r="AM38976">
        <v>14</v>
      </c>
      <c r="AN38976">
        <v>14</v>
      </c>
      <c r="AO38976">
        <v>14</v>
      </c>
      <c r="AP38976">
        <v>15</v>
      </c>
      <c r="AQ38976">
        <v>15</v>
      </c>
    </row>
    <row r="38977" spans="1:43">
      <c r="A38977" t="s">
        <v>24181</v>
      </c>
      <c r="B38977" t="s">
        <v>24182</v>
      </c>
      <c r="C38977" t="s">
        <v>24165</v>
      </c>
      <c r="D38977" t="s">
        <v>24166</v>
      </c>
      <c r="E38977" t="s">
        <v>24147</v>
      </c>
      <c r="F38977" t="s">
        <v>24148</v>
      </c>
      <c r="G38977" t="s">
        <v>11612</v>
      </c>
      <c r="H38977" t="s">
        <v>11613</v>
      </c>
      <c r="I38977" s="2">
        <v>0</v>
      </c>
      <c r="J38977" s="2">
        <v>0</v>
      </c>
      <c r="K38977" s="2">
        <v>1</v>
      </c>
      <c r="L38977" t="s">
        <v>995</v>
      </c>
      <c r="M38977" t="s">
        <v>83</v>
      </c>
      <c r="N38977" t="s">
        <v>91</v>
      </c>
      <c r="O38977" t="s">
        <v>85</v>
      </c>
      <c r="P38977" t="s">
        <v>86</v>
      </c>
      <c r="Q38977">
        <v>10</v>
      </c>
      <c r="R38977">
        <v>10</v>
      </c>
      <c r="S38977">
        <v>10</v>
      </c>
      <c r="T38977">
        <v>10</v>
      </c>
      <c r="U38977">
        <v>11</v>
      </c>
      <c r="V38977">
        <v>11</v>
      </c>
      <c r="W38977">
        <v>11</v>
      </c>
      <c r="X38977">
        <v>11</v>
      </c>
      <c r="Y38977">
        <v>11</v>
      </c>
      <c r="Z38977">
        <v>12</v>
      </c>
      <c r="AA38977">
        <v>12</v>
      </c>
      <c r="AB38977">
        <v>12</v>
      </c>
      <c r="AC38977">
        <v>12</v>
      </c>
      <c r="AD38977">
        <v>12</v>
      </c>
      <c r="AE38977">
        <v>13</v>
      </c>
      <c r="AF38977">
        <v>13</v>
      </c>
      <c r="AG38977">
        <v>13</v>
      </c>
      <c r="AH38977">
        <v>13</v>
      </c>
      <c r="AI38977">
        <v>13</v>
      </c>
      <c r="AJ38977">
        <v>14</v>
      </c>
      <c r="AK38977">
        <v>14</v>
      </c>
      <c r="AL38977">
        <v>14</v>
      </c>
      <c r="AM38977">
        <v>14</v>
      </c>
      <c r="AN38977">
        <v>14</v>
      </c>
      <c r="AO38977">
        <v>14</v>
      </c>
      <c r="AP38977">
        <v>14</v>
      </c>
      <c r="AQ38977">
        <v>14</v>
      </c>
    </row>
    <row r="38978" spans="1:43">
      <c r="A38978" t="s">
        <v>24183</v>
      </c>
      <c r="B38978" t="s">
        <v>24184</v>
      </c>
      <c r="C38978" t="s">
        <v>24169</v>
      </c>
      <c r="D38978" t="s">
        <v>24170</v>
      </c>
      <c r="E38978" t="s">
        <v>24147</v>
      </c>
      <c r="F38978" t="s">
        <v>24148</v>
      </c>
      <c r="G38978" t="s">
        <v>11612</v>
      </c>
      <c r="H38978" t="s">
        <v>11613</v>
      </c>
      <c r="I38978" s="2">
        <v>0</v>
      </c>
      <c r="J38978" s="2">
        <v>0</v>
      </c>
      <c r="K38978" s="2">
        <v>1</v>
      </c>
      <c r="L38978" t="s">
        <v>995</v>
      </c>
      <c r="M38978" t="s">
        <v>83</v>
      </c>
      <c r="N38978" t="s">
        <v>84</v>
      </c>
      <c r="O38978" t="s">
        <v>85</v>
      </c>
      <c r="P38978" t="s">
        <v>86</v>
      </c>
      <c r="Q38978">
        <v>38</v>
      </c>
      <c r="R38978">
        <v>38</v>
      </c>
      <c r="S38978">
        <v>39</v>
      </c>
      <c r="T38978">
        <v>40</v>
      </c>
      <c r="U38978">
        <v>40</v>
      </c>
      <c r="V38978">
        <v>41</v>
      </c>
      <c r="W38978">
        <v>42</v>
      </c>
      <c r="X38978">
        <v>42</v>
      </c>
      <c r="Y38978">
        <v>43</v>
      </c>
      <c r="Z38978">
        <v>44</v>
      </c>
      <c r="AA38978">
        <v>45</v>
      </c>
      <c r="AB38978">
        <v>45</v>
      </c>
      <c r="AC38978">
        <v>46</v>
      </c>
      <c r="AD38978">
        <v>47</v>
      </c>
      <c r="AE38978">
        <v>47</v>
      </c>
      <c r="AF38978">
        <v>48</v>
      </c>
      <c r="AG38978">
        <v>49</v>
      </c>
      <c r="AH38978">
        <v>50</v>
      </c>
      <c r="AI38978">
        <v>50</v>
      </c>
      <c r="AJ38978">
        <v>51</v>
      </c>
      <c r="AK38978">
        <v>52</v>
      </c>
      <c r="AL38978">
        <v>52</v>
      </c>
      <c r="AM38978">
        <v>53</v>
      </c>
      <c r="AN38978">
        <v>53</v>
      </c>
      <c r="AO38978">
        <v>53</v>
      </c>
      <c r="AP38978">
        <v>54</v>
      </c>
      <c r="AQ38978">
        <v>54</v>
      </c>
    </row>
    <row r="38979" spans="1:43">
      <c r="A38979" t="s">
        <v>24183</v>
      </c>
      <c r="B38979" t="s">
        <v>24184</v>
      </c>
      <c r="C38979" t="s">
        <v>24169</v>
      </c>
      <c r="D38979" t="s">
        <v>24170</v>
      </c>
      <c r="E38979" t="s">
        <v>24147</v>
      </c>
      <c r="F38979" t="s">
        <v>24148</v>
      </c>
      <c r="G38979" t="s">
        <v>11612</v>
      </c>
      <c r="H38979" t="s">
        <v>11613</v>
      </c>
      <c r="I38979" s="2">
        <v>0</v>
      </c>
      <c r="J38979" s="2">
        <v>0</v>
      </c>
      <c r="K38979" s="2">
        <v>1</v>
      </c>
      <c r="L38979" t="s">
        <v>995</v>
      </c>
      <c r="M38979" t="s">
        <v>87</v>
      </c>
      <c r="N38979" t="s">
        <v>88</v>
      </c>
      <c r="O38979" t="s">
        <v>85</v>
      </c>
      <c r="P38979" t="s">
        <v>86</v>
      </c>
      <c r="Q38979">
        <v>38</v>
      </c>
      <c r="R38979">
        <v>39</v>
      </c>
      <c r="S38979">
        <v>39</v>
      </c>
      <c r="T38979">
        <v>39</v>
      </c>
      <c r="U38979">
        <v>40</v>
      </c>
      <c r="V38979">
        <v>40</v>
      </c>
      <c r="W38979">
        <v>40</v>
      </c>
      <c r="X38979">
        <v>41</v>
      </c>
      <c r="Y38979">
        <v>41</v>
      </c>
      <c r="Z38979">
        <v>41</v>
      </c>
      <c r="AA38979">
        <v>42</v>
      </c>
      <c r="AB38979">
        <v>42</v>
      </c>
      <c r="AC38979">
        <v>42</v>
      </c>
      <c r="AD38979">
        <v>43</v>
      </c>
      <c r="AE38979">
        <v>43</v>
      </c>
      <c r="AF38979">
        <v>43</v>
      </c>
      <c r="AG38979">
        <v>44</v>
      </c>
      <c r="AH38979">
        <v>44</v>
      </c>
      <c r="AI38979">
        <v>44</v>
      </c>
      <c r="AJ38979">
        <v>45</v>
      </c>
      <c r="AK38979">
        <v>45</v>
      </c>
      <c r="AL38979">
        <v>46</v>
      </c>
      <c r="AM38979">
        <v>46</v>
      </c>
      <c r="AN38979">
        <v>46</v>
      </c>
      <c r="AO38979">
        <v>47</v>
      </c>
      <c r="AP38979">
        <v>47</v>
      </c>
      <c r="AQ38979">
        <v>48</v>
      </c>
    </row>
    <row r="38980" spans="1:43">
      <c r="A38980" t="s">
        <v>24183</v>
      </c>
      <c r="B38980" t="s">
        <v>24184</v>
      </c>
      <c r="C38980" t="s">
        <v>24169</v>
      </c>
      <c r="D38980" t="s">
        <v>24170</v>
      </c>
      <c r="E38980" t="s">
        <v>24147</v>
      </c>
      <c r="F38980" t="s">
        <v>24148</v>
      </c>
      <c r="G38980" t="s">
        <v>11612</v>
      </c>
      <c r="H38980" t="s">
        <v>11613</v>
      </c>
      <c r="I38980" s="2">
        <v>0</v>
      </c>
      <c r="J38980" s="2">
        <v>0</v>
      </c>
      <c r="K38980" s="2">
        <v>1</v>
      </c>
      <c r="L38980" t="s">
        <v>995</v>
      </c>
      <c r="M38980" t="s">
        <v>89</v>
      </c>
      <c r="N38980" t="s">
        <v>90</v>
      </c>
      <c r="O38980" t="s">
        <v>85</v>
      </c>
      <c r="P38980" t="s">
        <v>86</v>
      </c>
      <c r="Q38980">
        <v>38</v>
      </c>
      <c r="R38980">
        <v>39</v>
      </c>
      <c r="S38980">
        <v>40</v>
      </c>
      <c r="T38980">
        <v>41</v>
      </c>
      <c r="U38980">
        <v>42</v>
      </c>
      <c r="V38980">
        <v>43</v>
      </c>
      <c r="W38980">
        <v>44</v>
      </c>
      <c r="X38980">
        <v>45</v>
      </c>
      <c r="Y38980">
        <v>46</v>
      </c>
      <c r="Z38980">
        <v>47</v>
      </c>
      <c r="AA38980">
        <v>47</v>
      </c>
      <c r="AB38980">
        <v>48</v>
      </c>
      <c r="AC38980">
        <v>49</v>
      </c>
      <c r="AD38980">
        <v>50</v>
      </c>
      <c r="AE38980">
        <v>51</v>
      </c>
      <c r="AF38980">
        <v>51</v>
      </c>
      <c r="AG38980">
        <v>51</v>
      </c>
      <c r="AH38980">
        <v>52</v>
      </c>
      <c r="AI38980">
        <v>52</v>
      </c>
      <c r="AJ38980">
        <v>52</v>
      </c>
      <c r="AK38980">
        <v>53</v>
      </c>
      <c r="AL38980">
        <v>53</v>
      </c>
      <c r="AM38980">
        <v>53</v>
      </c>
      <c r="AN38980">
        <v>54</v>
      </c>
      <c r="AO38980">
        <v>54</v>
      </c>
      <c r="AP38980">
        <v>54</v>
      </c>
      <c r="AQ38980">
        <v>55</v>
      </c>
    </row>
    <row r="38981" spans="1:43">
      <c r="A38981" t="s">
        <v>24183</v>
      </c>
      <c r="B38981" t="s">
        <v>24184</v>
      </c>
      <c r="C38981" t="s">
        <v>24169</v>
      </c>
      <c r="D38981" t="s">
        <v>24170</v>
      </c>
      <c r="E38981" t="s">
        <v>24147</v>
      </c>
      <c r="F38981" t="s">
        <v>24148</v>
      </c>
      <c r="G38981" t="s">
        <v>11612</v>
      </c>
      <c r="H38981" t="s">
        <v>11613</v>
      </c>
      <c r="I38981" s="2">
        <v>0</v>
      </c>
      <c r="J38981" s="2">
        <v>0</v>
      </c>
      <c r="K38981" s="2">
        <v>1</v>
      </c>
      <c r="L38981" t="s">
        <v>995</v>
      </c>
      <c r="M38981" t="s">
        <v>83</v>
      </c>
      <c r="N38981" t="s">
        <v>91</v>
      </c>
      <c r="O38981" t="s">
        <v>85</v>
      </c>
      <c r="P38981" t="s">
        <v>86</v>
      </c>
      <c r="Q38981">
        <v>38</v>
      </c>
      <c r="R38981">
        <v>38</v>
      </c>
      <c r="S38981">
        <v>39</v>
      </c>
      <c r="T38981">
        <v>40</v>
      </c>
      <c r="U38981">
        <v>40</v>
      </c>
      <c r="V38981">
        <v>41</v>
      </c>
      <c r="W38981">
        <v>42</v>
      </c>
      <c r="X38981">
        <v>42</v>
      </c>
      <c r="Y38981">
        <v>43</v>
      </c>
      <c r="Z38981">
        <v>44</v>
      </c>
      <c r="AA38981">
        <v>45</v>
      </c>
      <c r="AB38981">
        <v>45</v>
      </c>
      <c r="AC38981">
        <v>46</v>
      </c>
      <c r="AD38981">
        <v>47</v>
      </c>
      <c r="AE38981">
        <v>47</v>
      </c>
      <c r="AF38981">
        <v>48</v>
      </c>
      <c r="AG38981">
        <v>49</v>
      </c>
      <c r="AH38981">
        <v>50</v>
      </c>
      <c r="AI38981">
        <v>50</v>
      </c>
      <c r="AJ38981">
        <v>51</v>
      </c>
      <c r="AK38981">
        <v>52</v>
      </c>
      <c r="AL38981">
        <v>52</v>
      </c>
      <c r="AM38981">
        <v>53</v>
      </c>
      <c r="AN38981">
        <v>53</v>
      </c>
      <c r="AO38981">
        <v>53</v>
      </c>
      <c r="AP38981">
        <v>54</v>
      </c>
      <c r="AQ38981">
        <v>54</v>
      </c>
    </row>
    <row r="38982" spans="1:43">
      <c r="A38982" t="s">
        <v>24185</v>
      </c>
      <c r="B38982" t="s">
        <v>24186</v>
      </c>
      <c r="C38982" t="s">
        <v>24169</v>
      </c>
      <c r="D38982" t="s">
        <v>24170</v>
      </c>
      <c r="E38982" t="s">
        <v>24147</v>
      </c>
      <c r="F38982" t="s">
        <v>24148</v>
      </c>
      <c r="G38982" t="s">
        <v>11612</v>
      </c>
      <c r="H38982" t="s">
        <v>11613</v>
      </c>
      <c r="I38982" s="2">
        <v>0</v>
      </c>
      <c r="J38982" s="2">
        <v>0</v>
      </c>
      <c r="K38982" s="2">
        <v>1</v>
      </c>
      <c r="L38982" t="s">
        <v>995</v>
      </c>
      <c r="M38982" t="s">
        <v>83</v>
      </c>
      <c r="N38982" t="s">
        <v>84</v>
      </c>
      <c r="O38982" t="s">
        <v>85</v>
      </c>
      <c r="P38982" t="s">
        <v>86</v>
      </c>
      <c r="Q38982">
        <v>28</v>
      </c>
      <c r="R38982">
        <v>28</v>
      </c>
      <c r="S38982">
        <v>29</v>
      </c>
      <c r="T38982">
        <v>29</v>
      </c>
      <c r="U38982">
        <v>30</v>
      </c>
      <c r="V38982">
        <v>30</v>
      </c>
      <c r="W38982">
        <v>30</v>
      </c>
      <c r="X38982">
        <v>31</v>
      </c>
      <c r="Y38982">
        <v>31</v>
      </c>
      <c r="Z38982">
        <v>32</v>
      </c>
      <c r="AA38982">
        <v>32</v>
      </c>
      <c r="AB38982">
        <v>32</v>
      </c>
      <c r="AC38982">
        <v>33</v>
      </c>
      <c r="AD38982">
        <v>33</v>
      </c>
      <c r="AE38982">
        <v>34</v>
      </c>
      <c r="AF38982">
        <v>34</v>
      </c>
      <c r="AG38982">
        <v>34</v>
      </c>
      <c r="AH38982">
        <v>35</v>
      </c>
      <c r="AI38982">
        <v>35</v>
      </c>
      <c r="AJ38982">
        <v>36</v>
      </c>
      <c r="AK38982">
        <v>36</v>
      </c>
      <c r="AL38982">
        <v>36</v>
      </c>
      <c r="AM38982">
        <v>36</v>
      </c>
      <c r="AN38982">
        <v>36</v>
      </c>
      <c r="AO38982">
        <v>37</v>
      </c>
      <c r="AP38982">
        <v>37</v>
      </c>
      <c r="AQ38982">
        <v>37</v>
      </c>
    </row>
    <row r="38983" spans="1:43">
      <c r="A38983" t="s">
        <v>24185</v>
      </c>
      <c r="B38983" t="s">
        <v>24186</v>
      </c>
      <c r="C38983" t="s">
        <v>24169</v>
      </c>
      <c r="D38983" t="s">
        <v>24170</v>
      </c>
      <c r="E38983" t="s">
        <v>24147</v>
      </c>
      <c r="F38983" t="s">
        <v>24148</v>
      </c>
      <c r="G38983" t="s">
        <v>11612</v>
      </c>
      <c r="H38983" t="s">
        <v>11613</v>
      </c>
      <c r="I38983" s="2">
        <v>0</v>
      </c>
      <c r="J38983" s="2">
        <v>0</v>
      </c>
      <c r="K38983" s="2">
        <v>1</v>
      </c>
      <c r="L38983" t="s">
        <v>995</v>
      </c>
      <c r="M38983" t="s">
        <v>87</v>
      </c>
      <c r="N38983" t="s">
        <v>88</v>
      </c>
      <c r="O38983" t="s">
        <v>85</v>
      </c>
      <c r="P38983" t="s">
        <v>86</v>
      </c>
      <c r="Q38983">
        <v>28</v>
      </c>
      <c r="R38983">
        <v>28</v>
      </c>
      <c r="S38983">
        <v>28</v>
      </c>
      <c r="T38983">
        <v>28</v>
      </c>
      <c r="U38983">
        <v>28</v>
      </c>
      <c r="V38983">
        <v>28</v>
      </c>
      <c r="W38983">
        <v>29</v>
      </c>
      <c r="X38983">
        <v>29</v>
      </c>
      <c r="Y38983">
        <v>29</v>
      </c>
      <c r="Z38983">
        <v>29</v>
      </c>
      <c r="AA38983">
        <v>29</v>
      </c>
      <c r="AB38983">
        <v>29</v>
      </c>
      <c r="AC38983">
        <v>29</v>
      </c>
      <c r="AD38983">
        <v>30</v>
      </c>
      <c r="AE38983">
        <v>30</v>
      </c>
      <c r="AF38983">
        <v>30</v>
      </c>
      <c r="AG38983">
        <v>30</v>
      </c>
      <c r="AH38983">
        <v>30</v>
      </c>
      <c r="AI38983">
        <v>30</v>
      </c>
      <c r="AJ38983">
        <v>31</v>
      </c>
      <c r="AK38983">
        <v>31</v>
      </c>
      <c r="AL38983">
        <v>31</v>
      </c>
      <c r="AM38983">
        <v>31</v>
      </c>
      <c r="AN38983">
        <v>31</v>
      </c>
      <c r="AO38983">
        <v>31</v>
      </c>
      <c r="AP38983">
        <v>32</v>
      </c>
      <c r="AQ38983">
        <v>32</v>
      </c>
    </row>
    <row r="38984" spans="1:43">
      <c r="A38984" t="s">
        <v>24185</v>
      </c>
      <c r="B38984" t="s">
        <v>24186</v>
      </c>
      <c r="C38984" t="s">
        <v>24169</v>
      </c>
      <c r="D38984" t="s">
        <v>24170</v>
      </c>
      <c r="E38984" t="s">
        <v>24147</v>
      </c>
      <c r="F38984" t="s">
        <v>24148</v>
      </c>
      <c r="G38984" t="s">
        <v>11612</v>
      </c>
      <c r="H38984" t="s">
        <v>11613</v>
      </c>
      <c r="I38984" s="2">
        <v>0</v>
      </c>
      <c r="J38984" s="2">
        <v>0</v>
      </c>
      <c r="K38984" s="2">
        <v>1</v>
      </c>
      <c r="L38984" t="s">
        <v>995</v>
      </c>
      <c r="M38984" t="s">
        <v>89</v>
      </c>
      <c r="N38984" t="s">
        <v>90</v>
      </c>
      <c r="O38984" t="s">
        <v>85</v>
      </c>
      <c r="P38984" t="s">
        <v>86</v>
      </c>
      <c r="Q38984">
        <v>28</v>
      </c>
      <c r="R38984">
        <v>29</v>
      </c>
      <c r="S38984">
        <v>29</v>
      </c>
      <c r="T38984">
        <v>30</v>
      </c>
      <c r="U38984">
        <v>31</v>
      </c>
      <c r="V38984">
        <v>31</v>
      </c>
      <c r="W38984">
        <v>32</v>
      </c>
      <c r="X38984">
        <v>33</v>
      </c>
      <c r="Y38984">
        <v>33</v>
      </c>
      <c r="Z38984">
        <v>34</v>
      </c>
      <c r="AA38984">
        <v>34</v>
      </c>
      <c r="AB38984">
        <v>35</v>
      </c>
      <c r="AC38984">
        <v>35</v>
      </c>
      <c r="AD38984">
        <v>36</v>
      </c>
      <c r="AE38984">
        <v>36</v>
      </c>
      <c r="AF38984">
        <v>36</v>
      </c>
      <c r="AG38984">
        <v>36</v>
      </c>
      <c r="AH38984">
        <v>36</v>
      </c>
      <c r="AI38984">
        <v>36</v>
      </c>
      <c r="AJ38984">
        <v>37</v>
      </c>
      <c r="AK38984">
        <v>37</v>
      </c>
      <c r="AL38984">
        <v>37</v>
      </c>
      <c r="AM38984">
        <v>37</v>
      </c>
      <c r="AN38984">
        <v>37</v>
      </c>
      <c r="AO38984">
        <v>37</v>
      </c>
      <c r="AP38984">
        <v>37</v>
      </c>
      <c r="AQ38984">
        <v>37</v>
      </c>
    </row>
    <row r="38985" spans="1:43">
      <c r="A38985" t="s">
        <v>24185</v>
      </c>
      <c r="B38985" t="s">
        <v>24186</v>
      </c>
      <c r="C38985" t="s">
        <v>24169</v>
      </c>
      <c r="D38985" t="s">
        <v>24170</v>
      </c>
      <c r="E38985" t="s">
        <v>24147</v>
      </c>
      <c r="F38985" t="s">
        <v>24148</v>
      </c>
      <c r="G38985" t="s">
        <v>11612</v>
      </c>
      <c r="H38985" t="s">
        <v>11613</v>
      </c>
      <c r="I38985" s="2">
        <v>0</v>
      </c>
      <c r="J38985" s="2">
        <v>0</v>
      </c>
      <c r="K38985" s="2">
        <v>1</v>
      </c>
      <c r="L38985" t="s">
        <v>995</v>
      </c>
      <c r="M38985" t="s">
        <v>83</v>
      </c>
      <c r="N38985" t="s">
        <v>91</v>
      </c>
      <c r="O38985" t="s">
        <v>85</v>
      </c>
      <c r="P38985" t="s">
        <v>86</v>
      </c>
      <c r="Q38985">
        <v>28</v>
      </c>
      <c r="R38985">
        <v>28</v>
      </c>
      <c r="S38985">
        <v>29</v>
      </c>
      <c r="T38985">
        <v>29</v>
      </c>
      <c r="U38985">
        <v>30</v>
      </c>
      <c r="V38985">
        <v>30</v>
      </c>
      <c r="W38985">
        <v>30</v>
      </c>
      <c r="X38985">
        <v>31</v>
      </c>
      <c r="Y38985">
        <v>31</v>
      </c>
      <c r="Z38985">
        <v>32</v>
      </c>
      <c r="AA38985">
        <v>32</v>
      </c>
      <c r="AB38985">
        <v>32</v>
      </c>
      <c r="AC38985">
        <v>33</v>
      </c>
      <c r="AD38985">
        <v>33</v>
      </c>
      <c r="AE38985">
        <v>34</v>
      </c>
      <c r="AF38985">
        <v>34</v>
      </c>
      <c r="AG38985">
        <v>34</v>
      </c>
      <c r="AH38985">
        <v>35</v>
      </c>
      <c r="AI38985">
        <v>35</v>
      </c>
      <c r="AJ38985">
        <v>36</v>
      </c>
      <c r="AK38985">
        <v>36</v>
      </c>
      <c r="AL38985">
        <v>36</v>
      </c>
      <c r="AM38985">
        <v>36</v>
      </c>
      <c r="AN38985">
        <v>36</v>
      </c>
      <c r="AO38985">
        <v>37</v>
      </c>
      <c r="AP38985">
        <v>37</v>
      </c>
      <c r="AQ38985">
        <v>37</v>
      </c>
    </row>
    <row r="38986" spans="1:43">
      <c r="A38986" t="s">
        <v>24187</v>
      </c>
      <c r="B38986" t="s">
        <v>24188</v>
      </c>
      <c r="C38986" t="s">
        <v>24179</v>
      </c>
      <c r="D38986" t="s">
        <v>24180</v>
      </c>
      <c r="E38986" t="s">
        <v>24147</v>
      </c>
      <c r="F38986" t="s">
        <v>24148</v>
      </c>
      <c r="G38986" t="s">
        <v>11612</v>
      </c>
      <c r="H38986" t="s">
        <v>11613</v>
      </c>
      <c r="I38986" s="2">
        <v>0</v>
      </c>
      <c r="J38986" s="2">
        <v>0</v>
      </c>
      <c r="K38986" s="2">
        <v>1</v>
      </c>
      <c r="L38986" t="s">
        <v>995</v>
      </c>
      <c r="M38986" t="s">
        <v>83</v>
      </c>
      <c r="N38986" t="s">
        <v>84</v>
      </c>
      <c r="O38986" t="s">
        <v>85</v>
      </c>
      <c r="P38986" t="s">
        <v>86</v>
      </c>
      <c r="Q38986">
        <v>83</v>
      </c>
      <c r="R38986">
        <v>85</v>
      </c>
      <c r="S38986">
        <v>86</v>
      </c>
      <c r="T38986">
        <v>88</v>
      </c>
      <c r="U38986">
        <v>89</v>
      </c>
      <c r="V38986">
        <v>91</v>
      </c>
      <c r="W38986">
        <v>92</v>
      </c>
      <c r="X38986">
        <v>94</v>
      </c>
      <c r="Y38986">
        <v>96</v>
      </c>
      <c r="Z38986">
        <v>97</v>
      </c>
      <c r="AA38986">
        <v>99</v>
      </c>
      <c r="AB38986">
        <v>101</v>
      </c>
      <c r="AC38986">
        <v>102</v>
      </c>
      <c r="AD38986">
        <v>104</v>
      </c>
      <c r="AE38986">
        <v>106</v>
      </c>
      <c r="AF38986">
        <v>107</v>
      </c>
      <c r="AG38986">
        <v>109</v>
      </c>
      <c r="AH38986">
        <v>111</v>
      </c>
      <c r="AI38986">
        <v>112</v>
      </c>
      <c r="AJ38986">
        <v>114</v>
      </c>
      <c r="AK38986">
        <v>116</v>
      </c>
      <c r="AL38986">
        <v>117</v>
      </c>
      <c r="AM38986">
        <v>118</v>
      </c>
      <c r="AN38986">
        <v>119</v>
      </c>
      <c r="AO38986">
        <v>120</v>
      </c>
      <c r="AP38986">
        <v>121</v>
      </c>
      <c r="AQ38986">
        <v>122</v>
      </c>
    </row>
    <row r="38987" spans="1:43">
      <c r="A38987" t="s">
        <v>24187</v>
      </c>
      <c r="B38987" t="s">
        <v>24188</v>
      </c>
      <c r="C38987" t="s">
        <v>24179</v>
      </c>
      <c r="D38987" t="s">
        <v>24180</v>
      </c>
      <c r="E38987" t="s">
        <v>24147</v>
      </c>
      <c r="F38987" t="s">
        <v>24148</v>
      </c>
      <c r="G38987" t="s">
        <v>11612</v>
      </c>
      <c r="H38987" t="s">
        <v>11613</v>
      </c>
      <c r="I38987" s="2">
        <v>0</v>
      </c>
      <c r="J38987" s="2">
        <v>0</v>
      </c>
      <c r="K38987" s="2">
        <v>1</v>
      </c>
      <c r="L38987" t="s">
        <v>995</v>
      </c>
      <c r="M38987" t="s">
        <v>87</v>
      </c>
      <c r="N38987" t="s">
        <v>88</v>
      </c>
      <c r="O38987" t="s">
        <v>85</v>
      </c>
      <c r="P38987" t="s">
        <v>86</v>
      </c>
      <c r="Q38987">
        <v>83</v>
      </c>
      <c r="R38987">
        <v>84</v>
      </c>
      <c r="S38987">
        <v>85</v>
      </c>
      <c r="T38987">
        <v>86</v>
      </c>
      <c r="U38987">
        <v>86</v>
      </c>
      <c r="V38987">
        <v>87</v>
      </c>
      <c r="W38987">
        <v>88</v>
      </c>
      <c r="X38987">
        <v>89</v>
      </c>
      <c r="Y38987">
        <v>90</v>
      </c>
      <c r="Z38987">
        <v>90</v>
      </c>
      <c r="AA38987">
        <v>91</v>
      </c>
      <c r="AB38987">
        <v>92</v>
      </c>
      <c r="AC38987">
        <v>93</v>
      </c>
      <c r="AD38987">
        <v>94</v>
      </c>
      <c r="AE38987">
        <v>95</v>
      </c>
      <c r="AF38987">
        <v>96</v>
      </c>
      <c r="AG38987">
        <v>97</v>
      </c>
      <c r="AH38987">
        <v>97</v>
      </c>
      <c r="AI38987">
        <v>98</v>
      </c>
      <c r="AJ38987">
        <v>99</v>
      </c>
      <c r="AK38987">
        <v>100</v>
      </c>
      <c r="AL38987">
        <v>101</v>
      </c>
      <c r="AM38987">
        <v>102</v>
      </c>
      <c r="AN38987">
        <v>103</v>
      </c>
      <c r="AO38987">
        <v>104</v>
      </c>
      <c r="AP38987">
        <v>105</v>
      </c>
      <c r="AQ38987">
        <v>107</v>
      </c>
    </row>
    <row r="38988" spans="1:43">
      <c r="A38988" t="s">
        <v>24187</v>
      </c>
      <c r="B38988" t="s">
        <v>24188</v>
      </c>
      <c r="C38988" t="s">
        <v>24179</v>
      </c>
      <c r="D38988" t="s">
        <v>24180</v>
      </c>
      <c r="E38988" t="s">
        <v>24147</v>
      </c>
      <c r="F38988" t="s">
        <v>24148</v>
      </c>
      <c r="G38988" t="s">
        <v>11612</v>
      </c>
      <c r="H38988" t="s">
        <v>11613</v>
      </c>
      <c r="I38988" s="2">
        <v>0</v>
      </c>
      <c r="J38988" s="2">
        <v>0</v>
      </c>
      <c r="K38988" s="2">
        <v>1</v>
      </c>
      <c r="L38988" t="s">
        <v>995</v>
      </c>
      <c r="M38988" t="s">
        <v>89</v>
      </c>
      <c r="N38988" t="s">
        <v>90</v>
      </c>
      <c r="O38988" t="s">
        <v>85</v>
      </c>
      <c r="P38988" t="s">
        <v>86</v>
      </c>
      <c r="Q38988">
        <v>83</v>
      </c>
      <c r="R38988">
        <v>85</v>
      </c>
      <c r="S38988">
        <v>87</v>
      </c>
      <c r="T38988">
        <v>90</v>
      </c>
      <c r="U38988">
        <v>92</v>
      </c>
      <c r="V38988">
        <v>94</v>
      </c>
      <c r="W38988">
        <v>96</v>
      </c>
      <c r="X38988">
        <v>98</v>
      </c>
      <c r="Y38988">
        <v>100</v>
      </c>
      <c r="Z38988">
        <v>102</v>
      </c>
      <c r="AA38988">
        <v>104</v>
      </c>
      <c r="AB38988">
        <v>106</v>
      </c>
      <c r="AC38988">
        <v>108</v>
      </c>
      <c r="AD38988">
        <v>110</v>
      </c>
      <c r="AE38988">
        <v>112</v>
      </c>
      <c r="AF38988">
        <v>113</v>
      </c>
      <c r="AG38988">
        <v>114</v>
      </c>
      <c r="AH38988">
        <v>114</v>
      </c>
      <c r="AI38988">
        <v>115</v>
      </c>
      <c r="AJ38988">
        <v>116</v>
      </c>
      <c r="AK38988">
        <v>117</v>
      </c>
      <c r="AL38988">
        <v>118</v>
      </c>
      <c r="AM38988">
        <v>119</v>
      </c>
      <c r="AN38988">
        <v>120</v>
      </c>
      <c r="AO38988">
        <v>121</v>
      </c>
      <c r="AP38988">
        <v>121</v>
      </c>
      <c r="AQ38988">
        <v>122</v>
      </c>
    </row>
    <row r="38989" spans="1:43">
      <c r="A38989" t="s">
        <v>24187</v>
      </c>
      <c r="B38989" t="s">
        <v>24188</v>
      </c>
      <c r="C38989" t="s">
        <v>24179</v>
      </c>
      <c r="D38989" t="s">
        <v>24180</v>
      </c>
      <c r="E38989" t="s">
        <v>24147</v>
      </c>
      <c r="F38989" t="s">
        <v>24148</v>
      </c>
      <c r="G38989" t="s">
        <v>11612</v>
      </c>
      <c r="H38989" t="s">
        <v>11613</v>
      </c>
      <c r="I38989" s="2">
        <v>0</v>
      </c>
      <c r="J38989" s="2">
        <v>0</v>
      </c>
      <c r="K38989" s="2">
        <v>1</v>
      </c>
      <c r="L38989" t="s">
        <v>995</v>
      </c>
      <c r="M38989" t="s">
        <v>83</v>
      </c>
      <c r="N38989" t="s">
        <v>91</v>
      </c>
      <c r="O38989" t="s">
        <v>85</v>
      </c>
      <c r="P38989" t="s">
        <v>86</v>
      </c>
      <c r="Q38989">
        <v>83</v>
      </c>
      <c r="R38989">
        <v>85</v>
      </c>
      <c r="S38989">
        <v>86</v>
      </c>
      <c r="T38989">
        <v>88</v>
      </c>
      <c r="U38989">
        <v>89</v>
      </c>
      <c r="V38989">
        <v>91</v>
      </c>
      <c r="W38989">
        <v>92</v>
      </c>
      <c r="X38989">
        <v>94</v>
      </c>
      <c r="Y38989">
        <v>96</v>
      </c>
      <c r="Z38989">
        <v>97</v>
      </c>
      <c r="AA38989">
        <v>99</v>
      </c>
      <c r="AB38989">
        <v>101</v>
      </c>
      <c r="AC38989">
        <v>102</v>
      </c>
      <c r="AD38989">
        <v>104</v>
      </c>
      <c r="AE38989">
        <v>106</v>
      </c>
      <c r="AF38989">
        <v>107</v>
      </c>
      <c r="AG38989">
        <v>109</v>
      </c>
      <c r="AH38989">
        <v>111</v>
      </c>
      <c r="AI38989">
        <v>112</v>
      </c>
      <c r="AJ38989">
        <v>114</v>
      </c>
      <c r="AK38989">
        <v>116</v>
      </c>
      <c r="AL38989">
        <v>117</v>
      </c>
      <c r="AM38989">
        <v>118</v>
      </c>
      <c r="AN38989">
        <v>119</v>
      </c>
      <c r="AO38989">
        <v>120</v>
      </c>
      <c r="AP38989">
        <v>121</v>
      </c>
      <c r="AQ38989">
        <v>122</v>
      </c>
    </row>
    <row r="38990" spans="1:43">
      <c r="A38990" t="s">
        <v>24189</v>
      </c>
      <c r="B38990" t="s">
        <v>24190</v>
      </c>
      <c r="C38990" t="s">
        <v>24179</v>
      </c>
      <c r="D38990" t="s">
        <v>24180</v>
      </c>
      <c r="E38990" t="s">
        <v>24147</v>
      </c>
      <c r="F38990" t="s">
        <v>24148</v>
      </c>
      <c r="G38990" t="s">
        <v>11612</v>
      </c>
      <c r="H38990" t="s">
        <v>11613</v>
      </c>
      <c r="I38990" s="2">
        <v>0</v>
      </c>
      <c r="J38990" s="2">
        <v>0</v>
      </c>
      <c r="K38990" s="2">
        <v>1</v>
      </c>
      <c r="L38990" t="s">
        <v>995</v>
      </c>
      <c r="M38990" t="s">
        <v>83</v>
      </c>
      <c r="N38990" t="s">
        <v>84</v>
      </c>
      <c r="O38990" t="s">
        <v>85</v>
      </c>
      <c r="P38990" t="s">
        <v>86</v>
      </c>
      <c r="Q38990">
        <v>55</v>
      </c>
      <c r="R38990">
        <v>56</v>
      </c>
      <c r="S38990">
        <v>57</v>
      </c>
      <c r="T38990">
        <v>58</v>
      </c>
      <c r="U38990">
        <v>59</v>
      </c>
      <c r="V38990">
        <v>60</v>
      </c>
      <c r="W38990">
        <v>61</v>
      </c>
      <c r="X38990">
        <v>62</v>
      </c>
      <c r="Y38990">
        <v>63</v>
      </c>
      <c r="Z38990">
        <v>64</v>
      </c>
      <c r="AA38990">
        <v>65</v>
      </c>
      <c r="AB38990">
        <v>66</v>
      </c>
      <c r="AC38990">
        <v>67</v>
      </c>
      <c r="AD38990">
        <v>68</v>
      </c>
      <c r="AE38990">
        <v>69</v>
      </c>
      <c r="AF38990">
        <v>70</v>
      </c>
      <c r="AG38990">
        <v>72</v>
      </c>
      <c r="AH38990">
        <v>73</v>
      </c>
      <c r="AI38990">
        <v>74</v>
      </c>
      <c r="AJ38990">
        <v>75</v>
      </c>
      <c r="AK38990">
        <v>76</v>
      </c>
      <c r="AL38990">
        <v>77</v>
      </c>
      <c r="AM38990">
        <v>77</v>
      </c>
      <c r="AN38990">
        <v>78</v>
      </c>
      <c r="AO38990">
        <v>78</v>
      </c>
      <c r="AP38990">
        <v>79</v>
      </c>
      <c r="AQ38990">
        <v>80</v>
      </c>
    </row>
    <row r="38991" spans="1:43">
      <c r="A38991" t="s">
        <v>24189</v>
      </c>
      <c r="B38991" t="s">
        <v>24190</v>
      </c>
      <c r="C38991" t="s">
        <v>24179</v>
      </c>
      <c r="D38991" t="s">
        <v>24180</v>
      </c>
      <c r="E38991" t="s">
        <v>24147</v>
      </c>
      <c r="F38991" t="s">
        <v>24148</v>
      </c>
      <c r="G38991" t="s">
        <v>11612</v>
      </c>
      <c r="H38991" t="s">
        <v>11613</v>
      </c>
      <c r="I38991" s="2">
        <v>0</v>
      </c>
      <c r="J38991" s="2">
        <v>0</v>
      </c>
      <c r="K38991" s="2">
        <v>1</v>
      </c>
      <c r="L38991" t="s">
        <v>995</v>
      </c>
      <c r="M38991" t="s">
        <v>87</v>
      </c>
      <c r="N38991" t="s">
        <v>88</v>
      </c>
      <c r="O38991" t="s">
        <v>85</v>
      </c>
      <c r="P38991" t="s">
        <v>86</v>
      </c>
      <c r="Q38991">
        <v>55</v>
      </c>
      <c r="R38991">
        <v>56</v>
      </c>
      <c r="S38991">
        <v>56</v>
      </c>
      <c r="T38991">
        <v>57</v>
      </c>
      <c r="U38991">
        <v>57</v>
      </c>
      <c r="V38991">
        <v>58</v>
      </c>
      <c r="W38991">
        <v>58</v>
      </c>
      <c r="X38991">
        <v>59</v>
      </c>
      <c r="Y38991">
        <v>59</v>
      </c>
      <c r="Z38991">
        <v>60</v>
      </c>
      <c r="AA38991">
        <v>60</v>
      </c>
      <c r="AB38991">
        <v>61</v>
      </c>
      <c r="AC38991">
        <v>61</v>
      </c>
      <c r="AD38991">
        <v>62</v>
      </c>
      <c r="AE38991">
        <v>62</v>
      </c>
      <c r="AF38991">
        <v>63</v>
      </c>
      <c r="AG38991">
        <v>64</v>
      </c>
      <c r="AH38991">
        <v>64</v>
      </c>
      <c r="AI38991">
        <v>65</v>
      </c>
      <c r="AJ38991">
        <v>65</v>
      </c>
      <c r="AK38991">
        <v>66</v>
      </c>
      <c r="AL38991">
        <v>67</v>
      </c>
      <c r="AM38991">
        <v>67</v>
      </c>
      <c r="AN38991">
        <v>68</v>
      </c>
      <c r="AO38991">
        <v>69</v>
      </c>
      <c r="AP38991">
        <v>69</v>
      </c>
      <c r="AQ38991">
        <v>70</v>
      </c>
    </row>
    <row r="38992" spans="1:43">
      <c r="A38992" t="s">
        <v>24189</v>
      </c>
      <c r="B38992" t="s">
        <v>24190</v>
      </c>
      <c r="C38992" t="s">
        <v>24179</v>
      </c>
      <c r="D38992" t="s">
        <v>24180</v>
      </c>
      <c r="E38992" t="s">
        <v>24147</v>
      </c>
      <c r="F38992" t="s">
        <v>24148</v>
      </c>
      <c r="G38992" t="s">
        <v>11612</v>
      </c>
      <c r="H38992" t="s">
        <v>11613</v>
      </c>
      <c r="I38992" s="2">
        <v>0</v>
      </c>
      <c r="J38992" s="2">
        <v>0</v>
      </c>
      <c r="K38992" s="2">
        <v>1</v>
      </c>
      <c r="L38992" t="s">
        <v>995</v>
      </c>
      <c r="M38992" t="s">
        <v>89</v>
      </c>
      <c r="N38992" t="s">
        <v>90</v>
      </c>
      <c r="O38992" t="s">
        <v>85</v>
      </c>
      <c r="P38992" t="s">
        <v>86</v>
      </c>
      <c r="Q38992">
        <v>55</v>
      </c>
      <c r="R38992">
        <v>57</v>
      </c>
      <c r="S38992">
        <v>58</v>
      </c>
      <c r="T38992">
        <v>60</v>
      </c>
      <c r="U38992">
        <v>61</v>
      </c>
      <c r="V38992">
        <v>62</v>
      </c>
      <c r="W38992">
        <v>64</v>
      </c>
      <c r="X38992">
        <v>65</v>
      </c>
      <c r="Y38992">
        <v>67</v>
      </c>
      <c r="Z38992">
        <v>68</v>
      </c>
      <c r="AA38992">
        <v>69</v>
      </c>
      <c r="AB38992">
        <v>70</v>
      </c>
      <c r="AC38992">
        <v>72</v>
      </c>
      <c r="AD38992">
        <v>73</v>
      </c>
      <c r="AE38992">
        <v>74</v>
      </c>
      <c r="AF38992">
        <v>75</v>
      </c>
      <c r="AG38992">
        <v>75</v>
      </c>
      <c r="AH38992">
        <v>76</v>
      </c>
      <c r="AI38992">
        <v>76</v>
      </c>
      <c r="AJ38992">
        <v>77</v>
      </c>
      <c r="AK38992">
        <v>77</v>
      </c>
      <c r="AL38992">
        <v>78</v>
      </c>
      <c r="AM38992">
        <v>78</v>
      </c>
      <c r="AN38992">
        <v>79</v>
      </c>
      <c r="AO38992">
        <v>80</v>
      </c>
      <c r="AP38992">
        <v>80</v>
      </c>
      <c r="AQ38992">
        <v>81</v>
      </c>
    </row>
    <row r="38993" spans="1:43">
      <c r="A38993" t="s">
        <v>24189</v>
      </c>
      <c r="B38993" t="s">
        <v>24190</v>
      </c>
      <c r="C38993" t="s">
        <v>24179</v>
      </c>
      <c r="D38993" t="s">
        <v>24180</v>
      </c>
      <c r="E38993" t="s">
        <v>24147</v>
      </c>
      <c r="F38993" t="s">
        <v>24148</v>
      </c>
      <c r="G38993" t="s">
        <v>11612</v>
      </c>
      <c r="H38993" t="s">
        <v>11613</v>
      </c>
      <c r="I38993" s="2">
        <v>0</v>
      </c>
      <c r="J38993" s="2">
        <v>0</v>
      </c>
      <c r="K38993" s="2">
        <v>1</v>
      </c>
      <c r="L38993" t="s">
        <v>995</v>
      </c>
      <c r="M38993" t="s">
        <v>83</v>
      </c>
      <c r="N38993" t="s">
        <v>91</v>
      </c>
      <c r="O38993" t="s">
        <v>85</v>
      </c>
      <c r="P38993" t="s">
        <v>86</v>
      </c>
      <c r="Q38993">
        <v>55</v>
      </c>
      <c r="R38993">
        <v>56</v>
      </c>
      <c r="S38993">
        <v>57</v>
      </c>
      <c r="T38993">
        <v>58</v>
      </c>
      <c r="U38993">
        <v>59</v>
      </c>
      <c r="V38993">
        <v>60</v>
      </c>
      <c r="W38993">
        <v>61</v>
      </c>
      <c r="X38993">
        <v>62</v>
      </c>
      <c r="Y38993">
        <v>63</v>
      </c>
      <c r="Z38993">
        <v>64</v>
      </c>
      <c r="AA38993">
        <v>65</v>
      </c>
      <c r="AB38993">
        <v>66</v>
      </c>
      <c r="AC38993">
        <v>67</v>
      </c>
      <c r="AD38993">
        <v>68</v>
      </c>
      <c r="AE38993">
        <v>69</v>
      </c>
      <c r="AF38993">
        <v>70</v>
      </c>
      <c r="AG38993">
        <v>72</v>
      </c>
      <c r="AH38993">
        <v>73</v>
      </c>
      <c r="AI38993">
        <v>74</v>
      </c>
      <c r="AJ38993">
        <v>75</v>
      </c>
      <c r="AK38993">
        <v>76</v>
      </c>
      <c r="AL38993">
        <v>77</v>
      </c>
      <c r="AM38993">
        <v>77</v>
      </c>
      <c r="AN38993">
        <v>78</v>
      </c>
      <c r="AO38993">
        <v>78</v>
      </c>
      <c r="AP38993">
        <v>79</v>
      </c>
      <c r="AQ38993">
        <v>80</v>
      </c>
    </row>
    <row r="38994" spans="1:43">
      <c r="A38994" t="s">
        <v>24191</v>
      </c>
      <c r="B38994" t="s">
        <v>24192</v>
      </c>
      <c r="C38994" t="s">
        <v>24193</v>
      </c>
      <c r="D38994" t="s">
        <v>24194</v>
      </c>
      <c r="E38994" t="s">
        <v>24147</v>
      </c>
      <c r="F38994" t="s">
        <v>24148</v>
      </c>
      <c r="G38994" t="s">
        <v>11612</v>
      </c>
      <c r="H38994" t="s">
        <v>11613</v>
      </c>
      <c r="I38994" s="2">
        <v>0</v>
      </c>
      <c r="J38994" s="2">
        <v>0</v>
      </c>
      <c r="K38994" s="2">
        <v>1</v>
      </c>
      <c r="L38994" t="s">
        <v>995</v>
      </c>
      <c r="M38994" t="s">
        <v>83</v>
      </c>
      <c r="N38994" t="s">
        <v>84</v>
      </c>
      <c r="O38994" t="s">
        <v>85</v>
      </c>
      <c r="P38994" t="s">
        <v>86</v>
      </c>
      <c r="Q38994">
        <v>30</v>
      </c>
      <c r="R38994">
        <v>31</v>
      </c>
      <c r="S38994">
        <v>31</v>
      </c>
      <c r="T38994">
        <v>32</v>
      </c>
      <c r="U38994">
        <v>32</v>
      </c>
      <c r="V38994">
        <v>33</v>
      </c>
      <c r="W38994">
        <v>33</v>
      </c>
      <c r="X38994">
        <v>34</v>
      </c>
      <c r="Y38994">
        <v>34</v>
      </c>
      <c r="Z38994">
        <v>35</v>
      </c>
      <c r="AA38994">
        <v>35</v>
      </c>
      <c r="AB38994">
        <v>36</v>
      </c>
      <c r="AC38994">
        <v>36</v>
      </c>
      <c r="AD38994">
        <v>37</v>
      </c>
      <c r="AE38994">
        <v>37</v>
      </c>
      <c r="AF38994">
        <v>38</v>
      </c>
      <c r="AG38994">
        <v>39</v>
      </c>
      <c r="AH38994">
        <v>39</v>
      </c>
      <c r="AI38994">
        <v>40</v>
      </c>
      <c r="AJ38994">
        <v>40</v>
      </c>
      <c r="AK38994">
        <v>41</v>
      </c>
      <c r="AL38994">
        <v>41</v>
      </c>
      <c r="AM38994">
        <v>41</v>
      </c>
      <c r="AN38994">
        <v>42</v>
      </c>
      <c r="AO38994">
        <v>42</v>
      </c>
      <c r="AP38994">
        <v>42</v>
      </c>
      <c r="AQ38994">
        <v>42</v>
      </c>
    </row>
    <row r="38995" spans="1:43">
      <c r="A38995" t="s">
        <v>24191</v>
      </c>
      <c r="B38995" t="s">
        <v>24192</v>
      </c>
      <c r="C38995" t="s">
        <v>24193</v>
      </c>
      <c r="D38995" t="s">
        <v>24194</v>
      </c>
      <c r="E38995" t="s">
        <v>24147</v>
      </c>
      <c r="F38995" t="s">
        <v>24148</v>
      </c>
      <c r="G38995" t="s">
        <v>11612</v>
      </c>
      <c r="H38995" t="s">
        <v>11613</v>
      </c>
      <c r="I38995" s="2">
        <v>0</v>
      </c>
      <c r="J38995" s="2">
        <v>0</v>
      </c>
      <c r="K38995" s="2">
        <v>1</v>
      </c>
      <c r="L38995" t="s">
        <v>995</v>
      </c>
      <c r="M38995" t="s">
        <v>87</v>
      </c>
      <c r="N38995" t="s">
        <v>88</v>
      </c>
      <c r="O38995" t="s">
        <v>85</v>
      </c>
      <c r="P38995" t="s">
        <v>86</v>
      </c>
      <c r="Q38995">
        <v>30</v>
      </c>
      <c r="R38995">
        <v>30</v>
      </c>
      <c r="S38995">
        <v>30</v>
      </c>
      <c r="T38995">
        <v>30</v>
      </c>
      <c r="U38995">
        <v>31</v>
      </c>
      <c r="V38995">
        <v>31</v>
      </c>
      <c r="W38995">
        <v>31</v>
      </c>
      <c r="X38995">
        <v>31</v>
      </c>
      <c r="Y38995">
        <v>32</v>
      </c>
      <c r="Z38995">
        <v>32</v>
      </c>
      <c r="AA38995">
        <v>32</v>
      </c>
      <c r="AB38995">
        <v>32</v>
      </c>
      <c r="AC38995">
        <v>33</v>
      </c>
      <c r="AD38995">
        <v>33</v>
      </c>
      <c r="AE38995">
        <v>33</v>
      </c>
      <c r="AF38995">
        <v>33</v>
      </c>
      <c r="AG38995">
        <v>34</v>
      </c>
      <c r="AH38995">
        <v>34</v>
      </c>
      <c r="AI38995">
        <v>34</v>
      </c>
      <c r="AJ38995">
        <v>35</v>
      </c>
      <c r="AK38995">
        <v>35</v>
      </c>
      <c r="AL38995">
        <v>35</v>
      </c>
      <c r="AM38995">
        <v>35</v>
      </c>
      <c r="AN38995">
        <v>36</v>
      </c>
      <c r="AO38995">
        <v>36</v>
      </c>
      <c r="AP38995">
        <v>36</v>
      </c>
      <c r="AQ38995">
        <v>37</v>
      </c>
    </row>
    <row r="38996" spans="1:43">
      <c r="A38996" t="s">
        <v>24191</v>
      </c>
      <c r="B38996" t="s">
        <v>24192</v>
      </c>
      <c r="C38996" t="s">
        <v>24193</v>
      </c>
      <c r="D38996" t="s">
        <v>24194</v>
      </c>
      <c r="E38996" t="s">
        <v>24147</v>
      </c>
      <c r="F38996" t="s">
        <v>24148</v>
      </c>
      <c r="G38996" t="s">
        <v>11612</v>
      </c>
      <c r="H38996" t="s">
        <v>11613</v>
      </c>
      <c r="I38996" s="2">
        <v>0</v>
      </c>
      <c r="J38996" s="2">
        <v>0</v>
      </c>
      <c r="K38996" s="2">
        <v>1</v>
      </c>
      <c r="L38996" t="s">
        <v>995</v>
      </c>
      <c r="M38996" t="s">
        <v>89</v>
      </c>
      <c r="N38996" t="s">
        <v>90</v>
      </c>
      <c r="O38996" t="s">
        <v>85</v>
      </c>
      <c r="P38996" t="s">
        <v>86</v>
      </c>
      <c r="Q38996">
        <v>30</v>
      </c>
      <c r="R38996">
        <v>31</v>
      </c>
      <c r="S38996">
        <v>32</v>
      </c>
      <c r="T38996">
        <v>33</v>
      </c>
      <c r="U38996">
        <v>33</v>
      </c>
      <c r="V38996">
        <v>34</v>
      </c>
      <c r="W38996">
        <v>35</v>
      </c>
      <c r="X38996">
        <v>36</v>
      </c>
      <c r="Y38996">
        <v>36</v>
      </c>
      <c r="Z38996">
        <v>37</v>
      </c>
      <c r="AA38996">
        <v>38</v>
      </c>
      <c r="AB38996">
        <v>38</v>
      </c>
      <c r="AC38996">
        <v>39</v>
      </c>
      <c r="AD38996">
        <v>40</v>
      </c>
      <c r="AE38996">
        <v>40</v>
      </c>
      <c r="AF38996">
        <v>40</v>
      </c>
      <c r="AG38996">
        <v>41</v>
      </c>
      <c r="AH38996">
        <v>41</v>
      </c>
      <c r="AI38996">
        <v>41</v>
      </c>
      <c r="AJ38996">
        <v>41</v>
      </c>
      <c r="AK38996">
        <v>42</v>
      </c>
      <c r="AL38996">
        <v>42</v>
      </c>
      <c r="AM38996">
        <v>42</v>
      </c>
      <c r="AN38996">
        <v>42</v>
      </c>
      <c r="AO38996">
        <v>42</v>
      </c>
      <c r="AP38996">
        <v>43</v>
      </c>
      <c r="AQ38996">
        <v>43</v>
      </c>
    </row>
    <row r="38997" spans="1:43">
      <c r="A38997" t="s">
        <v>24191</v>
      </c>
      <c r="B38997" t="s">
        <v>24192</v>
      </c>
      <c r="C38997" t="s">
        <v>24193</v>
      </c>
      <c r="D38997" t="s">
        <v>24194</v>
      </c>
      <c r="E38997" t="s">
        <v>24147</v>
      </c>
      <c r="F38997" t="s">
        <v>24148</v>
      </c>
      <c r="G38997" t="s">
        <v>11612</v>
      </c>
      <c r="H38997" t="s">
        <v>11613</v>
      </c>
      <c r="I38997" s="2">
        <v>0</v>
      </c>
      <c r="J38997" s="2">
        <v>0</v>
      </c>
      <c r="K38997" s="2">
        <v>1</v>
      </c>
      <c r="L38997" t="s">
        <v>995</v>
      </c>
      <c r="M38997" t="s">
        <v>83</v>
      </c>
      <c r="N38997" t="s">
        <v>91</v>
      </c>
      <c r="O38997" t="s">
        <v>85</v>
      </c>
      <c r="P38997" t="s">
        <v>86</v>
      </c>
      <c r="Q38997">
        <v>30</v>
      </c>
      <c r="R38997">
        <v>31</v>
      </c>
      <c r="S38997">
        <v>31</v>
      </c>
      <c r="T38997">
        <v>32</v>
      </c>
      <c r="U38997">
        <v>32</v>
      </c>
      <c r="V38997">
        <v>33</v>
      </c>
      <c r="W38997">
        <v>33</v>
      </c>
      <c r="X38997">
        <v>34</v>
      </c>
      <c r="Y38997">
        <v>34</v>
      </c>
      <c r="Z38997">
        <v>35</v>
      </c>
      <c r="AA38997">
        <v>35</v>
      </c>
      <c r="AB38997">
        <v>36</v>
      </c>
      <c r="AC38997">
        <v>36</v>
      </c>
      <c r="AD38997">
        <v>37</v>
      </c>
      <c r="AE38997">
        <v>37</v>
      </c>
      <c r="AF38997">
        <v>38</v>
      </c>
      <c r="AG38997">
        <v>39</v>
      </c>
      <c r="AH38997">
        <v>39</v>
      </c>
      <c r="AI38997">
        <v>40</v>
      </c>
      <c r="AJ38997">
        <v>40</v>
      </c>
      <c r="AK38997">
        <v>41</v>
      </c>
      <c r="AL38997">
        <v>41</v>
      </c>
      <c r="AM38997">
        <v>41</v>
      </c>
      <c r="AN38997">
        <v>42</v>
      </c>
      <c r="AO38997">
        <v>42</v>
      </c>
      <c r="AP38997">
        <v>42</v>
      </c>
      <c r="AQ38997">
        <v>42</v>
      </c>
    </row>
    <row r="38998" spans="1:43">
      <c r="A38998" t="s">
        <v>24195</v>
      </c>
      <c r="B38998" t="s">
        <v>24196</v>
      </c>
      <c r="C38998" t="s">
        <v>24193</v>
      </c>
      <c r="D38998" t="s">
        <v>24194</v>
      </c>
      <c r="E38998" t="s">
        <v>24147</v>
      </c>
      <c r="F38998" t="s">
        <v>24148</v>
      </c>
      <c r="G38998" t="s">
        <v>11612</v>
      </c>
      <c r="H38998" t="s">
        <v>11613</v>
      </c>
      <c r="I38998" s="2">
        <v>0</v>
      </c>
      <c r="J38998" s="2">
        <v>0</v>
      </c>
      <c r="K38998" s="2">
        <v>1</v>
      </c>
      <c r="L38998" t="s">
        <v>995</v>
      </c>
      <c r="M38998" t="s">
        <v>83</v>
      </c>
      <c r="N38998" t="s">
        <v>84</v>
      </c>
      <c r="O38998" t="s">
        <v>85</v>
      </c>
      <c r="P38998" t="s">
        <v>86</v>
      </c>
      <c r="Q38998">
        <v>29</v>
      </c>
      <c r="R38998">
        <v>29</v>
      </c>
      <c r="S38998">
        <v>30</v>
      </c>
      <c r="T38998">
        <v>30</v>
      </c>
      <c r="U38998">
        <v>31</v>
      </c>
      <c r="V38998">
        <v>31</v>
      </c>
      <c r="W38998">
        <v>32</v>
      </c>
      <c r="X38998">
        <v>32</v>
      </c>
      <c r="Y38998">
        <v>33</v>
      </c>
      <c r="Z38998">
        <v>33</v>
      </c>
      <c r="AA38998">
        <v>34</v>
      </c>
      <c r="AB38998">
        <v>34</v>
      </c>
      <c r="AC38998">
        <v>35</v>
      </c>
      <c r="AD38998">
        <v>35</v>
      </c>
      <c r="AE38998">
        <v>36</v>
      </c>
      <c r="AF38998">
        <v>37</v>
      </c>
      <c r="AG38998">
        <v>37</v>
      </c>
      <c r="AH38998">
        <v>38</v>
      </c>
      <c r="AI38998">
        <v>38</v>
      </c>
      <c r="AJ38998">
        <v>39</v>
      </c>
      <c r="AK38998">
        <v>39</v>
      </c>
      <c r="AL38998">
        <v>40</v>
      </c>
      <c r="AM38998">
        <v>40</v>
      </c>
      <c r="AN38998">
        <v>40</v>
      </c>
      <c r="AO38998">
        <v>40</v>
      </c>
      <c r="AP38998">
        <v>40</v>
      </c>
      <c r="AQ38998">
        <v>41</v>
      </c>
    </row>
    <row r="38999" spans="1:43">
      <c r="A38999" t="s">
        <v>24195</v>
      </c>
      <c r="B38999" t="s">
        <v>24196</v>
      </c>
      <c r="C38999" t="s">
        <v>24193</v>
      </c>
      <c r="D38999" t="s">
        <v>24194</v>
      </c>
      <c r="E38999" t="s">
        <v>24147</v>
      </c>
      <c r="F38999" t="s">
        <v>24148</v>
      </c>
      <c r="G38999" t="s">
        <v>11612</v>
      </c>
      <c r="H38999" t="s">
        <v>11613</v>
      </c>
      <c r="I38999" s="2">
        <v>0</v>
      </c>
      <c r="J38999" s="2">
        <v>0</v>
      </c>
      <c r="K38999" s="2">
        <v>1</v>
      </c>
      <c r="L38999" t="s">
        <v>995</v>
      </c>
      <c r="M38999" t="s">
        <v>87</v>
      </c>
      <c r="N38999" t="s">
        <v>88</v>
      </c>
      <c r="O38999" t="s">
        <v>85</v>
      </c>
      <c r="P38999" t="s">
        <v>86</v>
      </c>
      <c r="Q38999">
        <v>29</v>
      </c>
      <c r="R38999">
        <v>29</v>
      </c>
      <c r="S38999">
        <v>29</v>
      </c>
      <c r="T38999">
        <v>29</v>
      </c>
      <c r="U38999">
        <v>29</v>
      </c>
      <c r="V38999">
        <v>30</v>
      </c>
      <c r="W38999">
        <v>30</v>
      </c>
      <c r="X38999">
        <v>30</v>
      </c>
      <c r="Y38999">
        <v>30</v>
      </c>
      <c r="Z38999">
        <v>31</v>
      </c>
      <c r="AA38999">
        <v>31</v>
      </c>
      <c r="AB38999">
        <v>31</v>
      </c>
      <c r="AC38999">
        <v>31</v>
      </c>
      <c r="AD38999">
        <v>32</v>
      </c>
      <c r="AE38999">
        <v>32</v>
      </c>
      <c r="AF38999">
        <v>32</v>
      </c>
      <c r="AG38999">
        <v>32</v>
      </c>
      <c r="AH38999">
        <v>33</v>
      </c>
      <c r="AI38999">
        <v>33</v>
      </c>
      <c r="AJ38999">
        <v>33</v>
      </c>
      <c r="AK38999">
        <v>33</v>
      </c>
      <c r="AL38999">
        <v>34</v>
      </c>
      <c r="AM38999">
        <v>34</v>
      </c>
      <c r="AN38999">
        <v>34</v>
      </c>
      <c r="AO38999">
        <v>35</v>
      </c>
      <c r="AP38999">
        <v>35</v>
      </c>
      <c r="AQ38999">
        <v>35</v>
      </c>
    </row>
    <row r="39000" spans="1:43">
      <c r="A39000" t="s">
        <v>24195</v>
      </c>
      <c r="B39000" t="s">
        <v>24196</v>
      </c>
      <c r="C39000" t="s">
        <v>24193</v>
      </c>
      <c r="D39000" t="s">
        <v>24194</v>
      </c>
      <c r="E39000" t="s">
        <v>24147</v>
      </c>
      <c r="F39000" t="s">
        <v>24148</v>
      </c>
      <c r="G39000" t="s">
        <v>11612</v>
      </c>
      <c r="H39000" t="s">
        <v>11613</v>
      </c>
      <c r="I39000" s="2">
        <v>0</v>
      </c>
      <c r="J39000" s="2">
        <v>0</v>
      </c>
      <c r="K39000" s="2">
        <v>1</v>
      </c>
      <c r="L39000" t="s">
        <v>995</v>
      </c>
      <c r="M39000" t="s">
        <v>89</v>
      </c>
      <c r="N39000" t="s">
        <v>90</v>
      </c>
      <c r="O39000" t="s">
        <v>85</v>
      </c>
      <c r="P39000" t="s">
        <v>86</v>
      </c>
      <c r="Q39000">
        <v>29</v>
      </c>
      <c r="R39000">
        <v>30</v>
      </c>
      <c r="S39000">
        <v>31</v>
      </c>
      <c r="T39000">
        <v>31</v>
      </c>
      <c r="U39000">
        <v>32</v>
      </c>
      <c r="V39000">
        <v>33</v>
      </c>
      <c r="W39000">
        <v>34</v>
      </c>
      <c r="X39000">
        <v>34</v>
      </c>
      <c r="Y39000">
        <v>35</v>
      </c>
      <c r="Z39000">
        <v>36</v>
      </c>
      <c r="AA39000">
        <v>36</v>
      </c>
      <c r="AB39000">
        <v>37</v>
      </c>
      <c r="AC39000">
        <v>37</v>
      </c>
      <c r="AD39000">
        <v>38</v>
      </c>
      <c r="AE39000">
        <v>39</v>
      </c>
      <c r="AF39000">
        <v>39</v>
      </c>
      <c r="AG39000">
        <v>39</v>
      </c>
      <c r="AH39000">
        <v>39</v>
      </c>
      <c r="AI39000">
        <v>39</v>
      </c>
      <c r="AJ39000">
        <v>40</v>
      </c>
      <c r="AK39000">
        <v>40</v>
      </c>
      <c r="AL39000">
        <v>40</v>
      </c>
      <c r="AM39000">
        <v>40</v>
      </c>
      <c r="AN39000">
        <v>40</v>
      </c>
      <c r="AO39000">
        <v>41</v>
      </c>
      <c r="AP39000">
        <v>41</v>
      </c>
      <c r="AQ39000">
        <v>41</v>
      </c>
    </row>
    <row r="39001" spans="1:43">
      <c r="A39001" t="s">
        <v>24195</v>
      </c>
      <c r="B39001" t="s">
        <v>24196</v>
      </c>
      <c r="C39001" t="s">
        <v>24193</v>
      </c>
      <c r="D39001" t="s">
        <v>24194</v>
      </c>
      <c r="E39001" t="s">
        <v>24147</v>
      </c>
      <c r="F39001" t="s">
        <v>24148</v>
      </c>
      <c r="G39001" t="s">
        <v>11612</v>
      </c>
      <c r="H39001" t="s">
        <v>11613</v>
      </c>
      <c r="I39001" s="2">
        <v>0</v>
      </c>
      <c r="J39001" s="2">
        <v>0</v>
      </c>
      <c r="K39001" s="2">
        <v>1</v>
      </c>
      <c r="L39001" t="s">
        <v>995</v>
      </c>
      <c r="M39001" t="s">
        <v>83</v>
      </c>
      <c r="N39001" t="s">
        <v>91</v>
      </c>
      <c r="O39001" t="s">
        <v>85</v>
      </c>
      <c r="P39001" t="s">
        <v>86</v>
      </c>
      <c r="Q39001">
        <v>29</v>
      </c>
      <c r="R39001">
        <v>29</v>
      </c>
      <c r="S39001">
        <v>30</v>
      </c>
      <c r="T39001">
        <v>30</v>
      </c>
      <c r="U39001">
        <v>31</v>
      </c>
      <c r="V39001">
        <v>31</v>
      </c>
      <c r="W39001">
        <v>32</v>
      </c>
      <c r="X39001">
        <v>32</v>
      </c>
      <c r="Y39001">
        <v>33</v>
      </c>
      <c r="Z39001">
        <v>33</v>
      </c>
      <c r="AA39001">
        <v>34</v>
      </c>
      <c r="AB39001">
        <v>34</v>
      </c>
      <c r="AC39001">
        <v>35</v>
      </c>
      <c r="AD39001">
        <v>35</v>
      </c>
      <c r="AE39001">
        <v>36</v>
      </c>
      <c r="AF39001">
        <v>37</v>
      </c>
      <c r="AG39001">
        <v>37</v>
      </c>
      <c r="AH39001">
        <v>38</v>
      </c>
      <c r="AI39001">
        <v>38</v>
      </c>
      <c r="AJ39001">
        <v>39</v>
      </c>
      <c r="AK39001">
        <v>39</v>
      </c>
      <c r="AL39001">
        <v>40</v>
      </c>
      <c r="AM39001">
        <v>40</v>
      </c>
      <c r="AN39001">
        <v>40</v>
      </c>
      <c r="AO39001">
        <v>40</v>
      </c>
      <c r="AP39001">
        <v>40</v>
      </c>
      <c r="AQ39001">
        <v>41</v>
      </c>
    </row>
    <row r="39002" spans="1:43">
      <c r="A39002" t="s">
        <v>24197</v>
      </c>
      <c r="B39002" t="s">
        <v>24198</v>
      </c>
      <c r="C39002" t="s">
        <v>24193</v>
      </c>
      <c r="D39002" t="s">
        <v>24194</v>
      </c>
      <c r="E39002" t="s">
        <v>24147</v>
      </c>
      <c r="F39002" t="s">
        <v>24148</v>
      </c>
      <c r="G39002" t="s">
        <v>11612</v>
      </c>
      <c r="H39002" t="s">
        <v>11613</v>
      </c>
      <c r="I39002" s="2">
        <v>0</v>
      </c>
      <c r="J39002" s="2">
        <v>0</v>
      </c>
      <c r="K39002" s="2">
        <v>1</v>
      </c>
      <c r="L39002" t="s">
        <v>995</v>
      </c>
      <c r="M39002" t="s">
        <v>83</v>
      </c>
      <c r="N39002" t="s">
        <v>84</v>
      </c>
      <c r="O39002" t="s">
        <v>85</v>
      </c>
      <c r="P39002" t="s">
        <v>86</v>
      </c>
      <c r="Q39002">
        <v>41</v>
      </c>
      <c r="R39002">
        <v>42</v>
      </c>
      <c r="S39002">
        <v>42</v>
      </c>
      <c r="T39002">
        <v>43</v>
      </c>
      <c r="U39002">
        <v>44</v>
      </c>
      <c r="V39002">
        <v>44</v>
      </c>
      <c r="W39002">
        <v>45</v>
      </c>
      <c r="X39002">
        <v>46</v>
      </c>
      <c r="Y39002">
        <v>47</v>
      </c>
      <c r="Z39002">
        <v>47</v>
      </c>
      <c r="AA39002">
        <v>48</v>
      </c>
      <c r="AB39002">
        <v>49</v>
      </c>
      <c r="AC39002">
        <v>50</v>
      </c>
      <c r="AD39002">
        <v>50</v>
      </c>
      <c r="AE39002">
        <v>51</v>
      </c>
      <c r="AF39002">
        <v>52</v>
      </c>
      <c r="AG39002">
        <v>53</v>
      </c>
      <c r="AH39002">
        <v>53</v>
      </c>
      <c r="AI39002">
        <v>54</v>
      </c>
      <c r="AJ39002">
        <v>55</v>
      </c>
      <c r="AK39002">
        <v>56</v>
      </c>
      <c r="AL39002">
        <v>56</v>
      </c>
      <c r="AM39002">
        <v>56</v>
      </c>
      <c r="AN39002">
        <v>57</v>
      </c>
      <c r="AO39002">
        <v>57</v>
      </c>
      <c r="AP39002">
        <v>57</v>
      </c>
      <c r="AQ39002">
        <v>58</v>
      </c>
    </row>
    <row r="39003" spans="1:43">
      <c r="A39003" t="s">
        <v>24197</v>
      </c>
      <c r="B39003" t="s">
        <v>24198</v>
      </c>
      <c r="C39003" t="s">
        <v>24193</v>
      </c>
      <c r="D39003" t="s">
        <v>24194</v>
      </c>
      <c r="E39003" t="s">
        <v>24147</v>
      </c>
      <c r="F39003" t="s">
        <v>24148</v>
      </c>
      <c r="G39003" t="s">
        <v>11612</v>
      </c>
      <c r="H39003" t="s">
        <v>11613</v>
      </c>
      <c r="I39003" s="2">
        <v>0</v>
      </c>
      <c r="J39003" s="2">
        <v>0</v>
      </c>
      <c r="K39003" s="2">
        <v>1</v>
      </c>
      <c r="L39003" t="s">
        <v>995</v>
      </c>
      <c r="M39003" t="s">
        <v>87</v>
      </c>
      <c r="N39003" t="s">
        <v>88</v>
      </c>
      <c r="O39003" t="s">
        <v>85</v>
      </c>
      <c r="P39003" t="s">
        <v>86</v>
      </c>
      <c r="Q39003">
        <v>41</v>
      </c>
      <c r="R39003">
        <v>41</v>
      </c>
      <c r="S39003">
        <v>41</v>
      </c>
      <c r="T39003">
        <v>41</v>
      </c>
      <c r="U39003">
        <v>42</v>
      </c>
      <c r="V39003">
        <v>42</v>
      </c>
      <c r="W39003">
        <v>42</v>
      </c>
      <c r="X39003">
        <v>43</v>
      </c>
      <c r="Y39003">
        <v>43</v>
      </c>
      <c r="Z39003">
        <v>43</v>
      </c>
      <c r="AA39003">
        <v>44</v>
      </c>
      <c r="AB39003">
        <v>44</v>
      </c>
      <c r="AC39003">
        <v>44</v>
      </c>
      <c r="AD39003">
        <v>45</v>
      </c>
      <c r="AE39003">
        <v>45</v>
      </c>
      <c r="AF39003">
        <v>46</v>
      </c>
      <c r="AG39003">
        <v>46</v>
      </c>
      <c r="AH39003">
        <v>46</v>
      </c>
      <c r="AI39003">
        <v>47</v>
      </c>
      <c r="AJ39003">
        <v>47</v>
      </c>
      <c r="AK39003">
        <v>47</v>
      </c>
      <c r="AL39003">
        <v>48</v>
      </c>
      <c r="AM39003">
        <v>48</v>
      </c>
      <c r="AN39003">
        <v>49</v>
      </c>
      <c r="AO39003">
        <v>49</v>
      </c>
      <c r="AP39003">
        <v>49</v>
      </c>
      <c r="AQ39003">
        <v>50</v>
      </c>
    </row>
    <row r="39004" spans="1:43">
      <c r="A39004" t="s">
        <v>24197</v>
      </c>
      <c r="B39004" t="s">
        <v>24198</v>
      </c>
      <c r="C39004" t="s">
        <v>24193</v>
      </c>
      <c r="D39004" t="s">
        <v>24194</v>
      </c>
      <c r="E39004" t="s">
        <v>24147</v>
      </c>
      <c r="F39004" t="s">
        <v>24148</v>
      </c>
      <c r="G39004" t="s">
        <v>11612</v>
      </c>
      <c r="H39004" t="s">
        <v>11613</v>
      </c>
      <c r="I39004" s="2">
        <v>0</v>
      </c>
      <c r="J39004" s="2">
        <v>0</v>
      </c>
      <c r="K39004" s="2">
        <v>1</v>
      </c>
      <c r="L39004" t="s">
        <v>995</v>
      </c>
      <c r="M39004" t="s">
        <v>89</v>
      </c>
      <c r="N39004" t="s">
        <v>90</v>
      </c>
      <c r="O39004" t="s">
        <v>85</v>
      </c>
      <c r="P39004" t="s">
        <v>86</v>
      </c>
      <c r="Q39004">
        <v>41</v>
      </c>
      <c r="R39004">
        <v>42</v>
      </c>
      <c r="S39004">
        <v>43</v>
      </c>
      <c r="T39004">
        <v>44</v>
      </c>
      <c r="U39004">
        <v>45</v>
      </c>
      <c r="V39004">
        <v>47</v>
      </c>
      <c r="W39004">
        <v>48</v>
      </c>
      <c r="X39004">
        <v>48</v>
      </c>
      <c r="Y39004">
        <v>49</v>
      </c>
      <c r="Z39004">
        <v>50</v>
      </c>
      <c r="AA39004">
        <v>51</v>
      </c>
      <c r="AB39004">
        <v>52</v>
      </c>
      <c r="AC39004">
        <v>53</v>
      </c>
      <c r="AD39004">
        <v>54</v>
      </c>
      <c r="AE39004">
        <v>55</v>
      </c>
      <c r="AF39004">
        <v>55</v>
      </c>
      <c r="AG39004">
        <v>55</v>
      </c>
      <c r="AH39004">
        <v>56</v>
      </c>
      <c r="AI39004">
        <v>56</v>
      </c>
      <c r="AJ39004">
        <v>56</v>
      </c>
      <c r="AK39004">
        <v>56</v>
      </c>
      <c r="AL39004">
        <v>57</v>
      </c>
      <c r="AM39004">
        <v>57</v>
      </c>
      <c r="AN39004">
        <v>57</v>
      </c>
      <c r="AO39004">
        <v>58</v>
      </c>
      <c r="AP39004">
        <v>58</v>
      </c>
      <c r="AQ39004">
        <v>58</v>
      </c>
    </row>
    <row r="39005" spans="1:43">
      <c r="A39005" t="s">
        <v>24197</v>
      </c>
      <c r="B39005" t="s">
        <v>24198</v>
      </c>
      <c r="C39005" t="s">
        <v>24193</v>
      </c>
      <c r="D39005" t="s">
        <v>24194</v>
      </c>
      <c r="E39005" t="s">
        <v>24147</v>
      </c>
      <c r="F39005" t="s">
        <v>24148</v>
      </c>
      <c r="G39005" t="s">
        <v>11612</v>
      </c>
      <c r="H39005" t="s">
        <v>11613</v>
      </c>
      <c r="I39005" s="2">
        <v>0</v>
      </c>
      <c r="J39005" s="2">
        <v>0</v>
      </c>
      <c r="K39005" s="2">
        <v>1</v>
      </c>
      <c r="L39005" t="s">
        <v>995</v>
      </c>
      <c r="M39005" t="s">
        <v>83</v>
      </c>
      <c r="N39005" t="s">
        <v>91</v>
      </c>
      <c r="O39005" t="s">
        <v>85</v>
      </c>
      <c r="P39005" t="s">
        <v>86</v>
      </c>
      <c r="Q39005">
        <v>41</v>
      </c>
      <c r="R39005">
        <v>42</v>
      </c>
      <c r="S39005">
        <v>42</v>
      </c>
      <c r="T39005">
        <v>43</v>
      </c>
      <c r="U39005">
        <v>44</v>
      </c>
      <c r="V39005">
        <v>44</v>
      </c>
      <c r="W39005">
        <v>45</v>
      </c>
      <c r="X39005">
        <v>46</v>
      </c>
      <c r="Y39005">
        <v>47</v>
      </c>
      <c r="Z39005">
        <v>47</v>
      </c>
      <c r="AA39005">
        <v>48</v>
      </c>
      <c r="AB39005">
        <v>49</v>
      </c>
      <c r="AC39005">
        <v>50</v>
      </c>
      <c r="AD39005">
        <v>50</v>
      </c>
      <c r="AE39005">
        <v>51</v>
      </c>
      <c r="AF39005">
        <v>52</v>
      </c>
      <c r="AG39005">
        <v>53</v>
      </c>
      <c r="AH39005">
        <v>53</v>
      </c>
      <c r="AI39005">
        <v>54</v>
      </c>
      <c r="AJ39005">
        <v>55</v>
      </c>
      <c r="AK39005">
        <v>56</v>
      </c>
      <c r="AL39005">
        <v>56</v>
      </c>
      <c r="AM39005">
        <v>56</v>
      </c>
      <c r="AN39005">
        <v>57</v>
      </c>
      <c r="AO39005">
        <v>57</v>
      </c>
      <c r="AP39005">
        <v>57</v>
      </c>
      <c r="AQ39005">
        <v>58</v>
      </c>
    </row>
    <row r="39006" spans="1:43">
      <c r="A39006" t="s">
        <v>24199</v>
      </c>
      <c r="B39006" t="s">
        <v>24200</v>
      </c>
      <c r="C39006" t="s">
        <v>24193</v>
      </c>
      <c r="D39006" t="s">
        <v>24194</v>
      </c>
      <c r="E39006" t="s">
        <v>24147</v>
      </c>
      <c r="F39006" t="s">
        <v>24148</v>
      </c>
      <c r="G39006" t="s">
        <v>11612</v>
      </c>
      <c r="H39006" t="s">
        <v>11613</v>
      </c>
      <c r="I39006" s="2">
        <v>0</v>
      </c>
      <c r="J39006" s="2">
        <v>0</v>
      </c>
      <c r="K39006" s="2">
        <v>1</v>
      </c>
      <c r="L39006" t="s">
        <v>995</v>
      </c>
      <c r="M39006" t="s">
        <v>83</v>
      </c>
      <c r="N39006" t="s">
        <v>84</v>
      </c>
      <c r="O39006" t="s">
        <v>85</v>
      </c>
      <c r="P39006" t="s">
        <v>86</v>
      </c>
      <c r="Q39006">
        <v>32</v>
      </c>
      <c r="R39006">
        <v>32</v>
      </c>
      <c r="S39006">
        <v>33</v>
      </c>
      <c r="T39006">
        <v>33</v>
      </c>
      <c r="U39006">
        <v>34</v>
      </c>
      <c r="V39006">
        <v>35</v>
      </c>
      <c r="W39006">
        <v>35</v>
      </c>
      <c r="X39006">
        <v>36</v>
      </c>
      <c r="Y39006">
        <v>36</v>
      </c>
      <c r="Z39006">
        <v>37</v>
      </c>
      <c r="AA39006">
        <v>37</v>
      </c>
      <c r="AB39006">
        <v>38</v>
      </c>
      <c r="AC39006">
        <v>39</v>
      </c>
      <c r="AD39006">
        <v>39</v>
      </c>
      <c r="AE39006">
        <v>40</v>
      </c>
      <c r="AF39006">
        <v>40</v>
      </c>
      <c r="AG39006">
        <v>41</v>
      </c>
      <c r="AH39006">
        <v>41</v>
      </c>
      <c r="AI39006">
        <v>42</v>
      </c>
      <c r="AJ39006">
        <v>43</v>
      </c>
      <c r="AK39006">
        <v>43</v>
      </c>
      <c r="AL39006">
        <v>44</v>
      </c>
      <c r="AM39006">
        <v>44</v>
      </c>
      <c r="AN39006">
        <v>44</v>
      </c>
      <c r="AO39006">
        <v>44</v>
      </c>
      <c r="AP39006">
        <v>45</v>
      </c>
      <c r="AQ39006">
        <v>45</v>
      </c>
    </row>
    <row r="39007" spans="1:43">
      <c r="A39007" t="s">
        <v>24199</v>
      </c>
      <c r="B39007" t="s">
        <v>24200</v>
      </c>
      <c r="C39007" t="s">
        <v>24193</v>
      </c>
      <c r="D39007" t="s">
        <v>24194</v>
      </c>
      <c r="E39007" t="s">
        <v>24147</v>
      </c>
      <c r="F39007" t="s">
        <v>24148</v>
      </c>
      <c r="G39007" t="s">
        <v>11612</v>
      </c>
      <c r="H39007" t="s">
        <v>11613</v>
      </c>
      <c r="I39007" s="2">
        <v>0</v>
      </c>
      <c r="J39007" s="2">
        <v>0</v>
      </c>
      <c r="K39007" s="2">
        <v>1</v>
      </c>
      <c r="L39007" t="s">
        <v>995</v>
      </c>
      <c r="M39007" t="s">
        <v>87</v>
      </c>
      <c r="N39007" t="s">
        <v>88</v>
      </c>
      <c r="O39007" t="s">
        <v>85</v>
      </c>
      <c r="P39007" t="s">
        <v>86</v>
      </c>
      <c r="Q39007">
        <v>32</v>
      </c>
      <c r="R39007">
        <v>32</v>
      </c>
      <c r="S39007">
        <v>32</v>
      </c>
      <c r="T39007">
        <v>32</v>
      </c>
      <c r="U39007">
        <v>33</v>
      </c>
      <c r="V39007">
        <v>33</v>
      </c>
      <c r="W39007">
        <v>33</v>
      </c>
      <c r="X39007">
        <v>33</v>
      </c>
      <c r="Y39007">
        <v>34</v>
      </c>
      <c r="Z39007">
        <v>34</v>
      </c>
      <c r="AA39007">
        <v>34</v>
      </c>
      <c r="AB39007">
        <v>34</v>
      </c>
      <c r="AC39007">
        <v>35</v>
      </c>
      <c r="AD39007">
        <v>35</v>
      </c>
      <c r="AE39007">
        <v>35</v>
      </c>
      <c r="AF39007">
        <v>35</v>
      </c>
      <c r="AG39007">
        <v>36</v>
      </c>
      <c r="AH39007">
        <v>36</v>
      </c>
      <c r="AI39007">
        <v>36</v>
      </c>
      <c r="AJ39007">
        <v>37</v>
      </c>
      <c r="AK39007">
        <v>37</v>
      </c>
      <c r="AL39007">
        <v>37</v>
      </c>
      <c r="AM39007">
        <v>37</v>
      </c>
      <c r="AN39007">
        <v>38</v>
      </c>
      <c r="AO39007">
        <v>38</v>
      </c>
      <c r="AP39007">
        <v>38</v>
      </c>
      <c r="AQ39007">
        <v>39</v>
      </c>
    </row>
    <row r="39008" spans="1:43">
      <c r="A39008" t="s">
        <v>24199</v>
      </c>
      <c r="B39008" t="s">
        <v>24200</v>
      </c>
      <c r="C39008" t="s">
        <v>24193</v>
      </c>
      <c r="D39008" t="s">
        <v>24194</v>
      </c>
      <c r="E39008" t="s">
        <v>24147</v>
      </c>
      <c r="F39008" t="s">
        <v>24148</v>
      </c>
      <c r="G39008" t="s">
        <v>11612</v>
      </c>
      <c r="H39008" t="s">
        <v>11613</v>
      </c>
      <c r="I39008" s="2">
        <v>0</v>
      </c>
      <c r="J39008" s="2">
        <v>0</v>
      </c>
      <c r="K39008" s="2">
        <v>1</v>
      </c>
      <c r="L39008" t="s">
        <v>995</v>
      </c>
      <c r="M39008" t="s">
        <v>89</v>
      </c>
      <c r="N39008" t="s">
        <v>90</v>
      </c>
      <c r="O39008" t="s">
        <v>85</v>
      </c>
      <c r="P39008" t="s">
        <v>86</v>
      </c>
      <c r="Q39008">
        <v>32</v>
      </c>
      <c r="R39008">
        <v>33</v>
      </c>
      <c r="S39008">
        <v>34</v>
      </c>
      <c r="T39008">
        <v>35</v>
      </c>
      <c r="U39008">
        <v>35</v>
      </c>
      <c r="V39008">
        <v>36</v>
      </c>
      <c r="W39008">
        <v>37</v>
      </c>
      <c r="X39008">
        <v>38</v>
      </c>
      <c r="Y39008">
        <v>38</v>
      </c>
      <c r="Z39008">
        <v>39</v>
      </c>
      <c r="AA39008">
        <v>40</v>
      </c>
      <c r="AB39008">
        <v>41</v>
      </c>
      <c r="AC39008">
        <v>41</v>
      </c>
      <c r="AD39008">
        <v>42</v>
      </c>
      <c r="AE39008">
        <v>43</v>
      </c>
      <c r="AF39008">
        <v>43</v>
      </c>
      <c r="AG39008">
        <v>43</v>
      </c>
      <c r="AH39008">
        <v>43</v>
      </c>
      <c r="AI39008">
        <v>43</v>
      </c>
      <c r="AJ39008">
        <v>44</v>
      </c>
      <c r="AK39008">
        <v>44</v>
      </c>
      <c r="AL39008">
        <v>44</v>
      </c>
      <c r="AM39008">
        <v>44</v>
      </c>
      <c r="AN39008">
        <v>45</v>
      </c>
      <c r="AO39008">
        <v>45</v>
      </c>
      <c r="AP39008">
        <v>45</v>
      </c>
      <c r="AQ39008">
        <v>45</v>
      </c>
    </row>
    <row r="39009" spans="1:43">
      <c r="A39009" t="s">
        <v>24199</v>
      </c>
      <c r="B39009" t="s">
        <v>24200</v>
      </c>
      <c r="C39009" t="s">
        <v>24193</v>
      </c>
      <c r="D39009" t="s">
        <v>24194</v>
      </c>
      <c r="E39009" t="s">
        <v>24147</v>
      </c>
      <c r="F39009" t="s">
        <v>24148</v>
      </c>
      <c r="G39009" t="s">
        <v>11612</v>
      </c>
      <c r="H39009" t="s">
        <v>11613</v>
      </c>
      <c r="I39009" s="2">
        <v>0</v>
      </c>
      <c r="J39009" s="2">
        <v>0</v>
      </c>
      <c r="K39009" s="2">
        <v>1</v>
      </c>
      <c r="L39009" t="s">
        <v>995</v>
      </c>
      <c r="M39009" t="s">
        <v>83</v>
      </c>
      <c r="N39009" t="s">
        <v>91</v>
      </c>
      <c r="O39009" t="s">
        <v>85</v>
      </c>
      <c r="P39009" t="s">
        <v>86</v>
      </c>
      <c r="Q39009">
        <v>32</v>
      </c>
      <c r="R39009">
        <v>32</v>
      </c>
      <c r="S39009">
        <v>33</v>
      </c>
      <c r="T39009">
        <v>33</v>
      </c>
      <c r="U39009">
        <v>34</v>
      </c>
      <c r="V39009">
        <v>35</v>
      </c>
      <c r="W39009">
        <v>35</v>
      </c>
      <c r="X39009">
        <v>36</v>
      </c>
      <c r="Y39009">
        <v>36</v>
      </c>
      <c r="Z39009">
        <v>37</v>
      </c>
      <c r="AA39009">
        <v>37</v>
      </c>
      <c r="AB39009">
        <v>38</v>
      </c>
      <c r="AC39009">
        <v>39</v>
      </c>
      <c r="AD39009">
        <v>39</v>
      </c>
      <c r="AE39009">
        <v>40</v>
      </c>
      <c r="AF39009">
        <v>40</v>
      </c>
      <c r="AG39009">
        <v>41</v>
      </c>
      <c r="AH39009">
        <v>41</v>
      </c>
      <c r="AI39009">
        <v>42</v>
      </c>
      <c r="AJ39009">
        <v>43</v>
      </c>
      <c r="AK39009">
        <v>43</v>
      </c>
      <c r="AL39009">
        <v>44</v>
      </c>
      <c r="AM39009">
        <v>44</v>
      </c>
      <c r="AN39009">
        <v>44</v>
      </c>
      <c r="AO39009">
        <v>44</v>
      </c>
      <c r="AP39009">
        <v>45</v>
      </c>
      <c r="AQ39009">
        <v>45</v>
      </c>
    </row>
    <row r="39010" spans="1:43">
      <c r="A39010" t="s">
        <v>24201</v>
      </c>
      <c r="B39010" t="s">
        <v>24202</v>
      </c>
      <c r="C39010" t="s">
        <v>24203</v>
      </c>
      <c r="D39010" t="s">
        <v>24204</v>
      </c>
      <c r="E39010" t="s">
        <v>24147</v>
      </c>
      <c r="F39010" t="s">
        <v>24148</v>
      </c>
      <c r="G39010" t="s">
        <v>11612</v>
      </c>
      <c r="H39010" t="s">
        <v>11613</v>
      </c>
      <c r="I39010" s="2">
        <v>0</v>
      </c>
      <c r="J39010" s="2">
        <v>0</v>
      </c>
      <c r="K39010" s="2">
        <v>1</v>
      </c>
      <c r="L39010" t="s">
        <v>995</v>
      </c>
      <c r="M39010" t="s">
        <v>83</v>
      </c>
      <c r="N39010" t="s">
        <v>84</v>
      </c>
      <c r="O39010" t="s">
        <v>85</v>
      </c>
      <c r="P39010" t="s">
        <v>86</v>
      </c>
      <c r="Q39010">
        <v>14</v>
      </c>
      <c r="R39010">
        <v>14</v>
      </c>
      <c r="S39010">
        <v>14</v>
      </c>
      <c r="T39010">
        <v>15</v>
      </c>
      <c r="U39010">
        <v>15</v>
      </c>
      <c r="V39010">
        <v>15</v>
      </c>
      <c r="W39010">
        <v>16</v>
      </c>
      <c r="X39010">
        <v>16</v>
      </c>
      <c r="Y39010">
        <v>16</v>
      </c>
      <c r="Z39010">
        <v>16</v>
      </c>
      <c r="AA39010">
        <v>17</v>
      </c>
      <c r="AB39010">
        <v>17</v>
      </c>
      <c r="AC39010">
        <v>17</v>
      </c>
      <c r="AD39010">
        <v>18</v>
      </c>
      <c r="AE39010">
        <v>18</v>
      </c>
      <c r="AF39010">
        <v>18</v>
      </c>
      <c r="AG39010">
        <v>19</v>
      </c>
      <c r="AH39010">
        <v>19</v>
      </c>
      <c r="AI39010">
        <v>19</v>
      </c>
      <c r="AJ39010">
        <v>19</v>
      </c>
      <c r="AK39010">
        <v>20</v>
      </c>
      <c r="AL39010">
        <v>20</v>
      </c>
      <c r="AM39010">
        <v>20</v>
      </c>
      <c r="AN39010">
        <v>20</v>
      </c>
      <c r="AO39010">
        <v>21</v>
      </c>
      <c r="AP39010">
        <v>21</v>
      </c>
      <c r="AQ39010">
        <v>21</v>
      </c>
    </row>
    <row r="39011" spans="1:43">
      <c r="A39011" t="s">
        <v>24201</v>
      </c>
      <c r="B39011" t="s">
        <v>24202</v>
      </c>
      <c r="C39011" t="s">
        <v>24203</v>
      </c>
      <c r="D39011" t="s">
        <v>24204</v>
      </c>
      <c r="E39011" t="s">
        <v>24147</v>
      </c>
      <c r="F39011" t="s">
        <v>24148</v>
      </c>
      <c r="G39011" t="s">
        <v>11612</v>
      </c>
      <c r="H39011" t="s">
        <v>11613</v>
      </c>
      <c r="I39011" s="2">
        <v>0</v>
      </c>
      <c r="J39011" s="2">
        <v>0</v>
      </c>
      <c r="K39011" s="2">
        <v>1</v>
      </c>
      <c r="L39011" t="s">
        <v>995</v>
      </c>
      <c r="M39011" t="s">
        <v>87</v>
      </c>
      <c r="N39011" t="s">
        <v>88</v>
      </c>
      <c r="O39011" t="s">
        <v>85</v>
      </c>
      <c r="P39011" t="s">
        <v>86</v>
      </c>
      <c r="Q39011">
        <v>14</v>
      </c>
      <c r="R39011">
        <v>14</v>
      </c>
      <c r="S39011">
        <v>14</v>
      </c>
      <c r="T39011">
        <v>14</v>
      </c>
      <c r="U39011">
        <v>14</v>
      </c>
      <c r="V39011">
        <v>15</v>
      </c>
      <c r="W39011">
        <v>15</v>
      </c>
      <c r="X39011">
        <v>15</v>
      </c>
      <c r="Y39011">
        <v>15</v>
      </c>
      <c r="Z39011">
        <v>15</v>
      </c>
      <c r="AA39011">
        <v>15</v>
      </c>
      <c r="AB39011">
        <v>15</v>
      </c>
      <c r="AC39011">
        <v>16</v>
      </c>
      <c r="AD39011">
        <v>16</v>
      </c>
      <c r="AE39011">
        <v>16</v>
      </c>
      <c r="AF39011">
        <v>16</v>
      </c>
      <c r="AG39011">
        <v>16</v>
      </c>
      <c r="AH39011">
        <v>16</v>
      </c>
      <c r="AI39011">
        <v>17</v>
      </c>
      <c r="AJ39011">
        <v>17</v>
      </c>
      <c r="AK39011">
        <v>17</v>
      </c>
      <c r="AL39011">
        <v>17</v>
      </c>
      <c r="AM39011">
        <v>17</v>
      </c>
      <c r="AN39011">
        <v>18</v>
      </c>
      <c r="AO39011">
        <v>18</v>
      </c>
      <c r="AP39011">
        <v>18</v>
      </c>
      <c r="AQ39011">
        <v>18</v>
      </c>
    </row>
    <row r="39012" spans="1:43">
      <c r="A39012" t="s">
        <v>24201</v>
      </c>
      <c r="B39012" t="s">
        <v>24202</v>
      </c>
      <c r="C39012" t="s">
        <v>24203</v>
      </c>
      <c r="D39012" t="s">
        <v>24204</v>
      </c>
      <c r="E39012" t="s">
        <v>24147</v>
      </c>
      <c r="F39012" t="s">
        <v>24148</v>
      </c>
      <c r="G39012" t="s">
        <v>11612</v>
      </c>
      <c r="H39012" t="s">
        <v>11613</v>
      </c>
      <c r="I39012" s="2">
        <v>0</v>
      </c>
      <c r="J39012" s="2">
        <v>0</v>
      </c>
      <c r="K39012" s="2">
        <v>1</v>
      </c>
      <c r="L39012" t="s">
        <v>995</v>
      </c>
      <c r="M39012" t="s">
        <v>89</v>
      </c>
      <c r="N39012" t="s">
        <v>90</v>
      </c>
      <c r="O39012" t="s">
        <v>85</v>
      </c>
      <c r="P39012" t="s">
        <v>86</v>
      </c>
      <c r="Q39012">
        <v>14</v>
      </c>
      <c r="R39012">
        <v>14</v>
      </c>
      <c r="S39012">
        <v>15</v>
      </c>
      <c r="T39012">
        <v>15</v>
      </c>
      <c r="U39012">
        <v>16</v>
      </c>
      <c r="V39012">
        <v>16</v>
      </c>
      <c r="W39012">
        <v>16</v>
      </c>
      <c r="X39012">
        <v>17</v>
      </c>
      <c r="Y39012">
        <v>17</v>
      </c>
      <c r="Z39012">
        <v>17</v>
      </c>
      <c r="AA39012">
        <v>18</v>
      </c>
      <c r="AB39012">
        <v>18</v>
      </c>
      <c r="AC39012">
        <v>19</v>
      </c>
      <c r="AD39012">
        <v>19</v>
      </c>
      <c r="AE39012">
        <v>19</v>
      </c>
      <c r="AF39012">
        <v>19</v>
      </c>
      <c r="AG39012">
        <v>20</v>
      </c>
      <c r="AH39012">
        <v>20</v>
      </c>
      <c r="AI39012">
        <v>20</v>
      </c>
      <c r="AJ39012">
        <v>20</v>
      </c>
      <c r="AK39012">
        <v>20</v>
      </c>
      <c r="AL39012">
        <v>20</v>
      </c>
      <c r="AM39012">
        <v>21</v>
      </c>
      <c r="AN39012">
        <v>21</v>
      </c>
      <c r="AO39012">
        <v>21</v>
      </c>
      <c r="AP39012">
        <v>21</v>
      </c>
      <c r="AQ39012">
        <v>21</v>
      </c>
    </row>
    <row r="39013" spans="1:43">
      <c r="A39013" t="s">
        <v>24201</v>
      </c>
      <c r="B39013" t="s">
        <v>24202</v>
      </c>
      <c r="C39013" t="s">
        <v>24203</v>
      </c>
      <c r="D39013" t="s">
        <v>24204</v>
      </c>
      <c r="E39013" t="s">
        <v>24147</v>
      </c>
      <c r="F39013" t="s">
        <v>24148</v>
      </c>
      <c r="G39013" t="s">
        <v>11612</v>
      </c>
      <c r="H39013" t="s">
        <v>11613</v>
      </c>
      <c r="I39013" s="2">
        <v>0</v>
      </c>
      <c r="J39013" s="2">
        <v>0</v>
      </c>
      <c r="K39013" s="2">
        <v>1</v>
      </c>
      <c r="L39013" t="s">
        <v>995</v>
      </c>
      <c r="M39013" t="s">
        <v>83</v>
      </c>
      <c r="N39013" t="s">
        <v>91</v>
      </c>
      <c r="O39013" t="s">
        <v>85</v>
      </c>
      <c r="P39013" t="s">
        <v>86</v>
      </c>
      <c r="Q39013">
        <v>14</v>
      </c>
      <c r="R39013">
        <v>14</v>
      </c>
      <c r="S39013">
        <v>14</v>
      </c>
      <c r="T39013">
        <v>15</v>
      </c>
      <c r="U39013">
        <v>15</v>
      </c>
      <c r="V39013">
        <v>15</v>
      </c>
      <c r="W39013">
        <v>16</v>
      </c>
      <c r="X39013">
        <v>16</v>
      </c>
      <c r="Y39013">
        <v>16</v>
      </c>
      <c r="Z39013">
        <v>16</v>
      </c>
      <c r="AA39013">
        <v>17</v>
      </c>
      <c r="AB39013">
        <v>17</v>
      </c>
      <c r="AC39013">
        <v>17</v>
      </c>
      <c r="AD39013">
        <v>18</v>
      </c>
      <c r="AE39013">
        <v>18</v>
      </c>
      <c r="AF39013">
        <v>18</v>
      </c>
      <c r="AG39013">
        <v>19</v>
      </c>
      <c r="AH39013">
        <v>19</v>
      </c>
      <c r="AI39013">
        <v>19</v>
      </c>
      <c r="AJ39013">
        <v>19</v>
      </c>
      <c r="AK39013">
        <v>20</v>
      </c>
      <c r="AL39013">
        <v>20</v>
      </c>
      <c r="AM39013">
        <v>20</v>
      </c>
      <c r="AN39013">
        <v>20</v>
      </c>
      <c r="AO39013">
        <v>21</v>
      </c>
      <c r="AP39013">
        <v>21</v>
      </c>
      <c r="AQ39013">
        <v>21</v>
      </c>
    </row>
    <row r="39014" spans="1:43">
      <c r="A39014" t="s">
        <v>24205</v>
      </c>
      <c r="B39014" t="s">
        <v>24206</v>
      </c>
      <c r="C39014" t="s">
        <v>24207</v>
      </c>
      <c r="D39014" t="s">
        <v>24208</v>
      </c>
      <c r="E39014" t="s">
        <v>24147</v>
      </c>
      <c r="F39014" t="s">
        <v>24148</v>
      </c>
      <c r="G39014" t="s">
        <v>11612</v>
      </c>
      <c r="H39014" t="s">
        <v>11613</v>
      </c>
      <c r="I39014" s="2">
        <v>0</v>
      </c>
      <c r="J39014" s="2">
        <v>0</v>
      </c>
      <c r="K39014" s="2">
        <v>1</v>
      </c>
      <c r="L39014" t="s">
        <v>995</v>
      </c>
      <c r="M39014" t="s">
        <v>83</v>
      </c>
      <c r="N39014" t="s">
        <v>84</v>
      </c>
      <c r="O39014" t="s">
        <v>85</v>
      </c>
      <c r="P39014" t="s">
        <v>86</v>
      </c>
      <c r="Q39014">
        <v>69</v>
      </c>
      <c r="R39014">
        <v>70</v>
      </c>
      <c r="S39014">
        <v>71</v>
      </c>
      <c r="T39014">
        <v>72</v>
      </c>
      <c r="U39014">
        <v>73</v>
      </c>
      <c r="V39014">
        <v>75</v>
      </c>
      <c r="W39014">
        <v>76</v>
      </c>
      <c r="X39014">
        <v>77</v>
      </c>
      <c r="Y39014">
        <v>78</v>
      </c>
      <c r="Z39014">
        <v>80</v>
      </c>
      <c r="AA39014">
        <v>81</v>
      </c>
      <c r="AB39014">
        <v>82</v>
      </c>
      <c r="AC39014">
        <v>83</v>
      </c>
      <c r="AD39014">
        <v>85</v>
      </c>
      <c r="AE39014">
        <v>86</v>
      </c>
      <c r="AF39014">
        <v>87</v>
      </c>
      <c r="AG39014">
        <v>88</v>
      </c>
      <c r="AH39014">
        <v>90</v>
      </c>
      <c r="AI39014">
        <v>91</v>
      </c>
      <c r="AJ39014">
        <v>92</v>
      </c>
      <c r="AK39014">
        <v>93</v>
      </c>
      <c r="AL39014">
        <v>94</v>
      </c>
      <c r="AM39014">
        <v>95</v>
      </c>
      <c r="AN39014">
        <v>95</v>
      </c>
      <c r="AO39014">
        <v>96</v>
      </c>
      <c r="AP39014">
        <v>96</v>
      </c>
      <c r="AQ39014">
        <v>97</v>
      </c>
    </row>
    <row r="39015" spans="1:43">
      <c r="A39015" t="s">
        <v>24205</v>
      </c>
      <c r="B39015" t="s">
        <v>24206</v>
      </c>
      <c r="C39015" t="s">
        <v>24207</v>
      </c>
      <c r="D39015" t="s">
        <v>24208</v>
      </c>
      <c r="E39015" t="s">
        <v>24147</v>
      </c>
      <c r="F39015" t="s">
        <v>24148</v>
      </c>
      <c r="G39015" t="s">
        <v>11612</v>
      </c>
      <c r="H39015" t="s">
        <v>11613</v>
      </c>
      <c r="I39015" s="2">
        <v>0</v>
      </c>
      <c r="J39015" s="2">
        <v>0</v>
      </c>
      <c r="K39015" s="2">
        <v>1</v>
      </c>
      <c r="L39015" t="s">
        <v>995</v>
      </c>
      <c r="M39015" t="s">
        <v>87</v>
      </c>
      <c r="N39015" t="s">
        <v>88</v>
      </c>
      <c r="O39015" t="s">
        <v>85</v>
      </c>
      <c r="P39015" t="s">
        <v>86</v>
      </c>
      <c r="Q39015">
        <v>69</v>
      </c>
      <c r="R39015">
        <v>70</v>
      </c>
      <c r="S39015">
        <v>70</v>
      </c>
      <c r="T39015">
        <v>71</v>
      </c>
      <c r="U39015">
        <v>71</v>
      </c>
      <c r="V39015">
        <v>72</v>
      </c>
      <c r="W39015">
        <v>72</v>
      </c>
      <c r="X39015">
        <v>73</v>
      </c>
      <c r="Y39015">
        <v>73</v>
      </c>
      <c r="Z39015">
        <v>74</v>
      </c>
      <c r="AA39015">
        <v>75</v>
      </c>
      <c r="AB39015">
        <v>75</v>
      </c>
      <c r="AC39015">
        <v>76</v>
      </c>
      <c r="AD39015">
        <v>76</v>
      </c>
      <c r="AE39015">
        <v>77</v>
      </c>
      <c r="AF39015">
        <v>78</v>
      </c>
      <c r="AG39015">
        <v>78</v>
      </c>
      <c r="AH39015">
        <v>79</v>
      </c>
      <c r="AI39015">
        <v>80</v>
      </c>
      <c r="AJ39015">
        <v>80</v>
      </c>
      <c r="AK39015">
        <v>81</v>
      </c>
      <c r="AL39015">
        <v>82</v>
      </c>
      <c r="AM39015">
        <v>82</v>
      </c>
      <c r="AN39015">
        <v>83</v>
      </c>
      <c r="AO39015">
        <v>84</v>
      </c>
      <c r="AP39015">
        <v>84</v>
      </c>
      <c r="AQ39015">
        <v>85</v>
      </c>
    </row>
    <row r="39016" spans="1:43">
      <c r="A39016" t="s">
        <v>24205</v>
      </c>
      <c r="B39016" t="s">
        <v>24206</v>
      </c>
      <c r="C39016" t="s">
        <v>24207</v>
      </c>
      <c r="D39016" t="s">
        <v>24208</v>
      </c>
      <c r="E39016" t="s">
        <v>24147</v>
      </c>
      <c r="F39016" t="s">
        <v>24148</v>
      </c>
      <c r="G39016" t="s">
        <v>11612</v>
      </c>
      <c r="H39016" t="s">
        <v>11613</v>
      </c>
      <c r="I39016" s="2">
        <v>0</v>
      </c>
      <c r="J39016" s="2">
        <v>0</v>
      </c>
      <c r="K39016" s="2">
        <v>1</v>
      </c>
      <c r="L39016" t="s">
        <v>995</v>
      </c>
      <c r="M39016" t="s">
        <v>89</v>
      </c>
      <c r="N39016" t="s">
        <v>90</v>
      </c>
      <c r="O39016" t="s">
        <v>85</v>
      </c>
      <c r="P39016" t="s">
        <v>86</v>
      </c>
      <c r="Q39016">
        <v>69</v>
      </c>
      <c r="R39016">
        <v>71</v>
      </c>
      <c r="S39016">
        <v>73</v>
      </c>
      <c r="T39016">
        <v>75</v>
      </c>
      <c r="U39016">
        <v>76</v>
      </c>
      <c r="V39016">
        <v>78</v>
      </c>
      <c r="W39016">
        <v>80</v>
      </c>
      <c r="X39016">
        <v>81</v>
      </c>
      <c r="Y39016">
        <v>83</v>
      </c>
      <c r="Z39016">
        <v>85</v>
      </c>
      <c r="AA39016">
        <v>86</v>
      </c>
      <c r="AB39016">
        <v>88</v>
      </c>
      <c r="AC39016">
        <v>89</v>
      </c>
      <c r="AD39016">
        <v>91</v>
      </c>
      <c r="AE39016">
        <v>92</v>
      </c>
      <c r="AF39016">
        <v>92</v>
      </c>
      <c r="AG39016">
        <v>93</v>
      </c>
      <c r="AH39016">
        <v>93</v>
      </c>
      <c r="AI39016">
        <v>94</v>
      </c>
      <c r="AJ39016">
        <v>94</v>
      </c>
      <c r="AK39016">
        <v>95</v>
      </c>
      <c r="AL39016">
        <v>95</v>
      </c>
      <c r="AM39016">
        <v>96</v>
      </c>
      <c r="AN39016">
        <v>96</v>
      </c>
      <c r="AO39016">
        <v>97</v>
      </c>
      <c r="AP39016">
        <v>97</v>
      </c>
      <c r="AQ39016">
        <v>98</v>
      </c>
    </row>
    <row r="39017" spans="1:43">
      <c r="A39017" t="s">
        <v>24205</v>
      </c>
      <c r="B39017" t="s">
        <v>24206</v>
      </c>
      <c r="C39017" t="s">
        <v>24207</v>
      </c>
      <c r="D39017" t="s">
        <v>24208</v>
      </c>
      <c r="E39017" t="s">
        <v>24147</v>
      </c>
      <c r="F39017" t="s">
        <v>24148</v>
      </c>
      <c r="G39017" t="s">
        <v>11612</v>
      </c>
      <c r="H39017" t="s">
        <v>11613</v>
      </c>
      <c r="I39017" s="2">
        <v>0</v>
      </c>
      <c r="J39017" s="2">
        <v>0</v>
      </c>
      <c r="K39017" s="2">
        <v>1</v>
      </c>
      <c r="L39017" t="s">
        <v>995</v>
      </c>
      <c r="M39017" t="s">
        <v>83</v>
      </c>
      <c r="N39017" t="s">
        <v>91</v>
      </c>
      <c r="O39017" t="s">
        <v>85</v>
      </c>
      <c r="P39017" t="s">
        <v>86</v>
      </c>
      <c r="Q39017">
        <v>69</v>
      </c>
      <c r="R39017">
        <v>70</v>
      </c>
      <c r="S39017">
        <v>71</v>
      </c>
      <c r="T39017">
        <v>72</v>
      </c>
      <c r="U39017">
        <v>73</v>
      </c>
      <c r="V39017">
        <v>75</v>
      </c>
      <c r="W39017">
        <v>76</v>
      </c>
      <c r="X39017">
        <v>77</v>
      </c>
      <c r="Y39017">
        <v>78</v>
      </c>
      <c r="Z39017">
        <v>80</v>
      </c>
      <c r="AA39017">
        <v>81</v>
      </c>
      <c r="AB39017">
        <v>82</v>
      </c>
      <c r="AC39017">
        <v>83</v>
      </c>
      <c r="AD39017">
        <v>85</v>
      </c>
      <c r="AE39017">
        <v>86</v>
      </c>
      <c r="AF39017">
        <v>87</v>
      </c>
      <c r="AG39017">
        <v>88</v>
      </c>
      <c r="AH39017">
        <v>90</v>
      </c>
      <c r="AI39017">
        <v>91</v>
      </c>
      <c r="AJ39017">
        <v>92</v>
      </c>
      <c r="AK39017">
        <v>93</v>
      </c>
      <c r="AL39017">
        <v>94</v>
      </c>
      <c r="AM39017">
        <v>95</v>
      </c>
      <c r="AN39017">
        <v>95</v>
      </c>
      <c r="AO39017">
        <v>96</v>
      </c>
      <c r="AP39017">
        <v>96</v>
      </c>
      <c r="AQ39017">
        <v>97</v>
      </c>
    </row>
    <row r="39018" spans="1:43">
      <c r="A39018" t="s">
        <v>24209</v>
      </c>
      <c r="B39018" t="s">
        <v>24210</v>
      </c>
      <c r="C39018" t="s">
        <v>24207</v>
      </c>
      <c r="D39018" t="s">
        <v>24208</v>
      </c>
      <c r="E39018" t="s">
        <v>24147</v>
      </c>
      <c r="F39018" t="s">
        <v>24148</v>
      </c>
      <c r="G39018" t="s">
        <v>11612</v>
      </c>
      <c r="H39018" t="s">
        <v>11613</v>
      </c>
      <c r="I39018" s="2">
        <v>0</v>
      </c>
      <c r="J39018" s="2">
        <v>0</v>
      </c>
      <c r="K39018" s="2">
        <v>1</v>
      </c>
      <c r="L39018" t="s">
        <v>995</v>
      </c>
      <c r="M39018" t="s">
        <v>83</v>
      </c>
      <c r="N39018" t="s">
        <v>84</v>
      </c>
      <c r="O39018" t="s">
        <v>85</v>
      </c>
      <c r="P39018" t="s">
        <v>86</v>
      </c>
      <c r="Q39018">
        <v>17</v>
      </c>
      <c r="R39018">
        <v>17</v>
      </c>
      <c r="S39018">
        <v>17</v>
      </c>
      <c r="T39018">
        <v>18</v>
      </c>
      <c r="U39018">
        <v>18</v>
      </c>
      <c r="V39018">
        <v>18</v>
      </c>
      <c r="W39018">
        <v>18</v>
      </c>
      <c r="X39018">
        <v>19</v>
      </c>
      <c r="Y39018">
        <v>19</v>
      </c>
      <c r="Z39018">
        <v>19</v>
      </c>
      <c r="AA39018">
        <v>20</v>
      </c>
      <c r="AB39018">
        <v>20</v>
      </c>
      <c r="AC39018">
        <v>20</v>
      </c>
      <c r="AD39018">
        <v>20</v>
      </c>
      <c r="AE39018">
        <v>21</v>
      </c>
      <c r="AF39018">
        <v>21</v>
      </c>
      <c r="AG39018">
        <v>21</v>
      </c>
      <c r="AH39018">
        <v>21</v>
      </c>
      <c r="AI39018">
        <v>22</v>
      </c>
      <c r="AJ39018">
        <v>22</v>
      </c>
      <c r="AK39018">
        <v>22</v>
      </c>
      <c r="AL39018">
        <v>22</v>
      </c>
      <c r="AM39018">
        <v>22</v>
      </c>
      <c r="AN39018">
        <v>22</v>
      </c>
      <c r="AO39018">
        <v>22</v>
      </c>
      <c r="AP39018">
        <v>22</v>
      </c>
      <c r="AQ39018">
        <v>23</v>
      </c>
    </row>
    <row r="39019" spans="1:43">
      <c r="A39019" t="s">
        <v>24209</v>
      </c>
      <c r="B39019" t="s">
        <v>24210</v>
      </c>
      <c r="C39019" t="s">
        <v>24207</v>
      </c>
      <c r="D39019" t="s">
        <v>24208</v>
      </c>
      <c r="E39019" t="s">
        <v>24147</v>
      </c>
      <c r="F39019" t="s">
        <v>24148</v>
      </c>
      <c r="G39019" t="s">
        <v>11612</v>
      </c>
      <c r="H39019" t="s">
        <v>11613</v>
      </c>
      <c r="I39019" s="2">
        <v>0</v>
      </c>
      <c r="J39019" s="2">
        <v>0</v>
      </c>
      <c r="K39019" s="2">
        <v>1</v>
      </c>
      <c r="L39019" t="s">
        <v>995</v>
      </c>
      <c r="M39019" t="s">
        <v>87</v>
      </c>
      <c r="N39019" t="s">
        <v>88</v>
      </c>
      <c r="O39019" t="s">
        <v>85</v>
      </c>
      <c r="P39019" t="s">
        <v>86</v>
      </c>
      <c r="Q39019">
        <v>17</v>
      </c>
      <c r="R39019">
        <v>17</v>
      </c>
      <c r="S39019">
        <v>17</v>
      </c>
      <c r="T39019">
        <v>17</v>
      </c>
      <c r="U39019">
        <v>17</v>
      </c>
      <c r="V39019">
        <v>17</v>
      </c>
      <c r="W39019">
        <v>17</v>
      </c>
      <c r="X39019">
        <v>17</v>
      </c>
      <c r="Y39019">
        <v>18</v>
      </c>
      <c r="Z39019">
        <v>18</v>
      </c>
      <c r="AA39019">
        <v>18</v>
      </c>
      <c r="AB39019">
        <v>18</v>
      </c>
      <c r="AC39019">
        <v>18</v>
      </c>
      <c r="AD39019">
        <v>18</v>
      </c>
      <c r="AE39019">
        <v>18</v>
      </c>
      <c r="AF39019">
        <v>18</v>
      </c>
      <c r="AG39019">
        <v>18</v>
      </c>
      <c r="AH39019">
        <v>19</v>
      </c>
      <c r="AI39019">
        <v>19</v>
      </c>
      <c r="AJ39019">
        <v>19</v>
      </c>
      <c r="AK39019">
        <v>19</v>
      </c>
      <c r="AL39019">
        <v>19</v>
      </c>
      <c r="AM39019">
        <v>19</v>
      </c>
      <c r="AN39019">
        <v>19</v>
      </c>
      <c r="AO39019">
        <v>19</v>
      </c>
      <c r="AP39019">
        <v>20</v>
      </c>
      <c r="AQ39019">
        <v>20</v>
      </c>
    </row>
    <row r="39020" spans="1:43">
      <c r="A39020" t="s">
        <v>24209</v>
      </c>
      <c r="B39020" t="s">
        <v>24210</v>
      </c>
      <c r="C39020" t="s">
        <v>24207</v>
      </c>
      <c r="D39020" t="s">
        <v>24208</v>
      </c>
      <c r="E39020" t="s">
        <v>24147</v>
      </c>
      <c r="F39020" t="s">
        <v>24148</v>
      </c>
      <c r="G39020" t="s">
        <v>11612</v>
      </c>
      <c r="H39020" t="s">
        <v>11613</v>
      </c>
      <c r="I39020" s="2">
        <v>0</v>
      </c>
      <c r="J39020" s="2">
        <v>0</v>
      </c>
      <c r="K39020" s="2">
        <v>1</v>
      </c>
      <c r="L39020" t="s">
        <v>995</v>
      </c>
      <c r="M39020" t="s">
        <v>89</v>
      </c>
      <c r="N39020" t="s">
        <v>90</v>
      </c>
      <c r="O39020" t="s">
        <v>85</v>
      </c>
      <c r="P39020" t="s">
        <v>86</v>
      </c>
      <c r="Q39020">
        <v>17</v>
      </c>
      <c r="R39020">
        <v>18</v>
      </c>
      <c r="S39020">
        <v>18</v>
      </c>
      <c r="T39020">
        <v>18</v>
      </c>
      <c r="U39020">
        <v>19</v>
      </c>
      <c r="V39020">
        <v>19</v>
      </c>
      <c r="W39020">
        <v>19</v>
      </c>
      <c r="X39020">
        <v>20</v>
      </c>
      <c r="Y39020">
        <v>20</v>
      </c>
      <c r="Z39020">
        <v>20</v>
      </c>
      <c r="AA39020">
        <v>21</v>
      </c>
      <c r="AB39020">
        <v>21</v>
      </c>
      <c r="AC39020">
        <v>21</v>
      </c>
      <c r="AD39020">
        <v>22</v>
      </c>
      <c r="AE39020">
        <v>22</v>
      </c>
      <c r="AF39020">
        <v>22</v>
      </c>
      <c r="AG39020">
        <v>22</v>
      </c>
      <c r="AH39020">
        <v>22</v>
      </c>
      <c r="AI39020">
        <v>22</v>
      </c>
      <c r="AJ39020">
        <v>22</v>
      </c>
      <c r="AK39020">
        <v>22</v>
      </c>
      <c r="AL39020">
        <v>22</v>
      </c>
      <c r="AM39020">
        <v>22</v>
      </c>
      <c r="AN39020">
        <v>23</v>
      </c>
      <c r="AO39020">
        <v>23</v>
      </c>
      <c r="AP39020">
        <v>23</v>
      </c>
      <c r="AQ39020">
        <v>23</v>
      </c>
    </row>
    <row r="39021" spans="1:43">
      <c r="A39021" t="s">
        <v>24209</v>
      </c>
      <c r="B39021" t="s">
        <v>24210</v>
      </c>
      <c r="C39021" t="s">
        <v>24207</v>
      </c>
      <c r="D39021" t="s">
        <v>24208</v>
      </c>
      <c r="E39021" t="s">
        <v>24147</v>
      </c>
      <c r="F39021" t="s">
        <v>24148</v>
      </c>
      <c r="G39021" t="s">
        <v>11612</v>
      </c>
      <c r="H39021" t="s">
        <v>11613</v>
      </c>
      <c r="I39021" s="2">
        <v>0</v>
      </c>
      <c r="J39021" s="2">
        <v>0</v>
      </c>
      <c r="K39021" s="2">
        <v>1</v>
      </c>
      <c r="L39021" t="s">
        <v>995</v>
      </c>
      <c r="M39021" t="s">
        <v>83</v>
      </c>
      <c r="N39021" t="s">
        <v>91</v>
      </c>
      <c r="O39021" t="s">
        <v>85</v>
      </c>
      <c r="P39021" t="s">
        <v>86</v>
      </c>
      <c r="Q39021">
        <v>17</v>
      </c>
      <c r="R39021">
        <v>17</v>
      </c>
      <c r="S39021">
        <v>17</v>
      </c>
      <c r="T39021">
        <v>18</v>
      </c>
      <c r="U39021">
        <v>18</v>
      </c>
      <c r="V39021">
        <v>18</v>
      </c>
      <c r="W39021">
        <v>18</v>
      </c>
      <c r="X39021">
        <v>19</v>
      </c>
      <c r="Y39021">
        <v>19</v>
      </c>
      <c r="Z39021">
        <v>19</v>
      </c>
      <c r="AA39021">
        <v>20</v>
      </c>
      <c r="AB39021">
        <v>20</v>
      </c>
      <c r="AC39021">
        <v>20</v>
      </c>
      <c r="AD39021">
        <v>20</v>
      </c>
      <c r="AE39021">
        <v>21</v>
      </c>
      <c r="AF39021">
        <v>21</v>
      </c>
      <c r="AG39021">
        <v>21</v>
      </c>
      <c r="AH39021">
        <v>21</v>
      </c>
      <c r="AI39021">
        <v>22</v>
      </c>
      <c r="AJ39021">
        <v>22</v>
      </c>
      <c r="AK39021">
        <v>22</v>
      </c>
      <c r="AL39021">
        <v>22</v>
      </c>
      <c r="AM39021">
        <v>22</v>
      </c>
      <c r="AN39021">
        <v>22</v>
      </c>
      <c r="AO39021">
        <v>22</v>
      </c>
      <c r="AP39021">
        <v>22</v>
      </c>
      <c r="AQ39021">
        <v>23</v>
      </c>
    </row>
    <row r="39022" spans="1:43">
      <c r="A39022" t="s">
        <v>24211</v>
      </c>
      <c r="B39022" t="s">
        <v>24212</v>
      </c>
      <c r="C39022" t="s">
        <v>24157</v>
      </c>
      <c r="D39022" t="s">
        <v>24158</v>
      </c>
      <c r="E39022" t="s">
        <v>24147</v>
      </c>
      <c r="F39022" t="s">
        <v>24148</v>
      </c>
      <c r="G39022" t="s">
        <v>11612</v>
      </c>
      <c r="H39022" t="s">
        <v>11613</v>
      </c>
      <c r="I39022" s="2">
        <v>0</v>
      </c>
      <c r="J39022" s="2">
        <v>0</v>
      </c>
      <c r="K39022" s="2">
        <v>1</v>
      </c>
      <c r="L39022" t="s">
        <v>995</v>
      </c>
      <c r="M39022" t="s">
        <v>83</v>
      </c>
      <c r="N39022" t="s">
        <v>84</v>
      </c>
      <c r="O39022" t="s">
        <v>85</v>
      </c>
      <c r="P39022" t="s">
        <v>86</v>
      </c>
      <c r="Q39022">
        <v>68</v>
      </c>
      <c r="R39022">
        <v>69</v>
      </c>
      <c r="S39022">
        <v>70</v>
      </c>
      <c r="T39022">
        <v>71</v>
      </c>
      <c r="U39022">
        <v>72</v>
      </c>
      <c r="V39022">
        <v>74</v>
      </c>
      <c r="W39022">
        <v>75</v>
      </c>
      <c r="X39022">
        <v>76</v>
      </c>
      <c r="Y39022">
        <v>78</v>
      </c>
      <c r="Z39022">
        <v>79</v>
      </c>
      <c r="AA39022">
        <v>80</v>
      </c>
      <c r="AB39022">
        <v>81</v>
      </c>
      <c r="AC39022">
        <v>83</v>
      </c>
      <c r="AD39022">
        <v>84</v>
      </c>
      <c r="AE39022">
        <v>85</v>
      </c>
      <c r="AF39022">
        <v>87</v>
      </c>
      <c r="AG39022">
        <v>88</v>
      </c>
      <c r="AH39022">
        <v>89</v>
      </c>
      <c r="AI39022">
        <v>91</v>
      </c>
      <c r="AJ39022">
        <v>92</v>
      </c>
      <c r="AK39022">
        <v>93</v>
      </c>
      <c r="AL39022">
        <v>94</v>
      </c>
      <c r="AM39022">
        <v>95</v>
      </c>
      <c r="AN39022">
        <v>96</v>
      </c>
      <c r="AO39022">
        <v>96</v>
      </c>
      <c r="AP39022">
        <v>97</v>
      </c>
      <c r="AQ39022">
        <v>98</v>
      </c>
    </row>
    <row r="39023" spans="1:43">
      <c r="A39023" t="s">
        <v>24211</v>
      </c>
      <c r="B39023" t="s">
        <v>24212</v>
      </c>
      <c r="C39023" t="s">
        <v>24157</v>
      </c>
      <c r="D39023" t="s">
        <v>24158</v>
      </c>
      <c r="E39023" t="s">
        <v>24147</v>
      </c>
      <c r="F39023" t="s">
        <v>24148</v>
      </c>
      <c r="G39023" t="s">
        <v>11612</v>
      </c>
      <c r="H39023" t="s">
        <v>11613</v>
      </c>
      <c r="I39023" s="2">
        <v>0</v>
      </c>
      <c r="J39023" s="2">
        <v>0</v>
      </c>
      <c r="K39023" s="2">
        <v>1</v>
      </c>
      <c r="L39023" t="s">
        <v>995</v>
      </c>
      <c r="M39023" t="s">
        <v>87</v>
      </c>
      <c r="N39023" t="s">
        <v>88</v>
      </c>
      <c r="O39023" t="s">
        <v>85</v>
      </c>
      <c r="P39023" t="s">
        <v>86</v>
      </c>
      <c r="Q39023">
        <v>68</v>
      </c>
      <c r="R39023">
        <v>69</v>
      </c>
      <c r="S39023">
        <v>69</v>
      </c>
      <c r="T39023">
        <v>70</v>
      </c>
      <c r="U39023">
        <v>70</v>
      </c>
      <c r="V39023">
        <v>71</v>
      </c>
      <c r="W39023">
        <v>71</v>
      </c>
      <c r="X39023">
        <v>72</v>
      </c>
      <c r="Y39023">
        <v>73</v>
      </c>
      <c r="Z39023">
        <v>73</v>
      </c>
      <c r="AA39023">
        <v>74</v>
      </c>
      <c r="AB39023">
        <v>75</v>
      </c>
      <c r="AC39023">
        <v>75</v>
      </c>
      <c r="AD39023">
        <v>76</v>
      </c>
      <c r="AE39023">
        <v>77</v>
      </c>
      <c r="AF39023">
        <v>77</v>
      </c>
      <c r="AG39023">
        <v>78</v>
      </c>
      <c r="AH39023">
        <v>79</v>
      </c>
      <c r="AI39023">
        <v>79</v>
      </c>
      <c r="AJ39023">
        <v>80</v>
      </c>
      <c r="AK39023">
        <v>81</v>
      </c>
      <c r="AL39023">
        <v>82</v>
      </c>
      <c r="AM39023">
        <v>82</v>
      </c>
      <c r="AN39023">
        <v>83</v>
      </c>
      <c r="AO39023">
        <v>84</v>
      </c>
      <c r="AP39023">
        <v>85</v>
      </c>
      <c r="AQ39023">
        <v>85</v>
      </c>
    </row>
    <row r="39024" spans="1:43">
      <c r="A39024" t="s">
        <v>24211</v>
      </c>
      <c r="B39024" t="s">
        <v>24212</v>
      </c>
      <c r="C39024" t="s">
        <v>24157</v>
      </c>
      <c r="D39024" t="s">
        <v>24158</v>
      </c>
      <c r="E39024" t="s">
        <v>24147</v>
      </c>
      <c r="F39024" t="s">
        <v>24148</v>
      </c>
      <c r="G39024" t="s">
        <v>11612</v>
      </c>
      <c r="H39024" t="s">
        <v>11613</v>
      </c>
      <c r="I39024" s="2">
        <v>0</v>
      </c>
      <c r="J39024" s="2">
        <v>0</v>
      </c>
      <c r="K39024" s="2">
        <v>1</v>
      </c>
      <c r="L39024" t="s">
        <v>995</v>
      </c>
      <c r="M39024" t="s">
        <v>89</v>
      </c>
      <c r="N39024" t="s">
        <v>90</v>
      </c>
      <c r="O39024" t="s">
        <v>85</v>
      </c>
      <c r="P39024" t="s">
        <v>86</v>
      </c>
      <c r="Q39024">
        <v>68</v>
      </c>
      <c r="R39024">
        <v>70</v>
      </c>
      <c r="S39024">
        <v>72</v>
      </c>
      <c r="T39024">
        <v>74</v>
      </c>
      <c r="U39024">
        <v>75</v>
      </c>
      <c r="V39024">
        <v>77</v>
      </c>
      <c r="W39024">
        <v>79</v>
      </c>
      <c r="X39024">
        <v>80</v>
      </c>
      <c r="Y39024">
        <v>82</v>
      </c>
      <c r="Z39024">
        <v>84</v>
      </c>
      <c r="AA39024">
        <v>85</v>
      </c>
      <c r="AB39024">
        <v>87</v>
      </c>
      <c r="AC39024">
        <v>89</v>
      </c>
      <c r="AD39024">
        <v>90</v>
      </c>
      <c r="AE39024">
        <v>91</v>
      </c>
      <c r="AF39024">
        <v>92</v>
      </c>
      <c r="AG39024">
        <v>93</v>
      </c>
      <c r="AH39024">
        <v>93</v>
      </c>
      <c r="AI39024">
        <v>94</v>
      </c>
      <c r="AJ39024">
        <v>94</v>
      </c>
      <c r="AK39024">
        <v>95</v>
      </c>
      <c r="AL39024">
        <v>96</v>
      </c>
      <c r="AM39024">
        <v>96</v>
      </c>
      <c r="AN39024">
        <v>97</v>
      </c>
      <c r="AO39024">
        <v>98</v>
      </c>
      <c r="AP39024">
        <v>98</v>
      </c>
      <c r="AQ39024">
        <v>99</v>
      </c>
    </row>
    <row r="39025" spans="1:43">
      <c r="A39025" t="s">
        <v>24211</v>
      </c>
      <c r="B39025" t="s">
        <v>24212</v>
      </c>
      <c r="C39025" t="s">
        <v>24157</v>
      </c>
      <c r="D39025" t="s">
        <v>24158</v>
      </c>
      <c r="E39025" t="s">
        <v>24147</v>
      </c>
      <c r="F39025" t="s">
        <v>24148</v>
      </c>
      <c r="G39025" t="s">
        <v>11612</v>
      </c>
      <c r="H39025" t="s">
        <v>11613</v>
      </c>
      <c r="I39025" s="2">
        <v>0</v>
      </c>
      <c r="J39025" s="2">
        <v>0</v>
      </c>
      <c r="K39025" s="2">
        <v>1</v>
      </c>
      <c r="L39025" t="s">
        <v>995</v>
      </c>
      <c r="M39025" t="s">
        <v>83</v>
      </c>
      <c r="N39025" t="s">
        <v>91</v>
      </c>
      <c r="O39025" t="s">
        <v>85</v>
      </c>
      <c r="P39025" t="s">
        <v>86</v>
      </c>
      <c r="Q39025">
        <v>68</v>
      </c>
      <c r="R39025">
        <v>69</v>
      </c>
      <c r="S39025">
        <v>70</v>
      </c>
      <c r="T39025">
        <v>71</v>
      </c>
      <c r="U39025">
        <v>72</v>
      </c>
      <c r="V39025">
        <v>74</v>
      </c>
      <c r="W39025">
        <v>75</v>
      </c>
      <c r="X39025">
        <v>76</v>
      </c>
      <c r="Y39025">
        <v>78</v>
      </c>
      <c r="Z39025">
        <v>79</v>
      </c>
      <c r="AA39025">
        <v>80</v>
      </c>
      <c r="AB39025">
        <v>81</v>
      </c>
      <c r="AC39025">
        <v>83</v>
      </c>
      <c r="AD39025">
        <v>84</v>
      </c>
      <c r="AE39025">
        <v>85</v>
      </c>
      <c r="AF39025">
        <v>87</v>
      </c>
      <c r="AG39025">
        <v>88</v>
      </c>
      <c r="AH39025">
        <v>89</v>
      </c>
      <c r="AI39025">
        <v>91</v>
      </c>
      <c r="AJ39025">
        <v>92</v>
      </c>
      <c r="AK39025">
        <v>93</v>
      </c>
      <c r="AL39025">
        <v>94</v>
      </c>
      <c r="AM39025">
        <v>95</v>
      </c>
      <c r="AN39025">
        <v>96</v>
      </c>
      <c r="AO39025">
        <v>96</v>
      </c>
      <c r="AP39025">
        <v>97</v>
      </c>
      <c r="AQ39025">
        <v>98</v>
      </c>
    </row>
    <row r="39026" spans="1:43">
      <c r="A39026" t="s">
        <v>24213</v>
      </c>
      <c r="B39026" t="s">
        <v>24214</v>
      </c>
      <c r="C39026" t="s">
        <v>24157</v>
      </c>
      <c r="D39026" t="s">
        <v>24158</v>
      </c>
      <c r="E39026" t="s">
        <v>24147</v>
      </c>
      <c r="F39026" t="s">
        <v>24148</v>
      </c>
      <c r="G39026" t="s">
        <v>11612</v>
      </c>
      <c r="H39026" t="s">
        <v>11613</v>
      </c>
      <c r="I39026" s="2">
        <v>0</v>
      </c>
      <c r="J39026" s="2">
        <v>0</v>
      </c>
      <c r="K39026" s="2">
        <v>1</v>
      </c>
      <c r="L39026" t="s">
        <v>995</v>
      </c>
      <c r="M39026" t="s">
        <v>83</v>
      </c>
      <c r="N39026" t="s">
        <v>84</v>
      </c>
      <c r="O39026" t="s">
        <v>85</v>
      </c>
      <c r="P39026" t="s">
        <v>86</v>
      </c>
      <c r="Q39026">
        <v>53</v>
      </c>
      <c r="R39026">
        <v>54</v>
      </c>
      <c r="S39026">
        <v>55</v>
      </c>
      <c r="T39026">
        <v>56</v>
      </c>
      <c r="U39026">
        <v>56</v>
      </c>
      <c r="V39026">
        <v>57</v>
      </c>
      <c r="W39026">
        <v>58</v>
      </c>
      <c r="X39026">
        <v>59</v>
      </c>
      <c r="Y39026">
        <v>60</v>
      </c>
      <c r="Z39026">
        <v>61</v>
      </c>
      <c r="AA39026">
        <v>62</v>
      </c>
      <c r="AB39026">
        <v>64</v>
      </c>
      <c r="AC39026">
        <v>65</v>
      </c>
      <c r="AD39026">
        <v>66</v>
      </c>
      <c r="AE39026">
        <v>67</v>
      </c>
      <c r="AF39026">
        <v>68</v>
      </c>
      <c r="AG39026">
        <v>69</v>
      </c>
      <c r="AH39026">
        <v>70</v>
      </c>
      <c r="AI39026">
        <v>71</v>
      </c>
      <c r="AJ39026">
        <v>72</v>
      </c>
      <c r="AK39026">
        <v>73</v>
      </c>
      <c r="AL39026">
        <v>74</v>
      </c>
      <c r="AM39026">
        <v>74</v>
      </c>
      <c r="AN39026">
        <v>75</v>
      </c>
      <c r="AO39026">
        <v>75</v>
      </c>
      <c r="AP39026">
        <v>76</v>
      </c>
      <c r="AQ39026">
        <v>76</v>
      </c>
    </row>
    <row r="39027" spans="1:43">
      <c r="A39027" t="s">
        <v>24213</v>
      </c>
      <c r="B39027" t="s">
        <v>24214</v>
      </c>
      <c r="C39027" t="s">
        <v>24157</v>
      </c>
      <c r="D39027" t="s">
        <v>24158</v>
      </c>
      <c r="E39027" t="s">
        <v>24147</v>
      </c>
      <c r="F39027" t="s">
        <v>24148</v>
      </c>
      <c r="G39027" t="s">
        <v>11612</v>
      </c>
      <c r="H39027" t="s">
        <v>11613</v>
      </c>
      <c r="I39027" s="2">
        <v>0</v>
      </c>
      <c r="J39027" s="2">
        <v>0</v>
      </c>
      <c r="K39027" s="2">
        <v>1</v>
      </c>
      <c r="L39027" t="s">
        <v>995</v>
      </c>
      <c r="M39027" t="s">
        <v>87</v>
      </c>
      <c r="N39027" t="s">
        <v>88</v>
      </c>
      <c r="O39027" t="s">
        <v>85</v>
      </c>
      <c r="P39027" t="s">
        <v>86</v>
      </c>
      <c r="Q39027">
        <v>53</v>
      </c>
      <c r="R39027">
        <v>54</v>
      </c>
      <c r="S39027">
        <v>54</v>
      </c>
      <c r="T39027">
        <v>55</v>
      </c>
      <c r="U39027">
        <v>55</v>
      </c>
      <c r="V39027">
        <v>55</v>
      </c>
      <c r="W39027">
        <v>56</v>
      </c>
      <c r="X39027">
        <v>56</v>
      </c>
      <c r="Y39027">
        <v>57</v>
      </c>
      <c r="Z39027">
        <v>57</v>
      </c>
      <c r="AA39027">
        <v>58</v>
      </c>
      <c r="AB39027">
        <v>58</v>
      </c>
      <c r="AC39027">
        <v>59</v>
      </c>
      <c r="AD39027">
        <v>59</v>
      </c>
      <c r="AE39027">
        <v>60</v>
      </c>
      <c r="AF39027">
        <v>60</v>
      </c>
      <c r="AG39027">
        <v>61</v>
      </c>
      <c r="AH39027">
        <v>62</v>
      </c>
      <c r="AI39027">
        <v>62</v>
      </c>
      <c r="AJ39027">
        <v>63</v>
      </c>
      <c r="AK39027">
        <v>63</v>
      </c>
      <c r="AL39027">
        <v>64</v>
      </c>
      <c r="AM39027">
        <v>64</v>
      </c>
      <c r="AN39027">
        <v>65</v>
      </c>
      <c r="AO39027">
        <v>66</v>
      </c>
      <c r="AP39027">
        <v>66</v>
      </c>
      <c r="AQ39027">
        <v>67</v>
      </c>
    </row>
    <row r="39028" spans="1:43">
      <c r="A39028" t="s">
        <v>24213</v>
      </c>
      <c r="B39028" t="s">
        <v>24214</v>
      </c>
      <c r="C39028" t="s">
        <v>24157</v>
      </c>
      <c r="D39028" t="s">
        <v>24158</v>
      </c>
      <c r="E39028" t="s">
        <v>24147</v>
      </c>
      <c r="F39028" t="s">
        <v>24148</v>
      </c>
      <c r="G39028" t="s">
        <v>11612</v>
      </c>
      <c r="H39028" t="s">
        <v>11613</v>
      </c>
      <c r="I39028" s="2">
        <v>0</v>
      </c>
      <c r="J39028" s="2">
        <v>0</v>
      </c>
      <c r="K39028" s="2">
        <v>1</v>
      </c>
      <c r="L39028" t="s">
        <v>995</v>
      </c>
      <c r="M39028" t="s">
        <v>89</v>
      </c>
      <c r="N39028" t="s">
        <v>90</v>
      </c>
      <c r="O39028" t="s">
        <v>85</v>
      </c>
      <c r="P39028" t="s">
        <v>86</v>
      </c>
      <c r="Q39028">
        <v>53</v>
      </c>
      <c r="R39028">
        <v>55</v>
      </c>
      <c r="S39028">
        <v>56</v>
      </c>
      <c r="T39028">
        <v>57</v>
      </c>
      <c r="U39028">
        <v>59</v>
      </c>
      <c r="V39028">
        <v>60</v>
      </c>
      <c r="W39028">
        <v>61</v>
      </c>
      <c r="X39028">
        <v>63</v>
      </c>
      <c r="Y39028">
        <v>64</v>
      </c>
      <c r="Z39028">
        <v>65</v>
      </c>
      <c r="AA39028">
        <v>67</v>
      </c>
      <c r="AB39028">
        <v>68</v>
      </c>
      <c r="AC39028">
        <v>69</v>
      </c>
      <c r="AD39028">
        <v>70</v>
      </c>
      <c r="AE39028">
        <v>71</v>
      </c>
      <c r="AF39028">
        <v>72</v>
      </c>
      <c r="AG39028">
        <v>72</v>
      </c>
      <c r="AH39028">
        <v>73</v>
      </c>
      <c r="AI39028">
        <v>73</v>
      </c>
      <c r="AJ39028">
        <v>74</v>
      </c>
      <c r="AK39028">
        <v>74</v>
      </c>
      <c r="AL39028">
        <v>75</v>
      </c>
      <c r="AM39028">
        <v>75</v>
      </c>
      <c r="AN39028">
        <v>76</v>
      </c>
      <c r="AO39028">
        <v>76</v>
      </c>
      <c r="AP39028">
        <v>77</v>
      </c>
      <c r="AQ39028">
        <v>77</v>
      </c>
    </row>
    <row r="39029" spans="1:43">
      <c r="A39029" t="s">
        <v>24213</v>
      </c>
      <c r="B39029" t="s">
        <v>24214</v>
      </c>
      <c r="C39029" t="s">
        <v>24157</v>
      </c>
      <c r="D39029" t="s">
        <v>24158</v>
      </c>
      <c r="E39029" t="s">
        <v>24147</v>
      </c>
      <c r="F39029" t="s">
        <v>24148</v>
      </c>
      <c r="G39029" t="s">
        <v>11612</v>
      </c>
      <c r="H39029" t="s">
        <v>11613</v>
      </c>
      <c r="I39029" s="2">
        <v>0</v>
      </c>
      <c r="J39029" s="2">
        <v>0</v>
      </c>
      <c r="K39029" s="2">
        <v>1</v>
      </c>
      <c r="L39029" t="s">
        <v>995</v>
      </c>
      <c r="M39029" t="s">
        <v>83</v>
      </c>
      <c r="N39029" t="s">
        <v>91</v>
      </c>
      <c r="O39029" t="s">
        <v>85</v>
      </c>
      <c r="P39029" t="s">
        <v>86</v>
      </c>
      <c r="Q39029">
        <v>53</v>
      </c>
      <c r="R39029">
        <v>54</v>
      </c>
      <c r="S39029">
        <v>55</v>
      </c>
      <c r="T39029">
        <v>56</v>
      </c>
      <c r="U39029">
        <v>56</v>
      </c>
      <c r="V39029">
        <v>57</v>
      </c>
      <c r="W39029">
        <v>58</v>
      </c>
      <c r="X39029">
        <v>59</v>
      </c>
      <c r="Y39029">
        <v>60</v>
      </c>
      <c r="Z39029">
        <v>61</v>
      </c>
      <c r="AA39029">
        <v>62</v>
      </c>
      <c r="AB39029">
        <v>64</v>
      </c>
      <c r="AC39029">
        <v>65</v>
      </c>
      <c r="AD39029">
        <v>66</v>
      </c>
      <c r="AE39029">
        <v>67</v>
      </c>
      <c r="AF39029">
        <v>68</v>
      </c>
      <c r="AG39029">
        <v>69</v>
      </c>
      <c r="AH39029">
        <v>70</v>
      </c>
      <c r="AI39029">
        <v>71</v>
      </c>
      <c r="AJ39029">
        <v>72</v>
      </c>
      <c r="AK39029">
        <v>73</v>
      </c>
      <c r="AL39029">
        <v>74</v>
      </c>
      <c r="AM39029">
        <v>74</v>
      </c>
      <c r="AN39029">
        <v>75</v>
      </c>
      <c r="AO39029">
        <v>75</v>
      </c>
      <c r="AP39029">
        <v>76</v>
      </c>
      <c r="AQ39029">
        <v>76</v>
      </c>
    </row>
    <row r="39030" spans="1:43">
      <c r="A39030" t="s">
        <v>24215</v>
      </c>
      <c r="B39030" t="s">
        <v>24216</v>
      </c>
      <c r="C39030" t="s">
        <v>24157</v>
      </c>
      <c r="D39030" t="s">
        <v>24158</v>
      </c>
      <c r="E39030" t="s">
        <v>24147</v>
      </c>
      <c r="F39030" t="s">
        <v>24148</v>
      </c>
      <c r="G39030" t="s">
        <v>11612</v>
      </c>
      <c r="H39030" t="s">
        <v>11613</v>
      </c>
      <c r="I39030" s="2">
        <v>0</v>
      </c>
      <c r="J39030" s="2">
        <v>0</v>
      </c>
      <c r="K39030" s="2">
        <v>1</v>
      </c>
      <c r="L39030" t="s">
        <v>995</v>
      </c>
      <c r="M39030" t="s">
        <v>83</v>
      </c>
      <c r="N39030" t="s">
        <v>84</v>
      </c>
      <c r="O39030" t="s">
        <v>85</v>
      </c>
      <c r="P39030" t="s">
        <v>86</v>
      </c>
      <c r="Q39030">
        <v>14</v>
      </c>
      <c r="R39030">
        <v>15</v>
      </c>
      <c r="S39030">
        <v>15</v>
      </c>
      <c r="T39030">
        <v>15</v>
      </c>
      <c r="U39030">
        <v>15</v>
      </c>
      <c r="V39030">
        <v>16</v>
      </c>
      <c r="W39030">
        <v>16</v>
      </c>
      <c r="X39030">
        <v>16</v>
      </c>
      <c r="Y39030">
        <v>17</v>
      </c>
      <c r="Z39030">
        <v>17</v>
      </c>
      <c r="AA39030">
        <v>17</v>
      </c>
      <c r="AB39030">
        <v>17</v>
      </c>
      <c r="AC39030">
        <v>18</v>
      </c>
      <c r="AD39030">
        <v>18</v>
      </c>
      <c r="AE39030">
        <v>18</v>
      </c>
      <c r="AF39030">
        <v>18</v>
      </c>
      <c r="AG39030">
        <v>19</v>
      </c>
      <c r="AH39030">
        <v>19</v>
      </c>
      <c r="AI39030">
        <v>19</v>
      </c>
      <c r="AJ39030">
        <v>20</v>
      </c>
      <c r="AK39030">
        <v>20</v>
      </c>
      <c r="AL39030">
        <v>20</v>
      </c>
      <c r="AM39030">
        <v>20</v>
      </c>
      <c r="AN39030">
        <v>20</v>
      </c>
      <c r="AO39030">
        <v>21</v>
      </c>
      <c r="AP39030">
        <v>21</v>
      </c>
      <c r="AQ39030">
        <v>21</v>
      </c>
    </row>
    <row r="39031" spans="1:43">
      <c r="A39031" t="s">
        <v>24215</v>
      </c>
      <c r="B39031" t="s">
        <v>24216</v>
      </c>
      <c r="C39031" t="s">
        <v>24157</v>
      </c>
      <c r="D39031" t="s">
        <v>24158</v>
      </c>
      <c r="E39031" t="s">
        <v>24147</v>
      </c>
      <c r="F39031" t="s">
        <v>24148</v>
      </c>
      <c r="G39031" t="s">
        <v>11612</v>
      </c>
      <c r="H39031" t="s">
        <v>11613</v>
      </c>
      <c r="I39031" s="2">
        <v>0</v>
      </c>
      <c r="J39031" s="2">
        <v>0</v>
      </c>
      <c r="K39031" s="2">
        <v>1</v>
      </c>
      <c r="L39031" t="s">
        <v>995</v>
      </c>
      <c r="M39031" t="s">
        <v>87</v>
      </c>
      <c r="N39031" t="s">
        <v>88</v>
      </c>
      <c r="O39031" t="s">
        <v>85</v>
      </c>
      <c r="P39031" t="s">
        <v>86</v>
      </c>
      <c r="Q39031">
        <v>14</v>
      </c>
      <c r="R39031">
        <v>14</v>
      </c>
      <c r="S39031">
        <v>15</v>
      </c>
      <c r="T39031">
        <v>15</v>
      </c>
      <c r="U39031">
        <v>15</v>
      </c>
      <c r="V39031">
        <v>15</v>
      </c>
      <c r="W39031">
        <v>15</v>
      </c>
      <c r="X39031">
        <v>15</v>
      </c>
      <c r="Y39031">
        <v>15</v>
      </c>
      <c r="Z39031">
        <v>15</v>
      </c>
      <c r="AA39031">
        <v>16</v>
      </c>
      <c r="AB39031">
        <v>16</v>
      </c>
      <c r="AC39031">
        <v>16</v>
      </c>
      <c r="AD39031">
        <v>16</v>
      </c>
      <c r="AE39031">
        <v>16</v>
      </c>
      <c r="AF39031">
        <v>16</v>
      </c>
      <c r="AG39031">
        <v>16</v>
      </c>
      <c r="AH39031">
        <v>17</v>
      </c>
      <c r="AI39031">
        <v>17</v>
      </c>
      <c r="AJ39031">
        <v>17</v>
      </c>
      <c r="AK39031">
        <v>17</v>
      </c>
      <c r="AL39031">
        <v>17</v>
      </c>
      <c r="AM39031">
        <v>17</v>
      </c>
      <c r="AN39031">
        <v>17</v>
      </c>
      <c r="AO39031">
        <v>18</v>
      </c>
      <c r="AP39031">
        <v>18</v>
      </c>
      <c r="AQ39031">
        <v>18</v>
      </c>
    </row>
    <row r="39032" spans="1:43">
      <c r="A39032" t="s">
        <v>24215</v>
      </c>
      <c r="B39032" t="s">
        <v>24216</v>
      </c>
      <c r="C39032" t="s">
        <v>24157</v>
      </c>
      <c r="D39032" t="s">
        <v>24158</v>
      </c>
      <c r="E39032" t="s">
        <v>24147</v>
      </c>
      <c r="F39032" t="s">
        <v>24148</v>
      </c>
      <c r="G39032" t="s">
        <v>11612</v>
      </c>
      <c r="H39032" t="s">
        <v>11613</v>
      </c>
      <c r="I39032" s="2">
        <v>0</v>
      </c>
      <c r="J39032" s="2">
        <v>0</v>
      </c>
      <c r="K39032" s="2">
        <v>1</v>
      </c>
      <c r="L39032" t="s">
        <v>995</v>
      </c>
      <c r="M39032" t="s">
        <v>89</v>
      </c>
      <c r="N39032" t="s">
        <v>90</v>
      </c>
      <c r="O39032" t="s">
        <v>85</v>
      </c>
      <c r="P39032" t="s">
        <v>86</v>
      </c>
      <c r="Q39032">
        <v>14</v>
      </c>
      <c r="R39032">
        <v>14</v>
      </c>
      <c r="S39032">
        <v>14</v>
      </c>
      <c r="T39032">
        <v>15</v>
      </c>
      <c r="U39032">
        <v>15</v>
      </c>
      <c r="V39032">
        <v>15</v>
      </c>
      <c r="W39032">
        <v>16</v>
      </c>
      <c r="X39032">
        <v>16</v>
      </c>
      <c r="Y39032">
        <v>16</v>
      </c>
      <c r="Z39032">
        <v>17</v>
      </c>
      <c r="AA39032">
        <v>17</v>
      </c>
      <c r="AB39032">
        <v>18</v>
      </c>
      <c r="AC39032">
        <v>18</v>
      </c>
      <c r="AD39032">
        <v>18</v>
      </c>
      <c r="AE39032">
        <v>18</v>
      </c>
      <c r="AF39032">
        <v>19</v>
      </c>
      <c r="AG39032">
        <v>19</v>
      </c>
      <c r="AH39032">
        <v>19</v>
      </c>
      <c r="AI39032">
        <v>19</v>
      </c>
      <c r="AJ39032">
        <v>19</v>
      </c>
      <c r="AK39032">
        <v>19</v>
      </c>
      <c r="AL39032">
        <v>19</v>
      </c>
      <c r="AM39032">
        <v>20</v>
      </c>
      <c r="AN39032">
        <v>20</v>
      </c>
      <c r="AO39032">
        <v>20</v>
      </c>
      <c r="AP39032">
        <v>20</v>
      </c>
      <c r="AQ39032">
        <v>20</v>
      </c>
    </row>
    <row r="39033" spans="1:43">
      <c r="A39033" t="s">
        <v>24215</v>
      </c>
      <c r="B39033" t="s">
        <v>24216</v>
      </c>
      <c r="C39033" t="s">
        <v>24157</v>
      </c>
      <c r="D39033" t="s">
        <v>24158</v>
      </c>
      <c r="E39033" t="s">
        <v>24147</v>
      </c>
      <c r="F39033" t="s">
        <v>24148</v>
      </c>
      <c r="G39033" t="s">
        <v>11612</v>
      </c>
      <c r="H39033" t="s">
        <v>11613</v>
      </c>
      <c r="I39033" s="2">
        <v>0</v>
      </c>
      <c r="J39033" s="2">
        <v>0</v>
      </c>
      <c r="K39033" s="2">
        <v>1</v>
      </c>
      <c r="L39033" t="s">
        <v>995</v>
      </c>
      <c r="M39033" t="s">
        <v>83</v>
      </c>
      <c r="N39033" t="s">
        <v>91</v>
      </c>
      <c r="O39033" t="s">
        <v>85</v>
      </c>
      <c r="P39033" t="s">
        <v>86</v>
      </c>
      <c r="Q39033">
        <v>14</v>
      </c>
      <c r="R39033">
        <v>15</v>
      </c>
      <c r="S39033">
        <v>15</v>
      </c>
      <c r="T39033">
        <v>15</v>
      </c>
      <c r="U39033">
        <v>15</v>
      </c>
      <c r="V39033">
        <v>16</v>
      </c>
      <c r="W39033">
        <v>16</v>
      </c>
      <c r="X39033">
        <v>16</v>
      </c>
      <c r="Y39033">
        <v>17</v>
      </c>
      <c r="Z39033">
        <v>17</v>
      </c>
      <c r="AA39033">
        <v>17</v>
      </c>
      <c r="AB39033">
        <v>17</v>
      </c>
      <c r="AC39033">
        <v>18</v>
      </c>
      <c r="AD39033">
        <v>18</v>
      </c>
      <c r="AE39033">
        <v>18</v>
      </c>
      <c r="AF39033">
        <v>18</v>
      </c>
      <c r="AG39033">
        <v>19</v>
      </c>
      <c r="AH39033">
        <v>19</v>
      </c>
      <c r="AI39033">
        <v>19</v>
      </c>
      <c r="AJ39033">
        <v>20</v>
      </c>
      <c r="AK39033">
        <v>20</v>
      </c>
      <c r="AL39033">
        <v>20</v>
      </c>
      <c r="AM39033">
        <v>20</v>
      </c>
      <c r="AN39033">
        <v>20</v>
      </c>
      <c r="AO39033">
        <v>21</v>
      </c>
      <c r="AP39033">
        <v>21</v>
      </c>
      <c r="AQ39033">
        <v>21</v>
      </c>
    </row>
    <row r="39034" spans="1:43">
      <c r="A39034" t="s">
        <v>24217</v>
      </c>
      <c r="B39034" t="s">
        <v>24218</v>
      </c>
      <c r="C39034" t="s">
        <v>24219</v>
      </c>
      <c r="D39034" t="s">
        <v>24220</v>
      </c>
      <c r="E39034" t="s">
        <v>24147</v>
      </c>
      <c r="F39034" t="s">
        <v>24148</v>
      </c>
      <c r="G39034" t="s">
        <v>11612</v>
      </c>
      <c r="H39034" t="s">
        <v>11613</v>
      </c>
      <c r="I39034" s="2">
        <v>0</v>
      </c>
      <c r="J39034" s="2">
        <v>0</v>
      </c>
      <c r="K39034" s="2">
        <v>1</v>
      </c>
      <c r="L39034" t="s">
        <v>995</v>
      </c>
      <c r="M39034" t="s">
        <v>83</v>
      </c>
      <c r="N39034" t="s">
        <v>84</v>
      </c>
      <c r="O39034" t="s">
        <v>85</v>
      </c>
      <c r="P39034" t="s">
        <v>86</v>
      </c>
      <c r="Q39034">
        <v>20</v>
      </c>
      <c r="R39034">
        <v>20</v>
      </c>
      <c r="S39034">
        <v>20</v>
      </c>
      <c r="T39034">
        <v>21</v>
      </c>
      <c r="U39034">
        <v>21</v>
      </c>
      <c r="V39034">
        <v>21</v>
      </c>
      <c r="W39034">
        <v>22</v>
      </c>
      <c r="X39034">
        <v>22</v>
      </c>
      <c r="Y39034">
        <v>22</v>
      </c>
      <c r="Z39034">
        <v>23</v>
      </c>
      <c r="AA39034">
        <v>23</v>
      </c>
      <c r="AB39034">
        <v>23</v>
      </c>
      <c r="AC39034">
        <v>24</v>
      </c>
      <c r="AD39034">
        <v>24</v>
      </c>
      <c r="AE39034">
        <v>24</v>
      </c>
      <c r="AF39034">
        <v>25</v>
      </c>
      <c r="AG39034">
        <v>25</v>
      </c>
      <c r="AH39034">
        <v>25</v>
      </c>
      <c r="AI39034">
        <v>26</v>
      </c>
      <c r="AJ39034">
        <v>26</v>
      </c>
      <c r="AK39034">
        <v>26</v>
      </c>
      <c r="AL39034">
        <v>27</v>
      </c>
      <c r="AM39034">
        <v>27</v>
      </c>
      <c r="AN39034">
        <v>27</v>
      </c>
      <c r="AO39034">
        <v>27</v>
      </c>
      <c r="AP39034">
        <v>27</v>
      </c>
      <c r="AQ39034">
        <v>27</v>
      </c>
    </row>
    <row r="39035" spans="1:43">
      <c r="A39035" t="s">
        <v>24217</v>
      </c>
      <c r="B39035" t="s">
        <v>24218</v>
      </c>
      <c r="C39035" t="s">
        <v>24219</v>
      </c>
      <c r="D39035" t="s">
        <v>24220</v>
      </c>
      <c r="E39035" t="s">
        <v>24147</v>
      </c>
      <c r="F39035" t="s">
        <v>24148</v>
      </c>
      <c r="G39035" t="s">
        <v>11612</v>
      </c>
      <c r="H39035" t="s">
        <v>11613</v>
      </c>
      <c r="I39035" s="2">
        <v>0</v>
      </c>
      <c r="J39035" s="2">
        <v>0</v>
      </c>
      <c r="K39035" s="2">
        <v>1</v>
      </c>
      <c r="L39035" t="s">
        <v>995</v>
      </c>
      <c r="M39035" t="s">
        <v>87</v>
      </c>
      <c r="N39035" t="s">
        <v>88</v>
      </c>
      <c r="O39035" t="s">
        <v>85</v>
      </c>
      <c r="P39035" t="s">
        <v>86</v>
      </c>
      <c r="Q39035">
        <v>20</v>
      </c>
      <c r="R39035">
        <v>20</v>
      </c>
      <c r="S39035">
        <v>20</v>
      </c>
      <c r="T39035">
        <v>20</v>
      </c>
      <c r="U39035">
        <v>20</v>
      </c>
      <c r="V39035">
        <v>20</v>
      </c>
      <c r="W39035">
        <v>20</v>
      </c>
      <c r="X39035">
        <v>21</v>
      </c>
      <c r="Y39035">
        <v>21</v>
      </c>
      <c r="Z39035">
        <v>21</v>
      </c>
      <c r="AA39035">
        <v>21</v>
      </c>
      <c r="AB39035">
        <v>21</v>
      </c>
      <c r="AC39035">
        <v>21</v>
      </c>
      <c r="AD39035">
        <v>22</v>
      </c>
      <c r="AE39035">
        <v>22</v>
      </c>
      <c r="AF39035">
        <v>22</v>
      </c>
      <c r="AG39035">
        <v>22</v>
      </c>
      <c r="AH39035">
        <v>22</v>
      </c>
      <c r="AI39035">
        <v>22</v>
      </c>
      <c r="AJ39035">
        <v>23</v>
      </c>
      <c r="AK39035">
        <v>23</v>
      </c>
      <c r="AL39035">
        <v>23</v>
      </c>
      <c r="AM39035">
        <v>23</v>
      </c>
      <c r="AN39035">
        <v>23</v>
      </c>
      <c r="AO39035">
        <v>23</v>
      </c>
      <c r="AP39035">
        <v>24</v>
      </c>
      <c r="AQ39035">
        <v>24</v>
      </c>
    </row>
    <row r="39036" spans="1:43">
      <c r="A39036" t="s">
        <v>24217</v>
      </c>
      <c r="B39036" t="s">
        <v>24218</v>
      </c>
      <c r="C39036" t="s">
        <v>24219</v>
      </c>
      <c r="D39036" t="s">
        <v>24220</v>
      </c>
      <c r="E39036" t="s">
        <v>24147</v>
      </c>
      <c r="F39036" t="s">
        <v>24148</v>
      </c>
      <c r="G39036" t="s">
        <v>11612</v>
      </c>
      <c r="H39036" t="s">
        <v>11613</v>
      </c>
      <c r="I39036" s="2">
        <v>0</v>
      </c>
      <c r="J39036" s="2">
        <v>0</v>
      </c>
      <c r="K39036" s="2">
        <v>1</v>
      </c>
      <c r="L39036" t="s">
        <v>995</v>
      </c>
      <c r="M39036" t="s">
        <v>89</v>
      </c>
      <c r="N39036" t="s">
        <v>90</v>
      </c>
      <c r="O39036" t="s">
        <v>85</v>
      </c>
      <c r="P39036" t="s">
        <v>86</v>
      </c>
      <c r="Q39036">
        <v>20</v>
      </c>
      <c r="R39036">
        <v>20</v>
      </c>
      <c r="S39036">
        <v>21</v>
      </c>
      <c r="T39036">
        <v>21</v>
      </c>
      <c r="U39036">
        <v>22</v>
      </c>
      <c r="V39036">
        <v>22</v>
      </c>
      <c r="W39036">
        <v>23</v>
      </c>
      <c r="X39036">
        <v>23</v>
      </c>
      <c r="Y39036">
        <v>24</v>
      </c>
      <c r="Z39036">
        <v>24</v>
      </c>
      <c r="AA39036">
        <v>25</v>
      </c>
      <c r="AB39036">
        <v>25</v>
      </c>
      <c r="AC39036">
        <v>25</v>
      </c>
      <c r="AD39036">
        <v>26</v>
      </c>
      <c r="AE39036">
        <v>26</v>
      </c>
      <c r="AF39036">
        <v>26</v>
      </c>
      <c r="AG39036">
        <v>26</v>
      </c>
      <c r="AH39036">
        <v>26</v>
      </c>
      <c r="AI39036">
        <v>27</v>
      </c>
      <c r="AJ39036">
        <v>27</v>
      </c>
      <c r="AK39036">
        <v>27</v>
      </c>
      <c r="AL39036">
        <v>27</v>
      </c>
      <c r="AM39036">
        <v>27</v>
      </c>
      <c r="AN39036">
        <v>27</v>
      </c>
      <c r="AO39036">
        <v>27</v>
      </c>
      <c r="AP39036">
        <v>27</v>
      </c>
      <c r="AQ39036">
        <v>27</v>
      </c>
    </row>
    <row r="39037" spans="1:43">
      <c r="A39037" t="s">
        <v>24217</v>
      </c>
      <c r="B39037" t="s">
        <v>24218</v>
      </c>
      <c r="C39037" t="s">
        <v>24219</v>
      </c>
      <c r="D39037" t="s">
        <v>24220</v>
      </c>
      <c r="E39037" t="s">
        <v>24147</v>
      </c>
      <c r="F39037" t="s">
        <v>24148</v>
      </c>
      <c r="G39037" t="s">
        <v>11612</v>
      </c>
      <c r="H39037" t="s">
        <v>11613</v>
      </c>
      <c r="I39037" s="2">
        <v>0</v>
      </c>
      <c r="J39037" s="2">
        <v>0</v>
      </c>
      <c r="K39037" s="2">
        <v>1</v>
      </c>
      <c r="L39037" t="s">
        <v>995</v>
      </c>
      <c r="M39037" t="s">
        <v>83</v>
      </c>
      <c r="N39037" t="s">
        <v>91</v>
      </c>
      <c r="O39037" t="s">
        <v>85</v>
      </c>
      <c r="P39037" t="s">
        <v>86</v>
      </c>
      <c r="Q39037">
        <v>20</v>
      </c>
      <c r="R39037">
        <v>20</v>
      </c>
      <c r="S39037">
        <v>20</v>
      </c>
      <c r="T39037">
        <v>21</v>
      </c>
      <c r="U39037">
        <v>21</v>
      </c>
      <c r="V39037">
        <v>21</v>
      </c>
      <c r="W39037">
        <v>22</v>
      </c>
      <c r="X39037">
        <v>22</v>
      </c>
      <c r="Y39037">
        <v>22</v>
      </c>
      <c r="Z39037">
        <v>23</v>
      </c>
      <c r="AA39037">
        <v>23</v>
      </c>
      <c r="AB39037">
        <v>23</v>
      </c>
      <c r="AC39037">
        <v>24</v>
      </c>
      <c r="AD39037">
        <v>24</v>
      </c>
      <c r="AE39037">
        <v>24</v>
      </c>
      <c r="AF39037">
        <v>25</v>
      </c>
      <c r="AG39037">
        <v>25</v>
      </c>
      <c r="AH39037">
        <v>25</v>
      </c>
      <c r="AI39037">
        <v>26</v>
      </c>
      <c r="AJ39037">
        <v>26</v>
      </c>
      <c r="AK39037">
        <v>26</v>
      </c>
      <c r="AL39037">
        <v>27</v>
      </c>
      <c r="AM39037">
        <v>27</v>
      </c>
      <c r="AN39037">
        <v>27</v>
      </c>
      <c r="AO39037">
        <v>27</v>
      </c>
      <c r="AP39037">
        <v>27</v>
      </c>
      <c r="AQ39037">
        <v>27</v>
      </c>
    </row>
    <row r="39038" spans="1:43">
      <c r="A39038" t="s">
        <v>24221</v>
      </c>
      <c r="B39038" t="s">
        <v>24222</v>
      </c>
      <c r="C39038" t="s">
        <v>24219</v>
      </c>
      <c r="D39038" t="s">
        <v>24220</v>
      </c>
      <c r="E39038" t="s">
        <v>24147</v>
      </c>
      <c r="F39038" t="s">
        <v>24148</v>
      </c>
      <c r="G39038" t="s">
        <v>11612</v>
      </c>
      <c r="H39038" t="s">
        <v>11613</v>
      </c>
      <c r="I39038" s="2">
        <v>0</v>
      </c>
      <c r="J39038" s="2">
        <v>0</v>
      </c>
      <c r="K39038" s="2">
        <v>1</v>
      </c>
      <c r="L39038" t="s">
        <v>995</v>
      </c>
      <c r="M39038" t="s">
        <v>83</v>
      </c>
      <c r="N39038" t="s">
        <v>84</v>
      </c>
      <c r="O39038" t="s">
        <v>85</v>
      </c>
      <c r="P39038" t="s">
        <v>86</v>
      </c>
      <c r="Q39038">
        <v>10</v>
      </c>
      <c r="R39038">
        <v>10</v>
      </c>
      <c r="S39038">
        <v>10</v>
      </c>
      <c r="T39038">
        <v>10</v>
      </c>
      <c r="U39038">
        <v>10</v>
      </c>
      <c r="V39038">
        <v>10</v>
      </c>
      <c r="W39038">
        <v>11</v>
      </c>
      <c r="X39038">
        <v>11</v>
      </c>
      <c r="Y39038">
        <v>11</v>
      </c>
      <c r="Z39038">
        <v>11</v>
      </c>
      <c r="AA39038">
        <v>11</v>
      </c>
      <c r="AB39038">
        <v>11</v>
      </c>
      <c r="AC39038">
        <v>12</v>
      </c>
      <c r="AD39038">
        <v>12</v>
      </c>
      <c r="AE39038">
        <v>12</v>
      </c>
      <c r="AF39038">
        <v>12</v>
      </c>
      <c r="AG39038">
        <v>12</v>
      </c>
      <c r="AH39038">
        <v>12</v>
      </c>
      <c r="AI39038">
        <v>12</v>
      </c>
      <c r="AJ39038">
        <v>13</v>
      </c>
      <c r="AK39038">
        <v>13</v>
      </c>
      <c r="AL39038">
        <v>13</v>
      </c>
      <c r="AM39038">
        <v>13</v>
      </c>
      <c r="AN39038">
        <v>13</v>
      </c>
      <c r="AO39038">
        <v>13</v>
      </c>
      <c r="AP39038">
        <v>13</v>
      </c>
      <c r="AQ39038">
        <v>13</v>
      </c>
    </row>
    <row r="39039" spans="1:43">
      <c r="A39039" t="s">
        <v>24221</v>
      </c>
      <c r="B39039" t="s">
        <v>24222</v>
      </c>
      <c r="C39039" t="s">
        <v>24219</v>
      </c>
      <c r="D39039" t="s">
        <v>24220</v>
      </c>
      <c r="E39039" t="s">
        <v>24147</v>
      </c>
      <c r="F39039" t="s">
        <v>24148</v>
      </c>
      <c r="G39039" t="s">
        <v>11612</v>
      </c>
      <c r="H39039" t="s">
        <v>11613</v>
      </c>
      <c r="I39039" s="2">
        <v>0</v>
      </c>
      <c r="J39039" s="2">
        <v>0</v>
      </c>
      <c r="K39039" s="2">
        <v>1</v>
      </c>
      <c r="L39039" t="s">
        <v>995</v>
      </c>
      <c r="M39039" t="s">
        <v>87</v>
      </c>
      <c r="N39039" t="s">
        <v>88</v>
      </c>
      <c r="O39039" t="s">
        <v>85</v>
      </c>
      <c r="P39039" t="s">
        <v>86</v>
      </c>
      <c r="Q39039">
        <v>10</v>
      </c>
      <c r="R39039">
        <v>11</v>
      </c>
      <c r="S39039">
        <v>11</v>
      </c>
      <c r="T39039">
        <v>11</v>
      </c>
      <c r="U39039">
        <v>11</v>
      </c>
      <c r="V39039">
        <v>11</v>
      </c>
      <c r="W39039">
        <v>11</v>
      </c>
      <c r="X39039">
        <v>11</v>
      </c>
      <c r="Y39039">
        <v>11</v>
      </c>
      <c r="Z39039">
        <v>11</v>
      </c>
      <c r="AA39039">
        <v>11</v>
      </c>
      <c r="AB39039">
        <v>11</v>
      </c>
      <c r="AC39039">
        <v>11</v>
      </c>
      <c r="AD39039">
        <v>11</v>
      </c>
      <c r="AE39039">
        <v>12</v>
      </c>
      <c r="AF39039">
        <v>12</v>
      </c>
      <c r="AG39039">
        <v>12</v>
      </c>
      <c r="AH39039">
        <v>12</v>
      </c>
      <c r="AI39039">
        <v>12</v>
      </c>
      <c r="AJ39039">
        <v>12</v>
      </c>
      <c r="AK39039">
        <v>12</v>
      </c>
      <c r="AL39039">
        <v>12</v>
      </c>
      <c r="AM39039">
        <v>12</v>
      </c>
      <c r="AN39039">
        <v>12</v>
      </c>
      <c r="AO39039">
        <v>12</v>
      </c>
      <c r="AP39039">
        <v>12</v>
      </c>
      <c r="AQ39039">
        <v>13</v>
      </c>
    </row>
    <row r="39040" spans="1:43">
      <c r="A39040" t="s">
        <v>24221</v>
      </c>
      <c r="B39040" t="s">
        <v>24222</v>
      </c>
      <c r="C39040" t="s">
        <v>24219</v>
      </c>
      <c r="D39040" t="s">
        <v>24220</v>
      </c>
      <c r="E39040" t="s">
        <v>24147</v>
      </c>
      <c r="F39040" t="s">
        <v>24148</v>
      </c>
      <c r="G39040" t="s">
        <v>11612</v>
      </c>
      <c r="H39040" t="s">
        <v>11613</v>
      </c>
      <c r="I39040" s="2">
        <v>0</v>
      </c>
      <c r="J39040" s="2">
        <v>0</v>
      </c>
      <c r="K39040" s="2">
        <v>1</v>
      </c>
      <c r="L39040" t="s">
        <v>995</v>
      </c>
      <c r="M39040" t="s">
        <v>89</v>
      </c>
      <c r="N39040" t="s">
        <v>90</v>
      </c>
      <c r="O39040" t="s">
        <v>85</v>
      </c>
      <c r="P39040" t="s">
        <v>86</v>
      </c>
      <c r="Q39040">
        <v>10</v>
      </c>
      <c r="R39040">
        <v>10</v>
      </c>
      <c r="S39040">
        <v>10</v>
      </c>
      <c r="T39040">
        <v>10</v>
      </c>
      <c r="U39040">
        <v>11</v>
      </c>
      <c r="V39040">
        <v>11</v>
      </c>
      <c r="W39040">
        <v>11</v>
      </c>
      <c r="X39040">
        <v>11</v>
      </c>
      <c r="Y39040">
        <v>12</v>
      </c>
      <c r="Z39040">
        <v>12</v>
      </c>
      <c r="AA39040">
        <v>12</v>
      </c>
      <c r="AB39040">
        <v>12</v>
      </c>
      <c r="AC39040">
        <v>12</v>
      </c>
      <c r="AD39040">
        <v>13</v>
      </c>
      <c r="AE39040">
        <v>13</v>
      </c>
      <c r="AF39040">
        <v>13</v>
      </c>
      <c r="AG39040">
        <v>13</v>
      </c>
      <c r="AH39040">
        <v>13</v>
      </c>
      <c r="AI39040">
        <v>13</v>
      </c>
      <c r="AJ39040">
        <v>13</v>
      </c>
      <c r="AK39040">
        <v>13</v>
      </c>
      <c r="AL39040">
        <v>13</v>
      </c>
      <c r="AM39040">
        <v>13</v>
      </c>
      <c r="AN39040">
        <v>13</v>
      </c>
      <c r="AO39040">
        <v>13</v>
      </c>
      <c r="AP39040">
        <v>13</v>
      </c>
      <c r="AQ39040">
        <v>13</v>
      </c>
    </row>
    <row r="39041" spans="1:43">
      <c r="A39041" t="s">
        <v>24221</v>
      </c>
      <c r="B39041" t="s">
        <v>24222</v>
      </c>
      <c r="C39041" t="s">
        <v>24219</v>
      </c>
      <c r="D39041" t="s">
        <v>24220</v>
      </c>
      <c r="E39041" t="s">
        <v>24147</v>
      </c>
      <c r="F39041" t="s">
        <v>24148</v>
      </c>
      <c r="G39041" t="s">
        <v>11612</v>
      </c>
      <c r="H39041" t="s">
        <v>11613</v>
      </c>
      <c r="I39041" s="2">
        <v>0</v>
      </c>
      <c r="J39041" s="2">
        <v>0</v>
      </c>
      <c r="K39041" s="2">
        <v>1</v>
      </c>
      <c r="L39041" t="s">
        <v>995</v>
      </c>
      <c r="M39041" t="s">
        <v>83</v>
      </c>
      <c r="N39041" t="s">
        <v>91</v>
      </c>
      <c r="O39041" t="s">
        <v>85</v>
      </c>
      <c r="P39041" t="s">
        <v>86</v>
      </c>
      <c r="Q39041">
        <v>10</v>
      </c>
      <c r="R39041">
        <v>10</v>
      </c>
      <c r="S39041">
        <v>10</v>
      </c>
      <c r="T39041">
        <v>10</v>
      </c>
      <c r="U39041">
        <v>10</v>
      </c>
      <c r="V39041">
        <v>10</v>
      </c>
      <c r="W39041">
        <v>11</v>
      </c>
      <c r="X39041">
        <v>11</v>
      </c>
      <c r="Y39041">
        <v>11</v>
      </c>
      <c r="Z39041">
        <v>11</v>
      </c>
      <c r="AA39041">
        <v>11</v>
      </c>
      <c r="AB39041">
        <v>11</v>
      </c>
      <c r="AC39041">
        <v>12</v>
      </c>
      <c r="AD39041">
        <v>12</v>
      </c>
      <c r="AE39041">
        <v>12</v>
      </c>
      <c r="AF39041">
        <v>12</v>
      </c>
      <c r="AG39041">
        <v>12</v>
      </c>
      <c r="AH39041">
        <v>12</v>
      </c>
      <c r="AI39041">
        <v>12</v>
      </c>
      <c r="AJ39041">
        <v>13</v>
      </c>
      <c r="AK39041">
        <v>13</v>
      </c>
      <c r="AL39041">
        <v>13</v>
      </c>
      <c r="AM39041">
        <v>13</v>
      </c>
      <c r="AN39041">
        <v>13</v>
      </c>
      <c r="AO39041">
        <v>13</v>
      </c>
      <c r="AP39041">
        <v>13</v>
      </c>
      <c r="AQ39041">
        <v>13</v>
      </c>
    </row>
    <row r="39042" spans="1:43">
      <c r="A39042" t="s">
        <v>24223</v>
      </c>
      <c r="B39042" t="s">
        <v>24224</v>
      </c>
      <c r="C39042" t="s">
        <v>24219</v>
      </c>
      <c r="D39042" t="s">
        <v>24220</v>
      </c>
      <c r="E39042" t="s">
        <v>24147</v>
      </c>
      <c r="F39042" t="s">
        <v>24148</v>
      </c>
      <c r="G39042" t="s">
        <v>11612</v>
      </c>
      <c r="H39042" t="s">
        <v>11613</v>
      </c>
      <c r="I39042" s="2">
        <v>0</v>
      </c>
      <c r="J39042" s="2">
        <v>0</v>
      </c>
      <c r="K39042" s="2">
        <v>1</v>
      </c>
      <c r="L39042" t="s">
        <v>995</v>
      </c>
      <c r="M39042" t="s">
        <v>83</v>
      </c>
      <c r="N39042" t="s">
        <v>84</v>
      </c>
      <c r="O39042" t="s">
        <v>85</v>
      </c>
      <c r="P39042" t="s">
        <v>86</v>
      </c>
      <c r="Q39042">
        <v>18</v>
      </c>
      <c r="R39042">
        <v>18</v>
      </c>
      <c r="S39042">
        <v>19</v>
      </c>
      <c r="T39042">
        <v>19</v>
      </c>
      <c r="U39042">
        <v>19</v>
      </c>
      <c r="V39042">
        <v>20</v>
      </c>
      <c r="W39042">
        <v>20</v>
      </c>
      <c r="X39042">
        <v>20</v>
      </c>
      <c r="Y39042">
        <v>20</v>
      </c>
      <c r="Z39042">
        <v>21</v>
      </c>
      <c r="AA39042">
        <v>21</v>
      </c>
      <c r="AB39042">
        <v>21</v>
      </c>
      <c r="AC39042">
        <v>22</v>
      </c>
      <c r="AD39042">
        <v>22</v>
      </c>
      <c r="AE39042">
        <v>22</v>
      </c>
      <c r="AF39042">
        <v>23</v>
      </c>
      <c r="AG39042">
        <v>23</v>
      </c>
      <c r="AH39042">
        <v>23</v>
      </c>
      <c r="AI39042">
        <v>24</v>
      </c>
      <c r="AJ39042">
        <v>24</v>
      </c>
      <c r="AK39042">
        <v>24</v>
      </c>
      <c r="AL39042">
        <v>24</v>
      </c>
      <c r="AM39042">
        <v>24</v>
      </c>
      <c r="AN39042">
        <v>25</v>
      </c>
      <c r="AO39042">
        <v>25</v>
      </c>
      <c r="AP39042">
        <v>25</v>
      </c>
      <c r="AQ39042">
        <v>25</v>
      </c>
    </row>
    <row r="39043" spans="1:43">
      <c r="A39043" t="s">
        <v>24223</v>
      </c>
      <c r="B39043" t="s">
        <v>24224</v>
      </c>
      <c r="C39043" t="s">
        <v>24219</v>
      </c>
      <c r="D39043" t="s">
        <v>24220</v>
      </c>
      <c r="E39043" t="s">
        <v>24147</v>
      </c>
      <c r="F39043" t="s">
        <v>24148</v>
      </c>
      <c r="G39043" t="s">
        <v>11612</v>
      </c>
      <c r="H39043" t="s">
        <v>11613</v>
      </c>
      <c r="I39043" s="2">
        <v>0</v>
      </c>
      <c r="J39043" s="2">
        <v>0</v>
      </c>
      <c r="K39043" s="2">
        <v>1</v>
      </c>
      <c r="L39043" t="s">
        <v>995</v>
      </c>
      <c r="M39043" t="s">
        <v>87</v>
      </c>
      <c r="N39043" t="s">
        <v>88</v>
      </c>
      <c r="O39043" t="s">
        <v>85</v>
      </c>
      <c r="P39043" t="s">
        <v>86</v>
      </c>
      <c r="Q39043">
        <v>18</v>
      </c>
      <c r="R39043">
        <v>18</v>
      </c>
      <c r="S39043">
        <v>18</v>
      </c>
      <c r="T39043">
        <v>18</v>
      </c>
      <c r="U39043">
        <v>18</v>
      </c>
      <c r="V39043">
        <v>19</v>
      </c>
      <c r="W39043">
        <v>19</v>
      </c>
      <c r="X39043">
        <v>19</v>
      </c>
      <c r="Y39043">
        <v>19</v>
      </c>
      <c r="Z39043">
        <v>19</v>
      </c>
      <c r="AA39043">
        <v>19</v>
      </c>
      <c r="AB39043">
        <v>19</v>
      </c>
      <c r="AC39043">
        <v>20</v>
      </c>
      <c r="AD39043">
        <v>20</v>
      </c>
      <c r="AE39043">
        <v>20</v>
      </c>
      <c r="AF39043">
        <v>20</v>
      </c>
      <c r="AG39043">
        <v>20</v>
      </c>
      <c r="AH39043">
        <v>20</v>
      </c>
      <c r="AI39043">
        <v>20</v>
      </c>
      <c r="AJ39043">
        <v>21</v>
      </c>
      <c r="AK39043">
        <v>21</v>
      </c>
      <c r="AL39043">
        <v>21</v>
      </c>
      <c r="AM39043">
        <v>21</v>
      </c>
      <c r="AN39043">
        <v>21</v>
      </c>
      <c r="AO39043">
        <v>21</v>
      </c>
      <c r="AP39043">
        <v>22</v>
      </c>
      <c r="AQ39043">
        <v>22</v>
      </c>
    </row>
    <row r="39044" spans="1:43">
      <c r="A39044" t="s">
        <v>24223</v>
      </c>
      <c r="B39044" t="s">
        <v>24224</v>
      </c>
      <c r="C39044" t="s">
        <v>24219</v>
      </c>
      <c r="D39044" t="s">
        <v>24220</v>
      </c>
      <c r="E39044" t="s">
        <v>24147</v>
      </c>
      <c r="F39044" t="s">
        <v>24148</v>
      </c>
      <c r="G39044" t="s">
        <v>11612</v>
      </c>
      <c r="H39044" t="s">
        <v>11613</v>
      </c>
      <c r="I39044" s="2">
        <v>0</v>
      </c>
      <c r="J39044" s="2">
        <v>0</v>
      </c>
      <c r="K39044" s="2">
        <v>1</v>
      </c>
      <c r="L39044" t="s">
        <v>995</v>
      </c>
      <c r="M39044" t="s">
        <v>89</v>
      </c>
      <c r="N39044" t="s">
        <v>90</v>
      </c>
      <c r="O39044" t="s">
        <v>85</v>
      </c>
      <c r="P39044" t="s">
        <v>86</v>
      </c>
      <c r="Q39044">
        <v>18</v>
      </c>
      <c r="R39044">
        <v>19</v>
      </c>
      <c r="S39044">
        <v>19</v>
      </c>
      <c r="T39044">
        <v>20</v>
      </c>
      <c r="U39044">
        <v>20</v>
      </c>
      <c r="V39044">
        <v>20</v>
      </c>
      <c r="W39044">
        <v>21</v>
      </c>
      <c r="X39044">
        <v>21</v>
      </c>
      <c r="Y39044">
        <v>22</v>
      </c>
      <c r="Z39044">
        <v>22</v>
      </c>
      <c r="AA39044">
        <v>22</v>
      </c>
      <c r="AB39044">
        <v>23</v>
      </c>
      <c r="AC39044">
        <v>23</v>
      </c>
      <c r="AD39044">
        <v>24</v>
      </c>
      <c r="AE39044">
        <v>24</v>
      </c>
      <c r="AF39044">
        <v>24</v>
      </c>
      <c r="AG39044">
        <v>24</v>
      </c>
      <c r="AH39044">
        <v>24</v>
      </c>
      <c r="AI39044">
        <v>24</v>
      </c>
      <c r="AJ39044">
        <v>24</v>
      </c>
      <c r="AK39044">
        <v>24</v>
      </c>
      <c r="AL39044">
        <v>24</v>
      </c>
      <c r="AM39044">
        <v>25</v>
      </c>
      <c r="AN39044">
        <v>25</v>
      </c>
      <c r="AO39044">
        <v>25</v>
      </c>
      <c r="AP39044">
        <v>25</v>
      </c>
      <c r="AQ39044">
        <v>25</v>
      </c>
    </row>
    <row r="39045" spans="1:43">
      <c r="A39045" t="s">
        <v>24223</v>
      </c>
      <c r="B39045" t="s">
        <v>24224</v>
      </c>
      <c r="C39045" t="s">
        <v>24219</v>
      </c>
      <c r="D39045" t="s">
        <v>24220</v>
      </c>
      <c r="E39045" t="s">
        <v>24147</v>
      </c>
      <c r="F39045" t="s">
        <v>24148</v>
      </c>
      <c r="G39045" t="s">
        <v>11612</v>
      </c>
      <c r="H39045" t="s">
        <v>11613</v>
      </c>
      <c r="I39045" s="2">
        <v>0</v>
      </c>
      <c r="J39045" s="2">
        <v>0</v>
      </c>
      <c r="K39045" s="2">
        <v>1</v>
      </c>
      <c r="L39045" t="s">
        <v>995</v>
      </c>
      <c r="M39045" t="s">
        <v>83</v>
      </c>
      <c r="N39045" t="s">
        <v>91</v>
      </c>
      <c r="O39045" t="s">
        <v>85</v>
      </c>
      <c r="P39045" t="s">
        <v>86</v>
      </c>
      <c r="Q39045">
        <v>18</v>
      </c>
      <c r="R39045">
        <v>18</v>
      </c>
      <c r="S39045">
        <v>19</v>
      </c>
      <c r="T39045">
        <v>19</v>
      </c>
      <c r="U39045">
        <v>19</v>
      </c>
      <c r="V39045">
        <v>20</v>
      </c>
      <c r="W39045">
        <v>20</v>
      </c>
      <c r="X39045">
        <v>20</v>
      </c>
      <c r="Y39045">
        <v>20</v>
      </c>
      <c r="Z39045">
        <v>21</v>
      </c>
      <c r="AA39045">
        <v>21</v>
      </c>
      <c r="AB39045">
        <v>21</v>
      </c>
      <c r="AC39045">
        <v>22</v>
      </c>
      <c r="AD39045">
        <v>22</v>
      </c>
      <c r="AE39045">
        <v>22</v>
      </c>
      <c r="AF39045">
        <v>23</v>
      </c>
      <c r="AG39045">
        <v>23</v>
      </c>
      <c r="AH39045">
        <v>23</v>
      </c>
      <c r="AI39045">
        <v>24</v>
      </c>
      <c r="AJ39045">
        <v>24</v>
      </c>
      <c r="AK39045">
        <v>24</v>
      </c>
      <c r="AL39045">
        <v>24</v>
      </c>
      <c r="AM39045">
        <v>24</v>
      </c>
      <c r="AN39045">
        <v>25</v>
      </c>
      <c r="AO39045">
        <v>25</v>
      </c>
      <c r="AP39045">
        <v>25</v>
      </c>
      <c r="AQ39045">
        <v>25</v>
      </c>
    </row>
    <row r="39046" spans="1:43">
      <c r="A39046" t="s">
        <v>24225</v>
      </c>
      <c r="B39046" t="s">
        <v>24226</v>
      </c>
      <c r="C39046" t="s">
        <v>24219</v>
      </c>
      <c r="D39046" t="s">
        <v>24220</v>
      </c>
      <c r="E39046" t="s">
        <v>24147</v>
      </c>
      <c r="F39046" t="s">
        <v>24148</v>
      </c>
      <c r="G39046" t="s">
        <v>11612</v>
      </c>
      <c r="H39046" t="s">
        <v>11613</v>
      </c>
      <c r="I39046" s="2">
        <v>0</v>
      </c>
      <c r="J39046" s="2">
        <v>0</v>
      </c>
      <c r="K39046" s="2">
        <v>1</v>
      </c>
      <c r="L39046" t="s">
        <v>995</v>
      </c>
      <c r="M39046" t="s">
        <v>83</v>
      </c>
      <c r="N39046" t="s">
        <v>84</v>
      </c>
      <c r="O39046" t="s">
        <v>85</v>
      </c>
      <c r="P39046" t="s">
        <v>86</v>
      </c>
      <c r="Q39046">
        <v>12</v>
      </c>
      <c r="R39046">
        <v>12</v>
      </c>
      <c r="S39046">
        <v>13</v>
      </c>
      <c r="T39046">
        <v>13</v>
      </c>
      <c r="U39046">
        <v>13</v>
      </c>
      <c r="V39046">
        <v>13</v>
      </c>
      <c r="W39046">
        <v>13</v>
      </c>
      <c r="X39046">
        <v>14</v>
      </c>
      <c r="Y39046">
        <v>14</v>
      </c>
      <c r="Z39046">
        <v>14</v>
      </c>
      <c r="AA39046">
        <v>14</v>
      </c>
      <c r="AB39046">
        <v>15</v>
      </c>
      <c r="AC39046">
        <v>15</v>
      </c>
      <c r="AD39046">
        <v>15</v>
      </c>
      <c r="AE39046">
        <v>15</v>
      </c>
      <c r="AF39046">
        <v>15</v>
      </c>
      <c r="AG39046">
        <v>16</v>
      </c>
      <c r="AH39046">
        <v>16</v>
      </c>
      <c r="AI39046">
        <v>16</v>
      </c>
      <c r="AJ39046">
        <v>16</v>
      </c>
      <c r="AK39046">
        <v>16</v>
      </c>
      <c r="AL39046">
        <v>17</v>
      </c>
      <c r="AM39046">
        <v>17</v>
      </c>
      <c r="AN39046">
        <v>17</v>
      </c>
      <c r="AO39046">
        <v>17</v>
      </c>
      <c r="AP39046">
        <v>17</v>
      </c>
      <c r="AQ39046">
        <v>17</v>
      </c>
    </row>
    <row r="39047" spans="1:43">
      <c r="A39047" t="s">
        <v>24225</v>
      </c>
      <c r="B39047" t="s">
        <v>24226</v>
      </c>
      <c r="C39047" t="s">
        <v>24219</v>
      </c>
      <c r="D39047" t="s">
        <v>24220</v>
      </c>
      <c r="E39047" t="s">
        <v>24147</v>
      </c>
      <c r="F39047" t="s">
        <v>24148</v>
      </c>
      <c r="G39047" t="s">
        <v>11612</v>
      </c>
      <c r="H39047" t="s">
        <v>11613</v>
      </c>
      <c r="I39047" s="2">
        <v>0</v>
      </c>
      <c r="J39047" s="2">
        <v>0</v>
      </c>
      <c r="K39047" s="2">
        <v>1</v>
      </c>
      <c r="L39047" t="s">
        <v>995</v>
      </c>
      <c r="M39047" t="s">
        <v>87</v>
      </c>
      <c r="N39047" t="s">
        <v>88</v>
      </c>
      <c r="O39047" t="s">
        <v>85</v>
      </c>
      <c r="P39047" t="s">
        <v>86</v>
      </c>
      <c r="Q39047">
        <v>12</v>
      </c>
      <c r="R39047">
        <v>12</v>
      </c>
      <c r="S39047">
        <v>12</v>
      </c>
      <c r="T39047">
        <v>12</v>
      </c>
      <c r="U39047">
        <v>12</v>
      </c>
      <c r="V39047">
        <v>13</v>
      </c>
      <c r="W39047">
        <v>13</v>
      </c>
      <c r="X39047">
        <v>13</v>
      </c>
      <c r="Y39047">
        <v>13</v>
      </c>
      <c r="Z39047">
        <v>13</v>
      </c>
      <c r="AA39047">
        <v>13</v>
      </c>
      <c r="AB39047">
        <v>13</v>
      </c>
      <c r="AC39047">
        <v>13</v>
      </c>
      <c r="AD39047">
        <v>13</v>
      </c>
      <c r="AE39047">
        <v>13</v>
      </c>
      <c r="AF39047">
        <v>14</v>
      </c>
      <c r="AG39047">
        <v>14</v>
      </c>
      <c r="AH39047">
        <v>14</v>
      </c>
      <c r="AI39047">
        <v>14</v>
      </c>
      <c r="AJ39047">
        <v>14</v>
      </c>
      <c r="AK39047">
        <v>14</v>
      </c>
      <c r="AL39047">
        <v>14</v>
      </c>
      <c r="AM39047">
        <v>14</v>
      </c>
      <c r="AN39047">
        <v>14</v>
      </c>
      <c r="AO39047">
        <v>15</v>
      </c>
      <c r="AP39047">
        <v>15</v>
      </c>
      <c r="AQ39047">
        <v>15</v>
      </c>
    </row>
    <row r="39048" spans="1:43">
      <c r="A39048" t="s">
        <v>24225</v>
      </c>
      <c r="B39048" t="s">
        <v>24226</v>
      </c>
      <c r="C39048" t="s">
        <v>24219</v>
      </c>
      <c r="D39048" t="s">
        <v>24220</v>
      </c>
      <c r="E39048" t="s">
        <v>24147</v>
      </c>
      <c r="F39048" t="s">
        <v>24148</v>
      </c>
      <c r="G39048" t="s">
        <v>11612</v>
      </c>
      <c r="H39048" t="s">
        <v>11613</v>
      </c>
      <c r="I39048" s="2">
        <v>0</v>
      </c>
      <c r="J39048" s="2">
        <v>0</v>
      </c>
      <c r="K39048" s="2">
        <v>1</v>
      </c>
      <c r="L39048" t="s">
        <v>995</v>
      </c>
      <c r="M39048" t="s">
        <v>89</v>
      </c>
      <c r="N39048" t="s">
        <v>90</v>
      </c>
      <c r="O39048" t="s">
        <v>85</v>
      </c>
      <c r="P39048" t="s">
        <v>86</v>
      </c>
      <c r="Q39048">
        <v>12</v>
      </c>
      <c r="R39048">
        <v>13</v>
      </c>
      <c r="S39048">
        <v>13</v>
      </c>
      <c r="T39048">
        <v>13</v>
      </c>
      <c r="U39048">
        <v>14</v>
      </c>
      <c r="V39048">
        <v>14</v>
      </c>
      <c r="W39048">
        <v>14</v>
      </c>
      <c r="X39048">
        <v>14</v>
      </c>
      <c r="Y39048">
        <v>15</v>
      </c>
      <c r="Z39048">
        <v>15</v>
      </c>
      <c r="AA39048">
        <v>15</v>
      </c>
      <c r="AB39048">
        <v>15</v>
      </c>
      <c r="AC39048">
        <v>16</v>
      </c>
      <c r="AD39048">
        <v>16</v>
      </c>
      <c r="AE39048">
        <v>16</v>
      </c>
      <c r="AF39048">
        <v>16</v>
      </c>
      <c r="AG39048">
        <v>16</v>
      </c>
      <c r="AH39048">
        <v>16</v>
      </c>
      <c r="AI39048">
        <v>16</v>
      </c>
      <c r="AJ39048">
        <v>16</v>
      </c>
      <c r="AK39048">
        <v>17</v>
      </c>
      <c r="AL39048">
        <v>17</v>
      </c>
      <c r="AM39048">
        <v>17</v>
      </c>
      <c r="AN39048">
        <v>17</v>
      </c>
      <c r="AO39048">
        <v>17</v>
      </c>
      <c r="AP39048">
        <v>17</v>
      </c>
      <c r="AQ39048">
        <v>17</v>
      </c>
    </row>
    <row r="39049" spans="1:43">
      <c r="A39049" t="s">
        <v>24225</v>
      </c>
      <c r="B39049" t="s">
        <v>24226</v>
      </c>
      <c r="C39049" t="s">
        <v>24219</v>
      </c>
      <c r="D39049" t="s">
        <v>24220</v>
      </c>
      <c r="E39049" t="s">
        <v>24147</v>
      </c>
      <c r="F39049" t="s">
        <v>24148</v>
      </c>
      <c r="G39049" t="s">
        <v>11612</v>
      </c>
      <c r="H39049" t="s">
        <v>11613</v>
      </c>
      <c r="I39049" s="2">
        <v>0</v>
      </c>
      <c r="J39049" s="2">
        <v>0</v>
      </c>
      <c r="K39049" s="2">
        <v>1</v>
      </c>
      <c r="L39049" t="s">
        <v>995</v>
      </c>
      <c r="M39049" t="s">
        <v>83</v>
      </c>
      <c r="N39049" t="s">
        <v>91</v>
      </c>
      <c r="O39049" t="s">
        <v>85</v>
      </c>
      <c r="P39049" t="s">
        <v>86</v>
      </c>
      <c r="Q39049">
        <v>12</v>
      </c>
      <c r="R39049">
        <v>12</v>
      </c>
      <c r="S39049">
        <v>13</v>
      </c>
      <c r="T39049">
        <v>13</v>
      </c>
      <c r="U39049">
        <v>13</v>
      </c>
      <c r="V39049">
        <v>13</v>
      </c>
      <c r="W39049">
        <v>13</v>
      </c>
      <c r="X39049">
        <v>14</v>
      </c>
      <c r="Y39049">
        <v>14</v>
      </c>
      <c r="Z39049">
        <v>14</v>
      </c>
      <c r="AA39049">
        <v>14</v>
      </c>
      <c r="AB39049">
        <v>15</v>
      </c>
      <c r="AC39049">
        <v>15</v>
      </c>
      <c r="AD39049">
        <v>15</v>
      </c>
      <c r="AE39049">
        <v>15</v>
      </c>
      <c r="AF39049">
        <v>15</v>
      </c>
      <c r="AG39049">
        <v>16</v>
      </c>
      <c r="AH39049">
        <v>16</v>
      </c>
      <c r="AI39049">
        <v>16</v>
      </c>
      <c r="AJ39049">
        <v>16</v>
      </c>
      <c r="AK39049">
        <v>16</v>
      </c>
      <c r="AL39049">
        <v>17</v>
      </c>
      <c r="AM39049">
        <v>17</v>
      </c>
      <c r="AN39049">
        <v>17</v>
      </c>
      <c r="AO39049">
        <v>17</v>
      </c>
      <c r="AP39049">
        <v>17</v>
      </c>
      <c r="AQ39049">
        <v>17</v>
      </c>
    </row>
    <row r="39050" spans="1:43">
      <c r="A39050" t="s">
        <v>24227</v>
      </c>
      <c r="B39050" t="s">
        <v>24228</v>
      </c>
      <c r="C39050" t="s">
        <v>24161</v>
      </c>
      <c r="D39050" t="s">
        <v>24162</v>
      </c>
      <c r="E39050" t="s">
        <v>24147</v>
      </c>
      <c r="F39050" t="s">
        <v>24148</v>
      </c>
      <c r="G39050" t="s">
        <v>11612</v>
      </c>
      <c r="H39050" t="s">
        <v>11613</v>
      </c>
      <c r="I39050" s="2">
        <v>0</v>
      </c>
      <c r="J39050" s="2">
        <v>0</v>
      </c>
      <c r="K39050" s="2">
        <v>1</v>
      </c>
      <c r="L39050" t="s">
        <v>995</v>
      </c>
      <c r="M39050" t="s">
        <v>83</v>
      </c>
      <c r="N39050" t="s">
        <v>84</v>
      </c>
      <c r="O39050" t="s">
        <v>85</v>
      </c>
      <c r="P39050" t="s">
        <v>86</v>
      </c>
      <c r="Q39050">
        <v>26</v>
      </c>
      <c r="R39050">
        <v>26</v>
      </c>
      <c r="S39050">
        <v>27</v>
      </c>
      <c r="T39050">
        <v>27</v>
      </c>
      <c r="U39050">
        <v>28</v>
      </c>
      <c r="V39050">
        <v>28</v>
      </c>
      <c r="W39050">
        <v>29</v>
      </c>
      <c r="X39050">
        <v>29</v>
      </c>
      <c r="Y39050">
        <v>29</v>
      </c>
      <c r="Z39050">
        <v>30</v>
      </c>
      <c r="AA39050">
        <v>30</v>
      </c>
      <c r="AB39050">
        <v>31</v>
      </c>
      <c r="AC39050">
        <v>31</v>
      </c>
      <c r="AD39050">
        <v>32</v>
      </c>
      <c r="AE39050">
        <v>32</v>
      </c>
      <c r="AF39050">
        <v>33</v>
      </c>
      <c r="AG39050">
        <v>33</v>
      </c>
      <c r="AH39050">
        <v>33</v>
      </c>
      <c r="AI39050">
        <v>34</v>
      </c>
      <c r="AJ39050">
        <v>34</v>
      </c>
      <c r="AK39050">
        <v>35</v>
      </c>
      <c r="AL39050">
        <v>35</v>
      </c>
      <c r="AM39050">
        <v>35</v>
      </c>
      <c r="AN39050">
        <v>35</v>
      </c>
      <c r="AO39050">
        <v>36</v>
      </c>
      <c r="AP39050">
        <v>36</v>
      </c>
      <c r="AQ39050">
        <v>36</v>
      </c>
    </row>
    <row r="39051" spans="1:43">
      <c r="A39051" t="s">
        <v>24227</v>
      </c>
      <c r="B39051" t="s">
        <v>24228</v>
      </c>
      <c r="C39051" t="s">
        <v>24161</v>
      </c>
      <c r="D39051" t="s">
        <v>24162</v>
      </c>
      <c r="E39051" t="s">
        <v>24147</v>
      </c>
      <c r="F39051" t="s">
        <v>24148</v>
      </c>
      <c r="G39051" t="s">
        <v>11612</v>
      </c>
      <c r="H39051" t="s">
        <v>11613</v>
      </c>
      <c r="I39051" s="2">
        <v>0</v>
      </c>
      <c r="J39051" s="2">
        <v>0</v>
      </c>
      <c r="K39051" s="2">
        <v>1</v>
      </c>
      <c r="L39051" t="s">
        <v>995</v>
      </c>
      <c r="M39051" t="s">
        <v>87</v>
      </c>
      <c r="N39051" t="s">
        <v>88</v>
      </c>
      <c r="O39051" t="s">
        <v>85</v>
      </c>
      <c r="P39051" t="s">
        <v>86</v>
      </c>
      <c r="Q39051">
        <v>26</v>
      </c>
      <c r="R39051">
        <v>26</v>
      </c>
      <c r="S39051">
        <v>26</v>
      </c>
      <c r="T39051">
        <v>26</v>
      </c>
      <c r="U39051">
        <v>26</v>
      </c>
      <c r="V39051">
        <v>27</v>
      </c>
      <c r="W39051">
        <v>27</v>
      </c>
      <c r="X39051">
        <v>27</v>
      </c>
      <c r="Y39051">
        <v>27</v>
      </c>
      <c r="Z39051">
        <v>27</v>
      </c>
      <c r="AA39051">
        <v>28</v>
      </c>
      <c r="AB39051">
        <v>28</v>
      </c>
      <c r="AC39051">
        <v>28</v>
      </c>
      <c r="AD39051">
        <v>28</v>
      </c>
      <c r="AE39051">
        <v>28</v>
      </c>
      <c r="AF39051">
        <v>29</v>
      </c>
      <c r="AG39051">
        <v>29</v>
      </c>
      <c r="AH39051">
        <v>29</v>
      </c>
      <c r="AI39051">
        <v>29</v>
      </c>
      <c r="AJ39051">
        <v>30</v>
      </c>
      <c r="AK39051">
        <v>30</v>
      </c>
      <c r="AL39051">
        <v>30</v>
      </c>
      <c r="AM39051">
        <v>30</v>
      </c>
      <c r="AN39051">
        <v>31</v>
      </c>
      <c r="AO39051">
        <v>31</v>
      </c>
      <c r="AP39051">
        <v>31</v>
      </c>
      <c r="AQ39051">
        <v>31</v>
      </c>
    </row>
    <row r="39052" spans="1:43">
      <c r="A39052" t="s">
        <v>24227</v>
      </c>
      <c r="B39052" t="s">
        <v>24228</v>
      </c>
      <c r="C39052" t="s">
        <v>24161</v>
      </c>
      <c r="D39052" t="s">
        <v>24162</v>
      </c>
      <c r="E39052" t="s">
        <v>24147</v>
      </c>
      <c r="F39052" t="s">
        <v>24148</v>
      </c>
      <c r="G39052" t="s">
        <v>11612</v>
      </c>
      <c r="H39052" t="s">
        <v>11613</v>
      </c>
      <c r="I39052" s="2">
        <v>0</v>
      </c>
      <c r="J39052" s="2">
        <v>0</v>
      </c>
      <c r="K39052" s="2">
        <v>1</v>
      </c>
      <c r="L39052" t="s">
        <v>995</v>
      </c>
      <c r="M39052" t="s">
        <v>89</v>
      </c>
      <c r="N39052" t="s">
        <v>90</v>
      </c>
      <c r="O39052" t="s">
        <v>85</v>
      </c>
      <c r="P39052" t="s">
        <v>86</v>
      </c>
      <c r="Q39052">
        <v>26</v>
      </c>
      <c r="R39052">
        <v>27</v>
      </c>
      <c r="S39052">
        <v>28</v>
      </c>
      <c r="T39052">
        <v>28</v>
      </c>
      <c r="U39052">
        <v>29</v>
      </c>
      <c r="V39052">
        <v>29</v>
      </c>
      <c r="W39052">
        <v>30</v>
      </c>
      <c r="X39052">
        <v>31</v>
      </c>
      <c r="Y39052">
        <v>31</v>
      </c>
      <c r="Z39052">
        <v>32</v>
      </c>
      <c r="AA39052">
        <v>32</v>
      </c>
      <c r="AB39052">
        <v>33</v>
      </c>
      <c r="AC39052">
        <v>33</v>
      </c>
      <c r="AD39052">
        <v>34</v>
      </c>
      <c r="AE39052">
        <v>34</v>
      </c>
      <c r="AF39052">
        <v>35</v>
      </c>
      <c r="AG39052">
        <v>35</v>
      </c>
      <c r="AH39052">
        <v>35</v>
      </c>
      <c r="AI39052">
        <v>35</v>
      </c>
      <c r="AJ39052">
        <v>35</v>
      </c>
      <c r="AK39052">
        <v>35</v>
      </c>
      <c r="AL39052">
        <v>35</v>
      </c>
      <c r="AM39052">
        <v>36</v>
      </c>
      <c r="AN39052">
        <v>36</v>
      </c>
      <c r="AO39052">
        <v>36</v>
      </c>
      <c r="AP39052">
        <v>36</v>
      </c>
      <c r="AQ39052">
        <v>36</v>
      </c>
    </row>
    <row r="39053" spans="1:43">
      <c r="A39053" t="s">
        <v>24227</v>
      </c>
      <c r="B39053" t="s">
        <v>24228</v>
      </c>
      <c r="C39053" t="s">
        <v>24161</v>
      </c>
      <c r="D39053" t="s">
        <v>24162</v>
      </c>
      <c r="E39053" t="s">
        <v>24147</v>
      </c>
      <c r="F39053" t="s">
        <v>24148</v>
      </c>
      <c r="G39053" t="s">
        <v>11612</v>
      </c>
      <c r="H39053" t="s">
        <v>11613</v>
      </c>
      <c r="I39053" s="2">
        <v>0</v>
      </c>
      <c r="J39053" s="2">
        <v>0</v>
      </c>
      <c r="K39053" s="2">
        <v>1</v>
      </c>
      <c r="L39053" t="s">
        <v>995</v>
      </c>
      <c r="M39053" t="s">
        <v>83</v>
      </c>
      <c r="N39053" t="s">
        <v>91</v>
      </c>
      <c r="O39053" t="s">
        <v>85</v>
      </c>
      <c r="P39053" t="s">
        <v>86</v>
      </c>
      <c r="Q39053">
        <v>26</v>
      </c>
      <c r="R39053">
        <v>26</v>
      </c>
      <c r="S39053">
        <v>27</v>
      </c>
      <c r="T39053">
        <v>27</v>
      </c>
      <c r="U39053">
        <v>28</v>
      </c>
      <c r="V39053">
        <v>28</v>
      </c>
      <c r="W39053">
        <v>29</v>
      </c>
      <c r="X39053">
        <v>29</v>
      </c>
      <c r="Y39053">
        <v>29</v>
      </c>
      <c r="Z39053">
        <v>30</v>
      </c>
      <c r="AA39053">
        <v>30</v>
      </c>
      <c r="AB39053">
        <v>31</v>
      </c>
      <c r="AC39053">
        <v>31</v>
      </c>
      <c r="AD39053">
        <v>32</v>
      </c>
      <c r="AE39053">
        <v>32</v>
      </c>
      <c r="AF39053">
        <v>33</v>
      </c>
      <c r="AG39053">
        <v>33</v>
      </c>
      <c r="AH39053">
        <v>33</v>
      </c>
      <c r="AI39053">
        <v>34</v>
      </c>
      <c r="AJ39053">
        <v>34</v>
      </c>
      <c r="AK39053">
        <v>35</v>
      </c>
      <c r="AL39053">
        <v>35</v>
      </c>
      <c r="AM39053">
        <v>35</v>
      </c>
      <c r="AN39053">
        <v>35</v>
      </c>
      <c r="AO39053">
        <v>36</v>
      </c>
      <c r="AP39053">
        <v>36</v>
      </c>
      <c r="AQ39053">
        <v>36</v>
      </c>
    </row>
    <row r="39054" spans="1:43">
      <c r="A39054" t="s">
        <v>24229</v>
      </c>
      <c r="B39054" t="s">
        <v>24230</v>
      </c>
      <c r="C39054" t="s">
        <v>24219</v>
      </c>
      <c r="D39054" t="s">
        <v>24220</v>
      </c>
      <c r="E39054" t="s">
        <v>24147</v>
      </c>
      <c r="F39054" t="s">
        <v>24148</v>
      </c>
      <c r="G39054" t="s">
        <v>11612</v>
      </c>
      <c r="H39054" t="s">
        <v>11613</v>
      </c>
      <c r="I39054" s="2">
        <v>0</v>
      </c>
      <c r="J39054" s="2">
        <v>0</v>
      </c>
      <c r="K39054" s="2">
        <v>1</v>
      </c>
      <c r="L39054" t="s">
        <v>995</v>
      </c>
      <c r="M39054" t="s">
        <v>83</v>
      </c>
      <c r="N39054" t="s">
        <v>84</v>
      </c>
      <c r="O39054" t="s">
        <v>85</v>
      </c>
      <c r="P39054" t="s">
        <v>86</v>
      </c>
      <c r="Q39054">
        <v>8</v>
      </c>
      <c r="R39054">
        <v>8</v>
      </c>
      <c r="S39054">
        <v>8</v>
      </c>
      <c r="T39054">
        <v>8</v>
      </c>
      <c r="U39054">
        <v>8</v>
      </c>
      <c r="V39054">
        <v>9</v>
      </c>
      <c r="W39054">
        <v>9</v>
      </c>
      <c r="X39054">
        <v>9</v>
      </c>
      <c r="Y39054">
        <v>9</v>
      </c>
      <c r="Z39054">
        <v>9</v>
      </c>
      <c r="AA39054">
        <v>9</v>
      </c>
      <c r="AB39054">
        <v>9</v>
      </c>
      <c r="AC39054">
        <v>10</v>
      </c>
      <c r="AD39054">
        <v>10</v>
      </c>
      <c r="AE39054">
        <v>10</v>
      </c>
      <c r="AF39054">
        <v>10</v>
      </c>
      <c r="AG39054">
        <v>10</v>
      </c>
      <c r="AH39054">
        <v>10</v>
      </c>
      <c r="AI39054">
        <v>10</v>
      </c>
      <c r="AJ39054">
        <v>10</v>
      </c>
      <c r="AK39054">
        <v>11</v>
      </c>
      <c r="AL39054">
        <v>11</v>
      </c>
      <c r="AM39054">
        <v>11</v>
      </c>
      <c r="AN39054">
        <v>11</v>
      </c>
      <c r="AO39054">
        <v>11</v>
      </c>
      <c r="AP39054">
        <v>11</v>
      </c>
      <c r="AQ39054">
        <v>11</v>
      </c>
    </row>
    <row r="39055" spans="1:43">
      <c r="A39055" t="s">
        <v>24229</v>
      </c>
      <c r="B39055" t="s">
        <v>24230</v>
      </c>
      <c r="C39055" t="s">
        <v>24219</v>
      </c>
      <c r="D39055" t="s">
        <v>24220</v>
      </c>
      <c r="E39055" t="s">
        <v>24147</v>
      </c>
      <c r="F39055" t="s">
        <v>24148</v>
      </c>
      <c r="G39055" t="s">
        <v>11612</v>
      </c>
      <c r="H39055" t="s">
        <v>11613</v>
      </c>
      <c r="I39055" s="2">
        <v>0</v>
      </c>
      <c r="J39055" s="2">
        <v>0</v>
      </c>
      <c r="K39055" s="2">
        <v>1</v>
      </c>
      <c r="L39055" t="s">
        <v>995</v>
      </c>
      <c r="M39055" t="s">
        <v>87</v>
      </c>
      <c r="N39055" t="s">
        <v>88</v>
      </c>
      <c r="O39055" t="s">
        <v>85</v>
      </c>
      <c r="P39055" t="s">
        <v>86</v>
      </c>
      <c r="Q39055">
        <v>8</v>
      </c>
      <c r="R39055">
        <v>8</v>
      </c>
      <c r="S39055">
        <v>8</v>
      </c>
      <c r="T39055">
        <v>8</v>
      </c>
      <c r="U39055">
        <v>8</v>
      </c>
      <c r="V39055">
        <v>8</v>
      </c>
      <c r="W39055">
        <v>8</v>
      </c>
      <c r="X39055">
        <v>8</v>
      </c>
      <c r="Y39055">
        <v>8</v>
      </c>
      <c r="Z39055">
        <v>8</v>
      </c>
      <c r="AA39055">
        <v>8</v>
      </c>
      <c r="AB39055">
        <v>8</v>
      </c>
      <c r="AC39055">
        <v>9</v>
      </c>
      <c r="AD39055">
        <v>9</v>
      </c>
      <c r="AE39055">
        <v>9</v>
      </c>
      <c r="AF39055">
        <v>9</v>
      </c>
      <c r="AG39055">
        <v>9</v>
      </c>
      <c r="AH39055">
        <v>9</v>
      </c>
      <c r="AI39055">
        <v>9</v>
      </c>
      <c r="AJ39055">
        <v>9</v>
      </c>
      <c r="AK39055">
        <v>9</v>
      </c>
      <c r="AL39055">
        <v>9</v>
      </c>
      <c r="AM39055">
        <v>9</v>
      </c>
      <c r="AN39055">
        <v>9</v>
      </c>
      <c r="AO39055">
        <v>9</v>
      </c>
      <c r="AP39055">
        <v>9</v>
      </c>
      <c r="AQ39055">
        <v>10</v>
      </c>
    </row>
    <row r="39056" spans="1:43">
      <c r="A39056" t="s">
        <v>24229</v>
      </c>
      <c r="B39056" t="s">
        <v>24230</v>
      </c>
      <c r="C39056" t="s">
        <v>24219</v>
      </c>
      <c r="D39056" t="s">
        <v>24220</v>
      </c>
      <c r="E39056" t="s">
        <v>24147</v>
      </c>
      <c r="F39056" t="s">
        <v>24148</v>
      </c>
      <c r="G39056" t="s">
        <v>11612</v>
      </c>
      <c r="H39056" t="s">
        <v>11613</v>
      </c>
      <c r="I39056" s="2">
        <v>0</v>
      </c>
      <c r="J39056" s="2">
        <v>0</v>
      </c>
      <c r="K39056" s="2">
        <v>1</v>
      </c>
      <c r="L39056" t="s">
        <v>995</v>
      </c>
      <c r="M39056" t="s">
        <v>89</v>
      </c>
      <c r="N39056" t="s">
        <v>90</v>
      </c>
      <c r="O39056" t="s">
        <v>85</v>
      </c>
      <c r="P39056" t="s">
        <v>86</v>
      </c>
      <c r="Q39056">
        <v>8</v>
      </c>
      <c r="R39056">
        <v>8</v>
      </c>
      <c r="S39056">
        <v>8</v>
      </c>
      <c r="T39056">
        <v>9</v>
      </c>
      <c r="U39056">
        <v>9</v>
      </c>
      <c r="V39056">
        <v>9</v>
      </c>
      <c r="W39056">
        <v>9</v>
      </c>
      <c r="X39056">
        <v>9</v>
      </c>
      <c r="Y39056">
        <v>10</v>
      </c>
      <c r="Z39056">
        <v>10</v>
      </c>
      <c r="AA39056">
        <v>10</v>
      </c>
      <c r="AB39056">
        <v>10</v>
      </c>
      <c r="AC39056">
        <v>10</v>
      </c>
      <c r="AD39056">
        <v>10</v>
      </c>
      <c r="AE39056">
        <v>10</v>
      </c>
      <c r="AF39056">
        <v>10</v>
      </c>
      <c r="AG39056">
        <v>11</v>
      </c>
      <c r="AH39056">
        <v>11</v>
      </c>
      <c r="AI39056">
        <v>11</v>
      </c>
      <c r="AJ39056">
        <v>11</v>
      </c>
      <c r="AK39056">
        <v>11</v>
      </c>
      <c r="AL39056">
        <v>11</v>
      </c>
      <c r="AM39056">
        <v>11</v>
      </c>
      <c r="AN39056">
        <v>11</v>
      </c>
      <c r="AO39056">
        <v>11</v>
      </c>
      <c r="AP39056">
        <v>11</v>
      </c>
      <c r="AQ39056">
        <v>11</v>
      </c>
    </row>
    <row r="39057" spans="1:43">
      <c r="A39057" t="s">
        <v>24229</v>
      </c>
      <c r="B39057" t="s">
        <v>24230</v>
      </c>
      <c r="C39057" t="s">
        <v>24219</v>
      </c>
      <c r="D39057" t="s">
        <v>24220</v>
      </c>
      <c r="E39057" t="s">
        <v>24147</v>
      </c>
      <c r="F39057" t="s">
        <v>24148</v>
      </c>
      <c r="G39057" t="s">
        <v>11612</v>
      </c>
      <c r="H39057" t="s">
        <v>11613</v>
      </c>
      <c r="I39057" s="2">
        <v>0</v>
      </c>
      <c r="J39057" s="2">
        <v>0</v>
      </c>
      <c r="K39057" s="2">
        <v>1</v>
      </c>
      <c r="L39057" t="s">
        <v>995</v>
      </c>
      <c r="M39057" t="s">
        <v>83</v>
      </c>
      <c r="N39057" t="s">
        <v>91</v>
      </c>
      <c r="O39057" t="s">
        <v>85</v>
      </c>
      <c r="P39057" t="s">
        <v>86</v>
      </c>
      <c r="Q39057">
        <v>8</v>
      </c>
      <c r="R39057">
        <v>8</v>
      </c>
      <c r="S39057">
        <v>8</v>
      </c>
      <c r="T39057">
        <v>8</v>
      </c>
      <c r="U39057">
        <v>8</v>
      </c>
      <c r="V39057">
        <v>9</v>
      </c>
      <c r="W39057">
        <v>9</v>
      </c>
      <c r="X39057">
        <v>9</v>
      </c>
      <c r="Y39057">
        <v>9</v>
      </c>
      <c r="Z39057">
        <v>9</v>
      </c>
      <c r="AA39057">
        <v>9</v>
      </c>
      <c r="AB39057">
        <v>9</v>
      </c>
      <c r="AC39057">
        <v>10</v>
      </c>
      <c r="AD39057">
        <v>10</v>
      </c>
      <c r="AE39057">
        <v>10</v>
      </c>
      <c r="AF39057">
        <v>10</v>
      </c>
      <c r="AG39057">
        <v>10</v>
      </c>
      <c r="AH39057">
        <v>10</v>
      </c>
      <c r="AI39057">
        <v>10</v>
      </c>
      <c r="AJ39057">
        <v>10</v>
      </c>
      <c r="AK39057">
        <v>11</v>
      </c>
      <c r="AL39057">
        <v>11</v>
      </c>
      <c r="AM39057">
        <v>11</v>
      </c>
      <c r="AN39057">
        <v>11</v>
      </c>
      <c r="AO39057">
        <v>11</v>
      </c>
      <c r="AP39057">
        <v>11</v>
      </c>
      <c r="AQ39057">
        <v>11</v>
      </c>
    </row>
    <row r="39058" spans="1:43">
      <c r="A39058" t="s">
        <v>24231</v>
      </c>
      <c r="B39058" t="s">
        <v>24232</v>
      </c>
      <c r="C39058" t="s">
        <v>24219</v>
      </c>
      <c r="D39058" t="s">
        <v>24220</v>
      </c>
      <c r="E39058" t="s">
        <v>24147</v>
      </c>
      <c r="F39058" t="s">
        <v>24148</v>
      </c>
      <c r="G39058" t="s">
        <v>11612</v>
      </c>
      <c r="H39058" t="s">
        <v>11613</v>
      </c>
      <c r="I39058" s="2">
        <v>0</v>
      </c>
      <c r="J39058" s="2">
        <v>0</v>
      </c>
      <c r="K39058" s="2">
        <v>1</v>
      </c>
      <c r="L39058" t="s">
        <v>995</v>
      </c>
      <c r="M39058" t="s">
        <v>83</v>
      </c>
      <c r="N39058" t="s">
        <v>84</v>
      </c>
      <c r="O39058" t="s">
        <v>85</v>
      </c>
      <c r="P39058" t="s">
        <v>86</v>
      </c>
      <c r="Q39058">
        <v>9</v>
      </c>
      <c r="R39058">
        <v>9</v>
      </c>
      <c r="S39058">
        <v>9</v>
      </c>
      <c r="T39058">
        <v>10</v>
      </c>
      <c r="U39058">
        <v>10</v>
      </c>
      <c r="V39058">
        <v>10</v>
      </c>
      <c r="W39058">
        <v>10</v>
      </c>
      <c r="X39058">
        <v>10</v>
      </c>
      <c r="Y39058">
        <v>10</v>
      </c>
      <c r="Z39058">
        <v>10</v>
      </c>
      <c r="AA39058">
        <v>11</v>
      </c>
      <c r="AB39058">
        <v>11</v>
      </c>
      <c r="AC39058">
        <v>11</v>
      </c>
      <c r="AD39058">
        <v>11</v>
      </c>
      <c r="AE39058">
        <v>11</v>
      </c>
      <c r="AF39058">
        <v>11</v>
      </c>
      <c r="AG39058">
        <v>12</v>
      </c>
      <c r="AH39058">
        <v>12</v>
      </c>
      <c r="AI39058">
        <v>12</v>
      </c>
      <c r="AJ39058">
        <v>12</v>
      </c>
      <c r="AK39058">
        <v>12</v>
      </c>
      <c r="AL39058">
        <v>12</v>
      </c>
      <c r="AM39058">
        <v>12</v>
      </c>
      <c r="AN39058">
        <v>12</v>
      </c>
      <c r="AO39058">
        <v>12</v>
      </c>
      <c r="AP39058">
        <v>12</v>
      </c>
      <c r="AQ39058">
        <v>13</v>
      </c>
    </row>
    <row r="39059" spans="1:43">
      <c r="A39059" t="s">
        <v>24231</v>
      </c>
      <c r="B39059" t="s">
        <v>24232</v>
      </c>
      <c r="C39059" t="s">
        <v>24219</v>
      </c>
      <c r="D39059" t="s">
        <v>24220</v>
      </c>
      <c r="E39059" t="s">
        <v>24147</v>
      </c>
      <c r="F39059" t="s">
        <v>24148</v>
      </c>
      <c r="G39059" t="s">
        <v>11612</v>
      </c>
      <c r="H39059" t="s">
        <v>11613</v>
      </c>
      <c r="I39059" s="2">
        <v>0</v>
      </c>
      <c r="J39059" s="2">
        <v>0</v>
      </c>
      <c r="K39059" s="2">
        <v>1</v>
      </c>
      <c r="L39059" t="s">
        <v>995</v>
      </c>
      <c r="M39059" t="s">
        <v>87</v>
      </c>
      <c r="N39059" t="s">
        <v>88</v>
      </c>
      <c r="O39059" t="s">
        <v>85</v>
      </c>
      <c r="P39059" t="s">
        <v>86</v>
      </c>
      <c r="Q39059">
        <v>9</v>
      </c>
      <c r="R39059">
        <v>9</v>
      </c>
      <c r="S39059">
        <v>9</v>
      </c>
      <c r="T39059">
        <v>9</v>
      </c>
      <c r="U39059">
        <v>9</v>
      </c>
      <c r="V39059">
        <v>9</v>
      </c>
      <c r="W39059">
        <v>9</v>
      </c>
      <c r="X39059">
        <v>9</v>
      </c>
      <c r="Y39059">
        <v>10</v>
      </c>
      <c r="Z39059">
        <v>10</v>
      </c>
      <c r="AA39059">
        <v>10</v>
      </c>
      <c r="AB39059">
        <v>10</v>
      </c>
      <c r="AC39059">
        <v>10</v>
      </c>
      <c r="AD39059">
        <v>10</v>
      </c>
      <c r="AE39059">
        <v>10</v>
      </c>
      <c r="AF39059">
        <v>10</v>
      </c>
      <c r="AG39059">
        <v>10</v>
      </c>
      <c r="AH39059">
        <v>10</v>
      </c>
      <c r="AI39059">
        <v>10</v>
      </c>
      <c r="AJ39059">
        <v>10</v>
      </c>
      <c r="AK39059">
        <v>10</v>
      </c>
      <c r="AL39059">
        <v>10</v>
      </c>
      <c r="AM39059">
        <v>11</v>
      </c>
      <c r="AN39059">
        <v>11</v>
      </c>
      <c r="AO39059">
        <v>11</v>
      </c>
      <c r="AP39059">
        <v>11</v>
      </c>
      <c r="AQ39059">
        <v>11</v>
      </c>
    </row>
    <row r="39060" spans="1:43">
      <c r="A39060" t="s">
        <v>24231</v>
      </c>
      <c r="B39060" t="s">
        <v>24232</v>
      </c>
      <c r="C39060" t="s">
        <v>24219</v>
      </c>
      <c r="D39060" t="s">
        <v>24220</v>
      </c>
      <c r="E39060" t="s">
        <v>24147</v>
      </c>
      <c r="F39060" t="s">
        <v>24148</v>
      </c>
      <c r="G39060" t="s">
        <v>11612</v>
      </c>
      <c r="H39060" t="s">
        <v>11613</v>
      </c>
      <c r="I39060" s="2">
        <v>0</v>
      </c>
      <c r="J39060" s="2">
        <v>0</v>
      </c>
      <c r="K39060" s="2">
        <v>1</v>
      </c>
      <c r="L39060" t="s">
        <v>995</v>
      </c>
      <c r="M39060" t="s">
        <v>89</v>
      </c>
      <c r="N39060" t="s">
        <v>90</v>
      </c>
      <c r="O39060" t="s">
        <v>85</v>
      </c>
      <c r="P39060" t="s">
        <v>86</v>
      </c>
      <c r="Q39060">
        <v>9</v>
      </c>
      <c r="R39060">
        <v>9</v>
      </c>
      <c r="S39060">
        <v>10</v>
      </c>
      <c r="T39060">
        <v>10</v>
      </c>
      <c r="U39060">
        <v>10</v>
      </c>
      <c r="V39060">
        <v>10</v>
      </c>
      <c r="W39060">
        <v>11</v>
      </c>
      <c r="X39060">
        <v>11</v>
      </c>
      <c r="Y39060">
        <v>11</v>
      </c>
      <c r="Z39060">
        <v>11</v>
      </c>
      <c r="AA39060">
        <v>11</v>
      </c>
      <c r="AB39060">
        <v>11</v>
      </c>
      <c r="AC39060">
        <v>12</v>
      </c>
      <c r="AD39060">
        <v>12</v>
      </c>
      <c r="AE39060">
        <v>12</v>
      </c>
      <c r="AF39060">
        <v>12</v>
      </c>
      <c r="AG39060">
        <v>12</v>
      </c>
      <c r="AH39060">
        <v>12</v>
      </c>
      <c r="AI39060">
        <v>12</v>
      </c>
      <c r="AJ39060">
        <v>12</v>
      </c>
      <c r="AK39060">
        <v>12</v>
      </c>
      <c r="AL39060">
        <v>12</v>
      </c>
      <c r="AM39060">
        <v>12</v>
      </c>
      <c r="AN39060">
        <v>12</v>
      </c>
      <c r="AO39060">
        <v>13</v>
      </c>
      <c r="AP39060">
        <v>13</v>
      </c>
      <c r="AQ39060">
        <v>13</v>
      </c>
    </row>
    <row r="39061" spans="1:43">
      <c r="A39061" t="s">
        <v>24231</v>
      </c>
      <c r="B39061" t="s">
        <v>24232</v>
      </c>
      <c r="C39061" t="s">
        <v>24219</v>
      </c>
      <c r="D39061" t="s">
        <v>24220</v>
      </c>
      <c r="E39061" t="s">
        <v>24147</v>
      </c>
      <c r="F39061" t="s">
        <v>24148</v>
      </c>
      <c r="G39061" t="s">
        <v>11612</v>
      </c>
      <c r="H39061" t="s">
        <v>11613</v>
      </c>
      <c r="I39061" s="2">
        <v>0</v>
      </c>
      <c r="J39061" s="2">
        <v>0</v>
      </c>
      <c r="K39061" s="2">
        <v>1</v>
      </c>
      <c r="L39061" t="s">
        <v>995</v>
      </c>
      <c r="M39061" t="s">
        <v>83</v>
      </c>
      <c r="N39061" t="s">
        <v>91</v>
      </c>
      <c r="O39061" t="s">
        <v>85</v>
      </c>
      <c r="P39061" t="s">
        <v>86</v>
      </c>
      <c r="Q39061">
        <v>9</v>
      </c>
      <c r="R39061">
        <v>9</v>
      </c>
      <c r="S39061">
        <v>9</v>
      </c>
      <c r="T39061">
        <v>10</v>
      </c>
      <c r="U39061">
        <v>10</v>
      </c>
      <c r="V39061">
        <v>10</v>
      </c>
      <c r="W39061">
        <v>10</v>
      </c>
      <c r="X39061">
        <v>10</v>
      </c>
      <c r="Y39061">
        <v>10</v>
      </c>
      <c r="Z39061">
        <v>10</v>
      </c>
      <c r="AA39061">
        <v>11</v>
      </c>
      <c r="AB39061">
        <v>11</v>
      </c>
      <c r="AC39061">
        <v>11</v>
      </c>
      <c r="AD39061">
        <v>11</v>
      </c>
      <c r="AE39061">
        <v>11</v>
      </c>
      <c r="AF39061">
        <v>11</v>
      </c>
      <c r="AG39061">
        <v>12</v>
      </c>
      <c r="AH39061">
        <v>12</v>
      </c>
      <c r="AI39061">
        <v>12</v>
      </c>
      <c r="AJ39061">
        <v>12</v>
      </c>
      <c r="AK39061">
        <v>12</v>
      </c>
      <c r="AL39061">
        <v>12</v>
      </c>
      <c r="AM39061">
        <v>12</v>
      </c>
      <c r="AN39061">
        <v>12</v>
      </c>
      <c r="AO39061">
        <v>12</v>
      </c>
      <c r="AP39061">
        <v>12</v>
      </c>
      <c r="AQ39061">
        <v>13</v>
      </c>
    </row>
    <row r="39062" spans="1:43">
      <c r="A39062" t="s">
        <v>24233</v>
      </c>
      <c r="B39062" t="s">
        <v>24234</v>
      </c>
      <c r="C39062" t="s">
        <v>24161</v>
      </c>
      <c r="D39062" t="s">
        <v>24162</v>
      </c>
      <c r="E39062" t="s">
        <v>24147</v>
      </c>
      <c r="F39062" t="s">
        <v>24148</v>
      </c>
      <c r="G39062" t="s">
        <v>11612</v>
      </c>
      <c r="H39062" t="s">
        <v>11613</v>
      </c>
      <c r="I39062" s="2">
        <v>0</v>
      </c>
      <c r="J39062" s="2">
        <v>0</v>
      </c>
      <c r="K39062" s="2">
        <v>1</v>
      </c>
      <c r="L39062" t="s">
        <v>995</v>
      </c>
      <c r="M39062" t="s">
        <v>83</v>
      </c>
      <c r="N39062" t="s">
        <v>84</v>
      </c>
      <c r="O39062" t="s">
        <v>85</v>
      </c>
      <c r="P39062" t="s">
        <v>86</v>
      </c>
      <c r="Q39062">
        <v>30</v>
      </c>
      <c r="R39062">
        <v>31</v>
      </c>
      <c r="S39062">
        <v>31</v>
      </c>
      <c r="T39062">
        <v>32</v>
      </c>
      <c r="U39062">
        <v>32</v>
      </c>
      <c r="V39062">
        <v>33</v>
      </c>
      <c r="W39062">
        <v>33</v>
      </c>
      <c r="X39062">
        <v>34</v>
      </c>
      <c r="Y39062">
        <v>34</v>
      </c>
      <c r="Z39062">
        <v>35</v>
      </c>
      <c r="AA39062">
        <v>35</v>
      </c>
      <c r="AB39062">
        <v>36</v>
      </c>
      <c r="AC39062">
        <v>36</v>
      </c>
      <c r="AD39062">
        <v>37</v>
      </c>
      <c r="AE39062">
        <v>37</v>
      </c>
      <c r="AF39062">
        <v>38</v>
      </c>
      <c r="AG39062">
        <v>38</v>
      </c>
      <c r="AH39062">
        <v>39</v>
      </c>
      <c r="AI39062">
        <v>39</v>
      </c>
      <c r="AJ39062">
        <v>40</v>
      </c>
      <c r="AK39062">
        <v>40</v>
      </c>
      <c r="AL39062">
        <v>41</v>
      </c>
      <c r="AM39062">
        <v>41</v>
      </c>
      <c r="AN39062">
        <v>41</v>
      </c>
      <c r="AO39062">
        <v>41</v>
      </c>
      <c r="AP39062">
        <v>41</v>
      </c>
      <c r="AQ39062">
        <v>41</v>
      </c>
    </row>
    <row r="39063" spans="1:43">
      <c r="A39063" t="s">
        <v>24233</v>
      </c>
      <c r="B39063" t="s">
        <v>24234</v>
      </c>
      <c r="C39063" t="s">
        <v>24161</v>
      </c>
      <c r="D39063" t="s">
        <v>24162</v>
      </c>
      <c r="E39063" t="s">
        <v>24147</v>
      </c>
      <c r="F39063" t="s">
        <v>24148</v>
      </c>
      <c r="G39063" t="s">
        <v>11612</v>
      </c>
      <c r="H39063" t="s">
        <v>11613</v>
      </c>
      <c r="I39063" s="2">
        <v>0</v>
      </c>
      <c r="J39063" s="2">
        <v>0</v>
      </c>
      <c r="K39063" s="2">
        <v>1</v>
      </c>
      <c r="L39063" t="s">
        <v>995</v>
      </c>
      <c r="M39063" t="s">
        <v>87</v>
      </c>
      <c r="N39063" t="s">
        <v>88</v>
      </c>
      <c r="O39063" t="s">
        <v>85</v>
      </c>
      <c r="P39063" t="s">
        <v>86</v>
      </c>
      <c r="Q39063">
        <v>30</v>
      </c>
      <c r="R39063">
        <v>30</v>
      </c>
      <c r="S39063">
        <v>30</v>
      </c>
      <c r="T39063">
        <v>30</v>
      </c>
      <c r="U39063">
        <v>31</v>
      </c>
      <c r="V39063">
        <v>31</v>
      </c>
      <c r="W39063">
        <v>31</v>
      </c>
      <c r="X39063">
        <v>31</v>
      </c>
      <c r="Y39063">
        <v>32</v>
      </c>
      <c r="Z39063">
        <v>32</v>
      </c>
      <c r="AA39063">
        <v>32</v>
      </c>
      <c r="AB39063">
        <v>32</v>
      </c>
      <c r="AC39063">
        <v>33</v>
      </c>
      <c r="AD39063">
        <v>33</v>
      </c>
      <c r="AE39063">
        <v>33</v>
      </c>
      <c r="AF39063">
        <v>33</v>
      </c>
      <c r="AG39063">
        <v>34</v>
      </c>
      <c r="AH39063">
        <v>34</v>
      </c>
      <c r="AI39063">
        <v>34</v>
      </c>
      <c r="AJ39063">
        <v>34</v>
      </c>
      <c r="AK39063">
        <v>35</v>
      </c>
      <c r="AL39063">
        <v>35</v>
      </c>
      <c r="AM39063">
        <v>35</v>
      </c>
      <c r="AN39063">
        <v>35</v>
      </c>
      <c r="AO39063">
        <v>36</v>
      </c>
      <c r="AP39063">
        <v>36</v>
      </c>
      <c r="AQ39063">
        <v>36</v>
      </c>
    </row>
    <row r="39064" spans="1:43">
      <c r="A39064" t="s">
        <v>24233</v>
      </c>
      <c r="B39064" t="s">
        <v>24234</v>
      </c>
      <c r="C39064" t="s">
        <v>24161</v>
      </c>
      <c r="D39064" t="s">
        <v>24162</v>
      </c>
      <c r="E39064" t="s">
        <v>24147</v>
      </c>
      <c r="F39064" t="s">
        <v>24148</v>
      </c>
      <c r="G39064" t="s">
        <v>11612</v>
      </c>
      <c r="H39064" t="s">
        <v>11613</v>
      </c>
      <c r="I39064" s="2">
        <v>0</v>
      </c>
      <c r="J39064" s="2">
        <v>0</v>
      </c>
      <c r="K39064" s="2">
        <v>1</v>
      </c>
      <c r="L39064" t="s">
        <v>995</v>
      </c>
      <c r="M39064" t="s">
        <v>89</v>
      </c>
      <c r="N39064" t="s">
        <v>90</v>
      </c>
      <c r="O39064" t="s">
        <v>85</v>
      </c>
      <c r="P39064" t="s">
        <v>86</v>
      </c>
      <c r="Q39064">
        <v>30</v>
      </c>
      <c r="R39064">
        <v>31</v>
      </c>
      <c r="S39064">
        <v>32</v>
      </c>
      <c r="T39064">
        <v>33</v>
      </c>
      <c r="U39064">
        <v>33</v>
      </c>
      <c r="V39064">
        <v>34</v>
      </c>
      <c r="W39064">
        <v>35</v>
      </c>
      <c r="X39064">
        <v>35</v>
      </c>
      <c r="Y39064">
        <v>36</v>
      </c>
      <c r="Z39064">
        <v>37</v>
      </c>
      <c r="AA39064">
        <v>37</v>
      </c>
      <c r="AB39064">
        <v>38</v>
      </c>
      <c r="AC39064">
        <v>39</v>
      </c>
      <c r="AD39064">
        <v>39</v>
      </c>
      <c r="AE39064">
        <v>40</v>
      </c>
      <c r="AF39064">
        <v>40</v>
      </c>
      <c r="AG39064">
        <v>40</v>
      </c>
      <c r="AH39064">
        <v>40</v>
      </c>
      <c r="AI39064">
        <v>40</v>
      </c>
      <c r="AJ39064">
        <v>40</v>
      </c>
      <c r="AK39064">
        <v>41</v>
      </c>
      <c r="AL39064">
        <v>41</v>
      </c>
      <c r="AM39064">
        <v>41</v>
      </c>
      <c r="AN39064">
        <v>41</v>
      </c>
      <c r="AO39064">
        <v>41</v>
      </c>
      <c r="AP39064">
        <v>41</v>
      </c>
      <c r="AQ39064">
        <v>42</v>
      </c>
    </row>
    <row r="39065" spans="1:43">
      <c r="A39065" t="s">
        <v>24233</v>
      </c>
      <c r="B39065" t="s">
        <v>24234</v>
      </c>
      <c r="C39065" t="s">
        <v>24161</v>
      </c>
      <c r="D39065" t="s">
        <v>24162</v>
      </c>
      <c r="E39065" t="s">
        <v>24147</v>
      </c>
      <c r="F39065" t="s">
        <v>24148</v>
      </c>
      <c r="G39065" t="s">
        <v>11612</v>
      </c>
      <c r="H39065" t="s">
        <v>11613</v>
      </c>
      <c r="I39065" s="2">
        <v>0</v>
      </c>
      <c r="J39065" s="2">
        <v>0</v>
      </c>
      <c r="K39065" s="2">
        <v>1</v>
      </c>
      <c r="L39065" t="s">
        <v>995</v>
      </c>
      <c r="M39065" t="s">
        <v>83</v>
      </c>
      <c r="N39065" t="s">
        <v>91</v>
      </c>
      <c r="O39065" t="s">
        <v>85</v>
      </c>
      <c r="P39065" t="s">
        <v>86</v>
      </c>
      <c r="Q39065">
        <v>30</v>
      </c>
      <c r="R39065">
        <v>31</v>
      </c>
      <c r="S39065">
        <v>31</v>
      </c>
      <c r="T39065">
        <v>32</v>
      </c>
      <c r="U39065">
        <v>32</v>
      </c>
      <c r="V39065">
        <v>33</v>
      </c>
      <c r="W39065">
        <v>33</v>
      </c>
      <c r="X39065">
        <v>34</v>
      </c>
      <c r="Y39065">
        <v>34</v>
      </c>
      <c r="Z39065">
        <v>35</v>
      </c>
      <c r="AA39065">
        <v>35</v>
      </c>
      <c r="AB39065">
        <v>36</v>
      </c>
      <c r="AC39065">
        <v>36</v>
      </c>
      <c r="AD39065">
        <v>37</v>
      </c>
      <c r="AE39065">
        <v>37</v>
      </c>
      <c r="AF39065">
        <v>38</v>
      </c>
      <c r="AG39065">
        <v>38</v>
      </c>
      <c r="AH39065">
        <v>39</v>
      </c>
      <c r="AI39065">
        <v>39</v>
      </c>
      <c r="AJ39065">
        <v>40</v>
      </c>
      <c r="AK39065">
        <v>40</v>
      </c>
      <c r="AL39065">
        <v>41</v>
      </c>
      <c r="AM39065">
        <v>41</v>
      </c>
      <c r="AN39065">
        <v>41</v>
      </c>
      <c r="AO39065">
        <v>41</v>
      </c>
      <c r="AP39065">
        <v>41</v>
      </c>
      <c r="AQ39065">
        <v>41</v>
      </c>
    </row>
    <row r="39066" spans="1:43">
      <c r="A39066" t="s">
        <v>24235</v>
      </c>
      <c r="B39066" t="s">
        <v>24236</v>
      </c>
      <c r="C39066" t="s">
        <v>24237</v>
      </c>
      <c r="D39066" t="s">
        <v>24238</v>
      </c>
      <c r="E39066" t="s">
        <v>24147</v>
      </c>
      <c r="F39066" t="s">
        <v>24148</v>
      </c>
      <c r="G39066" t="s">
        <v>11612</v>
      </c>
      <c r="H39066" t="s">
        <v>11613</v>
      </c>
      <c r="I39066" s="2">
        <v>0</v>
      </c>
      <c r="J39066" s="2">
        <v>0</v>
      </c>
      <c r="K39066" s="2">
        <v>1</v>
      </c>
      <c r="L39066" t="s">
        <v>995</v>
      </c>
      <c r="M39066" t="s">
        <v>83</v>
      </c>
      <c r="N39066" t="s">
        <v>84</v>
      </c>
      <c r="O39066" t="s">
        <v>85</v>
      </c>
      <c r="P39066" t="s">
        <v>86</v>
      </c>
      <c r="Q39066">
        <v>13</v>
      </c>
      <c r="R39066">
        <v>14</v>
      </c>
      <c r="S39066">
        <v>14</v>
      </c>
      <c r="T39066">
        <v>14</v>
      </c>
      <c r="U39066">
        <v>14</v>
      </c>
      <c r="V39066">
        <v>15</v>
      </c>
      <c r="W39066">
        <v>15</v>
      </c>
      <c r="X39066">
        <v>15</v>
      </c>
      <c r="Y39066">
        <v>15</v>
      </c>
      <c r="Z39066">
        <v>16</v>
      </c>
      <c r="AA39066">
        <v>16</v>
      </c>
      <c r="AB39066">
        <v>16</v>
      </c>
      <c r="AC39066">
        <v>16</v>
      </c>
      <c r="AD39066">
        <v>17</v>
      </c>
      <c r="AE39066">
        <v>17</v>
      </c>
      <c r="AF39066">
        <v>17</v>
      </c>
      <c r="AG39066">
        <v>17</v>
      </c>
      <c r="AH39066">
        <v>18</v>
      </c>
      <c r="AI39066">
        <v>18</v>
      </c>
      <c r="AJ39066">
        <v>18</v>
      </c>
      <c r="AK39066">
        <v>18</v>
      </c>
      <c r="AL39066">
        <v>18</v>
      </c>
      <c r="AM39066">
        <v>19</v>
      </c>
      <c r="AN39066">
        <v>19</v>
      </c>
      <c r="AO39066">
        <v>19</v>
      </c>
      <c r="AP39066">
        <v>19</v>
      </c>
      <c r="AQ39066">
        <v>19</v>
      </c>
    </row>
    <row r="39067" spans="1:43">
      <c r="A39067" t="s">
        <v>24235</v>
      </c>
      <c r="B39067" t="s">
        <v>24236</v>
      </c>
      <c r="C39067" t="s">
        <v>24237</v>
      </c>
      <c r="D39067" t="s">
        <v>24238</v>
      </c>
      <c r="E39067" t="s">
        <v>24147</v>
      </c>
      <c r="F39067" t="s">
        <v>24148</v>
      </c>
      <c r="G39067" t="s">
        <v>11612</v>
      </c>
      <c r="H39067" t="s">
        <v>11613</v>
      </c>
      <c r="I39067" s="2">
        <v>0</v>
      </c>
      <c r="J39067" s="2">
        <v>0</v>
      </c>
      <c r="K39067" s="2">
        <v>1</v>
      </c>
      <c r="L39067" t="s">
        <v>995</v>
      </c>
      <c r="M39067" t="s">
        <v>87</v>
      </c>
      <c r="N39067" t="s">
        <v>88</v>
      </c>
      <c r="O39067" t="s">
        <v>85</v>
      </c>
      <c r="P39067" t="s">
        <v>86</v>
      </c>
      <c r="Q39067">
        <v>13</v>
      </c>
      <c r="R39067">
        <v>13</v>
      </c>
      <c r="S39067">
        <v>14</v>
      </c>
      <c r="T39067">
        <v>14</v>
      </c>
      <c r="U39067">
        <v>14</v>
      </c>
      <c r="V39067">
        <v>14</v>
      </c>
      <c r="W39067">
        <v>14</v>
      </c>
      <c r="X39067">
        <v>14</v>
      </c>
      <c r="Y39067">
        <v>14</v>
      </c>
      <c r="Z39067">
        <v>14</v>
      </c>
      <c r="AA39067">
        <v>14</v>
      </c>
      <c r="AB39067">
        <v>15</v>
      </c>
      <c r="AC39067">
        <v>15</v>
      </c>
      <c r="AD39067">
        <v>15</v>
      </c>
      <c r="AE39067">
        <v>15</v>
      </c>
      <c r="AF39067">
        <v>15</v>
      </c>
      <c r="AG39067">
        <v>15</v>
      </c>
      <c r="AH39067">
        <v>15</v>
      </c>
      <c r="AI39067">
        <v>15</v>
      </c>
      <c r="AJ39067">
        <v>16</v>
      </c>
      <c r="AK39067">
        <v>16</v>
      </c>
      <c r="AL39067">
        <v>16</v>
      </c>
      <c r="AM39067">
        <v>16</v>
      </c>
      <c r="AN39067">
        <v>16</v>
      </c>
      <c r="AO39067">
        <v>16</v>
      </c>
      <c r="AP39067">
        <v>16</v>
      </c>
      <c r="AQ39067">
        <v>16</v>
      </c>
    </row>
    <row r="39068" spans="1:43">
      <c r="A39068" t="s">
        <v>24235</v>
      </c>
      <c r="B39068" t="s">
        <v>24236</v>
      </c>
      <c r="C39068" t="s">
        <v>24237</v>
      </c>
      <c r="D39068" t="s">
        <v>24238</v>
      </c>
      <c r="E39068" t="s">
        <v>24147</v>
      </c>
      <c r="F39068" t="s">
        <v>24148</v>
      </c>
      <c r="G39068" t="s">
        <v>11612</v>
      </c>
      <c r="H39068" t="s">
        <v>11613</v>
      </c>
      <c r="I39068" s="2">
        <v>0</v>
      </c>
      <c r="J39068" s="2">
        <v>0</v>
      </c>
      <c r="K39068" s="2">
        <v>1</v>
      </c>
      <c r="L39068" t="s">
        <v>995</v>
      </c>
      <c r="M39068" t="s">
        <v>89</v>
      </c>
      <c r="N39068" t="s">
        <v>90</v>
      </c>
      <c r="O39068" t="s">
        <v>85</v>
      </c>
      <c r="P39068" t="s">
        <v>86</v>
      </c>
      <c r="Q39068">
        <v>13</v>
      </c>
      <c r="R39068">
        <v>13</v>
      </c>
      <c r="S39068">
        <v>13</v>
      </c>
      <c r="T39068">
        <v>14</v>
      </c>
      <c r="U39068">
        <v>14</v>
      </c>
      <c r="V39068">
        <v>14</v>
      </c>
      <c r="W39068">
        <v>15</v>
      </c>
      <c r="X39068">
        <v>15</v>
      </c>
      <c r="Y39068">
        <v>15</v>
      </c>
      <c r="Z39068">
        <v>16</v>
      </c>
      <c r="AA39068">
        <v>16</v>
      </c>
      <c r="AB39068">
        <v>16</v>
      </c>
      <c r="AC39068">
        <v>16</v>
      </c>
      <c r="AD39068">
        <v>17</v>
      </c>
      <c r="AE39068">
        <v>17</v>
      </c>
      <c r="AF39068">
        <v>17</v>
      </c>
      <c r="AG39068">
        <v>17</v>
      </c>
      <c r="AH39068">
        <v>17</v>
      </c>
      <c r="AI39068">
        <v>17</v>
      </c>
      <c r="AJ39068">
        <v>17</v>
      </c>
      <c r="AK39068">
        <v>18</v>
      </c>
      <c r="AL39068">
        <v>18</v>
      </c>
      <c r="AM39068">
        <v>18</v>
      </c>
      <c r="AN39068">
        <v>18</v>
      </c>
      <c r="AO39068">
        <v>18</v>
      </c>
      <c r="AP39068">
        <v>18</v>
      </c>
      <c r="AQ39068">
        <v>18</v>
      </c>
    </row>
    <row r="39069" spans="1:43">
      <c r="A39069" t="s">
        <v>24235</v>
      </c>
      <c r="B39069" t="s">
        <v>24236</v>
      </c>
      <c r="C39069" t="s">
        <v>24237</v>
      </c>
      <c r="D39069" t="s">
        <v>24238</v>
      </c>
      <c r="E39069" t="s">
        <v>24147</v>
      </c>
      <c r="F39069" t="s">
        <v>24148</v>
      </c>
      <c r="G39069" t="s">
        <v>11612</v>
      </c>
      <c r="H39069" t="s">
        <v>11613</v>
      </c>
      <c r="I39069" s="2">
        <v>0</v>
      </c>
      <c r="J39069" s="2">
        <v>0</v>
      </c>
      <c r="K39069" s="2">
        <v>1</v>
      </c>
      <c r="L39069" t="s">
        <v>995</v>
      </c>
      <c r="M39069" t="s">
        <v>83</v>
      </c>
      <c r="N39069" t="s">
        <v>91</v>
      </c>
      <c r="O39069" t="s">
        <v>85</v>
      </c>
      <c r="P39069" t="s">
        <v>86</v>
      </c>
      <c r="Q39069">
        <v>13</v>
      </c>
      <c r="R39069">
        <v>14</v>
      </c>
      <c r="S39069">
        <v>14</v>
      </c>
      <c r="T39069">
        <v>14</v>
      </c>
      <c r="U39069">
        <v>14</v>
      </c>
      <c r="V39069">
        <v>15</v>
      </c>
      <c r="W39069">
        <v>15</v>
      </c>
      <c r="X39069">
        <v>15</v>
      </c>
      <c r="Y39069">
        <v>15</v>
      </c>
      <c r="Z39069">
        <v>16</v>
      </c>
      <c r="AA39069">
        <v>16</v>
      </c>
      <c r="AB39069">
        <v>16</v>
      </c>
      <c r="AC39069">
        <v>16</v>
      </c>
      <c r="AD39069">
        <v>17</v>
      </c>
      <c r="AE39069">
        <v>17</v>
      </c>
      <c r="AF39069">
        <v>17</v>
      </c>
      <c r="AG39069">
        <v>17</v>
      </c>
      <c r="AH39069">
        <v>18</v>
      </c>
      <c r="AI39069">
        <v>18</v>
      </c>
      <c r="AJ39069">
        <v>18</v>
      </c>
      <c r="AK39069">
        <v>18</v>
      </c>
      <c r="AL39069">
        <v>18</v>
      </c>
      <c r="AM39069">
        <v>19</v>
      </c>
      <c r="AN39069">
        <v>19</v>
      </c>
      <c r="AO39069">
        <v>19</v>
      </c>
      <c r="AP39069">
        <v>19</v>
      </c>
      <c r="AQ39069">
        <v>19</v>
      </c>
    </row>
    <row r="39070" spans="1:43">
      <c r="A39070" t="s">
        <v>24239</v>
      </c>
      <c r="B39070" t="s">
        <v>24240</v>
      </c>
      <c r="C39070" t="s">
        <v>24237</v>
      </c>
      <c r="D39070" t="s">
        <v>24238</v>
      </c>
      <c r="E39070" t="s">
        <v>24147</v>
      </c>
      <c r="F39070" t="s">
        <v>24148</v>
      </c>
      <c r="G39070" t="s">
        <v>11612</v>
      </c>
      <c r="H39070" t="s">
        <v>11613</v>
      </c>
      <c r="I39070" s="2">
        <v>0</v>
      </c>
      <c r="J39070" s="2">
        <v>0</v>
      </c>
      <c r="K39070" s="2">
        <v>1</v>
      </c>
      <c r="L39070" t="s">
        <v>995</v>
      </c>
      <c r="M39070" t="s">
        <v>83</v>
      </c>
      <c r="N39070" t="s">
        <v>84</v>
      </c>
      <c r="O39070" t="s">
        <v>85</v>
      </c>
      <c r="P39070" t="s">
        <v>86</v>
      </c>
      <c r="Q39070">
        <v>60</v>
      </c>
      <c r="R39070">
        <v>61</v>
      </c>
      <c r="S39070">
        <v>63</v>
      </c>
      <c r="T39070">
        <v>64</v>
      </c>
      <c r="U39070">
        <v>65</v>
      </c>
      <c r="V39070">
        <v>66</v>
      </c>
      <c r="W39070">
        <v>67</v>
      </c>
      <c r="X39070">
        <v>68</v>
      </c>
      <c r="Y39070">
        <v>69</v>
      </c>
      <c r="Z39070">
        <v>70</v>
      </c>
      <c r="AA39070">
        <v>72</v>
      </c>
      <c r="AB39070">
        <v>73</v>
      </c>
      <c r="AC39070">
        <v>74</v>
      </c>
      <c r="AD39070">
        <v>75</v>
      </c>
      <c r="AE39070">
        <v>76</v>
      </c>
      <c r="AF39070">
        <v>77</v>
      </c>
      <c r="AG39070">
        <v>78</v>
      </c>
      <c r="AH39070">
        <v>80</v>
      </c>
      <c r="AI39070">
        <v>81</v>
      </c>
      <c r="AJ39070">
        <v>82</v>
      </c>
      <c r="AK39070">
        <v>83</v>
      </c>
      <c r="AL39070">
        <v>84</v>
      </c>
      <c r="AM39070">
        <v>85</v>
      </c>
      <c r="AN39070">
        <v>85</v>
      </c>
      <c r="AO39070">
        <v>86</v>
      </c>
      <c r="AP39070">
        <v>86</v>
      </c>
      <c r="AQ39070">
        <v>87</v>
      </c>
    </row>
    <row r="39071" spans="1:43">
      <c r="A39071" t="s">
        <v>24239</v>
      </c>
      <c r="B39071" t="s">
        <v>24240</v>
      </c>
      <c r="C39071" t="s">
        <v>24237</v>
      </c>
      <c r="D39071" t="s">
        <v>24238</v>
      </c>
      <c r="E39071" t="s">
        <v>24147</v>
      </c>
      <c r="F39071" t="s">
        <v>24148</v>
      </c>
      <c r="G39071" t="s">
        <v>11612</v>
      </c>
      <c r="H39071" t="s">
        <v>11613</v>
      </c>
      <c r="I39071" s="2">
        <v>0</v>
      </c>
      <c r="J39071" s="2">
        <v>0</v>
      </c>
      <c r="K39071" s="2">
        <v>1</v>
      </c>
      <c r="L39071" t="s">
        <v>995</v>
      </c>
      <c r="M39071" t="s">
        <v>87</v>
      </c>
      <c r="N39071" t="s">
        <v>88</v>
      </c>
      <c r="O39071" t="s">
        <v>85</v>
      </c>
      <c r="P39071" t="s">
        <v>86</v>
      </c>
      <c r="Q39071">
        <v>60</v>
      </c>
      <c r="R39071">
        <v>60</v>
      </c>
      <c r="S39071">
        <v>61</v>
      </c>
      <c r="T39071">
        <v>61</v>
      </c>
      <c r="U39071">
        <v>62</v>
      </c>
      <c r="V39071">
        <v>62</v>
      </c>
      <c r="W39071">
        <v>63</v>
      </c>
      <c r="X39071">
        <v>63</v>
      </c>
      <c r="Y39071">
        <v>64</v>
      </c>
      <c r="Z39071">
        <v>65</v>
      </c>
      <c r="AA39071">
        <v>65</v>
      </c>
      <c r="AB39071">
        <v>66</v>
      </c>
      <c r="AC39071">
        <v>66</v>
      </c>
      <c r="AD39071">
        <v>67</v>
      </c>
      <c r="AE39071">
        <v>67</v>
      </c>
      <c r="AF39071">
        <v>68</v>
      </c>
      <c r="AG39071">
        <v>69</v>
      </c>
      <c r="AH39071">
        <v>69</v>
      </c>
      <c r="AI39071">
        <v>70</v>
      </c>
      <c r="AJ39071">
        <v>71</v>
      </c>
      <c r="AK39071">
        <v>71</v>
      </c>
      <c r="AL39071">
        <v>72</v>
      </c>
      <c r="AM39071">
        <v>73</v>
      </c>
      <c r="AN39071">
        <v>73</v>
      </c>
      <c r="AO39071">
        <v>74</v>
      </c>
      <c r="AP39071">
        <v>75</v>
      </c>
      <c r="AQ39071">
        <v>75</v>
      </c>
    </row>
    <row r="39072" spans="1:43">
      <c r="A39072" t="s">
        <v>24239</v>
      </c>
      <c r="B39072" t="s">
        <v>24240</v>
      </c>
      <c r="C39072" t="s">
        <v>24237</v>
      </c>
      <c r="D39072" t="s">
        <v>24238</v>
      </c>
      <c r="E39072" t="s">
        <v>24147</v>
      </c>
      <c r="F39072" t="s">
        <v>24148</v>
      </c>
      <c r="G39072" t="s">
        <v>11612</v>
      </c>
      <c r="H39072" t="s">
        <v>11613</v>
      </c>
      <c r="I39072" s="2">
        <v>0</v>
      </c>
      <c r="J39072" s="2">
        <v>0</v>
      </c>
      <c r="K39072" s="2">
        <v>1</v>
      </c>
      <c r="L39072" t="s">
        <v>995</v>
      </c>
      <c r="M39072" t="s">
        <v>89</v>
      </c>
      <c r="N39072" t="s">
        <v>90</v>
      </c>
      <c r="O39072" t="s">
        <v>85</v>
      </c>
      <c r="P39072" t="s">
        <v>86</v>
      </c>
      <c r="Q39072">
        <v>60</v>
      </c>
      <c r="R39072">
        <v>62</v>
      </c>
      <c r="S39072">
        <v>63</v>
      </c>
      <c r="T39072">
        <v>65</v>
      </c>
      <c r="U39072">
        <v>66</v>
      </c>
      <c r="V39072">
        <v>68</v>
      </c>
      <c r="W39072">
        <v>69</v>
      </c>
      <c r="X39072">
        <v>71</v>
      </c>
      <c r="Y39072">
        <v>72</v>
      </c>
      <c r="Z39072">
        <v>74</v>
      </c>
      <c r="AA39072">
        <v>75</v>
      </c>
      <c r="AB39072">
        <v>77</v>
      </c>
      <c r="AC39072">
        <v>78</v>
      </c>
      <c r="AD39072">
        <v>79</v>
      </c>
      <c r="AE39072">
        <v>81</v>
      </c>
      <c r="AF39072">
        <v>81</v>
      </c>
      <c r="AG39072">
        <v>82</v>
      </c>
      <c r="AH39072">
        <v>82</v>
      </c>
      <c r="AI39072">
        <v>83</v>
      </c>
      <c r="AJ39072">
        <v>83</v>
      </c>
      <c r="AK39072">
        <v>84</v>
      </c>
      <c r="AL39072">
        <v>84</v>
      </c>
      <c r="AM39072">
        <v>85</v>
      </c>
      <c r="AN39072">
        <v>85</v>
      </c>
      <c r="AO39072">
        <v>86</v>
      </c>
      <c r="AP39072">
        <v>86</v>
      </c>
      <c r="AQ39072">
        <v>87</v>
      </c>
    </row>
    <row r="39073" spans="1:43">
      <c r="A39073" t="s">
        <v>24239</v>
      </c>
      <c r="B39073" t="s">
        <v>24240</v>
      </c>
      <c r="C39073" t="s">
        <v>24237</v>
      </c>
      <c r="D39073" t="s">
        <v>24238</v>
      </c>
      <c r="E39073" t="s">
        <v>24147</v>
      </c>
      <c r="F39073" t="s">
        <v>24148</v>
      </c>
      <c r="G39073" t="s">
        <v>11612</v>
      </c>
      <c r="H39073" t="s">
        <v>11613</v>
      </c>
      <c r="I39073" s="2">
        <v>0</v>
      </c>
      <c r="J39073" s="2">
        <v>0</v>
      </c>
      <c r="K39073" s="2">
        <v>1</v>
      </c>
      <c r="L39073" t="s">
        <v>995</v>
      </c>
      <c r="M39073" t="s">
        <v>83</v>
      </c>
      <c r="N39073" t="s">
        <v>91</v>
      </c>
      <c r="O39073" t="s">
        <v>85</v>
      </c>
      <c r="P39073" t="s">
        <v>86</v>
      </c>
      <c r="Q39073">
        <v>60</v>
      </c>
      <c r="R39073">
        <v>61</v>
      </c>
      <c r="S39073">
        <v>63</v>
      </c>
      <c r="T39073">
        <v>64</v>
      </c>
      <c r="U39073">
        <v>65</v>
      </c>
      <c r="V39073">
        <v>66</v>
      </c>
      <c r="W39073">
        <v>67</v>
      </c>
      <c r="X39073">
        <v>68</v>
      </c>
      <c r="Y39073">
        <v>69</v>
      </c>
      <c r="Z39073">
        <v>70</v>
      </c>
      <c r="AA39073">
        <v>72</v>
      </c>
      <c r="AB39073">
        <v>73</v>
      </c>
      <c r="AC39073">
        <v>74</v>
      </c>
      <c r="AD39073">
        <v>75</v>
      </c>
      <c r="AE39073">
        <v>76</v>
      </c>
      <c r="AF39073">
        <v>77</v>
      </c>
      <c r="AG39073">
        <v>78</v>
      </c>
      <c r="AH39073">
        <v>80</v>
      </c>
      <c r="AI39073">
        <v>81</v>
      </c>
      <c r="AJ39073">
        <v>82</v>
      </c>
      <c r="AK39073">
        <v>83</v>
      </c>
      <c r="AL39073">
        <v>84</v>
      </c>
      <c r="AM39073">
        <v>85</v>
      </c>
      <c r="AN39073">
        <v>85</v>
      </c>
      <c r="AO39073">
        <v>86</v>
      </c>
      <c r="AP39073">
        <v>86</v>
      </c>
      <c r="AQ39073">
        <v>87</v>
      </c>
    </row>
    <row r="39074" spans="1:43">
      <c r="A39074" t="s">
        <v>24241</v>
      </c>
      <c r="B39074" t="s">
        <v>24242</v>
      </c>
      <c r="C39074" t="s">
        <v>24243</v>
      </c>
      <c r="D39074" t="s">
        <v>24244</v>
      </c>
      <c r="E39074" t="s">
        <v>24147</v>
      </c>
      <c r="F39074" t="s">
        <v>24148</v>
      </c>
      <c r="G39074" t="s">
        <v>11612</v>
      </c>
      <c r="H39074" t="s">
        <v>11613</v>
      </c>
      <c r="I39074" s="2">
        <v>0</v>
      </c>
      <c r="J39074" s="2">
        <v>0</v>
      </c>
      <c r="K39074" s="2">
        <v>1</v>
      </c>
      <c r="L39074" t="s">
        <v>995</v>
      </c>
      <c r="M39074" t="s">
        <v>83</v>
      </c>
      <c r="N39074" t="s">
        <v>84</v>
      </c>
      <c r="O39074" t="s">
        <v>85</v>
      </c>
      <c r="P39074" t="s">
        <v>86</v>
      </c>
      <c r="Q39074">
        <v>28</v>
      </c>
      <c r="R39074">
        <v>29</v>
      </c>
      <c r="S39074">
        <v>29</v>
      </c>
      <c r="T39074">
        <v>29</v>
      </c>
      <c r="U39074">
        <v>30</v>
      </c>
      <c r="V39074">
        <v>30</v>
      </c>
      <c r="W39074">
        <v>31</v>
      </c>
      <c r="X39074">
        <v>31</v>
      </c>
      <c r="Y39074">
        <v>32</v>
      </c>
      <c r="Z39074">
        <v>32</v>
      </c>
      <c r="AA39074">
        <v>33</v>
      </c>
      <c r="AB39074">
        <v>33</v>
      </c>
      <c r="AC39074">
        <v>34</v>
      </c>
      <c r="AD39074">
        <v>34</v>
      </c>
      <c r="AE39074">
        <v>35</v>
      </c>
      <c r="AF39074">
        <v>35</v>
      </c>
      <c r="AG39074">
        <v>36</v>
      </c>
      <c r="AH39074">
        <v>36</v>
      </c>
      <c r="AI39074">
        <v>37</v>
      </c>
      <c r="AJ39074">
        <v>37</v>
      </c>
      <c r="AK39074">
        <v>38</v>
      </c>
      <c r="AL39074">
        <v>38</v>
      </c>
      <c r="AM39074">
        <v>38</v>
      </c>
      <c r="AN39074">
        <v>39</v>
      </c>
      <c r="AO39074">
        <v>39</v>
      </c>
      <c r="AP39074">
        <v>39</v>
      </c>
      <c r="AQ39074">
        <v>39</v>
      </c>
    </row>
    <row r="39075" spans="1:43">
      <c r="A39075" t="s">
        <v>24241</v>
      </c>
      <c r="B39075" t="s">
        <v>24242</v>
      </c>
      <c r="C39075" t="s">
        <v>24243</v>
      </c>
      <c r="D39075" t="s">
        <v>24244</v>
      </c>
      <c r="E39075" t="s">
        <v>24147</v>
      </c>
      <c r="F39075" t="s">
        <v>24148</v>
      </c>
      <c r="G39075" t="s">
        <v>11612</v>
      </c>
      <c r="H39075" t="s">
        <v>11613</v>
      </c>
      <c r="I39075" s="2">
        <v>0</v>
      </c>
      <c r="J39075" s="2">
        <v>0</v>
      </c>
      <c r="K39075" s="2">
        <v>1</v>
      </c>
      <c r="L39075" t="s">
        <v>995</v>
      </c>
      <c r="M39075" t="s">
        <v>87</v>
      </c>
      <c r="N39075" t="s">
        <v>88</v>
      </c>
      <c r="O39075" t="s">
        <v>85</v>
      </c>
      <c r="P39075" t="s">
        <v>86</v>
      </c>
      <c r="Q39075">
        <v>28</v>
      </c>
      <c r="R39075">
        <v>28</v>
      </c>
      <c r="S39075">
        <v>28</v>
      </c>
      <c r="T39075">
        <v>28</v>
      </c>
      <c r="U39075">
        <v>29</v>
      </c>
      <c r="V39075">
        <v>29</v>
      </c>
      <c r="W39075">
        <v>29</v>
      </c>
      <c r="X39075">
        <v>29</v>
      </c>
      <c r="Y39075">
        <v>30</v>
      </c>
      <c r="Z39075">
        <v>30</v>
      </c>
      <c r="AA39075">
        <v>30</v>
      </c>
      <c r="AB39075">
        <v>30</v>
      </c>
      <c r="AC39075">
        <v>30</v>
      </c>
      <c r="AD39075">
        <v>31</v>
      </c>
      <c r="AE39075">
        <v>31</v>
      </c>
      <c r="AF39075">
        <v>31</v>
      </c>
      <c r="AG39075">
        <v>31</v>
      </c>
      <c r="AH39075">
        <v>32</v>
      </c>
      <c r="AI39075">
        <v>32</v>
      </c>
      <c r="AJ39075">
        <v>32</v>
      </c>
      <c r="AK39075">
        <v>32</v>
      </c>
      <c r="AL39075">
        <v>33</v>
      </c>
      <c r="AM39075">
        <v>33</v>
      </c>
      <c r="AN39075">
        <v>33</v>
      </c>
      <c r="AO39075">
        <v>34</v>
      </c>
      <c r="AP39075">
        <v>34</v>
      </c>
      <c r="AQ39075">
        <v>34</v>
      </c>
    </row>
    <row r="39076" spans="1:43">
      <c r="A39076" t="s">
        <v>24241</v>
      </c>
      <c r="B39076" t="s">
        <v>24242</v>
      </c>
      <c r="C39076" t="s">
        <v>24243</v>
      </c>
      <c r="D39076" t="s">
        <v>24244</v>
      </c>
      <c r="E39076" t="s">
        <v>24147</v>
      </c>
      <c r="F39076" t="s">
        <v>24148</v>
      </c>
      <c r="G39076" t="s">
        <v>11612</v>
      </c>
      <c r="H39076" t="s">
        <v>11613</v>
      </c>
      <c r="I39076" s="2">
        <v>0</v>
      </c>
      <c r="J39076" s="2">
        <v>0</v>
      </c>
      <c r="K39076" s="2">
        <v>1</v>
      </c>
      <c r="L39076" t="s">
        <v>995</v>
      </c>
      <c r="M39076" t="s">
        <v>89</v>
      </c>
      <c r="N39076" t="s">
        <v>90</v>
      </c>
      <c r="O39076" t="s">
        <v>85</v>
      </c>
      <c r="P39076" t="s">
        <v>86</v>
      </c>
      <c r="Q39076">
        <v>28</v>
      </c>
      <c r="R39076">
        <v>29</v>
      </c>
      <c r="S39076">
        <v>30</v>
      </c>
      <c r="T39076">
        <v>30</v>
      </c>
      <c r="U39076">
        <v>31</v>
      </c>
      <c r="V39076">
        <v>32</v>
      </c>
      <c r="W39076">
        <v>33</v>
      </c>
      <c r="X39076">
        <v>33</v>
      </c>
      <c r="Y39076">
        <v>34</v>
      </c>
      <c r="Z39076">
        <v>34</v>
      </c>
      <c r="AA39076">
        <v>35</v>
      </c>
      <c r="AB39076">
        <v>36</v>
      </c>
      <c r="AC39076">
        <v>36</v>
      </c>
      <c r="AD39076">
        <v>37</v>
      </c>
      <c r="AE39076">
        <v>37</v>
      </c>
      <c r="AF39076">
        <v>38</v>
      </c>
      <c r="AG39076">
        <v>38</v>
      </c>
      <c r="AH39076">
        <v>38</v>
      </c>
      <c r="AI39076">
        <v>38</v>
      </c>
      <c r="AJ39076">
        <v>38</v>
      </c>
      <c r="AK39076">
        <v>38</v>
      </c>
      <c r="AL39076">
        <v>39</v>
      </c>
      <c r="AM39076">
        <v>39</v>
      </c>
      <c r="AN39076">
        <v>39</v>
      </c>
      <c r="AO39076">
        <v>39</v>
      </c>
      <c r="AP39076">
        <v>39</v>
      </c>
      <c r="AQ39076">
        <v>40</v>
      </c>
    </row>
    <row r="39077" spans="1:43">
      <c r="A39077" t="s">
        <v>24241</v>
      </c>
      <c r="B39077" t="s">
        <v>24242</v>
      </c>
      <c r="C39077" t="s">
        <v>24243</v>
      </c>
      <c r="D39077" t="s">
        <v>24244</v>
      </c>
      <c r="E39077" t="s">
        <v>24147</v>
      </c>
      <c r="F39077" t="s">
        <v>24148</v>
      </c>
      <c r="G39077" t="s">
        <v>11612</v>
      </c>
      <c r="H39077" t="s">
        <v>11613</v>
      </c>
      <c r="I39077" s="2">
        <v>0</v>
      </c>
      <c r="J39077" s="2">
        <v>0</v>
      </c>
      <c r="K39077" s="2">
        <v>1</v>
      </c>
      <c r="L39077" t="s">
        <v>995</v>
      </c>
      <c r="M39077" t="s">
        <v>83</v>
      </c>
      <c r="N39077" t="s">
        <v>91</v>
      </c>
      <c r="O39077" t="s">
        <v>85</v>
      </c>
      <c r="P39077" t="s">
        <v>86</v>
      </c>
      <c r="Q39077">
        <v>28</v>
      </c>
      <c r="R39077">
        <v>29</v>
      </c>
      <c r="S39077">
        <v>29</v>
      </c>
      <c r="T39077">
        <v>29</v>
      </c>
      <c r="U39077">
        <v>30</v>
      </c>
      <c r="V39077">
        <v>30</v>
      </c>
      <c r="W39077">
        <v>31</v>
      </c>
      <c r="X39077">
        <v>31</v>
      </c>
      <c r="Y39077">
        <v>32</v>
      </c>
      <c r="Z39077">
        <v>32</v>
      </c>
      <c r="AA39077">
        <v>33</v>
      </c>
      <c r="AB39077">
        <v>33</v>
      </c>
      <c r="AC39077">
        <v>34</v>
      </c>
      <c r="AD39077">
        <v>34</v>
      </c>
      <c r="AE39077">
        <v>35</v>
      </c>
      <c r="AF39077">
        <v>35</v>
      </c>
      <c r="AG39077">
        <v>36</v>
      </c>
      <c r="AH39077">
        <v>36</v>
      </c>
      <c r="AI39077">
        <v>37</v>
      </c>
      <c r="AJ39077">
        <v>37</v>
      </c>
      <c r="AK39077">
        <v>38</v>
      </c>
      <c r="AL39077">
        <v>38</v>
      </c>
      <c r="AM39077">
        <v>38</v>
      </c>
      <c r="AN39077">
        <v>39</v>
      </c>
      <c r="AO39077">
        <v>39</v>
      </c>
      <c r="AP39077">
        <v>39</v>
      </c>
      <c r="AQ39077">
        <v>39</v>
      </c>
    </row>
    <row r="39078" spans="1:43">
      <c r="A39078" t="s">
        <v>24245</v>
      </c>
      <c r="B39078" t="s">
        <v>24246</v>
      </c>
      <c r="C39078" t="s">
        <v>24243</v>
      </c>
      <c r="D39078" t="s">
        <v>24244</v>
      </c>
      <c r="E39078" t="s">
        <v>24147</v>
      </c>
      <c r="F39078" t="s">
        <v>24148</v>
      </c>
      <c r="G39078" t="s">
        <v>11612</v>
      </c>
      <c r="H39078" t="s">
        <v>11613</v>
      </c>
      <c r="I39078" s="2">
        <v>0</v>
      </c>
      <c r="J39078" s="2">
        <v>0</v>
      </c>
      <c r="K39078" s="2">
        <v>1</v>
      </c>
      <c r="L39078" t="s">
        <v>995</v>
      </c>
      <c r="M39078" t="s">
        <v>83</v>
      </c>
      <c r="N39078" t="s">
        <v>84</v>
      </c>
      <c r="O39078" t="s">
        <v>85</v>
      </c>
      <c r="P39078" t="s">
        <v>86</v>
      </c>
      <c r="Q39078">
        <v>20</v>
      </c>
      <c r="R39078">
        <v>20</v>
      </c>
      <c r="S39078">
        <v>20</v>
      </c>
      <c r="T39078">
        <v>21</v>
      </c>
      <c r="U39078">
        <v>21</v>
      </c>
      <c r="V39078">
        <v>21</v>
      </c>
      <c r="W39078">
        <v>22</v>
      </c>
      <c r="X39078">
        <v>22</v>
      </c>
      <c r="Y39078">
        <v>22</v>
      </c>
      <c r="Z39078">
        <v>23</v>
      </c>
      <c r="AA39078">
        <v>23</v>
      </c>
      <c r="AB39078">
        <v>23</v>
      </c>
      <c r="AC39078">
        <v>24</v>
      </c>
      <c r="AD39078">
        <v>24</v>
      </c>
      <c r="AE39078">
        <v>25</v>
      </c>
      <c r="AF39078">
        <v>25</v>
      </c>
      <c r="AG39078">
        <v>25</v>
      </c>
      <c r="AH39078">
        <v>26</v>
      </c>
      <c r="AI39078">
        <v>26</v>
      </c>
      <c r="AJ39078">
        <v>26</v>
      </c>
      <c r="AK39078">
        <v>27</v>
      </c>
      <c r="AL39078">
        <v>27</v>
      </c>
      <c r="AM39078">
        <v>27</v>
      </c>
      <c r="AN39078">
        <v>27</v>
      </c>
      <c r="AO39078">
        <v>27</v>
      </c>
      <c r="AP39078">
        <v>27</v>
      </c>
      <c r="AQ39078">
        <v>28</v>
      </c>
    </row>
    <row r="39079" spans="1:43">
      <c r="A39079" t="s">
        <v>24245</v>
      </c>
      <c r="B39079" t="s">
        <v>24246</v>
      </c>
      <c r="C39079" t="s">
        <v>24243</v>
      </c>
      <c r="D39079" t="s">
        <v>24244</v>
      </c>
      <c r="E39079" t="s">
        <v>24147</v>
      </c>
      <c r="F39079" t="s">
        <v>24148</v>
      </c>
      <c r="G39079" t="s">
        <v>11612</v>
      </c>
      <c r="H39079" t="s">
        <v>11613</v>
      </c>
      <c r="I39079" s="2">
        <v>0</v>
      </c>
      <c r="J39079" s="2">
        <v>0</v>
      </c>
      <c r="K39079" s="2">
        <v>1</v>
      </c>
      <c r="L39079" t="s">
        <v>995</v>
      </c>
      <c r="M39079" t="s">
        <v>87</v>
      </c>
      <c r="N39079" t="s">
        <v>88</v>
      </c>
      <c r="O39079" t="s">
        <v>85</v>
      </c>
      <c r="P39079" t="s">
        <v>86</v>
      </c>
      <c r="Q39079">
        <v>20</v>
      </c>
      <c r="R39079">
        <v>20</v>
      </c>
      <c r="S39079">
        <v>20</v>
      </c>
      <c r="T39079">
        <v>20</v>
      </c>
      <c r="U39079">
        <v>20</v>
      </c>
      <c r="V39079">
        <v>20</v>
      </c>
      <c r="W39079">
        <v>20</v>
      </c>
      <c r="X39079">
        <v>21</v>
      </c>
      <c r="Y39079">
        <v>21</v>
      </c>
      <c r="Z39079">
        <v>21</v>
      </c>
      <c r="AA39079">
        <v>21</v>
      </c>
      <c r="AB39079">
        <v>21</v>
      </c>
      <c r="AC39079">
        <v>21</v>
      </c>
      <c r="AD39079">
        <v>22</v>
      </c>
      <c r="AE39079">
        <v>22</v>
      </c>
      <c r="AF39079">
        <v>22</v>
      </c>
      <c r="AG39079">
        <v>22</v>
      </c>
      <c r="AH39079">
        <v>22</v>
      </c>
      <c r="AI39079">
        <v>22</v>
      </c>
      <c r="AJ39079">
        <v>23</v>
      </c>
      <c r="AK39079">
        <v>23</v>
      </c>
      <c r="AL39079">
        <v>23</v>
      </c>
      <c r="AM39079">
        <v>23</v>
      </c>
      <c r="AN39079">
        <v>23</v>
      </c>
      <c r="AO39079">
        <v>24</v>
      </c>
      <c r="AP39079">
        <v>24</v>
      </c>
      <c r="AQ39079">
        <v>24</v>
      </c>
    </row>
    <row r="39080" spans="1:43">
      <c r="A39080" t="s">
        <v>24245</v>
      </c>
      <c r="B39080" t="s">
        <v>24246</v>
      </c>
      <c r="C39080" t="s">
        <v>24243</v>
      </c>
      <c r="D39080" t="s">
        <v>24244</v>
      </c>
      <c r="E39080" t="s">
        <v>24147</v>
      </c>
      <c r="F39080" t="s">
        <v>24148</v>
      </c>
      <c r="G39080" t="s">
        <v>11612</v>
      </c>
      <c r="H39080" t="s">
        <v>11613</v>
      </c>
      <c r="I39080" s="2">
        <v>0</v>
      </c>
      <c r="J39080" s="2">
        <v>0</v>
      </c>
      <c r="K39080" s="2">
        <v>1</v>
      </c>
      <c r="L39080" t="s">
        <v>995</v>
      </c>
      <c r="M39080" t="s">
        <v>89</v>
      </c>
      <c r="N39080" t="s">
        <v>90</v>
      </c>
      <c r="O39080" t="s">
        <v>85</v>
      </c>
      <c r="P39080" t="s">
        <v>86</v>
      </c>
      <c r="Q39080">
        <v>20</v>
      </c>
      <c r="R39080">
        <v>20</v>
      </c>
      <c r="S39080">
        <v>21</v>
      </c>
      <c r="T39080">
        <v>21</v>
      </c>
      <c r="U39080">
        <v>22</v>
      </c>
      <c r="V39080">
        <v>22</v>
      </c>
      <c r="W39080">
        <v>23</v>
      </c>
      <c r="X39080">
        <v>23</v>
      </c>
      <c r="Y39080">
        <v>24</v>
      </c>
      <c r="Z39080">
        <v>24</v>
      </c>
      <c r="AA39080">
        <v>25</v>
      </c>
      <c r="AB39080">
        <v>25</v>
      </c>
      <c r="AC39080">
        <v>25</v>
      </c>
      <c r="AD39080">
        <v>26</v>
      </c>
      <c r="AE39080">
        <v>26</v>
      </c>
      <c r="AF39080">
        <v>26</v>
      </c>
      <c r="AG39080">
        <v>26</v>
      </c>
      <c r="AH39080">
        <v>27</v>
      </c>
      <c r="AI39080">
        <v>27</v>
      </c>
      <c r="AJ39080">
        <v>27</v>
      </c>
      <c r="AK39080">
        <v>27</v>
      </c>
      <c r="AL39080">
        <v>27</v>
      </c>
      <c r="AM39080">
        <v>27</v>
      </c>
      <c r="AN39080">
        <v>27</v>
      </c>
      <c r="AO39080">
        <v>28</v>
      </c>
      <c r="AP39080">
        <v>28</v>
      </c>
      <c r="AQ39080">
        <v>28</v>
      </c>
    </row>
    <row r="39081" spans="1:43">
      <c r="A39081" t="s">
        <v>24245</v>
      </c>
      <c r="B39081" t="s">
        <v>24246</v>
      </c>
      <c r="C39081" t="s">
        <v>24243</v>
      </c>
      <c r="D39081" t="s">
        <v>24244</v>
      </c>
      <c r="E39081" t="s">
        <v>24147</v>
      </c>
      <c r="F39081" t="s">
        <v>24148</v>
      </c>
      <c r="G39081" t="s">
        <v>11612</v>
      </c>
      <c r="H39081" t="s">
        <v>11613</v>
      </c>
      <c r="I39081" s="2">
        <v>0</v>
      </c>
      <c r="J39081" s="2">
        <v>0</v>
      </c>
      <c r="K39081" s="2">
        <v>1</v>
      </c>
      <c r="L39081" t="s">
        <v>995</v>
      </c>
      <c r="M39081" t="s">
        <v>83</v>
      </c>
      <c r="N39081" t="s">
        <v>91</v>
      </c>
      <c r="O39081" t="s">
        <v>85</v>
      </c>
      <c r="P39081" t="s">
        <v>86</v>
      </c>
      <c r="Q39081">
        <v>20</v>
      </c>
      <c r="R39081">
        <v>20</v>
      </c>
      <c r="S39081">
        <v>20</v>
      </c>
      <c r="T39081">
        <v>21</v>
      </c>
      <c r="U39081">
        <v>21</v>
      </c>
      <c r="V39081">
        <v>21</v>
      </c>
      <c r="W39081">
        <v>22</v>
      </c>
      <c r="X39081">
        <v>22</v>
      </c>
      <c r="Y39081">
        <v>22</v>
      </c>
      <c r="Z39081">
        <v>23</v>
      </c>
      <c r="AA39081">
        <v>23</v>
      </c>
      <c r="AB39081">
        <v>23</v>
      </c>
      <c r="AC39081">
        <v>24</v>
      </c>
      <c r="AD39081">
        <v>24</v>
      </c>
      <c r="AE39081">
        <v>25</v>
      </c>
      <c r="AF39081">
        <v>25</v>
      </c>
      <c r="AG39081">
        <v>25</v>
      </c>
      <c r="AH39081">
        <v>26</v>
      </c>
      <c r="AI39081">
        <v>26</v>
      </c>
      <c r="AJ39081">
        <v>26</v>
      </c>
      <c r="AK39081">
        <v>27</v>
      </c>
      <c r="AL39081">
        <v>27</v>
      </c>
      <c r="AM39081">
        <v>27</v>
      </c>
      <c r="AN39081">
        <v>27</v>
      </c>
      <c r="AO39081">
        <v>27</v>
      </c>
      <c r="AP39081">
        <v>27</v>
      </c>
      <c r="AQ39081">
        <v>28</v>
      </c>
    </row>
    <row r="39082" spans="1:43">
      <c r="A39082" t="s">
        <v>24247</v>
      </c>
      <c r="B39082" t="s">
        <v>24248</v>
      </c>
      <c r="C39082" t="s">
        <v>24237</v>
      </c>
      <c r="D39082" t="s">
        <v>24238</v>
      </c>
      <c r="E39082" t="s">
        <v>24147</v>
      </c>
      <c r="F39082" t="s">
        <v>24148</v>
      </c>
      <c r="G39082" t="s">
        <v>11612</v>
      </c>
      <c r="H39082" t="s">
        <v>11613</v>
      </c>
      <c r="I39082" s="2">
        <v>0</v>
      </c>
      <c r="J39082" s="2">
        <v>0</v>
      </c>
      <c r="K39082" s="2">
        <v>1</v>
      </c>
      <c r="L39082" t="s">
        <v>995</v>
      </c>
      <c r="M39082" t="s">
        <v>83</v>
      </c>
      <c r="N39082" t="s">
        <v>84</v>
      </c>
      <c r="O39082" t="s">
        <v>85</v>
      </c>
      <c r="P39082" t="s">
        <v>86</v>
      </c>
      <c r="Q39082">
        <v>52</v>
      </c>
      <c r="R39082">
        <v>53</v>
      </c>
      <c r="S39082">
        <v>54</v>
      </c>
      <c r="T39082">
        <v>55</v>
      </c>
      <c r="U39082">
        <v>56</v>
      </c>
      <c r="V39082">
        <v>57</v>
      </c>
      <c r="W39082">
        <v>58</v>
      </c>
      <c r="X39082">
        <v>59</v>
      </c>
      <c r="Y39082">
        <v>60</v>
      </c>
      <c r="Z39082">
        <v>61</v>
      </c>
      <c r="AA39082">
        <v>62</v>
      </c>
      <c r="AB39082">
        <v>63</v>
      </c>
      <c r="AC39082">
        <v>64</v>
      </c>
      <c r="AD39082">
        <v>65</v>
      </c>
      <c r="AE39082">
        <v>66</v>
      </c>
      <c r="AF39082">
        <v>67</v>
      </c>
      <c r="AG39082">
        <v>68</v>
      </c>
      <c r="AH39082">
        <v>69</v>
      </c>
      <c r="AI39082">
        <v>70</v>
      </c>
      <c r="AJ39082">
        <v>71</v>
      </c>
      <c r="AK39082">
        <v>72</v>
      </c>
      <c r="AL39082">
        <v>73</v>
      </c>
      <c r="AM39082">
        <v>73</v>
      </c>
      <c r="AN39082">
        <v>73</v>
      </c>
      <c r="AO39082">
        <v>74</v>
      </c>
      <c r="AP39082">
        <v>74</v>
      </c>
      <c r="AQ39082">
        <v>75</v>
      </c>
    </row>
    <row r="39083" spans="1:43">
      <c r="A39083" t="s">
        <v>24247</v>
      </c>
      <c r="B39083" t="s">
        <v>24248</v>
      </c>
      <c r="C39083" t="s">
        <v>24237</v>
      </c>
      <c r="D39083" t="s">
        <v>24238</v>
      </c>
      <c r="E39083" t="s">
        <v>24147</v>
      </c>
      <c r="F39083" t="s">
        <v>24148</v>
      </c>
      <c r="G39083" t="s">
        <v>11612</v>
      </c>
      <c r="H39083" t="s">
        <v>11613</v>
      </c>
      <c r="I39083" s="2">
        <v>0</v>
      </c>
      <c r="J39083" s="2">
        <v>0</v>
      </c>
      <c r="K39083" s="2">
        <v>1</v>
      </c>
      <c r="L39083" t="s">
        <v>995</v>
      </c>
      <c r="M39083" t="s">
        <v>87</v>
      </c>
      <c r="N39083" t="s">
        <v>88</v>
      </c>
      <c r="O39083" t="s">
        <v>85</v>
      </c>
      <c r="P39083" t="s">
        <v>86</v>
      </c>
      <c r="Q39083">
        <v>52</v>
      </c>
      <c r="R39083">
        <v>52</v>
      </c>
      <c r="S39083">
        <v>53</v>
      </c>
      <c r="T39083">
        <v>53</v>
      </c>
      <c r="U39083">
        <v>54</v>
      </c>
      <c r="V39083">
        <v>54</v>
      </c>
      <c r="W39083">
        <v>55</v>
      </c>
      <c r="X39083">
        <v>55</v>
      </c>
      <c r="Y39083">
        <v>55</v>
      </c>
      <c r="Z39083">
        <v>56</v>
      </c>
      <c r="AA39083">
        <v>56</v>
      </c>
      <c r="AB39083">
        <v>57</v>
      </c>
      <c r="AC39083">
        <v>57</v>
      </c>
      <c r="AD39083">
        <v>58</v>
      </c>
      <c r="AE39083">
        <v>58</v>
      </c>
      <c r="AF39083">
        <v>59</v>
      </c>
      <c r="AG39083">
        <v>59</v>
      </c>
      <c r="AH39083">
        <v>60</v>
      </c>
      <c r="AI39083">
        <v>60</v>
      </c>
      <c r="AJ39083">
        <v>61</v>
      </c>
      <c r="AK39083">
        <v>62</v>
      </c>
      <c r="AL39083">
        <v>62</v>
      </c>
      <c r="AM39083">
        <v>63</v>
      </c>
      <c r="AN39083">
        <v>63</v>
      </c>
      <c r="AO39083">
        <v>64</v>
      </c>
      <c r="AP39083">
        <v>64</v>
      </c>
      <c r="AQ39083">
        <v>65</v>
      </c>
    </row>
    <row r="39084" spans="1:43">
      <c r="A39084" t="s">
        <v>24247</v>
      </c>
      <c r="B39084" t="s">
        <v>24248</v>
      </c>
      <c r="C39084" t="s">
        <v>24237</v>
      </c>
      <c r="D39084" t="s">
        <v>24238</v>
      </c>
      <c r="E39084" t="s">
        <v>24147</v>
      </c>
      <c r="F39084" t="s">
        <v>24148</v>
      </c>
      <c r="G39084" t="s">
        <v>11612</v>
      </c>
      <c r="H39084" t="s">
        <v>11613</v>
      </c>
      <c r="I39084" s="2">
        <v>0</v>
      </c>
      <c r="J39084" s="2">
        <v>0</v>
      </c>
      <c r="K39084" s="2">
        <v>1</v>
      </c>
      <c r="L39084" t="s">
        <v>995</v>
      </c>
      <c r="M39084" t="s">
        <v>89</v>
      </c>
      <c r="N39084" t="s">
        <v>90</v>
      </c>
      <c r="O39084" t="s">
        <v>85</v>
      </c>
      <c r="P39084" t="s">
        <v>86</v>
      </c>
      <c r="Q39084">
        <v>52</v>
      </c>
      <c r="R39084">
        <v>53</v>
      </c>
      <c r="S39084">
        <v>55</v>
      </c>
      <c r="T39084">
        <v>56</v>
      </c>
      <c r="U39084">
        <v>57</v>
      </c>
      <c r="V39084">
        <v>59</v>
      </c>
      <c r="W39084">
        <v>60</v>
      </c>
      <c r="X39084">
        <v>61</v>
      </c>
      <c r="Y39084">
        <v>63</v>
      </c>
      <c r="Z39084">
        <v>64</v>
      </c>
      <c r="AA39084">
        <v>65</v>
      </c>
      <c r="AB39084">
        <v>66</v>
      </c>
      <c r="AC39084">
        <v>67</v>
      </c>
      <c r="AD39084">
        <v>69</v>
      </c>
      <c r="AE39084">
        <v>70</v>
      </c>
      <c r="AF39084">
        <v>70</v>
      </c>
      <c r="AG39084">
        <v>70</v>
      </c>
      <c r="AH39084">
        <v>71</v>
      </c>
      <c r="AI39084">
        <v>71</v>
      </c>
      <c r="AJ39084">
        <v>72</v>
      </c>
      <c r="AK39084">
        <v>72</v>
      </c>
      <c r="AL39084">
        <v>72</v>
      </c>
      <c r="AM39084">
        <v>73</v>
      </c>
      <c r="AN39084">
        <v>73</v>
      </c>
      <c r="AO39084">
        <v>74</v>
      </c>
      <c r="AP39084">
        <v>74</v>
      </c>
      <c r="AQ39084">
        <v>75</v>
      </c>
    </row>
    <row r="39085" spans="1:43">
      <c r="A39085" t="s">
        <v>24247</v>
      </c>
      <c r="B39085" t="s">
        <v>24248</v>
      </c>
      <c r="C39085" t="s">
        <v>24237</v>
      </c>
      <c r="D39085" t="s">
        <v>24238</v>
      </c>
      <c r="E39085" t="s">
        <v>24147</v>
      </c>
      <c r="F39085" t="s">
        <v>24148</v>
      </c>
      <c r="G39085" t="s">
        <v>11612</v>
      </c>
      <c r="H39085" t="s">
        <v>11613</v>
      </c>
      <c r="I39085" s="2">
        <v>0</v>
      </c>
      <c r="J39085" s="2">
        <v>0</v>
      </c>
      <c r="K39085" s="2">
        <v>1</v>
      </c>
      <c r="L39085" t="s">
        <v>995</v>
      </c>
      <c r="M39085" t="s">
        <v>83</v>
      </c>
      <c r="N39085" t="s">
        <v>91</v>
      </c>
      <c r="O39085" t="s">
        <v>85</v>
      </c>
      <c r="P39085" t="s">
        <v>86</v>
      </c>
      <c r="Q39085">
        <v>52</v>
      </c>
      <c r="R39085">
        <v>53</v>
      </c>
      <c r="S39085">
        <v>54</v>
      </c>
      <c r="T39085">
        <v>55</v>
      </c>
      <c r="U39085">
        <v>56</v>
      </c>
      <c r="V39085">
        <v>57</v>
      </c>
      <c r="W39085">
        <v>58</v>
      </c>
      <c r="X39085">
        <v>59</v>
      </c>
      <c r="Y39085">
        <v>60</v>
      </c>
      <c r="Z39085">
        <v>61</v>
      </c>
      <c r="AA39085">
        <v>62</v>
      </c>
      <c r="AB39085">
        <v>63</v>
      </c>
      <c r="AC39085">
        <v>64</v>
      </c>
      <c r="AD39085">
        <v>65</v>
      </c>
      <c r="AE39085">
        <v>66</v>
      </c>
      <c r="AF39085">
        <v>67</v>
      </c>
      <c r="AG39085">
        <v>68</v>
      </c>
      <c r="AH39085">
        <v>69</v>
      </c>
      <c r="AI39085">
        <v>70</v>
      </c>
      <c r="AJ39085">
        <v>71</v>
      </c>
      <c r="AK39085">
        <v>72</v>
      </c>
      <c r="AL39085">
        <v>73</v>
      </c>
      <c r="AM39085">
        <v>73</v>
      </c>
      <c r="AN39085">
        <v>73</v>
      </c>
      <c r="AO39085">
        <v>74</v>
      </c>
      <c r="AP39085">
        <v>74</v>
      </c>
      <c r="AQ39085">
        <v>75</v>
      </c>
    </row>
    <row r="39086" spans="1:43">
      <c r="A39086" t="s">
        <v>24249</v>
      </c>
      <c r="B39086" t="s">
        <v>24250</v>
      </c>
      <c r="C39086" t="s">
        <v>24251</v>
      </c>
      <c r="D39086" t="s">
        <v>24252</v>
      </c>
      <c r="E39086" t="s">
        <v>24147</v>
      </c>
      <c r="F39086" t="s">
        <v>24148</v>
      </c>
      <c r="G39086" t="s">
        <v>11612</v>
      </c>
      <c r="H39086" t="s">
        <v>11613</v>
      </c>
      <c r="I39086" s="2">
        <v>0</v>
      </c>
      <c r="J39086" s="2">
        <v>0</v>
      </c>
      <c r="K39086" s="2">
        <v>0.09</v>
      </c>
      <c r="L39086" t="s">
        <v>995</v>
      </c>
      <c r="M39086" t="s">
        <v>83</v>
      </c>
      <c r="N39086" t="s">
        <v>84</v>
      </c>
      <c r="O39086" t="s">
        <v>85</v>
      </c>
      <c r="P39086" t="s">
        <v>86</v>
      </c>
      <c r="Q39086">
        <v>3</v>
      </c>
      <c r="R39086">
        <v>3</v>
      </c>
      <c r="S39086">
        <v>3</v>
      </c>
      <c r="T39086">
        <v>3</v>
      </c>
      <c r="U39086">
        <v>3</v>
      </c>
      <c r="V39086">
        <v>3</v>
      </c>
      <c r="W39086">
        <v>3</v>
      </c>
      <c r="X39086">
        <v>3</v>
      </c>
      <c r="Y39086">
        <v>3</v>
      </c>
      <c r="Z39086">
        <v>3</v>
      </c>
      <c r="AA39086">
        <v>3</v>
      </c>
      <c r="AB39086">
        <v>3</v>
      </c>
      <c r="AC39086">
        <v>3</v>
      </c>
      <c r="AD39086">
        <v>3</v>
      </c>
      <c r="AE39086">
        <v>3</v>
      </c>
      <c r="AF39086">
        <v>4</v>
      </c>
      <c r="AG39086">
        <v>4</v>
      </c>
      <c r="AH39086">
        <v>4</v>
      </c>
      <c r="AI39086">
        <v>4</v>
      </c>
      <c r="AJ39086">
        <v>4</v>
      </c>
      <c r="AK39086">
        <v>4</v>
      </c>
      <c r="AL39086">
        <v>4</v>
      </c>
      <c r="AM39086">
        <v>4</v>
      </c>
      <c r="AN39086">
        <v>4</v>
      </c>
      <c r="AO39086">
        <v>4</v>
      </c>
      <c r="AP39086">
        <v>4</v>
      </c>
      <c r="AQ39086">
        <v>4</v>
      </c>
    </row>
    <row r="39087" spans="1:43">
      <c r="A39087" t="s">
        <v>24249</v>
      </c>
      <c r="B39087" t="s">
        <v>24250</v>
      </c>
      <c r="C39087" t="s">
        <v>24251</v>
      </c>
      <c r="D39087" t="s">
        <v>24252</v>
      </c>
      <c r="E39087" t="s">
        <v>24147</v>
      </c>
      <c r="F39087" t="s">
        <v>24148</v>
      </c>
      <c r="G39087" t="s">
        <v>11612</v>
      </c>
      <c r="H39087" t="s">
        <v>11613</v>
      </c>
      <c r="I39087" s="2">
        <v>0</v>
      </c>
      <c r="J39087" s="2">
        <v>0</v>
      </c>
      <c r="K39087" s="2">
        <v>0.09</v>
      </c>
      <c r="L39087" t="s">
        <v>995</v>
      </c>
      <c r="M39087" t="s">
        <v>87</v>
      </c>
      <c r="N39087" t="s">
        <v>88</v>
      </c>
      <c r="O39087" t="s">
        <v>85</v>
      </c>
      <c r="P39087" t="s">
        <v>86</v>
      </c>
      <c r="Q39087">
        <v>3</v>
      </c>
      <c r="R39087">
        <v>3</v>
      </c>
      <c r="S39087">
        <v>3</v>
      </c>
      <c r="T39087">
        <v>3</v>
      </c>
      <c r="U39087">
        <v>3</v>
      </c>
      <c r="V39087">
        <v>3</v>
      </c>
      <c r="W39087">
        <v>3</v>
      </c>
      <c r="X39087">
        <v>3</v>
      </c>
      <c r="Y39087">
        <v>3</v>
      </c>
      <c r="Z39087">
        <v>3</v>
      </c>
      <c r="AA39087">
        <v>3</v>
      </c>
      <c r="AB39087">
        <v>3</v>
      </c>
      <c r="AC39087">
        <v>3</v>
      </c>
      <c r="AD39087">
        <v>3</v>
      </c>
      <c r="AE39087">
        <v>3</v>
      </c>
      <c r="AF39087">
        <v>3</v>
      </c>
      <c r="AG39087">
        <v>3</v>
      </c>
      <c r="AH39087">
        <v>3</v>
      </c>
      <c r="AI39087">
        <v>3</v>
      </c>
      <c r="AJ39087">
        <v>3</v>
      </c>
      <c r="AK39087">
        <v>3</v>
      </c>
      <c r="AL39087">
        <v>3</v>
      </c>
      <c r="AM39087">
        <v>3</v>
      </c>
      <c r="AN39087">
        <v>3</v>
      </c>
      <c r="AO39087">
        <v>3</v>
      </c>
      <c r="AP39087">
        <v>3</v>
      </c>
      <c r="AQ39087">
        <v>3</v>
      </c>
    </row>
    <row r="39088" spans="1:43">
      <c r="A39088" t="s">
        <v>24249</v>
      </c>
      <c r="B39088" t="s">
        <v>24250</v>
      </c>
      <c r="C39088" t="s">
        <v>24251</v>
      </c>
      <c r="D39088" t="s">
        <v>24252</v>
      </c>
      <c r="E39088" t="s">
        <v>24147</v>
      </c>
      <c r="F39088" t="s">
        <v>24148</v>
      </c>
      <c r="G39088" t="s">
        <v>11612</v>
      </c>
      <c r="H39088" t="s">
        <v>11613</v>
      </c>
      <c r="I39088" s="2">
        <v>0</v>
      </c>
      <c r="J39088" s="2">
        <v>0</v>
      </c>
      <c r="K39088" s="2">
        <v>0.09</v>
      </c>
      <c r="L39088" t="s">
        <v>995</v>
      </c>
      <c r="M39088" t="s">
        <v>89</v>
      </c>
      <c r="N39088" t="s">
        <v>90</v>
      </c>
      <c r="O39088" t="s">
        <v>85</v>
      </c>
      <c r="P39088" t="s">
        <v>86</v>
      </c>
      <c r="Q39088">
        <v>3</v>
      </c>
      <c r="R39088">
        <v>3</v>
      </c>
      <c r="S39088">
        <v>3</v>
      </c>
      <c r="T39088">
        <v>3</v>
      </c>
      <c r="U39088">
        <v>3</v>
      </c>
      <c r="V39088">
        <v>3</v>
      </c>
      <c r="W39088">
        <v>3</v>
      </c>
      <c r="X39088">
        <v>3</v>
      </c>
      <c r="Y39088">
        <v>3</v>
      </c>
      <c r="Z39088">
        <v>3</v>
      </c>
      <c r="AA39088">
        <v>3</v>
      </c>
      <c r="AB39088">
        <v>4</v>
      </c>
      <c r="AC39088">
        <v>4</v>
      </c>
      <c r="AD39088">
        <v>4</v>
      </c>
      <c r="AE39088">
        <v>4</v>
      </c>
      <c r="AF39088">
        <v>4</v>
      </c>
      <c r="AG39088">
        <v>4</v>
      </c>
      <c r="AH39088">
        <v>4</v>
      </c>
      <c r="AI39088">
        <v>4</v>
      </c>
      <c r="AJ39088">
        <v>4</v>
      </c>
      <c r="AK39088">
        <v>4</v>
      </c>
      <c r="AL39088">
        <v>4</v>
      </c>
      <c r="AM39088">
        <v>4</v>
      </c>
      <c r="AN39088">
        <v>4</v>
      </c>
      <c r="AO39088">
        <v>4</v>
      </c>
      <c r="AP39088">
        <v>4</v>
      </c>
      <c r="AQ39088">
        <v>4</v>
      </c>
    </row>
    <row r="39089" spans="1:43">
      <c r="A39089" t="s">
        <v>24249</v>
      </c>
      <c r="B39089" t="s">
        <v>24250</v>
      </c>
      <c r="C39089" t="s">
        <v>24251</v>
      </c>
      <c r="D39089" t="s">
        <v>24252</v>
      </c>
      <c r="E39089" t="s">
        <v>24147</v>
      </c>
      <c r="F39089" t="s">
        <v>24148</v>
      </c>
      <c r="G39089" t="s">
        <v>11612</v>
      </c>
      <c r="H39089" t="s">
        <v>11613</v>
      </c>
      <c r="I39089" s="2">
        <v>0</v>
      </c>
      <c r="J39089" s="2">
        <v>0</v>
      </c>
      <c r="K39089" s="2">
        <v>0.09</v>
      </c>
      <c r="L39089" t="s">
        <v>995</v>
      </c>
      <c r="M39089" t="s">
        <v>83</v>
      </c>
      <c r="N39089" t="s">
        <v>91</v>
      </c>
      <c r="O39089" t="s">
        <v>85</v>
      </c>
      <c r="P39089" t="s">
        <v>86</v>
      </c>
      <c r="Q39089">
        <v>3</v>
      </c>
      <c r="R39089">
        <v>3</v>
      </c>
      <c r="S39089">
        <v>3</v>
      </c>
      <c r="T39089">
        <v>3</v>
      </c>
      <c r="U39089">
        <v>3</v>
      </c>
      <c r="V39089">
        <v>3</v>
      </c>
      <c r="W39089">
        <v>3</v>
      </c>
      <c r="X39089">
        <v>3</v>
      </c>
      <c r="Y39089">
        <v>3</v>
      </c>
      <c r="Z39089">
        <v>3</v>
      </c>
      <c r="AA39089">
        <v>3</v>
      </c>
      <c r="AB39089">
        <v>3</v>
      </c>
      <c r="AC39089">
        <v>3</v>
      </c>
      <c r="AD39089">
        <v>3</v>
      </c>
      <c r="AE39089">
        <v>3</v>
      </c>
      <c r="AF39089">
        <v>4</v>
      </c>
      <c r="AG39089">
        <v>4</v>
      </c>
      <c r="AH39089">
        <v>4</v>
      </c>
      <c r="AI39089">
        <v>4</v>
      </c>
      <c r="AJ39089">
        <v>4</v>
      </c>
      <c r="AK39089">
        <v>4</v>
      </c>
      <c r="AL39089">
        <v>4</v>
      </c>
      <c r="AM39089">
        <v>4</v>
      </c>
      <c r="AN39089">
        <v>4</v>
      </c>
      <c r="AO39089">
        <v>4</v>
      </c>
      <c r="AP39089">
        <v>4</v>
      </c>
      <c r="AQ39089">
        <v>4</v>
      </c>
    </row>
    <row r="39090" spans="1:43">
      <c r="A39090" t="s">
        <v>24253</v>
      </c>
      <c r="B39090" t="s">
        <v>24254</v>
      </c>
      <c r="C39090" t="s">
        <v>24161</v>
      </c>
      <c r="D39090" t="s">
        <v>24162</v>
      </c>
      <c r="E39090" t="s">
        <v>24147</v>
      </c>
      <c r="F39090" t="s">
        <v>24148</v>
      </c>
      <c r="G39090" t="s">
        <v>11612</v>
      </c>
      <c r="H39090" t="s">
        <v>11613</v>
      </c>
      <c r="I39090" s="2">
        <v>0</v>
      </c>
      <c r="J39090" s="2">
        <v>0</v>
      </c>
      <c r="K39090" s="2">
        <v>0.99</v>
      </c>
      <c r="L39090" t="s">
        <v>995</v>
      </c>
      <c r="M39090" t="s">
        <v>83</v>
      </c>
      <c r="N39090" t="s">
        <v>84</v>
      </c>
      <c r="O39090" t="s">
        <v>85</v>
      </c>
      <c r="P39090" t="s">
        <v>86</v>
      </c>
      <c r="Q39090">
        <v>66</v>
      </c>
      <c r="R39090">
        <v>67</v>
      </c>
      <c r="S39090">
        <v>68</v>
      </c>
      <c r="T39090">
        <v>69</v>
      </c>
      <c r="U39090">
        <v>70</v>
      </c>
      <c r="V39090">
        <v>71</v>
      </c>
      <c r="W39090">
        <v>73</v>
      </c>
      <c r="X39090">
        <v>74</v>
      </c>
      <c r="Y39090">
        <v>75</v>
      </c>
      <c r="Z39090">
        <v>76</v>
      </c>
      <c r="AA39090">
        <v>77</v>
      </c>
      <c r="AB39090">
        <v>79</v>
      </c>
      <c r="AC39090">
        <v>80</v>
      </c>
      <c r="AD39090">
        <v>81</v>
      </c>
      <c r="AE39090">
        <v>82</v>
      </c>
      <c r="AF39090">
        <v>83</v>
      </c>
      <c r="AG39090">
        <v>85</v>
      </c>
      <c r="AH39090">
        <v>86</v>
      </c>
      <c r="AI39090">
        <v>87</v>
      </c>
      <c r="AJ39090">
        <v>88</v>
      </c>
      <c r="AK39090">
        <v>90</v>
      </c>
      <c r="AL39090">
        <v>90</v>
      </c>
      <c r="AM39090">
        <v>91</v>
      </c>
      <c r="AN39090">
        <v>92</v>
      </c>
      <c r="AO39090">
        <v>92</v>
      </c>
      <c r="AP39090">
        <v>93</v>
      </c>
      <c r="AQ39090">
        <v>93</v>
      </c>
    </row>
    <row r="39091" spans="1:43">
      <c r="A39091" t="s">
        <v>24253</v>
      </c>
      <c r="B39091" t="s">
        <v>24254</v>
      </c>
      <c r="C39091" t="s">
        <v>24161</v>
      </c>
      <c r="D39091" t="s">
        <v>24162</v>
      </c>
      <c r="E39091" t="s">
        <v>24147</v>
      </c>
      <c r="F39091" t="s">
        <v>24148</v>
      </c>
      <c r="G39091" t="s">
        <v>11612</v>
      </c>
      <c r="H39091" t="s">
        <v>11613</v>
      </c>
      <c r="I39091" s="2">
        <v>0</v>
      </c>
      <c r="J39091" s="2">
        <v>0</v>
      </c>
      <c r="K39091" s="2">
        <v>0.99</v>
      </c>
      <c r="L39091" t="s">
        <v>995</v>
      </c>
      <c r="M39091" t="s">
        <v>87</v>
      </c>
      <c r="N39091" t="s">
        <v>88</v>
      </c>
      <c r="O39091" t="s">
        <v>85</v>
      </c>
      <c r="P39091" t="s">
        <v>86</v>
      </c>
      <c r="Q39091">
        <v>66</v>
      </c>
      <c r="R39091">
        <v>66</v>
      </c>
      <c r="S39091">
        <v>67</v>
      </c>
      <c r="T39091">
        <v>68</v>
      </c>
      <c r="U39091">
        <v>68</v>
      </c>
      <c r="V39091">
        <v>69</v>
      </c>
      <c r="W39091">
        <v>69</v>
      </c>
      <c r="X39091">
        <v>70</v>
      </c>
      <c r="Y39091">
        <v>70</v>
      </c>
      <c r="Z39091">
        <v>71</v>
      </c>
      <c r="AA39091">
        <v>71</v>
      </c>
      <c r="AB39091">
        <v>72</v>
      </c>
      <c r="AC39091">
        <v>73</v>
      </c>
      <c r="AD39091">
        <v>73</v>
      </c>
      <c r="AE39091">
        <v>74</v>
      </c>
      <c r="AF39091">
        <v>74</v>
      </c>
      <c r="AG39091">
        <v>75</v>
      </c>
      <c r="AH39091">
        <v>76</v>
      </c>
      <c r="AI39091">
        <v>76</v>
      </c>
      <c r="AJ39091">
        <v>77</v>
      </c>
      <c r="AK39091">
        <v>78</v>
      </c>
      <c r="AL39091">
        <v>78</v>
      </c>
      <c r="AM39091">
        <v>79</v>
      </c>
      <c r="AN39091">
        <v>80</v>
      </c>
      <c r="AO39091">
        <v>80</v>
      </c>
      <c r="AP39091">
        <v>81</v>
      </c>
      <c r="AQ39091">
        <v>82</v>
      </c>
    </row>
    <row r="39092" spans="1:43">
      <c r="A39092" t="s">
        <v>24253</v>
      </c>
      <c r="B39092" t="s">
        <v>24254</v>
      </c>
      <c r="C39092" t="s">
        <v>24161</v>
      </c>
      <c r="D39092" t="s">
        <v>24162</v>
      </c>
      <c r="E39092" t="s">
        <v>24147</v>
      </c>
      <c r="F39092" t="s">
        <v>24148</v>
      </c>
      <c r="G39092" t="s">
        <v>11612</v>
      </c>
      <c r="H39092" t="s">
        <v>11613</v>
      </c>
      <c r="I39092" s="2">
        <v>0</v>
      </c>
      <c r="J39092" s="2">
        <v>0</v>
      </c>
      <c r="K39092" s="2">
        <v>0.99</v>
      </c>
      <c r="L39092" t="s">
        <v>995</v>
      </c>
      <c r="M39092" t="s">
        <v>89</v>
      </c>
      <c r="N39092" t="s">
        <v>90</v>
      </c>
      <c r="O39092" t="s">
        <v>85</v>
      </c>
      <c r="P39092" t="s">
        <v>86</v>
      </c>
      <c r="Q39092">
        <v>66</v>
      </c>
      <c r="R39092">
        <v>68</v>
      </c>
      <c r="S39092">
        <v>70</v>
      </c>
      <c r="T39092">
        <v>71</v>
      </c>
      <c r="U39092">
        <v>73</v>
      </c>
      <c r="V39092">
        <v>75</v>
      </c>
      <c r="W39092">
        <v>76</v>
      </c>
      <c r="X39092">
        <v>78</v>
      </c>
      <c r="Y39092">
        <v>79</v>
      </c>
      <c r="Z39092">
        <v>81</v>
      </c>
      <c r="AA39092">
        <v>82</v>
      </c>
      <c r="AB39092">
        <v>84</v>
      </c>
      <c r="AC39092">
        <v>85</v>
      </c>
      <c r="AD39092">
        <v>87</v>
      </c>
      <c r="AE39092">
        <v>88</v>
      </c>
      <c r="AF39092">
        <v>89</v>
      </c>
      <c r="AG39092">
        <v>89</v>
      </c>
      <c r="AH39092">
        <v>90</v>
      </c>
      <c r="AI39092">
        <v>90</v>
      </c>
      <c r="AJ39092">
        <v>91</v>
      </c>
      <c r="AK39092">
        <v>91</v>
      </c>
      <c r="AL39092">
        <v>92</v>
      </c>
      <c r="AM39092">
        <v>92</v>
      </c>
      <c r="AN39092">
        <v>93</v>
      </c>
      <c r="AO39092">
        <v>93</v>
      </c>
      <c r="AP39092">
        <v>94</v>
      </c>
      <c r="AQ39092">
        <v>94</v>
      </c>
    </row>
    <row r="39093" spans="1:43">
      <c r="A39093" t="s">
        <v>24253</v>
      </c>
      <c r="B39093" t="s">
        <v>24254</v>
      </c>
      <c r="C39093" t="s">
        <v>24161</v>
      </c>
      <c r="D39093" t="s">
        <v>24162</v>
      </c>
      <c r="E39093" t="s">
        <v>24147</v>
      </c>
      <c r="F39093" t="s">
        <v>24148</v>
      </c>
      <c r="G39093" t="s">
        <v>11612</v>
      </c>
      <c r="H39093" t="s">
        <v>11613</v>
      </c>
      <c r="I39093" s="2">
        <v>0</v>
      </c>
      <c r="J39093" s="2">
        <v>0</v>
      </c>
      <c r="K39093" s="2">
        <v>0.99</v>
      </c>
      <c r="L39093" t="s">
        <v>995</v>
      </c>
      <c r="M39093" t="s">
        <v>83</v>
      </c>
      <c r="N39093" t="s">
        <v>91</v>
      </c>
      <c r="O39093" t="s">
        <v>85</v>
      </c>
      <c r="P39093" t="s">
        <v>86</v>
      </c>
      <c r="Q39093">
        <v>66</v>
      </c>
      <c r="R39093">
        <v>67</v>
      </c>
      <c r="S39093">
        <v>68</v>
      </c>
      <c r="T39093">
        <v>69</v>
      </c>
      <c r="U39093">
        <v>70</v>
      </c>
      <c r="V39093">
        <v>71</v>
      </c>
      <c r="W39093">
        <v>73</v>
      </c>
      <c r="X39093">
        <v>74</v>
      </c>
      <c r="Y39093">
        <v>75</v>
      </c>
      <c r="Z39093">
        <v>76</v>
      </c>
      <c r="AA39093">
        <v>77</v>
      </c>
      <c r="AB39093">
        <v>79</v>
      </c>
      <c r="AC39093">
        <v>80</v>
      </c>
      <c r="AD39093">
        <v>81</v>
      </c>
      <c r="AE39093">
        <v>82</v>
      </c>
      <c r="AF39093">
        <v>83</v>
      </c>
      <c r="AG39093">
        <v>85</v>
      </c>
      <c r="AH39093">
        <v>86</v>
      </c>
      <c r="AI39093">
        <v>87</v>
      </c>
      <c r="AJ39093">
        <v>88</v>
      </c>
      <c r="AK39093">
        <v>90</v>
      </c>
      <c r="AL39093">
        <v>90</v>
      </c>
      <c r="AM39093">
        <v>91</v>
      </c>
      <c r="AN39093">
        <v>92</v>
      </c>
      <c r="AO39093">
        <v>92</v>
      </c>
      <c r="AP39093">
        <v>93</v>
      </c>
      <c r="AQ39093">
        <v>93</v>
      </c>
    </row>
    <row r="39094" spans="1:43">
      <c r="A39094" t="s">
        <v>24255</v>
      </c>
      <c r="B39094" t="s">
        <v>24256</v>
      </c>
      <c r="C39094" t="s">
        <v>24251</v>
      </c>
      <c r="D39094" t="s">
        <v>24252</v>
      </c>
      <c r="E39094" t="s">
        <v>24147</v>
      </c>
      <c r="F39094" t="s">
        <v>24148</v>
      </c>
      <c r="G39094" t="s">
        <v>11612</v>
      </c>
      <c r="H39094" t="s">
        <v>11613</v>
      </c>
      <c r="I39094" s="2">
        <v>0</v>
      </c>
      <c r="J39094" s="2">
        <v>0</v>
      </c>
      <c r="K39094" s="2">
        <v>0.01</v>
      </c>
      <c r="L39094" t="s">
        <v>995</v>
      </c>
      <c r="M39094" t="s">
        <v>83</v>
      </c>
      <c r="N39094" t="s">
        <v>84</v>
      </c>
      <c r="O39094" t="s">
        <v>85</v>
      </c>
      <c r="P39094" t="s">
        <v>86</v>
      </c>
      <c r="Q39094">
        <v>0</v>
      </c>
      <c r="R39094">
        <v>0</v>
      </c>
      <c r="S39094">
        <v>0</v>
      </c>
      <c r="T39094">
        <v>0</v>
      </c>
      <c r="U39094">
        <v>0</v>
      </c>
      <c r="V39094">
        <v>0</v>
      </c>
      <c r="W39094">
        <v>0</v>
      </c>
      <c r="X39094">
        <v>0</v>
      </c>
      <c r="Y39094">
        <v>0</v>
      </c>
      <c r="Z39094">
        <v>0</v>
      </c>
      <c r="AA39094">
        <v>0</v>
      </c>
      <c r="AB39094">
        <v>0</v>
      </c>
      <c r="AC39094">
        <v>0</v>
      </c>
      <c r="AD39094">
        <v>0</v>
      </c>
      <c r="AE39094">
        <v>0</v>
      </c>
      <c r="AF39094">
        <v>0</v>
      </c>
      <c r="AG39094">
        <v>0</v>
      </c>
      <c r="AH39094">
        <v>0</v>
      </c>
      <c r="AI39094">
        <v>0</v>
      </c>
      <c r="AJ39094">
        <v>0</v>
      </c>
      <c r="AK39094">
        <v>0</v>
      </c>
      <c r="AL39094">
        <v>0</v>
      </c>
      <c r="AM39094">
        <v>0</v>
      </c>
      <c r="AN39094">
        <v>0</v>
      </c>
      <c r="AO39094">
        <v>0</v>
      </c>
      <c r="AP39094">
        <v>0</v>
      </c>
      <c r="AQ39094">
        <v>0</v>
      </c>
    </row>
    <row r="39095" spans="1:43">
      <c r="A39095" t="s">
        <v>24255</v>
      </c>
      <c r="B39095" t="s">
        <v>24256</v>
      </c>
      <c r="C39095" t="s">
        <v>24251</v>
      </c>
      <c r="D39095" t="s">
        <v>24252</v>
      </c>
      <c r="E39095" t="s">
        <v>24147</v>
      </c>
      <c r="F39095" t="s">
        <v>24148</v>
      </c>
      <c r="G39095" t="s">
        <v>11612</v>
      </c>
      <c r="H39095" t="s">
        <v>11613</v>
      </c>
      <c r="I39095" s="2">
        <v>0</v>
      </c>
      <c r="J39095" s="2">
        <v>0</v>
      </c>
      <c r="K39095" s="2">
        <v>0.01</v>
      </c>
      <c r="L39095" t="s">
        <v>995</v>
      </c>
      <c r="M39095" t="s">
        <v>87</v>
      </c>
      <c r="N39095" t="s">
        <v>88</v>
      </c>
      <c r="O39095" t="s">
        <v>85</v>
      </c>
      <c r="P39095" t="s">
        <v>86</v>
      </c>
      <c r="Q39095">
        <v>0</v>
      </c>
      <c r="R39095">
        <v>0</v>
      </c>
      <c r="S39095">
        <v>0</v>
      </c>
      <c r="T39095">
        <v>0</v>
      </c>
      <c r="U39095">
        <v>0</v>
      </c>
      <c r="V39095">
        <v>0</v>
      </c>
      <c r="W39095">
        <v>0</v>
      </c>
      <c r="X39095">
        <v>0</v>
      </c>
      <c r="Y39095">
        <v>0</v>
      </c>
      <c r="Z39095">
        <v>0</v>
      </c>
      <c r="AA39095">
        <v>0</v>
      </c>
      <c r="AB39095">
        <v>0</v>
      </c>
      <c r="AC39095">
        <v>0</v>
      </c>
      <c r="AD39095">
        <v>0</v>
      </c>
      <c r="AE39095">
        <v>0</v>
      </c>
      <c r="AF39095">
        <v>0</v>
      </c>
      <c r="AG39095">
        <v>0</v>
      </c>
      <c r="AH39095">
        <v>0</v>
      </c>
      <c r="AI39095">
        <v>0</v>
      </c>
      <c r="AJ39095">
        <v>0</v>
      </c>
      <c r="AK39095">
        <v>0</v>
      </c>
      <c r="AL39095">
        <v>0</v>
      </c>
      <c r="AM39095">
        <v>0</v>
      </c>
      <c r="AN39095">
        <v>0</v>
      </c>
      <c r="AO39095">
        <v>0</v>
      </c>
      <c r="AP39095">
        <v>0</v>
      </c>
      <c r="AQ39095">
        <v>0</v>
      </c>
    </row>
    <row r="39096" spans="1:43">
      <c r="A39096" t="s">
        <v>24255</v>
      </c>
      <c r="B39096" t="s">
        <v>24256</v>
      </c>
      <c r="C39096" t="s">
        <v>24251</v>
      </c>
      <c r="D39096" t="s">
        <v>24252</v>
      </c>
      <c r="E39096" t="s">
        <v>24147</v>
      </c>
      <c r="F39096" t="s">
        <v>24148</v>
      </c>
      <c r="G39096" t="s">
        <v>11612</v>
      </c>
      <c r="H39096" t="s">
        <v>11613</v>
      </c>
      <c r="I39096" s="2">
        <v>0</v>
      </c>
      <c r="J39096" s="2">
        <v>0</v>
      </c>
      <c r="K39096" s="2">
        <v>0.01</v>
      </c>
      <c r="L39096" t="s">
        <v>995</v>
      </c>
      <c r="M39096" t="s">
        <v>89</v>
      </c>
      <c r="N39096" t="s">
        <v>90</v>
      </c>
      <c r="O39096" t="s">
        <v>85</v>
      </c>
      <c r="P39096" t="s">
        <v>86</v>
      </c>
      <c r="Q39096">
        <v>0</v>
      </c>
      <c r="R39096">
        <v>0</v>
      </c>
      <c r="S39096">
        <v>0</v>
      </c>
      <c r="T39096">
        <v>0</v>
      </c>
      <c r="U39096">
        <v>0</v>
      </c>
      <c r="V39096">
        <v>0</v>
      </c>
      <c r="W39096">
        <v>0</v>
      </c>
      <c r="X39096">
        <v>0</v>
      </c>
      <c r="Y39096">
        <v>0</v>
      </c>
      <c r="Z39096">
        <v>0</v>
      </c>
      <c r="AA39096">
        <v>0</v>
      </c>
      <c r="AB39096">
        <v>0</v>
      </c>
      <c r="AC39096">
        <v>0</v>
      </c>
      <c r="AD39096">
        <v>0</v>
      </c>
      <c r="AE39096">
        <v>0</v>
      </c>
      <c r="AF39096">
        <v>0</v>
      </c>
      <c r="AG39096">
        <v>0</v>
      </c>
      <c r="AH39096">
        <v>0</v>
      </c>
      <c r="AI39096">
        <v>0</v>
      </c>
      <c r="AJ39096">
        <v>0</v>
      </c>
      <c r="AK39096">
        <v>0</v>
      </c>
      <c r="AL39096">
        <v>0</v>
      </c>
      <c r="AM39096">
        <v>0</v>
      </c>
      <c r="AN39096">
        <v>0</v>
      </c>
      <c r="AO39096">
        <v>0</v>
      </c>
      <c r="AP39096">
        <v>0</v>
      </c>
      <c r="AQ39096">
        <v>0</v>
      </c>
    </row>
    <row r="39097" spans="1:43">
      <c r="A39097" t="s">
        <v>24255</v>
      </c>
      <c r="B39097" t="s">
        <v>24256</v>
      </c>
      <c r="C39097" t="s">
        <v>24251</v>
      </c>
      <c r="D39097" t="s">
        <v>24252</v>
      </c>
      <c r="E39097" t="s">
        <v>24147</v>
      </c>
      <c r="F39097" t="s">
        <v>24148</v>
      </c>
      <c r="G39097" t="s">
        <v>11612</v>
      </c>
      <c r="H39097" t="s">
        <v>11613</v>
      </c>
      <c r="I39097" s="2">
        <v>0</v>
      </c>
      <c r="J39097" s="2">
        <v>0</v>
      </c>
      <c r="K39097" s="2">
        <v>0.01</v>
      </c>
      <c r="L39097" t="s">
        <v>995</v>
      </c>
      <c r="M39097" t="s">
        <v>83</v>
      </c>
      <c r="N39097" t="s">
        <v>91</v>
      </c>
      <c r="O39097" t="s">
        <v>85</v>
      </c>
      <c r="P39097" t="s">
        <v>86</v>
      </c>
      <c r="Q39097">
        <v>0</v>
      </c>
      <c r="R39097">
        <v>0</v>
      </c>
      <c r="S39097">
        <v>0</v>
      </c>
      <c r="T39097">
        <v>0</v>
      </c>
      <c r="U39097">
        <v>0</v>
      </c>
      <c r="V39097">
        <v>0</v>
      </c>
      <c r="W39097">
        <v>0</v>
      </c>
      <c r="X39097">
        <v>0</v>
      </c>
      <c r="Y39097">
        <v>0</v>
      </c>
      <c r="Z39097">
        <v>0</v>
      </c>
      <c r="AA39097">
        <v>0</v>
      </c>
      <c r="AB39097">
        <v>0</v>
      </c>
      <c r="AC39097">
        <v>0</v>
      </c>
      <c r="AD39097">
        <v>0</v>
      </c>
      <c r="AE39097">
        <v>0</v>
      </c>
      <c r="AF39097">
        <v>0</v>
      </c>
      <c r="AG39097">
        <v>0</v>
      </c>
      <c r="AH39097">
        <v>0</v>
      </c>
      <c r="AI39097">
        <v>0</v>
      </c>
      <c r="AJ39097">
        <v>0</v>
      </c>
      <c r="AK39097">
        <v>0</v>
      </c>
      <c r="AL39097">
        <v>0</v>
      </c>
      <c r="AM39097">
        <v>0</v>
      </c>
      <c r="AN39097">
        <v>0</v>
      </c>
      <c r="AO39097">
        <v>0</v>
      </c>
      <c r="AP39097">
        <v>0</v>
      </c>
      <c r="AQ39097">
        <v>0</v>
      </c>
    </row>
    <row r="39098" spans="1:43">
      <c r="A39098" t="s">
        <v>24257</v>
      </c>
      <c r="B39098" t="s">
        <v>24258</v>
      </c>
      <c r="C39098" t="s">
        <v>24207</v>
      </c>
      <c r="D39098" t="s">
        <v>24208</v>
      </c>
      <c r="E39098" t="s">
        <v>24147</v>
      </c>
      <c r="F39098" t="s">
        <v>24148</v>
      </c>
      <c r="G39098" t="s">
        <v>11612</v>
      </c>
      <c r="H39098" t="s">
        <v>11613</v>
      </c>
      <c r="I39098" s="2">
        <v>0</v>
      </c>
      <c r="J39098" s="2">
        <v>0</v>
      </c>
      <c r="K39098" s="2">
        <v>1</v>
      </c>
      <c r="L39098" t="s">
        <v>995</v>
      </c>
      <c r="M39098" t="s">
        <v>83</v>
      </c>
      <c r="N39098" t="s">
        <v>84</v>
      </c>
      <c r="O39098" t="s">
        <v>85</v>
      </c>
      <c r="P39098" t="s">
        <v>86</v>
      </c>
      <c r="Q39098">
        <v>24</v>
      </c>
      <c r="R39098">
        <v>24</v>
      </c>
      <c r="S39098">
        <v>24</v>
      </c>
      <c r="T39098">
        <v>25</v>
      </c>
      <c r="U39098">
        <v>25</v>
      </c>
      <c r="V39098">
        <v>26</v>
      </c>
      <c r="W39098">
        <v>26</v>
      </c>
      <c r="X39098">
        <v>26</v>
      </c>
      <c r="Y39098">
        <v>27</v>
      </c>
      <c r="Z39098">
        <v>27</v>
      </c>
      <c r="AA39098">
        <v>27</v>
      </c>
      <c r="AB39098">
        <v>28</v>
      </c>
      <c r="AC39098">
        <v>28</v>
      </c>
      <c r="AD39098">
        <v>28</v>
      </c>
      <c r="AE39098">
        <v>29</v>
      </c>
      <c r="AF39098">
        <v>29</v>
      </c>
      <c r="AG39098">
        <v>30</v>
      </c>
      <c r="AH39098">
        <v>30</v>
      </c>
      <c r="AI39098">
        <v>30</v>
      </c>
      <c r="AJ39098">
        <v>31</v>
      </c>
      <c r="AK39098">
        <v>31</v>
      </c>
      <c r="AL39098">
        <v>31</v>
      </c>
      <c r="AM39098">
        <v>31</v>
      </c>
      <c r="AN39098">
        <v>31</v>
      </c>
      <c r="AO39098">
        <v>31</v>
      </c>
      <c r="AP39098">
        <v>32</v>
      </c>
      <c r="AQ39098">
        <v>32</v>
      </c>
    </row>
    <row r="39099" spans="1:43">
      <c r="A39099" t="s">
        <v>24257</v>
      </c>
      <c r="B39099" t="s">
        <v>24258</v>
      </c>
      <c r="C39099" t="s">
        <v>24207</v>
      </c>
      <c r="D39099" t="s">
        <v>24208</v>
      </c>
      <c r="E39099" t="s">
        <v>24147</v>
      </c>
      <c r="F39099" t="s">
        <v>24148</v>
      </c>
      <c r="G39099" t="s">
        <v>11612</v>
      </c>
      <c r="H39099" t="s">
        <v>11613</v>
      </c>
      <c r="I39099" s="2">
        <v>0</v>
      </c>
      <c r="J39099" s="2">
        <v>0</v>
      </c>
      <c r="K39099" s="2">
        <v>1</v>
      </c>
      <c r="L39099" t="s">
        <v>995</v>
      </c>
      <c r="M39099" t="s">
        <v>87</v>
      </c>
      <c r="N39099" t="s">
        <v>88</v>
      </c>
      <c r="O39099" t="s">
        <v>85</v>
      </c>
      <c r="P39099" t="s">
        <v>86</v>
      </c>
      <c r="Q39099">
        <v>24</v>
      </c>
      <c r="R39099">
        <v>24</v>
      </c>
      <c r="S39099">
        <v>24</v>
      </c>
      <c r="T39099">
        <v>24</v>
      </c>
      <c r="U39099">
        <v>24</v>
      </c>
      <c r="V39099">
        <v>24</v>
      </c>
      <c r="W39099">
        <v>24</v>
      </c>
      <c r="X39099">
        <v>24</v>
      </c>
      <c r="Y39099">
        <v>25</v>
      </c>
      <c r="Z39099">
        <v>25</v>
      </c>
      <c r="AA39099">
        <v>25</v>
      </c>
      <c r="AB39099">
        <v>25</v>
      </c>
      <c r="AC39099">
        <v>25</v>
      </c>
      <c r="AD39099">
        <v>25</v>
      </c>
      <c r="AE39099">
        <v>26</v>
      </c>
      <c r="AF39099">
        <v>26</v>
      </c>
      <c r="AG39099">
        <v>26</v>
      </c>
      <c r="AH39099">
        <v>26</v>
      </c>
      <c r="AI39099">
        <v>26</v>
      </c>
      <c r="AJ39099">
        <v>26</v>
      </c>
      <c r="AK39099">
        <v>26</v>
      </c>
      <c r="AL39099">
        <v>27</v>
      </c>
      <c r="AM39099">
        <v>27</v>
      </c>
      <c r="AN39099">
        <v>27</v>
      </c>
      <c r="AO39099">
        <v>27</v>
      </c>
      <c r="AP39099">
        <v>27</v>
      </c>
      <c r="AQ39099">
        <v>27</v>
      </c>
    </row>
    <row r="39100" spans="1:43">
      <c r="A39100" t="s">
        <v>24257</v>
      </c>
      <c r="B39100" t="s">
        <v>24258</v>
      </c>
      <c r="C39100" t="s">
        <v>24207</v>
      </c>
      <c r="D39100" t="s">
        <v>24208</v>
      </c>
      <c r="E39100" t="s">
        <v>24147</v>
      </c>
      <c r="F39100" t="s">
        <v>24148</v>
      </c>
      <c r="G39100" t="s">
        <v>11612</v>
      </c>
      <c r="H39100" t="s">
        <v>11613</v>
      </c>
      <c r="I39100" s="2">
        <v>0</v>
      </c>
      <c r="J39100" s="2">
        <v>0</v>
      </c>
      <c r="K39100" s="2">
        <v>1</v>
      </c>
      <c r="L39100" t="s">
        <v>995</v>
      </c>
      <c r="M39100" t="s">
        <v>89</v>
      </c>
      <c r="N39100" t="s">
        <v>90</v>
      </c>
      <c r="O39100" t="s">
        <v>85</v>
      </c>
      <c r="P39100" t="s">
        <v>86</v>
      </c>
      <c r="Q39100">
        <v>24</v>
      </c>
      <c r="R39100">
        <v>25</v>
      </c>
      <c r="S39100">
        <v>25</v>
      </c>
      <c r="T39100">
        <v>26</v>
      </c>
      <c r="U39100">
        <v>26</v>
      </c>
      <c r="V39100">
        <v>27</v>
      </c>
      <c r="W39100">
        <v>27</v>
      </c>
      <c r="X39100">
        <v>28</v>
      </c>
      <c r="Y39100">
        <v>28</v>
      </c>
      <c r="Z39100">
        <v>29</v>
      </c>
      <c r="AA39100">
        <v>29</v>
      </c>
      <c r="AB39100">
        <v>30</v>
      </c>
      <c r="AC39100">
        <v>30</v>
      </c>
      <c r="AD39100">
        <v>31</v>
      </c>
      <c r="AE39100">
        <v>31</v>
      </c>
      <c r="AF39100">
        <v>31</v>
      </c>
      <c r="AG39100">
        <v>31</v>
      </c>
      <c r="AH39100">
        <v>31</v>
      </c>
      <c r="AI39100">
        <v>31</v>
      </c>
      <c r="AJ39100">
        <v>31</v>
      </c>
      <c r="AK39100">
        <v>31</v>
      </c>
      <c r="AL39100">
        <v>31</v>
      </c>
      <c r="AM39100">
        <v>32</v>
      </c>
      <c r="AN39100">
        <v>32</v>
      </c>
      <c r="AO39100">
        <v>32</v>
      </c>
      <c r="AP39100">
        <v>32</v>
      </c>
      <c r="AQ39100">
        <v>32</v>
      </c>
    </row>
    <row r="39101" spans="1:43">
      <c r="A39101" t="s">
        <v>24257</v>
      </c>
      <c r="B39101" t="s">
        <v>24258</v>
      </c>
      <c r="C39101" t="s">
        <v>24207</v>
      </c>
      <c r="D39101" t="s">
        <v>24208</v>
      </c>
      <c r="E39101" t="s">
        <v>24147</v>
      </c>
      <c r="F39101" t="s">
        <v>24148</v>
      </c>
      <c r="G39101" t="s">
        <v>11612</v>
      </c>
      <c r="H39101" t="s">
        <v>11613</v>
      </c>
      <c r="I39101" s="2">
        <v>0</v>
      </c>
      <c r="J39101" s="2">
        <v>0</v>
      </c>
      <c r="K39101" s="2">
        <v>1</v>
      </c>
      <c r="L39101" t="s">
        <v>995</v>
      </c>
      <c r="M39101" t="s">
        <v>83</v>
      </c>
      <c r="N39101" t="s">
        <v>91</v>
      </c>
      <c r="O39101" t="s">
        <v>85</v>
      </c>
      <c r="P39101" t="s">
        <v>86</v>
      </c>
      <c r="Q39101">
        <v>24</v>
      </c>
      <c r="R39101">
        <v>24</v>
      </c>
      <c r="S39101">
        <v>24</v>
      </c>
      <c r="T39101">
        <v>25</v>
      </c>
      <c r="U39101">
        <v>25</v>
      </c>
      <c r="V39101">
        <v>26</v>
      </c>
      <c r="W39101">
        <v>26</v>
      </c>
      <c r="X39101">
        <v>26</v>
      </c>
      <c r="Y39101">
        <v>27</v>
      </c>
      <c r="Z39101">
        <v>27</v>
      </c>
      <c r="AA39101">
        <v>27</v>
      </c>
      <c r="AB39101">
        <v>28</v>
      </c>
      <c r="AC39101">
        <v>28</v>
      </c>
      <c r="AD39101">
        <v>28</v>
      </c>
      <c r="AE39101">
        <v>29</v>
      </c>
      <c r="AF39101">
        <v>29</v>
      </c>
      <c r="AG39101">
        <v>30</v>
      </c>
      <c r="AH39101">
        <v>30</v>
      </c>
      <c r="AI39101">
        <v>30</v>
      </c>
      <c r="AJ39101">
        <v>31</v>
      </c>
      <c r="AK39101">
        <v>31</v>
      </c>
      <c r="AL39101">
        <v>31</v>
      </c>
      <c r="AM39101">
        <v>31</v>
      </c>
      <c r="AN39101">
        <v>31</v>
      </c>
      <c r="AO39101">
        <v>31</v>
      </c>
      <c r="AP39101">
        <v>32</v>
      </c>
      <c r="AQ39101">
        <v>32</v>
      </c>
    </row>
    <row r="39102" spans="1:43">
      <c r="A39102" t="s">
        <v>24259</v>
      </c>
      <c r="B39102" t="s">
        <v>24260</v>
      </c>
      <c r="C39102" t="s">
        <v>24207</v>
      </c>
      <c r="D39102" t="s">
        <v>24208</v>
      </c>
      <c r="E39102" t="s">
        <v>24147</v>
      </c>
      <c r="F39102" t="s">
        <v>24148</v>
      </c>
      <c r="G39102" t="s">
        <v>11612</v>
      </c>
      <c r="H39102" t="s">
        <v>11613</v>
      </c>
      <c r="I39102" s="2">
        <v>0</v>
      </c>
      <c r="J39102" s="2">
        <v>0</v>
      </c>
      <c r="K39102" s="2">
        <v>1</v>
      </c>
      <c r="L39102" t="s">
        <v>995</v>
      </c>
      <c r="M39102" t="s">
        <v>83</v>
      </c>
      <c r="N39102" t="s">
        <v>84</v>
      </c>
      <c r="O39102" t="s">
        <v>85</v>
      </c>
      <c r="P39102" t="s">
        <v>86</v>
      </c>
      <c r="Q39102">
        <v>40</v>
      </c>
      <c r="R39102">
        <v>41</v>
      </c>
      <c r="S39102">
        <v>41</v>
      </c>
      <c r="T39102">
        <v>42</v>
      </c>
      <c r="U39102">
        <v>43</v>
      </c>
      <c r="V39102">
        <v>44</v>
      </c>
      <c r="W39102">
        <v>44</v>
      </c>
      <c r="X39102">
        <v>45</v>
      </c>
      <c r="Y39102">
        <v>46</v>
      </c>
      <c r="Z39102">
        <v>46</v>
      </c>
      <c r="AA39102">
        <v>47</v>
      </c>
      <c r="AB39102">
        <v>48</v>
      </c>
      <c r="AC39102">
        <v>49</v>
      </c>
      <c r="AD39102">
        <v>49</v>
      </c>
      <c r="AE39102">
        <v>50</v>
      </c>
      <c r="AF39102">
        <v>51</v>
      </c>
      <c r="AG39102">
        <v>52</v>
      </c>
      <c r="AH39102">
        <v>52</v>
      </c>
      <c r="AI39102">
        <v>53</v>
      </c>
      <c r="AJ39102">
        <v>54</v>
      </c>
      <c r="AK39102">
        <v>55</v>
      </c>
      <c r="AL39102">
        <v>55</v>
      </c>
      <c r="AM39102">
        <v>56</v>
      </c>
      <c r="AN39102">
        <v>56</v>
      </c>
      <c r="AO39102">
        <v>56</v>
      </c>
      <c r="AP39102">
        <v>57</v>
      </c>
      <c r="AQ39102">
        <v>57</v>
      </c>
    </row>
    <row r="39103" spans="1:43">
      <c r="A39103" t="s">
        <v>24259</v>
      </c>
      <c r="B39103" t="s">
        <v>24260</v>
      </c>
      <c r="C39103" t="s">
        <v>24207</v>
      </c>
      <c r="D39103" t="s">
        <v>24208</v>
      </c>
      <c r="E39103" t="s">
        <v>24147</v>
      </c>
      <c r="F39103" t="s">
        <v>24148</v>
      </c>
      <c r="G39103" t="s">
        <v>11612</v>
      </c>
      <c r="H39103" t="s">
        <v>11613</v>
      </c>
      <c r="I39103" s="2">
        <v>0</v>
      </c>
      <c r="J39103" s="2">
        <v>0</v>
      </c>
      <c r="K39103" s="2">
        <v>1</v>
      </c>
      <c r="L39103" t="s">
        <v>995</v>
      </c>
      <c r="M39103" t="s">
        <v>87</v>
      </c>
      <c r="N39103" t="s">
        <v>88</v>
      </c>
      <c r="O39103" t="s">
        <v>85</v>
      </c>
      <c r="P39103" t="s">
        <v>86</v>
      </c>
      <c r="Q39103">
        <v>40</v>
      </c>
      <c r="R39103">
        <v>40</v>
      </c>
      <c r="S39103">
        <v>40</v>
      </c>
      <c r="T39103">
        <v>41</v>
      </c>
      <c r="U39103">
        <v>41</v>
      </c>
      <c r="V39103">
        <v>41</v>
      </c>
      <c r="W39103">
        <v>42</v>
      </c>
      <c r="X39103">
        <v>42</v>
      </c>
      <c r="Y39103">
        <v>42</v>
      </c>
      <c r="Z39103">
        <v>43</v>
      </c>
      <c r="AA39103">
        <v>43</v>
      </c>
      <c r="AB39103">
        <v>43</v>
      </c>
      <c r="AC39103">
        <v>44</v>
      </c>
      <c r="AD39103">
        <v>44</v>
      </c>
      <c r="AE39103">
        <v>44</v>
      </c>
      <c r="AF39103">
        <v>45</v>
      </c>
      <c r="AG39103">
        <v>45</v>
      </c>
      <c r="AH39103">
        <v>46</v>
      </c>
      <c r="AI39103">
        <v>46</v>
      </c>
      <c r="AJ39103">
        <v>46</v>
      </c>
      <c r="AK39103">
        <v>47</v>
      </c>
      <c r="AL39103">
        <v>47</v>
      </c>
      <c r="AM39103">
        <v>48</v>
      </c>
      <c r="AN39103">
        <v>48</v>
      </c>
      <c r="AO39103">
        <v>48</v>
      </c>
      <c r="AP39103">
        <v>49</v>
      </c>
      <c r="AQ39103">
        <v>49</v>
      </c>
    </row>
    <row r="39104" spans="1:43">
      <c r="A39104" t="s">
        <v>24259</v>
      </c>
      <c r="B39104" t="s">
        <v>24260</v>
      </c>
      <c r="C39104" t="s">
        <v>24207</v>
      </c>
      <c r="D39104" t="s">
        <v>24208</v>
      </c>
      <c r="E39104" t="s">
        <v>24147</v>
      </c>
      <c r="F39104" t="s">
        <v>24148</v>
      </c>
      <c r="G39104" t="s">
        <v>11612</v>
      </c>
      <c r="H39104" t="s">
        <v>11613</v>
      </c>
      <c r="I39104" s="2">
        <v>0</v>
      </c>
      <c r="J39104" s="2">
        <v>0</v>
      </c>
      <c r="K39104" s="2">
        <v>1</v>
      </c>
      <c r="L39104" t="s">
        <v>995</v>
      </c>
      <c r="M39104" t="s">
        <v>89</v>
      </c>
      <c r="N39104" t="s">
        <v>90</v>
      </c>
      <c r="O39104" t="s">
        <v>85</v>
      </c>
      <c r="P39104" t="s">
        <v>86</v>
      </c>
      <c r="Q39104">
        <v>40</v>
      </c>
      <c r="R39104">
        <v>41</v>
      </c>
      <c r="S39104">
        <v>42</v>
      </c>
      <c r="T39104">
        <v>43</v>
      </c>
      <c r="U39104">
        <v>44</v>
      </c>
      <c r="V39104">
        <v>45</v>
      </c>
      <c r="W39104">
        <v>47</v>
      </c>
      <c r="X39104">
        <v>47</v>
      </c>
      <c r="Y39104">
        <v>48</v>
      </c>
      <c r="Z39104">
        <v>49</v>
      </c>
      <c r="AA39104">
        <v>50</v>
      </c>
      <c r="AB39104">
        <v>51</v>
      </c>
      <c r="AC39104">
        <v>52</v>
      </c>
      <c r="AD39104">
        <v>53</v>
      </c>
      <c r="AE39104">
        <v>54</v>
      </c>
      <c r="AF39104">
        <v>54</v>
      </c>
      <c r="AG39104">
        <v>54</v>
      </c>
      <c r="AH39104">
        <v>55</v>
      </c>
      <c r="AI39104">
        <v>55</v>
      </c>
      <c r="AJ39104">
        <v>55</v>
      </c>
      <c r="AK39104">
        <v>56</v>
      </c>
      <c r="AL39104">
        <v>56</v>
      </c>
      <c r="AM39104">
        <v>56</v>
      </c>
      <c r="AN39104">
        <v>57</v>
      </c>
      <c r="AO39104">
        <v>57</v>
      </c>
      <c r="AP39104">
        <v>57</v>
      </c>
      <c r="AQ39104">
        <v>58</v>
      </c>
    </row>
    <row r="39105" spans="1:43">
      <c r="A39105" t="s">
        <v>24259</v>
      </c>
      <c r="B39105" t="s">
        <v>24260</v>
      </c>
      <c r="C39105" t="s">
        <v>24207</v>
      </c>
      <c r="D39105" t="s">
        <v>24208</v>
      </c>
      <c r="E39105" t="s">
        <v>24147</v>
      </c>
      <c r="F39105" t="s">
        <v>24148</v>
      </c>
      <c r="G39105" t="s">
        <v>11612</v>
      </c>
      <c r="H39105" t="s">
        <v>11613</v>
      </c>
      <c r="I39105" s="2">
        <v>0</v>
      </c>
      <c r="J39105" s="2">
        <v>0</v>
      </c>
      <c r="K39105" s="2">
        <v>1</v>
      </c>
      <c r="L39105" t="s">
        <v>995</v>
      </c>
      <c r="M39105" t="s">
        <v>83</v>
      </c>
      <c r="N39105" t="s">
        <v>91</v>
      </c>
      <c r="O39105" t="s">
        <v>85</v>
      </c>
      <c r="P39105" t="s">
        <v>86</v>
      </c>
      <c r="Q39105">
        <v>40</v>
      </c>
      <c r="R39105">
        <v>41</v>
      </c>
      <c r="S39105">
        <v>41</v>
      </c>
      <c r="T39105">
        <v>42</v>
      </c>
      <c r="U39105">
        <v>43</v>
      </c>
      <c r="V39105">
        <v>44</v>
      </c>
      <c r="W39105">
        <v>44</v>
      </c>
      <c r="X39105">
        <v>45</v>
      </c>
      <c r="Y39105">
        <v>46</v>
      </c>
      <c r="Z39105">
        <v>46</v>
      </c>
      <c r="AA39105">
        <v>47</v>
      </c>
      <c r="AB39105">
        <v>48</v>
      </c>
      <c r="AC39105">
        <v>49</v>
      </c>
      <c r="AD39105">
        <v>49</v>
      </c>
      <c r="AE39105">
        <v>50</v>
      </c>
      <c r="AF39105">
        <v>51</v>
      </c>
      <c r="AG39105">
        <v>52</v>
      </c>
      <c r="AH39105">
        <v>52</v>
      </c>
      <c r="AI39105">
        <v>53</v>
      </c>
      <c r="AJ39105">
        <v>54</v>
      </c>
      <c r="AK39105">
        <v>55</v>
      </c>
      <c r="AL39105">
        <v>55</v>
      </c>
      <c r="AM39105">
        <v>56</v>
      </c>
      <c r="AN39105">
        <v>56</v>
      </c>
      <c r="AO39105">
        <v>56</v>
      </c>
      <c r="AP39105">
        <v>57</v>
      </c>
      <c r="AQ39105">
        <v>57</v>
      </c>
    </row>
    <row r="39106" spans="1:43">
      <c r="A39106" t="s">
        <v>24261</v>
      </c>
      <c r="B39106" t="s">
        <v>24262</v>
      </c>
      <c r="C39106" t="s">
        <v>24179</v>
      </c>
      <c r="D39106" t="s">
        <v>24180</v>
      </c>
      <c r="E39106" t="s">
        <v>24147</v>
      </c>
      <c r="F39106" t="s">
        <v>24148</v>
      </c>
      <c r="G39106" t="s">
        <v>11612</v>
      </c>
      <c r="H39106" t="s">
        <v>11613</v>
      </c>
      <c r="I39106" s="2">
        <v>0</v>
      </c>
      <c r="J39106" s="2">
        <v>0</v>
      </c>
      <c r="K39106" s="2">
        <v>1</v>
      </c>
      <c r="L39106" t="s">
        <v>995</v>
      </c>
      <c r="M39106" t="s">
        <v>83</v>
      </c>
      <c r="N39106" t="s">
        <v>84</v>
      </c>
      <c r="O39106" t="s">
        <v>85</v>
      </c>
      <c r="P39106" t="s">
        <v>86</v>
      </c>
      <c r="Q39106">
        <v>66</v>
      </c>
      <c r="R39106">
        <v>67</v>
      </c>
      <c r="S39106">
        <v>69</v>
      </c>
      <c r="T39106">
        <v>70</v>
      </c>
      <c r="U39106">
        <v>71</v>
      </c>
      <c r="V39106">
        <v>72</v>
      </c>
      <c r="W39106">
        <v>73</v>
      </c>
      <c r="X39106">
        <v>74</v>
      </c>
      <c r="Y39106">
        <v>76</v>
      </c>
      <c r="Z39106">
        <v>77</v>
      </c>
      <c r="AA39106">
        <v>78</v>
      </c>
      <c r="AB39106">
        <v>79</v>
      </c>
      <c r="AC39106">
        <v>80</v>
      </c>
      <c r="AD39106">
        <v>82</v>
      </c>
      <c r="AE39106">
        <v>83</v>
      </c>
      <c r="AF39106">
        <v>84</v>
      </c>
      <c r="AG39106">
        <v>85</v>
      </c>
      <c r="AH39106">
        <v>86</v>
      </c>
      <c r="AI39106">
        <v>88</v>
      </c>
      <c r="AJ39106">
        <v>89</v>
      </c>
      <c r="AK39106">
        <v>90</v>
      </c>
      <c r="AL39106">
        <v>91</v>
      </c>
      <c r="AM39106">
        <v>92</v>
      </c>
      <c r="AN39106">
        <v>92</v>
      </c>
      <c r="AO39106">
        <v>93</v>
      </c>
      <c r="AP39106">
        <v>93</v>
      </c>
      <c r="AQ39106">
        <v>94</v>
      </c>
    </row>
    <row r="39107" spans="1:43">
      <c r="A39107" t="s">
        <v>24261</v>
      </c>
      <c r="B39107" t="s">
        <v>24262</v>
      </c>
      <c r="C39107" t="s">
        <v>24179</v>
      </c>
      <c r="D39107" t="s">
        <v>24180</v>
      </c>
      <c r="E39107" t="s">
        <v>24147</v>
      </c>
      <c r="F39107" t="s">
        <v>24148</v>
      </c>
      <c r="G39107" t="s">
        <v>11612</v>
      </c>
      <c r="H39107" t="s">
        <v>11613</v>
      </c>
      <c r="I39107" s="2">
        <v>0</v>
      </c>
      <c r="J39107" s="2">
        <v>0</v>
      </c>
      <c r="K39107" s="2">
        <v>1</v>
      </c>
      <c r="L39107" t="s">
        <v>995</v>
      </c>
      <c r="M39107" t="s">
        <v>87</v>
      </c>
      <c r="N39107" t="s">
        <v>88</v>
      </c>
      <c r="O39107" t="s">
        <v>85</v>
      </c>
      <c r="P39107" t="s">
        <v>86</v>
      </c>
      <c r="Q39107">
        <v>66</v>
      </c>
      <c r="R39107">
        <v>66</v>
      </c>
      <c r="S39107">
        <v>67</v>
      </c>
      <c r="T39107">
        <v>67</v>
      </c>
      <c r="U39107">
        <v>68</v>
      </c>
      <c r="V39107">
        <v>68</v>
      </c>
      <c r="W39107">
        <v>69</v>
      </c>
      <c r="X39107">
        <v>69</v>
      </c>
      <c r="Y39107">
        <v>70</v>
      </c>
      <c r="Z39107">
        <v>70</v>
      </c>
      <c r="AA39107">
        <v>71</v>
      </c>
      <c r="AB39107">
        <v>72</v>
      </c>
      <c r="AC39107">
        <v>72</v>
      </c>
      <c r="AD39107">
        <v>73</v>
      </c>
      <c r="AE39107">
        <v>73</v>
      </c>
      <c r="AF39107">
        <v>74</v>
      </c>
      <c r="AG39107">
        <v>75</v>
      </c>
      <c r="AH39107">
        <v>75</v>
      </c>
      <c r="AI39107">
        <v>76</v>
      </c>
      <c r="AJ39107">
        <v>76</v>
      </c>
      <c r="AK39107">
        <v>77</v>
      </c>
      <c r="AL39107">
        <v>78</v>
      </c>
      <c r="AM39107">
        <v>78</v>
      </c>
      <c r="AN39107">
        <v>79</v>
      </c>
      <c r="AO39107">
        <v>80</v>
      </c>
      <c r="AP39107">
        <v>80</v>
      </c>
      <c r="AQ39107">
        <v>81</v>
      </c>
    </row>
    <row r="39108" spans="1:43">
      <c r="A39108" t="s">
        <v>24261</v>
      </c>
      <c r="B39108" t="s">
        <v>24262</v>
      </c>
      <c r="C39108" t="s">
        <v>24179</v>
      </c>
      <c r="D39108" t="s">
        <v>24180</v>
      </c>
      <c r="E39108" t="s">
        <v>24147</v>
      </c>
      <c r="F39108" t="s">
        <v>24148</v>
      </c>
      <c r="G39108" t="s">
        <v>11612</v>
      </c>
      <c r="H39108" t="s">
        <v>11613</v>
      </c>
      <c r="I39108" s="2">
        <v>0</v>
      </c>
      <c r="J39108" s="2">
        <v>0</v>
      </c>
      <c r="K39108" s="2">
        <v>1</v>
      </c>
      <c r="L39108" t="s">
        <v>995</v>
      </c>
      <c r="M39108" t="s">
        <v>89</v>
      </c>
      <c r="N39108" t="s">
        <v>90</v>
      </c>
      <c r="O39108" t="s">
        <v>85</v>
      </c>
      <c r="P39108" t="s">
        <v>86</v>
      </c>
      <c r="Q39108">
        <v>66</v>
      </c>
      <c r="R39108">
        <v>68</v>
      </c>
      <c r="S39108">
        <v>69</v>
      </c>
      <c r="T39108">
        <v>71</v>
      </c>
      <c r="U39108">
        <v>73</v>
      </c>
      <c r="V39108">
        <v>74</v>
      </c>
      <c r="W39108">
        <v>76</v>
      </c>
      <c r="X39108">
        <v>78</v>
      </c>
      <c r="Y39108">
        <v>79</v>
      </c>
      <c r="Z39108">
        <v>81</v>
      </c>
      <c r="AA39108">
        <v>82</v>
      </c>
      <c r="AB39108">
        <v>84</v>
      </c>
      <c r="AC39108">
        <v>85</v>
      </c>
      <c r="AD39108">
        <v>87</v>
      </c>
      <c r="AE39108">
        <v>88</v>
      </c>
      <c r="AF39108">
        <v>88</v>
      </c>
      <c r="AG39108">
        <v>89</v>
      </c>
      <c r="AH39108">
        <v>89</v>
      </c>
      <c r="AI39108">
        <v>90</v>
      </c>
      <c r="AJ39108">
        <v>90</v>
      </c>
      <c r="AK39108">
        <v>91</v>
      </c>
      <c r="AL39108">
        <v>91</v>
      </c>
      <c r="AM39108">
        <v>92</v>
      </c>
      <c r="AN39108">
        <v>92</v>
      </c>
      <c r="AO39108">
        <v>93</v>
      </c>
      <c r="AP39108">
        <v>93</v>
      </c>
      <c r="AQ39108">
        <v>94</v>
      </c>
    </row>
    <row r="39109" spans="1:43">
      <c r="A39109" t="s">
        <v>24261</v>
      </c>
      <c r="B39109" t="s">
        <v>24262</v>
      </c>
      <c r="C39109" t="s">
        <v>24179</v>
      </c>
      <c r="D39109" t="s">
        <v>24180</v>
      </c>
      <c r="E39109" t="s">
        <v>24147</v>
      </c>
      <c r="F39109" t="s">
        <v>24148</v>
      </c>
      <c r="G39109" t="s">
        <v>11612</v>
      </c>
      <c r="H39109" t="s">
        <v>11613</v>
      </c>
      <c r="I39109" s="2">
        <v>0</v>
      </c>
      <c r="J39109" s="2">
        <v>0</v>
      </c>
      <c r="K39109" s="2">
        <v>1</v>
      </c>
      <c r="L39109" t="s">
        <v>995</v>
      </c>
      <c r="M39109" t="s">
        <v>83</v>
      </c>
      <c r="N39109" t="s">
        <v>91</v>
      </c>
      <c r="O39109" t="s">
        <v>85</v>
      </c>
      <c r="P39109" t="s">
        <v>86</v>
      </c>
      <c r="Q39109">
        <v>66</v>
      </c>
      <c r="R39109">
        <v>67</v>
      </c>
      <c r="S39109">
        <v>69</v>
      </c>
      <c r="T39109">
        <v>70</v>
      </c>
      <c r="U39109">
        <v>71</v>
      </c>
      <c r="V39109">
        <v>72</v>
      </c>
      <c r="W39109">
        <v>73</v>
      </c>
      <c r="X39109">
        <v>74</v>
      </c>
      <c r="Y39109">
        <v>76</v>
      </c>
      <c r="Z39109">
        <v>77</v>
      </c>
      <c r="AA39109">
        <v>78</v>
      </c>
      <c r="AB39109">
        <v>79</v>
      </c>
      <c r="AC39109">
        <v>80</v>
      </c>
      <c r="AD39109">
        <v>82</v>
      </c>
      <c r="AE39109">
        <v>83</v>
      </c>
      <c r="AF39109">
        <v>84</v>
      </c>
      <c r="AG39109">
        <v>85</v>
      </c>
      <c r="AH39109">
        <v>86</v>
      </c>
      <c r="AI39109">
        <v>88</v>
      </c>
      <c r="AJ39109">
        <v>89</v>
      </c>
      <c r="AK39109">
        <v>90</v>
      </c>
      <c r="AL39109">
        <v>91</v>
      </c>
      <c r="AM39109">
        <v>92</v>
      </c>
      <c r="AN39109">
        <v>92</v>
      </c>
      <c r="AO39109">
        <v>93</v>
      </c>
      <c r="AP39109">
        <v>93</v>
      </c>
      <c r="AQ39109">
        <v>94</v>
      </c>
    </row>
    <row r="39110" spans="1:43">
      <c r="A39110" t="s">
        <v>24263</v>
      </c>
      <c r="B39110" t="s">
        <v>24264</v>
      </c>
      <c r="C39110" t="s">
        <v>24179</v>
      </c>
      <c r="D39110" t="s">
        <v>24180</v>
      </c>
      <c r="E39110" t="s">
        <v>24147</v>
      </c>
      <c r="F39110" t="s">
        <v>24148</v>
      </c>
      <c r="G39110" t="s">
        <v>11612</v>
      </c>
      <c r="H39110" t="s">
        <v>11613</v>
      </c>
      <c r="I39110" s="2">
        <v>0</v>
      </c>
      <c r="J39110" s="2">
        <v>0</v>
      </c>
      <c r="K39110" s="2">
        <v>1</v>
      </c>
      <c r="L39110" t="s">
        <v>995</v>
      </c>
      <c r="M39110" t="s">
        <v>83</v>
      </c>
      <c r="N39110" t="s">
        <v>84</v>
      </c>
      <c r="O39110" t="s">
        <v>85</v>
      </c>
      <c r="P39110" t="s">
        <v>86</v>
      </c>
      <c r="Q39110">
        <v>14</v>
      </c>
      <c r="R39110">
        <v>15</v>
      </c>
      <c r="S39110">
        <v>15</v>
      </c>
      <c r="T39110">
        <v>15</v>
      </c>
      <c r="U39110">
        <v>15</v>
      </c>
      <c r="V39110">
        <v>16</v>
      </c>
      <c r="W39110">
        <v>16</v>
      </c>
      <c r="X39110">
        <v>16</v>
      </c>
      <c r="Y39110">
        <v>16</v>
      </c>
      <c r="Z39110">
        <v>17</v>
      </c>
      <c r="AA39110">
        <v>17</v>
      </c>
      <c r="AB39110">
        <v>17</v>
      </c>
      <c r="AC39110">
        <v>17</v>
      </c>
      <c r="AD39110">
        <v>17</v>
      </c>
      <c r="AE39110">
        <v>18</v>
      </c>
      <c r="AF39110">
        <v>18</v>
      </c>
      <c r="AG39110">
        <v>18</v>
      </c>
      <c r="AH39110">
        <v>18</v>
      </c>
      <c r="AI39110">
        <v>19</v>
      </c>
      <c r="AJ39110">
        <v>19</v>
      </c>
      <c r="AK39110">
        <v>19</v>
      </c>
      <c r="AL39110">
        <v>19</v>
      </c>
      <c r="AM39110">
        <v>19</v>
      </c>
      <c r="AN39110">
        <v>19</v>
      </c>
      <c r="AO39110">
        <v>19</v>
      </c>
      <c r="AP39110">
        <v>20</v>
      </c>
      <c r="AQ39110">
        <v>20</v>
      </c>
    </row>
    <row r="39111" spans="1:43">
      <c r="A39111" t="s">
        <v>24263</v>
      </c>
      <c r="B39111" t="s">
        <v>24264</v>
      </c>
      <c r="C39111" t="s">
        <v>24179</v>
      </c>
      <c r="D39111" t="s">
        <v>24180</v>
      </c>
      <c r="E39111" t="s">
        <v>24147</v>
      </c>
      <c r="F39111" t="s">
        <v>24148</v>
      </c>
      <c r="G39111" t="s">
        <v>11612</v>
      </c>
      <c r="H39111" t="s">
        <v>11613</v>
      </c>
      <c r="I39111" s="2">
        <v>0</v>
      </c>
      <c r="J39111" s="2">
        <v>0</v>
      </c>
      <c r="K39111" s="2">
        <v>1</v>
      </c>
      <c r="L39111" t="s">
        <v>995</v>
      </c>
      <c r="M39111" t="s">
        <v>87</v>
      </c>
      <c r="N39111" t="s">
        <v>88</v>
      </c>
      <c r="O39111" t="s">
        <v>85</v>
      </c>
      <c r="P39111" t="s">
        <v>86</v>
      </c>
      <c r="Q39111">
        <v>14</v>
      </c>
      <c r="R39111">
        <v>14</v>
      </c>
      <c r="S39111">
        <v>14</v>
      </c>
      <c r="T39111">
        <v>15</v>
      </c>
      <c r="U39111">
        <v>15</v>
      </c>
      <c r="V39111">
        <v>15</v>
      </c>
      <c r="W39111">
        <v>15</v>
      </c>
      <c r="X39111">
        <v>15</v>
      </c>
      <c r="Y39111">
        <v>15</v>
      </c>
      <c r="Z39111">
        <v>15</v>
      </c>
      <c r="AA39111">
        <v>15</v>
      </c>
      <c r="AB39111">
        <v>15</v>
      </c>
      <c r="AC39111">
        <v>15</v>
      </c>
      <c r="AD39111">
        <v>16</v>
      </c>
      <c r="AE39111">
        <v>16</v>
      </c>
      <c r="AF39111">
        <v>16</v>
      </c>
      <c r="AG39111">
        <v>16</v>
      </c>
      <c r="AH39111">
        <v>16</v>
      </c>
      <c r="AI39111">
        <v>16</v>
      </c>
      <c r="AJ39111">
        <v>16</v>
      </c>
      <c r="AK39111">
        <v>16</v>
      </c>
      <c r="AL39111">
        <v>16</v>
      </c>
      <c r="AM39111">
        <v>17</v>
      </c>
      <c r="AN39111">
        <v>17</v>
      </c>
      <c r="AO39111">
        <v>17</v>
      </c>
      <c r="AP39111">
        <v>17</v>
      </c>
      <c r="AQ39111">
        <v>17</v>
      </c>
    </row>
    <row r="39112" spans="1:43">
      <c r="A39112" t="s">
        <v>24263</v>
      </c>
      <c r="B39112" t="s">
        <v>24264</v>
      </c>
      <c r="C39112" t="s">
        <v>24179</v>
      </c>
      <c r="D39112" t="s">
        <v>24180</v>
      </c>
      <c r="E39112" t="s">
        <v>24147</v>
      </c>
      <c r="F39112" t="s">
        <v>24148</v>
      </c>
      <c r="G39112" t="s">
        <v>11612</v>
      </c>
      <c r="H39112" t="s">
        <v>11613</v>
      </c>
      <c r="I39112" s="2">
        <v>0</v>
      </c>
      <c r="J39112" s="2">
        <v>0</v>
      </c>
      <c r="K39112" s="2">
        <v>1</v>
      </c>
      <c r="L39112" t="s">
        <v>995</v>
      </c>
      <c r="M39112" t="s">
        <v>89</v>
      </c>
      <c r="N39112" t="s">
        <v>90</v>
      </c>
      <c r="O39112" t="s">
        <v>85</v>
      </c>
      <c r="P39112" t="s">
        <v>86</v>
      </c>
      <c r="Q39112">
        <v>14</v>
      </c>
      <c r="R39112">
        <v>14</v>
      </c>
      <c r="S39112">
        <v>14</v>
      </c>
      <c r="T39112">
        <v>15</v>
      </c>
      <c r="U39112">
        <v>15</v>
      </c>
      <c r="V39112">
        <v>15</v>
      </c>
      <c r="W39112">
        <v>16</v>
      </c>
      <c r="X39112">
        <v>16</v>
      </c>
      <c r="Y39112">
        <v>16</v>
      </c>
      <c r="Z39112">
        <v>17</v>
      </c>
      <c r="AA39112">
        <v>17</v>
      </c>
      <c r="AB39112">
        <v>17</v>
      </c>
      <c r="AC39112">
        <v>17</v>
      </c>
      <c r="AD39112">
        <v>18</v>
      </c>
      <c r="AE39112">
        <v>18</v>
      </c>
      <c r="AF39112">
        <v>18</v>
      </c>
      <c r="AG39112">
        <v>18</v>
      </c>
      <c r="AH39112">
        <v>18</v>
      </c>
      <c r="AI39112">
        <v>18</v>
      </c>
      <c r="AJ39112">
        <v>18</v>
      </c>
      <c r="AK39112">
        <v>18</v>
      </c>
      <c r="AL39112">
        <v>18</v>
      </c>
      <c r="AM39112">
        <v>19</v>
      </c>
      <c r="AN39112">
        <v>19</v>
      </c>
      <c r="AO39112">
        <v>19</v>
      </c>
      <c r="AP39112">
        <v>19</v>
      </c>
      <c r="AQ39112">
        <v>19</v>
      </c>
    </row>
    <row r="39113" spans="1:43">
      <c r="A39113" t="s">
        <v>24263</v>
      </c>
      <c r="B39113" t="s">
        <v>24264</v>
      </c>
      <c r="C39113" t="s">
        <v>24179</v>
      </c>
      <c r="D39113" t="s">
        <v>24180</v>
      </c>
      <c r="E39113" t="s">
        <v>24147</v>
      </c>
      <c r="F39113" t="s">
        <v>24148</v>
      </c>
      <c r="G39113" t="s">
        <v>11612</v>
      </c>
      <c r="H39113" t="s">
        <v>11613</v>
      </c>
      <c r="I39113" s="2">
        <v>0</v>
      </c>
      <c r="J39113" s="2">
        <v>0</v>
      </c>
      <c r="K39113" s="2">
        <v>1</v>
      </c>
      <c r="L39113" t="s">
        <v>995</v>
      </c>
      <c r="M39113" t="s">
        <v>83</v>
      </c>
      <c r="N39113" t="s">
        <v>91</v>
      </c>
      <c r="O39113" t="s">
        <v>85</v>
      </c>
      <c r="P39113" t="s">
        <v>86</v>
      </c>
      <c r="Q39113">
        <v>14</v>
      </c>
      <c r="R39113">
        <v>15</v>
      </c>
      <c r="S39113">
        <v>15</v>
      </c>
      <c r="T39113">
        <v>15</v>
      </c>
      <c r="U39113">
        <v>15</v>
      </c>
      <c r="V39113">
        <v>16</v>
      </c>
      <c r="W39113">
        <v>16</v>
      </c>
      <c r="X39113">
        <v>16</v>
      </c>
      <c r="Y39113">
        <v>16</v>
      </c>
      <c r="Z39113">
        <v>17</v>
      </c>
      <c r="AA39113">
        <v>17</v>
      </c>
      <c r="AB39113">
        <v>17</v>
      </c>
      <c r="AC39113">
        <v>17</v>
      </c>
      <c r="AD39113">
        <v>17</v>
      </c>
      <c r="AE39113">
        <v>18</v>
      </c>
      <c r="AF39113">
        <v>18</v>
      </c>
      <c r="AG39113">
        <v>18</v>
      </c>
      <c r="AH39113">
        <v>18</v>
      </c>
      <c r="AI39113">
        <v>19</v>
      </c>
      <c r="AJ39113">
        <v>19</v>
      </c>
      <c r="AK39113">
        <v>19</v>
      </c>
      <c r="AL39113">
        <v>19</v>
      </c>
      <c r="AM39113">
        <v>19</v>
      </c>
      <c r="AN39113">
        <v>19</v>
      </c>
      <c r="AO39113">
        <v>19</v>
      </c>
      <c r="AP39113">
        <v>20</v>
      </c>
      <c r="AQ39113">
        <v>20</v>
      </c>
    </row>
    <row r="39114" spans="1:43">
      <c r="A39114" t="s">
        <v>24265</v>
      </c>
      <c r="B39114" t="s">
        <v>24266</v>
      </c>
      <c r="C39114" t="s">
        <v>24165</v>
      </c>
      <c r="D39114" t="s">
        <v>24166</v>
      </c>
      <c r="E39114" t="s">
        <v>24147</v>
      </c>
      <c r="F39114" t="s">
        <v>24148</v>
      </c>
      <c r="G39114" t="s">
        <v>11612</v>
      </c>
      <c r="H39114" t="s">
        <v>11613</v>
      </c>
      <c r="I39114" s="2">
        <v>0</v>
      </c>
      <c r="J39114" s="2">
        <v>0</v>
      </c>
      <c r="K39114" s="2">
        <v>0.98</v>
      </c>
      <c r="L39114" t="s">
        <v>995</v>
      </c>
      <c r="M39114" t="s">
        <v>83</v>
      </c>
      <c r="N39114" t="s">
        <v>84</v>
      </c>
      <c r="O39114" t="s">
        <v>85</v>
      </c>
      <c r="P39114" t="s">
        <v>86</v>
      </c>
      <c r="Q39114">
        <v>50</v>
      </c>
      <c r="R39114">
        <v>51</v>
      </c>
      <c r="S39114">
        <v>52</v>
      </c>
      <c r="T39114">
        <v>53</v>
      </c>
      <c r="U39114">
        <v>54</v>
      </c>
      <c r="V39114">
        <v>54</v>
      </c>
      <c r="W39114">
        <v>55</v>
      </c>
      <c r="X39114">
        <v>56</v>
      </c>
      <c r="Y39114">
        <v>57</v>
      </c>
      <c r="Z39114">
        <v>58</v>
      </c>
      <c r="AA39114">
        <v>59</v>
      </c>
      <c r="AB39114">
        <v>60</v>
      </c>
      <c r="AC39114">
        <v>61</v>
      </c>
      <c r="AD39114">
        <v>62</v>
      </c>
      <c r="AE39114">
        <v>63</v>
      </c>
      <c r="AF39114">
        <v>63</v>
      </c>
      <c r="AG39114">
        <v>64</v>
      </c>
      <c r="AH39114">
        <v>65</v>
      </c>
      <c r="AI39114">
        <v>66</v>
      </c>
      <c r="AJ39114">
        <v>67</v>
      </c>
      <c r="AK39114">
        <v>68</v>
      </c>
      <c r="AL39114">
        <v>69</v>
      </c>
      <c r="AM39114">
        <v>69</v>
      </c>
      <c r="AN39114">
        <v>70</v>
      </c>
      <c r="AO39114">
        <v>70</v>
      </c>
      <c r="AP39114">
        <v>70</v>
      </c>
      <c r="AQ39114">
        <v>71</v>
      </c>
    </row>
    <row r="39115" spans="1:43">
      <c r="A39115" t="s">
        <v>24265</v>
      </c>
      <c r="B39115" t="s">
        <v>24266</v>
      </c>
      <c r="C39115" t="s">
        <v>24165</v>
      </c>
      <c r="D39115" t="s">
        <v>24166</v>
      </c>
      <c r="E39115" t="s">
        <v>24147</v>
      </c>
      <c r="F39115" t="s">
        <v>24148</v>
      </c>
      <c r="G39115" t="s">
        <v>11612</v>
      </c>
      <c r="H39115" t="s">
        <v>11613</v>
      </c>
      <c r="I39115" s="2">
        <v>0</v>
      </c>
      <c r="J39115" s="2">
        <v>0</v>
      </c>
      <c r="K39115" s="2">
        <v>0.98</v>
      </c>
      <c r="L39115" t="s">
        <v>995</v>
      </c>
      <c r="M39115" t="s">
        <v>87</v>
      </c>
      <c r="N39115" t="s">
        <v>88</v>
      </c>
      <c r="O39115" t="s">
        <v>85</v>
      </c>
      <c r="P39115" t="s">
        <v>86</v>
      </c>
      <c r="Q39115">
        <v>50</v>
      </c>
      <c r="R39115">
        <v>50</v>
      </c>
      <c r="S39115">
        <v>50</v>
      </c>
      <c r="T39115">
        <v>51</v>
      </c>
      <c r="U39115">
        <v>51</v>
      </c>
      <c r="V39115">
        <v>52</v>
      </c>
      <c r="W39115">
        <v>52</v>
      </c>
      <c r="X39115">
        <v>52</v>
      </c>
      <c r="Y39115">
        <v>53</v>
      </c>
      <c r="Z39115">
        <v>53</v>
      </c>
      <c r="AA39115">
        <v>54</v>
      </c>
      <c r="AB39115">
        <v>54</v>
      </c>
      <c r="AC39115">
        <v>55</v>
      </c>
      <c r="AD39115">
        <v>55</v>
      </c>
      <c r="AE39115">
        <v>55</v>
      </c>
      <c r="AF39115">
        <v>56</v>
      </c>
      <c r="AG39115">
        <v>56</v>
      </c>
      <c r="AH39115">
        <v>57</v>
      </c>
      <c r="AI39115">
        <v>57</v>
      </c>
      <c r="AJ39115">
        <v>58</v>
      </c>
      <c r="AK39115">
        <v>58</v>
      </c>
      <c r="AL39115">
        <v>59</v>
      </c>
      <c r="AM39115">
        <v>59</v>
      </c>
      <c r="AN39115">
        <v>60</v>
      </c>
      <c r="AO39115">
        <v>60</v>
      </c>
      <c r="AP39115">
        <v>61</v>
      </c>
      <c r="AQ39115">
        <v>61</v>
      </c>
    </row>
    <row r="39116" spans="1:43">
      <c r="A39116" t="s">
        <v>24265</v>
      </c>
      <c r="B39116" t="s">
        <v>24266</v>
      </c>
      <c r="C39116" t="s">
        <v>24165</v>
      </c>
      <c r="D39116" t="s">
        <v>24166</v>
      </c>
      <c r="E39116" t="s">
        <v>24147</v>
      </c>
      <c r="F39116" t="s">
        <v>24148</v>
      </c>
      <c r="G39116" t="s">
        <v>11612</v>
      </c>
      <c r="H39116" t="s">
        <v>11613</v>
      </c>
      <c r="I39116" s="2">
        <v>0</v>
      </c>
      <c r="J39116" s="2">
        <v>0</v>
      </c>
      <c r="K39116" s="2">
        <v>0.98</v>
      </c>
      <c r="L39116" t="s">
        <v>995</v>
      </c>
      <c r="M39116" t="s">
        <v>89</v>
      </c>
      <c r="N39116" t="s">
        <v>90</v>
      </c>
      <c r="O39116" t="s">
        <v>85</v>
      </c>
      <c r="P39116" t="s">
        <v>86</v>
      </c>
      <c r="Q39116">
        <v>50</v>
      </c>
      <c r="R39116">
        <v>51</v>
      </c>
      <c r="S39116">
        <v>52</v>
      </c>
      <c r="T39116">
        <v>53</v>
      </c>
      <c r="U39116">
        <v>55</v>
      </c>
      <c r="V39116">
        <v>56</v>
      </c>
      <c r="W39116">
        <v>57</v>
      </c>
      <c r="X39116">
        <v>58</v>
      </c>
      <c r="Y39116">
        <v>60</v>
      </c>
      <c r="Z39116">
        <v>61</v>
      </c>
      <c r="AA39116">
        <v>62</v>
      </c>
      <c r="AB39116">
        <v>63</v>
      </c>
      <c r="AC39116">
        <v>64</v>
      </c>
      <c r="AD39116">
        <v>65</v>
      </c>
      <c r="AE39116">
        <v>66</v>
      </c>
      <c r="AF39116">
        <v>66</v>
      </c>
      <c r="AG39116">
        <v>67</v>
      </c>
      <c r="AH39116">
        <v>67</v>
      </c>
      <c r="AI39116">
        <v>67</v>
      </c>
      <c r="AJ39116">
        <v>68</v>
      </c>
      <c r="AK39116">
        <v>68</v>
      </c>
      <c r="AL39116">
        <v>69</v>
      </c>
      <c r="AM39116">
        <v>69</v>
      </c>
      <c r="AN39116">
        <v>69</v>
      </c>
      <c r="AO39116">
        <v>70</v>
      </c>
      <c r="AP39116">
        <v>70</v>
      </c>
      <c r="AQ39116">
        <v>70</v>
      </c>
    </row>
    <row r="39117" spans="1:43">
      <c r="A39117" t="s">
        <v>24265</v>
      </c>
      <c r="B39117" t="s">
        <v>24266</v>
      </c>
      <c r="C39117" t="s">
        <v>24165</v>
      </c>
      <c r="D39117" t="s">
        <v>24166</v>
      </c>
      <c r="E39117" t="s">
        <v>24147</v>
      </c>
      <c r="F39117" t="s">
        <v>24148</v>
      </c>
      <c r="G39117" t="s">
        <v>11612</v>
      </c>
      <c r="H39117" t="s">
        <v>11613</v>
      </c>
      <c r="I39117" s="2">
        <v>0</v>
      </c>
      <c r="J39117" s="2">
        <v>0</v>
      </c>
      <c r="K39117" s="2">
        <v>0.98</v>
      </c>
      <c r="L39117" t="s">
        <v>995</v>
      </c>
      <c r="M39117" t="s">
        <v>83</v>
      </c>
      <c r="N39117" t="s">
        <v>91</v>
      </c>
      <c r="O39117" t="s">
        <v>85</v>
      </c>
      <c r="P39117" t="s">
        <v>86</v>
      </c>
      <c r="Q39117">
        <v>50</v>
      </c>
      <c r="R39117">
        <v>51</v>
      </c>
      <c r="S39117">
        <v>52</v>
      </c>
      <c r="T39117">
        <v>53</v>
      </c>
      <c r="U39117">
        <v>54</v>
      </c>
      <c r="V39117">
        <v>54</v>
      </c>
      <c r="W39117">
        <v>55</v>
      </c>
      <c r="X39117">
        <v>56</v>
      </c>
      <c r="Y39117">
        <v>57</v>
      </c>
      <c r="Z39117">
        <v>58</v>
      </c>
      <c r="AA39117">
        <v>59</v>
      </c>
      <c r="AB39117">
        <v>60</v>
      </c>
      <c r="AC39117">
        <v>61</v>
      </c>
      <c r="AD39117">
        <v>62</v>
      </c>
      <c r="AE39117">
        <v>63</v>
      </c>
      <c r="AF39117">
        <v>63</v>
      </c>
      <c r="AG39117">
        <v>64</v>
      </c>
      <c r="AH39117">
        <v>65</v>
      </c>
      <c r="AI39117">
        <v>66</v>
      </c>
      <c r="AJ39117">
        <v>67</v>
      </c>
      <c r="AK39117">
        <v>68</v>
      </c>
      <c r="AL39117">
        <v>69</v>
      </c>
      <c r="AM39117">
        <v>69</v>
      </c>
      <c r="AN39117">
        <v>70</v>
      </c>
      <c r="AO39117">
        <v>70</v>
      </c>
      <c r="AP39117">
        <v>70</v>
      </c>
      <c r="AQ39117">
        <v>71</v>
      </c>
    </row>
    <row r="39118" spans="1:43">
      <c r="A39118" t="s">
        <v>24267</v>
      </c>
      <c r="B39118" t="s">
        <v>24268</v>
      </c>
      <c r="C39118" t="s">
        <v>24179</v>
      </c>
      <c r="D39118" t="s">
        <v>24180</v>
      </c>
      <c r="E39118" t="s">
        <v>24147</v>
      </c>
      <c r="F39118" t="s">
        <v>24148</v>
      </c>
      <c r="G39118" t="s">
        <v>11612</v>
      </c>
      <c r="H39118" t="s">
        <v>11613</v>
      </c>
      <c r="I39118" s="2">
        <v>0</v>
      </c>
      <c r="J39118" s="2">
        <v>0</v>
      </c>
      <c r="K39118" s="2">
        <v>0.95</v>
      </c>
      <c r="L39118" t="s">
        <v>995</v>
      </c>
      <c r="M39118" t="s">
        <v>83</v>
      </c>
      <c r="N39118" t="s">
        <v>84</v>
      </c>
      <c r="O39118" t="s">
        <v>85</v>
      </c>
      <c r="P39118" t="s">
        <v>86</v>
      </c>
      <c r="Q39118">
        <v>33</v>
      </c>
      <c r="R39118">
        <v>33</v>
      </c>
      <c r="S39118">
        <v>34</v>
      </c>
      <c r="T39118">
        <v>34</v>
      </c>
      <c r="U39118">
        <v>35</v>
      </c>
      <c r="V39118">
        <v>36</v>
      </c>
      <c r="W39118">
        <v>36</v>
      </c>
      <c r="X39118">
        <v>37</v>
      </c>
      <c r="Y39118">
        <v>37</v>
      </c>
      <c r="Z39118">
        <v>38</v>
      </c>
      <c r="AA39118">
        <v>39</v>
      </c>
      <c r="AB39118">
        <v>39</v>
      </c>
      <c r="AC39118">
        <v>40</v>
      </c>
      <c r="AD39118">
        <v>40</v>
      </c>
      <c r="AE39118">
        <v>41</v>
      </c>
      <c r="AF39118">
        <v>41</v>
      </c>
      <c r="AG39118">
        <v>42</v>
      </c>
      <c r="AH39118">
        <v>43</v>
      </c>
      <c r="AI39118">
        <v>43</v>
      </c>
      <c r="AJ39118">
        <v>44</v>
      </c>
      <c r="AK39118">
        <v>45</v>
      </c>
      <c r="AL39118">
        <v>45</v>
      </c>
      <c r="AM39118">
        <v>45</v>
      </c>
      <c r="AN39118">
        <v>45</v>
      </c>
      <c r="AO39118">
        <v>46</v>
      </c>
      <c r="AP39118">
        <v>46</v>
      </c>
      <c r="AQ39118">
        <v>46</v>
      </c>
    </row>
    <row r="39119" spans="1:43">
      <c r="A39119" t="s">
        <v>24267</v>
      </c>
      <c r="B39119" t="s">
        <v>24268</v>
      </c>
      <c r="C39119" t="s">
        <v>24179</v>
      </c>
      <c r="D39119" t="s">
        <v>24180</v>
      </c>
      <c r="E39119" t="s">
        <v>24147</v>
      </c>
      <c r="F39119" t="s">
        <v>24148</v>
      </c>
      <c r="G39119" t="s">
        <v>11612</v>
      </c>
      <c r="H39119" t="s">
        <v>11613</v>
      </c>
      <c r="I39119" s="2">
        <v>0</v>
      </c>
      <c r="J39119" s="2">
        <v>0</v>
      </c>
      <c r="K39119" s="2">
        <v>0.95</v>
      </c>
      <c r="L39119" t="s">
        <v>995</v>
      </c>
      <c r="M39119" t="s">
        <v>87</v>
      </c>
      <c r="N39119" t="s">
        <v>88</v>
      </c>
      <c r="O39119" t="s">
        <v>85</v>
      </c>
      <c r="P39119" t="s">
        <v>86</v>
      </c>
      <c r="Q39119">
        <v>33</v>
      </c>
      <c r="R39119">
        <v>34</v>
      </c>
      <c r="S39119">
        <v>34</v>
      </c>
      <c r="T39119">
        <v>34</v>
      </c>
      <c r="U39119">
        <v>34</v>
      </c>
      <c r="V39119">
        <v>35</v>
      </c>
      <c r="W39119">
        <v>35</v>
      </c>
      <c r="X39119">
        <v>35</v>
      </c>
      <c r="Y39119">
        <v>35</v>
      </c>
      <c r="Z39119">
        <v>36</v>
      </c>
      <c r="AA39119">
        <v>36</v>
      </c>
      <c r="AB39119">
        <v>36</v>
      </c>
      <c r="AC39119">
        <v>37</v>
      </c>
      <c r="AD39119">
        <v>37</v>
      </c>
      <c r="AE39119">
        <v>37</v>
      </c>
      <c r="AF39119">
        <v>38</v>
      </c>
      <c r="AG39119">
        <v>38</v>
      </c>
      <c r="AH39119">
        <v>38</v>
      </c>
      <c r="AI39119">
        <v>38</v>
      </c>
      <c r="AJ39119">
        <v>39</v>
      </c>
      <c r="AK39119">
        <v>39</v>
      </c>
      <c r="AL39119">
        <v>39</v>
      </c>
      <c r="AM39119">
        <v>40</v>
      </c>
      <c r="AN39119">
        <v>40</v>
      </c>
      <c r="AO39119">
        <v>40</v>
      </c>
      <c r="AP39119">
        <v>41</v>
      </c>
      <c r="AQ39119">
        <v>41</v>
      </c>
    </row>
    <row r="39120" spans="1:43">
      <c r="A39120" t="s">
        <v>24267</v>
      </c>
      <c r="B39120" t="s">
        <v>24268</v>
      </c>
      <c r="C39120" t="s">
        <v>24179</v>
      </c>
      <c r="D39120" t="s">
        <v>24180</v>
      </c>
      <c r="E39120" t="s">
        <v>24147</v>
      </c>
      <c r="F39120" t="s">
        <v>24148</v>
      </c>
      <c r="G39120" t="s">
        <v>11612</v>
      </c>
      <c r="H39120" t="s">
        <v>11613</v>
      </c>
      <c r="I39120" s="2">
        <v>0</v>
      </c>
      <c r="J39120" s="2">
        <v>0</v>
      </c>
      <c r="K39120" s="2">
        <v>0.95</v>
      </c>
      <c r="L39120" t="s">
        <v>995</v>
      </c>
      <c r="M39120" t="s">
        <v>89</v>
      </c>
      <c r="N39120" t="s">
        <v>90</v>
      </c>
      <c r="O39120" t="s">
        <v>85</v>
      </c>
      <c r="P39120" t="s">
        <v>86</v>
      </c>
      <c r="Q39120">
        <v>33</v>
      </c>
      <c r="R39120">
        <v>34</v>
      </c>
      <c r="S39120">
        <v>35</v>
      </c>
      <c r="T39120">
        <v>36</v>
      </c>
      <c r="U39120">
        <v>36</v>
      </c>
      <c r="V39120">
        <v>37</v>
      </c>
      <c r="W39120">
        <v>38</v>
      </c>
      <c r="X39120">
        <v>39</v>
      </c>
      <c r="Y39120">
        <v>40</v>
      </c>
      <c r="Z39120">
        <v>40</v>
      </c>
      <c r="AA39120">
        <v>41</v>
      </c>
      <c r="AB39120">
        <v>42</v>
      </c>
      <c r="AC39120">
        <v>43</v>
      </c>
      <c r="AD39120">
        <v>43</v>
      </c>
      <c r="AE39120">
        <v>44</v>
      </c>
      <c r="AF39120">
        <v>44</v>
      </c>
      <c r="AG39120">
        <v>44</v>
      </c>
      <c r="AH39120">
        <v>44</v>
      </c>
      <c r="AI39120">
        <v>45</v>
      </c>
      <c r="AJ39120">
        <v>45</v>
      </c>
      <c r="AK39120">
        <v>45</v>
      </c>
      <c r="AL39120">
        <v>45</v>
      </c>
      <c r="AM39120">
        <v>46</v>
      </c>
      <c r="AN39120">
        <v>46</v>
      </c>
      <c r="AO39120">
        <v>46</v>
      </c>
      <c r="AP39120">
        <v>47</v>
      </c>
      <c r="AQ39120">
        <v>47</v>
      </c>
    </row>
    <row r="39121" spans="1:43">
      <c r="A39121" t="s">
        <v>24267</v>
      </c>
      <c r="B39121" t="s">
        <v>24268</v>
      </c>
      <c r="C39121" t="s">
        <v>24179</v>
      </c>
      <c r="D39121" t="s">
        <v>24180</v>
      </c>
      <c r="E39121" t="s">
        <v>24147</v>
      </c>
      <c r="F39121" t="s">
        <v>24148</v>
      </c>
      <c r="G39121" t="s">
        <v>11612</v>
      </c>
      <c r="H39121" t="s">
        <v>11613</v>
      </c>
      <c r="I39121" s="2">
        <v>0</v>
      </c>
      <c r="J39121" s="2">
        <v>0</v>
      </c>
      <c r="K39121" s="2">
        <v>0.95</v>
      </c>
      <c r="L39121" t="s">
        <v>995</v>
      </c>
      <c r="M39121" t="s">
        <v>83</v>
      </c>
      <c r="N39121" t="s">
        <v>91</v>
      </c>
      <c r="O39121" t="s">
        <v>85</v>
      </c>
      <c r="P39121" t="s">
        <v>86</v>
      </c>
      <c r="Q39121">
        <v>33</v>
      </c>
      <c r="R39121">
        <v>33</v>
      </c>
      <c r="S39121">
        <v>34</v>
      </c>
      <c r="T39121">
        <v>34</v>
      </c>
      <c r="U39121">
        <v>35</v>
      </c>
      <c r="V39121">
        <v>36</v>
      </c>
      <c r="W39121">
        <v>36</v>
      </c>
      <c r="X39121">
        <v>37</v>
      </c>
      <c r="Y39121">
        <v>37</v>
      </c>
      <c r="Z39121">
        <v>38</v>
      </c>
      <c r="AA39121">
        <v>39</v>
      </c>
      <c r="AB39121">
        <v>39</v>
      </c>
      <c r="AC39121">
        <v>40</v>
      </c>
      <c r="AD39121">
        <v>40</v>
      </c>
      <c r="AE39121">
        <v>41</v>
      </c>
      <c r="AF39121">
        <v>41</v>
      </c>
      <c r="AG39121">
        <v>42</v>
      </c>
      <c r="AH39121">
        <v>43</v>
      </c>
      <c r="AI39121">
        <v>43</v>
      </c>
      <c r="AJ39121">
        <v>44</v>
      </c>
      <c r="AK39121">
        <v>45</v>
      </c>
      <c r="AL39121">
        <v>45</v>
      </c>
      <c r="AM39121">
        <v>45</v>
      </c>
      <c r="AN39121">
        <v>45</v>
      </c>
      <c r="AO39121">
        <v>46</v>
      </c>
      <c r="AP39121">
        <v>46</v>
      </c>
      <c r="AQ39121">
        <v>46</v>
      </c>
    </row>
    <row r="39122" spans="1:43">
      <c r="A39122" t="s">
        <v>24269</v>
      </c>
      <c r="B39122" t="s">
        <v>24270</v>
      </c>
      <c r="C39122" t="s">
        <v>24219</v>
      </c>
      <c r="D39122" t="s">
        <v>24220</v>
      </c>
      <c r="E39122" t="s">
        <v>24147</v>
      </c>
      <c r="F39122" t="s">
        <v>24148</v>
      </c>
      <c r="G39122" t="s">
        <v>11612</v>
      </c>
      <c r="H39122" t="s">
        <v>11613</v>
      </c>
      <c r="I39122" s="2">
        <v>0</v>
      </c>
      <c r="J39122" s="2">
        <v>0</v>
      </c>
      <c r="K39122" s="2">
        <v>1</v>
      </c>
      <c r="L39122" t="s">
        <v>995</v>
      </c>
      <c r="M39122" t="s">
        <v>83</v>
      </c>
      <c r="N39122" t="s">
        <v>84</v>
      </c>
      <c r="O39122" t="s">
        <v>85</v>
      </c>
      <c r="P39122" t="s">
        <v>86</v>
      </c>
      <c r="Q39122">
        <v>9</v>
      </c>
      <c r="R39122">
        <v>9</v>
      </c>
      <c r="S39122">
        <v>9</v>
      </c>
      <c r="T39122">
        <v>9</v>
      </c>
      <c r="U39122">
        <v>10</v>
      </c>
      <c r="V39122">
        <v>10</v>
      </c>
      <c r="W39122">
        <v>10</v>
      </c>
      <c r="X39122">
        <v>10</v>
      </c>
      <c r="Y39122">
        <v>10</v>
      </c>
      <c r="Z39122">
        <v>10</v>
      </c>
      <c r="AA39122">
        <v>10</v>
      </c>
      <c r="AB39122">
        <v>11</v>
      </c>
      <c r="AC39122">
        <v>11</v>
      </c>
      <c r="AD39122">
        <v>11</v>
      </c>
      <c r="AE39122">
        <v>11</v>
      </c>
      <c r="AF39122">
        <v>11</v>
      </c>
      <c r="AG39122">
        <v>11</v>
      </c>
      <c r="AH39122">
        <v>12</v>
      </c>
      <c r="AI39122">
        <v>12</v>
      </c>
      <c r="AJ39122">
        <v>12</v>
      </c>
      <c r="AK39122">
        <v>12</v>
      </c>
      <c r="AL39122">
        <v>12</v>
      </c>
      <c r="AM39122">
        <v>12</v>
      </c>
      <c r="AN39122">
        <v>12</v>
      </c>
      <c r="AO39122">
        <v>12</v>
      </c>
      <c r="AP39122">
        <v>12</v>
      </c>
      <c r="AQ39122">
        <v>12</v>
      </c>
    </row>
    <row r="39123" spans="1:43">
      <c r="A39123" t="s">
        <v>24269</v>
      </c>
      <c r="B39123" t="s">
        <v>24270</v>
      </c>
      <c r="C39123" t="s">
        <v>24219</v>
      </c>
      <c r="D39123" t="s">
        <v>24220</v>
      </c>
      <c r="E39123" t="s">
        <v>24147</v>
      </c>
      <c r="F39123" t="s">
        <v>24148</v>
      </c>
      <c r="G39123" t="s">
        <v>11612</v>
      </c>
      <c r="H39123" t="s">
        <v>11613</v>
      </c>
      <c r="I39123" s="2">
        <v>0</v>
      </c>
      <c r="J39123" s="2">
        <v>0</v>
      </c>
      <c r="K39123" s="2">
        <v>1</v>
      </c>
      <c r="L39123" t="s">
        <v>995</v>
      </c>
      <c r="M39123" t="s">
        <v>87</v>
      </c>
      <c r="N39123" t="s">
        <v>88</v>
      </c>
      <c r="O39123" t="s">
        <v>85</v>
      </c>
      <c r="P39123" t="s">
        <v>86</v>
      </c>
      <c r="Q39123">
        <v>9</v>
      </c>
      <c r="R39123">
        <v>9</v>
      </c>
      <c r="S39123">
        <v>9</v>
      </c>
      <c r="T39123">
        <v>9</v>
      </c>
      <c r="U39123">
        <v>9</v>
      </c>
      <c r="V39123">
        <v>9</v>
      </c>
      <c r="W39123">
        <v>9</v>
      </c>
      <c r="X39123">
        <v>9</v>
      </c>
      <c r="Y39123">
        <v>9</v>
      </c>
      <c r="Z39123">
        <v>9</v>
      </c>
      <c r="AA39123">
        <v>10</v>
      </c>
      <c r="AB39123">
        <v>10</v>
      </c>
      <c r="AC39123">
        <v>10</v>
      </c>
      <c r="AD39123">
        <v>10</v>
      </c>
      <c r="AE39123">
        <v>10</v>
      </c>
      <c r="AF39123">
        <v>10</v>
      </c>
      <c r="AG39123">
        <v>10</v>
      </c>
      <c r="AH39123">
        <v>10</v>
      </c>
      <c r="AI39123">
        <v>10</v>
      </c>
      <c r="AJ39123">
        <v>10</v>
      </c>
      <c r="AK39123">
        <v>10</v>
      </c>
      <c r="AL39123">
        <v>10</v>
      </c>
      <c r="AM39123">
        <v>10</v>
      </c>
      <c r="AN39123">
        <v>10</v>
      </c>
      <c r="AO39123">
        <v>11</v>
      </c>
      <c r="AP39123">
        <v>11</v>
      </c>
      <c r="AQ39123">
        <v>11</v>
      </c>
    </row>
    <row r="39124" spans="1:43">
      <c r="A39124" t="s">
        <v>24269</v>
      </c>
      <c r="B39124" t="s">
        <v>24270</v>
      </c>
      <c r="C39124" t="s">
        <v>24219</v>
      </c>
      <c r="D39124" t="s">
        <v>24220</v>
      </c>
      <c r="E39124" t="s">
        <v>24147</v>
      </c>
      <c r="F39124" t="s">
        <v>24148</v>
      </c>
      <c r="G39124" t="s">
        <v>11612</v>
      </c>
      <c r="H39124" t="s">
        <v>11613</v>
      </c>
      <c r="I39124" s="2">
        <v>0</v>
      </c>
      <c r="J39124" s="2">
        <v>0</v>
      </c>
      <c r="K39124" s="2">
        <v>1</v>
      </c>
      <c r="L39124" t="s">
        <v>995</v>
      </c>
      <c r="M39124" t="s">
        <v>89</v>
      </c>
      <c r="N39124" t="s">
        <v>90</v>
      </c>
      <c r="O39124" t="s">
        <v>85</v>
      </c>
      <c r="P39124" t="s">
        <v>86</v>
      </c>
      <c r="Q39124">
        <v>9</v>
      </c>
      <c r="R39124">
        <v>9</v>
      </c>
      <c r="S39124">
        <v>9</v>
      </c>
      <c r="T39124">
        <v>10</v>
      </c>
      <c r="U39124">
        <v>10</v>
      </c>
      <c r="V39124">
        <v>10</v>
      </c>
      <c r="W39124">
        <v>10</v>
      </c>
      <c r="X39124">
        <v>11</v>
      </c>
      <c r="Y39124">
        <v>11</v>
      </c>
      <c r="Z39124">
        <v>11</v>
      </c>
      <c r="AA39124">
        <v>11</v>
      </c>
      <c r="AB39124">
        <v>11</v>
      </c>
      <c r="AC39124">
        <v>12</v>
      </c>
      <c r="AD39124">
        <v>12</v>
      </c>
      <c r="AE39124">
        <v>12</v>
      </c>
      <c r="AF39124">
        <v>12</v>
      </c>
      <c r="AG39124">
        <v>12</v>
      </c>
      <c r="AH39124">
        <v>12</v>
      </c>
      <c r="AI39124">
        <v>12</v>
      </c>
      <c r="AJ39124">
        <v>12</v>
      </c>
      <c r="AK39124">
        <v>12</v>
      </c>
      <c r="AL39124">
        <v>12</v>
      </c>
      <c r="AM39124">
        <v>12</v>
      </c>
      <c r="AN39124">
        <v>12</v>
      </c>
      <c r="AO39124">
        <v>12</v>
      </c>
      <c r="AP39124">
        <v>12</v>
      </c>
      <c r="AQ39124">
        <v>12</v>
      </c>
    </row>
    <row r="39125" spans="1:43">
      <c r="A39125" t="s">
        <v>24269</v>
      </c>
      <c r="B39125" t="s">
        <v>24270</v>
      </c>
      <c r="C39125" t="s">
        <v>24219</v>
      </c>
      <c r="D39125" t="s">
        <v>24220</v>
      </c>
      <c r="E39125" t="s">
        <v>24147</v>
      </c>
      <c r="F39125" t="s">
        <v>24148</v>
      </c>
      <c r="G39125" t="s">
        <v>11612</v>
      </c>
      <c r="H39125" t="s">
        <v>11613</v>
      </c>
      <c r="I39125" s="2">
        <v>0</v>
      </c>
      <c r="J39125" s="2">
        <v>0</v>
      </c>
      <c r="K39125" s="2">
        <v>1</v>
      </c>
      <c r="L39125" t="s">
        <v>995</v>
      </c>
      <c r="M39125" t="s">
        <v>83</v>
      </c>
      <c r="N39125" t="s">
        <v>91</v>
      </c>
      <c r="O39125" t="s">
        <v>85</v>
      </c>
      <c r="P39125" t="s">
        <v>86</v>
      </c>
      <c r="Q39125">
        <v>9</v>
      </c>
      <c r="R39125">
        <v>9</v>
      </c>
      <c r="S39125">
        <v>9</v>
      </c>
      <c r="T39125">
        <v>9</v>
      </c>
      <c r="U39125">
        <v>10</v>
      </c>
      <c r="V39125">
        <v>10</v>
      </c>
      <c r="W39125">
        <v>10</v>
      </c>
      <c r="X39125">
        <v>10</v>
      </c>
      <c r="Y39125">
        <v>10</v>
      </c>
      <c r="Z39125">
        <v>10</v>
      </c>
      <c r="AA39125">
        <v>10</v>
      </c>
      <c r="AB39125">
        <v>11</v>
      </c>
      <c r="AC39125">
        <v>11</v>
      </c>
      <c r="AD39125">
        <v>11</v>
      </c>
      <c r="AE39125">
        <v>11</v>
      </c>
      <c r="AF39125">
        <v>11</v>
      </c>
      <c r="AG39125">
        <v>11</v>
      </c>
      <c r="AH39125">
        <v>12</v>
      </c>
      <c r="AI39125">
        <v>12</v>
      </c>
      <c r="AJ39125">
        <v>12</v>
      </c>
      <c r="AK39125">
        <v>12</v>
      </c>
      <c r="AL39125">
        <v>12</v>
      </c>
      <c r="AM39125">
        <v>12</v>
      </c>
      <c r="AN39125">
        <v>12</v>
      </c>
      <c r="AO39125">
        <v>12</v>
      </c>
      <c r="AP39125">
        <v>12</v>
      </c>
      <c r="AQ39125">
        <v>12</v>
      </c>
    </row>
    <row r="39126" spans="1:43">
      <c r="A39126" t="s">
        <v>24271</v>
      </c>
      <c r="B39126" t="s">
        <v>24272</v>
      </c>
      <c r="C39126" t="s">
        <v>24243</v>
      </c>
      <c r="D39126" t="s">
        <v>24244</v>
      </c>
      <c r="E39126" t="s">
        <v>24147</v>
      </c>
      <c r="F39126" t="s">
        <v>24148</v>
      </c>
      <c r="G39126" t="s">
        <v>11612</v>
      </c>
      <c r="H39126" t="s">
        <v>11613</v>
      </c>
      <c r="I39126" s="2">
        <v>0</v>
      </c>
      <c r="J39126" s="2">
        <v>0</v>
      </c>
      <c r="K39126" s="2">
        <v>1</v>
      </c>
      <c r="L39126" t="s">
        <v>995</v>
      </c>
      <c r="M39126" t="s">
        <v>83</v>
      </c>
      <c r="N39126" t="s">
        <v>84</v>
      </c>
      <c r="O39126" t="s">
        <v>85</v>
      </c>
      <c r="P39126" t="s">
        <v>86</v>
      </c>
      <c r="Q39126">
        <v>17</v>
      </c>
      <c r="R39126">
        <v>18</v>
      </c>
      <c r="S39126">
        <v>18</v>
      </c>
      <c r="T39126">
        <v>18</v>
      </c>
      <c r="U39126">
        <v>18</v>
      </c>
      <c r="V39126">
        <v>19</v>
      </c>
      <c r="W39126">
        <v>19</v>
      </c>
      <c r="X39126">
        <v>19</v>
      </c>
      <c r="Y39126">
        <v>20</v>
      </c>
      <c r="Z39126">
        <v>20</v>
      </c>
      <c r="AA39126">
        <v>20</v>
      </c>
      <c r="AB39126">
        <v>20</v>
      </c>
      <c r="AC39126">
        <v>21</v>
      </c>
      <c r="AD39126">
        <v>21</v>
      </c>
      <c r="AE39126">
        <v>21</v>
      </c>
      <c r="AF39126">
        <v>22</v>
      </c>
      <c r="AG39126">
        <v>22</v>
      </c>
      <c r="AH39126">
        <v>22</v>
      </c>
      <c r="AI39126">
        <v>23</v>
      </c>
      <c r="AJ39126">
        <v>23</v>
      </c>
      <c r="AK39126">
        <v>23</v>
      </c>
      <c r="AL39126">
        <v>23</v>
      </c>
      <c r="AM39126">
        <v>23</v>
      </c>
      <c r="AN39126">
        <v>24</v>
      </c>
      <c r="AO39126">
        <v>24</v>
      </c>
      <c r="AP39126">
        <v>24</v>
      </c>
      <c r="AQ39126">
        <v>24</v>
      </c>
    </row>
    <row r="39127" spans="1:43">
      <c r="A39127" t="s">
        <v>24271</v>
      </c>
      <c r="B39127" t="s">
        <v>24272</v>
      </c>
      <c r="C39127" t="s">
        <v>24243</v>
      </c>
      <c r="D39127" t="s">
        <v>24244</v>
      </c>
      <c r="E39127" t="s">
        <v>24147</v>
      </c>
      <c r="F39127" t="s">
        <v>24148</v>
      </c>
      <c r="G39127" t="s">
        <v>11612</v>
      </c>
      <c r="H39127" t="s">
        <v>11613</v>
      </c>
      <c r="I39127" s="2">
        <v>0</v>
      </c>
      <c r="J39127" s="2">
        <v>0</v>
      </c>
      <c r="K39127" s="2">
        <v>1</v>
      </c>
      <c r="L39127" t="s">
        <v>995</v>
      </c>
      <c r="M39127" t="s">
        <v>87</v>
      </c>
      <c r="N39127" t="s">
        <v>88</v>
      </c>
      <c r="O39127" t="s">
        <v>85</v>
      </c>
      <c r="P39127" t="s">
        <v>86</v>
      </c>
      <c r="Q39127">
        <v>17</v>
      </c>
      <c r="R39127">
        <v>17</v>
      </c>
      <c r="S39127">
        <v>17</v>
      </c>
      <c r="T39127">
        <v>17</v>
      </c>
      <c r="U39127">
        <v>18</v>
      </c>
      <c r="V39127">
        <v>18</v>
      </c>
      <c r="W39127">
        <v>18</v>
      </c>
      <c r="X39127">
        <v>18</v>
      </c>
      <c r="Y39127">
        <v>18</v>
      </c>
      <c r="Z39127">
        <v>18</v>
      </c>
      <c r="AA39127">
        <v>18</v>
      </c>
      <c r="AB39127">
        <v>18</v>
      </c>
      <c r="AC39127">
        <v>19</v>
      </c>
      <c r="AD39127">
        <v>19</v>
      </c>
      <c r="AE39127">
        <v>19</v>
      </c>
      <c r="AF39127">
        <v>19</v>
      </c>
      <c r="AG39127">
        <v>19</v>
      </c>
      <c r="AH39127">
        <v>19</v>
      </c>
      <c r="AI39127">
        <v>19</v>
      </c>
      <c r="AJ39127">
        <v>20</v>
      </c>
      <c r="AK39127">
        <v>20</v>
      </c>
      <c r="AL39127">
        <v>20</v>
      </c>
      <c r="AM39127">
        <v>20</v>
      </c>
      <c r="AN39127">
        <v>20</v>
      </c>
      <c r="AO39127">
        <v>20</v>
      </c>
      <c r="AP39127">
        <v>21</v>
      </c>
      <c r="AQ39127">
        <v>21</v>
      </c>
    </row>
    <row r="39128" spans="1:43">
      <c r="A39128" t="s">
        <v>24271</v>
      </c>
      <c r="B39128" t="s">
        <v>24272</v>
      </c>
      <c r="C39128" t="s">
        <v>24243</v>
      </c>
      <c r="D39128" t="s">
        <v>24244</v>
      </c>
      <c r="E39128" t="s">
        <v>24147</v>
      </c>
      <c r="F39128" t="s">
        <v>24148</v>
      </c>
      <c r="G39128" t="s">
        <v>11612</v>
      </c>
      <c r="H39128" t="s">
        <v>11613</v>
      </c>
      <c r="I39128" s="2">
        <v>0</v>
      </c>
      <c r="J39128" s="2">
        <v>0</v>
      </c>
      <c r="K39128" s="2">
        <v>1</v>
      </c>
      <c r="L39128" t="s">
        <v>995</v>
      </c>
      <c r="M39128" t="s">
        <v>89</v>
      </c>
      <c r="N39128" t="s">
        <v>90</v>
      </c>
      <c r="O39128" t="s">
        <v>85</v>
      </c>
      <c r="P39128" t="s">
        <v>86</v>
      </c>
      <c r="Q39128">
        <v>17</v>
      </c>
      <c r="R39128">
        <v>18</v>
      </c>
      <c r="S39128">
        <v>18</v>
      </c>
      <c r="T39128">
        <v>19</v>
      </c>
      <c r="U39128">
        <v>19</v>
      </c>
      <c r="V39128">
        <v>20</v>
      </c>
      <c r="W39128">
        <v>20</v>
      </c>
      <c r="X39128">
        <v>20</v>
      </c>
      <c r="Y39128">
        <v>21</v>
      </c>
      <c r="Z39128">
        <v>21</v>
      </c>
      <c r="AA39128">
        <v>21</v>
      </c>
      <c r="AB39128">
        <v>22</v>
      </c>
      <c r="AC39128">
        <v>22</v>
      </c>
      <c r="AD39128">
        <v>23</v>
      </c>
      <c r="AE39128">
        <v>23</v>
      </c>
      <c r="AF39128">
        <v>23</v>
      </c>
      <c r="AG39128">
        <v>23</v>
      </c>
      <c r="AH39128">
        <v>23</v>
      </c>
      <c r="AI39128">
        <v>23</v>
      </c>
      <c r="AJ39128">
        <v>23</v>
      </c>
      <c r="AK39128">
        <v>23</v>
      </c>
      <c r="AL39128">
        <v>24</v>
      </c>
      <c r="AM39128">
        <v>24</v>
      </c>
      <c r="AN39128">
        <v>24</v>
      </c>
      <c r="AO39128">
        <v>24</v>
      </c>
      <c r="AP39128">
        <v>24</v>
      </c>
      <c r="AQ39128">
        <v>24</v>
      </c>
    </row>
    <row r="39129" spans="1:43">
      <c r="A39129" t="s">
        <v>24271</v>
      </c>
      <c r="B39129" t="s">
        <v>24272</v>
      </c>
      <c r="C39129" t="s">
        <v>24243</v>
      </c>
      <c r="D39129" t="s">
        <v>24244</v>
      </c>
      <c r="E39129" t="s">
        <v>24147</v>
      </c>
      <c r="F39129" t="s">
        <v>24148</v>
      </c>
      <c r="G39129" t="s">
        <v>11612</v>
      </c>
      <c r="H39129" t="s">
        <v>11613</v>
      </c>
      <c r="I39129" s="2">
        <v>0</v>
      </c>
      <c r="J39129" s="2">
        <v>0</v>
      </c>
      <c r="K39129" s="2">
        <v>1</v>
      </c>
      <c r="L39129" t="s">
        <v>995</v>
      </c>
      <c r="M39129" t="s">
        <v>83</v>
      </c>
      <c r="N39129" t="s">
        <v>91</v>
      </c>
      <c r="O39129" t="s">
        <v>85</v>
      </c>
      <c r="P39129" t="s">
        <v>86</v>
      </c>
      <c r="Q39129">
        <v>17</v>
      </c>
      <c r="R39129">
        <v>18</v>
      </c>
      <c r="S39129">
        <v>18</v>
      </c>
      <c r="T39129">
        <v>18</v>
      </c>
      <c r="U39129">
        <v>18</v>
      </c>
      <c r="V39129">
        <v>19</v>
      </c>
      <c r="W39129">
        <v>19</v>
      </c>
      <c r="X39129">
        <v>19</v>
      </c>
      <c r="Y39129">
        <v>20</v>
      </c>
      <c r="Z39129">
        <v>20</v>
      </c>
      <c r="AA39129">
        <v>20</v>
      </c>
      <c r="AB39129">
        <v>20</v>
      </c>
      <c r="AC39129">
        <v>21</v>
      </c>
      <c r="AD39129">
        <v>21</v>
      </c>
      <c r="AE39129">
        <v>21</v>
      </c>
      <c r="AF39129">
        <v>22</v>
      </c>
      <c r="AG39129">
        <v>22</v>
      </c>
      <c r="AH39129">
        <v>22</v>
      </c>
      <c r="AI39129">
        <v>23</v>
      </c>
      <c r="AJ39129">
        <v>23</v>
      </c>
      <c r="AK39129">
        <v>23</v>
      </c>
      <c r="AL39129">
        <v>23</v>
      </c>
      <c r="AM39129">
        <v>23</v>
      </c>
      <c r="AN39129">
        <v>24</v>
      </c>
      <c r="AO39129">
        <v>24</v>
      </c>
      <c r="AP39129">
        <v>24</v>
      </c>
      <c r="AQ39129">
        <v>24</v>
      </c>
    </row>
    <row r="39130" spans="1:43">
      <c r="A39130" t="s">
        <v>24273</v>
      </c>
      <c r="B39130" t="s">
        <v>24274</v>
      </c>
      <c r="C39130" t="s">
        <v>24219</v>
      </c>
      <c r="D39130" t="s">
        <v>24220</v>
      </c>
      <c r="E39130" t="s">
        <v>24147</v>
      </c>
      <c r="F39130" t="s">
        <v>24148</v>
      </c>
      <c r="G39130" t="s">
        <v>11612</v>
      </c>
      <c r="H39130" t="s">
        <v>11613</v>
      </c>
      <c r="I39130" s="2">
        <v>0</v>
      </c>
      <c r="J39130" s="2">
        <v>0</v>
      </c>
      <c r="K39130" s="2">
        <v>1</v>
      </c>
      <c r="L39130" t="s">
        <v>995</v>
      </c>
      <c r="M39130" t="s">
        <v>83</v>
      </c>
      <c r="N39130" t="s">
        <v>84</v>
      </c>
      <c r="O39130" t="s">
        <v>85</v>
      </c>
      <c r="P39130" t="s">
        <v>86</v>
      </c>
      <c r="Q39130">
        <v>12</v>
      </c>
      <c r="R39130">
        <v>13</v>
      </c>
      <c r="S39130">
        <v>13</v>
      </c>
      <c r="T39130">
        <v>13</v>
      </c>
      <c r="U39130">
        <v>13</v>
      </c>
      <c r="V39130">
        <v>13</v>
      </c>
      <c r="W39130">
        <v>14</v>
      </c>
      <c r="X39130">
        <v>14</v>
      </c>
      <c r="Y39130">
        <v>14</v>
      </c>
      <c r="Z39130">
        <v>14</v>
      </c>
      <c r="AA39130">
        <v>14</v>
      </c>
      <c r="AB39130">
        <v>15</v>
      </c>
      <c r="AC39130">
        <v>15</v>
      </c>
      <c r="AD39130">
        <v>15</v>
      </c>
      <c r="AE39130">
        <v>15</v>
      </c>
      <c r="AF39130">
        <v>15</v>
      </c>
      <c r="AG39130">
        <v>16</v>
      </c>
      <c r="AH39130">
        <v>16</v>
      </c>
      <c r="AI39130">
        <v>16</v>
      </c>
      <c r="AJ39130">
        <v>16</v>
      </c>
      <c r="AK39130">
        <v>17</v>
      </c>
      <c r="AL39130">
        <v>17</v>
      </c>
      <c r="AM39130">
        <v>17</v>
      </c>
      <c r="AN39130">
        <v>17</v>
      </c>
      <c r="AO39130">
        <v>17</v>
      </c>
      <c r="AP39130">
        <v>17</v>
      </c>
      <c r="AQ39130">
        <v>17</v>
      </c>
    </row>
    <row r="39131" spans="1:43">
      <c r="A39131" t="s">
        <v>24273</v>
      </c>
      <c r="B39131" t="s">
        <v>24274</v>
      </c>
      <c r="C39131" t="s">
        <v>24219</v>
      </c>
      <c r="D39131" t="s">
        <v>24220</v>
      </c>
      <c r="E39131" t="s">
        <v>24147</v>
      </c>
      <c r="F39131" t="s">
        <v>24148</v>
      </c>
      <c r="G39131" t="s">
        <v>11612</v>
      </c>
      <c r="H39131" t="s">
        <v>11613</v>
      </c>
      <c r="I39131" s="2">
        <v>0</v>
      </c>
      <c r="J39131" s="2">
        <v>0</v>
      </c>
      <c r="K39131" s="2">
        <v>1</v>
      </c>
      <c r="L39131" t="s">
        <v>995</v>
      </c>
      <c r="M39131" t="s">
        <v>87</v>
      </c>
      <c r="N39131" t="s">
        <v>88</v>
      </c>
      <c r="O39131" t="s">
        <v>85</v>
      </c>
      <c r="P39131" t="s">
        <v>86</v>
      </c>
      <c r="Q39131">
        <v>12</v>
      </c>
      <c r="R39131">
        <v>12</v>
      </c>
      <c r="S39131">
        <v>12</v>
      </c>
      <c r="T39131">
        <v>12</v>
      </c>
      <c r="U39131">
        <v>13</v>
      </c>
      <c r="V39131">
        <v>13</v>
      </c>
      <c r="W39131">
        <v>13</v>
      </c>
      <c r="X39131">
        <v>13</v>
      </c>
      <c r="Y39131">
        <v>13</v>
      </c>
      <c r="Z39131">
        <v>13</v>
      </c>
      <c r="AA39131">
        <v>13</v>
      </c>
      <c r="AB39131">
        <v>13</v>
      </c>
      <c r="AC39131">
        <v>13</v>
      </c>
      <c r="AD39131">
        <v>13</v>
      </c>
      <c r="AE39131">
        <v>13</v>
      </c>
      <c r="AF39131">
        <v>14</v>
      </c>
      <c r="AG39131">
        <v>14</v>
      </c>
      <c r="AH39131">
        <v>14</v>
      </c>
      <c r="AI39131">
        <v>14</v>
      </c>
      <c r="AJ39131">
        <v>14</v>
      </c>
      <c r="AK39131">
        <v>14</v>
      </c>
      <c r="AL39131">
        <v>14</v>
      </c>
      <c r="AM39131">
        <v>14</v>
      </c>
      <c r="AN39131">
        <v>14</v>
      </c>
      <c r="AO39131">
        <v>15</v>
      </c>
      <c r="AP39131">
        <v>15</v>
      </c>
      <c r="AQ39131">
        <v>15</v>
      </c>
    </row>
    <row r="39132" spans="1:43">
      <c r="A39132" t="s">
        <v>24273</v>
      </c>
      <c r="B39132" t="s">
        <v>24274</v>
      </c>
      <c r="C39132" t="s">
        <v>24219</v>
      </c>
      <c r="D39132" t="s">
        <v>24220</v>
      </c>
      <c r="E39132" t="s">
        <v>24147</v>
      </c>
      <c r="F39132" t="s">
        <v>24148</v>
      </c>
      <c r="G39132" t="s">
        <v>11612</v>
      </c>
      <c r="H39132" t="s">
        <v>11613</v>
      </c>
      <c r="I39132" s="2">
        <v>0</v>
      </c>
      <c r="J39132" s="2">
        <v>0</v>
      </c>
      <c r="K39132" s="2">
        <v>1</v>
      </c>
      <c r="L39132" t="s">
        <v>995</v>
      </c>
      <c r="M39132" t="s">
        <v>89</v>
      </c>
      <c r="N39132" t="s">
        <v>90</v>
      </c>
      <c r="O39132" t="s">
        <v>85</v>
      </c>
      <c r="P39132" t="s">
        <v>86</v>
      </c>
      <c r="Q39132">
        <v>12</v>
      </c>
      <c r="R39132">
        <v>13</v>
      </c>
      <c r="S39132">
        <v>13</v>
      </c>
      <c r="T39132">
        <v>13</v>
      </c>
      <c r="U39132">
        <v>14</v>
      </c>
      <c r="V39132">
        <v>14</v>
      </c>
      <c r="W39132">
        <v>14</v>
      </c>
      <c r="X39132">
        <v>15</v>
      </c>
      <c r="Y39132">
        <v>15</v>
      </c>
      <c r="Z39132">
        <v>15</v>
      </c>
      <c r="AA39132">
        <v>15</v>
      </c>
      <c r="AB39132">
        <v>16</v>
      </c>
      <c r="AC39132">
        <v>16</v>
      </c>
      <c r="AD39132">
        <v>16</v>
      </c>
      <c r="AE39132">
        <v>16</v>
      </c>
      <c r="AF39132">
        <v>16</v>
      </c>
      <c r="AG39132">
        <v>16</v>
      </c>
      <c r="AH39132">
        <v>17</v>
      </c>
      <c r="AI39132">
        <v>17</v>
      </c>
      <c r="AJ39132">
        <v>17</v>
      </c>
      <c r="AK39132">
        <v>17</v>
      </c>
      <c r="AL39132">
        <v>17</v>
      </c>
      <c r="AM39132">
        <v>17</v>
      </c>
      <c r="AN39132">
        <v>17</v>
      </c>
      <c r="AO39132">
        <v>17</v>
      </c>
      <c r="AP39132">
        <v>17</v>
      </c>
      <c r="AQ39132">
        <v>17</v>
      </c>
    </row>
    <row r="39133" spans="1:43">
      <c r="A39133" t="s">
        <v>24273</v>
      </c>
      <c r="B39133" t="s">
        <v>24274</v>
      </c>
      <c r="C39133" t="s">
        <v>24219</v>
      </c>
      <c r="D39133" t="s">
        <v>24220</v>
      </c>
      <c r="E39133" t="s">
        <v>24147</v>
      </c>
      <c r="F39133" t="s">
        <v>24148</v>
      </c>
      <c r="G39133" t="s">
        <v>11612</v>
      </c>
      <c r="H39133" t="s">
        <v>11613</v>
      </c>
      <c r="I39133" s="2">
        <v>0</v>
      </c>
      <c r="J39133" s="2">
        <v>0</v>
      </c>
      <c r="K39133" s="2">
        <v>1</v>
      </c>
      <c r="L39133" t="s">
        <v>995</v>
      </c>
      <c r="M39133" t="s">
        <v>83</v>
      </c>
      <c r="N39133" t="s">
        <v>91</v>
      </c>
      <c r="O39133" t="s">
        <v>85</v>
      </c>
      <c r="P39133" t="s">
        <v>86</v>
      </c>
      <c r="Q39133">
        <v>12</v>
      </c>
      <c r="R39133">
        <v>13</v>
      </c>
      <c r="S39133">
        <v>13</v>
      </c>
      <c r="T39133">
        <v>13</v>
      </c>
      <c r="U39133">
        <v>13</v>
      </c>
      <c r="V39133">
        <v>13</v>
      </c>
      <c r="W39133">
        <v>14</v>
      </c>
      <c r="X39133">
        <v>14</v>
      </c>
      <c r="Y39133">
        <v>14</v>
      </c>
      <c r="Z39133">
        <v>14</v>
      </c>
      <c r="AA39133">
        <v>14</v>
      </c>
      <c r="AB39133">
        <v>15</v>
      </c>
      <c r="AC39133">
        <v>15</v>
      </c>
      <c r="AD39133">
        <v>15</v>
      </c>
      <c r="AE39133">
        <v>15</v>
      </c>
      <c r="AF39133">
        <v>15</v>
      </c>
      <c r="AG39133">
        <v>16</v>
      </c>
      <c r="AH39133">
        <v>16</v>
      </c>
      <c r="AI39133">
        <v>16</v>
      </c>
      <c r="AJ39133">
        <v>16</v>
      </c>
      <c r="AK39133">
        <v>17</v>
      </c>
      <c r="AL39133">
        <v>17</v>
      </c>
      <c r="AM39133">
        <v>17</v>
      </c>
      <c r="AN39133">
        <v>17</v>
      </c>
      <c r="AO39133">
        <v>17</v>
      </c>
      <c r="AP39133">
        <v>17</v>
      </c>
      <c r="AQ39133">
        <v>17</v>
      </c>
    </row>
    <row r="39134" spans="1:43">
      <c r="A39134" t="s">
        <v>24275</v>
      </c>
      <c r="B39134" t="s">
        <v>24276</v>
      </c>
      <c r="C39134" t="s">
        <v>24243</v>
      </c>
      <c r="D39134" t="s">
        <v>24244</v>
      </c>
      <c r="E39134" t="s">
        <v>24147</v>
      </c>
      <c r="F39134" t="s">
        <v>24148</v>
      </c>
      <c r="G39134" t="s">
        <v>11612</v>
      </c>
      <c r="H39134" t="s">
        <v>11613</v>
      </c>
      <c r="I39134" s="2">
        <v>0</v>
      </c>
      <c r="J39134" s="2">
        <v>0</v>
      </c>
      <c r="K39134" s="2">
        <v>1</v>
      </c>
      <c r="L39134" t="s">
        <v>995</v>
      </c>
      <c r="M39134" t="s">
        <v>83</v>
      </c>
      <c r="N39134" t="s">
        <v>84</v>
      </c>
      <c r="O39134" t="s">
        <v>85</v>
      </c>
      <c r="P39134" t="s">
        <v>86</v>
      </c>
      <c r="Q39134">
        <v>35</v>
      </c>
      <c r="R39134">
        <v>36</v>
      </c>
      <c r="S39134">
        <v>37</v>
      </c>
      <c r="T39134">
        <v>37</v>
      </c>
      <c r="U39134">
        <v>38</v>
      </c>
      <c r="V39134">
        <v>38</v>
      </c>
      <c r="W39134">
        <v>39</v>
      </c>
      <c r="X39134">
        <v>40</v>
      </c>
      <c r="Y39134">
        <v>40</v>
      </c>
      <c r="Z39134">
        <v>41</v>
      </c>
      <c r="AA39134">
        <v>41</v>
      </c>
      <c r="AB39134">
        <v>42</v>
      </c>
      <c r="AC39134">
        <v>43</v>
      </c>
      <c r="AD39134">
        <v>43</v>
      </c>
      <c r="AE39134">
        <v>44</v>
      </c>
      <c r="AF39134">
        <v>45</v>
      </c>
      <c r="AG39134">
        <v>45</v>
      </c>
      <c r="AH39134">
        <v>46</v>
      </c>
      <c r="AI39134">
        <v>46</v>
      </c>
      <c r="AJ39134">
        <v>47</v>
      </c>
      <c r="AK39134">
        <v>48</v>
      </c>
      <c r="AL39134">
        <v>48</v>
      </c>
      <c r="AM39134">
        <v>48</v>
      </c>
      <c r="AN39134">
        <v>49</v>
      </c>
      <c r="AO39134">
        <v>49</v>
      </c>
      <c r="AP39134">
        <v>49</v>
      </c>
      <c r="AQ39134">
        <v>49</v>
      </c>
    </row>
    <row r="39135" spans="1:43">
      <c r="A39135" t="s">
        <v>24275</v>
      </c>
      <c r="B39135" t="s">
        <v>24276</v>
      </c>
      <c r="C39135" t="s">
        <v>24243</v>
      </c>
      <c r="D39135" t="s">
        <v>24244</v>
      </c>
      <c r="E39135" t="s">
        <v>24147</v>
      </c>
      <c r="F39135" t="s">
        <v>24148</v>
      </c>
      <c r="G39135" t="s">
        <v>11612</v>
      </c>
      <c r="H39135" t="s">
        <v>11613</v>
      </c>
      <c r="I39135" s="2">
        <v>0</v>
      </c>
      <c r="J39135" s="2">
        <v>0</v>
      </c>
      <c r="K39135" s="2">
        <v>1</v>
      </c>
      <c r="L39135" t="s">
        <v>995</v>
      </c>
      <c r="M39135" t="s">
        <v>87</v>
      </c>
      <c r="N39135" t="s">
        <v>88</v>
      </c>
      <c r="O39135" t="s">
        <v>85</v>
      </c>
      <c r="P39135" t="s">
        <v>86</v>
      </c>
      <c r="Q39135">
        <v>35</v>
      </c>
      <c r="R39135">
        <v>35</v>
      </c>
      <c r="S39135">
        <v>36</v>
      </c>
      <c r="T39135">
        <v>36</v>
      </c>
      <c r="U39135">
        <v>36</v>
      </c>
      <c r="V39135">
        <v>36</v>
      </c>
      <c r="W39135">
        <v>37</v>
      </c>
      <c r="X39135">
        <v>37</v>
      </c>
      <c r="Y39135">
        <v>37</v>
      </c>
      <c r="Z39135">
        <v>37</v>
      </c>
      <c r="AA39135">
        <v>38</v>
      </c>
      <c r="AB39135">
        <v>38</v>
      </c>
      <c r="AC39135">
        <v>38</v>
      </c>
      <c r="AD39135">
        <v>39</v>
      </c>
      <c r="AE39135">
        <v>39</v>
      </c>
      <c r="AF39135">
        <v>39</v>
      </c>
      <c r="AG39135">
        <v>39</v>
      </c>
      <c r="AH39135">
        <v>40</v>
      </c>
      <c r="AI39135">
        <v>40</v>
      </c>
      <c r="AJ39135">
        <v>40</v>
      </c>
      <c r="AK39135">
        <v>41</v>
      </c>
      <c r="AL39135">
        <v>41</v>
      </c>
      <c r="AM39135">
        <v>41</v>
      </c>
      <c r="AN39135">
        <v>42</v>
      </c>
      <c r="AO39135">
        <v>42</v>
      </c>
      <c r="AP39135">
        <v>42</v>
      </c>
      <c r="AQ39135">
        <v>43</v>
      </c>
    </row>
    <row r="39136" spans="1:43">
      <c r="A39136" t="s">
        <v>24275</v>
      </c>
      <c r="B39136" t="s">
        <v>24276</v>
      </c>
      <c r="C39136" t="s">
        <v>24243</v>
      </c>
      <c r="D39136" t="s">
        <v>24244</v>
      </c>
      <c r="E39136" t="s">
        <v>24147</v>
      </c>
      <c r="F39136" t="s">
        <v>24148</v>
      </c>
      <c r="G39136" t="s">
        <v>11612</v>
      </c>
      <c r="H39136" t="s">
        <v>11613</v>
      </c>
      <c r="I39136" s="2">
        <v>0</v>
      </c>
      <c r="J39136" s="2">
        <v>0</v>
      </c>
      <c r="K39136" s="2">
        <v>1</v>
      </c>
      <c r="L39136" t="s">
        <v>995</v>
      </c>
      <c r="M39136" t="s">
        <v>89</v>
      </c>
      <c r="N39136" t="s">
        <v>90</v>
      </c>
      <c r="O39136" t="s">
        <v>85</v>
      </c>
      <c r="P39136" t="s">
        <v>86</v>
      </c>
      <c r="Q39136">
        <v>35</v>
      </c>
      <c r="R39136">
        <v>36</v>
      </c>
      <c r="S39136">
        <v>37</v>
      </c>
      <c r="T39136">
        <v>37</v>
      </c>
      <c r="U39136">
        <v>38</v>
      </c>
      <c r="V39136">
        <v>39</v>
      </c>
      <c r="W39136">
        <v>40</v>
      </c>
      <c r="X39136">
        <v>41</v>
      </c>
      <c r="Y39136">
        <v>42</v>
      </c>
      <c r="Z39136">
        <v>42</v>
      </c>
      <c r="AA39136">
        <v>43</v>
      </c>
      <c r="AB39136">
        <v>44</v>
      </c>
      <c r="AC39136">
        <v>45</v>
      </c>
      <c r="AD39136">
        <v>46</v>
      </c>
      <c r="AE39136">
        <v>46</v>
      </c>
      <c r="AF39136">
        <v>46</v>
      </c>
      <c r="AG39136">
        <v>47</v>
      </c>
      <c r="AH39136">
        <v>47</v>
      </c>
      <c r="AI39136">
        <v>47</v>
      </c>
      <c r="AJ39136">
        <v>47</v>
      </c>
      <c r="AK39136">
        <v>47</v>
      </c>
      <c r="AL39136">
        <v>48</v>
      </c>
      <c r="AM39136">
        <v>48</v>
      </c>
      <c r="AN39136">
        <v>48</v>
      </c>
      <c r="AO39136">
        <v>48</v>
      </c>
      <c r="AP39136">
        <v>48</v>
      </c>
      <c r="AQ39136">
        <v>49</v>
      </c>
    </row>
    <row r="39137" spans="1:43">
      <c r="A39137" t="s">
        <v>24275</v>
      </c>
      <c r="B39137" t="s">
        <v>24276</v>
      </c>
      <c r="C39137" t="s">
        <v>24243</v>
      </c>
      <c r="D39137" t="s">
        <v>24244</v>
      </c>
      <c r="E39137" t="s">
        <v>24147</v>
      </c>
      <c r="F39137" t="s">
        <v>24148</v>
      </c>
      <c r="G39137" t="s">
        <v>11612</v>
      </c>
      <c r="H39137" t="s">
        <v>11613</v>
      </c>
      <c r="I39137" s="2">
        <v>0</v>
      </c>
      <c r="J39137" s="2">
        <v>0</v>
      </c>
      <c r="K39137" s="2">
        <v>1</v>
      </c>
      <c r="L39137" t="s">
        <v>995</v>
      </c>
      <c r="M39137" t="s">
        <v>83</v>
      </c>
      <c r="N39137" t="s">
        <v>91</v>
      </c>
      <c r="O39137" t="s">
        <v>85</v>
      </c>
      <c r="P39137" t="s">
        <v>86</v>
      </c>
      <c r="Q39137">
        <v>35</v>
      </c>
      <c r="R39137">
        <v>36</v>
      </c>
      <c r="S39137">
        <v>37</v>
      </c>
      <c r="T39137">
        <v>37</v>
      </c>
      <c r="U39137">
        <v>38</v>
      </c>
      <c r="V39137">
        <v>38</v>
      </c>
      <c r="W39137">
        <v>39</v>
      </c>
      <c r="X39137">
        <v>40</v>
      </c>
      <c r="Y39137">
        <v>40</v>
      </c>
      <c r="Z39137">
        <v>41</v>
      </c>
      <c r="AA39137">
        <v>41</v>
      </c>
      <c r="AB39137">
        <v>42</v>
      </c>
      <c r="AC39137">
        <v>43</v>
      </c>
      <c r="AD39137">
        <v>43</v>
      </c>
      <c r="AE39137">
        <v>44</v>
      </c>
      <c r="AF39137">
        <v>45</v>
      </c>
      <c r="AG39137">
        <v>45</v>
      </c>
      <c r="AH39137">
        <v>46</v>
      </c>
      <c r="AI39137">
        <v>46</v>
      </c>
      <c r="AJ39137">
        <v>47</v>
      </c>
      <c r="AK39137">
        <v>48</v>
      </c>
      <c r="AL39137">
        <v>48</v>
      </c>
      <c r="AM39137">
        <v>48</v>
      </c>
      <c r="AN39137">
        <v>49</v>
      </c>
      <c r="AO39137">
        <v>49</v>
      </c>
      <c r="AP39137">
        <v>49</v>
      </c>
      <c r="AQ39137">
        <v>49</v>
      </c>
    </row>
    <row r="39138" spans="1:43">
      <c r="A39138" t="s">
        <v>24277</v>
      </c>
      <c r="B39138" t="s">
        <v>24278</v>
      </c>
      <c r="C39138" t="s">
        <v>24279</v>
      </c>
      <c r="D39138" t="s">
        <v>24280</v>
      </c>
      <c r="E39138" t="s">
        <v>24147</v>
      </c>
      <c r="F39138" t="s">
        <v>24148</v>
      </c>
      <c r="G39138" t="s">
        <v>11612</v>
      </c>
      <c r="H39138" t="s">
        <v>11613</v>
      </c>
      <c r="I39138" s="2">
        <v>0</v>
      </c>
      <c r="J39138" s="2">
        <v>0</v>
      </c>
      <c r="K39138" s="2">
        <v>1</v>
      </c>
      <c r="L39138" t="s">
        <v>995</v>
      </c>
      <c r="M39138" t="s">
        <v>83</v>
      </c>
      <c r="N39138" t="s">
        <v>84</v>
      </c>
      <c r="O39138" t="s">
        <v>85</v>
      </c>
      <c r="P39138" t="s">
        <v>86</v>
      </c>
      <c r="Q39138">
        <v>20</v>
      </c>
      <c r="R39138">
        <v>20</v>
      </c>
      <c r="S39138">
        <v>21</v>
      </c>
      <c r="T39138">
        <v>21</v>
      </c>
      <c r="U39138">
        <v>21</v>
      </c>
      <c r="V39138">
        <v>22</v>
      </c>
      <c r="W39138">
        <v>22</v>
      </c>
      <c r="X39138">
        <v>22</v>
      </c>
      <c r="Y39138">
        <v>23</v>
      </c>
      <c r="Z39138">
        <v>23</v>
      </c>
      <c r="AA39138">
        <v>23</v>
      </c>
      <c r="AB39138">
        <v>24</v>
      </c>
      <c r="AC39138">
        <v>24</v>
      </c>
      <c r="AD39138">
        <v>25</v>
      </c>
      <c r="AE39138">
        <v>25</v>
      </c>
      <c r="AF39138">
        <v>25</v>
      </c>
      <c r="AG39138">
        <v>26</v>
      </c>
      <c r="AH39138">
        <v>26</v>
      </c>
      <c r="AI39138">
        <v>26</v>
      </c>
      <c r="AJ39138">
        <v>27</v>
      </c>
      <c r="AK39138">
        <v>27</v>
      </c>
      <c r="AL39138">
        <v>27</v>
      </c>
      <c r="AM39138">
        <v>28</v>
      </c>
      <c r="AN39138">
        <v>28</v>
      </c>
      <c r="AO39138">
        <v>28</v>
      </c>
      <c r="AP39138">
        <v>28</v>
      </c>
      <c r="AQ39138">
        <v>28</v>
      </c>
    </row>
    <row r="39139" spans="1:43">
      <c r="A39139" t="s">
        <v>24277</v>
      </c>
      <c r="B39139" t="s">
        <v>24278</v>
      </c>
      <c r="C39139" t="s">
        <v>24279</v>
      </c>
      <c r="D39139" t="s">
        <v>24280</v>
      </c>
      <c r="E39139" t="s">
        <v>24147</v>
      </c>
      <c r="F39139" t="s">
        <v>24148</v>
      </c>
      <c r="G39139" t="s">
        <v>11612</v>
      </c>
      <c r="H39139" t="s">
        <v>11613</v>
      </c>
      <c r="I39139" s="2">
        <v>0</v>
      </c>
      <c r="J39139" s="2">
        <v>0</v>
      </c>
      <c r="K39139" s="2">
        <v>1</v>
      </c>
      <c r="L39139" t="s">
        <v>995</v>
      </c>
      <c r="M39139" t="s">
        <v>87</v>
      </c>
      <c r="N39139" t="s">
        <v>88</v>
      </c>
      <c r="O39139" t="s">
        <v>85</v>
      </c>
      <c r="P39139" t="s">
        <v>86</v>
      </c>
      <c r="Q39139">
        <v>20</v>
      </c>
      <c r="R39139">
        <v>20</v>
      </c>
      <c r="S39139">
        <v>20</v>
      </c>
      <c r="T39139">
        <v>20</v>
      </c>
      <c r="U39139">
        <v>20</v>
      </c>
      <c r="V39139">
        <v>20</v>
      </c>
      <c r="W39139">
        <v>21</v>
      </c>
      <c r="X39139">
        <v>21</v>
      </c>
      <c r="Y39139">
        <v>21</v>
      </c>
      <c r="Z39139">
        <v>21</v>
      </c>
      <c r="AA39139">
        <v>21</v>
      </c>
      <c r="AB39139">
        <v>22</v>
      </c>
      <c r="AC39139">
        <v>22</v>
      </c>
      <c r="AD39139">
        <v>22</v>
      </c>
      <c r="AE39139">
        <v>22</v>
      </c>
      <c r="AF39139">
        <v>22</v>
      </c>
      <c r="AG39139">
        <v>22</v>
      </c>
      <c r="AH39139">
        <v>23</v>
      </c>
      <c r="AI39139">
        <v>23</v>
      </c>
      <c r="AJ39139">
        <v>23</v>
      </c>
      <c r="AK39139">
        <v>23</v>
      </c>
      <c r="AL39139">
        <v>23</v>
      </c>
      <c r="AM39139">
        <v>24</v>
      </c>
      <c r="AN39139">
        <v>24</v>
      </c>
      <c r="AO39139">
        <v>24</v>
      </c>
      <c r="AP39139">
        <v>24</v>
      </c>
      <c r="AQ39139">
        <v>24</v>
      </c>
    </row>
    <row r="39140" spans="1:43">
      <c r="A39140" t="s">
        <v>24277</v>
      </c>
      <c r="B39140" t="s">
        <v>24278</v>
      </c>
      <c r="C39140" t="s">
        <v>24279</v>
      </c>
      <c r="D39140" t="s">
        <v>24280</v>
      </c>
      <c r="E39140" t="s">
        <v>24147</v>
      </c>
      <c r="F39140" t="s">
        <v>24148</v>
      </c>
      <c r="G39140" t="s">
        <v>11612</v>
      </c>
      <c r="H39140" t="s">
        <v>11613</v>
      </c>
      <c r="I39140" s="2">
        <v>0</v>
      </c>
      <c r="J39140" s="2">
        <v>0</v>
      </c>
      <c r="K39140" s="2">
        <v>1</v>
      </c>
      <c r="L39140" t="s">
        <v>995</v>
      </c>
      <c r="M39140" t="s">
        <v>89</v>
      </c>
      <c r="N39140" t="s">
        <v>90</v>
      </c>
      <c r="O39140" t="s">
        <v>85</v>
      </c>
      <c r="P39140" t="s">
        <v>86</v>
      </c>
      <c r="Q39140">
        <v>20</v>
      </c>
      <c r="R39140">
        <v>21</v>
      </c>
      <c r="S39140">
        <v>21</v>
      </c>
      <c r="T39140">
        <v>22</v>
      </c>
      <c r="U39140">
        <v>22</v>
      </c>
      <c r="V39140">
        <v>23</v>
      </c>
      <c r="W39140">
        <v>23</v>
      </c>
      <c r="X39140">
        <v>24</v>
      </c>
      <c r="Y39140">
        <v>24</v>
      </c>
      <c r="Z39140">
        <v>25</v>
      </c>
      <c r="AA39140">
        <v>25</v>
      </c>
      <c r="AB39140">
        <v>25</v>
      </c>
      <c r="AC39140">
        <v>26</v>
      </c>
      <c r="AD39140">
        <v>26</v>
      </c>
      <c r="AE39140">
        <v>27</v>
      </c>
      <c r="AF39140">
        <v>27</v>
      </c>
      <c r="AG39140">
        <v>27</v>
      </c>
      <c r="AH39140">
        <v>27</v>
      </c>
      <c r="AI39140">
        <v>27</v>
      </c>
      <c r="AJ39140">
        <v>27</v>
      </c>
      <c r="AK39140">
        <v>28</v>
      </c>
      <c r="AL39140">
        <v>28</v>
      </c>
      <c r="AM39140">
        <v>28</v>
      </c>
      <c r="AN39140">
        <v>28</v>
      </c>
      <c r="AO39140">
        <v>28</v>
      </c>
      <c r="AP39140">
        <v>28</v>
      </c>
      <c r="AQ39140">
        <v>29</v>
      </c>
    </row>
    <row r="39141" spans="1:43">
      <c r="A39141" t="s">
        <v>24277</v>
      </c>
      <c r="B39141" t="s">
        <v>24278</v>
      </c>
      <c r="C39141" t="s">
        <v>24279</v>
      </c>
      <c r="D39141" t="s">
        <v>24280</v>
      </c>
      <c r="E39141" t="s">
        <v>24147</v>
      </c>
      <c r="F39141" t="s">
        <v>24148</v>
      </c>
      <c r="G39141" t="s">
        <v>11612</v>
      </c>
      <c r="H39141" t="s">
        <v>11613</v>
      </c>
      <c r="I39141" s="2">
        <v>0</v>
      </c>
      <c r="J39141" s="2">
        <v>0</v>
      </c>
      <c r="K39141" s="2">
        <v>1</v>
      </c>
      <c r="L39141" t="s">
        <v>995</v>
      </c>
      <c r="M39141" t="s">
        <v>83</v>
      </c>
      <c r="N39141" t="s">
        <v>91</v>
      </c>
      <c r="O39141" t="s">
        <v>85</v>
      </c>
      <c r="P39141" t="s">
        <v>86</v>
      </c>
      <c r="Q39141">
        <v>20</v>
      </c>
      <c r="R39141">
        <v>20</v>
      </c>
      <c r="S39141">
        <v>21</v>
      </c>
      <c r="T39141">
        <v>21</v>
      </c>
      <c r="U39141">
        <v>21</v>
      </c>
      <c r="V39141">
        <v>22</v>
      </c>
      <c r="W39141">
        <v>22</v>
      </c>
      <c r="X39141">
        <v>22</v>
      </c>
      <c r="Y39141">
        <v>23</v>
      </c>
      <c r="Z39141">
        <v>23</v>
      </c>
      <c r="AA39141">
        <v>23</v>
      </c>
      <c r="AB39141">
        <v>24</v>
      </c>
      <c r="AC39141">
        <v>24</v>
      </c>
      <c r="AD39141">
        <v>25</v>
      </c>
      <c r="AE39141">
        <v>25</v>
      </c>
      <c r="AF39141">
        <v>25</v>
      </c>
      <c r="AG39141">
        <v>26</v>
      </c>
      <c r="AH39141">
        <v>26</v>
      </c>
      <c r="AI39141">
        <v>26</v>
      </c>
      <c r="AJ39141">
        <v>27</v>
      </c>
      <c r="AK39141">
        <v>27</v>
      </c>
      <c r="AL39141">
        <v>27</v>
      </c>
      <c r="AM39141">
        <v>28</v>
      </c>
      <c r="AN39141">
        <v>28</v>
      </c>
      <c r="AO39141">
        <v>28</v>
      </c>
      <c r="AP39141">
        <v>28</v>
      </c>
      <c r="AQ39141">
        <v>28</v>
      </c>
    </row>
    <row r="39142" spans="1:43">
      <c r="A39142" t="s">
        <v>24281</v>
      </c>
      <c r="B39142" t="s">
        <v>24282</v>
      </c>
      <c r="C39142" t="s">
        <v>24279</v>
      </c>
      <c r="D39142" t="s">
        <v>24280</v>
      </c>
      <c r="E39142" t="s">
        <v>24147</v>
      </c>
      <c r="F39142" t="s">
        <v>24148</v>
      </c>
      <c r="G39142" t="s">
        <v>11612</v>
      </c>
      <c r="H39142" t="s">
        <v>11613</v>
      </c>
      <c r="I39142" s="2">
        <v>0</v>
      </c>
      <c r="J39142" s="2">
        <v>0</v>
      </c>
      <c r="K39142" s="2">
        <v>1</v>
      </c>
      <c r="L39142" t="s">
        <v>995</v>
      </c>
      <c r="M39142" t="s">
        <v>83</v>
      </c>
      <c r="N39142" t="s">
        <v>84</v>
      </c>
      <c r="O39142" t="s">
        <v>85</v>
      </c>
      <c r="P39142" t="s">
        <v>86</v>
      </c>
      <c r="Q39142">
        <v>21</v>
      </c>
      <c r="R39142">
        <v>22</v>
      </c>
      <c r="S39142">
        <v>22</v>
      </c>
      <c r="T39142">
        <v>22</v>
      </c>
      <c r="U39142">
        <v>23</v>
      </c>
      <c r="V39142">
        <v>23</v>
      </c>
      <c r="W39142">
        <v>23</v>
      </c>
      <c r="X39142">
        <v>24</v>
      </c>
      <c r="Y39142">
        <v>24</v>
      </c>
      <c r="Z39142">
        <v>25</v>
      </c>
      <c r="AA39142">
        <v>25</v>
      </c>
      <c r="AB39142">
        <v>25</v>
      </c>
      <c r="AC39142">
        <v>26</v>
      </c>
      <c r="AD39142">
        <v>26</v>
      </c>
      <c r="AE39142">
        <v>27</v>
      </c>
      <c r="AF39142">
        <v>27</v>
      </c>
      <c r="AG39142">
        <v>27</v>
      </c>
      <c r="AH39142">
        <v>28</v>
      </c>
      <c r="AI39142">
        <v>28</v>
      </c>
      <c r="AJ39142">
        <v>29</v>
      </c>
      <c r="AK39142">
        <v>29</v>
      </c>
      <c r="AL39142">
        <v>29</v>
      </c>
      <c r="AM39142">
        <v>29</v>
      </c>
      <c r="AN39142">
        <v>30</v>
      </c>
      <c r="AO39142">
        <v>30</v>
      </c>
      <c r="AP39142">
        <v>30</v>
      </c>
      <c r="AQ39142">
        <v>30</v>
      </c>
    </row>
    <row r="39143" spans="1:43">
      <c r="A39143" t="s">
        <v>24281</v>
      </c>
      <c r="B39143" t="s">
        <v>24282</v>
      </c>
      <c r="C39143" t="s">
        <v>24279</v>
      </c>
      <c r="D39143" t="s">
        <v>24280</v>
      </c>
      <c r="E39143" t="s">
        <v>24147</v>
      </c>
      <c r="F39143" t="s">
        <v>24148</v>
      </c>
      <c r="G39143" t="s">
        <v>11612</v>
      </c>
      <c r="H39143" t="s">
        <v>11613</v>
      </c>
      <c r="I39143" s="2">
        <v>0</v>
      </c>
      <c r="J39143" s="2">
        <v>0</v>
      </c>
      <c r="K39143" s="2">
        <v>1</v>
      </c>
      <c r="L39143" t="s">
        <v>995</v>
      </c>
      <c r="M39143" t="s">
        <v>87</v>
      </c>
      <c r="N39143" t="s">
        <v>88</v>
      </c>
      <c r="O39143" t="s">
        <v>85</v>
      </c>
      <c r="P39143" t="s">
        <v>86</v>
      </c>
      <c r="Q39143">
        <v>21</v>
      </c>
      <c r="R39143">
        <v>21</v>
      </c>
      <c r="S39143">
        <v>21</v>
      </c>
      <c r="T39143">
        <v>22</v>
      </c>
      <c r="U39143">
        <v>22</v>
      </c>
      <c r="V39143">
        <v>22</v>
      </c>
      <c r="W39143">
        <v>22</v>
      </c>
      <c r="X39143">
        <v>22</v>
      </c>
      <c r="Y39143">
        <v>22</v>
      </c>
      <c r="Z39143">
        <v>23</v>
      </c>
      <c r="AA39143">
        <v>23</v>
      </c>
      <c r="AB39143">
        <v>23</v>
      </c>
      <c r="AC39143">
        <v>23</v>
      </c>
      <c r="AD39143">
        <v>23</v>
      </c>
      <c r="AE39143">
        <v>24</v>
      </c>
      <c r="AF39143">
        <v>24</v>
      </c>
      <c r="AG39143">
        <v>24</v>
      </c>
      <c r="AH39143">
        <v>24</v>
      </c>
      <c r="AI39143">
        <v>24</v>
      </c>
      <c r="AJ39143">
        <v>25</v>
      </c>
      <c r="AK39143">
        <v>25</v>
      </c>
      <c r="AL39143">
        <v>25</v>
      </c>
      <c r="AM39143">
        <v>25</v>
      </c>
      <c r="AN39143">
        <v>25</v>
      </c>
      <c r="AO39143">
        <v>26</v>
      </c>
      <c r="AP39143">
        <v>26</v>
      </c>
      <c r="AQ39143">
        <v>26</v>
      </c>
    </row>
    <row r="39144" spans="1:43">
      <c r="A39144" t="s">
        <v>24281</v>
      </c>
      <c r="B39144" t="s">
        <v>24282</v>
      </c>
      <c r="C39144" t="s">
        <v>24279</v>
      </c>
      <c r="D39144" t="s">
        <v>24280</v>
      </c>
      <c r="E39144" t="s">
        <v>24147</v>
      </c>
      <c r="F39144" t="s">
        <v>24148</v>
      </c>
      <c r="G39144" t="s">
        <v>11612</v>
      </c>
      <c r="H39144" t="s">
        <v>11613</v>
      </c>
      <c r="I39144" s="2">
        <v>0</v>
      </c>
      <c r="J39144" s="2">
        <v>0</v>
      </c>
      <c r="K39144" s="2">
        <v>1</v>
      </c>
      <c r="L39144" t="s">
        <v>995</v>
      </c>
      <c r="M39144" t="s">
        <v>89</v>
      </c>
      <c r="N39144" t="s">
        <v>90</v>
      </c>
      <c r="O39144" t="s">
        <v>85</v>
      </c>
      <c r="P39144" t="s">
        <v>86</v>
      </c>
      <c r="Q39144">
        <v>21</v>
      </c>
      <c r="R39144">
        <v>22</v>
      </c>
      <c r="S39144">
        <v>22</v>
      </c>
      <c r="T39144">
        <v>23</v>
      </c>
      <c r="U39144">
        <v>24</v>
      </c>
      <c r="V39144">
        <v>24</v>
      </c>
      <c r="W39144">
        <v>25</v>
      </c>
      <c r="X39144">
        <v>25</v>
      </c>
      <c r="Y39144">
        <v>26</v>
      </c>
      <c r="Z39144">
        <v>26</v>
      </c>
      <c r="AA39144">
        <v>27</v>
      </c>
      <c r="AB39144">
        <v>27</v>
      </c>
      <c r="AC39144">
        <v>28</v>
      </c>
      <c r="AD39144">
        <v>28</v>
      </c>
      <c r="AE39144">
        <v>28</v>
      </c>
      <c r="AF39144">
        <v>29</v>
      </c>
      <c r="AG39144">
        <v>29</v>
      </c>
      <c r="AH39144">
        <v>29</v>
      </c>
      <c r="AI39144">
        <v>29</v>
      </c>
      <c r="AJ39144">
        <v>29</v>
      </c>
      <c r="AK39144">
        <v>29</v>
      </c>
      <c r="AL39144">
        <v>30</v>
      </c>
      <c r="AM39144">
        <v>30</v>
      </c>
      <c r="AN39144">
        <v>30</v>
      </c>
      <c r="AO39144">
        <v>30</v>
      </c>
      <c r="AP39144">
        <v>30</v>
      </c>
      <c r="AQ39144">
        <v>30</v>
      </c>
    </row>
    <row r="39145" spans="1:43">
      <c r="A39145" t="s">
        <v>24281</v>
      </c>
      <c r="B39145" t="s">
        <v>24282</v>
      </c>
      <c r="C39145" t="s">
        <v>24279</v>
      </c>
      <c r="D39145" t="s">
        <v>24280</v>
      </c>
      <c r="E39145" t="s">
        <v>24147</v>
      </c>
      <c r="F39145" t="s">
        <v>24148</v>
      </c>
      <c r="G39145" t="s">
        <v>11612</v>
      </c>
      <c r="H39145" t="s">
        <v>11613</v>
      </c>
      <c r="I39145" s="2">
        <v>0</v>
      </c>
      <c r="J39145" s="2">
        <v>0</v>
      </c>
      <c r="K39145" s="2">
        <v>1</v>
      </c>
      <c r="L39145" t="s">
        <v>995</v>
      </c>
      <c r="M39145" t="s">
        <v>83</v>
      </c>
      <c r="N39145" t="s">
        <v>91</v>
      </c>
      <c r="O39145" t="s">
        <v>85</v>
      </c>
      <c r="P39145" t="s">
        <v>86</v>
      </c>
      <c r="Q39145">
        <v>21</v>
      </c>
      <c r="R39145">
        <v>22</v>
      </c>
      <c r="S39145">
        <v>22</v>
      </c>
      <c r="T39145">
        <v>22</v>
      </c>
      <c r="U39145">
        <v>23</v>
      </c>
      <c r="V39145">
        <v>23</v>
      </c>
      <c r="W39145">
        <v>23</v>
      </c>
      <c r="X39145">
        <v>24</v>
      </c>
      <c r="Y39145">
        <v>24</v>
      </c>
      <c r="Z39145">
        <v>25</v>
      </c>
      <c r="AA39145">
        <v>25</v>
      </c>
      <c r="AB39145">
        <v>25</v>
      </c>
      <c r="AC39145">
        <v>26</v>
      </c>
      <c r="AD39145">
        <v>26</v>
      </c>
      <c r="AE39145">
        <v>27</v>
      </c>
      <c r="AF39145">
        <v>27</v>
      </c>
      <c r="AG39145">
        <v>27</v>
      </c>
      <c r="AH39145">
        <v>28</v>
      </c>
      <c r="AI39145">
        <v>28</v>
      </c>
      <c r="AJ39145">
        <v>29</v>
      </c>
      <c r="AK39145">
        <v>29</v>
      </c>
      <c r="AL39145">
        <v>29</v>
      </c>
      <c r="AM39145">
        <v>29</v>
      </c>
      <c r="AN39145">
        <v>30</v>
      </c>
      <c r="AO39145">
        <v>30</v>
      </c>
      <c r="AP39145">
        <v>30</v>
      </c>
      <c r="AQ39145">
        <v>30</v>
      </c>
    </row>
    <row r="39146" spans="1:43">
      <c r="A39146" t="s">
        <v>24283</v>
      </c>
      <c r="B39146" t="s">
        <v>24284</v>
      </c>
      <c r="C39146" t="s">
        <v>24243</v>
      </c>
      <c r="D39146" t="s">
        <v>24244</v>
      </c>
      <c r="E39146" t="s">
        <v>24147</v>
      </c>
      <c r="F39146" t="s">
        <v>24148</v>
      </c>
      <c r="G39146" t="s">
        <v>11612</v>
      </c>
      <c r="H39146" t="s">
        <v>11613</v>
      </c>
      <c r="I39146" s="2">
        <v>0</v>
      </c>
      <c r="J39146" s="2">
        <v>0</v>
      </c>
      <c r="K39146" s="2">
        <v>1</v>
      </c>
      <c r="L39146" t="s">
        <v>995</v>
      </c>
      <c r="M39146" t="s">
        <v>83</v>
      </c>
      <c r="N39146" t="s">
        <v>84</v>
      </c>
      <c r="O39146" t="s">
        <v>85</v>
      </c>
      <c r="P39146" t="s">
        <v>86</v>
      </c>
      <c r="Q39146">
        <v>118</v>
      </c>
      <c r="R39146">
        <v>120</v>
      </c>
      <c r="S39146">
        <v>122</v>
      </c>
      <c r="T39146">
        <v>124</v>
      </c>
      <c r="U39146">
        <v>126</v>
      </c>
      <c r="V39146">
        <v>128</v>
      </c>
      <c r="W39146">
        <v>130</v>
      </c>
      <c r="X39146">
        <v>132</v>
      </c>
      <c r="Y39146">
        <v>134</v>
      </c>
      <c r="Z39146">
        <v>137</v>
      </c>
      <c r="AA39146">
        <v>139</v>
      </c>
      <c r="AB39146">
        <v>141</v>
      </c>
      <c r="AC39146">
        <v>143</v>
      </c>
      <c r="AD39146">
        <v>145</v>
      </c>
      <c r="AE39146">
        <v>147</v>
      </c>
      <c r="AF39146">
        <v>149</v>
      </c>
      <c r="AG39146">
        <v>151</v>
      </c>
      <c r="AH39146">
        <v>153</v>
      </c>
      <c r="AI39146">
        <v>156</v>
      </c>
      <c r="AJ39146">
        <v>158</v>
      </c>
      <c r="AK39146">
        <v>160</v>
      </c>
      <c r="AL39146">
        <v>161</v>
      </c>
      <c r="AM39146">
        <v>162</v>
      </c>
      <c r="AN39146">
        <v>163</v>
      </c>
      <c r="AO39146">
        <v>164</v>
      </c>
      <c r="AP39146">
        <v>165</v>
      </c>
      <c r="AQ39146">
        <v>165</v>
      </c>
    </row>
    <row r="39147" spans="1:43">
      <c r="A39147" t="s">
        <v>24283</v>
      </c>
      <c r="B39147" t="s">
        <v>24284</v>
      </c>
      <c r="C39147" t="s">
        <v>24243</v>
      </c>
      <c r="D39147" t="s">
        <v>24244</v>
      </c>
      <c r="E39147" t="s">
        <v>24147</v>
      </c>
      <c r="F39147" t="s">
        <v>24148</v>
      </c>
      <c r="G39147" t="s">
        <v>11612</v>
      </c>
      <c r="H39147" t="s">
        <v>11613</v>
      </c>
      <c r="I39147" s="2">
        <v>0</v>
      </c>
      <c r="J39147" s="2">
        <v>0</v>
      </c>
      <c r="K39147" s="2">
        <v>1</v>
      </c>
      <c r="L39147" t="s">
        <v>995</v>
      </c>
      <c r="M39147" t="s">
        <v>87</v>
      </c>
      <c r="N39147" t="s">
        <v>88</v>
      </c>
      <c r="O39147" t="s">
        <v>85</v>
      </c>
      <c r="P39147" t="s">
        <v>86</v>
      </c>
      <c r="Q39147">
        <v>118</v>
      </c>
      <c r="R39147">
        <v>119</v>
      </c>
      <c r="S39147">
        <v>120</v>
      </c>
      <c r="T39147">
        <v>121</v>
      </c>
      <c r="U39147">
        <v>122</v>
      </c>
      <c r="V39147">
        <v>123</v>
      </c>
      <c r="W39147">
        <v>123</v>
      </c>
      <c r="X39147">
        <v>124</v>
      </c>
      <c r="Y39147">
        <v>125</v>
      </c>
      <c r="Z39147">
        <v>126</v>
      </c>
      <c r="AA39147">
        <v>127</v>
      </c>
      <c r="AB39147">
        <v>128</v>
      </c>
      <c r="AC39147">
        <v>129</v>
      </c>
      <c r="AD39147">
        <v>130</v>
      </c>
      <c r="AE39147">
        <v>131</v>
      </c>
      <c r="AF39147">
        <v>132</v>
      </c>
      <c r="AG39147">
        <v>133</v>
      </c>
      <c r="AH39147">
        <v>135</v>
      </c>
      <c r="AI39147">
        <v>136</v>
      </c>
      <c r="AJ39147">
        <v>137</v>
      </c>
      <c r="AK39147">
        <v>138</v>
      </c>
      <c r="AL39147">
        <v>139</v>
      </c>
      <c r="AM39147">
        <v>140</v>
      </c>
      <c r="AN39147">
        <v>141</v>
      </c>
      <c r="AO39147">
        <v>142</v>
      </c>
      <c r="AP39147">
        <v>144</v>
      </c>
      <c r="AQ39147">
        <v>145</v>
      </c>
    </row>
    <row r="39148" spans="1:43">
      <c r="A39148" t="s">
        <v>24283</v>
      </c>
      <c r="B39148" t="s">
        <v>24284</v>
      </c>
      <c r="C39148" t="s">
        <v>24243</v>
      </c>
      <c r="D39148" t="s">
        <v>24244</v>
      </c>
      <c r="E39148" t="s">
        <v>24147</v>
      </c>
      <c r="F39148" t="s">
        <v>24148</v>
      </c>
      <c r="G39148" t="s">
        <v>11612</v>
      </c>
      <c r="H39148" t="s">
        <v>11613</v>
      </c>
      <c r="I39148" s="2">
        <v>0</v>
      </c>
      <c r="J39148" s="2">
        <v>0</v>
      </c>
      <c r="K39148" s="2">
        <v>1</v>
      </c>
      <c r="L39148" t="s">
        <v>995</v>
      </c>
      <c r="M39148" t="s">
        <v>89</v>
      </c>
      <c r="N39148" t="s">
        <v>90</v>
      </c>
      <c r="O39148" t="s">
        <v>85</v>
      </c>
      <c r="P39148" t="s">
        <v>86</v>
      </c>
      <c r="Q39148">
        <v>118</v>
      </c>
      <c r="R39148">
        <v>121</v>
      </c>
      <c r="S39148">
        <v>124</v>
      </c>
      <c r="T39148">
        <v>127</v>
      </c>
      <c r="U39148">
        <v>130</v>
      </c>
      <c r="V39148">
        <v>133</v>
      </c>
      <c r="W39148">
        <v>136</v>
      </c>
      <c r="X39148">
        <v>139</v>
      </c>
      <c r="Y39148">
        <v>141</v>
      </c>
      <c r="Z39148">
        <v>144</v>
      </c>
      <c r="AA39148">
        <v>147</v>
      </c>
      <c r="AB39148">
        <v>149</v>
      </c>
      <c r="AC39148">
        <v>152</v>
      </c>
      <c r="AD39148">
        <v>155</v>
      </c>
      <c r="AE39148">
        <v>156</v>
      </c>
      <c r="AF39148">
        <v>157</v>
      </c>
      <c r="AG39148">
        <v>158</v>
      </c>
      <c r="AH39148">
        <v>159</v>
      </c>
      <c r="AI39148">
        <v>159</v>
      </c>
      <c r="AJ39148">
        <v>160</v>
      </c>
      <c r="AK39148">
        <v>161</v>
      </c>
      <c r="AL39148">
        <v>162</v>
      </c>
      <c r="AM39148">
        <v>163</v>
      </c>
      <c r="AN39148">
        <v>163</v>
      </c>
      <c r="AO39148">
        <v>164</v>
      </c>
      <c r="AP39148">
        <v>165</v>
      </c>
      <c r="AQ39148">
        <v>166</v>
      </c>
    </row>
    <row r="39149" spans="1:43">
      <c r="A39149" t="s">
        <v>24283</v>
      </c>
      <c r="B39149" t="s">
        <v>24284</v>
      </c>
      <c r="C39149" t="s">
        <v>24243</v>
      </c>
      <c r="D39149" t="s">
        <v>24244</v>
      </c>
      <c r="E39149" t="s">
        <v>24147</v>
      </c>
      <c r="F39149" t="s">
        <v>24148</v>
      </c>
      <c r="G39149" t="s">
        <v>11612</v>
      </c>
      <c r="H39149" t="s">
        <v>11613</v>
      </c>
      <c r="I39149" s="2">
        <v>0</v>
      </c>
      <c r="J39149" s="2">
        <v>0</v>
      </c>
      <c r="K39149" s="2">
        <v>1</v>
      </c>
      <c r="L39149" t="s">
        <v>995</v>
      </c>
      <c r="M39149" t="s">
        <v>83</v>
      </c>
      <c r="N39149" t="s">
        <v>91</v>
      </c>
      <c r="O39149" t="s">
        <v>85</v>
      </c>
      <c r="P39149" t="s">
        <v>86</v>
      </c>
      <c r="Q39149">
        <v>118</v>
      </c>
      <c r="R39149">
        <v>120</v>
      </c>
      <c r="S39149">
        <v>122</v>
      </c>
      <c r="T39149">
        <v>124</v>
      </c>
      <c r="U39149">
        <v>126</v>
      </c>
      <c r="V39149">
        <v>128</v>
      </c>
      <c r="W39149">
        <v>130</v>
      </c>
      <c r="X39149">
        <v>132</v>
      </c>
      <c r="Y39149">
        <v>134</v>
      </c>
      <c r="Z39149">
        <v>137</v>
      </c>
      <c r="AA39149">
        <v>139</v>
      </c>
      <c r="AB39149">
        <v>141</v>
      </c>
      <c r="AC39149">
        <v>143</v>
      </c>
      <c r="AD39149">
        <v>145</v>
      </c>
      <c r="AE39149">
        <v>147</v>
      </c>
      <c r="AF39149">
        <v>149</v>
      </c>
      <c r="AG39149">
        <v>151</v>
      </c>
      <c r="AH39149">
        <v>153</v>
      </c>
      <c r="AI39149">
        <v>156</v>
      </c>
      <c r="AJ39149">
        <v>158</v>
      </c>
      <c r="AK39149">
        <v>160</v>
      </c>
      <c r="AL39149">
        <v>161</v>
      </c>
      <c r="AM39149">
        <v>162</v>
      </c>
      <c r="AN39149">
        <v>163</v>
      </c>
      <c r="AO39149">
        <v>164</v>
      </c>
      <c r="AP39149">
        <v>165</v>
      </c>
      <c r="AQ39149">
        <v>165</v>
      </c>
    </row>
    <row r="39150" spans="1:43">
      <c r="A39150" t="s">
        <v>24285</v>
      </c>
      <c r="B39150" t="s">
        <v>24286</v>
      </c>
      <c r="C39150" t="s">
        <v>24279</v>
      </c>
      <c r="D39150" t="s">
        <v>24280</v>
      </c>
      <c r="E39150" t="s">
        <v>24147</v>
      </c>
      <c r="F39150" t="s">
        <v>24148</v>
      </c>
      <c r="G39150" t="s">
        <v>11612</v>
      </c>
      <c r="H39150" t="s">
        <v>11613</v>
      </c>
      <c r="I39150" s="2">
        <v>0</v>
      </c>
      <c r="J39150" s="2">
        <v>0</v>
      </c>
      <c r="K39150" s="2">
        <v>1</v>
      </c>
      <c r="L39150" t="s">
        <v>995</v>
      </c>
      <c r="M39150" t="s">
        <v>83</v>
      </c>
      <c r="N39150" t="s">
        <v>84</v>
      </c>
      <c r="O39150" t="s">
        <v>85</v>
      </c>
      <c r="P39150" t="s">
        <v>86</v>
      </c>
      <c r="Q39150">
        <v>12</v>
      </c>
      <c r="R39150">
        <v>12</v>
      </c>
      <c r="S39150">
        <v>12</v>
      </c>
      <c r="T39150">
        <v>12</v>
      </c>
      <c r="U39150">
        <v>13</v>
      </c>
      <c r="V39150">
        <v>13</v>
      </c>
      <c r="W39150">
        <v>13</v>
      </c>
      <c r="X39150">
        <v>13</v>
      </c>
      <c r="Y39150">
        <v>13</v>
      </c>
      <c r="Z39150">
        <v>14</v>
      </c>
      <c r="AA39150">
        <v>14</v>
      </c>
      <c r="AB39150">
        <v>14</v>
      </c>
      <c r="AC39150">
        <v>14</v>
      </c>
      <c r="AD39150">
        <v>14</v>
      </c>
      <c r="AE39150">
        <v>15</v>
      </c>
      <c r="AF39150">
        <v>15</v>
      </c>
      <c r="AG39150">
        <v>15</v>
      </c>
      <c r="AH39150">
        <v>15</v>
      </c>
      <c r="AI39150">
        <v>16</v>
      </c>
      <c r="AJ39150">
        <v>16</v>
      </c>
      <c r="AK39150">
        <v>16</v>
      </c>
      <c r="AL39150">
        <v>16</v>
      </c>
      <c r="AM39150">
        <v>16</v>
      </c>
      <c r="AN39150">
        <v>16</v>
      </c>
      <c r="AO39150">
        <v>16</v>
      </c>
      <c r="AP39150">
        <v>16</v>
      </c>
      <c r="AQ39150">
        <v>16</v>
      </c>
    </row>
    <row r="39151" spans="1:43">
      <c r="A39151" t="s">
        <v>24285</v>
      </c>
      <c r="B39151" t="s">
        <v>24286</v>
      </c>
      <c r="C39151" t="s">
        <v>24279</v>
      </c>
      <c r="D39151" t="s">
        <v>24280</v>
      </c>
      <c r="E39151" t="s">
        <v>24147</v>
      </c>
      <c r="F39151" t="s">
        <v>24148</v>
      </c>
      <c r="G39151" t="s">
        <v>11612</v>
      </c>
      <c r="H39151" t="s">
        <v>11613</v>
      </c>
      <c r="I39151" s="2">
        <v>0</v>
      </c>
      <c r="J39151" s="2">
        <v>0</v>
      </c>
      <c r="K39151" s="2">
        <v>1</v>
      </c>
      <c r="L39151" t="s">
        <v>995</v>
      </c>
      <c r="M39151" t="s">
        <v>87</v>
      </c>
      <c r="N39151" t="s">
        <v>88</v>
      </c>
      <c r="O39151" t="s">
        <v>85</v>
      </c>
      <c r="P39151" t="s">
        <v>86</v>
      </c>
      <c r="Q39151">
        <v>12</v>
      </c>
      <c r="R39151">
        <v>12</v>
      </c>
      <c r="S39151">
        <v>12</v>
      </c>
      <c r="T39151">
        <v>12</v>
      </c>
      <c r="U39151">
        <v>12</v>
      </c>
      <c r="V39151">
        <v>12</v>
      </c>
      <c r="W39151">
        <v>12</v>
      </c>
      <c r="X39151">
        <v>12</v>
      </c>
      <c r="Y39151">
        <v>12</v>
      </c>
      <c r="Z39151">
        <v>13</v>
      </c>
      <c r="AA39151">
        <v>13</v>
      </c>
      <c r="AB39151">
        <v>13</v>
      </c>
      <c r="AC39151">
        <v>13</v>
      </c>
      <c r="AD39151">
        <v>13</v>
      </c>
      <c r="AE39151">
        <v>13</v>
      </c>
      <c r="AF39151">
        <v>13</v>
      </c>
      <c r="AG39151">
        <v>13</v>
      </c>
      <c r="AH39151">
        <v>13</v>
      </c>
      <c r="AI39151">
        <v>13</v>
      </c>
      <c r="AJ39151">
        <v>14</v>
      </c>
      <c r="AK39151">
        <v>14</v>
      </c>
      <c r="AL39151">
        <v>14</v>
      </c>
      <c r="AM39151">
        <v>14</v>
      </c>
      <c r="AN39151">
        <v>14</v>
      </c>
      <c r="AO39151">
        <v>14</v>
      </c>
      <c r="AP39151">
        <v>14</v>
      </c>
      <c r="AQ39151">
        <v>14</v>
      </c>
    </row>
    <row r="39152" spans="1:43">
      <c r="A39152" t="s">
        <v>24285</v>
      </c>
      <c r="B39152" t="s">
        <v>24286</v>
      </c>
      <c r="C39152" t="s">
        <v>24279</v>
      </c>
      <c r="D39152" t="s">
        <v>24280</v>
      </c>
      <c r="E39152" t="s">
        <v>24147</v>
      </c>
      <c r="F39152" t="s">
        <v>24148</v>
      </c>
      <c r="G39152" t="s">
        <v>11612</v>
      </c>
      <c r="H39152" t="s">
        <v>11613</v>
      </c>
      <c r="I39152" s="2">
        <v>0</v>
      </c>
      <c r="J39152" s="2">
        <v>0</v>
      </c>
      <c r="K39152" s="2">
        <v>1</v>
      </c>
      <c r="L39152" t="s">
        <v>995</v>
      </c>
      <c r="M39152" t="s">
        <v>89</v>
      </c>
      <c r="N39152" t="s">
        <v>90</v>
      </c>
      <c r="O39152" t="s">
        <v>85</v>
      </c>
      <c r="P39152" t="s">
        <v>86</v>
      </c>
      <c r="Q39152">
        <v>12</v>
      </c>
      <c r="R39152">
        <v>12</v>
      </c>
      <c r="S39152">
        <v>13</v>
      </c>
      <c r="T39152">
        <v>13</v>
      </c>
      <c r="U39152">
        <v>13</v>
      </c>
      <c r="V39152">
        <v>13</v>
      </c>
      <c r="W39152">
        <v>14</v>
      </c>
      <c r="X39152">
        <v>14</v>
      </c>
      <c r="Y39152">
        <v>14</v>
      </c>
      <c r="Z39152">
        <v>15</v>
      </c>
      <c r="AA39152">
        <v>15</v>
      </c>
      <c r="AB39152">
        <v>15</v>
      </c>
      <c r="AC39152">
        <v>15</v>
      </c>
      <c r="AD39152">
        <v>16</v>
      </c>
      <c r="AE39152">
        <v>16</v>
      </c>
      <c r="AF39152">
        <v>16</v>
      </c>
      <c r="AG39152">
        <v>16</v>
      </c>
      <c r="AH39152">
        <v>16</v>
      </c>
      <c r="AI39152">
        <v>16</v>
      </c>
      <c r="AJ39152">
        <v>16</v>
      </c>
      <c r="AK39152">
        <v>16</v>
      </c>
      <c r="AL39152">
        <v>16</v>
      </c>
      <c r="AM39152">
        <v>16</v>
      </c>
      <c r="AN39152">
        <v>16</v>
      </c>
      <c r="AO39152">
        <v>16</v>
      </c>
      <c r="AP39152">
        <v>17</v>
      </c>
      <c r="AQ39152">
        <v>17</v>
      </c>
    </row>
    <row r="39153" spans="1:43">
      <c r="A39153" t="s">
        <v>24285</v>
      </c>
      <c r="B39153" t="s">
        <v>24286</v>
      </c>
      <c r="C39153" t="s">
        <v>24279</v>
      </c>
      <c r="D39153" t="s">
        <v>24280</v>
      </c>
      <c r="E39153" t="s">
        <v>24147</v>
      </c>
      <c r="F39153" t="s">
        <v>24148</v>
      </c>
      <c r="G39153" t="s">
        <v>11612</v>
      </c>
      <c r="H39153" t="s">
        <v>11613</v>
      </c>
      <c r="I39153" s="2">
        <v>0</v>
      </c>
      <c r="J39153" s="2">
        <v>0</v>
      </c>
      <c r="K39153" s="2">
        <v>1</v>
      </c>
      <c r="L39153" t="s">
        <v>995</v>
      </c>
      <c r="M39153" t="s">
        <v>83</v>
      </c>
      <c r="N39153" t="s">
        <v>91</v>
      </c>
      <c r="O39153" t="s">
        <v>85</v>
      </c>
      <c r="P39153" t="s">
        <v>86</v>
      </c>
      <c r="Q39153">
        <v>12</v>
      </c>
      <c r="R39153">
        <v>12</v>
      </c>
      <c r="S39153">
        <v>12</v>
      </c>
      <c r="T39153">
        <v>12</v>
      </c>
      <c r="U39153">
        <v>13</v>
      </c>
      <c r="V39153">
        <v>13</v>
      </c>
      <c r="W39153">
        <v>13</v>
      </c>
      <c r="X39153">
        <v>13</v>
      </c>
      <c r="Y39153">
        <v>13</v>
      </c>
      <c r="Z39153">
        <v>14</v>
      </c>
      <c r="AA39153">
        <v>14</v>
      </c>
      <c r="AB39153">
        <v>14</v>
      </c>
      <c r="AC39153">
        <v>14</v>
      </c>
      <c r="AD39153">
        <v>14</v>
      </c>
      <c r="AE39153">
        <v>15</v>
      </c>
      <c r="AF39153">
        <v>15</v>
      </c>
      <c r="AG39153">
        <v>15</v>
      </c>
      <c r="AH39153">
        <v>15</v>
      </c>
      <c r="AI39153">
        <v>16</v>
      </c>
      <c r="AJ39153">
        <v>16</v>
      </c>
      <c r="AK39153">
        <v>16</v>
      </c>
      <c r="AL39153">
        <v>16</v>
      </c>
      <c r="AM39153">
        <v>16</v>
      </c>
      <c r="AN39153">
        <v>16</v>
      </c>
      <c r="AO39153">
        <v>16</v>
      </c>
      <c r="AP39153">
        <v>16</v>
      </c>
      <c r="AQ39153">
        <v>16</v>
      </c>
    </row>
    <row r="39154" spans="1:43">
      <c r="A39154" t="s">
        <v>24287</v>
      </c>
      <c r="B39154" t="s">
        <v>24288</v>
      </c>
      <c r="C39154" t="s">
        <v>24251</v>
      </c>
      <c r="D39154" t="s">
        <v>24252</v>
      </c>
      <c r="E39154" t="s">
        <v>24147</v>
      </c>
      <c r="F39154" t="s">
        <v>24148</v>
      </c>
      <c r="G39154" t="s">
        <v>11612</v>
      </c>
      <c r="H39154" t="s">
        <v>11613</v>
      </c>
      <c r="I39154" s="2">
        <v>0</v>
      </c>
      <c r="J39154" s="2">
        <v>0</v>
      </c>
      <c r="K39154" s="2">
        <v>0</v>
      </c>
      <c r="L39154" t="s">
        <v>995</v>
      </c>
      <c r="M39154" t="s">
        <v>83</v>
      </c>
      <c r="N39154" t="s">
        <v>84</v>
      </c>
      <c r="O39154" t="s">
        <v>85</v>
      </c>
      <c r="P39154" t="s">
        <v>86</v>
      </c>
      <c r="Q39154">
        <v>0</v>
      </c>
      <c r="R39154">
        <v>0</v>
      </c>
      <c r="S39154">
        <v>0</v>
      </c>
      <c r="T39154">
        <v>0</v>
      </c>
      <c r="U39154">
        <v>0</v>
      </c>
      <c r="V39154">
        <v>0</v>
      </c>
      <c r="W39154">
        <v>0</v>
      </c>
      <c r="X39154">
        <v>0</v>
      </c>
      <c r="Y39154">
        <v>0</v>
      </c>
      <c r="Z39154">
        <v>0</v>
      </c>
      <c r="AA39154">
        <v>0</v>
      </c>
      <c r="AB39154">
        <v>0</v>
      </c>
      <c r="AC39154">
        <v>0</v>
      </c>
      <c r="AD39154">
        <v>0</v>
      </c>
      <c r="AE39154">
        <v>0</v>
      </c>
      <c r="AF39154">
        <v>0</v>
      </c>
      <c r="AG39154">
        <v>0</v>
      </c>
      <c r="AH39154">
        <v>0</v>
      </c>
      <c r="AI39154">
        <v>0</v>
      </c>
      <c r="AJ39154">
        <v>0</v>
      </c>
      <c r="AK39154">
        <v>0</v>
      </c>
      <c r="AL39154">
        <v>0</v>
      </c>
      <c r="AM39154">
        <v>0</v>
      </c>
      <c r="AN39154">
        <v>0</v>
      </c>
      <c r="AO39154">
        <v>0</v>
      </c>
      <c r="AP39154">
        <v>0</v>
      </c>
      <c r="AQ39154">
        <v>0</v>
      </c>
    </row>
    <row r="39155" spans="1:43">
      <c r="A39155" t="s">
        <v>24287</v>
      </c>
      <c r="B39155" t="s">
        <v>24288</v>
      </c>
      <c r="C39155" t="s">
        <v>24251</v>
      </c>
      <c r="D39155" t="s">
        <v>24252</v>
      </c>
      <c r="E39155" t="s">
        <v>24147</v>
      </c>
      <c r="F39155" t="s">
        <v>24148</v>
      </c>
      <c r="G39155" t="s">
        <v>11612</v>
      </c>
      <c r="H39155" t="s">
        <v>11613</v>
      </c>
      <c r="I39155" s="2">
        <v>0</v>
      </c>
      <c r="J39155" s="2">
        <v>0</v>
      </c>
      <c r="K39155" s="2">
        <v>0</v>
      </c>
      <c r="L39155" t="s">
        <v>995</v>
      </c>
      <c r="M39155" t="s">
        <v>87</v>
      </c>
      <c r="N39155" t="s">
        <v>88</v>
      </c>
      <c r="O39155" t="s">
        <v>85</v>
      </c>
      <c r="P39155" t="s">
        <v>86</v>
      </c>
      <c r="Q39155">
        <v>0</v>
      </c>
      <c r="R39155">
        <v>0</v>
      </c>
      <c r="S39155">
        <v>0</v>
      </c>
      <c r="T39155">
        <v>0</v>
      </c>
      <c r="U39155">
        <v>0</v>
      </c>
      <c r="V39155">
        <v>0</v>
      </c>
      <c r="W39155">
        <v>0</v>
      </c>
      <c r="X39155">
        <v>0</v>
      </c>
      <c r="Y39155">
        <v>0</v>
      </c>
      <c r="Z39155">
        <v>0</v>
      </c>
      <c r="AA39155">
        <v>0</v>
      </c>
      <c r="AB39155">
        <v>0</v>
      </c>
      <c r="AC39155">
        <v>0</v>
      </c>
      <c r="AD39155">
        <v>0</v>
      </c>
      <c r="AE39155">
        <v>0</v>
      </c>
      <c r="AF39155">
        <v>0</v>
      </c>
      <c r="AG39155">
        <v>0</v>
      </c>
      <c r="AH39155">
        <v>0</v>
      </c>
      <c r="AI39155">
        <v>0</v>
      </c>
      <c r="AJ39155">
        <v>0</v>
      </c>
      <c r="AK39155">
        <v>0</v>
      </c>
      <c r="AL39155">
        <v>0</v>
      </c>
      <c r="AM39155">
        <v>0</v>
      </c>
      <c r="AN39155">
        <v>0</v>
      </c>
      <c r="AO39155">
        <v>0</v>
      </c>
      <c r="AP39155">
        <v>0</v>
      </c>
      <c r="AQ39155">
        <v>0</v>
      </c>
    </row>
    <row r="39156" spans="1:43">
      <c r="A39156" t="s">
        <v>24287</v>
      </c>
      <c r="B39156" t="s">
        <v>24288</v>
      </c>
      <c r="C39156" t="s">
        <v>24251</v>
      </c>
      <c r="D39156" t="s">
        <v>24252</v>
      </c>
      <c r="E39156" t="s">
        <v>24147</v>
      </c>
      <c r="F39156" t="s">
        <v>24148</v>
      </c>
      <c r="G39156" t="s">
        <v>11612</v>
      </c>
      <c r="H39156" t="s">
        <v>11613</v>
      </c>
      <c r="I39156" s="2">
        <v>0</v>
      </c>
      <c r="J39156" s="2">
        <v>0</v>
      </c>
      <c r="K39156" s="2">
        <v>0</v>
      </c>
      <c r="L39156" t="s">
        <v>995</v>
      </c>
      <c r="M39156" t="s">
        <v>89</v>
      </c>
      <c r="N39156" t="s">
        <v>90</v>
      </c>
      <c r="O39156" t="s">
        <v>85</v>
      </c>
      <c r="P39156" t="s">
        <v>86</v>
      </c>
      <c r="Q39156">
        <v>0</v>
      </c>
      <c r="R39156">
        <v>0</v>
      </c>
      <c r="S39156">
        <v>0</v>
      </c>
      <c r="T39156">
        <v>0</v>
      </c>
      <c r="U39156">
        <v>0</v>
      </c>
      <c r="V39156">
        <v>0</v>
      </c>
      <c r="W39156">
        <v>0</v>
      </c>
      <c r="X39156">
        <v>0</v>
      </c>
      <c r="Y39156">
        <v>0</v>
      </c>
      <c r="Z39156">
        <v>0</v>
      </c>
      <c r="AA39156">
        <v>0</v>
      </c>
      <c r="AB39156">
        <v>0</v>
      </c>
      <c r="AC39156">
        <v>0</v>
      </c>
      <c r="AD39156">
        <v>0</v>
      </c>
      <c r="AE39156">
        <v>0</v>
      </c>
      <c r="AF39156">
        <v>0</v>
      </c>
      <c r="AG39156">
        <v>0</v>
      </c>
      <c r="AH39156">
        <v>0</v>
      </c>
      <c r="AI39156">
        <v>0</v>
      </c>
      <c r="AJ39156">
        <v>0</v>
      </c>
      <c r="AK39156">
        <v>0</v>
      </c>
      <c r="AL39156">
        <v>0</v>
      </c>
      <c r="AM39156">
        <v>0</v>
      </c>
      <c r="AN39156">
        <v>0</v>
      </c>
      <c r="AO39156">
        <v>0</v>
      </c>
      <c r="AP39156">
        <v>0</v>
      </c>
      <c r="AQ39156">
        <v>0</v>
      </c>
    </row>
    <row r="39157" spans="1:43">
      <c r="A39157" t="s">
        <v>24287</v>
      </c>
      <c r="B39157" t="s">
        <v>24288</v>
      </c>
      <c r="C39157" t="s">
        <v>24251</v>
      </c>
      <c r="D39157" t="s">
        <v>24252</v>
      </c>
      <c r="E39157" t="s">
        <v>24147</v>
      </c>
      <c r="F39157" t="s">
        <v>24148</v>
      </c>
      <c r="G39157" t="s">
        <v>11612</v>
      </c>
      <c r="H39157" t="s">
        <v>11613</v>
      </c>
      <c r="I39157" s="2">
        <v>0</v>
      </c>
      <c r="J39157" s="2">
        <v>0</v>
      </c>
      <c r="K39157" s="2">
        <v>0</v>
      </c>
      <c r="L39157" t="s">
        <v>995</v>
      </c>
      <c r="M39157" t="s">
        <v>83</v>
      </c>
      <c r="N39157" t="s">
        <v>91</v>
      </c>
      <c r="O39157" t="s">
        <v>85</v>
      </c>
      <c r="P39157" t="s">
        <v>86</v>
      </c>
      <c r="Q39157">
        <v>0</v>
      </c>
      <c r="R39157">
        <v>0</v>
      </c>
      <c r="S39157">
        <v>0</v>
      </c>
      <c r="T39157">
        <v>0</v>
      </c>
      <c r="U39157">
        <v>0</v>
      </c>
      <c r="V39157">
        <v>0</v>
      </c>
      <c r="W39157">
        <v>0</v>
      </c>
      <c r="X39157">
        <v>0</v>
      </c>
      <c r="Y39157">
        <v>0</v>
      </c>
      <c r="Z39157">
        <v>0</v>
      </c>
      <c r="AA39157">
        <v>0</v>
      </c>
      <c r="AB39157">
        <v>0</v>
      </c>
      <c r="AC39157">
        <v>0</v>
      </c>
      <c r="AD39157">
        <v>0</v>
      </c>
      <c r="AE39157">
        <v>0</v>
      </c>
      <c r="AF39157">
        <v>0</v>
      </c>
      <c r="AG39157">
        <v>0</v>
      </c>
      <c r="AH39157">
        <v>0</v>
      </c>
      <c r="AI39157">
        <v>0</v>
      </c>
      <c r="AJ39157">
        <v>0</v>
      </c>
      <c r="AK39157">
        <v>0</v>
      </c>
      <c r="AL39157">
        <v>0</v>
      </c>
      <c r="AM39157">
        <v>0</v>
      </c>
      <c r="AN39157">
        <v>0</v>
      </c>
      <c r="AO39157">
        <v>0</v>
      </c>
      <c r="AP39157">
        <v>0</v>
      </c>
      <c r="AQ39157">
        <v>0</v>
      </c>
    </row>
    <row r="39158" spans="1:43">
      <c r="A39158" t="s">
        <v>24289</v>
      </c>
      <c r="B39158" t="s">
        <v>24290</v>
      </c>
      <c r="C39158" t="s">
        <v>24251</v>
      </c>
      <c r="D39158" t="s">
        <v>24252</v>
      </c>
      <c r="E39158" t="s">
        <v>24147</v>
      </c>
      <c r="F39158" t="s">
        <v>24148</v>
      </c>
      <c r="G39158" t="s">
        <v>11612</v>
      </c>
      <c r="H39158" t="s">
        <v>11613</v>
      </c>
      <c r="I39158" s="2">
        <v>0</v>
      </c>
      <c r="J39158" s="2">
        <v>0</v>
      </c>
      <c r="K39158" s="2">
        <v>0.02</v>
      </c>
      <c r="L39158" t="s">
        <v>995</v>
      </c>
      <c r="M39158" t="s">
        <v>83</v>
      </c>
      <c r="N39158" t="s">
        <v>84</v>
      </c>
      <c r="O39158" t="s">
        <v>85</v>
      </c>
      <c r="P39158" t="s">
        <v>86</v>
      </c>
      <c r="Q39158">
        <v>2</v>
      </c>
      <c r="R39158">
        <v>2</v>
      </c>
      <c r="S39158">
        <v>2</v>
      </c>
      <c r="T39158">
        <v>2</v>
      </c>
      <c r="U39158">
        <v>2</v>
      </c>
      <c r="V39158">
        <v>2</v>
      </c>
      <c r="W39158">
        <v>2</v>
      </c>
      <c r="X39158">
        <v>2</v>
      </c>
      <c r="Y39158">
        <v>2</v>
      </c>
      <c r="Z39158">
        <v>2</v>
      </c>
      <c r="AA39158">
        <v>2</v>
      </c>
      <c r="AB39158">
        <v>2</v>
      </c>
      <c r="AC39158">
        <v>2</v>
      </c>
      <c r="AD39158">
        <v>3</v>
      </c>
      <c r="AE39158">
        <v>3</v>
      </c>
      <c r="AF39158">
        <v>3</v>
      </c>
      <c r="AG39158">
        <v>3</v>
      </c>
      <c r="AH39158">
        <v>3</v>
      </c>
      <c r="AI39158">
        <v>3</v>
      </c>
      <c r="AJ39158">
        <v>3</v>
      </c>
      <c r="AK39158">
        <v>3</v>
      </c>
      <c r="AL39158">
        <v>3</v>
      </c>
      <c r="AM39158">
        <v>3</v>
      </c>
      <c r="AN39158">
        <v>3</v>
      </c>
      <c r="AO39158">
        <v>3</v>
      </c>
      <c r="AP39158">
        <v>3</v>
      </c>
      <c r="AQ39158">
        <v>3</v>
      </c>
    </row>
    <row r="39159" spans="1:43">
      <c r="A39159" t="s">
        <v>24289</v>
      </c>
      <c r="B39159" t="s">
        <v>24290</v>
      </c>
      <c r="C39159" t="s">
        <v>24251</v>
      </c>
      <c r="D39159" t="s">
        <v>24252</v>
      </c>
      <c r="E39159" t="s">
        <v>24147</v>
      </c>
      <c r="F39159" t="s">
        <v>24148</v>
      </c>
      <c r="G39159" t="s">
        <v>11612</v>
      </c>
      <c r="H39159" t="s">
        <v>11613</v>
      </c>
      <c r="I39159" s="2">
        <v>0</v>
      </c>
      <c r="J39159" s="2">
        <v>0</v>
      </c>
      <c r="K39159" s="2">
        <v>0.02</v>
      </c>
      <c r="L39159" t="s">
        <v>995</v>
      </c>
      <c r="M39159" t="s">
        <v>87</v>
      </c>
      <c r="N39159" t="s">
        <v>88</v>
      </c>
      <c r="O39159" t="s">
        <v>85</v>
      </c>
      <c r="P39159" t="s">
        <v>86</v>
      </c>
      <c r="Q39159">
        <v>2</v>
      </c>
      <c r="R39159">
        <v>2</v>
      </c>
      <c r="S39159">
        <v>2</v>
      </c>
      <c r="T39159">
        <v>2</v>
      </c>
      <c r="U39159">
        <v>2</v>
      </c>
      <c r="V39159">
        <v>2</v>
      </c>
      <c r="W39159">
        <v>2</v>
      </c>
      <c r="X39159">
        <v>2</v>
      </c>
      <c r="Y39159">
        <v>2</v>
      </c>
      <c r="Z39159">
        <v>2</v>
      </c>
      <c r="AA39159">
        <v>2</v>
      </c>
      <c r="AB39159">
        <v>2</v>
      </c>
      <c r="AC39159">
        <v>2</v>
      </c>
      <c r="AD39159">
        <v>2</v>
      </c>
      <c r="AE39159">
        <v>2</v>
      </c>
      <c r="AF39159">
        <v>2</v>
      </c>
      <c r="AG39159">
        <v>2</v>
      </c>
      <c r="AH39159">
        <v>2</v>
      </c>
      <c r="AI39159">
        <v>2</v>
      </c>
      <c r="AJ39159">
        <v>2</v>
      </c>
      <c r="AK39159">
        <v>2</v>
      </c>
      <c r="AL39159">
        <v>2</v>
      </c>
      <c r="AM39159">
        <v>2</v>
      </c>
      <c r="AN39159">
        <v>2</v>
      </c>
      <c r="AO39159">
        <v>2</v>
      </c>
      <c r="AP39159">
        <v>2</v>
      </c>
      <c r="AQ39159">
        <v>2</v>
      </c>
    </row>
    <row r="39160" spans="1:43">
      <c r="A39160" t="s">
        <v>24289</v>
      </c>
      <c r="B39160" t="s">
        <v>24290</v>
      </c>
      <c r="C39160" t="s">
        <v>24251</v>
      </c>
      <c r="D39160" t="s">
        <v>24252</v>
      </c>
      <c r="E39160" t="s">
        <v>24147</v>
      </c>
      <c r="F39160" t="s">
        <v>24148</v>
      </c>
      <c r="G39160" t="s">
        <v>11612</v>
      </c>
      <c r="H39160" t="s">
        <v>11613</v>
      </c>
      <c r="I39160" s="2">
        <v>0</v>
      </c>
      <c r="J39160" s="2">
        <v>0</v>
      </c>
      <c r="K39160" s="2">
        <v>0.02</v>
      </c>
      <c r="L39160" t="s">
        <v>995</v>
      </c>
      <c r="M39160" t="s">
        <v>89</v>
      </c>
      <c r="N39160" t="s">
        <v>90</v>
      </c>
      <c r="O39160" t="s">
        <v>85</v>
      </c>
      <c r="P39160" t="s">
        <v>86</v>
      </c>
      <c r="Q39160">
        <v>2</v>
      </c>
      <c r="R39160">
        <v>2</v>
      </c>
      <c r="S39160">
        <v>2</v>
      </c>
      <c r="T39160">
        <v>2</v>
      </c>
      <c r="U39160">
        <v>2</v>
      </c>
      <c r="V39160">
        <v>2</v>
      </c>
      <c r="W39160">
        <v>2</v>
      </c>
      <c r="X39160">
        <v>2</v>
      </c>
      <c r="Y39160">
        <v>2</v>
      </c>
      <c r="Z39160">
        <v>2</v>
      </c>
      <c r="AA39160">
        <v>3</v>
      </c>
      <c r="AB39160">
        <v>3</v>
      </c>
      <c r="AC39160">
        <v>3</v>
      </c>
      <c r="AD39160">
        <v>3</v>
      </c>
      <c r="AE39160">
        <v>3</v>
      </c>
      <c r="AF39160">
        <v>3</v>
      </c>
      <c r="AG39160">
        <v>3</v>
      </c>
      <c r="AH39160">
        <v>3</v>
      </c>
      <c r="AI39160">
        <v>3</v>
      </c>
      <c r="AJ39160">
        <v>3</v>
      </c>
      <c r="AK39160">
        <v>3</v>
      </c>
      <c r="AL39160">
        <v>3</v>
      </c>
      <c r="AM39160">
        <v>3</v>
      </c>
      <c r="AN39160">
        <v>3</v>
      </c>
      <c r="AO39160">
        <v>3</v>
      </c>
      <c r="AP39160">
        <v>3</v>
      </c>
      <c r="AQ39160">
        <v>3</v>
      </c>
    </row>
    <row r="39161" spans="1:43">
      <c r="A39161" t="s">
        <v>24289</v>
      </c>
      <c r="B39161" t="s">
        <v>24290</v>
      </c>
      <c r="C39161" t="s">
        <v>24251</v>
      </c>
      <c r="D39161" t="s">
        <v>24252</v>
      </c>
      <c r="E39161" t="s">
        <v>24147</v>
      </c>
      <c r="F39161" t="s">
        <v>24148</v>
      </c>
      <c r="G39161" t="s">
        <v>11612</v>
      </c>
      <c r="H39161" t="s">
        <v>11613</v>
      </c>
      <c r="I39161" s="2">
        <v>0</v>
      </c>
      <c r="J39161" s="2">
        <v>0</v>
      </c>
      <c r="K39161" s="2">
        <v>0.02</v>
      </c>
      <c r="L39161" t="s">
        <v>995</v>
      </c>
      <c r="M39161" t="s">
        <v>83</v>
      </c>
      <c r="N39161" t="s">
        <v>91</v>
      </c>
      <c r="O39161" t="s">
        <v>85</v>
      </c>
      <c r="P39161" t="s">
        <v>86</v>
      </c>
      <c r="Q39161">
        <v>2</v>
      </c>
      <c r="R39161">
        <v>2</v>
      </c>
      <c r="S39161">
        <v>2</v>
      </c>
      <c r="T39161">
        <v>2</v>
      </c>
      <c r="U39161">
        <v>2</v>
      </c>
      <c r="V39161">
        <v>2</v>
      </c>
      <c r="W39161">
        <v>2</v>
      </c>
      <c r="X39161">
        <v>2</v>
      </c>
      <c r="Y39161">
        <v>2</v>
      </c>
      <c r="Z39161">
        <v>2</v>
      </c>
      <c r="AA39161">
        <v>2</v>
      </c>
      <c r="AB39161">
        <v>2</v>
      </c>
      <c r="AC39161">
        <v>2</v>
      </c>
      <c r="AD39161">
        <v>3</v>
      </c>
      <c r="AE39161">
        <v>3</v>
      </c>
      <c r="AF39161">
        <v>3</v>
      </c>
      <c r="AG39161">
        <v>3</v>
      </c>
      <c r="AH39161">
        <v>3</v>
      </c>
      <c r="AI39161">
        <v>3</v>
      </c>
      <c r="AJ39161">
        <v>3</v>
      </c>
      <c r="AK39161">
        <v>3</v>
      </c>
      <c r="AL39161">
        <v>3</v>
      </c>
      <c r="AM39161">
        <v>3</v>
      </c>
      <c r="AN39161">
        <v>3</v>
      </c>
      <c r="AO39161">
        <v>3</v>
      </c>
      <c r="AP39161">
        <v>3</v>
      </c>
      <c r="AQ39161">
        <v>3</v>
      </c>
    </row>
    <row r="39162" spans="1:43">
      <c r="A39162" t="s">
        <v>24291</v>
      </c>
      <c r="B39162" t="s">
        <v>24292</v>
      </c>
      <c r="C39162" t="s">
        <v>24293</v>
      </c>
      <c r="D39162" t="s">
        <v>24294</v>
      </c>
      <c r="E39162" t="s">
        <v>24147</v>
      </c>
      <c r="F39162" t="s">
        <v>24148</v>
      </c>
      <c r="G39162" t="s">
        <v>11612</v>
      </c>
      <c r="H39162" t="s">
        <v>11613</v>
      </c>
      <c r="I39162" s="2">
        <v>0</v>
      </c>
      <c r="J39162" s="2">
        <v>0</v>
      </c>
      <c r="K39162" s="2">
        <v>1</v>
      </c>
      <c r="L39162" t="s">
        <v>995</v>
      </c>
      <c r="M39162" t="s">
        <v>83</v>
      </c>
      <c r="N39162" t="s">
        <v>84</v>
      </c>
      <c r="O39162" t="s">
        <v>85</v>
      </c>
      <c r="P39162" t="s">
        <v>86</v>
      </c>
      <c r="Q39162">
        <v>9</v>
      </c>
      <c r="R39162">
        <v>10</v>
      </c>
      <c r="S39162">
        <v>10</v>
      </c>
      <c r="T39162">
        <v>10</v>
      </c>
      <c r="U39162">
        <v>10</v>
      </c>
      <c r="V39162">
        <v>10</v>
      </c>
      <c r="W39162">
        <v>10</v>
      </c>
      <c r="X39162">
        <v>11</v>
      </c>
      <c r="Y39162">
        <v>11</v>
      </c>
      <c r="Z39162">
        <v>11</v>
      </c>
      <c r="AA39162">
        <v>11</v>
      </c>
      <c r="AB39162">
        <v>11</v>
      </c>
      <c r="AC39162">
        <v>11</v>
      </c>
      <c r="AD39162">
        <v>12</v>
      </c>
      <c r="AE39162">
        <v>12</v>
      </c>
      <c r="AF39162">
        <v>12</v>
      </c>
      <c r="AG39162">
        <v>12</v>
      </c>
      <c r="AH39162">
        <v>12</v>
      </c>
      <c r="AI39162">
        <v>12</v>
      </c>
      <c r="AJ39162">
        <v>12</v>
      </c>
      <c r="AK39162">
        <v>13</v>
      </c>
      <c r="AL39162">
        <v>13</v>
      </c>
      <c r="AM39162">
        <v>13</v>
      </c>
      <c r="AN39162">
        <v>13</v>
      </c>
      <c r="AO39162">
        <v>13</v>
      </c>
      <c r="AP39162">
        <v>13</v>
      </c>
      <c r="AQ39162">
        <v>13</v>
      </c>
    </row>
    <row r="39163" spans="1:43">
      <c r="A39163" t="s">
        <v>24291</v>
      </c>
      <c r="B39163" t="s">
        <v>24292</v>
      </c>
      <c r="C39163" t="s">
        <v>24293</v>
      </c>
      <c r="D39163" t="s">
        <v>24294</v>
      </c>
      <c r="E39163" t="s">
        <v>24147</v>
      </c>
      <c r="F39163" t="s">
        <v>24148</v>
      </c>
      <c r="G39163" t="s">
        <v>11612</v>
      </c>
      <c r="H39163" t="s">
        <v>11613</v>
      </c>
      <c r="I39163" s="2">
        <v>0</v>
      </c>
      <c r="J39163" s="2">
        <v>0</v>
      </c>
      <c r="K39163" s="2">
        <v>1</v>
      </c>
      <c r="L39163" t="s">
        <v>995</v>
      </c>
      <c r="M39163" t="s">
        <v>87</v>
      </c>
      <c r="N39163" t="s">
        <v>88</v>
      </c>
      <c r="O39163" t="s">
        <v>85</v>
      </c>
      <c r="P39163" t="s">
        <v>86</v>
      </c>
      <c r="Q39163">
        <v>9</v>
      </c>
      <c r="R39163">
        <v>9</v>
      </c>
      <c r="S39163">
        <v>10</v>
      </c>
      <c r="T39163">
        <v>10</v>
      </c>
      <c r="U39163">
        <v>10</v>
      </c>
      <c r="V39163">
        <v>10</v>
      </c>
      <c r="W39163">
        <v>10</v>
      </c>
      <c r="X39163">
        <v>10</v>
      </c>
      <c r="Y39163">
        <v>10</v>
      </c>
      <c r="Z39163">
        <v>10</v>
      </c>
      <c r="AA39163">
        <v>10</v>
      </c>
      <c r="AB39163">
        <v>10</v>
      </c>
      <c r="AC39163">
        <v>10</v>
      </c>
      <c r="AD39163">
        <v>10</v>
      </c>
      <c r="AE39163">
        <v>10</v>
      </c>
      <c r="AF39163">
        <v>10</v>
      </c>
      <c r="AG39163">
        <v>10</v>
      </c>
      <c r="AH39163">
        <v>11</v>
      </c>
      <c r="AI39163">
        <v>11</v>
      </c>
      <c r="AJ39163">
        <v>11</v>
      </c>
      <c r="AK39163">
        <v>11</v>
      </c>
      <c r="AL39163">
        <v>11</v>
      </c>
      <c r="AM39163">
        <v>11</v>
      </c>
      <c r="AN39163">
        <v>11</v>
      </c>
      <c r="AO39163">
        <v>11</v>
      </c>
      <c r="AP39163">
        <v>11</v>
      </c>
      <c r="AQ39163">
        <v>11</v>
      </c>
    </row>
    <row r="39164" spans="1:43">
      <c r="A39164" t="s">
        <v>24291</v>
      </c>
      <c r="B39164" t="s">
        <v>24292</v>
      </c>
      <c r="C39164" t="s">
        <v>24293</v>
      </c>
      <c r="D39164" t="s">
        <v>24294</v>
      </c>
      <c r="E39164" t="s">
        <v>24147</v>
      </c>
      <c r="F39164" t="s">
        <v>24148</v>
      </c>
      <c r="G39164" t="s">
        <v>11612</v>
      </c>
      <c r="H39164" t="s">
        <v>11613</v>
      </c>
      <c r="I39164" s="2">
        <v>0</v>
      </c>
      <c r="J39164" s="2">
        <v>0</v>
      </c>
      <c r="K39164" s="2">
        <v>1</v>
      </c>
      <c r="L39164" t="s">
        <v>995</v>
      </c>
      <c r="M39164" t="s">
        <v>89</v>
      </c>
      <c r="N39164" t="s">
        <v>90</v>
      </c>
      <c r="O39164" t="s">
        <v>85</v>
      </c>
      <c r="P39164" t="s">
        <v>86</v>
      </c>
      <c r="Q39164">
        <v>9</v>
      </c>
      <c r="R39164">
        <v>9</v>
      </c>
      <c r="S39164">
        <v>9</v>
      </c>
      <c r="T39164">
        <v>9</v>
      </c>
      <c r="U39164">
        <v>9</v>
      </c>
      <c r="V39164">
        <v>10</v>
      </c>
      <c r="W39164">
        <v>10</v>
      </c>
      <c r="X39164">
        <v>10</v>
      </c>
      <c r="Y39164">
        <v>10</v>
      </c>
      <c r="Z39164">
        <v>11</v>
      </c>
      <c r="AA39164">
        <v>11</v>
      </c>
      <c r="AB39164">
        <v>11</v>
      </c>
      <c r="AC39164">
        <v>11</v>
      </c>
      <c r="AD39164">
        <v>11</v>
      </c>
      <c r="AE39164">
        <v>12</v>
      </c>
      <c r="AF39164">
        <v>12</v>
      </c>
      <c r="AG39164">
        <v>12</v>
      </c>
      <c r="AH39164">
        <v>12</v>
      </c>
      <c r="AI39164">
        <v>12</v>
      </c>
      <c r="AJ39164">
        <v>12</v>
      </c>
      <c r="AK39164">
        <v>12</v>
      </c>
      <c r="AL39164">
        <v>12</v>
      </c>
      <c r="AM39164">
        <v>12</v>
      </c>
      <c r="AN39164">
        <v>12</v>
      </c>
      <c r="AO39164">
        <v>12</v>
      </c>
      <c r="AP39164">
        <v>12</v>
      </c>
      <c r="AQ39164">
        <v>12</v>
      </c>
    </row>
    <row r="39165" spans="1:43">
      <c r="A39165" t="s">
        <v>24291</v>
      </c>
      <c r="B39165" t="s">
        <v>24292</v>
      </c>
      <c r="C39165" t="s">
        <v>24293</v>
      </c>
      <c r="D39165" t="s">
        <v>24294</v>
      </c>
      <c r="E39165" t="s">
        <v>24147</v>
      </c>
      <c r="F39165" t="s">
        <v>24148</v>
      </c>
      <c r="G39165" t="s">
        <v>11612</v>
      </c>
      <c r="H39165" t="s">
        <v>11613</v>
      </c>
      <c r="I39165" s="2">
        <v>0</v>
      </c>
      <c r="J39165" s="2">
        <v>0</v>
      </c>
      <c r="K39165" s="2">
        <v>1</v>
      </c>
      <c r="L39165" t="s">
        <v>995</v>
      </c>
      <c r="M39165" t="s">
        <v>83</v>
      </c>
      <c r="N39165" t="s">
        <v>91</v>
      </c>
      <c r="O39165" t="s">
        <v>85</v>
      </c>
      <c r="P39165" t="s">
        <v>86</v>
      </c>
      <c r="Q39165">
        <v>9</v>
      </c>
      <c r="R39165">
        <v>10</v>
      </c>
      <c r="S39165">
        <v>10</v>
      </c>
      <c r="T39165">
        <v>10</v>
      </c>
      <c r="U39165">
        <v>10</v>
      </c>
      <c r="V39165">
        <v>10</v>
      </c>
      <c r="W39165">
        <v>10</v>
      </c>
      <c r="X39165">
        <v>11</v>
      </c>
      <c r="Y39165">
        <v>11</v>
      </c>
      <c r="Z39165">
        <v>11</v>
      </c>
      <c r="AA39165">
        <v>11</v>
      </c>
      <c r="AB39165">
        <v>11</v>
      </c>
      <c r="AC39165">
        <v>11</v>
      </c>
      <c r="AD39165">
        <v>12</v>
      </c>
      <c r="AE39165">
        <v>12</v>
      </c>
      <c r="AF39165">
        <v>12</v>
      </c>
      <c r="AG39165">
        <v>12</v>
      </c>
      <c r="AH39165">
        <v>12</v>
      </c>
      <c r="AI39165">
        <v>12</v>
      </c>
      <c r="AJ39165">
        <v>12</v>
      </c>
      <c r="AK39165">
        <v>13</v>
      </c>
      <c r="AL39165">
        <v>13</v>
      </c>
      <c r="AM39165">
        <v>13</v>
      </c>
      <c r="AN39165">
        <v>13</v>
      </c>
      <c r="AO39165">
        <v>13</v>
      </c>
      <c r="AP39165">
        <v>13</v>
      </c>
      <c r="AQ39165">
        <v>13</v>
      </c>
    </row>
    <row r="39166" spans="1:43">
      <c r="A39166" t="s">
        <v>24295</v>
      </c>
      <c r="B39166" t="s">
        <v>24296</v>
      </c>
      <c r="C39166" t="s">
        <v>24293</v>
      </c>
      <c r="D39166" t="s">
        <v>24294</v>
      </c>
      <c r="E39166" t="s">
        <v>24147</v>
      </c>
      <c r="F39166" t="s">
        <v>24148</v>
      </c>
      <c r="G39166" t="s">
        <v>11612</v>
      </c>
      <c r="H39166" t="s">
        <v>11613</v>
      </c>
      <c r="I39166" s="2">
        <v>0</v>
      </c>
      <c r="J39166" s="2">
        <v>0</v>
      </c>
      <c r="K39166" s="2">
        <v>1</v>
      </c>
      <c r="L39166" t="s">
        <v>995</v>
      </c>
      <c r="M39166" t="s">
        <v>83</v>
      </c>
      <c r="N39166" t="s">
        <v>84</v>
      </c>
      <c r="O39166" t="s">
        <v>85</v>
      </c>
      <c r="P39166" t="s">
        <v>86</v>
      </c>
      <c r="Q39166">
        <v>12</v>
      </c>
      <c r="R39166">
        <v>13</v>
      </c>
      <c r="S39166">
        <v>13</v>
      </c>
      <c r="T39166">
        <v>13</v>
      </c>
      <c r="U39166">
        <v>13</v>
      </c>
      <c r="V39166">
        <v>13</v>
      </c>
      <c r="W39166">
        <v>14</v>
      </c>
      <c r="X39166">
        <v>14</v>
      </c>
      <c r="Y39166">
        <v>14</v>
      </c>
      <c r="Z39166">
        <v>14</v>
      </c>
      <c r="AA39166">
        <v>14</v>
      </c>
      <c r="AB39166">
        <v>15</v>
      </c>
      <c r="AC39166">
        <v>15</v>
      </c>
      <c r="AD39166">
        <v>15</v>
      </c>
      <c r="AE39166">
        <v>15</v>
      </c>
      <c r="AF39166">
        <v>15</v>
      </c>
      <c r="AG39166">
        <v>16</v>
      </c>
      <c r="AH39166">
        <v>16</v>
      </c>
      <c r="AI39166">
        <v>16</v>
      </c>
      <c r="AJ39166">
        <v>16</v>
      </c>
      <c r="AK39166">
        <v>17</v>
      </c>
      <c r="AL39166">
        <v>17</v>
      </c>
      <c r="AM39166">
        <v>17</v>
      </c>
      <c r="AN39166">
        <v>17</v>
      </c>
      <c r="AO39166">
        <v>17</v>
      </c>
      <c r="AP39166">
        <v>17</v>
      </c>
      <c r="AQ39166">
        <v>17</v>
      </c>
    </row>
    <row r="39167" spans="1:43">
      <c r="A39167" t="s">
        <v>24295</v>
      </c>
      <c r="B39167" t="s">
        <v>24296</v>
      </c>
      <c r="C39167" t="s">
        <v>24293</v>
      </c>
      <c r="D39167" t="s">
        <v>24294</v>
      </c>
      <c r="E39167" t="s">
        <v>24147</v>
      </c>
      <c r="F39167" t="s">
        <v>24148</v>
      </c>
      <c r="G39167" t="s">
        <v>11612</v>
      </c>
      <c r="H39167" t="s">
        <v>11613</v>
      </c>
      <c r="I39167" s="2">
        <v>0</v>
      </c>
      <c r="J39167" s="2">
        <v>0</v>
      </c>
      <c r="K39167" s="2">
        <v>1</v>
      </c>
      <c r="L39167" t="s">
        <v>995</v>
      </c>
      <c r="M39167" t="s">
        <v>87</v>
      </c>
      <c r="N39167" t="s">
        <v>88</v>
      </c>
      <c r="O39167" t="s">
        <v>85</v>
      </c>
      <c r="P39167" t="s">
        <v>86</v>
      </c>
      <c r="Q39167">
        <v>12</v>
      </c>
      <c r="R39167">
        <v>12</v>
      </c>
      <c r="S39167">
        <v>12</v>
      </c>
      <c r="T39167">
        <v>13</v>
      </c>
      <c r="U39167">
        <v>13</v>
      </c>
      <c r="V39167">
        <v>13</v>
      </c>
      <c r="W39167">
        <v>13</v>
      </c>
      <c r="X39167">
        <v>13</v>
      </c>
      <c r="Y39167">
        <v>13</v>
      </c>
      <c r="Z39167">
        <v>13</v>
      </c>
      <c r="AA39167">
        <v>13</v>
      </c>
      <c r="AB39167">
        <v>13</v>
      </c>
      <c r="AC39167">
        <v>13</v>
      </c>
      <c r="AD39167">
        <v>13</v>
      </c>
      <c r="AE39167">
        <v>14</v>
      </c>
      <c r="AF39167">
        <v>14</v>
      </c>
      <c r="AG39167">
        <v>14</v>
      </c>
      <c r="AH39167">
        <v>14</v>
      </c>
      <c r="AI39167">
        <v>14</v>
      </c>
      <c r="AJ39167">
        <v>14</v>
      </c>
      <c r="AK39167">
        <v>14</v>
      </c>
      <c r="AL39167">
        <v>14</v>
      </c>
      <c r="AM39167">
        <v>14</v>
      </c>
      <c r="AN39167">
        <v>14</v>
      </c>
      <c r="AO39167">
        <v>15</v>
      </c>
      <c r="AP39167">
        <v>15</v>
      </c>
      <c r="AQ39167">
        <v>15</v>
      </c>
    </row>
    <row r="39168" spans="1:43">
      <c r="A39168" t="s">
        <v>24295</v>
      </c>
      <c r="B39168" t="s">
        <v>24296</v>
      </c>
      <c r="C39168" t="s">
        <v>24293</v>
      </c>
      <c r="D39168" t="s">
        <v>24294</v>
      </c>
      <c r="E39168" t="s">
        <v>24147</v>
      </c>
      <c r="F39168" t="s">
        <v>24148</v>
      </c>
      <c r="G39168" t="s">
        <v>11612</v>
      </c>
      <c r="H39168" t="s">
        <v>11613</v>
      </c>
      <c r="I39168" s="2">
        <v>0</v>
      </c>
      <c r="J39168" s="2">
        <v>0</v>
      </c>
      <c r="K39168" s="2">
        <v>1</v>
      </c>
      <c r="L39168" t="s">
        <v>995</v>
      </c>
      <c r="M39168" t="s">
        <v>89</v>
      </c>
      <c r="N39168" t="s">
        <v>90</v>
      </c>
      <c r="O39168" t="s">
        <v>85</v>
      </c>
      <c r="P39168" t="s">
        <v>86</v>
      </c>
      <c r="Q39168">
        <v>12</v>
      </c>
      <c r="R39168">
        <v>12</v>
      </c>
      <c r="S39168">
        <v>12</v>
      </c>
      <c r="T39168">
        <v>12</v>
      </c>
      <c r="U39168">
        <v>13</v>
      </c>
      <c r="V39168">
        <v>13</v>
      </c>
      <c r="W39168">
        <v>13</v>
      </c>
      <c r="X39168">
        <v>14</v>
      </c>
      <c r="Y39168">
        <v>14</v>
      </c>
      <c r="Z39168">
        <v>14</v>
      </c>
      <c r="AA39168">
        <v>14</v>
      </c>
      <c r="AB39168">
        <v>15</v>
      </c>
      <c r="AC39168">
        <v>15</v>
      </c>
      <c r="AD39168">
        <v>15</v>
      </c>
      <c r="AE39168">
        <v>15</v>
      </c>
      <c r="AF39168">
        <v>15</v>
      </c>
      <c r="AG39168">
        <v>16</v>
      </c>
      <c r="AH39168">
        <v>16</v>
      </c>
      <c r="AI39168">
        <v>16</v>
      </c>
      <c r="AJ39168">
        <v>16</v>
      </c>
      <c r="AK39168">
        <v>16</v>
      </c>
      <c r="AL39168">
        <v>16</v>
      </c>
      <c r="AM39168">
        <v>16</v>
      </c>
      <c r="AN39168">
        <v>16</v>
      </c>
      <c r="AO39168">
        <v>16</v>
      </c>
      <c r="AP39168">
        <v>16</v>
      </c>
      <c r="AQ39168">
        <v>16</v>
      </c>
    </row>
    <row r="39169" spans="1:43">
      <c r="A39169" t="s">
        <v>24295</v>
      </c>
      <c r="B39169" t="s">
        <v>24296</v>
      </c>
      <c r="C39169" t="s">
        <v>24293</v>
      </c>
      <c r="D39169" t="s">
        <v>24294</v>
      </c>
      <c r="E39169" t="s">
        <v>24147</v>
      </c>
      <c r="F39169" t="s">
        <v>24148</v>
      </c>
      <c r="G39169" t="s">
        <v>11612</v>
      </c>
      <c r="H39169" t="s">
        <v>11613</v>
      </c>
      <c r="I39169" s="2">
        <v>0</v>
      </c>
      <c r="J39169" s="2">
        <v>0</v>
      </c>
      <c r="K39169" s="2">
        <v>1</v>
      </c>
      <c r="L39169" t="s">
        <v>995</v>
      </c>
      <c r="M39169" t="s">
        <v>83</v>
      </c>
      <c r="N39169" t="s">
        <v>91</v>
      </c>
      <c r="O39169" t="s">
        <v>85</v>
      </c>
      <c r="P39169" t="s">
        <v>86</v>
      </c>
      <c r="Q39169">
        <v>12</v>
      </c>
      <c r="R39169">
        <v>13</v>
      </c>
      <c r="S39169">
        <v>13</v>
      </c>
      <c r="T39169">
        <v>13</v>
      </c>
      <c r="U39169">
        <v>13</v>
      </c>
      <c r="V39169">
        <v>13</v>
      </c>
      <c r="W39169">
        <v>14</v>
      </c>
      <c r="X39169">
        <v>14</v>
      </c>
      <c r="Y39169">
        <v>14</v>
      </c>
      <c r="Z39169">
        <v>14</v>
      </c>
      <c r="AA39169">
        <v>14</v>
      </c>
      <c r="AB39169">
        <v>15</v>
      </c>
      <c r="AC39169">
        <v>15</v>
      </c>
      <c r="AD39169">
        <v>15</v>
      </c>
      <c r="AE39169">
        <v>15</v>
      </c>
      <c r="AF39169">
        <v>15</v>
      </c>
      <c r="AG39169">
        <v>16</v>
      </c>
      <c r="AH39169">
        <v>16</v>
      </c>
      <c r="AI39169">
        <v>16</v>
      </c>
      <c r="AJ39169">
        <v>16</v>
      </c>
      <c r="AK39169">
        <v>17</v>
      </c>
      <c r="AL39169">
        <v>17</v>
      </c>
      <c r="AM39169">
        <v>17</v>
      </c>
      <c r="AN39169">
        <v>17</v>
      </c>
      <c r="AO39169">
        <v>17</v>
      </c>
      <c r="AP39169">
        <v>17</v>
      </c>
      <c r="AQ39169">
        <v>17</v>
      </c>
    </row>
    <row r="39170" spans="1:43">
      <c r="A39170" t="s">
        <v>24297</v>
      </c>
      <c r="B39170" t="s">
        <v>24298</v>
      </c>
      <c r="C39170" t="s">
        <v>24207</v>
      </c>
      <c r="D39170" t="s">
        <v>24208</v>
      </c>
      <c r="E39170" t="s">
        <v>24147</v>
      </c>
      <c r="F39170" t="s">
        <v>24148</v>
      </c>
      <c r="G39170" t="s">
        <v>11612</v>
      </c>
      <c r="H39170" t="s">
        <v>11613</v>
      </c>
      <c r="I39170" s="2">
        <v>0</v>
      </c>
      <c r="J39170" s="2">
        <v>0</v>
      </c>
      <c r="K39170" s="2">
        <v>0.75</v>
      </c>
      <c r="L39170" t="s">
        <v>995</v>
      </c>
      <c r="M39170" t="s">
        <v>83</v>
      </c>
      <c r="N39170" t="s">
        <v>84</v>
      </c>
      <c r="O39170" t="s">
        <v>85</v>
      </c>
      <c r="P39170" t="s">
        <v>86</v>
      </c>
      <c r="Q39170">
        <v>18</v>
      </c>
      <c r="R39170">
        <v>19</v>
      </c>
      <c r="S39170">
        <v>19</v>
      </c>
      <c r="T39170">
        <v>19</v>
      </c>
      <c r="U39170">
        <v>19</v>
      </c>
      <c r="V39170">
        <v>20</v>
      </c>
      <c r="W39170">
        <v>20</v>
      </c>
      <c r="X39170">
        <v>20</v>
      </c>
      <c r="Y39170">
        <v>21</v>
      </c>
      <c r="Z39170">
        <v>21</v>
      </c>
      <c r="AA39170">
        <v>21</v>
      </c>
      <c r="AB39170">
        <v>21</v>
      </c>
      <c r="AC39170">
        <v>22</v>
      </c>
      <c r="AD39170">
        <v>22</v>
      </c>
      <c r="AE39170">
        <v>22</v>
      </c>
      <c r="AF39170">
        <v>22</v>
      </c>
      <c r="AG39170">
        <v>23</v>
      </c>
      <c r="AH39170">
        <v>23</v>
      </c>
      <c r="AI39170">
        <v>23</v>
      </c>
      <c r="AJ39170">
        <v>24</v>
      </c>
      <c r="AK39170">
        <v>24</v>
      </c>
      <c r="AL39170">
        <v>24</v>
      </c>
      <c r="AM39170">
        <v>24</v>
      </c>
      <c r="AN39170">
        <v>24</v>
      </c>
      <c r="AO39170">
        <v>24</v>
      </c>
      <c r="AP39170">
        <v>24</v>
      </c>
      <c r="AQ39170">
        <v>24</v>
      </c>
    </row>
    <row r="39171" spans="1:43">
      <c r="A39171" t="s">
        <v>24297</v>
      </c>
      <c r="B39171" t="s">
        <v>24298</v>
      </c>
      <c r="C39171" t="s">
        <v>24207</v>
      </c>
      <c r="D39171" t="s">
        <v>24208</v>
      </c>
      <c r="E39171" t="s">
        <v>24147</v>
      </c>
      <c r="F39171" t="s">
        <v>24148</v>
      </c>
      <c r="G39171" t="s">
        <v>11612</v>
      </c>
      <c r="H39171" t="s">
        <v>11613</v>
      </c>
      <c r="I39171" s="2">
        <v>0</v>
      </c>
      <c r="J39171" s="2">
        <v>0</v>
      </c>
      <c r="K39171" s="2">
        <v>0.75</v>
      </c>
      <c r="L39171" t="s">
        <v>995</v>
      </c>
      <c r="M39171" t="s">
        <v>87</v>
      </c>
      <c r="N39171" t="s">
        <v>88</v>
      </c>
      <c r="O39171" t="s">
        <v>85</v>
      </c>
      <c r="P39171" t="s">
        <v>86</v>
      </c>
      <c r="Q39171">
        <v>18</v>
      </c>
      <c r="R39171">
        <v>18</v>
      </c>
      <c r="S39171">
        <v>18</v>
      </c>
      <c r="T39171">
        <v>18</v>
      </c>
      <c r="U39171">
        <v>19</v>
      </c>
      <c r="V39171">
        <v>19</v>
      </c>
      <c r="W39171">
        <v>19</v>
      </c>
      <c r="X39171">
        <v>19</v>
      </c>
      <c r="Y39171">
        <v>19</v>
      </c>
      <c r="Z39171">
        <v>19</v>
      </c>
      <c r="AA39171">
        <v>19</v>
      </c>
      <c r="AB39171">
        <v>19</v>
      </c>
      <c r="AC39171">
        <v>19</v>
      </c>
      <c r="AD39171">
        <v>20</v>
      </c>
      <c r="AE39171">
        <v>20</v>
      </c>
      <c r="AF39171">
        <v>20</v>
      </c>
      <c r="AG39171">
        <v>20</v>
      </c>
      <c r="AH39171">
        <v>20</v>
      </c>
      <c r="AI39171">
        <v>20</v>
      </c>
      <c r="AJ39171">
        <v>20</v>
      </c>
      <c r="AK39171">
        <v>20</v>
      </c>
      <c r="AL39171">
        <v>21</v>
      </c>
      <c r="AM39171">
        <v>21</v>
      </c>
      <c r="AN39171">
        <v>21</v>
      </c>
      <c r="AO39171">
        <v>21</v>
      </c>
      <c r="AP39171">
        <v>21</v>
      </c>
      <c r="AQ39171">
        <v>21</v>
      </c>
    </row>
    <row r="39172" spans="1:43">
      <c r="A39172" t="s">
        <v>24297</v>
      </c>
      <c r="B39172" t="s">
        <v>24298</v>
      </c>
      <c r="C39172" t="s">
        <v>24207</v>
      </c>
      <c r="D39172" t="s">
        <v>24208</v>
      </c>
      <c r="E39172" t="s">
        <v>24147</v>
      </c>
      <c r="F39172" t="s">
        <v>24148</v>
      </c>
      <c r="G39172" t="s">
        <v>11612</v>
      </c>
      <c r="H39172" t="s">
        <v>11613</v>
      </c>
      <c r="I39172" s="2">
        <v>0</v>
      </c>
      <c r="J39172" s="2">
        <v>0</v>
      </c>
      <c r="K39172" s="2">
        <v>0.75</v>
      </c>
      <c r="L39172" t="s">
        <v>995</v>
      </c>
      <c r="M39172" t="s">
        <v>89</v>
      </c>
      <c r="N39172" t="s">
        <v>90</v>
      </c>
      <c r="O39172" t="s">
        <v>85</v>
      </c>
      <c r="P39172" t="s">
        <v>86</v>
      </c>
      <c r="Q39172">
        <v>18</v>
      </c>
      <c r="R39172">
        <v>19</v>
      </c>
      <c r="S39172">
        <v>19</v>
      </c>
      <c r="T39172">
        <v>20</v>
      </c>
      <c r="U39172">
        <v>20</v>
      </c>
      <c r="V39172">
        <v>21</v>
      </c>
      <c r="W39172">
        <v>21</v>
      </c>
      <c r="X39172">
        <v>21</v>
      </c>
      <c r="Y39172">
        <v>22</v>
      </c>
      <c r="Z39172">
        <v>22</v>
      </c>
      <c r="AA39172">
        <v>22</v>
      </c>
      <c r="AB39172">
        <v>23</v>
      </c>
      <c r="AC39172">
        <v>23</v>
      </c>
      <c r="AD39172">
        <v>24</v>
      </c>
      <c r="AE39172">
        <v>24</v>
      </c>
      <c r="AF39172">
        <v>24</v>
      </c>
      <c r="AG39172">
        <v>24</v>
      </c>
      <c r="AH39172">
        <v>24</v>
      </c>
      <c r="AI39172">
        <v>24</v>
      </c>
      <c r="AJ39172">
        <v>24</v>
      </c>
      <c r="AK39172">
        <v>24</v>
      </c>
      <c r="AL39172">
        <v>24</v>
      </c>
      <c r="AM39172">
        <v>24</v>
      </c>
      <c r="AN39172">
        <v>24</v>
      </c>
      <c r="AO39172">
        <v>24</v>
      </c>
      <c r="AP39172">
        <v>24</v>
      </c>
      <c r="AQ39172">
        <v>24</v>
      </c>
    </row>
    <row r="39173" spans="1:43">
      <c r="A39173" t="s">
        <v>24297</v>
      </c>
      <c r="B39173" t="s">
        <v>24298</v>
      </c>
      <c r="C39173" t="s">
        <v>24207</v>
      </c>
      <c r="D39173" t="s">
        <v>24208</v>
      </c>
      <c r="E39173" t="s">
        <v>24147</v>
      </c>
      <c r="F39173" t="s">
        <v>24148</v>
      </c>
      <c r="G39173" t="s">
        <v>11612</v>
      </c>
      <c r="H39173" t="s">
        <v>11613</v>
      </c>
      <c r="I39173" s="2">
        <v>0</v>
      </c>
      <c r="J39173" s="2">
        <v>0</v>
      </c>
      <c r="K39173" s="2">
        <v>0.75</v>
      </c>
      <c r="L39173" t="s">
        <v>995</v>
      </c>
      <c r="M39173" t="s">
        <v>83</v>
      </c>
      <c r="N39173" t="s">
        <v>91</v>
      </c>
      <c r="O39173" t="s">
        <v>85</v>
      </c>
      <c r="P39173" t="s">
        <v>86</v>
      </c>
      <c r="Q39173">
        <v>18</v>
      </c>
      <c r="R39173">
        <v>19</v>
      </c>
      <c r="S39173">
        <v>19</v>
      </c>
      <c r="T39173">
        <v>19</v>
      </c>
      <c r="U39173">
        <v>19</v>
      </c>
      <c r="V39173">
        <v>20</v>
      </c>
      <c r="W39173">
        <v>20</v>
      </c>
      <c r="X39173">
        <v>20</v>
      </c>
      <c r="Y39173">
        <v>21</v>
      </c>
      <c r="Z39173">
        <v>21</v>
      </c>
      <c r="AA39173">
        <v>21</v>
      </c>
      <c r="AB39173">
        <v>21</v>
      </c>
      <c r="AC39173">
        <v>22</v>
      </c>
      <c r="AD39173">
        <v>22</v>
      </c>
      <c r="AE39173">
        <v>22</v>
      </c>
      <c r="AF39173">
        <v>22</v>
      </c>
      <c r="AG39173">
        <v>23</v>
      </c>
      <c r="AH39173">
        <v>23</v>
      </c>
      <c r="AI39173">
        <v>23</v>
      </c>
      <c r="AJ39173">
        <v>24</v>
      </c>
      <c r="AK39173">
        <v>24</v>
      </c>
      <c r="AL39173">
        <v>24</v>
      </c>
      <c r="AM39173">
        <v>24</v>
      </c>
      <c r="AN39173">
        <v>24</v>
      </c>
      <c r="AO39173">
        <v>24</v>
      </c>
      <c r="AP39173">
        <v>24</v>
      </c>
      <c r="AQ39173">
        <v>24</v>
      </c>
    </row>
    <row r="39174" spans="1:43">
      <c r="A39174" t="s">
        <v>24299</v>
      </c>
      <c r="B39174" t="s">
        <v>24300</v>
      </c>
      <c r="C39174" t="s">
        <v>24293</v>
      </c>
      <c r="D39174" t="s">
        <v>24294</v>
      </c>
      <c r="E39174" t="s">
        <v>24147</v>
      </c>
      <c r="F39174" t="s">
        <v>24148</v>
      </c>
      <c r="G39174" t="s">
        <v>11612</v>
      </c>
      <c r="H39174" t="s">
        <v>11613</v>
      </c>
      <c r="I39174" s="2">
        <v>0</v>
      </c>
      <c r="J39174" s="2">
        <v>0</v>
      </c>
      <c r="K39174" s="2">
        <v>1</v>
      </c>
      <c r="L39174" t="s">
        <v>995</v>
      </c>
      <c r="M39174" t="s">
        <v>83</v>
      </c>
      <c r="N39174" t="s">
        <v>84</v>
      </c>
      <c r="O39174" t="s">
        <v>85</v>
      </c>
      <c r="P39174" t="s">
        <v>86</v>
      </c>
      <c r="Q39174">
        <v>24</v>
      </c>
      <c r="R39174">
        <v>25</v>
      </c>
      <c r="S39174">
        <v>25</v>
      </c>
      <c r="T39174">
        <v>25</v>
      </c>
      <c r="U39174">
        <v>26</v>
      </c>
      <c r="V39174">
        <v>26</v>
      </c>
      <c r="W39174">
        <v>27</v>
      </c>
      <c r="X39174">
        <v>27</v>
      </c>
      <c r="Y39174">
        <v>27</v>
      </c>
      <c r="Z39174">
        <v>28</v>
      </c>
      <c r="AA39174">
        <v>28</v>
      </c>
      <c r="AB39174">
        <v>29</v>
      </c>
      <c r="AC39174">
        <v>29</v>
      </c>
      <c r="AD39174">
        <v>29</v>
      </c>
      <c r="AE39174">
        <v>30</v>
      </c>
      <c r="AF39174">
        <v>30</v>
      </c>
      <c r="AG39174">
        <v>31</v>
      </c>
      <c r="AH39174">
        <v>31</v>
      </c>
      <c r="AI39174">
        <v>32</v>
      </c>
      <c r="AJ39174">
        <v>32</v>
      </c>
      <c r="AK39174">
        <v>32</v>
      </c>
      <c r="AL39174">
        <v>33</v>
      </c>
      <c r="AM39174">
        <v>33</v>
      </c>
      <c r="AN39174">
        <v>33</v>
      </c>
      <c r="AO39174">
        <v>33</v>
      </c>
      <c r="AP39174">
        <v>33</v>
      </c>
      <c r="AQ39174">
        <v>33</v>
      </c>
    </row>
    <row r="39175" spans="1:43">
      <c r="A39175" t="s">
        <v>24299</v>
      </c>
      <c r="B39175" t="s">
        <v>24300</v>
      </c>
      <c r="C39175" t="s">
        <v>24293</v>
      </c>
      <c r="D39175" t="s">
        <v>24294</v>
      </c>
      <c r="E39175" t="s">
        <v>24147</v>
      </c>
      <c r="F39175" t="s">
        <v>24148</v>
      </c>
      <c r="G39175" t="s">
        <v>11612</v>
      </c>
      <c r="H39175" t="s">
        <v>11613</v>
      </c>
      <c r="I39175" s="2">
        <v>0</v>
      </c>
      <c r="J39175" s="2">
        <v>0</v>
      </c>
      <c r="K39175" s="2">
        <v>1</v>
      </c>
      <c r="L39175" t="s">
        <v>995</v>
      </c>
      <c r="M39175" t="s">
        <v>87</v>
      </c>
      <c r="N39175" t="s">
        <v>88</v>
      </c>
      <c r="O39175" t="s">
        <v>85</v>
      </c>
      <c r="P39175" t="s">
        <v>86</v>
      </c>
      <c r="Q39175">
        <v>24</v>
      </c>
      <c r="R39175">
        <v>24</v>
      </c>
      <c r="S39175">
        <v>24</v>
      </c>
      <c r="T39175">
        <v>25</v>
      </c>
      <c r="U39175">
        <v>25</v>
      </c>
      <c r="V39175">
        <v>25</v>
      </c>
      <c r="W39175">
        <v>25</v>
      </c>
      <c r="X39175">
        <v>25</v>
      </c>
      <c r="Y39175">
        <v>25</v>
      </c>
      <c r="Z39175">
        <v>26</v>
      </c>
      <c r="AA39175">
        <v>26</v>
      </c>
      <c r="AB39175">
        <v>26</v>
      </c>
      <c r="AC39175">
        <v>26</v>
      </c>
      <c r="AD39175">
        <v>26</v>
      </c>
      <c r="AE39175">
        <v>26</v>
      </c>
      <c r="AF39175">
        <v>27</v>
      </c>
      <c r="AG39175">
        <v>27</v>
      </c>
      <c r="AH39175">
        <v>27</v>
      </c>
      <c r="AI39175">
        <v>27</v>
      </c>
      <c r="AJ39175">
        <v>27</v>
      </c>
      <c r="AK39175">
        <v>28</v>
      </c>
      <c r="AL39175">
        <v>28</v>
      </c>
      <c r="AM39175">
        <v>28</v>
      </c>
      <c r="AN39175">
        <v>28</v>
      </c>
      <c r="AO39175">
        <v>28</v>
      </c>
      <c r="AP39175">
        <v>29</v>
      </c>
      <c r="AQ39175">
        <v>29</v>
      </c>
    </row>
    <row r="39176" spans="1:43">
      <c r="A39176" t="s">
        <v>24299</v>
      </c>
      <c r="B39176" t="s">
        <v>24300</v>
      </c>
      <c r="C39176" t="s">
        <v>24293</v>
      </c>
      <c r="D39176" t="s">
        <v>24294</v>
      </c>
      <c r="E39176" t="s">
        <v>24147</v>
      </c>
      <c r="F39176" t="s">
        <v>24148</v>
      </c>
      <c r="G39176" t="s">
        <v>11612</v>
      </c>
      <c r="H39176" t="s">
        <v>11613</v>
      </c>
      <c r="I39176" s="2">
        <v>0</v>
      </c>
      <c r="J39176" s="2">
        <v>0</v>
      </c>
      <c r="K39176" s="2">
        <v>1</v>
      </c>
      <c r="L39176" t="s">
        <v>995</v>
      </c>
      <c r="M39176" t="s">
        <v>89</v>
      </c>
      <c r="N39176" t="s">
        <v>90</v>
      </c>
      <c r="O39176" t="s">
        <v>85</v>
      </c>
      <c r="P39176" t="s">
        <v>86</v>
      </c>
      <c r="Q39176">
        <v>24</v>
      </c>
      <c r="R39176">
        <v>24</v>
      </c>
      <c r="S39176">
        <v>25</v>
      </c>
      <c r="T39176">
        <v>25</v>
      </c>
      <c r="U39176">
        <v>26</v>
      </c>
      <c r="V39176">
        <v>26</v>
      </c>
      <c r="W39176">
        <v>27</v>
      </c>
      <c r="X39176">
        <v>28</v>
      </c>
      <c r="Y39176">
        <v>28</v>
      </c>
      <c r="Z39176">
        <v>29</v>
      </c>
      <c r="AA39176">
        <v>29</v>
      </c>
      <c r="AB39176">
        <v>30</v>
      </c>
      <c r="AC39176">
        <v>30</v>
      </c>
      <c r="AD39176">
        <v>31</v>
      </c>
      <c r="AE39176">
        <v>31</v>
      </c>
      <c r="AF39176">
        <v>31</v>
      </c>
      <c r="AG39176">
        <v>31</v>
      </c>
      <c r="AH39176">
        <v>31</v>
      </c>
      <c r="AI39176">
        <v>32</v>
      </c>
      <c r="AJ39176">
        <v>32</v>
      </c>
      <c r="AK39176">
        <v>32</v>
      </c>
      <c r="AL39176">
        <v>32</v>
      </c>
      <c r="AM39176">
        <v>32</v>
      </c>
      <c r="AN39176">
        <v>32</v>
      </c>
      <c r="AO39176">
        <v>32</v>
      </c>
      <c r="AP39176">
        <v>32</v>
      </c>
      <c r="AQ39176">
        <v>32</v>
      </c>
    </row>
    <row r="39177" spans="1:43">
      <c r="A39177" t="s">
        <v>24299</v>
      </c>
      <c r="B39177" t="s">
        <v>24300</v>
      </c>
      <c r="C39177" t="s">
        <v>24293</v>
      </c>
      <c r="D39177" t="s">
        <v>24294</v>
      </c>
      <c r="E39177" t="s">
        <v>24147</v>
      </c>
      <c r="F39177" t="s">
        <v>24148</v>
      </c>
      <c r="G39177" t="s">
        <v>11612</v>
      </c>
      <c r="H39177" t="s">
        <v>11613</v>
      </c>
      <c r="I39177" s="2">
        <v>0</v>
      </c>
      <c r="J39177" s="2">
        <v>0</v>
      </c>
      <c r="K39177" s="2">
        <v>1</v>
      </c>
      <c r="L39177" t="s">
        <v>995</v>
      </c>
      <c r="M39177" t="s">
        <v>83</v>
      </c>
      <c r="N39177" t="s">
        <v>91</v>
      </c>
      <c r="O39177" t="s">
        <v>85</v>
      </c>
      <c r="P39177" t="s">
        <v>86</v>
      </c>
      <c r="Q39177">
        <v>24</v>
      </c>
      <c r="R39177">
        <v>25</v>
      </c>
      <c r="S39177">
        <v>25</v>
      </c>
      <c r="T39177">
        <v>25</v>
      </c>
      <c r="U39177">
        <v>26</v>
      </c>
      <c r="V39177">
        <v>26</v>
      </c>
      <c r="W39177">
        <v>27</v>
      </c>
      <c r="X39177">
        <v>27</v>
      </c>
      <c r="Y39177">
        <v>27</v>
      </c>
      <c r="Z39177">
        <v>28</v>
      </c>
      <c r="AA39177">
        <v>28</v>
      </c>
      <c r="AB39177">
        <v>29</v>
      </c>
      <c r="AC39177">
        <v>29</v>
      </c>
      <c r="AD39177">
        <v>29</v>
      </c>
      <c r="AE39177">
        <v>30</v>
      </c>
      <c r="AF39177">
        <v>30</v>
      </c>
      <c r="AG39177">
        <v>31</v>
      </c>
      <c r="AH39177">
        <v>31</v>
      </c>
      <c r="AI39177">
        <v>32</v>
      </c>
      <c r="AJ39177">
        <v>32</v>
      </c>
      <c r="AK39177">
        <v>32</v>
      </c>
      <c r="AL39177">
        <v>33</v>
      </c>
      <c r="AM39177">
        <v>33</v>
      </c>
      <c r="AN39177">
        <v>33</v>
      </c>
      <c r="AO39177">
        <v>33</v>
      </c>
      <c r="AP39177">
        <v>33</v>
      </c>
      <c r="AQ39177">
        <v>33</v>
      </c>
    </row>
    <row r="39178" spans="1:43">
      <c r="A39178" t="s">
        <v>24301</v>
      </c>
      <c r="B39178" t="s">
        <v>24302</v>
      </c>
      <c r="C39178" t="s">
        <v>24293</v>
      </c>
      <c r="D39178" t="s">
        <v>24294</v>
      </c>
      <c r="E39178" t="s">
        <v>24147</v>
      </c>
      <c r="F39178" t="s">
        <v>24148</v>
      </c>
      <c r="G39178" t="s">
        <v>11612</v>
      </c>
      <c r="H39178" t="s">
        <v>11613</v>
      </c>
      <c r="I39178" s="2">
        <v>0</v>
      </c>
      <c r="J39178" s="2">
        <v>0</v>
      </c>
      <c r="K39178" s="2">
        <v>1</v>
      </c>
      <c r="L39178" t="s">
        <v>995</v>
      </c>
      <c r="M39178" t="s">
        <v>83</v>
      </c>
      <c r="N39178" t="s">
        <v>84</v>
      </c>
      <c r="O39178" t="s">
        <v>85</v>
      </c>
      <c r="P39178" t="s">
        <v>86</v>
      </c>
      <c r="Q39178">
        <v>15</v>
      </c>
      <c r="R39178">
        <v>16</v>
      </c>
      <c r="S39178">
        <v>16</v>
      </c>
      <c r="T39178">
        <v>16</v>
      </c>
      <c r="U39178">
        <v>16</v>
      </c>
      <c r="V39178">
        <v>16</v>
      </c>
      <c r="W39178">
        <v>17</v>
      </c>
      <c r="X39178">
        <v>17</v>
      </c>
      <c r="Y39178">
        <v>17</v>
      </c>
      <c r="Z39178">
        <v>17</v>
      </c>
      <c r="AA39178">
        <v>18</v>
      </c>
      <c r="AB39178">
        <v>18</v>
      </c>
      <c r="AC39178">
        <v>18</v>
      </c>
      <c r="AD39178">
        <v>19</v>
      </c>
      <c r="AE39178">
        <v>19</v>
      </c>
      <c r="AF39178">
        <v>19</v>
      </c>
      <c r="AG39178">
        <v>19</v>
      </c>
      <c r="AH39178">
        <v>20</v>
      </c>
      <c r="AI39178">
        <v>20</v>
      </c>
      <c r="AJ39178">
        <v>20</v>
      </c>
      <c r="AK39178">
        <v>20</v>
      </c>
      <c r="AL39178">
        <v>20</v>
      </c>
      <c r="AM39178">
        <v>21</v>
      </c>
      <c r="AN39178">
        <v>21</v>
      </c>
      <c r="AO39178">
        <v>21</v>
      </c>
      <c r="AP39178">
        <v>21</v>
      </c>
      <c r="AQ39178">
        <v>21</v>
      </c>
    </row>
    <row r="39179" spans="1:43">
      <c r="A39179" t="s">
        <v>24301</v>
      </c>
      <c r="B39179" t="s">
        <v>24302</v>
      </c>
      <c r="C39179" t="s">
        <v>24293</v>
      </c>
      <c r="D39179" t="s">
        <v>24294</v>
      </c>
      <c r="E39179" t="s">
        <v>24147</v>
      </c>
      <c r="F39179" t="s">
        <v>24148</v>
      </c>
      <c r="G39179" t="s">
        <v>11612</v>
      </c>
      <c r="H39179" t="s">
        <v>11613</v>
      </c>
      <c r="I39179" s="2">
        <v>0</v>
      </c>
      <c r="J39179" s="2">
        <v>0</v>
      </c>
      <c r="K39179" s="2">
        <v>1</v>
      </c>
      <c r="L39179" t="s">
        <v>995</v>
      </c>
      <c r="M39179" t="s">
        <v>87</v>
      </c>
      <c r="N39179" t="s">
        <v>88</v>
      </c>
      <c r="O39179" t="s">
        <v>85</v>
      </c>
      <c r="P39179" t="s">
        <v>86</v>
      </c>
      <c r="Q39179">
        <v>15</v>
      </c>
      <c r="R39179">
        <v>15</v>
      </c>
      <c r="S39179">
        <v>15</v>
      </c>
      <c r="T39179">
        <v>15</v>
      </c>
      <c r="U39179">
        <v>16</v>
      </c>
      <c r="V39179">
        <v>16</v>
      </c>
      <c r="W39179">
        <v>16</v>
      </c>
      <c r="X39179">
        <v>16</v>
      </c>
      <c r="Y39179">
        <v>16</v>
      </c>
      <c r="Z39179">
        <v>16</v>
      </c>
      <c r="AA39179">
        <v>16</v>
      </c>
      <c r="AB39179">
        <v>16</v>
      </c>
      <c r="AC39179">
        <v>16</v>
      </c>
      <c r="AD39179">
        <v>16</v>
      </c>
      <c r="AE39179">
        <v>17</v>
      </c>
      <c r="AF39179">
        <v>17</v>
      </c>
      <c r="AG39179">
        <v>17</v>
      </c>
      <c r="AH39179">
        <v>17</v>
      </c>
      <c r="AI39179">
        <v>17</v>
      </c>
      <c r="AJ39179">
        <v>17</v>
      </c>
      <c r="AK39179">
        <v>17</v>
      </c>
      <c r="AL39179">
        <v>17</v>
      </c>
      <c r="AM39179">
        <v>18</v>
      </c>
      <c r="AN39179">
        <v>18</v>
      </c>
      <c r="AO39179">
        <v>18</v>
      </c>
      <c r="AP39179">
        <v>18</v>
      </c>
      <c r="AQ39179">
        <v>18</v>
      </c>
    </row>
    <row r="39180" spans="1:43">
      <c r="A39180" t="s">
        <v>24301</v>
      </c>
      <c r="B39180" t="s">
        <v>24302</v>
      </c>
      <c r="C39180" t="s">
        <v>24293</v>
      </c>
      <c r="D39180" t="s">
        <v>24294</v>
      </c>
      <c r="E39180" t="s">
        <v>24147</v>
      </c>
      <c r="F39180" t="s">
        <v>24148</v>
      </c>
      <c r="G39180" t="s">
        <v>11612</v>
      </c>
      <c r="H39180" t="s">
        <v>11613</v>
      </c>
      <c r="I39180" s="2">
        <v>0</v>
      </c>
      <c r="J39180" s="2">
        <v>0</v>
      </c>
      <c r="K39180" s="2">
        <v>1</v>
      </c>
      <c r="L39180" t="s">
        <v>995</v>
      </c>
      <c r="M39180" t="s">
        <v>89</v>
      </c>
      <c r="N39180" t="s">
        <v>90</v>
      </c>
      <c r="O39180" t="s">
        <v>85</v>
      </c>
      <c r="P39180" t="s">
        <v>86</v>
      </c>
      <c r="Q39180">
        <v>15</v>
      </c>
      <c r="R39180">
        <v>16</v>
      </c>
      <c r="S39180">
        <v>16</v>
      </c>
      <c r="T39180">
        <v>17</v>
      </c>
      <c r="U39180">
        <v>17</v>
      </c>
      <c r="V39180">
        <v>17</v>
      </c>
      <c r="W39180">
        <v>18</v>
      </c>
      <c r="X39180">
        <v>18</v>
      </c>
      <c r="Y39180">
        <v>18</v>
      </c>
      <c r="Z39180">
        <v>19</v>
      </c>
      <c r="AA39180">
        <v>19</v>
      </c>
      <c r="AB39180">
        <v>19</v>
      </c>
      <c r="AC39180">
        <v>20</v>
      </c>
      <c r="AD39180">
        <v>20</v>
      </c>
      <c r="AE39180">
        <v>20</v>
      </c>
      <c r="AF39180">
        <v>20</v>
      </c>
      <c r="AG39180">
        <v>20</v>
      </c>
      <c r="AH39180">
        <v>20</v>
      </c>
      <c r="AI39180">
        <v>20</v>
      </c>
      <c r="AJ39180">
        <v>20</v>
      </c>
      <c r="AK39180">
        <v>21</v>
      </c>
      <c r="AL39180">
        <v>21</v>
      </c>
      <c r="AM39180">
        <v>21</v>
      </c>
      <c r="AN39180">
        <v>21</v>
      </c>
      <c r="AO39180">
        <v>21</v>
      </c>
      <c r="AP39180">
        <v>21</v>
      </c>
      <c r="AQ39180">
        <v>21</v>
      </c>
    </row>
    <row r="39181" spans="1:43">
      <c r="A39181" t="s">
        <v>24301</v>
      </c>
      <c r="B39181" t="s">
        <v>24302</v>
      </c>
      <c r="C39181" t="s">
        <v>24293</v>
      </c>
      <c r="D39181" t="s">
        <v>24294</v>
      </c>
      <c r="E39181" t="s">
        <v>24147</v>
      </c>
      <c r="F39181" t="s">
        <v>24148</v>
      </c>
      <c r="G39181" t="s">
        <v>11612</v>
      </c>
      <c r="H39181" t="s">
        <v>11613</v>
      </c>
      <c r="I39181" s="2">
        <v>0</v>
      </c>
      <c r="J39181" s="2">
        <v>0</v>
      </c>
      <c r="K39181" s="2">
        <v>1</v>
      </c>
      <c r="L39181" t="s">
        <v>995</v>
      </c>
      <c r="M39181" t="s">
        <v>83</v>
      </c>
      <c r="N39181" t="s">
        <v>91</v>
      </c>
      <c r="O39181" t="s">
        <v>85</v>
      </c>
      <c r="P39181" t="s">
        <v>86</v>
      </c>
      <c r="Q39181">
        <v>15</v>
      </c>
      <c r="R39181">
        <v>16</v>
      </c>
      <c r="S39181">
        <v>16</v>
      </c>
      <c r="T39181">
        <v>16</v>
      </c>
      <c r="U39181">
        <v>16</v>
      </c>
      <c r="V39181">
        <v>16</v>
      </c>
      <c r="W39181">
        <v>17</v>
      </c>
      <c r="X39181">
        <v>17</v>
      </c>
      <c r="Y39181">
        <v>17</v>
      </c>
      <c r="Z39181">
        <v>17</v>
      </c>
      <c r="AA39181">
        <v>18</v>
      </c>
      <c r="AB39181">
        <v>18</v>
      </c>
      <c r="AC39181">
        <v>18</v>
      </c>
      <c r="AD39181">
        <v>19</v>
      </c>
      <c r="AE39181">
        <v>19</v>
      </c>
      <c r="AF39181">
        <v>19</v>
      </c>
      <c r="AG39181">
        <v>19</v>
      </c>
      <c r="AH39181">
        <v>20</v>
      </c>
      <c r="AI39181">
        <v>20</v>
      </c>
      <c r="AJ39181">
        <v>20</v>
      </c>
      <c r="AK39181">
        <v>20</v>
      </c>
      <c r="AL39181">
        <v>20</v>
      </c>
      <c r="AM39181">
        <v>21</v>
      </c>
      <c r="AN39181">
        <v>21</v>
      </c>
      <c r="AO39181">
        <v>21</v>
      </c>
      <c r="AP39181">
        <v>21</v>
      </c>
      <c r="AQ39181">
        <v>21</v>
      </c>
    </row>
    <row r="39182" spans="1:43">
      <c r="A39182" t="s">
        <v>24303</v>
      </c>
      <c r="B39182" t="s">
        <v>24304</v>
      </c>
      <c r="C39182" t="s">
        <v>24293</v>
      </c>
      <c r="D39182" t="s">
        <v>24294</v>
      </c>
      <c r="E39182" t="s">
        <v>24147</v>
      </c>
      <c r="F39182" t="s">
        <v>24148</v>
      </c>
      <c r="G39182" t="s">
        <v>11612</v>
      </c>
      <c r="H39182" t="s">
        <v>11613</v>
      </c>
      <c r="I39182" s="2">
        <v>0</v>
      </c>
      <c r="J39182" s="2">
        <v>0</v>
      </c>
      <c r="K39182" s="2">
        <v>1</v>
      </c>
      <c r="L39182" t="s">
        <v>995</v>
      </c>
      <c r="M39182" t="s">
        <v>83</v>
      </c>
      <c r="N39182" t="s">
        <v>84</v>
      </c>
      <c r="O39182" t="s">
        <v>85</v>
      </c>
      <c r="P39182" t="s">
        <v>86</v>
      </c>
      <c r="Q39182">
        <v>7</v>
      </c>
      <c r="R39182">
        <v>7</v>
      </c>
      <c r="S39182">
        <v>7</v>
      </c>
      <c r="T39182">
        <v>7</v>
      </c>
      <c r="U39182">
        <v>7</v>
      </c>
      <c r="V39182">
        <v>7</v>
      </c>
      <c r="W39182">
        <v>7</v>
      </c>
      <c r="X39182">
        <v>7</v>
      </c>
      <c r="Y39182">
        <v>8</v>
      </c>
      <c r="Z39182">
        <v>8</v>
      </c>
      <c r="AA39182">
        <v>8</v>
      </c>
      <c r="AB39182">
        <v>8</v>
      </c>
      <c r="AC39182">
        <v>8</v>
      </c>
      <c r="AD39182">
        <v>8</v>
      </c>
      <c r="AE39182">
        <v>8</v>
      </c>
      <c r="AF39182">
        <v>8</v>
      </c>
      <c r="AG39182">
        <v>8</v>
      </c>
      <c r="AH39182">
        <v>9</v>
      </c>
      <c r="AI39182">
        <v>9</v>
      </c>
      <c r="AJ39182">
        <v>9</v>
      </c>
      <c r="AK39182">
        <v>9</v>
      </c>
      <c r="AL39182">
        <v>9</v>
      </c>
      <c r="AM39182">
        <v>9</v>
      </c>
      <c r="AN39182">
        <v>9</v>
      </c>
      <c r="AO39182">
        <v>9</v>
      </c>
      <c r="AP39182">
        <v>9</v>
      </c>
      <c r="AQ39182">
        <v>9</v>
      </c>
    </row>
    <row r="39183" spans="1:43">
      <c r="A39183" t="s">
        <v>24303</v>
      </c>
      <c r="B39183" t="s">
        <v>24304</v>
      </c>
      <c r="C39183" t="s">
        <v>24293</v>
      </c>
      <c r="D39183" t="s">
        <v>24294</v>
      </c>
      <c r="E39183" t="s">
        <v>24147</v>
      </c>
      <c r="F39183" t="s">
        <v>24148</v>
      </c>
      <c r="G39183" t="s">
        <v>11612</v>
      </c>
      <c r="H39183" t="s">
        <v>11613</v>
      </c>
      <c r="I39183" s="2">
        <v>0</v>
      </c>
      <c r="J39183" s="2">
        <v>0</v>
      </c>
      <c r="K39183" s="2">
        <v>1</v>
      </c>
      <c r="L39183" t="s">
        <v>995</v>
      </c>
      <c r="M39183" t="s">
        <v>87</v>
      </c>
      <c r="N39183" t="s">
        <v>88</v>
      </c>
      <c r="O39183" t="s">
        <v>85</v>
      </c>
      <c r="P39183" t="s">
        <v>86</v>
      </c>
      <c r="Q39183">
        <v>7</v>
      </c>
      <c r="R39183">
        <v>7</v>
      </c>
      <c r="S39183">
        <v>7</v>
      </c>
      <c r="T39183">
        <v>7</v>
      </c>
      <c r="U39183">
        <v>7</v>
      </c>
      <c r="V39183">
        <v>7</v>
      </c>
      <c r="W39183">
        <v>7</v>
      </c>
      <c r="X39183">
        <v>7</v>
      </c>
      <c r="Y39183">
        <v>7</v>
      </c>
      <c r="Z39183">
        <v>7</v>
      </c>
      <c r="AA39183">
        <v>7</v>
      </c>
      <c r="AB39183">
        <v>7</v>
      </c>
      <c r="AC39183">
        <v>7</v>
      </c>
      <c r="AD39183">
        <v>7</v>
      </c>
      <c r="AE39183">
        <v>7</v>
      </c>
      <c r="AF39183">
        <v>7</v>
      </c>
      <c r="AG39183">
        <v>7</v>
      </c>
      <c r="AH39183">
        <v>7</v>
      </c>
      <c r="AI39183">
        <v>8</v>
      </c>
      <c r="AJ39183">
        <v>8</v>
      </c>
      <c r="AK39183">
        <v>8</v>
      </c>
      <c r="AL39183">
        <v>8</v>
      </c>
      <c r="AM39183">
        <v>8</v>
      </c>
      <c r="AN39183">
        <v>8</v>
      </c>
      <c r="AO39183">
        <v>8</v>
      </c>
      <c r="AP39183">
        <v>8</v>
      </c>
      <c r="AQ39183">
        <v>8</v>
      </c>
    </row>
    <row r="39184" spans="1:43">
      <c r="A39184" t="s">
        <v>24303</v>
      </c>
      <c r="B39184" t="s">
        <v>24304</v>
      </c>
      <c r="C39184" t="s">
        <v>24293</v>
      </c>
      <c r="D39184" t="s">
        <v>24294</v>
      </c>
      <c r="E39184" t="s">
        <v>24147</v>
      </c>
      <c r="F39184" t="s">
        <v>24148</v>
      </c>
      <c r="G39184" t="s">
        <v>11612</v>
      </c>
      <c r="H39184" t="s">
        <v>11613</v>
      </c>
      <c r="I39184" s="2">
        <v>0</v>
      </c>
      <c r="J39184" s="2">
        <v>0</v>
      </c>
      <c r="K39184" s="2">
        <v>1</v>
      </c>
      <c r="L39184" t="s">
        <v>995</v>
      </c>
      <c r="M39184" t="s">
        <v>89</v>
      </c>
      <c r="N39184" t="s">
        <v>90</v>
      </c>
      <c r="O39184" t="s">
        <v>85</v>
      </c>
      <c r="P39184" t="s">
        <v>86</v>
      </c>
      <c r="Q39184">
        <v>7</v>
      </c>
      <c r="R39184">
        <v>7</v>
      </c>
      <c r="S39184">
        <v>7</v>
      </c>
      <c r="T39184">
        <v>7</v>
      </c>
      <c r="U39184">
        <v>7</v>
      </c>
      <c r="V39184">
        <v>8</v>
      </c>
      <c r="W39184">
        <v>8</v>
      </c>
      <c r="X39184">
        <v>8</v>
      </c>
      <c r="Y39184">
        <v>8</v>
      </c>
      <c r="Z39184">
        <v>8</v>
      </c>
      <c r="AA39184">
        <v>8</v>
      </c>
      <c r="AB39184">
        <v>8</v>
      </c>
      <c r="AC39184">
        <v>9</v>
      </c>
      <c r="AD39184">
        <v>9</v>
      </c>
      <c r="AE39184">
        <v>9</v>
      </c>
      <c r="AF39184">
        <v>9</v>
      </c>
      <c r="AG39184">
        <v>9</v>
      </c>
      <c r="AH39184">
        <v>9</v>
      </c>
      <c r="AI39184">
        <v>9</v>
      </c>
      <c r="AJ39184">
        <v>9</v>
      </c>
      <c r="AK39184">
        <v>9</v>
      </c>
      <c r="AL39184">
        <v>9</v>
      </c>
      <c r="AM39184">
        <v>9</v>
      </c>
      <c r="AN39184">
        <v>9</v>
      </c>
      <c r="AO39184">
        <v>9</v>
      </c>
      <c r="AP39184">
        <v>9</v>
      </c>
      <c r="AQ39184">
        <v>9</v>
      </c>
    </row>
    <row r="39185" spans="1:43">
      <c r="A39185" t="s">
        <v>24303</v>
      </c>
      <c r="B39185" t="s">
        <v>24304</v>
      </c>
      <c r="C39185" t="s">
        <v>24293</v>
      </c>
      <c r="D39185" t="s">
        <v>24294</v>
      </c>
      <c r="E39185" t="s">
        <v>24147</v>
      </c>
      <c r="F39185" t="s">
        <v>24148</v>
      </c>
      <c r="G39185" t="s">
        <v>11612</v>
      </c>
      <c r="H39185" t="s">
        <v>11613</v>
      </c>
      <c r="I39185" s="2">
        <v>0</v>
      </c>
      <c r="J39185" s="2">
        <v>0</v>
      </c>
      <c r="K39185" s="2">
        <v>1</v>
      </c>
      <c r="L39185" t="s">
        <v>995</v>
      </c>
      <c r="M39185" t="s">
        <v>83</v>
      </c>
      <c r="N39185" t="s">
        <v>91</v>
      </c>
      <c r="O39185" t="s">
        <v>85</v>
      </c>
      <c r="P39185" t="s">
        <v>86</v>
      </c>
      <c r="Q39185">
        <v>7</v>
      </c>
      <c r="R39185">
        <v>7</v>
      </c>
      <c r="S39185">
        <v>7</v>
      </c>
      <c r="T39185">
        <v>7</v>
      </c>
      <c r="U39185">
        <v>7</v>
      </c>
      <c r="V39185">
        <v>7</v>
      </c>
      <c r="W39185">
        <v>7</v>
      </c>
      <c r="X39185">
        <v>7</v>
      </c>
      <c r="Y39185">
        <v>8</v>
      </c>
      <c r="Z39185">
        <v>8</v>
      </c>
      <c r="AA39185">
        <v>8</v>
      </c>
      <c r="AB39185">
        <v>8</v>
      </c>
      <c r="AC39185">
        <v>8</v>
      </c>
      <c r="AD39185">
        <v>8</v>
      </c>
      <c r="AE39185">
        <v>8</v>
      </c>
      <c r="AF39185">
        <v>8</v>
      </c>
      <c r="AG39185">
        <v>8</v>
      </c>
      <c r="AH39185">
        <v>9</v>
      </c>
      <c r="AI39185">
        <v>9</v>
      </c>
      <c r="AJ39185">
        <v>9</v>
      </c>
      <c r="AK39185">
        <v>9</v>
      </c>
      <c r="AL39185">
        <v>9</v>
      </c>
      <c r="AM39185">
        <v>9</v>
      </c>
      <c r="AN39185">
        <v>9</v>
      </c>
      <c r="AO39185">
        <v>9</v>
      </c>
      <c r="AP39185">
        <v>9</v>
      </c>
      <c r="AQ39185">
        <v>9</v>
      </c>
    </row>
    <row r="39186" spans="1:43">
      <c r="A39186" t="s">
        <v>24305</v>
      </c>
      <c r="B39186" t="s">
        <v>24306</v>
      </c>
      <c r="C39186" t="s">
        <v>24293</v>
      </c>
      <c r="D39186" t="s">
        <v>24294</v>
      </c>
      <c r="E39186" t="s">
        <v>24147</v>
      </c>
      <c r="F39186" t="s">
        <v>24148</v>
      </c>
      <c r="G39186" t="s">
        <v>11612</v>
      </c>
      <c r="H39186" t="s">
        <v>11613</v>
      </c>
      <c r="I39186" s="2">
        <v>0</v>
      </c>
      <c r="J39186" s="2">
        <v>0</v>
      </c>
      <c r="K39186" s="2">
        <v>1</v>
      </c>
      <c r="L39186" t="s">
        <v>995</v>
      </c>
      <c r="M39186" t="s">
        <v>83</v>
      </c>
      <c r="N39186" t="s">
        <v>84</v>
      </c>
      <c r="O39186" t="s">
        <v>85</v>
      </c>
      <c r="P39186" t="s">
        <v>86</v>
      </c>
      <c r="Q39186">
        <v>38</v>
      </c>
      <c r="R39186">
        <v>39</v>
      </c>
      <c r="S39186">
        <v>39</v>
      </c>
      <c r="T39186">
        <v>40</v>
      </c>
      <c r="U39186">
        <v>40</v>
      </c>
      <c r="V39186">
        <v>41</v>
      </c>
      <c r="W39186">
        <v>42</v>
      </c>
      <c r="X39186">
        <v>42</v>
      </c>
      <c r="Y39186">
        <v>43</v>
      </c>
      <c r="Z39186">
        <v>43</v>
      </c>
      <c r="AA39186">
        <v>44</v>
      </c>
      <c r="AB39186">
        <v>45</v>
      </c>
      <c r="AC39186">
        <v>45</v>
      </c>
      <c r="AD39186">
        <v>46</v>
      </c>
      <c r="AE39186">
        <v>47</v>
      </c>
      <c r="AF39186">
        <v>47</v>
      </c>
      <c r="AG39186">
        <v>48</v>
      </c>
      <c r="AH39186">
        <v>49</v>
      </c>
      <c r="AI39186">
        <v>49</v>
      </c>
      <c r="AJ39186">
        <v>50</v>
      </c>
      <c r="AK39186">
        <v>50</v>
      </c>
      <c r="AL39186">
        <v>51</v>
      </c>
      <c r="AM39186">
        <v>51</v>
      </c>
      <c r="AN39186">
        <v>51</v>
      </c>
      <c r="AO39186">
        <v>51</v>
      </c>
      <c r="AP39186">
        <v>52</v>
      </c>
      <c r="AQ39186">
        <v>52</v>
      </c>
    </row>
    <row r="39187" spans="1:43">
      <c r="A39187" t="s">
        <v>24305</v>
      </c>
      <c r="B39187" t="s">
        <v>24306</v>
      </c>
      <c r="C39187" t="s">
        <v>24293</v>
      </c>
      <c r="D39187" t="s">
        <v>24294</v>
      </c>
      <c r="E39187" t="s">
        <v>24147</v>
      </c>
      <c r="F39187" t="s">
        <v>24148</v>
      </c>
      <c r="G39187" t="s">
        <v>11612</v>
      </c>
      <c r="H39187" t="s">
        <v>11613</v>
      </c>
      <c r="I39187" s="2">
        <v>0</v>
      </c>
      <c r="J39187" s="2">
        <v>0</v>
      </c>
      <c r="K39187" s="2">
        <v>1</v>
      </c>
      <c r="L39187" t="s">
        <v>995</v>
      </c>
      <c r="M39187" t="s">
        <v>87</v>
      </c>
      <c r="N39187" t="s">
        <v>88</v>
      </c>
      <c r="O39187" t="s">
        <v>85</v>
      </c>
      <c r="P39187" t="s">
        <v>86</v>
      </c>
      <c r="Q39187">
        <v>38</v>
      </c>
      <c r="R39187">
        <v>38</v>
      </c>
      <c r="S39187">
        <v>38</v>
      </c>
      <c r="T39187">
        <v>38</v>
      </c>
      <c r="U39187">
        <v>39</v>
      </c>
      <c r="V39187">
        <v>39</v>
      </c>
      <c r="W39187">
        <v>39</v>
      </c>
      <c r="X39187">
        <v>39</v>
      </c>
      <c r="Y39187">
        <v>40</v>
      </c>
      <c r="Z39187">
        <v>40</v>
      </c>
      <c r="AA39187">
        <v>40</v>
      </c>
      <c r="AB39187">
        <v>40</v>
      </c>
      <c r="AC39187">
        <v>41</v>
      </c>
      <c r="AD39187">
        <v>41</v>
      </c>
      <c r="AE39187">
        <v>41</v>
      </c>
      <c r="AF39187">
        <v>42</v>
      </c>
      <c r="AG39187">
        <v>42</v>
      </c>
      <c r="AH39187">
        <v>42</v>
      </c>
      <c r="AI39187">
        <v>42</v>
      </c>
      <c r="AJ39187">
        <v>43</v>
      </c>
      <c r="AK39187">
        <v>43</v>
      </c>
      <c r="AL39187">
        <v>43</v>
      </c>
      <c r="AM39187">
        <v>44</v>
      </c>
      <c r="AN39187">
        <v>44</v>
      </c>
      <c r="AO39187">
        <v>44</v>
      </c>
      <c r="AP39187">
        <v>45</v>
      </c>
      <c r="AQ39187">
        <v>45</v>
      </c>
    </row>
    <row r="39188" spans="1:43">
      <c r="A39188" t="s">
        <v>24305</v>
      </c>
      <c r="B39188" t="s">
        <v>24306</v>
      </c>
      <c r="C39188" t="s">
        <v>24293</v>
      </c>
      <c r="D39188" t="s">
        <v>24294</v>
      </c>
      <c r="E39188" t="s">
        <v>24147</v>
      </c>
      <c r="F39188" t="s">
        <v>24148</v>
      </c>
      <c r="G39188" t="s">
        <v>11612</v>
      </c>
      <c r="H39188" t="s">
        <v>11613</v>
      </c>
      <c r="I39188" s="2">
        <v>0</v>
      </c>
      <c r="J39188" s="2">
        <v>0</v>
      </c>
      <c r="K39188" s="2">
        <v>1</v>
      </c>
      <c r="L39188" t="s">
        <v>995</v>
      </c>
      <c r="M39188" t="s">
        <v>89</v>
      </c>
      <c r="N39188" t="s">
        <v>90</v>
      </c>
      <c r="O39188" t="s">
        <v>85</v>
      </c>
      <c r="P39188" t="s">
        <v>86</v>
      </c>
      <c r="Q39188">
        <v>38</v>
      </c>
      <c r="R39188">
        <v>39</v>
      </c>
      <c r="S39188">
        <v>40</v>
      </c>
      <c r="T39188">
        <v>41</v>
      </c>
      <c r="U39188">
        <v>42</v>
      </c>
      <c r="V39188">
        <v>43</v>
      </c>
      <c r="W39188">
        <v>44</v>
      </c>
      <c r="X39188">
        <v>45</v>
      </c>
      <c r="Y39188">
        <v>45</v>
      </c>
      <c r="Z39188">
        <v>46</v>
      </c>
      <c r="AA39188">
        <v>47</v>
      </c>
      <c r="AB39188">
        <v>48</v>
      </c>
      <c r="AC39188">
        <v>49</v>
      </c>
      <c r="AD39188">
        <v>49</v>
      </c>
      <c r="AE39188">
        <v>50</v>
      </c>
      <c r="AF39188">
        <v>50</v>
      </c>
      <c r="AG39188">
        <v>50</v>
      </c>
      <c r="AH39188">
        <v>51</v>
      </c>
      <c r="AI39188">
        <v>51</v>
      </c>
      <c r="AJ39188">
        <v>51</v>
      </c>
      <c r="AK39188">
        <v>51</v>
      </c>
      <c r="AL39188">
        <v>51</v>
      </c>
      <c r="AM39188">
        <v>51</v>
      </c>
      <c r="AN39188">
        <v>52</v>
      </c>
      <c r="AO39188">
        <v>52</v>
      </c>
      <c r="AP39188">
        <v>52</v>
      </c>
      <c r="AQ39188">
        <v>52</v>
      </c>
    </row>
    <row r="39189" spans="1:43">
      <c r="A39189" t="s">
        <v>24305</v>
      </c>
      <c r="B39189" t="s">
        <v>24306</v>
      </c>
      <c r="C39189" t="s">
        <v>24293</v>
      </c>
      <c r="D39189" t="s">
        <v>24294</v>
      </c>
      <c r="E39189" t="s">
        <v>24147</v>
      </c>
      <c r="F39189" t="s">
        <v>24148</v>
      </c>
      <c r="G39189" t="s">
        <v>11612</v>
      </c>
      <c r="H39189" t="s">
        <v>11613</v>
      </c>
      <c r="I39189" s="2">
        <v>0</v>
      </c>
      <c r="J39189" s="2">
        <v>0</v>
      </c>
      <c r="K39189" s="2">
        <v>1</v>
      </c>
      <c r="L39189" t="s">
        <v>995</v>
      </c>
      <c r="M39189" t="s">
        <v>83</v>
      </c>
      <c r="N39189" t="s">
        <v>91</v>
      </c>
      <c r="O39189" t="s">
        <v>85</v>
      </c>
      <c r="P39189" t="s">
        <v>86</v>
      </c>
      <c r="Q39189">
        <v>38</v>
      </c>
      <c r="R39189">
        <v>39</v>
      </c>
      <c r="S39189">
        <v>39</v>
      </c>
      <c r="T39189">
        <v>40</v>
      </c>
      <c r="U39189">
        <v>40</v>
      </c>
      <c r="V39189">
        <v>41</v>
      </c>
      <c r="W39189">
        <v>42</v>
      </c>
      <c r="X39189">
        <v>42</v>
      </c>
      <c r="Y39189">
        <v>43</v>
      </c>
      <c r="Z39189">
        <v>43</v>
      </c>
      <c r="AA39189">
        <v>44</v>
      </c>
      <c r="AB39189">
        <v>45</v>
      </c>
      <c r="AC39189">
        <v>45</v>
      </c>
      <c r="AD39189">
        <v>46</v>
      </c>
      <c r="AE39189">
        <v>47</v>
      </c>
      <c r="AF39189">
        <v>47</v>
      </c>
      <c r="AG39189">
        <v>48</v>
      </c>
      <c r="AH39189">
        <v>49</v>
      </c>
      <c r="AI39189">
        <v>49</v>
      </c>
      <c r="AJ39189">
        <v>50</v>
      </c>
      <c r="AK39189">
        <v>50</v>
      </c>
      <c r="AL39189">
        <v>51</v>
      </c>
      <c r="AM39189">
        <v>51</v>
      </c>
      <c r="AN39189">
        <v>51</v>
      </c>
      <c r="AO39189">
        <v>51</v>
      </c>
      <c r="AP39189">
        <v>52</v>
      </c>
      <c r="AQ39189">
        <v>52</v>
      </c>
    </row>
    <row r="39190" spans="1:43">
      <c r="A39190" t="s">
        <v>24307</v>
      </c>
      <c r="B39190" t="s">
        <v>24308</v>
      </c>
      <c r="C39190" t="s">
        <v>24151</v>
      </c>
      <c r="D39190" t="s">
        <v>24152</v>
      </c>
      <c r="E39190" t="s">
        <v>24147</v>
      </c>
      <c r="F39190" t="s">
        <v>24148</v>
      </c>
      <c r="G39190" t="s">
        <v>11612</v>
      </c>
      <c r="H39190" t="s">
        <v>11613</v>
      </c>
      <c r="I39190" s="2">
        <v>0</v>
      </c>
      <c r="J39190" s="2">
        <v>0</v>
      </c>
      <c r="K39190" s="2">
        <v>1</v>
      </c>
      <c r="L39190" t="s">
        <v>995</v>
      </c>
      <c r="M39190" t="s">
        <v>83</v>
      </c>
      <c r="N39190" t="s">
        <v>84</v>
      </c>
      <c r="O39190" t="s">
        <v>85</v>
      </c>
      <c r="P39190" t="s">
        <v>86</v>
      </c>
      <c r="Q39190">
        <v>18</v>
      </c>
      <c r="R39190">
        <v>18</v>
      </c>
      <c r="S39190">
        <v>19</v>
      </c>
      <c r="T39190">
        <v>19</v>
      </c>
      <c r="U39190">
        <v>19</v>
      </c>
      <c r="V39190">
        <v>20</v>
      </c>
      <c r="W39190">
        <v>20</v>
      </c>
      <c r="X39190">
        <v>20</v>
      </c>
      <c r="Y39190">
        <v>21</v>
      </c>
      <c r="Z39190">
        <v>21</v>
      </c>
      <c r="AA39190">
        <v>21</v>
      </c>
      <c r="AB39190">
        <v>22</v>
      </c>
      <c r="AC39190">
        <v>22</v>
      </c>
      <c r="AD39190">
        <v>22</v>
      </c>
      <c r="AE39190">
        <v>23</v>
      </c>
      <c r="AF39190">
        <v>23</v>
      </c>
      <c r="AG39190">
        <v>23</v>
      </c>
      <c r="AH39190">
        <v>24</v>
      </c>
      <c r="AI39190">
        <v>24</v>
      </c>
      <c r="AJ39190">
        <v>24</v>
      </c>
      <c r="AK39190">
        <v>25</v>
      </c>
      <c r="AL39190">
        <v>25</v>
      </c>
      <c r="AM39190">
        <v>25</v>
      </c>
      <c r="AN39190">
        <v>25</v>
      </c>
      <c r="AO39190">
        <v>25</v>
      </c>
      <c r="AP39190">
        <v>25</v>
      </c>
      <c r="AQ39190">
        <v>25</v>
      </c>
    </row>
    <row r="39191" spans="1:43">
      <c r="A39191" t="s">
        <v>24307</v>
      </c>
      <c r="B39191" t="s">
        <v>24308</v>
      </c>
      <c r="C39191" t="s">
        <v>24151</v>
      </c>
      <c r="D39191" t="s">
        <v>24152</v>
      </c>
      <c r="E39191" t="s">
        <v>24147</v>
      </c>
      <c r="F39191" t="s">
        <v>24148</v>
      </c>
      <c r="G39191" t="s">
        <v>11612</v>
      </c>
      <c r="H39191" t="s">
        <v>11613</v>
      </c>
      <c r="I39191" s="2">
        <v>0</v>
      </c>
      <c r="J39191" s="2">
        <v>0</v>
      </c>
      <c r="K39191" s="2">
        <v>1</v>
      </c>
      <c r="L39191" t="s">
        <v>995</v>
      </c>
      <c r="M39191" t="s">
        <v>87</v>
      </c>
      <c r="N39191" t="s">
        <v>88</v>
      </c>
      <c r="O39191" t="s">
        <v>85</v>
      </c>
      <c r="P39191" t="s">
        <v>86</v>
      </c>
      <c r="Q39191">
        <v>18</v>
      </c>
      <c r="R39191">
        <v>18</v>
      </c>
      <c r="S39191">
        <v>18</v>
      </c>
      <c r="T39191">
        <v>18</v>
      </c>
      <c r="U39191">
        <v>19</v>
      </c>
      <c r="V39191">
        <v>19</v>
      </c>
      <c r="W39191">
        <v>19</v>
      </c>
      <c r="X39191">
        <v>19</v>
      </c>
      <c r="Y39191">
        <v>19</v>
      </c>
      <c r="Z39191">
        <v>19</v>
      </c>
      <c r="AA39191">
        <v>19</v>
      </c>
      <c r="AB39191">
        <v>19</v>
      </c>
      <c r="AC39191">
        <v>20</v>
      </c>
      <c r="AD39191">
        <v>20</v>
      </c>
      <c r="AE39191">
        <v>20</v>
      </c>
      <c r="AF39191">
        <v>20</v>
      </c>
      <c r="AG39191">
        <v>20</v>
      </c>
      <c r="AH39191">
        <v>20</v>
      </c>
      <c r="AI39191">
        <v>21</v>
      </c>
      <c r="AJ39191">
        <v>21</v>
      </c>
      <c r="AK39191">
        <v>21</v>
      </c>
      <c r="AL39191">
        <v>21</v>
      </c>
      <c r="AM39191">
        <v>21</v>
      </c>
      <c r="AN39191">
        <v>21</v>
      </c>
      <c r="AO39191">
        <v>22</v>
      </c>
      <c r="AP39191">
        <v>22</v>
      </c>
      <c r="AQ39191">
        <v>22</v>
      </c>
    </row>
    <row r="39192" spans="1:43">
      <c r="A39192" t="s">
        <v>24307</v>
      </c>
      <c r="B39192" t="s">
        <v>24308</v>
      </c>
      <c r="C39192" t="s">
        <v>24151</v>
      </c>
      <c r="D39192" t="s">
        <v>24152</v>
      </c>
      <c r="E39192" t="s">
        <v>24147</v>
      </c>
      <c r="F39192" t="s">
        <v>24148</v>
      </c>
      <c r="G39192" t="s">
        <v>11612</v>
      </c>
      <c r="H39192" t="s">
        <v>11613</v>
      </c>
      <c r="I39192" s="2">
        <v>0</v>
      </c>
      <c r="J39192" s="2">
        <v>0</v>
      </c>
      <c r="K39192" s="2">
        <v>1</v>
      </c>
      <c r="L39192" t="s">
        <v>995</v>
      </c>
      <c r="M39192" t="s">
        <v>89</v>
      </c>
      <c r="N39192" t="s">
        <v>90</v>
      </c>
      <c r="O39192" t="s">
        <v>85</v>
      </c>
      <c r="P39192" t="s">
        <v>86</v>
      </c>
      <c r="Q39192">
        <v>18</v>
      </c>
      <c r="R39192">
        <v>19</v>
      </c>
      <c r="S39192">
        <v>19</v>
      </c>
      <c r="T39192">
        <v>20</v>
      </c>
      <c r="U39192">
        <v>20</v>
      </c>
      <c r="V39192">
        <v>21</v>
      </c>
      <c r="W39192">
        <v>21</v>
      </c>
      <c r="X39192">
        <v>21</v>
      </c>
      <c r="Y39192">
        <v>22</v>
      </c>
      <c r="Z39192">
        <v>22</v>
      </c>
      <c r="AA39192">
        <v>23</v>
      </c>
      <c r="AB39192">
        <v>23</v>
      </c>
      <c r="AC39192">
        <v>23</v>
      </c>
      <c r="AD39192">
        <v>24</v>
      </c>
      <c r="AE39192">
        <v>24</v>
      </c>
      <c r="AF39192">
        <v>24</v>
      </c>
      <c r="AG39192">
        <v>24</v>
      </c>
      <c r="AH39192">
        <v>25</v>
      </c>
      <c r="AI39192">
        <v>25</v>
      </c>
      <c r="AJ39192">
        <v>25</v>
      </c>
      <c r="AK39192">
        <v>25</v>
      </c>
      <c r="AL39192">
        <v>25</v>
      </c>
      <c r="AM39192">
        <v>25</v>
      </c>
      <c r="AN39192">
        <v>25</v>
      </c>
      <c r="AO39192">
        <v>25</v>
      </c>
      <c r="AP39192">
        <v>25</v>
      </c>
      <c r="AQ39192">
        <v>26</v>
      </c>
    </row>
    <row r="39193" spans="1:43">
      <c r="A39193" t="s">
        <v>24307</v>
      </c>
      <c r="B39193" t="s">
        <v>24308</v>
      </c>
      <c r="C39193" t="s">
        <v>24151</v>
      </c>
      <c r="D39193" t="s">
        <v>24152</v>
      </c>
      <c r="E39193" t="s">
        <v>24147</v>
      </c>
      <c r="F39193" t="s">
        <v>24148</v>
      </c>
      <c r="G39193" t="s">
        <v>11612</v>
      </c>
      <c r="H39193" t="s">
        <v>11613</v>
      </c>
      <c r="I39193" s="2">
        <v>0</v>
      </c>
      <c r="J39193" s="2">
        <v>0</v>
      </c>
      <c r="K39193" s="2">
        <v>1</v>
      </c>
      <c r="L39193" t="s">
        <v>995</v>
      </c>
      <c r="M39193" t="s">
        <v>83</v>
      </c>
      <c r="N39193" t="s">
        <v>91</v>
      </c>
      <c r="O39193" t="s">
        <v>85</v>
      </c>
      <c r="P39193" t="s">
        <v>86</v>
      </c>
      <c r="Q39193">
        <v>18</v>
      </c>
      <c r="R39193">
        <v>18</v>
      </c>
      <c r="S39193">
        <v>19</v>
      </c>
      <c r="T39193">
        <v>19</v>
      </c>
      <c r="U39193">
        <v>19</v>
      </c>
      <c r="V39193">
        <v>20</v>
      </c>
      <c r="W39193">
        <v>20</v>
      </c>
      <c r="X39193">
        <v>20</v>
      </c>
      <c r="Y39193">
        <v>21</v>
      </c>
      <c r="Z39193">
        <v>21</v>
      </c>
      <c r="AA39193">
        <v>21</v>
      </c>
      <c r="AB39193">
        <v>22</v>
      </c>
      <c r="AC39193">
        <v>22</v>
      </c>
      <c r="AD39193">
        <v>22</v>
      </c>
      <c r="AE39193">
        <v>23</v>
      </c>
      <c r="AF39193">
        <v>23</v>
      </c>
      <c r="AG39193">
        <v>23</v>
      </c>
      <c r="AH39193">
        <v>24</v>
      </c>
      <c r="AI39193">
        <v>24</v>
      </c>
      <c r="AJ39193">
        <v>24</v>
      </c>
      <c r="AK39193">
        <v>25</v>
      </c>
      <c r="AL39193">
        <v>25</v>
      </c>
      <c r="AM39193">
        <v>25</v>
      </c>
      <c r="AN39193">
        <v>25</v>
      </c>
      <c r="AO39193">
        <v>25</v>
      </c>
      <c r="AP39193">
        <v>25</v>
      </c>
      <c r="AQ39193">
        <v>25</v>
      </c>
    </row>
    <row r="39194" spans="1:43">
      <c r="A39194" t="s">
        <v>24309</v>
      </c>
      <c r="B39194" t="s">
        <v>24310</v>
      </c>
      <c r="C39194" t="s">
        <v>24151</v>
      </c>
      <c r="D39194" t="s">
        <v>24152</v>
      </c>
      <c r="E39194" t="s">
        <v>24147</v>
      </c>
      <c r="F39194" t="s">
        <v>24148</v>
      </c>
      <c r="G39194" t="s">
        <v>11612</v>
      </c>
      <c r="H39194" t="s">
        <v>11613</v>
      </c>
      <c r="I39194" s="2">
        <v>0</v>
      </c>
      <c r="J39194" s="2">
        <v>0</v>
      </c>
      <c r="K39194" s="2">
        <v>1</v>
      </c>
      <c r="L39194" t="s">
        <v>995</v>
      </c>
      <c r="M39194" t="s">
        <v>83</v>
      </c>
      <c r="N39194" t="s">
        <v>84</v>
      </c>
      <c r="O39194" t="s">
        <v>85</v>
      </c>
      <c r="P39194" t="s">
        <v>86</v>
      </c>
      <c r="Q39194">
        <v>61</v>
      </c>
      <c r="R39194">
        <v>62</v>
      </c>
      <c r="S39194">
        <v>63</v>
      </c>
      <c r="T39194">
        <v>64</v>
      </c>
      <c r="U39194">
        <v>65</v>
      </c>
      <c r="V39194">
        <v>66</v>
      </c>
      <c r="W39194">
        <v>67</v>
      </c>
      <c r="X39194">
        <v>68</v>
      </c>
      <c r="Y39194">
        <v>69</v>
      </c>
      <c r="Z39194">
        <v>70</v>
      </c>
      <c r="AA39194">
        <v>72</v>
      </c>
      <c r="AB39194">
        <v>73</v>
      </c>
      <c r="AC39194">
        <v>74</v>
      </c>
      <c r="AD39194">
        <v>75</v>
      </c>
      <c r="AE39194">
        <v>76</v>
      </c>
      <c r="AF39194">
        <v>77</v>
      </c>
      <c r="AG39194">
        <v>78</v>
      </c>
      <c r="AH39194">
        <v>79</v>
      </c>
      <c r="AI39194">
        <v>80</v>
      </c>
      <c r="AJ39194">
        <v>81</v>
      </c>
      <c r="AK39194">
        <v>82</v>
      </c>
      <c r="AL39194">
        <v>83</v>
      </c>
      <c r="AM39194">
        <v>84</v>
      </c>
      <c r="AN39194">
        <v>84</v>
      </c>
      <c r="AO39194">
        <v>84</v>
      </c>
      <c r="AP39194">
        <v>85</v>
      </c>
      <c r="AQ39194">
        <v>85</v>
      </c>
    </row>
    <row r="39195" spans="1:43">
      <c r="A39195" t="s">
        <v>24309</v>
      </c>
      <c r="B39195" t="s">
        <v>24310</v>
      </c>
      <c r="C39195" t="s">
        <v>24151</v>
      </c>
      <c r="D39195" t="s">
        <v>24152</v>
      </c>
      <c r="E39195" t="s">
        <v>24147</v>
      </c>
      <c r="F39195" t="s">
        <v>24148</v>
      </c>
      <c r="G39195" t="s">
        <v>11612</v>
      </c>
      <c r="H39195" t="s">
        <v>11613</v>
      </c>
      <c r="I39195" s="2">
        <v>0</v>
      </c>
      <c r="J39195" s="2">
        <v>0</v>
      </c>
      <c r="K39195" s="2">
        <v>1</v>
      </c>
      <c r="L39195" t="s">
        <v>995</v>
      </c>
      <c r="M39195" t="s">
        <v>87</v>
      </c>
      <c r="N39195" t="s">
        <v>88</v>
      </c>
      <c r="O39195" t="s">
        <v>85</v>
      </c>
      <c r="P39195" t="s">
        <v>86</v>
      </c>
      <c r="Q39195">
        <v>61</v>
      </c>
      <c r="R39195">
        <v>61</v>
      </c>
      <c r="S39195">
        <v>61</v>
      </c>
      <c r="T39195">
        <v>62</v>
      </c>
      <c r="U39195">
        <v>62</v>
      </c>
      <c r="V39195">
        <v>63</v>
      </c>
      <c r="W39195">
        <v>63</v>
      </c>
      <c r="X39195">
        <v>64</v>
      </c>
      <c r="Y39195">
        <v>64</v>
      </c>
      <c r="Z39195">
        <v>65</v>
      </c>
      <c r="AA39195">
        <v>65</v>
      </c>
      <c r="AB39195">
        <v>66</v>
      </c>
      <c r="AC39195">
        <v>66</v>
      </c>
      <c r="AD39195">
        <v>67</v>
      </c>
      <c r="AE39195">
        <v>67</v>
      </c>
      <c r="AF39195">
        <v>68</v>
      </c>
      <c r="AG39195">
        <v>68</v>
      </c>
      <c r="AH39195">
        <v>69</v>
      </c>
      <c r="AI39195">
        <v>69</v>
      </c>
      <c r="AJ39195">
        <v>70</v>
      </c>
      <c r="AK39195">
        <v>70</v>
      </c>
      <c r="AL39195">
        <v>71</v>
      </c>
      <c r="AM39195">
        <v>71</v>
      </c>
      <c r="AN39195">
        <v>72</v>
      </c>
      <c r="AO39195">
        <v>73</v>
      </c>
      <c r="AP39195">
        <v>73</v>
      </c>
      <c r="AQ39195">
        <v>74</v>
      </c>
    </row>
    <row r="39196" spans="1:43">
      <c r="A39196" t="s">
        <v>24309</v>
      </c>
      <c r="B39196" t="s">
        <v>24310</v>
      </c>
      <c r="C39196" t="s">
        <v>24151</v>
      </c>
      <c r="D39196" t="s">
        <v>24152</v>
      </c>
      <c r="E39196" t="s">
        <v>24147</v>
      </c>
      <c r="F39196" t="s">
        <v>24148</v>
      </c>
      <c r="G39196" t="s">
        <v>11612</v>
      </c>
      <c r="H39196" t="s">
        <v>11613</v>
      </c>
      <c r="I39196" s="2">
        <v>0</v>
      </c>
      <c r="J39196" s="2">
        <v>0</v>
      </c>
      <c r="K39196" s="2">
        <v>1</v>
      </c>
      <c r="L39196" t="s">
        <v>995</v>
      </c>
      <c r="M39196" t="s">
        <v>89</v>
      </c>
      <c r="N39196" t="s">
        <v>90</v>
      </c>
      <c r="O39196" t="s">
        <v>85</v>
      </c>
      <c r="P39196" t="s">
        <v>86</v>
      </c>
      <c r="Q39196">
        <v>61</v>
      </c>
      <c r="R39196">
        <v>62</v>
      </c>
      <c r="S39196">
        <v>64</v>
      </c>
      <c r="T39196">
        <v>65</v>
      </c>
      <c r="U39196">
        <v>67</v>
      </c>
      <c r="V39196">
        <v>68</v>
      </c>
      <c r="W39196">
        <v>70</v>
      </c>
      <c r="X39196">
        <v>71</v>
      </c>
      <c r="Y39196">
        <v>72</v>
      </c>
      <c r="Z39196">
        <v>74</v>
      </c>
      <c r="AA39196">
        <v>75</v>
      </c>
      <c r="AB39196">
        <v>77</v>
      </c>
      <c r="AC39196">
        <v>78</v>
      </c>
      <c r="AD39196">
        <v>79</v>
      </c>
      <c r="AE39196">
        <v>80</v>
      </c>
      <c r="AF39196">
        <v>81</v>
      </c>
      <c r="AG39196">
        <v>81</v>
      </c>
      <c r="AH39196">
        <v>81</v>
      </c>
      <c r="AI39196">
        <v>82</v>
      </c>
      <c r="AJ39196">
        <v>82</v>
      </c>
      <c r="AK39196">
        <v>83</v>
      </c>
      <c r="AL39196">
        <v>83</v>
      </c>
      <c r="AM39196">
        <v>83</v>
      </c>
      <c r="AN39196">
        <v>84</v>
      </c>
      <c r="AO39196">
        <v>84</v>
      </c>
      <c r="AP39196">
        <v>85</v>
      </c>
      <c r="AQ39196">
        <v>85</v>
      </c>
    </row>
    <row r="39197" spans="1:43">
      <c r="A39197" t="s">
        <v>24309</v>
      </c>
      <c r="B39197" t="s">
        <v>24310</v>
      </c>
      <c r="C39197" t="s">
        <v>24151</v>
      </c>
      <c r="D39197" t="s">
        <v>24152</v>
      </c>
      <c r="E39197" t="s">
        <v>24147</v>
      </c>
      <c r="F39197" t="s">
        <v>24148</v>
      </c>
      <c r="G39197" t="s">
        <v>11612</v>
      </c>
      <c r="H39197" t="s">
        <v>11613</v>
      </c>
      <c r="I39197" s="2">
        <v>0</v>
      </c>
      <c r="J39197" s="2">
        <v>0</v>
      </c>
      <c r="K39197" s="2">
        <v>1</v>
      </c>
      <c r="L39197" t="s">
        <v>995</v>
      </c>
      <c r="M39197" t="s">
        <v>83</v>
      </c>
      <c r="N39197" t="s">
        <v>91</v>
      </c>
      <c r="O39197" t="s">
        <v>85</v>
      </c>
      <c r="P39197" t="s">
        <v>86</v>
      </c>
      <c r="Q39197">
        <v>61</v>
      </c>
      <c r="R39197">
        <v>62</v>
      </c>
      <c r="S39197">
        <v>63</v>
      </c>
      <c r="T39197">
        <v>64</v>
      </c>
      <c r="U39197">
        <v>65</v>
      </c>
      <c r="V39197">
        <v>66</v>
      </c>
      <c r="W39197">
        <v>67</v>
      </c>
      <c r="X39197">
        <v>68</v>
      </c>
      <c r="Y39197">
        <v>69</v>
      </c>
      <c r="Z39197">
        <v>70</v>
      </c>
      <c r="AA39197">
        <v>72</v>
      </c>
      <c r="AB39197">
        <v>73</v>
      </c>
      <c r="AC39197">
        <v>74</v>
      </c>
      <c r="AD39197">
        <v>75</v>
      </c>
      <c r="AE39197">
        <v>76</v>
      </c>
      <c r="AF39197">
        <v>77</v>
      </c>
      <c r="AG39197">
        <v>78</v>
      </c>
      <c r="AH39197">
        <v>79</v>
      </c>
      <c r="AI39197">
        <v>80</v>
      </c>
      <c r="AJ39197">
        <v>81</v>
      </c>
      <c r="AK39197">
        <v>82</v>
      </c>
      <c r="AL39197">
        <v>83</v>
      </c>
      <c r="AM39197">
        <v>84</v>
      </c>
      <c r="AN39197">
        <v>84</v>
      </c>
      <c r="AO39197">
        <v>84</v>
      </c>
      <c r="AP39197">
        <v>85</v>
      </c>
      <c r="AQ39197">
        <v>85</v>
      </c>
    </row>
    <row r="39198" spans="1:43">
      <c r="A39198" t="s">
        <v>24311</v>
      </c>
      <c r="B39198" t="s">
        <v>24312</v>
      </c>
      <c r="C39198" t="s">
        <v>24151</v>
      </c>
      <c r="D39198" t="s">
        <v>24152</v>
      </c>
      <c r="E39198" t="s">
        <v>24147</v>
      </c>
      <c r="F39198" t="s">
        <v>24148</v>
      </c>
      <c r="G39198" t="s">
        <v>11612</v>
      </c>
      <c r="H39198" t="s">
        <v>11613</v>
      </c>
      <c r="I39198" s="2">
        <v>0</v>
      </c>
      <c r="J39198" s="2">
        <v>0</v>
      </c>
      <c r="K39198" s="2">
        <v>1</v>
      </c>
      <c r="L39198" t="s">
        <v>995</v>
      </c>
      <c r="M39198" t="s">
        <v>83</v>
      </c>
      <c r="N39198" t="s">
        <v>84</v>
      </c>
      <c r="O39198" t="s">
        <v>85</v>
      </c>
      <c r="P39198" t="s">
        <v>86</v>
      </c>
      <c r="Q39198">
        <v>8</v>
      </c>
      <c r="R39198">
        <v>8</v>
      </c>
      <c r="S39198">
        <v>8</v>
      </c>
      <c r="T39198">
        <v>8</v>
      </c>
      <c r="U39198">
        <v>8</v>
      </c>
      <c r="V39198">
        <v>9</v>
      </c>
      <c r="W39198">
        <v>9</v>
      </c>
      <c r="X39198">
        <v>9</v>
      </c>
      <c r="Y39198">
        <v>9</v>
      </c>
      <c r="Z39198">
        <v>9</v>
      </c>
      <c r="AA39198">
        <v>9</v>
      </c>
      <c r="AB39198">
        <v>9</v>
      </c>
      <c r="AC39198">
        <v>10</v>
      </c>
      <c r="AD39198">
        <v>10</v>
      </c>
      <c r="AE39198">
        <v>10</v>
      </c>
      <c r="AF39198">
        <v>10</v>
      </c>
      <c r="AG39198">
        <v>10</v>
      </c>
      <c r="AH39198">
        <v>10</v>
      </c>
      <c r="AI39198">
        <v>10</v>
      </c>
      <c r="AJ39198">
        <v>11</v>
      </c>
      <c r="AK39198">
        <v>11</v>
      </c>
      <c r="AL39198">
        <v>11</v>
      </c>
      <c r="AM39198">
        <v>11</v>
      </c>
      <c r="AN39198">
        <v>11</v>
      </c>
      <c r="AO39198">
        <v>11</v>
      </c>
      <c r="AP39198">
        <v>11</v>
      </c>
      <c r="AQ39198">
        <v>11</v>
      </c>
    </row>
    <row r="39199" spans="1:43">
      <c r="A39199" t="s">
        <v>24311</v>
      </c>
      <c r="B39199" t="s">
        <v>24312</v>
      </c>
      <c r="C39199" t="s">
        <v>24151</v>
      </c>
      <c r="D39199" t="s">
        <v>24152</v>
      </c>
      <c r="E39199" t="s">
        <v>24147</v>
      </c>
      <c r="F39199" t="s">
        <v>24148</v>
      </c>
      <c r="G39199" t="s">
        <v>11612</v>
      </c>
      <c r="H39199" t="s">
        <v>11613</v>
      </c>
      <c r="I39199" s="2">
        <v>0</v>
      </c>
      <c r="J39199" s="2">
        <v>0</v>
      </c>
      <c r="K39199" s="2">
        <v>1</v>
      </c>
      <c r="L39199" t="s">
        <v>995</v>
      </c>
      <c r="M39199" t="s">
        <v>87</v>
      </c>
      <c r="N39199" t="s">
        <v>88</v>
      </c>
      <c r="O39199" t="s">
        <v>85</v>
      </c>
      <c r="P39199" t="s">
        <v>86</v>
      </c>
      <c r="Q39199">
        <v>8</v>
      </c>
      <c r="R39199">
        <v>8</v>
      </c>
      <c r="S39199">
        <v>8</v>
      </c>
      <c r="T39199">
        <v>8</v>
      </c>
      <c r="U39199">
        <v>8</v>
      </c>
      <c r="V39199">
        <v>8</v>
      </c>
      <c r="W39199">
        <v>8</v>
      </c>
      <c r="X39199">
        <v>8</v>
      </c>
      <c r="Y39199">
        <v>8</v>
      </c>
      <c r="Z39199">
        <v>8</v>
      </c>
      <c r="AA39199">
        <v>8</v>
      </c>
      <c r="AB39199">
        <v>8</v>
      </c>
      <c r="AC39199">
        <v>9</v>
      </c>
      <c r="AD39199">
        <v>9</v>
      </c>
      <c r="AE39199">
        <v>9</v>
      </c>
      <c r="AF39199">
        <v>9</v>
      </c>
      <c r="AG39199">
        <v>9</v>
      </c>
      <c r="AH39199">
        <v>9</v>
      </c>
      <c r="AI39199">
        <v>9</v>
      </c>
      <c r="AJ39199">
        <v>9</v>
      </c>
      <c r="AK39199">
        <v>9</v>
      </c>
      <c r="AL39199">
        <v>9</v>
      </c>
      <c r="AM39199">
        <v>9</v>
      </c>
      <c r="AN39199">
        <v>9</v>
      </c>
      <c r="AO39199">
        <v>9</v>
      </c>
      <c r="AP39199">
        <v>9</v>
      </c>
      <c r="AQ39199">
        <v>10</v>
      </c>
    </row>
    <row r="39200" spans="1:43">
      <c r="A39200" t="s">
        <v>24311</v>
      </c>
      <c r="B39200" t="s">
        <v>24312</v>
      </c>
      <c r="C39200" t="s">
        <v>24151</v>
      </c>
      <c r="D39200" t="s">
        <v>24152</v>
      </c>
      <c r="E39200" t="s">
        <v>24147</v>
      </c>
      <c r="F39200" t="s">
        <v>24148</v>
      </c>
      <c r="G39200" t="s">
        <v>11612</v>
      </c>
      <c r="H39200" t="s">
        <v>11613</v>
      </c>
      <c r="I39200" s="2">
        <v>0</v>
      </c>
      <c r="J39200" s="2">
        <v>0</v>
      </c>
      <c r="K39200" s="2">
        <v>1</v>
      </c>
      <c r="L39200" t="s">
        <v>995</v>
      </c>
      <c r="M39200" t="s">
        <v>89</v>
      </c>
      <c r="N39200" t="s">
        <v>90</v>
      </c>
      <c r="O39200" t="s">
        <v>85</v>
      </c>
      <c r="P39200" t="s">
        <v>86</v>
      </c>
      <c r="Q39200">
        <v>8</v>
      </c>
      <c r="R39200">
        <v>8</v>
      </c>
      <c r="S39200">
        <v>8</v>
      </c>
      <c r="T39200">
        <v>9</v>
      </c>
      <c r="U39200">
        <v>9</v>
      </c>
      <c r="V39200">
        <v>9</v>
      </c>
      <c r="W39200">
        <v>9</v>
      </c>
      <c r="X39200">
        <v>9</v>
      </c>
      <c r="Y39200">
        <v>10</v>
      </c>
      <c r="Z39200">
        <v>10</v>
      </c>
      <c r="AA39200">
        <v>10</v>
      </c>
      <c r="AB39200">
        <v>10</v>
      </c>
      <c r="AC39200">
        <v>10</v>
      </c>
      <c r="AD39200">
        <v>10</v>
      </c>
      <c r="AE39200">
        <v>11</v>
      </c>
      <c r="AF39200">
        <v>11</v>
      </c>
      <c r="AG39200">
        <v>11</v>
      </c>
      <c r="AH39200">
        <v>11</v>
      </c>
      <c r="AI39200">
        <v>11</v>
      </c>
      <c r="AJ39200">
        <v>11</v>
      </c>
      <c r="AK39200">
        <v>11</v>
      </c>
      <c r="AL39200">
        <v>11</v>
      </c>
      <c r="AM39200">
        <v>11</v>
      </c>
      <c r="AN39200">
        <v>11</v>
      </c>
      <c r="AO39200">
        <v>11</v>
      </c>
      <c r="AP39200">
        <v>11</v>
      </c>
      <c r="AQ39200">
        <v>11</v>
      </c>
    </row>
    <row r="39201" spans="1:43">
      <c r="A39201" t="s">
        <v>24311</v>
      </c>
      <c r="B39201" t="s">
        <v>24312</v>
      </c>
      <c r="C39201" t="s">
        <v>24151</v>
      </c>
      <c r="D39201" t="s">
        <v>24152</v>
      </c>
      <c r="E39201" t="s">
        <v>24147</v>
      </c>
      <c r="F39201" t="s">
        <v>24148</v>
      </c>
      <c r="G39201" t="s">
        <v>11612</v>
      </c>
      <c r="H39201" t="s">
        <v>11613</v>
      </c>
      <c r="I39201" s="2">
        <v>0</v>
      </c>
      <c r="J39201" s="2">
        <v>0</v>
      </c>
      <c r="K39201" s="2">
        <v>1</v>
      </c>
      <c r="L39201" t="s">
        <v>995</v>
      </c>
      <c r="M39201" t="s">
        <v>83</v>
      </c>
      <c r="N39201" t="s">
        <v>91</v>
      </c>
      <c r="O39201" t="s">
        <v>85</v>
      </c>
      <c r="P39201" t="s">
        <v>86</v>
      </c>
      <c r="Q39201">
        <v>8</v>
      </c>
      <c r="R39201">
        <v>8</v>
      </c>
      <c r="S39201">
        <v>8</v>
      </c>
      <c r="T39201">
        <v>8</v>
      </c>
      <c r="U39201">
        <v>8</v>
      </c>
      <c r="V39201">
        <v>9</v>
      </c>
      <c r="W39201">
        <v>9</v>
      </c>
      <c r="X39201">
        <v>9</v>
      </c>
      <c r="Y39201">
        <v>9</v>
      </c>
      <c r="Z39201">
        <v>9</v>
      </c>
      <c r="AA39201">
        <v>9</v>
      </c>
      <c r="AB39201">
        <v>9</v>
      </c>
      <c r="AC39201">
        <v>10</v>
      </c>
      <c r="AD39201">
        <v>10</v>
      </c>
      <c r="AE39201">
        <v>10</v>
      </c>
      <c r="AF39201">
        <v>10</v>
      </c>
      <c r="AG39201">
        <v>10</v>
      </c>
      <c r="AH39201">
        <v>10</v>
      </c>
      <c r="AI39201">
        <v>10</v>
      </c>
      <c r="AJ39201">
        <v>11</v>
      </c>
      <c r="AK39201">
        <v>11</v>
      </c>
      <c r="AL39201">
        <v>11</v>
      </c>
      <c r="AM39201">
        <v>11</v>
      </c>
      <c r="AN39201">
        <v>11</v>
      </c>
      <c r="AO39201">
        <v>11</v>
      </c>
      <c r="AP39201">
        <v>11</v>
      </c>
      <c r="AQ39201">
        <v>11</v>
      </c>
    </row>
    <row r="39202" spans="1:43">
      <c r="A39202" t="s">
        <v>24313</v>
      </c>
      <c r="B39202" t="s">
        <v>24314</v>
      </c>
      <c r="C39202" t="s">
        <v>24157</v>
      </c>
      <c r="D39202" t="s">
        <v>24158</v>
      </c>
      <c r="E39202" t="s">
        <v>24147</v>
      </c>
      <c r="F39202" t="s">
        <v>24148</v>
      </c>
      <c r="G39202" t="s">
        <v>11612</v>
      </c>
      <c r="H39202" t="s">
        <v>11613</v>
      </c>
      <c r="I39202" s="2">
        <v>0</v>
      </c>
      <c r="J39202" s="2">
        <v>0</v>
      </c>
      <c r="K39202" s="2">
        <v>1</v>
      </c>
      <c r="L39202" t="s">
        <v>995</v>
      </c>
      <c r="M39202" t="s">
        <v>83</v>
      </c>
      <c r="N39202" t="s">
        <v>84</v>
      </c>
      <c r="O39202" t="s">
        <v>85</v>
      </c>
      <c r="P39202" t="s">
        <v>86</v>
      </c>
      <c r="Q39202">
        <v>45</v>
      </c>
      <c r="R39202">
        <v>46</v>
      </c>
      <c r="S39202">
        <v>46</v>
      </c>
      <c r="T39202">
        <v>47</v>
      </c>
      <c r="U39202">
        <v>48</v>
      </c>
      <c r="V39202">
        <v>49</v>
      </c>
      <c r="W39202">
        <v>49</v>
      </c>
      <c r="X39202">
        <v>50</v>
      </c>
      <c r="Y39202">
        <v>51</v>
      </c>
      <c r="Z39202">
        <v>52</v>
      </c>
      <c r="AA39202">
        <v>53</v>
      </c>
      <c r="AB39202">
        <v>53</v>
      </c>
      <c r="AC39202">
        <v>54</v>
      </c>
      <c r="AD39202">
        <v>55</v>
      </c>
      <c r="AE39202">
        <v>56</v>
      </c>
      <c r="AF39202">
        <v>57</v>
      </c>
      <c r="AG39202">
        <v>57</v>
      </c>
      <c r="AH39202">
        <v>58</v>
      </c>
      <c r="AI39202">
        <v>59</v>
      </c>
      <c r="AJ39202">
        <v>60</v>
      </c>
      <c r="AK39202">
        <v>61</v>
      </c>
      <c r="AL39202">
        <v>61</v>
      </c>
      <c r="AM39202">
        <v>61</v>
      </c>
      <c r="AN39202">
        <v>62</v>
      </c>
      <c r="AO39202">
        <v>62</v>
      </c>
      <c r="AP39202">
        <v>62</v>
      </c>
      <c r="AQ39202">
        <v>63</v>
      </c>
    </row>
    <row r="39203" spans="1:43">
      <c r="A39203" t="s">
        <v>24313</v>
      </c>
      <c r="B39203" t="s">
        <v>24314</v>
      </c>
      <c r="C39203" t="s">
        <v>24157</v>
      </c>
      <c r="D39203" t="s">
        <v>24158</v>
      </c>
      <c r="E39203" t="s">
        <v>24147</v>
      </c>
      <c r="F39203" t="s">
        <v>24148</v>
      </c>
      <c r="G39203" t="s">
        <v>11612</v>
      </c>
      <c r="H39203" t="s">
        <v>11613</v>
      </c>
      <c r="I39203" s="2">
        <v>0</v>
      </c>
      <c r="J39203" s="2">
        <v>0</v>
      </c>
      <c r="K39203" s="2">
        <v>1</v>
      </c>
      <c r="L39203" t="s">
        <v>995</v>
      </c>
      <c r="M39203" t="s">
        <v>87</v>
      </c>
      <c r="N39203" t="s">
        <v>88</v>
      </c>
      <c r="O39203" t="s">
        <v>85</v>
      </c>
      <c r="P39203" t="s">
        <v>86</v>
      </c>
      <c r="Q39203">
        <v>45</v>
      </c>
      <c r="R39203">
        <v>45</v>
      </c>
      <c r="S39203">
        <v>45</v>
      </c>
      <c r="T39203">
        <v>46</v>
      </c>
      <c r="U39203">
        <v>46</v>
      </c>
      <c r="V39203">
        <v>46</v>
      </c>
      <c r="W39203">
        <v>47</v>
      </c>
      <c r="X39203">
        <v>47</v>
      </c>
      <c r="Y39203">
        <v>47</v>
      </c>
      <c r="Z39203">
        <v>48</v>
      </c>
      <c r="AA39203">
        <v>48</v>
      </c>
      <c r="AB39203">
        <v>48</v>
      </c>
      <c r="AC39203">
        <v>49</v>
      </c>
      <c r="AD39203">
        <v>49</v>
      </c>
      <c r="AE39203">
        <v>49</v>
      </c>
      <c r="AF39203">
        <v>50</v>
      </c>
      <c r="AG39203">
        <v>50</v>
      </c>
      <c r="AH39203">
        <v>51</v>
      </c>
      <c r="AI39203">
        <v>51</v>
      </c>
      <c r="AJ39203">
        <v>51</v>
      </c>
      <c r="AK39203">
        <v>52</v>
      </c>
      <c r="AL39203">
        <v>52</v>
      </c>
      <c r="AM39203">
        <v>53</v>
      </c>
      <c r="AN39203">
        <v>53</v>
      </c>
      <c r="AO39203">
        <v>53</v>
      </c>
      <c r="AP39203">
        <v>54</v>
      </c>
      <c r="AQ39203">
        <v>54</v>
      </c>
    </row>
    <row r="39204" spans="1:43">
      <c r="A39204" t="s">
        <v>24313</v>
      </c>
      <c r="B39204" t="s">
        <v>24314</v>
      </c>
      <c r="C39204" t="s">
        <v>24157</v>
      </c>
      <c r="D39204" t="s">
        <v>24158</v>
      </c>
      <c r="E39204" t="s">
        <v>24147</v>
      </c>
      <c r="F39204" t="s">
        <v>24148</v>
      </c>
      <c r="G39204" t="s">
        <v>11612</v>
      </c>
      <c r="H39204" t="s">
        <v>11613</v>
      </c>
      <c r="I39204" s="2">
        <v>0</v>
      </c>
      <c r="J39204" s="2">
        <v>0</v>
      </c>
      <c r="K39204" s="2">
        <v>1</v>
      </c>
      <c r="L39204" t="s">
        <v>995</v>
      </c>
      <c r="M39204" t="s">
        <v>89</v>
      </c>
      <c r="N39204" t="s">
        <v>90</v>
      </c>
      <c r="O39204" t="s">
        <v>85</v>
      </c>
      <c r="P39204" t="s">
        <v>86</v>
      </c>
      <c r="Q39204">
        <v>45</v>
      </c>
      <c r="R39204">
        <v>47</v>
      </c>
      <c r="S39204">
        <v>48</v>
      </c>
      <c r="T39204">
        <v>49</v>
      </c>
      <c r="U39204">
        <v>50</v>
      </c>
      <c r="V39204">
        <v>51</v>
      </c>
      <c r="W39204">
        <v>52</v>
      </c>
      <c r="X39204">
        <v>53</v>
      </c>
      <c r="Y39204">
        <v>54</v>
      </c>
      <c r="Z39204">
        <v>55</v>
      </c>
      <c r="AA39204">
        <v>56</v>
      </c>
      <c r="AB39204">
        <v>57</v>
      </c>
      <c r="AC39204">
        <v>58</v>
      </c>
      <c r="AD39204">
        <v>59</v>
      </c>
      <c r="AE39204">
        <v>60</v>
      </c>
      <c r="AF39204">
        <v>60</v>
      </c>
      <c r="AG39204">
        <v>60</v>
      </c>
      <c r="AH39204">
        <v>61</v>
      </c>
      <c r="AI39204">
        <v>61</v>
      </c>
      <c r="AJ39204">
        <v>61</v>
      </c>
      <c r="AK39204">
        <v>62</v>
      </c>
      <c r="AL39204">
        <v>62</v>
      </c>
      <c r="AM39204">
        <v>62</v>
      </c>
      <c r="AN39204">
        <v>62</v>
      </c>
      <c r="AO39204">
        <v>63</v>
      </c>
      <c r="AP39204">
        <v>63</v>
      </c>
      <c r="AQ39204">
        <v>63</v>
      </c>
    </row>
    <row r="39205" spans="1:43">
      <c r="A39205" t="s">
        <v>24313</v>
      </c>
      <c r="B39205" t="s">
        <v>24314</v>
      </c>
      <c r="C39205" t="s">
        <v>24157</v>
      </c>
      <c r="D39205" t="s">
        <v>24158</v>
      </c>
      <c r="E39205" t="s">
        <v>24147</v>
      </c>
      <c r="F39205" t="s">
        <v>24148</v>
      </c>
      <c r="G39205" t="s">
        <v>11612</v>
      </c>
      <c r="H39205" t="s">
        <v>11613</v>
      </c>
      <c r="I39205" s="2">
        <v>0</v>
      </c>
      <c r="J39205" s="2">
        <v>0</v>
      </c>
      <c r="K39205" s="2">
        <v>1</v>
      </c>
      <c r="L39205" t="s">
        <v>995</v>
      </c>
      <c r="M39205" t="s">
        <v>83</v>
      </c>
      <c r="N39205" t="s">
        <v>91</v>
      </c>
      <c r="O39205" t="s">
        <v>85</v>
      </c>
      <c r="P39205" t="s">
        <v>86</v>
      </c>
      <c r="Q39205">
        <v>45</v>
      </c>
      <c r="R39205">
        <v>46</v>
      </c>
      <c r="S39205">
        <v>46</v>
      </c>
      <c r="T39205">
        <v>47</v>
      </c>
      <c r="U39205">
        <v>48</v>
      </c>
      <c r="V39205">
        <v>49</v>
      </c>
      <c r="W39205">
        <v>49</v>
      </c>
      <c r="X39205">
        <v>50</v>
      </c>
      <c r="Y39205">
        <v>51</v>
      </c>
      <c r="Z39205">
        <v>52</v>
      </c>
      <c r="AA39205">
        <v>53</v>
      </c>
      <c r="AB39205">
        <v>53</v>
      </c>
      <c r="AC39205">
        <v>54</v>
      </c>
      <c r="AD39205">
        <v>55</v>
      </c>
      <c r="AE39205">
        <v>56</v>
      </c>
      <c r="AF39205">
        <v>57</v>
      </c>
      <c r="AG39205">
        <v>57</v>
      </c>
      <c r="AH39205">
        <v>58</v>
      </c>
      <c r="AI39205">
        <v>59</v>
      </c>
      <c r="AJ39205">
        <v>60</v>
      </c>
      <c r="AK39205">
        <v>61</v>
      </c>
      <c r="AL39205">
        <v>61</v>
      </c>
      <c r="AM39205">
        <v>61</v>
      </c>
      <c r="AN39205">
        <v>62</v>
      </c>
      <c r="AO39205">
        <v>62</v>
      </c>
      <c r="AP39205">
        <v>62</v>
      </c>
      <c r="AQ39205">
        <v>63</v>
      </c>
    </row>
    <row r="39206" spans="1:43">
      <c r="A39206" t="s">
        <v>24315</v>
      </c>
      <c r="B39206" t="s">
        <v>24316</v>
      </c>
      <c r="C39206" t="s">
        <v>24237</v>
      </c>
      <c r="D39206" t="s">
        <v>24238</v>
      </c>
      <c r="E39206" t="s">
        <v>24147</v>
      </c>
      <c r="F39206" t="s">
        <v>24148</v>
      </c>
      <c r="G39206" t="s">
        <v>11612</v>
      </c>
      <c r="H39206" t="s">
        <v>11613</v>
      </c>
      <c r="I39206" s="2">
        <v>0</v>
      </c>
      <c r="J39206" s="2">
        <v>0</v>
      </c>
      <c r="K39206" s="2">
        <v>1</v>
      </c>
      <c r="L39206" t="s">
        <v>995</v>
      </c>
      <c r="M39206" t="s">
        <v>83</v>
      </c>
      <c r="N39206" t="s">
        <v>84</v>
      </c>
      <c r="O39206" t="s">
        <v>85</v>
      </c>
      <c r="P39206" t="s">
        <v>86</v>
      </c>
      <c r="Q39206">
        <v>15</v>
      </c>
      <c r="R39206">
        <v>16</v>
      </c>
      <c r="S39206">
        <v>16</v>
      </c>
      <c r="T39206">
        <v>16</v>
      </c>
      <c r="U39206">
        <v>16</v>
      </c>
      <c r="V39206">
        <v>17</v>
      </c>
      <c r="W39206">
        <v>17</v>
      </c>
      <c r="X39206">
        <v>17</v>
      </c>
      <c r="Y39206">
        <v>18</v>
      </c>
      <c r="Z39206">
        <v>18</v>
      </c>
      <c r="AA39206">
        <v>18</v>
      </c>
      <c r="AB39206">
        <v>18</v>
      </c>
      <c r="AC39206">
        <v>19</v>
      </c>
      <c r="AD39206">
        <v>19</v>
      </c>
      <c r="AE39206">
        <v>19</v>
      </c>
      <c r="AF39206">
        <v>19</v>
      </c>
      <c r="AG39206">
        <v>20</v>
      </c>
      <c r="AH39206">
        <v>20</v>
      </c>
      <c r="AI39206">
        <v>20</v>
      </c>
      <c r="AJ39206">
        <v>20</v>
      </c>
      <c r="AK39206">
        <v>21</v>
      </c>
      <c r="AL39206">
        <v>21</v>
      </c>
      <c r="AM39206">
        <v>21</v>
      </c>
      <c r="AN39206">
        <v>21</v>
      </c>
      <c r="AO39206">
        <v>21</v>
      </c>
      <c r="AP39206">
        <v>21</v>
      </c>
      <c r="AQ39206">
        <v>21</v>
      </c>
    </row>
    <row r="39207" spans="1:43">
      <c r="A39207" t="s">
        <v>24315</v>
      </c>
      <c r="B39207" t="s">
        <v>24316</v>
      </c>
      <c r="C39207" t="s">
        <v>24237</v>
      </c>
      <c r="D39207" t="s">
        <v>24238</v>
      </c>
      <c r="E39207" t="s">
        <v>24147</v>
      </c>
      <c r="F39207" t="s">
        <v>24148</v>
      </c>
      <c r="G39207" t="s">
        <v>11612</v>
      </c>
      <c r="H39207" t="s">
        <v>11613</v>
      </c>
      <c r="I39207" s="2">
        <v>0</v>
      </c>
      <c r="J39207" s="2">
        <v>0</v>
      </c>
      <c r="K39207" s="2">
        <v>1</v>
      </c>
      <c r="L39207" t="s">
        <v>995</v>
      </c>
      <c r="M39207" t="s">
        <v>87</v>
      </c>
      <c r="N39207" t="s">
        <v>88</v>
      </c>
      <c r="O39207" t="s">
        <v>85</v>
      </c>
      <c r="P39207" t="s">
        <v>86</v>
      </c>
      <c r="Q39207">
        <v>15</v>
      </c>
      <c r="R39207">
        <v>15</v>
      </c>
      <c r="S39207">
        <v>16</v>
      </c>
      <c r="T39207">
        <v>16</v>
      </c>
      <c r="U39207">
        <v>16</v>
      </c>
      <c r="V39207">
        <v>16</v>
      </c>
      <c r="W39207">
        <v>16</v>
      </c>
      <c r="X39207">
        <v>16</v>
      </c>
      <c r="Y39207">
        <v>16</v>
      </c>
      <c r="Z39207">
        <v>16</v>
      </c>
      <c r="AA39207">
        <v>16</v>
      </c>
      <c r="AB39207">
        <v>17</v>
      </c>
      <c r="AC39207">
        <v>17</v>
      </c>
      <c r="AD39207">
        <v>17</v>
      </c>
      <c r="AE39207">
        <v>17</v>
      </c>
      <c r="AF39207">
        <v>17</v>
      </c>
      <c r="AG39207">
        <v>17</v>
      </c>
      <c r="AH39207">
        <v>17</v>
      </c>
      <c r="AI39207">
        <v>17</v>
      </c>
      <c r="AJ39207">
        <v>18</v>
      </c>
      <c r="AK39207">
        <v>18</v>
      </c>
      <c r="AL39207">
        <v>18</v>
      </c>
      <c r="AM39207">
        <v>18</v>
      </c>
      <c r="AN39207">
        <v>18</v>
      </c>
      <c r="AO39207">
        <v>18</v>
      </c>
      <c r="AP39207">
        <v>18</v>
      </c>
      <c r="AQ39207">
        <v>19</v>
      </c>
    </row>
    <row r="39208" spans="1:43">
      <c r="A39208" t="s">
        <v>24315</v>
      </c>
      <c r="B39208" t="s">
        <v>24316</v>
      </c>
      <c r="C39208" t="s">
        <v>24237</v>
      </c>
      <c r="D39208" t="s">
        <v>24238</v>
      </c>
      <c r="E39208" t="s">
        <v>24147</v>
      </c>
      <c r="F39208" t="s">
        <v>24148</v>
      </c>
      <c r="G39208" t="s">
        <v>11612</v>
      </c>
      <c r="H39208" t="s">
        <v>11613</v>
      </c>
      <c r="I39208" s="2">
        <v>0</v>
      </c>
      <c r="J39208" s="2">
        <v>0</v>
      </c>
      <c r="K39208" s="2">
        <v>1</v>
      </c>
      <c r="L39208" t="s">
        <v>995</v>
      </c>
      <c r="M39208" t="s">
        <v>89</v>
      </c>
      <c r="N39208" t="s">
        <v>90</v>
      </c>
      <c r="O39208" t="s">
        <v>85</v>
      </c>
      <c r="P39208" t="s">
        <v>86</v>
      </c>
      <c r="Q39208">
        <v>15</v>
      </c>
      <c r="R39208">
        <v>15</v>
      </c>
      <c r="S39208">
        <v>15</v>
      </c>
      <c r="T39208">
        <v>16</v>
      </c>
      <c r="U39208">
        <v>16</v>
      </c>
      <c r="V39208">
        <v>17</v>
      </c>
      <c r="W39208">
        <v>17</v>
      </c>
      <c r="X39208">
        <v>17</v>
      </c>
      <c r="Y39208">
        <v>18</v>
      </c>
      <c r="Z39208">
        <v>18</v>
      </c>
      <c r="AA39208">
        <v>18</v>
      </c>
      <c r="AB39208">
        <v>19</v>
      </c>
      <c r="AC39208">
        <v>19</v>
      </c>
      <c r="AD39208">
        <v>19</v>
      </c>
      <c r="AE39208">
        <v>20</v>
      </c>
      <c r="AF39208">
        <v>20</v>
      </c>
      <c r="AG39208">
        <v>20</v>
      </c>
      <c r="AH39208">
        <v>20</v>
      </c>
      <c r="AI39208">
        <v>20</v>
      </c>
      <c r="AJ39208">
        <v>20</v>
      </c>
      <c r="AK39208">
        <v>20</v>
      </c>
      <c r="AL39208">
        <v>20</v>
      </c>
      <c r="AM39208">
        <v>20</v>
      </c>
      <c r="AN39208">
        <v>20</v>
      </c>
      <c r="AO39208">
        <v>20</v>
      </c>
      <c r="AP39208">
        <v>20</v>
      </c>
      <c r="AQ39208">
        <v>21</v>
      </c>
    </row>
    <row r="39209" spans="1:43">
      <c r="A39209" t="s">
        <v>24315</v>
      </c>
      <c r="B39209" t="s">
        <v>24316</v>
      </c>
      <c r="C39209" t="s">
        <v>24237</v>
      </c>
      <c r="D39209" t="s">
        <v>24238</v>
      </c>
      <c r="E39209" t="s">
        <v>24147</v>
      </c>
      <c r="F39209" t="s">
        <v>24148</v>
      </c>
      <c r="G39209" t="s">
        <v>11612</v>
      </c>
      <c r="H39209" t="s">
        <v>11613</v>
      </c>
      <c r="I39209" s="2">
        <v>0</v>
      </c>
      <c r="J39209" s="2">
        <v>0</v>
      </c>
      <c r="K39209" s="2">
        <v>1</v>
      </c>
      <c r="L39209" t="s">
        <v>995</v>
      </c>
      <c r="M39209" t="s">
        <v>83</v>
      </c>
      <c r="N39209" t="s">
        <v>91</v>
      </c>
      <c r="O39209" t="s">
        <v>85</v>
      </c>
      <c r="P39209" t="s">
        <v>86</v>
      </c>
      <c r="Q39209">
        <v>15</v>
      </c>
      <c r="R39209">
        <v>16</v>
      </c>
      <c r="S39209">
        <v>16</v>
      </c>
      <c r="T39209">
        <v>16</v>
      </c>
      <c r="U39209">
        <v>16</v>
      </c>
      <c r="V39209">
        <v>17</v>
      </c>
      <c r="W39209">
        <v>17</v>
      </c>
      <c r="X39209">
        <v>17</v>
      </c>
      <c r="Y39209">
        <v>18</v>
      </c>
      <c r="Z39209">
        <v>18</v>
      </c>
      <c r="AA39209">
        <v>18</v>
      </c>
      <c r="AB39209">
        <v>18</v>
      </c>
      <c r="AC39209">
        <v>19</v>
      </c>
      <c r="AD39209">
        <v>19</v>
      </c>
      <c r="AE39209">
        <v>19</v>
      </c>
      <c r="AF39209">
        <v>19</v>
      </c>
      <c r="AG39209">
        <v>20</v>
      </c>
      <c r="AH39209">
        <v>20</v>
      </c>
      <c r="AI39209">
        <v>20</v>
      </c>
      <c r="AJ39209">
        <v>20</v>
      </c>
      <c r="AK39209">
        <v>21</v>
      </c>
      <c r="AL39209">
        <v>21</v>
      </c>
      <c r="AM39209">
        <v>21</v>
      </c>
      <c r="AN39209">
        <v>21</v>
      </c>
      <c r="AO39209">
        <v>21</v>
      </c>
      <c r="AP39209">
        <v>21</v>
      </c>
      <c r="AQ39209">
        <v>21</v>
      </c>
    </row>
    <row r="39210" spans="1:43">
      <c r="A39210" t="s">
        <v>24317</v>
      </c>
      <c r="B39210" t="s">
        <v>24318</v>
      </c>
      <c r="C39210" t="s">
        <v>24161</v>
      </c>
      <c r="D39210" t="s">
        <v>24162</v>
      </c>
      <c r="E39210" t="s">
        <v>24147</v>
      </c>
      <c r="F39210" t="s">
        <v>24148</v>
      </c>
      <c r="G39210" t="s">
        <v>11612</v>
      </c>
      <c r="H39210" t="s">
        <v>11613</v>
      </c>
      <c r="I39210" s="2">
        <v>0</v>
      </c>
      <c r="J39210" s="2">
        <v>0</v>
      </c>
      <c r="K39210" s="2">
        <v>1</v>
      </c>
      <c r="L39210" t="s">
        <v>995</v>
      </c>
      <c r="M39210" t="s">
        <v>83</v>
      </c>
      <c r="N39210" t="s">
        <v>84</v>
      </c>
      <c r="O39210" t="s">
        <v>85</v>
      </c>
      <c r="P39210" t="s">
        <v>86</v>
      </c>
      <c r="Q39210">
        <v>19</v>
      </c>
      <c r="R39210">
        <v>19</v>
      </c>
      <c r="S39210">
        <v>19</v>
      </c>
      <c r="T39210">
        <v>20</v>
      </c>
      <c r="U39210">
        <v>20</v>
      </c>
      <c r="V39210">
        <v>20</v>
      </c>
      <c r="W39210">
        <v>21</v>
      </c>
      <c r="X39210">
        <v>21</v>
      </c>
      <c r="Y39210">
        <v>21</v>
      </c>
      <c r="Z39210">
        <v>22</v>
      </c>
      <c r="AA39210">
        <v>22</v>
      </c>
      <c r="AB39210">
        <v>22</v>
      </c>
      <c r="AC39210">
        <v>22</v>
      </c>
      <c r="AD39210">
        <v>23</v>
      </c>
      <c r="AE39210">
        <v>23</v>
      </c>
      <c r="AF39210">
        <v>23</v>
      </c>
      <c r="AG39210">
        <v>24</v>
      </c>
      <c r="AH39210">
        <v>24</v>
      </c>
      <c r="AI39210">
        <v>24</v>
      </c>
      <c r="AJ39210">
        <v>25</v>
      </c>
      <c r="AK39210">
        <v>25</v>
      </c>
      <c r="AL39210">
        <v>25</v>
      </c>
      <c r="AM39210">
        <v>25</v>
      </c>
      <c r="AN39210">
        <v>25</v>
      </c>
      <c r="AO39210">
        <v>26</v>
      </c>
      <c r="AP39210">
        <v>26</v>
      </c>
      <c r="AQ39210">
        <v>26</v>
      </c>
    </row>
    <row r="39211" spans="1:43">
      <c r="A39211" t="s">
        <v>24317</v>
      </c>
      <c r="B39211" t="s">
        <v>24318</v>
      </c>
      <c r="C39211" t="s">
        <v>24161</v>
      </c>
      <c r="D39211" t="s">
        <v>24162</v>
      </c>
      <c r="E39211" t="s">
        <v>24147</v>
      </c>
      <c r="F39211" t="s">
        <v>24148</v>
      </c>
      <c r="G39211" t="s">
        <v>11612</v>
      </c>
      <c r="H39211" t="s">
        <v>11613</v>
      </c>
      <c r="I39211" s="2">
        <v>0</v>
      </c>
      <c r="J39211" s="2">
        <v>0</v>
      </c>
      <c r="K39211" s="2">
        <v>1</v>
      </c>
      <c r="L39211" t="s">
        <v>995</v>
      </c>
      <c r="M39211" t="s">
        <v>87</v>
      </c>
      <c r="N39211" t="s">
        <v>88</v>
      </c>
      <c r="O39211" t="s">
        <v>85</v>
      </c>
      <c r="P39211" t="s">
        <v>86</v>
      </c>
      <c r="Q39211">
        <v>19</v>
      </c>
      <c r="R39211">
        <v>19</v>
      </c>
      <c r="S39211">
        <v>19</v>
      </c>
      <c r="T39211">
        <v>19</v>
      </c>
      <c r="U39211">
        <v>19</v>
      </c>
      <c r="V39211">
        <v>19</v>
      </c>
      <c r="W39211">
        <v>19</v>
      </c>
      <c r="X39211">
        <v>19</v>
      </c>
      <c r="Y39211">
        <v>20</v>
      </c>
      <c r="Z39211">
        <v>20</v>
      </c>
      <c r="AA39211">
        <v>20</v>
      </c>
      <c r="AB39211">
        <v>20</v>
      </c>
      <c r="AC39211">
        <v>20</v>
      </c>
      <c r="AD39211">
        <v>20</v>
      </c>
      <c r="AE39211">
        <v>20</v>
      </c>
      <c r="AF39211">
        <v>21</v>
      </c>
      <c r="AG39211">
        <v>21</v>
      </c>
      <c r="AH39211">
        <v>21</v>
      </c>
      <c r="AI39211">
        <v>21</v>
      </c>
      <c r="AJ39211">
        <v>21</v>
      </c>
      <c r="AK39211">
        <v>21</v>
      </c>
      <c r="AL39211">
        <v>22</v>
      </c>
      <c r="AM39211">
        <v>22</v>
      </c>
      <c r="AN39211">
        <v>22</v>
      </c>
      <c r="AO39211">
        <v>22</v>
      </c>
      <c r="AP39211">
        <v>22</v>
      </c>
      <c r="AQ39211">
        <v>22</v>
      </c>
    </row>
    <row r="39212" spans="1:43">
      <c r="A39212" t="s">
        <v>24317</v>
      </c>
      <c r="B39212" t="s">
        <v>24318</v>
      </c>
      <c r="C39212" t="s">
        <v>24161</v>
      </c>
      <c r="D39212" t="s">
        <v>24162</v>
      </c>
      <c r="E39212" t="s">
        <v>24147</v>
      </c>
      <c r="F39212" t="s">
        <v>24148</v>
      </c>
      <c r="G39212" t="s">
        <v>11612</v>
      </c>
      <c r="H39212" t="s">
        <v>11613</v>
      </c>
      <c r="I39212" s="2">
        <v>0</v>
      </c>
      <c r="J39212" s="2">
        <v>0</v>
      </c>
      <c r="K39212" s="2">
        <v>1</v>
      </c>
      <c r="L39212" t="s">
        <v>995</v>
      </c>
      <c r="M39212" t="s">
        <v>89</v>
      </c>
      <c r="N39212" t="s">
        <v>90</v>
      </c>
      <c r="O39212" t="s">
        <v>85</v>
      </c>
      <c r="P39212" t="s">
        <v>86</v>
      </c>
      <c r="Q39212">
        <v>19</v>
      </c>
      <c r="R39212">
        <v>19</v>
      </c>
      <c r="S39212">
        <v>20</v>
      </c>
      <c r="T39212">
        <v>20</v>
      </c>
      <c r="U39212">
        <v>21</v>
      </c>
      <c r="V39212">
        <v>21</v>
      </c>
      <c r="W39212">
        <v>22</v>
      </c>
      <c r="X39212">
        <v>22</v>
      </c>
      <c r="Y39212">
        <v>22</v>
      </c>
      <c r="Z39212">
        <v>23</v>
      </c>
      <c r="AA39212">
        <v>23</v>
      </c>
      <c r="AB39212">
        <v>24</v>
      </c>
      <c r="AC39212">
        <v>24</v>
      </c>
      <c r="AD39212">
        <v>25</v>
      </c>
      <c r="AE39212">
        <v>25</v>
      </c>
      <c r="AF39212">
        <v>25</v>
      </c>
      <c r="AG39212">
        <v>25</v>
      </c>
      <c r="AH39212">
        <v>25</v>
      </c>
      <c r="AI39212">
        <v>25</v>
      </c>
      <c r="AJ39212">
        <v>25</v>
      </c>
      <c r="AK39212">
        <v>25</v>
      </c>
      <c r="AL39212">
        <v>25</v>
      </c>
      <c r="AM39212">
        <v>26</v>
      </c>
      <c r="AN39212">
        <v>26</v>
      </c>
      <c r="AO39212">
        <v>26</v>
      </c>
      <c r="AP39212">
        <v>26</v>
      </c>
      <c r="AQ39212">
        <v>26</v>
      </c>
    </row>
    <row r="39213" spans="1:43">
      <c r="A39213" t="s">
        <v>24317</v>
      </c>
      <c r="B39213" t="s">
        <v>24318</v>
      </c>
      <c r="C39213" t="s">
        <v>24161</v>
      </c>
      <c r="D39213" t="s">
        <v>24162</v>
      </c>
      <c r="E39213" t="s">
        <v>24147</v>
      </c>
      <c r="F39213" t="s">
        <v>24148</v>
      </c>
      <c r="G39213" t="s">
        <v>11612</v>
      </c>
      <c r="H39213" t="s">
        <v>11613</v>
      </c>
      <c r="I39213" s="2">
        <v>0</v>
      </c>
      <c r="J39213" s="2">
        <v>0</v>
      </c>
      <c r="K39213" s="2">
        <v>1</v>
      </c>
      <c r="L39213" t="s">
        <v>995</v>
      </c>
      <c r="M39213" t="s">
        <v>83</v>
      </c>
      <c r="N39213" t="s">
        <v>91</v>
      </c>
      <c r="O39213" t="s">
        <v>85</v>
      </c>
      <c r="P39213" t="s">
        <v>86</v>
      </c>
      <c r="Q39213">
        <v>19</v>
      </c>
      <c r="R39213">
        <v>19</v>
      </c>
      <c r="S39213">
        <v>19</v>
      </c>
      <c r="T39213">
        <v>20</v>
      </c>
      <c r="U39213">
        <v>20</v>
      </c>
      <c r="V39213">
        <v>20</v>
      </c>
      <c r="W39213">
        <v>21</v>
      </c>
      <c r="X39213">
        <v>21</v>
      </c>
      <c r="Y39213">
        <v>21</v>
      </c>
      <c r="Z39213">
        <v>22</v>
      </c>
      <c r="AA39213">
        <v>22</v>
      </c>
      <c r="AB39213">
        <v>22</v>
      </c>
      <c r="AC39213">
        <v>22</v>
      </c>
      <c r="AD39213">
        <v>23</v>
      </c>
      <c r="AE39213">
        <v>23</v>
      </c>
      <c r="AF39213">
        <v>23</v>
      </c>
      <c r="AG39213">
        <v>24</v>
      </c>
      <c r="AH39213">
        <v>24</v>
      </c>
      <c r="AI39213">
        <v>24</v>
      </c>
      <c r="AJ39213">
        <v>25</v>
      </c>
      <c r="AK39213">
        <v>25</v>
      </c>
      <c r="AL39213">
        <v>25</v>
      </c>
      <c r="AM39213">
        <v>25</v>
      </c>
      <c r="AN39213">
        <v>25</v>
      </c>
      <c r="AO39213">
        <v>26</v>
      </c>
      <c r="AP39213">
        <v>26</v>
      </c>
      <c r="AQ39213">
        <v>26</v>
      </c>
    </row>
    <row r="39214" spans="1:43">
      <c r="A39214" t="s">
        <v>24319</v>
      </c>
      <c r="B39214" t="s">
        <v>24320</v>
      </c>
      <c r="C39214" t="s">
        <v>24203</v>
      </c>
      <c r="D39214" t="s">
        <v>24204</v>
      </c>
      <c r="E39214" t="s">
        <v>24147</v>
      </c>
      <c r="F39214" t="s">
        <v>24148</v>
      </c>
      <c r="G39214" t="s">
        <v>11612</v>
      </c>
      <c r="H39214" t="s">
        <v>11613</v>
      </c>
      <c r="I39214" s="2">
        <v>0</v>
      </c>
      <c r="J39214" s="2">
        <v>0</v>
      </c>
      <c r="K39214" s="2">
        <v>1</v>
      </c>
      <c r="L39214" t="s">
        <v>995</v>
      </c>
      <c r="M39214" t="s">
        <v>83</v>
      </c>
      <c r="N39214" t="s">
        <v>84</v>
      </c>
      <c r="O39214" t="s">
        <v>85</v>
      </c>
      <c r="P39214" t="s">
        <v>86</v>
      </c>
      <c r="Q39214">
        <v>15</v>
      </c>
      <c r="R39214">
        <v>15</v>
      </c>
      <c r="S39214">
        <v>16</v>
      </c>
      <c r="T39214">
        <v>16</v>
      </c>
      <c r="U39214">
        <v>16</v>
      </c>
      <c r="V39214">
        <v>16</v>
      </c>
      <c r="W39214">
        <v>17</v>
      </c>
      <c r="X39214">
        <v>17</v>
      </c>
      <c r="Y39214">
        <v>17</v>
      </c>
      <c r="Z39214">
        <v>17</v>
      </c>
      <c r="AA39214">
        <v>18</v>
      </c>
      <c r="AB39214">
        <v>18</v>
      </c>
      <c r="AC39214">
        <v>18</v>
      </c>
      <c r="AD39214">
        <v>19</v>
      </c>
      <c r="AE39214">
        <v>19</v>
      </c>
      <c r="AF39214">
        <v>19</v>
      </c>
      <c r="AG39214">
        <v>19</v>
      </c>
      <c r="AH39214">
        <v>20</v>
      </c>
      <c r="AI39214">
        <v>20</v>
      </c>
      <c r="AJ39214">
        <v>20</v>
      </c>
      <c r="AK39214">
        <v>21</v>
      </c>
      <c r="AL39214">
        <v>21</v>
      </c>
      <c r="AM39214">
        <v>21</v>
      </c>
      <c r="AN39214">
        <v>21</v>
      </c>
      <c r="AO39214">
        <v>21</v>
      </c>
      <c r="AP39214">
        <v>21</v>
      </c>
      <c r="AQ39214">
        <v>21</v>
      </c>
    </row>
    <row r="39215" spans="1:43">
      <c r="A39215" t="s">
        <v>24319</v>
      </c>
      <c r="B39215" t="s">
        <v>24320</v>
      </c>
      <c r="C39215" t="s">
        <v>24203</v>
      </c>
      <c r="D39215" t="s">
        <v>24204</v>
      </c>
      <c r="E39215" t="s">
        <v>24147</v>
      </c>
      <c r="F39215" t="s">
        <v>24148</v>
      </c>
      <c r="G39215" t="s">
        <v>11612</v>
      </c>
      <c r="H39215" t="s">
        <v>11613</v>
      </c>
      <c r="I39215" s="2">
        <v>0</v>
      </c>
      <c r="J39215" s="2">
        <v>0</v>
      </c>
      <c r="K39215" s="2">
        <v>1</v>
      </c>
      <c r="L39215" t="s">
        <v>995</v>
      </c>
      <c r="M39215" t="s">
        <v>87</v>
      </c>
      <c r="N39215" t="s">
        <v>88</v>
      </c>
      <c r="O39215" t="s">
        <v>85</v>
      </c>
      <c r="P39215" t="s">
        <v>86</v>
      </c>
      <c r="Q39215">
        <v>15</v>
      </c>
      <c r="R39215">
        <v>15</v>
      </c>
      <c r="S39215">
        <v>15</v>
      </c>
      <c r="T39215">
        <v>15</v>
      </c>
      <c r="U39215">
        <v>15</v>
      </c>
      <c r="V39215">
        <v>15</v>
      </c>
      <c r="W39215">
        <v>16</v>
      </c>
      <c r="X39215">
        <v>16</v>
      </c>
      <c r="Y39215">
        <v>16</v>
      </c>
      <c r="Z39215">
        <v>16</v>
      </c>
      <c r="AA39215">
        <v>16</v>
      </c>
      <c r="AB39215">
        <v>16</v>
      </c>
      <c r="AC39215">
        <v>16</v>
      </c>
      <c r="AD39215">
        <v>17</v>
      </c>
      <c r="AE39215">
        <v>17</v>
      </c>
      <c r="AF39215">
        <v>17</v>
      </c>
      <c r="AG39215">
        <v>17</v>
      </c>
      <c r="AH39215">
        <v>17</v>
      </c>
      <c r="AI39215">
        <v>17</v>
      </c>
      <c r="AJ39215">
        <v>17</v>
      </c>
      <c r="AK39215">
        <v>18</v>
      </c>
      <c r="AL39215">
        <v>18</v>
      </c>
      <c r="AM39215">
        <v>18</v>
      </c>
      <c r="AN39215">
        <v>18</v>
      </c>
      <c r="AO39215">
        <v>18</v>
      </c>
      <c r="AP39215">
        <v>18</v>
      </c>
      <c r="AQ39215">
        <v>18</v>
      </c>
    </row>
    <row r="39216" spans="1:43">
      <c r="A39216" t="s">
        <v>24319</v>
      </c>
      <c r="B39216" t="s">
        <v>24320</v>
      </c>
      <c r="C39216" t="s">
        <v>24203</v>
      </c>
      <c r="D39216" t="s">
        <v>24204</v>
      </c>
      <c r="E39216" t="s">
        <v>24147</v>
      </c>
      <c r="F39216" t="s">
        <v>24148</v>
      </c>
      <c r="G39216" t="s">
        <v>11612</v>
      </c>
      <c r="H39216" t="s">
        <v>11613</v>
      </c>
      <c r="I39216" s="2">
        <v>0</v>
      </c>
      <c r="J39216" s="2">
        <v>0</v>
      </c>
      <c r="K39216" s="2">
        <v>1</v>
      </c>
      <c r="L39216" t="s">
        <v>995</v>
      </c>
      <c r="M39216" t="s">
        <v>89</v>
      </c>
      <c r="N39216" t="s">
        <v>90</v>
      </c>
      <c r="O39216" t="s">
        <v>85</v>
      </c>
      <c r="P39216" t="s">
        <v>86</v>
      </c>
      <c r="Q39216">
        <v>15</v>
      </c>
      <c r="R39216">
        <v>16</v>
      </c>
      <c r="S39216">
        <v>16</v>
      </c>
      <c r="T39216">
        <v>16</v>
      </c>
      <c r="U39216">
        <v>17</v>
      </c>
      <c r="V39216">
        <v>17</v>
      </c>
      <c r="W39216">
        <v>17</v>
      </c>
      <c r="X39216">
        <v>18</v>
      </c>
      <c r="Y39216">
        <v>18</v>
      </c>
      <c r="Z39216">
        <v>19</v>
      </c>
      <c r="AA39216">
        <v>19</v>
      </c>
      <c r="AB39216">
        <v>19</v>
      </c>
      <c r="AC39216">
        <v>20</v>
      </c>
      <c r="AD39216">
        <v>20</v>
      </c>
      <c r="AE39216">
        <v>20</v>
      </c>
      <c r="AF39216">
        <v>20</v>
      </c>
      <c r="AG39216">
        <v>20</v>
      </c>
      <c r="AH39216">
        <v>20</v>
      </c>
      <c r="AI39216">
        <v>21</v>
      </c>
      <c r="AJ39216">
        <v>21</v>
      </c>
      <c r="AK39216">
        <v>21</v>
      </c>
      <c r="AL39216">
        <v>21</v>
      </c>
      <c r="AM39216">
        <v>21</v>
      </c>
      <c r="AN39216">
        <v>21</v>
      </c>
      <c r="AO39216">
        <v>21</v>
      </c>
      <c r="AP39216">
        <v>21</v>
      </c>
      <c r="AQ39216">
        <v>22</v>
      </c>
    </row>
    <row r="39217" spans="1:43">
      <c r="A39217" t="s">
        <v>24319</v>
      </c>
      <c r="B39217" t="s">
        <v>24320</v>
      </c>
      <c r="C39217" t="s">
        <v>24203</v>
      </c>
      <c r="D39217" t="s">
        <v>24204</v>
      </c>
      <c r="E39217" t="s">
        <v>24147</v>
      </c>
      <c r="F39217" t="s">
        <v>24148</v>
      </c>
      <c r="G39217" t="s">
        <v>11612</v>
      </c>
      <c r="H39217" t="s">
        <v>11613</v>
      </c>
      <c r="I39217" s="2">
        <v>0</v>
      </c>
      <c r="J39217" s="2">
        <v>0</v>
      </c>
      <c r="K39217" s="2">
        <v>1</v>
      </c>
      <c r="L39217" t="s">
        <v>995</v>
      </c>
      <c r="M39217" t="s">
        <v>83</v>
      </c>
      <c r="N39217" t="s">
        <v>91</v>
      </c>
      <c r="O39217" t="s">
        <v>85</v>
      </c>
      <c r="P39217" t="s">
        <v>86</v>
      </c>
      <c r="Q39217">
        <v>15</v>
      </c>
      <c r="R39217">
        <v>15</v>
      </c>
      <c r="S39217">
        <v>16</v>
      </c>
      <c r="T39217">
        <v>16</v>
      </c>
      <c r="U39217">
        <v>16</v>
      </c>
      <c r="V39217">
        <v>16</v>
      </c>
      <c r="W39217">
        <v>17</v>
      </c>
      <c r="X39217">
        <v>17</v>
      </c>
      <c r="Y39217">
        <v>17</v>
      </c>
      <c r="Z39217">
        <v>17</v>
      </c>
      <c r="AA39217">
        <v>18</v>
      </c>
      <c r="AB39217">
        <v>18</v>
      </c>
      <c r="AC39217">
        <v>18</v>
      </c>
      <c r="AD39217">
        <v>19</v>
      </c>
      <c r="AE39217">
        <v>19</v>
      </c>
      <c r="AF39217">
        <v>19</v>
      </c>
      <c r="AG39217">
        <v>19</v>
      </c>
      <c r="AH39217">
        <v>20</v>
      </c>
      <c r="AI39217">
        <v>20</v>
      </c>
      <c r="AJ39217">
        <v>20</v>
      </c>
      <c r="AK39217">
        <v>21</v>
      </c>
      <c r="AL39217">
        <v>21</v>
      </c>
      <c r="AM39217">
        <v>21</v>
      </c>
      <c r="AN39217">
        <v>21</v>
      </c>
      <c r="AO39217">
        <v>21</v>
      </c>
      <c r="AP39217">
        <v>21</v>
      </c>
      <c r="AQ39217">
        <v>21</v>
      </c>
    </row>
    <row r="39218" spans="1:43">
      <c r="A39218" t="s">
        <v>24321</v>
      </c>
      <c r="B39218" t="s">
        <v>24322</v>
      </c>
      <c r="C39218" t="s">
        <v>24237</v>
      </c>
      <c r="D39218" t="s">
        <v>24238</v>
      </c>
      <c r="E39218" t="s">
        <v>24147</v>
      </c>
      <c r="F39218" t="s">
        <v>24148</v>
      </c>
      <c r="G39218" t="s">
        <v>11612</v>
      </c>
      <c r="H39218" t="s">
        <v>11613</v>
      </c>
      <c r="I39218" s="2">
        <v>0</v>
      </c>
      <c r="J39218" s="2">
        <v>0</v>
      </c>
      <c r="K39218" s="2">
        <v>1</v>
      </c>
      <c r="L39218" t="s">
        <v>995</v>
      </c>
      <c r="M39218" t="s">
        <v>83</v>
      </c>
      <c r="N39218" t="s">
        <v>84</v>
      </c>
      <c r="O39218" t="s">
        <v>85</v>
      </c>
      <c r="P39218" t="s">
        <v>86</v>
      </c>
      <c r="Q39218">
        <v>6</v>
      </c>
      <c r="R39218">
        <v>6</v>
      </c>
      <c r="S39218">
        <v>6</v>
      </c>
      <c r="T39218">
        <v>6</v>
      </c>
      <c r="U39218">
        <v>7</v>
      </c>
      <c r="V39218">
        <v>7</v>
      </c>
      <c r="W39218">
        <v>7</v>
      </c>
      <c r="X39218">
        <v>7</v>
      </c>
      <c r="Y39218">
        <v>7</v>
      </c>
      <c r="Z39218">
        <v>7</v>
      </c>
      <c r="AA39218">
        <v>7</v>
      </c>
      <c r="AB39218">
        <v>7</v>
      </c>
      <c r="AC39218">
        <v>7</v>
      </c>
      <c r="AD39218">
        <v>8</v>
      </c>
      <c r="AE39218">
        <v>8</v>
      </c>
      <c r="AF39218">
        <v>8</v>
      </c>
      <c r="AG39218">
        <v>8</v>
      </c>
      <c r="AH39218">
        <v>8</v>
      </c>
      <c r="AI39218">
        <v>8</v>
      </c>
      <c r="AJ39218">
        <v>8</v>
      </c>
      <c r="AK39218">
        <v>8</v>
      </c>
      <c r="AL39218">
        <v>8</v>
      </c>
      <c r="AM39218">
        <v>9</v>
      </c>
      <c r="AN39218">
        <v>9</v>
      </c>
      <c r="AO39218">
        <v>9</v>
      </c>
      <c r="AP39218">
        <v>9</v>
      </c>
      <c r="AQ39218">
        <v>9</v>
      </c>
    </row>
    <row r="39219" spans="1:43">
      <c r="A39219" t="s">
        <v>24321</v>
      </c>
      <c r="B39219" t="s">
        <v>24322</v>
      </c>
      <c r="C39219" t="s">
        <v>24237</v>
      </c>
      <c r="D39219" t="s">
        <v>24238</v>
      </c>
      <c r="E39219" t="s">
        <v>24147</v>
      </c>
      <c r="F39219" t="s">
        <v>24148</v>
      </c>
      <c r="G39219" t="s">
        <v>11612</v>
      </c>
      <c r="H39219" t="s">
        <v>11613</v>
      </c>
      <c r="I39219" s="2">
        <v>0</v>
      </c>
      <c r="J39219" s="2">
        <v>0</v>
      </c>
      <c r="K39219" s="2">
        <v>1</v>
      </c>
      <c r="L39219" t="s">
        <v>995</v>
      </c>
      <c r="M39219" t="s">
        <v>87</v>
      </c>
      <c r="N39219" t="s">
        <v>88</v>
      </c>
      <c r="O39219" t="s">
        <v>85</v>
      </c>
      <c r="P39219" t="s">
        <v>86</v>
      </c>
      <c r="Q39219">
        <v>6</v>
      </c>
      <c r="R39219">
        <v>6</v>
      </c>
      <c r="S39219">
        <v>6</v>
      </c>
      <c r="T39219">
        <v>6</v>
      </c>
      <c r="U39219">
        <v>6</v>
      </c>
      <c r="V39219">
        <v>6</v>
      </c>
      <c r="W39219">
        <v>6</v>
      </c>
      <c r="X39219">
        <v>6</v>
      </c>
      <c r="Y39219">
        <v>7</v>
      </c>
      <c r="Z39219">
        <v>7</v>
      </c>
      <c r="AA39219">
        <v>7</v>
      </c>
      <c r="AB39219">
        <v>7</v>
      </c>
      <c r="AC39219">
        <v>7</v>
      </c>
      <c r="AD39219">
        <v>7</v>
      </c>
      <c r="AE39219">
        <v>7</v>
      </c>
      <c r="AF39219">
        <v>7</v>
      </c>
      <c r="AG39219">
        <v>7</v>
      </c>
      <c r="AH39219">
        <v>7</v>
      </c>
      <c r="AI39219">
        <v>7</v>
      </c>
      <c r="AJ39219">
        <v>7</v>
      </c>
      <c r="AK39219">
        <v>7</v>
      </c>
      <c r="AL39219">
        <v>7</v>
      </c>
      <c r="AM39219">
        <v>7</v>
      </c>
      <c r="AN39219">
        <v>7</v>
      </c>
      <c r="AO39219">
        <v>7</v>
      </c>
      <c r="AP39219">
        <v>8</v>
      </c>
      <c r="AQ39219">
        <v>8</v>
      </c>
    </row>
    <row r="39220" spans="1:43">
      <c r="A39220" t="s">
        <v>24321</v>
      </c>
      <c r="B39220" t="s">
        <v>24322</v>
      </c>
      <c r="C39220" t="s">
        <v>24237</v>
      </c>
      <c r="D39220" t="s">
        <v>24238</v>
      </c>
      <c r="E39220" t="s">
        <v>24147</v>
      </c>
      <c r="F39220" t="s">
        <v>24148</v>
      </c>
      <c r="G39220" t="s">
        <v>11612</v>
      </c>
      <c r="H39220" t="s">
        <v>11613</v>
      </c>
      <c r="I39220" s="2">
        <v>0</v>
      </c>
      <c r="J39220" s="2">
        <v>0</v>
      </c>
      <c r="K39220" s="2">
        <v>1</v>
      </c>
      <c r="L39220" t="s">
        <v>995</v>
      </c>
      <c r="M39220" t="s">
        <v>89</v>
      </c>
      <c r="N39220" t="s">
        <v>90</v>
      </c>
      <c r="O39220" t="s">
        <v>85</v>
      </c>
      <c r="P39220" t="s">
        <v>86</v>
      </c>
      <c r="Q39220">
        <v>6</v>
      </c>
      <c r="R39220">
        <v>6</v>
      </c>
      <c r="S39220">
        <v>7</v>
      </c>
      <c r="T39220">
        <v>7</v>
      </c>
      <c r="U39220">
        <v>7</v>
      </c>
      <c r="V39220">
        <v>7</v>
      </c>
      <c r="W39220">
        <v>7</v>
      </c>
      <c r="X39220">
        <v>7</v>
      </c>
      <c r="Y39220">
        <v>7</v>
      </c>
      <c r="Z39220">
        <v>8</v>
      </c>
      <c r="AA39220">
        <v>8</v>
      </c>
      <c r="AB39220">
        <v>8</v>
      </c>
      <c r="AC39220">
        <v>8</v>
      </c>
      <c r="AD39220">
        <v>8</v>
      </c>
      <c r="AE39220">
        <v>8</v>
      </c>
      <c r="AF39220">
        <v>8</v>
      </c>
      <c r="AG39220">
        <v>8</v>
      </c>
      <c r="AH39220">
        <v>8</v>
      </c>
      <c r="AI39220">
        <v>8</v>
      </c>
      <c r="AJ39220">
        <v>9</v>
      </c>
      <c r="AK39220">
        <v>9</v>
      </c>
      <c r="AL39220">
        <v>9</v>
      </c>
      <c r="AM39220">
        <v>9</v>
      </c>
      <c r="AN39220">
        <v>9</v>
      </c>
      <c r="AO39220">
        <v>9</v>
      </c>
      <c r="AP39220">
        <v>9</v>
      </c>
      <c r="AQ39220">
        <v>9</v>
      </c>
    </row>
    <row r="39221" spans="1:43">
      <c r="A39221" t="s">
        <v>24321</v>
      </c>
      <c r="B39221" t="s">
        <v>24322</v>
      </c>
      <c r="C39221" t="s">
        <v>24237</v>
      </c>
      <c r="D39221" t="s">
        <v>24238</v>
      </c>
      <c r="E39221" t="s">
        <v>24147</v>
      </c>
      <c r="F39221" t="s">
        <v>24148</v>
      </c>
      <c r="G39221" t="s">
        <v>11612</v>
      </c>
      <c r="H39221" t="s">
        <v>11613</v>
      </c>
      <c r="I39221" s="2">
        <v>0</v>
      </c>
      <c r="J39221" s="2">
        <v>0</v>
      </c>
      <c r="K39221" s="2">
        <v>1</v>
      </c>
      <c r="L39221" t="s">
        <v>995</v>
      </c>
      <c r="M39221" t="s">
        <v>83</v>
      </c>
      <c r="N39221" t="s">
        <v>91</v>
      </c>
      <c r="O39221" t="s">
        <v>85</v>
      </c>
      <c r="P39221" t="s">
        <v>86</v>
      </c>
      <c r="Q39221">
        <v>6</v>
      </c>
      <c r="R39221">
        <v>6</v>
      </c>
      <c r="S39221">
        <v>6</v>
      </c>
      <c r="T39221">
        <v>6</v>
      </c>
      <c r="U39221">
        <v>7</v>
      </c>
      <c r="V39221">
        <v>7</v>
      </c>
      <c r="W39221">
        <v>7</v>
      </c>
      <c r="X39221">
        <v>7</v>
      </c>
      <c r="Y39221">
        <v>7</v>
      </c>
      <c r="Z39221">
        <v>7</v>
      </c>
      <c r="AA39221">
        <v>7</v>
      </c>
      <c r="AB39221">
        <v>7</v>
      </c>
      <c r="AC39221">
        <v>7</v>
      </c>
      <c r="AD39221">
        <v>8</v>
      </c>
      <c r="AE39221">
        <v>8</v>
      </c>
      <c r="AF39221">
        <v>8</v>
      </c>
      <c r="AG39221">
        <v>8</v>
      </c>
      <c r="AH39221">
        <v>8</v>
      </c>
      <c r="AI39221">
        <v>8</v>
      </c>
      <c r="AJ39221">
        <v>8</v>
      </c>
      <c r="AK39221">
        <v>8</v>
      </c>
      <c r="AL39221">
        <v>8</v>
      </c>
      <c r="AM39221">
        <v>9</v>
      </c>
      <c r="AN39221">
        <v>9</v>
      </c>
      <c r="AO39221">
        <v>9</v>
      </c>
      <c r="AP39221">
        <v>9</v>
      </c>
      <c r="AQ39221">
        <v>9</v>
      </c>
    </row>
    <row r="39222" spans="1:43">
      <c r="A39222" t="s">
        <v>24323</v>
      </c>
      <c r="B39222" t="s">
        <v>24324</v>
      </c>
      <c r="C39222" t="s">
        <v>24325</v>
      </c>
      <c r="D39222" t="s">
        <v>24326</v>
      </c>
      <c r="E39222" t="s">
        <v>24327</v>
      </c>
      <c r="F39222" t="s">
        <v>24328</v>
      </c>
      <c r="G39222" t="s">
        <v>11612</v>
      </c>
      <c r="H39222" t="s">
        <v>11613</v>
      </c>
      <c r="I39222" s="2">
        <v>0</v>
      </c>
      <c r="J39222" s="2">
        <v>0</v>
      </c>
      <c r="K39222" s="2">
        <v>1</v>
      </c>
      <c r="L39222" t="s">
        <v>995</v>
      </c>
      <c r="M39222" t="s">
        <v>83</v>
      </c>
      <c r="N39222" t="s">
        <v>84</v>
      </c>
      <c r="O39222" t="s">
        <v>85</v>
      </c>
      <c r="P39222" t="s">
        <v>86</v>
      </c>
      <c r="Q39222">
        <v>56</v>
      </c>
      <c r="R39222">
        <v>57</v>
      </c>
      <c r="S39222">
        <v>58</v>
      </c>
      <c r="T39222">
        <v>58</v>
      </c>
      <c r="U39222">
        <v>59</v>
      </c>
      <c r="V39222">
        <v>60</v>
      </c>
      <c r="W39222">
        <v>61</v>
      </c>
      <c r="X39222">
        <v>61</v>
      </c>
      <c r="Y39222">
        <v>62</v>
      </c>
      <c r="Z39222">
        <v>63</v>
      </c>
      <c r="AA39222">
        <v>64</v>
      </c>
      <c r="AB39222">
        <v>64</v>
      </c>
      <c r="AC39222">
        <v>65</v>
      </c>
      <c r="AD39222">
        <v>66</v>
      </c>
      <c r="AE39222">
        <v>67</v>
      </c>
      <c r="AF39222">
        <v>68</v>
      </c>
      <c r="AG39222">
        <v>68</v>
      </c>
      <c r="AH39222">
        <v>69</v>
      </c>
      <c r="AI39222">
        <v>70</v>
      </c>
      <c r="AJ39222">
        <v>71</v>
      </c>
      <c r="AK39222">
        <v>72</v>
      </c>
      <c r="AL39222">
        <v>72</v>
      </c>
      <c r="AM39222">
        <v>72</v>
      </c>
      <c r="AN39222">
        <v>72</v>
      </c>
      <c r="AO39222">
        <v>73</v>
      </c>
      <c r="AP39222">
        <v>73</v>
      </c>
      <c r="AQ39222">
        <v>73</v>
      </c>
    </row>
    <row r="39223" spans="1:43">
      <c r="A39223" t="s">
        <v>24323</v>
      </c>
      <c r="B39223" t="s">
        <v>24324</v>
      </c>
      <c r="C39223" t="s">
        <v>24325</v>
      </c>
      <c r="D39223" t="s">
        <v>24326</v>
      </c>
      <c r="E39223" t="s">
        <v>24327</v>
      </c>
      <c r="F39223" t="s">
        <v>24328</v>
      </c>
      <c r="G39223" t="s">
        <v>11612</v>
      </c>
      <c r="H39223" t="s">
        <v>11613</v>
      </c>
      <c r="I39223" s="2">
        <v>0</v>
      </c>
      <c r="J39223" s="2">
        <v>0</v>
      </c>
      <c r="K39223" s="2">
        <v>1</v>
      </c>
      <c r="L39223" t="s">
        <v>995</v>
      </c>
      <c r="M39223" t="s">
        <v>87</v>
      </c>
      <c r="N39223" t="s">
        <v>88</v>
      </c>
      <c r="O39223" t="s">
        <v>85</v>
      </c>
      <c r="P39223" t="s">
        <v>86</v>
      </c>
      <c r="Q39223">
        <v>56</v>
      </c>
      <c r="R39223">
        <v>57</v>
      </c>
      <c r="S39223">
        <v>57</v>
      </c>
      <c r="T39223">
        <v>57</v>
      </c>
      <c r="U39223">
        <v>57</v>
      </c>
      <c r="V39223">
        <v>58</v>
      </c>
      <c r="W39223">
        <v>58</v>
      </c>
      <c r="X39223">
        <v>58</v>
      </c>
      <c r="Y39223">
        <v>58</v>
      </c>
      <c r="Z39223">
        <v>59</v>
      </c>
      <c r="AA39223">
        <v>59</v>
      </c>
      <c r="AB39223">
        <v>59</v>
      </c>
      <c r="AC39223">
        <v>59</v>
      </c>
      <c r="AD39223">
        <v>60</v>
      </c>
      <c r="AE39223">
        <v>60</v>
      </c>
      <c r="AF39223">
        <v>60</v>
      </c>
      <c r="AG39223">
        <v>61</v>
      </c>
      <c r="AH39223">
        <v>61</v>
      </c>
      <c r="AI39223">
        <v>61</v>
      </c>
      <c r="AJ39223">
        <v>62</v>
      </c>
      <c r="AK39223">
        <v>62</v>
      </c>
      <c r="AL39223">
        <v>62</v>
      </c>
      <c r="AM39223">
        <v>63</v>
      </c>
      <c r="AN39223">
        <v>63</v>
      </c>
      <c r="AO39223">
        <v>63</v>
      </c>
      <c r="AP39223">
        <v>64</v>
      </c>
      <c r="AQ39223">
        <v>64</v>
      </c>
    </row>
    <row r="39224" spans="1:43">
      <c r="A39224" t="s">
        <v>24323</v>
      </c>
      <c r="B39224" t="s">
        <v>24324</v>
      </c>
      <c r="C39224" t="s">
        <v>24325</v>
      </c>
      <c r="D39224" t="s">
        <v>24326</v>
      </c>
      <c r="E39224" t="s">
        <v>24327</v>
      </c>
      <c r="F39224" t="s">
        <v>24328</v>
      </c>
      <c r="G39224" t="s">
        <v>11612</v>
      </c>
      <c r="H39224" t="s">
        <v>11613</v>
      </c>
      <c r="I39224" s="2">
        <v>0</v>
      </c>
      <c r="J39224" s="2">
        <v>0</v>
      </c>
      <c r="K39224" s="2">
        <v>1</v>
      </c>
      <c r="L39224" t="s">
        <v>995</v>
      </c>
      <c r="M39224" t="s">
        <v>89</v>
      </c>
      <c r="N39224" t="s">
        <v>90</v>
      </c>
      <c r="O39224" t="s">
        <v>85</v>
      </c>
      <c r="P39224" t="s">
        <v>86</v>
      </c>
      <c r="Q39224">
        <v>56</v>
      </c>
      <c r="R39224">
        <v>58</v>
      </c>
      <c r="S39224">
        <v>59</v>
      </c>
      <c r="T39224">
        <v>60</v>
      </c>
      <c r="U39224">
        <v>61</v>
      </c>
      <c r="V39224">
        <v>63</v>
      </c>
      <c r="W39224">
        <v>64</v>
      </c>
      <c r="X39224">
        <v>65</v>
      </c>
      <c r="Y39224">
        <v>66</v>
      </c>
      <c r="Z39224">
        <v>67</v>
      </c>
      <c r="AA39224">
        <v>68</v>
      </c>
      <c r="AB39224">
        <v>69</v>
      </c>
      <c r="AC39224">
        <v>70</v>
      </c>
      <c r="AD39224">
        <v>71</v>
      </c>
      <c r="AE39224">
        <v>72</v>
      </c>
      <c r="AF39224">
        <v>72</v>
      </c>
      <c r="AG39224">
        <v>72</v>
      </c>
      <c r="AH39224">
        <v>72</v>
      </c>
      <c r="AI39224">
        <v>72</v>
      </c>
      <c r="AJ39224">
        <v>73</v>
      </c>
      <c r="AK39224">
        <v>73</v>
      </c>
      <c r="AL39224">
        <v>73</v>
      </c>
      <c r="AM39224">
        <v>73</v>
      </c>
      <c r="AN39224">
        <v>73</v>
      </c>
      <c r="AO39224">
        <v>73</v>
      </c>
      <c r="AP39224">
        <v>73</v>
      </c>
      <c r="AQ39224">
        <v>74</v>
      </c>
    </row>
    <row r="39225" spans="1:43">
      <c r="A39225" t="s">
        <v>24323</v>
      </c>
      <c r="B39225" t="s">
        <v>24324</v>
      </c>
      <c r="C39225" t="s">
        <v>24325</v>
      </c>
      <c r="D39225" t="s">
        <v>24326</v>
      </c>
      <c r="E39225" t="s">
        <v>24327</v>
      </c>
      <c r="F39225" t="s">
        <v>24328</v>
      </c>
      <c r="G39225" t="s">
        <v>11612</v>
      </c>
      <c r="H39225" t="s">
        <v>11613</v>
      </c>
      <c r="I39225" s="2">
        <v>0</v>
      </c>
      <c r="J39225" s="2">
        <v>0</v>
      </c>
      <c r="K39225" s="2">
        <v>1</v>
      </c>
      <c r="L39225" t="s">
        <v>995</v>
      </c>
      <c r="M39225" t="s">
        <v>83</v>
      </c>
      <c r="N39225" t="s">
        <v>91</v>
      </c>
      <c r="O39225" t="s">
        <v>85</v>
      </c>
      <c r="P39225" t="s">
        <v>86</v>
      </c>
      <c r="Q39225">
        <v>56</v>
      </c>
      <c r="R39225">
        <v>57</v>
      </c>
      <c r="S39225">
        <v>58</v>
      </c>
      <c r="T39225">
        <v>58</v>
      </c>
      <c r="U39225">
        <v>59</v>
      </c>
      <c r="V39225">
        <v>60</v>
      </c>
      <c r="W39225">
        <v>61</v>
      </c>
      <c r="X39225">
        <v>61</v>
      </c>
      <c r="Y39225">
        <v>62</v>
      </c>
      <c r="Z39225">
        <v>63</v>
      </c>
      <c r="AA39225">
        <v>64</v>
      </c>
      <c r="AB39225">
        <v>64</v>
      </c>
      <c r="AC39225">
        <v>65</v>
      </c>
      <c r="AD39225">
        <v>66</v>
      </c>
      <c r="AE39225">
        <v>67</v>
      </c>
      <c r="AF39225">
        <v>68</v>
      </c>
      <c r="AG39225">
        <v>68</v>
      </c>
      <c r="AH39225">
        <v>69</v>
      </c>
      <c r="AI39225">
        <v>70</v>
      </c>
      <c r="AJ39225">
        <v>71</v>
      </c>
      <c r="AK39225">
        <v>72</v>
      </c>
      <c r="AL39225">
        <v>72</v>
      </c>
      <c r="AM39225">
        <v>72</v>
      </c>
      <c r="AN39225">
        <v>72</v>
      </c>
      <c r="AO39225">
        <v>73</v>
      </c>
      <c r="AP39225">
        <v>73</v>
      </c>
      <c r="AQ39225">
        <v>73</v>
      </c>
    </row>
    <row r="39226" spans="1:43">
      <c r="A39226" t="s">
        <v>24329</v>
      </c>
      <c r="B39226" t="s">
        <v>24330</v>
      </c>
      <c r="C39226" t="s">
        <v>24331</v>
      </c>
      <c r="D39226" t="s">
        <v>24332</v>
      </c>
      <c r="E39226" t="s">
        <v>24327</v>
      </c>
      <c r="F39226" t="s">
        <v>24328</v>
      </c>
      <c r="G39226" t="s">
        <v>11612</v>
      </c>
      <c r="H39226" t="s">
        <v>11613</v>
      </c>
      <c r="I39226" s="2">
        <v>0</v>
      </c>
      <c r="J39226" s="2">
        <v>0</v>
      </c>
      <c r="K39226" s="2">
        <v>1</v>
      </c>
      <c r="L39226" t="s">
        <v>995</v>
      </c>
      <c r="M39226" t="s">
        <v>83</v>
      </c>
      <c r="N39226" t="s">
        <v>84</v>
      </c>
      <c r="O39226" t="s">
        <v>85</v>
      </c>
      <c r="P39226" t="s">
        <v>86</v>
      </c>
      <c r="Q39226">
        <v>38</v>
      </c>
      <c r="R39226">
        <v>39</v>
      </c>
      <c r="S39226">
        <v>39</v>
      </c>
      <c r="T39226">
        <v>40</v>
      </c>
      <c r="U39226">
        <v>40</v>
      </c>
      <c r="V39226">
        <v>41</v>
      </c>
      <c r="W39226">
        <v>41</v>
      </c>
      <c r="X39226">
        <v>42</v>
      </c>
      <c r="Y39226">
        <v>43</v>
      </c>
      <c r="Z39226">
        <v>43</v>
      </c>
      <c r="AA39226">
        <v>44</v>
      </c>
      <c r="AB39226">
        <v>44</v>
      </c>
      <c r="AC39226">
        <v>45</v>
      </c>
      <c r="AD39226">
        <v>45</v>
      </c>
      <c r="AE39226">
        <v>46</v>
      </c>
      <c r="AF39226">
        <v>46</v>
      </c>
      <c r="AG39226">
        <v>47</v>
      </c>
      <c r="AH39226">
        <v>47</v>
      </c>
      <c r="AI39226">
        <v>48</v>
      </c>
      <c r="AJ39226">
        <v>49</v>
      </c>
      <c r="AK39226">
        <v>49</v>
      </c>
      <c r="AL39226">
        <v>49</v>
      </c>
      <c r="AM39226">
        <v>50</v>
      </c>
      <c r="AN39226">
        <v>50</v>
      </c>
      <c r="AO39226">
        <v>50</v>
      </c>
      <c r="AP39226">
        <v>50</v>
      </c>
      <c r="AQ39226">
        <v>50</v>
      </c>
    </row>
    <row r="39227" spans="1:43">
      <c r="A39227" t="s">
        <v>24329</v>
      </c>
      <c r="B39227" t="s">
        <v>24330</v>
      </c>
      <c r="C39227" t="s">
        <v>24331</v>
      </c>
      <c r="D39227" t="s">
        <v>24332</v>
      </c>
      <c r="E39227" t="s">
        <v>24327</v>
      </c>
      <c r="F39227" t="s">
        <v>24328</v>
      </c>
      <c r="G39227" t="s">
        <v>11612</v>
      </c>
      <c r="H39227" t="s">
        <v>11613</v>
      </c>
      <c r="I39227" s="2">
        <v>0</v>
      </c>
      <c r="J39227" s="2">
        <v>0</v>
      </c>
      <c r="K39227" s="2">
        <v>1</v>
      </c>
      <c r="L39227" t="s">
        <v>995</v>
      </c>
      <c r="M39227" t="s">
        <v>87</v>
      </c>
      <c r="N39227" t="s">
        <v>88</v>
      </c>
      <c r="O39227" t="s">
        <v>85</v>
      </c>
      <c r="P39227" t="s">
        <v>86</v>
      </c>
      <c r="Q39227">
        <v>38</v>
      </c>
      <c r="R39227">
        <v>38</v>
      </c>
      <c r="S39227">
        <v>38</v>
      </c>
      <c r="T39227">
        <v>39</v>
      </c>
      <c r="U39227">
        <v>39</v>
      </c>
      <c r="V39227">
        <v>39</v>
      </c>
      <c r="W39227">
        <v>39</v>
      </c>
      <c r="X39227">
        <v>39</v>
      </c>
      <c r="Y39227">
        <v>39</v>
      </c>
      <c r="Z39227">
        <v>39</v>
      </c>
      <c r="AA39227">
        <v>40</v>
      </c>
      <c r="AB39227">
        <v>40</v>
      </c>
      <c r="AC39227">
        <v>40</v>
      </c>
      <c r="AD39227">
        <v>40</v>
      </c>
      <c r="AE39227">
        <v>40</v>
      </c>
      <c r="AF39227">
        <v>41</v>
      </c>
      <c r="AG39227">
        <v>41</v>
      </c>
      <c r="AH39227">
        <v>41</v>
      </c>
      <c r="AI39227">
        <v>41</v>
      </c>
      <c r="AJ39227">
        <v>42</v>
      </c>
      <c r="AK39227">
        <v>42</v>
      </c>
      <c r="AL39227">
        <v>42</v>
      </c>
      <c r="AM39227">
        <v>42</v>
      </c>
      <c r="AN39227">
        <v>43</v>
      </c>
      <c r="AO39227">
        <v>43</v>
      </c>
      <c r="AP39227">
        <v>43</v>
      </c>
      <c r="AQ39227">
        <v>44</v>
      </c>
    </row>
    <row r="39228" spans="1:43">
      <c r="A39228" t="s">
        <v>24329</v>
      </c>
      <c r="B39228" t="s">
        <v>24330</v>
      </c>
      <c r="C39228" t="s">
        <v>24331</v>
      </c>
      <c r="D39228" t="s">
        <v>24332</v>
      </c>
      <c r="E39228" t="s">
        <v>24327</v>
      </c>
      <c r="F39228" t="s">
        <v>24328</v>
      </c>
      <c r="G39228" t="s">
        <v>11612</v>
      </c>
      <c r="H39228" t="s">
        <v>11613</v>
      </c>
      <c r="I39228" s="2">
        <v>0</v>
      </c>
      <c r="J39228" s="2">
        <v>0</v>
      </c>
      <c r="K39228" s="2">
        <v>1</v>
      </c>
      <c r="L39228" t="s">
        <v>995</v>
      </c>
      <c r="M39228" t="s">
        <v>89</v>
      </c>
      <c r="N39228" t="s">
        <v>90</v>
      </c>
      <c r="O39228" t="s">
        <v>85</v>
      </c>
      <c r="P39228" t="s">
        <v>86</v>
      </c>
      <c r="Q39228">
        <v>38</v>
      </c>
      <c r="R39228">
        <v>38</v>
      </c>
      <c r="S39228">
        <v>39</v>
      </c>
      <c r="T39228">
        <v>40</v>
      </c>
      <c r="U39228">
        <v>41</v>
      </c>
      <c r="V39228">
        <v>42</v>
      </c>
      <c r="W39228">
        <v>43</v>
      </c>
      <c r="X39228">
        <v>43</v>
      </c>
      <c r="Y39228">
        <v>44</v>
      </c>
      <c r="Z39228">
        <v>45</v>
      </c>
      <c r="AA39228">
        <v>45</v>
      </c>
      <c r="AB39228">
        <v>46</v>
      </c>
      <c r="AC39228">
        <v>47</v>
      </c>
      <c r="AD39228">
        <v>48</v>
      </c>
      <c r="AE39228">
        <v>48</v>
      </c>
      <c r="AF39228">
        <v>48</v>
      </c>
      <c r="AG39228">
        <v>48</v>
      </c>
      <c r="AH39228">
        <v>48</v>
      </c>
      <c r="AI39228">
        <v>49</v>
      </c>
      <c r="AJ39228">
        <v>49</v>
      </c>
      <c r="AK39228">
        <v>49</v>
      </c>
      <c r="AL39228">
        <v>49</v>
      </c>
      <c r="AM39228">
        <v>49</v>
      </c>
      <c r="AN39228">
        <v>49</v>
      </c>
      <c r="AO39228">
        <v>49</v>
      </c>
      <c r="AP39228">
        <v>50</v>
      </c>
      <c r="AQ39228">
        <v>50</v>
      </c>
    </row>
    <row r="39229" spans="1:43">
      <c r="A39229" t="s">
        <v>24329</v>
      </c>
      <c r="B39229" t="s">
        <v>24330</v>
      </c>
      <c r="C39229" t="s">
        <v>24331</v>
      </c>
      <c r="D39229" t="s">
        <v>24332</v>
      </c>
      <c r="E39229" t="s">
        <v>24327</v>
      </c>
      <c r="F39229" t="s">
        <v>24328</v>
      </c>
      <c r="G39229" t="s">
        <v>11612</v>
      </c>
      <c r="H39229" t="s">
        <v>11613</v>
      </c>
      <c r="I39229" s="2">
        <v>0</v>
      </c>
      <c r="J39229" s="2">
        <v>0</v>
      </c>
      <c r="K39229" s="2">
        <v>1</v>
      </c>
      <c r="L39229" t="s">
        <v>995</v>
      </c>
      <c r="M39229" t="s">
        <v>83</v>
      </c>
      <c r="N39229" t="s">
        <v>91</v>
      </c>
      <c r="O39229" t="s">
        <v>85</v>
      </c>
      <c r="P39229" t="s">
        <v>86</v>
      </c>
      <c r="Q39229">
        <v>38</v>
      </c>
      <c r="R39229">
        <v>39</v>
      </c>
      <c r="S39229">
        <v>39</v>
      </c>
      <c r="T39229">
        <v>40</v>
      </c>
      <c r="U39229">
        <v>40</v>
      </c>
      <c r="V39229">
        <v>41</v>
      </c>
      <c r="W39229">
        <v>41</v>
      </c>
      <c r="X39229">
        <v>42</v>
      </c>
      <c r="Y39229">
        <v>43</v>
      </c>
      <c r="Z39229">
        <v>43</v>
      </c>
      <c r="AA39229">
        <v>44</v>
      </c>
      <c r="AB39229">
        <v>44</v>
      </c>
      <c r="AC39229">
        <v>45</v>
      </c>
      <c r="AD39229">
        <v>45</v>
      </c>
      <c r="AE39229">
        <v>46</v>
      </c>
      <c r="AF39229">
        <v>46</v>
      </c>
      <c r="AG39229">
        <v>47</v>
      </c>
      <c r="AH39229">
        <v>47</v>
      </c>
      <c r="AI39229">
        <v>48</v>
      </c>
      <c r="AJ39229">
        <v>49</v>
      </c>
      <c r="AK39229">
        <v>49</v>
      </c>
      <c r="AL39229">
        <v>49</v>
      </c>
      <c r="AM39229">
        <v>50</v>
      </c>
      <c r="AN39229">
        <v>50</v>
      </c>
      <c r="AO39229">
        <v>50</v>
      </c>
      <c r="AP39229">
        <v>50</v>
      </c>
      <c r="AQ39229">
        <v>50</v>
      </c>
    </row>
    <row r="39230" spans="1:43">
      <c r="A39230" t="s">
        <v>24333</v>
      </c>
      <c r="B39230" t="s">
        <v>24334</v>
      </c>
      <c r="C39230" t="s">
        <v>24335</v>
      </c>
      <c r="D39230" t="s">
        <v>24336</v>
      </c>
      <c r="E39230" t="s">
        <v>24327</v>
      </c>
      <c r="F39230" t="s">
        <v>24328</v>
      </c>
      <c r="G39230" t="s">
        <v>11612</v>
      </c>
      <c r="H39230" t="s">
        <v>11613</v>
      </c>
      <c r="I39230" s="2">
        <v>0</v>
      </c>
      <c r="J39230" s="2">
        <v>0</v>
      </c>
      <c r="K39230" s="2">
        <v>1</v>
      </c>
      <c r="L39230" t="s">
        <v>995</v>
      </c>
      <c r="M39230" t="s">
        <v>83</v>
      </c>
      <c r="N39230" t="s">
        <v>84</v>
      </c>
      <c r="O39230" t="s">
        <v>85</v>
      </c>
      <c r="P39230" t="s">
        <v>86</v>
      </c>
      <c r="Q39230">
        <v>15</v>
      </c>
      <c r="R39230">
        <v>15</v>
      </c>
      <c r="S39230">
        <v>15</v>
      </c>
      <c r="T39230">
        <v>16</v>
      </c>
      <c r="U39230">
        <v>16</v>
      </c>
      <c r="V39230">
        <v>16</v>
      </c>
      <c r="W39230">
        <v>16</v>
      </c>
      <c r="X39230">
        <v>16</v>
      </c>
      <c r="Y39230">
        <v>17</v>
      </c>
      <c r="Z39230">
        <v>17</v>
      </c>
      <c r="AA39230">
        <v>17</v>
      </c>
      <c r="AB39230">
        <v>17</v>
      </c>
      <c r="AC39230">
        <v>18</v>
      </c>
      <c r="AD39230">
        <v>18</v>
      </c>
      <c r="AE39230">
        <v>18</v>
      </c>
      <c r="AF39230">
        <v>18</v>
      </c>
      <c r="AG39230">
        <v>18</v>
      </c>
      <c r="AH39230">
        <v>19</v>
      </c>
      <c r="AI39230">
        <v>19</v>
      </c>
      <c r="AJ39230">
        <v>19</v>
      </c>
      <c r="AK39230">
        <v>19</v>
      </c>
      <c r="AL39230">
        <v>19</v>
      </c>
      <c r="AM39230">
        <v>19</v>
      </c>
      <c r="AN39230">
        <v>20</v>
      </c>
      <c r="AO39230">
        <v>20</v>
      </c>
      <c r="AP39230">
        <v>20</v>
      </c>
      <c r="AQ39230">
        <v>20</v>
      </c>
    </row>
    <row r="39231" spans="1:43">
      <c r="A39231" t="s">
        <v>24333</v>
      </c>
      <c r="B39231" t="s">
        <v>24334</v>
      </c>
      <c r="C39231" t="s">
        <v>24335</v>
      </c>
      <c r="D39231" t="s">
        <v>24336</v>
      </c>
      <c r="E39231" t="s">
        <v>24327</v>
      </c>
      <c r="F39231" t="s">
        <v>24328</v>
      </c>
      <c r="G39231" t="s">
        <v>11612</v>
      </c>
      <c r="H39231" t="s">
        <v>11613</v>
      </c>
      <c r="I39231" s="2">
        <v>0</v>
      </c>
      <c r="J39231" s="2">
        <v>0</v>
      </c>
      <c r="K39231" s="2">
        <v>1</v>
      </c>
      <c r="L39231" t="s">
        <v>995</v>
      </c>
      <c r="M39231" t="s">
        <v>87</v>
      </c>
      <c r="N39231" t="s">
        <v>88</v>
      </c>
      <c r="O39231" t="s">
        <v>85</v>
      </c>
      <c r="P39231" t="s">
        <v>86</v>
      </c>
      <c r="Q39231">
        <v>15</v>
      </c>
      <c r="R39231">
        <v>15</v>
      </c>
      <c r="S39231">
        <v>15</v>
      </c>
      <c r="T39231">
        <v>15</v>
      </c>
      <c r="U39231">
        <v>15</v>
      </c>
      <c r="V39231">
        <v>15</v>
      </c>
      <c r="W39231">
        <v>15</v>
      </c>
      <c r="X39231">
        <v>15</v>
      </c>
      <c r="Y39231">
        <v>15</v>
      </c>
      <c r="Z39231">
        <v>16</v>
      </c>
      <c r="AA39231">
        <v>16</v>
      </c>
      <c r="AB39231">
        <v>16</v>
      </c>
      <c r="AC39231">
        <v>16</v>
      </c>
      <c r="AD39231">
        <v>16</v>
      </c>
      <c r="AE39231">
        <v>16</v>
      </c>
      <c r="AF39231">
        <v>16</v>
      </c>
      <c r="AG39231">
        <v>16</v>
      </c>
      <c r="AH39231">
        <v>16</v>
      </c>
      <c r="AI39231">
        <v>16</v>
      </c>
      <c r="AJ39231">
        <v>16</v>
      </c>
      <c r="AK39231">
        <v>16</v>
      </c>
      <c r="AL39231">
        <v>17</v>
      </c>
      <c r="AM39231">
        <v>17</v>
      </c>
      <c r="AN39231">
        <v>17</v>
      </c>
      <c r="AO39231">
        <v>17</v>
      </c>
      <c r="AP39231">
        <v>17</v>
      </c>
      <c r="AQ39231">
        <v>17</v>
      </c>
    </row>
    <row r="39232" spans="1:43">
      <c r="A39232" t="s">
        <v>24333</v>
      </c>
      <c r="B39232" t="s">
        <v>24334</v>
      </c>
      <c r="C39232" t="s">
        <v>24335</v>
      </c>
      <c r="D39232" t="s">
        <v>24336</v>
      </c>
      <c r="E39232" t="s">
        <v>24327</v>
      </c>
      <c r="F39232" t="s">
        <v>24328</v>
      </c>
      <c r="G39232" t="s">
        <v>11612</v>
      </c>
      <c r="H39232" t="s">
        <v>11613</v>
      </c>
      <c r="I39232" s="2">
        <v>0</v>
      </c>
      <c r="J39232" s="2">
        <v>0</v>
      </c>
      <c r="K39232" s="2">
        <v>1</v>
      </c>
      <c r="L39232" t="s">
        <v>995</v>
      </c>
      <c r="M39232" t="s">
        <v>89</v>
      </c>
      <c r="N39232" t="s">
        <v>90</v>
      </c>
      <c r="O39232" t="s">
        <v>85</v>
      </c>
      <c r="P39232" t="s">
        <v>86</v>
      </c>
      <c r="Q39232">
        <v>15</v>
      </c>
      <c r="R39232">
        <v>15</v>
      </c>
      <c r="S39232">
        <v>16</v>
      </c>
      <c r="T39232">
        <v>16</v>
      </c>
      <c r="U39232">
        <v>16</v>
      </c>
      <c r="V39232">
        <v>17</v>
      </c>
      <c r="W39232">
        <v>17</v>
      </c>
      <c r="X39232">
        <v>17</v>
      </c>
      <c r="Y39232">
        <v>18</v>
      </c>
      <c r="Z39232">
        <v>18</v>
      </c>
      <c r="AA39232">
        <v>18</v>
      </c>
      <c r="AB39232">
        <v>18</v>
      </c>
      <c r="AC39232">
        <v>19</v>
      </c>
      <c r="AD39232">
        <v>19</v>
      </c>
      <c r="AE39232">
        <v>19</v>
      </c>
      <c r="AF39232">
        <v>19</v>
      </c>
      <c r="AG39232">
        <v>19</v>
      </c>
      <c r="AH39232">
        <v>19</v>
      </c>
      <c r="AI39232">
        <v>19</v>
      </c>
      <c r="AJ39232">
        <v>19</v>
      </c>
      <c r="AK39232">
        <v>20</v>
      </c>
      <c r="AL39232">
        <v>20</v>
      </c>
      <c r="AM39232">
        <v>20</v>
      </c>
      <c r="AN39232">
        <v>20</v>
      </c>
      <c r="AO39232">
        <v>20</v>
      </c>
      <c r="AP39232">
        <v>20</v>
      </c>
      <c r="AQ39232">
        <v>20</v>
      </c>
    </row>
    <row r="39233" spans="1:43">
      <c r="A39233" t="s">
        <v>24333</v>
      </c>
      <c r="B39233" t="s">
        <v>24334</v>
      </c>
      <c r="C39233" t="s">
        <v>24335</v>
      </c>
      <c r="D39233" t="s">
        <v>24336</v>
      </c>
      <c r="E39233" t="s">
        <v>24327</v>
      </c>
      <c r="F39233" t="s">
        <v>24328</v>
      </c>
      <c r="G39233" t="s">
        <v>11612</v>
      </c>
      <c r="H39233" t="s">
        <v>11613</v>
      </c>
      <c r="I39233" s="2">
        <v>0</v>
      </c>
      <c r="J39233" s="2">
        <v>0</v>
      </c>
      <c r="K39233" s="2">
        <v>1</v>
      </c>
      <c r="L39233" t="s">
        <v>995</v>
      </c>
      <c r="M39233" t="s">
        <v>83</v>
      </c>
      <c r="N39233" t="s">
        <v>91</v>
      </c>
      <c r="O39233" t="s">
        <v>85</v>
      </c>
      <c r="P39233" t="s">
        <v>86</v>
      </c>
      <c r="Q39233">
        <v>15</v>
      </c>
      <c r="R39233">
        <v>15</v>
      </c>
      <c r="S39233">
        <v>15</v>
      </c>
      <c r="T39233">
        <v>16</v>
      </c>
      <c r="U39233">
        <v>16</v>
      </c>
      <c r="V39233">
        <v>16</v>
      </c>
      <c r="W39233">
        <v>16</v>
      </c>
      <c r="X39233">
        <v>16</v>
      </c>
      <c r="Y39233">
        <v>17</v>
      </c>
      <c r="Z39233">
        <v>17</v>
      </c>
      <c r="AA39233">
        <v>17</v>
      </c>
      <c r="AB39233">
        <v>17</v>
      </c>
      <c r="AC39233">
        <v>18</v>
      </c>
      <c r="AD39233">
        <v>18</v>
      </c>
      <c r="AE39233">
        <v>18</v>
      </c>
      <c r="AF39233">
        <v>18</v>
      </c>
      <c r="AG39233">
        <v>18</v>
      </c>
      <c r="AH39233">
        <v>19</v>
      </c>
      <c r="AI39233">
        <v>19</v>
      </c>
      <c r="AJ39233">
        <v>19</v>
      </c>
      <c r="AK39233">
        <v>19</v>
      </c>
      <c r="AL39233">
        <v>19</v>
      </c>
      <c r="AM39233">
        <v>19</v>
      </c>
      <c r="AN39233">
        <v>20</v>
      </c>
      <c r="AO39233">
        <v>20</v>
      </c>
      <c r="AP39233">
        <v>20</v>
      </c>
      <c r="AQ39233">
        <v>20</v>
      </c>
    </row>
    <row r="39234" spans="1:43">
      <c r="A39234" t="s">
        <v>24337</v>
      </c>
      <c r="B39234" t="s">
        <v>24338</v>
      </c>
      <c r="C39234" t="s">
        <v>24335</v>
      </c>
      <c r="D39234" t="s">
        <v>24336</v>
      </c>
      <c r="E39234" t="s">
        <v>24327</v>
      </c>
      <c r="F39234" t="s">
        <v>24328</v>
      </c>
      <c r="G39234" t="s">
        <v>11612</v>
      </c>
      <c r="H39234" t="s">
        <v>11613</v>
      </c>
      <c r="I39234" s="2">
        <v>0</v>
      </c>
      <c r="J39234" s="2">
        <v>0</v>
      </c>
      <c r="K39234" s="2">
        <v>1</v>
      </c>
      <c r="L39234" t="s">
        <v>995</v>
      </c>
      <c r="M39234" t="s">
        <v>83</v>
      </c>
      <c r="N39234" t="s">
        <v>84</v>
      </c>
      <c r="O39234" t="s">
        <v>85</v>
      </c>
      <c r="P39234" t="s">
        <v>86</v>
      </c>
      <c r="Q39234">
        <v>14</v>
      </c>
      <c r="R39234">
        <v>14</v>
      </c>
      <c r="S39234">
        <v>14</v>
      </c>
      <c r="T39234">
        <v>14</v>
      </c>
      <c r="U39234">
        <v>14</v>
      </c>
      <c r="V39234">
        <v>15</v>
      </c>
      <c r="W39234">
        <v>15</v>
      </c>
      <c r="X39234">
        <v>15</v>
      </c>
      <c r="Y39234">
        <v>15</v>
      </c>
      <c r="Z39234">
        <v>15</v>
      </c>
      <c r="AA39234">
        <v>15</v>
      </c>
      <c r="AB39234">
        <v>16</v>
      </c>
      <c r="AC39234">
        <v>16</v>
      </c>
      <c r="AD39234">
        <v>16</v>
      </c>
      <c r="AE39234">
        <v>16</v>
      </c>
      <c r="AF39234">
        <v>16</v>
      </c>
      <c r="AG39234">
        <v>17</v>
      </c>
      <c r="AH39234">
        <v>17</v>
      </c>
      <c r="AI39234">
        <v>17</v>
      </c>
      <c r="AJ39234">
        <v>17</v>
      </c>
      <c r="AK39234">
        <v>17</v>
      </c>
      <c r="AL39234">
        <v>18</v>
      </c>
      <c r="AM39234">
        <v>18</v>
      </c>
      <c r="AN39234">
        <v>18</v>
      </c>
      <c r="AO39234">
        <v>18</v>
      </c>
      <c r="AP39234">
        <v>18</v>
      </c>
      <c r="AQ39234">
        <v>18</v>
      </c>
    </row>
    <row r="39235" spans="1:43">
      <c r="A39235" t="s">
        <v>24337</v>
      </c>
      <c r="B39235" t="s">
        <v>24338</v>
      </c>
      <c r="C39235" t="s">
        <v>24335</v>
      </c>
      <c r="D39235" t="s">
        <v>24336</v>
      </c>
      <c r="E39235" t="s">
        <v>24327</v>
      </c>
      <c r="F39235" t="s">
        <v>24328</v>
      </c>
      <c r="G39235" t="s">
        <v>11612</v>
      </c>
      <c r="H39235" t="s">
        <v>11613</v>
      </c>
      <c r="I39235" s="2">
        <v>0</v>
      </c>
      <c r="J39235" s="2">
        <v>0</v>
      </c>
      <c r="K39235" s="2">
        <v>1</v>
      </c>
      <c r="L39235" t="s">
        <v>995</v>
      </c>
      <c r="M39235" t="s">
        <v>87</v>
      </c>
      <c r="N39235" t="s">
        <v>88</v>
      </c>
      <c r="O39235" t="s">
        <v>85</v>
      </c>
      <c r="P39235" t="s">
        <v>86</v>
      </c>
      <c r="Q39235">
        <v>14</v>
      </c>
      <c r="R39235">
        <v>15</v>
      </c>
      <c r="S39235">
        <v>15</v>
      </c>
      <c r="T39235">
        <v>15</v>
      </c>
      <c r="U39235">
        <v>15</v>
      </c>
      <c r="V39235">
        <v>15</v>
      </c>
      <c r="W39235">
        <v>15</v>
      </c>
      <c r="X39235">
        <v>15</v>
      </c>
      <c r="Y39235">
        <v>15</v>
      </c>
      <c r="Z39235">
        <v>15</v>
      </c>
      <c r="AA39235">
        <v>15</v>
      </c>
      <c r="AB39235">
        <v>15</v>
      </c>
      <c r="AC39235">
        <v>15</v>
      </c>
      <c r="AD39235">
        <v>15</v>
      </c>
      <c r="AE39235">
        <v>15</v>
      </c>
      <c r="AF39235">
        <v>15</v>
      </c>
      <c r="AG39235">
        <v>16</v>
      </c>
      <c r="AH39235">
        <v>16</v>
      </c>
      <c r="AI39235">
        <v>16</v>
      </c>
      <c r="AJ39235">
        <v>16</v>
      </c>
      <c r="AK39235">
        <v>16</v>
      </c>
      <c r="AL39235">
        <v>16</v>
      </c>
      <c r="AM39235">
        <v>16</v>
      </c>
      <c r="AN39235">
        <v>16</v>
      </c>
      <c r="AO39235">
        <v>16</v>
      </c>
      <c r="AP39235">
        <v>16</v>
      </c>
      <c r="AQ39235">
        <v>17</v>
      </c>
    </row>
    <row r="39236" spans="1:43">
      <c r="A39236" t="s">
        <v>24337</v>
      </c>
      <c r="B39236" t="s">
        <v>24338</v>
      </c>
      <c r="C39236" t="s">
        <v>24335</v>
      </c>
      <c r="D39236" t="s">
        <v>24336</v>
      </c>
      <c r="E39236" t="s">
        <v>24327</v>
      </c>
      <c r="F39236" t="s">
        <v>24328</v>
      </c>
      <c r="G39236" t="s">
        <v>11612</v>
      </c>
      <c r="H39236" t="s">
        <v>11613</v>
      </c>
      <c r="I39236" s="2">
        <v>0</v>
      </c>
      <c r="J39236" s="2">
        <v>0</v>
      </c>
      <c r="K39236" s="2">
        <v>1</v>
      </c>
      <c r="L39236" t="s">
        <v>995</v>
      </c>
      <c r="M39236" t="s">
        <v>89</v>
      </c>
      <c r="N39236" t="s">
        <v>90</v>
      </c>
      <c r="O39236" t="s">
        <v>85</v>
      </c>
      <c r="P39236" t="s">
        <v>86</v>
      </c>
      <c r="Q39236">
        <v>14</v>
      </c>
      <c r="R39236">
        <v>14</v>
      </c>
      <c r="S39236">
        <v>14</v>
      </c>
      <c r="T39236">
        <v>15</v>
      </c>
      <c r="U39236">
        <v>15</v>
      </c>
      <c r="V39236">
        <v>15</v>
      </c>
      <c r="W39236">
        <v>15</v>
      </c>
      <c r="X39236">
        <v>16</v>
      </c>
      <c r="Y39236">
        <v>16</v>
      </c>
      <c r="Z39236">
        <v>16</v>
      </c>
      <c r="AA39236">
        <v>16</v>
      </c>
      <c r="AB39236">
        <v>17</v>
      </c>
      <c r="AC39236">
        <v>17</v>
      </c>
      <c r="AD39236">
        <v>17</v>
      </c>
      <c r="AE39236">
        <v>17</v>
      </c>
      <c r="AF39236">
        <v>17</v>
      </c>
      <c r="AG39236">
        <v>17</v>
      </c>
      <c r="AH39236">
        <v>18</v>
      </c>
      <c r="AI39236">
        <v>18</v>
      </c>
      <c r="AJ39236">
        <v>18</v>
      </c>
      <c r="AK39236">
        <v>18</v>
      </c>
      <c r="AL39236">
        <v>18</v>
      </c>
      <c r="AM39236">
        <v>18</v>
      </c>
      <c r="AN39236">
        <v>18</v>
      </c>
      <c r="AO39236">
        <v>18</v>
      </c>
      <c r="AP39236">
        <v>18</v>
      </c>
      <c r="AQ39236">
        <v>18</v>
      </c>
    </row>
    <row r="39237" spans="1:43">
      <c r="A39237" t="s">
        <v>24337</v>
      </c>
      <c r="B39237" t="s">
        <v>24338</v>
      </c>
      <c r="C39237" t="s">
        <v>24335</v>
      </c>
      <c r="D39237" t="s">
        <v>24336</v>
      </c>
      <c r="E39237" t="s">
        <v>24327</v>
      </c>
      <c r="F39237" t="s">
        <v>24328</v>
      </c>
      <c r="G39237" t="s">
        <v>11612</v>
      </c>
      <c r="H39237" t="s">
        <v>11613</v>
      </c>
      <c r="I39237" s="2">
        <v>0</v>
      </c>
      <c r="J39237" s="2">
        <v>0</v>
      </c>
      <c r="K39237" s="2">
        <v>1</v>
      </c>
      <c r="L39237" t="s">
        <v>995</v>
      </c>
      <c r="M39237" t="s">
        <v>83</v>
      </c>
      <c r="N39237" t="s">
        <v>91</v>
      </c>
      <c r="O39237" t="s">
        <v>85</v>
      </c>
      <c r="P39237" t="s">
        <v>86</v>
      </c>
      <c r="Q39237">
        <v>14</v>
      </c>
      <c r="R39237">
        <v>14</v>
      </c>
      <c r="S39237">
        <v>14</v>
      </c>
      <c r="T39237">
        <v>14</v>
      </c>
      <c r="U39237">
        <v>14</v>
      </c>
      <c r="V39237">
        <v>15</v>
      </c>
      <c r="W39237">
        <v>15</v>
      </c>
      <c r="X39237">
        <v>15</v>
      </c>
      <c r="Y39237">
        <v>15</v>
      </c>
      <c r="Z39237">
        <v>15</v>
      </c>
      <c r="AA39237">
        <v>15</v>
      </c>
      <c r="AB39237">
        <v>16</v>
      </c>
      <c r="AC39237">
        <v>16</v>
      </c>
      <c r="AD39237">
        <v>16</v>
      </c>
      <c r="AE39237">
        <v>16</v>
      </c>
      <c r="AF39237">
        <v>16</v>
      </c>
      <c r="AG39237">
        <v>17</v>
      </c>
      <c r="AH39237">
        <v>17</v>
      </c>
      <c r="AI39237">
        <v>17</v>
      </c>
      <c r="AJ39237">
        <v>17</v>
      </c>
      <c r="AK39237">
        <v>17</v>
      </c>
      <c r="AL39237">
        <v>18</v>
      </c>
      <c r="AM39237">
        <v>18</v>
      </c>
      <c r="AN39237">
        <v>18</v>
      </c>
      <c r="AO39237">
        <v>18</v>
      </c>
      <c r="AP39237">
        <v>18</v>
      </c>
      <c r="AQ39237">
        <v>18</v>
      </c>
    </row>
    <row r="39238" spans="1:43">
      <c r="A39238" t="s">
        <v>24339</v>
      </c>
      <c r="B39238" t="s">
        <v>24340</v>
      </c>
      <c r="C39238" t="s">
        <v>24325</v>
      </c>
      <c r="D39238" t="s">
        <v>24326</v>
      </c>
      <c r="E39238" t="s">
        <v>24327</v>
      </c>
      <c r="F39238" t="s">
        <v>24328</v>
      </c>
      <c r="G39238" t="s">
        <v>11612</v>
      </c>
      <c r="H39238" t="s">
        <v>11613</v>
      </c>
      <c r="I39238" s="2">
        <v>0</v>
      </c>
      <c r="J39238" s="2">
        <v>0</v>
      </c>
      <c r="K39238" s="2">
        <v>1</v>
      </c>
      <c r="L39238" t="s">
        <v>995</v>
      </c>
      <c r="M39238" t="s">
        <v>83</v>
      </c>
      <c r="N39238" t="s">
        <v>84</v>
      </c>
      <c r="O39238" t="s">
        <v>85</v>
      </c>
      <c r="P39238" t="s">
        <v>86</v>
      </c>
      <c r="Q39238">
        <v>35</v>
      </c>
      <c r="R39238">
        <v>35</v>
      </c>
      <c r="S39238">
        <v>36</v>
      </c>
      <c r="T39238">
        <v>36</v>
      </c>
      <c r="U39238">
        <v>37</v>
      </c>
      <c r="V39238">
        <v>37</v>
      </c>
      <c r="W39238">
        <v>38</v>
      </c>
      <c r="X39238">
        <v>38</v>
      </c>
      <c r="Y39238">
        <v>39</v>
      </c>
      <c r="Z39238">
        <v>39</v>
      </c>
      <c r="AA39238">
        <v>40</v>
      </c>
      <c r="AB39238">
        <v>40</v>
      </c>
      <c r="AC39238">
        <v>41</v>
      </c>
      <c r="AD39238">
        <v>41</v>
      </c>
      <c r="AE39238">
        <v>42</v>
      </c>
      <c r="AF39238">
        <v>42</v>
      </c>
      <c r="AG39238">
        <v>43</v>
      </c>
      <c r="AH39238">
        <v>43</v>
      </c>
      <c r="AI39238">
        <v>44</v>
      </c>
      <c r="AJ39238">
        <v>44</v>
      </c>
      <c r="AK39238">
        <v>45</v>
      </c>
      <c r="AL39238">
        <v>45</v>
      </c>
      <c r="AM39238">
        <v>45</v>
      </c>
      <c r="AN39238">
        <v>45</v>
      </c>
      <c r="AO39238">
        <v>45</v>
      </c>
      <c r="AP39238">
        <v>46</v>
      </c>
      <c r="AQ39238">
        <v>46</v>
      </c>
    </row>
    <row r="39239" spans="1:43">
      <c r="A39239" t="s">
        <v>24339</v>
      </c>
      <c r="B39239" t="s">
        <v>24340</v>
      </c>
      <c r="C39239" t="s">
        <v>24325</v>
      </c>
      <c r="D39239" t="s">
        <v>24326</v>
      </c>
      <c r="E39239" t="s">
        <v>24327</v>
      </c>
      <c r="F39239" t="s">
        <v>24328</v>
      </c>
      <c r="G39239" t="s">
        <v>11612</v>
      </c>
      <c r="H39239" t="s">
        <v>11613</v>
      </c>
      <c r="I39239" s="2">
        <v>0</v>
      </c>
      <c r="J39239" s="2">
        <v>0</v>
      </c>
      <c r="K39239" s="2">
        <v>1</v>
      </c>
      <c r="L39239" t="s">
        <v>995</v>
      </c>
      <c r="M39239" t="s">
        <v>87</v>
      </c>
      <c r="N39239" t="s">
        <v>88</v>
      </c>
      <c r="O39239" t="s">
        <v>85</v>
      </c>
      <c r="P39239" t="s">
        <v>86</v>
      </c>
      <c r="Q39239">
        <v>35</v>
      </c>
      <c r="R39239">
        <v>36</v>
      </c>
      <c r="S39239">
        <v>36</v>
      </c>
      <c r="T39239">
        <v>36</v>
      </c>
      <c r="U39239">
        <v>36</v>
      </c>
      <c r="V39239">
        <v>36</v>
      </c>
      <c r="W39239">
        <v>36</v>
      </c>
      <c r="X39239">
        <v>37</v>
      </c>
      <c r="Y39239">
        <v>37</v>
      </c>
      <c r="Z39239">
        <v>37</v>
      </c>
      <c r="AA39239">
        <v>37</v>
      </c>
      <c r="AB39239">
        <v>37</v>
      </c>
      <c r="AC39239">
        <v>37</v>
      </c>
      <c r="AD39239">
        <v>38</v>
      </c>
      <c r="AE39239">
        <v>38</v>
      </c>
      <c r="AF39239">
        <v>38</v>
      </c>
      <c r="AG39239">
        <v>38</v>
      </c>
      <c r="AH39239">
        <v>38</v>
      </c>
      <c r="AI39239">
        <v>39</v>
      </c>
      <c r="AJ39239">
        <v>39</v>
      </c>
      <c r="AK39239">
        <v>39</v>
      </c>
      <c r="AL39239">
        <v>39</v>
      </c>
      <c r="AM39239">
        <v>40</v>
      </c>
      <c r="AN39239">
        <v>40</v>
      </c>
      <c r="AO39239">
        <v>40</v>
      </c>
      <c r="AP39239">
        <v>40</v>
      </c>
      <c r="AQ39239">
        <v>40</v>
      </c>
    </row>
    <row r="39240" spans="1:43">
      <c r="A39240" t="s">
        <v>24339</v>
      </c>
      <c r="B39240" t="s">
        <v>24340</v>
      </c>
      <c r="C39240" t="s">
        <v>24325</v>
      </c>
      <c r="D39240" t="s">
        <v>24326</v>
      </c>
      <c r="E39240" t="s">
        <v>24327</v>
      </c>
      <c r="F39240" t="s">
        <v>24328</v>
      </c>
      <c r="G39240" t="s">
        <v>11612</v>
      </c>
      <c r="H39240" t="s">
        <v>11613</v>
      </c>
      <c r="I39240" s="2">
        <v>0</v>
      </c>
      <c r="J39240" s="2">
        <v>0</v>
      </c>
      <c r="K39240" s="2">
        <v>1</v>
      </c>
      <c r="L39240" t="s">
        <v>995</v>
      </c>
      <c r="M39240" t="s">
        <v>89</v>
      </c>
      <c r="N39240" t="s">
        <v>90</v>
      </c>
      <c r="O39240" t="s">
        <v>85</v>
      </c>
      <c r="P39240" t="s">
        <v>86</v>
      </c>
      <c r="Q39240">
        <v>35</v>
      </c>
      <c r="R39240">
        <v>36</v>
      </c>
      <c r="S39240">
        <v>37</v>
      </c>
      <c r="T39240">
        <v>37</v>
      </c>
      <c r="U39240">
        <v>38</v>
      </c>
      <c r="V39240">
        <v>39</v>
      </c>
      <c r="W39240">
        <v>40</v>
      </c>
      <c r="X39240">
        <v>40</v>
      </c>
      <c r="Y39240">
        <v>41</v>
      </c>
      <c r="Z39240">
        <v>42</v>
      </c>
      <c r="AA39240">
        <v>42</v>
      </c>
      <c r="AB39240">
        <v>43</v>
      </c>
      <c r="AC39240">
        <v>43</v>
      </c>
      <c r="AD39240">
        <v>44</v>
      </c>
      <c r="AE39240">
        <v>45</v>
      </c>
      <c r="AF39240">
        <v>45</v>
      </c>
      <c r="AG39240">
        <v>45</v>
      </c>
      <c r="AH39240">
        <v>45</v>
      </c>
      <c r="AI39240">
        <v>45</v>
      </c>
      <c r="AJ39240">
        <v>45</v>
      </c>
      <c r="AK39240">
        <v>45</v>
      </c>
      <c r="AL39240">
        <v>46</v>
      </c>
      <c r="AM39240">
        <v>46</v>
      </c>
      <c r="AN39240">
        <v>46</v>
      </c>
      <c r="AO39240">
        <v>46</v>
      </c>
      <c r="AP39240">
        <v>46</v>
      </c>
      <c r="AQ39240">
        <v>46</v>
      </c>
    </row>
    <row r="39241" spans="1:43">
      <c r="A39241" t="s">
        <v>24339</v>
      </c>
      <c r="B39241" t="s">
        <v>24340</v>
      </c>
      <c r="C39241" t="s">
        <v>24325</v>
      </c>
      <c r="D39241" t="s">
        <v>24326</v>
      </c>
      <c r="E39241" t="s">
        <v>24327</v>
      </c>
      <c r="F39241" t="s">
        <v>24328</v>
      </c>
      <c r="G39241" t="s">
        <v>11612</v>
      </c>
      <c r="H39241" t="s">
        <v>11613</v>
      </c>
      <c r="I39241" s="2">
        <v>0</v>
      </c>
      <c r="J39241" s="2">
        <v>0</v>
      </c>
      <c r="K39241" s="2">
        <v>1</v>
      </c>
      <c r="L39241" t="s">
        <v>995</v>
      </c>
      <c r="M39241" t="s">
        <v>83</v>
      </c>
      <c r="N39241" t="s">
        <v>91</v>
      </c>
      <c r="O39241" t="s">
        <v>85</v>
      </c>
      <c r="P39241" t="s">
        <v>86</v>
      </c>
      <c r="Q39241">
        <v>35</v>
      </c>
      <c r="R39241">
        <v>35</v>
      </c>
      <c r="S39241">
        <v>36</v>
      </c>
      <c r="T39241">
        <v>36</v>
      </c>
      <c r="U39241">
        <v>37</v>
      </c>
      <c r="V39241">
        <v>37</v>
      </c>
      <c r="W39241">
        <v>38</v>
      </c>
      <c r="X39241">
        <v>38</v>
      </c>
      <c r="Y39241">
        <v>39</v>
      </c>
      <c r="Z39241">
        <v>39</v>
      </c>
      <c r="AA39241">
        <v>40</v>
      </c>
      <c r="AB39241">
        <v>40</v>
      </c>
      <c r="AC39241">
        <v>41</v>
      </c>
      <c r="AD39241">
        <v>41</v>
      </c>
      <c r="AE39241">
        <v>42</v>
      </c>
      <c r="AF39241">
        <v>42</v>
      </c>
      <c r="AG39241">
        <v>43</v>
      </c>
      <c r="AH39241">
        <v>43</v>
      </c>
      <c r="AI39241">
        <v>44</v>
      </c>
      <c r="AJ39241">
        <v>44</v>
      </c>
      <c r="AK39241">
        <v>45</v>
      </c>
      <c r="AL39241">
        <v>45</v>
      </c>
      <c r="AM39241">
        <v>45</v>
      </c>
      <c r="AN39241">
        <v>45</v>
      </c>
      <c r="AO39241">
        <v>45</v>
      </c>
      <c r="AP39241">
        <v>46</v>
      </c>
      <c r="AQ39241">
        <v>46</v>
      </c>
    </row>
    <row r="39242" spans="1:43">
      <c r="A39242" t="s">
        <v>24341</v>
      </c>
      <c r="B39242" t="s">
        <v>24342</v>
      </c>
      <c r="C39242" t="s">
        <v>24343</v>
      </c>
      <c r="D39242" t="s">
        <v>24344</v>
      </c>
      <c r="E39242" t="s">
        <v>24327</v>
      </c>
      <c r="F39242" t="s">
        <v>24328</v>
      </c>
      <c r="G39242" t="s">
        <v>11612</v>
      </c>
      <c r="H39242" t="s">
        <v>11613</v>
      </c>
      <c r="I39242" s="2">
        <v>0</v>
      </c>
      <c r="J39242" s="2">
        <v>0</v>
      </c>
      <c r="K39242" s="2">
        <v>1</v>
      </c>
      <c r="L39242" t="s">
        <v>995</v>
      </c>
      <c r="M39242" t="s">
        <v>83</v>
      </c>
      <c r="N39242" t="s">
        <v>84</v>
      </c>
      <c r="O39242" t="s">
        <v>85</v>
      </c>
      <c r="P39242" t="s">
        <v>86</v>
      </c>
      <c r="Q39242">
        <v>99</v>
      </c>
      <c r="R39242">
        <v>100</v>
      </c>
      <c r="S39242">
        <v>102</v>
      </c>
      <c r="T39242">
        <v>103</v>
      </c>
      <c r="U39242">
        <v>105</v>
      </c>
      <c r="V39242">
        <v>106</v>
      </c>
      <c r="W39242">
        <v>108</v>
      </c>
      <c r="X39242">
        <v>109</v>
      </c>
      <c r="Y39242">
        <v>110</v>
      </c>
      <c r="Z39242">
        <v>112</v>
      </c>
      <c r="AA39242">
        <v>113</v>
      </c>
      <c r="AB39242">
        <v>115</v>
      </c>
      <c r="AC39242">
        <v>116</v>
      </c>
      <c r="AD39242">
        <v>118</v>
      </c>
      <c r="AE39242">
        <v>119</v>
      </c>
      <c r="AF39242">
        <v>121</v>
      </c>
      <c r="AG39242">
        <v>122</v>
      </c>
      <c r="AH39242">
        <v>124</v>
      </c>
      <c r="AI39242">
        <v>125</v>
      </c>
      <c r="AJ39242">
        <v>127</v>
      </c>
      <c r="AK39242">
        <v>129</v>
      </c>
      <c r="AL39242">
        <v>129</v>
      </c>
      <c r="AM39242">
        <v>130</v>
      </c>
      <c r="AN39242">
        <v>131</v>
      </c>
      <c r="AO39242">
        <v>131</v>
      </c>
      <c r="AP39242">
        <v>132</v>
      </c>
      <c r="AQ39242">
        <v>133</v>
      </c>
    </row>
    <row r="39243" spans="1:43">
      <c r="A39243" t="s">
        <v>24341</v>
      </c>
      <c r="B39243" t="s">
        <v>24342</v>
      </c>
      <c r="C39243" t="s">
        <v>24343</v>
      </c>
      <c r="D39243" t="s">
        <v>24344</v>
      </c>
      <c r="E39243" t="s">
        <v>24327</v>
      </c>
      <c r="F39243" t="s">
        <v>24328</v>
      </c>
      <c r="G39243" t="s">
        <v>11612</v>
      </c>
      <c r="H39243" t="s">
        <v>11613</v>
      </c>
      <c r="I39243" s="2">
        <v>0</v>
      </c>
      <c r="J39243" s="2">
        <v>0</v>
      </c>
      <c r="K39243" s="2">
        <v>1</v>
      </c>
      <c r="L39243" t="s">
        <v>995</v>
      </c>
      <c r="M39243" t="s">
        <v>87</v>
      </c>
      <c r="N39243" t="s">
        <v>88</v>
      </c>
      <c r="O39243" t="s">
        <v>85</v>
      </c>
      <c r="P39243" t="s">
        <v>86</v>
      </c>
      <c r="Q39243">
        <v>99</v>
      </c>
      <c r="R39243">
        <v>100</v>
      </c>
      <c r="S39243">
        <v>100</v>
      </c>
      <c r="T39243">
        <v>101</v>
      </c>
      <c r="U39243">
        <v>101</v>
      </c>
      <c r="V39243">
        <v>102</v>
      </c>
      <c r="W39243">
        <v>102</v>
      </c>
      <c r="X39243">
        <v>103</v>
      </c>
      <c r="Y39243">
        <v>103</v>
      </c>
      <c r="Z39243">
        <v>104</v>
      </c>
      <c r="AA39243">
        <v>104</v>
      </c>
      <c r="AB39243">
        <v>105</v>
      </c>
      <c r="AC39243">
        <v>105</v>
      </c>
      <c r="AD39243">
        <v>106</v>
      </c>
      <c r="AE39243">
        <v>106</v>
      </c>
      <c r="AF39243">
        <v>107</v>
      </c>
      <c r="AG39243">
        <v>108</v>
      </c>
      <c r="AH39243">
        <v>108</v>
      </c>
      <c r="AI39243">
        <v>109</v>
      </c>
      <c r="AJ39243">
        <v>110</v>
      </c>
      <c r="AK39243">
        <v>111</v>
      </c>
      <c r="AL39243">
        <v>111</v>
      </c>
      <c r="AM39243">
        <v>112</v>
      </c>
      <c r="AN39243">
        <v>113</v>
      </c>
      <c r="AO39243">
        <v>114</v>
      </c>
      <c r="AP39243">
        <v>115</v>
      </c>
      <c r="AQ39243">
        <v>116</v>
      </c>
    </row>
    <row r="39244" spans="1:43">
      <c r="A39244" t="s">
        <v>24341</v>
      </c>
      <c r="B39244" t="s">
        <v>24342</v>
      </c>
      <c r="C39244" t="s">
        <v>24343</v>
      </c>
      <c r="D39244" t="s">
        <v>24344</v>
      </c>
      <c r="E39244" t="s">
        <v>24327</v>
      </c>
      <c r="F39244" t="s">
        <v>24328</v>
      </c>
      <c r="G39244" t="s">
        <v>11612</v>
      </c>
      <c r="H39244" t="s">
        <v>11613</v>
      </c>
      <c r="I39244" s="2">
        <v>0</v>
      </c>
      <c r="J39244" s="2">
        <v>0</v>
      </c>
      <c r="K39244" s="2">
        <v>1</v>
      </c>
      <c r="L39244" t="s">
        <v>995</v>
      </c>
      <c r="M39244" t="s">
        <v>89</v>
      </c>
      <c r="N39244" t="s">
        <v>90</v>
      </c>
      <c r="O39244" t="s">
        <v>85</v>
      </c>
      <c r="P39244" t="s">
        <v>86</v>
      </c>
      <c r="Q39244">
        <v>99</v>
      </c>
      <c r="R39244">
        <v>101</v>
      </c>
      <c r="S39244">
        <v>104</v>
      </c>
      <c r="T39244">
        <v>106</v>
      </c>
      <c r="U39244">
        <v>108</v>
      </c>
      <c r="V39244">
        <v>110</v>
      </c>
      <c r="W39244">
        <v>112</v>
      </c>
      <c r="X39244">
        <v>114</v>
      </c>
      <c r="Y39244">
        <v>116</v>
      </c>
      <c r="Z39244">
        <v>118</v>
      </c>
      <c r="AA39244">
        <v>120</v>
      </c>
      <c r="AB39244">
        <v>122</v>
      </c>
      <c r="AC39244">
        <v>124</v>
      </c>
      <c r="AD39244">
        <v>125</v>
      </c>
      <c r="AE39244">
        <v>127</v>
      </c>
      <c r="AF39244">
        <v>127</v>
      </c>
      <c r="AG39244">
        <v>128</v>
      </c>
      <c r="AH39244">
        <v>128</v>
      </c>
      <c r="AI39244">
        <v>129</v>
      </c>
      <c r="AJ39244">
        <v>129</v>
      </c>
      <c r="AK39244">
        <v>130</v>
      </c>
      <c r="AL39244">
        <v>130</v>
      </c>
      <c r="AM39244">
        <v>131</v>
      </c>
      <c r="AN39244">
        <v>131</v>
      </c>
      <c r="AO39244">
        <v>132</v>
      </c>
      <c r="AP39244">
        <v>132</v>
      </c>
      <c r="AQ39244">
        <v>133</v>
      </c>
    </row>
    <row r="39245" spans="1:43">
      <c r="A39245" t="s">
        <v>24341</v>
      </c>
      <c r="B39245" t="s">
        <v>24342</v>
      </c>
      <c r="C39245" t="s">
        <v>24343</v>
      </c>
      <c r="D39245" t="s">
        <v>24344</v>
      </c>
      <c r="E39245" t="s">
        <v>24327</v>
      </c>
      <c r="F39245" t="s">
        <v>24328</v>
      </c>
      <c r="G39245" t="s">
        <v>11612</v>
      </c>
      <c r="H39245" t="s">
        <v>11613</v>
      </c>
      <c r="I39245" s="2">
        <v>0</v>
      </c>
      <c r="J39245" s="2">
        <v>0</v>
      </c>
      <c r="K39245" s="2">
        <v>1</v>
      </c>
      <c r="L39245" t="s">
        <v>995</v>
      </c>
      <c r="M39245" t="s">
        <v>83</v>
      </c>
      <c r="N39245" t="s">
        <v>91</v>
      </c>
      <c r="O39245" t="s">
        <v>85</v>
      </c>
      <c r="P39245" t="s">
        <v>86</v>
      </c>
      <c r="Q39245">
        <v>99</v>
      </c>
      <c r="R39245">
        <v>100</v>
      </c>
      <c r="S39245">
        <v>102</v>
      </c>
      <c r="T39245">
        <v>103</v>
      </c>
      <c r="U39245">
        <v>105</v>
      </c>
      <c r="V39245">
        <v>106</v>
      </c>
      <c r="W39245">
        <v>108</v>
      </c>
      <c r="X39245">
        <v>109</v>
      </c>
      <c r="Y39245">
        <v>110</v>
      </c>
      <c r="Z39245">
        <v>112</v>
      </c>
      <c r="AA39245">
        <v>113</v>
      </c>
      <c r="AB39245">
        <v>115</v>
      </c>
      <c r="AC39245">
        <v>116</v>
      </c>
      <c r="AD39245">
        <v>118</v>
      </c>
      <c r="AE39245">
        <v>119</v>
      </c>
      <c r="AF39245">
        <v>121</v>
      </c>
      <c r="AG39245">
        <v>122</v>
      </c>
      <c r="AH39245">
        <v>124</v>
      </c>
      <c r="AI39245">
        <v>125</v>
      </c>
      <c r="AJ39245">
        <v>127</v>
      </c>
      <c r="AK39245">
        <v>129</v>
      </c>
      <c r="AL39245">
        <v>129</v>
      </c>
      <c r="AM39245">
        <v>130</v>
      </c>
      <c r="AN39245">
        <v>131</v>
      </c>
      <c r="AO39245">
        <v>131</v>
      </c>
      <c r="AP39245">
        <v>132</v>
      </c>
      <c r="AQ39245">
        <v>133</v>
      </c>
    </row>
    <row r="39246" spans="1:43">
      <c r="A39246" t="s">
        <v>24345</v>
      </c>
      <c r="B39246" t="s">
        <v>24346</v>
      </c>
      <c r="C39246" t="s">
        <v>24347</v>
      </c>
      <c r="D39246" t="s">
        <v>24348</v>
      </c>
      <c r="E39246" t="s">
        <v>24327</v>
      </c>
      <c r="F39246" t="s">
        <v>24328</v>
      </c>
      <c r="G39246" t="s">
        <v>11612</v>
      </c>
      <c r="H39246" t="s">
        <v>11613</v>
      </c>
      <c r="I39246" s="2">
        <v>0</v>
      </c>
      <c r="J39246" s="2">
        <v>0</v>
      </c>
      <c r="K39246" s="2">
        <v>1</v>
      </c>
      <c r="L39246" t="s">
        <v>995</v>
      </c>
      <c r="M39246" t="s">
        <v>83</v>
      </c>
      <c r="N39246" t="s">
        <v>84</v>
      </c>
      <c r="O39246" t="s">
        <v>85</v>
      </c>
      <c r="P39246" t="s">
        <v>86</v>
      </c>
      <c r="Q39246">
        <v>8</v>
      </c>
      <c r="R39246">
        <v>8</v>
      </c>
      <c r="S39246">
        <v>8</v>
      </c>
      <c r="T39246">
        <v>9</v>
      </c>
      <c r="U39246">
        <v>9</v>
      </c>
      <c r="V39246">
        <v>9</v>
      </c>
      <c r="W39246">
        <v>9</v>
      </c>
      <c r="X39246">
        <v>9</v>
      </c>
      <c r="Y39246">
        <v>9</v>
      </c>
      <c r="Z39246">
        <v>9</v>
      </c>
      <c r="AA39246">
        <v>9</v>
      </c>
      <c r="AB39246">
        <v>10</v>
      </c>
      <c r="AC39246">
        <v>10</v>
      </c>
      <c r="AD39246">
        <v>10</v>
      </c>
      <c r="AE39246">
        <v>10</v>
      </c>
      <c r="AF39246">
        <v>10</v>
      </c>
      <c r="AG39246">
        <v>10</v>
      </c>
      <c r="AH39246">
        <v>10</v>
      </c>
      <c r="AI39246">
        <v>10</v>
      </c>
      <c r="AJ39246">
        <v>10</v>
      </c>
      <c r="AK39246">
        <v>11</v>
      </c>
      <c r="AL39246">
        <v>11</v>
      </c>
      <c r="AM39246">
        <v>11</v>
      </c>
      <c r="AN39246">
        <v>11</v>
      </c>
      <c r="AO39246">
        <v>11</v>
      </c>
      <c r="AP39246">
        <v>11</v>
      </c>
      <c r="AQ39246">
        <v>11</v>
      </c>
    </row>
    <row r="39247" spans="1:43">
      <c r="A39247" t="s">
        <v>24345</v>
      </c>
      <c r="B39247" t="s">
        <v>24346</v>
      </c>
      <c r="C39247" t="s">
        <v>24347</v>
      </c>
      <c r="D39247" t="s">
        <v>24348</v>
      </c>
      <c r="E39247" t="s">
        <v>24327</v>
      </c>
      <c r="F39247" t="s">
        <v>24328</v>
      </c>
      <c r="G39247" t="s">
        <v>11612</v>
      </c>
      <c r="H39247" t="s">
        <v>11613</v>
      </c>
      <c r="I39247" s="2">
        <v>0</v>
      </c>
      <c r="J39247" s="2">
        <v>0</v>
      </c>
      <c r="K39247" s="2">
        <v>1</v>
      </c>
      <c r="L39247" t="s">
        <v>995</v>
      </c>
      <c r="M39247" t="s">
        <v>87</v>
      </c>
      <c r="N39247" t="s">
        <v>88</v>
      </c>
      <c r="O39247" t="s">
        <v>85</v>
      </c>
      <c r="P39247" t="s">
        <v>86</v>
      </c>
      <c r="Q39247">
        <v>8</v>
      </c>
      <c r="R39247">
        <v>8</v>
      </c>
      <c r="S39247">
        <v>8</v>
      </c>
      <c r="T39247">
        <v>8</v>
      </c>
      <c r="U39247">
        <v>8</v>
      </c>
      <c r="V39247">
        <v>8</v>
      </c>
      <c r="W39247">
        <v>8</v>
      </c>
      <c r="X39247">
        <v>8</v>
      </c>
      <c r="Y39247">
        <v>8</v>
      </c>
      <c r="Z39247">
        <v>9</v>
      </c>
      <c r="AA39247">
        <v>9</v>
      </c>
      <c r="AB39247">
        <v>9</v>
      </c>
      <c r="AC39247">
        <v>9</v>
      </c>
      <c r="AD39247">
        <v>9</v>
      </c>
      <c r="AE39247">
        <v>9</v>
      </c>
      <c r="AF39247">
        <v>9</v>
      </c>
      <c r="AG39247">
        <v>9</v>
      </c>
      <c r="AH39247">
        <v>9</v>
      </c>
      <c r="AI39247">
        <v>9</v>
      </c>
      <c r="AJ39247">
        <v>9</v>
      </c>
      <c r="AK39247">
        <v>9</v>
      </c>
      <c r="AL39247">
        <v>9</v>
      </c>
      <c r="AM39247">
        <v>9</v>
      </c>
      <c r="AN39247">
        <v>9</v>
      </c>
      <c r="AO39247">
        <v>9</v>
      </c>
      <c r="AP39247">
        <v>9</v>
      </c>
      <c r="AQ39247">
        <v>10</v>
      </c>
    </row>
    <row r="39248" spans="1:43">
      <c r="A39248" t="s">
        <v>24345</v>
      </c>
      <c r="B39248" t="s">
        <v>24346</v>
      </c>
      <c r="C39248" t="s">
        <v>24347</v>
      </c>
      <c r="D39248" t="s">
        <v>24348</v>
      </c>
      <c r="E39248" t="s">
        <v>24327</v>
      </c>
      <c r="F39248" t="s">
        <v>24328</v>
      </c>
      <c r="G39248" t="s">
        <v>11612</v>
      </c>
      <c r="H39248" t="s">
        <v>11613</v>
      </c>
      <c r="I39248" s="2">
        <v>0</v>
      </c>
      <c r="J39248" s="2">
        <v>0</v>
      </c>
      <c r="K39248" s="2">
        <v>1</v>
      </c>
      <c r="L39248" t="s">
        <v>995</v>
      </c>
      <c r="M39248" t="s">
        <v>89</v>
      </c>
      <c r="N39248" t="s">
        <v>90</v>
      </c>
      <c r="O39248" t="s">
        <v>85</v>
      </c>
      <c r="P39248" t="s">
        <v>86</v>
      </c>
      <c r="Q39248">
        <v>8</v>
      </c>
      <c r="R39248">
        <v>8</v>
      </c>
      <c r="S39248">
        <v>9</v>
      </c>
      <c r="T39248">
        <v>9</v>
      </c>
      <c r="U39248">
        <v>9</v>
      </c>
      <c r="V39248">
        <v>9</v>
      </c>
      <c r="W39248">
        <v>9</v>
      </c>
      <c r="X39248">
        <v>10</v>
      </c>
      <c r="Y39248">
        <v>10</v>
      </c>
      <c r="Z39248">
        <v>10</v>
      </c>
      <c r="AA39248">
        <v>10</v>
      </c>
      <c r="AB39248">
        <v>10</v>
      </c>
      <c r="AC39248">
        <v>10</v>
      </c>
      <c r="AD39248">
        <v>10</v>
      </c>
      <c r="AE39248">
        <v>11</v>
      </c>
      <c r="AF39248">
        <v>11</v>
      </c>
      <c r="AG39248">
        <v>11</v>
      </c>
      <c r="AH39248">
        <v>11</v>
      </c>
      <c r="AI39248">
        <v>11</v>
      </c>
      <c r="AJ39248">
        <v>11</v>
      </c>
      <c r="AK39248">
        <v>11</v>
      </c>
      <c r="AL39248">
        <v>11</v>
      </c>
      <c r="AM39248">
        <v>11</v>
      </c>
      <c r="AN39248">
        <v>11</v>
      </c>
      <c r="AO39248">
        <v>11</v>
      </c>
      <c r="AP39248">
        <v>11</v>
      </c>
      <c r="AQ39248">
        <v>11</v>
      </c>
    </row>
    <row r="39249" spans="1:43">
      <c r="A39249" t="s">
        <v>24345</v>
      </c>
      <c r="B39249" t="s">
        <v>24346</v>
      </c>
      <c r="C39249" t="s">
        <v>24347</v>
      </c>
      <c r="D39249" t="s">
        <v>24348</v>
      </c>
      <c r="E39249" t="s">
        <v>24327</v>
      </c>
      <c r="F39249" t="s">
        <v>24328</v>
      </c>
      <c r="G39249" t="s">
        <v>11612</v>
      </c>
      <c r="H39249" t="s">
        <v>11613</v>
      </c>
      <c r="I39249" s="2">
        <v>0</v>
      </c>
      <c r="J39249" s="2">
        <v>0</v>
      </c>
      <c r="K39249" s="2">
        <v>1</v>
      </c>
      <c r="L39249" t="s">
        <v>995</v>
      </c>
      <c r="M39249" t="s">
        <v>83</v>
      </c>
      <c r="N39249" t="s">
        <v>91</v>
      </c>
      <c r="O39249" t="s">
        <v>85</v>
      </c>
      <c r="P39249" t="s">
        <v>86</v>
      </c>
      <c r="Q39249">
        <v>8</v>
      </c>
      <c r="R39249">
        <v>8</v>
      </c>
      <c r="S39249">
        <v>8</v>
      </c>
      <c r="T39249">
        <v>9</v>
      </c>
      <c r="U39249">
        <v>9</v>
      </c>
      <c r="V39249">
        <v>9</v>
      </c>
      <c r="W39249">
        <v>9</v>
      </c>
      <c r="X39249">
        <v>9</v>
      </c>
      <c r="Y39249">
        <v>9</v>
      </c>
      <c r="Z39249">
        <v>9</v>
      </c>
      <c r="AA39249">
        <v>9</v>
      </c>
      <c r="AB39249">
        <v>10</v>
      </c>
      <c r="AC39249">
        <v>10</v>
      </c>
      <c r="AD39249">
        <v>10</v>
      </c>
      <c r="AE39249">
        <v>10</v>
      </c>
      <c r="AF39249">
        <v>10</v>
      </c>
      <c r="AG39249">
        <v>10</v>
      </c>
      <c r="AH39249">
        <v>10</v>
      </c>
      <c r="AI39249">
        <v>10</v>
      </c>
      <c r="AJ39249">
        <v>10</v>
      </c>
      <c r="AK39249">
        <v>11</v>
      </c>
      <c r="AL39249">
        <v>11</v>
      </c>
      <c r="AM39249">
        <v>11</v>
      </c>
      <c r="AN39249">
        <v>11</v>
      </c>
      <c r="AO39249">
        <v>11</v>
      </c>
      <c r="AP39249">
        <v>11</v>
      </c>
      <c r="AQ39249">
        <v>11</v>
      </c>
    </row>
    <row r="39250" spans="1:43">
      <c r="A39250" t="s">
        <v>24349</v>
      </c>
      <c r="B39250" t="s">
        <v>24350</v>
      </c>
      <c r="C39250" t="s">
        <v>24347</v>
      </c>
      <c r="D39250" t="s">
        <v>24348</v>
      </c>
      <c r="E39250" t="s">
        <v>24327</v>
      </c>
      <c r="F39250" t="s">
        <v>24328</v>
      </c>
      <c r="G39250" t="s">
        <v>11612</v>
      </c>
      <c r="H39250" t="s">
        <v>11613</v>
      </c>
      <c r="I39250" s="2">
        <v>0</v>
      </c>
      <c r="J39250" s="2">
        <v>0</v>
      </c>
      <c r="K39250" s="2">
        <v>1</v>
      </c>
      <c r="L39250" t="s">
        <v>995</v>
      </c>
      <c r="M39250" t="s">
        <v>83</v>
      </c>
      <c r="N39250" t="s">
        <v>84</v>
      </c>
      <c r="O39250" t="s">
        <v>85</v>
      </c>
      <c r="P39250" t="s">
        <v>86</v>
      </c>
      <c r="Q39250">
        <v>6</v>
      </c>
      <c r="R39250">
        <v>6</v>
      </c>
      <c r="S39250">
        <v>6</v>
      </c>
      <c r="T39250">
        <v>7</v>
      </c>
      <c r="U39250">
        <v>7</v>
      </c>
      <c r="V39250">
        <v>7</v>
      </c>
      <c r="W39250">
        <v>7</v>
      </c>
      <c r="X39250">
        <v>7</v>
      </c>
      <c r="Y39250">
        <v>7</v>
      </c>
      <c r="Z39250">
        <v>7</v>
      </c>
      <c r="AA39250">
        <v>7</v>
      </c>
      <c r="AB39250">
        <v>7</v>
      </c>
      <c r="AC39250">
        <v>7</v>
      </c>
      <c r="AD39250">
        <v>8</v>
      </c>
      <c r="AE39250">
        <v>8</v>
      </c>
      <c r="AF39250">
        <v>8</v>
      </c>
      <c r="AG39250">
        <v>8</v>
      </c>
      <c r="AH39250">
        <v>8</v>
      </c>
      <c r="AI39250">
        <v>8</v>
      </c>
      <c r="AJ39250">
        <v>8</v>
      </c>
      <c r="AK39250">
        <v>8</v>
      </c>
      <c r="AL39250">
        <v>8</v>
      </c>
      <c r="AM39250">
        <v>8</v>
      </c>
      <c r="AN39250">
        <v>8</v>
      </c>
      <c r="AO39250">
        <v>8</v>
      </c>
      <c r="AP39250">
        <v>9</v>
      </c>
      <c r="AQ39250">
        <v>9</v>
      </c>
    </row>
    <row r="39251" spans="1:43">
      <c r="A39251" t="s">
        <v>24349</v>
      </c>
      <c r="B39251" t="s">
        <v>24350</v>
      </c>
      <c r="C39251" t="s">
        <v>24347</v>
      </c>
      <c r="D39251" t="s">
        <v>24348</v>
      </c>
      <c r="E39251" t="s">
        <v>24327</v>
      </c>
      <c r="F39251" t="s">
        <v>24328</v>
      </c>
      <c r="G39251" t="s">
        <v>11612</v>
      </c>
      <c r="H39251" t="s">
        <v>11613</v>
      </c>
      <c r="I39251" s="2">
        <v>0</v>
      </c>
      <c r="J39251" s="2">
        <v>0</v>
      </c>
      <c r="K39251" s="2">
        <v>1</v>
      </c>
      <c r="L39251" t="s">
        <v>995</v>
      </c>
      <c r="M39251" t="s">
        <v>87</v>
      </c>
      <c r="N39251" t="s">
        <v>88</v>
      </c>
      <c r="O39251" t="s">
        <v>85</v>
      </c>
      <c r="P39251" t="s">
        <v>86</v>
      </c>
      <c r="Q39251">
        <v>6</v>
      </c>
      <c r="R39251">
        <v>6</v>
      </c>
      <c r="S39251">
        <v>6</v>
      </c>
      <c r="T39251">
        <v>6</v>
      </c>
      <c r="U39251">
        <v>6</v>
      </c>
      <c r="V39251">
        <v>6</v>
      </c>
      <c r="W39251">
        <v>6</v>
      </c>
      <c r="X39251">
        <v>6</v>
      </c>
      <c r="Y39251">
        <v>7</v>
      </c>
      <c r="Z39251">
        <v>7</v>
      </c>
      <c r="AA39251">
        <v>7</v>
      </c>
      <c r="AB39251">
        <v>7</v>
      </c>
      <c r="AC39251">
        <v>7</v>
      </c>
      <c r="AD39251">
        <v>7</v>
      </c>
      <c r="AE39251">
        <v>7</v>
      </c>
      <c r="AF39251">
        <v>7</v>
      </c>
      <c r="AG39251">
        <v>7</v>
      </c>
      <c r="AH39251">
        <v>7</v>
      </c>
      <c r="AI39251">
        <v>7</v>
      </c>
      <c r="AJ39251">
        <v>7</v>
      </c>
      <c r="AK39251">
        <v>7</v>
      </c>
      <c r="AL39251">
        <v>7</v>
      </c>
      <c r="AM39251">
        <v>7</v>
      </c>
      <c r="AN39251">
        <v>7</v>
      </c>
      <c r="AO39251">
        <v>7</v>
      </c>
      <c r="AP39251">
        <v>7</v>
      </c>
      <c r="AQ39251">
        <v>7</v>
      </c>
    </row>
    <row r="39252" spans="1:43">
      <c r="A39252" t="s">
        <v>24349</v>
      </c>
      <c r="B39252" t="s">
        <v>24350</v>
      </c>
      <c r="C39252" t="s">
        <v>24347</v>
      </c>
      <c r="D39252" t="s">
        <v>24348</v>
      </c>
      <c r="E39252" t="s">
        <v>24327</v>
      </c>
      <c r="F39252" t="s">
        <v>24328</v>
      </c>
      <c r="G39252" t="s">
        <v>11612</v>
      </c>
      <c r="H39252" t="s">
        <v>11613</v>
      </c>
      <c r="I39252" s="2">
        <v>0</v>
      </c>
      <c r="J39252" s="2">
        <v>0</v>
      </c>
      <c r="K39252" s="2">
        <v>1</v>
      </c>
      <c r="L39252" t="s">
        <v>995</v>
      </c>
      <c r="M39252" t="s">
        <v>89</v>
      </c>
      <c r="N39252" t="s">
        <v>90</v>
      </c>
      <c r="O39252" t="s">
        <v>85</v>
      </c>
      <c r="P39252" t="s">
        <v>86</v>
      </c>
      <c r="Q39252">
        <v>6</v>
      </c>
      <c r="R39252">
        <v>6</v>
      </c>
      <c r="S39252">
        <v>7</v>
      </c>
      <c r="T39252">
        <v>7</v>
      </c>
      <c r="U39252">
        <v>7</v>
      </c>
      <c r="V39252">
        <v>7</v>
      </c>
      <c r="W39252">
        <v>7</v>
      </c>
      <c r="X39252">
        <v>7</v>
      </c>
      <c r="Y39252">
        <v>7</v>
      </c>
      <c r="Z39252">
        <v>8</v>
      </c>
      <c r="AA39252">
        <v>8</v>
      </c>
      <c r="AB39252">
        <v>8</v>
      </c>
      <c r="AC39252">
        <v>8</v>
      </c>
      <c r="AD39252">
        <v>8</v>
      </c>
      <c r="AE39252">
        <v>8</v>
      </c>
      <c r="AF39252">
        <v>8</v>
      </c>
      <c r="AG39252">
        <v>8</v>
      </c>
      <c r="AH39252">
        <v>8</v>
      </c>
      <c r="AI39252">
        <v>8</v>
      </c>
      <c r="AJ39252">
        <v>8</v>
      </c>
      <c r="AK39252">
        <v>8</v>
      </c>
      <c r="AL39252">
        <v>8</v>
      </c>
      <c r="AM39252">
        <v>8</v>
      </c>
      <c r="AN39252">
        <v>9</v>
      </c>
      <c r="AO39252">
        <v>9</v>
      </c>
      <c r="AP39252">
        <v>9</v>
      </c>
      <c r="AQ39252">
        <v>9</v>
      </c>
    </row>
    <row r="39253" spans="1:43">
      <c r="A39253" t="s">
        <v>24349</v>
      </c>
      <c r="B39253" t="s">
        <v>24350</v>
      </c>
      <c r="C39253" t="s">
        <v>24347</v>
      </c>
      <c r="D39253" t="s">
        <v>24348</v>
      </c>
      <c r="E39253" t="s">
        <v>24327</v>
      </c>
      <c r="F39253" t="s">
        <v>24328</v>
      </c>
      <c r="G39253" t="s">
        <v>11612</v>
      </c>
      <c r="H39253" t="s">
        <v>11613</v>
      </c>
      <c r="I39253" s="2">
        <v>0</v>
      </c>
      <c r="J39253" s="2">
        <v>0</v>
      </c>
      <c r="K39253" s="2">
        <v>1</v>
      </c>
      <c r="L39253" t="s">
        <v>995</v>
      </c>
      <c r="M39253" t="s">
        <v>83</v>
      </c>
      <c r="N39253" t="s">
        <v>91</v>
      </c>
      <c r="O39253" t="s">
        <v>85</v>
      </c>
      <c r="P39253" t="s">
        <v>86</v>
      </c>
      <c r="Q39253">
        <v>6</v>
      </c>
      <c r="R39253">
        <v>6</v>
      </c>
      <c r="S39253">
        <v>6</v>
      </c>
      <c r="T39253">
        <v>7</v>
      </c>
      <c r="U39253">
        <v>7</v>
      </c>
      <c r="V39253">
        <v>7</v>
      </c>
      <c r="W39253">
        <v>7</v>
      </c>
      <c r="X39253">
        <v>7</v>
      </c>
      <c r="Y39253">
        <v>7</v>
      </c>
      <c r="Z39253">
        <v>7</v>
      </c>
      <c r="AA39253">
        <v>7</v>
      </c>
      <c r="AB39253">
        <v>7</v>
      </c>
      <c r="AC39253">
        <v>7</v>
      </c>
      <c r="AD39253">
        <v>8</v>
      </c>
      <c r="AE39253">
        <v>8</v>
      </c>
      <c r="AF39253">
        <v>8</v>
      </c>
      <c r="AG39253">
        <v>8</v>
      </c>
      <c r="AH39253">
        <v>8</v>
      </c>
      <c r="AI39253">
        <v>8</v>
      </c>
      <c r="AJ39253">
        <v>8</v>
      </c>
      <c r="AK39253">
        <v>8</v>
      </c>
      <c r="AL39253">
        <v>8</v>
      </c>
      <c r="AM39253">
        <v>8</v>
      </c>
      <c r="AN39253">
        <v>8</v>
      </c>
      <c r="AO39253">
        <v>8</v>
      </c>
      <c r="AP39253">
        <v>9</v>
      </c>
      <c r="AQ39253">
        <v>9</v>
      </c>
    </row>
    <row r="39254" spans="1:43">
      <c r="A39254" t="s">
        <v>24351</v>
      </c>
      <c r="B39254" t="s">
        <v>24352</v>
      </c>
      <c r="C39254" t="s">
        <v>24347</v>
      </c>
      <c r="D39254" t="s">
        <v>24348</v>
      </c>
      <c r="E39254" t="s">
        <v>24327</v>
      </c>
      <c r="F39254" t="s">
        <v>24328</v>
      </c>
      <c r="G39254" t="s">
        <v>11612</v>
      </c>
      <c r="H39254" t="s">
        <v>11613</v>
      </c>
      <c r="I39254" s="2">
        <v>0</v>
      </c>
      <c r="J39254" s="2">
        <v>0</v>
      </c>
      <c r="K39254" s="2">
        <v>1</v>
      </c>
      <c r="L39254" t="s">
        <v>995</v>
      </c>
      <c r="M39254" t="s">
        <v>83</v>
      </c>
      <c r="N39254" t="s">
        <v>84</v>
      </c>
      <c r="O39254" t="s">
        <v>85</v>
      </c>
      <c r="P39254" t="s">
        <v>86</v>
      </c>
      <c r="Q39254">
        <v>10</v>
      </c>
      <c r="R39254">
        <v>10</v>
      </c>
      <c r="S39254">
        <v>11</v>
      </c>
      <c r="T39254">
        <v>11</v>
      </c>
      <c r="U39254">
        <v>11</v>
      </c>
      <c r="V39254">
        <v>11</v>
      </c>
      <c r="W39254">
        <v>11</v>
      </c>
      <c r="X39254">
        <v>11</v>
      </c>
      <c r="Y39254">
        <v>12</v>
      </c>
      <c r="Z39254">
        <v>12</v>
      </c>
      <c r="AA39254">
        <v>12</v>
      </c>
      <c r="AB39254">
        <v>12</v>
      </c>
      <c r="AC39254">
        <v>12</v>
      </c>
      <c r="AD39254">
        <v>12</v>
      </c>
      <c r="AE39254">
        <v>12</v>
      </c>
      <c r="AF39254">
        <v>13</v>
      </c>
      <c r="AG39254">
        <v>13</v>
      </c>
      <c r="AH39254">
        <v>13</v>
      </c>
      <c r="AI39254">
        <v>13</v>
      </c>
      <c r="AJ39254">
        <v>13</v>
      </c>
      <c r="AK39254">
        <v>13</v>
      </c>
      <c r="AL39254">
        <v>14</v>
      </c>
      <c r="AM39254">
        <v>14</v>
      </c>
      <c r="AN39254">
        <v>14</v>
      </c>
      <c r="AO39254">
        <v>14</v>
      </c>
      <c r="AP39254">
        <v>14</v>
      </c>
      <c r="AQ39254">
        <v>14</v>
      </c>
    </row>
    <row r="39255" spans="1:43">
      <c r="A39255" t="s">
        <v>24351</v>
      </c>
      <c r="B39255" t="s">
        <v>24352</v>
      </c>
      <c r="C39255" t="s">
        <v>24347</v>
      </c>
      <c r="D39255" t="s">
        <v>24348</v>
      </c>
      <c r="E39255" t="s">
        <v>24327</v>
      </c>
      <c r="F39255" t="s">
        <v>24328</v>
      </c>
      <c r="G39255" t="s">
        <v>11612</v>
      </c>
      <c r="H39255" t="s">
        <v>11613</v>
      </c>
      <c r="I39255" s="2">
        <v>0</v>
      </c>
      <c r="J39255" s="2">
        <v>0</v>
      </c>
      <c r="K39255" s="2">
        <v>1</v>
      </c>
      <c r="L39255" t="s">
        <v>995</v>
      </c>
      <c r="M39255" t="s">
        <v>87</v>
      </c>
      <c r="N39255" t="s">
        <v>88</v>
      </c>
      <c r="O39255" t="s">
        <v>85</v>
      </c>
      <c r="P39255" t="s">
        <v>86</v>
      </c>
      <c r="Q39255">
        <v>10</v>
      </c>
      <c r="R39255">
        <v>10</v>
      </c>
      <c r="S39255">
        <v>10</v>
      </c>
      <c r="T39255">
        <v>10</v>
      </c>
      <c r="U39255">
        <v>10</v>
      </c>
      <c r="V39255">
        <v>11</v>
      </c>
      <c r="W39255">
        <v>11</v>
      </c>
      <c r="X39255">
        <v>11</v>
      </c>
      <c r="Y39255">
        <v>11</v>
      </c>
      <c r="Z39255">
        <v>11</v>
      </c>
      <c r="AA39255">
        <v>11</v>
      </c>
      <c r="AB39255">
        <v>11</v>
      </c>
      <c r="AC39255">
        <v>11</v>
      </c>
      <c r="AD39255">
        <v>11</v>
      </c>
      <c r="AE39255">
        <v>11</v>
      </c>
      <c r="AF39255">
        <v>11</v>
      </c>
      <c r="AG39255">
        <v>11</v>
      </c>
      <c r="AH39255">
        <v>11</v>
      </c>
      <c r="AI39255">
        <v>11</v>
      </c>
      <c r="AJ39255">
        <v>11</v>
      </c>
      <c r="AK39255">
        <v>11</v>
      </c>
      <c r="AL39255">
        <v>12</v>
      </c>
      <c r="AM39255">
        <v>12</v>
      </c>
      <c r="AN39255">
        <v>12</v>
      </c>
      <c r="AO39255">
        <v>12</v>
      </c>
      <c r="AP39255">
        <v>12</v>
      </c>
      <c r="AQ39255">
        <v>12</v>
      </c>
    </row>
    <row r="39256" spans="1:43">
      <c r="A39256" t="s">
        <v>24351</v>
      </c>
      <c r="B39256" t="s">
        <v>24352</v>
      </c>
      <c r="C39256" t="s">
        <v>24347</v>
      </c>
      <c r="D39256" t="s">
        <v>24348</v>
      </c>
      <c r="E39256" t="s">
        <v>24327</v>
      </c>
      <c r="F39256" t="s">
        <v>24328</v>
      </c>
      <c r="G39256" t="s">
        <v>11612</v>
      </c>
      <c r="H39256" t="s">
        <v>11613</v>
      </c>
      <c r="I39256" s="2">
        <v>0</v>
      </c>
      <c r="J39256" s="2">
        <v>0</v>
      </c>
      <c r="K39256" s="2">
        <v>1</v>
      </c>
      <c r="L39256" t="s">
        <v>995</v>
      </c>
      <c r="M39256" t="s">
        <v>89</v>
      </c>
      <c r="N39256" t="s">
        <v>90</v>
      </c>
      <c r="O39256" t="s">
        <v>85</v>
      </c>
      <c r="P39256" t="s">
        <v>86</v>
      </c>
      <c r="Q39256">
        <v>10</v>
      </c>
      <c r="R39256">
        <v>11</v>
      </c>
      <c r="S39256">
        <v>11</v>
      </c>
      <c r="T39256">
        <v>11</v>
      </c>
      <c r="U39256">
        <v>11</v>
      </c>
      <c r="V39256">
        <v>12</v>
      </c>
      <c r="W39256">
        <v>12</v>
      </c>
      <c r="X39256">
        <v>12</v>
      </c>
      <c r="Y39256">
        <v>12</v>
      </c>
      <c r="Z39256">
        <v>12</v>
      </c>
      <c r="AA39256">
        <v>13</v>
      </c>
      <c r="AB39256">
        <v>13</v>
      </c>
      <c r="AC39256">
        <v>13</v>
      </c>
      <c r="AD39256">
        <v>13</v>
      </c>
      <c r="AE39256">
        <v>13</v>
      </c>
      <c r="AF39256">
        <v>13</v>
      </c>
      <c r="AG39256">
        <v>13</v>
      </c>
      <c r="AH39256">
        <v>13</v>
      </c>
      <c r="AI39256">
        <v>14</v>
      </c>
      <c r="AJ39256">
        <v>14</v>
      </c>
      <c r="AK39256">
        <v>14</v>
      </c>
      <c r="AL39256">
        <v>14</v>
      </c>
      <c r="AM39256">
        <v>14</v>
      </c>
      <c r="AN39256">
        <v>14</v>
      </c>
      <c r="AO39256">
        <v>14</v>
      </c>
      <c r="AP39256">
        <v>14</v>
      </c>
      <c r="AQ39256">
        <v>14</v>
      </c>
    </row>
    <row r="39257" spans="1:43">
      <c r="A39257" t="s">
        <v>24351</v>
      </c>
      <c r="B39257" t="s">
        <v>24352</v>
      </c>
      <c r="C39257" t="s">
        <v>24347</v>
      </c>
      <c r="D39257" t="s">
        <v>24348</v>
      </c>
      <c r="E39257" t="s">
        <v>24327</v>
      </c>
      <c r="F39257" t="s">
        <v>24328</v>
      </c>
      <c r="G39257" t="s">
        <v>11612</v>
      </c>
      <c r="H39257" t="s">
        <v>11613</v>
      </c>
      <c r="I39257" s="2">
        <v>0</v>
      </c>
      <c r="J39257" s="2">
        <v>0</v>
      </c>
      <c r="K39257" s="2">
        <v>1</v>
      </c>
      <c r="L39257" t="s">
        <v>995</v>
      </c>
      <c r="M39257" t="s">
        <v>83</v>
      </c>
      <c r="N39257" t="s">
        <v>91</v>
      </c>
      <c r="O39257" t="s">
        <v>85</v>
      </c>
      <c r="P39257" t="s">
        <v>86</v>
      </c>
      <c r="Q39257">
        <v>10</v>
      </c>
      <c r="R39257">
        <v>10</v>
      </c>
      <c r="S39257">
        <v>11</v>
      </c>
      <c r="T39257">
        <v>11</v>
      </c>
      <c r="U39257">
        <v>11</v>
      </c>
      <c r="V39257">
        <v>11</v>
      </c>
      <c r="W39257">
        <v>11</v>
      </c>
      <c r="X39257">
        <v>11</v>
      </c>
      <c r="Y39257">
        <v>12</v>
      </c>
      <c r="Z39257">
        <v>12</v>
      </c>
      <c r="AA39257">
        <v>12</v>
      </c>
      <c r="AB39257">
        <v>12</v>
      </c>
      <c r="AC39257">
        <v>12</v>
      </c>
      <c r="AD39257">
        <v>12</v>
      </c>
      <c r="AE39257">
        <v>12</v>
      </c>
      <c r="AF39257">
        <v>13</v>
      </c>
      <c r="AG39257">
        <v>13</v>
      </c>
      <c r="AH39257">
        <v>13</v>
      </c>
      <c r="AI39257">
        <v>13</v>
      </c>
      <c r="AJ39257">
        <v>13</v>
      </c>
      <c r="AK39257">
        <v>13</v>
      </c>
      <c r="AL39257">
        <v>14</v>
      </c>
      <c r="AM39257">
        <v>14</v>
      </c>
      <c r="AN39257">
        <v>14</v>
      </c>
      <c r="AO39257">
        <v>14</v>
      </c>
      <c r="AP39257">
        <v>14</v>
      </c>
      <c r="AQ39257">
        <v>14</v>
      </c>
    </row>
    <row r="39258" spans="1:43">
      <c r="A39258" t="s">
        <v>24353</v>
      </c>
      <c r="B39258" t="s">
        <v>24354</v>
      </c>
      <c r="C39258" t="s">
        <v>24355</v>
      </c>
      <c r="D39258" t="s">
        <v>24356</v>
      </c>
      <c r="E39258" t="s">
        <v>24327</v>
      </c>
      <c r="F39258" t="s">
        <v>24328</v>
      </c>
      <c r="G39258" t="s">
        <v>11612</v>
      </c>
      <c r="H39258" t="s">
        <v>11613</v>
      </c>
      <c r="I39258" s="2">
        <v>0</v>
      </c>
      <c r="J39258" s="2">
        <v>0</v>
      </c>
      <c r="K39258" s="2">
        <v>1</v>
      </c>
      <c r="L39258" t="s">
        <v>995</v>
      </c>
      <c r="M39258" t="s">
        <v>83</v>
      </c>
      <c r="N39258" t="s">
        <v>84</v>
      </c>
      <c r="O39258" t="s">
        <v>85</v>
      </c>
      <c r="P39258" t="s">
        <v>86</v>
      </c>
      <c r="Q39258">
        <v>14</v>
      </c>
      <c r="R39258">
        <v>14</v>
      </c>
      <c r="S39258">
        <v>14</v>
      </c>
      <c r="T39258">
        <v>15</v>
      </c>
      <c r="U39258">
        <v>15</v>
      </c>
      <c r="V39258">
        <v>15</v>
      </c>
      <c r="W39258">
        <v>15</v>
      </c>
      <c r="X39258">
        <v>15</v>
      </c>
      <c r="Y39258">
        <v>16</v>
      </c>
      <c r="Z39258">
        <v>16</v>
      </c>
      <c r="AA39258">
        <v>16</v>
      </c>
      <c r="AB39258">
        <v>16</v>
      </c>
      <c r="AC39258">
        <v>16</v>
      </c>
      <c r="AD39258">
        <v>17</v>
      </c>
      <c r="AE39258">
        <v>17</v>
      </c>
      <c r="AF39258">
        <v>17</v>
      </c>
      <c r="AG39258">
        <v>17</v>
      </c>
      <c r="AH39258">
        <v>17</v>
      </c>
      <c r="AI39258">
        <v>18</v>
      </c>
      <c r="AJ39258">
        <v>18</v>
      </c>
      <c r="AK39258">
        <v>18</v>
      </c>
      <c r="AL39258">
        <v>18</v>
      </c>
      <c r="AM39258">
        <v>18</v>
      </c>
      <c r="AN39258">
        <v>18</v>
      </c>
      <c r="AO39258">
        <v>18</v>
      </c>
      <c r="AP39258">
        <v>18</v>
      </c>
      <c r="AQ39258">
        <v>18</v>
      </c>
    </row>
    <row r="39259" spans="1:43">
      <c r="A39259" t="s">
        <v>24353</v>
      </c>
      <c r="B39259" t="s">
        <v>24354</v>
      </c>
      <c r="C39259" t="s">
        <v>24355</v>
      </c>
      <c r="D39259" t="s">
        <v>24356</v>
      </c>
      <c r="E39259" t="s">
        <v>24327</v>
      </c>
      <c r="F39259" t="s">
        <v>24328</v>
      </c>
      <c r="G39259" t="s">
        <v>11612</v>
      </c>
      <c r="H39259" t="s">
        <v>11613</v>
      </c>
      <c r="I39259" s="2">
        <v>0</v>
      </c>
      <c r="J39259" s="2">
        <v>0</v>
      </c>
      <c r="K39259" s="2">
        <v>1</v>
      </c>
      <c r="L39259" t="s">
        <v>995</v>
      </c>
      <c r="M39259" t="s">
        <v>87</v>
      </c>
      <c r="N39259" t="s">
        <v>88</v>
      </c>
      <c r="O39259" t="s">
        <v>85</v>
      </c>
      <c r="P39259" t="s">
        <v>86</v>
      </c>
      <c r="Q39259">
        <v>14</v>
      </c>
      <c r="R39259">
        <v>14</v>
      </c>
      <c r="S39259">
        <v>14</v>
      </c>
      <c r="T39259">
        <v>14</v>
      </c>
      <c r="U39259">
        <v>14</v>
      </c>
      <c r="V39259">
        <v>14</v>
      </c>
      <c r="W39259">
        <v>14</v>
      </c>
      <c r="X39259">
        <v>14</v>
      </c>
      <c r="Y39259">
        <v>14</v>
      </c>
      <c r="Z39259">
        <v>14</v>
      </c>
      <c r="AA39259">
        <v>15</v>
      </c>
      <c r="AB39259">
        <v>15</v>
      </c>
      <c r="AC39259">
        <v>15</v>
      </c>
      <c r="AD39259">
        <v>15</v>
      </c>
      <c r="AE39259">
        <v>15</v>
      </c>
      <c r="AF39259">
        <v>15</v>
      </c>
      <c r="AG39259">
        <v>15</v>
      </c>
      <c r="AH39259">
        <v>15</v>
      </c>
      <c r="AI39259">
        <v>15</v>
      </c>
      <c r="AJ39259">
        <v>15</v>
      </c>
      <c r="AK39259">
        <v>15</v>
      </c>
      <c r="AL39259">
        <v>15</v>
      </c>
      <c r="AM39259">
        <v>16</v>
      </c>
      <c r="AN39259">
        <v>16</v>
      </c>
      <c r="AO39259">
        <v>16</v>
      </c>
      <c r="AP39259">
        <v>16</v>
      </c>
      <c r="AQ39259">
        <v>16</v>
      </c>
    </row>
    <row r="39260" spans="1:43">
      <c r="A39260" t="s">
        <v>24353</v>
      </c>
      <c r="B39260" t="s">
        <v>24354</v>
      </c>
      <c r="C39260" t="s">
        <v>24355</v>
      </c>
      <c r="D39260" t="s">
        <v>24356</v>
      </c>
      <c r="E39260" t="s">
        <v>24327</v>
      </c>
      <c r="F39260" t="s">
        <v>24328</v>
      </c>
      <c r="G39260" t="s">
        <v>11612</v>
      </c>
      <c r="H39260" t="s">
        <v>11613</v>
      </c>
      <c r="I39260" s="2">
        <v>0</v>
      </c>
      <c r="J39260" s="2">
        <v>0</v>
      </c>
      <c r="K39260" s="2">
        <v>1</v>
      </c>
      <c r="L39260" t="s">
        <v>995</v>
      </c>
      <c r="M39260" t="s">
        <v>89</v>
      </c>
      <c r="N39260" t="s">
        <v>90</v>
      </c>
      <c r="O39260" t="s">
        <v>85</v>
      </c>
      <c r="P39260" t="s">
        <v>86</v>
      </c>
      <c r="Q39260">
        <v>14</v>
      </c>
      <c r="R39260">
        <v>14</v>
      </c>
      <c r="S39260">
        <v>15</v>
      </c>
      <c r="T39260">
        <v>15</v>
      </c>
      <c r="U39260">
        <v>15</v>
      </c>
      <c r="V39260">
        <v>16</v>
      </c>
      <c r="W39260">
        <v>16</v>
      </c>
      <c r="X39260">
        <v>16</v>
      </c>
      <c r="Y39260">
        <v>17</v>
      </c>
      <c r="Z39260">
        <v>17</v>
      </c>
      <c r="AA39260">
        <v>17</v>
      </c>
      <c r="AB39260">
        <v>17</v>
      </c>
      <c r="AC39260">
        <v>18</v>
      </c>
      <c r="AD39260">
        <v>18</v>
      </c>
      <c r="AE39260">
        <v>18</v>
      </c>
      <c r="AF39260">
        <v>18</v>
      </c>
      <c r="AG39260">
        <v>18</v>
      </c>
      <c r="AH39260">
        <v>18</v>
      </c>
      <c r="AI39260">
        <v>18</v>
      </c>
      <c r="AJ39260">
        <v>18</v>
      </c>
      <c r="AK39260">
        <v>18</v>
      </c>
      <c r="AL39260">
        <v>18</v>
      </c>
      <c r="AM39260">
        <v>18</v>
      </c>
      <c r="AN39260">
        <v>18</v>
      </c>
      <c r="AO39260">
        <v>18</v>
      </c>
      <c r="AP39260">
        <v>19</v>
      </c>
      <c r="AQ39260">
        <v>19</v>
      </c>
    </row>
    <row r="39261" spans="1:43">
      <c r="A39261" t="s">
        <v>24353</v>
      </c>
      <c r="B39261" t="s">
        <v>24354</v>
      </c>
      <c r="C39261" t="s">
        <v>24355</v>
      </c>
      <c r="D39261" t="s">
        <v>24356</v>
      </c>
      <c r="E39261" t="s">
        <v>24327</v>
      </c>
      <c r="F39261" t="s">
        <v>24328</v>
      </c>
      <c r="G39261" t="s">
        <v>11612</v>
      </c>
      <c r="H39261" t="s">
        <v>11613</v>
      </c>
      <c r="I39261" s="2">
        <v>0</v>
      </c>
      <c r="J39261" s="2">
        <v>0</v>
      </c>
      <c r="K39261" s="2">
        <v>1</v>
      </c>
      <c r="L39261" t="s">
        <v>995</v>
      </c>
      <c r="M39261" t="s">
        <v>83</v>
      </c>
      <c r="N39261" t="s">
        <v>91</v>
      </c>
      <c r="O39261" t="s">
        <v>85</v>
      </c>
      <c r="P39261" t="s">
        <v>86</v>
      </c>
      <c r="Q39261">
        <v>14</v>
      </c>
      <c r="R39261">
        <v>14</v>
      </c>
      <c r="S39261">
        <v>14</v>
      </c>
      <c r="T39261">
        <v>15</v>
      </c>
      <c r="U39261">
        <v>15</v>
      </c>
      <c r="V39261">
        <v>15</v>
      </c>
      <c r="W39261">
        <v>15</v>
      </c>
      <c r="X39261">
        <v>15</v>
      </c>
      <c r="Y39261">
        <v>16</v>
      </c>
      <c r="Z39261">
        <v>16</v>
      </c>
      <c r="AA39261">
        <v>16</v>
      </c>
      <c r="AB39261">
        <v>16</v>
      </c>
      <c r="AC39261">
        <v>16</v>
      </c>
      <c r="AD39261">
        <v>17</v>
      </c>
      <c r="AE39261">
        <v>17</v>
      </c>
      <c r="AF39261">
        <v>17</v>
      </c>
      <c r="AG39261">
        <v>17</v>
      </c>
      <c r="AH39261">
        <v>17</v>
      </c>
      <c r="AI39261">
        <v>18</v>
      </c>
      <c r="AJ39261">
        <v>18</v>
      </c>
      <c r="AK39261">
        <v>18</v>
      </c>
      <c r="AL39261">
        <v>18</v>
      </c>
      <c r="AM39261">
        <v>18</v>
      </c>
      <c r="AN39261">
        <v>18</v>
      </c>
      <c r="AO39261">
        <v>18</v>
      </c>
      <c r="AP39261">
        <v>18</v>
      </c>
      <c r="AQ39261">
        <v>18</v>
      </c>
    </row>
    <row r="39262" spans="1:43">
      <c r="A39262" t="s">
        <v>24357</v>
      </c>
      <c r="B39262" t="s">
        <v>24358</v>
      </c>
      <c r="C39262" t="s">
        <v>24355</v>
      </c>
      <c r="D39262" t="s">
        <v>24356</v>
      </c>
      <c r="E39262" t="s">
        <v>24327</v>
      </c>
      <c r="F39262" t="s">
        <v>24328</v>
      </c>
      <c r="G39262" t="s">
        <v>11612</v>
      </c>
      <c r="H39262" t="s">
        <v>11613</v>
      </c>
      <c r="I39262" s="2">
        <v>0</v>
      </c>
      <c r="J39262" s="2">
        <v>0</v>
      </c>
      <c r="K39262" s="2">
        <v>1</v>
      </c>
      <c r="L39262" t="s">
        <v>995</v>
      </c>
      <c r="M39262" t="s">
        <v>83</v>
      </c>
      <c r="N39262" t="s">
        <v>84</v>
      </c>
      <c r="O39262" t="s">
        <v>85</v>
      </c>
      <c r="P39262" t="s">
        <v>86</v>
      </c>
      <c r="Q39262">
        <v>26</v>
      </c>
      <c r="R39262">
        <v>27</v>
      </c>
      <c r="S39262">
        <v>27</v>
      </c>
      <c r="T39262">
        <v>28</v>
      </c>
      <c r="U39262">
        <v>28</v>
      </c>
      <c r="V39262">
        <v>28</v>
      </c>
      <c r="W39262">
        <v>29</v>
      </c>
      <c r="X39262">
        <v>29</v>
      </c>
      <c r="Y39262">
        <v>29</v>
      </c>
      <c r="Z39262">
        <v>30</v>
      </c>
      <c r="AA39262">
        <v>30</v>
      </c>
      <c r="AB39262">
        <v>31</v>
      </c>
      <c r="AC39262">
        <v>31</v>
      </c>
      <c r="AD39262">
        <v>31</v>
      </c>
      <c r="AE39262">
        <v>32</v>
      </c>
      <c r="AF39262">
        <v>32</v>
      </c>
      <c r="AG39262">
        <v>32</v>
      </c>
      <c r="AH39262">
        <v>33</v>
      </c>
      <c r="AI39262">
        <v>33</v>
      </c>
      <c r="AJ39262">
        <v>34</v>
      </c>
      <c r="AK39262">
        <v>34</v>
      </c>
      <c r="AL39262">
        <v>34</v>
      </c>
      <c r="AM39262">
        <v>34</v>
      </c>
      <c r="AN39262">
        <v>34</v>
      </c>
      <c r="AO39262">
        <v>35</v>
      </c>
      <c r="AP39262">
        <v>35</v>
      </c>
      <c r="AQ39262">
        <v>35</v>
      </c>
    </row>
    <row r="39263" spans="1:43">
      <c r="A39263" t="s">
        <v>24357</v>
      </c>
      <c r="B39263" t="s">
        <v>24358</v>
      </c>
      <c r="C39263" t="s">
        <v>24355</v>
      </c>
      <c r="D39263" t="s">
        <v>24356</v>
      </c>
      <c r="E39263" t="s">
        <v>24327</v>
      </c>
      <c r="F39263" t="s">
        <v>24328</v>
      </c>
      <c r="G39263" t="s">
        <v>11612</v>
      </c>
      <c r="H39263" t="s">
        <v>11613</v>
      </c>
      <c r="I39263" s="2">
        <v>0</v>
      </c>
      <c r="J39263" s="2">
        <v>0</v>
      </c>
      <c r="K39263" s="2">
        <v>1</v>
      </c>
      <c r="L39263" t="s">
        <v>995</v>
      </c>
      <c r="M39263" t="s">
        <v>87</v>
      </c>
      <c r="N39263" t="s">
        <v>88</v>
      </c>
      <c r="O39263" t="s">
        <v>85</v>
      </c>
      <c r="P39263" t="s">
        <v>86</v>
      </c>
      <c r="Q39263">
        <v>26</v>
      </c>
      <c r="R39263">
        <v>26</v>
      </c>
      <c r="S39263">
        <v>26</v>
      </c>
      <c r="T39263">
        <v>27</v>
      </c>
      <c r="U39263">
        <v>27</v>
      </c>
      <c r="V39263">
        <v>27</v>
      </c>
      <c r="W39263">
        <v>27</v>
      </c>
      <c r="X39263">
        <v>27</v>
      </c>
      <c r="Y39263">
        <v>27</v>
      </c>
      <c r="Z39263">
        <v>27</v>
      </c>
      <c r="AA39263">
        <v>27</v>
      </c>
      <c r="AB39263">
        <v>28</v>
      </c>
      <c r="AC39263">
        <v>28</v>
      </c>
      <c r="AD39263">
        <v>28</v>
      </c>
      <c r="AE39263">
        <v>28</v>
      </c>
      <c r="AF39263">
        <v>28</v>
      </c>
      <c r="AG39263">
        <v>28</v>
      </c>
      <c r="AH39263">
        <v>29</v>
      </c>
      <c r="AI39263">
        <v>29</v>
      </c>
      <c r="AJ39263">
        <v>29</v>
      </c>
      <c r="AK39263">
        <v>29</v>
      </c>
      <c r="AL39263">
        <v>29</v>
      </c>
      <c r="AM39263">
        <v>29</v>
      </c>
      <c r="AN39263">
        <v>30</v>
      </c>
      <c r="AO39263">
        <v>30</v>
      </c>
      <c r="AP39263">
        <v>30</v>
      </c>
      <c r="AQ39263">
        <v>30</v>
      </c>
    </row>
    <row r="39264" spans="1:43">
      <c r="A39264" t="s">
        <v>24357</v>
      </c>
      <c r="B39264" t="s">
        <v>24358</v>
      </c>
      <c r="C39264" t="s">
        <v>24355</v>
      </c>
      <c r="D39264" t="s">
        <v>24356</v>
      </c>
      <c r="E39264" t="s">
        <v>24327</v>
      </c>
      <c r="F39264" t="s">
        <v>24328</v>
      </c>
      <c r="G39264" t="s">
        <v>11612</v>
      </c>
      <c r="H39264" t="s">
        <v>11613</v>
      </c>
      <c r="I39264" s="2">
        <v>0</v>
      </c>
      <c r="J39264" s="2">
        <v>0</v>
      </c>
      <c r="K39264" s="2">
        <v>1</v>
      </c>
      <c r="L39264" t="s">
        <v>995</v>
      </c>
      <c r="M39264" t="s">
        <v>89</v>
      </c>
      <c r="N39264" t="s">
        <v>90</v>
      </c>
      <c r="O39264" t="s">
        <v>85</v>
      </c>
      <c r="P39264" t="s">
        <v>86</v>
      </c>
      <c r="Q39264">
        <v>26</v>
      </c>
      <c r="R39264">
        <v>26</v>
      </c>
      <c r="S39264">
        <v>27</v>
      </c>
      <c r="T39264">
        <v>28</v>
      </c>
      <c r="U39264">
        <v>28</v>
      </c>
      <c r="V39264">
        <v>29</v>
      </c>
      <c r="W39264">
        <v>29</v>
      </c>
      <c r="X39264">
        <v>30</v>
      </c>
      <c r="Y39264">
        <v>30</v>
      </c>
      <c r="Z39264">
        <v>31</v>
      </c>
      <c r="AA39264">
        <v>31</v>
      </c>
      <c r="AB39264">
        <v>32</v>
      </c>
      <c r="AC39264">
        <v>32</v>
      </c>
      <c r="AD39264">
        <v>33</v>
      </c>
      <c r="AE39264">
        <v>33</v>
      </c>
      <c r="AF39264">
        <v>33</v>
      </c>
      <c r="AG39264">
        <v>33</v>
      </c>
      <c r="AH39264">
        <v>33</v>
      </c>
      <c r="AI39264">
        <v>33</v>
      </c>
      <c r="AJ39264">
        <v>33</v>
      </c>
      <c r="AK39264">
        <v>33</v>
      </c>
      <c r="AL39264">
        <v>34</v>
      </c>
      <c r="AM39264">
        <v>34</v>
      </c>
      <c r="AN39264">
        <v>34</v>
      </c>
      <c r="AO39264">
        <v>34</v>
      </c>
      <c r="AP39264">
        <v>34</v>
      </c>
      <c r="AQ39264">
        <v>34</v>
      </c>
    </row>
    <row r="39265" spans="1:43">
      <c r="A39265" t="s">
        <v>24357</v>
      </c>
      <c r="B39265" t="s">
        <v>24358</v>
      </c>
      <c r="C39265" t="s">
        <v>24355</v>
      </c>
      <c r="D39265" t="s">
        <v>24356</v>
      </c>
      <c r="E39265" t="s">
        <v>24327</v>
      </c>
      <c r="F39265" t="s">
        <v>24328</v>
      </c>
      <c r="G39265" t="s">
        <v>11612</v>
      </c>
      <c r="H39265" t="s">
        <v>11613</v>
      </c>
      <c r="I39265" s="2">
        <v>0</v>
      </c>
      <c r="J39265" s="2">
        <v>0</v>
      </c>
      <c r="K39265" s="2">
        <v>1</v>
      </c>
      <c r="L39265" t="s">
        <v>995</v>
      </c>
      <c r="M39265" t="s">
        <v>83</v>
      </c>
      <c r="N39265" t="s">
        <v>91</v>
      </c>
      <c r="O39265" t="s">
        <v>85</v>
      </c>
      <c r="P39265" t="s">
        <v>86</v>
      </c>
      <c r="Q39265">
        <v>26</v>
      </c>
      <c r="R39265">
        <v>27</v>
      </c>
      <c r="S39265">
        <v>27</v>
      </c>
      <c r="T39265">
        <v>28</v>
      </c>
      <c r="U39265">
        <v>28</v>
      </c>
      <c r="V39265">
        <v>28</v>
      </c>
      <c r="W39265">
        <v>29</v>
      </c>
      <c r="X39265">
        <v>29</v>
      </c>
      <c r="Y39265">
        <v>29</v>
      </c>
      <c r="Z39265">
        <v>30</v>
      </c>
      <c r="AA39265">
        <v>30</v>
      </c>
      <c r="AB39265">
        <v>31</v>
      </c>
      <c r="AC39265">
        <v>31</v>
      </c>
      <c r="AD39265">
        <v>31</v>
      </c>
      <c r="AE39265">
        <v>32</v>
      </c>
      <c r="AF39265">
        <v>32</v>
      </c>
      <c r="AG39265">
        <v>32</v>
      </c>
      <c r="AH39265">
        <v>33</v>
      </c>
      <c r="AI39265">
        <v>33</v>
      </c>
      <c r="AJ39265">
        <v>34</v>
      </c>
      <c r="AK39265">
        <v>34</v>
      </c>
      <c r="AL39265">
        <v>34</v>
      </c>
      <c r="AM39265">
        <v>34</v>
      </c>
      <c r="AN39265">
        <v>34</v>
      </c>
      <c r="AO39265">
        <v>35</v>
      </c>
      <c r="AP39265">
        <v>35</v>
      </c>
      <c r="AQ39265">
        <v>35</v>
      </c>
    </row>
    <row r="39266" spans="1:43">
      <c r="A39266" t="s">
        <v>24359</v>
      </c>
      <c r="B39266" t="s">
        <v>24360</v>
      </c>
      <c r="C39266" t="s">
        <v>24361</v>
      </c>
      <c r="D39266" t="s">
        <v>24362</v>
      </c>
      <c r="E39266" t="s">
        <v>24327</v>
      </c>
      <c r="F39266" t="s">
        <v>24328</v>
      </c>
      <c r="G39266" t="s">
        <v>11612</v>
      </c>
      <c r="H39266" t="s">
        <v>11613</v>
      </c>
      <c r="I39266" s="2">
        <v>0</v>
      </c>
      <c r="J39266" s="2">
        <v>0</v>
      </c>
      <c r="K39266" s="2">
        <v>1</v>
      </c>
      <c r="L39266" t="s">
        <v>995</v>
      </c>
      <c r="M39266" t="s">
        <v>83</v>
      </c>
      <c r="N39266" t="s">
        <v>84</v>
      </c>
      <c r="O39266" t="s">
        <v>85</v>
      </c>
      <c r="P39266" t="s">
        <v>86</v>
      </c>
      <c r="Q39266">
        <v>14</v>
      </c>
      <c r="R39266">
        <v>14</v>
      </c>
      <c r="S39266">
        <v>14</v>
      </c>
      <c r="T39266">
        <v>15</v>
      </c>
      <c r="U39266">
        <v>15</v>
      </c>
      <c r="V39266">
        <v>15</v>
      </c>
      <c r="W39266">
        <v>15</v>
      </c>
      <c r="X39266">
        <v>15</v>
      </c>
      <c r="Y39266">
        <v>16</v>
      </c>
      <c r="Z39266">
        <v>16</v>
      </c>
      <c r="AA39266">
        <v>16</v>
      </c>
      <c r="AB39266">
        <v>16</v>
      </c>
      <c r="AC39266">
        <v>16</v>
      </c>
      <c r="AD39266">
        <v>17</v>
      </c>
      <c r="AE39266">
        <v>17</v>
      </c>
      <c r="AF39266">
        <v>17</v>
      </c>
      <c r="AG39266">
        <v>17</v>
      </c>
      <c r="AH39266">
        <v>17</v>
      </c>
      <c r="AI39266">
        <v>18</v>
      </c>
      <c r="AJ39266">
        <v>18</v>
      </c>
      <c r="AK39266">
        <v>18</v>
      </c>
      <c r="AL39266">
        <v>18</v>
      </c>
      <c r="AM39266">
        <v>18</v>
      </c>
      <c r="AN39266">
        <v>18</v>
      </c>
      <c r="AO39266">
        <v>18</v>
      </c>
      <c r="AP39266">
        <v>18</v>
      </c>
      <c r="AQ39266">
        <v>19</v>
      </c>
    </row>
    <row r="39267" spans="1:43">
      <c r="A39267" t="s">
        <v>24359</v>
      </c>
      <c r="B39267" t="s">
        <v>24360</v>
      </c>
      <c r="C39267" t="s">
        <v>24361</v>
      </c>
      <c r="D39267" t="s">
        <v>24362</v>
      </c>
      <c r="E39267" t="s">
        <v>24327</v>
      </c>
      <c r="F39267" t="s">
        <v>24328</v>
      </c>
      <c r="G39267" t="s">
        <v>11612</v>
      </c>
      <c r="H39267" t="s">
        <v>11613</v>
      </c>
      <c r="I39267" s="2">
        <v>0</v>
      </c>
      <c r="J39267" s="2">
        <v>0</v>
      </c>
      <c r="K39267" s="2">
        <v>1</v>
      </c>
      <c r="L39267" t="s">
        <v>995</v>
      </c>
      <c r="M39267" t="s">
        <v>87</v>
      </c>
      <c r="N39267" t="s">
        <v>88</v>
      </c>
      <c r="O39267" t="s">
        <v>85</v>
      </c>
      <c r="P39267" t="s">
        <v>86</v>
      </c>
      <c r="Q39267">
        <v>14</v>
      </c>
      <c r="R39267">
        <v>14</v>
      </c>
      <c r="S39267">
        <v>14</v>
      </c>
      <c r="T39267">
        <v>14</v>
      </c>
      <c r="U39267">
        <v>14</v>
      </c>
      <c r="V39267">
        <v>14</v>
      </c>
      <c r="W39267">
        <v>14</v>
      </c>
      <c r="X39267">
        <v>14</v>
      </c>
      <c r="Y39267">
        <v>14</v>
      </c>
      <c r="Z39267">
        <v>15</v>
      </c>
      <c r="AA39267">
        <v>15</v>
      </c>
      <c r="AB39267">
        <v>15</v>
      </c>
      <c r="AC39267">
        <v>15</v>
      </c>
      <c r="AD39267">
        <v>15</v>
      </c>
      <c r="AE39267">
        <v>15</v>
      </c>
      <c r="AF39267">
        <v>15</v>
      </c>
      <c r="AG39267">
        <v>15</v>
      </c>
      <c r="AH39267">
        <v>15</v>
      </c>
      <c r="AI39267">
        <v>15</v>
      </c>
      <c r="AJ39267">
        <v>15</v>
      </c>
      <c r="AK39267">
        <v>15</v>
      </c>
      <c r="AL39267">
        <v>16</v>
      </c>
      <c r="AM39267">
        <v>16</v>
      </c>
      <c r="AN39267">
        <v>16</v>
      </c>
      <c r="AO39267">
        <v>16</v>
      </c>
      <c r="AP39267">
        <v>16</v>
      </c>
      <c r="AQ39267">
        <v>16</v>
      </c>
    </row>
    <row r="39268" spans="1:43">
      <c r="A39268" t="s">
        <v>24359</v>
      </c>
      <c r="B39268" t="s">
        <v>24360</v>
      </c>
      <c r="C39268" t="s">
        <v>24361</v>
      </c>
      <c r="D39268" t="s">
        <v>24362</v>
      </c>
      <c r="E39268" t="s">
        <v>24327</v>
      </c>
      <c r="F39268" t="s">
        <v>24328</v>
      </c>
      <c r="G39268" t="s">
        <v>11612</v>
      </c>
      <c r="H39268" t="s">
        <v>11613</v>
      </c>
      <c r="I39268" s="2">
        <v>0</v>
      </c>
      <c r="J39268" s="2">
        <v>0</v>
      </c>
      <c r="K39268" s="2">
        <v>1</v>
      </c>
      <c r="L39268" t="s">
        <v>995</v>
      </c>
      <c r="M39268" t="s">
        <v>89</v>
      </c>
      <c r="N39268" t="s">
        <v>90</v>
      </c>
      <c r="O39268" t="s">
        <v>85</v>
      </c>
      <c r="P39268" t="s">
        <v>86</v>
      </c>
      <c r="Q39268">
        <v>14</v>
      </c>
      <c r="R39268">
        <v>15</v>
      </c>
      <c r="S39268">
        <v>15</v>
      </c>
      <c r="T39268">
        <v>15</v>
      </c>
      <c r="U39268">
        <v>15</v>
      </c>
      <c r="V39268">
        <v>16</v>
      </c>
      <c r="W39268">
        <v>16</v>
      </c>
      <c r="X39268">
        <v>16</v>
      </c>
      <c r="Y39268">
        <v>17</v>
      </c>
      <c r="Z39268">
        <v>17</v>
      </c>
      <c r="AA39268">
        <v>17</v>
      </c>
      <c r="AB39268">
        <v>17</v>
      </c>
      <c r="AC39268">
        <v>18</v>
      </c>
      <c r="AD39268">
        <v>18</v>
      </c>
      <c r="AE39268">
        <v>18</v>
      </c>
      <c r="AF39268">
        <v>18</v>
      </c>
      <c r="AG39268">
        <v>18</v>
      </c>
      <c r="AH39268">
        <v>18</v>
      </c>
      <c r="AI39268">
        <v>18</v>
      </c>
      <c r="AJ39268">
        <v>18</v>
      </c>
      <c r="AK39268">
        <v>18</v>
      </c>
      <c r="AL39268">
        <v>18</v>
      </c>
      <c r="AM39268">
        <v>18</v>
      </c>
      <c r="AN39268">
        <v>18</v>
      </c>
      <c r="AO39268">
        <v>19</v>
      </c>
      <c r="AP39268">
        <v>19</v>
      </c>
      <c r="AQ39268">
        <v>19</v>
      </c>
    </row>
    <row r="39269" spans="1:43">
      <c r="A39269" t="s">
        <v>24359</v>
      </c>
      <c r="B39269" t="s">
        <v>24360</v>
      </c>
      <c r="C39269" t="s">
        <v>24361</v>
      </c>
      <c r="D39269" t="s">
        <v>24362</v>
      </c>
      <c r="E39269" t="s">
        <v>24327</v>
      </c>
      <c r="F39269" t="s">
        <v>24328</v>
      </c>
      <c r="G39269" t="s">
        <v>11612</v>
      </c>
      <c r="H39269" t="s">
        <v>11613</v>
      </c>
      <c r="I39269" s="2">
        <v>0</v>
      </c>
      <c r="J39269" s="2">
        <v>0</v>
      </c>
      <c r="K39269" s="2">
        <v>1</v>
      </c>
      <c r="L39269" t="s">
        <v>995</v>
      </c>
      <c r="M39269" t="s">
        <v>83</v>
      </c>
      <c r="N39269" t="s">
        <v>91</v>
      </c>
      <c r="O39269" t="s">
        <v>85</v>
      </c>
      <c r="P39269" t="s">
        <v>86</v>
      </c>
      <c r="Q39269">
        <v>14</v>
      </c>
      <c r="R39269">
        <v>14</v>
      </c>
      <c r="S39269">
        <v>14</v>
      </c>
      <c r="T39269">
        <v>15</v>
      </c>
      <c r="U39269">
        <v>15</v>
      </c>
      <c r="V39269">
        <v>15</v>
      </c>
      <c r="W39269">
        <v>15</v>
      </c>
      <c r="X39269">
        <v>15</v>
      </c>
      <c r="Y39269">
        <v>16</v>
      </c>
      <c r="Z39269">
        <v>16</v>
      </c>
      <c r="AA39269">
        <v>16</v>
      </c>
      <c r="AB39269">
        <v>16</v>
      </c>
      <c r="AC39269">
        <v>16</v>
      </c>
      <c r="AD39269">
        <v>17</v>
      </c>
      <c r="AE39269">
        <v>17</v>
      </c>
      <c r="AF39269">
        <v>17</v>
      </c>
      <c r="AG39269">
        <v>17</v>
      </c>
      <c r="AH39269">
        <v>17</v>
      </c>
      <c r="AI39269">
        <v>18</v>
      </c>
      <c r="AJ39269">
        <v>18</v>
      </c>
      <c r="AK39269">
        <v>18</v>
      </c>
      <c r="AL39269">
        <v>18</v>
      </c>
      <c r="AM39269">
        <v>18</v>
      </c>
      <c r="AN39269">
        <v>18</v>
      </c>
      <c r="AO39269">
        <v>18</v>
      </c>
      <c r="AP39269">
        <v>18</v>
      </c>
      <c r="AQ39269">
        <v>19</v>
      </c>
    </row>
    <row r="39270" spans="1:43">
      <c r="A39270" t="s">
        <v>24363</v>
      </c>
      <c r="B39270" t="s">
        <v>24364</v>
      </c>
      <c r="C39270" t="s">
        <v>24365</v>
      </c>
      <c r="D39270" t="s">
        <v>24366</v>
      </c>
      <c r="E39270" t="s">
        <v>24327</v>
      </c>
      <c r="F39270" t="s">
        <v>24328</v>
      </c>
      <c r="G39270" t="s">
        <v>11612</v>
      </c>
      <c r="H39270" t="s">
        <v>11613</v>
      </c>
      <c r="I39270" s="2">
        <v>0</v>
      </c>
      <c r="J39270" s="2">
        <v>0</v>
      </c>
      <c r="K39270" s="2">
        <v>1</v>
      </c>
      <c r="L39270" t="s">
        <v>995</v>
      </c>
      <c r="M39270" t="s">
        <v>83</v>
      </c>
      <c r="N39270" t="s">
        <v>84</v>
      </c>
      <c r="O39270" t="s">
        <v>85</v>
      </c>
      <c r="P39270" t="s">
        <v>86</v>
      </c>
      <c r="Q39270">
        <v>41</v>
      </c>
      <c r="R39270">
        <v>41</v>
      </c>
      <c r="S39270">
        <v>42</v>
      </c>
      <c r="T39270">
        <v>42</v>
      </c>
      <c r="U39270">
        <v>43</v>
      </c>
      <c r="V39270">
        <v>44</v>
      </c>
      <c r="W39270">
        <v>44</v>
      </c>
      <c r="X39270">
        <v>45</v>
      </c>
      <c r="Y39270">
        <v>45</v>
      </c>
      <c r="Z39270">
        <v>46</v>
      </c>
      <c r="AA39270">
        <v>47</v>
      </c>
      <c r="AB39270">
        <v>47</v>
      </c>
      <c r="AC39270">
        <v>48</v>
      </c>
      <c r="AD39270">
        <v>48</v>
      </c>
      <c r="AE39270">
        <v>49</v>
      </c>
      <c r="AF39270">
        <v>49</v>
      </c>
      <c r="AG39270">
        <v>50</v>
      </c>
      <c r="AH39270">
        <v>51</v>
      </c>
      <c r="AI39270">
        <v>51</v>
      </c>
      <c r="AJ39270">
        <v>52</v>
      </c>
      <c r="AK39270">
        <v>53</v>
      </c>
      <c r="AL39270">
        <v>53</v>
      </c>
      <c r="AM39270">
        <v>53</v>
      </c>
      <c r="AN39270">
        <v>53</v>
      </c>
      <c r="AO39270">
        <v>54</v>
      </c>
      <c r="AP39270">
        <v>54</v>
      </c>
      <c r="AQ39270">
        <v>54</v>
      </c>
    </row>
    <row r="39271" spans="1:43">
      <c r="A39271" t="s">
        <v>24363</v>
      </c>
      <c r="B39271" t="s">
        <v>24364</v>
      </c>
      <c r="C39271" t="s">
        <v>24365</v>
      </c>
      <c r="D39271" t="s">
        <v>24366</v>
      </c>
      <c r="E39271" t="s">
        <v>24327</v>
      </c>
      <c r="F39271" t="s">
        <v>24328</v>
      </c>
      <c r="G39271" t="s">
        <v>11612</v>
      </c>
      <c r="H39271" t="s">
        <v>11613</v>
      </c>
      <c r="I39271" s="2">
        <v>0</v>
      </c>
      <c r="J39271" s="2">
        <v>0</v>
      </c>
      <c r="K39271" s="2">
        <v>1</v>
      </c>
      <c r="L39271" t="s">
        <v>995</v>
      </c>
      <c r="M39271" t="s">
        <v>87</v>
      </c>
      <c r="N39271" t="s">
        <v>88</v>
      </c>
      <c r="O39271" t="s">
        <v>85</v>
      </c>
      <c r="P39271" t="s">
        <v>86</v>
      </c>
      <c r="Q39271">
        <v>41</v>
      </c>
      <c r="R39271">
        <v>41</v>
      </c>
      <c r="S39271">
        <v>42</v>
      </c>
      <c r="T39271">
        <v>42</v>
      </c>
      <c r="U39271">
        <v>42</v>
      </c>
      <c r="V39271">
        <v>42</v>
      </c>
      <c r="W39271">
        <v>43</v>
      </c>
      <c r="X39271">
        <v>43</v>
      </c>
      <c r="Y39271">
        <v>43</v>
      </c>
      <c r="Z39271">
        <v>43</v>
      </c>
      <c r="AA39271">
        <v>43</v>
      </c>
      <c r="AB39271">
        <v>44</v>
      </c>
      <c r="AC39271">
        <v>44</v>
      </c>
      <c r="AD39271">
        <v>44</v>
      </c>
      <c r="AE39271">
        <v>44</v>
      </c>
      <c r="AF39271">
        <v>45</v>
      </c>
      <c r="AG39271">
        <v>45</v>
      </c>
      <c r="AH39271">
        <v>45</v>
      </c>
      <c r="AI39271">
        <v>46</v>
      </c>
      <c r="AJ39271">
        <v>46</v>
      </c>
      <c r="AK39271">
        <v>46</v>
      </c>
      <c r="AL39271">
        <v>46</v>
      </c>
      <c r="AM39271">
        <v>47</v>
      </c>
      <c r="AN39271">
        <v>47</v>
      </c>
      <c r="AO39271">
        <v>47</v>
      </c>
      <c r="AP39271">
        <v>48</v>
      </c>
      <c r="AQ39271">
        <v>48</v>
      </c>
    </row>
    <row r="39272" spans="1:43">
      <c r="A39272" t="s">
        <v>24363</v>
      </c>
      <c r="B39272" t="s">
        <v>24364</v>
      </c>
      <c r="C39272" t="s">
        <v>24365</v>
      </c>
      <c r="D39272" t="s">
        <v>24366</v>
      </c>
      <c r="E39272" t="s">
        <v>24327</v>
      </c>
      <c r="F39272" t="s">
        <v>24328</v>
      </c>
      <c r="G39272" t="s">
        <v>11612</v>
      </c>
      <c r="H39272" t="s">
        <v>11613</v>
      </c>
      <c r="I39272" s="2">
        <v>0</v>
      </c>
      <c r="J39272" s="2">
        <v>0</v>
      </c>
      <c r="K39272" s="2">
        <v>1</v>
      </c>
      <c r="L39272" t="s">
        <v>995</v>
      </c>
      <c r="M39272" t="s">
        <v>89</v>
      </c>
      <c r="N39272" t="s">
        <v>90</v>
      </c>
      <c r="O39272" t="s">
        <v>85</v>
      </c>
      <c r="P39272" t="s">
        <v>86</v>
      </c>
      <c r="Q39272">
        <v>41</v>
      </c>
      <c r="R39272">
        <v>42</v>
      </c>
      <c r="S39272">
        <v>43</v>
      </c>
      <c r="T39272">
        <v>44</v>
      </c>
      <c r="U39272">
        <v>45</v>
      </c>
      <c r="V39272">
        <v>46</v>
      </c>
      <c r="W39272">
        <v>46</v>
      </c>
      <c r="X39272">
        <v>47</v>
      </c>
      <c r="Y39272">
        <v>48</v>
      </c>
      <c r="Z39272">
        <v>49</v>
      </c>
      <c r="AA39272">
        <v>49</v>
      </c>
      <c r="AB39272">
        <v>50</v>
      </c>
      <c r="AC39272">
        <v>51</v>
      </c>
      <c r="AD39272">
        <v>52</v>
      </c>
      <c r="AE39272">
        <v>52</v>
      </c>
      <c r="AF39272">
        <v>52</v>
      </c>
      <c r="AG39272">
        <v>53</v>
      </c>
      <c r="AH39272">
        <v>53</v>
      </c>
      <c r="AI39272">
        <v>53</v>
      </c>
      <c r="AJ39272">
        <v>53</v>
      </c>
      <c r="AK39272">
        <v>53</v>
      </c>
      <c r="AL39272">
        <v>54</v>
      </c>
      <c r="AM39272">
        <v>54</v>
      </c>
      <c r="AN39272">
        <v>54</v>
      </c>
      <c r="AO39272">
        <v>54</v>
      </c>
      <c r="AP39272">
        <v>55</v>
      </c>
      <c r="AQ39272">
        <v>55</v>
      </c>
    </row>
    <row r="39273" spans="1:43">
      <c r="A39273" t="s">
        <v>24363</v>
      </c>
      <c r="B39273" t="s">
        <v>24364</v>
      </c>
      <c r="C39273" t="s">
        <v>24365</v>
      </c>
      <c r="D39273" t="s">
        <v>24366</v>
      </c>
      <c r="E39273" t="s">
        <v>24327</v>
      </c>
      <c r="F39273" t="s">
        <v>24328</v>
      </c>
      <c r="G39273" t="s">
        <v>11612</v>
      </c>
      <c r="H39273" t="s">
        <v>11613</v>
      </c>
      <c r="I39273" s="2">
        <v>0</v>
      </c>
      <c r="J39273" s="2">
        <v>0</v>
      </c>
      <c r="K39273" s="2">
        <v>1</v>
      </c>
      <c r="L39273" t="s">
        <v>995</v>
      </c>
      <c r="M39273" t="s">
        <v>83</v>
      </c>
      <c r="N39273" t="s">
        <v>91</v>
      </c>
      <c r="O39273" t="s">
        <v>85</v>
      </c>
      <c r="P39273" t="s">
        <v>86</v>
      </c>
      <c r="Q39273">
        <v>41</v>
      </c>
      <c r="R39273">
        <v>41</v>
      </c>
      <c r="S39273">
        <v>42</v>
      </c>
      <c r="T39273">
        <v>42</v>
      </c>
      <c r="U39273">
        <v>43</v>
      </c>
      <c r="V39273">
        <v>44</v>
      </c>
      <c r="W39273">
        <v>44</v>
      </c>
      <c r="X39273">
        <v>45</v>
      </c>
      <c r="Y39273">
        <v>45</v>
      </c>
      <c r="Z39273">
        <v>46</v>
      </c>
      <c r="AA39273">
        <v>47</v>
      </c>
      <c r="AB39273">
        <v>47</v>
      </c>
      <c r="AC39273">
        <v>48</v>
      </c>
      <c r="AD39273">
        <v>48</v>
      </c>
      <c r="AE39273">
        <v>49</v>
      </c>
      <c r="AF39273">
        <v>49</v>
      </c>
      <c r="AG39273">
        <v>50</v>
      </c>
      <c r="AH39273">
        <v>51</v>
      </c>
      <c r="AI39273">
        <v>51</v>
      </c>
      <c r="AJ39273">
        <v>52</v>
      </c>
      <c r="AK39273">
        <v>53</v>
      </c>
      <c r="AL39273">
        <v>53</v>
      </c>
      <c r="AM39273">
        <v>53</v>
      </c>
      <c r="AN39273">
        <v>53</v>
      </c>
      <c r="AO39273">
        <v>54</v>
      </c>
      <c r="AP39273">
        <v>54</v>
      </c>
      <c r="AQ39273">
        <v>54</v>
      </c>
    </row>
    <row r="39274" spans="1:43">
      <c r="A39274" t="s">
        <v>24367</v>
      </c>
      <c r="B39274" t="s">
        <v>24368</v>
      </c>
      <c r="C39274" t="s">
        <v>24361</v>
      </c>
      <c r="D39274" t="s">
        <v>24362</v>
      </c>
      <c r="E39274" t="s">
        <v>24327</v>
      </c>
      <c r="F39274" t="s">
        <v>24328</v>
      </c>
      <c r="G39274" t="s">
        <v>11612</v>
      </c>
      <c r="H39274" t="s">
        <v>11613</v>
      </c>
      <c r="I39274" s="2">
        <v>0</v>
      </c>
      <c r="J39274" s="2">
        <v>0</v>
      </c>
      <c r="K39274" s="2">
        <v>1</v>
      </c>
      <c r="L39274" t="s">
        <v>995</v>
      </c>
      <c r="M39274" t="s">
        <v>83</v>
      </c>
      <c r="N39274" t="s">
        <v>84</v>
      </c>
      <c r="O39274" t="s">
        <v>85</v>
      </c>
      <c r="P39274" t="s">
        <v>86</v>
      </c>
      <c r="Q39274">
        <v>7</v>
      </c>
      <c r="R39274">
        <v>7</v>
      </c>
      <c r="S39274">
        <v>7</v>
      </c>
      <c r="T39274">
        <v>7</v>
      </c>
      <c r="U39274">
        <v>7</v>
      </c>
      <c r="V39274">
        <v>7</v>
      </c>
      <c r="W39274">
        <v>7</v>
      </c>
      <c r="X39274">
        <v>7</v>
      </c>
      <c r="Y39274">
        <v>7</v>
      </c>
      <c r="Z39274">
        <v>7</v>
      </c>
      <c r="AA39274">
        <v>8</v>
      </c>
      <c r="AB39274">
        <v>8</v>
      </c>
      <c r="AC39274">
        <v>8</v>
      </c>
      <c r="AD39274">
        <v>8</v>
      </c>
      <c r="AE39274">
        <v>8</v>
      </c>
      <c r="AF39274">
        <v>8</v>
      </c>
      <c r="AG39274">
        <v>8</v>
      </c>
      <c r="AH39274">
        <v>8</v>
      </c>
      <c r="AI39274">
        <v>8</v>
      </c>
      <c r="AJ39274">
        <v>8</v>
      </c>
      <c r="AK39274">
        <v>9</v>
      </c>
      <c r="AL39274">
        <v>9</v>
      </c>
      <c r="AM39274">
        <v>9</v>
      </c>
      <c r="AN39274">
        <v>9</v>
      </c>
      <c r="AO39274">
        <v>9</v>
      </c>
      <c r="AP39274">
        <v>9</v>
      </c>
      <c r="AQ39274">
        <v>9</v>
      </c>
    </row>
    <row r="39275" spans="1:43">
      <c r="A39275" t="s">
        <v>24367</v>
      </c>
      <c r="B39275" t="s">
        <v>24368</v>
      </c>
      <c r="C39275" t="s">
        <v>24361</v>
      </c>
      <c r="D39275" t="s">
        <v>24362</v>
      </c>
      <c r="E39275" t="s">
        <v>24327</v>
      </c>
      <c r="F39275" t="s">
        <v>24328</v>
      </c>
      <c r="G39275" t="s">
        <v>11612</v>
      </c>
      <c r="H39275" t="s">
        <v>11613</v>
      </c>
      <c r="I39275" s="2">
        <v>0</v>
      </c>
      <c r="J39275" s="2">
        <v>0</v>
      </c>
      <c r="K39275" s="2">
        <v>1</v>
      </c>
      <c r="L39275" t="s">
        <v>995</v>
      </c>
      <c r="M39275" t="s">
        <v>87</v>
      </c>
      <c r="N39275" t="s">
        <v>88</v>
      </c>
      <c r="O39275" t="s">
        <v>85</v>
      </c>
      <c r="P39275" t="s">
        <v>86</v>
      </c>
      <c r="Q39275">
        <v>7</v>
      </c>
      <c r="R39275">
        <v>7</v>
      </c>
      <c r="S39275">
        <v>7</v>
      </c>
      <c r="T39275">
        <v>7</v>
      </c>
      <c r="U39275">
        <v>7</v>
      </c>
      <c r="V39275">
        <v>7</v>
      </c>
      <c r="W39275">
        <v>7</v>
      </c>
      <c r="X39275">
        <v>7</v>
      </c>
      <c r="Y39275">
        <v>7</v>
      </c>
      <c r="Z39275">
        <v>7</v>
      </c>
      <c r="AA39275">
        <v>7</v>
      </c>
      <c r="AB39275">
        <v>7</v>
      </c>
      <c r="AC39275">
        <v>7</v>
      </c>
      <c r="AD39275">
        <v>7</v>
      </c>
      <c r="AE39275">
        <v>7</v>
      </c>
      <c r="AF39275">
        <v>7</v>
      </c>
      <c r="AG39275">
        <v>7</v>
      </c>
      <c r="AH39275">
        <v>7</v>
      </c>
      <c r="AI39275">
        <v>7</v>
      </c>
      <c r="AJ39275">
        <v>7</v>
      </c>
      <c r="AK39275">
        <v>7</v>
      </c>
      <c r="AL39275">
        <v>7</v>
      </c>
      <c r="AM39275">
        <v>7</v>
      </c>
      <c r="AN39275">
        <v>8</v>
      </c>
      <c r="AO39275">
        <v>8</v>
      </c>
      <c r="AP39275">
        <v>8</v>
      </c>
      <c r="AQ39275">
        <v>8</v>
      </c>
    </row>
    <row r="39276" spans="1:43">
      <c r="A39276" t="s">
        <v>24367</v>
      </c>
      <c r="B39276" t="s">
        <v>24368</v>
      </c>
      <c r="C39276" t="s">
        <v>24361</v>
      </c>
      <c r="D39276" t="s">
        <v>24362</v>
      </c>
      <c r="E39276" t="s">
        <v>24327</v>
      </c>
      <c r="F39276" t="s">
        <v>24328</v>
      </c>
      <c r="G39276" t="s">
        <v>11612</v>
      </c>
      <c r="H39276" t="s">
        <v>11613</v>
      </c>
      <c r="I39276" s="2">
        <v>0</v>
      </c>
      <c r="J39276" s="2">
        <v>0</v>
      </c>
      <c r="K39276" s="2">
        <v>1</v>
      </c>
      <c r="L39276" t="s">
        <v>995</v>
      </c>
      <c r="M39276" t="s">
        <v>89</v>
      </c>
      <c r="N39276" t="s">
        <v>90</v>
      </c>
      <c r="O39276" t="s">
        <v>85</v>
      </c>
      <c r="P39276" t="s">
        <v>86</v>
      </c>
      <c r="Q39276">
        <v>7</v>
      </c>
      <c r="R39276">
        <v>7</v>
      </c>
      <c r="S39276">
        <v>7</v>
      </c>
      <c r="T39276">
        <v>7</v>
      </c>
      <c r="U39276">
        <v>7</v>
      </c>
      <c r="V39276">
        <v>7</v>
      </c>
      <c r="W39276">
        <v>8</v>
      </c>
      <c r="X39276">
        <v>8</v>
      </c>
      <c r="Y39276">
        <v>8</v>
      </c>
      <c r="Z39276">
        <v>8</v>
      </c>
      <c r="AA39276">
        <v>8</v>
      </c>
      <c r="AB39276">
        <v>8</v>
      </c>
      <c r="AC39276">
        <v>8</v>
      </c>
      <c r="AD39276">
        <v>8</v>
      </c>
      <c r="AE39276">
        <v>9</v>
      </c>
      <c r="AF39276">
        <v>9</v>
      </c>
      <c r="AG39276">
        <v>9</v>
      </c>
      <c r="AH39276">
        <v>9</v>
      </c>
      <c r="AI39276">
        <v>9</v>
      </c>
      <c r="AJ39276">
        <v>9</v>
      </c>
      <c r="AK39276">
        <v>9</v>
      </c>
      <c r="AL39276">
        <v>9</v>
      </c>
      <c r="AM39276">
        <v>9</v>
      </c>
      <c r="AN39276">
        <v>9</v>
      </c>
      <c r="AO39276">
        <v>9</v>
      </c>
      <c r="AP39276">
        <v>9</v>
      </c>
      <c r="AQ39276">
        <v>9</v>
      </c>
    </row>
    <row r="39277" spans="1:43">
      <c r="A39277" t="s">
        <v>24367</v>
      </c>
      <c r="B39277" t="s">
        <v>24368</v>
      </c>
      <c r="C39277" t="s">
        <v>24361</v>
      </c>
      <c r="D39277" t="s">
        <v>24362</v>
      </c>
      <c r="E39277" t="s">
        <v>24327</v>
      </c>
      <c r="F39277" t="s">
        <v>24328</v>
      </c>
      <c r="G39277" t="s">
        <v>11612</v>
      </c>
      <c r="H39277" t="s">
        <v>11613</v>
      </c>
      <c r="I39277" s="2">
        <v>0</v>
      </c>
      <c r="J39277" s="2">
        <v>0</v>
      </c>
      <c r="K39277" s="2">
        <v>1</v>
      </c>
      <c r="L39277" t="s">
        <v>995</v>
      </c>
      <c r="M39277" t="s">
        <v>83</v>
      </c>
      <c r="N39277" t="s">
        <v>91</v>
      </c>
      <c r="O39277" t="s">
        <v>85</v>
      </c>
      <c r="P39277" t="s">
        <v>86</v>
      </c>
      <c r="Q39277">
        <v>7</v>
      </c>
      <c r="R39277">
        <v>7</v>
      </c>
      <c r="S39277">
        <v>7</v>
      </c>
      <c r="T39277">
        <v>7</v>
      </c>
      <c r="U39277">
        <v>7</v>
      </c>
      <c r="V39277">
        <v>7</v>
      </c>
      <c r="W39277">
        <v>7</v>
      </c>
      <c r="X39277">
        <v>7</v>
      </c>
      <c r="Y39277">
        <v>7</v>
      </c>
      <c r="Z39277">
        <v>7</v>
      </c>
      <c r="AA39277">
        <v>8</v>
      </c>
      <c r="AB39277">
        <v>8</v>
      </c>
      <c r="AC39277">
        <v>8</v>
      </c>
      <c r="AD39277">
        <v>8</v>
      </c>
      <c r="AE39277">
        <v>8</v>
      </c>
      <c r="AF39277">
        <v>8</v>
      </c>
      <c r="AG39277">
        <v>8</v>
      </c>
      <c r="AH39277">
        <v>8</v>
      </c>
      <c r="AI39277">
        <v>8</v>
      </c>
      <c r="AJ39277">
        <v>8</v>
      </c>
      <c r="AK39277">
        <v>9</v>
      </c>
      <c r="AL39277">
        <v>9</v>
      </c>
      <c r="AM39277">
        <v>9</v>
      </c>
      <c r="AN39277">
        <v>9</v>
      </c>
      <c r="AO39277">
        <v>9</v>
      </c>
      <c r="AP39277">
        <v>9</v>
      </c>
      <c r="AQ39277">
        <v>9</v>
      </c>
    </row>
    <row r="39278" spans="1:43">
      <c r="A39278" t="s">
        <v>24369</v>
      </c>
      <c r="B39278" t="s">
        <v>24370</v>
      </c>
      <c r="C39278" t="s">
        <v>24365</v>
      </c>
      <c r="D39278" t="s">
        <v>24366</v>
      </c>
      <c r="E39278" t="s">
        <v>24327</v>
      </c>
      <c r="F39278" t="s">
        <v>24328</v>
      </c>
      <c r="G39278" t="s">
        <v>11612</v>
      </c>
      <c r="H39278" t="s">
        <v>11613</v>
      </c>
      <c r="I39278" s="2">
        <v>0</v>
      </c>
      <c r="J39278" s="2">
        <v>0</v>
      </c>
      <c r="K39278" s="2">
        <v>1</v>
      </c>
      <c r="L39278" t="s">
        <v>995</v>
      </c>
      <c r="M39278" t="s">
        <v>83</v>
      </c>
      <c r="N39278" t="s">
        <v>84</v>
      </c>
      <c r="O39278" t="s">
        <v>85</v>
      </c>
      <c r="P39278" t="s">
        <v>86</v>
      </c>
      <c r="Q39278">
        <v>24</v>
      </c>
      <c r="R39278">
        <v>24</v>
      </c>
      <c r="S39278">
        <v>25</v>
      </c>
      <c r="T39278">
        <v>25</v>
      </c>
      <c r="U39278">
        <v>25</v>
      </c>
      <c r="V39278">
        <v>26</v>
      </c>
      <c r="W39278">
        <v>26</v>
      </c>
      <c r="X39278">
        <v>26</v>
      </c>
      <c r="Y39278">
        <v>27</v>
      </c>
      <c r="Z39278">
        <v>27</v>
      </c>
      <c r="AA39278">
        <v>28</v>
      </c>
      <c r="AB39278">
        <v>28</v>
      </c>
      <c r="AC39278">
        <v>28</v>
      </c>
      <c r="AD39278">
        <v>29</v>
      </c>
      <c r="AE39278">
        <v>29</v>
      </c>
      <c r="AF39278">
        <v>29</v>
      </c>
      <c r="AG39278">
        <v>30</v>
      </c>
      <c r="AH39278">
        <v>30</v>
      </c>
      <c r="AI39278">
        <v>30</v>
      </c>
      <c r="AJ39278">
        <v>31</v>
      </c>
      <c r="AK39278">
        <v>31</v>
      </c>
      <c r="AL39278">
        <v>31</v>
      </c>
      <c r="AM39278">
        <v>31</v>
      </c>
      <c r="AN39278">
        <v>32</v>
      </c>
      <c r="AO39278">
        <v>32</v>
      </c>
      <c r="AP39278">
        <v>32</v>
      </c>
      <c r="AQ39278">
        <v>32</v>
      </c>
    </row>
    <row r="39279" spans="1:43">
      <c r="A39279" t="s">
        <v>24369</v>
      </c>
      <c r="B39279" t="s">
        <v>24370</v>
      </c>
      <c r="C39279" t="s">
        <v>24365</v>
      </c>
      <c r="D39279" t="s">
        <v>24366</v>
      </c>
      <c r="E39279" t="s">
        <v>24327</v>
      </c>
      <c r="F39279" t="s">
        <v>24328</v>
      </c>
      <c r="G39279" t="s">
        <v>11612</v>
      </c>
      <c r="H39279" t="s">
        <v>11613</v>
      </c>
      <c r="I39279" s="2">
        <v>0</v>
      </c>
      <c r="J39279" s="2">
        <v>0</v>
      </c>
      <c r="K39279" s="2">
        <v>1</v>
      </c>
      <c r="L39279" t="s">
        <v>995</v>
      </c>
      <c r="M39279" t="s">
        <v>87</v>
      </c>
      <c r="N39279" t="s">
        <v>88</v>
      </c>
      <c r="O39279" t="s">
        <v>85</v>
      </c>
      <c r="P39279" t="s">
        <v>86</v>
      </c>
      <c r="Q39279">
        <v>24</v>
      </c>
      <c r="R39279">
        <v>24</v>
      </c>
      <c r="S39279">
        <v>24</v>
      </c>
      <c r="T39279">
        <v>24</v>
      </c>
      <c r="U39279">
        <v>24</v>
      </c>
      <c r="V39279">
        <v>24</v>
      </c>
      <c r="W39279">
        <v>25</v>
      </c>
      <c r="X39279">
        <v>25</v>
      </c>
      <c r="Y39279">
        <v>25</v>
      </c>
      <c r="Z39279">
        <v>25</v>
      </c>
      <c r="AA39279">
        <v>25</v>
      </c>
      <c r="AB39279">
        <v>25</v>
      </c>
      <c r="AC39279">
        <v>25</v>
      </c>
      <c r="AD39279">
        <v>25</v>
      </c>
      <c r="AE39279">
        <v>26</v>
      </c>
      <c r="AF39279">
        <v>26</v>
      </c>
      <c r="AG39279">
        <v>26</v>
      </c>
      <c r="AH39279">
        <v>26</v>
      </c>
      <c r="AI39279">
        <v>26</v>
      </c>
      <c r="AJ39279">
        <v>26</v>
      </c>
      <c r="AK39279">
        <v>27</v>
      </c>
      <c r="AL39279">
        <v>27</v>
      </c>
      <c r="AM39279">
        <v>27</v>
      </c>
      <c r="AN39279">
        <v>27</v>
      </c>
      <c r="AO39279">
        <v>27</v>
      </c>
      <c r="AP39279">
        <v>28</v>
      </c>
      <c r="AQ39279">
        <v>28</v>
      </c>
    </row>
    <row r="39280" spans="1:43">
      <c r="A39280" t="s">
        <v>24369</v>
      </c>
      <c r="B39280" t="s">
        <v>24370</v>
      </c>
      <c r="C39280" t="s">
        <v>24365</v>
      </c>
      <c r="D39280" t="s">
        <v>24366</v>
      </c>
      <c r="E39280" t="s">
        <v>24327</v>
      </c>
      <c r="F39280" t="s">
        <v>24328</v>
      </c>
      <c r="G39280" t="s">
        <v>11612</v>
      </c>
      <c r="H39280" t="s">
        <v>11613</v>
      </c>
      <c r="I39280" s="2">
        <v>0</v>
      </c>
      <c r="J39280" s="2">
        <v>0</v>
      </c>
      <c r="K39280" s="2">
        <v>1</v>
      </c>
      <c r="L39280" t="s">
        <v>995</v>
      </c>
      <c r="M39280" t="s">
        <v>89</v>
      </c>
      <c r="N39280" t="s">
        <v>90</v>
      </c>
      <c r="O39280" t="s">
        <v>85</v>
      </c>
      <c r="P39280" t="s">
        <v>86</v>
      </c>
      <c r="Q39280">
        <v>24</v>
      </c>
      <c r="R39280">
        <v>25</v>
      </c>
      <c r="S39280">
        <v>25</v>
      </c>
      <c r="T39280">
        <v>26</v>
      </c>
      <c r="U39280">
        <v>26</v>
      </c>
      <c r="V39280">
        <v>27</v>
      </c>
      <c r="W39280">
        <v>27</v>
      </c>
      <c r="X39280">
        <v>28</v>
      </c>
      <c r="Y39280">
        <v>28</v>
      </c>
      <c r="Z39280">
        <v>29</v>
      </c>
      <c r="AA39280">
        <v>29</v>
      </c>
      <c r="AB39280">
        <v>30</v>
      </c>
      <c r="AC39280">
        <v>30</v>
      </c>
      <c r="AD39280">
        <v>31</v>
      </c>
      <c r="AE39280">
        <v>31</v>
      </c>
      <c r="AF39280">
        <v>31</v>
      </c>
      <c r="AG39280">
        <v>31</v>
      </c>
      <c r="AH39280">
        <v>31</v>
      </c>
      <c r="AI39280">
        <v>31</v>
      </c>
      <c r="AJ39280">
        <v>31</v>
      </c>
      <c r="AK39280">
        <v>32</v>
      </c>
      <c r="AL39280">
        <v>32</v>
      </c>
      <c r="AM39280">
        <v>32</v>
      </c>
      <c r="AN39280">
        <v>32</v>
      </c>
      <c r="AO39280">
        <v>32</v>
      </c>
      <c r="AP39280">
        <v>32</v>
      </c>
      <c r="AQ39280">
        <v>32</v>
      </c>
    </row>
    <row r="39281" spans="1:43">
      <c r="A39281" t="s">
        <v>24369</v>
      </c>
      <c r="B39281" t="s">
        <v>24370</v>
      </c>
      <c r="C39281" t="s">
        <v>24365</v>
      </c>
      <c r="D39281" t="s">
        <v>24366</v>
      </c>
      <c r="E39281" t="s">
        <v>24327</v>
      </c>
      <c r="F39281" t="s">
        <v>24328</v>
      </c>
      <c r="G39281" t="s">
        <v>11612</v>
      </c>
      <c r="H39281" t="s">
        <v>11613</v>
      </c>
      <c r="I39281" s="2">
        <v>0</v>
      </c>
      <c r="J39281" s="2">
        <v>0</v>
      </c>
      <c r="K39281" s="2">
        <v>1</v>
      </c>
      <c r="L39281" t="s">
        <v>995</v>
      </c>
      <c r="M39281" t="s">
        <v>83</v>
      </c>
      <c r="N39281" t="s">
        <v>91</v>
      </c>
      <c r="O39281" t="s">
        <v>85</v>
      </c>
      <c r="P39281" t="s">
        <v>86</v>
      </c>
      <c r="Q39281">
        <v>24</v>
      </c>
      <c r="R39281">
        <v>24</v>
      </c>
      <c r="S39281">
        <v>25</v>
      </c>
      <c r="T39281">
        <v>25</v>
      </c>
      <c r="U39281">
        <v>25</v>
      </c>
      <c r="V39281">
        <v>26</v>
      </c>
      <c r="W39281">
        <v>26</v>
      </c>
      <c r="X39281">
        <v>26</v>
      </c>
      <c r="Y39281">
        <v>27</v>
      </c>
      <c r="Z39281">
        <v>27</v>
      </c>
      <c r="AA39281">
        <v>28</v>
      </c>
      <c r="AB39281">
        <v>28</v>
      </c>
      <c r="AC39281">
        <v>28</v>
      </c>
      <c r="AD39281">
        <v>29</v>
      </c>
      <c r="AE39281">
        <v>29</v>
      </c>
      <c r="AF39281">
        <v>29</v>
      </c>
      <c r="AG39281">
        <v>30</v>
      </c>
      <c r="AH39281">
        <v>30</v>
      </c>
      <c r="AI39281">
        <v>30</v>
      </c>
      <c r="AJ39281">
        <v>31</v>
      </c>
      <c r="AK39281">
        <v>31</v>
      </c>
      <c r="AL39281">
        <v>31</v>
      </c>
      <c r="AM39281">
        <v>31</v>
      </c>
      <c r="AN39281">
        <v>32</v>
      </c>
      <c r="AO39281">
        <v>32</v>
      </c>
      <c r="AP39281">
        <v>32</v>
      </c>
      <c r="AQ39281">
        <v>32</v>
      </c>
    </row>
    <row r="39282" spans="1:43">
      <c r="A39282" t="s">
        <v>24371</v>
      </c>
      <c r="B39282" t="s">
        <v>24372</v>
      </c>
      <c r="C39282" t="s">
        <v>24365</v>
      </c>
      <c r="D39282" t="s">
        <v>24366</v>
      </c>
      <c r="E39282" t="s">
        <v>24327</v>
      </c>
      <c r="F39282" t="s">
        <v>24328</v>
      </c>
      <c r="G39282" t="s">
        <v>11612</v>
      </c>
      <c r="H39282" t="s">
        <v>11613</v>
      </c>
      <c r="I39282" s="2">
        <v>0</v>
      </c>
      <c r="J39282" s="2">
        <v>0</v>
      </c>
      <c r="K39282" s="2">
        <v>1</v>
      </c>
      <c r="L39282" t="s">
        <v>995</v>
      </c>
      <c r="M39282" t="s">
        <v>83</v>
      </c>
      <c r="N39282" t="s">
        <v>84</v>
      </c>
      <c r="O39282" t="s">
        <v>85</v>
      </c>
      <c r="P39282" t="s">
        <v>86</v>
      </c>
      <c r="Q39282">
        <v>133</v>
      </c>
      <c r="R39282">
        <v>136</v>
      </c>
      <c r="S39282">
        <v>138</v>
      </c>
      <c r="T39282">
        <v>140</v>
      </c>
      <c r="U39282">
        <v>142</v>
      </c>
      <c r="V39282">
        <v>144</v>
      </c>
      <c r="W39282">
        <v>145</v>
      </c>
      <c r="X39282">
        <v>147</v>
      </c>
      <c r="Y39282">
        <v>149</v>
      </c>
      <c r="Z39282">
        <v>151</v>
      </c>
      <c r="AA39282">
        <v>153</v>
      </c>
      <c r="AB39282">
        <v>155</v>
      </c>
      <c r="AC39282">
        <v>157</v>
      </c>
      <c r="AD39282">
        <v>159</v>
      </c>
      <c r="AE39282">
        <v>161</v>
      </c>
      <c r="AF39282">
        <v>163</v>
      </c>
      <c r="AG39282">
        <v>166</v>
      </c>
      <c r="AH39282">
        <v>168</v>
      </c>
      <c r="AI39282">
        <v>170</v>
      </c>
      <c r="AJ39282">
        <v>172</v>
      </c>
      <c r="AK39282">
        <v>174</v>
      </c>
      <c r="AL39282">
        <v>176</v>
      </c>
      <c r="AM39282">
        <v>177</v>
      </c>
      <c r="AN39282">
        <v>177</v>
      </c>
      <c r="AO39282">
        <v>178</v>
      </c>
      <c r="AP39282">
        <v>179</v>
      </c>
      <c r="AQ39282">
        <v>180</v>
      </c>
    </row>
    <row r="39283" spans="1:43">
      <c r="A39283" t="s">
        <v>24371</v>
      </c>
      <c r="B39283" t="s">
        <v>24372</v>
      </c>
      <c r="C39283" t="s">
        <v>24365</v>
      </c>
      <c r="D39283" t="s">
        <v>24366</v>
      </c>
      <c r="E39283" t="s">
        <v>24327</v>
      </c>
      <c r="F39283" t="s">
        <v>24328</v>
      </c>
      <c r="G39283" t="s">
        <v>11612</v>
      </c>
      <c r="H39283" t="s">
        <v>11613</v>
      </c>
      <c r="I39283" s="2">
        <v>0</v>
      </c>
      <c r="J39283" s="2">
        <v>0</v>
      </c>
      <c r="K39283" s="2">
        <v>1</v>
      </c>
      <c r="L39283" t="s">
        <v>995</v>
      </c>
      <c r="M39283" t="s">
        <v>87</v>
      </c>
      <c r="N39283" t="s">
        <v>88</v>
      </c>
      <c r="O39283" t="s">
        <v>85</v>
      </c>
      <c r="P39283" t="s">
        <v>86</v>
      </c>
      <c r="Q39283">
        <v>133</v>
      </c>
      <c r="R39283">
        <v>134</v>
      </c>
      <c r="S39283">
        <v>135</v>
      </c>
      <c r="T39283">
        <v>136</v>
      </c>
      <c r="U39283">
        <v>136</v>
      </c>
      <c r="V39283">
        <v>137</v>
      </c>
      <c r="W39283">
        <v>138</v>
      </c>
      <c r="X39283">
        <v>138</v>
      </c>
      <c r="Y39283">
        <v>139</v>
      </c>
      <c r="Z39283">
        <v>140</v>
      </c>
      <c r="AA39283">
        <v>141</v>
      </c>
      <c r="AB39283">
        <v>141</v>
      </c>
      <c r="AC39283">
        <v>142</v>
      </c>
      <c r="AD39283">
        <v>143</v>
      </c>
      <c r="AE39283">
        <v>144</v>
      </c>
      <c r="AF39283">
        <v>145</v>
      </c>
      <c r="AG39283">
        <v>146</v>
      </c>
      <c r="AH39283">
        <v>147</v>
      </c>
      <c r="AI39283">
        <v>148</v>
      </c>
      <c r="AJ39283">
        <v>149</v>
      </c>
      <c r="AK39283">
        <v>150</v>
      </c>
      <c r="AL39283">
        <v>151</v>
      </c>
      <c r="AM39283">
        <v>152</v>
      </c>
      <c r="AN39283">
        <v>153</v>
      </c>
      <c r="AO39283">
        <v>154</v>
      </c>
      <c r="AP39283">
        <v>156</v>
      </c>
      <c r="AQ39283">
        <v>157</v>
      </c>
    </row>
    <row r="39284" spans="1:43">
      <c r="A39284" t="s">
        <v>24371</v>
      </c>
      <c r="B39284" t="s">
        <v>24372</v>
      </c>
      <c r="C39284" t="s">
        <v>24365</v>
      </c>
      <c r="D39284" t="s">
        <v>24366</v>
      </c>
      <c r="E39284" t="s">
        <v>24327</v>
      </c>
      <c r="F39284" t="s">
        <v>24328</v>
      </c>
      <c r="G39284" t="s">
        <v>11612</v>
      </c>
      <c r="H39284" t="s">
        <v>11613</v>
      </c>
      <c r="I39284" s="2">
        <v>0</v>
      </c>
      <c r="J39284" s="2">
        <v>0</v>
      </c>
      <c r="K39284" s="2">
        <v>1</v>
      </c>
      <c r="L39284" t="s">
        <v>995</v>
      </c>
      <c r="M39284" t="s">
        <v>89</v>
      </c>
      <c r="N39284" t="s">
        <v>90</v>
      </c>
      <c r="O39284" t="s">
        <v>85</v>
      </c>
      <c r="P39284" t="s">
        <v>86</v>
      </c>
      <c r="Q39284">
        <v>133</v>
      </c>
      <c r="R39284">
        <v>136</v>
      </c>
      <c r="S39284">
        <v>139</v>
      </c>
      <c r="T39284">
        <v>142</v>
      </c>
      <c r="U39284">
        <v>145</v>
      </c>
      <c r="V39284">
        <v>148</v>
      </c>
      <c r="W39284">
        <v>151</v>
      </c>
      <c r="X39284">
        <v>154</v>
      </c>
      <c r="Y39284">
        <v>156</v>
      </c>
      <c r="Z39284">
        <v>159</v>
      </c>
      <c r="AA39284">
        <v>161</v>
      </c>
      <c r="AB39284">
        <v>164</v>
      </c>
      <c r="AC39284">
        <v>167</v>
      </c>
      <c r="AD39284">
        <v>169</v>
      </c>
      <c r="AE39284">
        <v>171</v>
      </c>
      <c r="AF39284">
        <v>172</v>
      </c>
      <c r="AG39284">
        <v>172</v>
      </c>
      <c r="AH39284">
        <v>173</v>
      </c>
      <c r="AI39284">
        <v>174</v>
      </c>
      <c r="AJ39284">
        <v>175</v>
      </c>
      <c r="AK39284">
        <v>175</v>
      </c>
      <c r="AL39284">
        <v>176</v>
      </c>
      <c r="AM39284">
        <v>177</v>
      </c>
      <c r="AN39284">
        <v>178</v>
      </c>
      <c r="AO39284">
        <v>179</v>
      </c>
      <c r="AP39284">
        <v>180</v>
      </c>
      <c r="AQ39284">
        <v>181</v>
      </c>
    </row>
    <row r="39285" spans="1:43">
      <c r="A39285" t="s">
        <v>24371</v>
      </c>
      <c r="B39285" t="s">
        <v>24372</v>
      </c>
      <c r="C39285" t="s">
        <v>24365</v>
      </c>
      <c r="D39285" t="s">
        <v>24366</v>
      </c>
      <c r="E39285" t="s">
        <v>24327</v>
      </c>
      <c r="F39285" t="s">
        <v>24328</v>
      </c>
      <c r="G39285" t="s">
        <v>11612</v>
      </c>
      <c r="H39285" t="s">
        <v>11613</v>
      </c>
      <c r="I39285" s="2">
        <v>0</v>
      </c>
      <c r="J39285" s="2">
        <v>0</v>
      </c>
      <c r="K39285" s="2">
        <v>1</v>
      </c>
      <c r="L39285" t="s">
        <v>995</v>
      </c>
      <c r="M39285" t="s">
        <v>83</v>
      </c>
      <c r="N39285" t="s">
        <v>91</v>
      </c>
      <c r="O39285" t="s">
        <v>85</v>
      </c>
      <c r="P39285" t="s">
        <v>86</v>
      </c>
      <c r="Q39285">
        <v>133</v>
      </c>
      <c r="R39285">
        <v>136</v>
      </c>
      <c r="S39285">
        <v>138</v>
      </c>
      <c r="T39285">
        <v>140</v>
      </c>
      <c r="U39285">
        <v>142</v>
      </c>
      <c r="V39285">
        <v>144</v>
      </c>
      <c r="W39285">
        <v>145</v>
      </c>
      <c r="X39285">
        <v>147</v>
      </c>
      <c r="Y39285">
        <v>149</v>
      </c>
      <c r="Z39285">
        <v>151</v>
      </c>
      <c r="AA39285">
        <v>153</v>
      </c>
      <c r="AB39285">
        <v>155</v>
      </c>
      <c r="AC39285">
        <v>157</v>
      </c>
      <c r="AD39285">
        <v>159</v>
      </c>
      <c r="AE39285">
        <v>161</v>
      </c>
      <c r="AF39285">
        <v>163</v>
      </c>
      <c r="AG39285">
        <v>166</v>
      </c>
      <c r="AH39285">
        <v>168</v>
      </c>
      <c r="AI39285">
        <v>170</v>
      </c>
      <c r="AJ39285">
        <v>172</v>
      </c>
      <c r="AK39285">
        <v>174</v>
      </c>
      <c r="AL39285">
        <v>176</v>
      </c>
      <c r="AM39285">
        <v>177</v>
      </c>
      <c r="AN39285">
        <v>177</v>
      </c>
      <c r="AO39285">
        <v>178</v>
      </c>
      <c r="AP39285">
        <v>179</v>
      </c>
      <c r="AQ39285">
        <v>180</v>
      </c>
    </row>
    <row r="39286" spans="1:43">
      <c r="A39286" t="s">
        <v>24373</v>
      </c>
      <c r="B39286" t="s">
        <v>24374</v>
      </c>
      <c r="C39286" t="s">
        <v>24365</v>
      </c>
      <c r="D39286" t="s">
        <v>24366</v>
      </c>
      <c r="E39286" t="s">
        <v>24327</v>
      </c>
      <c r="F39286" t="s">
        <v>24328</v>
      </c>
      <c r="G39286" t="s">
        <v>11612</v>
      </c>
      <c r="H39286" t="s">
        <v>11613</v>
      </c>
      <c r="I39286" s="2">
        <v>0</v>
      </c>
      <c r="J39286" s="2">
        <v>0</v>
      </c>
      <c r="K39286" s="2">
        <v>1</v>
      </c>
      <c r="L39286" t="s">
        <v>995</v>
      </c>
      <c r="M39286" t="s">
        <v>83</v>
      </c>
      <c r="N39286" t="s">
        <v>84</v>
      </c>
      <c r="O39286" t="s">
        <v>85</v>
      </c>
      <c r="P39286" t="s">
        <v>86</v>
      </c>
      <c r="Q39286">
        <v>51</v>
      </c>
      <c r="R39286">
        <v>52</v>
      </c>
      <c r="S39286">
        <v>53</v>
      </c>
      <c r="T39286">
        <v>53</v>
      </c>
      <c r="U39286">
        <v>54</v>
      </c>
      <c r="V39286">
        <v>55</v>
      </c>
      <c r="W39286">
        <v>56</v>
      </c>
      <c r="X39286">
        <v>56</v>
      </c>
      <c r="Y39286">
        <v>57</v>
      </c>
      <c r="Z39286">
        <v>58</v>
      </c>
      <c r="AA39286">
        <v>59</v>
      </c>
      <c r="AB39286">
        <v>59</v>
      </c>
      <c r="AC39286">
        <v>60</v>
      </c>
      <c r="AD39286">
        <v>61</v>
      </c>
      <c r="AE39286">
        <v>62</v>
      </c>
      <c r="AF39286">
        <v>62</v>
      </c>
      <c r="AG39286">
        <v>63</v>
      </c>
      <c r="AH39286">
        <v>64</v>
      </c>
      <c r="AI39286">
        <v>65</v>
      </c>
      <c r="AJ39286">
        <v>66</v>
      </c>
      <c r="AK39286">
        <v>67</v>
      </c>
      <c r="AL39286">
        <v>67</v>
      </c>
      <c r="AM39286">
        <v>68</v>
      </c>
      <c r="AN39286">
        <v>68</v>
      </c>
      <c r="AO39286">
        <v>68</v>
      </c>
      <c r="AP39286">
        <v>69</v>
      </c>
      <c r="AQ39286">
        <v>69</v>
      </c>
    </row>
    <row r="39287" spans="1:43">
      <c r="A39287" t="s">
        <v>24373</v>
      </c>
      <c r="B39287" t="s">
        <v>24374</v>
      </c>
      <c r="C39287" t="s">
        <v>24365</v>
      </c>
      <c r="D39287" t="s">
        <v>24366</v>
      </c>
      <c r="E39287" t="s">
        <v>24327</v>
      </c>
      <c r="F39287" t="s">
        <v>24328</v>
      </c>
      <c r="G39287" t="s">
        <v>11612</v>
      </c>
      <c r="H39287" t="s">
        <v>11613</v>
      </c>
      <c r="I39287" s="2">
        <v>0</v>
      </c>
      <c r="J39287" s="2">
        <v>0</v>
      </c>
      <c r="K39287" s="2">
        <v>1</v>
      </c>
      <c r="L39287" t="s">
        <v>995</v>
      </c>
      <c r="M39287" t="s">
        <v>87</v>
      </c>
      <c r="N39287" t="s">
        <v>88</v>
      </c>
      <c r="O39287" t="s">
        <v>85</v>
      </c>
      <c r="P39287" t="s">
        <v>86</v>
      </c>
      <c r="Q39287">
        <v>51</v>
      </c>
      <c r="R39287">
        <v>52</v>
      </c>
      <c r="S39287">
        <v>52</v>
      </c>
      <c r="T39287">
        <v>52</v>
      </c>
      <c r="U39287">
        <v>53</v>
      </c>
      <c r="V39287">
        <v>53</v>
      </c>
      <c r="W39287">
        <v>53</v>
      </c>
      <c r="X39287">
        <v>53</v>
      </c>
      <c r="Y39287">
        <v>54</v>
      </c>
      <c r="Z39287">
        <v>54</v>
      </c>
      <c r="AA39287">
        <v>54</v>
      </c>
      <c r="AB39287">
        <v>55</v>
      </c>
      <c r="AC39287">
        <v>55</v>
      </c>
      <c r="AD39287">
        <v>55</v>
      </c>
      <c r="AE39287">
        <v>56</v>
      </c>
      <c r="AF39287">
        <v>56</v>
      </c>
      <c r="AG39287">
        <v>56</v>
      </c>
      <c r="AH39287">
        <v>57</v>
      </c>
      <c r="AI39287">
        <v>57</v>
      </c>
      <c r="AJ39287">
        <v>58</v>
      </c>
      <c r="AK39287">
        <v>58</v>
      </c>
      <c r="AL39287">
        <v>58</v>
      </c>
      <c r="AM39287">
        <v>59</v>
      </c>
      <c r="AN39287">
        <v>59</v>
      </c>
      <c r="AO39287">
        <v>60</v>
      </c>
      <c r="AP39287">
        <v>60</v>
      </c>
      <c r="AQ39287">
        <v>61</v>
      </c>
    </row>
    <row r="39288" spans="1:43">
      <c r="A39288" t="s">
        <v>24373</v>
      </c>
      <c r="B39288" t="s">
        <v>24374</v>
      </c>
      <c r="C39288" t="s">
        <v>24365</v>
      </c>
      <c r="D39288" t="s">
        <v>24366</v>
      </c>
      <c r="E39288" t="s">
        <v>24327</v>
      </c>
      <c r="F39288" t="s">
        <v>24328</v>
      </c>
      <c r="G39288" t="s">
        <v>11612</v>
      </c>
      <c r="H39288" t="s">
        <v>11613</v>
      </c>
      <c r="I39288" s="2">
        <v>0</v>
      </c>
      <c r="J39288" s="2">
        <v>0</v>
      </c>
      <c r="K39288" s="2">
        <v>1</v>
      </c>
      <c r="L39288" t="s">
        <v>995</v>
      </c>
      <c r="M39288" t="s">
        <v>89</v>
      </c>
      <c r="N39288" t="s">
        <v>90</v>
      </c>
      <c r="O39288" t="s">
        <v>85</v>
      </c>
      <c r="P39288" t="s">
        <v>86</v>
      </c>
      <c r="Q39288">
        <v>51</v>
      </c>
      <c r="R39288">
        <v>53</v>
      </c>
      <c r="S39288">
        <v>54</v>
      </c>
      <c r="T39288">
        <v>55</v>
      </c>
      <c r="U39288">
        <v>56</v>
      </c>
      <c r="V39288">
        <v>57</v>
      </c>
      <c r="W39288">
        <v>58</v>
      </c>
      <c r="X39288">
        <v>59</v>
      </c>
      <c r="Y39288">
        <v>60</v>
      </c>
      <c r="Z39288">
        <v>61</v>
      </c>
      <c r="AA39288">
        <v>62</v>
      </c>
      <c r="AB39288">
        <v>63</v>
      </c>
      <c r="AC39288">
        <v>64</v>
      </c>
      <c r="AD39288">
        <v>65</v>
      </c>
      <c r="AE39288">
        <v>66</v>
      </c>
      <c r="AF39288">
        <v>66</v>
      </c>
      <c r="AG39288">
        <v>67</v>
      </c>
      <c r="AH39288">
        <v>67</v>
      </c>
      <c r="AI39288">
        <v>67</v>
      </c>
      <c r="AJ39288">
        <v>68</v>
      </c>
      <c r="AK39288">
        <v>68</v>
      </c>
      <c r="AL39288">
        <v>68</v>
      </c>
      <c r="AM39288">
        <v>69</v>
      </c>
      <c r="AN39288">
        <v>69</v>
      </c>
      <c r="AO39288">
        <v>69</v>
      </c>
      <c r="AP39288">
        <v>70</v>
      </c>
      <c r="AQ39288">
        <v>70</v>
      </c>
    </row>
    <row r="39289" spans="1:43">
      <c r="A39289" t="s">
        <v>24373</v>
      </c>
      <c r="B39289" t="s">
        <v>24374</v>
      </c>
      <c r="C39289" t="s">
        <v>24365</v>
      </c>
      <c r="D39289" t="s">
        <v>24366</v>
      </c>
      <c r="E39289" t="s">
        <v>24327</v>
      </c>
      <c r="F39289" t="s">
        <v>24328</v>
      </c>
      <c r="G39289" t="s">
        <v>11612</v>
      </c>
      <c r="H39289" t="s">
        <v>11613</v>
      </c>
      <c r="I39289" s="2">
        <v>0</v>
      </c>
      <c r="J39289" s="2">
        <v>0</v>
      </c>
      <c r="K39289" s="2">
        <v>1</v>
      </c>
      <c r="L39289" t="s">
        <v>995</v>
      </c>
      <c r="M39289" t="s">
        <v>83</v>
      </c>
      <c r="N39289" t="s">
        <v>91</v>
      </c>
      <c r="O39289" t="s">
        <v>85</v>
      </c>
      <c r="P39289" t="s">
        <v>86</v>
      </c>
      <c r="Q39289">
        <v>51</v>
      </c>
      <c r="R39289">
        <v>52</v>
      </c>
      <c r="S39289">
        <v>53</v>
      </c>
      <c r="T39289">
        <v>53</v>
      </c>
      <c r="U39289">
        <v>54</v>
      </c>
      <c r="V39289">
        <v>55</v>
      </c>
      <c r="W39289">
        <v>56</v>
      </c>
      <c r="X39289">
        <v>56</v>
      </c>
      <c r="Y39289">
        <v>57</v>
      </c>
      <c r="Z39289">
        <v>58</v>
      </c>
      <c r="AA39289">
        <v>59</v>
      </c>
      <c r="AB39289">
        <v>59</v>
      </c>
      <c r="AC39289">
        <v>60</v>
      </c>
      <c r="AD39289">
        <v>61</v>
      </c>
      <c r="AE39289">
        <v>62</v>
      </c>
      <c r="AF39289">
        <v>62</v>
      </c>
      <c r="AG39289">
        <v>63</v>
      </c>
      <c r="AH39289">
        <v>64</v>
      </c>
      <c r="AI39289">
        <v>65</v>
      </c>
      <c r="AJ39289">
        <v>66</v>
      </c>
      <c r="AK39289">
        <v>67</v>
      </c>
      <c r="AL39289">
        <v>67</v>
      </c>
      <c r="AM39289">
        <v>68</v>
      </c>
      <c r="AN39289">
        <v>68</v>
      </c>
      <c r="AO39289">
        <v>68</v>
      </c>
      <c r="AP39289">
        <v>69</v>
      </c>
      <c r="AQ39289">
        <v>69</v>
      </c>
    </row>
    <row r="39290" spans="1:43">
      <c r="A39290" t="s">
        <v>24375</v>
      </c>
      <c r="B39290" t="s">
        <v>24376</v>
      </c>
      <c r="C39290" t="s">
        <v>24355</v>
      </c>
      <c r="D39290" t="s">
        <v>24356</v>
      </c>
      <c r="E39290" t="s">
        <v>24327</v>
      </c>
      <c r="F39290" t="s">
        <v>24328</v>
      </c>
      <c r="G39290" t="s">
        <v>11612</v>
      </c>
      <c r="H39290" t="s">
        <v>11613</v>
      </c>
      <c r="I39290" s="2">
        <v>0</v>
      </c>
      <c r="J39290" s="2">
        <v>0</v>
      </c>
      <c r="K39290" s="2">
        <v>1</v>
      </c>
      <c r="L39290" t="s">
        <v>995</v>
      </c>
      <c r="M39290" t="s">
        <v>83</v>
      </c>
      <c r="N39290" t="s">
        <v>84</v>
      </c>
      <c r="O39290" t="s">
        <v>85</v>
      </c>
      <c r="P39290" t="s">
        <v>86</v>
      </c>
      <c r="Q39290">
        <v>10</v>
      </c>
      <c r="R39290">
        <v>10</v>
      </c>
      <c r="S39290">
        <v>10</v>
      </c>
      <c r="T39290">
        <v>10</v>
      </c>
      <c r="U39290">
        <v>10</v>
      </c>
      <c r="V39290">
        <v>11</v>
      </c>
      <c r="W39290">
        <v>11</v>
      </c>
      <c r="X39290">
        <v>11</v>
      </c>
      <c r="Y39290">
        <v>11</v>
      </c>
      <c r="Z39290">
        <v>11</v>
      </c>
      <c r="AA39290">
        <v>11</v>
      </c>
      <c r="AB39290">
        <v>11</v>
      </c>
      <c r="AC39290">
        <v>12</v>
      </c>
      <c r="AD39290">
        <v>12</v>
      </c>
      <c r="AE39290">
        <v>12</v>
      </c>
      <c r="AF39290">
        <v>12</v>
      </c>
      <c r="AG39290">
        <v>12</v>
      </c>
      <c r="AH39290">
        <v>12</v>
      </c>
      <c r="AI39290">
        <v>13</v>
      </c>
      <c r="AJ39290">
        <v>13</v>
      </c>
      <c r="AK39290">
        <v>13</v>
      </c>
      <c r="AL39290">
        <v>13</v>
      </c>
      <c r="AM39290">
        <v>13</v>
      </c>
      <c r="AN39290">
        <v>13</v>
      </c>
      <c r="AO39290">
        <v>13</v>
      </c>
      <c r="AP39290">
        <v>13</v>
      </c>
      <c r="AQ39290">
        <v>13</v>
      </c>
    </row>
    <row r="39291" spans="1:43">
      <c r="A39291" t="s">
        <v>24375</v>
      </c>
      <c r="B39291" t="s">
        <v>24376</v>
      </c>
      <c r="C39291" t="s">
        <v>24355</v>
      </c>
      <c r="D39291" t="s">
        <v>24356</v>
      </c>
      <c r="E39291" t="s">
        <v>24327</v>
      </c>
      <c r="F39291" t="s">
        <v>24328</v>
      </c>
      <c r="G39291" t="s">
        <v>11612</v>
      </c>
      <c r="H39291" t="s">
        <v>11613</v>
      </c>
      <c r="I39291" s="2">
        <v>0</v>
      </c>
      <c r="J39291" s="2">
        <v>0</v>
      </c>
      <c r="K39291" s="2">
        <v>1</v>
      </c>
      <c r="L39291" t="s">
        <v>995</v>
      </c>
      <c r="M39291" t="s">
        <v>87</v>
      </c>
      <c r="N39291" t="s">
        <v>88</v>
      </c>
      <c r="O39291" t="s">
        <v>85</v>
      </c>
      <c r="P39291" t="s">
        <v>86</v>
      </c>
      <c r="Q39291">
        <v>10</v>
      </c>
      <c r="R39291">
        <v>10</v>
      </c>
      <c r="S39291">
        <v>10</v>
      </c>
      <c r="T39291">
        <v>10</v>
      </c>
      <c r="U39291">
        <v>10</v>
      </c>
      <c r="V39291">
        <v>10</v>
      </c>
      <c r="W39291">
        <v>10</v>
      </c>
      <c r="X39291">
        <v>10</v>
      </c>
      <c r="Y39291">
        <v>10</v>
      </c>
      <c r="Z39291">
        <v>10</v>
      </c>
      <c r="AA39291">
        <v>10</v>
      </c>
      <c r="AB39291">
        <v>10</v>
      </c>
      <c r="AC39291">
        <v>10</v>
      </c>
      <c r="AD39291">
        <v>10</v>
      </c>
      <c r="AE39291">
        <v>11</v>
      </c>
      <c r="AF39291">
        <v>11</v>
      </c>
      <c r="AG39291">
        <v>11</v>
      </c>
      <c r="AH39291">
        <v>11</v>
      </c>
      <c r="AI39291">
        <v>11</v>
      </c>
      <c r="AJ39291">
        <v>11</v>
      </c>
      <c r="AK39291">
        <v>11</v>
      </c>
      <c r="AL39291">
        <v>11</v>
      </c>
      <c r="AM39291">
        <v>11</v>
      </c>
      <c r="AN39291">
        <v>11</v>
      </c>
      <c r="AO39291">
        <v>11</v>
      </c>
      <c r="AP39291">
        <v>11</v>
      </c>
      <c r="AQ39291">
        <v>12</v>
      </c>
    </row>
    <row r="39292" spans="1:43">
      <c r="A39292" t="s">
        <v>24375</v>
      </c>
      <c r="B39292" t="s">
        <v>24376</v>
      </c>
      <c r="C39292" t="s">
        <v>24355</v>
      </c>
      <c r="D39292" t="s">
        <v>24356</v>
      </c>
      <c r="E39292" t="s">
        <v>24327</v>
      </c>
      <c r="F39292" t="s">
        <v>24328</v>
      </c>
      <c r="G39292" t="s">
        <v>11612</v>
      </c>
      <c r="H39292" t="s">
        <v>11613</v>
      </c>
      <c r="I39292" s="2">
        <v>0</v>
      </c>
      <c r="J39292" s="2">
        <v>0</v>
      </c>
      <c r="K39292" s="2">
        <v>1</v>
      </c>
      <c r="L39292" t="s">
        <v>995</v>
      </c>
      <c r="M39292" t="s">
        <v>89</v>
      </c>
      <c r="N39292" t="s">
        <v>90</v>
      </c>
      <c r="O39292" t="s">
        <v>85</v>
      </c>
      <c r="P39292" t="s">
        <v>86</v>
      </c>
      <c r="Q39292">
        <v>10</v>
      </c>
      <c r="R39292">
        <v>10</v>
      </c>
      <c r="S39292">
        <v>10</v>
      </c>
      <c r="T39292">
        <v>11</v>
      </c>
      <c r="U39292">
        <v>11</v>
      </c>
      <c r="V39292">
        <v>11</v>
      </c>
      <c r="W39292">
        <v>11</v>
      </c>
      <c r="X39292">
        <v>11</v>
      </c>
      <c r="Y39292">
        <v>12</v>
      </c>
      <c r="Z39292">
        <v>12</v>
      </c>
      <c r="AA39292">
        <v>12</v>
      </c>
      <c r="AB39292">
        <v>12</v>
      </c>
      <c r="AC39292">
        <v>12</v>
      </c>
      <c r="AD39292">
        <v>13</v>
      </c>
      <c r="AE39292">
        <v>13</v>
      </c>
      <c r="AF39292">
        <v>13</v>
      </c>
      <c r="AG39292">
        <v>13</v>
      </c>
      <c r="AH39292">
        <v>13</v>
      </c>
      <c r="AI39292">
        <v>13</v>
      </c>
      <c r="AJ39292">
        <v>13</v>
      </c>
      <c r="AK39292">
        <v>13</v>
      </c>
      <c r="AL39292">
        <v>13</v>
      </c>
      <c r="AM39292">
        <v>13</v>
      </c>
      <c r="AN39292">
        <v>13</v>
      </c>
      <c r="AO39292">
        <v>13</v>
      </c>
      <c r="AP39292">
        <v>13</v>
      </c>
      <c r="AQ39292">
        <v>14</v>
      </c>
    </row>
    <row r="39293" spans="1:43">
      <c r="A39293" t="s">
        <v>24375</v>
      </c>
      <c r="B39293" t="s">
        <v>24376</v>
      </c>
      <c r="C39293" t="s">
        <v>24355</v>
      </c>
      <c r="D39293" t="s">
        <v>24356</v>
      </c>
      <c r="E39293" t="s">
        <v>24327</v>
      </c>
      <c r="F39293" t="s">
        <v>24328</v>
      </c>
      <c r="G39293" t="s">
        <v>11612</v>
      </c>
      <c r="H39293" t="s">
        <v>11613</v>
      </c>
      <c r="I39293" s="2">
        <v>0</v>
      </c>
      <c r="J39293" s="2">
        <v>0</v>
      </c>
      <c r="K39293" s="2">
        <v>1</v>
      </c>
      <c r="L39293" t="s">
        <v>995</v>
      </c>
      <c r="M39293" t="s">
        <v>83</v>
      </c>
      <c r="N39293" t="s">
        <v>91</v>
      </c>
      <c r="O39293" t="s">
        <v>85</v>
      </c>
      <c r="P39293" t="s">
        <v>86</v>
      </c>
      <c r="Q39293">
        <v>10</v>
      </c>
      <c r="R39293">
        <v>10</v>
      </c>
      <c r="S39293">
        <v>10</v>
      </c>
      <c r="T39293">
        <v>10</v>
      </c>
      <c r="U39293">
        <v>10</v>
      </c>
      <c r="V39293">
        <v>11</v>
      </c>
      <c r="W39293">
        <v>11</v>
      </c>
      <c r="X39293">
        <v>11</v>
      </c>
      <c r="Y39293">
        <v>11</v>
      </c>
      <c r="Z39293">
        <v>11</v>
      </c>
      <c r="AA39293">
        <v>11</v>
      </c>
      <c r="AB39293">
        <v>11</v>
      </c>
      <c r="AC39293">
        <v>12</v>
      </c>
      <c r="AD39293">
        <v>12</v>
      </c>
      <c r="AE39293">
        <v>12</v>
      </c>
      <c r="AF39293">
        <v>12</v>
      </c>
      <c r="AG39293">
        <v>12</v>
      </c>
      <c r="AH39293">
        <v>12</v>
      </c>
      <c r="AI39293">
        <v>13</v>
      </c>
      <c r="AJ39293">
        <v>13</v>
      </c>
      <c r="AK39293">
        <v>13</v>
      </c>
      <c r="AL39293">
        <v>13</v>
      </c>
      <c r="AM39293">
        <v>13</v>
      </c>
      <c r="AN39293">
        <v>13</v>
      </c>
      <c r="AO39293">
        <v>13</v>
      </c>
      <c r="AP39293">
        <v>13</v>
      </c>
      <c r="AQ39293">
        <v>13</v>
      </c>
    </row>
    <row r="39294" spans="1:43">
      <c r="A39294" t="s">
        <v>24377</v>
      </c>
      <c r="B39294" t="s">
        <v>24378</v>
      </c>
      <c r="C39294" t="s">
        <v>24361</v>
      </c>
      <c r="D39294" t="s">
        <v>24362</v>
      </c>
      <c r="E39294" t="s">
        <v>24327</v>
      </c>
      <c r="F39294" t="s">
        <v>24328</v>
      </c>
      <c r="G39294" t="s">
        <v>11612</v>
      </c>
      <c r="H39294" t="s">
        <v>11613</v>
      </c>
      <c r="I39294" s="2">
        <v>0</v>
      </c>
      <c r="J39294" s="2">
        <v>0</v>
      </c>
      <c r="K39294" s="2">
        <v>1</v>
      </c>
      <c r="L39294" t="s">
        <v>995</v>
      </c>
      <c r="M39294" t="s">
        <v>83</v>
      </c>
      <c r="N39294" t="s">
        <v>84</v>
      </c>
      <c r="O39294" t="s">
        <v>85</v>
      </c>
      <c r="P39294" t="s">
        <v>86</v>
      </c>
      <c r="Q39294">
        <v>17</v>
      </c>
      <c r="R39294">
        <v>17</v>
      </c>
      <c r="S39294">
        <v>17</v>
      </c>
      <c r="T39294">
        <v>17</v>
      </c>
      <c r="U39294">
        <v>18</v>
      </c>
      <c r="V39294">
        <v>18</v>
      </c>
      <c r="W39294">
        <v>18</v>
      </c>
      <c r="X39294">
        <v>18</v>
      </c>
      <c r="Y39294">
        <v>18</v>
      </c>
      <c r="Z39294">
        <v>19</v>
      </c>
      <c r="AA39294">
        <v>19</v>
      </c>
      <c r="AB39294">
        <v>19</v>
      </c>
      <c r="AC39294">
        <v>19</v>
      </c>
      <c r="AD39294">
        <v>20</v>
      </c>
      <c r="AE39294">
        <v>20</v>
      </c>
      <c r="AF39294">
        <v>20</v>
      </c>
      <c r="AG39294">
        <v>20</v>
      </c>
      <c r="AH39294">
        <v>21</v>
      </c>
      <c r="AI39294">
        <v>21</v>
      </c>
      <c r="AJ39294">
        <v>21</v>
      </c>
      <c r="AK39294">
        <v>21</v>
      </c>
      <c r="AL39294">
        <v>21</v>
      </c>
      <c r="AM39294">
        <v>22</v>
      </c>
      <c r="AN39294">
        <v>22</v>
      </c>
      <c r="AO39294">
        <v>22</v>
      </c>
      <c r="AP39294">
        <v>22</v>
      </c>
      <c r="AQ39294">
        <v>22</v>
      </c>
    </row>
    <row r="39295" spans="1:43">
      <c r="A39295" t="s">
        <v>24377</v>
      </c>
      <c r="B39295" t="s">
        <v>24378</v>
      </c>
      <c r="C39295" t="s">
        <v>24361</v>
      </c>
      <c r="D39295" t="s">
        <v>24362</v>
      </c>
      <c r="E39295" t="s">
        <v>24327</v>
      </c>
      <c r="F39295" t="s">
        <v>24328</v>
      </c>
      <c r="G39295" t="s">
        <v>11612</v>
      </c>
      <c r="H39295" t="s">
        <v>11613</v>
      </c>
      <c r="I39295" s="2">
        <v>0</v>
      </c>
      <c r="J39295" s="2">
        <v>0</v>
      </c>
      <c r="K39295" s="2">
        <v>1</v>
      </c>
      <c r="L39295" t="s">
        <v>995</v>
      </c>
      <c r="M39295" t="s">
        <v>87</v>
      </c>
      <c r="N39295" t="s">
        <v>88</v>
      </c>
      <c r="O39295" t="s">
        <v>85</v>
      </c>
      <c r="P39295" t="s">
        <v>86</v>
      </c>
      <c r="Q39295">
        <v>17</v>
      </c>
      <c r="R39295">
        <v>18</v>
      </c>
      <c r="S39295">
        <v>18</v>
      </c>
      <c r="T39295">
        <v>18</v>
      </c>
      <c r="U39295">
        <v>18</v>
      </c>
      <c r="V39295">
        <v>18</v>
      </c>
      <c r="W39295">
        <v>18</v>
      </c>
      <c r="X39295">
        <v>18</v>
      </c>
      <c r="Y39295">
        <v>18</v>
      </c>
      <c r="Z39295">
        <v>18</v>
      </c>
      <c r="AA39295">
        <v>18</v>
      </c>
      <c r="AB39295">
        <v>18</v>
      </c>
      <c r="AC39295">
        <v>18</v>
      </c>
      <c r="AD39295">
        <v>19</v>
      </c>
      <c r="AE39295">
        <v>19</v>
      </c>
      <c r="AF39295">
        <v>19</v>
      </c>
      <c r="AG39295">
        <v>19</v>
      </c>
      <c r="AH39295">
        <v>19</v>
      </c>
      <c r="AI39295">
        <v>19</v>
      </c>
      <c r="AJ39295">
        <v>19</v>
      </c>
      <c r="AK39295">
        <v>19</v>
      </c>
      <c r="AL39295">
        <v>19</v>
      </c>
      <c r="AM39295">
        <v>19</v>
      </c>
      <c r="AN39295">
        <v>20</v>
      </c>
      <c r="AO39295">
        <v>20</v>
      </c>
      <c r="AP39295">
        <v>20</v>
      </c>
      <c r="AQ39295">
        <v>20</v>
      </c>
    </row>
    <row r="39296" spans="1:43">
      <c r="A39296" t="s">
        <v>24377</v>
      </c>
      <c r="B39296" t="s">
        <v>24378</v>
      </c>
      <c r="C39296" t="s">
        <v>24361</v>
      </c>
      <c r="D39296" t="s">
        <v>24362</v>
      </c>
      <c r="E39296" t="s">
        <v>24327</v>
      </c>
      <c r="F39296" t="s">
        <v>24328</v>
      </c>
      <c r="G39296" t="s">
        <v>11612</v>
      </c>
      <c r="H39296" t="s">
        <v>11613</v>
      </c>
      <c r="I39296" s="2">
        <v>0</v>
      </c>
      <c r="J39296" s="2">
        <v>0</v>
      </c>
      <c r="K39296" s="2">
        <v>1</v>
      </c>
      <c r="L39296" t="s">
        <v>995</v>
      </c>
      <c r="M39296" t="s">
        <v>89</v>
      </c>
      <c r="N39296" t="s">
        <v>90</v>
      </c>
      <c r="O39296" t="s">
        <v>85</v>
      </c>
      <c r="P39296" t="s">
        <v>86</v>
      </c>
      <c r="Q39296">
        <v>17</v>
      </c>
      <c r="R39296">
        <v>17</v>
      </c>
      <c r="S39296">
        <v>18</v>
      </c>
      <c r="T39296">
        <v>18</v>
      </c>
      <c r="U39296">
        <v>18</v>
      </c>
      <c r="V39296">
        <v>19</v>
      </c>
      <c r="W39296">
        <v>19</v>
      </c>
      <c r="X39296">
        <v>19</v>
      </c>
      <c r="Y39296">
        <v>20</v>
      </c>
      <c r="Z39296">
        <v>20</v>
      </c>
      <c r="AA39296">
        <v>20</v>
      </c>
      <c r="AB39296">
        <v>20</v>
      </c>
      <c r="AC39296">
        <v>21</v>
      </c>
      <c r="AD39296">
        <v>21</v>
      </c>
      <c r="AE39296">
        <v>21</v>
      </c>
      <c r="AF39296">
        <v>21</v>
      </c>
      <c r="AG39296">
        <v>21</v>
      </c>
      <c r="AH39296">
        <v>21</v>
      </c>
      <c r="AI39296">
        <v>21</v>
      </c>
      <c r="AJ39296">
        <v>22</v>
      </c>
      <c r="AK39296">
        <v>22</v>
      </c>
      <c r="AL39296">
        <v>22</v>
      </c>
      <c r="AM39296">
        <v>22</v>
      </c>
      <c r="AN39296">
        <v>22</v>
      </c>
      <c r="AO39296">
        <v>22</v>
      </c>
      <c r="AP39296">
        <v>22</v>
      </c>
      <c r="AQ39296">
        <v>22</v>
      </c>
    </row>
    <row r="39297" spans="1:43">
      <c r="A39297" t="s">
        <v>24377</v>
      </c>
      <c r="B39297" t="s">
        <v>24378</v>
      </c>
      <c r="C39297" t="s">
        <v>24361</v>
      </c>
      <c r="D39297" t="s">
        <v>24362</v>
      </c>
      <c r="E39297" t="s">
        <v>24327</v>
      </c>
      <c r="F39297" t="s">
        <v>24328</v>
      </c>
      <c r="G39297" t="s">
        <v>11612</v>
      </c>
      <c r="H39297" t="s">
        <v>11613</v>
      </c>
      <c r="I39297" s="2">
        <v>0</v>
      </c>
      <c r="J39297" s="2">
        <v>0</v>
      </c>
      <c r="K39297" s="2">
        <v>1</v>
      </c>
      <c r="L39297" t="s">
        <v>995</v>
      </c>
      <c r="M39297" t="s">
        <v>83</v>
      </c>
      <c r="N39297" t="s">
        <v>91</v>
      </c>
      <c r="O39297" t="s">
        <v>85</v>
      </c>
      <c r="P39297" t="s">
        <v>86</v>
      </c>
      <c r="Q39297">
        <v>17</v>
      </c>
      <c r="R39297">
        <v>17</v>
      </c>
      <c r="S39297">
        <v>17</v>
      </c>
      <c r="T39297">
        <v>17</v>
      </c>
      <c r="U39297">
        <v>18</v>
      </c>
      <c r="V39297">
        <v>18</v>
      </c>
      <c r="W39297">
        <v>18</v>
      </c>
      <c r="X39297">
        <v>18</v>
      </c>
      <c r="Y39297">
        <v>18</v>
      </c>
      <c r="Z39297">
        <v>19</v>
      </c>
      <c r="AA39297">
        <v>19</v>
      </c>
      <c r="AB39297">
        <v>19</v>
      </c>
      <c r="AC39297">
        <v>19</v>
      </c>
      <c r="AD39297">
        <v>20</v>
      </c>
      <c r="AE39297">
        <v>20</v>
      </c>
      <c r="AF39297">
        <v>20</v>
      </c>
      <c r="AG39297">
        <v>20</v>
      </c>
      <c r="AH39297">
        <v>21</v>
      </c>
      <c r="AI39297">
        <v>21</v>
      </c>
      <c r="AJ39297">
        <v>21</v>
      </c>
      <c r="AK39297">
        <v>21</v>
      </c>
      <c r="AL39297">
        <v>21</v>
      </c>
      <c r="AM39297">
        <v>22</v>
      </c>
      <c r="AN39297">
        <v>22</v>
      </c>
      <c r="AO39297">
        <v>22</v>
      </c>
      <c r="AP39297">
        <v>22</v>
      </c>
      <c r="AQ39297">
        <v>22</v>
      </c>
    </row>
    <row r="39298" spans="1:43">
      <c r="A39298" t="s">
        <v>24379</v>
      </c>
      <c r="B39298" t="s">
        <v>24380</v>
      </c>
      <c r="C39298" t="s">
        <v>24361</v>
      </c>
      <c r="D39298" t="s">
        <v>24362</v>
      </c>
      <c r="E39298" t="s">
        <v>24327</v>
      </c>
      <c r="F39298" t="s">
        <v>24328</v>
      </c>
      <c r="G39298" t="s">
        <v>11612</v>
      </c>
      <c r="H39298" t="s">
        <v>11613</v>
      </c>
      <c r="I39298" s="2">
        <v>0</v>
      </c>
      <c r="J39298" s="2">
        <v>0</v>
      </c>
      <c r="K39298" s="2">
        <v>1</v>
      </c>
      <c r="L39298" t="s">
        <v>995</v>
      </c>
      <c r="M39298" t="s">
        <v>83</v>
      </c>
      <c r="N39298" t="s">
        <v>84</v>
      </c>
      <c r="O39298" t="s">
        <v>85</v>
      </c>
      <c r="P39298" t="s">
        <v>86</v>
      </c>
      <c r="Q39298">
        <v>17</v>
      </c>
      <c r="R39298">
        <v>17</v>
      </c>
      <c r="S39298">
        <v>17</v>
      </c>
      <c r="T39298">
        <v>17</v>
      </c>
      <c r="U39298">
        <v>18</v>
      </c>
      <c r="V39298">
        <v>18</v>
      </c>
      <c r="W39298">
        <v>18</v>
      </c>
      <c r="X39298">
        <v>18</v>
      </c>
      <c r="Y39298">
        <v>19</v>
      </c>
      <c r="Z39298">
        <v>19</v>
      </c>
      <c r="AA39298">
        <v>19</v>
      </c>
      <c r="AB39298">
        <v>19</v>
      </c>
      <c r="AC39298">
        <v>19</v>
      </c>
      <c r="AD39298">
        <v>20</v>
      </c>
      <c r="AE39298">
        <v>20</v>
      </c>
      <c r="AF39298">
        <v>20</v>
      </c>
      <c r="AG39298">
        <v>20</v>
      </c>
      <c r="AH39298">
        <v>21</v>
      </c>
      <c r="AI39298">
        <v>21</v>
      </c>
      <c r="AJ39298">
        <v>21</v>
      </c>
      <c r="AK39298">
        <v>21</v>
      </c>
      <c r="AL39298">
        <v>22</v>
      </c>
      <c r="AM39298">
        <v>22</v>
      </c>
      <c r="AN39298">
        <v>22</v>
      </c>
      <c r="AO39298">
        <v>22</v>
      </c>
      <c r="AP39298">
        <v>22</v>
      </c>
      <c r="AQ39298">
        <v>22</v>
      </c>
    </row>
    <row r="39299" spans="1:43">
      <c r="A39299" t="s">
        <v>24379</v>
      </c>
      <c r="B39299" t="s">
        <v>24380</v>
      </c>
      <c r="C39299" t="s">
        <v>24361</v>
      </c>
      <c r="D39299" t="s">
        <v>24362</v>
      </c>
      <c r="E39299" t="s">
        <v>24327</v>
      </c>
      <c r="F39299" t="s">
        <v>24328</v>
      </c>
      <c r="G39299" t="s">
        <v>11612</v>
      </c>
      <c r="H39299" t="s">
        <v>11613</v>
      </c>
      <c r="I39299" s="2">
        <v>0</v>
      </c>
      <c r="J39299" s="2">
        <v>0</v>
      </c>
      <c r="K39299" s="2">
        <v>1</v>
      </c>
      <c r="L39299" t="s">
        <v>995</v>
      </c>
      <c r="M39299" t="s">
        <v>87</v>
      </c>
      <c r="N39299" t="s">
        <v>88</v>
      </c>
      <c r="O39299" t="s">
        <v>85</v>
      </c>
      <c r="P39299" t="s">
        <v>86</v>
      </c>
      <c r="Q39299">
        <v>17</v>
      </c>
      <c r="R39299">
        <v>18</v>
      </c>
      <c r="S39299">
        <v>18</v>
      </c>
      <c r="T39299">
        <v>18</v>
      </c>
      <c r="U39299">
        <v>18</v>
      </c>
      <c r="V39299">
        <v>18</v>
      </c>
      <c r="W39299">
        <v>18</v>
      </c>
      <c r="X39299">
        <v>18</v>
      </c>
      <c r="Y39299">
        <v>18</v>
      </c>
      <c r="Z39299">
        <v>18</v>
      </c>
      <c r="AA39299">
        <v>18</v>
      </c>
      <c r="AB39299">
        <v>18</v>
      </c>
      <c r="AC39299">
        <v>18</v>
      </c>
      <c r="AD39299">
        <v>19</v>
      </c>
      <c r="AE39299">
        <v>19</v>
      </c>
      <c r="AF39299">
        <v>19</v>
      </c>
      <c r="AG39299">
        <v>19</v>
      </c>
      <c r="AH39299">
        <v>19</v>
      </c>
      <c r="AI39299">
        <v>19</v>
      </c>
      <c r="AJ39299">
        <v>19</v>
      </c>
      <c r="AK39299">
        <v>19</v>
      </c>
      <c r="AL39299">
        <v>19</v>
      </c>
      <c r="AM39299">
        <v>20</v>
      </c>
      <c r="AN39299">
        <v>20</v>
      </c>
      <c r="AO39299">
        <v>20</v>
      </c>
      <c r="AP39299">
        <v>20</v>
      </c>
      <c r="AQ39299">
        <v>20</v>
      </c>
    </row>
    <row r="39300" spans="1:43">
      <c r="A39300" t="s">
        <v>24379</v>
      </c>
      <c r="B39300" t="s">
        <v>24380</v>
      </c>
      <c r="C39300" t="s">
        <v>24361</v>
      </c>
      <c r="D39300" t="s">
        <v>24362</v>
      </c>
      <c r="E39300" t="s">
        <v>24327</v>
      </c>
      <c r="F39300" t="s">
        <v>24328</v>
      </c>
      <c r="G39300" t="s">
        <v>11612</v>
      </c>
      <c r="H39300" t="s">
        <v>11613</v>
      </c>
      <c r="I39300" s="2">
        <v>0</v>
      </c>
      <c r="J39300" s="2">
        <v>0</v>
      </c>
      <c r="K39300" s="2">
        <v>1</v>
      </c>
      <c r="L39300" t="s">
        <v>995</v>
      </c>
      <c r="M39300" t="s">
        <v>89</v>
      </c>
      <c r="N39300" t="s">
        <v>90</v>
      </c>
      <c r="O39300" t="s">
        <v>85</v>
      </c>
      <c r="P39300" t="s">
        <v>86</v>
      </c>
      <c r="Q39300">
        <v>17</v>
      </c>
      <c r="R39300">
        <v>17</v>
      </c>
      <c r="S39300">
        <v>18</v>
      </c>
      <c r="T39300">
        <v>18</v>
      </c>
      <c r="U39300">
        <v>18</v>
      </c>
      <c r="V39300">
        <v>19</v>
      </c>
      <c r="W39300">
        <v>19</v>
      </c>
      <c r="X39300">
        <v>19</v>
      </c>
      <c r="Y39300">
        <v>20</v>
      </c>
      <c r="Z39300">
        <v>20</v>
      </c>
      <c r="AA39300">
        <v>20</v>
      </c>
      <c r="AB39300">
        <v>21</v>
      </c>
      <c r="AC39300">
        <v>21</v>
      </c>
      <c r="AD39300">
        <v>21</v>
      </c>
      <c r="AE39300">
        <v>21</v>
      </c>
      <c r="AF39300">
        <v>21</v>
      </c>
      <c r="AG39300">
        <v>21</v>
      </c>
      <c r="AH39300">
        <v>21</v>
      </c>
      <c r="AI39300">
        <v>22</v>
      </c>
      <c r="AJ39300">
        <v>22</v>
      </c>
      <c r="AK39300">
        <v>22</v>
      </c>
      <c r="AL39300">
        <v>22</v>
      </c>
      <c r="AM39300">
        <v>22</v>
      </c>
      <c r="AN39300">
        <v>22</v>
      </c>
      <c r="AO39300">
        <v>22</v>
      </c>
      <c r="AP39300">
        <v>22</v>
      </c>
      <c r="AQ39300">
        <v>22</v>
      </c>
    </row>
    <row r="39301" spans="1:43">
      <c r="A39301" t="s">
        <v>24379</v>
      </c>
      <c r="B39301" t="s">
        <v>24380</v>
      </c>
      <c r="C39301" t="s">
        <v>24361</v>
      </c>
      <c r="D39301" t="s">
        <v>24362</v>
      </c>
      <c r="E39301" t="s">
        <v>24327</v>
      </c>
      <c r="F39301" t="s">
        <v>24328</v>
      </c>
      <c r="G39301" t="s">
        <v>11612</v>
      </c>
      <c r="H39301" t="s">
        <v>11613</v>
      </c>
      <c r="I39301" s="2">
        <v>0</v>
      </c>
      <c r="J39301" s="2">
        <v>0</v>
      </c>
      <c r="K39301" s="2">
        <v>1</v>
      </c>
      <c r="L39301" t="s">
        <v>995</v>
      </c>
      <c r="M39301" t="s">
        <v>83</v>
      </c>
      <c r="N39301" t="s">
        <v>91</v>
      </c>
      <c r="O39301" t="s">
        <v>85</v>
      </c>
      <c r="P39301" t="s">
        <v>86</v>
      </c>
      <c r="Q39301">
        <v>17</v>
      </c>
      <c r="R39301">
        <v>17</v>
      </c>
      <c r="S39301">
        <v>17</v>
      </c>
      <c r="T39301">
        <v>17</v>
      </c>
      <c r="U39301">
        <v>18</v>
      </c>
      <c r="V39301">
        <v>18</v>
      </c>
      <c r="W39301">
        <v>18</v>
      </c>
      <c r="X39301">
        <v>18</v>
      </c>
      <c r="Y39301">
        <v>19</v>
      </c>
      <c r="Z39301">
        <v>19</v>
      </c>
      <c r="AA39301">
        <v>19</v>
      </c>
      <c r="AB39301">
        <v>19</v>
      </c>
      <c r="AC39301">
        <v>19</v>
      </c>
      <c r="AD39301">
        <v>20</v>
      </c>
      <c r="AE39301">
        <v>20</v>
      </c>
      <c r="AF39301">
        <v>20</v>
      </c>
      <c r="AG39301">
        <v>20</v>
      </c>
      <c r="AH39301">
        <v>21</v>
      </c>
      <c r="AI39301">
        <v>21</v>
      </c>
      <c r="AJ39301">
        <v>21</v>
      </c>
      <c r="AK39301">
        <v>21</v>
      </c>
      <c r="AL39301">
        <v>22</v>
      </c>
      <c r="AM39301">
        <v>22</v>
      </c>
      <c r="AN39301">
        <v>22</v>
      </c>
      <c r="AO39301">
        <v>22</v>
      </c>
      <c r="AP39301">
        <v>22</v>
      </c>
      <c r="AQ39301">
        <v>22</v>
      </c>
    </row>
    <row r="39302" spans="1:43">
      <c r="A39302" t="s">
        <v>24381</v>
      </c>
      <c r="B39302" t="s">
        <v>24382</v>
      </c>
      <c r="C39302" t="s">
        <v>24347</v>
      </c>
      <c r="D39302" t="s">
        <v>24348</v>
      </c>
      <c r="E39302" t="s">
        <v>24327</v>
      </c>
      <c r="F39302" t="s">
        <v>24328</v>
      </c>
      <c r="G39302" t="s">
        <v>11612</v>
      </c>
      <c r="H39302" t="s">
        <v>11613</v>
      </c>
      <c r="I39302" s="2">
        <v>0</v>
      </c>
      <c r="J39302" s="2">
        <v>0</v>
      </c>
      <c r="K39302" s="2">
        <v>1</v>
      </c>
      <c r="L39302" t="s">
        <v>995</v>
      </c>
      <c r="M39302" t="s">
        <v>83</v>
      </c>
      <c r="N39302" t="s">
        <v>84</v>
      </c>
      <c r="O39302" t="s">
        <v>85</v>
      </c>
      <c r="P39302" t="s">
        <v>86</v>
      </c>
      <c r="Q39302">
        <v>55</v>
      </c>
      <c r="R39302">
        <v>56</v>
      </c>
      <c r="S39302">
        <v>57</v>
      </c>
      <c r="T39302">
        <v>58</v>
      </c>
      <c r="U39302">
        <v>58</v>
      </c>
      <c r="V39302">
        <v>59</v>
      </c>
      <c r="W39302">
        <v>60</v>
      </c>
      <c r="X39302">
        <v>61</v>
      </c>
      <c r="Y39302">
        <v>62</v>
      </c>
      <c r="Z39302">
        <v>62</v>
      </c>
      <c r="AA39302">
        <v>63</v>
      </c>
      <c r="AB39302">
        <v>64</v>
      </c>
      <c r="AC39302">
        <v>65</v>
      </c>
      <c r="AD39302">
        <v>66</v>
      </c>
      <c r="AE39302">
        <v>67</v>
      </c>
      <c r="AF39302">
        <v>68</v>
      </c>
      <c r="AG39302">
        <v>69</v>
      </c>
      <c r="AH39302">
        <v>69</v>
      </c>
      <c r="AI39302">
        <v>70</v>
      </c>
      <c r="AJ39302">
        <v>71</v>
      </c>
      <c r="AK39302">
        <v>72</v>
      </c>
      <c r="AL39302">
        <v>73</v>
      </c>
      <c r="AM39302">
        <v>73</v>
      </c>
      <c r="AN39302">
        <v>74</v>
      </c>
      <c r="AO39302">
        <v>74</v>
      </c>
      <c r="AP39302">
        <v>75</v>
      </c>
      <c r="AQ39302">
        <v>75</v>
      </c>
    </row>
    <row r="39303" spans="1:43">
      <c r="A39303" t="s">
        <v>24381</v>
      </c>
      <c r="B39303" t="s">
        <v>24382</v>
      </c>
      <c r="C39303" t="s">
        <v>24347</v>
      </c>
      <c r="D39303" t="s">
        <v>24348</v>
      </c>
      <c r="E39303" t="s">
        <v>24327</v>
      </c>
      <c r="F39303" t="s">
        <v>24328</v>
      </c>
      <c r="G39303" t="s">
        <v>11612</v>
      </c>
      <c r="H39303" t="s">
        <v>11613</v>
      </c>
      <c r="I39303" s="2">
        <v>0</v>
      </c>
      <c r="J39303" s="2">
        <v>0</v>
      </c>
      <c r="K39303" s="2">
        <v>1</v>
      </c>
      <c r="L39303" t="s">
        <v>995</v>
      </c>
      <c r="M39303" t="s">
        <v>87</v>
      </c>
      <c r="N39303" t="s">
        <v>88</v>
      </c>
      <c r="O39303" t="s">
        <v>85</v>
      </c>
      <c r="P39303" t="s">
        <v>86</v>
      </c>
      <c r="Q39303">
        <v>55</v>
      </c>
      <c r="R39303">
        <v>56</v>
      </c>
      <c r="S39303">
        <v>56</v>
      </c>
      <c r="T39303">
        <v>56</v>
      </c>
      <c r="U39303">
        <v>57</v>
      </c>
      <c r="V39303">
        <v>57</v>
      </c>
      <c r="W39303">
        <v>57</v>
      </c>
      <c r="X39303">
        <v>58</v>
      </c>
      <c r="Y39303">
        <v>58</v>
      </c>
      <c r="Z39303">
        <v>58</v>
      </c>
      <c r="AA39303">
        <v>59</v>
      </c>
      <c r="AB39303">
        <v>59</v>
      </c>
      <c r="AC39303">
        <v>59</v>
      </c>
      <c r="AD39303">
        <v>60</v>
      </c>
      <c r="AE39303">
        <v>60</v>
      </c>
      <c r="AF39303">
        <v>60</v>
      </c>
      <c r="AG39303">
        <v>61</v>
      </c>
      <c r="AH39303">
        <v>61</v>
      </c>
      <c r="AI39303">
        <v>62</v>
      </c>
      <c r="AJ39303">
        <v>62</v>
      </c>
      <c r="AK39303">
        <v>63</v>
      </c>
      <c r="AL39303">
        <v>63</v>
      </c>
      <c r="AM39303">
        <v>64</v>
      </c>
      <c r="AN39303">
        <v>64</v>
      </c>
      <c r="AO39303">
        <v>65</v>
      </c>
      <c r="AP39303">
        <v>65</v>
      </c>
      <c r="AQ39303">
        <v>66</v>
      </c>
    </row>
    <row r="39304" spans="1:43">
      <c r="A39304" t="s">
        <v>24381</v>
      </c>
      <c r="B39304" t="s">
        <v>24382</v>
      </c>
      <c r="C39304" t="s">
        <v>24347</v>
      </c>
      <c r="D39304" t="s">
        <v>24348</v>
      </c>
      <c r="E39304" t="s">
        <v>24327</v>
      </c>
      <c r="F39304" t="s">
        <v>24328</v>
      </c>
      <c r="G39304" t="s">
        <v>11612</v>
      </c>
      <c r="H39304" t="s">
        <v>11613</v>
      </c>
      <c r="I39304" s="2">
        <v>0</v>
      </c>
      <c r="J39304" s="2">
        <v>0</v>
      </c>
      <c r="K39304" s="2">
        <v>1</v>
      </c>
      <c r="L39304" t="s">
        <v>995</v>
      </c>
      <c r="M39304" t="s">
        <v>89</v>
      </c>
      <c r="N39304" t="s">
        <v>90</v>
      </c>
      <c r="O39304" t="s">
        <v>85</v>
      </c>
      <c r="P39304" t="s">
        <v>86</v>
      </c>
      <c r="Q39304">
        <v>55</v>
      </c>
      <c r="R39304">
        <v>57</v>
      </c>
      <c r="S39304">
        <v>58</v>
      </c>
      <c r="T39304">
        <v>59</v>
      </c>
      <c r="U39304">
        <v>61</v>
      </c>
      <c r="V39304">
        <v>62</v>
      </c>
      <c r="W39304">
        <v>63</v>
      </c>
      <c r="X39304">
        <v>64</v>
      </c>
      <c r="Y39304">
        <v>65</v>
      </c>
      <c r="Z39304">
        <v>66</v>
      </c>
      <c r="AA39304">
        <v>67</v>
      </c>
      <c r="AB39304">
        <v>69</v>
      </c>
      <c r="AC39304">
        <v>70</v>
      </c>
      <c r="AD39304">
        <v>71</v>
      </c>
      <c r="AE39304">
        <v>72</v>
      </c>
      <c r="AF39304">
        <v>72</v>
      </c>
      <c r="AG39304">
        <v>72</v>
      </c>
      <c r="AH39304">
        <v>73</v>
      </c>
      <c r="AI39304">
        <v>73</v>
      </c>
      <c r="AJ39304">
        <v>73</v>
      </c>
      <c r="AK39304">
        <v>74</v>
      </c>
      <c r="AL39304">
        <v>74</v>
      </c>
      <c r="AM39304">
        <v>74</v>
      </c>
      <c r="AN39304">
        <v>75</v>
      </c>
      <c r="AO39304">
        <v>75</v>
      </c>
      <c r="AP39304">
        <v>76</v>
      </c>
      <c r="AQ39304">
        <v>76</v>
      </c>
    </row>
    <row r="39305" spans="1:43">
      <c r="A39305" t="s">
        <v>24381</v>
      </c>
      <c r="B39305" t="s">
        <v>24382</v>
      </c>
      <c r="C39305" t="s">
        <v>24347</v>
      </c>
      <c r="D39305" t="s">
        <v>24348</v>
      </c>
      <c r="E39305" t="s">
        <v>24327</v>
      </c>
      <c r="F39305" t="s">
        <v>24328</v>
      </c>
      <c r="G39305" t="s">
        <v>11612</v>
      </c>
      <c r="H39305" t="s">
        <v>11613</v>
      </c>
      <c r="I39305" s="2">
        <v>0</v>
      </c>
      <c r="J39305" s="2">
        <v>0</v>
      </c>
      <c r="K39305" s="2">
        <v>1</v>
      </c>
      <c r="L39305" t="s">
        <v>995</v>
      </c>
      <c r="M39305" t="s">
        <v>83</v>
      </c>
      <c r="N39305" t="s">
        <v>91</v>
      </c>
      <c r="O39305" t="s">
        <v>85</v>
      </c>
      <c r="P39305" t="s">
        <v>86</v>
      </c>
      <c r="Q39305">
        <v>55</v>
      </c>
      <c r="R39305">
        <v>56</v>
      </c>
      <c r="S39305">
        <v>57</v>
      </c>
      <c r="T39305">
        <v>58</v>
      </c>
      <c r="U39305">
        <v>58</v>
      </c>
      <c r="V39305">
        <v>59</v>
      </c>
      <c r="W39305">
        <v>60</v>
      </c>
      <c r="X39305">
        <v>61</v>
      </c>
      <c r="Y39305">
        <v>62</v>
      </c>
      <c r="Z39305">
        <v>62</v>
      </c>
      <c r="AA39305">
        <v>63</v>
      </c>
      <c r="AB39305">
        <v>64</v>
      </c>
      <c r="AC39305">
        <v>65</v>
      </c>
      <c r="AD39305">
        <v>66</v>
      </c>
      <c r="AE39305">
        <v>67</v>
      </c>
      <c r="AF39305">
        <v>68</v>
      </c>
      <c r="AG39305">
        <v>69</v>
      </c>
      <c r="AH39305">
        <v>69</v>
      </c>
      <c r="AI39305">
        <v>70</v>
      </c>
      <c r="AJ39305">
        <v>71</v>
      </c>
      <c r="AK39305">
        <v>72</v>
      </c>
      <c r="AL39305">
        <v>73</v>
      </c>
      <c r="AM39305">
        <v>73</v>
      </c>
      <c r="AN39305">
        <v>74</v>
      </c>
      <c r="AO39305">
        <v>74</v>
      </c>
      <c r="AP39305">
        <v>75</v>
      </c>
      <c r="AQ39305">
        <v>75</v>
      </c>
    </row>
    <row r="39306" spans="1:43">
      <c r="A39306" t="s">
        <v>24383</v>
      </c>
      <c r="B39306" t="s">
        <v>24384</v>
      </c>
      <c r="C39306" t="s">
        <v>24355</v>
      </c>
      <c r="D39306" t="s">
        <v>24356</v>
      </c>
      <c r="E39306" t="s">
        <v>24327</v>
      </c>
      <c r="F39306" t="s">
        <v>24328</v>
      </c>
      <c r="G39306" t="s">
        <v>11612</v>
      </c>
      <c r="H39306" t="s">
        <v>11613</v>
      </c>
      <c r="I39306" s="2">
        <v>0</v>
      </c>
      <c r="J39306" s="2">
        <v>0</v>
      </c>
      <c r="K39306" s="2">
        <v>1</v>
      </c>
      <c r="L39306" t="s">
        <v>995</v>
      </c>
      <c r="M39306" t="s">
        <v>83</v>
      </c>
      <c r="N39306" t="s">
        <v>84</v>
      </c>
      <c r="O39306" t="s">
        <v>85</v>
      </c>
      <c r="P39306" t="s">
        <v>86</v>
      </c>
      <c r="Q39306">
        <v>39</v>
      </c>
      <c r="R39306">
        <v>39</v>
      </c>
      <c r="S39306">
        <v>40</v>
      </c>
      <c r="T39306">
        <v>41</v>
      </c>
      <c r="U39306">
        <v>41</v>
      </c>
      <c r="V39306">
        <v>42</v>
      </c>
      <c r="W39306">
        <v>42</v>
      </c>
      <c r="X39306">
        <v>43</v>
      </c>
      <c r="Y39306">
        <v>44</v>
      </c>
      <c r="Z39306">
        <v>44</v>
      </c>
      <c r="AA39306">
        <v>45</v>
      </c>
      <c r="AB39306">
        <v>45</v>
      </c>
      <c r="AC39306">
        <v>46</v>
      </c>
      <c r="AD39306">
        <v>47</v>
      </c>
      <c r="AE39306">
        <v>47</v>
      </c>
      <c r="AF39306">
        <v>48</v>
      </c>
      <c r="AG39306">
        <v>48</v>
      </c>
      <c r="AH39306">
        <v>49</v>
      </c>
      <c r="AI39306">
        <v>50</v>
      </c>
      <c r="AJ39306">
        <v>50</v>
      </c>
      <c r="AK39306">
        <v>51</v>
      </c>
      <c r="AL39306">
        <v>52</v>
      </c>
      <c r="AM39306">
        <v>52</v>
      </c>
      <c r="AN39306">
        <v>52</v>
      </c>
      <c r="AO39306">
        <v>52</v>
      </c>
      <c r="AP39306">
        <v>53</v>
      </c>
      <c r="AQ39306">
        <v>53</v>
      </c>
    </row>
    <row r="39307" spans="1:43">
      <c r="A39307" t="s">
        <v>24383</v>
      </c>
      <c r="B39307" t="s">
        <v>24384</v>
      </c>
      <c r="C39307" t="s">
        <v>24355</v>
      </c>
      <c r="D39307" t="s">
        <v>24356</v>
      </c>
      <c r="E39307" t="s">
        <v>24327</v>
      </c>
      <c r="F39307" t="s">
        <v>24328</v>
      </c>
      <c r="G39307" t="s">
        <v>11612</v>
      </c>
      <c r="H39307" t="s">
        <v>11613</v>
      </c>
      <c r="I39307" s="2">
        <v>0</v>
      </c>
      <c r="J39307" s="2">
        <v>0</v>
      </c>
      <c r="K39307" s="2">
        <v>1</v>
      </c>
      <c r="L39307" t="s">
        <v>995</v>
      </c>
      <c r="M39307" t="s">
        <v>87</v>
      </c>
      <c r="N39307" t="s">
        <v>88</v>
      </c>
      <c r="O39307" t="s">
        <v>85</v>
      </c>
      <c r="P39307" t="s">
        <v>86</v>
      </c>
      <c r="Q39307">
        <v>39</v>
      </c>
      <c r="R39307">
        <v>40</v>
      </c>
      <c r="S39307">
        <v>40</v>
      </c>
      <c r="T39307">
        <v>40</v>
      </c>
      <c r="U39307">
        <v>40</v>
      </c>
      <c r="V39307">
        <v>41</v>
      </c>
      <c r="W39307">
        <v>41</v>
      </c>
      <c r="X39307">
        <v>41</v>
      </c>
      <c r="Y39307">
        <v>41</v>
      </c>
      <c r="Z39307">
        <v>42</v>
      </c>
      <c r="AA39307">
        <v>42</v>
      </c>
      <c r="AB39307">
        <v>42</v>
      </c>
      <c r="AC39307">
        <v>42</v>
      </c>
      <c r="AD39307">
        <v>42</v>
      </c>
      <c r="AE39307">
        <v>43</v>
      </c>
      <c r="AF39307">
        <v>43</v>
      </c>
      <c r="AG39307">
        <v>43</v>
      </c>
      <c r="AH39307">
        <v>44</v>
      </c>
      <c r="AI39307">
        <v>44</v>
      </c>
      <c r="AJ39307">
        <v>44</v>
      </c>
      <c r="AK39307">
        <v>45</v>
      </c>
      <c r="AL39307">
        <v>45</v>
      </c>
      <c r="AM39307">
        <v>45</v>
      </c>
      <c r="AN39307">
        <v>46</v>
      </c>
      <c r="AO39307">
        <v>46</v>
      </c>
      <c r="AP39307">
        <v>46</v>
      </c>
      <c r="AQ39307">
        <v>47</v>
      </c>
    </row>
    <row r="39308" spans="1:43">
      <c r="A39308" t="s">
        <v>24383</v>
      </c>
      <c r="B39308" t="s">
        <v>24384</v>
      </c>
      <c r="C39308" t="s">
        <v>24355</v>
      </c>
      <c r="D39308" t="s">
        <v>24356</v>
      </c>
      <c r="E39308" t="s">
        <v>24327</v>
      </c>
      <c r="F39308" t="s">
        <v>24328</v>
      </c>
      <c r="G39308" t="s">
        <v>11612</v>
      </c>
      <c r="H39308" t="s">
        <v>11613</v>
      </c>
      <c r="I39308" s="2">
        <v>0</v>
      </c>
      <c r="J39308" s="2">
        <v>0</v>
      </c>
      <c r="K39308" s="2">
        <v>1</v>
      </c>
      <c r="L39308" t="s">
        <v>995</v>
      </c>
      <c r="M39308" t="s">
        <v>89</v>
      </c>
      <c r="N39308" t="s">
        <v>90</v>
      </c>
      <c r="O39308" t="s">
        <v>85</v>
      </c>
      <c r="P39308" t="s">
        <v>86</v>
      </c>
      <c r="Q39308">
        <v>39</v>
      </c>
      <c r="R39308">
        <v>40</v>
      </c>
      <c r="S39308">
        <v>41</v>
      </c>
      <c r="T39308">
        <v>42</v>
      </c>
      <c r="U39308">
        <v>43</v>
      </c>
      <c r="V39308">
        <v>44</v>
      </c>
      <c r="W39308">
        <v>45</v>
      </c>
      <c r="X39308">
        <v>45</v>
      </c>
      <c r="Y39308">
        <v>46</v>
      </c>
      <c r="Z39308">
        <v>47</v>
      </c>
      <c r="AA39308">
        <v>48</v>
      </c>
      <c r="AB39308">
        <v>48</v>
      </c>
      <c r="AC39308">
        <v>49</v>
      </c>
      <c r="AD39308">
        <v>50</v>
      </c>
      <c r="AE39308">
        <v>51</v>
      </c>
      <c r="AF39308">
        <v>51</v>
      </c>
      <c r="AG39308">
        <v>51</v>
      </c>
      <c r="AH39308">
        <v>51</v>
      </c>
      <c r="AI39308">
        <v>52</v>
      </c>
      <c r="AJ39308">
        <v>52</v>
      </c>
      <c r="AK39308">
        <v>52</v>
      </c>
      <c r="AL39308">
        <v>52</v>
      </c>
      <c r="AM39308">
        <v>53</v>
      </c>
      <c r="AN39308">
        <v>53</v>
      </c>
      <c r="AO39308">
        <v>53</v>
      </c>
      <c r="AP39308">
        <v>54</v>
      </c>
      <c r="AQ39308">
        <v>54</v>
      </c>
    </row>
    <row r="39309" spans="1:43">
      <c r="A39309" t="s">
        <v>24383</v>
      </c>
      <c r="B39309" t="s">
        <v>24384</v>
      </c>
      <c r="C39309" t="s">
        <v>24355</v>
      </c>
      <c r="D39309" t="s">
        <v>24356</v>
      </c>
      <c r="E39309" t="s">
        <v>24327</v>
      </c>
      <c r="F39309" t="s">
        <v>24328</v>
      </c>
      <c r="G39309" t="s">
        <v>11612</v>
      </c>
      <c r="H39309" t="s">
        <v>11613</v>
      </c>
      <c r="I39309" s="2">
        <v>0</v>
      </c>
      <c r="J39309" s="2">
        <v>0</v>
      </c>
      <c r="K39309" s="2">
        <v>1</v>
      </c>
      <c r="L39309" t="s">
        <v>995</v>
      </c>
      <c r="M39309" t="s">
        <v>83</v>
      </c>
      <c r="N39309" t="s">
        <v>91</v>
      </c>
      <c r="O39309" t="s">
        <v>85</v>
      </c>
      <c r="P39309" t="s">
        <v>86</v>
      </c>
      <c r="Q39309">
        <v>39</v>
      </c>
      <c r="R39309">
        <v>39</v>
      </c>
      <c r="S39309">
        <v>40</v>
      </c>
      <c r="T39309">
        <v>41</v>
      </c>
      <c r="U39309">
        <v>41</v>
      </c>
      <c r="V39309">
        <v>42</v>
      </c>
      <c r="W39309">
        <v>42</v>
      </c>
      <c r="X39309">
        <v>43</v>
      </c>
      <c r="Y39309">
        <v>44</v>
      </c>
      <c r="Z39309">
        <v>44</v>
      </c>
      <c r="AA39309">
        <v>45</v>
      </c>
      <c r="AB39309">
        <v>45</v>
      </c>
      <c r="AC39309">
        <v>46</v>
      </c>
      <c r="AD39309">
        <v>47</v>
      </c>
      <c r="AE39309">
        <v>47</v>
      </c>
      <c r="AF39309">
        <v>48</v>
      </c>
      <c r="AG39309">
        <v>48</v>
      </c>
      <c r="AH39309">
        <v>49</v>
      </c>
      <c r="AI39309">
        <v>50</v>
      </c>
      <c r="AJ39309">
        <v>50</v>
      </c>
      <c r="AK39309">
        <v>51</v>
      </c>
      <c r="AL39309">
        <v>52</v>
      </c>
      <c r="AM39309">
        <v>52</v>
      </c>
      <c r="AN39309">
        <v>52</v>
      </c>
      <c r="AO39309">
        <v>52</v>
      </c>
      <c r="AP39309">
        <v>53</v>
      </c>
      <c r="AQ39309">
        <v>53</v>
      </c>
    </row>
    <row r="39310" spans="1:43">
      <c r="A39310" t="s">
        <v>24385</v>
      </c>
      <c r="B39310" t="s">
        <v>24386</v>
      </c>
      <c r="C39310" t="s">
        <v>24365</v>
      </c>
      <c r="D39310" t="s">
        <v>24366</v>
      </c>
      <c r="E39310" t="s">
        <v>24327</v>
      </c>
      <c r="F39310" t="s">
        <v>24328</v>
      </c>
      <c r="G39310" t="s">
        <v>11612</v>
      </c>
      <c r="H39310" t="s">
        <v>11613</v>
      </c>
      <c r="I39310" s="2">
        <v>0</v>
      </c>
      <c r="J39310" s="2">
        <v>0</v>
      </c>
      <c r="K39310" s="2">
        <v>1</v>
      </c>
      <c r="L39310" t="s">
        <v>995</v>
      </c>
      <c r="M39310" t="s">
        <v>83</v>
      </c>
      <c r="N39310" t="s">
        <v>84</v>
      </c>
      <c r="O39310" t="s">
        <v>85</v>
      </c>
      <c r="P39310" t="s">
        <v>86</v>
      </c>
      <c r="Q39310">
        <v>12</v>
      </c>
      <c r="R39310">
        <v>12</v>
      </c>
      <c r="S39310">
        <v>13</v>
      </c>
      <c r="T39310">
        <v>13</v>
      </c>
      <c r="U39310">
        <v>13</v>
      </c>
      <c r="V39310">
        <v>13</v>
      </c>
      <c r="W39310">
        <v>13</v>
      </c>
      <c r="X39310">
        <v>14</v>
      </c>
      <c r="Y39310">
        <v>14</v>
      </c>
      <c r="Z39310">
        <v>14</v>
      </c>
      <c r="AA39310">
        <v>14</v>
      </c>
      <c r="AB39310">
        <v>14</v>
      </c>
      <c r="AC39310">
        <v>15</v>
      </c>
      <c r="AD39310">
        <v>15</v>
      </c>
      <c r="AE39310">
        <v>15</v>
      </c>
      <c r="AF39310">
        <v>15</v>
      </c>
      <c r="AG39310">
        <v>15</v>
      </c>
      <c r="AH39310">
        <v>15</v>
      </c>
      <c r="AI39310">
        <v>16</v>
      </c>
      <c r="AJ39310">
        <v>16</v>
      </c>
      <c r="AK39310">
        <v>16</v>
      </c>
      <c r="AL39310">
        <v>16</v>
      </c>
      <c r="AM39310">
        <v>16</v>
      </c>
      <c r="AN39310">
        <v>16</v>
      </c>
      <c r="AO39310">
        <v>17</v>
      </c>
      <c r="AP39310">
        <v>17</v>
      </c>
      <c r="AQ39310">
        <v>17</v>
      </c>
    </row>
    <row r="39311" spans="1:43">
      <c r="A39311" t="s">
        <v>24385</v>
      </c>
      <c r="B39311" t="s">
        <v>24386</v>
      </c>
      <c r="C39311" t="s">
        <v>24365</v>
      </c>
      <c r="D39311" t="s">
        <v>24366</v>
      </c>
      <c r="E39311" t="s">
        <v>24327</v>
      </c>
      <c r="F39311" t="s">
        <v>24328</v>
      </c>
      <c r="G39311" t="s">
        <v>11612</v>
      </c>
      <c r="H39311" t="s">
        <v>11613</v>
      </c>
      <c r="I39311" s="2">
        <v>0</v>
      </c>
      <c r="J39311" s="2">
        <v>0</v>
      </c>
      <c r="K39311" s="2">
        <v>1</v>
      </c>
      <c r="L39311" t="s">
        <v>995</v>
      </c>
      <c r="M39311" t="s">
        <v>87</v>
      </c>
      <c r="N39311" t="s">
        <v>88</v>
      </c>
      <c r="O39311" t="s">
        <v>85</v>
      </c>
      <c r="P39311" t="s">
        <v>86</v>
      </c>
      <c r="Q39311">
        <v>12</v>
      </c>
      <c r="R39311">
        <v>12</v>
      </c>
      <c r="S39311">
        <v>12</v>
      </c>
      <c r="T39311">
        <v>12</v>
      </c>
      <c r="U39311">
        <v>12</v>
      </c>
      <c r="V39311">
        <v>13</v>
      </c>
      <c r="W39311">
        <v>13</v>
      </c>
      <c r="X39311">
        <v>13</v>
      </c>
      <c r="Y39311">
        <v>13</v>
      </c>
      <c r="Z39311">
        <v>13</v>
      </c>
      <c r="AA39311">
        <v>13</v>
      </c>
      <c r="AB39311">
        <v>13</v>
      </c>
      <c r="AC39311">
        <v>13</v>
      </c>
      <c r="AD39311">
        <v>13</v>
      </c>
      <c r="AE39311">
        <v>13</v>
      </c>
      <c r="AF39311">
        <v>13</v>
      </c>
      <c r="AG39311">
        <v>13</v>
      </c>
      <c r="AH39311">
        <v>13</v>
      </c>
      <c r="AI39311">
        <v>14</v>
      </c>
      <c r="AJ39311">
        <v>14</v>
      </c>
      <c r="AK39311">
        <v>14</v>
      </c>
      <c r="AL39311">
        <v>14</v>
      </c>
      <c r="AM39311">
        <v>14</v>
      </c>
      <c r="AN39311">
        <v>14</v>
      </c>
      <c r="AO39311">
        <v>14</v>
      </c>
      <c r="AP39311">
        <v>14</v>
      </c>
      <c r="AQ39311">
        <v>14</v>
      </c>
    </row>
    <row r="39312" spans="1:43">
      <c r="A39312" t="s">
        <v>24385</v>
      </c>
      <c r="B39312" t="s">
        <v>24386</v>
      </c>
      <c r="C39312" t="s">
        <v>24365</v>
      </c>
      <c r="D39312" t="s">
        <v>24366</v>
      </c>
      <c r="E39312" t="s">
        <v>24327</v>
      </c>
      <c r="F39312" t="s">
        <v>24328</v>
      </c>
      <c r="G39312" t="s">
        <v>11612</v>
      </c>
      <c r="H39312" t="s">
        <v>11613</v>
      </c>
      <c r="I39312" s="2">
        <v>0</v>
      </c>
      <c r="J39312" s="2">
        <v>0</v>
      </c>
      <c r="K39312" s="2">
        <v>1</v>
      </c>
      <c r="L39312" t="s">
        <v>995</v>
      </c>
      <c r="M39312" t="s">
        <v>89</v>
      </c>
      <c r="N39312" t="s">
        <v>90</v>
      </c>
      <c r="O39312" t="s">
        <v>85</v>
      </c>
      <c r="P39312" t="s">
        <v>86</v>
      </c>
      <c r="Q39312">
        <v>12</v>
      </c>
      <c r="R39312">
        <v>13</v>
      </c>
      <c r="S39312">
        <v>13</v>
      </c>
      <c r="T39312">
        <v>13</v>
      </c>
      <c r="U39312">
        <v>14</v>
      </c>
      <c r="V39312">
        <v>14</v>
      </c>
      <c r="W39312">
        <v>14</v>
      </c>
      <c r="X39312">
        <v>14</v>
      </c>
      <c r="Y39312">
        <v>15</v>
      </c>
      <c r="Z39312">
        <v>15</v>
      </c>
      <c r="AA39312">
        <v>15</v>
      </c>
      <c r="AB39312">
        <v>15</v>
      </c>
      <c r="AC39312">
        <v>16</v>
      </c>
      <c r="AD39312">
        <v>16</v>
      </c>
      <c r="AE39312">
        <v>16</v>
      </c>
      <c r="AF39312">
        <v>16</v>
      </c>
      <c r="AG39312">
        <v>16</v>
      </c>
      <c r="AH39312">
        <v>16</v>
      </c>
      <c r="AI39312">
        <v>16</v>
      </c>
      <c r="AJ39312">
        <v>16</v>
      </c>
      <c r="AK39312">
        <v>16</v>
      </c>
      <c r="AL39312">
        <v>16</v>
      </c>
      <c r="AM39312">
        <v>17</v>
      </c>
      <c r="AN39312">
        <v>17</v>
      </c>
      <c r="AO39312">
        <v>17</v>
      </c>
      <c r="AP39312">
        <v>17</v>
      </c>
      <c r="AQ39312">
        <v>17</v>
      </c>
    </row>
    <row r="39313" spans="1:43">
      <c r="A39313" t="s">
        <v>24385</v>
      </c>
      <c r="B39313" t="s">
        <v>24386</v>
      </c>
      <c r="C39313" t="s">
        <v>24365</v>
      </c>
      <c r="D39313" t="s">
        <v>24366</v>
      </c>
      <c r="E39313" t="s">
        <v>24327</v>
      </c>
      <c r="F39313" t="s">
        <v>24328</v>
      </c>
      <c r="G39313" t="s">
        <v>11612</v>
      </c>
      <c r="H39313" t="s">
        <v>11613</v>
      </c>
      <c r="I39313" s="2">
        <v>0</v>
      </c>
      <c r="J39313" s="2">
        <v>0</v>
      </c>
      <c r="K39313" s="2">
        <v>1</v>
      </c>
      <c r="L39313" t="s">
        <v>995</v>
      </c>
      <c r="M39313" t="s">
        <v>83</v>
      </c>
      <c r="N39313" t="s">
        <v>91</v>
      </c>
      <c r="O39313" t="s">
        <v>85</v>
      </c>
      <c r="P39313" t="s">
        <v>86</v>
      </c>
      <c r="Q39313">
        <v>12</v>
      </c>
      <c r="R39313">
        <v>12</v>
      </c>
      <c r="S39313">
        <v>13</v>
      </c>
      <c r="T39313">
        <v>13</v>
      </c>
      <c r="U39313">
        <v>13</v>
      </c>
      <c r="V39313">
        <v>13</v>
      </c>
      <c r="W39313">
        <v>13</v>
      </c>
      <c r="X39313">
        <v>14</v>
      </c>
      <c r="Y39313">
        <v>14</v>
      </c>
      <c r="Z39313">
        <v>14</v>
      </c>
      <c r="AA39313">
        <v>14</v>
      </c>
      <c r="AB39313">
        <v>14</v>
      </c>
      <c r="AC39313">
        <v>15</v>
      </c>
      <c r="AD39313">
        <v>15</v>
      </c>
      <c r="AE39313">
        <v>15</v>
      </c>
      <c r="AF39313">
        <v>15</v>
      </c>
      <c r="AG39313">
        <v>15</v>
      </c>
      <c r="AH39313">
        <v>15</v>
      </c>
      <c r="AI39313">
        <v>16</v>
      </c>
      <c r="AJ39313">
        <v>16</v>
      </c>
      <c r="AK39313">
        <v>16</v>
      </c>
      <c r="AL39313">
        <v>16</v>
      </c>
      <c r="AM39313">
        <v>16</v>
      </c>
      <c r="AN39313">
        <v>16</v>
      </c>
      <c r="AO39313">
        <v>17</v>
      </c>
      <c r="AP39313">
        <v>17</v>
      </c>
      <c r="AQ39313">
        <v>17</v>
      </c>
    </row>
    <row r="39314" spans="1:43">
      <c r="A39314" t="s">
        <v>24387</v>
      </c>
      <c r="B39314" t="s">
        <v>24388</v>
      </c>
      <c r="C39314" t="s">
        <v>24365</v>
      </c>
      <c r="D39314" t="s">
        <v>24366</v>
      </c>
      <c r="E39314" t="s">
        <v>24327</v>
      </c>
      <c r="F39314" t="s">
        <v>24328</v>
      </c>
      <c r="G39314" t="s">
        <v>11612</v>
      </c>
      <c r="H39314" t="s">
        <v>11613</v>
      </c>
      <c r="I39314" s="2">
        <v>0</v>
      </c>
      <c r="J39314" s="2">
        <v>0</v>
      </c>
      <c r="K39314" s="2">
        <v>1</v>
      </c>
      <c r="L39314" t="s">
        <v>995</v>
      </c>
      <c r="M39314" t="s">
        <v>83</v>
      </c>
      <c r="N39314" t="s">
        <v>84</v>
      </c>
      <c r="O39314" t="s">
        <v>85</v>
      </c>
      <c r="P39314" t="s">
        <v>86</v>
      </c>
      <c r="Q39314">
        <v>41</v>
      </c>
      <c r="R39314">
        <v>42</v>
      </c>
      <c r="S39314">
        <v>42</v>
      </c>
      <c r="T39314">
        <v>43</v>
      </c>
      <c r="U39314">
        <v>44</v>
      </c>
      <c r="V39314">
        <v>44</v>
      </c>
      <c r="W39314">
        <v>45</v>
      </c>
      <c r="X39314">
        <v>45</v>
      </c>
      <c r="Y39314">
        <v>46</v>
      </c>
      <c r="Z39314">
        <v>47</v>
      </c>
      <c r="AA39314">
        <v>47</v>
      </c>
      <c r="AB39314">
        <v>48</v>
      </c>
      <c r="AC39314">
        <v>48</v>
      </c>
      <c r="AD39314">
        <v>49</v>
      </c>
      <c r="AE39314">
        <v>50</v>
      </c>
      <c r="AF39314">
        <v>50</v>
      </c>
      <c r="AG39314">
        <v>51</v>
      </c>
      <c r="AH39314">
        <v>52</v>
      </c>
      <c r="AI39314">
        <v>52</v>
      </c>
      <c r="AJ39314">
        <v>53</v>
      </c>
      <c r="AK39314">
        <v>54</v>
      </c>
      <c r="AL39314">
        <v>54</v>
      </c>
      <c r="AM39314">
        <v>54</v>
      </c>
      <c r="AN39314">
        <v>55</v>
      </c>
      <c r="AO39314">
        <v>55</v>
      </c>
      <c r="AP39314">
        <v>55</v>
      </c>
      <c r="AQ39314">
        <v>56</v>
      </c>
    </row>
    <row r="39315" spans="1:43">
      <c r="A39315" t="s">
        <v>24387</v>
      </c>
      <c r="B39315" t="s">
        <v>24388</v>
      </c>
      <c r="C39315" t="s">
        <v>24365</v>
      </c>
      <c r="D39315" t="s">
        <v>24366</v>
      </c>
      <c r="E39315" t="s">
        <v>24327</v>
      </c>
      <c r="F39315" t="s">
        <v>24328</v>
      </c>
      <c r="G39315" t="s">
        <v>11612</v>
      </c>
      <c r="H39315" t="s">
        <v>11613</v>
      </c>
      <c r="I39315" s="2">
        <v>0</v>
      </c>
      <c r="J39315" s="2">
        <v>0</v>
      </c>
      <c r="K39315" s="2">
        <v>1</v>
      </c>
      <c r="L39315" t="s">
        <v>995</v>
      </c>
      <c r="M39315" t="s">
        <v>87</v>
      </c>
      <c r="N39315" t="s">
        <v>88</v>
      </c>
      <c r="O39315" t="s">
        <v>85</v>
      </c>
      <c r="P39315" t="s">
        <v>86</v>
      </c>
      <c r="Q39315">
        <v>41</v>
      </c>
      <c r="R39315">
        <v>41</v>
      </c>
      <c r="S39315">
        <v>41</v>
      </c>
      <c r="T39315">
        <v>41</v>
      </c>
      <c r="U39315">
        <v>42</v>
      </c>
      <c r="V39315">
        <v>42</v>
      </c>
      <c r="W39315">
        <v>42</v>
      </c>
      <c r="X39315">
        <v>42</v>
      </c>
      <c r="Y39315">
        <v>42</v>
      </c>
      <c r="Z39315">
        <v>43</v>
      </c>
      <c r="AA39315">
        <v>43</v>
      </c>
      <c r="AB39315">
        <v>43</v>
      </c>
      <c r="AC39315">
        <v>43</v>
      </c>
      <c r="AD39315">
        <v>44</v>
      </c>
      <c r="AE39315">
        <v>44</v>
      </c>
      <c r="AF39315">
        <v>44</v>
      </c>
      <c r="AG39315">
        <v>45</v>
      </c>
      <c r="AH39315">
        <v>45</v>
      </c>
      <c r="AI39315">
        <v>45</v>
      </c>
      <c r="AJ39315">
        <v>46</v>
      </c>
      <c r="AK39315">
        <v>46</v>
      </c>
      <c r="AL39315">
        <v>46</v>
      </c>
      <c r="AM39315">
        <v>47</v>
      </c>
      <c r="AN39315">
        <v>47</v>
      </c>
      <c r="AO39315">
        <v>47</v>
      </c>
      <c r="AP39315">
        <v>48</v>
      </c>
      <c r="AQ39315">
        <v>48</v>
      </c>
    </row>
    <row r="39316" spans="1:43">
      <c r="A39316" t="s">
        <v>24387</v>
      </c>
      <c r="B39316" t="s">
        <v>24388</v>
      </c>
      <c r="C39316" t="s">
        <v>24365</v>
      </c>
      <c r="D39316" t="s">
        <v>24366</v>
      </c>
      <c r="E39316" t="s">
        <v>24327</v>
      </c>
      <c r="F39316" t="s">
        <v>24328</v>
      </c>
      <c r="G39316" t="s">
        <v>11612</v>
      </c>
      <c r="H39316" t="s">
        <v>11613</v>
      </c>
      <c r="I39316" s="2">
        <v>0</v>
      </c>
      <c r="J39316" s="2">
        <v>0</v>
      </c>
      <c r="K39316" s="2">
        <v>1</v>
      </c>
      <c r="L39316" t="s">
        <v>995</v>
      </c>
      <c r="M39316" t="s">
        <v>89</v>
      </c>
      <c r="N39316" t="s">
        <v>90</v>
      </c>
      <c r="O39316" t="s">
        <v>85</v>
      </c>
      <c r="P39316" t="s">
        <v>86</v>
      </c>
      <c r="Q39316">
        <v>41</v>
      </c>
      <c r="R39316">
        <v>42</v>
      </c>
      <c r="S39316">
        <v>43</v>
      </c>
      <c r="T39316">
        <v>44</v>
      </c>
      <c r="U39316">
        <v>45</v>
      </c>
      <c r="V39316">
        <v>46</v>
      </c>
      <c r="W39316">
        <v>47</v>
      </c>
      <c r="X39316">
        <v>48</v>
      </c>
      <c r="Y39316">
        <v>49</v>
      </c>
      <c r="Z39316">
        <v>49</v>
      </c>
      <c r="AA39316">
        <v>50</v>
      </c>
      <c r="AB39316">
        <v>51</v>
      </c>
      <c r="AC39316">
        <v>52</v>
      </c>
      <c r="AD39316">
        <v>53</v>
      </c>
      <c r="AE39316">
        <v>53</v>
      </c>
      <c r="AF39316">
        <v>53</v>
      </c>
      <c r="AG39316">
        <v>54</v>
      </c>
      <c r="AH39316">
        <v>54</v>
      </c>
      <c r="AI39316">
        <v>54</v>
      </c>
      <c r="AJ39316">
        <v>54</v>
      </c>
      <c r="AK39316">
        <v>55</v>
      </c>
      <c r="AL39316">
        <v>55</v>
      </c>
      <c r="AM39316">
        <v>55</v>
      </c>
      <c r="AN39316">
        <v>55</v>
      </c>
      <c r="AO39316">
        <v>56</v>
      </c>
      <c r="AP39316">
        <v>56</v>
      </c>
      <c r="AQ39316">
        <v>56</v>
      </c>
    </row>
    <row r="39317" spans="1:43">
      <c r="A39317" t="s">
        <v>24387</v>
      </c>
      <c r="B39317" t="s">
        <v>24388</v>
      </c>
      <c r="C39317" t="s">
        <v>24365</v>
      </c>
      <c r="D39317" t="s">
        <v>24366</v>
      </c>
      <c r="E39317" t="s">
        <v>24327</v>
      </c>
      <c r="F39317" t="s">
        <v>24328</v>
      </c>
      <c r="G39317" t="s">
        <v>11612</v>
      </c>
      <c r="H39317" t="s">
        <v>11613</v>
      </c>
      <c r="I39317" s="2">
        <v>0</v>
      </c>
      <c r="J39317" s="2">
        <v>0</v>
      </c>
      <c r="K39317" s="2">
        <v>1</v>
      </c>
      <c r="L39317" t="s">
        <v>995</v>
      </c>
      <c r="M39317" t="s">
        <v>83</v>
      </c>
      <c r="N39317" t="s">
        <v>91</v>
      </c>
      <c r="O39317" t="s">
        <v>85</v>
      </c>
      <c r="P39317" t="s">
        <v>86</v>
      </c>
      <c r="Q39317">
        <v>41</v>
      </c>
      <c r="R39317">
        <v>42</v>
      </c>
      <c r="S39317">
        <v>42</v>
      </c>
      <c r="T39317">
        <v>43</v>
      </c>
      <c r="U39317">
        <v>44</v>
      </c>
      <c r="V39317">
        <v>44</v>
      </c>
      <c r="W39317">
        <v>45</v>
      </c>
      <c r="X39317">
        <v>45</v>
      </c>
      <c r="Y39317">
        <v>46</v>
      </c>
      <c r="Z39317">
        <v>47</v>
      </c>
      <c r="AA39317">
        <v>47</v>
      </c>
      <c r="AB39317">
        <v>48</v>
      </c>
      <c r="AC39317">
        <v>48</v>
      </c>
      <c r="AD39317">
        <v>49</v>
      </c>
      <c r="AE39317">
        <v>50</v>
      </c>
      <c r="AF39317">
        <v>50</v>
      </c>
      <c r="AG39317">
        <v>51</v>
      </c>
      <c r="AH39317">
        <v>52</v>
      </c>
      <c r="AI39317">
        <v>52</v>
      </c>
      <c r="AJ39317">
        <v>53</v>
      </c>
      <c r="AK39317">
        <v>54</v>
      </c>
      <c r="AL39317">
        <v>54</v>
      </c>
      <c r="AM39317">
        <v>54</v>
      </c>
      <c r="AN39317">
        <v>55</v>
      </c>
      <c r="AO39317">
        <v>55</v>
      </c>
      <c r="AP39317">
        <v>55</v>
      </c>
      <c r="AQ39317">
        <v>56</v>
      </c>
    </row>
    <row r="39318" spans="1:43">
      <c r="A39318" t="s">
        <v>24389</v>
      </c>
      <c r="B39318" t="s">
        <v>24390</v>
      </c>
      <c r="C39318" t="s">
        <v>24391</v>
      </c>
      <c r="D39318" t="s">
        <v>24392</v>
      </c>
      <c r="E39318" t="s">
        <v>24327</v>
      </c>
      <c r="F39318" t="s">
        <v>24328</v>
      </c>
      <c r="G39318" t="s">
        <v>11612</v>
      </c>
      <c r="H39318" t="s">
        <v>11613</v>
      </c>
      <c r="I39318" s="2">
        <v>0</v>
      </c>
      <c r="J39318" s="2">
        <v>0</v>
      </c>
      <c r="K39318" s="2">
        <v>1</v>
      </c>
      <c r="L39318" t="s">
        <v>995</v>
      </c>
      <c r="M39318" t="s">
        <v>83</v>
      </c>
      <c r="N39318" t="s">
        <v>84</v>
      </c>
      <c r="O39318" t="s">
        <v>85</v>
      </c>
      <c r="P39318" t="s">
        <v>86</v>
      </c>
      <c r="Q39318">
        <v>12</v>
      </c>
      <c r="R39318">
        <v>12</v>
      </c>
      <c r="S39318">
        <v>12</v>
      </c>
      <c r="T39318">
        <v>12</v>
      </c>
      <c r="U39318">
        <v>12</v>
      </c>
      <c r="V39318">
        <v>13</v>
      </c>
      <c r="W39318">
        <v>13</v>
      </c>
      <c r="X39318">
        <v>13</v>
      </c>
      <c r="Y39318">
        <v>13</v>
      </c>
      <c r="Z39318">
        <v>13</v>
      </c>
      <c r="AA39318">
        <v>13</v>
      </c>
      <c r="AB39318">
        <v>14</v>
      </c>
      <c r="AC39318">
        <v>14</v>
      </c>
      <c r="AD39318">
        <v>14</v>
      </c>
      <c r="AE39318">
        <v>14</v>
      </c>
      <c r="AF39318">
        <v>14</v>
      </c>
      <c r="AG39318">
        <v>14</v>
      </c>
      <c r="AH39318">
        <v>15</v>
      </c>
      <c r="AI39318">
        <v>15</v>
      </c>
      <c r="AJ39318">
        <v>15</v>
      </c>
      <c r="AK39318">
        <v>15</v>
      </c>
      <c r="AL39318">
        <v>15</v>
      </c>
      <c r="AM39318">
        <v>15</v>
      </c>
      <c r="AN39318">
        <v>15</v>
      </c>
      <c r="AO39318">
        <v>15</v>
      </c>
      <c r="AP39318">
        <v>16</v>
      </c>
      <c r="AQ39318">
        <v>16</v>
      </c>
    </row>
    <row r="39319" spans="1:43">
      <c r="A39319" t="s">
        <v>24389</v>
      </c>
      <c r="B39319" t="s">
        <v>24390</v>
      </c>
      <c r="C39319" t="s">
        <v>24391</v>
      </c>
      <c r="D39319" t="s">
        <v>24392</v>
      </c>
      <c r="E39319" t="s">
        <v>24327</v>
      </c>
      <c r="F39319" t="s">
        <v>24328</v>
      </c>
      <c r="G39319" t="s">
        <v>11612</v>
      </c>
      <c r="H39319" t="s">
        <v>11613</v>
      </c>
      <c r="I39319" s="2">
        <v>0</v>
      </c>
      <c r="J39319" s="2">
        <v>0</v>
      </c>
      <c r="K39319" s="2">
        <v>1</v>
      </c>
      <c r="L39319" t="s">
        <v>995</v>
      </c>
      <c r="M39319" t="s">
        <v>87</v>
      </c>
      <c r="N39319" t="s">
        <v>88</v>
      </c>
      <c r="O39319" t="s">
        <v>85</v>
      </c>
      <c r="P39319" t="s">
        <v>86</v>
      </c>
      <c r="Q39319">
        <v>12</v>
      </c>
      <c r="R39319">
        <v>12</v>
      </c>
      <c r="S39319">
        <v>12</v>
      </c>
      <c r="T39319">
        <v>12</v>
      </c>
      <c r="U39319">
        <v>12</v>
      </c>
      <c r="V39319">
        <v>12</v>
      </c>
      <c r="W39319">
        <v>12</v>
      </c>
      <c r="X39319">
        <v>12</v>
      </c>
      <c r="Y39319">
        <v>12</v>
      </c>
      <c r="Z39319">
        <v>12</v>
      </c>
      <c r="AA39319">
        <v>12</v>
      </c>
      <c r="AB39319">
        <v>12</v>
      </c>
      <c r="AC39319">
        <v>12</v>
      </c>
      <c r="AD39319">
        <v>12</v>
      </c>
      <c r="AE39319">
        <v>12</v>
      </c>
      <c r="AF39319">
        <v>13</v>
      </c>
      <c r="AG39319">
        <v>13</v>
      </c>
      <c r="AH39319">
        <v>13</v>
      </c>
      <c r="AI39319">
        <v>13</v>
      </c>
      <c r="AJ39319">
        <v>13</v>
      </c>
      <c r="AK39319">
        <v>13</v>
      </c>
      <c r="AL39319">
        <v>13</v>
      </c>
      <c r="AM39319">
        <v>13</v>
      </c>
      <c r="AN39319">
        <v>13</v>
      </c>
      <c r="AO39319">
        <v>13</v>
      </c>
      <c r="AP39319">
        <v>13</v>
      </c>
      <c r="AQ39319">
        <v>13</v>
      </c>
    </row>
    <row r="39320" spans="1:43">
      <c r="A39320" t="s">
        <v>24389</v>
      </c>
      <c r="B39320" t="s">
        <v>24390</v>
      </c>
      <c r="C39320" t="s">
        <v>24391</v>
      </c>
      <c r="D39320" t="s">
        <v>24392</v>
      </c>
      <c r="E39320" t="s">
        <v>24327</v>
      </c>
      <c r="F39320" t="s">
        <v>24328</v>
      </c>
      <c r="G39320" t="s">
        <v>11612</v>
      </c>
      <c r="H39320" t="s">
        <v>11613</v>
      </c>
      <c r="I39320" s="2">
        <v>0</v>
      </c>
      <c r="J39320" s="2">
        <v>0</v>
      </c>
      <c r="K39320" s="2">
        <v>1</v>
      </c>
      <c r="L39320" t="s">
        <v>995</v>
      </c>
      <c r="M39320" t="s">
        <v>89</v>
      </c>
      <c r="N39320" t="s">
        <v>90</v>
      </c>
      <c r="O39320" t="s">
        <v>85</v>
      </c>
      <c r="P39320" t="s">
        <v>86</v>
      </c>
      <c r="Q39320">
        <v>12</v>
      </c>
      <c r="R39320">
        <v>12</v>
      </c>
      <c r="S39320">
        <v>12</v>
      </c>
      <c r="T39320">
        <v>13</v>
      </c>
      <c r="U39320">
        <v>13</v>
      </c>
      <c r="V39320">
        <v>13</v>
      </c>
      <c r="W39320">
        <v>13</v>
      </c>
      <c r="X39320">
        <v>14</v>
      </c>
      <c r="Y39320">
        <v>14</v>
      </c>
      <c r="Z39320">
        <v>14</v>
      </c>
      <c r="AA39320">
        <v>14</v>
      </c>
      <c r="AB39320">
        <v>14</v>
      </c>
      <c r="AC39320">
        <v>15</v>
      </c>
      <c r="AD39320">
        <v>15</v>
      </c>
      <c r="AE39320">
        <v>15</v>
      </c>
      <c r="AF39320">
        <v>15</v>
      </c>
      <c r="AG39320">
        <v>15</v>
      </c>
      <c r="AH39320">
        <v>15</v>
      </c>
      <c r="AI39320">
        <v>15</v>
      </c>
      <c r="AJ39320">
        <v>15</v>
      </c>
      <c r="AK39320">
        <v>15</v>
      </c>
      <c r="AL39320">
        <v>15</v>
      </c>
      <c r="AM39320">
        <v>15</v>
      </c>
      <c r="AN39320">
        <v>16</v>
      </c>
      <c r="AO39320">
        <v>16</v>
      </c>
      <c r="AP39320">
        <v>16</v>
      </c>
      <c r="AQ39320">
        <v>16</v>
      </c>
    </row>
    <row r="39321" spans="1:43">
      <c r="A39321" t="s">
        <v>24389</v>
      </c>
      <c r="B39321" t="s">
        <v>24390</v>
      </c>
      <c r="C39321" t="s">
        <v>24391</v>
      </c>
      <c r="D39321" t="s">
        <v>24392</v>
      </c>
      <c r="E39321" t="s">
        <v>24327</v>
      </c>
      <c r="F39321" t="s">
        <v>24328</v>
      </c>
      <c r="G39321" t="s">
        <v>11612</v>
      </c>
      <c r="H39321" t="s">
        <v>11613</v>
      </c>
      <c r="I39321" s="2">
        <v>0</v>
      </c>
      <c r="J39321" s="2">
        <v>0</v>
      </c>
      <c r="K39321" s="2">
        <v>1</v>
      </c>
      <c r="L39321" t="s">
        <v>995</v>
      </c>
      <c r="M39321" t="s">
        <v>83</v>
      </c>
      <c r="N39321" t="s">
        <v>91</v>
      </c>
      <c r="O39321" t="s">
        <v>85</v>
      </c>
      <c r="P39321" t="s">
        <v>86</v>
      </c>
      <c r="Q39321">
        <v>12</v>
      </c>
      <c r="R39321">
        <v>12</v>
      </c>
      <c r="S39321">
        <v>12</v>
      </c>
      <c r="T39321">
        <v>12</v>
      </c>
      <c r="U39321">
        <v>12</v>
      </c>
      <c r="V39321">
        <v>13</v>
      </c>
      <c r="W39321">
        <v>13</v>
      </c>
      <c r="X39321">
        <v>13</v>
      </c>
      <c r="Y39321">
        <v>13</v>
      </c>
      <c r="Z39321">
        <v>13</v>
      </c>
      <c r="AA39321">
        <v>13</v>
      </c>
      <c r="AB39321">
        <v>14</v>
      </c>
      <c r="AC39321">
        <v>14</v>
      </c>
      <c r="AD39321">
        <v>14</v>
      </c>
      <c r="AE39321">
        <v>14</v>
      </c>
      <c r="AF39321">
        <v>14</v>
      </c>
      <c r="AG39321">
        <v>14</v>
      </c>
      <c r="AH39321">
        <v>15</v>
      </c>
      <c r="AI39321">
        <v>15</v>
      </c>
      <c r="AJ39321">
        <v>15</v>
      </c>
      <c r="AK39321">
        <v>15</v>
      </c>
      <c r="AL39321">
        <v>15</v>
      </c>
      <c r="AM39321">
        <v>15</v>
      </c>
      <c r="AN39321">
        <v>15</v>
      </c>
      <c r="AO39321">
        <v>15</v>
      </c>
      <c r="AP39321">
        <v>16</v>
      </c>
      <c r="AQ39321">
        <v>16</v>
      </c>
    </row>
    <row r="39322" spans="1:43">
      <c r="A39322" t="s">
        <v>24393</v>
      </c>
      <c r="B39322" t="s">
        <v>24394</v>
      </c>
      <c r="C39322" t="s">
        <v>24391</v>
      </c>
      <c r="D39322" t="s">
        <v>24392</v>
      </c>
      <c r="E39322" t="s">
        <v>24327</v>
      </c>
      <c r="F39322" t="s">
        <v>24328</v>
      </c>
      <c r="G39322" t="s">
        <v>11612</v>
      </c>
      <c r="H39322" t="s">
        <v>11613</v>
      </c>
      <c r="I39322" s="2">
        <v>0</v>
      </c>
      <c r="J39322" s="2">
        <v>0</v>
      </c>
      <c r="K39322" s="2">
        <v>1</v>
      </c>
      <c r="L39322" t="s">
        <v>995</v>
      </c>
      <c r="M39322" t="s">
        <v>83</v>
      </c>
      <c r="N39322" t="s">
        <v>84</v>
      </c>
      <c r="O39322" t="s">
        <v>85</v>
      </c>
      <c r="P39322" t="s">
        <v>86</v>
      </c>
      <c r="Q39322">
        <v>26</v>
      </c>
      <c r="R39322">
        <v>26</v>
      </c>
      <c r="S39322">
        <v>26</v>
      </c>
      <c r="T39322">
        <v>27</v>
      </c>
      <c r="U39322">
        <v>27</v>
      </c>
      <c r="V39322">
        <v>27</v>
      </c>
      <c r="W39322">
        <v>28</v>
      </c>
      <c r="X39322">
        <v>28</v>
      </c>
      <c r="Y39322">
        <v>28</v>
      </c>
      <c r="Z39322">
        <v>29</v>
      </c>
      <c r="AA39322">
        <v>29</v>
      </c>
      <c r="AB39322">
        <v>30</v>
      </c>
      <c r="AC39322">
        <v>30</v>
      </c>
      <c r="AD39322">
        <v>30</v>
      </c>
      <c r="AE39322">
        <v>31</v>
      </c>
      <c r="AF39322">
        <v>31</v>
      </c>
      <c r="AG39322">
        <v>31</v>
      </c>
      <c r="AH39322">
        <v>32</v>
      </c>
      <c r="AI39322">
        <v>32</v>
      </c>
      <c r="AJ39322">
        <v>32</v>
      </c>
      <c r="AK39322">
        <v>33</v>
      </c>
      <c r="AL39322">
        <v>33</v>
      </c>
      <c r="AM39322">
        <v>33</v>
      </c>
      <c r="AN39322">
        <v>33</v>
      </c>
      <c r="AO39322">
        <v>33</v>
      </c>
      <c r="AP39322">
        <v>34</v>
      </c>
      <c r="AQ39322">
        <v>34</v>
      </c>
    </row>
    <row r="39323" spans="1:43">
      <c r="A39323" t="s">
        <v>24393</v>
      </c>
      <c r="B39323" t="s">
        <v>24394</v>
      </c>
      <c r="C39323" t="s">
        <v>24391</v>
      </c>
      <c r="D39323" t="s">
        <v>24392</v>
      </c>
      <c r="E39323" t="s">
        <v>24327</v>
      </c>
      <c r="F39323" t="s">
        <v>24328</v>
      </c>
      <c r="G39323" t="s">
        <v>11612</v>
      </c>
      <c r="H39323" t="s">
        <v>11613</v>
      </c>
      <c r="I39323" s="2">
        <v>0</v>
      </c>
      <c r="J39323" s="2">
        <v>0</v>
      </c>
      <c r="K39323" s="2">
        <v>1</v>
      </c>
      <c r="L39323" t="s">
        <v>995</v>
      </c>
      <c r="M39323" t="s">
        <v>87</v>
      </c>
      <c r="N39323" t="s">
        <v>88</v>
      </c>
      <c r="O39323" t="s">
        <v>85</v>
      </c>
      <c r="P39323" t="s">
        <v>86</v>
      </c>
      <c r="Q39323">
        <v>26</v>
      </c>
      <c r="R39323">
        <v>26</v>
      </c>
      <c r="S39323">
        <v>27</v>
      </c>
      <c r="T39323">
        <v>27</v>
      </c>
      <c r="U39323">
        <v>27</v>
      </c>
      <c r="V39323">
        <v>27</v>
      </c>
      <c r="W39323">
        <v>27</v>
      </c>
      <c r="X39323">
        <v>27</v>
      </c>
      <c r="Y39323">
        <v>27</v>
      </c>
      <c r="Z39323">
        <v>27</v>
      </c>
      <c r="AA39323">
        <v>28</v>
      </c>
      <c r="AB39323">
        <v>28</v>
      </c>
      <c r="AC39323">
        <v>28</v>
      </c>
      <c r="AD39323">
        <v>28</v>
      </c>
      <c r="AE39323">
        <v>28</v>
      </c>
      <c r="AF39323">
        <v>28</v>
      </c>
      <c r="AG39323">
        <v>28</v>
      </c>
      <c r="AH39323">
        <v>29</v>
      </c>
      <c r="AI39323">
        <v>29</v>
      </c>
      <c r="AJ39323">
        <v>29</v>
      </c>
      <c r="AK39323">
        <v>29</v>
      </c>
      <c r="AL39323">
        <v>29</v>
      </c>
      <c r="AM39323">
        <v>29</v>
      </c>
      <c r="AN39323">
        <v>30</v>
      </c>
      <c r="AO39323">
        <v>30</v>
      </c>
      <c r="AP39323">
        <v>30</v>
      </c>
      <c r="AQ39323">
        <v>30</v>
      </c>
    </row>
    <row r="39324" spans="1:43">
      <c r="A39324" t="s">
        <v>24393</v>
      </c>
      <c r="B39324" t="s">
        <v>24394</v>
      </c>
      <c r="C39324" t="s">
        <v>24391</v>
      </c>
      <c r="D39324" t="s">
        <v>24392</v>
      </c>
      <c r="E39324" t="s">
        <v>24327</v>
      </c>
      <c r="F39324" t="s">
        <v>24328</v>
      </c>
      <c r="G39324" t="s">
        <v>11612</v>
      </c>
      <c r="H39324" t="s">
        <v>11613</v>
      </c>
      <c r="I39324" s="2">
        <v>0</v>
      </c>
      <c r="J39324" s="2">
        <v>0</v>
      </c>
      <c r="K39324" s="2">
        <v>1</v>
      </c>
      <c r="L39324" t="s">
        <v>995</v>
      </c>
      <c r="M39324" t="s">
        <v>89</v>
      </c>
      <c r="N39324" t="s">
        <v>90</v>
      </c>
      <c r="O39324" t="s">
        <v>85</v>
      </c>
      <c r="P39324" t="s">
        <v>86</v>
      </c>
      <c r="Q39324">
        <v>26</v>
      </c>
      <c r="R39324">
        <v>26</v>
      </c>
      <c r="S39324">
        <v>27</v>
      </c>
      <c r="T39324">
        <v>28</v>
      </c>
      <c r="U39324">
        <v>28</v>
      </c>
      <c r="V39324">
        <v>29</v>
      </c>
      <c r="W39324">
        <v>29</v>
      </c>
      <c r="X39324">
        <v>30</v>
      </c>
      <c r="Y39324">
        <v>30</v>
      </c>
      <c r="Z39324">
        <v>31</v>
      </c>
      <c r="AA39324">
        <v>31</v>
      </c>
      <c r="AB39324">
        <v>31</v>
      </c>
      <c r="AC39324">
        <v>32</v>
      </c>
      <c r="AD39324">
        <v>32</v>
      </c>
      <c r="AE39324">
        <v>33</v>
      </c>
      <c r="AF39324">
        <v>33</v>
      </c>
      <c r="AG39324">
        <v>33</v>
      </c>
      <c r="AH39324">
        <v>33</v>
      </c>
      <c r="AI39324">
        <v>33</v>
      </c>
      <c r="AJ39324">
        <v>33</v>
      </c>
      <c r="AK39324">
        <v>33</v>
      </c>
      <c r="AL39324">
        <v>33</v>
      </c>
      <c r="AM39324">
        <v>34</v>
      </c>
      <c r="AN39324">
        <v>34</v>
      </c>
      <c r="AO39324">
        <v>34</v>
      </c>
      <c r="AP39324">
        <v>34</v>
      </c>
      <c r="AQ39324">
        <v>34</v>
      </c>
    </row>
    <row r="39325" spans="1:43">
      <c r="A39325" t="s">
        <v>24393</v>
      </c>
      <c r="B39325" t="s">
        <v>24394</v>
      </c>
      <c r="C39325" t="s">
        <v>24391</v>
      </c>
      <c r="D39325" t="s">
        <v>24392</v>
      </c>
      <c r="E39325" t="s">
        <v>24327</v>
      </c>
      <c r="F39325" t="s">
        <v>24328</v>
      </c>
      <c r="G39325" t="s">
        <v>11612</v>
      </c>
      <c r="H39325" t="s">
        <v>11613</v>
      </c>
      <c r="I39325" s="2">
        <v>0</v>
      </c>
      <c r="J39325" s="2">
        <v>0</v>
      </c>
      <c r="K39325" s="2">
        <v>1</v>
      </c>
      <c r="L39325" t="s">
        <v>995</v>
      </c>
      <c r="M39325" t="s">
        <v>83</v>
      </c>
      <c r="N39325" t="s">
        <v>91</v>
      </c>
      <c r="O39325" t="s">
        <v>85</v>
      </c>
      <c r="P39325" t="s">
        <v>86</v>
      </c>
      <c r="Q39325">
        <v>26</v>
      </c>
      <c r="R39325">
        <v>26</v>
      </c>
      <c r="S39325">
        <v>26</v>
      </c>
      <c r="T39325">
        <v>27</v>
      </c>
      <c r="U39325">
        <v>27</v>
      </c>
      <c r="V39325">
        <v>27</v>
      </c>
      <c r="W39325">
        <v>28</v>
      </c>
      <c r="X39325">
        <v>28</v>
      </c>
      <c r="Y39325">
        <v>28</v>
      </c>
      <c r="Z39325">
        <v>29</v>
      </c>
      <c r="AA39325">
        <v>29</v>
      </c>
      <c r="AB39325">
        <v>30</v>
      </c>
      <c r="AC39325">
        <v>30</v>
      </c>
      <c r="AD39325">
        <v>30</v>
      </c>
      <c r="AE39325">
        <v>31</v>
      </c>
      <c r="AF39325">
        <v>31</v>
      </c>
      <c r="AG39325">
        <v>31</v>
      </c>
      <c r="AH39325">
        <v>32</v>
      </c>
      <c r="AI39325">
        <v>32</v>
      </c>
      <c r="AJ39325">
        <v>32</v>
      </c>
      <c r="AK39325">
        <v>33</v>
      </c>
      <c r="AL39325">
        <v>33</v>
      </c>
      <c r="AM39325">
        <v>33</v>
      </c>
      <c r="AN39325">
        <v>33</v>
      </c>
      <c r="AO39325">
        <v>33</v>
      </c>
      <c r="AP39325">
        <v>34</v>
      </c>
      <c r="AQ39325">
        <v>34</v>
      </c>
    </row>
    <row r="39326" spans="1:43">
      <c r="A39326" t="s">
        <v>24395</v>
      </c>
      <c r="B39326" t="s">
        <v>24396</v>
      </c>
      <c r="C39326" t="s">
        <v>24391</v>
      </c>
      <c r="D39326" t="s">
        <v>24392</v>
      </c>
      <c r="E39326" t="s">
        <v>24327</v>
      </c>
      <c r="F39326" t="s">
        <v>24328</v>
      </c>
      <c r="G39326" t="s">
        <v>11612</v>
      </c>
      <c r="H39326" t="s">
        <v>11613</v>
      </c>
      <c r="I39326" s="2">
        <v>0</v>
      </c>
      <c r="J39326" s="2">
        <v>0</v>
      </c>
      <c r="K39326" s="2">
        <v>1</v>
      </c>
      <c r="L39326" t="s">
        <v>995</v>
      </c>
      <c r="M39326" t="s">
        <v>83</v>
      </c>
      <c r="N39326" t="s">
        <v>84</v>
      </c>
      <c r="O39326" t="s">
        <v>85</v>
      </c>
      <c r="P39326" t="s">
        <v>86</v>
      </c>
      <c r="Q39326">
        <v>30</v>
      </c>
      <c r="R39326">
        <v>31</v>
      </c>
      <c r="S39326">
        <v>31</v>
      </c>
      <c r="T39326">
        <v>32</v>
      </c>
      <c r="U39326">
        <v>32</v>
      </c>
      <c r="V39326">
        <v>33</v>
      </c>
      <c r="W39326">
        <v>33</v>
      </c>
      <c r="X39326">
        <v>33</v>
      </c>
      <c r="Y39326">
        <v>34</v>
      </c>
      <c r="Z39326">
        <v>34</v>
      </c>
      <c r="AA39326">
        <v>35</v>
      </c>
      <c r="AB39326">
        <v>35</v>
      </c>
      <c r="AC39326">
        <v>36</v>
      </c>
      <c r="AD39326">
        <v>36</v>
      </c>
      <c r="AE39326">
        <v>37</v>
      </c>
      <c r="AF39326">
        <v>37</v>
      </c>
      <c r="AG39326">
        <v>37</v>
      </c>
      <c r="AH39326">
        <v>38</v>
      </c>
      <c r="AI39326">
        <v>38</v>
      </c>
      <c r="AJ39326">
        <v>39</v>
      </c>
      <c r="AK39326">
        <v>39</v>
      </c>
      <c r="AL39326">
        <v>40</v>
      </c>
      <c r="AM39326">
        <v>40</v>
      </c>
      <c r="AN39326">
        <v>40</v>
      </c>
      <c r="AO39326">
        <v>40</v>
      </c>
      <c r="AP39326">
        <v>40</v>
      </c>
      <c r="AQ39326">
        <v>40</v>
      </c>
    </row>
    <row r="39327" spans="1:43">
      <c r="A39327" t="s">
        <v>24395</v>
      </c>
      <c r="B39327" t="s">
        <v>24396</v>
      </c>
      <c r="C39327" t="s">
        <v>24391</v>
      </c>
      <c r="D39327" t="s">
        <v>24392</v>
      </c>
      <c r="E39327" t="s">
        <v>24327</v>
      </c>
      <c r="F39327" t="s">
        <v>24328</v>
      </c>
      <c r="G39327" t="s">
        <v>11612</v>
      </c>
      <c r="H39327" t="s">
        <v>11613</v>
      </c>
      <c r="I39327" s="2">
        <v>0</v>
      </c>
      <c r="J39327" s="2">
        <v>0</v>
      </c>
      <c r="K39327" s="2">
        <v>1</v>
      </c>
      <c r="L39327" t="s">
        <v>995</v>
      </c>
      <c r="M39327" t="s">
        <v>87</v>
      </c>
      <c r="N39327" t="s">
        <v>88</v>
      </c>
      <c r="O39327" t="s">
        <v>85</v>
      </c>
      <c r="P39327" t="s">
        <v>86</v>
      </c>
      <c r="Q39327">
        <v>30</v>
      </c>
      <c r="R39327">
        <v>30</v>
      </c>
      <c r="S39327">
        <v>30</v>
      </c>
      <c r="T39327">
        <v>31</v>
      </c>
      <c r="U39327">
        <v>31</v>
      </c>
      <c r="V39327">
        <v>31</v>
      </c>
      <c r="W39327">
        <v>31</v>
      </c>
      <c r="X39327">
        <v>31</v>
      </c>
      <c r="Y39327">
        <v>31</v>
      </c>
      <c r="Z39327">
        <v>31</v>
      </c>
      <c r="AA39327">
        <v>32</v>
      </c>
      <c r="AB39327">
        <v>32</v>
      </c>
      <c r="AC39327">
        <v>32</v>
      </c>
      <c r="AD39327">
        <v>32</v>
      </c>
      <c r="AE39327">
        <v>32</v>
      </c>
      <c r="AF39327">
        <v>33</v>
      </c>
      <c r="AG39327">
        <v>33</v>
      </c>
      <c r="AH39327">
        <v>33</v>
      </c>
      <c r="AI39327">
        <v>33</v>
      </c>
      <c r="AJ39327">
        <v>33</v>
      </c>
      <c r="AK39327">
        <v>34</v>
      </c>
      <c r="AL39327">
        <v>34</v>
      </c>
      <c r="AM39327">
        <v>34</v>
      </c>
      <c r="AN39327">
        <v>34</v>
      </c>
      <c r="AO39327">
        <v>34</v>
      </c>
      <c r="AP39327">
        <v>35</v>
      </c>
      <c r="AQ39327">
        <v>35</v>
      </c>
    </row>
    <row r="39328" spans="1:43">
      <c r="A39328" t="s">
        <v>24395</v>
      </c>
      <c r="B39328" t="s">
        <v>24396</v>
      </c>
      <c r="C39328" t="s">
        <v>24391</v>
      </c>
      <c r="D39328" t="s">
        <v>24392</v>
      </c>
      <c r="E39328" t="s">
        <v>24327</v>
      </c>
      <c r="F39328" t="s">
        <v>24328</v>
      </c>
      <c r="G39328" t="s">
        <v>11612</v>
      </c>
      <c r="H39328" t="s">
        <v>11613</v>
      </c>
      <c r="I39328" s="2">
        <v>0</v>
      </c>
      <c r="J39328" s="2">
        <v>0</v>
      </c>
      <c r="K39328" s="2">
        <v>1</v>
      </c>
      <c r="L39328" t="s">
        <v>995</v>
      </c>
      <c r="M39328" t="s">
        <v>89</v>
      </c>
      <c r="N39328" t="s">
        <v>90</v>
      </c>
      <c r="O39328" t="s">
        <v>85</v>
      </c>
      <c r="P39328" t="s">
        <v>86</v>
      </c>
      <c r="Q39328">
        <v>30</v>
      </c>
      <c r="R39328">
        <v>30</v>
      </c>
      <c r="S39328">
        <v>31</v>
      </c>
      <c r="T39328">
        <v>32</v>
      </c>
      <c r="U39328">
        <v>32</v>
      </c>
      <c r="V39328">
        <v>33</v>
      </c>
      <c r="W39328">
        <v>34</v>
      </c>
      <c r="X39328">
        <v>34</v>
      </c>
      <c r="Y39328">
        <v>35</v>
      </c>
      <c r="Z39328">
        <v>35</v>
      </c>
      <c r="AA39328">
        <v>36</v>
      </c>
      <c r="AB39328">
        <v>37</v>
      </c>
      <c r="AC39328">
        <v>37</v>
      </c>
      <c r="AD39328">
        <v>38</v>
      </c>
      <c r="AE39328">
        <v>38</v>
      </c>
      <c r="AF39328">
        <v>38</v>
      </c>
      <c r="AG39328">
        <v>38</v>
      </c>
      <c r="AH39328">
        <v>38</v>
      </c>
      <c r="AI39328">
        <v>39</v>
      </c>
      <c r="AJ39328">
        <v>39</v>
      </c>
      <c r="AK39328">
        <v>39</v>
      </c>
      <c r="AL39328">
        <v>39</v>
      </c>
      <c r="AM39328">
        <v>39</v>
      </c>
      <c r="AN39328">
        <v>39</v>
      </c>
      <c r="AO39328">
        <v>40</v>
      </c>
      <c r="AP39328">
        <v>40</v>
      </c>
      <c r="AQ39328">
        <v>40</v>
      </c>
    </row>
    <row r="39329" spans="1:43">
      <c r="A39329" t="s">
        <v>24395</v>
      </c>
      <c r="B39329" t="s">
        <v>24396</v>
      </c>
      <c r="C39329" t="s">
        <v>24391</v>
      </c>
      <c r="D39329" t="s">
        <v>24392</v>
      </c>
      <c r="E39329" t="s">
        <v>24327</v>
      </c>
      <c r="F39329" t="s">
        <v>24328</v>
      </c>
      <c r="G39329" t="s">
        <v>11612</v>
      </c>
      <c r="H39329" t="s">
        <v>11613</v>
      </c>
      <c r="I39329" s="2">
        <v>0</v>
      </c>
      <c r="J39329" s="2">
        <v>0</v>
      </c>
      <c r="K39329" s="2">
        <v>1</v>
      </c>
      <c r="L39329" t="s">
        <v>995</v>
      </c>
      <c r="M39329" t="s">
        <v>83</v>
      </c>
      <c r="N39329" t="s">
        <v>91</v>
      </c>
      <c r="O39329" t="s">
        <v>85</v>
      </c>
      <c r="P39329" t="s">
        <v>86</v>
      </c>
      <c r="Q39329">
        <v>30</v>
      </c>
      <c r="R39329">
        <v>31</v>
      </c>
      <c r="S39329">
        <v>31</v>
      </c>
      <c r="T39329">
        <v>32</v>
      </c>
      <c r="U39329">
        <v>32</v>
      </c>
      <c r="V39329">
        <v>33</v>
      </c>
      <c r="W39329">
        <v>33</v>
      </c>
      <c r="X39329">
        <v>33</v>
      </c>
      <c r="Y39329">
        <v>34</v>
      </c>
      <c r="Z39329">
        <v>34</v>
      </c>
      <c r="AA39329">
        <v>35</v>
      </c>
      <c r="AB39329">
        <v>35</v>
      </c>
      <c r="AC39329">
        <v>36</v>
      </c>
      <c r="AD39329">
        <v>36</v>
      </c>
      <c r="AE39329">
        <v>37</v>
      </c>
      <c r="AF39329">
        <v>37</v>
      </c>
      <c r="AG39329">
        <v>37</v>
      </c>
      <c r="AH39329">
        <v>38</v>
      </c>
      <c r="AI39329">
        <v>38</v>
      </c>
      <c r="AJ39329">
        <v>39</v>
      </c>
      <c r="AK39329">
        <v>39</v>
      </c>
      <c r="AL39329">
        <v>40</v>
      </c>
      <c r="AM39329">
        <v>40</v>
      </c>
      <c r="AN39329">
        <v>40</v>
      </c>
      <c r="AO39329">
        <v>40</v>
      </c>
      <c r="AP39329">
        <v>40</v>
      </c>
      <c r="AQ39329">
        <v>40</v>
      </c>
    </row>
    <row r="39330" spans="1:43">
      <c r="A39330" t="s">
        <v>24397</v>
      </c>
      <c r="B39330" t="s">
        <v>24398</v>
      </c>
      <c r="C39330" t="s">
        <v>24399</v>
      </c>
      <c r="D39330" t="s">
        <v>24400</v>
      </c>
      <c r="E39330" t="s">
        <v>24327</v>
      </c>
      <c r="F39330" t="s">
        <v>24328</v>
      </c>
      <c r="G39330" t="s">
        <v>11612</v>
      </c>
      <c r="H39330" t="s">
        <v>11613</v>
      </c>
      <c r="I39330" s="2">
        <v>0</v>
      </c>
      <c r="J39330" s="2">
        <v>0</v>
      </c>
      <c r="K39330" s="2">
        <v>1</v>
      </c>
      <c r="L39330" t="s">
        <v>995</v>
      </c>
      <c r="M39330" t="s">
        <v>83</v>
      </c>
      <c r="N39330" t="s">
        <v>84</v>
      </c>
      <c r="O39330" t="s">
        <v>85</v>
      </c>
      <c r="P39330" t="s">
        <v>86</v>
      </c>
      <c r="Q39330">
        <v>31</v>
      </c>
      <c r="R39330">
        <v>31</v>
      </c>
      <c r="S39330">
        <v>32</v>
      </c>
      <c r="T39330">
        <v>32</v>
      </c>
      <c r="U39330">
        <v>32</v>
      </c>
      <c r="V39330">
        <v>33</v>
      </c>
      <c r="W39330">
        <v>33</v>
      </c>
      <c r="X39330">
        <v>34</v>
      </c>
      <c r="Y39330">
        <v>34</v>
      </c>
      <c r="Z39330">
        <v>35</v>
      </c>
      <c r="AA39330">
        <v>35</v>
      </c>
      <c r="AB39330">
        <v>36</v>
      </c>
      <c r="AC39330">
        <v>36</v>
      </c>
      <c r="AD39330">
        <v>36</v>
      </c>
      <c r="AE39330">
        <v>37</v>
      </c>
      <c r="AF39330">
        <v>37</v>
      </c>
      <c r="AG39330">
        <v>38</v>
      </c>
      <c r="AH39330">
        <v>38</v>
      </c>
      <c r="AI39330">
        <v>39</v>
      </c>
      <c r="AJ39330">
        <v>39</v>
      </c>
      <c r="AK39330">
        <v>40</v>
      </c>
      <c r="AL39330">
        <v>40</v>
      </c>
      <c r="AM39330">
        <v>40</v>
      </c>
      <c r="AN39330">
        <v>40</v>
      </c>
      <c r="AO39330">
        <v>40</v>
      </c>
      <c r="AP39330">
        <v>41</v>
      </c>
      <c r="AQ39330">
        <v>41</v>
      </c>
    </row>
    <row r="39331" spans="1:43">
      <c r="A39331" t="s">
        <v>24397</v>
      </c>
      <c r="B39331" t="s">
        <v>24398</v>
      </c>
      <c r="C39331" t="s">
        <v>24399</v>
      </c>
      <c r="D39331" t="s">
        <v>24400</v>
      </c>
      <c r="E39331" t="s">
        <v>24327</v>
      </c>
      <c r="F39331" t="s">
        <v>24328</v>
      </c>
      <c r="G39331" t="s">
        <v>11612</v>
      </c>
      <c r="H39331" t="s">
        <v>11613</v>
      </c>
      <c r="I39331" s="2">
        <v>0</v>
      </c>
      <c r="J39331" s="2">
        <v>0</v>
      </c>
      <c r="K39331" s="2">
        <v>1</v>
      </c>
      <c r="L39331" t="s">
        <v>995</v>
      </c>
      <c r="M39331" t="s">
        <v>87</v>
      </c>
      <c r="N39331" t="s">
        <v>88</v>
      </c>
      <c r="O39331" t="s">
        <v>85</v>
      </c>
      <c r="P39331" t="s">
        <v>86</v>
      </c>
      <c r="Q39331">
        <v>31</v>
      </c>
      <c r="R39331">
        <v>32</v>
      </c>
      <c r="S39331">
        <v>32</v>
      </c>
      <c r="T39331">
        <v>32</v>
      </c>
      <c r="U39331">
        <v>32</v>
      </c>
      <c r="V39331">
        <v>32</v>
      </c>
      <c r="W39331">
        <v>32</v>
      </c>
      <c r="X39331">
        <v>32</v>
      </c>
      <c r="Y39331">
        <v>33</v>
      </c>
      <c r="Z39331">
        <v>33</v>
      </c>
      <c r="AA39331">
        <v>33</v>
      </c>
      <c r="AB39331">
        <v>33</v>
      </c>
      <c r="AC39331">
        <v>33</v>
      </c>
      <c r="AD39331">
        <v>33</v>
      </c>
      <c r="AE39331">
        <v>34</v>
      </c>
      <c r="AF39331">
        <v>34</v>
      </c>
      <c r="AG39331">
        <v>34</v>
      </c>
      <c r="AH39331">
        <v>34</v>
      </c>
      <c r="AI39331">
        <v>34</v>
      </c>
      <c r="AJ39331">
        <v>35</v>
      </c>
      <c r="AK39331">
        <v>35</v>
      </c>
      <c r="AL39331">
        <v>35</v>
      </c>
      <c r="AM39331">
        <v>35</v>
      </c>
      <c r="AN39331">
        <v>36</v>
      </c>
      <c r="AO39331">
        <v>36</v>
      </c>
      <c r="AP39331">
        <v>36</v>
      </c>
      <c r="AQ39331">
        <v>36</v>
      </c>
    </row>
    <row r="39332" spans="1:43">
      <c r="A39332" t="s">
        <v>24397</v>
      </c>
      <c r="B39332" t="s">
        <v>24398</v>
      </c>
      <c r="C39332" t="s">
        <v>24399</v>
      </c>
      <c r="D39332" t="s">
        <v>24400</v>
      </c>
      <c r="E39332" t="s">
        <v>24327</v>
      </c>
      <c r="F39332" t="s">
        <v>24328</v>
      </c>
      <c r="G39332" t="s">
        <v>11612</v>
      </c>
      <c r="H39332" t="s">
        <v>11613</v>
      </c>
      <c r="I39332" s="2">
        <v>0</v>
      </c>
      <c r="J39332" s="2">
        <v>0</v>
      </c>
      <c r="K39332" s="2">
        <v>1</v>
      </c>
      <c r="L39332" t="s">
        <v>995</v>
      </c>
      <c r="M39332" t="s">
        <v>89</v>
      </c>
      <c r="N39332" t="s">
        <v>90</v>
      </c>
      <c r="O39332" t="s">
        <v>85</v>
      </c>
      <c r="P39332" t="s">
        <v>86</v>
      </c>
      <c r="Q39332">
        <v>31</v>
      </c>
      <c r="R39332">
        <v>32</v>
      </c>
      <c r="S39332">
        <v>32</v>
      </c>
      <c r="T39332">
        <v>33</v>
      </c>
      <c r="U39332">
        <v>34</v>
      </c>
      <c r="V39332">
        <v>34</v>
      </c>
      <c r="W39332">
        <v>35</v>
      </c>
      <c r="X39332">
        <v>36</v>
      </c>
      <c r="Y39332">
        <v>36</v>
      </c>
      <c r="Z39332">
        <v>37</v>
      </c>
      <c r="AA39332">
        <v>37</v>
      </c>
      <c r="AB39332">
        <v>38</v>
      </c>
      <c r="AC39332">
        <v>39</v>
      </c>
      <c r="AD39332">
        <v>39</v>
      </c>
      <c r="AE39332">
        <v>40</v>
      </c>
      <c r="AF39332">
        <v>40</v>
      </c>
      <c r="AG39332">
        <v>40</v>
      </c>
      <c r="AH39332">
        <v>40</v>
      </c>
      <c r="AI39332">
        <v>40</v>
      </c>
      <c r="AJ39332">
        <v>40</v>
      </c>
      <c r="AK39332">
        <v>40</v>
      </c>
      <c r="AL39332">
        <v>40</v>
      </c>
      <c r="AM39332">
        <v>41</v>
      </c>
      <c r="AN39332">
        <v>41</v>
      </c>
      <c r="AO39332">
        <v>41</v>
      </c>
      <c r="AP39332">
        <v>41</v>
      </c>
      <c r="AQ39332">
        <v>41</v>
      </c>
    </row>
    <row r="39333" spans="1:43">
      <c r="A39333" t="s">
        <v>24397</v>
      </c>
      <c r="B39333" t="s">
        <v>24398</v>
      </c>
      <c r="C39333" t="s">
        <v>24399</v>
      </c>
      <c r="D39333" t="s">
        <v>24400</v>
      </c>
      <c r="E39333" t="s">
        <v>24327</v>
      </c>
      <c r="F39333" t="s">
        <v>24328</v>
      </c>
      <c r="G39333" t="s">
        <v>11612</v>
      </c>
      <c r="H39333" t="s">
        <v>11613</v>
      </c>
      <c r="I39333" s="2">
        <v>0</v>
      </c>
      <c r="J39333" s="2">
        <v>0</v>
      </c>
      <c r="K39333" s="2">
        <v>1</v>
      </c>
      <c r="L39333" t="s">
        <v>995</v>
      </c>
      <c r="M39333" t="s">
        <v>83</v>
      </c>
      <c r="N39333" t="s">
        <v>91</v>
      </c>
      <c r="O39333" t="s">
        <v>85</v>
      </c>
      <c r="P39333" t="s">
        <v>86</v>
      </c>
      <c r="Q39333">
        <v>31</v>
      </c>
      <c r="R39333">
        <v>31</v>
      </c>
      <c r="S39333">
        <v>32</v>
      </c>
      <c r="T39333">
        <v>32</v>
      </c>
      <c r="U39333">
        <v>32</v>
      </c>
      <c r="V39333">
        <v>33</v>
      </c>
      <c r="W39333">
        <v>33</v>
      </c>
      <c r="X39333">
        <v>34</v>
      </c>
      <c r="Y39333">
        <v>34</v>
      </c>
      <c r="Z39333">
        <v>35</v>
      </c>
      <c r="AA39333">
        <v>35</v>
      </c>
      <c r="AB39333">
        <v>36</v>
      </c>
      <c r="AC39333">
        <v>36</v>
      </c>
      <c r="AD39333">
        <v>36</v>
      </c>
      <c r="AE39333">
        <v>37</v>
      </c>
      <c r="AF39333">
        <v>37</v>
      </c>
      <c r="AG39333">
        <v>38</v>
      </c>
      <c r="AH39333">
        <v>38</v>
      </c>
      <c r="AI39333">
        <v>39</v>
      </c>
      <c r="AJ39333">
        <v>39</v>
      </c>
      <c r="AK39333">
        <v>40</v>
      </c>
      <c r="AL39333">
        <v>40</v>
      </c>
      <c r="AM39333">
        <v>40</v>
      </c>
      <c r="AN39333">
        <v>40</v>
      </c>
      <c r="AO39333">
        <v>40</v>
      </c>
      <c r="AP39333">
        <v>41</v>
      </c>
      <c r="AQ39333">
        <v>41</v>
      </c>
    </row>
    <row r="39334" spans="1:43">
      <c r="A39334" t="s">
        <v>24401</v>
      </c>
      <c r="B39334" t="s">
        <v>24402</v>
      </c>
      <c r="C39334" t="s">
        <v>24391</v>
      </c>
      <c r="D39334" t="s">
        <v>24392</v>
      </c>
      <c r="E39334" t="s">
        <v>24327</v>
      </c>
      <c r="F39334" t="s">
        <v>24328</v>
      </c>
      <c r="G39334" t="s">
        <v>11612</v>
      </c>
      <c r="H39334" t="s">
        <v>11613</v>
      </c>
      <c r="I39334" s="2">
        <v>0</v>
      </c>
      <c r="J39334" s="2">
        <v>0</v>
      </c>
      <c r="K39334" s="2">
        <v>1</v>
      </c>
      <c r="L39334" t="s">
        <v>995</v>
      </c>
      <c r="M39334" t="s">
        <v>83</v>
      </c>
      <c r="N39334" t="s">
        <v>84</v>
      </c>
      <c r="O39334" t="s">
        <v>85</v>
      </c>
      <c r="P39334" t="s">
        <v>86</v>
      </c>
      <c r="Q39334">
        <v>44</v>
      </c>
      <c r="R39334">
        <v>44</v>
      </c>
      <c r="S39334">
        <v>45</v>
      </c>
      <c r="T39334">
        <v>46</v>
      </c>
      <c r="U39334">
        <v>46</v>
      </c>
      <c r="V39334">
        <v>47</v>
      </c>
      <c r="W39334">
        <v>47</v>
      </c>
      <c r="X39334">
        <v>48</v>
      </c>
      <c r="Y39334">
        <v>49</v>
      </c>
      <c r="Z39334">
        <v>49</v>
      </c>
      <c r="AA39334">
        <v>50</v>
      </c>
      <c r="AB39334">
        <v>51</v>
      </c>
      <c r="AC39334">
        <v>51</v>
      </c>
      <c r="AD39334">
        <v>52</v>
      </c>
      <c r="AE39334">
        <v>52</v>
      </c>
      <c r="AF39334">
        <v>53</v>
      </c>
      <c r="AG39334">
        <v>54</v>
      </c>
      <c r="AH39334">
        <v>54</v>
      </c>
      <c r="AI39334">
        <v>55</v>
      </c>
      <c r="AJ39334">
        <v>56</v>
      </c>
      <c r="AK39334">
        <v>56</v>
      </c>
      <c r="AL39334">
        <v>57</v>
      </c>
      <c r="AM39334">
        <v>57</v>
      </c>
      <c r="AN39334">
        <v>57</v>
      </c>
      <c r="AO39334">
        <v>58</v>
      </c>
      <c r="AP39334">
        <v>58</v>
      </c>
      <c r="AQ39334">
        <v>58</v>
      </c>
    </row>
    <row r="39335" spans="1:43">
      <c r="A39335" t="s">
        <v>24401</v>
      </c>
      <c r="B39335" t="s">
        <v>24402</v>
      </c>
      <c r="C39335" t="s">
        <v>24391</v>
      </c>
      <c r="D39335" t="s">
        <v>24392</v>
      </c>
      <c r="E39335" t="s">
        <v>24327</v>
      </c>
      <c r="F39335" t="s">
        <v>24328</v>
      </c>
      <c r="G39335" t="s">
        <v>11612</v>
      </c>
      <c r="H39335" t="s">
        <v>11613</v>
      </c>
      <c r="I39335" s="2">
        <v>0</v>
      </c>
      <c r="J39335" s="2">
        <v>0</v>
      </c>
      <c r="K39335" s="2">
        <v>1</v>
      </c>
      <c r="L39335" t="s">
        <v>995</v>
      </c>
      <c r="M39335" t="s">
        <v>87</v>
      </c>
      <c r="N39335" t="s">
        <v>88</v>
      </c>
      <c r="O39335" t="s">
        <v>85</v>
      </c>
      <c r="P39335" t="s">
        <v>86</v>
      </c>
      <c r="Q39335">
        <v>44</v>
      </c>
      <c r="R39335">
        <v>44</v>
      </c>
      <c r="S39335">
        <v>45</v>
      </c>
      <c r="T39335">
        <v>45</v>
      </c>
      <c r="U39335">
        <v>45</v>
      </c>
      <c r="V39335">
        <v>45</v>
      </c>
      <c r="W39335">
        <v>46</v>
      </c>
      <c r="X39335">
        <v>46</v>
      </c>
      <c r="Y39335">
        <v>46</v>
      </c>
      <c r="Z39335">
        <v>46</v>
      </c>
      <c r="AA39335">
        <v>46</v>
      </c>
      <c r="AB39335">
        <v>47</v>
      </c>
      <c r="AC39335">
        <v>47</v>
      </c>
      <c r="AD39335">
        <v>47</v>
      </c>
      <c r="AE39335">
        <v>47</v>
      </c>
      <c r="AF39335">
        <v>48</v>
      </c>
      <c r="AG39335">
        <v>48</v>
      </c>
      <c r="AH39335">
        <v>48</v>
      </c>
      <c r="AI39335">
        <v>49</v>
      </c>
      <c r="AJ39335">
        <v>49</v>
      </c>
      <c r="AK39335">
        <v>49</v>
      </c>
      <c r="AL39335">
        <v>49</v>
      </c>
      <c r="AM39335">
        <v>50</v>
      </c>
      <c r="AN39335">
        <v>50</v>
      </c>
      <c r="AO39335">
        <v>50</v>
      </c>
      <c r="AP39335">
        <v>51</v>
      </c>
      <c r="AQ39335">
        <v>51</v>
      </c>
    </row>
    <row r="39336" spans="1:43">
      <c r="A39336" t="s">
        <v>24401</v>
      </c>
      <c r="B39336" t="s">
        <v>24402</v>
      </c>
      <c r="C39336" t="s">
        <v>24391</v>
      </c>
      <c r="D39336" t="s">
        <v>24392</v>
      </c>
      <c r="E39336" t="s">
        <v>24327</v>
      </c>
      <c r="F39336" t="s">
        <v>24328</v>
      </c>
      <c r="G39336" t="s">
        <v>11612</v>
      </c>
      <c r="H39336" t="s">
        <v>11613</v>
      </c>
      <c r="I39336" s="2">
        <v>0</v>
      </c>
      <c r="J39336" s="2">
        <v>0</v>
      </c>
      <c r="K39336" s="2">
        <v>1</v>
      </c>
      <c r="L39336" t="s">
        <v>995</v>
      </c>
      <c r="M39336" t="s">
        <v>89</v>
      </c>
      <c r="N39336" t="s">
        <v>90</v>
      </c>
      <c r="O39336" t="s">
        <v>85</v>
      </c>
      <c r="P39336" t="s">
        <v>86</v>
      </c>
      <c r="Q39336">
        <v>44</v>
      </c>
      <c r="R39336">
        <v>45</v>
      </c>
      <c r="S39336">
        <v>46</v>
      </c>
      <c r="T39336">
        <v>47</v>
      </c>
      <c r="U39336">
        <v>48</v>
      </c>
      <c r="V39336">
        <v>49</v>
      </c>
      <c r="W39336">
        <v>50</v>
      </c>
      <c r="X39336">
        <v>51</v>
      </c>
      <c r="Y39336">
        <v>52</v>
      </c>
      <c r="Z39336">
        <v>52</v>
      </c>
      <c r="AA39336">
        <v>53</v>
      </c>
      <c r="AB39336">
        <v>54</v>
      </c>
      <c r="AC39336">
        <v>55</v>
      </c>
      <c r="AD39336">
        <v>56</v>
      </c>
      <c r="AE39336">
        <v>56</v>
      </c>
      <c r="AF39336">
        <v>56</v>
      </c>
      <c r="AG39336">
        <v>56</v>
      </c>
      <c r="AH39336">
        <v>57</v>
      </c>
      <c r="AI39336">
        <v>57</v>
      </c>
      <c r="AJ39336">
        <v>57</v>
      </c>
      <c r="AK39336">
        <v>57</v>
      </c>
      <c r="AL39336">
        <v>57</v>
      </c>
      <c r="AM39336">
        <v>58</v>
      </c>
      <c r="AN39336">
        <v>58</v>
      </c>
      <c r="AO39336">
        <v>58</v>
      </c>
      <c r="AP39336">
        <v>58</v>
      </c>
      <c r="AQ39336">
        <v>59</v>
      </c>
    </row>
    <row r="39337" spans="1:43">
      <c r="A39337" t="s">
        <v>24401</v>
      </c>
      <c r="B39337" t="s">
        <v>24402</v>
      </c>
      <c r="C39337" t="s">
        <v>24391</v>
      </c>
      <c r="D39337" t="s">
        <v>24392</v>
      </c>
      <c r="E39337" t="s">
        <v>24327</v>
      </c>
      <c r="F39337" t="s">
        <v>24328</v>
      </c>
      <c r="G39337" t="s">
        <v>11612</v>
      </c>
      <c r="H39337" t="s">
        <v>11613</v>
      </c>
      <c r="I39337" s="2">
        <v>0</v>
      </c>
      <c r="J39337" s="2">
        <v>0</v>
      </c>
      <c r="K39337" s="2">
        <v>1</v>
      </c>
      <c r="L39337" t="s">
        <v>995</v>
      </c>
      <c r="M39337" t="s">
        <v>83</v>
      </c>
      <c r="N39337" t="s">
        <v>91</v>
      </c>
      <c r="O39337" t="s">
        <v>85</v>
      </c>
      <c r="P39337" t="s">
        <v>86</v>
      </c>
      <c r="Q39337">
        <v>44</v>
      </c>
      <c r="R39337">
        <v>44</v>
      </c>
      <c r="S39337">
        <v>45</v>
      </c>
      <c r="T39337">
        <v>46</v>
      </c>
      <c r="U39337">
        <v>46</v>
      </c>
      <c r="V39337">
        <v>47</v>
      </c>
      <c r="W39337">
        <v>47</v>
      </c>
      <c r="X39337">
        <v>48</v>
      </c>
      <c r="Y39337">
        <v>49</v>
      </c>
      <c r="Z39337">
        <v>49</v>
      </c>
      <c r="AA39337">
        <v>50</v>
      </c>
      <c r="AB39337">
        <v>51</v>
      </c>
      <c r="AC39337">
        <v>51</v>
      </c>
      <c r="AD39337">
        <v>52</v>
      </c>
      <c r="AE39337">
        <v>52</v>
      </c>
      <c r="AF39337">
        <v>53</v>
      </c>
      <c r="AG39337">
        <v>54</v>
      </c>
      <c r="AH39337">
        <v>54</v>
      </c>
      <c r="AI39337">
        <v>55</v>
      </c>
      <c r="AJ39337">
        <v>56</v>
      </c>
      <c r="AK39337">
        <v>56</v>
      </c>
      <c r="AL39337">
        <v>57</v>
      </c>
      <c r="AM39337">
        <v>57</v>
      </c>
      <c r="AN39337">
        <v>57</v>
      </c>
      <c r="AO39337">
        <v>58</v>
      </c>
      <c r="AP39337">
        <v>58</v>
      </c>
      <c r="AQ39337">
        <v>58</v>
      </c>
    </row>
    <row r="39338" spans="1:43">
      <c r="A39338" t="s">
        <v>24403</v>
      </c>
      <c r="B39338" t="s">
        <v>24404</v>
      </c>
      <c r="C39338" t="s">
        <v>24399</v>
      </c>
      <c r="D39338" t="s">
        <v>24400</v>
      </c>
      <c r="E39338" t="s">
        <v>24327</v>
      </c>
      <c r="F39338" t="s">
        <v>24328</v>
      </c>
      <c r="G39338" t="s">
        <v>11612</v>
      </c>
      <c r="H39338" t="s">
        <v>11613</v>
      </c>
      <c r="I39338" s="2">
        <v>0</v>
      </c>
      <c r="J39338" s="2">
        <v>0</v>
      </c>
      <c r="K39338" s="2">
        <v>1</v>
      </c>
      <c r="L39338" t="s">
        <v>995</v>
      </c>
      <c r="M39338" t="s">
        <v>83</v>
      </c>
      <c r="N39338" t="s">
        <v>84</v>
      </c>
      <c r="O39338" t="s">
        <v>85</v>
      </c>
      <c r="P39338" t="s">
        <v>86</v>
      </c>
      <c r="Q39338">
        <v>39</v>
      </c>
      <c r="R39338">
        <v>40</v>
      </c>
      <c r="S39338">
        <v>41</v>
      </c>
      <c r="T39338">
        <v>41</v>
      </c>
      <c r="U39338">
        <v>42</v>
      </c>
      <c r="V39338">
        <v>42</v>
      </c>
      <c r="W39338">
        <v>43</v>
      </c>
      <c r="X39338">
        <v>43</v>
      </c>
      <c r="Y39338">
        <v>44</v>
      </c>
      <c r="Z39338">
        <v>45</v>
      </c>
      <c r="AA39338">
        <v>45</v>
      </c>
      <c r="AB39338">
        <v>46</v>
      </c>
      <c r="AC39338">
        <v>46</v>
      </c>
      <c r="AD39338">
        <v>47</v>
      </c>
      <c r="AE39338">
        <v>47</v>
      </c>
      <c r="AF39338">
        <v>48</v>
      </c>
      <c r="AG39338">
        <v>49</v>
      </c>
      <c r="AH39338">
        <v>49</v>
      </c>
      <c r="AI39338">
        <v>50</v>
      </c>
      <c r="AJ39338">
        <v>50</v>
      </c>
      <c r="AK39338">
        <v>51</v>
      </c>
      <c r="AL39338">
        <v>51</v>
      </c>
      <c r="AM39338">
        <v>52</v>
      </c>
      <c r="AN39338">
        <v>52</v>
      </c>
      <c r="AO39338">
        <v>52</v>
      </c>
      <c r="AP39338">
        <v>52</v>
      </c>
      <c r="AQ39338">
        <v>53</v>
      </c>
    </row>
    <row r="39339" spans="1:43">
      <c r="A39339" t="s">
        <v>24403</v>
      </c>
      <c r="B39339" t="s">
        <v>24404</v>
      </c>
      <c r="C39339" t="s">
        <v>24399</v>
      </c>
      <c r="D39339" t="s">
        <v>24400</v>
      </c>
      <c r="E39339" t="s">
        <v>24327</v>
      </c>
      <c r="F39339" t="s">
        <v>24328</v>
      </c>
      <c r="G39339" t="s">
        <v>11612</v>
      </c>
      <c r="H39339" t="s">
        <v>11613</v>
      </c>
      <c r="I39339" s="2">
        <v>0</v>
      </c>
      <c r="J39339" s="2">
        <v>0</v>
      </c>
      <c r="K39339" s="2">
        <v>1</v>
      </c>
      <c r="L39339" t="s">
        <v>995</v>
      </c>
      <c r="M39339" t="s">
        <v>87</v>
      </c>
      <c r="N39339" t="s">
        <v>88</v>
      </c>
      <c r="O39339" t="s">
        <v>85</v>
      </c>
      <c r="P39339" t="s">
        <v>86</v>
      </c>
      <c r="Q39339">
        <v>39</v>
      </c>
      <c r="R39339">
        <v>39</v>
      </c>
      <c r="S39339">
        <v>40</v>
      </c>
      <c r="T39339">
        <v>40</v>
      </c>
      <c r="U39339">
        <v>40</v>
      </c>
      <c r="V39339">
        <v>40</v>
      </c>
      <c r="W39339">
        <v>40</v>
      </c>
      <c r="X39339">
        <v>41</v>
      </c>
      <c r="Y39339">
        <v>41</v>
      </c>
      <c r="Z39339">
        <v>41</v>
      </c>
      <c r="AA39339">
        <v>41</v>
      </c>
      <c r="AB39339">
        <v>41</v>
      </c>
      <c r="AC39339">
        <v>42</v>
      </c>
      <c r="AD39339">
        <v>42</v>
      </c>
      <c r="AE39339">
        <v>42</v>
      </c>
      <c r="AF39339">
        <v>42</v>
      </c>
      <c r="AG39339">
        <v>42</v>
      </c>
      <c r="AH39339">
        <v>43</v>
      </c>
      <c r="AI39339">
        <v>43</v>
      </c>
      <c r="AJ39339">
        <v>43</v>
      </c>
      <c r="AK39339">
        <v>44</v>
      </c>
      <c r="AL39339">
        <v>44</v>
      </c>
      <c r="AM39339">
        <v>44</v>
      </c>
      <c r="AN39339">
        <v>44</v>
      </c>
      <c r="AO39339">
        <v>45</v>
      </c>
      <c r="AP39339">
        <v>45</v>
      </c>
      <c r="AQ39339">
        <v>45</v>
      </c>
    </row>
    <row r="39340" spans="1:43">
      <c r="A39340" t="s">
        <v>24403</v>
      </c>
      <c r="B39340" t="s">
        <v>24404</v>
      </c>
      <c r="C39340" t="s">
        <v>24399</v>
      </c>
      <c r="D39340" t="s">
        <v>24400</v>
      </c>
      <c r="E39340" t="s">
        <v>24327</v>
      </c>
      <c r="F39340" t="s">
        <v>24328</v>
      </c>
      <c r="G39340" t="s">
        <v>11612</v>
      </c>
      <c r="H39340" t="s">
        <v>11613</v>
      </c>
      <c r="I39340" s="2">
        <v>0</v>
      </c>
      <c r="J39340" s="2">
        <v>0</v>
      </c>
      <c r="K39340" s="2">
        <v>1</v>
      </c>
      <c r="L39340" t="s">
        <v>995</v>
      </c>
      <c r="M39340" t="s">
        <v>89</v>
      </c>
      <c r="N39340" t="s">
        <v>90</v>
      </c>
      <c r="O39340" t="s">
        <v>85</v>
      </c>
      <c r="P39340" t="s">
        <v>86</v>
      </c>
      <c r="Q39340">
        <v>39</v>
      </c>
      <c r="R39340">
        <v>40</v>
      </c>
      <c r="S39340">
        <v>41</v>
      </c>
      <c r="T39340">
        <v>42</v>
      </c>
      <c r="U39340">
        <v>42</v>
      </c>
      <c r="V39340">
        <v>43</v>
      </c>
      <c r="W39340">
        <v>44</v>
      </c>
      <c r="X39340">
        <v>45</v>
      </c>
      <c r="Y39340">
        <v>46</v>
      </c>
      <c r="Z39340">
        <v>46</v>
      </c>
      <c r="AA39340">
        <v>47</v>
      </c>
      <c r="AB39340">
        <v>48</v>
      </c>
      <c r="AC39340">
        <v>49</v>
      </c>
      <c r="AD39340">
        <v>49</v>
      </c>
      <c r="AE39340">
        <v>50</v>
      </c>
      <c r="AF39340">
        <v>50</v>
      </c>
      <c r="AG39340">
        <v>50</v>
      </c>
      <c r="AH39340">
        <v>50</v>
      </c>
      <c r="AI39340">
        <v>50</v>
      </c>
      <c r="AJ39340">
        <v>51</v>
      </c>
      <c r="AK39340">
        <v>51</v>
      </c>
      <c r="AL39340">
        <v>51</v>
      </c>
      <c r="AM39340">
        <v>51</v>
      </c>
      <c r="AN39340">
        <v>51</v>
      </c>
      <c r="AO39340">
        <v>52</v>
      </c>
      <c r="AP39340">
        <v>52</v>
      </c>
      <c r="AQ39340">
        <v>52</v>
      </c>
    </row>
    <row r="39341" spans="1:43">
      <c r="A39341" t="s">
        <v>24403</v>
      </c>
      <c r="B39341" t="s">
        <v>24404</v>
      </c>
      <c r="C39341" t="s">
        <v>24399</v>
      </c>
      <c r="D39341" t="s">
        <v>24400</v>
      </c>
      <c r="E39341" t="s">
        <v>24327</v>
      </c>
      <c r="F39341" t="s">
        <v>24328</v>
      </c>
      <c r="G39341" t="s">
        <v>11612</v>
      </c>
      <c r="H39341" t="s">
        <v>11613</v>
      </c>
      <c r="I39341" s="2">
        <v>0</v>
      </c>
      <c r="J39341" s="2">
        <v>0</v>
      </c>
      <c r="K39341" s="2">
        <v>1</v>
      </c>
      <c r="L39341" t="s">
        <v>995</v>
      </c>
      <c r="M39341" t="s">
        <v>83</v>
      </c>
      <c r="N39341" t="s">
        <v>91</v>
      </c>
      <c r="O39341" t="s">
        <v>85</v>
      </c>
      <c r="P39341" t="s">
        <v>86</v>
      </c>
      <c r="Q39341">
        <v>39</v>
      </c>
      <c r="R39341">
        <v>40</v>
      </c>
      <c r="S39341">
        <v>41</v>
      </c>
      <c r="T39341">
        <v>41</v>
      </c>
      <c r="U39341">
        <v>42</v>
      </c>
      <c r="V39341">
        <v>42</v>
      </c>
      <c r="W39341">
        <v>43</v>
      </c>
      <c r="X39341">
        <v>43</v>
      </c>
      <c r="Y39341">
        <v>44</v>
      </c>
      <c r="Z39341">
        <v>45</v>
      </c>
      <c r="AA39341">
        <v>45</v>
      </c>
      <c r="AB39341">
        <v>46</v>
      </c>
      <c r="AC39341">
        <v>46</v>
      </c>
      <c r="AD39341">
        <v>47</v>
      </c>
      <c r="AE39341">
        <v>47</v>
      </c>
      <c r="AF39341">
        <v>48</v>
      </c>
      <c r="AG39341">
        <v>49</v>
      </c>
      <c r="AH39341">
        <v>49</v>
      </c>
      <c r="AI39341">
        <v>50</v>
      </c>
      <c r="AJ39341">
        <v>50</v>
      </c>
      <c r="AK39341">
        <v>51</v>
      </c>
      <c r="AL39341">
        <v>51</v>
      </c>
      <c r="AM39341">
        <v>52</v>
      </c>
      <c r="AN39341">
        <v>52</v>
      </c>
      <c r="AO39341">
        <v>52</v>
      </c>
      <c r="AP39341">
        <v>52</v>
      </c>
      <c r="AQ39341">
        <v>53</v>
      </c>
    </row>
    <row r="39342" spans="1:43">
      <c r="A39342" t="s">
        <v>24405</v>
      </c>
      <c r="B39342" t="s">
        <v>24406</v>
      </c>
      <c r="C39342" t="s">
        <v>24399</v>
      </c>
      <c r="D39342" t="s">
        <v>24400</v>
      </c>
      <c r="E39342" t="s">
        <v>24327</v>
      </c>
      <c r="F39342" t="s">
        <v>24328</v>
      </c>
      <c r="G39342" t="s">
        <v>11612</v>
      </c>
      <c r="H39342" t="s">
        <v>11613</v>
      </c>
      <c r="I39342" s="2">
        <v>0</v>
      </c>
      <c r="J39342" s="2">
        <v>0</v>
      </c>
      <c r="K39342" s="2">
        <v>1</v>
      </c>
      <c r="L39342" t="s">
        <v>995</v>
      </c>
      <c r="M39342" t="s">
        <v>83</v>
      </c>
      <c r="N39342" t="s">
        <v>84</v>
      </c>
      <c r="O39342" t="s">
        <v>85</v>
      </c>
      <c r="P39342" t="s">
        <v>86</v>
      </c>
      <c r="Q39342">
        <v>6</v>
      </c>
      <c r="R39342">
        <v>6</v>
      </c>
      <c r="S39342">
        <v>6</v>
      </c>
      <c r="T39342">
        <v>6</v>
      </c>
      <c r="U39342">
        <v>6</v>
      </c>
      <c r="V39342">
        <v>6</v>
      </c>
      <c r="W39342">
        <v>6</v>
      </c>
      <c r="X39342">
        <v>6</v>
      </c>
      <c r="Y39342">
        <v>6</v>
      </c>
      <c r="Z39342">
        <v>7</v>
      </c>
      <c r="AA39342">
        <v>7</v>
      </c>
      <c r="AB39342">
        <v>7</v>
      </c>
      <c r="AC39342">
        <v>7</v>
      </c>
      <c r="AD39342">
        <v>7</v>
      </c>
      <c r="AE39342">
        <v>7</v>
      </c>
      <c r="AF39342">
        <v>7</v>
      </c>
      <c r="AG39342">
        <v>7</v>
      </c>
      <c r="AH39342">
        <v>7</v>
      </c>
      <c r="AI39342">
        <v>7</v>
      </c>
      <c r="AJ39342">
        <v>7</v>
      </c>
      <c r="AK39342">
        <v>7</v>
      </c>
      <c r="AL39342">
        <v>8</v>
      </c>
      <c r="AM39342">
        <v>8</v>
      </c>
      <c r="AN39342">
        <v>8</v>
      </c>
      <c r="AO39342">
        <v>8</v>
      </c>
      <c r="AP39342">
        <v>8</v>
      </c>
      <c r="AQ39342">
        <v>8</v>
      </c>
    </row>
    <row r="39343" spans="1:43">
      <c r="A39343" t="s">
        <v>24405</v>
      </c>
      <c r="B39343" t="s">
        <v>24406</v>
      </c>
      <c r="C39343" t="s">
        <v>24399</v>
      </c>
      <c r="D39343" t="s">
        <v>24400</v>
      </c>
      <c r="E39343" t="s">
        <v>24327</v>
      </c>
      <c r="F39343" t="s">
        <v>24328</v>
      </c>
      <c r="G39343" t="s">
        <v>11612</v>
      </c>
      <c r="H39343" t="s">
        <v>11613</v>
      </c>
      <c r="I39343" s="2">
        <v>0</v>
      </c>
      <c r="J39343" s="2">
        <v>0</v>
      </c>
      <c r="K39343" s="2">
        <v>1</v>
      </c>
      <c r="L39343" t="s">
        <v>995</v>
      </c>
      <c r="M39343" t="s">
        <v>87</v>
      </c>
      <c r="N39343" t="s">
        <v>88</v>
      </c>
      <c r="O39343" t="s">
        <v>85</v>
      </c>
      <c r="P39343" t="s">
        <v>86</v>
      </c>
      <c r="Q39343">
        <v>6</v>
      </c>
      <c r="R39343">
        <v>6</v>
      </c>
      <c r="S39343">
        <v>6</v>
      </c>
      <c r="T39343">
        <v>6</v>
      </c>
      <c r="U39343">
        <v>6</v>
      </c>
      <c r="V39343">
        <v>6</v>
      </c>
      <c r="W39343">
        <v>6</v>
      </c>
      <c r="X39343">
        <v>6</v>
      </c>
      <c r="Y39343">
        <v>6</v>
      </c>
      <c r="Z39343">
        <v>6</v>
      </c>
      <c r="AA39343">
        <v>6</v>
      </c>
      <c r="AB39343">
        <v>6</v>
      </c>
      <c r="AC39343">
        <v>6</v>
      </c>
      <c r="AD39343">
        <v>6</v>
      </c>
      <c r="AE39343">
        <v>6</v>
      </c>
      <c r="AF39343">
        <v>6</v>
      </c>
      <c r="AG39343">
        <v>6</v>
      </c>
      <c r="AH39343">
        <v>6</v>
      </c>
      <c r="AI39343">
        <v>6</v>
      </c>
      <c r="AJ39343">
        <v>6</v>
      </c>
      <c r="AK39343">
        <v>6</v>
      </c>
      <c r="AL39343">
        <v>6</v>
      </c>
      <c r="AM39343">
        <v>6</v>
      </c>
      <c r="AN39343">
        <v>6</v>
      </c>
      <c r="AO39343">
        <v>7</v>
      </c>
      <c r="AP39343">
        <v>7</v>
      </c>
      <c r="AQ39343">
        <v>7</v>
      </c>
    </row>
    <row r="39344" spans="1:43">
      <c r="A39344" t="s">
        <v>24405</v>
      </c>
      <c r="B39344" t="s">
        <v>24406</v>
      </c>
      <c r="C39344" t="s">
        <v>24399</v>
      </c>
      <c r="D39344" t="s">
        <v>24400</v>
      </c>
      <c r="E39344" t="s">
        <v>24327</v>
      </c>
      <c r="F39344" t="s">
        <v>24328</v>
      </c>
      <c r="G39344" t="s">
        <v>11612</v>
      </c>
      <c r="H39344" t="s">
        <v>11613</v>
      </c>
      <c r="I39344" s="2">
        <v>0</v>
      </c>
      <c r="J39344" s="2">
        <v>0</v>
      </c>
      <c r="K39344" s="2">
        <v>1</v>
      </c>
      <c r="L39344" t="s">
        <v>995</v>
      </c>
      <c r="M39344" t="s">
        <v>89</v>
      </c>
      <c r="N39344" t="s">
        <v>90</v>
      </c>
      <c r="O39344" t="s">
        <v>85</v>
      </c>
      <c r="P39344" t="s">
        <v>86</v>
      </c>
      <c r="Q39344">
        <v>6</v>
      </c>
      <c r="R39344">
        <v>6</v>
      </c>
      <c r="S39344">
        <v>6</v>
      </c>
      <c r="T39344">
        <v>6</v>
      </c>
      <c r="U39344">
        <v>6</v>
      </c>
      <c r="V39344">
        <v>6</v>
      </c>
      <c r="W39344">
        <v>7</v>
      </c>
      <c r="X39344">
        <v>7</v>
      </c>
      <c r="Y39344">
        <v>7</v>
      </c>
      <c r="Z39344">
        <v>7</v>
      </c>
      <c r="AA39344">
        <v>7</v>
      </c>
      <c r="AB39344">
        <v>7</v>
      </c>
      <c r="AC39344">
        <v>7</v>
      </c>
      <c r="AD39344">
        <v>7</v>
      </c>
      <c r="AE39344">
        <v>7</v>
      </c>
      <c r="AF39344">
        <v>7</v>
      </c>
      <c r="AG39344">
        <v>7</v>
      </c>
      <c r="AH39344">
        <v>7</v>
      </c>
      <c r="AI39344">
        <v>8</v>
      </c>
      <c r="AJ39344">
        <v>8</v>
      </c>
      <c r="AK39344">
        <v>8</v>
      </c>
      <c r="AL39344">
        <v>8</v>
      </c>
      <c r="AM39344">
        <v>8</v>
      </c>
      <c r="AN39344">
        <v>8</v>
      </c>
      <c r="AO39344">
        <v>8</v>
      </c>
      <c r="AP39344">
        <v>8</v>
      </c>
      <c r="AQ39344">
        <v>8</v>
      </c>
    </row>
    <row r="39345" spans="1:43">
      <c r="A39345" t="s">
        <v>24405</v>
      </c>
      <c r="B39345" t="s">
        <v>24406</v>
      </c>
      <c r="C39345" t="s">
        <v>24399</v>
      </c>
      <c r="D39345" t="s">
        <v>24400</v>
      </c>
      <c r="E39345" t="s">
        <v>24327</v>
      </c>
      <c r="F39345" t="s">
        <v>24328</v>
      </c>
      <c r="G39345" t="s">
        <v>11612</v>
      </c>
      <c r="H39345" t="s">
        <v>11613</v>
      </c>
      <c r="I39345" s="2">
        <v>0</v>
      </c>
      <c r="J39345" s="2">
        <v>0</v>
      </c>
      <c r="K39345" s="2">
        <v>1</v>
      </c>
      <c r="L39345" t="s">
        <v>995</v>
      </c>
      <c r="M39345" t="s">
        <v>83</v>
      </c>
      <c r="N39345" t="s">
        <v>91</v>
      </c>
      <c r="O39345" t="s">
        <v>85</v>
      </c>
      <c r="P39345" t="s">
        <v>86</v>
      </c>
      <c r="Q39345">
        <v>6</v>
      </c>
      <c r="R39345">
        <v>6</v>
      </c>
      <c r="S39345">
        <v>6</v>
      </c>
      <c r="T39345">
        <v>6</v>
      </c>
      <c r="U39345">
        <v>6</v>
      </c>
      <c r="V39345">
        <v>6</v>
      </c>
      <c r="W39345">
        <v>6</v>
      </c>
      <c r="X39345">
        <v>6</v>
      </c>
      <c r="Y39345">
        <v>6</v>
      </c>
      <c r="Z39345">
        <v>7</v>
      </c>
      <c r="AA39345">
        <v>7</v>
      </c>
      <c r="AB39345">
        <v>7</v>
      </c>
      <c r="AC39345">
        <v>7</v>
      </c>
      <c r="AD39345">
        <v>7</v>
      </c>
      <c r="AE39345">
        <v>7</v>
      </c>
      <c r="AF39345">
        <v>7</v>
      </c>
      <c r="AG39345">
        <v>7</v>
      </c>
      <c r="AH39345">
        <v>7</v>
      </c>
      <c r="AI39345">
        <v>7</v>
      </c>
      <c r="AJ39345">
        <v>7</v>
      </c>
      <c r="AK39345">
        <v>7</v>
      </c>
      <c r="AL39345">
        <v>8</v>
      </c>
      <c r="AM39345">
        <v>8</v>
      </c>
      <c r="AN39345">
        <v>8</v>
      </c>
      <c r="AO39345">
        <v>8</v>
      </c>
      <c r="AP39345">
        <v>8</v>
      </c>
      <c r="AQ39345">
        <v>8</v>
      </c>
    </row>
    <row r="39346" spans="1:43">
      <c r="A39346" t="s">
        <v>24407</v>
      </c>
      <c r="B39346" t="s">
        <v>24408</v>
      </c>
      <c r="C39346" t="s">
        <v>24399</v>
      </c>
      <c r="D39346" t="s">
        <v>24400</v>
      </c>
      <c r="E39346" t="s">
        <v>24327</v>
      </c>
      <c r="F39346" t="s">
        <v>24328</v>
      </c>
      <c r="G39346" t="s">
        <v>11612</v>
      </c>
      <c r="H39346" t="s">
        <v>11613</v>
      </c>
      <c r="I39346" s="2">
        <v>0</v>
      </c>
      <c r="J39346" s="2">
        <v>0</v>
      </c>
      <c r="K39346" s="2">
        <v>1</v>
      </c>
      <c r="L39346" t="s">
        <v>995</v>
      </c>
      <c r="M39346" t="s">
        <v>83</v>
      </c>
      <c r="N39346" t="s">
        <v>84</v>
      </c>
      <c r="O39346" t="s">
        <v>85</v>
      </c>
      <c r="P39346" t="s">
        <v>86</v>
      </c>
      <c r="Q39346">
        <v>25</v>
      </c>
      <c r="R39346">
        <v>25</v>
      </c>
      <c r="S39346">
        <v>25</v>
      </c>
      <c r="T39346">
        <v>26</v>
      </c>
      <c r="U39346">
        <v>26</v>
      </c>
      <c r="V39346">
        <v>26</v>
      </c>
      <c r="W39346">
        <v>27</v>
      </c>
      <c r="X39346">
        <v>27</v>
      </c>
      <c r="Y39346">
        <v>27</v>
      </c>
      <c r="Z39346">
        <v>28</v>
      </c>
      <c r="AA39346">
        <v>28</v>
      </c>
      <c r="AB39346">
        <v>28</v>
      </c>
      <c r="AC39346">
        <v>29</v>
      </c>
      <c r="AD39346">
        <v>29</v>
      </c>
      <c r="AE39346">
        <v>30</v>
      </c>
      <c r="AF39346">
        <v>30</v>
      </c>
      <c r="AG39346">
        <v>30</v>
      </c>
      <c r="AH39346">
        <v>31</v>
      </c>
      <c r="AI39346">
        <v>31</v>
      </c>
      <c r="AJ39346">
        <v>31</v>
      </c>
      <c r="AK39346">
        <v>32</v>
      </c>
      <c r="AL39346">
        <v>32</v>
      </c>
      <c r="AM39346">
        <v>32</v>
      </c>
      <c r="AN39346">
        <v>32</v>
      </c>
      <c r="AO39346">
        <v>32</v>
      </c>
      <c r="AP39346">
        <v>33</v>
      </c>
      <c r="AQ39346">
        <v>33</v>
      </c>
    </row>
    <row r="39347" spans="1:43">
      <c r="A39347" t="s">
        <v>24407</v>
      </c>
      <c r="B39347" t="s">
        <v>24408</v>
      </c>
      <c r="C39347" t="s">
        <v>24399</v>
      </c>
      <c r="D39347" t="s">
        <v>24400</v>
      </c>
      <c r="E39347" t="s">
        <v>24327</v>
      </c>
      <c r="F39347" t="s">
        <v>24328</v>
      </c>
      <c r="G39347" t="s">
        <v>11612</v>
      </c>
      <c r="H39347" t="s">
        <v>11613</v>
      </c>
      <c r="I39347" s="2">
        <v>0</v>
      </c>
      <c r="J39347" s="2">
        <v>0</v>
      </c>
      <c r="K39347" s="2">
        <v>1</v>
      </c>
      <c r="L39347" t="s">
        <v>995</v>
      </c>
      <c r="M39347" t="s">
        <v>87</v>
      </c>
      <c r="N39347" t="s">
        <v>88</v>
      </c>
      <c r="O39347" t="s">
        <v>85</v>
      </c>
      <c r="P39347" t="s">
        <v>86</v>
      </c>
      <c r="Q39347">
        <v>25</v>
      </c>
      <c r="R39347">
        <v>25</v>
      </c>
      <c r="S39347">
        <v>26</v>
      </c>
      <c r="T39347">
        <v>26</v>
      </c>
      <c r="U39347">
        <v>26</v>
      </c>
      <c r="V39347">
        <v>26</v>
      </c>
      <c r="W39347">
        <v>26</v>
      </c>
      <c r="X39347">
        <v>26</v>
      </c>
      <c r="Y39347">
        <v>26</v>
      </c>
      <c r="Z39347">
        <v>26</v>
      </c>
      <c r="AA39347">
        <v>27</v>
      </c>
      <c r="AB39347">
        <v>27</v>
      </c>
      <c r="AC39347">
        <v>27</v>
      </c>
      <c r="AD39347">
        <v>27</v>
      </c>
      <c r="AE39347">
        <v>27</v>
      </c>
      <c r="AF39347">
        <v>27</v>
      </c>
      <c r="AG39347">
        <v>27</v>
      </c>
      <c r="AH39347">
        <v>28</v>
      </c>
      <c r="AI39347">
        <v>28</v>
      </c>
      <c r="AJ39347">
        <v>28</v>
      </c>
      <c r="AK39347">
        <v>28</v>
      </c>
      <c r="AL39347">
        <v>28</v>
      </c>
      <c r="AM39347">
        <v>28</v>
      </c>
      <c r="AN39347">
        <v>29</v>
      </c>
      <c r="AO39347">
        <v>29</v>
      </c>
      <c r="AP39347">
        <v>29</v>
      </c>
      <c r="AQ39347">
        <v>29</v>
      </c>
    </row>
    <row r="39348" spans="1:43">
      <c r="A39348" t="s">
        <v>24407</v>
      </c>
      <c r="B39348" t="s">
        <v>24408</v>
      </c>
      <c r="C39348" t="s">
        <v>24399</v>
      </c>
      <c r="D39348" t="s">
        <v>24400</v>
      </c>
      <c r="E39348" t="s">
        <v>24327</v>
      </c>
      <c r="F39348" t="s">
        <v>24328</v>
      </c>
      <c r="G39348" t="s">
        <v>11612</v>
      </c>
      <c r="H39348" t="s">
        <v>11613</v>
      </c>
      <c r="I39348" s="2">
        <v>0</v>
      </c>
      <c r="J39348" s="2">
        <v>0</v>
      </c>
      <c r="K39348" s="2">
        <v>1</v>
      </c>
      <c r="L39348" t="s">
        <v>995</v>
      </c>
      <c r="M39348" t="s">
        <v>89</v>
      </c>
      <c r="N39348" t="s">
        <v>90</v>
      </c>
      <c r="O39348" t="s">
        <v>85</v>
      </c>
      <c r="P39348" t="s">
        <v>86</v>
      </c>
      <c r="Q39348">
        <v>25</v>
      </c>
      <c r="R39348">
        <v>25</v>
      </c>
      <c r="S39348">
        <v>26</v>
      </c>
      <c r="T39348">
        <v>27</v>
      </c>
      <c r="U39348">
        <v>27</v>
      </c>
      <c r="V39348">
        <v>28</v>
      </c>
      <c r="W39348">
        <v>28</v>
      </c>
      <c r="X39348">
        <v>29</v>
      </c>
      <c r="Y39348">
        <v>29</v>
      </c>
      <c r="Z39348">
        <v>29</v>
      </c>
      <c r="AA39348">
        <v>30</v>
      </c>
      <c r="AB39348">
        <v>30</v>
      </c>
      <c r="AC39348">
        <v>31</v>
      </c>
      <c r="AD39348">
        <v>31</v>
      </c>
      <c r="AE39348">
        <v>32</v>
      </c>
      <c r="AF39348">
        <v>32</v>
      </c>
      <c r="AG39348">
        <v>32</v>
      </c>
      <c r="AH39348">
        <v>32</v>
      </c>
      <c r="AI39348">
        <v>32</v>
      </c>
      <c r="AJ39348">
        <v>32</v>
      </c>
      <c r="AK39348">
        <v>32</v>
      </c>
      <c r="AL39348">
        <v>32</v>
      </c>
      <c r="AM39348">
        <v>33</v>
      </c>
      <c r="AN39348">
        <v>33</v>
      </c>
      <c r="AO39348">
        <v>33</v>
      </c>
      <c r="AP39348">
        <v>33</v>
      </c>
      <c r="AQ39348">
        <v>33</v>
      </c>
    </row>
    <row r="39349" spans="1:43">
      <c r="A39349" t="s">
        <v>24407</v>
      </c>
      <c r="B39349" t="s">
        <v>24408</v>
      </c>
      <c r="C39349" t="s">
        <v>24399</v>
      </c>
      <c r="D39349" t="s">
        <v>24400</v>
      </c>
      <c r="E39349" t="s">
        <v>24327</v>
      </c>
      <c r="F39349" t="s">
        <v>24328</v>
      </c>
      <c r="G39349" t="s">
        <v>11612</v>
      </c>
      <c r="H39349" t="s">
        <v>11613</v>
      </c>
      <c r="I39349" s="2">
        <v>0</v>
      </c>
      <c r="J39349" s="2">
        <v>0</v>
      </c>
      <c r="K39349" s="2">
        <v>1</v>
      </c>
      <c r="L39349" t="s">
        <v>995</v>
      </c>
      <c r="M39349" t="s">
        <v>83</v>
      </c>
      <c r="N39349" t="s">
        <v>91</v>
      </c>
      <c r="O39349" t="s">
        <v>85</v>
      </c>
      <c r="P39349" t="s">
        <v>86</v>
      </c>
      <c r="Q39349">
        <v>25</v>
      </c>
      <c r="R39349">
        <v>25</v>
      </c>
      <c r="S39349">
        <v>25</v>
      </c>
      <c r="T39349">
        <v>26</v>
      </c>
      <c r="U39349">
        <v>26</v>
      </c>
      <c r="V39349">
        <v>26</v>
      </c>
      <c r="W39349">
        <v>27</v>
      </c>
      <c r="X39349">
        <v>27</v>
      </c>
      <c r="Y39349">
        <v>27</v>
      </c>
      <c r="Z39349">
        <v>28</v>
      </c>
      <c r="AA39349">
        <v>28</v>
      </c>
      <c r="AB39349">
        <v>28</v>
      </c>
      <c r="AC39349">
        <v>29</v>
      </c>
      <c r="AD39349">
        <v>29</v>
      </c>
      <c r="AE39349">
        <v>30</v>
      </c>
      <c r="AF39349">
        <v>30</v>
      </c>
      <c r="AG39349">
        <v>30</v>
      </c>
      <c r="AH39349">
        <v>31</v>
      </c>
      <c r="AI39349">
        <v>31</v>
      </c>
      <c r="AJ39349">
        <v>31</v>
      </c>
      <c r="AK39349">
        <v>32</v>
      </c>
      <c r="AL39349">
        <v>32</v>
      </c>
      <c r="AM39349">
        <v>32</v>
      </c>
      <c r="AN39349">
        <v>32</v>
      </c>
      <c r="AO39349">
        <v>32</v>
      </c>
      <c r="AP39349">
        <v>33</v>
      </c>
      <c r="AQ39349">
        <v>33</v>
      </c>
    </row>
    <row r="39350" spans="1:43">
      <c r="A39350" t="s">
        <v>24409</v>
      </c>
      <c r="B39350" t="s">
        <v>24410</v>
      </c>
      <c r="C39350" t="s">
        <v>24411</v>
      </c>
      <c r="D39350" t="s">
        <v>24412</v>
      </c>
      <c r="E39350" t="s">
        <v>24327</v>
      </c>
      <c r="F39350" t="s">
        <v>24328</v>
      </c>
      <c r="G39350" t="s">
        <v>11612</v>
      </c>
      <c r="H39350" t="s">
        <v>11613</v>
      </c>
      <c r="I39350" s="2">
        <v>0</v>
      </c>
      <c r="J39350" s="2">
        <v>0</v>
      </c>
      <c r="K39350" s="2">
        <v>1</v>
      </c>
      <c r="L39350" t="s">
        <v>995</v>
      </c>
      <c r="M39350" t="s">
        <v>83</v>
      </c>
      <c r="N39350" t="s">
        <v>84</v>
      </c>
      <c r="O39350" t="s">
        <v>85</v>
      </c>
      <c r="P39350" t="s">
        <v>86</v>
      </c>
      <c r="Q39350">
        <v>25</v>
      </c>
      <c r="R39350">
        <v>26</v>
      </c>
      <c r="S39350">
        <v>26</v>
      </c>
      <c r="T39350">
        <v>27</v>
      </c>
      <c r="U39350">
        <v>27</v>
      </c>
      <c r="V39350">
        <v>27</v>
      </c>
      <c r="W39350">
        <v>28</v>
      </c>
      <c r="X39350">
        <v>28</v>
      </c>
      <c r="Y39350">
        <v>28</v>
      </c>
      <c r="Z39350">
        <v>29</v>
      </c>
      <c r="AA39350">
        <v>29</v>
      </c>
      <c r="AB39350">
        <v>30</v>
      </c>
      <c r="AC39350">
        <v>30</v>
      </c>
      <c r="AD39350">
        <v>30</v>
      </c>
      <c r="AE39350">
        <v>31</v>
      </c>
      <c r="AF39350">
        <v>31</v>
      </c>
      <c r="AG39350">
        <v>31</v>
      </c>
      <c r="AH39350">
        <v>32</v>
      </c>
      <c r="AI39350">
        <v>32</v>
      </c>
      <c r="AJ39350">
        <v>33</v>
      </c>
      <c r="AK39350">
        <v>33</v>
      </c>
      <c r="AL39350">
        <v>33</v>
      </c>
      <c r="AM39350">
        <v>33</v>
      </c>
      <c r="AN39350">
        <v>34</v>
      </c>
      <c r="AO39350">
        <v>34</v>
      </c>
      <c r="AP39350">
        <v>34</v>
      </c>
      <c r="AQ39350">
        <v>34</v>
      </c>
    </row>
    <row r="39351" spans="1:43">
      <c r="A39351" t="s">
        <v>24409</v>
      </c>
      <c r="B39351" t="s">
        <v>24410</v>
      </c>
      <c r="C39351" t="s">
        <v>24411</v>
      </c>
      <c r="D39351" t="s">
        <v>24412</v>
      </c>
      <c r="E39351" t="s">
        <v>24327</v>
      </c>
      <c r="F39351" t="s">
        <v>24328</v>
      </c>
      <c r="G39351" t="s">
        <v>11612</v>
      </c>
      <c r="H39351" t="s">
        <v>11613</v>
      </c>
      <c r="I39351" s="2">
        <v>0</v>
      </c>
      <c r="J39351" s="2">
        <v>0</v>
      </c>
      <c r="K39351" s="2">
        <v>1</v>
      </c>
      <c r="L39351" t="s">
        <v>995</v>
      </c>
      <c r="M39351" t="s">
        <v>87</v>
      </c>
      <c r="N39351" t="s">
        <v>88</v>
      </c>
      <c r="O39351" t="s">
        <v>85</v>
      </c>
      <c r="P39351" t="s">
        <v>86</v>
      </c>
      <c r="Q39351">
        <v>25</v>
      </c>
      <c r="R39351">
        <v>25</v>
      </c>
      <c r="S39351">
        <v>25</v>
      </c>
      <c r="T39351">
        <v>26</v>
      </c>
      <c r="U39351">
        <v>26</v>
      </c>
      <c r="V39351">
        <v>26</v>
      </c>
      <c r="W39351">
        <v>26</v>
      </c>
      <c r="X39351">
        <v>26</v>
      </c>
      <c r="Y39351">
        <v>26</v>
      </c>
      <c r="Z39351">
        <v>26</v>
      </c>
      <c r="AA39351">
        <v>27</v>
      </c>
      <c r="AB39351">
        <v>27</v>
      </c>
      <c r="AC39351">
        <v>27</v>
      </c>
      <c r="AD39351">
        <v>27</v>
      </c>
      <c r="AE39351">
        <v>27</v>
      </c>
      <c r="AF39351">
        <v>27</v>
      </c>
      <c r="AG39351">
        <v>27</v>
      </c>
      <c r="AH39351">
        <v>28</v>
      </c>
      <c r="AI39351">
        <v>28</v>
      </c>
      <c r="AJ39351">
        <v>28</v>
      </c>
      <c r="AK39351">
        <v>28</v>
      </c>
      <c r="AL39351">
        <v>28</v>
      </c>
      <c r="AM39351">
        <v>29</v>
      </c>
      <c r="AN39351">
        <v>29</v>
      </c>
      <c r="AO39351">
        <v>29</v>
      </c>
      <c r="AP39351">
        <v>29</v>
      </c>
      <c r="AQ39351">
        <v>30</v>
      </c>
    </row>
    <row r="39352" spans="1:43">
      <c r="A39352" t="s">
        <v>24409</v>
      </c>
      <c r="B39352" t="s">
        <v>24410</v>
      </c>
      <c r="C39352" t="s">
        <v>24411</v>
      </c>
      <c r="D39352" t="s">
        <v>24412</v>
      </c>
      <c r="E39352" t="s">
        <v>24327</v>
      </c>
      <c r="F39352" t="s">
        <v>24328</v>
      </c>
      <c r="G39352" t="s">
        <v>11612</v>
      </c>
      <c r="H39352" t="s">
        <v>11613</v>
      </c>
      <c r="I39352" s="2">
        <v>0</v>
      </c>
      <c r="J39352" s="2">
        <v>0</v>
      </c>
      <c r="K39352" s="2">
        <v>1</v>
      </c>
      <c r="L39352" t="s">
        <v>995</v>
      </c>
      <c r="M39352" t="s">
        <v>89</v>
      </c>
      <c r="N39352" t="s">
        <v>90</v>
      </c>
      <c r="O39352" t="s">
        <v>85</v>
      </c>
      <c r="P39352" t="s">
        <v>86</v>
      </c>
      <c r="Q39352">
        <v>25</v>
      </c>
      <c r="R39352">
        <v>25</v>
      </c>
      <c r="S39352">
        <v>26</v>
      </c>
      <c r="T39352">
        <v>26</v>
      </c>
      <c r="U39352">
        <v>27</v>
      </c>
      <c r="V39352">
        <v>28</v>
      </c>
      <c r="W39352">
        <v>28</v>
      </c>
      <c r="X39352">
        <v>29</v>
      </c>
      <c r="Y39352">
        <v>29</v>
      </c>
      <c r="Z39352">
        <v>30</v>
      </c>
      <c r="AA39352">
        <v>30</v>
      </c>
      <c r="AB39352">
        <v>30</v>
      </c>
      <c r="AC39352">
        <v>31</v>
      </c>
      <c r="AD39352">
        <v>32</v>
      </c>
      <c r="AE39352">
        <v>32</v>
      </c>
      <c r="AF39352">
        <v>32</v>
      </c>
      <c r="AG39352">
        <v>32</v>
      </c>
      <c r="AH39352">
        <v>32</v>
      </c>
      <c r="AI39352">
        <v>32</v>
      </c>
      <c r="AJ39352">
        <v>32</v>
      </c>
      <c r="AK39352">
        <v>33</v>
      </c>
      <c r="AL39352">
        <v>33</v>
      </c>
      <c r="AM39352">
        <v>33</v>
      </c>
      <c r="AN39352">
        <v>33</v>
      </c>
      <c r="AO39352">
        <v>33</v>
      </c>
      <c r="AP39352">
        <v>33</v>
      </c>
      <c r="AQ39352">
        <v>34</v>
      </c>
    </row>
    <row r="39353" spans="1:43">
      <c r="A39353" t="s">
        <v>24409</v>
      </c>
      <c r="B39353" t="s">
        <v>24410</v>
      </c>
      <c r="C39353" t="s">
        <v>24411</v>
      </c>
      <c r="D39353" t="s">
        <v>24412</v>
      </c>
      <c r="E39353" t="s">
        <v>24327</v>
      </c>
      <c r="F39353" t="s">
        <v>24328</v>
      </c>
      <c r="G39353" t="s">
        <v>11612</v>
      </c>
      <c r="H39353" t="s">
        <v>11613</v>
      </c>
      <c r="I39353" s="2">
        <v>0</v>
      </c>
      <c r="J39353" s="2">
        <v>0</v>
      </c>
      <c r="K39353" s="2">
        <v>1</v>
      </c>
      <c r="L39353" t="s">
        <v>995</v>
      </c>
      <c r="M39353" t="s">
        <v>83</v>
      </c>
      <c r="N39353" t="s">
        <v>91</v>
      </c>
      <c r="O39353" t="s">
        <v>85</v>
      </c>
      <c r="P39353" t="s">
        <v>86</v>
      </c>
      <c r="Q39353">
        <v>25</v>
      </c>
      <c r="R39353">
        <v>26</v>
      </c>
      <c r="S39353">
        <v>26</v>
      </c>
      <c r="T39353">
        <v>27</v>
      </c>
      <c r="U39353">
        <v>27</v>
      </c>
      <c r="V39353">
        <v>27</v>
      </c>
      <c r="W39353">
        <v>28</v>
      </c>
      <c r="X39353">
        <v>28</v>
      </c>
      <c r="Y39353">
        <v>28</v>
      </c>
      <c r="Z39353">
        <v>29</v>
      </c>
      <c r="AA39353">
        <v>29</v>
      </c>
      <c r="AB39353">
        <v>30</v>
      </c>
      <c r="AC39353">
        <v>30</v>
      </c>
      <c r="AD39353">
        <v>30</v>
      </c>
      <c r="AE39353">
        <v>31</v>
      </c>
      <c r="AF39353">
        <v>31</v>
      </c>
      <c r="AG39353">
        <v>31</v>
      </c>
      <c r="AH39353">
        <v>32</v>
      </c>
      <c r="AI39353">
        <v>32</v>
      </c>
      <c r="AJ39353">
        <v>33</v>
      </c>
      <c r="AK39353">
        <v>33</v>
      </c>
      <c r="AL39353">
        <v>33</v>
      </c>
      <c r="AM39353">
        <v>33</v>
      </c>
      <c r="AN39353">
        <v>34</v>
      </c>
      <c r="AO39353">
        <v>34</v>
      </c>
      <c r="AP39353">
        <v>34</v>
      </c>
      <c r="AQ39353">
        <v>34</v>
      </c>
    </row>
    <row r="39354" spans="1:43">
      <c r="A39354" t="s">
        <v>24413</v>
      </c>
      <c r="B39354" t="s">
        <v>24414</v>
      </c>
      <c r="C39354" t="s">
        <v>24325</v>
      </c>
      <c r="D39354" t="s">
        <v>24326</v>
      </c>
      <c r="E39354" t="s">
        <v>24327</v>
      </c>
      <c r="F39354" t="s">
        <v>24328</v>
      </c>
      <c r="G39354" t="s">
        <v>11612</v>
      </c>
      <c r="H39354" t="s">
        <v>11613</v>
      </c>
      <c r="I39354" s="2">
        <v>0</v>
      </c>
      <c r="J39354" s="2">
        <v>0</v>
      </c>
      <c r="K39354" s="2">
        <v>1</v>
      </c>
      <c r="L39354" t="s">
        <v>995</v>
      </c>
      <c r="M39354" t="s">
        <v>83</v>
      </c>
      <c r="N39354" t="s">
        <v>84</v>
      </c>
      <c r="O39354" t="s">
        <v>85</v>
      </c>
      <c r="P39354" t="s">
        <v>86</v>
      </c>
      <c r="Q39354">
        <v>51</v>
      </c>
      <c r="R39354">
        <v>52</v>
      </c>
      <c r="S39354">
        <v>52</v>
      </c>
      <c r="T39354">
        <v>53</v>
      </c>
      <c r="U39354">
        <v>54</v>
      </c>
      <c r="V39354">
        <v>54</v>
      </c>
      <c r="W39354">
        <v>55</v>
      </c>
      <c r="X39354">
        <v>56</v>
      </c>
      <c r="Y39354">
        <v>57</v>
      </c>
      <c r="Z39354">
        <v>57</v>
      </c>
      <c r="AA39354">
        <v>58</v>
      </c>
      <c r="AB39354">
        <v>59</v>
      </c>
      <c r="AC39354">
        <v>59</v>
      </c>
      <c r="AD39354">
        <v>60</v>
      </c>
      <c r="AE39354">
        <v>61</v>
      </c>
      <c r="AF39354">
        <v>62</v>
      </c>
      <c r="AG39354">
        <v>62</v>
      </c>
      <c r="AH39354">
        <v>63</v>
      </c>
      <c r="AI39354">
        <v>64</v>
      </c>
      <c r="AJ39354">
        <v>65</v>
      </c>
      <c r="AK39354">
        <v>66</v>
      </c>
      <c r="AL39354">
        <v>66</v>
      </c>
      <c r="AM39354">
        <v>66</v>
      </c>
      <c r="AN39354">
        <v>67</v>
      </c>
      <c r="AO39354">
        <v>67</v>
      </c>
      <c r="AP39354">
        <v>67</v>
      </c>
      <c r="AQ39354">
        <v>67</v>
      </c>
    </row>
    <row r="39355" spans="1:43">
      <c r="A39355" t="s">
        <v>24413</v>
      </c>
      <c r="B39355" t="s">
        <v>24414</v>
      </c>
      <c r="C39355" t="s">
        <v>24325</v>
      </c>
      <c r="D39355" t="s">
        <v>24326</v>
      </c>
      <c r="E39355" t="s">
        <v>24327</v>
      </c>
      <c r="F39355" t="s">
        <v>24328</v>
      </c>
      <c r="G39355" t="s">
        <v>11612</v>
      </c>
      <c r="H39355" t="s">
        <v>11613</v>
      </c>
      <c r="I39355" s="2">
        <v>0</v>
      </c>
      <c r="J39355" s="2">
        <v>0</v>
      </c>
      <c r="K39355" s="2">
        <v>1</v>
      </c>
      <c r="L39355" t="s">
        <v>995</v>
      </c>
      <c r="M39355" t="s">
        <v>87</v>
      </c>
      <c r="N39355" t="s">
        <v>88</v>
      </c>
      <c r="O39355" t="s">
        <v>85</v>
      </c>
      <c r="P39355" t="s">
        <v>86</v>
      </c>
      <c r="Q39355">
        <v>51</v>
      </c>
      <c r="R39355">
        <v>52</v>
      </c>
      <c r="S39355">
        <v>52</v>
      </c>
      <c r="T39355">
        <v>52</v>
      </c>
      <c r="U39355">
        <v>52</v>
      </c>
      <c r="V39355">
        <v>53</v>
      </c>
      <c r="W39355">
        <v>53</v>
      </c>
      <c r="X39355">
        <v>53</v>
      </c>
      <c r="Y39355">
        <v>53</v>
      </c>
      <c r="Z39355">
        <v>54</v>
      </c>
      <c r="AA39355">
        <v>54</v>
      </c>
      <c r="AB39355">
        <v>54</v>
      </c>
      <c r="AC39355">
        <v>54</v>
      </c>
      <c r="AD39355">
        <v>55</v>
      </c>
      <c r="AE39355">
        <v>55</v>
      </c>
      <c r="AF39355">
        <v>55</v>
      </c>
      <c r="AG39355">
        <v>56</v>
      </c>
      <c r="AH39355">
        <v>56</v>
      </c>
      <c r="AI39355">
        <v>56</v>
      </c>
      <c r="AJ39355">
        <v>57</v>
      </c>
      <c r="AK39355">
        <v>57</v>
      </c>
      <c r="AL39355">
        <v>57</v>
      </c>
      <c r="AM39355">
        <v>58</v>
      </c>
      <c r="AN39355">
        <v>58</v>
      </c>
      <c r="AO39355">
        <v>58</v>
      </c>
      <c r="AP39355">
        <v>59</v>
      </c>
      <c r="AQ39355">
        <v>59</v>
      </c>
    </row>
    <row r="39356" spans="1:43">
      <c r="A39356" t="s">
        <v>24413</v>
      </c>
      <c r="B39356" t="s">
        <v>24414</v>
      </c>
      <c r="C39356" t="s">
        <v>24325</v>
      </c>
      <c r="D39356" t="s">
        <v>24326</v>
      </c>
      <c r="E39356" t="s">
        <v>24327</v>
      </c>
      <c r="F39356" t="s">
        <v>24328</v>
      </c>
      <c r="G39356" t="s">
        <v>11612</v>
      </c>
      <c r="H39356" t="s">
        <v>11613</v>
      </c>
      <c r="I39356" s="2">
        <v>0</v>
      </c>
      <c r="J39356" s="2">
        <v>0</v>
      </c>
      <c r="K39356" s="2">
        <v>1</v>
      </c>
      <c r="L39356" t="s">
        <v>995</v>
      </c>
      <c r="M39356" t="s">
        <v>89</v>
      </c>
      <c r="N39356" t="s">
        <v>90</v>
      </c>
      <c r="O39356" t="s">
        <v>85</v>
      </c>
      <c r="P39356" t="s">
        <v>86</v>
      </c>
      <c r="Q39356">
        <v>51</v>
      </c>
      <c r="R39356">
        <v>52</v>
      </c>
      <c r="S39356">
        <v>54</v>
      </c>
      <c r="T39356">
        <v>55</v>
      </c>
      <c r="U39356">
        <v>56</v>
      </c>
      <c r="V39356">
        <v>57</v>
      </c>
      <c r="W39356">
        <v>58</v>
      </c>
      <c r="X39356">
        <v>59</v>
      </c>
      <c r="Y39356">
        <v>60</v>
      </c>
      <c r="Z39356">
        <v>61</v>
      </c>
      <c r="AA39356">
        <v>62</v>
      </c>
      <c r="AB39356">
        <v>63</v>
      </c>
      <c r="AC39356">
        <v>64</v>
      </c>
      <c r="AD39356">
        <v>65</v>
      </c>
      <c r="AE39356">
        <v>65</v>
      </c>
      <c r="AF39356">
        <v>65</v>
      </c>
      <c r="AG39356">
        <v>66</v>
      </c>
      <c r="AH39356">
        <v>66</v>
      </c>
      <c r="AI39356">
        <v>66</v>
      </c>
      <c r="AJ39356">
        <v>66</v>
      </c>
      <c r="AK39356">
        <v>67</v>
      </c>
      <c r="AL39356">
        <v>67</v>
      </c>
      <c r="AM39356">
        <v>67</v>
      </c>
      <c r="AN39356">
        <v>67</v>
      </c>
      <c r="AO39356">
        <v>68</v>
      </c>
      <c r="AP39356">
        <v>68</v>
      </c>
      <c r="AQ39356">
        <v>68</v>
      </c>
    </row>
    <row r="39357" spans="1:43">
      <c r="A39357" t="s">
        <v>24413</v>
      </c>
      <c r="B39357" t="s">
        <v>24414</v>
      </c>
      <c r="C39357" t="s">
        <v>24325</v>
      </c>
      <c r="D39357" t="s">
        <v>24326</v>
      </c>
      <c r="E39357" t="s">
        <v>24327</v>
      </c>
      <c r="F39357" t="s">
        <v>24328</v>
      </c>
      <c r="G39357" t="s">
        <v>11612</v>
      </c>
      <c r="H39357" t="s">
        <v>11613</v>
      </c>
      <c r="I39357" s="2">
        <v>0</v>
      </c>
      <c r="J39357" s="2">
        <v>0</v>
      </c>
      <c r="K39357" s="2">
        <v>1</v>
      </c>
      <c r="L39357" t="s">
        <v>995</v>
      </c>
      <c r="M39357" t="s">
        <v>83</v>
      </c>
      <c r="N39357" t="s">
        <v>91</v>
      </c>
      <c r="O39357" t="s">
        <v>85</v>
      </c>
      <c r="P39357" t="s">
        <v>86</v>
      </c>
      <c r="Q39357">
        <v>51</v>
      </c>
      <c r="R39357">
        <v>52</v>
      </c>
      <c r="S39357">
        <v>52</v>
      </c>
      <c r="T39357">
        <v>53</v>
      </c>
      <c r="U39357">
        <v>54</v>
      </c>
      <c r="V39357">
        <v>54</v>
      </c>
      <c r="W39357">
        <v>55</v>
      </c>
      <c r="X39357">
        <v>56</v>
      </c>
      <c r="Y39357">
        <v>57</v>
      </c>
      <c r="Z39357">
        <v>57</v>
      </c>
      <c r="AA39357">
        <v>58</v>
      </c>
      <c r="AB39357">
        <v>59</v>
      </c>
      <c r="AC39357">
        <v>59</v>
      </c>
      <c r="AD39357">
        <v>60</v>
      </c>
      <c r="AE39357">
        <v>61</v>
      </c>
      <c r="AF39357">
        <v>62</v>
      </c>
      <c r="AG39357">
        <v>62</v>
      </c>
      <c r="AH39357">
        <v>63</v>
      </c>
      <c r="AI39357">
        <v>64</v>
      </c>
      <c r="AJ39357">
        <v>65</v>
      </c>
      <c r="AK39357">
        <v>66</v>
      </c>
      <c r="AL39357">
        <v>66</v>
      </c>
      <c r="AM39357">
        <v>66</v>
      </c>
      <c r="AN39357">
        <v>67</v>
      </c>
      <c r="AO39357">
        <v>67</v>
      </c>
      <c r="AP39357">
        <v>67</v>
      </c>
      <c r="AQ39357">
        <v>67</v>
      </c>
    </row>
    <row r="39358" spans="1:43">
      <c r="A39358" t="s">
        <v>24415</v>
      </c>
      <c r="B39358" t="s">
        <v>24416</v>
      </c>
      <c r="C39358" t="s">
        <v>24335</v>
      </c>
      <c r="D39358" t="s">
        <v>24336</v>
      </c>
      <c r="E39358" t="s">
        <v>24327</v>
      </c>
      <c r="F39358" t="s">
        <v>24328</v>
      </c>
      <c r="G39358" t="s">
        <v>11612</v>
      </c>
      <c r="H39358" t="s">
        <v>11613</v>
      </c>
      <c r="I39358" s="2">
        <v>0</v>
      </c>
      <c r="J39358" s="2">
        <v>0</v>
      </c>
      <c r="K39358" s="2">
        <v>1</v>
      </c>
      <c r="L39358" t="s">
        <v>995</v>
      </c>
      <c r="M39358" t="s">
        <v>83</v>
      </c>
      <c r="N39358" t="s">
        <v>84</v>
      </c>
      <c r="O39358" t="s">
        <v>85</v>
      </c>
      <c r="P39358" t="s">
        <v>86</v>
      </c>
      <c r="Q39358">
        <v>31</v>
      </c>
      <c r="R39358">
        <v>31</v>
      </c>
      <c r="S39358">
        <v>32</v>
      </c>
      <c r="T39358">
        <v>32</v>
      </c>
      <c r="U39358">
        <v>33</v>
      </c>
      <c r="V39358">
        <v>33</v>
      </c>
      <c r="W39358">
        <v>33</v>
      </c>
      <c r="X39358">
        <v>34</v>
      </c>
      <c r="Y39358">
        <v>34</v>
      </c>
      <c r="Z39358">
        <v>35</v>
      </c>
      <c r="AA39358">
        <v>35</v>
      </c>
      <c r="AB39358">
        <v>35</v>
      </c>
      <c r="AC39358">
        <v>36</v>
      </c>
      <c r="AD39358">
        <v>36</v>
      </c>
      <c r="AE39358">
        <v>36</v>
      </c>
      <c r="AF39358">
        <v>37</v>
      </c>
      <c r="AG39358">
        <v>37</v>
      </c>
      <c r="AH39358">
        <v>37</v>
      </c>
      <c r="AI39358">
        <v>38</v>
      </c>
      <c r="AJ39358">
        <v>38</v>
      </c>
      <c r="AK39358">
        <v>39</v>
      </c>
      <c r="AL39358">
        <v>39</v>
      </c>
      <c r="AM39358">
        <v>39</v>
      </c>
      <c r="AN39358">
        <v>39</v>
      </c>
      <c r="AO39358">
        <v>39</v>
      </c>
      <c r="AP39358">
        <v>39</v>
      </c>
      <c r="AQ39358">
        <v>39</v>
      </c>
    </row>
    <row r="39359" spans="1:43">
      <c r="A39359" t="s">
        <v>24415</v>
      </c>
      <c r="B39359" t="s">
        <v>24416</v>
      </c>
      <c r="C39359" t="s">
        <v>24335</v>
      </c>
      <c r="D39359" t="s">
        <v>24336</v>
      </c>
      <c r="E39359" t="s">
        <v>24327</v>
      </c>
      <c r="F39359" t="s">
        <v>24328</v>
      </c>
      <c r="G39359" t="s">
        <v>11612</v>
      </c>
      <c r="H39359" t="s">
        <v>11613</v>
      </c>
      <c r="I39359" s="2">
        <v>0</v>
      </c>
      <c r="J39359" s="2">
        <v>0</v>
      </c>
      <c r="K39359" s="2">
        <v>1</v>
      </c>
      <c r="L39359" t="s">
        <v>995</v>
      </c>
      <c r="M39359" t="s">
        <v>87</v>
      </c>
      <c r="N39359" t="s">
        <v>88</v>
      </c>
      <c r="O39359" t="s">
        <v>85</v>
      </c>
      <c r="P39359" t="s">
        <v>86</v>
      </c>
      <c r="Q39359">
        <v>31</v>
      </c>
      <c r="R39359">
        <v>31</v>
      </c>
      <c r="S39359">
        <v>31</v>
      </c>
      <c r="T39359">
        <v>31</v>
      </c>
      <c r="U39359">
        <v>31</v>
      </c>
      <c r="V39359">
        <v>31</v>
      </c>
      <c r="W39359">
        <v>31</v>
      </c>
      <c r="X39359">
        <v>31</v>
      </c>
      <c r="Y39359">
        <v>32</v>
      </c>
      <c r="Z39359">
        <v>32</v>
      </c>
      <c r="AA39359">
        <v>32</v>
      </c>
      <c r="AB39359">
        <v>32</v>
      </c>
      <c r="AC39359">
        <v>32</v>
      </c>
      <c r="AD39359">
        <v>32</v>
      </c>
      <c r="AE39359">
        <v>32</v>
      </c>
      <c r="AF39359">
        <v>32</v>
      </c>
      <c r="AG39359">
        <v>32</v>
      </c>
      <c r="AH39359">
        <v>33</v>
      </c>
      <c r="AI39359">
        <v>33</v>
      </c>
      <c r="AJ39359">
        <v>33</v>
      </c>
      <c r="AK39359">
        <v>33</v>
      </c>
      <c r="AL39359">
        <v>33</v>
      </c>
      <c r="AM39359">
        <v>33</v>
      </c>
      <c r="AN39359">
        <v>33</v>
      </c>
      <c r="AO39359">
        <v>34</v>
      </c>
      <c r="AP39359">
        <v>34</v>
      </c>
      <c r="AQ39359">
        <v>34</v>
      </c>
    </row>
    <row r="39360" spans="1:43">
      <c r="A39360" t="s">
        <v>24415</v>
      </c>
      <c r="B39360" t="s">
        <v>24416</v>
      </c>
      <c r="C39360" t="s">
        <v>24335</v>
      </c>
      <c r="D39360" t="s">
        <v>24336</v>
      </c>
      <c r="E39360" t="s">
        <v>24327</v>
      </c>
      <c r="F39360" t="s">
        <v>24328</v>
      </c>
      <c r="G39360" t="s">
        <v>11612</v>
      </c>
      <c r="H39360" t="s">
        <v>11613</v>
      </c>
      <c r="I39360" s="2">
        <v>0</v>
      </c>
      <c r="J39360" s="2">
        <v>0</v>
      </c>
      <c r="K39360" s="2">
        <v>1</v>
      </c>
      <c r="L39360" t="s">
        <v>995</v>
      </c>
      <c r="M39360" t="s">
        <v>89</v>
      </c>
      <c r="N39360" t="s">
        <v>90</v>
      </c>
      <c r="O39360" t="s">
        <v>85</v>
      </c>
      <c r="P39360" t="s">
        <v>86</v>
      </c>
      <c r="Q39360">
        <v>31</v>
      </c>
      <c r="R39360">
        <v>32</v>
      </c>
      <c r="S39360">
        <v>33</v>
      </c>
      <c r="T39360">
        <v>33</v>
      </c>
      <c r="U39360">
        <v>34</v>
      </c>
      <c r="V39360">
        <v>35</v>
      </c>
      <c r="W39360">
        <v>35</v>
      </c>
      <c r="X39360">
        <v>36</v>
      </c>
      <c r="Y39360">
        <v>36</v>
      </c>
      <c r="Z39360">
        <v>37</v>
      </c>
      <c r="AA39360">
        <v>37</v>
      </c>
      <c r="AB39360">
        <v>38</v>
      </c>
      <c r="AC39360">
        <v>38</v>
      </c>
      <c r="AD39360">
        <v>39</v>
      </c>
      <c r="AE39360">
        <v>39</v>
      </c>
      <c r="AF39360">
        <v>39</v>
      </c>
      <c r="AG39360">
        <v>39</v>
      </c>
      <c r="AH39360">
        <v>39</v>
      </c>
      <c r="AI39360">
        <v>39</v>
      </c>
      <c r="AJ39360">
        <v>39</v>
      </c>
      <c r="AK39360">
        <v>39</v>
      </c>
      <c r="AL39360">
        <v>39</v>
      </c>
      <c r="AM39360">
        <v>39</v>
      </c>
      <c r="AN39360">
        <v>39</v>
      </c>
      <c r="AO39360">
        <v>39</v>
      </c>
      <c r="AP39360">
        <v>39</v>
      </c>
      <c r="AQ39360">
        <v>39</v>
      </c>
    </row>
    <row r="39361" spans="1:43">
      <c r="A39361" t="s">
        <v>24415</v>
      </c>
      <c r="B39361" t="s">
        <v>24416</v>
      </c>
      <c r="C39361" t="s">
        <v>24335</v>
      </c>
      <c r="D39361" t="s">
        <v>24336</v>
      </c>
      <c r="E39361" t="s">
        <v>24327</v>
      </c>
      <c r="F39361" t="s">
        <v>24328</v>
      </c>
      <c r="G39361" t="s">
        <v>11612</v>
      </c>
      <c r="H39361" t="s">
        <v>11613</v>
      </c>
      <c r="I39361" s="2">
        <v>0</v>
      </c>
      <c r="J39361" s="2">
        <v>0</v>
      </c>
      <c r="K39361" s="2">
        <v>1</v>
      </c>
      <c r="L39361" t="s">
        <v>995</v>
      </c>
      <c r="M39361" t="s">
        <v>83</v>
      </c>
      <c r="N39361" t="s">
        <v>91</v>
      </c>
      <c r="O39361" t="s">
        <v>85</v>
      </c>
      <c r="P39361" t="s">
        <v>86</v>
      </c>
      <c r="Q39361">
        <v>31</v>
      </c>
      <c r="R39361">
        <v>31</v>
      </c>
      <c r="S39361">
        <v>32</v>
      </c>
      <c r="T39361">
        <v>32</v>
      </c>
      <c r="U39361">
        <v>33</v>
      </c>
      <c r="V39361">
        <v>33</v>
      </c>
      <c r="W39361">
        <v>33</v>
      </c>
      <c r="X39361">
        <v>34</v>
      </c>
      <c r="Y39361">
        <v>34</v>
      </c>
      <c r="Z39361">
        <v>35</v>
      </c>
      <c r="AA39361">
        <v>35</v>
      </c>
      <c r="AB39361">
        <v>35</v>
      </c>
      <c r="AC39361">
        <v>36</v>
      </c>
      <c r="AD39361">
        <v>36</v>
      </c>
      <c r="AE39361">
        <v>36</v>
      </c>
      <c r="AF39361">
        <v>37</v>
      </c>
      <c r="AG39361">
        <v>37</v>
      </c>
      <c r="AH39361">
        <v>37</v>
      </c>
      <c r="AI39361">
        <v>38</v>
      </c>
      <c r="AJ39361">
        <v>38</v>
      </c>
      <c r="AK39361">
        <v>39</v>
      </c>
      <c r="AL39361">
        <v>39</v>
      </c>
      <c r="AM39361">
        <v>39</v>
      </c>
      <c r="AN39361">
        <v>39</v>
      </c>
      <c r="AO39361">
        <v>39</v>
      </c>
      <c r="AP39361">
        <v>39</v>
      </c>
      <c r="AQ39361">
        <v>39</v>
      </c>
    </row>
    <row r="39362" spans="1:43">
      <c r="A39362" t="s">
        <v>24417</v>
      </c>
      <c r="B39362" t="s">
        <v>24418</v>
      </c>
      <c r="C39362" t="s">
        <v>24335</v>
      </c>
      <c r="D39362" t="s">
        <v>24336</v>
      </c>
      <c r="E39362" t="s">
        <v>24327</v>
      </c>
      <c r="F39362" t="s">
        <v>24328</v>
      </c>
      <c r="G39362" t="s">
        <v>11612</v>
      </c>
      <c r="H39362" t="s">
        <v>11613</v>
      </c>
      <c r="I39362" s="2">
        <v>0</v>
      </c>
      <c r="J39362" s="2">
        <v>0</v>
      </c>
      <c r="K39362" s="2">
        <v>1</v>
      </c>
      <c r="L39362" t="s">
        <v>995</v>
      </c>
      <c r="M39362" t="s">
        <v>83</v>
      </c>
      <c r="N39362" t="s">
        <v>84</v>
      </c>
      <c r="O39362" t="s">
        <v>85</v>
      </c>
      <c r="P39362" t="s">
        <v>86</v>
      </c>
      <c r="Q39362">
        <v>15</v>
      </c>
      <c r="R39362">
        <v>15</v>
      </c>
      <c r="S39362">
        <v>15</v>
      </c>
      <c r="T39362">
        <v>15</v>
      </c>
      <c r="U39362">
        <v>15</v>
      </c>
      <c r="V39362">
        <v>16</v>
      </c>
      <c r="W39362">
        <v>16</v>
      </c>
      <c r="X39362">
        <v>16</v>
      </c>
      <c r="Y39362">
        <v>16</v>
      </c>
      <c r="Z39362">
        <v>16</v>
      </c>
      <c r="AA39362">
        <v>17</v>
      </c>
      <c r="AB39362">
        <v>17</v>
      </c>
      <c r="AC39362">
        <v>17</v>
      </c>
      <c r="AD39362">
        <v>17</v>
      </c>
      <c r="AE39362">
        <v>17</v>
      </c>
      <c r="AF39362">
        <v>18</v>
      </c>
      <c r="AG39362">
        <v>18</v>
      </c>
      <c r="AH39362">
        <v>18</v>
      </c>
      <c r="AI39362">
        <v>18</v>
      </c>
      <c r="AJ39362">
        <v>19</v>
      </c>
      <c r="AK39362">
        <v>19</v>
      </c>
      <c r="AL39362">
        <v>19</v>
      </c>
      <c r="AM39362">
        <v>19</v>
      </c>
      <c r="AN39362">
        <v>19</v>
      </c>
      <c r="AO39362">
        <v>19</v>
      </c>
      <c r="AP39362">
        <v>19</v>
      </c>
      <c r="AQ39362">
        <v>19</v>
      </c>
    </row>
    <row r="39363" spans="1:43">
      <c r="A39363" t="s">
        <v>24417</v>
      </c>
      <c r="B39363" t="s">
        <v>24418</v>
      </c>
      <c r="C39363" t="s">
        <v>24335</v>
      </c>
      <c r="D39363" t="s">
        <v>24336</v>
      </c>
      <c r="E39363" t="s">
        <v>24327</v>
      </c>
      <c r="F39363" t="s">
        <v>24328</v>
      </c>
      <c r="G39363" t="s">
        <v>11612</v>
      </c>
      <c r="H39363" t="s">
        <v>11613</v>
      </c>
      <c r="I39363" s="2">
        <v>0</v>
      </c>
      <c r="J39363" s="2">
        <v>0</v>
      </c>
      <c r="K39363" s="2">
        <v>1</v>
      </c>
      <c r="L39363" t="s">
        <v>995</v>
      </c>
      <c r="M39363" t="s">
        <v>87</v>
      </c>
      <c r="N39363" t="s">
        <v>88</v>
      </c>
      <c r="O39363" t="s">
        <v>85</v>
      </c>
      <c r="P39363" t="s">
        <v>86</v>
      </c>
      <c r="Q39363">
        <v>15</v>
      </c>
      <c r="R39363">
        <v>16</v>
      </c>
      <c r="S39363">
        <v>16</v>
      </c>
      <c r="T39363">
        <v>16</v>
      </c>
      <c r="U39363">
        <v>16</v>
      </c>
      <c r="V39363">
        <v>16</v>
      </c>
      <c r="W39363">
        <v>16</v>
      </c>
      <c r="X39363">
        <v>16</v>
      </c>
      <c r="Y39363">
        <v>16</v>
      </c>
      <c r="Z39363">
        <v>16</v>
      </c>
      <c r="AA39363">
        <v>16</v>
      </c>
      <c r="AB39363">
        <v>16</v>
      </c>
      <c r="AC39363">
        <v>16</v>
      </c>
      <c r="AD39363">
        <v>16</v>
      </c>
      <c r="AE39363">
        <v>16</v>
      </c>
      <c r="AF39363">
        <v>17</v>
      </c>
      <c r="AG39363">
        <v>17</v>
      </c>
      <c r="AH39363">
        <v>17</v>
      </c>
      <c r="AI39363">
        <v>17</v>
      </c>
      <c r="AJ39363">
        <v>17</v>
      </c>
      <c r="AK39363">
        <v>17</v>
      </c>
      <c r="AL39363">
        <v>17</v>
      </c>
      <c r="AM39363">
        <v>17</v>
      </c>
      <c r="AN39363">
        <v>17</v>
      </c>
      <c r="AO39363">
        <v>17</v>
      </c>
      <c r="AP39363">
        <v>18</v>
      </c>
      <c r="AQ39363">
        <v>18</v>
      </c>
    </row>
    <row r="39364" spans="1:43">
      <c r="A39364" t="s">
        <v>24417</v>
      </c>
      <c r="B39364" t="s">
        <v>24418</v>
      </c>
      <c r="C39364" t="s">
        <v>24335</v>
      </c>
      <c r="D39364" t="s">
        <v>24336</v>
      </c>
      <c r="E39364" t="s">
        <v>24327</v>
      </c>
      <c r="F39364" t="s">
        <v>24328</v>
      </c>
      <c r="G39364" t="s">
        <v>11612</v>
      </c>
      <c r="H39364" t="s">
        <v>11613</v>
      </c>
      <c r="I39364" s="2">
        <v>0</v>
      </c>
      <c r="J39364" s="2">
        <v>0</v>
      </c>
      <c r="K39364" s="2">
        <v>1</v>
      </c>
      <c r="L39364" t="s">
        <v>995</v>
      </c>
      <c r="M39364" t="s">
        <v>89</v>
      </c>
      <c r="N39364" t="s">
        <v>90</v>
      </c>
      <c r="O39364" t="s">
        <v>85</v>
      </c>
      <c r="P39364" t="s">
        <v>86</v>
      </c>
      <c r="Q39364">
        <v>15</v>
      </c>
      <c r="R39364">
        <v>15</v>
      </c>
      <c r="S39364">
        <v>15</v>
      </c>
      <c r="T39364">
        <v>16</v>
      </c>
      <c r="U39364">
        <v>16</v>
      </c>
      <c r="V39364">
        <v>16</v>
      </c>
      <c r="W39364">
        <v>17</v>
      </c>
      <c r="X39364">
        <v>17</v>
      </c>
      <c r="Y39364">
        <v>17</v>
      </c>
      <c r="Z39364">
        <v>17</v>
      </c>
      <c r="AA39364">
        <v>18</v>
      </c>
      <c r="AB39364">
        <v>18</v>
      </c>
      <c r="AC39364">
        <v>18</v>
      </c>
      <c r="AD39364">
        <v>18</v>
      </c>
      <c r="AE39364">
        <v>19</v>
      </c>
      <c r="AF39364">
        <v>19</v>
      </c>
      <c r="AG39364">
        <v>19</v>
      </c>
      <c r="AH39364">
        <v>19</v>
      </c>
      <c r="AI39364">
        <v>19</v>
      </c>
      <c r="AJ39364">
        <v>19</v>
      </c>
      <c r="AK39364">
        <v>19</v>
      </c>
      <c r="AL39364">
        <v>19</v>
      </c>
      <c r="AM39364">
        <v>19</v>
      </c>
      <c r="AN39364">
        <v>19</v>
      </c>
      <c r="AO39364">
        <v>19</v>
      </c>
      <c r="AP39364">
        <v>19</v>
      </c>
      <c r="AQ39364">
        <v>19</v>
      </c>
    </row>
    <row r="39365" spans="1:43">
      <c r="A39365" t="s">
        <v>24417</v>
      </c>
      <c r="B39365" t="s">
        <v>24418</v>
      </c>
      <c r="C39365" t="s">
        <v>24335</v>
      </c>
      <c r="D39365" t="s">
        <v>24336</v>
      </c>
      <c r="E39365" t="s">
        <v>24327</v>
      </c>
      <c r="F39365" t="s">
        <v>24328</v>
      </c>
      <c r="G39365" t="s">
        <v>11612</v>
      </c>
      <c r="H39365" t="s">
        <v>11613</v>
      </c>
      <c r="I39365" s="2">
        <v>0</v>
      </c>
      <c r="J39365" s="2">
        <v>0</v>
      </c>
      <c r="K39365" s="2">
        <v>1</v>
      </c>
      <c r="L39365" t="s">
        <v>995</v>
      </c>
      <c r="M39365" t="s">
        <v>83</v>
      </c>
      <c r="N39365" t="s">
        <v>91</v>
      </c>
      <c r="O39365" t="s">
        <v>85</v>
      </c>
      <c r="P39365" t="s">
        <v>86</v>
      </c>
      <c r="Q39365">
        <v>15</v>
      </c>
      <c r="R39365">
        <v>15</v>
      </c>
      <c r="S39365">
        <v>15</v>
      </c>
      <c r="T39365">
        <v>15</v>
      </c>
      <c r="U39365">
        <v>15</v>
      </c>
      <c r="V39365">
        <v>16</v>
      </c>
      <c r="W39365">
        <v>16</v>
      </c>
      <c r="X39365">
        <v>16</v>
      </c>
      <c r="Y39365">
        <v>16</v>
      </c>
      <c r="Z39365">
        <v>16</v>
      </c>
      <c r="AA39365">
        <v>17</v>
      </c>
      <c r="AB39365">
        <v>17</v>
      </c>
      <c r="AC39365">
        <v>17</v>
      </c>
      <c r="AD39365">
        <v>17</v>
      </c>
      <c r="AE39365">
        <v>17</v>
      </c>
      <c r="AF39365">
        <v>18</v>
      </c>
      <c r="AG39365">
        <v>18</v>
      </c>
      <c r="AH39365">
        <v>18</v>
      </c>
      <c r="AI39365">
        <v>18</v>
      </c>
      <c r="AJ39365">
        <v>19</v>
      </c>
      <c r="AK39365">
        <v>19</v>
      </c>
      <c r="AL39365">
        <v>19</v>
      </c>
      <c r="AM39365">
        <v>19</v>
      </c>
      <c r="AN39365">
        <v>19</v>
      </c>
      <c r="AO39365">
        <v>19</v>
      </c>
      <c r="AP39365">
        <v>19</v>
      </c>
      <c r="AQ39365">
        <v>19</v>
      </c>
    </row>
    <row r="39366" spans="1:43">
      <c r="A39366" t="s">
        <v>24419</v>
      </c>
      <c r="B39366" t="s">
        <v>24420</v>
      </c>
      <c r="C39366" t="s">
        <v>24421</v>
      </c>
      <c r="D39366" t="s">
        <v>24422</v>
      </c>
      <c r="E39366" t="s">
        <v>24327</v>
      </c>
      <c r="F39366" t="s">
        <v>24328</v>
      </c>
      <c r="G39366" t="s">
        <v>11612</v>
      </c>
      <c r="H39366" t="s">
        <v>11613</v>
      </c>
      <c r="I39366" s="2">
        <v>0</v>
      </c>
      <c r="J39366" s="2">
        <v>0</v>
      </c>
      <c r="K39366" s="2">
        <v>1</v>
      </c>
      <c r="L39366" t="s">
        <v>995</v>
      </c>
      <c r="M39366" t="s">
        <v>83</v>
      </c>
      <c r="N39366" t="s">
        <v>84</v>
      </c>
      <c r="O39366" t="s">
        <v>85</v>
      </c>
      <c r="P39366" t="s">
        <v>86</v>
      </c>
      <c r="Q39366">
        <v>23</v>
      </c>
      <c r="R39366">
        <v>24</v>
      </c>
      <c r="S39366">
        <v>24</v>
      </c>
      <c r="T39366">
        <v>24</v>
      </c>
      <c r="U39366">
        <v>25</v>
      </c>
      <c r="V39366">
        <v>25</v>
      </c>
      <c r="W39366">
        <v>25</v>
      </c>
      <c r="X39366">
        <v>26</v>
      </c>
      <c r="Y39366">
        <v>26</v>
      </c>
      <c r="Z39366">
        <v>26</v>
      </c>
      <c r="AA39366">
        <v>27</v>
      </c>
      <c r="AB39366">
        <v>27</v>
      </c>
      <c r="AC39366">
        <v>27</v>
      </c>
      <c r="AD39366">
        <v>28</v>
      </c>
      <c r="AE39366">
        <v>28</v>
      </c>
      <c r="AF39366">
        <v>28</v>
      </c>
      <c r="AG39366">
        <v>29</v>
      </c>
      <c r="AH39366">
        <v>29</v>
      </c>
      <c r="AI39366">
        <v>29</v>
      </c>
      <c r="AJ39366">
        <v>30</v>
      </c>
      <c r="AK39366">
        <v>30</v>
      </c>
      <c r="AL39366">
        <v>30</v>
      </c>
      <c r="AM39366">
        <v>30</v>
      </c>
      <c r="AN39366">
        <v>30</v>
      </c>
      <c r="AO39366">
        <v>30</v>
      </c>
      <c r="AP39366">
        <v>31</v>
      </c>
      <c r="AQ39366">
        <v>31</v>
      </c>
    </row>
    <row r="39367" spans="1:43">
      <c r="A39367" t="s">
        <v>24419</v>
      </c>
      <c r="B39367" t="s">
        <v>24420</v>
      </c>
      <c r="C39367" t="s">
        <v>24421</v>
      </c>
      <c r="D39367" t="s">
        <v>24422</v>
      </c>
      <c r="E39367" t="s">
        <v>24327</v>
      </c>
      <c r="F39367" t="s">
        <v>24328</v>
      </c>
      <c r="G39367" t="s">
        <v>11612</v>
      </c>
      <c r="H39367" t="s">
        <v>11613</v>
      </c>
      <c r="I39367" s="2">
        <v>0</v>
      </c>
      <c r="J39367" s="2">
        <v>0</v>
      </c>
      <c r="K39367" s="2">
        <v>1</v>
      </c>
      <c r="L39367" t="s">
        <v>995</v>
      </c>
      <c r="M39367" t="s">
        <v>87</v>
      </c>
      <c r="N39367" t="s">
        <v>88</v>
      </c>
      <c r="O39367" t="s">
        <v>85</v>
      </c>
      <c r="P39367" t="s">
        <v>86</v>
      </c>
      <c r="Q39367">
        <v>23</v>
      </c>
      <c r="R39367">
        <v>23</v>
      </c>
      <c r="S39367">
        <v>23</v>
      </c>
      <c r="T39367">
        <v>23</v>
      </c>
      <c r="U39367">
        <v>24</v>
      </c>
      <c r="V39367">
        <v>24</v>
      </c>
      <c r="W39367">
        <v>24</v>
      </c>
      <c r="X39367">
        <v>24</v>
      </c>
      <c r="Y39367">
        <v>24</v>
      </c>
      <c r="Z39367">
        <v>24</v>
      </c>
      <c r="AA39367">
        <v>24</v>
      </c>
      <c r="AB39367">
        <v>24</v>
      </c>
      <c r="AC39367">
        <v>24</v>
      </c>
      <c r="AD39367">
        <v>25</v>
      </c>
      <c r="AE39367">
        <v>25</v>
      </c>
      <c r="AF39367">
        <v>25</v>
      </c>
      <c r="AG39367">
        <v>25</v>
      </c>
      <c r="AH39367">
        <v>25</v>
      </c>
      <c r="AI39367">
        <v>25</v>
      </c>
      <c r="AJ39367">
        <v>25</v>
      </c>
      <c r="AK39367">
        <v>26</v>
      </c>
      <c r="AL39367">
        <v>26</v>
      </c>
      <c r="AM39367">
        <v>26</v>
      </c>
      <c r="AN39367">
        <v>26</v>
      </c>
      <c r="AO39367">
        <v>26</v>
      </c>
      <c r="AP39367">
        <v>26</v>
      </c>
      <c r="AQ39367">
        <v>27</v>
      </c>
    </row>
    <row r="39368" spans="1:43">
      <c r="A39368" t="s">
        <v>24419</v>
      </c>
      <c r="B39368" t="s">
        <v>24420</v>
      </c>
      <c r="C39368" t="s">
        <v>24421</v>
      </c>
      <c r="D39368" t="s">
        <v>24422</v>
      </c>
      <c r="E39368" t="s">
        <v>24327</v>
      </c>
      <c r="F39368" t="s">
        <v>24328</v>
      </c>
      <c r="G39368" t="s">
        <v>11612</v>
      </c>
      <c r="H39368" t="s">
        <v>11613</v>
      </c>
      <c r="I39368" s="2">
        <v>0</v>
      </c>
      <c r="J39368" s="2">
        <v>0</v>
      </c>
      <c r="K39368" s="2">
        <v>1</v>
      </c>
      <c r="L39368" t="s">
        <v>995</v>
      </c>
      <c r="M39368" t="s">
        <v>89</v>
      </c>
      <c r="N39368" t="s">
        <v>90</v>
      </c>
      <c r="O39368" t="s">
        <v>85</v>
      </c>
      <c r="P39368" t="s">
        <v>86</v>
      </c>
      <c r="Q39368">
        <v>23</v>
      </c>
      <c r="R39368">
        <v>24</v>
      </c>
      <c r="S39368">
        <v>25</v>
      </c>
      <c r="T39368">
        <v>25</v>
      </c>
      <c r="U39368">
        <v>26</v>
      </c>
      <c r="V39368">
        <v>26</v>
      </c>
      <c r="W39368">
        <v>27</v>
      </c>
      <c r="X39368">
        <v>27</v>
      </c>
      <c r="Y39368">
        <v>27</v>
      </c>
      <c r="Z39368">
        <v>28</v>
      </c>
      <c r="AA39368">
        <v>28</v>
      </c>
      <c r="AB39368">
        <v>29</v>
      </c>
      <c r="AC39368">
        <v>29</v>
      </c>
      <c r="AD39368">
        <v>30</v>
      </c>
      <c r="AE39368">
        <v>30</v>
      </c>
      <c r="AF39368">
        <v>30</v>
      </c>
      <c r="AG39368">
        <v>30</v>
      </c>
      <c r="AH39368">
        <v>30</v>
      </c>
      <c r="AI39368">
        <v>30</v>
      </c>
      <c r="AJ39368">
        <v>30</v>
      </c>
      <c r="AK39368">
        <v>30</v>
      </c>
      <c r="AL39368">
        <v>30</v>
      </c>
      <c r="AM39368">
        <v>31</v>
      </c>
      <c r="AN39368">
        <v>31</v>
      </c>
      <c r="AO39368">
        <v>31</v>
      </c>
      <c r="AP39368">
        <v>31</v>
      </c>
      <c r="AQ39368">
        <v>31</v>
      </c>
    </row>
    <row r="39369" spans="1:43">
      <c r="A39369" t="s">
        <v>24419</v>
      </c>
      <c r="B39369" t="s">
        <v>24420</v>
      </c>
      <c r="C39369" t="s">
        <v>24421</v>
      </c>
      <c r="D39369" t="s">
        <v>24422</v>
      </c>
      <c r="E39369" t="s">
        <v>24327</v>
      </c>
      <c r="F39369" t="s">
        <v>24328</v>
      </c>
      <c r="G39369" t="s">
        <v>11612</v>
      </c>
      <c r="H39369" t="s">
        <v>11613</v>
      </c>
      <c r="I39369" s="2">
        <v>0</v>
      </c>
      <c r="J39369" s="2">
        <v>0</v>
      </c>
      <c r="K39369" s="2">
        <v>1</v>
      </c>
      <c r="L39369" t="s">
        <v>995</v>
      </c>
      <c r="M39369" t="s">
        <v>83</v>
      </c>
      <c r="N39369" t="s">
        <v>91</v>
      </c>
      <c r="O39369" t="s">
        <v>85</v>
      </c>
      <c r="P39369" t="s">
        <v>86</v>
      </c>
      <c r="Q39369">
        <v>23</v>
      </c>
      <c r="R39369">
        <v>24</v>
      </c>
      <c r="S39369">
        <v>24</v>
      </c>
      <c r="T39369">
        <v>24</v>
      </c>
      <c r="U39369">
        <v>25</v>
      </c>
      <c r="V39369">
        <v>25</v>
      </c>
      <c r="W39369">
        <v>25</v>
      </c>
      <c r="X39369">
        <v>26</v>
      </c>
      <c r="Y39369">
        <v>26</v>
      </c>
      <c r="Z39369">
        <v>26</v>
      </c>
      <c r="AA39369">
        <v>27</v>
      </c>
      <c r="AB39369">
        <v>27</v>
      </c>
      <c r="AC39369">
        <v>27</v>
      </c>
      <c r="AD39369">
        <v>28</v>
      </c>
      <c r="AE39369">
        <v>28</v>
      </c>
      <c r="AF39369">
        <v>28</v>
      </c>
      <c r="AG39369">
        <v>29</v>
      </c>
      <c r="AH39369">
        <v>29</v>
      </c>
      <c r="AI39369">
        <v>29</v>
      </c>
      <c r="AJ39369">
        <v>30</v>
      </c>
      <c r="AK39369">
        <v>30</v>
      </c>
      <c r="AL39369">
        <v>30</v>
      </c>
      <c r="AM39369">
        <v>30</v>
      </c>
      <c r="AN39369">
        <v>30</v>
      </c>
      <c r="AO39369">
        <v>30</v>
      </c>
      <c r="AP39369">
        <v>31</v>
      </c>
      <c r="AQ39369">
        <v>31</v>
      </c>
    </row>
    <row r="39370" spans="1:43">
      <c r="A39370" t="s">
        <v>24423</v>
      </c>
      <c r="B39370" t="s">
        <v>24424</v>
      </c>
      <c r="C39370" t="s">
        <v>24421</v>
      </c>
      <c r="D39370" t="s">
        <v>24422</v>
      </c>
      <c r="E39370" t="s">
        <v>24327</v>
      </c>
      <c r="F39370" t="s">
        <v>24328</v>
      </c>
      <c r="G39370" t="s">
        <v>11612</v>
      </c>
      <c r="H39370" t="s">
        <v>11613</v>
      </c>
      <c r="I39370" s="2">
        <v>0</v>
      </c>
      <c r="J39370" s="2">
        <v>0</v>
      </c>
      <c r="K39370" s="2">
        <v>1</v>
      </c>
      <c r="L39370" t="s">
        <v>995</v>
      </c>
      <c r="M39370" t="s">
        <v>83</v>
      </c>
      <c r="N39370" t="s">
        <v>84</v>
      </c>
      <c r="O39370" t="s">
        <v>85</v>
      </c>
      <c r="P39370" t="s">
        <v>86</v>
      </c>
      <c r="Q39370">
        <v>17</v>
      </c>
      <c r="R39370">
        <v>17</v>
      </c>
      <c r="S39370">
        <v>17</v>
      </c>
      <c r="T39370">
        <v>17</v>
      </c>
      <c r="U39370">
        <v>18</v>
      </c>
      <c r="V39370">
        <v>18</v>
      </c>
      <c r="W39370">
        <v>18</v>
      </c>
      <c r="X39370">
        <v>18</v>
      </c>
      <c r="Y39370">
        <v>19</v>
      </c>
      <c r="Z39370">
        <v>19</v>
      </c>
      <c r="AA39370">
        <v>19</v>
      </c>
      <c r="AB39370">
        <v>19</v>
      </c>
      <c r="AC39370">
        <v>20</v>
      </c>
      <c r="AD39370">
        <v>20</v>
      </c>
      <c r="AE39370">
        <v>20</v>
      </c>
      <c r="AF39370">
        <v>21</v>
      </c>
      <c r="AG39370">
        <v>21</v>
      </c>
      <c r="AH39370">
        <v>21</v>
      </c>
      <c r="AI39370">
        <v>21</v>
      </c>
      <c r="AJ39370">
        <v>22</v>
      </c>
      <c r="AK39370">
        <v>22</v>
      </c>
      <c r="AL39370">
        <v>22</v>
      </c>
      <c r="AM39370">
        <v>22</v>
      </c>
      <c r="AN39370">
        <v>22</v>
      </c>
      <c r="AO39370">
        <v>22</v>
      </c>
      <c r="AP39370">
        <v>23</v>
      </c>
      <c r="AQ39370">
        <v>23</v>
      </c>
    </row>
    <row r="39371" spans="1:43">
      <c r="A39371" t="s">
        <v>24423</v>
      </c>
      <c r="B39371" t="s">
        <v>24424</v>
      </c>
      <c r="C39371" t="s">
        <v>24421</v>
      </c>
      <c r="D39371" t="s">
        <v>24422</v>
      </c>
      <c r="E39371" t="s">
        <v>24327</v>
      </c>
      <c r="F39371" t="s">
        <v>24328</v>
      </c>
      <c r="G39371" t="s">
        <v>11612</v>
      </c>
      <c r="H39371" t="s">
        <v>11613</v>
      </c>
      <c r="I39371" s="2">
        <v>0</v>
      </c>
      <c r="J39371" s="2">
        <v>0</v>
      </c>
      <c r="K39371" s="2">
        <v>1</v>
      </c>
      <c r="L39371" t="s">
        <v>995</v>
      </c>
      <c r="M39371" t="s">
        <v>87</v>
      </c>
      <c r="N39371" t="s">
        <v>88</v>
      </c>
      <c r="O39371" t="s">
        <v>85</v>
      </c>
      <c r="P39371" t="s">
        <v>86</v>
      </c>
      <c r="Q39371">
        <v>17</v>
      </c>
      <c r="R39371">
        <v>17</v>
      </c>
      <c r="S39371">
        <v>17</v>
      </c>
      <c r="T39371">
        <v>17</v>
      </c>
      <c r="U39371">
        <v>17</v>
      </c>
      <c r="V39371">
        <v>17</v>
      </c>
      <c r="W39371">
        <v>17</v>
      </c>
      <c r="X39371">
        <v>17</v>
      </c>
      <c r="Y39371">
        <v>17</v>
      </c>
      <c r="Z39371">
        <v>17</v>
      </c>
      <c r="AA39371">
        <v>17</v>
      </c>
      <c r="AB39371">
        <v>18</v>
      </c>
      <c r="AC39371">
        <v>18</v>
      </c>
      <c r="AD39371">
        <v>18</v>
      </c>
      <c r="AE39371">
        <v>18</v>
      </c>
      <c r="AF39371">
        <v>18</v>
      </c>
      <c r="AG39371">
        <v>18</v>
      </c>
      <c r="AH39371">
        <v>18</v>
      </c>
      <c r="AI39371">
        <v>18</v>
      </c>
      <c r="AJ39371">
        <v>19</v>
      </c>
      <c r="AK39371">
        <v>19</v>
      </c>
      <c r="AL39371">
        <v>19</v>
      </c>
      <c r="AM39371">
        <v>19</v>
      </c>
      <c r="AN39371">
        <v>19</v>
      </c>
      <c r="AO39371">
        <v>19</v>
      </c>
      <c r="AP39371">
        <v>19</v>
      </c>
      <c r="AQ39371">
        <v>20</v>
      </c>
    </row>
    <row r="39372" spans="1:43">
      <c r="A39372" t="s">
        <v>24423</v>
      </c>
      <c r="B39372" t="s">
        <v>24424</v>
      </c>
      <c r="C39372" t="s">
        <v>24421</v>
      </c>
      <c r="D39372" t="s">
        <v>24422</v>
      </c>
      <c r="E39372" t="s">
        <v>24327</v>
      </c>
      <c r="F39372" t="s">
        <v>24328</v>
      </c>
      <c r="G39372" t="s">
        <v>11612</v>
      </c>
      <c r="H39372" t="s">
        <v>11613</v>
      </c>
      <c r="I39372" s="2">
        <v>0</v>
      </c>
      <c r="J39372" s="2">
        <v>0</v>
      </c>
      <c r="K39372" s="2">
        <v>1</v>
      </c>
      <c r="L39372" t="s">
        <v>995</v>
      </c>
      <c r="M39372" t="s">
        <v>89</v>
      </c>
      <c r="N39372" t="s">
        <v>90</v>
      </c>
      <c r="O39372" t="s">
        <v>85</v>
      </c>
      <c r="P39372" t="s">
        <v>86</v>
      </c>
      <c r="Q39372">
        <v>17</v>
      </c>
      <c r="R39372">
        <v>17</v>
      </c>
      <c r="S39372">
        <v>18</v>
      </c>
      <c r="T39372">
        <v>18</v>
      </c>
      <c r="U39372">
        <v>18</v>
      </c>
      <c r="V39372">
        <v>19</v>
      </c>
      <c r="W39372">
        <v>19</v>
      </c>
      <c r="X39372">
        <v>19</v>
      </c>
      <c r="Y39372">
        <v>20</v>
      </c>
      <c r="Z39372">
        <v>20</v>
      </c>
      <c r="AA39372">
        <v>20</v>
      </c>
      <c r="AB39372">
        <v>21</v>
      </c>
      <c r="AC39372">
        <v>21</v>
      </c>
      <c r="AD39372">
        <v>21</v>
      </c>
      <c r="AE39372">
        <v>22</v>
      </c>
      <c r="AF39372">
        <v>22</v>
      </c>
      <c r="AG39372">
        <v>22</v>
      </c>
      <c r="AH39372">
        <v>22</v>
      </c>
      <c r="AI39372">
        <v>22</v>
      </c>
      <c r="AJ39372">
        <v>22</v>
      </c>
      <c r="AK39372">
        <v>22</v>
      </c>
      <c r="AL39372">
        <v>22</v>
      </c>
      <c r="AM39372">
        <v>23</v>
      </c>
      <c r="AN39372">
        <v>23</v>
      </c>
      <c r="AO39372">
        <v>23</v>
      </c>
      <c r="AP39372">
        <v>23</v>
      </c>
      <c r="AQ39372">
        <v>23</v>
      </c>
    </row>
    <row r="39373" spans="1:43">
      <c r="A39373" t="s">
        <v>24423</v>
      </c>
      <c r="B39373" t="s">
        <v>24424</v>
      </c>
      <c r="C39373" t="s">
        <v>24421</v>
      </c>
      <c r="D39373" t="s">
        <v>24422</v>
      </c>
      <c r="E39373" t="s">
        <v>24327</v>
      </c>
      <c r="F39373" t="s">
        <v>24328</v>
      </c>
      <c r="G39373" t="s">
        <v>11612</v>
      </c>
      <c r="H39373" t="s">
        <v>11613</v>
      </c>
      <c r="I39373" s="2">
        <v>0</v>
      </c>
      <c r="J39373" s="2">
        <v>0</v>
      </c>
      <c r="K39373" s="2">
        <v>1</v>
      </c>
      <c r="L39373" t="s">
        <v>995</v>
      </c>
      <c r="M39373" t="s">
        <v>83</v>
      </c>
      <c r="N39373" t="s">
        <v>91</v>
      </c>
      <c r="O39373" t="s">
        <v>85</v>
      </c>
      <c r="P39373" t="s">
        <v>86</v>
      </c>
      <c r="Q39373">
        <v>17</v>
      </c>
      <c r="R39373">
        <v>17</v>
      </c>
      <c r="S39373">
        <v>17</v>
      </c>
      <c r="T39373">
        <v>17</v>
      </c>
      <c r="U39373">
        <v>18</v>
      </c>
      <c r="V39373">
        <v>18</v>
      </c>
      <c r="W39373">
        <v>18</v>
      </c>
      <c r="X39373">
        <v>18</v>
      </c>
      <c r="Y39373">
        <v>19</v>
      </c>
      <c r="Z39373">
        <v>19</v>
      </c>
      <c r="AA39373">
        <v>19</v>
      </c>
      <c r="AB39373">
        <v>19</v>
      </c>
      <c r="AC39373">
        <v>20</v>
      </c>
      <c r="AD39373">
        <v>20</v>
      </c>
      <c r="AE39373">
        <v>20</v>
      </c>
      <c r="AF39373">
        <v>21</v>
      </c>
      <c r="AG39373">
        <v>21</v>
      </c>
      <c r="AH39373">
        <v>21</v>
      </c>
      <c r="AI39373">
        <v>21</v>
      </c>
      <c r="AJ39373">
        <v>22</v>
      </c>
      <c r="AK39373">
        <v>22</v>
      </c>
      <c r="AL39373">
        <v>22</v>
      </c>
      <c r="AM39373">
        <v>22</v>
      </c>
      <c r="AN39373">
        <v>22</v>
      </c>
      <c r="AO39373">
        <v>22</v>
      </c>
      <c r="AP39373">
        <v>23</v>
      </c>
      <c r="AQ39373">
        <v>23</v>
      </c>
    </row>
    <row r="39374" spans="1:43">
      <c r="A39374" t="s">
        <v>24425</v>
      </c>
      <c r="B39374" t="s">
        <v>24426</v>
      </c>
      <c r="C39374" t="s">
        <v>24421</v>
      </c>
      <c r="D39374" t="s">
        <v>24422</v>
      </c>
      <c r="E39374" t="s">
        <v>24327</v>
      </c>
      <c r="F39374" t="s">
        <v>24328</v>
      </c>
      <c r="G39374" t="s">
        <v>11612</v>
      </c>
      <c r="H39374" t="s">
        <v>11613</v>
      </c>
      <c r="I39374" s="2">
        <v>0</v>
      </c>
      <c r="J39374" s="2">
        <v>0</v>
      </c>
      <c r="K39374" s="2">
        <v>1</v>
      </c>
      <c r="L39374" t="s">
        <v>995</v>
      </c>
      <c r="M39374" t="s">
        <v>83</v>
      </c>
      <c r="N39374" t="s">
        <v>84</v>
      </c>
      <c r="O39374" t="s">
        <v>85</v>
      </c>
      <c r="P39374" t="s">
        <v>86</v>
      </c>
      <c r="Q39374">
        <v>42</v>
      </c>
      <c r="R39374">
        <v>43</v>
      </c>
      <c r="S39374">
        <v>44</v>
      </c>
      <c r="T39374">
        <v>44</v>
      </c>
      <c r="U39374">
        <v>45</v>
      </c>
      <c r="V39374">
        <v>45</v>
      </c>
      <c r="W39374">
        <v>46</v>
      </c>
      <c r="X39374">
        <v>47</v>
      </c>
      <c r="Y39374">
        <v>47</v>
      </c>
      <c r="Z39374">
        <v>48</v>
      </c>
      <c r="AA39374">
        <v>48</v>
      </c>
      <c r="AB39374">
        <v>49</v>
      </c>
      <c r="AC39374">
        <v>50</v>
      </c>
      <c r="AD39374">
        <v>50</v>
      </c>
      <c r="AE39374">
        <v>51</v>
      </c>
      <c r="AF39374">
        <v>51</v>
      </c>
      <c r="AG39374">
        <v>52</v>
      </c>
      <c r="AH39374">
        <v>53</v>
      </c>
      <c r="AI39374">
        <v>53</v>
      </c>
      <c r="AJ39374">
        <v>54</v>
      </c>
      <c r="AK39374">
        <v>55</v>
      </c>
      <c r="AL39374">
        <v>55</v>
      </c>
      <c r="AM39374">
        <v>55</v>
      </c>
      <c r="AN39374">
        <v>55</v>
      </c>
      <c r="AO39374">
        <v>56</v>
      </c>
      <c r="AP39374">
        <v>56</v>
      </c>
      <c r="AQ39374">
        <v>56</v>
      </c>
    </row>
    <row r="39375" spans="1:43">
      <c r="A39375" t="s">
        <v>24425</v>
      </c>
      <c r="B39375" t="s">
        <v>24426</v>
      </c>
      <c r="C39375" t="s">
        <v>24421</v>
      </c>
      <c r="D39375" t="s">
        <v>24422</v>
      </c>
      <c r="E39375" t="s">
        <v>24327</v>
      </c>
      <c r="F39375" t="s">
        <v>24328</v>
      </c>
      <c r="G39375" t="s">
        <v>11612</v>
      </c>
      <c r="H39375" t="s">
        <v>11613</v>
      </c>
      <c r="I39375" s="2">
        <v>0</v>
      </c>
      <c r="J39375" s="2">
        <v>0</v>
      </c>
      <c r="K39375" s="2">
        <v>1</v>
      </c>
      <c r="L39375" t="s">
        <v>995</v>
      </c>
      <c r="M39375" t="s">
        <v>87</v>
      </c>
      <c r="N39375" t="s">
        <v>88</v>
      </c>
      <c r="O39375" t="s">
        <v>85</v>
      </c>
      <c r="P39375" t="s">
        <v>86</v>
      </c>
      <c r="Q39375">
        <v>42</v>
      </c>
      <c r="R39375">
        <v>42</v>
      </c>
      <c r="S39375">
        <v>42</v>
      </c>
      <c r="T39375">
        <v>43</v>
      </c>
      <c r="U39375">
        <v>43</v>
      </c>
      <c r="V39375">
        <v>43</v>
      </c>
      <c r="W39375">
        <v>43</v>
      </c>
      <c r="X39375">
        <v>43</v>
      </c>
      <c r="Y39375">
        <v>44</v>
      </c>
      <c r="Z39375">
        <v>44</v>
      </c>
      <c r="AA39375">
        <v>44</v>
      </c>
      <c r="AB39375">
        <v>44</v>
      </c>
      <c r="AC39375">
        <v>44</v>
      </c>
      <c r="AD39375">
        <v>45</v>
      </c>
      <c r="AE39375">
        <v>45</v>
      </c>
      <c r="AF39375">
        <v>45</v>
      </c>
      <c r="AG39375">
        <v>45</v>
      </c>
      <c r="AH39375">
        <v>46</v>
      </c>
      <c r="AI39375">
        <v>46</v>
      </c>
      <c r="AJ39375">
        <v>46</v>
      </c>
      <c r="AK39375">
        <v>46</v>
      </c>
      <c r="AL39375">
        <v>47</v>
      </c>
      <c r="AM39375">
        <v>47</v>
      </c>
      <c r="AN39375">
        <v>47</v>
      </c>
      <c r="AO39375">
        <v>48</v>
      </c>
      <c r="AP39375">
        <v>48</v>
      </c>
      <c r="AQ39375">
        <v>48</v>
      </c>
    </row>
    <row r="39376" spans="1:43">
      <c r="A39376" t="s">
        <v>24425</v>
      </c>
      <c r="B39376" t="s">
        <v>24426</v>
      </c>
      <c r="C39376" t="s">
        <v>24421</v>
      </c>
      <c r="D39376" t="s">
        <v>24422</v>
      </c>
      <c r="E39376" t="s">
        <v>24327</v>
      </c>
      <c r="F39376" t="s">
        <v>24328</v>
      </c>
      <c r="G39376" t="s">
        <v>11612</v>
      </c>
      <c r="H39376" t="s">
        <v>11613</v>
      </c>
      <c r="I39376" s="2">
        <v>0</v>
      </c>
      <c r="J39376" s="2">
        <v>0</v>
      </c>
      <c r="K39376" s="2">
        <v>1</v>
      </c>
      <c r="L39376" t="s">
        <v>995</v>
      </c>
      <c r="M39376" t="s">
        <v>89</v>
      </c>
      <c r="N39376" t="s">
        <v>90</v>
      </c>
      <c r="O39376" t="s">
        <v>85</v>
      </c>
      <c r="P39376" t="s">
        <v>86</v>
      </c>
      <c r="Q39376">
        <v>42</v>
      </c>
      <c r="R39376">
        <v>43</v>
      </c>
      <c r="S39376">
        <v>44</v>
      </c>
      <c r="T39376">
        <v>45</v>
      </c>
      <c r="U39376">
        <v>46</v>
      </c>
      <c r="V39376">
        <v>46</v>
      </c>
      <c r="W39376">
        <v>47</v>
      </c>
      <c r="X39376">
        <v>48</v>
      </c>
      <c r="Y39376">
        <v>49</v>
      </c>
      <c r="Z39376">
        <v>50</v>
      </c>
      <c r="AA39376">
        <v>51</v>
      </c>
      <c r="AB39376">
        <v>51</v>
      </c>
      <c r="AC39376">
        <v>52</v>
      </c>
      <c r="AD39376">
        <v>53</v>
      </c>
      <c r="AE39376">
        <v>53</v>
      </c>
      <c r="AF39376">
        <v>54</v>
      </c>
      <c r="AG39376">
        <v>54</v>
      </c>
      <c r="AH39376">
        <v>54</v>
      </c>
      <c r="AI39376">
        <v>54</v>
      </c>
      <c r="AJ39376">
        <v>54</v>
      </c>
      <c r="AK39376">
        <v>54</v>
      </c>
      <c r="AL39376">
        <v>55</v>
      </c>
      <c r="AM39376">
        <v>55</v>
      </c>
      <c r="AN39376">
        <v>55</v>
      </c>
      <c r="AO39376">
        <v>55</v>
      </c>
      <c r="AP39376">
        <v>55</v>
      </c>
      <c r="AQ39376">
        <v>56</v>
      </c>
    </row>
    <row r="39377" spans="1:43">
      <c r="A39377" t="s">
        <v>24425</v>
      </c>
      <c r="B39377" t="s">
        <v>24426</v>
      </c>
      <c r="C39377" t="s">
        <v>24421</v>
      </c>
      <c r="D39377" t="s">
        <v>24422</v>
      </c>
      <c r="E39377" t="s">
        <v>24327</v>
      </c>
      <c r="F39377" t="s">
        <v>24328</v>
      </c>
      <c r="G39377" t="s">
        <v>11612</v>
      </c>
      <c r="H39377" t="s">
        <v>11613</v>
      </c>
      <c r="I39377" s="2">
        <v>0</v>
      </c>
      <c r="J39377" s="2">
        <v>0</v>
      </c>
      <c r="K39377" s="2">
        <v>1</v>
      </c>
      <c r="L39377" t="s">
        <v>995</v>
      </c>
      <c r="M39377" t="s">
        <v>83</v>
      </c>
      <c r="N39377" t="s">
        <v>91</v>
      </c>
      <c r="O39377" t="s">
        <v>85</v>
      </c>
      <c r="P39377" t="s">
        <v>86</v>
      </c>
      <c r="Q39377">
        <v>42</v>
      </c>
      <c r="R39377">
        <v>43</v>
      </c>
      <c r="S39377">
        <v>44</v>
      </c>
      <c r="T39377">
        <v>44</v>
      </c>
      <c r="U39377">
        <v>45</v>
      </c>
      <c r="V39377">
        <v>45</v>
      </c>
      <c r="W39377">
        <v>46</v>
      </c>
      <c r="X39377">
        <v>47</v>
      </c>
      <c r="Y39377">
        <v>47</v>
      </c>
      <c r="Z39377">
        <v>48</v>
      </c>
      <c r="AA39377">
        <v>48</v>
      </c>
      <c r="AB39377">
        <v>49</v>
      </c>
      <c r="AC39377">
        <v>50</v>
      </c>
      <c r="AD39377">
        <v>50</v>
      </c>
      <c r="AE39377">
        <v>51</v>
      </c>
      <c r="AF39377">
        <v>51</v>
      </c>
      <c r="AG39377">
        <v>52</v>
      </c>
      <c r="AH39377">
        <v>53</v>
      </c>
      <c r="AI39377">
        <v>53</v>
      </c>
      <c r="AJ39377">
        <v>54</v>
      </c>
      <c r="AK39377">
        <v>55</v>
      </c>
      <c r="AL39377">
        <v>55</v>
      </c>
      <c r="AM39377">
        <v>55</v>
      </c>
      <c r="AN39377">
        <v>55</v>
      </c>
      <c r="AO39377">
        <v>56</v>
      </c>
      <c r="AP39377">
        <v>56</v>
      </c>
      <c r="AQ39377">
        <v>56</v>
      </c>
    </row>
    <row r="39378" spans="1:43">
      <c r="A39378" t="s">
        <v>24427</v>
      </c>
      <c r="B39378" t="s">
        <v>24428</v>
      </c>
      <c r="C39378" t="s">
        <v>24421</v>
      </c>
      <c r="D39378" t="s">
        <v>24422</v>
      </c>
      <c r="E39378" t="s">
        <v>24327</v>
      </c>
      <c r="F39378" t="s">
        <v>24328</v>
      </c>
      <c r="G39378" t="s">
        <v>11612</v>
      </c>
      <c r="H39378" t="s">
        <v>11613</v>
      </c>
      <c r="I39378" s="2">
        <v>0</v>
      </c>
      <c r="J39378" s="2">
        <v>0</v>
      </c>
      <c r="K39378" s="2">
        <v>1</v>
      </c>
      <c r="L39378" t="s">
        <v>995</v>
      </c>
      <c r="M39378" t="s">
        <v>83</v>
      </c>
      <c r="N39378" t="s">
        <v>84</v>
      </c>
      <c r="O39378" t="s">
        <v>85</v>
      </c>
      <c r="P39378" t="s">
        <v>86</v>
      </c>
      <c r="Q39378">
        <v>16</v>
      </c>
      <c r="R39378">
        <v>16</v>
      </c>
      <c r="S39378">
        <v>17</v>
      </c>
      <c r="T39378">
        <v>17</v>
      </c>
      <c r="U39378">
        <v>17</v>
      </c>
      <c r="V39378">
        <v>17</v>
      </c>
      <c r="W39378">
        <v>17</v>
      </c>
      <c r="X39378">
        <v>18</v>
      </c>
      <c r="Y39378">
        <v>18</v>
      </c>
      <c r="Z39378">
        <v>18</v>
      </c>
      <c r="AA39378">
        <v>18</v>
      </c>
      <c r="AB39378">
        <v>19</v>
      </c>
      <c r="AC39378">
        <v>19</v>
      </c>
      <c r="AD39378">
        <v>19</v>
      </c>
      <c r="AE39378">
        <v>19</v>
      </c>
      <c r="AF39378">
        <v>19</v>
      </c>
      <c r="AG39378">
        <v>20</v>
      </c>
      <c r="AH39378">
        <v>20</v>
      </c>
      <c r="AI39378">
        <v>20</v>
      </c>
      <c r="AJ39378">
        <v>20</v>
      </c>
      <c r="AK39378">
        <v>21</v>
      </c>
      <c r="AL39378">
        <v>21</v>
      </c>
      <c r="AM39378">
        <v>21</v>
      </c>
      <c r="AN39378">
        <v>21</v>
      </c>
      <c r="AO39378">
        <v>21</v>
      </c>
      <c r="AP39378">
        <v>21</v>
      </c>
      <c r="AQ39378">
        <v>21</v>
      </c>
    </row>
    <row r="39379" spans="1:43">
      <c r="A39379" t="s">
        <v>24427</v>
      </c>
      <c r="B39379" t="s">
        <v>24428</v>
      </c>
      <c r="C39379" t="s">
        <v>24421</v>
      </c>
      <c r="D39379" t="s">
        <v>24422</v>
      </c>
      <c r="E39379" t="s">
        <v>24327</v>
      </c>
      <c r="F39379" t="s">
        <v>24328</v>
      </c>
      <c r="G39379" t="s">
        <v>11612</v>
      </c>
      <c r="H39379" t="s">
        <v>11613</v>
      </c>
      <c r="I39379" s="2">
        <v>0</v>
      </c>
      <c r="J39379" s="2">
        <v>0</v>
      </c>
      <c r="K39379" s="2">
        <v>1</v>
      </c>
      <c r="L39379" t="s">
        <v>995</v>
      </c>
      <c r="M39379" t="s">
        <v>87</v>
      </c>
      <c r="N39379" t="s">
        <v>88</v>
      </c>
      <c r="O39379" t="s">
        <v>85</v>
      </c>
      <c r="P39379" t="s">
        <v>86</v>
      </c>
      <c r="Q39379">
        <v>16</v>
      </c>
      <c r="R39379">
        <v>16</v>
      </c>
      <c r="S39379">
        <v>16</v>
      </c>
      <c r="T39379">
        <v>16</v>
      </c>
      <c r="U39379">
        <v>16</v>
      </c>
      <c r="V39379">
        <v>16</v>
      </c>
      <c r="W39379">
        <v>16</v>
      </c>
      <c r="X39379">
        <v>16</v>
      </c>
      <c r="Y39379">
        <v>17</v>
      </c>
      <c r="Z39379">
        <v>17</v>
      </c>
      <c r="AA39379">
        <v>17</v>
      </c>
      <c r="AB39379">
        <v>17</v>
      </c>
      <c r="AC39379">
        <v>17</v>
      </c>
      <c r="AD39379">
        <v>17</v>
      </c>
      <c r="AE39379">
        <v>17</v>
      </c>
      <c r="AF39379">
        <v>17</v>
      </c>
      <c r="AG39379">
        <v>17</v>
      </c>
      <c r="AH39379">
        <v>17</v>
      </c>
      <c r="AI39379">
        <v>17</v>
      </c>
      <c r="AJ39379">
        <v>18</v>
      </c>
      <c r="AK39379">
        <v>18</v>
      </c>
      <c r="AL39379">
        <v>18</v>
      </c>
      <c r="AM39379">
        <v>18</v>
      </c>
      <c r="AN39379">
        <v>18</v>
      </c>
      <c r="AO39379">
        <v>18</v>
      </c>
      <c r="AP39379">
        <v>18</v>
      </c>
      <c r="AQ39379">
        <v>18</v>
      </c>
    </row>
    <row r="39380" spans="1:43">
      <c r="A39380" t="s">
        <v>24427</v>
      </c>
      <c r="B39380" t="s">
        <v>24428</v>
      </c>
      <c r="C39380" t="s">
        <v>24421</v>
      </c>
      <c r="D39380" t="s">
        <v>24422</v>
      </c>
      <c r="E39380" t="s">
        <v>24327</v>
      </c>
      <c r="F39380" t="s">
        <v>24328</v>
      </c>
      <c r="G39380" t="s">
        <v>11612</v>
      </c>
      <c r="H39380" t="s">
        <v>11613</v>
      </c>
      <c r="I39380" s="2">
        <v>0</v>
      </c>
      <c r="J39380" s="2">
        <v>0</v>
      </c>
      <c r="K39380" s="2">
        <v>1</v>
      </c>
      <c r="L39380" t="s">
        <v>995</v>
      </c>
      <c r="M39380" t="s">
        <v>89</v>
      </c>
      <c r="N39380" t="s">
        <v>90</v>
      </c>
      <c r="O39380" t="s">
        <v>85</v>
      </c>
      <c r="P39380" t="s">
        <v>86</v>
      </c>
      <c r="Q39380">
        <v>16</v>
      </c>
      <c r="R39380">
        <v>17</v>
      </c>
      <c r="S39380">
        <v>17</v>
      </c>
      <c r="T39380">
        <v>17</v>
      </c>
      <c r="U39380">
        <v>18</v>
      </c>
      <c r="V39380">
        <v>18</v>
      </c>
      <c r="W39380">
        <v>18</v>
      </c>
      <c r="X39380">
        <v>19</v>
      </c>
      <c r="Y39380">
        <v>19</v>
      </c>
      <c r="Z39380">
        <v>19</v>
      </c>
      <c r="AA39380">
        <v>20</v>
      </c>
      <c r="AB39380">
        <v>20</v>
      </c>
      <c r="AC39380">
        <v>20</v>
      </c>
      <c r="AD39380">
        <v>20</v>
      </c>
      <c r="AE39380">
        <v>21</v>
      </c>
      <c r="AF39380">
        <v>21</v>
      </c>
      <c r="AG39380">
        <v>21</v>
      </c>
      <c r="AH39380">
        <v>21</v>
      </c>
      <c r="AI39380">
        <v>21</v>
      </c>
      <c r="AJ39380">
        <v>21</v>
      </c>
      <c r="AK39380">
        <v>21</v>
      </c>
      <c r="AL39380">
        <v>21</v>
      </c>
      <c r="AM39380">
        <v>21</v>
      </c>
      <c r="AN39380">
        <v>21</v>
      </c>
      <c r="AO39380">
        <v>21</v>
      </c>
      <c r="AP39380">
        <v>21</v>
      </c>
      <c r="AQ39380">
        <v>21</v>
      </c>
    </row>
    <row r="39381" spans="1:43">
      <c r="A39381" t="s">
        <v>24427</v>
      </c>
      <c r="B39381" t="s">
        <v>24428</v>
      </c>
      <c r="C39381" t="s">
        <v>24421</v>
      </c>
      <c r="D39381" t="s">
        <v>24422</v>
      </c>
      <c r="E39381" t="s">
        <v>24327</v>
      </c>
      <c r="F39381" t="s">
        <v>24328</v>
      </c>
      <c r="G39381" t="s">
        <v>11612</v>
      </c>
      <c r="H39381" t="s">
        <v>11613</v>
      </c>
      <c r="I39381" s="2">
        <v>0</v>
      </c>
      <c r="J39381" s="2">
        <v>0</v>
      </c>
      <c r="K39381" s="2">
        <v>1</v>
      </c>
      <c r="L39381" t="s">
        <v>995</v>
      </c>
      <c r="M39381" t="s">
        <v>83</v>
      </c>
      <c r="N39381" t="s">
        <v>91</v>
      </c>
      <c r="O39381" t="s">
        <v>85</v>
      </c>
      <c r="P39381" t="s">
        <v>86</v>
      </c>
      <c r="Q39381">
        <v>16</v>
      </c>
      <c r="R39381">
        <v>16</v>
      </c>
      <c r="S39381">
        <v>17</v>
      </c>
      <c r="T39381">
        <v>17</v>
      </c>
      <c r="U39381">
        <v>17</v>
      </c>
      <c r="V39381">
        <v>17</v>
      </c>
      <c r="W39381">
        <v>17</v>
      </c>
      <c r="X39381">
        <v>18</v>
      </c>
      <c r="Y39381">
        <v>18</v>
      </c>
      <c r="Z39381">
        <v>18</v>
      </c>
      <c r="AA39381">
        <v>18</v>
      </c>
      <c r="AB39381">
        <v>19</v>
      </c>
      <c r="AC39381">
        <v>19</v>
      </c>
      <c r="AD39381">
        <v>19</v>
      </c>
      <c r="AE39381">
        <v>19</v>
      </c>
      <c r="AF39381">
        <v>19</v>
      </c>
      <c r="AG39381">
        <v>20</v>
      </c>
      <c r="AH39381">
        <v>20</v>
      </c>
      <c r="AI39381">
        <v>20</v>
      </c>
      <c r="AJ39381">
        <v>20</v>
      </c>
      <c r="AK39381">
        <v>21</v>
      </c>
      <c r="AL39381">
        <v>21</v>
      </c>
      <c r="AM39381">
        <v>21</v>
      </c>
      <c r="AN39381">
        <v>21</v>
      </c>
      <c r="AO39381">
        <v>21</v>
      </c>
      <c r="AP39381">
        <v>21</v>
      </c>
      <c r="AQ39381">
        <v>21</v>
      </c>
    </row>
    <row r="39382" spans="1:43">
      <c r="A39382" t="s">
        <v>24429</v>
      </c>
      <c r="B39382" t="s">
        <v>24430</v>
      </c>
      <c r="C39382" t="s">
        <v>24335</v>
      </c>
      <c r="D39382" t="s">
        <v>24336</v>
      </c>
      <c r="E39382" t="s">
        <v>24327</v>
      </c>
      <c r="F39382" t="s">
        <v>24328</v>
      </c>
      <c r="G39382" t="s">
        <v>11612</v>
      </c>
      <c r="H39382" t="s">
        <v>11613</v>
      </c>
      <c r="I39382" s="2">
        <v>0</v>
      </c>
      <c r="J39382" s="2">
        <v>0</v>
      </c>
      <c r="K39382" s="2">
        <v>1</v>
      </c>
      <c r="L39382" t="s">
        <v>995</v>
      </c>
      <c r="M39382" t="s">
        <v>83</v>
      </c>
      <c r="N39382" t="s">
        <v>84</v>
      </c>
      <c r="O39382" t="s">
        <v>85</v>
      </c>
      <c r="P39382" t="s">
        <v>86</v>
      </c>
      <c r="Q39382">
        <v>7</v>
      </c>
      <c r="R39382">
        <v>7</v>
      </c>
      <c r="S39382">
        <v>8</v>
      </c>
      <c r="T39382">
        <v>8</v>
      </c>
      <c r="U39382">
        <v>8</v>
      </c>
      <c r="V39382">
        <v>8</v>
      </c>
      <c r="W39382">
        <v>8</v>
      </c>
      <c r="X39382">
        <v>8</v>
      </c>
      <c r="Y39382">
        <v>8</v>
      </c>
      <c r="Z39382">
        <v>8</v>
      </c>
      <c r="AA39382">
        <v>8</v>
      </c>
      <c r="AB39382">
        <v>9</v>
      </c>
      <c r="AC39382">
        <v>9</v>
      </c>
      <c r="AD39382">
        <v>9</v>
      </c>
      <c r="AE39382">
        <v>9</v>
      </c>
      <c r="AF39382">
        <v>9</v>
      </c>
      <c r="AG39382">
        <v>9</v>
      </c>
      <c r="AH39382">
        <v>9</v>
      </c>
      <c r="AI39382">
        <v>9</v>
      </c>
      <c r="AJ39382">
        <v>9</v>
      </c>
      <c r="AK39382">
        <v>10</v>
      </c>
      <c r="AL39382">
        <v>10</v>
      </c>
      <c r="AM39382">
        <v>10</v>
      </c>
      <c r="AN39382">
        <v>10</v>
      </c>
      <c r="AO39382">
        <v>10</v>
      </c>
      <c r="AP39382">
        <v>10</v>
      </c>
      <c r="AQ39382">
        <v>10</v>
      </c>
    </row>
    <row r="39383" spans="1:43">
      <c r="A39383" t="s">
        <v>24429</v>
      </c>
      <c r="B39383" t="s">
        <v>24430</v>
      </c>
      <c r="C39383" t="s">
        <v>24335</v>
      </c>
      <c r="D39383" t="s">
        <v>24336</v>
      </c>
      <c r="E39383" t="s">
        <v>24327</v>
      </c>
      <c r="F39383" t="s">
        <v>24328</v>
      </c>
      <c r="G39383" t="s">
        <v>11612</v>
      </c>
      <c r="H39383" t="s">
        <v>11613</v>
      </c>
      <c r="I39383" s="2">
        <v>0</v>
      </c>
      <c r="J39383" s="2">
        <v>0</v>
      </c>
      <c r="K39383" s="2">
        <v>1</v>
      </c>
      <c r="L39383" t="s">
        <v>995</v>
      </c>
      <c r="M39383" t="s">
        <v>87</v>
      </c>
      <c r="N39383" t="s">
        <v>88</v>
      </c>
      <c r="O39383" t="s">
        <v>85</v>
      </c>
      <c r="P39383" t="s">
        <v>86</v>
      </c>
      <c r="Q39383">
        <v>7</v>
      </c>
      <c r="R39383">
        <v>7</v>
      </c>
      <c r="S39383">
        <v>7</v>
      </c>
      <c r="T39383">
        <v>7</v>
      </c>
      <c r="U39383">
        <v>7</v>
      </c>
      <c r="V39383">
        <v>8</v>
      </c>
      <c r="W39383">
        <v>8</v>
      </c>
      <c r="X39383">
        <v>8</v>
      </c>
      <c r="Y39383">
        <v>8</v>
      </c>
      <c r="Z39383">
        <v>8</v>
      </c>
      <c r="AA39383">
        <v>8</v>
      </c>
      <c r="AB39383">
        <v>8</v>
      </c>
      <c r="AC39383">
        <v>8</v>
      </c>
      <c r="AD39383">
        <v>8</v>
      </c>
      <c r="AE39383">
        <v>8</v>
      </c>
      <c r="AF39383">
        <v>8</v>
      </c>
      <c r="AG39383">
        <v>8</v>
      </c>
      <c r="AH39383">
        <v>8</v>
      </c>
      <c r="AI39383">
        <v>8</v>
      </c>
      <c r="AJ39383">
        <v>8</v>
      </c>
      <c r="AK39383">
        <v>8</v>
      </c>
      <c r="AL39383">
        <v>8</v>
      </c>
      <c r="AM39383">
        <v>8</v>
      </c>
      <c r="AN39383">
        <v>8</v>
      </c>
      <c r="AO39383">
        <v>8</v>
      </c>
      <c r="AP39383">
        <v>8</v>
      </c>
      <c r="AQ39383">
        <v>8</v>
      </c>
    </row>
    <row r="39384" spans="1:43">
      <c r="A39384" t="s">
        <v>24429</v>
      </c>
      <c r="B39384" t="s">
        <v>24430</v>
      </c>
      <c r="C39384" t="s">
        <v>24335</v>
      </c>
      <c r="D39384" t="s">
        <v>24336</v>
      </c>
      <c r="E39384" t="s">
        <v>24327</v>
      </c>
      <c r="F39384" t="s">
        <v>24328</v>
      </c>
      <c r="G39384" t="s">
        <v>11612</v>
      </c>
      <c r="H39384" t="s">
        <v>11613</v>
      </c>
      <c r="I39384" s="2">
        <v>0</v>
      </c>
      <c r="J39384" s="2">
        <v>0</v>
      </c>
      <c r="K39384" s="2">
        <v>1</v>
      </c>
      <c r="L39384" t="s">
        <v>995</v>
      </c>
      <c r="M39384" t="s">
        <v>89</v>
      </c>
      <c r="N39384" t="s">
        <v>90</v>
      </c>
      <c r="O39384" t="s">
        <v>85</v>
      </c>
      <c r="P39384" t="s">
        <v>86</v>
      </c>
      <c r="Q39384">
        <v>7</v>
      </c>
      <c r="R39384">
        <v>8</v>
      </c>
      <c r="S39384">
        <v>8</v>
      </c>
      <c r="T39384">
        <v>8</v>
      </c>
      <c r="U39384">
        <v>8</v>
      </c>
      <c r="V39384">
        <v>8</v>
      </c>
      <c r="W39384">
        <v>8</v>
      </c>
      <c r="X39384">
        <v>9</v>
      </c>
      <c r="Y39384">
        <v>9</v>
      </c>
      <c r="Z39384">
        <v>9</v>
      </c>
      <c r="AA39384">
        <v>9</v>
      </c>
      <c r="AB39384">
        <v>9</v>
      </c>
      <c r="AC39384">
        <v>9</v>
      </c>
      <c r="AD39384">
        <v>9</v>
      </c>
      <c r="AE39384">
        <v>10</v>
      </c>
      <c r="AF39384">
        <v>10</v>
      </c>
      <c r="AG39384">
        <v>10</v>
      </c>
      <c r="AH39384">
        <v>10</v>
      </c>
      <c r="AI39384">
        <v>10</v>
      </c>
      <c r="AJ39384">
        <v>10</v>
      </c>
      <c r="AK39384">
        <v>10</v>
      </c>
      <c r="AL39384">
        <v>10</v>
      </c>
      <c r="AM39384">
        <v>10</v>
      </c>
      <c r="AN39384">
        <v>10</v>
      </c>
      <c r="AO39384">
        <v>10</v>
      </c>
      <c r="AP39384">
        <v>10</v>
      </c>
      <c r="AQ39384">
        <v>10</v>
      </c>
    </row>
    <row r="39385" spans="1:43">
      <c r="A39385" t="s">
        <v>24429</v>
      </c>
      <c r="B39385" t="s">
        <v>24430</v>
      </c>
      <c r="C39385" t="s">
        <v>24335</v>
      </c>
      <c r="D39385" t="s">
        <v>24336</v>
      </c>
      <c r="E39385" t="s">
        <v>24327</v>
      </c>
      <c r="F39385" t="s">
        <v>24328</v>
      </c>
      <c r="G39385" t="s">
        <v>11612</v>
      </c>
      <c r="H39385" t="s">
        <v>11613</v>
      </c>
      <c r="I39385" s="2">
        <v>0</v>
      </c>
      <c r="J39385" s="2">
        <v>0</v>
      </c>
      <c r="K39385" s="2">
        <v>1</v>
      </c>
      <c r="L39385" t="s">
        <v>995</v>
      </c>
      <c r="M39385" t="s">
        <v>83</v>
      </c>
      <c r="N39385" t="s">
        <v>91</v>
      </c>
      <c r="O39385" t="s">
        <v>85</v>
      </c>
      <c r="P39385" t="s">
        <v>86</v>
      </c>
      <c r="Q39385">
        <v>7</v>
      </c>
      <c r="R39385">
        <v>7</v>
      </c>
      <c r="S39385">
        <v>8</v>
      </c>
      <c r="T39385">
        <v>8</v>
      </c>
      <c r="U39385">
        <v>8</v>
      </c>
      <c r="V39385">
        <v>8</v>
      </c>
      <c r="W39385">
        <v>8</v>
      </c>
      <c r="X39385">
        <v>8</v>
      </c>
      <c r="Y39385">
        <v>8</v>
      </c>
      <c r="Z39385">
        <v>8</v>
      </c>
      <c r="AA39385">
        <v>8</v>
      </c>
      <c r="AB39385">
        <v>9</v>
      </c>
      <c r="AC39385">
        <v>9</v>
      </c>
      <c r="AD39385">
        <v>9</v>
      </c>
      <c r="AE39385">
        <v>9</v>
      </c>
      <c r="AF39385">
        <v>9</v>
      </c>
      <c r="AG39385">
        <v>9</v>
      </c>
      <c r="AH39385">
        <v>9</v>
      </c>
      <c r="AI39385">
        <v>9</v>
      </c>
      <c r="AJ39385">
        <v>9</v>
      </c>
      <c r="AK39385">
        <v>10</v>
      </c>
      <c r="AL39385">
        <v>10</v>
      </c>
      <c r="AM39385">
        <v>10</v>
      </c>
      <c r="AN39385">
        <v>10</v>
      </c>
      <c r="AO39385">
        <v>10</v>
      </c>
      <c r="AP39385">
        <v>10</v>
      </c>
      <c r="AQ39385">
        <v>10</v>
      </c>
    </row>
    <row r="39386" spans="1:43">
      <c r="A39386" t="s">
        <v>24431</v>
      </c>
      <c r="B39386" t="s">
        <v>24432</v>
      </c>
      <c r="C39386" t="s">
        <v>24433</v>
      </c>
      <c r="D39386" t="s">
        <v>24434</v>
      </c>
      <c r="E39386" t="s">
        <v>24327</v>
      </c>
      <c r="F39386" t="s">
        <v>24328</v>
      </c>
      <c r="G39386" t="s">
        <v>11612</v>
      </c>
      <c r="H39386" t="s">
        <v>11613</v>
      </c>
      <c r="I39386" s="2">
        <v>0</v>
      </c>
      <c r="J39386" s="2">
        <v>0</v>
      </c>
      <c r="K39386" s="2">
        <v>1</v>
      </c>
      <c r="L39386" t="s">
        <v>995</v>
      </c>
      <c r="M39386" t="s">
        <v>83</v>
      </c>
      <c r="N39386" t="s">
        <v>84</v>
      </c>
      <c r="O39386" t="s">
        <v>85</v>
      </c>
      <c r="P39386" t="s">
        <v>86</v>
      </c>
      <c r="Q39386">
        <v>39</v>
      </c>
      <c r="R39386">
        <v>40</v>
      </c>
      <c r="S39386">
        <v>40</v>
      </c>
      <c r="T39386">
        <v>41</v>
      </c>
      <c r="U39386">
        <v>42</v>
      </c>
      <c r="V39386">
        <v>42</v>
      </c>
      <c r="W39386">
        <v>43</v>
      </c>
      <c r="X39386">
        <v>43</v>
      </c>
      <c r="Y39386">
        <v>44</v>
      </c>
      <c r="Z39386">
        <v>44</v>
      </c>
      <c r="AA39386">
        <v>45</v>
      </c>
      <c r="AB39386">
        <v>46</v>
      </c>
      <c r="AC39386">
        <v>46</v>
      </c>
      <c r="AD39386">
        <v>47</v>
      </c>
      <c r="AE39386">
        <v>47</v>
      </c>
      <c r="AF39386">
        <v>48</v>
      </c>
      <c r="AG39386">
        <v>49</v>
      </c>
      <c r="AH39386">
        <v>49</v>
      </c>
      <c r="AI39386">
        <v>50</v>
      </c>
      <c r="AJ39386">
        <v>50</v>
      </c>
      <c r="AK39386">
        <v>51</v>
      </c>
      <c r="AL39386">
        <v>51</v>
      </c>
      <c r="AM39386">
        <v>52</v>
      </c>
      <c r="AN39386">
        <v>52</v>
      </c>
      <c r="AO39386">
        <v>52</v>
      </c>
      <c r="AP39386">
        <v>52</v>
      </c>
      <c r="AQ39386">
        <v>53</v>
      </c>
    </row>
    <row r="39387" spans="1:43">
      <c r="A39387" t="s">
        <v>24431</v>
      </c>
      <c r="B39387" t="s">
        <v>24432</v>
      </c>
      <c r="C39387" t="s">
        <v>24433</v>
      </c>
      <c r="D39387" t="s">
        <v>24434</v>
      </c>
      <c r="E39387" t="s">
        <v>24327</v>
      </c>
      <c r="F39387" t="s">
        <v>24328</v>
      </c>
      <c r="G39387" t="s">
        <v>11612</v>
      </c>
      <c r="H39387" t="s">
        <v>11613</v>
      </c>
      <c r="I39387" s="2">
        <v>0</v>
      </c>
      <c r="J39387" s="2">
        <v>0</v>
      </c>
      <c r="K39387" s="2">
        <v>1</v>
      </c>
      <c r="L39387" t="s">
        <v>995</v>
      </c>
      <c r="M39387" t="s">
        <v>87</v>
      </c>
      <c r="N39387" t="s">
        <v>88</v>
      </c>
      <c r="O39387" t="s">
        <v>85</v>
      </c>
      <c r="P39387" t="s">
        <v>86</v>
      </c>
      <c r="Q39387">
        <v>39</v>
      </c>
      <c r="R39387">
        <v>39</v>
      </c>
      <c r="S39387">
        <v>39</v>
      </c>
      <c r="T39387">
        <v>40</v>
      </c>
      <c r="U39387">
        <v>40</v>
      </c>
      <c r="V39387">
        <v>40</v>
      </c>
      <c r="W39387">
        <v>40</v>
      </c>
      <c r="X39387">
        <v>40</v>
      </c>
      <c r="Y39387">
        <v>41</v>
      </c>
      <c r="Z39387">
        <v>41</v>
      </c>
      <c r="AA39387">
        <v>41</v>
      </c>
      <c r="AB39387">
        <v>41</v>
      </c>
      <c r="AC39387">
        <v>41</v>
      </c>
      <c r="AD39387">
        <v>42</v>
      </c>
      <c r="AE39387">
        <v>42</v>
      </c>
      <c r="AF39387">
        <v>42</v>
      </c>
      <c r="AG39387">
        <v>42</v>
      </c>
      <c r="AH39387">
        <v>43</v>
      </c>
      <c r="AI39387">
        <v>43</v>
      </c>
      <c r="AJ39387">
        <v>43</v>
      </c>
      <c r="AK39387">
        <v>44</v>
      </c>
      <c r="AL39387">
        <v>44</v>
      </c>
      <c r="AM39387">
        <v>44</v>
      </c>
      <c r="AN39387">
        <v>44</v>
      </c>
      <c r="AO39387">
        <v>45</v>
      </c>
      <c r="AP39387">
        <v>45</v>
      </c>
      <c r="AQ39387">
        <v>45</v>
      </c>
    </row>
    <row r="39388" spans="1:43">
      <c r="A39388" t="s">
        <v>24431</v>
      </c>
      <c r="B39388" t="s">
        <v>24432</v>
      </c>
      <c r="C39388" t="s">
        <v>24433</v>
      </c>
      <c r="D39388" t="s">
        <v>24434</v>
      </c>
      <c r="E39388" t="s">
        <v>24327</v>
      </c>
      <c r="F39388" t="s">
        <v>24328</v>
      </c>
      <c r="G39388" t="s">
        <v>11612</v>
      </c>
      <c r="H39388" t="s">
        <v>11613</v>
      </c>
      <c r="I39388" s="2">
        <v>0</v>
      </c>
      <c r="J39388" s="2">
        <v>0</v>
      </c>
      <c r="K39388" s="2">
        <v>1</v>
      </c>
      <c r="L39388" t="s">
        <v>995</v>
      </c>
      <c r="M39388" t="s">
        <v>89</v>
      </c>
      <c r="N39388" t="s">
        <v>90</v>
      </c>
      <c r="O39388" t="s">
        <v>85</v>
      </c>
      <c r="P39388" t="s">
        <v>86</v>
      </c>
      <c r="Q39388">
        <v>39</v>
      </c>
      <c r="R39388">
        <v>40</v>
      </c>
      <c r="S39388">
        <v>40</v>
      </c>
      <c r="T39388">
        <v>41</v>
      </c>
      <c r="U39388">
        <v>42</v>
      </c>
      <c r="V39388">
        <v>43</v>
      </c>
      <c r="W39388">
        <v>44</v>
      </c>
      <c r="X39388">
        <v>45</v>
      </c>
      <c r="Y39388">
        <v>45</v>
      </c>
      <c r="Z39388">
        <v>46</v>
      </c>
      <c r="AA39388">
        <v>47</v>
      </c>
      <c r="AB39388">
        <v>48</v>
      </c>
      <c r="AC39388">
        <v>48</v>
      </c>
      <c r="AD39388">
        <v>49</v>
      </c>
      <c r="AE39388">
        <v>50</v>
      </c>
      <c r="AF39388">
        <v>50</v>
      </c>
      <c r="AG39388">
        <v>50</v>
      </c>
      <c r="AH39388">
        <v>50</v>
      </c>
      <c r="AI39388">
        <v>50</v>
      </c>
      <c r="AJ39388">
        <v>51</v>
      </c>
      <c r="AK39388">
        <v>51</v>
      </c>
      <c r="AL39388">
        <v>51</v>
      </c>
      <c r="AM39388">
        <v>51</v>
      </c>
      <c r="AN39388">
        <v>52</v>
      </c>
      <c r="AO39388">
        <v>52</v>
      </c>
      <c r="AP39388">
        <v>52</v>
      </c>
      <c r="AQ39388">
        <v>52</v>
      </c>
    </row>
    <row r="39389" spans="1:43">
      <c r="A39389" t="s">
        <v>24431</v>
      </c>
      <c r="B39389" t="s">
        <v>24432</v>
      </c>
      <c r="C39389" t="s">
        <v>24433</v>
      </c>
      <c r="D39389" t="s">
        <v>24434</v>
      </c>
      <c r="E39389" t="s">
        <v>24327</v>
      </c>
      <c r="F39389" t="s">
        <v>24328</v>
      </c>
      <c r="G39389" t="s">
        <v>11612</v>
      </c>
      <c r="H39389" t="s">
        <v>11613</v>
      </c>
      <c r="I39389" s="2">
        <v>0</v>
      </c>
      <c r="J39389" s="2">
        <v>0</v>
      </c>
      <c r="K39389" s="2">
        <v>1</v>
      </c>
      <c r="L39389" t="s">
        <v>995</v>
      </c>
      <c r="M39389" t="s">
        <v>83</v>
      </c>
      <c r="N39389" t="s">
        <v>91</v>
      </c>
      <c r="O39389" t="s">
        <v>85</v>
      </c>
      <c r="P39389" t="s">
        <v>86</v>
      </c>
      <c r="Q39389">
        <v>39</v>
      </c>
      <c r="R39389">
        <v>40</v>
      </c>
      <c r="S39389">
        <v>40</v>
      </c>
      <c r="T39389">
        <v>41</v>
      </c>
      <c r="U39389">
        <v>42</v>
      </c>
      <c r="V39389">
        <v>42</v>
      </c>
      <c r="W39389">
        <v>43</v>
      </c>
      <c r="X39389">
        <v>43</v>
      </c>
      <c r="Y39389">
        <v>44</v>
      </c>
      <c r="Z39389">
        <v>44</v>
      </c>
      <c r="AA39389">
        <v>45</v>
      </c>
      <c r="AB39389">
        <v>46</v>
      </c>
      <c r="AC39389">
        <v>46</v>
      </c>
      <c r="AD39389">
        <v>47</v>
      </c>
      <c r="AE39389">
        <v>47</v>
      </c>
      <c r="AF39389">
        <v>48</v>
      </c>
      <c r="AG39389">
        <v>49</v>
      </c>
      <c r="AH39389">
        <v>49</v>
      </c>
      <c r="AI39389">
        <v>50</v>
      </c>
      <c r="AJ39389">
        <v>50</v>
      </c>
      <c r="AK39389">
        <v>51</v>
      </c>
      <c r="AL39389">
        <v>51</v>
      </c>
      <c r="AM39389">
        <v>52</v>
      </c>
      <c r="AN39389">
        <v>52</v>
      </c>
      <c r="AO39389">
        <v>52</v>
      </c>
      <c r="AP39389">
        <v>52</v>
      </c>
      <c r="AQ39389">
        <v>53</v>
      </c>
    </row>
    <row r="39390" spans="1:43">
      <c r="A39390" t="s">
        <v>24435</v>
      </c>
      <c r="B39390" t="s">
        <v>24436</v>
      </c>
      <c r="C39390" t="s">
        <v>24433</v>
      </c>
      <c r="D39390" t="s">
        <v>24434</v>
      </c>
      <c r="E39390" t="s">
        <v>24327</v>
      </c>
      <c r="F39390" t="s">
        <v>24328</v>
      </c>
      <c r="G39390" t="s">
        <v>11612</v>
      </c>
      <c r="H39390" t="s">
        <v>11613</v>
      </c>
      <c r="I39390" s="2">
        <v>0</v>
      </c>
      <c r="J39390" s="2">
        <v>0</v>
      </c>
      <c r="K39390" s="2">
        <v>1</v>
      </c>
      <c r="L39390" t="s">
        <v>995</v>
      </c>
      <c r="M39390" t="s">
        <v>83</v>
      </c>
      <c r="N39390" t="s">
        <v>84</v>
      </c>
      <c r="O39390" t="s">
        <v>85</v>
      </c>
      <c r="P39390" t="s">
        <v>86</v>
      </c>
      <c r="Q39390">
        <v>17</v>
      </c>
      <c r="R39390">
        <v>18</v>
      </c>
      <c r="S39390">
        <v>18</v>
      </c>
      <c r="T39390">
        <v>18</v>
      </c>
      <c r="U39390">
        <v>19</v>
      </c>
      <c r="V39390">
        <v>19</v>
      </c>
      <c r="W39390">
        <v>19</v>
      </c>
      <c r="X39390">
        <v>19</v>
      </c>
      <c r="Y39390">
        <v>19</v>
      </c>
      <c r="Z39390">
        <v>20</v>
      </c>
      <c r="AA39390">
        <v>20</v>
      </c>
      <c r="AB39390">
        <v>20</v>
      </c>
      <c r="AC39390">
        <v>20</v>
      </c>
      <c r="AD39390">
        <v>21</v>
      </c>
      <c r="AE39390">
        <v>21</v>
      </c>
      <c r="AF39390">
        <v>21</v>
      </c>
      <c r="AG39390">
        <v>22</v>
      </c>
      <c r="AH39390">
        <v>22</v>
      </c>
      <c r="AI39390">
        <v>22</v>
      </c>
      <c r="AJ39390">
        <v>22</v>
      </c>
      <c r="AK39390">
        <v>23</v>
      </c>
      <c r="AL39390">
        <v>23</v>
      </c>
      <c r="AM39390">
        <v>23</v>
      </c>
      <c r="AN39390">
        <v>23</v>
      </c>
      <c r="AO39390">
        <v>23</v>
      </c>
      <c r="AP39390">
        <v>23</v>
      </c>
      <c r="AQ39390">
        <v>23</v>
      </c>
    </row>
    <row r="39391" spans="1:43">
      <c r="A39391" t="s">
        <v>24435</v>
      </c>
      <c r="B39391" t="s">
        <v>24436</v>
      </c>
      <c r="C39391" t="s">
        <v>24433</v>
      </c>
      <c r="D39391" t="s">
        <v>24434</v>
      </c>
      <c r="E39391" t="s">
        <v>24327</v>
      </c>
      <c r="F39391" t="s">
        <v>24328</v>
      </c>
      <c r="G39391" t="s">
        <v>11612</v>
      </c>
      <c r="H39391" t="s">
        <v>11613</v>
      </c>
      <c r="I39391" s="2">
        <v>0</v>
      </c>
      <c r="J39391" s="2">
        <v>0</v>
      </c>
      <c r="K39391" s="2">
        <v>1</v>
      </c>
      <c r="L39391" t="s">
        <v>995</v>
      </c>
      <c r="M39391" t="s">
        <v>87</v>
      </c>
      <c r="N39391" t="s">
        <v>88</v>
      </c>
      <c r="O39391" t="s">
        <v>85</v>
      </c>
      <c r="P39391" t="s">
        <v>86</v>
      </c>
      <c r="Q39391">
        <v>17</v>
      </c>
      <c r="R39391">
        <v>17</v>
      </c>
      <c r="S39391">
        <v>18</v>
      </c>
      <c r="T39391">
        <v>18</v>
      </c>
      <c r="U39391">
        <v>18</v>
      </c>
      <c r="V39391">
        <v>18</v>
      </c>
      <c r="W39391">
        <v>18</v>
      </c>
      <c r="X39391">
        <v>18</v>
      </c>
      <c r="Y39391">
        <v>18</v>
      </c>
      <c r="Z39391">
        <v>18</v>
      </c>
      <c r="AA39391">
        <v>18</v>
      </c>
      <c r="AB39391">
        <v>18</v>
      </c>
      <c r="AC39391">
        <v>18</v>
      </c>
      <c r="AD39391">
        <v>18</v>
      </c>
      <c r="AE39391">
        <v>19</v>
      </c>
      <c r="AF39391">
        <v>19</v>
      </c>
      <c r="AG39391">
        <v>19</v>
      </c>
      <c r="AH39391">
        <v>19</v>
      </c>
      <c r="AI39391">
        <v>19</v>
      </c>
      <c r="AJ39391">
        <v>19</v>
      </c>
      <c r="AK39391">
        <v>19</v>
      </c>
      <c r="AL39391">
        <v>19</v>
      </c>
      <c r="AM39391">
        <v>20</v>
      </c>
      <c r="AN39391">
        <v>20</v>
      </c>
      <c r="AO39391">
        <v>20</v>
      </c>
      <c r="AP39391">
        <v>20</v>
      </c>
      <c r="AQ39391">
        <v>20</v>
      </c>
    </row>
    <row r="39392" spans="1:43">
      <c r="A39392" t="s">
        <v>24435</v>
      </c>
      <c r="B39392" t="s">
        <v>24436</v>
      </c>
      <c r="C39392" t="s">
        <v>24433</v>
      </c>
      <c r="D39392" t="s">
        <v>24434</v>
      </c>
      <c r="E39392" t="s">
        <v>24327</v>
      </c>
      <c r="F39392" t="s">
        <v>24328</v>
      </c>
      <c r="G39392" t="s">
        <v>11612</v>
      </c>
      <c r="H39392" t="s">
        <v>11613</v>
      </c>
      <c r="I39392" s="2">
        <v>0</v>
      </c>
      <c r="J39392" s="2">
        <v>0</v>
      </c>
      <c r="K39392" s="2">
        <v>1</v>
      </c>
      <c r="L39392" t="s">
        <v>995</v>
      </c>
      <c r="M39392" t="s">
        <v>89</v>
      </c>
      <c r="N39392" t="s">
        <v>90</v>
      </c>
      <c r="O39392" t="s">
        <v>85</v>
      </c>
      <c r="P39392" t="s">
        <v>86</v>
      </c>
      <c r="Q39392">
        <v>17</v>
      </c>
      <c r="R39392">
        <v>17</v>
      </c>
      <c r="S39392">
        <v>17</v>
      </c>
      <c r="T39392">
        <v>18</v>
      </c>
      <c r="U39392">
        <v>18</v>
      </c>
      <c r="V39392">
        <v>19</v>
      </c>
      <c r="W39392">
        <v>19</v>
      </c>
      <c r="X39392">
        <v>19</v>
      </c>
      <c r="Y39392">
        <v>20</v>
      </c>
      <c r="Z39392">
        <v>20</v>
      </c>
      <c r="AA39392">
        <v>20</v>
      </c>
      <c r="AB39392">
        <v>21</v>
      </c>
      <c r="AC39392">
        <v>21</v>
      </c>
      <c r="AD39392">
        <v>21</v>
      </c>
      <c r="AE39392">
        <v>22</v>
      </c>
      <c r="AF39392">
        <v>22</v>
      </c>
      <c r="AG39392">
        <v>22</v>
      </c>
      <c r="AH39392">
        <v>22</v>
      </c>
      <c r="AI39392">
        <v>22</v>
      </c>
      <c r="AJ39392">
        <v>22</v>
      </c>
      <c r="AK39392">
        <v>22</v>
      </c>
      <c r="AL39392">
        <v>22</v>
      </c>
      <c r="AM39392">
        <v>22</v>
      </c>
      <c r="AN39392">
        <v>22</v>
      </c>
      <c r="AO39392">
        <v>22</v>
      </c>
      <c r="AP39392">
        <v>22</v>
      </c>
      <c r="AQ39392">
        <v>23</v>
      </c>
    </row>
    <row r="39393" spans="1:43">
      <c r="A39393" t="s">
        <v>24435</v>
      </c>
      <c r="B39393" t="s">
        <v>24436</v>
      </c>
      <c r="C39393" t="s">
        <v>24433</v>
      </c>
      <c r="D39393" t="s">
        <v>24434</v>
      </c>
      <c r="E39393" t="s">
        <v>24327</v>
      </c>
      <c r="F39393" t="s">
        <v>24328</v>
      </c>
      <c r="G39393" t="s">
        <v>11612</v>
      </c>
      <c r="H39393" t="s">
        <v>11613</v>
      </c>
      <c r="I39393" s="2">
        <v>0</v>
      </c>
      <c r="J39393" s="2">
        <v>0</v>
      </c>
      <c r="K39393" s="2">
        <v>1</v>
      </c>
      <c r="L39393" t="s">
        <v>995</v>
      </c>
      <c r="M39393" t="s">
        <v>83</v>
      </c>
      <c r="N39393" t="s">
        <v>91</v>
      </c>
      <c r="O39393" t="s">
        <v>85</v>
      </c>
      <c r="P39393" t="s">
        <v>86</v>
      </c>
      <c r="Q39393">
        <v>17</v>
      </c>
      <c r="R39393">
        <v>18</v>
      </c>
      <c r="S39393">
        <v>18</v>
      </c>
      <c r="T39393">
        <v>18</v>
      </c>
      <c r="U39393">
        <v>19</v>
      </c>
      <c r="V39393">
        <v>19</v>
      </c>
      <c r="W39393">
        <v>19</v>
      </c>
      <c r="X39393">
        <v>19</v>
      </c>
      <c r="Y39393">
        <v>19</v>
      </c>
      <c r="Z39393">
        <v>20</v>
      </c>
      <c r="AA39393">
        <v>20</v>
      </c>
      <c r="AB39393">
        <v>20</v>
      </c>
      <c r="AC39393">
        <v>20</v>
      </c>
      <c r="AD39393">
        <v>21</v>
      </c>
      <c r="AE39393">
        <v>21</v>
      </c>
      <c r="AF39393">
        <v>21</v>
      </c>
      <c r="AG39393">
        <v>22</v>
      </c>
      <c r="AH39393">
        <v>22</v>
      </c>
      <c r="AI39393">
        <v>22</v>
      </c>
      <c r="AJ39393">
        <v>22</v>
      </c>
      <c r="AK39393">
        <v>23</v>
      </c>
      <c r="AL39393">
        <v>23</v>
      </c>
      <c r="AM39393">
        <v>23</v>
      </c>
      <c r="AN39393">
        <v>23</v>
      </c>
      <c r="AO39393">
        <v>23</v>
      </c>
      <c r="AP39393">
        <v>23</v>
      </c>
      <c r="AQ39393">
        <v>23</v>
      </c>
    </row>
    <row r="39394" spans="1:43">
      <c r="A39394" t="s">
        <v>24437</v>
      </c>
      <c r="B39394" t="s">
        <v>24438</v>
      </c>
      <c r="C39394" t="s">
        <v>24433</v>
      </c>
      <c r="D39394" t="s">
        <v>24434</v>
      </c>
      <c r="E39394" t="s">
        <v>24327</v>
      </c>
      <c r="F39394" t="s">
        <v>24328</v>
      </c>
      <c r="G39394" t="s">
        <v>11612</v>
      </c>
      <c r="H39394" t="s">
        <v>11613</v>
      </c>
      <c r="I39394" s="2">
        <v>0</v>
      </c>
      <c r="J39394" s="2">
        <v>0</v>
      </c>
      <c r="K39394" s="2">
        <v>1</v>
      </c>
      <c r="L39394" t="s">
        <v>995</v>
      </c>
      <c r="M39394" t="s">
        <v>83</v>
      </c>
      <c r="N39394" t="s">
        <v>84</v>
      </c>
      <c r="O39394" t="s">
        <v>85</v>
      </c>
      <c r="P39394" t="s">
        <v>86</v>
      </c>
      <c r="Q39394">
        <v>8</v>
      </c>
      <c r="R39394">
        <v>8</v>
      </c>
      <c r="S39394">
        <v>8</v>
      </c>
      <c r="T39394">
        <v>8</v>
      </c>
      <c r="U39394">
        <v>8</v>
      </c>
      <c r="V39394">
        <v>8</v>
      </c>
      <c r="W39394">
        <v>8</v>
      </c>
      <c r="X39394">
        <v>9</v>
      </c>
      <c r="Y39394">
        <v>9</v>
      </c>
      <c r="Z39394">
        <v>9</v>
      </c>
      <c r="AA39394">
        <v>9</v>
      </c>
      <c r="AB39394">
        <v>9</v>
      </c>
      <c r="AC39394">
        <v>9</v>
      </c>
      <c r="AD39394">
        <v>9</v>
      </c>
      <c r="AE39394">
        <v>9</v>
      </c>
      <c r="AF39394">
        <v>10</v>
      </c>
      <c r="AG39394">
        <v>10</v>
      </c>
      <c r="AH39394">
        <v>10</v>
      </c>
      <c r="AI39394">
        <v>10</v>
      </c>
      <c r="AJ39394">
        <v>10</v>
      </c>
      <c r="AK39394">
        <v>10</v>
      </c>
      <c r="AL39394">
        <v>10</v>
      </c>
      <c r="AM39394">
        <v>10</v>
      </c>
      <c r="AN39394">
        <v>10</v>
      </c>
      <c r="AO39394">
        <v>11</v>
      </c>
      <c r="AP39394">
        <v>11</v>
      </c>
      <c r="AQ39394">
        <v>11</v>
      </c>
    </row>
    <row r="39395" spans="1:43">
      <c r="A39395" t="s">
        <v>24437</v>
      </c>
      <c r="B39395" t="s">
        <v>24438</v>
      </c>
      <c r="C39395" t="s">
        <v>24433</v>
      </c>
      <c r="D39395" t="s">
        <v>24434</v>
      </c>
      <c r="E39395" t="s">
        <v>24327</v>
      </c>
      <c r="F39395" t="s">
        <v>24328</v>
      </c>
      <c r="G39395" t="s">
        <v>11612</v>
      </c>
      <c r="H39395" t="s">
        <v>11613</v>
      </c>
      <c r="I39395" s="2">
        <v>0</v>
      </c>
      <c r="J39395" s="2">
        <v>0</v>
      </c>
      <c r="K39395" s="2">
        <v>1</v>
      </c>
      <c r="L39395" t="s">
        <v>995</v>
      </c>
      <c r="M39395" t="s">
        <v>87</v>
      </c>
      <c r="N39395" t="s">
        <v>88</v>
      </c>
      <c r="O39395" t="s">
        <v>85</v>
      </c>
      <c r="P39395" t="s">
        <v>86</v>
      </c>
      <c r="Q39395">
        <v>8</v>
      </c>
      <c r="R39395">
        <v>8</v>
      </c>
      <c r="S39395">
        <v>8</v>
      </c>
      <c r="T39395">
        <v>8</v>
      </c>
      <c r="U39395">
        <v>8</v>
      </c>
      <c r="V39395">
        <v>8</v>
      </c>
      <c r="W39395">
        <v>8</v>
      </c>
      <c r="X39395">
        <v>8</v>
      </c>
      <c r="Y39395">
        <v>8</v>
      </c>
      <c r="Z39395">
        <v>8</v>
      </c>
      <c r="AA39395">
        <v>8</v>
      </c>
      <c r="AB39395">
        <v>8</v>
      </c>
      <c r="AC39395">
        <v>8</v>
      </c>
      <c r="AD39395">
        <v>8</v>
      </c>
      <c r="AE39395">
        <v>8</v>
      </c>
      <c r="AF39395">
        <v>8</v>
      </c>
      <c r="AG39395">
        <v>8</v>
      </c>
      <c r="AH39395">
        <v>9</v>
      </c>
      <c r="AI39395">
        <v>9</v>
      </c>
      <c r="AJ39395">
        <v>9</v>
      </c>
      <c r="AK39395">
        <v>9</v>
      </c>
      <c r="AL39395">
        <v>9</v>
      </c>
      <c r="AM39395">
        <v>9</v>
      </c>
      <c r="AN39395">
        <v>9</v>
      </c>
      <c r="AO39395">
        <v>9</v>
      </c>
      <c r="AP39395">
        <v>9</v>
      </c>
      <c r="AQ39395">
        <v>9</v>
      </c>
    </row>
    <row r="39396" spans="1:43">
      <c r="A39396" t="s">
        <v>24437</v>
      </c>
      <c r="B39396" t="s">
        <v>24438</v>
      </c>
      <c r="C39396" t="s">
        <v>24433</v>
      </c>
      <c r="D39396" t="s">
        <v>24434</v>
      </c>
      <c r="E39396" t="s">
        <v>24327</v>
      </c>
      <c r="F39396" t="s">
        <v>24328</v>
      </c>
      <c r="G39396" t="s">
        <v>11612</v>
      </c>
      <c r="H39396" t="s">
        <v>11613</v>
      </c>
      <c r="I39396" s="2">
        <v>0</v>
      </c>
      <c r="J39396" s="2">
        <v>0</v>
      </c>
      <c r="K39396" s="2">
        <v>1</v>
      </c>
      <c r="L39396" t="s">
        <v>995</v>
      </c>
      <c r="M39396" t="s">
        <v>89</v>
      </c>
      <c r="N39396" t="s">
        <v>90</v>
      </c>
      <c r="O39396" t="s">
        <v>85</v>
      </c>
      <c r="P39396" t="s">
        <v>86</v>
      </c>
      <c r="Q39396">
        <v>8</v>
      </c>
      <c r="R39396">
        <v>8</v>
      </c>
      <c r="S39396">
        <v>8</v>
      </c>
      <c r="T39396">
        <v>8</v>
      </c>
      <c r="U39396">
        <v>8</v>
      </c>
      <c r="V39396">
        <v>9</v>
      </c>
      <c r="W39396">
        <v>9</v>
      </c>
      <c r="X39396">
        <v>9</v>
      </c>
      <c r="Y39396">
        <v>9</v>
      </c>
      <c r="Z39396">
        <v>9</v>
      </c>
      <c r="AA39396">
        <v>9</v>
      </c>
      <c r="AB39396">
        <v>10</v>
      </c>
      <c r="AC39396">
        <v>10</v>
      </c>
      <c r="AD39396">
        <v>10</v>
      </c>
      <c r="AE39396">
        <v>10</v>
      </c>
      <c r="AF39396">
        <v>10</v>
      </c>
      <c r="AG39396">
        <v>10</v>
      </c>
      <c r="AH39396">
        <v>10</v>
      </c>
      <c r="AI39396">
        <v>10</v>
      </c>
      <c r="AJ39396">
        <v>10</v>
      </c>
      <c r="AK39396">
        <v>10</v>
      </c>
      <c r="AL39396">
        <v>11</v>
      </c>
      <c r="AM39396">
        <v>11</v>
      </c>
      <c r="AN39396">
        <v>11</v>
      </c>
      <c r="AO39396">
        <v>11</v>
      </c>
      <c r="AP39396">
        <v>11</v>
      </c>
      <c r="AQ39396">
        <v>11</v>
      </c>
    </row>
    <row r="39397" spans="1:43">
      <c r="A39397" t="s">
        <v>24437</v>
      </c>
      <c r="B39397" t="s">
        <v>24438</v>
      </c>
      <c r="C39397" t="s">
        <v>24433</v>
      </c>
      <c r="D39397" t="s">
        <v>24434</v>
      </c>
      <c r="E39397" t="s">
        <v>24327</v>
      </c>
      <c r="F39397" t="s">
        <v>24328</v>
      </c>
      <c r="G39397" t="s">
        <v>11612</v>
      </c>
      <c r="H39397" t="s">
        <v>11613</v>
      </c>
      <c r="I39397" s="2">
        <v>0</v>
      </c>
      <c r="J39397" s="2">
        <v>0</v>
      </c>
      <c r="K39397" s="2">
        <v>1</v>
      </c>
      <c r="L39397" t="s">
        <v>995</v>
      </c>
      <c r="M39397" t="s">
        <v>83</v>
      </c>
      <c r="N39397" t="s">
        <v>91</v>
      </c>
      <c r="O39397" t="s">
        <v>85</v>
      </c>
      <c r="P39397" t="s">
        <v>86</v>
      </c>
      <c r="Q39397">
        <v>8</v>
      </c>
      <c r="R39397">
        <v>8</v>
      </c>
      <c r="S39397">
        <v>8</v>
      </c>
      <c r="T39397">
        <v>8</v>
      </c>
      <c r="U39397">
        <v>8</v>
      </c>
      <c r="V39397">
        <v>8</v>
      </c>
      <c r="W39397">
        <v>8</v>
      </c>
      <c r="X39397">
        <v>9</v>
      </c>
      <c r="Y39397">
        <v>9</v>
      </c>
      <c r="Z39397">
        <v>9</v>
      </c>
      <c r="AA39397">
        <v>9</v>
      </c>
      <c r="AB39397">
        <v>9</v>
      </c>
      <c r="AC39397">
        <v>9</v>
      </c>
      <c r="AD39397">
        <v>9</v>
      </c>
      <c r="AE39397">
        <v>9</v>
      </c>
      <c r="AF39397">
        <v>10</v>
      </c>
      <c r="AG39397">
        <v>10</v>
      </c>
      <c r="AH39397">
        <v>10</v>
      </c>
      <c r="AI39397">
        <v>10</v>
      </c>
      <c r="AJ39397">
        <v>10</v>
      </c>
      <c r="AK39397">
        <v>10</v>
      </c>
      <c r="AL39397">
        <v>10</v>
      </c>
      <c r="AM39397">
        <v>10</v>
      </c>
      <c r="AN39397">
        <v>10</v>
      </c>
      <c r="AO39397">
        <v>11</v>
      </c>
      <c r="AP39397">
        <v>11</v>
      </c>
      <c r="AQ39397">
        <v>11</v>
      </c>
    </row>
    <row r="39398" spans="1:43">
      <c r="A39398" t="s">
        <v>24439</v>
      </c>
      <c r="B39398" t="s">
        <v>24440</v>
      </c>
      <c r="C39398" t="s">
        <v>24433</v>
      </c>
      <c r="D39398" t="s">
        <v>24434</v>
      </c>
      <c r="E39398" t="s">
        <v>24327</v>
      </c>
      <c r="F39398" t="s">
        <v>24328</v>
      </c>
      <c r="G39398" t="s">
        <v>11612</v>
      </c>
      <c r="H39398" t="s">
        <v>11613</v>
      </c>
      <c r="I39398" s="2">
        <v>0</v>
      </c>
      <c r="J39398" s="2">
        <v>0</v>
      </c>
      <c r="K39398" s="2">
        <v>1</v>
      </c>
      <c r="L39398" t="s">
        <v>995</v>
      </c>
      <c r="M39398" t="s">
        <v>83</v>
      </c>
      <c r="N39398" t="s">
        <v>84</v>
      </c>
      <c r="O39398" t="s">
        <v>85</v>
      </c>
      <c r="P39398" t="s">
        <v>86</v>
      </c>
      <c r="Q39398">
        <v>9</v>
      </c>
      <c r="R39398">
        <v>9</v>
      </c>
      <c r="S39398">
        <v>10</v>
      </c>
      <c r="T39398">
        <v>10</v>
      </c>
      <c r="U39398">
        <v>10</v>
      </c>
      <c r="V39398">
        <v>10</v>
      </c>
      <c r="W39398">
        <v>10</v>
      </c>
      <c r="X39398">
        <v>10</v>
      </c>
      <c r="Y39398">
        <v>11</v>
      </c>
      <c r="Z39398">
        <v>11</v>
      </c>
      <c r="AA39398">
        <v>11</v>
      </c>
      <c r="AB39398">
        <v>11</v>
      </c>
      <c r="AC39398">
        <v>11</v>
      </c>
      <c r="AD39398">
        <v>11</v>
      </c>
      <c r="AE39398">
        <v>11</v>
      </c>
      <c r="AF39398">
        <v>12</v>
      </c>
      <c r="AG39398">
        <v>12</v>
      </c>
      <c r="AH39398">
        <v>12</v>
      </c>
      <c r="AI39398">
        <v>12</v>
      </c>
      <c r="AJ39398">
        <v>12</v>
      </c>
      <c r="AK39398">
        <v>12</v>
      </c>
      <c r="AL39398">
        <v>13</v>
      </c>
      <c r="AM39398">
        <v>13</v>
      </c>
      <c r="AN39398">
        <v>13</v>
      </c>
      <c r="AO39398">
        <v>13</v>
      </c>
      <c r="AP39398">
        <v>13</v>
      </c>
      <c r="AQ39398">
        <v>13</v>
      </c>
    </row>
    <row r="39399" spans="1:43">
      <c r="A39399" t="s">
        <v>24439</v>
      </c>
      <c r="B39399" t="s">
        <v>24440</v>
      </c>
      <c r="C39399" t="s">
        <v>24433</v>
      </c>
      <c r="D39399" t="s">
        <v>24434</v>
      </c>
      <c r="E39399" t="s">
        <v>24327</v>
      </c>
      <c r="F39399" t="s">
        <v>24328</v>
      </c>
      <c r="G39399" t="s">
        <v>11612</v>
      </c>
      <c r="H39399" t="s">
        <v>11613</v>
      </c>
      <c r="I39399" s="2">
        <v>0</v>
      </c>
      <c r="J39399" s="2">
        <v>0</v>
      </c>
      <c r="K39399" s="2">
        <v>1</v>
      </c>
      <c r="L39399" t="s">
        <v>995</v>
      </c>
      <c r="M39399" t="s">
        <v>87</v>
      </c>
      <c r="N39399" t="s">
        <v>88</v>
      </c>
      <c r="O39399" t="s">
        <v>85</v>
      </c>
      <c r="P39399" t="s">
        <v>86</v>
      </c>
      <c r="Q39399">
        <v>9</v>
      </c>
      <c r="R39399">
        <v>9</v>
      </c>
      <c r="S39399">
        <v>9</v>
      </c>
      <c r="T39399">
        <v>9</v>
      </c>
      <c r="U39399">
        <v>9</v>
      </c>
      <c r="V39399">
        <v>10</v>
      </c>
      <c r="W39399">
        <v>10</v>
      </c>
      <c r="X39399">
        <v>10</v>
      </c>
      <c r="Y39399">
        <v>10</v>
      </c>
      <c r="Z39399">
        <v>10</v>
      </c>
      <c r="AA39399">
        <v>10</v>
      </c>
      <c r="AB39399">
        <v>10</v>
      </c>
      <c r="AC39399">
        <v>10</v>
      </c>
      <c r="AD39399">
        <v>10</v>
      </c>
      <c r="AE39399">
        <v>10</v>
      </c>
      <c r="AF39399">
        <v>10</v>
      </c>
      <c r="AG39399">
        <v>10</v>
      </c>
      <c r="AH39399">
        <v>10</v>
      </c>
      <c r="AI39399">
        <v>10</v>
      </c>
      <c r="AJ39399">
        <v>11</v>
      </c>
      <c r="AK39399">
        <v>11</v>
      </c>
      <c r="AL39399">
        <v>11</v>
      </c>
      <c r="AM39399">
        <v>11</v>
      </c>
      <c r="AN39399">
        <v>11</v>
      </c>
      <c r="AO39399">
        <v>11</v>
      </c>
      <c r="AP39399">
        <v>11</v>
      </c>
      <c r="AQ39399">
        <v>11</v>
      </c>
    </row>
    <row r="39400" spans="1:43">
      <c r="A39400" t="s">
        <v>24439</v>
      </c>
      <c r="B39400" t="s">
        <v>24440</v>
      </c>
      <c r="C39400" t="s">
        <v>24433</v>
      </c>
      <c r="D39400" t="s">
        <v>24434</v>
      </c>
      <c r="E39400" t="s">
        <v>24327</v>
      </c>
      <c r="F39400" t="s">
        <v>24328</v>
      </c>
      <c r="G39400" t="s">
        <v>11612</v>
      </c>
      <c r="H39400" t="s">
        <v>11613</v>
      </c>
      <c r="I39400" s="2">
        <v>0</v>
      </c>
      <c r="J39400" s="2">
        <v>0</v>
      </c>
      <c r="K39400" s="2">
        <v>1</v>
      </c>
      <c r="L39400" t="s">
        <v>995</v>
      </c>
      <c r="M39400" t="s">
        <v>89</v>
      </c>
      <c r="N39400" t="s">
        <v>90</v>
      </c>
      <c r="O39400" t="s">
        <v>85</v>
      </c>
      <c r="P39400" t="s">
        <v>86</v>
      </c>
      <c r="Q39400">
        <v>9</v>
      </c>
      <c r="R39400">
        <v>10</v>
      </c>
      <c r="S39400">
        <v>10</v>
      </c>
      <c r="T39400">
        <v>10</v>
      </c>
      <c r="U39400">
        <v>10</v>
      </c>
      <c r="V39400">
        <v>11</v>
      </c>
      <c r="W39400">
        <v>11</v>
      </c>
      <c r="X39400">
        <v>11</v>
      </c>
      <c r="Y39400">
        <v>11</v>
      </c>
      <c r="Z39400">
        <v>11</v>
      </c>
      <c r="AA39400">
        <v>12</v>
      </c>
      <c r="AB39400">
        <v>12</v>
      </c>
      <c r="AC39400">
        <v>12</v>
      </c>
      <c r="AD39400">
        <v>12</v>
      </c>
      <c r="AE39400">
        <v>12</v>
      </c>
      <c r="AF39400">
        <v>12</v>
      </c>
      <c r="AG39400">
        <v>12</v>
      </c>
      <c r="AH39400">
        <v>12</v>
      </c>
      <c r="AI39400">
        <v>13</v>
      </c>
      <c r="AJ39400">
        <v>13</v>
      </c>
      <c r="AK39400">
        <v>13</v>
      </c>
      <c r="AL39400">
        <v>13</v>
      </c>
      <c r="AM39400">
        <v>13</v>
      </c>
      <c r="AN39400">
        <v>13</v>
      </c>
      <c r="AO39400">
        <v>13</v>
      </c>
      <c r="AP39400">
        <v>13</v>
      </c>
      <c r="AQ39400">
        <v>13</v>
      </c>
    </row>
    <row r="39401" spans="1:43">
      <c r="A39401" t="s">
        <v>24439</v>
      </c>
      <c r="B39401" t="s">
        <v>24440</v>
      </c>
      <c r="C39401" t="s">
        <v>24433</v>
      </c>
      <c r="D39401" t="s">
        <v>24434</v>
      </c>
      <c r="E39401" t="s">
        <v>24327</v>
      </c>
      <c r="F39401" t="s">
        <v>24328</v>
      </c>
      <c r="G39401" t="s">
        <v>11612</v>
      </c>
      <c r="H39401" t="s">
        <v>11613</v>
      </c>
      <c r="I39401" s="2">
        <v>0</v>
      </c>
      <c r="J39401" s="2">
        <v>0</v>
      </c>
      <c r="K39401" s="2">
        <v>1</v>
      </c>
      <c r="L39401" t="s">
        <v>995</v>
      </c>
      <c r="M39401" t="s">
        <v>83</v>
      </c>
      <c r="N39401" t="s">
        <v>91</v>
      </c>
      <c r="O39401" t="s">
        <v>85</v>
      </c>
      <c r="P39401" t="s">
        <v>86</v>
      </c>
      <c r="Q39401">
        <v>9</v>
      </c>
      <c r="R39401">
        <v>9</v>
      </c>
      <c r="S39401">
        <v>10</v>
      </c>
      <c r="T39401">
        <v>10</v>
      </c>
      <c r="U39401">
        <v>10</v>
      </c>
      <c r="V39401">
        <v>10</v>
      </c>
      <c r="W39401">
        <v>10</v>
      </c>
      <c r="X39401">
        <v>10</v>
      </c>
      <c r="Y39401">
        <v>11</v>
      </c>
      <c r="Z39401">
        <v>11</v>
      </c>
      <c r="AA39401">
        <v>11</v>
      </c>
      <c r="AB39401">
        <v>11</v>
      </c>
      <c r="AC39401">
        <v>11</v>
      </c>
      <c r="AD39401">
        <v>11</v>
      </c>
      <c r="AE39401">
        <v>11</v>
      </c>
      <c r="AF39401">
        <v>12</v>
      </c>
      <c r="AG39401">
        <v>12</v>
      </c>
      <c r="AH39401">
        <v>12</v>
      </c>
      <c r="AI39401">
        <v>12</v>
      </c>
      <c r="AJ39401">
        <v>12</v>
      </c>
      <c r="AK39401">
        <v>12</v>
      </c>
      <c r="AL39401">
        <v>13</v>
      </c>
      <c r="AM39401">
        <v>13</v>
      </c>
      <c r="AN39401">
        <v>13</v>
      </c>
      <c r="AO39401">
        <v>13</v>
      </c>
      <c r="AP39401">
        <v>13</v>
      </c>
      <c r="AQ39401">
        <v>13</v>
      </c>
    </row>
    <row r="39402" spans="1:43">
      <c r="A39402" t="s">
        <v>24441</v>
      </c>
      <c r="B39402" t="s">
        <v>24442</v>
      </c>
      <c r="C39402" t="s">
        <v>24433</v>
      </c>
      <c r="D39402" t="s">
        <v>24434</v>
      </c>
      <c r="E39402" t="s">
        <v>24327</v>
      </c>
      <c r="F39402" t="s">
        <v>24328</v>
      </c>
      <c r="G39402" t="s">
        <v>11612</v>
      </c>
      <c r="H39402" t="s">
        <v>11613</v>
      </c>
      <c r="I39402" s="2">
        <v>0</v>
      </c>
      <c r="J39402" s="2">
        <v>0</v>
      </c>
      <c r="K39402" s="2">
        <v>1</v>
      </c>
      <c r="L39402" t="s">
        <v>995</v>
      </c>
      <c r="M39402" t="s">
        <v>83</v>
      </c>
      <c r="N39402" t="s">
        <v>84</v>
      </c>
      <c r="O39402" t="s">
        <v>85</v>
      </c>
      <c r="P39402" t="s">
        <v>86</v>
      </c>
      <c r="Q39402">
        <v>47</v>
      </c>
      <c r="R39402">
        <v>48</v>
      </c>
      <c r="S39402">
        <v>48</v>
      </c>
      <c r="T39402">
        <v>49</v>
      </c>
      <c r="U39402">
        <v>50</v>
      </c>
      <c r="V39402">
        <v>50</v>
      </c>
      <c r="W39402">
        <v>51</v>
      </c>
      <c r="X39402">
        <v>52</v>
      </c>
      <c r="Y39402">
        <v>53</v>
      </c>
      <c r="Z39402">
        <v>53</v>
      </c>
      <c r="AA39402">
        <v>54</v>
      </c>
      <c r="AB39402">
        <v>55</v>
      </c>
      <c r="AC39402">
        <v>56</v>
      </c>
      <c r="AD39402">
        <v>56</v>
      </c>
      <c r="AE39402">
        <v>57</v>
      </c>
      <c r="AF39402">
        <v>58</v>
      </c>
      <c r="AG39402">
        <v>59</v>
      </c>
      <c r="AH39402">
        <v>60</v>
      </c>
      <c r="AI39402">
        <v>60</v>
      </c>
      <c r="AJ39402">
        <v>61</v>
      </c>
      <c r="AK39402">
        <v>62</v>
      </c>
      <c r="AL39402">
        <v>63</v>
      </c>
      <c r="AM39402">
        <v>63</v>
      </c>
      <c r="AN39402">
        <v>63</v>
      </c>
      <c r="AO39402">
        <v>64</v>
      </c>
      <c r="AP39402">
        <v>64</v>
      </c>
      <c r="AQ39402">
        <v>65</v>
      </c>
    </row>
    <row r="39403" spans="1:43">
      <c r="A39403" t="s">
        <v>24441</v>
      </c>
      <c r="B39403" t="s">
        <v>24442</v>
      </c>
      <c r="C39403" t="s">
        <v>24433</v>
      </c>
      <c r="D39403" t="s">
        <v>24434</v>
      </c>
      <c r="E39403" t="s">
        <v>24327</v>
      </c>
      <c r="F39403" t="s">
        <v>24328</v>
      </c>
      <c r="G39403" t="s">
        <v>11612</v>
      </c>
      <c r="H39403" t="s">
        <v>11613</v>
      </c>
      <c r="I39403" s="2">
        <v>0</v>
      </c>
      <c r="J39403" s="2">
        <v>0</v>
      </c>
      <c r="K39403" s="2">
        <v>1</v>
      </c>
      <c r="L39403" t="s">
        <v>995</v>
      </c>
      <c r="M39403" t="s">
        <v>87</v>
      </c>
      <c r="N39403" t="s">
        <v>88</v>
      </c>
      <c r="O39403" t="s">
        <v>85</v>
      </c>
      <c r="P39403" t="s">
        <v>86</v>
      </c>
      <c r="Q39403">
        <v>47</v>
      </c>
      <c r="R39403">
        <v>48</v>
      </c>
      <c r="S39403">
        <v>48</v>
      </c>
      <c r="T39403">
        <v>48</v>
      </c>
      <c r="U39403">
        <v>49</v>
      </c>
      <c r="V39403">
        <v>49</v>
      </c>
      <c r="W39403">
        <v>49</v>
      </c>
      <c r="X39403">
        <v>49</v>
      </c>
      <c r="Y39403">
        <v>50</v>
      </c>
      <c r="Z39403">
        <v>50</v>
      </c>
      <c r="AA39403">
        <v>50</v>
      </c>
      <c r="AB39403">
        <v>51</v>
      </c>
      <c r="AC39403">
        <v>51</v>
      </c>
      <c r="AD39403">
        <v>51</v>
      </c>
      <c r="AE39403">
        <v>52</v>
      </c>
      <c r="AF39403">
        <v>52</v>
      </c>
      <c r="AG39403">
        <v>52</v>
      </c>
      <c r="AH39403">
        <v>53</v>
      </c>
      <c r="AI39403">
        <v>53</v>
      </c>
      <c r="AJ39403">
        <v>54</v>
      </c>
      <c r="AK39403">
        <v>54</v>
      </c>
      <c r="AL39403">
        <v>54</v>
      </c>
      <c r="AM39403">
        <v>55</v>
      </c>
      <c r="AN39403">
        <v>55</v>
      </c>
      <c r="AO39403">
        <v>56</v>
      </c>
      <c r="AP39403">
        <v>56</v>
      </c>
      <c r="AQ39403">
        <v>57</v>
      </c>
    </row>
    <row r="39404" spans="1:43">
      <c r="A39404" t="s">
        <v>24441</v>
      </c>
      <c r="B39404" t="s">
        <v>24442</v>
      </c>
      <c r="C39404" t="s">
        <v>24433</v>
      </c>
      <c r="D39404" t="s">
        <v>24434</v>
      </c>
      <c r="E39404" t="s">
        <v>24327</v>
      </c>
      <c r="F39404" t="s">
        <v>24328</v>
      </c>
      <c r="G39404" t="s">
        <v>11612</v>
      </c>
      <c r="H39404" t="s">
        <v>11613</v>
      </c>
      <c r="I39404" s="2">
        <v>0</v>
      </c>
      <c r="J39404" s="2">
        <v>0</v>
      </c>
      <c r="K39404" s="2">
        <v>1</v>
      </c>
      <c r="L39404" t="s">
        <v>995</v>
      </c>
      <c r="M39404" t="s">
        <v>89</v>
      </c>
      <c r="N39404" t="s">
        <v>90</v>
      </c>
      <c r="O39404" t="s">
        <v>85</v>
      </c>
      <c r="P39404" t="s">
        <v>86</v>
      </c>
      <c r="Q39404">
        <v>47</v>
      </c>
      <c r="R39404">
        <v>48</v>
      </c>
      <c r="S39404">
        <v>50</v>
      </c>
      <c r="T39404">
        <v>51</v>
      </c>
      <c r="U39404">
        <v>52</v>
      </c>
      <c r="V39404">
        <v>53</v>
      </c>
      <c r="W39404">
        <v>54</v>
      </c>
      <c r="X39404">
        <v>55</v>
      </c>
      <c r="Y39404">
        <v>56</v>
      </c>
      <c r="Z39404">
        <v>57</v>
      </c>
      <c r="AA39404">
        <v>58</v>
      </c>
      <c r="AB39404">
        <v>59</v>
      </c>
      <c r="AC39404">
        <v>60</v>
      </c>
      <c r="AD39404">
        <v>61</v>
      </c>
      <c r="AE39404">
        <v>61</v>
      </c>
      <c r="AF39404">
        <v>62</v>
      </c>
      <c r="AG39404">
        <v>62</v>
      </c>
      <c r="AH39404">
        <v>62</v>
      </c>
      <c r="AI39404">
        <v>63</v>
      </c>
      <c r="AJ39404">
        <v>63</v>
      </c>
      <c r="AK39404">
        <v>63</v>
      </c>
      <c r="AL39404">
        <v>64</v>
      </c>
      <c r="AM39404">
        <v>64</v>
      </c>
      <c r="AN39404">
        <v>64</v>
      </c>
      <c r="AO39404">
        <v>65</v>
      </c>
      <c r="AP39404">
        <v>65</v>
      </c>
      <c r="AQ39404">
        <v>66</v>
      </c>
    </row>
    <row r="39405" spans="1:43">
      <c r="A39405" t="s">
        <v>24441</v>
      </c>
      <c r="B39405" t="s">
        <v>24442</v>
      </c>
      <c r="C39405" t="s">
        <v>24433</v>
      </c>
      <c r="D39405" t="s">
        <v>24434</v>
      </c>
      <c r="E39405" t="s">
        <v>24327</v>
      </c>
      <c r="F39405" t="s">
        <v>24328</v>
      </c>
      <c r="G39405" t="s">
        <v>11612</v>
      </c>
      <c r="H39405" t="s">
        <v>11613</v>
      </c>
      <c r="I39405" s="2">
        <v>0</v>
      </c>
      <c r="J39405" s="2">
        <v>0</v>
      </c>
      <c r="K39405" s="2">
        <v>1</v>
      </c>
      <c r="L39405" t="s">
        <v>995</v>
      </c>
      <c r="M39405" t="s">
        <v>83</v>
      </c>
      <c r="N39405" t="s">
        <v>91</v>
      </c>
      <c r="O39405" t="s">
        <v>85</v>
      </c>
      <c r="P39405" t="s">
        <v>86</v>
      </c>
      <c r="Q39405">
        <v>47</v>
      </c>
      <c r="R39405">
        <v>48</v>
      </c>
      <c r="S39405">
        <v>48</v>
      </c>
      <c r="T39405">
        <v>49</v>
      </c>
      <c r="U39405">
        <v>50</v>
      </c>
      <c r="V39405">
        <v>50</v>
      </c>
      <c r="W39405">
        <v>51</v>
      </c>
      <c r="X39405">
        <v>52</v>
      </c>
      <c r="Y39405">
        <v>53</v>
      </c>
      <c r="Z39405">
        <v>53</v>
      </c>
      <c r="AA39405">
        <v>54</v>
      </c>
      <c r="AB39405">
        <v>55</v>
      </c>
      <c r="AC39405">
        <v>56</v>
      </c>
      <c r="AD39405">
        <v>56</v>
      </c>
      <c r="AE39405">
        <v>57</v>
      </c>
      <c r="AF39405">
        <v>58</v>
      </c>
      <c r="AG39405">
        <v>59</v>
      </c>
      <c r="AH39405">
        <v>60</v>
      </c>
      <c r="AI39405">
        <v>60</v>
      </c>
      <c r="AJ39405">
        <v>61</v>
      </c>
      <c r="AK39405">
        <v>62</v>
      </c>
      <c r="AL39405">
        <v>63</v>
      </c>
      <c r="AM39405">
        <v>63</v>
      </c>
      <c r="AN39405">
        <v>63</v>
      </c>
      <c r="AO39405">
        <v>64</v>
      </c>
      <c r="AP39405">
        <v>64</v>
      </c>
      <c r="AQ39405">
        <v>65</v>
      </c>
    </row>
    <row r="39406" spans="1:43">
      <c r="A39406" t="s">
        <v>24443</v>
      </c>
      <c r="B39406" t="s">
        <v>24444</v>
      </c>
      <c r="C39406" t="s">
        <v>24421</v>
      </c>
      <c r="D39406" t="s">
        <v>24422</v>
      </c>
      <c r="E39406" t="s">
        <v>24327</v>
      </c>
      <c r="F39406" t="s">
        <v>24328</v>
      </c>
      <c r="G39406" t="s">
        <v>11612</v>
      </c>
      <c r="H39406" t="s">
        <v>11613</v>
      </c>
      <c r="I39406" s="2">
        <v>0</v>
      </c>
      <c r="J39406" s="2">
        <v>0</v>
      </c>
      <c r="K39406" s="2">
        <v>1</v>
      </c>
      <c r="L39406" t="s">
        <v>995</v>
      </c>
      <c r="M39406" t="s">
        <v>83</v>
      </c>
      <c r="N39406" t="s">
        <v>84</v>
      </c>
      <c r="O39406" t="s">
        <v>85</v>
      </c>
      <c r="P39406" t="s">
        <v>86</v>
      </c>
      <c r="Q39406">
        <v>59</v>
      </c>
      <c r="R39406">
        <v>59</v>
      </c>
      <c r="S39406">
        <v>60</v>
      </c>
      <c r="T39406">
        <v>61</v>
      </c>
      <c r="U39406">
        <v>62</v>
      </c>
      <c r="V39406">
        <v>63</v>
      </c>
      <c r="W39406">
        <v>64</v>
      </c>
      <c r="X39406">
        <v>65</v>
      </c>
      <c r="Y39406">
        <v>66</v>
      </c>
      <c r="Z39406">
        <v>67</v>
      </c>
      <c r="AA39406">
        <v>67</v>
      </c>
      <c r="AB39406">
        <v>68</v>
      </c>
      <c r="AC39406">
        <v>69</v>
      </c>
      <c r="AD39406">
        <v>70</v>
      </c>
      <c r="AE39406">
        <v>71</v>
      </c>
      <c r="AF39406">
        <v>72</v>
      </c>
      <c r="AG39406">
        <v>73</v>
      </c>
      <c r="AH39406">
        <v>74</v>
      </c>
      <c r="AI39406">
        <v>75</v>
      </c>
      <c r="AJ39406">
        <v>76</v>
      </c>
      <c r="AK39406">
        <v>77</v>
      </c>
      <c r="AL39406">
        <v>77</v>
      </c>
      <c r="AM39406">
        <v>78</v>
      </c>
      <c r="AN39406">
        <v>78</v>
      </c>
      <c r="AO39406">
        <v>79</v>
      </c>
      <c r="AP39406">
        <v>79</v>
      </c>
      <c r="AQ39406">
        <v>79</v>
      </c>
    </row>
    <row r="39407" spans="1:43">
      <c r="A39407" t="s">
        <v>24443</v>
      </c>
      <c r="B39407" t="s">
        <v>24444</v>
      </c>
      <c r="C39407" t="s">
        <v>24421</v>
      </c>
      <c r="D39407" t="s">
        <v>24422</v>
      </c>
      <c r="E39407" t="s">
        <v>24327</v>
      </c>
      <c r="F39407" t="s">
        <v>24328</v>
      </c>
      <c r="G39407" t="s">
        <v>11612</v>
      </c>
      <c r="H39407" t="s">
        <v>11613</v>
      </c>
      <c r="I39407" s="2">
        <v>0</v>
      </c>
      <c r="J39407" s="2">
        <v>0</v>
      </c>
      <c r="K39407" s="2">
        <v>1</v>
      </c>
      <c r="L39407" t="s">
        <v>995</v>
      </c>
      <c r="M39407" t="s">
        <v>87</v>
      </c>
      <c r="N39407" t="s">
        <v>88</v>
      </c>
      <c r="O39407" t="s">
        <v>85</v>
      </c>
      <c r="P39407" t="s">
        <v>86</v>
      </c>
      <c r="Q39407">
        <v>59</v>
      </c>
      <c r="R39407">
        <v>59</v>
      </c>
      <c r="S39407">
        <v>60</v>
      </c>
      <c r="T39407">
        <v>60</v>
      </c>
      <c r="U39407">
        <v>60</v>
      </c>
      <c r="V39407">
        <v>61</v>
      </c>
      <c r="W39407">
        <v>61</v>
      </c>
      <c r="X39407">
        <v>61</v>
      </c>
      <c r="Y39407">
        <v>62</v>
      </c>
      <c r="Z39407">
        <v>62</v>
      </c>
      <c r="AA39407">
        <v>62</v>
      </c>
      <c r="AB39407">
        <v>63</v>
      </c>
      <c r="AC39407">
        <v>63</v>
      </c>
      <c r="AD39407">
        <v>63</v>
      </c>
      <c r="AE39407">
        <v>64</v>
      </c>
      <c r="AF39407">
        <v>64</v>
      </c>
      <c r="AG39407">
        <v>65</v>
      </c>
      <c r="AH39407">
        <v>65</v>
      </c>
      <c r="AI39407">
        <v>66</v>
      </c>
      <c r="AJ39407">
        <v>66</v>
      </c>
      <c r="AK39407">
        <v>67</v>
      </c>
      <c r="AL39407">
        <v>67</v>
      </c>
      <c r="AM39407">
        <v>68</v>
      </c>
      <c r="AN39407">
        <v>68</v>
      </c>
      <c r="AO39407">
        <v>69</v>
      </c>
      <c r="AP39407">
        <v>69</v>
      </c>
      <c r="AQ39407">
        <v>70</v>
      </c>
    </row>
    <row r="39408" spans="1:43">
      <c r="A39408" t="s">
        <v>24443</v>
      </c>
      <c r="B39408" t="s">
        <v>24444</v>
      </c>
      <c r="C39408" t="s">
        <v>24421</v>
      </c>
      <c r="D39408" t="s">
        <v>24422</v>
      </c>
      <c r="E39408" t="s">
        <v>24327</v>
      </c>
      <c r="F39408" t="s">
        <v>24328</v>
      </c>
      <c r="G39408" t="s">
        <v>11612</v>
      </c>
      <c r="H39408" t="s">
        <v>11613</v>
      </c>
      <c r="I39408" s="2">
        <v>0</v>
      </c>
      <c r="J39408" s="2">
        <v>0</v>
      </c>
      <c r="K39408" s="2">
        <v>1</v>
      </c>
      <c r="L39408" t="s">
        <v>995</v>
      </c>
      <c r="M39408" t="s">
        <v>89</v>
      </c>
      <c r="N39408" t="s">
        <v>90</v>
      </c>
      <c r="O39408" t="s">
        <v>85</v>
      </c>
      <c r="P39408" t="s">
        <v>86</v>
      </c>
      <c r="Q39408">
        <v>59</v>
      </c>
      <c r="R39408">
        <v>61</v>
      </c>
      <c r="S39408">
        <v>62</v>
      </c>
      <c r="T39408">
        <v>63</v>
      </c>
      <c r="U39408">
        <v>65</v>
      </c>
      <c r="V39408">
        <v>66</v>
      </c>
      <c r="W39408">
        <v>67</v>
      </c>
      <c r="X39408">
        <v>68</v>
      </c>
      <c r="Y39408">
        <v>70</v>
      </c>
      <c r="Z39408">
        <v>71</v>
      </c>
      <c r="AA39408">
        <v>72</v>
      </c>
      <c r="AB39408">
        <v>73</v>
      </c>
      <c r="AC39408">
        <v>74</v>
      </c>
      <c r="AD39408">
        <v>75</v>
      </c>
      <c r="AE39408">
        <v>76</v>
      </c>
      <c r="AF39408">
        <v>76</v>
      </c>
      <c r="AG39408">
        <v>77</v>
      </c>
      <c r="AH39408">
        <v>77</v>
      </c>
      <c r="AI39408">
        <v>77</v>
      </c>
      <c r="AJ39408">
        <v>78</v>
      </c>
      <c r="AK39408">
        <v>78</v>
      </c>
      <c r="AL39408">
        <v>78</v>
      </c>
      <c r="AM39408">
        <v>79</v>
      </c>
      <c r="AN39408">
        <v>79</v>
      </c>
      <c r="AO39408">
        <v>80</v>
      </c>
      <c r="AP39408">
        <v>80</v>
      </c>
      <c r="AQ39408">
        <v>80</v>
      </c>
    </row>
    <row r="39409" spans="1:43">
      <c r="A39409" t="s">
        <v>24443</v>
      </c>
      <c r="B39409" t="s">
        <v>24444</v>
      </c>
      <c r="C39409" t="s">
        <v>24421</v>
      </c>
      <c r="D39409" t="s">
        <v>24422</v>
      </c>
      <c r="E39409" t="s">
        <v>24327</v>
      </c>
      <c r="F39409" t="s">
        <v>24328</v>
      </c>
      <c r="G39409" t="s">
        <v>11612</v>
      </c>
      <c r="H39409" t="s">
        <v>11613</v>
      </c>
      <c r="I39409" s="2">
        <v>0</v>
      </c>
      <c r="J39409" s="2">
        <v>0</v>
      </c>
      <c r="K39409" s="2">
        <v>1</v>
      </c>
      <c r="L39409" t="s">
        <v>995</v>
      </c>
      <c r="M39409" t="s">
        <v>83</v>
      </c>
      <c r="N39409" t="s">
        <v>91</v>
      </c>
      <c r="O39409" t="s">
        <v>85</v>
      </c>
      <c r="P39409" t="s">
        <v>86</v>
      </c>
      <c r="Q39409">
        <v>59</v>
      </c>
      <c r="R39409">
        <v>59</v>
      </c>
      <c r="S39409">
        <v>60</v>
      </c>
      <c r="T39409">
        <v>61</v>
      </c>
      <c r="U39409">
        <v>62</v>
      </c>
      <c r="V39409">
        <v>63</v>
      </c>
      <c r="W39409">
        <v>64</v>
      </c>
      <c r="X39409">
        <v>65</v>
      </c>
      <c r="Y39409">
        <v>66</v>
      </c>
      <c r="Z39409">
        <v>67</v>
      </c>
      <c r="AA39409">
        <v>67</v>
      </c>
      <c r="AB39409">
        <v>68</v>
      </c>
      <c r="AC39409">
        <v>69</v>
      </c>
      <c r="AD39409">
        <v>70</v>
      </c>
      <c r="AE39409">
        <v>71</v>
      </c>
      <c r="AF39409">
        <v>72</v>
      </c>
      <c r="AG39409">
        <v>73</v>
      </c>
      <c r="AH39409">
        <v>74</v>
      </c>
      <c r="AI39409">
        <v>75</v>
      </c>
      <c r="AJ39409">
        <v>76</v>
      </c>
      <c r="AK39409">
        <v>77</v>
      </c>
      <c r="AL39409">
        <v>77</v>
      </c>
      <c r="AM39409">
        <v>78</v>
      </c>
      <c r="AN39409">
        <v>78</v>
      </c>
      <c r="AO39409">
        <v>79</v>
      </c>
      <c r="AP39409">
        <v>79</v>
      </c>
      <c r="AQ39409">
        <v>79</v>
      </c>
    </row>
    <row r="39410" spans="1:43">
      <c r="A39410" t="s">
        <v>24445</v>
      </c>
      <c r="B39410" t="s">
        <v>24446</v>
      </c>
      <c r="C39410" t="s">
        <v>24421</v>
      </c>
      <c r="D39410" t="s">
        <v>24422</v>
      </c>
      <c r="E39410" t="s">
        <v>24327</v>
      </c>
      <c r="F39410" t="s">
        <v>24328</v>
      </c>
      <c r="G39410" t="s">
        <v>11612</v>
      </c>
      <c r="H39410" t="s">
        <v>11613</v>
      </c>
      <c r="I39410" s="2">
        <v>0</v>
      </c>
      <c r="J39410" s="2">
        <v>0</v>
      </c>
      <c r="K39410" s="2">
        <v>1</v>
      </c>
      <c r="L39410" t="s">
        <v>995</v>
      </c>
      <c r="M39410" t="s">
        <v>83</v>
      </c>
      <c r="N39410" t="s">
        <v>84</v>
      </c>
      <c r="O39410" t="s">
        <v>85</v>
      </c>
      <c r="P39410" t="s">
        <v>86</v>
      </c>
      <c r="Q39410">
        <v>36</v>
      </c>
      <c r="R39410">
        <v>37</v>
      </c>
      <c r="S39410">
        <v>37</v>
      </c>
      <c r="T39410">
        <v>38</v>
      </c>
      <c r="U39410">
        <v>38</v>
      </c>
      <c r="V39410">
        <v>39</v>
      </c>
      <c r="W39410">
        <v>40</v>
      </c>
      <c r="X39410">
        <v>40</v>
      </c>
      <c r="Y39410">
        <v>41</v>
      </c>
      <c r="Z39410">
        <v>41</v>
      </c>
      <c r="AA39410">
        <v>42</v>
      </c>
      <c r="AB39410">
        <v>42</v>
      </c>
      <c r="AC39410">
        <v>43</v>
      </c>
      <c r="AD39410">
        <v>43</v>
      </c>
      <c r="AE39410">
        <v>44</v>
      </c>
      <c r="AF39410">
        <v>45</v>
      </c>
      <c r="AG39410">
        <v>45</v>
      </c>
      <c r="AH39410">
        <v>46</v>
      </c>
      <c r="AI39410">
        <v>46</v>
      </c>
      <c r="AJ39410">
        <v>47</v>
      </c>
      <c r="AK39410">
        <v>48</v>
      </c>
      <c r="AL39410">
        <v>48</v>
      </c>
      <c r="AM39410">
        <v>48</v>
      </c>
      <c r="AN39410">
        <v>49</v>
      </c>
      <c r="AO39410">
        <v>49</v>
      </c>
      <c r="AP39410">
        <v>49</v>
      </c>
      <c r="AQ39410">
        <v>50</v>
      </c>
    </row>
    <row r="39411" spans="1:43">
      <c r="A39411" t="s">
        <v>24445</v>
      </c>
      <c r="B39411" t="s">
        <v>24446</v>
      </c>
      <c r="C39411" t="s">
        <v>24421</v>
      </c>
      <c r="D39411" t="s">
        <v>24422</v>
      </c>
      <c r="E39411" t="s">
        <v>24327</v>
      </c>
      <c r="F39411" t="s">
        <v>24328</v>
      </c>
      <c r="G39411" t="s">
        <v>11612</v>
      </c>
      <c r="H39411" t="s">
        <v>11613</v>
      </c>
      <c r="I39411" s="2">
        <v>0</v>
      </c>
      <c r="J39411" s="2">
        <v>0</v>
      </c>
      <c r="K39411" s="2">
        <v>1</v>
      </c>
      <c r="L39411" t="s">
        <v>995</v>
      </c>
      <c r="M39411" t="s">
        <v>87</v>
      </c>
      <c r="N39411" t="s">
        <v>88</v>
      </c>
      <c r="O39411" t="s">
        <v>85</v>
      </c>
      <c r="P39411" t="s">
        <v>86</v>
      </c>
      <c r="Q39411">
        <v>36</v>
      </c>
      <c r="R39411">
        <v>36</v>
      </c>
      <c r="S39411">
        <v>36</v>
      </c>
      <c r="T39411">
        <v>37</v>
      </c>
      <c r="U39411">
        <v>37</v>
      </c>
      <c r="V39411">
        <v>37</v>
      </c>
      <c r="W39411">
        <v>37</v>
      </c>
      <c r="X39411">
        <v>37</v>
      </c>
      <c r="Y39411">
        <v>38</v>
      </c>
      <c r="Z39411">
        <v>38</v>
      </c>
      <c r="AA39411">
        <v>38</v>
      </c>
      <c r="AB39411">
        <v>38</v>
      </c>
      <c r="AC39411">
        <v>38</v>
      </c>
      <c r="AD39411">
        <v>39</v>
      </c>
      <c r="AE39411">
        <v>39</v>
      </c>
      <c r="AF39411">
        <v>39</v>
      </c>
      <c r="AG39411">
        <v>40</v>
      </c>
      <c r="AH39411">
        <v>40</v>
      </c>
      <c r="AI39411">
        <v>40</v>
      </c>
      <c r="AJ39411">
        <v>40</v>
      </c>
      <c r="AK39411">
        <v>41</v>
      </c>
      <c r="AL39411">
        <v>41</v>
      </c>
      <c r="AM39411">
        <v>41</v>
      </c>
      <c r="AN39411">
        <v>42</v>
      </c>
      <c r="AO39411">
        <v>42</v>
      </c>
      <c r="AP39411">
        <v>42</v>
      </c>
      <c r="AQ39411">
        <v>43</v>
      </c>
    </row>
    <row r="39412" spans="1:43">
      <c r="A39412" t="s">
        <v>24445</v>
      </c>
      <c r="B39412" t="s">
        <v>24446</v>
      </c>
      <c r="C39412" t="s">
        <v>24421</v>
      </c>
      <c r="D39412" t="s">
        <v>24422</v>
      </c>
      <c r="E39412" t="s">
        <v>24327</v>
      </c>
      <c r="F39412" t="s">
        <v>24328</v>
      </c>
      <c r="G39412" t="s">
        <v>11612</v>
      </c>
      <c r="H39412" t="s">
        <v>11613</v>
      </c>
      <c r="I39412" s="2">
        <v>0</v>
      </c>
      <c r="J39412" s="2">
        <v>0</v>
      </c>
      <c r="K39412" s="2">
        <v>1</v>
      </c>
      <c r="L39412" t="s">
        <v>995</v>
      </c>
      <c r="M39412" t="s">
        <v>89</v>
      </c>
      <c r="N39412" t="s">
        <v>90</v>
      </c>
      <c r="O39412" t="s">
        <v>85</v>
      </c>
      <c r="P39412" t="s">
        <v>86</v>
      </c>
      <c r="Q39412">
        <v>36</v>
      </c>
      <c r="R39412">
        <v>37</v>
      </c>
      <c r="S39412">
        <v>38</v>
      </c>
      <c r="T39412">
        <v>39</v>
      </c>
      <c r="U39412">
        <v>40</v>
      </c>
      <c r="V39412">
        <v>41</v>
      </c>
      <c r="W39412">
        <v>42</v>
      </c>
      <c r="X39412">
        <v>42</v>
      </c>
      <c r="Y39412">
        <v>43</v>
      </c>
      <c r="Z39412">
        <v>44</v>
      </c>
      <c r="AA39412">
        <v>44</v>
      </c>
      <c r="AB39412">
        <v>45</v>
      </c>
      <c r="AC39412">
        <v>46</v>
      </c>
      <c r="AD39412">
        <v>47</v>
      </c>
      <c r="AE39412">
        <v>47</v>
      </c>
      <c r="AF39412">
        <v>47</v>
      </c>
      <c r="AG39412">
        <v>48</v>
      </c>
      <c r="AH39412">
        <v>48</v>
      </c>
      <c r="AI39412">
        <v>48</v>
      </c>
      <c r="AJ39412">
        <v>48</v>
      </c>
      <c r="AK39412">
        <v>49</v>
      </c>
      <c r="AL39412">
        <v>49</v>
      </c>
      <c r="AM39412">
        <v>49</v>
      </c>
      <c r="AN39412">
        <v>50</v>
      </c>
      <c r="AO39412">
        <v>50</v>
      </c>
      <c r="AP39412">
        <v>50</v>
      </c>
      <c r="AQ39412">
        <v>50</v>
      </c>
    </row>
    <row r="39413" spans="1:43">
      <c r="A39413" t="s">
        <v>24445</v>
      </c>
      <c r="B39413" t="s">
        <v>24446</v>
      </c>
      <c r="C39413" t="s">
        <v>24421</v>
      </c>
      <c r="D39413" t="s">
        <v>24422</v>
      </c>
      <c r="E39413" t="s">
        <v>24327</v>
      </c>
      <c r="F39413" t="s">
        <v>24328</v>
      </c>
      <c r="G39413" t="s">
        <v>11612</v>
      </c>
      <c r="H39413" t="s">
        <v>11613</v>
      </c>
      <c r="I39413" s="2">
        <v>0</v>
      </c>
      <c r="J39413" s="2">
        <v>0</v>
      </c>
      <c r="K39413" s="2">
        <v>1</v>
      </c>
      <c r="L39413" t="s">
        <v>995</v>
      </c>
      <c r="M39413" t="s">
        <v>83</v>
      </c>
      <c r="N39413" t="s">
        <v>91</v>
      </c>
      <c r="O39413" t="s">
        <v>85</v>
      </c>
      <c r="P39413" t="s">
        <v>86</v>
      </c>
      <c r="Q39413">
        <v>36</v>
      </c>
      <c r="R39413">
        <v>37</v>
      </c>
      <c r="S39413">
        <v>37</v>
      </c>
      <c r="T39413">
        <v>38</v>
      </c>
      <c r="U39413">
        <v>38</v>
      </c>
      <c r="V39413">
        <v>39</v>
      </c>
      <c r="W39413">
        <v>40</v>
      </c>
      <c r="X39413">
        <v>40</v>
      </c>
      <c r="Y39413">
        <v>41</v>
      </c>
      <c r="Z39413">
        <v>41</v>
      </c>
      <c r="AA39413">
        <v>42</v>
      </c>
      <c r="AB39413">
        <v>42</v>
      </c>
      <c r="AC39413">
        <v>43</v>
      </c>
      <c r="AD39413">
        <v>43</v>
      </c>
      <c r="AE39413">
        <v>44</v>
      </c>
      <c r="AF39413">
        <v>45</v>
      </c>
      <c r="AG39413">
        <v>45</v>
      </c>
      <c r="AH39413">
        <v>46</v>
      </c>
      <c r="AI39413">
        <v>46</v>
      </c>
      <c r="AJ39413">
        <v>47</v>
      </c>
      <c r="AK39413">
        <v>48</v>
      </c>
      <c r="AL39413">
        <v>48</v>
      </c>
      <c r="AM39413">
        <v>48</v>
      </c>
      <c r="AN39413">
        <v>49</v>
      </c>
      <c r="AO39413">
        <v>49</v>
      </c>
      <c r="AP39413">
        <v>49</v>
      </c>
      <c r="AQ39413">
        <v>50</v>
      </c>
    </row>
    <row r="39414" spans="1:43">
      <c r="A39414" t="s">
        <v>24447</v>
      </c>
      <c r="B39414" t="s">
        <v>24448</v>
      </c>
      <c r="C39414" t="s">
        <v>24449</v>
      </c>
      <c r="D39414" t="s">
        <v>24450</v>
      </c>
      <c r="E39414" t="s">
        <v>24327</v>
      </c>
      <c r="F39414" t="s">
        <v>24328</v>
      </c>
      <c r="G39414" t="s">
        <v>11612</v>
      </c>
      <c r="H39414" t="s">
        <v>11613</v>
      </c>
      <c r="I39414" s="2">
        <v>0</v>
      </c>
      <c r="J39414" s="2">
        <v>0</v>
      </c>
      <c r="K39414" s="2">
        <v>1</v>
      </c>
      <c r="L39414" t="s">
        <v>995</v>
      </c>
      <c r="M39414" t="s">
        <v>83</v>
      </c>
      <c r="N39414" t="s">
        <v>84</v>
      </c>
      <c r="O39414" t="s">
        <v>85</v>
      </c>
      <c r="P39414" t="s">
        <v>86</v>
      </c>
      <c r="Q39414">
        <v>9</v>
      </c>
      <c r="R39414">
        <v>9</v>
      </c>
      <c r="S39414">
        <v>9</v>
      </c>
      <c r="T39414">
        <v>9</v>
      </c>
      <c r="U39414">
        <v>9</v>
      </c>
      <c r="V39414">
        <v>9</v>
      </c>
      <c r="W39414">
        <v>9</v>
      </c>
      <c r="X39414">
        <v>10</v>
      </c>
      <c r="Y39414">
        <v>10</v>
      </c>
      <c r="Z39414">
        <v>10</v>
      </c>
      <c r="AA39414">
        <v>10</v>
      </c>
      <c r="AB39414">
        <v>10</v>
      </c>
      <c r="AC39414">
        <v>10</v>
      </c>
      <c r="AD39414">
        <v>10</v>
      </c>
      <c r="AE39414">
        <v>10</v>
      </c>
      <c r="AF39414">
        <v>11</v>
      </c>
      <c r="AG39414">
        <v>11</v>
      </c>
      <c r="AH39414">
        <v>11</v>
      </c>
      <c r="AI39414">
        <v>11</v>
      </c>
      <c r="AJ39414">
        <v>11</v>
      </c>
      <c r="AK39414">
        <v>11</v>
      </c>
      <c r="AL39414">
        <v>11</v>
      </c>
      <c r="AM39414">
        <v>11</v>
      </c>
      <c r="AN39414">
        <v>11</v>
      </c>
      <c r="AO39414">
        <v>11</v>
      </c>
      <c r="AP39414">
        <v>12</v>
      </c>
      <c r="AQ39414">
        <v>12</v>
      </c>
    </row>
    <row r="39415" spans="1:43">
      <c r="A39415" t="s">
        <v>24447</v>
      </c>
      <c r="B39415" t="s">
        <v>24448</v>
      </c>
      <c r="C39415" t="s">
        <v>24449</v>
      </c>
      <c r="D39415" t="s">
        <v>24450</v>
      </c>
      <c r="E39415" t="s">
        <v>24327</v>
      </c>
      <c r="F39415" t="s">
        <v>24328</v>
      </c>
      <c r="G39415" t="s">
        <v>11612</v>
      </c>
      <c r="H39415" t="s">
        <v>11613</v>
      </c>
      <c r="I39415" s="2">
        <v>0</v>
      </c>
      <c r="J39415" s="2">
        <v>0</v>
      </c>
      <c r="K39415" s="2">
        <v>1</v>
      </c>
      <c r="L39415" t="s">
        <v>995</v>
      </c>
      <c r="M39415" t="s">
        <v>87</v>
      </c>
      <c r="N39415" t="s">
        <v>88</v>
      </c>
      <c r="O39415" t="s">
        <v>85</v>
      </c>
      <c r="P39415" t="s">
        <v>86</v>
      </c>
      <c r="Q39415">
        <v>9</v>
      </c>
      <c r="R39415">
        <v>9</v>
      </c>
      <c r="S39415">
        <v>9</v>
      </c>
      <c r="T39415">
        <v>9</v>
      </c>
      <c r="U39415">
        <v>9</v>
      </c>
      <c r="V39415">
        <v>9</v>
      </c>
      <c r="W39415">
        <v>9</v>
      </c>
      <c r="X39415">
        <v>9</v>
      </c>
      <c r="Y39415">
        <v>9</v>
      </c>
      <c r="Z39415">
        <v>9</v>
      </c>
      <c r="AA39415">
        <v>9</v>
      </c>
      <c r="AB39415">
        <v>9</v>
      </c>
      <c r="AC39415">
        <v>9</v>
      </c>
      <c r="AD39415">
        <v>9</v>
      </c>
      <c r="AE39415">
        <v>9</v>
      </c>
      <c r="AF39415">
        <v>9</v>
      </c>
      <c r="AG39415">
        <v>9</v>
      </c>
      <c r="AH39415">
        <v>9</v>
      </c>
      <c r="AI39415">
        <v>9</v>
      </c>
      <c r="AJ39415">
        <v>10</v>
      </c>
      <c r="AK39415">
        <v>10</v>
      </c>
      <c r="AL39415">
        <v>10</v>
      </c>
      <c r="AM39415">
        <v>10</v>
      </c>
      <c r="AN39415">
        <v>10</v>
      </c>
      <c r="AO39415">
        <v>10</v>
      </c>
      <c r="AP39415">
        <v>10</v>
      </c>
      <c r="AQ39415">
        <v>10</v>
      </c>
    </row>
    <row r="39416" spans="1:43">
      <c r="A39416" t="s">
        <v>24447</v>
      </c>
      <c r="B39416" t="s">
        <v>24448</v>
      </c>
      <c r="C39416" t="s">
        <v>24449</v>
      </c>
      <c r="D39416" t="s">
        <v>24450</v>
      </c>
      <c r="E39416" t="s">
        <v>24327</v>
      </c>
      <c r="F39416" t="s">
        <v>24328</v>
      </c>
      <c r="G39416" t="s">
        <v>11612</v>
      </c>
      <c r="H39416" t="s">
        <v>11613</v>
      </c>
      <c r="I39416" s="2">
        <v>0</v>
      </c>
      <c r="J39416" s="2">
        <v>0</v>
      </c>
      <c r="K39416" s="2">
        <v>1</v>
      </c>
      <c r="L39416" t="s">
        <v>995</v>
      </c>
      <c r="M39416" t="s">
        <v>89</v>
      </c>
      <c r="N39416" t="s">
        <v>90</v>
      </c>
      <c r="O39416" t="s">
        <v>85</v>
      </c>
      <c r="P39416" t="s">
        <v>86</v>
      </c>
      <c r="Q39416">
        <v>9</v>
      </c>
      <c r="R39416">
        <v>9</v>
      </c>
      <c r="S39416">
        <v>9</v>
      </c>
      <c r="T39416">
        <v>9</v>
      </c>
      <c r="U39416">
        <v>10</v>
      </c>
      <c r="V39416">
        <v>10</v>
      </c>
      <c r="W39416">
        <v>10</v>
      </c>
      <c r="X39416">
        <v>10</v>
      </c>
      <c r="Y39416">
        <v>10</v>
      </c>
      <c r="Z39416">
        <v>10</v>
      </c>
      <c r="AA39416">
        <v>11</v>
      </c>
      <c r="AB39416">
        <v>11</v>
      </c>
      <c r="AC39416">
        <v>11</v>
      </c>
      <c r="AD39416">
        <v>11</v>
      </c>
      <c r="AE39416">
        <v>11</v>
      </c>
      <c r="AF39416">
        <v>11</v>
      </c>
      <c r="AG39416">
        <v>11</v>
      </c>
      <c r="AH39416">
        <v>11</v>
      </c>
      <c r="AI39416">
        <v>11</v>
      </c>
      <c r="AJ39416">
        <v>11</v>
      </c>
      <c r="AK39416">
        <v>11</v>
      </c>
      <c r="AL39416">
        <v>11</v>
      </c>
      <c r="AM39416">
        <v>12</v>
      </c>
      <c r="AN39416">
        <v>12</v>
      </c>
      <c r="AO39416">
        <v>12</v>
      </c>
      <c r="AP39416">
        <v>12</v>
      </c>
      <c r="AQ39416">
        <v>12</v>
      </c>
    </row>
    <row r="39417" spans="1:43">
      <c r="A39417" t="s">
        <v>24447</v>
      </c>
      <c r="B39417" t="s">
        <v>24448</v>
      </c>
      <c r="C39417" t="s">
        <v>24449</v>
      </c>
      <c r="D39417" t="s">
        <v>24450</v>
      </c>
      <c r="E39417" t="s">
        <v>24327</v>
      </c>
      <c r="F39417" t="s">
        <v>24328</v>
      </c>
      <c r="G39417" t="s">
        <v>11612</v>
      </c>
      <c r="H39417" t="s">
        <v>11613</v>
      </c>
      <c r="I39417" s="2">
        <v>0</v>
      </c>
      <c r="J39417" s="2">
        <v>0</v>
      </c>
      <c r="K39417" s="2">
        <v>1</v>
      </c>
      <c r="L39417" t="s">
        <v>995</v>
      </c>
      <c r="M39417" t="s">
        <v>83</v>
      </c>
      <c r="N39417" t="s">
        <v>91</v>
      </c>
      <c r="O39417" t="s">
        <v>85</v>
      </c>
      <c r="P39417" t="s">
        <v>86</v>
      </c>
      <c r="Q39417">
        <v>9</v>
      </c>
      <c r="R39417">
        <v>9</v>
      </c>
      <c r="S39417">
        <v>9</v>
      </c>
      <c r="T39417">
        <v>9</v>
      </c>
      <c r="U39417">
        <v>9</v>
      </c>
      <c r="V39417">
        <v>9</v>
      </c>
      <c r="W39417">
        <v>9</v>
      </c>
      <c r="X39417">
        <v>10</v>
      </c>
      <c r="Y39417">
        <v>10</v>
      </c>
      <c r="Z39417">
        <v>10</v>
      </c>
      <c r="AA39417">
        <v>10</v>
      </c>
      <c r="AB39417">
        <v>10</v>
      </c>
      <c r="AC39417">
        <v>10</v>
      </c>
      <c r="AD39417">
        <v>10</v>
      </c>
      <c r="AE39417">
        <v>10</v>
      </c>
      <c r="AF39417">
        <v>11</v>
      </c>
      <c r="AG39417">
        <v>11</v>
      </c>
      <c r="AH39417">
        <v>11</v>
      </c>
      <c r="AI39417">
        <v>11</v>
      </c>
      <c r="AJ39417">
        <v>11</v>
      </c>
      <c r="AK39417">
        <v>11</v>
      </c>
      <c r="AL39417">
        <v>11</v>
      </c>
      <c r="AM39417">
        <v>11</v>
      </c>
      <c r="AN39417">
        <v>11</v>
      </c>
      <c r="AO39417">
        <v>11</v>
      </c>
      <c r="AP39417">
        <v>12</v>
      </c>
      <c r="AQ39417">
        <v>12</v>
      </c>
    </row>
    <row r="39418" spans="1:43">
      <c r="A39418" t="s">
        <v>24451</v>
      </c>
      <c r="B39418" t="s">
        <v>24452</v>
      </c>
      <c r="C39418" t="s">
        <v>24449</v>
      </c>
      <c r="D39418" t="s">
        <v>24450</v>
      </c>
      <c r="E39418" t="s">
        <v>24327</v>
      </c>
      <c r="F39418" t="s">
        <v>24328</v>
      </c>
      <c r="G39418" t="s">
        <v>11612</v>
      </c>
      <c r="H39418" t="s">
        <v>11613</v>
      </c>
      <c r="I39418" s="2">
        <v>0</v>
      </c>
      <c r="J39418" s="2">
        <v>0</v>
      </c>
      <c r="K39418" s="2">
        <v>1</v>
      </c>
      <c r="L39418" t="s">
        <v>995</v>
      </c>
      <c r="M39418" t="s">
        <v>83</v>
      </c>
      <c r="N39418" t="s">
        <v>84</v>
      </c>
      <c r="O39418" t="s">
        <v>85</v>
      </c>
      <c r="P39418" t="s">
        <v>86</v>
      </c>
      <c r="Q39418">
        <v>21</v>
      </c>
      <c r="R39418">
        <v>21</v>
      </c>
      <c r="S39418">
        <v>21</v>
      </c>
      <c r="T39418">
        <v>22</v>
      </c>
      <c r="U39418">
        <v>22</v>
      </c>
      <c r="V39418">
        <v>22</v>
      </c>
      <c r="W39418">
        <v>22</v>
      </c>
      <c r="X39418">
        <v>23</v>
      </c>
      <c r="Y39418">
        <v>23</v>
      </c>
      <c r="Z39418">
        <v>23</v>
      </c>
      <c r="AA39418">
        <v>24</v>
      </c>
      <c r="AB39418">
        <v>24</v>
      </c>
      <c r="AC39418">
        <v>24</v>
      </c>
      <c r="AD39418">
        <v>25</v>
      </c>
      <c r="AE39418">
        <v>25</v>
      </c>
      <c r="AF39418">
        <v>25</v>
      </c>
      <c r="AG39418">
        <v>26</v>
      </c>
      <c r="AH39418">
        <v>26</v>
      </c>
      <c r="AI39418">
        <v>26</v>
      </c>
      <c r="AJ39418">
        <v>27</v>
      </c>
      <c r="AK39418">
        <v>27</v>
      </c>
      <c r="AL39418">
        <v>27</v>
      </c>
      <c r="AM39418">
        <v>27</v>
      </c>
      <c r="AN39418">
        <v>27</v>
      </c>
      <c r="AO39418">
        <v>27</v>
      </c>
      <c r="AP39418">
        <v>28</v>
      </c>
      <c r="AQ39418">
        <v>28</v>
      </c>
    </row>
    <row r="39419" spans="1:43">
      <c r="A39419" t="s">
        <v>24451</v>
      </c>
      <c r="B39419" t="s">
        <v>24452</v>
      </c>
      <c r="C39419" t="s">
        <v>24449</v>
      </c>
      <c r="D39419" t="s">
        <v>24450</v>
      </c>
      <c r="E39419" t="s">
        <v>24327</v>
      </c>
      <c r="F39419" t="s">
        <v>24328</v>
      </c>
      <c r="G39419" t="s">
        <v>11612</v>
      </c>
      <c r="H39419" t="s">
        <v>11613</v>
      </c>
      <c r="I39419" s="2">
        <v>0</v>
      </c>
      <c r="J39419" s="2">
        <v>0</v>
      </c>
      <c r="K39419" s="2">
        <v>1</v>
      </c>
      <c r="L39419" t="s">
        <v>995</v>
      </c>
      <c r="M39419" t="s">
        <v>87</v>
      </c>
      <c r="N39419" t="s">
        <v>88</v>
      </c>
      <c r="O39419" t="s">
        <v>85</v>
      </c>
      <c r="P39419" t="s">
        <v>86</v>
      </c>
      <c r="Q39419">
        <v>21</v>
      </c>
      <c r="R39419">
        <v>22</v>
      </c>
      <c r="S39419">
        <v>22</v>
      </c>
      <c r="T39419">
        <v>22</v>
      </c>
      <c r="U39419">
        <v>22</v>
      </c>
      <c r="V39419">
        <v>22</v>
      </c>
      <c r="W39419">
        <v>22</v>
      </c>
      <c r="X39419">
        <v>22</v>
      </c>
      <c r="Y39419">
        <v>22</v>
      </c>
      <c r="Z39419">
        <v>22</v>
      </c>
      <c r="AA39419">
        <v>23</v>
      </c>
      <c r="AB39419">
        <v>23</v>
      </c>
      <c r="AC39419">
        <v>23</v>
      </c>
      <c r="AD39419">
        <v>23</v>
      </c>
      <c r="AE39419">
        <v>23</v>
      </c>
      <c r="AF39419">
        <v>23</v>
      </c>
      <c r="AG39419">
        <v>23</v>
      </c>
      <c r="AH39419">
        <v>23</v>
      </c>
      <c r="AI39419">
        <v>24</v>
      </c>
      <c r="AJ39419">
        <v>24</v>
      </c>
      <c r="AK39419">
        <v>24</v>
      </c>
      <c r="AL39419">
        <v>24</v>
      </c>
      <c r="AM39419">
        <v>24</v>
      </c>
      <c r="AN39419">
        <v>24</v>
      </c>
      <c r="AO39419">
        <v>25</v>
      </c>
      <c r="AP39419">
        <v>25</v>
      </c>
      <c r="AQ39419">
        <v>25</v>
      </c>
    </row>
    <row r="39420" spans="1:43">
      <c r="A39420" t="s">
        <v>24451</v>
      </c>
      <c r="B39420" t="s">
        <v>24452</v>
      </c>
      <c r="C39420" t="s">
        <v>24449</v>
      </c>
      <c r="D39420" t="s">
        <v>24450</v>
      </c>
      <c r="E39420" t="s">
        <v>24327</v>
      </c>
      <c r="F39420" t="s">
        <v>24328</v>
      </c>
      <c r="G39420" t="s">
        <v>11612</v>
      </c>
      <c r="H39420" t="s">
        <v>11613</v>
      </c>
      <c r="I39420" s="2">
        <v>0</v>
      </c>
      <c r="J39420" s="2">
        <v>0</v>
      </c>
      <c r="K39420" s="2">
        <v>1</v>
      </c>
      <c r="L39420" t="s">
        <v>995</v>
      </c>
      <c r="M39420" t="s">
        <v>89</v>
      </c>
      <c r="N39420" t="s">
        <v>90</v>
      </c>
      <c r="O39420" t="s">
        <v>85</v>
      </c>
      <c r="P39420" t="s">
        <v>86</v>
      </c>
      <c r="Q39420">
        <v>21</v>
      </c>
      <c r="R39420">
        <v>21</v>
      </c>
      <c r="S39420">
        <v>22</v>
      </c>
      <c r="T39420">
        <v>22</v>
      </c>
      <c r="U39420">
        <v>23</v>
      </c>
      <c r="V39420">
        <v>23</v>
      </c>
      <c r="W39420">
        <v>24</v>
      </c>
      <c r="X39420">
        <v>24</v>
      </c>
      <c r="Y39420">
        <v>24</v>
      </c>
      <c r="Z39420">
        <v>25</v>
      </c>
      <c r="AA39420">
        <v>25</v>
      </c>
      <c r="AB39420">
        <v>26</v>
      </c>
      <c r="AC39420">
        <v>26</v>
      </c>
      <c r="AD39420">
        <v>26</v>
      </c>
      <c r="AE39420">
        <v>27</v>
      </c>
      <c r="AF39420">
        <v>27</v>
      </c>
      <c r="AG39420">
        <v>27</v>
      </c>
      <c r="AH39420">
        <v>27</v>
      </c>
      <c r="AI39420">
        <v>27</v>
      </c>
      <c r="AJ39420">
        <v>27</v>
      </c>
      <c r="AK39420">
        <v>27</v>
      </c>
      <c r="AL39420">
        <v>27</v>
      </c>
      <c r="AM39420">
        <v>28</v>
      </c>
      <c r="AN39420">
        <v>28</v>
      </c>
      <c r="AO39420">
        <v>28</v>
      </c>
      <c r="AP39420">
        <v>28</v>
      </c>
      <c r="AQ39420">
        <v>28</v>
      </c>
    </row>
    <row r="39421" spans="1:43">
      <c r="A39421" t="s">
        <v>24451</v>
      </c>
      <c r="B39421" t="s">
        <v>24452</v>
      </c>
      <c r="C39421" t="s">
        <v>24449</v>
      </c>
      <c r="D39421" t="s">
        <v>24450</v>
      </c>
      <c r="E39421" t="s">
        <v>24327</v>
      </c>
      <c r="F39421" t="s">
        <v>24328</v>
      </c>
      <c r="G39421" t="s">
        <v>11612</v>
      </c>
      <c r="H39421" t="s">
        <v>11613</v>
      </c>
      <c r="I39421" s="2">
        <v>0</v>
      </c>
      <c r="J39421" s="2">
        <v>0</v>
      </c>
      <c r="K39421" s="2">
        <v>1</v>
      </c>
      <c r="L39421" t="s">
        <v>995</v>
      </c>
      <c r="M39421" t="s">
        <v>83</v>
      </c>
      <c r="N39421" t="s">
        <v>91</v>
      </c>
      <c r="O39421" t="s">
        <v>85</v>
      </c>
      <c r="P39421" t="s">
        <v>86</v>
      </c>
      <c r="Q39421">
        <v>21</v>
      </c>
      <c r="R39421">
        <v>21</v>
      </c>
      <c r="S39421">
        <v>21</v>
      </c>
      <c r="T39421">
        <v>22</v>
      </c>
      <c r="U39421">
        <v>22</v>
      </c>
      <c r="V39421">
        <v>22</v>
      </c>
      <c r="W39421">
        <v>22</v>
      </c>
      <c r="X39421">
        <v>23</v>
      </c>
      <c r="Y39421">
        <v>23</v>
      </c>
      <c r="Z39421">
        <v>23</v>
      </c>
      <c r="AA39421">
        <v>24</v>
      </c>
      <c r="AB39421">
        <v>24</v>
      </c>
      <c r="AC39421">
        <v>24</v>
      </c>
      <c r="AD39421">
        <v>25</v>
      </c>
      <c r="AE39421">
        <v>25</v>
      </c>
      <c r="AF39421">
        <v>25</v>
      </c>
      <c r="AG39421">
        <v>26</v>
      </c>
      <c r="AH39421">
        <v>26</v>
      </c>
      <c r="AI39421">
        <v>26</v>
      </c>
      <c r="AJ39421">
        <v>27</v>
      </c>
      <c r="AK39421">
        <v>27</v>
      </c>
      <c r="AL39421">
        <v>27</v>
      </c>
      <c r="AM39421">
        <v>27</v>
      </c>
      <c r="AN39421">
        <v>27</v>
      </c>
      <c r="AO39421">
        <v>27</v>
      </c>
      <c r="AP39421">
        <v>28</v>
      </c>
      <c r="AQ39421">
        <v>28</v>
      </c>
    </row>
    <row r="39422" spans="1:43">
      <c r="A39422" t="s">
        <v>24453</v>
      </c>
      <c r="B39422" t="s">
        <v>24454</v>
      </c>
      <c r="C39422" t="s">
        <v>24449</v>
      </c>
      <c r="D39422" t="s">
        <v>24450</v>
      </c>
      <c r="E39422" t="s">
        <v>24327</v>
      </c>
      <c r="F39422" t="s">
        <v>24328</v>
      </c>
      <c r="G39422" t="s">
        <v>11612</v>
      </c>
      <c r="H39422" t="s">
        <v>11613</v>
      </c>
      <c r="I39422" s="2">
        <v>0</v>
      </c>
      <c r="J39422" s="2">
        <v>0</v>
      </c>
      <c r="K39422" s="2">
        <v>1</v>
      </c>
      <c r="L39422" t="s">
        <v>995</v>
      </c>
      <c r="M39422" t="s">
        <v>83</v>
      </c>
      <c r="N39422" t="s">
        <v>84</v>
      </c>
      <c r="O39422" t="s">
        <v>85</v>
      </c>
      <c r="P39422" t="s">
        <v>86</v>
      </c>
      <c r="Q39422">
        <v>30</v>
      </c>
      <c r="R39422">
        <v>30</v>
      </c>
      <c r="S39422">
        <v>31</v>
      </c>
      <c r="T39422">
        <v>31</v>
      </c>
      <c r="U39422">
        <v>32</v>
      </c>
      <c r="V39422">
        <v>32</v>
      </c>
      <c r="W39422">
        <v>33</v>
      </c>
      <c r="X39422">
        <v>33</v>
      </c>
      <c r="Y39422">
        <v>34</v>
      </c>
      <c r="Z39422">
        <v>34</v>
      </c>
      <c r="AA39422">
        <v>34</v>
      </c>
      <c r="AB39422">
        <v>35</v>
      </c>
      <c r="AC39422">
        <v>35</v>
      </c>
      <c r="AD39422">
        <v>36</v>
      </c>
      <c r="AE39422">
        <v>36</v>
      </c>
      <c r="AF39422">
        <v>37</v>
      </c>
      <c r="AG39422">
        <v>37</v>
      </c>
      <c r="AH39422">
        <v>38</v>
      </c>
      <c r="AI39422">
        <v>38</v>
      </c>
      <c r="AJ39422">
        <v>39</v>
      </c>
      <c r="AK39422">
        <v>39</v>
      </c>
      <c r="AL39422">
        <v>39</v>
      </c>
      <c r="AM39422">
        <v>40</v>
      </c>
      <c r="AN39422">
        <v>40</v>
      </c>
      <c r="AO39422">
        <v>40</v>
      </c>
      <c r="AP39422">
        <v>40</v>
      </c>
      <c r="AQ39422">
        <v>40</v>
      </c>
    </row>
    <row r="39423" spans="1:43">
      <c r="A39423" t="s">
        <v>24453</v>
      </c>
      <c r="B39423" t="s">
        <v>24454</v>
      </c>
      <c r="C39423" t="s">
        <v>24449</v>
      </c>
      <c r="D39423" t="s">
        <v>24450</v>
      </c>
      <c r="E39423" t="s">
        <v>24327</v>
      </c>
      <c r="F39423" t="s">
        <v>24328</v>
      </c>
      <c r="G39423" t="s">
        <v>11612</v>
      </c>
      <c r="H39423" t="s">
        <v>11613</v>
      </c>
      <c r="I39423" s="2">
        <v>0</v>
      </c>
      <c r="J39423" s="2">
        <v>0</v>
      </c>
      <c r="K39423" s="2">
        <v>1</v>
      </c>
      <c r="L39423" t="s">
        <v>995</v>
      </c>
      <c r="M39423" t="s">
        <v>87</v>
      </c>
      <c r="N39423" t="s">
        <v>88</v>
      </c>
      <c r="O39423" t="s">
        <v>85</v>
      </c>
      <c r="P39423" t="s">
        <v>86</v>
      </c>
      <c r="Q39423">
        <v>30</v>
      </c>
      <c r="R39423">
        <v>30</v>
      </c>
      <c r="S39423">
        <v>30</v>
      </c>
      <c r="T39423">
        <v>30</v>
      </c>
      <c r="U39423">
        <v>30</v>
      </c>
      <c r="V39423">
        <v>31</v>
      </c>
      <c r="W39423">
        <v>31</v>
      </c>
      <c r="X39423">
        <v>31</v>
      </c>
      <c r="Y39423">
        <v>31</v>
      </c>
      <c r="Z39423">
        <v>31</v>
      </c>
      <c r="AA39423">
        <v>31</v>
      </c>
      <c r="AB39423">
        <v>32</v>
      </c>
      <c r="AC39423">
        <v>32</v>
      </c>
      <c r="AD39423">
        <v>32</v>
      </c>
      <c r="AE39423">
        <v>32</v>
      </c>
      <c r="AF39423">
        <v>32</v>
      </c>
      <c r="AG39423">
        <v>33</v>
      </c>
      <c r="AH39423">
        <v>33</v>
      </c>
      <c r="AI39423">
        <v>33</v>
      </c>
      <c r="AJ39423">
        <v>33</v>
      </c>
      <c r="AK39423">
        <v>33</v>
      </c>
      <c r="AL39423">
        <v>34</v>
      </c>
      <c r="AM39423">
        <v>34</v>
      </c>
      <c r="AN39423">
        <v>34</v>
      </c>
      <c r="AO39423">
        <v>34</v>
      </c>
      <c r="AP39423">
        <v>35</v>
      </c>
      <c r="AQ39423">
        <v>35</v>
      </c>
    </row>
    <row r="39424" spans="1:43">
      <c r="A39424" t="s">
        <v>24453</v>
      </c>
      <c r="B39424" t="s">
        <v>24454</v>
      </c>
      <c r="C39424" t="s">
        <v>24449</v>
      </c>
      <c r="D39424" t="s">
        <v>24450</v>
      </c>
      <c r="E39424" t="s">
        <v>24327</v>
      </c>
      <c r="F39424" t="s">
        <v>24328</v>
      </c>
      <c r="G39424" t="s">
        <v>11612</v>
      </c>
      <c r="H39424" t="s">
        <v>11613</v>
      </c>
      <c r="I39424" s="2">
        <v>0</v>
      </c>
      <c r="J39424" s="2">
        <v>0</v>
      </c>
      <c r="K39424" s="2">
        <v>1</v>
      </c>
      <c r="L39424" t="s">
        <v>995</v>
      </c>
      <c r="M39424" t="s">
        <v>89</v>
      </c>
      <c r="N39424" t="s">
        <v>90</v>
      </c>
      <c r="O39424" t="s">
        <v>85</v>
      </c>
      <c r="P39424" t="s">
        <v>86</v>
      </c>
      <c r="Q39424">
        <v>30</v>
      </c>
      <c r="R39424">
        <v>31</v>
      </c>
      <c r="S39424">
        <v>32</v>
      </c>
      <c r="T39424">
        <v>32</v>
      </c>
      <c r="U39424">
        <v>33</v>
      </c>
      <c r="V39424">
        <v>34</v>
      </c>
      <c r="W39424">
        <v>34</v>
      </c>
      <c r="X39424">
        <v>35</v>
      </c>
      <c r="Y39424">
        <v>36</v>
      </c>
      <c r="Z39424">
        <v>36</v>
      </c>
      <c r="AA39424">
        <v>37</v>
      </c>
      <c r="AB39424">
        <v>37</v>
      </c>
      <c r="AC39424">
        <v>38</v>
      </c>
      <c r="AD39424">
        <v>38</v>
      </c>
      <c r="AE39424">
        <v>39</v>
      </c>
      <c r="AF39424">
        <v>39</v>
      </c>
      <c r="AG39424">
        <v>39</v>
      </c>
      <c r="AH39424">
        <v>39</v>
      </c>
      <c r="AI39424">
        <v>40</v>
      </c>
      <c r="AJ39424">
        <v>40</v>
      </c>
      <c r="AK39424">
        <v>40</v>
      </c>
      <c r="AL39424">
        <v>40</v>
      </c>
      <c r="AM39424">
        <v>40</v>
      </c>
      <c r="AN39424">
        <v>40</v>
      </c>
      <c r="AO39424">
        <v>41</v>
      </c>
      <c r="AP39424">
        <v>41</v>
      </c>
      <c r="AQ39424">
        <v>41</v>
      </c>
    </row>
    <row r="39425" spans="1:43">
      <c r="A39425" t="s">
        <v>24453</v>
      </c>
      <c r="B39425" t="s">
        <v>24454</v>
      </c>
      <c r="C39425" t="s">
        <v>24449</v>
      </c>
      <c r="D39425" t="s">
        <v>24450</v>
      </c>
      <c r="E39425" t="s">
        <v>24327</v>
      </c>
      <c r="F39425" t="s">
        <v>24328</v>
      </c>
      <c r="G39425" t="s">
        <v>11612</v>
      </c>
      <c r="H39425" t="s">
        <v>11613</v>
      </c>
      <c r="I39425" s="2">
        <v>0</v>
      </c>
      <c r="J39425" s="2">
        <v>0</v>
      </c>
      <c r="K39425" s="2">
        <v>1</v>
      </c>
      <c r="L39425" t="s">
        <v>995</v>
      </c>
      <c r="M39425" t="s">
        <v>83</v>
      </c>
      <c r="N39425" t="s">
        <v>91</v>
      </c>
      <c r="O39425" t="s">
        <v>85</v>
      </c>
      <c r="P39425" t="s">
        <v>86</v>
      </c>
      <c r="Q39425">
        <v>30</v>
      </c>
      <c r="R39425">
        <v>30</v>
      </c>
      <c r="S39425">
        <v>31</v>
      </c>
      <c r="T39425">
        <v>31</v>
      </c>
      <c r="U39425">
        <v>32</v>
      </c>
      <c r="V39425">
        <v>32</v>
      </c>
      <c r="W39425">
        <v>33</v>
      </c>
      <c r="X39425">
        <v>33</v>
      </c>
      <c r="Y39425">
        <v>34</v>
      </c>
      <c r="Z39425">
        <v>34</v>
      </c>
      <c r="AA39425">
        <v>34</v>
      </c>
      <c r="AB39425">
        <v>35</v>
      </c>
      <c r="AC39425">
        <v>35</v>
      </c>
      <c r="AD39425">
        <v>36</v>
      </c>
      <c r="AE39425">
        <v>36</v>
      </c>
      <c r="AF39425">
        <v>37</v>
      </c>
      <c r="AG39425">
        <v>37</v>
      </c>
      <c r="AH39425">
        <v>38</v>
      </c>
      <c r="AI39425">
        <v>38</v>
      </c>
      <c r="AJ39425">
        <v>39</v>
      </c>
      <c r="AK39425">
        <v>39</v>
      </c>
      <c r="AL39425">
        <v>39</v>
      </c>
      <c r="AM39425">
        <v>40</v>
      </c>
      <c r="AN39425">
        <v>40</v>
      </c>
      <c r="AO39425">
        <v>40</v>
      </c>
      <c r="AP39425">
        <v>40</v>
      </c>
      <c r="AQ39425">
        <v>40</v>
      </c>
    </row>
    <row r="39426" spans="1:43">
      <c r="A39426" t="s">
        <v>24455</v>
      </c>
      <c r="B39426" t="s">
        <v>24456</v>
      </c>
      <c r="C39426" t="s">
        <v>24449</v>
      </c>
      <c r="D39426" t="s">
        <v>24450</v>
      </c>
      <c r="E39426" t="s">
        <v>24327</v>
      </c>
      <c r="F39426" t="s">
        <v>24328</v>
      </c>
      <c r="G39426" t="s">
        <v>11612</v>
      </c>
      <c r="H39426" t="s">
        <v>11613</v>
      </c>
      <c r="I39426" s="2">
        <v>0</v>
      </c>
      <c r="J39426" s="2">
        <v>0</v>
      </c>
      <c r="K39426" s="2">
        <v>1</v>
      </c>
      <c r="L39426" t="s">
        <v>995</v>
      </c>
      <c r="M39426" t="s">
        <v>83</v>
      </c>
      <c r="N39426" t="s">
        <v>84</v>
      </c>
      <c r="O39426" t="s">
        <v>85</v>
      </c>
      <c r="P39426" t="s">
        <v>86</v>
      </c>
      <c r="Q39426">
        <v>41</v>
      </c>
      <c r="R39426">
        <v>41</v>
      </c>
      <c r="S39426">
        <v>42</v>
      </c>
      <c r="T39426">
        <v>43</v>
      </c>
      <c r="U39426">
        <v>43</v>
      </c>
      <c r="V39426">
        <v>44</v>
      </c>
      <c r="W39426">
        <v>44</v>
      </c>
      <c r="X39426">
        <v>45</v>
      </c>
      <c r="Y39426">
        <v>46</v>
      </c>
      <c r="Z39426">
        <v>46</v>
      </c>
      <c r="AA39426">
        <v>47</v>
      </c>
      <c r="AB39426">
        <v>47</v>
      </c>
      <c r="AC39426">
        <v>48</v>
      </c>
      <c r="AD39426">
        <v>49</v>
      </c>
      <c r="AE39426">
        <v>49</v>
      </c>
      <c r="AF39426">
        <v>50</v>
      </c>
      <c r="AG39426">
        <v>50</v>
      </c>
      <c r="AH39426">
        <v>51</v>
      </c>
      <c r="AI39426">
        <v>52</v>
      </c>
      <c r="AJ39426">
        <v>52</v>
      </c>
      <c r="AK39426">
        <v>53</v>
      </c>
      <c r="AL39426">
        <v>54</v>
      </c>
      <c r="AM39426">
        <v>54</v>
      </c>
      <c r="AN39426">
        <v>54</v>
      </c>
      <c r="AO39426">
        <v>54</v>
      </c>
      <c r="AP39426">
        <v>55</v>
      </c>
      <c r="AQ39426">
        <v>55</v>
      </c>
    </row>
    <row r="39427" spans="1:43">
      <c r="A39427" t="s">
        <v>24455</v>
      </c>
      <c r="B39427" t="s">
        <v>24456</v>
      </c>
      <c r="C39427" t="s">
        <v>24449</v>
      </c>
      <c r="D39427" t="s">
        <v>24450</v>
      </c>
      <c r="E39427" t="s">
        <v>24327</v>
      </c>
      <c r="F39427" t="s">
        <v>24328</v>
      </c>
      <c r="G39427" t="s">
        <v>11612</v>
      </c>
      <c r="H39427" t="s">
        <v>11613</v>
      </c>
      <c r="I39427" s="2">
        <v>0</v>
      </c>
      <c r="J39427" s="2">
        <v>0</v>
      </c>
      <c r="K39427" s="2">
        <v>1</v>
      </c>
      <c r="L39427" t="s">
        <v>995</v>
      </c>
      <c r="M39427" t="s">
        <v>87</v>
      </c>
      <c r="N39427" t="s">
        <v>88</v>
      </c>
      <c r="O39427" t="s">
        <v>85</v>
      </c>
      <c r="P39427" t="s">
        <v>86</v>
      </c>
      <c r="Q39427">
        <v>41</v>
      </c>
      <c r="R39427">
        <v>42</v>
      </c>
      <c r="S39427">
        <v>42</v>
      </c>
      <c r="T39427">
        <v>42</v>
      </c>
      <c r="U39427">
        <v>42</v>
      </c>
      <c r="V39427">
        <v>42</v>
      </c>
      <c r="W39427">
        <v>43</v>
      </c>
      <c r="X39427">
        <v>43</v>
      </c>
      <c r="Y39427">
        <v>43</v>
      </c>
      <c r="Z39427">
        <v>43</v>
      </c>
      <c r="AA39427">
        <v>44</v>
      </c>
      <c r="AB39427">
        <v>44</v>
      </c>
      <c r="AC39427">
        <v>44</v>
      </c>
      <c r="AD39427">
        <v>44</v>
      </c>
      <c r="AE39427">
        <v>45</v>
      </c>
      <c r="AF39427">
        <v>45</v>
      </c>
      <c r="AG39427">
        <v>45</v>
      </c>
      <c r="AH39427">
        <v>45</v>
      </c>
      <c r="AI39427">
        <v>46</v>
      </c>
      <c r="AJ39427">
        <v>46</v>
      </c>
      <c r="AK39427">
        <v>46</v>
      </c>
      <c r="AL39427">
        <v>47</v>
      </c>
      <c r="AM39427">
        <v>47</v>
      </c>
      <c r="AN39427">
        <v>47</v>
      </c>
      <c r="AO39427">
        <v>48</v>
      </c>
      <c r="AP39427">
        <v>48</v>
      </c>
      <c r="AQ39427">
        <v>48</v>
      </c>
    </row>
    <row r="39428" spans="1:43">
      <c r="A39428" t="s">
        <v>24455</v>
      </c>
      <c r="B39428" t="s">
        <v>24456</v>
      </c>
      <c r="C39428" t="s">
        <v>24449</v>
      </c>
      <c r="D39428" t="s">
        <v>24450</v>
      </c>
      <c r="E39428" t="s">
        <v>24327</v>
      </c>
      <c r="F39428" t="s">
        <v>24328</v>
      </c>
      <c r="G39428" t="s">
        <v>11612</v>
      </c>
      <c r="H39428" t="s">
        <v>11613</v>
      </c>
      <c r="I39428" s="2">
        <v>0</v>
      </c>
      <c r="J39428" s="2">
        <v>0</v>
      </c>
      <c r="K39428" s="2">
        <v>1</v>
      </c>
      <c r="L39428" t="s">
        <v>995</v>
      </c>
      <c r="M39428" t="s">
        <v>89</v>
      </c>
      <c r="N39428" t="s">
        <v>90</v>
      </c>
      <c r="O39428" t="s">
        <v>85</v>
      </c>
      <c r="P39428" t="s">
        <v>86</v>
      </c>
      <c r="Q39428">
        <v>41</v>
      </c>
      <c r="R39428">
        <v>42</v>
      </c>
      <c r="S39428">
        <v>43</v>
      </c>
      <c r="T39428">
        <v>44</v>
      </c>
      <c r="U39428">
        <v>45</v>
      </c>
      <c r="V39428">
        <v>46</v>
      </c>
      <c r="W39428">
        <v>47</v>
      </c>
      <c r="X39428">
        <v>47</v>
      </c>
      <c r="Y39428">
        <v>48</v>
      </c>
      <c r="Z39428">
        <v>49</v>
      </c>
      <c r="AA39428">
        <v>50</v>
      </c>
      <c r="AB39428">
        <v>51</v>
      </c>
      <c r="AC39428">
        <v>51</v>
      </c>
      <c r="AD39428">
        <v>52</v>
      </c>
      <c r="AE39428">
        <v>53</v>
      </c>
      <c r="AF39428">
        <v>53</v>
      </c>
      <c r="AG39428">
        <v>53</v>
      </c>
      <c r="AH39428">
        <v>53</v>
      </c>
      <c r="AI39428">
        <v>54</v>
      </c>
      <c r="AJ39428">
        <v>54</v>
      </c>
      <c r="AK39428">
        <v>54</v>
      </c>
      <c r="AL39428">
        <v>54</v>
      </c>
      <c r="AM39428">
        <v>55</v>
      </c>
      <c r="AN39428">
        <v>55</v>
      </c>
      <c r="AO39428">
        <v>55</v>
      </c>
      <c r="AP39428">
        <v>55</v>
      </c>
      <c r="AQ39428">
        <v>56</v>
      </c>
    </row>
    <row r="39429" spans="1:43">
      <c r="A39429" t="s">
        <v>24455</v>
      </c>
      <c r="B39429" t="s">
        <v>24456</v>
      </c>
      <c r="C39429" t="s">
        <v>24449</v>
      </c>
      <c r="D39429" t="s">
        <v>24450</v>
      </c>
      <c r="E39429" t="s">
        <v>24327</v>
      </c>
      <c r="F39429" t="s">
        <v>24328</v>
      </c>
      <c r="G39429" t="s">
        <v>11612</v>
      </c>
      <c r="H39429" t="s">
        <v>11613</v>
      </c>
      <c r="I39429" s="2">
        <v>0</v>
      </c>
      <c r="J39429" s="2">
        <v>0</v>
      </c>
      <c r="K39429" s="2">
        <v>1</v>
      </c>
      <c r="L39429" t="s">
        <v>995</v>
      </c>
      <c r="M39429" t="s">
        <v>83</v>
      </c>
      <c r="N39429" t="s">
        <v>91</v>
      </c>
      <c r="O39429" t="s">
        <v>85</v>
      </c>
      <c r="P39429" t="s">
        <v>86</v>
      </c>
      <c r="Q39429">
        <v>41</v>
      </c>
      <c r="R39429">
        <v>41</v>
      </c>
      <c r="S39429">
        <v>42</v>
      </c>
      <c r="T39429">
        <v>43</v>
      </c>
      <c r="U39429">
        <v>43</v>
      </c>
      <c r="V39429">
        <v>44</v>
      </c>
      <c r="W39429">
        <v>44</v>
      </c>
      <c r="X39429">
        <v>45</v>
      </c>
      <c r="Y39429">
        <v>46</v>
      </c>
      <c r="Z39429">
        <v>46</v>
      </c>
      <c r="AA39429">
        <v>47</v>
      </c>
      <c r="AB39429">
        <v>47</v>
      </c>
      <c r="AC39429">
        <v>48</v>
      </c>
      <c r="AD39429">
        <v>49</v>
      </c>
      <c r="AE39429">
        <v>49</v>
      </c>
      <c r="AF39429">
        <v>50</v>
      </c>
      <c r="AG39429">
        <v>50</v>
      </c>
      <c r="AH39429">
        <v>51</v>
      </c>
      <c r="AI39429">
        <v>52</v>
      </c>
      <c r="AJ39429">
        <v>52</v>
      </c>
      <c r="AK39429">
        <v>53</v>
      </c>
      <c r="AL39429">
        <v>54</v>
      </c>
      <c r="AM39429">
        <v>54</v>
      </c>
      <c r="AN39429">
        <v>54</v>
      </c>
      <c r="AO39429">
        <v>54</v>
      </c>
      <c r="AP39429">
        <v>55</v>
      </c>
      <c r="AQ39429">
        <v>55</v>
      </c>
    </row>
    <row r="39430" spans="1:43">
      <c r="A39430" t="s">
        <v>24457</v>
      </c>
      <c r="B39430" t="s">
        <v>24458</v>
      </c>
      <c r="C39430" t="s">
        <v>24449</v>
      </c>
      <c r="D39430" t="s">
        <v>24450</v>
      </c>
      <c r="E39430" t="s">
        <v>24327</v>
      </c>
      <c r="F39430" t="s">
        <v>24328</v>
      </c>
      <c r="G39430" t="s">
        <v>11612</v>
      </c>
      <c r="H39430" t="s">
        <v>11613</v>
      </c>
      <c r="I39430" s="2">
        <v>0</v>
      </c>
      <c r="J39430" s="2">
        <v>0</v>
      </c>
      <c r="K39430" s="2">
        <v>1</v>
      </c>
      <c r="L39430" t="s">
        <v>995</v>
      </c>
      <c r="M39430" t="s">
        <v>83</v>
      </c>
      <c r="N39430" t="s">
        <v>84</v>
      </c>
      <c r="O39430" t="s">
        <v>85</v>
      </c>
      <c r="P39430" t="s">
        <v>86</v>
      </c>
      <c r="Q39430">
        <v>25</v>
      </c>
      <c r="R39430">
        <v>25</v>
      </c>
      <c r="S39430">
        <v>26</v>
      </c>
      <c r="T39430">
        <v>26</v>
      </c>
      <c r="U39430">
        <v>27</v>
      </c>
      <c r="V39430">
        <v>27</v>
      </c>
      <c r="W39430">
        <v>27</v>
      </c>
      <c r="X39430">
        <v>28</v>
      </c>
      <c r="Y39430">
        <v>28</v>
      </c>
      <c r="Z39430">
        <v>28</v>
      </c>
      <c r="AA39430">
        <v>29</v>
      </c>
      <c r="AB39430">
        <v>29</v>
      </c>
      <c r="AC39430">
        <v>29</v>
      </c>
      <c r="AD39430">
        <v>30</v>
      </c>
      <c r="AE39430">
        <v>30</v>
      </c>
      <c r="AF39430">
        <v>31</v>
      </c>
      <c r="AG39430">
        <v>31</v>
      </c>
      <c r="AH39430">
        <v>31</v>
      </c>
      <c r="AI39430">
        <v>32</v>
      </c>
      <c r="AJ39430">
        <v>32</v>
      </c>
      <c r="AK39430">
        <v>33</v>
      </c>
      <c r="AL39430">
        <v>33</v>
      </c>
      <c r="AM39430">
        <v>33</v>
      </c>
      <c r="AN39430">
        <v>33</v>
      </c>
      <c r="AO39430">
        <v>33</v>
      </c>
      <c r="AP39430">
        <v>33</v>
      </c>
      <c r="AQ39430">
        <v>34</v>
      </c>
    </row>
    <row r="39431" spans="1:43">
      <c r="A39431" t="s">
        <v>24457</v>
      </c>
      <c r="B39431" t="s">
        <v>24458</v>
      </c>
      <c r="C39431" t="s">
        <v>24449</v>
      </c>
      <c r="D39431" t="s">
        <v>24450</v>
      </c>
      <c r="E39431" t="s">
        <v>24327</v>
      </c>
      <c r="F39431" t="s">
        <v>24328</v>
      </c>
      <c r="G39431" t="s">
        <v>11612</v>
      </c>
      <c r="H39431" t="s">
        <v>11613</v>
      </c>
      <c r="I39431" s="2">
        <v>0</v>
      </c>
      <c r="J39431" s="2">
        <v>0</v>
      </c>
      <c r="K39431" s="2">
        <v>1</v>
      </c>
      <c r="L39431" t="s">
        <v>995</v>
      </c>
      <c r="M39431" t="s">
        <v>87</v>
      </c>
      <c r="N39431" t="s">
        <v>88</v>
      </c>
      <c r="O39431" t="s">
        <v>85</v>
      </c>
      <c r="P39431" t="s">
        <v>86</v>
      </c>
      <c r="Q39431">
        <v>25</v>
      </c>
      <c r="R39431">
        <v>25</v>
      </c>
      <c r="S39431">
        <v>25</v>
      </c>
      <c r="T39431">
        <v>25</v>
      </c>
      <c r="U39431">
        <v>25</v>
      </c>
      <c r="V39431">
        <v>26</v>
      </c>
      <c r="W39431">
        <v>26</v>
      </c>
      <c r="X39431">
        <v>26</v>
      </c>
      <c r="Y39431">
        <v>26</v>
      </c>
      <c r="Z39431">
        <v>26</v>
      </c>
      <c r="AA39431">
        <v>26</v>
      </c>
      <c r="AB39431">
        <v>26</v>
      </c>
      <c r="AC39431">
        <v>26</v>
      </c>
      <c r="AD39431">
        <v>27</v>
      </c>
      <c r="AE39431">
        <v>27</v>
      </c>
      <c r="AF39431">
        <v>27</v>
      </c>
      <c r="AG39431">
        <v>27</v>
      </c>
      <c r="AH39431">
        <v>27</v>
      </c>
      <c r="AI39431">
        <v>27</v>
      </c>
      <c r="AJ39431">
        <v>28</v>
      </c>
      <c r="AK39431">
        <v>28</v>
      </c>
      <c r="AL39431">
        <v>28</v>
      </c>
      <c r="AM39431">
        <v>28</v>
      </c>
      <c r="AN39431">
        <v>28</v>
      </c>
      <c r="AO39431">
        <v>29</v>
      </c>
      <c r="AP39431">
        <v>29</v>
      </c>
      <c r="AQ39431">
        <v>29</v>
      </c>
    </row>
    <row r="39432" spans="1:43">
      <c r="A39432" t="s">
        <v>24457</v>
      </c>
      <c r="B39432" t="s">
        <v>24458</v>
      </c>
      <c r="C39432" t="s">
        <v>24449</v>
      </c>
      <c r="D39432" t="s">
        <v>24450</v>
      </c>
      <c r="E39432" t="s">
        <v>24327</v>
      </c>
      <c r="F39432" t="s">
        <v>24328</v>
      </c>
      <c r="G39432" t="s">
        <v>11612</v>
      </c>
      <c r="H39432" t="s">
        <v>11613</v>
      </c>
      <c r="I39432" s="2">
        <v>0</v>
      </c>
      <c r="J39432" s="2">
        <v>0</v>
      </c>
      <c r="K39432" s="2">
        <v>1</v>
      </c>
      <c r="L39432" t="s">
        <v>995</v>
      </c>
      <c r="M39432" t="s">
        <v>89</v>
      </c>
      <c r="N39432" t="s">
        <v>90</v>
      </c>
      <c r="O39432" t="s">
        <v>85</v>
      </c>
      <c r="P39432" t="s">
        <v>86</v>
      </c>
      <c r="Q39432">
        <v>25</v>
      </c>
      <c r="R39432">
        <v>26</v>
      </c>
      <c r="S39432">
        <v>27</v>
      </c>
      <c r="T39432">
        <v>27</v>
      </c>
      <c r="U39432">
        <v>28</v>
      </c>
      <c r="V39432">
        <v>28</v>
      </c>
      <c r="W39432">
        <v>29</v>
      </c>
      <c r="X39432">
        <v>29</v>
      </c>
      <c r="Y39432">
        <v>30</v>
      </c>
      <c r="Z39432">
        <v>30</v>
      </c>
      <c r="AA39432">
        <v>31</v>
      </c>
      <c r="AB39432">
        <v>31</v>
      </c>
      <c r="AC39432">
        <v>32</v>
      </c>
      <c r="AD39432">
        <v>32</v>
      </c>
      <c r="AE39432">
        <v>32</v>
      </c>
      <c r="AF39432">
        <v>32</v>
      </c>
      <c r="AG39432">
        <v>33</v>
      </c>
      <c r="AH39432">
        <v>33</v>
      </c>
      <c r="AI39432">
        <v>33</v>
      </c>
      <c r="AJ39432">
        <v>33</v>
      </c>
      <c r="AK39432">
        <v>33</v>
      </c>
      <c r="AL39432">
        <v>33</v>
      </c>
      <c r="AM39432">
        <v>33</v>
      </c>
      <c r="AN39432">
        <v>33</v>
      </c>
      <c r="AO39432">
        <v>34</v>
      </c>
      <c r="AP39432">
        <v>34</v>
      </c>
      <c r="AQ39432">
        <v>34</v>
      </c>
    </row>
    <row r="39433" spans="1:43">
      <c r="A39433" t="s">
        <v>24457</v>
      </c>
      <c r="B39433" t="s">
        <v>24458</v>
      </c>
      <c r="C39433" t="s">
        <v>24449</v>
      </c>
      <c r="D39433" t="s">
        <v>24450</v>
      </c>
      <c r="E39433" t="s">
        <v>24327</v>
      </c>
      <c r="F39433" t="s">
        <v>24328</v>
      </c>
      <c r="G39433" t="s">
        <v>11612</v>
      </c>
      <c r="H39433" t="s">
        <v>11613</v>
      </c>
      <c r="I39433" s="2">
        <v>0</v>
      </c>
      <c r="J39433" s="2">
        <v>0</v>
      </c>
      <c r="K39433" s="2">
        <v>1</v>
      </c>
      <c r="L39433" t="s">
        <v>995</v>
      </c>
      <c r="M39433" t="s">
        <v>83</v>
      </c>
      <c r="N39433" t="s">
        <v>91</v>
      </c>
      <c r="O39433" t="s">
        <v>85</v>
      </c>
      <c r="P39433" t="s">
        <v>86</v>
      </c>
      <c r="Q39433">
        <v>25</v>
      </c>
      <c r="R39433">
        <v>25</v>
      </c>
      <c r="S39433">
        <v>26</v>
      </c>
      <c r="T39433">
        <v>26</v>
      </c>
      <c r="U39433">
        <v>27</v>
      </c>
      <c r="V39433">
        <v>27</v>
      </c>
      <c r="W39433">
        <v>27</v>
      </c>
      <c r="X39433">
        <v>28</v>
      </c>
      <c r="Y39433">
        <v>28</v>
      </c>
      <c r="Z39433">
        <v>28</v>
      </c>
      <c r="AA39433">
        <v>29</v>
      </c>
      <c r="AB39433">
        <v>29</v>
      </c>
      <c r="AC39433">
        <v>29</v>
      </c>
      <c r="AD39433">
        <v>30</v>
      </c>
      <c r="AE39433">
        <v>30</v>
      </c>
      <c r="AF39433">
        <v>31</v>
      </c>
      <c r="AG39433">
        <v>31</v>
      </c>
      <c r="AH39433">
        <v>31</v>
      </c>
      <c r="AI39433">
        <v>32</v>
      </c>
      <c r="AJ39433">
        <v>32</v>
      </c>
      <c r="AK39433">
        <v>33</v>
      </c>
      <c r="AL39433">
        <v>33</v>
      </c>
      <c r="AM39433">
        <v>33</v>
      </c>
      <c r="AN39433">
        <v>33</v>
      </c>
      <c r="AO39433">
        <v>33</v>
      </c>
      <c r="AP39433">
        <v>33</v>
      </c>
      <c r="AQ39433">
        <v>34</v>
      </c>
    </row>
    <row r="39434" spans="1:43">
      <c r="A39434" t="s">
        <v>24459</v>
      </c>
      <c r="B39434" t="s">
        <v>24460</v>
      </c>
      <c r="C39434" t="s">
        <v>24411</v>
      </c>
      <c r="D39434" t="s">
        <v>24412</v>
      </c>
      <c r="E39434" t="s">
        <v>24327</v>
      </c>
      <c r="F39434" t="s">
        <v>24328</v>
      </c>
      <c r="G39434" t="s">
        <v>11612</v>
      </c>
      <c r="H39434" t="s">
        <v>11613</v>
      </c>
      <c r="I39434" s="2">
        <v>0</v>
      </c>
      <c r="J39434" s="2">
        <v>0</v>
      </c>
      <c r="K39434" s="2">
        <v>1</v>
      </c>
      <c r="L39434" t="s">
        <v>995</v>
      </c>
      <c r="M39434" t="s">
        <v>83</v>
      </c>
      <c r="N39434" t="s">
        <v>84</v>
      </c>
      <c r="O39434" t="s">
        <v>85</v>
      </c>
      <c r="P39434" t="s">
        <v>86</v>
      </c>
      <c r="Q39434">
        <v>5</v>
      </c>
      <c r="R39434">
        <v>5</v>
      </c>
      <c r="S39434">
        <v>5</v>
      </c>
      <c r="T39434">
        <v>5</v>
      </c>
      <c r="U39434">
        <v>5</v>
      </c>
      <c r="V39434">
        <v>5</v>
      </c>
      <c r="W39434">
        <v>6</v>
      </c>
      <c r="X39434">
        <v>6</v>
      </c>
      <c r="Y39434">
        <v>6</v>
      </c>
      <c r="Z39434">
        <v>6</v>
      </c>
      <c r="AA39434">
        <v>6</v>
      </c>
      <c r="AB39434">
        <v>6</v>
      </c>
      <c r="AC39434">
        <v>6</v>
      </c>
      <c r="AD39434">
        <v>6</v>
      </c>
      <c r="AE39434">
        <v>6</v>
      </c>
      <c r="AF39434">
        <v>6</v>
      </c>
      <c r="AG39434">
        <v>6</v>
      </c>
      <c r="AH39434">
        <v>6</v>
      </c>
      <c r="AI39434">
        <v>6</v>
      </c>
      <c r="AJ39434">
        <v>7</v>
      </c>
      <c r="AK39434">
        <v>7</v>
      </c>
      <c r="AL39434">
        <v>7</v>
      </c>
      <c r="AM39434">
        <v>7</v>
      </c>
      <c r="AN39434">
        <v>7</v>
      </c>
      <c r="AO39434">
        <v>7</v>
      </c>
      <c r="AP39434">
        <v>7</v>
      </c>
      <c r="AQ39434">
        <v>7</v>
      </c>
    </row>
    <row r="39435" spans="1:43">
      <c r="A39435" t="s">
        <v>24459</v>
      </c>
      <c r="B39435" t="s">
        <v>24460</v>
      </c>
      <c r="C39435" t="s">
        <v>24411</v>
      </c>
      <c r="D39435" t="s">
        <v>24412</v>
      </c>
      <c r="E39435" t="s">
        <v>24327</v>
      </c>
      <c r="F39435" t="s">
        <v>24328</v>
      </c>
      <c r="G39435" t="s">
        <v>11612</v>
      </c>
      <c r="H39435" t="s">
        <v>11613</v>
      </c>
      <c r="I39435" s="2">
        <v>0</v>
      </c>
      <c r="J39435" s="2">
        <v>0</v>
      </c>
      <c r="K39435" s="2">
        <v>1</v>
      </c>
      <c r="L39435" t="s">
        <v>995</v>
      </c>
      <c r="M39435" t="s">
        <v>87</v>
      </c>
      <c r="N39435" t="s">
        <v>88</v>
      </c>
      <c r="O39435" t="s">
        <v>85</v>
      </c>
      <c r="P39435" t="s">
        <v>86</v>
      </c>
      <c r="Q39435">
        <v>5</v>
      </c>
      <c r="R39435">
        <v>5</v>
      </c>
      <c r="S39435">
        <v>5</v>
      </c>
      <c r="T39435">
        <v>5</v>
      </c>
      <c r="U39435">
        <v>5</v>
      </c>
      <c r="V39435">
        <v>5</v>
      </c>
      <c r="W39435">
        <v>5</v>
      </c>
      <c r="X39435">
        <v>5</v>
      </c>
      <c r="Y39435">
        <v>5</v>
      </c>
      <c r="Z39435">
        <v>5</v>
      </c>
      <c r="AA39435">
        <v>5</v>
      </c>
      <c r="AB39435">
        <v>5</v>
      </c>
      <c r="AC39435">
        <v>5</v>
      </c>
      <c r="AD39435">
        <v>5</v>
      </c>
      <c r="AE39435">
        <v>5</v>
      </c>
      <c r="AF39435">
        <v>6</v>
      </c>
      <c r="AG39435">
        <v>6</v>
      </c>
      <c r="AH39435">
        <v>6</v>
      </c>
      <c r="AI39435">
        <v>6</v>
      </c>
      <c r="AJ39435">
        <v>6</v>
      </c>
      <c r="AK39435">
        <v>6</v>
      </c>
      <c r="AL39435">
        <v>6</v>
      </c>
      <c r="AM39435">
        <v>6</v>
      </c>
      <c r="AN39435">
        <v>6</v>
      </c>
      <c r="AO39435">
        <v>6</v>
      </c>
      <c r="AP39435">
        <v>6</v>
      </c>
      <c r="AQ39435">
        <v>6</v>
      </c>
    </row>
    <row r="39436" spans="1:43">
      <c r="A39436" t="s">
        <v>24459</v>
      </c>
      <c r="B39436" t="s">
        <v>24460</v>
      </c>
      <c r="C39436" t="s">
        <v>24411</v>
      </c>
      <c r="D39436" t="s">
        <v>24412</v>
      </c>
      <c r="E39436" t="s">
        <v>24327</v>
      </c>
      <c r="F39436" t="s">
        <v>24328</v>
      </c>
      <c r="G39436" t="s">
        <v>11612</v>
      </c>
      <c r="H39436" t="s">
        <v>11613</v>
      </c>
      <c r="I39436" s="2">
        <v>0</v>
      </c>
      <c r="J39436" s="2">
        <v>0</v>
      </c>
      <c r="K39436" s="2">
        <v>1</v>
      </c>
      <c r="L39436" t="s">
        <v>995</v>
      </c>
      <c r="M39436" t="s">
        <v>89</v>
      </c>
      <c r="N39436" t="s">
        <v>90</v>
      </c>
      <c r="O39436" t="s">
        <v>85</v>
      </c>
      <c r="P39436" t="s">
        <v>86</v>
      </c>
      <c r="Q39436">
        <v>5</v>
      </c>
      <c r="R39436">
        <v>5</v>
      </c>
      <c r="S39436">
        <v>5</v>
      </c>
      <c r="T39436">
        <v>6</v>
      </c>
      <c r="U39436">
        <v>6</v>
      </c>
      <c r="V39436">
        <v>6</v>
      </c>
      <c r="W39436">
        <v>6</v>
      </c>
      <c r="X39436">
        <v>6</v>
      </c>
      <c r="Y39436">
        <v>6</v>
      </c>
      <c r="Z39436">
        <v>6</v>
      </c>
      <c r="AA39436">
        <v>6</v>
      </c>
      <c r="AB39436">
        <v>6</v>
      </c>
      <c r="AC39436">
        <v>6</v>
      </c>
      <c r="AD39436">
        <v>7</v>
      </c>
      <c r="AE39436">
        <v>7</v>
      </c>
      <c r="AF39436">
        <v>7</v>
      </c>
      <c r="AG39436">
        <v>7</v>
      </c>
      <c r="AH39436">
        <v>7</v>
      </c>
      <c r="AI39436">
        <v>7</v>
      </c>
      <c r="AJ39436">
        <v>7</v>
      </c>
      <c r="AK39436">
        <v>7</v>
      </c>
      <c r="AL39436">
        <v>7</v>
      </c>
      <c r="AM39436">
        <v>7</v>
      </c>
      <c r="AN39436">
        <v>7</v>
      </c>
      <c r="AO39436">
        <v>7</v>
      </c>
      <c r="AP39436">
        <v>7</v>
      </c>
      <c r="AQ39436">
        <v>7</v>
      </c>
    </row>
    <row r="39437" spans="1:43">
      <c r="A39437" t="s">
        <v>24459</v>
      </c>
      <c r="B39437" t="s">
        <v>24460</v>
      </c>
      <c r="C39437" t="s">
        <v>24411</v>
      </c>
      <c r="D39437" t="s">
        <v>24412</v>
      </c>
      <c r="E39437" t="s">
        <v>24327</v>
      </c>
      <c r="F39437" t="s">
        <v>24328</v>
      </c>
      <c r="G39437" t="s">
        <v>11612</v>
      </c>
      <c r="H39437" t="s">
        <v>11613</v>
      </c>
      <c r="I39437" s="2">
        <v>0</v>
      </c>
      <c r="J39437" s="2">
        <v>0</v>
      </c>
      <c r="K39437" s="2">
        <v>1</v>
      </c>
      <c r="L39437" t="s">
        <v>995</v>
      </c>
      <c r="M39437" t="s">
        <v>83</v>
      </c>
      <c r="N39437" t="s">
        <v>91</v>
      </c>
      <c r="O39437" t="s">
        <v>85</v>
      </c>
      <c r="P39437" t="s">
        <v>86</v>
      </c>
      <c r="Q39437">
        <v>5</v>
      </c>
      <c r="R39437">
        <v>5</v>
      </c>
      <c r="S39437">
        <v>5</v>
      </c>
      <c r="T39437">
        <v>5</v>
      </c>
      <c r="U39437">
        <v>5</v>
      </c>
      <c r="V39437">
        <v>5</v>
      </c>
      <c r="W39437">
        <v>6</v>
      </c>
      <c r="X39437">
        <v>6</v>
      </c>
      <c r="Y39437">
        <v>6</v>
      </c>
      <c r="Z39437">
        <v>6</v>
      </c>
      <c r="AA39437">
        <v>6</v>
      </c>
      <c r="AB39437">
        <v>6</v>
      </c>
      <c r="AC39437">
        <v>6</v>
      </c>
      <c r="AD39437">
        <v>6</v>
      </c>
      <c r="AE39437">
        <v>6</v>
      </c>
      <c r="AF39437">
        <v>6</v>
      </c>
      <c r="AG39437">
        <v>6</v>
      </c>
      <c r="AH39437">
        <v>6</v>
      </c>
      <c r="AI39437">
        <v>6</v>
      </c>
      <c r="AJ39437">
        <v>7</v>
      </c>
      <c r="AK39437">
        <v>7</v>
      </c>
      <c r="AL39437">
        <v>7</v>
      </c>
      <c r="AM39437">
        <v>7</v>
      </c>
      <c r="AN39437">
        <v>7</v>
      </c>
      <c r="AO39437">
        <v>7</v>
      </c>
      <c r="AP39437">
        <v>7</v>
      </c>
      <c r="AQ39437">
        <v>7</v>
      </c>
    </row>
    <row r="39438" spans="1:43">
      <c r="A39438" t="s">
        <v>24461</v>
      </c>
      <c r="B39438" t="s">
        <v>24462</v>
      </c>
      <c r="C39438" t="s">
        <v>24411</v>
      </c>
      <c r="D39438" t="s">
        <v>24412</v>
      </c>
      <c r="E39438" t="s">
        <v>24327</v>
      </c>
      <c r="F39438" t="s">
        <v>24328</v>
      </c>
      <c r="G39438" t="s">
        <v>11612</v>
      </c>
      <c r="H39438" t="s">
        <v>11613</v>
      </c>
      <c r="I39438" s="2">
        <v>0</v>
      </c>
      <c r="J39438" s="2">
        <v>0</v>
      </c>
      <c r="K39438" s="2">
        <v>1</v>
      </c>
      <c r="L39438" t="s">
        <v>995</v>
      </c>
      <c r="M39438" t="s">
        <v>83</v>
      </c>
      <c r="N39438" t="s">
        <v>84</v>
      </c>
      <c r="O39438" t="s">
        <v>85</v>
      </c>
      <c r="P39438" t="s">
        <v>86</v>
      </c>
      <c r="Q39438">
        <v>15</v>
      </c>
      <c r="R39438">
        <v>15</v>
      </c>
      <c r="S39438">
        <v>15</v>
      </c>
      <c r="T39438">
        <v>15</v>
      </c>
      <c r="U39438">
        <v>15</v>
      </c>
      <c r="V39438">
        <v>16</v>
      </c>
      <c r="W39438">
        <v>16</v>
      </c>
      <c r="X39438">
        <v>16</v>
      </c>
      <c r="Y39438">
        <v>16</v>
      </c>
      <c r="Z39438">
        <v>17</v>
      </c>
      <c r="AA39438">
        <v>17</v>
      </c>
      <c r="AB39438">
        <v>17</v>
      </c>
      <c r="AC39438">
        <v>17</v>
      </c>
      <c r="AD39438">
        <v>17</v>
      </c>
      <c r="AE39438">
        <v>18</v>
      </c>
      <c r="AF39438">
        <v>18</v>
      </c>
      <c r="AG39438">
        <v>18</v>
      </c>
      <c r="AH39438">
        <v>18</v>
      </c>
      <c r="AI39438">
        <v>19</v>
      </c>
      <c r="AJ39438">
        <v>19</v>
      </c>
      <c r="AK39438">
        <v>19</v>
      </c>
      <c r="AL39438">
        <v>19</v>
      </c>
      <c r="AM39438">
        <v>19</v>
      </c>
      <c r="AN39438">
        <v>19</v>
      </c>
      <c r="AO39438">
        <v>20</v>
      </c>
      <c r="AP39438">
        <v>20</v>
      </c>
      <c r="AQ39438">
        <v>20</v>
      </c>
    </row>
    <row r="39439" spans="1:43">
      <c r="A39439" t="s">
        <v>24461</v>
      </c>
      <c r="B39439" t="s">
        <v>24462</v>
      </c>
      <c r="C39439" t="s">
        <v>24411</v>
      </c>
      <c r="D39439" t="s">
        <v>24412</v>
      </c>
      <c r="E39439" t="s">
        <v>24327</v>
      </c>
      <c r="F39439" t="s">
        <v>24328</v>
      </c>
      <c r="G39439" t="s">
        <v>11612</v>
      </c>
      <c r="H39439" t="s">
        <v>11613</v>
      </c>
      <c r="I39439" s="2">
        <v>0</v>
      </c>
      <c r="J39439" s="2">
        <v>0</v>
      </c>
      <c r="K39439" s="2">
        <v>1</v>
      </c>
      <c r="L39439" t="s">
        <v>995</v>
      </c>
      <c r="M39439" t="s">
        <v>87</v>
      </c>
      <c r="N39439" t="s">
        <v>88</v>
      </c>
      <c r="O39439" t="s">
        <v>85</v>
      </c>
      <c r="P39439" t="s">
        <v>86</v>
      </c>
      <c r="Q39439">
        <v>15</v>
      </c>
      <c r="R39439">
        <v>16</v>
      </c>
      <c r="S39439">
        <v>16</v>
      </c>
      <c r="T39439">
        <v>16</v>
      </c>
      <c r="U39439">
        <v>16</v>
      </c>
      <c r="V39439">
        <v>16</v>
      </c>
      <c r="W39439">
        <v>16</v>
      </c>
      <c r="X39439">
        <v>16</v>
      </c>
      <c r="Y39439">
        <v>16</v>
      </c>
      <c r="Z39439">
        <v>16</v>
      </c>
      <c r="AA39439">
        <v>16</v>
      </c>
      <c r="AB39439">
        <v>16</v>
      </c>
      <c r="AC39439">
        <v>16</v>
      </c>
      <c r="AD39439">
        <v>17</v>
      </c>
      <c r="AE39439">
        <v>17</v>
      </c>
      <c r="AF39439">
        <v>17</v>
      </c>
      <c r="AG39439">
        <v>17</v>
      </c>
      <c r="AH39439">
        <v>17</v>
      </c>
      <c r="AI39439">
        <v>17</v>
      </c>
      <c r="AJ39439">
        <v>17</v>
      </c>
      <c r="AK39439">
        <v>17</v>
      </c>
      <c r="AL39439">
        <v>17</v>
      </c>
      <c r="AM39439">
        <v>18</v>
      </c>
      <c r="AN39439">
        <v>18</v>
      </c>
      <c r="AO39439">
        <v>18</v>
      </c>
      <c r="AP39439">
        <v>18</v>
      </c>
      <c r="AQ39439">
        <v>18</v>
      </c>
    </row>
    <row r="39440" spans="1:43">
      <c r="A39440" t="s">
        <v>24461</v>
      </c>
      <c r="B39440" t="s">
        <v>24462</v>
      </c>
      <c r="C39440" t="s">
        <v>24411</v>
      </c>
      <c r="D39440" t="s">
        <v>24412</v>
      </c>
      <c r="E39440" t="s">
        <v>24327</v>
      </c>
      <c r="F39440" t="s">
        <v>24328</v>
      </c>
      <c r="G39440" t="s">
        <v>11612</v>
      </c>
      <c r="H39440" t="s">
        <v>11613</v>
      </c>
      <c r="I39440" s="2">
        <v>0</v>
      </c>
      <c r="J39440" s="2">
        <v>0</v>
      </c>
      <c r="K39440" s="2">
        <v>1</v>
      </c>
      <c r="L39440" t="s">
        <v>995</v>
      </c>
      <c r="M39440" t="s">
        <v>89</v>
      </c>
      <c r="N39440" t="s">
        <v>90</v>
      </c>
      <c r="O39440" t="s">
        <v>85</v>
      </c>
      <c r="P39440" t="s">
        <v>86</v>
      </c>
      <c r="Q39440">
        <v>15</v>
      </c>
      <c r="R39440">
        <v>15</v>
      </c>
      <c r="S39440">
        <v>15</v>
      </c>
      <c r="T39440">
        <v>16</v>
      </c>
      <c r="U39440">
        <v>16</v>
      </c>
      <c r="V39440">
        <v>16</v>
      </c>
      <c r="W39440">
        <v>17</v>
      </c>
      <c r="X39440">
        <v>17</v>
      </c>
      <c r="Y39440">
        <v>17</v>
      </c>
      <c r="Z39440">
        <v>18</v>
      </c>
      <c r="AA39440">
        <v>18</v>
      </c>
      <c r="AB39440">
        <v>18</v>
      </c>
      <c r="AC39440">
        <v>18</v>
      </c>
      <c r="AD39440">
        <v>19</v>
      </c>
      <c r="AE39440">
        <v>19</v>
      </c>
      <c r="AF39440">
        <v>19</v>
      </c>
      <c r="AG39440">
        <v>19</v>
      </c>
      <c r="AH39440">
        <v>19</v>
      </c>
      <c r="AI39440">
        <v>19</v>
      </c>
      <c r="AJ39440">
        <v>19</v>
      </c>
      <c r="AK39440">
        <v>19</v>
      </c>
      <c r="AL39440">
        <v>19</v>
      </c>
      <c r="AM39440">
        <v>20</v>
      </c>
      <c r="AN39440">
        <v>20</v>
      </c>
      <c r="AO39440">
        <v>20</v>
      </c>
      <c r="AP39440">
        <v>20</v>
      </c>
      <c r="AQ39440">
        <v>20</v>
      </c>
    </row>
    <row r="39441" spans="1:43">
      <c r="A39441" t="s">
        <v>24461</v>
      </c>
      <c r="B39441" t="s">
        <v>24462</v>
      </c>
      <c r="C39441" t="s">
        <v>24411</v>
      </c>
      <c r="D39441" t="s">
        <v>24412</v>
      </c>
      <c r="E39441" t="s">
        <v>24327</v>
      </c>
      <c r="F39441" t="s">
        <v>24328</v>
      </c>
      <c r="G39441" t="s">
        <v>11612</v>
      </c>
      <c r="H39441" t="s">
        <v>11613</v>
      </c>
      <c r="I39441" s="2">
        <v>0</v>
      </c>
      <c r="J39441" s="2">
        <v>0</v>
      </c>
      <c r="K39441" s="2">
        <v>1</v>
      </c>
      <c r="L39441" t="s">
        <v>995</v>
      </c>
      <c r="M39441" t="s">
        <v>83</v>
      </c>
      <c r="N39441" t="s">
        <v>91</v>
      </c>
      <c r="O39441" t="s">
        <v>85</v>
      </c>
      <c r="P39441" t="s">
        <v>86</v>
      </c>
      <c r="Q39441">
        <v>15</v>
      </c>
      <c r="R39441">
        <v>15</v>
      </c>
      <c r="S39441">
        <v>15</v>
      </c>
      <c r="T39441">
        <v>15</v>
      </c>
      <c r="U39441">
        <v>15</v>
      </c>
      <c r="V39441">
        <v>16</v>
      </c>
      <c r="W39441">
        <v>16</v>
      </c>
      <c r="X39441">
        <v>16</v>
      </c>
      <c r="Y39441">
        <v>16</v>
      </c>
      <c r="Z39441">
        <v>17</v>
      </c>
      <c r="AA39441">
        <v>17</v>
      </c>
      <c r="AB39441">
        <v>17</v>
      </c>
      <c r="AC39441">
        <v>17</v>
      </c>
      <c r="AD39441">
        <v>17</v>
      </c>
      <c r="AE39441">
        <v>18</v>
      </c>
      <c r="AF39441">
        <v>18</v>
      </c>
      <c r="AG39441">
        <v>18</v>
      </c>
      <c r="AH39441">
        <v>18</v>
      </c>
      <c r="AI39441">
        <v>19</v>
      </c>
      <c r="AJ39441">
        <v>19</v>
      </c>
      <c r="AK39441">
        <v>19</v>
      </c>
      <c r="AL39441">
        <v>19</v>
      </c>
      <c r="AM39441">
        <v>19</v>
      </c>
      <c r="AN39441">
        <v>19</v>
      </c>
      <c r="AO39441">
        <v>20</v>
      </c>
      <c r="AP39441">
        <v>20</v>
      </c>
      <c r="AQ39441">
        <v>20</v>
      </c>
    </row>
    <row r="39442" spans="1:43">
      <c r="A39442" t="s">
        <v>24463</v>
      </c>
      <c r="B39442" t="s">
        <v>24464</v>
      </c>
      <c r="C39442" t="s">
        <v>24465</v>
      </c>
      <c r="D39442" t="s">
        <v>24466</v>
      </c>
      <c r="E39442" t="s">
        <v>24327</v>
      </c>
      <c r="F39442" t="s">
        <v>24328</v>
      </c>
      <c r="G39442" t="s">
        <v>11612</v>
      </c>
      <c r="H39442" t="s">
        <v>11613</v>
      </c>
      <c r="I39442" s="2">
        <v>0</v>
      </c>
      <c r="J39442" s="2">
        <v>0</v>
      </c>
      <c r="K39442" s="2">
        <v>1</v>
      </c>
      <c r="L39442" t="s">
        <v>995</v>
      </c>
      <c r="M39442" t="s">
        <v>83</v>
      </c>
      <c r="N39442" t="s">
        <v>84</v>
      </c>
      <c r="O39442" t="s">
        <v>85</v>
      </c>
      <c r="P39442" t="s">
        <v>86</v>
      </c>
      <c r="Q39442">
        <v>120</v>
      </c>
      <c r="R39442">
        <v>121</v>
      </c>
      <c r="S39442">
        <v>124</v>
      </c>
      <c r="T39442">
        <v>125</v>
      </c>
      <c r="U39442">
        <v>127</v>
      </c>
      <c r="V39442">
        <v>129</v>
      </c>
      <c r="W39442">
        <v>131</v>
      </c>
      <c r="X39442">
        <v>132</v>
      </c>
      <c r="Y39442">
        <v>134</v>
      </c>
      <c r="Z39442">
        <v>136</v>
      </c>
      <c r="AA39442">
        <v>138</v>
      </c>
      <c r="AB39442">
        <v>140</v>
      </c>
      <c r="AC39442">
        <v>142</v>
      </c>
      <c r="AD39442">
        <v>143</v>
      </c>
      <c r="AE39442">
        <v>145</v>
      </c>
      <c r="AF39442">
        <v>147</v>
      </c>
      <c r="AG39442">
        <v>149</v>
      </c>
      <c r="AH39442">
        <v>151</v>
      </c>
      <c r="AI39442">
        <v>153</v>
      </c>
      <c r="AJ39442">
        <v>155</v>
      </c>
      <c r="AK39442">
        <v>157</v>
      </c>
      <c r="AL39442">
        <v>158</v>
      </c>
      <c r="AM39442">
        <v>159</v>
      </c>
      <c r="AN39442">
        <v>159</v>
      </c>
      <c r="AO39442">
        <v>160</v>
      </c>
      <c r="AP39442">
        <v>161</v>
      </c>
      <c r="AQ39442">
        <v>162</v>
      </c>
    </row>
    <row r="39443" spans="1:43">
      <c r="A39443" t="s">
        <v>24463</v>
      </c>
      <c r="B39443" t="s">
        <v>24464</v>
      </c>
      <c r="C39443" t="s">
        <v>24465</v>
      </c>
      <c r="D39443" t="s">
        <v>24466</v>
      </c>
      <c r="E39443" t="s">
        <v>24327</v>
      </c>
      <c r="F39443" t="s">
        <v>24328</v>
      </c>
      <c r="G39443" t="s">
        <v>11612</v>
      </c>
      <c r="H39443" t="s">
        <v>11613</v>
      </c>
      <c r="I39443" s="2">
        <v>0</v>
      </c>
      <c r="J39443" s="2">
        <v>0</v>
      </c>
      <c r="K39443" s="2">
        <v>1</v>
      </c>
      <c r="L39443" t="s">
        <v>995</v>
      </c>
      <c r="M39443" t="s">
        <v>87</v>
      </c>
      <c r="N39443" t="s">
        <v>88</v>
      </c>
      <c r="O39443" t="s">
        <v>85</v>
      </c>
      <c r="P39443" t="s">
        <v>86</v>
      </c>
      <c r="Q39443">
        <v>120</v>
      </c>
      <c r="R39443">
        <v>121</v>
      </c>
      <c r="S39443">
        <v>122</v>
      </c>
      <c r="T39443">
        <v>123</v>
      </c>
      <c r="U39443">
        <v>124</v>
      </c>
      <c r="V39443">
        <v>124</v>
      </c>
      <c r="W39443">
        <v>125</v>
      </c>
      <c r="X39443">
        <v>125</v>
      </c>
      <c r="Y39443">
        <v>126</v>
      </c>
      <c r="Z39443">
        <v>127</v>
      </c>
      <c r="AA39443">
        <v>128</v>
      </c>
      <c r="AB39443">
        <v>128</v>
      </c>
      <c r="AC39443">
        <v>129</v>
      </c>
      <c r="AD39443">
        <v>130</v>
      </c>
      <c r="AE39443">
        <v>131</v>
      </c>
      <c r="AF39443">
        <v>132</v>
      </c>
      <c r="AG39443">
        <v>133</v>
      </c>
      <c r="AH39443">
        <v>133</v>
      </c>
      <c r="AI39443">
        <v>134</v>
      </c>
      <c r="AJ39443">
        <v>135</v>
      </c>
      <c r="AK39443">
        <v>136</v>
      </c>
      <c r="AL39443">
        <v>137</v>
      </c>
      <c r="AM39443">
        <v>138</v>
      </c>
      <c r="AN39443">
        <v>140</v>
      </c>
      <c r="AO39443">
        <v>141</v>
      </c>
      <c r="AP39443">
        <v>142</v>
      </c>
      <c r="AQ39443">
        <v>143</v>
      </c>
    </row>
    <row r="39444" spans="1:43">
      <c r="A39444" t="s">
        <v>24463</v>
      </c>
      <c r="B39444" t="s">
        <v>24464</v>
      </c>
      <c r="C39444" t="s">
        <v>24465</v>
      </c>
      <c r="D39444" t="s">
        <v>24466</v>
      </c>
      <c r="E39444" t="s">
        <v>24327</v>
      </c>
      <c r="F39444" t="s">
        <v>24328</v>
      </c>
      <c r="G39444" t="s">
        <v>11612</v>
      </c>
      <c r="H39444" t="s">
        <v>11613</v>
      </c>
      <c r="I39444" s="2">
        <v>0</v>
      </c>
      <c r="J39444" s="2">
        <v>0</v>
      </c>
      <c r="K39444" s="2">
        <v>1</v>
      </c>
      <c r="L39444" t="s">
        <v>995</v>
      </c>
      <c r="M39444" t="s">
        <v>89</v>
      </c>
      <c r="N39444" t="s">
        <v>90</v>
      </c>
      <c r="O39444" t="s">
        <v>85</v>
      </c>
      <c r="P39444" t="s">
        <v>86</v>
      </c>
      <c r="Q39444">
        <v>120</v>
      </c>
      <c r="R39444">
        <v>123</v>
      </c>
      <c r="S39444">
        <v>126</v>
      </c>
      <c r="T39444">
        <v>128</v>
      </c>
      <c r="U39444">
        <v>131</v>
      </c>
      <c r="V39444">
        <v>134</v>
      </c>
      <c r="W39444">
        <v>136</v>
      </c>
      <c r="X39444">
        <v>139</v>
      </c>
      <c r="Y39444">
        <v>141</v>
      </c>
      <c r="Z39444">
        <v>143</v>
      </c>
      <c r="AA39444">
        <v>146</v>
      </c>
      <c r="AB39444">
        <v>148</v>
      </c>
      <c r="AC39444">
        <v>150</v>
      </c>
      <c r="AD39444">
        <v>152</v>
      </c>
      <c r="AE39444">
        <v>154</v>
      </c>
      <c r="AF39444">
        <v>155</v>
      </c>
      <c r="AG39444">
        <v>155</v>
      </c>
      <c r="AH39444">
        <v>156</v>
      </c>
      <c r="AI39444">
        <v>157</v>
      </c>
      <c r="AJ39444">
        <v>157</v>
      </c>
      <c r="AK39444">
        <v>158</v>
      </c>
      <c r="AL39444">
        <v>159</v>
      </c>
      <c r="AM39444">
        <v>160</v>
      </c>
      <c r="AN39444">
        <v>161</v>
      </c>
      <c r="AO39444">
        <v>161</v>
      </c>
      <c r="AP39444">
        <v>162</v>
      </c>
      <c r="AQ39444">
        <v>163</v>
      </c>
    </row>
    <row r="39445" spans="1:43">
      <c r="A39445" t="s">
        <v>24463</v>
      </c>
      <c r="B39445" t="s">
        <v>24464</v>
      </c>
      <c r="C39445" t="s">
        <v>24465</v>
      </c>
      <c r="D39445" t="s">
        <v>24466</v>
      </c>
      <c r="E39445" t="s">
        <v>24327</v>
      </c>
      <c r="F39445" t="s">
        <v>24328</v>
      </c>
      <c r="G39445" t="s">
        <v>11612</v>
      </c>
      <c r="H39445" t="s">
        <v>11613</v>
      </c>
      <c r="I39445" s="2">
        <v>0</v>
      </c>
      <c r="J39445" s="2">
        <v>0</v>
      </c>
      <c r="K39445" s="2">
        <v>1</v>
      </c>
      <c r="L39445" t="s">
        <v>995</v>
      </c>
      <c r="M39445" t="s">
        <v>83</v>
      </c>
      <c r="N39445" t="s">
        <v>91</v>
      </c>
      <c r="O39445" t="s">
        <v>85</v>
      </c>
      <c r="P39445" t="s">
        <v>86</v>
      </c>
      <c r="Q39445">
        <v>120</v>
      </c>
      <c r="R39445">
        <v>121</v>
      </c>
      <c r="S39445">
        <v>124</v>
      </c>
      <c r="T39445">
        <v>125</v>
      </c>
      <c r="U39445">
        <v>127</v>
      </c>
      <c r="V39445">
        <v>129</v>
      </c>
      <c r="W39445">
        <v>131</v>
      </c>
      <c r="X39445">
        <v>132</v>
      </c>
      <c r="Y39445">
        <v>134</v>
      </c>
      <c r="Z39445">
        <v>136</v>
      </c>
      <c r="AA39445">
        <v>138</v>
      </c>
      <c r="AB39445">
        <v>140</v>
      </c>
      <c r="AC39445">
        <v>142</v>
      </c>
      <c r="AD39445">
        <v>143</v>
      </c>
      <c r="AE39445">
        <v>145</v>
      </c>
      <c r="AF39445">
        <v>147</v>
      </c>
      <c r="AG39445">
        <v>149</v>
      </c>
      <c r="AH39445">
        <v>151</v>
      </c>
      <c r="AI39445">
        <v>153</v>
      </c>
      <c r="AJ39445">
        <v>155</v>
      </c>
      <c r="AK39445">
        <v>157</v>
      </c>
      <c r="AL39445">
        <v>158</v>
      </c>
      <c r="AM39445">
        <v>159</v>
      </c>
      <c r="AN39445">
        <v>159</v>
      </c>
      <c r="AO39445">
        <v>160</v>
      </c>
      <c r="AP39445">
        <v>161</v>
      </c>
      <c r="AQ39445">
        <v>162</v>
      </c>
    </row>
    <row r="39446" spans="1:43">
      <c r="A39446" t="s">
        <v>24467</v>
      </c>
      <c r="B39446" t="s">
        <v>24468</v>
      </c>
      <c r="C39446" t="s">
        <v>24469</v>
      </c>
      <c r="D39446" t="s">
        <v>24470</v>
      </c>
      <c r="E39446" t="s">
        <v>24327</v>
      </c>
      <c r="F39446" t="s">
        <v>24328</v>
      </c>
      <c r="G39446" t="s">
        <v>11612</v>
      </c>
      <c r="H39446" t="s">
        <v>11613</v>
      </c>
      <c r="I39446" s="2">
        <v>0</v>
      </c>
      <c r="J39446" s="2">
        <v>0</v>
      </c>
      <c r="K39446" s="2">
        <v>1</v>
      </c>
      <c r="L39446" t="s">
        <v>995</v>
      </c>
      <c r="M39446" t="s">
        <v>83</v>
      </c>
      <c r="N39446" t="s">
        <v>84</v>
      </c>
      <c r="O39446" t="s">
        <v>85</v>
      </c>
      <c r="P39446" t="s">
        <v>86</v>
      </c>
      <c r="Q39446">
        <v>19</v>
      </c>
      <c r="R39446">
        <v>19</v>
      </c>
      <c r="S39446">
        <v>19</v>
      </c>
      <c r="T39446">
        <v>20</v>
      </c>
      <c r="U39446">
        <v>20</v>
      </c>
      <c r="V39446">
        <v>20</v>
      </c>
      <c r="W39446">
        <v>20</v>
      </c>
      <c r="X39446">
        <v>21</v>
      </c>
      <c r="Y39446">
        <v>21</v>
      </c>
      <c r="Z39446">
        <v>21</v>
      </c>
      <c r="AA39446">
        <v>21</v>
      </c>
      <c r="AB39446">
        <v>22</v>
      </c>
      <c r="AC39446">
        <v>22</v>
      </c>
      <c r="AD39446">
        <v>22</v>
      </c>
      <c r="AE39446">
        <v>22</v>
      </c>
      <c r="AF39446">
        <v>23</v>
      </c>
      <c r="AG39446">
        <v>23</v>
      </c>
      <c r="AH39446">
        <v>23</v>
      </c>
      <c r="AI39446">
        <v>24</v>
      </c>
      <c r="AJ39446">
        <v>24</v>
      </c>
      <c r="AK39446">
        <v>24</v>
      </c>
      <c r="AL39446">
        <v>24</v>
      </c>
      <c r="AM39446">
        <v>25</v>
      </c>
      <c r="AN39446">
        <v>25</v>
      </c>
      <c r="AO39446">
        <v>25</v>
      </c>
      <c r="AP39446">
        <v>25</v>
      </c>
      <c r="AQ39446">
        <v>25</v>
      </c>
    </row>
    <row r="39447" spans="1:43">
      <c r="A39447" t="s">
        <v>24467</v>
      </c>
      <c r="B39447" t="s">
        <v>24468</v>
      </c>
      <c r="C39447" t="s">
        <v>24469</v>
      </c>
      <c r="D39447" t="s">
        <v>24470</v>
      </c>
      <c r="E39447" t="s">
        <v>24327</v>
      </c>
      <c r="F39447" t="s">
        <v>24328</v>
      </c>
      <c r="G39447" t="s">
        <v>11612</v>
      </c>
      <c r="H39447" t="s">
        <v>11613</v>
      </c>
      <c r="I39447" s="2">
        <v>0</v>
      </c>
      <c r="J39447" s="2">
        <v>0</v>
      </c>
      <c r="K39447" s="2">
        <v>1</v>
      </c>
      <c r="L39447" t="s">
        <v>995</v>
      </c>
      <c r="M39447" t="s">
        <v>87</v>
      </c>
      <c r="N39447" t="s">
        <v>88</v>
      </c>
      <c r="O39447" t="s">
        <v>85</v>
      </c>
      <c r="P39447" t="s">
        <v>86</v>
      </c>
      <c r="Q39447">
        <v>19</v>
      </c>
      <c r="R39447">
        <v>20</v>
      </c>
      <c r="S39447">
        <v>20</v>
      </c>
      <c r="T39447">
        <v>20</v>
      </c>
      <c r="U39447">
        <v>20</v>
      </c>
      <c r="V39447">
        <v>20</v>
      </c>
      <c r="W39447">
        <v>20</v>
      </c>
      <c r="X39447">
        <v>20</v>
      </c>
      <c r="Y39447">
        <v>20</v>
      </c>
      <c r="Z39447">
        <v>20</v>
      </c>
      <c r="AA39447">
        <v>20</v>
      </c>
      <c r="AB39447">
        <v>21</v>
      </c>
      <c r="AC39447">
        <v>21</v>
      </c>
      <c r="AD39447">
        <v>21</v>
      </c>
      <c r="AE39447">
        <v>21</v>
      </c>
      <c r="AF39447">
        <v>21</v>
      </c>
      <c r="AG39447">
        <v>21</v>
      </c>
      <c r="AH39447">
        <v>21</v>
      </c>
      <c r="AI39447">
        <v>21</v>
      </c>
      <c r="AJ39447">
        <v>22</v>
      </c>
      <c r="AK39447">
        <v>22</v>
      </c>
      <c r="AL39447">
        <v>22</v>
      </c>
      <c r="AM39447">
        <v>22</v>
      </c>
      <c r="AN39447">
        <v>22</v>
      </c>
      <c r="AO39447">
        <v>22</v>
      </c>
      <c r="AP39447">
        <v>23</v>
      </c>
      <c r="AQ39447">
        <v>23</v>
      </c>
    </row>
    <row r="39448" spans="1:43">
      <c r="A39448" t="s">
        <v>24467</v>
      </c>
      <c r="B39448" t="s">
        <v>24468</v>
      </c>
      <c r="C39448" t="s">
        <v>24469</v>
      </c>
      <c r="D39448" t="s">
        <v>24470</v>
      </c>
      <c r="E39448" t="s">
        <v>24327</v>
      </c>
      <c r="F39448" t="s">
        <v>24328</v>
      </c>
      <c r="G39448" t="s">
        <v>11612</v>
      </c>
      <c r="H39448" t="s">
        <v>11613</v>
      </c>
      <c r="I39448" s="2">
        <v>0</v>
      </c>
      <c r="J39448" s="2">
        <v>0</v>
      </c>
      <c r="K39448" s="2">
        <v>1</v>
      </c>
      <c r="L39448" t="s">
        <v>995</v>
      </c>
      <c r="M39448" t="s">
        <v>89</v>
      </c>
      <c r="N39448" t="s">
        <v>90</v>
      </c>
      <c r="O39448" t="s">
        <v>85</v>
      </c>
      <c r="P39448" t="s">
        <v>86</v>
      </c>
      <c r="Q39448">
        <v>19</v>
      </c>
      <c r="R39448">
        <v>19</v>
      </c>
      <c r="S39448">
        <v>20</v>
      </c>
      <c r="T39448">
        <v>20</v>
      </c>
      <c r="U39448">
        <v>21</v>
      </c>
      <c r="V39448">
        <v>21</v>
      </c>
      <c r="W39448">
        <v>21</v>
      </c>
      <c r="X39448">
        <v>22</v>
      </c>
      <c r="Y39448">
        <v>22</v>
      </c>
      <c r="Z39448">
        <v>22</v>
      </c>
      <c r="AA39448">
        <v>23</v>
      </c>
      <c r="AB39448">
        <v>23</v>
      </c>
      <c r="AC39448">
        <v>23</v>
      </c>
      <c r="AD39448">
        <v>24</v>
      </c>
      <c r="AE39448">
        <v>24</v>
      </c>
      <c r="AF39448">
        <v>24</v>
      </c>
      <c r="AG39448">
        <v>24</v>
      </c>
      <c r="AH39448">
        <v>24</v>
      </c>
      <c r="AI39448">
        <v>24</v>
      </c>
      <c r="AJ39448">
        <v>24</v>
      </c>
      <c r="AK39448">
        <v>25</v>
      </c>
      <c r="AL39448">
        <v>25</v>
      </c>
      <c r="AM39448">
        <v>25</v>
      </c>
      <c r="AN39448">
        <v>25</v>
      </c>
      <c r="AO39448">
        <v>25</v>
      </c>
      <c r="AP39448">
        <v>25</v>
      </c>
      <c r="AQ39448">
        <v>25</v>
      </c>
    </row>
    <row r="39449" spans="1:43">
      <c r="A39449" t="s">
        <v>24467</v>
      </c>
      <c r="B39449" t="s">
        <v>24468</v>
      </c>
      <c r="C39449" t="s">
        <v>24469</v>
      </c>
      <c r="D39449" t="s">
        <v>24470</v>
      </c>
      <c r="E39449" t="s">
        <v>24327</v>
      </c>
      <c r="F39449" t="s">
        <v>24328</v>
      </c>
      <c r="G39449" t="s">
        <v>11612</v>
      </c>
      <c r="H39449" t="s">
        <v>11613</v>
      </c>
      <c r="I39449" s="2">
        <v>0</v>
      </c>
      <c r="J39449" s="2">
        <v>0</v>
      </c>
      <c r="K39449" s="2">
        <v>1</v>
      </c>
      <c r="L39449" t="s">
        <v>995</v>
      </c>
      <c r="M39449" t="s">
        <v>83</v>
      </c>
      <c r="N39449" t="s">
        <v>91</v>
      </c>
      <c r="O39449" t="s">
        <v>85</v>
      </c>
      <c r="P39449" t="s">
        <v>86</v>
      </c>
      <c r="Q39449">
        <v>19</v>
      </c>
      <c r="R39449">
        <v>19</v>
      </c>
      <c r="S39449">
        <v>19</v>
      </c>
      <c r="T39449">
        <v>20</v>
      </c>
      <c r="U39449">
        <v>20</v>
      </c>
      <c r="V39449">
        <v>20</v>
      </c>
      <c r="W39449">
        <v>20</v>
      </c>
      <c r="X39449">
        <v>21</v>
      </c>
      <c r="Y39449">
        <v>21</v>
      </c>
      <c r="Z39449">
        <v>21</v>
      </c>
      <c r="AA39449">
        <v>21</v>
      </c>
      <c r="AB39449">
        <v>22</v>
      </c>
      <c r="AC39449">
        <v>22</v>
      </c>
      <c r="AD39449">
        <v>22</v>
      </c>
      <c r="AE39449">
        <v>22</v>
      </c>
      <c r="AF39449">
        <v>23</v>
      </c>
      <c r="AG39449">
        <v>23</v>
      </c>
      <c r="AH39449">
        <v>23</v>
      </c>
      <c r="AI39449">
        <v>24</v>
      </c>
      <c r="AJ39449">
        <v>24</v>
      </c>
      <c r="AK39449">
        <v>24</v>
      </c>
      <c r="AL39449">
        <v>24</v>
      </c>
      <c r="AM39449">
        <v>25</v>
      </c>
      <c r="AN39449">
        <v>25</v>
      </c>
      <c r="AO39449">
        <v>25</v>
      </c>
      <c r="AP39449">
        <v>25</v>
      </c>
      <c r="AQ39449">
        <v>25</v>
      </c>
    </row>
    <row r="39450" spans="1:43">
      <c r="A39450" t="s">
        <v>24471</v>
      </c>
      <c r="B39450" t="s">
        <v>24472</v>
      </c>
      <c r="C39450" t="s">
        <v>24469</v>
      </c>
      <c r="D39450" t="s">
        <v>24470</v>
      </c>
      <c r="E39450" t="s">
        <v>24327</v>
      </c>
      <c r="F39450" t="s">
        <v>24328</v>
      </c>
      <c r="G39450" t="s">
        <v>11612</v>
      </c>
      <c r="H39450" t="s">
        <v>11613</v>
      </c>
      <c r="I39450" s="2">
        <v>0</v>
      </c>
      <c r="J39450" s="2">
        <v>0</v>
      </c>
      <c r="K39450" s="2">
        <v>1</v>
      </c>
      <c r="L39450" t="s">
        <v>995</v>
      </c>
      <c r="M39450" t="s">
        <v>83</v>
      </c>
      <c r="N39450" t="s">
        <v>84</v>
      </c>
      <c r="O39450" t="s">
        <v>85</v>
      </c>
      <c r="P39450" t="s">
        <v>86</v>
      </c>
      <c r="Q39450">
        <v>19</v>
      </c>
      <c r="R39450">
        <v>19</v>
      </c>
      <c r="S39450">
        <v>20</v>
      </c>
      <c r="T39450">
        <v>20</v>
      </c>
      <c r="U39450">
        <v>20</v>
      </c>
      <c r="V39450">
        <v>21</v>
      </c>
      <c r="W39450">
        <v>21</v>
      </c>
      <c r="X39450">
        <v>21</v>
      </c>
      <c r="Y39450">
        <v>21</v>
      </c>
      <c r="Z39450">
        <v>22</v>
      </c>
      <c r="AA39450">
        <v>22</v>
      </c>
      <c r="AB39450">
        <v>22</v>
      </c>
      <c r="AC39450">
        <v>23</v>
      </c>
      <c r="AD39450">
        <v>23</v>
      </c>
      <c r="AE39450">
        <v>23</v>
      </c>
      <c r="AF39450">
        <v>23</v>
      </c>
      <c r="AG39450">
        <v>24</v>
      </c>
      <c r="AH39450">
        <v>24</v>
      </c>
      <c r="AI39450">
        <v>24</v>
      </c>
      <c r="AJ39450">
        <v>25</v>
      </c>
      <c r="AK39450">
        <v>25</v>
      </c>
      <c r="AL39450">
        <v>25</v>
      </c>
      <c r="AM39450">
        <v>25</v>
      </c>
      <c r="AN39450">
        <v>25</v>
      </c>
      <c r="AO39450">
        <v>25</v>
      </c>
      <c r="AP39450">
        <v>26</v>
      </c>
      <c r="AQ39450">
        <v>26</v>
      </c>
    </row>
    <row r="39451" spans="1:43">
      <c r="A39451" t="s">
        <v>24471</v>
      </c>
      <c r="B39451" t="s">
        <v>24472</v>
      </c>
      <c r="C39451" t="s">
        <v>24469</v>
      </c>
      <c r="D39451" t="s">
        <v>24470</v>
      </c>
      <c r="E39451" t="s">
        <v>24327</v>
      </c>
      <c r="F39451" t="s">
        <v>24328</v>
      </c>
      <c r="G39451" t="s">
        <v>11612</v>
      </c>
      <c r="H39451" t="s">
        <v>11613</v>
      </c>
      <c r="I39451" s="2">
        <v>0</v>
      </c>
      <c r="J39451" s="2">
        <v>0</v>
      </c>
      <c r="K39451" s="2">
        <v>1</v>
      </c>
      <c r="L39451" t="s">
        <v>995</v>
      </c>
      <c r="M39451" t="s">
        <v>87</v>
      </c>
      <c r="N39451" t="s">
        <v>88</v>
      </c>
      <c r="O39451" t="s">
        <v>85</v>
      </c>
      <c r="P39451" t="s">
        <v>86</v>
      </c>
      <c r="Q39451">
        <v>19</v>
      </c>
      <c r="R39451">
        <v>19</v>
      </c>
      <c r="S39451">
        <v>19</v>
      </c>
      <c r="T39451">
        <v>19</v>
      </c>
      <c r="U39451">
        <v>19</v>
      </c>
      <c r="V39451">
        <v>20</v>
      </c>
      <c r="W39451">
        <v>20</v>
      </c>
      <c r="X39451">
        <v>20</v>
      </c>
      <c r="Y39451">
        <v>20</v>
      </c>
      <c r="Z39451">
        <v>20</v>
      </c>
      <c r="AA39451">
        <v>20</v>
      </c>
      <c r="AB39451">
        <v>20</v>
      </c>
      <c r="AC39451">
        <v>20</v>
      </c>
      <c r="AD39451">
        <v>20</v>
      </c>
      <c r="AE39451">
        <v>21</v>
      </c>
      <c r="AF39451">
        <v>21</v>
      </c>
      <c r="AG39451">
        <v>21</v>
      </c>
      <c r="AH39451">
        <v>21</v>
      </c>
      <c r="AI39451">
        <v>21</v>
      </c>
      <c r="AJ39451">
        <v>21</v>
      </c>
      <c r="AK39451">
        <v>21</v>
      </c>
      <c r="AL39451">
        <v>21</v>
      </c>
      <c r="AM39451">
        <v>22</v>
      </c>
      <c r="AN39451">
        <v>22</v>
      </c>
      <c r="AO39451">
        <v>22</v>
      </c>
      <c r="AP39451">
        <v>22</v>
      </c>
      <c r="AQ39451">
        <v>22</v>
      </c>
    </row>
    <row r="39452" spans="1:43">
      <c r="A39452" t="s">
        <v>24471</v>
      </c>
      <c r="B39452" t="s">
        <v>24472</v>
      </c>
      <c r="C39452" t="s">
        <v>24469</v>
      </c>
      <c r="D39452" t="s">
        <v>24470</v>
      </c>
      <c r="E39452" t="s">
        <v>24327</v>
      </c>
      <c r="F39452" t="s">
        <v>24328</v>
      </c>
      <c r="G39452" t="s">
        <v>11612</v>
      </c>
      <c r="H39452" t="s">
        <v>11613</v>
      </c>
      <c r="I39452" s="2">
        <v>0</v>
      </c>
      <c r="J39452" s="2">
        <v>0</v>
      </c>
      <c r="K39452" s="2">
        <v>1</v>
      </c>
      <c r="L39452" t="s">
        <v>995</v>
      </c>
      <c r="M39452" t="s">
        <v>89</v>
      </c>
      <c r="N39452" t="s">
        <v>90</v>
      </c>
      <c r="O39452" t="s">
        <v>85</v>
      </c>
      <c r="P39452" t="s">
        <v>86</v>
      </c>
      <c r="Q39452">
        <v>19</v>
      </c>
      <c r="R39452">
        <v>20</v>
      </c>
      <c r="S39452">
        <v>20</v>
      </c>
      <c r="T39452">
        <v>21</v>
      </c>
      <c r="U39452">
        <v>21</v>
      </c>
      <c r="V39452">
        <v>22</v>
      </c>
      <c r="W39452">
        <v>22</v>
      </c>
      <c r="X39452">
        <v>22</v>
      </c>
      <c r="Y39452">
        <v>23</v>
      </c>
      <c r="Z39452">
        <v>23</v>
      </c>
      <c r="AA39452">
        <v>23</v>
      </c>
      <c r="AB39452">
        <v>24</v>
      </c>
      <c r="AC39452">
        <v>24</v>
      </c>
      <c r="AD39452">
        <v>24</v>
      </c>
      <c r="AE39452">
        <v>25</v>
      </c>
      <c r="AF39452">
        <v>25</v>
      </c>
      <c r="AG39452">
        <v>25</v>
      </c>
      <c r="AH39452">
        <v>25</v>
      </c>
      <c r="AI39452">
        <v>25</v>
      </c>
      <c r="AJ39452">
        <v>25</v>
      </c>
      <c r="AK39452">
        <v>25</v>
      </c>
      <c r="AL39452">
        <v>25</v>
      </c>
      <c r="AM39452">
        <v>25</v>
      </c>
      <c r="AN39452">
        <v>26</v>
      </c>
      <c r="AO39452">
        <v>26</v>
      </c>
      <c r="AP39452">
        <v>26</v>
      </c>
      <c r="AQ39452">
        <v>26</v>
      </c>
    </row>
    <row r="39453" spans="1:43">
      <c r="A39453" t="s">
        <v>24471</v>
      </c>
      <c r="B39453" t="s">
        <v>24472</v>
      </c>
      <c r="C39453" t="s">
        <v>24469</v>
      </c>
      <c r="D39453" t="s">
        <v>24470</v>
      </c>
      <c r="E39453" t="s">
        <v>24327</v>
      </c>
      <c r="F39453" t="s">
        <v>24328</v>
      </c>
      <c r="G39453" t="s">
        <v>11612</v>
      </c>
      <c r="H39453" t="s">
        <v>11613</v>
      </c>
      <c r="I39453" s="2">
        <v>0</v>
      </c>
      <c r="J39453" s="2">
        <v>0</v>
      </c>
      <c r="K39453" s="2">
        <v>1</v>
      </c>
      <c r="L39453" t="s">
        <v>995</v>
      </c>
      <c r="M39453" t="s">
        <v>83</v>
      </c>
      <c r="N39453" t="s">
        <v>91</v>
      </c>
      <c r="O39453" t="s">
        <v>85</v>
      </c>
      <c r="P39453" t="s">
        <v>86</v>
      </c>
      <c r="Q39453">
        <v>19</v>
      </c>
      <c r="R39453">
        <v>19</v>
      </c>
      <c r="S39453">
        <v>20</v>
      </c>
      <c r="T39453">
        <v>20</v>
      </c>
      <c r="U39453">
        <v>20</v>
      </c>
      <c r="V39453">
        <v>21</v>
      </c>
      <c r="W39453">
        <v>21</v>
      </c>
      <c r="X39453">
        <v>21</v>
      </c>
      <c r="Y39453">
        <v>21</v>
      </c>
      <c r="Z39453">
        <v>22</v>
      </c>
      <c r="AA39453">
        <v>22</v>
      </c>
      <c r="AB39453">
        <v>22</v>
      </c>
      <c r="AC39453">
        <v>23</v>
      </c>
      <c r="AD39453">
        <v>23</v>
      </c>
      <c r="AE39453">
        <v>23</v>
      </c>
      <c r="AF39453">
        <v>23</v>
      </c>
      <c r="AG39453">
        <v>24</v>
      </c>
      <c r="AH39453">
        <v>24</v>
      </c>
      <c r="AI39453">
        <v>24</v>
      </c>
      <c r="AJ39453">
        <v>25</v>
      </c>
      <c r="AK39453">
        <v>25</v>
      </c>
      <c r="AL39453">
        <v>25</v>
      </c>
      <c r="AM39453">
        <v>25</v>
      </c>
      <c r="AN39453">
        <v>25</v>
      </c>
      <c r="AO39453">
        <v>25</v>
      </c>
      <c r="AP39453">
        <v>26</v>
      </c>
      <c r="AQ39453">
        <v>26</v>
      </c>
    </row>
    <row r="39454" spans="1:43">
      <c r="A39454" t="s">
        <v>24473</v>
      </c>
      <c r="B39454" t="s">
        <v>24474</v>
      </c>
      <c r="C39454" t="s">
        <v>24469</v>
      </c>
      <c r="D39454" t="s">
        <v>24470</v>
      </c>
      <c r="E39454" t="s">
        <v>24327</v>
      </c>
      <c r="F39454" t="s">
        <v>24328</v>
      </c>
      <c r="G39454" t="s">
        <v>11612</v>
      </c>
      <c r="H39454" t="s">
        <v>11613</v>
      </c>
      <c r="I39454" s="2">
        <v>0</v>
      </c>
      <c r="J39454" s="2">
        <v>0</v>
      </c>
      <c r="K39454" s="2">
        <v>1</v>
      </c>
      <c r="L39454" t="s">
        <v>995</v>
      </c>
      <c r="M39454" t="s">
        <v>83</v>
      </c>
      <c r="N39454" t="s">
        <v>84</v>
      </c>
      <c r="O39454" t="s">
        <v>85</v>
      </c>
      <c r="P39454" t="s">
        <v>86</v>
      </c>
      <c r="Q39454">
        <v>21</v>
      </c>
      <c r="R39454">
        <v>22</v>
      </c>
      <c r="S39454">
        <v>22</v>
      </c>
      <c r="T39454">
        <v>22</v>
      </c>
      <c r="U39454">
        <v>23</v>
      </c>
      <c r="V39454">
        <v>23</v>
      </c>
      <c r="W39454">
        <v>23</v>
      </c>
      <c r="X39454">
        <v>23</v>
      </c>
      <c r="Y39454">
        <v>24</v>
      </c>
      <c r="Z39454">
        <v>24</v>
      </c>
      <c r="AA39454">
        <v>24</v>
      </c>
      <c r="AB39454">
        <v>25</v>
      </c>
      <c r="AC39454">
        <v>25</v>
      </c>
      <c r="AD39454">
        <v>25</v>
      </c>
      <c r="AE39454">
        <v>26</v>
      </c>
      <c r="AF39454">
        <v>26</v>
      </c>
      <c r="AG39454">
        <v>26</v>
      </c>
      <c r="AH39454">
        <v>27</v>
      </c>
      <c r="AI39454">
        <v>27</v>
      </c>
      <c r="AJ39454">
        <v>27</v>
      </c>
      <c r="AK39454">
        <v>28</v>
      </c>
      <c r="AL39454">
        <v>28</v>
      </c>
      <c r="AM39454">
        <v>28</v>
      </c>
      <c r="AN39454">
        <v>28</v>
      </c>
      <c r="AO39454">
        <v>28</v>
      </c>
      <c r="AP39454">
        <v>28</v>
      </c>
      <c r="AQ39454">
        <v>28</v>
      </c>
    </row>
    <row r="39455" spans="1:43">
      <c r="A39455" t="s">
        <v>24473</v>
      </c>
      <c r="B39455" t="s">
        <v>24474</v>
      </c>
      <c r="C39455" t="s">
        <v>24469</v>
      </c>
      <c r="D39455" t="s">
        <v>24470</v>
      </c>
      <c r="E39455" t="s">
        <v>24327</v>
      </c>
      <c r="F39455" t="s">
        <v>24328</v>
      </c>
      <c r="G39455" t="s">
        <v>11612</v>
      </c>
      <c r="H39455" t="s">
        <v>11613</v>
      </c>
      <c r="I39455" s="2">
        <v>0</v>
      </c>
      <c r="J39455" s="2">
        <v>0</v>
      </c>
      <c r="K39455" s="2">
        <v>1</v>
      </c>
      <c r="L39455" t="s">
        <v>995</v>
      </c>
      <c r="M39455" t="s">
        <v>87</v>
      </c>
      <c r="N39455" t="s">
        <v>88</v>
      </c>
      <c r="O39455" t="s">
        <v>85</v>
      </c>
      <c r="P39455" t="s">
        <v>86</v>
      </c>
      <c r="Q39455">
        <v>21</v>
      </c>
      <c r="R39455">
        <v>21</v>
      </c>
      <c r="S39455">
        <v>21</v>
      </c>
      <c r="T39455">
        <v>21</v>
      </c>
      <c r="U39455">
        <v>22</v>
      </c>
      <c r="V39455">
        <v>22</v>
      </c>
      <c r="W39455">
        <v>22</v>
      </c>
      <c r="X39455">
        <v>22</v>
      </c>
      <c r="Y39455">
        <v>22</v>
      </c>
      <c r="Z39455">
        <v>22</v>
      </c>
      <c r="AA39455">
        <v>22</v>
      </c>
      <c r="AB39455">
        <v>22</v>
      </c>
      <c r="AC39455">
        <v>22</v>
      </c>
      <c r="AD39455">
        <v>23</v>
      </c>
      <c r="AE39455">
        <v>23</v>
      </c>
      <c r="AF39455">
        <v>23</v>
      </c>
      <c r="AG39455">
        <v>23</v>
      </c>
      <c r="AH39455">
        <v>23</v>
      </c>
      <c r="AI39455">
        <v>23</v>
      </c>
      <c r="AJ39455">
        <v>24</v>
      </c>
      <c r="AK39455">
        <v>24</v>
      </c>
      <c r="AL39455">
        <v>24</v>
      </c>
      <c r="AM39455">
        <v>24</v>
      </c>
      <c r="AN39455">
        <v>24</v>
      </c>
      <c r="AO39455">
        <v>24</v>
      </c>
      <c r="AP39455">
        <v>25</v>
      </c>
      <c r="AQ39455">
        <v>25</v>
      </c>
    </row>
    <row r="39456" spans="1:43">
      <c r="A39456" t="s">
        <v>24473</v>
      </c>
      <c r="B39456" t="s">
        <v>24474</v>
      </c>
      <c r="C39456" t="s">
        <v>24469</v>
      </c>
      <c r="D39456" t="s">
        <v>24470</v>
      </c>
      <c r="E39456" t="s">
        <v>24327</v>
      </c>
      <c r="F39456" t="s">
        <v>24328</v>
      </c>
      <c r="G39456" t="s">
        <v>11612</v>
      </c>
      <c r="H39456" t="s">
        <v>11613</v>
      </c>
      <c r="I39456" s="2">
        <v>0</v>
      </c>
      <c r="J39456" s="2">
        <v>0</v>
      </c>
      <c r="K39456" s="2">
        <v>1</v>
      </c>
      <c r="L39456" t="s">
        <v>995</v>
      </c>
      <c r="M39456" t="s">
        <v>89</v>
      </c>
      <c r="N39456" t="s">
        <v>90</v>
      </c>
      <c r="O39456" t="s">
        <v>85</v>
      </c>
      <c r="P39456" t="s">
        <v>86</v>
      </c>
      <c r="Q39456">
        <v>21</v>
      </c>
      <c r="R39456">
        <v>22</v>
      </c>
      <c r="S39456">
        <v>22</v>
      </c>
      <c r="T39456">
        <v>23</v>
      </c>
      <c r="U39456">
        <v>23</v>
      </c>
      <c r="V39456">
        <v>24</v>
      </c>
      <c r="W39456">
        <v>24</v>
      </c>
      <c r="X39456">
        <v>25</v>
      </c>
      <c r="Y39456">
        <v>25</v>
      </c>
      <c r="Z39456">
        <v>26</v>
      </c>
      <c r="AA39456">
        <v>26</v>
      </c>
      <c r="AB39456">
        <v>26</v>
      </c>
      <c r="AC39456">
        <v>27</v>
      </c>
      <c r="AD39456">
        <v>27</v>
      </c>
      <c r="AE39456">
        <v>27</v>
      </c>
      <c r="AF39456">
        <v>27</v>
      </c>
      <c r="AG39456">
        <v>28</v>
      </c>
      <c r="AH39456">
        <v>28</v>
      </c>
      <c r="AI39456">
        <v>28</v>
      </c>
      <c r="AJ39456">
        <v>28</v>
      </c>
      <c r="AK39456">
        <v>28</v>
      </c>
      <c r="AL39456">
        <v>28</v>
      </c>
      <c r="AM39456">
        <v>28</v>
      </c>
      <c r="AN39456">
        <v>28</v>
      </c>
      <c r="AO39456">
        <v>29</v>
      </c>
      <c r="AP39456">
        <v>29</v>
      </c>
      <c r="AQ39456">
        <v>29</v>
      </c>
    </row>
    <row r="39457" spans="1:43">
      <c r="A39457" t="s">
        <v>24473</v>
      </c>
      <c r="B39457" t="s">
        <v>24474</v>
      </c>
      <c r="C39457" t="s">
        <v>24469</v>
      </c>
      <c r="D39457" t="s">
        <v>24470</v>
      </c>
      <c r="E39457" t="s">
        <v>24327</v>
      </c>
      <c r="F39457" t="s">
        <v>24328</v>
      </c>
      <c r="G39457" t="s">
        <v>11612</v>
      </c>
      <c r="H39457" t="s">
        <v>11613</v>
      </c>
      <c r="I39457" s="2">
        <v>0</v>
      </c>
      <c r="J39457" s="2">
        <v>0</v>
      </c>
      <c r="K39457" s="2">
        <v>1</v>
      </c>
      <c r="L39457" t="s">
        <v>995</v>
      </c>
      <c r="M39457" t="s">
        <v>83</v>
      </c>
      <c r="N39457" t="s">
        <v>91</v>
      </c>
      <c r="O39457" t="s">
        <v>85</v>
      </c>
      <c r="P39457" t="s">
        <v>86</v>
      </c>
      <c r="Q39457">
        <v>21</v>
      </c>
      <c r="R39457">
        <v>22</v>
      </c>
      <c r="S39457">
        <v>22</v>
      </c>
      <c r="T39457">
        <v>22</v>
      </c>
      <c r="U39457">
        <v>23</v>
      </c>
      <c r="V39457">
        <v>23</v>
      </c>
      <c r="W39457">
        <v>23</v>
      </c>
      <c r="X39457">
        <v>23</v>
      </c>
      <c r="Y39457">
        <v>24</v>
      </c>
      <c r="Z39457">
        <v>24</v>
      </c>
      <c r="AA39457">
        <v>24</v>
      </c>
      <c r="AB39457">
        <v>25</v>
      </c>
      <c r="AC39457">
        <v>25</v>
      </c>
      <c r="AD39457">
        <v>25</v>
      </c>
      <c r="AE39457">
        <v>26</v>
      </c>
      <c r="AF39457">
        <v>26</v>
      </c>
      <c r="AG39457">
        <v>26</v>
      </c>
      <c r="AH39457">
        <v>27</v>
      </c>
      <c r="AI39457">
        <v>27</v>
      </c>
      <c r="AJ39457">
        <v>27</v>
      </c>
      <c r="AK39457">
        <v>28</v>
      </c>
      <c r="AL39457">
        <v>28</v>
      </c>
      <c r="AM39457">
        <v>28</v>
      </c>
      <c r="AN39457">
        <v>28</v>
      </c>
      <c r="AO39457">
        <v>28</v>
      </c>
      <c r="AP39457">
        <v>28</v>
      </c>
      <c r="AQ39457">
        <v>28</v>
      </c>
    </row>
    <row r="39458" spans="1:43">
      <c r="A39458" t="s">
        <v>24475</v>
      </c>
      <c r="B39458" t="s">
        <v>24476</v>
      </c>
      <c r="C39458" t="s">
        <v>24469</v>
      </c>
      <c r="D39458" t="s">
        <v>24470</v>
      </c>
      <c r="E39458" t="s">
        <v>24327</v>
      </c>
      <c r="F39458" t="s">
        <v>24328</v>
      </c>
      <c r="G39458" t="s">
        <v>11612</v>
      </c>
      <c r="H39458" t="s">
        <v>11613</v>
      </c>
      <c r="I39458" s="2">
        <v>0</v>
      </c>
      <c r="J39458" s="2">
        <v>0</v>
      </c>
      <c r="K39458" s="2">
        <v>1</v>
      </c>
      <c r="L39458" t="s">
        <v>995</v>
      </c>
      <c r="M39458" t="s">
        <v>83</v>
      </c>
      <c r="N39458" t="s">
        <v>84</v>
      </c>
      <c r="O39458" t="s">
        <v>85</v>
      </c>
      <c r="P39458" t="s">
        <v>86</v>
      </c>
      <c r="Q39458">
        <v>7</v>
      </c>
      <c r="R39458">
        <v>7</v>
      </c>
      <c r="S39458">
        <v>7</v>
      </c>
      <c r="T39458">
        <v>7</v>
      </c>
      <c r="U39458">
        <v>8</v>
      </c>
      <c r="V39458">
        <v>8</v>
      </c>
      <c r="W39458">
        <v>8</v>
      </c>
      <c r="X39458">
        <v>8</v>
      </c>
      <c r="Y39458">
        <v>8</v>
      </c>
      <c r="Z39458">
        <v>8</v>
      </c>
      <c r="AA39458">
        <v>8</v>
      </c>
      <c r="AB39458">
        <v>8</v>
      </c>
      <c r="AC39458">
        <v>8</v>
      </c>
      <c r="AD39458">
        <v>9</v>
      </c>
      <c r="AE39458">
        <v>9</v>
      </c>
      <c r="AF39458">
        <v>9</v>
      </c>
      <c r="AG39458">
        <v>9</v>
      </c>
      <c r="AH39458">
        <v>9</v>
      </c>
      <c r="AI39458">
        <v>9</v>
      </c>
      <c r="AJ39458">
        <v>9</v>
      </c>
      <c r="AK39458">
        <v>9</v>
      </c>
      <c r="AL39458">
        <v>9</v>
      </c>
      <c r="AM39458">
        <v>9</v>
      </c>
      <c r="AN39458">
        <v>9</v>
      </c>
      <c r="AO39458">
        <v>9</v>
      </c>
      <c r="AP39458">
        <v>10</v>
      </c>
      <c r="AQ39458">
        <v>10</v>
      </c>
    </row>
    <row r="39459" spans="1:43">
      <c r="A39459" t="s">
        <v>24475</v>
      </c>
      <c r="B39459" t="s">
        <v>24476</v>
      </c>
      <c r="C39459" t="s">
        <v>24469</v>
      </c>
      <c r="D39459" t="s">
        <v>24470</v>
      </c>
      <c r="E39459" t="s">
        <v>24327</v>
      </c>
      <c r="F39459" t="s">
        <v>24328</v>
      </c>
      <c r="G39459" t="s">
        <v>11612</v>
      </c>
      <c r="H39459" t="s">
        <v>11613</v>
      </c>
      <c r="I39459" s="2">
        <v>0</v>
      </c>
      <c r="J39459" s="2">
        <v>0</v>
      </c>
      <c r="K39459" s="2">
        <v>1</v>
      </c>
      <c r="L39459" t="s">
        <v>995</v>
      </c>
      <c r="M39459" t="s">
        <v>87</v>
      </c>
      <c r="N39459" t="s">
        <v>88</v>
      </c>
      <c r="O39459" t="s">
        <v>85</v>
      </c>
      <c r="P39459" t="s">
        <v>86</v>
      </c>
      <c r="Q39459">
        <v>7</v>
      </c>
      <c r="R39459">
        <v>7</v>
      </c>
      <c r="S39459">
        <v>7</v>
      </c>
      <c r="T39459">
        <v>7</v>
      </c>
      <c r="U39459">
        <v>7</v>
      </c>
      <c r="V39459">
        <v>7</v>
      </c>
      <c r="W39459">
        <v>7</v>
      </c>
      <c r="X39459">
        <v>7</v>
      </c>
      <c r="Y39459">
        <v>7</v>
      </c>
      <c r="Z39459">
        <v>7</v>
      </c>
      <c r="AA39459">
        <v>7</v>
      </c>
      <c r="AB39459">
        <v>8</v>
      </c>
      <c r="AC39459">
        <v>8</v>
      </c>
      <c r="AD39459">
        <v>8</v>
      </c>
      <c r="AE39459">
        <v>8</v>
      </c>
      <c r="AF39459">
        <v>8</v>
      </c>
      <c r="AG39459">
        <v>8</v>
      </c>
      <c r="AH39459">
        <v>8</v>
      </c>
      <c r="AI39459">
        <v>8</v>
      </c>
      <c r="AJ39459">
        <v>8</v>
      </c>
      <c r="AK39459">
        <v>8</v>
      </c>
      <c r="AL39459">
        <v>8</v>
      </c>
      <c r="AM39459">
        <v>8</v>
      </c>
      <c r="AN39459">
        <v>8</v>
      </c>
      <c r="AO39459">
        <v>8</v>
      </c>
      <c r="AP39459">
        <v>8</v>
      </c>
      <c r="AQ39459">
        <v>8</v>
      </c>
    </row>
    <row r="39460" spans="1:43">
      <c r="A39460" t="s">
        <v>24475</v>
      </c>
      <c r="B39460" t="s">
        <v>24476</v>
      </c>
      <c r="C39460" t="s">
        <v>24469</v>
      </c>
      <c r="D39460" t="s">
        <v>24470</v>
      </c>
      <c r="E39460" t="s">
        <v>24327</v>
      </c>
      <c r="F39460" t="s">
        <v>24328</v>
      </c>
      <c r="G39460" t="s">
        <v>11612</v>
      </c>
      <c r="H39460" t="s">
        <v>11613</v>
      </c>
      <c r="I39460" s="2">
        <v>0</v>
      </c>
      <c r="J39460" s="2">
        <v>0</v>
      </c>
      <c r="K39460" s="2">
        <v>1</v>
      </c>
      <c r="L39460" t="s">
        <v>995</v>
      </c>
      <c r="M39460" t="s">
        <v>89</v>
      </c>
      <c r="N39460" t="s">
        <v>90</v>
      </c>
      <c r="O39460" t="s">
        <v>85</v>
      </c>
      <c r="P39460" t="s">
        <v>86</v>
      </c>
      <c r="Q39460">
        <v>7</v>
      </c>
      <c r="R39460">
        <v>7</v>
      </c>
      <c r="S39460">
        <v>8</v>
      </c>
      <c r="T39460">
        <v>8</v>
      </c>
      <c r="U39460">
        <v>8</v>
      </c>
      <c r="V39460">
        <v>8</v>
      </c>
      <c r="W39460">
        <v>8</v>
      </c>
      <c r="X39460">
        <v>8</v>
      </c>
      <c r="Y39460">
        <v>8</v>
      </c>
      <c r="Z39460">
        <v>9</v>
      </c>
      <c r="AA39460">
        <v>9</v>
      </c>
      <c r="AB39460">
        <v>9</v>
      </c>
      <c r="AC39460">
        <v>9</v>
      </c>
      <c r="AD39460">
        <v>9</v>
      </c>
      <c r="AE39460">
        <v>9</v>
      </c>
      <c r="AF39460">
        <v>9</v>
      </c>
      <c r="AG39460">
        <v>9</v>
      </c>
      <c r="AH39460">
        <v>9</v>
      </c>
      <c r="AI39460">
        <v>9</v>
      </c>
      <c r="AJ39460">
        <v>9</v>
      </c>
      <c r="AK39460">
        <v>9</v>
      </c>
      <c r="AL39460">
        <v>9</v>
      </c>
      <c r="AM39460">
        <v>10</v>
      </c>
      <c r="AN39460">
        <v>10</v>
      </c>
      <c r="AO39460">
        <v>10</v>
      </c>
      <c r="AP39460">
        <v>10</v>
      </c>
      <c r="AQ39460">
        <v>10</v>
      </c>
    </row>
    <row r="39461" spans="1:43">
      <c r="A39461" t="s">
        <v>24475</v>
      </c>
      <c r="B39461" t="s">
        <v>24476</v>
      </c>
      <c r="C39461" t="s">
        <v>24469</v>
      </c>
      <c r="D39461" t="s">
        <v>24470</v>
      </c>
      <c r="E39461" t="s">
        <v>24327</v>
      </c>
      <c r="F39461" t="s">
        <v>24328</v>
      </c>
      <c r="G39461" t="s">
        <v>11612</v>
      </c>
      <c r="H39461" t="s">
        <v>11613</v>
      </c>
      <c r="I39461" s="2">
        <v>0</v>
      </c>
      <c r="J39461" s="2">
        <v>0</v>
      </c>
      <c r="K39461" s="2">
        <v>1</v>
      </c>
      <c r="L39461" t="s">
        <v>995</v>
      </c>
      <c r="M39461" t="s">
        <v>83</v>
      </c>
      <c r="N39461" t="s">
        <v>91</v>
      </c>
      <c r="O39461" t="s">
        <v>85</v>
      </c>
      <c r="P39461" t="s">
        <v>86</v>
      </c>
      <c r="Q39461">
        <v>7</v>
      </c>
      <c r="R39461">
        <v>7</v>
      </c>
      <c r="S39461">
        <v>7</v>
      </c>
      <c r="T39461">
        <v>7</v>
      </c>
      <c r="U39461">
        <v>8</v>
      </c>
      <c r="V39461">
        <v>8</v>
      </c>
      <c r="W39461">
        <v>8</v>
      </c>
      <c r="X39461">
        <v>8</v>
      </c>
      <c r="Y39461">
        <v>8</v>
      </c>
      <c r="Z39461">
        <v>8</v>
      </c>
      <c r="AA39461">
        <v>8</v>
      </c>
      <c r="AB39461">
        <v>8</v>
      </c>
      <c r="AC39461">
        <v>8</v>
      </c>
      <c r="AD39461">
        <v>9</v>
      </c>
      <c r="AE39461">
        <v>9</v>
      </c>
      <c r="AF39461">
        <v>9</v>
      </c>
      <c r="AG39461">
        <v>9</v>
      </c>
      <c r="AH39461">
        <v>9</v>
      </c>
      <c r="AI39461">
        <v>9</v>
      </c>
      <c r="AJ39461">
        <v>9</v>
      </c>
      <c r="AK39461">
        <v>9</v>
      </c>
      <c r="AL39461">
        <v>9</v>
      </c>
      <c r="AM39461">
        <v>9</v>
      </c>
      <c r="AN39461">
        <v>9</v>
      </c>
      <c r="AO39461">
        <v>9</v>
      </c>
      <c r="AP39461">
        <v>10</v>
      </c>
      <c r="AQ39461">
        <v>10</v>
      </c>
    </row>
    <row r="39462" spans="1:43">
      <c r="A39462" t="s">
        <v>24477</v>
      </c>
      <c r="B39462" t="s">
        <v>24478</v>
      </c>
      <c r="C39462" t="s">
        <v>24469</v>
      </c>
      <c r="D39462" t="s">
        <v>24470</v>
      </c>
      <c r="E39462" t="s">
        <v>24327</v>
      </c>
      <c r="F39462" t="s">
        <v>24328</v>
      </c>
      <c r="G39462" t="s">
        <v>11612</v>
      </c>
      <c r="H39462" t="s">
        <v>11613</v>
      </c>
      <c r="I39462" s="2">
        <v>0</v>
      </c>
      <c r="J39462" s="2">
        <v>0</v>
      </c>
      <c r="K39462" s="2">
        <v>1</v>
      </c>
      <c r="L39462" t="s">
        <v>995</v>
      </c>
      <c r="M39462" t="s">
        <v>83</v>
      </c>
      <c r="N39462" t="s">
        <v>84</v>
      </c>
      <c r="O39462" t="s">
        <v>85</v>
      </c>
      <c r="P39462" t="s">
        <v>86</v>
      </c>
      <c r="Q39462">
        <v>13</v>
      </c>
      <c r="R39462">
        <v>13</v>
      </c>
      <c r="S39462">
        <v>13</v>
      </c>
      <c r="T39462">
        <v>14</v>
      </c>
      <c r="U39462">
        <v>14</v>
      </c>
      <c r="V39462">
        <v>14</v>
      </c>
      <c r="W39462">
        <v>14</v>
      </c>
      <c r="X39462">
        <v>14</v>
      </c>
      <c r="Y39462">
        <v>15</v>
      </c>
      <c r="Z39462">
        <v>15</v>
      </c>
      <c r="AA39462">
        <v>15</v>
      </c>
      <c r="AB39462">
        <v>15</v>
      </c>
      <c r="AC39462">
        <v>15</v>
      </c>
      <c r="AD39462">
        <v>16</v>
      </c>
      <c r="AE39462">
        <v>16</v>
      </c>
      <c r="AF39462">
        <v>16</v>
      </c>
      <c r="AG39462">
        <v>16</v>
      </c>
      <c r="AH39462">
        <v>16</v>
      </c>
      <c r="AI39462">
        <v>17</v>
      </c>
      <c r="AJ39462">
        <v>17</v>
      </c>
      <c r="AK39462">
        <v>17</v>
      </c>
      <c r="AL39462">
        <v>17</v>
      </c>
      <c r="AM39462">
        <v>17</v>
      </c>
      <c r="AN39462">
        <v>17</v>
      </c>
      <c r="AO39462">
        <v>17</v>
      </c>
      <c r="AP39462">
        <v>17</v>
      </c>
      <c r="AQ39462">
        <v>18</v>
      </c>
    </row>
    <row r="39463" spans="1:43">
      <c r="A39463" t="s">
        <v>24477</v>
      </c>
      <c r="B39463" t="s">
        <v>24478</v>
      </c>
      <c r="C39463" t="s">
        <v>24469</v>
      </c>
      <c r="D39463" t="s">
        <v>24470</v>
      </c>
      <c r="E39463" t="s">
        <v>24327</v>
      </c>
      <c r="F39463" t="s">
        <v>24328</v>
      </c>
      <c r="G39463" t="s">
        <v>11612</v>
      </c>
      <c r="H39463" t="s">
        <v>11613</v>
      </c>
      <c r="I39463" s="2">
        <v>0</v>
      </c>
      <c r="J39463" s="2">
        <v>0</v>
      </c>
      <c r="K39463" s="2">
        <v>1</v>
      </c>
      <c r="L39463" t="s">
        <v>995</v>
      </c>
      <c r="M39463" t="s">
        <v>87</v>
      </c>
      <c r="N39463" t="s">
        <v>88</v>
      </c>
      <c r="O39463" t="s">
        <v>85</v>
      </c>
      <c r="P39463" t="s">
        <v>86</v>
      </c>
      <c r="Q39463">
        <v>13</v>
      </c>
      <c r="R39463">
        <v>13</v>
      </c>
      <c r="S39463">
        <v>13</v>
      </c>
      <c r="T39463">
        <v>13</v>
      </c>
      <c r="U39463">
        <v>13</v>
      </c>
      <c r="V39463">
        <v>13</v>
      </c>
      <c r="W39463">
        <v>13</v>
      </c>
      <c r="X39463">
        <v>13</v>
      </c>
      <c r="Y39463">
        <v>14</v>
      </c>
      <c r="Z39463">
        <v>14</v>
      </c>
      <c r="AA39463">
        <v>14</v>
      </c>
      <c r="AB39463">
        <v>14</v>
      </c>
      <c r="AC39463">
        <v>14</v>
      </c>
      <c r="AD39463">
        <v>14</v>
      </c>
      <c r="AE39463">
        <v>14</v>
      </c>
      <c r="AF39463">
        <v>14</v>
      </c>
      <c r="AG39463">
        <v>14</v>
      </c>
      <c r="AH39463">
        <v>14</v>
      </c>
      <c r="AI39463">
        <v>14</v>
      </c>
      <c r="AJ39463">
        <v>14</v>
      </c>
      <c r="AK39463">
        <v>15</v>
      </c>
      <c r="AL39463">
        <v>15</v>
      </c>
      <c r="AM39463">
        <v>15</v>
      </c>
      <c r="AN39463">
        <v>15</v>
      </c>
      <c r="AO39463">
        <v>15</v>
      </c>
      <c r="AP39463">
        <v>15</v>
      </c>
      <c r="AQ39463">
        <v>15</v>
      </c>
    </row>
    <row r="39464" spans="1:43">
      <c r="A39464" t="s">
        <v>24477</v>
      </c>
      <c r="B39464" t="s">
        <v>24478</v>
      </c>
      <c r="C39464" t="s">
        <v>24469</v>
      </c>
      <c r="D39464" t="s">
        <v>24470</v>
      </c>
      <c r="E39464" t="s">
        <v>24327</v>
      </c>
      <c r="F39464" t="s">
        <v>24328</v>
      </c>
      <c r="G39464" t="s">
        <v>11612</v>
      </c>
      <c r="H39464" t="s">
        <v>11613</v>
      </c>
      <c r="I39464" s="2">
        <v>0</v>
      </c>
      <c r="J39464" s="2">
        <v>0</v>
      </c>
      <c r="K39464" s="2">
        <v>1</v>
      </c>
      <c r="L39464" t="s">
        <v>995</v>
      </c>
      <c r="M39464" t="s">
        <v>89</v>
      </c>
      <c r="N39464" t="s">
        <v>90</v>
      </c>
      <c r="O39464" t="s">
        <v>85</v>
      </c>
      <c r="P39464" t="s">
        <v>86</v>
      </c>
      <c r="Q39464">
        <v>13</v>
      </c>
      <c r="R39464">
        <v>14</v>
      </c>
      <c r="S39464">
        <v>14</v>
      </c>
      <c r="T39464">
        <v>14</v>
      </c>
      <c r="U39464">
        <v>14</v>
      </c>
      <c r="V39464">
        <v>15</v>
      </c>
      <c r="W39464">
        <v>15</v>
      </c>
      <c r="X39464">
        <v>15</v>
      </c>
      <c r="Y39464">
        <v>15</v>
      </c>
      <c r="Z39464">
        <v>16</v>
      </c>
      <c r="AA39464">
        <v>16</v>
      </c>
      <c r="AB39464">
        <v>16</v>
      </c>
      <c r="AC39464">
        <v>16</v>
      </c>
      <c r="AD39464">
        <v>17</v>
      </c>
      <c r="AE39464">
        <v>17</v>
      </c>
      <c r="AF39464">
        <v>17</v>
      </c>
      <c r="AG39464">
        <v>17</v>
      </c>
      <c r="AH39464">
        <v>17</v>
      </c>
      <c r="AI39464">
        <v>17</v>
      </c>
      <c r="AJ39464">
        <v>17</v>
      </c>
      <c r="AK39464">
        <v>17</v>
      </c>
      <c r="AL39464">
        <v>17</v>
      </c>
      <c r="AM39464">
        <v>17</v>
      </c>
      <c r="AN39464">
        <v>17</v>
      </c>
      <c r="AO39464">
        <v>18</v>
      </c>
      <c r="AP39464">
        <v>18</v>
      </c>
      <c r="AQ39464">
        <v>18</v>
      </c>
    </row>
    <row r="39465" spans="1:43">
      <c r="A39465" t="s">
        <v>24477</v>
      </c>
      <c r="B39465" t="s">
        <v>24478</v>
      </c>
      <c r="C39465" t="s">
        <v>24469</v>
      </c>
      <c r="D39465" t="s">
        <v>24470</v>
      </c>
      <c r="E39465" t="s">
        <v>24327</v>
      </c>
      <c r="F39465" t="s">
        <v>24328</v>
      </c>
      <c r="G39465" t="s">
        <v>11612</v>
      </c>
      <c r="H39465" t="s">
        <v>11613</v>
      </c>
      <c r="I39465" s="2">
        <v>0</v>
      </c>
      <c r="J39465" s="2">
        <v>0</v>
      </c>
      <c r="K39465" s="2">
        <v>1</v>
      </c>
      <c r="L39465" t="s">
        <v>995</v>
      </c>
      <c r="M39465" t="s">
        <v>83</v>
      </c>
      <c r="N39465" t="s">
        <v>91</v>
      </c>
      <c r="O39465" t="s">
        <v>85</v>
      </c>
      <c r="P39465" t="s">
        <v>86</v>
      </c>
      <c r="Q39465">
        <v>13</v>
      </c>
      <c r="R39465">
        <v>13</v>
      </c>
      <c r="S39465">
        <v>13</v>
      </c>
      <c r="T39465">
        <v>14</v>
      </c>
      <c r="U39465">
        <v>14</v>
      </c>
      <c r="V39465">
        <v>14</v>
      </c>
      <c r="W39465">
        <v>14</v>
      </c>
      <c r="X39465">
        <v>14</v>
      </c>
      <c r="Y39465">
        <v>15</v>
      </c>
      <c r="Z39465">
        <v>15</v>
      </c>
      <c r="AA39465">
        <v>15</v>
      </c>
      <c r="AB39465">
        <v>15</v>
      </c>
      <c r="AC39465">
        <v>15</v>
      </c>
      <c r="AD39465">
        <v>16</v>
      </c>
      <c r="AE39465">
        <v>16</v>
      </c>
      <c r="AF39465">
        <v>16</v>
      </c>
      <c r="AG39465">
        <v>16</v>
      </c>
      <c r="AH39465">
        <v>16</v>
      </c>
      <c r="AI39465">
        <v>17</v>
      </c>
      <c r="AJ39465">
        <v>17</v>
      </c>
      <c r="AK39465">
        <v>17</v>
      </c>
      <c r="AL39465">
        <v>17</v>
      </c>
      <c r="AM39465">
        <v>17</v>
      </c>
      <c r="AN39465">
        <v>17</v>
      </c>
      <c r="AO39465">
        <v>17</v>
      </c>
      <c r="AP39465">
        <v>17</v>
      </c>
      <c r="AQ39465">
        <v>18</v>
      </c>
    </row>
    <row r="39466" spans="1:43">
      <c r="A39466" t="s">
        <v>24479</v>
      </c>
      <c r="B39466" t="s">
        <v>24480</v>
      </c>
      <c r="C39466" t="s">
        <v>24481</v>
      </c>
      <c r="D39466" t="s">
        <v>24482</v>
      </c>
      <c r="E39466" t="s">
        <v>24327</v>
      </c>
      <c r="F39466" t="s">
        <v>24328</v>
      </c>
      <c r="G39466" t="s">
        <v>11612</v>
      </c>
      <c r="H39466" t="s">
        <v>11613</v>
      </c>
      <c r="I39466" s="2">
        <v>0</v>
      </c>
      <c r="J39466" s="2">
        <v>0</v>
      </c>
      <c r="K39466" s="2">
        <v>1</v>
      </c>
      <c r="L39466" t="s">
        <v>995</v>
      </c>
      <c r="M39466" t="s">
        <v>83</v>
      </c>
      <c r="N39466" t="s">
        <v>84</v>
      </c>
      <c r="O39466" t="s">
        <v>85</v>
      </c>
      <c r="P39466" t="s">
        <v>86</v>
      </c>
      <c r="Q39466">
        <v>7</v>
      </c>
      <c r="R39466">
        <v>7</v>
      </c>
      <c r="S39466">
        <v>7</v>
      </c>
      <c r="T39466">
        <v>7</v>
      </c>
      <c r="U39466">
        <v>7</v>
      </c>
      <c r="V39466">
        <v>7</v>
      </c>
      <c r="W39466">
        <v>7</v>
      </c>
      <c r="X39466">
        <v>7</v>
      </c>
      <c r="Y39466">
        <v>8</v>
      </c>
      <c r="Z39466">
        <v>8</v>
      </c>
      <c r="AA39466">
        <v>8</v>
      </c>
      <c r="AB39466">
        <v>8</v>
      </c>
      <c r="AC39466">
        <v>8</v>
      </c>
      <c r="AD39466">
        <v>8</v>
      </c>
      <c r="AE39466">
        <v>8</v>
      </c>
      <c r="AF39466">
        <v>8</v>
      </c>
      <c r="AG39466">
        <v>8</v>
      </c>
      <c r="AH39466">
        <v>8</v>
      </c>
      <c r="AI39466">
        <v>8</v>
      </c>
      <c r="AJ39466">
        <v>9</v>
      </c>
      <c r="AK39466">
        <v>9</v>
      </c>
      <c r="AL39466">
        <v>9</v>
      </c>
      <c r="AM39466">
        <v>9</v>
      </c>
      <c r="AN39466">
        <v>9</v>
      </c>
      <c r="AO39466">
        <v>9</v>
      </c>
      <c r="AP39466">
        <v>9</v>
      </c>
      <c r="AQ39466">
        <v>9</v>
      </c>
    </row>
    <row r="39467" spans="1:43">
      <c r="A39467" t="s">
        <v>24479</v>
      </c>
      <c r="B39467" t="s">
        <v>24480</v>
      </c>
      <c r="C39467" t="s">
        <v>24481</v>
      </c>
      <c r="D39467" t="s">
        <v>24482</v>
      </c>
      <c r="E39467" t="s">
        <v>24327</v>
      </c>
      <c r="F39467" t="s">
        <v>24328</v>
      </c>
      <c r="G39467" t="s">
        <v>11612</v>
      </c>
      <c r="H39467" t="s">
        <v>11613</v>
      </c>
      <c r="I39467" s="2">
        <v>0</v>
      </c>
      <c r="J39467" s="2">
        <v>0</v>
      </c>
      <c r="K39467" s="2">
        <v>1</v>
      </c>
      <c r="L39467" t="s">
        <v>995</v>
      </c>
      <c r="M39467" t="s">
        <v>87</v>
      </c>
      <c r="N39467" t="s">
        <v>88</v>
      </c>
      <c r="O39467" t="s">
        <v>85</v>
      </c>
      <c r="P39467" t="s">
        <v>86</v>
      </c>
      <c r="Q39467">
        <v>7</v>
      </c>
      <c r="R39467">
        <v>7</v>
      </c>
      <c r="S39467">
        <v>7</v>
      </c>
      <c r="T39467">
        <v>7</v>
      </c>
      <c r="U39467">
        <v>7</v>
      </c>
      <c r="V39467">
        <v>7</v>
      </c>
      <c r="W39467">
        <v>7</v>
      </c>
      <c r="X39467">
        <v>7</v>
      </c>
      <c r="Y39467">
        <v>7</v>
      </c>
      <c r="Z39467">
        <v>7</v>
      </c>
      <c r="AA39467">
        <v>7</v>
      </c>
      <c r="AB39467">
        <v>7</v>
      </c>
      <c r="AC39467">
        <v>7</v>
      </c>
      <c r="AD39467">
        <v>7</v>
      </c>
      <c r="AE39467">
        <v>7</v>
      </c>
      <c r="AF39467">
        <v>7</v>
      </c>
      <c r="AG39467">
        <v>7</v>
      </c>
      <c r="AH39467">
        <v>7</v>
      </c>
      <c r="AI39467">
        <v>7</v>
      </c>
      <c r="AJ39467">
        <v>7</v>
      </c>
      <c r="AK39467">
        <v>7</v>
      </c>
      <c r="AL39467">
        <v>8</v>
      </c>
      <c r="AM39467">
        <v>8</v>
      </c>
      <c r="AN39467">
        <v>8</v>
      </c>
      <c r="AO39467">
        <v>8</v>
      </c>
      <c r="AP39467">
        <v>8</v>
      </c>
      <c r="AQ39467">
        <v>8</v>
      </c>
    </row>
    <row r="39468" spans="1:43">
      <c r="A39468" t="s">
        <v>24479</v>
      </c>
      <c r="B39468" t="s">
        <v>24480</v>
      </c>
      <c r="C39468" t="s">
        <v>24481</v>
      </c>
      <c r="D39468" t="s">
        <v>24482</v>
      </c>
      <c r="E39468" t="s">
        <v>24327</v>
      </c>
      <c r="F39468" t="s">
        <v>24328</v>
      </c>
      <c r="G39468" t="s">
        <v>11612</v>
      </c>
      <c r="H39468" t="s">
        <v>11613</v>
      </c>
      <c r="I39468" s="2">
        <v>0</v>
      </c>
      <c r="J39468" s="2">
        <v>0</v>
      </c>
      <c r="K39468" s="2">
        <v>1</v>
      </c>
      <c r="L39468" t="s">
        <v>995</v>
      </c>
      <c r="M39468" t="s">
        <v>89</v>
      </c>
      <c r="N39468" t="s">
        <v>90</v>
      </c>
      <c r="O39468" t="s">
        <v>85</v>
      </c>
      <c r="P39468" t="s">
        <v>86</v>
      </c>
      <c r="Q39468">
        <v>7</v>
      </c>
      <c r="R39468">
        <v>7</v>
      </c>
      <c r="S39468">
        <v>7</v>
      </c>
      <c r="T39468">
        <v>7</v>
      </c>
      <c r="U39468">
        <v>7</v>
      </c>
      <c r="V39468">
        <v>8</v>
      </c>
      <c r="W39468">
        <v>8</v>
      </c>
      <c r="X39468">
        <v>8</v>
      </c>
      <c r="Y39468">
        <v>8</v>
      </c>
      <c r="Z39468">
        <v>8</v>
      </c>
      <c r="AA39468">
        <v>8</v>
      </c>
      <c r="AB39468">
        <v>8</v>
      </c>
      <c r="AC39468">
        <v>8</v>
      </c>
      <c r="AD39468">
        <v>9</v>
      </c>
      <c r="AE39468">
        <v>9</v>
      </c>
      <c r="AF39468">
        <v>9</v>
      </c>
      <c r="AG39468">
        <v>9</v>
      </c>
      <c r="AH39468">
        <v>9</v>
      </c>
      <c r="AI39468">
        <v>9</v>
      </c>
      <c r="AJ39468">
        <v>9</v>
      </c>
      <c r="AK39468">
        <v>9</v>
      </c>
      <c r="AL39468">
        <v>9</v>
      </c>
      <c r="AM39468">
        <v>9</v>
      </c>
      <c r="AN39468">
        <v>9</v>
      </c>
      <c r="AO39468">
        <v>9</v>
      </c>
      <c r="AP39468">
        <v>9</v>
      </c>
      <c r="AQ39468">
        <v>9</v>
      </c>
    </row>
    <row r="39469" spans="1:43">
      <c r="A39469" t="s">
        <v>24479</v>
      </c>
      <c r="B39469" t="s">
        <v>24480</v>
      </c>
      <c r="C39469" t="s">
        <v>24481</v>
      </c>
      <c r="D39469" t="s">
        <v>24482</v>
      </c>
      <c r="E39469" t="s">
        <v>24327</v>
      </c>
      <c r="F39469" t="s">
        <v>24328</v>
      </c>
      <c r="G39469" t="s">
        <v>11612</v>
      </c>
      <c r="H39469" t="s">
        <v>11613</v>
      </c>
      <c r="I39469" s="2">
        <v>0</v>
      </c>
      <c r="J39469" s="2">
        <v>0</v>
      </c>
      <c r="K39469" s="2">
        <v>1</v>
      </c>
      <c r="L39469" t="s">
        <v>995</v>
      </c>
      <c r="M39469" t="s">
        <v>83</v>
      </c>
      <c r="N39469" t="s">
        <v>91</v>
      </c>
      <c r="O39469" t="s">
        <v>85</v>
      </c>
      <c r="P39469" t="s">
        <v>86</v>
      </c>
      <c r="Q39469">
        <v>7</v>
      </c>
      <c r="R39469">
        <v>7</v>
      </c>
      <c r="S39469">
        <v>7</v>
      </c>
      <c r="T39469">
        <v>7</v>
      </c>
      <c r="U39469">
        <v>7</v>
      </c>
      <c r="V39469">
        <v>7</v>
      </c>
      <c r="W39469">
        <v>7</v>
      </c>
      <c r="X39469">
        <v>7</v>
      </c>
      <c r="Y39469">
        <v>8</v>
      </c>
      <c r="Z39469">
        <v>8</v>
      </c>
      <c r="AA39469">
        <v>8</v>
      </c>
      <c r="AB39469">
        <v>8</v>
      </c>
      <c r="AC39469">
        <v>8</v>
      </c>
      <c r="AD39469">
        <v>8</v>
      </c>
      <c r="AE39469">
        <v>8</v>
      </c>
      <c r="AF39469">
        <v>8</v>
      </c>
      <c r="AG39469">
        <v>8</v>
      </c>
      <c r="AH39469">
        <v>8</v>
      </c>
      <c r="AI39469">
        <v>8</v>
      </c>
      <c r="AJ39469">
        <v>9</v>
      </c>
      <c r="AK39469">
        <v>9</v>
      </c>
      <c r="AL39469">
        <v>9</v>
      </c>
      <c r="AM39469">
        <v>9</v>
      </c>
      <c r="AN39469">
        <v>9</v>
      </c>
      <c r="AO39469">
        <v>9</v>
      </c>
      <c r="AP39469">
        <v>9</v>
      </c>
      <c r="AQ39469">
        <v>9</v>
      </c>
    </row>
    <row r="39470" spans="1:43">
      <c r="A39470" t="s">
        <v>24483</v>
      </c>
      <c r="B39470" t="s">
        <v>24484</v>
      </c>
      <c r="C39470" t="s">
        <v>24465</v>
      </c>
      <c r="D39470" t="s">
        <v>24466</v>
      </c>
      <c r="E39470" t="s">
        <v>24327</v>
      </c>
      <c r="F39470" t="s">
        <v>24328</v>
      </c>
      <c r="G39470" t="s">
        <v>11612</v>
      </c>
      <c r="H39470" t="s">
        <v>11613</v>
      </c>
      <c r="I39470" s="2">
        <v>0</v>
      </c>
      <c r="J39470" s="2">
        <v>0</v>
      </c>
      <c r="K39470" s="2">
        <v>1</v>
      </c>
      <c r="L39470" t="s">
        <v>995</v>
      </c>
      <c r="M39470" t="s">
        <v>83</v>
      </c>
      <c r="N39470" t="s">
        <v>84</v>
      </c>
      <c r="O39470" t="s">
        <v>85</v>
      </c>
      <c r="P39470" t="s">
        <v>86</v>
      </c>
      <c r="Q39470">
        <v>49</v>
      </c>
      <c r="R39470">
        <v>50</v>
      </c>
      <c r="S39470">
        <v>51</v>
      </c>
      <c r="T39470">
        <v>51</v>
      </c>
      <c r="U39470">
        <v>52</v>
      </c>
      <c r="V39470">
        <v>52</v>
      </c>
      <c r="W39470">
        <v>53</v>
      </c>
      <c r="X39470">
        <v>54</v>
      </c>
      <c r="Y39470">
        <v>54</v>
      </c>
      <c r="Z39470">
        <v>55</v>
      </c>
      <c r="AA39470">
        <v>56</v>
      </c>
      <c r="AB39470">
        <v>56</v>
      </c>
      <c r="AC39470">
        <v>57</v>
      </c>
      <c r="AD39470">
        <v>58</v>
      </c>
      <c r="AE39470">
        <v>58</v>
      </c>
      <c r="AF39470">
        <v>59</v>
      </c>
      <c r="AG39470">
        <v>60</v>
      </c>
      <c r="AH39470">
        <v>60</v>
      </c>
      <c r="AI39470">
        <v>61</v>
      </c>
      <c r="AJ39470">
        <v>62</v>
      </c>
      <c r="AK39470">
        <v>63</v>
      </c>
      <c r="AL39470">
        <v>63</v>
      </c>
      <c r="AM39470">
        <v>63</v>
      </c>
      <c r="AN39470">
        <v>63</v>
      </c>
      <c r="AO39470">
        <v>64</v>
      </c>
      <c r="AP39470">
        <v>64</v>
      </c>
      <c r="AQ39470">
        <v>64</v>
      </c>
    </row>
    <row r="39471" spans="1:43">
      <c r="A39471" t="s">
        <v>24483</v>
      </c>
      <c r="B39471" t="s">
        <v>24484</v>
      </c>
      <c r="C39471" t="s">
        <v>24465</v>
      </c>
      <c r="D39471" t="s">
        <v>24466</v>
      </c>
      <c r="E39471" t="s">
        <v>24327</v>
      </c>
      <c r="F39471" t="s">
        <v>24328</v>
      </c>
      <c r="G39471" t="s">
        <v>11612</v>
      </c>
      <c r="H39471" t="s">
        <v>11613</v>
      </c>
      <c r="I39471" s="2">
        <v>0</v>
      </c>
      <c r="J39471" s="2">
        <v>0</v>
      </c>
      <c r="K39471" s="2">
        <v>1</v>
      </c>
      <c r="L39471" t="s">
        <v>995</v>
      </c>
      <c r="M39471" t="s">
        <v>87</v>
      </c>
      <c r="N39471" t="s">
        <v>88</v>
      </c>
      <c r="O39471" t="s">
        <v>85</v>
      </c>
      <c r="P39471" t="s">
        <v>86</v>
      </c>
      <c r="Q39471">
        <v>49</v>
      </c>
      <c r="R39471">
        <v>49</v>
      </c>
      <c r="S39471">
        <v>49</v>
      </c>
      <c r="T39471">
        <v>49</v>
      </c>
      <c r="U39471">
        <v>50</v>
      </c>
      <c r="V39471">
        <v>50</v>
      </c>
      <c r="W39471">
        <v>50</v>
      </c>
      <c r="X39471">
        <v>50</v>
      </c>
      <c r="Y39471">
        <v>50</v>
      </c>
      <c r="Z39471">
        <v>51</v>
      </c>
      <c r="AA39471">
        <v>51</v>
      </c>
      <c r="AB39471">
        <v>51</v>
      </c>
      <c r="AC39471">
        <v>51</v>
      </c>
      <c r="AD39471">
        <v>51</v>
      </c>
      <c r="AE39471">
        <v>52</v>
      </c>
      <c r="AF39471">
        <v>52</v>
      </c>
      <c r="AG39471">
        <v>52</v>
      </c>
      <c r="AH39471">
        <v>52</v>
      </c>
      <c r="AI39471">
        <v>53</v>
      </c>
      <c r="AJ39471">
        <v>53</v>
      </c>
      <c r="AK39471">
        <v>53</v>
      </c>
      <c r="AL39471">
        <v>54</v>
      </c>
      <c r="AM39471">
        <v>54</v>
      </c>
      <c r="AN39471">
        <v>54</v>
      </c>
      <c r="AO39471">
        <v>55</v>
      </c>
      <c r="AP39471">
        <v>55</v>
      </c>
      <c r="AQ39471">
        <v>55</v>
      </c>
    </row>
    <row r="39472" spans="1:43">
      <c r="A39472" t="s">
        <v>24483</v>
      </c>
      <c r="B39472" t="s">
        <v>24484</v>
      </c>
      <c r="C39472" t="s">
        <v>24465</v>
      </c>
      <c r="D39472" t="s">
        <v>24466</v>
      </c>
      <c r="E39472" t="s">
        <v>24327</v>
      </c>
      <c r="F39472" t="s">
        <v>24328</v>
      </c>
      <c r="G39472" t="s">
        <v>11612</v>
      </c>
      <c r="H39472" t="s">
        <v>11613</v>
      </c>
      <c r="I39472" s="2">
        <v>0</v>
      </c>
      <c r="J39472" s="2">
        <v>0</v>
      </c>
      <c r="K39472" s="2">
        <v>1</v>
      </c>
      <c r="L39472" t="s">
        <v>995</v>
      </c>
      <c r="M39472" t="s">
        <v>89</v>
      </c>
      <c r="N39472" t="s">
        <v>90</v>
      </c>
      <c r="O39472" t="s">
        <v>85</v>
      </c>
      <c r="P39472" t="s">
        <v>86</v>
      </c>
      <c r="Q39472">
        <v>49</v>
      </c>
      <c r="R39472">
        <v>51</v>
      </c>
      <c r="S39472">
        <v>52</v>
      </c>
      <c r="T39472">
        <v>53</v>
      </c>
      <c r="U39472">
        <v>54</v>
      </c>
      <c r="V39472">
        <v>55</v>
      </c>
      <c r="W39472">
        <v>56</v>
      </c>
      <c r="X39472">
        <v>57</v>
      </c>
      <c r="Y39472">
        <v>58</v>
      </c>
      <c r="Z39472">
        <v>59</v>
      </c>
      <c r="AA39472">
        <v>59</v>
      </c>
      <c r="AB39472">
        <v>60</v>
      </c>
      <c r="AC39472">
        <v>61</v>
      </c>
      <c r="AD39472">
        <v>62</v>
      </c>
      <c r="AE39472">
        <v>63</v>
      </c>
      <c r="AF39472">
        <v>63</v>
      </c>
      <c r="AG39472">
        <v>63</v>
      </c>
      <c r="AH39472">
        <v>63</v>
      </c>
      <c r="AI39472">
        <v>63</v>
      </c>
      <c r="AJ39472">
        <v>63</v>
      </c>
      <c r="AK39472">
        <v>63</v>
      </c>
      <c r="AL39472">
        <v>64</v>
      </c>
      <c r="AM39472">
        <v>64</v>
      </c>
      <c r="AN39472">
        <v>64</v>
      </c>
      <c r="AO39472">
        <v>64</v>
      </c>
      <c r="AP39472">
        <v>64</v>
      </c>
      <c r="AQ39472">
        <v>64</v>
      </c>
    </row>
    <row r="39473" spans="1:43">
      <c r="A39473" t="s">
        <v>24483</v>
      </c>
      <c r="B39473" t="s">
        <v>24484</v>
      </c>
      <c r="C39473" t="s">
        <v>24465</v>
      </c>
      <c r="D39473" t="s">
        <v>24466</v>
      </c>
      <c r="E39473" t="s">
        <v>24327</v>
      </c>
      <c r="F39473" t="s">
        <v>24328</v>
      </c>
      <c r="G39473" t="s">
        <v>11612</v>
      </c>
      <c r="H39473" t="s">
        <v>11613</v>
      </c>
      <c r="I39473" s="2">
        <v>0</v>
      </c>
      <c r="J39473" s="2">
        <v>0</v>
      </c>
      <c r="K39473" s="2">
        <v>1</v>
      </c>
      <c r="L39473" t="s">
        <v>995</v>
      </c>
      <c r="M39473" t="s">
        <v>83</v>
      </c>
      <c r="N39473" t="s">
        <v>91</v>
      </c>
      <c r="O39473" t="s">
        <v>85</v>
      </c>
      <c r="P39473" t="s">
        <v>86</v>
      </c>
      <c r="Q39473">
        <v>49</v>
      </c>
      <c r="R39473">
        <v>50</v>
      </c>
      <c r="S39473">
        <v>51</v>
      </c>
      <c r="T39473">
        <v>51</v>
      </c>
      <c r="U39473">
        <v>52</v>
      </c>
      <c r="V39473">
        <v>52</v>
      </c>
      <c r="W39473">
        <v>53</v>
      </c>
      <c r="X39473">
        <v>54</v>
      </c>
      <c r="Y39473">
        <v>54</v>
      </c>
      <c r="Z39473">
        <v>55</v>
      </c>
      <c r="AA39473">
        <v>56</v>
      </c>
      <c r="AB39473">
        <v>56</v>
      </c>
      <c r="AC39473">
        <v>57</v>
      </c>
      <c r="AD39473">
        <v>58</v>
      </c>
      <c r="AE39473">
        <v>58</v>
      </c>
      <c r="AF39473">
        <v>59</v>
      </c>
      <c r="AG39473">
        <v>60</v>
      </c>
      <c r="AH39473">
        <v>60</v>
      </c>
      <c r="AI39473">
        <v>61</v>
      </c>
      <c r="AJ39473">
        <v>62</v>
      </c>
      <c r="AK39473">
        <v>63</v>
      </c>
      <c r="AL39473">
        <v>63</v>
      </c>
      <c r="AM39473">
        <v>63</v>
      </c>
      <c r="AN39473">
        <v>63</v>
      </c>
      <c r="AO39473">
        <v>64</v>
      </c>
      <c r="AP39473">
        <v>64</v>
      </c>
      <c r="AQ39473">
        <v>64</v>
      </c>
    </row>
    <row r="39474" spans="1:43">
      <c r="A39474" t="s">
        <v>24485</v>
      </c>
      <c r="B39474" t="s">
        <v>24486</v>
      </c>
      <c r="C39474" t="s">
        <v>24481</v>
      </c>
      <c r="D39474" t="s">
        <v>24482</v>
      </c>
      <c r="E39474" t="s">
        <v>24327</v>
      </c>
      <c r="F39474" t="s">
        <v>24328</v>
      </c>
      <c r="G39474" t="s">
        <v>11612</v>
      </c>
      <c r="H39474" t="s">
        <v>11613</v>
      </c>
      <c r="I39474" s="2">
        <v>0</v>
      </c>
      <c r="J39474" s="2">
        <v>0</v>
      </c>
      <c r="K39474" s="2">
        <v>1</v>
      </c>
      <c r="L39474" t="s">
        <v>995</v>
      </c>
      <c r="M39474" t="s">
        <v>83</v>
      </c>
      <c r="N39474" t="s">
        <v>84</v>
      </c>
      <c r="O39474" t="s">
        <v>85</v>
      </c>
      <c r="P39474" t="s">
        <v>86</v>
      </c>
      <c r="Q39474">
        <v>53</v>
      </c>
      <c r="R39474">
        <v>53</v>
      </c>
      <c r="S39474">
        <v>54</v>
      </c>
      <c r="T39474">
        <v>55</v>
      </c>
      <c r="U39474">
        <v>56</v>
      </c>
      <c r="V39474">
        <v>56</v>
      </c>
      <c r="W39474">
        <v>57</v>
      </c>
      <c r="X39474">
        <v>58</v>
      </c>
      <c r="Y39474">
        <v>58</v>
      </c>
      <c r="Z39474">
        <v>59</v>
      </c>
      <c r="AA39474">
        <v>60</v>
      </c>
      <c r="AB39474">
        <v>60</v>
      </c>
      <c r="AC39474">
        <v>61</v>
      </c>
      <c r="AD39474">
        <v>62</v>
      </c>
      <c r="AE39474">
        <v>63</v>
      </c>
      <c r="AF39474">
        <v>63</v>
      </c>
      <c r="AG39474">
        <v>64</v>
      </c>
      <c r="AH39474">
        <v>65</v>
      </c>
      <c r="AI39474">
        <v>66</v>
      </c>
      <c r="AJ39474">
        <v>66</v>
      </c>
      <c r="AK39474">
        <v>67</v>
      </c>
      <c r="AL39474">
        <v>68</v>
      </c>
      <c r="AM39474">
        <v>68</v>
      </c>
      <c r="AN39474">
        <v>68</v>
      </c>
      <c r="AO39474">
        <v>68</v>
      </c>
      <c r="AP39474">
        <v>68</v>
      </c>
      <c r="AQ39474">
        <v>69</v>
      </c>
    </row>
    <row r="39475" spans="1:43">
      <c r="A39475" t="s">
        <v>24485</v>
      </c>
      <c r="B39475" t="s">
        <v>24486</v>
      </c>
      <c r="C39475" t="s">
        <v>24481</v>
      </c>
      <c r="D39475" t="s">
        <v>24482</v>
      </c>
      <c r="E39475" t="s">
        <v>24327</v>
      </c>
      <c r="F39475" t="s">
        <v>24328</v>
      </c>
      <c r="G39475" t="s">
        <v>11612</v>
      </c>
      <c r="H39475" t="s">
        <v>11613</v>
      </c>
      <c r="I39475" s="2">
        <v>0</v>
      </c>
      <c r="J39475" s="2">
        <v>0</v>
      </c>
      <c r="K39475" s="2">
        <v>1</v>
      </c>
      <c r="L39475" t="s">
        <v>995</v>
      </c>
      <c r="M39475" t="s">
        <v>87</v>
      </c>
      <c r="N39475" t="s">
        <v>88</v>
      </c>
      <c r="O39475" t="s">
        <v>85</v>
      </c>
      <c r="P39475" t="s">
        <v>86</v>
      </c>
      <c r="Q39475">
        <v>53</v>
      </c>
      <c r="R39475">
        <v>53</v>
      </c>
      <c r="S39475">
        <v>54</v>
      </c>
      <c r="T39475">
        <v>54</v>
      </c>
      <c r="U39475">
        <v>54</v>
      </c>
      <c r="V39475">
        <v>54</v>
      </c>
      <c r="W39475">
        <v>54</v>
      </c>
      <c r="X39475">
        <v>55</v>
      </c>
      <c r="Y39475">
        <v>55</v>
      </c>
      <c r="Z39475">
        <v>55</v>
      </c>
      <c r="AA39475">
        <v>55</v>
      </c>
      <c r="AB39475">
        <v>56</v>
      </c>
      <c r="AC39475">
        <v>56</v>
      </c>
      <c r="AD39475">
        <v>56</v>
      </c>
      <c r="AE39475">
        <v>56</v>
      </c>
      <c r="AF39475">
        <v>57</v>
      </c>
      <c r="AG39475">
        <v>57</v>
      </c>
      <c r="AH39475">
        <v>57</v>
      </c>
      <c r="AI39475">
        <v>58</v>
      </c>
      <c r="AJ39475">
        <v>58</v>
      </c>
      <c r="AK39475">
        <v>58</v>
      </c>
      <c r="AL39475">
        <v>59</v>
      </c>
      <c r="AM39475">
        <v>59</v>
      </c>
      <c r="AN39475">
        <v>59</v>
      </c>
      <c r="AO39475">
        <v>60</v>
      </c>
      <c r="AP39475">
        <v>60</v>
      </c>
      <c r="AQ39475">
        <v>60</v>
      </c>
    </row>
    <row r="39476" spans="1:43">
      <c r="A39476" t="s">
        <v>24485</v>
      </c>
      <c r="B39476" t="s">
        <v>24486</v>
      </c>
      <c r="C39476" t="s">
        <v>24481</v>
      </c>
      <c r="D39476" t="s">
        <v>24482</v>
      </c>
      <c r="E39476" t="s">
        <v>24327</v>
      </c>
      <c r="F39476" t="s">
        <v>24328</v>
      </c>
      <c r="G39476" t="s">
        <v>11612</v>
      </c>
      <c r="H39476" t="s">
        <v>11613</v>
      </c>
      <c r="I39476" s="2">
        <v>0</v>
      </c>
      <c r="J39476" s="2">
        <v>0</v>
      </c>
      <c r="K39476" s="2">
        <v>1</v>
      </c>
      <c r="L39476" t="s">
        <v>995</v>
      </c>
      <c r="M39476" t="s">
        <v>89</v>
      </c>
      <c r="N39476" t="s">
        <v>90</v>
      </c>
      <c r="O39476" t="s">
        <v>85</v>
      </c>
      <c r="P39476" t="s">
        <v>86</v>
      </c>
      <c r="Q39476">
        <v>53</v>
      </c>
      <c r="R39476">
        <v>54</v>
      </c>
      <c r="S39476">
        <v>56</v>
      </c>
      <c r="T39476">
        <v>57</v>
      </c>
      <c r="U39476">
        <v>58</v>
      </c>
      <c r="V39476">
        <v>59</v>
      </c>
      <c r="W39476">
        <v>60</v>
      </c>
      <c r="X39476">
        <v>61</v>
      </c>
      <c r="Y39476">
        <v>62</v>
      </c>
      <c r="Z39476">
        <v>63</v>
      </c>
      <c r="AA39476">
        <v>64</v>
      </c>
      <c r="AB39476">
        <v>65</v>
      </c>
      <c r="AC39476">
        <v>66</v>
      </c>
      <c r="AD39476">
        <v>66</v>
      </c>
      <c r="AE39476">
        <v>67</v>
      </c>
      <c r="AF39476">
        <v>67</v>
      </c>
      <c r="AG39476">
        <v>67</v>
      </c>
      <c r="AH39476">
        <v>67</v>
      </c>
      <c r="AI39476">
        <v>68</v>
      </c>
      <c r="AJ39476">
        <v>68</v>
      </c>
      <c r="AK39476">
        <v>68</v>
      </c>
      <c r="AL39476">
        <v>68</v>
      </c>
      <c r="AM39476">
        <v>68</v>
      </c>
      <c r="AN39476">
        <v>68</v>
      </c>
      <c r="AO39476">
        <v>69</v>
      </c>
      <c r="AP39476">
        <v>69</v>
      </c>
      <c r="AQ39476">
        <v>69</v>
      </c>
    </row>
    <row r="39477" spans="1:43">
      <c r="A39477" t="s">
        <v>24485</v>
      </c>
      <c r="B39477" t="s">
        <v>24486</v>
      </c>
      <c r="C39477" t="s">
        <v>24481</v>
      </c>
      <c r="D39477" t="s">
        <v>24482</v>
      </c>
      <c r="E39477" t="s">
        <v>24327</v>
      </c>
      <c r="F39477" t="s">
        <v>24328</v>
      </c>
      <c r="G39477" t="s">
        <v>11612</v>
      </c>
      <c r="H39477" t="s">
        <v>11613</v>
      </c>
      <c r="I39477" s="2">
        <v>0</v>
      </c>
      <c r="J39477" s="2">
        <v>0</v>
      </c>
      <c r="K39477" s="2">
        <v>1</v>
      </c>
      <c r="L39477" t="s">
        <v>995</v>
      </c>
      <c r="M39477" t="s">
        <v>83</v>
      </c>
      <c r="N39477" t="s">
        <v>91</v>
      </c>
      <c r="O39477" t="s">
        <v>85</v>
      </c>
      <c r="P39477" t="s">
        <v>86</v>
      </c>
      <c r="Q39477">
        <v>53</v>
      </c>
      <c r="R39477">
        <v>53</v>
      </c>
      <c r="S39477">
        <v>54</v>
      </c>
      <c r="T39477">
        <v>55</v>
      </c>
      <c r="U39477">
        <v>56</v>
      </c>
      <c r="V39477">
        <v>56</v>
      </c>
      <c r="W39477">
        <v>57</v>
      </c>
      <c r="X39477">
        <v>58</v>
      </c>
      <c r="Y39477">
        <v>58</v>
      </c>
      <c r="Z39477">
        <v>59</v>
      </c>
      <c r="AA39477">
        <v>60</v>
      </c>
      <c r="AB39477">
        <v>60</v>
      </c>
      <c r="AC39477">
        <v>61</v>
      </c>
      <c r="AD39477">
        <v>62</v>
      </c>
      <c r="AE39477">
        <v>63</v>
      </c>
      <c r="AF39477">
        <v>63</v>
      </c>
      <c r="AG39477">
        <v>64</v>
      </c>
      <c r="AH39477">
        <v>65</v>
      </c>
      <c r="AI39477">
        <v>66</v>
      </c>
      <c r="AJ39477">
        <v>66</v>
      </c>
      <c r="AK39477">
        <v>67</v>
      </c>
      <c r="AL39477">
        <v>68</v>
      </c>
      <c r="AM39477">
        <v>68</v>
      </c>
      <c r="AN39477">
        <v>68</v>
      </c>
      <c r="AO39477">
        <v>68</v>
      </c>
      <c r="AP39477">
        <v>68</v>
      </c>
      <c r="AQ39477">
        <v>69</v>
      </c>
    </row>
    <row r="39478" spans="1:43">
      <c r="A39478" t="s">
        <v>24487</v>
      </c>
      <c r="B39478" t="s">
        <v>24488</v>
      </c>
      <c r="C39478" t="s">
        <v>24411</v>
      </c>
      <c r="D39478" t="s">
        <v>24412</v>
      </c>
      <c r="E39478" t="s">
        <v>24327</v>
      </c>
      <c r="F39478" t="s">
        <v>24328</v>
      </c>
      <c r="G39478" t="s">
        <v>11612</v>
      </c>
      <c r="H39478" t="s">
        <v>11613</v>
      </c>
      <c r="I39478" s="2">
        <v>0</v>
      </c>
      <c r="J39478" s="2">
        <v>0</v>
      </c>
      <c r="K39478" s="2">
        <v>1</v>
      </c>
      <c r="L39478" t="s">
        <v>995</v>
      </c>
      <c r="M39478" t="s">
        <v>83</v>
      </c>
      <c r="N39478" t="s">
        <v>84</v>
      </c>
      <c r="O39478" t="s">
        <v>85</v>
      </c>
      <c r="P39478" t="s">
        <v>86</v>
      </c>
      <c r="Q39478">
        <v>11</v>
      </c>
      <c r="R39478">
        <v>11</v>
      </c>
      <c r="S39478">
        <v>12</v>
      </c>
      <c r="T39478">
        <v>12</v>
      </c>
      <c r="U39478">
        <v>12</v>
      </c>
      <c r="V39478">
        <v>12</v>
      </c>
      <c r="W39478">
        <v>12</v>
      </c>
      <c r="X39478">
        <v>12</v>
      </c>
      <c r="Y39478">
        <v>12</v>
      </c>
      <c r="Z39478">
        <v>13</v>
      </c>
      <c r="AA39478">
        <v>13</v>
      </c>
      <c r="AB39478">
        <v>13</v>
      </c>
      <c r="AC39478">
        <v>13</v>
      </c>
      <c r="AD39478">
        <v>13</v>
      </c>
      <c r="AE39478">
        <v>13</v>
      </c>
      <c r="AF39478">
        <v>14</v>
      </c>
      <c r="AG39478">
        <v>14</v>
      </c>
      <c r="AH39478">
        <v>14</v>
      </c>
      <c r="AI39478">
        <v>14</v>
      </c>
      <c r="AJ39478">
        <v>14</v>
      </c>
      <c r="AK39478">
        <v>14</v>
      </c>
      <c r="AL39478">
        <v>14</v>
      </c>
      <c r="AM39478">
        <v>14</v>
      </c>
      <c r="AN39478">
        <v>15</v>
      </c>
      <c r="AO39478">
        <v>15</v>
      </c>
      <c r="AP39478">
        <v>15</v>
      </c>
      <c r="AQ39478">
        <v>15</v>
      </c>
    </row>
    <row r="39479" spans="1:43">
      <c r="A39479" t="s">
        <v>24487</v>
      </c>
      <c r="B39479" t="s">
        <v>24488</v>
      </c>
      <c r="C39479" t="s">
        <v>24411</v>
      </c>
      <c r="D39479" t="s">
        <v>24412</v>
      </c>
      <c r="E39479" t="s">
        <v>24327</v>
      </c>
      <c r="F39479" t="s">
        <v>24328</v>
      </c>
      <c r="G39479" t="s">
        <v>11612</v>
      </c>
      <c r="H39479" t="s">
        <v>11613</v>
      </c>
      <c r="I39479" s="2">
        <v>0</v>
      </c>
      <c r="J39479" s="2">
        <v>0</v>
      </c>
      <c r="K39479" s="2">
        <v>1</v>
      </c>
      <c r="L39479" t="s">
        <v>995</v>
      </c>
      <c r="M39479" t="s">
        <v>87</v>
      </c>
      <c r="N39479" t="s">
        <v>88</v>
      </c>
      <c r="O39479" t="s">
        <v>85</v>
      </c>
      <c r="P39479" t="s">
        <v>86</v>
      </c>
      <c r="Q39479">
        <v>11</v>
      </c>
      <c r="R39479">
        <v>11</v>
      </c>
      <c r="S39479">
        <v>11</v>
      </c>
      <c r="T39479">
        <v>11</v>
      </c>
      <c r="U39479">
        <v>11</v>
      </c>
      <c r="V39479">
        <v>11</v>
      </c>
      <c r="W39479">
        <v>11</v>
      </c>
      <c r="X39479">
        <v>11</v>
      </c>
      <c r="Y39479">
        <v>12</v>
      </c>
      <c r="Z39479">
        <v>12</v>
      </c>
      <c r="AA39479">
        <v>12</v>
      </c>
      <c r="AB39479">
        <v>12</v>
      </c>
      <c r="AC39479">
        <v>12</v>
      </c>
      <c r="AD39479">
        <v>12</v>
      </c>
      <c r="AE39479">
        <v>12</v>
      </c>
      <c r="AF39479">
        <v>12</v>
      </c>
      <c r="AG39479">
        <v>12</v>
      </c>
      <c r="AH39479">
        <v>12</v>
      </c>
      <c r="AI39479">
        <v>12</v>
      </c>
      <c r="AJ39479">
        <v>12</v>
      </c>
      <c r="AK39479">
        <v>12</v>
      </c>
      <c r="AL39479">
        <v>12</v>
      </c>
      <c r="AM39479">
        <v>12</v>
      </c>
      <c r="AN39479">
        <v>12</v>
      </c>
      <c r="AO39479">
        <v>13</v>
      </c>
      <c r="AP39479">
        <v>13</v>
      </c>
      <c r="AQ39479">
        <v>13</v>
      </c>
    </row>
    <row r="39480" spans="1:43">
      <c r="A39480" t="s">
        <v>24487</v>
      </c>
      <c r="B39480" t="s">
        <v>24488</v>
      </c>
      <c r="C39480" t="s">
        <v>24411</v>
      </c>
      <c r="D39480" t="s">
        <v>24412</v>
      </c>
      <c r="E39480" t="s">
        <v>24327</v>
      </c>
      <c r="F39480" t="s">
        <v>24328</v>
      </c>
      <c r="G39480" t="s">
        <v>11612</v>
      </c>
      <c r="H39480" t="s">
        <v>11613</v>
      </c>
      <c r="I39480" s="2">
        <v>0</v>
      </c>
      <c r="J39480" s="2">
        <v>0</v>
      </c>
      <c r="K39480" s="2">
        <v>1</v>
      </c>
      <c r="L39480" t="s">
        <v>995</v>
      </c>
      <c r="M39480" t="s">
        <v>89</v>
      </c>
      <c r="N39480" t="s">
        <v>90</v>
      </c>
      <c r="O39480" t="s">
        <v>85</v>
      </c>
      <c r="P39480" t="s">
        <v>86</v>
      </c>
      <c r="Q39480">
        <v>11</v>
      </c>
      <c r="R39480">
        <v>12</v>
      </c>
      <c r="S39480">
        <v>12</v>
      </c>
      <c r="T39480">
        <v>12</v>
      </c>
      <c r="U39480">
        <v>12</v>
      </c>
      <c r="V39480">
        <v>13</v>
      </c>
      <c r="W39480">
        <v>13</v>
      </c>
      <c r="X39480">
        <v>13</v>
      </c>
      <c r="Y39480">
        <v>13</v>
      </c>
      <c r="Z39480">
        <v>13</v>
      </c>
      <c r="AA39480">
        <v>14</v>
      </c>
      <c r="AB39480">
        <v>14</v>
      </c>
      <c r="AC39480">
        <v>14</v>
      </c>
      <c r="AD39480">
        <v>14</v>
      </c>
      <c r="AE39480">
        <v>14</v>
      </c>
      <c r="AF39480">
        <v>14</v>
      </c>
      <c r="AG39480">
        <v>14</v>
      </c>
      <c r="AH39480">
        <v>14</v>
      </c>
      <c r="AI39480">
        <v>14</v>
      </c>
      <c r="AJ39480">
        <v>15</v>
      </c>
      <c r="AK39480">
        <v>15</v>
      </c>
      <c r="AL39480">
        <v>15</v>
      </c>
      <c r="AM39480">
        <v>15</v>
      </c>
      <c r="AN39480">
        <v>15</v>
      </c>
      <c r="AO39480">
        <v>15</v>
      </c>
      <c r="AP39480">
        <v>15</v>
      </c>
      <c r="AQ39480">
        <v>15</v>
      </c>
    </row>
    <row r="39481" spans="1:43">
      <c r="A39481" t="s">
        <v>24487</v>
      </c>
      <c r="B39481" t="s">
        <v>24488</v>
      </c>
      <c r="C39481" t="s">
        <v>24411</v>
      </c>
      <c r="D39481" t="s">
        <v>24412</v>
      </c>
      <c r="E39481" t="s">
        <v>24327</v>
      </c>
      <c r="F39481" t="s">
        <v>24328</v>
      </c>
      <c r="G39481" t="s">
        <v>11612</v>
      </c>
      <c r="H39481" t="s">
        <v>11613</v>
      </c>
      <c r="I39481" s="2">
        <v>0</v>
      </c>
      <c r="J39481" s="2">
        <v>0</v>
      </c>
      <c r="K39481" s="2">
        <v>1</v>
      </c>
      <c r="L39481" t="s">
        <v>995</v>
      </c>
      <c r="M39481" t="s">
        <v>83</v>
      </c>
      <c r="N39481" t="s">
        <v>91</v>
      </c>
      <c r="O39481" t="s">
        <v>85</v>
      </c>
      <c r="P39481" t="s">
        <v>86</v>
      </c>
      <c r="Q39481">
        <v>11</v>
      </c>
      <c r="R39481">
        <v>11</v>
      </c>
      <c r="S39481">
        <v>12</v>
      </c>
      <c r="T39481">
        <v>12</v>
      </c>
      <c r="U39481">
        <v>12</v>
      </c>
      <c r="V39481">
        <v>12</v>
      </c>
      <c r="W39481">
        <v>12</v>
      </c>
      <c r="X39481">
        <v>12</v>
      </c>
      <c r="Y39481">
        <v>12</v>
      </c>
      <c r="Z39481">
        <v>13</v>
      </c>
      <c r="AA39481">
        <v>13</v>
      </c>
      <c r="AB39481">
        <v>13</v>
      </c>
      <c r="AC39481">
        <v>13</v>
      </c>
      <c r="AD39481">
        <v>13</v>
      </c>
      <c r="AE39481">
        <v>13</v>
      </c>
      <c r="AF39481">
        <v>14</v>
      </c>
      <c r="AG39481">
        <v>14</v>
      </c>
      <c r="AH39481">
        <v>14</v>
      </c>
      <c r="AI39481">
        <v>14</v>
      </c>
      <c r="AJ39481">
        <v>14</v>
      </c>
      <c r="AK39481">
        <v>14</v>
      </c>
      <c r="AL39481">
        <v>14</v>
      </c>
      <c r="AM39481">
        <v>14</v>
      </c>
      <c r="AN39481">
        <v>15</v>
      </c>
      <c r="AO39481">
        <v>15</v>
      </c>
      <c r="AP39481">
        <v>15</v>
      </c>
      <c r="AQ39481">
        <v>15</v>
      </c>
    </row>
    <row r="39482" spans="1:43">
      <c r="A39482" t="s">
        <v>24489</v>
      </c>
      <c r="B39482" t="s">
        <v>24490</v>
      </c>
      <c r="C39482" t="s">
        <v>24331</v>
      </c>
      <c r="D39482" t="s">
        <v>24332</v>
      </c>
      <c r="E39482" t="s">
        <v>24327</v>
      </c>
      <c r="F39482" t="s">
        <v>24328</v>
      </c>
      <c r="G39482" t="s">
        <v>11612</v>
      </c>
      <c r="H39482" t="s">
        <v>11613</v>
      </c>
      <c r="I39482" s="2">
        <v>0</v>
      </c>
      <c r="J39482" s="2">
        <v>0</v>
      </c>
      <c r="K39482" s="2">
        <v>1</v>
      </c>
      <c r="L39482" t="s">
        <v>995</v>
      </c>
      <c r="M39482" t="s">
        <v>83</v>
      </c>
      <c r="N39482" t="s">
        <v>84</v>
      </c>
      <c r="O39482" t="s">
        <v>85</v>
      </c>
      <c r="P39482" t="s">
        <v>86</v>
      </c>
      <c r="Q39482">
        <v>31</v>
      </c>
      <c r="R39482">
        <v>32</v>
      </c>
      <c r="S39482">
        <v>32</v>
      </c>
      <c r="T39482">
        <v>32</v>
      </c>
      <c r="U39482">
        <v>33</v>
      </c>
      <c r="V39482">
        <v>33</v>
      </c>
      <c r="W39482">
        <v>34</v>
      </c>
      <c r="X39482">
        <v>34</v>
      </c>
      <c r="Y39482">
        <v>35</v>
      </c>
      <c r="Z39482">
        <v>35</v>
      </c>
      <c r="AA39482">
        <v>35</v>
      </c>
      <c r="AB39482">
        <v>36</v>
      </c>
      <c r="AC39482">
        <v>36</v>
      </c>
      <c r="AD39482">
        <v>37</v>
      </c>
      <c r="AE39482">
        <v>37</v>
      </c>
      <c r="AF39482">
        <v>38</v>
      </c>
      <c r="AG39482">
        <v>38</v>
      </c>
      <c r="AH39482">
        <v>39</v>
      </c>
      <c r="AI39482">
        <v>39</v>
      </c>
      <c r="AJ39482">
        <v>40</v>
      </c>
      <c r="AK39482">
        <v>40</v>
      </c>
      <c r="AL39482">
        <v>40</v>
      </c>
      <c r="AM39482">
        <v>40</v>
      </c>
      <c r="AN39482">
        <v>41</v>
      </c>
      <c r="AO39482">
        <v>41</v>
      </c>
      <c r="AP39482">
        <v>41</v>
      </c>
      <c r="AQ39482">
        <v>41</v>
      </c>
    </row>
    <row r="39483" spans="1:43">
      <c r="A39483" t="s">
        <v>24489</v>
      </c>
      <c r="B39483" t="s">
        <v>24490</v>
      </c>
      <c r="C39483" t="s">
        <v>24331</v>
      </c>
      <c r="D39483" t="s">
        <v>24332</v>
      </c>
      <c r="E39483" t="s">
        <v>24327</v>
      </c>
      <c r="F39483" t="s">
        <v>24328</v>
      </c>
      <c r="G39483" t="s">
        <v>11612</v>
      </c>
      <c r="H39483" t="s">
        <v>11613</v>
      </c>
      <c r="I39483" s="2">
        <v>0</v>
      </c>
      <c r="J39483" s="2">
        <v>0</v>
      </c>
      <c r="K39483" s="2">
        <v>1</v>
      </c>
      <c r="L39483" t="s">
        <v>995</v>
      </c>
      <c r="M39483" t="s">
        <v>87</v>
      </c>
      <c r="N39483" t="s">
        <v>88</v>
      </c>
      <c r="O39483" t="s">
        <v>85</v>
      </c>
      <c r="P39483" t="s">
        <v>86</v>
      </c>
      <c r="Q39483">
        <v>31</v>
      </c>
      <c r="R39483">
        <v>31</v>
      </c>
      <c r="S39483">
        <v>31</v>
      </c>
      <c r="T39483">
        <v>31</v>
      </c>
      <c r="U39483">
        <v>31</v>
      </c>
      <c r="V39483">
        <v>32</v>
      </c>
      <c r="W39483">
        <v>32</v>
      </c>
      <c r="X39483">
        <v>32</v>
      </c>
      <c r="Y39483">
        <v>32</v>
      </c>
      <c r="Z39483">
        <v>32</v>
      </c>
      <c r="AA39483">
        <v>32</v>
      </c>
      <c r="AB39483">
        <v>32</v>
      </c>
      <c r="AC39483">
        <v>33</v>
      </c>
      <c r="AD39483">
        <v>33</v>
      </c>
      <c r="AE39483">
        <v>33</v>
      </c>
      <c r="AF39483">
        <v>33</v>
      </c>
      <c r="AG39483">
        <v>33</v>
      </c>
      <c r="AH39483">
        <v>33</v>
      </c>
      <c r="AI39483">
        <v>34</v>
      </c>
      <c r="AJ39483">
        <v>34</v>
      </c>
      <c r="AK39483">
        <v>34</v>
      </c>
      <c r="AL39483">
        <v>34</v>
      </c>
      <c r="AM39483">
        <v>35</v>
      </c>
      <c r="AN39483">
        <v>35</v>
      </c>
      <c r="AO39483">
        <v>35</v>
      </c>
      <c r="AP39483">
        <v>35</v>
      </c>
      <c r="AQ39483">
        <v>36</v>
      </c>
    </row>
    <row r="39484" spans="1:43">
      <c r="A39484" t="s">
        <v>24489</v>
      </c>
      <c r="B39484" t="s">
        <v>24490</v>
      </c>
      <c r="C39484" t="s">
        <v>24331</v>
      </c>
      <c r="D39484" t="s">
        <v>24332</v>
      </c>
      <c r="E39484" t="s">
        <v>24327</v>
      </c>
      <c r="F39484" t="s">
        <v>24328</v>
      </c>
      <c r="G39484" t="s">
        <v>11612</v>
      </c>
      <c r="H39484" t="s">
        <v>11613</v>
      </c>
      <c r="I39484" s="2">
        <v>0</v>
      </c>
      <c r="J39484" s="2">
        <v>0</v>
      </c>
      <c r="K39484" s="2">
        <v>1</v>
      </c>
      <c r="L39484" t="s">
        <v>995</v>
      </c>
      <c r="M39484" t="s">
        <v>89</v>
      </c>
      <c r="N39484" t="s">
        <v>90</v>
      </c>
      <c r="O39484" t="s">
        <v>85</v>
      </c>
      <c r="P39484" t="s">
        <v>86</v>
      </c>
      <c r="Q39484">
        <v>31</v>
      </c>
      <c r="R39484">
        <v>32</v>
      </c>
      <c r="S39484">
        <v>33</v>
      </c>
      <c r="T39484">
        <v>34</v>
      </c>
      <c r="U39484">
        <v>34</v>
      </c>
      <c r="V39484">
        <v>35</v>
      </c>
      <c r="W39484">
        <v>35</v>
      </c>
      <c r="X39484">
        <v>36</v>
      </c>
      <c r="Y39484">
        <v>37</v>
      </c>
      <c r="Z39484">
        <v>37</v>
      </c>
      <c r="AA39484">
        <v>38</v>
      </c>
      <c r="AB39484">
        <v>38</v>
      </c>
      <c r="AC39484">
        <v>39</v>
      </c>
      <c r="AD39484">
        <v>40</v>
      </c>
      <c r="AE39484">
        <v>40</v>
      </c>
      <c r="AF39484">
        <v>40</v>
      </c>
      <c r="AG39484">
        <v>40</v>
      </c>
      <c r="AH39484">
        <v>40</v>
      </c>
      <c r="AI39484">
        <v>40</v>
      </c>
      <c r="AJ39484">
        <v>40</v>
      </c>
      <c r="AK39484">
        <v>41</v>
      </c>
      <c r="AL39484">
        <v>41</v>
      </c>
      <c r="AM39484">
        <v>41</v>
      </c>
      <c r="AN39484">
        <v>41</v>
      </c>
      <c r="AO39484">
        <v>41</v>
      </c>
      <c r="AP39484">
        <v>41</v>
      </c>
      <c r="AQ39484">
        <v>41</v>
      </c>
    </row>
    <row r="39485" spans="1:43">
      <c r="A39485" t="s">
        <v>24489</v>
      </c>
      <c r="B39485" t="s">
        <v>24490</v>
      </c>
      <c r="C39485" t="s">
        <v>24331</v>
      </c>
      <c r="D39485" t="s">
        <v>24332</v>
      </c>
      <c r="E39485" t="s">
        <v>24327</v>
      </c>
      <c r="F39485" t="s">
        <v>24328</v>
      </c>
      <c r="G39485" t="s">
        <v>11612</v>
      </c>
      <c r="H39485" t="s">
        <v>11613</v>
      </c>
      <c r="I39485" s="2">
        <v>0</v>
      </c>
      <c r="J39485" s="2">
        <v>0</v>
      </c>
      <c r="K39485" s="2">
        <v>1</v>
      </c>
      <c r="L39485" t="s">
        <v>995</v>
      </c>
      <c r="M39485" t="s">
        <v>83</v>
      </c>
      <c r="N39485" t="s">
        <v>91</v>
      </c>
      <c r="O39485" t="s">
        <v>85</v>
      </c>
      <c r="P39485" t="s">
        <v>86</v>
      </c>
      <c r="Q39485">
        <v>31</v>
      </c>
      <c r="R39485">
        <v>32</v>
      </c>
      <c r="S39485">
        <v>32</v>
      </c>
      <c r="T39485">
        <v>32</v>
      </c>
      <c r="U39485">
        <v>33</v>
      </c>
      <c r="V39485">
        <v>33</v>
      </c>
      <c r="W39485">
        <v>34</v>
      </c>
      <c r="X39485">
        <v>34</v>
      </c>
      <c r="Y39485">
        <v>35</v>
      </c>
      <c r="Z39485">
        <v>35</v>
      </c>
      <c r="AA39485">
        <v>35</v>
      </c>
      <c r="AB39485">
        <v>36</v>
      </c>
      <c r="AC39485">
        <v>36</v>
      </c>
      <c r="AD39485">
        <v>37</v>
      </c>
      <c r="AE39485">
        <v>37</v>
      </c>
      <c r="AF39485">
        <v>38</v>
      </c>
      <c r="AG39485">
        <v>38</v>
      </c>
      <c r="AH39485">
        <v>39</v>
      </c>
      <c r="AI39485">
        <v>39</v>
      </c>
      <c r="AJ39485">
        <v>40</v>
      </c>
      <c r="AK39485">
        <v>40</v>
      </c>
      <c r="AL39485">
        <v>40</v>
      </c>
      <c r="AM39485">
        <v>40</v>
      </c>
      <c r="AN39485">
        <v>41</v>
      </c>
      <c r="AO39485">
        <v>41</v>
      </c>
      <c r="AP39485">
        <v>41</v>
      </c>
      <c r="AQ39485">
        <v>41</v>
      </c>
    </row>
    <row r="39486" spans="1:43">
      <c r="A39486" t="s">
        <v>24491</v>
      </c>
      <c r="B39486" t="s">
        <v>24492</v>
      </c>
      <c r="C39486" t="s">
        <v>24331</v>
      </c>
      <c r="D39486" t="s">
        <v>24332</v>
      </c>
      <c r="E39486" t="s">
        <v>24327</v>
      </c>
      <c r="F39486" t="s">
        <v>24328</v>
      </c>
      <c r="G39486" t="s">
        <v>11612</v>
      </c>
      <c r="H39486" t="s">
        <v>11613</v>
      </c>
      <c r="I39486" s="2">
        <v>0</v>
      </c>
      <c r="J39486" s="2">
        <v>0</v>
      </c>
      <c r="K39486" s="2">
        <v>1</v>
      </c>
      <c r="L39486" t="s">
        <v>995</v>
      </c>
      <c r="M39486" t="s">
        <v>83</v>
      </c>
      <c r="N39486" t="s">
        <v>84</v>
      </c>
      <c r="O39486" t="s">
        <v>85</v>
      </c>
      <c r="P39486" t="s">
        <v>86</v>
      </c>
      <c r="Q39486">
        <v>39</v>
      </c>
      <c r="R39486">
        <v>40</v>
      </c>
      <c r="S39486">
        <v>41</v>
      </c>
      <c r="T39486">
        <v>41</v>
      </c>
      <c r="U39486">
        <v>42</v>
      </c>
      <c r="V39486">
        <v>42</v>
      </c>
      <c r="W39486">
        <v>43</v>
      </c>
      <c r="X39486">
        <v>43</v>
      </c>
      <c r="Y39486">
        <v>44</v>
      </c>
      <c r="Z39486">
        <v>44</v>
      </c>
      <c r="AA39486">
        <v>45</v>
      </c>
      <c r="AB39486">
        <v>45</v>
      </c>
      <c r="AC39486">
        <v>46</v>
      </c>
      <c r="AD39486">
        <v>47</v>
      </c>
      <c r="AE39486">
        <v>47</v>
      </c>
      <c r="AF39486">
        <v>48</v>
      </c>
      <c r="AG39486">
        <v>48</v>
      </c>
      <c r="AH39486">
        <v>49</v>
      </c>
      <c r="AI39486">
        <v>49</v>
      </c>
      <c r="AJ39486">
        <v>50</v>
      </c>
      <c r="AK39486">
        <v>51</v>
      </c>
      <c r="AL39486">
        <v>51</v>
      </c>
      <c r="AM39486">
        <v>51</v>
      </c>
      <c r="AN39486">
        <v>51</v>
      </c>
      <c r="AO39486">
        <v>52</v>
      </c>
      <c r="AP39486">
        <v>52</v>
      </c>
      <c r="AQ39486">
        <v>52</v>
      </c>
    </row>
    <row r="39487" spans="1:43">
      <c r="A39487" t="s">
        <v>24491</v>
      </c>
      <c r="B39487" t="s">
        <v>24492</v>
      </c>
      <c r="C39487" t="s">
        <v>24331</v>
      </c>
      <c r="D39487" t="s">
        <v>24332</v>
      </c>
      <c r="E39487" t="s">
        <v>24327</v>
      </c>
      <c r="F39487" t="s">
        <v>24328</v>
      </c>
      <c r="G39487" t="s">
        <v>11612</v>
      </c>
      <c r="H39487" t="s">
        <v>11613</v>
      </c>
      <c r="I39487" s="2">
        <v>0</v>
      </c>
      <c r="J39487" s="2">
        <v>0</v>
      </c>
      <c r="K39487" s="2">
        <v>1</v>
      </c>
      <c r="L39487" t="s">
        <v>995</v>
      </c>
      <c r="M39487" t="s">
        <v>87</v>
      </c>
      <c r="N39487" t="s">
        <v>88</v>
      </c>
      <c r="O39487" t="s">
        <v>85</v>
      </c>
      <c r="P39487" t="s">
        <v>86</v>
      </c>
      <c r="Q39487">
        <v>39</v>
      </c>
      <c r="R39487">
        <v>39</v>
      </c>
      <c r="S39487">
        <v>39</v>
      </c>
      <c r="T39487">
        <v>40</v>
      </c>
      <c r="U39487">
        <v>40</v>
      </c>
      <c r="V39487">
        <v>40</v>
      </c>
      <c r="W39487">
        <v>40</v>
      </c>
      <c r="X39487">
        <v>40</v>
      </c>
      <c r="Y39487">
        <v>40</v>
      </c>
      <c r="Z39487">
        <v>41</v>
      </c>
      <c r="AA39487">
        <v>41</v>
      </c>
      <c r="AB39487">
        <v>41</v>
      </c>
      <c r="AC39487">
        <v>41</v>
      </c>
      <c r="AD39487">
        <v>41</v>
      </c>
      <c r="AE39487">
        <v>42</v>
      </c>
      <c r="AF39487">
        <v>42</v>
      </c>
      <c r="AG39487">
        <v>42</v>
      </c>
      <c r="AH39487">
        <v>42</v>
      </c>
      <c r="AI39487">
        <v>43</v>
      </c>
      <c r="AJ39487">
        <v>43</v>
      </c>
      <c r="AK39487">
        <v>43</v>
      </c>
      <c r="AL39487">
        <v>43</v>
      </c>
      <c r="AM39487">
        <v>44</v>
      </c>
      <c r="AN39487">
        <v>44</v>
      </c>
      <c r="AO39487">
        <v>44</v>
      </c>
      <c r="AP39487">
        <v>45</v>
      </c>
      <c r="AQ39487">
        <v>45</v>
      </c>
    </row>
    <row r="39488" spans="1:43">
      <c r="A39488" t="s">
        <v>24491</v>
      </c>
      <c r="B39488" t="s">
        <v>24492</v>
      </c>
      <c r="C39488" t="s">
        <v>24331</v>
      </c>
      <c r="D39488" t="s">
        <v>24332</v>
      </c>
      <c r="E39488" t="s">
        <v>24327</v>
      </c>
      <c r="F39488" t="s">
        <v>24328</v>
      </c>
      <c r="G39488" t="s">
        <v>11612</v>
      </c>
      <c r="H39488" t="s">
        <v>11613</v>
      </c>
      <c r="I39488" s="2">
        <v>0</v>
      </c>
      <c r="J39488" s="2">
        <v>0</v>
      </c>
      <c r="K39488" s="2">
        <v>1</v>
      </c>
      <c r="L39488" t="s">
        <v>995</v>
      </c>
      <c r="M39488" t="s">
        <v>89</v>
      </c>
      <c r="N39488" t="s">
        <v>90</v>
      </c>
      <c r="O39488" t="s">
        <v>85</v>
      </c>
      <c r="P39488" t="s">
        <v>86</v>
      </c>
      <c r="Q39488">
        <v>39</v>
      </c>
      <c r="R39488">
        <v>40</v>
      </c>
      <c r="S39488">
        <v>41</v>
      </c>
      <c r="T39488">
        <v>41</v>
      </c>
      <c r="U39488">
        <v>42</v>
      </c>
      <c r="V39488">
        <v>43</v>
      </c>
      <c r="W39488">
        <v>44</v>
      </c>
      <c r="X39488">
        <v>45</v>
      </c>
      <c r="Y39488">
        <v>45</v>
      </c>
      <c r="Z39488">
        <v>46</v>
      </c>
      <c r="AA39488">
        <v>47</v>
      </c>
      <c r="AB39488">
        <v>48</v>
      </c>
      <c r="AC39488">
        <v>48</v>
      </c>
      <c r="AD39488">
        <v>49</v>
      </c>
      <c r="AE39488">
        <v>50</v>
      </c>
      <c r="AF39488">
        <v>50</v>
      </c>
      <c r="AG39488">
        <v>50</v>
      </c>
      <c r="AH39488">
        <v>50</v>
      </c>
      <c r="AI39488">
        <v>50</v>
      </c>
      <c r="AJ39488">
        <v>50</v>
      </c>
      <c r="AK39488">
        <v>50</v>
      </c>
      <c r="AL39488">
        <v>50</v>
      </c>
      <c r="AM39488">
        <v>51</v>
      </c>
      <c r="AN39488">
        <v>51</v>
      </c>
      <c r="AO39488">
        <v>51</v>
      </c>
      <c r="AP39488">
        <v>51</v>
      </c>
      <c r="AQ39488">
        <v>51</v>
      </c>
    </row>
    <row r="39489" spans="1:43">
      <c r="A39489" t="s">
        <v>24491</v>
      </c>
      <c r="B39489" t="s">
        <v>24492</v>
      </c>
      <c r="C39489" t="s">
        <v>24331</v>
      </c>
      <c r="D39489" t="s">
        <v>24332</v>
      </c>
      <c r="E39489" t="s">
        <v>24327</v>
      </c>
      <c r="F39489" t="s">
        <v>24328</v>
      </c>
      <c r="G39489" t="s">
        <v>11612</v>
      </c>
      <c r="H39489" t="s">
        <v>11613</v>
      </c>
      <c r="I39489" s="2">
        <v>0</v>
      </c>
      <c r="J39489" s="2">
        <v>0</v>
      </c>
      <c r="K39489" s="2">
        <v>1</v>
      </c>
      <c r="L39489" t="s">
        <v>995</v>
      </c>
      <c r="M39489" t="s">
        <v>83</v>
      </c>
      <c r="N39489" t="s">
        <v>91</v>
      </c>
      <c r="O39489" t="s">
        <v>85</v>
      </c>
      <c r="P39489" t="s">
        <v>86</v>
      </c>
      <c r="Q39489">
        <v>39</v>
      </c>
      <c r="R39489">
        <v>40</v>
      </c>
      <c r="S39489">
        <v>41</v>
      </c>
      <c r="T39489">
        <v>41</v>
      </c>
      <c r="U39489">
        <v>42</v>
      </c>
      <c r="V39489">
        <v>42</v>
      </c>
      <c r="W39489">
        <v>43</v>
      </c>
      <c r="X39489">
        <v>43</v>
      </c>
      <c r="Y39489">
        <v>44</v>
      </c>
      <c r="Z39489">
        <v>44</v>
      </c>
      <c r="AA39489">
        <v>45</v>
      </c>
      <c r="AB39489">
        <v>45</v>
      </c>
      <c r="AC39489">
        <v>46</v>
      </c>
      <c r="AD39489">
        <v>47</v>
      </c>
      <c r="AE39489">
        <v>47</v>
      </c>
      <c r="AF39489">
        <v>48</v>
      </c>
      <c r="AG39489">
        <v>48</v>
      </c>
      <c r="AH39489">
        <v>49</v>
      </c>
      <c r="AI39489">
        <v>49</v>
      </c>
      <c r="AJ39489">
        <v>50</v>
      </c>
      <c r="AK39489">
        <v>51</v>
      </c>
      <c r="AL39489">
        <v>51</v>
      </c>
      <c r="AM39489">
        <v>51</v>
      </c>
      <c r="AN39489">
        <v>51</v>
      </c>
      <c r="AO39489">
        <v>52</v>
      </c>
      <c r="AP39489">
        <v>52</v>
      </c>
      <c r="AQ39489">
        <v>52</v>
      </c>
    </row>
    <row r="39490" spans="1:43">
      <c r="A39490" t="s">
        <v>24493</v>
      </c>
      <c r="B39490" t="s">
        <v>24494</v>
      </c>
      <c r="C39490" t="s">
        <v>24331</v>
      </c>
      <c r="D39490" t="s">
        <v>24332</v>
      </c>
      <c r="E39490" t="s">
        <v>24327</v>
      </c>
      <c r="F39490" t="s">
        <v>24328</v>
      </c>
      <c r="G39490" t="s">
        <v>11612</v>
      </c>
      <c r="H39490" t="s">
        <v>11613</v>
      </c>
      <c r="I39490" s="2">
        <v>0</v>
      </c>
      <c r="J39490" s="2">
        <v>0</v>
      </c>
      <c r="K39490" s="2">
        <v>1</v>
      </c>
      <c r="L39490" t="s">
        <v>995</v>
      </c>
      <c r="M39490" t="s">
        <v>83</v>
      </c>
      <c r="N39490" t="s">
        <v>84</v>
      </c>
      <c r="O39490" t="s">
        <v>85</v>
      </c>
      <c r="P39490" t="s">
        <v>86</v>
      </c>
      <c r="Q39490">
        <v>53</v>
      </c>
      <c r="R39490">
        <v>54</v>
      </c>
      <c r="S39490">
        <v>55</v>
      </c>
      <c r="T39490">
        <v>56</v>
      </c>
      <c r="U39490">
        <v>57</v>
      </c>
      <c r="V39490">
        <v>57</v>
      </c>
      <c r="W39490">
        <v>58</v>
      </c>
      <c r="X39490">
        <v>59</v>
      </c>
      <c r="Y39490">
        <v>60</v>
      </c>
      <c r="Z39490">
        <v>60</v>
      </c>
      <c r="AA39490">
        <v>61</v>
      </c>
      <c r="AB39490">
        <v>62</v>
      </c>
      <c r="AC39490">
        <v>63</v>
      </c>
      <c r="AD39490">
        <v>63</v>
      </c>
      <c r="AE39490">
        <v>64</v>
      </c>
      <c r="AF39490">
        <v>65</v>
      </c>
      <c r="AG39490">
        <v>66</v>
      </c>
      <c r="AH39490">
        <v>67</v>
      </c>
      <c r="AI39490">
        <v>67</v>
      </c>
      <c r="AJ39490">
        <v>68</v>
      </c>
      <c r="AK39490">
        <v>69</v>
      </c>
      <c r="AL39490">
        <v>70</v>
      </c>
      <c r="AM39490">
        <v>70</v>
      </c>
      <c r="AN39490">
        <v>70</v>
      </c>
      <c r="AO39490">
        <v>70</v>
      </c>
      <c r="AP39490">
        <v>70</v>
      </c>
      <c r="AQ39490">
        <v>70</v>
      </c>
    </row>
    <row r="39491" spans="1:43">
      <c r="A39491" t="s">
        <v>24493</v>
      </c>
      <c r="B39491" t="s">
        <v>24494</v>
      </c>
      <c r="C39491" t="s">
        <v>24331</v>
      </c>
      <c r="D39491" t="s">
        <v>24332</v>
      </c>
      <c r="E39491" t="s">
        <v>24327</v>
      </c>
      <c r="F39491" t="s">
        <v>24328</v>
      </c>
      <c r="G39491" t="s">
        <v>11612</v>
      </c>
      <c r="H39491" t="s">
        <v>11613</v>
      </c>
      <c r="I39491" s="2">
        <v>0</v>
      </c>
      <c r="J39491" s="2">
        <v>0</v>
      </c>
      <c r="K39491" s="2">
        <v>1</v>
      </c>
      <c r="L39491" t="s">
        <v>995</v>
      </c>
      <c r="M39491" t="s">
        <v>87</v>
      </c>
      <c r="N39491" t="s">
        <v>88</v>
      </c>
      <c r="O39491" t="s">
        <v>85</v>
      </c>
      <c r="P39491" t="s">
        <v>86</v>
      </c>
      <c r="Q39491">
        <v>53</v>
      </c>
      <c r="R39491">
        <v>53</v>
      </c>
      <c r="S39491">
        <v>54</v>
      </c>
      <c r="T39491">
        <v>54</v>
      </c>
      <c r="U39491">
        <v>54</v>
      </c>
      <c r="V39491">
        <v>54</v>
      </c>
      <c r="W39491">
        <v>55</v>
      </c>
      <c r="X39491">
        <v>55</v>
      </c>
      <c r="Y39491">
        <v>55</v>
      </c>
      <c r="Z39491">
        <v>55</v>
      </c>
      <c r="AA39491">
        <v>56</v>
      </c>
      <c r="AB39491">
        <v>56</v>
      </c>
      <c r="AC39491">
        <v>56</v>
      </c>
      <c r="AD39491">
        <v>56</v>
      </c>
      <c r="AE39491">
        <v>57</v>
      </c>
      <c r="AF39491">
        <v>57</v>
      </c>
      <c r="AG39491">
        <v>57</v>
      </c>
      <c r="AH39491">
        <v>58</v>
      </c>
      <c r="AI39491">
        <v>58</v>
      </c>
      <c r="AJ39491">
        <v>59</v>
      </c>
      <c r="AK39491">
        <v>59</v>
      </c>
      <c r="AL39491">
        <v>59</v>
      </c>
      <c r="AM39491">
        <v>60</v>
      </c>
      <c r="AN39491">
        <v>60</v>
      </c>
      <c r="AO39491">
        <v>60</v>
      </c>
      <c r="AP39491">
        <v>61</v>
      </c>
      <c r="AQ39491">
        <v>61</v>
      </c>
    </row>
    <row r="39492" spans="1:43">
      <c r="A39492" t="s">
        <v>24493</v>
      </c>
      <c r="B39492" t="s">
        <v>24494</v>
      </c>
      <c r="C39492" t="s">
        <v>24331</v>
      </c>
      <c r="D39492" t="s">
        <v>24332</v>
      </c>
      <c r="E39492" t="s">
        <v>24327</v>
      </c>
      <c r="F39492" t="s">
        <v>24328</v>
      </c>
      <c r="G39492" t="s">
        <v>11612</v>
      </c>
      <c r="H39492" t="s">
        <v>11613</v>
      </c>
      <c r="I39492" s="2">
        <v>0</v>
      </c>
      <c r="J39492" s="2">
        <v>0</v>
      </c>
      <c r="K39492" s="2">
        <v>1</v>
      </c>
      <c r="L39492" t="s">
        <v>995</v>
      </c>
      <c r="M39492" t="s">
        <v>89</v>
      </c>
      <c r="N39492" t="s">
        <v>90</v>
      </c>
      <c r="O39492" t="s">
        <v>85</v>
      </c>
      <c r="P39492" t="s">
        <v>86</v>
      </c>
      <c r="Q39492">
        <v>53</v>
      </c>
      <c r="R39492">
        <v>54</v>
      </c>
      <c r="S39492">
        <v>55</v>
      </c>
      <c r="T39492">
        <v>57</v>
      </c>
      <c r="U39492">
        <v>58</v>
      </c>
      <c r="V39492">
        <v>59</v>
      </c>
      <c r="W39492">
        <v>60</v>
      </c>
      <c r="X39492">
        <v>61</v>
      </c>
      <c r="Y39492">
        <v>62</v>
      </c>
      <c r="Z39492">
        <v>63</v>
      </c>
      <c r="AA39492">
        <v>64</v>
      </c>
      <c r="AB39492">
        <v>65</v>
      </c>
      <c r="AC39492">
        <v>66</v>
      </c>
      <c r="AD39492">
        <v>67</v>
      </c>
      <c r="AE39492">
        <v>68</v>
      </c>
      <c r="AF39492">
        <v>68</v>
      </c>
      <c r="AG39492">
        <v>68</v>
      </c>
      <c r="AH39492">
        <v>68</v>
      </c>
      <c r="AI39492">
        <v>69</v>
      </c>
      <c r="AJ39492">
        <v>69</v>
      </c>
      <c r="AK39492">
        <v>69</v>
      </c>
      <c r="AL39492">
        <v>69</v>
      </c>
      <c r="AM39492">
        <v>70</v>
      </c>
      <c r="AN39492">
        <v>70</v>
      </c>
      <c r="AO39492">
        <v>70</v>
      </c>
      <c r="AP39492">
        <v>70</v>
      </c>
      <c r="AQ39492">
        <v>70</v>
      </c>
    </row>
    <row r="39493" spans="1:43">
      <c r="A39493" t="s">
        <v>24493</v>
      </c>
      <c r="B39493" t="s">
        <v>24494</v>
      </c>
      <c r="C39493" t="s">
        <v>24331</v>
      </c>
      <c r="D39493" t="s">
        <v>24332</v>
      </c>
      <c r="E39493" t="s">
        <v>24327</v>
      </c>
      <c r="F39493" t="s">
        <v>24328</v>
      </c>
      <c r="G39493" t="s">
        <v>11612</v>
      </c>
      <c r="H39493" t="s">
        <v>11613</v>
      </c>
      <c r="I39493" s="2">
        <v>0</v>
      </c>
      <c r="J39493" s="2">
        <v>0</v>
      </c>
      <c r="K39493" s="2">
        <v>1</v>
      </c>
      <c r="L39493" t="s">
        <v>995</v>
      </c>
      <c r="M39493" t="s">
        <v>83</v>
      </c>
      <c r="N39493" t="s">
        <v>91</v>
      </c>
      <c r="O39493" t="s">
        <v>85</v>
      </c>
      <c r="P39493" t="s">
        <v>86</v>
      </c>
      <c r="Q39493">
        <v>53</v>
      </c>
      <c r="R39493">
        <v>54</v>
      </c>
      <c r="S39493">
        <v>55</v>
      </c>
      <c r="T39493">
        <v>56</v>
      </c>
      <c r="U39493">
        <v>57</v>
      </c>
      <c r="V39493">
        <v>57</v>
      </c>
      <c r="W39493">
        <v>58</v>
      </c>
      <c r="X39493">
        <v>59</v>
      </c>
      <c r="Y39493">
        <v>60</v>
      </c>
      <c r="Z39493">
        <v>60</v>
      </c>
      <c r="AA39493">
        <v>61</v>
      </c>
      <c r="AB39493">
        <v>62</v>
      </c>
      <c r="AC39493">
        <v>63</v>
      </c>
      <c r="AD39493">
        <v>63</v>
      </c>
      <c r="AE39493">
        <v>64</v>
      </c>
      <c r="AF39493">
        <v>65</v>
      </c>
      <c r="AG39493">
        <v>66</v>
      </c>
      <c r="AH39493">
        <v>67</v>
      </c>
      <c r="AI39493">
        <v>67</v>
      </c>
      <c r="AJ39493">
        <v>68</v>
      </c>
      <c r="AK39493">
        <v>69</v>
      </c>
      <c r="AL39493">
        <v>70</v>
      </c>
      <c r="AM39493">
        <v>70</v>
      </c>
      <c r="AN39493">
        <v>70</v>
      </c>
      <c r="AO39493">
        <v>70</v>
      </c>
      <c r="AP39493">
        <v>70</v>
      </c>
      <c r="AQ39493">
        <v>70</v>
      </c>
    </row>
    <row r="39494" spans="1:43">
      <c r="A39494" t="s">
        <v>24495</v>
      </c>
      <c r="B39494" t="s">
        <v>24496</v>
      </c>
      <c r="C39494" t="s">
        <v>24343</v>
      </c>
      <c r="D39494" t="s">
        <v>24344</v>
      </c>
      <c r="E39494" t="s">
        <v>24327</v>
      </c>
      <c r="F39494" t="s">
        <v>24328</v>
      </c>
      <c r="G39494" t="s">
        <v>11612</v>
      </c>
      <c r="H39494" t="s">
        <v>11613</v>
      </c>
      <c r="I39494" s="2">
        <v>0</v>
      </c>
      <c r="J39494" s="2">
        <v>0</v>
      </c>
      <c r="K39494" s="2">
        <v>1</v>
      </c>
      <c r="L39494" t="s">
        <v>995</v>
      </c>
      <c r="M39494" t="s">
        <v>83</v>
      </c>
      <c r="N39494" t="s">
        <v>84</v>
      </c>
      <c r="O39494" t="s">
        <v>85</v>
      </c>
      <c r="P39494" t="s">
        <v>86</v>
      </c>
      <c r="Q39494">
        <v>30</v>
      </c>
      <c r="R39494">
        <v>30</v>
      </c>
      <c r="S39494">
        <v>30</v>
      </c>
      <c r="T39494">
        <v>31</v>
      </c>
      <c r="U39494">
        <v>31</v>
      </c>
      <c r="V39494">
        <v>32</v>
      </c>
      <c r="W39494">
        <v>32</v>
      </c>
      <c r="X39494">
        <v>32</v>
      </c>
      <c r="Y39494">
        <v>33</v>
      </c>
      <c r="Z39494">
        <v>33</v>
      </c>
      <c r="AA39494">
        <v>34</v>
      </c>
      <c r="AB39494">
        <v>34</v>
      </c>
      <c r="AC39494">
        <v>35</v>
      </c>
      <c r="AD39494">
        <v>35</v>
      </c>
      <c r="AE39494">
        <v>35</v>
      </c>
      <c r="AF39494">
        <v>36</v>
      </c>
      <c r="AG39494">
        <v>36</v>
      </c>
      <c r="AH39494">
        <v>37</v>
      </c>
      <c r="AI39494">
        <v>37</v>
      </c>
      <c r="AJ39494">
        <v>38</v>
      </c>
      <c r="AK39494">
        <v>38</v>
      </c>
      <c r="AL39494">
        <v>38</v>
      </c>
      <c r="AM39494">
        <v>39</v>
      </c>
      <c r="AN39494">
        <v>39</v>
      </c>
      <c r="AO39494">
        <v>39</v>
      </c>
      <c r="AP39494">
        <v>39</v>
      </c>
      <c r="AQ39494">
        <v>39</v>
      </c>
    </row>
    <row r="39495" spans="1:43">
      <c r="A39495" t="s">
        <v>24495</v>
      </c>
      <c r="B39495" t="s">
        <v>24496</v>
      </c>
      <c r="C39495" t="s">
        <v>24343</v>
      </c>
      <c r="D39495" t="s">
        <v>24344</v>
      </c>
      <c r="E39495" t="s">
        <v>24327</v>
      </c>
      <c r="F39495" t="s">
        <v>24328</v>
      </c>
      <c r="G39495" t="s">
        <v>11612</v>
      </c>
      <c r="H39495" t="s">
        <v>11613</v>
      </c>
      <c r="I39495" s="2">
        <v>0</v>
      </c>
      <c r="J39495" s="2">
        <v>0</v>
      </c>
      <c r="K39495" s="2">
        <v>1</v>
      </c>
      <c r="L39495" t="s">
        <v>995</v>
      </c>
      <c r="M39495" t="s">
        <v>87</v>
      </c>
      <c r="N39495" t="s">
        <v>88</v>
      </c>
      <c r="O39495" t="s">
        <v>85</v>
      </c>
      <c r="P39495" t="s">
        <v>86</v>
      </c>
      <c r="Q39495">
        <v>30</v>
      </c>
      <c r="R39495">
        <v>30</v>
      </c>
      <c r="S39495">
        <v>31</v>
      </c>
      <c r="T39495">
        <v>31</v>
      </c>
      <c r="U39495">
        <v>31</v>
      </c>
      <c r="V39495">
        <v>31</v>
      </c>
      <c r="W39495">
        <v>31</v>
      </c>
      <c r="X39495">
        <v>31</v>
      </c>
      <c r="Y39495">
        <v>31</v>
      </c>
      <c r="Z39495">
        <v>32</v>
      </c>
      <c r="AA39495">
        <v>32</v>
      </c>
      <c r="AB39495">
        <v>32</v>
      </c>
      <c r="AC39495">
        <v>32</v>
      </c>
      <c r="AD39495">
        <v>32</v>
      </c>
      <c r="AE39495">
        <v>32</v>
      </c>
      <c r="AF39495">
        <v>32</v>
      </c>
      <c r="AG39495">
        <v>33</v>
      </c>
      <c r="AH39495">
        <v>33</v>
      </c>
      <c r="AI39495">
        <v>33</v>
      </c>
      <c r="AJ39495">
        <v>33</v>
      </c>
      <c r="AK39495">
        <v>33</v>
      </c>
      <c r="AL39495">
        <v>34</v>
      </c>
      <c r="AM39495">
        <v>34</v>
      </c>
      <c r="AN39495">
        <v>34</v>
      </c>
      <c r="AO39495">
        <v>34</v>
      </c>
      <c r="AP39495">
        <v>35</v>
      </c>
      <c r="AQ39495">
        <v>35</v>
      </c>
    </row>
    <row r="39496" spans="1:43">
      <c r="A39496" t="s">
        <v>24495</v>
      </c>
      <c r="B39496" t="s">
        <v>24496</v>
      </c>
      <c r="C39496" t="s">
        <v>24343</v>
      </c>
      <c r="D39496" t="s">
        <v>24344</v>
      </c>
      <c r="E39496" t="s">
        <v>24327</v>
      </c>
      <c r="F39496" t="s">
        <v>24328</v>
      </c>
      <c r="G39496" t="s">
        <v>11612</v>
      </c>
      <c r="H39496" t="s">
        <v>11613</v>
      </c>
      <c r="I39496" s="2">
        <v>0</v>
      </c>
      <c r="J39496" s="2">
        <v>0</v>
      </c>
      <c r="K39496" s="2">
        <v>1</v>
      </c>
      <c r="L39496" t="s">
        <v>995</v>
      </c>
      <c r="M39496" t="s">
        <v>89</v>
      </c>
      <c r="N39496" t="s">
        <v>90</v>
      </c>
      <c r="O39496" t="s">
        <v>85</v>
      </c>
      <c r="P39496" t="s">
        <v>86</v>
      </c>
      <c r="Q39496">
        <v>30</v>
      </c>
      <c r="R39496">
        <v>30</v>
      </c>
      <c r="S39496">
        <v>31</v>
      </c>
      <c r="T39496">
        <v>32</v>
      </c>
      <c r="U39496">
        <v>32</v>
      </c>
      <c r="V39496">
        <v>33</v>
      </c>
      <c r="W39496">
        <v>34</v>
      </c>
      <c r="X39496">
        <v>34</v>
      </c>
      <c r="Y39496">
        <v>35</v>
      </c>
      <c r="Z39496">
        <v>35</v>
      </c>
      <c r="AA39496">
        <v>36</v>
      </c>
      <c r="AB39496">
        <v>36</v>
      </c>
      <c r="AC39496">
        <v>37</v>
      </c>
      <c r="AD39496">
        <v>38</v>
      </c>
      <c r="AE39496">
        <v>38</v>
      </c>
      <c r="AF39496">
        <v>38</v>
      </c>
      <c r="AG39496">
        <v>38</v>
      </c>
      <c r="AH39496">
        <v>38</v>
      </c>
      <c r="AI39496">
        <v>38</v>
      </c>
      <c r="AJ39496">
        <v>39</v>
      </c>
      <c r="AK39496">
        <v>39</v>
      </c>
      <c r="AL39496">
        <v>39</v>
      </c>
      <c r="AM39496">
        <v>39</v>
      </c>
      <c r="AN39496">
        <v>39</v>
      </c>
      <c r="AO39496">
        <v>39</v>
      </c>
      <c r="AP39496">
        <v>39</v>
      </c>
      <c r="AQ39496">
        <v>40</v>
      </c>
    </row>
    <row r="39497" spans="1:43">
      <c r="A39497" t="s">
        <v>24495</v>
      </c>
      <c r="B39497" t="s">
        <v>24496</v>
      </c>
      <c r="C39497" t="s">
        <v>24343</v>
      </c>
      <c r="D39497" t="s">
        <v>24344</v>
      </c>
      <c r="E39497" t="s">
        <v>24327</v>
      </c>
      <c r="F39497" t="s">
        <v>24328</v>
      </c>
      <c r="G39497" t="s">
        <v>11612</v>
      </c>
      <c r="H39497" t="s">
        <v>11613</v>
      </c>
      <c r="I39497" s="2">
        <v>0</v>
      </c>
      <c r="J39497" s="2">
        <v>0</v>
      </c>
      <c r="K39497" s="2">
        <v>1</v>
      </c>
      <c r="L39497" t="s">
        <v>995</v>
      </c>
      <c r="M39497" t="s">
        <v>83</v>
      </c>
      <c r="N39497" t="s">
        <v>91</v>
      </c>
      <c r="O39497" t="s">
        <v>85</v>
      </c>
      <c r="P39497" t="s">
        <v>86</v>
      </c>
      <c r="Q39497">
        <v>30</v>
      </c>
      <c r="R39497">
        <v>30</v>
      </c>
      <c r="S39497">
        <v>30</v>
      </c>
      <c r="T39497">
        <v>31</v>
      </c>
      <c r="U39497">
        <v>31</v>
      </c>
      <c r="V39497">
        <v>32</v>
      </c>
      <c r="W39497">
        <v>32</v>
      </c>
      <c r="X39497">
        <v>32</v>
      </c>
      <c r="Y39497">
        <v>33</v>
      </c>
      <c r="Z39497">
        <v>33</v>
      </c>
      <c r="AA39497">
        <v>34</v>
      </c>
      <c r="AB39497">
        <v>34</v>
      </c>
      <c r="AC39497">
        <v>35</v>
      </c>
      <c r="AD39497">
        <v>35</v>
      </c>
      <c r="AE39497">
        <v>35</v>
      </c>
      <c r="AF39497">
        <v>36</v>
      </c>
      <c r="AG39497">
        <v>36</v>
      </c>
      <c r="AH39497">
        <v>37</v>
      </c>
      <c r="AI39497">
        <v>37</v>
      </c>
      <c r="AJ39497">
        <v>38</v>
      </c>
      <c r="AK39497">
        <v>38</v>
      </c>
      <c r="AL39497">
        <v>38</v>
      </c>
      <c r="AM39497">
        <v>39</v>
      </c>
      <c r="AN39497">
        <v>39</v>
      </c>
      <c r="AO39497">
        <v>39</v>
      </c>
      <c r="AP39497">
        <v>39</v>
      </c>
      <c r="AQ39497">
        <v>39</v>
      </c>
    </row>
    <row r="39498" spans="1:43">
      <c r="A39498" t="s">
        <v>24497</v>
      </c>
      <c r="B39498" t="s">
        <v>24498</v>
      </c>
      <c r="C39498" t="s">
        <v>24449</v>
      </c>
      <c r="D39498" t="s">
        <v>24450</v>
      </c>
      <c r="E39498" t="s">
        <v>24327</v>
      </c>
      <c r="F39498" t="s">
        <v>24328</v>
      </c>
      <c r="G39498" t="s">
        <v>11612</v>
      </c>
      <c r="H39498" t="s">
        <v>11613</v>
      </c>
      <c r="I39498" s="2">
        <v>0</v>
      </c>
      <c r="J39498" s="2">
        <v>0</v>
      </c>
      <c r="K39498" s="2">
        <v>1</v>
      </c>
      <c r="L39498" t="s">
        <v>995</v>
      </c>
      <c r="M39498" t="s">
        <v>83</v>
      </c>
      <c r="N39498" t="s">
        <v>84</v>
      </c>
      <c r="O39498" t="s">
        <v>85</v>
      </c>
      <c r="P39498" t="s">
        <v>86</v>
      </c>
      <c r="Q39498">
        <v>18</v>
      </c>
      <c r="R39498">
        <v>18</v>
      </c>
      <c r="S39498">
        <v>18</v>
      </c>
      <c r="T39498">
        <v>18</v>
      </c>
      <c r="U39498">
        <v>19</v>
      </c>
      <c r="V39498">
        <v>19</v>
      </c>
      <c r="W39498">
        <v>19</v>
      </c>
      <c r="X39498">
        <v>19</v>
      </c>
      <c r="Y39498">
        <v>20</v>
      </c>
      <c r="Z39498">
        <v>20</v>
      </c>
      <c r="AA39498">
        <v>20</v>
      </c>
      <c r="AB39498">
        <v>20</v>
      </c>
      <c r="AC39498">
        <v>21</v>
      </c>
      <c r="AD39498">
        <v>21</v>
      </c>
      <c r="AE39498">
        <v>21</v>
      </c>
      <c r="AF39498">
        <v>21</v>
      </c>
      <c r="AG39498">
        <v>22</v>
      </c>
      <c r="AH39498">
        <v>22</v>
      </c>
      <c r="AI39498">
        <v>22</v>
      </c>
      <c r="AJ39498">
        <v>22</v>
      </c>
      <c r="AK39498">
        <v>23</v>
      </c>
      <c r="AL39498">
        <v>23</v>
      </c>
      <c r="AM39498">
        <v>23</v>
      </c>
      <c r="AN39498">
        <v>23</v>
      </c>
      <c r="AO39498">
        <v>23</v>
      </c>
      <c r="AP39498">
        <v>23</v>
      </c>
      <c r="AQ39498">
        <v>23</v>
      </c>
    </row>
    <row r="39499" spans="1:43">
      <c r="A39499" t="s">
        <v>24497</v>
      </c>
      <c r="B39499" t="s">
        <v>24498</v>
      </c>
      <c r="C39499" t="s">
        <v>24449</v>
      </c>
      <c r="D39499" t="s">
        <v>24450</v>
      </c>
      <c r="E39499" t="s">
        <v>24327</v>
      </c>
      <c r="F39499" t="s">
        <v>24328</v>
      </c>
      <c r="G39499" t="s">
        <v>11612</v>
      </c>
      <c r="H39499" t="s">
        <v>11613</v>
      </c>
      <c r="I39499" s="2">
        <v>0</v>
      </c>
      <c r="J39499" s="2">
        <v>0</v>
      </c>
      <c r="K39499" s="2">
        <v>1</v>
      </c>
      <c r="L39499" t="s">
        <v>995</v>
      </c>
      <c r="M39499" t="s">
        <v>87</v>
      </c>
      <c r="N39499" t="s">
        <v>88</v>
      </c>
      <c r="O39499" t="s">
        <v>85</v>
      </c>
      <c r="P39499" t="s">
        <v>86</v>
      </c>
      <c r="Q39499">
        <v>18</v>
      </c>
      <c r="R39499">
        <v>19</v>
      </c>
      <c r="S39499">
        <v>19</v>
      </c>
      <c r="T39499">
        <v>19</v>
      </c>
      <c r="U39499">
        <v>19</v>
      </c>
      <c r="V39499">
        <v>19</v>
      </c>
      <c r="W39499">
        <v>19</v>
      </c>
      <c r="X39499">
        <v>19</v>
      </c>
      <c r="Y39499">
        <v>19</v>
      </c>
      <c r="Z39499">
        <v>19</v>
      </c>
      <c r="AA39499">
        <v>19</v>
      </c>
      <c r="AB39499">
        <v>19</v>
      </c>
      <c r="AC39499">
        <v>19</v>
      </c>
      <c r="AD39499">
        <v>20</v>
      </c>
      <c r="AE39499">
        <v>20</v>
      </c>
      <c r="AF39499">
        <v>20</v>
      </c>
      <c r="AG39499">
        <v>20</v>
      </c>
      <c r="AH39499">
        <v>20</v>
      </c>
      <c r="AI39499">
        <v>20</v>
      </c>
      <c r="AJ39499">
        <v>20</v>
      </c>
      <c r="AK39499">
        <v>20</v>
      </c>
      <c r="AL39499">
        <v>20</v>
      </c>
      <c r="AM39499">
        <v>21</v>
      </c>
      <c r="AN39499">
        <v>21</v>
      </c>
      <c r="AO39499">
        <v>21</v>
      </c>
      <c r="AP39499">
        <v>21</v>
      </c>
      <c r="AQ39499">
        <v>21</v>
      </c>
    </row>
    <row r="39500" spans="1:43">
      <c r="A39500" t="s">
        <v>24497</v>
      </c>
      <c r="B39500" t="s">
        <v>24498</v>
      </c>
      <c r="C39500" t="s">
        <v>24449</v>
      </c>
      <c r="D39500" t="s">
        <v>24450</v>
      </c>
      <c r="E39500" t="s">
        <v>24327</v>
      </c>
      <c r="F39500" t="s">
        <v>24328</v>
      </c>
      <c r="G39500" t="s">
        <v>11612</v>
      </c>
      <c r="H39500" t="s">
        <v>11613</v>
      </c>
      <c r="I39500" s="2">
        <v>0</v>
      </c>
      <c r="J39500" s="2">
        <v>0</v>
      </c>
      <c r="K39500" s="2">
        <v>1</v>
      </c>
      <c r="L39500" t="s">
        <v>995</v>
      </c>
      <c r="M39500" t="s">
        <v>89</v>
      </c>
      <c r="N39500" t="s">
        <v>90</v>
      </c>
      <c r="O39500" t="s">
        <v>85</v>
      </c>
      <c r="P39500" t="s">
        <v>86</v>
      </c>
      <c r="Q39500">
        <v>18</v>
      </c>
      <c r="R39500">
        <v>18</v>
      </c>
      <c r="S39500">
        <v>19</v>
      </c>
      <c r="T39500">
        <v>19</v>
      </c>
      <c r="U39500">
        <v>19</v>
      </c>
      <c r="V39500">
        <v>20</v>
      </c>
      <c r="W39500">
        <v>20</v>
      </c>
      <c r="X39500">
        <v>20</v>
      </c>
      <c r="Y39500">
        <v>21</v>
      </c>
      <c r="Z39500">
        <v>21</v>
      </c>
      <c r="AA39500">
        <v>21</v>
      </c>
      <c r="AB39500">
        <v>22</v>
      </c>
      <c r="AC39500">
        <v>22</v>
      </c>
      <c r="AD39500">
        <v>22</v>
      </c>
      <c r="AE39500">
        <v>23</v>
      </c>
      <c r="AF39500">
        <v>23</v>
      </c>
      <c r="AG39500">
        <v>23</v>
      </c>
      <c r="AH39500">
        <v>23</v>
      </c>
      <c r="AI39500">
        <v>23</v>
      </c>
      <c r="AJ39500">
        <v>23</v>
      </c>
      <c r="AK39500">
        <v>23</v>
      </c>
      <c r="AL39500">
        <v>23</v>
      </c>
      <c r="AM39500">
        <v>23</v>
      </c>
      <c r="AN39500">
        <v>23</v>
      </c>
      <c r="AO39500">
        <v>23</v>
      </c>
      <c r="AP39500">
        <v>23</v>
      </c>
      <c r="AQ39500">
        <v>24</v>
      </c>
    </row>
    <row r="39501" spans="1:43">
      <c r="A39501" t="s">
        <v>24497</v>
      </c>
      <c r="B39501" t="s">
        <v>24498</v>
      </c>
      <c r="C39501" t="s">
        <v>24449</v>
      </c>
      <c r="D39501" t="s">
        <v>24450</v>
      </c>
      <c r="E39501" t="s">
        <v>24327</v>
      </c>
      <c r="F39501" t="s">
        <v>24328</v>
      </c>
      <c r="G39501" t="s">
        <v>11612</v>
      </c>
      <c r="H39501" t="s">
        <v>11613</v>
      </c>
      <c r="I39501" s="2">
        <v>0</v>
      </c>
      <c r="J39501" s="2">
        <v>0</v>
      </c>
      <c r="K39501" s="2">
        <v>1</v>
      </c>
      <c r="L39501" t="s">
        <v>995</v>
      </c>
      <c r="M39501" t="s">
        <v>83</v>
      </c>
      <c r="N39501" t="s">
        <v>91</v>
      </c>
      <c r="O39501" t="s">
        <v>85</v>
      </c>
      <c r="P39501" t="s">
        <v>86</v>
      </c>
      <c r="Q39501">
        <v>18</v>
      </c>
      <c r="R39501">
        <v>18</v>
      </c>
      <c r="S39501">
        <v>18</v>
      </c>
      <c r="T39501">
        <v>18</v>
      </c>
      <c r="U39501">
        <v>19</v>
      </c>
      <c r="V39501">
        <v>19</v>
      </c>
      <c r="W39501">
        <v>19</v>
      </c>
      <c r="X39501">
        <v>19</v>
      </c>
      <c r="Y39501">
        <v>20</v>
      </c>
      <c r="Z39501">
        <v>20</v>
      </c>
      <c r="AA39501">
        <v>20</v>
      </c>
      <c r="AB39501">
        <v>20</v>
      </c>
      <c r="AC39501">
        <v>21</v>
      </c>
      <c r="AD39501">
        <v>21</v>
      </c>
      <c r="AE39501">
        <v>21</v>
      </c>
      <c r="AF39501">
        <v>21</v>
      </c>
      <c r="AG39501">
        <v>22</v>
      </c>
      <c r="AH39501">
        <v>22</v>
      </c>
      <c r="AI39501">
        <v>22</v>
      </c>
      <c r="AJ39501">
        <v>22</v>
      </c>
      <c r="AK39501">
        <v>23</v>
      </c>
      <c r="AL39501">
        <v>23</v>
      </c>
      <c r="AM39501">
        <v>23</v>
      </c>
      <c r="AN39501">
        <v>23</v>
      </c>
      <c r="AO39501">
        <v>23</v>
      </c>
      <c r="AP39501">
        <v>23</v>
      </c>
      <c r="AQ39501">
        <v>23</v>
      </c>
    </row>
    <row r="39502" spans="1:43">
      <c r="A39502" t="s">
        <v>24499</v>
      </c>
      <c r="B39502" t="s">
        <v>24500</v>
      </c>
      <c r="C39502" t="s">
        <v>24343</v>
      </c>
      <c r="D39502" t="s">
        <v>24344</v>
      </c>
      <c r="E39502" t="s">
        <v>24327</v>
      </c>
      <c r="F39502" t="s">
        <v>24328</v>
      </c>
      <c r="G39502" t="s">
        <v>11612</v>
      </c>
      <c r="H39502" t="s">
        <v>11613</v>
      </c>
      <c r="I39502" s="2">
        <v>0</v>
      </c>
      <c r="J39502" s="2">
        <v>0</v>
      </c>
      <c r="K39502" s="2">
        <v>1</v>
      </c>
      <c r="L39502" t="s">
        <v>995</v>
      </c>
      <c r="M39502" t="s">
        <v>83</v>
      </c>
      <c r="N39502" t="s">
        <v>84</v>
      </c>
      <c r="O39502" t="s">
        <v>85</v>
      </c>
      <c r="P39502" t="s">
        <v>86</v>
      </c>
      <c r="Q39502">
        <v>18</v>
      </c>
      <c r="R39502">
        <v>19</v>
      </c>
      <c r="S39502">
        <v>19</v>
      </c>
      <c r="T39502">
        <v>19</v>
      </c>
      <c r="U39502">
        <v>19</v>
      </c>
      <c r="V39502">
        <v>20</v>
      </c>
      <c r="W39502">
        <v>20</v>
      </c>
      <c r="X39502">
        <v>20</v>
      </c>
      <c r="Y39502">
        <v>20</v>
      </c>
      <c r="Z39502">
        <v>21</v>
      </c>
      <c r="AA39502">
        <v>21</v>
      </c>
      <c r="AB39502">
        <v>21</v>
      </c>
      <c r="AC39502">
        <v>21</v>
      </c>
      <c r="AD39502">
        <v>22</v>
      </c>
      <c r="AE39502">
        <v>22</v>
      </c>
      <c r="AF39502">
        <v>22</v>
      </c>
      <c r="AG39502">
        <v>23</v>
      </c>
      <c r="AH39502">
        <v>23</v>
      </c>
      <c r="AI39502">
        <v>23</v>
      </c>
      <c r="AJ39502">
        <v>23</v>
      </c>
      <c r="AK39502">
        <v>24</v>
      </c>
      <c r="AL39502">
        <v>24</v>
      </c>
      <c r="AM39502">
        <v>24</v>
      </c>
      <c r="AN39502">
        <v>24</v>
      </c>
      <c r="AO39502">
        <v>24</v>
      </c>
      <c r="AP39502">
        <v>24</v>
      </c>
      <c r="AQ39502">
        <v>24</v>
      </c>
    </row>
    <row r="39503" spans="1:43">
      <c r="A39503" t="s">
        <v>24499</v>
      </c>
      <c r="B39503" t="s">
        <v>24500</v>
      </c>
      <c r="C39503" t="s">
        <v>24343</v>
      </c>
      <c r="D39503" t="s">
        <v>24344</v>
      </c>
      <c r="E39503" t="s">
        <v>24327</v>
      </c>
      <c r="F39503" t="s">
        <v>24328</v>
      </c>
      <c r="G39503" t="s">
        <v>11612</v>
      </c>
      <c r="H39503" t="s">
        <v>11613</v>
      </c>
      <c r="I39503" s="2">
        <v>0</v>
      </c>
      <c r="J39503" s="2">
        <v>0</v>
      </c>
      <c r="K39503" s="2">
        <v>1</v>
      </c>
      <c r="L39503" t="s">
        <v>995</v>
      </c>
      <c r="M39503" t="s">
        <v>87</v>
      </c>
      <c r="N39503" t="s">
        <v>88</v>
      </c>
      <c r="O39503" t="s">
        <v>85</v>
      </c>
      <c r="P39503" t="s">
        <v>86</v>
      </c>
      <c r="Q39503">
        <v>18</v>
      </c>
      <c r="R39503">
        <v>18</v>
      </c>
      <c r="S39503">
        <v>18</v>
      </c>
      <c r="T39503">
        <v>18</v>
      </c>
      <c r="U39503">
        <v>19</v>
      </c>
      <c r="V39503">
        <v>19</v>
      </c>
      <c r="W39503">
        <v>19</v>
      </c>
      <c r="X39503">
        <v>19</v>
      </c>
      <c r="Y39503">
        <v>19</v>
      </c>
      <c r="Z39503">
        <v>19</v>
      </c>
      <c r="AA39503">
        <v>19</v>
      </c>
      <c r="AB39503">
        <v>19</v>
      </c>
      <c r="AC39503">
        <v>19</v>
      </c>
      <c r="AD39503">
        <v>19</v>
      </c>
      <c r="AE39503">
        <v>19</v>
      </c>
      <c r="AF39503">
        <v>20</v>
      </c>
      <c r="AG39503">
        <v>20</v>
      </c>
      <c r="AH39503">
        <v>20</v>
      </c>
      <c r="AI39503">
        <v>20</v>
      </c>
      <c r="AJ39503">
        <v>20</v>
      </c>
      <c r="AK39503">
        <v>20</v>
      </c>
      <c r="AL39503">
        <v>20</v>
      </c>
      <c r="AM39503">
        <v>20</v>
      </c>
      <c r="AN39503">
        <v>21</v>
      </c>
      <c r="AO39503">
        <v>21</v>
      </c>
      <c r="AP39503">
        <v>21</v>
      </c>
      <c r="AQ39503">
        <v>21</v>
      </c>
    </row>
    <row r="39504" spans="1:43">
      <c r="A39504" t="s">
        <v>24499</v>
      </c>
      <c r="B39504" t="s">
        <v>24500</v>
      </c>
      <c r="C39504" t="s">
        <v>24343</v>
      </c>
      <c r="D39504" t="s">
        <v>24344</v>
      </c>
      <c r="E39504" t="s">
        <v>24327</v>
      </c>
      <c r="F39504" t="s">
        <v>24328</v>
      </c>
      <c r="G39504" t="s">
        <v>11612</v>
      </c>
      <c r="H39504" t="s">
        <v>11613</v>
      </c>
      <c r="I39504" s="2">
        <v>0</v>
      </c>
      <c r="J39504" s="2">
        <v>0</v>
      </c>
      <c r="K39504" s="2">
        <v>1</v>
      </c>
      <c r="L39504" t="s">
        <v>995</v>
      </c>
      <c r="M39504" t="s">
        <v>89</v>
      </c>
      <c r="N39504" t="s">
        <v>90</v>
      </c>
      <c r="O39504" t="s">
        <v>85</v>
      </c>
      <c r="P39504" t="s">
        <v>86</v>
      </c>
      <c r="Q39504">
        <v>18</v>
      </c>
      <c r="R39504">
        <v>19</v>
      </c>
      <c r="S39504">
        <v>19</v>
      </c>
      <c r="T39504">
        <v>20</v>
      </c>
      <c r="U39504">
        <v>20</v>
      </c>
      <c r="V39504">
        <v>21</v>
      </c>
      <c r="W39504">
        <v>21</v>
      </c>
      <c r="X39504">
        <v>21</v>
      </c>
      <c r="Y39504">
        <v>22</v>
      </c>
      <c r="Z39504">
        <v>22</v>
      </c>
      <c r="AA39504">
        <v>22</v>
      </c>
      <c r="AB39504">
        <v>23</v>
      </c>
      <c r="AC39504">
        <v>23</v>
      </c>
      <c r="AD39504">
        <v>23</v>
      </c>
      <c r="AE39504">
        <v>24</v>
      </c>
      <c r="AF39504">
        <v>24</v>
      </c>
      <c r="AG39504">
        <v>24</v>
      </c>
      <c r="AH39504">
        <v>24</v>
      </c>
      <c r="AI39504">
        <v>24</v>
      </c>
      <c r="AJ39504">
        <v>24</v>
      </c>
      <c r="AK39504">
        <v>24</v>
      </c>
      <c r="AL39504">
        <v>24</v>
      </c>
      <c r="AM39504">
        <v>24</v>
      </c>
      <c r="AN39504">
        <v>24</v>
      </c>
      <c r="AO39504">
        <v>24</v>
      </c>
      <c r="AP39504">
        <v>24</v>
      </c>
      <c r="AQ39504">
        <v>25</v>
      </c>
    </row>
    <row r="39505" spans="1:43">
      <c r="A39505" t="s">
        <v>24499</v>
      </c>
      <c r="B39505" t="s">
        <v>24500</v>
      </c>
      <c r="C39505" t="s">
        <v>24343</v>
      </c>
      <c r="D39505" t="s">
        <v>24344</v>
      </c>
      <c r="E39505" t="s">
        <v>24327</v>
      </c>
      <c r="F39505" t="s">
        <v>24328</v>
      </c>
      <c r="G39505" t="s">
        <v>11612</v>
      </c>
      <c r="H39505" t="s">
        <v>11613</v>
      </c>
      <c r="I39505" s="2">
        <v>0</v>
      </c>
      <c r="J39505" s="2">
        <v>0</v>
      </c>
      <c r="K39505" s="2">
        <v>1</v>
      </c>
      <c r="L39505" t="s">
        <v>995</v>
      </c>
      <c r="M39505" t="s">
        <v>83</v>
      </c>
      <c r="N39505" t="s">
        <v>91</v>
      </c>
      <c r="O39505" t="s">
        <v>85</v>
      </c>
      <c r="P39505" t="s">
        <v>86</v>
      </c>
      <c r="Q39505">
        <v>18</v>
      </c>
      <c r="R39505">
        <v>19</v>
      </c>
      <c r="S39505">
        <v>19</v>
      </c>
      <c r="T39505">
        <v>19</v>
      </c>
      <c r="U39505">
        <v>19</v>
      </c>
      <c r="V39505">
        <v>20</v>
      </c>
      <c r="W39505">
        <v>20</v>
      </c>
      <c r="X39505">
        <v>20</v>
      </c>
      <c r="Y39505">
        <v>20</v>
      </c>
      <c r="Z39505">
        <v>21</v>
      </c>
      <c r="AA39505">
        <v>21</v>
      </c>
      <c r="AB39505">
        <v>21</v>
      </c>
      <c r="AC39505">
        <v>21</v>
      </c>
      <c r="AD39505">
        <v>22</v>
      </c>
      <c r="AE39505">
        <v>22</v>
      </c>
      <c r="AF39505">
        <v>22</v>
      </c>
      <c r="AG39505">
        <v>23</v>
      </c>
      <c r="AH39505">
        <v>23</v>
      </c>
      <c r="AI39505">
        <v>23</v>
      </c>
      <c r="AJ39505">
        <v>23</v>
      </c>
      <c r="AK39505">
        <v>24</v>
      </c>
      <c r="AL39505">
        <v>24</v>
      </c>
      <c r="AM39505">
        <v>24</v>
      </c>
      <c r="AN39505">
        <v>24</v>
      </c>
      <c r="AO39505">
        <v>24</v>
      </c>
      <c r="AP39505">
        <v>24</v>
      </c>
      <c r="AQ39505">
        <v>24</v>
      </c>
    </row>
    <row r="39506" spans="1:43">
      <c r="A39506" t="s">
        <v>24501</v>
      </c>
      <c r="B39506" t="s">
        <v>24502</v>
      </c>
      <c r="C39506" t="s">
        <v>24343</v>
      </c>
      <c r="D39506" t="s">
        <v>24344</v>
      </c>
      <c r="E39506" t="s">
        <v>24327</v>
      </c>
      <c r="F39506" t="s">
        <v>24328</v>
      </c>
      <c r="G39506" t="s">
        <v>11612</v>
      </c>
      <c r="H39506" t="s">
        <v>11613</v>
      </c>
      <c r="I39506" s="2">
        <v>0</v>
      </c>
      <c r="J39506" s="2">
        <v>0</v>
      </c>
      <c r="K39506" s="2">
        <v>1</v>
      </c>
      <c r="L39506" t="s">
        <v>995</v>
      </c>
      <c r="M39506" t="s">
        <v>83</v>
      </c>
      <c r="N39506" t="s">
        <v>84</v>
      </c>
      <c r="O39506" t="s">
        <v>85</v>
      </c>
      <c r="P39506" t="s">
        <v>86</v>
      </c>
      <c r="Q39506">
        <v>118</v>
      </c>
      <c r="R39506">
        <v>120</v>
      </c>
      <c r="S39506">
        <v>122</v>
      </c>
      <c r="T39506">
        <v>123</v>
      </c>
      <c r="U39506">
        <v>125</v>
      </c>
      <c r="V39506">
        <v>127</v>
      </c>
      <c r="W39506">
        <v>128</v>
      </c>
      <c r="X39506">
        <v>130</v>
      </c>
      <c r="Y39506">
        <v>132</v>
      </c>
      <c r="Z39506">
        <v>134</v>
      </c>
      <c r="AA39506">
        <v>136</v>
      </c>
      <c r="AB39506">
        <v>137</v>
      </c>
      <c r="AC39506">
        <v>139</v>
      </c>
      <c r="AD39506">
        <v>141</v>
      </c>
      <c r="AE39506">
        <v>143</v>
      </c>
      <c r="AF39506">
        <v>145</v>
      </c>
      <c r="AG39506">
        <v>147</v>
      </c>
      <c r="AH39506">
        <v>149</v>
      </c>
      <c r="AI39506">
        <v>151</v>
      </c>
      <c r="AJ39506">
        <v>153</v>
      </c>
      <c r="AK39506">
        <v>155</v>
      </c>
      <c r="AL39506">
        <v>156</v>
      </c>
      <c r="AM39506">
        <v>157</v>
      </c>
      <c r="AN39506">
        <v>158</v>
      </c>
      <c r="AO39506">
        <v>159</v>
      </c>
      <c r="AP39506">
        <v>159</v>
      </c>
      <c r="AQ39506">
        <v>160</v>
      </c>
    </row>
    <row r="39507" spans="1:43">
      <c r="A39507" t="s">
        <v>24501</v>
      </c>
      <c r="B39507" t="s">
        <v>24502</v>
      </c>
      <c r="C39507" t="s">
        <v>24343</v>
      </c>
      <c r="D39507" t="s">
        <v>24344</v>
      </c>
      <c r="E39507" t="s">
        <v>24327</v>
      </c>
      <c r="F39507" t="s">
        <v>24328</v>
      </c>
      <c r="G39507" t="s">
        <v>11612</v>
      </c>
      <c r="H39507" t="s">
        <v>11613</v>
      </c>
      <c r="I39507" s="2">
        <v>0</v>
      </c>
      <c r="J39507" s="2">
        <v>0</v>
      </c>
      <c r="K39507" s="2">
        <v>1</v>
      </c>
      <c r="L39507" t="s">
        <v>995</v>
      </c>
      <c r="M39507" t="s">
        <v>87</v>
      </c>
      <c r="N39507" t="s">
        <v>88</v>
      </c>
      <c r="O39507" t="s">
        <v>85</v>
      </c>
      <c r="P39507" t="s">
        <v>86</v>
      </c>
      <c r="Q39507">
        <v>118</v>
      </c>
      <c r="R39507">
        <v>118</v>
      </c>
      <c r="S39507">
        <v>119</v>
      </c>
      <c r="T39507">
        <v>120</v>
      </c>
      <c r="U39507">
        <v>120</v>
      </c>
      <c r="V39507">
        <v>121</v>
      </c>
      <c r="W39507">
        <v>122</v>
      </c>
      <c r="X39507">
        <v>122</v>
      </c>
      <c r="Y39507">
        <v>123</v>
      </c>
      <c r="Z39507">
        <v>124</v>
      </c>
      <c r="AA39507">
        <v>124</v>
      </c>
      <c r="AB39507">
        <v>125</v>
      </c>
      <c r="AC39507">
        <v>126</v>
      </c>
      <c r="AD39507">
        <v>127</v>
      </c>
      <c r="AE39507">
        <v>127</v>
      </c>
      <c r="AF39507">
        <v>128</v>
      </c>
      <c r="AG39507">
        <v>129</v>
      </c>
      <c r="AH39507">
        <v>130</v>
      </c>
      <c r="AI39507">
        <v>131</v>
      </c>
      <c r="AJ39507">
        <v>132</v>
      </c>
      <c r="AK39507">
        <v>133</v>
      </c>
      <c r="AL39507">
        <v>134</v>
      </c>
      <c r="AM39507">
        <v>135</v>
      </c>
      <c r="AN39507">
        <v>136</v>
      </c>
      <c r="AO39507">
        <v>137</v>
      </c>
      <c r="AP39507">
        <v>138</v>
      </c>
      <c r="AQ39507">
        <v>139</v>
      </c>
    </row>
    <row r="39508" spans="1:43">
      <c r="A39508" t="s">
        <v>24501</v>
      </c>
      <c r="B39508" t="s">
        <v>24502</v>
      </c>
      <c r="C39508" t="s">
        <v>24343</v>
      </c>
      <c r="D39508" t="s">
        <v>24344</v>
      </c>
      <c r="E39508" t="s">
        <v>24327</v>
      </c>
      <c r="F39508" t="s">
        <v>24328</v>
      </c>
      <c r="G39508" t="s">
        <v>11612</v>
      </c>
      <c r="H39508" t="s">
        <v>11613</v>
      </c>
      <c r="I39508" s="2">
        <v>0</v>
      </c>
      <c r="J39508" s="2">
        <v>0</v>
      </c>
      <c r="K39508" s="2">
        <v>1</v>
      </c>
      <c r="L39508" t="s">
        <v>995</v>
      </c>
      <c r="M39508" t="s">
        <v>89</v>
      </c>
      <c r="N39508" t="s">
        <v>90</v>
      </c>
      <c r="O39508" t="s">
        <v>85</v>
      </c>
      <c r="P39508" t="s">
        <v>86</v>
      </c>
      <c r="Q39508">
        <v>118</v>
      </c>
      <c r="R39508">
        <v>121</v>
      </c>
      <c r="S39508">
        <v>124</v>
      </c>
      <c r="T39508">
        <v>126</v>
      </c>
      <c r="U39508">
        <v>129</v>
      </c>
      <c r="V39508">
        <v>132</v>
      </c>
      <c r="W39508">
        <v>134</v>
      </c>
      <c r="X39508">
        <v>137</v>
      </c>
      <c r="Y39508">
        <v>139</v>
      </c>
      <c r="Z39508">
        <v>141</v>
      </c>
      <c r="AA39508">
        <v>144</v>
      </c>
      <c r="AB39508">
        <v>146</v>
      </c>
      <c r="AC39508">
        <v>148</v>
      </c>
      <c r="AD39508">
        <v>151</v>
      </c>
      <c r="AE39508">
        <v>152</v>
      </c>
      <c r="AF39508">
        <v>153</v>
      </c>
      <c r="AG39508">
        <v>154</v>
      </c>
      <c r="AH39508">
        <v>154</v>
      </c>
      <c r="AI39508">
        <v>155</v>
      </c>
      <c r="AJ39508">
        <v>156</v>
      </c>
      <c r="AK39508">
        <v>157</v>
      </c>
      <c r="AL39508">
        <v>157</v>
      </c>
      <c r="AM39508">
        <v>158</v>
      </c>
      <c r="AN39508">
        <v>159</v>
      </c>
      <c r="AO39508">
        <v>160</v>
      </c>
      <c r="AP39508">
        <v>161</v>
      </c>
      <c r="AQ39508">
        <v>162</v>
      </c>
    </row>
    <row r="39509" spans="1:43">
      <c r="A39509" t="s">
        <v>24501</v>
      </c>
      <c r="B39509" t="s">
        <v>24502</v>
      </c>
      <c r="C39509" t="s">
        <v>24343</v>
      </c>
      <c r="D39509" t="s">
        <v>24344</v>
      </c>
      <c r="E39509" t="s">
        <v>24327</v>
      </c>
      <c r="F39509" t="s">
        <v>24328</v>
      </c>
      <c r="G39509" t="s">
        <v>11612</v>
      </c>
      <c r="H39509" t="s">
        <v>11613</v>
      </c>
      <c r="I39509" s="2">
        <v>0</v>
      </c>
      <c r="J39509" s="2">
        <v>0</v>
      </c>
      <c r="K39509" s="2">
        <v>1</v>
      </c>
      <c r="L39509" t="s">
        <v>995</v>
      </c>
      <c r="M39509" t="s">
        <v>83</v>
      </c>
      <c r="N39509" t="s">
        <v>91</v>
      </c>
      <c r="O39509" t="s">
        <v>85</v>
      </c>
      <c r="P39509" t="s">
        <v>86</v>
      </c>
      <c r="Q39509">
        <v>118</v>
      </c>
      <c r="R39509">
        <v>120</v>
      </c>
      <c r="S39509">
        <v>122</v>
      </c>
      <c r="T39509">
        <v>123</v>
      </c>
      <c r="U39509">
        <v>125</v>
      </c>
      <c r="V39509">
        <v>127</v>
      </c>
      <c r="W39509">
        <v>128</v>
      </c>
      <c r="X39509">
        <v>130</v>
      </c>
      <c r="Y39509">
        <v>132</v>
      </c>
      <c r="Z39509">
        <v>134</v>
      </c>
      <c r="AA39509">
        <v>136</v>
      </c>
      <c r="AB39509">
        <v>137</v>
      </c>
      <c r="AC39509">
        <v>139</v>
      </c>
      <c r="AD39509">
        <v>141</v>
      </c>
      <c r="AE39509">
        <v>143</v>
      </c>
      <c r="AF39509">
        <v>145</v>
      </c>
      <c r="AG39509">
        <v>147</v>
      </c>
      <c r="AH39509">
        <v>149</v>
      </c>
      <c r="AI39509">
        <v>151</v>
      </c>
      <c r="AJ39509">
        <v>153</v>
      </c>
      <c r="AK39509">
        <v>155</v>
      </c>
      <c r="AL39509">
        <v>156</v>
      </c>
      <c r="AM39509">
        <v>157</v>
      </c>
      <c r="AN39509">
        <v>158</v>
      </c>
      <c r="AO39509">
        <v>159</v>
      </c>
      <c r="AP39509">
        <v>159</v>
      </c>
      <c r="AQ39509">
        <v>160</v>
      </c>
    </row>
    <row r="39510" spans="1:43">
      <c r="A39510" t="s">
        <v>24503</v>
      </c>
      <c r="B39510" t="s">
        <v>24504</v>
      </c>
      <c r="C39510" t="s">
        <v>24343</v>
      </c>
      <c r="D39510" t="s">
        <v>24344</v>
      </c>
      <c r="E39510" t="s">
        <v>24327</v>
      </c>
      <c r="F39510" t="s">
        <v>24328</v>
      </c>
      <c r="G39510" t="s">
        <v>11612</v>
      </c>
      <c r="H39510" t="s">
        <v>11613</v>
      </c>
      <c r="I39510" s="2">
        <v>0</v>
      </c>
      <c r="J39510" s="2">
        <v>0</v>
      </c>
      <c r="K39510" s="2">
        <v>1</v>
      </c>
      <c r="L39510" t="s">
        <v>995</v>
      </c>
      <c r="M39510" t="s">
        <v>83</v>
      </c>
      <c r="N39510" t="s">
        <v>84</v>
      </c>
      <c r="O39510" t="s">
        <v>85</v>
      </c>
      <c r="P39510" t="s">
        <v>86</v>
      </c>
      <c r="Q39510">
        <v>25</v>
      </c>
      <c r="R39510">
        <v>25</v>
      </c>
      <c r="S39510">
        <v>26</v>
      </c>
      <c r="T39510">
        <v>26</v>
      </c>
      <c r="U39510">
        <v>26</v>
      </c>
      <c r="V39510">
        <v>27</v>
      </c>
      <c r="W39510">
        <v>27</v>
      </c>
      <c r="X39510">
        <v>27</v>
      </c>
      <c r="Y39510">
        <v>28</v>
      </c>
      <c r="Z39510">
        <v>28</v>
      </c>
      <c r="AA39510">
        <v>28</v>
      </c>
      <c r="AB39510">
        <v>29</v>
      </c>
      <c r="AC39510">
        <v>29</v>
      </c>
      <c r="AD39510">
        <v>29</v>
      </c>
      <c r="AE39510">
        <v>30</v>
      </c>
      <c r="AF39510">
        <v>30</v>
      </c>
      <c r="AG39510">
        <v>31</v>
      </c>
      <c r="AH39510">
        <v>31</v>
      </c>
      <c r="AI39510">
        <v>31</v>
      </c>
      <c r="AJ39510">
        <v>32</v>
      </c>
      <c r="AK39510">
        <v>32</v>
      </c>
      <c r="AL39510">
        <v>32</v>
      </c>
      <c r="AM39510">
        <v>32</v>
      </c>
      <c r="AN39510">
        <v>33</v>
      </c>
      <c r="AO39510">
        <v>33</v>
      </c>
      <c r="AP39510">
        <v>33</v>
      </c>
      <c r="AQ39510">
        <v>33</v>
      </c>
    </row>
    <row r="39511" spans="1:43">
      <c r="A39511" t="s">
        <v>24503</v>
      </c>
      <c r="B39511" t="s">
        <v>24504</v>
      </c>
      <c r="C39511" t="s">
        <v>24343</v>
      </c>
      <c r="D39511" t="s">
        <v>24344</v>
      </c>
      <c r="E39511" t="s">
        <v>24327</v>
      </c>
      <c r="F39511" t="s">
        <v>24328</v>
      </c>
      <c r="G39511" t="s">
        <v>11612</v>
      </c>
      <c r="H39511" t="s">
        <v>11613</v>
      </c>
      <c r="I39511" s="2">
        <v>0</v>
      </c>
      <c r="J39511" s="2">
        <v>0</v>
      </c>
      <c r="K39511" s="2">
        <v>1</v>
      </c>
      <c r="L39511" t="s">
        <v>995</v>
      </c>
      <c r="M39511" t="s">
        <v>87</v>
      </c>
      <c r="N39511" t="s">
        <v>88</v>
      </c>
      <c r="O39511" t="s">
        <v>85</v>
      </c>
      <c r="P39511" t="s">
        <v>86</v>
      </c>
      <c r="Q39511">
        <v>25</v>
      </c>
      <c r="R39511">
        <v>25</v>
      </c>
      <c r="S39511">
        <v>25</v>
      </c>
      <c r="T39511">
        <v>25</v>
      </c>
      <c r="U39511">
        <v>25</v>
      </c>
      <c r="V39511">
        <v>25</v>
      </c>
      <c r="W39511">
        <v>25</v>
      </c>
      <c r="X39511">
        <v>26</v>
      </c>
      <c r="Y39511">
        <v>26</v>
      </c>
      <c r="Z39511">
        <v>26</v>
      </c>
      <c r="AA39511">
        <v>26</v>
      </c>
      <c r="AB39511">
        <v>26</v>
      </c>
      <c r="AC39511">
        <v>26</v>
      </c>
      <c r="AD39511">
        <v>26</v>
      </c>
      <c r="AE39511">
        <v>26</v>
      </c>
      <c r="AF39511">
        <v>27</v>
      </c>
      <c r="AG39511">
        <v>27</v>
      </c>
      <c r="AH39511">
        <v>27</v>
      </c>
      <c r="AI39511">
        <v>27</v>
      </c>
      <c r="AJ39511">
        <v>27</v>
      </c>
      <c r="AK39511">
        <v>27</v>
      </c>
      <c r="AL39511">
        <v>28</v>
      </c>
      <c r="AM39511">
        <v>28</v>
      </c>
      <c r="AN39511">
        <v>28</v>
      </c>
      <c r="AO39511">
        <v>28</v>
      </c>
      <c r="AP39511">
        <v>28</v>
      </c>
      <c r="AQ39511">
        <v>29</v>
      </c>
    </row>
    <row r="39512" spans="1:43">
      <c r="A39512" t="s">
        <v>24503</v>
      </c>
      <c r="B39512" t="s">
        <v>24504</v>
      </c>
      <c r="C39512" t="s">
        <v>24343</v>
      </c>
      <c r="D39512" t="s">
        <v>24344</v>
      </c>
      <c r="E39512" t="s">
        <v>24327</v>
      </c>
      <c r="F39512" t="s">
        <v>24328</v>
      </c>
      <c r="G39512" t="s">
        <v>11612</v>
      </c>
      <c r="H39512" t="s">
        <v>11613</v>
      </c>
      <c r="I39512" s="2">
        <v>0</v>
      </c>
      <c r="J39512" s="2">
        <v>0</v>
      </c>
      <c r="K39512" s="2">
        <v>1</v>
      </c>
      <c r="L39512" t="s">
        <v>995</v>
      </c>
      <c r="M39512" t="s">
        <v>89</v>
      </c>
      <c r="N39512" t="s">
        <v>90</v>
      </c>
      <c r="O39512" t="s">
        <v>85</v>
      </c>
      <c r="P39512" t="s">
        <v>86</v>
      </c>
      <c r="Q39512">
        <v>25</v>
      </c>
      <c r="R39512">
        <v>26</v>
      </c>
      <c r="S39512">
        <v>26</v>
      </c>
      <c r="T39512">
        <v>27</v>
      </c>
      <c r="U39512">
        <v>27</v>
      </c>
      <c r="V39512">
        <v>28</v>
      </c>
      <c r="W39512">
        <v>28</v>
      </c>
      <c r="X39512">
        <v>29</v>
      </c>
      <c r="Y39512">
        <v>29</v>
      </c>
      <c r="Z39512">
        <v>30</v>
      </c>
      <c r="AA39512">
        <v>30</v>
      </c>
      <c r="AB39512">
        <v>31</v>
      </c>
      <c r="AC39512">
        <v>31</v>
      </c>
      <c r="AD39512">
        <v>32</v>
      </c>
      <c r="AE39512">
        <v>32</v>
      </c>
      <c r="AF39512">
        <v>32</v>
      </c>
      <c r="AG39512">
        <v>32</v>
      </c>
      <c r="AH39512">
        <v>32</v>
      </c>
      <c r="AI39512">
        <v>32</v>
      </c>
      <c r="AJ39512">
        <v>33</v>
      </c>
      <c r="AK39512">
        <v>33</v>
      </c>
      <c r="AL39512">
        <v>33</v>
      </c>
      <c r="AM39512">
        <v>33</v>
      </c>
      <c r="AN39512">
        <v>33</v>
      </c>
      <c r="AO39512">
        <v>33</v>
      </c>
      <c r="AP39512">
        <v>33</v>
      </c>
      <c r="AQ39512">
        <v>33</v>
      </c>
    </row>
    <row r="39513" spans="1:43">
      <c r="A39513" t="s">
        <v>24503</v>
      </c>
      <c r="B39513" t="s">
        <v>24504</v>
      </c>
      <c r="C39513" t="s">
        <v>24343</v>
      </c>
      <c r="D39513" t="s">
        <v>24344</v>
      </c>
      <c r="E39513" t="s">
        <v>24327</v>
      </c>
      <c r="F39513" t="s">
        <v>24328</v>
      </c>
      <c r="G39513" t="s">
        <v>11612</v>
      </c>
      <c r="H39513" t="s">
        <v>11613</v>
      </c>
      <c r="I39513" s="2">
        <v>0</v>
      </c>
      <c r="J39513" s="2">
        <v>0</v>
      </c>
      <c r="K39513" s="2">
        <v>1</v>
      </c>
      <c r="L39513" t="s">
        <v>995</v>
      </c>
      <c r="M39513" t="s">
        <v>83</v>
      </c>
      <c r="N39513" t="s">
        <v>91</v>
      </c>
      <c r="O39513" t="s">
        <v>85</v>
      </c>
      <c r="P39513" t="s">
        <v>86</v>
      </c>
      <c r="Q39513">
        <v>25</v>
      </c>
      <c r="R39513">
        <v>25</v>
      </c>
      <c r="S39513">
        <v>26</v>
      </c>
      <c r="T39513">
        <v>26</v>
      </c>
      <c r="U39513">
        <v>26</v>
      </c>
      <c r="V39513">
        <v>27</v>
      </c>
      <c r="W39513">
        <v>27</v>
      </c>
      <c r="X39513">
        <v>27</v>
      </c>
      <c r="Y39513">
        <v>28</v>
      </c>
      <c r="Z39513">
        <v>28</v>
      </c>
      <c r="AA39513">
        <v>28</v>
      </c>
      <c r="AB39513">
        <v>29</v>
      </c>
      <c r="AC39513">
        <v>29</v>
      </c>
      <c r="AD39513">
        <v>29</v>
      </c>
      <c r="AE39513">
        <v>30</v>
      </c>
      <c r="AF39513">
        <v>30</v>
      </c>
      <c r="AG39513">
        <v>31</v>
      </c>
      <c r="AH39513">
        <v>31</v>
      </c>
      <c r="AI39513">
        <v>31</v>
      </c>
      <c r="AJ39513">
        <v>32</v>
      </c>
      <c r="AK39513">
        <v>32</v>
      </c>
      <c r="AL39513">
        <v>32</v>
      </c>
      <c r="AM39513">
        <v>32</v>
      </c>
      <c r="AN39513">
        <v>33</v>
      </c>
      <c r="AO39513">
        <v>33</v>
      </c>
      <c r="AP39513">
        <v>33</v>
      </c>
      <c r="AQ39513">
        <v>33</v>
      </c>
    </row>
    <row r="39514" spans="1:43">
      <c r="A39514" t="s">
        <v>24505</v>
      </c>
      <c r="B39514" t="s">
        <v>24506</v>
      </c>
      <c r="C39514" t="s">
        <v>24481</v>
      </c>
      <c r="D39514" t="s">
        <v>24482</v>
      </c>
      <c r="E39514" t="s">
        <v>24327</v>
      </c>
      <c r="F39514" t="s">
        <v>24328</v>
      </c>
      <c r="G39514" t="s">
        <v>11612</v>
      </c>
      <c r="H39514" t="s">
        <v>11613</v>
      </c>
      <c r="I39514" s="2">
        <v>0</v>
      </c>
      <c r="J39514" s="2">
        <v>0</v>
      </c>
      <c r="K39514" s="2">
        <v>1</v>
      </c>
      <c r="L39514" t="s">
        <v>995</v>
      </c>
      <c r="M39514" t="s">
        <v>83</v>
      </c>
      <c r="N39514" t="s">
        <v>84</v>
      </c>
      <c r="O39514" t="s">
        <v>85</v>
      </c>
      <c r="P39514" t="s">
        <v>86</v>
      </c>
      <c r="Q39514">
        <v>38</v>
      </c>
      <c r="R39514">
        <v>39</v>
      </c>
      <c r="S39514">
        <v>40</v>
      </c>
      <c r="T39514">
        <v>40</v>
      </c>
      <c r="U39514">
        <v>41</v>
      </c>
      <c r="V39514">
        <v>41</v>
      </c>
      <c r="W39514">
        <v>42</v>
      </c>
      <c r="X39514">
        <v>42</v>
      </c>
      <c r="Y39514">
        <v>43</v>
      </c>
      <c r="Z39514">
        <v>43</v>
      </c>
      <c r="AA39514">
        <v>44</v>
      </c>
      <c r="AB39514">
        <v>44</v>
      </c>
      <c r="AC39514">
        <v>45</v>
      </c>
      <c r="AD39514">
        <v>45</v>
      </c>
      <c r="AE39514">
        <v>46</v>
      </c>
      <c r="AF39514">
        <v>47</v>
      </c>
      <c r="AG39514">
        <v>47</v>
      </c>
      <c r="AH39514">
        <v>48</v>
      </c>
      <c r="AI39514">
        <v>48</v>
      </c>
      <c r="AJ39514">
        <v>49</v>
      </c>
      <c r="AK39514">
        <v>49</v>
      </c>
      <c r="AL39514">
        <v>50</v>
      </c>
      <c r="AM39514">
        <v>50</v>
      </c>
      <c r="AN39514">
        <v>50</v>
      </c>
      <c r="AO39514">
        <v>50</v>
      </c>
      <c r="AP39514">
        <v>50</v>
      </c>
      <c r="AQ39514">
        <v>51</v>
      </c>
    </row>
    <row r="39515" spans="1:43">
      <c r="A39515" t="s">
        <v>24505</v>
      </c>
      <c r="B39515" t="s">
        <v>24506</v>
      </c>
      <c r="C39515" t="s">
        <v>24481</v>
      </c>
      <c r="D39515" t="s">
        <v>24482</v>
      </c>
      <c r="E39515" t="s">
        <v>24327</v>
      </c>
      <c r="F39515" t="s">
        <v>24328</v>
      </c>
      <c r="G39515" t="s">
        <v>11612</v>
      </c>
      <c r="H39515" t="s">
        <v>11613</v>
      </c>
      <c r="I39515" s="2">
        <v>0</v>
      </c>
      <c r="J39515" s="2">
        <v>0</v>
      </c>
      <c r="K39515" s="2">
        <v>1</v>
      </c>
      <c r="L39515" t="s">
        <v>995</v>
      </c>
      <c r="M39515" t="s">
        <v>87</v>
      </c>
      <c r="N39515" t="s">
        <v>88</v>
      </c>
      <c r="O39515" t="s">
        <v>85</v>
      </c>
      <c r="P39515" t="s">
        <v>86</v>
      </c>
      <c r="Q39515">
        <v>38</v>
      </c>
      <c r="R39515">
        <v>38</v>
      </c>
      <c r="S39515">
        <v>39</v>
      </c>
      <c r="T39515">
        <v>39</v>
      </c>
      <c r="U39515">
        <v>39</v>
      </c>
      <c r="V39515">
        <v>39</v>
      </c>
      <c r="W39515">
        <v>39</v>
      </c>
      <c r="X39515">
        <v>39</v>
      </c>
      <c r="Y39515">
        <v>40</v>
      </c>
      <c r="Z39515">
        <v>40</v>
      </c>
      <c r="AA39515">
        <v>40</v>
      </c>
      <c r="AB39515">
        <v>40</v>
      </c>
      <c r="AC39515">
        <v>40</v>
      </c>
      <c r="AD39515">
        <v>40</v>
      </c>
      <c r="AE39515">
        <v>41</v>
      </c>
      <c r="AF39515">
        <v>41</v>
      </c>
      <c r="AG39515">
        <v>41</v>
      </c>
      <c r="AH39515">
        <v>41</v>
      </c>
      <c r="AI39515">
        <v>42</v>
      </c>
      <c r="AJ39515">
        <v>42</v>
      </c>
      <c r="AK39515">
        <v>42</v>
      </c>
      <c r="AL39515">
        <v>42</v>
      </c>
      <c r="AM39515">
        <v>43</v>
      </c>
      <c r="AN39515">
        <v>43</v>
      </c>
      <c r="AO39515">
        <v>43</v>
      </c>
      <c r="AP39515">
        <v>44</v>
      </c>
      <c r="AQ39515">
        <v>44</v>
      </c>
    </row>
    <row r="39516" spans="1:43">
      <c r="A39516" t="s">
        <v>24505</v>
      </c>
      <c r="B39516" t="s">
        <v>24506</v>
      </c>
      <c r="C39516" t="s">
        <v>24481</v>
      </c>
      <c r="D39516" t="s">
        <v>24482</v>
      </c>
      <c r="E39516" t="s">
        <v>24327</v>
      </c>
      <c r="F39516" t="s">
        <v>24328</v>
      </c>
      <c r="G39516" t="s">
        <v>11612</v>
      </c>
      <c r="H39516" t="s">
        <v>11613</v>
      </c>
      <c r="I39516" s="2">
        <v>0</v>
      </c>
      <c r="J39516" s="2">
        <v>0</v>
      </c>
      <c r="K39516" s="2">
        <v>1</v>
      </c>
      <c r="L39516" t="s">
        <v>995</v>
      </c>
      <c r="M39516" t="s">
        <v>89</v>
      </c>
      <c r="N39516" t="s">
        <v>90</v>
      </c>
      <c r="O39516" t="s">
        <v>85</v>
      </c>
      <c r="P39516" t="s">
        <v>86</v>
      </c>
      <c r="Q39516">
        <v>38</v>
      </c>
      <c r="R39516">
        <v>39</v>
      </c>
      <c r="S39516">
        <v>40</v>
      </c>
      <c r="T39516">
        <v>40</v>
      </c>
      <c r="U39516">
        <v>41</v>
      </c>
      <c r="V39516">
        <v>42</v>
      </c>
      <c r="W39516">
        <v>43</v>
      </c>
      <c r="X39516">
        <v>44</v>
      </c>
      <c r="Y39516">
        <v>44</v>
      </c>
      <c r="Z39516">
        <v>45</v>
      </c>
      <c r="AA39516">
        <v>46</v>
      </c>
      <c r="AB39516">
        <v>46</v>
      </c>
      <c r="AC39516">
        <v>47</v>
      </c>
      <c r="AD39516">
        <v>48</v>
      </c>
      <c r="AE39516">
        <v>48</v>
      </c>
      <c r="AF39516">
        <v>48</v>
      </c>
      <c r="AG39516">
        <v>49</v>
      </c>
      <c r="AH39516">
        <v>49</v>
      </c>
      <c r="AI39516">
        <v>49</v>
      </c>
      <c r="AJ39516">
        <v>49</v>
      </c>
      <c r="AK39516">
        <v>49</v>
      </c>
      <c r="AL39516">
        <v>49</v>
      </c>
      <c r="AM39516">
        <v>49</v>
      </c>
      <c r="AN39516">
        <v>50</v>
      </c>
      <c r="AO39516">
        <v>50</v>
      </c>
      <c r="AP39516">
        <v>50</v>
      </c>
      <c r="AQ39516">
        <v>50</v>
      </c>
    </row>
    <row r="39517" spans="1:43">
      <c r="A39517" t="s">
        <v>24505</v>
      </c>
      <c r="B39517" t="s">
        <v>24506</v>
      </c>
      <c r="C39517" t="s">
        <v>24481</v>
      </c>
      <c r="D39517" t="s">
        <v>24482</v>
      </c>
      <c r="E39517" t="s">
        <v>24327</v>
      </c>
      <c r="F39517" t="s">
        <v>24328</v>
      </c>
      <c r="G39517" t="s">
        <v>11612</v>
      </c>
      <c r="H39517" t="s">
        <v>11613</v>
      </c>
      <c r="I39517" s="2">
        <v>0</v>
      </c>
      <c r="J39517" s="2">
        <v>0</v>
      </c>
      <c r="K39517" s="2">
        <v>1</v>
      </c>
      <c r="L39517" t="s">
        <v>995</v>
      </c>
      <c r="M39517" t="s">
        <v>83</v>
      </c>
      <c r="N39517" t="s">
        <v>91</v>
      </c>
      <c r="O39517" t="s">
        <v>85</v>
      </c>
      <c r="P39517" t="s">
        <v>86</v>
      </c>
      <c r="Q39517">
        <v>38</v>
      </c>
      <c r="R39517">
        <v>39</v>
      </c>
      <c r="S39517">
        <v>40</v>
      </c>
      <c r="T39517">
        <v>40</v>
      </c>
      <c r="U39517">
        <v>41</v>
      </c>
      <c r="V39517">
        <v>41</v>
      </c>
      <c r="W39517">
        <v>42</v>
      </c>
      <c r="X39517">
        <v>42</v>
      </c>
      <c r="Y39517">
        <v>43</v>
      </c>
      <c r="Z39517">
        <v>43</v>
      </c>
      <c r="AA39517">
        <v>44</v>
      </c>
      <c r="AB39517">
        <v>44</v>
      </c>
      <c r="AC39517">
        <v>45</v>
      </c>
      <c r="AD39517">
        <v>45</v>
      </c>
      <c r="AE39517">
        <v>46</v>
      </c>
      <c r="AF39517">
        <v>47</v>
      </c>
      <c r="AG39517">
        <v>47</v>
      </c>
      <c r="AH39517">
        <v>48</v>
      </c>
      <c r="AI39517">
        <v>48</v>
      </c>
      <c r="AJ39517">
        <v>49</v>
      </c>
      <c r="AK39517">
        <v>49</v>
      </c>
      <c r="AL39517">
        <v>50</v>
      </c>
      <c r="AM39517">
        <v>50</v>
      </c>
      <c r="AN39517">
        <v>50</v>
      </c>
      <c r="AO39517">
        <v>50</v>
      </c>
      <c r="AP39517">
        <v>50</v>
      </c>
      <c r="AQ39517">
        <v>51</v>
      </c>
    </row>
    <row r="39518" spans="1:43">
      <c r="A39518" t="s">
        <v>24507</v>
      </c>
      <c r="B39518" t="s">
        <v>24508</v>
      </c>
      <c r="C39518" t="s">
        <v>24481</v>
      </c>
      <c r="D39518" t="s">
        <v>24482</v>
      </c>
      <c r="E39518" t="s">
        <v>24327</v>
      </c>
      <c r="F39518" t="s">
        <v>24328</v>
      </c>
      <c r="G39518" t="s">
        <v>11612</v>
      </c>
      <c r="H39518" t="s">
        <v>11613</v>
      </c>
      <c r="I39518" s="2">
        <v>0</v>
      </c>
      <c r="J39518" s="2">
        <v>0</v>
      </c>
      <c r="K39518" s="2">
        <v>1</v>
      </c>
      <c r="L39518" t="s">
        <v>995</v>
      </c>
      <c r="M39518" t="s">
        <v>83</v>
      </c>
      <c r="N39518" t="s">
        <v>84</v>
      </c>
      <c r="O39518" t="s">
        <v>85</v>
      </c>
      <c r="P39518" t="s">
        <v>86</v>
      </c>
      <c r="Q39518">
        <v>35</v>
      </c>
      <c r="R39518">
        <v>35</v>
      </c>
      <c r="S39518">
        <v>36</v>
      </c>
      <c r="T39518">
        <v>36</v>
      </c>
      <c r="U39518">
        <v>37</v>
      </c>
      <c r="V39518">
        <v>37</v>
      </c>
      <c r="W39518">
        <v>38</v>
      </c>
      <c r="X39518">
        <v>38</v>
      </c>
      <c r="Y39518">
        <v>39</v>
      </c>
      <c r="Z39518">
        <v>39</v>
      </c>
      <c r="AA39518">
        <v>40</v>
      </c>
      <c r="AB39518">
        <v>40</v>
      </c>
      <c r="AC39518">
        <v>41</v>
      </c>
      <c r="AD39518">
        <v>41</v>
      </c>
      <c r="AE39518">
        <v>42</v>
      </c>
      <c r="AF39518">
        <v>42</v>
      </c>
      <c r="AG39518">
        <v>43</v>
      </c>
      <c r="AH39518">
        <v>43</v>
      </c>
      <c r="AI39518">
        <v>44</v>
      </c>
      <c r="AJ39518">
        <v>44</v>
      </c>
      <c r="AK39518">
        <v>45</v>
      </c>
      <c r="AL39518">
        <v>45</v>
      </c>
      <c r="AM39518">
        <v>45</v>
      </c>
      <c r="AN39518">
        <v>45</v>
      </c>
      <c r="AO39518">
        <v>45</v>
      </c>
      <c r="AP39518">
        <v>46</v>
      </c>
      <c r="AQ39518">
        <v>46</v>
      </c>
    </row>
    <row r="39519" spans="1:43">
      <c r="A39519" t="s">
        <v>24507</v>
      </c>
      <c r="B39519" t="s">
        <v>24508</v>
      </c>
      <c r="C39519" t="s">
        <v>24481</v>
      </c>
      <c r="D39519" t="s">
        <v>24482</v>
      </c>
      <c r="E39519" t="s">
        <v>24327</v>
      </c>
      <c r="F39519" t="s">
        <v>24328</v>
      </c>
      <c r="G39519" t="s">
        <v>11612</v>
      </c>
      <c r="H39519" t="s">
        <v>11613</v>
      </c>
      <c r="I39519" s="2">
        <v>0</v>
      </c>
      <c r="J39519" s="2">
        <v>0</v>
      </c>
      <c r="K39519" s="2">
        <v>1</v>
      </c>
      <c r="L39519" t="s">
        <v>995</v>
      </c>
      <c r="M39519" t="s">
        <v>87</v>
      </c>
      <c r="N39519" t="s">
        <v>88</v>
      </c>
      <c r="O39519" t="s">
        <v>85</v>
      </c>
      <c r="P39519" t="s">
        <v>86</v>
      </c>
      <c r="Q39519">
        <v>35</v>
      </c>
      <c r="R39519">
        <v>36</v>
      </c>
      <c r="S39519">
        <v>36</v>
      </c>
      <c r="T39519">
        <v>36</v>
      </c>
      <c r="U39519">
        <v>36</v>
      </c>
      <c r="V39519">
        <v>36</v>
      </c>
      <c r="W39519">
        <v>36</v>
      </c>
      <c r="X39519">
        <v>37</v>
      </c>
      <c r="Y39519">
        <v>37</v>
      </c>
      <c r="Z39519">
        <v>37</v>
      </c>
      <c r="AA39519">
        <v>37</v>
      </c>
      <c r="AB39519">
        <v>37</v>
      </c>
      <c r="AC39519">
        <v>37</v>
      </c>
      <c r="AD39519">
        <v>38</v>
      </c>
      <c r="AE39519">
        <v>38</v>
      </c>
      <c r="AF39519">
        <v>38</v>
      </c>
      <c r="AG39519">
        <v>38</v>
      </c>
      <c r="AH39519">
        <v>38</v>
      </c>
      <c r="AI39519">
        <v>39</v>
      </c>
      <c r="AJ39519">
        <v>39</v>
      </c>
      <c r="AK39519">
        <v>39</v>
      </c>
      <c r="AL39519">
        <v>39</v>
      </c>
      <c r="AM39519">
        <v>40</v>
      </c>
      <c r="AN39519">
        <v>40</v>
      </c>
      <c r="AO39519">
        <v>40</v>
      </c>
      <c r="AP39519">
        <v>40</v>
      </c>
      <c r="AQ39519">
        <v>41</v>
      </c>
    </row>
    <row r="39520" spans="1:43">
      <c r="A39520" t="s">
        <v>24507</v>
      </c>
      <c r="B39520" t="s">
        <v>24508</v>
      </c>
      <c r="C39520" t="s">
        <v>24481</v>
      </c>
      <c r="D39520" t="s">
        <v>24482</v>
      </c>
      <c r="E39520" t="s">
        <v>24327</v>
      </c>
      <c r="F39520" t="s">
        <v>24328</v>
      </c>
      <c r="G39520" t="s">
        <v>11612</v>
      </c>
      <c r="H39520" t="s">
        <v>11613</v>
      </c>
      <c r="I39520" s="2">
        <v>0</v>
      </c>
      <c r="J39520" s="2">
        <v>0</v>
      </c>
      <c r="K39520" s="2">
        <v>1</v>
      </c>
      <c r="L39520" t="s">
        <v>995</v>
      </c>
      <c r="M39520" t="s">
        <v>89</v>
      </c>
      <c r="N39520" t="s">
        <v>90</v>
      </c>
      <c r="O39520" t="s">
        <v>85</v>
      </c>
      <c r="P39520" t="s">
        <v>86</v>
      </c>
      <c r="Q39520">
        <v>35</v>
      </c>
      <c r="R39520">
        <v>36</v>
      </c>
      <c r="S39520">
        <v>37</v>
      </c>
      <c r="T39520">
        <v>38</v>
      </c>
      <c r="U39520">
        <v>38</v>
      </c>
      <c r="V39520">
        <v>39</v>
      </c>
      <c r="W39520">
        <v>40</v>
      </c>
      <c r="X39520">
        <v>40</v>
      </c>
      <c r="Y39520">
        <v>41</v>
      </c>
      <c r="Z39520">
        <v>42</v>
      </c>
      <c r="AA39520">
        <v>42</v>
      </c>
      <c r="AB39520">
        <v>43</v>
      </c>
      <c r="AC39520">
        <v>44</v>
      </c>
      <c r="AD39520">
        <v>44</v>
      </c>
      <c r="AE39520">
        <v>45</v>
      </c>
      <c r="AF39520">
        <v>45</v>
      </c>
      <c r="AG39520">
        <v>45</v>
      </c>
      <c r="AH39520">
        <v>45</v>
      </c>
      <c r="AI39520">
        <v>45</v>
      </c>
      <c r="AJ39520">
        <v>45</v>
      </c>
      <c r="AK39520">
        <v>45</v>
      </c>
      <c r="AL39520">
        <v>45</v>
      </c>
      <c r="AM39520">
        <v>46</v>
      </c>
      <c r="AN39520">
        <v>46</v>
      </c>
      <c r="AO39520">
        <v>46</v>
      </c>
      <c r="AP39520">
        <v>46</v>
      </c>
      <c r="AQ39520">
        <v>46</v>
      </c>
    </row>
    <row r="39521" spans="1:43">
      <c r="A39521" t="s">
        <v>24507</v>
      </c>
      <c r="B39521" t="s">
        <v>24508</v>
      </c>
      <c r="C39521" t="s">
        <v>24481</v>
      </c>
      <c r="D39521" t="s">
        <v>24482</v>
      </c>
      <c r="E39521" t="s">
        <v>24327</v>
      </c>
      <c r="F39521" t="s">
        <v>24328</v>
      </c>
      <c r="G39521" t="s">
        <v>11612</v>
      </c>
      <c r="H39521" t="s">
        <v>11613</v>
      </c>
      <c r="I39521" s="2">
        <v>0</v>
      </c>
      <c r="J39521" s="2">
        <v>0</v>
      </c>
      <c r="K39521" s="2">
        <v>1</v>
      </c>
      <c r="L39521" t="s">
        <v>995</v>
      </c>
      <c r="M39521" t="s">
        <v>83</v>
      </c>
      <c r="N39521" t="s">
        <v>91</v>
      </c>
      <c r="O39521" t="s">
        <v>85</v>
      </c>
      <c r="P39521" t="s">
        <v>86</v>
      </c>
      <c r="Q39521">
        <v>35</v>
      </c>
      <c r="R39521">
        <v>35</v>
      </c>
      <c r="S39521">
        <v>36</v>
      </c>
      <c r="T39521">
        <v>36</v>
      </c>
      <c r="U39521">
        <v>37</v>
      </c>
      <c r="V39521">
        <v>37</v>
      </c>
      <c r="W39521">
        <v>38</v>
      </c>
      <c r="X39521">
        <v>38</v>
      </c>
      <c r="Y39521">
        <v>39</v>
      </c>
      <c r="Z39521">
        <v>39</v>
      </c>
      <c r="AA39521">
        <v>40</v>
      </c>
      <c r="AB39521">
        <v>40</v>
      </c>
      <c r="AC39521">
        <v>41</v>
      </c>
      <c r="AD39521">
        <v>41</v>
      </c>
      <c r="AE39521">
        <v>42</v>
      </c>
      <c r="AF39521">
        <v>42</v>
      </c>
      <c r="AG39521">
        <v>43</v>
      </c>
      <c r="AH39521">
        <v>43</v>
      </c>
      <c r="AI39521">
        <v>44</v>
      </c>
      <c r="AJ39521">
        <v>44</v>
      </c>
      <c r="AK39521">
        <v>45</v>
      </c>
      <c r="AL39521">
        <v>45</v>
      </c>
      <c r="AM39521">
        <v>45</v>
      </c>
      <c r="AN39521">
        <v>45</v>
      </c>
      <c r="AO39521">
        <v>45</v>
      </c>
      <c r="AP39521">
        <v>46</v>
      </c>
      <c r="AQ39521">
        <v>46</v>
      </c>
    </row>
    <row r="39522" spans="1:43">
      <c r="A39522" t="s">
        <v>24509</v>
      </c>
      <c r="B39522" t="s">
        <v>24510</v>
      </c>
      <c r="C39522" t="s">
        <v>24481</v>
      </c>
      <c r="D39522" t="s">
        <v>24482</v>
      </c>
      <c r="E39522" t="s">
        <v>24327</v>
      </c>
      <c r="F39522" t="s">
        <v>24328</v>
      </c>
      <c r="G39522" t="s">
        <v>11612</v>
      </c>
      <c r="H39522" t="s">
        <v>11613</v>
      </c>
      <c r="I39522" s="2">
        <v>0</v>
      </c>
      <c r="J39522" s="2">
        <v>0</v>
      </c>
      <c r="K39522" s="2">
        <v>1</v>
      </c>
      <c r="L39522" t="s">
        <v>995</v>
      </c>
      <c r="M39522" t="s">
        <v>83</v>
      </c>
      <c r="N39522" t="s">
        <v>84</v>
      </c>
      <c r="O39522" t="s">
        <v>85</v>
      </c>
      <c r="P39522" t="s">
        <v>86</v>
      </c>
      <c r="Q39522">
        <v>11</v>
      </c>
      <c r="R39522">
        <v>12</v>
      </c>
      <c r="S39522">
        <v>12</v>
      </c>
      <c r="T39522">
        <v>12</v>
      </c>
      <c r="U39522">
        <v>12</v>
      </c>
      <c r="V39522">
        <v>12</v>
      </c>
      <c r="W39522">
        <v>12</v>
      </c>
      <c r="X39522">
        <v>13</v>
      </c>
      <c r="Y39522">
        <v>13</v>
      </c>
      <c r="Z39522">
        <v>13</v>
      </c>
      <c r="AA39522">
        <v>13</v>
      </c>
      <c r="AB39522">
        <v>13</v>
      </c>
      <c r="AC39522">
        <v>13</v>
      </c>
      <c r="AD39522">
        <v>14</v>
      </c>
      <c r="AE39522">
        <v>14</v>
      </c>
      <c r="AF39522">
        <v>14</v>
      </c>
      <c r="AG39522">
        <v>14</v>
      </c>
      <c r="AH39522">
        <v>14</v>
      </c>
      <c r="AI39522">
        <v>14</v>
      </c>
      <c r="AJ39522">
        <v>15</v>
      </c>
      <c r="AK39522">
        <v>15</v>
      </c>
      <c r="AL39522">
        <v>15</v>
      </c>
      <c r="AM39522">
        <v>15</v>
      </c>
      <c r="AN39522">
        <v>15</v>
      </c>
      <c r="AO39522">
        <v>15</v>
      </c>
      <c r="AP39522">
        <v>15</v>
      </c>
      <c r="AQ39522">
        <v>15</v>
      </c>
    </row>
    <row r="39523" spans="1:43">
      <c r="A39523" t="s">
        <v>24509</v>
      </c>
      <c r="B39523" t="s">
        <v>24510</v>
      </c>
      <c r="C39523" t="s">
        <v>24481</v>
      </c>
      <c r="D39523" t="s">
        <v>24482</v>
      </c>
      <c r="E39523" t="s">
        <v>24327</v>
      </c>
      <c r="F39523" t="s">
        <v>24328</v>
      </c>
      <c r="G39523" t="s">
        <v>11612</v>
      </c>
      <c r="H39523" t="s">
        <v>11613</v>
      </c>
      <c r="I39523" s="2">
        <v>0</v>
      </c>
      <c r="J39523" s="2">
        <v>0</v>
      </c>
      <c r="K39523" s="2">
        <v>1</v>
      </c>
      <c r="L39523" t="s">
        <v>995</v>
      </c>
      <c r="M39523" t="s">
        <v>87</v>
      </c>
      <c r="N39523" t="s">
        <v>88</v>
      </c>
      <c r="O39523" t="s">
        <v>85</v>
      </c>
      <c r="P39523" t="s">
        <v>86</v>
      </c>
      <c r="Q39523">
        <v>11</v>
      </c>
      <c r="R39523">
        <v>11</v>
      </c>
      <c r="S39523">
        <v>11</v>
      </c>
      <c r="T39523">
        <v>12</v>
      </c>
      <c r="U39523">
        <v>12</v>
      </c>
      <c r="V39523">
        <v>12</v>
      </c>
      <c r="W39523">
        <v>12</v>
      </c>
      <c r="X39523">
        <v>12</v>
      </c>
      <c r="Y39523">
        <v>12</v>
      </c>
      <c r="Z39523">
        <v>12</v>
      </c>
      <c r="AA39523">
        <v>12</v>
      </c>
      <c r="AB39523">
        <v>12</v>
      </c>
      <c r="AC39523">
        <v>12</v>
      </c>
      <c r="AD39523">
        <v>12</v>
      </c>
      <c r="AE39523">
        <v>12</v>
      </c>
      <c r="AF39523">
        <v>12</v>
      </c>
      <c r="AG39523">
        <v>12</v>
      </c>
      <c r="AH39523">
        <v>12</v>
      </c>
      <c r="AI39523">
        <v>12</v>
      </c>
      <c r="AJ39523">
        <v>12</v>
      </c>
      <c r="AK39523">
        <v>13</v>
      </c>
      <c r="AL39523">
        <v>13</v>
      </c>
      <c r="AM39523">
        <v>13</v>
      </c>
      <c r="AN39523">
        <v>13</v>
      </c>
      <c r="AO39523">
        <v>13</v>
      </c>
      <c r="AP39523">
        <v>13</v>
      </c>
      <c r="AQ39523">
        <v>13</v>
      </c>
    </row>
    <row r="39524" spans="1:43">
      <c r="A39524" t="s">
        <v>24509</v>
      </c>
      <c r="B39524" t="s">
        <v>24510</v>
      </c>
      <c r="C39524" t="s">
        <v>24481</v>
      </c>
      <c r="D39524" t="s">
        <v>24482</v>
      </c>
      <c r="E39524" t="s">
        <v>24327</v>
      </c>
      <c r="F39524" t="s">
        <v>24328</v>
      </c>
      <c r="G39524" t="s">
        <v>11612</v>
      </c>
      <c r="H39524" t="s">
        <v>11613</v>
      </c>
      <c r="I39524" s="2">
        <v>0</v>
      </c>
      <c r="J39524" s="2">
        <v>0</v>
      </c>
      <c r="K39524" s="2">
        <v>1</v>
      </c>
      <c r="L39524" t="s">
        <v>995</v>
      </c>
      <c r="M39524" t="s">
        <v>89</v>
      </c>
      <c r="N39524" t="s">
        <v>90</v>
      </c>
      <c r="O39524" t="s">
        <v>85</v>
      </c>
      <c r="P39524" t="s">
        <v>86</v>
      </c>
      <c r="Q39524">
        <v>11</v>
      </c>
      <c r="R39524">
        <v>11</v>
      </c>
      <c r="S39524">
        <v>11</v>
      </c>
      <c r="T39524">
        <v>11</v>
      </c>
      <c r="U39524">
        <v>12</v>
      </c>
      <c r="V39524">
        <v>12</v>
      </c>
      <c r="W39524">
        <v>12</v>
      </c>
      <c r="X39524">
        <v>12</v>
      </c>
      <c r="Y39524">
        <v>12</v>
      </c>
      <c r="Z39524">
        <v>13</v>
      </c>
      <c r="AA39524">
        <v>13</v>
      </c>
      <c r="AB39524">
        <v>13</v>
      </c>
      <c r="AC39524">
        <v>13</v>
      </c>
      <c r="AD39524">
        <v>14</v>
      </c>
      <c r="AE39524">
        <v>14</v>
      </c>
      <c r="AF39524">
        <v>14</v>
      </c>
      <c r="AG39524">
        <v>14</v>
      </c>
      <c r="AH39524">
        <v>14</v>
      </c>
      <c r="AI39524">
        <v>14</v>
      </c>
      <c r="AJ39524">
        <v>14</v>
      </c>
      <c r="AK39524">
        <v>14</v>
      </c>
      <c r="AL39524">
        <v>14</v>
      </c>
      <c r="AM39524">
        <v>14</v>
      </c>
      <c r="AN39524">
        <v>14</v>
      </c>
      <c r="AO39524">
        <v>14</v>
      </c>
      <c r="AP39524">
        <v>14</v>
      </c>
      <c r="AQ39524">
        <v>14</v>
      </c>
    </row>
    <row r="39525" spans="1:43">
      <c r="A39525" t="s">
        <v>24509</v>
      </c>
      <c r="B39525" t="s">
        <v>24510</v>
      </c>
      <c r="C39525" t="s">
        <v>24481</v>
      </c>
      <c r="D39525" t="s">
        <v>24482</v>
      </c>
      <c r="E39525" t="s">
        <v>24327</v>
      </c>
      <c r="F39525" t="s">
        <v>24328</v>
      </c>
      <c r="G39525" t="s">
        <v>11612</v>
      </c>
      <c r="H39525" t="s">
        <v>11613</v>
      </c>
      <c r="I39525" s="2">
        <v>0</v>
      </c>
      <c r="J39525" s="2">
        <v>0</v>
      </c>
      <c r="K39525" s="2">
        <v>1</v>
      </c>
      <c r="L39525" t="s">
        <v>995</v>
      </c>
      <c r="M39525" t="s">
        <v>83</v>
      </c>
      <c r="N39525" t="s">
        <v>91</v>
      </c>
      <c r="O39525" t="s">
        <v>85</v>
      </c>
      <c r="P39525" t="s">
        <v>86</v>
      </c>
      <c r="Q39525">
        <v>11</v>
      </c>
      <c r="R39525">
        <v>12</v>
      </c>
      <c r="S39525">
        <v>12</v>
      </c>
      <c r="T39525">
        <v>12</v>
      </c>
      <c r="U39525">
        <v>12</v>
      </c>
      <c r="V39525">
        <v>12</v>
      </c>
      <c r="W39525">
        <v>12</v>
      </c>
      <c r="X39525">
        <v>13</v>
      </c>
      <c r="Y39525">
        <v>13</v>
      </c>
      <c r="Z39525">
        <v>13</v>
      </c>
      <c r="AA39525">
        <v>13</v>
      </c>
      <c r="AB39525">
        <v>13</v>
      </c>
      <c r="AC39525">
        <v>13</v>
      </c>
      <c r="AD39525">
        <v>14</v>
      </c>
      <c r="AE39525">
        <v>14</v>
      </c>
      <c r="AF39525">
        <v>14</v>
      </c>
      <c r="AG39525">
        <v>14</v>
      </c>
      <c r="AH39525">
        <v>14</v>
      </c>
      <c r="AI39525">
        <v>14</v>
      </c>
      <c r="AJ39525">
        <v>15</v>
      </c>
      <c r="AK39525">
        <v>15</v>
      </c>
      <c r="AL39525">
        <v>15</v>
      </c>
      <c r="AM39525">
        <v>15</v>
      </c>
      <c r="AN39525">
        <v>15</v>
      </c>
      <c r="AO39525">
        <v>15</v>
      </c>
      <c r="AP39525">
        <v>15</v>
      </c>
      <c r="AQ39525">
        <v>15</v>
      </c>
    </row>
    <row r="39526" spans="1:43">
      <c r="A39526" t="s">
        <v>24511</v>
      </c>
      <c r="B39526" t="s">
        <v>24512</v>
      </c>
      <c r="C39526" t="s">
        <v>24481</v>
      </c>
      <c r="D39526" t="s">
        <v>24482</v>
      </c>
      <c r="E39526" t="s">
        <v>24327</v>
      </c>
      <c r="F39526" t="s">
        <v>24328</v>
      </c>
      <c r="G39526" t="s">
        <v>11612</v>
      </c>
      <c r="H39526" t="s">
        <v>11613</v>
      </c>
      <c r="I39526" s="2">
        <v>0</v>
      </c>
      <c r="J39526" s="2">
        <v>0</v>
      </c>
      <c r="K39526" s="2">
        <v>1</v>
      </c>
      <c r="L39526" t="s">
        <v>995</v>
      </c>
      <c r="M39526" t="s">
        <v>83</v>
      </c>
      <c r="N39526" t="s">
        <v>84</v>
      </c>
      <c r="O39526" t="s">
        <v>85</v>
      </c>
      <c r="P39526" t="s">
        <v>86</v>
      </c>
      <c r="Q39526">
        <v>19</v>
      </c>
      <c r="R39526">
        <v>20</v>
      </c>
      <c r="S39526">
        <v>20</v>
      </c>
      <c r="T39526">
        <v>20</v>
      </c>
      <c r="U39526">
        <v>20</v>
      </c>
      <c r="V39526">
        <v>21</v>
      </c>
      <c r="W39526">
        <v>21</v>
      </c>
      <c r="X39526">
        <v>21</v>
      </c>
      <c r="Y39526">
        <v>21</v>
      </c>
      <c r="Z39526">
        <v>22</v>
      </c>
      <c r="AA39526">
        <v>22</v>
      </c>
      <c r="AB39526">
        <v>22</v>
      </c>
      <c r="AC39526">
        <v>23</v>
      </c>
      <c r="AD39526">
        <v>23</v>
      </c>
      <c r="AE39526">
        <v>23</v>
      </c>
      <c r="AF39526">
        <v>23</v>
      </c>
      <c r="AG39526">
        <v>24</v>
      </c>
      <c r="AH39526">
        <v>24</v>
      </c>
      <c r="AI39526">
        <v>24</v>
      </c>
      <c r="AJ39526">
        <v>25</v>
      </c>
      <c r="AK39526">
        <v>25</v>
      </c>
      <c r="AL39526">
        <v>25</v>
      </c>
      <c r="AM39526">
        <v>25</v>
      </c>
      <c r="AN39526">
        <v>25</v>
      </c>
      <c r="AO39526">
        <v>25</v>
      </c>
      <c r="AP39526">
        <v>25</v>
      </c>
      <c r="AQ39526">
        <v>25</v>
      </c>
    </row>
    <row r="39527" spans="1:43">
      <c r="A39527" t="s">
        <v>24511</v>
      </c>
      <c r="B39527" t="s">
        <v>24512</v>
      </c>
      <c r="C39527" t="s">
        <v>24481</v>
      </c>
      <c r="D39527" t="s">
        <v>24482</v>
      </c>
      <c r="E39527" t="s">
        <v>24327</v>
      </c>
      <c r="F39527" t="s">
        <v>24328</v>
      </c>
      <c r="G39527" t="s">
        <v>11612</v>
      </c>
      <c r="H39527" t="s">
        <v>11613</v>
      </c>
      <c r="I39527" s="2">
        <v>0</v>
      </c>
      <c r="J39527" s="2">
        <v>0</v>
      </c>
      <c r="K39527" s="2">
        <v>1</v>
      </c>
      <c r="L39527" t="s">
        <v>995</v>
      </c>
      <c r="M39527" t="s">
        <v>87</v>
      </c>
      <c r="N39527" t="s">
        <v>88</v>
      </c>
      <c r="O39527" t="s">
        <v>85</v>
      </c>
      <c r="P39527" t="s">
        <v>86</v>
      </c>
      <c r="Q39527">
        <v>19</v>
      </c>
      <c r="R39527">
        <v>19</v>
      </c>
      <c r="S39527">
        <v>19</v>
      </c>
      <c r="T39527">
        <v>19</v>
      </c>
      <c r="U39527">
        <v>20</v>
      </c>
      <c r="V39527">
        <v>20</v>
      </c>
      <c r="W39527">
        <v>20</v>
      </c>
      <c r="X39527">
        <v>20</v>
      </c>
      <c r="Y39527">
        <v>20</v>
      </c>
      <c r="Z39527">
        <v>20</v>
      </c>
      <c r="AA39527">
        <v>20</v>
      </c>
      <c r="AB39527">
        <v>20</v>
      </c>
      <c r="AC39527">
        <v>20</v>
      </c>
      <c r="AD39527">
        <v>20</v>
      </c>
      <c r="AE39527">
        <v>20</v>
      </c>
      <c r="AF39527">
        <v>21</v>
      </c>
      <c r="AG39527">
        <v>21</v>
      </c>
      <c r="AH39527">
        <v>21</v>
      </c>
      <c r="AI39527">
        <v>21</v>
      </c>
      <c r="AJ39527">
        <v>21</v>
      </c>
      <c r="AK39527">
        <v>21</v>
      </c>
      <c r="AL39527">
        <v>21</v>
      </c>
      <c r="AM39527">
        <v>21</v>
      </c>
      <c r="AN39527">
        <v>22</v>
      </c>
      <c r="AO39527">
        <v>22</v>
      </c>
      <c r="AP39527">
        <v>22</v>
      </c>
      <c r="AQ39527">
        <v>22</v>
      </c>
    </row>
    <row r="39528" spans="1:43">
      <c r="A39528" t="s">
        <v>24511</v>
      </c>
      <c r="B39528" t="s">
        <v>24512</v>
      </c>
      <c r="C39528" t="s">
        <v>24481</v>
      </c>
      <c r="D39528" t="s">
        <v>24482</v>
      </c>
      <c r="E39528" t="s">
        <v>24327</v>
      </c>
      <c r="F39528" t="s">
        <v>24328</v>
      </c>
      <c r="G39528" t="s">
        <v>11612</v>
      </c>
      <c r="H39528" t="s">
        <v>11613</v>
      </c>
      <c r="I39528" s="2">
        <v>0</v>
      </c>
      <c r="J39528" s="2">
        <v>0</v>
      </c>
      <c r="K39528" s="2">
        <v>1</v>
      </c>
      <c r="L39528" t="s">
        <v>995</v>
      </c>
      <c r="M39528" t="s">
        <v>89</v>
      </c>
      <c r="N39528" t="s">
        <v>90</v>
      </c>
      <c r="O39528" t="s">
        <v>85</v>
      </c>
      <c r="P39528" t="s">
        <v>86</v>
      </c>
      <c r="Q39528">
        <v>19</v>
      </c>
      <c r="R39528">
        <v>19</v>
      </c>
      <c r="S39528">
        <v>19</v>
      </c>
      <c r="T39528">
        <v>20</v>
      </c>
      <c r="U39528">
        <v>20</v>
      </c>
      <c r="V39528">
        <v>21</v>
      </c>
      <c r="W39528">
        <v>21</v>
      </c>
      <c r="X39528">
        <v>21</v>
      </c>
      <c r="Y39528">
        <v>22</v>
      </c>
      <c r="Z39528">
        <v>22</v>
      </c>
      <c r="AA39528">
        <v>22</v>
      </c>
      <c r="AB39528">
        <v>23</v>
      </c>
      <c r="AC39528">
        <v>23</v>
      </c>
      <c r="AD39528">
        <v>24</v>
      </c>
      <c r="AE39528">
        <v>24</v>
      </c>
      <c r="AF39528">
        <v>24</v>
      </c>
      <c r="AG39528">
        <v>24</v>
      </c>
      <c r="AH39528">
        <v>24</v>
      </c>
      <c r="AI39528">
        <v>24</v>
      </c>
      <c r="AJ39528">
        <v>24</v>
      </c>
      <c r="AK39528">
        <v>24</v>
      </c>
      <c r="AL39528">
        <v>24</v>
      </c>
      <c r="AM39528">
        <v>24</v>
      </c>
      <c r="AN39528">
        <v>24</v>
      </c>
      <c r="AO39528">
        <v>24</v>
      </c>
      <c r="AP39528">
        <v>25</v>
      </c>
      <c r="AQ39528">
        <v>25</v>
      </c>
    </row>
    <row r="39529" spans="1:43">
      <c r="A39529" t="s">
        <v>24511</v>
      </c>
      <c r="B39529" t="s">
        <v>24512</v>
      </c>
      <c r="C39529" t="s">
        <v>24481</v>
      </c>
      <c r="D39529" t="s">
        <v>24482</v>
      </c>
      <c r="E39529" t="s">
        <v>24327</v>
      </c>
      <c r="F39529" t="s">
        <v>24328</v>
      </c>
      <c r="G39529" t="s">
        <v>11612</v>
      </c>
      <c r="H39529" t="s">
        <v>11613</v>
      </c>
      <c r="I39529" s="2">
        <v>0</v>
      </c>
      <c r="J39529" s="2">
        <v>0</v>
      </c>
      <c r="K39529" s="2">
        <v>1</v>
      </c>
      <c r="L39529" t="s">
        <v>995</v>
      </c>
      <c r="M39529" t="s">
        <v>83</v>
      </c>
      <c r="N39529" t="s">
        <v>91</v>
      </c>
      <c r="O39529" t="s">
        <v>85</v>
      </c>
      <c r="P39529" t="s">
        <v>86</v>
      </c>
      <c r="Q39529">
        <v>19</v>
      </c>
      <c r="R39529">
        <v>20</v>
      </c>
      <c r="S39529">
        <v>20</v>
      </c>
      <c r="T39529">
        <v>20</v>
      </c>
      <c r="U39529">
        <v>20</v>
      </c>
      <c r="V39529">
        <v>21</v>
      </c>
      <c r="W39529">
        <v>21</v>
      </c>
      <c r="X39529">
        <v>21</v>
      </c>
      <c r="Y39529">
        <v>21</v>
      </c>
      <c r="Z39529">
        <v>22</v>
      </c>
      <c r="AA39529">
        <v>22</v>
      </c>
      <c r="AB39529">
        <v>22</v>
      </c>
      <c r="AC39529">
        <v>23</v>
      </c>
      <c r="AD39529">
        <v>23</v>
      </c>
      <c r="AE39529">
        <v>23</v>
      </c>
      <c r="AF39529">
        <v>23</v>
      </c>
      <c r="AG39529">
        <v>24</v>
      </c>
      <c r="AH39529">
        <v>24</v>
      </c>
      <c r="AI39529">
        <v>24</v>
      </c>
      <c r="AJ39529">
        <v>25</v>
      </c>
      <c r="AK39529">
        <v>25</v>
      </c>
      <c r="AL39529">
        <v>25</v>
      </c>
      <c r="AM39529">
        <v>25</v>
      </c>
      <c r="AN39529">
        <v>25</v>
      </c>
      <c r="AO39529">
        <v>25</v>
      </c>
      <c r="AP39529">
        <v>25</v>
      </c>
      <c r="AQ39529">
        <v>25</v>
      </c>
    </row>
    <row r="39530" spans="1:43">
      <c r="A39530" t="s">
        <v>24513</v>
      </c>
      <c r="B39530" t="s">
        <v>24514</v>
      </c>
      <c r="C39530" t="s">
        <v>24515</v>
      </c>
      <c r="D39530" t="s">
        <v>24516</v>
      </c>
      <c r="E39530" t="s">
        <v>24517</v>
      </c>
      <c r="F39530" t="s">
        <v>24518</v>
      </c>
      <c r="G39530" t="s">
        <v>11612</v>
      </c>
      <c r="H39530" t="s">
        <v>11613</v>
      </c>
      <c r="I39530" s="2">
        <v>0</v>
      </c>
      <c r="J39530" s="2">
        <v>0</v>
      </c>
      <c r="K39530" s="2">
        <v>1</v>
      </c>
      <c r="L39530" t="s">
        <v>995</v>
      </c>
      <c r="M39530" t="s">
        <v>83</v>
      </c>
      <c r="N39530" t="s">
        <v>84</v>
      </c>
      <c r="O39530" t="s">
        <v>85</v>
      </c>
      <c r="P39530" t="s">
        <v>86</v>
      </c>
      <c r="Q39530">
        <v>22</v>
      </c>
      <c r="R39530">
        <v>22</v>
      </c>
      <c r="S39530">
        <v>23</v>
      </c>
      <c r="T39530">
        <v>23</v>
      </c>
      <c r="U39530">
        <v>23</v>
      </c>
      <c r="V39530">
        <v>24</v>
      </c>
      <c r="W39530">
        <v>24</v>
      </c>
      <c r="X39530">
        <v>24</v>
      </c>
      <c r="Y39530">
        <v>25</v>
      </c>
      <c r="Z39530">
        <v>25</v>
      </c>
      <c r="AA39530">
        <v>25</v>
      </c>
      <c r="AB39530">
        <v>26</v>
      </c>
      <c r="AC39530">
        <v>26</v>
      </c>
      <c r="AD39530">
        <v>26</v>
      </c>
      <c r="AE39530">
        <v>27</v>
      </c>
      <c r="AF39530">
        <v>27</v>
      </c>
      <c r="AG39530">
        <v>27</v>
      </c>
      <c r="AH39530">
        <v>28</v>
      </c>
      <c r="AI39530">
        <v>28</v>
      </c>
      <c r="AJ39530">
        <v>28</v>
      </c>
      <c r="AK39530">
        <v>29</v>
      </c>
      <c r="AL39530">
        <v>29</v>
      </c>
      <c r="AM39530">
        <v>29</v>
      </c>
      <c r="AN39530">
        <v>29</v>
      </c>
      <c r="AO39530">
        <v>29</v>
      </c>
      <c r="AP39530">
        <v>29</v>
      </c>
      <c r="AQ39530">
        <v>29</v>
      </c>
    </row>
    <row r="39531" spans="1:43">
      <c r="A39531" t="s">
        <v>24513</v>
      </c>
      <c r="B39531" t="s">
        <v>24514</v>
      </c>
      <c r="C39531" t="s">
        <v>24515</v>
      </c>
      <c r="D39531" t="s">
        <v>24516</v>
      </c>
      <c r="E39531" t="s">
        <v>24517</v>
      </c>
      <c r="F39531" t="s">
        <v>24518</v>
      </c>
      <c r="G39531" t="s">
        <v>11612</v>
      </c>
      <c r="H39531" t="s">
        <v>11613</v>
      </c>
      <c r="I39531" s="2">
        <v>0</v>
      </c>
      <c r="J39531" s="2">
        <v>0</v>
      </c>
      <c r="K39531" s="2">
        <v>1</v>
      </c>
      <c r="L39531" t="s">
        <v>995</v>
      </c>
      <c r="M39531" t="s">
        <v>87</v>
      </c>
      <c r="N39531" t="s">
        <v>88</v>
      </c>
      <c r="O39531" t="s">
        <v>85</v>
      </c>
      <c r="P39531" t="s">
        <v>86</v>
      </c>
      <c r="Q39531">
        <v>22</v>
      </c>
      <c r="R39531">
        <v>22</v>
      </c>
      <c r="S39531">
        <v>22</v>
      </c>
      <c r="T39531">
        <v>22</v>
      </c>
      <c r="U39531">
        <v>22</v>
      </c>
      <c r="V39531">
        <v>23</v>
      </c>
      <c r="W39531">
        <v>23</v>
      </c>
      <c r="X39531">
        <v>23</v>
      </c>
      <c r="Y39531">
        <v>23</v>
      </c>
      <c r="Z39531">
        <v>23</v>
      </c>
      <c r="AA39531">
        <v>23</v>
      </c>
      <c r="AB39531">
        <v>23</v>
      </c>
      <c r="AC39531">
        <v>23</v>
      </c>
      <c r="AD39531">
        <v>24</v>
      </c>
      <c r="AE39531">
        <v>24</v>
      </c>
      <c r="AF39531">
        <v>24</v>
      </c>
      <c r="AG39531">
        <v>24</v>
      </c>
      <c r="AH39531">
        <v>24</v>
      </c>
      <c r="AI39531">
        <v>24</v>
      </c>
      <c r="AJ39531">
        <v>24</v>
      </c>
      <c r="AK39531">
        <v>25</v>
      </c>
      <c r="AL39531">
        <v>25</v>
      </c>
      <c r="AM39531">
        <v>25</v>
      </c>
      <c r="AN39531">
        <v>25</v>
      </c>
      <c r="AO39531">
        <v>25</v>
      </c>
      <c r="AP39531">
        <v>25</v>
      </c>
      <c r="AQ39531">
        <v>26</v>
      </c>
    </row>
    <row r="39532" spans="1:43">
      <c r="A39532" t="s">
        <v>24513</v>
      </c>
      <c r="B39532" t="s">
        <v>24514</v>
      </c>
      <c r="C39532" t="s">
        <v>24515</v>
      </c>
      <c r="D39532" t="s">
        <v>24516</v>
      </c>
      <c r="E39532" t="s">
        <v>24517</v>
      </c>
      <c r="F39532" t="s">
        <v>24518</v>
      </c>
      <c r="G39532" t="s">
        <v>11612</v>
      </c>
      <c r="H39532" t="s">
        <v>11613</v>
      </c>
      <c r="I39532" s="2">
        <v>0</v>
      </c>
      <c r="J39532" s="2">
        <v>0</v>
      </c>
      <c r="K39532" s="2">
        <v>1</v>
      </c>
      <c r="L39532" t="s">
        <v>995</v>
      </c>
      <c r="M39532" t="s">
        <v>89</v>
      </c>
      <c r="N39532" t="s">
        <v>90</v>
      </c>
      <c r="O39532" t="s">
        <v>85</v>
      </c>
      <c r="P39532" t="s">
        <v>86</v>
      </c>
      <c r="Q39532">
        <v>22</v>
      </c>
      <c r="R39532">
        <v>23</v>
      </c>
      <c r="S39532">
        <v>23</v>
      </c>
      <c r="T39532">
        <v>24</v>
      </c>
      <c r="U39532">
        <v>24</v>
      </c>
      <c r="V39532">
        <v>25</v>
      </c>
      <c r="W39532">
        <v>25</v>
      </c>
      <c r="X39532">
        <v>26</v>
      </c>
      <c r="Y39532">
        <v>26</v>
      </c>
      <c r="Z39532">
        <v>27</v>
      </c>
      <c r="AA39532">
        <v>27</v>
      </c>
      <c r="AB39532">
        <v>27</v>
      </c>
      <c r="AC39532">
        <v>28</v>
      </c>
      <c r="AD39532">
        <v>28</v>
      </c>
      <c r="AE39532">
        <v>29</v>
      </c>
      <c r="AF39532">
        <v>29</v>
      </c>
      <c r="AG39532">
        <v>29</v>
      </c>
      <c r="AH39532">
        <v>29</v>
      </c>
      <c r="AI39532">
        <v>29</v>
      </c>
      <c r="AJ39532">
        <v>29</v>
      </c>
      <c r="AK39532">
        <v>29</v>
      </c>
      <c r="AL39532">
        <v>29</v>
      </c>
      <c r="AM39532">
        <v>29</v>
      </c>
      <c r="AN39532">
        <v>29</v>
      </c>
      <c r="AO39532">
        <v>29</v>
      </c>
      <c r="AP39532">
        <v>30</v>
      </c>
      <c r="AQ39532">
        <v>30</v>
      </c>
    </row>
    <row r="39533" spans="1:43">
      <c r="A39533" t="s">
        <v>24513</v>
      </c>
      <c r="B39533" t="s">
        <v>24514</v>
      </c>
      <c r="C39533" t="s">
        <v>24515</v>
      </c>
      <c r="D39533" t="s">
        <v>24516</v>
      </c>
      <c r="E39533" t="s">
        <v>24517</v>
      </c>
      <c r="F39533" t="s">
        <v>24518</v>
      </c>
      <c r="G39533" t="s">
        <v>11612</v>
      </c>
      <c r="H39533" t="s">
        <v>11613</v>
      </c>
      <c r="I39533" s="2">
        <v>0</v>
      </c>
      <c r="J39533" s="2">
        <v>0</v>
      </c>
      <c r="K39533" s="2">
        <v>1</v>
      </c>
      <c r="L39533" t="s">
        <v>995</v>
      </c>
      <c r="M39533" t="s">
        <v>83</v>
      </c>
      <c r="N39533" t="s">
        <v>91</v>
      </c>
      <c r="O39533" t="s">
        <v>85</v>
      </c>
      <c r="P39533" t="s">
        <v>86</v>
      </c>
      <c r="Q39533">
        <v>22</v>
      </c>
      <c r="R39533">
        <v>22</v>
      </c>
      <c r="S39533">
        <v>23</v>
      </c>
      <c r="T39533">
        <v>23</v>
      </c>
      <c r="U39533">
        <v>23</v>
      </c>
      <c r="V39533">
        <v>24</v>
      </c>
      <c r="W39533">
        <v>24</v>
      </c>
      <c r="X39533">
        <v>24</v>
      </c>
      <c r="Y39533">
        <v>25</v>
      </c>
      <c r="Z39533">
        <v>25</v>
      </c>
      <c r="AA39533">
        <v>25</v>
      </c>
      <c r="AB39533">
        <v>26</v>
      </c>
      <c r="AC39533">
        <v>26</v>
      </c>
      <c r="AD39533">
        <v>26</v>
      </c>
      <c r="AE39533">
        <v>27</v>
      </c>
      <c r="AF39533">
        <v>27</v>
      </c>
      <c r="AG39533">
        <v>27</v>
      </c>
      <c r="AH39533">
        <v>28</v>
      </c>
      <c r="AI39533">
        <v>28</v>
      </c>
      <c r="AJ39533">
        <v>28</v>
      </c>
      <c r="AK39533">
        <v>29</v>
      </c>
      <c r="AL39533">
        <v>29</v>
      </c>
      <c r="AM39533">
        <v>29</v>
      </c>
      <c r="AN39533">
        <v>29</v>
      </c>
      <c r="AO39533">
        <v>29</v>
      </c>
      <c r="AP39533">
        <v>29</v>
      </c>
      <c r="AQ39533">
        <v>29</v>
      </c>
    </row>
    <row r="39534" spans="1:43">
      <c r="A39534" t="s">
        <v>24519</v>
      </c>
      <c r="B39534" t="s">
        <v>24520</v>
      </c>
      <c r="C39534" t="s">
        <v>24515</v>
      </c>
      <c r="D39534" t="s">
        <v>24516</v>
      </c>
      <c r="E39534" t="s">
        <v>24517</v>
      </c>
      <c r="F39534" t="s">
        <v>24518</v>
      </c>
      <c r="G39534" t="s">
        <v>11612</v>
      </c>
      <c r="H39534" t="s">
        <v>11613</v>
      </c>
      <c r="I39534" s="2">
        <v>0</v>
      </c>
      <c r="J39534" s="2">
        <v>0</v>
      </c>
      <c r="K39534" s="2">
        <v>1</v>
      </c>
      <c r="L39534" t="s">
        <v>995</v>
      </c>
      <c r="M39534" t="s">
        <v>83</v>
      </c>
      <c r="N39534" t="s">
        <v>84</v>
      </c>
      <c r="O39534" t="s">
        <v>85</v>
      </c>
      <c r="P39534" t="s">
        <v>86</v>
      </c>
      <c r="Q39534">
        <v>58</v>
      </c>
      <c r="R39534">
        <v>59</v>
      </c>
      <c r="S39534">
        <v>60</v>
      </c>
      <c r="T39534">
        <v>61</v>
      </c>
      <c r="U39534">
        <v>61</v>
      </c>
      <c r="V39534">
        <v>62</v>
      </c>
      <c r="W39534">
        <v>63</v>
      </c>
      <c r="X39534">
        <v>64</v>
      </c>
      <c r="Y39534">
        <v>65</v>
      </c>
      <c r="Z39534">
        <v>65</v>
      </c>
      <c r="AA39534">
        <v>66</v>
      </c>
      <c r="AB39534">
        <v>67</v>
      </c>
      <c r="AC39534">
        <v>68</v>
      </c>
      <c r="AD39534">
        <v>68</v>
      </c>
      <c r="AE39534">
        <v>69</v>
      </c>
      <c r="AF39534">
        <v>70</v>
      </c>
      <c r="AG39534">
        <v>71</v>
      </c>
      <c r="AH39534">
        <v>71</v>
      </c>
      <c r="AI39534">
        <v>72</v>
      </c>
      <c r="AJ39534">
        <v>73</v>
      </c>
      <c r="AK39534">
        <v>74</v>
      </c>
      <c r="AL39534">
        <v>74</v>
      </c>
      <c r="AM39534">
        <v>74</v>
      </c>
      <c r="AN39534">
        <v>74</v>
      </c>
      <c r="AO39534">
        <v>74</v>
      </c>
      <c r="AP39534">
        <v>75</v>
      </c>
      <c r="AQ39534">
        <v>75</v>
      </c>
    </row>
    <row r="39535" spans="1:43">
      <c r="A39535" t="s">
        <v>24519</v>
      </c>
      <c r="B39535" t="s">
        <v>24520</v>
      </c>
      <c r="C39535" t="s">
        <v>24515</v>
      </c>
      <c r="D39535" t="s">
        <v>24516</v>
      </c>
      <c r="E39535" t="s">
        <v>24517</v>
      </c>
      <c r="F39535" t="s">
        <v>24518</v>
      </c>
      <c r="G39535" t="s">
        <v>11612</v>
      </c>
      <c r="H39535" t="s">
        <v>11613</v>
      </c>
      <c r="I39535" s="2">
        <v>0</v>
      </c>
      <c r="J39535" s="2">
        <v>0</v>
      </c>
      <c r="K39535" s="2">
        <v>1</v>
      </c>
      <c r="L39535" t="s">
        <v>995</v>
      </c>
      <c r="M39535" t="s">
        <v>87</v>
      </c>
      <c r="N39535" t="s">
        <v>88</v>
      </c>
      <c r="O39535" t="s">
        <v>85</v>
      </c>
      <c r="P39535" t="s">
        <v>86</v>
      </c>
      <c r="Q39535">
        <v>58</v>
      </c>
      <c r="R39535">
        <v>58</v>
      </c>
      <c r="S39535">
        <v>58</v>
      </c>
      <c r="T39535">
        <v>58</v>
      </c>
      <c r="U39535">
        <v>59</v>
      </c>
      <c r="V39535">
        <v>59</v>
      </c>
      <c r="W39535">
        <v>59</v>
      </c>
      <c r="X39535">
        <v>59</v>
      </c>
      <c r="Y39535">
        <v>60</v>
      </c>
      <c r="Z39535">
        <v>60</v>
      </c>
      <c r="AA39535">
        <v>60</v>
      </c>
      <c r="AB39535">
        <v>60</v>
      </c>
      <c r="AC39535">
        <v>61</v>
      </c>
      <c r="AD39535">
        <v>61</v>
      </c>
      <c r="AE39535">
        <v>61</v>
      </c>
      <c r="AF39535">
        <v>61</v>
      </c>
      <c r="AG39535">
        <v>62</v>
      </c>
      <c r="AH39535">
        <v>62</v>
      </c>
      <c r="AI39535">
        <v>62</v>
      </c>
      <c r="AJ39535">
        <v>63</v>
      </c>
      <c r="AK39535">
        <v>63</v>
      </c>
      <c r="AL39535">
        <v>63</v>
      </c>
      <c r="AM39535">
        <v>63</v>
      </c>
      <c r="AN39535">
        <v>64</v>
      </c>
      <c r="AO39535">
        <v>64</v>
      </c>
      <c r="AP39535">
        <v>64</v>
      </c>
      <c r="AQ39535">
        <v>65</v>
      </c>
    </row>
    <row r="39536" spans="1:43">
      <c r="A39536" t="s">
        <v>24519</v>
      </c>
      <c r="B39536" t="s">
        <v>24520</v>
      </c>
      <c r="C39536" t="s">
        <v>24515</v>
      </c>
      <c r="D39536" t="s">
        <v>24516</v>
      </c>
      <c r="E39536" t="s">
        <v>24517</v>
      </c>
      <c r="F39536" t="s">
        <v>24518</v>
      </c>
      <c r="G39536" t="s">
        <v>11612</v>
      </c>
      <c r="H39536" t="s">
        <v>11613</v>
      </c>
      <c r="I39536" s="2">
        <v>0</v>
      </c>
      <c r="J39536" s="2">
        <v>0</v>
      </c>
      <c r="K39536" s="2">
        <v>1</v>
      </c>
      <c r="L39536" t="s">
        <v>995</v>
      </c>
      <c r="M39536" t="s">
        <v>89</v>
      </c>
      <c r="N39536" t="s">
        <v>90</v>
      </c>
      <c r="O39536" t="s">
        <v>85</v>
      </c>
      <c r="P39536" t="s">
        <v>86</v>
      </c>
      <c r="Q39536">
        <v>58</v>
      </c>
      <c r="R39536">
        <v>59</v>
      </c>
      <c r="S39536">
        <v>60</v>
      </c>
      <c r="T39536">
        <v>62</v>
      </c>
      <c r="U39536">
        <v>63</v>
      </c>
      <c r="V39536">
        <v>64</v>
      </c>
      <c r="W39536">
        <v>65</v>
      </c>
      <c r="X39536">
        <v>66</v>
      </c>
      <c r="Y39536">
        <v>67</v>
      </c>
      <c r="Z39536">
        <v>68</v>
      </c>
      <c r="AA39536">
        <v>69</v>
      </c>
      <c r="AB39536">
        <v>70</v>
      </c>
      <c r="AC39536">
        <v>71</v>
      </c>
      <c r="AD39536">
        <v>72</v>
      </c>
      <c r="AE39536">
        <v>73</v>
      </c>
      <c r="AF39536">
        <v>73</v>
      </c>
      <c r="AG39536">
        <v>73</v>
      </c>
      <c r="AH39536">
        <v>73</v>
      </c>
      <c r="AI39536">
        <v>74</v>
      </c>
      <c r="AJ39536">
        <v>74</v>
      </c>
      <c r="AK39536">
        <v>74</v>
      </c>
      <c r="AL39536">
        <v>74</v>
      </c>
      <c r="AM39536">
        <v>74</v>
      </c>
      <c r="AN39536">
        <v>74</v>
      </c>
      <c r="AO39536">
        <v>75</v>
      </c>
      <c r="AP39536">
        <v>75</v>
      </c>
      <c r="AQ39536">
        <v>75</v>
      </c>
    </row>
    <row r="39537" spans="1:43">
      <c r="A39537" t="s">
        <v>24519</v>
      </c>
      <c r="B39537" t="s">
        <v>24520</v>
      </c>
      <c r="C39537" t="s">
        <v>24515</v>
      </c>
      <c r="D39537" t="s">
        <v>24516</v>
      </c>
      <c r="E39537" t="s">
        <v>24517</v>
      </c>
      <c r="F39537" t="s">
        <v>24518</v>
      </c>
      <c r="G39537" t="s">
        <v>11612</v>
      </c>
      <c r="H39537" t="s">
        <v>11613</v>
      </c>
      <c r="I39537" s="2">
        <v>0</v>
      </c>
      <c r="J39537" s="2">
        <v>0</v>
      </c>
      <c r="K39537" s="2">
        <v>1</v>
      </c>
      <c r="L39537" t="s">
        <v>995</v>
      </c>
      <c r="M39537" t="s">
        <v>83</v>
      </c>
      <c r="N39537" t="s">
        <v>91</v>
      </c>
      <c r="O39537" t="s">
        <v>85</v>
      </c>
      <c r="P39537" t="s">
        <v>86</v>
      </c>
      <c r="Q39537">
        <v>58</v>
      </c>
      <c r="R39537">
        <v>59</v>
      </c>
      <c r="S39537">
        <v>60</v>
      </c>
      <c r="T39537">
        <v>61</v>
      </c>
      <c r="U39537">
        <v>61</v>
      </c>
      <c r="V39537">
        <v>62</v>
      </c>
      <c r="W39537">
        <v>63</v>
      </c>
      <c r="X39537">
        <v>64</v>
      </c>
      <c r="Y39537">
        <v>65</v>
      </c>
      <c r="Z39537">
        <v>65</v>
      </c>
      <c r="AA39537">
        <v>66</v>
      </c>
      <c r="AB39537">
        <v>67</v>
      </c>
      <c r="AC39537">
        <v>68</v>
      </c>
      <c r="AD39537">
        <v>68</v>
      </c>
      <c r="AE39537">
        <v>69</v>
      </c>
      <c r="AF39537">
        <v>70</v>
      </c>
      <c r="AG39537">
        <v>71</v>
      </c>
      <c r="AH39537">
        <v>71</v>
      </c>
      <c r="AI39537">
        <v>72</v>
      </c>
      <c r="AJ39537">
        <v>73</v>
      </c>
      <c r="AK39537">
        <v>74</v>
      </c>
      <c r="AL39537">
        <v>74</v>
      </c>
      <c r="AM39537">
        <v>74</v>
      </c>
      <c r="AN39537">
        <v>74</v>
      </c>
      <c r="AO39537">
        <v>74</v>
      </c>
      <c r="AP39537">
        <v>75</v>
      </c>
      <c r="AQ39537">
        <v>75</v>
      </c>
    </row>
    <row r="39538" spans="1:43">
      <c r="A39538" t="s">
        <v>24521</v>
      </c>
      <c r="B39538" t="s">
        <v>24522</v>
      </c>
      <c r="C39538" t="s">
        <v>24523</v>
      </c>
      <c r="D39538" t="s">
        <v>24524</v>
      </c>
      <c r="E39538" t="s">
        <v>24517</v>
      </c>
      <c r="F39538" t="s">
        <v>24518</v>
      </c>
      <c r="G39538" t="s">
        <v>11612</v>
      </c>
      <c r="H39538" t="s">
        <v>11613</v>
      </c>
      <c r="I39538" s="2">
        <v>0</v>
      </c>
      <c r="J39538" s="2">
        <v>0</v>
      </c>
      <c r="K39538" s="2">
        <v>1</v>
      </c>
      <c r="L39538" t="s">
        <v>995</v>
      </c>
      <c r="M39538" t="s">
        <v>83</v>
      </c>
      <c r="N39538" t="s">
        <v>84</v>
      </c>
      <c r="O39538" t="s">
        <v>85</v>
      </c>
      <c r="P39538" t="s">
        <v>86</v>
      </c>
      <c r="Q39538">
        <v>11</v>
      </c>
      <c r="R39538">
        <v>11</v>
      </c>
      <c r="S39538">
        <v>11</v>
      </c>
      <c r="T39538">
        <v>11</v>
      </c>
      <c r="U39538">
        <v>11</v>
      </c>
      <c r="V39538">
        <v>11</v>
      </c>
      <c r="W39538">
        <v>12</v>
      </c>
      <c r="X39538">
        <v>12</v>
      </c>
      <c r="Y39538">
        <v>12</v>
      </c>
      <c r="Z39538">
        <v>12</v>
      </c>
      <c r="AA39538">
        <v>12</v>
      </c>
      <c r="AB39538">
        <v>12</v>
      </c>
      <c r="AC39538">
        <v>12</v>
      </c>
      <c r="AD39538">
        <v>13</v>
      </c>
      <c r="AE39538">
        <v>13</v>
      </c>
      <c r="AF39538">
        <v>13</v>
      </c>
      <c r="AG39538">
        <v>13</v>
      </c>
      <c r="AH39538">
        <v>13</v>
      </c>
      <c r="AI39538">
        <v>13</v>
      </c>
      <c r="AJ39538">
        <v>13</v>
      </c>
      <c r="AK39538">
        <v>14</v>
      </c>
      <c r="AL39538">
        <v>14</v>
      </c>
      <c r="AM39538">
        <v>14</v>
      </c>
      <c r="AN39538">
        <v>14</v>
      </c>
      <c r="AO39538">
        <v>14</v>
      </c>
      <c r="AP39538">
        <v>14</v>
      </c>
      <c r="AQ39538">
        <v>14</v>
      </c>
    </row>
    <row r="39539" spans="1:43">
      <c r="A39539" t="s">
        <v>24521</v>
      </c>
      <c r="B39539" t="s">
        <v>24522</v>
      </c>
      <c r="C39539" t="s">
        <v>24523</v>
      </c>
      <c r="D39539" t="s">
        <v>24524</v>
      </c>
      <c r="E39539" t="s">
        <v>24517</v>
      </c>
      <c r="F39539" t="s">
        <v>24518</v>
      </c>
      <c r="G39539" t="s">
        <v>11612</v>
      </c>
      <c r="H39539" t="s">
        <v>11613</v>
      </c>
      <c r="I39539" s="2">
        <v>0</v>
      </c>
      <c r="J39539" s="2">
        <v>0</v>
      </c>
      <c r="K39539" s="2">
        <v>1</v>
      </c>
      <c r="L39539" t="s">
        <v>995</v>
      </c>
      <c r="M39539" t="s">
        <v>87</v>
      </c>
      <c r="N39539" t="s">
        <v>88</v>
      </c>
      <c r="O39539" t="s">
        <v>85</v>
      </c>
      <c r="P39539" t="s">
        <v>86</v>
      </c>
      <c r="Q39539">
        <v>11</v>
      </c>
      <c r="R39539">
        <v>12</v>
      </c>
      <c r="S39539">
        <v>12</v>
      </c>
      <c r="T39539">
        <v>12</v>
      </c>
      <c r="U39539">
        <v>12</v>
      </c>
      <c r="V39539">
        <v>12</v>
      </c>
      <c r="W39539">
        <v>12</v>
      </c>
      <c r="X39539">
        <v>12</v>
      </c>
      <c r="Y39539">
        <v>12</v>
      </c>
      <c r="Z39539">
        <v>12</v>
      </c>
      <c r="AA39539">
        <v>12</v>
      </c>
      <c r="AB39539">
        <v>12</v>
      </c>
      <c r="AC39539">
        <v>12</v>
      </c>
      <c r="AD39539">
        <v>12</v>
      </c>
      <c r="AE39539">
        <v>12</v>
      </c>
      <c r="AF39539">
        <v>12</v>
      </c>
      <c r="AG39539">
        <v>12</v>
      </c>
      <c r="AH39539">
        <v>13</v>
      </c>
      <c r="AI39539">
        <v>13</v>
      </c>
      <c r="AJ39539">
        <v>13</v>
      </c>
      <c r="AK39539">
        <v>13</v>
      </c>
      <c r="AL39539">
        <v>13</v>
      </c>
      <c r="AM39539">
        <v>13</v>
      </c>
      <c r="AN39539">
        <v>13</v>
      </c>
      <c r="AO39539">
        <v>13</v>
      </c>
      <c r="AP39539">
        <v>13</v>
      </c>
      <c r="AQ39539">
        <v>13</v>
      </c>
    </row>
    <row r="39540" spans="1:43">
      <c r="A39540" t="s">
        <v>24521</v>
      </c>
      <c r="B39540" t="s">
        <v>24522</v>
      </c>
      <c r="C39540" t="s">
        <v>24523</v>
      </c>
      <c r="D39540" t="s">
        <v>24524</v>
      </c>
      <c r="E39540" t="s">
        <v>24517</v>
      </c>
      <c r="F39540" t="s">
        <v>24518</v>
      </c>
      <c r="G39540" t="s">
        <v>11612</v>
      </c>
      <c r="H39540" t="s">
        <v>11613</v>
      </c>
      <c r="I39540" s="2">
        <v>0</v>
      </c>
      <c r="J39540" s="2">
        <v>0</v>
      </c>
      <c r="K39540" s="2">
        <v>1</v>
      </c>
      <c r="L39540" t="s">
        <v>995</v>
      </c>
      <c r="M39540" t="s">
        <v>89</v>
      </c>
      <c r="N39540" t="s">
        <v>90</v>
      </c>
      <c r="O39540" t="s">
        <v>85</v>
      </c>
      <c r="P39540" t="s">
        <v>86</v>
      </c>
      <c r="Q39540">
        <v>11</v>
      </c>
      <c r="R39540">
        <v>11</v>
      </c>
      <c r="S39540">
        <v>11</v>
      </c>
      <c r="T39540">
        <v>11</v>
      </c>
      <c r="U39540">
        <v>12</v>
      </c>
      <c r="V39540">
        <v>12</v>
      </c>
      <c r="W39540">
        <v>12</v>
      </c>
      <c r="X39540">
        <v>12</v>
      </c>
      <c r="Y39540">
        <v>13</v>
      </c>
      <c r="Z39540">
        <v>13</v>
      </c>
      <c r="AA39540">
        <v>13</v>
      </c>
      <c r="AB39540">
        <v>13</v>
      </c>
      <c r="AC39540">
        <v>13</v>
      </c>
      <c r="AD39540">
        <v>13</v>
      </c>
      <c r="AE39540">
        <v>14</v>
      </c>
      <c r="AF39540">
        <v>14</v>
      </c>
      <c r="AG39540">
        <v>14</v>
      </c>
      <c r="AH39540">
        <v>14</v>
      </c>
      <c r="AI39540">
        <v>14</v>
      </c>
      <c r="AJ39540">
        <v>14</v>
      </c>
      <c r="AK39540">
        <v>14</v>
      </c>
      <c r="AL39540">
        <v>14</v>
      </c>
      <c r="AM39540">
        <v>14</v>
      </c>
      <c r="AN39540">
        <v>14</v>
      </c>
      <c r="AO39540">
        <v>14</v>
      </c>
      <c r="AP39540">
        <v>14</v>
      </c>
      <c r="AQ39540">
        <v>14</v>
      </c>
    </row>
    <row r="39541" spans="1:43">
      <c r="A39541" t="s">
        <v>24521</v>
      </c>
      <c r="B39541" t="s">
        <v>24522</v>
      </c>
      <c r="C39541" t="s">
        <v>24523</v>
      </c>
      <c r="D39541" t="s">
        <v>24524</v>
      </c>
      <c r="E39541" t="s">
        <v>24517</v>
      </c>
      <c r="F39541" t="s">
        <v>24518</v>
      </c>
      <c r="G39541" t="s">
        <v>11612</v>
      </c>
      <c r="H39541" t="s">
        <v>11613</v>
      </c>
      <c r="I39541" s="2">
        <v>0</v>
      </c>
      <c r="J39541" s="2">
        <v>0</v>
      </c>
      <c r="K39541" s="2">
        <v>1</v>
      </c>
      <c r="L39541" t="s">
        <v>995</v>
      </c>
      <c r="M39541" t="s">
        <v>83</v>
      </c>
      <c r="N39541" t="s">
        <v>91</v>
      </c>
      <c r="O39541" t="s">
        <v>85</v>
      </c>
      <c r="P39541" t="s">
        <v>86</v>
      </c>
      <c r="Q39541">
        <v>11</v>
      </c>
      <c r="R39541">
        <v>11</v>
      </c>
      <c r="S39541">
        <v>11</v>
      </c>
      <c r="T39541">
        <v>11</v>
      </c>
      <c r="U39541">
        <v>11</v>
      </c>
      <c r="V39541">
        <v>11</v>
      </c>
      <c r="W39541">
        <v>12</v>
      </c>
      <c r="X39541">
        <v>12</v>
      </c>
      <c r="Y39541">
        <v>12</v>
      </c>
      <c r="Z39541">
        <v>12</v>
      </c>
      <c r="AA39541">
        <v>12</v>
      </c>
      <c r="AB39541">
        <v>12</v>
      </c>
      <c r="AC39541">
        <v>12</v>
      </c>
      <c r="AD39541">
        <v>13</v>
      </c>
      <c r="AE39541">
        <v>13</v>
      </c>
      <c r="AF39541">
        <v>13</v>
      </c>
      <c r="AG39541">
        <v>13</v>
      </c>
      <c r="AH39541">
        <v>13</v>
      </c>
      <c r="AI39541">
        <v>13</v>
      </c>
      <c r="AJ39541">
        <v>13</v>
      </c>
      <c r="AK39541">
        <v>14</v>
      </c>
      <c r="AL39541">
        <v>14</v>
      </c>
      <c r="AM39541">
        <v>14</v>
      </c>
      <c r="AN39541">
        <v>14</v>
      </c>
      <c r="AO39541">
        <v>14</v>
      </c>
      <c r="AP39541">
        <v>14</v>
      </c>
      <c r="AQ39541">
        <v>14</v>
      </c>
    </row>
    <row r="39542" spans="1:43">
      <c r="A39542" t="s">
        <v>24525</v>
      </c>
      <c r="B39542" t="s">
        <v>24526</v>
      </c>
      <c r="C39542" t="s">
        <v>24527</v>
      </c>
      <c r="D39542" t="s">
        <v>24528</v>
      </c>
      <c r="E39542" t="s">
        <v>24517</v>
      </c>
      <c r="F39542" t="s">
        <v>24518</v>
      </c>
      <c r="G39542" t="s">
        <v>11612</v>
      </c>
      <c r="H39542" t="s">
        <v>11613</v>
      </c>
      <c r="I39542" s="2">
        <v>0</v>
      </c>
      <c r="J39542" s="2">
        <v>0</v>
      </c>
      <c r="K39542" s="2">
        <v>1</v>
      </c>
      <c r="L39542" t="s">
        <v>995</v>
      </c>
      <c r="M39542" t="s">
        <v>83</v>
      </c>
      <c r="N39542" t="s">
        <v>84</v>
      </c>
      <c r="O39542" t="s">
        <v>85</v>
      </c>
      <c r="P39542" t="s">
        <v>86</v>
      </c>
      <c r="Q39542">
        <v>25</v>
      </c>
      <c r="R39542">
        <v>25</v>
      </c>
      <c r="S39542">
        <v>26</v>
      </c>
      <c r="T39542">
        <v>26</v>
      </c>
      <c r="U39542">
        <v>26</v>
      </c>
      <c r="V39542">
        <v>27</v>
      </c>
      <c r="W39542">
        <v>27</v>
      </c>
      <c r="X39542">
        <v>27</v>
      </c>
      <c r="Y39542">
        <v>28</v>
      </c>
      <c r="Z39542">
        <v>28</v>
      </c>
      <c r="AA39542">
        <v>28</v>
      </c>
      <c r="AB39542">
        <v>29</v>
      </c>
      <c r="AC39542">
        <v>29</v>
      </c>
      <c r="AD39542">
        <v>29</v>
      </c>
      <c r="AE39542">
        <v>30</v>
      </c>
      <c r="AF39542">
        <v>30</v>
      </c>
      <c r="AG39542">
        <v>30</v>
      </c>
      <c r="AH39542">
        <v>31</v>
      </c>
      <c r="AI39542">
        <v>31</v>
      </c>
      <c r="AJ39542">
        <v>31</v>
      </c>
      <c r="AK39542">
        <v>32</v>
      </c>
      <c r="AL39542">
        <v>32</v>
      </c>
      <c r="AM39542">
        <v>32</v>
      </c>
      <c r="AN39542">
        <v>32</v>
      </c>
      <c r="AO39542">
        <v>32</v>
      </c>
      <c r="AP39542">
        <v>32</v>
      </c>
      <c r="AQ39542">
        <v>32</v>
      </c>
    </row>
    <row r="39543" spans="1:43">
      <c r="A39543" t="s">
        <v>24525</v>
      </c>
      <c r="B39543" t="s">
        <v>24526</v>
      </c>
      <c r="C39543" t="s">
        <v>24527</v>
      </c>
      <c r="D39543" t="s">
        <v>24528</v>
      </c>
      <c r="E39543" t="s">
        <v>24517</v>
      </c>
      <c r="F39543" t="s">
        <v>24518</v>
      </c>
      <c r="G39543" t="s">
        <v>11612</v>
      </c>
      <c r="H39543" t="s">
        <v>11613</v>
      </c>
      <c r="I39543" s="2">
        <v>0</v>
      </c>
      <c r="J39543" s="2">
        <v>0</v>
      </c>
      <c r="K39543" s="2">
        <v>1</v>
      </c>
      <c r="L39543" t="s">
        <v>995</v>
      </c>
      <c r="M39543" t="s">
        <v>87</v>
      </c>
      <c r="N39543" t="s">
        <v>88</v>
      </c>
      <c r="O39543" t="s">
        <v>85</v>
      </c>
      <c r="P39543" t="s">
        <v>86</v>
      </c>
      <c r="Q39543">
        <v>25</v>
      </c>
      <c r="R39543">
        <v>25</v>
      </c>
      <c r="S39543">
        <v>25</v>
      </c>
      <c r="T39543">
        <v>25</v>
      </c>
      <c r="U39543">
        <v>25</v>
      </c>
      <c r="V39543">
        <v>25</v>
      </c>
      <c r="W39543">
        <v>25</v>
      </c>
      <c r="X39543">
        <v>26</v>
      </c>
      <c r="Y39543">
        <v>26</v>
      </c>
      <c r="Z39543">
        <v>26</v>
      </c>
      <c r="AA39543">
        <v>26</v>
      </c>
      <c r="AB39543">
        <v>26</v>
      </c>
      <c r="AC39543">
        <v>26</v>
      </c>
      <c r="AD39543">
        <v>26</v>
      </c>
      <c r="AE39543">
        <v>26</v>
      </c>
      <c r="AF39543">
        <v>26</v>
      </c>
      <c r="AG39543">
        <v>27</v>
      </c>
      <c r="AH39543">
        <v>27</v>
      </c>
      <c r="AI39543">
        <v>27</v>
      </c>
      <c r="AJ39543">
        <v>27</v>
      </c>
      <c r="AK39543">
        <v>27</v>
      </c>
      <c r="AL39543">
        <v>27</v>
      </c>
      <c r="AM39543">
        <v>27</v>
      </c>
      <c r="AN39543">
        <v>27</v>
      </c>
      <c r="AO39543">
        <v>27</v>
      </c>
      <c r="AP39543">
        <v>28</v>
      </c>
      <c r="AQ39543">
        <v>28</v>
      </c>
    </row>
    <row r="39544" spans="1:43">
      <c r="A39544" t="s">
        <v>24525</v>
      </c>
      <c r="B39544" t="s">
        <v>24526</v>
      </c>
      <c r="C39544" t="s">
        <v>24527</v>
      </c>
      <c r="D39544" t="s">
        <v>24528</v>
      </c>
      <c r="E39544" t="s">
        <v>24517</v>
      </c>
      <c r="F39544" t="s">
        <v>24518</v>
      </c>
      <c r="G39544" t="s">
        <v>11612</v>
      </c>
      <c r="H39544" t="s">
        <v>11613</v>
      </c>
      <c r="I39544" s="2">
        <v>0</v>
      </c>
      <c r="J39544" s="2">
        <v>0</v>
      </c>
      <c r="K39544" s="2">
        <v>1</v>
      </c>
      <c r="L39544" t="s">
        <v>995</v>
      </c>
      <c r="M39544" t="s">
        <v>89</v>
      </c>
      <c r="N39544" t="s">
        <v>90</v>
      </c>
      <c r="O39544" t="s">
        <v>85</v>
      </c>
      <c r="P39544" t="s">
        <v>86</v>
      </c>
      <c r="Q39544">
        <v>25</v>
      </c>
      <c r="R39544">
        <v>26</v>
      </c>
      <c r="S39544">
        <v>26</v>
      </c>
      <c r="T39544">
        <v>27</v>
      </c>
      <c r="U39544">
        <v>27</v>
      </c>
      <c r="V39544">
        <v>28</v>
      </c>
      <c r="W39544">
        <v>29</v>
      </c>
      <c r="X39544">
        <v>29</v>
      </c>
      <c r="Y39544">
        <v>29</v>
      </c>
      <c r="Z39544">
        <v>30</v>
      </c>
      <c r="AA39544">
        <v>30</v>
      </c>
      <c r="AB39544">
        <v>31</v>
      </c>
      <c r="AC39544">
        <v>31</v>
      </c>
      <c r="AD39544">
        <v>32</v>
      </c>
      <c r="AE39544">
        <v>32</v>
      </c>
      <c r="AF39544">
        <v>32</v>
      </c>
      <c r="AG39544">
        <v>32</v>
      </c>
      <c r="AH39544">
        <v>32</v>
      </c>
      <c r="AI39544">
        <v>32</v>
      </c>
      <c r="AJ39544">
        <v>32</v>
      </c>
      <c r="AK39544">
        <v>32</v>
      </c>
      <c r="AL39544">
        <v>32</v>
      </c>
      <c r="AM39544">
        <v>32</v>
      </c>
      <c r="AN39544">
        <v>32</v>
      </c>
      <c r="AO39544">
        <v>32</v>
      </c>
      <c r="AP39544">
        <v>33</v>
      </c>
      <c r="AQ39544">
        <v>33</v>
      </c>
    </row>
    <row r="39545" spans="1:43">
      <c r="A39545" t="s">
        <v>24525</v>
      </c>
      <c r="B39545" t="s">
        <v>24526</v>
      </c>
      <c r="C39545" t="s">
        <v>24527</v>
      </c>
      <c r="D39545" t="s">
        <v>24528</v>
      </c>
      <c r="E39545" t="s">
        <v>24517</v>
      </c>
      <c r="F39545" t="s">
        <v>24518</v>
      </c>
      <c r="G39545" t="s">
        <v>11612</v>
      </c>
      <c r="H39545" t="s">
        <v>11613</v>
      </c>
      <c r="I39545" s="2">
        <v>0</v>
      </c>
      <c r="J39545" s="2">
        <v>0</v>
      </c>
      <c r="K39545" s="2">
        <v>1</v>
      </c>
      <c r="L39545" t="s">
        <v>995</v>
      </c>
      <c r="M39545" t="s">
        <v>83</v>
      </c>
      <c r="N39545" t="s">
        <v>91</v>
      </c>
      <c r="O39545" t="s">
        <v>85</v>
      </c>
      <c r="P39545" t="s">
        <v>86</v>
      </c>
      <c r="Q39545">
        <v>25</v>
      </c>
      <c r="R39545">
        <v>25</v>
      </c>
      <c r="S39545">
        <v>26</v>
      </c>
      <c r="T39545">
        <v>26</v>
      </c>
      <c r="U39545">
        <v>26</v>
      </c>
      <c r="V39545">
        <v>27</v>
      </c>
      <c r="W39545">
        <v>27</v>
      </c>
      <c r="X39545">
        <v>27</v>
      </c>
      <c r="Y39545">
        <v>28</v>
      </c>
      <c r="Z39545">
        <v>28</v>
      </c>
      <c r="AA39545">
        <v>28</v>
      </c>
      <c r="AB39545">
        <v>29</v>
      </c>
      <c r="AC39545">
        <v>29</v>
      </c>
      <c r="AD39545">
        <v>29</v>
      </c>
      <c r="AE39545">
        <v>30</v>
      </c>
      <c r="AF39545">
        <v>30</v>
      </c>
      <c r="AG39545">
        <v>30</v>
      </c>
      <c r="AH39545">
        <v>31</v>
      </c>
      <c r="AI39545">
        <v>31</v>
      </c>
      <c r="AJ39545">
        <v>31</v>
      </c>
      <c r="AK39545">
        <v>32</v>
      </c>
      <c r="AL39545">
        <v>32</v>
      </c>
      <c r="AM39545">
        <v>32</v>
      </c>
      <c r="AN39545">
        <v>32</v>
      </c>
      <c r="AO39545">
        <v>32</v>
      </c>
      <c r="AP39545">
        <v>32</v>
      </c>
      <c r="AQ39545">
        <v>32</v>
      </c>
    </row>
    <row r="39546" spans="1:43">
      <c r="A39546" t="s">
        <v>24529</v>
      </c>
      <c r="B39546" t="s">
        <v>24530</v>
      </c>
      <c r="C39546" t="s">
        <v>24515</v>
      </c>
      <c r="D39546" t="s">
        <v>24516</v>
      </c>
      <c r="E39546" t="s">
        <v>24517</v>
      </c>
      <c r="F39546" t="s">
        <v>24518</v>
      </c>
      <c r="G39546" t="s">
        <v>11612</v>
      </c>
      <c r="H39546" t="s">
        <v>11613</v>
      </c>
      <c r="I39546" s="2">
        <v>0</v>
      </c>
      <c r="J39546" s="2">
        <v>0</v>
      </c>
      <c r="K39546" s="2">
        <v>1</v>
      </c>
      <c r="L39546" t="s">
        <v>995</v>
      </c>
      <c r="M39546" t="s">
        <v>83</v>
      </c>
      <c r="N39546" t="s">
        <v>84</v>
      </c>
      <c r="O39546" t="s">
        <v>85</v>
      </c>
      <c r="P39546" t="s">
        <v>86</v>
      </c>
      <c r="Q39546">
        <v>8</v>
      </c>
      <c r="R39546">
        <v>8</v>
      </c>
      <c r="S39546">
        <v>8</v>
      </c>
      <c r="T39546">
        <v>9</v>
      </c>
      <c r="U39546">
        <v>9</v>
      </c>
      <c r="V39546">
        <v>9</v>
      </c>
      <c r="W39546">
        <v>9</v>
      </c>
      <c r="X39546">
        <v>9</v>
      </c>
      <c r="Y39546">
        <v>9</v>
      </c>
      <c r="Z39546">
        <v>9</v>
      </c>
      <c r="AA39546">
        <v>9</v>
      </c>
      <c r="AB39546">
        <v>9</v>
      </c>
      <c r="AC39546">
        <v>10</v>
      </c>
      <c r="AD39546">
        <v>10</v>
      </c>
      <c r="AE39546">
        <v>10</v>
      </c>
      <c r="AF39546">
        <v>10</v>
      </c>
      <c r="AG39546">
        <v>10</v>
      </c>
      <c r="AH39546">
        <v>10</v>
      </c>
      <c r="AI39546">
        <v>10</v>
      </c>
      <c r="AJ39546">
        <v>10</v>
      </c>
      <c r="AK39546">
        <v>10</v>
      </c>
      <c r="AL39546">
        <v>10</v>
      </c>
      <c r="AM39546">
        <v>10</v>
      </c>
      <c r="AN39546">
        <v>10</v>
      </c>
      <c r="AO39546">
        <v>11</v>
      </c>
      <c r="AP39546">
        <v>11</v>
      </c>
      <c r="AQ39546">
        <v>11</v>
      </c>
    </row>
    <row r="39547" spans="1:43">
      <c r="A39547" t="s">
        <v>24529</v>
      </c>
      <c r="B39547" t="s">
        <v>24530</v>
      </c>
      <c r="C39547" t="s">
        <v>24515</v>
      </c>
      <c r="D39547" t="s">
        <v>24516</v>
      </c>
      <c r="E39547" t="s">
        <v>24517</v>
      </c>
      <c r="F39547" t="s">
        <v>24518</v>
      </c>
      <c r="G39547" t="s">
        <v>11612</v>
      </c>
      <c r="H39547" t="s">
        <v>11613</v>
      </c>
      <c r="I39547" s="2">
        <v>0</v>
      </c>
      <c r="J39547" s="2">
        <v>0</v>
      </c>
      <c r="K39547" s="2">
        <v>1</v>
      </c>
      <c r="L39547" t="s">
        <v>995</v>
      </c>
      <c r="M39547" t="s">
        <v>87</v>
      </c>
      <c r="N39547" t="s">
        <v>88</v>
      </c>
      <c r="O39547" t="s">
        <v>85</v>
      </c>
      <c r="P39547" t="s">
        <v>86</v>
      </c>
      <c r="Q39547">
        <v>8</v>
      </c>
      <c r="R39547">
        <v>8</v>
      </c>
      <c r="S39547">
        <v>8</v>
      </c>
      <c r="T39547">
        <v>8</v>
      </c>
      <c r="U39547">
        <v>8</v>
      </c>
      <c r="V39547">
        <v>8</v>
      </c>
      <c r="W39547">
        <v>8</v>
      </c>
      <c r="X39547">
        <v>8</v>
      </c>
      <c r="Y39547">
        <v>8</v>
      </c>
      <c r="Z39547">
        <v>8</v>
      </c>
      <c r="AA39547">
        <v>9</v>
      </c>
      <c r="AB39547">
        <v>9</v>
      </c>
      <c r="AC39547">
        <v>9</v>
      </c>
      <c r="AD39547">
        <v>9</v>
      </c>
      <c r="AE39547">
        <v>9</v>
      </c>
      <c r="AF39547">
        <v>9</v>
      </c>
      <c r="AG39547">
        <v>9</v>
      </c>
      <c r="AH39547">
        <v>9</v>
      </c>
      <c r="AI39547">
        <v>9</v>
      </c>
      <c r="AJ39547">
        <v>9</v>
      </c>
      <c r="AK39547">
        <v>9</v>
      </c>
      <c r="AL39547">
        <v>9</v>
      </c>
      <c r="AM39547">
        <v>9</v>
      </c>
      <c r="AN39547">
        <v>9</v>
      </c>
      <c r="AO39547">
        <v>9</v>
      </c>
      <c r="AP39547">
        <v>9</v>
      </c>
      <c r="AQ39547">
        <v>9</v>
      </c>
    </row>
    <row r="39548" spans="1:43">
      <c r="A39548" t="s">
        <v>24529</v>
      </c>
      <c r="B39548" t="s">
        <v>24530</v>
      </c>
      <c r="C39548" t="s">
        <v>24515</v>
      </c>
      <c r="D39548" t="s">
        <v>24516</v>
      </c>
      <c r="E39548" t="s">
        <v>24517</v>
      </c>
      <c r="F39548" t="s">
        <v>24518</v>
      </c>
      <c r="G39548" t="s">
        <v>11612</v>
      </c>
      <c r="H39548" t="s">
        <v>11613</v>
      </c>
      <c r="I39548" s="2">
        <v>0</v>
      </c>
      <c r="J39548" s="2">
        <v>0</v>
      </c>
      <c r="K39548" s="2">
        <v>1</v>
      </c>
      <c r="L39548" t="s">
        <v>995</v>
      </c>
      <c r="M39548" t="s">
        <v>89</v>
      </c>
      <c r="N39548" t="s">
        <v>90</v>
      </c>
      <c r="O39548" t="s">
        <v>85</v>
      </c>
      <c r="P39548" t="s">
        <v>86</v>
      </c>
      <c r="Q39548">
        <v>8</v>
      </c>
      <c r="R39548">
        <v>9</v>
      </c>
      <c r="S39548">
        <v>9</v>
      </c>
      <c r="T39548">
        <v>9</v>
      </c>
      <c r="U39548">
        <v>9</v>
      </c>
      <c r="V39548">
        <v>9</v>
      </c>
      <c r="W39548">
        <v>9</v>
      </c>
      <c r="X39548">
        <v>10</v>
      </c>
      <c r="Y39548">
        <v>10</v>
      </c>
      <c r="Z39548">
        <v>10</v>
      </c>
      <c r="AA39548">
        <v>10</v>
      </c>
      <c r="AB39548">
        <v>10</v>
      </c>
      <c r="AC39548">
        <v>10</v>
      </c>
      <c r="AD39548">
        <v>10</v>
      </c>
      <c r="AE39548">
        <v>10</v>
      </c>
      <c r="AF39548">
        <v>11</v>
      </c>
      <c r="AG39548">
        <v>11</v>
      </c>
      <c r="AH39548">
        <v>11</v>
      </c>
      <c r="AI39548">
        <v>11</v>
      </c>
      <c r="AJ39548">
        <v>11</v>
      </c>
      <c r="AK39548">
        <v>11</v>
      </c>
      <c r="AL39548">
        <v>11</v>
      </c>
      <c r="AM39548">
        <v>11</v>
      </c>
      <c r="AN39548">
        <v>11</v>
      </c>
      <c r="AO39548">
        <v>11</v>
      </c>
      <c r="AP39548">
        <v>11</v>
      </c>
      <c r="AQ39548">
        <v>11</v>
      </c>
    </row>
    <row r="39549" spans="1:43">
      <c r="A39549" t="s">
        <v>24529</v>
      </c>
      <c r="B39549" t="s">
        <v>24530</v>
      </c>
      <c r="C39549" t="s">
        <v>24515</v>
      </c>
      <c r="D39549" t="s">
        <v>24516</v>
      </c>
      <c r="E39549" t="s">
        <v>24517</v>
      </c>
      <c r="F39549" t="s">
        <v>24518</v>
      </c>
      <c r="G39549" t="s">
        <v>11612</v>
      </c>
      <c r="H39549" t="s">
        <v>11613</v>
      </c>
      <c r="I39549" s="2">
        <v>0</v>
      </c>
      <c r="J39549" s="2">
        <v>0</v>
      </c>
      <c r="K39549" s="2">
        <v>1</v>
      </c>
      <c r="L39549" t="s">
        <v>995</v>
      </c>
      <c r="M39549" t="s">
        <v>83</v>
      </c>
      <c r="N39549" t="s">
        <v>91</v>
      </c>
      <c r="O39549" t="s">
        <v>85</v>
      </c>
      <c r="P39549" t="s">
        <v>86</v>
      </c>
      <c r="Q39549">
        <v>8</v>
      </c>
      <c r="R39549">
        <v>8</v>
      </c>
      <c r="S39549">
        <v>8</v>
      </c>
      <c r="T39549">
        <v>9</v>
      </c>
      <c r="U39549">
        <v>9</v>
      </c>
      <c r="V39549">
        <v>9</v>
      </c>
      <c r="W39549">
        <v>9</v>
      </c>
      <c r="X39549">
        <v>9</v>
      </c>
      <c r="Y39549">
        <v>9</v>
      </c>
      <c r="Z39549">
        <v>9</v>
      </c>
      <c r="AA39549">
        <v>9</v>
      </c>
      <c r="AB39549">
        <v>9</v>
      </c>
      <c r="AC39549">
        <v>10</v>
      </c>
      <c r="AD39549">
        <v>10</v>
      </c>
      <c r="AE39549">
        <v>10</v>
      </c>
      <c r="AF39549">
        <v>10</v>
      </c>
      <c r="AG39549">
        <v>10</v>
      </c>
      <c r="AH39549">
        <v>10</v>
      </c>
      <c r="AI39549">
        <v>10</v>
      </c>
      <c r="AJ39549">
        <v>10</v>
      </c>
      <c r="AK39549">
        <v>10</v>
      </c>
      <c r="AL39549">
        <v>10</v>
      </c>
      <c r="AM39549">
        <v>10</v>
      </c>
      <c r="AN39549">
        <v>10</v>
      </c>
      <c r="AO39549">
        <v>11</v>
      </c>
      <c r="AP39549">
        <v>11</v>
      </c>
      <c r="AQ39549">
        <v>11</v>
      </c>
    </row>
    <row r="39550" spans="1:43">
      <c r="A39550" t="s">
        <v>24531</v>
      </c>
      <c r="B39550" t="s">
        <v>24532</v>
      </c>
      <c r="C39550" t="s">
        <v>24515</v>
      </c>
      <c r="D39550" t="s">
        <v>24516</v>
      </c>
      <c r="E39550" t="s">
        <v>24517</v>
      </c>
      <c r="F39550" t="s">
        <v>24518</v>
      </c>
      <c r="G39550" t="s">
        <v>11612</v>
      </c>
      <c r="H39550" t="s">
        <v>11613</v>
      </c>
      <c r="I39550" s="2">
        <v>0</v>
      </c>
      <c r="J39550" s="2">
        <v>0</v>
      </c>
      <c r="K39550" s="2">
        <v>1</v>
      </c>
      <c r="L39550" t="s">
        <v>995</v>
      </c>
      <c r="M39550" t="s">
        <v>83</v>
      </c>
      <c r="N39550" t="s">
        <v>84</v>
      </c>
      <c r="O39550" t="s">
        <v>85</v>
      </c>
      <c r="P39550" t="s">
        <v>86</v>
      </c>
      <c r="Q39550">
        <v>15</v>
      </c>
      <c r="R39550">
        <v>15</v>
      </c>
      <c r="S39550">
        <v>15</v>
      </c>
      <c r="T39550">
        <v>15</v>
      </c>
      <c r="U39550">
        <v>15</v>
      </c>
      <c r="V39550">
        <v>16</v>
      </c>
      <c r="W39550">
        <v>16</v>
      </c>
      <c r="X39550">
        <v>16</v>
      </c>
      <c r="Y39550">
        <v>16</v>
      </c>
      <c r="Z39550">
        <v>16</v>
      </c>
      <c r="AA39550">
        <v>17</v>
      </c>
      <c r="AB39550">
        <v>17</v>
      </c>
      <c r="AC39550">
        <v>17</v>
      </c>
      <c r="AD39550">
        <v>17</v>
      </c>
      <c r="AE39550">
        <v>17</v>
      </c>
      <c r="AF39550">
        <v>18</v>
      </c>
      <c r="AG39550">
        <v>18</v>
      </c>
      <c r="AH39550">
        <v>18</v>
      </c>
      <c r="AI39550">
        <v>18</v>
      </c>
      <c r="AJ39550">
        <v>18</v>
      </c>
      <c r="AK39550">
        <v>18</v>
      </c>
      <c r="AL39550">
        <v>19</v>
      </c>
      <c r="AM39550">
        <v>19</v>
      </c>
      <c r="AN39550">
        <v>19</v>
      </c>
      <c r="AO39550">
        <v>19</v>
      </c>
      <c r="AP39550">
        <v>19</v>
      </c>
      <c r="AQ39550">
        <v>19</v>
      </c>
    </row>
    <row r="39551" spans="1:43">
      <c r="A39551" t="s">
        <v>24531</v>
      </c>
      <c r="B39551" t="s">
        <v>24532</v>
      </c>
      <c r="C39551" t="s">
        <v>24515</v>
      </c>
      <c r="D39551" t="s">
        <v>24516</v>
      </c>
      <c r="E39551" t="s">
        <v>24517</v>
      </c>
      <c r="F39551" t="s">
        <v>24518</v>
      </c>
      <c r="G39551" t="s">
        <v>11612</v>
      </c>
      <c r="H39551" t="s">
        <v>11613</v>
      </c>
      <c r="I39551" s="2">
        <v>0</v>
      </c>
      <c r="J39551" s="2">
        <v>0</v>
      </c>
      <c r="K39551" s="2">
        <v>1</v>
      </c>
      <c r="L39551" t="s">
        <v>995</v>
      </c>
      <c r="M39551" t="s">
        <v>87</v>
      </c>
      <c r="N39551" t="s">
        <v>88</v>
      </c>
      <c r="O39551" t="s">
        <v>85</v>
      </c>
      <c r="P39551" t="s">
        <v>86</v>
      </c>
      <c r="Q39551">
        <v>15</v>
      </c>
      <c r="R39551">
        <v>15</v>
      </c>
      <c r="S39551">
        <v>16</v>
      </c>
      <c r="T39551">
        <v>16</v>
      </c>
      <c r="U39551">
        <v>16</v>
      </c>
      <c r="V39551">
        <v>16</v>
      </c>
      <c r="W39551">
        <v>16</v>
      </c>
      <c r="X39551">
        <v>16</v>
      </c>
      <c r="Y39551">
        <v>16</v>
      </c>
      <c r="Z39551">
        <v>16</v>
      </c>
      <c r="AA39551">
        <v>16</v>
      </c>
      <c r="AB39551">
        <v>16</v>
      </c>
      <c r="AC39551">
        <v>16</v>
      </c>
      <c r="AD39551">
        <v>16</v>
      </c>
      <c r="AE39551">
        <v>16</v>
      </c>
      <c r="AF39551">
        <v>16</v>
      </c>
      <c r="AG39551">
        <v>16</v>
      </c>
      <c r="AH39551">
        <v>17</v>
      </c>
      <c r="AI39551">
        <v>17</v>
      </c>
      <c r="AJ39551">
        <v>17</v>
      </c>
      <c r="AK39551">
        <v>17</v>
      </c>
      <c r="AL39551">
        <v>17</v>
      </c>
      <c r="AM39551">
        <v>17</v>
      </c>
      <c r="AN39551">
        <v>17</v>
      </c>
      <c r="AO39551">
        <v>17</v>
      </c>
      <c r="AP39551">
        <v>17</v>
      </c>
      <c r="AQ39551">
        <v>17</v>
      </c>
    </row>
    <row r="39552" spans="1:43">
      <c r="A39552" t="s">
        <v>24531</v>
      </c>
      <c r="B39552" t="s">
        <v>24532</v>
      </c>
      <c r="C39552" t="s">
        <v>24515</v>
      </c>
      <c r="D39552" t="s">
        <v>24516</v>
      </c>
      <c r="E39552" t="s">
        <v>24517</v>
      </c>
      <c r="F39552" t="s">
        <v>24518</v>
      </c>
      <c r="G39552" t="s">
        <v>11612</v>
      </c>
      <c r="H39552" t="s">
        <v>11613</v>
      </c>
      <c r="I39552" s="2">
        <v>0</v>
      </c>
      <c r="J39552" s="2">
        <v>0</v>
      </c>
      <c r="K39552" s="2">
        <v>1</v>
      </c>
      <c r="L39552" t="s">
        <v>995</v>
      </c>
      <c r="M39552" t="s">
        <v>89</v>
      </c>
      <c r="N39552" t="s">
        <v>90</v>
      </c>
      <c r="O39552" t="s">
        <v>85</v>
      </c>
      <c r="P39552" t="s">
        <v>86</v>
      </c>
      <c r="Q39552">
        <v>15</v>
      </c>
      <c r="R39552">
        <v>15</v>
      </c>
      <c r="S39552">
        <v>15</v>
      </c>
      <c r="T39552">
        <v>16</v>
      </c>
      <c r="U39552">
        <v>16</v>
      </c>
      <c r="V39552">
        <v>16</v>
      </c>
      <c r="W39552">
        <v>17</v>
      </c>
      <c r="X39552">
        <v>17</v>
      </c>
      <c r="Y39552">
        <v>17</v>
      </c>
      <c r="Z39552">
        <v>17</v>
      </c>
      <c r="AA39552">
        <v>18</v>
      </c>
      <c r="AB39552">
        <v>18</v>
      </c>
      <c r="AC39552">
        <v>18</v>
      </c>
      <c r="AD39552">
        <v>18</v>
      </c>
      <c r="AE39552">
        <v>19</v>
      </c>
      <c r="AF39552">
        <v>19</v>
      </c>
      <c r="AG39552">
        <v>19</v>
      </c>
      <c r="AH39552">
        <v>19</v>
      </c>
      <c r="AI39552">
        <v>19</v>
      </c>
      <c r="AJ39552">
        <v>19</v>
      </c>
      <c r="AK39552">
        <v>19</v>
      </c>
      <c r="AL39552">
        <v>19</v>
      </c>
      <c r="AM39552">
        <v>19</v>
      </c>
      <c r="AN39552">
        <v>19</v>
      </c>
      <c r="AO39552">
        <v>19</v>
      </c>
      <c r="AP39552">
        <v>19</v>
      </c>
      <c r="AQ39552">
        <v>19</v>
      </c>
    </row>
    <row r="39553" spans="1:43">
      <c r="A39553" t="s">
        <v>24531</v>
      </c>
      <c r="B39553" t="s">
        <v>24532</v>
      </c>
      <c r="C39553" t="s">
        <v>24515</v>
      </c>
      <c r="D39553" t="s">
        <v>24516</v>
      </c>
      <c r="E39553" t="s">
        <v>24517</v>
      </c>
      <c r="F39553" t="s">
        <v>24518</v>
      </c>
      <c r="G39553" t="s">
        <v>11612</v>
      </c>
      <c r="H39553" t="s">
        <v>11613</v>
      </c>
      <c r="I39553" s="2">
        <v>0</v>
      </c>
      <c r="J39553" s="2">
        <v>0</v>
      </c>
      <c r="K39553" s="2">
        <v>1</v>
      </c>
      <c r="L39553" t="s">
        <v>995</v>
      </c>
      <c r="M39553" t="s">
        <v>83</v>
      </c>
      <c r="N39553" t="s">
        <v>91</v>
      </c>
      <c r="O39553" t="s">
        <v>85</v>
      </c>
      <c r="P39553" t="s">
        <v>86</v>
      </c>
      <c r="Q39553">
        <v>15</v>
      </c>
      <c r="R39553">
        <v>15</v>
      </c>
      <c r="S39553">
        <v>15</v>
      </c>
      <c r="T39553">
        <v>15</v>
      </c>
      <c r="U39553">
        <v>15</v>
      </c>
      <c r="V39553">
        <v>16</v>
      </c>
      <c r="W39553">
        <v>16</v>
      </c>
      <c r="X39553">
        <v>16</v>
      </c>
      <c r="Y39553">
        <v>16</v>
      </c>
      <c r="Z39553">
        <v>16</v>
      </c>
      <c r="AA39553">
        <v>17</v>
      </c>
      <c r="AB39553">
        <v>17</v>
      </c>
      <c r="AC39553">
        <v>17</v>
      </c>
      <c r="AD39553">
        <v>17</v>
      </c>
      <c r="AE39553">
        <v>17</v>
      </c>
      <c r="AF39553">
        <v>18</v>
      </c>
      <c r="AG39553">
        <v>18</v>
      </c>
      <c r="AH39553">
        <v>18</v>
      </c>
      <c r="AI39553">
        <v>18</v>
      </c>
      <c r="AJ39553">
        <v>18</v>
      </c>
      <c r="AK39553">
        <v>18</v>
      </c>
      <c r="AL39553">
        <v>19</v>
      </c>
      <c r="AM39553">
        <v>19</v>
      </c>
      <c r="AN39553">
        <v>19</v>
      </c>
      <c r="AO39553">
        <v>19</v>
      </c>
      <c r="AP39553">
        <v>19</v>
      </c>
      <c r="AQ39553">
        <v>19</v>
      </c>
    </row>
    <row r="39554" spans="1:43">
      <c r="A39554" t="s">
        <v>24533</v>
      </c>
      <c r="B39554" t="s">
        <v>24534</v>
      </c>
      <c r="C39554" t="s">
        <v>24535</v>
      </c>
      <c r="D39554" t="s">
        <v>24536</v>
      </c>
      <c r="E39554" t="s">
        <v>24517</v>
      </c>
      <c r="F39554" t="s">
        <v>24518</v>
      </c>
      <c r="G39554" t="s">
        <v>11612</v>
      </c>
      <c r="H39554" t="s">
        <v>11613</v>
      </c>
      <c r="I39554" s="2">
        <v>0</v>
      </c>
      <c r="J39554" s="2">
        <v>0</v>
      </c>
      <c r="K39554" s="2">
        <v>1</v>
      </c>
      <c r="L39554" t="s">
        <v>995</v>
      </c>
      <c r="M39554" t="s">
        <v>83</v>
      </c>
      <c r="N39554" t="s">
        <v>84</v>
      </c>
      <c r="O39554" t="s">
        <v>85</v>
      </c>
      <c r="P39554" t="s">
        <v>86</v>
      </c>
      <c r="Q39554">
        <v>12</v>
      </c>
      <c r="R39554">
        <v>12</v>
      </c>
      <c r="S39554">
        <v>13</v>
      </c>
      <c r="T39554">
        <v>13</v>
      </c>
      <c r="U39554">
        <v>13</v>
      </c>
      <c r="V39554">
        <v>13</v>
      </c>
      <c r="W39554">
        <v>13</v>
      </c>
      <c r="X39554">
        <v>13</v>
      </c>
      <c r="Y39554">
        <v>14</v>
      </c>
      <c r="Z39554">
        <v>14</v>
      </c>
      <c r="AA39554">
        <v>14</v>
      </c>
      <c r="AB39554">
        <v>14</v>
      </c>
      <c r="AC39554">
        <v>14</v>
      </c>
      <c r="AD39554">
        <v>14</v>
      </c>
      <c r="AE39554">
        <v>15</v>
      </c>
      <c r="AF39554">
        <v>15</v>
      </c>
      <c r="AG39554">
        <v>15</v>
      </c>
      <c r="AH39554">
        <v>15</v>
      </c>
      <c r="AI39554">
        <v>15</v>
      </c>
      <c r="AJ39554">
        <v>15</v>
      </c>
      <c r="AK39554">
        <v>16</v>
      </c>
      <c r="AL39554">
        <v>16</v>
      </c>
      <c r="AM39554">
        <v>16</v>
      </c>
      <c r="AN39554">
        <v>16</v>
      </c>
      <c r="AO39554">
        <v>16</v>
      </c>
      <c r="AP39554">
        <v>16</v>
      </c>
      <c r="AQ39554">
        <v>16</v>
      </c>
    </row>
    <row r="39555" spans="1:43">
      <c r="A39555" t="s">
        <v>24533</v>
      </c>
      <c r="B39555" t="s">
        <v>24534</v>
      </c>
      <c r="C39555" t="s">
        <v>24535</v>
      </c>
      <c r="D39555" t="s">
        <v>24536</v>
      </c>
      <c r="E39555" t="s">
        <v>24517</v>
      </c>
      <c r="F39555" t="s">
        <v>24518</v>
      </c>
      <c r="G39555" t="s">
        <v>11612</v>
      </c>
      <c r="H39555" t="s">
        <v>11613</v>
      </c>
      <c r="I39555" s="2">
        <v>0</v>
      </c>
      <c r="J39555" s="2">
        <v>0</v>
      </c>
      <c r="K39555" s="2">
        <v>1</v>
      </c>
      <c r="L39555" t="s">
        <v>995</v>
      </c>
      <c r="M39555" t="s">
        <v>87</v>
      </c>
      <c r="N39555" t="s">
        <v>88</v>
      </c>
      <c r="O39555" t="s">
        <v>85</v>
      </c>
      <c r="P39555" t="s">
        <v>86</v>
      </c>
      <c r="Q39555">
        <v>12</v>
      </c>
      <c r="R39555">
        <v>12</v>
      </c>
      <c r="S39555">
        <v>12</v>
      </c>
      <c r="T39555">
        <v>12</v>
      </c>
      <c r="U39555">
        <v>12</v>
      </c>
      <c r="V39555">
        <v>12</v>
      </c>
      <c r="W39555">
        <v>13</v>
      </c>
      <c r="X39555">
        <v>13</v>
      </c>
      <c r="Y39555">
        <v>13</v>
      </c>
      <c r="Z39555">
        <v>13</v>
      </c>
      <c r="AA39555">
        <v>13</v>
      </c>
      <c r="AB39555">
        <v>13</v>
      </c>
      <c r="AC39555">
        <v>13</v>
      </c>
      <c r="AD39555">
        <v>13</v>
      </c>
      <c r="AE39555">
        <v>13</v>
      </c>
      <c r="AF39555">
        <v>13</v>
      </c>
      <c r="AG39555">
        <v>13</v>
      </c>
      <c r="AH39555">
        <v>13</v>
      </c>
      <c r="AI39555">
        <v>13</v>
      </c>
      <c r="AJ39555">
        <v>13</v>
      </c>
      <c r="AK39555">
        <v>13</v>
      </c>
      <c r="AL39555">
        <v>13</v>
      </c>
      <c r="AM39555">
        <v>14</v>
      </c>
      <c r="AN39555">
        <v>14</v>
      </c>
      <c r="AO39555">
        <v>14</v>
      </c>
      <c r="AP39555">
        <v>14</v>
      </c>
      <c r="AQ39555">
        <v>14</v>
      </c>
    </row>
    <row r="39556" spans="1:43">
      <c r="A39556" t="s">
        <v>24533</v>
      </c>
      <c r="B39556" t="s">
        <v>24534</v>
      </c>
      <c r="C39556" t="s">
        <v>24535</v>
      </c>
      <c r="D39556" t="s">
        <v>24536</v>
      </c>
      <c r="E39556" t="s">
        <v>24517</v>
      </c>
      <c r="F39556" t="s">
        <v>24518</v>
      </c>
      <c r="G39556" t="s">
        <v>11612</v>
      </c>
      <c r="H39556" t="s">
        <v>11613</v>
      </c>
      <c r="I39556" s="2">
        <v>0</v>
      </c>
      <c r="J39556" s="2">
        <v>0</v>
      </c>
      <c r="K39556" s="2">
        <v>1</v>
      </c>
      <c r="L39556" t="s">
        <v>995</v>
      </c>
      <c r="M39556" t="s">
        <v>89</v>
      </c>
      <c r="N39556" t="s">
        <v>90</v>
      </c>
      <c r="O39556" t="s">
        <v>85</v>
      </c>
      <c r="P39556" t="s">
        <v>86</v>
      </c>
      <c r="Q39556">
        <v>12</v>
      </c>
      <c r="R39556">
        <v>13</v>
      </c>
      <c r="S39556">
        <v>13</v>
      </c>
      <c r="T39556">
        <v>13</v>
      </c>
      <c r="U39556">
        <v>13</v>
      </c>
      <c r="V39556">
        <v>14</v>
      </c>
      <c r="W39556">
        <v>14</v>
      </c>
      <c r="X39556">
        <v>14</v>
      </c>
      <c r="Y39556">
        <v>14</v>
      </c>
      <c r="Z39556">
        <v>15</v>
      </c>
      <c r="AA39556">
        <v>15</v>
      </c>
      <c r="AB39556">
        <v>15</v>
      </c>
      <c r="AC39556">
        <v>15</v>
      </c>
      <c r="AD39556">
        <v>16</v>
      </c>
      <c r="AE39556">
        <v>16</v>
      </c>
      <c r="AF39556">
        <v>16</v>
      </c>
      <c r="AG39556">
        <v>16</v>
      </c>
      <c r="AH39556">
        <v>16</v>
      </c>
      <c r="AI39556">
        <v>16</v>
      </c>
      <c r="AJ39556">
        <v>16</v>
      </c>
      <c r="AK39556">
        <v>16</v>
      </c>
      <c r="AL39556">
        <v>16</v>
      </c>
      <c r="AM39556">
        <v>16</v>
      </c>
      <c r="AN39556">
        <v>16</v>
      </c>
      <c r="AO39556">
        <v>16</v>
      </c>
      <c r="AP39556">
        <v>16</v>
      </c>
      <c r="AQ39556">
        <v>16</v>
      </c>
    </row>
    <row r="39557" spans="1:43">
      <c r="A39557" t="s">
        <v>24533</v>
      </c>
      <c r="B39557" t="s">
        <v>24534</v>
      </c>
      <c r="C39557" t="s">
        <v>24535</v>
      </c>
      <c r="D39557" t="s">
        <v>24536</v>
      </c>
      <c r="E39557" t="s">
        <v>24517</v>
      </c>
      <c r="F39557" t="s">
        <v>24518</v>
      </c>
      <c r="G39557" t="s">
        <v>11612</v>
      </c>
      <c r="H39557" t="s">
        <v>11613</v>
      </c>
      <c r="I39557" s="2">
        <v>0</v>
      </c>
      <c r="J39557" s="2">
        <v>0</v>
      </c>
      <c r="K39557" s="2">
        <v>1</v>
      </c>
      <c r="L39557" t="s">
        <v>995</v>
      </c>
      <c r="M39557" t="s">
        <v>83</v>
      </c>
      <c r="N39557" t="s">
        <v>91</v>
      </c>
      <c r="O39557" t="s">
        <v>85</v>
      </c>
      <c r="P39557" t="s">
        <v>86</v>
      </c>
      <c r="Q39557">
        <v>12</v>
      </c>
      <c r="R39557">
        <v>12</v>
      </c>
      <c r="S39557">
        <v>13</v>
      </c>
      <c r="T39557">
        <v>13</v>
      </c>
      <c r="U39557">
        <v>13</v>
      </c>
      <c r="V39557">
        <v>13</v>
      </c>
      <c r="W39557">
        <v>13</v>
      </c>
      <c r="X39557">
        <v>13</v>
      </c>
      <c r="Y39557">
        <v>14</v>
      </c>
      <c r="Z39557">
        <v>14</v>
      </c>
      <c r="AA39557">
        <v>14</v>
      </c>
      <c r="AB39557">
        <v>14</v>
      </c>
      <c r="AC39557">
        <v>14</v>
      </c>
      <c r="AD39557">
        <v>14</v>
      </c>
      <c r="AE39557">
        <v>15</v>
      </c>
      <c r="AF39557">
        <v>15</v>
      </c>
      <c r="AG39557">
        <v>15</v>
      </c>
      <c r="AH39557">
        <v>15</v>
      </c>
      <c r="AI39557">
        <v>15</v>
      </c>
      <c r="AJ39557">
        <v>15</v>
      </c>
      <c r="AK39557">
        <v>16</v>
      </c>
      <c r="AL39557">
        <v>16</v>
      </c>
      <c r="AM39557">
        <v>16</v>
      </c>
      <c r="AN39557">
        <v>16</v>
      </c>
      <c r="AO39557">
        <v>16</v>
      </c>
      <c r="AP39557">
        <v>16</v>
      </c>
      <c r="AQ39557">
        <v>16</v>
      </c>
    </row>
    <row r="39558" spans="1:43">
      <c r="A39558" t="s">
        <v>24537</v>
      </c>
      <c r="B39558" t="s">
        <v>24538</v>
      </c>
      <c r="C39558" t="s">
        <v>24539</v>
      </c>
      <c r="D39558" t="s">
        <v>24540</v>
      </c>
      <c r="E39558" t="s">
        <v>24517</v>
      </c>
      <c r="F39558" t="s">
        <v>24518</v>
      </c>
      <c r="G39558" t="s">
        <v>11612</v>
      </c>
      <c r="H39558" t="s">
        <v>11613</v>
      </c>
      <c r="I39558" s="2">
        <v>0</v>
      </c>
      <c r="J39558" s="2">
        <v>0</v>
      </c>
      <c r="K39558" s="2">
        <v>1</v>
      </c>
      <c r="L39558" t="s">
        <v>995</v>
      </c>
      <c r="M39558" t="s">
        <v>83</v>
      </c>
      <c r="N39558" t="s">
        <v>84</v>
      </c>
      <c r="O39558" t="s">
        <v>85</v>
      </c>
      <c r="P39558" t="s">
        <v>86</v>
      </c>
      <c r="Q39558">
        <v>26</v>
      </c>
      <c r="R39558">
        <v>26</v>
      </c>
      <c r="S39558">
        <v>27</v>
      </c>
      <c r="T39558">
        <v>27</v>
      </c>
      <c r="U39558">
        <v>27</v>
      </c>
      <c r="V39558">
        <v>28</v>
      </c>
      <c r="W39558">
        <v>28</v>
      </c>
      <c r="X39558">
        <v>29</v>
      </c>
      <c r="Y39558">
        <v>29</v>
      </c>
      <c r="Z39558">
        <v>29</v>
      </c>
      <c r="AA39558">
        <v>30</v>
      </c>
      <c r="AB39558">
        <v>30</v>
      </c>
      <c r="AC39558">
        <v>30</v>
      </c>
      <c r="AD39558">
        <v>31</v>
      </c>
      <c r="AE39558">
        <v>31</v>
      </c>
      <c r="AF39558">
        <v>31</v>
      </c>
      <c r="AG39558">
        <v>32</v>
      </c>
      <c r="AH39558">
        <v>32</v>
      </c>
      <c r="AI39558">
        <v>33</v>
      </c>
      <c r="AJ39558">
        <v>33</v>
      </c>
      <c r="AK39558">
        <v>33</v>
      </c>
      <c r="AL39558">
        <v>33</v>
      </c>
      <c r="AM39558">
        <v>34</v>
      </c>
      <c r="AN39558">
        <v>34</v>
      </c>
      <c r="AO39558">
        <v>34</v>
      </c>
      <c r="AP39558">
        <v>34</v>
      </c>
      <c r="AQ39558">
        <v>34</v>
      </c>
    </row>
    <row r="39559" spans="1:43">
      <c r="A39559" t="s">
        <v>24537</v>
      </c>
      <c r="B39559" t="s">
        <v>24538</v>
      </c>
      <c r="C39559" t="s">
        <v>24539</v>
      </c>
      <c r="D39559" t="s">
        <v>24540</v>
      </c>
      <c r="E39559" t="s">
        <v>24517</v>
      </c>
      <c r="F39559" t="s">
        <v>24518</v>
      </c>
      <c r="G39559" t="s">
        <v>11612</v>
      </c>
      <c r="H39559" t="s">
        <v>11613</v>
      </c>
      <c r="I39559" s="2">
        <v>0</v>
      </c>
      <c r="J39559" s="2">
        <v>0</v>
      </c>
      <c r="K39559" s="2">
        <v>1</v>
      </c>
      <c r="L39559" t="s">
        <v>995</v>
      </c>
      <c r="M39559" t="s">
        <v>87</v>
      </c>
      <c r="N39559" t="s">
        <v>88</v>
      </c>
      <c r="O39559" t="s">
        <v>85</v>
      </c>
      <c r="P39559" t="s">
        <v>86</v>
      </c>
      <c r="Q39559">
        <v>26</v>
      </c>
      <c r="R39559">
        <v>26</v>
      </c>
      <c r="S39559">
        <v>26</v>
      </c>
      <c r="T39559">
        <v>26</v>
      </c>
      <c r="U39559">
        <v>26</v>
      </c>
      <c r="V39559">
        <v>26</v>
      </c>
      <c r="W39559">
        <v>26</v>
      </c>
      <c r="X39559">
        <v>27</v>
      </c>
      <c r="Y39559">
        <v>27</v>
      </c>
      <c r="Z39559">
        <v>27</v>
      </c>
      <c r="AA39559">
        <v>27</v>
      </c>
      <c r="AB39559">
        <v>27</v>
      </c>
      <c r="AC39559">
        <v>27</v>
      </c>
      <c r="AD39559">
        <v>27</v>
      </c>
      <c r="AE39559">
        <v>28</v>
      </c>
      <c r="AF39559">
        <v>28</v>
      </c>
      <c r="AG39559">
        <v>28</v>
      </c>
      <c r="AH39559">
        <v>28</v>
      </c>
      <c r="AI39559">
        <v>28</v>
      </c>
      <c r="AJ39559">
        <v>28</v>
      </c>
      <c r="AK39559">
        <v>28</v>
      </c>
      <c r="AL39559">
        <v>29</v>
      </c>
      <c r="AM39559">
        <v>29</v>
      </c>
      <c r="AN39559">
        <v>29</v>
      </c>
      <c r="AO39559">
        <v>29</v>
      </c>
      <c r="AP39559">
        <v>29</v>
      </c>
      <c r="AQ39559">
        <v>29</v>
      </c>
    </row>
    <row r="39560" spans="1:43">
      <c r="A39560" t="s">
        <v>24537</v>
      </c>
      <c r="B39560" t="s">
        <v>24538</v>
      </c>
      <c r="C39560" t="s">
        <v>24539</v>
      </c>
      <c r="D39560" t="s">
        <v>24540</v>
      </c>
      <c r="E39560" t="s">
        <v>24517</v>
      </c>
      <c r="F39560" t="s">
        <v>24518</v>
      </c>
      <c r="G39560" t="s">
        <v>11612</v>
      </c>
      <c r="H39560" t="s">
        <v>11613</v>
      </c>
      <c r="I39560" s="2">
        <v>0</v>
      </c>
      <c r="J39560" s="2">
        <v>0</v>
      </c>
      <c r="K39560" s="2">
        <v>1</v>
      </c>
      <c r="L39560" t="s">
        <v>995</v>
      </c>
      <c r="M39560" t="s">
        <v>89</v>
      </c>
      <c r="N39560" t="s">
        <v>90</v>
      </c>
      <c r="O39560" t="s">
        <v>85</v>
      </c>
      <c r="P39560" t="s">
        <v>86</v>
      </c>
      <c r="Q39560">
        <v>26</v>
      </c>
      <c r="R39560">
        <v>27</v>
      </c>
      <c r="S39560">
        <v>27</v>
      </c>
      <c r="T39560">
        <v>28</v>
      </c>
      <c r="U39560">
        <v>29</v>
      </c>
      <c r="V39560">
        <v>29</v>
      </c>
      <c r="W39560">
        <v>30</v>
      </c>
      <c r="X39560">
        <v>30</v>
      </c>
      <c r="Y39560">
        <v>31</v>
      </c>
      <c r="Z39560">
        <v>31</v>
      </c>
      <c r="AA39560">
        <v>32</v>
      </c>
      <c r="AB39560">
        <v>32</v>
      </c>
      <c r="AC39560">
        <v>33</v>
      </c>
      <c r="AD39560">
        <v>33</v>
      </c>
      <c r="AE39560">
        <v>33</v>
      </c>
      <c r="AF39560">
        <v>33</v>
      </c>
      <c r="AG39560">
        <v>34</v>
      </c>
      <c r="AH39560">
        <v>34</v>
      </c>
      <c r="AI39560">
        <v>34</v>
      </c>
      <c r="AJ39560">
        <v>34</v>
      </c>
      <c r="AK39560">
        <v>34</v>
      </c>
      <c r="AL39560">
        <v>34</v>
      </c>
      <c r="AM39560">
        <v>34</v>
      </c>
      <c r="AN39560">
        <v>34</v>
      </c>
      <c r="AO39560">
        <v>34</v>
      </c>
      <c r="AP39560">
        <v>34</v>
      </c>
      <c r="AQ39560">
        <v>35</v>
      </c>
    </row>
    <row r="39561" spans="1:43">
      <c r="A39561" t="s">
        <v>24537</v>
      </c>
      <c r="B39561" t="s">
        <v>24538</v>
      </c>
      <c r="C39561" t="s">
        <v>24539</v>
      </c>
      <c r="D39561" t="s">
        <v>24540</v>
      </c>
      <c r="E39561" t="s">
        <v>24517</v>
      </c>
      <c r="F39561" t="s">
        <v>24518</v>
      </c>
      <c r="G39561" t="s">
        <v>11612</v>
      </c>
      <c r="H39561" t="s">
        <v>11613</v>
      </c>
      <c r="I39561" s="2">
        <v>0</v>
      </c>
      <c r="J39561" s="2">
        <v>0</v>
      </c>
      <c r="K39561" s="2">
        <v>1</v>
      </c>
      <c r="L39561" t="s">
        <v>995</v>
      </c>
      <c r="M39561" t="s">
        <v>83</v>
      </c>
      <c r="N39561" t="s">
        <v>91</v>
      </c>
      <c r="O39561" t="s">
        <v>85</v>
      </c>
      <c r="P39561" t="s">
        <v>86</v>
      </c>
      <c r="Q39561">
        <v>26</v>
      </c>
      <c r="R39561">
        <v>26</v>
      </c>
      <c r="S39561">
        <v>27</v>
      </c>
      <c r="T39561">
        <v>27</v>
      </c>
      <c r="U39561">
        <v>27</v>
      </c>
      <c r="V39561">
        <v>28</v>
      </c>
      <c r="W39561">
        <v>28</v>
      </c>
      <c r="X39561">
        <v>29</v>
      </c>
      <c r="Y39561">
        <v>29</v>
      </c>
      <c r="Z39561">
        <v>29</v>
      </c>
      <c r="AA39561">
        <v>30</v>
      </c>
      <c r="AB39561">
        <v>30</v>
      </c>
      <c r="AC39561">
        <v>30</v>
      </c>
      <c r="AD39561">
        <v>31</v>
      </c>
      <c r="AE39561">
        <v>31</v>
      </c>
      <c r="AF39561">
        <v>31</v>
      </c>
      <c r="AG39561">
        <v>32</v>
      </c>
      <c r="AH39561">
        <v>32</v>
      </c>
      <c r="AI39561">
        <v>33</v>
      </c>
      <c r="AJ39561">
        <v>33</v>
      </c>
      <c r="AK39561">
        <v>33</v>
      </c>
      <c r="AL39561">
        <v>33</v>
      </c>
      <c r="AM39561">
        <v>34</v>
      </c>
      <c r="AN39561">
        <v>34</v>
      </c>
      <c r="AO39561">
        <v>34</v>
      </c>
      <c r="AP39561">
        <v>34</v>
      </c>
      <c r="AQ39561">
        <v>34</v>
      </c>
    </row>
    <row r="39562" spans="1:43">
      <c r="A39562" t="s">
        <v>24541</v>
      </c>
      <c r="B39562" t="s">
        <v>24542</v>
      </c>
      <c r="C39562" t="s">
        <v>24539</v>
      </c>
      <c r="D39562" t="s">
        <v>24540</v>
      </c>
      <c r="E39562" t="s">
        <v>24517</v>
      </c>
      <c r="F39562" t="s">
        <v>24518</v>
      </c>
      <c r="G39562" t="s">
        <v>11612</v>
      </c>
      <c r="H39562" t="s">
        <v>11613</v>
      </c>
      <c r="I39562" s="2">
        <v>0</v>
      </c>
      <c r="J39562" s="2">
        <v>0</v>
      </c>
      <c r="K39562" s="2">
        <v>1</v>
      </c>
      <c r="L39562" t="s">
        <v>995</v>
      </c>
      <c r="M39562" t="s">
        <v>83</v>
      </c>
      <c r="N39562" t="s">
        <v>84</v>
      </c>
      <c r="O39562" t="s">
        <v>85</v>
      </c>
      <c r="P39562" t="s">
        <v>86</v>
      </c>
      <c r="Q39562">
        <v>14</v>
      </c>
      <c r="R39562">
        <v>14</v>
      </c>
      <c r="S39562">
        <v>14</v>
      </c>
      <c r="T39562">
        <v>14</v>
      </c>
      <c r="U39562">
        <v>14</v>
      </c>
      <c r="V39562">
        <v>15</v>
      </c>
      <c r="W39562">
        <v>15</v>
      </c>
      <c r="X39562">
        <v>15</v>
      </c>
      <c r="Y39562">
        <v>15</v>
      </c>
      <c r="Z39562">
        <v>15</v>
      </c>
      <c r="AA39562">
        <v>16</v>
      </c>
      <c r="AB39562">
        <v>16</v>
      </c>
      <c r="AC39562">
        <v>16</v>
      </c>
      <c r="AD39562">
        <v>16</v>
      </c>
      <c r="AE39562">
        <v>16</v>
      </c>
      <c r="AF39562">
        <v>17</v>
      </c>
      <c r="AG39562">
        <v>17</v>
      </c>
      <c r="AH39562">
        <v>17</v>
      </c>
      <c r="AI39562">
        <v>17</v>
      </c>
      <c r="AJ39562">
        <v>17</v>
      </c>
      <c r="AK39562">
        <v>18</v>
      </c>
      <c r="AL39562">
        <v>18</v>
      </c>
      <c r="AM39562">
        <v>18</v>
      </c>
      <c r="AN39562">
        <v>18</v>
      </c>
      <c r="AO39562">
        <v>18</v>
      </c>
      <c r="AP39562">
        <v>18</v>
      </c>
      <c r="AQ39562">
        <v>18</v>
      </c>
    </row>
    <row r="39563" spans="1:43">
      <c r="A39563" t="s">
        <v>24541</v>
      </c>
      <c r="B39563" t="s">
        <v>24542</v>
      </c>
      <c r="C39563" t="s">
        <v>24539</v>
      </c>
      <c r="D39563" t="s">
        <v>24540</v>
      </c>
      <c r="E39563" t="s">
        <v>24517</v>
      </c>
      <c r="F39563" t="s">
        <v>24518</v>
      </c>
      <c r="G39563" t="s">
        <v>11612</v>
      </c>
      <c r="H39563" t="s">
        <v>11613</v>
      </c>
      <c r="I39563" s="2">
        <v>0</v>
      </c>
      <c r="J39563" s="2">
        <v>0</v>
      </c>
      <c r="K39563" s="2">
        <v>1</v>
      </c>
      <c r="L39563" t="s">
        <v>995</v>
      </c>
      <c r="M39563" t="s">
        <v>87</v>
      </c>
      <c r="N39563" t="s">
        <v>88</v>
      </c>
      <c r="O39563" t="s">
        <v>85</v>
      </c>
      <c r="P39563" t="s">
        <v>86</v>
      </c>
      <c r="Q39563">
        <v>14</v>
      </c>
      <c r="R39563">
        <v>14</v>
      </c>
      <c r="S39563">
        <v>14</v>
      </c>
      <c r="T39563">
        <v>14</v>
      </c>
      <c r="U39563">
        <v>14</v>
      </c>
      <c r="V39563">
        <v>14</v>
      </c>
      <c r="W39563">
        <v>14</v>
      </c>
      <c r="X39563">
        <v>14</v>
      </c>
      <c r="Y39563">
        <v>14</v>
      </c>
      <c r="Z39563">
        <v>14</v>
      </c>
      <c r="AA39563">
        <v>14</v>
      </c>
      <c r="AB39563">
        <v>14</v>
      </c>
      <c r="AC39563">
        <v>14</v>
      </c>
      <c r="AD39563">
        <v>14</v>
      </c>
      <c r="AE39563">
        <v>15</v>
      </c>
      <c r="AF39563">
        <v>15</v>
      </c>
      <c r="AG39563">
        <v>15</v>
      </c>
      <c r="AH39563">
        <v>15</v>
      </c>
      <c r="AI39563">
        <v>15</v>
      </c>
      <c r="AJ39563">
        <v>15</v>
      </c>
      <c r="AK39563">
        <v>15</v>
      </c>
      <c r="AL39563">
        <v>15</v>
      </c>
      <c r="AM39563">
        <v>15</v>
      </c>
      <c r="AN39563">
        <v>15</v>
      </c>
      <c r="AO39563">
        <v>15</v>
      </c>
      <c r="AP39563">
        <v>15</v>
      </c>
      <c r="AQ39563">
        <v>16</v>
      </c>
    </row>
    <row r="39564" spans="1:43">
      <c r="A39564" t="s">
        <v>24541</v>
      </c>
      <c r="B39564" t="s">
        <v>24542</v>
      </c>
      <c r="C39564" t="s">
        <v>24539</v>
      </c>
      <c r="D39564" t="s">
        <v>24540</v>
      </c>
      <c r="E39564" t="s">
        <v>24517</v>
      </c>
      <c r="F39564" t="s">
        <v>24518</v>
      </c>
      <c r="G39564" t="s">
        <v>11612</v>
      </c>
      <c r="H39564" t="s">
        <v>11613</v>
      </c>
      <c r="I39564" s="2">
        <v>0</v>
      </c>
      <c r="J39564" s="2">
        <v>0</v>
      </c>
      <c r="K39564" s="2">
        <v>1</v>
      </c>
      <c r="L39564" t="s">
        <v>995</v>
      </c>
      <c r="M39564" t="s">
        <v>89</v>
      </c>
      <c r="N39564" t="s">
        <v>90</v>
      </c>
      <c r="O39564" t="s">
        <v>85</v>
      </c>
      <c r="P39564" t="s">
        <v>86</v>
      </c>
      <c r="Q39564">
        <v>14</v>
      </c>
      <c r="R39564">
        <v>14</v>
      </c>
      <c r="S39564">
        <v>14</v>
      </c>
      <c r="T39564">
        <v>15</v>
      </c>
      <c r="U39564">
        <v>15</v>
      </c>
      <c r="V39564">
        <v>15</v>
      </c>
      <c r="W39564">
        <v>16</v>
      </c>
      <c r="X39564">
        <v>16</v>
      </c>
      <c r="Y39564">
        <v>16</v>
      </c>
      <c r="Z39564">
        <v>16</v>
      </c>
      <c r="AA39564">
        <v>17</v>
      </c>
      <c r="AB39564">
        <v>17</v>
      </c>
      <c r="AC39564">
        <v>17</v>
      </c>
      <c r="AD39564">
        <v>17</v>
      </c>
      <c r="AE39564">
        <v>18</v>
      </c>
      <c r="AF39564">
        <v>18</v>
      </c>
      <c r="AG39564">
        <v>18</v>
      </c>
      <c r="AH39564">
        <v>18</v>
      </c>
      <c r="AI39564">
        <v>18</v>
      </c>
      <c r="AJ39564">
        <v>18</v>
      </c>
      <c r="AK39564">
        <v>18</v>
      </c>
      <c r="AL39564">
        <v>18</v>
      </c>
      <c r="AM39564">
        <v>18</v>
      </c>
      <c r="AN39564">
        <v>18</v>
      </c>
      <c r="AO39564">
        <v>18</v>
      </c>
      <c r="AP39564">
        <v>18</v>
      </c>
      <c r="AQ39564">
        <v>18</v>
      </c>
    </row>
    <row r="39565" spans="1:43">
      <c r="A39565" t="s">
        <v>24541</v>
      </c>
      <c r="B39565" t="s">
        <v>24542</v>
      </c>
      <c r="C39565" t="s">
        <v>24539</v>
      </c>
      <c r="D39565" t="s">
        <v>24540</v>
      </c>
      <c r="E39565" t="s">
        <v>24517</v>
      </c>
      <c r="F39565" t="s">
        <v>24518</v>
      </c>
      <c r="G39565" t="s">
        <v>11612</v>
      </c>
      <c r="H39565" t="s">
        <v>11613</v>
      </c>
      <c r="I39565" s="2">
        <v>0</v>
      </c>
      <c r="J39565" s="2">
        <v>0</v>
      </c>
      <c r="K39565" s="2">
        <v>1</v>
      </c>
      <c r="L39565" t="s">
        <v>995</v>
      </c>
      <c r="M39565" t="s">
        <v>83</v>
      </c>
      <c r="N39565" t="s">
        <v>91</v>
      </c>
      <c r="O39565" t="s">
        <v>85</v>
      </c>
      <c r="P39565" t="s">
        <v>86</v>
      </c>
      <c r="Q39565">
        <v>14</v>
      </c>
      <c r="R39565">
        <v>14</v>
      </c>
      <c r="S39565">
        <v>14</v>
      </c>
      <c r="T39565">
        <v>14</v>
      </c>
      <c r="U39565">
        <v>14</v>
      </c>
      <c r="V39565">
        <v>15</v>
      </c>
      <c r="W39565">
        <v>15</v>
      </c>
      <c r="X39565">
        <v>15</v>
      </c>
      <c r="Y39565">
        <v>15</v>
      </c>
      <c r="Z39565">
        <v>15</v>
      </c>
      <c r="AA39565">
        <v>16</v>
      </c>
      <c r="AB39565">
        <v>16</v>
      </c>
      <c r="AC39565">
        <v>16</v>
      </c>
      <c r="AD39565">
        <v>16</v>
      </c>
      <c r="AE39565">
        <v>16</v>
      </c>
      <c r="AF39565">
        <v>17</v>
      </c>
      <c r="AG39565">
        <v>17</v>
      </c>
      <c r="AH39565">
        <v>17</v>
      </c>
      <c r="AI39565">
        <v>17</v>
      </c>
      <c r="AJ39565">
        <v>17</v>
      </c>
      <c r="AK39565">
        <v>18</v>
      </c>
      <c r="AL39565">
        <v>18</v>
      </c>
      <c r="AM39565">
        <v>18</v>
      </c>
      <c r="AN39565">
        <v>18</v>
      </c>
      <c r="AO39565">
        <v>18</v>
      </c>
      <c r="AP39565">
        <v>18</v>
      </c>
      <c r="AQ39565">
        <v>18</v>
      </c>
    </row>
    <row r="39566" spans="1:43">
      <c r="A39566" t="s">
        <v>24543</v>
      </c>
      <c r="B39566" t="s">
        <v>24544</v>
      </c>
      <c r="C39566" t="s">
        <v>24539</v>
      </c>
      <c r="D39566" t="s">
        <v>24540</v>
      </c>
      <c r="E39566" t="s">
        <v>24517</v>
      </c>
      <c r="F39566" t="s">
        <v>24518</v>
      </c>
      <c r="G39566" t="s">
        <v>11612</v>
      </c>
      <c r="H39566" t="s">
        <v>11613</v>
      </c>
      <c r="I39566" s="2">
        <v>0</v>
      </c>
      <c r="J39566" s="2">
        <v>0</v>
      </c>
      <c r="K39566" s="2">
        <v>1</v>
      </c>
      <c r="L39566" t="s">
        <v>995</v>
      </c>
      <c r="M39566" t="s">
        <v>83</v>
      </c>
      <c r="N39566" t="s">
        <v>84</v>
      </c>
      <c r="O39566" t="s">
        <v>85</v>
      </c>
      <c r="P39566" t="s">
        <v>86</v>
      </c>
      <c r="Q39566">
        <v>14</v>
      </c>
      <c r="R39566">
        <v>14</v>
      </c>
      <c r="S39566">
        <v>14</v>
      </c>
      <c r="T39566">
        <v>14</v>
      </c>
      <c r="U39566">
        <v>15</v>
      </c>
      <c r="V39566">
        <v>15</v>
      </c>
      <c r="W39566">
        <v>15</v>
      </c>
      <c r="X39566">
        <v>15</v>
      </c>
      <c r="Y39566">
        <v>15</v>
      </c>
      <c r="Z39566">
        <v>16</v>
      </c>
      <c r="AA39566">
        <v>16</v>
      </c>
      <c r="AB39566">
        <v>16</v>
      </c>
      <c r="AC39566">
        <v>16</v>
      </c>
      <c r="AD39566">
        <v>16</v>
      </c>
      <c r="AE39566">
        <v>17</v>
      </c>
      <c r="AF39566">
        <v>17</v>
      </c>
      <c r="AG39566">
        <v>17</v>
      </c>
      <c r="AH39566">
        <v>17</v>
      </c>
      <c r="AI39566">
        <v>17</v>
      </c>
      <c r="AJ39566">
        <v>18</v>
      </c>
      <c r="AK39566">
        <v>18</v>
      </c>
      <c r="AL39566">
        <v>18</v>
      </c>
      <c r="AM39566">
        <v>18</v>
      </c>
      <c r="AN39566">
        <v>18</v>
      </c>
      <c r="AO39566">
        <v>18</v>
      </c>
      <c r="AP39566">
        <v>18</v>
      </c>
      <c r="AQ39566">
        <v>18</v>
      </c>
    </row>
    <row r="39567" spans="1:43">
      <c r="A39567" t="s">
        <v>24543</v>
      </c>
      <c r="B39567" t="s">
        <v>24544</v>
      </c>
      <c r="C39567" t="s">
        <v>24539</v>
      </c>
      <c r="D39567" t="s">
        <v>24540</v>
      </c>
      <c r="E39567" t="s">
        <v>24517</v>
      </c>
      <c r="F39567" t="s">
        <v>24518</v>
      </c>
      <c r="G39567" t="s">
        <v>11612</v>
      </c>
      <c r="H39567" t="s">
        <v>11613</v>
      </c>
      <c r="I39567" s="2">
        <v>0</v>
      </c>
      <c r="J39567" s="2">
        <v>0</v>
      </c>
      <c r="K39567" s="2">
        <v>1</v>
      </c>
      <c r="L39567" t="s">
        <v>995</v>
      </c>
      <c r="M39567" t="s">
        <v>87</v>
      </c>
      <c r="N39567" t="s">
        <v>88</v>
      </c>
      <c r="O39567" t="s">
        <v>85</v>
      </c>
      <c r="P39567" t="s">
        <v>86</v>
      </c>
      <c r="Q39567">
        <v>14</v>
      </c>
      <c r="R39567">
        <v>14</v>
      </c>
      <c r="S39567">
        <v>14</v>
      </c>
      <c r="T39567">
        <v>14</v>
      </c>
      <c r="U39567">
        <v>14</v>
      </c>
      <c r="V39567">
        <v>14</v>
      </c>
      <c r="W39567">
        <v>14</v>
      </c>
      <c r="X39567">
        <v>14</v>
      </c>
      <c r="Y39567">
        <v>14</v>
      </c>
      <c r="Z39567">
        <v>14</v>
      </c>
      <c r="AA39567">
        <v>14</v>
      </c>
      <c r="AB39567">
        <v>15</v>
      </c>
      <c r="AC39567">
        <v>15</v>
      </c>
      <c r="AD39567">
        <v>15</v>
      </c>
      <c r="AE39567">
        <v>15</v>
      </c>
      <c r="AF39567">
        <v>15</v>
      </c>
      <c r="AG39567">
        <v>15</v>
      </c>
      <c r="AH39567">
        <v>15</v>
      </c>
      <c r="AI39567">
        <v>15</v>
      </c>
      <c r="AJ39567">
        <v>15</v>
      </c>
      <c r="AK39567">
        <v>15</v>
      </c>
      <c r="AL39567">
        <v>15</v>
      </c>
      <c r="AM39567">
        <v>15</v>
      </c>
      <c r="AN39567">
        <v>16</v>
      </c>
      <c r="AO39567">
        <v>16</v>
      </c>
      <c r="AP39567">
        <v>16</v>
      </c>
      <c r="AQ39567">
        <v>16</v>
      </c>
    </row>
    <row r="39568" spans="1:43">
      <c r="A39568" t="s">
        <v>24543</v>
      </c>
      <c r="B39568" t="s">
        <v>24544</v>
      </c>
      <c r="C39568" t="s">
        <v>24539</v>
      </c>
      <c r="D39568" t="s">
        <v>24540</v>
      </c>
      <c r="E39568" t="s">
        <v>24517</v>
      </c>
      <c r="F39568" t="s">
        <v>24518</v>
      </c>
      <c r="G39568" t="s">
        <v>11612</v>
      </c>
      <c r="H39568" t="s">
        <v>11613</v>
      </c>
      <c r="I39568" s="2">
        <v>0</v>
      </c>
      <c r="J39568" s="2">
        <v>0</v>
      </c>
      <c r="K39568" s="2">
        <v>1</v>
      </c>
      <c r="L39568" t="s">
        <v>995</v>
      </c>
      <c r="M39568" t="s">
        <v>89</v>
      </c>
      <c r="N39568" t="s">
        <v>90</v>
      </c>
      <c r="O39568" t="s">
        <v>85</v>
      </c>
      <c r="P39568" t="s">
        <v>86</v>
      </c>
      <c r="Q39568">
        <v>14</v>
      </c>
      <c r="R39568">
        <v>14</v>
      </c>
      <c r="S39568">
        <v>15</v>
      </c>
      <c r="T39568">
        <v>15</v>
      </c>
      <c r="U39568">
        <v>15</v>
      </c>
      <c r="V39568">
        <v>16</v>
      </c>
      <c r="W39568">
        <v>16</v>
      </c>
      <c r="X39568">
        <v>16</v>
      </c>
      <c r="Y39568">
        <v>16</v>
      </c>
      <c r="Z39568">
        <v>17</v>
      </c>
      <c r="AA39568">
        <v>17</v>
      </c>
      <c r="AB39568">
        <v>17</v>
      </c>
      <c r="AC39568">
        <v>17</v>
      </c>
      <c r="AD39568">
        <v>18</v>
      </c>
      <c r="AE39568">
        <v>18</v>
      </c>
      <c r="AF39568">
        <v>18</v>
      </c>
      <c r="AG39568">
        <v>18</v>
      </c>
      <c r="AH39568">
        <v>18</v>
      </c>
      <c r="AI39568">
        <v>18</v>
      </c>
      <c r="AJ39568">
        <v>18</v>
      </c>
      <c r="AK39568">
        <v>18</v>
      </c>
      <c r="AL39568">
        <v>18</v>
      </c>
      <c r="AM39568">
        <v>18</v>
      </c>
      <c r="AN39568">
        <v>18</v>
      </c>
      <c r="AO39568">
        <v>18</v>
      </c>
      <c r="AP39568">
        <v>18</v>
      </c>
      <c r="AQ39568">
        <v>19</v>
      </c>
    </row>
    <row r="39569" spans="1:43">
      <c r="A39569" t="s">
        <v>24543</v>
      </c>
      <c r="B39569" t="s">
        <v>24544</v>
      </c>
      <c r="C39569" t="s">
        <v>24539</v>
      </c>
      <c r="D39569" t="s">
        <v>24540</v>
      </c>
      <c r="E39569" t="s">
        <v>24517</v>
      </c>
      <c r="F39569" t="s">
        <v>24518</v>
      </c>
      <c r="G39569" t="s">
        <v>11612</v>
      </c>
      <c r="H39569" t="s">
        <v>11613</v>
      </c>
      <c r="I39569" s="2">
        <v>0</v>
      </c>
      <c r="J39569" s="2">
        <v>0</v>
      </c>
      <c r="K39569" s="2">
        <v>1</v>
      </c>
      <c r="L39569" t="s">
        <v>995</v>
      </c>
      <c r="M39569" t="s">
        <v>83</v>
      </c>
      <c r="N39569" t="s">
        <v>91</v>
      </c>
      <c r="O39569" t="s">
        <v>85</v>
      </c>
      <c r="P39569" t="s">
        <v>86</v>
      </c>
      <c r="Q39569">
        <v>14</v>
      </c>
      <c r="R39569">
        <v>14</v>
      </c>
      <c r="S39569">
        <v>14</v>
      </c>
      <c r="T39569">
        <v>14</v>
      </c>
      <c r="U39569">
        <v>15</v>
      </c>
      <c r="V39569">
        <v>15</v>
      </c>
      <c r="W39569">
        <v>15</v>
      </c>
      <c r="X39569">
        <v>15</v>
      </c>
      <c r="Y39569">
        <v>15</v>
      </c>
      <c r="Z39569">
        <v>16</v>
      </c>
      <c r="AA39569">
        <v>16</v>
      </c>
      <c r="AB39569">
        <v>16</v>
      </c>
      <c r="AC39569">
        <v>16</v>
      </c>
      <c r="AD39569">
        <v>16</v>
      </c>
      <c r="AE39569">
        <v>17</v>
      </c>
      <c r="AF39569">
        <v>17</v>
      </c>
      <c r="AG39569">
        <v>17</v>
      </c>
      <c r="AH39569">
        <v>17</v>
      </c>
      <c r="AI39569">
        <v>17</v>
      </c>
      <c r="AJ39569">
        <v>18</v>
      </c>
      <c r="AK39569">
        <v>18</v>
      </c>
      <c r="AL39569">
        <v>18</v>
      </c>
      <c r="AM39569">
        <v>18</v>
      </c>
      <c r="AN39569">
        <v>18</v>
      </c>
      <c r="AO39569">
        <v>18</v>
      </c>
      <c r="AP39569">
        <v>18</v>
      </c>
      <c r="AQ39569">
        <v>18</v>
      </c>
    </row>
    <row r="39570" spans="1:43">
      <c r="A39570" t="s">
        <v>24545</v>
      </c>
      <c r="B39570" t="s">
        <v>24546</v>
      </c>
      <c r="C39570" t="s">
        <v>24547</v>
      </c>
      <c r="D39570" t="s">
        <v>24548</v>
      </c>
      <c r="E39570" t="s">
        <v>24517</v>
      </c>
      <c r="F39570" t="s">
        <v>24518</v>
      </c>
      <c r="G39570" t="s">
        <v>11612</v>
      </c>
      <c r="H39570" t="s">
        <v>11613</v>
      </c>
      <c r="I39570" s="2">
        <v>0</v>
      </c>
      <c r="J39570" s="2">
        <v>0</v>
      </c>
      <c r="K39570" s="2">
        <v>0.97</v>
      </c>
      <c r="L39570" t="s">
        <v>995</v>
      </c>
      <c r="M39570" t="s">
        <v>83</v>
      </c>
      <c r="N39570" t="s">
        <v>84</v>
      </c>
      <c r="O39570" t="s">
        <v>85</v>
      </c>
      <c r="P39570" t="s">
        <v>86</v>
      </c>
      <c r="Q39570">
        <v>172</v>
      </c>
      <c r="R39570">
        <v>175</v>
      </c>
      <c r="S39570">
        <v>177</v>
      </c>
      <c r="T39570">
        <v>180</v>
      </c>
      <c r="U39570">
        <v>183</v>
      </c>
      <c r="V39570">
        <v>185</v>
      </c>
      <c r="W39570">
        <v>188</v>
      </c>
      <c r="X39570">
        <v>191</v>
      </c>
      <c r="Y39570">
        <v>194</v>
      </c>
      <c r="Z39570">
        <v>197</v>
      </c>
      <c r="AA39570">
        <v>199</v>
      </c>
      <c r="AB39570">
        <v>202</v>
      </c>
      <c r="AC39570">
        <v>205</v>
      </c>
      <c r="AD39570">
        <v>207</v>
      </c>
      <c r="AE39570">
        <v>210</v>
      </c>
      <c r="AF39570">
        <v>213</v>
      </c>
      <c r="AG39570">
        <v>215</v>
      </c>
      <c r="AH39570">
        <v>218</v>
      </c>
      <c r="AI39570">
        <v>221</v>
      </c>
      <c r="AJ39570">
        <v>223</v>
      </c>
      <c r="AK39570">
        <v>226</v>
      </c>
      <c r="AL39570">
        <v>228</v>
      </c>
      <c r="AM39570">
        <v>229</v>
      </c>
      <c r="AN39570">
        <v>230</v>
      </c>
      <c r="AO39570">
        <v>231</v>
      </c>
      <c r="AP39570">
        <v>233</v>
      </c>
      <c r="AQ39570">
        <v>234</v>
      </c>
    </row>
    <row r="39571" spans="1:43">
      <c r="A39571" t="s">
        <v>24545</v>
      </c>
      <c r="B39571" t="s">
        <v>24546</v>
      </c>
      <c r="C39571" t="s">
        <v>24547</v>
      </c>
      <c r="D39571" t="s">
        <v>24548</v>
      </c>
      <c r="E39571" t="s">
        <v>24517</v>
      </c>
      <c r="F39571" t="s">
        <v>24518</v>
      </c>
      <c r="G39571" t="s">
        <v>11612</v>
      </c>
      <c r="H39571" t="s">
        <v>11613</v>
      </c>
      <c r="I39571" s="2">
        <v>0</v>
      </c>
      <c r="J39571" s="2">
        <v>0</v>
      </c>
      <c r="K39571" s="2">
        <v>0.97</v>
      </c>
      <c r="L39571" t="s">
        <v>995</v>
      </c>
      <c r="M39571" t="s">
        <v>87</v>
      </c>
      <c r="N39571" t="s">
        <v>88</v>
      </c>
      <c r="O39571" t="s">
        <v>85</v>
      </c>
      <c r="P39571" t="s">
        <v>86</v>
      </c>
      <c r="Q39571">
        <v>172</v>
      </c>
      <c r="R39571">
        <v>173</v>
      </c>
      <c r="S39571">
        <v>174</v>
      </c>
      <c r="T39571">
        <v>175</v>
      </c>
      <c r="U39571">
        <v>176</v>
      </c>
      <c r="V39571">
        <v>177</v>
      </c>
      <c r="W39571">
        <v>178</v>
      </c>
      <c r="X39571">
        <v>179</v>
      </c>
      <c r="Y39571">
        <v>180</v>
      </c>
      <c r="Z39571">
        <v>181</v>
      </c>
      <c r="AA39571">
        <v>182</v>
      </c>
      <c r="AB39571">
        <v>184</v>
      </c>
      <c r="AC39571">
        <v>185</v>
      </c>
      <c r="AD39571">
        <v>186</v>
      </c>
      <c r="AE39571">
        <v>187</v>
      </c>
      <c r="AF39571">
        <v>188</v>
      </c>
      <c r="AG39571">
        <v>190</v>
      </c>
      <c r="AH39571">
        <v>191</v>
      </c>
      <c r="AI39571">
        <v>192</v>
      </c>
      <c r="AJ39571">
        <v>193</v>
      </c>
      <c r="AK39571">
        <v>195</v>
      </c>
      <c r="AL39571">
        <v>196</v>
      </c>
      <c r="AM39571">
        <v>197</v>
      </c>
      <c r="AN39571">
        <v>199</v>
      </c>
      <c r="AO39571">
        <v>200</v>
      </c>
      <c r="AP39571">
        <v>202</v>
      </c>
      <c r="AQ39571">
        <v>203</v>
      </c>
    </row>
    <row r="39572" spans="1:43">
      <c r="A39572" t="s">
        <v>24545</v>
      </c>
      <c r="B39572" t="s">
        <v>24546</v>
      </c>
      <c r="C39572" t="s">
        <v>24547</v>
      </c>
      <c r="D39572" t="s">
        <v>24548</v>
      </c>
      <c r="E39572" t="s">
        <v>24517</v>
      </c>
      <c r="F39572" t="s">
        <v>24518</v>
      </c>
      <c r="G39572" t="s">
        <v>11612</v>
      </c>
      <c r="H39572" t="s">
        <v>11613</v>
      </c>
      <c r="I39572" s="2">
        <v>0</v>
      </c>
      <c r="J39572" s="2">
        <v>0</v>
      </c>
      <c r="K39572" s="2">
        <v>0.97</v>
      </c>
      <c r="L39572" t="s">
        <v>995</v>
      </c>
      <c r="M39572" t="s">
        <v>89</v>
      </c>
      <c r="N39572" t="s">
        <v>90</v>
      </c>
      <c r="O39572" t="s">
        <v>85</v>
      </c>
      <c r="P39572" t="s">
        <v>86</v>
      </c>
      <c r="Q39572">
        <v>172</v>
      </c>
      <c r="R39572">
        <v>176</v>
      </c>
      <c r="S39572">
        <v>180</v>
      </c>
      <c r="T39572">
        <v>184</v>
      </c>
      <c r="U39572">
        <v>188</v>
      </c>
      <c r="V39572">
        <v>192</v>
      </c>
      <c r="W39572">
        <v>196</v>
      </c>
      <c r="X39572">
        <v>200</v>
      </c>
      <c r="Y39572">
        <v>203</v>
      </c>
      <c r="Z39572">
        <v>207</v>
      </c>
      <c r="AA39572">
        <v>210</v>
      </c>
      <c r="AB39572">
        <v>213</v>
      </c>
      <c r="AC39572">
        <v>217</v>
      </c>
      <c r="AD39572">
        <v>220</v>
      </c>
      <c r="AE39572">
        <v>223</v>
      </c>
      <c r="AF39572">
        <v>224</v>
      </c>
      <c r="AG39572">
        <v>225</v>
      </c>
      <c r="AH39572">
        <v>226</v>
      </c>
      <c r="AI39572">
        <v>227</v>
      </c>
      <c r="AJ39572">
        <v>228</v>
      </c>
      <c r="AK39572">
        <v>229</v>
      </c>
      <c r="AL39572">
        <v>230</v>
      </c>
      <c r="AM39572">
        <v>232</v>
      </c>
      <c r="AN39572">
        <v>233</v>
      </c>
      <c r="AO39572">
        <v>234</v>
      </c>
      <c r="AP39572">
        <v>235</v>
      </c>
      <c r="AQ39572">
        <v>236</v>
      </c>
    </row>
    <row r="39573" spans="1:43">
      <c r="A39573" t="s">
        <v>24545</v>
      </c>
      <c r="B39573" t="s">
        <v>24546</v>
      </c>
      <c r="C39573" t="s">
        <v>24547</v>
      </c>
      <c r="D39573" t="s">
        <v>24548</v>
      </c>
      <c r="E39573" t="s">
        <v>24517</v>
      </c>
      <c r="F39573" t="s">
        <v>24518</v>
      </c>
      <c r="G39573" t="s">
        <v>11612</v>
      </c>
      <c r="H39573" t="s">
        <v>11613</v>
      </c>
      <c r="I39573" s="2">
        <v>0</v>
      </c>
      <c r="J39573" s="2">
        <v>0</v>
      </c>
      <c r="K39573" s="2">
        <v>0.97</v>
      </c>
      <c r="L39573" t="s">
        <v>995</v>
      </c>
      <c r="M39573" t="s">
        <v>83</v>
      </c>
      <c r="N39573" t="s">
        <v>91</v>
      </c>
      <c r="O39573" t="s">
        <v>85</v>
      </c>
      <c r="P39573" t="s">
        <v>86</v>
      </c>
      <c r="Q39573">
        <v>172</v>
      </c>
      <c r="R39573">
        <v>175</v>
      </c>
      <c r="S39573">
        <v>177</v>
      </c>
      <c r="T39573">
        <v>180</v>
      </c>
      <c r="U39573">
        <v>183</v>
      </c>
      <c r="V39573">
        <v>185</v>
      </c>
      <c r="W39573">
        <v>188</v>
      </c>
      <c r="X39573">
        <v>191</v>
      </c>
      <c r="Y39573">
        <v>194</v>
      </c>
      <c r="Z39573">
        <v>197</v>
      </c>
      <c r="AA39573">
        <v>199</v>
      </c>
      <c r="AB39573">
        <v>202</v>
      </c>
      <c r="AC39573">
        <v>205</v>
      </c>
      <c r="AD39573">
        <v>207</v>
      </c>
      <c r="AE39573">
        <v>210</v>
      </c>
      <c r="AF39573">
        <v>213</v>
      </c>
      <c r="AG39573">
        <v>215</v>
      </c>
      <c r="AH39573">
        <v>218</v>
      </c>
      <c r="AI39573">
        <v>221</v>
      </c>
      <c r="AJ39573">
        <v>223</v>
      </c>
      <c r="AK39573">
        <v>226</v>
      </c>
      <c r="AL39573">
        <v>228</v>
      </c>
      <c r="AM39573">
        <v>229</v>
      </c>
      <c r="AN39573">
        <v>230</v>
      </c>
      <c r="AO39573">
        <v>231</v>
      </c>
      <c r="AP39573">
        <v>233</v>
      </c>
      <c r="AQ39573">
        <v>234</v>
      </c>
    </row>
    <row r="39574" spans="1:43">
      <c r="A39574" t="s">
        <v>24549</v>
      </c>
      <c r="B39574" t="s">
        <v>24550</v>
      </c>
      <c r="C39574" t="s">
        <v>24547</v>
      </c>
      <c r="D39574" t="s">
        <v>24548</v>
      </c>
      <c r="E39574" t="s">
        <v>24517</v>
      </c>
      <c r="F39574" t="s">
        <v>24518</v>
      </c>
      <c r="G39574" t="s">
        <v>11612</v>
      </c>
      <c r="H39574" t="s">
        <v>11613</v>
      </c>
      <c r="I39574" s="2">
        <v>0</v>
      </c>
      <c r="J39574" s="2">
        <v>0</v>
      </c>
      <c r="K39574" s="2">
        <v>1</v>
      </c>
      <c r="L39574" t="s">
        <v>995</v>
      </c>
      <c r="M39574" t="s">
        <v>83</v>
      </c>
      <c r="N39574" t="s">
        <v>84</v>
      </c>
      <c r="O39574" t="s">
        <v>85</v>
      </c>
      <c r="P39574" t="s">
        <v>86</v>
      </c>
      <c r="Q39574">
        <v>109</v>
      </c>
      <c r="R39574">
        <v>110</v>
      </c>
      <c r="S39574">
        <v>112</v>
      </c>
      <c r="T39574">
        <v>113</v>
      </c>
      <c r="U39574">
        <v>115</v>
      </c>
      <c r="V39574">
        <v>116</v>
      </c>
      <c r="W39574">
        <v>118</v>
      </c>
      <c r="X39574">
        <v>119</v>
      </c>
      <c r="Y39574">
        <v>121</v>
      </c>
      <c r="Z39574">
        <v>122</v>
      </c>
      <c r="AA39574">
        <v>124</v>
      </c>
      <c r="AB39574">
        <v>125</v>
      </c>
      <c r="AC39574">
        <v>127</v>
      </c>
      <c r="AD39574">
        <v>128</v>
      </c>
      <c r="AE39574">
        <v>129</v>
      </c>
      <c r="AF39574">
        <v>131</v>
      </c>
      <c r="AG39574">
        <v>132</v>
      </c>
      <c r="AH39574">
        <v>134</v>
      </c>
      <c r="AI39574">
        <v>135</v>
      </c>
      <c r="AJ39574">
        <v>136</v>
      </c>
      <c r="AK39574">
        <v>138</v>
      </c>
      <c r="AL39574">
        <v>139</v>
      </c>
      <c r="AM39574">
        <v>139</v>
      </c>
      <c r="AN39574">
        <v>139</v>
      </c>
      <c r="AO39574">
        <v>140</v>
      </c>
      <c r="AP39574">
        <v>140</v>
      </c>
      <c r="AQ39574">
        <v>140</v>
      </c>
    </row>
    <row r="39575" spans="1:43">
      <c r="A39575" t="s">
        <v>24549</v>
      </c>
      <c r="B39575" t="s">
        <v>24550</v>
      </c>
      <c r="C39575" t="s">
        <v>24547</v>
      </c>
      <c r="D39575" t="s">
        <v>24548</v>
      </c>
      <c r="E39575" t="s">
        <v>24517</v>
      </c>
      <c r="F39575" t="s">
        <v>24518</v>
      </c>
      <c r="G39575" t="s">
        <v>11612</v>
      </c>
      <c r="H39575" t="s">
        <v>11613</v>
      </c>
      <c r="I39575" s="2">
        <v>0</v>
      </c>
      <c r="J39575" s="2">
        <v>0</v>
      </c>
      <c r="K39575" s="2">
        <v>1</v>
      </c>
      <c r="L39575" t="s">
        <v>995</v>
      </c>
      <c r="M39575" t="s">
        <v>87</v>
      </c>
      <c r="N39575" t="s">
        <v>88</v>
      </c>
      <c r="O39575" t="s">
        <v>85</v>
      </c>
      <c r="P39575" t="s">
        <v>86</v>
      </c>
      <c r="Q39575">
        <v>109</v>
      </c>
      <c r="R39575">
        <v>109</v>
      </c>
      <c r="S39575">
        <v>110</v>
      </c>
      <c r="T39575">
        <v>110</v>
      </c>
      <c r="U39575">
        <v>111</v>
      </c>
      <c r="V39575">
        <v>111</v>
      </c>
      <c r="W39575">
        <v>112</v>
      </c>
      <c r="X39575">
        <v>112</v>
      </c>
      <c r="Y39575">
        <v>113</v>
      </c>
      <c r="Z39575">
        <v>113</v>
      </c>
      <c r="AA39575">
        <v>114</v>
      </c>
      <c r="AB39575">
        <v>114</v>
      </c>
      <c r="AC39575">
        <v>115</v>
      </c>
      <c r="AD39575">
        <v>115</v>
      </c>
      <c r="AE39575">
        <v>116</v>
      </c>
      <c r="AF39575">
        <v>116</v>
      </c>
      <c r="AG39575">
        <v>117</v>
      </c>
      <c r="AH39575">
        <v>117</v>
      </c>
      <c r="AI39575">
        <v>118</v>
      </c>
      <c r="AJ39575">
        <v>119</v>
      </c>
      <c r="AK39575">
        <v>119</v>
      </c>
      <c r="AL39575">
        <v>120</v>
      </c>
      <c r="AM39575">
        <v>120</v>
      </c>
      <c r="AN39575">
        <v>121</v>
      </c>
      <c r="AO39575">
        <v>122</v>
      </c>
      <c r="AP39575">
        <v>122</v>
      </c>
      <c r="AQ39575">
        <v>123</v>
      </c>
    </row>
    <row r="39576" spans="1:43">
      <c r="A39576" t="s">
        <v>24549</v>
      </c>
      <c r="B39576" t="s">
        <v>24550</v>
      </c>
      <c r="C39576" t="s">
        <v>24547</v>
      </c>
      <c r="D39576" t="s">
        <v>24548</v>
      </c>
      <c r="E39576" t="s">
        <v>24517</v>
      </c>
      <c r="F39576" t="s">
        <v>24518</v>
      </c>
      <c r="G39576" t="s">
        <v>11612</v>
      </c>
      <c r="H39576" t="s">
        <v>11613</v>
      </c>
      <c r="I39576" s="2">
        <v>0</v>
      </c>
      <c r="J39576" s="2">
        <v>0</v>
      </c>
      <c r="K39576" s="2">
        <v>1</v>
      </c>
      <c r="L39576" t="s">
        <v>995</v>
      </c>
      <c r="M39576" t="s">
        <v>89</v>
      </c>
      <c r="N39576" t="s">
        <v>90</v>
      </c>
      <c r="O39576" t="s">
        <v>85</v>
      </c>
      <c r="P39576" t="s">
        <v>86</v>
      </c>
      <c r="Q39576">
        <v>109</v>
      </c>
      <c r="R39576">
        <v>111</v>
      </c>
      <c r="S39576">
        <v>114</v>
      </c>
      <c r="T39576">
        <v>116</v>
      </c>
      <c r="U39576">
        <v>118</v>
      </c>
      <c r="V39576">
        <v>121</v>
      </c>
      <c r="W39576">
        <v>123</v>
      </c>
      <c r="X39576">
        <v>125</v>
      </c>
      <c r="Y39576">
        <v>127</v>
      </c>
      <c r="Z39576">
        <v>129</v>
      </c>
      <c r="AA39576">
        <v>131</v>
      </c>
      <c r="AB39576">
        <v>132</v>
      </c>
      <c r="AC39576">
        <v>134</v>
      </c>
      <c r="AD39576">
        <v>136</v>
      </c>
      <c r="AE39576">
        <v>137</v>
      </c>
      <c r="AF39576">
        <v>138</v>
      </c>
      <c r="AG39576">
        <v>138</v>
      </c>
      <c r="AH39576">
        <v>138</v>
      </c>
      <c r="AI39576">
        <v>139</v>
      </c>
      <c r="AJ39576">
        <v>139</v>
      </c>
      <c r="AK39576">
        <v>139</v>
      </c>
      <c r="AL39576">
        <v>139</v>
      </c>
      <c r="AM39576">
        <v>140</v>
      </c>
      <c r="AN39576">
        <v>140</v>
      </c>
      <c r="AO39576">
        <v>140</v>
      </c>
      <c r="AP39576">
        <v>141</v>
      </c>
      <c r="AQ39576">
        <v>141</v>
      </c>
    </row>
    <row r="39577" spans="1:43">
      <c r="A39577" t="s">
        <v>24549</v>
      </c>
      <c r="B39577" t="s">
        <v>24550</v>
      </c>
      <c r="C39577" t="s">
        <v>24547</v>
      </c>
      <c r="D39577" t="s">
        <v>24548</v>
      </c>
      <c r="E39577" t="s">
        <v>24517</v>
      </c>
      <c r="F39577" t="s">
        <v>24518</v>
      </c>
      <c r="G39577" t="s">
        <v>11612</v>
      </c>
      <c r="H39577" t="s">
        <v>11613</v>
      </c>
      <c r="I39577" s="2">
        <v>0</v>
      </c>
      <c r="J39577" s="2">
        <v>0</v>
      </c>
      <c r="K39577" s="2">
        <v>1</v>
      </c>
      <c r="L39577" t="s">
        <v>995</v>
      </c>
      <c r="M39577" t="s">
        <v>83</v>
      </c>
      <c r="N39577" t="s">
        <v>91</v>
      </c>
      <c r="O39577" t="s">
        <v>85</v>
      </c>
      <c r="P39577" t="s">
        <v>86</v>
      </c>
      <c r="Q39577">
        <v>109</v>
      </c>
      <c r="R39577">
        <v>110</v>
      </c>
      <c r="S39577">
        <v>112</v>
      </c>
      <c r="T39577">
        <v>113</v>
      </c>
      <c r="U39577">
        <v>115</v>
      </c>
      <c r="V39577">
        <v>116</v>
      </c>
      <c r="W39577">
        <v>118</v>
      </c>
      <c r="X39577">
        <v>119</v>
      </c>
      <c r="Y39577">
        <v>121</v>
      </c>
      <c r="Z39577">
        <v>122</v>
      </c>
      <c r="AA39577">
        <v>124</v>
      </c>
      <c r="AB39577">
        <v>125</v>
      </c>
      <c r="AC39577">
        <v>127</v>
      </c>
      <c r="AD39577">
        <v>128</v>
      </c>
      <c r="AE39577">
        <v>129</v>
      </c>
      <c r="AF39577">
        <v>131</v>
      </c>
      <c r="AG39577">
        <v>132</v>
      </c>
      <c r="AH39577">
        <v>134</v>
      </c>
      <c r="AI39577">
        <v>135</v>
      </c>
      <c r="AJ39577">
        <v>136</v>
      </c>
      <c r="AK39577">
        <v>138</v>
      </c>
      <c r="AL39577">
        <v>139</v>
      </c>
      <c r="AM39577">
        <v>139</v>
      </c>
      <c r="AN39577">
        <v>139</v>
      </c>
      <c r="AO39577">
        <v>140</v>
      </c>
      <c r="AP39577">
        <v>140</v>
      </c>
      <c r="AQ39577">
        <v>140</v>
      </c>
    </row>
    <row r="39578" spans="1:43">
      <c r="A39578" t="s">
        <v>24551</v>
      </c>
      <c r="B39578" t="s">
        <v>24552</v>
      </c>
      <c r="C39578" t="s">
        <v>24553</v>
      </c>
      <c r="D39578" t="s">
        <v>24554</v>
      </c>
      <c r="E39578" t="s">
        <v>24517</v>
      </c>
      <c r="F39578" t="s">
        <v>24518</v>
      </c>
      <c r="G39578" t="s">
        <v>11612</v>
      </c>
      <c r="H39578" t="s">
        <v>11613</v>
      </c>
      <c r="I39578" s="2">
        <v>0</v>
      </c>
      <c r="J39578" s="2">
        <v>0</v>
      </c>
      <c r="K39578" s="2">
        <v>1</v>
      </c>
      <c r="L39578" t="s">
        <v>995</v>
      </c>
      <c r="M39578" t="s">
        <v>83</v>
      </c>
      <c r="N39578" t="s">
        <v>84</v>
      </c>
      <c r="O39578" t="s">
        <v>85</v>
      </c>
      <c r="P39578" t="s">
        <v>86</v>
      </c>
      <c r="Q39578">
        <v>61</v>
      </c>
      <c r="R39578">
        <v>62</v>
      </c>
      <c r="S39578">
        <v>63</v>
      </c>
      <c r="T39578">
        <v>64</v>
      </c>
      <c r="U39578">
        <v>64</v>
      </c>
      <c r="V39578">
        <v>65</v>
      </c>
      <c r="W39578">
        <v>66</v>
      </c>
      <c r="X39578">
        <v>67</v>
      </c>
      <c r="Y39578">
        <v>68</v>
      </c>
      <c r="Z39578">
        <v>69</v>
      </c>
      <c r="AA39578">
        <v>70</v>
      </c>
      <c r="AB39578">
        <v>71</v>
      </c>
      <c r="AC39578">
        <v>72</v>
      </c>
      <c r="AD39578">
        <v>73</v>
      </c>
      <c r="AE39578">
        <v>74</v>
      </c>
      <c r="AF39578">
        <v>75</v>
      </c>
      <c r="AG39578">
        <v>76</v>
      </c>
      <c r="AH39578">
        <v>77</v>
      </c>
      <c r="AI39578">
        <v>77</v>
      </c>
      <c r="AJ39578">
        <v>78</v>
      </c>
      <c r="AK39578">
        <v>79</v>
      </c>
      <c r="AL39578">
        <v>80</v>
      </c>
      <c r="AM39578">
        <v>80</v>
      </c>
      <c r="AN39578">
        <v>80</v>
      </c>
      <c r="AO39578">
        <v>81</v>
      </c>
      <c r="AP39578">
        <v>81</v>
      </c>
      <c r="AQ39578">
        <v>82</v>
      </c>
    </row>
    <row r="39579" spans="1:43">
      <c r="A39579" t="s">
        <v>24551</v>
      </c>
      <c r="B39579" t="s">
        <v>24552</v>
      </c>
      <c r="C39579" t="s">
        <v>24553</v>
      </c>
      <c r="D39579" t="s">
        <v>24554</v>
      </c>
      <c r="E39579" t="s">
        <v>24517</v>
      </c>
      <c r="F39579" t="s">
        <v>24518</v>
      </c>
      <c r="G39579" t="s">
        <v>11612</v>
      </c>
      <c r="H39579" t="s">
        <v>11613</v>
      </c>
      <c r="I39579" s="2">
        <v>0</v>
      </c>
      <c r="J39579" s="2">
        <v>0</v>
      </c>
      <c r="K39579" s="2">
        <v>1</v>
      </c>
      <c r="L39579" t="s">
        <v>995</v>
      </c>
      <c r="M39579" t="s">
        <v>87</v>
      </c>
      <c r="N39579" t="s">
        <v>88</v>
      </c>
      <c r="O39579" t="s">
        <v>85</v>
      </c>
      <c r="P39579" t="s">
        <v>86</v>
      </c>
      <c r="Q39579">
        <v>61</v>
      </c>
      <c r="R39579">
        <v>61</v>
      </c>
      <c r="S39579">
        <v>62</v>
      </c>
      <c r="T39579">
        <v>62</v>
      </c>
      <c r="U39579">
        <v>63</v>
      </c>
      <c r="V39579">
        <v>63</v>
      </c>
      <c r="W39579">
        <v>63</v>
      </c>
      <c r="X39579">
        <v>64</v>
      </c>
      <c r="Y39579">
        <v>64</v>
      </c>
      <c r="Z39579">
        <v>65</v>
      </c>
      <c r="AA39579">
        <v>65</v>
      </c>
      <c r="AB39579">
        <v>65</v>
      </c>
      <c r="AC39579">
        <v>66</v>
      </c>
      <c r="AD39579">
        <v>66</v>
      </c>
      <c r="AE39579">
        <v>67</v>
      </c>
      <c r="AF39579">
        <v>67</v>
      </c>
      <c r="AG39579">
        <v>68</v>
      </c>
      <c r="AH39579">
        <v>68</v>
      </c>
      <c r="AI39579">
        <v>69</v>
      </c>
      <c r="AJ39579">
        <v>69</v>
      </c>
      <c r="AK39579">
        <v>70</v>
      </c>
      <c r="AL39579">
        <v>70</v>
      </c>
      <c r="AM39579">
        <v>71</v>
      </c>
      <c r="AN39579">
        <v>71</v>
      </c>
      <c r="AO39579">
        <v>72</v>
      </c>
      <c r="AP39579">
        <v>72</v>
      </c>
      <c r="AQ39579">
        <v>73</v>
      </c>
    </row>
    <row r="39580" spans="1:43">
      <c r="A39580" t="s">
        <v>24551</v>
      </c>
      <c r="B39580" t="s">
        <v>24552</v>
      </c>
      <c r="C39580" t="s">
        <v>24553</v>
      </c>
      <c r="D39580" t="s">
        <v>24554</v>
      </c>
      <c r="E39580" t="s">
        <v>24517</v>
      </c>
      <c r="F39580" t="s">
        <v>24518</v>
      </c>
      <c r="G39580" t="s">
        <v>11612</v>
      </c>
      <c r="H39580" t="s">
        <v>11613</v>
      </c>
      <c r="I39580" s="2">
        <v>0</v>
      </c>
      <c r="J39580" s="2">
        <v>0</v>
      </c>
      <c r="K39580" s="2">
        <v>1</v>
      </c>
      <c r="L39580" t="s">
        <v>995</v>
      </c>
      <c r="M39580" t="s">
        <v>89</v>
      </c>
      <c r="N39580" t="s">
        <v>90</v>
      </c>
      <c r="O39580" t="s">
        <v>85</v>
      </c>
      <c r="P39580" t="s">
        <v>86</v>
      </c>
      <c r="Q39580">
        <v>61</v>
      </c>
      <c r="R39580">
        <v>63</v>
      </c>
      <c r="S39580">
        <v>64</v>
      </c>
      <c r="T39580">
        <v>66</v>
      </c>
      <c r="U39580">
        <v>67</v>
      </c>
      <c r="V39580">
        <v>68</v>
      </c>
      <c r="W39580">
        <v>70</v>
      </c>
      <c r="X39580">
        <v>71</v>
      </c>
      <c r="Y39580">
        <v>72</v>
      </c>
      <c r="Z39580">
        <v>73</v>
      </c>
      <c r="AA39580">
        <v>74</v>
      </c>
      <c r="AB39580">
        <v>76</v>
      </c>
      <c r="AC39580">
        <v>77</v>
      </c>
      <c r="AD39580">
        <v>78</v>
      </c>
      <c r="AE39580">
        <v>79</v>
      </c>
      <c r="AF39580">
        <v>79</v>
      </c>
      <c r="AG39580">
        <v>79</v>
      </c>
      <c r="AH39580">
        <v>79</v>
      </c>
      <c r="AI39580">
        <v>80</v>
      </c>
      <c r="AJ39580">
        <v>80</v>
      </c>
      <c r="AK39580">
        <v>80</v>
      </c>
      <c r="AL39580">
        <v>81</v>
      </c>
      <c r="AM39580">
        <v>81</v>
      </c>
      <c r="AN39580">
        <v>81</v>
      </c>
      <c r="AO39580">
        <v>82</v>
      </c>
      <c r="AP39580">
        <v>82</v>
      </c>
      <c r="AQ39580">
        <v>82</v>
      </c>
    </row>
    <row r="39581" spans="1:43">
      <c r="A39581" t="s">
        <v>24551</v>
      </c>
      <c r="B39581" t="s">
        <v>24552</v>
      </c>
      <c r="C39581" t="s">
        <v>24553</v>
      </c>
      <c r="D39581" t="s">
        <v>24554</v>
      </c>
      <c r="E39581" t="s">
        <v>24517</v>
      </c>
      <c r="F39581" t="s">
        <v>24518</v>
      </c>
      <c r="G39581" t="s">
        <v>11612</v>
      </c>
      <c r="H39581" t="s">
        <v>11613</v>
      </c>
      <c r="I39581" s="2">
        <v>0</v>
      </c>
      <c r="J39581" s="2">
        <v>0</v>
      </c>
      <c r="K39581" s="2">
        <v>1</v>
      </c>
      <c r="L39581" t="s">
        <v>995</v>
      </c>
      <c r="M39581" t="s">
        <v>83</v>
      </c>
      <c r="N39581" t="s">
        <v>91</v>
      </c>
      <c r="O39581" t="s">
        <v>85</v>
      </c>
      <c r="P39581" t="s">
        <v>86</v>
      </c>
      <c r="Q39581">
        <v>61</v>
      </c>
      <c r="R39581">
        <v>62</v>
      </c>
      <c r="S39581">
        <v>63</v>
      </c>
      <c r="T39581">
        <v>64</v>
      </c>
      <c r="U39581">
        <v>64</v>
      </c>
      <c r="V39581">
        <v>65</v>
      </c>
      <c r="W39581">
        <v>66</v>
      </c>
      <c r="X39581">
        <v>67</v>
      </c>
      <c r="Y39581">
        <v>68</v>
      </c>
      <c r="Z39581">
        <v>69</v>
      </c>
      <c r="AA39581">
        <v>70</v>
      </c>
      <c r="AB39581">
        <v>71</v>
      </c>
      <c r="AC39581">
        <v>72</v>
      </c>
      <c r="AD39581">
        <v>73</v>
      </c>
      <c r="AE39581">
        <v>74</v>
      </c>
      <c r="AF39581">
        <v>75</v>
      </c>
      <c r="AG39581">
        <v>76</v>
      </c>
      <c r="AH39581">
        <v>77</v>
      </c>
      <c r="AI39581">
        <v>77</v>
      </c>
      <c r="AJ39581">
        <v>78</v>
      </c>
      <c r="AK39581">
        <v>79</v>
      </c>
      <c r="AL39581">
        <v>80</v>
      </c>
      <c r="AM39581">
        <v>80</v>
      </c>
      <c r="AN39581">
        <v>80</v>
      </c>
      <c r="AO39581">
        <v>81</v>
      </c>
      <c r="AP39581">
        <v>81</v>
      </c>
      <c r="AQ39581">
        <v>82</v>
      </c>
    </row>
    <row r="39582" spans="1:43">
      <c r="A39582" t="s">
        <v>24555</v>
      </c>
      <c r="B39582" t="s">
        <v>24556</v>
      </c>
      <c r="C39582" t="s">
        <v>24557</v>
      </c>
      <c r="D39582" t="s">
        <v>24558</v>
      </c>
      <c r="E39582" t="s">
        <v>24517</v>
      </c>
      <c r="F39582" t="s">
        <v>24518</v>
      </c>
      <c r="G39582" t="s">
        <v>11612</v>
      </c>
      <c r="H39582" t="s">
        <v>11613</v>
      </c>
      <c r="I39582" s="2">
        <v>0</v>
      </c>
      <c r="J39582" s="2">
        <v>0</v>
      </c>
      <c r="K39582" s="2">
        <v>1</v>
      </c>
      <c r="L39582" t="s">
        <v>995</v>
      </c>
      <c r="M39582" t="s">
        <v>83</v>
      </c>
      <c r="N39582" t="s">
        <v>84</v>
      </c>
      <c r="O39582" t="s">
        <v>85</v>
      </c>
      <c r="P39582" t="s">
        <v>86</v>
      </c>
      <c r="Q39582">
        <v>117</v>
      </c>
      <c r="R39582">
        <v>119</v>
      </c>
      <c r="S39582">
        <v>121</v>
      </c>
      <c r="T39582">
        <v>123</v>
      </c>
      <c r="U39582">
        <v>125</v>
      </c>
      <c r="V39582">
        <v>127</v>
      </c>
      <c r="W39582">
        <v>129</v>
      </c>
      <c r="X39582">
        <v>131</v>
      </c>
      <c r="Y39582">
        <v>133</v>
      </c>
      <c r="Z39582">
        <v>135</v>
      </c>
      <c r="AA39582">
        <v>137</v>
      </c>
      <c r="AB39582">
        <v>139</v>
      </c>
      <c r="AC39582">
        <v>141</v>
      </c>
      <c r="AD39582">
        <v>143</v>
      </c>
      <c r="AE39582">
        <v>144</v>
      </c>
      <c r="AF39582">
        <v>146</v>
      </c>
      <c r="AG39582">
        <v>148</v>
      </c>
      <c r="AH39582">
        <v>150</v>
      </c>
      <c r="AI39582">
        <v>152</v>
      </c>
      <c r="AJ39582">
        <v>153</v>
      </c>
      <c r="AK39582">
        <v>155</v>
      </c>
      <c r="AL39582">
        <v>156</v>
      </c>
      <c r="AM39582">
        <v>157</v>
      </c>
      <c r="AN39582">
        <v>158</v>
      </c>
      <c r="AO39582">
        <v>159</v>
      </c>
      <c r="AP39582">
        <v>160</v>
      </c>
      <c r="AQ39582">
        <v>161</v>
      </c>
    </row>
    <row r="39583" spans="1:43">
      <c r="A39583" t="s">
        <v>24555</v>
      </c>
      <c r="B39583" t="s">
        <v>24556</v>
      </c>
      <c r="C39583" t="s">
        <v>24557</v>
      </c>
      <c r="D39583" t="s">
        <v>24558</v>
      </c>
      <c r="E39583" t="s">
        <v>24517</v>
      </c>
      <c r="F39583" t="s">
        <v>24518</v>
      </c>
      <c r="G39583" t="s">
        <v>11612</v>
      </c>
      <c r="H39583" t="s">
        <v>11613</v>
      </c>
      <c r="I39583" s="2">
        <v>0</v>
      </c>
      <c r="J39583" s="2">
        <v>0</v>
      </c>
      <c r="K39583" s="2">
        <v>1</v>
      </c>
      <c r="L39583" t="s">
        <v>995</v>
      </c>
      <c r="M39583" t="s">
        <v>87</v>
      </c>
      <c r="N39583" t="s">
        <v>88</v>
      </c>
      <c r="O39583" t="s">
        <v>85</v>
      </c>
      <c r="P39583" t="s">
        <v>86</v>
      </c>
      <c r="Q39583">
        <v>117</v>
      </c>
      <c r="R39583">
        <v>118</v>
      </c>
      <c r="S39583">
        <v>119</v>
      </c>
      <c r="T39583">
        <v>120</v>
      </c>
      <c r="U39583">
        <v>120</v>
      </c>
      <c r="V39583">
        <v>121</v>
      </c>
      <c r="W39583">
        <v>122</v>
      </c>
      <c r="X39583">
        <v>123</v>
      </c>
      <c r="Y39583">
        <v>124</v>
      </c>
      <c r="Z39583">
        <v>125</v>
      </c>
      <c r="AA39583">
        <v>126</v>
      </c>
      <c r="AB39583">
        <v>127</v>
      </c>
      <c r="AC39583">
        <v>128</v>
      </c>
      <c r="AD39583">
        <v>129</v>
      </c>
      <c r="AE39583">
        <v>130</v>
      </c>
      <c r="AF39583">
        <v>131</v>
      </c>
      <c r="AG39583">
        <v>132</v>
      </c>
      <c r="AH39583">
        <v>133</v>
      </c>
      <c r="AI39583">
        <v>134</v>
      </c>
      <c r="AJ39583">
        <v>135</v>
      </c>
      <c r="AK39583">
        <v>136</v>
      </c>
      <c r="AL39583">
        <v>137</v>
      </c>
      <c r="AM39583">
        <v>138</v>
      </c>
      <c r="AN39583">
        <v>140</v>
      </c>
      <c r="AO39583">
        <v>141</v>
      </c>
      <c r="AP39583">
        <v>142</v>
      </c>
      <c r="AQ39583">
        <v>143</v>
      </c>
    </row>
    <row r="39584" spans="1:43">
      <c r="A39584" t="s">
        <v>24555</v>
      </c>
      <c r="B39584" t="s">
        <v>24556</v>
      </c>
      <c r="C39584" t="s">
        <v>24557</v>
      </c>
      <c r="D39584" t="s">
        <v>24558</v>
      </c>
      <c r="E39584" t="s">
        <v>24517</v>
      </c>
      <c r="F39584" t="s">
        <v>24518</v>
      </c>
      <c r="G39584" t="s">
        <v>11612</v>
      </c>
      <c r="H39584" t="s">
        <v>11613</v>
      </c>
      <c r="I39584" s="2">
        <v>0</v>
      </c>
      <c r="J39584" s="2">
        <v>0</v>
      </c>
      <c r="K39584" s="2">
        <v>1</v>
      </c>
      <c r="L39584" t="s">
        <v>995</v>
      </c>
      <c r="M39584" t="s">
        <v>89</v>
      </c>
      <c r="N39584" t="s">
        <v>90</v>
      </c>
      <c r="O39584" t="s">
        <v>85</v>
      </c>
      <c r="P39584" t="s">
        <v>86</v>
      </c>
      <c r="Q39584">
        <v>117</v>
      </c>
      <c r="R39584">
        <v>120</v>
      </c>
      <c r="S39584">
        <v>123</v>
      </c>
      <c r="T39584">
        <v>126</v>
      </c>
      <c r="U39584">
        <v>129</v>
      </c>
      <c r="V39584">
        <v>132</v>
      </c>
      <c r="W39584">
        <v>135</v>
      </c>
      <c r="X39584">
        <v>137</v>
      </c>
      <c r="Y39584">
        <v>139</v>
      </c>
      <c r="Z39584">
        <v>142</v>
      </c>
      <c r="AA39584">
        <v>144</v>
      </c>
      <c r="AB39584">
        <v>146</v>
      </c>
      <c r="AC39584">
        <v>148</v>
      </c>
      <c r="AD39584">
        <v>151</v>
      </c>
      <c r="AE39584">
        <v>152</v>
      </c>
      <c r="AF39584">
        <v>153</v>
      </c>
      <c r="AG39584">
        <v>154</v>
      </c>
      <c r="AH39584">
        <v>154</v>
      </c>
      <c r="AI39584">
        <v>155</v>
      </c>
      <c r="AJ39584">
        <v>156</v>
      </c>
      <c r="AK39584">
        <v>156</v>
      </c>
      <c r="AL39584">
        <v>157</v>
      </c>
      <c r="AM39584">
        <v>158</v>
      </c>
      <c r="AN39584">
        <v>159</v>
      </c>
      <c r="AO39584">
        <v>160</v>
      </c>
      <c r="AP39584">
        <v>161</v>
      </c>
      <c r="AQ39584">
        <v>161</v>
      </c>
    </row>
    <row r="39585" spans="1:43">
      <c r="A39585" t="s">
        <v>24555</v>
      </c>
      <c r="B39585" t="s">
        <v>24556</v>
      </c>
      <c r="C39585" t="s">
        <v>24557</v>
      </c>
      <c r="D39585" t="s">
        <v>24558</v>
      </c>
      <c r="E39585" t="s">
        <v>24517</v>
      </c>
      <c r="F39585" t="s">
        <v>24518</v>
      </c>
      <c r="G39585" t="s">
        <v>11612</v>
      </c>
      <c r="H39585" t="s">
        <v>11613</v>
      </c>
      <c r="I39585" s="2">
        <v>0</v>
      </c>
      <c r="J39585" s="2">
        <v>0</v>
      </c>
      <c r="K39585" s="2">
        <v>1</v>
      </c>
      <c r="L39585" t="s">
        <v>995</v>
      </c>
      <c r="M39585" t="s">
        <v>83</v>
      </c>
      <c r="N39585" t="s">
        <v>91</v>
      </c>
      <c r="O39585" t="s">
        <v>85</v>
      </c>
      <c r="P39585" t="s">
        <v>86</v>
      </c>
      <c r="Q39585">
        <v>117</v>
      </c>
      <c r="R39585">
        <v>119</v>
      </c>
      <c r="S39585">
        <v>121</v>
      </c>
      <c r="T39585">
        <v>123</v>
      </c>
      <c r="U39585">
        <v>125</v>
      </c>
      <c r="V39585">
        <v>127</v>
      </c>
      <c r="W39585">
        <v>129</v>
      </c>
      <c r="X39585">
        <v>131</v>
      </c>
      <c r="Y39585">
        <v>133</v>
      </c>
      <c r="Z39585">
        <v>135</v>
      </c>
      <c r="AA39585">
        <v>137</v>
      </c>
      <c r="AB39585">
        <v>139</v>
      </c>
      <c r="AC39585">
        <v>141</v>
      </c>
      <c r="AD39585">
        <v>143</v>
      </c>
      <c r="AE39585">
        <v>144</v>
      </c>
      <c r="AF39585">
        <v>146</v>
      </c>
      <c r="AG39585">
        <v>148</v>
      </c>
      <c r="AH39585">
        <v>150</v>
      </c>
      <c r="AI39585">
        <v>152</v>
      </c>
      <c r="AJ39585">
        <v>153</v>
      </c>
      <c r="AK39585">
        <v>155</v>
      </c>
      <c r="AL39585">
        <v>156</v>
      </c>
      <c r="AM39585">
        <v>157</v>
      </c>
      <c r="AN39585">
        <v>158</v>
      </c>
      <c r="AO39585">
        <v>159</v>
      </c>
      <c r="AP39585">
        <v>160</v>
      </c>
      <c r="AQ39585">
        <v>161</v>
      </c>
    </row>
    <row r="39586" spans="1:43">
      <c r="A39586" t="s">
        <v>24559</v>
      </c>
      <c r="B39586" t="s">
        <v>24560</v>
      </c>
      <c r="C39586" t="s">
        <v>24561</v>
      </c>
      <c r="D39586" t="s">
        <v>24562</v>
      </c>
      <c r="E39586" t="s">
        <v>24517</v>
      </c>
      <c r="F39586" t="s">
        <v>24518</v>
      </c>
      <c r="G39586" t="s">
        <v>11612</v>
      </c>
      <c r="H39586" t="s">
        <v>11613</v>
      </c>
      <c r="I39586" s="2">
        <v>0</v>
      </c>
      <c r="J39586" s="2">
        <v>0</v>
      </c>
      <c r="K39586" s="2">
        <v>1</v>
      </c>
      <c r="L39586" t="s">
        <v>995</v>
      </c>
      <c r="M39586" t="s">
        <v>83</v>
      </c>
      <c r="N39586" t="s">
        <v>84</v>
      </c>
      <c r="O39586" t="s">
        <v>85</v>
      </c>
      <c r="P39586" t="s">
        <v>86</v>
      </c>
      <c r="Q39586">
        <v>22</v>
      </c>
      <c r="R39586">
        <v>22</v>
      </c>
      <c r="S39586">
        <v>23</v>
      </c>
      <c r="T39586">
        <v>23</v>
      </c>
      <c r="U39586">
        <v>23</v>
      </c>
      <c r="V39586">
        <v>23</v>
      </c>
      <c r="W39586">
        <v>24</v>
      </c>
      <c r="X39586">
        <v>24</v>
      </c>
      <c r="Y39586">
        <v>24</v>
      </c>
      <c r="Z39586">
        <v>25</v>
      </c>
      <c r="AA39586">
        <v>25</v>
      </c>
      <c r="AB39586">
        <v>25</v>
      </c>
      <c r="AC39586">
        <v>26</v>
      </c>
      <c r="AD39586">
        <v>26</v>
      </c>
      <c r="AE39586">
        <v>26</v>
      </c>
      <c r="AF39586">
        <v>26</v>
      </c>
      <c r="AG39586">
        <v>27</v>
      </c>
      <c r="AH39586">
        <v>27</v>
      </c>
      <c r="AI39586">
        <v>27</v>
      </c>
      <c r="AJ39586">
        <v>27</v>
      </c>
      <c r="AK39586">
        <v>28</v>
      </c>
      <c r="AL39586">
        <v>28</v>
      </c>
      <c r="AM39586">
        <v>28</v>
      </c>
      <c r="AN39586">
        <v>28</v>
      </c>
      <c r="AO39586">
        <v>28</v>
      </c>
      <c r="AP39586">
        <v>28</v>
      </c>
      <c r="AQ39586">
        <v>28</v>
      </c>
    </row>
    <row r="39587" spans="1:43">
      <c r="A39587" t="s">
        <v>24559</v>
      </c>
      <c r="B39587" t="s">
        <v>24560</v>
      </c>
      <c r="C39587" t="s">
        <v>24561</v>
      </c>
      <c r="D39587" t="s">
        <v>24562</v>
      </c>
      <c r="E39587" t="s">
        <v>24517</v>
      </c>
      <c r="F39587" t="s">
        <v>24518</v>
      </c>
      <c r="G39587" t="s">
        <v>11612</v>
      </c>
      <c r="H39587" t="s">
        <v>11613</v>
      </c>
      <c r="I39587" s="2">
        <v>0</v>
      </c>
      <c r="J39587" s="2">
        <v>0</v>
      </c>
      <c r="K39587" s="2">
        <v>1</v>
      </c>
      <c r="L39587" t="s">
        <v>995</v>
      </c>
      <c r="M39587" t="s">
        <v>87</v>
      </c>
      <c r="N39587" t="s">
        <v>88</v>
      </c>
      <c r="O39587" t="s">
        <v>85</v>
      </c>
      <c r="P39587" t="s">
        <v>86</v>
      </c>
      <c r="Q39587">
        <v>22</v>
      </c>
      <c r="R39587">
        <v>22</v>
      </c>
      <c r="S39587">
        <v>22</v>
      </c>
      <c r="T39587">
        <v>22</v>
      </c>
      <c r="U39587">
        <v>22</v>
      </c>
      <c r="V39587">
        <v>22</v>
      </c>
      <c r="W39587">
        <v>22</v>
      </c>
      <c r="X39587">
        <v>22</v>
      </c>
      <c r="Y39587">
        <v>23</v>
      </c>
      <c r="Z39587">
        <v>23</v>
      </c>
      <c r="AA39587">
        <v>23</v>
      </c>
      <c r="AB39587">
        <v>23</v>
      </c>
      <c r="AC39587">
        <v>23</v>
      </c>
      <c r="AD39587">
        <v>23</v>
      </c>
      <c r="AE39587">
        <v>23</v>
      </c>
      <c r="AF39587">
        <v>23</v>
      </c>
      <c r="AG39587">
        <v>23</v>
      </c>
      <c r="AH39587">
        <v>23</v>
      </c>
      <c r="AI39587">
        <v>24</v>
      </c>
      <c r="AJ39587">
        <v>24</v>
      </c>
      <c r="AK39587">
        <v>24</v>
      </c>
      <c r="AL39587">
        <v>24</v>
      </c>
      <c r="AM39587">
        <v>24</v>
      </c>
      <c r="AN39587">
        <v>24</v>
      </c>
      <c r="AO39587">
        <v>24</v>
      </c>
      <c r="AP39587">
        <v>24</v>
      </c>
      <c r="AQ39587">
        <v>25</v>
      </c>
    </row>
    <row r="39588" spans="1:43">
      <c r="A39588" t="s">
        <v>24559</v>
      </c>
      <c r="B39588" t="s">
        <v>24560</v>
      </c>
      <c r="C39588" t="s">
        <v>24561</v>
      </c>
      <c r="D39588" t="s">
        <v>24562</v>
      </c>
      <c r="E39588" t="s">
        <v>24517</v>
      </c>
      <c r="F39588" t="s">
        <v>24518</v>
      </c>
      <c r="G39588" t="s">
        <v>11612</v>
      </c>
      <c r="H39588" t="s">
        <v>11613</v>
      </c>
      <c r="I39588" s="2">
        <v>0</v>
      </c>
      <c r="J39588" s="2">
        <v>0</v>
      </c>
      <c r="K39588" s="2">
        <v>1</v>
      </c>
      <c r="L39588" t="s">
        <v>995</v>
      </c>
      <c r="M39588" t="s">
        <v>89</v>
      </c>
      <c r="N39588" t="s">
        <v>90</v>
      </c>
      <c r="O39588" t="s">
        <v>85</v>
      </c>
      <c r="P39588" t="s">
        <v>86</v>
      </c>
      <c r="Q39588">
        <v>22</v>
      </c>
      <c r="R39588">
        <v>23</v>
      </c>
      <c r="S39588">
        <v>23</v>
      </c>
      <c r="T39588">
        <v>24</v>
      </c>
      <c r="U39588">
        <v>24</v>
      </c>
      <c r="V39588">
        <v>25</v>
      </c>
      <c r="W39588">
        <v>25</v>
      </c>
      <c r="X39588">
        <v>25</v>
      </c>
      <c r="Y39588">
        <v>26</v>
      </c>
      <c r="Z39588">
        <v>26</v>
      </c>
      <c r="AA39588">
        <v>27</v>
      </c>
      <c r="AB39588">
        <v>27</v>
      </c>
      <c r="AC39588">
        <v>27</v>
      </c>
      <c r="AD39588">
        <v>28</v>
      </c>
      <c r="AE39588">
        <v>28</v>
      </c>
      <c r="AF39588">
        <v>28</v>
      </c>
      <c r="AG39588">
        <v>28</v>
      </c>
      <c r="AH39588">
        <v>28</v>
      </c>
      <c r="AI39588">
        <v>28</v>
      </c>
      <c r="AJ39588">
        <v>28</v>
      </c>
      <c r="AK39588">
        <v>28</v>
      </c>
      <c r="AL39588">
        <v>28</v>
      </c>
      <c r="AM39588">
        <v>28</v>
      </c>
      <c r="AN39588">
        <v>28</v>
      </c>
      <c r="AO39588">
        <v>28</v>
      </c>
      <c r="AP39588">
        <v>28</v>
      </c>
      <c r="AQ39588">
        <v>28</v>
      </c>
    </row>
    <row r="39589" spans="1:43">
      <c r="A39589" t="s">
        <v>24559</v>
      </c>
      <c r="B39589" t="s">
        <v>24560</v>
      </c>
      <c r="C39589" t="s">
        <v>24561</v>
      </c>
      <c r="D39589" t="s">
        <v>24562</v>
      </c>
      <c r="E39589" t="s">
        <v>24517</v>
      </c>
      <c r="F39589" t="s">
        <v>24518</v>
      </c>
      <c r="G39589" t="s">
        <v>11612</v>
      </c>
      <c r="H39589" t="s">
        <v>11613</v>
      </c>
      <c r="I39589" s="2">
        <v>0</v>
      </c>
      <c r="J39589" s="2">
        <v>0</v>
      </c>
      <c r="K39589" s="2">
        <v>1</v>
      </c>
      <c r="L39589" t="s">
        <v>995</v>
      </c>
      <c r="M39589" t="s">
        <v>83</v>
      </c>
      <c r="N39589" t="s">
        <v>91</v>
      </c>
      <c r="O39589" t="s">
        <v>85</v>
      </c>
      <c r="P39589" t="s">
        <v>86</v>
      </c>
      <c r="Q39589">
        <v>22</v>
      </c>
      <c r="R39589">
        <v>22</v>
      </c>
      <c r="S39589">
        <v>23</v>
      </c>
      <c r="T39589">
        <v>23</v>
      </c>
      <c r="U39589">
        <v>23</v>
      </c>
      <c r="V39589">
        <v>23</v>
      </c>
      <c r="W39589">
        <v>24</v>
      </c>
      <c r="X39589">
        <v>24</v>
      </c>
      <c r="Y39589">
        <v>24</v>
      </c>
      <c r="Z39589">
        <v>25</v>
      </c>
      <c r="AA39589">
        <v>25</v>
      </c>
      <c r="AB39589">
        <v>25</v>
      </c>
      <c r="AC39589">
        <v>26</v>
      </c>
      <c r="AD39589">
        <v>26</v>
      </c>
      <c r="AE39589">
        <v>26</v>
      </c>
      <c r="AF39589">
        <v>26</v>
      </c>
      <c r="AG39589">
        <v>27</v>
      </c>
      <c r="AH39589">
        <v>27</v>
      </c>
      <c r="AI39589">
        <v>27</v>
      </c>
      <c r="AJ39589">
        <v>27</v>
      </c>
      <c r="AK39589">
        <v>28</v>
      </c>
      <c r="AL39589">
        <v>28</v>
      </c>
      <c r="AM39589">
        <v>28</v>
      </c>
      <c r="AN39589">
        <v>28</v>
      </c>
      <c r="AO39589">
        <v>28</v>
      </c>
      <c r="AP39589">
        <v>28</v>
      </c>
      <c r="AQ39589">
        <v>28</v>
      </c>
    </row>
    <row r="39590" spans="1:43">
      <c r="A39590" t="s">
        <v>24563</v>
      </c>
      <c r="B39590" t="s">
        <v>24564</v>
      </c>
      <c r="C39590" t="s">
        <v>24565</v>
      </c>
      <c r="D39590" t="s">
        <v>24566</v>
      </c>
      <c r="E39590" t="s">
        <v>24517</v>
      </c>
      <c r="F39590" t="s">
        <v>24518</v>
      </c>
      <c r="G39590" t="s">
        <v>11612</v>
      </c>
      <c r="H39590" t="s">
        <v>11613</v>
      </c>
      <c r="I39590" s="2">
        <v>0</v>
      </c>
      <c r="J39590" s="2">
        <v>0</v>
      </c>
      <c r="K39590" s="2">
        <v>1</v>
      </c>
      <c r="L39590" t="s">
        <v>995</v>
      </c>
      <c r="M39590" t="s">
        <v>83</v>
      </c>
      <c r="N39590" t="s">
        <v>84</v>
      </c>
      <c r="O39590" t="s">
        <v>85</v>
      </c>
      <c r="P39590" t="s">
        <v>86</v>
      </c>
      <c r="Q39590">
        <v>5</v>
      </c>
      <c r="R39590">
        <v>6</v>
      </c>
      <c r="S39590">
        <v>6</v>
      </c>
      <c r="T39590">
        <v>6</v>
      </c>
      <c r="U39590">
        <v>6</v>
      </c>
      <c r="V39590">
        <v>6</v>
      </c>
      <c r="W39590">
        <v>6</v>
      </c>
      <c r="X39590">
        <v>6</v>
      </c>
      <c r="Y39590">
        <v>6</v>
      </c>
      <c r="Z39590">
        <v>6</v>
      </c>
      <c r="AA39590">
        <v>6</v>
      </c>
      <c r="AB39590">
        <v>6</v>
      </c>
      <c r="AC39590">
        <v>6</v>
      </c>
      <c r="AD39590">
        <v>6</v>
      </c>
      <c r="AE39590">
        <v>6</v>
      </c>
      <c r="AF39590">
        <v>7</v>
      </c>
      <c r="AG39590">
        <v>7</v>
      </c>
      <c r="AH39590">
        <v>7</v>
      </c>
      <c r="AI39590">
        <v>7</v>
      </c>
      <c r="AJ39590">
        <v>7</v>
      </c>
      <c r="AK39590">
        <v>7</v>
      </c>
      <c r="AL39590">
        <v>7</v>
      </c>
      <c r="AM39590">
        <v>7</v>
      </c>
      <c r="AN39590">
        <v>7</v>
      </c>
      <c r="AO39590">
        <v>7</v>
      </c>
      <c r="AP39590">
        <v>7</v>
      </c>
      <c r="AQ39590">
        <v>7</v>
      </c>
    </row>
    <row r="39591" spans="1:43">
      <c r="A39591" t="s">
        <v>24563</v>
      </c>
      <c r="B39591" t="s">
        <v>24564</v>
      </c>
      <c r="C39591" t="s">
        <v>24565</v>
      </c>
      <c r="D39591" t="s">
        <v>24566</v>
      </c>
      <c r="E39591" t="s">
        <v>24517</v>
      </c>
      <c r="F39591" t="s">
        <v>24518</v>
      </c>
      <c r="G39591" t="s">
        <v>11612</v>
      </c>
      <c r="H39591" t="s">
        <v>11613</v>
      </c>
      <c r="I39591" s="2">
        <v>0</v>
      </c>
      <c r="J39591" s="2">
        <v>0</v>
      </c>
      <c r="K39591" s="2">
        <v>1</v>
      </c>
      <c r="L39591" t="s">
        <v>995</v>
      </c>
      <c r="M39591" t="s">
        <v>87</v>
      </c>
      <c r="N39591" t="s">
        <v>88</v>
      </c>
      <c r="O39591" t="s">
        <v>85</v>
      </c>
      <c r="P39591" t="s">
        <v>86</v>
      </c>
      <c r="Q39591">
        <v>5</v>
      </c>
      <c r="R39591">
        <v>5</v>
      </c>
      <c r="S39591">
        <v>5</v>
      </c>
      <c r="T39591">
        <v>5</v>
      </c>
      <c r="U39591">
        <v>6</v>
      </c>
      <c r="V39591">
        <v>6</v>
      </c>
      <c r="W39591">
        <v>6</v>
      </c>
      <c r="X39591">
        <v>6</v>
      </c>
      <c r="Y39591">
        <v>6</v>
      </c>
      <c r="Z39591">
        <v>6</v>
      </c>
      <c r="AA39591">
        <v>6</v>
      </c>
      <c r="AB39591">
        <v>6</v>
      </c>
      <c r="AC39591">
        <v>6</v>
      </c>
      <c r="AD39591">
        <v>6</v>
      </c>
      <c r="AE39591">
        <v>6</v>
      </c>
      <c r="AF39591">
        <v>6</v>
      </c>
      <c r="AG39591">
        <v>6</v>
      </c>
      <c r="AH39591">
        <v>6</v>
      </c>
      <c r="AI39591">
        <v>6</v>
      </c>
      <c r="AJ39591">
        <v>6</v>
      </c>
      <c r="AK39591">
        <v>6</v>
      </c>
      <c r="AL39591">
        <v>6</v>
      </c>
      <c r="AM39591">
        <v>6</v>
      </c>
      <c r="AN39591">
        <v>6</v>
      </c>
      <c r="AO39591">
        <v>6</v>
      </c>
      <c r="AP39591">
        <v>6</v>
      </c>
      <c r="AQ39591">
        <v>6</v>
      </c>
    </row>
    <row r="39592" spans="1:43">
      <c r="A39592" t="s">
        <v>24563</v>
      </c>
      <c r="B39592" t="s">
        <v>24564</v>
      </c>
      <c r="C39592" t="s">
        <v>24565</v>
      </c>
      <c r="D39592" t="s">
        <v>24566</v>
      </c>
      <c r="E39592" t="s">
        <v>24517</v>
      </c>
      <c r="F39592" t="s">
        <v>24518</v>
      </c>
      <c r="G39592" t="s">
        <v>11612</v>
      </c>
      <c r="H39592" t="s">
        <v>11613</v>
      </c>
      <c r="I39592" s="2">
        <v>0</v>
      </c>
      <c r="J39592" s="2">
        <v>0</v>
      </c>
      <c r="K39592" s="2">
        <v>1</v>
      </c>
      <c r="L39592" t="s">
        <v>995</v>
      </c>
      <c r="M39592" t="s">
        <v>89</v>
      </c>
      <c r="N39592" t="s">
        <v>90</v>
      </c>
      <c r="O39592" t="s">
        <v>85</v>
      </c>
      <c r="P39592" t="s">
        <v>86</v>
      </c>
      <c r="Q39592">
        <v>5</v>
      </c>
      <c r="R39592">
        <v>5</v>
      </c>
      <c r="S39592">
        <v>5</v>
      </c>
      <c r="T39592">
        <v>5</v>
      </c>
      <c r="U39592">
        <v>5</v>
      </c>
      <c r="V39592">
        <v>5</v>
      </c>
      <c r="W39592">
        <v>5</v>
      </c>
      <c r="X39592">
        <v>5</v>
      </c>
      <c r="Y39592">
        <v>5</v>
      </c>
      <c r="Z39592">
        <v>6</v>
      </c>
      <c r="AA39592">
        <v>6</v>
      </c>
      <c r="AB39592">
        <v>6</v>
      </c>
      <c r="AC39592">
        <v>6</v>
      </c>
      <c r="AD39592">
        <v>6</v>
      </c>
      <c r="AE39592">
        <v>6</v>
      </c>
      <c r="AF39592">
        <v>6</v>
      </c>
      <c r="AG39592">
        <v>6</v>
      </c>
      <c r="AH39592">
        <v>6</v>
      </c>
      <c r="AI39592">
        <v>6</v>
      </c>
      <c r="AJ39592">
        <v>6</v>
      </c>
      <c r="AK39592">
        <v>6</v>
      </c>
      <c r="AL39592">
        <v>6</v>
      </c>
      <c r="AM39592">
        <v>6</v>
      </c>
      <c r="AN39592">
        <v>6</v>
      </c>
      <c r="AO39592">
        <v>6</v>
      </c>
      <c r="AP39592">
        <v>6</v>
      </c>
      <c r="AQ39592">
        <v>6</v>
      </c>
    </row>
    <row r="39593" spans="1:43">
      <c r="A39593" t="s">
        <v>24563</v>
      </c>
      <c r="B39593" t="s">
        <v>24564</v>
      </c>
      <c r="C39593" t="s">
        <v>24565</v>
      </c>
      <c r="D39593" t="s">
        <v>24566</v>
      </c>
      <c r="E39593" t="s">
        <v>24517</v>
      </c>
      <c r="F39593" t="s">
        <v>24518</v>
      </c>
      <c r="G39593" t="s">
        <v>11612</v>
      </c>
      <c r="H39593" t="s">
        <v>11613</v>
      </c>
      <c r="I39593" s="2">
        <v>0</v>
      </c>
      <c r="J39593" s="2">
        <v>0</v>
      </c>
      <c r="K39593" s="2">
        <v>1</v>
      </c>
      <c r="L39593" t="s">
        <v>995</v>
      </c>
      <c r="M39593" t="s">
        <v>83</v>
      </c>
      <c r="N39593" t="s">
        <v>91</v>
      </c>
      <c r="O39593" t="s">
        <v>85</v>
      </c>
      <c r="P39593" t="s">
        <v>86</v>
      </c>
      <c r="Q39593">
        <v>5</v>
      </c>
      <c r="R39593">
        <v>6</v>
      </c>
      <c r="S39593">
        <v>6</v>
      </c>
      <c r="T39593">
        <v>6</v>
      </c>
      <c r="U39593">
        <v>6</v>
      </c>
      <c r="V39593">
        <v>6</v>
      </c>
      <c r="W39593">
        <v>6</v>
      </c>
      <c r="X39593">
        <v>6</v>
      </c>
      <c r="Y39593">
        <v>6</v>
      </c>
      <c r="Z39593">
        <v>6</v>
      </c>
      <c r="AA39593">
        <v>6</v>
      </c>
      <c r="AB39593">
        <v>6</v>
      </c>
      <c r="AC39593">
        <v>6</v>
      </c>
      <c r="AD39593">
        <v>6</v>
      </c>
      <c r="AE39593">
        <v>6</v>
      </c>
      <c r="AF39593">
        <v>7</v>
      </c>
      <c r="AG39593">
        <v>7</v>
      </c>
      <c r="AH39593">
        <v>7</v>
      </c>
      <c r="AI39593">
        <v>7</v>
      </c>
      <c r="AJ39593">
        <v>7</v>
      </c>
      <c r="AK39593">
        <v>7</v>
      </c>
      <c r="AL39593">
        <v>7</v>
      </c>
      <c r="AM39593">
        <v>7</v>
      </c>
      <c r="AN39593">
        <v>7</v>
      </c>
      <c r="AO39593">
        <v>7</v>
      </c>
      <c r="AP39593">
        <v>7</v>
      </c>
      <c r="AQ39593">
        <v>7</v>
      </c>
    </row>
    <row r="39594" spans="1:43">
      <c r="A39594" t="s">
        <v>24567</v>
      </c>
      <c r="B39594" t="s">
        <v>24568</v>
      </c>
      <c r="C39594" t="s">
        <v>24561</v>
      </c>
      <c r="D39594" t="s">
        <v>24562</v>
      </c>
      <c r="E39594" t="s">
        <v>24517</v>
      </c>
      <c r="F39594" t="s">
        <v>24518</v>
      </c>
      <c r="G39594" t="s">
        <v>11612</v>
      </c>
      <c r="H39594" t="s">
        <v>11613</v>
      </c>
      <c r="I39594" s="2">
        <v>0</v>
      </c>
      <c r="J39594" s="2">
        <v>0</v>
      </c>
      <c r="K39594" s="2">
        <v>1</v>
      </c>
      <c r="L39594" t="s">
        <v>995</v>
      </c>
      <c r="M39594" t="s">
        <v>83</v>
      </c>
      <c r="N39594" t="s">
        <v>84</v>
      </c>
      <c r="O39594" t="s">
        <v>85</v>
      </c>
      <c r="P39594" t="s">
        <v>86</v>
      </c>
      <c r="Q39594">
        <v>8</v>
      </c>
      <c r="R39594">
        <v>8</v>
      </c>
      <c r="S39594">
        <v>8</v>
      </c>
      <c r="T39594">
        <v>8</v>
      </c>
      <c r="U39594">
        <v>8</v>
      </c>
      <c r="V39594">
        <v>8</v>
      </c>
      <c r="W39594">
        <v>8</v>
      </c>
      <c r="X39594">
        <v>8</v>
      </c>
      <c r="Y39594">
        <v>8</v>
      </c>
      <c r="Z39594">
        <v>9</v>
      </c>
      <c r="AA39594">
        <v>9</v>
      </c>
      <c r="AB39594">
        <v>9</v>
      </c>
      <c r="AC39594">
        <v>9</v>
      </c>
      <c r="AD39594">
        <v>9</v>
      </c>
      <c r="AE39594">
        <v>9</v>
      </c>
      <c r="AF39594">
        <v>9</v>
      </c>
      <c r="AG39594">
        <v>9</v>
      </c>
      <c r="AH39594">
        <v>9</v>
      </c>
      <c r="AI39594">
        <v>9</v>
      </c>
      <c r="AJ39594">
        <v>9</v>
      </c>
      <c r="AK39594">
        <v>9</v>
      </c>
      <c r="AL39594">
        <v>10</v>
      </c>
      <c r="AM39594">
        <v>10</v>
      </c>
      <c r="AN39594">
        <v>10</v>
      </c>
      <c r="AO39594">
        <v>10</v>
      </c>
      <c r="AP39594">
        <v>10</v>
      </c>
      <c r="AQ39594">
        <v>10</v>
      </c>
    </row>
    <row r="39595" spans="1:43">
      <c r="A39595" t="s">
        <v>24567</v>
      </c>
      <c r="B39595" t="s">
        <v>24568</v>
      </c>
      <c r="C39595" t="s">
        <v>24561</v>
      </c>
      <c r="D39595" t="s">
        <v>24562</v>
      </c>
      <c r="E39595" t="s">
        <v>24517</v>
      </c>
      <c r="F39595" t="s">
        <v>24518</v>
      </c>
      <c r="G39595" t="s">
        <v>11612</v>
      </c>
      <c r="H39595" t="s">
        <v>11613</v>
      </c>
      <c r="I39595" s="2">
        <v>0</v>
      </c>
      <c r="J39595" s="2">
        <v>0</v>
      </c>
      <c r="K39595" s="2">
        <v>1</v>
      </c>
      <c r="L39595" t="s">
        <v>995</v>
      </c>
      <c r="M39595" t="s">
        <v>87</v>
      </c>
      <c r="N39595" t="s">
        <v>88</v>
      </c>
      <c r="O39595" t="s">
        <v>85</v>
      </c>
      <c r="P39595" t="s">
        <v>86</v>
      </c>
      <c r="Q39595">
        <v>8</v>
      </c>
      <c r="R39595">
        <v>8</v>
      </c>
      <c r="S39595">
        <v>8</v>
      </c>
      <c r="T39595">
        <v>8</v>
      </c>
      <c r="U39595">
        <v>8</v>
      </c>
      <c r="V39595">
        <v>8</v>
      </c>
      <c r="W39595">
        <v>8</v>
      </c>
      <c r="X39595">
        <v>8</v>
      </c>
      <c r="Y39595">
        <v>8</v>
      </c>
      <c r="Z39595">
        <v>8</v>
      </c>
      <c r="AA39595">
        <v>8</v>
      </c>
      <c r="AB39595">
        <v>8</v>
      </c>
      <c r="AC39595">
        <v>8</v>
      </c>
      <c r="AD39595">
        <v>8</v>
      </c>
      <c r="AE39595">
        <v>8</v>
      </c>
      <c r="AF39595">
        <v>8</v>
      </c>
      <c r="AG39595">
        <v>8</v>
      </c>
      <c r="AH39595">
        <v>8</v>
      </c>
      <c r="AI39595">
        <v>8</v>
      </c>
      <c r="AJ39595">
        <v>8</v>
      </c>
      <c r="AK39595">
        <v>8</v>
      </c>
      <c r="AL39595">
        <v>8</v>
      </c>
      <c r="AM39595">
        <v>8</v>
      </c>
      <c r="AN39595">
        <v>8</v>
      </c>
      <c r="AO39595">
        <v>8</v>
      </c>
      <c r="AP39595">
        <v>8</v>
      </c>
      <c r="AQ39595">
        <v>8</v>
      </c>
    </row>
    <row r="39596" spans="1:43">
      <c r="A39596" t="s">
        <v>24567</v>
      </c>
      <c r="B39596" t="s">
        <v>24568</v>
      </c>
      <c r="C39596" t="s">
        <v>24561</v>
      </c>
      <c r="D39596" t="s">
        <v>24562</v>
      </c>
      <c r="E39596" t="s">
        <v>24517</v>
      </c>
      <c r="F39596" t="s">
        <v>24518</v>
      </c>
      <c r="G39596" t="s">
        <v>11612</v>
      </c>
      <c r="H39596" t="s">
        <v>11613</v>
      </c>
      <c r="I39596" s="2">
        <v>0</v>
      </c>
      <c r="J39596" s="2">
        <v>0</v>
      </c>
      <c r="K39596" s="2">
        <v>1</v>
      </c>
      <c r="L39596" t="s">
        <v>995</v>
      </c>
      <c r="M39596" t="s">
        <v>89</v>
      </c>
      <c r="N39596" t="s">
        <v>90</v>
      </c>
      <c r="O39596" t="s">
        <v>85</v>
      </c>
      <c r="P39596" t="s">
        <v>86</v>
      </c>
      <c r="Q39596">
        <v>8</v>
      </c>
      <c r="R39596">
        <v>8</v>
      </c>
      <c r="S39596">
        <v>8</v>
      </c>
      <c r="T39596">
        <v>8</v>
      </c>
      <c r="U39596">
        <v>8</v>
      </c>
      <c r="V39596">
        <v>8</v>
      </c>
      <c r="W39596">
        <v>9</v>
      </c>
      <c r="X39596">
        <v>9</v>
      </c>
      <c r="Y39596">
        <v>9</v>
      </c>
      <c r="Z39596">
        <v>9</v>
      </c>
      <c r="AA39596">
        <v>9</v>
      </c>
      <c r="AB39596">
        <v>9</v>
      </c>
      <c r="AC39596">
        <v>9</v>
      </c>
      <c r="AD39596">
        <v>10</v>
      </c>
      <c r="AE39596">
        <v>10</v>
      </c>
      <c r="AF39596">
        <v>10</v>
      </c>
      <c r="AG39596">
        <v>10</v>
      </c>
      <c r="AH39596">
        <v>10</v>
      </c>
      <c r="AI39596">
        <v>10</v>
      </c>
      <c r="AJ39596">
        <v>10</v>
      </c>
      <c r="AK39596">
        <v>10</v>
      </c>
      <c r="AL39596">
        <v>10</v>
      </c>
      <c r="AM39596">
        <v>10</v>
      </c>
      <c r="AN39596">
        <v>10</v>
      </c>
      <c r="AO39596">
        <v>10</v>
      </c>
      <c r="AP39596">
        <v>10</v>
      </c>
      <c r="AQ39596">
        <v>10</v>
      </c>
    </row>
    <row r="39597" spans="1:43">
      <c r="A39597" t="s">
        <v>24567</v>
      </c>
      <c r="B39597" t="s">
        <v>24568</v>
      </c>
      <c r="C39597" t="s">
        <v>24561</v>
      </c>
      <c r="D39597" t="s">
        <v>24562</v>
      </c>
      <c r="E39597" t="s">
        <v>24517</v>
      </c>
      <c r="F39597" t="s">
        <v>24518</v>
      </c>
      <c r="G39597" t="s">
        <v>11612</v>
      </c>
      <c r="H39597" t="s">
        <v>11613</v>
      </c>
      <c r="I39597" s="2">
        <v>0</v>
      </c>
      <c r="J39597" s="2">
        <v>0</v>
      </c>
      <c r="K39597" s="2">
        <v>1</v>
      </c>
      <c r="L39597" t="s">
        <v>995</v>
      </c>
      <c r="M39597" t="s">
        <v>83</v>
      </c>
      <c r="N39597" t="s">
        <v>91</v>
      </c>
      <c r="O39597" t="s">
        <v>85</v>
      </c>
      <c r="P39597" t="s">
        <v>86</v>
      </c>
      <c r="Q39597">
        <v>8</v>
      </c>
      <c r="R39597">
        <v>8</v>
      </c>
      <c r="S39597">
        <v>8</v>
      </c>
      <c r="T39597">
        <v>8</v>
      </c>
      <c r="U39597">
        <v>8</v>
      </c>
      <c r="V39597">
        <v>8</v>
      </c>
      <c r="W39597">
        <v>8</v>
      </c>
      <c r="X39597">
        <v>8</v>
      </c>
      <c r="Y39597">
        <v>8</v>
      </c>
      <c r="Z39597">
        <v>9</v>
      </c>
      <c r="AA39597">
        <v>9</v>
      </c>
      <c r="AB39597">
        <v>9</v>
      </c>
      <c r="AC39597">
        <v>9</v>
      </c>
      <c r="AD39597">
        <v>9</v>
      </c>
      <c r="AE39597">
        <v>9</v>
      </c>
      <c r="AF39597">
        <v>9</v>
      </c>
      <c r="AG39597">
        <v>9</v>
      </c>
      <c r="AH39597">
        <v>9</v>
      </c>
      <c r="AI39597">
        <v>9</v>
      </c>
      <c r="AJ39597">
        <v>9</v>
      </c>
      <c r="AK39597">
        <v>9</v>
      </c>
      <c r="AL39597">
        <v>10</v>
      </c>
      <c r="AM39597">
        <v>10</v>
      </c>
      <c r="AN39597">
        <v>10</v>
      </c>
      <c r="AO39597">
        <v>10</v>
      </c>
      <c r="AP39597">
        <v>10</v>
      </c>
      <c r="AQ39597">
        <v>10</v>
      </c>
    </row>
    <row r="39598" spans="1:43">
      <c r="A39598" t="s">
        <v>24569</v>
      </c>
      <c r="B39598" t="s">
        <v>24570</v>
      </c>
      <c r="C39598" t="s">
        <v>24561</v>
      </c>
      <c r="D39598" t="s">
        <v>24562</v>
      </c>
      <c r="E39598" t="s">
        <v>24517</v>
      </c>
      <c r="F39598" t="s">
        <v>24518</v>
      </c>
      <c r="G39598" t="s">
        <v>11612</v>
      </c>
      <c r="H39598" t="s">
        <v>11613</v>
      </c>
      <c r="I39598" s="2">
        <v>0</v>
      </c>
      <c r="J39598" s="2">
        <v>0</v>
      </c>
      <c r="K39598" s="2">
        <v>1</v>
      </c>
      <c r="L39598" t="s">
        <v>995</v>
      </c>
      <c r="M39598" t="s">
        <v>83</v>
      </c>
      <c r="N39598" t="s">
        <v>84</v>
      </c>
      <c r="O39598" t="s">
        <v>85</v>
      </c>
      <c r="P39598" t="s">
        <v>86</v>
      </c>
      <c r="Q39598">
        <v>7</v>
      </c>
      <c r="R39598">
        <v>7</v>
      </c>
      <c r="S39598">
        <v>7</v>
      </c>
      <c r="T39598">
        <v>7</v>
      </c>
      <c r="U39598">
        <v>7</v>
      </c>
      <c r="V39598">
        <v>7</v>
      </c>
      <c r="W39598">
        <v>7</v>
      </c>
      <c r="X39598">
        <v>7</v>
      </c>
      <c r="Y39598">
        <v>7</v>
      </c>
      <c r="Z39598">
        <v>7</v>
      </c>
      <c r="AA39598">
        <v>7</v>
      </c>
      <c r="AB39598">
        <v>8</v>
      </c>
      <c r="AC39598">
        <v>8</v>
      </c>
      <c r="AD39598">
        <v>8</v>
      </c>
      <c r="AE39598">
        <v>8</v>
      </c>
      <c r="AF39598">
        <v>8</v>
      </c>
      <c r="AG39598">
        <v>8</v>
      </c>
      <c r="AH39598">
        <v>8</v>
      </c>
      <c r="AI39598">
        <v>8</v>
      </c>
      <c r="AJ39598">
        <v>8</v>
      </c>
      <c r="AK39598">
        <v>8</v>
      </c>
      <c r="AL39598">
        <v>8</v>
      </c>
      <c r="AM39598">
        <v>8</v>
      </c>
      <c r="AN39598">
        <v>8</v>
      </c>
      <c r="AO39598">
        <v>8</v>
      </c>
      <c r="AP39598">
        <v>8</v>
      </c>
      <c r="AQ39598">
        <v>8</v>
      </c>
    </row>
    <row r="39599" spans="1:43">
      <c r="A39599" t="s">
        <v>24569</v>
      </c>
      <c r="B39599" t="s">
        <v>24570</v>
      </c>
      <c r="C39599" t="s">
        <v>24561</v>
      </c>
      <c r="D39599" t="s">
        <v>24562</v>
      </c>
      <c r="E39599" t="s">
        <v>24517</v>
      </c>
      <c r="F39599" t="s">
        <v>24518</v>
      </c>
      <c r="G39599" t="s">
        <v>11612</v>
      </c>
      <c r="H39599" t="s">
        <v>11613</v>
      </c>
      <c r="I39599" s="2">
        <v>0</v>
      </c>
      <c r="J39599" s="2">
        <v>0</v>
      </c>
      <c r="K39599" s="2">
        <v>1</v>
      </c>
      <c r="L39599" t="s">
        <v>995</v>
      </c>
      <c r="M39599" t="s">
        <v>87</v>
      </c>
      <c r="N39599" t="s">
        <v>88</v>
      </c>
      <c r="O39599" t="s">
        <v>85</v>
      </c>
      <c r="P39599" t="s">
        <v>86</v>
      </c>
      <c r="Q39599">
        <v>7</v>
      </c>
      <c r="R39599">
        <v>8</v>
      </c>
      <c r="S39599">
        <v>8</v>
      </c>
      <c r="T39599">
        <v>8</v>
      </c>
      <c r="U39599">
        <v>8</v>
      </c>
      <c r="V39599">
        <v>8</v>
      </c>
      <c r="W39599">
        <v>8</v>
      </c>
      <c r="X39599">
        <v>8</v>
      </c>
      <c r="Y39599">
        <v>8</v>
      </c>
      <c r="Z39599">
        <v>8</v>
      </c>
      <c r="AA39599">
        <v>8</v>
      </c>
      <c r="AB39599">
        <v>8</v>
      </c>
      <c r="AC39599">
        <v>8</v>
      </c>
      <c r="AD39599">
        <v>8</v>
      </c>
      <c r="AE39599">
        <v>8</v>
      </c>
      <c r="AF39599">
        <v>8</v>
      </c>
      <c r="AG39599">
        <v>8</v>
      </c>
      <c r="AH39599">
        <v>8</v>
      </c>
      <c r="AI39599">
        <v>8</v>
      </c>
      <c r="AJ39599">
        <v>8</v>
      </c>
      <c r="AK39599">
        <v>8</v>
      </c>
      <c r="AL39599">
        <v>8</v>
      </c>
      <c r="AM39599">
        <v>8</v>
      </c>
      <c r="AN39599">
        <v>8</v>
      </c>
      <c r="AO39599">
        <v>8</v>
      </c>
      <c r="AP39599">
        <v>8</v>
      </c>
      <c r="AQ39599">
        <v>8</v>
      </c>
    </row>
    <row r="39600" spans="1:43">
      <c r="A39600" t="s">
        <v>24569</v>
      </c>
      <c r="B39600" t="s">
        <v>24570</v>
      </c>
      <c r="C39600" t="s">
        <v>24561</v>
      </c>
      <c r="D39600" t="s">
        <v>24562</v>
      </c>
      <c r="E39600" t="s">
        <v>24517</v>
      </c>
      <c r="F39600" t="s">
        <v>24518</v>
      </c>
      <c r="G39600" t="s">
        <v>11612</v>
      </c>
      <c r="H39600" t="s">
        <v>11613</v>
      </c>
      <c r="I39600" s="2">
        <v>0</v>
      </c>
      <c r="J39600" s="2">
        <v>0</v>
      </c>
      <c r="K39600" s="2">
        <v>1</v>
      </c>
      <c r="L39600" t="s">
        <v>995</v>
      </c>
      <c r="M39600" t="s">
        <v>89</v>
      </c>
      <c r="N39600" t="s">
        <v>90</v>
      </c>
      <c r="O39600" t="s">
        <v>85</v>
      </c>
      <c r="P39600" t="s">
        <v>86</v>
      </c>
      <c r="Q39600">
        <v>7</v>
      </c>
      <c r="R39600">
        <v>7</v>
      </c>
      <c r="S39600">
        <v>7</v>
      </c>
      <c r="T39600">
        <v>7</v>
      </c>
      <c r="U39600">
        <v>7</v>
      </c>
      <c r="V39600">
        <v>7</v>
      </c>
      <c r="W39600">
        <v>7</v>
      </c>
      <c r="X39600">
        <v>8</v>
      </c>
      <c r="Y39600">
        <v>8</v>
      </c>
      <c r="Z39600">
        <v>8</v>
      </c>
      <c r="AA39600">
        <v>8</v>
      </c>
      <c r="AB39600">
        <v>8</v>
      </c>
      <c r="AC39600">
        <v>8</v>
      </c>
      <c r="AD39600">
        <v>8</v>
      </c>
      <c r="AE39600">
        <v>8</v>
      </c>
      <c r="AF39600">
        <v>8</v>
      </c>
      <c r="AG39600">
        <v>8</v>
      </c>
      <c r="AH39600">
        <v>8</v>
      </c>
      <c r="AI39600">
        <v>8</v>
      </c>
      <c r="AJ39600">
        <v>8</v>
      </c>
      <c r="AK39600">
        <v>8</v>
      </c>
      <c r="AL39600">
        <v>8</v>
      </c>
      <c r="AM39600">
        <v>8</v>
      </c>
      <c r="AN39600">
        <v>8</v>
      </c>
      <c r="AO39600">
        <v>8</v>
      </c>
      <c r="AP39600">
        <v>8</v>
      </c>
      <c r="AQ39600">
        <v>8</v>
      </c>
    </row>
    <row r="39601" spans="1:43">
      <c r="A39601" t="s">
        <v>24569</v>
      </c>
      <c r="B39601" t="s">
        <v>24570</v>
      </c>
      <c r="C39601" t="s">
        <v>24561</v>
      </c>
      <c r="D39601" t="s">
        <v>24562</v>
      </c>
      <c r="E39601" t="s">
        <v>24517</v>
      </c>
      <c r="F39601" t="s">
        <v>24518</v>
      </c>
      <c r="G39601" t="s">
        <v>11612</v>
      </c>
      <c r="H39601" t="s">
        <v>11613</v>
      </c>
      <c r="I39601" s="2">
        <v>0</v>
      </c>
      <c r="J39601" s="2">
        <v>0</v>
      </c>
      <c r="K39601" s="2">
        <v>1</v>
      </c>
      <c r="L39601" t="s">
        <v>995</v>
      </c>
      <c r="M39601" t="s">
        <v>83</v>
      </c>
      <c r="N39601" t="s">
        <v>91</v>
      </c>
      <c r="O39601" t="s">
        <v>85</v>
      </c>
      <c r="P39601" t="s">
        <v>86</v>
      </c>
      <c r="Q39601">
        <v>7</v>
      </c>
      <c r="R39601">
        <v>7</v>
      </c>
      <c r="S39601">
        <v>7</v>
      </c>
      <c r="T39601">
        <v>7</v>
      </c>
      <c r="U39601">
        <v>7</v>
      </c>
      <c r="V39601">
        <v>7</v>
      </c>
      <c r="W39601">
        <v>7</v>
      </c>
      <c r="X39601">
        <v>7</v>
      </c>
      <c r="Y39601">
        <v>7</v>
      </c>
      <c r="Z39601">
        <v>7</v>
      </c>
      <c r="AA39601">
        <v>7</v>
      </c>
      <c r="AB39601">
        <v>8</v>
      </c>
      <c r="AC39601">
        <v>8</v>
      </c>
      <c r="AD39601">
        <v>8</v>
      </c>
      <c r="AE39601">
        <v>8</v>
      </c>
      <c r="AF39601">
        <v>8</v>
      </c>
      <c r="AG39601">
        <v>8</v>
      </c>
      <c r="AH39601">
        <v>8</v>
      </c>
      <c r="AI39601">
        <v>8</v>
      </c>
      <c r="AJ39601">
        <v>8</v>
      </c>
      <c r="AK39601">
        <v>8</v>
      </c>
      <c r="AL39601">
        <v>8</v>
      </c>
      <c r="AM39601">
        <v>8</v>
      </c>
      <c r="AN39601">
        <v>8</v>
      </c>
      <c r="AO39601">
        <v>8</v>
      </c>
      <c r="AP39601">
        <v>8</v>
      </c>
      <c r="AQ39601">
        <v>8</v>
      </c>
    </row>
    <row r="39602" spans="1:43">
      <c r="A39602" t="s">
        <v>24571</v>
      </c>
      <c r="B39602" t="s">
        <v>24572</v>
      </c>
      <c r="C39602" t="s">
        <v>24557</v>
      </c>
      <c r="D39602" t="s">
        <v>24558</v>
      </c>
      <c r="E39602" t="s">
        <v>24517</v>
      </c>
      <c r="F39602" t="s">
        <v>24518</v>
      </c>
      <c r="G39602" t="s">
        <v>11612</v>
      </c>
      <c r="H39602" t="s">
        <v>11613</v>
      </c>
      <c r="I39602" s="2">
        <v>0</v>
      </c>
      <c r="J39602" s="2">
        <v>0</v>
      </c>
      <c r="K39602" s="2">
        <v>1</v>
      </c>
      <c r="L39602" t="s">
        <v>995</v>
      </c>
      <c r="M39602" t="s">
        <v>83</v>
      </c>
      <c r="N39602" t="s">
        <v>84</v>
      </c>
      <c r="O39602" t="s">
        <v>85</v>
      </c>
      <c r="P39602" t="s">
        <v>86</v>
      </c>
      <c r="Q39602">
        <v>42</v>
      </c>
      <c r="R39602">
        <v>43</v>
      </c>
      <c r="S39602">
        <v>43</v>
      </c>
      <c r="T39602">
        <v>44</v>
      </c>
      <c r="U39602">
        <v>45</v>
      </c>
      <c r="V39602">
        <v>45</v>
      </c>
      <c r="W39602">
        <v>46</v>
      </c>
      <c r="X39602">
        <v>46</v>
      </c>
      <c r="Y39602">
        <v>47</v>
      </c>
      <c r="Z39602">
        <v>48</v>
      </c>
      <c r="AA39602">
        <v>48</v>
      </c>
      <c r="AB39602">
        <v>49</v>
      </c>
      <c r="AC39602">
        <v>49</v>
      </c>
      <c r="AD39602">
        <v>50</v>
      </c>
      <c r="AE39602">
        <v>51</v>
      </c>
      <c r="AF39602">
        <v>51</v>
      </c>
      <c r="AG39602">
        <v>52</v>
      </c>
      <c r="AH39602">
        <v>52</v>
      </c>
      <c r="AI39602">
        <v>53</v>
      </c>
      <c r="AJ39602">
        <v>53</v>
      </c>
      <c r="AK39602">
        <v>54</v>
      </c>
      <c r="AL39602">
        <v>54</v>
      </c>
      <c r="AM39602">
        <v>54</v>
      </c>
      <c r="AN39602">
        <v>55</v>
      </c>
      <c r="AO39602">
        <v>55</v>
      </c>
      <c r="AP39602">
        <v>55</v>
      </c>
      <c r="AQ39602">
        <v>55</v>
      </c>
    </row>
    <row r="39603" spans="1:43">
      <c r="A39603" t="s">
        <v>24571</v>
      </c>
      <c r="B39603" t="s">
        <v>24572</v>
      </c>
      <c r="C39603" t="s">
        <v>24557</v>
      </c>
      <c r="D39603" t="s">
        <v>24558</v>
      </c>
      <c r="E39603" t="s">
        <v>24517</v>
      </c>
      <c r="F39603" t="s">
        <v>24518</v>
      </c>
      <c r="G39603" t="s">
        <v>11612</v>
      </c>
      <c r="H39603" t="s">
        <v>11613</v>
      </c>
      <c r="I39603" s="2">
        <v>0</v>
      </c>
      <c r="J39603" s="2">
        <v>0</v>
      </c>
      <c r="K39603" s="2">
        <v>1</v>
      </c>
      <c r="L39603" t="s">
        <v>995</v>
      </c>
      <c r="M39603" t="s">
        <v>87</v>
      </c>
      <c r="N39603" t="s">
        <v>88</v>
      </c>
      <c r="O39603" t="s">
        <v>85</v>
      </c>
      <c r="P39603" t="s">
        <v>86</v>
      </c>
      <c r="Q39603">
        <v>42</v>
      </c>
      <c r="R39603">
        <v>42</v>
      </c>
      <c r="S39603">
        <v>42</v>
      </c>
      <c r="T39603">
        <v>42</v>
      </c>
      <c r="U39603">
        <v>43</v>
      </c>
      <c r="V39603">
        <v>43</v>
      </c>
      <c r="W39603">
        <v>43</v>
      </c>
      <c r="X39603">
        <v>43</v>
      </c>
      <c r="Y39603">
        <v>44</v>
      </c>
      <c r="Z39603">
        <v>44</v>
      </c>
      <c r="AA39603">
        <v>44</v>
      </c>
      <c r="AB39603">
        <v>44</v>
      </c>
      <c r="AC39603">
        <v>44</v>
      </c>
      <c r="AD39603">
        <v>45</v>
      </c>
      <c r="AE39603">
        <v>45</v>
      </c>
      <c r="AF39603">
        <v>45</v>
      </c>
      <c r="AG39603">
        <v>45</v>
      </c>
      <c r="AH39603">
        <v>46</v>
      </c>
      <c r="AI39603">
        <v>46</v>
      </c>
      <c r="AJ39603">
        <v>46</v>
      </c>
      <c r="AK39603">
        <v>46</v>
      </c>
      <c r="AL39603">
        <v>47</v>
      </c>
      <c r="AM39603">
        <v>47</v>
      </c>
      <c r="AN39603">
        <v>47</v>
      </c>
      <c r="AO39603">
        <v>47</v>
      </c>
      <c r="AP39603">
        <v>48</v>
      </c>
      <c r="AQ39603">
        <v>48</v>
      </c>
    </row>
    <row r="39604" spans="1:43">
      <c r="A39604" t="s">
        <v>24571</v>
      </c>
      <c r="B39604" t="s">
        <v>24572</v>
      </c>
      <c r="C39604" t="s">
        <v>24557</v>
      </c>
      <c r="D39604" t="s">
        <v>24558</v>
      </c>
      <c r="E39604" t="s">
        <v>24517</v>
      </c>
      <c r="F39604" t="s">
        <v>24518</v>
      </c>
      <c r="G39604" t="s">
        <v>11612</v>
      </c>
      <c r="H39604" t="s">
        <v>11613</v>
      </c>
      <c r="I39604" s="2">
        <v>0</v>
      </c>
      <c r="J39604" s="2">
        <v>0</v>
      </c>
      <c r="K39604" s="2">
        <v>1</v>
      </c>
      <c r="L39604" t="s">
        <v>995</v>
      </c>
      <c r="M39604" t="s">
        <v>89</v>
      </c>
      <c r="N39604" t="s">
        <v>90</v>
      </c>
      <c r="O39604" t="s">
        <v>85</v>
      </c>
      <c r="P39604" t="s">
        <v>86</v>
      </c>
      <c r="Q39604">
        <v>42</v>
      </c>
      <c r="R39604">
        <v>43</v>
      </c>
      <c r="S39604">
        <v>44</v>
      </c>
      <c r="T39604">
        <v>45</v>
      </c>
      <c r="U39604">
        <v>45</v>
      </c>
      <c r="V39604">
        <v>46</v>
      </c>
      <c r="W39604">
        <v>47</v>
      </c>
      <c r="X39604">
        <v>48</v>
      </c>
      <c r="Y39604">
        <v>49</v>
      </c>
      <c r="Z39604">
        <v>50</v>
      </c>
      <c r="AA39604">
        <v>50</v>
      </c>
      <c r="AB39604">
        <v>51</v>
      </c>
      <c r="AC39604">
        <v>52</v>
      </c>
      <c r="AD39604">
        <v>53</v>
      </c>
      <c r="AE39604">
        <v>53</v>
      </c>
      <c r="AF39604">
        <v>53</v>
      </c>
      <c r="AG39604">
        <v>53</v>
      </c>
      <c r="AH39604">
        <v>54</v>
      </c>
      <c r="AI39604">
        <v>54</v>
      </c>
      <c r="AJ39604">
        <v>54</v>
      </c>
      <c r="AK39604">
        <v>54</v>
      </c>
      <c r="AL39604">
        <v>54</v>
      </c>
      <c r="AM39604">
        <v>54</v>
      </c>
      <c r="AN39604">
        <v>54</v>
      </c>
      <c r="AO39604">
        <v>55</v>
      </c>
      <c r="AP39604">
        <v>55</v>
      </c>
      <c r="AQ39604">
        <v>55</v>
      </c>
    </row>
    <row r="39605" spans="1:43">
      <c r="A39605" t="s">
        <v>24571</v>
      </c>
      <c r="B39605" t="s">
        <v>24572</v>
      </c>
      <c r="C39605" t="s">
        <v>24557</v>
      </c>
      <c r="D39605" t="s">
        <v>24558</v>
      </c>
      <c r="E39605" t="s">
        <v>24517</v>
      </c>
      <c r="F39605" t="s">
        <v>24518</v>
      </c>
      <c r="G39605" t="s">
        <v>11612</v>
      </c>
      <c r="H39605" t="s">
        <v>11613</v>
      </c>
      <c r="I39605" s="2">
        <v>0</v>
      </c>
      <c r="J39605" s="2">
        <v>0</v>
      </c>
      <c r="K39605" s="2">
        <v>1</v>
      </c>
      <c r="L39605" t="s">
        <v>995</v>
      </c>
      <c r="M39605" t="s">
        <v>83</v>
      </c>
      <c r="N39605" t="s">
        <v>91</v>
      </c>
      <c r="O39605" t="s">
        <v>85</v>
      </c>
      <c r="P39605" t="s">
        <v>86</v>
      </c>
      <c r="Q39605">
        <v>42</v>
      </c>
      <c r="R39605">
        <v>43</v>
      </c>
      <c r="S39605">
        <v>43</v>
      </c>
      <c r="T39605">
        <v>44</v>
      </c>
      <c r="U39605">
        <v>45</v>
      </c>
      <c r="V39605">
        <v>45</v>
      </c>
      <c r="W39605">
        <v>46</v>
      </c>
      <c r="X39605">
        <v>46</v>
      </c>
      <c r="Y39605">
        <v>47</v>
      </c>
      <c r="Z39605">
        <v>48</v>
      </c>
      <c r="AA39605">
        <v>48</v>
      </c>
      <c r="AB39605">
        <v>49</v>
      </c>
      <c r="AC39605">
        <v>49</v>
      </c>
      <c r="AD39605">
        <v>50</v>
      </c>
      <c r="AE39605">
        <v>51</v>
      </c>
      <c r="AF39605">
        <v>51</v>
      </c>
      <c r="AG39605">
        <v>52</v>
      </c>
      <c r="AH39605">
        <v>52</v>
      </c>
      <c r="AI39605">
        <v>53</v>
      </c>
      <c r="AJ39605">
        <v>53</v>
      </c>
      <c r="AK39605">
        <v>54</v>
      </c>
      <c r="AL39605">
        <v>54</v>
      </c>
      <c r="AM39605">
        <v>54</v>
      </c>
      <c r="AN39605">
        <v>55</v>
      </c>
      <c r="AO39605">
        <v>55</v>
      </c>
      <c r="AP39605">
        <v>55</v>
      </c>
      <c r="AQ39605">
        <v>55</v>
      </c>
    </row>
    <row r="39606" spans="1:43">
      <c r="A39606" t="s">
        <v>24573</v>
      </c>
      <c r="B39606" t="s">
        <v>24574</v>
      </c>
      <c r="C39606" t="s">
        <v>24523</v>
      </c>
      <c r="D39606" t="s">
        <v>24524</v>
      </c>
      <c r="E39606" t="s">
        <v>24517</v>
      </c>
      <c r="F39606" t="s">
        <v>24518</v>
      </c>
      <c r="G39606" t="s">
        <v>11612</v>
      </c>
      <c r="H39606" t="s">
        <v>11613</v>
      </c>
      <c r="I39606" s="2">
        <v>0</v>
      </c>
      <c r="J39606" s="2">
        <v>0</v>
      </c>
      <c r="K39606" s="2">
        <v>1</v>
      </c>
      <c r="L39606" t="s">
        <v>995</v>
      </c>
      <c r="M39606" t="s">
        <v>83</v>
      </c>
      <c r="N39606" t="s">
        <v>84</v>
      </c>
      <c r="O39606" t="s">
        <v>85</v>
      </c>
      <c r="P39606" t="s">
        <v>86</v>
      </c>
      <c r="Q39606">
        <v>9</v>
      </c>
      <c r="R39606">
        <v>9</v>
      </c>
      <c r="S39606">
        <v>9</v>
      </c>
      <c r="T39606">
        <v>9</v>
      </c>
      <c r="U39606">
        <v>9</v>
      </c>
      <c r="V39606">
        <v>10</v>
      </c>
      <c r="W39606">
        <v>10</v>
      </c>
      <c r="X39606">
        <v>10</v>
      </c>
      <c r="Y39606">
        <v>10</v>
      </c>
      <c r="Z39606">
        <v>10</v>
      </c>
      <c r="AA39606">
        <v>10</v>
      </c>
      <c r="AB39606">
        <v>10</v>
      </c>
      <c r="AC39606">
        <v>10</v>
      </c>
      <c r="AD39606">
        <v>11</v>
      </c>
      <c r="AE39606">
        <v>11</v>
      </c>
      <c r="AF39606">
        <v>11</v>
      </c>
      <c r="AG39606">
        <v>11</v>
      </c>
      <c r="AH39606">
        <v>11</v>
      </c>
      <c r="AI39606">
        <v>11</v>
      </c>
      <c r="AJ39606">
        <v>11</v>
      </c>
      <c r="AK39606">
        <v>11</v>
      </c>
      <c r="AL39606">
        <v>11</v>
      </c>
      <c r="AM39606">
        <v>11</v>
      </c>
      <c r="AN39606">
        <v>12</v>
      </c>
      <c r="AO39606">
        <v>12</v>
      </c>
      <c r="AP39606">
        <v>12</v>
      </c>
      <c r="AQ39606">
        <v>12</v>
      </c>
    </row>
    <row r="39607" spans="1:43">
      <c r="A39607" t="s">
        <v>24573</v>
      </c>
      <c r="B39607" t="s">
        <v>24574</v>
      </c>
      <c r="C39607" t="s">
        <v>24523</v>
      </c>
      <c r="D39607" t="s">
        <v>24524</v>
      </c>
      <c r="E39607" t="s">
        <v>24517</v>
      </c>
      <c r="F39607" t="s">
        <v>24518</v>
      </c>
      <c r="G39607" t="s">
        <v>11612</v>
      </c>
      <c r="H39607" t="s">
        <v>11613</v>
      </c>
      <c r="I39607" s="2">
        <v>0</v>
      </c>
      <c r="J39607" s="2">
        <v>0</v>
      </c>
      <c r="K39607" s="2">
        <v>1</v>
      </c>
      <c r="L39607" t="s">
        <v>995</v>
      </c>
      <c r="M39607" t="s">
        <v>87</v>
      </c>
      <c r="N39607" t="s">
        <v>88</v>
      </c>
      <c r="O39607" t="s">
        <v>85</v>
      </c>
      <c r="P39607" t="s">
        <v>86</v>
      </c>
      <c r="Q39607">
        <v>9</v>
      </c>
      <c r="R39607">
        <v>9</v>
      </c>
      <c r="S39607">
        <v>9</v>
      </c>
      <c r="T39607">
        <v>9</v>
      </c>
      <c r="U39607">
        <v>9</v>
      </c>
      <c r="V39607">
        <v>9</v>
      </c>
      <c r="W39607">
        <v>9</v>
      </c>
      <c r="X39607">
        <v>9</v>
      </c>
      <c r="Y39607">
        <v>9</v>
      </c>
      <c r="Z39607">
        <v>9</v>
      </c>
      <c r="AA39607">
        <v>9</v>
      </c>
      <c r="AB39607">
        <v>9</v>
      </c>
      <c r="AC39607">
        <v>9</v>
      </c>
      <c r="AD39607">
        <v>9</v>
      </c>
      <c r="AE39607">
        <v>9</v>
      </c>
      <c r="AF39607">
        <v>9</v>
      </c>
      <c r="AG39607">
        <v>10</v>
      </c>
      <c r="AH39607">
        <v>10</v>
      </c>
      <c r="AI39607">
        <v>10</v>
      </c>
      <c r="AJ39607">
        <v>10</v>
      </c>
      <c r="AK39607">
        <v>10</v>
      </c>
      <c r="AL39607">
        <v>10</v>
      </c>
      <c r="AM39607">
        <v>10</v>
      </c>
      <c r="AN39607">
        <v>10</v>
      </c>
      <c r="AO39607">
        <v>10</v>
      </c>
      <c r="AP39607">
        <v>10</v>
      </c>
      <c r="AQ39607">
        <v>10</v>
      </c>
    </row>
    <row r="39608" spans="1:43">
      <c r="A39608" t="s">
        <v>24573</v>
      </c>
      <c r="B39608" t="s">
        <v>24574</v>
      </c>
      <c r="C39608" t="s">
        <v>24523</v>
      </c>
      <c r="D39608" t="s">
        <v>24524</v>
      </c>
      <c r="E39608" t="s">
        <v>24517</v>
      </c>
      <c r="F39608" t="s">
        <v>24518</v>
      </c>
      <c r="G39608" t="s">
        <v>11612</v>
      </c>
      <c r="H39608" t="s">
        <v>11613</v>
      </c>
      <c r="I39608" s="2">
        <v>0</v>
      </c>
      <c r="J39608" s="2">
        <v>0</v>
      </c>
      <c r="K39608" s="2">
        <v>1</v>
      </c>
      <c r="L39608" t="s">
        <v>995</v>
      </c>
      <c r="M39608" t="s">
        <v>89</v>
      </c>
      <c r="N39608" t="s">
        <v>90</v>
      </c>
      <c r="O39608" t="s">
        <v>85</v>
      </c>
      <c r="P39608" t="s">
        <v>86</v>
      </c>
      <c r="Q39608">
        <v>9</v>
      </c>
      <c r="R39608">
        <v>9</v>
      </c>
      <c r="S39608">
        <v>9</v>
      </c>
      <c r="T39608">
        <v>10</v>
      </c>
      <c r="U39608">
        <v>10</v>
      </c>
      <c r="V39608">
        <v>10</v>
      </c>
      <c r="W39608">
        <v>10</v>
      </c>
      <c r="X39608">
        <v>10</v>
      </c>
      <c r="Y39608">
        <v>10</v>
      </c>
      <c r="Z39608">
        <v>11</v>
      </c>
      <c r="AA39608">
        <v>11</v>
      </c>
      <c r="AB39608">
        <v>11</v>
      </c>
      <c r="AC39608">
        <v>11</v>
      </c>
      <c r="AD39608">
        <v>11</v>
      </c>
      <c r="AE39608">
        <v>11</v>
      </c>
      <c r="AF39608">
        <v>11</v>
      </c>
      <c r="AG39608">
        <v>11</v>
      </c>
      <c r="AH39608">
        <v>11</v>
      </c>
      <c r="AI39608">
        <v>12</v>
      </c>
      <c r="AJ39608">
        <v>12</v>
      </c>
      <c r="AK39608">
        <v>12</v>
      </c>
      <c r="AL39608">
        <v>12</v>
      </c>
      <c r="AM39608">
        <v>12</v>
      </c>
      <c r="AN39608">
        <v>12</v>
      </c>
      <c r="AO39608">
        <v>12</v>
      </c>
      <c r="AP39608">
        <v>12</v>
      </c>
      <c r="AQ39608">
        <v>12</v>
      </c>
    </row>
    <row r="39609" spans="1:43">
      <c r="A39609" t="s">
        <v>24573</v>
      </c>
      <c r="B39609" t="s">
        <v>24574</v>
      </c>
      <c r="C39609" t="s">
        <v>24523</v>
      </c>
      <c r="D39609" t="s">
        <v>24524</v>
      </c>
      <c r="E39609" t="s">
        <v>24517</v>
      </c>
      <c r="F39609" t="s">
        <v>24518</v>
      </c>
      <c r="G39609" t="s">
        <v>11612</v>
      </c>
      <c r="H39609" t="s">
        <v>11613</v>
      </c>
      <c r="I39609" s="2">
        <v>0</v>
      </c>
      <c r="J39609" s="2">
        <v>0</v>
      </c>
      <c r="K39609" s="2">
        <v>1</v>
      </c>
      <c r="L39609" t="s">
        <v>995</v>
      </c>
      <c r="M39609" t="s">
        <v>83</v>
      </c>
      <c r="N39609" t="s">
        <v>91</v>
      </c>
      <c r="O39609" t="s">
        <v>85</v>
      </c>
      <c r="P39609" t="s">
        <v>86</v>
      </c>
      <c r="Q39609">
        <v>9</v>
      </c>
      <c r="R39609">
        <v>9</v>
      </c>
      <c r="S39609">
        <v>9</v>
      </c>
      <c r="T39609">
        <v>9</v>
      </c>
      <c r="U39609">
        <v>9</v>
      </c>
      <c r="V39609">
        <v>10</v>
      </c>
      <c r="W39609">
        <v>10</v>
      </c>
      <c r="X39609">
        <v>10</v>
      </c>
      <c r="Y39609">
        <v>10</v>
      </c>
      <c r="Z39609">
        <v>10</v>
      </c>
      <c r="AA39609">
        <v>10</v>
      </c>
      <c r="AB39609">
        <v>10</v>
      </c>
      <c r="AC39609">
        <v>10</v>
      </c>
      <c r="AD39609">
        <v>11</v>
      </c>
      <c r="AE39609">
        <v>11</v>
      </c>
      <c r="AF39609">
        <v>11</v>
      </c>
      <c r="AG39609">
        <v>11</v>
      </c>
      <c r="AH39609">
        <v>11</v>
      </c>
      <c r="AI39609">
        <v>11</v>
      </c>
      <c r="AJ39609">
        <v>11</v>
      </c>
      <c r="AK39609">
        <v>11</v>
      </c>
      <c r="AL39609">
        <v>11</v>
      </c>
      <c r="AM39609">
        <v>11</v>
      </c>
      <c r="AN39609">
        <v>12</v>
      </c>
      <c r="AO39609">
        <v>12</v>
      </c>
      <c r="AP39609">
        <v>12</v>
      </c>
      <c r="AQ39609">
        <v>12</v>
      </c>
    </row>
    <row r="39610" spans="1:43">
      <c r="A39610" t="s">
        <v>24575</v>
      </c>
      <c r="B39610" t="s">
        <v>24576</v>
      </c>
      <c r="C39610" t="s">
        <v>24515</v>
      </c>
      <c r="D39610" t="s">
        <v>24516</v>
      </c>
      <c r="E39610" t="s">
        <v>24517</v>
      </c>
      <c r="F39610" t="s">
        <v>24518</v>
      </c>
      <c r="G39610" t="s">
        <v>11612</v>
      </c>
      <c r="H39610" t="s">
        <v>11613</v>
      </c>
      <c r="I39610" s="2">
        <v>0</v>
      </c>
      <c r="J39610" s="2">
        <v>0</v>
      </c>
      <c r="K39610" s="2">
        <v>1</v>
      </c>
      <c r="L39610" t="s">
        <v>995</v>
      </c>
      <c r="M39610" t="s">
        <v>83</v>
      </c>
      <c r="N39610" t="s">
        <v>84</v>
      </c>
      <c r="O39610" t="s">
        <v>85</v>
      </c>
      <c r="P39610" t="s">
        <v>86</v>
      </c>
      <c r="Q39610">
        <v>34</v>
      </c>
      <c r="R39610">
        <v>34</v>
      </c>
      <c r="S39610">
        <v>35</v>
      </c>
      <c r="T39610">
        <v>35</v>
      </c>
      <c r="U39610">
        <v>35</v>
      </c>
      <c r="V39610">
        <v>36</v>
      </c>
      <c r="W39610">
        <v>36</v>
      </c>
      <c r="X39610">
        <v>37</v>
      </c>
      <c r="Y39610">
        <v>37</v>
      </c>
      <c r="Z39610">
        <v>38</v>
      </c>
      <c r="AA39610">
        <v>38</v>
      </c>
      <c r="AB39610">
        <v>39</v>
      </c>
      <c r="AC39610">
        <v>39</v>
      </c>
      <c r="AD39610">
        <v>40</v>
      </c>
      <c r="AE39610">
        <v>40</v>
      </c>
      <c r="AF39610">
        <v>40</v>
      </c>
      <c r="AG39610">
        <v>41</v>
      </c>
      <c r="AH39610">
        <v>41</v>
      </c>
      <c r="AI39610">
        <v>42</v>
      </c>
      <c r="AJ39610">
        <v>42</v>
      </c>
      <c r="AK39610">
        <v>43</v>
      </c>
      <c r="AL39610">
        <v>43</v>
      </c>
      <c r="AM39610">
        <v>43</v>
      </c>
      <c r="AN39610">
        <v>43</v>
      </c>
      <c r="AO39610">
        <v>43</v>
      </c>
      <c r="AP39610">
        <v>43</v>
      </c>
      <c r="AQ39610">
        <v>43</v>
      </c>
    </row>
    <row r="39611" spans="1:43">
      <c r="A39611" t="s">
        <v>24575</v>
      </c>
      <c r="B39611" t="s">
        <v>24576</v>
      </c>
      <c r="C39611" t="s">
        <v>24515</v>
      </c>
      <c r="D39611" t="s">
        <v>24516</v>
      </c>
      <c r="E39611" t="s">
        <v>24517</v>
      </c>
      <c r="F39611" t="s">
        <v>24518</v>
      </c>
      <c r="G39611" t="s">
        <v>11612</v>
      </c>
      <c r="H39611" t="s">
        <v>11613</v>
      </c>
      <c r="I39611" s="2">
        <v>0</v>
      </c>
      <c r="J39611" s="2">
        <v>0</v>
      </c>
      <c r="K39611" s="2">
        <v>1</v>
      </c>
      <c r="L39611" t="s">
        <v>995</v>
      </c>
      <c r="M39611" t="s">
        <v>87</v>
      </c>
      <c r="N39611" t="s">
        <v>88</v>
      </c>
      <c r="O39611" t="s">
        <v>85</v>
      </c>
      <c r="P39611" t="s">
        <v>86</v>
      </c>
      <c r="Q39611">
        <v>34</v>
      </c>
      <c r="R39611">
        <v>34</v>
      </c>
      <c r="S39611">
        <v>35</v>
      </c>
      <c r="T39611">
        <v>35</v>
      </c>
      <c r="U39611">
        <v>35</v>
      </c>
      <c r="V39611">
        <v>35</v>
      </c>
      <c r="W39611">
        <v>35</v>
      </c>
      <c r="X39611">
        <v>35</v>
      </c>
      <c r="Y39611">
        <v>35</v>
      </c>
      <c r="Z39611">
        <v>36</v>
      </c>
      <c r="AA39611">
        <v>36</v>
      </c>
      <c r="AB39611">
        <v>36</v>
      </c>
      <c r="AC39611">
        <v>36</v>
      </c>
      <c r="AD39611">
        <v>36</v>
      </c>
      <c r="AE39611">
        <v>36</v>
      </c>
      <c r="AF39611">
        <v>37</v>
      </c>
      <c r="AG39611">
        <v>37</v>
      </c>
      <c r="AH39611">
        <v>37</v>
      </c>
      <c r="AI39611">
        <v>37</v>
      </c>
      <c r="AJ39611">
        <v>37</v>
      </c>
      <c r="AK39611">
        <v>37</v>
      </c>
      <c r="AL39611">
        <v>37</v>
      </c>
      <c r="AM39611">
        <v>38</v>
      </c>
      <c r="AN39611">
        <v>38</v>
      </c>
      <c r="AO39611">
        <v>38</v>
      </c>
      <c r="AP39611">
        <v>38</v>
      </c>
      <c r="AQ39611">
        <v>38</v>
      </c>
    </row>
    <row r="39612" spans="1:43">
      <c r="A39612" t="s">
        <v>24575</v>
      </c>
      <c r="B39612" t="s">
        <v>24576</v>
      </c>
      <c r="C39612" t="s">
        <v>24515</v>
      </c>
      <c r="D39612" t="s">
        <v>24516</v>
      </c>
      <c r="E39612" t="s">
        <v>24517</v>
      </c>
      <c r="F39612" t="s">
        <v>24518</v>
      </c>
      <c r="G39612" t="s">
        <v>11612</v>
      </c>
      <c r="H39612" t="s">
        <v>11613</v>
      </c>
      <c r="I39612" s="2">
        <v>0</v>
      </c>
      <c r="J39612" s="2">
        <v>0</v>
      </c>
      <c r="K39612" s="2">
        <v>1</v>
      </c>
      <c r="L39612" t="s">
        <v>995</v>
      </c>
      <c r="M39612" t="s">
        <v>89</v>
      </c>
      <c r="N39612" t="s">
        <v>90</v>
      </c>
      <c r="O39612" t="s">
        <v>85</v>
      </c>
      <c r="P39612" t="s">
        <v>86</v>
      </c>
      <c r="Q39612">
        <v>34</v>
      </c>
      <c r="R39612">
        <v>35</v>
      </c>
      <c r="S39612">
        <v>35</v>
      </c>
      <c r="T39612">
        <v>36</v>
      </c>
      <c r="U39612">
        <v>37</v>
      </c>
      <c r="V39612">
        <v>38</v>
      </c>
      <c r="W39612">
        <v>38</v>
      </c>
      <c r="X39612">
        <v>39</v>
      </c>
      <c r="Y39612">
        <v>39</v>
      </c>
      <c r="Z39612">
        <v>40</v>
      </c>
      <c r="AA39612">
        <v>41</v>
      </c>
      <c r="AB39612">
        <v>41</v>
      </c>
      <c r="AC39612">
        <v>42</v>
      </c>
      <c r="AD39612">
        <v>42</v>
      </c>
      <c r="AE39612">
        <v>43</v>
      </c>
      <c r="AF39612">
        <v>43</v>
      </c>
      <c r="AG39612">
        <v>43</v>
      </c>
      <c r="AH39612">
        <v>43</v>
      </c>
      <c r="AI39612">
        <v>43</v>
      </c>
      <c r="AJ39612">
        <v>43</v>
      </c>
      <c r="AK39612">
        <v>43</v>
      </c>
      <c r="AL39612">
        <v>43</v>
      </c>
      <c r="AM39612">
        <v>43</v>
      </c>
      <c r="AN39612">
        <v>44</v>
      </c>
      <c r="AO39612">
        <v>44</v>
      </c>
      <c r="AP39612">
        <v>44</v>
      </c>
      <c r="AQ39612">
        <v>44</v>
      </c>
    </row>
    <row r="39613" spans="1:43">
      <c r="A39613" t="s">
        <v>24575</v>
      </c>
      <c r="B39613" t="s">
        <v>24576</v>
      </c>
      <c r="C39613" t="s">
        <v>24515</v>
      </c>
      <c r="D39613" t="s">
        <v>24516</v>
      </c>
      <c r="E39613" t="s">
        <v>24517</v>
      </c>
      <c r="F39613" t="s">
        <v>24518</v>
      </c>
      <c r="G39613" t="s">
        <v>11612</v>
      </c>
      <c r="H39613" t="s">
        <v>11613</v>
      </c>
      <c r="I39613" s="2">
        <v>0</v>
      </c>
      <c r="J39613" s="2">
        <v>0</v>
      </c>
      <c r="K39613" s="2">
        <v>1</v>
      </c>
      <c r="L39613" t="s">
        <v>995</v>
      </c>
      <c r="M39613" t="s">
        <v>83</v>
      </c>
      <c r="N39613" t="s">
        <v>91</v>
      </c>
      <c r="O39613" t="s">
        <v>85</v>
      </c>
      <c r="P39613" t="s">
        <v>86</v>
      </c>
      <c r="Q39613">
        <v>34</v>
      </c>
      <c r="R39613">
        <v>34</v>
      </c>
      <c r="S39613">
        <v>35</v>
      </c>
      <c r="T39613">
        <v>35</v>
      </c>
      <c r="U39613">
        <v>35</v>
      </c>
      <c r="V39613">
        <v>36</v>
      </c>
      <c r="W39613">
        <v>36</v>
      </c>
      <c r="X39613">
        <v>37</v>
      </c>
      <c r="Y39613">
        <v>37</v>
      </c>
      <c r="Z39613">
        <v>38</v>
      </c>
      <c r="AA39613">
        <v>38</v>
      </c>
      <c r="AB39613">
        <v>39</v>
      </c>
      <c r="AC39613">
        <v>39</v>
      </c>
      <c r="AD39613">
        <v>40</v>
      </c>
      <c r="AE39613">
        <v>40</v>
      </c>
      <c r="AF39613">
        <v>40</v>
      </c>
      <c r="AG39613">
        <v>41</v>
      </c>
      <c r="AH39613">
        <v>41</v>
      </c>
      <c r="AI39613">
        <v>42</v>
      </c>
      <c r="AJ39613">
        <v>42</v>
      </c>
      <c r="AK39613">
        <v>43</v>
      </c>
      <c r="AL39613">
        <v>43</v>
      </c>
      <c r="AM39613">
        <v>43</v>
      </c>
      <c r="AN39613">
        <v>43</v>
      </c>
      <c r="AO39613">
        <v>43</v>
      </c>
      <c r="AP39613">
        <v>43</v>
      </c>
      <c r="AQ39613">
        <v>43</v>
      </c>
    </row>
    <row r="39614" spans="1:43">
      <c r="A39614" t="s">
        <v>24577</v>
      </c>
      <c r="B39614" t="s">
        <v>24578</v>
      </c>
      <c r="C39614" t="s">
        <v>24557</v>
      </c>
      <c r="D39614" t="s">
        <v>24558</v>
      </c>
      <c r="E39614" t="s">
        <v>24517</v>
      </c>
      <c r="F39614" t="s">
        <v>24518</v>
      </c>
      <c r="G39614" t="s">
        <v>11612</v>
      </c>
      <c r="H39614" t="s">
        <v>11613</v>
      </c>
      <c r="I39614" s="2">
        <v>0</v>
      </c>
      <c r="J39614" s="2">
        <v>0</v>
      </c>
      <c r="K39614" s="2">
        <v>1</v>
      </c>
      <c r="L39614" t="s">
        <v>995</v>
      </c>
      <c r="M39614" t="s">
        <v>83</v>
      </c>
      <c r="N39614" t="s">
        <v>84</v>
      </c>
      <c r="O39614" t="s">
        <v>85</v>
      </c>
      <c r="P39614" t="s">
        <v>86</v>
      </c>
      <c r="Q39614">
        <v>79</v>
      </c>
      <c r="R39614">
        <v>80</v>
      </c>
      <c r="S39614">
        <v>82</v>
      </c>
      <c r="T39614">
        <v>83</v>
      </c>
      <c r="U39614">
        <v>84</v>
      </c>
      <c r="V39614">
        <v>85</v>
      </c>
      <c r="W39614">
        <v>86</v>
      </c>
      <c r="X39614">
        <v>87</v>
      </c>
      <c r="Y39614">
        <v>88</v>
      </c>
      <c r="Z39614">
        <v>90</v>
      </c>
      <c r="AA39614">
        <v>91</v>
      </c>
      <c r="AB39614">
        <v>92</v>
      </c>
      <c r="AC39614">
        <v>93</v>
      </c>
      <c r="AD39614">
        <v>94</v>
      </c>
      <c r="AE39614">
        <v>95</v>
      </c>
      <c r="AF39614">
        <v>96</v>
      </c>
      <c r="AG39614">
        <v>97</v>
      </c>
      <c r="AH39614">
        <v>98</v>
      </c>
      <c r="AI39614">
        <v>99</v>
      </c>
      <c r="AJ39614">
        <v>100</v>
      </c>
      <c r="AK39614">
        <v>102</v>
      </c>
      <c r="AL39614">
        <v>102</v>
      </c>
      <c r="AM39614">
        <v>102</v>
      </c>
      <c r="AN39614">
        <v>103</v>
      </c>
      <c r="AO39614">
        <v>103</v>
      </c>
      <c r="AP39614">
        <v>103</v>
      </c>
      <c r="AQ39614">
        <v>104</v>
      </c>
    </row>
    <row r="39615" spans="1:43">
      <c r="A39615" t="s">
        <v>24577</v>
      </c>
      <c r="B39615" t="s">
        <v>24578</v>
      </c>
      <c r="C39615" t="s">
        <v>24557</v>
      </c>
      <c r="D39615" t="s">
        <v>24558</v>
      </c>
      <c r="E39615" t="s">
        <v>24517</v>
      </c>
      <c r="F39615" t="s">
        <v>24518</v>
      </c>
      <c r="G39615" t="s">
        <v>11612</v>
      </c>
      <c r="H39615" t="s">
        <v>11613</v>
      </c>
      <c r="I39615" s="2">
        <v>0</v>
      </c>
      <c r="J39615" s="2">
        <v>0</v>
      </c>
      <c r="K39615" s="2">
        <v>1</v>
      </c>
      <c r="L39615" t="s">
        <v>995</v>
      </c>
      <c r="M39615" t="s">
        <v>87</v>
      </c>
      <c r="N39615" t="s">
        <v>88</v>
      </c>
      <c r="O39615" t="s">
        <v>85</v>
      </c>
      <c r="P39615" t="s">
        <v>86</v>
      </c>
      <c r="Q39615">
        <v>79</v>
      </c>
      <c r="R39615">
        <v>79</v>
      </c>
      <c r="S39615">
        <v>79</v>
      </c>
      <c r="T39615">
        <v>80</v>
      </c>
      <c r="U39615">
        <v>80</v>
      </c>
      <c r="V39615">
        <v>81</v>
      </c>
      <c r="W39615">
        <v>81</v>
      </c>
      <c r="X39615">
        <v>81</v>
      </c>
      <c r="Y39615">
        <v>82</v>
      </c>
      <c r="Z39615">
        <v>82</v>
      </c>
      <c r="AA39615">
        <v>83</v>
      </c>
      <c r="AB39615">
        <v>83</v>
      </c>
      <c r="AC39615">
        <v>83</v>
      </c>
      <c r="AD39615">
        <v>84</v>
      </c>
      <c r="AE39615">
        <v>84</v>
      </c>
      <c r="AF39615">
        <v>85</v>
      </c>
      <c r="AG39615">
        <v>85</v>
      </c>
      <c r="AH39615">
        <v>86</v>
      </c>
      <c r="AI39615">
        <v>86</v>
      </c>
      <c r="AJ39615">
        <v>87</v>
      </c>
      <c r="AK39615">
        <v>87</v>
      </c>
      <c r="AL39615">
        <v>87</v>
      </c>
      <c r="AM39615">
        <v>88</v>
      </c>
      <c r="AN39615">
        <v>88</v>
      </c>
      <c r="AO39615">
        <v>89</v>
      </c>
      <c r="AP39615">
        <v>89</v>
      </c>
      <c r="AQ39615">
        <v>90</v>
      </c>
    </row>
    <row r="39616" spans="1:43">
      <c r="A39616" t="s">
        <v>24577</v>
      </c>
      <c r="B39616" t="s">
        <v>24578</v>
      </c>
      <c r="C39616" t="s">
        <v>24557</v>
      </c>
      <c r="D39616" t="s">
        <v>24558</v>
      </c>
      <c r="E39616" t="s">
        <v>24517</v>
      </c>
      <c r="F39616" t="s">
        <v>24518</v>
      </c>
      <c r="G39616" t="s">
        <v>11612</v>
      </c>
      <c r="H39616" t="s">
        <v>11613</v>
      </c>
      <c r="I39616" s="2">
        <v>0</v>
      </c>
      <c r="J39616" s="2">
        <v>0</v>
      </c>
      <c r="K39616" s="2">
        <v>1</v>
      </c>
      <c r="L39616" t="s">
        <v>995</v>
      </c>
      <c r="M39616" t="s">
        <v>89</v>
      </c>
      <c r="N39616" t="s">
        <v>90</v>
      </c>
      <c r="O39616" t="s">
        <v>85</v>
      </c>
      <c r="P39616" t="s">
        <v>86</v>
      </c>
      <c r="Q39616">
        <v>79</v>
      </c>
      <c r="R39616">
        <v>81</v>
      </c>
      <c r="S39616">
        <v>83</v>
      </c>
      <c r="T39616">
        <v>84</v>
      </c>
      <c r="U39616">
        <v>86</v>
      </c>
      <c r="V39616">
        <v>88</v>
      </c>
      <c r="W39616">
        <v>90</v>
      </c>
      <c r="X39616">
        <v>91</v>
      </c>
      <c r="Y39616">
        <v>93</v>
      </c>
      <c r="Z39616">
        <v>94</v>
      </c>
      <c r="AA39616">
        <v>95</v>
      </c>
      <c r="AB39616">
        <v>97</v>
      </c>
      <c r="AC39616">
        <v>98</v>
      </c>
      <c r="AD39616">
        <v>100</v>
      </c>
      <c r="AE39616">
        <v>101</v>
      </c>
      <c r="AF39616">
        <v>101</v>
      </c>
      <c r="AG39616">
        <v>101</v>
      </c>
      <c r="AH39616">
        <v>101</v>
      </c>
      <c r="AI39616">
        <v>102</v>
      </c>
      <c r="AJ39616">
        <v>102</v>
      </c>
      <c r="AK39616">
        <v>102</v>
      </c>
      <c r="AL39616">
        <v>103</v>
      </c>
      <c r="AM39616">
        <v>103</v>
      </c>
      <c r="AN39616">
        <v>103</v>
      </c>
      <c r="AO39616">
        <v>104</v>
      </c>
      <c r="AP39616">
        <v>104</v>
      </c>
      <c r="AQ39616">
        <v>104</v>
      </c>
    </row>
    <row r="39617" spans="1:43">
      <c r="A39617" t="s">
        <v>24577</v>
      </c>
      <c r="B39617" t="s">
        <v>24578</v>
      </c>
      <c r="C39617" t="s">
        <v>24557</v>
      </c>
      <c r="D39617" t="s">
        <v>24558</v>
      </c>
      <c r="E39617" t="s">
        <v>24517</v>
      </c>
      <c r="F39617" t="s">
        <v>24518</v>
      </c>
      <c r="G39617" t="s">
        <v>11612</v>
      </c>
      <c r="H39617" t="s">
        <v>11613</v>
      </c>
      <c r="I39617" s="2">
        <v>0</v>
      </c>
      <c r="J39617" s="2">
        <v>0</v>
      </c>
      <c r="K39617" s="2">
        <v>1</v>
      </c>
      <c r="L39617" t="s">
        <v>995</v>
      </c>
      <c r="M39617" t="s">
        <v>83</v>
      </c>
      <c r="N39617" t="s">
        <v>91</v>
      </c>
      <c r="O39617" t="s">
        <v>85</v>
      </c>
      <c r="P39617" t="s">
        <v>86</v>
      </c>
      <c r="Q39617">
        <v>79</v>
      </c>
      <c r="R39617">
        <v>80</v>
      </c>
      <c r="S39617">
        <v>82</v>
      </c>
      <c r="T39617">
        <v>83</v>
      </c>
      <c r="U39617">
        <v>84</v>
      </c>
      <c r="V39617">
        <v>85</v>
      </c>
      <c r="W39617">
        <v>86</v>
      </c>
      <c r="X39617">
        <v>87</v>
      </c>
      <c r="Y39617">
        <v>88</v>
      </c>
      <c r="Z39617">
        <v>90</v>
      </c>
      <c r="AA39617">
        <v>91</v>
      </c>
      <c r="AB39617">
        <v>92</v>
      </c>
      <c r="AC39617">
        <v>93</v>
      </c>
      <c r="AD39617">
        <v>94</v>
      </c>
      <c r="AE39617">
        <v>95</v>
      </c>
      <c r="AF39617">
        <v>96</v>
      </c>
      <c r="AG39617">
        <v>97</v>
      </c>
      <c r="AH39617">
        <v>98</v>
      </c>
      <c r="AI39617">
        <v>99</v>
      </c>
      <c r="AJ39617">
        <v>100</v>
      </c>
      <c r="AK39617">
        <v>102</v>
      </c>
      <c r="AL39617">
        <v>102</v>
      </c>
      <c r="AM39617">
        <v>102</v>
      </c>
      <c r="AN39617">
        <v>103</v>
      </c>
      <c r="AO39617">
        <v>103</v>
      </c>
      <c r="AP39617">
        <v>103</v>
      </c>
      <c r="AQ39617">
        <v>104</v>
      </c>
    </row>
    <row r="39618" spans="1:43">
      <c r="A39618" t="s">
        <v>24579</v>
      </c>
      <c r="B39618" t="s">
        <v>24580</v>
      </c>
      <c r="C39618" t="s">
        <v>24523</v>
      </c>
      <c r="D39618" t="s">
        <v>24524</v>
      </c>
      <c r="E39618" t="s">
        <v>24517</v>
      </c>
      <c r="F39618" t="s">
        <v>24518</v>
      </c>
      <c r="G39618" t="s">
        <v>11612</v>
      </c>
      <c r="H39618" t="s">
        <v>11613</v>
      </c>
      <c r="I39618" s="2">
        <v>0</v>
      </c>
      <c r="J39618" s="2">
        <v>0</v>
      </c>
      <c r="K39618" s="2">
        <v>1</v>
      </c>
      <c r="L39618" t="s">
        <v>995</v>
      </c>
      <c r="M39618" t="s">
        <v>83</v>
      </c>
      <c r="N39618" t="s">
        <v>84</v>
      </c>
      <c r="O39618" t="s">
        <v>85</v>
      </c>
      <c r="P39618" t="s">
        <v>86</v>
      </c>
      <c r="Q39618">
        <v>6</v>
      </c>
      <c r="R39618">
        <v>7</v>
      </c>
      <c r="S39618">
        <v>7</v>
      </c>
      <c r="T39618">
        <v>7</v>
      </c>
      <c r="U39618">
        <v>7</v>
      </c>
      <c r="V39618">
        <v>7</v>
      </c>
      <c r="W39618">
        <v>7</v>
      </c>
      <c r="X39618">
        <v>7</v>
      </c>
      <c r="Y39618">
        <v>7</v>
      </c>
      <c r="Z39618">
        <v>7</v>
      </c>
      <c r="AA39618">
        <v>7</v>
      </c>
      <c r="AB39618">
        <v>7</v>
      </c>
      <c r="AC39618">
        <v>8</v>
      </c>
      <c r="AD39618">
        <v>8</v>
      </c>
      <c r="AE39618">
        <v>8</v>
      </c>
      <c r="AF39618">
        <v>8</v>
      </c>
      <c r="AG39618">
        <v>8</v>
      </c>
      <c r="AH39618">
        <v>8</v>
      </c>
      <c r="AI39618">
        <v>8</v>
      </c>
      <c r="AJ39618">
        <v>8</v>
      </c>
      <c r="AK39618">
        <v>8</v>
      </c>
      <c r="AL39618">
        <v>8</v>
      </c>
      <c r="AM39618">
        <v>8</v>
      </c>
      <c r="AN39618">
        <v>8</v>
      </c>
      <c r="AO39618">
        <v>8</v>
      </c>
      <c r="AP39618">
        <v>8</v>
      </c>
      <c r="AQ39618">
        <v>8</v>
      </c>
    </row>
    <row r="39619" spans="1:43">
      <c r="A39619" t="s">
        <v>24579</v>
      </c>
      <c r="B39619" t="s">
        <v>24580</v>
      </c>
      <c r="C39619" t="s">
        <v>24523</v>
      </c>
      <c r="D39619" t="s">
        <v>24524</v>
      </c>
      <c r="E39619" t="s">
        <v>24517</v>
      </c>
      <c r="F39619" t="s">
        <v>24518</v>
      </c>
      <c r="G39619" t="s">
        <v>11612</v>
      </c>
      <c r="H39619" t="s">
        <v>11613</v>
      </c>
      <c r="I39619" s="2">
        <v>0</v>
      </c>
      <c r="J39619" s="2">
        <v>0</v>
      </c>
      <c r="K39619" s="2">
        <v>1</v>
      </c>
      <c r="L39619" t="s">
        <v>995</v>
      </c>
      <c r="M39619" t="s">
        <v>87</v>
      </c>
      <c r="N39619" t="s">
        <v>88</v>
      </c>
      <c r="O39619" t="s">
        <v>85</v>
      </c>
      <c r="P39619" t="s">
        <v>86</v>
      </c>
      <c r="Q39619">
        <v>6</v>
      </c>
      <c r="R39619">
        <v>6</v>
      </c>
      <c r="S39619">
        <v>6</v>
      </c>
      <c r="T39619">
        <v>6</v>
      </c>
      <c r="U39619">
        <v>7</v>
      </c>
      <c r="V39619">
        <v>7</v>
      </c>
      <c r="W39619">
        <v>7</v>
      </c>
      <c r="X39619">
        <v>7</v>
      </c>
      <c r="Y39619">
        <v>7</v>
      </c>
      <c r="Z39619">
        <v>7</v>
      </c>
      <c r="AA39619">
        <v>7</v>
      </c>
      <c r="AB39619">
        <v>7</v>
      </c>
      <c r="AC39619">
        <v>7</v>
      </c>
      <c r="AD39619">
        <v>7</v>
      </c>
      <c r="AE39619">
        <v>7</v>
      </c>
      <c r="AF39619">
        <v>7</v>
      </c>
      <c r="AG39619">
        <v>7</v>
      </c>
      <c r="AH39619">
        <v>7</v>
      </c>
      <c r="AI39619">
        <v>7</v>
      </c>
      <c r="AJ39619">
        <v>7</v>
      </c>
      <c r="AK39619">
        <v>7</v>
      </c>
      <c r="AL39619">
        <v>7</v>
      </c>
      <c r="AM39619">
        <v>7</v>
      </c>
      <c r="AN39619">
        <v>7</v>
      </c>
      <c r="AO39619">
        <v>7</v>
      </c>
      <c r="AP39619">
        <v>7</v>
      </c>
      <c r="AQ39619">
        <v>7</v>
      </c>
    </row>
    <row r="39620" spans="1:43">
      <c r="A39620" t="s">
        <v>24579</v>
      </c>
      <c r="B39620" t="s">
        <v>24580</v>
      </c>
      <c r="C39620" t="s">
        <v>24523</v>
      </c>
      <c r="D39620" t="s">
        <v>24524</v>
      </c>
      <c r="E39620" t="s">
        <v>24517</v>
      </c>
      <c r="F39620" t="s">
        <v>24518</v>
      </c>
      <c r="G39620" t="s">
        <v>11612</v>
      </c>
      <c r="H39620" t="s">
        <v>11613</v>
      </c>
      <c r="I39620" s="2">
        <v>0</v>
      </c>
      <c r="J39620" s="2">
        <v>0</v>
      </c>
      <c r="K39620" s="2">
        <v>1</v>
      </c>
      <c r="L39620" t="s">
        <v>995</v>
      </c>
      <c r="M39620" t="s">
        <v>89</v>
      </c>
      <c r="N39620" t="s">
        <v>90</v>
      </c>
      <c r="O39620" t="s">
        <v>85</v>
      </c>
      <c r="P39620" t="s">
        <v>86</v>
      </c>
      <c r="Q39620">
        <v>6</v>
      </c>
      <c r="R39620">
        <v>6</v>
      </c>
      <c r="S39620">
        <v>6</v>
      </c>
      <c r="T39620">
        <v>6</v>
      </c>
      <c r="U39620">
        <v>6</v>
      </c>
      <c r="V39620">
        <v>6</v>
      </c>
      <c r="W39620">
        <v>6</v>
      </c>
      <c r="X39620">
        <v>6</v>
      </c>
      <c r="Y39620">
        <v>7</v>
      </c>
      <c r="Z39620">
        <v>7</v>
      </c>
      <c r="AA39620">
        <v>7</v>
      </c>
      <c r="AB39620">
        <v>7</v>
      </c>
      <c r="AC39620">
        <v>7</v>
      </c>
      <c r="AD39620">
        <v>7</v>
      </c>
      <c r="AE39620">
        <v>7</v>
      </c>
      <c r="AF39620">
        <v>7</v>
      </c>
      <c r="AG39620">
        <v>7</v>
      </c>
      <c r="AH39620">
        <v>7</v>
      </c>
      <c r="AI39620">
        <v>7</v>
      </c>
      <c r="AJ39620">
        <v>7</v>
      </c>
      <c r="AK39620">
        <v>7</v>
      </c>
      <c r="AL39620">
        <v>7</v>
      </c>
      <c r="AM39620">
        <v>7</v>
      </c>
      <c r="AN39620">
        <v>7</v>
      </c>
      <c r="AO39620">
        <v>7</v>
      </c>
      <c r="AP39620">
        <v>8</v>
      </c>
      <c r="AQ39620">
        <v>8</v>
      </c>
    </row>
    <row r="39621" spans="1:43">
      <c r="A39621" t="s">
        <v>24579</v>
      </c>
      <c r="B39621" t="s">
        <v>24580</v>
      </c>
      <c r="C39621" t="s">
        <v>24523</v>
      </c>
      <c r="D39621" t="s">
        <v>24524</v>
      </c>
      <c r="E39621" t="s">
        <v>24517</v>
      </c>
      <c r="F39621" t="s">
        <v>24518</v>
      </c>
      <c r="G39621" t="s">
        <v>11612</v>
      </c>
      <c r="H39621" t="s">
        <v>11613</v>
      </c>
      <c r="I39621" s="2">
        <v>0</v>
      </c>
      <c r="J39621" s="2">
        <v>0</v>
      </c>
      <c r="K39621" s="2">
        <v>1</v>
      </c>
      <c r="L39621" t="s">
        <v>995</v>
      </c>
      <c r="M39621" t="s">
        <v>83</v>
      </c>
      <c r="N39621" t="s">
        <v>91</v>
      </c>
      <c r="O39621" t="s">
        <v>85</v>
      </c>
      <c r="P39621" t="s">
        <v>86</v>
      </c>
      <c r="Q39621">
        <v>6</v>
      </c>
      <c r="R39621">
        <v>7</v>
      </c>
      <c r="S39621">
        <v>7</v>
      </c>
      <c r="T39621">
        <v>7</v>
      </c>
      <c r="U39621">
        <v>7</v>
      </c>
      <c r="V39621">
        <v>7</v>
      </c>
      <c r="W39621">
        <v>7</v>
      </c>
      <c r="X39621">
        <v>7</v>
      </c>
      <c r="Y39621">
        <v>7</v>
      </c>
      <c r="Z39621">
        <v>7</v>
      </c>
      <c r="AA39621">
        <v>7</v>
      </c>
      <c r="AB39621">
        <v>7</v>
      </c>
      <c r="AC39621">
        <v>8</v>
      </c>
      <c r="AD39621">
        <v>8</v>
      </c>
      <c r="AE39621">
        <v>8</v>
      </c>
      <c r="AF39621">
        <v>8</v>
      </c>
      <c r="AG39621">
        <v>8</v>
      </c>
      <c r="AH39621">
        <v>8</v>
      </c>
      <c r="AI39621">
        <v>8</v>
      </c>
      <c r="AJ39621">
        <v>8</v>
      </c>
      <c r="AK39621">
        <v>8</v>
      </c>
      <c r="AL39621">
        <v>8</v>
      </c>
      <c r="AM39621">
        <v>8</v>
      </c>
      <c r="AN39621">
        <v>8</v>
      </c>
      <c r="AO39621">
        <v>8</v>
      </c>
      <c r="AP39621">
        <v>8</v>
      </c>
      <c r="AQ39621">
        <v>8</v>
      </c>
    </row>
    <row r="39622" spans="1:43">
      <c r="A39622" t="s">
        <v>24581</v>
      </c>
      <c r="B39622" t="s">
        <v>24582</v>
      </c>
      <c r="C39622" t="s">
        <v>24557</v>
      </c>
      <c r="D39622" t="s">
        <v>24558</v>
      </c>
      <c r="E39622" t="s">
        <v>24517</v>
      </c>
      <c r="F39622" t="s">
        <v>24518</v>
      </c>
      <c r="G39622" t="s">
        <v>11612</v>
      </c>
      <c r="H39622" t="s">
        <v>11613</v>
      </c>
      <c r="I39622" s="2">
        <v>0</v>
      </c>
      <c r="J39622" s="2">
        <v>0</v>
      </c>
      <c r="K39622" s="2">
        <v>1</v>
      </c>
      <c r="L39622" t="s">
        <v>995</v>
      </c>
      <c r="M39622" t="s">
        <v>83</v>
      </c>
      <c r="N39622" t="s">
        <v>84</v>
      </c>
      <c r="O39622" t="s">
        <v>85</v>
      </c>
      <c r="P39622" t="s">
        <v>86</v>
      </c>
      <c r="Q39622">
        <v>4</v>
      </c>
      <c r="R39622">
        <v>4</v>
      </c>
      <c r="S39622">
        <v>4</v>
      </c>
      <c r="T39622">
        <v>5</v>
      </c>
      <c r="U39622">
        <v>5</v>
      </c>
      <c r="V39622">
        <v>5</v>
      </c>
      <c r="W39622">
        <v>5</v>
      </c>
      <c r="X39622">
        <v>5</v>
      </c>
      <c r="Y39622">
        <v>5</v>
      </c>
      <c r="Z39622">
        <v>5</v>
      </c>
      <c r="AA39622">
        <v>5</v>
      </c>
      <c r="AB39622">
        <v>5</v>
      </c>
      <c r="AC39622">
        <v>5</v>
      </c>
      <c r="AD39622">
        <v>5</v>
      </c>
      <c r="AE39622">
        <v>5</v>
      </c>
      <c r="AF39622">
        <v>5</v>
      </c>
      <c r="AG39622">
        <v>5</v>
      </c>
      <c r="AH39622">
        <v>5</v>
      </c>
      <c r="AI39622">
        <v>5</v>
      </c>
      <c r="AJ39622">
        <v>6</v>
      </c>
      <c r="AK39622">
        <v>6</v>
      </c>
      <c r="AL39622">
        <v>6</v>
      </c>
      <c r="AM39622">
        <v>6</v>
      </c>
      <c r="AN39622">
        <v>6</v>
      </c>
      <c r="AO39622">
        <v>6</v>
      </c>
      <c r="AP39622">
        <v>6</v>
      </c>
      <c r="AQ39622">
        <v>6</v>
      </c>
    </row>
    <row r="39623" spans="1:43">
      <c r="A39623" t="s">
        <v>24581</v>
      </c>
      <c r="B39623" t="s">
        <v>24582</v>
      </c>
      <c r="C39623" t="s">
        <v>24557</v>
      </c>
      <c r="D39623" t="s">
        <v>24558</v>
      </c>
      <c r="E39623" t="s">
        <v>24517</v>
      </c>
      <c r="F39623" t="s">
        <v>24518</v>
      </c>
      <c r="G39623" t="s">
        <v>11612</v>
      </c>
      <c r="H39623" t="s">
        <v>11613</v>
      </c>
      <c r="I39623" s="2">
        <v>0</v>
      </c>
      <c r="J39623" s="2">
        <v>0</v>
      </c>
      <c r="K39623" s="2">
        <v>1</v>
      </c>
      <c r="L39623" t="s">
        <v>995</v>
      </c>
      <c r="M39623" t="s">
        <v>87</v>
      </c>
      <c r="N39623" t="s">
        <v>88</v>
      </c>
      <c r="O39623" t="s">
        <v>85</v>
      </c>
      <c r="P39623" t="s">
        <v>86</v>
      </c>
      <c r="Q39623">
        <v>4</v>
      </c>
      <c r="R39623">
        <v>4</v>
      </c>
      <c r="S39623">
        <v>4</v>
      </c>
      <c r="T39623">
        <v>4</v>
      </c>
      <c r="U39623">
        <v>4</v>
      </c>
      <c r="V39623">
        <v>4</v>
      </c>
      <c r="W39623">
        <v>4</v>
      </c>
      <c r="X39623">
        <v>4</v>
      </c>
      <c r="Y39623">
        <v>4</v>
      </c>
      <c r="Z39623">
        <v>5</v>
      </c>
      <c r="AA39623">
        <v>5</v>
      </c>
      <c r="AB39623">
        <v>5</v>
      </c>
      <c r="AC39623">
        <v>5</v>
      </c>
      <c r="AD39623">
        <v>5</v>
      </c>
      <c r="AE39623">
        <v>5</v>
      </c>
      <c r="AF39623">
        <v>5</v>
      </c>
      <c r="AG39623">
        <v>5</v>
      </c>
      <c r="AH39623">
        <v>5</v>
      </c>
      <c r="AI39623">
        <v>5</v>
      </c>
      <c r="AJ39623">
        <v>5</v>
      </c>
      <c r="AK39623">
        <v>5</v>
      </c>
      <c r="AL39623">
        <v>5</v>
      </c>
      <c r="AM39623">
        <v>5</v>
      </c>
      <c r="AN39623">
        <v>5</v>
      </c>
      <c r="AO39623">
        <v>5</v>
      </c>
      <c r="AP39623">
        <v>5</v>
      </c>
      <c r="AQ39623">
        <v>5</v>
      </c>
    </row>
    <row r="39624" spans="1:43">
      <c r="A39624" t="s">
        <v>24581</v>
      </c>
      <c r="B39624" t="s">
        <v>24582</v>
      </c>
      <c r="C39624" t="s">
        <v>24557</v>
      </c>
      <c r="D39624" t="s">
        <v>24558</v>
      </c>
      <c r="E39624" t="s">
        <v>24517</v>
      </c>
      <c r="F39624" t="s">
        <v>24518</v>
      </c>
      <c r="G39624" t="s">
        <v>11612</v>
      </c>
      <c r="H39624" t="s">
        <v>11613</v>
      </c>
      <c r="I39624" s="2">
        <v>0</v>
      </c>
      <c r="J39624" s="2">
        <v>0</v>
      </c>
      <c r="K39624" s="2">
        <v>1</v>
      </c>
      <c r="L39624" t="s">
        <v>995</v>
      </c>
      <c r="M39624" t="s">
        <v>89</v>
      </c>
      <c r="N39624" t="s">
        <v>90</v>
      </c>
      <c r="O39624" t="s">
        <v>85</v>
      </c>
      <c r="P39624" t="s">
        <v>86</v>
      </c>
      <c r="Q39624">
        <v>4</v>
      </c>
      <c r="R39624">
        <v>5</v>
      </c>
      <c r="S39624">
        <v>5</v>
      </c>
      <c r="T39624">
        <v>5</v>
      </c>
      <c r="U39624">
        <v>5</v>
      </c>
      <c r="V39624">
        <v>5</v>
      </c>
      <c r="W39624">
        <v>5</v>
      </c>
      <c r="X39624">
        <v>5</v>
      </c>
      <c r="Y39624">
        <v>5</v>
      </c>
      <c r="Z39624">
        <v>5</v>
      </c>
      <c r="AA39624">
        <v>5</v>
      </c>
      <c r="AB39624">
        <v>5</v>
      </c>
      <c r="AC39624">
        <v>5</v>
      </c>
      <c r="AD39624">
        <v>6</v>
      </c>
      <c r="AE39624">
        <v>6</v>
      </c>
      <c r="AF39624">
        <v>6</v>
      </c>
      <c r="AG39624">
        <v>6</v>
      </c>
      <c r="AH39624">
        <v>6</v>
      </c>
      <c r="AI39624">
        <v>6</v>
      </c>
      <c r="AJ39624">
        <v>6</v>
      </c>
      <c r="AK39624">
        <v>6</v>
      </c>
      <c r="AL39624">
        <v>6</v>
      </c>
      <c r="AM39624">
        <v>6</v>
      </c>
      <c r="AN39624">
        <v>6</v>
      </c>
      <c r="AO39624">
        <v>6</v>
      </c>
      <c r="AP39624">
        <v>6</v>
      </c>
      <c r="AQ39624">
        <v>6</v>
      </c>
    </row>
    <row r="39625" spans="1:43">
      <c r="A39625" t="s">
        <v>24581</v>
      </c>
      <c r="B39625" t="s">
        <v>24582</v>
      </c>
      <c r="C39625" t="s">
        <v>24557</v>
      </c>
      <c r="D39625" t="s">
        <v>24558</v>
      </c>
      <c r="E39625" t="s">
        <v>24517</v>
      </c>
      <c r="F39625" t="s">
        <v>24518</v>
      </c>
      <c r="G39625" t="s">
        <v>11612</v>
      </c>
      <c r="H39625" t="s">
        <v>11613</v>
      </c>
      <c r="I39625" s="2">
        <v>0</v>
      </c>
      <c r="J39625" s="2">
        <v>0</v>
      </c>
      <c r="K39625" s="2">
        <v>1</v>
      </c>
      <c r="L39625" t="s">
        <v>995</v>
      </c>
      <c r="M39625" t="s">
        <v>83</v>
      </c>
      <c r="N39625" t="s">
        <v>91</v>
      </c>
      <c r="O39625" t="s">
        <v>85</v>
      </c>
      <c r="P39625" t="s">
        <v>86</v>
      </c>
      <c r="Q39625">
        <v>4</v>
      </c>
      <c r="R39625">
        <v>4</v>
      </c>
      <c r="S39625">
        <v>4</v>
      </c>
      <c r="T39625">
        <v>5</v>
      </c>
      <c r="U39625">
        <v>5</v>
      </c>
      <c r="V39625">
        <v>5</v>
      </c>
      <c r="W39625">
        <v>5</v>
      </c>
      <c r="X39625">
        <v>5</v>
      </c>
      <c r="Y39625">
        <v>5</v>
      </c>
      <c r="Z39625">
        <v>5</v>
      </c>
      <c r="AA39625">
        <v>5</v>
      </c>
      <c r="AB39625">
        <v>5</v>
      </c>
      <c r="AC39625">
        <v>5</v>
      </c>
      <c r="AD39625">
        <v>5</v>
      </c>
      <c r="AE39625">
        <v>5</v>
      </c>
      <c r="AF39625">
        <v>5</v>
      </c>
      <c r="AG39625">
        <v>5</v>
      </c>
      <c r="AH39625">
        <v>5</v>
      </c>
      <c r="AI39625">
        <v>5</v>
      </c>
      <c r="AJ39625">
        <v>6</v>
      </c>
      <c r="AK39625">
        <v>6</v>
      </c>
      <c r="AL39625">
        <v>6</v>
      </c>
      <c r="AM39625">
        <v>6</v>
      </c>
      <c r="AN39625">
        <v>6</v>
      </c>
      <c r="AO39625">
        <v>6</v>
      </c>
      <c r="AP39625">
        <v>6</v>
      </c>
      <c r="AQ39625">
        <v>6</v>
      </c>
    </row>
    <row r="39626" spans="1:43">
      <c r="A39626" t="s">
        <v>24583</v>
      </c>
      <c r="B39626" t="s">
        <v>24584</v>
      </c>
      <c r="C39626" t="s">
        <v>24585</v>
      </c>
      <c r="D39626" t="s">
        <v>24586</v>
      </c>
      <c r="E39626" t="s">
        <v>24517</v>
      </c>
      <c r="F39626" t="s">
        <v>24518</v>
      </c>
      <c r="G39626" t="s">
        <v>11612</v>
      </c>
      <c r="H39626" t="s">
        <v>11613</v>
      </c>
      <c r="I39626" s="2">
        <v>0</v>
      </c>
      <c r="J39626" s="2">
        <v>0</v>
      </c>
      <c r="K39626" s="2">
        <v>1</v>
      </c>
      <c r="L39626" t="s">
        <v>995</v>
      </c>
      <c r="M39626" t="s">
        <v>83</v>
      </c>
      <c r="N39626" t="s">
        <v>84</v>
      </c>
      <c r="O39626" t="s">
        <v>85</v>
      </c>
      <c r="P39626" t="s">
        <v>86</v>
      </c>
      <c r="Q39626">
        <v>27</v>
      </c>
      <c r="R39626">
        <v>27</v>
      </c>
      <c r="S39626">
        <v>28</v>
      </c>
      <c r="T39626">
        <v>28</v>
      </c>
      <c r="U39626">
        <v>28</v>
      </c>
      <c r="V39626">
        <v>29</v>
      </c>
      <c r="W39626">
        <v>29</v>
      </c>
      <c r="X39626">
        <v>30</v>
      </c>
      <c r="Y39626">
        <v>30</v>
      </c>
      <c r="Z39626">
        <v>31</v>
      </c>
      <c r="AA39626">
        <v>31</v>
      </c>
      <c r="AB39626">
        <v>31</v>
      </c>
      <c r="AC39626">
        <v>32</v>
      </c>
      <c r="AD39626">
        <v>32</v>
      </c>
      <c r="AE39626">
        <v>33</v>
      </c>
      <c r="AF39626">
        <v>33</v>
      </c>
      <c r="AG39626">
        <v>33</v>
      </c>
      <c r="AH39626">
        <v>34</v>
      </c>
      <c r="AI39626">
        <v>34</v>
      </c>
      <c r="AJ39626">
        <v>35</v>
      </c>
      <c r="AK39626">
        <v>35</v>
      </c>
      <c r="AL39626">
        <v>35</v>
      </c>
      <c r="AM39626">
        <v>35</v>
      </c>
      <c r="AN39626">
        <v>36</v>
      </c>
      <c r="AO39626">
        <v>36</v>
      </c>
      <c r="AP39626">
        <v>36</v>
      </c>
      <c r="AQ39626">
        <v>36</v>
      </c>
    </row>
    <row r="39627" spans="1:43">
      <c r="A39627" t="s">
        <v>24583</v>
      </c>
      <c r="B39627" t="s">
        <v>24584</v>
      </c>
      <c r="C39627" t="s">
        <v>24585</v>
      </c>
      <c r="D39627" t="s">
        <v>24586</v>
      </c>
      <c r="E39627" t="s">
        <v>24517</v>
      </c>
      <c r="F39627" t="s">
        <v>24518</v>
      </c>
      <c r="G39627" t="s">
        <v>11612</v>
      </c>
      <c r="H39627" t="s">
        <v>11613</v>
      </c>
      <c r="I39627" s="2">
        <v>0</v>
      </c>
      <c r="J39627" s="2">
        <v>0</v>
      </c>
      <c r="K39627" s="2">
        <v>1</v>
      </c>
      <c r="L39627" t="s">
        <v>995</v>
      </c>
      <c r="M39627" t="s">
        <v>87</v>
      </c>
      <c r="N39627" t="s">
        <v>88</v>
      </c>
      <c r="O39627" t="s">
        <v>85</v>
      </c>
      <c r="P39627" t="s">
        <v>86</v>
      </c>
      <c r="Q39627">
        <v>27</v>
      </c>
      <c r="R39627">
        <v>27</v>
      </c>
      <c r="S39627">
        <v>27</v>
      </c>
      <c r="T39627">
        <v>27</v>
      </c>
      <c r="U39627">
        <v>27</v>
      </c>
      <c r="V39627">
        <v>27</v>
      </c>
      <c r="W39627">
        <v>28</v>
      </c>
      <c r="X39627">
        <v>28</v>
      </c>
      <c r="Y39627">
        <v>28</v>
      </c>
      <c r="Z39627">
        <v>28</v>
      </c>
      <c r="AA39627">
        <v>28</v>
      </c>
      <c r="AB39627">
        <v>28</v>
      </c>
      <c r="AC39627">
        <v>29</v>
      </c>
      <c r="AD39627">
        <v>29</v>
      </c>
      <c r="AE39627">
        <v>29</v>
      </c>
      <c r="AF39627">
        <v>29</v>
      </c>
      <c r="AG39627">
        <v>29</v>
      </c>
      <c r="AH39627">
        <v>30</v>
      </c>
      <c r="AI39627">
        <v>30</v>
      </c>
      <c r="AJ39627">
        <v>30</v>
      </c>
      <c r="AK39627">
        <v>30</v>
      </c>
      <c r="AL39627">
        <v>30</v>
      </c>
      <c r="AM39627">
        <v>31</v>
      </c>
      <c r="AN39627">
        <v>31</v>
      </c>
      <c r="AO39627">
        <v>31</v>
      </c>
      <c r="AP39627">
        <v>31</v>
      </c>
      <c r="AQ39627">
        <v>31</v>
      </c>
    </row>
    <row r="39628" spans="1:43">
      <c r="A39628" t="s">
        <v>24583</v>
      </c>
      <c r="B39628" t="s">
        <v>24584</v>
      </c>
      <c r="C39628" t="s">
        <v>24585</v>
      </c>
      <c r="D39628" t="s">
        <v>24586</v>
      </c>
      <c r="E39628" t="s">
        <v>24517</v>
      </c>
      <c r="F39628" t="s">
        <v>24518</v>
      </c>
      <c r="G39628" t="s">
        <v>11612</v>
      </c>
      <c r="H39628" t="s">
        <v>11613</v>
      </c>
      <c r="I39628" s="2">
        <v>0</v>
      </c>
      <c r="J39628" s="2">
        <v>0</v>
      </c>
      <c r="K39628" s="2">
        <v>1</v>
      </c>
      <c r="L39628" t="s">
        <v>995</v>
      </c>
      <c r="M39628" t="s">
        <v>89</v>
      </c>
      <c r="N39628" t="s">
        <v>90</v>
      </c>
      <c r="O39628" t="s">
        <v>85</v>
      </c>
      <c r="P39628" t="s">
        <v>86</v>
      </c>
      <c r="Q39628">
        <v>27</v>
      </c>
      <c r="R39628">
        <v>28</v>
      </c>
      <c r="S39628">
        <v>28</v>
      </c>
      <c r="T39628">
        <v>29</v>
      </c>
      <c r="U39628">
        <v>30</v>
      </c>
      <c r="V39628">
        <v>30</v>
      </c>
      <c r="W39628">
        <v>31</v>
      </c>
      <c r="X39628">
        <v>31</v>
      </c>
      <c r="Y39628">
        <v>32</v>
      </c>
      <c r="Z39628">
        <v>32</v>
      </c>
      <c r="AA39628">
        <v>33</v>
      </c>
      <c r="AB39628">
        <v>33</v>
      </c>
      <c r="AC39628">
        <v>34</v>
      </c>
      <c r="AD39628">
        <v>34</v>
      </c>
      <c r="AE39628">
        <v>35</v>
      </c>
      <c r="AF39628">
        <v>35</v>
      </c>
      <c r="AG39628">
        <v>35</v>
      </c>
      <c r="AH39628">
        <v>35</v>
      </c>
      <c r="AI39628">
        <v>35</v>
      </c>
      <c r="AJ39628">
        <v>35</v>
      </c>
      <c r="AK39628">
        <v>36</v>
      </c>
      <c r="AL39628">
        <v>36</v>
      </c>
      <c r="AM39628">
        <v>36</v>
      </c>
      <c r="AN39628">
        <v>36</v>
      </c>
      <c r="AO39628">
        <v>36</v>
      </c>
      <c r="AP39628">
        <v>36</v>
      </c>
      <c r="AQ39628">
        <v>37</v>
      </c>
    </row>
    <row r="39629" spans="1:43">
      <c r="A39629" t="s">
        <v>24583</v>
      </c>
      <c r="B39629" t="s">
        <v>24584</v>
      </c>
      <c r="C39629" t="s">
        <v>24585</v>
      </c>
      <c r="D39629" t="s">
        <v>24586</v>
      </c>
      <c r="E39629" t="s">
        <v>24517</v>
      </c>
      <c r="F39629" t="s">
        <v>24518</v>
      </c>
      <c r="G39629" t="s">
        <v>11612</v>
      </c>
      <c r="H39629" t="s">
        <v>11613</v>
      </c>
      <c r="I39629" s="2">
        <v>0</v>
      </c>
      <c r="J39629" s="2">
        <v>0</v>
      </c>
      <c r="K39629" s="2">
        <v>1</v>
      </c>
      <c r="L39629" t="s">
        <v>995</v>
      </c>
      <c r="M39629" t="s">
        <v>83</v>
      </c>
      <c r="N39629" t="s">
        <v>91</v>
      </c>
      <c r="O39629" t="s">
        <v>85</v>
      </c>
      <c r="P39629" t="s">
        <v>86</v>
      </c>
      <c r="Q39629">
        <v>27</v>
      </c>
      <c r="R39629">
        <v>27</v>
      </c>
      <c r="S39629">
        <v>28</v>
      </c>
      <c r="T39629">
        <v>28</v>
      </c>
      <c r="U39629">
        <v>28</v>
      </c>
      <c r="V39629">
        <v>29</v>
      </c>
      <c r="W39629">
        <v>29</v>
      </c>
      <c r="X39629">
        <v>30</v>
      </c>
      <c r="Y39629">
        <v>30</v>
      </c>
      <c r="Z39629">
        <v>31</v>
      </c>
      <c r="AA39629">
        <v>31</v>
      </c>
      <c r="AB39629">
        <v>31</v>
      </c>
      <c r="AC39629">
        <v>32</v>
      </c>
      <c r="AD39629">
        <v>32</v>
      </c>
      <c r="AE39629">
        <v>33</v>
      </c>
      <c r="AF39629">
        <v>33</v>
      </c>
      <c r="AG39629">
        <v>33</v>
      </c>
      <c r="AH39629">
        <v>34</v>
      </c>
      <c r="AI39629">
        <v>34</v>
      </c>
      <c r="AJ39629">
        <v>35</v>
      </c>
      <c r="AK39629">
        <v>35</v>
      </c>
      <c r="AL39629">
        <v>35</v>
      </c>
      <c r="AM39629">
        <v>35</v>
      </c>
      <c r="AN39629">
        <v>36</v>
      </c>
      <c r="AO39629">
        <v>36</v>
      </c>
      <c r="AP39629">
        <v>36</v>
      </c>
      <c r="AQ39629">
        <v>36</v>
      </c>
    </row>
    <row r="39630" spans="1:43">
      <c r="A39630" t="s">
        <v>24587</v>
      </c>
      <c r="B39630" t="s">
        <v>24588</v>
      </c>
      <c r="C39630" t="s">
        <v>24585</v>
      </c>
      <c r="D39630" t="s">
        <v>24586</v>
      </c>
      <c r="E39630" t="s">
        <v>24517</v>
      </c>
      <c r="F39630" t="s">
        <v>24518</v>
      </c>
      <c r="G39630" t="s">
        <v>11612</v>
      </c>
      <c r="H39630" t="s">
        <v>11613</v>
      </c>
      <c r="I39630" s="2">
        <v>0</v>
      </c>
      <c r="J39630" s="2">
        <v>0</v>
      </c>
      <c r="K39630" s="2">
        <v>1</v>
      </c>
      <c r="L39630" t="s">
        <v>995</v>
      </c>
      <c r="M39630" t="s">
        <v>83</v>
      </c>
      <c r="N39630" t="s">
        <v>84</v>
      </c>
      <c r="O39630" t="s">
        <v>85</v>
      </c>
      <c r="P39630" t="s">
        <v>86</v>
      </c>
      <c r="Q39630">
        <v>21</v>
      </c>
      <c r="R39630">
        <v>22</v>
      </c>
      <c r="S39630">
        <v>22</v>
      </c>
      <c r="T39630">
        <v>22</v>
      </c>
      <c r="U39630">
        <v>23</v>
      </c>
      <c r="V39630">
        <v>23</v>
      </c>
      <c r="W39630">
        <v>23</v>
      </c>
      <c r="X39630">
        <v>24</v>
      </c>
      <c r="Y39630">
        <v>24</v>
      </c>
      <c r="Z39630">
        <v>24</v>
      </c>
      <c r="AA39630">
        <v>25</v>
      </c>
      <c r="AB39630">
        <v>25</v>
      </c>
      <c r="AC39630">
        <v>25</v>
      </c>
      <c r="AD39630">
        <v>26</v>
      </c>
      <c r="AE39630">
        <v>26</v>
      </c>
      <c r="AF39630">
        <v>26</v>
      </c>
      <c r="AG39630">
        <v>27</v>
      </c>
      <c r="AH39630">
        <v>27</v>
      </c>
      <c r="AI39630">
        <v>27</v>
      </c>
      <c r="AJ39630">
        <v>27</v>
      </c>
      <c r="AK39630">
        <v>28</v>
      </c>
      <c r="AL39630">
        <v>28</v>
      </c>
      <c r="AM39630">
        <v>28</v>
      </c>
      <c r="AN39630">
        <v>28</v>
      </c>
      <c r="AO39630">
        <v>28</v>
      </c>
      <c r="AP39630">
        <v>29</v>
      </c>
      <c r="AQ39630">
        <v>29</v>
      </c>
    </row>
    <row r="39631" spans="1:43">
      <c r="A39631" t="s">
        <v>24587</v>
      </c>
      <c r="B39631" t="s">
        <v>24588</v>
      </c>
      <c r="C39631" t="s">
        <v>24585</v>
      </c>
      <c r="D39631" t="s">
        <v>24586</v>
      </c>
      <c r="E39631" t="s">
        <v>24517</v>
      </c>
      <c r="F39631" t="s">
        <v>24518</v>
      </c>
      <c r="G39631" t="s">
        <v>11612</v>
      </c>
      <c r="H39631" t="s">
        <v>11613</v>
      </c>
      <c r="I39631" s="2">
        <v>0</v>
      </c>
      <c r="J39631" s="2">
        <v>0</v>
      </c>
      <c r="K39631" s="2">
        <v>1</v>
      </c>
      <c r="L39631" t="s">
        <v>995</v>
      </c>
      <c r="M39631" t="s">
        <v>87</v>
      </c>
      <c r="N39631" t="s">
        <v>88</v>
      </c>
      <c r="O39631" t="s">
        <v>85</v>
      </c>
      <c r="P39631" t="s">
        <v>86</v>
      </c>
      <c r="Q39631">
        <v>21</v>
      </c>
      <c r="R39631">
        <v>21</v>
      </c>
      <c r="S39631">
        <v>21</v>
      </c>
      <c r="T39631">
        <v>22</v>
      </c>
      <c r="U39631">
        <v>22</v>
      </c>
      <c r="V39631">
        <v>22</v>
      </c>
      <c r="W39631">
        <v>22</v>
      </c>
      <c r="X39631">
        <v>22</v>
      </c>
      <c r="Y39631">
        <v>22</v>
      </c>
      <c r="Z39631">
        <v>22</v>
      </c>
      <c r="AA39631">
        <v>22</v>
      </c>
      <c r="AB39631">
        <v>23</v>
      </c>
      <c r="AC39631">
        <v>23</v>
      </c>
      <c r="AD39631">
        <v>23</v>
      </c>
      <c r="AE39631">
        <v>23</v>
      </c>
      <c r="AF39631">
        <v>23</v>
      </c>
      <c r="AG39631">
        <v>23</v>
      </c>
      <c r="AH39631">
        <v>23</v>
      </c>
      <c r="AI39631">
        <v>24</v>
      </c>
      <c r="AJ39631">
        <v>24</v>
      </c>
      <c r="AK39631">
        <v>24</v>
      </c>
      <c r="AL39631">
        <v>24</v>
      </c>
      <c r="AM39631">
        <v>24</v>
      </c>
      <c r="AN39631">
        <v>24</v>
      </c>
      <c r="AO39631">
        <v>24</v>
      </c>
      <c r="AP39631">
        <v>25</v>
      </c>
      <c r="AQ39631">
        <v>25</v>
      </c>
    </row>
    <row r="39632" spans="1:43">
      <c r="A39632" t="s">
        <v>24587</v>
      </c>
      <c r="B39632" t="s">
        <v>24588</v>
      </c>
      <c r="C39632" t="s">
        <v>24585</v>
      </c>
      <c r="D39632" t="s">
        <v>24586</v>
      </c>
      <c r="E39632" t="s">
        <v>24517</v>
      </c>
      <c r="F39632" t="s">
        <v>24518</v>
      </c>
      <c r="G39632" t="s">
        <v>11612</v>
      </c>
      <c r="H39632" t="s">
        <v>11613</v>
      </c>
      <c r="I39632" s="2">
        <v>0</v>
      </c>
      <c r="J39632" s="2">
        <v>0</v>
      </c>
      <c r="K39632" s="2">
        <v>1</v>
      </c>
      <c r="L39632" t="s">
        <v>995</v>
      </c>
      <c r="M39632" t="s">
        <v>89</v>
      </c>
      <c r="N39632" t="s">
        <v>90</v>
      </c>
      <c r="O39632" t="s">
        <v>85</v>
      </c>
      <c r="P39632" t="s">
        <v>86</v>
      </c>
      <c r="Q39632">
        <v>21</v>
      </c>
      <c r="R39632">
        <v>21</v>
      </c>
      <c r="S39632">
        <v>22</v>
      </c>
      <c r="T39632">
        <v>22</v>
      </c>
      <c r="U39632">
        <v>23</v>
      </c>
      <c r="V39632">
        <v>23</v>
      </c>
      <c r="W39632">
        <v>24</v>
      </c>
      <c r="X39632">
        <v>24</v>
      </c>
      <c r="Y39632">
        <v>24</v>
      </c>
      <c r="Z39632">
        <v>25</v>
      </c>
      <c r="AA39632">
        <v>25</v>
      </c>
      <c r="AB39632">
        <v>26</v>
      </c>
      <c r="AC39632">
        <v>26</v>
      </c>
      <c r="AD39632">
        <v>26</v>
      </c>
      <c r="AE39632">
        <v>27</v>
      </c>
      <c r="AF39632">
        <v>27</v>
      </c>
      <c r="AG39632">
        <v>27</v>
      </c>
      <c r="AH39632">
        <v>27</v>
      </c>
      <c r="AI39632">
        <v>27</v>
      </c>
      <c r="AJ39632">
        <v>27</v>
      </c>
      <c r="AK39632">
        <v>27</v>
      </c>
      <c r="AL39632">
        <v>28</v>
      </c>
      <c r="AM39632">
        <v>28</v>
      </c>
      <c r="AN39632">
        <v>28</v>
      </c>
      <c r="AO39632">
        <v>28</v>
      </c>
      <c r="AP39632">
        <v>28</v>
      </c>
      <c r="AQ39632">
        <v>28</v>
      </c>
    </row>
    <row r="39633" spans="1:43">
      <c r="A39633" t="s">
        <v>24587</v>
      </c>
      <c r="B39633" t="s">
        <v>24588</v>
      </c>
      <c r="C39633" t="s">
        <v>24585</v>
      </c>
      <c r="D39633" t="s">
        <v>24586</v>
      </c>
      <c r="E39633" t="s">
        <v>24517</v>
      </c>
      <c r="F39633" t="s">
        <v>24518</v>
      </c>
      <c r="G39633" t="s">
        <v>11612</v>
      </c>
      <c r="H39633" t="s">
        <v>11613</v>
      </c>
      <c r="I39633" s="2">
        <v>0</v>
      </c>
      <c r="J39633" s="2">
        <v>0</v>
      </c>
      <c r="K39633" s="2">
        <v>1</v>
      </c>
      <c r="L39633" t="s">
        <v>995</v>
      </c>
      <c r="M39633" t="s">
        <v>83</v>
      </c>
      <c r="N39633" t="s">
        <v>91</v>
      </c>
      <c r="O39633" t="s">
        <v>85</v>
      </c>
      <c r="P39633" t="s">
        <v>86</v>
      </c>
      <c r="Q39633">
        <v>21</v>
      </c>
      <c r="R39633">
        <v>22</v>
      </c>
      <c r="S39633">
        <v>22</v>
      </c>
      <c r="T39633">
        <v>22</v>
      </c>
      <c r="U39633">
        <v>23</v>
      </c>
      <c r="V39633">
        <v>23</v>
      </c>
      <c r="W39633">
        <v>23</v>
      </c>
      <c r="X39633">
        <v>24</v>
      </c>
      <c r="Y39633">
        <v>24</v>
      </c>
      <c r="Z39633">
        <v>24</v>
      </c>
      <c r="AA39633">
        <v>25</v>
      </c>
      <c r="AB39633">
        <v>25</v>
      </c>
      <c r="AC39633">
        <v>25</v>
      </c>
      <c r="AD39633">
        <v>26</v>
      </c>
      <c r="AE39633">
        <v>26</v>
      </c>
      <c r="AF39633">
        <v>26</v>
      </c>
      <c r="AG39633">
        <v>27</v>
      </c>
      <c r="AH39633">
        <v>27</v>
      </c>
      <c r="AI39633">
        <v>27</v>
      </c>
      <c r="AJ39633">
        <v>27</v>
      </c>
      <c r="AK39633">
        <v>28</v>
      </c>
      <c r="AL39633">
        <v>28</v>
      </c>
      <c r="AM39633">
        <v>28</v>
      </c>
      <c r="AN39633">
        <v>28</v>
      </c>
      <c r="AO39633">
        <v>28</v>
      </c>
      <c r="AP39633">
        <v>29</v>
      </c>
      <c r="AQ39633">
        <v>29</v>
      </c>
    </row>
    <row r="39634" spans="1:43">
      <c r="A39634" t="s">
        <v>24589</v>
      </c>
      <c r="B39634" t="s">
        <v>24590</v>
      </c>
      <c r="C39634" t="s">
        <v>24585</v>
      </c>
      <c r="D39634" t="s">
        <v>24586</v>
      </c>
      <c r="E39634" t="s">
        <v>24517</v>
      </c>
      <c r="F39634" t="s">
        <v>24518</v>
      </c>
      <c r="G39634" t="s">
        <v>11612</v>
      </c>
      <c r="H39634" t="s">
        <v>11613</v>
      </c>
      <c r="I39634" s="2">
        <v>0</v>
      </c>
      <c r="J39634" s="2">
        <v>0</v>
      </c>
      <c r="K39634" s="2">
        <v>1</v>
      </c>
      <c r="L39634" t="s">
        <v>995</v>
      </c>
      <c r="M39634" t="s">
        <v>83</v>
      </c>
      <c r="N39634" t="s">
        <v>84</v>
      </c>
      <c r="O39634" t="s">
        <v>85</v>
      </c>
      <c r="P39634" t="s">
        <v>86</v>
      </c>
      <c r="Q39634">
        <v>12</v>
      </c>
      <c r="R39634">
        <v>12</v>
      </c>
      <c r="S39634">
        <v>13</v>
      </c>
      <c r="T39634">
        <v>13</v>
      </c>
      <c r="U39634">
        <v>13</v>
      </c>
      <c r="V39634">
        <v>13</v>
      </c>
      <c r="W39634">
        <v>13</v>
      </c>
      <c r="X39634">
        <v>13</v>
      </c>
      <c r="Y39634">
        <v>14</v>
      </c>
      <c r="Z39634">
        <v>14</v>
      </c>
      <c r="AA39634">
        <v>14</v>
      </c>
      <c r="AB39634">
        <v>14</v>
      </c>
      <c r="AC39634">
        <v>14</v>
      </c>
      <c r="AD39634">
        <v>15</v>
      </c>
      <c r="AE39634">
        <v>15</v>
      </c>
      <c r="AF39634">
        <v>15</v>
      </c>
      <c r="AG39634">
        <v>15</v>
      </c>
      <c r="AH39634">
        <v>15</v>
      </c>
      <c r="AI39634">
        <v>15</v>
      </c>
      <c r="AJ39634">
        <v>16</v>
      </c>
      <c r="AK39634">
        <v>16</v>
      </c>
      <c r="AL39634">
        <v>16</v>
      </c>
      <c r="AM39634">
        <v>16</v>
      </c>
      <c r="AN39634">
        <v>16</v>
      </c>
      <c r="AO39634">
        <v>16</v>
      </c>
      <c r="AP39634">
        <v>16</v>
      </c>
      <c r="AQ39634">
        <v>16</v>
      </c>
    </row>
    <row r="39635" spans="1:43">
      <c r="A39635" t="s">
        <v>24589</v>
      </c>
      <c r="B39635" t="s">
        <v>24590</v>
      </c>
      <c r="C39635" t="s">
        <v>24585</v>
      </c>
      <c r="D39635" t="s">
        <v>24586</v>
      </c>
      <c r="E39635" t="s">
        <v>24517</v>
      </c>
      <c r="F39635" t="s">
        <v>24518</v>
      </c>
      <c r="G39635" t="s">
        <v>11612</v>
      </c>
      <c r="H39635" t="s">
        <v>11613</v>
      </c>
      <c r="I39635" s="2">
        <v>0</v>
      </c>
      <c r="J39635" s="2">
        <v>0</v>
      </c>
      <c r="K39635" s="2">
        <v>1</v>
      </c>
      <c r="L39635" t="s">
        <v>995</v>
      </c>
      <c r="M39635" t="s">
        <v>87</v>
      </c>
      <c r="N39635" t="s">
        <v>88</v>
      </c>
      <c r="O39635" t="s">
        <v>85</v>
      </c>
      <c r="P39635" t="s">
        <v>86</v>
      </c>
      <c r="Q39635">
        <v>12</v>
      </c>
      <c r="R39635">
        <v>12</v>
      </c>
      <c r="S39635">
        <v>12</v>
      </c>
      <c r="T39635">
        <v>12</v>
      </c>
      <c r="U39635">
        <v>12</v>
      </c>
      <c r="V39635">
        <v>12</v>
      </c>
      <c r="W39635">
        <v>12</v>
      </c>
      <c r="X39635">
        <v>13</v>
      </c>
      <c r="Y39635">
        <v>13</v>
      </c>
      <c r="Z39635">
        <v>13</v>
      </c>
      <c r="AA39635">
        <v>13</v>
      </c>
      <c r="AB39635">
        <v>13</v>
      </c>
      <c r="AC39635">
        <v>13</v>
      </c>
      <c r="AD39635">
        <v>13</v>
      </c>
      <c r="AE39635">
        <v>13</v>
      </c>
      <c r="AF39635">
        <v>13</v>
      </c>
      <c r="AG39635">
        <v>13</v>
      </c>
      <c r="AH39635">
        <v>13</v>
      </c>
      <c r="AI39635">
        <v>13</v>
      </c>
      <c r="AJ39635">
        <v>13</v>
      </c>
      <c r="AK39635">
        <v>14</v>
      </c>
      <c r="AL39635">
        <v>14</v>
      </c>
      <c r="AM39635">
        <v>14</v>
      </c>
      <c r="AN39635">
        <v>14</v>
      </c>
      <c r="AO39635">
        <v>14</v>
      </c>
      <c r="AP39635">
        <v>14</v>
      </c>
      <c r="AQ39635">
        <v>14</v>
      </c>
    </row>
    <row r="39636" spans="1:43">
      <c r="A39636" t="s">
        <v>24589</v>
      </c>
      <c r="B39636" t="s">
        <v>24590</v>
      </c>
      <c r="C39636" t="s">
        <v>24585</v>
      </c>
      <c r="D39636" t="s">
        <v>24586</v>
      </c>
      <c r="E39636" t="s">
        <v>24517</v>
      </c>
      <c r="F39636" t="s">
        <v>24518</v>
      </c>
      <c r="G39636" t="s">
        <v>11612</v>
      </c>
      <c r="H39636" t="s">
        <v>11613</v>
      </c>
      <c r="I39636" s="2">
        <v>0</v>
      </c>
      <c r="J39636" s="2">
        <v>0</v>
      </c>
      <c r="K39636" s="2">
        <v>1</v>
      </c>
      <c r="L39636" t="s">
        <v>995</v>
      </c>
      <c r="M39636" t="s">
        <v>89</v>
      </c>
      <c r="N39636" t="s">
        <v>90</v>
      </c>
      <c r="O39636" t="s">
        <v>85</v>
      </c>
      <c r="P39636" t="s">
        <v>86</v>
      </c>
      <c r="Q39636">
        <v>12</v>
      </c>
      <c r="R39636">
        <v>13</v>
      </c>
      <c r="S39636">
        <v>13</v>
      </c>
      <c r="T39636">
        <v>13</v>
      </c>
      <c r="U39636">
        <v>13</v>
      </c>
      <c r="V39636">
        <v>14</v>
      </c>
      <c r="W39636">
        <v>14</v>
      </c>
      <c r="X39636">
        <v>14</v>
      </c>
      <c r="Y39636">
        <v>14</v>
      </c>
      <c r="Z39636">
        <v>15</v>
      </c>
      <c r="AA39636">
        <v>15</v>
      </c>
      <c r="AB39636">
        <v>15</v>
      </c>
      <c r="AC39636">
        <v>15</v>
      </c>
      <c r="AD39636">
        <v>16</v>
      </c>
      <c r="AE39636">
        <v>16</v>
      </c>
      <c r="AF39636">
        <v>16</v>
      </c>
      <c r="AG39636">
        <v>16</v>
      </c>
      <c r="AH39636">
        <v>16</v>
      </c>
      <c r="AI39636">
        <v>16</v>
      </c>
      <c r="AJ39636">
        <v>16</v>
      </c>
      <c r="AK39636">
        <v>16</v>
      </c>
      <c r="AL39636">
        <v>16</v>
      </c>
      <c r="AM39636">
        <v>16</v>
      </c>
      <c r="AN39636">
        <v>16</v>
      </c>
      <c r="AO39636">
        <v>16</v>
      </c>
      <c r="AP39636">
        <v>17</v>
      </c>
      <c r="AQ39636">
        <v>17</v>
      </c>
    </row>
    <row r="39637" spans="1:43">
      <c r="A39637" t="s">
        <v>24589</v>
      </c>
      <c r="B39637" t="s">
        <v>24590</v>
      </c>
      <c r="C39637" t="s">
        <v>24585</v>
      </c>
      <c r="D39637" t="s">
        <v>24586</v>
      </c>
      <c r="E39637" t="s">
        <v>24517</v>
      </c>
      <c r="F39637" t="s">
        <v>24518</v>
      </c>
      <c r="G39637" t="s">
        <v>11612</v>
      </c>
      <c r="H39637" t="s">
        <v>11613</v>
      </c>
      <c r="I39637" s="2">
        <v>0</v>
      </c>
      <c r="J39637" s="2">
        <v>0</v>
      </c>
      <c r="K39637" s="2">
        <v>1</v>
      </c>
      <c r="L39637" t="s">
        <v>995</v>
      </c>
      <c r="M39637" t="s">
        <v>83</v>
      </c>
      <c r="N39637" t="s">
        <v>91</v>
      </c>
      <c r="O39637" t="s">
        <v>85</v>
      </c>
      <c r="P39637" t="s">
        <v>86</v>
      </c>
      <c r="Q39637">
        <v>12</v>
      </c>
      <c r="R39637">
        <v>12</v>
      </c>
      <c r="S39637">
        <v>13</v>
      </c>
      <c r="T39637">
        <v>13</v>
      </c>
      <c r="U39637">
        <v>13</v>
      </c>
      <c r="V39637">
        <v>13</v>
      </c>
      <c r="W39637">
        <v>13</v>
      </c>
      <c r="X39637">
        <v>13</v>
      </c>
      <c r="Y39637">
        <v>14</v>
      </c>
      <c r="Z39637">
        <v>14</v>
      </c>
      <c r="AA39637">
        <v>14</v>
      </c>
      <c r="AB39637">
        <v>14</v>
      </c>
      <c r="AC39637">
        <v>14</v>
      </c>
      <c r="AD39637">
        <v>15</v>
      </c>
      <c r="AE39637">
        <v>15</v>
      </c>
      <c r="AF39637">
        <v>15</v>
      </c>
      <c r="AG39637">
        <v>15</v>
      </c>
      <c r="AH39637">
        <v>15</v>
      </c>
      <c r="AI39637">
        <v>15</v>
      </c>
      <c r="AJ39637">
        <v>16</v>
      </c>
      <c r="AK39637">
        <v>16</v>
      </c>
      <c r="AL39637">
        <v>16</v>
      </c>
      <c r="AM39637">
        <v>16</v>
      </c>
      <c r="AN39637">
        <v>16</v>
      </c>
      <c r="AO39637">
        <v>16</v>
      </c>
      <c r="AP39637">
        <v>16</v>
      </c>
      <c r="AQ39637">
        <v>16</v>
      </c>
    </row>
    <row r="39638" spans="1:43">
      <c r="A39638" t="s">
        <v>24591</v>
      </c>
      <c r="B39638" t="s">
        <v>24592</v>
      </c>
      <c r="C39638" t="s">
        <v>24585</v>
      </c>
      <c r="D39638" t="s">
        <v>24586</v>
      </c>
      <c r="E39638" t="s">
        <v>24517</v>
      </c>
      <c r="F39638" t="s">
        <v>24518</v>
      </c>
      <c r="G39638" t="s">
        <v>11612</v>
      </c>
      <c r="H39638" t="s">
        <v>11613</v>
      </c>
      <c r="I39638" s="2">
        <v>0</v>
      </c>
      <c r="J39638" s="2">
        <v>0</v>
      </c>
      <c r="K39638" s="2">
        <v>1</v>
      </c>
      <c r="L39638" t="s">
        <v>995</v>
      </c>
      <c r="M39638" t="s">
        <v>83</v>
      </c>
      <c r="N39638" t="s">
        <v>84</v>
      </c>
      <c r="O39638" t="s">
        <v>85</v>
      </c>
      <c r="P39638" t="s">
        <v>86</v>
      </c>
      <c r="Q39638">
        <v>13</v>
      </c>
      <c r="R39638">
        <v>13</v>
      </c>
      <c r="S39638">
        <v>13</v>
      </c>
      <c r="T39638">
        <v>13</v>
      </c>
      <c r="U39638">
        <v>13</v>
      </c>
      <c r="V39638">
        <v>14</v>
      </c>
      <c r="W39638">
        <v>14</v>
      </c>
      <c r="X39638">
        <v>14</v>
      </c>
      <c r="Y39638">
        <v>14</v>
      </c>
      <c r="Z39638">
        <v>14</v>
      </c>
      <c r="AA39638">
        <v>15</v>
      </c>
      <c r="AB39638">
        <v>15</v>
      </c>
      <c r="AC39638">
        <v>15</v>
      </c>
      <c r="AD39638">
        <v>15</v>
      </c>
      <c r="AE39638">
        <v>15</v>
      </c>
      <c r="AF39638">
        <v>16</v>
      </c>
      <c r="AG39638">
        <v>16</v>
      </c>
      <c r="AH39638">
        <v>16</v>
      </c>
      <c r="AI39638">
        <v>16</v>
      </c>
      <c r="AJ39638">
        <v>16</v>
      </c>
      <c r="AK39638">
        <v>16</v>
      </c>
      <c r="AL39638">
        <v>17</v>
      </c>
      <c r="AM39638">
        <v>17</v>
      </c>
      <c r="AN39638">
        <v>17</v>
      </c>
      <c r="AO39638">
        <v>17</v>
      </c>
      <c r="AP39638">
        <v>17</v>
      </c>
      <c r="AQ39638">
        <v>17</v>
      </c>
    </row>
    <row r="39639" spans="1:43">
      <c r="A39639" t="s">
        <v>24591</v>
      </c>
      <c r="B39639" t="s">
        <v>24592</v>
      </c>
      <c r="C39639" t="s">
        <v>24585</v>
      </c>
      <c r="D39639" t="s">
        <v>24586</v>
      </c>
      <c r="E39639" t="s">
        <v>24517</v>
      </c>
      <c r="F39639" t="s">
        <v>24518</v>
      </c>
      <c r="G39639" t="s">
        <v>11612</v>
      </c>
      <c r="H39639" t="s">
        <v>11613</v>
      </c>
      <c r="I39639" s="2">
        <v>0</v>
      </c>
      <c r="J39639" s="2">
        <v>0</v>
      </c>
      <c r="K39639" s="2">
        <v>1</v>
      </c>
      <c r="L39639" t="s">
        <v>995</v>
      </c>
      <c r="M39639" t="s">
        <v>87</v>
      </c>
      <c r="N39639" t="s">
        <v>88</v>
      </c>
      <c r="O39639" t="s">
        <v>85</v>
      </c>
      <c r="P39639" t="s">
        <v>86</v>
      </c>
      <c r="Q39639">
        <v>13</v>
      </c>
      <c r="R39639">
        <v>13</v>
      </c>
      <c r="S39639">
        <v>13</v>
      </c>
      <c r="T39639">
        <v>13</v>
      </c>
      <c r="U39639">
        <v>13</v>
      </c>
      <c r="V39639">
        <v>13</v>
      </c>
      <c r="W39639">
        <v>13</v>
      </c>
      <c r="X39639">
        <v>13</v>
      </c>
      <c r="Y39639">
        <v>13</v>
      </c>
      <c r="Z39639">
        <v>13</v>
      </c>
      <c r="AA39639">
        <v>13</v>
      </c>
      <c r="AB39639">
        <v>13</v>
      </c>
      <c r="AC39639">
        <v>13</v>
      </c>
      <c r="AD39639">
        <v>13</v>
      </c>
      <c r="AE39639">
        <v>14</v>
      </c>
      <c r="AF39639">
        <v>14</v>
      </c>
      <c r="AG39639">
        <v>14</v>
      </c>
      <c r="AH39639">
        <v>14</v>
      </c>
      <c r="AI39639">
        <v>14</v>
      </c>
      <c r="AJ39639">
        <v>14</v>
      </c>
      <c r="AK39639">
        <v>14</v>
      </c>
      <c r="AL39639">
        <v>14</v>
      </c>
      <c r="AM39639">
        <v>14</v>
      </c>
      <c r="AN39639">
        <v>14</v>
      </c>
      <c r="AO39639">
        <v>14</v>
      </c>
      <c r="AP39639">
        <v>15</v>
      </c>
      <c r="AQ39639">
        <v>15</v>
      </c>
    </row>
    <row r="39640" spans="1:43">
      <c r="A39640" t="s">
        <v>24591</v>
      </c>
      <c r="B39640" t="s">
        <v>24592</v>
      </c>
      <c r="C39640" t="s">
        <v>24585</v>
      </c>
      <c r="D39640" t="s">
        <v>24586</v>
      </c>
      <c r="E39640" t="s">
        <v>24517</v>
      </c>
      <c r="F39640" t="s">
        <v>24518</v>
      </c>
      <c r="G39640" t="s">
        <v>11612</v>
      </c>
      <c r="H39640" t="s">
        <v>11613</v>
      </c>
      <c r="I39640" s="2">
        <v>0</v>
      </c>
      <c r="J39640" s="2">
        <v>0</v>
      </c>
      <c r="K39640" s="2">
        <v>1</v>
      </c>
      <c r="L39640" t="s">
        <v>995</v>
      </c>
      <c r="M39640" t="s">
        <v>89</v>
      </c>
      <c r="N39640" t="s">
        <v>90</v>
      </c>
      <c r="O39640" t="s">
        <v>85</v>
      </c>
      <c r="P39640" t="s">
        <v>86</v>
      </c>
      <c r="Q39640">
        <v>13</v>
      </c>
      <c r="R39640">
        <v>13</v>
      </c>
      <c r="S39640">
        <v>13</v>
      </c>
      <c r="T39640">
        <v>14</v>
      </c>
      <c r="U39640">
        <v>14</v>
      </c>
      <c r="V39640">
        <v>14</v>
      </c>
      <c r="W39640">
        <v>14</v>
      </c>
      <c r="X39640">
        <v>15</v>
      </c>
      <c r="Y39640">
        <v>15</v>
      </c>
      <c r="Z39640">
        <v>15</v>
      </c>
      <c r="AA39640">
        <v>15</v>
      </c>
      <c r="AB39640">
        <v>16</v>
      </c>
      <c r="AC39640">
        <v>16</v>
      </c>
      <c r="AD39640">
        <v>16</v>
      </c>
      <c r="AE39640">
        <v>16</v>
      </c>
      <c r="AF39640">
        <v>16</v>
      </c>
      <c r="AG39640">
        <v>17</v>
      </c>
      <c r="AH39640">
        <v>17</v>
      </c>
      <c r="AI39640">
        <v>17</v>
      </c>
      <c r="AJ39640">
        <v>17</v>
      </c>
      <c r="AK39640">
        <v>17</v>
      </c>
      <c r="AL39640">
        <v>17</v>
      </c>
      <c r="AM39640">
        <v>17</v>
      </c>
      <c r="AN39640">
        <v>17</v>
      </c>
      <c r="AO39640">
        <v>17</v>
      </c>
      <c r="AP39640">
        <v>17</v>
      </c>
      <c r="AQ39640">
        <v>17</v>
      </c>
    </row>
    <row r="39641" spans="1:43">
      <c r="A39641" t="s">
        <v>24591</v>
      </c>
      <c r="B39641" t="s">
        <v>24592</v>
      </c>
      <c r="C39641" t="s">
        <v>24585</v>
      </c>
      <c r="D39641" t="s">
        <v>24586</v>
      </c>
      <c r="E39641" t="s">
        <v>24517</v>
      </c>
      <c r="F39641" t="s">
        <v>24518</v>
      </c>
      <c r="G39641" t="s">
        <v>11612</v>
      </c>
      <c r="H39641" t="s">
        <v>11613</v>
      </c>
      <c r="I39641" s="2">
        <v>0</v>
      </c>
      <c r="J39641" s="2">
        <v>0</v>
      </c>
      <c r="K39641" s="2">
        <v>1</v>
      </c>
      <c r="L39641" t="s">
        <v>995</v>
      </c>
      <c r="M39641" t="s">
        <v>83</v>
      </c>
      <c r="N39641" t="s">
        <v>91</v>
      </c>
      <c r="O39641" t="s">
        <v>85</v>
      </c>
      <c r="P39641" t="s">
        <v>86</v>
      </c>
      <c r="Q39641">
        <v>13</v>
      </c>
      <c r="R39641">
        <v>13</v>
      </c>
      <c r="S39641">
        <v>13</v>
      </c>
      <c r="T39641">
        <v>13</v>
      </c>
      <c r="U39641">
        <v>13</v>
      </c>
      <c r="V39641">
        <v>14</v>
      </c>
      <c r="W39641">
        <v>14</v>
      </c>
      <c r="X39641">
        <v>14</v>
      </c>
      <c r="Y39641">
        <v>14</v>
      </c>
      <c r="Z39641">
        <v>14</v>
      </c>
      <c r="AA39641">
        <v>15</v>
      </c>
      <c r="AB39641">
        <v>15</v>
      </c>
      <c r="AC39641">
        <v>15</v>
      </c>
      <c r="AD39641">
        <v>15</v>
      </c>
      <c r="AE39641">
        <v>15</v>
      </c>
      <c r="AF39641">
        <v>16</v>
      </c>
      <c r="AG39641">
        <v>16</v>
      </c>
      <c r="AH39641">
        <v>16</v>
      </c>
      <c r="AI39641">
        <v>16</v>
      </c>
      <c r="AJ39641">
        <v>16</v>
      </c>
      <c r="AK39641">
        <v>16</v>
      </c>
      <c r="AL39641">
        <v>17</v>
      </c>
      <c r="AM39641">
        <v>17</v>
      </c>
      <c r="AN39641">
        <v>17</v>
      </c>
      <c r="AO39641">
        <v>17</v>
      </c>
      <c r="AP39641">
        <v>17</v>
      </c>
      <c r="AQ39641">
        <v>17</v>
      </c>
    </row>
    <row r="39642" spans="1:43">
      <c r="A39642" t="s">
        <v>24593</v>
      </c>
      <c r="B39642" t="s">
        <v>24594</v>
      </c>
      <c r="C39642" t="s">
        <v>24585</v>
      </c>
      <c r="D39642" t="s">
        <v>24586</v>
      </c>
      <c r="E39642" t="s">
        <v>24517</v>
      </c>
      <c r="F39642" t="s">
        <v>24518</v>
      </c>
      <c r="G39642" t="s">
        <v>11612</v>
      </c>
      <c r="H39642" t="s">
        <v>11613</v>
      </c>
      <c r="I39642" s="2">
        <v>0</v>
      </c>
      <c r="J39642" s="2">
        <v>0</v>
      </c>
      <c r="K39642" s="2">
        <v>1</v>
      </c>
      <c r="L39642" t="s">
        <v>995</v>
      </c>
      <c r="M39642" t="s">
        <v>83</v>
      </c>
      <c r="N39642" t="s">
        <v>84</v>
      </c>
      <c r="O39642" t="s">
        <v>85</v>
      </c>
      <c r="P39642" t="s">
        <v>86</v>
      </c>
      <c r="Q39642">
        <v>46</v>
      </c>
      <c r="R39642">
        <v>46</v>
      </c>
      <c r="S39642">
        <v>47</v>
      </c>
      <c r="T39642">
        <v>48</v>
      </c>
      <c r="U39642">
        <v>48</v>
      </c>
      <c r="V39642">
        <v>49</v>
      </c>
      <c r="W39642">
        <v>50</v>
      </c>
      <c r="X39642">
        <v>51</v>
      </c>
      <c r="Y39642">
        <v>51</v>
      </c>
      <c r="Z39642">
        <v>52</v>
      </c>
      <c r="AA39642">
        <v>53</v>
      </c>
      <c r="AB39642">
        <v>53</v>
      </c>
      <c r="AC39642">
        <v>54</v>
      </c>
      <c r="AD39642">
        <v>55</v>
      </c>
      <c r="AE39642">
        <v>55</v>
      </c>
      <c r="AF39642">
        <v>56</v>
      </c>
      <c r="AG39642">
        <v>57</v>
      </c>
      <c r="AH39642">
        <v>57</v>
      </c>
      <c r="AI39642">
        <v>58</v>
      </c>
      <c r="AJ39642">
        <v>59</v>
      </c>
      <c r="AK39642">
        <v>59</v>
      </c>
      <c r="AL39642">
        <v>60</v>
      </c>
      <c r="AM39642">
        <v>60</v>
      </c>
      <c r="AN39642">
        <v>60</v>
      </c>
      <c r="AO39642">
        <v>61</v>
      </c>
      <c r="AP39642">
        <v>61</v>
      </c>
      <c r="AQ39642">
        <v>61</v>
      </c>
    </row>
    <row r="39643" spans="1:43">
      <c r="A39643" t="s">
        <v>24593</v>
      </c>
      <c r="B39643" t="s">
        <v>24594</v>
      </c>
      <c r="C39643" t="s">
        <v>24585</v>
      </c>
      <c r="D39643" t="s">
        <v>24586</v>
      </c>
      <c r="E39643" t="s">
        <v>24517</v>
      </c>
      <c r="F39643" t="s">
        <v>24518</v>
      </c>
      <c r="G39643" t="s">
        <v>11612</v>
      </c>
      <c r="H39643" t="s">
        <v>11613</v>
      </c>
      <c r="I39643" s="2">
        <v>0</v>
      </c>
      <c r="J39643" s="2">
        <v>0</v>
      </c>
      <c r="K39643" s="2">
        <v>1</v>
      </c>
      <c r="L39643" t="s">
        <v>995</v>
      </c>
      <c r="M39643" t="s">
        <v>87</v>
      </c>
      <c r="N39643" t="s">
        <v>88</v>
      </c>
      <c r="O39643" t="s">
        <v>85</v>
      </c>
      <c r="P39643" t="s">
        <v>86</v>
      </c>
      <c r="Q39643">
        <v>46</v>
      </c>
      <c r="R39643">
        <v>47</v>
      </c>
      <c r="S39643">
        <v>47</v>
      </c>
      <c r="T39643">
        <v>47</v>
      </c>
      <c r="U39643">
        <v>47</v>
      </c>
      <c r="V39643">
        <v>48</v>
      </c>
      <c r="W39643">
        <v>48</v>
      </c>
      <c r="X39643">
        <v>48</v>
      </c>
      <c r="Y39643">
        <v>48</v>
      </c>
      <c r="Z39643">
        <v>49</v>
      </c>
      <c r="AA39643">
        <v>49</v>
      </c>
      <c r="AB39643">
        <v>49</v>
      </c>
      <c r="AC39643">
        <v>49</v>
      </c>
      <c r="AD39643">
        <v>50</v>
      </c>
      <c r="AE39643">
        <v>50</v>
      </c>
      <c r="AF39643">
        <v>50</v>
      </c>
      <c r="AG39643">
        <v>51</v>
      </c>
      <c r="AH39643">
        <v>51</v>
      </c>
      <c r="AI39643">
        <v>51</v>
      </c>
      <c r="AJ39643">
        <v>52</v>
      </c>
      <c r="AK39643">
        <v>52</v>
      </c>
      <c r="AL39643">
        <v>52</v>
      </c>
      <c r="AM39643">
        <v>53</v>
      </c>
      <c r="AN39643">
        <v>53</v>
      </c>
      <c r="AO39643">
        <v>53</v>
      </c>
      <c r="AP39643">
        <v>54</v>
      </c>
      <c r="AQ39643">
        <v>54</v>
      </c>
    </row>
    <row r="39644" spans="1:43">
      <c r="A39644" t="s">
        <v>24593</v>
      </c>
      <c r="B39644" t="s">
        <v>24594</v>
      </c>
      <c r="C39644" t="s">
        <v>24585</v>
      </c>
      <c r="D39644" t="s">
        <v>24586</v>
      </c>
      <c r="E39644" t="s">
        <v>24517</v>
      </c>
      <c r="F39644" t="s">
        <v>24518</v>
      </c>
      <c r="G39644" t="s">
        <v>11612</v>
      </c>
      <c r="H39644" t="s">
        <v>11613</v>
      </c>
      <c r="I39644" s="2">
        <v>0</v>
      </c>
      <c r="J39644" s="2">
        <v>0</v>
      </c>
      <c r="K39644" s="2">
        <v>1</v>
      </c>
      <c r="L39644" t="s">
        <v>995</v>
      </c>
      <c r="M39644" t="s">
        <v>89</v>
      </c>
      <c r="N39644" t="s">
        <v>90</v>
      </c>
      <c r="O39644" t="s">
        <v>85</v>
      </c>
      <c r="P39644" t="s">
        <v>86</v>
      </c>
      <c r="Q39644">
        <v>46</v>
      </c>
      <c r="R39644">
        <v>47</v>
      </c>
      <c r="S39644">
        <v>48</v>
      </c>
      <c r="T39644">
        <v>49</v>
      </c>
      <c r="U39644">
        <v>50</v>
      </c>
      <c r="V39644">
        <v>51</v>
      </c>
      <c r="W39644">
        <v>52</v>
      </c>
      <c r="X39644">
        <v>53</v>
      </c>
      <c r="Y39644">
        <v>54</v>
      </c>
      <c r="Z39644">
        <v>55</v>
      </c>
      <c r="AA39644">
        <v>56</v>
      </c>
      <c r="AB39644">
        <v>57</v>
      </c>
      <c r="AC39644">
        <v>58</v>
      </c>
      <c r="AD39644">
        <v>59</v>
      </c>
      <c r="AE39644">
        <v>59</v>
      </c>
      <c r="AF39644">
        <v>59</v>
      </c>
      <c r="AG39644">
        <v>60</v>
      </c>
      <c r="AH39644">
        <v>60</v>
      </c>
      <c r="AI39644">
        <v>60</v>
      </c>
      <c r="AJ39644">
        <v>60</v>
      </c>
      <c r="AK39644">
        <v>61</v>
      </c>
      <c r="AL39644">
        <v>61</v>
      </c>
      <c r="AM39644">
        <v>61</v>
      </c>
      <c r="AN39644">
        <v>61</v>
      </c>
      <c r="AO39644">
        <v>62</v>
      </c>
      <c r="AP39644">
        <v>62</v>
      </c>
      <c r="AQ39644">
        <v>62</v>
      </c>
    </row>
    <row r="39645" spans="1:43">
      <c r="A39645" t="s">
        <v>24593</v>
      </c>
      <c r="B39645" t="s">
        <v>24594</v>
      </c>
      <c r="C39645" t="s">
        <v>24585</v>
      </c>
      <c r="D39645" t="s">
        <v>24586</v>
      </c>
      <c r="E39645" t="s">
        <v>24517</v>
      </c>
      <c r="F39645" t="s">
        <v>24518</v>
      </c>
      <c r="G39645" t="s">
        <v>11612</v>
      </c>
      <c r="H39645" t="s">
        <v>11613</v>
      </c>
      <c r="I39645" s="2">
        <v>0</v>
      </c>
      <c r="J39645" s="2">
        <v>0</v>
      </c>
      <c r="K39645" s="2">
        <v>1</v>
      </c>
      <c r="L39645" t="s">
        <v>995</v>
      </c>
      <c r="M39645" t="s">
        <v>83</v>
      </c>
      <c r="N39645" t="s">
        <v>91</v>
      </c>
      <c r="O39645" t="s">
        <v>85</v>
      </c>
      <c r="P39645" t="s">
        <v>86</v>
      </c>
      <c r="Q39645">
        <v>46</v>
      </c>
      <c r="R39645">
        <v>46</v>
      </c>
      <c r="S39645">
        <v>47</v>
      </c>
      <c r="T39645">
        <v>48</v>
      </c>
      <c r="U39645">
        <v>48</v>
      </c>
      <c r="V39645">
        <v>49</v>
      </c>
      <c r="W39645">
        <v>50</v>
      </c>
      <c r="X39645">
        <v>51</v>
      </c>
      <c r="Y39645">
        <v>51</v>
      </c>
      <c r="Z39645">
        <v>52</v>
      </c>
      <c r="AA39645">
        <v>53</v>
      </c>
      <c r="AB39645">
        <v>53</v>
      </c>
      <c r="AC39645">
        <v>54</v>
      </c>
      <c r="AD39645">
        <v>55</v>
      </c>
      <c r="AE39645">
        <v>55</v>
      </c>
      <c r="AF39645">
        <v>56</v>
      </c>
      <c r="AG39645">
        <v>57</v>
      </c>
      <c r="AH39645">
        <v>57</v>
      </c>
      <c r="AI39645">
        <v>58</v>
      </c>
      <c r="AJ39645">
        <v>59</v>
      </c>
      <c r="AK39645">
        <v>59</v>
      </c>
      <c r="AL39645">
        <v>60</v>
      </c>
      <c r="AM39645">
        <v>60</v>
      </c>
      <c r="AN39645">
        <v>60</v>
      </c>
      <c r="AO39645">
        <v>61</v>
      </c>
      <c r="AP39645">
        <v>61</v>
      </c>
      <c r="AQ39645">
        <v>61</v>
      </c>
    </row>
    <row r="39646" spans="1:43">
      <c r="A39646" t="s">
        <v>24595</v>
      </c>
      <c r="B39646" t="s">
        <v>24596</v>
      </c>
      <c r="C39646" t="s">
        <v>24553</v>
      </c>
      <c r="D39646" t="s">
        <v>24554</v>
      </c>
      <c r="E39646" t="s">
        <v>24517</v>
      </c>
      <c r="F39646" t="s">
        <v>24518</v>
      </c>
      <c r="G39646" t="s">
        <v>11612</v>
      </c>
      <c r="H39646" t="s">
        <v>11613</v>
      </c>
      <c r="I39646" s="2">
        <v>0</v>
      </c>
      <c r="J39646" s="2">
        <v>0</v>
      </c>
      <c r="K39646" s="2">
        <v>1</v>
      </c>
      <c r="L39646" t="s">
        <v>995</v>
      </c>
      <c r="M39646" t="s">
        <v>83</v>
      </c>
      <c r="N39646" t="s">
        <v>84</v>
      </c>
      <c r="O39646" t="s">
        <v>85</v>
      </c>
      <c r="P39646" t="s">
        <v>86</v>
      </c>
      <c r="Q39646">
        <v>20</v>
      </c>
      <c r="R39646">
        <v>21</v>
      </c>
      <c r="S39646">
        <v>21</v>
      </c>
      <c r="T39646">
        <v>21</v>
      </c>
      <c r="U39646">
        <v>22</v>
      </c>
      <c r="V39646">
        <v>22</v>
      </c>
      <c r="W39646">
        <v>23</v>
      </c>
      <c r="X39646">
        <v>23</v>
      </c>
      <c r="Y39646">
        <v>23</v>
      </c>
      <c r="Z39646">
        <v>24</v>
      </c>
      <c r="AA39646">
        <v>24</v>
      </c>
      <c r="AB39646">
        <v>25</v>
      </c>
      <c r="AC39646">
        <v>25</v>
      </c>
      <c r="AD39646">
        <v>25</v>
      </c>
      <c r="AE39646">
        <v>26</v>
      </c>
      <c r="AF39646">
        <v>26</v>
      </c>
      <c r="AG39646">
        <v>26</v>
      </c>
      <c r="AH39646">
        <v>27</v>
      </c>
      <c r="AI39646">
        <v>27</v>
      </c>
      <c r="AJ39646">
        <v>27</v>
      </c>
      <c r="AK39646">
        <v>28</v>
      </c>
      <c r="AL39646">
        <v>28</v>
      </c>
      <c r="AM39646">
        <v>28</v>
      </c>
      <c r="AN39646">
        <v>28</v>
      </c>
      <c r="AO39646">
        <v>28</v>
      </c>
      <c r="AP39646">
        <v>29</v>
      </c>
      <c r="AQ39646">
        <v>29</v>
      </c>
    </row>
    <row r="39647" spans="1:43">
      <c r="A39647" t="s">
        <v>24595</v>
      </c>
      <c r="B39647" t="s">
        <v>24596</v>
      </c>
      <c r="C39647" t="s">
        <v>24553</v>
      </c>
      <c r="D39647" t="s">
        <v>24554</v>
      </c>
      <c r="E39647" t="s">
        <v>24517</v>
      </c>
      <c r="F39647" t="s">
        <v>24518</v>
      </c>
      <c r="G39647" t="s">
        <v>11612</v>
      </c>
      <c r="H39647" t="s">
        <v>11613</v>
      </c>
      <c r="I39647" s="2">
        <v>0</v>
      </c>
      <c r="J39647" s="2">
        <v>0</v>
      </c>
      <c r="K39647" s="2">
        <v>1</v>
      </c>
      <c r="L39647" t="s">
        <v>995</v>
      </c>
      <c r="M39647" t="s">
        <v>87</v>
      </c>
      <c r="N39647" t="s">
        <v>88</v>
      </c>
      <c r="O39647" t="s">
        <v>85</v>
      </c>
      <c r="P39647" t="s">
        <v>86</v>
      </c>
      <c r="Q39647">
        <v>20</v>
      </c>
      <c r="R39647">
        <v>20</v>
      </c>
      <c r="S39647">
        <v>21</v>
      </c>
      <c r="T39647">
        <v>21</v>
      </c>
      <c r="U39647">
        <v>21</v>
      </c>
      <c r="V39647">
        <v>21</v>
      </c>
      <c r="W39647">
        <v>21</v>
      </c>
      <c r="X39647">
        <v>21</v>
      </c>
      <c r="Y39647">
        <v>22</v>
      </c>
      <c r="Z39647">
        <v>22</v>
      </c>
      <c r="AA39647">
        <v>22</v>
      </c>
      <c r="AB39647">
        <v>22</v>
      </c>
      <c r="AC39647">
        <v>22</v>
      </c>
      <c r="AD39647">
        <v>23</v>
      </c>
      <c r="AE39647">
        <v>23</v>
      </c>
      <c r="AF39647">
        <v>23</v>
      </c>
      <c r="AG39647">
        <v>23</v>
      </c>
      <c r="AH39647">
        <v>24</v>
      </c>
      <c r="AI39647">
        <v>24</v>
      </c>
      <c r="AJ39647">
        <v>24</v>
      </c>
      <c r="AK39647">
        <v>24</v>
      </c>
      <c r="AL39647">
        <v>25</v>
      </c>
      <c r="AM39647">
        <v>25</v>
      </c>
      <c r="AN39647">
        <v>25</v>
      </c>
      <c r="AO39647">
        <v>25</v>
      </c>
      <c r="AP39647">
        <v>26</v>
      </c>
      <c r="AQ39647">
        <v>26</v>
      </c>
    </row>
    <row r="39648" spans="1:43">
      <c r="A39648" t="s">
        <v>24595</v>
      </c>
      <c r="B39648" t="s">
        <v>24596</v>
      </c>
      <c r="C39648" t="s">
        <v>24553</v>
      </c>
      <c r="D39648" t="s">
        <v>24554</v>
      </c>
      <c r="E39648" t="s">
        <v>24517</v>
      </c>
      <c r="F39648" t="s">
        <v>24518</v>
      </c>
      <c r="G39648" t="s">
        <v>11612</v>
      </c>
      <c r="H39648" t="s">
        <v>11613</v>
      </c>
      <c r="I39648" s="2">
        <v>0</v>
      </c>
      <c r="J39648" s="2">
        <v>0</v>
      </c>
      <c r="K39648" s="2">
        <v>1</v>
      </c>
      <c r="L39648" t="s">
        <v>995</v>
      </c>
      <c r="M39648" t="s">
        <v>89</v>
      </c>
      <c r="N39648" t="s">
        <v>90</v>
      </c>
      <c r="O39648" t="s">
        <v>85</v>
      </c>
      <c r="P39648" t="s">
        <v>86</v>
      </c>
      <c r="Q39648">
        <v>20</v>
      </c>
      <c r="R39648">
        <v>20</v>
      </c>
      <c r="S39648">
        <v>21</v>
      </c>
      <c r="T39648">
        <v>21</v>
      </c>
      <c r="U39648">
        <v>22</v>
      </c>
      <c r="V39648">
        <v>22</v>
      </c>
      <c r="W39648">
        <v>23</v>
      </c>
      <c r="X39648">
        <v>23</v>
      </c>
      <c r="Y39648">
        <v>24</v>
      </c>
      <c r="Z39648">
        <v>24</v>
      </c>
      <c r="AA39648">
        <v>24</v>
      </c>
      <c r="AB39648">
        <v>25</v>
      </c>
      <c r="AC39648">
        <v>25</v>
      </c>
      <c r="AD39648">
        <v>26</v>
      </c>
      <c r="AE39648">
        <v>26</v>
      </c>
      <c r="AF39648">
        <v>26</v>
      </c>
      <c r="AG39648">
        <v>26</v>
      </c>
      <c r="AH39648">
        <v>26</v>
      </c>
      <c r="AI39648">
        <v>27</v>
      </c>
      <c r="AJ39648">
        <v>27</v>
      </c>
      <c r="AK39648">
        <v>27</v>
      </c>
      <c r="AL39648">
        <v>27</v>
      </c>
      <c r="AM39648">
        <v>27</v>
      </c>
      <c r="AN39648">
        <v>28</v>
      </c>
      <c r="AO39648">
        <v>28</v>
      </c>
      <c r="AP39648">
        <v>28</v>
      </c>
      <c r="AQ39648">
        <v>28</v>
      </c>
    </row>
    <row r="39649" spans="1:43">
      <c r="A39649" t="s">
        <v>24595</v>
      </c>
      <c r="B39649" t="s">
        <v>24596</v>
      </c>
      <c r="C39649" t="s">
        <v>24553</v>
      </c>
      <c r="D39649" t="s">
        <v>24554</v>
      </c>
      <c r="E39649" t="s">
        <v>24517</v>
      </c>
      <c r="F39649" t="s">
        <v>24518</v>
      </c>
      <c r="G39649" t="s">
        <v>11612</v>
      </c>
      <c r="H39649" t="s">
        <v>11613</v>
      </c>
      <c r="I39649" s="2">
        <v>0</v>
      </c>
      <c r="J39649" s="2">
        <v>0</v>
      </c>
      <c r="K39649" s="2">
        <v>1</v>
      </c>
      <c r="L39649" t="s">
        <v>995</v>
      </c>
      <c r="M39649" t="s">
        <v>83</v>
      </c>
      <c r="N39649" t="s">
        <v>91</v>
      </c>
      <c r="O39649" t="s">
        <v>85</v>
      </c>
      <c r="P39649" t="s">
        <v>86</v>
      </c>
      <c r="Q39649">
        <v>20</v>
      </c>
      <c r="R39649">
        <v>21</v>
      </c>
      <c r="S39649">
        <v>21</v>
      </c>
      <c r="T39649">
        <v>21</v>
      </c>
      <c r="U39649">
        <v>22</v>
      </c>
      <c r="V39649">
        <v>22</v>
      </c>
      <c r="W39649">
        <v>23</v>
      </c>
      <c r="X39649">
        <v>23</v>
      </c>
      <c r="Y39649">
        <v>23</v>
      </c>
      <c r="Z39649">
        <v>24</v>
      </c>
      <c r="AA39649">
        <v>24</v>
      </c>
      <c r="AB39649">
        <v>25</v>
      </c>
      <c r="AC39649">
        <v>25</v>
      </c>
      <c r="AD39649">
        <v>25</v>
      </c>
      <c r="AE39649">
        <v>26</v>
      </c>
      <c r="AF39649">
        <v>26</v>
      </c>
      <c r="AG39649">
        <v>26</v>
      </c>
      <c r="AH39649">
        <v>27</v>
      </c>
      <c r="AI39649">
        <v>27</v>
      </c>
      <c r="AJ39649">
        <v>27</v>
      </c>
      <c r="AK39649">
        <v>28</v>
      </c>
      <c r="AL39649">
        <v>28</v>
      </c>
      <c r="AM39649">
        <v>28</v>
      </c>
      <c r="AN39649">
        <v>28</v>
      </c>
      <c r="AO39649">
        <v>28</v>
      </c>
      <c r="AP39649">
        <v>29</v>
      </c>
      <c r="AQ39649">
        <v>29</v>
      </c>
    </row>
    <row r="39650" spans="1:43">
      <c r="A39650" t="s">
        <v>24597</v>
      </c>
      <c r="B39650" t="s">
        <v>24598</v>
      </c>
      <c r="C39650" t="s">
        <v>24547</v>
      </c>
      <c r="D39650" t="s">
        <v>24548</v>
      </c>
      <c r="E39650" t="s">
        <v>24517</v>
      </c>
      <c r="F39650" t="s">
        <v>24518</v>
      </c>
      <c r="G39650" t="s">
        <v>11612</v>
      </c>
      <c r="H39650" t="s">
        <v>11613</v>
      </c>
      <c r="I39650" s="2">
        <v>0</v>
      </c>
      <c r="J39650" s="2">
        <v>0</v>
      </c>
      <c r="K39650" s="2">
        <v>1</v>
      </c>
      <c r="L39650" t="s">
        <v>995</v>
      </c>
      <c r="M39650" t="s">
        <v>83</v>
      </c>
      <c r="N39650" t="s">
        <v>84</v>
      </c>
      <c r="O39650" t="s">
        <v>85</v>
      </c>
      <c r="P39650" t="s">
        <v>86</v>
      </c>
      <c r="Q39650">
        <v>23</v>
      </c>
      <c r="R39650">
        <v>23</v>
      </c>
      <c r="S39650">
        <v>24</v>
      </c>
      <c r="T39650">
        <v>24</v>
      </c>
      <c r="U39650">
        <v>24</v>
      </c>
      <c r="V39650">
        <v>25</v>
      </c>
      <c r="W39650">
        <v>25</v>
      </c>
      <c r="X39650">
        <v>26</v>
      </c>
      <c r="Y39650">
        <v>26</v>
      </c>
      <c r="Z39650">
        <v>27</v>
      </c>
      <c r="AA39650">
        <v>27</v>
      </c>
      <c r="AB39650">
        <v>27</v>
      </c>
      <c r="AC39650">
        <v>28</v>
      </c>
      <c r="AD39650">
        <v>28</v>
      </c>
      <c r="AE39650">
        <v>29</v>
      </c>
      <c r="AF39650">
        <v>29</v>
      </c>
      <c r="AG39650">
        <v>30</v>
      </c>
      <c r="AH39650">
        <v>30</v>
      </c>
      <c r="AI39650">
        <v>31</v>
      </c>
      <c r="AJ39650">
        <v>31</v>
      </c>
      <c r="AK39650">
        <v>32</v>
      </c>
      <c r="AL39650">
        <v>32</v>
      </c>
      <c r="AM39650">
        <v>32</v>
      </c>
      <c r="AN39650">
        <v>33</v>
      </c>
      <c r="AO39650">
        <v>33</v>
      </c>
      <c r="AP39650">
        <v>33</v>
      </c>
      <c r="AQ39650">
        <v>34</v>
      </c>
    </row>
    <row r="39651" spans="1:43">
      <c r="A39651" t="s">
        <v>24597</v>
      </c>
      <c r="B39651" t="s">
        <v>24598</v>
      </c>
      <c r="C39651" t="s">
        <v>24547</v>
      </c>
      <c r="D39651" t="s">
        <v>24548</v>
      </c>
      <c r="E39651" t="s">
        <v>24517</v>
      </c>
      <c r="F39651" t="s">
        <v>24518</v>
      </c>
      <c r="G39651" t="s">
        <v>11612</v>
      </c>
      <c r="H39651" t="s">
        <v>11613</v>
      </c>
      <c r="I39651" s="2">
        <v>0</v>
      </c>
      <c r="J39651" s="2">
        <v>0</v>
      </c>
      <c r="K39651" s="2">
        <v>1</v>
      </c>
      <c r="L39651" t="s">
        <v>995</v>
      </c>
      <c r="M39651" t="s">
        <v>87</v>
      </c>
      <c r="N39651" t="s">
        <v>88</v>
      </c>
      <c r="O39651" t="s">
        <v>85</v>
      </c>
      <c r="P39651" t="s">
        <v>86</v>
      </c>
      <c r="Q39651">
        <v>23</v>
      </c>
      <c r="R39651">
        <v>24</v>
      </c>
      <c r="S39651">
        <v>24</v>
      </c>
      <c r="T39651">
        <v>24</v>
      </c>
      <c r="U39651">
        <v>24</v>
      </c>
      <c r="V39651">
        <v>24</v>
      </c>
      <c r="W39651">
        <v>25</v>
      </c>
      <c r="X39651">
        <v>25</v>
      </c>
      <c r="Y39651">
        <v>25</v>
      </c>
      <c r="Z39651">
        <v>25</v>
      </c>
      <c r="AA39651">
        <v>26</v>
      </c>
      <c r="AB39651">
        <v>26</v>
      </c>
      <c r="AC39651">
        <v>26</v>
      </c>
      <c r="AD39651">
        <v>26</v>
      </c>
      <c r="AE39651">
        <v>27</v>
      </c>
      <c r="AF39651">
        <v>27</v>
      </c>
      <c r="AG39651">
        <v>27</v>
      </c>
      <c r="AH39651">
        <v>27</v>
      </c>
      <c r="AI39651">
        <v>28</v>
      </c>
      <c r="AJ39651">
        <v>28</v>
      </c>
      <c r="AK39651">
        <v>28</v>
      </c>
      <c r="AL39651">
        <v>28</v>
      </c>
      <c r="AM39651">
        <v>29</v>
      </c>
      <c r="AN39651">
        <v>29</v>
      </c>
      <c r="AO39651">
        <v>29</v>
      </c>
      <c r="AP39651">
        <v>29</v>
      </c>
      <c r="AQ39651">
        <v>30</v>
      </c>
    </row>
    <row r="39652" spans="1:43">
      <c r="A39652" t="s">
        <v>24597</v>
      </c>
      <c r="B39652" t="s">
        <v>24598</v>
      </c>
      <c r="C39652" t="s">
        <v>24547</v>
      </c>
      <c r="D39652" t="s">
        <v>24548</v>
      </c>
      <c r="E39652" t="s">
        <v>24517</v>
      </c>
      <c r="F39652" t="s">
        <v>24518</v>
      </c>
      <c r="G39652" t="s">
        <v>11612</v>
      </c>
      <c r="H39652" t="s">
        <v>11613</v>
      </c>
      <c r="I39652" s="2">
        <v>0</v>
      </c>
      <c r="J39652" s="2">
        <v>0</v>
      </c>
      <c r="K39652" s="2">
        <v>1</v>
      </c>
      <c r="L39652" t="s">
        <v>995</v>
      </c>
      <c r="M39652" t="s">
        <v>89</v>
      </c>
      <c r="N39652" t="s">
        <v>90</v>
      </c>
      <c r="O39652" t="s">
        <v>85</v>
      </c>
      <c r="P39652" t="s">
        <v>86</v>
      </c>
      <c r="Q39652">
        <v>23</v>
      </c>
      <c r="R39652">
        <v>23</v>
      </c>
      <c r="S39652">
        <v>24</v>
      </c>
      <c r="T39652">
        <v>25</v>
      </c>
      <c r="U39652">
        <v>25</v>
      </c>
      <c r="V39652">
        <v>26</v>
      </c>
      <c r="W39652">
        <v>27</v>
      </c>
      <c r="X39652">
        <v>27</v>
      </c>
      <c r="Y39652">
        <v>28</v>
      </c>
      <c r="Z39652">
        <v>28</v>
      </c>
      <c r="AA39652">
        <v>29</v>
      </c>
      <c r="AB39652">
        <v>29</v>
      </c>
      <c r="AC39652">
        <v>30</v>
      </c>
      <c r="AD39652">
        <v>30</v>
      </c>
      <c r="AE39652">
        <v>31</v>
      </c>
      <c r="AF39652">
        <v>31</v>
      </c>
      <c r="AG39652">
        <v>31</v>
      </c>
      <c r="AH39652">
        <v>32</v>
      </c>
      <c r="AI39652">
        <v>32</v>
      </c>
      <c r="AJ39652">
        <v>32</v>
      </c>
      <c r="AK39652">
        <v>33</v>
      </c>
      <c r="AL39652">
        <v>33</v>
      </c>
      <c r="AM39652">
        <v>33</v>
      </c>
      <c r="AN39652">
        <v>34</v>
      </c>
      <c r="AO39652">
        <v>34</v>
      </c>
      <c r="AP39652">
        <v>34</v>
      </c>
      <c r="AQ39652">
        <v>35</v>
      </c>
    </row>
    <row r="39653" spans="1:43">
      <c r="A39653" t="s">
        <v>24597</v>
      </c>
      <c r="B39653" t="s">
        <v>24598</v>
      </c>
      <c r="C39653" t="s">
        <v>24547</v>
      </c>
      <c r="D39653" t="s">
        <v>24548</v>
      </c>
      <c r="E39653" t="s">
        <v>24517</v>
      </c>
      <c r="F39653" t="s">
        <v>24518</v>
      </c>
      <c r="G39653" t="s">
        <v>11612</v>
      </c>
      <c r="H39653" t="s">
        <v>11613</v>
      </c>
      <c r="I39653" s="2">
        <v>0</v>
      </c>
      <c r="J39653" s="2">
        <v>0</v>
      </c>
      <c r="K39653" s="2">
        <v>1</v>
      </c>
      <c r="L39653" t="s">
        <v>995</v>
      </c>
      <c r="M39653" t="s">
        <v>83</v>
      </c>
      <c r="N39653" t="s">
        <v>91</v>
      </c>
      <c r="O39653" t="s">
        <v>85</v>
      </c>
      <c r="P39653" t="s">
        <v>86</v>
      </c>
      <c r="Q39653">
        <v>23</v>
      </c>
      <c r="R39653">
        <v>23</v>
      </c>
      <c r="S39653">
        <v>24</v>
      </c>
      <c r="T39653">
        <v>24</v>
      </c>
      <c r="U39653">
        <v>24</v>
      </c>
      <c r="V39653">
        <v>25</v>
      </c>
      <c r="W39653">
        <v>25</v>
      </c>
      <c r="X39653">
        <v>26</v>
      </c>
      <c r="Y39653">
        <v>26</v>
      </c>
      <c r="Z39653">
        <v>27</v>
      </c>
      <c r="AA39653">
        <v>27</v>
      </c>
      <c r="AB39653">
        <v>27</v>
      </c>
      <c r="AC39653">
        <v>28</v>
      </c>
      <c r="AD39653">
        <v>28</v>
      </c>
      <c r="AE39653">
        <v>29</v>
      </c>
      <c r="AF39653">
        <v>29</v>
      </c>
      <c r="AG39653">
        <v>30</v>
      </c>
      <c r="AH39653">
        <v>30</v>
      </c>
      <c r="AI39653">
        <v>31</v>
      </c>
      <c r="AJ39653">
        <v>31</v>
      </c>
      <c r="AK39653">
        <v>32</v>
      </c>
      <c r="AL39653">
        <v>32</v>
      </c>
      <c r="AM39653">
        <v>32</v>
      </c>
      <c r="AN39653">
        <v>33</v>
      </c>
      <c r="AO39653">
        <v>33</v>
      </c>
      <c r="AP39653">
        <v>33</v>
      </c>
      <c r="AQ39653">
        <v>34</v>
      </c>
    </row>
    <row r="39654" spans="1:43">
      <c r="A39654" t="s">
        <v>24599</v>
      </c>
      <c r="B39654" t="s">
        <v>24600</v>
      </c>
      <c r="C39654" t="s">
        <v>24553</v>
      </c>
      <c r="D39654" t="s">
        <v>24554</v>
      </c>
      <c r="E39654" t="s">
        <v>24517</v>
      </c>
      <c r="F39654" t="s">
        <v>24518</v>
      </c>
      <c r="G39654" t="s">
        <v>11612</v>
      </c>
      <c r="H39654" t="s">
        <v>11613</v>
      </c>
      <c r="I39654" s="2">
        <v>0</v>
      </c>
      <c r="J39654" s="2">
        <v>0</v>
      </c>
      <c r="K39654" s="2">
        <v>1</v>
      </c>
      <c r="L39654" t="s">
        <v>995</v>
      </c>
      <c r="M39654" t="s">
        <v>83</v>
      </c>
      <c r="N39654" t="s">
        <v>84</v>
      </c>
      <c r="O39654" t="s">
        <v>85</v>
      </c>
      <c r="P39654" t="s">
        <v>86</v>
      </c>
      <c r="Q39654">
        <v>72</v>
      </c>
      <c r="R39654">
        <v>73</v>
      </c>
      <c r="S39654">
        <v>74</v>
      </c>
      <c r="T39654">
        <v>76</v>
      </c>
      <c r="U39654">
        <v>77</v>
      </c>
      <c r="V39654">
        <v>78</v>
      </c>
      <c r="W39654">
        <v>80</v>
      </c>
      <c r="X39654">
        <v>81</v>
      </c>
      <c r="Y39654">
        <v>82</v>
      </c>
      <c r="Z39654">
        <v>84</v>
      </c>
      <c r="AA39654">
        <v>85</v>
      </c>
      <c r="AB39654">
        <v>87</v>
      </c>
      <c r="AC39654">
        <v>88</v>
      </c>
      <c r="AD39654">
        <v>89</v>
      </c>
      <c r="AE39654">
        <v>91</v>
      </c>
      <c r="AF39654">
        <v>92</v>
      </c>
      <c r="AG39654">
        <v>94</v>
      </c>
      <c r="AH39654">
        <v>95</v>
      </c>
      <c r="AI39654">
        <v>97</v>
      </c>
      <c r="AJ39654">
        <v>98</v>
      </c>
      <c r="AK39654">
        <v>100</v>
      </c>
      <c r="AL39654">
        <v>101</v>
      </c>
      <c r="AM39654">
        <v>102</v>
      </c>
      <c r="AN39654">
        <v>103</v>
      </c>
      <c r="AO39654">
        <v>104</v>
      </c>
      <c r="AP39654">
        <v>105</v>
      </c>
      <c r="AQ39654">
        <v>106</v>
      </c>
    </row>
    <row r="39655" spans="1:43">
      <c r="A39655" t="s">
        <v>24599</v>
      </c>
      <c r="B39655" t="s">
        <v>24600</v>
      </c>
      <c r="C39655" t="s">
        <v>24553</v>
      </c>
      <c r="D39655" t="s">
        <v>24554</v>
      </c>
      <c r="E39655" t="s">
        <v>24517</v>
      </c>
      <c r="F39655" t="s">
        <v>24518</v>
      </c>
      <c r="G39655" t="s">
        <v>11612</v>
      </c>
      <c r="H39655" t="s">
        <v>11613</v>
      </c>
      <c r="I39655" s="2">
        <v>0</v>
      </c>
      <c r="J39655" s="2">
        <v>0</v>
      </c>
      <c r="K39655" s="2">
        <v>1</v>
      </c>
      <c r="L39655" t="s">
        <v>995</v>
      </c>
      <c r="M39655" t="s">
        <v>87</v>
      </c>
      <c r="N39655" t="s">
        <v>88</v>
      </c>
      <c r="O39655" t="s">
        <v>85</v>
      </c>
      <c r="P39655" t="s">
        <v>86</v>
      </c>
      <c r="Q39655">
        <v>72</v>
      </c>
      <c r="R39655">
        <v>73</v>
      </c>
      <c r="S39655">
        <v>73</v>
      </c>
      <c r="T39655">
        <v>74</v>
      </c>
      <c r="U39655">
        <v>74</v>
      </c>
      <c r="V39655">
        <v>75</v>
      </c>
      <c r="W39655">
        <v>76</v>
      </c>
      <c r="X39655">
        <v>77</v>
      </c>
      <c r="Y39655">
        <v>77</v>
      </c>
      <c r="Z39655">
        <v>78</v>
      </c>
      <c r="AA39655">
        <v>79</v>
      </c>
      <c r="AB39655">
        <v>79</v>
      </c>
      <c r="AC39655">
        <v>80</v>
      </c>
      <c r="AD39655">
        <v>81</v>
      </c>
      <c r="AE39655">
        <v>82</v>
      </c>
      <c r="AF39655">
        <v>82</v>
      </c>
      <c r="AG39655">
        <v>83</v>
      </c>
      <c r="AH39655">
        <v>84</v>
      </c>
      <c r="AI39655">
        <v>85</v>
      </c>
      <c r="AJ39655">
        <v>86</v>
      </c>
      <c r="AK39655">
        <v>86</v>
      </c>
      <c r="AL39655">
        <v>87</v>
      </c>
      <c r="AM39655">
        <v>88</v>
      </c>
      <c r="AN39655">
        <v>89</v>
      </c>
      <c r="AO39655">
        <v>90</v>
      </c>
      <c r="AP39655">
        <v>91</v>
      </c>
      <c r="AQ39655">
        <v>92</v>
      </c>
    </row>
    <row r="39656" spans="1:43">
      <c r="A39656" t="s">
        <v>24599</v>
      </c>
      <c r="B39656" t="s">
        <v>24600</v>
      </c>
      <c r="C39656" t="s">
        <v>24553</v>
      </c>
      <c r="D39656" t="s">
        <v>24554</v>
      </c>
      <c r="E39656" t="s">
        <v>24517</v>
      </c>
      <c r="F39656" t="s">
        <v>24518</v>
      </c>
      <c r="G39656" t="s">
        <v>11612</v>
      </c>
      <c r="H39656" t="s">
        <v>11613</v>
      </c>
      <c r="I39656" s="2">
        <v>0</v>
      </c>
      <c r="J39656" s="2">
        <v>0</v>
      </c>
      <c r="K39656" s="2">
        <v>1</v>
      </c>
      <c r="L39656" t="s">
        <v>995</v>
      </c>
      <c r="M39656" t="s">
        <v>89</v>
      </c>
      <c r="N39656" t="s">
        <v>90</v>
      </c>
      <c r="O39656" t="s">
        <v>85</v>
      </c>
      <c r="P39656" t="s">
        <v>86</v>
      </c>
      <c r="Q39656">
        <v>72</v>
      </c>
      <c r="R39656">
        <v>74</v>
      </c>
      <c r="S39656">
        <v>76</v>
      </c>
      <c r="T39656">
        <v>78</v>
      </c>
      <c r="U39656">
        <v>80</v>
      </c>
      <c r="V39656">
        <v>82</v>
      </c>
      <c r="W39656">
        <v>84</v>
      </c>
      <c r="X39656">
        <v>86</v>
      </c>
      <c r="Y39656">
        <v>87</v>
      </c>
      <c r="Z39656">
        <v>89</v>
      </c>
      <c r="AA39656">
        <v>91</v>
      </c>
      <c r="AB39656">
        <v>92</v>
      </c>
      <c r="AC39656">
        <v>94</v>
      </c>
      <c r="AD39656">
        <v>96</v>
      </c>
      <c r="AE39656">
        <v>97</v>
      </c>
      <c r="AF39656">
        <v>98</v>
      </c>
      <c r="AG39656">
        <v>99</v>
      </c>
      <c r="AH39656">
        <v>100</v>
      </c>
      <c r="AI39656">
        <v>101</v>
      </c>
      <c r="AJ39656">
        <v>102</v>
      </c>
      <c r="AK39656">
        <v>103</v>
      </c>
      <c r="AL39656">
        <v>104</v>
      </c>
      <c r="AM39656">
        <v>105</v>
      </c>
      <c r="AN39656">
        <v>106</v>
      </c>
      <c r="AO39656">
        <v>107</v>
      </c>
      <c r="AP39656">
        <v>107</v>
      </c>
      <c r="AQ39656">
        <v>109</v>
      </c>
    </row>
    <row r="39657" spans="1:43">
      <c r="A39657" t="s">
        <v>24599</v>
      </c>
      <c r="B39657" t="s">
        <v>24600</v>
      </c>
      <c r="C39657" t="s">
        <v>24553</v>
      </c>
      <c r="D39657" t="s">
        <v>24554</v>
      </c>
      <c r="E39657" t="s">
        <v>24517</v>
      </c>
      <c r="F39657" t="s">
        <v>24518</v>
      </c>
      <c r="G39657" t="s">
        <v>11612</v>
      </c>
      <c r="H39657" t="s">
        <v>11613</v>
      </c>
      <c r="I39657" s="2">
        <v>0</v>
      </c>
      <c r="J39657" s="2">
        <v>0</v>
      </c>
      <c r="K39657" s="2">
        <v>1</v>
      </c>
      <c r="L39657" t="s">
        <v>995</v>
      </c>
      <c r="M39657" t="s">
        <v>83</v>
      </c>
      <c r="N39657" t="s">
        <v>91</v>
      </c>
      <c r="O39657" t="s">
        <v>85</v>
      </c>
      <c r="P39657" t="s">
        <v>86</v>
      </c>
      <c r="Q39657">
        <v>72</v>
      </c>
      <c r="R39657">
        <v>73</v>
      </c>
      <c r="S39657">
        <v>74</v>
      </c>
      <c r="T39657">
        <v>76</v>
      </c>
      <c r="U39657">
        <v>77</v>
      </c>
      <c r="V39657">
        <v>78</v>
      </c>
      <c r="W39657">
        <v>80</v>
      </c>
      <c r="X39657">
        <v>81</v>
      </c>
      <c r="Y39657">
        <v>82</v>
      </c>
      <c r="Z39657">
        <v>84</v>
      </c>
      <c r="AA39657">
        <v>85</v>
      </c>
      <c r="AB39657">
        <v>87</v>
      </c>
      <c r="AC39657">
        <v>88</v>
      </c>
      <c r="AD39657">
        <v>89</v>
      </c>
      <c r="AE39657">
        <v>91</v>
      </c>
      <c r="AF39657">
        <v>92</v>
      </c>
      <c r="AG39657">
        <v>94</v>
      </c>
      <c r="AH39657">
        <v>95</v>
      </c>
      <c r="AI39657">
        <v>97</v>
      </c>
      <c r="AJ39657">
        <v>98</v>
      </c>
      <c r="AK39657">
        <v>100</v>
      </c>
      <c r="AL39657">
        <v>101</v>
      </c>
      <c r="AM39657">
        <v>102</v>
      </c>
      <c r="AN39657">
        <v>103</v>
      </c>
      <c r="AO39657">
        <v>104</v>
      </c>
      <c r="AP39657">
        <v>105</v>
      </c>
      <c r="AQ39657">
        <v>106</v>
      </c>
    </row>
    <row r="39658" spans="1:43">
      <c r="A39658" t="s">
        <v>24601</v>
      </c>
      <c r="B39658" t="s">
        <v>24602</v>
      </c>
      <c r="C39658" t="s">
        <v>24553</v>
      </c>
      <c r="D39658" t="s">
        <v>24554</v>
      </c>
      <c r="E39658" t="s">
        <v>24517</v>
      </c>
      <c r="F39658" t="s">
        <v>24518</v>
      </c>
      <c r="G39658" t="s">
        <v>11612</v>
      </c>
      <c r="H39658" t="s">
        <v>11613</v>
      </c>
      <c r="I39658" s="2">
        <v>0</v>
      </c>
      <c r="J39658" s="2">
        <v>0</v>
      </c>
      <c r="K39658" s="2">
        <v>1</v>
      </c>
      <c r="L39658" t="s">
        <v>995</v>
      </c>
      <c r="M39658" t="s">
        <v>83</v>
      </c>
      <c r="N39658" t="s">
        <v>84</v>
      </c>
      <c r="O39658" t="s">
        <v>85</v>
      </c>
      <c r="P39658" t="s">
        <v>86</v>
      </c>
      <c r="Q39658">
        <v>90</v>
      </c>
      <c r="R39658">
        <v>91</v>
      </c>
      <c r="S39658">
        <v>93</v>
      </c>
      <c r="T39658">
        <v>95</v>
      </c>
      <c r="U39658">
        <v>96</v>
      </c>
      <c r="V39658">
        <v>98</v>
      </c>
      <c r="W39658">
        <v>100</v>
      </c>
      <c r="X39658">
        <v>102</v>
      </c>
      <c r="Y39658">
        <v>103</v>
      </c>
      <c r="Z39658">
        <v>105</v>
      </c>
      <c r="AA39658">
        <v>107</v>
      </c>
      <c r="AB39658">
        <v>109</v>
      </c>
      <c r="AC39658">
        <v>110</v>
      </c>
      <c r="AD39658">
        <v>112</v>
      </c>
      <c r="AE39658">
        <v>113</v>
      </c>
      <c r="AF39658">
        <v>115</v>
      </c>
      <c r="AG39658">
        <v>116</v>
      </c>
      <c r="AH39658">
        <v>118</v>
      </c>
      <c r="AI39658">
        <v>119</v>
      </c>
      <c r="AJ39658">
        <v>121</v>
      </c>
      <c r="AK39658">
        <v>122</v>
      </c>
      <c r="AL39658">
        <v>123</v>
      </c>
      <c r="AM39658">
        <v>124</v>
      </c>
      <c r="AN39658">
        <v>125</v>
      </c>
      <c r="AO39658">
        <v>126</v>
      </c>
      <c r="AP39658">
        <v>127</v>
      </c>
      <c r="AQ39658">
        <v>128</v>
      </c>
    </row>
    <row r="39659" spans="1:43">
      <c r="A39659" t="s">
        <v>24601</v>
      </c>
      <c r="B39659" t="s">
        <v>24602</v>
      </c>
      <c r="C39659" t="s">
        <v>24553</v>
      </c>
      <c r="D39659" t="s">
        <v>24554</v>
      </c>
      <c r="E39659" t="s">
        <v>24517</v>
      </c>
      <c r="F39659" t="s">
        <v>24518</v>
      </c>
      <c r="G39659" t="s">
        <v>11612</v>
      </c>
      <c r="H39659" t="s">
        <v>11613</v>
      </c>
      <c r="I39659" s="2">
        <v>0</v>
      </c>
      <c r="J39659" s="2">
        <v>0</v>
      </c>
      <c r="K39659" s="2">
        <v>1</v>
      </c>
      <c r="L39659" t="s">
        <v>995</v>
      </c>
      <c r="M39659" t="s">
        <v>87</v>
      </c>
      <c r="N39659" t="s">
        <v>88</v>
      </c>
      <c r="O39659" t="s">
        <v>85</v>
      </c>
      <c r="P39659" t="s">
        <v>86</v>
      </c>
      <c r="Q39659">
        <v>90</v>
      </c>
      <c r="R39659">
        <v>91</v>
      </c>
      <c r="S39659">
        <v>92</v>
      </c>
      <c r="T39659">
        <v>92</v>
      </c>
      <c r="U39659">
        <v>93</v>
      </c>
      <c r="V39659">
        <v>94</v>
      </c>
      <c r="W39659">
        <v>95</v>
      </c>
      <c r="X39659">
        <v>96</v>
      </c>
      <c r="Y39659">
        <v>97</v>
      </c>
      <c r="Z39659">
        <v>97</v>
      </c>
      <c r="AA39659">
        <v>98</v>
      </c>
      <c r="AB39659">
        <v>99</v>
      </c>
      <c r="AC39659">
        <v>100</v>
      </c>
      <c r="AD39659">
        <v>101</v>
      </c>
      <c r="AE39659">
        <v>102</v>
      </c>
      <c r="AF39659">
        <v>103</v>
      </c>
      <c r="AG39659">
        <v>104</v>
      </c>
      <c r="AH39659">
        <v>105</v>
      </c>
      <c r="AI39659">
        <v>106</v>
      </c>
      <c r="AJ39659">
        <v>107</v>
      </c>
      <c r="AK39659">
        <v>108</v>
      </c>
      <c r="AL39659">
        <v>109</v>
      </c>
      <c r="AM39659">
        <v>111</v>
      </c>
      <c r="AN39659">
        <v>112</v>
      </c>
      <c r="AO39659">
        <v>113</v>
      </c>
      <c r="AP39659">
        <v>114</v>
      </c>
      <c r="AQ39659">
        <v>115</v>
      </c>
    </row>
    <row r="39660" spans="1:43">
      <c r="A39660" t="s">
        <v>24601</v>
      </c>
      <c r="B39660" t="s">
        <v>24602</v>
      </c>
      <c r="C39660" t="s">
        <v>24553</v>
      </c>
      <c r="D39660" t="s">
        <v>24554</v>
      </c>
      <c r="E39660" t="s">
        <v>24517</v>
      </c>
      <c r="F39660" t="s">
        <v>24518</v>
      </c>
      <c r="G39660" t="s">
        <v>11612</v>
      </c>
      <c r="H39660" t="s">
        <v>11613</v>
      </c>
      <c r="I39660" s="2">
        <v>0</v>
      </c>
      <c r="J39660" s="2">
        <v>0</v>
      </c>
      <c r="K39660" s="2">
        <v>1</v>
      </c>
      <c r="L39660" t="s">
        <v>995</v>
      </c>
      <c r="M39660" t="s">
        <v>89</v>
      </c>
      <c r="N39660" t="s">
        <v>90</v>
      </c>
      <c r="O39660" t="s">
        <v>85</v>
      </c>
      <c r="P39660" t="s">
        <v>86</v>
      </c>
      <c r="Q39660">
        <v>90</v>
      </c>
      <c r="R39660">
        <v>92</v>
      </c>
      <c r="S39660">
        <v>94</v>
      </c>
      <c r="T39660">
        <v>97</v>
      </c>
      <c r="U39660">
        <v>99</v>
      </c>
      <c r="V39660">
        <v>102</v>
      </c>
      <c r="W39660">
        <v>104</v>
      </c>
      <c r="X39660">
        <v>106</v>
      </c>
      <c r="Y39660">
        <v>108</v>
      </c>
      <c r="Z39660">
        <v>110</v>
      </c>
      <c r="AA39660">
        <v>111</v>
      </c>
      <c r="AB39660">
        <v>113</v>
      </c>
      <c r="AC39660">
        <v>115</v>
      </c>
      <c r="AD39660">
        <v>117</v>
      </c>
      <c r="AE39660">
        <v>118</v>
      </c>
      <c r="AF39660">
        <v>119</v>
      </c>
      <c r="AG39660">
        <v>120</v>
      </c>
      <c r="AH39660">
        <v>120</v>
      </c>
      <c r="AI39660">
        <v>121</v>
      </c>
      <c r="AJ39660">
        <v>122</v>
      </c>
      <c r="AK39660">
        <v>123</v>
      </c>
      <c r="AL39660">
        <v>124</v>
      </c>
      <c r="AM39660">
        <v>124</v>
      </c>
      <c r="AN39660">
        <v>125</v>
      </c>
      <c r="AO39660">
        <v>126</v>
      </c>
      <c r="AP39660">
        <v>127</v>
      </c>
      <c r="AQ39660">
        <v>128</v>
      </c>
    </row>
    <row r="39661" spans="1:43">
      <c r="A39661" t="s">
        <v>24601</v>
      </c>
      <c r="B39661" t="s">
        <v>24602</v>
      </c>
      <c r="C39661" t="s">
        <v>24553</v>
      </c>
      <c r="D39661" t="s">
        <v>24554</v>
      </c>
      <c r="E39661" t="s">
        <v>24517</v>
      </c>
      <c r="F39661" t="s">
        <v>24518</v>
      </c>
      <c r="G39661" t="s">
        <v>11612</v>
      </c>
      <c r="H39661" t="s">
        <v>11613</v>
      </c>
      <c r="I39661" s="2">
        <v>0</v>
      </c>
      <c r="J39661" s="2">
        <v>0</v>
      </c>
      <c r="K39661" s="2">
        <v>1</v>
      </c>
      <c r="L39661" t="s">
        <v>995</v>
      </c>
      <c r="M39661" t="s">
        <v>83</v>
      </c>
      <c r="N39661" t="s">
        <v>91</v>
      </c>
      <c r="O39661" t="s">
        <v>85</v>
      </c>
      <c r="P39661" t="s">
        <v>86</v>
      </c>
      <c r="Q39661">
        <v>90</v>
      </c>
      <c r="R39661">
        <v>91</v>
      </c>
      <c r="S39661">
        <v>93</v>
      </c>
      <c r="T39661">
        <v>95</v>
      </c>
      <c r="U39661">
        <v>96</v>
      </c>
      <c r="V39661">
        <v>98</v>
      </c>
      <c r="W39661">
        <v>100</v>
      </c>
      <c r="X39661">
        <v>102</v>
      </c>
      <c r="Y39661">
        <v>103</v>
      </c>
      <c r="Z39661">
        <v>105</v>
      </c>
      <c r="AA39661">
        <v>107</v>
      </c>
      <c r="AB39661">
        <v>109</v>
      </c>
      <c r="AC39661">
        <v>110</v>
      </c>
      <c r="AD39661">
        <v>112</v>
      </c>
      <c r="AE39661">
        <v>113</v>
      </c>
      <c r="AF39661">
        <v>115</v>
      </c>
      <c r="AG39661">
        <v>116</v>
      </c>
      <c r="AH39661">
        <v>118</v>
      </c>
      <c r="AI39661">
        <v>119</v>
      </c>
      <c r="AJ39661">
        <v>121</v>
      </c>
      <c r="AK39661">
        <v>122</v>
      </c>
      <c r="AL39661">
        <v>123</v>
      </c>
      <c r="AM39661">
        <v>124</v>
      </c>
      <c r="AN39661">
        <v>125</v>
      </c>
      <c r="AO39661">
        <v>126</v>
      </c>
      <c r="AP39661">
        <v>127</v>
      </c>
      <c r="AQ39661">
        <v>128</v>
      </c>
    </row>
    <row r="39662" spans="1:43">
      <c r="A39662" t="s">
        <v>24603</v>
      </c>
      <c r="B39662" t="s">
        <v>24604</v>
      </c>
      <c r="C39662" t="s">
        <v>24553</v>
      </c>
      <c r="D39662" t="s">
        <v>24554</v>
      </c>
      <c r="E39662" t="s">
        <v>24517</v>
      </c>
      <c r="F39662" t="s">
        <v>24518</v>
      </c>
      <c r="G39662" t="s">
        <v>11612</v>
      </c>
      <c r="H39662" t="s">
        <v>11613</v>
      </c>
      <c r="I39662" s="2">
        <v>0</v>
      </c>
      <c r="J39662" s="2">
        <v>0</v>
      </c>
      <c r="K39662" s="2">
        <v>1</v>
      </c>
      <c r="L39662" t="s">
        <v>995</v>
      </c>
      <c r="M39662" t="s">
        <v>83</v>
      </c>
      <c r="N39662" t="s">
        <v>84</v>
      </c>
      <c r="O39662" t="s">
        <v>85</v>
      </c>
      <c r="P39662" t="s">
        <v>86</v>
      </c>
      <c r="Q39662">
        <v>30</v>
      </c>
      <c r="R39662">
        <v>30</v>
      </c>
      <c r="S39662">
        <v>31</v>
      </c>
      <c r="T39662">
        <v>31</v>
      </c>
      <c r="U39662">
        <v>32</v>
      </c>
      <c r="V39662">
        <v>33</v>
      </c>
      <c r="W39662">
        <v>33</v>
      </c>
      <c r="X39662">
        <v>34</v>
      </c>
      <c r="Y39662">
        <v>34</v>
      </c>
      <c r="Z39662">
        <v>35</v>
      </c>
      <c r="AA39662">
        <v>35</v>
      </c>
      <c r="AB39662">
        <v>36</v>
      </c>
      <c r="AC39662">
        <v>37</v>
      </c>
      <c r="AD39662">
        <v>37</v>
      </c>
      <c r="AE39662">
        <v>38</v>
      </c>
      <c r="AF39662">
        <v>38</v>
      </c>
      <c r="AG39662">
        <v>39</v>
      </c>
      <c r="AH39662">
        <v>39</v>
      </c>
      <c r="AI39662">
        <v>40</v>
      </c>
      <c r="AJ39662">
        <v>40</v>
      </c>
      <c r="AK39662">
        <v>41</v>
      </c>
      <c r="AL39662">
        <v>41</v>
      </c>
      <c r="AM39662">
        <v>41</v>
      </c>
      <c r="AN39662">
        <v>41</v>
      </c>
      <c r="AO39662">
        <v>42</v>
      </c>
      <c r="AP39662">
        <v>42</v>
      </c>
      <c r="AQ39662">
        <v>42</v>
      </c>
    </row>
    <row r="39663" spans="1:43">
      <c r="A39663" t="s">
        <v>24603</v>
      </c>
      <c r="B39663" t="s">
        <v>24604</v>
      </c>
      <c r="C39663" t="s">
        <v>24553</v>
      </c>
      <c r="D39663" t="s">
        <v>24554</v>
      </c>
      <c r="E39663" t="s">
        <v>24517</v>
      </c>
      <c r="F39663" t="s">
        <v>24518</v>
      </c>
      <c r="G39663" t="s">
        <v>11612</v>
      </c>
      <c r="H39663" t="s">
        <v>11613</v>
      </c>
      <c r="I39663" s="2">
        <v>0</v>
      </c>
      <c r="J39663" s="2">
        <v>0</v>
      </c>
      <c r="K39663" s="2">
        <v>1</v>
      </c>
      <c r="L39663" t="s">
        <v>995</v>
      </c>
      <c r="M39663" t="s">
        <v>87</v>
      </c>
      <c r="N39663" t="s">
        <v>88</v>
      </c>
      <c r="O39663" t="s">
        <v>85</v>
      </c>
      <c r="P39663" t="s">
        <v>86</v>
      </c>
      <c r="Q39663">
        <v>30</v>
      </c>
      <c r="R39663">
        <v>31</v>
      </c>
      <c r="S39663">
        <v>31</v>
      </c>
      <c r="T39663">
        <v>31</v>
      </c>
      <c r="U39663">
        <v>32</v>
      </c>
      <c r="V39663">
        <v>32</v>
      </c>
      <c r="W39663">
        <v>32</v>
      </c>
      <c r="X39663">
        <v>32</v>
      </c>
      <c r="Y39663">
        <v>33</v>
      </c>
      <c r="Z39663">
        <v>33</v>
      </c>
      <c r="AA39663">
        <v>33</v>
      </c>
      <c r="AB39663">
        <v>34</v>
      </c>
      <c r="AC39663">
        <v>34</v>
      </c>
      <c r="AD39663">
        <v>34</v>
      </c>
      <c r="AE39663">
        <v>35</v>
      </c>
      <c r="AF39663">
        <v>35</v>
      </c>
      <c r="AG39663">
        <v>35</v>
      </c>
      <c r="AH39663">
        <v>36</v>
      </c>
      <c r="AI39663">
        <v>36</v>
      </c>
      <c r="AJ39663">
        <v>36</v>
      </c>
      <c r="AK39663">
        <v>37</v>
      </c>
      <c r="AL39663">
        <v>37</v>
      </c>
      <c r="AM39663">
        <v>37</v>
      </c>
      <c r="AN39663">
        <v>38</v>
      </c>
      <c r="AO39663">
        <v>38</v>
      </c>
      <c r="AP39663">
        <v>39</v>
      </c>
      <c r="AQ39663">
        <v>39</v>
      </c>
    </row>
    <row r="39664" spans="1:43">
      <c r="A39664" t="s">
        <v>24603</v>
      </c>
      <c r="B39664" t="s">
        <v>24604</v>
      </c>
      <c r="C39664" t="s">
        <v>24553</v>
      </c>
      <c r="D39664" t="s">
        <v>24554</v>
      </c>
      <c r="E39664" t="s">
        <v>24517</v>
      </c>
      <c r="F39664" t="s">
        <v>24518</v>
      </c>
      <c r="G39664" t="s">
        <v>11612</v>
      </c>
      <c r="H39664" t="s">
        <v>11613</v>
      </c>
      <c r="I39664" s="2">
        <v>0</v>
      </c>
      <c r="J39664" s="2">
        <v>0</v>
      </c>
      <c r="K39664" s="2">
        <v>1</v>
      </c>
      <c r="L39664" t="s">
        <v>995</v>
      </c>
      <c r="M39664" t="s">
        <v>89</v>
      </c>
      <c r="N39664" t="s">
        <v>90</v>
      </c>
      <c r="O39664" t="s">
        <v>85</v>
      </c>
      <c r="P39664" t="s">
        <v>86</v>
      </c>
      <c r="Q39664">
        <v>30</v>
      </c>
      <c r="R39664">
        <v>31</v>
      </c>
      <c r="S39664">
        <v>32</v>
      </c>
      <c r="T39664">
        <v>32</v>
      </c>
      <c r="U39664">
        <v>33</v>
      </c>
      <c r="V39664">
        <v>34</v>
      </c>
      <c r="W39664">
        <v>35</v>
      </c>
      <c r="X39664">
        <v>35</v>
      </c>
      <c r="Y39664">
        <v>36</v>
      </c>
      <c r="Z39664">
        <v>37</v>
      </c>
      <c r="AA39664">
        <v>37</v>
      </c>
      <c r="AB39664">
        <v>38</v>
      </c>
      <c r="AC39664">
        <v>38</v>
      </c>
      <c r="AD39664">
        <v>39</v>
      </c>
      <c r="AE39664">
        <v>40</v>
      </c>
      <c r="AF39664">
        <v>40</v>
      </c>
      <c r="AG39664">
        <v>40</v>
      </c>
      <c r="AH39664">
        <v>40</v>
      </c>
      <c r="AI39664">
        <v>41</v>
      </c>
      <c r="AJ39664">
        <v>41</v>
      </c>
      <c r="AK39664">
        <v>41</v>
      </c>
      <c r="AL39664">
        <v>41</v>
      </c>
      <c r="AM39664">
        <v>42</v>
      </c>
      <c r="AN39664">
        <v>42</v>
      </c>
      <c r="AO39664">
        <v>42</v>
      </c>
      <c r="AP39664">
        <v>43</v>
      </c>
      <c r="AQ39664">
        <v>43</v>
      </c>
    </row>
    <row r="39665" spans="1:43">
      <c r="A39665" t="s">
        <v>24603</v>
      </c>
      <c r="B39665" t="s">
        <v>24604</v>
      </c>
      <c r="C39665" t="s">
        <v>24553</v>
      </c>
      <c r="D39665" t="s">
        <v>24554</v>
      </c>
      <c r="E39665" t="s">
        <v>24517</v>
      </c>
      <c r="F39665" t="s">
        <v>24518</v>
      </c>
      <c r="G39665" t="s">
        <v>11612</v>
      </c>
      <c r="H39665" t="s">
        <v>11613</v>
      </c>
      <c r="I39665" s="2">
        <v>0</v>
      </c>
      <c r="J39665" s="2">
        <v>0</v>
      </c>
      <c r="K39665" s="2">
        <v>1</v>
      </c>
      <c r="L39665" t="s">
        <v>995</v>
      </c>
      <c r="M39665" t="s">
        <v>83</v>
      </c>
      <c r="N39665" t="s">
        <v>91</v>
      </c>
      <c r="O39665" t="s">
        <v>85</v>
      </c>
      <c r="P39665" t="s">
        <v>86</v>
      </c>
      <c r="Q39665">
        <v>30</v>
      </c>
      <c r="R39665">
        <v>30</v>
      </c>
      <c r="S39665">
        <v>31</v>
      </c>
      <c r="T39665">
        <v>31</v>
      </c>
      <c r="U39665">
        <v>32</v>
      </c>
      <c r="V39665">
        <v>33</v>
      </c>
      <c r="W39665">
        <v>33</v>
      </c>
      <c r="X39665">
        <v>34</v>
      </c>
      <c r="Y39665">
        <v>34</v>
      </c>
      <c r="Z39665">
        <v>35</v>
      </c>
      <c r="AA39665">
        <v>35</v>
      </c>
      <c r="AB39665">
        <v>36</v>
      </c>
      <c r="AC39665">
        <v>37</v>
      </c>
      <c r="AD39665">
        <v>37</v>
      </c>
      <c r="AE39665">
        <v>38</v>
      </c>
      <c r="AF39665">
        <v>38</v>
      </c>
      <c r="AG39665">
        <v>39</v>
      </c>
      <c r="AH39665">
        <v>39</v>
      </c>
      <c r="AI39665">
        <v>40</v>
      </c>
      <c r="AJ39665">
        <v>40</v>
      </c>
      <c r="AK39665">
        <v>41</v>
      </c>
      <c r="AL39665">
        <v>41</v>
      </c>
      <c r="AM39665">
        <v>41</v>
      </c>
      <c r="AN39665">
        <v>41</v>
      </c>
      <c r="AO39665">
        <v>42</v>
      </c>
      <c r="AP39665">
        <v>42</v>
      </c>
      <c r="AQ39665">
        <v>42</v>
      </c>
    </row>
    <row r="39666" spans="1:43">
      <c r="A39666" t="s">
        <v>24605</v>
      </c>
      <c r="B39666" t="s">
        <v>24606</v>
      </c>
      <c r="C39666" t="s">
        <v>24607</v>
      </c>
      <c r="D39666" t="s">
        <v>24608</v>
      </c>
      <c r="E39666" t="s">
        <v>24517</v>
      </c>
      <c r="F39666" t="s">
        <v>24518</v>
      </c>
      <c r="G39666" t="s">
        <v>11612</v>
      </c>
      <c r="H39666" t="s">
        <v>11613</v>
      </c>
      <c r="I39666" s="2">
        <v>0</v>
      </c>
      <c r="J39666" s="2">
        <v>0</v>
      </c>
      <c r="K39666" s="2">
        <v>1</v>
      </c>
      <c r="L39666" t="s">
        <v>995</v>
      </c>
      <c r="M39666" t="s">
        <v>83</v>
      </c>
      <c r="N39666" t="s">
        <v>84</v>
      </c>
      <c r="O39666" t="s">
        <v>85</v>
      </c>
      <c r="P39666" t="s">
        <v>86</v>
      </c>
      <c r="Q39666">
        <v>36</v>
      </c>
      <c r="R39666">
        <v>37</v>
      </c>
      <c r="S39666">
        <v>37</v>
      </c>
      <c r="T39666">
        <v>38</v>
      </c>
      <c r="U39666">
        <v>38</v>
      </c>
      <c r="V39666">
        <v>39</v>
      </c>
      <c r="W39666">
        <v>39</v>
      </c>
      <c r="X39666">
        <v>40</v>
      </c>
      <c r="Y39666">
        <v>41</v>
      </c>
      <c r="Z39666">
        <v>41</v>
      </c>
      <c r="AA39666">
        <v>42</v>
      </c>
      <c r="AB39666">
        <v>42</v>
      </c>
      <c r="AC39666">
        <v>43</v>
      </c>
      <c r="AD39666">
        <v>43</v>
      </c>
      <c r="AE39666">
        <v>44</v>
      </c>
      <c r="AF39666">
        <v>44</v>
      </c>
      <c r="AG39666">
        <v>45</v>
      </c>
      <c r="AH39666">
        <v>45</v>
      </c>
      <c r="AI39666">
        <v>45</v>
      </c>
      <c r="AJ39666">
        <v>46</v>
      </c>
      <c r="AK39666">
        <v>46</v>
      </c>
      <c r="AL39666">
        <v>47</v>
      </c>
      <c r="AM39666">
        <v>47</v>
      </c>
      <c r="AN39666">
        <v>47</v>
      </c>
      <c r="AO39666">
        <v>47</v>
      </c>
      <c r="AP39666">
        <v>47</v>
      </c>
      <c r="AQ39666">
        <v>47</v>
      </c>
    </row>
    <row r="39667" spans="1:43">
      <c r="A39667" t="s">
        <v>24605</v>
      </c>
      <c r="B39667" t="s">
        <v>24606</v>
      </c>
      <c r="C39667" t="s">
        <v>24607</v>
      </c>
      <c r="D39667" t="s">
        <v>24608</v>
      </c>
      <c r="E39667" t="s">
        <v>24517</v>
      </c>
      <c r="F39667" t="s">
        <v>24518</v>
      </c>
      <c r="G39667" t="s">
        <v>11612</v>
      </c>
      <c r="H39667" t="s">
        <v>11613</v>
      </c>
      <c r="I39667" s="2">
        <v>0</v>
      </c>
      <c r="J39667" s="2">
        <v>0</v>
      </c>
      <c r="K39667" s="2">
        <v>1</v>
      </c>
      <c r="L39667" t="s">
        <v>995</v>
      </c>
      <c r="M39667" t="s">
        <v>87</v>
      </c>
      <c r="N39667" t="s">
        <v>88</v>
      </c>
      <c r="O39667" t="s">
        <v>85</v>
      </c>
      <c r="P39667" t="s">
        <v>86</v>
      </c>
      <c r="Q39667">
        <v>36</v>
      </c>
      <c r="R39667">
        <v>36</v>
      </c>
      <c r="S39667">
        <v>36</v>
      </c>
      <c r="T39667">
        <v>36</v>
      </c>
      <c r="U39667">
        <v>37</v>
      </c>
      <c r="V39667">
        <v>37</v>
      </c>
      <c r="W39667">
        <v>37</v>
      </c>
      <c r="X39667">
        <v>37</v>
      </c>
      <c r="Y39667">
        <v>38</v>
      </c>
      <c r="Z39667">
        <v>38</v>
      </c>
      <c r="AA39667">
        <v>38</v>
      </c>
      <c r="AB39667">
        <v>38</v>
      </c>
      <c r="AC39667">
        <v>38</v>
      </c>
      <c r="AD39667">
        <v>39</v>
      </c>
      <c r="AE39667">
        <v>39</v>
      </c>
      <c r="AF39667">
        <v>39</v>
      </c>
      <c r="AG39667">
        <v>39</v>
      </c>
      <c r="AH39667">
        <v>40</v>
      </c>
      <c r="AI39667">
        <v>40</v>
      </c>
      <c r="AJ39667">
        <v>40</v>
      </c>
      <c r="AK39667">
        <v>40</v>
      </c>
      <c r="AL39667">
        <v>41</v>
      </c>
      <c r="AM39667">
        <v>41</v>
      </c>
      <c r="AN39667">
        <v>41</v>
      </c>
      <c r="AO39667">
        <v>41</v>
      </c>
      <c r="AP39667">
        <v>42</v>
      </c>
      <c r="AQ39667">
        <v>42</v>
      </c>
    </row>
    <row r="39668" spans="1:43">
      <c r="A39668" t="s">
        <v>24605</v>
      </c>
      <c r="B39668" t="s">
        <v>24606</v>
      </c>
      <c r="C39668" t="s">
        <v>24607</v>
      </c>
      <c r="D39668" t="s">
        <v>24608</v>
      </c>
      <c r="E39668" t="s">
        <v>24517</v>
      </c>
      <c r="F39668" t="s">
        <v>24518</v>
      </c>
      <c r="G39668" t="s">
        <v>11612</v>
      </c>
      <c r="H39668" t="s">
        <v>11613</v>
      </c>
      <c r="I39668" s="2">
        <v>0</v>
      </c>
      <c r="J39668" s="2">
        <v>0</v>
      </c>
      <c r="K39668" s="2">
        <v>1</v>
      </c>
      <c r="L39668" t="s">
        <v>995</v>
      </c>
      <c r="M39668" t="s">
        <v>89</v>
      </c>
      <c r="N39668" t="s">
        <v>90</v>
      </c>
      <c r="O39668" t="s">
        <v>85</v>
      </c>
      <c r="P39668" t="s">
        <v>86</v>
      </c>
      <c r="Q39668">
        <v>36</v>
      </c>
      <c r="R39668">
        <v>36</v>
      </c>
      <c r="S39668">
        <v>37</v>
      </c>
      <c r="T39668">
        <v>38</v>
      </c>
      <c r="U39668">
        <v>39</v>
      </c>
      <c r="V39668">
        <v>40</v>
      </c>
      <c r="W39668">
        <v>41</v>
      </c>
      <c r="X39668">
        <v>41</v>
      </c>
      <c r="Y39668">
        <v>42</v>
      </c>
      <c r="Z39668">
        <v>42</v>
      </c>
      <c r="AA39668">
        <v>43</v>
      </c>
      <c r="AB39668">
        <v>44</v>
      </c>
      <c r="AC39668">
        <v>44</v>
      </c>
      <c r="AD39668">
        <v>45</v>
      </c>
      <c r="AE39668">
        <v>45</v>
      </c>
      <c r="AF39668">
        <v>45</v>
      </c>
      <c r="AG39668">
        <v>46</v>
      </c>
      <c r="AH39668">
        <v>46</v>
      </c>
      <c r="AI39668">
        <v>46</v>
      </c>
      <c r="AJ39668">
        <v>46</v>
      </c>
      <c r="AK39668">
        <v>46</v>
      </c>
      <c r="AL39668">
        <v>46</v>
      </c>
      <c r="AM39668">
        <v>46</v>
      </c>
      <c r="AN39668">
        <v>46</v>
      </c>
      <c r="AO39668">
        <v>46</v>
      </c>
      <c r="AP39668">
        <v>47</v>
      </c>
      <c r="AQ39668">
        <v>47</v>
      </c>
    </row>
    <row r="39669" spans="1:43">
      <c r="A39669" t="s">
        <v>24605</v>
      </c>
      <c r="B39669" t="s">
        <v>24606</v>
      </c>
      <c r="C39669" t="s">
        <v>24607</v>
      </c>
      <c r="D39669" t="s">
        <v>24608</v>
      </c>
      <c r="E39669" t="s">
        <v>24517</v>
      </c>
      <c r="F39669" t="s">
        <v>24518</v>
      </c>
      <c r="G39669" t="s">
        <v>11612</v>
      </c>
      <c r="H39669" t="s">
        <v>11613</v>
      </c>
      <c r="I39669" s="2">
        <v>0</v>
      </c>
      <c r="J39669" s="2">
        <v>0</v>
      </c>
      <c r="K39669" s="2">
        <v>1</v>
      </c>
      <c r="L39669" t="s">
        <v>995</v>
      </c>
      <c r="M39669" t="s">
        <v>83</v>
      </c>
      <c r="N39669" t="s">
        <v>91</v>
      </c>
      <c r="O39669" t="s">
        <v>85</v>
      </c>
      <c r="P39669" t="s">
        <v>86</v>
      </c>
      <c r="Q39669">
        <v>36</v>
      </c>
      <c r="R39669">
        <v>37</v>
      </c>
      <c r="S39669">
        <v>37</v>
      </c>
      <c r="T39669">
        <v>38</v>
      </c>
      <c r="U39669">
        <v>38</v>
      </c>
      <c r="V39669">
        <v>39</v>
      </c>
      <c r="W39669">
        <v>39</v>
      </c>
      <c r="X39669">
        <v>40</v>
      </c>
      <c r="Y39669">
        <v>41</v>
      </c>
      <c r="Z39669">
        <v>41</v>
      </c>
      <c r="AA39669">
        <v>42</v>
      </c>
      <c r="AB39669">
        <v>42</v>
      </c>
      <c r="AC39669">
        <v>43</v>
      </c>
      <c r="AD39669">
        <v>43</v>
      </c>
      <c r="AE39669">
        <v>44</v>
      </c>
      <c r="AF39669">
        <v>44</v>
      </c>
      <c r="AG39669">
        <v>45</v>
      </c>
      <c r="AH39669">
        <v>45</v>
      </c>
      <c r="AI39669">
        <v>45</v>
      </c>
      <c r="AJ39669">
        <v>46</v>
      </c>
      <c r="AK39669">
        <v>46</v>
      </c>
      <c r="AL39669">
        <v>47</v>
      </c>
      <c r="AM39669">
        <v>47</v>
      </c>
      <c r="AN39669">
        <v>47</v>
      </c>
      <c r="AO39669">
        <v>47</v>
      </c>
      <c r="AP39669">
        <v>47</v>
      </c>
      <c r="AQ39669">
        <v>47</v>
      </c>
    </row>
    <row r="39670" spans="1:43">
      <c r="A39670" t="s">
        <v>24609</v>
      </c>
      <c r="B39670" t="s">
        <v>24610</v>
      </c>
      <c r="C39670" t="s">
        <v>24607</v>
      </c>
      <c r="D39670" t="s">
        <v>24608</v>
      </c>
      <c r="E39670" t="s">
        <v>24517</v>
      </c>
      <c r="F39670" t="s">
        <v>24518</v>
      </c>
      <c r="G39670" t="s">
        <v>11612</v>
      </c>
      <c r="H39670" t="s">
        <v>11613</v>
      </c>
      <c r="I39670" s="2">
        <v>0</v>
      </c>
      <c r="J39670" s="2">
        <v>0</v>
      </c>
      <c r="K39670" s="2">
        <v>1</v>
      </c>
      <c r="L39670" t="s">
        <v>995</v>
      </c>
      <c r="M39670" t="s">
        <v>83</v>
      </c>
      <c r="N39670" t="s">
        <v>84</v>
      </c>
      <c r="O39670" t="s">
        <v>85</v>
      </c>
      <c r="P39670" t="s">
        <v>86</v>
      </c>
      <c r="Q39670">
        <v>80</v>
      </c>
      <c r="R39670">
        <v>81</v>
      </c>
      <c r="S39670">
        <v>82</v>
      </c>
      <c r="T39670">
        <v>83</v>
      </c>
      <c r="U39670">
        <v>84</v>
      </c>
      <c r="V39670">
        <v>85</v>
      </c>
      <c r="W39670">
        <v>87</v>
      </c>
      <c r="X39670">
        <v>88</v>
      </c>
      <c r="Y39670">
        <v>89</v>
      </c>
      <c r="Z39670">
        <v>90</v>
      </c>
      <c r="AA39670">
        <v>91</v>
      </c>
      <c r="AB39670">
        <v>92</v>
      </c>
      <c r="AC39670">
        <v>93</v>
      </c>
      <c r="AD39670">
        <v>94</v>
      </c>
      <c r="AE39670">
        <v>95</v>
      </c>
      <c r="AF39670">
        <v>96</v>
      </c>
      <c r="AG39670">
        <v>97</v>
      </c>
      <c r="AH39670">
        <v>98</v>
      </c>
      <c r="AI39670">
        <v>99</v>
      </c>
      <c r="AJ39670">
        <v>100</v>
      </c>
      <c r="AK39670">
        <v>101</v>
      </c>
      <c r="AL39670">
        <v>102</v>
      </c>
      <c r="AM39670">
        <v>102</v>
      </c>
      <c r="AN39670">
        <v>102</v>
      </c>
      <c r="AO39670">
        <v>103</v>
      </c>
      <c r="AP39670">
        <v>103</v>
      </c>
      <c r="AQ39670">
        <v>103</v>
      </c>
    </row>
    <row r="39671" spans="1:43">
      <c r="A39671" t="s">
        <v>24609</v>
      </c>
      <c r="B39671" t="s">
        <v>24610</v>
      </c>
      <c r="C39671" t="s">
        <v>24607</v>
      </c>
      <c r="D39671" t="s">
        <v>24608</v>
      </c>
      <c r="E39671" t="s">
        <v>24517</v>
      </c>
      <c r="F39671" t="s">
        <v>24518</v>
      </c>
      <c r="G39671" t="s">
        <v>11612</v>
      </c>
      <c r="H39671" t="s">
        <v>11613</v>
      </c>
      <c r="I39671" s="2">
        <v>0</v>
      </c>
      <c r="J39671" s="2">
        <v>0</v>
      </c>
      <c r="K39671" s="2">
        <v>1</v>
      </c>
      <c r="L39671" t="s">
        <v>995</v>
      </c>
      <c r="M39671" t="s">
        <v>87</v>
      </c>
      <c r="N39671" t="s">
        <v>88</v>
      </c>
      <c r="O39671" t="s">
        <v>85</v>
      </c>
      <c r="P39671" t="s">
        <v>86</v>
      </c>
      <c r="Q39671">
        <v>80</v>
      </c>
      <c r="R39671">
        <v>80</v>
      </c>
      <c r="S39671">
        <v>81</v>
      </c>
      <c r="T39671">
        <v>81</v>
      </c>
      <c r="U39671">
        <v>81</v>
      </c>
      <c r="V39671">
        <v>82</v>
      </c>
      <c r="W39671">
        <v>82</v>
      </c>
      <c r="X39671">
        <v>83</v>
      </c>
      <c r="Y39671">
        <v>83</v>
      </c>
      <c r="Z39671">
        <v>84</v>
      </c>
      <c r="AA39671">
        <v>84</v>
      </c>
      <c r="AB39671">
        <v>84</v>
      </c>
      <c r="AC39671">
        <v>85</v>
      </c>
      <c r="AD39671">
        <v>85</v>
      </c>
      <c r="AE39671">
        <v>86</v>
      </c>
      <c r="AF39671">
        <v>86</v>
      </c>
      <c r="AG39671">
        <v>87</v>
      </c>
      <c r="AH39671">
        <v>87</v>
      </c>
      <c r="AI39671">
        <v>87</v>
      </c>
      <c r="AJ39671">
        <v>88</v>
      </c>
      <c r="AK39671">
        <v>88</v>
      </c>
      <c r="AL39671">
        <v>89</v>
      </c>
      <c r="AM39671">
        <v>89</v>
      </c>
      <c r="AN39671">
        <v>90</v>
      </c>
      <c r="AO39671">
        <v>90</v>
      </c>
      <c r="AP39671">
        <v>91</v>
      </c>
      <c r="AQ39671">
        <v>91</v>
      </c>
    </row>
    <row r="39672" spans="1:43">
      <c r="A39672" t="s">
        <v>24609</v>
      </c>
      <c r="B39672" t="s">
        <v>24610</v>
      </c>
      <c r="C39672" t="s">
        <v>24607</v>
      </c>
      <c r="D39672" t="s">
        <v>24608</v>
      </c>
      <c r="E39672" t="s">
        <v>24517</v>
      </c>
      <c r="F39672" t="s">
        <v>24518</v>
      </c>
      <c r="G39672" t="s">
        <v>11612</v>
      </c>
      <c r="H39672" t="s">
        <v>11613</v>
      </c>
      <c r="I39672" s="2">
        <v>0</v>
      </c>
      <c r="J39672" s="2">
        <v>0</v>
      </c>
      <c r="K39672" s="2">
        <v>1</v>
      </c>
      <c r="L39672" t="s">
        <v>995</v>
      </c>
      <c r="M39672" t="s">
        <v>89</v>
      </c>
      <c r="N39672" t="s">
        <v>90</v>
      </c>
      <c r="O39672" t="s">
        <v>85</v>
      </c>
      <c r="P39672" t="s">
        <v>86</v>
      </c>
      <c r="Q39672">
        <v>80</v>
      </c>
      <c r="R39672">
        <v>82</v>
      </c>
      <c r="S39672">
        <v>84</v>
      </c>
      <c r="T39672">
        <v>86</v>
      </c>
      <c r="U39672">
        <v>88</v>
      </c>
      <c r="V39672">
        <v>89</v>
      </c>
      <c r="W39672">
        <v>91</v>
      </c>
      <c r="X39672">
        <v>92</v>
      </c>
      <c r="Y39672">
        <v>94</v>
      </c>
      <c r="Z39672">
        <v>95</v>
      </c>
      <c r="AA39672">
        <v>97</v>
      </c>
      <c r="AB39672">
        <v>98</v>
      </c>
      <c r="AC39672">
        <v>99</v>
      </c>
      <c r="AD39672">
        <v>101</v>
      </c>
      <c r="AE39672">
        <v>102</v>
      </c>
      <c r="AF39672">
        <v>102</v>
      </c>
      <c r="AG39672">
        <v>102</v>
      </c>
      <c r="AH39672">
        <v>102</v>
      </c>
      <c r="AI39672">
        <v>102</v>
      </c>
      <c r="AJ39672">
        <v>103</v>
      </c>
      <c r="AK39672">
        <v>103</v>
      </c>
      <c r="AL39672">
        <v>103</v>
      </c>
      <c r="AM39672">
        <v>103</v>
      </c>
      <c r="AN39672">
        <v>104</v>
      </c>
      <c r="AO39672">
        <v>104</v>
      </c>
      <c r="AP39672">
        <v>104</v>
      </c>
      <c r="AQ39672">
        <v>104</v>
      </c>
    </row>
    <row r="39673" spans="1:43">
      <c r="A39673" t="s">
        <v>24609</v>
      </c>
      <c r="B39673" t="s">
        <v>24610</v>
      </c>
      <c r="C39673" t="s">
        <v>24607</v>
      </c>
      <c r="D39673" t="s">
        <v>24608</v>
      </c>
      <c r="E39673" t="s">
        <v>24517</v>
      </c>
      <c r="F39673" t="s">
        <v>24518</v>
      </c>
      <c r="G39673" t="s">
        <v>11612</v>
      </c>
      <c r="H39673" t="s">
        <v>11613</v>
      </c>
      <c r="I39673" s="2">
        <v>0</v>
      </c>
      <c r="J39673" s="2">
        <v>0</v>
      </c>
      <c r="K39673" s="2">
        <v>1</v>
      </c>
      <c r="L39673" t="s">
        <v>995</v>
      </c>
      <c r="M39673" t="s">
        <v>83</v>
      </c>
      <c r="N39673" t="s">
        <v>91</v>
      </c>
      <c r="O39673" t="s">
        <v>85</v>
      </c>
      <c r="P39673" t="s">
        <v>86</v>
      </c>
      <c r="Q39673">
        <v>80</v>
      </c>
      <c r="R39673">
        <v>81</v>
      </c>
      <c r="S39673">
        <v>82</v>
      </c>
      <c r="T39673">
        <v>83</v>
      </c>
      <c r="U39673">
        <v>84</v>
      </c>
      <c r="V39673">
        <v>85</v>
      </c>
      <c r="W39673">
        <v>87</v>
      </c>
      <c r="X39673">
        <v>88</v>
      </c>
      <c r="Y39673">
        <v>89</v>
      </c>
      <c r="Z39673">
        <v>90</v>
      </c>
      <c r="AA39673">
        <v>91</v>
      </c>
      <c r="AB39673">
        <v>92</v>
      </c>
      <c r="AC39673">
        <v>93</v>
      </c>
      <c r="AD39673">
        <v>94</v>
      </c>
      <c r="AE39673">
        <v>95</v>
      </c>
      <c r="AF39673">
        <v>96</v>
      </c>
      <c r="AG39673">
        <v>97</v>
      </c>
      <c r="AH39673">
        <v>98</v>
      </c>
      <c r="AI39673">
        <v>99</v>
      </c>
      <c r="AJ39673">
        <v>100</v>
      </c>
      <c r="AK39673">
        <v>101</v>
      </c>
      <c r="AL39673">
        <v>102</v>
      </c>
      <c r="AM39673">
        <v>102</v>
      </c>
      <c r="AN39673">
        <v>102</v>
      </c>
      <c r="AO39673">
        <v>103</v>
      </c>
      <c r="AP39673">
        <v>103</v>
      </c>
      <c r="AQ39673">
        <v>103</v>
      </c>
    </row>
    <row r="39674" spans="1:43">
      <c r="A39674" t="s">
        <v>24611</v>
      </c>
      <c r="B39674" t="s">
        <v>24612</v>
      </c>
      <c r="C39674" t="s">
        <v>24607</v>
      </c>
      <c r="D39674" t="s">
        <v>24608</v>
      </c>
      <c r="E39674" t="s">
        <v>24517</v>
      </c>
      <c r="F39674" t="s">
        <v>24518</v>
      </c>
      <c r="G39674" t="s">
        <v>11612</v>
      </c>
      <c r="H39674" t="s">
        <v>11613</v>
      </c>
      <c r="I39674" s="2">
        <v>0</v>
      </c>
      <c r="J39674" s="2">
        <v>0</v>
      </c>
      <c r="K39674" s="2">
        <v>1</v>
      </c>
      <c r="L39674" t="s">
        <v>995</v>
      </c>
      <c r="M39674" t="s">
        <v>83</v>
      </c>
      <c r="N39674" t="s">
        <v>84</v>
      </c>
      <c r="O39674" t="s">
        <v>85</v>
      </c>
      <c r="P39674" t="s">
        <v>86</v>
      </c>
      <c r="Q39674">
        <v>22</v>
      </c>
      <c r="R39674">
        <v>22</v>
      </c>
      <c r="S39674">
        <v>23</v>
      </c>
      <c r="T39674">
        <v>23</v>
      </c>
      <c r="U39674">
        <v>23</v>
      </c>
      <c r="V39674">
        <v>23</v>
      </c>
      <c r="W39674">
        <v>24</v>
      </c>
      <c r="X39674">
        <v>24</v>
      </c>
      <c r="Y39674">
        <v>24</v>
      </c>
      <c r="Z39674">
        <v>25</v>
      </c>
      <c r="AA39674">
        <v>25</v>
      </c>
      <c r="AB39674">
        <v>25</v>
      </c>
      <c r="AC39674">
        <v>26</v>
      </c>
      <c r="AD39674">
        <v>26</v>
      </c>
      <c r="AE39674">
        <v>26</v>
      </c>
      <c r="AF39674">
        <v>26</v>
      </c>
      <c r="AG39674">
        <v>27</v>
      </c>
      <c r="AH39674">
        <v>27</v>
      </c>
      <c r="AI39674">
        <v>27</v>
      </c>
      <c r="AJ39674">
        <v>28</v>
      </c>
      <c r="AK39674">
        <v>28</v>
      </c>
      <c r="AL39674">
        <v>28</v>
      </c>
      <c r="AM39674">
        <v>28</v>
      </c>
      <c r="AN39674">
        <v>28</v>
      </c>
      <c r="AO39674">
        <v>28</v>
      </c>
      <c r="AP39674">
        <v>28</v>
      </c>
      <c r="AQ39674">
        <v>28</v>
      </c>
    </row>
    <row r="39675" spans="1:43">
      <c r="A39675" t="s">
        <v>24611</v>
      </c>
      <c r="B39675" t="s">
        <v>24612</v>
      </c>
      <c r="C39675" t="s">
        <v>24607</v>
      </c>
      <c r="D39675" t="s">
        <v>24608</v>
      </c>
      <c r="E39675" t="s">
        <v>24517</v>
      </c>
      <c r="F39675" t="s">
        <v>24518</v>
      </c>
      <c r="G39675" t="s">
        <v>11612</v>
      </c>
      <c r="H39675" t="s">
        <v>11613</v>
      </c>
      <c r="I39675" s="2">
        <v>0</v>
      </c>
      <c r="J39675" s="2">
        <v>0</v>
      </c>
      <c r="K39675" s="2">
        <v>1</v>
      </c>
      <c r="L39675" t="s">
        <v>995</v>
      </c>
      <c r="M39675" t="s">
        <v>87</v>
      </c>
      <c r="N39675" t="s">
        <v>88</v>
      </c>
      <c r="O39675" t="s">
        <v>85</v>
      </c>
      <c r="P39675" t="s">
        <v>86</v>
      </c>
      <c r="Q39675">
        <v>22</v>
      </c>
      <c r="R39675">
        <v>22</v>
      </c>
      <c r="S39675">
        <v>22</v>
      </c>
      <c r="T39675">
        <v>22</v>
      </c>
      <c r="U39675">
        <v>22</v>
      </c>
      <c r="V39675">
        <v>22</v>
      </c>
      <c r="W39675">
        <v>22</v>
      </c>
      <c r="X39675">
        <v>22</v>
      </c>
      <c r="Y39675">
        <v>23</v>
      </c>
      <c r="Z39675">
        <v>23</v>
      </c>
      <c r="AA39675">
        <v>23</v>
      </c>
      <c r="AB39675">
        <v>23</v>
      </c>
      <c r="AC39675">
        <v>23</v>
      </c>
      <c r="AD39675">
        <v>23</v>
      </c>
      <c r="AE39675">
        <v>23</v>
      </c>
      <c r="AF39675">
        <v>23</v>
      </c>
      <c r="AG39675">
        <v>24</v>
      </c>
      <c r="AH39675">
        <v>24</v>
      </c>
      <c r="AI39675">
        <v>24</v>
      </c>
      <c r="AJ39675">
        <v>24</v>
      </c>
      <c r="AK39675">
        <v>24</v>
      </c>
      <c r="AL39675">
        <v>24</v>
      </c>
      <c r="AM39675">
        <v>24</v>
      </c>
      <c r="AN39675">
        <v>24</v>
      </c>
      <c r="AO39675">
        <v>25</v>
      </c>
      <c r="AP39675">
        <v>25</v>
      </c>
      <c r="AQ39675">
        <v>25</v>
      </c>
    </row>
    <row r="39676" spans="1:43">
      <c r="A39676" t="s">
        <v>24611</v>
      </c>
      <c r="B39676" t="s">
        <v>24612</v>
      </c>
      <c r="C39676" t="s">
        <v>24607</v>
      </c>
      <c r="D39676" t="s">
        <v>24608</v>
      </c>
      <c r="E39676" t="s">
        <v>24517</v>
      </c>
      <c r="F39676" t="s">
        <v>24518</v>
      </c>
      <c r="G39676" t="s">
        <v>11612</v>
      </c>
      <c r="H39676" t="s">
        <v>11613</v>
      </c>
      <c r="I39676" s="2">
        <v>0</v>
      </c>
      <c r="J39676" s="2">
        <v>0</v>
      </c>
      <c r="K39676" s="2">
        <v>1</v>
      </c>
      <c r="L39676" t="s">
        <v>995</v>
      </c>
      <c r="M39676" t="s">
        <v>89</v>
      </c>
      <c r="N39676" t="s">
        <v>90</v>
      </c>
      <c r="O39676" t="s">
        <v>85</v>
      </c>
      <c r="P39676" t="s">
        <v>86</v>
      </c>
      <c r="Q39676">
        <v>22</v>
      </c>
      <c r="R39676">
        <v>23</v>
      </c>
      <c r="S39676">
        <v>23</v>
      </c>
      <c r="T39676">
        <v>24</v>
      </c>
      <c r="U39676">
        <v>24</v>
      </c>
      <c r="V39676">
        <v>25</v>
      </c>
      <c r="W39676">
        <v>25</v>
      </c>
      <c r="X39676">
        <v>25</v>
      </c>
      <c r="Y39676">
        <v>26</v>
      </c>
      <c r="Z39676">
        <v>26</v>
      </c>
      <c r="AA39676">
        <v>27</v>
      </c>
      <c r="AB39676">
        <v>27</v>
      </c>
      <c r="AC39676">
        <v>27</v>
      </c>
      <c r="AD39676">
        <v>28</v>
      </c>
      <c r="AE39676">
        <v>28</v>
      </c>
      <c r="AF39676">
        <v>28</v>
      </c>
      <c r="AG39676">
        <v>28</v>
      </c>
      <c r="AH39676">
        <v>28</v>
      </c>
      <c r="AI39676">
        <v>28</v>
      </c>
      <c r="AJ39676">
        <v>28</v>
      </c>
      <c r="AK39676">
        <v>28</v>
      </c>
      <c r="AL39676">
        <v>28</v>
      </c>
      <c r="AM39676">
        <v>28</v>
      </c>
      <c r="AN39676">
        <v>28</v>
      </c>
      <c r="AO39676">
        <v>29</v>
      </c>
      <c r="AP39676">
        <v>29</v>
      </c>
      <c r="AQ39676">
        <v>29</v>
      </c>
    </row>
    <row r="39677" spans="1:43">
      <c r="A39677" t="s">
        <v>24611</v>
      </c>
      <c r="B39677" t="s">
        <v>24612</v>
      </c>
      <c r="C39677" t="s">
        <v>24607</v>
      </c>
      <c r="D39677" t="s">
        <v>24608</v>
      </c>
      <c r="E39677" t="s">
        <v>24517</v>
      </c>
      <c r="F39677" t="s">
        <v>24518</v>
      </c>
      <c r="G39677" t="s">
        <v>11612</v>
      </c>
      <c r="H39677" t="s">
        <v>11613</v>
      </c>
      <c r="I39677" s="2">
        <v>0</v>
      </c>
      <c r="J39677" s="2">
        <v>0</v>
      </c>
      <c r="K39677" s="2">
        <v>1</v>
      </c>
      <c r="L39677" t="s">
        <v>995</v>
      </c>
      <c r="M39677" t="s">
        <v>83</v>
      </c>
      <c r="N39677" t="s">
        <v>91</v>
      </c>
      <c r="O39677" t="s">
        <v>85</v>
      </c>
      <c r="P39677" t="s">
        <v>86</v>
      </c>
      <c r="Q39677">
        <v>22</v>
      </c>
      <c r="R39677">
        <v>22</v>
      </c>
      <c r="S39677">
        <v>23</v>
      </c>
      <c r="T39677">
        <v>23</v>
      </c>
      <c r="U39677">
        <v>23</v>
      </c>
      <c r="V39677">
        <v>23</v>
      </c>
      <c r="W39677">
        <v>24</v>
      </c>
      <c r="X39677">
        <v>24</v>
      </c>
      <c r="Y39677">
        <v>24</v>
      </c>
      <c r="Z39677">
        <v>25</v>
      </c>
      <c r="AA39677">
        <v>25</v>
      </c>
      <c r="AB39677">
        <v>25</v>
      </c>
      <c r="AC39677">
        <v>26</v>
      </c>
      <c r="AD39677">
        <v>26</v>
      </c>
      <c r="AE39677">
        <v>26</v>
      </c>
      <c r="AF39677">
        <v>26</v>
      </c>
      <c r="AG39677">
        <v>27</v>
      </c>
      <c r="AH39677">
        <v>27</v>
      </c>
      <c r="AI39677">
        <v>27</v>
      </c>
      <c r="AJ39677">
        <v>28</v>
      </c>
      <c r="AK39677">
        <v>28</v>
      </c>
      <c r="AL39677">
        <v>28</v>
      </c>
      <c r="AM39677">
        <v>28</v>
      </c>
      <c r="AN39677">
        <v>28</v>
      </c>
      <c r="AO39677">
        <v>28</v>
      </c>
      <c r="AP39677">
        <v>28</v>
      </c>
      <c r="AQ39677">
        <v>28</v>
      </c>
    </row>
    <row r="39678" spans="1:43">
      <c r="A39678" t="s">
        <v>24613</v>
      </c>
      <c r="B39678" t="s">
        <v>24614</v>
      </c>
      <c r="C39678" t="s">
        <v>24607</v>
      </c>
      <c r="D39678" t="s">
        <v>24608</v>
      </c>
      <c r="E39678" t="s">
        <v>24517</v>
      </c>
      <c r="F39678" t="s">
        <v>24518</v>
      </c>
      <c r="G39678" t="s">
        <v>11612</v>
      </c>
      <c r="H39678" t="s">
        <v>11613</v>
      </c>
      <c r="I39678" s="2">
        <v>0</v>
      </c>
      <c r="J39678" s="2">
        <v>0</v>
      </c>
      <c r="K39678" s="2">
        <v>1</v>
      </c>
      <c r="L39678" t="s">
        <v>995</v>
      </c>
      <c r="M39678" t="s">
        <v>83</v>
      </c>
      <c r="N39678" t="s">
        <v>84</v>
      </c>
      <c r="O39678" t="s">
        <v>85</v>
      </c>
      <c r="P39678" t="s">
        <v>86</v>
      </c>
      <c r="Q39678">
        <v>29</v>
      </c>
      <c r="R39678">
        <v>30</v>
      </c>
      <c r="S39678">
        <v>30</v>
      </c>
      <c r="T39678">
        <v>31</v>
      </c>
      <c r="U39678">
        <v>31</v>
      </c>
      <c r="V39678">
        <v>32</v>
      </c>
      <c r="W39678">
        <v>32</v>
      </c>
      <c r="X39678">
        <v>33</v>
      </c>
      <c r="Y39678">
        <v>33</v>
      </c>
      <c r="Z39678">
        <v>33</v>
      </c>
      <c r="AA39678">
        <v>34</v>
      </c>
      <c r="AB39678">
        <v>34</v>
      </c>
      <c r="AC39678">
        <v>35</v>
      </c>
      <c r="AD39678">
        <v>35</v>
      </c>
      <c r="AE39678">
        <v>35</v>
      </c>
      <c r="AF39678">
        <v>36</v>
      </c>
      <c r="AG39678">
        <v>36</v>
      </c>
      <c r="AH39678">
        <v>37</v>
      </c>
      <c r="AI39678">
        <v>37</v>
      </c>
      <c r="AJ39678">
        <v>37</v>
      </c>
      <c r="AK39678">
        <v>38</v>
      </c>
      <c r="AL39678">
        <v>38</v>
      </c>
      <c r="AM39678">
        <v>38</v>
      </c>
      <c r="AN39678">
        <v>38</v>
      </c>
      <c r="AO39678">
        <v>38</v>
      </c>
      <c r="AP39678">
        <v>38</v>
      </c>
      <c r="AQ39678">
        <v>38</v>
      </c>
    </row>
    <row r="39679" spans="1:43">
      <c r="A39679" t="s">
        <v>24613</v>
      </c>
      <c r="B39679" t="s">
        <v>24614</v>
      </c>
      <c r="C39679" t="s">
        <v>24607</v>
      </c>
      <c r="D39679" t="s">
        <v>24608</v>
      </c>
      <c r="E39679" t="s">
        <v>24517</v>
      </c>
      <c r="F39679" t="s">
        <v>24518</v>
      </c>
      <c r="G39679" t="s">
        <v>11612</v>
      </c>
      <c r="H39679" t="s">
        <v>11613</v>
      </c>
      <c r="I39679" s="2">
        <v>0</v>
      </c>
      <c r="J39679" s="2">
        <v>0</v>
      </c>
      <c r="K39679" s="2">
        <v>1</v>
      </c>
      <c r="L39679" t="s">
        <v>995</v>
      </c>
      <c r="M39679" t="s">
        <v>87</v>
      </c>
      <c r="N39679" t="s">
        <v>88</v>
      </c>
      <c r="O39679" t="s">
        <v>85</v>
      </c>
      <c r="P39679" t="s">
        <v>86</v>
      </c>
      <c r="Q39679">
        <v>29</v>
      </c>
      <c r="R39679">
        <v>29</v>
      </c>
      <c r="S39679">
        <v>30</v>
      </c>
      <c r="T39679">
        <v>30</v>
      </c>
      <c r="U39679">
        <v>30</v>
      </c>
      <c r="V39679">
        <v>30</v>
      </c>
      <c r="W39679">
        <v>30</v>
      </c>
      <c r="X39679">
        <v>30</v>
      </c>
      <c r="Y39679">
        <v>30</v>
      </c>
      <c r="Z39679">
        <v>31</v>
      </c>
      <c r="AA39679">
        <v>31</v>
      </c>
      <c r="AB39679">
        <v>31</v>
      </c>
      <c r="AC39679">
        <v>31</v>
      </c>
      <c r="AD39679">
        <v>31</v>
      </c>
      <c r="AE39679">
        <v>31</v>
      </c>
      <c r="AF39679">
        <v>32</v>
      </c>
      <c r="AG39679">
        <v>32</v>
      </c>
      <c r="AH39679">
        <v>32</v>
      </c>
      <c r="AI39679">
        <v>32</v>
      </c>
      <c r="AJ39679">
        <v>32</v>
      </c>
      <c r="AK39679">
        <v>33</v>
      </c>
      <c r="AL39679">
        <v>33</v>
      </c>
      <c r="AM39679">
        <v>33</v>
      </c>
      <c r="AN39679">
        <v>33</v>
      </c>
      <c r="AO39679">
        <v>33</v>
      </c>
      <c r="AP39679">
        <v>34</v>
      </c>
      <c r="AQ39679">
        <v>34</v>
      </c>
    </row>
    <row r="39680" spans="1:43">
      <c r="A39680" t="s">
        <v>24613</v>
      </c>
      <c r="B39680" t="s">
        <v>24614</v>
      </c>
      <c r="C39680" t="s">
        <v>24607</v>
      </c>
      <c r="D39680" t="s">
        <v>24608</v>
      </c>
      <c r="E39680" t="s">
        <v>24517</v>
      </c>
      <c r="F39680" t="s">
        <v>24518</v>
      </c>
      <c r="G39680" t="s">
        <v>11612</v>
      </c>
      <c r="H39680" t="s">
        <v>11613</v>
      </c>
      <c r="I39680" s="2">
        <v>0</v>
      </c>
      <c r="J39680" s="2">
        <v>0</v>
      </c>
      <c r="K39680" s="2">
        <v>1</v>
      </c>
      <c r="L39680" t="s">
        <v>995</v>
      </c>
      <c r="M39680" t="s">
        <v>89</v>
      </c>
      <c r="N39680" t="s">
        <v>90</v>
      </c>
      <c r="O39680" t="s">
        <v>85</v>
      </c>
      <c r="P39680" t="s">
        <v>86</v>
      </c>
      <c r="Q39680">
        <v>29</v>
      </c>
      <c r="R39680">
        <v>29</v>
      </c>
      <c r="S39680">
        <v>30</v>
      </c>
      <c r="T39680">
        <v>31</v>
      </c>
      <c r="U39680">
        <v>31</v>
      </c>
      <c r="V39680">
        <v>32</v>
      </c>
      <c r="W39680">
        <v>33</v>
      </c>
      <c r="X39680">
        <v>33</v>
      </c>
      <c r="Y39680">
        <v>34</v>
      </c>
      <c r="Z39680">
        <v>34</v>
      </c>
      <c r="AA39680">
        <v>35</v>
      </c>
      <c r="AB39680">
        <v>35</v>
      </c>
      <c r="AC39680">
        <v>36</v>
      </c>
      <c r="AD39680">
        <v>36</v>
      </c>
      <c r="AE39680">
        <v>37</v>
      </c>
      <c r="AF39680">
        <v>37</v>
      </c>
      <c r="AG39680">
        <v>37</v>
      </c>
      <c r="AH39680">
        <v>37</v>
      </c>
      <c r="AI39680">
        <v>37</v>
      </c>
      <c r="AJ39680">
        <v>37</v>
      </c>
      <c r="AK39680">
        <v>37</v>
      </c>
      <c r="AL39680">
        <v>37</v>
      </c>
      <c r="AM39680">
        <v>37</v>
      </c>
      <c r="AN39680">
        <v>37</v>
      </c>
      <c r="AO39680">
        <v>38</v>
      </c>
      <c r="AP39680">
        <v>38</v>
      </c>
      <c r="AQ39680">
        <v>38</v>
      </c>
    </row>
    <row r="39681" spans="1:43">
      <c r="A39681" t="s">
        <v>24613</v>
      </c>
      <c r="B39681" t="s">
        <v>24614</v>
      </c>
      <c r="C39681" t="s">
        <v>24607</v>
      </c>
      <c r="D39681" t="s">
        <v>24608</v>
      </c>
      <c r="E39681" t="s">
        <v>24517</v>
      </c>
      <c r="F39681" t="s">
        <v>24518</v>
      </c>
      <c r="G39681" t="s">
        <v>11612</v>
      </c>
      <c r="H39681" t="s">
        <v>11613</v>
      </c>
      <c r="I39681" s="2">
        <v>0</v>
      </c>
      <c r="J39681" s="2">
        <v>0</v>
      </c>
      <c r="K39681" s="2">
        <v>1</v>
      </c>
      <c r="L39681" t="s">
        <v>995</v>
      </c>
      <c r="M39681" t="s">
        <v>83</v>
      </c>
      <c r="N39681" t="s">
        <v>91</v>
      </c>
      <c r="O39681" t="s">
        <v>85</v>
      </c>
      <c r="P39681" t="s">
        <v>86</v>
      </c>
      <c r="Q39681">
        <v>29</v>
      </c>
      <c r="R39681">
        <v>30</v>
      </c>
      <c r="S39681">
        <v>30</v>
      </c>
      <c r="T39681">
        <v>31</v>
      </c>
      <c r="U39681">
        <v>31</v>
      </c>
      <c r="V39681">
        <v>32</v>
      </c>
      <c r="W39681">
        <v>32</v>
      </c>
      <c r="X39681">
        <v>33</v>
      </c>
      <c r="Y39681">
        <v>33</v>
      </c>
      <c r="Z39681">
        <v>33</v>
      </c>
      <c r="AA39681">
        <v>34</v>
      </c>
      <c r="AB39681">
        <v>34</v>
      </c>
      <c r="AC39681">
        <v>35</v>
      </c>
      <c r="AD39681">
        <v>35</v>
      </c>
      <c r="AE39681">
        <v>35</v>
      </c>
      <c r="AF39681">
        <v>36</v>
      </c>
      <c r="AG39681">
        <v>36</v>
      </c>
      <c r="AH39681">
        <v>37</v>
      </c>
      <c r="AI39681">
        <v>37</v>
      </c>
      <c r="AJ39681">
        <v>37</v>
      </c>
      <c r="AK39681">
        <v>38</v>
      </c>
      <c r="AL39681">
        <v>38</v>
      </c>
      <c r="AM39681">
        <v>38</v>
      </c>
      <c r="AN39681">
        <v>38</v>
      </c>
      <c r="AO39681">
        <v>38</v>
      </c>
      <c r="AP39681">
        <v>38</v>
      </c>
      <c r="AQ39681">
        <v>38</v>
      </c>
    </row>
    <row r="39682" spans="1:43">
      <c r="A39682" t="s">
        <v>24615</v>
      </c>
      <c r="B39682" t="s">
        <v>24616</v>
      </c>
      <c r="C39682" t="s">
        <v>24607</v>
      </c>
      <c r="D39682" t="s">
        <v>24608</v>
      </c>
      <c r="E39682" t="s">
        <v>24517</v>
      </c>
      <c r="F39682" t="s">
        <v>24518</v>
      </c>
      <c r="G39682" t="s">
        <v>11612</v>
      </c>
      <c r="H39682" t="s">
        <v>11613</v>
      </c>
      <c r="I39682" s="2">
        <v>0</v>
      </c>
      <c r="J39682" s="2">
        <v>0</v>
      </c>
      <c r="K39682" s="2">
        <v>1</v>
      </c>
      <c r="L39682" t="s">
        <v>995</v>
      </c>
      <c r="M39682" t="s">
        <v>83</v>
      </c>
      <c r="N39682" t="s">
        <v>84</v>
      </c>
      <c r="O39682" t="s">
        <v>85</v>
      </c>
      <c r="P39682" t="s">
        <v>86</v>
      </c>
      <c r="Q39682">
        <v>25</v>
      </c>
      <c r="R39682">
        <v>26</v>
      </c>
      <c r="S39682">
        <v>26</v>
      </c>
      <c r="T39682">
        <v>26</v>
      </c>
      <c r="U39682">
        <v>27</v>
      </c>
      <c r="V39682">
        <v>27</v>
      </c>
      <c r="W39682">
        <v>28</v>
      </c>
      <c r="X39682">
        <v>28</v>
      </c>
      <c r="Y39682">
        <v>28</v>
      </c>
      <c r="Z39682">
        <v>29</v>
      </c>
      <c r="AA39682">
        <v>29</v>
      </c>
      <c r="AB39682">
        <v>29</v>
      </c>
      <c r="AC39682">
        <v>30</v>
      </c>
      <c r="AD39682">
        <v>30</v>
      </c>
      <c r="AE39682">
        <v>30</v>
      </c>
      <c r="AF39682">
        <v>31</v>
      </c>
      <c r="AG39682">
        <v>31</v>
      </c>
      <c r="AH39682">
        <v>31</v>
      </c>
      <c r="AI39682">
        <v>31</v>
      </c>
      <c r="AJ39682">
        <v>32</v>
      </c>
      <c r="AK39682">
        <v>32</v>
      </c>
      <c r="AL39682">
        <v>32</v>
      </c>
      <c r="AM39682">
        <v>32</v>
      </c>
      <c r="AN39682">
        <v>32</v>
      </c>
      <c r="AO39682">
        <v>32</v>
      </c>
      <c r="AP39682">
        <v>32</v>
      </c>
      <c r="AQ39682">
        <v>32</v>
      </c>
    </row>
    <row r="39683" spans="1:43">
      <c r="A39683" t="s">
        <v>24615</v>
      </c>
      <c r="B39683" t="s">
        <v>24616</v>
      </c>
      <c r="C39683" t="s">
        <v>24607</v>
      </c>
      <c r="D39683" t="s">
        <v>24608</v>
      </c>
      <c r="E39683" t="s">
        <v>24517</v>
      </c>
      <c r="F39683" t="s">
        <v>24518</v>
      </c>
      <c r="G39683" t="s">
        <v>11612</v>
      </c>
      <c r="H39683" t="s">
        <v>11613</v>
      </c>
      <c r="I39683" s="2">
        <v>0</v>
      </c>
      <c r="J39683" s="2">
        <v>0</v>
      </c>
      <c r="K39683" s="2">
        <v>1</v>
      </c>
      <c r="L39683" t="s">
        <v>995</v>
      </c>
      <c r="M39683" t="s">
        <v>87</v>
      </c>
      <c r="N39683" t="s">
        <v>88</v>
      </c>
      <c r="O39683" t="s">
        <v>85</v>
      </c>
      <c r="P39683" t="s">
        <v>86</v>
      </c>
      <c r="Q39683">
        <v>25</v>
      </c>
      <c r="R39683">
        <v>25</v>
      </c>
      <c r="S39683">
        <v>25</v>
      </c>
      <c r="T39683">
        <v>25</v>
      </c>
      <c r="U39683">
        <v>26</v>
      </c>
      <c r="V39683">
        <v>26</v>
      </c>
      <c r="W39683">
        <v>26</v>
      </c>
      <c r="X39683">
        <v>26</v>
      </c>
      <c r="Y39683">
        <v>26</v>
      </c>
      <c r="Z39683">
        <v>26</v>
      </c>
      <c r="AA39683">
        <v>26</v>
      </c>
      <c r="AB39683">
        <v>26</v>
      </c>
      <c r="AC39683">
        <v>27</v>
      </c>
      <c r="AD39683">
        <v>27</v>
      </c>
      <c r="AE39683">
        <v>27</v>
      </c>
      <c r="AF39683">
        <v>27</v>
      </c>
      <c r="AG39683">
        <v>27</v>
      </c>
      <c r="AH39683">
        <v>27</v>
      </c>
      <c r="AI39683">
        <v>27</v>
      </c>
      <c r="AJ39683">
        <v>28</v>
      </c>
      <c r="AK39683">
        <v>28</v>
      </c>
      <c r="AL39683">
        <v>28</v>
      </c>
      <c r="AM39683">
        <v>28</v>
      </c>
      <c r="AN39683">
        <v>28</v>
      </c>
      <c r="AO39683">
        <v>28</v>
      </c>
      <c r="AP39683">
        <v>28</v>
      </c>
      <c r="AQ39683">
        <v>29</v>
      </c>
    </row>
    <row r="39684" spans="1:43">
      <c r="A39684" t="s">
        <v>24615</v>
      </c>
      <c r="B39684" t="s">
        <v>24616</v>
      </c>
      <c r="C39684" t="s">
        <v>24607</v>
      </c>
      <c r="D39684" t="s">
        <v>24608</v>
      </c>
      <c r="E39684" t="s">
        <v>24517</v>
      </c>
      <c r="F39684" t="s">
        <v>24518</v>
      </c>
      <c r="G39684" t="s">
        <v>11612</v>
      </c>
      <c r="H39684" t="s">
        <v>11613</v>
      </c>
      <c r="I39684" s="2">
        <v>0</v>
      </c>
      <c r="J39684" s="2">
        <v>0</v>
      </c>
      <c r="K39684" s="2">
        <v>1</v>
      </c>
      <c r="L39684" t="s">
        <v>995</v>
      </c>
      <c r="M39684" t="s">
        <v>89</v>
      </c>
      <c r="N39684" t="s">
        <v>90</v>
      </c>
      <c r="O39684" t="s">
        <v>85</v>
      </c>
      <c r="P39684" t="s">
        <v>86</v>
      </c>
      <c r="Q39684">
        <v>25</v>
      </c>
      <c r="R39684">
        <v>25</v>
      </c>
      <c r="S39684">
        <v>26</v>
      </c>
      <c r="T39684">
        <v>26</v>
      </c>
      <c r="U39684">
        <v>27</v>
      </c>
      <c r="V39684">
        <v>27</v>
      </c>
      <c r="W39684">
        <v>28</v>
      </c>
      <c r="X39684">
        <v>28</v>
      </c>
      <c r="Y39684">
        <v>29</v>
      </c>
      <c r="Z39684">
        <v>29</v>
      </c>
      <c r="AA39684">
        <v>30</v>
      </c>
      <c r="AB39684">
        <v>30</v>
      </c>
      <c r="AC39684">
        <v>30</v>
      </c>
      <c r="AD39684">
        <v>31</v>
      </c>
      <c r="AE39684">
        <v>31</v>
      </c>
      <c r="AF39684">
        <v>31</v>
      </c>
      <c r="AG39684">
        <v>31</v>
      </c>
      <c r="AH39684">
        <v>31</v>
      </c>
      <c r="AI39684">
        <v>31</v>
      </c>
      <c r="AJ39684">
        <v>31</v>
      </c>
      <c r="AK39684">
        <v>31</v>
      </c>
      <c r="AL39684">
        <v>31</v>
      </c>
      <c r="AM39684">
        <v>31</v>
      </c>
      <c r="AN39684">
        <v>32</v>
      </c>
      <c r="AO39684">
        <v>32</v>
      </c>
      <c r="AP39684">
        <v>32</v>
      </c>
      <c r="AQ39684">
        <v>32</v>
      </c>
    </row>
    <row r="39685" spans="1:43">
      <c r="A39685" t="s">
        <v>24615</v>
      </c>
      <c r="B39685" t="s">
        <v>24616</v>
      </c>
      <c r="C39685" t="s">
        <v>24607</v>
      </c>
      <c r="D39685" t="s">
        <v>24608</v>
      </c>
      <c r="E39685" t="s">
        <v>24517</v>
      </c>
      <c r="F39685" t="s">
        <v>24518</v>
      </c>
      <c r="G39685" t="s">
        <v>11612</v>
      </c>
      <c r="H39685" t="s">
        <v>11613</v>
      </c>
      <c r="I39685" s="2">
        <v>0</v>
      </c>
      <c r="J39685" s="2">
        <v>0</v>
      </c>
      <c r="K39685" s="2">
        <v>1</v>
      </c>
      <c r="L39685" t="s">
        <v>995</v>
      </c>
      <c r="M39685" t="s">
        <v>83</v>
      </c>
      <c r="N39685" t="s">
        <v>91</v>
      </c>
      <c r="O39685" t="s">
        <v>85</v>
      </c>
      <c r="P39685" t="s">
        <v>86</v>
      </c>
      <c r="Q39685">
        <v>25</v>
      </c>
      <c r="R39685">
        <v>26</v>
      </c>
      <c r="S39685">
        <v>26</v>
      </c>
      <c r="T39685">
        <v>26</v>
      </c>
      <c r="U39685">
        <v>27</v>
      </c>
      <c r="V39685">
        <v>27</v>
      </c>
      <c r="W39685">
        <v>28</v>
      </c>
      <c r="X39685">
        <v>28</v>
      </c>
      <c r="Y39685">
        <v>28</v>
      </c>
      <c r="Z39685">
        <v>29</v>
      </c>
      <c r="AA39685">
        <v>29</v>
      </c>
      <c r="AB39685">
        <v>29</v>
      </c>
      <c r="AC39685">
        <v>30</v>
      </c>
      <c r="AD39685">
        <v>30</v>
      </c>
      <c r="AE39685">
        <v>30</v>
      </c>
      <c r="AF39685">
        <v>31</v>
      </c>
      <c r="AG39685">
        <v>31</v>
      </c>
      <c r="AH39685">
        <v>31</v>
      </c>
      <c r="AI39685">
        <v>31</v>
      </c>
      <c r="AJ39685">
        <v>32</v>
      </c>
      <c r="AK39685">
        <v>32</v>
      </c>
      <c r="AL39685">
        <v>32</v>
      </c>
      <c r="AM39685">
        <v>32</v>
      </c>
      <c r="AN39685">
        <v>32</v>
      </c>
      <c r="AO39685">
        <v>32</v>
      </c>
      <c r="AP39685">
        <v>32</v>
      </c>
      <c r="AQ39685">
        <v>32</v>
      </c>
    </row>
    <row r="39686" spans="1:43">
      <c r="A39686" t="s">
        <v>24617</v>
      </c>
      <c r="B39686" t="s">
        <v>24618</v>
      </c>
      <c r="C39686" t="s">
        <v>24539</v>
      </c>
      <c r="D39686" t="s">
        <v>24540</v>
      </c>
      <c r="E39686" t="s">
        <v>24517</v>
      </c>
      <c r="F39686" t="s">
        <v>24518</v>
      </c>
      <c r="G39686" t="s">
        <v>11612</v>
      </c>
      <c r="H39686" t="s">
        <v>11613</v>
      </c>
      <c r="I39686" s="2">
        <v>0</v>
      </c>
      <c r="J39686" s="2">
        <v>0</v>
      </c>
      <c r="K39686" s="2">
        <v>1</v>
      </c>
      <c r="L39686" t="s">
        <v>995</v>
      </c>
      <c r="M39686" t="s">
        <v>83</v>
      </c>
      <c r="N39686" t="s">
        <v>84</v>
      </c>
      <c r="O39686" t="s">
        <v>85</v>
      </c>
      <c r="P39686" t="s">
        <v>86</v>
      </c>
      <c r="Q39686">
        <v>20</v>
      </c>
      <c r="R39686">
        <v>20</v>
      </c>
      <c r="S39686">
        <v>20</v>
      </c>
      <c r="T39686">
        <v>20</v>
      </c>
      <c r="U39686">
        <v>21</v>
      </c>
      <c r="V39686">
        <v>21</v>
      </c>
      <c r="W39686">
        <v>21</v>
      </c>
      <c r="X39686">
        <v>22</v>
      </c>
      <c r="Y39686">
        <v>22</v>
      </c>
      <c r="Z39686">
        <v>22</v>
      </c>
      <c r="AA39686">
        <v>22</v>
      </c>
      <c r="AB39686">
        <v>23</v>
      </c>
      <c r="AC39686">
        <v>23</v>
      </c>
      <c r="AD39686">
        <v>23</v>
      </c>
      <c r="AE39686">
        <v>23</v>
      </c>
      <c r="AF39686">
        <v>24</v>
      </c>
      <c r="AG39686">
        <v>24</v>
      </c>
      <c r="AH39686">
        <v>24</v>
      </c>
      <c r="AI39686">
        <v>24</v>
      </c>
      <c r="AJ39686">
        <v>24</v>
      </c>
      <c r="AK39686">
        <v>25</v>
      </c>
      <c r="AL39686">
        <v>25</v>
      </c>
      <c r="AM39686">
        <v>25</v>
      </c>
      <c r="AN39686">
        <v>25</v>
      </c>
      <c r="AO39686">
        <v>25</v>
      </c>
      <c r="AP39686">
        <v>25</v>
      </c>
      <c r="AQ39686">
        <v>25</v>
      </c>
    </row>
    <row r="39687" spans="1:43">
      <c r="A39687" t="s">
        <v>24617</v>
      </c>
      <c r="B39687" t="s">
        <v>24618</v>
      </c>
      <c r="C39687" t="s">
        <v>24539</v>
      </c>
      <c r="D39687" t="s">
        <v>24540</v>
      </c>
      <c r="E39687" t="s">
        <v>24517</v>
      </c>
      <c r="F39687" t="s">
        <v>24518</v>
      </c>
      <c r="G39687" t="s">
        <v>11612</v>
      </c>
      <c r="H39687" t="s">
        <v>11613</v>
      </c>
      <c r="I39687" s="2">
        <v>0</v>
      </c>
      <c r="J39687" s="2">
        <v>0</v>
      </c>
      <c r="K39687" s="2">
        <v>1</v>
      </c>
      <c r="L39687" t="s">
        <v>995</v>
      </c>
      <c r="M39687" t="s">
        <v>87</v>
      </c>
      <c r="N39687" t="s">
        <v>88</v>
      </c>
      <c r="O39687" t="s">
        <v>85</v>
      </c>
      <c r="P39687" t="s">
        <v>86</v>
      </c>
      <c r="Q39687">
        <v>20</v>
      </c>
      <c r="R39687">
        <v>21</v>
      </c>
      <c r="S39687">
        <v>21</v>
      </c>
      <c r="T39687">
        <v>21</v>
      </c>
      <c r="U39687">
        <v>21</v>
      </c>
      <c r="V39687">
        <v>21</v>
      </c>
      <c r="W39687">
        <v>21</v>
      </c>
      <c r="X39687">
        <v>21</v>
      </c>
      <c r="Y39687">
        <v>21</v>
      </c>
      <c r="Z39687">
        <v>21</v>
      </c>
      <c r="AA39687">
        <v>21</v>
      </c>
      <c r="AB39687">
        <v>21</v>
      </c>
      <c r="AC39687">
        <v>21</v>
      </c>
      <c r="AD39687">
        <v>22</v>
      </c>
      <c r="AE39687">
        <v>22</v>
      </c>
      <c r="AF39687">
        <v>22</v>
      </c>
      <c r="AG39687">
        <v>22</v>
      </c>
      <c r="AH39687">
        <v>22</v>
      </c>
      <c r="AI39687">
        <v>22</v>
      </c>
      <c r="AJ39687">
        <v>22</v>
      </c>
      <c r="AK39687">
        <v>22</v>
      </c>
      <c r="AL39687">
        <v>22</v>
      </c>
      <c r="AM39687">
        <v>22</v>
      </c>
      <c r="AN39687">
        <v>22</v>
      </c>
      <c r="AO39687">
        <v>23</v>
      </c>
      <c r="AP39687">
        <v>23</v>
      </c>
      <c r="AQ39687">
        <v>23</v>
      </c>
    </row>
    <row r="39688" spans="1:43">
      <c r="A39688" t="s">
        <v>24617</v>
      </c>
      <c r="B39688" t="s">
        <v>24618</v>
      </c>
      <c r="C39688" t="s">
        <v>24539</v>
      </c>
      <c r="D39688" t="s">
        <v>24540</v>
      </c>
      <c r="E39688" t="s">
        <v>24517</v>
      </c>
      <c r="F39688" t="s">
        <v>24518</v>
      </c>
      <c r="G39688" t="s">
        <v>11612</v>
      </c>
      <c r="H39688" t="s">
        <v>11613</v>
      </c>
      <c r="I39688" s="2">
        <v>0</v>
      </c>
      <c r="J39688" s="2">
        <v>0</v>
      </c>
      <c r="K39688" s="2">
        <v>1</v>
      </c>
      <c r="L39688" t="s">
        <v>995</v>
      </c>
      <c r="M39688" t="s">
        <v>89</v>
      </c>
      <c r="N39688" t="s">
        <v>90</v>
      </c>
      <c r="O39688" t="s">
        <v>85</v>
      </c>
      <c r="P39688" t="s">
        <v>86</v>
      </c>
      <c r="Q39688">
        <v>20</v>
      </c>
      <c r="R39688">
        <v>20</v>
      </c>
      <c r="S39688">
        <v>21</v>
      </c>
      <c r="T39688">
        <v>21</v>
      </c>
      <c r="U39688">
        <v>22</v>
      </c>
      <c r="V39688">
        <v>22</v>
      </c>
      <c r="W39688">
        <v>22</v>
      </c>
      <c r="X39688">
        <v>23</v>
      </c>
      <c r="Y39688">
        <v>23</v>
      </c>
      <c r="Z39688">
        <v>23</v>
      </c>
      <c r="AA39688">
        <v>24</v>
      </c>
      <c r="AB39688">
        <v>24</v>
      </c>
      <c r="AC39688">
        <v>24</v>
      </c>
      <c r="AD39688">
        <v>25</v>
      </c>
      <c r="AE39688">
        <v>25</v>
      </c>
      <c r="AF39688">
        <v>25</v>
      </c>
      <c r="AG39688">
        <v>25</v>
      </c>
      <c r="AH39688">
        <v>25</v>
      </c>
      <c r="AI39688">
        <v>25</v>
      </c>
      <c r="AJ39688">
        <v>25</v>
      </c>
      <c r="AK39688">
        <v>25</v>
      </c>
      <c r="AL39688">
        <v>25</v>
      </c>
      <c r="AM39688">
        <v>25</v>
      </c>
      <c r="AN39688">
        <v>25</v>
      </c>
      <c r="AO39688">
        <v>25</v>
      </c>
      <c r="AP39688">
        <v>25</v>
      </c>
      <c r="AQ39688">
        <v>25</v>
      </c>
    </row>
    <row r="39689" spans="1:43">
      <c r="A39689" t="s">
        <v>24617</v>
      </c>
      <c r="B39689" t="s">
        <v>24618</v>
      </c>
      <c r="C39689" t="s">
        <v>24539</v>
      </c>
      <c r="D39689" t="s">
        <v>24540</v>
      </c>
      <c r="E39689" t="s">
        <v>24517</v>
      </c>
      <c r="F39689" t="s">
        <v>24518</v>
      </c>
      <c r="G39689" t="s">
        <v>11612</v>
      </c>
      <c r="H39689" t="s">
        <v>11613</v>
      </c>
      <c r="I39689" s="2">
        <v>0</v>
      </c>
      <c r="J39689" s="2">
        <v>0</v>
      </c>
      <c r="K39689" s="2">
        <v>1</v>
      </c>
      <c r="L39689" t="s">
        <v>995</v>
      </c>
      <c r="M39689" t="s">
        <v>83</v>
      </c>
      <c r="N39689" t="s">
        <v>91</v>
      </c>
      <c r="O39689" t="s">
        <v>85</v>
      </c>
      <c r="P39689" t="s">
        <v>86</v>
      </c>
      <c r="Q39689">
        <v>20</v>
      </c>
      <c r="R39689">
        <v>20</v>
      </c>
      <c r="S39689">
        <v>20</v>
      </c>
      <c r="T39689">
        <v>20</v>
      </c>
      <c r="U39689">
        <v>21</v>
      </c>
      <c r="V39689">
        <v>21</v>
      </c>
      <c r="W39689">
        <v>21</v>
      </c>
      <c r="X39689">
        <v>22</v>
      </c>
      <c r="Y39689">
        <v>22</v>
      </c>
      <c r="Z39689">
        <v>22</v>
      </c>
      <c r="AA39689">
        <v>22</v>
      </c>
      <c r="AB39689">
        <v>23</v>
      </c>
      <c r="AC39689">
        <v>23</v>
      </c>
      <c r="AD39689">
        <v>23</v>
      </c>
      <c r="AE39689">
        <v>23</v>
      </c>
      <c r="AF39689">
        <v>24</v>
      </c>
      <c r="AG39689">
        <v>24</v>
      </c>
      <c r="AH39689">
        <v>24</v>
      </c>
      <c r="AI39689">
        <v>24</v>
      </c>
      <c r="AJ39689">
        <v>24</v>
      </c>
      <c r="AK39689">
        <v>25</v>
      </c>
      <c r="AL39689">
        <v>25</v>
      </c>
      <c r="AM39689">
        <v>25</v>
      </c>
      <c r="AN39689">
        <v>25</v>
      </c>
      <c r="AO39689">
        <v>25</v>
      </c>
      <c r="AP39689">
        <v>25</v>
      </c>
      <c r="AQ39689">
        <v>25</v>
      </c>
    </row>
    <row r="39690" spans="1:43">
      <c r="A39690" t="s">
        <v>24619</v>
      </c>
      <c r="B39690" t="s">
        <v>24620</v>
      </c>
      <c r="C39690" t="s">
        <v>24561</v>
      </c>
      <c r="D39690" t="s">
        <v>24562</v>
      </c>
      <c r="E39690" t="s">
        <v>24517</v>
      </c>
      <c r="F39690" t="s">
        <v>24518</v>
      </c>
      <c r="G39690" t="s">
        <v>11612</v>
      </c>
      <c r="H39690" t="s">
        <v>11613</v>
      </c>
      <c r="I39690" s="2">
        <v>0</v>
      </c>
      <c r="J39690" s="2">
        <v>0</v>
      </c>
      <c r="K39690" s="2">
        <v>1</v>
      </c>
      <c r="L39690" t="s">
        <v>995</v>
      </c>
      <c r="M39690" t="s">
        <v>83</v>
      </c>
      <c r="N39690" t="s">
        <v>84</v>
      </c>
      <c r="O39690" t="s">
        <v>85</v>
      </c>
      <c r="P39690" t="s">
        <v>86</v>
      </c>
      <c r="Q39690">
        <v>17</v>
      </c>
      <c r="R39690">
        <v>17</v>
      </c>
      <c r="S39690">
        <v>17</v>
      </c>
      <c r="T39690">
        <v>17</v>
      </c>
      <c r="U39690">
        <v>17</v>
      </c>
      <c r="V39690">
        <v>18</v>
      </c>
      <c r="W39690">
        <v>18</v>
      </c>
      <c r="X39690">
        <v>18</v>
      </c>
      <c r="Y39690">
        <v>18</v>
      </c>
      <c r="Z39690">
        <v>19</v>
      </c>
      <c r="AA39690">
        <v>19</v>
      </c>
      <c r="AB39690">
        <v>19</v>
      </c>
      <c r="AC39690">
        <v>19</v>
      </c>
      <c r="AD39690">
        <v>19</v>
      </c>
      <c r="AE39690">
        <v>20</v>
      </c>
      <c r="AF39690">
        <v>20</v>
      </c>
      <c r="AG39690">
        <v>20</v>
      </c>
      <c r="AH39690">
        <v>20</v>
      </c>
      <c r="AI39690">
        <v>20</v>
      </c>
      <c r="AJ39690">
        <v>21</v>
      </c>
      <c r="AK39690">
        <v>21</v>
      </c>
      <c r="AL39690">
        <v>21</v>
      </c>
      <c r="AM39690">
        <v>21</v>
      </c>
      <c r="AN39690">
        <v>21</v>
      </c>
      <c r="AO39690">
        <v>21</v>
      </c>
      <c r="AP39690">
        <v>21</v>
      </c>
      <c r="AQ39690">
        <v>21</v>
      </c>
    </row>
    <row r="39691" spans="1:43">
      <c r="A39691" t="s">
        <v>24619</v>
      </c>
      <c r="B39691" t="s">
        <v>24620</v>
      </c>
      <c r="C39691" t="s">
        <v>24561</v>
      </c>
      <c r="D39691" t="s">
        <v>24562</v>
      </c>
      <c r="E39691" t="s">
        <v>24517</v>
      </c>
      <c r="F39691" t="s">
        <v>24518</v>
      </c>
      <c r="G39691" t="s">
        <v>11612</v>
      </c>
      <c r="H39691" t="s">
        <v>11613</v>
      </c>
      <c r="I39691" s="2">
        <v>0</v>
      </c>
      <c r="J39691" s="2">
        <v>0</v>
      </c>
      <c r="K39691" s="2">
        <v>1</v>
      </c>
      <c r="L39691" t="s">
        <v>995</v>
      </c>
      <c r="M39691" t="s">
        <v>87</v>
      </c>
      <c r="N39691" t="s">
        <v>88</v>
      </c>
      <c r="O39691" t="s">
        <v>85</v>
      </c>
      <c r="P39691" t="s">
        <v>86</v>
      </c>
      <c r="Q39691">
        <v>17</v>
      </c>
      <c r="R39691">
        <v>17</v>
      </c>
      <c r="S39691">
        <v>17</v>
      </c>
      <c r="T39691">
        <v>18</v>
      </c>
      <c r="U39691">
        <v>18</v>
      </c>
      <c r="V39691">
        <v>18</v>
      </c>
      <c r="W39691">
        <v>18</v>
      </c>
      <c r="X39691">
        <v>18</v>
      </c>
      <c r="Y39691">
        <v>18</v>
      </c>
      <c r="Z39691">
        <v>18</v>
      </c>
      <c r="AA39691">
        <v>18</v>
      </c>
      <c r="AB39691">
        <v>18</v>
      </c>
      <c r="AC39691">
        <v>18</v>
      </c>
      <c r="AD39691">
        <v>18</v>
      </c>
      <c r="AE39691">
        <v>18</v>
      </c>
      <c r="AF39691">
        <v>18</v>
      </c>
      <c r="AG39691">
        <v>18</v>
      </c>
      <c r="AH39691">
        <v>19</v>
      </c>
      <c r="AI39691">
        <v>19</v>
      </c>
      <c r="AJ39691">
        <v>19</v>
      </c>
      <c r="AK39691">
        <v>19</v>
      </c>
      <c r="AL39691">
        <v>19</v>
      </c>
      <c r="AM39691">
        <v>19</v>
      </c>
      <c r="AN39691">
        <v>19</v>
      </c>
      <c r="AO39691">
        <v>19</v>
      </c>
      <c r="AP39691">
        <v>19</v>
      </c>
      <c r="AQ39691">
        <v>19</v>
      </c>
    </row>
    <row r="39692" spans="1:43">
      <c r="A39692" t="s">
        <v>24619</v>
      </c>
      <c r="B39692" t="s">
        <v>24620</v>
      </c>
      <c r="C39692" t="s">
        <v>24561</v>
      </c>
      <c r="D39692" t="s">
        <v>24562</v>
      </c>
      <c r="E39692" t="s">
        <v>24517</v>
      </c>
      <c r="F39692" t="s">
        <v>24518</v>
      </c>
      <c r="G39692" t="s">
        <v>11612</v>
      </c>
      <c r="H39692" t="s">
        <v>11613</v>
      </c>
      <c r="I39692" s="2">
        <v>0</v>
      </c>
      <c r="J39692" s="2">
        <v>0</v>
      </c>
      <c r="K39692" s="2">
        <v>1</v>
      </c>
      <c r="L39692" t="s">
        <v>995</v>
      </c>
      <c r="M39692" t="s">
        <v>89</v>
      </c>
      <c r="N39692" t="s">
        <v>90</v>
      </c>
      <c r="O39692" t="s">
        <v>85</v>
      </c>
      <c r="P39692" t="s">
        <v>86</v>
      </c>
      <c r="Q39692">
        <v>17</v>
      </c>
      <c r="R39692">
        <v>17</v>
      </c>
      <c r="S39692">
        <v>17</v>
      </c>
      <c r="T39692">
        <v>18</v>
      </c>
      <c r="U39692">
        <v>18</v>
      </c>
      <c r="V39692">
        <v>18</v>
      </c>
      <c r="W39692">
        <v>19</v>
      </c>
      <c r="X39692">
        <v>19</v>
      </c>
      <c r="Y39692">
        <v>19</v>
      </c>
      <c r="Z39692">
        <v>20</v>
      </c>
      <c r="AA39692">
        <v>20</v>
      </c>
      <c r="AB39692">
        <v>20</v>
      </c>
      <c r="AC39692">
        <v>20</v>
      </c>
      <c r="AD39692">
        <v>21</v>
      </c>
      <c r="AE39692">
        <v>21</v>
      </c>
      <c r="AF39692">
        <v>21</v>
      </c>
      <c r="AG39692">
        <v>21</v>
      </c>
      <c r="AH39692">
        <v>21</v>
      </c>
      <c r="AI39692">
        <v>21</v>
      </c>
      <c r="AJ39692">
        <v>21</v>
      </c>
      <c r="AK39692">
        <v>21</v>
      </c>
      <c r="AL39692">
        <v>21</v>
      </c>
      <c r="AM39692">
        <v>21</v>
      </c>
      <c r="AN39692">
        <v>21</v>
      </c>
      <c r="AO39692">
        <v>21</v>
      </c>
      <c r="AP39692">
        <v>21</v>
      </c>
      <c r="AQ39692">
        <v>21</v>
      </c>
    </row>
    <row r="39693" spans="1:43">
      <c r="A39693" t="s">
        <v>24619</v>
      </c>
      <c r="B39693" t="s">
        <v>24620</v>
      </c>
      <c r="C39693" t="s">
        <v>24561</v>
      </c>
      <c r="D39693" t="s">
        <v>24562</v>
      </c>
      <c r="E39693" t="s">
        <v>24517</v>
      </c>
      <c r="F39693" t="s">
        <v>24518</v>
      </c>
      <c r="G39693" t="s">
        <v>11612</v>
      </c>
      <c r="H39693" t="s">
        <v>11613</v>
      </c>
      <c r="I39693" s="2">
        <v>0</v>
      </c>
      <c r="J39693" s="2">
        <v>0</v>
      </c>
      <c r="K39693" s="2">
        <v>1</v>
      </c>
      <c r="L39693" t="s">
        <v>995</v>
      </c>
      <c r="M39693" t="s">
        <v>83</v>
      </c>
      <c r="N39693" t="s">
        <v>91</v>
      </c>
      <c r="O39693" t="s">
        <v>85</v>
      </c>
      <c r="P39693" t="s">
        <v>86</v>
      </c>
      <c r="Q39693">
        <v>17</v>
      </c>
      <c r="R39693">
        <v>17</v>
      </c>
      <c r="S39693">
        <v>17</v>
      </c>
      <c r="T39693">
        <v>17</v>
      </c>
      <c r="U39693">
        <v>17</v>
      </c>
      <c r="V39693">
        <v>18</v>
      </c>
      <c r="W39693">
        <v>18</v>
      </c>
      <c r="X39693">
        <v>18</v>
      </c>
      <c r="Y39693">
        <v>18</v>
      </c>
      <c r="Z39693">
        <v>19</v>
      </c>
      <c r="AA39693">
        <v>19</v>
      </c>
      <c r="AB39693">
        <v>19</v>
      </c>
      <c r="AC39693">
        <v>19</v>
      </c>
      <c r="AD39693">
        <v>19</v>
      </c>
      <c r="AE39693">
        <v>20</v>
      </c>
      <c r="AF39693">
        <v>20</v>
      </c>
      <c r="AG39693">
        <v>20</v>
      </c>
      <c r="AH39693">
        <v>20</v>
      </c>
      <c r="AI39693">
        <v>20</v>
      </c>
      <c r="AJ39693">
        <v>21</v>
      </c>
      <c r="AK39693">
        <v>21</v>
      </c>
      <c r="AL39693">
        <v>21</v>
      </c>
      <c r="AM39693">
        <v>21</v>
      </c>
      <c r="AN39693">
        <v>21</v>
      </c>
      <c r="AO39693">
        <v>21</v>
      </c>
      <c r="AP39693">
        <v>21</v>
      </c>
      <c r="AQ39693">
        <v>21</v>
      </c>
    </row>
    <row r="39694" spans="1:43">
      <c r="A39694" t="s">
        <v>24621</v>
      </c>
      <c r="B39694" t="s">
        <v>24622</v>
      </c>
      <c r="C39694" t="s">
        <v>24565</v>
      </c>
      <c r="D39694" t="s">
        <v>24566</v>
      </c>
      <c r="E39694" t="s">
        <v>24517</v>
      </c>
      <c r="F39694" t="s">
        <v>24518</v>
      </c>
      <c r="G39694" t="s">
        <v>11612</v>
      </c>
      <c r="H39694" t="s">
        <v>11613</v>
      </c>
      <c r="I39694" s="2">
        <v>0</v>
      </c>
      <c r="J39694" s="2">
        <v>0</v>
      </c>
      <c r="K39694" s="2">
        <v>1</v>
      </c>
      <c r="L39694" t="s">
        <v>995</v>
      </c>
      <c r="M39694" t="s">
        <v>83</v>
      </c>
      <c r="N39694" t="s">
        <v>84</v>
      </c>
      <c r="O39694" t="s">
        <v>85</v>
      </c>
      <c r="P39694" t="s">
        <v>86</v>
      </c>
      <c r="Q39694">
        <v>28</v>
      </c>
      <c r="R39694">
        <v>29</v>
      </c>
      <c r="S39694">
        <v>29</v>
      </c>
      <c r="T39694">
        <v>30</v>
      </c>
      <c r="U39694">
        <v>30</v>
      </c>
      <c r="V39694">
        <v>31</v>
      </c>
      <c r="W39694">
        <v>31</v>
      </c>
      <c r="X39694">
        <v>31</v>
      </c>
      <c r="Y39694">
        <v>32</v>
      </c>
      <c r="Z39694">
        <v>32</v>
      </c>
      <c r="AA39694">
        <v>33</v>
      </c>
      <c r="AB39694">
        <v>33</v>
      </c>
      <c r="AC39694">
        <v>34</v>
      </c>
      <c r="AD39694">
        <v>34</v>
      </c>
      <c r="AE39694">
        <v>34</v>
      </c>
      <c r="AF39694">
        <v>35</v>
      </c>
      <c r="AG39694">
        <v>35</v>
      </c>
      <c r="AH39694">
        <v>36</v>
      </c>
      <c r="AI39694">
        <v>36</v>
      </c>
      <c r="AJ39694">
        <v>36</v>
      </c>
      <c r="AK39694">
        <v>37</v>
      </c>
      <c r="AL39694">
        <v>37</v>
      </c>
      <c r="AM39694">
        <v>37</v>
      </c>
      <c r="AN39694">
        <v>37</v>
      </c>
      <c r="AO39694">
        <v>38</v>
      </c>
      <c r="AP39694">
        <v>38</v>
      </c>
      <c r="AQ39694">
        <v>38</v>
      </c>
    </row>
    <row r="39695" spans="1:43">
      <c r="A39695" t="s">
        <v>24621</v>
      </c>
      <c r="B39695" t="s">
        <v>24622</v>
      </c>
      <c r="C39695" t="s">
        <v>24565</v>
      </c>
      <c r="D39695" t="s">
        <v>24566</v>
      </c>
      <c r="E39695" t="s">
        <v>24517</v>
      </c>
      <c r="F39695" t="s">
        <v>24518</v>
      </c>
      <c r="G39695" t="s">
        <v>11612</v>
      </c>
      <c r="H39695" t="s">
        <v>11613</v>
      </c>
      <c r="I39695" s="2">
        <v>0</v>
      </c>
      <c r="J39695" s="2">
        <v>0</v>
      </c>
      <c r="K39695" s="2">
        <v>1</v>
      </c>
      <c r="L39695" t="s">
        <v>995</v>
      </c>
      <c r="M39695" t="s">
        <v>87</v>
      </c>
      <c r="N39695" t="s">
        <v>88</v>
      </c>
      <c r="O39695" t="s">
        <v>85</v>
      </c>
      <c r="P39695" t="s">
        <v>86</v>
      </c>
      <c r="Q39695">
        <v>28</v>
      </c>
      <c r="R39695">
        <v>28</v>
      </c>
      <c r="S39695">
        <v>28</v>
      </c>
      <c r="T39695">
        <v>29</v>
      </c>
      <c r="U39695">
        <v>29</v>
      </c>
      <c r="V39695">
        <v>29</v>
      </c>
      <c r="W39695">
        <v>29</v>
      </c>
      <c r="X39695">
        <v>29</v>
      </c>
      <c r="Y39695">
        <v>29</v>
      </c>
      <c r="Z39695">
        <v>30</v>
      </c>
      <c r="AA39695">
        <v>30</v>
      </c>
      <c r="AB39695">
        <v>30</v>
      </c>
      <c r="AC39695">
        <v>30</v>
      </c>
      <c r="AD39695">
        <v>30</v>
      </c>
      <c r="AE39695">
        <v>30</v>
      </c>
      <c r="AF39695">
        <v>31</v>
      </c>
      <c r="AG39695">
        <v>31</v>
      </c>
      <c r="AH39695">
        <v>31</v>
      </c>
      <c r="AI39695">
        <v>31</v>
      </c>
      <c r="AJ39695">
        <v>31</v>
      </c>
      <c r="AK39695">
        <v>32</v>
      </c>
      <c r="AL39695">
        <v>32</v>
      </c>
      <c r="AM39695">
        <v>32</v>
      </c>
      <c r="AN39695">
        <v>32</v>
      </c>
      <c r="AO39695">
        <v>32</v>
      </c>
      <c r="AP39695">
        <v>33</v>
      </c>
      <c r="AQ39695">
        <v>33</v>
      </c>
    </row>
    <row r="39696" spans="1:43">
      <c r="A39696" t="s">
        <v>24621</v>
      </c>
      <c r="B39696" t="s">
        <v>24622</v>
      </c>
      <c r="C39696" t="s">
        <v>24565</v>
      </c>
      <c r="D39696" t="s">
        <v>24566</v>
      </c>
      <c r="E39696" t="s">
        <v>24517</v>
      </c>
      <c r="F39696" t="s">
        <v>24518</v>
      </c>
      <c r="G39696" t="s">
        <v>11612</v>
      </c>
      <c r="H39696" t="s">
        <v>11613</v>
      </c>
      <c r="I39696" s="2">
        <v>0</v>
      </c>
      <c r="J39696" s="2">
        <v>0</v>
      </c>
      <c r="K39696" s="2">
        <v>1</v>
      </c>
      <c r="L39696" t="s">
        <v>995</v>
      </c>
      <c r="M39696" t="s">
        <v>89</v>
      </c>
      <c r="N39696" t="s">
        <v>90</v>
      </c>
      <c r="O39696" t="s">
        <v>85</v>
      </c>
      <c r="P39696" t="s">
        <v>86</v>
      </c>
      <c r="Q39696">
        <v>28</v>
      </c>
      <c r="R39696">
        <v>28</v>
      </c>
      <c r="S39696">
        <v>29</v>
      </c>
      <c r="T39696">
        <v>30</v>
      </c>
      <c r="U39696">
        <v>30</v>
      </c>
      <c r="V39696">
        <v>31</v>
      </c>
      <c r="W39696">
        <v>32</v>
      </c>
      <c r="X39696">
        <v>32</v>
      </c>
      <c r="Y39696">
        <v>33</v>
      </c>
      <c r="Z39696">
        <v>33</v>
      </c>
      <c r="AA39696">
        <v>34</v>
      </c>
      <c r="AB39696">
        <v>34</v>
      </c>
      <c r="AC39696">
        <v>35</v>
      </c>
      <c r="AD39696">
        <v>35</v>
      </c>
      <c r="AE39696">
        <v>36</v>
      </c>
      <c r="AF39696">
        <v>36</v>
      </c>
      <c r="AG39696">
        <v>36</v>
      </c>
      <c r="AH39696">
        <v>36</v>
      </c>
      <c r="AI39696">
        <v>36</v>
      </c>
      <c r="AJ39696">
        <v>36</v>
      </c>
      <c r="AK39696">
        <v>37</v>
      </c>
      <c r="AL39696">
        <v>37</v>
      </c>
      <c r="AM39696">
        <v>37</v>
      </c>
      <c r="AN39696">
        <v>37</v>
      </c>
      <c r="AO39696">
        <v>37</v>
      </c>
      <c r="AP39696">
        <v>37</v>
      </c>
      <c r="AQ39696">
        <v>38</v>
      </c>
    </row>
    <row r="39697" spans="1:43">
      <c r="A39697" t="s">
        <v>24621</v>
      </c>
      <c r="B39697" t="s">
        <v>24622</v>
      </c>
      <c r="C39697" t="s">
        <v>24565</v>
      </c>
      <c r="D39697" t="s">
        <v>24566</v>
      </c>
      <c r="E39697" t="s">
        <v>24517</v>
      </c>
      <c r="F39697" t="s">
        <v>24518</v>
      </c>
      <c r="G39697" t="s">
        <v>11612</v>
      </c>
      <c r="H39697" t="s">
        <v>11613</v>
      </c>
      <c r="I39697" s="2">
        <v>0</v>
      </c>
      <c r="J39697" s="2">
        <v>0</v>
      </c>
      <c r="K39697" s="2">
        <v>1</v>
      </c>
      <c r="L39697" t="s">
        <v>995</v>
      </c>
      <c r="M39697" t="s">
        <v>83</v>
      </c>
      <c r="N39697" t="s">
        <v>91</v>
      </c>
      <c r="O39697" t="s">
        <v>85</v>
      </c>
      <c r="P39697" t="s">
        <v>86</v>
      </c>
      <c r="Q39697">
        <v>28</v>
      </c>
      <c r="R39697">
        <v>29</v>
      </c>
      <c r="S39697">
        <v>29</v>
      </c>
      <c r="T39697">
        <v>30</v>
      </c>
      <c r="U39697">
        <v>30</v>
      </c>
      <c r="V39697">
        <v>31</v>
      </c>
      <c r="W39697">
        <v>31</v>
      </c>
      <c r="X39697">
        <v>31</v>
      </c>
      <c r="Y39697">
        <v>32</v>
      </c>
      <c r="Z39697">
        <v>32</v>
      </c>
      <c r="AA39697">
        <v>33</v>
      </c>
      <c r="AB39697">
        <v>33</v>
      </c>
      <c r="AC39697">
        <v>34</v>
      </c>
      <c r="AD39697">
        <v>34</v>
      </c>
      <c r="AE39697">
        <v>34</v>
      </c>
      <c r="AF39697">
        <v>35</v>
      </c>
      <c r="AG39697">
        <v>35</v>
      </c>
      <c r="AH39697">
        <v>36</v>
      </c>
      <c r="AI39697">
        <v>36</v>
      </c>
      <c r="AJ39697">
        <v>36</v>
      </c>
      <c r="AK39697">
        <v>37</v>
      </c>
      <c r="AL39697">
        <v>37</v>
      </c>
      <c r="AM39697">
        <v>37</v>
      </c>
      <c r="AN39697">
        <v>37</v>
      </c>
      <c r="AO39697">
        <v>38</v>
      </c>
      <c r="AP39697">
        <v>38</v>
      </c>
      <c r="AQ39697">
        <v>38</v>
      </c>
    </row>
    <row r="39698" spans="1:43">
      <c r="A39698" t="s">
        <v>24623</v>
      </c>
      <c r="B39698" t="s">
        <v>24624</v>
      </c>
      <c r="C39698" t="s">
        <v>24565</v>
      </c>
      <c r="D39698" t="s">
        <v>24566</v>
      </c>
      <c r="E39698" t="s">
        <v>24517</v>
      </c>
      <c r="F39698" t="s">
        <v>24518</v>
      </c>
      <c r="G39698" t="s">
        <v>11612</v>
      </c>
      <c r="H39698" t="s">
        <v>11613</v>
      </c>
      <c r="I39698" s="2">
        <v>0</v>
      </c>
      <c r="J39698" s="2">
        <v>0</v>
      </c>
      <c r="K39698" s="2">
        <v>1</v>
      </c>
      <c r="L39698" t="s">
        <v>995</v>
      </c>
      <c r="M39698" t="s">
        <v>83</v>
      </c>
      <c r="N39698" t="s">
        <v>84</v>
      </c>
      <c r="O39698" t="s">
        <v>85</v>
      </c>
      <c r="P39698" t="s">
        <v>86</v>
      </c>
      <c r="Q39698">
        <v>8</v>
      </c>
      <c r="R39698">
        <v>8</v>
      </c>
      <c r="S39698">
        <v>8</v>
      </c>
      <c r="T39698">
        <v>8</v>
      </c>
      <c r="U39698">
        <v>9</v>
      </c>
      <c r="V39698">
        <v>9</v>
      </c>
      <c r="W39698">
        <v>9</v>
      </c>
      <c r="X39698">
        <v>9</v>
      </c>
      <c r="Y39698">
        <v>9</v>
      </c>
      <c r="Z39698">
        <v>9</v>
      </c>
      <c r="AA39698">
        <v>9</v>
      </c>
      <c r="AB39698">
        <v>9</v>
      </c>
      <c r="AC39698">
        <v>9</v>
      </c>
      <c r="AD39698">
        <v>10</v>
      </c>
      <c r="AE39698">
        <v>10</v>
      </c>
      <c r="AF39698">
        <v>10</v>
      </c>
      <c r="AG39698">
        <v>10</v>
      </c>
      <c r="AH39698">
        <v>10</v>
      </c>
      <c r="AI39698">
        <v>10</v>
      </c>
      <c r="AJ39698">
        <v>10</v>
      </c>
      <c r="AK39698">
        <v>10</v>
      </c>
      <c r="AL39698">
        <v>11</v>
      </c>
      <c r="AM39698">
        <v>11</v>
      </c>
      <c r="AN39698">
        <v>11</v>
      </c>
      <c r="AO39698">
        <v>11</v>
      </c>
      <c r="AP39698">
        <v>11</v>
      </c>
      <c r="AQ39698">
        <v>11</v>
      </c>
    </row>
    <row r="39699" spans="1:43">
      <c r="A39699" t="s">
        <v>24623</v>
      </c>
      <c r="B39699" t="s">
        <v>24624</v>
      </c>
      <c r="C39699" t="s">
        <v>24565</v>
      </c>
      <c r="D39699" t="s">
        <v>24566</v>
      </c>
      <c r="E39699" t="s">
        <v>24517</v>
      </c>
      <c r="F39699" t="s">
        <v>24518</v>
      </c>
      <c r="G39699" t="s">
        <v>11612</v>
      </c>
      <c r="H39699" t="s">
        <v>11613</v>
      </c>
      <c r="I39699" s="2">
        <v>0</v>
      </c>
      <c r="J39699" s="2">
        <v>0</v>
      </c>
      <c r="K39699" s="2">
        <v>1</v>
      </c>
      <c r="L39699" t="s">
        <v>995</v>
      </c>
      <c r="M39699" t="s">
        <v>87</v>
      </c>
      <c r="N39699" t="s">
        <v>88</v>
      </c>
      <c r="O39699" t="s">
        <v>85</v>
      </c>
      <c r="P39699" t="s">
        <v>86</v>
      </c>
      <c r="Q39699">
        <v>8</v>
      </c>
      <c r="R39699">
        <v>8</v>
      </c>
      <c r="S39699">
        <v>8</v>
      </c>
      <c r="T39699">
        <v>8</v>
      </c>
      <c r="U39699">
        <v>8</v>
      </c>
      <c r="V39699">
        <v>8</v>
      </c>
      <c r="W39699">
        <v>8</v>
      </c>
      <c r="X39699">
        <v>8</v>
      </c>
      <c r="Y39699">
        <v>8</v>
      </c>
      <c r="Z39699">
        <v>8</v>
      </c>
      <c r="AA39699">
        <v>8</v>
      </c>
      <c r="AB39699">
        <v>8</v>
      </c>
      <c r="AC39699">
        <v>9</v>
      </c>
      <c r="AD39699">
        <v>9</v>
      </c>
      <c r="AE39699">
        <v>9</v>
      </c>
      <c r="AF39699">
        <v>9</v>
      </c>
      <c r="AG39699">
        <v>9</v>
      </c>
      <c r="AH39699">
        <v>9</v>
      </c>
      <c r="AI39699">
        <v>9</v>
      </c>
      <c r="AJ39699">
        <v>9</v>
      </c>
      <c r="AK39699">
        <v>9</v>
      </c>
      <c r="AL39699">
        <v>9</v>
      </c>
      <c r="AM39699">
        <v>9</v>
      </c>
      <c r="AN39699">
        <v>9</v>
      </c>
      <c r="AO39699">
        <v>9</v>
      </c>
      <c r="AP39699">
        <v>9</v>
      </c>
      <c r="AQ39699">
        <v>9</v>
      </c>
    </row>
    <row r="39700" spans="1:43">
      <c r="A39700" t="s">
        <v>24623</v>
      </c>
      <c r="B39700" t="s">
        <v>24624</v>
      </c>
      <c r="C39700" t="s">
        <v>24565</v>
      </c>
      <c r="D39700" t="s">
        <v>24566</v>
      </c>
      <c r="E39700" t="s">
        <v>24517</v>
      </c>
      <c r="F39700" t="s">
        <v>24518</v>
      </c>
      <c r="G39700" t="s">
        <v>11612</v>
      </c>
      <c r="H39700" t="s">
        <v>11613</v>
      </c>
      <c r="I39700" s="2">
        <v>0</v>
      </c>
      <c r="J39700" s="2">
        <v>0</v>
      </c>
      <c r="K39700" s="2">
        <v>1</v>
      </c>
      <c r="L39700" t="s">
        <v>995</v>
      </c>
      <c r="M39700" t="s">
        <v>89</v>
      </c>
      <c r="N39700" t="s">
        <v>90</v>
      </c>
      <c r="O39700" t="s">
        <v>85</v>
      </c>
      <c r="P39700" t="s">
        <v>86</v>
      </c>
      <c r="Q39700">
        <v>8</v>
      </c>
      <c r="R39700">
        <v>8</v>
      </c>
      <c r="S39700">
        <v>8</v>
      </c>
      <c r="T39700">
        <v>9</v>
      </c>
      <c r="U39700">
        <v>9</v>
      </c>
      <c r="V39700">
        <v>9</v>
      </c>
      <c r="W39700">
        <v>9</v>
      </c>
      <c r="X39700">
        <v>9</v>
      </c>
      <c r="Y39700">
        <v>10</v>
      </c>
      <c r="Z39700">
        <v>10</v>
      </c>
      <c r="AA39700">
        <v>10</v>
      </c>
      <c r="AB39700">
        <v>10</v>
      </c>
      <c r="AC39700">
        <v>10</v>
      </c>
      <c r="AD39700">
        <v>10</v>
      </c>
      <c r="AE39700">
        <v>10</v>
      </c>
      <c r="AF39700">
        <v>10</v>
      </c>
      <c r="AG39700">
        <v>10</v>
      </c>
      <c r="AH39700">
        <v>11</v>
      </c>
      <c r="AI39700">
        <v>11</v>
      </c>
      <c r="AJ39700">
        <v>11</v>
      </c>
      <c r="AK39700">
        <v>11</v>
      </c>
      <c r="AL39700">
        <v>11</v>
      </c>
      <c r="AM39700">
        <v>11</v>
      </c>
      <c r="AN39700">
        <v>11</v>
      </c>
      <c r="AO39700">
        <v>11</v>
      </c>
      <c r="AP39700">
        <v>11</v>
      </c>
      <c r="AQ39700">
        <v>11</v>
      </c>
    </row>
    <row r="39701" spans="1:43">
      <c r="A39701" t="s">
        <v>24623</v>
      </c>
      <c r="B39701" t="s">
        <v>24624</v>
      </c>
      <c r="C39701" t="s">
        <v>24565</v>
      </c>
      <c r="D39701" t="s">
        <v>24566</v>
      </c>
      <c r="E39701" t="s">
        <v>24517</v>
      </c>
      <c r="F39701" t="s">
        <v>24518</v>
      </c>
      <c r="G39701" t="s">
        <v>11612</v>
      </c>
      <c r="H39701" t="s">
        <v>11613</v>
      </c>
      <c r="I39701" s="2">
        <v>0</v>
      </c>
      <c r="J39701" s="2">
        <v>0</v>
      </c>
      <c r="K39701" s="2">
        <v>1</v>
      </c>
      <c r="L39701" t="s">
        <v>995</v>
      </c>
      <c r="M39701" t="s">
        <v>83</v>
      </c>
      <c r="N39701" t="s">
        <v>91</v>
      </c>
      <c r="O39701" t="s">
        <v>85</v>
      </c>
      <c r="P39701" t="s">
        <v>86</v>
      </c>
      <c r="Q39701">
        <v>8</v>
      </c>
      <c r="R39701">
        <v>8</v>
      </c>
      <c r="S39701">
        <v>8</v>
      </c>
      <c r="T39701">
        <v>8</v>
      </c>
      <c r="U39701">
        <v>9</v>
      </c>
      <c r="V39701">
        <v>9</v>
      </c>
      <c r="W39701">
        <v>9</v>
      </c>
      <c r="X39701">
        <v>9</v>
      </c>
      <c r="Y39701">
        <v>9</v>
      </c>
      <c r="Z39701">
        <v>9</v>
      </c>
      <c r="AA39701">
        <v>9</v>
      </c>
      <c r="AB39701">
        <v>9</v>
      </c>
      <c r="AC39701">
        <v>9</v>
      </c>
      <c r="AD39701">
        <v>10</v>
      </c>
      <c r="AE39701">
        <v>10</v>
      </c>
      <c r="AF39701">
        <v>10</v>
      </c>
      <c r="AG39701">
        <v>10</v>
      </c>
      <c r="AH39701">
        <v>10</v>
      </c>
      <c r="AI39701">
        <v>10</v>
      </c>
      <c r="AJ39701">
        <v>10</v>
      </c>
      <c r="AK39701">
        <v>10</v>
      </c>
      <c r="AL39701">
        <v>11</v>
      </c>
      <c r="AM39701">
        <v>11</v>
      </c>
      <c r="AN39701">
        <v>11</v>
      </c>
      <c r="AO39701">
        <v>11</v>
      </c>
      <c r="AP39701">
        <v>11</v>
      </c>
      <c r="AQ39701">
        <v>11</v>
      </c>
    </row>
    <row r="39702" spans="1:43">
      <c r="A39702" t="s">
        <v>24625</v>
      </c>
      <c r="B39702" t="s">
        <v>24626</v>
      </c>
      <c r="C39702" t="s">
        <v>24627</v>
      </c>
      <c r="D39702" t="s">
        <v>24628</v>
      </c>
      <c r="E39702" t="s">
        <v>24517</v>
      </c>
      <c r="F39702" t="s">
        <v>24518</v>
      </c>
      <c r="G39702" t="s">
        <v>11612</v>
      </c>
      <c r="H39702" t="s">
        <v>11613</v>
      </c>
      <c r="I39702" s="2">
        <v>0</v>
      </c>
      <c r="J39702" s="2">
        <v>0</v>
      </c>
      <c r="K39702" s="2">
        <v>1</v>
      </c>
      <c r="L39702" t="s">
        <v>995</v>
      </c>
      <c r="M39702" t="s">
        <v>83</v>
      </c>
      <c r="N39702" t="s">
        <v>84</v>
      </c>
      <c r="O39702" t="s">
        <v>85</v>
      </c>
      <c r="P39702" t="s">
        <v>86</v>
      </c>
      <c r="Q39702">
        <v>21</v>
      </c>
      <c r="R39702">
        <v>21</v>
      </c>
      <c r="S39702">
        <v>21</v>
      </c>
      <c r="T39702">
        <v>21</v>
      </c>
      <c r="U39702">
        <v>22</v>
      </c>
      <c r="V39702">
        <v>22</v>
      </c>
      <c r="W39702">
        <v>22</v>
      </c>
      <c r="X39702">
        <v>23</v>
      </c>
      <c r="Y39702">
        <v>23</v>
      </c>
      <c r="Z39702">
        <v>23</v>
      </c>
      <c r="AA39702">
        <v>24</v>
      </c>
      <c r="AB39702">
        <v>24</v>
      </c>
      <c r="AC39702">
        <v>24</v>
      </c>
      <c r="AD39702">
        <v>25</v>
      </c>
      <c r="AE39702">
        <v>25</v>
      </c>
      <c r="AF39702">
        <v>25</v>
      </c>
      <c r="AG39702">
        <v>25</v>
      </c>
      <c r="AH39702">
        <v>26</v>
      </c>
      <c r="AI39702">
        <v>26</v>
      </c>
      <c r="AJ39702">
        <v>26</v>
      </c>
      <c r="AK39702">
        <v>27</v>
      </c>
      <c r="AL39702">
        <v>27</v>
      </c>
      <c r="AM39702">
        <v>27</v>
      </c>
      <c r="AN39702">
        <v>27</v>
      </c>
      <c r="AO39702">
        <v>27</v>
      </c>
      <c r="AP39702">
        <v>27</v>
      </c>
      <c r="AQ39702">
        <v>27</v>
      </c>
    </row>
    <row r="39703" spans="1:43">
      <c r="A39703" t="s">
        <v>24625</v>
      </c>
      <c r="B39703" t="s">
        <v>24626</v>
      </c>
      <c r="C39703" t="s">
        <v>24627</v>
      </c>
      <c r="D39703" t="s">
        <v>24628</v>
      </c>
      <c r="E39703" t="s">
        <v>24517</v>
      </c>
      <c r="F39703" t="s">
        <v>24518</v>
      </c>
      <c r="G39703" t="s">
        <v>11612</v>
      </c>
      <c r="H39703" t="s">
        <v>11613</v>
      </c>
      <c r="I39703" s="2">
        <v>0</v>
      </c>
      <c r="J39703" s="2">
        <v>0</v>
      </c>
      <c r="K39703" s="2">
        <v>1</v>
      </c>
      <c r="L39703" t="s">
        <v>995</v>
      </c>
      <c r="M39703" t="s">
        <v>87</v>
      </c>
      <c r="N39703" t="s">
        <v>88</v>
      </c>
      <c r="O39703" t="s">
        <v>85</v>
      </c>
      <c r="P39703" t="s">
        <v>86</v>
      </c>
      <c r="Q39703">
        <v>21</v>
      </c>
      <c r="R39703">
        <v>21</v>
      </c>
      <c r="S39703">
        <v>22</v>
      </c>
      <c r="T39703">
        <v>22</v>
      </c>
      <c r="U39703">
        <v>22</v>
      </c>
      <c r="V39703">
        <v>22</v>
      </c>
      <c r="W39703">
        <v>22</v>
      </c>
      <c r="X39703">
        <v>22</v>
      </c>
      <c r="Y39703">
        <v>22</v>
      </c>
      <c r="Z39703">
        <v>22</v>
      </c>
      <c r="AA39703">
        <v>23</v>
      </c>
      <c r="AB39703">
        <v>23</v>
      </c>
      <c r="AC39703">
        <v>23</v>
      </c>
      <c r="AD39703">
        <v>23</v>
      </c>
      <c r="AE39703">
        <v>23</v>
      </c>
      <c r="AF39703">
        <v>23</v>
      </c>
      <c r="AG39703">
        <v>23</v>
      </c>
      <c r="AH39703">
        <v>23</v>
      </c>
      <c r="AI39703">
        <v>24</v>
      </c>
      <c r="AJ39703">
        <v>24</v>
      </c>
      <c r="AK39703">
        <v>24</v>
      </c>
      <c r="AL39703">
        <v>24</v>
      </c>
      <c r="AM39703">
        <v>24</v>
      </c>
      <c r="AN39703">
        <v>24</v>
      </c>
      <c r="AO39703">
        <v>24</v>
      </c>
      <c r="AP39703">
        <v>25</v>
      </c>
      <c r="AQ39703">
        <v>25</v>
      </c>
    </row>
    <row r="39704" spans="1:43">
      <c r="A39704" t="s">
        <v>24625</v>
      </c>
      <c r="B39704" t="s">
        <v>24626</v>
      </c>
      <c r="C39704" t="s">
        <v>24627</v>
      </c>
      <c r="D39704" t="s">
        <v>24628</v>
      </c>
      <c r="E39704" t="s">
        <v>24517</v>
      </c>
      <c r="F39704" t="s">
        <v>24518</v>
      </c>
      <c r="G39704" t="s">
        <v>11612</v>
      </c>
      <c r="H39704" t="s">
        <v>11613</v>
      </c>
      <c r="I39704" s="2">
        <v>0</v>
      </c>
      <c r="J39704" s="2">
        <v>0</v>
      </c>
      <c r="K39704" s="2">
        <v>1</v>
      </c>
      <c r="L39704" t="s">
        <v>995</v>
      </c>
      <c r="M39704" t="s">
        <v>89</v>
      </c>
      <c r="N39704" t="s">
        <v>90</v>
      </c>
      <c r="O39704" t="s">
        <v>85</v>
      </c>
      <c r="P39704" t="s">
        <v>86</v>
      </c>
      <c r="Q39704">
        <v>21</v>
      </c>
      <c r="R39704">
        <v>21</v>
      </c>
      <c r="S39704">
        <v>22</v>
      </c>
      <c r="T39704">
        <v>22</v>
      </c>
      <c r="U39704">
        <v>23</v>
      </c>
      <c r="V39704">
        <v>23</v>
      </c>
      <c r="W39704">
        <v>24</v>
      </c>
      <c r="X39704">
        <v>24</v>
      </c>
      <c r="Y39704">
        <v>24</v>
      </c>
      <c r="Z39704">
        <v>25</v>
      </c>
      <c r="AA39704">
        <v>25</v>
      </c>
      <c r="AB39704">
        <v>25</v>
      </c>
      <c r="AC39704">
        <v>26</v>
      </c>
      <c r="AD39704">
        <v>26</v>
      </c>
      <c r="AE39704">
        <v>27</v>
      </c>
      <c r="AF39704">
        <v>27</v>
      </c>
      <c r="AG39704">
        <v>27</v>
      </c>
      <c r="AH39704">
        <v>27</v>
      </c>
      <c r="AI39704">
        <v>27</v>
      </c>
      <c r="AJ39704">
        <v>27</v>
      </c>
      <c r="AK39704">
        <v>27</v>
      </c>
      <c r="AL39704">
        <v>27</v>
      </c>
      <c r="AM39704">
        <v>27</v>
      </c>
      <c r="AN39704">
        <v>27</v>
      </c>
      <c r="AO39704">
        <v>27</v>
      </c>
      <c r="AP39704">
        <v>28</v>
      </c>
      <c r="AQ39704">
        <v>28</v>
      </c>
    </row>
    <row r="39705" spans="1:43">
      <c r="A39705" t="s">
        <v>24625</v>
      </c>
      <c r="B39705" t="s">
        <v>24626</v>
      </c>
      <c r="C39705" t="s">
        <v>24627</v>
      </c>
      <c r="D39705" t="s">
        <v>24628</v>
      </c>
      <c r="E39705" t="s">
        <v>24517</v>
      </c>
      <c r="F39705" t="s">
        <v>24518</v>
      </c>
      <c r="G39705" t="s">
        <v>11612</v>
      </c>
      <c r="H39705" t="s">
        <v>11613</v>
      </c>
      <c r="I39705" s="2">
        <v>0</v>
      </c>
      <c r="J39705" s="2">
        <v>0</v>
      </c>
      <c r="K39705" s="2">
        <v>1</v>
      </c>
      <c r="L39705" t="s">
        <v>995</v>
      </c>
      <c r="M39705" t="s">
        <v>83</v>
      </c>
      <c r="N39705" t="s">
        <v>91</v>
      </c>
      <c r="O39705" t="s">
        <v>85</v>
      </c>
      <c r="P39705" t="s">
        <v>86</v>
      </c>
      <c r="Q39705">
        <v>21</v>
      </c>
      <c r="R39705">
        <v>21</v>
      </c>
      <c r="S39705">
        <v>21</v>
      </c>
      <c r="T39705">
        <v>21</v>
      </c>
      <c r="U39705">
        <v>22</v>
      </c>
      <c r="V39705">
        <v>22</v>
      </c>
      <c r="W39705">
        <v>22</v>
      </c>
      <c r="X39705">
        <v>23</v>
      </c>
      <c r="Y39705">
        <v>23</v>
      </c>
      <c r="Z39705">
        <v>23</v>
      </c>
      <c r="AA39705">
        <v>24</v>
      </c>
      <c r="AB39705">
        <v>24</v>
      </c>
      <c r="AC39705">
        <v>24</v>
      </c>
      <c r="AD39705">
        <v>25</v>
      </c>
      <c r="AE39705">
        <v>25</v>
      </c>
      <c r="AF39705">
        <v>25</v>
      </c>
      <c r="AG39705">
        <v>25</v>
      </c>
      <c r="AH39705">
        <v>26</v>
      </c>
      <c r="AI39705">
        <v>26</v>
      </c>
      <c r="AJ39705">
        <v>26</v>
      </c>
      <c r="AK39705">
        <v>27</v>
      </c>
      <c r="AL39705">
        <v>27</v>
      </c>
      <c r="AM39705">
        <v>27</v>
      </c>
      <c r="AN39705">
        <v>27</v>
      </c>
      <c r="AO39705">
        <v>27</v>
      </c>
      <c r="AP39705">
        <v>27</v>
      </c>
      <c r="AQ39705">
        <v>27</v>
      </c>
    </row>
    <row r="39706" spans="1:43">
      <c r="A39706" t="s">
        <v>24629</v>
      </c>
      <c r="B39706" t="s">
        <v>24630</v>
      </c>
      <c r="C39706" t="s">
        <v>24523</v>
      </c>
      <c r="D39706" t="s">
        <v>24524</v>
      </c>
      <c r="E39706" t="s">
        <v>24517</v>
      </c>
      <c r="F39706" t="s">
        <v>24518</v>
      </c>
      <c r="G39706" t="s">
        <v>11612</v>
      </c>
      <c r="H39706" t="s">
        <v>11613</v>
      </c>
      <c r="I39706" s="2">
        <v>0</v>
      </c>
      <c r="J39706" s="2">
        <v>0</v>
      </c>
      <c r="K39706" s="2">
        <v>1</v>
      </c>
      <c r="L39706" t="s">
        <v>995</v>
      </c>
      <c r="M39706" t="s">
        <v>83</v>
      </c>
      <c r="N39706" t="s">
        <v>84</v>
      </c>
      <c r="O39706" t="s">
        <v>85</v>
      </c>
      <c r="P39706" t="s">
        <v>86</v>
      </c>
      <c r="Q39706">
        <v>38</v>
      </c>
      <c r="R39706">
        <v>39</v>
      </c>
      <c r="S39706">
        <v>39</v>
      </c>
      <c r="T39706">
        <v>40</v>
      </c>
      <c r="U39706">
        <v>41</v>
      </c>
      <c r="V39706">
        <v>41</v>
      </c>
      <c r="W39706">
        <v>42</v>
      </c>
      <c r="X39706">
        <v>42</v>
      </c>
      <c r="Y39706">
        <v>43</v>
      </c>
      <c r="Z39706">
        <v>44</v>
      </c>
      <c r="AA39706">
        <v>44</v>
      </c>
      <c r="AB39706">
        <v>45</v>
      </c>
      <c r="AC39706">
        <v>45</v>
      </c>
      <c r="AD39706">
        <v>46</v>
      </c>
      <c r="AE39706">
        <v>46</v>
      </c>
      <c r="AF39706">
        <v>47</v>
      </c>
      <c r="AG39706">
        <v>47</v>
      </c>
      <c r="AH39706">
        <v>48</v>
      </c>
      <c r="AI39706">
        <v>48</v>
      </c>
      <c r="AJ39706">
        <v>49</v>
      </c>
      <c r="AK39706">
        <v>50</v>
      </c>
      <c r="AL39706">
        <v>50</v>
      </c>
      <c r="AM39706">
        <v>50</v>
      </c>
      <c r="AN39706">
        <v>50</v>
      </c>
      <c r="AO39706">
        <v>50</v>
      </c>
      <c r="AP39706">
        <v>51</v>
      </c>
      <c r="AQ39706">
        <v>51</v>
      </c>
    </row>
    <row r="39707" spans="1:43">
      <c r="A39707" t="s">
        <v>24629</v>
      </c>
      <c r="B39707" t="s">
        <v>24630</v>
      </c>
      <c r="C39707" t="s">
        <v>24523</v>
      </c>
      <c r="D39707" t="s">
        <v>24524</v>
      </c>
      <c r="E39707" t="s">
        <v>24517</v>
      </c>
      <c r="F39707" t="s">
        <v>24518</v>
      </c>
      <c r="G39707" t="s">
        <v>11612</v>
      </c>
      <c r="H39707" t="s">
        <v>11613</v>
      </c>
      <c r="I39707" s="2">
        <v>0</v>
      </c>
      <c r="J39707" s="2">
        <v>0</v>
      </c>
      <c r="K39707" s="2">
        <v>1</v>
      </c>
      <c r="L39707" t="s">
        <v>995</v>
      </c>
      <c r="M39707" t="s">
        <v>87</v>
      </c>
      <c r="N39707" t="s">
        <v>88</v>
      </c>
      <c r="O39707" t="s">
        <v>85</v>
      </c>
      <c r="P39707" t="s">
        <v>86</v>
      </c>
      <c r="Q39707">
        <v>38</v>
      </c>
      <c r="R39707">
        <v>38</v>
      </c>
      <c r="S39707">
        <v>38</v>
      </c>
      <c r="T39707">
        <v>39</v>
      </c>
      <c r="U39707">
        <v>39</v>
      </c>
      <c r="V39707">
        <v>39</v>
      </c>
      <c r="W39707">
        <v>39</v>
      </c>
      <c r="X39707">
        <v>40</v>
      </c>
      <c r="Y39707">
        <v>40</v>
      </c>
      <c r="Z39707">
        <v>40</v>
      </c>
      <c r="AA39707">
        <v>40</v>
      </c>
      <c r="AB39707">
        <v>40</v>
      </c>
      <c r="AC39707">
        <v>41</v>
      </c>
      <c r="AD39707">
        <v>41</v>
      </c>
      <c r="AE39707">
        <v>41</v>
      </c>
      <c r="AF39707">
        <v>41</v>
      </c>
      <c r="AG39707">
        <v>42</v>
      </c>
      <c r="AH39707">
        <v>42</v>
      </c>
      <c r="AI39707">
        <v>42</v>
      </c>
      <c r="AJ39707">
        <v>42</v>
      </c>
      <c r="AK39707">
        <v>43</v>
      </c>
      <c r="AL39707">
        <v>43</v>
      </c>
      <c r="AM39707">
        <v>43</v>
      </c>
      <c r="AN39707">
        <v>43</v>
      </c>
      <c r="AO39707">
        <v>44</v>
      </c>
      <c r="AP39707">
        <v>44</v>
      </c>
      <c r="AQ39707">
        <v>44</v>
      </c>
    </row>
    <row r="39708" spans="1:43">
      <c r="A39708" t="s">
        <v>24629</v>
      </c>
      <c r="B39708" t="s">
        <v>24630</v>
      </c>
      <c r="C39708" t="s">
        <v>24523</v>
      </c>
      <c r="D39708" t="s">
        <v>24524</v>
      </c>
      <c r="E39708" t="s">
        <v>24517</v>
      </c>
      <c r="F39708" t="s">
        <v>24518</v>
      </c>
      <c r="G39708" t="s">
        <v>11612</v>
      </c>
      <c r="H39708" t="s">
        <v>11613</v>
      </c>
      <c r="I39708" s="2">
        <v>0</v>
      </c>
      <c r="J39708" s="2">
        <v>0</v>
      </c>
      <c r="K39708" s="2">
        <v>1</v>
      </c>
      <c r="L39708" t="s">
        <v>995</v>
      </c>
      <c r="M39708" t="s">
        <v>89</v>
      </c>
      <c r="N39708" t="s">
        <v>90</v>
      </c>
      <c r="O39708" t="s">
        <v>85</v>
      </c>
      <c r="P39708" t="s">
        <v>86</v>
      </c>
      <c r="Q39708">
        <v>38</v>
      </c>
      <c r="R39708">
        <v>39</v>
      </c>
      <c r="S39708">
        <v>40</v>
      </c>
      <c r="T39708">
        <v>40</v>
      </c>
      <c r="U39708">
        <v>41</v>
      </c>
      <c r="V39708">
        <v>42</v>
      </c>
      <c r="W39708">
        <v>43</v>
      </c>
      <c r="X39708">
        <v>44</v>
      </c>
      <c r="Y39708">
        <v>44</v>
      </c>
      <c r="Z39708">
        <v>45</v>
      </c>
      <c r="AA39708">
        <v>46</v>
      </c>
      <c r="AB39708">
        <v>47</v>
      </c>
      <c r="AC39708">
        <v>47</v>
      </c>
      <c r="AD39708">
        <v>48</v>
      </c>
      <c r="AE39708">
        <v>48</v>
      </c>
      <c r="AF39708">
        <v>49</v>
      </c>
      <c r="AG39708">
        <v>49</v>
      </c>
      <c r="AH39708">
        <v>49</v>
      </c>
      <c r="AI39708">
        <v>49</v>
      </c>
      <c r="AJ39708">
        <v>49</v>
      </c>
      <c r="AK39708">
        <v>49</v>
      </c>
      <c r="AL39708">
        <v>50</v>
      </c>
      <c r="AM39708">
        <v>50</v>
      </c>
      <c r="AN39708">
        <v>50</v>
      </c>
      <c r="AO39708">
        <v>50</v>
      </c>
      <c r="AP39708">
        <v>50</v>
      </c>
      <c r="AQ39708">
        <v>51</v>
      </c>
    </row>
    <row r="39709" spans="1:43">
      <c r="A39709" t="s">
        <v>24629</v>
      </c>
      <c r="B39709" t="s">
        <v>24630</v>
      </c>
      <c r="C39709" t="s">
        <v>24523</v>
      </c>
      <c r="D39709" t="s">
        <v>24524</v>
      </c>
      <c r="E39709" t="s">
        <v>24517</v>
      </c>
      <c r="F39709" t="s">
        <v>24518</v>
      </c>
      <c r="G39709" t="s">
        <v>11612</v>
      </c>
      <c r="H39709" t="s">
        <v>11613</v>
      </c>
      <c r="I39709" s="2">
        <v>0</v>
      </c>
      <c r="J39709" s="2">
        <v>0</v>
      </c>
      <c r="K39709" s="2">
        <v>1</v>
      </c>
      <c r="L39709" t="s">
        <v>995</v>
      </c>
      <c r="M39709" t="s">
        <v>83</v>
      </c>
      <c r="N39709" t="s">
        <v>91</v>
      </c>
      <c r="O39709" t="s">
        <v>85</v>
      </c>
      <c r="P39709" t="s">
        <v>86</v>
      </c>
      <c r="Q39709">
        <v>38</v>
      </c>
      <c r="R39709">
        <v>39</v>
      </c>
      <c r="S39709">
        <v>39</v>
      </c>
      <c r="T39709">
        <v>40</v>
      </c>
      <c r="U39709">
        <v>41</v>
      </c>
      <c r="V39709">
        <v>41</v>
      </c>
      <c r="W39709">
        <v>42</v>
      </c>
      <c r="X39709">
        <v>42</v>
      </c>
      <c r="Y39709">
        <v>43</v>
      </c>
      <c r="Z39709">
        <v>44</v>
      </c>
      <c r="AA39709">
        <v>44</v>
      </c>
      <c r="AB39709">
        <v>45</v>
      </c>
      <c r="AC39709">
        <v>45</v>
      </c>
      <c r="AD39709">
        <v>46</v>
      </c>
      <c r="AE39709">
        <v>46</v>
      </c>
      <c r="AF39709">
        <v>47</v>
      </c>
      <c r="AG39709">
        <v>47</v>
      </c>
      <c r="AH39709">
        <v>48</v>
      </c>
      <c r="AI39709">
        <v>48</v>
      </c>
      <c r="AJ39709">
        <v>49</v>
      </c>
      <c r="AK39709">
        <v>50</v>
      </c>
      <c r="AL39709">
        <v>50</v>
      </c>
      <c r="AM39709">
        <v>50</v>
      </c>
      <c r="AN39709">
        <v>50</v>
      </c>
      <c r="AO39709">
        <v>50</v>
      </c>
      <c r="AP39709">
        <v>51</v>
      </c>
      <c r="AQ39709">
        <v>51</v>
      </c>
    </row>
    <row r="39710" spans="1:43">
      <c r="A39710" t="s">
        <v>24631</v>
      </c>
      <c r="B39710" t="s">
        <v>24632</v>
      </c>
      <c r="C39710" t="s">
        <v>24523</v>
      </c>
      <c r="D39710" t="s">
        <v>24524</v>
      </c>
      <c r="E39710" t="s">
        <v>24517</v>
      </c>
      <c r="F39710" t="s">
        <v>24518</v>
      </c>
      <c r="G39710" t="s">
        <v>11612</v>
      </c>
      <c r="H39710" t="s">
        <v>11613</v>
      </c>
      <c r="I39710" s="2">
        <v>0</v>
      </c>
      <c r="J39710" s="2">
        <v>0</v>
      </c>
      <c r="K39710" s="2">
        <v>1</v>
      </c>
      <c r="L39710" t="s">
        <v>995</v>
      </c>
      <c r="M39710" t="s">
        <v>83</v>
      </c>
      <c r="N39710" t="s">
        <v>84</v>
      </c>
      <c r="O39710" t="s">
        <v>85</v>
      </c>
      <c r="P39710" t="s">
        <v>86</v>
      </c>
      <c r="Q39710">
        <v>26</v>
      </c>
      <c r="R39710">
        <v>26</v>
      </c>
      <c r="S39710">
        <v>26</v>
      </c>
      <c r="T39710">
        <v>27</v>
      </c>
      <c r="U39710">
        <v>27</v>
      </c>
      <c r="V39710">
        <v>27</v>
      </c>
      <c r="W39710">
        <v>28</v>
      </c>
      <c r="X39710">
        <v>28</v>
      </c>
      <c r="Y39710">
        <v>29</v>
      </c>
      <c r="Z39710">
        <v>29</v>
      </c>
      <c r="AA39710">
        <v>29</v>
      </c>
      <c r="AB39710">
        <v>30</v>
      </c>
      <c r="AC39710">
        <v>30</v>
      </c>
      <c r="AD39710">
        <v>30</v>
      </c>
      <c r="AE39710">
        <v>31</v>
      </c>
      <c r="AF39710">
        <v>31</v>
      </c>
      <c r="AG39710">
        <v>31</v>
      </c>
      <c r="AH39710">
        <v>32</v>
      </c>
      <c r="AI39710">
        <v>32</v>
      </c>
      <c r="AJ39710">
        <v>32</v>
      </c>
      <c r="AK39710">
        <v>33</v>
      </c>
      <c r="AL39710">
        <v>33</v>
      </c>
      <c r="AM39710">
        <v>33</v>
      </c>
      <c r="AN39710">
        <v>33</v>
      </c>
      <c r="AO39710">
        <v>33</v>
      </c>
      <c r="AP39710">
        <v>33</v>
      </c>
      <c r="AQ39710">
        <v>34</v>
      </c>
    </row>
    <row r="39711" spans="1:43">
      <c r="A39711" t="s">
        <v>24631</v>
      </c>
      <c r="B39711" t="s">
        <v>24632</v>
      </c>
      <c r="C39711" t="s">
        <v>24523</v>
      </c>
      <c r="D39711" t="s">
        <v>24524</v>
      </c>
      <c r="E39711" t="s">
        <v>24517</v>
      </c>
      <c r="F39711" t="s">
        <v>24518</v>
      </c>
      <c r="G39711" t="s">
        <v>11612</v>
      </c>
      <c r="H39711" t="s">
        <v>11613</v>
      </c>
      <c r="I39711" s="2">
        <v>0</v>
      </c>
      <c r="J39711" s="2">
        <v>0</v>
      </c>
      <c r="K39711" s="2">
        <v>1</v>
      </c>
      <c r="L39711" t="s">
        <v>995</v>
      </c>
      <c r="M39711" t="s">
        <v>87</v>
      </c>
      <c r="N39711" t="s">
        <v>88</v>
      </c>
      <c r="O39711" t="s">
        <v>85</v>
      </c>
      <c r="P39711" t="s">
        <v>86</v>
      </c>
      <c r="Q39711">
        <v>26</v>
      </c>
      <c r="R39711">
        <v>26</v>
      </c>
      <c r="S39711">
        <v>27</v>
      </c>
      <c r="T39711">
        <v>27</v>
      </c>
      <c r="U39711">
        <v>27</v>
      </c>
      <c r="V39711">
        <v>27</v>
      </c>
      <c r="W39711">
        <v>27</v>
      </c>
      <c r="X39711">
        <v>27</v>
      </c>
      <c r="Y39711">
        <v>27</v>
      </c>
      <c r="Z39711">
        <v>28</v>
      </c>
      <c r="AA39711">
        <v>28</v>
      </c>
      <c r="AB39711">
        <v>28</v>
      </c>
      <c r="AC39711">
        <v>28</v>
      </c>
      <c r="AD39711">
        <v>28</v>
      </c>
      <c r="AE39711">
        <v>28</v>
      </c>
      <c r="AF39711">
        <v>28</v>
      </c>
      <c r="AG39711">
        <v>29</v>
      </c>
      <c r="AH39711">
        <v>29</v>
      </c>
      <c r="AI39711">
        <v>29</v>
      </c>
      <c r="AJ39711">
        <v>29</v>
      </c>
      <c r="AK39711">
        <v>29</v>
      </c>
      <c r="AL39711">
        <v>29</v>
      </c>
      <c r="AM39711">
        <v>30</v>
      </c>
      <c r="AN39711">
        <v>30</v>
      </c>
      <c r="AO39711">
        <v>30</v>
      </c>
      <c r="AP39711">
        <v>30</v>
      </c>
      <c r="AQ39711">
        <v>30</v>
      </c>
    </row>
    <row r="39712" spans="1:43">
      <c r="A39712" t="s">
        <v>24631</v>
      </c>
      <c r="B39712" t="s">
        <v>24632</v>
      </c>
      <c r="C39712" t="s">
        <v>24523</v>
      </c>
      <c r="D39712" t="s">
        <v>24524</v>
      </c>
      <c r="E39712" t="s">
        <v>24517</v>
      </c>
      <c r="F39712" t="s">
        <v>24518</v>
      </c>
      <c r="G39712" t="s">
        <v>11612</v>
      </c>
      <c r="H39712" t="s">
        <v>11613</v>
      </c>
      <c r="I39712" s="2">
        <v>0</v>
      </c>
      <c r="J39712" s="2">
        <v>0</v>
      </c>
      <c r="K39712" s="2">
        <v>1</v>
      </c>
      <c r="L39712" t="s">
        <v>995</v>
      </c>
      <c r="M39712" t="s">
        <v>89</v>
      </c>
      <c r="N39712" t="s">
        <v>90</v>
      </c>
      <c r="O39712" t="s">
        <v>85</v>
      </c>
      <c r="P39712" t="s">
        <v>86</v>
      </c>
      <c r="Q39712">
        <v>26</v>
      </c>
      <c r="R39712">
        <v>26</v>
      </c>
      <c r="S39712">
        <v>27</v>
      </c>
      <c r="T39712">
        <v>28</v>
      </c>
      <c r="U39712">
        <v>28</v>
      </c>
      <c r="V39712">
        <v>29</v>
      </c>
      <c r="W39712">
        <v>29</v>
      </c>
      <c r="X39712">
        <v>30</v>
      </c>
      <c r="Y39712">
        <v>30</v>
      </c>
      <c r="Z39712">
        <v>31</v>
      </c>
      <c r="AA39712">
        <v>31</v>
      </c>
      <c r="AB39712">
        <v>32</v>
      </c>
      <c r="AC39712">
        <v>32</v>
      </c>
      <c r="AD39712">
        <v>33</v>
      </c>
      <c r="AE39712">
        <v>33</v>
      </c>
      <c r="AF39712">
        <v>33</v>
      </c>
      <c r="AG39712">
        <v>33</v>
      </c>
      <c r="AH39712">
        <v>33</v>
      </c>
      <c r="AI39712">
        <v>33</v>
      </c>
      <c r="AJ39712">
        <v>33</v>
      </c>
      <c r="AK39712">
        <v>33</v>
      </c>
      <c r="AL39712">
        <v>34</v>
      </c>
      <c r="AM39712">
        <v>34</v>
      </c>
      <c r="AN39712">
        <v>34</v>
      </c>
      <c r="AO39712">
        <v>34</v>
      </c>
      <c r="AP39712">
        <v>34</v>
      </c>
      <c r="AQ39712">
        <v>34</v>
      </c>
    </row>
    <row r="39713" spans="1:43">
      <c r="A39713" t="s">
        <v>24631</v>
      </c>
      <c r="B39713" t="s">
        <v>24632</v>
      </c>
      <c r="C39713" t="s">
        <v>24523</v>
      </c>
      <c r="D39713" t="s">
        <v>24524</v>
      </c>
      <c r="E39713" t="s">
        <v>24517</v>
      </c>
      <c r="F39713" t="s">
        <v>24518</v>
      </c>
      <c r="G39713" t="s">
        <v>11612</v>
      </c>
      <c r="H39713" t="s">
        <v>11613</v>
      </c>
      <c r="I39713" s="2">
        <v>0</v>
      </c>
      <c r="J39713" s="2">
        <v>0</v>
      </c>
      <c r="K39713" s="2">
        <v>1</v>
      </c>
      <c r="L39713" t="s">
        <v>995</v>
      </c>
      <c r="M39713" t="s">
        <v>83</v>
      </c>
      <c r="N39713" t="s">
        <v>91</v>
      </c>
      <c r="O39713" t="s">
        <v>85</v>
      </c>
      <c r="P39713" t="s">
        <v>86</v>
      </c>
      <c r="Q39713">
        <v>26</v>
      </c>
      <c r="R39713">
        <v>26</v>
      </c>
      <c r="S39713">
        <v>26</v>
      </c>
      <c r="T39713">
        <v>27</v>
      </c>
      <c r="U39713">
        <v>27</v>
      </c>
      <c r="V39713">
        <v>27</v>
      </c>
      <c r="W39713">
        <v>28</v>
      </c>
      <c r="X39713">
        <v>28</v>
      </c>
      <c r="Y39713">
        <v>29</v>
      </c>
      <c r="Z39713">
        <v>29</v>
      </c>
      <c r="AA39713">
        <v>29</v>
      </c>
      <c r="AB39713">
        <v>30</v>
      </c>
      <c r="AC39713">
        <v>30</v>
      </c>
      <c r="AD39713">
        <v>30</v>
      </c>
      <c r="AE39713">
        <v>31</v>
      </c>
      <c r="AF39713">
        <v>31</v>
      </c>
      <c r="AG39713">
        <v>31</v>
      </c>
      <c r="AH39713">
        <v>32</v>
      </c>
      <c r="AI39713">
        <v>32</v>
      </c>
      <c r="AJ39713">
        <v>32</v>
      </c>
      <c r="AK39713">
        <v>33</v>
      </c>
      <c r="AL39713">
        <v>33</v>
      </c>
      <c r="AM39713">
        <v>33</v>
      </c>
      <c r="AN39713">
        <v>33</v>
      </c>
      <c r="AO39713">
        <v>33</v>
      </c>
      <c r="AP39713">
        <v>33</v>
      </c>
      <c r="AQ39713">
        <v>34</v>
      </c>
    </row>
    <row r="39714" spans="1:43">
      <c r="A39714" t="s">
        <v>24633</v>
      </c>
      <c r="B39714" t="s">
        <v>24634</v>
      </c>
      <c r="C39714" t="s">
        <v>24627</v>
      </c>
      <c r="D39714" t="s">
        <v>24628</v>
      </c>
      <c r="E39714" t="s">
        <v>24517</v>
      </c>
      <c r="F39714" t="s">
        <v>24518</v>
      </c>
      <c r="G39714" t="s">
        <v>11612</v>
      </c>
      <c r="H39714" t="s">
        <v>11613</v>
      </c>
      <c r="I39714" s="2">
        <v>0</v>
      </c>
      <c r="J39714" s="2">
        <v>0</v>
      </c>
      <c r="K39714" s="2">
        <v>1</v>
      </c>
      <c r="L39714" t="s">
        <v>995</v>
      </c>
      <c r="M39714" t="s">
        <v>83</v>
      </c>
      <c r="N39714" t="s">
        <v>84</v>
      </c>
      <c r="O39714" t="s">
        <v>85</v>
      </c>
      <c r="P39714" t="s">
        <v>86</v>
      </c>
      <c r="Q39714">
        <v>29</v>
      </c>
      <c r="R39714">
        <v>29</v>
      </c>
      <c r="S39714">
        <v>30</v>
      </c>
      <c r="T39714">
        <v>30</v>
      </c>
      <c r="U39714">
        <v>30</v>
      </c>
      <c r="V39714">
        <v>31</v>
      </c>
      <c r="W39714">
        <v>31</v>
      </c>
      <c r="X39714">
        <v>32</v>
      </c>
      <c r="Y39714">
        <v>32</v>
      </c>
      <c r="Z39714">
        <v>32</v>
      </c>
      <c r="AA39714">
        <v>33</v>
      </c>
      <c r="AB39714">
        <v>33</v>
      </c>
      <c r="AC39714">
        <v>34</v>
      </c>
      <c r="AD39714">
        <v>34</v>
      </c>
      <c r="AE39714">
        <v>34</v>
      </c>
      <c r="AF39714">
        <v>35</v>
      </c>
      <c r="AG39714">
        <v>35</v>
      </c>
      <c r="AH39714">
        <v>35</v>
      </c>
      <c r="AI39714">
        <v>36</v>
      </c>
      <c r="AJ39714">
        <v>36</v>
      </c>
      <c r="AK39714">
        <v>36</v>
      </c>
      <c r="AL39714">
        <v>37</v>
      </c>
      <c r="AM39714">
        <v>37</v>
      </c>
      <c r="AN39714">
        <v>37</v>
      </c>
      <c r="AO39714">
        <v>37</v>
      </c>
      <c r="AP39714">
        <v>37</v>
      </c>
      <c r="AQ39714">
        <v>37</v>
      </c>
    </row>
    <row r="39715" spans="1:43">
      <c r="A39715" t="s">
        <v>24633</v>
      </c>
      <c r="B39715" t="s">
        <v>24634</v>
      </c>
      <c r="C39715" t="s">
        <v>24627</v>
      </c>
      <c r="D39715" t="s">
        <v>24628</v>
      </c>
      <c r="E39715" t="s">
        <v>24517</v>
      </c>
      <c r="F39715" t="s">
        <v>24518</v>
      </c>
      <c r="G39715" t="s">
        <v>11612</v>
      </c>
      <c r="H39715" t="s">
        <v>11613</v>
      </c>
      <c r="I39715" s="2">
        <v>0</v>
      </c>
      <c r="J39715" s="2">
        <v>0</v>
      </c>
      <c r="K39715" s="2">
        <v>1</v>
      </c>
      <c r="L39715" t="s">
        <v>995</v>
      </c>
      <c r="M39715" t="s">
        <v>87</v>
      </c>
      <c r="N39715" t="s">
        <v>88</v>
      </c>
      <c r="O39715" t="s">
        <v>85</v>
      </c>
      <c r="P39715" t="s">
        <v>86</v>
      </c>
      <c r="Q39715">
        <v>29</v>
      </c>
      <c r="R39715">
        <v>29</v>
      </c>
      <c r="S39715">
        <v>29</v>
      </c>
      <c r="T39715">
        <v>29</v>
      </c>
      <c r="U39715">
        <v>29</v>
      </c>
      <c r="V39715">
        <v>29</v>
      </c>
      <c r="W39715">
        <v>29</v>
      </c>
      <c r="X39715">
        <v>29</v>
      </c>
      <c r="Y39715">
        <v>30</v>
      </c>
      <c r="Z39715">
        <v>30</v>
      </c>
      <c r="AA39715">
        <v>30</v>
      </c>
      <c r="AB39715">
        <v>30</v>
      </c>
      <c r="AC39715">
        <v>30</v>
      </c>
      <c r="AD39715">
        <v>30</v>
      </c>
      <c r="AE39715">
        <v>30</v>
      </c>
      <c r="AF39715">
        <v>31</v>
      </c>
      <c r="AG39715">
        <v>31</v>
      </c>
      <c r="AH39715">
        <v>31</v>
      </c>
      <c r="AI39715">
        <v>31</v>
      </c>
      <c r="AJ39715">
        <v>31</v>
      </c>
      <c r="AK39715">
        <v>31</v>
      </c>
      <c r="AL39715">
        <v>31</v>
      </c>
      <c r="AM39715">
        <v>32</v>
      </c>
      <c r="AN39715">
        <v>32</v>
      </c>
      <c r="AO39715">
        <v>32</v>
      </c>
      <c r="AP39715">
        <v>32</v>
      </c>
      <c r="AQ39715">
        <v>32</v>
      </c>
    </row>
    <row r="39716" spans="1:43">
      <c r="A39716" t="s">
        <v>24633</v>
      </c>
      <c r="B39716" t="s">
        <v>24634</v>
      </c>
      <c r="C39716" t="s">
        <v>24627</v>
      </c>
      <c r="D39716" t="s">
        <v>24628</v>
      </c>
      <c r="E39716" t="s">
        <v>24517</v>
      </c>
      <c r="F39716" t="s">
        <v>24518</v>
      </c>
      <c r="G39716" t="s">
        <v>11612</v>
      </c>
      <c r="H39716" t="s">
        <v>11613</v>
      </c>
      <c r="I39716" s="2">
        <v>0</v>
      </c>
      <c r="J39716" s="2">
        <v>0</v>
      </c>
      <c r="K39716" s="2">
        <v>1</v>
      </c>
      <c r="L39716" t="s">
        <v>995</v>
      </c>
      <c r="M39716" t="s">
        <v>89</v>
      </c>
      <c r="N39716" t="s">
        <v>90</v>
      </c>
      <c r="O39716" t="s">
        <v>85</v>
      </c>
      <c r="P39716" t="s">
        <v>86</v>
      </c>
      <c r="Q39716">
        <v>29</v>
      </c>
      <c r="R39716">
        <v>30</v>
      </c>
      <c r="S39716">
        <v>30</v>
      </c>
      <c r="T39716">
        <v>31</v>
      </c>
      <c r="U39716">
        <v>32</v>
      </c>
      <c r="V39716">
        <v>32</v>
      </c>
      <c r="W39716">
        <v>33</v>
      </c>
      <c r="X39716">
        <v>33</v>
      </c>
      <c r="Y39716">
        <v>34</v>
      </c>
      <c r="Z39716">
        <v>34</v>
      </c>
      <c r="AA39716">
        <v>35</v>
      </c>
      <c r="AB39716">
        <v>35</v>
      </c>
      <c r="AC39716">
        <v>36</v>
      </c>
      <c r="AD39716">
        <v>36</v>
      </c>
      <c r="AE39716">
        <v>37</v>
      </c>
      <c r="AF39716">
        <v>37</v>
      </c>
      <c r="AG39716">
        <v>37</v>
      </c>
      <c r="AH39716">
        <v>37</v>
      </c>
      <c r="AI39716">
        <v>37</v>
      </c>
      <c r="AJ39716">
        <v>37</v>
      </c>
      <c r="AK39716">
        <v>37</v>
      </c>
      <c r="AL39716">
        <v>37</v>
      </c>
      <c r="AM39716">
        <v>37</v>
      </c>
      <c r="AN39716">
        <v>37</v>
      </c>
      <c r="AO39716">
        <v>37</v>
      </c>
      <c r="AP39716">
        <v>37</v>
      </c>
      <c r="AQ39716">
        <v>37</v>
      </c>
    </row>
    <row r="39717" spans="1:43">
      <c r="A39717" t="s">
        <v>24633</v>
      </c>
      <c r="B39717" t="s">
        <v>24634</v>
      </c>
      <c r="C39717" t="s">
        <v>24627</v>
      </c>
      <c r="D39717" t="s">
        <v>24628</v>
      </c>
      <c r="E39717" t="s">
        <v>24517</v>
      </c>
      <c r="F39717" t="s">
        <v>24518</v>
      </c>
      <c r="G39717" t="s">
        <v>11612</v>
      </c>
      <c r="H39717" t="s">
        <v>11613</v>
      </c>
      <c r="I39717" s="2">
        <v>0</v>
      </c>
      <c r="J39717" s="2">
        <v>0</v>
      </c>
      <c r="K39717" s="2">
        <v>1</v>
      </c>
      <c r="L39717" t="s">
        <v>995</v>
      </c>
      <c r="M39717" t="s">
        <v>83</v>
      </c>
      <c r="N39717" t="s">
        <v>91</v>
      </c>
      <c r="O39717" t="s">
        <v>85</v>
      </c>
      <c r="P39717" t="s">
        <v>86</v>
      </c>
      <c r="Q39717">
        <v>29</v>
      </c>
      <c r="R39717">
        <v>29</v>
      </c>
      <c r="S39717">
        <v>30</v>
      </c>
      <c r="T39717">
        <v>30</v>
      </c>
      <c r="U39717">
        <v>30</v>
      </c>
      <c r="V39717">
        <v>31</v>
      </c>
      <c r="W39717">
        <v>31</v>
      </c>
      <c r="X39717">
        <v>32</v>
      </c>
      <c r="Y39717">
        <v>32</v>
      </c>
      <c r="Z39717">
        <v>32</v>
      </c>
      <c r="AA39717">
        <v>33</v>
      </c>
      <c r="AB39717">
        <v>33</v>
      </c>
      <c r="AC39717">
        <v>34</v>
      </c>
      <c r="AD39717">
        <v>34</v>
      </c>
      <c r="AE39717">
        <v>34</v>
      </c>
      <c r="AF39717">
        <v>35</v>
      </c>
      <c r="AG39717">
        <v>35</v>
      </c>
      <c r="AH39717">
        <v>35</v>
      </c>
      <c r="AI39717">
        <v>36</v>
      </c>
      <c r="AJ39717">
        <v>36</v>
      </c>
      <c r="AK39717">
        <v>36</v>
      </c>
      <c r="AL39717">
        <v>37</v>
      </c>
      <c r="AM39717">
        <v>37</v>
      </c>
      <c r="AN39717">
        <v>37</v>
      </c>
      <c r="AO39717">
        <v>37</v>
      </c>
      <c r="AP39717">
        <v>37</v>
      </c>
      <c r="AQ39717">
        <v>37</v>
      </c>
    </row>
    <row r="39718" spans="1:43">
      <c r="A39718" t="s">
        <v>24635</v>
      </c>
      <c r="B39718" t="s">
        <v>24636</v>
      </c>
      <c r="C39718" t="s">
        <v>24627</v>
      </c>
      <c r="D39718" t="s">
        <v>24628</v>
      </c>
      <c r="E39718" t="s">
        <v>24517</v>
      </c>
      <c r="F39718" t="s">
        <v>24518</v>
      </c>
      <c r="G39718" t="s">
        <v>11612</v>
      </c>
      <c r="H39718" t="s">
        <v>11613</v>
      </c>
      <c r="I39718" s="2">
        <v>0</v>
      </c>
      <c r="J39718" s="2">
        <v>0</v>
      </c>
      <c r="K39718" s="2">
        <v>1</v>
      </c>
      <c r="L39718" t="s">
        <v>995</v>
      </c>
      <c r="M39718" t="s">
        <v>83</v>
      </c>
      <c r="N39718" t="s">
        <v>84</v>
      </c>
      <c r="O39718" t="s">
        <v>85</v>
      </c>
      <c r="P39718" t="s">
        <v>86</v>
      </c>
      <c r="Q39718">
        <v>22</v>
      </c>
      <c r="R39718">
        <v>22</v>
      </c>
      <c r="S39718">
        <v>23</v>
      </c>
      <c r="T39718">
        <v>23</v>
      </c>
      <c r="U39718">
        <v>23</v>
      </c>
      <c r="V39718">
        <v>23</v>
      </c>
      <c r="W39718">
        <v>24</v>
      </c>
      <c r="X39718">
        <v>24</v>
      </c>
      <c r="Y39718">
        <v>24</v>
      </c>
      <c r="Z39718">
        <v>25</v>
      </c>
      <c r="AA39718">
        <v>25</v>
      </c>
      <c r="AB39718">
        <v>25</v>
      </c>
      <c r="AC39718">
        <v>25</v>
      </c>
      <c r="AD39718">
        <v>26</v>
      </c>
      <c r="AE39718">
        <v>26</v>
      </c>
      <c r="AF39718">
        <v>26</v>
      </c>
      <c r="AG39718">
        <v>27</v>
      </c>
      <c r="AH39718">
        <v>27</v>
      </c>
      <c r="AI39718">
        <v>27</v>
      </c>
      <c r="AJ39718">
        <v>27</v>
      </c>
      <c r="AK39718">
        <v>28</v>
      </c>
      <c r="AL39718">
        <v>28</v>
      </c>
      <c r="AM39718">
        <v>28</v>
      </c>
      <c r="AN39718">
        <v>28</v>
      </c>
      <c r="AO39718">
        <v>28</v>
      </c>
      <c r="AP39718">
        <v>28</v>
      </c>
      <c r="AQ39718">
        <v>28</v>
      </c>
    </row>
    <row r="39719" spans="1:43">
      <c r="A39719" t="s">
        <v>24635</v>
      </c>
      <c r="B39719" t="s">
        <v>24636</v>
      </c>
      <c r="C39719" t="s">
        <v>24627</v>
      </c>
      <c r="D39719" t="s">
        <v>24628</v>
      </c>
      <c r="E39719" t="s">
        <v>24517</v>
      </c>
      <c r="F39719" t="s">
        <v>24518</v>
      </c>
      <c r="G39719" t="s">
        <v>11612</v>
      </c>
      <c r="H39719" t="s">
        <v>11613</v>
      </c>
      <c r="I39719" s="2">
        <v>0</v>
      </c>
      <c r="J39719" s="2">
        <v>0</v>
      </c>
      <c r="K39719" s="2">
        <v>1</v>
      </c>
      <c r="L39719" t="s">
        <v>995</v>
      </c>
      <c r="M39719" t="s">
        <v>87</v>
      </c>
      <c r="N39719" t="s">
        <v>88</v>
      </c>
      <c r="O39719" t="s">
        <v>85</v>
      </c>
      <c r="P39719" t="s">
        <v>86</v>
      </c>
      <c r="Q39719">
        <v>22</v>
      </c>
      <c r="R39719">
        <v>22</v>
      </c>
      <c r="S39719">
        <v>22</v>
      </c>
      <c r="T39719">
        <v>22</v>
      </c>
      <c r="U39719">
        <v>22</v>
      </c>
      <c r="V39719">
        <v>22</v>
      </c>
      <c r="W39719">
        <v>22</v>
      </c>
      <c r="X39719">
        <v>22</v>
      </c>
      <c r="Y39719">
        <v>23</v>
      </c>
      <c r="Z39719">
        <v>23</v>
      </c>
      <c r="AA39719">
        <v>23</v>
      </c>
      <c r="AB39719">
        <v>23</v>
      </c>
      <c r="AC39719">
        <v>23</v>
      </c>
      <c r="AD39719">
        <v>23</v>
      </c>
      <c r="AE39719">
        <v>23</v>
      </c>
      <c r="AF39719">
        <v>23</v>
      </c>
      <c r="AG39719">
        <v>23</v>
      </c>
      <c r="AH39719">
        <v>23</v>
      </c>
      <c r="AI39719">
        <v>24</v>
      </c>
      <c r="AJ39719">
        <v>24</v>
      </c>
      <c r="AK39719">
        <v>24</v>
      </c>
      <c r="AL39719">
        <v>24</v>
      </c>
      <c r="AM39719">
        <v>24</v>
      </c>
      <c r="AN39719">
        <v>24</v>
      </c>
      <c r="AO39719">
        <v>24</v>
      </c>
      <c r="AP39719">
        <v>24</v>
      </c>
      <c r="AQ39719">
        <v>24</v>
      </c>
    </row>
    <row r="39720" spans="1:43">
      <c r="A39720" t="s">
        <v>24635</v>
      </c>
      <c r="B39720" t="s">
        <v>24636</v>
      </c>
      <c r="C39720" t="s">
        <v>24627</v>
      </c>
      <c r="D39720" t="s">
        <v>24628</v>
      </c>
      <c r="E39720" t="s">
        <v>24517</v>
      </c>
      <c r="F39720" t="s">
        <v>24518</v>
      </c>
      <c r="G39720" t="s">
        <v>11612</v>
      </c>
      <c r="H39720" t="s">
        <v>11613</v>
      </c>
      <c r="I39720" s="2">
        <v>0</v>
      </c>
      <c r="J39720" s="2">
        <v>0</v>
      </c>
      <c r="K39720" s="2">
        <v>1</v>
      </c>
      <c r="L39720" t="s">
        <v>995</v>
      </c>
      <c r="M39720" t="s">
        <v>89</v>
      </c>
      <c r="N39720" t="s">
        <v>90</v>
      </c>
      <c r="O39720" t="s">
        <v>85</v>
      </c>
      <c r="P39720" t="s">
        <v>86</v>
      </c>
      <c r="Q39720">
        <v>22</v>
      </c>
      <c r="R39720">
        <v>23</v>
      </c>
      <c r="S39720">
        <v>23</v>
      </c>
      <c r="T39720">
        <v>24</v>
      </c>
      <c r="U39720">
        <v>24</v>
      </c>
      <c r="V39720">
        <v>25</v>
      </c>
      <c r="W39720">
        <v>25</v>
      </c>
      <c r="X39720">
        <v>25</v>
      </c>
      <c r="Y39720">
        <v>26</v>
      </c>
      <c r="Z39720">
        <v>26</v>
      </c>
      <c r="AA39720">
        <v>26</v>
      </c>
      <c r="AB39720">
        <v>27</v>
      </c>
      <c r="AC39720">
        <v>27</v>
      </c>
      <c r="AD39720">
        <v>28</v>
      </c>
      <c r="AE39720">
        <v>28</v>
      </c>
      <c r="AF39720">
        <v>28</v>
      </c>
      <c r="AG39720">
        <v>28</v>
      </c>
      <c r="AH39720">
        <v>28</v>
      </c>
      <c r="AI39720">
        <v>28</v>
      </c>
      <c r="AJ39720">
        <v>28</v>
      </c>
      <c r="AK39720">
        <v>28</v>
      </c>
      <c r="AL39720">
        <v>28</v>
      </c>
      <c r="AM39720">
        <v>28</v>
      </c>
      <c r="AN39720">
        <v>28</v>
      </c>
      <c r="AO39720">
        <v>28</v>
      </c>
      <c r="AP39720">
        <v>28</v>
      </c>
      <c r="AQ39720">
        <v>28</v>
      </c>
    </row>
    <row r="39721" spans="1:43">
      <c r="A39721" t="s">
        <v>24635</v>
      </c>
      <c r="B39721" t="s">
        <v>24636</v>
      </c>
      <c r="C39721" t="s">
        <v>24627</v>
      </c>
      <c r="D39721" t="s">
        <v>24628</v>
      </c>
      <c r="E39721" t="s">
        <v>24517</v>
      </c>
      <c r="F39721" t="s">
        <v>24518</v>
      </c>
      <c r="G39721" t="s">
        <v>11612</v>
      </c>
      <c r="H39721" t="s">
        <v>11613</v>
      </c>
      <c r="I39721" s="2">
        <v>0</v>
      </c>
      <c r="J39721" s="2">
        <v>0</v>
      </c>
      <c r="K39721" s="2">
        <v>1</v>
      </c>
      <c r="L39721" t="s">
        <v>995</v>
      </c>
      <c r="M39721" t="s">
        <v>83</v>
      </c>
      <c r="N39721" t="s">
        <v>91</v>
      </c>
      <c r="O39721" t="s">
        <v>85</v>
      </c>
      <c r="P39721" t="s">
        <v>86</v>
      </c>
      <c r="Q39721">
        <v>22</v>
      </c>
      <c r="R39721">
        <v>22</v>
      </c>
      <c r="S39721">
        <v>23</v>
      </c>
      <c r="T39721">
        <v>23</v>
      </c>
      <c r="U39721">
        <v>23</v>
      </c>
      <c r="V39721">
        <v>23</v>
      </c>
      <c r="W39721">
        <v>24</v>
      </c>
      <c r="X39721">
        <v>24</v>
      </c>
      <c r="Y39721">
        <v>24</v>
      </c>
      <c r="Z39721">
        <v>25</v>
      </c>
      <c r="AA39721">
        <v>25</v>
      </c>
      <c r="AB39721">
        <v>25</v>
      </c>
      <c r="AC39721">
        <v>25</v>
      </c>
      <c r="AD39721">
        <v>26</v>
      </c>
      <c r="AE39721">
        <v>26</v>
      </c>
      <c r="AF39721">
        <v>26</v>
      </c>
      <c r="AG39721">
        <v>27</v>
      </c>
      <c r="AH39721">
        <v>27</v>
      </c>
      <c r="AI39721">
        <v>27</v>
      </c>
      <c r="AJ39721">
        <v>27</v>
      </c>
      <c r="AK39721">
        <v>28</v>
      </c>
      <c r="AL39721">
        <v>28</v>
      </c>
      <c r="AM39721">
        <v>28</v>
      </c>
      <c r="AN39721">
        <v>28</v>
      </c>
      <c r="AO39721">
        <v>28</v>
      </c>
      <c r="AP39721">
        <v>28</v>
      </c>
      <c r="AQ39721">
        <v>28</v>
      </c>
    </row>
    <row r="39722" spans="1:43">
      <c r="A39722" t="s">
        <v>24637</v>
      </c>
      <c r="B39722" t="s">
        <v>24638</v>
      </c>
      <c r="C39722" t="s">
        <v>24627</v>
      </c>
      <c r="D39722" t="s">
        <v>24628</v>
      </c>
      <c r="E39722" t="s">
        <v>24517</v>
      </c>
      <c r="F39722" t="s">
        <v>24518</v>
      </c>
      <c r="G39722" t="s">
        <v>11612</v>
      </c>
      <c r="H39722" t="s">
        <v>11613</v>
      </c>
      <c r="I39722" s="2">
        <v>0</v>
      </c>
      <c r="J39722" s="2">
        <v>0</v>
      </c>
      <c r="K39722" s="2">
        <v>1</v>
      </c>
      <c r="L39722" t="s">
        <v>995</v>
      </c>
      <c r="M39722" t="s">
        <v>83</v>
      </c>
      <c r="N39722" t="s">
        <v>84</v>
      </c>
      <c r="O39722" t="s">
        <v>85</v>
      </c>
      <c r="P39722" t="s">
        <v>86</v>
      </c>
      <c r="Q39722">
        <v>11</v>
      </c>
      <c r="R39722">
        <v>12</v>
      </c>
      <c r="S39722">
        <v>12</v>
      </c>
      <c r="T39722">
        <v>12</v>
      </c>
      <c r="U39722">
        <v>12</v>
      </c>
      <c r="V39722">
        <v>12</v>
      </c>
      <c r="W39722">
        <v>12</v>
      </c>
      <c r="X39722">
        <v>12</v>
      </c>
      <c r="Y39722">
        <v>13</v>
      </c>
      <c r="Z39722">
        <v>13</v>
      </c>
      <c r="AA39722">
        <v>13</v>
      </c>
      <c r="AB39722">
        <v>13</v>
      </c>
      <c r="AC39722">
        <v>13</v>
      </c>
      <c r="AD39722">
        <v>13</v>
      </c>
      <c r="AE39722">
        <v>13</v>
      </c>
      <c r="AF39722">
        <v>14</v>
      </c>
      <c r="AG39722">
        <v>14</v>
      </c>
      <c r="AH39722">
        <v>14</v>
      </c>
      <c r="AI39722">
        <v>14</v>
      </c>
      <c r="AJ39722">
        <v>14</v>
      </c>
      <c r="AK39722">
        <v>14</v>
      </c>
      <c r="AL39722">
        <v>14</v>
      </c>
      <c r="AM39722">
        <v>14</v>
      </c>
      <c r="AN39722">
        <v>14</v>
      </c>
      <c r="AO39722">
        <v>14</v>
      </c>
      <c r="AP39722">
        <v>14</v>
      </c>
      <c r="AQ39722">
        <v>14</v>
      </c>
    </row>
    <row r="39723" spans="1:43">
      <c r="A39723" t="s">
        <v>24637</v>
      </c>
      <c r="B39723" t="s">
        <v>24638</v>
      </c>
      <c r="C39723" t="s">
        <v>24627</v>
      </c>
      <c r="D39723" t="s">
        <v>24628</v>
      </c>
      <c r="E39723" t="s">
        <v>24517</v>
      </c>
      <c r="F39723" t="s">
        <v>24518</v>
      </c>
      <c r="G39723" t="s">
        <v>11612</v>
      </c>
      <c r="H39723" t="s">
        <v>11613</v>
      </c>
      <c r="I39723" s="2">
        <v>0</v>
      </c>
      <c r="J39723" s="2">
        <v>0</v>
      </c>
      <c r="K39723" s="2">
        <v>1</v>
      </c>
      <c r="L39723" t="s">
        <v>995</v>
      </c>
      <c r="M39723" t="s">
        <v>87</v>
      </c>
      <c r="N39723" t="s">
        <v>88</v>
      </c>
      <c r="O39723" t="s">
        <v>85</v>
      </c>
      <c r="P39723" t="s">
        <v>86</v>
      </c>
      <c r="Q39723">
        <v>11</v>
      </c>
      <c r="R39723">
        <v>11</v>
      </c>
      <c r="S39723">
        <v>11</v>
      </c>
      <c r="T39723">
        <v>11</v>
      </c>
      <c r="U39723">
        <v>12</v>
      </c>
      <c r="V39723">
        <v>12</v>
      </c>
      <c r="W39723">
        <v>12</v>
      </c>
      <c r="X39723">
        <v>12</v>
      </c>
      <c r="Y39723">
        <v>12</v>
      </c>
      <c r="Z39723">
        <v>12</v>
      </c>
      <c r="AA39723">
        <v>12</v>
      </c>
      <c r="AB39723">
        <v>12</v>
      </c>
      <c r="AC39723">
        <v>12</v>
      </c>
      <c r="AD39723">
        <v>12</v>
      </c>
      <c r="AE39723">
        <v>12</v>
      </c>
      <c r="AF39723">
        <v>12</v>
      </c>
      <c r="AG39723">
        <v>12</v>
      </c>
      <c r="AH39723">
        <v>12</v>
      </c>
      <c r="AI39723">
        <v>12</v>
      </c>
      <c r="AJ39723">
        <v>12</v>
      </c>
      <c r="AK39723">
        <v>12</v>
      </c>
      <c r="AL39723">
        <v>12</v>
      </c>
      <c r="AM39723">
        <v>12</v>
      </c>
      <c r="AN39723">
        <v>12</v>
      </c>
      <c r="AO39723">
        <v>12</v>
      </c>
      <c r="AP39723">
        <v>12</v>
      </c>
      <c r="AQ39723">
        <v>13</v>
      </c>
    </row>
    <row r="39724" spans="1:43">
      <c r="A39724" t="s">
        <v>24637</v>
      </c>
      <c r="B39724" t="s">
        <v>24638</v>
      </c>
      <c r="C39724" t="s">
        <v>24627</v>
      </c>
      <c r="D39724" t="s">
        <v>24628</v>
      </c>
      <c r="E39724" t="s">
        <v>24517</v>
      </c>
      <c r="F39724" t="s">
        <v>24518</v>
      </c>
      <c r="G39724" t="s">
        <v>11612</v>
      </c>
      <c r="H39724" t="s">
        <v>11613</v>
      </c>
      <c r="I39724" s="2">
        <v>0</v>
      </c>
      <c r="J39724" s="2">
        <v>0</v>
      </c>
      <c r="K39724" s="2">
        <v>1</v>
      </c>
      <c r="L39724" t="s">
        <v>995</v>
      </c>
      <c r="M39724" t="s">
        <v>89</v>
      </c>
      <c r="N39724" t="s">
        <v>90</v>
      </c>
      <c r="O39724" t="s">
        <v>85</v>
      </c>
      <c r="P39724" t="s">
        <v>86</v>
      </c>
      <c r="Q39724">
        <v>11</v>
      </c>
      <c r="R39724">
        <v>11</v>
      </c>
      <c r="S39724">
        <v>11</v>
      </c>
      <c r="T39724">
        <v>11</v>
      </c>
      <c r="U39724">
        <v>12</v>
      </c>
      <c r="V39724">
        <v>12</v>
      </c>
      <c r="W39724">
        <v>12</v>
      </c>
      <c r="X39724">
        <v>12</v>
      </c>
      <c r="Y39724">
        <v>12</v>
      </c>
      <c r="Z39724">
        <v>13</v>
      </c>
      <c r="AA39724">
        <v>13</v>
      </c>
      <c r="AB39724">
        <v>13</v>
      </c>
      <c r="AC39724">
        <v>13</v>
      </c>
      <c r="AD39724">
        <v>13</v>
      </c>
      <c r="AE39724">
        <v>13</v>
      </c>
      <c r="AF39724">
        <v>13</v>
      </c>
      <c r="AG39724">
        <v>13</v>
      </c>
      <c r="AH39724">
        <v>13</v>
      </c>
      <c r="AI39724">
        <v>13</v>
      </c>
      <c r="AJ39724">
        <v>13</v>
      </c>
      <c r="AK39724">
        <v>13</v>
      </c>
      <c r="AL39724">
        <v>13</v>
      </c>
      <c r="AM39724">
        <v>13</v>
      </c>
      <c r="AN39724">
        <v>13</v>
      </c>
      <c r="AO39724">
        <v>14</v>
      </c>
      <c r="AP39724">
        <v>14</v>
      </c>
      <c r="AQ39724">
        <v>14</v>
      </c>
    </row>
    <row r="39725" spans="1:43">
      <c r="A39725" t="s">
        <v>24637</v>
      </c>
      <c r="B39725" t="s">
        <v>24638</v>
      </c>
      <c r="C39725" t="s">
        <v>24627</v>
      </c>
      <c r="D39725" t="s">
        <v>24628</v>
      </c>
      <c r="E39725" t="s">
        <v>24517</v>
      </c>
      <c r="F39725" t="s">
        <v>24518</v>
      </c>
      <c r="G39725" t="s">
        <v>11612</v>
      </c>
      <c r="H39725" t="s">
        <v>11613</v>
      </c>
      <c r="I39725" s="2">
        <v>0</v>
      </c>
      <c r="J39725" s="2">
        <v>0</v>
      </c>
      <c r="K39725" s="2">
        <v>1</v>
      </c>
      <c r="L39725" t="s">
        <v>995</v>
      </c>
      <c r="M39725" t="s">
        <v>83</v>
      </c>
      <c r="N39725" t="s">
        <v>91</v>
      </c>
      <c r="O39725" t="s">
        <v>85</v>
      </c>
      <c r="P39725" t="s">
        <v>86</v>
      </c>
      <c r="Q39725">
        <v>11</v>
      </c>
      <c r="R39725">
        <v>12</v>
      </c>
      <c r="S39725">
        <v>12</v>
      </c>
      <c r="T39725">
        <v>12</v>
      </c>
      <c r="U39725">
        <v>12</v>
      </c>
      <c r="V39725">
        <v>12</v>
      </c>
      <c r="W39725">
        <v>12</v>
      </c>
      <c r="X39725">
        <v>12</v>
      </c>
      <c r="Y39725">
        <v>13</v>
      </c>
      <c r="Z39725">
        <v>13</v>
      </c>
      <c r="AA39725">
        <v>13</v>
      </c>
      <c r="AB39725">
        <v>13</v>
      </c>
      <c r="AC39725">
        <v>13</v>
      </c>
      <c r="AD39725">
        <v>13</v>
      </c>
      <c r="AE39725">
        <v>13</v>
      </c>
      <c r="AF39725">
        <v>14</v>
      </c>
      <c r="AG39725">
        <v>14</v>
      </c>
      <c r="AH39725">
        <v>14</v>
      </c>
      <c r="AI39725">
        <v>14</v>
      </c>
      <c r="AJ39725">
        <v>14</v>
      </c>
      <c r="AK39725">
        <v>14</v>
      </c>
      <c r="AL39725">
        <v>14</v>
      </c>
      <c r="AM39725">
        <v>14</v>
      </c>
      <c r="AN39725">
        <v>14</v>
      </c>
      <c r="AO39725">
        <v>14</v>
      </c>
      <c r="AP39725">
        <v>14</v>
      </c>
      <c r="AQ39725">
        <v>14</v>
      </c>
    </row>
    <row r="39726" spans="1:43">
      <c r="A39726" t="s">
        <v>24639</v>
      </c>
      <c r="B39726" t="s">
        <v>24640</v>
      </c>
      <c r="C39726" t="s">
        <v>24565</v>
      </c>
      <c r="D39726" t="s">
        <v>24566</v>
      </c>
      <c r="E39726" t="s">
        <v>24517</v>
      </c>
      <c r="F39726" t="s">
        <v>24518</v>
      </c>
      <c r="G39726" t="s">
        <v>11612</v>
      </c>
      <c r="H39726" t="s">
        <v>11613</v>
      </c>
      <c r="I39726" s="2">
        <v>0</v>
      </c>
      <c r="J39726" s="2">
        <v>0</v>
      </c>
      <c r="K39726" s="2">
        <v>1</v>
      </c>
      <c r="L39726" t="s">
        <v>995</v>
      </c>
      <c r="M39726" t="s">
        <v>83</v>
      </c>
      <c r="N39726" t="s">
        <v>84</v>
      </c>
      <c r="O39726" t="s">
        <v>85</v>
      </c>
      <c r="P39726" t="s">
        <v>86</v>
      </c>
      <c r="Q39726">
        <v>16</v>
      </c>
      <c r="R39726">
        <v>17</v>
      </c>
      <c r="S39726">
        <v>17</v>
      </c>
      <c r="T39726">
        <v>17</v>
      </c>
      <c r="U39726">
        <v>17</v>
      </c>
      <c r="V39726">
        <v>17</v>
      </c>
      <c r="W39726">
        <v>18</v>
      </c>
      <c r="X39726">
        <v>18</v>
      </c>
      <c r="Y39726">
        <v>18</v>
      </c>
      <c r="Z39726">
        <v>18</v>
      </c>
      <c r="AA39726">
        <v>19</v>
      </c>
      <c r="AB39726">
        <v>19</v>
      </c>
      <c r="AC39726">
        <v>19</v>
      </c>
      <c r="AD39726">
        <v>19</v>
      </c>
      <c r="AE39726">
        <v>19</v>
      </c>
      <c r="AF39726">
        <v>20</v>
      </c>
      <c r="AG39726">
        <v>20</v>
      </c>
      <c r="AH39726">
        <v>20</v>
      </c>
      <c r="AI39726">
        <v>20</v>
      </c>
      <c r="AJ39726">
        <v>20</v>
      </c>
      <c r="AK39726">
        <v>21</v>
      </c>
      <c r="AL39726">
        <v>21</v>
      </c>
      <c r="AM39726">
        <v>21</v>
      </c>
      <c r="AN39726">
        <v>21</v>
      </c>
      <c r="AO39726">
        <v>21</v>
      </c>
      <c r="AP39726">
        <v>21</v>
      </c>
      <c r="AQ39726">
        <v>21</v>
      </c>
    </row>
    <row r="39727" spans="1:43">
      <c r="A39727" t="s">
        <v>24639</v>
      </c>
      <c r="B39727" t="s">
        <v>24640</v>
      </c>
      <c r="C39727" t="s">
        <v>24565</v>
      </c>
      <c r="D39727" t="s">
        <v>24566</v>
      </c>
      <c r="E39727" t="s">
        <v>24517</v>
      </c>
      <c r="F39727" t="s">
        <v>24518</v>
      </c>
      <c r="G39727" t="s">
        <v>11612</v>
      </c>
      <c r="H39727" t="s">
        <v>11613</v>
      </c>
      <c r="I39727" s="2">
        <v>0</v>
      </c>
      <c r="J39727" s="2">
        <v>0</v>
      </c>
      <c r="K39727" s="2">
        <v>1</v>
      </c>
      <c r="L39727" t="s">
        <v>995</v>
      </c>
      <c r="M39727" t="s">
        <v>87</v>
      </c>
      <c r="N39727" t="s">
        <v>88</v>
      </c>
      <c r="O39727" t="s">
        <v>85</v>
      </c>
      <c r="P39727" t="s">
        <v>86</v>
      </c>
      <c r="Q39727">
        <v>16</v>
      </c>
      <c r="R39727">
        <v>16</v>
      </c>
      <c r="S39727">
        <v>16</v>
      </c>
      <c r="T39727">
        <v>16</v>
      </c>
      <c r="U39727">
        <v>16</v>
      </c>
      <c r="V39727">
        <v>17</v>
      </c>
      <c r="W39727">
        <v>17</v>
      </c>
      <c r="X39727">
        <v>17</v>
      </c>
      <c r="Y39727">
        <v>17</v>
      </c>
      <c r="Z39727">
        <v>17</v>
      </c>
      <c r="AA39727">
        <v>17</v>
      </c>
      <c r="AB39727">
        <v>17</v>
      </c>
      <c r="AC39727">
        <v>17</v>
      </c>
      <c r="AD39727">
        <v>17</v>
      </c>
      <c r="AE39727">
        <v>17</v>
      </c>
      <c r="AF39727">
        <v>17</v>
      </c>
      <c r="AG39727">
        <v>17</v>
      </c>
      <c r="AH39727">
        <v>17</v>
      </c>
      <c r="AI39727">
        <v>17</v>
      </c>
      <c r="AJ39727">
        <v>18</v>
      </c>
      <c r="AK39727">
        <v>18</v>
      </c>
      <c r="AL39727">
        <v>18</v>
      </c>
      <c r="AM39727">
        <v>18</v>
      </c>
      <c r="AN39727">
        <v>18</v>
      </c>
      <c r="AO39727">
        <v>18</v>
      </c>
      <c r="AP39727">
        <v>18</v>
      </c>
      <c r="AQ39727">
        <v>18</v>
      </c>
    </row>
    <row r="39728" spans="1:43">
      <c r="A39728" t="s">
        <v>24639</v>
      </c>
      <c r="B39728" t="s">
        <v>24640</v>
      </c>
      <c r="C39728" t="s">
        <v>24565</v>
      </c>
      <c r="D39728" t="s">
        <v>24566</v>
      </c>
      <c r="E39728" t="s">
        <v>24517</v>
      </c>
      <c r="F39728" t="s">
        <v>24518</v>
      </c>
      <c r="G39728" t="s">
        <v>11612</v>
      </c>
      <c r="H39728" t="s">
        <v>11613</v>
      </c>
      <c r="I39728" s="2">
        <v>0</v>
      </c>
      <c r="J39728" s="2">
        <v>0</v>
      </c>
      <c r="K39728" s="2">
        <v>1</v>
      </c>
      <c r="L39728" t="s">
        <v>995</v>
      </c>
      <c r="M39728" t="s">
        <v>89</v>
      </c>
      <c r="N39728" t="s">
        <v>90</v>
      </c>
      <c r="O39728" t="s">
        <v>85</v>
      </c>
      <c r="P39728" t="s">
        <v>86</v>
      </c>
      <c r="Q39728">
        <v>16</v>
      </c>
      <c r="R39728">
        <v>16</v>
      </c>
      <c r="S39728">
        <v>16</v>
      </c>
      <c r="T39728">
        <v>17</v>
      </c>
      <c r="U39728">
        <v>17</v>
      </c>
      <c r="V39728">
        <v>17</v>
      </c>
      <c r="W39728">
        <v>18</v>
      </c>
      <c r="X39728">
        <v>18</v>
      </c>
      <c r="Y39728">
        <v>18</v>
      </c>
      <c r="Z39728">
        <v>18</v>
      </c>
      <c r="AA39728">
        <v>19</v>
      </c>
      <c r="AB39728">
        <v>19</v>
      </c>
      <c r="AC39728">
        <v>19</v>
      </c>
      <c r="AD39728">
        <v>20</v>
      </c>
      <c r="AE39728">
        <v>20</v>
      </c>
      <c r="AF39728">
        <v>20</v>
      </c>
      <c r="AG39728">
        <v>20</v>
      </c>
      <c r="AH39728">
        <v>20</v>
      </c>
      <c r="AI39728">
        <v>20</v>
      </c>
      <c r="AJ39728">
        <v>20</v>
      </c>
      <c r="AK39728">
        <v>20</v>
      </c>
      <c r="AL39728">
        <v>20</v>
      </c>
      <c r="AM39728">
        <v>20</v>
      </c>
      <c r="AN39728">
        <v>20</v>
      </c>
      <c r="AO39728">
        <v>20</v>
      </c>
      <c r="AP39728">
        <v>20</v>
      </c>
      <c r="AQ39728">
        <v>20</v>
      </c>
    </row>
    <row r="39729" spans="1:43">
      <c r="A39729" t="s">
        <v>24639</v>
      </c>
      <c r="B39729" t="s">
        <v>24640</v>
      </c>
      <c r="C39729" t="s">
        <v>24565</v>
      </c>
      <c r="D39729" t="s">
        <v>24566</v>
      </c>
      <c r="E39729" t="s">
        <v>24517</v>
      </c>
      <c r="F39729" t="s">
        <v>24518</v>
      </c>
      <c r="G39729" t="s">
        <v>11612</v>
      </c>
      <c r="H39729" t="s">
        <v>11613</v>
      </c>
      <c r="I39729" s="2">
        <v>0</v>
      </c>
      <c r="J39729" s="2">
        <v>0</v>
      </c>
      <c r="K39729" s="2">
        <v>1</v>
      </c>
      <c r="L39729" t="s">
        <v>995</v>
      </c>
      <c r="M39729" t="s">
        <v>83</v>
      </c>
      <c r="N39729" t="s">
        <v>91</v>
      </c>
      <c r="O39729" t="s">
        <v>85</v>
      </c>
      <c r="P39729" t="s">
        <v>86</v>
      </c>
      <c r="Q39729">
        <v>16</v>
      </c>
      <c r="R39729">
        <v>17</v>
      </c>
      <c r="S39729">
        <v>17</v>
      </c>
      <c r="T39729">
        <v>17</v>
      </c>
      <c r="U39729">
        <v>17</v>
      </c>
      <c r="V39729">
        <v>17</v>
      </c>
      <c r="W39729">
        <v>18</v>
      </c>
      <c r="X39729">
        <v>18</v>
      </c>
      <c r="Y39729">
        <v>18</v>
      </c>
      <c r="Z39729">
        <v>18</v>
      </c>
      <c r="AA39729">
        <v>19</v>
      </c>
      <c r="AB39729">
        <v>19</v>
      </c>
      <c r="AC39729">
        <v>19</v>
      </c>
      <c r="AD39729">
        <v>19</v>
      </c>
      <c r="AE39729">
        <v>19</v>
      </c>
      <c r="AF39729">
        <v>20</v>
      </c>
      <c r="AG39729">
        <v>20</v>
      </c>
      <c r="AH39729">
        <v>20</v>
      </c>
      <c r="AI39729">
        <v>20</v>
      </c>
      <c r="AJ39729">
        <v>20</v>
      </c>
      <c r="AK39729">
        <v>21</v>
      </c>
      <c r="AL39729">
        <v>21</v>
      </c>
      <c r="AM39729">
        <v>21</v>
      </c>
      <c r="AN39729">
        <v>21</v>
      </c>
      <c r="AO39729">
        <v>21</v>
      </c>
      <c r="AP39729">
        <v>21</v>
      </c>
      <c r="AQ39729">
        <v>21</v>
      </c>
    </row>
    <row r="39730" spans="1:43">
      <c r="A39730" t="s">
        <v>24641</v>
      </c>
      <c r="B39730" t="s">
        <v>24642</v>
      </c>
      <c r="C39730" t="s">
        <v>24565</v>
      </c>
      <c r="D39730" t="s">
        <v>24566</v>
      </c>
      <c r="E39730" t="s">
        <v>24517</v>
      </c>
      <c r="F39730" t="s">
        <v>24518</v>
      </c>
      <c r="G39730" t="s">
        <v>11612</v>
      </c>
      <c r="H39730" t="s">
        <v>11613</v>
      </c>
      <c r="I39730" s="2">
        <v>0</v>
      </c>
      <c r="J39730" s="2">
        <v>0</v>
      </c>
      <c r="K39730" s="2">
        <v>1</v>
      </c>
      <c r="L39730" t="s">
        <v>995</v>
      </c>
      <c r="M39730" t="s">
        <v>83</v>
      </c>
      <c r="N39730" t="s">
        <v>84</v>
      </c>
      <c r="O39730" t="s">
        <v>85</v>
      </c>
      <c r="P39730" t="s">
        <v>86</v>
      </c>
      <c r="Q39730">
        <v>12</v>
      </c>
      <c r="R39730">
        <v>12</v>
      </c>
      <c r="S39730">
        <v>13</v>
      </c>
      <c r="T39730">
        <v>13</v>
      </c>
      <c r="U39730">
        <v>13</v>
      </c>
      <c r="V39730">
        <v>13</v>
      </c>
      <c r="W39730">
        <v>13</v>
      </c>
      <c r="X39730">
        <v>13</v>
      </c>
      <c r="Y39730">
        <v>13</v>
      </c>
      <c r="Z39730">
        <v>14</v>
      </c>
      <c r="AA39730">
        <v>14</v>
      </c>
      <c r="AB39730">
        <v>14</v>
      </c>
      <c r="AC39730">
        <v>14</v>
      </c>
      <c r="AD39730">
        <v>14</v>
      </c>
      <c r="AE39730">
        <v>14</v>
      </c>
      <c r="AF39730">
        <v>15</v>
      </c>
      <c r="AG39730">
        <v>15</v>
      </c>
      <c r="AH39730">
        <v>15</v>
      </c>
      <c r="AI39730">
        <v>15</v>
      </c>
      <c r="AJ39730">
        <v>15</v>
      </c>
      <c r="AK39730">
        <v>15</v>
      </c>
      <c r="AL39730">
        <v>15</v>
      </c>
      <c r="AM39730">
        <v>15</v>
      </c>
      <c r="AN39730">
        <v>15</v>
      </c>
      <c r="AO39730">
        <v>15</v>
      </c>
      <c r="AP39730">
        <v>15</v>
      </c>
      <c r="AQ39730">
        <v>15</v>
      </c>
    </row>
    <row r="39731" spans="1:43">
      <c r="A39731" t="s">
        <v>24641</v>
      </c>
      <c r="B39731" t="s">
        <v>24642</v>
      </c>
      <c r="C39731" t="s">
        <v>24565</v>
      </c>
      <c r="D39731" t="s">
        <v>24566</v>
      </c>
      <c r="E39731" t="s">
        <v>24517</v>
      </c>
      <c r="F39731" t="s">
        <v>24518</v>
      </c>
      <c r="G39731" t="s">
        <v>11612</v>
      </c>
      <c r="H39731" t="s">
        <v>11613</v>
      </c>
      <c r="I39731" s="2">
        <v>0</v>
      </c>
      <c r="J39731" s="2">
        <v>0</v>
      </c>
      <c r="K39731" s="2">
        <v>1</v>
      </c>
      <c r="L39731" t="s">
        <v>995</v>
      </c>
      <c r="M39731" t="s">
        <v>87</v>
      </c>
      <c r="N39731" t="s">
        <v>88</v>
      </c>
      <c r="O39731" t="s">
        <v>85</v>
      </c>
      <c r="P39731" t="s">
        <v>86</v>
      </c>
      <c r="Q39731">
        <v>12</v>
      </c>
      <c r="R39731">
        <v>12</v>
      </c>
      <c r="S39731">
        <v>12</v>
      </c>
      <c r="T39731">
        <v>12</v>
      </c>
      <c r="U39731">
        <v>12</v>
      </c>
      <c r="V39731">
        <v>12</v>
      </c>
      <c r="W39731">
        <v>12</v>
      </c>
      <c r="X39731">
        <v>12</v>
      </c>
      <c r="Y39731">
        <v>12</v>
      </c>
      <c r="Z39731">
        <v>13</v>
      </c>
      <c r="AA39731">
        <v>13</v>
      </c>
      <c r="AB39731">
        <v>13</v>
      </c>
      <c r="AC39731">
        <v>13</v>
      </c>
      <c r="AD39731">
        <v>13</v>
      </c>
      <c r="AE39731">
        <v>13</v>
      </c>
      <c r="AF39731">
        <v>13</v>
      </c>
      <c r="AG39731">
        <v>13</v>
      </c>
      <c r="AH39731">
        <v>13</v>
      </c>
      <c r="AI39731">
        <v>13</v>
      </c>
      <c r="AJ39731">
        <v>13</v>
      </c>
      <c r="AK39731">
        <v>13</v>
      </c>
      <c r="AL39731">
        <v>13</v>
      </c>
      <c r="AM39731">
        <v>13</v>
      </c>
      <c r="AN39731">
        <v>13</v>
      </c>
      <c r="AO39731">
        <v>13</v>
      </c>
      <c r="AP39731">
        <v>13</v>
      </c>
      <c r="AQ39731">
        <v>13</v>
      </c>
    </row>
    <row r="39732" spans="1:43">
      <c r="A39732" t="s">
        <v>24641</v>
      </c>
      <c r="B39732" t="s">
        <v>24642</v>
      </c>
      <c r="C39732" t="s">
        <v>24565</v>
      </c>
      <c r="D39732" t="s">
        <v>24566</v>
      </c>
      <c r="E39732" t="s">
        <v>24517</v>
      </c>
      <c r="F39732" t="s">
        <v>24518</v>
      </c>
      <c r="G39732" t="s">
        <v>11612</v>
      </c>
      <c r="H39732" t="s">
        <v>11613</v>
      </c>
      <c r="I39732" s="2">
        <v>0</v>
      </c>
      <c r="J39732" s="2">
        <v>0</v>
      </c>
      <c r="K39732" s="2">
        <v>1</v>
      </c>
      <c r="L39732" t="s">
        <v>995</v>
      </c>
      <c r="M39732" t="s">
        <v>89</v>
      </c>
      <c r="N39732" t="s">
        <v>90</v>
      </c>
      <c r="O39732" t="s">
        <v>85</v>
      </c>
      <c r="P39732" t="s">
        <v>86</v>
      </c>
      <c r="Q39732">
        <v>12</v>
      </c>
      <c r="R39732">
        <v>13</v>
      </c>
      <c r="S39732">
        <v>13</v>
      </c>
      <c r="T39732">
        <v>13</v>
      </c>
      <c r="U39732">
        <v>13</v>
      </c>
      <c r="V39732">
        <v>14</v>
      </c>
      <c r="W39732">
        <v>14</v>
      </c>
      <c r="X39732">
        <v>14</v>
      </c>
      <c r="Y39732">
        <v>14</v>
      </c>
      <c r="Z39732">
        <v>14</v>
      </c>
      <c r="AA39732">
        <v>15</v>
      </c>
      <c r="AB39732">
        <v>15</v>
      </c>
      <c r="AC39732">
        <v>15</v>
      </c>
      <c r="AD39732">
        <v>15</v>
      </c>
      <c r="AE39732">
        <v>15</v>
      </c>
      <c r="AF39732">
        <v>15</v>
      </c>
      <c r="AG39732">
        <v>15</v>
      </c>
      <c r="AH39732">
        <v>15</v>
      </c>
      <c r="AI39732">
        <v>15</v>
      </c>
      <c r="AJ39732">
        <v>15</v>
      </c>
      <c r="AK39732">
        <v>15</v>
      </c>
      <c r="AL39732">
        <v>15</v>
      </c>
      <c r="AM39732">
        <v>15</v>
      </c>
      <c r="AN39732">
        <v>16</v>
      </c>
      <c r="AO39732">
        <v>16</v>
      </c>
      <c r="AP39732">
        <v>16</v>
      </c>
      <c r="AQ39732">
        <v>16</v>
      </c>
    </row>
    <row r="39733" spans="1:43">
      <c r="A39733" t="s">
        <v>24641</v>
      </c>
      <c r="B39733" t="s">
        <v>24642</v>
      </c>
      <c r="C39733" t="s">
        <v>24565</v>
      </c>
      <c r="D39733" t="s">
        <v>24566</v>
      </c>
      <c r="E39733" t="s">
        <v>24517</v>
      </c>
      <c r="F39733" t="s">
        <v>24518</v>
      </c>
      <c r="G39733" t="s">
        <v>11612</v>
      </c>
      <c r="H39733" t="s">
        <v>11613</v>
      </c>
      <c r="I39733" s="2">
        <v>0</v>
      </c>
      <c r="J39733" s="2">
        <v>0</v>
      </c>
      <c r="K39733" s="2">
        <v>1</v>
      </c>
      <c r="L39733" t="s">
        <v>995</v>
      </c>
      <c r="M39733" t="s">
        <v>83</v>
      </c>
      <c r="N39733" t="s">
        <v>91</v>
      </c>
      <c r="O39733" t="s">
        <v>85</v>
      </c>
      <c r="P39733" t="s">
        <v>86</v>
      </c>
      <c r="Q39733">
        <v>12</v>
      </c>
      <c r="R39733">
        <v>12</v>
      </c>
      <c r="S39733">
        <v>13</v>
      </c>
      <c r="T39733">
        <v>13</v>
      </c>
      <c r="U39733">
        <v>13</v>
      </c>
      <c r="V39733">
        <v>13</v>
      </c>
      <c r="W39733">
        <v>13</v>
      </c>
      <c r="X39733">
        <v>13</v>
      </c>
      <c r="Y39733">
        <v>13</v>
      </c>
      <c r="Z39733">
        <v>14</v>
      </c>
      <c r="AA39733">
        <v>14</v>
      </c>
      <c r="AB39733">
        <v>14</v>
      </c>
      <c r="AC39733">
        <v>14</v>
      </c>
      <c r="AD39733">
        <v>14</v>
      </c>
      <c r="AE39733">
        <v>14</v>
      </c>
      <c r="AF39733">
        <v>15</v>
      </c>
      <c r="AG39733">
        <v>15</v>
      </c>
      <c r="AH39733">
        <v>15</v>
      </c>
      <c r="AI39733">
        <v>15</v>
      </c>
      <c r="AJ39733">
        <v>15</v>
      </c>
      <c r="AK39733">
        <v>15</v>
      </c>
      <c r="AL39733">
        <v>15</v>
      </c>
      <c r="AM39733">
        <v>15</v>
      </c>
      <c r="AN39733">
        <v>15</v>
      </c>
      <c r="AO39733">
        <v>15</v>
      </c>
      <c r="AP39733">
        <v>15</v>
      </c>
      <c r="AQ39733">
        <v>15</v>
      </c>
    </row>
    <row r="39734" spans="1:43">
      <c r="A39734" t="s">
        <v>24643</v>
      </c>
      <c r="B39734" t="s">
        <v>24644</v>
      </c>
      <c r="C39734" t="s">
        <v>24561</v>
      </c>
      <c r="D39734" t="s">
        <v>24562</v>
      </c>
      <c r="E39734" t="s">
        <v>24517</v>
      </c>
      <c r="F39734" t="s">
        <v>24518</v>
      </c>
      <c r="G39734" t="s">
        <v>11612</v>
      </c>
      <c r="H39734" t="s">
        <v>11613</v>
      </c>
      <c r="I39734" s="2">
        <v>0</v>
      </c>
      <c r="J39734" s="2">
        <v>0</v>
      </c>
      <c r="K39734" s="2">
        <v>1</v>
      </c>
      <c r="L39734" t="s">
        <v>995</v>
      </c>
      <c r="M39734" t="s">
        <v>83</v>
      </c>
      <c r="N39734" t="s">
        <v>84</v>
      </c>
      <c r="O39734" t="s">
        <v>85</v>
      </c>
      <c r="P39734" t="s">
        <v>86</v>
      </c>
      <c r="Q39734">
        <v>3</v>
      </c>
      <c r="R39734">
        <v>3</v>
      </c>
      <c r="S39734">
        <v>3</v>
      </c>
      <c r="T39734">
        <v>3</v>
      </c>
      <c r="U39734">
        <v>3</v>
      </c>
      <c r="V39734">
        <v>3</v>
      </c>
      <c r="W39734">
        <v>4</v>
      </c>
      <c r="X39734">
        <v>4</v>
      </c>
      <c r="Y39734">
        <v>4</v>
      </c>
      <c r="Z39734">
        <v>4</v>
      </c>
      <c r="AA39734">
        <v>4</v>
      </c>
      <c r="AB39734">
        <v>4</v>
      </c>
      <c r="AC39734">
        <v>4</v>
      </c>
      <c r="AD39734">
        <v>4</v>
      </c>
      <c r="AE39734">
        <v>4</v>
      </c>
      <c r="AF39734">
        <v>4</v>
      </c>
      <c r="AG39734">
        <v>4</v>
      </c>
      <c r="AH39734">
        <v>4</v>
      </c>
      <c r="AI39734">
        <v>4</v>
      </c>
      <c r="AJ39734">
        <v>4</v>
      </c>
      <c r="AK39734">
        <v>4</v>
      </c>
      <c r="AL39734">
        <v>4</v>
      </c>
      <c r="AM39734">
        <v>4</v>
      </c>
      <c r="AN39734">
        <v>4</v>
      </c>
      <c r="AO39734">
        <v>4</v>
      </c>
      <c r="AP39734">
        <v>4</v>
      </c>
      <c r="AQ39734">
        <v>4</v>
      </c>
    </row>
    <row r="39735" spans="1:43">
      <c r="A39735" t="s">
        <v>24643</v>
      </c>
      <c r="B39735" t="s">
        <v>24644</v>
      </c>
      <c r="C39735" t="s">
        <v>24561</v>
      </c>
      <c r="D39735" t="s">
        <v>24562</v>
      </c>
      <c r="E39735" t="s">
        <v>24517</v>
      </c>
      <c r="F39735" t="s">
        <v>24518</v>
      </c>
      <c r="G39735" t="s">
        <v>11612</v>
      </c>
      <c r="H39735" t="s">
        <v>11613</v>
      </c>
      <c r="I39735" s="2">
        <v>0</v>
      </c>
      <c r="J39735" s="2">
        <v>0</v>
      </c>
      <c r="K39735" s="2">
        <v>1</v>
      </c>
      <c r="L39735" t="s">
        <v>995</v>
      </c>
      <c r="M39735" t="s">
        <v>87</v>
      </c>
      <c r="N39735" t="s">
        <v>88</v>
      </c>
      <c r="O39735" t="s">
        <v>85</v>
      </c>
      <c r="P39735" t="s">
        <v>86</v>
      </c>
      <c r="Q39735">
        <v>3</v>
      </c>
      <c r="R39735">
        <v>3</v>
      </c>
      <c r="S39735">
        <v>3</v>
      </c>
      <c r="T39735">
        <v>3</v>
      </c>
      <c r="U39735">
        <v>3</v>
      </c>
      <c r="V39735">
        <v>3</v>
      </c>
      <c r="W39735">
        <v>3</v>
      </c>
      <c r="X39735">
        <v>3</v>
      </c>
      <c r="Y39735">
        <v>3</v>
      </c>
      <c r="Z39735">
        <v>3</v>
      </c>
      <c r="AA39735">
        <v>3</v>
      </c>
      <c r="AB39735">
        <v>3</v>
      </c>
      <c r="AC39735">
        <v>3</v>
      </c>
      <c r="AD39735">
        <v>3</v>
      </c>
      <c r="AE39735">
        <v>3</v>
      </c>
      <c r="AF39735">
        <v>3</v>
      </c>
      <c r="AG39735">
        <v>3</v>
      </c>
      <c r="AH39735">
        <v>3</v>
      </c>
      <c r="AI39735">
        <v>4</v>
      </c>
      <c r="AJ39735">
        <v>4</v>
      </c>
      <c r="AK39735">
        <v>4</v>
      </c>
      <c r="AL39735">
        <v>4</v>
      </c>
      <c r="AM39735">
        <v>4</v>
      </c>
      <c r="AN39735">
        <v>4</v>
      </c>
      <c r="AO39735">
        <v>4</v>
      </c>
      <c r="AP39735">
        <v>4</v>
      </c>
      <c r="AQ39735">
        <v>4</v>
      </c>
    </row>
    <row r="39736" spans="1:43">
      <c r="A39736" t="s">
        <v>24643</v>
      </c>
      <c r="B39736" t="s">
        <v>24644</v>
      </c>
      <c r="C39736" t="s">
        <v>24561</v>
      </c>
      <c r="D39736" t="s">
        <v>24562</v>
      </c>
      <c r="E39736" t="s">
        <v>24517</v>
      </c>
      <c r="F39736" t="s">
        <v>24518</v>
      </c>
      <c r="G39736" t="s">
        <v>11612</v>
      </c>
      <c r="H39736" t="s">
        <v>11613</v>
      </c>
      <c r="I39736" s="2">
        <v>0</v>
      </c>
      <c r="J39736" s="2">
        <v>0</v>
      </c>
      <c r="K39736" s="2">
        <v>1</v>
      </c>
      <c r="L39736" t="s">
        <v>995</v>
      </c>
      <c r="M39736" t="s">
        <v>89</v>
      </c>
      <c r="N39736" t="s">
        <v>90</v>
      </c>
      <c r="O39736" t="s">
        <v>85</v>
      </c>
      <c r="P39736" t="s">
        <v>86</v>
      </c>
      <c r="Q39736">
        <v>3</v>
      </c>
      <c r="R39736">
        <v>3</v>
      </c>
      <c r="S39736">
        <v>3</v>
      </c>
      <c r="T39736">
        <v>4</v>
      </c>
      <c r="U39736">
        <v>4</v>
      </c>
      <c r="V39736">
        <v>4</v>
      </c>
      <c r="W39736">
        <v>4</v>
      </c>
      <c r="X39736">
        <v>4</v>
      </c>
      <c r="Y39736">
        <v>4</v>
      </c>
      <c r="Z39736">
        <v>4</v>
      </c>
      <c r="AA39736">
        <v>4</v>
      </c>
      <c r="AB39736">
        <v>4</v>
      </c>
      <c r="AC39736">
        <v>4</v>
      </c>
      <c r="AD39736">
        <v>4</v>
      </c>
      <c r="AE39736">
        <v>4</v>
      </c>
      <c r="AF39736">
        <v>4</v>
      </c>
      <c r="AG39736">
        <v>4</v>
      </c>
      <c r="AH39736">
        <v>4</v>
      </c>
      <c r="AI39736">
        <v>4</v>
      </c>
      <c r="AJ39736">
        <v>4</v>
      </c>
      <c r="AK39736">
        <v>4</v>
      </c>
      <c r="AL39736">
        <v>4</v>
      </c>
      <c r="AM39736">
        <v>4</v>
      </c>
      <c r="AN39736">
        <v>4</v>
      </c>
      <c r="AO39736">
        <v>4</v>
      </c>
      <c r="AP39736">
        <v>4</v>
      </c>
      <c r="AQ39736">
        <v>4</v>
      </c>
    </row>
    <row r="39737" spans="1:43">
      <c r="A39737" t="s">
        <v>24643</v>
      </c>
      <c r="B39737" t="s">
        <v>24644</v>
      </c>
      <c r="C39737" t="s">
        <v>24561</v>
      </c>
      <c r="D39737" t="s">
        <v>24562</v>
      </c>
      <c r="E39737" t="s">
        <v>24517</v>
      </c>
      <c r="F39737" t="s">
        <v>24518</v>
      </c>
      <c r="G39737" t="s">
        <v>11612</v>
      </c>
      <c r="H39737" t="s">
        <v>11613</v>
      </c>
      <c r="I39737" s="2">
        <v>0</v>
      </c>
      <c r="J39737" s="2">
        <v>0</v>
      </c>
      <c r="K39737" s="2">
        <v>1</v>
      </c>
      <c r="L39737" t="s">
        <v>995</v>
      </c>
      <c r="M39737" t="s">
        <v>83</v>
      </c>
      <c r="N39737" t="s">
        <v>91</v>
      </c>
      <c r="O39737" t="s">
        <v>85</v>
      </c>
      <c r="P39737" t="s">
        <v>86</v>
      </c>
      <c r="Q39737">
        <v>3</v>
      </c>
      <c r="R39737">
        <v>3</v>
      </c>
      <c r="S39737">
        <v>3</v>
      </c>
      <c r="T39737">
        <v>3</v>
      </c>
      <c r="U39737">
        <v>3</v>
      </c>
      <c r="V39737">
        <v>3</v>
      </c>
      <c r="W39737">
        <v>4</v>
      </c>
      <c r="X39737">
        <v>4</v>
      </c>
      <c r="Y39737">
        <v>4</v>
      </c>
      <c r="Z39737">
        <v>4</v>
      </c>
      <c r="AA39737">
        <v>4</v>
      </c>
      <c r="AB39737">
        <v>4</v>
      </c>
      <c r="AC39737">
        <v>4</v>
      </c>
      <c r="AD39737">
        <v>4</v>
      </c>
      <c r="AE39737">
        <v>4</v>
      </c>
      <c r="AF39737">
        <v>4</v>
      </c>
      <c r="AG39737">
        <v>4</v>
      </c>
      <c r="AH39737">
        <v>4</v>
      </c>
      <c r="AI39737">
        <v>4</v>
      </c>
      <c r="AJ39737">
        <v>4</v>
      </c>
      <c r="AK39737">
        <v>4</v>
      </c>
      <c r="AL39737">
        <v>4</v>
      </c>
      <c r="AM39737">
        <v>4</v>
      </c>
      <c r="AN39737">
        <v>4</v>
      </c>
      <c r="AO39737">
        <v>4</v>
      </c>
      <c r="AP39737">
        <v>4</v>
      </c>
      <c r="AQ39737">
        <v>4</v>
      </c>
    </row>
    <row r="39738" spans="1:43">
      <c r="A39738" t="s">
        <v>24645</v>
      </c>
      <c r="B39738" t="s">
        <v>24646</v>
      </c>
      <c r="C39738" t="s">
        <v>24527</v>
      </c>
      <c r="D39738" t="s">
        <v>24528</v>
      </c>
      <c r="E39738" t="s">
        <v>24517</v>
      </c>
      <c r="F39738" t="s">
        <v>24518</v>
      </c>
      <c r="G39738" t="s">
        <v>11612</v>
      </c>
      <c r="H39738" t="s">
        <v>11613</v>
      </c>
      <c r="I39738" s="2">
        <v>0</v>
      </c>
      <c r="J39738" s="2">
        <v>0</v>
      </c>
      <c r="K39738" s="2">
        <v>1</v>
      </c>
      <c r="L39738" t="s">
        <v>995</v>
      </c>
      <c r="M39738" t="s">
        <v>83</v>
      </c>
      <c r="N39738" t="s">
        <v>84</v>
      </c>
      <c r="O39738" t="s">
        <v>85</v>
      </c>
      <c r="P39738" t="s">
        <v>86</v>
      </c>
      <c r="Q39738">
        <v>23</v>
      </c>
      <c r="R39738">
        <v>24</v>
      </c>
      <c r="S39738">
        <v>24</v>
      </c>
      <c r="T39738">
        <v>24</v>
      </c>
      <c r="U39738">
        <v>25</v>
      </c>
      <c r="V39738">
        <v>25</v>
      </c>
      <c r="W39738">
        <v>25</v>
      </c>
      <c r="X39738">
        <v>26</v>
      </c>
      <c r="Y39738">
        <v>26</v>
      </c>
      <c r="Z39738">
        <v>27</v>
      </c>
      <c r="AA39738">
        <v>27</v>
      </c>
      <c r="AB39738">
        <v>27</v>
      </c>
      <c r="AC39738">
        <v>28</v>
      </c>
      <c r="AD39738">
        <v>28</v>
      </c>
      <c r="AE39738">
        <v>28</v>
      </c>
      <c r="AF39738">
        <v>29</v>
      </c>
      <c r="AG39738">
        <v>29</v>
      </c>
      <c r="AH39738">
        <v>29</v>
      </c>
      <c r="AI39738">
        <v>30</v>
      </c>
      <c r="AJ39738">
        <v>30</v>
      </c>
      <c r="AK39738">
        <v>30</v>
      </c>
      <c r="AL39738">
        <v>31</v>
      </c>
      <c r="AM39738">
        <v>31</v>
      </c>
      <c r="AN39738">
        <v>31</v>
      </c>
      <c r="AO39738">
        <v>31</v>
      </c>
      <c r="AP39738">
        <v>31</v>
      </c>
      <c r="AQ39738">
        <v>31</v>
      </c>
    </row>
    <row r="39739" spans="1:43">
      <c r="A39739" t="s">
        <v>24645</v>
      </c>
      <c r="B39739" t="s">
        <v>24646</v>
      </c>
      <c r="C39739" t="s">
        <v>24527</v>
      </c>
      <c r="D39739" t="s">
        <v>24528</v>
      </c>
      <c r="E39739" t="s">
        <v>24517</v>
      </c>
      <c r="F39739" t="s">
        <v>24518</v>
      </c>
      <c r="G39739" t="s">
        <v>11612</v>
      </c>
      <c r="H39739" t="s">
        <v>11613</v>
      </c>
      <c r="I39739" s="2">
        <v>0</v>
      </c>
      <c r="J39739" s="2">
        <v>0</v>
      </c>
      <c r="K39739" s="2">
        <v>1</v>
      </c>
      <c r="L39739" t="s">
        <v>995</v>
      </c>
      <c r="M39739" t="s">
        <v>87</v>
      </c>
      <c r="N39739" t="s">
        <v>88</v>
      </c>
      <c r="O39739" t="s">
        <v>85</v>
      </c>
      <c r="P39739" t="s">
        <v>86</v>
      </c>
      <c r="Q39739">
        <v>23</v>
      </c>
      <c r="R39739">
        <v>23</v>
      </c>
      <c r="S39739">
        <v>23</v>
      </c>
      <c r="T39739">
        <v>23</v>
      </c>
      <c r="U39739">
        <v>24</v>
      </c>
      <c r="V39739">
        <v>24</v>
      </c>
      <c r="W39739">
        <v>24</v>
      </c>
      <c r="X39739">
        <v>24</v>
      </c>
      <c r="Y39739">
        <v>24</v>
      </c>
      <c r="Z39739">
        <v>24</v>
      </c>
      <c r="AA39739">
        <v>25</v>
      </c>
      <c r="AB39739">
        <v>25</v>
      </c>
      <c r="AC39739">
        <v>25</v>
      </c>
      <c r="AD39739">
        <v>25</v>
      </c>
      <c r="AE39739">
        <v>25</v>
      </c>
      <c r="AF39739">
        <v>25</v>
      </c>
      <c r="AG39739">
        <v>26</v>
      </c>
      <c r="AH39739">
        <v>26</v>
      </c>
      <c r="AI39739">
        <v>26</v>
      </c>
      <c r="AJ39739">
        <v>26</v>
      </c>
      <c r="AK39739">
        <v>26</v>
      </c>
      <c r="AL39739">
        <v>27</v>
      </c>
      <c r="AM39739">
        <v>27</v>
      </c>
      <c r="AN39739">
        <v>27</v>
      </c>
      <c r="AO39739">
        <v>27</v>
      </c>
      <c r="AP39739">
        <v>27</v>
      </c>
      <c r="AQ39739">
        <v>28</v>
      </c>
    </row>
    <row r="39740" spans="1:43">
      <c r="A39740" t="s">
        <v>24645</v>
      </c>
      <c r="B39740" t="s">
        <v>24646</v>
      </c>
      <c r="C39740" t="s">
        <v>24527</v>
      </c>
      <c r="D39740" t="s">
        <v>24528</v>
      </c>
      <c r="E39740" t="s">
        <v>24517</v>
      </c>
      <c r="F39740" t="s">
        <v>24518</v>
      </c>
      <c r="G39740" t="s">
        <v>11612</v>
      </c>
      <c r="H39740" t="s">
        <v>11613</v>
      </c>
      <c r="I39740" s="2">
        <v>0</v>
      </c>
      <c r="J39740" s="2">
        <v>0</v>
      </c>
      <c r="K39740" s="2">
        <v>1</v>
      </c>
      <c r="L39740" t="s">
        <v>995</v>
      </c>
      <c r="M39740" t="s">
        <v>89</v>
      </c>
      <c r="N39740" t="s">
        <v>90</v>
      </c>
      <c r="O39740" t="s">
        <v>85</v>
      </c>
      <c r="P39740" t="s">
        <v>86</v>
      </c>
      <c r="Q39740">
        <v>23</v>
      </c>
      <c r="R39740">
        <v>24</v>
      </c>
      <c r="S39740">
        <v>25</v>
      </c>
      <c r="T39740">
        <v>25</v>
      </c>
      <c r="U39740">
        <v>26</v>
      </c>
      <c r="V39740">
        <v>26</v>
      </c>
      <c r="W39740">
        <v>27</v>
      </c>
      <c r="X39740">
        <v>27</v>
      </c>
      <c r="Y39740">
        <v>28</v>
      </c>
      <c r="Z39740">
        <v>28</v>
      </c>
      <c r="AA39740">
        <v>29</v>
      </c>
      <c r="AB39740">
        <v>29</v>
      </c>
      <c r="AC39740">
        <v>29</v>
      </c>
      <c r="AD39740">
        <v>30</v>
      </c>
      <c r="AE39740">
        <v>30</v>
      </c>
      <c r="AF39740">
        <v>30</v>
      </c>
      <c r="AG39740">
        <v>30</v>
      </c>
      <c r="AH39740">
        <v>31</v>
      </c>
      <c r="AI39740">
        <v>31</v>
      </c>
      <c r="AJ39740">
        <v>31</v>
      </c>
      <c r="AK39740">
        <v>31</v>
      </c>
      <c r="AL39740">
        <v>31</v>
      </c>
      <c r="AM39740">
        <v>31</v>
      </c>
      <c r="AN39740">
        <v>31</v>
      </c>
      <c r="AO39740">
        <v>32</v>
      </c>
      <c r="AP39740">
        <v>32</v>
      </c>
      <c r="AQ39740">
        <v>32</v>
      </c>
    </row>
    <row r="39741" spans="1:43">
      <c r="A39741" t="s">
        <v>24645</v>
      </c>
      <c r="B39741" t="s">
        <v>24646</v>
      </c>
      <c r="C39741" t="s">
        <v>24527</v>
      </c>
      <c r="D39741" t="s">
        <v>24528</v>
      </c>
      <c r="E39741" t="s">
        <v>24517</v>
      </c>
      <c r="F39741" t="s">
        <v>24518</v>
      </c>
      <c r="G39741" t="s">
        <v>11612</v>
      </c>
      <c r="H39741" t="s">
        <v>11613</v>
      </c>
      <c r="I39741" s="2">
        <v>0</v>
      </c>
      <c r="J39741" s="2">
        <v>0</v>
      </c>
      <c r="K39741" s="2">
        <v>1</v>
      </c>
      <c r="L39741" t="s">
        <v>995</v>
      </c>
      <c r="M39741" t="s">
        <v>83</v>
      </c>
      <c r="N39741" t="s">
        <v>91</v>
      </c>
      <c r="O39741" t="s">
        <v>85</v>
      </c>
      <c r="P39741" t="s">
        <v>86</v>
      </c>
      <c r="Q39741">
        <v>23</v>
      </c>
      <c r="R39741">
        <v>24</v>
      </c>
      <c r="S39741">
        <v>24</v>
      </c>
      <c r="T39741">
        <v>24</v>
      </c>
      <c r="U39741">
        <v>25</v>
      </c>
      <c r="V39741">
        <v>25</v>
      </c>
      <c r="W39741">
        <v>25</v>
      </c>
      <c r="X39741">
        <v>26</v>
      </c>
      <c r="Y39741">
        <v>26</v>
      </c>
      <c r="Z39741">
        <v>27</v>
      </c>
      <c r="AA39741">
        <v>27</v>
      </c>
      <c r="AB39741">
        <v>27</v>
      </c>
      <c r="AC39741">
        <v>28</v>
      </c>
      <c r="AD39741">
        <v>28</v>
      </c>
      <c r="AE39741">
        <v>28</v>
      </c>
      <c r="AF39741">
        <v>29</v>
      </c>
      <c r="AG39741">
        <v>29</v>
      </c>
      <c r="AH39741">
        <v>29</v>
      </c>
      <c r="AI39741">
        <v>30</v>
      </c>
      <c r="AJ39741">
        <v>30</v>
      </c>
      <c r="AK39741">
        <v>30</v>
      </c>
      <c r="AL39741">
        <v>31</v>
      </c>
      <c r="AM39741">
        <v>31</v>
      </c>
      <c r="AN39741">
        <v>31</v>
      </c>
      <c r="AO39741">
        <v>31</v>
      </c>
      <c r="AP39741">
        <v>31</v>
      </c>
      <c r="AQ39741">
        <v>31</v>
      </c>
    </row>
    <row r="39742" spans="1:43">
      <c r="A39742" t="s">
        <v>24647</v>
      </c>
      <c r="B39742" t="s">
        <v>24648</v>
      </c>
      <c r="C39742" t="s">
        <v>24527</v>
      </c>
      <c r="D39742" t="s">
        <v>24528</v>
      </c>
      <c r="E39742" t="s">
        <v>24517</v>
      </c>
      <c r="F39742" t="s">
        <v>24518</v>
      </c>
      <c r="G39742" t="s">
        <v>11612</v>
      </c>
      <c r="H39742" t="s">
        <v>11613</v>
      </c>
      <c r="I39742" s="2">
        <v>0</v>
      </c>
      <c r="J39742" s="2">
        <v>0</v>
      </c>
      <c r="K39742" s="2">
        <v>1</v>
      </c>
      <c r="L39742" t="s">
        <v>995</v>
      </c>
      <c r="M39742" t="s">
        <v>83</v>
      </c>
      <c r="N39742" t="s">
        <v>84</v>
      </c>
      <c r="O39742" t="s">
        <v>85</v>
      </c>
      <c r="P39742" t="s">
        <v>86</v>
      </c>
      <c r="Q39742">
        <v>34</v>
      </c>
      <c r="R39742">
        <v>34</v>
      </c>
      <c r="S39742">
        <v>35</v>
      </c>
      <c r="T39742">
        <v>35</v>
      </c>
      <c r="U39742">
        <v>36</v>
      </c>
      <c r="V39742">
        <v>36</v>
      </c>
      <c r="W39742">
        <v>37</v>
      </c>
      <c r="X39742">
        <v>37</v>
      </c>
      <c r="Y39742">
        <v>38</v>
      </c>
      <c r="Z39742">
        <v>39</v>
      </c>
      <c r="AA39742">
        <v>39</v>
      </c>
      <c r="AB39742">
        <v>40</v>
      </c>
      <c r="AC39742">
        <v>40</v>
      </c>
      <c r="AD39742">
        <v>41</v>
      </c>
      <c r="AE39742">
        <v>41</v>
      </c>
      <c r="AF39742">
        <v>42</v>
      </c>
      <c r="AG39742">
        <v>42</v>
      </c>
      <c r="AH39742">
        <v>43</v>
      </c>
      <c r="AI39742">
        <v>43</v>
      </c>
      <c r="AJ39742">
        <v>44</v>
      </c>
      <c r="AK39742">
        <v>44</v>
      </c>
      <c r="AL39742">
        <v>44</v>
      </c>
      <c r="AM39742">
        <v>45</v>
      </c>
      <c r="AN39742">
        <v>45</v>
      </c>
      <c r="AO39742">
        <v>45</v>
      </c>
      <c r="AP39742">
        <v>45</v>
      </c>
      <c r="AQ39742">
        <v>46</v>
      </c>
    </row>
    <row r="39743" spans="1:43">
      <c r="A39743" t="s">
        <v>24647</v>
      </c>
      <c r="B39743" t="s">
        <v>24648</v>
      </c>
      <c r="C39743" t="s">
        <v>24527</v>
      </c>
      <c r="D39743" t="s">
        <v>24528</v>
      </c>
      <c r="E39743" t="s">
        <v>24517</v>
      </c>
      <c r="F39743" t="s">
        <v>24518</v>
      </c>
      <c r="G39743" t="s">
        <v>11612</v>
      </c>
      <c r="H39743" t="s">
        <v>11613</v>
      </c>
      <c r="I39743" s="2">
        <v>0</v>
      </c>
      <c r="J39743" s="2">
        <v>0</v>
      </c>
      <c r="K39743" s="2">
        <v>1</v>
      </c>
      <c r="L39743" t="s">
        <v>995</v>
      </c>
      <c r="M39743" t="s">
        <v>87</v>
      </c>
      <c r="N39743" t="s">
        <v>88</v>
      </c>
      <c r="O39743" t="s">
        <v>85</v>
      </c>
      <c r="P39743" t="s">
        <v>86</v>
      </c>
      <c r="Q39743">
        <v>34</v>
      </c>
      <c r="R39743">
        <v>34</v>
      </c>
      <c r="S39743">
        <v>35</v>
      </c>
      <c r="T39743">
        <v>35</v>
      </c>
      <c r="U39743">
        <v>35</v>
      </c>
      <c r="V39743">
        <v>35</v>
      </c>
      <c r="W39743">
        <v>36</v>
      </c>
      <c r="X39743">
        <v>36</v>
      </c>
      <c r="Y39743">
        <v>36</v>
      </c>
      <c r="Z39743">
        <v>36</v>
      </c>
      <c r="AA39743">
        <v>37</v>
      </c>
      <c r="AB39743">
        <v>37</v>
      </c>
      <c r="AC39743">
        <v>37</v>
      </c>
      <c r="AD39743">
        <v>37</v>
      </c>
      <c r="AE39743">
        <v>38</v>
      </c>
      <c r="AF39743">
        <v>38</v>
      </c>
      <c r="AG39743">
        <v>38</v>
      </c>
      <c r="AH39743">
        <v>38</v>
      </c>
      <c r="AI39743">
        <v>39</v>
      </c>
      <c r="AJ39743">
        <v>39</v>
      </c>
      <c r="AK39743">
        <v>39</v>
      </c>
      <c r="AL39743">
        <v>40</v>
      </c>
      <c r="AM39743">
        <v>40</v>
      </c>
      <c r="AN39743">
        <v>40</v>
      </c>
      <c r="AO39743">
        <v>40</v>
      </c>
      <c r="AP39743">
        <v>41</v>
      </c>
      <c r="AQ39743">
        <v>41</v>
      </c>
    </row>
    <row r="39744" spans="1:43">
      <c r="A39744" t="s">
        <v>24647</v>
      </c>
      <c r="B39744" t="s">
        <v>24648</v>
      </c>
      <c r="C39744" t="s">
        <v>24527</v>
      </c>
      <c r="D39744" t="s">
        <v>24528</v>
      </c>
      <c r="E39744" t="s">
        <v>24517</v>
      </c>
      <c r="F39744" t="s">
        <v>24518</v>
      </c>
      <c r="G39744" t="s">
        <v>11612</v>
      </c>
      <c r="H39744" t="s">
        <v>11613</v>
      </c>
      <c r="I39744" s="2">
        <v>0</v>
      </c>
      <c r="J39744" s="2">
        <v>0</v>
      </c>
      <c r="K39744" s="2">
        <v>1</v>
      </c>
      <c r="L39744" t="s">
        <v>995</v>
      </c>
      <c r="M39744" t="s">
        <v>89</v>
      </c>
      <c r="N39744" t="s">
        <v>90</v>
      </c>
      <c r="O39744" t="s">
        <v>85</v>
      </c>
      <c r="P39744" t="s">
        <v>86</v>
      </c>
      <c r="Q39744">
        <v>34</v>
      </c>
      <c r="R39744">
        <v>35</v>
      </c>
      <c r="S39744">
        <v>36</v>
      </c>
      <c r="T39744">
        <v>36</v>
      </c>
      <c r="U39744">
        <v>37</v>
      </c>
      <c r="V39744">
        <v>38</v>
      </c>
      <c r="W39744">
        <v>39</v>
      </c>
      <c r="X39744">
        <v>39</v>
      </c>
      <c r="Y39744">
        <v>40</v>
      </c>
      <c r="Z39744">
        <v>41</v>
      </c>
      <c r="AA39744">
        <v>41</v>
      </c>
      <c r="AB39744">
        <v>42</v>
      </c>
      <c r="AC39744">
        <v>43</v>
      </c>
      <c r="AD39744">
        <v>43</v>
      </c>
      <c r="AE39744">
        <v>44</v>
      </c>
      <c r="AF39744">
        <v>44</v>
      </c>
      <c r="AG39744">
        <v>44</v>
      </c>
      <c r="AH39744">
        <v>44</v>
      </c>
      <c r="AI39744">
        <v>44</v>
      </c>
      <c r="AJ39744">
        <v>45</v>
      </c>
      <c r="AK39744">
        <v>45</v>
      </c>
      <c r="AL39744">
        <v>45</v>
      </c>
      <c r="AM39744">
        <v>45</v>
      </c>
      <c r="AN39744">
        <v>46</v>
      </c>
      <c r="AO39744">
        <v>46</v>
      </c>
      <c r="AP39744">
        <v>46</v>
      </c>
      <c r="AQ39744">
        <v>46</v>
      </c>
    </row>
    <row r="39745" spans="1:43">
      <c r="A39745" t="s">
        <v>24647</v>
      </c>
      <c r="B39745" t="s">
        <v>24648</v>
      </c>
      <c r="C39745" t="s">
        <v>24527</v>
      </c>
      <c r="D39745" t="s">
        <v>24528</v>
      </c>
      <c r="E39745" t="s">
        <v>24517</v>
      </c>
      <c r="F39745" t="s">
        <v>24518</v>
      </c>
      <c r="G39745" t="s">
        <v>11612</v>
      </c>
      <c r="H39745" t="s">
        <v>11613</v>
      </c>
      <c r="I39745" s="2">
        <v>0</v>
      </c>
      <c r="J39745" s="2">
        <v>0</v>
      </c>
      <c r="K39745" s="2">
        <v>1</v>
      </c>
      <c r="L39745" t="s">
        <v>995</v>
      </c>
      <c r="M39745" t="s">
        <v>83</v>
      </c>
      <c r="N39745" t="s">
        <v>91</v>
      </c>
      <c r="O39745" t="s">
        <v>85</v>
      </c>
      <c r="P39745" t="s">
        <v>86</v>
      </c>
      <c r="Q39745">
        <v>34</v>
      </c>
      <c r="R39745">
        <v>34</v>
      </c>
      <c r="S39745">
        <v>35</v>
      </c>
      <c r="T39745">
        <v>35</v>
      </c>
      <c r="U39745">
        <v>36</v>
      </c>
      <c r="V39745">
        <v>36</v>
      </c>
      <c r="W39745">
        <v>37</v>
      </c>
      <c r="X39745">
        <v>37</v>
      </c>
      <c r="Y39745">
        <v>38</v>
      </c>
      <c r="Z39745">
        <v>39</v>
      </c>
      <c r="AA39745">
        <v>39</v>
      </c>
      <c r="AB39745">
        <v>40</v>
      </c>
      <c r="AC39745">
        <v>40</v>
      </c>
      <c r="AD39745">
        <v>41</v>
      </c>
      <c r="AE39745">
        <v>41</v>
      </c>
      <c r="AF39745">
        <v>42</v>
      </c>
      <c r="AG39745">
        <v>42</v>
      </c>
      <c r="AH39745">
        <v>43</v>
      </c>
      <c r="AI39745">
        <v>43</v>
      </c>
      <c r="AJ39745">
        <v>44</v>
      </c>
      <c r="AK39745">
        <v>44</v>
      </c>
      <c r="AL39745">
        <v>44</v>
      </c>
      <c r="AM39745">
        <v>45</v>
      </c>
      <c r="AN39745">
        <v>45</v>
      </c>
      <c r="AO39745">
        <v>45</v>
      </c>
      <c r="AP39745">
        <v>45</v>
      </c>
      <c r="AQ39745">
        <v>46</v>
      </c>
    </row>
    <row r="39746" spans="1:43">
      <c r="A39746" t="s">
        <v>24649</v>
      </c>
      <c r="B39746" t="s">
        <v>24650</v>
      </c>
      <c r="C39746" t="s">
        <v>24527</v>
      </c>
      <c r="D39746" t="s">
        <v>24528</v>
      </c>
      <c r="E39746" t="s">
        <v>24517</v>
      </c>
      <c r="F39746" t="s">
        <v>24518</v>
      </c>
      <c r="G39746" t="s">
        <v>11612</v>
      </c>
      <c r="H39746" t="s">
        <v>11613</v>
      </c>
      <c r="I39746" s="2">
        <v>0</v>
      </c>
      <c r="J39746" s="2">
        <v>0</v>
      </c>
      <c r="K39746" s="2">
        <v>1</v>
      </c>
      <c r="L39746" t="s">
        <v>995</v>
      </c>
      <c r="M39746" t="s">
        <v>83</v>
      </c>
      <c r="N39746" t="s">
        <v>84</v>
      </c>
      <c r="O39746" t="s">
        <v>85</v>
      </c>
      <c r="P39746" t="s">
        <v>86</v>
      </c>
      <c r="Q39746">
        <v>28</v>
      </c>
      <c r="R39746">
        <v>29</v>
      </c>
      <c r="S39746">
        <v>29</v>
      </c>
      <c r="T39746">
        <v>30</v>
      </c>
      <c r="U39746">
        <v>30</v>
      </c>
      <c r="V39746">
        <v>31</v>
      </c>
      <c r="W39746">
        <v>31</v>
      </c>
      <c r="X39746">
        <v>32</v>
      </c>
      <c r="Y39746">
        <v>32</v>
      </c>
      <c r="Z39746">
        <v>33</v>
      </c>
      <c r="AA39746">
        <v>33</v>
      </c>
      <c r="AB39746">
        <v>34</v>
      </c>
      <c r="AC39746">
        <v>34</v>
      </c>
      <c r="AD39746">
        <v>34</v>
      </c>
      <c r="AE39746">
        <v>35</v>
      </c>
      <c r="AF39746">
        <v>35</v>
      </c>
      <c r="AG39746">
        <v>36</v>
      </c>
      <c r="AH39746">
        <v>36</v>
      </c>
      <c r="AI39746">
        <v>37</v>
      </c>
      <c r="AJ39746">
        <v>37</v>
      </c>
      <c r="AK39746">
        <v>37</v>
      </c>
      <c r="AL39746">
        <v>38</v>
      </c>
      <c r="AM39746">
        <v>38</v>
      </c>
      <c r="AN39746">
        <v>38</v>
      </c>
      <c r="AO39746">
        <v>38</v>
      </c>
      <c r="AP39746">
        <v>38</v>
      </c>
      <c r="AQ39746">
        <v>39</v>
      </c>
    </row>
    <row r="39747" spans="1:43">
      <c r="A39747" t="s">
        <v>24649</v>
      </c>
      <c r="B39747" t="s">
        <v>24650</v>
      </c>
      <c r="C39747" t="s">
        <v>24527</v>
      </c>
      <c r="D39747" t="s">
        <v>24528</v>
      </c>
      <c r="E39747" t="s">
        <v>24517</v>
      </c>
      <c r="F39747" t="s">
        <v>24518</v>
      </c>
      <c r="G39747" t="s">
        <v>11612</v>
      </c>
      <c r="H39747" t="s">
        <v>11613</v>
      </c>
      <c r="I39747" s="2">
        <v>0</v>
      </c>
      <c r="J39747" s="2">
        <v>0</v>
      </c>
      <c r="K39747" s="2">
        <v>1</v>
      </c>
      <c r="L39747" t="s">
        <v>995</v>
      </c>
      <c r="M39747" t="s">
        <v>87</v>
      </c>
      <c r="N39747" t="s">
        <v>88</v>
      </c>
      <c r="O39747" t="s">
        <v>85</v>
      </c>
      <c r="P39747" t="s">
        <v>86</v>
      </c>
      <c r="Q39747">
        <v>28</v>
      </c>
      <c r="R39747">
        <v>28</v>
      </c>
      <c r="S39747">
        <v>29</v>
      </c>
      <c r="T39747">
        <v>29</v>
      </c>
      <c r="U39747">
        <v>29</v>
      </c>
      <c r="V39747">
        <v>29</v>
      </c>
      <c r="W39747">
        <v>29</v>
      </c>
      <c r="X39747">
        <v>30</v>
      </c>
      <c r="Y39747">
        <v>30</v>
      </c>
      <c r="Z39747">
        <v>30</v>
      </c>
      <c r="AA39747">
        <v>30</v>
      </c>
      <c r="AB39747">
        <v>30</v>
      </c>
      <c r="AC39747">
        <v>31</v>
      </c>
      <c r="AD39747">
        <v>31</v>
      </c>
      <c r="AE39747">
        <v>31</v>
      </c>
      <c r="AF39747">
        <v>31</v>
      </c>
      <c r="AG39747">
        <v>31</v>
      </c>
      <c r="AH39747">
        <v>32</v>
      </c>
      <c r="AI39747">
        <v>32</v>
      </c>
      <c r="AJ39747">
        <v>32</v>
      </c>
      <c r="AK39747">
        <v>32</v>
      </c>
      <c r="AL39747">
        <v>33</v>
      </c>
      <c r="AM39747">
        <v>33</v>
      </c>
      <c r="AN39747">
        <v>33</v>
      </c>
      <c r="AO39747">
        <v>33</v>
      </c>
      <c r="AP39747">
        <v>34</v>
      </c>
      <c r="AQ39747">
        <v>34</v>
      </c>
    </row>
    <row r="39748" spans="1:43">
      <c r="A39748" t="s">
        <v>24649</v>
      </c>
      <c r="B39748" t="s">
        <v>24650</v>
      </c>
      <c r="C39748" t="s">
        <v>24527</v>
      </c>
      <c r="D39748" t="s">
        <v>24528</v>
      </c>
      <c r="E39748" t="s">
        <v>24517</v>
      </c>
      <c r="F39748" t="s">
        <v>24518</v>
      </c>
      <c r="G39748" t="s">
        <v>11612</v>
      </c>
      <c r="H39748" t="s">
        <v>11613</v>
      </c>
      <c r="I39748" s="2">
        <v>0</v>
      </c>
      <c r="J39748" s="2">
        <v>0</v>
      </c>
      <c r="K39748" s="2">
        <v>1</v>
      </c>
      <c r="L39748" t="s">
        <v>995</v>
      </c>
      <c r="M39748" t="s">
        <v>89</v>
      </c>
      <c r="N39748" t="s">
        <v>90</v>
      </c>
      <c r="O39748" t="s">
        <v>85</v>
      </c>
      <c r="P39748" t="s">
        <v>86</v>
      </c>
      <c r="Q39748">
        <v>28</v>
      </c>
      <c r="R39748">
        <v>28</v>
      </c>
      <c r="S39748">
        <v>29</v>
      </c>
      <c r="T39748">
        <v>30</v>
      </c>
      <c r="U39748">
        <v>30</v>
      </c>
      <c r="V39748">
        <v>31</v>
      </c>
      <c r="W39748">
        <v>32</v>
      </c>
      <c r="X39748">
        <v>32</v>
      </c>
      <c r="Y39748">
        <v>33</v>
      </c>
      <c r="Z39748">
        <v>34</v>
      </c>
      <c r="AA39748">
        <v>34</v>
      </c>
      <c r="AB39748">
        <v>35</v>
      </c>
      <c r="AC39748">
        <v>35</v>
      </c>
      <c r="AD39748">
        <v>36</v>
      </c>
      <c r="AE39748">
        <v>36</v>
      </c>
      <c r="AF39748">
        <v>36</v>
      </c>
      <c r="AG39748">
        <v>36</v>
      </c>
      <c r="AH39748">
        <v>37</v>
      </c>
      <c r="AI39748">
        <v>37</v>
      </c>
      <c r="AJ39748">
        <v>37</v>
      </c>
      <c r="AK39748">
        <v>37</v>
      </c>
      <c r="AL39748">
        <v>37</v>
      </c>
      <c r="AM39748">
        <v>37</v>
      </c>
      <c r="AN39748">
        <v>38</v>
      </c>
      <c r="AO39748">
        <v>38</v>
      </c>
      <c r="AP39748">
        <v>38</v>
      </c>
      <c r="AQ39748">
        <v>38</v>
      </c>
    </row>
    <row r="39749" spans="1:43">
      <c r="A39749" t="s">
        <v>24649</v>
      </c>
      <c r="B39749" t="s">
        <v>24650</v>
      </c>
      <c r="C39749" t="s">
        <v>24527</v>
      </c>
      <c r="D39749" t="s">
        <v>24528</v>
      </c>
      <c r="E39749" t="s">
        <v>24517</v>
      </c>
      <c r="F39749" t="s">
        <v>24518</v>
      </c>
      <c r="G39749" t="s">
        <v>11612</v>
      </c>
      <c r="H39749" t="s">
        <v>11613</v>
      </c>
      <c r="I39749" s="2">
        <v>0</v>
      </c>
      <c r="J39749" s="2">
        <v>0</v>
      </c>
      <c r="K39749" s="2">
        <v>1</v>
      </c>
      <c r="L39749" t="s">
        <v>995</v>
      </c>
      <c r="M39749" t="s">
        <v>83</v>
      </c>
      <c r="N39749" t="s">
        <v>91</v>
      </c>
      <c r="O39749" t="s">
        <v>85</v>
      </c>
      <c r="P39749" t="s">
        <v>86</v>
      </c>
      <c r="Q39749">
        <v>28</v>
      </c>
      <c r="R39749">
        <v>29</v>
      </c>
      <c r="S39749">
        <v>29</v>
      </c>
      <c r="T39749">
        <v>30</v>
      </c>
      <c r="U39749">
        <v>30</v>
      </c>
      <c r="V39749">
        <v>31</v>
      </c>
      <c r="W39749">
        <v>31</v>
      </c>
      <c r="X39749">
        <v>32</v>
      </c>
      <c r="Y39749">
        <v>32</v>
      </c>
      <c r="Z39749">
        <v>33</v>
      </c>
      <c r="AA39749">
        <v>33</v>
      </c>
      <c r="AB39749">
        <v>34</v>
      </c>
      <c r="AC39749">
        <v>34</v>
      </c>
      <c r="AD39749">
        <v>34</v>
      </c>
      <c r="AE39749">
        <v>35</v>
      </c>
      <c r="AF39749">
        <v>35</v>
      </c>
      <c r="AG39749">
        <v>36</v>
      </c>
      <c r="AH39749">
        <v>36</v>
      </c>
      <c r="AI39749">
        <v>37</v>
      </c>
      <c r="AJ39749">
        <v>37</v>
      </c>
      <c r="AK39749">
        <v>37</v>
      </c>
      <c r="AL39749">
        <v>38</v>
      </c>
      <c r="AM39749">
        <v>38</v>
      </c>
      <c r="AN39749">
        <v>38</v>
      </c>
      <c r="AO39749">
        <v>38</v>
      </c>
      <c r="AP39749">
        <v>38</v>
      </c>
      <c r="AQ39749">
        <v>39</v>
      </c>
    </row>
    <row r="39750" spans="1:43">
      <c r="A39750" t="s">
        <v>24651</v>
      </c>
      <c r="B39750" t="s">
        <v>24652</v>
      </c>
      <c r="C39750" t="s">
        <v>24527</v>
      </c>
      <c r="D39750" t="s">
        <v>24528</v>
      </c>
      <c r="E39750" t="s">
        <v>24517</v>
      </c>
      <c r="F39750" t="s">
        <v>24518</v>
      </c>
      <c r="G39750" t="s">
        <v>11612</v>
      </c>
      <c r="H39750" t="s">
        <v>11613</v>
      </c>
      <c r="I39750" s="2">
        <v>0</v>
      </c>
      <c r="J39750" s="2">
        <v>0</v>
      </c>
      <c r="K39750" s="2">
        <v>1</v>
      </c>
      <c r="L39750" t="s">
        <v>995</v>
      </c>
      <c r="M39750" t="s">
        <v>83</v>
      </c>
      <c r="N39750" t="s">
        <v>84</v>
      </c>
      <c r="O39750" t="s">
        <v>85</v>
      </c>
      <c r="P39750" t="s">
        <v>86</v>
      </c>
      <c r="Q39750">
        <v>12</v>
      </c>
      <c r="R39750">
        <v>12</v>
      </c>
      <c r="S39750">
        <v>12</v>
      </c>
      <c r="T39750">
        <v>12</v>
      </c>
      <c r="U39750">
        <v>13</v>
      </c>
      <c r="V39750">
        <v>13</v>
      </c>
      <c r="W39750">
        <v>13</v>
      </c>
      <c r="X39750">
        <v>13</v>
      </c>
      <c r="Y39750">
        <v>13</v>
      </c>
      <c r="Z39750">
        <v>14</v>
      </c>
      <c r="AA39750">
        <v>14</v>
      </c>
      <c r="AB39750">
        <v>14</v>
      </c>
      <c r="AC39750">
        <v>14</v>
      </c>
      <c r="AD39750">
        <v>14</v>
      </c>
      <c r="AE39750">
        <v>14</v>
      </c>
      <c r="AF39750">
        <v>15</v>
      </c>
      <c r="AG39750">
        <v>15</v>
      </c>
      <c r="AH39750">
        <v>15</v>
      </c>
      <c r="AI39750">
        <v>15</v>
      </c>
      <c r="AJ39750">
        <v>15</v>
      </c>
      <c r="AK39750">
        <v>16</v>
      </c>
      <c r="AL39750">
        <v>16</v>
      </c>
      <c r="AM39750">
        <v>16</v>
      </c>
      <c r="AN39750">
        <v>16</v>
      </c>
      <c r="AO39750">
        <v>16</v>
      </c>
      <c r="AP39750">
        <v>16</v>
      </c>
      <c r="AQ39750">
        <v>16</v>
      </c>
    </row>
    <row r="39751" spans="1:43">
      <c r="A39751" t="s">
        <v>24651</v>
      </c>
      <c r="B39751" t="s">
        <v>24652</v>
      </c>
      <c r="C39751" t="s">
        <v>24527</v>
      </c>
      <c r="D39751" t="s">
        <v>24528</v>
      </c>
      <c r="E39751" t="s">
        <v>24517</v>
      </c>
      <c r="F39751" t="s">
        <v>24518</v>
      </c>
      <c r="G39751" t="s">
        <v>11612</v>
      </c>
      <c r="H39751" t="s">
        <v>11613</v>
      </c>
      <c r="I39751" s="2">
        <v>0</v>
      </c>
      <c r="J39751" s="2">
        <v>0</v>
      </c>
      <c r="K39751" s="2">
        <v>1</v>
      </c>
      <c r="L39751" t="s">
        <v>995</v>
      </c>
      <c r="M39751" t="s">
        <v>87</v>
      </c>
      <c r="N39751" t="s">
        <v>88</v>
      </c>
      <c r="O39751" t="s">
        <v>85</v>
      </c>
      <c r="P39751" t="s">
        <v>86</v>
      </c>
      <c r="Q39751">
        <v>12</v>
      </c>
      <c r="R39751">
        <v>12</v>
      </c>
      <c r="S39751">
        <v>12</v>
      </c>
      <c r="T39751">
        <v>12</v>
      </c>
      <c r="U39751">
        <v>12</v>
      </c>
      <c r="V39751">
        <v>12</v>
      </c>
      <c r="W39751">
        <v>12</v>
      </c>
      <c r="X39751">
        <v>12</v>
      </c>
      <c r="Y39751">
        <v>12</v>
      </c>
      <c r="Z39751">
        <v>12</v>
      </c>
      <c r="AA39751">
        <v>13</v>
      </c>
      <c r="AB39751">
        <v>13</v>
      </c>
      <c r="AC39751">
        <v>13</v>
      </c>
      <c r="AD39751">
        <v>13</v>
      </c>
      <c r="AE39751">
        <v>13</v>
      </c>
      <c r="AF39751">
        <v>13</v>
      </c>
      <c r="AG39751">
        <v>13</v>
      </c>
      <c r="AH39751">
        <v>13</v>
      </c>
      <c r="AI39751">
        <v>13</v>
      </c>
      <c r="AJ39751">
        <v>13</v>
      </c>
      <c r="AK39751">
        <v>13</v>
      </c>
      <c r="AL39751">
        <v>14</v>
      </c>
      <c r="AM39751">
        <v>14</v>
      </c>
      <c r="AN39751">
        <v>14</v>
      </c>
      <c r="AO39751">
        <v>14</v>
      </c>
      <c r="AP39751">
        <v>14</v>
      </c>
      <c r="AQ39751">
        <v>14</v>
      </c>
    </row>
    <row r="39752" spans="1:43">
      <c r="A39752" t="s">
        <v>24651</v>
      </c>
      <c r="B39752" t="s">
        <v>24652</v>
      </c>
      <c r="C39752" t="s">
        <v>24527</v>
      </c>
      <c r="D39752" t="s">
        <v>24528</v>
      </c>
      <c r="E39752" t="s">
        <v>24517</v>
      </c>
      <c r="F39752" t="s">
        <v>24518</v>
      </c>
      <c r="G39752" t="s">
        <v>11612</v>
      </c>
      <c r="H39752" t="s">
        <v>11613</v>
      </c>
      <c r="I39752" s="2">
        <v>0</v>
      </c>
      <c r="J39752" s="2">
        <v>0</v>
      </c>
      <c r="K39752" s="2">
        <v>1</v>
      </c>
      <c r="L39752" t="s">
        <v>995</v>
      </c>
      <c r="M39752" t="s">
        <v>89</v>
      </c>
      <c r="N39752" t="s">
        <v>90</v>
      </c>
      <c r="O39752" t="s">
        <v>85</v>
      </c>
      <c r="P39752" t="s">
        <v>86</v>
      </c>
      <c r="Q39752">
        <v>12</v>
      </c>
      <c r="R39752">
        <v>12</v>
      </c>
      <c r="S39752">
        <v>13</v>
      </c>
      <c r="T39752">
        <v>13</v>
      </c>
      <c r="U39752">
        <v>13</v>
      </c>
      <c r="V39752">
        <v>13</v>
      </c>
      <c r="W39752">
        <v>14</v>
      </c>
      <c r="X39752">
        <v>14</v>
      </c>
      <c r="Y39752">
        <v>14</v>
      </c>
      <c r="Z39752">
        <v>14</v>
      </c>
      <c r="AA39752">
        <v>15</v>
      </c>
      <c r="AB39752">
        <v>15</v>
      </c>
      <c r="AC39752">
        <v>15</v>
      </c>
      <c r="AD39752">
        <v>15</v>
      </c>
      <c r="AE39752">
        <v>15</v>
      </c>
      <c r="AF39752">
        <v>15</v>
      </c>
      <c r="AG39752">
        <v>16</v>
      </c>
      <c r="AH39752">
        <v>16</v>
      </c>
      <c r="AI39752">
        <v>16</v>
      </c>
      <c r="AJ39752">
        <v>16</v>
      </c>
      <c r="AK39752">
        <v>16</v>
      </c>
      <c r="AL39752">
        <v>16</v>
      </c>
      <c r="AM39752">
        <v>16</v>
      </c>
      <c r="AN39752">
        <v>16</v>
      </c>
      <c r="AO39752">
        <v>16</v>
      </c>
      <c r="AP39752">
        <v>16</v>
      </c>
      <c r="AQ39752">
        <v>16</v>
      </c>
    </row>
    <row r="39753" spans="1:43">
      <c r="A39753" t="s">
        <v>24651</v>
      </c>
      <c r="B39753" t="s">
        <v>24652</v>
      </c>
      <c r="C39753" t="s">
        <v>24527</v>
      </c>
      <c r="D39753" t="s">
        <v>24528</v>
      </c>
      <c r="E39753" t="s">
        <v>24517</v>
      </c>
      <c r="F39753" t="s">
        <v>24518</v>
      </c>
      <c r="G39753" t="s">
        <v>11612</v>
      </c>
      <c r="H39753" t="s">
        <v>11613</v>
      </c>
      <c r="I39753" s="2">
        <v>0</v>
      </c>
      <c r="J39753" s="2">
        <v>0</v>
      </c>
      <c r="K39753" s="2">
        <v>1</v>
      </c>
      <c r="L39753" t="s">
        <v>995</v>
      </c>
      <c r="M39753" t="s">
        <v>83</v>
      </c>
      <c r="N39753" t="s">
        <v>91</v>
      </c>
      <c r="O39753" t="s">
        <v>85</v>
      </c>
      <c r="P39753" t="s">
        <v>86</v>
      </c>
      <c r="Q39753">
        <v>12</v>
      </c>
      <c r="R39753">
        <v>12</v>
      </c>
      <c r="S39753">
        <v>12</v>
      </c>
      <c r="T39753">
        <v>12</v>
      </c>
      <c r="U39753">
        <v>13</v>
      </c>
      <c r="V39753">
        <v>13</v>
      </c>
      <c r="W39753">
        <v>13</v>
      </c>
      <c r="X39753">
        <v>13</v>
      </c>
      <c r="Y39753">
        <v>13</v>
      </c>
      <c r="Z39753">
        <v>14</v>
      </c>
      <c r="AA39753">
        <v>14</v>
      </c>
      <c r="AB39753">
        <v>14</v>
      </c>
      <c r="AC39753">
        <v>14</v>
      </c>
      <c r="AD39753">
        <v>14</v>
      </c>
      <c r="AE39753">
        <v>14</v>
      </c>
      <c r="AF39753">
        <v>15</v>
      </c>
      <c r="AG39753">
        <v>15</v>
      </c>
      <c r="AH39753">
        <v>15</v>
      </c>
      <c r="AI39753">
        <v>15</v>
      </c>
      <c r="AJ39753">
        <v>15</v>
      </c>
      <c r="AK39753">
        <v>16</v>
      </c>
      <c r="AL39753">
        <v>16</v>
      </c>
      <c r="AM39753">
        <v>16</v>
      </c>
      <c r="AN39753">
        <v>16</v>
      </c>
      <c r="AO39753">
        <v>16</v>
      </c>
      <c r="AP39753">
        <v>16</v>
      </c>
      <c r="AQ39753">
        <v>16</v>
      </c>
    </row>
    <row r="39754" spans="1:43">
      <c r="A39754" t="s">
        <v>24653</v>
      </c>
      <c r="B39754" t="s">
        <v>24654</v>
      </c>
      <c r="C39754" t="s">
        <v>24547</v>
      </c>
      <c r="D39754" t="s">
        <v>24548</v>
      </c>
      <c r="E39754" t="s">
        <v>24517</v>
      </c>
      <c r="F39754" t="s">
        <v>24518</v>
      </c>
      <c r="G39754" t="s">
        <v>11612</v>
      </c>
      <c r="H39754" t="s">
        <v>11613</v>
      </c>
      <c r="I39754" s="2">
        <v>0</v>
      </c>
      <c r="J39754" s="2">
        <v>0</v>
      </c>
      <c r="K39754" s="2">
        <v>1</v>
      </c>
      <c r="L39754" t="s">
        <v>995</v>
      </c>
      <c r="M39754" t="s">
        <v>83</v>
      </c>
      <c r="N39754" t="s">
        <v>84</v>
      </c>
      <c r="O39754" t="s">
        <v>85</v>
      </c>
      <c r="P39754" t="s">
        <v>86</v>
      </c>
      <c r="Q39754">
        <v>56</v>
      </c>
      <c r="R39754">
        <v>57</v>
      </c>
      <c r="S39754">
        <v>58</v>
      </c>
      <c r="T39754">
        <v>59</v>
      </c>
      <c r="U39754">
        <v>60</v>
      </c>
      <c r="V39754">
        <v>61</v>
      </c>
      <c r="W39754">
        <v>62</v>
      </c>
      <c r="X39754">
        <v>63</v>
      </c>
      <c r="Y39754">
        <v>63</v>
      </c>
      <c r="Z39754">
        <v>64</v>
      </c>
      <c r="AA39754">
        <v>65</v>
      </c>
      <c r="AB39754">
        <v>66</v>
      </c>
      <c r="AC39754">
        <v>67</v>
      </c>
      <c r="AD39754">
        <v>68</v>
      </c>
      <c r="AE39754">
        <v>69</v>
      </c>
      <c r="AF39754">
        <v>70</v>
      </c>
      <c r="AG39754">
        <v>70</v>
      </c>
      <c r="AH39754">
        <v>71</v>
      </c>
      <c r="AI39754">
        <v>72</v>
      </c>
      <c r="AJ39754">
        <v>73</v>
      </c>
      <c r="AK39754">
        <v>74</v>
      </c>
      <c r="AL39754">
        <v>74</v>
      </c>
      <c r="AM39754">
        <v>75</v>
      </c>
      <c r="AN39754">
        <v>75</v>
      </c>
      <c r="AO39754">
        <v>75</v>
      </c>
      <c r="AP39754">
        <v>76</v>
      </c>
      <c r="AQ39754">
        <v>76</v>
      </c>
    </row>
    <row r="39755" spans="1:43">
      <c r="A39755" t="s">
        <v>24653</v>
      </c>
      <c r="B39755" t="s">
        <v>24654</v>
      </c>
      <c r="C39755" t="s">
        <v>24547</v>
      </c>
      <c r="D39755" t="s">
        <v>24548</v>
      </c>
      <c r="E39755" t="s">
        <v>24517</v>
      </c>
      <c r="F39755" t="s">
        <v>24518</v>
      </c>
      <c r="G39755" t="s">
        <v>11612</v>
      </c>
      <c r="H39755" t="s">
        <v>11613</v>
      </c>
      <c r="I39755" s="2">
        <v>0</v>
      </c>
      <c r="J39755" s="2">
        <v>0</v>
      </c>
      <c r="K39755" s="2">
        <v>1</v>
      </c>
      <c r="L39755" t="s">
        <v>995</v>
      </c>
      <c r="M39755" t="s">
        <v>87</v>
      </c>
      <c r="N39755" t="s">
        <v>88</v>
      </c>
      <c r="O39755" t="s">
        <v>85</v>
      </c>
      <c r="P39755" t="s">
        <v>86</v>
      </c>
      <c r="Q39755">
        <v>56</v>
      </c>
      <c r="R39755">
        <v>56</v>
      </c>
      <c r="S39755">
        <v>56</v>
      </c>
      <c r="T39755">
        <v>57</v>
      </c>
      <c r="U39755">
        <v>57</v>
      </c>
      <c r="V39755">
        <v>57</v>
      </c>
      <c r="W39755">
        <v>58</v>
      </c>
      <c r="X39755">
        <v>58</v>
      </c>
      <c r="Y39755">
        <v>59</v>
      </c>
      <c r="Z39755">
        <v>59</v>
      </c>
      <c r="AA39755">
        <v>59</v>
      </c>
      <c r="AB39755">
        <v>60</v>
      </c>
      <c r="AC39755">
        <v>60</v>
      </c>
      <c r="AD39755">
        <v>61</v>
      </c>
      <c r="AE39755">
        <v>61</v>
      </c>
      <c r="AF39755">
        <v>62</v>
      </c>
      <c r="AG39755">
        <v>62</v>
      </c>
      <c r="AH39755">
        <v>63</v>
      </c>
      <c r="AI39755">
        <v>63</v>
      </c>
      <c r="AJ39755">
        <v>64</v>
      </c>
      <c r="AK39755">
        <v>64</v>
      </c>
      <c r="AL39755">
        <v>65</v>
      </c>
      <c r="AM39755">
        <v>65</v>
      </c>
      <c r="AN39755">
        <v>66</v>
      </c>
      <c r="AO39755">
        <v>66</v>
      </c>
      <c r="AP39755">
        <v>67</v>
      </c>
      <c r="AQ39755">
        <v>67</v>
      </c>
    </row>
    <row r="39756" spans="1:43">
      <c r="A39756" t="s">
        <v>24653</v>
      </c>
      <c r="B39756" t="s">
        <v>24654</v>
      </c>
      <c r="C39756" t="s">
        <v>24547</v>
      </c>
      <c r="D39756" t="s">
        <v>24548</v>
      </c>
      <c r="E39756" t="s">
        <v>24517</v>
      </c>
      <c r="F39756" t="s">
        <v>24518</v>
      </c>
      <c r="G39756" t="s">
        <v>11612</v>
      </c>
      <c r="H39756" t="s">
        <v>11613</v>
      </c>
      <c r="I39756" s="2">
        <v>0</v>
      </c>
      <c r="J39756" s="2">
        <v>0</v>
      </c>
      <c r="K39756" s="2">
        <v>1</v>
      </c>
      <c r="L39756" t="s">
        <v>995</v>
      </c>
      <c r="M39756" t="s">
        <v>89</v>
      </c>
      <c r="N39756" t="s">
        <v>90</v>
      </c>
      <c r="O39756" t="s">
        <v>85</v>
      </c>
      <c r="P39756" t="s">
        <v>86</v>
      </c>
      <c r="Q39756">
        <v>56</v>
      </c>
      <c r="R39756">
        <v>57</v>
      </c>
      <c r="S39756">
        <v>58</v>
      </c>
      <c r="T39756">
        <v>60</v>
      </c>
      <c r="U39756">
        <v>61</v>
      </c>
      <c r="V39756">
        <v>62</v>
      </c>
      <c r="W39756">
        <v>64</v>
      </c>
      <c r="X39756">
        <v>65</v>
      </c>
      <c r="Y39756">
        <v>66</v>
      </c>
      <c r="Z39756">
        <v>67</v>
      </c>
      <c r="AA39756">
        <v>68</v>
      </c>
      <c r="AB39756">
        <v>69</v>
      </c>
      <c r="AC39756">
        <v>70</v>
      </c>
      <c r="AD39756">
        <v>71</v>
      </c>
      <c r="AE39756">
        <v>72</v>
      </c>
      <c r="AF39756">
        <v>72</v>
      </c>
      <c r="AG39756">
        <v>73</v>
      </c>
      <c r="AH39756">
        <v>73</v>
      </c>
      <c r="AI39756">
        <v>73</v>
      </c>
      <c r="AJ39756">
        <v>74</v>
      </c>
      <c r="AK39756">
        <v>74</v>
      </c>
      <c r="AL39756">
        <v>74</v>
      </c>
      <c r="AM39756">
        <v>75</v>
      </c>
      <c r="AN39756">
        <v>75</v>
      </c>
      <c r="AO39756">
        <v>75</v>
      </c>
      <c r="AP39756">
        <v>76</v>
      </c>
      <c r="AQ39756">
        <v>76</v>
      </c>
    </row>
    <row r="39757" spans="1:43">
      <c r="A39757" t="s">
        <v>24653</v>
      </c>
      <c r="B39757" t="s">
        <v>24654</v>
      </c>
      <c r="C39757" t="s">
        <v>24547</v>
      </c>
      <c r="D39757" t="s">
        <v>24548</v>
      </c>
      <c r="E39757" t="s">
        <v>24517</v>
      </c>
      <c r="F39757" t="s">
        <v>24518</v>
      </c>
      <c r="G39757" t="s">
        <v>11612</v>
      </c>
      <c r="H39757" t="s">
        <v>11613</v>
      </c>
      <c r="I39757" s="2">
        <v>0</v>
      </c>
      <c r="J39757" s="2">
        <v>0</v>
      </c>
      <c r="K39757" s="2">
        <v>1</v>
      </c>
      <c r="L39757" t="s">
        <v>995</v>
      </c>
      <c r="M39757" t="s">
        <v>83</v>
      </c>
      <c r="N39757" t="s">
        <v>91</v>
      </c>
      <c r="O39757" t="s">
        <v>85</v>
      </c>
      <c r="P39757" t="s">
        <v>86</v>
      </c>
      <c r="Q39757">
        <v>56</v>
      </c>
      <c r="R39757">
        <v>57</v>
      </c>
      <c r="S39757">
        <v>58</v>
      </c>
      <c r="T39757">
        <v>59</v>
      </c>
      <c r="U39757">
        <v>60</v>
      </c>
      <c r="V39757">
        <v>61</v>
      </c>
      <c r="W39757">
        <v>62</v>
      </c>
      <c r="X39757">
        <v>63</v>
      </c>
      <c r="Y39757">
        <v>63</v>
      </c>
      <c r="Z39757">
        <v>64</v>
      </c>
      <c r="AA39757">
        <v>65</v>
      </c>
      <c r="AB39757">
        <v>66</v>
      </c>
      <c r="AC39757">
        <v>67</v>
      </c>
      <c r="AD39757">
        <v>68</v>
      </c>
      <c r="AE39757">
        <v>69</v>
      </c>
      <c r="AF39757">
        <v>70</v>
      </c>
      <c r="AG39757">
        <v>70</v>
      </c>
      <c r="AH39757">
        <v>71</v>
      </c>
      <c r="AI39757">
        <v>72</v>
      </c>
      <c r="AJ39757">
        <v>73</v>
      </c>
      <c r="AK39757">
        <v>74</v>
      </c>
      <c r="AL39757">
        <v>74</v>
      </c>
      <c r="AM39757">
        <v>75</v>
      </c>
      <c r="AN39757">
        <v>75</v>
      </c>
      <c r="AO39757">
        <v>75</v>
      </c>
      <c r="AP39757">
        <v>76</v>
      </c>
      <c r="AQ39757">
        <v>76</v>
      </c>
    </row>
    <row r="39758" spans="1:43">
      <c r="A39758" t="s">
        <v>24655</v>
      </c>
      <c r="B39758" t="s">
        <v>24656</v>
      </c>
      <c r="C39758" t="s">
        <v>24535</v>
      </c>
      <c r="D39758" t="s">
        <v>24536</v>
      </c>
      <c r="E39758" t="s">
        <v>24517</v>
      </c>
      <c r="F39758" t="s">
        <v>24518</v>
      </c>
      <c r="G39758" t="s">
        <v>11612</v>
      </c>
      <c r="H39758" t="s">
        <v>11613</v>
      </c>
      <c r="I39758" s="2">
        <v>0</v>
      </c>
      <c r="J39758" s="2">
        <v>0</v>
      </c>
      <c r="K39758" s="2">
        <v>1</v>
      </c>
      <c r="L39758" t="s">
        <v>995</v>
      </c>
      <c r="M39758" t="s">
        <v>83</v>
      </c>
      <c r="N39758" t="s">
        <v>84</v>
      </c>
      <c r="O39758" t="s">
        <v>85</v>
      </c>
      <c r="P39758" t="s">
        <v>86</v>
      </c>
      <c r="Q39758">
        <v>15</v>
      </c>
      <c r="R39758">
        <v>16</v>
      </c>
      <c r="S39758">
        <v>16</v>
      </c>
      <c r="T39758">
        <v>16</v>
      </c>
      <c r="U39758">
        <v>16</v>
      </c>
      <c r="V39758">
        <v>16</v>
      </c>
      <c r="W39758">
        <v>16</v>
      </c>
      <c r="X39758">
        <v>17</v>
      </c>
      <c r="Y39758">
        <v>17</v>
      </c>
      <c r="Z39758">
        <v>17</v>
      </c>
      <c r="AA39758">
        <v>17</v>
      </c>
      <c r="AB39758">
        <v>17</v>
      </c>
      <c r="AC39758">
        <v>17</v>
      </c>
      <c r="AD39758">
        <v>17</v>
      </c>
      <c r="AE39758">
        <v>18</v>
      </c>
      <c r="AF39758">
        <v>18</v>
      </c>
      <c r="AG39758">
        <v>18</v>
      </c>
      <c r="AH39758">
        <v>18</v>
      </c>
      <c r="AI39758">
        <v>18</v>
      </c>
      <c r="AJ39758">
        <v>18</v>
      </c>
      <c r="AK39758">
        <v>18</v>
      </c>
      <c r="AL39758">
        <v>18</v>
      </c>
      <c r="AM39758">
        <v>18</v>
      </c>
      <c r="AN39758">
        <v>18</v>
      </c>
      <c r="AO39758">
        <v>18</v>
      </c>
      <c r="AP39758">
        <v>18</v>
      </c>
      <c r="AQ39758">
        <v>18</v>
      </c>
    </row>
    <row r="39759" spans="1:43">
      <c r="A39759" t="s">
        <v>24655</v>
      </c>
      <c r="B39759" t="s">
        <v>24656</v>
      </c>
      <c r="C39759" t="s">
        <v>24535</v>
      </c>
      <c r="D39759" t="s">
        <v>24536</v>
      </c>
      <c r="E39759" t="s">
        <v>24517</v>
      </c>
      <c r="F39759" t="s">
        <v>24518</v>
      </c>
      <c r="G39759" t="s">
        <v>11612</v>
      </c>
      <c r="H39759" t="s">
        <v>11613</v>
      </c>
      <c r="I39759" s="2">
        <v>0</v>
      </c>
      <c r="J39759" s="2">
        <v>0</v>
      </c>
      <c r="K39759" s="2">
        <v>1</v>
      </c>
      <c r="L39759" t="s">
        <v>995</v>
      </c>
      <c r="M39759" t="s">
        <v>87</v>
      </c>
      <c r="N39759" t="s">
        <v>88</v>
      </c>
      <c r="O39759" t="s">
        <v>85</v>
      </c>
      <c r="P39759" t="s">
        <v>86</v>
      </c>
      <c r="Q39759">
        <v>15</v>
      </c>
      <c r="R39759">
        <v>15</v>
      </c>
      <c r="S39759">
        <v>15</v>
      </c>
      <c r="T39759">
        <v>15</v>
      </c>
      <c r="U39759">
        <v>15</v>
      </c>
      <c r="V39759">
        <v>15</v>
      </c>
      <c r="W39759">
        <v>15</v>
      </c>
      <c r="X39759">
        <v>15</v>
      </c>
      <c r="Y39759">
        <v>15</v>
      </c>
      <c r="Z39759">
        <v>15</v>
      </c>
      <c r="AA39759">
        <v>15</v>
      </c>
      <c r="AB39759">
        <v>15</v>
      </c>
      <c r="AC39759">
        <v>16</v>
      </c>
      <c r="AD39759">
        <v>16</v>
      </c>
      <c r="AE39759">
        <v>16</v>
      </c>
      <c r="AF39759">
        <v>16</v>
      </c>
      <c r="AG39759">
        <v>16</v>
      </c>
      <c r="AH39759">
        <v>16</v>
      </c>
      <c r="AI39759">
        <v>16</v>
      </c>
      <c r="AJ39759">
        <v>16</v>
      </c>
      <c r="AK39759">
        <v>16</v>
      </c>
      <c r="AL39759">
        <v>16</v>
      </c>
      <c r="AM39759">
        <v>16</v>
      </c>
      <c r="AN39759">
        <v>16</v>
      </c>
      <c r="AO39759">
        <v>16</v>
      </c>
      <c r="AP39759">
        <v>16</v>
      </c>
      <c r="AQ39759">
        <v>16</v>
      </c>
    </row>
    <row r="39760" spans="1:43">
      <c r="A39760" t="s">
        <v>24655</v>
      </c>
      <c r="B39760" t="s">
        <v>24656</v>
      </c>
      <c r="C39760" t="s">
        <v>24535</v>
      </c>
      <c r="D39760" t="s">
        <v>24536</v>
      </c>
      <c r="E39760" t="s">
        <v>24517</v>
      </c>
      <c r="F39760" t="s">
        <v>24518</v>
      </c>
      <c r="G39760" t="s">
        <v>11612</v>
      </c>
      <c r="H39760" t="s">
        <v>11613</v>
      </c>
      <c r="I39760" s="2">
        <v>0</v>
      </c>
      <c r="J39760" s="2">
        <v>0</v>
      </c>
      <c r="K39760" s="2">
        <v>1</v>
      </c>
      <c r="L39760" t="s">
        <v>995</v>
      </c>
      <c r="M39760" t="s">
        <v>89</v>
      </c>
      <c r="N39760" t="s">
        <v>90</v>
      </c>
      <c r="O39760" t="s">
        <v>85</v>
      </c>
      <c r="P39760" t="s">
        <v>86</v>
      </c>
      <c r="Q39760">
        <v>15</v>
      </c>
      <c r="R39760">
        <v>16</v>
      </c>
      <c r="S39760">
        <v>16</v>
      </c>
      <c r="T39760">
        <v>16</v>
      </c>
      <c r="U39760">
        <v>17</v>
      </c>
      <c r="V39760">
        <v>17</v>
      </c>
      <c r="W39760">
        <v>17</v>
      </c>
      <c r="X39760">
        <v>17</v>
      </c>
      <c r="Y39760">
        <v>18</v>
      </c>
      <c r="Z39760">
        <v>18</v>
      </c>
      <c r="AA39760">
        <v>18</v>
      </c>
      <c r="AB39760">
        <v>18</v>
      </c>
      <c r="AC39760">
        <v>19</v>
      </c>
      <c r="AD39760">
        <v>19</v>
      </c>
      <c r="AE39760">
        <v>19</v>
      </c>
      <c r="AF39760">
        <v>19</v>
      </c>
      <c r="AG39760">
        <v>19</v>
      </c>
      <c r="AH39760">
        <v>19</v>
      </c>
      <c r="AI39760">
        <v>19</v>
      </c>
      <c r="AJ39760">
        <v>19</v>
      </c>
      <c r="AK39760">
        <v>19</v>
      </c>
      <c r="AL39760">
        <v>19</v>
      </c>
      <c r="AM39760">
        <v>19</v>
      </c>
      <c r="AN39760">
        <v>19</v>
      </c>
      <c r="AO39760">
        <v>19</v>
      </c>
      <c r="AP39760">
        <v>18</v>
      </c>
      <c r="AQ39760">
        <v>18</v>
      </c>
    </row>
    <row r="39761" spans="1:43">
      <c r="A39761" t="s">
        <v>24655</v>
      </c>
      <c r="B39761" t="s">
        <v>24656</v>
      </c>
      <c r="C39761" t="s">
        <v>24535</v>
      </c>
      <c r="D39761" t="s">
        <v>24536</v>
      </c>
      <c r="E39761" t="s">
        <v>24517</v>
      </c>
      <c r="F39761" t="s">
        <v>24518</v>
      </c>
      <c r="G39761" t="s">
        <v>11612</v>
      </c>
      <c r="H39761" t="s">
        <v>11613</v>
      </c>
      <c r="I39761" s="2">
        <v>0</v>
      </c>
      <c r="J39761" s="2">
        <v>0</v>
      </c>
      <c r="K39761" s="2">
        <v>1</v>
      </c>
      <c r="L39761" t="s">
        <v>995</v>
      </c>
      <c r="M39761" t="s">
        <v>83</v>
      </c>
      <c r="N39761" t="s">
        <v>91</v>
      </c>
      <c r="O39761" t="s">
        <v>85</v>
      </c>
      <c r="P39761" t="s">
        <v>86</v>
      </c>
      <c r="Q39761">
        <v>15</v>
      </c>
      <c r="R39761">
        <v>16</v>
      </c>
      <c r="S39761">
        <v>16</v>
      </c>
      <c r="T39761">
        <v>16</v>
      </c>
      <c r="U39761">
        <v>16</v>
      </c>
      <c r="V39761">
        <v>16</v>
      </c>
      <c r="W39761">
        <v>16</v>
      </c>
      <c r="X39761">
        <v>17</v>
      </c>
      <c r="Y39761">
        <v>17</v>
      </c>
      <c r="Z39761">
        <v>17</v>
      </c>
      <c r="AA39761">
        <v>17</v>
      </c>
      <c r="AB39761">
        <v>17</v>
      </c>
      <c r="AC39761">
        <v>17</v>
      </c>
      <c r="AD39761">
        <v>17</v>
      </c>
      <c r="AE39761">
        <v>18</v>
      </c>
      <c r="AF39761">
        <v>18</v>
      </c>
      <c r="AG39761">
        <v>18</v>
      </c>
      <c r="AH39761">
        <v>18</v>
      </c>
      <c r="AI39761">
        <v>18</v>
      </c>
      <c r="AJ39761">
        <v>18</v>
      </c>
      <c r="AK39761">
        <v>18</v>
      </c>
      <c r="AL39761">
        <v>18</v>
      </c>
      <c r="AM39761">
        <v>18</v>
      </c>
      <c r="AN39761">
        <v>18</v>
      </c>
      <c r="AO39761">
        <v>18</v>
      </c>
      <c r="AP39761">
        <v>18</v>
      </c>
      <c r="AQ39761">
        <v>18</v>
      </c>
    </row>
    <row r="39762" spans="1:43">
      <c r="A39762" t="s">
        <v>24657</v>
      </c>
      <c r="B39762" t="s">
        <v>24658</v>
      </c>
      <c r="C39762" t="s">
        <v>24557</v>
      </c>
      <c r="D39762" t="s">
        <v>24558</v>
      </c>
      <c r="E39762" t="s">
        <v>24517</v>
      </c>
      <c r="F39762" t="s">
        <v>24518</v>
      </c>
      <c r="G39762" t="s">
        <v>11612</v>
      </c>
      <c r="H39762" t="s">
        <v>11613</v>
      </c>
      <c r="I39762" s="2">
        <v>0</v>
      </c>
      <c r="J39762" s="2">
        <v>0</v>
      </c>
      <c r="K39762" s="2">
        <v>1</v>
      </c>
      <c r="L39762" t="s">
        <v>995</v>
      </c>
      <c r="M39762" t="s">
        <v>83</v>
      </c>
      <c r="N39762" t="s">
        <v>84</v>
      </c>
      <c r="O39762" t="s">
        <v>85</v>
      </c>
      <c r="P39762" t="s">
        <v>86</v>
      </c>
      <c r="Q39762">
        <v>22</v>
      </c>
      <c r="R39762">
        <v>22</v>
      </c>
      <c r="S39762">
        <v>22</v>
      </c>
      <c r="T39762">
        <v>22</v>
      </c>
      <c r="U39762">
        <v>23</v>
      </c>
      <c r="V39762">
        <v>23</v>
      </c>
      <c r="W39762">
        <v>23</v>
      </c>
      <c r="X39762">
        <v>24</v>
      </c>
      <c r="Y39762">
        <v>24</v>
      </c>
      <c r="Z39762">
        <v>24</v>
      </c>
      <c r="AA39762">
        <v>24</v>
      </c>
      <c r="AB39762">
        <v>25</v>
      </c>
      <c r="AC39762">
        <v>25</v>
      </c>
      <c r="AD39762">
        <v>25</v>
      </c>
      <c r="AE39762">
        <v>26</v>
      </c>
      <c r="AF39762">
        <v>26</v>
      </c>
      <c r="AG39762">
        <v>26</v>
      </c>
      <c r="AH39762">
        <v>26</v>
      </c>
      <c r="AI39762">
        <v>27</v>
      </c>
      <c r="AJ39762">
        <v>27</v>
      </c>
      <c r="AK39762">
        <v>27</v>
      </c>
      <c r="AL39762">
        <v>27</v>
      </c>
      <c r="AM39762">
        <v>27</v>
      </c>
      <c r="AN39762">
        <v>27</v>
      </c>
      <c r="AO39762">
        <v>27</v>
      </c>
      <c r="AP39762">
        <v>28</v>
      </c>
      <c r="AQ39762">
        <v>28</v>
      </c>
    </row>
    <row r="39763" spans="1:43">
      <c r="A39763" t="s">
        <v>24657</v>
      </c>
      <c r="B39763" t="s">
        <v>24658</v>
      </c>
      <c r="C39763" t="s">
        <v>24557</v>
      </c>
      <c r="D39763" t="s">
        <v>24558</v>
      </c>
      <c r="E39763" t="s">
        <v>24517</v>
      </c>
      <c r="F39763" t="s">
        <v>24518</v>
      </c>
      <c r="G39763" t="s">
        <v>11612</v>
      </c>
      <c r="H39763" t="s">
        <v>11613</v>
      </c>
      <c r="I39763" s="2">
        <v>0</v>
      </c>
      <c r="J39763" s="2">
        <v>0</v>
      </c>
      <c r="K39763" s="2">
        <v>1</v>
      </c>
      <c r="L39763" t="s">
        <v>995</v>
      </c>
      <c r="M39763" t="s">
        <v>87</v>
      </c>
      <c r="N39763" t="s">
        <v>88</v>
      </c>
      <c r="O39763" t="s">
        <v>85</v>
      </c>
      <c r="P39763" t="s">
        <v>86</v>
      </c>
      <c r="Q39763">
        <v>22</v>
      </c>
      <c r="R39763">
        <v>22</v>
      </c>
      <c r="S39763">
        <v>23</v>
      </c>
      <c r="T39763">
        <v>23</v>
      </c>
      <c r="U39763">
        <v>23</v>
      </c>
      <c r="V39763">
        <v>23</v>
      </c>
      <c r="W39763">
        <v>23</v>
      </c>
      <c r="X39763">
        <v>23</v>
      </c>
      <c r="Y39763">
        <v>23</v>
      </c>
      <c r="Z39763">
        <v>23</v>
      </c>
      <c r="AA39763">
        <v>23</v>
      </c>
      <c r="AB39763">
        <v>23</v>
      </c>
      <c r="AC39763">
        <v>23</v>
      </c>
      <c r="AD39763">
        <v>24</v>
      </c>
      <c r="AE39763">
        <v>24</v>
      </c>
      <c r="AF39763">
        <v>24</v>
      </c>
      <c r="AG39763">
        <v>24</v>
      </c>
      <c r="AH39763">
        <v>24</v>
      </c>
      <c r="AI39763">
        <v>24</v>
      </c>
      <c r="AJ39763">
        <v>24</v>
      </c>
      <c r="AK39763">
        <v>24</v>
      </c>
      <c r="AL39763">
        <v>24</v>
      </c>
      <c r="AM39763">
        <v>24</v>
      </c>
      <c r="AN39763">
        <v>25</v>
      </c>
      <c r="AO39763">
        <v>25</v>
      </c>
      <c r="AP39763">
        <v>25</v>
      </c>
      <c r="AQ39763">
        <v>25</v>
      </c>
    </row>
    <row r="39764" spans="1:43">
      <c r="A39764" t="s">
        <v>24657</v>
      </c>
      <c r="B39764" t="s">
        <v>24658</v>
      </c>
      <c r="C39764" t="s">
        <v>24557</v>
      </c>
      <c r="D39764" t="s">
        <v>24558</v>
      </c>
      <c r="E39764" t="s">
        <v>24517</v>
      </c>
      <c r="F39764" t="s">
        <v>24518</v>
      </c>
      <c r="G39764" t="s">
        <v>11612</v>
      </c>
      <c r="H39764" t="s">
        <v>11613</v>
      </c>
      <c r="I39764" s="2">
        <v>0</v>
      </c>
      <c r="J39764" s="2">
        <v>0</v>
      </c>
      <c r="K39764" s="2">
        <v>1</v>
      </c>
      <c r="L39764" t="s">
        <v>995</v>
      </c>
      <c r="M39764" t="s">
        <v>89</v>
      </c>
      <c r="N39764" t="s">
        <v>90</v>
      </c>
      <c r="O39764" t="s">
        <v>85</v>
      </c>
      <c r="P39764" t="s">
        <v>86</v>
      </c>
      <c r="Q39764">
        <v>22</v>
      </c>
      <c r="R39764">
        <v>22</v>
      </c>
      <c r="S39764">
        <v>23</v>
      </c>
      <c r="T39764">
        <v>23</v>
      </c>
      <c r="U39764">
        <v>24</v>
      </c>
      <c r="V39764">
        <v>24</v>
      </c>
      <c r="W39764">
        <v>24</v>
      </c>
      <c r="X39764">
        <v>25</v>
      </c>
      <c r="Y39764">
        <v>25</v>
      </c>
      <c r="Z39764">
        <v>26</v>
      </c>
      <c r="AA39764">
        <v>26</v>
      </c>
      <c r="AB39764">
        <v>26</v>
      </c>
      <c r="AC39764">
        <v>27</v>
      </c>
      <c r="AD39764">
        <v>27</v>
      </c>
      <c r="AE39764">
        <v>27</v>
      </c>
      <c r="AF39764">
        <v>27</v>
      </c>
      <c r="AG39764">
        <v>27</v>
      </c>
      <c r="AH39764">
        <v>27</v>
      </c>
      <c r="AI39764">
        <v>28</v>
      </c>
      <c r="AJ39764">
        <v>28</v>
      </c>
      <c r="AK39764">
        <v>28</v>
      </c>
      <c r="AL39764">
        <v>28</v>
      </c>
      <c r="AM39764">
        <v>28</v>
      </c>
      <c r="AN39764">
        <v>28</v>
      </c>
      <c r="AO39764">
        <v>28</v>
      </c>
      <c r="AP39764">
        <v>28</v>
      </c>
      <c r="AQ39764">
        <v>28</v>
      </c>
    </row>
    <row r="39765" spans="1:43">
      <c r="A39765" t="s">
        <v>24657</v>
      </c>
      <c r="B39765" t="s">
        <v>24658</v>
      </c>
      <c r="C39765" t="s">
        <v>24557</v>
      </c>
      <c r="D39765" t="s">
        <v>24558</v>
      </c>
      <c r="E39765" t="s">
        <v>24517</v>
      </c>
      <c r="F39765" t="s">
        <v>24518</v>
      </c>
      <c r="G39765" t="s">
        <v>11612</v>
      </c>
      <c r="H39765" t="s">
        <v>11613</v>
      </c>
      <c r="I39765" s="2">
        <v>0</v>
      </c>
      <c r="J39765" s="2">
        <v>0</v>
      </c>
      <c r="K39765" s="2">
        <v>1</v>
      </c>
      <c r="L39765" t="s">
        <v>995</v>
      </c>
      <c r="M39765" t="s">
        <v>83</v>
      </c>
      <c r="N39765" t="s">
        <v>91</v>
      </c>
      <c r="O39765" t="s">
        <v>85</v>
      </c>
      <c r="P39765" t="s">
        <v>86</v>
      </c>
      <c r="Q39765">
        <v>22</v>
      </c>
      <c r="R39765">
        <v>22</v>
      </c>
      <c r="S39765">
        <v>22</v>
      </c>
      <c r="T39765">
        <v>22</v>
      </c>
      <c r="U39765">
        <v>23</v>
      </c>
      <c r="V39765">
        <v>23</v>
      </c>
      <c r="W39765">
        <v>23</v>
      </c>
      <c r="X39765">
        <v>24</v>
      </c>
      <c r="Y39765">
        <v>24</v>
      </c>
      <c r="Z39765">
        <v>24</v>
      </c>
      <c r="AA39765">
        <v>24</v>
      </c>
      <c r="AB39765">
        <v>25</v>
      </c>
      <c r="AC39765">
        <v>25</v>
      </c>
      <c r="AD39765">
        <v>25</v>
      </c>
      <c r="AE39765">
        <v>26</v>
      </c>
      <c r="AF39765">
        <v>26</v>
      </c>
      <c r="AG39765">
        <v>26</v>
      </c>
      <c r="AH39765">
        <v>26</v>
      </c>
      <c r="AI39765">
        <v>27</v>
      </c>
      <c r="AJ39765">
        <v>27</v>
      </c>
      <c r="AK39765">
        <v>27</v>
      </c>
      <c r="AL39765">
        <v>27</v>
      </c>
      <c r="AM39765">
        <v>27</v>
      </c>
      <c r="AN39765">
        <v>27</v>
      </c>
      <c r="AO39765">
        <v>27</v>
      </c>
      <c r="AP39765">
        <v>28</v>
      </c>
      <c r="AQ39765">
        <v>28</v>
      </c>
    </row>
    <row r="39766" spans="1:43">
      <c r="A39766" t="s">
        <v>24659</v>
      </c>
      <c r="B39766" t="s">
        <v>24660</v>
      </c>
      <c r="C39766" t="s">
        <v>24535</v>
      </c>
      <c r="D39766" t="s">
        <v>24536</v>
      </c>
      <c r="E39766" t="s">
        <v>24517</v>
      </c>
      <c r="F39766" t="s">
        <v>24518</v>
      </c>
      <c r="G39766" t="s">
        <v>11612</v>
      </c>
      <c r="H39766" t="s">
        <v>11613</v>
      </c>
      <c r="I39766" s="2">
        <v>0</v>
      </c>
      <c r="J39766" s="2">
        <v>0</v>
      </c>
      <c r="K39766" s="2">
        <v>1</v>
      </c>
      <c r="L39766" t="s">
        <v>995</v>
      </c>
      <c r="M39766" t="s">
        <v>83</v>
      </c>
      <c r="N39766" t="s">
        <v>84</v>
      </c>
      <c r="O39766" t="s">
        <v>85</v>
      </c>
      <c r="P39766" t="s">
        <v>86</v>
      </c>
      <c r="Q39766">
        <v>39</v>
      </c>
      <c r="R39766">
        <v>39</v>
      </c>
      <c r="S39766">
        <v>40</v>
      </c>
      <c r="T39766">
        <v>40</v>
      </c>
      <c r="U39766">
        <v>41</v>
      </c>
      <c r="V39766">
        <v>41</v>
      </c>
      <c r="W39766">
        <v>42</v>
      </c>
      <c r="X39766">
        <v>42</v>
      </c>
      <c r="Y39766">
        <v>43</v>
      </c>
      <c r="Z39766">
        <v>43</v>
      </c>
      <c r="AA39766">
        <v>44</v>
      </c>
      <c r="AB39766">
        <v>44</v>
      </c>
      <c r="AC39766">
        <v>45</v>
      </c>
      <c r="AD39766">
        <v>45</v>
      </c>
      <c r="AE39766">
        <v>45</v>
      </c>
      <c r="AF39766">
        <v>46</v>
      </c>
      <c r="AG39766">
        <v>46</v>
      </c>
      <c r="AH39766">
        <v>47</v>
      </c>
      <c r="AI39766">
        <v>47</v>
      </c>
      <c r="AJ39766">
        <v>48</v>
      </c>
      <c r="AK39766">
        <v>48</v>
      </c>
      <c r="AL39766">
        <v>48</v>
      </c>
      <c r="AM39766">
        <v>49</v>
      </c>
      <c r="AN39766">
        <v>49</v>
      </c>
      <c r="AO39766">
        <v>49</v>
      </c>
      <c r="AP39766">
        <v>49</v>
      </c>
      <c r="AQ39766">
        <v>49</v>
      </c>
    </row>
    <row r="39767" spans="1:43">
      <c r="A39767" t="s">
        <v>24659</v>
      </c>
      <c r="B39767" t="s">
        <v>24660</v>
      </c>
      <c r="C39767" t="s">
        <v>24535</v>
      </c>
      <c r="D39767" t="s">
        <v>24536</v>
      </c>
      <c r="E39767" t="s">
        <v>24517</v>
      </c>
      <c r="F39767" t="s">
        <v>24518</v>
      </c>
      <c r="G39767" t="s">
        <v>11612</v>
      </c>
      <c r="H39767" t="s">
        <v>11613</v>
      </c>
      <c r="I39767" s="2">
        <v>0</v>
      </c>
      <c r="J39767" s="2">
        <v>0</v>
      </c>
      <c r="K39767" s="2">
        <v>1</v>
      </c>
      <c r="L39767" t="s">
        <v>995</v>
      </c>
      <c r="M39767" t="s">
        <v>87</v>
      </c>
      <c r="N39767" t="s">
        <v>88</v>
      </c>
      <c r="O39767" t="s">
        <v>85</v>
      </c>
      <c r="P39767" t="s">
        <v>86</v>
      </c>
      <c r="Q39767">
        <v>39</v>
      </c>
      <c r="R39767">
        <v>39</v>
      </c>
      <c r="S39767">
        <v>39</v>
      </c>
      <c r="T39767">
        <v>40</v>
      </c>
      <c r="U39767">
        <v>40</v>
      </c>
      <c r="V39767">
        <v>40</v>
      </c>
      <c r="W39767">
        <v>40</v>
      </c>
      <c r="X39767">
        <v>40</v>
      </c>
      <c r="Y39767">
        <v>40</v>
      </c>
      <c r="Z39767">
        <v>41</v>
      </c>
      <c r="AA39767">
        <v>41</v>
      </c>
      <c r="AB39767">
        <v>41</v>
      </c>
      <c r="AC39767">
        <v>41</v>
      </c>
      <c r="AD39767">
        <v>41</v>
      </c>
      <c r="AE39767">
        <v>41</v>
      </c>
      <c r="AF39767">
        <v>41</v>
      </c>
      <c r="AG39767">
        <v>42</v>
      </c>
      <c r="AH39767">
        <v>42</v>
      </c>
      <c r="AI39767">
        <v>42</v>
      </c>
      <c r="AJ39767">
        <v>42</v>
      </c>
      <c r="AK39767">
        <v>42</v>
      </c>
      <c r="AL39767">
        <v>42</v>
      </c>
      <c r="AM39767">
        <v>43</v>
      </c>
      <c r="AN39767">
        <v>43</v>
      </c>
      <c r="AO39767">
        <v>43</v>
      </c>
      <c r="AP39767">
        <v>43</v>
      </c>
      <c r="AQ39767">
        <v>43</v>
      </c>
    </row>
    <row r="39768" spans="1:43">
      <c r="A39768" t="s">
        <v>24659</v>
      </c>
      <c r="B39768" t="s">
        <v>24660</v>
      </c>
      <c r="C39768" t="s">
        <v>24535</v>
      </c>
      <c r="D39768" t="s">
        <v>24536</v>
      </c>
      <c r="E39768" t="s">
        <v>24517</v>
      </c>
      <c r="F39768" t="s">
        <v>24518</v>
      </c>
      <c r="G39768" t="s">
        <v>11612</v>
      </c>
      <c r="H39768" t="s">
        <v>11613</v>
      </c>
      <c r="I39768" s="2">
        <v>0</v>
      </c>
      <c r="J39768" s="2">
        <v>0</v>
      </c>
      <c r="K39768" s="2">
        <v>1</v>
      </c>
      <c r="L39768" t="s">
        <v>995</v>
      </c>
      <c r="M39768" t="s">
        <v>89</v>
      </c>
      <c r="N39768" t="s">
        <v>90</v>
      </c>
      <c r="O39768" t="s">
        <v>85</v>
      </c>
      <c r="P39768" t="s">
        <v>86</v>
      </c>
      <c r="Q39768">
        <v>39</v>
      </c>
      <c r="R39768">
        <v>40</v>
      </c>
      <c r="S39768">
        <v>41</v>
      </c>
      <c r="T39768">
        <v>41</v>
      </c>
      <c r="U39768">
        <v>42</v>
      </c>
      <c r="V39768">
        <v>43</v>
      </c>
      <c r="W39768">
        <v>44</v>
      </c>
      <c r="X39768">
        <v>44</v>
      </c>
      <c r="Y39768">
        <v>45</v>
      </c>
      <c r="Z39768">
        <v>46</v>
      </c>
      <c r="AA39768">
        <v>46</v>
      </c>
      <c r="AB39768">
        <v>47</v>
      </c>
      <c r="AC39768">
        <v>48</v>
      </c>
      <c r="AD39768">
        <v>48</v>
      </c>
      <c r="AE39768">
        <v>49</v>
      </c>
      <c r="AF39768">
        <v>49</v>
      </c>
      <c r="AG39768">
        <v>49</v>
      </c>
      <c r="AH39768">
        <v>49</v>
      </c>
      <c r="AI39768">
        <v>49</v>
      </c>
      <c r="AJ39768">
        <v>49</v>
      </c>
      <c r="AK39768">
        <v>49</v>
      </c>
      <c r="AL39768">
        <v>49</v>
      </c>
      <c r="AM39768">
        <v>49</v>
      </c>
      <c r="AN39768">
        <v>49</v>
      </c>
      <c r="AO39768">
        <v>49</v>
      </c>
      <c r="AP39768">
        <v>49</v>
      </c>
      <c r="AQ39768">
        <v>49</v>
      </c>
    </row>
    <row r="39769" spans="1:43">
      <c r="A39769" t="s">
        <v>24659</v>
      </c>
      <c r="B39769" t="s">
        <v>24660</v>
      </c>
      <c r="C39769" t="s">
        <v>24535</v>
      </c>
      <c r="D39769" t="s">
        <v>24536</v>
      </c>
      <c r="E39769" t="s">
        <v>24517</v>
      </c>
      <c r="F39769" t="s">
        <v>24518</v>
      </c>
      <c r="G39769" t="s">
        <v>11612</v>
      </c>
      <c r="H39769" t="s">
        <v>11613</v>
      </c>
      <c r="I39769" s="2">
        <v>0</v>
      </c>
      <c r="J39769" s="2">
        <v>0</v>
      </c>
      <c r="K39769" s="2">
        <v>1</v>
      </c>
      <c r="L39769" t="s">
        <v>995</v>
      </c>
      <c r="M39769" t="s">
        <v>83</v>
      </c>
      <c r="N39769" t="s">
        <v>91</v>
      </c>
      <c r="O39769" t="s">
        <v>85</v>
      </c>
      <c r="P39769" t="s">
        <v>86</v>
      </c>
      <c r="Q39769">
        <v>39</v>
      </c>
      <c r="R39769">
        <v>39</v>
      </c>
      <c r="S39769">
        <v>40</v>
      </c>
      <c r="T39769">
        <v>40</v>
      </c>
      <c r="U39769">
        <v>41</v>
      </c>
      <c r="V39769">
        <v>41</v>
      </c>
      <c r="W39769">
        <v>42</v>
      </c>
      <c r="X39769">
        <v>42</v>
      </c>
      <c r="Y39769">
        <v>43</v>
      </c>
      <c r="Z39769">
        <v>43</v>
      </c>
      <c r="AA39769">
        <v>44</v>
      </c>
      <c r="AB39769">
        <v>44</v>
      </c>
      <c r="AC39769">
        <v>45</v>
      </c>
      <c r="AD39769">
        <v>45</v>
      </c>
      <c r="AE39769">
        <v>45</v>
      </c>
      <c r="AF39769">
        <v>46</v>
      </c>
      <c r="AG39769">
        <v>46</v>
      </c>
      <c r="AH39769">
        <v>47</v>
      </c>
      <c r="AI39769">
        <v>47</v>
      </c>
      <c r="AJ39769">
        <v>48</v>
      </c>
      <c r="AK39769">
        <v>48</v>
      </c>
      <c r="AL39769">
        <v>48</v>
      </c>
      <c r="AM39769">
        <v>49</v>
      </c>
      <c r="AN39769">
        <v>49</v>
      </c>
      <c r="AO39769">
        <v>49</v>
      </c>
      <c r="AP39769">
        <v>49</v>
      </c>
      <c r="AQ39769">
        <v>49</v>
      </c>
    </row>
    <row r="39770" spans="1:43">
      <c r="A39770" t="s">
        <v>24661</v>
      </c>
      <c r="B39770" t="s">
        <v>24662</v>
      </c>
      <c r="C39770" t="s">
        <v>24627</v>
      </c>
      <c r="D39770" t="s">
        <v>24628</v>
      </c>
      <c r="E39770" t="s">
        <v>24517</v>
      </c>
      <c r="F39770" t="s">
        <v>24518</v>
      </c>
      <c r="G39770" t="s">
        <v>11612</v>
      </c>
      <c r="H39770" t="s">
        <v>11613</v>
      </c>
      <c r="I39770" s="2">
        <v>0</v>
      </c>
      <c r="J39770" s="2">
        <v>0</v>
      </c>
      <c r="K39770" s="2">
        <v>1</v>
      </c>
      <c r="L39770" t="s">
        <v>995</v>
      </c>
      <c r="M39770" t="s">
        <v>83</v>
      </c>
      <c r="N39770" t="s">
        <v>84</v>
      </c>
      <c r="O39770" t="s">
        <v>85</v>
      </c>
      <c r="P39770" t="s">
        <v>86</v>
      </c>
      <c r="Q39770">
        <v>6</v>
      </c>
      <c r="R39770">
        <v>6</v>
      </c>
      <c r="S39770">
        <v>6</v>
      </c>
      <c r="T39770">
        <v>6</v>
      </c>
      <c r="U39770">
        <v>6</v>
      </c>
      <c r="V39770">
        <v>6</v>
      </c>
      <c r="W39770">
        <v>6</v>
      </c>
      <c r="X39770">
        <v>6</v>
      </c>
      <c r="Y39770">
        <v>6</v>
      </c>
      <c r="Z39770">
        <v>6</v>
      </c>
      <c r="AA39770">
        <v>6</v>
      </c>
      <c r="AB39770">
        <v>6</v>
      </c>
      <c r="AC39770">
        <v>6</v>
      </c>
      <c r="AD39770">
        <v>6</v>
      </c>
      <c r="AE39770">
        <v>6</v>
      </c>
      <c r="AF39770">
        <v>7</v>
      </c>
      <c r="AG39770">
        <v>7</v>
      </c>
      <c r="AH39770">
        <v>7</v>
      </c>
      <c r="AI39770">
        <v>7</v>
      </c>
      <c r="AJ39770">
        <v>7</v>
      </c>
      <c r="AK39770">
        <v>7</v>
      </c>
      <c r="AL39770">
        <v>7</v>
      </c>
      <c r="AM39770">
        <v>7</v>
      </c>
      <c r="AN39770">
        <v>7</v>
      </c>
      <c r="AO39770">
        <v>7</v>
      </c>
      <c r="AP39770">
        <v>7</v>
      </c>
      <c r="AQ39770">
        <v>7</v>
      </c>
    </row>
    <row r="39771" spans="1:43">
      <c r="A39771" t="s">
        <v>24661</v>
      </c>
      <c r="B39771" t="s">
        <v>24662</v>
      </c>
      <c r="C39771" t="s">
        <v>24627</v>
      </c>
      <c r="D39771" t="s">
        <v>24628</v>
      </c>
      <c r="E39771" t="s">
        <v>24517</v>
      </c>
      <c r="F39771" t="s">
        <v>24518</v>
      </c>
      <c r="G39771" t="s">
        <v>11612</v>
      </c>
      <c r="H39771" t="s">
        <v>11613</v>
      </c>
      <c r="I39771" s="2">
        <v>0</v>
      </c>
      <c r="J39771" s="2">
        <v>0</v>
      </c>
      <c r="K39771" s="2">
        <v>1</v>
      </c>
      <c r="L39771" t="s">
        <v>995</v>
      </c>
      <c r="M39771" t="s">
        <v>87</v>
      </c>
      <c r="N39771" t="s">
        <v>88</v>
      </c>
      <c r="O39771" t="s">
        <v>85</v>
      </c>
      <c r="P39771" t="s">
        <v>86</v>
      </c>
      <c r="Q39771">
        <v>6</v>
      </c>
      <c r="R39771">
        <v>6</v>
      </c>
      <c r="S39771">
        <v>6</v>
      </c>
      <c r="T39771">
        <v>6</v>
      </c>
      <c r="U39771">
        <v>6</v>
      </c>
      <c r="V39771">
        <v>6</v>
      </c>
      <c r="W39771">
        <v>6</v>
      </c>
      <c r="X39771">
        <v>6</v>
      </c>
      <c r="Y39771">
        <v>6</v>
      </c>
      <c r="Z39771">
        <v>6</v>
      </c>
      <c r="AA39771">
        <v>6</v>
      </c>
      <c r="AB39771">
        <v>6</v>
      </c>
      <c r="AC39771">
        <v>6</v>
      </c>
      <c r="AD39771">
        <v>6</v>
      </c>
      <c r="AE39771">
        <v>6</v>
      </c>
      <c r="AF39771">
        <v>6</v>
      </c>
      <c r="AG39771">
        <v>6</v>
      </c>
      <c r="AH39771">
        <v>6</v>
      </c>
      <c r="AI39771">
        <v>6</v>
      </c>
      <c r="AJ39771">
        <v>6</v>
      </c>
      <c r="AK39771">
        <v>6</v>
      </c>
      <c r="AL39771">
        <v>6</v>
      </c>
      <c r="AM39771">
        <v>6</v>
      </c>
      <c r="AN39771">
        <v>6</v>
      </c>
      <c r="AO39771">
        <v>6</v>
      </c>
      <c r="AP39771">
        <v>6</v>
      </c>
      <c r="AQ39771">
        <v>6</v>
      </c>
    </row>
    <row r="39772" spans="1:43">
      <c r="A39772" t="s">
        <v>24661</v>
      </c>
      <c r="B39772" t="s">
        <v>24662</v>
      </c>
      <c r="C39772" t="s">
        <v>24627</v>
      </c>
      <c r="D39772" t="s">
        <v>24628</v>
      </c>
      <c r="E39772" t="s">
        <v>24517</v>
      </c>
      <c r="F39772" t="s">
        <v>24518</v>
      </c>
      <c r="G39772" t="s">
        <v>11612</v>
      </c>
      <c r="H39772" t="s">
        <v>11613</v>
      </c>
      <c r="I39772" s="2">
        <v>0</v>
      </c>
      <c r="J39772" s="2">
        <v>0</v>
      </c>
      <c r="K39772" s="2">
        <v>1</v>
      </c>
      <c r="L39772" t="s">
        <v>995</v>
      </c>
      <c r="M39772" t="s">
        <v>89</v>
      </c>
      <c r="N39772" t="s">
        <v>90</v>
      </c>
      <c r="O39772" t="s">
        <v>85</v>
      </c>
      <c r="P39772" t="s">
        <v>86</v>
      </c>
      <c r="Q39772">
        <v>6</v>
      </c>
      <c r="R39772">
        <v>6</v>
      </c>
      <c r="S39772">
        <v>6</v>
      </c>
      <c r="T39772">
        <v>6</v>
      </c>
      <c r="U39772">
        <v>6</v>
      </c>
      <c r="V39772">
        <v>6</v>
      </c>
      <c r="W39772">
        <v>6</v>
      </c>
      <c r="X39772">
        <v>6</v>
      </c>
      <c r="Y39772">
        <v>6</v>
      </c>
      <c r="Z39772">
        <v>7</v>
      </c>
      <c r="AA39772">
        <v>7</v>
      </c>
      <c r="AB39772">
        <v>7</v>
      </c>
      <c r="AC39772">
        <v>7</v>
      </c>
      <c r="AD39772">
        <v>7</v>
      </c>
      <c r="AE39772">
        <v>7</v>
      </c>
      <c r="AF39772">
        <v>7</v>
      </c>
      <c r="AG39772">
        <v>7</v>
      </c>
      <c r="AH39772">
        <v>7</v>
      </c>
      <c r="AI39772">
        <v>7</v>
      </c>
      <c r="AJ39772">
        <v>7</v>
      </c>
      <c r="AK39772">
        <v>7</v>
      </c>
      <c r="AL39772">
        <v>7</v>
      </c>
      <c r="AM39772">
        <v>7</v>
      </c>
      <c r="AN39772">
        <v>7</v>
      </c>
      <c r="AO39772">
        <v>7</v>
      </c>
      <c r="AP39772">
        <v>7</v>
      </c>
      <c r="AQ39772">
        <v>7</v>
      </c>
    </row>
    <row r="39773" spans="1:43">
      <c r="A39773" t="s">
        <v>24661</v>
      </c>
      <c r="B39773" t="s">
        <v>24662</v>
      </c>
      <c r="C39773" t="s">
        <v>24627</v>
      </c>
      <c r="D39773" t="s">
        <v>24628</v>
      </c>
      <c r="E39773" t="s">
        <v>24517</v>
      </c>
      <c r="F39773" t="s">
        <v>24518</v>
      </c>
      <c r="G39773" t="s">
        <v>11612</v>
      </c>
      <c r="H39773" t="s">
        <v>11613</v>
      </c>
      <c r="I39773" s="2">
        <v>0</v>
      </c>
      <c r="J39773" s="2">
        <v>0</v>
      </c>
      <c r="K39773" s="2">
        <v>1</v>
      </c>
      <c r="L39773" t="s">
        <v>995</v>
      </c>
      <c r="M39773" t="s">
        <v>83</v>
      </c>
      <c r="N39773" t="s">
        <v>91</v>
      </c>
      <c r="O39773" t="s">
        <v>85</v>
      </c>
      <c r="P39773" t="s">
        <v>86</v>
      </c>
      <c r="Q39773">
        <v>6</v>
      </c>
      <c r="R39773">
        <v>6</v>
      </c>
      <c r="S39773">
        <v>6</v>
      </c>
      <c r="T39773">
        <v>6</v>
      </c>
      <c r="U39773">
        <v>6</v>
      </c>
      <c r="V39773">
        <v>6</v>
      </c>
      <c r="W39773">
        <v>6</v>
      </c>
      <c r="X39773">
        <v>6</v>
      </c>
      <c r="Y39773">
        <v>6</v>
      </c>
      <c r="Z39773">
        <v>6</v>
      </c>
      <c r="AA39773">
        <v>6</v>
      </c>
      <c r="AB39773">
        <v>6</v>
      </c>
      <c r="AC39773">
        <v>6</v>
      </c>
      <c r="AD39773">
        <v>6</v>
      </c>
      <c r="AE39773">
        <v>6</v>
      </c>
      <c r="AF39773">
        <v>7</v>
      </c>
      <c r="AG39773">
        <v>7</v>
      </c>
      <c r="AH39773">
        <v>7</v>
      </c>
      <c r="AI39773">
        <v>7</v>
      </c>
      <c r="AJ39773">
        <v>7</v>
      </c>
      <c r="AK39773">
        <v>7</v>
      </c>
      <c r="AL39773">
        <v>7</v>
      </c>
      <c r="AM39773">
        <v>7</v>
      </c>
      <c r="AN39773">
        <v>7</v>
      </c>
      <c r="AO39773">
        <v>7</v>
      </c>
      <c r="AP39773">
        <v>7</v>
      </c>
      <c r="AQ39773">
        <v>7</v>
      </c>
    </row>
    <row r="39774" spans="1:43">
      <c r="A39774" t="s">
        <v>24663</v>
      </c>
      <c r="B39774" t="s">
        <v>24664</v>
      </c>
      <c r="C39774" t="s">
        <v>24535</v>
      </c>
      <c r="D39774" t="s">
        <v>24536</v>
      </c>
      <c r="E39774" t="s">
        <v>24517</v>
      </c>
      <c r="F39774" t="s">
        <v>24518</v>
      </c>
      <c r="G39774" t="s">
        <v>11612</v>
      </c>
      <c r="H39774" t="s">
        <v>11613</v>
      </c>
      <c r="I39774" s="2">
        <v>0</v>
      </c>
      <c r="J39774" s="2">
        <v>0</v>
      </c>
      <c r="K39774" s="2">
        <v>1</v>
      </c>
      <c r="L39774" t="s">
        <v>995</v>
      </c>
      <c r="M39774" t="s">
        <v>83</v>
      </c>
      <c r="N39774" t="s">
        <v>84</v>
      </c>
      <c r="O39774" t="s">
        <v>85</v>
      </c>
      <c r="P39774" t="s">
        <v>86</v>
      </c>
      <c r="Q39774">
        <v>15</v>
      </c>
      <c r="R39774">
        <v>15</v>
      </c>
      <c r="S39774">
        <v>15</v>
      </c>
      <c r="T39774">
        <v>15</v>
      </c>
      <c r="U39774">
        <v>15</v>
      </c>
      <c r="V39774">
        <v>15</v>
      </c>
      <c r="W39774">
        <v>16</v>
      </c>
      <c r="X39774">
        <v>16</v>
      </c>
      <c r="Y39774">
        <v>16</v>
      </c>
      <c r="Z39774">
        <v>16</v>
      </c>
      <c r="AA39774">
        <v>16</v>
      </c>
      <c r="AB39774">
        <v>16</v>
      </c>
      <c r="AC39774">
        <v>16</v>
      </c>
      <c r="AD39774">
        <v>17</v>
      </c>
      <c r="AE39774">
        <v>17</v>
      </c>
      <c r="AF39774">
        <v>17</v>
      </c>
      <c r="AG39774">
        <v>17</v>
      </c>
      <c r="AH39774">
        <v>17</v>
      </c>
      <c r="AI39774">
        <v>17</v>
      </c>
      <c r="AJ39774">
        <v>17</v>
      </c>
      <c r="AK39774">
        <v>18</v>
      </c>
      <c r="AL39774">
        <v>18</v>
      </c>
      <c r="AM39774">
        <v>18</v>
      </c>
      <c r="AN39774">
        <v>18</v>
      </c>
      <c r="AO39774">
        <v>18</v>
      </c>
      <c r="AP39774">
        <v>17</v>
      </c>
      <c r="AQ39774">
        <v>17</v>
      </c>
    </row>
    <row r="39775" spans="1:43">
      <c r="A39775" t="s">
        <v>24663</v>
      </c>
      <c r="B39775" t="s">
        <v>24664</v>
      </c>
      <c r="C39775" t="s">
        <v>24535</v>
      </c>
      <c r="D39775" t="s">
        <v>24536</v>
      </c>
      <c r="E39775" t="s">
        <v>24517</v>
      </c>
      <c r="F39775" t="s">
        <v>24518</v>
      </c>
      <c r="G39775" t="s">
        <v>11612</v>
      </c>
      <c r="H39775" t="s">
        <v>11613</v>
      </c>
      <c r="I39775" s="2">
        <v>0</v>
      </c>
      <c r="J39775" s="2">
        <v>0</v>
      </c>
      <c r="K39775" s="2">
        <v>1</v>
      </c>
      <c r="L39775" t="s">
        <v>995</v>
      </c>
      <c r="M39775" t="s">
        <v>87</v>
      </c>
      <c r="N39775" t="s">
        <v>88</v>
      </c>
      <c r="O39775" t="s">
        <v>85</v>
      </c>
      <c r="P39775" t="s">
        <v>86</v>
      </c>
      <c r="Q39775">
        <v>15</v>
      </c>
      <c r="R39775">
        <v>16</v>
      </c>
      <c r="S39775">
        <v>16</v>
      </c>
      <c r="T39775">
        <v>16</v>
      </c>
      <c r="U39775">
        <v>16</v>
      </c>
      <c r="V39775">
        <v>16</v>
      </c>
      <c r="W39775">
        <v>16</v>
      </c>
      <c r="X39775">
        <v>16</v>
      </c>
      <c r="Y39775">
        <v>16</v>
      </c>
      <c r="Z39775">
        <v>16</v>
      </c>
      <c r="AA39775">
        <v>16</v>
      </c>
      <c r="AB39775">
        <v>16</v>
      </c>
      <c r="AC39775">
        <v>16</v>
      </c>
      <c r="AD39775">
        <v>16</v>
      </c>
      <c r="AE39775">
        <v>16</v>
      </c>
      <c r="AF39775">
        <v>16</v>
      </c>
      <c r="AG39775">
        <v>16</v>
      </c>
      <c r="AH39775">
        <v>16</v>
      </c>
      <c r="AI39775">
        <v>16</v>
      </c>
      <c r="AJ39775">
        <v>16</v>
      </c>
      <c r="AK39775">
        <v>16</v>
      </c>
      <c r="AL39775">
        <v>16</v>
      </c>
      <c r="AM39775">
        <v>16</v>
      </c>
      <c r="AN39775">
        <v>16</v>
      </c>
      <c r="AO39775">
        <v>16</v>
      </c>
      <c r="AP39775">
        <v>16</v>
      </c>
      <c r="AQ39775">
        <v>16</v>
      </c>
    </row>
    <row r="39776" spans="1:43">
      <c r="A39776" t="s">
        <v>24663</v>
      </c>
      <c r="B39776" t="s">
        <v>24664</v>
      </c>
      <c r="C39776" t="s">
        <v>24535</v>
      </c>
      <c r="D39776" t="s">
        <v>24536</v>
      </c>
      <c r="E39776" t="s">
        <v>24517</v>
      </c>
      <c r="F39776" t="s">
        <v>24518</v>
      </c>
      <c r="G39776" t="s">
        <v>11612</v>
      </c>
      <c r="H39776" t="s">
        <v>11613</v>
      </c>
      <c r="I39776" s="2">
        <v>0</v>
      </c>
      <c r="J39776" s="2">
        <v>0</v>
      </c>
      <c r="K39776" s="2">
        <v>1</v>
      </c>
      <c r="L39776" t="s">
        <v>995</v>
      </c>
      <c r="M39776" t="s">
        <v>89</v>
      </c>
      <c r="N39776" t="s">
        <v>90</v>
      </c>
      <c r="O39776" t="s">
        <v>85</v>
      </c>
      <c r="P39776" t="s">
        <v>86</v>
      </c>
      <c r="Q39776">
        <v>15</v>
      </c>
      <c r="R39776">
        <v>15</v>
      </c>
      <c r="S39776">
        <v>15</v>
      </c>
      <c r="T39776">
        <v>16</v>
      </c>
      <c r="U39776">
        <v>16</v>
      </c>
      <c r="V39776">
        <v>16</v>
      </c>
      <c r="W39776">
        <v>16</v>
      </c>
      <c r="X39776">
        <v>17</v>
      </c>
      <c r="Y39776">
        <v>17</v>
      </c>
      <c r="Z39776">
        <v>17</v>
      </c>
      <c r="AA39776">
        <v>17</v>
      </c>
      <c r="AB39776">
        <v>17</v>
      </c>
      <c r="AC39776">
        <v>18</v>
      </c>
      <c r="AD39776">
        <v>18</v>
      </c>
      <c r="AE39776">
        <v>18</v>
      </c>
      <c r="AF39776">
        <v>18</v>
      </c>
      <c r="AG39776">
        <v>18</v>
      </c>
      <c r="AH39776">
        <v>18</v>
      </c>
      <c r="AI39776">
        <v>18</v>
      </c>
      <c r="AJ39776">
        <v>18</v>
      </c>
      <c r="AK39776">
        <v>18</v>
      </c>
      <c r="AL39776">
        <v>18</v>
      </c>
      <c r="AM39776">
        <v>18</v>
      </c>
      <c r="AN39776">
        <v>18</v>
      </c>
      <c r="AO39776">
        <v>18</v>
      </c>
      <c r="AP39776">
        <v>18</v>
      </c>
      <c r="AQ39776">
        <v>18</v>
      </c>
    </row>
    <row r="39777" spans="1:43">
      <c r="A39777" t="s">
        <v>24663</v>
      </c>
      <c r="B39777" t="s">
        <v>24664</v>
      </c>
      <c r="C39777" t="s">
        <v>24535</v>
      </c>
      <c r="D39777" t="s">
        <v>24536</v>
      </c>
      <c r="E39777" t="s">
        <v>24517</v>
      </c>
      <c r="F39777" t="s">
        <v>24518</v>
      </c>
      <c r="G39777" t="s">
        <v>11612</v>
      </c>
      <c r="H39777" t="s">
        <v>11613</v>
      </c>
      <c r="I39777" s="2">
        <v>0</v>
      </c>
      <c r="J39777" s="2">
        <v>0</v>
      </c>
      <c r="K39777" s="2">
        <v>1</v>
      </c>
      <c r="L39777" t="s">
        <v>995</v>
      </c>
      <c r="M39777" t="s">
        <v>83</v>
      </c>
      <c r="N39777" t="s">
        <v>91</v>
      </c>
      <c r="O39777" t="s">
        <v>85</v>
      </c>
      <c r="P39777" t="s">
        <v>86</v>
      </c>
      <c r="Q39777">
        <v>15</v>
      </c>
      <c r="R39777">
        <v>15</v>
      </c>
      <c r="S39777">
        <v>15</v>
      </c>
      <c r="T39777">
        <v>15</v>
      </c>
      <c r="U39777">
        <v>15</v>
      </c>
      <c r="V39777">
        <v>15</v>
      </c>
      <c r="W39777">
        <v>16</v>
      </c>
      <c r="X39777">
        <v>16</v>
      </c>
      <c r="Y39777">
        <v>16</v>
      </c>
      <c r="Z39777">
        <v>16</v>
      </c>
      <c r="AA39777">
        <v>16</v>
      </c>
      <c r="AB39777">
        <v>16</v>
      </c>
      <c r="AC39777">
        <v>16</v>
      </c>
      <c r="AD39777">
        <v>17</v>
      </c>
      <c r="AE39777">
        <v>17</v>
      </c>
      <c r="AF39777">
        <v>17</v>
      </c>
      <c r="AG39777">
        <v>17</v>
      </c>
      <c r="AH39777">
        <v>17</v>
      </c>
      <c r="AI39777">
        <v>17</v>
      </c>
      <c r="AJ39777">
        <v>17</v>
      </c>
      <c r="AK39777">
        <v>18</v>
      </c>
      <c r="AL39777">
        <v>18</v>
      </c>
      <c r="AM39777">
        <v>18</v>
      </c>
      <c r="AN39777">
        <v>18</v>
      </c>
      <c r="AO39777">
        <v>18</v>
      </c>
      <c r="AP39777">
        <v>17</v>
      </c>
      <c r="AQ39777">
        <v>17</v>
      </c>
    </row>
    <row r="39778" spans="1:43">
      <c r="A39778" t="s">
        <v>24665</v>
      </c>
      <c r="B39778" t="s">
        <v>24666</v>
      </c>
      <c r="C39778" t="s">
        <v>10190</v>
      </c>
      <c r="D39778" t="s">
        <v>10191</v>
      </c>
      <c r="E39778" t="s">
        <v>9956</v>
      </c>
      <c r="F39778" t="s">
        <v>9957</v>
      </c>
      <c r="G39778" t="s">
        <v>80</v>
      </c>
      <c r="H39778" t="s">
        <v>81</v>
      </c>
      <c r="I39778" s="2">
        <v>0</v>
      </c>
      <c r="J39778" s="2">
        <v>1</v>
      </c>
      <c r="K39778" s="2">
        <v>0</v>
      </c>
      <c r="L39778" t="s">
        <v>82</v>
      </c>
      <c r="M39778" t="s">
        <v>83</v>
      </c>
      <c r="N39778" t="s">
        <v>84</v>
      </c>
      <c r="O39778" t="s">
        <v>85</v>
      </c>
      <c r="P39778" t="s">
        <v>86</v>
      </c>
      <c r="Q39778">
        <v>54</v>
      </c>
      <c r="R39778">
        <v>55</v>
      </c>
      <c r="S39778">
        <v>56</v>
      </c>
      <c r="T39778">
        <v>57</v>
      </c>
      <c r="U39778">
        <v>58</v>
      </c>
      <c r="V39778">
        <v>59</v>
      </c>
      <c r="W39778">
        <v>61</v>
      </c>
      <c r="X39778">
        <v>62</v>
      </c>
      <c r="Y39778">
        <v>63</v>
      </c>
      <c r="Z39778">
        <v>64</v>
      </c>
      <c r="AA39778">
        <v>66</v>
      </c>
      <c r="AB39778">
        <v>67</v>
      </c>
      <c r="AC39778">
        <v>68</v>
      </c>
      <c r="AD39778">
        <v>70</v>
      </c>
      <c r="AE39778">
        <v>71</v>
      </c>
      <c r="AF39778">
        <v>72</v>
      </c>
      <c r="AG39778">
        <v>74</v>
      </c>
      <c r="AH39778">
        <v>75</v>
      </c>
      <c r="AI39778">
        <v>76</v>
      </c>
      <c r="AJ39778">
        <v>78</v>
      </c>
      <c r="AK39778">
        <v>79</v>
      </c>
      <c r="AL39778">
        <v>80</v>
      </c>
      <c r="AM39778">
        <v>81</v>
      </c>
      <c r="AN39778">
        <v>82</v>
      </c>
      <c r="AO39778">
        <v>82</v>
      </c>
      <c r="AP39778">
        <v>83</v>
      </c>
      <c r="AQ39778">
        <v>84</v>
      </c>
    </row>
    <row r="39779" spans="1:43">
      <c r="A39779" t="s">
        <v>24665</v>
      </c>
      <c r="B39779" t="s">
        <v>24666</v>
      </c>
      <c r="C39779" t="s">
        <v>10190</v>
      </c>
      <c r="D39779" t="s">
        <v>10191</v>
      </c>
      <c r="E39779" t="s">
        <v>9956</v>
      </c>
      <c r="F39779" t="s">
        <v>9957</v>
      </c>
      <c r="G39779" t="s">
        <v>80</v>
      </c>
      <c r="H39779" t="s">
        <v>81</v>
      </c>
      <c r="I39779" s="2">
        <v>0</v>
      </c>
      <c r="J39779" s="2">
        <v>1</v>
      </c>
      <c r="K39779" s="2">
        <v>0</v>
      </c>
      <c r="L39779" t="s">
        <v>82</v>
      </c>
      <c r="M39779" t="s">
        <v>87</v>
      </c>
      <c r="N39779" t="s">
        <v>88</v>
      </c>
      <c r="O39779" t="s">
        <v>85</v>
      </c>
      <c r="P39779" t="s">
        <v>86</v>
      </c>
      <c r="Q39779">
        <v>54</v>
      </c>
      <c r="R39779">
        <v>55</v>
      </c>
      <c r="S39779">
        <v>55</v>
      </c>
      <c r="T39779">
        <v>56</v>
      </c>
      <c r="U39779">
        <v>57</v>
      </c>
      <c r="V39779">
        <v>57</v>
      </c>
      <c r="W39779">
        <v>58</v>
      </c>
      <c r="X39779">
        <v>59</v>
      </c>
      <c r="Y39779">
        <v>59</v>
      </c>
      <c r="Z39779">
        <v>60</v>
      </c>
      <c r="AA39779">
        <v>61</v>
      </c>
      <c r="AB39779">
        <v>62</v>
      </c>
      <c r="AC39779">
        <v>62</v>
      </c>
      <c r="AD39779">
        <v>63</v>
      </c>
      <c r="AE39779">
        <v>64</v>
      </c>
      <c r="AF39779">
        <v>65</v>
      </c>
      <c r="AG39779">
        <v>65</v>
      </c>
      <c r="AH39779">
        <v>66</v>
      </c>
      <c r="AI39779">
        <v>67</v>
      </c>
      <c r="AJ39779">
        <v>68</v>
      </c>
      <c r="AK39779">
        <v>68</v>
      </c>
      <c r="AL39779">
        <v>69</v>
      </c>
      <c r="AM39779">
        <v>70</v>
      </c>
      <c r="AN39779">
        <v>71</v>
      </c>
      <c r="AO39779">
        <v>72</v>
      </c>
      <c r="AP39779">
        <v>73</v>
      </c>
      <c r="AQ39779">
        <v>73</v>
      </c>
    </row>
    <row r="39780" spans="1:43">
      <c r="A39780" t="s">
        <v>24665</v>
      </c>
      <c r="B39780" t="s">
        <v>24666</v>
      </c>
      <c r="C39780" t="s">
        <v>10190</v>
      </c>
      <c r="D39780" t="s">
        <v>10191</v>
      </c>
      <c r="E39780" t="s">
        <v>9956</v>
      </c>
      <c r="F39780" t="s">
        <v>9957</v>
      </c>
      <c r="G39780" t="s">
        <v>80</v>
      </c>
      <c r="H39780" t="s">
        <v>81</v>
      </c>
      <c r="I39780" s="2">
        <v>0</v>
      </c>
      <c r="J39780" s="2">
        <v>1</v>
      </c>
      <c r="K39780" s="2">
        <v>0</v>
      </c>
      <c r="L39780" t="s">
        <v>82</v>
      </c>
      <c r="M39780" t="s">
        <v>89</v>
      </c>
      <c r="N39780" t="s">
        <v>90</v>
      </c>
      <c r="O39780" t="s">
        <v>85</v>
      </c>
      <c r="P39780" t="s">
        <v>86</v>
      </c>
      <c r="Q39780">
        <v>54</v>
      </c>
      <c r="R39780">
        <v>56</v>
      </c>
      <c r="S39780">
        <v>57</v>
      </c>
      <c r="T39780">
        <v>59</v>
      </c>
      <c r="U39780">
        <v>61</v>
      </c>
      <c r="V39780">
        <v>62</v>
      </c>
      <c r="W39780">
        <v>64</v>
      </c>
      <c r="X39780">
        <v>65</v>
      </c>
      <c r="Y39780">
        <v>67</v>
      </c>
      <c r="Z39780">
        <v>69</v>
      </c>
      <c r="AA39780">
        <v>70</v>
      </c>
      <c r="AB39780">
        <v>72</v>
      </c>
      <c r="AC39780">
        <v>73</v>
      </c>
      <c r="AD39780">
        <v>75</v>
      </c>
      <c r="AE39780">
        <v>76</v>
      </c>
      <c r="AF39780">
        <v>77</v>
      </c>
      <c r="AG39780">
        <v>77</v>
      </c>
      <c r="AH39780">
        <v>78</v>
      </c>
      <c r="AI39780">
        <v>79</v>
      </c>
      <c r="AJ39780">
        <v>80</v>
      </c>
      <c r="AK39780">
        <v>80</v>
      </c>
      <c r="AL39780">
        <v>81</v>
      </c>
      <c r="AM39780">
        <v>82</v>
      </c>
      <c r="AN39780">
        <v>82</v>
      </c>
      <c r="AO39780">
        <v>83</v>
      </c>
      <c r="AP39780">
        <v>84</v>
      </c>
      <c r="AQ39780">
        <v>84</v>
      </c>
    </row>
    <row r="39781" spans="1:43">
      <c r="A39781" t="s">
        <v>24665</v>
      </c>
      <c r="B39781" t="s">
        <v>24666</v>
      </c>
      <c r="C39781" t="s">
        <v>10190</v>
      </c>
      <c r="D39781" t="s">
        <v>10191</v>
      </c>
      <c r="E39781" t="s">
        <v>9956</v>
      </c>
      <c r="F39781" t="s">
        <v>9957</v>
      </c>
      <c r="G39781" t="s">
        <v>80</v>
      </c>
      <c r="H39781" t="s">
        <v>81</v>
      </c>
      <c r="I39781" s="2">
        <v>0</v>
      </c>
      <c r="J39781" s="2">
        <v>1</v>
      </c>
      <c r="K39781" s="2">
        <v>0</v>
      </c>
      <c r="L39781" t="s">
        <v>82</v>
      </c>
      <c r="M39781" t="s">
        <v>83</v>
      </c>
      <c r="N39781" t="s">
        <v>91</v>
      </c>
      <c r="O39781" t="s">
        <v>85</v>
      </c>
      <c r="P39781" t="s">
        <v>86</v>
      </c>
      <c r="Q39781">
        <v>54</v>
      </c>
      <c r="R39781">
        <v>55</v>
      </c>
      <c r="S39781">
        <v>56</v>
      </c>
      <c r="T39781">
        <v>57</v>
      </c>
      <c r="U39781">
        <v>58</v>
      </c>
      <c r="V39781">
        <v>59</v>
      </c>
      <c r="W39781">
        <v>61</v>
      </c>
      <c r="X39781">
        <v>62</v>
      </c>
      <c r="Y39781">
        <v>63</v>
      </c>
      <c r="Z39781">
        <v>64</v>
      </c>
      <c r="AA39781">
        <v>66</v>
      </c>
      <c r="AB39781">
        <v>67</v>
      </c>
      <c r="AC39781">
        <v>68</v>
      </c>
      <c r="AD39781">
        <v>70</v>
      </c>
      <c r="AE39781">
        <v>71</v>
      </c>
      <c r="AF39781">
        <v>72</v>
      </c>
      <c r="AG39781">
        <v>74</v>
      </c>
      <c r="AH39781">
        <v>75</v>
      </c>
      <c r="AI39781">
        <v>76</v>
      </c>
      <c r="AJ39781">
        <v>78</v>
      </c>
      <c r="AK39781">
        <v>79</v>
      </c>
      <c r="AL39781">
        <v>80</v>
      </c>
      <c r="AM39781">
        <v>81</v>
      </c>
      <c r="AN39781">
        <v>82</v>
      </c>
      <c r="AO39781">
        <v>82</v>
      </c>
      <c r="AP39781">
        <v>83</v>
      </c>
      <c r="AQ39781">
        <v>84</v>
      </c>
    </row>
    <row r="39782" spans="1:43">
      <c r="A39782" t="s">
        <v>24667</v>
      </c>
      <c r="B39782" t="s">
        <v>24668</v>
      </c>
      <c r="C39782" t="s">
        <v>10190</v>
      </c>
      <c r="D39782" t="s">
        <v>10191</v>
      </c>
      <c r="E39782" t="s">
        <v>9956</v>
      </c>
      <c r="F39782" t="s">
        <v>9957</v>
      </c>
      <c r="G39782" t="s">
        <v>80</v>
      </c>
      <c r="H39782" t="s">
        <v>81</v>
      </c>
      <c r="I39782" s="2">
        <v>0</v>
      </c>
      <c r="J39782" s="2">
        <v>1</v>
      </c>
      <c r="K39782" s="2">
        <v>0</v>
      </c>
      <c r="L39782" t="s">
        <v>82</v>
      </c>
      <c r="M39782" t="s">
        <v>83</v>
      </c>
      <c r="N39782" t="s">
        <v>84</v>
      </c>
      <c r="O39782" t="s">
        <v>85</v>
      </c>
      <c r="P39782" t="s">
        <v>86</v>
      </c>
      <c r="Q39782">
        <v>27</v>
      </c>
      <c r="R39782">
        <v>27</v>
      </c>
      <c r="S39782">
        <v>28</v>
      </c>
      <c r="T39782">
        <v>28</v>
      </c>
      <c r="U39782">
        <v>29</v>
      </c>
      <c r="V39782">
        <v>30</v>
      </c>
      <c r="W39782">
        <v>30</v>
      </c>
      <c r="X39782">
        <v>31</v>
      </c>
      <c r="Y39782">
        <v>31</v>
      </c>
      <c r="Z39782">
        <v>32</v>
      </c>
      <c r="AA39782">
        <v>33</v>
      </c>
      <c r="AB39782">
        <v>33</v>
      </c>
      <c r="AC39782">
        <v>34</v>
      </c>
      <c r="AD39782">
        <v>35</v>
      </c>
      <c r="AE39782">
        <v>35</v>
      </c>
      <c r="AF39782">
        <v>36</v>
      </c>
      <c r="AG39782">
        <v>37</v>
      </c>
      <c r="AH39782">
        <v>37</v>
      </c>
      <c r="AI39782">
        <v>38</v>
      </c>
      <c r="AJ39782">
        <v>39</v>
      </c>
      <c r="AK39782">
        <v>39</v>
      </c>
      <c r="AL39782">
        <v>40</v>
      </c>
      <c r="AM39782">
        <v>40</v>
      </c>
      <c r="AN39782">
        <v>40</v>
      </c>
      <c r="AO39782">
        <v>41</v>
      </c>
      <c r="AP39782">
        <v>41</v>
      </c>
      <c r="AQ39782">
        <v>42</v>
      </c>
    </row>
    <row r="39783" spans="1:43">
      <c r="A39783" t="s">
        <v>24667</v>
      </c>
      <c r="B39783" t="s">
        <v>24668</v>
      </c>
      <c r="C39783" t="s">
        <v>10190</v>
      </c>
      <c r="D39783" t="s">
        <v>10191</v>
      </c>
      <c r="E39783" t="s">
        <v>9956</v>
      </c>
      <c r="F39783" t="s">
        <v>9957</v>
      </c>
      <c r="G39783" t="s">
        <v>80</v>
      </c>
      <c r="H39783" t="s">
        <v>81</v>
      </c>
      <c r="I39783" s="2">
        <v>0</v>
      </c>
      <c r="J39783" s="2">
        <v>1</v>
      </c>
      <c r="K39783" s="2">
        <v>0</v>
      </c>
      <c r="L39783" t="s">
        <v>82</v>
      </c>
      <c r="M39783" t="s">
        <v>87</v>
      </c>
      <c r="N39783" t="s">
        <v>88</v>
      </c>
      <c r="O39783" t="s">
        <v>85</v>
      </c>
      <c r="P39783" t="s">
        <v>86</v>
      </c>
      <c r="Q39783">
        <v>27</v>
      </c>
      <c r="R39783">
        <v>28</v>
      </c>
      <c r="S39783">
        <v>28</v>
      </c>
      <c r="T39783">
        <v>28</v>
      </c>
      <c r="U39783">
        <v>29</v>
      </c>
      <c r="V39783">
        <v>29</v>
      </c>
      <c r="W39783">
        <v>29</v>
      </c>
      <c r="X39783">
        <v>30</v>
      </c>
      <c r="Y39783">
        <v>30</v>
      </c>
      <c r="Z39783">
        <v>30</v>
      </c>
      <c r="AA39783">
        <v>31</v>
      </c>
      <c r="AB39783">
        <v>31</v>
      </c>
      <c r="AC39783">
        <v>31</v>
      </c>
      <c r="AD39783">
        <v>32</v>
      </c>
      <c r="AE39783">
        <v>32</v>
      </c>
      <c r="AF39783">
        <v>33</v>
      </c>
      <c r="AG39783">
        <v>33</v>
      </c>
      <c r="AH39783">
        <v>33</v>
      </c>
      <c r="AI39783">
        <v>34</v>
      </c>
      <c r="AJ39783">
        <v>34</v>
      </c>
      <c r="AK39783">
        <v>35</v>
      </c>
      <c r="AL39783">
        <v>35</v>
      </c>
      <c r="AM39783">
        <v>35</v>
      </c>
      <c r="AN39783">
        <v>36</v>
      </c>
      <c r="AO39783">
        <v>36</v>
      </c>
      <c r="AP39783">
        <v>37</v>
      </c>
      <c r="AQ39783">
        <v>37</v>
      </c>
    </row>
    <row r="39784" spans="1:43">
      <c r="A39784" t="s">
        <v>24667</v>
      </c>
      <c r="B39784" t="s">
        <v>24668</v>
      </c>
      <c r="C39784" t="s">
        <v>10190</v>
      </c>
      <c r="D39784" t="s">
        <v>10191</v>
      </c>
      <c r="E39784" t="s">
        <v>9956</v>
      </c>
      <c r="F39784" t="s">
        <v>9957</v>
      </c>
      <c r="G39784" t="s">
        <v>80</v>
      </c>
      <c r="H39784" t="s">
        <v>81</v>
      </c>
      <c r="I39784" s="2">
        <v>0</v>
      </c>
      <c r="J39784" s="2">
        <v>1</v>
      </c>
      <c r="K39784" s="2">
        <v>0</v>
      </c>
      <c r="L39784" t="s">
        <v>82</v>
      </c>
      <c r="M39784" t="s">
        <v>89</v>
      </c>
      <c r="N39784" t="s">
        <v>90</v>
      </c>
      <c r="O39784" t="s">
        <v>85</v>
      </c>
      <c r="P39784" t="s">
        <v>86</v>
      </c>
      <c r="Q39784">
        <v>27</v>
      </c>
      <c r="R39784">
        <v>28</v>
      </c>
      <c r="S39784">
        <v>28</v>
      </c>
      <c r="T39784">
        <v>29</v>
      </c>
      <c r="U39784">
        <v>30</v>
      </c>
      <c r="V39784">
        <v>31</v>
      </c>
      <c r="W39784">
        <v>32</v>
      </c>
      <c r="X39784">
        <v>32</v>
      </c>
      <c r="Y39784">
        <v>33</v>
      </c>
      <c r="Z39784">
        <v>34</v>
      </c>
      <c r="AA39784">
        <v>35</v>
      </c>
      <c r="AB39784">
        <v>36</v>
      </c>
      <c r="AC39784">
        <v>36</v>
      </c>
      <c r="AD39784">
        <v>37</v>
      </c>
      <c r="AE39784">
        <v>38</v>
      </c>
      <c r="AF39784">
        <v>38</v>
      </c>
      <c r="AG39784">
        <v>38</v>
      </c>
      <c r="AH39784">
        <v>39</v>
      </c>
      <c r="AI39784">
        <v>39</v>
      </c>
      <c r="AJ39784">
        <v>39</v>
      </c>
      <c r="AK39784">
        <v>40</v>
      </c>
      <c r="AL39784">
        <v>40</v>
      </c>
      <c r="AM39784">
        <v>41</v>
      </c>
      <c r="AN39784">
        <v>41</v>
      </c>
      <c r="AO39784">
        <v>41</v>
      </c>
      <c r="AP39784">
        <v>42</v>
      </c>
      <c r="AQ39784">
        <v>42</v>
      </c>
    </row>
    <row r="39785" spans="1:43">
      <c r="A39785" t="s">
        <v>24667</v>
      </c>
      <c r="B39785" t="s">
        <v>24668</v>
      </c>
      <c r="C39785" t="s">
        <v>10190</v>
      </c>
      <c r="D39785" t="s">
        <v>10191</v>
      </c>
      <c r="E39785" t="s">
        <v>9956</v>
      </c>
      <c r="F39785" t="s">
        <v>9957</v>
      </c>
      <c r="G39785" t="s">
        <v>80</v>
      </c>
      <c r="H39785" t="s">
        <v>81</v>
      </c>
      <c r="I39785" s="2">
        <v>0</v>
      </c>
      <c r="J39785" s="2">
        <v>1</v>
      </c>
      <c r="K39785" s="2">
        <v>0</v>
      </c>
      <c r="L39785" t="s">
        <v>82</v>
      </c>
      <c r="M39785" t="s">
        <v>83</v>
      </c>
      <c r="N39785" t="s">
        <v>91</v>
      </c>
      <c r="O39785" t="s">
        <v>85</v>
      </c>
      <c r="P39785" t="s">
        <v>86</v>
      </c>
      <c r="Q39785">
        <v>27</v>
      </c>
      <c r="R39785">
        <v>27</v>
      </c>
      <c r="S39785">
        <v>28</v>
      </c>
      <c r="T39785">
        <v>28</v>
      </c>
      <c r="U39785">
        <v>29</v>
      </c>
      <c r="V39785">
        <v>30</v>
      </c>
      <c r="W39785">
        <v>30</v>
      </c>
      <c r="X39785">
        <v>31</v>
      </c>
      <c r="Y39785">
        <v>31</v>
      </c>
      <c r="Z39785">
        <v>32</v>
      </c>
      <c r="AA39785">
        <v>33</v>
      </c>
      <c r="AB39785">
        <v>33</v>
      </c>
      <c r="AC39785">
        <v>34</v>
      </c>
      <c r="AD39785">
        <v>35</v>
      </c>
      <c r="AE39785">
        <v>35</v>
      </c>
      <c r="AF39785">
        <v>36</v>
      </c>
      <c r="AG39785">
        <v>37</v>
      </c>
      <c r="AH39785">
        <v>37</v>
      </c>
      <c r="AI39785">
        <v>38</v>
      </c>
      <c r="AJ39785">
        <v>39</v>
      </c>
      <c r="AK39785">
        <v>39</v>
      </c>
      <c r="AL39785">
        <v>40</v>
      </c>
      <c r="AM39785">
        <v>40</v>
      </c>
      <c r="AN39785">
        <v>40</v>
      </c>
      <c r="AO39785">
        <v>41</v>
      </c>
      <c r="AP39785">
        <v>41</v>
      </c>
      <c r="AQ39785">
        <v>42</v>
      </c>
    </row>
    <row r="39786" spans="1:43">
      <c r="A39786" t="s">
        <v>24669</v>
      </c>
      <c r="B39786" t="s">
        <v>24670</v>
      </c>
      <c r="C39786" t="s">
        <v>21725</v>
      </c>
      <c r="D39786" t="s">
        <v>21726</v>
      </c>
      <c r="E39786" t="s">
        <v>21687</v>
      </c>
      <c r="F39786" t="s">
        <v>21688</v>
      </c>
      <c r="G39786" t="s">
        <v>20255</v>
      </c>
      <c r="H39786" t="s">
        <v>20256</v>
      </c>
      <c r="I39786" s="2">
        <v>1</v>
      </c>
      <c r="J39786" s="2">
        <v>0</v>
      </c>
      <c r="K39786" s="2">
        <v>0</v>
      </c>
      <c r="L39786" t="s">
        <v>120</v>
      </c>
      <c r="M39786" t="s">
        <v>83</v>
      </c>
      <c r="N39786" t="s">
        <v>84</v>
      </c>
      <c r="O39786" t="s">
        <v>85</v>
      </c>
      <c r="P39786" t="s">
        <v>86</v>
      </c>
      <c r="Q39786">
        <v>23</v>
      </c>
      <c r="R39786">
        <v>23</v>
      </c>
      <c r="S39786">
        <v>23</v>
      </c>
      <c r="T39786">
        <v>23</v>
      </c>
      <c r="U39786">
        <v>23</v>
      </c>
      <c r="V39786">
        <v>24</v>
      </c>
      <c r="W39786">
        <v>24</v>
      </c>
      <c r="X39786">
        <v>24</v>
      </c>
      <c r="Y39786">
        <v>24</v>
      </c>
      <c r="Z39786">
        <v>24</v>
      </c>
      <c r="AA39786">
        <v>25</v>
      </c>
      <c r="AB39786">
        <v>25</v>
      </c>
      <c r="AC39786">
        <v>25</v>
      </c>
      <c r="AD39786">
        <v>25</v>
      </c>
      <c r="AE39786">
        <v>25</v>
      </c>
      <c r="AF39786">
        <v>25</v>
      </c>
      <c r="AG39786">
        <v>26</v>
      </c>
      <c r="AH39786">
        <v>26</v>
      </c>
      <c r="AI39786">
        <v>26</v>
      </c>
      <c r="AJ39786">
        <v>26</v>
      </c>
      <c r="AK39786">
        <v>26</v>
      </c>
      <c r="AL39786">
        <v>26</v>
      </c>
      <c r="AM39786">
        <v>26</v>
      </c>
      <c r="AN39786">
        <v>26</v>
      </c>
      <c r="AO39786">
        <v>26</v>
      </c>
      <c r="AP39786">
        <v>26</v>
      </c>
      <c r="AQ39786">
        <v>26</v>
      </c>
    </row>
    <row r="39787" spans="1:43">
      <c r="A39787" t="s">
        <v>24669</v>
      </c>
      <c r="B39787" t="s">
        <v>24670</v>
      </c>
      <c r="C39787" t="s">
        <v>21725</v>
      </c>
      <c r="D39787" t="s">
        <v>21726</v>
      </c>
      <c r="E39787" t="s">
        <v>21687</v>
      </c>
      <c r="F39787" t="s">
        <v>21688</v>
      </c>
      <c r="G39787" t="s">
        <v>20255</v>
      </c>
      <c r="H39787" t="s">
        <v>20256</v>
      </c>
      <c r="I39787" s="2">
        <v>1</v>
      </c>
      <c r="J39787" s="2">
        <v>0</v>
      </c>
      <c r="K39787" s="2">
        <v>0</v>
      </c>
      <c r="L39787" t="s">
        <v>120</v>
      </c>
      <c r="M39787" t="s">
        <v>87</v>
      </c>
      <c r="N39787" t="s">
        <v>88</v>
      </c>
      <c r="O39787" t="s">
        <v>85</v>
      </c>
      <c r="P39787" t="s">
        <v>86</v>
      </c>
      <c r="Q39787">
        <v>23</v>
      </c>
      <c r="R39787">
        <v>23</v>
      </c>
      <c r="S39787">
        <v>23</v>
      </c>
      <c r="T39787">
        <v>23</v>
      </c>
      <c r="U39787">
        <v>23</v>
      </c>
      <c r="V39787">
        <v>23</v>
      </c>
      <c r="W39787">
        <v>23</v>
      </c>
      <c r="X39787">
        <v>23</v>
      </c>
      <c r="Y39787">
        <v>23</v>
      </c>
      <c r="Z39787">
        <v>23</v>
      </c>
      <c r="AA39787">
        <v>23</v>
      </c>
      <c r="AB39787">
        <v>23</v>
      </c>
      <c r="AC39787">
        <v>23</v>
      </c>
      <c r="AD39787">
        <v>23</v>
      </c>
      <c r="AE39787">
        <v>23</v>
      </c>
      <c r="AF39787">
        <v>23</v>
      </c>
      <c r="AG39787">
        <v>23</v>
      </c>
      <c r="AH39787">
        <v>23</v>
      </c>
      <c r="AI39787">
        <v>23</v>
      </c>
      <c r="AJ39787">
        <v>23</v>
      </c>
      <c r="AK39787">
        <v>23</v>
      </c>
      <c r="AL39787">
        <v>23</v>
      </c>
      <c r="AM39787">
        <v>23</v>
      </c>
      <c r="AN39787">
        <v>23</v>
      </c>
      <c r="AO39787">
        <v>23</v>
      </c>
      <c r="AP39787">
        <v>23</v>
      </c>
      <c r="AQ39787">
        <v>23</v>
      </c>
    </row>
    <row r="39788" spans="1:43">
      <c r="A39788" t="s">
        <v>24669</v>
      </c>
      <c r="B39788" t="s">
        <v>24670</v>
      </c>
      <c r="C39788" t="s">
        <v>21725</v>
      </c>
      <c r="D39788" t="s">
        <v>21726</v>
      </c>
      <c r="E39788" t="s">
        <v>21687</v>
      </c>
      <c r="F39788" t="s">
        <v>21688</v>
      </c>
      <c r="G39788" t="s">
        <v>20255</v>
      </c>
      <c r="H39788" t="s">
        <v>20256</v>
      </c>
      <c r="I39788" s="2">
        <v>1</v>
      </c>
      <c r="J39788" s="2">
        <v>0</v>
      </c>
      <c r="K39788" s="2">
        <v>0</v>
      </c>
      <c r="L39788" t="s">
        <v>120</v>
      </c>
      <c r="M39788" t="s">
        <v>89</v>
      </c>
      <c r="N39788" t="s">
        <v>90</v>
      </c>
      <c r="O39788" t="s">
        <v>85</v>
      </c>
      <c r="P39788" t="s">
        <v>86</v>
      </c>
      <c r="Q39788">
        <v>23</v>
      </c>
      <c r="R39788">
        <v>23</v>
      </c>
      <c r="S39788">
        <v>24</v>
      </c>
      <c r="T39788">
        <v>24</v>
      </c>
      <c r="U39788">
        <v>24</v>
      </c>
      <c r="V39788">
        <v>25</v>
      </c>
      <c r="W39788">
        <v>25</v>
      </c>
      <c r="X39788">
        <v>25</v>
      </c>
      <c r="Y39788">
        <v>26</v>
      </c>
      <c r="Z39788">
        <v>26</v>
      </c>
      <c r="AA39788">
        <v>26</v>
      </c>
      <c r="AB39788">
        <v>26</v>
      </c>
      <c r="AC39788">
        <v>27</v>
      </c>
      <c r="AD39788">
        <v>27</v>
      </c>
      <c r="AE39788">
        <v>27</v>
      </c>
      <c r="AF39788">
        <v>27</v>
      </c>
      <c r="AG39788">
        <v>27</v>
      </c>
      <c r="AH39788">
        <v>27</v>
      </c>
      <c r="AI39788">
        <v>27</v>
      </c>
      <c r="AJ39788">
        <v>27</v>
      </c>
      <c r="AK39788">
        <v>26</v>
      </c>
      <c r="AL39788">
        <v>26</v>
      </c>
      <c r="AM39788">
        <v>26</v>
      </c>
      <c r="AN39788">
        <v>26</v>
      </c>
      <c r="AO39788">
        <v>26</v>
      </c>
      <c r="AP39788">
        <v>26</v>
      </c>
      <c r="AQ39788">
        <v>26</v>
      </c>
    </row>
    <row r="39789" spans="1:43">
      <c r="A39789" t="s">
        <v>24669</v>
      </c>
      <c r="B39789" t="s">
        <v>24670</v>
      </c>
      <c r="C39789" t="s">
        <v>21725</v>
      </c>
      <c r="D39789" t="s">
        <v>21726</v>
      </c>
      <c r="E39789" t="s">
        <v>21687</v>
      </c>
      <c r="F39789" t="s">
        <v>21688</v>
      </c>
      <c r="G39789" t="s">
        <v>20255</v>
      </c>
      <c r="H39789" t="s">
        <v>20256</v>
      </c>
      <c r="I39789" s="2">
        <v>1</v>
      </c>
      <c r="J39789" s="2">
        <v>0</v>
      </c>
      <c r="K39789" s="2">
        <v>0</v>
      </c>
      <c r="L39789" t="s">
        <v>120</v>
      </c>
      <c r="M39789" t="s">
        <v>83</v>
      </c>
      <c r="N39789" t="s">
        <v>91</v>
      </c>
      <c r="O39789" t="s">
        <v>85</v>
      </c>
      <c r="P39789" t="s">
        <v>86</v>
      </c>
      <c r="Q39789">
        <v>23</v>
      </c>
      <c r="R39789">
        <v>23</v>
      </c>
      <c r="S39789">
        <v>23</v>
      </c>
      <c r="T39789">
        <v>23</v>
      </c>
      <c r="U39789">
        <v>23</v>
      </c>
      <c r="V39789">
        <v>24</v>
      </c>
      <c r="W39789">
        <v>24</v>
      </c>
      <c r="X39789">
        <v>24</v>
      </c>
      <c r="Y39789">
        <v>24</v>
      </c>
      <c r="Z39789">
        <v>24</v>
      </c>
      <c r="AA39789">
        <v>25</v>
      </c>
      <c r="AB39789">
        <v>25</v>
      </c>
      <c r="AC39789">
        <v>25</v>
      </c>
      <c r="AD39789">
        <v>25</v>
      </c>
      <c r="AE39789">
        <v>25</v>
      </c>
      <c r="AF39789">
        <v>25</v>
      </c>
      <c r="AG39789">
        <v>26</v>
      </c>
      <c r="AH39789">
        <v>26</v>
      </c>
      <c r="AI39789">
        <v>26</v>
      </c>
      <c r="AJ39789">
        <v>26</v>
      </c>
      <c r="AK39789">
        <v>26</v>
      </c>
      <c r="AL39789">
        <v>26</v>
      </c>
      <c r="AM39789">
        <v>26</v>
      </c>
      <c r="AN39789">
        <v>26</v>
      </c>
      <c r="AO39789">
        <v>26</v>
      </c>
      <c r="AP39789">
        <v>26</v>
      </c>
      <c r="AQ39789">
        <v>26</v>
      </c>
    </row>
    <row r="39790" spans="1:43">
      <c r="A39790" t="s">
        <v>24671</v>
      </c>
      <c r="B39790" t="s">
        <v>24672</v>
      </c>
      <c r="C39790" t="s">
        <v>21725</v>
      </c>
      <c r="D39790" t="s">
        <v>21726</v>
      </c>
      <c r="E39790" t="s">
        <v>21687</v>
      </c>
      <c r="F39790" t="s">
        <v>21688</v>
      </c>
      <c r="G39790" t="s">
        <v>20255</v>
      </c>
      <c r="H39790" t="s">
        <v>20256</v>
      </c>
      <c r="I39790" s="2">
        <v>1</v>
      </c>
      <c r="J39790" s="2">
        <v>0</v>
      </c>
      <c r="K39790" s="2">
        <v>0</v>
      </c>
      <c r="L39790" t="s">
        <v>120</v>
      </c>
      <c r="M39790" t="s">
        <v>83</v>
      </c>
      <c r="N39790" t="s">
        <v>84</v>
      </c>
      <c r="O39790" t="s">
        <v>85</v>
      </c>
      <c r="P39790" t="s">
        <v>86</v>
      </c>
      <c r="Q39790">
        <v>21</v>
      </c>
      <c r="R39790">
        <v>21</v>
      </c>
      <c r="S39790">
        <v>22</v>
      </c>
      <c r="T39790">
        <v>22</v>
      </c>
      <c r="U39790">
        <v>22</v>
      </c>
      <c r="V39790">
        <v>22</v>
      </c>
      <c r="W39790">
        <v>22</v>
      </c>
      <c r="X39790">
        <v>23</v>
      </c>
      <c r="Y39790">
        <v>23</v>
      </c>
      <c r="Z39790">
        <v>23</v>
      </c>
      <c r="AA39790">
        <v>23</v>
      </c>
      <c r="AB39790">
        <v>24</v>
      </c>
      <c r="AC39790">
        <v>24</v>
      </c>
      <c r="AD39790">
        <v>24</v>
      </c>
      <c r="AE39790">
        <v>24</v>
      </c>
      <c r="AF39790">
        <v>24</v>
      </c>
      <c r="AG39790">
        <v>25</v>
      </c>
      <c r="AH39790">
        <v>25</v>
      </c>
      <c r="AI39790">
        <v>25</v>
      </c>
      <c r="AJ39790">
        <v>25</v>
      </c>
      <c r="AK39790">
        <v>25</v>
      </c>
      <c r="AL39790">
        <v>25</v>
      </c>
      <c r="AM39790">
        <v>25</v>
      </c>
      <c r="AN39790">
        <v>25</v>
      </c>
      <c r="AO39790">
        <v>25</v>
      </c>
      <c r="AP39790">
        <v>25</v>
      </c>
      <c r="AQ39790">
        <v>25</v>
      </c>
    </row>
    <row r="39791" spans="1:43">
      <c r="A39791" t="s">
        <v>24671</v>
      </c>
      <c r="B39791" t="s">
        <v>24672</v>
      </c>
      <c r="C39791" t="s">
        <v>21725</v>
      </c>
      <c r="D39791" t="s">
        <v>21726</v>
      </c>
      <c r="E39791" t="s">
        <v>21687</v>
      </c>
      <c r="F39791" t="s">
        <v>21688</v>
      </c>
      <c r="G39791" t="s">
        <v>20255</v>
      </c>
      <c r="H39791" t="s">
        <v>20256</v>
      </c>
      <c r="I39791" s="2">
        <v>1</v>
      </c>
      <c r="J39791" s="2">
        <v>0</v>
      </c>
      <c r="K39791" s="2">
        <v>0</v>
      </c>
      <c r="L39791" t="s">
        <v>120</v>
      </c>
      <c r="M39791" t="s">
        <v>87</v>
      </c>
      <c r="N39791" t="s">
        <v>88</v>
      </c>
      <c r="O39791" t="s">
        <v>85</v>
      </c>
      <c r="P39791" t="s">
        <v>86</v>
      </c>
      <c r="Q39791">
        <v>21</v>
      </c>
      <c r="R39791">
        <v>21</v>
      </c>
      <c r="S39791">
        <v>21</v>
      </c>
      <c r="T39791">
        <v>21</v>
      </c>
      <c r="U39791">
        <v>21</v>
      </c>
      <c r="V39791">
        <v>21</v>
      </c>
      <c r="W39791">
        <v>21</v>
      </c>
      <c r="X39791">
        <v>21</v>
      </c>
      <c r="Y39791">
        <v>21</v>
      </c>
      <c r="Z39791">
        <v>21</v>
      </c>
      <c r="AA39791">
        <v>21</v>
      </c>
      <c r="AB39791">
        <v>21</v>
      </c>
      <c r="AC39791">
        <v>21</v>
      </c>
      <c r="AD39791">
        <v>21</v>
      </c>
      <c r="AE39791">
        <v>21</v>
      </c>
      <c r="AF39791">
        <v>21</v>
      </c>
      <c r="AG39791">
        <v>21</v>
      </c>
      <c r="AH39791">
        <v>22</v>
      </c>
      <c r="AI39791">
        <v>22</v>
      </c>
      <c r="AJ39791">
        <v>22</v>
      </c>
      <c r="AK39791">
        <v>22</v>
      </c>
      <c r="AL39791">
        <v>22</v>
      </c>
      <c r="AM39791">
        <v>22</v>
      </c>
      <c r="AN39791">
        <v>22</v>
      </c>
      <c r="AO39791">
        <v>22</v>
      </c>
      <c r="AP39791">
        <v>22</v>
      </c>
      <c r="AQ39791">
        <v>22</v>
      </c>
    </row>
    <row r="39792" spans="1:43">
      <c r="A39792" t="s">
        <v>24671</v>
      </c>
      <c r="B39792" t="s">
        <v>24672</v>
      </c>
      <c r="C39792" t="s">
        <v>21725</v>
      </c>
      <c r="D39792" t="s">
        <v>21726</v>
      </c>
      <c r="E39792" t="s">
        <v>21687</v>
      </c>
      <c r="F39792" t="s">
        <v>21688</v>
      </c>
      <c r="G39792" t="s">
        <v>20255</v>
      </c>
      <c r="H39792" t="s">
        <v>20256</v>
      </c>
      <c r="I39792" s="2">
        <v>1</v>
      </c>
      <c r="J39792" s="2">
        <v>0</v>
      </c>
      <c r="K39792" s="2">
        <v>0</v>
      </c>
      <c r="L39792" t="s">
        <v>120</v>
      </c>
      <c r="M39792" t="s">
        <v>89</v>
      </c>
      <c r="N39792" t="s">
        <v>90</v>
      </c>
      <c r="O39792" t="s">
        <v>85</v>
      </c>
      <c r="P39792" t="s">
        <v>86</v>
      </c>
      <c r="Q39792">
        <v>21</v>
      </c>
      <c r="R39792">
        <v>22</v>
      </c>
      <c r="S39792">
        <v>22</v>
      </c>
      <c r="T39792">
        <v>23</v>
      </c>
      <c r="U39792">
        <v>23</v>
      </c>
      <c r="V39792">
        <v>23</v>
      </c>
      <c r="W39792">
        <v>24</v>
      </c>
      <c r="X39792">
        <v>24</v>
      </c>
      <c r="Y39792">
        <v>24</v>
      </c>
      <c r="Z39792">
        <v>25</v>
      </c>
      <c r="AA39792">
        <v>25</v>
      </c>
      <c r="AB39792">
        <v>25</v>
      </c>
      <c r="AC39792">
        <v>25</v>
      </c>
      <c r="AD39792">
        <v>26</v>
      </c>
      <c r="AE39792">
        <v>26</v>
      </c>
      <c r="AF39792">
        <v>26</v>
      </c>
      <c r="AG39792">
        <v>26</v>
      </c>
      <c r="AH39792">
        <v>26</v>
      </c>
      <c r="AI39792">
        <v>26</v>
      </c>
      <c r="AJ39792">
        <v>26</v>
      </c>
      <c r="AK39792">
        <v>26</v>
      </c>
      <c r="AL39792">
        <v>26</v>
      </c>
      <c r="AM39792">
        <v>26</v>
      </c>
      <c r="AN39792">
        <v>26</v>
      </c>
      <c r="AO39792">
        <v>26</v>
      </c>
      <c r="AP39792">
        <v>26</v>
      </c>
      <c r="AQ39792">
        <v>26</v>
      </c>
    </row>
    <row r="39793" spans="1:43">
      <c r="A39793" t="s">
        <v>24671</v>
      </c>
      <c r="B39793" t="s">
        <v>24672</v>
      </c>
      <c r="C39793" t="s">
        <v>21725</v>
      </c>
      <c r="D39793" t="s">
        <v>21726</v>
      </c>
      <c r="E39793" t="s">
        <v>21687</v>
      </c>
      <c r="F39793" t="s">
        <v>21688</v>
      </c>
      <c r="G39793" t="s">
        <v>20255</v>
      </c>
      <c r="H39793" t="s">
        <v>20256</v>
      </c>
      <c r="I39793" s="2">
        <v>1</v>
      </c>
      <c r="J39793" s="2">
        <v>0</v>
      </c>
      <c r="K39793" s="2">
        <v>0</v>
      </c>
      <c r="L39793" t="s">
        <v>120</v>
      </c>
      <c r="M39793" t="s">
        <v>83</v>
      </c>
      <c r="N39793" t="s">
        <v>91</v>
      </c>
      <c r="O39793" t="s">
        <v>85</v>
      </c>
      <c r="P39793" t="s">
        <v>86</v>
      </c>
      <c r="Q39793">
        <v>21</v>
      </c>
      <c r="R39793">
        <v>21</v>
      </c>
      <c r="S39793">
        <v>22</v>
      </c>
      <c r="T39793">
        <v>22</v>
      </c>
      <c r="U39793">
        <v>22</v>
      </c>
      <c r="V39793">
        <v>22</v>
      </c>
      <c r="W39793">
        <v>22</v>
      </c>
      <c r="X39793">
        <v>23</v>
      </c>
      <c r="Y39793">
        <v>23</v>
      </c>
      <c r="Z39793">
        <v>23</v>
      </c>
      <c r="AA39793">
        <v>23</v>
      </c>
      <c r="AB39793">
        <v>24</v>
      </c>
      <c r="AC39793">
        <v>24</v>
      </c>
      <c r="AD39793">
        <v>24</v>
      </c>
      <c r="AE39793">
        <v>24</v>
      </c>
      <c r="AF39793">
        <v>24</v>
      </c>
      <c r="AG39793">
        <v>25</v>
      </c>
      <c r="AH39793">
        <v>25</v>
      </c>
      <c r="AI39793">
        <v>25</v>
      </c>
      <c r="AJ39793">
        <v>25</v>
      </c>
      <c r="AK39793">
        <v>25</v>
      </c>
      <c r="AL39793">
        <v>25</v>
      </c>
      <c r="AM39793">
        <v>25</v>
      </c>
      <c r="AN39793">
        <v>25</v>
      </c>
      <c r="AO39793">
        <v>25</v>
      </c>
      <c r="AP39793">
        <v>25</v>
      </c>
      <c r="AQ39793">
        <v>25</v>
      </c>
    </row>
    <row r="39794" spans="1:43">
      <c r="A39794" t="s">
        <v>24673</v>
      </c>
      <c r="B39794" t="s">
        <v>24674</v>
      </c>
      <c r="C39794" t="s">
        <v>21725</v>
      </c>
      <c r="D39794" t="s">
        <v>21726</v>
      </c>
      <c r="E39794" t="s">
        <v>21687</v>
      </c>
      <c r="F39794" t="s">
        <v>21688</v>
      </c>
      <c r="G39794" t="s">
        <v>20255</v>
      </c>
      <c r="H39794" t="s">
        <v>20256</v>
      </c>
      <c r="I39794" s="2">
        <v>1</v>
      </c>
      <c r="J39794" s="2">
        <v>0</v>
      </c>
      <c r="K39794" s="2">
        <v>0</v>
      </c>
      <c r="L39794" t="s">
        <v>120</v>
      </c>
      <c r="M39794" t="s">
        <v>83</v>
      </c>
      <c r="N39794" t="s">
        <v>84</v>
      </c>
      <c r="O39794" t="s">
        <v>85</v>
      </c>
      <c r="P39794" t="s">
        <v>86</v>
      </c>
      <c r="Q39794">
        <v>34</v>
      </c>
      <c r="R39794">
        <v>35</v>
      </c>
      <c r="S39794">
        <v>35</v>
      </c>
      <c r="T39794">
        <v>35</v>
      </c>
      <c r="U39794">
        <v>36</v>
      </c>
      <c r="V39794">
        <v>36</v>
      </c>
      <c r="W39794">
        <v>37</v>
      </c>
      <c r="X39794">
        <v>37</v>
      </c>
      <c r="Y39794">
        <v>37</v>
      </c>
      <c r="Z39794">
        <v>38</v>
      </c>
      <c r="AA39794">
        <v>38</v>
      </c>
      <c r="AB39794">
        <v>38</v>
      </c>
      <c r="AC39794">
        <v>39</v>
      </c>
      <c r="AD39794">
        <v>39</v>
      </c>
      <c r="AE39794">
        <v>39</v>
      </c>
      <c r="AF39794">
        <v>40</v>
      </c>
      <c r="AG39794">
        <v>40</v>
      </c>
      <c r="AH39794">
        <v>40</v>
      </c>
      <c r="AI39794">
        <v>41</v>
      </c>
      <c r="AJ39794">
        <v>41</v>
      </c>
      <c r="AK39794">
        <v>41</v>
      </c>
      <c r="AL39794">
        <v>41</v>
      </c>
      <c r="AM39794">
        <v>41</v>
      </c>
      <c r="AN39794">
        <v>41</v>
      </c>
      <c r="AO39794">
        <v>41</v>
      </c>
      <c r="AP39794">
        <v>41</v>
      </c>
      <c r="AQ39794">
        <v>41</v>
      </c>
    </row>
    <row r="39795" spans="1:43">
      <c r="A39795" t="s">
        <v>24673</v>
      </c>
      <c r="B39795" t="s">
        <v>24674</v>
      </c>
      <c r="C39795" t="s">
        <v>21725</v>
      </c>
      <c r="D39795" t="s">
        <v>21726</v>
      </c>
      <c r="E39795" t="s">
        <v>21687</v>
      </c>
      <c r="F39795" t="s">
        <v>21688</v>
      </c>
      <c r="G39795" t="s">
        <v>20255</v>
      </c>
      <c r="H39795" t="s">
        <v>20256</v>
      </c>
      <c r="I39795" s="2">
        <v>1</v>
      </c>
      <c r="J39795" s="2">
        <v>0</v>
      </c>
      <c r="K39795" s="2">
        <v>0</v>
      </c>
      <c r="L39795" t="s">
        <v>120</v>
      </c>
      <c r="M39795" t="s">
        <v>87</v>
      </c>
      <c r="N39795" t="s">
        <v>88</v>
      </c>
      <c r="O39795" t="s">
        <v>85</v>
      </c>
      <c r="P39795" t="s">
        <v>86</v>
      </c>
      <c r="Q39795">
        <v>34</v>
      </c>
      <c r="R39795">
        <v>34</v>
      </c>
      <c r="S39795">
        <v>34</v>
      </c>
      <c r="T39795">
        <v>34</v>
      </c>
      <c r="U39795">
        <v>34</v>
      </c>
      <c r="V39795">
        <v>34</v>
      </c>
      <c r="W39795">
        <v>34</v>
      </c>
      <c r="X39795">
        <v>34</v>
      </c>
      <c r="Y39795">
        <v>34</v>
      </c>
      <c r="Z39795">
        <v>34</v>
      </c>
      <c r="AA39795">
        <v>35</v>
      </c>
      <c r="AB39795">
        <v>35</v>
      </c>
      <c r="AC39795">
        <v>35</v>
      </c>
      <c r="AD39795">
        <v>35</v>
      </c>
      <c r="AE39795">
        <v>35</v>
      </c>
      <c r="AF39795">
        <v>35</v>
      </c>
      <c r="AG39795">
        <v>35</v>
      </c>
      <c r="AH39795">
        <v>35</v>
      </c>
      <c r="AI39795">
        <v>35</v>
      </c>
      <c r="AJ39795">
        <v>35</v>
      </c>
      <c r="AK39795">
        <v>35</v>
      </c>
      <c r="AL39795">
        <v>35</v>
      </c>
      <c r="AM39795">
        <v>35</v>
      </c>
      <c r="AN39795">
        <v>35</v>
      </c>
      <c r="AO39795">
        <v>36</v>
      </c>
      <c r="AP39795">
        <v>36</v>
      </c>
      <c r="AQ39795">
        <v>36</v>
      </c>
    </row>
    <row r="39796" spans="1:43">
      <c r="A39796" t="s">
        <v>24673</v>
      </c>
      <c r="B39796" t="s">
        <v>24674</v>
      </c>
      <c r="C39796" t="s">
        <v>21725</v>
      </c>
      <c r="D39796" t="s">
        <v>21726</v>
      </c>
      <c r="E39796" t="s">
        <v>21687</v>
      </c>
      <c r="F39796" t="s">
        <v>21688</v>
      </c>
      <c r="G39796" t="s">
        <v>20255</v>
      </c>
      <c r="H39796" t="s">
        <v>20256</v>
      </c>
      <c r="I39796" s="2">
        <v>1</v>
      </c>
      <c r="J39796" s="2">
        <v>0</v>
      </c>
      <c r="K39796" s="2">
        <v>0</v>
      </c>
      <c r="L39796" t="s">
        <v>120</v>
      </c>
      <c r="M39796" t="s">
        <v>89</v>
      </c>
      <c r="N39796" t="s">
        <v>90</v>
      </c>
      <c r="O39796" t="s">
        <v>85</v>
      </c>
      <c r="P39796" t="s">
        <v>86</v>
      </c>
      <c r="Q39796">
        <v>34</v>
      </c>
      <c r="R39796">
        <v>34</v>
      </c>
      <c r="S39796">
        <v>35</v>
      </c>
      <c r="T39796">
        <v>36</v>
      </c>
      <c r="U39796">
        <v>36</v>
      </c>
      <c r="V39796">
        <v>37</v>
      </c>
      <c r="W39796">
        <v>37</v>
      </c>
      <c r="X39796">
        <v>38</v>
      </c>
      <c r="Y39796">
        <v>38</v>
      </c>
      <c r="Z39796">
        <v>39</v>
      </c>
      <c r="AA39796">
        <v>39</v>
      </c>
      <c r="AB39796">
        <v>40</v>
      </c>
      <c r="AC39796">
        <v>40</v>
      </c>
      <c r="AD39796">
        <v>41</v>
      </c>
      <c r="AE39796">
        <v>41</v>
      </c>
      <c r="AF39796">
        <v>41</v>
      </c>
      <c r="AG39796">
        <v>41</v>
      </c>
      <c r="AH39796">
        <v>41</v>
      </c>
      <c r="AI39796">
        <v>41</v>
      </c>
      <c r="AJ39796">
        <v>41</v>
      </c>
      <c r="AK39796">
        <v>41</v>
      </c>
      <c r="AL39796">
        <v>41</v>
      </c>
      <c r="AM39796">
        <v>41</v>
      </c>
      <c r="AN39796">
        <v>41</v>
      </c>
      <c r="AO39796">
        <v>41</v>
      </c>
      <c r="AP39796">
        <v>41</v>
      </c>
      <c r="AQ39796">
        <v>41</v>
      </c>
    </row>
    <row r="39797" spans="1:43">
      <c r="A39797" t="s">
        <v>24673</v>
      </c>
      <c r="B39797" t="s">
        <v>24674</v>
      </c>
      <c r="C39797" t="s">
        <v>21725</v>
      </c>
      <c r="D39797" t="s">
        <v>21726</v>
      </c>
      <c r="E39797" t="s">
        <v>21687</v>
      </c>
      <c r="F39797" t="s">
        <v>21688</v>
      </c>
      <c r="G39797" t="s">
        <v>20255</v>
      </c>
      <c r="H39797" t="s">
        <v>20256</v>
      </c>
      <c r="I39797" s="2">
        <v>1</v>
      </c>
      <c r="J39797" s="2">
        <v>0</v>
      </c>
      <c r="K39797" s="2">
        <v>0</v>
      </c>
      <c r="L39797" t="s">
        <v>120</v>
      </c>
      <c r="M39797" t="s">
        <v>83</v>
      </c>
      <c r="N39797" t="s">
        <v>91</v>
      </c>
      <c r="O39797" t="s">
        <v>85</v>
      </c>
      <c r="P39797" t="s">
        <v>86</v>
      </c>
      <c r="Q39797">
        <v>34</v>
      </c>
      <c r="R39797">
        <v>35</v>
      </c>
      <c r="S39797">
        <v>35</v>
      </c>
      <c r="T39797">
        <v>35</v>
      </c>
      <c r="U39797">
        <v>36</v>
      </c>
      <c r="V39797">
        <v>36</v>
      </c>
      <c r="W39797">
        <v>37</v>
      </c>
      <c r="X39797">
        <v>37</v>
      </c>
      <c r="Y39797">
        <v>37</v>
      </c>
      <c r="Z39797">
        <v>38</v>
      </c>
      <c r="AA39797">
        <v>38</v>
      </c>
      <c r="AB39797">
        <v>38</v>
      </c>
      <c r="AC39797">
        <v>39</v>
      </c>
      <c r="AD39797">
        <v>39</v>
      </c>
      <c r="AE39797">
        <v>39</v>
      </c>
      <c r="AF39797">
        <v>40</v>
      </c>
      <c r="AG39797">
        <v>40</v>
      </c>
      <c r="AH39797">
        <v>40</v>
      </c>
      <c r="AI39797">
        <v>41</v>
      </c>
      <c r="AJ39797">
        <v>41</v>
      </c>
      <c r="AK39797">
        <v>41</v>
      </c>
      <c r="AL39797">
        <v>41</v>
      </c>
      <c r="AM39797">
        <v>41</v>
      </c>
      <c r="AN39797">
        <v>41</v>
      </c>
      <c r="AO39797">
        <v>41</v>
      </c>
      <c r="AP39797">
        <v>41</v>
      </c>
      <c r="AQ39797">
        <v>41</v>
      </c>
    </row>
    <row r="39798" spans="1:43">
      <c r="A39798" t="s">
        <v>24675</v>
      </c>
      <c r="B39798" t="s">
        <v>24676</v>
      </c>
      <c r="C39798" t="s">
        <v>1992</v>
      </c>
      <c r="D39798" t="s">
        <v>1993</v>
      </c>
      <c r="E39798" t="s">
        <v>1586</v>
      </c>
      <c r="F39798" t="s">
        <v>1587</v>
      </c>
      <c r="G39798" t="s">
        <v>80</v>
      </c>
      <c r="H39798" t="s">
        <v>81</v>
      </c>
      <c r="I39798" s="2">
        <v>0</v>
      </c>
      <c r="J39798" s="2">
        <v>1</v>
      </c>
      <c r="K39798" s="2">
        <v>0</v>
      </c>
      <c r="L39798" t="s">
        <v>82</v>
      </c>
      <c r="M39798" t="s">
        <v>83</v>
      </c>
      <c r="N39798" t="s">
        <v>84</v>
      </c>
      <c r="O39798" t="s">
        <v>85</v>
      </c>
      <c r="P39798" t="s">
        <v>86</v>
      </c>
      <c r="Q39798">
        <v>4</v>
      </c>
      <c r="R39798">
        <v>4</v>
      </c>
      <c r="S39798">
        <v>4</v>
      </c>
      <c r="T39798">
        <v>4</v>
      </c>
      <c r="U39798">
        <v>4</v>
      </c>
      <c r="V39798">
        <v>4</v>
      </c>
      <c r="W39798">
        <v>4</v>
      </c>
      <c r="X39798">
        <v>4</v>
      </c>
      <c r="Y39798">
        <v>4</v>
      </c>
      <c r="Z39798">
        <v>4</v>
      </c>
      <c r="AA39798">
        <v>4</v>
      </c>
      <c r="AB39798">
        <v>4</v>
      </c>
      <c r="AC39798">
        <v>4</v>
      </c>
      <c r="AD39798">
        <v>4</v>
      </c>
      <c r="AE39798">
        <v>4</v>
      </c>
      <c r="AF39798">
        <v>4</v>
      </c>
      <c r="AG39798">
        <v>4</v>
      </c>
      <c r="AH39798">
        <v>4</v>
      </c>
      <c r="AI39798">
        <v>4</v>
      </c>
      <c r="AJ39798">
        <v>4</v>
      </c>
      <c r="AK39798">
        <v>4</v>
      </c>
      <c r="AL39798">
        <v>4</v>
      </c>
      <c r="AM39798">
        <v>4</v>
      </c>
      <c r="AN39798">
        <v>4</v>
      </c>
      <c r="AO39798">
        <v>4</v>
      </c>
      <c r="AP39798">
        <v>4</v>
      </c>
      <c r="AQ39798">
        <v>4</v>
      </c>
    </row>
    <row r="39799" spans="1:43">
      <c r="A39799" t="s">
        <v>24675</v>
      </c>
      <c r="B39799" t="s">
        <v>24676</v>
      </c>
      <c r="C39799" t="s">
        <v>1992</v>
      </c>
      <c r="D39799" t="s">
        <v>1993</v>
      </c>
      <c r="E39799" t="s">
        <v>1586</v>
      </c>
      <c r="F39799" t="s">
        <v>1587</v>
      </c>
      <c r="G39799" t="s">
        <v>80</v>
      </c>
      <c r="H39799" t="s">
        <v>81</v>
      </c>
      <c r="I39799" s="2">
        <v>0</v>
      </c>
      <c r="J39799" s="2">
        <v>1</v>
      </c>
      <c r="K39799" s="2">
        <v>0</v>
      </c>
      <c r="L39799" t="s">
        <v>82</v>
      </c>
      <c r="M39799" t="s">
        <v>87</v>
      </c>
      <c r="N39799" t="s">
        <v>88</v>
      </c>
      <c r="O39799" t="s">
        <v>85</v>
      </c>
      <c r="P39799" t="s">
        <v>86</v>
      </c>
      <c r="Q39799">
        <v>4</v>
      </c>
      <c r="R39799">
        <v>4</v>
      </c>
      <c r="S39799">
        <v>4</v>
      </c>
      <c r="T39799">
        <v>4</v>
      </c>
      <c r="U39799">
        <v>4</v>
      </c>
      <c r="V39799">
        <v>4</v>
      </c>
      <c r="W39799">
        <v>4</v>
      </c>
      <c r="X39799">
        <v>4</v>
      </c>
      <c r="Y39799">
        <v>4</v>
      </c>
      <c r="Z39799">
        <v>4</v>
      </c>
      <c r="AA39799">
        <v>4</v>
      </c>
      <c r="AB39799">
        <v>4</v>
      </c>
      <c r="AC39799">
        <v>4</v>
      </c>
      <c r="AD39799">
        <v>4</v>
      </c>
      <c r="AE39799">
        <v>4</v>
      </c>
      <c r="AF39799">
        <v>4</v>
      </c>
      <c r="AG39799">
        <v>4</v>
      </c>
      <c r="AH39799">
        <v>4</v>
      </c>
      <c r="AI39799">
        <v>4</v>
      </c>
      <c r="AJ39799">
        <v>4</v>
      </c>
      <c r="AK39799">
        <v>4</v>
      </c>
      <c r="AL39799">
        <v>4</v>
      </c>
      <c r="AM39799">
        <v>4</v>
      </c>
      <c r="AN39799">
        <v>4</v>
      </c>
      <c r="AO39799">
        <v>4</v>
      </c>
      <c r="AP39799">
        <v>4</v>
      </c>
      <c r="AQ39799">
        <v>4</v>
      </c>
    </row>
    <row r="39800" spans="1:43">
      <c r="A39800" t="s">
        <v>24675</v>
      </c>
      <c r="B39800" t="s">
        <v>24676</v>
      </c>
      <c r="C39800" t="s">
        <v>1992</v>
      </c>
      <c r="D39800" t="s">
        <v>1993</v>
      </c>
      <c r="E39800" t="s">
        <v>1586</v>
      </c>
      <c r="F39800" t="s">
        <v>1587</v>
      </c>
      <c r="G39800" t="s">
        <v>80</v>
      </c>
      <c r="H39800" t="s">
        <v>81</v>
      </c>
      <c r="I39800" s="2">
        <v>0</v>
      </c>
      <c r="J39800" s="2">
        <v>1</v>
      </c>
      <c r="K39800" s="2">
        <v>0</v>
      </c>
      <c r="L39800" t="s">
        <v>82</v>
      </c>
      <c r="M39800" t="s">
        <v>89</v>
      </c>
      <c r="N39800" t="s">
        <v>90</v>
      </c>
      <c r="O39800" t="s">
        <v>85</v>
      </c>
      <c r="P39800" t="s">
        <v>86</v>
      </c>
      <c r="Q39800">
        <v>4</v>
      </c>
      <c r="R39800">
        <v>4</v>
      </c>
      <c r="S39800">
        <v>4</v>
      </c>
      <c r="T39800">
        <v>4</v>
      </c>
      <c r="U39800">
        <v>4</v>
      </c>
      <c r="V39800">
        <v>4</v>
      </c>
      <c r="W39800">
        <v>4</v>
      </c>
      <c r="X39800">
        <v>4</v>
      </c>
      <c r="Y39800">
        <v>5</v>
      </c>
      <c r="Z39800">
        <v>5</v>
      </c>
      <c r="AA39800">
        <v>5</v>
      </c>
      <c r="AB39800">
        <v>5</v>
      </c>
      <c r="AC39800">
        <v>5</v>
      </c>
      <c r="AD39800">
        <v>5</v>
      </c>
      <c r="AE39800">
        <v>5</v>
      </c>
      <c r="AF39800">
        <v>5</v>
      </c>
      <c r="AG39800">
        <v>5</v>
      </c>
      <c r="AH39800">
        <v>5</v>
      </c>
      <c r="AI39800">
        <v>4</v>
      </c>
      <c r="AJ39800">
        <v>4</v>
      </c>
      <c r="AK39800">
        <v>4</v>
      </c>
      <c r="AL39800">
        <v>4</v>
      </c>
      <c r="AM39800">
        <v>4</v>
      </c>
      <c r="AN39800">
        <v>4</v>
      </c>
      <c r="AO39800">
        <v>4</v>
      </c>
      <c r="AP39800">
        <v>4</v>
      </c>
      <c r="AQ39800">
        <v>4</v>
      </c>
    </row>
    <row r="39801" spans="1:43">
      <c r="A39801" t="s">
        <v>24675</v>
      </c>
      <c r="B39801" t="s">
        <v>24676</v>
      </c>
      <c r="C39801" t="s">
        <v>1992</v>
      </c>
      <c r="D39801" t="s">
        <v>1993</v>
      </c>
      <c r="E39801" t="s">
        <v>1586</v>
      </c>
      <c r="F39801" t="s">
        <v>1587</v>
      </c>
      <c r="G39801" t="s">
        <v>80</v>
      </c>
      <c r="H39801" t="s">
        <v>81</v>
      </c>
      <c r="I39801" s="2">
        <v>0</v>
      </c>
      <c r="J39801" s="2">
        <v>1</v>
      </c>
      <c r="K39801" s="2">
        <v>0</v>
      </c>
      <c r="L39801" t="s">
        <v>82</v>
      </c>
      <c r="M39801" t="s">
        <v>83</v>
      </c>
      <c r="N39801" t="s">
        <v>91</v>
      </c>
      <c r="O39801" t="s">
        <v>85</v>
      </c>
      <c r="P39801" t="s">
        <v>86</v>
      </c>
      <c r="Q39801">
        <v>4</v>
      </c>
      <c r="R39801">
        <v>4</v>
      </c>
      <c r="S39801">
        <v>4</v>
      </c>
      <c r="T39801">
        <v>4</v>
      </c>
      <c r="U39801">
        <v>4</v>
      </c>
      <c r="V39801">
        <v>4</v>
      </c>
      <c r="W39801">
        <v>4</v>
      </c>
      <c r="X39801">
        <v>4</v>
      </c>
      <c r="Y39801">
        <v>4</v>
      </c>
      <c r="Z39801">
        <v>4</v>
      </c>
      <c r="AA39801">
        <v>4</v>
      </c>
      <c r="AB39801">
        <v>4</v>
      </c>
      <c r="AC39801">
        <v>4</v>
      </c>
      <c r="AD39801">
        <v>4</v>
      </c>
      <c r="AE39801">
        <v>4</v>
      </c>
      <c r="AF39801">
        <v>4</v>
      </c>
      <c r="AG39801">
        <v>4</v>
      </c>
      <c r="AH39801">
        <v>4</v>
      </c>
      <c r="AI39801">
        <v>4</v>
      </c>
      <c r="AJ39801">
        <v>4</v>
      </c>
      <c r="AK39801">
        <v>4</v>
      </c>
      <c r="AL39801">
        <v>4</v>
      </c>
      <c r="AM39801">
        <v>4</v>
      </c>
      <c r="AN39801">
        <v>4</v>
      </c>
      <c r="AO39801">
        <v>4</v>
      </c>
      <c r="AP39801">
        <v>4</v>
      </c>
      <c r="AQ39801">
        <v>4</v>
      </c>
    </row>
    <row r="39802" spans="1:43">
      <c r="A39802" t="s">
        <v>24677</v>
      </c>
      <c r="B39802" t="s">
        <v>24678</v>
      </c>
      <c r="C39802" t="s">
        <v>1992</v>
      </c>
      <c r="D39802" t="s">
        <v>1993</v>
      </c>
      <c r="E39802" t="s">
        <v>1586</v>
      </c>
      <c r="F39802" t="s">
        <v>1587</v>
      </c>
      <c r="G39802" t="s">
        <v>80</v>
      </c>
      <c r="H39802" t="s">
        <v>81</v>
      </c>
      <c r="I39802" s="2">
        <v>0</v>
      </c>
      <c r="J39802" s="2">
        <v>1</v>
      </c>
      <c r="K39802" s="2">
        <v>0</v>
      </c>
      <c r="L39802" t="s">
        <v>82</v>
      </c>
      <c r="M39802" t="s">
        <v>83</v>
      </c>
      <c r="N39802" t="s">
        <v>84</v>
      </c>
      <c r="O39802" t="s">
        <v>85</v>
      </c>
      <c r="P39802" t="s">
        <v>86</v>
      </c>
      <c r="Q39802">
        <v>8</v>
      </c>
      <c r="R39802">
        <v>8</v>
      </c>
      <c r="S39802">
        <v>8</v>
      </c>
      <c r="T39802">
        <v>8</v>
      </c>
      <c r="U39802">
        <v>8</v>
      </c>
      <c r="V39802">
        <v>8</v>
      </c>
      <c r="W39802">
        <v>8</v>
      </c>
      <c r="X39802">
        <v>8</v>
      </c>
      <c r="Y39802">
        <v>8</v>
      </c>
      <c r="Z39802">
        <v>8</v>
      </c>
      <c r="AA39802">
        <v>9</v>
      </c>
      <c r="AB39802">
        <v>9</v>
      </c>
      <c r="AC39802">
        <v>9</v>
      </c>
      <c r="AD39802">
        <v>9</v>
      </c>
      <c r="AE39802">
        <v>9</v>
      </c>
      <c r="AF39802">
        <v>9</v>
      </c>
      <c r="AG39802">
        <v>9</v>
      </c>
      <c r="AH39802">
        <v>9</v>
      </c>
      <c r="AI39802">
        <v>9</v>
      </c>
      <c r="AJ39802">
        <v>9</v>
      </c>
      <c r="AK39802">
        <v>9</v>
      </c>
      <c r="AL39802">
        <v>9</v>
      </c>
      <c r="AM39802">
        <v>9</v>
      </c>
      <c r="AN39802">
        <v>8</v>
      </c>
      <c r="AO39802">
        <v>8</v>
      </c>
      <c r="AP39802">
        <v>8</v>
      </c>
      <c r="AQ39802">
        <v>8</v>
      </c>
    </row>
    <row r="39803" spans="1:43">
      <c r="A39803" t="s">
        <v>24677</v>
      </c>
      <c r="B39803" t="s">
        <v>24678</v>
      </c>
      <c r="C39803" t="s">
        <v>1992</v>
      </c>
      <c r="D39803" t="s">
        <v>1993</v>
      </c>
      <c r="E39803" t="s">
        <v>1586</v>
      </c>
      <c r="F39803" t="s">
        <v>1587</v>
      </c>
      <c r="G39803" t="s">
        <v>80</v>
      </c>
      <c r="H39803" t="s">
        <v>81</v>
      </c>
      <c r="I39803" s="2">
        <v>0</v>
      </c>
      <c r="J39803" s="2">
        <v>1</v>
      </c>
      <c r="K39803" s="2">
        <v>0</v>
      </c>
      <c r="L39803" t="s">
        <v>82</v>
      </c>
      <c r="M39803" t="s">
        <v>87</v>
      </c>
      <c r="N39803" t="s">
        <v>88</v>
      </c>
      <c r="O39803" t="s">
        <v>85</v>
      </c>
      <c r="P39803" t="s">
        <v>86</v>
      </c>
      <c r="Q39803">
        <v>8</v>
      </c>
      <c r="R39803">
        <v>8</v>
      </c>
      <c r="S39803">
        <v>8</v>
      </c>
      <c r="T39803">
        <v>8</v>
      </c>
      <c r="U39803">
        <v>8</v>
      </c>
      <c r="V39803">
        <v>8</v>
      </c>
      <c r="W39803">
        <v>8</v>
      </c>
      <c r="X39803">
        <v>8</v>
      </c>
      <c r="Y39803">
        <v>8</v>
      </c>
      <c r="Z39803">
        <v>8</v>
      </c>
      <c r="AA39803">
        <v>8</v>
      </c>
      <c r="AB39803">
        <v>8</v>
      </c>
      <c r="AC39803">
        <v>8</v>
      </c>
      <c r="AD39803">
        <v>8</v>
      </c>
      <c r="AE39803">
        <v>8</v>
      </c>
      <c r="AF39803">
        <v>8</v>
      </c>
      <c r="AG39803">
        <v>8</v>
      </c>
      <c r="AH39803">
        <v>7</v>
      </c>
      <c r="AI39803">
        <v>7</v>
      </c>
      <c r="AJ39803">
        <v>7</v>
      </c>
      <c r="AK39803">
        <v>7</v>
      </c>
      <c r="AL39803">
        <v>7</v>
      </c>
      <c r="AM39803">
        <v>7</v>
      </c>
      <c r="AN39803">
        <v>7</v>
      </c>
      <c r="AO39803">
        <v>7</v>
      </c>
      <c r="AP39803">
        <v>7</v>
      </c>
      <c r="AQ39803">
        <v>7</v>
      </c>
    </row>
    <row r="39804" spans="1:43">
      <c r="A39804" t="s">
        <v>24677</v>
      </c>
      <c r="B39804" t="s">
        <v>24678</v>
      </c>
      <c r="C39804" t="s">
        <v>1992</v>
      </c>
      <c r="D39804" t="s">
        <v>1993</v>
      </c>
      <c r="E39804" t="s">
        <v>1586</v>
      </c>
      <c r="F39804" t="s">
        <v>1587</v>
      </c>
      <c r="G39804" t="s">
        <v>80</v>
      </c>
      <c r="H39804" t="s">
        <v>81</v>
      </c>
      <c r="I39804" s="2">
        <v>0</v>
      </c>
      <c r="J39804" s="2">
        <v>1</v>
      </c>
      <c r="K39804" s="2">
        <v>0</v>
      </c>
      <c r="L39804" t="s">
        <v>82</v>
      </c>
      <c r="M39804" t="s">
        <v>89</v>
      </c>
      <c r="N39804" t="s">
        <v>90</v>
      </c>
      <c r="O39804" t="s">
        <v>85</v>
      </c>
      <c r="P39804" t="s">
        <v>86</v>
      </c>
      <c r="Q39804">
        <v>8</v>
      </c>
      <c r="R39804">
        <v>8</v>
      </c>
      <c r="S39804">
        <v>8</v>
      </c>
      <c r="T39804">
        <v>9</v>
      </c>
      <c r="U39804">
        <v>9</v>
      </c>
      <c r="V39804">
        <v>9</v>
      </c>
      <c r="W39804">
        <v>9</v>
      </c>
      <c r="X39804">
        <v>9</v>
      </c>
      <c r="Y39804">
        <v>9</v>
      </c>
      <c r="Z39804">
        <v>9</v>
      </c>
      <c r="AA39804">
        <v>9</v>
      </c>
      <c r="AB39804">
        <v>9</v>
      </c>
      <c r="AC39804">
        <v>9</v>
      </c>
      <c r="AD39804">
        <v>9</v>
      </c>
      <c r="AE39804">
        <v>9</v>
      </c>
      <c r="AF39804">
        <v>9</v>
      </c>
      <c r="AG39804">
        <v>9</v>
      </c>
      <c r="AH39804">
        <v>9</v>
      </c>
      <c r="AI39804">
        <v>9</v>
      </c>
      <c r="AJ39804">
        <v>9</v>
      </c>
      <c r="AK39804">
        <v>9</v>
      </c>
      <c r="AL39804">
        <v>9</v>
      </c>
      <c r="AM39804">
        <v>9</v>
      </c>
      <c r="AN39804">
        <v>9</v>
      </c>
      <c r="AO39804">
        <v>8</v>
      </c>
      <c r="AP39804">
        <v>8</v>
      </c>
      <c r="AQ39804">
        <v>8</v>
      </c>
    </row>
    <row r="39805" spans="1:43">
      <c r="A39805" t="s">
        <v>24677</v>
      </c>
      <c r="B39805" t="s">
        <v>24678</v>
      </c>
      <c r="C39805" t="s">
        <v>1992</v>
      </c>
      <c r="D39805" t="s">
        <v>1993</v>
      </c>
      <c r="E39805" t="s">
        <v>1586</v>
      </c>
      <c r="F39805" t="s">
        <v>1587</v>
      </c>
      <c r="G39805" t="s">
        <v>80</v>
      </c>
      <c r="H39805" t="s">
        <v>81</v>
      </c>
      <c r="I39805" s="2">
        <v>0</v>
      </c>
      <c r="J39805" s="2">
        <v>1</v>
      </c>
      <c r="K39805" s="2">
        <v>0</v>
      </c>
      <c r="L39805" t="s">
        <v>82</v>
      </c>
      <c r="M39805" t="s">
        <v>83</v>
      </c>
      <c r="N39805" t="s">
        <v>91</v>
      </c>
      <c r="O39805" t="s">
        <v>85</v>
      </c>
      <c r="P39805" t="s">
        <v>86</v>
      </c>
      <c r="Q39805">
        <v>8</v>
      </c>
      <c r="R39805">
        <v>8</v>
      </c>
      <c r="S39805">
        <v>8</v>
      </c>
      <c r="T39805">
        <v>8</v>
      </c>
      <c r="U39805">
        <v>8</v>
      </c>
      <c r="V39805">
        <v>8</v>
      </c>
      <c r="W39805">
        <v>8</v>
      </c>
      <c r="X39805">
        <v>8</v>
      </c>
      <c r="Y39805">
        <v>8</v>
      </c>
      <c r="Z39805">
        <v>8</v>
      </c>
      <c r="AA39805">
        <v>9</v>
      </c>
      <c r="AB39805">
        <v>9</v>
      </c>
      <c r="AC39805">
        <v>9</v>
      </c>
      <c r="AD39805">
        <v>9</v>
      </c>
      <c r="AE39805">
        <v>9</v>
      </c>
      <c r="AF39805">
        <v>9</v>
      </c>
      <c r="AG39805">
        <v>9</v>
      </c>
      <c r="AH39805">
        <v>9</v>
      </c>
      <c r="AI39805">
        <v>9</v>
      </c>
      <c r="AJ39805">
        <v>9</v>
      </c>
      <c r="AK39805">
        <v>9</v>
      </c>
      <c r="AL39805">
        <v>9</v>
      </c>
      <c r="AM39805">
        <v>9</v>
      </c>
      <c r="AN39805">
        <v>8</v>
      </c>
      <c r="AO39805">
        <v>8</v>
      </c>
      <c r="AP39805">
        <v>8</v>
      </c>
      <c r="AQ39805">
        <v>8</v>
      </c>
    </row>
    <row r="39806" spans="1:43">
      <c r="A39806" t="s">
        <v>24679</v>
      </c>
      <c r="B39806" t="s">
        <v>24680</v>
      </c>
      <c r="C39806" t="s">
        <v>6706</v>
      </c>
      <c r="D39806" t="s">
        <v>6707</v>
      </c>
      <c r="E39806" t="s">
        <v>6594</v>
      </c>
      <c r="F39806" t="s">
        <v>6595</v>
      </c>
      <c r="G39806" t="s">
        <v>80</v>
      </c>
      <c r="H39806" t="s">
        <v>81</v>
      </c>
      <c r="I39806" s="2">
        <v>0</v>
      </c>
      <c r="J39806" s="2">
        <v>1</v>
      </c>
      <c r="K39806" s="2">
        <v>0</v>
      </c>
      <c r="L39806" t="s">
        <v>82</v>
      </c>
      <c r="M39806" t="s">
        <v>83</v>
      </c>
      <c r="N39806" t="s">
        <v>84</v>
      </c>
      <c r="O39806" t="s">
        <v>85</v>
      </c>
      <c r="P39806" t="s">
        <v>86</v>
      </c>
      <c r="Q39806">
        <v>0</v>
      </c>
      <c r="R39806">
        <v>0</v>
      </c>
      <c r="S39806">
        <v>0</v>
      </c>
      <c r="T39806">
        <v>0</v>
      </c>
      <c r="U39806">
        <v>0</v>
      </c>
      <c r="V39806">
        <v>0</v>
      </c>
      <c r="W39806">
        <v>0</v>
      </c>
      <c r="X39806">
        <v>0</v>
      </c>
      <c r="Y39806">
        <v>0</v>
      </c>
      <c r="Z39806">
        <v>0</v>
      </c>
      <c r="AA39806">
        <v>0</v>
      </c>
      <c r="AB39806">
        <v>0</v>
      </c>
      <c r="AC39806">
        <v>0</v>
      </c>
      <c r="AD39806">
        <v>0</v>
      </c>
      <c r="AE39806">
        <v>0</v>
      </c>
      <c r="AF39806">
        <v>0</v>
      </c>
      <c r="AG39806">
        <v>0</v>
      </c>
      <c r="AH39806">
        <v>0</v>
      </c>
      <c r="AI39806">
        <v>0</v>
      </c>
      <c r="AJ39806">
        <v>0</v>
      </c>
      <c r="AK39806">
        <v>0</v>
      </c>
      <c r="AL39806">
        <v>0</v>
      </c>
      <c r="AM39806">
        <v>0</v>
      </c>
      <c r="AN39806">
        <v>0</v>
      </c>
      <c r="AO39806">
        <v>0</v>
      </c>
      <c r="AP39806">
        <v>0</v>
      </c>
      <c r="AQ39806">
        <v>0</v>
      </c>
    </row>
    <row r="39807" spans="1:43">
      <c r="A39807" t="s">
        <v>24679</v>
      </c>
      <c r="B39807" t="s">
        <v>24680</v>
      </c>
      <c r="C39807" t="s">
        <v>6706</v>
      </c>
      <c r="D39807" t="s">
        <v>6707</v>
      </c>
      <c r="E39807" t="s">
        <v>6594</v>
      </c>
      <c r="F39807" t="s">
        <v>6595</v>
      </c>
      <c r="G39807" t="s">
        <v>80</v>
      </c>
      <c r="H39807" t="s">
        <v>81</v>
      </c>
      <c r="I39807" s="2">
        <v>0</v>
      </c>
      <c r="J39807" s="2">
        <v>1</v>
      </c>
      <c r="K39807" s="2">
        <v>0</v>
      </c>
      <c r="L39807" t="s">
        <v>82</v>
      </c>
      <c r="M39807" t="s">
        <v>87</v>
      </c>
      <c r="N39807" t="s">
        <v>88</v>
      </c>
      <c r="O39807" t="s">
        <v>85</v>
      </c>
      <c r="P39807" t="s">
        <v>86</v>
      </c>
      <c r="Q39807">
        <v>0</v>
      </c>
      <c r="R39807">
        <v>0</v>
      </c>
      <c r="S39807">
        <v>0</v>
      </c>
      <c r="T39807">
        <v>0</v>
      </c>
      <c r="U39807">
        <v>0</v>
      </c>
      <c r="V39807">
        <v>0</v>
      </c>
      <c r="W39807">
        <v>0</v>
      </c>
      <c r="X39807">
        <v>0</v>
      </c>
      <c r="Y39807">
        <v>0</v>
      </c>
      <c r="Z39807">
        <v>0</v>
      </c>
      <c r="AA39807">
        <v>0</v>
      </c>
      <c r="AB39807">
        <v>0</v>
      </c>
      <c r="AC39807">
        <v>0</v>
      </c>
      <c r="AD39807">
        <v>0</v>
      </c>
      <c r="AE39807">
        <v>0</v>
      </c>
      <c r="AF39807">
        <v>0</v>
      </c>
      <c r="AG39807">
        <v>0</v>
      </c>
      <c r="AH39807">
        <v>0</v>
      </c>
      <c r="AI39807">
        <v>0</v>
      </c>
      <c r="AJ39807">
        <v>0</v>
      </c>
      <c r="AK39807">
        <v>0</v>
      </c>
      <c r="AL39807">
        <v>0</v>
      </c>
      <c r="AM39807">
        <v>0</v>
      </c>
      <c r="AN39807">
        <v>0</v>
      </c>
      <c r="AO39807">
        <v>0</v>
      </c>
      <c r="AP39807">
        <v>0</v>
      </c>
      <c r="AQ39807">
        <v>0</v>
      </c>
    </row>
    <row r="39808" spans="1:43">
      <c r="A39808" t="s">
        <v>24679</v>
      </c>
      <c r="B39808" t="s">
        <v>24680</v>
      </c>
      <c r="C39808" t="s">
        <v>6706</v>
      </c>
      <c r="D39808" t="s">
        <v>6707</v>
      </c>
      <c r="E39808" t="s">
        <v>6594</v>
      </c>
      <c r="F39808" t="s">
        <v>6595</v>
      </c>
      <c r="G39808" t="s">
        <v>80</v>
      </c>
      <c r="H39808" t="s">
        <v>81</v>
      </c>
      <c r="I39808" s="2">
        <v>0</v>
      </c>
      <c r="J39808" s="2">
        <v>1</v>
      </c>
      <c r="K39808" s="2">
        <v>0</v>
      </c>
      <c r="L39808" t="s">
        <v>82</v>
      </c>
      <c r="M39808" t="s">
        <v>89</v>
      </c>
      <c r="N39808" t="s">
        <v>90</v>
      </c>
      <c r="O39808" t="s">
        <v>85</v>
      </c>
      <c r="P39808" t="s">
        <v>86</v>
      </c>
      <c r="Q39808">
        <v>0</v>
      </c>
      <c r="R39808">
        <v>0</v>
      </c>
      <c r="S39808">
        <v>0</v>
      </c>
      <c r="T39808">
        <v>0</v>
      </c>
      <c r="U39808">
        <v>0</v>
      </c>
      <c r="V39808">
        <v>0</v>
      </c>
      <c r="W39808">
        <v>0</v>
      </c>
      <c r="X39808">
        <v>0</v>
      </c>
      <c r="Y39808">
        <v>0</v>
      </c>
      <c r="Z39808">
        <v>0</v>
      </c>
      <c r="AA39808">
        <v>0</v>
      </c>
      <c r="AB39808">
        <v>0</v>
      </c>
      <c r="AC39808">
        <v>0</v>
      </c>
      <c r="AD39808">
        <v>0</v>
      </c>
      <c r="AE39808">
        <v>0</v>
      </c>
      <c r="AF39808">
        <v>0</v>
      </c>
      <c r="AG39808">
        <v>0</v>
      </c>
      <c r="AH39808">
        <v>0</v>
      </c>
      <c r="AI39808">
        <v>0</v>
      </c>
      <c r="AJ39808">
        <v>0</v>
      </c>
      <c r="AK39808">
        <v>0</v>
      </c>
      <c r="AL39808">
        <v>0</v>
      </c>
      <c r="AM39808">
        <v>0</v>
      </c>
      <c r="AN39808">
        <v>0</v>
      </c>
      <c r="AO39808">
        <v>0</v>
      </c>
      <c r="AP39808">
        <v>0</v>
      </c>
      <c r="AQ39808">
        <v>0</v>
      </c>
    </row>
    <row r="39809" spans="1:43">
      <c r="A39809" t="s">
        <v>24679</v>
      </c>
      <c r="B39809" t="s">
        <v>24680</v>
      </c>
      <c r="C39809" t="s">
        <v>6706</v>
      </c>
      <c r="D39809" t="s">
        <v>6707</v>
      </c>
      <c r="E39809" t="s">
        <v>6594</v>
      </c>
      <c r="F39809" t="s">
        <v>6595</v>
      </c>
      <c r="G39809" t="s">
        <v>80</v>
      </c>
      <c r="H39809" t="s">
        <v>81</v>
      </c>
      <c r="I39809" s="2">
        <v>0</v>
      </c>
      <c r="J39809" s="2">
        <v>1</v>
      </c>
      <c r="K39809" s="2">
        <v>0</v>
      </c>
      <c r="L39809" t="s">
        <v>82</v>
      </c>
      <c r="M39809" t="s">
        <v>83</v>
      </c>
      <c r="N39809" t="s">
        <v>91</v>
      </c>
      <c r="O39809" t="s">
        <v>85</v>
      </c>
      <c r="P39809" t="s">
        <v>86</v>
      </c>
      <c r="Q39809">
        <v>0</v>
      </c>
      <c r="R39809">
        <v>0</v>
      </c>
      <c r="S39809">
        <v>0</v>
      </c>
      <c r="T39809">
        <v>0</v>
      </c>
      <c r="U39809">
        <v>0</v>
      </c>
      <c r="V39809">
        <v>0</v>
      </c>
      <c r="W39809">
        <v>0</v>
      </c>
      <c r="X39809">
        <v>0</v>
      </c>
      <c r="Y39809">
        <v>0</v>
      </c>
      <c r="Z39809">
        <v>0</v>
      </c>
      <c r="AA39809">
        <v>0</v>
      </c>
      <c r="AB39809">
        <v>0</v>
      </c>
      <c r="AC39809">
        <v>0</v>
      </c>
      <c r="AD39809">
        <v>0</v>
      </c>
      <c r="AE39809">
        <v>0</v>
      </c>
      <c r="AF39809">
        <v>0</v>
      </c>
      <c r="AG39809">
        <v>0</v>
      </c>
      <c r="AH39809">
        <v>0</v>
      </c>
      <c r="AI39809">
        <v>0</v>
      </c>
      <c r="AJ39809">
        <v>0</v>
      </c>
      <c r="AK39809">
        <v>0</v>
      </c>
      <c r="AL39809">
        <v>0</v>
      </c>
      <c r="AM39809">
        <v>0</v>
      </c>
      <c r="AN39809">
        <v>0</v>
      </c>
      <c r="AO39809">
        <v>0</v>
      </c>
      <c r="AP39809">
        <v>0</v>
      </c>
      <c r="AQ39809">
        <v>0</v>
      </c>
    </row>
    <row r="39810" spans="1:43">
      <c r="A39810" t="s">
        <v>24681</v>
      </c>
      <c r="B39810" t="s">
        <v>24682</v>
      </c>
      <c r="C39810" t="s">
        <v>6702</v>
      </c>
      <c r="D39810" t="s">
        <v>6703</v>
      </c>
      <c r="E39810" t="s">
        <v>6594</v>
      </c>
      <c r="F39810" t="s">
        <v>6595</v>
      </c>
      <c r="G39810" t="s">
        <v>80</v>
      </c>
      <c r="H39810" t="s">
        <v>81</v>
      </c>
      <c r="I39810" s="2">
        <v>0</v>
      </c>
      <c r="J39810" s="2">
        <v>1</v>
      </c>
      <c r="K39810" s="2">
        <v>0</v>
      </c>
      <c r="L39810" t="s">
        <v>82</v>
      </c>
      <c r="M39810" t="s">
        <v>83</v>
      </c>
      <c r="N39810" t="s">
        <v>84</v>
      </c>
      <c r="O39810" t="s">
        <v>85</v>
      </c>
      <c r="P39810" t="s">
        <v>86</v>
      </c>
      <c r="Q39810">
        <v>35</v>
      </c>
      <c r="R39810">
        <v>35</v>
      </c>
      <c r="S39810">
        <v>35</v>
      </c>
      <c r="T39810">
        <v>35</v>
      </c>
      <c r="U39810">
        <v>36</v>
      </c>
      <c r="V39810">
        <v>36</v>
      </c>
      <c r="W39810">
        <v>36</v>
      </c>
      <c r="X39810">
        <v>36</v>
      </c>
      <c r="Y39810">
        <v>36</v>
      </c>
      <c r="Z39810">
        <v>36</v>
      </c>
      <c r="AA39810">
        <v>36</v>
      </c>
      <c r="AB39810">
        <v>37</v>
      </c>
      <c r="AC39810">
        <v>37</v>
      </c>
      <c r="AD39810">
        <v>37</v>
      </c>
      <c r="AE39810">
        <v>37</v>
      </c>
      <c r="AF39810">
        <v>37</v>
      </c>
      <c r="AG39810">
        <v>37</v>
      </c>
      <c r="AH39810">
        <v>37</v>
      </c>
      <c r="AI39810">
        <v>37</v>
      </c>
      <c r="AJ39810">
        <v>37</v>
      </c>
      <c r="AK39810">
        <v>37</v>
      </c>
      <c r="AL39810">
        <v>36</v>
      </c>
      <c r="AM39810">
        <v>36</v>
      </c>
      <c r="AN39810">
        <v>36</v>
      </c>
      <c r="AO39810">
        <v>36</v>
      </c>
      <c r="AP39810">
        <v>35</v>
      </c>
      <c r="AQ39810">
        <v>35</v>
      </c>
    </row>
    <row r="39811" spans="1:43">
      <c r="A39811" t="s">
        <v>24681</v>
      </c>
      <c r="B39811" t="s">
        <v>24682</v>
      </c>
      <c r="C39811" t="s">
        <v>6702</v>
      </c>
      <c r="D39811" t="s">
        <v>6703</v>
      </c>
      <c r="E39811" t="s">
        <v>6594</v>
      </c>
      <c r="F39811" t="s">
        <v>6595</v>
      </c>
      <c r="G39811" t="s">
        <v>80</v>
      </c>
      <c r="H39811" t="s">
        <v>81</v>
      </c>
      <c r="I39811" s="2">
        <v>0</v>
      </c>
      <c r="J39811" s="2">
        <v>1</v>
      </c>
      <c r="K39811" s="2">
        <v>0</v>
      </c>
      <c r="L39811" t="s">
        <v>82</v>
      </c>
      <c r="M39811" t="s">
        <v>87</v>
      </c>
      <c r="N39811" t="s">
        <v>88</v>
      </c>
      <c r="O39811" t="s">
        <v>85</v>
      </c>
      <c r="P39811" t="s">
        <v>86</v>
      </c>
      <c r="Q39811">
        <v>35</v>
      </c>
      <c r="R39811">
        <v>35</v>
      </c>
      <c r="S39811">
        <v>35</v>
      </c>
      <c r="T39811">
        <v>35</v>
      </c>
      <c r="U39811">
        <v>35</v>
      </c>
      <c r="V39811">
        <v>35</v>
      </c>
      <c r="W39811">
        <v>35</v>
      </c>
      <c r="X39811">
        <v>35</v>
      </c>
      <c r="Y39811">
        <v>34</v>
      </c>
      <c r="Z39811">
        <v>34</v>
      </c>
      <c r="AA39811">
        <v>34</v>
      </c>
      <c r="AB39811">
        <v>34</v>
      </c>
      <c r="AC39811">
        <v>34</v>
      </c>
      <c r="AD39811">
        <v>34</v>
      </c>
      <c r="AE39811">
        <v>33</v>
      </c>
      <c r="AF39811">
        <v>33</v>
      </c>
      <c r="AG39811">
        <v>33</v>
      </c>
      <c r="AH39811">
        <v>33</v>
      </c>
      <c r="AI39811">
        <v>33</v>
      </c>
      <c r="AJ39811">
        <v>33</v>
      </c>
      <c r="AK39811">
        <v>32</v>
      </c>
      <c r="AL39811">
        <v>32</v>
      </c>
      <c r="AM39811">
        <v>32</v>
      </c>
      <c r="AN39811">
        <v>32</v>
      </c>
      <c r="AO39811">
        <v>32</v>
      </c>
      <c r="AP39811">
        <v>32</v>
      </c>
      <c r="AQ39811">
        <v>31</v>
      </c>
    </row>
    <row r="39812" spans="1:43">
      <c r="A39812" t="s">
        <v>24681</v>
      </c>
      <c r="B39812" t="s">
        <v>24682</v>
      </c>
      <c r="C39812" t="s">
        <v>6702</v>
      </c>
      <c r="D39812" t="s">
        <v>6703</v>
      </c>
      <c r="E39812" t="s">
        <v>6594</v>
      </c>
      <c r="F39812" t="s">
        <v>6595</v>
      </c>
      <c r="G39812" t="s">
        <v>80</v>
      </c>
      <c r="H39812" t="s">
        <v>81</v>
      </c>
      <c r="I39812" s="2">
        <v>0</v>
      </c>
      <c r="J39812" s="2">
        <v>1</v>
      </c>
      <c r="K39812" s="2">
        <v>0</v>
      </c>
      <c r="L39812" t="s">
        <v>82</v>
      </c>
      <c r="M39812" t="s">
        <v>89</v>
      </c>
      <c r="N39812" t="s">
        <v>90</v>
      </c>
      <c r="O39812" t="s">
        <v>85</v>
      </c>
      <c r="P39812" t="s">
        <v>86</v>
      </c>
      <c r="Q39812">
        <v>35</v>
      </c>
      <c r="R39812">
        <v>36</v>
      </c>
      <c r="S39812">
        <v>36</v>
      </c>
      <c r="T39812">
        <v>37</v>
      </c>
      <c r="U39812">
        <v>37</v>
      </c>
      <c r="V39812">
        <v>37</v>
      </c>
      <c r="W39812">
        <v>38</v>
      </c>
      <c r="X39812">
        <v>38</v>
      </c>
      <c r="Y39812">
        <v>38</v>
      </c>
      <c r="Z39812">
        <v>39</v>
      </c>
      <c r="AA39812">
        <v>39</v>
      </c>
      <c r="AB39812">
        <v>39</v>
      </c>
      <c r="AC39812">
        <v>39</v>
      </c>
      <c r="AD39812">
        <v>39</v>
      </c>
      <c r="AE39812">
        <v>39</v>
      </c>
      <c r="AF39812">
        <v>39</v>
      </c>
      <c r="AG39812">
        <v>39</v>
      </c>
      <c r="AH39812">
        <v>38</v>
      </c>
      <c r="AI39812">
        <v>38</v>
      </c>
      <c r="AJ39812">
        <v>38</v>
      </c>
      <c r="AK39812">
        <v>37</v>
      </c>
      <c r="AL39812">
        <v>37</v>
      </c>
      <c r="AM39812">
        <v>37</v>
      </c>
      <c r="AN39812">
        <v>36</v>
      </c>
      <c r="AO39812">
        <v>36</v>
      </c>
      <c r="AP39812">
        <v>36</v>
      </c>
      <c r="AQ39812">
        <v>35</v>
      </c>
    </row>
    <row r="39813" spans="1:43">
      <c r="A39813" t="s">
        <v>24681</v>
      </c>
      <c r="B39813" t="s">
        <v>24682</v>
      </c>
      <c r="C39813" t="s">
        <v>6702</v>
      </c>
      <c r="D39813" t="s">
        <v>6703</v>
      </c>
      <c r="E39813" t="s">
        <v>6594</v>
      </c>
      <c r="F39813" t="s">
        <v>6595</v>
      </c>
      <c r="G39813" t="s">
        <v>80</v>
      </c>
      <c r="H39813" t="s">
        <v>81</v>
      </c>
      <c r="I39813" s="2">
        <v>0</v>
      </c>
      <c r="J39813" s="2">
        <v>1</v>
      </c>
      <c r="K39813" s="2">
        <v>0</v>
      </c>
      <c r="L39813" t="s">
        <v>82</v>
      </c>
      <c r="M39813" t="s">
        <v>83</v>
      </c>
      <c r="N39813" t="s">
        <v>91</v>
      </c>
      <c r="O39813" t="s">
        <v>85</v>
      </c>
      <c r="P39813" t="s">
        <v>86</v>
      </c>
      <c r="Q39813">
        <v>35</v>
      </c>
      <c r="R39813">
        <v>35</v>
      </c>
      <c r="S39813">
        <v>35</v>
      </c>
      <c r="T39813">
        <v>35</v>
      </c>
      <c r="U39813">
        <v>36</v>
      </c>
      <c r="V39813">
        <v>36</v>
      </c>
      <c r="W39813">
        <v>36</v>
      </c>
      <c r="X39813">
        <v>36</v>
      </c>
      <c r="Y39813">
        <v>36</v>
      </c>
      <c r="Z39813">
        <v>36</v>
      </c>
      <c r="AA39813">
        <v>36</v>
      </c>
      <c r="AB39813">
        <v>37</v>
      </c>
      <c r="AC39813">
        <v>37</v>
      </c>
      <c r="AD39813">
        <v>37</v>
      </c>
      <c r="AE39813">
        <v>37</v>
      </c>
      <c r="AF39813">
        <v>37</v>
      </c>
      <c r="AG39813">
        <v>37</v>
      </c>
      <c r="AH39813">
        <v>37</v>
      </c>
      <c r="AI39813">
        <v>37</v>
      </c>
      <c r="AJ39813">
        <v>37</v>
      </c>
      <c r="AK39813">
        <v>37</v>
      </c>
      <c r="AL39813">
        <v>36</v>
      </c>
      <c r="AM39813">
        <v>36</v>
      </c>
      <c r="AN39813">
        <v>36</v>
      </c>
      <c r="AO39813">
        <v>36</v>
      </c>
      <c r="AP39813">
        <v>35</v>
      </c>
      <c r="AQ39813">
        <v>35</v>
      </c>
    </row>
    <row r="39814" spans="1:43">
      <c r="A39814" t="s">
        <v>24683</v>
      </c>
      <c r="B39814" t="s">
        <v>24684</v>
      </c>
      <c r="C39814" t="s">
        <v>1032</v>
      </c>
      <c r="D39814" t="s">
        <v>1033</v>
      </c>
      <c r="E39814" t="s">
        <v>847</v>
      </c>
      <c r="F39814" t="s">
        <v>848</v>
      </c>
      <c r="G39814" t="s">
        <v>80</v>
      </c>
      <c r="H39814" t="s">
        <v>81</v>
      </c>
      <c r="I39814" s="2">
        <v>0</v>
      </c>
      <c r="J39814" s="2">
        <v>1</v>
      </c>
      <c r="K39814" s="2">
        <v>0</v>
      </c>
      <c r="L39814" t="s">
        <v>82</v>
      </c>
      <c r="M39814" t="s">
        <v>83</v>
      </c>
      <c r="N39814" t="s">
        <v>84</v>
      </c>
      <c r="O39814" t="s">
        <v>85</v>
      </c>
      <c r="P39814" t="s">
        <v>86</v>
      </c>
      <c r="Q39814">
        <v>22</v>
      </c>
      <c r="R39814">
        <v>22</v>
      </c>
      <c r="S39814">
        <v>22</v>
      </c>
      <c r="T39814">
        <v>22</v>
      </c>
      <c r="U39814">
        <v>23</v>
      </c>
      <c r="V39814">
        <v>23</v>
      </c>
      <c r="W39814">
        <v>23</v>
      </c>
      <c r="X39814">
        <v>23</v>
      </c>
      <c r="Y39814">
        <v>23</v>
      </c>
      <c r="Z39814">
        <v>23</v>
      </c>
      <c r="AA39814">
        <v>23</v>
      </c>
      <c r="AB39814">
        <v>24</v>
      </c>
      <c r="AC39814">
        <v>24</v>
      </c>
      <c r="AD39814">
        <v>24</v>
      </c>
      <c r="AE39814">
        <v>24</v>
      </c>
      <c r="AF39814">
        <v>24</v>
      </c>
      <c r="AG39814">
        <v>24</v>
      </c>
      <c r="AH39814">
        <v>24</v>
      </c>
      <c r="AI39814">
        <v>24</v>
      </c>
      <c r="AJ39814">
        <v>25</v>
      </c>
      <c r="AK39814">
        <v>25</v>
      </c>
      <c r="AL39814">
        <v>25</v>
      </c>
      <c r="AM39814">
        <v>25</v>
      </c>
      <c r="AN39814">
        <v>24</v>
      </c>
      <c r="AO39814">
        <v>24</v>
      </c>
      <c r="AP39814">
        <v>24</v>
      </c>
      <c r="AQ39814">
        <v>24</v>
      </c>
    </row>
    <row r="39815" spans="1:43">
      <c r="A39815" t="s">
        <v>24683</v>
      </c>
      <c r="B39815" t="s">
        <v>24684</v>
      </c>
      <c r="C39815" t="s">
        <v>1032</v>
      </c>
      <c r="D39815" t="s">
        <v>1033</v>
      </c>
      <c r="E39815" t="s">
        <v>847</v>
      </c>
      <c r="F39815" t="s">
        <v>848</v>
      </c>
      <c r="G39815" t="s">
        <v>80</v>
      </c>
      <c r="H39815" t="s">
        <v>81</v>
      </c>
      <c r="I39815" s="2">
        <v>0</v>
      </c>
      <c r="J39815" s="2">
        <v>1</v>
      </c>
      <c r="K39815" s="2">
        <v>0</v>
      </c>
      <c r="L39815" t="s">
        <v>82</v>
      </c>
      <c r="M39815" t="s">
        <v>87</v>
      </c>
      <c r="N39815" t="s">
        <v>88</v>
      </c>
      <c r="O39815" t="s">
        <v>85</v>
      </c>
      <c r="P39815" t="s">
        <v>86</v>
      </c>
      <c r="Q39815">
        <v>22</v>
      </c>
      <c r="R39815">
        <v>22</v>
      </c>
      <c r="S39815">
        <v>22</v>
      </c>
      <c r="T39815">
        <v>22</v>
      </c>
      <c r="U39815">
        <v>22</v>
      </c>
      <c r="V39815">
        <v>22</v>
      </c>
      <c r="W39815">
        <v>21</v>
      </c>
      <c r="X39815">
        <v>21</v>
      </c>
      <c r="Y39815">
        <v>21</v>
      </c>
      <c r="Z39815">
        <v>21</v>
      </c>
      <c r="AA39815">
        <v>21</v>
      </c>
      <c r="AB39815">
        <v>21</v>
      </c>
      <c r="AC39815">
        <v>21</v>
      </c>
      <c r="AD39815">
        <v>21</v>
      </c>
      <c r="AE39815">
        <v>21</v>
      </c>
      <c r="AF39815">
        <v>21</v>
      </c>
      <c r="AG39815">
        <v>21</v>
      </c>
      <c r="AH39815">
        <v>21</v>
      </c>
      <c r="AI39815">
        <v>21</v>
      </c>
      <c r="AJ39815">
        <v>21</v>
      </c>
      <c r="AK39815">
        <v>21</v>
      </c>
      <c r="AL39815">
        <v>21</v>
      </c>
      <c r="AM39815">
        <v>21</v>
      </c>
      <c r="AN39815">
        <v>21</v>
      </c>
      <c r="AO39815">
        <v>21</v>
      </c>
      <c r="AP39815">
        <v>21</v>
      </c>
      <c r="AQ39815">
        <v>21</v>
      </c>
    </row>
    <row r="39816" spans="1:43">
      <c r="A39816" t="s">
        <v>24683</v>
      </c>
      <c r="B39816" t="s">
        <v>24684</v>
      </c>
      <c r="C39816" t="s">
        <v>1032</v>
      </c>
      <c r="D39816" t="s">
        <v>1033</v>
      </c>
      <c r="E39816" t="s">
        <v>847</v>
      </c>
      <c r="F39816" t="s">
        <v>848</v>
      </c>
      <c r="G39816" t="s">
        <v>80</v>
      </c>
      <c r="H39816" t="s">
        <v>81</v>
      </c>
      <c r="I39816" s="2">
        <v>0</v>
      </c>
      <c r="J39816" s="2">
        <v>1</v>
      </c>
      <c r="K39816" s="2">
        <v>0</v>
      </c>
      <c r="L39816" t="s">
        <v>82</v>
      </c>
      <c r="M39816" t="s">
        <v>89</v>
      </c>
      <c r="N39816" t="s">
        <v>90</v>
      </c>
      <c r="O39816" t="s">
        <v>85</v>
      </c>
      <c r="P39816" t="s">
        <v>86</v>
      </c>
      <c r="Q39816">
        <v>22</v>
      </c>
      <c r="R39816">
        <v>23</v>
      </c>
      <c r="S39816">
        <v>23</v>
      </c>
      <c r="T39816">
        <v>23</v>
      </c>
      <c r="U39816">
        <v>23</v>
      </c>
      <c r="V39816">
        <v>24</v>
      </c>
      <c r="W39816">
        <v>24</v>
      </c>
      <c r="X39816">
        <v>24</v>
      </c>
      <c r="Y39816">
        <v>25</v>
      </c>
      <c r="Z39816">
        <v>25</v>
      </c>
      <c r="AA39816">
        <v>25</v>
      </c>
      <c r="AB39816">
        <v>25</v>
      </c>
      <c r="AC39816">
        <v>25</v>
      </c>
      <c r="AD39816">
        <v>26</v>
      </c>
      <c r="AE39816">
        <v>26</v>
      </c>
      <c r="AF39816">
        <v>26</v>
      </c>
      <c r="AG39816">
        <v>25</v>
      </c>
      <c r="AH39816">
        <v>25</v>
      </c>
      <c r="AI39816">
        <v>25</v>
      </c>
      <c r="AJ39816">
        <v>25</v>
      </c>
      <c r="AK39816">
        <v>25</v>
      </c>
      <c r="AL39816">
        <v>25</v>
      </c>
      <c r="AM39816">
        <v>25</v>
      </c>
      <c r="AN39816">
        <v>25</v>
      </c>
      <c r="AO39816">
        <v>25</v>
      </c>
      <c r="AP39816">
        <v>25</v>
      </c>
      <c r="AQ39816">
        <v>25</v>
      </c>
    </row>
    <row r="39817" spans="1:43">
      <c r="A39817" t="s">
        <v>24683</v>
      </c>
      <c r="B39817" t="s">
        <v>24684</v>
      </c>
      <c r="C39817" t="s">
        <v>1032</v>
      </c>
      <c r="D39817" t="s">
        <v>1033</v>
      </c>
      <c r="E39817" t="s">
        <v>847</v>
      </c>
      <c r="F39817" t="s">
        <v>848</v>
      </c>
      <c r="G39817" t="s">
        <v>80</v>
      </c>
      <c r="H39817" t="s">
        <v>81</v>
      </c>
      <c r="I39817" s="2">
        <v>0</v>
      </c>
      <c r="J39817" s="2">
        <v>1</v>
      </c>
      <c r="K39817" s="2">
        <v>0</v>
      </c>
      <c r="L39817" t="s">
        <v>82</v>
      </c>
      <c r="M39817" t="s">
        <v>83</v>
      </c>
      <c r="N39817" t="s">
        <v>91</v>
      </c>
      <c r="O39817" t="s">
        <v>85</v>
      </c>
      <c r="P39817" t="s">
        <v>86</v>
      </c>
      <c r="Q39817">
        <v>22</v>
      </c>
      <c r="R39817">
        <v>22</v>
      </c>
      <c r="S39817">
        <v>22</v>
      </c>
      <c r="T39817">
        <v>22</v>
      </c>
      <c r="U39817">
        <v>23</v>
      </c>
      <c r="V39817">
        <v>23</v>
      </c>
      <c r="W39817">
        <v>23</v>
      </c>
      <c r="X39817">
        <v>23</v>
      </c>
      <c r="Y39817">
        <v>23</v>
      </c>
      <c r="Z39817">
        <v>23</v>
      </c>
      <c r="AA39817">
        <v>23</v>
      </c>
      <c r="AB39817">
        <v>24</v>
      </c>
      <c r="AC39817">
        <v>24</v>
      </c>
      <c r="AD39817">
        <v>24</v>
      </c>
      <c r="AE39817">
        <v>24</v>
      </c>
      <c r="AF39817">
        <v>24</v>
      </c>
      <c r="AG39817">
        <v>24</v>
      </c>
      <c r="AH39817">
        <v>24</v>
      </c>
      <c r="AI39817">
        <v>24</v>
      </c>
      <c r="AJ39817">
        <v>25</v>
      </c>
      <c r="AK39817">
        <v>25</v>
      </c>
      <c r="AL39817">
        <v>25</v>
      </c>
      <c r="AM39817">
        <v>25</v>
      </c>
      <c r="AN39817">
        <v>24</v>
      </c>
      <c r="AO39817">
        <v>24</v>
      </c>
      <c r="AP39817">
        <v>24</v>
      </c>
      <c r="AQ39817">
        <v>24</v>
      </c>
    </row>
    <row r="39818" spans="1:43">
      <c r="A39818" t="s">
        <v>24685</v>
      </c>
      <c r="B39818" t="s">
        <v>24686</v>
      </c>
      <c r="C39818" t="s">
        <v>3564</v>
      </c>
      <c r="D39818" t="s">
        <v>3565</v>
      </c>
      <c r="E39818" t="s">
        <v>3352</v>
      </c>
      <c r="F39818" t="s">
        <v>3353</v>
      </c>
      <c r="G39818" t="s">
        <v>80</v>
      </c>
      <c r="H39818" t="s">
        <v>81</v>
      </c>
      <c r="I39818" s="2">
        <v>0</v>
      </c>
      <c r="J39818" s="2">
        <v>1</v>
      </c>
      <c r="K39818" s="2">
        <v>0</v>
      </c>
      <c r="L39818" t="s">
        <v>82</v>
      </c>
      <c r="M39818" t="s">
        <v>83</v>
      </c>
      <c r="N39818" t="s">
        <v>84</v>
      </c>
      <c r="O39818" t="s">
        <v>85</v>
      </c>
      <c r="P39818" t="s">
        <v>86</v>
      </c>
      <c r="Q39818">
        <v>12</v>
      </c>
      <c r="R39818">
        <v>12</v>
      </c>
      <c r="S39818">
        <v>12</v>
      </c>
      <c r="T39818">
        <v>12</v>
      </c>
      <c r="U39818">
        <v>13</v>
      </c>
      <c r="V39818">
        <v>13</v>
      </c>
      <c r="W39818">
        <v>13</v>
      </c>
      <c r="X39818">
        <v>14</v>
      </c>
      <c r="Y39818">
        <v>14</v>
      </c>
      <c r="Z39818">
        <v>14</v>
      </c>
      <c r="AA39818">
        <v>15</v>
      </c>
      <c r="AB39818">
        <v>15</v>
      </c>
      <c r="AC39818">
        <v>15</v>
      </c>
      <c r="AD39818">
        <v>15</v>
      </c>
      <c r="AE39818">
        <v>16</v>
      </c>
      <c r="AF39818">
        <v>16</v>
      </c>
      <c r="AG39818">
        <v>16</v>
      </c>
      <c r="AH39818">
        <v>17</v>
      </c>
      <c r="AI39818">
        <v>17</v>
      </c>
      <c r="AJ39818">
        <v>17</v>
      </c>
      <c r="AK39818">
        <v>18</v>
      </c>
      <c r="AL39818">
        <v>18</v>
      </c>
      <c r="AM39818">
        <v>18</v>
      </c>
      <c r="AN39818">
        <v>18</v>
      </c>
      <c r="AO39818">
        <v>18</v>
      </c>
      <c r="AP39818">
        <v>19</v>
      </c>
      <c r="AQ39818">
        <v>19</v>
      </c>
    </row>
    <row r="39819" spans="1:43">
      <c r="A39819" t="s">
        <v>24685</v>
      </c>
      <c r="B39819" t="s">
        <v>24686</v>
      </c>
      <c r="C39819" t="s">
        <v>3564</v>
      </c>
      <c r="D39819" t="s">
        <v>3565</v>
      </c>
      <c r="E39819" t="s">
        <v>3352</v>
      </c>
      <c r="F39819" t="s">
        <v>3353</v>
      </c>
      <c r="G39819" t="s">
        <v>80</v>
      </c>
      <c r="H39819" t="s">
        <v>81</v>
      </c>
      <c r="I39819" s="2">
        <v>0</v>
      </c>
      <c r="J39819" s="2">
        <v>1</v>
      </c>
      <c r="K39819" s="2">
        <v>0</v>
      </c>
      <c r="L39819" t="s">
        <v>82</v>
      </c>
      <c r="M39819" t="s">
        <v>87</v>
      </c>
      <c r="N39819" t="s">
        <v>88</v>
      </c>
      <c r="O39819" t="s">
        <v>85</v>
      </c>
      <c r="P39819" t="s">
        <v>86</v>
      </c>
      <c r="Q39819">
        <v>12</v>
      </c>
      <c r="R39819">
        <v>12</v>
      </c>
      <c r="S39819">
        <v>12</v>
      </c>
      <c r="T39819">
        <v>12</v>
      </c>
      <c r="U39819">
        <v>12</v>
      </c>
      <c r="V39819">
        <v>12</v>
      </c>
      <c r="W39819">
        <v>13</v>
      </c>
      <c r="X39819">
        <v>13</v>
      </c>
      <c r="Y39819">
        <v>13</v>
      </c>
      <c r="Z39819">
        <v>13</v>
      </c>
      <c r="AA39819">
        <v>13</v>
      </c>
      <c r="AB39819">
        <v>13</v>
      </c>
      <c r="AC39819">
        <v>14</v>
      </c>
      <c r="AD39819">
        <v>14</v>
      </c>
      <c r="AE39819">
        <v>14</v>
      </c>
      <c r="AF39819">
        <v>14</v>
      </c>
      <c r="AG39819">
        <v>14</v>
      </c>
      <c r="AH39819">
        <v>15</v>
      </c>
      <c r="AI39819">
        <v>15</v>
      </c>
      <c r="AJ39819">
        <v>15</v>
      </c>
      <c r="AK39819">
        <v>15</v>
      </c>
      <c r="AL39819">
        <v>15</v>
      </c>
      <c r="AM39819">
        <v>15</v>
      </c>
      <c r="AN39819">
        <v>16</v>
      </c>
      <c r="AO39819">
        <v>16</v>
      </c>
      <c r="AP39819">
        <v>16</v>
      </c>
      <c r="AQ39819">
        <v>16</v>
      </c>
    </row>
    <row r="39820" spans="1:43">
      <c r="A39820" t="s">
        <v>24685</v>
      </c>
      <c r="B39820" t="s">
        <v>24686</v>
      </c>
      <c r="C39820" t="s">
        <v>3564</v>
      </c>
      <c r="D39820" t="s">
        <v>3565</v>
      </c>
      <c r="E39820" t="s">
        <v>3352</v>
      </c>
      <c r="F39820" t="s">
        <v>3353</v>
      </c>
      <c r="G39820" t="s">
        <v>80</v>
      </c>
      <c r="H39820" t="s">
        <v>81</v>
      </c>
      <c r="I39820" s="2">
        <v>0</v>
      </c>
      <c r="J39820" s="2">
        <v>1</v>
      </c>
      <c r="K39820" s="2">
        <v>0</v>
      </c>
      <c r="L39820" t="s">
        <v>82</v>
      </c>
      <c r="M39820" t="s">
        <v>89</v>
      </c>
      <c r="N39820" t="s">
        <v>90</v>
      </c>
      <c r="O39820" t="s">
        <v>85</v>
      </c>
      <c r="P39820" t="s">
        <v>86</v>
      </c>
      <c r="Q39820">
        <v>12</v>
      </c>
      <c r="R39820">
        <v>12</v>
      </c>
      <c r="S39820">
        <v>13</v>
      </c>
      <c r="T39820">
        <v>13</v>
      </c>
      <c r="U39820">
        <v>13</v>
      </c>
      <c r="V39820">
        <v>14</v>
      </c>
      <c r="W39820">
        <v>14</v>
      </c>
      <c r="X39820">
        <v>14</v>
      </c>
      <c r="Y39820">
        <v>15</v>
      </c>
      <c r="Z39820">
        <v>15</v>
      </c>
      <c r="AA39820">
        <v>15</v>
      </c>
      <c r="AB39820">
        <v>16</v>
      </c>
      <c r="AC39820">
        <v>16</v>
      </c>
      <c r="AD39820">
        <v>17</v>
      </c>
      <c r="AE39820">
        <v>17</v>
      </c>
      <c r="AF39820">
        <v>17</v>
      </c>
      <c r="AG39820">
        <v>17</v>
      </c>
      <c r="AH39820">
        <v>17</v>
      </c>
      <c r="AI39820">
        <v>18</v>
      </c>
      <c r="AJ39820">
        <v>18</v>
      </c>
      <c r="AK39820">
        <v>18</v>
      </c>
      <c r="AL39820">
        <v>18</v>
      </c>
      <c r="AM39820">
        <v>18</v>
      </c>
      <c r="AN39820">
        <v>18</v>
      </c>
      <c r="AO39820">
        <v>18</v>
      </c>
      <c r="AP39820">
        <v>19</v>
      </c>
      <c r="AQ39820">
        <v>19</v>
      </c>
    </row>
    <row r="39821" spans="1:43">
      <c r="A39821" t="s">
        <v>24685</v>
      </c>
      <c r="B39821" t="s">
        <v>24686</v>
      </c>
      <c r="C39821" t="s">
        <v>3564</v>
      </c>
      <c r="D39821" t="s">
        <v>3565</v>
      </c>
      <c r="E39821" t="s">
        <v>3352</v>
      </c>
      <c r="F39821" t="s">
        <v>3353</v>
      </c>
      <c r="G39821" t="s">
        <v>80</v>
      </c>
      <c r="H39821" t="s">
        <v>81</v>
      </c>
      <c r="I39821" s="2">
        <v>0</v>
      </c>
      <c r="J39821" s="2">
        <v>1</v>
      </c>
      <c r="K39821" s="2">
        <v>0</v>
      </c>
      <c r="L39821" t="s">
        <v>82</v>
      </c>
      <c r="M39821" t="s">
        <v>83</v>
      </c>
      <c r="N39821" t="s">
        <v>91</v>
      </c>
      <c r="O39821" t="s">
        <v>85</v>
      </c>
      <c r="P39821" t="s">
        <v>86</v>
      </c>
      <c r="Q39821">
        <v>12</v>
      </c>
      <c r="R39821">
        <v>12</v>
      </c>
      <c r="S39821">
        <v>12</v>
      </c>
      <c r="T39821">
        <v>12</v>
      </c>
      <c r="U39821">
        <v>13</v>
      </c>
      <c r="V39821">
        <v>13</v>
      </c>
      <c r="W39821">
        <v>13</v>
      </c>
      <c r="X39821">
        <v>14</v>
      </c>
      <c r="Y39821">
        <v>14</v>
      </c>
      <c r="Z39821">
        <v>14</v>
      </c>
      <c r="AA39821">
        <v>15</v>
      </c>
      <c r="AB39821">
        <v>15</v>
      </c>
      <c r="AC39821">
        <v>15</v>
      </c>
      <c r="AD39821">
        <v>15</v>
      </c>
      <c r="AE39821">
        <v>16</v>
      </c>
      <c r="AF39821">
        <v>16</v>
      </c>
      <c r="AG39821">
        <v>16</v>
      </c>
      <c r="AH39821">
        <v>17</v>
      </c>
      <c r="AI39821">
        <v>17</v>
      </c>
      <c r="AJ39821">
        <v>17</v>
      </c>
      <c r="AK39821">
        <v>18</v>
      </c>
      <c r="AL39821">
        <v>18</v>
      </c>
      <c r="AM39821">
        <v>18</v>
      </c>
      <c r="AN39821">
        <v>18</v>
      </c>
      <c r="AO39821">
        <v>18</v>
      </c>
      <c r="AP39821">
        <v>19</v>
      </c>
      <c r="AQ39821">
        <v>19</v>
      </c>
    </row>
    <row r="39822" spans="1:43">
      <c r="A39822" t="s">
        <v>24687</v>
      </c>
      <c r="B39822" t="s">
        <v>24688</v>
      </c>
      <c r="C39822" t="s">
        <v>1740</v>
      </c>
      <c r="D39822" t="s">
        <v>1741</v>
      </c>
      <c r="E39822" t="s">
        <v>1586</v>
      </c>
      <c r="F39822" t="s">
        <v>1587</v>
      </c>
      <c r="G39822" t="s">
        <v>80</v>
      </c>
      <c r="H39822" t="s">
        <v>81</v>
      </c>
      <c r="I39822" s="2">
        <v>0</v>
      </c>
      <c r="J39822" s="2">
        <v>1</v>
      </c>
      <c r="K39822" s="2">
        <v>0</v>
      </c>
      <c r="L39822" t="s">
        <v>82</v>
      </c>
      <c r="M39822" t="s">
        <v>83</v>
      </c>
      <c r="N39822" t="s">
        <v>84</v>
      </c>
      <c r="O39822" t="s">
        <v>85</v>
      </c>
      <c r="P39822" t="s">
        <v>86</v>
      </c>
      <c r="Q39822">
        <v>39</v>
      </c>
      <c r="R39822">
        <v>39</v>
      </c>
      <c r="S39822">
        <v>39</v>
      </c>
      <c r="T39822">
        <v>40</v>
      </c>
      <c r="U39822">
        <v>40</v>
      </c>
      <c r="V39822">
        <v>40</v>
      </c>
      <c r="W39822">
        <v>40</v>
      </c>
      <c r="X39822">
        <v>40</v>
      </c>
      <c r="Y39822">
        <v>40</v>
      </c>
      <c r="Z39822">
        <v>40</v>
      </c>
      <c r="AA39822">
        <v>41</v>
      </c>
      <c r="AB39822">
        <v>41</v>
      </c>
      <c r="AC39822">
        <v>41</v>
      </c>
      <c r="AD39822">
        <v>41</v>
      </c>
      <c r="AE39822">
        <v>41</v>
      </c>
      <c r="AF39822">
        <v>41</v>
      </c>
      <c r="AG39822">
        <v>41</v>
      </c>
      <c r="AH39822">
        <v>41</v>
      </c>
      <c r="AI39822">
        <v>41</v>
      </c>
      <c r="AJ39822">
        <v>41</v>
      </c>
      <c r="AK39822">
        <v>41</v>
      </c>
      <c r="AL39822">
        <v>41</v>
      </c>
      <c r="AM39822">
        <v>41</v>
      </c>
      <c r="AN39822">
        <v>40</v>
      </c>
      <c r="AO39822">
        <v>40</v>
      </c>
      <c r="AP39822">
        <v>40</v>
      </c>
      <c r="AQ39822">
        <v>39</v>
      </c>
    </row>
    <row r="39823" spans="1:43">
      <c r="A39823" t="s">
        <v>24687</v>
      </c>
      <c r="B39823" t="s">
        <v>24688</v>
      </c>
      <c r="C39823" t="s">
        <v>1740</v>
      </c>
      <c r="D39823" t="s">
        <v>1741</v>
      </c>
      <c r="E39823" t="s">
        <v>1586</v>
      </c>
      <c r="F39823" t="s">
        <v>1587</v>
      </c>
      <c r="G39823" t="s">
        <v>80</v>
      </c>
      <c r="H39823" t="s">
        <v>81</v>
      </c>
      <c r="I39823" s="2">
        <v>0</v>
      </c>
      <c r="J39823" s="2">
        <v>1</v>
      </c>
      <c r="K39823" s="2">
        <v>0</v>
      </c>
      <c r="L39823" t="s">
        <v>82</v>
      </c>
      <c r="M39823" t="s">
        <v>87</v>
      </c>
      <c r="N39823" t="s">
        <v>88</v>
      </c>
      <c r="O39823" t="s">
        <v>85</v>
      </c>
      <c r="P39823" t="s">
        <v>86</v>
      </c>
      <c r="Q39823">
        <v>39</v>
      </c>
      <c r="R39823">
        <v>39</v>
      </c>
      <c r="S39823">
        <v>38</v>
      </c>
      <c r="T39823">
        <v>38</v>
      </c>
      <c r="U39823">
        <v>38</v>
      </c>
      <c r="V39823">
        <v>38</v>
      </c>
      <c r="W39823">
        <v>38</v>
      </c>
      <c r="X39823">
        <v>37</v>
      </c>
      <c r="Y39823">
        <v>37</v>
      </c>
      <c r="Z39823">
        <v>37</v>
      </c>
      <c r="AA39823">
        <v>37</v>
      </c>
      <c r="AB39823">
        <v>37</v>
      </c>
      <c r="AC39823">
        <v>37</v>
      </c>
      <c r="AD39823">
        <v>36</v>
      </c>
      <c r="AE39823">
        <v>36</v>
      </c>
      <c r="AF39823">
        <v>36</v>
      </c>
      <c r="AG39823">
        <v>36</v>
      </c>
      <c r="AH39823">
        <v>36</v>
      </c>
      <c r="AI39823">
        <v>36</v>
      </c>
      <c r="AJ39823">
        <v>35</v>
      </c>
      <c r="AK39823">
        <v>35</v>
      </c>
      <c r="AL39823">
        <v>35</v>
      </c>
      <c r="AM39823">
        <v>35</v>
      </c>
      <c r="AN39823">
        <v>35</v>
      </c>
      <c r="AO39823">
        <v>35</v>
      </c>
      <c r="AP39823">
        <v>34</v>
      </c>
      <c r="AQ39823">
        <v>34</v>
      </c>
    </row>
    <row r="39824" spans="1:43">
      <c r="A39824" t="s">
        <v>24687</v>
      </c>
      <c r="B39824" t="s">
        <v>24688</v>
      </c>
      <c r="C39824" t="s">
        <v>1740</v>
      </c>
      <c r="D39824" t="s">
        <v>1741</v>
      </c>
      <c r="E39824" t="s">
        <v>1586</v>
      </c>
      <c r="F39824" t="s">
        <v>1587</v>
      </c>
      <c r="G39824" t="s">
        <v>80</v>
      </c>
      <c r="H39824" t="s">
        <v>81</v>
      </c>
      <c r="I39824" s="2">
        <v>0</v>
      </c>
      <c r="J39824" s="2">
        <v>1</v>
      </c>
      <c r="K39824" s="2">
        <v>0</v>
      </c>
      <c r="L39824" t="s">
        <v>82</v>
      </c>
      <c r="M39824" t="s">
        <v>89</v>
      </c>
      <c r="N39824" t="s">
        <v>90</v>
      </c>
      <c r="O39824" t="s">
        <v>85</v>
      </c>
      <c r="P39824" t="s">
        <v>86</v>
      </c>
      <c r="Q39824">
        <v>39</v>
      </c>
      <c r="R39824">
        <v>40</v>
      </c>
      <c r="S39824">
        <v>40</v>
      </c>
      <c r="T39824">
        <v>41</v>
      </c>
      <c r="U39824">
        <v>41</v>
      </c>
      <c r="V39824">
        <v>42</v>
      </c>
      <c r="W39824">
        <v>42</v>
      </c>
      <c r="X39824">
        <v>42</v>
      </c>
      <c r="Y39824">
        <v>43</v>
      </c>
      <c r="Z39824">
        <v>43</v>
      </c>
      <c r="AA39824">
        <v>43</v>
      </c>
      <c r="AB39824">
        <v>43</v>
      </c>
      <c r="AC39824">
        <v>44</v>
      </c>
      <c r="AD39824">
        <v>44</v>
      </c>
      <c r="AE39824">
        <v>44</v>
      </c>
      <c r="AF39824">
        <v>43</v>
      </c>
      <c r="AG39824">
        <v>43</v>
      </c>
      <c r="AH39824">
        <v>43</v>
      </c>
      <c r="AI39824">
        <v>42</v>
      </c>
      <c r="AJ39824">
        <v>42</v>
      </c>
      <c r="AK39824">
        <v>42</v>
      </c>
      <c r="AL39824">
        <v>41</v>
      </c>
      <c r="AM39824">
        <v>41</v>
      </c>
      <c r="AN39824">
        <v>41</v>
      </c>
      <c r="AO39824">
        <v>40</v>
      </c>
      <c r="AP39824">
        <v>40</v>
      </c>
      <c r="AQ39824">
        <v>40</v>
      </c>
    </row>
    <row r="39825" spans="1:43">
      <c r="A39825" t="s">
        <v>24687</v>
      </c>
      <c r="B39825" t="s">
        <v>24688</v>
      </c>
      <c r="C39825" t="s">
        <v>1740</v>
      </c>
      <c r="D39825" t="s">
        <v>1741</v>
      </c>
      <c r="E39825" t="s">
        <v>1586</v>
      </c>
      <c r="F39825" t="s">
        <v>1587</v>
      </c>
      <c r="G39825" t="s">
        <v>80</v>
      </c>
      <c r="H39825" t="s">
        <v>81</v>
      </c>
      <c r="I39825" s="2">
        <v>0</v>
      </c>
      <c r="J39825" s="2">
        <v>1</v>
      </c>
      <c r="K39825" s="2">
        <v>0</v>
      </c>
      <c r="L39825" t="s">
        <v>82</v>
      </c>
      <c r="M39825" t="s">
        <v>83</v>
      </c>
      <c r="N39825" t="s">
        <v>91</v>
      </c>
      <c r="O39825" t="s">
        <v>85</v>
      </c>
      <c r="P39825" t="s">
        <v>86</v>
      </c>
      <c r="Q39825">
        <v>39</v>
      </c>
      <c r="R39825">
        <v>39</v>
      </c>
      <c r="S39825">
        <v>39</v>
      </c>
      <c r="T39825">
        <v>40</v>
      </c>
      <c r="U39825">
        <v>40</v>
      </c>
      <c r="V39825">
        <v>40</v>
      </c>
      <c r="W39825">
        <v>40</v>
      </c>
      <c r="X39825">
        <v>40</v>
      </c>
      <c r="Y39825">
        <v>40</v>
      </c>
      <c r="Z39825">
        <v>40</v>
      </c>
      <c r="AA39825">
        <v>41</v>
      </c>
      <c r="AB39825">
        <v>41</v>
      </c>
      <c r="AC39825">
        <v>41</v>
      </c>
      <c r="AD39825">
        <v>41</v>
      </c>
      <c r="AE39825">
        <v>41</v>
      </c>
      <c r="AF39825">
        <v>41</v>
      </c>
      <c r="AG39825">
        <v>41</v>
      </c>
      <c r="AH39825">
        <v>41</v>
      </c>
      <c r="AI39825">
        <v>41</v>
      </c>
      <c r="AJ39825">
        <v>41</v>
      </c>
      <c r="AK39825">
        <v>41</v>
      </c>
      <c r="AL39825">
        <v>41</v>
      </c>
      <c r="AM39825">
        <v>41</v>
      </c>
      <c r="AN39825">
        <v>40</v>
      </c>
      <c r="AO39825">
        <v>40</v>
      </c>
      <c r="AP39825">
        <v>40</v>
      </c>
      <c r="AQ39825">
        <v>39</v>
      </c>
    </row>
    <row r="39826" spans="1:43">
      <c r="A39826" t="s">
        <v>24689</v>
      </c>
      <c r="B39826" t="s">
        <v>24690</v>
      </c>
      <c r="C39826" t="s">
        <v>2388</v>
      </c>
      <c r="D39826" t="s">
        <v>2389</v>
      </c>
      <c r="E39826" t="s">
        <v>2352</v>
      </c>
      <c r="F39826" t="s">
        <v>2353</v>
      </c>
      <c r="G39826" t="s">
        <v>80</v>
      </c>
      <c r="H39826" t="s">
        <v>81</v>
      </c>
      <c r="I39826" s="2">
        <v>0</v>
      </c>
      <c r="J39826" s="2">
        <v>0</v>
      </c>
      <c r="K39826" s="2">
        <v>1</v>
      </c>
      <c r="L39826" t="s">
        <v>995</v>
      </c>
      <c r="M39826" t="s">
        <v>83</v>
      </c>
      <c r="N39826" t="s">
        <v>84</v>
      </c>
      <c r="O39826" t="s">
        <v>85</v>
      </c>
      <c r="P39826" t="s">
        <v>86</v>
      </c>
      <c r="Q39826">
        <v>19</v>
      </c>
      <c r="R39826">
        <v>19</v>
      </c>
      <c r="S39826">
        <v>19</v>
      </c>
      <c r="T39826">
        <v>19</v>
      </c>
      <c r="U39826">
        <v>19</v>
      </c>
      <c r="V39826">
        <v>19</v>
      </c>
      <c r="W39826">
        <v>19</v>
      </c>
      <c r="X39826">
        <v>19</v>
      </c>
      <c r="Y39826">
        <v>19</v>
      </c>
      <c r="Z39826">
        <v>19</v>
      </c>
      <c r="AA39826">
        <v>19</v>
      </c>
      <c r="AB39826">
        <v>19</v>
      </c>
      <c r="AC39826">
        <v>19</v>
      </c>
      <c r="AD39826">
        <v>19</v>
      </c>
      <c r="AE39826">
        <v>19</v>
      </c>
      <c r="AF39826">
        <v>19</v>
      </c>
      <c r="AG39826">
        <v>19</v>
      </c>
      <c r="AH39826">
        <v>19</v>
      </c>
      <c r="AI39826">
        <v>19</v>
      </c>
      <c r="AJ39826">
        <v>19</v>
      </c>
      <c r="AK39826">
        <v>19</v>
      </c>
      <c r="AL39826">
        <v>19</v>
      </c>
      <c r="AM39826">
        <v>19</v>
      </c>
      <c r="AN39826">
        <v>19</v>
      </c>
      <c r="AO39826">
        <v>18</v>
      </c>
      <c r="AP39826">
        <v>18</v>
      </c>
      <c r="AQ39826">
        <v>18</v>
      </c>
    </row>
    <row r="39827" spans="1:43">
      <c r="A39827" t="s">
        <v>24689</v>
      </c>
      <c r="B39827" t="s">
        <v>24690</v>
      </c>
      <c r="C39827" t="s">
        <v>2388</v>
      </c>
      <c r="D39827" t="s">
        <v>2389</v>
      </c>
      <c r="E39827" t="s">
        <v>2352</v>
      </c>
      <c r="F39827" t="s">
        <v>2353</v>
      </c>
      <c r="G39827" t="s">
        <v>80</v>
      </c>
      <c r="H39827" t="s">
        <v>81</v>
      </c>
      <c r="I39827" s="2">
        <v>0</v>
      </c>
      <c r="J39827" s="2">
        <v>0</v>
      </c>
      <c r="K39827" s="2">
        <v>1</v>
      </c>
      <c r="L39827" t="s">
        <v>995</v>
      </c>
      <c r="M39827" t="s">
        <v>87</v>
      </c>
      <c r="N39827" t="s">
        <v>88</v>
      </c>
      <c r="O39827" t="s">
        <v>85</v>
      </c>
      <c r="P39827" t="s">
        <v>86</v>
      </c>
      <c r="Q39827">
        <v>19</v>
      </c>
      <c r="R39827">
        <v>19</v>
      </c>
      <c r="S39827">
        <v>19</v>
      </c>
      <c r="T39827">
        <v>19</v>
      </c>
      <c r="U39827">
        <v>19</v>
      </c>
      <c r="V39827">
        <v>19</v>
      </c>
      <c r="W39827">
        <v>19</v>
      </c>
      <c r="X39827">
        <v>19</v>
      </c>
      <c r="Y39827">
        <v>19</v>
      </c>
      <c r="Z39827">
        <v>18</v>
      </c>
      <c r="AA39827">
        <v>18</v>
      </c>
      <c r="AB39827">
        <v>18</v>
      </c>
      <c r="AC39827">
        <v>18</v>
      </c>
      <c r="AD39827">
        <v>18</v>
      </c>
      <c r="AE39827">
        <v>18</v>
      </c>
      <c r="AF39827">
        <v>18</v>
      </c>
      <c r="AG39827">
        <v>18</v>
      </c>
      <c r="AH39827">
        <v>18</v>
      </c>
      <c r="AI39827">
        <v>17</v>
      </c>
      <c r="AJ39827">
        <v>17</v>
      </c>
      <c r="AK39827">
        <v>17</v>
      </c>
      <c r="AL39827">
        <v>17</v>
      </c>
      <c r="AM39827">
        <v>17</v>
      </c>
      <c r="AN39827">
        <v>17</v>
      </c>
      <c r="AO39827">
        <v>17</v>
      </c>
      <c r="AP39827">
        <v>17</v>
      </c>
      <c r="AQ39827">
        <v>17</v>
      </c>
    </row>
    <row r="39828" spans="1:43">
      <c r="A39828" t="s">
        <v>24689</v>
      </c>
      <c r="B39828" t="s">
        <v>24690</v>
      </c>
      <c r="C39828" t="s">
        <v>2388</v>
      </c>
      <c r="D39828" t="s">
        <v>2389</v>
      </c>
      <c r="E39828" t="s">
        <v>2352</v>
      </c>
      <c r="F39828" t="s">
        <v>2353</v>
      </c>
      <c r="G39828" t="s">
        <v>80</v>
      </c>
      <c r="H39828" t="s">
        <v>81</v>
      </c>
      <c r="I39828" s="2">
        <v>0</v>
      </c>
      <c r="J39828" s="2">
        <v>0</v>
      </c>
      <c r="K39828" s="2">
        <v>1</v>
      </c>
      <c r="L39828" t="s">
        <v>995</v>
      </c>
      <c r="M39828" t="s">
        <v>89</v>
      </c>
      <c r="N39828" t="s">
        <v>90</v>
      </c>
      <c r="O39828" t="s">
        <v>85</v>
      </c>
      <c r="P39828" t="s">
        <v>86</v>
      </c>
      <c r="Q39828">
        <v>19</v>
      </c>
      <c r="R39828">
        <v>19</v>
      </c>
      <c r="S39828">
        <v>19</v>
      </c>
      <c r="T39828">
        <v>19</v>
      </c>
      <c r="U39828">
        <v>20</v>
      </c>
      <c r="V39828">
        <v>20</v>
      </c>
      <c r="W39828">
        <v>20</v>
      </c>
      <c r="X39828">
        <v>20</v>
      </c>
      <c r="Y39828">
        <v>20</v>
      </c>
      <c r="Z39828">
        <v>20</v>
      </c>
      <c r="AA39828">
        <v>20</v>
      </c>
      <c r="AB39828">
        <v>20</v>
      </c>
      <c r="AC39828">
        <v>20</v>
      </c>
      <c r="AD39828">
        <v>20</v>
      </c>
      <c r="AE39828">
        <v>20</v>
      </c>
      <c r="AF39828">
        <v>20</v>
      </c>
      <c r="AG39828">
        <v>20</v>
      </c>
      <c r="AH39828">
        <v>20</v>
      </c>
      <c r="AI39828">
        <v>20</v>
      </c>
      <c r="AJ39828">
        <v>19</v>
      </c>
      <c r="AK39828">
        <v>19</v>
      </c>
      <c r="AL39828">
        <v>19</v>
      </c>
      <c r="AM39828">
        <v>19</v>
      </c>
      <c r="AN39828">
        <v>19</v>
      </c>
      <c r="AO39828">
        <v>19</v>
      </c>
      <c r="AP39828">
        <v>18</v>
      </c>
      <c r="AQ39828">
        <v>18</v>
      </c>
    </row>
    <row r="39829" spans="1:43">
      <c r="A39829" t="s">
        <v>24689</v>
      </c>
      <c r="B39829" t="s">
        <v>24690</v>
      </c>
      <c r="C39829" t="s">
        <v>2388</v>
      </c>
      <c r="D39829" t="s">
        <v>2389</v>
      </c>
      <c r="E39829" t="s">
        <v>2352</v>
      </c>
      <c r="F39829" t="s">
        <v>2353</v>
      </c>
      <c r="G39829" t="s">
        <v>80</v>
      </c>
      <c r="H39829" t="s">
        <v>81</v>
      </c>
      <c r="I39829" s="2">
        <v>0</v>
      </c>
      <c r="J39829" s="2">
        <v>0</v>
      </c>
      <c r="K39829" s="2">
        <v>1</v>
      </c>
      <c r="L39829" t="s">
        <v>995</v>
      </c>
      <c r="M39829" t="s">
        <v>83</v>
      </c>
      <c r="N39829" t="s">
        <v>91</v>
      </c>
      <c r="O39829" t="s">
        <v>85</v>
      </c>
      <c r="P39829" t="s">
        <v>86</v>
      </c>
      <c r="Q39829">
        <v>19</v>
      </c>
      <c r="R39829">
        <v>19</v>
      </c>
      <c r="S39829">
        <v>19</v>
      </c>
      <c r="T39829">
        <v>19</v>
      </c>
      <c r="U39829">
        <v>19</v>
      </c>
      <c r="V39829">
        <v>19</v>
      </c>
      <c r="W39829">
        <v>19</v>
      </c>
      <c r="X39829">
        <v>19</v>
      </c>
      <c r="Y39829">
        <v>19</v>
      </c>
      <c r="Z39829">
        <v>19</v>
      </c>
      <c r="AA39829">
        <v>19</v>
      </c>
      <c r="AB39829">
        <v>19</v>
      </c>
      <c r="AC39829">
        <v>19</v>
      </c>
      <c r="AD39829">
        <v>19</v>
      </c>
      <c r="AE39829">
        <v>19</v>
      </c>
      <c r="AF39829">
        <v>19</v>
      </c>
      <c r="AG39829">
        <v>19</v>
      </c>
      <c r="AH39829">
        <v>19</v>
      </c>
      <c r="AI39829">
        <v>19</v>
      </c>
      <c r="AJ39829">
        <v>19</v>
      </c>
      <c r="AK39829">
        <v>19</v>
      </c>
      <c r="AL39829">
        <v>19</v>
      </c>
      <c r="AM39829">
        <v>19</v>
      </c>
      <c r="AN39829">
        <v>19</v>
      </c>
      <c r="AO39829">
        <v>18</v>
      </c>
      <c r="AP39829">
        <v>18</v>
      </c>
      <c r="AQ39829">
        <v>18</v>
      </c>
    </row>
    <row r="39830" spans="1:43">
      <c r="A39830" t="s">
        <v>24691</v>
      </c>
      <c r="B39830" t="s">
        <v>24692</v>
      </c>
      <c r="C39830" t="s">
        <v>1622</v>
      </c>
      <c r="D39830" t="s">
        <v>1623</v>
      </c>
      <c r="E39830" t="s">
        <v>1586</v>
      </c>
      <c r="F39830" t="s">
        <v>1587</v>
      </c>
      <c r="G39830" t="s">
        <v>80</v>
      </c>
      <c r="H39830" t="s">
        <v>81</v>
      </c>
      <c r="I39830" s="2">
        <v>0</v>
      </c>
      <c r="J39830" s="2">
        <v>0</v>
      </c>
      <c r="K39830" s="2">
        <v>1</v>
      </c>
      <c r="L39830" t="s">
        <v>995</v>
      </c>
      <c r="M39830" t="s">
        <v>83</v>
      </c>
      <c r="N39830" t="s">
        <v>84</v>
      </c>
      <c r="O39830" t="s">
        <v>85</v>
      </c>
      <c r="P39830" t="s">
        <v>86</v>
      </c>
      <c r="Q39830">
        <v>42</v>
      </c>
      <c r="R39830">
        <v>42</v>
      </c>
      <c r="S39830">
        <v>42</v>
      </c>
      <c r="T39830">
        <v>43</v>
      </c>
      <c r="U39830">
        <v>43</v>
      </c>
      <c r="V39830">
        <v>43</v>
      </c>
      <c r="W39830">
        <v>43</v>
      </c>
      <c r="X39830">
        <v>43</v>
      </c>
      <c r="Y39830">
        <v>43</v>
      </c>
      <c r="Z39830">
        <v>44</v>
      </c>
      <c r="AA39830">
        <v>44</v>
      </c>
      <c r="AB39830">
        <v>44</v>
      </c>
      <c r="AC39830">
        <v>44</v>
      </c>
      <c r="AD39830">
        <v>44</v>
      </c>
      <c r="AE39830">
        <v>44</v>
      </c>
      <c r="AF39830">
        <v>44</v>
      </c>
      <c r="AG39830">
        <v>44</v>
      </c>
      <c r="AH39830">
        <v>44</v>
      </c>
      <c r="AI39830">
        <v>44</v>
      </c>
      <c r="AJ39830">
        <v>44</v>
      </c>
      <c r="AK39830">
        <v>44</v>
      </c>
      <c r="AL39830">
        <v>44</v>
      </c>
      <c r="AM39830">
        <v>44</v>
      </c>
      <c r="AN39830">
        <v>44</v>
      </c>
      <c r="AO39830">
        <v>43</v>
      </c>
      <c r="AP39830">
        <v>43</v>
      </c>
      <c r="AQ39830">
        <v>43</v>
      </c>
    </row>
    <row r="39831" spans="1:43">
      <c r="A39831" t="s">
        <v>24691</v>
      </c>
      <c r="B39831" t="s">
        <v>24692</v>
      </c>
      <c r="C39831" t="s">
        <v>1622</v>
      </c>
      <c r="D39831" t="s">
        <v>1623</v>
      </c>
      <c r="E39831" t="s">
        <v>1586</v>
      </c>
      <c r="F39831" t="s">
        <v>1587</v>
      </c>
      <c r="G39831" t="s">
        <v>80</v>
      </c>
      <c r="H39831" t="s">
        <v>81</v>
      </c>
      <c r="I39831" s="2">
        <v>0</v>
      </c>
      <c r="J39831" s="2">
        <v>0</v>
      </c>
      <c r="K39831" s="2">
        <v>1</v>
      </c>
      <c r="L39831" t="s">
        <v>995</v>
      </c>
      <c r="M39831" t="s">
        <v>87</v>
      </c>
      <c r="N39831" t="s">
        <v>88</v>
      </c>
      <c r="O39831" t="s">
        <v>85</v>
      </c>
      <c r="P39831" t="s">
        <v>86</v>
      </c>
      <c r="Q39831">
        <v>42</v>
      </c>
      <c r="R39831">
        <v>41</v>
      </c>
      <c r="S39831">
        <v>41</v>
      </c>
      <c r="T39831">
        <v>41</v>
      </c>
      <c r="U39831">
        <v>41</v>
      </c>
      <c r="V39831">
        <v>41</v>
      </c>
      <c r="W39831">
        <v>41</v>
      </c>
      <c r="X39831">
        <v>40</v>
      </c>
      <c r="Y39831">
        <v>40</v>
      </c>
      <c r="Z39831">
        <v>40</v>
      </c>
      <c r="AA39831">
        <v>40</v>
      </c>
      <c r="AB39831">
        <v>40</v>
      </c>
      <c r="AC39831">
        <v>39</v>
      </c>
      <c r="AD39831">
        <v>39</v>
      </c>
      <c r="AE39831">
        <v>39</v>
      </c>
      <c r="AF39831">
        <v>39</v>
      </c>
      <c r="AG39831">
        <v>39</v>
      </c>
      <c r="AH39831">
        <v>39</v>
      </c>
      <c r="AI39831">
        <v>38</v>
      </c>
      <c r="AJ39831">
        <v>38</v>
      </c>
      <c r="AK39831">
        <v>38</v>
      </c>
      <c r="AL39831">
        <v>38</v>
      </c>
      <c r="AM39831">
        <v>38</v>
      </c>
      <c r="AN39831">
        <v>38</v>
      </c>
      <c r="AO39831">
        <v>38</v>
      </c>
      <c r="AP39831">
        <v>37</v>
      </c>
      <c r="AQ39831">
        <v>37</v>
      </c>
    </row>
    <row r="39832" spans="1:43">
      <c r="A39832" t="s">
        <v>24691</v>
      </c>
      <c r="B39832" t="s">
        <v>24692</v>
      </c>
      <c r="C39832" t="s">
        <v>1622</v>
      </c>
      <c r="D39832" t="s">
        <v>1623</v>
      </c>
      <c r="E39832" t="s">
        <v>1586</v>
      </c>
      <c r="F39832" t="s">
        <v>1587</v>
      </c>
      <c r="G39832" t="s">
        <v>80</v>
      </c>
      <c r="H39832" t="s">
        <v>81</v>
      </c>
      <c r="I39832" s="2">
        <v>0</v>
      </c>
      <c r="J39832" s="2">
        <v>0</v>
      </c>
      <c r="K39832" s="2">
        <v>1</v>
      </c>
      <c r="L39832" t="s">
        <v>995</v>
      </c>
      <c r="M39832" t="s">
        <v>89</v>
      </c>
      <c r="N39832" t="s">
        <v>90</v>
      </c>
      <c r="O39832" t="s">
        <v>85</v>
      </c>
      <c r="P39832" t="s">
        <v>86</v>
      </c>
      <c r="Q39832">
        <v>42</v>
      </c>
      <c r="R39832">
        <v>43</v>
      </c>
      <c r="S39832">
        <v>43</v>
      </c>
      <c r="T39832">
        <v>44</v>
      </c>
      <c r="U39832">
        <v>44</v>
      </c>
      <c r="V39832">
        <v>45</v>
      </c>
      <c r="W39832">
        <v>45</v>
      </c>
      <c r="X39832">
        <v>46</v>
      </c>
      <c r="Y39832">
        <v>46</v>
      </c>
      <c r="Z39832">
        <v>46</v>
      </c>
      <c r="AA39832">
        <v>46</v>
      </c>
      <c r="AB39832">
        <v>47</v>
      </c>
      <c r="AC39832">
        <v>47</v>
      </c>
      <c r="AD39832">
        <v>47</v>
      </c>
      <c r="AE39832">
        <v>47</v>
      </c>
      <c r="AF39832">
        <v>47</v>
      </c>
      <c r="AG39832">
        <v>46</v>
      </c>
      <c r="AH39832">
        <v>46</v>
      </c>
      <c r="AI39832">
        <v>46</v>
      </c>
      <c r="AJ39832">
        <v>45</v>
      </c>
      <c r="AK39832">
        <v>45</v>
      </c>
      <c r="AL39832">
        <v>45</v>
      </c>
      <c r="AM39832">
        <v>44</v>
      </c>
      <c r="AN39832">
        <v>44</v>
      </c>
      <c r="AO39832">
        <v>44</v>
      </c>
      <c r="AP39832">
        <v>43</v>
      </c>
      <c r="AQ39832">
        <v>43</v>
      </c>
    </row>
    <row r="39833" spans="1:43">
      <c r="A39833" t="s">
        <v>24691</v>
      </c>
      <c r="B39833" t="s">
        <v>24692</v>
      </c>
      <c r="C39833" t="s">
        <v>1622</v>
      </c>
      <c r="D39833" t="s">
        <v>1623</v>
      </c>
      <c r="E39833" t="s">
        <v>1586</v>
      </c>
      <c r="F39833" t="s">
        <v>1587</v>
      </c>
      <c r="G39833" t="s">
        <v>80</v>
      </c>
      <c r="H39833" t="s">
        <v>81</v>
      </c>
      <c r="I39833" s="2">
        <v>0</v>
      </c>
      <c r="J39833" s="2">
        <v>0</v>
      </c>
      <c r="K39833" s="2">
        <v>1</v>
      </c>
      <c r="L39833" t="s">
        <v>995</v>
      </c>
      <c r="M39833" t="s">
        <v>83</v>
      </c>
      <c r="N39833" t="s">
        <v>91</v>
      </c>
      <c r="O39833" t="s">
        <v>85</v>
      </c>
      <c r="P39833" t="s">
        <v>86</v>
      </c>
      <c r="Q39833">
        <v>42</v>
      </c>
      <c r="R39833">
        <v>42</v>
      </c>
      <c r="S39833">
        <v>42</v>
      </c>
      <c r="T39833">
        <v>43</v>
      </c>
      <c r="U39833">
        <v>43</v>
      </c>
      <c r="V39833">
        <v>43</v>
      </c>
      <c r="W39833">
        <v>43</v>
      </c>
      <c r="X39833">
        <v>43</v>
      </c>
      <c r="Y39833">
        <v>43</v>
      </c>
      <c r="Z39833">
        <v>44</v>
      </c>
      <c r="AA39833">
        <v>44</v>
      </c>
      <c r="AB39833">
        <v>44</v>
      </c>
      <c r="AC39833">
        <v>44</v>
      </c>
      <c r="AD39833">
        <v>44</v>
      </c>
      <c r="AE39833">
        <v>44</v>
      </c>
      <c r="AF39833">
        <v>44</v>
      </c>
      <c r="AG39833">
        <v>44</v>
      </c>
      <c r="AH39833">
        <v>44</v>
      </c>
      <c r="AI39833">
        <v>44</v>
      </c>
      <c r="AJ39833">
        <v>44</v>
      </c>
      <c r="AK39833">
        <v>44</v>
      </c>
      <c r="AL39833">
        <v>44</v>
      </c>
      <c r="AM39833">
        <v>44</v>
      </c>
      <c r="AN39833">
        <v>44</v>
      </c>
      <c r="AO39833">
        <v>43</v>
      </c>
      <c r="AP39833">
        <v>43</v>
      </c>
      <c r="AQ39833">
        <v>43</v>
      </c>
    </row>
    <row r="39834" spans="1:43">
      <c r="A39834" t="s">
        <v>24693</v>
      </c>
      <c r="B39834" t="s">
        <v>24694</v>
      </c>
      <c r="C39834" t="s">
        <v>23577</v>
      </c>
      <c r="D39834" t="s">
        <v>23578</v>
      </c>
      <c r="E39834" t="s">
        <v>23481</v>
      </c>
      <c r="F39834" t="s">
        <v>23482</v>
      </c>
      <c r="G39834" t="s">
        <v>11612</v>
      </c>
      <c r="H39834" t="s">
        <v>11613</v>
      </c>
      <c r="I39834" s="2">
        <v>0</v>
      </c>
      <c r="J39834" s="2">
        <v>0</v>
      </c>
      <c r="K39834" s="2">
        <v>1</v>
      </c>
      <c r="L39834" t="s">
        <v>995</v>
      </c>
      <c r="M39834" t="s">
        <v>83</v>
      </c>
      <c r="N39834" t="s">
        <v>84</v>
      </c>
      <c r="O39834" t="s">
        <v>85</v>
      </c>
      <c r="P39834" t="s">
        <v>86</v>
      </c>
      <c r="Q39834">
        <v>37</v>
      </c>
      <c r="R39834">
        <v>38</v>
      </c>
      <c r="S39834">
        <v>39</v>
      </c>
      <c r="T39834">
        <v>40</v>
      </c>
      <c r="U39834">
        <v>41</v>
      </c>
      <c r="V39834">
        <v>42</v>
      </c>
      <c r="W39834">
        <v>43</v>
      </c>
      <c r="X39834">
        <v>44</v>
      </c>
      <c r="Y39834">
        <v>45</v>
      </c>
      <c r="Z39834">
        <v>46</v>
      </c>
      <c r="AA39834">
        <v>47</v>
      </c>
      <c r="AB39834">
        <v>48</v>
      </c>
      <c r="AC39834">
        <v>49</v>
      </c>
      <c r="AD39834">
        <v>51</v>
      </c>
      <c r="AE39834">
        <v>52</v>
      </c>
      <c r="AF39834">
        <v>53</v>
      </c>
      <c r="AG39834">
        <v>54</v>
      </c>
      <c r="AH39834">
        <v>55</v>
      </c>
      <c r="AI39834">
        <v>56</v>
      </c>
      <c r="AJ39834">
        <v>58</v>
      </c>
      <c r="AK39834">
        <v>59</v>
      </c>
      <c r="AL39834">
        <v>60</v>
      </c>
      <c r="AM39834">
        <v>61</v>
      </c>
      <c r="AN39834">
        <v>61</v>
      </c>
      <c r="AO39834">
        <v>62</v>
      </c>
      <c r="AP39834">
        <v>63</v>
      </c>
      <c r="AQ39834">
        <v>63</v>
      </c>
    </row>
    <row r="39835" spans="1:43">
      <c r="A39835" t="s">
        <v>24693</v>
      </c>
      <c r="B39835" t="s">
        <v>24694</v>
      </c>
      <c r="C39835" t="s">
        <v>23577</v>
      </c>
      <c r="D39835" t="s">
        <v>23578</v>
      </c>
      <c r="E39835" t="s">
        <v>23481</v>
      </c>
      <c r="F39835" t="s">
        <v>23482</v>
      </c>
      <c r="G39835" t="s">
        <v>11612</v>
      </c>
      <c r="H39835" t="s">
        <v>11613</v>
      </c>
      <c r="I39835" s="2">
        <v>0</v>
      </c>
      <c r="J39835" s="2">
        <v>0</v>
      </c>
      <c r="K39835" s="2">
        <v>1</v>
      </c>
      <c r="L39835" t="s">
        <v>995</v>
      </c>
      <c r="M39835" t="s">
        <v>87</v>
      </c>
      <c r="N39835" t="s">
        <v>88</v>
      </c>
      <c r="O39835" t="s">
        <v>85</v>
      </c>
      <c r="P39835" t="s">
        <v>86</v>
      </c>
      <c r="Q39835">
        <v>37</v>
      </c>
      <c r="R39835">
        <v>37</v>
      </c>
      <c r="S39835">
        <v>38</v>
      </c>
      <c r="T39835">
        <v>39</v>
      </c>
      <c r="U39835">
        <v>39</v>
      </c>
      <c r="V39835">
        <v>40</v>
      </c>
      <c r="W39835">
        <v>40</v>
      </c>
      <c r="X39835">
        <v>41</v>
      </c>
      <c r="Y39835">
        <v>42</v>
      </c>
      <c r="Z39835">
        <v>42</v>
      </c>
      <c r="AA39835">
        <v>43</v>
      </c>
      <c r="AB39835">
        <v>44</v>
      </c>
      <c r="AC39835">
        <v>44</v>
      </c>
      <c r="AD39835">
        <v>45</v>
      </c>
      <c r="AE39835">
        <v>46</v>
      </c>
      <c r="AF39835">
        <v>46</v>
      </c>
      <c r="AG39835">
        <v>47</v>
      </c>
      <c r="AH39835">
        <v>48</v>
      </c>
      <c r="AI39835">
        <v>49</v>
      </c>
      <c r="AJ39835">
        <v>49</v>
      </c>
      <c r="AK39835">
        <v>50</v>
      </c>
      <c r="AL39835">
        <v>51</v>
      </c>
      <c r="AM39835">
        <v>52</v>
      </c>
      <c r="AN39835">
        <v>52</v>
      </c>
      <c r="AO39835">
        <v>53</v>
      </c>
      <c r="AP39835">
        <v>54</v>
      </c>
      <c r="AQ39835">
        <v>55</v>
      </c>
    </row>
    <row r="39836" spans="1:43">
      <c r="A39836" t="s">
        <v>24693</v>
      </c>
      <c r="B39836" t="s">
        <v>24694</v>
      </c>
      <c r="C39836" t="s">
        <v>23577</v>
      </c>
      <c r="D39836" t="s">
        <v>23578</v>
      </c>
      <c r="E39836" t="s">
        <v>23481</v>
      </c>
      <c r="F39836" t="s">
        <v>23482</v>
      </c>
      <c r="G39836" t="s">
        <v>11612</v>
      </c>
      <c r="H39836" t="s">
        <v>11613</v>
      </c>
      <c r="I39836" s="2">
        <v>0</v>
      </c>
      <c r="J39836" s="2">
        <v>0</v>
      </c>
      <c r="K39836" s="2">
        <v>1</v>
      </c>
      <c r="L39836" t="s">
        <v>995</v>
      </c>
      <c r="M39836" t="s">
        <v>89</v>
      </c>
      <c r="N39836" t="s">
        <v>90</v>
      </c>
      <c r="O39836" t="s">
        <v>85</v>
      </c>
      <c r="P39836" t="s">
        <v>86</v>
      </c>
      <c r="Q39836">
        <v>37</v>
      </c>
      <c r="R39836">
        <v>38</v>
      </c>
      <c r="S39836">
        <v>39</v>
      </c>
      <c r="T39836">
        <v>40</v>
      </c>
      <c r="U39836">
        <v>42</v>
      </c>
      <c r="V39836">
        <v>43</v>
      </c>
      <c r="W39836">
        <v>44</v>
      </c>
      <c r="X39836">
        <v>46</v>
      </c>
      <c r="Y39836">
        <v>47</v>
      </c>
      <c r="Z39836">
        <v>48</v>
      </c>
      <c r="AA39836">
        <v>49</v>
      </c>
      <c r="AB39836">
        <v>51</v>
      </c>
      <c r="AC39836">
        <v>52</v>
      </c>
      <c r="AD39836">
        <v>54</v>
      </c>
      <c r="AE39836">
        <v>55</v>
      </c>
      <c r="AF39836">
        <v>55</v>
      </c>
      <c r="AG39836">
        <v>56</v>
      </c>
      <c r="AH39836">
        <v>57</v>
      </c>
      <c r="AI39836">
        <v>57</v>
      </c>
      <c r="AJ39836">
        <v>58</v>
      </c>
      <c r="AK39836">
        <v>59</v>
      </c>
      <c r="AL39836">
        <v>59</v>
      </c>
      <c r="AM39836">
        <v>60</v>
      </c>
      <c r="AN39836">
        <v>61</v>
      </c>
      <c r="AO39836">
        <v>61</v>
      </c>
      <c r="AP39836">
        <v>62</v>
      </c>
      <c r="AQ39836">
        <v>63</v>
      </c>
    </row>
    <row r="39837" spans="1:43">
      <c r="A39837" t="s">
        <v>24693</v>
      </c>
      <c r="B39837" t="s">
        <v>24694</v>
      </c>
      <c r="C39837" t="s">
        <v>23577</v>
      </c>
      <c r="D39837" t="s">
        <v>23578</v>
      </c>
      <c r="E39837" t="s">
        <v>23481</v>
      </c>
      <c r="F39837" t="s">
        <v>23482</v>
      </c>
      <c r="G39837" t="s">
        <v>11612</v>
      </c>
      <c r="H39837" t="s">
        <v>11613</v>
      </c>
      <c r="I39837" s="2">
        <v>0</v>
      </c>
      <c r="J39837" s="2">
        <v>0</v>
      </c>
      <c r="K39837" s="2">
        <v>1</v>
      </c>
      <c r="L39837" t="s">
        <v>995</v>
      </c>
      <c r="M39837" t="s">
        <v>83</v>
      </c>
      <c r="N39837" t="s">
        <v>91</v>
      </c>
      <c r="O39837" t="s">
        <v>85</v>
      </c>
      <c r="P39837" t="s">
        <v>86</v>
      </c>
      <c r="Q39837">
        <v>37</v>
      </c>
      <c r="R39837">
        <v>38</v>
      </c>
      <c r="S39837">
        <v>39</v>
      </c>
      <c r="T39837">
        <v>40</v>
      </c>
      <c r="U39837">
        <v>41</v>
      </c>
      <c r="V39837">
        <v>42</v>
      </c>
      <c r="W39837">
        <v>43</v>
      </c>
      <c r="X39837">
        <v>44</v>
      </c>
      <c r="Y39837">
        <v>45</v>
      </c>
      <c r="Z39837">
        <v>46</v>
      </c>
      <c r="AA39837">
        <v>47</v>
      </c>
      <c r="AB39837">
        <v>48</v>
      </c>
      <c r="AC39837">
        <v>49</v>
      </c>
      <c r="AD39837">
        <v>51</v>
      </c>
      <c r="AE39837">
        <v>52</v>
      </c>
      <c r="AF39837">
        <v>53</v>
      </c>
      <c r="AG39837">
        <v>54</v>
      </c>
      <c r="AH39837">
        <v>55</v>
      </c>
      <c r="AI39837">
        <v>56</v>
      </c>
      <c r="AJ39837">
        <v>58</v>
      </c>
      <c r="AK39837">
        <v>59</v>
      </c>
      <c r="AL39837">
        <v>60</v>
      </c>
      <c r="AM39837">
        <v>61</v>
      </c>
      <c r="AN39837">
        <v>61</v>
      </c>
      <c r="AO39837">
        <v>62</v>
      </c>
      <c r="AP39837">
        <v>63</v>
      </c>
      <c r="AQ39837">
        <v>63</v>
      </c>
    </row>
    <row r="39838" spans="1:43">
      <c r="A39838" t="s">
        <v>24695</v>
      </c>
      <c r="B39838" t="s">
        <v>24696</v>
      </c>
      <c r="C39838" t="s">
        <v>24697</v>
      </c>
      <c r="D39838" t="s">
        <v>24698</v>
      </c>
      <c r="E39838" t="s">
        <v>2870</v>
      </c>
      <c r="F39838" t="s">
        <v>2871</v>
      </c>
      <c r="G39838" t="s">
        <v>80</v>
      </c>
      <c r="H39838" t="s">
        <v>81</v>
      </c>
      <c r="I39838" s="2">
        <v>0</v>
      </c>
      <c r="J39838" s="2">
        <v>0</v>
      </c>
      <c r="K39838" s="2">
        <v>0</v>
      </c>
      <c r="L39838" t="s">
        <v>82</v>
      </c>
      <c r="M39838" t="s">
        <v>83</v>
      </c>
      <c r="N39838" t="s">
        <v>84</v>
      </c>
      <c r="O39838" t="s">
        <v>85</v>
      </c>
      <c r="P39838" t="s">
        <v>86</v>
      </c>
      <c r="Q39838">
        <v>0</v>
      </c>
      <c r="R39838">
        <v>0</v>
      </c>
      <c r="S39838">
        <v>0</v>
      </c>
      <c r="T39838">
        <v>0</v>
      </c>
      <c r="U39838">
        <v>0</v>
      </c>
      <c r="V39838">
        <v>0</v>
      </c>
      <c r="W39838">
        <v>0</v>
      </c>
      <c r="X39838">
        <v>0</v>
      </c>
      <c r="Y39838">
        <v>0</v>
      </c>
      <c r="Z39838">
        <v>0</v>
      </c>
      <c r="AA39838">
        <v>0</v>
      </c>
      <c r="AB39838">
        <v>0</v>
      </c>
      <c r="AC39838">
        <v>0</v>
      </c>
      <c r="AD39838">
        <v>0</v>
      </c>
      <c r="AE39838">
        <v>0</v>
      </c>
      <c r="AF39838">
        <v>0</v>
      </c>
      <c r="AG39838">
        <v>0</v>
      </c>
      <c r="AH39838">
        <v>0</v>
      </c>
      <c r="AI39838">
        <v>0</v>
      </c>
      <c r="AJ39838">
        <v>0</v>
      </c>
      <c r="AK39838">
        <v>0</v>
      </c>
      <c r="AL39838">
        <v>0</v>
      </c>
      <c r="AM39838">
        <v>0</v>
      </c>
      <c r="AN39838">
        <v>0</v>
      </c>
      <c r="AO39838">
        <v>0</v>
      </c>
      <c r="AP39838">
        <v>0</v>
      </c>
      <c r="AQ39838">
        <v>0</v>
      </c>
    </row>
    <row r="39839" spans="1:43">
      <c r="A39839" t="s">
        <v>24695</v>
      </c>
      <c r="B39839" t="s">
        <v>24696</v>
      </c>
      <c r="C39839" t="s">
        <v>24697</v>
      </c>
      <c r="D39839" t="s">
        <v>24698</v>
      </c>
      <c r="E39839" t="s">
        <v>2870</v>
      </c>
      <c r="F39839" t="s">
        <v>2871</v>
      </c>
      <c r="G39839" t="s">
        <v>80</v>
      </c>
      <c r="H39839" t="s">
        <v>81</v>
      </c>
      <c r="I39839" s="2">
        <v>0</v>
      </c>
      <c r="J39839" s="2">
        <v>0</v>
      </c>
      <c r="K39839" s="2">
        <v>0</v>
      </c>
      <c r="L39839" t="s">
        <v>82</v>
      </c>
      <c r="M39839" t="s">
        <v>87</v>
      </c>
      <c r="N39839" t="s">
        <v>88</v>
      </c>
      <c r="O39839" t="s">
        <v>85</v>
      </c>
      <c r="P39839" t="s">
        <v>86</v>
      </c>
      <c r="Q39839">
        <v>0</v>
      </c>
      <c r="R39839">
        <v>0</v>
      </c>
      <c r="S39839">
        <v>0</v>
      </c>
      <c r="T39839">
        <v>0</v>
      </c>
      <c r="U39839">
        <v>0</v>
      </c>
      <c r="V39839">
        <v>0</v>
      </c>
      <c r="W39839">
        <v>0</v>
      </c>
      <c r="X39839">
        <v>0</v>
      </c>
      <c r="Y39839">
        <v>0</v>
      </c>
      <c r="Z39839">
        <v>0</v>
      </c>
      <c r="AA39839">
        <v>0</v>
      </c>
      <c r="AB39839">
        <v>0</v>
      </c>
      <c r="AC39839">
        <v>0</v>
      </c>
      <c r="AD39839">
        <v>0</v>
      </c>
      <c r="AE39839">
        <v>0</v>
      </c>
      <c r="AF39839">
        <v>0</v>
      </c>
      <c r="AG39839">
        <v>0</v>
      </c>
      <c r="AH39839">
        <v>0</v>
      </c>
      <c r="AI39839">
        <v>0</v>
      </c>
      <c r="AJ39839">
        <v>0</v>
      </c>
      <c r="AK39839">
        <v>0</v>
      </c>
      <c r="AL39839">
        <v>0</v>
      </c>
      <c r="AM39839">
        <v>0</v>
      </c>
      <c r="AN39839">
        <v>0</v>
      </c>
      <c r="AO39839">
        <v>0</v>
      </c>
      <c r="AP39839">
        <v>0</v>
      </c>
      <c r="AQ39839">
        <v>0</v>
      </c>
    </row>
    <row r="39840" spans="1:43">
      <c r="A39840" t="s">
        <v>24695</v>
      </c>
      <c r="B39840" t="s">
        <v>24696</v>
      </c>
      <c r="C39840" t="s">
        <v>24697</v>
      </c>
      <c r="D39840" t="s">
        <v>24698</v>
      </c>
      <c r="E39840" t="s">
        <v>2870</v>
      </c>
      <c r="F39840" t="s">
        <v>2871</v>
      </c>
      <c r="G39840" t="s">
        <v>80</v>
      </c>
      <c r="H39840" t="s">
        <v>81</v>
      </c>
      <c r="I39840" s="2">
        <v>0</v>
      </c>
      <c r="J39840" s="2">
        <v>0</v>
      </c>
      <c r="K39840" s="2">
        <v>0</v>
      </c>
      <c r="L39840" t="s">
        <v>82</v>
      </c>
      <c r="M39840" t="s">
        <v>89</v>
      </c>
      <c r="N39840" t="s">
        <v>90</v>
      </c>
      <c r="O39840" t="s">
        <v>85</v>
      </c>
      <c r="P39840" t="s">
        <v>86</v>
      </c>
      <c r="Q39840">
        <v>0</v>
      </c>
      <c r="R39840">
        <v>0</v>
      </c>
      <c r="S39840">
        <v>0</v>
      </c>
      <c r="T39840">
        <v>0</v>
      </c>
      <c r="U39840">
        <v>0</v>
      </c>
      <c r="V39840">
        <v>0</v>
      </c>
      <c r="W39840">
        <v>0</v>
      </c>
      <c r="X39840">
        <v>0</v>
      </c>
      <c r="Y39840">
        <v>0</v>
      </c>
      <c r="Z39840">
        <v>0</v>
      </c>
      <c r="AA39840">
        <v>0</v>
      </c>
      <c r="AB39840">
        <v>0</v>
      </c>
      <c r="AC39840">
        <v>0</v>
      </c>
      <c r="AD39840">
        <v>0</v>
      </c>
      <c r="AE39840">
        <v>0</v>
      </c>
      <c r="AF39840">
        <v>0</v>
      </c>
      <c r="AG39840">
        <v>0</v>
      </c>
      <c r="AH39840">
        <v>0</v>
      </c>
      <c r="AI39840">
        <v>0</v>
      </c>
      <c r="AJ39840">
        <v>0</v>
      </c>
      <c r="AK39840">
        <v>0</v>
      </c>
      <c r="AL39840">
        <v>0</v>
      </c>
      <c r="AM39840">
        <v>0</v>
      </c>
      <c r="AN39840">
        <v>0</v>
      </c>
      <c r="AO39840">
        <v>0</v>
      </c>
      <c r="AP39840">
        <v>0</v>
      </c>
      <c r="AQ39840">
        <v>0</v>
      </c>
    </row>
    <row r="39841" spans="1:43">
      <c r="A39841" t="s">
        <v>24695</v>
      </c>
      <c r="B39841" t="s">
        <v>24696</v>
      </c>
      <c r="C39841" t="s">
        <v>24697</v>
      </c>
      <c r="D39841" t="s">
        <v>24698</v>
      </c>
      <c r="E39841" t="s">
        <v>2870</v>
      </c>
      <c r="F39841" t="s">
        <v>2871</v>
      </c>
      <c r="G39841" t="s">
        <v>80</v>
      </c>
      <c r="H39841" t="s">
        <v>81</v>
      </c>
      <c r="I39841" s="2">
        <v>0</v>
      </c>
      <c r="J39841" s="2">
        <v>0</v>
      </c>
      <c r="K39841" s="2">
        <v>0</v>
      </c>
      <c r="L39841" t="s">
        <v>82</v>
      </c>
      <c r="M39841" t="s">
        <v>83</v>
      </c>
      <c r="N39841" t="s">
        <v>91</v>
      </c>
      <c r="O39841" t="s">
        <v>85</v>
      </c>
      <c r="P39841" t="s">
        <v>86</v>
      </c>
      <c r="Q39841">
        <v>0</v>
      </c>
      <c r="R39841">
        <v>0</v>
      </c>
      <c r="S39841">
        <v>0</v>
      </c>
      <c r="T39841">
        <v>0</v>
      </c>
      <c r="U39841">
        <v>0</v>
      </c>
      <c r="V39841">
        <v>0</v>
      </c>
      <c r="W39841">
        <v>0</v>
      </c>
      <c r="X39841">
        <v>0</v>
      </c>
      <c r="Y39841">
        <v>0</v>
      </c>
      <c r="Z39841">
        <v>0</v>
      </c>
      <c r="AA39841">
        <v>0</v>
      </c>
      <c r="AB39841">
        <v>0</v>
      </c>
      <c r="AC39841">
        <v>0</v>
      </c>
      <c r="AD39841">
        <v>0</v>
      </c>
      <c r="AE39841">
        <v>0</v>
      </c>
      <c r="AF39841">
        <v>0</v>
      </c>
      <c r="AG39841">
        <v>0</v>
      </c>
      <c r="AH39841">
        <v>0</v>
      </c>
      <c r="AI39841">
        <v>0</v>
      </c>
      <c r="AJ39841">
        <v>0</v>
      </c>
      <c r="AK39841">
        <v>0</v>
      </c>
      <c r="AL39841">
        <v>0</v>
      </c>
      <c r="AM39841">
        <v>0</v>
      </c>
      <c r="AN39841">
        <v>0</v>
      </c>
      <c r="AO39841">
        <v>0</v>
      </c>
      <c r="AP39841">
        <v>0</v>
      </c>
      <c r="AQ39841">
        <v>0</v>
      </c>
    </row>
    <row r="39842" spans="1:43">
      <c r="A39842" t="s">
        <v>24699</v>
      </c>
      <c r="B39842" t="s">
        <v>24700</v>
      </c>
      <c r="C39842" t="s">
        <v>3112</v>
      </c>
      <c r="D39842" t="s">
        <v>3113</v>
      </c>
      <c r="E39842" t="s">
        <v>2928</v>
      </c>
      <c r="F39842" t="s">
        <v>2929</v>
      </c>
      <c r="G39842" t="s">
        <v>80</v>
      </c>
      <c r="H39842" t="s">
        <v>81</v>
      </c>
      <c r="I39842" s="2">
        <v>1</v>
      </c>
      <c r="J39842" s="2">
        <v>0</v>
      </c>
      <c r="K39842" s="2">
        <v>0</v>
      </c>
      <c r="L39842" t="s">
        <v>120</v>
      </c>
      <c r="M39842" t="s">
        <v>83</v>
      </c>
      <c r="N39842" t="s">
        <v>84</v>
      </c>
      <c r="O39842" t="s">
        <v>85</v>
      </c>
      <c r="P39842" t="s">
        <v>86</v>
      </c>
      <c r="Q39842">
        <v>50</v>
      </c>
      <c r="R39842">
        <v>51</v>
      </c>
      <c r="S39842">
        <v>51</v>
      </c>
      <c r="T39842">
        <v>51</v>
      </c>
      <c r="U39842">
        <v>51</v>
      </c>
      <c r="V39842">
        <v>52</v>
      </c>
      <c r="W39842">
        <v>52</v>
      </c>
      <c r="X39842">
        <v>52</v>
      </c>
      <c r="Y39842">
        <v>52</v>
      </c>
      <c r="Z39842">
        <v>52</v>
      </c>
      <c r="AA39842">
        <v>53</v>
      </c>
      <c r="AB39842">
        <v>53</v>
      </c>
      <c r="AC39842">
        <v>53</v>
      </c>
      <c r="AD39842">
        <v>53</v>
      </c>
      <c r="AE39842">
        <v>53</v>
      </c>
      <c r="AF39842">
        <v>53</v>
      </c>
      <c r="AG39842">
        <v>53</v>
      </c>
      <c r="AH39842">
        <v>53</v>
      </c>
      <c r="AI39842">
        <v>53</v>
      </c>
      <c r="AJ39842">
        <v>54</v>
      </c>
      <c r="AK39842">
        <v>54</v>
      </c>
      <c r="AL39842">
        <v>53</v>
      </c>
      <c r="AM39842">
        <v>53</v>
      </c>
      <c r="AN39842">
        <v>53</v>
      </c>
      <c r="AO39842">
        <v>52</v>
      </c>
      <c r="AP39842">
        <v>52</v>
      </c>
      <c r="AQ39842">
        <v>52</v>
      </c>
    </row>
    <row r="39843" spans="1:43">
      <c r="A39843" t="s">
        <v>24699</v>
      </c>
      <c r="B39843" t="s">
        <v>24700</v>
      </c>
      <c r="C39843" t="s">
        <v>3112</v>
      </c>
      <c r="D39843" t="s">
        <v>3113</v>
      </c>
      <c r="E39843" t="s">
        <v>2928</v>
      </c>
      <c r="F39843" t="s">
        <v>2929</v>
      </c>
      <c r="G39843" t="s">
        <v>80</v>
      </c>
      <c r="H39843" t="s">
        <v>81</v>
      </c>
      <c r="I39843" s="2">
        <v>1</v>
      </c>
      <c r="J39843" s="2">
        <v>0</v>
      </c>
      <c r="K39843" s="2">
        <v>0</v>
      </c>
      <c r="L39843" t="s">
        <v>120</v>
      </c>
      <c r="M39843" t="s">
        <v>87</v>
      </c>
      <c r="N39843" t="s">
        <v>88</v>
      </c>
      <c r="O39843" t="s">
        <v>85</v>
      </c>
      <c r="P39843" t="s">
        <v>86</v>
      </c>
      <c r="Q39843">
        <v>50</v>
      </c>
      <c r="R39843">
        <v>50</v>
      </c>
      <c r="S39843">
        <v>50</v>
      </c>
      <c r="T39843">
        <v>49</v>
      </c>
      <c r="U39843">
        <v>49</v>
      </c>
      <c r="V39843">
        <v>49</v>
      </c>
      <c r="W39843">
        <v>49</v>
      </c>
      <c r="X39843">
        <v>49</v>
      </c>
      <c r="Y39843">
        <v>48</v>
      </c>
      <c r="Z39843">
        <v>48</v>
      </c>
      <c r="AA39843">
        <v>48</v>
      </c>
      <c r="AB39843">
        <v>48</v>
      </c>
      <c r="AC39843">
        <v>48</v>
      </c>
      <c r="AD39843">
        <v>47</v>
      </c>
      <c r="AE39843">
        <v>47</v>
      </c>
      <c r="AF39843">
        <v>47</v>
      </c>
      <c r="AG39843">
        <v>47</v>
      </c>
      <c r="AH39843">
        <v>47</v>
      </c>
      <c r="AI39843">
        <v>47</v>
      </c>
      <c r="AJ39843">
        <v>46</v>
      </c>
      <c r="AK39843">
        <v>46</v>
      </c>
      <c r="AL39843">
        <v>46</v>
      </c>
      <c r="AM39843">
        <v>46</v>
      </c>
      <c r="AN39843">
        <v>46</v>
      </c>
      <c r="AO39843">
        <v>45</v>
      </c>
      <c r="AP39843">
        <v>45</v>
      </c>
      <c r="AQ39843">
        <v>45</v>
      </c>
    </row>
    <row r="39844" spans="1:43">
      <c r="A39844" t="s">
        <v>24699</v>
      </c>
      <c r="B39844" t="s">
        <v>24700</v>
      </c>
      <c r="C39844" t="s">
        <v>3112</v>
      </c>
      <c r="D39844" t="s">
        <v>3113</v>
      </c>
      <c r="E39844" t="s">
        <v>2928</v>
      </c>
      <c r="F39844" t="s">
        <v>2929</v>
      </c>
      <c r="G39844" t="s">
        <v>80</v>
      </c>
      <c r="H39844" t="s">
        <v>81</v>
      </c>
      <c r="I39844" s="2">
        <v>1</v>
      </c>
      <c r="J39844" s="2">
        <v>0</v>
      </c>
      <c r="K39844" s="2">
        <v>0</v>
      </c>
      <c r="L39844" t="s">
        <v>120</v>
      </c>
      <c r="M39844" t="s">
        <v>89</v>
      </c>
      <c r="N39844" t="s">
        <v>90</v>
      </c>
      <c r="O39844" t="s">
        <v>85</v>
      </c>
      <c r="P39844" t="s">
        <v>86</v>
      </c>
      <c r="Q39844">
        <v>50</v>
      </c>
      <c r="R39844">
        <v>51</v>
      </c>
      <c r="S39844">
        <v>51</v>
      </c>
      <c r="T39844">
        <v>52</v>
      </c>
      <c r="U39844">
        <v>52</v>
      </c>
      <c r="V39844">
        <v>53</v>
      </c>
      <c r="W39844">
        <v>53</v>
      </c>
      <c r="X39844">
        <v>54</v>
      </c>
      <c r="Y39844">
        <v>54</v>
      </c>
      <c r="Z39844">
        <v>54</v>
      </c>
      <c r="AA39844">
        <v>55</v>
      </c>
      <c r="AB39844">
        <v>55</v>
      </c>
      <c r="AC39844">
        <v>55</v>
      </c>
      <c r="AD39844">
        <v>56</v>
      </c>
      <c r="AE39844">
        <v>56</v>
      </c>
      <c r="AF39844">
        <v>55</v>
      </c>
      <c r="AG39844">
        <v>55</v>
      </c>
      <c r="AH39844">
        <v>55</v>
      </c>
      <c r="AI39844">
        <v>54</v>
      </c>
      <c r="AJ39844">
        <v>54</v>
      </c>
      <c r="AK39844">
        <v>53</v>
      </c>
      <c r="AL39844">
        <v>53</v>
      </c>
      <c r="AM39844">
        <v>53</v>
      </c>
      <c r="AN39844">
        <v>52</v>
      </c>
      <c r="AO39844">
        <v>52</v>
      </c>
      <c r="AP39844">
        <v>52</v>
      </c>
      <c r="AQ39844">
        <v>51</v>
      </c>
    </row>
    <row r="39845" spans="1:43">
      <c r="A39845" t="s">
        <v>24699</v>
      </c>
      <c r="B39845" t="s">
        <v>24700</v>
      </c>
      <c r="C39845" t="s">
        <v>3112</v>
      </c>
      <c r="D39845" t="s">
        <v>3113</v>
      </c>
      <c r="E39845" t="s">
        <v>2928</v>
      </c>
      <c r="F39845" t="s">
        <v>2929</v>
      </c>
      <c r="G39845" t="s">
        <v>80</v>
      </c>
      <c r="H39845" t="s">
        <v>81</v>
      </c>
      <c r="I39845" s="2">
        <v>1</v>
      </c>
      <c r="J39845" s="2">
        <v>0</v>
      </c>
      <c r="K39845" s="2">
        <v>0</v>
      </c>
      <c r="L39845" t="s">
        <v>120</v>
      </c>
      <c r="M39845" t="s">
        <v>83</v>
      </c>
      <c r="N39845" t="s">
        <v>91</v>
      </c>
      <c r="O39845" t="s">
        <v>85</v>
      </c>
      <c r="P39845" t="s">
        <v>86</v>
      </c>
      <c r="Q39845">
        <v>50</v>
      </c>
      <c r="R39845">
        <v>51</v>
      </c>
      <c r="S39845">
        <v>51</v>
      </c>
      <c r="T39845">
        <v>51</v>
      </c>
      <c r="U39845">
        <v>51</v>
      </c>
      <c r="V39845">
        <v>52</v>
      </c>
      <c r="W39845">
        <v>52</v>
      </c>
      <c r="X39845">
        <v>52</v>
      </c>
      <c r="Y39845">
        <v>52</v>
      </c>
      <c r="Z39845">
        <v>52</v>
      </c>
      <c r="AA39845">
        <v>53</v>
      </c>
      <c r="AB39845">
        <v>53</v>
      </c>
      <c r="AC39845">
        <v>53</v>
      </c>
      <c r="AD39845">
        <v>53</v>
      </c>
      <c r="AE39845">
        <v>53</v>
      </c>
      <c r="AF39845">
        <v>53</v>
      </c>
      <c r="AG39845">
        <v>53</v>
      </c>
      <c r="AH39845">
        <v>53</v>
      </c>
      <c r="AI39845">
        <v>53</v>
      </c>
      <c r="AJ39845">
        <v>54</v>
      </c>
      <c r="AK39845">
        <v>54</v>
      </c>
      <c r="AL39845">
        <v>53</v>
      </c>
      <c r="AM39845">
        <v>53</v>
      </c>
      <c r="AN39845">
        <v>53</v>
      </c>
      <c r="AO39845">
        <v>52</v>
      </c>
      <c r="AP39845">
        <v>52</v>
      </c>
      <c r="AQ39845">
        <v>52</v>
      </c>
    </row>
    <row r="39846" spans="1:43">
      <c r="A39846" t="s">
        <v>24701</v>
      </c>
      <c r="B39846" t="s">
        <v>24702</v>
      </c>
      <c r="C39846" t="s">
        <v>4416</v>
      </c>
      <c r="D39846" t="s">
        <v>4417</v>
      </c>
      <c r="E39846" t="s">
        <v>4236</v>
      </c>
      <c r="F39846" t="s">
        <v>4237</v>
      </c>
      <c r="G39846" t="s">
        <v>80</v>
      </c>
      <c r="H39846" t="s">
        <v>81</v>
      </c>
      <c r="I39846" s="2">
        <v>1</v>
      </c>
      <c r="J39846" s="2">
        <v>0</v>
      </c>
      <c r="K39846" s="2">
        <v>0</v>
      </c>
      <c r="L39846" t="s">
        <v>120</v>
      </c>
      <c r="M39846" t="s">
        <v>83</v>
      </c>
      <c r="N39846" t="s">
        <v>84</v>
      </c>
      <c r="O39846" t="s">
        <v>85</v>
      </c>
      <c r="P39846" t="s">
        <v>86</v>
      </c>
      <c r="Q39846">
        <v>43</v>
      </c>
      <c r="R39846">
        <v>43</v>
      </c>
      <c r="S39846">
        <v>44</v>
      </c>
      <c r="T39846">
        <v>44</v>
      </c>
      <c r="U39846">
        <v>45</v>
      </c>
      <c r="V39846">
        <v>45</v>
      </c>
      <c r="W39846">
        <v>45</v>
      </c>
      <c r="X39846">
        <v>46</v>
      </c>
      <c r="Y39846">
        <v>46</v>
      </c>
      <c r="Z39846">
        <v>47</v>
      </c>
      <c r="AA39846">
        <v>47</v>
      </c>
      <c r="AB39846">
        <v>47</v>
      </c>
      <c r="AC39846">
        <v>48</v>
      </c>
      <c r="AD39846">
        <v>48</v>
      </c>
      <c r="AE39846">
        <v>48</v>
      </c>
      <c r="AF39846">
        <v>48</v>
      </c>
      <c r="AG39846">
        <v>48</v>
      </c>
      <c r="AH39846">
        <v>49</v>
      </c>
      <c r="AI39846">
        <v>49</v>
      </c>
      <c r="AJ39846">
        <v>49</v>
      </c>
      <c r="AK39846">
        <v>49</v>
      </c>
      <c r="AL39846">
        <v>49</v>
      </c>
      <c r="AM39846">
        <v>49</v>
      </c>
      <c r="AN39846">
        <v>48</v>
      </c>
      <c r="AO39846">
        <v>48</v>
      </c>
      <c r="AP39846">
        <v>48</v>
      </c>
      <c r="AQ39846">
        <v>48</v>
      </c>
    </row>
    <row r="39847" spans="1:43">
      <c r="A39847" t="s">
        <v>24701</v>
      </c>
      <c r="B39847" t="s">
        <v>24702</v>
      </c>
      <c r="C39847" t="s">
        <v>4416</v>
      </c>
      <c r="D39847" t="s">
        <v>4417</v>
      </c>
      <c r="E39847" t="s">
        <v>4236</v>
      </c>
      <c r="F39847" t="s">
        <v>4237</v>
      </c>
      <c r="G39847" t="s">
        <v>80</v>
      </c>
      <c r="H39847" t="s">
        <v>81</v>
      </c>
      <c r="I39847" s="2">
        <v>1</v>
      </c>
      <c r="J39847" s="2">
        <v>0</v>
      </c>
      <c r="K39847" s="2">
        <v>0</v>
      </c>
      <c r="L39847" t="s">
        <v>120</v>
      </c>
      <c r="M39847" t="s">
        <v>87</v>
      </c>
      <c r="N39847" t="s">
        <v>88</v>
      </c>
      <c r="O39847" t="s">
        <v>85</v>
      </c>
      <c r="P39847" t="s">
        <v>86</v>
      </c>
      <c r="Q39847">
        <v>43</v>
      </c>
      <c r="R39847">
        <v>43</v>
      </c>
      <c r="S39847">
        <v>43</v>
      </c>
      <c r="T39847">
        <v>44</v>
      </c>
      <c r="U39847">
        <v>44</v>
      </c>
      <c r="V39847">
        <v>44</v>
      </c>
      <c r="W39847">
        <v>44</v>
      </c>
      <c r="X39847">
        <v>44</v>
      </c>
      <c r="Y39847">
        <v>44</v>
      </c>
      <c r="Z39847">
        <v>44</v>
      </c>
      <c r="AA39847">
        <v>44</v>
      </c>
      <c r="AB39847">
        <v>44</v>
      </c>
      <c r="AC39847">
        <v>44</v>
      </c>
      <c r="AD39847">
        <v>44</v>
      </c>
      <c r="AE39847">
        <v>44</v>
      </c>
      <c r="AF39847">
        <v>44</v>
      </c>
      <c r="AG39847">
        <v>44</v>
      </c>
      <c r="AH39847">
        <v>43</v>
      </c>
      <c r="AI39847">
        <v>43</v>
      </c>
      <c r="AJ39847">
        <v>43</v>
      </c>
      <c r="AK39847">
        <v>43</v>
      </c>
      <c r="AL39847">
        <v>43</v>
      </c>
      <c r="AM39847">
        <v>43</v>
      </c>
      <c r="AN39847">
        <v>43</v>
      </c>
      <c r="AO39847">
        <v>43</v>
      </c>
      <c r="AP39847">
        <v>42</v>
      </c>
      <c r="AQ39847">
        <v>42</v>
      </c>
    </row>
    <row r="39848" spans="1:43">
      <c r="A39848" t="s">
        <v>24701</v>
      </c>
      <c r="B39848" t="s">
        <v>24702</v>
      </c>
      <c r="C39848" t="s">
        <v>4416</v>
      </c>
      <c r="D39848" t="s">
        <v>4417</v>
      </c>
      <c r="E39848" t="s">
        <v>4236</v>
      </c>
      <c r="F39848" t="s">
        <v>4237</v>
      </c>
      <c r="G39848" t="s">
        <v>80</v>
      </c>
      <c r="H39848" t="s">
        <v>81</v>
      </c>
      <c r="I39848" s="2">
        <v>1</v>
      </c>
      <c r="J39848" s="2">
        <v>0</v>
      </c>
      <c r="K39848" s="2">
        <v>0</v>
      </c>
      <c r="L39848" t="s">
        <v>120</v>
      </c>
      <c r="M39848" t="s">
        <v>89</v>
      </c>
      <c r="N39848" t="s">
        <v>90</v>
      </c>
      <c r="O39848" t="s">
        <v>85</v>
      </c>
      <c r="P39848" t="s">
        <v>86</v>
      </c>
      <c r="Q39848">
        <v>43</v>
      </c>
      <c r="R39848">
        <v>44</v>
      </c>
      <c r="S39848">
        <v>45</v>
      </c>
      <c r="T39848">
        <v>46</v>
      </c>
      <c r="U39848">
        <v>46</v>
      </c>
      <c r="V39848">
        <v>47</v>
      </c>
      <c r="W39848">
        <v>48</v>
      </c>
      <c r="X39848">
        <v>48</v>
      </c>
      <c r="Y39848">
        <v>49</v>
      </c>
      <c r="Z39848">
        <v>49</v>
      </c>
      <c r="AA39848">
        <v>50</v>
      </c>
      <c r="AB39848">
        <v>50</v>
      </c>
      <c r="AC39848">
        <v>51</v>
      </c>
      <c r="AD39848">
        <v>51</v>
      </c>
      <c r="AE39848">
        <v>51</v>
      </c>
      <c r="AF39848">
        <v>51</v>
      </c>
      <c r="AG39848">
        <v>51</v>
      </c>
      <c r="AH39848">
        <v>51</v>
      </c>
      <c r="AI39848">
        <v>50</v>
      </c>
      <c r="AJ39848">
        <v>50</v>
      </c>
      <c r="AK39848">
        <v>50</v>
      </c>
      <c r="AL39848">
        <v>50</v>
      </c>
      <c r="AM39848">
        <v>49</v>
      </c>
      <c r="AN39848">
        <v>49</v>
      </c>
      <c r="AO39848">
        <v>49</v>
      </c>
      <c r="AP39848">
        <v>48</v>
      </c>
      <c r="AQ39848">
        <v>48</v>
      </c>
    </row>
    <row r="39849" spans="1:43">
      <c r="A39849" t="s">
        <v>24701</v>
      </c>
      <c r="B39849" t="s">
        <v>24702</v>
      </c>
      <c r="C39849" t="s">
        <v>4416</v>
      </c>
      <c r="D39849" t="s">
        <v>4417</v>
      </c>
      <c r="E39849" t="s">
        <v>4236</v>
      </c>
      <c r="F39849" t="s">
        <v>4237</v>
      </c>
      <c r="G39849" t="s">
        <v>80</v>
      </c>
      <c r="H39849" t="s">
        <v>81</v>
      </c>
      <c r="I39849" s="2">
        <v>1</v>
      </c>
      <c r="J39849" s="2">
        <v>0</v>
      </c>
      <c r="K39849" s="2">
        <v>0</v>
      </c>
      <c r="L39849" t="s">
        <v>120</v>
      </c>
      <c r="M39849" t="s">
        <v>83</v>
      </c>
      <c r="N39849" t="s">
        <v>91</v>
      </c>
      <c r="O39849" t="s">
        <v>85</v>
      </c>
      <c r="P39849" t="s">
        <v>86</v>
      </c>
      <c r="Q39849">
        <v>43</v>
      </c>
      <c r="R39849">
        <v>43</v>
      </c>
      <c r="S39849">
        <v>44</v>
      </c>
      <c r="T39849">
        <v>44</v>
      </c>
      <c r="U39849">
        <v>45</v>
      </c>
      <c r="V39849">
        <v>45</v>
      </c>
      <c r="W39849">
        <v>45</v>
      </c>
      <c r="X39849">
        <v>46</v>
      </c>
      <c r="Y39849">
        <v>46</v>
      </c>
      <c r="Z39849">
        <v>47</v>
      </c>
      <c r="AA39849">
        <v>47</v>
      </c>
      <c r="AB39849">
        <v>47</v>
      </c>
      <c r="AC39849">
        <v>48</v>
      </c>
      <c r="AD39849">
        <v>48</v>
      </c>
      <c r="AE39849">
        <v>48</v>
      </c>
      <c r="AF39849">
        <v>48</v>
      </c>
      <c r="AG39849">
        <v>48</v>
      </c>
      <c r="AH39849">
        <v>49</v>
      </c>
      <c r="AI39849">
        <v>49</v>
      </c>
      <c r="AJ39849">
        <v>49</v>
      </c>
      <c r="AK39849">
        <v>49</v>
      </c>
      <c r="AL39849">
        <v>49</v>
      </c>
      <c r="AM39849">
        <v>49</v>
      </c>
      <c r="AN39849">
        <v>48</v>
      </c>
      <c r="AO39849">
        <v>48</v>
      </c>
      <c r="AP39849">
        <v>48</v>
      </c>
      <c r="AQ39849">
        <v>48</v>
      </c>
    </row>
    <row r="39850" spans="1:43">
      <c r="A39850" t="s">
        <v>24703</v>
      </c>
      <c r="B39850" t="s">
        <v>24704</v>
      </c>
      <c r="C39850" t="s">
        <v>4824</v>
      </c>
      <c r="D39850" t="s">
        <v>4825</v>
      </c>
      <c r="E39850" t="s">
        <v>4592</v>
      </c>
      <c r="F39850" t="s">
        <v>4593</v>
      </c>
      <c r="G39850" t="s">
        <v>80</v>
      </c>
      <c r="H39850" t="s">
        <v>81</v>
      </c>
      <c r="I39850" s="2">
        <v>1</v>
      </c>
      <c r="J39850" s="2">
        <v>0</v>
      </c>
      <c r="K39850" s="2">
        <v>0</v>
      </c>
      <c r="L39850" t="s">
        <v>120</v>
      </c>
      <c r="M39850" t="s">
        <v>83</v>
      </c>
      <c r="N39850" t="s">
        <v>84</v>
      </c>
      <c r="O39850" t="s">
        <v>85</v>
      </c>
      <c r="P39850" t="s">
        <v>86</v>
      </c>
      <c r="Q39850">
        <v>9</v>
      </c>
      <c r="R39850">
        <v>9</v>
      </c>
      <c r="S39850">
        <v>9</v>
      </c>
      <c r="T39850">
        <v>9</v>
      </c>
      <c r="U39850">
        <v>10</v>
      </c>
      <c r="V39850">
        <v>10</v>
      </c>
      <c r="W39850">
        <v>10</v>
      </c>
      <c r="X39850">
        <v>10</v>
      </c>
      <c r="Y39850">
        <v>10</v>
      </c>
      <c r="Z39850">
        <v>10</v>
      </c>
      <c r="AA39850">
        <v>10</v>
      </c>
      <c r="AB39850">
        <v>10</v>
      </c>
      <c r="AC39850">
        <v>11</v>
      </c>
      <c r="AD39850">
        <v>11</v>
      </c>
      <c r="AE39850">
        <v>11</v>
      </c>
      <c r="AF39850">
        <v>11</v>
      </c>
      <c r="AG39850">
        <v>11</v>
      </c>
      <c r="AH39850">
        <v>11</v>
      </c>
      <c r="AI39850">
        <v>11</v>
      </c>
      <c r="AJ39850">
        <v>11</v>
      </c>
      <c r="AK39850">
        <v>12</v>
      </c>
      <c r="AL39850">
        <v>12</v>
      </c>
      <c r="AM39850">
        <v>12</v>
      </c>
      <c r="AN39850">
        <v>12</v>
      </c>
      <c r="AO39850">
        <v>12</v>
      </c>
      <c r="AP39850">
        <v>12</v>
      </c>
      <c r="AQ39850">
        <v>12</v>
      </c>
    </row>
    <row r="39851" spans="1:43">
      <c r="A39851" t="s">
        <v>24703</v>
      </c>
      <c r="B39851" t="s">
        <v>24704</v>
      </c>
      <c r="C39851" t="s">
        <v>4824</v>
      </c>
      <c r="D39851" t="s">
        <v>4825</v>
      </c>
      <c r="E39851" t="s">
        <v>4592</v>
      </c>
      <c r="F39851" t="s">
        <v>4593</v>
      </c>
      <c r="G39851" t="s">
        <v>80</v>
      </c>
      <c r="H39851" t="s">
        <v>81</v>
      </c>
      <c r="I39851" s="2">
        <v>1</v>
      </c>
      <c r="J39851" s="2">
        <v>0</v>
      </c>
      <c r="K39851" s="2">
        <v>0</v>
      </c>
      <c r="L39851" t="s">
        <v>120</v>
      </c>
      <c r="M39851" t="s">
        <v>87</v>
      </c>
      <c r="N39851" t="s">
        <v>88</v>
      </c>
      <c r="O39851" t="s">
        <v>85</v>
      </c>
      <c r="P39851" t="s">
        <v>86</v>
      </c>
      <c r="Q39851">
        <v>9</v>
      </c>
      <c r="R39851">
        <v>9</v>
      </c>
      <c r="S39851">
        <v>9</v>
      </c>
      <c r="T39851">
        <v>9</v>
      </c>
      <c r="U39851">
        <v>9</v>
      </c>
      <c r="V39851">
        <v>9</v>
      </c>
      <c r="W39851">
        <v>9</v>
      </c>
      <c r="X39851">
        <v>9</v>
      </c>
      <c r="Y39851">
        <v>9</v>
      </c>
      <c r="Z39851">
        <v>9</v>
      </c>
      <c r="AA39851">
        <v>9</v>
      </c>
      <c r="AB39851">
        <v>9</v>
      </c>
      <c r="AC39851">
        <v>9</v>
      </c>
      <c r="AD39851">
        <v>10</v>
      </c>
      <c r="AE39851">
        <v>10</v>
      </c>
      <c r="AF39851">
        <v>10</v>
      </c>
      <c r="AG39851">
        <v>10</v>
      </c>
      <c r="AH39851">
        <v>10</v>
      </c>
      <c r="AI39851">
        <v>10</v>
      </c>
      <c r="AJ39851">
        <v>10</v>
      </c>
      <c r="AK39851">
        <v>10</v>
      </c>
      <c r="AL39851">
        <v>10</v>
      </c>
      <c r="AM39851">
        <v>10</v>
      </c>
      <c r="AN39851">
        <v>10</v>
      </c>
      <c r="AO39851">
        <v>10</v>
      </c>
      <c r="AP39851">
        <v>10</v>
      </c>
      <c r="AQ39851">
        <v>10</v>
      </c>
    </row>
    <row r="39852" spans="1:43">
      <c r="A39852" t="s">
        <v>24703</v>
      </c>
      <c r="B39852" t="s">
        <v>24704</v>
      </c>
      <c r="C39852" t="s">
        <v>4824</v>
      </c>
      <c r="D39852" t="s">
        <v>4825</v>
      </c>
      <c r="E39852" t="s">
        <v>4592</v>
      </c>
      <c r="F39852" t="s">
        <v>4593</v>
      </c>
      <c r="G39852" t="s">
        <v>80</v>
      </c>
      <c r="H39852" t="s">
        <v>81</v>
      </c>
      <c r="I39852" s="2">
        <v>1</v>
      </c>
      <c r="J39852" s="2">
        <v>0</v>
      </c>
      <c r="K39852" s="2">
        <v>0</v>
      </c>
      <c r="L39852" t="s">
        <v>120</v>
      </c>
      <c r="M39852" t="s">
        <v>89</v>
      </c>
      <c r="N39852" t="s">
        <v>90</v>
      </c>
      <c r="O39852" t="s">
        <v>85</v>
      </c>
      <c r="P39852" t="s">
        <v>86</v>
      </c>
      <c r="Q39852">
        <v>9</v>
      </c>
      <c r="R39852">
        <v>9</v>
      </c>
      <c r="S39852">
        <v>10</v>
      </c>
      <c r="T39852">
        <v>10</v>
      </c>
      <c r="U39852">
        <v>10</v>
      </c>
      <c r="V39852">
        <v>10</v>
      </c>
      <c r="W39852">
        <v>10</v>
      </c>
      <c r="X39852">
        <v>10</v>
      </c>
      <c r="Y39852">
        <v>11</v>
      </c>
      <c r="Z39852">
        <v>11</v>
      </c>
      <c r="AA39852">
        <v>11</v>
      </c>
      <c r="AB39852">
        <v>11</v>
      </c>
      <c r="AC39852">
        <v>11</v>
      </c>
      <c r="AD39852">
        <v>12</v>
      </c>
      <c r="AE39852">
        <v>12</v>
      </c>
      <c r="AF39852">
        <v>12</v>
      </c>
      <c r="AG39852">
        <v>12</v>
      </c>
      <c r="AH39852">
        <v>12</v>
      </c>
      <c r="AI39852">
        <v>12</v>
      </c>
      <c r="AJ39852">
        <v>12</v>
      </c>
      <c r="AK39852">
        <v>12</v>
      </c>
      <c r="AL39852">
        <v>12</v>
      </c>
      <c r="AM39852">
        <v>12</v>
      </c>
      <c r="AN39852">
        <v>12</v>
      </c>
      <c r="AO39852">
        <v>12</v>
      </c>
      <c r="AP39852">
        <v>12</v>
      </c>
      <c r="AQ39852">
        <v>12</v>
      </c>
    </row>
    <row r="39853" spans="1:43">
      <c r="A39853" t="s">
        <v>24703</v>
      </c>
      <c r="B39853" t="s">
        <v>24704</v>
      </c>
      <c r="C39853" t="s">
        <v>4824</v>
      </c>
      <c r="D39853" t="s">
        <v>4825</v>
      </c>
      <c r="E39853" t="s">
        <v>4592</v>
      </c>
      <c r="F39853" t="s">
        <v>4593</v>
      </c>
      <c r="G39853" t="s">
        <v>80</v>
      </c>
      <c r="H39853" t="s">
        <v>81</v>
      </c>
      <c r="I39853" s="2">
        <v>1</v>
      </c>
      <c r="J39853" s="2">
        <v>0</v>
      </c>
      <c r="K39853" s="2">
        <v>0</v>
      </c>
      <c r="L39853" t="s">
        <v>120</v>
      </c>
      <c r="M39853" t="s">
        <v>83</v>
      </c>
      <c r="N39853" t="s">
        <v>91</v>
      </c>
      <c r="O39853" t="s">
        <v>85</v>
      </c>
      <c r="P39853" t="s">
        <v>86</v>
      </c>
      <c r="Q39853">
        <v>9</v>
      </c>
      <c r="R39853">
        <v>9</v>
      </c>
      <c r="S39853">
        <v>9</v>
      </c>
      <c r="T39853">
        <v>9</v>
      </c>
      <c r="U39853">
        <v>10</v>
      </c>
      <c r="V39853">
        <v>10</v>
      </c>
      <c r="W39853">
        <v>10</v>
      </c>
      <c r="X39853">
        <v>10</v>
      </c>
      <c r="Y39853">
        <v>10</v>
      </c>
      <c r="Z39853">
        <v>10</v>
      </c>
      <c r="AA39853">
        <v>10</v>
      </c>
      <c r="AB39853">
        <v>10</v>
      </c>
      <c r="AC39853">
        <v>11</v>
      </c>
      <c r="AD39853">
        <v>11</v>
      </c>
      <c r="AE39853">
        <v>11</v>
      </c>
      <c r="AF39853">
        <v>11</v>
      </c>
      <c r="AG39853">
        <v>11</v>
      </c>
      <c r="AH39853">
        <v>11</v>
      </c>
      <c r="AI39853">
        <v>11</v>
      </c>
      <c r="AJ39853">
        <v>11</v>
      </c>
      <c r="AK39853">
        <v>12</v>
      </c>
      <c r="AL39853">
        <v>12</v>
      </c>
      <c r="AM39853">
        <v>12</v>
      </c>
      <c r="AN39853">
        <v>12</v>
      </c>
      <c r="AO39853">
        <v>12</v>
      </c>
      <c r="AP39853">
        <v>12</v>
      </c>
      <c r="AQ39853">
        <v>12</v>
      </c>
    </row>
    <row r="39854" spans="1:43">
      <c r="A39854" t="s">
        <v>24705</v>
      </c>
      <c r="B39854" t="s">
        <v>24706</v>
      </c>
      <c r="C39854" t="s">
        <v>5368</v>
      </c>
      <c r="D39854" t="s">
        <v>5369</v>
      </c>
      <c r="E39854" t="s">
        <v>5270</v>
      </c>
      <c r="F39854" t="s">
        <v>5271</v>
      </c>
      <c r="G39854" t="s">
        <v>80</v>
      </c>
      <c r="H39854" t="s">
        <v>81</v>
      </c>
      <c r="I39854" s="2">
        <v>1</v>
      </c>
      <c r="J39854" s="2">
        <v>0</v>
      </c>
      <c r="K39854" s="2">
        <v>0</v>
      </c>
      <c r="L39854" t="s">
        <v>120</v>
      </c>
      <c r="M39854" t="s">
        <v>83</v>
      </c>
      <c r="N39854" t="s">
        <v>84</v>
      </c>
      <c r="O39854" t="s">
        <v>85</v>
      </c>
      <c r="P39854" t="s">
        <v>86</v>
      </c>
      <c r="Q39854">
        <v>12</v>
      </c>
      <c r="R39854">
        <v>12</v>
      </c>
      <c r="S39854">
        <v>12</v>
      </c>
      <c r="T39854">
        <v>12</v>
      </c>
      <c r="U39854">
        <v>13</v>
      </c>
      <c r="V39854">
        <v>13</v>
      </c>
      <c r="W39854">
        <v>13</v>
      </c>
      <c r="X39854">
        <v>13</v>
      </c>
      <c r="Y39854">
        <v>13</v>
      </c>
      <c r="Z39854">
        <v>13</v>
      </c>
      <c r="AA39854">
        <v>14</v>
      </c>
      <c r="AB39854">
        <v>14</v>
      </c>
      <c r="AC39854">
        <v>14</v>
      </c>
      <c r="AD39854">
        <v>14</v>
      </c>
      <c r="AE39854">
        <v>14</v>
      </c>
      <c r="AF39854">
        <v>14</v>
      </c>
      <c r="AG39854">
        <v>15</v>
      </c>
      <c r="AH39854">
        <v>15</v>
      </c>
      <c r="AI39854">
        <v>15</v>
      </c>
      <c r="AJ39854">
        <v>15</v>
      </c>
      <c r="AK39854">
        <v>15</v>
      </c>
      <c r="AL39854">
        <v>15</v>
      </c>
      <c r="AM39854">
        <v>15</v>
      </c>
      <c r="AN39854">
        <v>15</v>
      </c>
      <c r="AO39854">
        <v>15</v>
      </c>
      <c r="AP39854">
        <v>15</v>
      </c>
      <c r="AQ39854">
        <v>15</v>
      </c>
    </row>
    <row r="39855" spans="1:43">
      <c r="A39855" t="s">
        <v>24705</v>
      </c>
      <c r="B39855" t="s">
        <v>24706</v>
      </c>
      <c r="C39855" t="s">
        <v>5368</v>
      </c>
      <c r="D39855" t="s">
        <v>5369</v>
      </c>
      <c r="E39855" t="s">
        <v>5270</v>
      </c>
      <c r="F39855" t="s">
        <v>5271</v>
      </c>
      <c r="G39855" t="s">
        <v>80</v>
      </c>
      <c r="H39855" t="s">
        <v>81</v>
      </c>
      <c r="I39855" s="2">
        <v>1</v>
      </c>
      <c r="J39855" s="2">
        <v>0</v>
      </c>
      <c r="K39855" s="2">
        <v>0</v>
      </c>
      <c r="L39855" t="s">
        <v>120</v>
      </c>
      <c r="M39855" t="s">
        <v>87</v>
      </c>
      <c r="N39855" t="s">
        <v>88</v>
      </c>
      <c r="O39855" t="s">
        <v>85</v>
      </c>
      <c r="P39855" t="s">
        <v>86</v>
      </c>
      <c r="Q39855">
        <v>12</v>
      </c>
      <c r="R39855">
        <v>12</v>
      </c>
      <c r="S39855">
        <v>12</v>
      </c>
      <c r="T39855">
        <v>12</v>
      </c>
      <c r="U39855">
        <v>12</v>
      </c>
      <c r="V39855">
        <v>12</v>
      </c>
      <c r="W39855">
        <v>12</v>
      </c>
      <c r="X39855">
        <v>12</v>
      </c>
      <c r="Y39855">
        <v>12</v>
      </c>
      <c r="Z39855">
        <v>12</v>
      </c>
      <c r="AA39855">
        <v>12</v>
      </c>
      <c r="AB39855">
        <v>13</v>
      </c>
      <c r="AC39855">
        <v>13</v>
      </c>
      <c r="AD39855">
        <v>13</v>
      </c>
      <c r="AE39855">
        <v>13</v>
      </c>
      <c r="AF39855">
        <v>13</v>
      </c>
      <c r="AG39855">
        <v>13</v>
      </c>
      <c r="AH39855">
        <v>13</v>
      </c>
      <c r="AI39855">
        <v>13</v>
      </c>
      <c r="AJ39855">
        <v>13</v>
      </c>
      <c r="AK39855">
        <v>13</v>
      </c>
      <c r="AL39855">
        <v>13</v>
      </c>
      <c r="AM39855">
        <v>13</v>
      </c>
      <c r="AN39855">
        <v>13</v>
      </c>
      <c r="AO39855">
        <v>13</v>
      </c>
      <c r="AP39855">
        <v>13</v>
      </c>
      <c r="AQ39855">
        <v>13</v>
      </c>
    </row>
    <row r="39856" spans="1:43">
      <c r="A39856" t="s">
        <v>24705</v>
      </c>
      <c r="B39856" t="s">
        <v>24706</v>
      </c>
      <c r="C39856" t="s">
        <v>5368</v>
      </c>
      <c r="D39856" t="s">
        <v>5369</v>
      </c>
      <c r="E39856" t="s">
        <v>5270</v>
      </c>
      <c r="F39856" t="s">
        <v>5271</v>
      </c>
      <c r="G39856" t="s">
        <v>80</v>
      </c>
      <c r="H39856" t="s">
        <v>81</v>
      </c>
      <c r="I39856" s="2">
        <v>1</v>
      </c>
      <c r="J39856" s="2">
        <v>0</v>
      </c>
      <c r="K39856" s="2">
        <v>0</v>
      </c>
      <c r="L39856" t="s">
        <v>120</v>
      </c>
      <c r="M39856" t="s">
        <v>89</v>
      </c>
      <c r="N39856" t="s">
        <v>90</v>
      </c>
      <c r="O39856" t="s">
        <v>85</v>
      </c>
      <c r="P39856" t="s">
        <v>86</v>
      </c>
      <c r="Q39856">
        <v>12</v>
      </c>
      <c r="R39856">
        <v>12</v>
      </c>
      <c r="S39856">
        <v>13</v>
      </c>
      <c r="T39856">
        <v>13</v>
      </c>
      <c r="U39856">
        <v>13</v>
      </c>
      <c r="V39856">
        <v>13</v>
      </c>
      <c r="W39856">
        <v>14</v>
      </c>
      <c r="X39856">
        <v>14</v>
      </c>
      <c r="Y39856">
        <v>14</v>
      </c>
      <c r="Z39856">
        <v>14</v>
      </c>
      <c r="AA39856">
        <v>15</v>
      </c>
      <c r="AB39856">
        <v>15</v>
      </c>
      <c r="AC39856">
        <v>15</v>
      </c>
      <c r="AD39856">
        <v>15</v>
      </c>
      <c r="AE39856">
        <v>15</v>
      </c>
      <c r="AF39856">
        <v>15</v>
      </c>
      <c r="AG39856">
        <v>15</v>
      </c>
      <c r="AH39856">
        <v>15</v>
      </c>
      <c r="AI39856">
        <v>15</v>
      </c>
      <c r="AJ39856">
        <v>16</v>
      </c>
      <c r="AK39856">
        <v>16</v>
      </c>
      <c r="AL39856">
        <v>16</v>
      </c>
      <c r="AM39856">
        <v>16</v>
      </c>
      <c r="AN39856">
        <v>16</v>
      </c>
      <c r="AO39856">
        <v>16</v>
      </c>
      <c r="AP39856">
        <v>16</v>
      </c>
      <c r="AQ39856">
        <v>16</v>
      </c>
    </row>
    <row r="39857" spans="1:43">
      <c r="A39857" t="s">
        <v>24705</v>
      </c>
      <c r="B39857" t="s">
        <v>24706</v>
      </c>
      <c r="C39857" t="s">
        <v>5368</v>
      </c>
      <c r="D39857" t="s">
        <v>5369</v>
      </c>
      <c r="E39857" t="s">
        <v>5270</v>
      </c>
      <c r="F39857" t="s">
        <v>5271</v>
      </c>
      <c r="G39857" t="s">
        <v>80</v>
      </c>
      <c r="H39857" t="s">
        <v>81</v>
      </c>
      <c r="I39857" s="2">
        <v>1</v>
      </c>
      <c r="J39857" s="2">
        <v>0</v>
      </c>
      <c r="K39857" s="2">
        <v>0</v>
      </c>
      <c r="L39857" t="s">
        <v>120</v>
      </c>
      <c r="M39857" t="s">
        <v>83</v>
      </c>
      <c r="N39857" t="s">
        <v>91</v>
      </c>
      <c r="O39857" t="s">
        <v>85</v>
      </c>
      <c r="P39857" t="s">
        <v>86</v>
      </c>
      <c r="Q39857">
        <v>12</v>
      </c>
      <c r="R39857">
        <v>12</v>
      </c>
      <c r="S39857">
        <v>12</v>
      </c>
      <c r="T39857">
        <v>12</v>
      </c>
      <c r="U39857">
        <v>13</v>
      </c>
      <c r="V39857">
        <v>13</v>
      </c>
      <c r="W39857">
        <v>13</v>
      </c>
      <c r="X39857">
        <v>13</v>
      </c>
      <c r="Y39857">
        <v>13</v>
      </c>
      <c r="Z39857">
        <v>13</v>
      </c>
      <c r="AA39857">
        <v>14</v>
      </c>
      <c r="AB39857">
        <v>14</v>
      </c>
      <c r="AC39857">
        <v>14</v>
      </c>
      <c r="AD39857">
        <v>14</v>
      </c>
      <c r="AE39857">
        <v>14</v>
      </c>
      <c r="AF39857">
        <v>14</v>
      </c>
      <c r="AG39857">
        <v>15</v>
      </c>
      <c r="AH39857">
        <v>15</v>
      </c>
      <c r="AI39857">
        <v>15</v>
      </c>
      <c r="AJ39857">
        <v>15</v>
      </c>
      <c r="AK39857">
        <v>15</v>
      </c>
      <c r="AL39857">
        <v>15</v>
      </c>
      <c r="AM39857">
        <v>15</v>
      </c>
      <c r="AN39857">
        <v>15</v>
      </c>
      <c r="AO39857">
        <v>15</v>
      </c>
      <c r="AP39857">
        <v>15</v>
      </c>
      <c r="AQ39857">
        <v>15</v>
      </c>
    </row>
    <row r="39858" spans="1:43">
      <c r="A39858" t="s">
        <v>24707</v>
      </c>
      <c r="B39858" t="s">
        <v>24708</v>
      </c>
      <c r="C39858" t="s">
        <v>6848</v>
      </c>
      <c r="D39858" t="s">
        <v>6849</v>
      </c>
      <c r="E39858" t="s">
        <v>6594</v>
      </c>
      <c r="F39858" t="s">
        <v>6595</v>
      </c>
      <c r="G39858" t="s">
        <v>80</v>
      </c>
      <c r="H39858" t="s">
        <v>81</v>
      </c>
      <c r="I39858" s="2">
        <v>0</v>
      </c>
      <c r="J39858" s="2">
        <v>1</v>
      </c>
      <c r="K39858" s="2">
        <v>0</v>
      </c>
      <c r="L39858" t="s">
        <v>82</v>
      </c>
      <c r="M39858" t="s">
        <v>83</v>
      </c>
      <c r="N39858" t="s">
        <v>84</v>
      </c>
      <c r="O39858" t="s">
        <v>85</v>
      </c>
      <c r="P39858" t="s">
        <v>86</v>
      </c>
      <c r="Q39858">
        <v>170</v>
      </c>
      <c r="R39858">
        <v>171</v>
      </c>
      <c r="S39858">
        <v>172</v>
      </c>
      <c r="T39858">
        <v>173</v>
      </c>
      <c r="U39858">
        <v>174</v>
      </c>
      <c r="V39858">
        <v>175</v>
      </c>
      <c r="W39858">
        <v>176</v>
      </c>
      <c r="X39858">
        <v>176</v>
      </c>
      <c r="Y39858">
        <v>177</v>
      </c>
      <c r="Z39858">
        <v>178</v>
      </c>
      <c r="AA39858">
        <v>178</v>
      </c>
      <c r="AB39858">
        <v>179</v>
      </c>
      <c r="AC39858">
        <v>179</v>
      </c>
      <c r="AD39858">
        <v>179</v>
      </c>
      <c r="AE39858">
        <v>180</v>
      </c>
      <c r="AF39858">
        <v>180</v>
      </c>
      <c r="AG39858">
        <v>180</v>
      </c>
      <c r="AH39858">
        <v>180</v>
      </c>
      <c r="AI39858">
        <v>180</v>
      </c>
      <c r="AJ39858">
        <v>180</v>
      </c>
      <c r="AK39858">
        <v>180</v>
      </c>
      <c r="AL39858">
        <v>179</v>
      </c>
      <c r="AM39858">
        <v>177</v>
      </c>
      <c r="AN39858">
        <v>176</v>
      </c>
      <c r="AO39858">
        <v>175</v>
      </c>
      <c r="AP39858">
        <v>173</v>
      </c>
      <c r="AQ39858">
        <v>172</v>
      </c>
    </row>
    <row r="39859" spans="1:43">
      <c r="A39859" t="s">
        <v>24707</v>
      </c>
      <c r="B39859" t="s">
        <v>24708</v>
      </c>
      <c r="C39859" t="s">
        <v>6848</v>
      </c>
      <c r="D39859" t="s">
        <v>6849</v>
      </c>
      <c r="E39859" t="s">
        <v>6594</v>
      </c>
      <c r="F39859" t="s">
        <v>6595</v>
      </c>
      <c r="G39859" t="s">
        <v>80</v>
      </c>
      <c r="H39859" t="s">
        <v>81</v>
      </c>
      <c r="I39859" s="2">
        <v>0</v>
      </c>
      <c r="J39859" s="2">
        <v>1</v>
      </c>
      <c r="K39859" s="2">
        <v>0</v>
      </c>
      <c r="L39859" t="s">
        <v>82</v>
      </c>
      <c r="M39859" t="s">
        <v>87</v>
      </c>
      <c r="N39859" t="s">
        <v>88</v>
      </c>
      <c r="O39859" t="s">
        <v>85</v>
      </c>
      <c r="P39859" t="s">
        <v>86</v>
      </c>
      <c r="Q39859">
        <v>170</v>
      </c>
      <c r="R39859">
        <v>170</v>
      </c>
      <c r="S39859">
        <v>169</v>
      </c>
      <c r="T39859">
        <v>169</v>
      </c>
      <c r="U39859">
        <v>168</v>
      </c>
      <c r="V39859">
        <v>168</v>
      </c>
      <c r="W39859">
        <v>167</v>
      </c>
      <c r="X39859">
        <v>166</v>
      </c>
      <c r="Y39859">
        <v>166</v>
      </c>
      <c r="Z39859">
        <v>165</v>
      </c>
      <c r="AA39859">
        <v>164</v>
      </c>
      <c r="AB39859">
        <v>163</v>
      </c>
      <c r="AC39859">
        <v>163</v>
      </c>
      <c r="AD39859">
        <v>162</v>
      </c>
      <c r="AE39859">
        <v>161</v>
      </c>
      <c r="AF39859">
        <v>160</v>
      </c>
      <c r="AG39859">
        <v>159</v>
      </c>
      <c r="AH39859">
        <v>158</v>
      </c>
      <c r="AI39859">
        <v>158</v>
      </c>
      <c r="AJ39859">
        <v>157</v>
      </c>
      <c r="AK39859">
        <v>156</v>
      </c>
      <c r="AL39859">
        <v>155</v>
      </c>
      <c r="AM39859">
        <v>154</v>
      </c>
      <c r="AN39859">
        <v>153</v>
      </c>
      <c r="AO39859">
        <v>153</v>
      </c>
      <c r="AP39859">
        <v>152</v>
      </c>
      <c r="AQ39859">
        <v>151</v>
      </c>
    </row>
    <row r="39860" spans="1:43">
      <c r="A39860" t="s">
        <v>24707</v>
      </c>
      <c r="B39860" t="s">
        <v>24708</v>
      </c>
      <c r="C39860" t="s">
        <v>6848</v>
      </c>
      <c r="D39860" t="s">
        <v>6849</v>
      </c>
      <c r="E39860" t="s">
        <v>6594</v>
      </c>
      <c r="F39860" t="s">
        <v>6595</v>
      </c>
      <c r="G39860" t="s">
        <v>80</v>
      </c>
      <c r="H39860" t="s">
        <v>81</v>
      </c>
      <c r="I39860" s="2">
        <v>0</v>
      </c>
      <c r="J39860" s="2">
        <v>1</v>
      </c>
      <c r="K39860" s="2">
        <v>0</v>
      </c>
      <c r="L39860" t="s">
        <v>82</v>
      </c>
      <c r="M39860" t="s">
        <v>89</v>
      </c>
      <c r="N39860" t="s">
        <v>90</v>
      </c>
      <c r="O39860" t="s">
        <v>85</v>
      </c>
      <c r="P39860" t="s">
        <v>86</v>
      </c>
      <c r="Q39860">
        <v>170</v>
      </c>
      <c r="R39860">
        <v>173</v>
      </c>
      <c r="S39860">
        <v>175</v>
      </c>
      <c r="T39860">
        <v>178</v>
      </c>
      <c r="U39860">
        <v>180</v>
      </c>
      <c r="V39860">
        <v>182</v>
      </c>
      <c r="W39860">
        <v>184</v>
      </c>
      <c r="X39860">
        <v>185</v>
      </c>
      <c r="Y39860">
        <v>187</v>
      </c>
      <c r="Z39860">
        <v>188</v>
      </c>
      <c r="AA39860">
        <v>189</v>
      </c>
      <c r="AB39860">
        <v>190</v>
      </c>
      <c r="AC39860">
        <v>191</v>
      </c>
      <c r="AD39860">
        <v>191</v>
      </c>
      <c r="AE39860">
        <v>191</v>
      </c>
      <c r="AF39860">
        <v>190</v>
      </c>
      <c r="AG39860">
        <v>188</v>
      </c>
      <c r="AH39860">
        <v>187</v>
      </c>
      <c r="AI39860">
        <v>185</v>
      </c>
      <c r="AJ39860">
        <v>183</v>
      </c>
      <c r="AK39860">
        <v>182</v>
      </c>
      <c r="AL39860">
        <v>180</v>
      </c>
      <c r="AM39860">
        <v>179</v>
      </c>
      <c r="AN39860">
        <v>177</v>
      </c>
      <c r="AO39860">
        <v>176</v>
      </c>
      <c r="AP39860">
        <v>174</v>
      </c>
      <c r="AQ39860">
        <v>173</v>
      </c>
    </row>
    <row r="39861" spans="1:43">
      <c r="A39861" t="s">
        <v>24707</v>
      </c>
      <c r="B39861" t="s">
        <v>24708</v>
      </c>
      <c r="C39861" t="s">
        <v>6848</v>
      </c>
      <c r="D39861" t="s">
        <v>6849</v>
      </c>
      <c r="E39861" t="s">
        <v>6594</v>
      </c>
      <c r="F39861" t="s">
        <v>6595</v>
      </c>
      <c r="G39861" t="s">
        <v>80</v>
      </c>
      <c r="H39861" t="s">
        <v>81</v>
      </c>
      <c r="I39861" s="2">
        <v>0</v>
      </c>
      <c r="J39861" s="2">
        <v>1</v>
      </c>
      <c r="K39861" s="2">
        <v>0</v>
      </c>
      <c r="L39861" t="s">
        <v>82</v>
      </c>
      <c r="M39861" t="s">
        <v>83</v>
      </c>
      <c r="N39861" t="s">
        <v>91</v>
      </c>
      <c r="O39861" t="s">
        <v>85</v>
      </c>
      <c r="P39861" t="s">
        <v>86</v>
      </c>
      <c r="Q39861">
        <v>170</v>
      </c>
      <c r="R39861">
        <v>171</v>
      </c>
      <c r="S39861">
        <v>172</v>
      </c>
      <c r="T39861">
        <v>173</v>
      </c>
      <c r="U39861">
        <v>174</v>
      </c>
      <c r="V39861">
        <v>175</v>
      </c>
      <c r="W39861">
        <v>176</v>
      </c>
      <c r="X39861">
        <v>176</v>
      </c>
      <c r="Y39861">
        <v>177</v>
      </c>
      <c r="Z39861">
        <v>178</v>
      </c>
      <c r="AA39861">
        <v>178</v>
      </c>
      <c r="AB39861">
        <v>179</v>
      </c>
      <c r="AC39861">
        <v>179</v>
      </c>
      <c r="AD39861">
        <v>179</v>
      </c>
      <c r="AE39861">
        <v>180</v>
      </c>
      <c r="AF39861">
        <v>180</v>
      </c>
      <c r="AG39861">
        <v>180</v>
      </c>
      <c r="AH39861">
        <v>180</v>
      </c>
      <c r="AI39861">
        <v>180</v>
      </c>
      <c r="AJ39861">
        <v>180</v>
      </c>
      <c r="AK39861">
        <v>180</v>
      </c>
      <c r="AL39861">
        <v>179</v>
      </c>
      <c r="AM39861">
        <v>177</v>
      </c>
      <c r="AN39861">
        <v>176</v>
      </c>
      <c r="AO39861">
        <v>175</v>
      </c>
      <c r="AP39861">
        <v>173</v>
      </c>
      <c r="AQ39861">
        <v>172</v>
      </c>
    </row>
    <row r="39862" spans="1:43">
      <c r="A39862" t="s">
        <v>24709</v>
      </c>
      <c r="B39862" t="s">
        <v>24710</v>
      </c>
      <c r="C39862" t="s">
        <v>135</v>
      </c>
      <c r="D39862" t="s">
        <v>136</v>
      </c>
      <c r="E39862" t="s">
        <v>102</v>
      </c>
      <c r="F39862" t="s">
        <v>103</v>
      </c>
      <c r="G39862" t="s">
        <v>80</v>
      </c>
      <c r="H39862" t="s">
        <v>81</v>
      </c>
      <c r="I39862" s="2">
        <v>0</v>
      </c>
      <c r="J39862" s="2">
        <v>1</v>
      </c>
      <c r="K39862" s="2">
        <v>0</v>
      </c>
      <c r="L39862" t="s">
        <v>82</v>
      </c>
      <c r="M39862" t="s">
        <v>83</v>
      </c>
      <c r="N39862" t="s">
        <v>84</v>
      </c>
      <c r="O39862" t="s">
        <v>85</v>
      </c>
      <c r="P39862" t="s">
        <v>86</v>
      </c>
      <c r="Q39862">
        <v>52</v>
      </c>
      <c r="R39862">
        <v>53</v>
      </c>
      <c r="S39862">
        <v>54</v>
      </c>
      <c r="T39862">
        <v>55</v>
      </c>
      <c r="U39862">
        <v>56</v>
      </c>
      <c r="V39862">
        <v>57</v>
      </c>
      <c r="W39862">
        <v>58</v>
      </c>
      <c r="X39862">
        <v>58</v>
      </c>
      <c r="Y39862">
        <v>59</v>
      </c>
      <c r="Z39862">
        <v>60</v>
      </c>
      <c r="AA39862">
        <v>61</v>
      </c>
      <c r="AB39862">
        <v>62</v>
      </c>
      <c r="AC39862">
        <v>63</v>
      </c>
      <c r="AD39862">
        <v>63</v>
      </c>
      <c r="AE39862">
        <v>64</v>
      </c>
      <c r="AF39862">
        <v>65</v>
      </c>
      <c r="AG39862">
        <v>66</v>
      </c>
      <c r="AH39862">
        <v>67</v>
      </c>
      <c r="AI39862">
        <v>67</v>
      </c>
      <c r="AJ39862">
        <v>68</v>
      </c>
      <c r="AK39862">
        <v>69</v>
      </c>
      <c r="AL39862">
        <v>69</v>
      </c>
      <c r="AM39862">
        <v>69</v>
      </c>
      <c r="AN39862">
        <v>70</v>
      </c>
      <c r="AO39862">
        <v>70</v>
      </c>
      <c r="AP39862">
        <v>70</v>
      </c>
      <c r="AQ39862">
        <v>70</v>
      </c>
    </row>
    <row r="39863" spans="1:43">
      <c r="A39863" t="s">
        <v>24709</v>
      </c>
      <c r="B39863" t="s">
        <v>24710</v>
      </c>
      <c r="C39863" t="s">
        <v>135</v>
      </c>
      <c r="D39863" t="s">
        <v>136</v>
      </c>
      <c r="E39863" t="s">
        <v>102</v>
      </c>
      <c r="F39863" t="s">
        <v>103</v>
      </c>
      <c r="G39863" t="s">
        <v>80</v>
      </c>
      <c r="H39863" t="s">
        <v>81</v>
      </c>
      <c r="I39863" s="2">
        <v>0</v>
      </c>
      <c r="J39863" s="2">
        <v>1</v>
      </c>
      <c r="K39863" s="2">
        <v>0</v>
      </c>
      <c r="L39863" t="s">
        <v>82</v>
      </c>
      <c r="M39863" t="s">
        <v>87</v>
      </c>
      <c r="N39863" t="s">
        <v>88</v>
      </c>
      <c r="O39863" t="s">
        <v>85</v>
      </c>
      <c r="P39863" t="s">
        <v>86</v>
      </c>
      <c r="Q39863">
        <v>52</v>
      </c>
      <c r="R39863">
        <v>52</v>
      </c>
      <c r="S39863">
        <v>53</v>
      </c>
      <c r="T39863">
        <v>53</v>
      </c>
      <c r="U39863">
        <v>53</v>
      </c>
      <c r="V39863">
        <v>54</v>
      </c>
      <c r="W39863">
        <v>54</v>
      </c>
      <c r="X39863">
        <v>54</v>
      </c>
      <c r="Y39863">
        <v>55</v>
      </c>
      <c r="Z39863">
        <v>55</v>
      </c>
      <c r="AA39863">
        <v>55</v>
      </c>
      <c r="AB39863">
        <v>56</v>
      </c>
      <c r="AC39863">
        <v>56</v>
      </c>
      <c r="AD39863">
        <v>57</v>
      </c>
      <c r="AE39863">
        <v>57</v>
      </c>
      <c r="AF39863">
        <v>57</v>
      </c>
      <c r="AG39863">
        <v>58</v>
      </c>
      <c r="AH39863">
        <v>58</v>
      </c>
      <c r="AI39863">
        <v>58</v>
      </c>
      <c r="AJ39863">
        <v>59</v>
      </c>
      <c r="AK39863">
        <v>59</v>
      </c>
      <c r="AL39863">
        <v>59</v>
      </c>
      <c r="AM39863">
        <v>60</v>
      </c>
      <c r="AN39863">
        <v>60</v>
      </c>
      <c r="AO39863">
        <v>60</v>
      </c>
      <c r="AP39863">
        <v>61</v>
      </c>
      <c r="AQ39863">
        <v>61</v>
      </c>
    </row>
    <row r="39864" spans="1:43">
      <c r="A39864" t="s">
        <v>24709</v>
      </c>
      <c r="B39864" t="s">
        <v>24710</v>
      </c>
      <c r="C39864" t="s">
        <v>135</v>
      </c>
      <c r="D39864" t="s">
        <v>136</v>
      </c>
      <c r="E39864" t="s">
        <v>102</v>
      </c>
      <c r="F39864" t="s">
        <v>103</v>
      </c>
      <c r="G39864" t="s">
        <v>80</v>
      </c>
      <c r="H39864" t="s">
        <v>81</v>
      </c>
      <c r="I39864" s="2">
        <v>0</v>
      </c>
      <c r="J39864" s="2">
        <v>1</v>
      </c>
      <c r="K39864" s="2">
        <v>0</v>
      </c>
      <c r="L39864" t="s">
        <v>82</v>
      </c>
      <c r="M39864" t="s">
        <v>89</v>
      </c>
      <c r="N39864" t="s">
        <v>90</v>
      </c>
      <c r="O39864" t="s">
        <v>85</v>
      </c>
      <c r="P39864" t="s">
        <v>86</v>
      </c>
      <c r="Q39864">
        <v>52</v>
      </c>
      <c r="R39864">
        <v>53</v>
      </c>
      <c r="S39864">
        <v>54</v>
      </c>
      <c r="T39864">
        <v>56</v>
      </c>
      <c r="U39864">
        <v>57</v>
      </c>
      <c r="V39864">
        <v>58</v>
      </c>
      <c r="W39864">
        <v>60</v>
      </c>
      <c r="X39864">
        <v>61</v>
      </c>
      <c r="Y39864">
        <v>62</v>
      </c>
      <c r="Z39864">
        <v>63</v>
      </c>
      <c r="AA39864">
        <v>64</v>
      </c>
      <c r="AB39864">
        <v>65</v>
      </c>
      <c r="AC39864">
        <v>66</v>
      </c>
      <c r="AD39864">
        <v>67</v>
      </c>
      <c r="AE39864">
        <v>68</v>
      </c>
      <c r="AF39864">
        <v>68</v>
      </c>
      <c r="AG39864">
        <v>68</v>
      </c>
      <c r="AH39864">
        <v>68</v>
      </c>
      <c r="AI39864">
        <v>68</v>
      </c>
      <c r="AJ39864">
        <v>69</v>
      </c>
      <c r="AK39864">
        <v>69</v>
      </c>
      <c r="AL39864">
        <v>69</v>
      </c>
      <c r="AM39864">
        <v>69</v>
      </c>
      <c r="AN39864">
        <v>69</v>
      </c>
      <c r="AO39864">
        <v>69</v>
      </c>
      <c r="AP39864">
        <v>69</v>
      </c>
      <c r="AQ39864">
        <v>70</v>
      </c>
    </row>
    <row r="39865" spans="1:43">
      <c r="A39865" t="s">
        <v>24709</v>
      </c>
      <c r="B39865" t="s">
        <v>24710</v>
      </c>
      <c r="C39865" t="s">
        <v>135</v>
      </c>
      <c r="D39865" t="s">
        <v>136</v>
      </c>
      <c r="E39865" t="s">
        <v>102</v>
      </c>
      <c r="F39865" t="s">
        <v>103</v>
      </c>
      <c r="G39865" t="s">
        <v>80</v>
      </c>
      <c r="H39865" t="s">
        <v>81</v>
      </c>
      <c r="I39865" s="2">
        <v>0</v>
      </c>
      <c r="J39865" s="2">
        <v>1</v>
      </c>
      <c r="K39865" s="2">
        <v>0</v>
      </c>
      <c r="L39865" t="s">
        <v>82</v>
      </c>
      <c r="M39865" t="s">
        <v>83</v>
      </c>
      <c r="N39865" t="s">
        <v>91</v>
      </c>
      <c r="O39865" t="s">
        <v>85</v>
      </c>
      <c r="P39865" t="s">
        <v>86</v>
      </c>
      <c r="Q39865">
        <v>52</v>
      </c>
      <c r="R39865">
        <v>53</v>
      </c>
      <c r="S39865">
        <v>54</v>
      </c>
      <c r="T39865">
        <v>55</v>
      </c>
      <c r="U39865">
        <v>56</v>
      </c>
      <c r="V39865">
        <v>57</v>
      </c>
      <c r="W39865">
        <v>58</v>
      </c>
      <c r="X39865">
        <v>58</v>
      </c>
      <c r="Y39865">
        <v>59</v>
      </c>
      <c r="Z39865">
        <v>60</v>
      </c>
      <c r="AA39865">
        <v>61</v>
      </c>
      <c r="AB39865">
        <v>62</v>
      </c>
      <c r="AC39865">
        <v>63</v>
      </c>
      <c r="AD39865">
        <v>63</v>
      </c>
      <c r="AE39865">
        <v>64</v>
      </c>
      <c r="AF39865">
        <v>65</v>
      </c>
      <c r="AG39865">
        <v>66</v>
      </c>
      <c r="AH39865">
        <v>67</v>
      </c>
      <c r="AI39865">
        <v>67</v>
      </c>
      <c r="AJ39865">
        <v>68</v>
      </c>
      <c r="AK39865">
        <v>69</v>
      </c>
      <c r="AL39865">
        <v>69</v>
      </c>
      <c r="AM39865">
        <v>69</v>
      </c>
      <c r="AN39865">
        <v>70</v>
      </c>
      <c r="AO39865">
        <v>70</v>
      </c>
      <c r="AP39865">
        <v>70</v>
      </c>
      <c r="AQ39865">
        <v>70</v>
      </c>
    </row>
    <row r="39866" spans="1:43">
      <c r="A39866" t="s">
        <v>24711</v>
      </c>
      <c r="B39866" t="s">
        <v>24712</v>
      </c>
      <c r="C39866" t="s">
        <v>7824</v>
      </c>
      <c r="D39866" t="s">
        <v>7825</v>
      </c>
      <c r="E39866" t="s">
        <v>7646</v>
      </c>
      <c r="F39866" t="s">
        <v>7647</v>
      </c>
      <c r="G39866" t="s">
        <v>80</v>
      </c>
      <c r="H39866" t="s">
        <v>81</v>
      </c>
      <c r="I39866" s="2">
        <v>0.09</v>
      </c>
      <c r="J39866" s="2">
        <v>0.91</v>
      </c>
      <c r="K39866" s="2">
        <v>0</v>
      </c>
      <c r="L39866" t="s">
        <v>82</v>
      </c>
      <c r="M39866" t="s">
        <v>83</v>
      </c>
      <c r="N39866" t="s">
        <v>84</v>
      </c>
      <c r="O39866" t="s">
        <v>85</v>
      </c>
      <c r="P39866" t="s">
        <v>86</v>
      </c>
      <c r="Q39866">
        <v>41</v>
      </c>
      <c r="R39866">
        <v>42</v>
      </c>
      <c r="S39866">
        <v>42</v>
      </c>
      <c r="T39866">
        <v>43</v>
      </c>
      <c r="U39866">
        <v>44</v>
      </c>
      <c r="V39866">
        <v>45</v>
      </c>
      <c r="W39866">
        <v>45</v>
      </c>
      <c r="X39866">
        <v>46</v>
      </c>
      <c r="Y39866">
        <v>47</v>
      </c>
      <c r="Z39866">
        <v>48</v>
      </c>
      <c r="AA39866">
        <v>49</v>
      </c>
      <c r="AB39866">
        <v>49</v>
      </c>
      <c r="AC39866">
        <v>50</v>
      </c>
      <c r="AD39866">
        <v>51</v>
      </c>
      <c r="AE39866">
        <v>52</v>
      </c>
      <c r="AF39866">
        <v>52</v>
      </c>
      <c r="AG39866">
        <v>53</v>
      </c>
      <c r="AH39866">
        <v>54</v>
      </c>
      <c r="AI39866">
        <v>55</v>
      </c>
      <c r="AJ39866">
        <v>55</v>
      </c>
      <c r="AK39866">
        <v>56</v>
      </c>
      <c r="AL39866">
        <v>57</v>
      </c>
      <c r="AM39866">
        <v>57</v>
      </c>
      <c r="AN39866">
        <v>57</v>
      </c>
      <c r="AO39866">
        <v>57</v>
      </c>
      <c r="AP39866">
        <v>58</v>
      </c>
      <c r="AQ39866">
        <v>58</v>
      </c>
    </row>
    <row r="39867" spans="1:43">
      <c r="A39867" t="s">
        <v>24711</v>
      </c>
      <c r="B39867" t="s">
        <v>24712</v>
      </c>
      <c r="C39867" t="s">
        <v>7824</v>
      </c>
      <c r="D39867" t="s">
        <v>7825</v>
      </c>
      <c r="E39867" t="s">
        <v>7646</v>
      </c>
      <c r="F39867" t="s">
        <v>7647</v>
      </c>
      <c r="G39867" t="s">
        <v>80</v>
      </c>
      <c r="H39867" t="s">
        <v>81</v>
      </c>
      <c r="I39867" s="2">
        <v>0.09</v>
      </c>
      <c r="J39867" s="2">
        <v>0.91</v>
      </c>
      <c r="K39867" s="2">
        <v>0</v>
      </c>
      <c r="L39867" t="s">
        <v>82</v>
      </c>
      <c r="M39867" t="s">
        <v>87</v>
      </c>
      <c r="N39867" t="s">
        <v>88</v>
      </c>
      <c r="O39867" t="s">
        <v>85</v>
      </c>
      <c r="P39867" t="s">
        <v>86</v>
      </c>
      <c r="Q39867">
        <v>41</v>
      </c>
      <c r="R39867">
        <v>42</v>
      </c>
      <c r="S39867">
        <v>42</v>
      </c>
      <c r="T39867">
        <v>43</v>
      </c>
      <c r="U39867">
        <v>43</v>
      </c>
      <c r="V39867">
        <v>43</v>
      </c>
      <c r="W39867">
        <v>44</v>
      </c>
      <c r="X39867">
        <v>44</v>
      </c>
      <c r="Y39867">
        <v>44</v>
      </c>
      <c r="Z39867">
        <v>45</v>
      </c>
      <c r="AA39867">
        <v>45</v>
      </c>
      <c r="AB39867">
        <v>46</v>
      </c>
      <c r="AC39867">
        <v>46</v>
      </c>
      <c r="AD39867">
        <v>46</v>
      </c>
      <c r="AE39867">
        <v>47</v>
      </c>
      <c r="AF39867">
        <v>47</v>
      </c>
      <c r="AG39867">
        <v>47</v>
      </c>
      <c r="AH39867">
        <v>48</v>
      </c>
      <c r="AI39867">
        <v>48</v>
      </c>
      <c r="AJ39867">
        <v>49</v>
      </c>
      <c r="AK39867">
        <v>49</v>
      </c>
      <c r="AL39867">
        <v>49</v>
      </c>
      <c r="AM39867">
        <v>50</v>
      </c>
      <c r="AN39867">
        <v>50</v>
      </c>
      <c r="AO39867">
        <v>51</v>
      </c>
      <c r="AP39867">
        <v>51</v>
      </c>
      <c r="AQ39867">
        <v>51</v>
      </c>
    </row>
    <row r="39868" spans="1:43">
      <c r="A39868" t="s">
        <v>24711</v>
      </c>
      <c r="B39868" t="s">
        <v>24712</v>
      </c>
      <c r="C39868" t="s">
        <v>7824</v>
      </c>
      <c r="D39868" t="s">
        <v>7825</v>
      </c>
      <c r="E39868" t="s">
        <v>7646</v>
      </c>
      <c r="F39868" t="s">
        <v>7647</v>
      </c>
      <c r="G39868" t="s">
        <v>80</v>
      </c>
      <c r="H39868" t="s">
        <v>81</v>
      </c>
      <c r="I39868" s="2">
        <v>0.09</v>
      </c>
      <c r="J39868" s="2">
        <v>0.91</v>
      </c>
      <c r="K39868" s="2">
        <v>0</v>
      </c>
      <c r="L39868" t="s">
        <v>82</v>
      </c>
      <c r="M39868" t="s">
        <v>89</v>
      </c>
      <c r="N39868" t="s">
        <v>90</v>
      </c>
      <c r="O39868" t="s">
        <v>85</v>
      </c>
      <c r="P39868" t="s">
        <v>86</v>
      </c>
      <c r="Q39868">
        <v>41</v>
      </c>
      <c r="R39868">
        <v>42</v>
      </c>
      <c r="S39868">
        <v>43</v>
      </c>
      <c r="T39868">
        <v>45</v>
      </c>
      <c r="U39868">
        <v>46</v>
      </c>
      <c r="V39868">
        <v>47</v>
      </c>
      <c r="W39868">
        <v>48</v>
      </c>
      <c r="X39868">
        <v>49</v>
      </c>
      <c r="Y39868">
        <v>50</v>
      </c>
      <c r="Z39868">
        <v>51</v>
      </c>
      <c r="AA39868">
        <v>52</v>
      </c>
      <c r="AB39868">
        <v>53</v>
      </c>
      <c r="AC39868">
        <v>54</v>
      </c>
      <c r="AD39868">
        <v>55</v>
      </c>
      <c r="AE39868">
        <v>55</v>
      </c>
      <c r="AF39868">
        <v>56</v>
      </c>
      <c r="AG39868">
        <v>56</v>
      </c>
      <c r="AH39868">
        <v>56</v>
      </c>
      <c r="AI39868">
        <v>56</v>
      </c>
      <c r="AJ39868">
        <v>57</v>
      </c>
      <c r="AK39868">
        <v>57</v>
      </c>
      <c r="AL39868">
        <v>57</v>
      </c>
      <c r="AM39868">
        <v>57</v>
      </c>
      <c r="AN39868">
        <v>58</v>
      </c>
      <c r="AO39868">
        <v>58</v>
      </c>
      <c r="AP39868">
        <v>58</v>
      </c>
      <c r="AQ39868">
        <v>58</v>
      </c>
    </row>
    <row r="39869" spans="1:43">
      <c r="A39869" t="s">
        <v>24711</v>
      </c>
      <c r="B39869" t="s">
        <v>24712</v>
      </c>
      <c r="C39869" t="s">
        <v>7824</v>
      </c>
      <c r="D39869" t="s">
        <v>7825</v>
      </c>
      <c r="E39869" t="s">
        <v>7646</v>
      </c>
      <c r="F39869" t="s">
        <v>7647</v>
      </c>
      <c r="G39869" t="s">
        <v>80</v>
      </c>
      <c r="H39869" t="s">
        <v>81</v>
      </c>
      <c r="I39869" s="2">
        <v>0.09</v>
      </c>
      <c r="J39869" s="2">
        <v>0.91</v>
      </c>
      <c r="K39869" s="2">
        <v>0</v>
      </c>
      <c r="L39869" t="s">
        <v>82</v>
      </c>
      <c r="M39869" t="s">
        <v>83</v>
      </c>
      <c r="N39869" t="s">
        <v>91</v>
      </c>
      <c r="O39869" t="s">
        <v>85</v>
      </c>
      <c r="P39869" t="s">
        <v>86</v>
      </c>
      <c r="Q39869">
        <v>41</v>
      </c>
      <c r="R39869">
        <v>42</v>
      </c>
      <c r="S39869">
        <v>42</v>
      </c>
      <c r="T39869">
        <v>43</v>
      </c>
      <c r="U39869">
        <v>44</v>
      </c>
      <c r="V39869">
        <v>45</v>
      </c>
      <c r="W39869">
        <v>45</v>
      </c>
      <c r="X39869">
        <v>46</v>
      </c>
      <c r="Y39869">
        <v>47</v>
      </c>
      <c r="Z39869">
        <v>48</v>
      </c>
      <c r="AA39869">
        <v>49</v>
      </c>
      <c r="AB39869">
        <v>49</v>
      </c>
      <c r="AC39869">
        <v>50</v>
      </c>
      <c r="AD39869">
        <v>51</v>
      </c>
      <c r="AE39869">
        <v>52</v>
      </c>
      <c r="AF39869">
        <v>52</v>
      </c>
      <c r="AG39869">
        <v>53</v>
      </c>
      <c r="AH39869">
        <v>54</v>
      </c>
      <c r="AI39869">
        <v>55</v>
      </c>
      <c r="AJ39869">
        <v>55</v>
      </c>
      <c r="AK39869">
        <v>56</v>
      </c>
      <c r="AL39869">
        <v>57</v>
      </c>
      <c r="AM39869">
        <v>57</v>
      </c>
      <c r="AN39869">
        <v>57</v>
      </c>
      <c r="AO39869">
        <v>57</v>
      </c>
      <c r="AP39869">
        <v>58</v>
      </c>
      <c r="AQ39869">
        <v>58</v>
      </c>
    </row>
    <row r="39870" spans="1:43">
      <c r="A39870" t="s">
        <v>24713</v>
      </c>
      <c r="B39870" t="s">
        <v>24714</v>
      </c>
      <c r="C39870" t="s">
        <v>6172</v>
      </c>
      <c r="D39870" t="s">
        <v>6173</v>
      </c>
      <c r="E39870" t="s">
        <v>6174</v>
      </c>
      <c r="F39870" t="s">
        <v>6175</v>
      </c>
      <c r="G39870" t="s">
        <v>80</v>
      </c>
      <c r="H39870" t="s">
        <v>81</v>
      </c>
      <c r="I39870" s="2">
        <v>0</v>
      </c>
      <c r="J39870" s="2">
        <v>1</v>
      </c>
      <c r="K39870" s="2">
        <v>0</v>
      </c>
      <c r="L39870" t="s">
        <v>82</v>
      </c>
      <c r="M39870" t="s">
        <v>83</v>
      </c>
      <c r="N39870" t="s">
        <v>84</v>
      </c>
      <c r="O39870" t="s">
        <v>85</v>
      </c>
      <c r="P39870" t="s">
        <v>86</v>
      </c>
      <c r="Q39870">
        <v>174</v>
      </c>
      <c r="R39870">
        <v>176</v>
      </c>
      <c r="S39870">
        <v>178</v>
      </c>
      <c r="T39870">
        <v>180</v>
      </c>
      <c r="U39870">
        <v>182</v>
      </c>
      <c r="V39870">
        <v>185</v>
      </c>
      <c r="W39870">
        <v>187</v>
      </c>
      <c r="X39870">
        <v>188</v>
      </c>
      <c r="Y39870">
        <v>190</v>
      </c>
      <c r="Z39870">
        <v>192</v>
      </c>
      <c r="AA39870">
        <v>194</v>
      </c>
      <c r="AB39870">
        <v>196</v>
      </c>
      <c r="AC39870">
        <v>198</v>
      </c>
      <c r="AD39870">
        <v>200</v>
      </c>
      <c r="AE39870">
        <v>201</v>
      </c>
      <c r="AF39870">
        <v>203</v>
      </c>
      <c r="AG39870">
        <v>205</v>
      </c>
      <c r="AH39870">
        <v>206</v>
      </c>
      <c r="AI39870">
        <v>208</v>
      </c>
      <c r="AJ39870">
        <v>209</v>
      </c>
      <c r="AK39870">
        <v>211</v>
      </c>
      <c r="AL39870">
        <v>211</v>
      </c>
      <c r="AM39870">
        <v>211</v>
      </c>
      <c r="AN39870">
        <v>210</v>
      </c>
      <c r="AO39870">
        <v>210</v>
      </c>
      <c r="AP39870">
        <v>209</v>
      </c>
      <c r="AQ39870">
        <v>209</v>
      </c>
    </row>
    <row r="39871" spans="1:43">
      <c r="A39871" t="s">
        <v>24713</v>
      </c>
      <c r="B39871" t="s">
        <v>24714</v>
      </c>
      <c r="C39871" t="s">
        <v>6172</v>
      </c>
      <c r="D39871" t="s">
        <v>6173</v>
      </c>
      <c r="E39871" t="s">
        <v>6174</v>
      </c>
      <c r="F39871" t="s">
        <v>6175</v>
      </c>
      <c r="G39871" t="s">
        <v>80</v>
      </c>
      <c r="H39871" t="s">
        <v>81</v>
      </c>
      <c r="I39871" s="2">
        <v>0</v>
      </c>
      <c r="J39871" s="2">
        <v>1</v>
      </c>
      <c r="K39871" s="2">
        <v>0</v>
      </c>
      <c r="L39871" t="s">
        <v>82</v>
      </c>
      <c r="M39871" t="s">
        <v>87</v>
      </c>
      <c r="N39871" t="s">
        <v>88</v>
      </c>
      <c r="O39871" t="s">
        <v>85</v>
      </c>
      <c r="P39871" t="s">
        <v>86</v>
      </c>
      <c r="Q39871">
        <v>174</v>
      </c>
      <c r="R39871">
        <v>174</v>
      </c>
      <c r="S39871">
        <v>175</v>
      </c>
      <c r="T39871">
        <v>175</v>
      </c>
      <c r="U39871">
        <v>175</v>
      </c>
      <c r="V39871">
        <v>176</v>
      </c>
      <c r="W39871">
        <v>176</v>
      </c>
      <c r="X39871">
        <v>177</v>
      </c>
      <c r="Y39871">
        <v>177</v>
      </c>
      <c r="Z39871">
        <v>177</v>
      </c>
      <c r="AA39871">
        <v>178</v>
      </c>
      <c r="AB39871">
        <v>178</v>
      </c>
      <c r="AC39871">
        <v>179</v>
      </c>
      <c r="AD39871">
        <v>179</v>
      </c>
      <c r="AE39871">
        <v>179</v>
      </c>
      <c r="AF39871">
        <v>180</v>
      </c>
      <c r="AG39871">
        <v>180</v>
      </c>
      <c r="AH39871">
        <v>180</v>
      </c>
      <c r="AI39871">
        <v>180</v>
      </c>
      <c r="AJ39871">
        <v>181</v>
      </c>
      <c r="AK39871">
        <v>181</v>
      </c>
      <c r="AL39871">
        <v>181</v>
      </c>
      <c r="AM39871">
        <v>181</v>
      </c>
      <c r="AN39871">
        <v>182</v>
      </c>
      <c r="AO39871">
        <v>182</v>
      </c>
      <c r="AP39871">
        <v>182</v>
      </c>
      <c r="AQ39871">
        <v>182</v>
      </c>
    </row>
    <row r="39872" spans="1:43">
      <c r="A39872" t="s">
        <v>24713</v>
      </c>
      <c r="B39872" t="s">
        <v>24714</v>
      </c>
      <c r="C39872" t="s">
        <v>6172</v>
      </c>
      <c r="D39872" t="s">
        <v>6173</v>
      </c>
      <c r="E39872" t="s">
        <v>6174</v>
      </c>
      <c r="F39872" t="s">
        <v>6175</v>
      </c>
      <c r="G39872" t="s">
        <v>80</v>
      </c>
      <c r="H39872" t="s">
        <v>81</v>
      </c>
      <c r="I39872" s="2">
        <v>0</v>
      </c>
      <c r="J39872" s="2">
        <v>1</v>
      </c>
      <c r="K39872" s="2">
        <v>0</v>
      </c>
      <c r="L39872" t="s">
        <v>82</v>
      </c>
      <c r="M39872" t="s">
        <v>89</v>
      </c>
      <c r="N39872" t="s">
        <v>90</v>
      </c>
      <c r="O39872" t="s">
        <v>85</v>
      </c>
      <c r="P39872" t="s">
        <v>86</v>
      </c>
      <c r="Q39872">
        <v>174</v>
      </c>
      <c r="R39872">
        <v>177</v>
      </c>
      <c r="S39872">
        <v>181</v>
      </c>
      <c r="T39872">
        <v>184</v>
      </c>
      <c r="U39872">
        <v>188</v>
      </c>
      <c r="V39872">
        <v>191</v>
      </c>
      <c r="W39872">
        <v>194</v>
      </c>
      <c r="X39872">
        <v>197</v>
      </c>
      <c r="Y39872">
        <v>200</v>
      </c>
      <c r="Z39872">
        <v>202</v>
      </c>
      <c r="AA39872">
        <v>205</v>
      </c>
      <c r="AB39872">
        <v>207</v>
      </c>
      <c r="AC39872">
        <v>210</v>
      </c>
      <c r="AD39872">
        <v>213</v>
      </c>
      <c r="AE39872">
        <v>214</v>
      </c>
      <c r="AF39872">
        <v>213</v>
      </c>
      <c r="AG39872">
        <v>213</v>
      </c>
      <c r="AH39872">
        <v>213</v>
      </c>
      <c r="AI39872">
        <v>212</v>
      </c>
      <c r="AJ39872">
        <v>212</v>
      </c>
      <c r="AK39872">
        <v>211</v>
      </c>
      <c r="AL39872">
        <v>211</v>
      </c>
      <c r="AM39872">
        <v>210</v>
      </c>
      <c r="AN39872">
        <v>210</v>
      </c>
      <c r="AO39872">
        <v>210</v>
      </c>
      <c r="AP39872">
        <v>209</v>
      </c>
      <c r="AQ39872">
        <v>209</v>
      </c>
    </row>
    <row r="39873" spans="1:43">
      <c r="A39873" t="s">
        <v>24713</v>
      </c>
      <c r="B39873" t="s">
        <v>24714</v>
      </c>
      <c r="C39873" t="s">
        <v>6172</v>
      </c>
      <c r="D39873" t="s">
        <v>6173</v>
      </c>
      <c r="E39873" t="s">
        <v>6174</v>
      </c>
      <c r="F39873" t="s">
        <v>6175</v>
      </c>
      <c r="G39873" t="s">
        <v>80</v>
      </c>
      <c r="H39873" t="s">
        <v>81</v>
      </c>
      <c r="I39873" s="2">
        <v>0</v>
      </c>
      <c r="J39873" s="2">
        <v>1</v>
      </c>
      <c r="K39873" s="2">
        <v>0</v>
      </c>
      <c r="L39873" t="s">
        <v>82</v>
      </c>
      <c r="M39873" t="s">
        <v>83</v>
      </c>
      <c r="N39873" t="s">
        <v>91</v>
      </c>
      <c r="O39873" t="s">
        <v>85</v>
      </c>
      <c r="P39873" t="s">
        <v>86</v>
      </c>
      <c r="Q39873">
        <v>174</v>
      </c>
      <c r="R39873">
        <v>176</v>
      </c>
      <c r="S39873">
        <v>178</v>
      </c>
      <c r="T39873">
        <v>180</v>
      </c>
      <c r="U39873">
        <v>182</v>
      </c>
      <c r="V39873">
        <v>185</v>
      </c>
      <c r="W39873">
        <v>187</v>
      </c>
      <c r="X39873">
        <v>188</v>
      </c>
      <c r="Y39873">
        <v>190</v>
      </c>
      <c r="Z39873">
        <v>192</v>
      </c>
      <c r="AA39873">
        <v>194</v>
      </c>
      <c r="AB39873">
        <v>196</v>
      </c>
      <c r="AC39873">
        <v>198</v>
      </c>
      <c r="AD39873">
        <v>200</v>
      </c>
      <c r="AE39873">
        <v>201</v>
      </c>
      <c r="AF39873">
        <v>203</v>
      </c>
      <c r="AG39873">
        <v>205</v>
      </c>
      <c r="AH39873">
        <v>206</v>
      </c>
      <c r="AI39873">
        <v>208</v>
      </c>
      <c r="AJ39873">
        <v>209</v>
      </c>
      <c r="AK39873">
        <v>211</v>
      </c>
      <c r="AL39873">
        <v>211</v>
      </c>
      <c r="AM39873">
        <v>211</v>
      </c>
      <c r="AN39873">
        <v>210</v>
      </c>
      <c r="AO39873">
        <v>210</v>
      </c>
      <c r="AP39873">
        <v>209</v>
      </c>
      <c r="AQ39873">
        <v>209</v>
      </c>
    </row>
    <row r="39874" spans="1:43">
      <c r="A39874" t="s">
        <v>24715</v>
      </c>
      <c r="B39874" t="s">
        <v>24716</v>
      </c>
      <c r="C39874" t="s">
        <v>8342</v>
      </c>
      <c r="D39874" t="s">
        <v>8343</v>
      </c>
      <c r="E39874" t="s">
        <v>8296</v>
      </c>
      <c r="F39874" t="s">
        <v>8297</v>
      </c>
      <c r="G39874" t="s">
        <v>80</v>
      </c>
      <c r="H39874" t="s">
        <v>81</v>
      </c>
      <c r="I39874" s="2">
        <v>0</v>
      </c>
      <c r="J39874" s="2">
        <v>1</v>
      </c>
      <c r="K39874" s="2">
        <v>0</v>
      </c>
      <c r="L39874" t="s">
        <v>82</v>
      </c>
      <c r="M39874" t="s">
        <v>83</v>
      </c>
      <c r="N39874" t="s">
        <v>84</v>
      </c>
      <c r="O39874" t="s">
        <v>85</v>
      </c>
      <c r="P39874" t="s">
        <v>86</v>
      </c>
      <c r="Q39874">
        <v>142</v>
      </c>
      <c r="R39874">
        <v>145</v>
      </c>
      <c r="S39874">
        <v>148</v>
      </c>
      <c r="T39874">
        <v>151</v>
      </c>
      <c r="U39874">
        <v>153</v>
      </c>
      <c r="V39874">
        <v>156</v>
      </c>
      <c r="W39874">
        <v>159</v>
      </c>
      <c r="X39874">
        <v>162</v>
      </c>
      <c r="Y39874">
        <v>165</v>
      </c>
      <c r="Z39874">
        <v>167</v>
      </c>
      <c r="AA39874">
        <v>170</v>
      </c>
      <c r="AB39874">
        <v>173</v>
      </c>
      <c r="AC39874">
        <v>176</v>
      </c>
      <c r="AD39874">
        <v>179</v>
      </c>
      <c r="AE39874">
        <v>181</v>
      </c>
      <c r="AF39874">
        <v>184</v>
      </c>
      <c r="AG39874">
        <v>187</v>
      </c>
      <c r="AH39874">
        <v>190</v>
      </c>
      <c r="AI39874">
        <v>192</v>
      </c>
      <c r="AJ39874">
        <v>195</v>
      </c>
      <c r="AK39874">
        <v>198</v>
      </c>
      <c r="AL39874">
        <v>199</v>
      </c>
      <c r="AM39874">
        <v>200</v>
      </c>
      <c r="AN39874">
        <v>201</v>
      </c>
      <c r="AO39874">
        <v>201</v>
      </c>
      <c r="AP39874">
        <v>202</v>
      </c>
      <c r="AQ39874">
        <v>203</v>
      </c>
    </row>
    <row r="39875" spans="1:43">
      <c r="A39875" t="s">
        <v>24715</v>
      </c>
      <c r="B39875" t="s">
        <v>24716</v>
      </c>
      <c r="C39875" t="s">
        <v>8342</v>
      </c>
      <c r="D39875" t="s">
        <v>8343</v>
      </c>
      <c r="E39875" t="s">
        <v>8296</v>
      </c>
      <c r="F39875" t="s">
        <v>8297</v>
      </c>
      <c r="G39875" t="s">
        <v>80</v>
      </c>
      <c r="H39875" t="s">
        <v>81</v>
      </c>
      <c r="I39875" s="2">
        <v>0</v>
      </c>
      <c r="J39875" s="2">
        <v>1</v>
      </c>
      <c r="K39875" s="2">
        <v>0</v>
      </c>
      <c r="L39875" t="s">
        <v>82</v>
      </c>
      <c r="M39875" t="s">
        <v>87</v>
      </c>
      <c r="N39875" t="s">
        <v>88</v>
      </c>
      <c r="O39875" t="s">
        <v>85</v>
      </c>
      <c r="P39875" t="s">
        <v>86</v>
      </c>
      <c r="Q39875">
        <v>142</v>
      </c>
      <c r="R39875">
        <v>143</v>
      </c>
      <c r="S39875">
        <v>145</v>
      </c>
      <c r="T39875">
        <v>146</v>
      </c>
      <c r="U39875">
        <v>148</v>
      </c>
      <c r="V39875">
        <v>149</v>
      </c>
      <c r="W39875">
        <v>150</v>
      </c>
      <c r="X39875">
        <v>152</v>
      </c>
      <c r="Y39875">
        <v>153</v>
      </c>
      <c r="Z39875">
        <v>155</v>
      </c>
      <c r="AA39875">
        <v>156</v>
      </c>
      <c r="AB39875">
        <v>157</v>
      </c>
      <c r="AC39875">
        <v>159</v>
      </c>
      <c r="AD39875">
        <v>160</v>
      </c>
      <c r="AE39875">
        <v>161</v>
      </c>
      <c r="AF39875">
        <v>163</v>
      </c>
      <c r="AG39875">
        <v>164</v>
      </c>
      <c r="AH39875">
        <v>165</v>
      </c>
      <c r="AI39875">
        <v>167</v>
      </c>
      <c r="AJ39875">
        <v>168</v>
      </c>
      <c r="AK39875">
        <v>169</v>
      </c>
      <c r="AL39875">
        <v>171</v>
      </c>
      <c r="AM39875">
        <v>172</v>
      </c>
      <c r="AN39875">
        <v>173</v>
      </c>
      <c r="AO39875">
        <v>174</v>
      </c>
      <c r="AP39875">
        <v>176</v>
      </c>
      <c r="AQ39875">
        <v>177</v>
      </c>
    </row>
    <row r="39876" spans="1:43">
      <c r="A39876" t="s">
        <v>24715</v>
      </c>
      <c r="B39876" t="s">
        <v>24716</v>
      </c>
      <c r="C39876" t="s">
        <v>8342</v>
      </c>
      <c r="D39876" t="s">
        <v>8343</v>
      </c>
      <c r="E39876" t="s">
        <v>8296</v>
      </c>
      <c r="F39876" t="s">
        <v>8297</v>
      </c>
      <c r="G39876" t="s">
        <v>80</v>
      </c>
      <c r="H39876" t="s">
        <v>81</v>
      </c>
      <c r="I39876" s="2">
        <v>0</v>
      </c>
      <c r="J39876" s="2">
        <v>1</v>
      </c>
      <c r="K39876" s="2">
        <v>0</v>
      </c>
      <c r="L39876" t="s">
        <v>82</v>
      </c>
      <c r="M39876" t="s">
        <v>89</v>
      </c>
      <c r="N39876" t="s">
        <v>90</v>
      </c>
      <c r="O39876" t="s">
        <v>85</v>
      </c>
      <c r="P39876" t="s">
        <v>86</v>
      </c>
      <c r="Q39876">
        <v>142</v>
      </c>
      <c r="R39876">
        <v>146</v>
      </c>
      <c r="S39876">
        <v>151</v>
      </c>
      <c r="T39876">
        <v>155</v>
      </c>
      <c r="U39876">
        <v>158</v>
      </c>
      <c r="V39876">
        <v>162</v>
      </c>
      <c r="W39876">
        <v>166</v>
      </c>
      <c r="X39876">
        <v>170</v>
      </c>
      <c r="Y39876">
        <v>174</v>
      </c>
      <c r="Z39876">
        <v>177</v>
      </c>
      <c r="AA39876">
        <v>181</v>
      </c>
      <c r="AB39876">
        <v>184</v>
      </c>
      <c r="AC39876">
        <v>188</v>
      </c>
      <c r="AD39876">
        <v>191</v>
      </c>
      <c r="AE39876">
        <v>194</v>
      </c>
      <c r="AF39876">
        <v>195</v>
      </c>
      <c r="AG39876">
        <v>195</v>
      </c>
      <c r="AH39876">
        <v>196</v>
      </c>
      <c r="AI39876">
        <v>197</v>
      </c>
      <c r="AJ39876">
        <v>198</v>
      </c>
      <c r="AK39876">
        <v>198</v>
      </c>
      <c r="AL39876">
        <v>199</v>
      </c>
      <c r="AM39876">
        <v>200</v>
      </c>
      <c r="AN39876">
        <v>200</v>
      </c>
      <c r="AO39876">
        <v>201</v>
      </c>
      <c r="AP39876">
        <v>202</v>
      </c>
      <c r="AQ39876">
        <v>202</v>
      </c>
    </row>
    <row r="39877" spans="1:43">
      <c r="A39877" t="s">
        <v>24715</v>
      </c>
      <c r="B39877" t="s">
        <v>24716</v>
      </c>
      <c r="C39877" t="s">
        <v>8342</v>
      </c>
      <c r="D39877" t="s">
        <v>8343</v>
      </c>
      <c r="E39877" t="s">
        <v>8296</v>
      </c>
      <c r="F39877" t="s">
        <v>8297</v>
      </c>
      <c r="G39877" t="s">
        <v>80</v>
      </c>
      <c r="H39877" t="s">
        <v>81</v>
      </c>
      <c r="I39877" s="2">
        <v>0</v>
      </c>
      <c r="J39877" s="2">
        <v>1</v>
      </c>
      <c r="K39877" s="2">
        <v>0</v>
      </c>
      <c r="L39877" t="s">
        <v>82</v>
      </c>
      <c r="M39877" t="s">
        <v>83</v>
      </c>
      <c r="N39877" t="s">
        <v>91</v>
      </c>
      <c r="O39877" t="s">
        <v>85</v>
      </c>
      <c r="P39877" t="s">
        <v>86</v>
      </c>
      <c r="Q39877">
        <v>142</v>
      </c>
      <c r="R39877">
        <v>145</v>
      </c>
      <c r="S39877">
        <v>148</v>
      </c>
      <c r="T39877">
        <v>151</v>
      </c>
      <c r="U39877">
        <v>153</v>
      </c>
      <c r="V39877">
        <v>156</v>
      </c>
      <c r="W39877">
        <v>159</v>
      </c>
      <c r="X39877">
        <v>162</v>
      </c>
      <c r="Y39877">
        <v>165</v>
      </c>
      <c r="Z39877">
        <v>167</v>
      </c>
      <c r="AA39877">
        <v>170</v>
      </c>
      <c r="AB39877">
        <v>173</v>
      </c>
      <c r="AC39877">
        <v>176</v>
      </c>
      <c r="AD39877">
        <v>179</v>
      </c>
      <c r="AE39877">
        <v>181</v>
      </c>
      <c r="AF39877">
        <v>184</v>
      </c>
      <c r="AG39877">
        <v>187</v>
      </c>
      <c r="AH39877">
        <v>190</v>
      </c>
      <c r="AI39877">
        <v>192</v>
      </c>
      <c r="AJ39877">
        <v>195</v>
      </c>
      <c r="AK39877">
        <v>198</v>
      </c>
      <c r="AL39877">
        <v>199</v>
      </c>
      <c r="AM39877">
        <v>200</v>
      </c>
      <c r="AN39877">
        <v>201</v>
      </c>
      <c r="AO39877">
        <v>201</v>
      </c>
      <c r="AP39877">
        <v>202</v>
      </c>
      <c r="AQ39877">
        <v>203</v>
      </c>
    </row>
    <row r="39878" spans="1:43">
      <c r="A39878" t="s">
        <v>24717</v>
      </c>
      <c r="B39878" t="s">
        <v>24718</v>
      </c>
      <c r="C39878" t="s">
        <v>8342</v>
      </c>
      <c r="D39878" t="s">
        <v>8343</v>
      </c>
      <c r="E39878" t="s">
        <v>8296</v>
      </c>
      <c r="F39878" t="s">
        <v>8297</v>
      </c>
      <c r="G39878" t="s">
        <v>80</v>
      </c>
      <c r="H39878" t="s">
        <v>81</v>
      </c>
      <c r="I39878" s="2">
        <v>0</v>
      </c>
      <c r="J39878" s="2">
        <v>1</v>
      </c>
      <c r="K39878" s="2">
        <v>0</v>
      </c>
      <c r="L39878" t="s">
        <v>82</v>
      </c>
      <c r="M39878" t="s">
        <v>83</v>
      </c>
      <c r="N39878" t="s">
        <v>84</v>
      </c>
      <c r="O39878" t="s">
        <v>85</v>
      </c>
      <c r="P39878" t="s">
        <v>86</v>
      </c>
      <c r="Q39878">
        <v>97</v>
      </c>
      <c r="R39878">
        <v>99</v>
      </c>
      <c r="S39878">
        <v>101</v>
      </c>
      <c r="T39878">
        <v>103</v>
      </c>
      <c r="U39878">
        <v>104</v>
      </c>
      <c r="V39878">
        <v>106</v>
      </c>
      <c r="W39878">
        <v>108</v>
      </c>
      <c r="X39878">
        <v>110</v>
      </c>
      <c r="Y39878">
        <v>112</v>
      </c>
      <c r="Z39878">
        <v>114</v>
      </c>
      <c r="AA39878">
        <v>116</v>
      </c>
      <c r="AB39878">
        <v>118</v>
      </c>
      <c r="AC39878">
        <v>120</v>
      </c>
      <c r="AD39878">
        <v>121</v>
      </c>
      <c r="AE39878">
        <v>123</v>
      </c>
      <c r="AF39878">
        <v>125</v>
      </c>
      <c r="AG39878">
        <v>127</v>
      </c>
      <c r="AH39878">
        <v>129</v>
      </c>
      <c r="AI39878">
        <v>131</v>
      </c>
      <c r="AJ39878">
        <v>132</v>
      </c>
      <c r="AK39878">
        <v>134</v>
      </c>
      <c r="AL39878">
        <v>135</v>
      </c>
      <c r="AM39878">
        <v>136</v>
      </c>
      <c r="AN39878">
        <v>136</v>
      </c>
      <c r="AO39878">
        <v>137</v>
      </c>
      <c r="AP39878">
        <v>137</v>
      </c>
      <c r="AQ39878">
        <v>138</v>
      </c>
    </row>
    <row r="39879" spans="1:43">
      <c r="A39879" t="s">
        <v>24717</v>
      </c>
      <c r="B39879" t="s">
        <v>24718</v>
      </c>
      <c r="C39879" t="s">
        <v>8342</v>
      </c>
      <c r="D39879" t="s">
        <v>8343</v>
      </c>
      <c r="E39879" t="s">
        <v>8296</v>
      </c>
      <c r="F39879" t="s">
        <v>8297</v>
      </c>
      <c r="G39879" t="s">
        <v>80</v>
      </c>
      <c r="H39879" t="s">
        <v>81</v>
      </c>
      <c r="I39879" s="2">
        <v>0</v>
      </c>
      <c r="J39879" s="2">
        <v>1</v>
      </c>
      <c r="K39879" s="2">
        <v>0</v>
      </c>
      <c r="L39879" t="s">
        <v>82</v>
      </c>
      <c r="M39879" t="s">
        <v>87</v>
      </c>
      <c r="N39879" t="s">
        <v>88</v>
      </c>
      <c r="O39879" t="s">
        <v>85</v>
      </c>
      <c r="P39879" t="s">
        <v>86</v>
      </c>
      <c r="Q39879">
        <v>97</v>
      </c>
      <c r="R39879">
        <v>98</v>
      </c>
      <c r="S39879">
        <v>99</v>
      </c>
      <c r="T39879">
        <v>100</v>
      </c>
      <c r="U39879">
        <v>101</v>
      </c>
      <c r="V39879">
        <v>102</v>
      </c>
      <c r="W39879">
        <v>103</v>
      </c>
      <c r="X39879">
        <v>104</v>
      </c>
      <c r="Y39879">
        <v>105</v>
      </c>
      <c r="Z39879">
        <v>106</v>
      </c>
      <c r="AA39879">
        <v>106</v>
      </c>
      <c r="AB39879">
        <v>107</v>
      </c>
      <c r="AC39879">
        <v>108</v>
      </c>
      <c r="AD39879">
        <v>109</v>
      </c>
      <c r="AE39879">
        <v>110</v>
      </c>
      <c r="AF39879">
        <v>111</v>
      </c>
      <c r="AG39879">
        <v>112</v>
      </c>
      <c r="AH39879">
        <v>113</v>
      </c>
      <c r="AI39879">
        <v>114</v>
      </c>
      <c r="AJ39879">
        <v>114</v>
      </c>
      <c r="AK39879">
        <v>115</v>
      </c>
      <c r="AL39879">
        <v>116</v>
      </c>
      <c r="AM39879">
        <v>117</v>
      </c>
      <c r="AN39879">
        <v>118</v>
      </c>
      <c r="AO39879">
        <v>119</v>
      </c>
      <c r="AP39879">
        <v>120</v>
      </c>
      <c r="AQ39879">
        <v>120</v>
      </c>
    </row>
    <row r="39880" spans="1:43">
      <c r="A39880" t="s">
        <v>24717</v>
      </c>
      <c r="B39880" t="s">
        <v>24718</v>
      </c>
      <c r="C39880" t="s">
        <v>8342</v>
      </c>
      <c r="D39880" t="s">
        <v>8343</v>
      </c>
      <c r="E39880" t="s">
        <v>8296</v>
      </c>
      <c r="F39880" t="s">
        <v>8297</v>
      </c>
      <c r="G39880" t="s">
        <v>80</v>
      </c>
      <c r="H39880" t="s">
        <v>81</v>
      </c>
      <c r="I39880" s="2">
        <v>0</v>
      </c>
      <c r="J39880" s="2">
        <v>1</v>
      </c>
      <c r="K39880" s="2">
        <v>0</v>
      </c>
      <c r="L39880" t="s">
        <v>82</v>
      </c>
      <c r="M39880" t="s">
        <v>89</v>
      </c>
      <c r="N39880" t="s">
        <v>90</v>
      </c>
      <c r="O39880" t="s">
        <v>85</v>
      </c>
      <c r="P39880" t="s">
        <v>86</v>
      </c>
      <c r="Q39880">
        <v>97</v>
      </c>
      <c r="R39880">
        <v>99</v>
      </c>
      <c r="S39880">
        <v>102</v>
      </c>
      <c r="T39880">
        <v>105</v>
      </c>
      <c r="U39880">
        <v>108</v>
      </c>
      <c r="V39880">
        <v>110</v>
      </c>
      <c r="W39880">
        <v>113</v>
      </c>
      <c r="X39880">
        <v>115</v>
      </c>
      <c r="Y39880">
        <v>118</v>
      </c>
      <c r="Z39880">
        <v>120</v>
      </c>
      <c r="AA39880">
        <v>122</v>
      </c>
      <c r="AB39880">
        <v>125</v>
      </c>
      <c r="AC39880">
        <v>127</v>
      </c>
      <c r="AD39880">
        <v>130</v>
      </c>
      <c r="AE39880">
        <v>131</v>
      </c>
      <c r="AF39880">
        <v>132</v>
      </c>
      <c r="AG39880">
        <v>132</v>
      </c>
      <c r="AH39880">
        <v>133</v>
      </c>
      <c r="AI39880">
        <v>133</v>
      </c>
      <c r="AJ39880">
        <v>134</v>
      </c>
      <c r="AK39880">
        <v>134</v>
      </c>
      <c r="AL39880">
        <v>135</v>
      </c>
      <c r="AM39880">
        <v>135</v>
      </c>
      <c r="AN39880">
        <v>136</v>
      </c>
      <c r="AO39880">
        <v>136</v>
      </c>
      <c r="AP39880">
        <v>137</v>
      </c>
      <c r="AQ39880">
        <v>137</v>
      </c>
    </row>
    <row r="39881" spans="1:43">
      <c r="A39881" t="s">
        <v>24717</v>
      </c>
      <c r="B39881" t="s">
        <v>24718</v>
      </c>
      <c r="C39881" t="s">
        <v>8342</v>
      </c>
      <c r="D39881" t="s">
        <v>8343</v>
      </c>
      <c r="E39881" t="s">
        <v>8296</v>
      </c>
      <c r="F39881" t="s">
        <v>8297</v>
      </c>
      <c r="G39881" t="s">
        <v>80</v>
      </c>
      <c r="H39881" t="s">
        <v>81</v>
      </c>
      <c r="I39881" s="2">
        <v>0</v>
      </c>
      <c r="J39881" s="2">
        <v>1</v>
      </c>
      <c r="K39881" s="2">
        <v>0</v>
      </c>
      <c r="L39881" t="s">
        <v>82</v>
      </c>
      <c r="M39881" t="s">
        <v>83</v>
      </c>
      <c r="N39881" t="s">
        <v>91</v>
      </c>
      <c r="O39881" t="s">
        <v>85</v>
      </c>
      <c r="P39881" t="s">
        <v>86</v>
      </c>
      <c r="Q39881">
        <v>97</v>
      </c>
      <c r="R39881">
        <v>99</v>
      </c>
      <c r="S39881">
        <v>101</v>
      </c>
      <c r="T39881">
        <v>103</v>
      </c>
      <c r="U39881">
        <v>104</v>
      </c>
      <c r="V39881">
        <v>106</v>
      </c>
      <c r="W39881">
        <v>108</v>
      </c>
      <c r="X39881">
        <v>110</v>
      </c>
      <c r="Y39881">
        <v>112</v>
      </c>
      <c r="Z39881">
        <v>114</v>
      </c>
      <c r="AA39881">
        <v>116</v>
      </c>
      <c r="AB39881">
        <v>118</v>
      </c>
      <c r="AC39881">
        <v>120</v>
      </c>
      <c r="AD39881">
        <v>121</v>
      </c>
      <c r="AE39881">
        <v>123</v>
      </c>
      <c r="AF39881">
        <v>125</v>
      </c>
      <c r="AG39881">
        <v>127</v>
      </c>
      <c r="AH39881">
        <v>129</v>
      </c>
      <c r="AI39881">
        <v>131</v>
      </c>
      <c r="AJ39881">
        <v>132</v>
      </c>
      <c r="AK39881">
        <v>134</v>
      </c>
      <c r="AL39881">
        <v>135</v>
      </c>
      <c r="AM39881">
        <v>136</v>
      </c>
      <c r="AN39881">
        <v>136</v>
      </c>
      <c r="AO39881">
        <v>137</v>
      </c>
      <c r="AP39881">
        <v>137</v>
      </c>
      <c r="AQ39881">
        <v>138</v>
      </c>
    </row>
    <row r="39882" spans="1:43">
      <c r="A39882" t="s">
        <v>24719</v>
      </c>
      <c r="B39882" t="s">
        <v>24720</v>
      </c>
      <c r="C39882" t="s">
        <v>12841</v>
      </c>
      <c r="D39882" t="s">
        <v>12842</v>
      </c>
      <c r="E39882" t="s">
        <v>12580</v>
      </c>
      <c r="F39882" t="s">
        <v>12581</v>
      </c>
      <c r="G39882" t="s">
        <v>12582</v>
      </c>
      <c r="H39882" t="s">
        <v>12581</v>
      </c>
      <c r="I39882" s="2">
        <v>0.82</v>
      </c>
      <c r="J39882" s="2">
        <v>0</v>
      </c>
      <c r="K39882" s="2">
        <v>0</v>
      </c>
      <c r="L39882" t="s">
        <v>120</v>
      </c>
      <c r="M39882" t="s">
        <v>83</v>
      </c>
      <c r="N39882" t="s">
        <v>84</v>
      </c>
      <c r="O39882" t="s">
        <v>85</v>
      </c>
      <c r="P39882" t="s">
        <v>86</v>
      </c>
      <c r="Q39882">
        <v>20</v>
      </c>
      <c r="R39882">
        <v>20</v>
      </c>
      <c r="S39882">
        <v>20</v>
      </c>
      <c r="T39882">
        <v>21</v>
      </c>
      <c r="U39882">
        <v>21</v>
      </c>
      <c r="V39882">
        <v>21</v>
      </c>
      <c r="W39882">
        <v>22</v>
      </c>
      <c r="X39882">
        <v>22</v>
      </c>
      <c r="Y39882">
        <v>22</v>
      </c>
      <c r="Z39882">
        <v>23</v>
      </c>
      <c r="AA39882">
        <v>23</v>
      </c>
      <c r="AB39882">
        <v>23</v>
      </c>
      <c r="AC39882">
        <v>23</v>
      </c>
      <c r="AD39882">
        <v>24</v>
      </c>
      <c r="AE39882">
        <v>24</v>
      </c>
      <c r="AF39882">
        <v>24</v>
      </c>
      <c r="AG39882">
        <v>25</v>
      </c>
      <c r="AH39882">
        <v>25</v>
      </c>
      <c r="AI39882">
        <v>25</v>
      </c>
      <c r="AJ39882">
        <v>26</v>
      </c>
      <c r="AK39882">
        <v>26</v>
      </c>
      <c r="AL39882">
        <v>26</v>
      </c>
      <c r="AM39882">
        <v>26</v>
      </c>
      <c r="AN39882">
        <v>26</v>
      </c>
      <c r="AO39882">
        <v>26</v>
      </c>
      <c r="AP39882">
        <v>26</v>
      </c>
      <c r="AQ39882">
        <v>27</v>
      </c>
    </row>
    <row r="39883" spans="1:43">
      <c r="A39883" t="s">
        <v>24719</v>
      </c>
      <c r="B39883" t="s">
        <v>24720</v>
      </c>
      <c r="C39883" t="s">
        <v>12841</v>
      </c>
      <c r="D39883" t="s">
        <v>12842</v>
      </c>
      <c r="E39883" t="s">
        <v>12580</v>
      </c>
      <c r="F39883" t="s">
        <v>12581</v>
      </c>
      <c r="G39883" t="s">
        <v>12582</v>
      </c>
      <c r="H39883" t="s">
        <v>12581</v>
      </c>
      <c r="I39883" s="2">
        <v>0.82</v>
      </c>
      <c r="J39883" s="2">
        <v>0</v>
      </c>
      <c r="K39883" s="2">
        <v>0</v>
      </c>
      <c r="L39883" t="s">
        <v>120</v>
      </c>
      <c r="M39883" t="s">
        <v>87</v>
      </c>
      <c r="N39883" t="s">
        <v>88</v>
      </c>
      <c r="O39883" t="s">
        <v>85</v>
      </c>
      <c r="P39883" t="s">
        <v>86</v>
      </c>
      <c r="Q39883">
        <v>20</v>
      </c>
      <c r="R39883">
        <v>20</v>
      </c>
      <c r="S39883">
        <v>20</v>
      </c>
      <c r="T39883">
        <v>20</v>
      </c>
      <c r="U39883">
        <v>20</v>
      </c>
      <c r="V39883">
        <v>20</v>
      </c>
      <c r="W39883">
        <v>20</v>
      </c>
      <c r="X39883">
        <v>20</v>
      </c>
      <c r="Y39883">
        <v>21</v>
      </c>
      <c r="Z39883">
        <v>21</v>
      </c>
      <c r="AA39883">
        <v>21</v>
      </c>
      <c r="AB39883">
        <v>21</v>
      </c>
      <c r="AC39883">
        <v>21</v>
      </c>
      <c r="AD39883">
        <v>21</v>
      </c>
      <c r="AE39883">
        <v>21</v>
      </c>
      <c r="AF39883">
        <v>21</v>
      </c>
      <c r="AG39883">
        <v>22</v>
      </c>
      <c r="AH39883">
        <v>22</v>
      </c>
      <c r="AI39883">
        <v>22</v>
      </c>
      <c r="AJ39883">
        <v>22</v>
      </c>
      <c r="AK39883">
        <v>22</v>
      </c>
      <c r="AL39883">
        <v>22</v>
      </c>
      <c r="AM39883">
        <v>22</v>
      </c>
      <c r="AN39883">
        <v>23</v>
      </c>
      <c r="AO39883">
        <v>23</v>
      </c>
      <c r="AP39883">
        <v>23</v>
      </c>
      <c r="AQ39883">
        <v>23</v>
      </c>
    </row>
    <row r="39884" spans="1:43">
      <c r="A39884" t="s">
        <v>24719</v>
      </c>
      <c r="B39884" t="s">
        <v>24720</v>
      </c>
      <c r="C39884" t="s">
        <v>12841</v>
      </c>
      <c r="D39884" t="s">
        <v>12842</v>
      </c>
      <c r="E39884" t="s">
        <v>12580</v>
      </c>
      <c r="F39884" t="s">
        <v>12581</v>
      </c>
      <c r="G39884" t="s">
        <v>12582</v>
      </c>
      <c r="H39884" t="s">
        <v>12581</v>
      </c>
      <c r="I39884" s="2">
        <v>0.82</v>
      </c>
      <c r="J39884" s="2">
        <v>0</v>
      </c>
      <c r="K39884" s="2">
        <v>0</v>
      </c>
      <c r="L39884" t="s">
        <v>120</v>
      </c>
      <c r="M39884" t="s">
        <v>89</v>
      </c>
      <c r="N39884" t="s">
        <v>90</v>
      </c>
      <c r="O39884" t="s">
        <v>85</v>
      </c>
      <c r="P39884" t="s">
        <v>86</v>
      </c>
      <c r="Q39884">
        <v>20</v>
      </c>
      <c r="R39884">
        <v>20</v>
      </c>
      <c r="S39884">
        <v>21</v>
      </c>
      <c r="T39884">
        <v>21</v>
      </c>
      <c r="U39884">
        <v>22</v>
      </c>
      <c r="V39884">
        <v>22</v>
      </c>
      <c r="W39884">
        <v>23</v>
      </c>
      <c r="X39884">
        <v>23</v>
      </c>
      <c r="Y39884">
        <v>24</v>
      </c>
      <c r="Z39884">
        <v>24</v>
      </c>
      <c r="AA39884">
        <v>24</v>
      </c>
      <c r="AB39884">
        <v>25</v>
      </c>
      <c r="AC39884">
        <v>25</v>
      </c>
      <c r="AD39884">
        <v>26</v>
      </c>
      <c r="AE39884">
        <v>26</v>
      </c>
      <c r="AF39884">
        <v>26</v>
      </c>
      <c r="AG39884">
        <v>26</v>
      </c>
      <c r="AH39884">
        <v>26</v>
      </c>
      <c r="AI39884">
        <v>26</v>
      </c>
      <c r="AJ39884">
        <v>26</v>
      </c>
      <c r="AK39884">
        <v>26</v>
      </c>
      <c r="AL39884">
        <v>26</v>
      </c>
      <c r="AM39884">
        <v>26</v>
      </c>
      <c r="AN39884">
        <v>26</v>
      </c>
      <c r="AO39884">
        <v>27</v>
      </c>
      <c r="AP39884">
        <v>27</v>
      </c>
      <c r="AQ39884">
        <v>27</v>
      </c>
    </row>
    <row r="39885" spans="1:43">
      <c r="A39885" t="s">
        <v>24719</v>
      </c>
      <c r="B39885" t="s">
        <v>24720</v>
      </c>
      <c r="C39885" t="s">
        <v>12841</v>
      </c>
      <c r="D39885" t="s">
        <v>12842</v>
      </c>
      <c r="E39885" t="s">
        <v>12580</v>
      </c>
      <c r="F39885" t="s">
        <v>12581</v>
      </c>
      <c r="G39885" t="s">
        <v>12582</v>
      </c>
      <c r="H39885" t="s">
        <v>12581</v>
      </c>
      <c r="I39885" s="2">
        <v>0.82</v>
      </c>
      <c r="J39885" s="2">
        <v>0</v>
      </c>
      <c r="K39885" s="2">
        <v>0</v>
      </c>
      <c r="L39885" t="s">
        <v>120</v>
      </c>
      <c r="M39885" t="s">
        <v>83</v>
      </c>
      <c r="N39885" t="s">
        <v>91</v>
      </c>
      <c r="O39885" t="s">
        <v>85</v>
      </c>
      <c r="P39885" t="s">
        <v>86</v>
      </c>
      <c r="Q39885">
        <v>20</v>
      </c>
      <c r="R39885">
        <v>20</v>
      </c>
      <c r="S39885">
        <v>20</v>
      </c>
      <c r="T39885">
        <v>21</v>
      </c>
      <c r="U39885">
        <v>21</v>
      </c>
      <c r="V39885">
        <v>21</v>
      </c>
      <c r="W39885">
        <v>22</v>
      </c>
      <c r="X39885">
        <v>22</v>
      </c>
      <c r="Y39885">
        <v>22</v>
      </c>
      <c r="Z39885">
        <v>23</v>
      </c>
      <c r="AA39885">
        <v>23</v>
      </c>
      <c r="AB39885">
        <v>23</v>
      </c>
      <c r="AC39885">
        <v>23</v>
      </c>
      <c r="AD39885">
        <v>24</v>
      </c>
      <c r="AE39885">
        <v>24</v>
      </c>
      <c r="AF39885">
        <v>24</v>
      </c>
      <c r="AG39885">
        <v>25</v>
      </c>
      <c r="AH39885">
        <v>25</v>
      </c>
      <c r="AI39885">
        <v>25</v>
      </c>
      <c r="AJ39885">
        <v>26</v>
      </c>
      <c r="AK39885">
        <v>26</v>
      </c>
      <c r="AL39885">
        <v>26</v>
      </c>
      <c r="AM39885">
        <v>26</v>
      </c>
      <c r="AN39885">
        <v>26</v>
      </c>
      <c r="AO39885">
        <v>26</v>
      </c>
      <c r="AP39885">
        <v>26</v>
      </c>
      <c r="AQ39885">
        <v>27</v>
      </c>
    </row>
    <row r="39886" spans="1:43">
      <c r="A39886" t="s">
        <v>24721</v>
      </c>
      <c r="B39886" t="s">
        <v>24722</v>
      </c>
      <c r="C39886" t="s">
        <v>24723</v>
      </c>
      <c r="D39886" t="s">
        <v>24724</v>
      </c>
      <c r="E39886" t="s">
        <v>12580</v>
      </c>
      <c r="F39886" t="s">
        <v>12581</v>
      </c>
      <c r="G39886" t="s">
        <v>12582</v>
      </c>
      <c r="H39886" t="s">
        <v>12581</v>
      </c>
      <c r="I39886" s="2">
        <v>0</v>
      </c>
      <c r="J39886" s="2">
        <v>0</v>
      </c>
      <c r="K39886" s="2">
        <v>0</v>
      </c>
      <c r="L39886" t="s">
        <v>120</v>
      </c>
      <c r="M39886" t="s">
        <v>83</v>
      </c>
      <c r="N39886" t="s">
        <v>84</v>
      </c>
      <c r="O39886" t="s">
        <v>85</v>
      </c>
      <c r="P39886" t="s">
        <v>86</v>
      </c>
      <c r="Q39886">
        <v>0</v>
      </c>
      <c r="R39886">
        <v>0</v>
      </c>
      <c r="S39886">
        <v>0</v>
      </c>
      <c r="T39886">
        <v>0</v>
      </c>
      <c r="U39886">
        <v>0</v>
      </c>
      <c r="V39886">
        <v>0</v>
      </c>
      <c r="W39886">
        <v>0</v>
      </c>
      <c r="X39886">
        <v>0</v>
      </c>
      <c r="Y39886">
        <v>0</v>
      </c>
      <c r="Z39886">
        <v>0</v>
      </c>
      <c r="AA39886">
        <v>0</v>
      </c>
      <c r="AB39886">
        <v>0</v>
      </c>
      <c r="AC39886">
        <v>0</v>
      </c>
      <c r="AD39886">
        <v>0</v>
      </c>
      <c r="AE39886">
        <v>0</v>
      </c>
      <c r="AF39886">
        <v>0</v>
      </c>
      <c r="AG39886">
        <v>0</v>
      </c>
      <c r="AH39886">
        <v>0</v>
      </c>
      <c r="AI39886">
        <v>0</v>
      </c>
      <c r="AJ39886">
        <v>0</v>
      </c>
      <c r="AK39886">
        <v>0</v>
      </c>
      <c r="AL39886">
        <v>0</v>
      </c>
      <c r="AM39886">
        <v>0</v>
      </c>
      <c r="AN39886">
        <v>0</v>
      </c>
      <c r="AO39886">
        <v>0</v>
      </c>
      <c r="AP39886">
        <v>0</v>
      </c>
      <c r="AQ39886">
        <v>0</v>
      </c>
    </row>
    <row r="39887" spans="1:43">
      <c r="A39887" t="s">
        <v>24721</v>
      </c>
      <c r="B39887" t="s">
        <v>24722</v>
      </c>
      <c r="C39887" t="s">
        <v>24723</v>
      </c>
      <c r="D39887" t="s">
        <v>24724</v>
      </c>
      <c r="E39887" t="s">
        <v>12580</v>
      </c>
      <c r="F39887" t="s">
        <v>12581</v>
      </c>
      <c r="G39887" t="s">
        <v>12582</v>
      </c>
      <c r="H39887" t="s">
        <v>12581</v>
      </c>
      <c r="I39887" s="2">
        <v>0</v>
      </c>
      <c r="J39887" s="2">
        <v>0</v>
      </c>
      <c r="K39887" s="2">
        <v>0</v>
      </c>
      <c r="L39887" t="s">
        <v>120</v>
      </c>
      <c r="M39887" t="s">
        <v>87</v>
      </c>
      <c r="N39887" t="s">
        <v>88</v>
      </c>
      <c r="O39887" t="s">
        <v>85</v>
      </c>
      <c r="P39887" t="s">
        <v>86</v>
      </c>
      <c r="Q39887">
        <v>0</v>
      </c>
      <c r="R39887">
        <v>0</v>
      </c>
      <c r="S39887">
        <v>0</v>
      </c>
      <c r="T39887">
        <v>0</v>
      </c>
      <c r="U39887">
        <v>0</v>
      </c>
      <c r="V39887">
        <v>0</v>
      </c>
      <c r="W39887">
        <v>0</v>
      </c>
      <c r="X39887">
        <v>0</v>
      </c>
      <c r="Y39887">
        <v>0</v>
      </c>
      <c r="Z39887">
        <v>0</v>
      </c>
      <c r="AA39887">
        <v>0</v>
      </c>
      <c r="AB39887">
        <v>0</v>
      </c>
      <c r="AC39887">
        <v>0</v>
      </c>
      <c r="AD39887">
        <v>0</v>
      </c>
      <c r="AE39887">
        <v>0</v>
      </c>
      <c r="AF39887">
        <v>0</v>
      </c>
      <c r="AG39887">
        <v>0</v>
      </c>
      <c r="AH39887">
        <v>0</v>
      </c>
      <c r="AI39887">
        <v>0</v>
      </c>
      <c r="AJ39887">
        <v>0</v>
      </c>
      <c r="AK39887">
        <v>0</v>
      </c>
      <c r="AL39887">
        <v>0</v>
      </c>
      <c r="AM39887">
        <v>0</v>
      </c>
      <c r="AN39887">
        <v>0</v>
      </c>
      <c r="AO39887">
        <v>0</v>
      </c>
      <c r="AP39887">
        <v>0</v>
      </c>
      <c r="AQ39887">
        <v>0</v>
      </c>
    </row>
    <row r="39888" spans="1:43">
      <c r="A39888" t="s">
        <v>24721</v>
      </c>
      <c r="B39888" t="s">
        <v>24722</v>
      </c>
      <c r="C39888" t="s">
        <v>24723</v>
      </c>
      <c r="D39888" t="s">
        <v>24724</v>
      </c>
      <c r="E39888" t="s">
        <v>12580</v>
      </c>
      <c r="F39888" t="s">
        <v>12581</v>
      </c>
      <c r="G39888" t="s">
        <v>12582</v>
      </c>
      <c r="H39888" t="s">
        <v>12581</v>
      </c>
      <c r="I39888" s="2">
        <v>0</v>
      </c>
      <c r="J39888" s="2">
        <v>0</v>
      </c>
      <c r="K39888" s="2">
        <v>0</v>
      </c>
      <c r="L39888" t="s">
        <v>120</v>
      </c>
      <c r="M39888" t="s">
        <v>89</v>
      </c>
      <c r="N39888" t="s">
        <v>90</v>
      </c>
      <c r="O39888" t="s">
        <v>85</v>
      </c>
      <c r="P39888" t="s">
        <v>86</v>
      </c>
      <c r="Q39888">
        <v>0</v>
      </c>
      <c r="R39888">
        <v>0</v>
      </c>
      <c r="S39888">
        <v>0</v>
      </c>
      <c r="T39888">
        <v>0</v>
      </c>
      <c r="U39888">
        <v>0</v>
      </c>
      <c r="V39888">
        <v>0</v>
      </c>
      <c r="W39888">
        <v>0</v>
      </c>
      <c r="X39888">
        <v>0</v>
      </c>
      <c r="Y39888">
        <v>0</v>
      </c>
      <c r="Z39888">
        <v>0</v>
      </c>
      <c r="AA39888">
        <v>0</v>
      </c>
      <c r="AB39888">
        <v>0</v>
      </c>
      <c r="AC39888">
        <v>0</v>
      </c>
      <c r="AD39888">
        <v>0</v>
      </c>
      <c r="AE39888">
        <v>0</v>
      </c>
      <c r="AF39888">
        <v>0</v>
      </c>
      <c r="AG39888">
        <v>0</v>
      </c>
      <c r="AH39888">
        <v>0</v>
      </c>
      <c r="AI39888">
        <v>0</v>
      </c>
      <c r="AJ39888">
        <v>0</v>
      </c>
      <c r="AK39888">
        <v>0</v>
      </c>
      <c r="AL39888">
        <v>0</v>
      </c>
      <c r="AM39888">
        <v>0</v>
      </c>
      <c r="AN39888">
        <v>0</v>
      </c>
      <c r="AO39888">
        <v>0</v>
      </c>
      <c r="AP39888">
        <v>0</v>
      </c>
      <c r="AQ39888">
        <v>0</v>
      </c>
    </row>
    <row r="39889" spans="1:43">
      <c r="A39889" t="s">
        <v>24721</v>
      </c>
      <c r="B39889" t="s">
        <v>24722</v>
      </c>
      <c r="C39889" t="s">
        <v>24723</v>
      </c>
      <c r="D39889" t="s">
        <v>24724</v>
      </c>
      <c r="E39889" t="s">
        <v>12580</v>
      </c>
      <c r="F39889" t="s">
        <v>12581</v>
      </c>
      <c r="G39889" t="s">
        <v>12582</v>
      </c>
      <c r="H39889" t="s">
        <v>12581</v>
      </c>
      <c r="I39889" s="2">
        <v>0</v>
      </c>
      <c r="J39889" s="2">
        <v>0</v>
      </c>
      <c r="K39889" s="2">
        <v>0</v>
      </c>
      <c r="L39889" t="s">
        <v>120</v>
      </c>
      <c r="M39889" t="s">
        <v>83</v>
      </c>
      <c r="N39889" t="s">
        <v>91</v>
      </c>
      <c r="O39889" t="s">
        <v>85</v>
      </c>
      <c r="P39889" t="s">
        <v>86</v>
      </c>
      <c r="Q39889">
        <v>0</v>
      </c>
      <c r="R39889">
        <v>0</v>
      </c>
      <c r="S39889">
        <v>0</v>
      </c>
      <c r="T39889">
        <v>0</v>
      </c>
      <c r="U39889">
        <v>0</v>
      </c>
      <c r="V39889">
        <v>0</v>
      </c>
      <c r="W39889">
        <v>0</v>
      </c>
      <c r="X39889">
        <v>0</v>
      </c>
      <c r="Y39889">
        <v>0</v>
      </c>
      <c r="Z39889">
        <v>0</v>
      </c>
      <c r="AA39889">
        <v>0</v>
      </c>
      <c r="AB39889">
        <v>0</v>
      </c>
      <c r="AC39889">
        <v>0</v>
      </c>
      <c r="AD39889">
        <v>0</v>
      </c>
      <c r="AE39889">
        <v>0</v>
      </c>
      <c r="AF39889">
        <v>0</v>
      </c>
      <c r="AG39889">
        <v>0</v>
      </c>
      <c r="AH39889">
        <v>0</v>
      </c>
      <c r="AI39889">
        <v>0</v>
      </c>
      <c r="AJ39889">
        <v>0</v>
      </c>
      <c r="AK39889">
        <v>0</v>
      </c>
      <c r="AL39889">
        <v>0</v>
      </c>
      <c r="AM39889">
        <v>0</v>
      </c>
      <c r="AN39889">
        <v>0</v>
      </c>
      <c r="AO39889">
        <v>0</v>
      </c>
      <c r="AP39889">
        <v>0</v>
      </c>
      <c r="AQ39889">
        <v>0</v>
      </c>
    </row>
    <row r="39890" spans="1:43">
      <c r="A39890" t="s">
        <v>24725</v>
      </c>
      <c r="B39890" t="s">
        <v>24726</v>
      </c>
      <c r="C39890" t="s">
        <v>13079</v>
      </c>
      <c r="D39890" t="s">
        <v>13080</v>
      </c>
      <c r="E39890" t="s">
        <v>13063</v>
      </c>
      <c r="F39890" t="s">
        <v>13064</v>
      </c>
      <c r="G39890" t="s">
        <v>10214</v>
      </c>
      <c r="H39890" t="s">
        <v>10215</v>
      </c>
      <c r="I39890" s="2">
        <v>1</v>
      </c>
      <c r="J39890" s="2">
        <v>0</v>
      </c>
      <c r="K39890" s="2">
        <v>0</v>
      </c>
      <c r="L39890" t="s">
        <v>120</v>
      </c>
      <c r="M39890" t="s">
        <v>83</v>
      </c>
      <c r="N39890" t="s">
        <v>84</v>
      </c>
      <c r="O39890" t="s">
        <v>85</v>
      </c>
      <c r="P39890" t="s">
        <v>86</v>
      </c>
      <c r="Q39890">
        <v>36</v>
      </c>
      <c r="R39890">
        <v>37</v>
      </c>
      <c r="S39890">
        <v>38</v>
      </c>
      <c r="T39890">
        <v>39</v>
      </c>
      <c r="U39890">
        <v>40</v>
      </c>
      <c r="V39890">
        <v>41</v>
      </c>
      <c r="W39890">
        <v>42</v>
      </c>
      <c r="X39890">
        <v>43</v>
      </c>
      <c r="Y39890">
        <v>44</v>
      </c>
      <c r="Z39890">
        <v>45</v>
      </c>
      <c r="AA39890">
        <v>46</v>
      </c>
      <c r="AB39890">
        <v>47</v>
      </c>
      <c r="AC39890">
        <v>49</v>
      </c>
      <c r="AD39890">
        <v>50</v>
      </c>
      <c r="AE39890">
        <v>51</v>
      </c>
      <c r="AF39890">
        <v>52</v>
      </c>
      <c r="AG39890">
        <v>53</v>
      </c>
      <c r="AH39890">
        <v>55</v>
      </c>
      <c r="AI39890">
        <v>56</v>
      </c>
      <c r="AJ39890">
        <v>57</v>
      </c>
      <c r="AK39890">
        <v>59</v>
      </c>
      <c r="AL39890">
        <v>60</v>
      </c>
      <c r="AM39890">
        <v>60</v>
      </c>
      <c r="AN39890">
        <v>61</v>
      </c>
      <c r="AO39890">
        <v>62</v>
      </c>
      <c r="AP39890">
        <v>63</v>
      </c>
      <c r="AQ39890">
        <v>64</v>
      </c>
    </row>
    <row r="39891" spans="1:43">
      <c r="A39891" t="s">
        <v>24725</v>
      </c>
      <c r="B39891" t="s">
        <v>24726</v>
      </c>
      <c r="C39891" t="s">
        <v>13079</v>
      </c>
      <c r="D39891" t="s">
        <v>13080</v>
      </c>
      <c r="E39891" t="s">
        <v>13063</v>
      </c>
      <c r="F39891" t="s">
        <v>13064</v>
      </c>
      <c r="G39891" t="s">
        <v>10214</v>
      </c>
      <c r="H39891" t="s">
        <v>10215</v>
      </c>
      <c r="I39891" s="2">
        <v>1</v>
      </c>
      <c r="J39891" s="2">
        <v>0</v>
      </c>
      <c r="K39891" s="2">
        <v>0</v>
      </c>
      <c r="L39891" t="s">
        <v>120</v>
      </c>
      <c r="M39891" t="s">
        <v>87</v>
      </c>
      <c r="N39891" t="s">
        <v>88</v>
      </c>
      <c r="O39891" t="s">
        <v>85</v>
      </c>
      <c r="P39891" t="s">
        <v>86</v>
      </c>
      <c r="Q39891">
        <v>36</v>
      </c>
      <c r="R39891">
        <v>37</v>
      </c>
      <c r="S39891">
        <v>38</v>
      </c>
      <c r="T39891">
        <v>38</v>
      </c>
      <c r="U39891">
        <v>39</v>
      </c>
      <c r="V39891">
        <v>40</v>
      </c>
      <c r="W39891">
        <v>40</v>
      </c>
      <c r="X39891">
        <v>41</v>
      </c>
      <c r="Y39891">
        <v>42</v>
      </c>
      <c r="Z39891">
        <v>42</v>
      </c>
      <c r="AA39891">
        <v>43</v>
      </c>
      <c r="AB39891">
        <v>44</v>
      </c>
      <c r="AC39891">
        <v>45</v>
      </c>
      <c r="AD39891">
        <v>45</v>
      </c>
      <c r="AE39891">
        <v>46</v>
      </c>
      <c r="AF39891">
        <v>47</v>
      </c>
      <c r="AG39891">
        <v>48</v>
      </c>
      <c r="AH39891">
        <v>48</v>
      </c>
      <c r="AI39891">
        <v>49</v>
      </c>
      <c r="AJ39891">
        <v>50</v>
      </c>
      <c r="AK39891">
        <v>51</v>
      </c>
      <c r="AL39891">
        <v>52</v>
      </c>
      <c r="AM39891">
        <v>53</v>
      </c>
      <c r="AN39891">
        <v>54</v>
      </c>
      <c r="AO39891">
        <v>54</v>
      </c>
      <c r="AP39891">
        <v>55</v>
      </c>
      <c r="AQ39891">
        <v>56</v>
      </c>
    </row>
    <row r="39892" spans="1:43">
      <c r="A39892" t="s">
        <v>24725</v>
      </c>
      <c r="B39892" t="s">
        <v>24726</v>
      </c>
      <c r="C39892" t="s">
        <v>13079</v>
      </c>
      <c r="D39892" t="s">
        <v>13080</v>
      </c>
      <c r="E39892" t="s">
        <v>13063</v>
      </c>
      <c r="F39892" t="s">
        <v>13064</v>
      </c>
      <c r="G39892" t="s">
        <v>10214</v>
      </c>
      <c r="H39892" t="s">
        <v>10215</v>
      </c>
      <c r="I39892" s="2">
        <v>1</v>
      </c>
      <c r="J39892" s="2">
        <v>0</v>
      </c>
      <c r="K39892" s="2">
        <v>0</v>
      </c>
      <c r="L39892" t="s">
        <v>120</v>
      </c>
      <c r="M39892" t="s">
        <v>89</v>
      </c>
      <c r="N39892" t="s">
        <v>90</v>
      </c>
      <c r="O39892" t="s">
        <v>85</v>
      </c>
      <c r="P39892" t="s">
        <v>86</v>
      </c>
      <c r="Q39892">
        <v>36</v>
      </c>
      <c r="R39892">
        <v>37</v>
      </c>
      <c r="S39892">
        <v>39</v>
      </c>
      <c r="T39892">
        <v>40</v>
      </c>
      <c r="U39892">
        <v>41</v>
      </c>
      <c r="V39892">
        <v>43</v>
      </c>
      <c r="W39892">
        <v>44</v>
      </c>
      <c r="X39892">
        <v>45</v>
      </c>
      <c r="Y39892">
        <v>47</v>
      </c>
      <c r="Z39892">
        <v>48</v>
      </c>
      <c r="AA39892">
        <v>49</v>
      </c>
      <c r="AB39892">
        <v>51</v>
      </c>
      <c r="AC39892">
        <v>52</v>
      </c>
      <c r="AD39892">
        <v>53</v>
      </c>
      <c r="AE39892">
        <v>55</v>
      </c>
      <c r="AF39892">
        <v>55</v>
      </c>
      <c r="AG39892">
        <v>56</v>
      </c>
      <c r="AH39892">
        <v>57</v>
      </c>
      <c r="AI39892">
        <v>58</v>
      </c>
      <c r="AJ39892">
        <v>59</v>
      </c>
      <c r="AK39892">
        <v>59</v>
      </c>
      <c r="AL39892">
        <v>60</v>
      </c>
      <c r="AM39892">
        <v>61</v>
      </c>
      <c r="AN39892">
        <v>62</v>
      </c>
      <c r="AO39892">
        <v>63</v>
      </c>
      <c r="AP39892">
        <v>64</v>
      </c>
      <c r="AQ39892">
        <v>65</v>
      </c>
    </row>
    <row r="39893" spans="1:43">
      <c r="A39893" t="s">
        <v>24725</v>
      </c>
      <c r="B39893" t="s">
        <v>24726</v>
      </c>
      <c r="C39893" t="s">
        <v>13079</v>
      </c>
      <c r="D39893" t="s">
        <v>13080</v>
      </c>
      <c r="E39893" t="s">
        <v>13063</v>
      </c>
      <c r="F39893" t="s">
        <v>13064</v>
      </c>
      <c r="G39893" t="s">
        <v>10214</v>
      </c>
      <c r="H39893" t="s">
        <v>10215</v>
      </c>
      <c r="I39893" s="2">
        <v>1</v>
      </c>
      <c r="J39893" s="2">
        <v>0</v>
      </c>
      <c r="K39893" s="2">
        <v>0</v>
      </c>
      <c r="L39893" t="s">
        <v>120</v>
      </c>
      <c r="M39893" t="s">
        <v>83</v>
      </c>
      <c r="N39893" t="s">
        <v>91</v>
      </c>
      <c r="O39893" t="s">
        <v>85</v>
      </c>
      <c r="P39893" t="s">
        <v>86</v>
      </c>
      <c r="Q39893">
        <v>36</v>
      </c>
      <c r="R39893">
        <v>37</v>
      </c>
      <c r="S39893">
        <v>38</v>
      </c>
      <c r="T39893">
        <v>39</v>
      </c>
      <c r="U39893">
        <v>40</v>
      </c>
      <c r="V39893">
        <v>41</v>
      </c>
      <c r="W39893">
        <v>42</v>
      </c>
      <c r="X39893">
        <v>43</v>
      </c>
      <c r="Y39893">
        <v>44</v>
      </c>
      <c r="Z39893">
        <v>45</v>
      </c>
      <c r="AA39893">
        <v>46</v>
      </c>
      <c r="AB39893">
        <v>47</v>
      </c>
      <c r="AC39893">
        <v>49</v>
      </c>
      <c r="AD39893">
        <v>50</v>
      </c>
      <c r="AE39893">
        <v>51</v>
      </c>
      <c r="AF39893">
        <v>52</v>
      </c>
      <c r="AG39893">
        <v>53</v>
      </c>
      <c r="AH39893">
        <v>55</v>
      </c>
      <c r="AI39893">
        <v>56</v>
      </c>
      <c r="AJ39893">
        <v>57</v>
      </c>
      <c r="AK39893">
        <v>59</v>
      </c>
      <c r="AL39893">
        <v>60</v>
      </c>
      <c r="AM39893">
        <v>60</v>
      </c>
      <c r="AN39893">
        <v>61</v>
      </c>
      <c r="AO39893">
        <v>62</v>
      </c>
      <c r="AP39893">
        <v>63</v>
      </c>
      <c r="AQ39893">
        <v>64</v>
      </c>
    </row>
    <row r="39894" spans="1:43">
      <c r="A39894" t="s">
        <v>24727</v>
      </c>
      <c r="B39894" t="s">
        <v>24728</v>
      </c>
      <c r="C39894" t="s">
        <v>21685</v>
      </c>
      <c r="D39894" t="s">
        <v>21686</v>
      </c>
      <c r="E39894" t="s">
        <v>21687</v>
      </c>
      <c r="F39894" t="s">
        <v>21688</v>
      </c>
      <c r="G39894" t="s">
        <v>20255</v>
      </c>
      <c r="H39894" t="s">
        <v>20256</v>
      </c>
      <c r="I39894" s="2">
        <v>1</v>
      </c>
      <c r="J39894" s="2">
        <v>0</v>
      </c>
      <c r="K39894" s="2">
        <v>0</v>
      </c>
      <c r="L39894" t="s">
        <v>120</v>
      </c>
      <c r="M39894" t="s">
        <v>83</v>
      </c>
      <c r="N39894" t="s">
        <v>84</v>
      </c>
      <c r="O39894" t="s">
        <v>85</v>
      </c>
      <c r="P39894" t="s">
        <v>86</v>
      </c>
      <c r="Q39894">
        <v>41</v>
      </c>
      <c r="R39894">
        <v>42</v>
      </c>
      <c r="S39894">
        <v>42</v>
      </c>
      <c r="T39894">
        <v>43</v>
      </c>
      <c r="U39894">
        <v>43</v>
      </c>
      <c r="V39894">
        <v>44</v>
      </c>
      <c r="W39894">
        <v>44</v>
      </c>
      <c r="X39894">
        <v>45</v>
      </c>
      <c r="Y39894">
        <v>45</v>
      </c>
      <c r="Z39894">
        <v>46</v>
      </c>
      <c r="AA39894">
        <v>46</v>
      </c>
      <c r="AB39894">
        <v>47</v>
      </c>
      <c r="AC39894">
        <v>47</v>
      </c>
      <c r="AD39894">
        <v>48</v>
      </c>
      <c r="AE39894">
        <v>48</v>
      </c>
      <c r="AF39894">
        <v>49</v>
      </c>
      <c r="AG39894">
        <v>49</v>
      </c>
      <c r="AH39894">
        <v>50</v>
      </c>
      <c r="AI39894">
        <v>50</v>
      </c>
      <c r="AJ39894">
        <v>51</v>
      </c>
      <c r="AK39894">
        <v>51</v>
      </c>
      <c r="AL39894">
        <v>51</v>
      </c>
      <c r="AM39894">
        <v>52</v>
      </c>
      <c r="AN39894">
        <v>52</v>
      </c>
      <c r="AO39894">
        <v>52</v>
      </c>
      <c r="AP39894">
        <v>52</v>
      </c>
      <c r="AQ39894">
        <v>52</v>
      </c>
    </row>
    <row r="39895" spans="1:43">
      <c r="A39895" t="s">
        <v>24727</v>
      </c>
      <c r="B39895" t="s">
        <v>24728</v>
      </c>
      <c r="C39895" t="s">
        <v>21685</v>
      </c>
      <c r="D39895" t="s">
        <v>21686</v>
      </c>
      <c r="E39895" t="s">
        <v>21687</v>
      </c>
      <c r="F39895" t="s">
        <v>21688</v>
      </c>
      <c r="G39895" t="s">
        <v>20255</v>
      </c>
      <c r="H39895" t="s">
        <v>20256</v>
      </c>
      <c r="I39895" s="2">
        <v>1</v>
      </c>
      <c r="J39895" s="2">
        <v>0</v>
      </c>
      <c r="K39895" s="2">
        <v>0</v>
      </c>
      <c r="L39895" t="s">
        <v>120</v>
      </c>
      <c r="M39895" t="s">
        <v>87</v>
      </c>
      <c r="N39895" t="s">
        <v>88</v>
      </c>
      <c r="O39895" t="s">
        <v>85</v>
      </c>
      <c r="P39895" t="s">
        <v>86</v>
      </c>
      <c r="Q39895">
        <v>41</v>
      </c>
      <c r="R39895">
        <v>41</v>
      </c>
      <c r="S39895">
        <v>41</v>
      </c>
      <c r="T39895">
        <v>41</v>
      </c>
      <c r="U39895">
        <v>41</v>
      </c>
      <c r="V39895">
        <v>41</v>
      </c>
      <c r="W39895">
        <v>42</v>
      </c>
      <c r="X39895">
        <v>42</v>
      </c>
      <c r="Y39895">
        <v>42</v>
      </c>
      <c r="Z39895">
        <v>42</v>
      </c>
      <c r="AA39895">
        <v>42</v>
      </c>
      <c r="AB39895">
        <v>42</v>
      </c>
      <c r="AC39895">
        <v>42</v>
      </c>
      <c r="AD39895">
        <v>43</v>
      </c>
      <c r="AE39895">
        <v>43</v>
      </c>
      <c r="AF39895">
        <v>43</v>
      </c>
      <c r="AG39895">
        <v>43</v>
      </c>
      <c r="AH39895">
        <v>43</v>
      </c>
      <c r="AI39895">
        <v>43</v>
      </c>
      <c r="AJ39895">
        <v>44</v>
      </c>
      <c r="AK39895">
        <v>44</v>
      </c>
      <c r="AL39895">
        <v>44</v>
      </c>
      <c r="AM39895">
        <v>44</v>
      </c>
      <c r="AN39895">
        <v>44</v>
      </c>
      <c r="AO39895">
        <v>45</v>
      </c>
      <c r="AP39895">
        <v>45</v>
      </c>
      <c r="AQ39895">
        <v>45</v>
      </c>
    </row>
    <row r="39896" spans="1:43">
      <c r="A39896" t="s">
        <v>24727</v>
      </c>
      <c r="B39896" t="s">
        <v>24728</v>
      </c>
      <c r="C39896" t="s">
        <v>21685</v>
      </c>
      <c r="D39896" t="s">
        <v>21686</v>
      </c>
      <c r="E39896" t="s">
        <v>21687</v>
      </c>
      <c r="F39896" t="s">
        <v>21688</v>
      </c>
      <c r="G39896" t="s">
        <v>20255</v>
      </c>
      <c r="H39896" t="s">
        <v>20256</v>
      </c>
      <c r="I39896" s="2">
        <v>1</v>
      </c>
      <c r="J39896" s="2">
        <v>0</v>
      </c>
      <c r="K39896" s="2">
        <v>0</v>
      </c>
      <c r="L39896" t="s">
        <v>120</v>
      </c>
      <c r="M39896" t="s">
        <v>89</v>
      </c>
      <c r="N39896" t="s">
        <v>90</v>
      </c>
      <c r="O39896" t="s">
        <v>85</v>
      </c>
      <c r="P39896" t="s">
        <v>86</v>
      </c>
      <c r="Q39896">
        <v>41</v>
      </c>
      <c r="R39896">
        <v>41</v>
      </c>
      <c r="S39896">
        <v>42</v>
      </c>
      <c r="T39896">
        <v>43</v>
      </c>
      <c r="U39896">
        <v>44</v>
      </c>
      <c r="V39896">
        <v>45</v>
      </c>
      <c r="W39896">
        <v>45</v>
      </c>
      <c r="X39896">
        <v>46</v>
      </c>
      <c r="Y39896">
        <v>47</v>
      </c>
      <c r="Z39896">
        <v>47</v>
      </c>
      <c r="AA39896">
        <v>48</v>
      </c>
      <c r="AB39896">
        <v>49</v>
      </c>
      <c r="AC39896">
        <v>49</v>
      </c>
      <c r="AD39896">
        <v>50</v>
      </c>
      <c r="AE39896">
        <v>51</v>
      </c>
      <c r="AF39896">
        <v>51</v>
      </c>
      <c r="AG39896">
        <v>51</v>
      </c>
      <c r="AH39896">
        <v>51</v>
      </c>
      <c r="AI39896">
        <v>51</v>
      </c>
      <c r="AJ39896">
        <v>51</v>
      </c>
      <c r="AK39896">
        <v>51</v>
      </c>
      <c r="AL39896">
        <v>51</v>
      </c>
      <c r="AM39896">
        <v>51</v>
      </c>
      <c r="AN39896">
        <v>52</v>
      </c>
      <c r="AO39896">
        <v>52</v>
      </c>
      <c r="AP39896">
        <v>52</v>
      </c>
      <c r="AQ39896">
        <v>52</v>
      </c>
    </row>
    <row r="39897" spans="1:43">
      <c r="A39897" t="s">
        <v>24727</v>
      </c>
      <c r="B39897" t="s">
        <v>24728</v>
      </c>
      <c r="C39897" t="s">
        <v>21685</v>
      </c>
      <c r="D39897" t="s">
        <v>21686</v>
      </c>
      <c r="E39897" t="s">
        <v>21687</v>
      </c>
      <c r="F39897" t="s">
        <v>21688</v>
      </c>
      <c r="G39897" t="s">
        <v>20255</v>
      </c>
      <c r="H39897" t="s">
        <v>20256</v>
      </c>
      <c r="I39897" s="2">
        <v>1</v>
      </c>
      <c r="J39897" s="2">
        <v>0</v>
      </c>
      <c r="K39897" s="2">
        <v>0</v>
      </c>
      <c r="L39897" t="s">
        <v>120</v>
      </c>
      <c r="M39897" t="s">
        <v>83</v>
      </c>
      <c r="N39897" t="s">
        <v>91</v>
      </c>
      <c r="O39897" t="s">
        <v>85</v>
      </c>
      <c r="P39897" t="s">
        <v>86</v>
      </c>
      <c r="Q39897">
        <v>41</v>
      </c>
      <c r="R39897">
        <v>42</v>
      </c>
      <c r="S39897">
        <v>42</v>
      </c>
      <c r="T39897">
        <v>43</v>
      </c>
      <c r="U39897">
        <v>43</v>
      </c>
      <c r="V39897">
        <v>44</v>
      </c>
      <c r="W39897">
        <v>44</v>
      </c>
      <c r="X39897">
        <v>45</v>
      </c>
      <c r="Y39897">
        <v>45</v>
      </c>
      <c r="Z39897">
        <v>46</v>
      </c>
      <c r="AA39897">
        <v>46</v>
      </c>
      <c r="AB39897">
        <v>47</v>
      </c>
      <c r="AC39897">
        <v>47</v>
      </c>
      <c r="AD39897">
        <v>48</v>
      </c>
      <c r="AE39897">
        <v>48</v>
      </c>
      <c r="AF39897">
        <v>49</v>
      </c>
      <c r="AG39897">
        <v>49</v>
      </c>
      <c r="AH39897">
        <v>50</v>
      </c>
      <c r="AI39897">
        <v>50</v>
      </c>
      <c r="AJ39897">
        <v>51</v>
      </c>
      <c r="AK39897">
        <v>51</v>
      </c>
      <c r="AL39897">
        <v>51</v>
      </c>
      <c r="AM39897">
        <v>52</v>
      </c>
      <c r="AN39897">
        <v>52</v>
      </c>
      <c r="AO39897">
        <v>52</v>
      </c>
      <c r="AP39897">
        <v>52</v>
      </c>
      <c r="AQ39897">
        <v>52</v>
      </c>
    </row>
    <row r="39898" spans="1:43">
      <c r="A39898" t="s">
        <v>24729</v>
      </c>
      <c r="B39898" t="s">
        <v>24730</v>
      </c>
      <c r="C39898" t="s">
        <v>19201</v>
      </c>
      <c r="D39898" t="s">
        <v>19202</v>
      </c>
      <c r="E39898" t="s">
        <v>19203</v>
      </c>
      <c r="F39898" t="s">
        <v>19204</v>
      </c>
      <c r="G39898" t="s">
        <v>10734</v>
      </c>
      <c r="H39898" t="s">
        <v>10735</v>
      </c>
      <c r="I39898" s="2">
        <v>0</v>
      </c>
      <c r="J39898" s="2">
        <v>0</v>
      </c>
      <c r="K39898" s="2">
        <v>1</v>
      </c>
      <c r="L39898" t="s">
        <v>995</v>
      </c>
      <c r="M39898" t="s">
        <v>83</v>
      </c>
      <c r="N39898" t="s">
        <v>84</v>
      </c>
      <c r="O39898" t="s">
        <v>85</v>
      </c>
      <c r="P39898" t="s">
        <v>86</v>
      </c>
      <c r="Q39898">
        <v>34</v>
      </c>
      <c r="R39898">
        <v>34</v>
      </c>
      <c r="S39898">
        <v>35</v>
      </c>
      <c r="T39898">
        <v>35</v>
      </c>
      <c r="U39898">
        <v>36</v>
      </c>
      <c r="V39898">
        <v>36</v>
      </c>
      <c r="W39898">
        <v>36</v>
      </c>
      <c r="X39898">
        <v>37</v>
      </c>
      <c r="Y39898">
        <v>37</v>
      </c>
      <c r="Z39898">
        <v>37</v>
      </c>
      <c r="AA39898">
        <v>38</v>
      </c>
      <c r="AB39898">
        <v>38</v>
      </c>
      <c r="AC39898">
        <v>38</v>
      </c>
      <c r="AD39898">
        <v>38</v>
      </c>
      <c r="AE39898">
        <v>39</v>
      </c>
      <c r="AF39898">
        <v>39</v>
      </c>
      <c r="AG39898">
        <v>39</v>
      </c>
      <c r="AH39898">
        <v>39</v>
      </c>
      <c r="AI39898">
        <v>40</v>
      </c>
      <c r="AJ39898">
        <v>40</v>
      </c>
      <c r="AK39898">
        <v>40</v>
      </c>
      <c r="AL39898">
        <v>40</v>
      </c>
      <c r="AM39898">
        <v>40</v>
      </c>
      <c r="AN39898">
        <v>40</v>
      </c>
      <c r="AO39898">
        <v>40</v>
      </c>
      <c r="AP39898">
        <v>40</v>
      </c>
      <c r="AQ39898">
        <v>39</v>
      </c>
    </row>
    <row r="39899" spans="1:43">
      <c r="A39899" t="s">
        <v>24729</v>
      </c>
      <c r="B39899" t="s">
        <v>24730</v>
      </c>
      <c r="C39899" t="s">
        <v>19201</v>
      </c>
      <c r="D39899" t="s">
        <v>19202</v>
      </c>
      <c r="E39899" t="s">
        <v>19203</v>
      </c>
      <c r="F39899" t="s">
        <v>19204</v>
      </c>
      <c r="G39899" t="s">
        <v>10734</v>
      </c>
      <c r="H39899" t="s">
        <v>10735</v>
      </c>
      <c r="I39899" s="2">
        <v>0</v>
      </c>
      <c r="J39899" s="2">
        <v>0</v>
      </c>
      <c r="K39899" s="2">
        <v>1</v>
      </c>
      <c r="L39899" t="s">
        <v>995</v>
      </c>
      <c r="M39899" t="s">
        <v>87</v>
      </c>
      <c r="N39899" t="s">
        <v>88</v>
      </c>
      <c r="O39899" t="s">
        <v>85</v>
      </c>
      <c r="P39899" t="s">
        <v>86</v>
      </c>
      <c r="Q39899">
        <v>34</v>
      </c>
      <c r="R39899">
        <v>34</v>
      </c>
      <c r="S39899">
        <v>34</v>
      </c>
      <c r="T39899">
        <v>34</v>
      </c>
      <c r="U39899">
        <v>34</v>
      </c>
      <c r="V39899">
        <v>34</v>
      </c>
      <c r="W39899">
        <v>34</v>
      </c>
      <c r="X39899">
        <v>34</v>
      </c>
      <c r="Y39899">
        <v>34</v>
      </c>
      <c r="Z39899">
        <v>34</v>
      </c>
      <c r="AA39899">
        <v>34</v>
      </c>
      <c r="AB39899">
        <v>34</v>
      </c>
      <c r="AC39899">
        <v>34</v>
      </c>
      <c r="AD39899">
        <v>34</v>
      </c>
      <c r="AE39899">
        <v>34</v>
      </c>
      <c r="AF39899">
        <v>34</v>
      </c>
      <c r="AG39899">
        <v>34</v>
      </c>
      <c r="AH39899">
        <v>34</v>
      </c>
      <c r="AI39899">
        <v>34</v>
      </c>
      <c r="AJ39899">
        <v>34</v>
      </c>
      <c r="AK39899">
        <v>34</v>
      </c>
      <c r="AL39899">
        <v>34</v>
      </c>
      <c r="AM39899">
        <v>34</v>
      </c>
      <c r="AN39899">
        <v>34</v>
      </c>
      <c r="AO39899">
        <v>34</v>
      </c>
      <c r="AP39899">
        <v>34</v>
      </c>
      <c r="AQ39899">
        <v>34</v>
      </c>
    </row>
    <row r="39900" spans="1:43">
      <c r="A39900" t="s">
        <v>24729</v>
      </c>
      <c r="B39900" t="s">
        <v>24730</v>
      </c>
      <c r="C39900" t="s">
        <v>19201</v>
      </c>
      <c r="D39900" t="s">
        <v>19202</v>
      </c>
      <c r="E39900" t="s">
        <v>19203</v>
      </c>
      <c r="F39900" t="s">
        <v>19204</v>
      </c>
      <c r="G39900" t="s">
        <v>10734</v>
      </c>
      <c r="H39900" t="s">
        <v>10735</v>
      </c>
      <c r="I39900" s="2">
        <v>0</v>
      </c>
      <c r="J39900" s="2">
        <v>0</v>
      </c>
      <c r="K39900" s="2">
        <v>1</v>
      </c>
      <c r="L39900" t="s">
        <v>995</v>
      </c>
      <c r="M39900" t="s">
        <v>89</v>
      </c>
      <c r="N39900" t="s">
        <v>90</v>
      </c>
      <c r="O39900" t="s">
        <v>85</v>
      </c>
      <c r="P39900" t="s">
        <v>86</v>
      </c>
      <c r="Q39900">
        <v>34</v>
      </c>
      <c r="R39900">
        <v>35</v>
      </c>
      <c r="S39900">
        <v>36</v>
      </c>
      <c r="T39900">
        <v>36</v>
      </c>
      <c r="U39900">
        <v>37</v>
      </c>
      <c r="V39900">
        <v>37</v>
      </c>
      <c r="W39900">
        <v>38</v>
      </c>
      <c r="X39900">
        <v>39</v>
      </c>
      <c r="Y39900">
        <v>39</v>
      </c>
      <c r="Z39900">
        <v>40</v>
      </c>
      <c r="AA39900">
        <v>40</v>
      </c>
      <c r="AB39900">
        <v>40</v>
      </c>
      <c r="AC39900">
        <v>41</v>
      </c>
      <c r="AD39900">
        <v>41</v>
      </c>
      <c r="AE39900">
        <v>41</v>
      </c>
      <c r="AF39900">
        <v>41</v>
      </c>
      <c r="AG39900">
        <v>41</v>
      </c>
      <c r="AH39900">
        <v>41</v>
      </c>
      <c r="AI39900">
        <v>41</v>
      </c>
      <c r="AJ39900">
        <v>41</v>
      </c>
      <c r="AK39900">
        <v>41</v>
      </c>
      <c r="AL39900">
        <v>41</v>
      </c>
      <c r="AM39900">
        <v>40</v>
      </c>
      <c r="AN39900">
        <v>40</v>
      </c>
      <c r="AO39900">
        <v>40</v>
      </c>
      <c r="AP39900">
        <v>40</v>
      </c>
      <c r="AQ39900">
        <v>40</v>
      </c>
    </row>
    <row r="39901" spans="1:43">
      <c r="A39901" t="s">
        <v>24729</v>
      </c>
      <c r="B39901" t="s">
        <v>24730</v>
      </c>
      <c r="C39901" t="s">
        <v>19201</v>
      </c>
      <c r="D39901" t="s">
        <v>19202</v>
      </c>
      <c r="E39901" t="s">
        <v>19203</v>
      </c>
      <c r="F39901" t="s">
        <v>19204</v>
      </c>
      <c r="G39901" t="s">
        <v>10734</v>
      </c>
      <c r="H39901" t="s">
        <v>10735</v>
      </c>
      <c r="I39901" s="2">
        <v>0</v>
      </c>
      <c r="J39901" s="2">
        <v>0</v>
      </c>
      <c r="K39901" s="2">
        <v>1</v>
      </c>
      <c r="L39901" t="s">
        <v>995</v>
      </c>
      <c r="M39901" t="s">
        <v>83</v>
      </c>
      <c r="N39901" t="s">
        <v>91</v>
      </c>
      <c r="O39901" t="s">
        <v>85</v>
      </c>
      <c r="P39901" t="s">
        <v>86</v>
      </c>
      <c r="Q39901">
        <v>34</v>
      </c>
      <c r="R39901">
        <v>34</v>
      </c>
      <c r="S39901">
        <v>35</v>
      </c>
      <c r="T39901">
        <v>35</v>
      </c>
      <c r="U39901">
        <v>36</v>
      </c>
      <c r="V39901">
        <v>36</v>
      </c>
      <c r="W39901">
        <v>36</v>
      </c>
      <c r="X39901">
        <v>37</v>
      </c>
      <c r="Y39901">
        <v>37</v>
      </c>
      <c r="Z39901">
        <v>37</v>
      </c>
      <c r="AA39901">
        <v>38</v>
      </c>
      <c r="AB39901">
        <v>38</v>
      </c>
      <c r="AC39901">
        <v>38</v>
      </c>
      <c r="AD39901">
        <v>38</v>
      </c>
      <c r="AE39901">
        <v>39</v>
      </c>
      <c r="AF39901">
        <v>39</v>
      </c>
      <c r="AG39901">
        <v>39</v>
      </c>
      <c r="AH39901">
        <v>39</v>
      </c>
      <c r="AI39901">
        <v>40</v>
      </c>
      <c r="AJ39901">
        <v>40</v>
      </c>
      <c r="AK39901">
        <v>40</v>
      </c>
      <c r="AL39901">
        <v>40</v>
      </c>
      <c r="AM39901">
        <v>40</v>
      </c>
      <c r="AN39901">
        <v>40</v>
      </c>
      <c r="AO39901">
        <v>40</v>
      </c>
      <c r="AP39901">
        <v>40</v>
      </c>
      <c r="AQ39901">
        <v>39</v>
      </c>
    </row>
    <row r="39902" spans="1:43">
      <c r="A39902" t="s">
        <v>24731</v>
      </c>
      <c r="B39902" t="s">
        <v>24732</v>
      </c>
      <c r="C39902" t="s">
        <v>19975</v>
      </c>
      <c r="D39902" t="s">
        <v>19976</v>
      </c>
      <c r="E39902" t="s">
        <v>19921</v>
      </c>
      <c r="F39902" t="s">
        <v>19922</v>
      </c>
      <c r="G39902" t="s">
        <v>10734</v>
      </c>
      <c r="H39902" t="s">
        <v>10735</v>
      </c>
      <c r="I39902" s="2">
        <v>0</v>
      </c>
      <c r="J39902" s="2">
        <v>0</v>
      </c>
      <c r="K39902" s="2">
        <v>1</v>
      </c>
      <c r="L39902" t="s">
        <v>995</v>
      </c>
      <c r="M39902" t="s">
        <v>83</v>
      </c>
      <c r="N39902" t="s">
        <v>84</v>
      </c>
      <c r="O39902" t="s">
        <v>85</v>
      </c>
      <c r="P39902" t="s">
        <v>86</v>
      </c>
      <c r="Q39902">
        <v>59</v>
      </c>
      <c r="R39902">
        <v>61</v>
      </c>
      <c r="S39902">
        <v>62</v>
      </c>
      <c r="T39902">
        <v>63</v>
      </c>
      <c r="U39902">
        <v>65</v>
      </c>
      <c r="V39902">
        <v>66</v>
      </c>
      <c r="W39902">
        <v>68</v>
      </c>
      <c r="X39902">
        <v>69</v>
      </c>
      <c r="Y39902">
        <v>71</v>
      </c>
      <c r="Z39902">
        <v>72</v>
      </c>
      <c r="AA39902">
        <v>73</v>
      </c>
      <c r="AB39902">
        <v>75</v>
      </c>
      <c r="AC39902">
        <v>76</v>
      </c>
      <c r="AD39902">
        <v>78</v>
      </c>
      <c r="AE39902">
        <v>79</v>
      </c>
      <c r="AF39902">
        <v>81</v>
      </c>
      <c r="AG39902">
        <v>82</v>
      </c>
      <c r="AH39902">
        <v>84</v>
      </c>
      <c r="AI39902">
        <v>85</v>
      </c>
      <c r="AJ39902">
        <v>87</v>
      </c>
      <c r="AK39902">
        <v>88</v>
      </c>
      <c r="AL39902">
        <v>89</v>
      </c>
      <c r="AM39902">
        <v>90</v>
      </c>
      <c r="AN39902">
        <v>91</v>
      </c>
      <c r="AO39902">
        <v>91</v>
      </c>
      <c r="AP39902">
        <v>92</v>
      </c>
      <c r="AQ39902">
        <v>93</v>
      </c>
    </row>
    <row r="39903" spans="1:43">
      <c r="A39903" t="s">
        <v>24731</v>
      </c>
      <c r="B39903" t="s">
        <v>24732</v>
      </c>
      <c r="C39903" t="s">
        <v>19975</v>
      </c>
      <c r="D39903" t="s">
        <v>19976</v>
      </c>
      <c r="E39903" t="s">
        <v>19921</v>
      </c>
      <c r="F39903" t="s">
        <v>19922</v>
      </c>
      <c r="G39903" t="s">
        <v>10734</v>
      </c>
      <c r="H39903" t="s">
        <v>10735</v>
      </c>
      <c r="I39903" s="2">
        <v>0</v>
      </c>
      <c r="J39903" s="2">
        <v>0</v>
      </c>
      <c r="K39903" s="2">
        <v>1</v>
      </c>
      <c r="L39903" t="s">
        <v>995</v>
      </c>
      <c r="M39903" t="s">
        <v>87</v>
      </c>
      <c r="N39903" t="s">
        <v>88</v>
      </c>
      <c r="O39903" t="s">
        <v>85</v>
      </c>
      <c r="P39903" t="s">
        <v>86</v>
      </c>
      <c r="Q39903">
        <v>59</v>
      </c>
      <c r="R39903">
        <v>60</v>
      </c>
      <c r="S39903">
        <v>60</v>
      </c>
      <c r="T39903">
        <v>61</v>
      </c>
      <c r="U39903">
        <v>62</v>
      </c>
      <c r="V39903">
        <v>63</v>
      </c>
      <c r="W39903">
        <v>64</v>
      </c>
      <c r="X39903">
        <v>64</v>
      </c>
      <c r="Y39903">
        <v>65</v>
      </c>
      <c r="Z39903">
        <v>66</v>
      </c>
      <c r="AA39903">
        <v>67</v>
      </c>
      <c r="AB39903">
        <v>68</v>
      </c>
      <c r="AC39903">
        <v>68</v>
      </c>
      <c r="AD39903">
        <v>69</v>
      </c>
      <c r="AE39903">
        <v>70</v>
      </c>
      <c r="AF39903">
        <v>71</v>
      </c>
      <c r="AG39903">
        <v>72</v>
      </c>
      <c r="AH39903">
        <v>73</v>
      </c>
      <c r="AI39903">
        <v>73</v>
      </c>
      <c r="AJ39903">
        <v>74</v>
      </c>
      <c r="AK39903">
        <v>75</v>
      </c>
      <c r="AL39903">
        <v>76</v>
      </c>
      <c r="AM39903">
        <v>77</v>
      </c>
      <c r="AN39903">
        <v>78</v>
      </c>
      <c r="AO39903">
        <v>79</v>
      </c>
      <c r="AP39903">
        <v>79</v>
      </c>
      <c r="AQ39903">
        <v>80</v>
      </c>
    </row>
    <row r="39904" spans="1:43">
      <c r="A39904" t="s">
        <v>24731</v>
      </c>
      <c r="B39904" t="s">
        <v>24732</v>
      </c>
      <c r="C39904" t="s">
        <v>19975</v>
      </c>
      <c r="D39904" t="s">
        <v>19976</v>
      </c>
      <c r="E39904" t="s">
        <v>19921</v>
      </c>
      <c r="F39904" t="s">
        <v>19922</v>
      </c>
      <c r="G39904" t="s">
        <v>10734</v>
      </c>
      <c r="H39904" t="s">
        <v>10735</v>
      </c>
      <c r="I39904" s="2">
        <v>0</v>
      </c>
      <c r="J39904" s="2">
        <v>0</v>
      </c>
      <c r="K39904" s="2">
        <v>1</v>
      </c>
      <c r="L39904" t="s">
        <v>995</v>
      </c>
      <c r="M39904" t="s">
        <v>89</v>
      </c>
      <c r="N39904" t="s">
        <v>90</v>
      </c>
      <c r="O39904" t="s">
        <v>85</v>
      </c>
      <c r="P39904" t="s">
        <v>86</v>
      </c>
      <c r="Q39904">
        <v>59</v>
      </c>
      <c r="R39904">
        <v>61</v>
      </c>
      <c r="S39904">
        <v>63</v>
      </c>
      <c r="T39904">
        <v>64</v>
      </c>
      <c r="U39904">
        <v>66</v>
      </c>
      <c r="V39904">
        <v>68</v>
      </c>
      <c r="W39904">
        <v>70</v>
      </c>
      <c r="X39904">
        <v>72</v>
      </c>
      <c r="Y39904">
        <v>74</v>
      </c>
      <c r="Z39904">
        <v>75</v>
      </c>
      <c r="AA39904">
        <v>77</v>
      </c>
      <c r="AB39904">
        <v>79</v>
      </c>
      <c r="AC39904">
        <v>81</v>
      </c>
      <c r="AD39904">
        <v>83</v>
      </c>
      <c r="AE39904">
        <v>84</v>
      </c>
      <c r="AF39904">
        <v>85</v>
      </c>
      <c r="AG39904">
        <v>85</v>
      </c>
      <c r="AH39904">
        <v>86</v>
      </c>
      <c r="AI39904">
        <v>87</v>
      </c>
      <c r="AJ39904">
        <v>88</v>
      </c>
      <c r="AK39904">
        <v>88</v>
      </c>
      <c r="AL39904">
        <v>89</v>
      </c>
      <c r="AM39904">
        <v>90</v>
      </c>
      <c r="AN39904">
        <v>90</v>
      </c>
      <c r="AO39904">
        <v>91</v>
      </c>
      <c r="AP39904">
        <v>92</v>
      </c>
      <c r="AQ39904">
        <v>92</v>
      </c>
    </row>
    <row r="39905" spans="1:43">
      <c r="A39905" t="s">
        <v>24731</v>
      </c>
      <c r="B39905" t="s">
        <v>24732</v>
      </c>
      <c r="C39905" t="s">
        <v>19975</v>
      </c>
      <c r="D39905" t="s">
        <v>19976</v>
      </c>
      <c r="E39905" t="s">
        <v>19921</v>
      </c>
      <c r="F39905" t="s">
        <v>19922</v>
      </c>
      <c r="G39905" t="s">
        <v>10734</v>
      </c>
      <c r="H39905" t="s">
        <v>10735</v>
      </c>
      <c r="I39905" s="2">
        <v>0</v>
      </c>
      <c r="J39905" s="2">
        <v>0</v>
      </c>
      <c r="K39905" s="2">
        <v>1</v>
      </c>
      <c r="L39905" t="s">
        <v>995</v>
      </c>
      <c r="M39905" t="s">
        <v>83</v>
      </c>
      <c r="N39905" t="s">
        <v>91</v>
      </c>
      <c r="O39905" t="s">
        <v>85</v>
      </c>
      <c r="P39905" t="s">
        <v>86</v>
      </c>
      <c r="Q39905">
        <v>59</v>
      </c>
      <c r="R39905">
        <v>61</v>
      </c>
      <c r="S39905">
        <v>62</v>
      </c>
      <c r="T39905">
        <v>63</v>
      </c>
      <c r="U39905">
        <v>65</v>
      </c>
      <c r="V39905">
        <v>66</v>
      </c>
      <c r="W39905">
        <v>68</v>
      </c>
      <c r="X39905">
        <v>69</v>
      </c>
      <c r="Y39905">
        <v>71</v>
      </c>
      <c r="Z39905">
        <v>72</v>
      </c>
      <c r="AA39905">
        <v>73</v>
      </c>
      <c r="AB39905">
        <v>75</v>
      </c>
      <c r="AC39905">
        <v>76</v>
      </c>
      <c r="AD39905">
        <v>78</v>
      </c>
      <c r="AE39905">
        <v>79</v>
      </c>
      <c r="AF39905">
        <v>81</v>
      </c>
      <c r="AG39905">
        <v>82</v>
      </c>
      <c r="AH39905">
        <v>84</v>
      </c>
      <c r="AI39905">
        <v>85</v>
      </c>
      <c r="AJ39905">
        <v>87</v>
      </c>
      <c r="AK39905">
        <v>88</v>
      </c>
      <c r="AL39905">
        <v>89</v>
      </c>
      <c r="AM39905">
        <v>90</v>
      </c>
      <c r="AN39905">
        <v>91</v>
      </c>
      <c r="AO39905">
        <v>91</v>
      </c>
      <c r="AP39905">
        <v>92</v>
      </c>
      <c r="AQ39905">
        <v>93</v>
      </c>
    </row>
    <row r="39906" spans="1:43">
      <c r="A39906" t="s">
        <v>24733</v>
      </c>
      <c r="B39906" t="s">
        <v>24734</v>
      </c>
      <c r="C39906" t="s">
        <v>8698</v>
      </c>
      <c r="D39906" t="s">
        <v>8699</v>
      </c>
      <c r="E39906" t="s">
        <v>8652</v>
      </c>
      <c r="F39906" t="s">
        <v>8653</v>
      </c>
      <c r="G39906" t="s">
        <v>80</v>
      </c>
      <c r="H39906" t="s">
        <v>81</v>
      </c>
      <c r="I39906" s="2">
        <v>0</v>
      </c>
      <c r="J39906" s="2">
        <v>0</v>
      </c>
      <c r="K39906" s="2">
        <v>1</v>
      </c>
      <c r="L39906" t="s">
        <v>995</v>
      </c>
      <c r="M39906" t="s">
        <v>83</v>
      </c>
      <c r="N39906" t="s">
        <v>84</v>
      </c>
      <c r="O39906" t="s">
        <v>85</v>
      </c>
      <c r="P39906" t="s">
        <v>86</v>
      </c>
      <c r="Q39906">
        <v>27</v>
      </c>
      <c r="R39906">
        <v>28</v>
      </c>
      <c r="S39906">
        <v>28</v>
      </c>
      <c r="T39906">
        <v>28</v>
      </c>
      <c r="U39906">
        <v>28</v>
      </c>
      <c r="V39906">
        <v>28</v>
      </c>
      <c r="W39906">
        <v>28</v>
      </c>
      <c r="X39906">
        <v>28</v>
      </c>
      <c r="Y39906">
        <v>28</v>
      </c>
      <c r="Z39906">
        <v>29</v>
      </c>
      <c r="AA39906">
        <v>29</v>
      </c>
      <c r="AB39906">
        <v>29</v>
      </c>
      <c r="AC39906">
        <v>29</v>
      </c>
      <c r="AD39906">
        <v>29</v>
      </c>
      <c r="AE39906">
        <v>29</v>
      </c>
      <c r="AF39906">
        <v>29</v>
      </c>
      <c r="AG39906">
        <v>29</v>
      </c>
      <c r="AH39906">
        <v>29</v>
      </c>
      <c r="AI39906">
        <v>29</v>
      </c>
      <c r="AJ39906">
        <v>29</v>
      </c>
      <c r="AK39906">
        <v>29</v>
      </c>
      <c r="AL39906">
        <v>29</v>
      </c>
      <c r="AM39906">
        <v>29</v>
      </c>
      <c r="AN39906">
        <v>29</v>
      </c>
      <c r="AO39906">
        <v>28</v>
      </c>
      <c r="AP39906">
        <v>28</v>
      </c>
      <c r="AQ39906">
        <v>28</v>
      </c>
    </row>
    <row r="39907" spans="1:43">
      <c r="A39907" t="s">
        <v>24733</v>
      </c>
      <c r="B39907" t="s">
        <v>24734</v>
      </c>
      <c r="C39907" t="s">
        <v>8698</v>
      </c>
      <c r="D39907" t="s">
        <v>8699</v>
      </c>
      <c r="E39907" t="s">
        <v>8652</v>
      </c>
      <c r="F39907" t="s">
        <v>8653</v>
      </c>
      <c r="G39907" t="s">
        <v>80</v>
      </c>
      <c r="H39907" t="s">
        <v>81</v>
      </c>
      <c r="I39907" s="2">
        <v>0</v>
      </c>
      <c r="J39907" s="2">
        <v>0</v>
      </c>
      <c r="K39907" s="2">
        <v>1</v>
      </c>
      <c r="L39907" t="s">
        <v>995</v>
      </c>
      <c r="M39907" t="s">
        <v>87</v>
      </c>
      <c r="N39907" t="s">
        <v>88</v>
      </c>
      <c r="O39907" t="s">
        <v>85</v>
      </c>
      <c r="P39907" t="s">
        <v>86</v>
      </c>
      <c r="Q39907">
        <v>27</v>
      </c>
      <c r="R39907">
        <v>27</v>
      </c>
      <c r="S39907">
        <v>27</v>
      </c>
      <c r="T39907">
        <v>27</v>
      </c>
      <c r="U39907">
        <v>27</v>
      </c>
      <c r="V39907">
        <v>27</v>
      </c>
      <c r="W39907">
        <v>27</v>
      </c>
      <c r="X39907">
        <v>26</v>
      </c>
      <c r="Y39907">
        <v>26</v>
      </c>
      <c r="Z39907">
        <v>26</v>
      </c>
      <c r="AA39907">
        <v>26</v>
      </c>
      <c r="AB39907">
        <v>26</v>
      </c>
      <c r="AC39907">
        <v>26</v>
      </c>
      <c r="AD39907">
        <v>26</v>
      </c>
      <c r="AE39907">
        <v>26</v>
      </c>
      <c r="AF39907">
        <v>26</v>
      </c>
      <c r="AG39907">
        <v>25</v>
      </c>
      <c r="AH39907">
        <v>25</v>
      </c>
      <c r="AI39907">
        <v>25</v>
      </c>
      <c r="AJ39907">
        <v>25</v>
      </c>
      <c r="AK39907">
        <v>25</v>
      </c>
      <c r="AL39907">
        <v>25</v>
      </c>
      <c r="AM39907">
        <v>25</v>
      </c>
      <c r="AN39907">
        <v>25</v>
      </c>
      <c r="AO39907">
        <v>25</v>
      </c>
      <c r="AP39907">
        <v>25</v>
      </c>
      <c r="AQ39907">
        <v>25</v>
      </c>
    </row>
    <row r="39908" spans="1:43">
      <c r="A39908" t="s">
        <v>24733</v>
      </c>
      <c r="B39908" t="s">
        <v>24734</v>
      </c>
      <c r="C39908" t="s">
        <v>8698</v>
      </c>
      <c r="D39908" t="s">
        <v>8699</v>
      </c>
      <c r="E39908" t="s">
        <v>8652</v>
      </c>
      <c r="F39908" t="s">
        <v>8653</v>
      </c>
      <c r="G39908" t="s">
        <v>80</v>
      </c>
      <c r="H39908" t="s">
        <v>81</v>
      </c>
      <c r="I39908" s="2">
        <v>0</v>
      </c>
      <c r="J39908" s="2">
        <v>0</v>
      </c>
      <c r="K39908" s="2">
        <v>1</v>
      </c>
      <c r="L39908" t="s">
        <v>995</v>
      </c>
      <c r="M39908" t="s">
        <v>89</v>
      </c>
      <c r="N39908" t="s">
        <v>90</v>
      </c>
      <c r="O39908" t="s">
        <v>85</v>
      </c>
      <c r="P39908" t="s">
        <v>86</v>
      </c>
      <c r="Q39908">
        <v>27</v>
      </c>
      <c r="R39908">
        <v>27</v>
      </c>
      <c r="S39908">
        <v>27</v>
      </c>
      <c r="T39908">
        <v>28</v>
      </c>
      <c r="U39908">
        <v>28</v>
      </c>
      <c r="V39908">
        <v>28</v>
      </c>
      <c r="W39908">
        <v>29</v>
      </c>
      <c r="X39908">
        <v>29</v>
      </c>
      <c r="Y39908">
        <v>29</v>
      </c>
      <c r="Z39908">
        <v>29</v>
      </c>
      <c r="AA39908">
        <v>29</v>
      </c>
      <c r="AB39908">
        <v>30</v>
      </c>
      <c r="AC39908">
        <v>30</v>
      </c>
      <c r="AD39908">
        <v>30</v>
      </c>
      <c r="AE39908">
        <v>30</v>
      </c>
      <c r="AF39908">
        <v>30</v>
      </c>
      <c r="AG39908">
        <v>29</v>
      </c>
      <c r="AH39908">
        <v>29</v>
      </c>
      <c r="AI39908">
        <v>29</v>
      </c>
      <c r="AJ39908">
        <v>29</v>
      </c>
      <c r="AK39908">
        <v>28</v>
      </c>
      <c r="AL39908">
        <v>28</v>
      </c>
      <c r="AM39908">
        <v>28</v>
      </c>
      <c r="AN39908">
        <v>28</v>
      </c>
      <c r="AO39908">
        <v>28</v>
      </c>
      <c r="AP39908">
        <v>27</v>
      </c>
      <c r="AQ39908">
        <v>27</v>
      </c>
    </row>
    <row r="39909" spans="1:43">
      <c r="A39909" t="s">
        <v>24733</v>
      </c>
      <c r="B39909" t="s">
        <v>24734</v>
      </c>
      <c r="C39909" t="s">
        <v>8698</v>
      </c>
      <c r="D39909" t="s">
        <v>8699</v>
      </c>
      <c r="E39909" t="s">
        <v>8652</v>
      </c>
      <c r="F39909" t="s">
        <v>8653</v>
      </c>
      <c r="G39909" t="s">
        <v>80</v>
      </c>
      <c r="H39909" t="s">
        <v>81</v>
      </c>
      <c r="I39909" s="2">
        <v>0</v>
      </c>
      <c r="J39909" s="2">
        <v>0</v>
      </c>
      <c r="K39909" s="2">
        <v>1</v>
      </c>
      <c r="L39909" t="s">
        <v>995</v>
      </c>
      <c r="M39909" t="s">
        <v>83</v>
      </c>
      <c r="N39909" t="s">
        <v>91</v>
      </c>
      <c r="O39909" t="s">
        <v>85</v>
      </c>
      <c r="P39909" t="s">
        <v>86</v>
      </c>
      <c r="Q39909">
        <v>27</v>
      </c>
      <c r="R39909">
        <v>28</v>
      </c>
      <c r="S39909">
        <v>28</v>
      </c>
      <c r="T39909">
        <v>28</v>
      </c>
      <c r="U39909">
        <v>28</v>
      </c>
      <c r="V39909">
        <v>28</v>
      </c>
      <c r="W39909">
        <v>28</v>
      </c>
      <c r="X39909">
        <v>28</v>
      </c>
      <c r="Y39909">
        <v>28</v>
      </c>
      <c r="Z39909">
        <v>29</v>
      </c>
      <c r="AA39909">
        <v>29</v>
      </c>
      <c r="AB39909">
        <v>29</v>
      </c>
      <c r="AC39909">
        <v>29</v>
      </c>
      <c r="AD39909">
        <v>29</v>
      </c>
      <c r="AE39909">
        <v>29</v>
      </c>
      <c r="AF39909">
        <v>29</v>
      </c>
      <c r="AG39909">
        <v>29</v>
      </c>
      <c r="AH39909">
        <v>29</v>
      </c>
      <c r="AI39909">
        <v>29</v>
      </c>
      <c r="AJ39909">
        <v>29</v>
      </c>
      <c r="AK39909">
        <v>29</v>
      </c>
      <c r="AL39909">
        <v>29</v>
      </c>
      <c r="AM39909">
        <v>29</v>
      </c>
      <c r="AN39909">
        <v>29</v>
      </c>
      <c r="AO39909">
        <v>28</v>
      </c>
      <c r="AP39909">
        <v>28</v>
      </c>
      <c r="AQ39909">
        <v>28</v>
      </c>
    </row>
    <row r="39910" spans="1:43">
      <c r="A39910" t="s">
        <v>24735</v>
      </c>
      <c r="B39910" t="s">
        <v>24736</v>
      </c>
      <c r="C39910" t="s">
        <v>22753</v>
      </c>
      <c r="D39910" t="s">
        <v>22754</v>
      </c>
      <c r="E39910" t="s">
        <v>22737</v>
      </c>
      <c r="F39910" t="s">
        <v>22738</v>
      </c>
      <c r="G39910" t="s">
        <v>11612</v>
      </c>
      <c r="H39910" t="s">
        <v>11613</v>
      </c>
      <c r="I39910" s="2">
        <v>0</v>
      </c>
      <c r="J39910" s="2">
        <v>0</v>
      </c>
      <c r="K39910" s="2">
        <v>1</v>
      </c>
      <c r="L39910" t="s">
        <v>995</v>
      </c>
      <c r="M39910" t="s">
        <v>83</v>
      </c>
      <c r="N39910" t="s">
        <v>84</v>
      </c>
      <c r="O39910" t="s">
        <v>85</v>
      </c>
      <c r="P39910" t="s">
        <v>86</v>
      </c>
      <c r="Q39910">
        <v>26</v>
      </c>
      <c r="R39910">
        <v>26</v>
      </c>
      <c r="S39910">
        <v>27</v>
      </c>
      <c r="T39910">
        <v>27</v>
      </c>
      <c r="U39910">
        <v>27</v>
      </c>
      <c r="V39910">
        <v>27</v>
      </c>
      <c r="W39910">
        <v>27</v>
      </c>
      <c r="X39910">
        <v>28</v>
      </c>
      <c r="Y39910">
        <v>28</v>
      </c>
      <c r="Z39910">
        <v>28</v>
      </c>
      <c r="AA39910">
        <v>28</v>
      </c>
      <c r="AB39910">
        <v>28</v>
      </c>
      <c r="AC39910">
        <v>28</v>
      </c>
      <c r="AD39910">
        <v>28</v>
      </c>
      <c r="AE39910">
        <v>29</v>
      </c>
      <c r="AF39910">
        <v>29</v>
      </c>
      <c r="AG39910">
        <v>29</v>
      </c>
      <c r="AH39910">
        <v>29</v>
      </c>
      <c r="AI39910">
        <v>29</v>
      </c>
      <c r="AJ39910">
        <v>29</v>
      </c>
      <c r="AK39910">
        <v>29</v>
      </c>
      <c r="AL39910">
        <v>29</v>
      </c>
      <c r="AM39910">
        <v>29</v>
      </c>
      <c r="AN39910">
        <v>29</v>
      </c>
      <c r="AO39910">
        <v>29</v>
      </c>
      <c r="AP39910">
        <v>28</v>
      </c>
      <c r="AQ39910">
        <v>28</v>
      </c>
    </row>
    <row r="39911" spans="1:43">
      <c r="A39911" t="s">
        <v>24735</v>
      </c>
      <c r="B39911" t="s">
        <v>24736</v>
      </c>
      <c r="C39911" t="s">
        <v>22753</v>
      </c>
      <c r="D39911" t="s">
        <v>22754</v>
      </c>
      <c r="E39911" t="s">
        <v>22737</v>
      </c>
      <c r="F39911" t="s">
        <v>22738</v>
      </c>
      <c r="G39911" t="s">
        <v>11612</v>
      </c>
      <c r="H39911" t="s">
        <v>11613</v>
      </c>
      <c r="I39911" s="2">
        <v>0</v>
      </c>
      <c r="J39911" s="2">
        <v>0</v>
      </c>
      <c r="K39911" s="2">
        <v>1</v>
      </c>
      <c r="L39911" t="s">
        <v>995</v>
      </c>
      <c r="M39911" t="s">
        <v>87</v>
      </c>
      <c r="N39911" t="s">
        <v>88</v>
      </c>
      <c r="O39911" t="s">
        <v>85</v>
      </c>
      <c r="P39911" t="s">
        <v>86</v>
      </c>
      <c r="Q39911">
        <v>26</v>
      </c>
      <c r="R39911">
        <v>26</v>
      </c>
      <c r="S39911">
        <v>26</v>
      </c>
      <c r="T39911">
        <v>26</v>
      </c>
      <c r="U39911">
        <v>26</v>
      </c>
      <c r="V39911">
        <v>26</v>
      </c>
      <c r="W39911">
        <v>26</v>
      </c>
      <c r="X39911">
        <v>26</v>
      </c>
      <c r="Y39911">
        <v>26</v>
      </c>
      <c r="Z39911">
        <v>26</v>
      </c>
      <c r="AA39911">
        <v>26</v>
      </c>
      <c r="AB39911">
        <v>25</v>
      </c>
      <c r="AC39911">
        <v>25</v>
      </c>
      <c r="AD39911">
        <v>25</v>
      </c>
      <c r="AE39911">
        <v>25</v>
      </c>
      <c r="AF39911">
        <v>25</v>
      </c>
      <c r="AG39911">
        <v>25</v>
      </c>
      <c r="AH39911">
        <v>25</v>
      </c>
      <c r="AI39911">
        <v>25</v>
      </c>
      <c r="AJ39911">
        <v>25</v>
      </c>
      <c r="AK39911">
        <v>25</v>
      </c>
      <c r="AL39911">
        <v>25</v>
      </c>
      <c r="AM39911">
        <v>25</v>
      </c>
      <c r="AN39911">
        <v>25</v>
      </c>
      <c r="AO39911">
        <v>25</v>
      </c>
      <c r="AP39911">
        <v>25</v>
      </c>
      <c r="AQ39911">
        <v>25</v>
      </c>
    </row>
    <row r="39912" spans="1:43">
      <c r="A39912" t="s">
        <v>24735</v>
      </c>
      <c r="B39912" t="s">
        <v>24736</v>
      </c>
      <c r="C39912" t="s">
        <v>22753</v>
      </c>
      <c r="D39912" t="s">
        <v>22754</v>
      </c>
      <c r="E39912" t="s">
        <v>22737</v>
      </c>
      <c r="F39912" t="s">
        <v>22738</v>
      </c>
      <c r="G39912" t="s">
        <v>11612</v>
      </c>
      <c r="H39912" t="s">
        <v>11613</v>
      </c>
      <c r="I39912" s="2">
        <v>0</v>
      </c>
      <c r="J39912" s="2">
        <v>0</v>
      </c>
      <c r="K39912" s="2">
        <v>1</v>
      </c>
      <c r="L39912" t="s">
        <v>995</v>
      </c>
      <c r="M39912" t="s">
        <v>89</v>
      </c>
      <c r="N39912" t="s">
        <v>90</v>
      </c>
      <c r="O39912" t="s">
        <v>85</v>
      </c>
      <c r="P39912" t="s">
        <v>86</v>
      </c>
      <c r="Q39912">
        <v>26</v>
      </c>
      <c r="R39912">
        <v>27</v>
      </c>
      <c r="S39912">
        <v>27</v>
      </c>
      <c r="T39912">
        <v>28</v>
      </c>
      <c r="U39912">
        <v>28</v>
      </c>
      <c r="V39912">
        <v>28</v>
      </c>
      <c r="W39912">
        <v>29</v>
      </c>
      <c r="X39912">
        <v>29</v>
      </c>
      <c r="Y39912">
        <v>29</v>
      </c>
      <c r="Z39912">
        <v>30</v>
      </c>
      <c r="AA39912">
        <v>30</v>
      </c>
      <c r="AB39912">
        <v>30</v>
      </c>
      <c r="AC39912">
        <v>30</v>
      </c>
      <c r="AD39912">
        <v>30</v>
      </c>
      <c r="AE39912">
        <v>31</v>
      </c>
      <c r="AF39912">
        <v>30</v>
      </c>
      <c r="AG39912">
        <v>30</v>
      </c>
      <c r="AH39912">
        <v>30</v>
      </c>
      <c r="AI39912">
        <v>30</v>
      </c>
      <c r="AJ39912">
        <v>30</v>
      </c>
      <c r="AK39912">
        <v>29</v>
      </c>
      <c r="AL39912">
        <v>29</v>
      </c>
      <c r="AM39912">
        <v>29</v>
      </c>
      <c r="AN39912">
        <v>29</v>
      </c>
      <c r="AO39912">
        <v>29</v>
      </c>
      <c r="AP39912">
        <v>29</v>
      </c>
      <c r="AQ39912">
        <v>28</v>
      </c>
    </row>
    <row r="39913" spans="1:43">
      <c r="A39913" t="s">
        <v>24735</v>
      </c>
      <c r="B39913" t="s">
        <v>24736</v>
      </c>
      <c r="C39913" t="s">
        <v>22753</v>
      </c>
      <c r="D39913" t="s">
        <v>22754</v>
      </c>
      <c r="E39913" t="s">
        <v>22737</v>
      </c>
      <c r="F39913" t="s">
        <v>22738</v>
      </c>
      <c r="G39913" t="s">
        <v>11612</v>
      </c>
      <c r="H39913" t="s">
        <v>11613</v>
      </c>
      <c r="I39913" s="2">
        <v>0</v>
      </c>
      <c r="J39913" s="2">
        <v>0</v>
      </c>
      <c r="K39913" s="2">
        <v>1</v>
      </c>
      <c r="L39913" t="s">
        <v>995</v>
      </c>
      <c r="M39913" t="s">
        <v>83</v>
      </c>
      <c r="N39913" t="s">
        <v>91</v>
      </c>
      <c r="O39913" t="s">
        <v>85</v>
      </c>
      <c r="P39913" t="s">
        <v>86</v>
      </c>
      <c r="Q39913">
        <v>26</v>
      </c>
      <c r="R39913">
        <v>26</v>
      </c>
      <c r="S39913">
        <v>27</v>
      </c>
      <c r="T39913">
        <v>27</v>
      </c>
      <c r="U39913">
        <v>27</v>
      </c>
      <c r="V39913">
        <v>27</v>
      </c>
      <c r="W39913">
        <v>27</v>
      </c>
      <c r="X39913">
        <v>28</v>
      </c>
      <c r="Y39913">
        <v>28</v>
      </c>
      <c r="Z39913">
        <v>28</v>
      </c>
      <c r="AA39913">
        <v>28</v>
      </c>
      <c r="AB39913">
        <v>28</v>
      </c>
      <c r="AC39913">
        <v>28</v>
      </c>
      <c r="AD39913">
        <v>28</v>
      </c>
      <c r="AE39913">
        <v>29</v>
      </c>
      <c r="AF39913">
        <v>29</v>
      </c>
      <c r="AG39913">
        <v>29</v>
      </c>
      <c r="AH39913">
        <v>29</v>
      </c>
      <c r="AI39913">
        <v>29</v>
      </c>
      <c r="AJ39913">
        <v>29</v>
      </c>
      <c r="AK39913">
        <v>29</v>
      </c>
      <c r="AL39913">
        <v>29</v>
      </c>
      <c r="AM39913">
        <v>29</v>
      </c>
      <c r="AN39913">
        <v>29</v>
      </c>
      <c r="AO39913">
        <v>29</v>
      </c>
      <c r="AP39913">
        <v>28</v>
      </c>
      <c r="AQ39913">
        <v>28</v>
      </c>
    </row>
    <row r="39914" spans="1:43">
      <c r="A39914" t="s">
        <v>24737</v>
      </c>
      <c r="B39914" t="s">
        <v>24738</v>
      </c>
      <c r="C39914" t="s">
        <v>24739</v>
      </c>
      <c r="D39914" t="s">
        <v>24740</v>
      </c>
      <c r="E39914" t="s">
        <v>8296</v>
      </c>
      <c r="F39914" t="s">
        <v>8297</v>
      </c>
      <c r="G39914" t="s">
        <v>80</v>
      </c>
      <c r="H39914" t="s">
        <v>81</v>
      </c>
      <c r="I39914" s="2">
        <v>0</v>
      </c>
      <c r="J39914" s="2">
        <v>1</v>
      </c>
      <c r="K39914" s="2">
        <v>0</v>
      </c>
      <c r="L39914" t="s">
        <v>82</v>
      </c>
      <c r="M39914" t="s">
        <v>83</v>
      </c>
      <c r="N39914" t="s">
        <v>84</v>
      </c>
      <c r="O39914" t="s">
        <v>85</v>
      </c>
      <c r="P39914" t="s">
        <v>86</v>
      </c>
      <c r="Q39914">
        <v>54</v>
      </c>
      <c r="R39914">
        <v>55</v>
      </c>
      <c r="S39914">
        <v>56</v>
      </c>
      <c r="T39914">
        <v>57</v>
      </c>
      <c r="U39914">
        <v>58</v>
      </c>
      <c r="V39914">
        <v>59</v>
      </c>
      <c r="W39914">
        <v>60</v>
      </c>
      <c r="X39914">
        <v>61</v>
      </c>
      <c r="Y39914">
        <v>62</v>
      </c>
      <c r="Z39914">
        <v>63</v>
      </c>
      <c r="AA39914">
        <v>65</v>
      </c>
      <c r="AB39914">
        <v>66</v>
      </c>
      <c r="AC39914">
        <v>67</v>
      </c>
      <c r="AD39914">
        <v>68</v>
      </c>
      <c r="AE39914">
        <v>69</v>
      </c>
      <c r="AF39914">
        <v>70</v>
      </c>
      <c r="AG39914">
        <v>71</v>
      </c>
      <c r="AH39914">
        <v>72</v>
      </c>
      <c r="AI39914">
        <v>73</v>
      </c>
      <c r="AJ39914">
        <v>74</v>
      </c>
      <c r="AK39914">
        <v>75</v>
      </c>
      <c r="AL39914">
        <v>75</v>
      </c>
      <c r="AM39914">
        <v>76</v>
      </c>
      <c r="AN39914">
        <v>76</v>
      </c>
      <c r="AO39914">
        <v>76</v>
      </c>
      <c r="AP39914">
        <v>76</v>
      </c>
      <c r="AQ39914">
        <v>77</v>
      </c>
    </row>
    <row r="39915" spans="1:43">
      <c r="A39915" t="s">
        <v>24737</v>
      </c>
      <c r="B39915" t="s">
        <v>24738</v>
      </c>
      <c r="C39915" t="s">
        <v>24739</v>
      </c>
      <c r="D39915" t="s">
        <v>24740</v>
      </c>
      <c r="E39915" t="s">
        <v>8296</v>
      </c>
      <c r="F39915" t="s">
        <v>8297</v>
      </c>
      <c r="G39915" t="s">
        <v>80</v>
      </c>
      <c r="H39915" t="s">
        <v>81</v>
      </c>
      <c r="I39915" s="2">
        <v>0</v>
      </c>
      <c r="J39915" s="2">
        <v>1</v>
      </c>
      <c r="K39915" s="2">
        <v>0</v>
      </c>
      <c r="L39915" t="s">
        <v>82</v>
      </c>
      <c r="M39915" t="s">
        <v>87</v>
      </c>
      <c r="N39915" t="s">
        <v>88</v>
      </c>
      <c r="O39915" t="s">
        <v>85</v>
      </c>
      <c r="P39915" t="s">
        <v>86</v>
      </c>
      <c r="Q39915">
        <v>54</v>
      </c>
      <c r="R39915">
        <v>55</v>
      </c>
      <c r="S39915">
        <v>55</v>
      </c>
      <c r="T39915">
        <v>56</v>
      </c>
      <c r="U39915">
        <v>57</v>
      </c>
      <c r="V39915">
        <v>57</v>
      </c>
      <c r="W39915">
        <v>58</v>
      </c>
      <c r="X39915">
        <v>58</v>
      </c>
      <c r="Y39915">
        <v>59</v>
      </c>
      <c r="Z39915">
        <v>59</v>
      </c>
      <c r="AA39915">
        <v>60</v>
      </c>
      <c r="AB39915">
        <v>60</v>
      </c>
      <c r="AC39915">
        <v>61</v>
      </c>
      <c r="AD39915">
        <v>61</v>
      </c>
      <c r="AE39915">
        <v>62</v>
      </c>
      <c r="AF39915">
        <v>62</v>
      </c>
      <c r="AG39915">
        <v>63</v>
      </c>
      <c r="AH39915">
        <v>63</v>
      </c>
      <c r="AI39915">
        <v>64</v>
      </c>
      <c r="AJ39915">
        <v>64</v>
      </c>
      <c r="AK39915">
        <v>65</v>
      </c>
      <c r="AL39915">
        <v>65</v>
      </c>
      <c r="AM39915">
        <v>66</v>
      </c>
      <c r="AN39915">
        <v>66</v>
      </c>
      <c r="AO39915">
        <v>67</v>
      </c>
      <c r="AP39915">
        <v>67</v>
      </c>
      <c r="AQ39915">
        <v>68</v>
      </c>
    </row>
    <row r="39916" spans="1:43">
      <c r="A39916" t="s">
        <v>24737</v>
      </c>
      <c r="B39916" t="s">
        <v>24738</v>
      </c>
      <c r="C39916" t="s">
        <v>24739</v>
      </c>
      <c r="D39916" t="s">
        <v>24740</v>
      </c>
      <c r="E39916" t="s">
        <v>8296</v>
      </c>
      <c r="F39916" t="s">
        <v>8297</v>
      </c>
      <c r="G39916" t="s">
        <v>80</v>
      </c>
      <c r="H39916" t="s">
        <v>81</v>
      </c>
      <c r="I39916" s="2">
        <v>0</v>
      </c>
      <c r="J39916" s="2">
        <v>1</v>
      </c>
      <c r="K39916" s="2">
        <v>0</v>
      </c>
      <c r="L39916" t="s">
        <v>82</v>
      </c>
      <c r="M39916" t="s">
        <v>89</v>
      </c>
      <c r="N39916" t="s">
        <v>90</v>
      </c>
      <c r="O39916" t="s">
        <v>85</v>
      </c>
      <c r="P39916" t="s">
        <v>86</v>
      </c>
      <c r="Q39916">
        <v>54</v>
      </c>
      <c r="R39916">
        <v>56</v>
      </c>
      <c r="S39916">
        <v>57</v>
      </c>
      <c r="T39916">
        <v>59</v>
      </c>
      <c r="U39916">
        <v>60</v>
      </c>
      <c r="V39916">
        <v>62</v>
      </c>
      <c r="W39916">
        <v>63</v>
      </c>
      <c r="X39916">
        <v>65</v>
      </c>
      <c r="Y39916">
        <v>66</v>
      </c>
      <c r="Z39916">
        <v>67</v>
      </c>
      <c r="AA39916">
        <v>69</v>
      </c>
      <c r="AB39916">
        <v>70</v>
      </c>
      <c r="AC39916">
        <v>71</v>
      </c>
      <c r="AD39916">
        <v>73</v>
      </c>
      <c r="AE39916">
        <v>74</v>
      </c>
      <c r="AF39916">
        <v>74</v>
      </c>
      <c r="AG39916">
        <v>74</v>
      </c>
      <c r="AH39916">
        <v>74</v>
      </c>
      <c r="AI39916">
        <v>75</v>
      </c>
      <c r="AJ39916">
        <v>75</v>
      </c>
      <c r="AK39916">
        <v>75</v>
      </c>
      <c r="AL39916">
        <v>76</v>
      </c>
      <c r="AM39916">
        <v>76</v>
      </c>
      <c r="AN39916">
        <v>76</v>
      </c>
      <c r="AO39916">
        <v>76</v>
      </c>
      <c r="AP39916">
        <v>77</v>
      </c>
      <c r="AQ39916">
        <v>77</v>
      </c>
    </row>
    <row r="39917" spans="1:43">
      <c r="A39917" t="s">
        <v>24737</v>
      </c>
      <c r="B39917" t="s">
        <v>24738</v>
      </c>
      <c r="C39917" t="s">
        <v>24739</v>
      </c>
      <c r="D39917" t="s">
        <v>24740</v>
      </c>
      <c r="E39917" t="s">
        <v>8296</v>
      </c>
      <c r="F39917" t="s">
        <v>8297</v>
      </c>
      <c r="G39917" t="s">
        <v>80</v>
      </c>
      <c r="H39917" t="s">
        <v>81</v>
      </c>
      <c r="I39917" s="2">
        <v>0</v>
      </c>
      <c r="J39917" s="2">
        <v>1</v>
      </c>
      <c r="K39917" s="2">
        <v>0</v>
      </c>
      <c r="L39917" t="s">
        <v>82</v>
      </c>
      <c r="M39917" t="s">
        <v>83</v>
      </c>
      <c r="N39917" t="s">
        <v>91</v>
      </c>
      <c r="O39917" t="s">
        <v>85</v>
      </c>
      <c r="P39917" t="s">
        <v>86</v>
      </c>
      <c r="Q39917">
        <v>54</v>
      </c>
      <c r="R39917">
        <v>55</v>
      </c>
      <c r="S39917">
        <v>56</v>
      </c>
      <c r="T39917">
        <v>57</v>
      </c>
      <c r="U39917">
        <v>58</v>
      </c>
      <c r="V39917">
        <v>59</v>
      </c>
      <c r="W39917">
        <v>60</v>
      </c>
      <c r="X39917">
        <v>61</v>
      </c>
      <c r="Y39917">
        <v>62</v>
      </c>
      <c r="Z39917">
        <v>63</v>
      </c>
      <c r="AA39917">
        <v>65</v>
      </c>
      <c r="AB39917">
        <v>66</v>
      </c>
      <c r="AC39917">
        <v>67</v>
      </c>
      <c r="AD39917">
        <v>68</v>
      </c>
      <c r="AE39917">
        <v>69</v>
      </c>
      <c r="AF39917">
        <v>70</v>
      </c>
      <c r="AG39917">
        <v>71</v>
      </c>
      <c r="AH39917">
        <v>72</v>
      </c>
      <c r="AI39917">
        <v>73</v>
      </c>
      <c r="AJ39917">
        <v>74</v>
      </c>
      <c r="AK39917">
        <v>75</v>
      </c>
      <c r="AL39917">
        <v>75</v>
      </c>
      <c r="AM39917">
        <v>76</v>
      </c>
      <c r="AN39917">
        <v>76</v>
      </c>
      <c r="AO39917">
        <v>76</v>
      </c>
      <c r="AP39917">
        <v>76</v>
      </c>
      <c r="AQ39917">
        <v>77</v>
      </c>
    </row>
    <row r="39918" spans="1:43">
      <c r="A39918" t="s">
        <v>24741</v>
      </c>
      <c r="B39918" t="s">
        <v>24742</v>
      </c>
      <c r="C39918" t="s">
        <v>24739</v>
      </c>
      <c r="D39918" t="s">
        <v>24740</v>
      </c>
      <c r="E39918" t="s">
        <v>8296</v>
      </c>
      <c r="F39918" t="s">
        <v>8297</v>
      </c>
      <c r="G39918" t="s">
        <v>80</v>
      </c>
      <c r="H39918" t="s">
        <v>81</v>
      </c>
      <c r="I39918" s="2">
        <v>0</v>
      </c>
      <c r="J39918" s="2">
        <v>1</v>
      </c>
      <c r="K39918" s="2">
        <v>0</v>
      </c>
      <c r="L39918" t="s">
        <v>82</v>
      </c>
      <c r="M39918" t="s">
        <v>83</v>
      </c>
      <c r="N39918" t="s">
        <v>84</v>
      </c>
      <c r="O39918" t="s">
        <v>85</v>
      </c>
      <c r="P39918" t="s">
        <v>86</v>
      </c>
      <c r="Q39918">
        <v>31</v>
      </c>
      <c r="R39918">
        <v>32</v>
      </c>
      <c r="S39918">
        <v>32</v>
      </c>
      <c r="T39918">
        <v>33</v>
      </c>
      <c r="U39918">
        <v>33</v>
      </c>
      <c r="V39918">
        <v>34</v>
      </c>
      <c r="W39918">
        <v>35</v>
      </c>
      <c r="X39918">
        <v>35</v>
      </c>
      <c r="Y39918">
        <v>36</v>
      </c>
      <c r="Z39918">
        <v>36</v>
      </c>
      <c r="AA39918">
        <v>37</v>
      </c>
      <c r="AB39918">
        <v>38</v>
      </c>
      <c r="AC39918">
        <v>38</v>
      </c>
      <c r="AD39918">
        <v>39</v>
      </c>
      <c r="AE39918">
        <v>39</v>
      </c>
      <c r="AF39918">
        <v>40</v>
      </c>
      <c r="AG39918">
        <v>40</v>
      </c>
      <c r="AH39918">
        <v>41</v>
      </c>
      <c r="AI39918">
        <v>42</v>
      </c>
      <c r="AJ39918">
        <v>42</v>
      </c>
      <c r="AK39918">
        <v>43</v>
      </c>
      <c r="AL39918">
        <v>43</v>
      </c>
      <c r="AM39918">
        <v>43</v>
      </c>
      <c r="AN39918">
        <v>43</v>
      </c>
      <c r="AO39918">
        <v>44</v>
      </c>
      <c r="AP39918">
        <v>44</v>
      </c>
      <c r="AQ39918">
        <v>44</v>
      </c>
    </row>
    <row r="39919" spans="1:43">
      <c r="A39919" t="s">
        <v>24741</v>
      </c>
      <c r="B39919" t="s">
        <v>24742</v>
      </c>
      <c r="C39919" t="s">
        <v>24739</v>
      </c>
      <c r="D39919" t="s">
        <v>24740</v>
      </c>
      <c r="E39919" t="s">
        <v>8296</v>
      </c>
      <c r="F39919" t="s">
        <v>8297</v>
      </c>
      <c r="G39919" t="s">
        <v>80</v>
      </c>
      <c r="H39919" t="s">
        <v>81</v>
      </c>
      <c r="I39919" s="2">
        <v>0</v>
      </c>
      <c r="J39919" s="2">
        <v>1</v>
      </c>
      <c r="K39919" s="2">
        <v>0</v>
      </c>
      <c r="L39919" t="s">
        <v>82</v>
      </c>
      <c r="M39919" t="s">
        <v>87</v>
      </c>
      <c r="N39919" t="s">
        <v>88</v>
      </c>
      <c r="O39919" t="s">
        <v>85</v>
      </c>
      <c r="P39919" t="s">
        <v>86</v>
      </c>
      <c r="Q39919">
        <v>31</v>
      </c>
      <c r="R39919">
        <v>31</v>
      </c>
      <c r="S39919">
        <v>31</v>
      </c>
      <c r="T39919">
        <v>32</v>
      </c>
      <c r="U39919">
        <v>32</v>
      </c>
      <c r="V39919">
        <v>32</v>
      </c>
      <c r="W39919">
        <v>32</v>
      </c>
      <c r="X39919">
        <v>33</v>
      </c>
      <c r="Y39919">
        <v>33</v>
      </c>
      <c r="Z39919">
        <v>33</v>
      </c>
      <c r="AA39919">
        <v>34</v>
      </c>
      <c r="AB39919">
        <v>34</v>
      </c>
      <c r="AC39919">
        <v>34</v>
      </c>
      <c r="AD39919">
        <v>35</v>
      </c>
      <c r="AE39919">
        <v>35</v>
      </c>
      <c r="AF39919">
        <v>35</v>
      </c>
      <c r="AG39919">
        <v>35</v>
      </c>
      <c r="AH39919">
        <v>36</v>
      </c>
      <c r="AI39919">
        <v>36</v>
      </c>
      <c r="AJ39919">
        <v>36</v>
      </c>
      <c r="AK39919">
        <v>36</v>
      </c>
      <c r="AL39919">
        <v>37</v>
      </c>
      <c r="AM39919">
        <v>37</v>
      </c>
      <c r="AN39919">
        <v>37</v>
      </c>
      <c r="AO39919">
        <v>38</v>
      </c>
      <c r="AP39919">
        <v>38</v>
      </c>
      <c r="AQ39919">
        <v>38</v>
      </c>
    </row>
    <row r="39920" spans="1:43">
      <c r="A39920" t="s">
        <v>24741</v>
      </c>
      <c r="B39920" t="s">
        <v>24742</v>
      </c>
      <c r="C39920" t="s">
        <v>24739</v>
      </c>
      <c r="D39920" t="s">
        <v>24740</v>
      </c>
      <c r="E39920" t="s">
        <v>8296</v>
      </c>
      <c r="F39920" t="s">
        <v>8297</v>
      </c>
      <c r="G39920" t="s">
        <v>80</v>
      </c>
      <c r="H39920" t="s">
        <v>81</v>
      </c>
      <c r="I39920" s="2">
        <v>0</v>
      </c>
      <c r="J39920" s="2">
        <v>1</v>
      </c>
      <c r="K39920" s="2">
        <v>0</v>
      </c>
      <c r="L39920" t="s">
        <v>82</v>
      </c>
      <c r="M39920" t="s">
        <v>89</v>
      </c>
      <c r="N39920" t="s">
        <v>90</v>
      </c>
      <c r="O39920" t="s">
        <v>85</v>
      </c>
      <c r="P39920" t="s">
        <v>86</v>
      </c>
      <c r="Q39920">
        <v>31</v>
      </c>
      <c r="R39920">
        <v>32</v>
      </c>
      <c r="S39920">
        <v>33</v>
      </c>
      <c r="T39920">
        <v>34</v>
      </c>
      <c r="U39920">
        <v>35</v>
      </c>
      <c r="V39920">
        <v>35</v>
      </c>
      <c r="W39920">
        <v>36</v>
      </c>
      <c r="X39920">
        <v>37</v>
      </c>
      <c r="Y39920">
        <v>38</v>
      </c>
      <c r="Z39920">
        <v>39</v>
      </c>
      <c r="AA39920">
        <v>39</v>
      </c>
      <c r="AB39920">
        <v>40</v>
      </c>
      <c r="AC39920">
        <v>41</v>
      </c>
      <c r="AD39920">
        <v>42</v>
      </c>
      <c r="AE39920">
        <v>42</v>
      </c>
      <c r="AF39920">
        <v>42</v>
      </c>
      <c r="AG39920">
        <v>43</v>
      </c>
      <c r="AH39920">
        <v>43</v>
      </c>
      <c r="AI39920">
        <v>43</v>
      </c>
      <c r="AJ39920">
        <v>43</v>
      </c>
      <c r="AK39920">
        <v>43</v>
      </c>
      <c r="AL39920">
        <v>43</v>
      </c>
      <c r="AM39920">
        <v>43</v>
      </c>
      <c r="AN39920">
        <v>44</v>
      </c>
      <c r="AO39920">
        <v>44</v>
      </c>
      <c r="AP39920">
        <v>44</v>
      </c>
      <c r="AQ39920">
        <v>44</v>
      </c>
    </row>
    <row r="39921" spans="1:43">
      <c r="A39921" t="s">
        <v>24741</v>
      </c>
      <c r="B39921" t="s">
        <v>24742</v>
      </c>
      <c r="C39921" t="s">
        <v>24739</v>
      </c>
      <c r="D39921" t="s">
        <v>24740</v>
      </c>
      <c r="E39921" t="s">
        <v>8296</v>
      </c>
      <c r="F39921" t="s">
        <v>8297</v>
      </c>
      <c r="G39921" t="s">
        <v>80</v>
      </c>
      <c r="H39921" t="s">
        <v>81</v>
      </c>
      <c r="I39921" s="2">
        <v>0</v>
      </c>
      <c r="J39921" s="2">
        <v>1</v>
      </c>
      <c r="K39921" s="2">
        <v>0</v>
      </c>
      <c r="L39921" t="s">
        <v>82</v>
      </c>
      <c r="M39921" t="s">
        <v>83</v>
      </c>
      <c r="N39921" t="s">
        <v>91</v>
      </c>
      <c r="O39921" t="s">
        <v>85</v>
      </c>
      <c r="P39921" t="s">
        <v>86</v>
      </c>
      <c r="Q39921">
        <v>31</v>
      </c>
      <c r="R39921">
        <v>32</v>
      </c>
      <c r="S39921">
        <v>32</v>
      </c>
      <c r="T39921">
        <v>33</v>
      </c>
      <c r="U39921">
        <v>33</v>
      </c>
      <c r="V39921">
        <v>34</v>
      </c>
      <c r="W39921">
        <v>35</v>
      </c>
      <c r="X39921">
        <v>35</v>
      </c>
      <c r="Y39921">
        <v>36</v>
      </c>
      <c r="Z39921">
        <v>36</v>
      </c>
      <c r="AA39921">
        <v>37</v>
      </c>
      <c r="AB39921">
        <v>38</v>
      </c>
      <c r="AC39921">
        <v>38</v>
      </c>
      <c r="AD39921">
        <v>39</v>
      </c>
      <c r="AE39921">
        <v>39</v>
      </c>
      <c r="AF39921">
        <v>40</v>
      </c>
      <c r="AG39921">
        <v>40</v>
      </c>
      <c r="AH39921">
        <v>41</v>
      </c>
      <c r="AI39921">
        <v>42</v>
      </c>
      <c r="AJ39921">
        <v>42</v>
      </c>
      <c r="AK39921">
        <v>43</v>
      </c>
      <c r="AL39921">
        <v>43</v>
      </c>
      <c r="AM39921">
        <v>43</v>
      </c>
      <c r="AN39921">
        <v>43</v>
      </c>
      <c r="AO39921">
        <v>44</v>
      </c>
      <c r="AP39921">
        <v>44</v>
      </c>
      <c r="AQ39921">
        <v>44</v>
      </c>
    </row>
    <row r="39922" spans="1:43">
      <c r="A39922" t="s">
        <v>24743</v>
      </c>
      <c r="B39922" t="s">
        <v>24744</v>
      </c>
      <c r="C39922" t="s">
        <v>8474</v>
      </c>
      <c r="D39922" t="s">
        <v>8475</v>
      </c>
      <c r="E39922" t="s">
        <v>8296</v>
      </c>
      <c r="F39922" t="s">
        <v>8297</v>
      </c>
      <c r="G39922" t="s">
        <v>80</v>
      </c>
      <c r="H39922" t="s">
        <v>81</v>
      </c>
      <c r="I39922" s="2">
        <v>0</v>
      </c>
      <c r="J39922" s="2">
        <v>1</v>
      </c>
      <c r="K39922" s="2">
        <v>0</v>
      </c>
      <c r="L39922" t="s">
        <v>82</v>
      </c>
      <c r="M39922" t="s">
        <v>83</v>
      </c>
      <c r="N39922" t="s">
        <v>84</v>
      </c>
      <c r="O39922" t="s">
        <v>85</v>
      </c>
      <c r="P39922" t="s">
        <v>86</v>
      </c>
      <c r="Q39922">
        <v>80</v>
      </c>
      <c r="R39922">
        <v>82</v>
      </c>
      <c r="S39922">
        <v>83</v>
      </c>
      <c r="T39922">
        <v>85</v>
      </c>
      <c r="U39922">
        <v>87</v>
      </c>
      <c r="V39922">
        <v>88</v>
      </c>
      <c r="W39922">
        <v>90</v>
      </c>
      <c r="X39922">
        <v>91</v>
      </c>
      <c r="Y39922">
        <v>93</v>
      </c>
      <c r="Z39922">
        <v>94</v>
      </c>
      <c r="AA39922">
        <v>96</v>
      </c>
      <c r="AB39922">
        <v>98</v>
      </c>
      <c r="AC39922">
        <v>99</v>
      </c>
      <c r="AD39922">
        <v>101</v>
      </c>
      <c r="AE39922">
        <v>102</v>
      </c>
      <c r="AF39922">
        <v>104</v>
      </c>
      <c r="AG39922">
        <v>105</v>
      </c>
      <c r="AH39922">
        <v>107</v>
      </c>
      <c r="AI39922">
        <v>108</v>
      </c>
      <c r="AJ39922">
        <v>110</v>
      </c>
      <c r="AK39922">
        <v>111</v>
      </c>
      <c r="AL39922">
        <v>112</v>
      </c>
      <c r="AM39922">
        <v>112</v>
      </c>
      <c r="AN39922">
        <v>113</v>
      </c>
      <c r="AO39922">
        <v>113</v>
      </c>
      <c r="AP39922">
        <v>113</v>
      </c>
      <c r="AQ39922">
        <v>114</v>
      </c>
    </row>
    <row r="39923" spans="1:43">
      <c r="A39923" t="s">
        <v>24743</v>
      </c>
      <c r="B39923" t="s">
        <v>24744</v>
      </c>
      <c r="C39923" t="s">
        <v>8474</v>
      </c>
      <c r="D39923" t="s">
        <v>8475</v>
      </c>
      <c r="E39923" t="s">
        <v>8296</v>
      </c>
      <c r="F39923" t="s">
        <v>8297</v>
      </c>
      <c r="G39923" t="s">
        <v>80</v>
      </c>
      <c r="H39923" t="s">
        <v>81</v>
      </c>
      <c r="I39923" s="2">
        <v>0</v>
      </c>
      <c r="J39923" s="2">
        <v>1</v>
      </c>
      <c r="K39923" s="2">
        <v>0</v>
      </c>
      <c r="L39923" t="s">
        <v>82</v>
      </c>
      <c r="M39923" t="s">
        <v>87</v>
      </c>
      <c r="N39923" t="s">
        <v>88</v>
      </c>
      <c r="O39923" t="s">
        <v>85</v>
      </c>
      <c r="P39923" t="s">
        <v>86</v>
      </c>
      <c r="Q39923">
        <v>80</v>
      </c>
      <c r="R39923">
        <v>81</v>
      </c>
      <c r="S39923">
        <v>82</v>
      </c>
      <c r="T39923">
        <v>83</v>
      </c>
      <c r="U39923">
        <v>84</v>
      </c>
      <c r="V39923">
        <v>84</v>
      </c>
      <c r="W39923">
        <v>85</v>
      </c>
      <c r="X39923">
        <v>86</v>
      </c>
      <c r="Y39923">
        <v>87</v>
      </c>
      <c r="Z39923">
        <v>88</v>
      </c>
      <c r="AA39923">
        <v>88</v>
      </c>
      <c r="AB39923">
        <v>89</v>
      </c>
      <c r="AC39923">
        <v>90</v>
      </c>
      <c r="AD39923">
        <v>91</v>
      </c>
      <c r="AE39923">
        <v>91</v>
      </c>
      <c r="AF39923">
        <v>92</v>
      </c>
      <c r="AG39923">
        <v>93</v>
      </c>
      <c r="AH39923">
        <v>94</v>
      </c>
      <c r="AI39923">
        <v>94</v>
      </c>
      <c r="AJ39923">
        <v>95</v>
      </c>
      <c r="AK39923">
        <v>96</v>
      </c>
      <c r="AL39923">
        <v>96</v>
      </c>
      <c r="AM39923">
        <v>97</v>
      </c>
      <c r="AN39923">
        <v>98</v>
      </c>
      <c r="AO39923">
        <v>99</v>
      </c>
      <c r="AP39923">
        <v>99</v>
      </c>
      <c r="AQ39923">
        <v>100</v>
      </c>
    </row>
    <row r="39924" spans="1:43">
      <c r="A39924" t="s">
        <v>24743</v>
      </c>
      <c r="B39924" t="s">
        <v>24744</v>
      </c>
      <c r="C39924" t="s">
        <v>8474</v>
      </c>
      <c r="D39924" t="s">
        <v>8475</v>
      </c>
      <c r="E39924" t="s">
        <v>8296</v>
      </c>
      <c r="F39924" t="s">
        <v>8297</v>
      </c>
      <c r="G39924" t="s">
        <v>80</v>
      </c>
      <c r="H39924" t="s">
        <v>81</v>
      </c>
      <c r="I39924" s="2">
        <v>0</v>
      </c>
      <c r="J39924" s="2">
        <v>1</v>
      </c>
      <c r="K39924" s="2">
        <v>0</v>
      </c>
      <c r="L39924" t="s">
        <v>82</v>
      </c>
      <c r="M39924" t="s">
        <v>89</v>
      </c>
      <c r="N39924" t="s">
        <v>90</v>
      </c>
      <c r="O39924" t="s">
        <v>85</v>
      </c>
      <c r="P39924" t="s">
        <v>86</v>
      </c>
      <c r="Q39924">
        <v>80</v>
      </c>
      <c r="R39924">
        <v>82</v>
      </c>
      <c r="S39924">
        <v>84</v>
      </c>
      <c r="T39924">
        <v>87</v>
      </c>
      <c r="U39924">
        <v>89</v>
      </c>
      <c r="V39924">
        <v>91</v>
      </c>
      <c r="W39924">
        <v>93</v>
      </c>
      <c r="X39924">
        <v>95</v>
      </c>
      <c r="Y39924">
        <v>97</v>
      </c>
      <c r="Z39924">
        <v>99</v>
      </c>
      <c r="AA39924">
        <v>101</v>
      </c>
      <c r="AB39924">
        <v>103</v>
      </c>
      <c r="AC39924">
        <v>105</v>
      </c>
      <c r="AD39924">
        <v>107</v>
      </c>
      <c r="AE39924">
        <v>108</v>
      </c>
      <c r="AF39924">
        <v>109</v>
      </c>
      <c r="AG39924">
        <v>109</v>
      </c>
      <c r="AH39924">
        <v>110</v>
      </c>
      <c r="AI39924">
        <v>110</v>
      </c>
      <c r="AJ39924">
        <v>110</v>
      </c>
      <c r="AK39924">
        <v>111</v>
      </c>
      <c r="AL39924">
        <v>111</v>
      </c>
      <c r="AM39924">
        <v>112</v>
      </c>
      <c r="AN39924">
        <v>112</v>
      </c>
      <c r="AO39924">
        <v>112</v>
      </c>
      <c r="AP39924">
        <v>113</v>
      </c>
      <c r="AQ39924">
        <v>113</v>
      </c>
    </row>
    <row r="39925" spans="1:43">
      <c r="A39925" t="s">
        <v>24743</v>
      </c>
      <c r="B39925" t="s">
        <v>24744</v>
      </c>
      <c r="C39925" t="s">
        <v>8474</v>
      </c>
      <c r="D39925" t="s">
        <v>8475</v>
      </c>
      <c r="E39925" t="s">
        <v>8296</v>
      </c>
      <c r="F39925" t="s">
        <v>8297</v>
      </c>
      <c r="G39925" t="s">
        <v>80</v>
      </c>
      <c r="H39925" t="s">
        <v>81</v>
      </c>
      <c r="I39925" s="2">
        <v>0</v>
      </c>
      <c r="J39925" s="2">
        <v>1</v>
      </c>
      <c r="K39925" s="2">
        <v>0</v>
      </c>
      <c r="L39925" t="s">
        <v>82</v>
      </c>
      <c r="M39925" t="s">
        <v>83</v>
      </c>
      <c r="N39925" t="s">
        <v>91</v>
      </c>
      <c r="O39925" t="s">
        <v>85</v>
      </c>
      <c r="P39925" t="s">
        <v>86</v>
      </c>
      <c r="Q39925">
        <v>80</v>
      </c>
      <c r="R39925">
        <v>82</v>
      </c>
      <c r="S39925">
        <v>83</v>
      </c>
      <c r="T39925">
        <v>85</v>
      </c>
      <c r="U39925">
        <v>87</v>
      </c>
      <c r="V39925">
        <v>88</v>
      </c>
      <c r="W39925">
        <v>90</v>
      </c>
      <c r="X39925">
        <v>91</v>
      </c>
      <c r="Y39925">
        <v>93</v>
      </c>
      <c r="Z39925">
        <v>94</v>
      </c>
      <c r="AA39925">
        <v>96</v>
      </c>
      <c r="AB39925">
        <v>98</v>
      </c>
      <c r="AC39925">
        <v>99</v>
      </c>
      <c r="AD39925">
        <v>101</v>
      </c>
      <c r="AE39925">
        <v>102</v>
      </c>
      <c r="AF39925">
        <v>104</v>
      </c>
      <c r="AG39925">
        <v>105</v>
      </c>
      <c r="AH39925">
        <v>107</v>
      </c>
      <c r="AI39925">
        <v>108</v>
      </c>
      <c r="AJ39925">
        <v>110</v>
      </c>
      <c r="AK39925">
        <v>111</v>
      </c>
      <c r="AL39925">
        <v>112</v>
      </c>
      <c r="AM39925">
        <v>112</v>
      </c>
      <c r="AN39925">
        <v>113</v>
      </c>
      <c r="AO39925">
        <v>113</v>
      </c>
      <c r="AP39925">
        <v>113</v>
      </c>
      <c r="AQ39925">
        <v>114</v>
      </c>
    </row>
    <row r="39926" spans="1:43">
      <c r="A39926" t="s">
        <v>24745</v>
      </c>
      <c r="B39926" t="s">
        <v>24746</v>
      </c>
      <c r="C39926" t="s">
        <v>24739</v>
      </c>
      <c r="D39926" t="s">
        <v>24740</v>
      </c>
      <c r="E39926" t="s">
        <v>8296</v>
      </c>
      <c r="F39926" t="s">
        <v>8297</v>
      </c>
      <c r="G39926" t="s">
        <v>80</v>
      </c>
      <c r="H39926" t="s">
        <v>81</v>
      </c>
      <c r="I39926" s="2">
        <v>0</v>
      </c>
      <c r="J39926" s="2">
        <v>1</v>
      </c>
      <c r="K39926" s="2">
        <v>0</v>
      </c>
      <c r="L39926" t="s">
        <v>82</v>
      </c>
      <c r="M39926" t="s">
        <v>83</v>
      </c>
      <c r="N39926" t="s">
        <v>84</v>
      </c>
      <c r="O39926" t="s">
        <v>85</v>
      </c>
      <c r="P39926" t="s">
        <v>86</v>
      </c>
      <c r="Q39926">
        <v>75</v>
      </c>
      <c r="R39926">
        <v>77</v>
      </c>
      <c r="S39926">
        <v>78</v>
      </c>
      <c r="T39926">
        <v>80</v>
      </c>
      <c r="U39926">
        <v>81</v>
      </c>
      <c r="V39926">
        <v>83</v>
      </c>
      <c r="W39926">
        <v>84</v>
      </c>
      <c r="X39926">
        <v>86</v>
      </c>
      <c r="Y39926">
        <v>87</v>
      </c>
      <c r="Z39926">
        <v>89</v>
      </c>
      <c r="AA39926">
        <v>90</v>
      </c>
      <c r="AB39926">
        <v>92</v>
      </c>
      <c r="AC39926">
        <v>93</v>
      </c>
      <c r="AD39926">
        <v>95</v>
      </c>
      <c r="AE39926">
        <v>96</v>
      </c>
      <c r="AF39926">
        <v>97</v>
      </c>
      <c r="AG39926">
        <v>99</v>
      </c>
      <c r="AH39926">
        <v>100</v>
      </c>
      <c r="AI39926">
        <v>102</v>
      </c>
      <c r="AJ39926">
        <v>103</v>
      </c>
      <c r="AK39926">
        <v>105</v>
      </c>
      <c r="AL39926">
        <v>105</v>
      </c>
      <c r="AM39926">
        <v>106</v>
      </c>
      <c r="AN39926">
        <v>106</v>
      </c>
      <c r="AO39926">
        <v>106</v>
      </c>
      <c r="AP39926">
        <v>107</v>
      </c>
      <c r="AQ39926">
        <v>107</v>
      </c>
    </row>
    <row r="39927" spans="1:43">
      <c r="A39927" t="s">
        <v>24745</v>
      </c>
      <c r="B39927" t="s">
        <v>24746</v>
      </c>
      <c r="C39927" t="s">
        <v>24739</v>
      </c>
      <c r="D39927" t="s">
        <v>24740</v>
      </c>
      <c r="E39927" t="s">
        <v>8296</v>
      </c>
      <c r="F39927" t="s">
        <v>8297</v>
      </c>
      <c r="G39927" t="s">
        <v>80</v>
      </c>
      <c r="H39927" t="s">
        <v>81</v>
      </c>
      <c r="I39927" s="2">
        <v>0</v>
      </c>
      <c r="J39927" s="2">
        <v>1</v>
      </c>
      <c r="K39927" s="2">
        <v>0</v>
      </c>
      <c r="L39927" t="s">
        <v>82</v>
      </c>
      <c r="M39927" t="s">
        <v>87</v>
      </c>
      <c r="N39927" t="s">
        <v>88</v>
      </c>
      <c r="O39927" t="s">
        <v>85</v>
      </c>
      <c r="P39927" t="s">
        <v>86</v>
      </c>
      <c r="Q39927">
        <v>75</v>
      </c>
      <c r="R39927">
        <v>76</v>
      </c>
      <c r="S39927">
        <v>76</v>
      </c>
      <c r="T39927">
        <v>77</v>
      </c>
      <c r="U39927">
        <v>78</v>
      </c>
      <c r="V39927">
        <v>79</v>
      </c>
      <c r="W39927">
        <v>79</v>
      </c>
      <c r="X39927">
        <v>80</v>
      </c>
      <c r="Y39927">
        <v>81</v>
      </c>
      <c r="Z39927">
        <v>81</v>
      </c>
      <c r="AA39927">
        <v>82</v>
      </c>
      <c r="AB39927">
        <v>83</v>
      </c>
      <c r="AC39927">
        <v>84</v>
      </c>
      <c r="AD39927">
        <v>84</v>
      </c>
      <c r="AE39927">
        <v>85</v>
      </c>
      <c r="AF39927">
        <v>86</v>
      </c>
      <c r="AG39927">
        <v>86</v>
      </c>
      <c r="AH39927">
        <v>87</v>
      </c>
      <c r="AI39927">
        <v>88</v>
      </c>
      <c r="AJ39927">
        <v>88</v>
      </c>
      <c r="AK39927">
        <v>89</v>
      </c>
      <c r="AL39927">
        <v>90</v>
      </c>
      <c r="AM39927">
        <v>91</v>
      </c>
      <c r="AN39927">
        <v>91</v>
      </c>
      <c r="AO39927">
        <v>92</v>
      </c>
      <c r="AP39927">
        <v>92</v>
      </c>
      <c r="AQ39927">
        <v>93</v>
      </c>
    </row>
    <row r="39928" spans="1:43">
      <c r="A39928" t="s">
        <v>24745</v>
      </c>
      <c r="B39928" t="s">
        <v>24746</v>
      </c>
      <c r="C39928" t="s">
        <v>24739</v>
      </c>
      <c r="D39928" t="s">
        <v>24740</v>
      </c>
      <c r="E39928" t="s">
        <v>8296</v>
      </c>
      <c r="F39928" t="s">
        <v>8297</v>
      </c>
      <c r="G39928" t="s">
        <v>80</v>
      </c>
      <c r="H39928" t="s">
        <v>81</v>
      </c>
      <c r="I39928" s="2">
        <v>0</v>
      </c>
      <c r="J39928" s="2">
        <v>1</v>
      </c>
      <c r="K39928" s="2">
        <v>0</v>
      </c>
      <c r="L39928" t="s">
        <v>82</v>
      </c>
      <c r="M39928" t="s">
        <v>89</v>
      </c>
      <c r="N39928" t="s">
        <v>90</v>
      </c>
      <c r="O39928" t="s">
        <v>85</v>
      </c>
      <c r="P39928" t="s">
        <v>86</v>
      </c>
      <c r="Q39928">
        <v>75</v>
      </c>
      <c r="R39928">
        <v>77</v>
      </c>
      <c r="S39928">
        <v>79</v>
      </c>
      <c r="T39928">
        <v>82</v>
      </c>
      <c r="U39928">
        <v>84</v>
      </c>
      <c r="V39928">
        <v>86</v>
      </c>
      <c r="W39928">
        <v>88</v>
      </c>
      <c r="X39928">
        <v>90</v>
      </c>
      <c r="Y39928">
        <v>92</v>
      </c>
      <c r="Z39928">
        <v>93</v>
      </c>
      <c r="AA39928">
        <v>95</v>
      </c>
      <c r="AB39928">
        <v>97</v>
      </c>
      <c r="AC39928">
        <v>99</v>
      </c>
      <c r="AD39928">
        <v>101</v>
      </c>
      <c r="AE39928">
        <v>102</v>
      </c>
      <c r="AF39928">
        <v>102</v>
      </c>
      <c r="AG39928">
        <v>103</v>
      </c>
      <c r="AH39928">
        <v>103</v>
      </c>
      <c r="AI39928">
        <v>104</v>
      </c>
      <c r="AJ39928">
        <v>104</v>
      </c>
      <c r="AK39928">
        <v>104</v>
      </c>
      <c r="AL39928">
        <v>105</v>
      </c>
      <c r="AM39928">
        <v>105</v>
      </c>
      <c r="AN39928">
        <v>106</v>
      </c>
      <c r="AO39928">
        <v>106</v>
      </c>
      <c r="AP39928">
        <v>106</v>
      </c>
      <c r="AQ39928">
        <v>107</v>
      </c>
    </row>
    <row r="39929" spans="1:43">
      <c r="A39929" t="s">
        <v>24745</v>
      </c>
      <c r="B39929" t="s">
        <v>24746</v>
      </c>
      <c r="C39929" t="s">
        <v>24739</v>
      </c>
      <c r="D39929" t="s">
        <v>24740</v>
      </c>
      <c r="E39929" t="s">
        <v>8296</v>
      </c>
      <c r="F39929" t="s">
        <v>8297</v>
      </c>
      <c r="G39929" t="s">
        <v>80</v>
      </c>
      <c r="H39929" t="s">
        <v>81</v>
      </c>
      <c r="I39929" s="2">
        <v>0</v>
      </c>
      <c r="J39929" s="2">
        <v>1</v>
      </c>
      <c r="K39929" s="2">
        <v>0</v>
      </c>
      <c r="L39929" t="s">
        <v>82</v>
      </c>
      <c r="M39929" t="s">
        <v>83</v>
      </c>
      <c r="N39929" t="s">
        <v>91</v>
      </c>
      <c r="O39929" t="s">
        <v>85</v>
      </c>
      <c r="P39929" t="s">
        <v>86</v>
      </c>
      <c r="Q39929">
        <v>75</v>
      </c>
      <c r="R39929">
        <v>77</v>
      </c>
      <c r="S39929">
        <v>78</v>
      </c>
      <c r="T39929">
        <v>80</v>
      </c>
      <c r="U39929">
        <v>81</v>
      </c>
      <c r="V39929">
        <v>83</v>
      </c>
      <c r="W39929">
        <v>84</v>
      </c>
      <c r="X39929">
        <v>86</v>
      </c>
      <c r="Y39929">
        <v>87</v>
      </c>
      <c r="Z39929">
        <v>89</v>
      </c>
      <c r="AA39929">
        <v>90</v>
      </c>
      <c r="AB39929">
        <v>92</v>
      </c>
      <c r="AC39929">
        <v>93</v>
      </c>
      <c r="AD39929">
        <v>95</v>
      </c>
      <c r="AE39929">
        <v>96</v>
      </c>
      <c r="AF39929">
        <v>97</v>
      </c>
      <c r="AG39929">
        <v>99</v>
      </c>
      <c r="AH39929">
        <v>100</v>
      </c>
      <c r="AI39929">
        <v>102</v>
      </c>
      <c r="AJ39929">
        <v>103</v>
      </c>
      <c r="AK39929">
        <v>105</v>
      </c>
      <c r="AL39929">
        <v>105</v>
      </c>
      <c r="AM39929">
        <v>106</v>
      </c>
      <c r="AN39929">
        <v>106</v>
      </c>
      <c r="AO39929">
        <v>106</v>
      </c>
      <c r="AP39929">
        <v>107</v>
      </c>
      <c r="AQ39929">
        <v>107</v>
      </c>
    </row>
    <row r="39930" spans="1:43">
      <c r="A39930" t="s">
        <v>24747</v>
      </c>
      <c r="B39930" t="s">
        <v>24748</v>
      </c>
      <c r="C39930" t="s">
        <v>8436</v>
      </c>
      <c r="D39930" t="s">
        <v>8437</v>
      </c>
      <c r="E39930" t="s">
        <v>8296</v>
      </c>
      <c r="F39930" t="s">
        <v>8297</v>
      </c>
      <c r="G39930" t="s">
        <v>80</v>
      </c>
      <c r="H39930" t="s">
        <v>81</v>
      </c>
      <c r="I39930" s="2">
        <v>0</v>
      </c>
      <c r="J39930" s="2">
        <v>1</v>
      </c>
      <c r="K39930" s="2">
        <v>0</v>
      </c>
      <c r="L39930" t="s">
        <v>82</v>
      </c>
      <c r="M39930" t="s">
        <v>83</v>
      </c>
      <c r="N39930" t="s">
        <v>84</v>
      </c>
      <c r="O39930" t="s">
        <v>85</v>
      </c>
      <c r="P39930" t="s">
        <v>86</v>
      </c>
      <c r="Q39930">
        <v>210</v>
      </c>
      <c r="R39930">
        <v>214</v>
      </c>
      <c r="S39930">
        <v>218</v>
      </c>
      <c r="T39930">
        <v>222</v>
      </c>
      <c r="U39930">
        <v>226</v>
      </c>
      <c r="V39930">
        <v>230</v>
      </c>
      <c r="W39930">
        <v>234</v>
      </c>
      <c r="X39930">
        <v>239</v>
      </c>
      <c r="Y39930">
        <v>243</v>
      </c>
      <c r="Z39930">
        <v>247</v>
      </c>
      <c r="AA39930">
        <v>251</v>
      </c>
      <c r="AB39930">
        <v>255</v>
      </c>
      <c r="AC39930">
        <v>259</v>
      </c>
      <c r="AD39930">
        <v>263</v>
      </c>
      <c r="AE39930">
        <v>267</v>
      </c>
      <c r="AF39930">
        <v>271</v>
      </c>
      <c r="AG39930">
        <v>275</v>
      </c>
      <c r="AH39930">
        <v>279</v>
      </c>
      <c r="AI39930">
        <v>284</v>
      </c>
      <c r="AJ39930">
        <v>288</v>
      </c>
      <c r="AK39930">
        <v>292</v>
      </c>
      <c r="AL39930">
        <v>294</v>
      </c>
      <c r="AM39930">
        <v>295</v>
      </c>
      <c r="AN39930">
        <v>296</v>
      </c>
      <c r="AO39930">
        <v>297</v>
      </c>
      <c r="AP39930">
        <v>297</v>
      </c>
      <c r="AQ39930">
        <v>298</v>
      </c>
    </row>
    <row r="39931" spans="1:43">
      <c r="A39931" t="s">
        <v>24747</v>
      </c>
      <c r="B39931" t="s">
        <v>24748</v>
      </c>
      <c r="C39931" t="s">
        <v>8436</v>
      </c>
      <c r="D39931" t="s">
        <v>8437</v>
      </c>
      <c r="E39931" t="s">
        <v>8296</v>
      </c>
      <c r="F39931" t="s">
        <v>8297</v>
      </c>
      <c r="G39931" t="s">
        <v>80</v>
      </c>
      <c r="H39931" t="s">
        <v>81</v>
      </c>
      <c r="I39931" s="2">
        <v>0</v>
      </c>
      <c r="J39931" s="2">
        <v>1</v>
      </c>
      <c r="K39931" s="2">
        <v>0</v>
      </c>
      <c r="L39931" t="s">
        <v>82</v>
      </c>
      <c r="M39931" t="s">
        <v>87</v>
      </c>
      <c r="N39931" t="s">
        <v>88</v>
      </c>
      <c r="O39931" t="s">
        <v>85</v>
      </c>
      <c r="P39931" t="s">
        <v>86</v>
      </c>
      <c r="Q39931">
        <v>210</v>
      </c>
      <c r="R39931">
        <v>212</v>
      </c>
      <c r="S39931">
        <v>214</v>
      </c>
      <c r="T39931">
        <v>216</v>
      </c>
      <c r="U39931">
        <v>218</v>
      </c>
      <c r="V39931">
        <v>220</v>
      </c>
      <c r="W39931">
        <v>222</v>
      </c>
      <c r="X39931">
        <v>224</v>
      </c>
      <c r="Y39931">
        <v>226</v>
      </c>
      <c r="Z39931">
        <v>229</v>
      </c>
      <c r="AA39931">
        <v>231</v>
      </c>
      <c r="AB39931">
        <v>233</v>
      </c>
      <c r="AC39931">
        <v>235</v>
      </c>
      <c r="AD39931">
        <v>237</v>
      </c>
      <c r="AE39931">
        <v>238</v>
      </c>
      <c r="AF39931">
        <v>240</v>
      </c>
      <c r="AG39931">
        <v>242</v>
      </c>
      <c r="AH39931">
        <v>244</v>
      </c>
      <c r="AI39931">
        <v>246</v>
      </c>
      <c r="AJ39931">
        <v>248</v>
      </c>
      <c r="AK39931">
        <v>250</v>
      </c>
      <c r="AL39931">
        <v>252</v>
      </c>
      <c r="AM39931">
        <v>254</v>
      </c>
      <c r="AN39931">
        <v>256</v>
      </c>
      <c r="AO39931">
        <v>258</v>
      </c>
      <c r="AP39931">
        <v>259</v>
      </c>
      <c r="AQ39931">
        <v>261</v>
      </c>
    </row>
    <row r="39932" spans="1:43">
      <c r="A39932" t="s">
        <v>24747</v>
      </c>
      <c r="B39932" t="s">
        <v>24748</v>
      </c>
      <c r="C39932" t="s">
        <v>8436</v>
      </c>
      <c r="D39932" t="s">
        <v>8437</v>
      </c>
      <c r="E39932" t="s">
        <v>8296</v>
      </c>
      <c r="F39932" t="s">
        <v>8297</v>
      </c>
      <c r="G39932" t="s">
        <v>80</v>
      </c>
      <c r="H39932" t="s">
        <v>81</v>
      </c>
      <c r="I39932" s="2">
        <v>0</v>
      </c>
      <c r="J39932" s="2">
        <v>1</v>
      </c>
      <c r="K39932" s="2">
        <v>0</v>
      </c>
      <c r="L39932" t="s">
        <v>82</v>
      </c>
      <c r="M39932" t="s">
        <v>89</v>
      </c>
      <c r="N39932" t="s">
        <v>90</v>
      </c>
      <c r="O39932" t="s">
        <v>85</v>
      </c>
      <c r="P39932" t="s">
        <v>86</v>
      </c>
      <c r="Q39932">
        <v>210</v>
      </c>
      <c r="R39932">
        <v>216</v>
      </c>
      <c r="S39932">
        <v>222</v>
      </c>
      <c r="T39932">
        <v>228</v>
      </c>
      <c r="U39932">
        <v>234</v>
      </c>
      <c r="V39932">
        <v>240</v>
      </c>
      <c r="W39932">
        <v>246</v>
      </c>
      <c r="X39932">
        <v>251</v>
      </c>
      <c r="Y39932">
        <v>256</v>
      </c>
      <c r="Z39932">
        <v>262</v>
      </c>
      <c r="AA39932">
        <v>267</v>
      </c>
      <c r="AB39932">
        <v>272</v>
      </c>
      <c r="AC39932">
        <v>277</v>
      </c>
      <c r="AD39932">
        <v>282</v>
      </c>
      <c r="AE39932">
        <v>286</v>
      </c>
      <c r="AF39932">
        <v>287</v>
      </c>
      <c r="AG39932">
        <v>288</v>
      </c>
      <c r="AH39932">
        <v>289</v>
      </c>
      <c r="AI39932">
        <v>291</v>
      </c>
      <c r="AJ39932">
        <v>292</v>
      </c>
      <c r="AK39932">
        <v>293</v>
      </c>
      <c r="AL39932">
        <v>294</v>
      </c>
      <c r="AM39932">
        <v>295</v>
      </c>
      <c r="AN39932">
        <v>296</v>
      </c>
      <c r="AO39932">
        <v>297</v>
      </c>
      <c r="AP39932">
        <v>297</v>
      </c>
      <c r="AQ39932">
        <v>298</v>
      </c>
    </row>
    <row r="39933" spans="1:43">
      <c r="A39933" t="s">
        <v>24747</v>
      </c>
      <c r="B39933" t="s">
        <v>24748</v>
      </c>
      <c r="C39933" t="s">
        <v>8436</v>
      </c>
      <c r="D39933" t="s">
        <v>8437</v>
      </c>
      <c r="E39933" t="s">
        <v>8296</v>
      </c>
      <c r="F39933" t="s">
        <v>8297</v>
      </c>
      <c r="G39933" t="s">
        <v>80</v>
      </c>
      <c r="H39933" t="s">
        <v>81</v>
      </c>
      <c r="I39933" s="2">
        <v>0</v>
      </c>
      <c r="J39933" s="2">
        <v>1</v>
      </c>
      <c r="K39933" s="2">
        <v>0</v>
      </c>
      <c r="L39933" t="s">
        <v>82</v>
      </c>
      <c r="M39933" t="s">
        <v>83</v>
      </c>
      <c r="N39933" t="s">
        <v>91</v>
      </c>
      <c r="O39933" t="s">
        <v>85</v>
      </c>
      <c r="P39933" t="s">
        <v>86</v>
      </c>
      <c r="Q39933">
        <v>210</v>
      </c>
      <c r="R39933">
        <v>214</v>
      </c>
      <c r="S39933">
        <v>218</v>
      </c>
      <c r="T39933">
        <v>222</v>
      </c>
      <c r="U39933">
        <v>226</v>
      </c>
      <c r="V39933">
        <v>230</v>
      </c>
      <c r="W39933">
        <v>234</v>
      </c>
      <c r="X39933">
        <v>239</v>
      </c>
      <c r="Y39933">
        <v>243</v>
      </c>
      <c r="Z39933">
        <v>247</v>
      </c>
      <c r="AA39933">
        <v>251</v>
      </c>
      <c r="AB39933">
        <v>255</v>
      </c>
      <c r="AC39933">
        <v>259</v>
      </c>
      <c r="AD39933">
        <v>263</v>
      </c>
      <c r="AE39933">
        <v>267</v>
      </c>
      <c r="AF39933">
        <v>271</v>
      </c>
      <c r="AG39933">
        <v>275</v>
      </c>
      <c r="AH39933">
        <v>279</v>
      </c>
      <c r="AI39933">
        <v>284</v>
      </c>
      <c r="AJ39933">
        <v>288</v>
      </c>
      <c r="AK39933">
        <v>292</v>
      </c>
      <c r="AL39933">
        <v>294</v>
      </c>
      <c r="AM39933">
        <v>295</v>
      </c>
      <c r="AN39933">
        <v>296</v>
      </c>
      <c r="AO39933">
        <v>297</v>
      </c>
      <c r="AP39933">
        <v>297</v>
      </c>
      <c r="AQ39933">
        <v>298</v>
      </c>
    </row>
    <row r="39934" spans="1:43">
      <c r="A39934" t="s">
        <v>24749</v>
      </c>
      <c r="B39934" t="s">
        <v>24750</v>
      </c>
      <c r="C39934" t="s">
        <v>19641</v>
      </c>
      <c r="D39934" t="s">
        <v>19642</v>
      </c>
      <c r="E39934" t="s">
        <v>19535</v>
      </c>
      <c r="F39934" t="s">
        <v>19536</v>
      </c>
      <c r="G39934" t="s">
        <v>10734</v>
      </c>
      <c r="H39934" t="s">
        <v>10735</v>
      </c>
      <c r="I39934" s="2">
        <v>0</v>
      </c>
      <c r="J39934" s="2">
        <v>0</v>
      </c>
      <c r="K39934" s="2">
        <v>1</v>
      </c>
      <c r="L39934" t="s">
        <v>995</v>
      </c>
      <c r="M39934" t="s">
        <v>83</v>
      </c>
      <c r="N39934" t="s">
        <v>84</v>
      </c>
      <c r="O39934" t="s">
        <v>85</v>
      </c>
      <c r="P39934" t="s">
        <v>86</v>
      </c>
      <c r="Q39934">
        <v>5</v>
      </c>
      <c r="R39934">
        <v>5</v>
      </c>
      <c r="S39934">
        <v>5</v>
      </c>
      <c r="T39934">
        <v>5</v>
      </c>
      <c r="U39934">
        <v>5</v>
      </c>
      <c r="V39934">
        <v>5</v>
      </c>
      <c r="W39934">
        <v>6</v>
      </c>
      <c r="X39934">
        <v>6</v>
      </c>
      <c r="Y39934">
        <v>6</v>
      </c>
      <c r="Z39934">
        <v>6</v>
      </c>
      <c r="AA39934">
        <v>6</v>
      </c>
      <c r="AB39934">
        <v>6</v>
      </c>
      <c r="AC39934">
        <v>7</v>
      </c>
      <c r="AD39934">
        <v>7</v>
      </c>
      <c r="AE39934">
        <v>7</v>
      </c>
      <c r="AF39934">
        <v>7</v>
      </c>
      <c r="AG39934">
        <v>7</v>
      </c>
      <c r="AH39934">
        <v>7</v>
      </c>
      <c r="AI39934">
        <v>8</v>
      </c>
      <c r="AJ39934">
        <v>8</v>
      </c>
      <c r="AK39934">
        <v>8</v>
      </c>
      <c r="AL39934">
        <v>8</v>
      </c>
      <c r="AM39934">
        <v>8</v>
      </c>
      <c r="AN39934">
        <v>8</v>
      </c>
      <c r="AO39934">
        <v>9</v>
      </c>
      <c r="AP39934">
        <v>9</v>
      </c>
      <c r="AQ39934">
        <v>9</v>
      </c>
    </row>
    <row r="39935" spans="1:43">
      <c r="A39935" t="s">
        <v>24749</v>
      </c>
      <c r="B39935" t="s">
        <v>24750</v>
      </c>
      <c r="C39935" t="s">
        <v>19641</v>
      </c>
      <c r="D39935" t="s">
        <v>19642</v>
      </c>
      <c r="E39935" t="s">
        <v>19535</v>
      </c>
      <c r="F39935" t="s">
        <v>19536</v>
      </c>
      <c r="G39935" t="s">
        <v>10734</v>
      </c>
      <c r="H39935" t="s">
        <v>10735</v>
      </c>
      <c r="I39935" s="2">
        <v>0</v>
      </c>
      <c r="J39935" s="2">
        <v>0</v>
      </c>
      <c r="K39935" s="2">
        <v>1</v>
      </c>
      <c r="L39935" t="s">
        <v>995</v>
      </c>
      <c r="M39935" t="s">
        <v>87</v>
      </c>
      <c r="N39935" t="s">
        <v>88</v>
      </c>
      <c r="O39935" t="s">
        <v>85</v>
      </c>
      <c r="P39935" t="s">
        <v>86</v>
      </c>
      <c r="Q39935">
        <v>5</v>
      </c>
      <c r="R39935">
        <v>5</v>
      </c>
      <c r="S39935">
        <v>5</v>
      </c>
      <c r="T39935">
        <v>5</v>
      </c>
      <c r="U39935">
        <v>5</v>
      </c>
      <c r="V39935">
        <v>5</v>
      </c>
      <c r="W39935">
        <v>5</v>
      </c>
      <c r="X39935">
        <v>5</v>
      </c>
      <c r="Y39935">
        <v>5</v>
      </c>
      <c r="Z39935">
        <v>6</v>
      </c>
      <c r="AA39935">
        <v>6</v>
      </c>
      <c r="AB39935">
        <v>6</v>
      </c>
      <c r="AC39935">
        <v>6</v>
      </c>
      <c r="AD39935">
        <v>6</v>
      </c>
      <c r="AE39935">
        <v>6</v>
      </c>
      <c r="AF39935">
        <v>6</v>
      </c>
      <c r="AG39935">
        <v>6</v>
      </c>
      <c r="AH39935">
        <v>6</v>
      </c>
      <c r="AI39935">
        <v>7</v>
      </c>
      <c r="AJ39935">
        <v>7</v>
      </c>
      <c r="AK39935">
        <v>7</v>
      </c>
      <c r="AL39935">
        <v>7</v>
      </c>
      <c r="AM39935">
        <v>7</v>
      </c>
      <c r="AN39935">
        <v>7</v>
      </c>
      <c r="AO39935">
        <v>7</v>
      </c>
      <c r="AP39935">
        <v>8</v>
      </c>
      <c r="AQ39935">
        <v>8</v>
      </c>
    </row>
    <row r="39936" spans="1:43">
      <c r="A39936" t="s">
        <v>24749</v>
      </c>
      <c r="B39936" t="s">
        <v>24750</v>
      </c>
      <c r="C39936" t="s">
        <v>19641</v>
      </c>
      <c r="D39936" t="s">
        <v>19642</v>
      </c>
      <c r="E39936" t="s">
        <v>19535</v>
      </c>
      <c r="F39936" t="s">
        <v>19536</v>
      </c>
      <c r="G39936" t="s">
        <v>10734</v>
      </c>
      <c r="H39936" t="s">
        <v>10735</v>
      </c>
      <c r="I39936" s="2">
        <v>0</v>
      </c>
      <c r="J39936" s="2">
        <v>0</v>
      </c>
      <c r="K39936" s="2">
        <v>1</v>
      </c>
      <c r="L39936" t="s">
        <v>995</v>
      </c>
      <c r="M39936" t="s">
        <v>89</v>
      </c>
      <c r="N39936" t="s">
        <v>90</v>
      </c>
      <c r="O39936" t="s">
        <v>85</v>
      </c>
      <c r="P39936" t="s">
        <v>86</v>
      </c>
      <c r="Q39936">
        <v>5</v>
      </c>
      <c r="R39936">
        <v>5</v>
      </c>
      <c r="S39936">
        <v>5</v>
      </c>
      <c r="T39936">
        <v>5</v>
      </c>
      <c r="U39936">
        <v>6</v>
      </c>
      <c r="V39936">
        <v>6</v>
      </c>
      <c r="W39936">
        <v>6</v>
      </c>
      <c r="X39936">
        <v>6</v>
      </c>
      <c r="Y39936">
        <v>6</v>
      </c>
      <c r="Z39936">
        <v>6</v>
      </c>
      <c r="AA39936">
        <v>7</v>
      </c>
      <c r="AB39936">
        <v>7</v>
      </c>
      <c r="AC39936">
        <v>7</v>
      </c>
      <c r="AD39936">
        <v>7</v>
      </c>
      <c r="AE39936">
        <v>7</v>
      </c>
      <c r="AF39936">
        <v>8</v>
      </c>
      <c r="AG39936">
        <v>8</v>
      </c>
      <c r="AH39936">
        <v>8</v>
      </c>
      <c r="AI39936">
        <v>8</v>
      </c>
      <c r="AJ39936">
        <v>8</v>
      </c>
      <c r="AK39936">
        <v>8</v>
      </c>
      <c r="AL39936">
        <v>8</v>
      </c>
      <c r="AM39936">
        <v>8</v>
      </c>
      <c r="AN39936">
        <v>8</v>
      </c>
      <c r="AO39936">
        <v>9</v>
      </c>
      <c r="AP39936">
        <v>9</v>
      </c>
      <c r="AQ39936">
        <v>9</v>
      </c>
    </row>
    <row r="39937" spans="1:43">
      <c r="A39937" t="s">
        <v>24749</v>
      </c>
      <c r="B39937" t="s">
        <v>24750</v>
      </c>
      <c r="C39937" t="s">
        <v>19641</v>
      </c>
      <c r="D39937" t="s">
        <v>19642</v>
      </c>
      <c r="E39937" t="s">
        <v>19535</v>
      </c>
      <c r="F39937" t="s">
        <v>19536</v>
      </c>
      <c r="G39937" t="s">
        <v>10734</v>
      </c>
      <c r="H39937" t="s">
        <v>10735</v>
      </c>
      <c r="I39937" s="2">
        <v>0</v>
      </c>
      <c r="J39937" s="2">
        <v>0</v>
      </c>
      <c r="K39937" s="2">
        <v>1</v>
      </c>
      <c r="L39937" t="s">
        <v>995</v>
      </c>
      <c r="M39937" t="s">
        <v>83</v>
      </c>
      <c r="N39937" t="s">
        <v>91</v>
      </c>
      <c r="O39937" t="s">
        <v>85</v>
      </c>
      <c r="P39937" t="s">
        <v>86</v>
      </c>
      <c r="Q39937">
        <v>5</v>
      </c>
      <c r="R39937">
        <v>5</v>
      </c>
      <c r="S39937">
        <v>5</v>
      </c>
      <c r="T39937">
        <v>5</v>
      </c>
      <c r="U39937">
        <v>5</v>
      </c>
      <c r="V39937">
        <v>5</v>
      </c>
      <c r="W39937">
        <v>6</v>
      </c>
      <c r="X39937">
        <v>6</v>
      </c>
      <c r="Y39937">
        <v>6</v>
      </c>
      <c r="Z39937">
        <v>6</v>
      </c>
      <c r="AA39937">
        <v>6</v>
      </c>
      <c r="AB39937">
        <v>6</v>
      </c>
      <c r="AC39937">
        <v>7</v>
      </c>
      <c r="AD39937">
        <v>7</v>
      </c>
      <c r="AE39937">
        <v>7</v>
      </c>
      <c r="AF39937">
        <v>7</v>
      </c>
      <c r="AG39937">
        <v>7</v>
      </c>
      <c r="AH39937">
        <v>7</v>
      </c>
      <c r="AI39937">
        <v>8</v>
      </c>
      <c r="AJ39937">
        <v>8</v>
      </c>
      <c r="AK39937">
        <v>8</v>
      </c>
      <c r="AL39937">
        <v>8</v>
      </c>
      <c r="AM39937">
        <v>8</v>
      </c>
      <c r="AN39937">
        <v>8</v>
      </c>
      <c r="AO39937">
        <v>9</v>
      </c>
      <c r="AP39937">
        <v>9</v>
      </c>
      <c r="AQ39937">
        <v>9</v>
      </c>
    </row>
    <row r="39938" spans="1:43">
      <c r="A39938" t="s">
        <v>24751</v>
      </c>
      <c r="B39938" t="s">
        <v>24752</v>
      </c>
      <c r="C39938" t="s">
        <v>19595</v>
      </c>
      <c r="D39938" t="s">
        <v>19596</v>
      </c>
      <c r="E39938" t="s">
        <v>19535</v>
      </c>
      <c r="F39938" t="s">
        <v>19536</v>
      </c>
      <c r="G39938" t="s">
        <v>10734</v>
      </c>
      <c r="H39938" t="s">
        <v>10735</v>
      </c>
      <c r="I39938" s="2">
        <v>0</v>
      </c>
      <c r="J39938" s="2">
        <v>0</v>
      </c>
      <c r="K39938" s="2">
        <v>1</v>
      </c>
      <c r="L39938" t="s">
        <v>995</v>
      </c>
      <c r="M39938" t="s">
        <v>83</v>
      </c>
      <c r="N39938" t="s">
        <v>84</v>
      </c>
      <c r="O39938" t="s">
        <v>85</v>
      </c>
      <c r="P39938" t="s">
        <v>86</v>
      </c>
      <c r="Q39938">
        <v>20</v>
      </c>
      <c r="R39938">
        <v>21</v>
      </c>
      <c r="S39938">
        <v>21</v>
      </c>
      <c r="T39938">
        <v>22</v>
      </c>
      <c r="U39938">
        <v>22</v>
      </c>
      <c r="V39938">
        <v>23</v>
      </c>
      <c r="W39938">
        <v>23</v>
      </c>
      <c r="X39938">
        <v>24</v>
      </c>
      <c r="Y39938">
        <v>25</v>
      </c>
      <c r="Z39938">
        <v>25</v>
      </c>
      <c r="AA39938">
        <v>26</v>
      </c>
      <c r="AB39938">
        <v>27</v>
      </c>
      <c r="AC39938">
        <v>27</v>
      </c>
      <c r="AD39938">
        <v>28</v>
      </c>
      <c r="AE39938">
        <v>29</v>
      </c>
      <c r="AF39938">
        <v>30</v>
      </c>
      <c r="AG39938">
        <v>30</v>
      </c>
      <c r="AH39938">
        <v>31</v>
      </c>
      <c r="AI39938">
        <v>32</v>
      </c>
      <c r="AJ39938">
        <v>33</v>
      </c>
      <c r="AK39938">
        <v>33</v>
      </c>
      <c r="AL39938">
        <v>34</v>
      </c>
      <c r="AM39938">
        <v>35</v>
      </c>
      <c r="AN39938">
        <v>35</v>
      </c>
      <c r="AO39938">
        <v>36</v>
      </c>
      <c r="AP39938">
        <v>36</v>
      </c>
      <c r="AQ39938">
        <v>37</v>
      </c>
    </row>
    <row r="39939" spans="1:43">
      <c r="A39939" t="s">
        <v>24751</v>
      </c>
      <c r="B39939" t="s">
        <v>24752</v>
      </c>
      <c r="C39939" t="s">
        <v>19595</v>
      </c>
      <c r="D39939" t="s">
        <v>19596</v>
      </c>
      <c r="E39939" t="s">
        <v>19535</v>
      </c>
      <c r="F39939" t="s">
        <v>19536</v>
      </c>
      <c r="G39939" t="s">
        <v>10734</v>
      </c>
      <c r="H39939" t="s">
        <v>10735</v>
      </c>
      <c r="I39939" s="2">
        <v>0</v>
      </c>
      <c r="J39939" s="2">
        <v>0</v>
      </c>
      <c r="K39939" s="2">
        <v>1</v>
      </c>
      <c r="L39939" t="s">
        <v>995</v>
      </c>
      <c r="M39939" t="s">
        <v>87</v>
      </c>
      <c r="N39939" t="s">
        <v>88</v>
      </c>
      <c r="O39939" t="s">
        <v>85</v>
      </c>
      <c r="P39939" t="s">
        <v>86</v>
      </c>
      <c r="Q39939">
        <v>20</v>
      </c>
      <c r="R39939">
        <v>20</v>
      </c>
      <c r="S39939">
        <v>21</v>
      </c>
      <c r="T39939">
        <v>21</v>
      </c>
      <c r="U39939">
        <v>21</v>
      </c>
      <c r="V39939">
        <v>22</v>
      </c>
      <c r="W39939">
        <v>22</v>
      </c>
      <c r="X39939">
        <v>22</v>
      </c>
      <c r="Y39939">
        <v>23</v>
      </c>
      <c r="Z39939">
        <v>23</v>
      </c>
      <c r="AA39939">
        <v>24</v>
      </c>
      <c r="AB39939">
        <v>24</v>
      </c>
      <c r="AC39939">
        <v>25</v>
      </c>
      <c r="AD39939">
        <v>25</v>
      </c>
      <c r="AE39939">
        <v>25</v>
      </c>
      <c r="AF39939">
        <v>26</v>
      </c>
      <c r="AG39939">
        <v>26</v>
      </c>
      <c r="AH39939">
        <v>27</v>
      </c>
      <c r="AI39939">
        <v>27</v>
      </c>
      <c r="AJ39939">
        <v>28</v>
      </c>
      <c r="AK39939">
        <v>28</v>
      </c>
      <c r="AL39939">
        <v>29</v>
      </c>
      <c r="AM39939">
        <v>30</v>
      </c>
      <c r="AN39939">
        <v>30</v>
      </c>
      <c r="AO39939">
        <v>31</v>
      </c>
      <c r="AP39939">
        <v>31</v>
      </c>
      <c r="AQ39939">
        <v>32</v>
      </c>
    </row>
    <row r="39940" spans="1:43">
      <c r="A39940" t="s">
        <v>24751</v>
      </c>
      <c r="B39940" t="s">
        <v>24752</v>
      </c>
      <c r="C39940" t="s">
        <v>19595</v>
      </c>
      <c r="D39940" t="s">
        <v>19596</v>
      </c>
      <c r="E39940" t="s">
        <v>19535</v>
      </c>
      <c r="F39940" t="s">
        <v>19536</v>
      </c>
      <c r="G39940" t="s">
        <v>10734</v>
      </c>
      <c r="H39940" t="s">
        <v>10735</v>
      </c>
      <c r="I39940" s="2">
        <v>0</v>
      </c>
      <c r="J39940" s="2">
        <v>0</v>
      </c>
      <c r="K39940" s="2">
        <v>1</v>
      </c>
      <c r="L39940" t="s">
        <v>995</v>
      </c>
      <c r="M39940" t="s">
        <v>89</v>
      </c>
      <c r="N39940" t="s">
        <v>90</v>
      </c>
      <c r="O39940" t="s">
        <v>85</v>
      </c>
      <c r="P39940" t="s">
        <v>86</v>
      </c>
      <c r="Q39940">
        <v>20</v>
      </c>
      <c r="R39940">
        <v>21</v>
      </c>
      <c r="S39940">
        <v>22</v>
      </c>
      <c r="T39940">
        <v>22</v>
      </c>
      <c r="U39940">
        <v>23</v>
      </c>
      <c r="V39940">
        <v>24</v>
      </c>
      <c r="W39940">
        <v>25</v>
      </c>
      <c r="X39940">
        <v>25</v>
      </c>
      <c r="Y39940">
        <v>26</v>
      </c>
      <c r="Z39940">
        <v>27</v>
      </c>
      <c r="AA39940">
        <v>28</v>
      </c>
      <c r="AB39940">
        <v>29</v>
      </c>
      <c r="AC39940">
        <v>29</v>
      </c>
      <c r="AD39940">
        <v>30</v>
      </c>
      <c r="AE39940">
        <v>31</v>
      </c>
      <c r="AF39940">
        <v>31</v>
      </c>
      <c r="AG39940">
        <v>32</v>
      </c>
      <c r="AH39940">
        <v>32</v>
      </c>
      <c r="AI39940">
        <v>33</v>
      </c>
      <c r="AJ39940">
        <v>33</v>
      </c>
      <c r="AK39940">
        <v>34</v>
      </c>
      <c r="AL39940">
        <v>34</v>
      </c>
      <c r="AM39940">
        <v>35</v>
      </c>
      <c r="AN39940">
        <v>35</v>
      </c>
      <c r="AO39940">
        <v>36</v>
      </c>
      <c r="AP39940">
        <v>36</v>
      </c>
      <c r="AQ39940">
        <v>37</v>
      </c>
    </row>
    <row r="39941" spans="1:43">
      <c r="A39941" t="s">
        <v>24751</v>
      </c>
      <c r="B39941" t="s">
        <v>24752</v>
      </c>
      <c r="C39941" t="s">
        <v>19595</v>
      </c>
      <c r="D39941" t="s">
        <v>19596</v>
      </c>
      <c r="E39941" t="s">
        <v>19535</v>
      </c>
      <c r="F39941" t="s">
        <v>19536</v>
      </c>
      <c r="G39941" t="s">
        <v>10734</v>
      </c>
      <c r="H39941" t="s">
        <v>10735</v>
      </c>
      <c r="I39941" s="2">
        <v>0</v>
      </c>
      <c r="J39941" s="2">
        <v>0</v>
      </c>
      <c r="K39941" s="2">
        <v>1</v>
      </c>
      <c r="L39941" t="s">
        <v>995</v>
      </c>
      <c r="M39941" t="s">
        <v>83</v>
      </c>
      <c r="N39941" t="s">
        <v>91</v>
      </c>
      <c r="O39941" t="s">
        <v>85</v>
      </c>
      <c r="P39941" t="s">
        <v>86</v>
      </c>
      <c r="Q39941">
        <v>20</v>
      </c>
      <c r="R39941">
        <v>21</v>
      </c>
      <c r="S39941">
        <v>21</v>
      </c>
      <c r="T39941">
        <v>22</v>
      </c>
      <c r="U39941">
        <v>22</v>
      </c>
      <c r="V39941">
        <v>23</v>
      </c>
      <c r="W39941">
        <v>23</v>
      </c>
      <c r="X39941">
        <v>24</v>
      </c>
      <c r="Y39941">
        <v>25</v>
      </c>
      <c r="Z39941">
        <v>25</v>
      </c>
      <c r="AA39941">
        <v>26</v>
      </c>
      <c r="AB39941">
        <v>27</v>
      </c>
      <c r="AC39941">
        <v>27</v>
      </c>
      <c r="AD39941">
        <v>28</v>
      </c>
      <c r="AE39941">
        <v>29</v>
      </c>
      <c r="AF39941">
        <v>30</v>
      </c>
      <c r="AG39941">
        <v>30</v>
      </c>
      <c r="AH39941">
        <v>31</v>
      </c>
      <c r="AI39941">
        <v>32</v>
      </c>
      <c r="AJ39941">
        <v>33</v>
      </c>
      <c r="AK39941">
        <v>33</v>
      </c>
      <c r="AL39941">
        <v>34</v>
      </c>
      <c r="AM39941">
        <v>35</v>
      </c>
      <c r="AN39941">
        <v>35</v>
      </c>
      <c r="AO39941">
        <v>36</v>
      </c>
      <c r="AP39941">
        <v>36</v>
      </c>
      <c r="AQ39941">
        <v>37</v>
      </c>
    </row>
    <row r="39942" spans="1:43">
      <c r="A39942" t="s">
        <v>24753</v>
      </c>
      <c r="B39942" t="s">
        <v>24754</v>
      </c>
      <c r="C39942" t="s">
        <v>19595</v>
      </c>
      <c r="D39942" t="s">
        <v>19596</v>
      </c>
      <c r="E39942" t="s">
        <v>19535</v>
      </c>
      <c r="F39942" t="s">
        <v>19536</v>
      </c>
      <c r="G39942" t="s">
        <v>10734</v>
      </c>
      <c r="H39942" t="s">
        <v>10735</v>
      </c>
      <c r="I39942" s="2">
        <v>0</v>
      </c>
      <c r="J39942" s="2">
        <v>0</v>
      </c>
      <c r="K39942" s="2">
        <v>1</v>
      </c>
      <c r="L39942" t="s">
        <v>995</v>
      </c>
      <c r="M39942" t="s">
        <v>83</v>
      </c>
      <c r="N39942" t="s">
        <v>84</v>
      </c>
      <c r="O39942" t="s">
        <v>85</v>
      </c>
      <c r="P39942" t="s">
        <v>86</v>
      </c>
      <c r="Q39942">
        <v>13</v>
      </c>
      <c r="R39942">
        <v>13</v>
      </c>
      <c r="S39942">
        <v>14</v>
      </c>
      <c r="T39942">
        <v>14</v>
      </c>
      <c r="U39942">
        <v>15</v>
      </c>
      <c r="V39942">
        <v>15</v>
      </c>
      <c r="W39942">
        <v>15</v>
      </c>
      <c r="X39942">
        <v>16</v>
      </c>
      <c r="Y39942">
        <v>16</v>
      </c>
      <c r="Z39942">
        <v>17</v>
      </c>
      <c r="AA39942">
        <v>17</v>
      </c>
      <c r="AB39942">
        <v>17</v>
      </c>
      <c r="AC39942">
        <v>18</v>
      </c>
      <c r="AD39942">
        <v>18</v>
      </c>
      <c r="AE39942">
        <v>19</v>
      </c>
      <c r="AF39942">
        <v>19</v>
      </c>
      <c r="AG39942">
        <v>20</v>
      </c>
      <c r="AH39942">
        <v>20</v>
      </c>
      <c r="AI39942">
        <v>21</v>
      </c>
      <c r="AJ39942">
        <v>21</v>
      </c>
      <c r="AK39942">
        <v>22</v>
      </c>
      <c r="AL39942">
        <v>22</v>
      </c>
      <c r="AM39942">
        <v>23</v>
      </c>
      <c r="AN39942">
        <v>23</v>
      </c>
      <c r="AO39942">
        <v>23</v>
      </c>
      <c r="AP39942">
        <v>24</v>
      </c>
      <c r="AQ39942">
        <v>24</v>
      </c>
    </row>
    <row r="39943" spans="1:43">
      <c r="A39943" t="s">
        <v>24753</v>
      </c>
      <c r="B39943" t="s">
        <v>24754</v>
      </c>
      <c r="C39943" t="s">
        <v>19595</v>
      </c>
      <c r="D39943" t="s">
        <v>19596</v>
      </c>
      <c r="E39943" t="s">
        <v>19535</v>
      </c>
      <c r="F39943" t="s">
        <v>19536</v>
      </c>
      <c r="G39943" t="s">
        <v>10734</v>
      </c>
      <c r="H39943" t="s">
        <v>10735</v>
      </c>
      <c r="I39943" s="2">
        <v>0</v>
      </c>
      <c r="J39943" s="2">
        <v>0</v>
      </c>
      <c r="K39943" s="2">
        <v>1</v>
      </c>
      <c r="L39943" t="s">
        <v>995</v>
      </c>
      <c r="M39943" t="s">
        <v>87</v>
      </c>
      <c r="N39943" t="s">
        <v>88</v>
      </c>
      <c r="O39943" t="s">
        <v>85</v>
      </c>
      <c r="P39943" t="s">
        <v>86</v>
      </c>
      <c r="Q39943">
        <v>13</v>
      </c>
      <c r="R39943">
        <v>13</v>
      </c>
      <c r="S39943">
        <v>13</v>
      </c>
      <c r="T39943">
        <v>14</v>
      </c>
      <c r="U39943">
        <v>14</v>
      </c>
      <c r="V39943">
        <v>14</v>
      </c>
      <c r="W39943">
        <v>14</v>
      </c>
      <c r="X39943">
        <v>15</v>
      </c>
      <c r="Y39943">
        <v>15</v>
      </c>
      <c r="Z39943">
        <v>15</v>
      </c>
      <c r="AA39943">
        <v>15</v>
      </c>
      <c r="AB39943">
        <v>16</v>
      </c>
      <c r="AC39943">
        <v>16</v>
      </c>
      <c r="AD39943">
        <v>16</v>
      </c>
      <c r="AE39943">
        <v>17</v>
      </c>
      <c r="AF39943">
        <v>17</v>
      </c>
      <c r="AG39943">
        <v>17</v>
      </c>
      <c r="AH39943">
        <v>18</v>
      </c>
      <c r="AI39943">
        <v>18</v>
      </c>
      <c r="AJ39943">
        <v>18</v>
      </c>
      <c r="AK39943">
        <v>19</v>
      </c>
      <c r="AL39943">
        <v>19</v>
      </c>
      <c r="AM39943">
        <v>19</v>
      </c>
      <c r="AN39943">
        <v>20</v>
      </c>
      <c r="AO39943">
        <v>20</v>
      </c>
      <c r="AP39943">
        <v>20</v>
      </c>
      <c r="AQ39943">
        <v>21</v>
      </c>
    </row>
    <row r="39944" spans="1:43">
      <c r="A39944" t="s">
        <v>24753</v>
      </c>
      <c r="B39944" t="s">
        <v>24754</v>
      </c>
      <c r="C39944" t="s">
        <v>19595</v>
      </c>
      <c r="D39944" t="s">
        <v>19596</v>
      </c>
      <c r="E39944" t="s">
        <v>19535</v>
      </c>
      <c r="F39944" t="s">
        <v>19536</v>
      </c>
      <c r="G39944" t="s">
        <v>10734</v>
      </c>
      <c r="H39944" t="s">
        <v>10735</v>
      </c>
      <c r="I39944" s="2">
        <v>0</v>
      </c>
      <c r="J39944" s="2">
        <v>0</v>
      </c>
      <c r="K39944" s="2">
        <v>1</v>
      </c>
      <c r="L39944" t="s">
        <v>995</v>
      </c>
      <c r="M39944" t="s">
        <v>89</v>
      </c>
      <c r="N39944" t="s">
        <v>90</v>
      </c>
      <c r="O39944" t="s">
        <v>85</v>
      </c>
      <c r="P39944" t="s">
        <v>86</v>
      </c>
      <c r="Q39944">
        <v>13</v>
      </c>
      <c r="R39944">
        <v>14</v>
      </c>
      <c r="S39944">
        <v>14</v>
      </c>
      <c r="T39944">
        <v>15</v>
      </c>
      <c r="U39944">
        <v>15</v>
      </c>
      <c r="V39944">
        <v>16</v>
      </c>
      <c r="W39944">
        <v>16</v>
      </c>
      <c r="X39944">
        <v>17</v>
      </c>
      <c r="Y39944">
        <v>17</v>
      </c>
      <c r="Z39944">
        <v>18</v>
      </c>
      <c r="AA39944">
        <v>18</v>
      </c>
      <c r="AB39944">
        <v>19</v>
      </c>
      <c r="AC39944">
        <v>19</v>
      </c>
      <c r="AD39944">
        <v>20</v>
      </c>
      <c r="AE39944">
        <v>20</v>
      </c>
      <c r="AF39944">
        <v>21</v>
      </c>
      <c r="AG39944">
        <v>21</v>
      </c>
      <c r="AH39944">
        <v>21</v>
      </c>
      <c r="AI39944">
        <v>21</v>
      </c>
      <c r="AJ39944">
        <v>22</v>
      </c>
      <c r="AK39944">
        <v>22</v>
      </c>
      <c r="AL39944">
        <v>22</v>
      </c>
      <c r="AM39944">
        <v>23</v>
      </c>
      <c r="AN39944">
        <v>23</v>
      </c>
      <c r="AO39944">
        <v>23</v>
      </c>
      <c r="AP39944">
        <v>24</v>
      </c>
      <c r="AQ39944">
        <v>24</v>
      </c>
    </row>
    <row r="39945" spans="1:43">
      <c r="A39945" t="s">
        <v>24753</v>
      </c>
      <c r="B39945" t="s">
        <v>24754</v>
      </c>
      <c r="C39945" t="s">
        <v>19595</v>
      </c>
      <c r="D39945" t="s">
        <v>19596</v>
      </c>
      <c r="E39945" t="s">
        <v>19535</v>
      </c>
      <c r="F39945" t="s">
        <v>19536</v>
      </c>
      <c r="G39945" t="s">
        <v>10734</v>
      </c>
      <c r="H39945" t="s">
        <v>10735</v>
      </c>
      <c r="I39945" s="2">
        <v>0</v>
      </c>
      <c r="J39945" s="2">
        <v>0</v>
      </c>
      <c r="K39945" s="2">
        <v>1</v>
      </c>
      <c r="L39945" t="s">
        <v>995</v>
      </c>
      <c r="M39945" t="s">
        <v>83</v>
      </c>
      <c r="N39945" t="s">
        <v>91</v>
      </c>
      <c r="O39945" t="s">
        <v>85</v>
      </c>
      <c r="P39945" t="s">
        <v>86</v>
      </c>
      <c r="Q39945">
        <v>13</v>
      </c>
      <c r="R39945">
        <v>13</v>
      </c>
      <c r="S39945">
        <v>14</v>
      </c>
      <c r="T39945">
        <v>14</v>
      </c>
      <c r="U39945">
        <v>15</v>
      </c>
      <c r="V39945">
        <v>15</v>
      </c>
      <c r="W39945">
        <v>15</v>
      </c>
      <c r="X39945">
        <v>16</v>
      </c>
      <c r="Y39945">
        <v>16</v>
      </c>
      <c r="Z39945">
        <v>17</v>
      </c>
      <c r="AA39945">
        <v>17</v>
      </c>
      <c r="AB39945">
        <v>17</v>
      </c>
      <c r="AC39945">
        <v>18</v>
      </c>
      <c r="AD39945">
        <v>18</v>
      </c>
      <c r="AE39945">
        <v>19</v>
      </c>
      <c r="AF39945">
        <v>19</v>
      </c>
      <c r="AG39945">
        <v>20</v>
      </c>
      <c r="AH39945">
        <v>20</v>
      </c>
      <c r="AI39945">
        <v>21</v>
      </c>
      <c r="AJ39945">
        <v>21</v>
      </c>
      <c r="AK39945">
        <v>22</v>
      </c>
      <c r="AL39945">
        <v>22</v>
      </c>
      <c r="AM39945">
        <v>23</v>
      </c>
      <c r="AN39945">
        <v>23</v>
      </c>
      <c r="AO39945">
        <v>23</v>
      </c>
      <c r="AP39945">
        <v>24</v>
      </c>
      <c r="AQ39945">
        <v>24</v>
      </c>
    </row>
    <row r="39946" spans="1:43">
      <c r="A39946" t="s">
        <v>24755</v>
      </c>
      <c r="B39946" t="s">
        <v>24756</v>
      </c>
      <c r="C39946" t="s">
        <v>8474</v>
      </c>
      <c r="D39946" t="s">
        <v>8475</v>
      </c>
      <c r="E39946" t="s">
        <v>8296</v>
      </c>
      <c r="F39946" t="s">
        <v>8297</v>
      </c>
      <c r="G39946" t="s">
        <v>80</v>
      </c>
      <c r="H39946" t="s">
        <v>81</v>
      </c>
      <c r="I39946" s="2">
        <v>0</v>
      </c>
      <c r="J39946" s="2">
        <v>1</v>
      </c>
      <c r="K39946" s="2">
        <v>0</v>
      </c>
      <c r="L39946" t="s">
        <v>82</v>
      </c>
      <c r="M39946" t="s">
        <v>83</v>
      </c>
      <c r="N39946" t="s">
        <v>84</v>
      </c>
      <c r="O39946" t="s">
        <v>85</v>
      </c>
      <c r="P39946" t="s">
        <v>86</v>
      </c>
      <c r="Q39946">
        <v>43</v>
      </c>
      <c r="R39946">
        <v>44</v>
      </c>
      <c r="S39946">
        <v>45</v>
      </c>
      <c r="T39946">
        <v>45</v>
      </c>
      <c r="U39946">
        <v>46</v>
      </c>
      <c r="V39946">
        <v>47</v>
      </c>
      <c r="W39946">
        <v>48</v>
      </c>
      <c r="X39946">
        <v>49</v>
      </c>
      <c r="Y39946">
        <v>50</v>
      </c>
      <c r="Z39946">
        <v>51</v>
      </c>
      <c r="AA39946">
        <v>51</v>
      </c>
      <c r="AB39946">
        <v>52</v>
      </c>
      <c r="AC39946">
        <v>53</v>
      </c>
      <c r="AD39946">
        <v>54</v>
      </c>
      <c r="AE39946">
        <v>55</v>
      </c>
      <c r="AF39946">
        <v>55</v>
      </c>
      <c r="AG39946">
        <v>56</v>
      </c>
      <c r="AH39946">
        <v>57</v>
      </c>
      <c r="AI39946">
        <v>58</v>
      </c>
      <c r="AJ39946">
        <v>59</v>
      </c>
      <c r="AK39946">
        <v>59</v>
      </c>
      <c r="AL39946">
        <v>60</v>
      </c>
      <c r="AM39946">
        <v>60</v>
      </c>
      <c r="AN39946">
        <v>60</v>
      </c>
      <c r="AO39946">
        <v>60</v>
      </c>
      <c r="AP39946">
        <v>61</v>
      </c>
      <c r="AQ39946">
        <v>61</v>
      </c>
    </row>
    <row r="39947" spans="1:43">
      <c r="A39947" t="s">
        <v>24755</v>
      </c>
      <c r="B39947" t="s">
        <v>24756</v>
      </c>
      <c r="C39947" t="s">
        <v>8474</v>
      </c>
      <c r="D39947" t="s">
        <v>8475</v>
      </c>
      <c r="E39947" t="s">
        <v>8296</v>
      </c>
      <c r="F39947" t="s">
        <v>8297</v>
      </c>
      <c r="G39947" t="s">
        <v>80</v>
      </c>
      <c r="H39947" t="s">
        <v>81</v>
      </c>
      <c r="I39947" s="2">
        <v>0</v>
      </c>
      <c r="J39947" s="2">
        <v>1</v>
      </c>
      <c r="K39947" s="2">
        <v>0</v>
      </c>
      <c r="L39947" t="s">
        <v>82</v>
      </c>
      <c r="M39947" t="s">
        <v>87</v>
      </c>
      <c r="N39947" t="s">
        <v>88</v>
      </c>
      <c r="O39947" t="s">
        <v>85</v>
      </c>
      <c r="P39947" t="s">
        <v>86</v>
      </c>
      <c r="Q39947">
        <v>43</v>
      </c>
      <c r="R39947">
        <v>43</v>
      </c>
      <c r="S39947">
        <v>43</v>
      </c>
      <c r="T39947">
        <v>44</v>
      </c>
      <c r="U39947">
        <v>44</v>
      </c>
      <c r="V39947">
        <v>45</v>
      </c>
      <c r="W39947">
        <v>45</v>
      </c>
      <c r="X39947">
        <v>46</v>
      </c>
      <c r="Y39947">
        <v>46</v>
      </c>
      <c r="Z39947">
        <v>46</v>
      </c>
      <c r="AA39947">
        <v>47</v>
      </c>
      <c r="AB39947">
        <v>47</v>
      </c>
      <c r="AC39947">
        <v>48</v>
      </c>
      <c r="AD39947">
        <v>48</v>
      </c>
      <c r="AE39947">
        <v>48</v>
      </c>
      <c r="AF39947">
        <v>49</v>
      </c>
      <c r="AG39947">
        <v>49</v>
      </c>
      <c r="AH39947">
        <v>50</v>
      </c>
      <c r="AI39947">
        <v>50</v>
      </c>
      <c r="AJ39947">
        <v>50</v>
      </c>
      <c r="AK39947">
        <v>51</v>
      </c>
      <c r="AL39947">
        <v>51</v>
      </c>
      <c r="AM39947">
        <v>51</v>
      </c>
      <c r="AN39947">
        <v>52</v>
      </c>
      <c r="AO39947">
        <v>52</v>
      </c>
      <c r="AP39947">
        <v>53</v>
      </c>
      <c r="AQ39947">
        <v>53</v>
      </c>
    </row>
    <row r="39948" spans="1:43">
      <c r="A39948" t="s">
        <v>24755</v>
      </c>
      <c r="B39948" t="s">
        <v>24756</v>
      </c>
      <c r="C39948" t="s">
        <v>8474</v>
      </c>
      <c r="D39948" t="s">
        <v>8475</v>
      </c>
      <c r="E39948" t="s">
        <v>8296</v>
      </c>
      <c r="F39948" t="s">
        <v>8297</v>
      </c>
      <c r="G39948" t="s">
        <v>80</v>
      </c>
      <c r="H39948" t="s">
        <v>81</v>
      </c>
      <c r="I39948" s="2">
        <v>0</v>
      </c>
      <c r="J39948" s="2">
        <v>1</v>
      </c>
      <c r="K39948" s="2">
        <v>0</v>
      </c>
      <c r="L39948" t="s">
        <v>82</v>
      </c>
      <c r="M39948" t="s">
        <v>89</v>
      </c>
      <c r="N39948" t="s">
        <v>90</v>
      </c>
      <c r="O39948" t="s">
        <v>85</v>
      </c>
      <c r="P39948" t="s">
        <v>86</v>
      </c>
      <c r="Q39948">
        <v>43</v>
      </c>
      <c r="R39948">
        <v>45</v>
      </c>
      <c r="S39948">
        <v>46</v>
      </c>
      <c r="T39948">
        <v>47</v>
      </c>
      <c r="U39948">
        <v>48</v>
      </c>
      <c r="V39948">
        <v>49</v>
      </c>
      <c r="W39948">
        <v>50</v>
      </c>
      <c r="X39948">
        <v>52</v>
      </c>
      <c r="Y39948">
        <v>53</v>
      </c>
      <c r="Z39948">
        <v>54</v>
      </c>
      <c r="AA39948">
        <v>55</v>
      </c>
      <c r="AB39948">
        <v>56</v>
      </c>
      <c r="AC39948">
        <v>57</v>
      </c>
      <c r="AD39948">
        <v>58</v>
      </c>
      <c r="AE39948">
        <v>58</v>
      </c>
      <c r="AF39948">
        <v>59</v>
      </c>
      <c r="AG39948">
        <v>59</v>
      </c>
      <c r="AH39948">
        <v>59</v>
      </c>
      <c r="AI39948">
        <v>59</v>
      </c>
      <c r="AJ39948">
        <v>60</v>
      </c>
      <c r="AK39948">
        <v>60</v>
      </c>
      <c r="AL39948">
        <v>60</v>
      </c>
      <c r="AM39948">
        <v>60</v>
      </c>
      <c r="AN39948">
        <v>61</v>
      </c>
      <c r="AO39948">
        <v>61</v>
      </c>
      <c r="AP39948">
        <v>61</v>
      </c>
      <c r="AQ39948">
        <v>61</v>
      </c>
    </row>
    <row r="39949" spans="1:43">
      <c r="A39949" t="s">
        <v>24755</v>
      </c>
      <c r="B39949" t="s">
        <v>24756</v>
      </c>
      <c r="C39949" t="s">
        <v>8474</v>
      </c>
      <c r="D39949" t="s">
        <v>8475</v>
      </c>
      <c r="E39949" t="s">
        <v>8296</v>
      </c>
      <c r="F39949" t="s">
        <v>8297</v>
      </c>
      <c r="G39949" t="s">
        <v>80</v>
      </c>
      <c r="H39949" t="s">
        <v>81</v>
      </c>
      <c r="I39949" s="2">
        <v>0</v>
      </c>
      <c r="J39949" s="2">
        <v>1</v>
      </c>
      <c r="K39949" s="2">
        <v>0</v>
      </c>
      <c r="L39949" t="s">
        <v>82</v>
      </c>
      <c r="M39949" t="s">
        <v>83</v>
      </c>
      <c r="N39949" t="s">
        <v>91</v>
      </c>
      <c r="O39949" t="s">
        <v>85</v>
      </c>
      <c r="P39949" t="s">
        <v>86</v>
      </c>
      <c r="Q39949">
        <v>43</v>
      </c>
      <c r="R39949">
        <v>44</v>
      </c>
      <c r="S39949">
        <v>45</v>
      </c>
      <c r="T39949">
        <v>45</v>
      </c>
      <c r="U39949">
        <v>46</v>
      </c>
      <c r="V39949">
        <v>47</v>
      </c>
      <c r="W39949">
        <v>48</v>
      </c>
      <c r="X39949">
        <v>49</v>
      </c>
      <c r="Y39949">
        <v>50</v>
      </c>
      <c r="Z39949">
        <v>51</v>
      </c>
      <c r="AA39949">
        <v>51</v>
      </c>
      <c r="AB39949">
        <v>52</v>
      </c>
      <c r="AC39949">
        <v>53</v>
      </c>
      <c r="AD39949">
        <v>54</v>
      </c>
      <c r="AE39949">
        <v>55</v>
      </c>
      <c r="AF39949">
        <v>55</v>
      </c>
      <c r="AG39949">
        <v>56</v>
      </c>
      <c r="AH39949">
        <v>57</v>
      </c>
      <c r="AI39949">
        <v>58</v>
      </c>
      <c r="AJ39949">
        <v>59</v>
      </c>
      <c r="AK39949">
        <v>59</v>
      </c>
      <c r="AL39949">
        <v>60</v>
      </c>
      <c r="AM39949">
        <v>60</v>
      </c>
      <c r="AN39949">
        <v>60</v>
      </c>
      <c r="AO39949">
        <v>60</v>
      </c>
      <c r="AP39949">
        <v>61</v>
      </c>
      <c r="AQ39949">
        <v>61</v>
      </c>
    </row>
    <row r="39950" spans="1:43">
      <c r="A39950" t="s">
        <v>24757</v>
      </c>
      <c r="B39950" t="s">
        <v>24758</v>
      </c>
      <c r="C39950" t="s">
        <v>19665</v>
      </c>
      <c r="D39950" t="s">
        <v>19666</v>
      </c>
      <c r="E39950" t="s">
        <v>19535</v>
      </c>
      <c r="F39950" t="s">
        <v>19536</v>
      </c>
      <c r="G39950" t="s">
        <v>10734</v>
      </c>
      <c r="H39950" t="s">
        <v>10735</v>
      </c>
      <c r="I39950" s="2">
        <v>0</v>
      </c>
      <c r="J39950" s="2">
        <v>0</v>
      </c>
      <c r="K39950" s="2">
        <v>1</v>
      </c>
      <c r="L39950" t="s">
        <v>995</v>
      </c>
      <c r="M39950" t="s">
        <v>83</v>
      </c>
      <c r="N39950" t="s">
        <v>84</v>
      </c>
      <c r="O39950" t="s">
        <v>85</v>
      </c>
      <c r="P39950" t="s">
        <v>86</v>
      </c>
      <c r="Q39950">
        <v>16</v>
      </c>
      <c r="R39950">
        <v>16</v>
      </c>
      <c r="S39950">
        <v>17</v>
      </c>
      <c r="T39950">
        <v>17</v>
      </c>
      <c r="U39950">
        <v>17</v>
      </c>
      <c r="V39950">
        <v>18</v>
      </c>
      <c r="W39950">
        <v>18</v>
      </c>
      <c r="X39950">
        <v>19</v>
      </c>
      <c r="Y39950">
        <v>19</v>
      </c>
      <c r="Z39950">
        <v>20</v>
      </c>
      <c r="AA39950">
        <v>20</v>
      </c>
      <c r="AB39950">
        <v>21</v>
      </c>
      <c r="AC39950">
        <v>22</v>
      </c>
      <c r="AD39950">
        <v>22</v>
      </c>
      <c r="AE39950">
        <v>23</v>
      </c>
      <c r="AF39950">
        <v>23</v>
      </c>
      <c r="AG39950">
        <v>24</v>
      </c>
      <c r="AH39950">
        <v>24</v>
      </c>
      <c r="AI39950">
        <v>25</v>
      </c>
      <c r="AJ39950">
        <v>26</v>
      </c>
      <c r="AK39950">
        <v>26</v>
      </c>
      <c r="AL39950">
        <v>27</v>
      </c>
      <c r="AM39950">
        <v>27</v>
      </c>
      <c r="AN39950">
        <v>28</v>
      </c>
      <c r="AO39950">
        <v>28</v>
      </c>
      <c r="AP39950">
        <v>29</v>
      </c>
      <c r="AQ39950">
        <v>29</v>
      </c>
    </row>
    <row r="39951" spans="1:43">
      <c r="A39951" t="s">
        <v>24757</v>
      </c>
      <c r="B39951" t="s">
        <v>24758</v>
      </c>
      <c r="C39951" t="s">
        <v>19665</v>
      </c>
      <c r="D39951" t="s">
        <v>19666</v>
      </c>
      <c r="E39951" t="s">
        <v>19535</v>
      </c>
      <c r="F39951" t="s">
        <v>19536</v>
      </c>
      <c r="G39951" t="s">
        <v>10734</v>
      </c>
      <c r="H39951" t="s">
        <v>10735</v>
      </c>
      <c r="I39951" s="2">
        <v>0</v>
      </c>
      <c r="J39951" s="2">
        <v>0</v>
      </c>
      <c r="K39951" s="2">
        <v>1</v>
      </c>
      <c r="L39951" t="s">
        <v>995</v>
      </c>
      <c r="M39951" t="s">
        <v>87</v>
      </c>
      <c r="N39951" t="s">
        <v>88</v>
      </c>
      <c r="O39951" t="s">
        <v>85</v>
      </c>
      <c r="P39951" t="s">
        <v>86</v>
      </c>
      <c r="Q39951">
        <v>16</v>
      </c>
      <c r="R39951">
        <v>17</v>
      </c>
      <c r="S39951">
        <v>17</v>
      </c>
      <c r="T39951">
        <v>17</v>
      </c>
      <c r="U39951">
        <v>18</v>
      </c>
      <c r="V39951">
        <v>18</v>
      </c>
      <c r="W39951">
        <v>18</v>
      </c>
      <c r="X39951">
        <v>19</v>
      </c>
      <c r="Y39951">
        <v>19</v>
      </c>
      <c r="Z39951">
        <v>19</v>
      </c>
      <c r="AA39951">
        <v>20</v>
      </c>
      <c r="AB39951">
        <v>20</v>
      </c>
      <c r="AC39951">
        <v>20</v>
      </c>
      <c r="AD39951">
        <v>21</v>
      </c>
      <c r="AE39951">
        <v>21</v>
      </c>
      <c r="AF39951">
        <v>21</v>
      </c>
      <c r="AG39951">
        <v>22</v>
      </c>
      <c r="AH39951">
        <v>22</v>
      </c>
      <c r="AI39951">
        <v>23</v>
      </c>
      <c r="AJ39951">
        <v>23</v>
      </c>
      <c r="AK39951">
        <v>23</v>
      </c>
      <c r="AL39951">
        <v>24</v>
      </c>
      <c r="AM39951">
        <v>24</v>
      </c>
      <c r="AN39951">
        <v>25</v>
      </c>
      <c r="AO39951">
        <v>25</v>
      </c>
      <c r="AP39951">
        <v>26</v>
      </c>
      <c r="AQ39951">
        <v>26</v>
      </c>
    </row>
    <row r="39952" spans="1:43">
      <c r="A39952" t="s">
        <v>24757</v>
      </c>
      <c r="B39952" t="s">
        <v>24758</v>
      </c>
      <c r="C39952" t="s">
        <v>19665</v>
      </c>
      <c r="D39952" t="s">
        <v>19666</v>
      </c>
      <c r="E39952" t="s">
        <v>19535</v>
      </c>
      <c r="F39952" t="s">
        <v>19536</v>
      </c>
      <c r="G39952" t="s">
        <v>10734</v>
      </c>
      <c r="H39952" t="s">
        <v>10735</v>
      </c>
      <c r="I39952" s="2">
        <v>0</v>
      </c>
      <c r="J39952" s="2">
        <v>0</v>
      </c>
      <c r="K39952" s="2">
        <v>1</v>
      </c>
      <c r="L39952" t="s">
        <v>995</v>
      </c>
      <c r="M39952" t="s">
        <v>89</v>
      </c>
      <c r="N39952" t="s">
        <v>90</v>
      </c>
      <c r="O39952" t="s">
        <v>85</v>
      </c>
      <c r="P39952" t="s">
        <v>86</v>
      </c>
      <c r="Q39952">
        <v>16</v>
      </c>
      <c r="R39952">
        <v>16</v>
      </c>
      <c r="S39952">
        <v>17</v>
      </c>
      <c r="T39952">
        <v>18</v>
      </c>
      <c r="U39952">
        <v>18</v>
      </c>
      <c r="V39952">
        <v>19</v>
      </c>
      <c r="W39952">
        <v>19</v>
      </c>
      <c r="X39952">
        <v>20</v>
      </c>
      <c r="Y39952">
        <v>21</v>
      </c>
      <c r="Z39952">
        <v>21</v>
      </c>
      <c r="AA39952">
        <v>22</v>
      </c>
      <c r="AB39952">
        <v>22</v>
      </c>
      <c r="AC39952">
        <v>23</v>
      </c>
      <c r="AD39952">
        <v>24</v>
      </c>
      <c r="AE39952">
        <v>24</v>
      </c>
      <c r="AF39952">
        <v>25</v>
      </c>
      <c r="AG39952">
        <v>25</v>
      </c>
      <c r="AH39952">
        <v>25</v>
      </c>
      <c r="AI39952">
        <v>26</v>
      </c>
      <c r="AJ39952">
        <v>26</v>
      </c>
      <c r="AK39952">
        <v>27</v>
      </c>
      <c r="AL39952">
        <v>27</v>
      </c>
      <c r="AM39952">
        <v>28</v>
      </c>
      <c r="AN39952">
        <v>28</v>
      </c>
      <c r="AO39952">
        <v>28</v>
      </c>
      <c r="AP39952">
        <v>29</v>
      </c>
      <c r="AQ39952">
        <v>29</v>
      </c>
    </row>
    <row r="39953" spans="1:43">
      <c r="A39953" t="s">
        <v>24757</v>
      </c>
      <c r="B39953" t="s">
        <v>24758</v>
      </c>
      <c r="C39953" t="s">
        <v>19665</v>
      </c>
      <c r="D39953" t="s">
        <v>19666</v>
      </c>
      <c r="E39953" t="s">
        <v>19535</v>
      </c>
      <c r="F39953" t="s">
        <v>19536</v>
      </c>
      <c r="G39953" t="s">
        <v>10734</v>
      </c>
      <c r="H39953" t="s">
        <v>10735</v>
      </c>
      <c r="I39953" s="2">
        <v>0</v>
      </c>
      <c r="J39953" s="2">
        <v>0</v>
      </c>
      <c r="K39953" s="2">
        <v>1</v>
      </c>
      <c r="L39953" t="s">
        <v>995</v>
      </c>
      <c r="M39953" t="s">
        <v>83</v>
      </c>
      <c r="N39953" t="s">
        <v>91</v>
      </c>
      <c r="O39953" t="s">
        <v>85</v>
      </c>
      <c r="P39953" t="s">
        <v>86</v>
      </c>
      <c r="Q39953">
        <v>16</v>
      </c>
      <c r="R39953">
        <v>16</v>
      </c>
      <c r="S39953">
        <v>17</v>
      </c>
      <c r="T39953">
        <v>17</v>
      </c>
      <c r="U39953">
        <v>17</v>
      </c>
      <c r="V39953">
        <v>18</v>
      </c>
      <c r="W39953">
        <v>18</v>
      </c>
      <c r="X39953">
        <v>19</v>
      </c>
      <c r="Y39953">
        <v>19</v>
      </c>
      <c r="Z39953">
        <v>20</v>
      </c>
      <c r="AA39953">
        <v>20</v>
      </c>
      <c r="AB39953">
        <v>21</v>
      </c>
      <c r="AC39953">
        <v>22</v>
      </c>
      <c r="AD39953">
        <v>22</v>
      </c>
      <c r="AE39953">
        <v>23</v>
      </c>
      <c r="AF39953">
        <v>23</v>
      </c>
      <c r="AG39953">
        <v>24</v>
      </c>
      <c r="AH39953">
        <v>24</v>
      </c>
      <c r="AI39953">
        <v>25</v>
      </c>
      <c r="AJ39953">
        <v>26</v>
      </c>
      <c r="AK39953">
        <v>26</v>
      </c>
      <c r="AL39953">
        <v>27</v>
      </c>
      <c r="AM39953">
        <v>27</v>
      </c>
      <c r="AN39953">
        <v>28</v>
      </c>
      <c r="AO39953">
        <v>28</v>
      </c>
      <c r="AP39953">
        <v>29</v>
      </c>
      <c r="AQ39953">
        <v>29</v>
      </c>
    </row>
    <row r="39954" spans="1:43">
      <c r="A39954" t="s">
        <v>24759</v>
      </c>
      <c r="B39954" t="s">
        <v>24760</v>
      </c>
      <c r="C39954" t="s">
        <v>19665</v>
      </c>
      <c r="D39954" t="s">
        <v>19666</v>
      </c>
      <c r="E39954" t="s">
        <v>19535</v>
      </c>
      <c r="F39954" t="s">
        <v>19536</v>
      </c>
      <c r="G39954" t="s">
        <v>10734</v>
      </c>
      <c r="H39954" t="s">
        <v>10735</v>
      </c>
      <c r="I39954" s="2">
        <v>0</v>
      </c>
      <c r="J39954" s="2">
        <v>0</v>
      </c>
      <c r="K39954" s="2">
        <v>1</v>
      </c>
      <c r="L39954" t="s">
        <v>995</v>
      </c>
      <c r="M39954" t="s">
        <v>83</v>
      </c>
      <c r="N39954" t="s">
        <v>84</v>
      </c>
      <c r="O39954" t="s">
        <v>85</v>
      </c>
      <c r="P39954" t="s">
        <v>86</v>
      </c>
      <c r="Q39954">
        <v>20</v>
      </c>
      <c r="R39954">
        <v>20</v>
      </c>
      <c r="S39954">
        <v>21</v>
      </c>
      <c r="T39954">
        <v>21</v>
      </c>
      <c r="U39954">
        <v>22</v>
      </c>
      <c r="V39954">
        <v>23</v>
      </c>
      <c r="W39954">
        <v>23</v>
      </c>
      <c r="X39954">
        <v>24</v>
      </c>
      <c r="Y39954">
        <v>24</v>
      </c>
      <c r="Z39954">
        <v>25</v>
      </c>
      <c r="AA39954">
        <v>26</v>
      </c>
      <c r="AB39954">
        <v>26</v>
      </c>
      <c r="AC39954">
        <v>27</v>
      </c>
      <c r="AD39954">
        <v>28</v>
      </c>
      <c r="AE39954">
        <v>28</v>
      </c>
      <c r="AF39954">
        <v>29</v>
      </c>
      <c r="AG39954">
        <v>30</v>
      </c>
      <c r="AH39954">
        <v>31</v>
      </c>
      <c r="AI39954">
        <v>31</v>
      </c>
      <c r="AJ39954">
        <v>32</v>
      </c>
      <c r="AK39954">
        <v>33</v>
      </c>
      <c r="AL39954">
        <v>34</v>
      </c>
      <c r="AM39954">
        <v>34</v>
      </c>
      <c r="AN39954">
        <v>35</v>
      </c>
      <c r="AO39954">
        <v>35</v>
      </c>
      <c r="AP39954">
        <v>36</v>
      </c>
      <c r="AQ39954">
        <v>37</v>
      </c>
    </row>
    <row r="39955" spans="1:43">
      <c r="A39955" t="s">
        <v>24759</v>
      </c>
      <c r="B39955" t="s">
        <v>24760</v>
      </c>
      <c r="C39955" t="s">
        <v>19665</v>
      </c>
      <c r="D39955" t="s">
        <v>19666</v>
      </c>
      <c r="E39955" t="s">
        <v>19535</v>
      </c>
      <c r="F39955" t="s">
        <v>19536</v>
      </c>
      <c r="G39955" t="s">
        <v>10734</v>
      </c>
      <c r="H39955" t="s">
        <v>10735</v>
      </c>
      <c r="I39955" s="2">
        <v>0</v>
      </c>
      <c r="J39955" s="2">
        <v>0</v>
      </c>
      <c r="K39955" s="2">
        <v>1</v>
      </c>
      <c r="L39955" t="s">
        <v>995</v>
      </c>
      <c r="M39955" t="s">
        <v>87</v>
      </c>
      <c r="N39955" t="s">
        <v>88</v>
      </c>
      <c r="O39955" t="s">
        <v>85</v>
      </c>
      <c r="P39955" t="s">
        <v>86</v>
      </c>
      <c r="Q39955">
        <v>20</v>
      </c>
      <c r="R39955">
        <v>21</v>
      </c>
      <c r="S39955">
        <v>21</v>
      </c>
      <c r="T39955">
        <v>22</v>
      </c>
      <c r="U39955">
        <v>22</v>
      </c>
      <c r="V39955">
        <v>22</v>
      </c>
      <c r="W39955">
        <v>23</v>
      </c>
      <c r="X39955">
        <v>23</v>
      </c>
      <c r="Y39955">
        <v>24</v>
      </c>
      <c r="Z39955">
        <v>24</v>
      </c>
      <c r="AA39955">
        <v>24</v>
      </c>
      <c r="AB39955">
        <v>25</v>
      </c>
      <c r="AC39955">
        <v>25</v>
      </c>
      <c r="AD39955">
        <v>26</v>
      </c>
      <c r="AE39955">
        <v>26</v>
      </c>
      <c r="AF39955">
        <v>27</v>
      </c>
      <c r="AG39955">
        <v>27</v>
      </c>
      <c r="AH39955">
        <v>28</v>
      </c>
      <c r="AI39955">
        <v>28</v>
      </c>
      <c r="AJ39955">
        <v>29</v>
      </c>
      <c r="AK39955">
        <v>29</v>
      </c>
      <c r="AL39955">
        <v>30</v>
      </c>
      <c r="AM39955">
        <v>30</v>
      </c>
      <c r="AN39955">
        <v>31</v>
      </c>
      <c r="AO39955">
        <v>32</v>
      </c>
      <c r="AP39955">
        <v>32</v>
      </c>
      <c r="AQ39955">
        <v>33</v>
      </c>
    </row>
    <row r="39956" spans="1:43">
      <c r="A39956" t="s">
        <v>24759</v>
      </c>
      <c r="B39956" t="s">
        <v>24760</v>
      </c>
      <c r="C39956" t="s">
        <v>19665</v>
      </c>
      <c r="D39956" t="s">
        <v>19666</v>
      </c>
      <c r="E39956" t="s">
        <v>19535</v>
      </c>
      <c r="F39956" t="s">
        <v>19536</v>
      </c>
      <c r="G39956" t="s">
        <v>10734</v>
      </c>
      <c r="H39956" t="s">
        <v>10735</v>
      </c>
      <c r="I39956" s="2">
        <v>0</v>
      </c>
      <c r="J39956" s="2">
        <v>0</v>
      </c>
      <c r="K39956" s="2">
        <v>1</v>
      </c>
      <c r="L39956" t="s">
        <v>995</v>
      </c>
      <c r="M39956" t="s">
        <v>89</v>
      </c>
      <c r="N39956" t="s">
        <v>90</v>
      </c>
      <c r="O39956" t="s">
        <v>85</v>
      </c>
      <c r="P39956" t="s">
        <v>86</v>
      </c>
      <c r="Q39956">
        <v>20</v>
      </c>
      <c r="R39956">
        <v>21</v>
      </c>
      <c r="S39956">
        <v>21</v>
      </c>
      <c r="T39956">
        <v>22</v>
      </c>
      <c r="U39956">
        <v>23</v>
      </c>
      <c r="V39956">
        <v>24</v>
      </c>
      <c r="W39956">
        <v>24</v>
      </c>
      <c r="X39956">
        <v>25</v>
      </c>
      <c r="Y39956">
        <v>26</v>
      </c>
      <c r="Z39956">
        <v>27</v>
      </c>
      <c r="AA39956">
        <v>27</v>
      </c>
      <c r="AB39956">
        <v>28</v>
      </c>
      <c r="AC39956">
        <v>29</v>
      </c>
      <c r="AD39956">
        <v>30</v>
      </c>
      <c r="AE39956">
        <v>30</v>
      </c>
      <c r="AF39956">
        <v>31</v>
      </c>
      <c r="AG39956">
        <v>31</v>
      </c>
      <c r="AH39956">
        <v>32</v>
      </c>
      <c r="AI39956">
        <v>32</v>
      </c>
      <c r="AJ39956">
        <v>33</v>
      </c>
      <c r="AK39956">
        <v>34</v>
      </c>
      <c r="AL39956">
        <v>34</v>
      </c>
      <c r="AM39956">
        <v>35</v>
      </c>
      <c r="AN39956">
        <v>35</v>
      </c>
      <c r="AO39956">
        <v>36</v>
      </c>
      <c r="AP39956">
        <v>36</v>
      </c>
      <c r="AQ39956">
        <v>37</v>
      </c>
    </row>
    <row r="39957" spans="1:43">
      <c r="A39957" t="s">
        <v>24759</v>
      </c>
      <c r="B39957" t="s">
        <v>24760</v>
      </c>
      <c r="C39957" t="s">
        <v>19665</v>
      </c>
      <c r="D39957" t="s">
        <v>19666</v>
      </c>
      <c r="E39957" t="s">
        <v>19535</v>
      </c>
      <c r="F39957" t="s">
        <v>19536</v>
      </c>
      <c r="G39957" t="s">
        <v>10734</v>
      </c>
      <c r="H39957" t="s">
        <v>10735</v>
      </c>
      <c r="I39957" s="2">
        <v>0</v>
      </c>
      <c r="J39957" s="2">
        <v>0</v>
      </c>
      <c r="K39957" s="2">
        <v>1</v>
      </c>
      <c r="L39957" t="s">
        <v>995</v>
      </c>
      <c r="M39957" t="s">
        <v>83</v>
      </c>
      <c r="N39957" t="s">
        <v>91</v>
      </c>
      <c r="O39957" t="s">
        <v>85</v>
      </c>
      <c r="P39957" t="s">
        <v>86</v>
      </c>
      <c r="Q39957">
        <v>20</v>
      </c>
      <c r="R39957">
        <v>20</v>
      </c>
      <c r="S39957">
        <v>21</v>
      </c>
      <c r="T39957">
        <v>21</v>
      </c>
      <c r="U39957">
        <v>22</v>
      </c>
      <c r="V39957">
        <v>23</v>
      </c>
      <c r="W39957">
        <v>23</v>
      </c>
      <c r="X39957">
        <v>24</v>
      </c>
      <c r="Y39957">
        <v>24</v>
      </c>
      <c r="Z39957">
        <v>25</v>
      </c>
      <c r="AA39957">
        <v>26</v>
      </c>
      <c r="AB39957">
        <v>26</v>
      </c>
      <c r="AC39957">
        <v>27</v>
      </c>
      <c r="AD39957">
        <v>28</v>
      </c>
      <c r="AE39957">
        <v>28</v>
      </c>
      <c r="AF39957">
        <v>29</v>
      </c>
      <c r="AG39957">
        <v>30</v>
      </c>
      <c r="AH39957">
        <v>31</v>
      </c>
      <c r="AI39957">
        <v>31</v>
      </c>
      <c r="AJ39957">
        <v>32</v>
      </c>
      <c r="AK39957">
        <v>33</v>
      </c>
      <c r="AL39957">
        <v>34</v>
      </c>
      <c r="AM39957">
        <v>34</v>
      </c>
      <c r="AN39957">
        <v>35</v>
      </c>
      <c r="AO39957">
        <v>35</v>
      </c>
      <c r="AP39957">
        <v>36</v>
      </c>
      <c r="AQ39957">
        <v>37</v>
      </c>
    </row>
    <row r="39958" spans="1:43">
      <c r="A39958" t="s">
        <v>24761</v>
      </c>
      <c r="B39958" t="s">
        <v>24762</v>
      </c>
      <c r="C39958" t="s">
        <v>76</v>
      </c>
      <c r="D39958" t="s">
        <v>77</v>
      </c>
      <c r="E39958" t="s">
        <v>78</v>
      </c>
      <c r="F39958" t="s">
        <v>79</v>
      </c>
      <c r="G39958" t="s">
        <v>80</v>
      </c>
      <c r="H39958" t="s">
        <v>81</v>
      </c>
      <c r="I39958" s="2">
        <v>0</v>
      </c>
      <c r="J39958" s="2">
        <v>1</v>
      </c>
      <c r="K39958" s="2">
        <v>0</v>
      </c>
      <c r="L39958" t="s">
        <v>82</v>
      </c>
      <c r="M39958" t="s">
        <v>83</v>
      </c>
      <c r="N39958" t="s">
        <v>84</v>
      </c>
      <c r="O39958" t="s">
        <v>85</v>
      </c>
      <c r="P39958" t="s">
        <v>86</v>
      </c>
      <c r="Q39958">
        <v>1967</v>
      </c>
      <c r="R39958">
        <v>2010</v>
      </c>
      <c r="S39958">
        <v>2054</v>
      </c>
      <c r="T39958">
        <v>2098</v>
      </c>
      <c r="U39958">
        <v>2142</v>
      </c>
      <c r="V39958">
        <v>2187</v>
      </c>
      <c r="W39958">
        <v>2232</v>
      </c>
      <c r="X39958">
        <v>2278</v>
      </c>
      <c r="Y39958">
        <v>2325</v>
      </c>
      <c r="Z39958">
        <v>2372</v>
      </c>
      <c r="AA39958">
        <v>2420</v>
      </c>
      <c r="AB39958">
        <v>2468</v>
      </c>
      <c r="AC39958">
        <v>2516</v>
      </c>
      <c r="AD39958">
        <v>2564</v>
      </c>
      <c r="AE39958">
        <v>2613</v>
      </c>
      <c r="AF39958">
        <v>2663</v>
      </c>
      <c r="AG39958">
        <v>2713</v>
      </c>
      <c r="AH39958">
        <v>2764</v>
      </c>
      <c r="AI39958">
        <v>2816</v>
      </c>
      <c r="AJ39958">
        <v>2867</v>
      </c>
      <c r="AK39958">
        <v>2920</v>
      </c>
      <c r="AL39958">
        <v>2953</v>
      </c>
      <c r="AM39958">
        <v>2977</v>
      </c>
      <c r="AN39958">
        <v>3001</v>
      </c>
      <c r="AO39958">
        <v>3025</v>
      </c>
      <c r="AP39958">
        <v>3049</v>
      </c>
      <c r="AQ39958">
        <v>3074</v>
      </c>
    </row>
    <row r="39959" spans="1:43">
      <c r="A39959" t="s">
        <v>24761</v>
      </c>
      <c r="B39959" t="s">
        <v>24762</v>
      </c>
      <c r="C39959" t="s">
        <v>76</v>
      </c>
      <c r="D39959" t="s">
        <v>77</v>
      </c>
      <c r="E39959" t="s">
        <v>78</v>
      </c>
      <c r="F39959" t="s">
        <v>79</v>
      </c>
      <c r="G39959" t="s">
        <v>80</v>
      </c>
      <c r="H39959" t="s">
        <v>81</v>
      </c>
      <c r="I39959" s="2">
        <v>0</v>
      </c>
      <c r="J39959" s="2">
        <v>1</v>
      </c>
      <c r="K39959" s="2">
        <v>0</v>
      </c>
      <c r="L39959" t="s">
        <v>82</v>
      </c>
      <c r="M39959" t="s">
        <v>87</v>
      </c>
      <c r="N39959" t="s">
        <v>88</v>
      </c>
      <c r="O39959" t="s">
        <v>85</v>
      </c>
      <c r="P39959" t="s">
        <v>86</v>
      </c>
      <c r="Q39959">
        <v>1967</v>
      </c>
      <c r="R39959">
        <v>1991</v>
      </c>
      <c r="S39959">
        <v>2016</v>
      </c>
      <c r="T39959">
        <v>2040</v>
      </c>
      <c r="U39959">
        <v>2065</v>
      </c>
      <c r="V39959">
        <v>2091</v>
      </c>
      <c r="W39959">
        <v>2116</v>
      </c>
      <c r="X39959">
        <v>2142</v>
      </c>
      <c r="Y39959">
        <v>2168</v>
      </c>
      <c r="Z39959">
        <v>2194</v>
      </c>
      <c r="AA39959">
        <v>2220</v>
      </c>
      <c r="AB39959">
        <v>2247</v>
      </c>
      <c r="AC39959">
        <v>2274</v>
      </c>
      <c r="AD39959">
        <v>2301</v>
      </c>
      <c r="AE39959">
        <v>2329</v>
      </c>
      <c r="AF39959">
        <v>2356</v>
      </c>
      <c r="AG39959">
        <v>2384</v>
      </c>
      <c r="AH39959">
        <v>2413</v>
      </c>
      <c r="AI39959">
        <v>2441</v>
      </c>
      <c r="AJ39959">
        <v>2470</v>
      </c>
      <c r="AK39959">
        <v>2499</v>
      </c>
      <c r="AL39959">
        <v>2529</v>
      </c>
      <c r="AM39959">
        <v>2558</v>
      </c>
      <c r="AN39959">
        <v>2588</v>
      </c>
      <c r="AO39959">
        <v>2618</v>
      </c>
      <c r="AP39959">
        <v>2649</v>
      </c>
      <c r="AQ39959">
        <v>2680</v>
      </c>
    </row>
    <row r="39960" spans="1:43">
      <c r="A39960" t="s">
        <v>24761</v>
      </c>
      <c r="B39960" t="s">
        <v>24762</v>
      </c>
      <c r="C39960" t="s">
        <v>76</v>
      </c>
      <c r="D39960" t="s">
        <v>77</v>
      </c>
      <c r="E39960" t="s">
        <v>78</v>
      </c>
      <c r="F39960" t="s">
        <v>79</v>
      </c>
      <c r="G39960" t="s">
        <v>80</v>
      </c>
      <c r="H39960" t="s">
        <v>81</v>
      </c>
      <c r="I39960" s="2">
        <v>0</v>
      </c>
      <c r="J39960" s="2">
        <v>1</v>
      </c>
      <c r="K39960" s="2">
        <v>0</v>
      </c>
      <c r="L39960" t="s">
        <v>82</v>
      </c>
      <c r="M39960" t="s">
        <v>89</v>
      </c>
      <c r="N39960" t="s">
        <v>90</v>
      </c>
      <c r="O39960" t="s">
        <v>85</v>
      </c>
      <c r="P39960" t="s">
        <v>86</v>
      </c>
      <c r="Q39960">
        <v>1967</v>
      </c>
      <c r="R39960">
        <v>2028</v>
      </c>
      <c r="S39960">
        <v>2088</v>
      </c>
      <c r="T39960">
        <v>2149</v>
      </c>
      <c r="U39960">
        <v>2209</v>
      </c>
      <c r="V39960">
        <v>2269</v>
      </c>
      <c r="W39960">
        <v>2330</v>
      </c>
      <c r="X39960">
        <v>2389</v>
      </c>
      <c r="Y39960">
        <v>2447</v>
      </c>
      <c r="Z39960">
        <v>2506</v>
      </c>
      <c r="AA39960">
        <v>2564</v>
      </c>
      <c r="AB39960">
        <v>2621</v>
      </c>
      <c r="AC39960">
        <v>2684</v>
      </c>
      <c r="AD39960">
        <v>2744</v>
      </c>
      <c r="AE39960">
        <v>2790</v>
      </c>
      <c r="AF39960">
        <v>2813</v>
      </c>
      <c r="AG39960">
        <v>2836</v>
      </c>
      <c r="AH39960">
        <v>2860</v>
      </c>
      <c r="AI39960">
        <v>2883</v>
      </c>
      <c r="AJ39960">
        <v>2906</v>
      </c>
      <c r="AK39960">
        <v>2929</v>
      </c>
      <c r="AL39960">
        <v>2953</v>
      </c>
      <c r="AM39960">
        <v>2977</v>
      </c>
      <c r="AN39960">
        <v>3000</v>
      </c>
      <c r="AO39960">
        <v>3024</v>
      </c>
      <c r="AP39960">
        <v>3048</v>
      </c>
      <c r="AQ39960">
        <v>3072</v>
      </c>
    </row>
    <row r="39961" spans="1:43">
      <c r="A39961" t="s">
        <v>24761</v>
      </c>
      <c r="B39961" t="s">
        <v>24762</v>
      </c>
      <c r="C39961" t="s">
        <v>76</v>
      </c>
      <c r="D39961" t="s">
        <v>77</v>
      </c>
      <c r="E39961" t="s">
        <v>78</v>
      </c>
      <c r="F39961" t="s">
        <v>79</v>
      </c>
      <c r="G39961" t="s">
        <v>80</v>
      </c>
      <c r="H39961" t="s">
        <v>81</v>
      </c>
      <c r="I39961" s="2">
        <v>0</v>
      </c>
      <c r="J39961" s="2">
        <v>1</v>
      </c>
      <c r="K39961" s="2">
        <v>0</v>
      </c>
      <c r="L39961" t="s">
        <v>82</v>
      </c>
      <c r="M39961" t="s">
        <v>83</v>
      </c>
      <c r="N39961" t="s">
        <v>91</v>
      </c>
      <c r="O39961" t="s">
        <v>85</v>
      </c>
      <c r="P39961" t="s">
        <v>86</v>
      </c>
      <c r="Q39961">
        <v>1967</v>
      </c>
      <c r="R39961">
        <v>2010</v>
      </c>
      <c r="S39961">
        <v>2054</v>
      </c>
      <c r="T39961">
        <v>2098</v>
      </c>
      <c r="U39961">
        <v>2142</v>
      </c>
      <c r="V39961">
        <v>2187</v>
      </c>
      <c r="W39961">
        <v>2232</v>
      </c>
      <c r="X39961">
        <v>2278</v>
      </c>
      <c r="Y39961">
        <v>2325</v>
      </c>
      <c r="Z39961">
        <v>2372</v>
      </c>
      <c r="AA39961">
        <v>2420</v>
      </c>
      <c r="AB39961">
        <v>2468</v>
      </c>
      <c r="AC39961">
        <v>2516</v>
      </c>
      <c r="AD39961">
        <v>2564</v>
      </c>
      <c r="AE39961">
        <v>2613</v>
      </c>
      <c r="AF39961">
        <v>2663</v>
      </c>
      <c r="AG39961">
        <v>2713</v>
      </c>
      <c r="AH39961">
        <v>2764</v>
      </c>
      <c r="AI39961">
        <v>2816</v>
      </c>
      <c r="AJ39961">
        <v>2867</v>
      </c>
      <c r="AK39961">
        <v>2920</v>
      </c>
      <c r="AL39961">
        <v>2953</v>
      </c>
      <c r="AM39961">
        <v>2977</v>
      </c>
      <c r="AN39961">
        <v>3001</v>
      </c>
      <c r="AO39961">
        <v>3025</v>
      </c>
      <c r="AP39961">
        <v>3049</v>
      </c>
      <c r="AQ39961">
        <v>3074</v>
      </c>
    </row>
    <row r="39962" spans="1:43">
      <c r="A39962" t="s">
        <v>24763</v>
      </c>
      <c r="B39962" t="s">
        <v>24764</v>
      </c>
      <c r="C39962" t="s">
        <v>76</v>
      </c>
      <c r="D39962" t="s">
        <v>77</v>
      </c>
      <c r="E39962" t="s">
        <v>78</v>
      </c>
      <c r="F39962" t="s">
        <v>79</v>
      </c>
      <c r="G39962" t="s">
        <v>80</v>
      </c>
      <c r="H39962" t="s">
        <v>81</v>
      </c>
      <c r="I39962" s="2">
        <v>0</v>
      </c>
      <c r="J39962" s="2">
        <v>1</v>
      </c>
      <c r="K39962" s="2">
        <v>0</v>
      </c>
      <c r="L39962" t="s">
        <v>82</v>
      </c>
      <c r="M39962" t="s">
        <v>83</v>
      </c>
      <c r="N39962" t="s">
        <v>84</v>
      </c>
      <c r="O39962" t="s">
        <v>85</v>
      </c>
      <c r="P39962" t="s">
        <v>86</v>
      </c>
      <c r="Q39962">
        <v>1077</v>
      </c>
      <c r="R39962">
        <v>1100</v>
      </c>
      <c r="S39962">
        <v>1123</v>
      </c>
      <c r="T39962">
        <v>1147</v>
      </c>
      <c r="U39962">
        <v>1171</v>
      </c>
      <c r="V39962">
        <v>1195</v>
      </c>
      <c r="W39962">
        <v>1220</v>
      </c>
      <c r="X39962">
        <v>1245</v>
      </c>
      <c r="Y39962">
        <v>1270</v>
      </c>
      <c r="Z39962">
        <v>1295</v>
      </c>
      <c r="AA39962">
        <v>1321</v>
      </c>
      <c r="AB39962">
        <v>1347</v>
      </c>
      <c r="AC39962">
        <v>1373</v>
      </c>
      <c r="AD39962">
        <v>1399</v>
      </c>
      <c r="AE39962">
        <v>1426</v>
      </c>
      <c r="AF39962">
        <v>1453</v>
      </c>
      <c r="AG39962">
        <v>1480</v>
      </c>
      <c r="AH39962">
        <v>1508</v>
      </c>
      <c r="AI39962">
        <v>1535</v>
      </c>
      <c r="AJ39962">
        <v>1564</v>
      </c>
      <c r="AK39962">
        <v>1592</v>
      </c>
      <c r="AL39962">
        <v>1610</v>
      </c>
      <c r="AM39962">
        <v>1622</v>
      </c>
      <c r="AN39962">
        <v>1634</v>
      </c>
      <c r="AO39962">
        <v>1646</v>
      </c>
      <c r="AP39962">
        <v>1659</v>
      </c>
      <c r="AQ39962">
        <v>1671</v>
      </c>
    </row>
    <row r="39963" spans="1:43">
      <c r="A39963" t="s">
        <v>24763</v>
      </c>
      <c r="B39963" t="s">
        <v>24764</v>
      </c>
      <c r="C39963" t="s">
        <v>76</v>
      </c>
      <c r="D39963" t="s">
        <v>77</v>
      </c>
      <c r="E39963" t="s">
        <v>78</v>
      </c>
      <c r="F39963" t="s">
        <v>79</v>
      </c>
      <c r="G39963" t="s">
        <v>80</v>
      </c>
      <c r="H39963" t="s">
        <v>81</v>
      </c>
      <c r="I39963" s="2">
        <v>0</v>
      </c>
      <c r="J39963" s="2">
        <v>1</v>
      </c>
      <c r="K39963" s="2">
        <v>0</v>
      </c>
      <c r="L39963" t="s">
        <v>82</v>
      </c>
      <c r="M39963" t="s">
        <v>87</v>
      </c>
      <c r="N39963" t="s">
        <v>88</v>
      </c>
      <c r="O39963" t="s">
        <v>85</v>
      </c>
      <c r="P39963" t="s">
        <v>86</v>
      </c>
      <c r="Q39963">
        <v>1077</v>
      </c>
      <c r="R39963">
        <v>1090</v>
      </c>
      <c r="S39963">
        <v>1103</v>
      </c>
      <c r="T39963">
        <v>1116</v>
      </c>
      <c r="U39963">
        <v>1129</v>
      </c>
      <c r="V39963">
        <v>1143</v>
      </c>
      <c r="W39963">
        <v>1156</v>
      </c>
      <c r="X39963">
        <v>1170</v>
      </c>
      <c r="Y39963">
        <v>1184</v>
      </c>
      <c r="Z39963">
        <v>1198</v>
      </c>
      <c r="AA39963">
        <v>1212</v>
      </c>
      <c r="AB39963">
        <v>1226</v>
      </c>
      <c r="AC39963">
        <v>1241</v>
      </c>
      <c r="AD39963">
        <v>1256</v>
      </c>
      <c r="AE39963">
        <v>1270</v>
      </c>
      <c r="AF39963">
        <v>1285</v>
      </c>
      <c r="AG39963">
        <v>1300</v>
      </c>
      <c r="AH39963">
        <v>1315</v>
      </c>
      <c r="AI39963">
        <v>1331</v>
      </c>
      <c r="AJ39963">
        <v>1346</v>
      </c>
      <c r="AK39963">
        <v>1362</v>
      </c>
      <c r="AL39963">
        <v>1377</v>
      </c>
      <c r="AM39963">
        <v>1393</v>
      </c>
      <c r="AN39963">
        <v>1409</v>
      </c>
      <c r="AO39963">
        <v>1426</v>
      </c>
      <c r="AP39963">
        <v>1442</v>
      </c>
      <c r="AQ39963">
        <v>1459</v>
      </c>
    </row>
    <row r="39964" spans="1:43">
      <c r="A39964" t="s">
        <v>24763</v>
      </c>
      <c r="B39964" t="s">
        <v>24764</v>
      </c>
      <c r="C39964" t="s">
        <v>76</v>
      </c>
      <c r="D39964" t="s">
        <v>77</v>
      </c>
      <c r="E39964" t="s">
        <v>78</v>
      </c>
      <c r="F39964" t="s">
        <v>79</v>
      </c>
      <c r="G39964" t="s">
        <v>80</v>
      </c>
      <c r="H39964" t="s">
        <v>81</v>
      </c>
      <c r="I39964" s="2">
        <v>0</v>
      </c>
      <c r="J39964" s="2">
        <v>1</v>
      </c>
      <c r="K39964" s="2">
        <v>0</v>
      </c>
      <c r="L39964" t="s">
        <v>82</v>
      </c>
      <c r="M39964" t="s">
        <v>89</v>
      </c>
      <c r="N39964" t="s">
        <v>90</v>
      </c>
      <c r="O39964" t="s">
        <v>85</v>
      </c>
      <c r="P39964" t="s">
        <v>86</v>
      </c>
      <c r="Q39964">
        <v>1077</v>
      </c>
      <c r="R39964">
        <v>1109</v>
      </c>
      <c r="S39964">
        <v>1142</v>
      </c>
      <c r="T39964">
        <v>1175</v>
      </c>
      <c r="U39964">
        <v>1207</v>
      </c>
      <c r="V39964">
        <v>1240</v>
      </c>
      <c r="W39964">
        <v>1273</v>
      </c>
      <c r="X39964">
        <v>1305</v>
      </c>
      <c r="Y39964">
        <v>1337</v>
      </c>
      <c r="Z39964">
        <v>1368</v>
      </c>
      <c r="AA39964">
        <v>1400</v>
      </c>
      <c r="AB39964">
        <v>1431</v>
      </c>
      <c r="AC39964">
        <v>1466</v>
      </c>
      <c r="AD39964">
        <v>1498</v>
      </c>
      <c r="AE39964">
        <v>1523</v>
      </c>
      <c r="AF39964">
        <v>1535</v>
      </c>
      <c r="AG39964">
        <v>1546</v>
      </c>
      <c r="AH39964">
        <v>1558</v>
      </c>
      <c r="AI39964">
        <v>1570</v>
      </c>
      <c r="AJ39964">
        <v>1582</v>
      </c>
      <c r="AK39964">
        <v>1594</v>
      </c>
      <c r="AL39964">
        <v>1605</v>
      </c>
      <c r="AM39964">
        <v>1617</v>
      </c>
      <c r="AN39964">
        <v>1630</v>
      </c>
      <c r="AO39964">
        <v>1642</v>
      </c>
      <c r="AP39964">
        <v>1654</v>
      </c>
      <c r="AQ39964">
        <v>1666</v>
      </c>
    </row>
    <row r="39965" spans="1:43">
      <c r="A39965" t="s">
        <v>24763</v>
      </c>
      <c r="B39965" t="s">
        <v>24764</v>
      </c>
      <c r="C39965" t="s">
        <v>76</v>
      </c>
      <c r="D39965" t="s">
        <v>77</v>
      </c>
      <c r="E39965" t="s">
        <v>78</v>
      </c>
      <c r="F39965" t="s">
        <v>79</v>
      </c>
      <c r="G39965" t="s">
        <v>80</v>
      </c>
      <c r="H39965" t="s">
        <v>81</v>
      </c>
      <c r="I39965" s="2">
        <v>0</v>
      </c>
      <c r="J39965" s="2">
        <v>1</v>
      </c>
      <c r="K39965" s="2">
        <v>0</v>
      </c>
      <c r="L39965" t="s">
        <v>82</v>
      </c>
      <c r="M39965" t="s">
        <v>83</v>
      </c>
      <c r="N39965" t="s">
        <v>91</v>
      </c>
      <c r="O39965" t="s">
        <v>85</v>
      </c>
      <c r="P39965" t="s">
        <v>86</v>
      </c>
      <c r="Q39965">
        <v>1077</v>
      </c>
      <c r="R39965">
        <v>1100</v>
      </c>
      <c r="S39965">
        <v>1123</v>
      </c>
      <c r="T39965">
        <v>1147</v>
      </c>
      <c r="U39965">
        <v>1171</v>
      </c>
      <c r="V39965">
        <v>1195</v>
      </c>
      <c r="W39965">
        <v>1220</v>
      </c>
      <c r="X39965">
        <v>1245</v>
      </c>
      <c r="Y39965">
        <v>1270</v>
      </c>
      <c r="Z39965">
        <v>1295</v>
      </c>
      <c r="AA39965">
        <v>1321</v>
      </c>
      <c r="AB39965">
        <v>1347</v>
      </c>
      <c r="AC39965">
        <v>1373</v>
      </c>
      <c r="AD39965">
        <v>1399</v>
      </c>
      <c r="AE39965">
        <v>1426</v>
      </c>
      <c r="AF39965">
        <v>1453</v>
      </c>
      <c r="AG39965">
        <v>1480</v>
      </c>
      <c r="AH39965">
        <v>1508</v>
      </c>
      <c r="AI39965">
        <v>1535</v>
      </c>
      <c r="AJ39965">
        <v>1564</v>
      </c>
      <c r="AK39965">
        <v>1592</v>
      </c>
      <c r="AL39965">
        <v>1610</v>
      </c>
      <c r="AM39965">
        <v>1622</v>
      </c>
      <c r="AN39965">
        <v>1634</v>
      </c>
      <c r="AO39965">
        <v>1646</v>
      </c>
      <c r="AP39965">
        <v>1659</v>
      </c>
      <c r="AQ39965">
        <v>1671</v>
      </c>
    </row>
    <row r="39966" spans="1:43">
      <c r="A39966" t="s">
        <v>24765</v>
      </c>
      <c r="B39966" t="s">
        <v>24766</v>
      </c>
      <c r="C39966" t="s">
        <v>4914</v>
      </c>
      <c r="D39966" t="s">
        <v>4915</v>
      </c>
      <c r="E39966" t="s">
        <v>4916</v>
      </c>
      <c r="F39966" t="s">
        <v>4917</v>
      </c>
      <c r="G39966" t="s">
        <v>80</v>
      </c>
      <c r="H39966" t="s">
        <v>81</v>
      </c>
      <c r="I39966" s="2">
        <v>1</v>
      </c>
      <c r="J39966" s="2">
        <v>0</v>
      </c>
      <c r="K39966" s="2">
        <v>0</v>
      </c>
      <c r="L39966" t="s">
        <v>120</v>
      </c>
      <c r="M39966" t="s">
        <v>83</v>
      </c>
      <c r="N39966" t="s">
        <v>84</v>
      </c>
      <c r="O39966" t="s">
        <v>85</v>
      </c>
      <c r="P39966" t="s">
        <v>86</v>
      </c>
      <c r="Q39966">
        <v>145</v>
      </c>
      <c r="R39966">
        <v>146</v>
      </c>
      <c r="S39966">
        <v>147</v>
      </c>
      <c r="T39966">
        <v>148</v>
      </c>
      <c r="U39966">
        <v>149</v>
      </c>
      <c r="V39966">
        <v>150</v>
      </c>
      <c r="W39966">
        <v>151</v>
      </c>
      <c r="X39966">
        <v>152</v>
      </c>
      <c r="Y39966">
        <v>153</v>
      </c>
      <c r="Z39966">
        <v>154</v>
      </c>
      <c r="AA39966">
        <v>155</v>
      </c>
      <c r="AB39966">
        <v>156</v>
      </c>
      <c r="AC39966">
        <v>157</v>
      </c>
      <c r="AD39966">
        <v>158</v>
      </c>
      <c r="AE39966">
        <v>158</v>
      </c>
      <c r="AF39966">
        <v>159</v>
      </c>
      <c r="AG39966">
        <v>160</v>
      </c>
      <c r="AH39966">
        <v>161</v>
      </c>
      <c r="AI39966">
        <v>161</v>
      </c>
      <c r="AJ39966">
        <v>162</v>
      </c>
      <c r="AK39966">
        <v>163</v>
      </c>
      <c r="AL39966">
        <v>163</v>
      </c>
      <c r="AM39966">
        <v>162</v>
      </c>
      <c r="AN39966">
        <v>161</v>
      </c>
      <c r="AO39966">
        <v>161</v>
      </c>
      <c r="AP39966">
        <v>160</v>
      </c>
      <c r="AQ39966">
        <v>160</v>
      </c>
    </row>
    <row r="39967" spans="1:43">
      <c r="A39967" t="s">
        <v>24765</v>
      </c>
      <c r="B39967" t="s">
        <v>24766</v>
      </c>
      <c r="C39967" t="s">
        <v>4914</v>
      </c>
      <c r="D39967" t="s">
        <v>4915</v>
      </c>
      <c r="E39967" t="s">
        <v>4916</v>
      </c>
      <c r="F39967" t="s">
        <v>4917</v>
      </c>
      <c r="G39967" t="s">
        <v>80</v>
      </c>
      <c r="H39967" t="s">
        <v>81</v>
      </c>
      <c r="I39967" s="2">
        <v>1</v>
      </c>
      <c r="J39967" s="2">
        <v>0</v>
      </c>
      <c r="K39967" s="2">
        <v>0</v>
      </c>
      <c r="L39967" t="s">
        <v>120</v>
      </c>
      <c r="M39967" t="s">
        <v>87</v>
      </c>
      <c r="N39967" t="s">
        <v>88</v>
      </c>
      <c r="O39967" t="s">
        <v>85</v>
      </c>
      <c r="P39967" t="s">
        <v>86</v>
      </c>
      <c r="Q39967">
        <v>145</v>
      </c>
      <c r="R39967">
        <v>144</v>
      </c>
      <c r="S39967">
        <v>144</v>
      </c>
      <c r="T39967">
        <v>144</v>
      </c>
      <c r="U39967">
        <v>144</v>
      </c>
      <c r="V39967">
        <v>143</v>
      </c>
      <c r="W39967">
        <v>143</v>
      </c>
      <c r="X39967">
        <v>143</v>
      </c>
      <c r="Y39967">
        <v>143</v>
      </c>
      <c r="Z39967">
        <v>143</v>
      </c>
      <c r="AA39967">
        <v>142</v>
      </c>
      <c r="AB39967">
        <v>142</v>
      </c>
      <c r="AC39967">
        <v>142</v>
      </c>
      <c r="AD39967">
        <v>142</v>
      </c>
      <c r="AE39967">
        <v>142</v>
      </c>
      <c r="AF39967">
        <v>141</v>
      </c>
      <c r="AG39967">
        <v>141</v>
      </c>
      <c r="AH39967">
        <v>141</v>
      </c>
      <c r="AI39967">
        <v>141</v>
      </c>
      <c r="AJ39967">
        <v>140</v>
      </c>
      <c r="AK39967">
        <v>140</v>
      </c>
      <c r="AL39967">
        <v>140</v>
      </c>
      <c r="AM39967">
        <v>140</v>
      </c>
      <c r="AN39967">
        <v>140</v>
      </c>
      <c r="AO39967">
        <v>139</v>
      </c>
      <c r="AP39967">
        <v>139</v>
      </c>
      <c r="AQ39967">
        <v>139</v>
      </c>
    </row>
    <row r="39968" spans="1:43">
      <c r="A39968" t="s">
        <v>24765</v>
      </c>
      <c r="B39968" t="s">
        <v>24766</v>
      </c>
      <c r="C39968" t="s">
        <v>4914</v>
      </c>
      <c r="D39968" t="s">
        <v>4915</v>
      </c>
      <c r="E39968" t="s">
        <v>4916</v>
      </c>
      <c r="F39968" t="s">
        <v>4917</v>
      </c>
      <c r="G39968" t="s">
        <v>80</v>
      </c>
      <c r="H39968" t="s">
        <v>81</v>
      </c>
      <c r="I39968" s="2">
        <v>1</v>
      </c>
      <c r="J39968" s="2">
        <v>0</v>
      </c>
      <c r="K39968" s="2">
        <v>0</v>
      </c>
      <c r="L39968" t="s">
        <v>120</v>
      </c>
      <c r="M39968" t="s">
        <v>89</v>
      </c>
      <c r="N39968" t="s">
        <v>90</v>
      </c>
      <c r="O39968" t="s">
        <v>85</v>
      </c>
      <c r="P39968" t="s">
        <v>86</v>
      </c>
      <c r="Q39968">
        <v>145</v>
      </c>
      <c r="R39968">
        <v>148</v>
      </c>
      <c r="S39968">
        <v>150</v>
      </c>
      <c r="T39968">
        <v>152</v>
      </c>
      <c r="U39968">
        <v>154</v>
      </c>
      <c r="V39968">
        <v>156</v>
      </c>
      <c r="W39968">
        <v>158</v>
      </c>
      <c r="X39968">
        <v>160</v>
      </c>
      <c r="Y39968">
        <v>161</v>
      </c>
      <c r="Z39968">
        <v>163</v>
      </c>
      <c r="AA39968">
        <v>164</v>
      </c>
      <c r="AB39968">
        <v>165</v>
      </c>
      <c r="AC39968">
        <v>167</v>
      </c>
      <c r="AD39968">
        <v>168</v>
      </c>
      <c r="AE39968">
        <v>169</v>
      </c>
      <c r="AF39968">
        <v>168</v>
      </c>
      <c r="AG39968">
        <v>168</v>
      </c>
      <c r="AH39968">
        <v>167</v>
      </c>
      <c r="AI39968">
        <v>166</v>
      </c>
      <c r="AJ39968">
        <v>166</v>
      </c>
      <c r="AK39968">
        <v>165</v>
      </c>
      <c r="AL39968">
        <v>165</v>
      </c>
      <c r="AM39968">
        <v>164</v>
      </c>
      <c r="AN39968">
        <v>164</v>
      </c>
      <c r="AO39968">
        <v>163</v>
      </c>
      <c r="AP39968">
        <v>162</v>
      </c>
      <c r="AQ39968">
        <v>162</v>
      </c>
    </row>
    <row r="39969" spans="1:43">
      <c r="A39969" t="s">
        <v>24765</v>
      </c>
      <c r="B39969" t="s">
        <v>24766</v>
      </c>
      <c r="C39969" t="s">
        <v>4914</v>
      </c>
      <c r="D39969" t="s">
        <v>4915</v>
      </c>
      <c r="E39969" t="s">
        <v>4916</v>
      </c>
      <c r="F39969" t="s">
        <v>4917</v>
      </c>
      <c r="G39969" t="s">
        <v>80</v>
      </c>
      <c r="H39969" t="s">
        <v>81</v>
      </c>
      <c r="I39969" s="2">
        <v>1</v>
      </c>
      <c r="J39969" s="2">
        <v>0</v>
      </c>
      <c r="K39969" s="2">
        <v>0</v>
      </c>
      <c r="L39969" t="s">
        <v>120</v>
      </c>
      <c r="M39969" t="s">
        <v>83</v>
      </c>
      <c r="N39969" t="s">
        <v>91</v>
      </c>
      <c r="O39969" t="s">
        <v>85</v>
      </c>
      <c r="P39969" t="s">
        <v>86</v>
      </c>
      <c r="Q39969">
        <v>145</v>
      </c>
      <c r="R39969">
        <v>146</v>
      </c>
      <c r="S39969">
        <v>147</v>
      </c>
      <c r="T39969">
        <v>148</v>
      </c>
      <c r="U39969">
        <v>149</v>
      </c>
      <c r="V39969">
        <v>150</v>
      </c>
      <c r="W39969">
        <v>151</v>
      </c>
      <c r="X39969">
        <v>152</v>
      </c>
      <c r="Y39969">
        <v>153</v>
      </c>
      <c r="Z39969">
        <v>154</v>
      </c>
      <c r="AA39969">
        <v>155</v>
      </c>
      <c r="AB39969">
        <v>156</v>
      </c>
      <c r="AC39969">
        <v>157</v>
      </c>
      <c r="AD39969">
        <v>158</v>
      </c>
      <c r="AE39969">
        <v>158</v>
      </c>
      <c r="AF39969">
        <v>159</v>
      </c>
      <c r="AG39969">
        <v>160</v>
      </c>
      <c r="AH39969">
        <v>161</v>
      </c>
      <c r="AI39969">
        <v>161</v>
      </c>
      <c r="AJ39969">
        <v>162</v>
      </c>
      <c r="AK39969">
        <v>163</v>
      </c>
      <c r="AL39969">
        <v>163</v>
      </c>
      <c r="AM39969">
        <v>162</v>
      </c>
      <c r="AN39969">
        <v>161</v>
      </c>
      <c r="AO39969">
        <v>161</v>
      </c>
      <c r="AP39969">
        <v>160</v>
      </c>
      <c r="AQ39969">
        <v>160</v>
      </c>
    </row>
    <row r="39970" spans="1:43">
      <c r="A39970" t="s">
        <v>24767</v>
      </c>
      <c r="B39970" t="s">
        <v>24768</v>
      </c>
      <c r="C39970" t="s">
        <v>4914</v>
      </c>
      <c r="D39970" t="s">
        <v>4915</v>
      </c>
      <c r="E39970" t="s">
        <v>4916</v>
      </c>
      <c r="F39970" t="s">
        <v>4917</v>
      </c>
      <c r="G39970" t="s">
        <v>80</v>
      </c>
      <c r="H39970" t="s">
        <v>81</v>
      </c>
      <c r="I39970" s="2">
        <v>1</v>
      </c>
      <c r="J39970" s="2">
        <v>0</v>
      </c>
      <c r="K39970" s="2">
        <v>0</v>
      </c>
      <c r="L39970" t="s">
        <v>120</v>
      </c>
      <c r="M39970" t="s">
        <v>83</v>
      </c>
      <c r="N39970" t="s">
        <v>84</v>
      </c>
      <c r="O39970" t="s">
        <v>85</v>
      </c>
      <c r="P39970" t="s">
        <v>86</v>
      </c>
      <c r="Q39970">
        <v>4</v>
      </c>
      <c r="R39970">
        <v>4</v>
      </c>
      <c r="S39970">
        <v>4</v>
      </c>
      <c r="T39970">
        <v>4</v>
      </c>
      <c r="U39970">
        <v>4</v>
      </c>
      <c r="V39970">
        <v>4</v>
      </c>
      <c r="W39970">
        <v>4</v>
      </c>
      <c r="X39970">
        <v>4</v>
      </c>
      <c r="Y39970">
        <v>4</v>
      </c>
      <c r="Z39970">
        <v>4</v>
      </c>
      <c r="AA39970">
        <v>4</v>
      </c>
      <c r="AB39970">
        <v>4</v>
      </c>
      <c r="AC39970">
        <v>4</v>
      </c>
      <c r="AD39970">
        <v>4</v>
      </c>
      <c r="AE39970">
        <v>4</v>
      </c>
      <c r="AF39970">
        <v>5</v>
      </c>
      <c r="AG39970">
        <v>5</v>
      </c>
      <c r="AH39970">
        <v>5</v>
      </c>
      <c r="AI39970">
        <v>5</v>
      </c>
      <c r="AJ39970">
        <v>5</v>
      </c>
      <c r="AK39970">
        <v>5</v>
      </c>
      <c r="AL39970">
        <v>5</v>
      </c>
      <c r="AM39970">
        <v>5</v>
      </c>
      <c r="AN39970">
        <v>5</v>
      </c>
      <c r="AO39970">
        <v>5</v>
      </c>
      <c r="AP39970">
        <v>5</v>
      </c>
      <c r="AQ39970">
        <v>5</v>
      </c>
    </row>
    <row r="39971" spans="1:43">
      <c r="A39971" t="s">
        <v>24767</v>
      </c>
      <c r="B39971" t="s">
        <v>24768</v>
      </c>
      <c r="C39971" t="s">
        <v>4914</v>
      </c>
      <c r="D39971" t="s">
        <v>4915</v>
      </c>
      <c r="E39971" t="s">
        <v>4916</v>
      </c>
      <c r="F39971" t="s">
        <v>4917</v>
      </c>
      <c r="G39971" t="s">
        <v>80</v>
      </c>
      <c r="H39971" t="s">
        <v>81</v>
      </c>
      <c r="I39971" s="2">
        <v>1</v>
      </c>
      <c r="J39971" s="2">
        <v>0</v>
      </c>
      <c r="K39971" s="2">
        <v>0</v>
      </c>
      <c r="L39971" t="s">
        <v>120</v>
      </c>
      <c r="M39971" t="s">
        <v>87</v>
      </c>
      <c r="N39971" t="s">
        <v>88</v>
      </c>
      <c r="O39971" t="s">
        <v>85</v>
      </c>
      <c r="P39971" t="s">
        <v>86</v>
      </c>
      <c r="Q39971">
        <v>4</v>
      </c>
      <c r="R39971">
        <v>4</v>
      </c>
      <c r="S39971">
        <v>4</v>
      </c>
      <c r="T39971">
        <v>4</v>
      </c>
      <c r="U39971">
        <v>4</v>
      </c>
      <c r="V39971">
        <v>4</v>
      </c>
      <c r="W39971">
        <v>4</v>
      </c>
      <c r="X39971">
        <v>4</v>
      </c>
      <c r="Y39971">
        <v>4</v>
      </c>
      <c r="Z39971">
        <v>4</v>
      </c>
      <c r="AA39971">
        <v>4</v>
      </c>
      <c r="AB39971">
        <v>4</v>
      </c>
      <c r="AC39971">
        <v>4</v>
      </c>
      <c r="AD39971">
        <v>4</v>
      </c>
      <c r="AE39971">
        <v>4</v>
      </c>
      <c r="AF39971">
        <v>4</v>
      </c>
      <c r="AG39971">
        <v>4</v>
      </c>
      <c r="AH39971">
        <v>4</v>
      </c>
      <c r="AI39971">
        <v>4</v>
      </c>
      <c r="AJ39971">
        <v>4</v>
      </c>
      <c r="AK39971">
        <v>4</v>
      </c>
      <c r="AL39971">
        <v>4</v>
      </c>
      <c r="AM39971">
        <v>4</v>
      </c>
      <c r="AN39971">
        <v>4</v>
      </c>
      <c r="AO39971">
        <v>4</v>
      </c>
      <c r="AP39971">
        <v>4</v>
      </c>
      <c r="AQ39971">
        <v>4</v>
      </c>
    </row>
    <row r="39972" spans="1:43">
      <c r="A39972" t="s">
        <v>24767</v>
      </c>
      <c r="B39972" t="s">
        <v>24768</v>
      </c>
      <c r="C39972" t="s">
        <v>4914</v>
      </c>
      <c r="D39972" t="s">
        <v>4915</v>
      </c>
      <c r="E39972" t="s">
        <v>4916</v>
      </c>
      <c r="F39972" t="s">
        <v>4917</v>
      </c>
      <c r="G39972" t="s">
        <v>80</v>
      </c>
      <c r="H39972" t="s">
        <v>81</v>
      </c>
      <c r="I39972" s="2">
        <v>1</v>
      </c>
      <c r="J39972" s="2">
        <v>0</v>
      </c>
      <c r="K39972" s="2">
        <v>0</v>
      </c>
      <c r="L39972" t="s">
        <v>120</v>
      </c>
      <c r="M39972" t="s">
        <v>89</v>
      </c>
      <c r="N39972" t="s">
        <v>90</v>
      </c>
      <c r="O39972" t="s">
        <v>85</v>
      </c>
      <c r="P39972" t="s">
        <v>86</v>
      </c>
      <c r="Q39972">
        <v>4</v>
      </c>
      <c r="R39972">
        <v>4</v>
      </c>
      <c r="S39972">
        <v>4</v>
      </c>
      <c r="T39972">
        <v>4</v>
      </c>
      <c r="U39972">
        <v>4</v>
      </c>
      <c r="V39972">
        <v>4</v>
      </c>
      <c r="W39972">
        <v>5</v>
      </c>
      <c r="X39972">
        <v>5</v>
      </c>
      <c r="Y39972">
        <v>5</v>
      </c>
      <c r="Z39972">
        <v>5</v>
      </c>
      <c r="AA39972">
        <v>5</v>
      </c>
      <c r="AB39972">
        <v>5</v>
      </c>
      <c r="AC39972">
        <v>5</v>
      </c>
      <c r="AD39972">
        <v>5</v>
      </c>
      <c r="AE39972">
        <v>5</v>
      </c>
      <c r="AF39972">
        <v>5</v>
      </c>
      <c r="AG39972">
        <v>5</v>
      </c>
      <c r="AH39972">
        <v>5</v>
      </c>
      <c r="AI39972">
        <v>5</v>
      </c>
      <c r="AJ39972">
        <v>5</v>
      </c>
      <c r="AK39972">
        <v>5</v>
      </c>
      <c r="AL39972">
        <v>5</v>
      </c>
      <c r="AM39972">
        <v>5</v>
      </c>
      <c r="AN39972">
        <v>5</v>
      </c>
      <c r="AO39972">
        <v>5</v>
      </c>
      <c r="AP39972">
        <v>5</v>
      </c>
      <c r="AQ39972">
        <v>5</v>
      </c>
    </row>
    <row r="39973" spans="1:43">
      <c r="A39973" t="s">
        <v>24767</v>
      </c>
      <c r="B39973" t="s">
        <v>24768</v>
      </c>
      <c r="C39973" t="s">
        <v>4914</v>
      </c>
      <c r="D39973" t="s">
        <v>4915</v>
      </c>
      <c r="E39973" t="s">
        <v>4916</v>
      </c>
      <c r="F39973" t="s">
        <v>4917</v>
      </c>
      <c r="G39973" t="s">
        <v>80</v>
      </c>
      <c r="H39973" t="s">
        <v>81</v>
      </c>
      <c r="I39973" s="2">
        <v>1</v>
      </c>
      <c r="J39973" s="2">
        <v>0</v>
      </c>
      <c r="K39973" s="2">
        <v>0</v>
      </c>
      <c r="L39973" t="s">
        <v>120</v>
      </c>
      <c r="M39973" t="s">
        <v>83</v>
      </c>
      <c r="N39973" t="s">
        <v>91</v>
      </c>
      <c r="O39973" t="s">
        <v>85</v>
      </c>
      <c r="P39973" t="s">
        <v>86</v>
      </c>
      <c r="Q39973">
        <v>4</v>
      </c>
      <c r="R39973">
        <v>4</v>
      </c>
      <c r="S39973">
        <v>4</v>
      </c>
      <c r="T39973">
        <v>4</v>
      </c>
      <c r="U39973">
        <v>4</v>
      </c>
      <c r="V39973">
        <v>4</v>
      </c>
      <c r="W39973">
        <v>4</v>
      </c>
      <c r="X39973">
        <v>4</v>
      </c>
      <c r="Y39973">
        <v>4</v>
      </c>
      <c r="Z39973">
        <v>4</v>
      </c>
      <c r="AA39973">
        <v>4</v>
      </c>
      <c r="AB39973">
        <v>4</v>
      </c>
      <c r="AC39973">
        <v>4</v>
      </c>
      <c r="AD39973">
        <v>4</v>
      </c>
      <c r="AE39973">
        <v>4</v>
      </c>
      <c r="AF39973">
        <v>5</v>
      </c>
      <c r="AG39973">
        <v>5</v>
      </c>
      <c r="AH39973">
        <v>5</v>
      </c>
      <c r="AI39973">
        <v>5</v>
      </c>
      <c r="AJ39973">
        <v>5</v>
      </c>
      <c r="AK39973">
        <v>5</v>
      </c>
      <c r="AL39973">
        <v>5</v>
      </c>
      <c r="AM39973">
        <v>5</v>
      </c>
      <c r="AN39973">
        <v>5</v>
      </c>
      <c r="AO39973">
        <v>5</v>
      </c>
      <c r="AP39973">
        <v>5</v>
      </c>
      <c r="AQ39973">
        <v>5</v>
      </c>
    </row>
    <row r="39974" spans="1:43">
      <c r="A39974" t="s">
        <v>24769</v>
      </c>
      <c r="B39974" t="s">
        <v>24770</v>
      </c>
      <c r="C39974" t="s">
        <v>9004</v>
      </c>
      <c r="D39974" t="s">
        <v>9005</v>
      </c>
      <c r="E39974" t="s">
        <v>8938</v>
      </c>
      <c r="F39974" t="s">
        <v>8939</v>
      </c>
      <c r="G39974" t="s">
        <v>80</v>
      </c>
      <c r="H39974" t="s">
        <v>81</v>
      </c>
      <c r="I39974" s="2">
        <v>0</v>
      </c>
      <c r="J39974" s="2">
        <v>1</v>
      </c>
      <c r="K39974" s="2">
        <v>0</v>
      </c>
      <c r="L39974" t="s">
        <v>82</v>
      </c>
      <c r="M39974" t="s">
        <v>83</v>
      </c>
      <c r="N39974" t="s">
        <v>84</v>
      </c>
      <c r="O39974" t="s">
        <v>85</v>
      </c>
      <c r="P39974" t="s">
        <v>86</v>
      </c>
      <c r="Q39974">
        <v>51</v>
      </c>
      <c r="R39974">
        <v>52</v>
      </c>
      <c r="S39974">
        <v>53</v>
      </c>
      <c r="T39974">
        <v>54</v>
      </c>
      <c r="U39974">
        <v>56</v>
      </c>
      <c r="V39974">
        <v>57</v>
      </c>
      <c r="W39974">
        <v>59</v>
      </c>
      <c r="X39974">
        <v>60</v>
      </c>
      <c r="Y39974">
        <v>61</v>
      </c>
      <c r="Z39974">
        <v>63</v>
      </c>
      <c r="AA39974">
        <v>64</v>
      </c>
      <c r="AB39974">
        <v>66</v>
      </c>
      <c r="AC39974">
        <v>67</v>
      </c>
      <c r="AD39974">
        <v>69</v>
      </c>
      <c r="AE39974">
        <v>70</v>
      </c>
      <c r="AF39974">
        <v>72</v>
      </c>
      <c r="AG39974">
        <v>73</v>
      </c>
      <c r="AH39974">
        <v>75</v>
      </c>
      <c r="AI39974">
        <v>76</v>
      </c>
      <c r="AJ39974">
        <v>78</v>
      </c>
      <c r="AK39974">
        <v>79</v>
      </c>
      <c r="AL39974">
        <v>80</v>
      </c>
      <c r="AM39974">
        <v>81</v>
      </c>
      <c r="AN39974">
        <v>82</v>
      </c>
      <c r="AO39974">
        <v>83</v>
      </c>
      <c r="AP39974">
        <v>84</v>
      </c>
      <c r="AQ39974">
        <v>84</v>
      </c>
    </row>
    <row r="39975" spans="1:43">
      <c r="A39975" t="s">
        <v>24769</v>
      </c>
      <c r="B39975" t="s">
        <v>24770</v>
      </c>
      <c r="C39975" t="s">
        <v>9004</v>
      </c>
      <c r="D39975" t="s">
        <v>9005</v>
      </c>
      <c r="E39975" t="s">
        <v>8938</v>
      </c>
      <c r="F39975" t="s">
        <v>8939</v>
      </c>
      <c r="G39975" t="s">
        <v>80</v>
      </c>
      <c r="H39975" t="s">
        <v>81</v>
      </c>
      <c r="I39975" s="2">
        <v>0</v>
      </c>
      <c r="J39975" s="2">
        <v>1</v>
      </c>
      <c r="K39975" s="2">
        <v>0</v>
      </c>
      <c r="L39975" t="s">
        <v>82</v>
      </c>
      <c r="M39975" t="s">
        <v>87</v>
      </c>
      <c r="N39975" t="s">
        <v>88</v>
      </c>
      <c r="O39975" t="s">
        <v>85</v>
      </c>
      <c r="P39975" t="s">
        <v>86</v>
      </c>
      <c r="Q39975">
        <v>51</v>
      </c>
      <c r="R39975">
        <v>52</v>
      </c>
      <c r="S39975">
        <v>53</v>
      </c>
      <c r="T39975">
        <v>54</v>
      </c>
      <c r="U39975">
        <v>54</v>
      </c>
      <c r="V39975">
        <v>55</v>
      </c>
      <c r="W39975">
        <v>56</v>
      </c>
      <c r="X39975">
        <v>57</v>
      </c>
      <c r="Y39975">
        <v>58</v>
      </c>
      <c r="Z39975">
        <v>59</v>
      </c>
      <c r="AA39975">
        <v>59</v>
      </c>
      <c r="AB39975">
        <v>60</v>
      </c>
      <c r="AC39975">
        <v>61</v>
      </c>
      <c r="AD39975">
        <v>62</v>
      </c>
      <c r="AE39975">
        <v>63</v>
      </c>
      <c r="AF39975">
        <v>64</v>
      </c>
      <c r="AG39975">
        <v>65</v>
      </c>
      <c r="AH39975">
        <v>66</v>
      </c>
      <c r="AI39975">
        <v>67</v>
      </c>
      <c r="AJ39975">
        <v>68</v>
      </c>
      <c r="AK39975">
        <v>68</v>
      </c>
      <c r="AL39975">
        <v>69</v>
      </c>
      <c r="AM39975">
        <v>70</v>
      </c>
      <c r="AN39975">
        <v>71</v>
      </c>
      <c r="AO39975">
        <v>72</v>
      </c>
      <c r="AP39975">
        <v>73</v>
      </c>
      <c r="AQ39975">
        <v>74</v>
      </c>
    </row>
    <row r="39976" spans="1:43">
      <c r="A39976" t="s">
        <v>24769</v>
      </c>
      <c r="B39976" t="s">
        <v>24770</v>
      </c>
      <c r="C39976" t="s">
        <v>9004</v>
      </c>
      <c r="D39976" t="s">
        <v>9005</v>
      </c>
      <c r="E39976" t="s">
        <v>8938</v>
      </c>
      <c r="F39976" t="s">
        <v>8939</v>
      </c>
      <c r="G39976" t="s">
        <v>80</v>
      </c>
      <c r="H39976" t="s">
        <v>81</v>
      </c>
      <c r="I39976" s="2">
        <v>0</v>
      </c>
      <c r="J39976" s="2">
        <v>1</v>
      </c>
      <c r="K39976" s="2">
        <v>0</v>
      </c>
      <c r="L39976" t="s">
        <v>82</v>
      </c>
      <c r="M39976" t="s">
        <v>89</v>
      </c>
      <c r="N39976" t="s">
        <v>90</v>
      </c>
      <c r="O39976" t="s">
        <v>85</v>
      </c>
      <c r="P39976" t="s">
        <v>86</v>
      </c>
      <c r="Q39976">
        <v>51</v>
      </c>
      <c r="R39976">
        <v>53</v>
      </c>
      <c r="S39976">
        <v>55</v>
      </c>
      <c r="T39976">
        <v>56</v>
      </c>
      <c r="U39976">
        <v>58</v>
      </c>
      <c r="V39976">
        <v>60</v>
      </c>
      <c r="W39976">
        <v>62</v>
      </c>
      <c r="X39976">
        <v>63</v>
      </c>
      <c r="Y39976">
        <v>65</v>
      </c>
      <c r="Z39976">
        <v>67</v>
      </c>
      <c r="AA39976">
        <v>69</v>
      </c>
      <c r="AB39976">
        <v>70</v>
      </c>
      <c r="AC39976">
        <v>72</v>
      </c>
      <c r="AD39976">
        <v>74</v>
      </c>
      <c r="AE39976">
        <v>75</v>
      </c>
      <c r="AF39976">
        <v>76</v>
      </c>
      <c r="AG39976">
        <v>77</v>
      </c>
      <c r="AH39976">
        <v>78</v>
      </c>
      <c r="AI39976">
        <v>78</v>
      </c>
      <c r="AJ39976">
        <v>79</v>
      </c>
      <c r="AK39976">
        <v>80</v>
      </c>
      <c r="AL39976">
        <v>81</v>
      </c>
      <c r="AM39976">
        <v>82</v>
      </c>
      <c r="AN39976">
        <v>82</v>
      </c>
      <c r="AO39976">
        <v>83</v>
      </c>
      <c r="AP39976">
        <v>84</v>
      </c>
      <c r="AQ39976">
        <v>85</v>
      </c>
    </row>
    <row r="39977" spans="1:43">
      <c r="A39977" t="s">
        <v>24769</v>
      </c>
      <c r="B39977" t="s">
        <v>24770</v>
      </c>
      <c r="C39977" t="s">
        <v>9004</v>
      </c>
      <c r="D39977" t="s">
        <v>9005</v>
      </c>
      <c r="E39977" t="s">
        <v>8938</v>
      </c>
      <c r="F39977" t="s">
        <v>8939</v>
      </c>
      <c r="G39977" t="s">
        <v>80</v>
      </c>
      <c r="H39977" t="s">
        <v>81</v>
      </c>
      <c r="I39977" s="2">
        <v>0</v>
      </c>
      <c r="J39977" s="2">
        <v>1</v>
      </c>
      <c r="K39977" s="2">
        <v>0</v>
      </c>
      <c r="L39977" t="s">
        <v>82</v>
      </c>
      <c r="M39977" t="s">
        <v>83</v>
      </c>
      <c r="N39977" t="s">
        <v>91</v>
      </c>
      <c r="O39977" t="s">
        <v>85</v>
      </c>
      <c r="P39977" t="s">
        <v>86</v>
      </c>
      <c r="Q39977">
        <v>51</v>
      </c>
      <c r="R39977">
        <v>52</v>
      </c>
      <c r="S39977">
        <v>53</v>
      </c>
      <c r="T39977">
        <v>54</v>
      </c>
      <c r="U39977">
        <v>56</v>
      </c>
      <c r="V39977">
        <v>57</v>
      </c>
      <c r="W39977">
        <v>59</v>
      </c>
      <c r="X39977">
        <v>60</v>
      </c>
      <c r="Y39977">
        <v>61</v>
      </c>
      <c r="Z39977">
        <v>63</v>
      </c>
      <c r="AA39977">
        <v>64</v>
      </c>
      <c r="AB39977">
        <v>66</v>
      </c>
      <c r="AC39977">
        <v>67</v>
      </c>
      <c r="AD39977">
        <v>69</v>
      </c>
      <c r="AE39977">
        <v>70</v>
      </c>
      <c r="AF39977">
        <v>72</v>
      </c>
      <c r="AG39977">
        <v>73</v>
      </c>
      <c r="AH39977">
        <v>75</v>
      </c>
      <c r="AI39977">
        <v>76</v>
      </c>
      <c r="AJ39977">
        <v>78</v>
      </c>
      <c r="AK39977">
        <v>79</v>
      </c>
      <c r="AL39977">
        <v>80</v>
      </c>
      <c r="AM39977">
        <v>81</v>
      </c>
      <c r="AN39977">
        <v>82</v>
      </c>
      <c r="AO39977">
        <v>83</v>
      </c>
      <c r="AP39977">
        <v>84</v>
      </c>
      <c r="AQ39977">
        <v>84</v>
      </c>
    </row>
    <row r="39978" spans="1:43">
      <c r="A39978" t="s">
        <v>24771</v>
      </c>
      <c r="B39978" t="s">
        <v>24772</v>
      </c>
      <c r="C39978" t="s">
        <v>9004</v>
      </c>
      <c r="D39978" t="s">
        <v>9005</v>
      </c>
      <c r="E39978" t="s">
        <v>8938</v>
      </c>
      <c r="F39978" t="s">
        <v>8939</v>
      </c>
      <c r="G39978" t="s">
        <v>80</v>
      </c>
      <c r="H39978" t="s">
        <v>81</v>
      </c>
      <c r="I39978" s="2">
        <v>0</v>
      </c>
      <c r="J39978" s="2">
        <v>1</v>
      </c>
      <c r="K39978" s="2">
        <v>0</v>
      </c>
      <c r="L39978" t="s">
        <v>82</v>
      </c>
      <c r="M39978" t="s">
        <v>83</v>
      </c>
      <c r="N39978" t="s">
        <v>84</v>
      </c>
      <c r="O39978" t="s">
        <v>85</v>
      </c>
      <c r="P39978" t="s">
        <v>86</v>
      </c>
      <c r="Q39978">
        <v>1</v>
      </c>
      <c r="R39978">
        <v>1</v>
      </c>
      <c r="S39978">
        <v>2</v>
      </c>
      <c r="T39978">
        <v>2</v>
      </c>
      <c r="U39978">
        <v>2</v>
      </c>
      <c r="V39978">
        <v>2</v>
      </c>
      <c r="W39978">
        <v>2</v>
      </c>
      <c r="X39978">
        <v>2</v>
      </c>
      <c r="Y39978">
        <v>2</v>
      </c>
      <c r="Z39978">
        <v>2</v>
      </c>
      <c r="AA39978">
        <v>2</v>
      </c>
      <c r="AB39978">
        <v>2</v>
      </c>
      <c r="AC39978">
        <v>2</v>
      </c>
      <c r="AD39978">
        <v>2</v>
      </c>
      <c r="AE39978">
        <v>2</v>
      </c>
      <c r="AF39978">
        <v>2</v>
      </c>
      <c r="AG39978">
        <v>2</v>
      </c>
      <c r="AH39978">
        <v>2</v>
      </c>
      <c r="AI39978">
        <v>2</v>
      </c>
      <c r="AJ39978">
        <v>2</v>
      </c>
      <c r="AK39978">
        <v>2</v>
      </c>
      <c r="AL39978">
        <v>2</v>
      </c>
      <c r="AM39978">
        <v>2</v>
      </c>
      <c r="AN39978">
        <v>2</v>
      </c>
      <c r="AO39978">
        <v>2</v>
      </c>
      <c r="AP39978">
        <v>2</v>
      </c>
      <c r="AQ39978">
        <v>2</v>
      </c>
    </row>
    <row r="39979" spans="1:43">
      <c r="A39979" t="s">
        <v>24771</v>
      </c>
      <c r="B39979" t="s">
        <v>24772</v>
      </c>
      <c r="C39979" t="s">
        <v>9004</v>
      </c>
      <c r="D39979" t="s">
        <v>9005</v>
      </c>
      <c r="E39979" t="s">
        <v>8938</v>
      </c>
      <c r="F39979" t="s">
        <v>8939</v>
      </c>
      <c r="G39979" t="s">
        <v>80</v>
      </c>
      <c r="H39979" t="s">
        <v>81</v>
      </c>
      <c r="I39979" s="2">
        <v>0</v>
      </c>
      <c r="J39979" s="2">
        <v>1</v>
      </c>
      <c r="K39979" s="2">
        <v>0</v>
      </c>
      <c r="L39979" t="s">
        <v>82</v>
      </c>
      <c r="M39979" t="s">
        <v>87</v>
      </c>
      <c r="N39979" t="s">
        <v>88</v>
      </c>
      <c r="O39979" t="s">
        <v>85</v>
      </c>
      <c r="P39979" t="s">
        <v>86</v>
      </c>
      <c r="Q39979">
        <v>1</v>
      </c>
      <c r="R39979">
        <v>1</v>
      </c>
      <c r="S39979">
        <v>1</v>
      </c>
      <c r="T39979">
        <v>1</v>
      </c>
      <c r="U39979">
        <v>2</v>
      </c>
      <c r="V39979">
        <v>2</v>
      </c>
      <c r="W39979">
        <v>2</v>
      </c>
      <c r="X39979">
        <v>2</v>
      </c>
      <c r="Y39979">
        <v>2</v>
      </c>
      <c r="Z39979">
        <v>2</v>
      </c>
      <c r="AA39979">
        <v>2</v>
      </c>
      <c r="AB39979">
        <v>2</v>
      </c>
      <c r="AC39979">
        <v>2</v>
      </c>
      <c r="AD39979">
        <v>2</v>
      </c>
      <c r="AE39979">
        <v>2</v>
      </c>
      <c r="AF39979">
        <v>2</v>
      </c>
      <c r="AG39979">
        <v>2</v>
      </c>
      <c r="AH39979">
        <v>2</v>
      </c>
      <c r="AI39979">
        <v>2</v>
      </c>
      <c r="AJ39979">
        <v>2</v>
      </c>
      <c r="AK39979">
        <v>2</v>
      </c>
      <c r="AL39979">
        <v>2</v>
      </c>
      <c r="AM39979">
        <v>2</v>
      </c>
      <c r="AN39979">
        <v>2</v>
      </c>
      <c r="AO39979">
        <v>2</v>
      </c>
      <c r="AP39979">
        <v>2</v>
      </c>
      <c r="AQ39979">
        <v>2</v>
      </c>
    </row>
    <row r="39980" spans="1:43">
      <c r="A39980" t="s">
        <v>24771</v>
      </c>
      <c r="B39980" t="s">
        <v>24772</v>
      </c>
      <c r="C39980" t="s">
        <v>9004</v>
      </c>
      <c r="D39980" t="s">
        <v>9005</v>
      </c>
      <c r="E39980" t="s">
        <v>8938</v>
      </c>
      <c r="F39980" t="s">
        <v>8939</v>
      </c>
      <c r="G39980" t="s">
        <v>80</v>
      </c>
      <c r="H39980" t="s">
        <v>81</v>
      </c>
      <c r="I39980" s="2">
        <v>0</v>
      </c>
      <c r="J39980" s="2">
        <v>1</v>
      </c>
      <c r="K39980" s="2">
        <v>0</v>
      </c>
      <c r="L39980" t="s">
        <v>82</v>
      </c>
      <c r="M39980" t="s">
        <v>89</v>
      </c>
      <c r="N39980" t="s">
        <v>90</v>
      </c>
      <c r="O39980" t="s">
        <v>85</v>
      </c>
      <c r="P39980" t="s">
        <v>86</v>
      </c>
      <c r="Q39980">
        <v>1</v>
      </c>
      <c r="R39980">
        <v>1</v>
      </c>
      <c r="S39980">
        <v>2</v>
      </c>
      <c r="T39980">
        <v>2</v>
      </c>
      <c r="U39980">
        <v>2</v>
      </c>
      <c r="V39980">
        <v>2</v>
      </c>
      <c r="W39980">
        <v>2</v>
      </c>
      <c r="X39980">
        <v>2</v>
      </c>
      <c r="Y39980">
        <v>2</v>
      </c>
      <c r="Z39980">
        <v>2</v>
      </c>
      <c r="AA39980">
        <v>2</v>
      </c>
      <c r="AB39980">
        <v>2</v>
      </c>
      <c r="AC39980">
        <v>2</v>
      </c>
      <c r="AD39980">
        <v>2</v>
      </c>
      <c r="AE39980">
        <v>2</v>
      </c>
      <c r="AF39980">
        <v>2</v>
      </c>
      <c r="AG39980">
        <v>2</v>
      </c>
      <c r="AH39980">
        <v>2</v>
      </c>
      <c r="AI39980">
        <v>2</v>
      </c>
      <c r="AJ39980">
        <v>2</v>
      </c>
      <c r="AK39980">
        <v>2</v>
      </c>
      <c r="AL39980">
        <v>2</v>
      </c>
      <c r="AM39980">
        <v>2</v>
      </c>
      <c r="AN39980">
        <v>2</v>
      </c>
      <c r="AO39980">
        <v>2</v>
      </c>
      <c r="AP39980">
        <v>2</v>
      </c>
      <c r="AQ39980">
        <v>2</v>
      </c>
    </row>
    <row r="39981" spans="1:43">
      <c r="A39981" t="s">
        <v>24771</v>
      </c>
      <c r="B39981" t="s">
        <v>24772</v>
      </c>
      <c r="C39981" t="s">
        <v>9004</v>
      </c>
      <c r="D39981" t="s">
        <v>9005</v>
      </c>
      <c r="E39981" t="s">
        <v>8938</v>
      </c>
      <c r="F39981" t="s">
        <v>8939</v>
      </c>
      <c r="G39981" t="s">
        <v>80</v>
      </c>
      <c r="H39981" t="s">
        <v>81</v>
      </c>
      <c r="I39981" s="2">
        <v>0</v>
      </c>
      <c r="J39981" s="2">
        <v>1</v>
      </c>
      <c r="K39981" s="2">
        <v>0</v>
      </c>
      <c r="L39981" t="s">
        <v>82</v>
      </c>
      <c r="M39981" t="s">
        <v>83</v>
      </c>
      <c r="N39981" t="s">
        <v>91</v>
      </c>
      <c r="O39981" t="s">
        <v>85</v>
      </c>
      <c r="P39981" t="s">
        <v>86</v>
      </c>
      <c r="Q39981">
        <v>1</v>
      </c>
      <c r="R39981">
        <v>1</v>
      </c>
      <c r="S39981">
        <v>2</v>
      </c>
      <c r="T39981">
        <v>2</v>
      </c>
      <c r="U39981">
        <v>2</v>
      </c>
      <c r="V39981">
        <v>2</v>
      </c>
      <c r="W39981">
        <v>2</v>
      </c>
      <c r="X39981">
        <v>2</v>
      </c>
      <c r="Y39981">
        <v>2</v>
      </c>
      <c r="Z39981">
        <v>2</v>
      </c>
      <c r="AA39981">
        <v>2</v>
      </c>
      <c r="AB39981">
        <v>2</v>
      </c>
      <c r="AC39981">
        <v>2</v>
      </c>
      <c r="AD39981">
        <v>2</v>
      </c>
      <c r="AE39981">
        <v>2</v>
      </c>
      <c r="AF39981">
        <v>2</v>
      </c>
      <c r="AG39981">
        <v>2</v>
      </c>
      <c r="AH39981">
        <v>2</v>
      </c>
      <c r="AI39981">
        <v>2</v>
      </c>
      <c r="AJ39981">
        <v>2</v>
      </c>
      <c r="AK39981">
        <v>2</v>
      </c>
      <c r="AL39981">
        <v>2</v>
      </c>
      <c r="AM39981">
        <v>2</v>
      </c>
      <c r="AN39981">
        <v>2</v>
      </c>
      <c r="AO39981">
        <v>2</v>
      </c>
      <c r="AP39981">
        <v>2</v>
      </c>
      <c r="AQ39981">
        <v>2</v>
      </c>
    </row>
    <row r="39982" spans="1:43">
      <c r="A39982" t="s">
        <v>24773</v>
      </c>
      <c r="B39982" t="s">
        <v>24774</v>
      </c>
      <c r="C39982" t="s">
        <v>9184</v>
      </c>
      <c r="D39982" t="s">
        <v>9185</v>
      </c>
      <c r="E39982" t="s">
        <v>8938</v>
      </c>
      <c r="F39982" t="s">
        <v>8939</v>
      </c>
      <c r="G39982" t="s">
        <v>80</v>
      </c>
      <c r="H39982" t="s">
        <v>81</v>
      </c>
      <c r="I39982" s="2">
        <v>0</v>
      </c>
      <c r="J39982" s="2">
        <v>1</v>
      </c>
      <c r="K39982" s="2">
        <v>0</v>
      </c>
      <c r="L39982" t="s">
        <v>82</v>
      </c>
      <c r="M39982" t="s">
        <v>83</v>
      </c>
      <c r="N39982" t="s">
        <v>84</v>
      </c>
      <c r="O39982" t="s">
        <v>85</v>
      </c>
      <c r="P39982" t="s">
        <v>86</v>
      </c>
      <c r="Q39982">
        <v>130</v>
      </c>
      <c r="R39982">
        <v>133</v>
      </c>
      <c r="S39982">
        <v>136</v>
      </c>
      <c r="T39982">
        <v>140</v>
      </c>
      <c r="U39982">
        <v>143</v>
      </c>
      <c r="V39982">
        <v>147</v>
      </c>
      <c r="W39982">
        <v>150</v>
      </c>
      <c r="X39982">
        <v>154</v>
      </c>
      <c r="Y39982">
        <v>157</v>
      </c>
      <c r="Z39982">
        <v>161</v>
      </c>
      <c r="AA39982">
        <v>165</v>
      </c>
      <c r="AB39982">
        <v>169</v>
      </c>
      <c r="AC39982">
        <v>172</v>
      </c>
      <c r="AD39982">
        <v>176</v>
      </c>
      <c r="AE39982">
        <v>180</v>
      </c>
      <c r="AF39982">
        <v>184</v>
      </c>
      <c r="AG39982">
        <v>188</v>
      </c>
      <c r="AH39982">
        <v>192</v>
      </c>
      <c r="AI39982">
        <v>196</v>
      </c>
      <c r="AJ39982">
        <v>200</v>
      </c>
      <c r="AK39982">
        <v>204</v>
      </c>
      <c r="AL39982">
        <v>207</v>
      </c>
      <c r="AM39982">
        <v>209</v>
      </c>
      <c r="AN39982">
        <v>211</v>
      </c>
      <c r="AO39982">
        <v>213</v>
      </c>
      <c r="AP39982">
        <v>215</v>
      </c>
      <c r="AQ39982">
        <v>217</v>
      </c>
    </row>
    <row r="39983" spans="1:43">
      <c r="A39983" t="s">
        <v>24773</v>
      </c>
      <c r="B39983" t="s">
        <v>24774</v>
      </c>
      <c r="C39983" t="s">
        <v>9184</v>
      </c>
      <c r="D39983" t="s">
        <v>9185</v>
      </c>
      <c r="E39983" t="s">
        <v>8938</v>
      </c>
      <c r="F39983" t="s">
        <v>8939</v>
      </c>
      <c r="G39983" t="s">
        <v>80</v>
      </c>
      <c r="H39983" t="s">
        <v>81</v>
      </c>
      <c r="I39983" s="2">
        <v>0</v>
      </c>
      <c r="J39983" s="2">
        <v>1</v>
      </c>
      <c r="K39983" s="2">
        <v>0</v>
      </c>
      <c r="L39983" t="s">
        <v>82</v>
      </c>
      <c r="M39983" t="s">
        <v>87</v>
      </c>
      <c r="N39983" t="s">
        <v>88</v>
      </c>
      <c r="O39983" t="s">
        <v>85</v>
      </c>
      <c r="P39983" t="s">
        <v>86</v>
      </c>
      <c r="Q39983">
        <v>130</v>
      </c>
      <c r="R39983">
        <v>132</v>
      </c>
      <c r="S39983">
        <v>135</v>
      </c>
      <c r="T39983">
        <v>137</v>
      </c>
      <c r="U39983">
        <v>139</v>
      </c>
      <c r="V39983">
        <v>141</v>
      </c>
      <c r="W39983">
        <v>143</v>
      </c>
      <c r="X39983">
        <v>145</v>
      </c>
      <c r="Y39983">
        <v>148</v>
      </c>
      <c r="Z39983">
        <v>150</v>
      </c>
      <c r="AA39983">
        <v>152</v>
      </c>
      <c r="AB39983">
        <v>154</v>
      </c>
      <c r="AC39983">
        <v>156</v>
      </c>
      <c r="AD39983">
        <v>159</v>
      </c>
      <c r="AE39983">
        <v>161</v>
      </c>
      <c r="AF39983">
        <v>163</v>
      </c>
      <c r="AG39983">
        <v>166</v>
      </c>
      <c r="AH39983">
        <v>168</v>
      </c>
      <c r="AI39983">
        <v>170</v>
      </c>
      <c r="AJ39983">
        <v>173</v>
      </c>
      <c r="AK39983">
        <v>175</v>
      </c>
      <c r="AL39983">
        <v>178</v>
      </c>
      <c r="AM39983">
        <v>180</v>
      </c>
      <c r="AN39983">
        <v>182</v>
      </c>
      <c r="AO39983">
        <v>185</v>
      </c>
      <c r="AP39983">
        <v>187</v>
      </c>
      <c r="AQ39983">
        <v>190</v>
      </c>
    </row>
    <row r="39984" spans="1:43">
      <c r="A39984" t="s">
        <v>24773</v>
      </c>
      <c r="B39984" t="s">
        <v>24774</v>
      </c>
      <c r="C39984" t="s">
        <v>9184</v>
      </c>
      <c r="D39984" t="s">
        <v>9185</v>
      </c>
      <c r="E39984" t="s">
        <v>8938</v>
      </c>
      <c r="F39984" t="s">
        <v>8939</v>
      </c>
      <c r="G39984" t="s">
        <v>80</v>
      </c>
      <c r="H39984" t="s">
        <v>81</v>
      </c>
      <c r="I39984" s="2">
        <v>0</v>
      </c>
      <c r="J39984" s="2">
        <v>1</v>
      </c>
      <c r="K39984" s="2">
        <v>0</v>
      </c>
      <c r="L39984" t="s">
        <v>82</v>
      </c>
      <c r="M39984" t="s">
        <v>89</v>
      </c>
      <c r="N39984" t="s">
        <v>90</v>
      </c>
      <c r="O39984" t="s">
        <v>85</v>
      </c>
      <c r="P39984" t="s">
        <v>86</v>
      </c>
      <c r="Q39984">
        <v>130</v>
      </c>
      <c r="R39984">
        <v>134</v>
      </c>
      <c r="S39984">
        <v>139</v>
      </c>
      <c r="T39984">
        <v>143</v>
      </c>
      <c r="U39984">
        <v>148</v>
      </c>
      <c r="V39984">
        <v>152</v>
      </c>
      <c r="W39984">
        <v>157</v>
      </c>
      <c r="X39984">
        <v>161</v>
      </c>
      <c r="Y39984">
        <v>166</v>
      </c>
      <c r="Z39984">
        <v>170</v>
      </c>
      <c r="AA39984">
        <v>175</v>
      </c>
      <c r="AB39984">
        <v>179</v>
      </c>
      <c r="AC39984">
        <v>184</v>
      </c>
      <c r="AD39984">
        <v>189</v>
      </c>
      <c r="AE39984">
        <v>192</v>
      </c>
      <c r="AF39984">
        <v>194</v>
      </c>
      <c r="AG39984">
        <v>196</v>
      </c>
      <c r="AH39984">
        <v>198</v>
      </c>
      <c r="AI39984">
        <v>200</v>
      </c>
      <c r="AJ39984">
        <v>202</v>
      </c>
      <c r="AK39984">
        <v>204</v>
      </c>
      <c r="AL39984">
        <v>206</v>
      </c>
      <c r="AM39984">
        <v>208</v>
      </c>
      <c r="AN39984">
        <v>210</v>
      </c>
      <c r="AO39984">
        <v>212</v>
      </c>
      <c r="AP39984">
        <v>214</v>
      </c>
      <c r="AQ39984">
        <v>216</v>
      </c>
    </row>
    <row r="39985" spans="1:43">
      <c r="A39985" t="s">
        <v>24773</v>
      </c>
      <c r="B39985" t="s">
        <v>24774</v>
      </c>
      <c r="C39985" t="s">
        <v>9184</v>
      </c>
      <c r="D39985" t="s">
        <v>9185</v>
      </c>
      <c r="E39985" t="s">
        <v>8938</v>
      </c>
      <c r="F39985" t="s">
        <v>8939</v>
      </c>
      <c r="G39985" t="s">
        <v>80</v>
      </c>
      <c r="H39985" t="s">
        <v>81</v>
      </c>
      <c r="I39985" s="2">
        <v>0</v>
      </c>
      <c r="J39985" s="2">
        <v>1</v>
      </c>
      <c r="K39985" s="2">
        <v>0</v>
      </c>
      <c r="L39985" t="s">
        <v>82</v>
      </c>
      <c r="M39985" t="s">
        <v>83</v>
      </c>
      <c r="N39985" t="s">
        <v>91</v>
      </c>
      <c r="O39985" t="s">
        <v>85</v>
      </c>
      <c r="P39985" t="s">
        <v>86</v>
      </c>
      <c r="Q39985">
        <v>130</v>
      </c>
      <c r="R39985">
        <v>133</v>
      </c>
      <c r="S39985">
        <v>136</v>
      </c>
      <c r="T39985">
        <v>140</v>
      </c>
      <c r="U39985">
        <v>143</v>
      </c>
      <c r="V39985">
        <v>147</v>
      </c>
      <c r="W39985">
        <v>150</v>
      </c>
      <c r="X39985">
        <v>154</v>
      </c>
      <c r="Y39985">
        <v>157</v>
      </c>
      <c r="Z39985">
        <v>161</v>
      </c>
      <c r="AA39985">
        <v>165</v>
      </c>
      <c r="AB39985">
        <v>169</v>
      </c>
      <c r="AC39985">
        <v>172</v>
      </c>
      <c r="AD39985">
        <v>176</v>
      </c>
      <c r="AE39985">
        <v>180</v>
      </c>
      <c r="AF39985">
        <v>184</v>
      </c>
      <c r="AG39985">
        <v>188</v>
      </c>
      <c r="AH39985">
        <v>192</v>
      </c>
      <c r="AI39985">
        <v>196</v>
      </c>
      <c r="AJ39985">
        <v>200</v>
      </c>
      <c r="AK39985">
        <v>204</v>
      </c>
      <c r="AL39985">
        <v>207</v>
      </c>
      <c r="AM39985">
        <v>209</v>
      </c>
      <c r="AN39985">
        <v>211</v>
      </c>
      <c r="AO39985">
        <v>213</v>
      </c>
      <c r="AP39985">
        <v>215</v>
      </c>
      <c r="AQ39985">
        <v>217</v>
      </c>
    </row>
    <row r="39986" spans="1:43">
      <c r="A39986" t="s">
        <v>24775</v>
      </c>
      <c r="B39986" t="s">
        <v>24776</v>
      </c>
      <c r="C39986" t="s">
        <v>9146</v>
      </c>
      <c r="D39986" t="s">
        <v>9147</v>
      </c>
      <c r="E39986" t="s">
        <v>8938</v>
      </c>
      <c r="F39986" t="s">
        <v>8939</v>
      </c>
      <c r="G39986" t="s">
        <v>80</v>
      </c>
      <c r="H39986" t="s">
        <v>81</v>
      </c>
      <c r="I39986" s="2">
        <v>0</v>
      </c>
      <c r="J39986" s="2">
        <v>1</v>
      </c>
      <c r="K39986" s="2">
        <v>0</v>
      </c>
      <c r="L39986" t="s">
        <v>82</v>
      </c>
      <c r="M39986" t="s">
        <v>83</v>
      </c>
      <c r="N39986" t="s">
        <v>84</v>
      </c>
      <c r="O39986" t="s">
        <v>85</v>
      </c>
      <c r="P39986" t="s">
        <v>86</v>
      </c>
      <c r="Q39986">
        <v>22</v>
      </c>
      <c r="R39986">
        <v>22</v>
      </c>
      <c r="S39986">
        <v>23</v>
      </c>
      <c r="T39986">
        <v>23</v>
      </c>
      <c r="U39986">
        <v>24</v>
      </c>
      <c r="V39986">
        <v>25</v>
      </c>
      <c r="W39986">
        <v>25</v>
      </c>
      <c r="X39986">
        <v>26</v>
      </c>
      <c r="Y39986">
        <v>26</v>
      </c>
      <c r="Z39986">
        <v>27</v>
      </c>
      <c r="AA39986">
        <v>28</v>
      </c>
      <c r="AB39986">
        <v>28</v>
      </c>
      <c r="AC39986">
        <v>29</v>
      </c>
      <c r="AD39986">
        <v>29</v>
      </c>
      <c r="AE39986">
        <v>30</v>
      </c>
      <c r="AF39986">
        <v>31</v>
      </c>
      <c r="AG39986">
        <v>31</v>
      </c>
      <c r="AH39986">
        <v>32</v>
      </c>
      <c r="AI39986">
        <v>33</v>
      </c>
      <c r="AJ39986">
        <v>33</v>
      </c>
      <c r="AK39986">
        <v>34</v>
      </c>
      <c r="AL39986">
        <v>35</v>
      </c>
      <c r="AM39986">
        <v>35</v>
      </c>
      <c r="AN39986">
        <v>35</v>
      </c>
      <c r="AO39986">
        <v>36</v>
      </c>
      <c r="AP39986">
        <v>36</v>
      </c>
      <c r="AQ39986">
        <v>36</v>
      </c>
    </row>
    <row r="39987" spans="1:43">
      <c r="A39987" t="s">
        <v>24775</v>
      </c>
      <c r="B39987" t="s">
        <v>24776</v>
      </c>
      <c r="C39987" t="s">
        <v>9146</v>
      </c>
      <c r="D39987" t="s">
        <v>9147</v>
      </c>
      <c r="E39987" t="s">
        <v>8938</v>
      </c>
      <c r="F39987" t="s">
        <v>8939</v>
      </c>
      <c r="G39987" t="s">
        <v>80</v>
      </c>
      <c r="H39987" t="s">
        <v>81</v>
      </c>
      <c r="I39987" s="2">
        <v>0</v>
      </c>
      <c r="J39987" s="2">
        <v>1</v>
      </c>
      <c r="K39987" s="2">
        <v>0</v>
      </c>
      <c r="L39987" t="s">
        <v>82</v>
      </c>
      <c r="M39987" t="s">
        <v>87</v>
      </c>
      <c r="N39987" t="s">
        <v>88</v>
      </c>
      <c r="O39987" t="s">
        <v>85</v>
      </c>
      <c r="P39987" t="s">
        <v>86</v>
      </c>
      <c r="Q39987">
        <v>22</v>
      </c>
      <c r="R39987">
        <v>22</v>
      </c>
      <c r="S39987">
        <v>22</v>
      </c>
      <c r="T39987">
        <v>23</v>
      </c>
      <c r="U39987">
        <v>23</v>
      </c>
      <c r="V39987">
        <v>23</v>
      </c>
      <c r="W39987">
        <v>24</v>
      </c>
      <c r="X39987">
        <v>24</v>
      </c>
      <c r="Y39987">
        <v>24</v>
      </c>
      <c r="Z39987">
        <v>25</v>
      </c>
      <c r="AA39987">
        <v>25</v>
      </c>
      <c r="AB39987">
        <v>26</v>
      </c>
      <c r="AC39987">
        <v>26</v>
      </c>
      <c r="AD39987">
        <v>26</v>
      </c>
      <c r="AE39987">
        <v>27</v>
      </c>
      <c r="AF39987">
        <v>27</v>
      </c>
      <c r="AG39987">
        <v>27</v>
      </c>
      <c r="AH39987">
        <v>28</v>
      </c>
      <c r="AI39987">
        <v>28</v>
      </c>
      <c r="AJ39987">
        <v>29</v>
      </c>
      <c r="AK39987">
        <v>29</v>
      </c>
      <c r="AL39987">
        <v>29</v>
      </c>
      <c r="AM39987">
        <v>30</v>
      </c>
      <c r="AN39987">
        <v>30</v>
      </c>
      <c r="AO39987">
        <v>31</v>
      </c>
      <c r="AP39987">
        <v>31</v>
      </c>
      <c r="AQ39987">
        <v>32</v>
      </c>
    </row>
    <row r="39988" spans="1:43">
      <c r="A39988" t="s">
        <v>24775</v>
      </c>
      <c r="B39988" t="s">
        <v>24776</v>
      </c>
      <c r="C39988" t="s">
        <v>9146</v>
      </c>
      <c r="D39988" t="s">
        <v>9147</v>
      </c>
      <c r="E39988" t="s">
        <v>8938</v>
      </c>
      <c r="F39988" t="s">
        <v>8939</v>
      </c>
      <c r="G39988" t="s">
        <v>80</v>
      </c>
      <c r="H39988" t="s">
        <v>81</v>
      </c>
      <c r="I39988" s="2">
        <v>0</v>
      </c>
      <c r="J39988" s="2">
        <v>1</v>
      </c>
      <c r="K39988" s="2">
        <v>0</v>
      </c>
      <c r="L39988" t="s">
        <v>82</v>
      </c>
      <c r="M39988" t="s">
        <v>89</v>
      </c>
      <c r="N39988" t="s">
        <v>90</v>
      </c>
      <c r="O39988" t="s">
        <v>85</v>
      </c>
      <c r="P39988" t="s">
        <v>86</v>
      </c>
      <c r="Q39988">
        <v>22</v>
      </c>
      <c r="R39988">
        <v>23</v>
      </c>
      <c r="S39988">
        <v>23</v>
      </c>
      <c r="T39988">
        <v>24</v>
      </c>
      <c r="U39988">
        <v>25</v>
      </c>
      <c r="V39988">
        <v>26</v>
      </c>
      <c r="W39988">
        <v>26</v>
      </c>
      <c r="X39988">
        <v>27</v>
      </c>
      <c r="Y39988">
        <v>28</v>
      </c>
      <c r="Z39988">
        <v>29</v>
      </c>
      <c r="AA39988">
        <v>29</v>
      </c>
      <c r="AB39988">
        <v>30</v>
      </c>
      <c r="AC39988">
        <v>31</v>
      </c>
      <c r="AD39988">
        <v>32</v>
      </c>
      <c r="AE39988">
        <v>32</v>
      </c>
      <c r="AF39988">
        <v>33</v>
      </c>
      <c r="AG39988">
        <v>33</v>
      </c>
      <c r="AH39988">
        <v>33</v>
      </c>
      <c r="AI39988">
        <v>34</v>
      </c>
      <c r="AJ39988">
        <v>34</v>
      </c>
      <c r="AK39988">
        <v>34</v>
      </c>
      <c r="AL39988">
        <v>35</v>
      </c>
      <c r="AM39988">
        <v>35</v>
      </c>
      <c r="AN39988">
        <v>35</v>
      </c>
      <c r="AO39988">
        <v>36</v>
      </c>
      <c r="AP39988">
        <v>36</v>
      </c>
      <c r="AQ39988">
        <v>36</v>
      </c>
    </row>
    <row r="39989" spans="1:43">
      <c r="A39989" t="s">
        <v>24775</v>
      </c>
      <c r="B39989" t="s">
        <v>24776</v>
      </c>
      <c r="C39989" t="s">
        <v>9146</v>
      </c>
      <c r="D39989" t="s">
        <v>9147</v>
      </c>
      <c r="E39989" t="s">
        <v>8938</v>
      </c>
      <c r="F39989" t="s">
        <v>8939</v>
      </c>
      <c r="G39989" t="s">
        <v>80</v>
      </c>
      <c r="H39989" t="s">
        <v>81</v>
      </c>
      <c r="I39989" s="2">
        <v>0</v>
      </c>
      <c r="J39989" s="2">
        <v>1</v>
      </c>
      <c r="K39989" s="2">
        <v>0</v>
      </c>
      <c r="L39989" t="s">
        <v>82</v>
      </c>
      <c r="M39989" t="s">
        <v>83</v>
      </c>
      <c r="N39989" t="s">
        <v>91</v>
      </c>
      <c r="O39989" t="s">
        <v>85</v>
      </c>
      <c r="P39989" t="s">
        <v>86</v>
      </c>
      <c r="Q39989">
        <v>22</v>
      </c>
      <c r="R39989">
        <v>22</v>
      </c>
      <c r="S39989">
        <v>23</v>
      </c>
      <c r="T39989">
        <v>23</v>
      </c>
      <c r="U39989">
        <v>24</v>
      </c>
      <c r="V39989">
        <v>25</v>
      </c>
      <c r="W39989">
        <v>25</v>
      </c>
      <c r="X39989">
        <v>26</v>
      </c>
      <c r="Y39989">
        <v>26</v>
      </c>
      <c r="Z39989">
        <v>27</v>
      </c>
      <c r="AA39989">
        <v>28</v>
      </c>
      <c r="AB39989">
        <v>28</v>
      </c>
      <c r="AC39989">
        <v>29</v>
      </c>
      <c r="AD39989">
        <v>29</v>
      </c>
      <c r="AE39989">
        <v>30</v>
      </c>
      <c r="AF39989">
        <v>31</v>
      </c>
      <c r="AG39989">
        <v>31</v>
      </c>
      <c r="AH39989">
        <v>32</v>
      </c>
      <c r="AI39989">
        <v>33</v>
      </c>
      <c r="AJ39989">
        <v>33</v>
      </c>
      <c r="AK39989">
        <v>34</v>
      </c>
      <c r="AL39989">
        <v>35</v>
      </c>
      <c r="AM39989">
        <v>35</v>
      </c>
      <c r="AN39989">
        <v>35</v>
      </c>
      <c r="AO39989">
        <v>36</v>
      </c>
      <c r="AP39989">
        <v>36</v>
      </c>
      <c r="AQ39989">
        <v>36</v>
      </c>
    </row>
    <row r="39990" spans="1:43">
      <c r="A39990" t="s">
        <v>24777</v>
      </c>
      <c r="B39990" t="s">
        <v>24778</v>
      </c>
      <c r="C39990" t="s">
        <v>9146</v>
      </c>
      <c r="D39990" t="s">
        <v>9147</v>
      </c>
      <c r="E39990" t="s">
        <v>8938</v>
      </c>
      <c r="F39990" t="s">
        <v>8939</v>
      </c>
      <c r="G39990" t="s">
        <v>80</v>
      </c>
      <c r="H39990" t="s">
        <v>81</v>
      </c>
      <c r="I39990" s="2">
        <v>0</v>
      </c>
      <c r="J39990" s="2">
        <v>1</v>
      </c>
      <c r="K39990" s="2">
        <v>0</v>
      </c>
      <c r="L39990" t="s">
        <v>82</v>
      </c>
      <c r="M39990" t="s">
        <v>83</v>
      </c>
      <c r="N39990" t="s">
        <v>84</v>
      </c>
      <c r="O39990" t="s">
        <v>85</v>
      </c>
      <c r="P39990" t="s">
        <v>86</v>
      </c>
      <c r="Q39990">
        <v>58</v>
      </c>
      <c r="R39990">
        <v>59</v>
      </c>
      <c r="S39990">
        <v>61</v>
      </c>
      <c r="T39990">
        <v>62</v>
      </c>
      <c r="U39990">
        <v>64</v>
      </c>
      <c r="V39990">
        <v>66</v>
      </c>
      <c r="W39990">
        <v>67</v>
      </c>
      <c r="X39990">
        <v>69</v>
      </c>
      <c r="Y39990">
        <v>70</v>
      </c>
      <c r="Z39990">
        <v>72</v>
      </c>
      <c r="AA39990">
        <v>74</v>
      </c>
      <c r="AB39990">
        <v>75</v>
      </c>
      <c r="AC39990">
        <v>77</v>
      </c>
      <c r="AD39990">
        <v>79</v>
      </c>
      <c r="AE39990">
        <v>80</v>
      </c>
      <c r="AF39990">
        <v>82</v>
      </c>
      <c r="AG39990">
        <v>84</v>
      </c>
      <c r="AH39990">
        <v>85</v>
      </c>
      <c r="AI39990">
        <v>87</v>
      </c>
      <c r="AJ39990">
        <v>89</v>
      </c>
      <c r="AK39990">
        <v>91</v>
      </c>
      <c r="AL39990">
        <v>92</v>
      </c>
      <c r="AM39990">
        <v>93</v>
      </c>
      <c r="AN39990">
        <v>94</v>
      </c>
      <c r="AO39990">
        <v>95</v>
      </c>
      <c r="AP39990">
        <v>96</v>
      </c>
      <c r="AQ39990">
        <v>97</v>
      </c>
    </row>
    <row r="39991" spans="1:43">
      <c r="A39991" t="s">
        <v>24777</v>
      </c>
      <c r="B39991" t="s">
        <v>24778</v>
      </c>
      <c r="C39991" t="s">
        <v>9146</v>
      </c>
      <c r="D39991" t="s">
        <v>9147</v>
      </c>
      <c r="E39991" t="s">
        <v>8938</v>
      </c>
      <c r="F39991" t="s">
        <v>8939</v>
      </c>
      <c r="G39991" t="s">
        <v>80</v>
      </c>
      <c r="H39991" t="s">
        <v>81</v>
      </c>
      <c r="I39991" s="2">
        <v>0</v>
      </c>
      <c r="J39991" s="2">
        <v>1</v>
      </c>
      <c r="K39991" s="2">
        <v>0</v>
      </c>
      <c r="L39991" t="s">
        <v>82</v>
      </c>
      <c r="M39991" t="s">
        <v>87</v>
      </c>
      <c r="N39991" t="s">
        <v>88</v>
      </c>
      <c r="O39991" t="s">
        <v>85</v>
      </c>
      <c r="P39991" t="s">
        <v>86</v>
      </c>
      <c r="Q39991">
        <v>58</v>
      </c>
      <c r="R39991">
        <v>59</v>
      </c>
      <c r="S39991">
        <v>60</v>
      </c>
      <c r="T39991">
        <v>61</v>
      </c>
      <c r="U39991">
        <v>62</v>
      </c>
      <c r="V39991">
        <v>63</v>
      </c>
      <c r="W39991">
        <v>64</v>
      </c>
      <c r="X39991">
        <v>65</v>
      </c>
      <c r="Y39991">
        <v>66</v>
      </c>
      <c r="Z39991">
        <v>67</v>
      </c>
      <c r="AA39991">
        <v>68</v>
      </c>
      <c r="AB39991">
        <v>69</v>
      </c>
      <c r="AC39991">
        <v>70</v>
      </c>
      <c r="AD39991">
        <v>71</v>
      </c>
      <c r="AE39991">
        <v>72</v>
      </c>
      <c r="AF39991">
        <v>73</v>
      </c>
      <c r="AG39991">
        <v>74</v>
      </c>
      <c r="AH39991">
        <v>75</v>
      </c>
      <c r="AI39991">
        <v>76</v>
      </c>
      <c r="AJ39991">
        <v>77</v>
      </c>
      <c r="AK39991">
        <v>78</v>
      </c>
      <c r="AL39991">
        <v>79</v>
      </c>
      <c r="AM39991">
        <v>81</v>
      </c>
      <c r="AN39991">
        <v>82</v>
      </c>
      <c r="AO39991">
        <v>83</v>
      </c>
      <c r="AP39991">
        <v>84</v>
      </c>
      <c r="AQ39991">
        <v>85</v>
      </c>
    </row>
    <row r="39992" spans="1:43">
      <c r="A39992" t="s">
        <v>24777</v>
      </c>
      <c r="B39992" t="s">
        <v>24778</v>
      </c>
      <c r="C39992" t="s">
        <v>9146</v>
      </c>
      <c r="D39992" t="s">
        <v>9147</v>
      </c>
      <c r="E39992" t="s">
        <v>8938</v>
      </c>
      <c r="F39992" t="s">
        <v>8939</v>
      </c>
      <c r="G39992" t="s">
        <v>80</v>
      </c>
      <c r="H39992" t="s">
        <v>81</v>
      </c>
      <c r="I39992" s="2">
        <v>0</v>
      </c>
      <c r="J39992" s="2">
        <v>1</v>
      </c>
      <c r="K39992" s="2">
        <v>0</v>
      </c>
      <c r="L39992" t="s">
        <v>82</v>
      </c>
      <c r="M39992" t="s">
        <v>89</v>
      </c>
      <c r="N39992" t="s">
        <v>90</v>
      </c>
      <c r="O39992" t="s">
        <v>85</v>
      </c>
      <c r="P39992" t="s">
        <v>86</v>
      </c>
      <c r="Q39992">
        <v>58</v>
      </c>
      <c r="R39992">
        <v>60</v>
      </c>
      <c r="S39992">
        <v>62</v>
      </c>
      <c r="T39992">
        <v>64</v>
      </c>
      <c r="U39992">
        <v>66</v>
      </c>
      <c r="V39992">
        <v>69</v>
      </c>
      <c r="W39992">
        <v>71</v>
      </c>
      <c r="X39992">
        <v>73</v>
      </c>
      <c r="Y39992">
        <v>75</v>
      </c>
      <c r="Z39992">
        <v>76</v>
      </c>
      <c r="AA39992">
        <v>78</v>
      </c>
      <c r="AB39992">
        <v>80</v>
      </c>
      <c r="AC39992">
        <v>82</v>
      </c>
      <c r="AD39992">
        <v>85</v>
      </c>
      <c r="AE39992">
        <v>86</v>
      </c>
      <c r="AF39992">
        <v>87</v>
      </c>
      <c r="AG39992">
        <v>88</v>
      </c>
      <c r="AH39992">
        <v>89</v>
      </c>
      <c r="AI39992">
        <v>90</v>
      </c>
      <c r="AJ39992">
        <v>91</v>
      </c>
      <c r="AK39992">
        <v>92</v>
      </c>
      <c r="AL39992">
        <v>93</v>
      </c>
      <c r="AM39992">
        <v>94</v>
      </c>
      <c r="AN39992">
        <v>94</v>
      </c>
      <c r="AO39992">
        <v>95</v>
      </c>
      <c r="AP39992">
        <v>96</v>
      </c>
      <c r="AQ39992">
        <v>97</v>
      </c>
    </row>
    <row r="39993" spans="1:43">
      <c r="A39993" t="s">
        <v>24777</v>
      </c>
      <c r="B39993" t="s">
        <v>24778</v>
      </c>
      <c r="C39993" t="s">
        <v>9146</v>
      </c>
      <c r="D39993" t="s">
        <v>9147</v>
      </c>
      <c r="E39993" t="s">
        <v>8938</v>
      </c>
      <c r="F39993" t="s">
        <v>8939</v>
      </c>
      <c r="G39993" t="s">
        <v>80</v>
      </c>
      <c r="H39993" t="s">
        <v>81</v>
      </c>
      <c r="I39993" s="2">
        <v>0</v>
      </c>
      <c r="J39993" s="2">
        <v>1</v>
      </c>
      <c r="K39993" s="2">
        <v>0</v>
      </c>
      <c r="L39993" t="s">
        <v>82</v>
      </c>
      <c r="M39993" t="s">
        <v>83</v>
      </c>
      <c r="N39993" t="s">
        <v>91</v>
      </c>
      <c r="O39993" t="s">
        <v>85</v>
      </c>
      <c r="P39993" t="s">
        <v>86</v>
      </c>
      <c r="Q39993">
        <v>58</v>
      </c>
      <c r="R39993">
        <v>59</v>
      </c>
      <c r="S39993">
        <v>61</v>
      </c>
      <c r="T39993">
        <v>62</v>
      </c>
      <c r="U39993">
        <v>64</v>
      </c>
      <c r="V39993">
        <v>66</v>
      </c>
      <c r="W39993">
        <v>67</v>
      </c>
      <c r="X39993">
        <v>69</v>
      </c>
      <c r="Y39993">
        <v>70</v>
      </c>
      <c r="Z39993">
        <v>72</v>
      </c>
      <c r="AA39993">
        <v>74</v>
      </c>
      <c r="AB39993">
        <v>75</v>
      </c>
      <c r="AC39993">
        <v>77</v>
      </c>
      <c r="AD39993">
        <v>79</v>
      </c>
      <c r="AE39993">
        <v>80</v>
      </c>
      <c r="AF39993">
        <v>82</v>
      </c>
      <c r="AG39993">
        <v>84</v>
      </c>
      <c r="AH39993">
        <v>85</v>
      </c>
      <c r="AI39993">
        <v>87</v>
      </c>
      <c r="AJ39993">
        <v>89</v>
      </c>
      <c r="AK39993">
        <v>91</v>
      </c>
      <c r="AL39993">
        <v>92</v>
      </c>
      <c r="AM39993">
        <v>93</v>
      </c>
      <c r="AN39993">
        <v>94</v>
      </c>
      <c r="AO39993">
        <v>95</v>
      </c>
      <c r="AP39993">
        <v>96</v>
      </c>
      <c r="AQ39993">
        <v>97</v>
      </c>
    </row>
    <row r="39994" spans="1:43">
      <c r="A39994" t="s">
        <v>24779</v>
      </c>
      <c r="B39994" t="s">
        <v>24780</v>
      </c>
      <c r="C39994" t="s">
        <v>9102</v>
      </c>
      <c r="D39994" t="s">
        <v>9103</v>
      </c>
      <c r="E39994" t="s">
        <v>8938</v>
      </c>
      <c r="F39994" t="s">
        <v>8939</v>
      </c>
      <c r="G39994" t="s">
        <v>80</v>
      </c>
      <c r="H39994" t="s">
        <v>81</v>
      </c>
      <c r="I39994" s="2">
        <v>0</v>
      </c>
      <c r="J39994" s="2">
        <v>1</v>
      </c>
      <c r="K39994" s="2">
        <v>0</v>
      </c>
      <c r="L39994" t="s">
        <v>82</v>
      </c>
      <c r="M39994" t="s">
        <v>83</v>
      </c>
      <c r="N39994" t="s">
        <v>84</v>
      </c>
      <c r="O39994" t="s">
        <v>85</v>
      </c>
      <c r="P39994" t="s">
        <v>86</v>
      </c>
      <c r="Q39994">
        <v>7</v>
      </c>
      <c r="R39994">
        <v>8</v>
      </c>
      <c r="S39994">
        <v>8</v>
      </c>
      <c r="T39994">
        <v>8</v>
      </c>
      <c r="U39994">
        <v>8</v>
      </c>
      <c r="V39994">
        <v>8</v>
      </c>
      <c r="W39994">
        <v>9</v>
      </c>
      <c r="X39994">
        <v>9</v>
      </c>
      <c r="Y39994">
        <v>9</v>
      </c>
      <c r="Z39994">
        <v>9</v>
      </c>
      <c r="AA39994">
        <v>9</v>
      </c>
      <c r="AB39994">
        <v>10</v>
      </c>
      <c r="AC39994">
        <v>10</v>
      </c>
      <c r="AD39994">
        <v>10</v>
      </c>
      <c r="AE39994">
        <v>10</v>
      </c>
      <c r="AF39994">
        <v>10</v>
      </c>
      <c r="AG39994">
        <v>11</v>
      </c>
      <c r="AH39994">
        <v>11</v>
      </c>
      <c r="AI39994">
        <v>11</v>
      </c>
      <c r="AJ39994">
        <v>11</v>
      </c>
      <c r="AK39994">
        <v>12</v>
      </c>
      <c r="AL39994">
        <v>12</v>
      </c>
      <c r="AM39994">
        <v>12</v>
      </c>
      <c r="AN39994">
        <v>12</v>
      </c>
      <c r="AO39994">
        <v>12</v>
      </c>
      <c r="AP39994">
        <v>12</v>
      </c>
      <c r="AQ39994">
        <v>12</v>
      </c>
    </row>
    <row r="39995" spans="1:43">
      <c r="A39995" t="s">
        <v>24779</v>
      </c>
      <c r="B39995" t="s">
        <v>24780</v>
      </c>
      <c r="C39995" t="s">
        <v>9102</v>
      </c>
      <c r="D39995" t="s">
        <v>9103</v>
      </c>
      <c r="E39995" t="s">
        <v>8938</v>
      </c>
      <c r="F39995" t="s">
        <v>8939</v>
      </c>
      <c r="G39995" t="s">
        <v>80</v>
      </c>
      <c r="H39995" t="s">
        <v>81</v>
      </c>
      <c r="I39995" s="2">
        <v>0</v>
      </c>
      <c r="J39995" s="2">
        <v>1</v>
      </c>
      <c r="K39995" s="2">
        <v>0</v>
      </c>
      <c r="L39995" t="s">
        <v>82</v>
      </c>
      <c r="M39995" t="s">
        <v>87</v>
      </c>
      <c r="N39995" t="s">
        <v>88</v>
      </c>
      <c r="O39995" t="s">
        <v>85</v>
      </c>
      <c r="P39995" t="s">
        <v>86</v>
      </c>
      <c r="Q39995">
        <v>7</v>
      </c>
      <c r="R39995">
        <v>7</v>
      </c>
      <c r="S39995">
        <v>8</v>
      </c>
      <c r="T39995">
        <v>8</v>
      </c>
      <c r="U39995">
        <v>8</v>
      </c>
      <c r="V39995">
        <v>8</v>
      </c>
      <c r="W39995">
        <v>8</v>
      </c>
      <c r="X39995">
        <v>8</v>
      </c>
      <c r="Y39995">
        <v>8</v>
      </c>
      <c r="Z39995">
        <v>8</v>
      </c>
      <c r="AA39995">
        <v>9</v>
      </c>
      <c r="AB39995">
        <v>9</v>
      </c>
      <c r="AC39995">
        <v>9</v>
      </c>
      <c r="AD39995">
        <v>9</v>
      </c>
      <c r="AE39995">
        <v>9</v>
      </c>
      <c r="AF39995">
        <v>9</v>
      </c>
      <c r="AG39995">
        <v>9</v>
      </c>
      <c r="AH39995">
        <v>9</v>
      </c>
      <c r="AI39995">
        <v>10</v>
      </c>
      <c r="AJ39995">
        <v>10</v>
      </c>
      <c r="AK39995">
        <v>10</v>
      </c>
      <c r="AL39995">
        <v>10</v>
      </c>
      <c r="AM39995">
        <v>10</v>
      </c>
      <c r="AN39995">
        <v>10</v>
      </c>
      <c r="AO39995">
        <v>10</v>
      </c>
      <c r="AP39995">
        <v>11</v>
      </c>
      <c r="AQ39995">
        <v>11</v>
      </c>
    </row>
    <row r="39996" spans="1:43">
      <c r="A39996" t="s">
        <v>24779</v>
      </c>
      <c r="B39996" t="s">
        <v>24780</v>
      </c>
      <c r="C39996" t="s">
        <v>9102</v>
      </c>
      <c r="D39996" t="s">
        <v>9103</v>
      </c>
      <c r="E39996" t="s">
        <v>8938</v>
      </c>
      <c r="F39996" t="s">
        <v>8939</v>
      </c>
      <c r="G39996" t="s">
        <v>80</v>
      </c>
      <c r="H39996" t="s">
        <v>81</v>
      </c>
      <c r="I39996" s="2">
        <v>0</v>
      </c>
      <c r="J39996" s="2">
        <v>1</v>
      </c>
      <c r="K39996" s="2">
        <v>0</v>
      </c>
      <c r="L39996" t="s">
        <v>82</v>
      </c>
      <c r="M39996" t="s">
        <v>89</v>
      </c>
      <c r="N39996" t="s">
        <v>90</v>
      </c>
      <c r="O39996" t="s">
        <v>85</v>
      </c>
      <c r="P39996" t="s">
        <v>86</v>
      </c>
      <c r="Q39996">
        <v>7</v>
      </c>
      <c r="R39996">
        <v>8</v>
      </c>
      <c r="S39996">
        <v>8</v>
      </c>
      <c r="T39996">
        <v>8</v>
      </c>
      <c r="U39996">
        <v>8</v>
      </c>
      <c r="V39996">
        <v>9</v>
      </c>
      <c r="W39996">
        <v>9</v>
      </c>
      <c r="X39996">
        <v>9</v>
      </c>
      <c r="Y39996">
        <v>10</v>
      </c>
      <c r="Z39996">
        <v>10</v>
      </c>
      <c r="AA39996">
        <v>10</v>
      </c>
      <c r="AB39996">
        <v>10</v>
      </c>
      <c r="AC39996">
        <v>11</v>
      </c>
      <c r="AD39996">
        <v>11</v>
      </c>
      <c r="AE39996">
        <v>11</v>
      </c>
      <c r="AF39996">
        <v>11</v>
      </c>
      <c r="AG39996">
        <v>11</v>
      </c>
      <c r="AH39996">
        <v>11</v>
      </c>
      <c r="AI39996">
        <v>11</v>
      </c>
      <c r="AJ39996">
        <v>12</v>
      </c>
      <c r="AK39996">
        <v>12</v>
      </c>
      <c r="AL39996">
        <v>12</v>
      </c>
      <c r="AM39996">
        <v>12</v>
      </c>
      <c r="AN39996">
        <v>12</v>
      </c>
      <c r="AO39996">
        <v>12</v>
      </c>
      <c r="AP39996">
        <v>12</v>
      </c>
      <c r="AQ39996">
        <v>12</v>
      </c>
    </row>
    <row r="39997" spans="1:43">
      <c r="A39997" t="s">
        <v>24779</v>
      </c>
      <c r="B39997" t="s">
        <v>24780</v>
      </c>
      <c r="C39997" t="s">
        <v>9102</v>
      </c>
      <c r="D39997" t="s">
        <v>9103</v>
      </c>
      <c r="E39997" t="s">
        <v>8938</v>
      </c>
      <c r="F39997" t="s">
        <v>8939</v>
      </c>
      <c r="G39997" t="s">
        <v>80</v>
      </c>
      <c r="H39997" t="s">
        <v>81</v>
      </c>
      <c r="I39997" s="2">
        <v>0</v>
      </c>
      <c r="J39997" s="2">
        <v>1</v>
      </c>
      <c r="K39997" s="2">
        <v>0</v>
      </c>
      <c r="L39997" t="s">
        <v>82</v>
      </c>
      <c r="M39997" t="s">
        <v>83</v>
      </c>
      <c r="N39997" t="s">
        <v>91</v>
      </c>
      <c r="O39997" t="s">
        <v>85</v>
      </c>
      <c r="P39997" t="s">
        <v>86</v>
      </c>
      <c r="Q39997">
        <v>7</v>
      </c>
      <c r="R39997">
        <v>8</v>
      </c>
      <c r="S39997">
        <v>8</v>
      </c>
      <c r="T39997">
        <v>8</v>
      </c>
      <c r="U39997">
        <v>8</v>
      </c>
      <c r="V39997">
        <v>8</v>
      </c>
      <c r="W39997">
        <v>9</v>
      </c>
      <c r="X39997">
        <v>9</v>
      </c>
      <c r="Y39997">
        <v>9</v>
      </c>
      <c r="Z39997">
        <v>9</v>
      </c>
      <c r="AA39997">
        <v>9</v>
      </c>
      <c r="AB39997">
        <v>10</v>
      </c>
      <c r="AC39997">
        <v>10</v>
      </c>
      <c r="AD39997">
        <v>10</v>
      </c>
      <c r="AE39997">
        <v>10</v>
      </c>
      <c r="AF39997">
        <v>10</v>
      </c>
      <c r="AG39997">
        <v>11</v>
      </c>
      <c r="AH39997">
        <v>11</v>
      </c>
      <c r="AI39997">
        <v>11</v>
      </c>
      <c r="AJ39997">
        <v>11</v>
      </c>
      <c r="AK39997">
        <v>12</v>
      </c>
      <c r="AL39997">
        <v>12</v>
      </c>
      <c r="AM39997">
        <v>12</v>
      </c>
      <c r="AN39997">
        <v>12</v>
      </c>
      <c r="AO39997">
        <v>12</v>
      </c>
      <c r="AP39997">
        <v>12</v>
      </c>
      <c r="AQ39997">
        <v>12</v>
      </c>
    </row>
    <row r="39998" spans="1:43">
      <c r="A39998" t="s">
        <v>24781</v>
      </c>
      <c r="B39998" t="s">
        <v>24782</v>
      </c>
      <c r="C39998" t="s">
        <v>9098</v>
      </c>
      <c r="D39998" t="s">
        <v>9099</v>
      </c>
      <c r="E39998" t="s">
        <v>8938</v>
      </c>
      <c r="F39998" t="s">
        <v>8939</v>
      </c>
      <c r="G39998" t="s">
        <v>80</v>
      </c>
      <c r="H39998" t="s">
        <v>81</v>
      </c>
      <c r="I39998" s="2">
        <v>0</v>
      </c>
      <c r="J39998" s="2">
        <v>1</v>
      </c>
      <c r="K39998" s="2">
        <v>0</v>
      </c>
      <c r="L39998" t="s">
        <v>82</v>
      </c>
      <c r="M39998" t="s">
        <v>83</v>
      </c>
      <c r="N39998" t="s">
        <v>84</v>
      </c>
      <c r="O39998" t="s">
        <v>85</v>
      </c>
      <c r="P39998" t="s">
        <v>86</v>
      </c>
      <c r="Q39998">
        <v>95</v>
      </c>
      <c r="R39998">
        <v>97</v>
      </c>
      <c r="S39998">
        <v>100</v>
      </c>
      <c r="T39998">
        <v>102</v>
      </c>
      <c r="U39998">
        <v>105</v>
      </c>
      <c r="V39998">
        <v>107</v>
      </c>
      <c r="W39998">
        <v>110</v>
      </c>
      <c r="X39998">
        <v>112</v>
      </c>
      <c r="Y39998">
        <v>115</v>
      </c>
      <c r="Z39998">
        <v>118</v>
      </c>
      <c r="AA39998">
        <v>120</v>
      </c>
      <c r="AB39998">
        <v>123</v>
      </c>
      <c r="AC39998">
        <v>126</v>
      </c>
      <c r="AD39998">
        <v>128</v>
      </c>
      <c r="AE39998">
        <v>131</v>
      </c>
      <c r="AF39998">
        <v>134</v>
      </c>
      <c r="AG39998">
        <v>137</v>
      </c>
      <c r="AH39998">
        <v>140</v>
      </c>
      <c r="AI39998">
        <v>143</v>
      </c>
      <c r="AJ39998">
        <v>146</v>
      </c>
      <c r="AK39998">
        <v>149</v>
      </c>
      <c r="AL39998">
        <v>151</v>
      </c>
      <c r="AM39998">
        <v>152</v>
      </c>
      <c r="AN39998">
        <v>154</v>
      </c>
      <c r="AO39998">
        <v>155</v>
      </c>
      <c r="AP39998">
        <v>157</v>
      </c>
      <c r="AQ39998">
        <v>158</v>
      </c>
    </row>
    <row r="39999" spans="1:43">
      <c r="A39999" t="s">
        <v>24781</v>
      </c>
      <c r="B39999" t="s">
        <v>24782</v>
      </c>
      <c r="C39999" t="s">
        <v>9098</v>
      </c>
      <c r="D39999" t="s">
        <v>9099</v>
      </c>
      <c r="E39999" t="s">
        <v>8938</v>
      </c>
      <c r="F39999" t="s">
        <v>8939</v>
      </c>
      <c r="G39999" t="s">
        <v>80</v>
      </c>
      <c r="H39999" t="s">
        <v>81</v>
      </c>
      <c r="I39999" s="2">
        <v>0</v>
      </c>
      <c r="J39999" s="2">
        <v>1</v>
      </c>
      <c r="K39999" s="2">
        <v>0</v>
      </c>
      <c r="L39999" t="s">
        <v>82</v>
      </c>
      <c r="M39999" t="s">
        <v>87</v>
      </c>
      <c r="N39999" t="s">
        <v>88</v>
      </c>
      <c r="O39999" t="s">
        <v>85</v>
      </c>
      <c r="P39999" t="s">
        <v>86</v>
      </c>
      <c r="Q39999">
        <v>95</v>
      </c>
      <c r="R39999">
        <v>96</v>
      </c>
      <c r="S39999">
        <v>98</v>
      </c>
      <c r="T39999">
        <v>99</v>
      </c>
      <c r="U39999">
        <v>101</v>
      </c>
      <c r="V39999">
        <v>102</v>
      </c>
      <c r="W39999">
        <v>104</v>
      </c>
      <c r="X39999">
        <v>106</v>
      </c>
      <c r="Y39999">
        <v>107</v>
      </c>
      <c r="Z39999">
        <v>109</v>
      </c>
      <c r="AA39999">
        <v>110</v>
      </c>
      <c r="AB39999">
        <v>112</v>
      </c>
      <c r="AC39999">
        <v>114</v>
      </c>
      <c r="AD39999">
        <v>115</v>
      </c>
      <c r="AE39999">
        <v>117</v>
      </c>
      <c r="AF39999">
        <v>119</v>
      </c>
      <c r="AG39999">
        <v>120</v>
      </c>
      <c r="AH39999">
        <v>122</v>
      </c>
      <c r="AI39999">
        <v>124</v>
      </c>
      <c r="AJ39999">
        <v>125</v>
      </c>
      <c r="AK39999">
        <v>127</v>
      </c>
      <c r="AL39999">
        <v>129</v>
      </c>
      <c r="AM39999">
        <v>131</v>
      </c>
      <c r="AN39999">
        <v>132</v>
      </c>
      <c r="AO39999">
        <v>134</v>
      </c>
      <c r="AP39999">
        <v>136</v>
      </c>
      <c r="AQ39999">
        <v>138</v>
      </c>
    </row>
    <row r="40000" spans="1:43">
      <c r="A40000" t="s">
        <v>24781</v>
      </c>
      <c r="B40000" t="s">
        <v>24782</v>
      </c>
      <c r="C40000" t="s">
        <v>9098</v>
      </c>
      <c r="D40000" t="s">
        <v>9099</v>
      </c>
      <c r="E40000" t="s">
        <v>8938</v>
      </c>
      <c r="F40000" t="s">
        <v>8939</v>
      </c>
      <c r="G40000" t="s">
        <v>80</v>
      </c>
      <c r="H40000" t="s">
        <v>81</v>
      </c>
      <c r="I40000" s="2">
        <v>0</v>
      </c>
      <c r="J40000" s="2">
        <v>1</v>
      </c>
      <c r="K40000" s="2">
        <v>0</v>
      </c>
      <c r="L40000" t="s">
        <v>82</v>
      </c>
      <c r="M40000" t="s">
        <v>89</v>
      </c>
      <c r="N40000" t="s">
        <v>90</v>
      </c>
      <c r="O40000" t="s">
        <v>85</v>
      </c>
      <c r="P40000" t="s">
        <v>86</v>
      </c>
      <c r="Q40000">
        <v>95</v>
      </c>
      <c r="R40000">
        <v>98</v>
      </c>
      <c r="S40000">
        <v>101</v>
      </c>
      <c r="T40000">
        <v>104</v>
      </c>
      <c r="U40000">
        <v>108</v>
      </c>
      <c r="V40000">
        <v>111</v>
      </c>
      <c r="W40000">
        <v>114</v>
      </c>
      <c r="X40000">
        <v>118</v>
      </c>
      <c r="Y40000">
        <v>121</v>
      </c>
      <c r="Z40000">
        <v>124</v>
      </c>
      <c r="AA40000">
        <v>127</v>
      </c>
      <c r="AB40000">
        <v>130</v>
      </c>
      <c r="AC40000">
        <v>134</v>
      </c>
      <c r="AD40000">
        <v>137</v>
      </c>
      <c r="AE40000">
        <v>140</v>
      </c>
      <c r="AF40000">
        <v>141</v>
      </c>
      <c r="AG40000">
        <v>143</v>
      </c>
      <c r="AH40000">
        <v>144</v>
      </c>
      <c r="AI40000">
        <v>146</v>
      </c>
      <c r="AJ40000">
        <v>147</v>
      </c>
      <c r="AK40000">
        <v>149</v>
      </c>
      <c r="AL40000">
        <v>150</v>
      </c>
      <c r="AM40000">
        <v>152</v>
      </c>
      <c r="AN40000">
        <v>153</v>
      </c>
      <c r="AO40000">
        <v>155</v>
      </c>
      <c r="AP40000">
        <v>156</v>
      </c>
      <c r="AQ40000">
        <v>158</v>
      </c>
    </row>
    <row r="40001" spans="1:43">
      <c r="A40001" t="s">
        <v>24781</v>
      </c>
      <c r="B40001" t="s">
        <v>24782</v>
      </c>
      <c r="C40001" t="s">
        <v>9098</v>
      </c>
      <c r="D40001" t="s">
        <v>9099</v>
      </c>
      <c r="E40001" t="s">
        <v>8938</v>
      </c>
      <c r="F40001" t="s">
        <v>8939</v>
      </c>
      <c r="G40001" t="s">
        <v>80</v>
      </c>
      <c r="H40001" t="s">
        <v>81</v>
      </c>
      <c r="I40001" s="2">
        <v>0</v>
      </c>
      <c r="J40001" s="2">
        <v>1</v>
      </c>
      <c r="K40001" s="2">
        <v>0</v>
      </c>
      <c r="L40001" t="s">
        <v>82</v>
      </c>
      <c r="M40001" t="s">
        <v>83</v>
      </c>
      <c r="N40001" t="s">
        <v>91</v>
      </c>
      <c r="O40001" t="s">
        <v>85</v>
      </c>
      <c r="P40001" t="s">
        <v>86</v>
      </c>
      <c r="Q40001">
        <v>95</v>
      </c>
      <c r="R40001">
        <v>97</v>
      </c>
      <c r="S40001">
        <v>100</v>
      </c>
      <c r="T40001">
        <v>102</v>
      </c>
      <c r="U40001">
        <v>105</v>
      </c>
      <c r="V40001">
        <v>107</v>
      </c>
      <c r="W40001">
        <v>110</v>
      </c>
      <c r="X40001">
        <v>112</v>
      </c>
      <c r="Y40001">
        <v>115</v>
      </c>
      <c r="Z40001">
        <v>118</v>
      </c>
      <c r="AA40001">
        <v>120</v>
      </c>
      <c r="AB40001">
        <v>123</v>
      </c>
      <c r="AC40001">
        <v>126</v>
      </c>
      <c r="AD40001">
        <v>128</v>
      </c>
      <c r="AE40001">
        <v>131</v>
      </c>
      <c r="AF40001">
        <v>134</v>
      </c>
      <c r="AG40001">
        <v>137</v>
      </c>
      <c r="AH40001">
        <v>140</v>
      </c>
      <c r="AI40001">
        <v>143</v>
      </c>
      <c r="AJ40001">
        <v>146</v>
      </c>
      <c r="AK40001">
        <v>149</v>
      </c>
      <c r="AL40001">
        <v>151</v>
      </c>
      <c r="AM40001">
        <v>152</v>
      </c>
      <c r="AN40001">
        <v>154</v>
      </c>
      <c r="AO40001">
        <v>155</v>
      </c>
      <c r="AP40001">
        <v>157</v>
      </c>
      <c r="AQ40001">
        <v>158</v>
      </c>
    </row>
    <row r="40002" spans="1:43">
      <c r="A40002" t="s">
        <v>24783</v>
      </c>
      <c r="B40002" t="s">
        <v>24784</v>
      </c>
      <c r="C40002" t="s">
        <v>9102</v>
      </c>
      <c r="D40002" t="s">
        <v>9103</v>
      </c>
      <c r="E40002" t="s">
        <v>8938</v>
      </c>
      <c r="F40002" t="s">
        <v>8939</v>
      </c>
      <c r="G40002" t="s">
        <v>80</v>
      </c>
      <c r="H40002" t="s">
        <v>81</v>
      </c>
      <c r="I40002" s="2">
        <v>0</v>
      </c>
      <c r="J40002" s="2">
        <v>1</v>
      </c>
      <c r="K40002" s="2">
        <v>0</v>
      </c>
      <c r="L40002" t="s">
        <v>82</v>
      </c>
      <c r="M40002" t="s">
        <v>83</v>
      </c>
      <c r="N40002" t="s">
        <v>84</v>
      </c>
      <c r="O40002" t="s">
        <v>85</v>
      </c>
      <c r="P40002" t="s">
        <v>86</v>
      </c>
      <c r="Q40002">
        <v>64</v>
      </c>
      <c r="R40002">
        <v>66</v>
      </c>
      <c r="S40002">
        <v>68</v>
      </c>
      <c r="T40002">
        <v>69</v>
      </c>
      <c r="U40002">
        <v>71</v>
      </c>
      <c r="V40002">
        <v>73</v>
      </c>
      <c r="W40002">
        <v>75</v>
      </c>
      <c r="X40002">
        <v>76</v>
      </c>
      <c r="Y40002">
        <v>78</v>
      </c>
      <c r="Z40002">
        <v>80</v>
      </c>
      <c r="AA40002">
        <v>82</v>
      </c>
      <c r="AB40002">
        <v>84</v>
      </c>
      <c r="AC40002">
        <v>85</v>
      </c>
      <c r="AD40002">
        <v>87</v>
      </c>
      <c r="AE40002">
        <v>89</v>
      </c>
      <c r="AF40002">
        <v>91</v>
      </c>
      <c r="AG40002">
        <v>93</v>
      </c>
      <c r="AH40002">
        <v>95</v>
      </c>
      <c r="AI40002">
        <v>97</v>
      </c>
      <c r="AJ40002">
        <v>99</v>
      </c>
      <c r="AK40002">
        <v>101</v>
      </c>
      <c r="AL40002">
        <v>102</v>
      </c>
      <c r="AM40002">
        <v>103</v>
      </c>
      <c r="AN40002">
        <v>104</v>
      </c>
      <c r="AO40002">
        <v>105</v>
      </c>
      <c r="AP40002">
        <v>106</v>
      </c>
      <c r="AQ40002">
        <v>107</v>
      </c>
    </row>
    <row r="40003" spans="1:43">
      <c r="A40003" t="s">
        <v>24783</v>
      </c>
      <c r="B40003" t="s">
        <v>24784</v>
      </c>
      <c r="C40003" t="s">
        <v>9102</v>
      </c>
      <c r="D40003" t="s">
        <v>9103</v>
      </c>
      <c r="E40003" t="s">
        <v>8938</v>
      </c>
      <c r="F40003" t="s">
        <v>8939</v>
      </c>
      <c r="G40003" t="s">
        <v>80</v>
      </c>
      <c r="H40003" t="s">
        <v>81</v>
      </c>
      <c r="I40003" s="2">
        <v>0</v>
      </c>
      <c r="J40003" s="2">
        <v>1</v>
      </c>
      <c r="K40003" s="2">
        <v>0</v>
      </c>
      <c r="L40003" t="s">
        <v>82</v>
      </c>
      <c r="M40003" t="s">
        <v>87</v>
      </c>
      <c r="N40003" t="s">
        <v>88</v>
      </c>
      <c r="O40003" t="s">
        <v>85</v>
      </c>
      <c r="P40003" t="s">
        <v>86</v>
      </c>
      <c r="Q40003">
        <v>64</v>
      </c>
      <c r="R40003">
        <v>65</v>
      </c>
      <c r="S40003">
        <v>66</v>
      </c>
      <c r="T40003">
        <v>67</v>
      </c>
      <c r="U40003">
        <v>68</v>
      </c>
      <c r="V40003">
        <v>69</v>
      </c>
      <c r="W40003">
        <v>70</v>
      </c>
      <c r="X40003">
        <v>71</v>
      </c>
      <c r="Y40003">
        <v>72</v>
      </c>
      <c r="Z40003">
        <v>73</v>
      </c>
      <c r="AA40003">
        <v>74</v>
      </c>
      <c r="AB40003">
        <v>76</v>
      </c>
      <c r="AC40003">
        <v>77</v>
      </c>
      <c r="AD40003">
        <v>78</v>
      </c>
      <c r="AE40003">
        <v>79</v>
      </c>
      <c r="AF40003">
        <v>80</v>
      </c>
      <c r="AG40003">
        <v>81</v>
      </c>
      <c r="AH40003">
        <v>82</v>
      </c>
      <c r="AI40003">
        <v>84</v>
      </c>
      <c r="AJ40003">
        <v>85</v>
      </c>
      <c r="AK40003">
        <v>86</v>
      </c>
      <c r="AL40003">
        <v>87</v>
      </c>
      <c r="AM40003">
        <v>88</v>
      </c>
      <c r="AN40003">
        <v>90</v>
      </c>
      <c r="AO40003">
        <v>91</v>
      </c>
      <c r="AP40003">
        <v>92</v>
      </c>
      <c r="AQ40003">
        <v>93</v>
      </c>
    </row>
    <row r="40004" spans="1:43">
      <c r="A40004" t="s">
        <v>24783</v>
      </c>
      <c r="B40004" t="s">
        <v>24784</v>
      </c>
      <c r="C40004" t="s">
        <v>9102</v>
      </c>
      <c r="D40004" t="s">
        <v>9103</v>
      </c>
      <c r="E40004" t="s">
        <v>8938</v>
      </c>
      <c r="F40004" t="s">
        <v>8939</v>
      </c>
      <c r="G40004" t="s">
        <v>80</v>
      </c>
      <c r="H40004" t="s">
        <v>81</v>
      </c>
      <c r="I40004" s="2">
        <v>0</v>
      </c>
      <c r="J40004" s="2">
        <v>1</v>
      </c>
      <c r="K40004" s="2">
        <v>0</v>
      </c>
      <c r="L40004" t="s">
        <v>82</v>
      </c>
      <c r="M40004" t="s">
        <v>89</v>
      </c>
      <c r="N40004" t="s">
        <v>90</v>
      </c>
      <c r="O40004" t="s">
        <v>85</v>
      </c>
      <c r="P40004" t="s">
        <v>86</v>
      </c>
      <c r="Q40004">
        <v>64</v>
      </c>
      <c r="R40004">
        <v>66</v>
      </c>
      <c r="S40004">
        <v>68</v>
      </c>
      <c r="T40004">
        <v>71</v>
      </c>
      <c r="U40004">
        <v>73</v>
      </c>
      <c r="V40004">
        <v>75</v>
      </c>
      <c r="W40004">
        <v>77</v>
      </c>
      <c r="X40004">
        <v>80</v>
      </c>
      <c r="Y40004">
        <v>82</v>
      </c>
      <c r="Z40004">
        <v>84</v>
      </c>
      <c r="AA40004">
        <v>86</v>
      </c>
      <c r="AB40004">
        <v>88</v>
      </c>
      <c r="AC40004">
        <v>91</v>
      </c>
      <c r="AD40004">
        <v>93</v>
      </c>
      <c r="AE40004">
        <v>95</v>
      </c>
      <c r="AF40004">
        <v>96</v>
      </c>
      <c r="AG40004">
        <v>97</v>
      </c>
      <c r="AH40004">
        <v>98</v>
      </c>
      <c r="AI40004">
        <v>99</v>
      </c>
      <c r="AJ40004">
        <v>100</v>
      </c>
      <c r="AK40004">
        <v>101</v>
      </c>
      <c r="AL40004">
        <v>102</v>
      </c>
      <c r="AM40004">
        <v>103</v>
      </c>
      <c r="AN40004">
        <v>104</v>
      </c>
      <c r="AO40004">
        <v>105</v>
      </c>
      <c r="AP40004">
        <v>106</v>
      </c>
      <c r="AQ40004">
        <v>107</v>
      </c>
    </row>
    <row r="40005" spans="1:43">
      <c r="A40005" t="s">
        <v>24783</v>
      </c>
      <c r="B40005" t="s">
        <v>24784</v>
      </c>
      <c r="C40005" t="s">
        <v>9102</v>
      </c>
      <c r="D40005" t="s">
        <v>9103</v>
      </c>
      <c r="E40005" t="s">
        <v>8938</v>
      </c>
      <c r="F40005" t="s">
        <v>8939</v>
      </c>
      <c r="G40005" t="s">
        <v>80</v>
      </c>
      <c r="H40005" t="s">
        <v>81</v>
      </c>
      <c r="I40005" s="2">
        <v>0</v>
      </c>
      <c r="J40005" s="2">
        <v>1</v>
      </c>
      <c r="K40005" s="2">
        <v>0</v>
      </c>
      <c r="L40005" t="s">
        <v>82</v>
      </c>
      <c r="M40005" t="s">
        <v>83</v>
      </c>
      <c r="N40005" t="s">
        <v>91</v>
      </c>
      <c r="O40005" t="s">
        <v>85</v>
      </c>
      <c r="P40005" t="s">
        <v>86</v>
      </c>
      <c r="Q40005">
        <v>64</v>
      </c>
      <c r="R40005">
        <v>66</v>
      </c>
      <c r="S40005">
        <v>68</v>
      </c>
      <c r="T40005">
        <v>69</v>
      </c>
      <c r="U40005">
        <v>71</v>
      </c>
      <c r="V40005">
        <v>73</v>
      </c>
      <c r="W40005">
        <v>75</v>
      </c>
      <c r="X40005">
        <v>76</v>
      </c>
      <c r="Y40005">
        <v>78</v>
      </c>
      <c r="Z40005">
        <v>80</v>
      </c>
      <c r="AA40005">
        <v>82</v>
      </c>
      <c r="AB40005">
        <v>84</v>
      </c>
      <c r="AC40005">
        <v>85</v>
      </c>
      <c r="AD40005">
        <v>87</v>
      </c>
      <c r="AE40005">
        <v>89</v>
      </c>
      <c r="AF40005">
        <v>91</v>
      </c>
      <c r="AG40005">
        <v>93</v>
      </c>
      <c r="AH40005">
        <v>95</v>
      </c>
      <c r="AI40005">
        <v>97</v>
      </c>
      <c r="AJ40005">
        <v>99</v>
      </c>
      <c r="AK40005">
        <v>101</v>
      </c>
      <c r="AL40005">
        <v>102</v>
      </c>
      <c r="AM40005">
        <v>103</v>
      </c>
      <c r="AN40005">
        <v>104</v>
      </c>
      <c r="AO40005">
        <v>105</v>
      </c>
      <c r="AP40005">
        <v>106</v>
      </c>
      <c r="AQ40005">
        <v>107</v>
      </c>
    </row>
    <row r="40006" spans="1:43">
      <c r="A40006" t="s">
        <v>24785</v>
      </c>
      <c r="B40006" t="s">
        <v>24786</v>
      </c>
      <c r="C40006" t="s">
        <v>9102</v>
      </c>
      <c r="D40006" t="s">
        <v>9103</v>
      </c>
      <c r="E40006" t="s">
        <v>8938</v>
      </c>
      <c r="F40006" t="s">
        <v>8939</v>
      </c>
      <c r="G40006" t="s">
        <v>80</v>
      </c>
      <c r="H40006" t="s">
        <v>81</v>
      </c>
      <c r="I40006" s="2">
        <v>0</v>
      </c>
      <c r="J40006" s="2">
        <v>1</v>
      </c>
      <c r="K40006" s="2">
        <v>0</v>
      </c>
      <c r="L40006" t="s">
        <v>82</v>
      </c>
      <c r="M40006" t="s">
        <v>83</v>
      </c>
      <c r="N40006" t="s">
        <v>84</v>
      </c>
      <c r="O40006" t="s">
        <v>85</v>
      </c>
      <c r="P40006" t="s">
        <v>86</v>
      </c>
      <c r="Q40006">
        <v>69</v>
      </c>
      <c r="R40006">
        <v>71</v>
      </c>
      <c r="S40006">
        <v>72</v>
      </c>
      <c r="T40006">
        <v>74</v>
      </c>
      <c r="U40006">
        <v>76</v>
      </c>
      <c r="V40006">
        <v>78</v>
      </c>
      <c r="W40006">
        <v>80</v>
      </c>
      <c r="X40006">
        <v>82</v>
      </c>
      <c r="Y40006">
        <v>84</v>
      </c>
      <c r="Z40006">
        <v>86</v>
      </c>
      <c r="AA40006">
        <v>88</v>
      </c>
      <c r="AB40006">
        <v>90</v>
      </c>
      <c r="AC40006">
        <v>92</v>
      </c>
      <c r="AD40006">
        <v>94</v>
      </c>
      <c r="AE40006">
        <v>96</v>
      </c>
      <c r="AF40006">
        <v>98</v>
      </c>
      <c r="AG40006">
        <v>100</v>
      </c>
      <c r="AH40006">
        <v>102</v>
      </c>
      <c r="AI40006">
        <v>104</v>
      </c>
      <c r="AJ40006">
        <v>106</v>
      </c>
      <c r="AK40006">
        <v>108</v>
      </c>
      <c r="AL40006">
        <v>110</v>
      </c>
      <c r="AM40006">
        <v>111</v>
      </c>
      <c r="AN40006">
        <v>112</v>
      </c>
      <c r="AO40006">
        <v>113</v>
      </c>
      <c r="AP40006">
        <v>114</v>
      </c>
      <c r="AQ40006">
        <v>115</v>
      </c>
    </row>
    <row r="40007" spans="1:43">
      <c r="A40007" t="s">
        <v>24785</v>
      </c>
      <c r="B40007" t="s">
        <v>24786</v>
      </c>
      <c r="C40007" t="s">
        <v>9102</v>
      </c>
      <c r="D40007" t="s">
        <v>9103</v>
      </c>
      <c r="E40007" t="s">
        <v>8938</v>
      </c>
      <c r="F40007" t="s">
        <v>8939</v>
      </c>
      <c r="G40007" t="s">
        <v>80</v>
      </c>
      <c r="H40007" t="s">
        <v>81</v>
      </c>
      <c r="I40007" s="2">
        <v>0</v>
      </c>
      <c r="J40007" s="2">
        <v>1</v>
      </c>
      <c r="K40007" s="2">
        <v>0</v>
      </c>
      <c r="L40007" t="s">
        <v>82</v>
      </c>
      <c r="M40007" t="s">
        <v>87</v>
      </c>
      <c r="N40007" t="s">
        <v>88</v>
      </c>
      <c r="O40007" t="s">
        <v>85</v>
      </c>
      <c r="P40007" t="s">
        <v>86</v>
      </c>
      <c r="Q40007">
        <v>69</v>
      </c>
      <c r="R40007">
        <v>70</v>
      </c>
      <c r="S40007">
        <v>72</v>
      </c>
      <c r="T40007">
        <v>73</v>
      </c>
      <c r="U40007">
        <v>74</v>
      </c>
      <c r="V40007">
        <v>75</v>
      </c>
      <c r="W40007">
        <v>76</v>
      </c>
      <c r="X40007">
        <v>77</v>
      </c>
      <c r="Y40007">
        <v>78</v>
      </c>
      <c r="Z40007">
        <v>80</v>
      </c>
      <c r="AA40007">
        <v>81</v>
      </c>
      <c r="AB40007">
        <v>82</v>
      </c>
      <c r="AC40007">
        <v>83</v>
      </c>
      <c r="AD40007">
        <v>84</v>
      </c>
      <c r="AE40007">
        <v>86</v>
      </c>
      <c r="AF40007">
        <v>87</v>
      </c>
      <c r="AG40007">
        <v>88</v>
      </c>
      <c r="AH40007">
        <v>89</v>
      </c>
      <c r="AI40007">
        <v>91</v>
      </c>
      <c r="AJ40007">
        <v>92</v>
      </c>
      <c r="AK40007">
        <v>93</v>
      </c>
      <c r="AL40007">
        <v>94</v>
      </c>
      <c r="AM40007">
        <v>96</v>
      </c>
      <c r="AN40007">
        <v>97</v>
      </c>
      <c r="AO40007">
        <v>98</v>
      </c>
      <c r="AP40007">
        <v>100</v>
      </c>
      <c r="AQ40007">
        <v>101</v>
      </c>
    </row>
    <row r="40008" spans="1:43">
      <c r="A40008" t="s">
        <v>24785</v>
      </c>
      <c r="B40008" t="s">
        <v>24786</v>
      </c>
      <c r="C40008" t="s">
        <v>9102</v>
      </c>
      <c r="D40008" t="s">
        <v>9103</v>
      </c>
      <c r="E40008" t="s">
        <v>8938</v>
      </c>
      <c r="F40008" t="s">
        <v>8939</v>
      </c>
      <c r="G40008" t="s">
        <v>80</v>
      </c>
      <c r="H40008" t="s">
        <v>81</v>
      </c>
      <c r="I40008" s="2">
        <v>0</v>
      </c>
      <c r="J40008" s="2">
        <v>1</v>
      </c>
      <c r="K40008" s="2">
        <v>0</v>
      </c>
      <c r="L40008" t="s">
        <v>82</v>
      </c>
      <c r="M40008" t="s">
        <v>89</v>
      </c>
      <c r="N40008" t="s">
        <v>90</v>
      </c>
      <c r="O40008" t="s">
        <v>85</v>
      </c>
      <c r="P40008" t="s">
        <v>86</v>
      </c>
      <c r="Q40008">
        <v>69</v>
      </c>
      <c r="R40008">
        <v>71</v>
      </c>
      <c r="S40008">
        <v>73</v>
      </c>
      <c r="T40008">
        <v>76</v>
      </c>
      <c r="U40008">
        <v>78</v>
      </c>
      <c r="V40008">
        <v>81</v>
      </c>
      <c r="W40008">
        <v>83</v>
      </c>
      <c r="X40008">
        <v>85</v>
      </c>
      <c r="Y40008">
        <v>88</v>
      </c>
      <c r="Z40008">
        <v>90</v>
      </c>
      <c r="AA40008">
        <v>92</v>
      </c>
      <c r="AB40008">
        <v>95</v>
      </c>
      <c r="AC40008">
        <v>97</v>
      </c>
      <c r="AD40008">
        <v>100</v>
      </c>
      <c r="AE40008">
        <v>102</v>
      </c>
      <c r="AF40008">
        <v>103</v>
      </c>
      <c r="AG40008">
        <v>104</v>
      </c>
      <c r="AH40008">
        <v>105</v>
      </c>
      <c r="AI40008">
        <v>106</v>
      </c>
      <c r="AJ40008">
        <v>107</v>
      </c>
      <c r="AK40008">
        <v>108</v>
      </c>
      <c r="AL40008">
        <v>109</v>
      </c>
      <c r="AM40008">
        <v>110</v>
      </c>
      <c r="AN40008">
        <v>111</v>
      </c>
      <c r="AO40008">
        <v>112</v>
      </c>
      <c r="AP40008">
        <v>113</v>
      </c>
      <c r="AQ40008">
        <v>115</v>
      </c>
    </row>
    <row r="40009" spans="1:43">
      <c r="A40009" t="s">
        <v>24785</v>
      </c>
      <c r="B40009" t="s">
        <v>24786</v>
      </c>
      <c r="C40009" t="s">
        <v>9102</v>
      </c>
      <c r="D40009" t="s">
        <v>9103</v>
      </c>
      <c r="E40009" t="s">
        <v>8938</v>
      </c>
      <c r="F40009" t="s">
        <v>8939</v>
      </c>
      <c r="G40009" t="s">
        <v>80</v>
      </c>
      <c r="H40009" t="s">
        <v>81</v>
      </c>
      <c r="I40009" s="2">
        <v>0</v>
      </c>
      <c r="J40009" s="2">
        <v>1</v>
      </c>
      <c r="K40009" s="2">
        <v>0</v>
      </c>
      <c r="L40009" t="s">
        <v>82</v>
      </c>
      <c r="M40009" t="s">
        <v>83</v>
      </c>
      <c r="N40009" t="s">
        <v>91</v>
      </c>
      <c r="O40009" t="s">
        <v>85</v>
      </c>
      <c r="P40009" t="s">
        <v>86</v>
      </c>
      <c r="Q40009">
        <v>69</v>
      </c>
      <c r="R40009">
        <v>71</v>
      </c>
      <c r="S40009">
        <v>72</v>
      </c>
      <c r="T40009">
        <v>74</v>
      </c>
      <c r="U40009">
        <v>76</v>
      </c>
      <c r="V40009">
        <v>78</v>
      </c>
      <c r="W40009">
        <v>80</v>
      </c>
      <c r="X40009">
        <v>82</v>
      </c>
      <c r="Y40009">
        <v>84</v>
      </c>
      <c r="Z40009">
        <v>86</v>
      </c>
      <c r="AA40009">
        <v>88</v>
      </c>
      <c r="AB40009">
        <v>90</v>
      </c>
      <c r="AC40009">
        <v>92</v>
      </c>
      <c r="AD40009">
        <v>94</v>
      </c>
      <c r="AE40009">
        <v>96</v>
      </c>
      <c r="AF40009">
        <v>98</v>
      </c>
      <c r="AG40009">
        <v>100</v>
      </c>
      <c r="AH40009">
        <v>102</v>
      </c>
      <c r="AI40009">
        <v>104</v>
      </c>
      <c r="AJ40009">
        <v>106</v>
      </c>
      <c r="AK40009">
        <v>108</v>
      </c>
      <c r="AL40009">
        <v>110</v>
      </c>
      <c r="AM40009">
        <v>111</v>
      </c>
      <c r="AN40009">
        <v>112</v>
      </c>
      <c r="AO40009">
        <v>113</v>
      </c>
      <c r="AP40009">
        <v>114</v>
      </c>
      <c r="AQ40009">
        <v>115</v>
      </c>
    </row>
    <row r="40010" spans="1:43">
      <c r="A40010" t="s">
        <v>24787</v>
      </c>
      <c r="B40010" t="s">
        <v>24788</v>
      </c>
      <c r="C40010" t="s">
        <v>9090</v>
      </c>
      <c r="D40010" t="s">
        <v>9091</v>
      </c>
      <c r="E40010" t="s">
        <v>8938</v>
      </c>
      <c r="F40010" t="s">
        <v>8939</v>
      </c>
      <c r="G40010" t="s">
        <v>80</v>
      </c>
      <c r="H40010" t="s">
        <v>81</v>
      </c>
      <c r="I40010" s="2">
        <v>0</v>
      </c>
      <c r="J40010" s="2">
        <v>1</v>
      </c>
      <c r="K40010" s="2">
        <v>0</v>
      </c>
      <c r="L40010" t="s">
        <v>82</v>
      </c>
      <c r="M40010" t="s">
        <v>83</v>
      </c>
      <c r="N40010" t="s">
        <v>84</v>
      </c>
      <c r="O40010" t="s">
        <v>85</v>
      </c>
      <c r="P40010" t="s">
        <v>86</v>
      </c>
      <c r="Q40010">
        <v>21</v>
      </c>
      <c r="R40010">
        <v>22</v>
      </c>
      <c r="S40010">
        <v>22</v>
      </c>
      <c r="T40010">
        <v>23</v>
      </c>
      <c r="U40010">
        <v>23</v>
      </c>
      <c r="V40010">
        <v>24</v>
      </c>
      <c r="W40010">
        <v>25</v>
      </c>
      <c r="X40010">
        <v>25</v>
      </c>
      <c r="Y40010">
        <v>26</v>
      </c>
      <c r="Z40010">
        <v>26</v>
      </c>
      <c r="AA40010">
        <v>27</v>
      </c>
      <c r="AB40010">
        <v>28</v>
      </c>
      <c r="AC40010">
        <v>28</v>
      </c>
      <c r="AD40010">
        <v>29</v>
      </c>
      <c r="AE40010">
        <v>29</v>
      </c>
      <c r="AF40010">
        <v>30</v>
      </c>
      <c r="AG40010">
        <v>31</v>
      </c>
      <c r="AH40010">
        <v>31</v>
      </c>
      <c r="AI40010">
        <v>32</v>
      </c>
      <c r="AJ40010">
        <v>33</v>
      </c>
      <c r="AK40010">
        <v>33</v>
      </c>
      <c r="AL40010">
        <v>34</v>
      </c>
      <c r="AM40010">
        <v>34</v>
      </c>
      <c r="AN40010">
        <v>34</v>
      </c>
      <c r="AO40010">
        <v>35</v>
      </c>
      <c r="AP40010">
        <v>35</v>
      </c>
      <c r="AQ40010">
        <v>35</v>
      </c>
    </row>
    <row r="40011" spans="1:43">
      <c r="A40011" t="s">
        <v>24787</v>
      </c>
      <c r="B40011" t="s">
        <v>24788</v>
      </c>
      <c r="C40011" t="s">
        <v>9090</v>
      </c>
      <c r="D40011" t="s">
        <v>9091</v>
      </c>
      <c r="E40011" t="s">
        <v>8938</v>
      </c>
      <c r="F40011" t="s">
        <v>8939</v>
      </c>
      <c r="G40011" t="s">
        <v>80</v>
      </c>
      <c r="H40011" t="s">
        <v>81</v>
      </c>
      <c r="I40011" s="2">
        <v>0</v>
      </c>
      <c r="J40011" s="2">
        <v>1</v>
      </c>
      <c r="K40011" s="2">
        <v>0</v>
      </c>
      <c r="L40011" t="s">
        <v>82</v>
      </c>
      <c r="M40011" t="s">
        <v>87</v>
      </c>
      <c r="N40011" t="s">
        <v>88</v>
      </c>
      <c r="O40011" t="s">
        <v>85</v>
      </c>
      <c r="P40011" t="s">
        <v>86</v>
      </c>
      <c r="Q40011">
        <v>21</v>
      </c>
      <c r="R40011">
        <v>21</v>
      </c>
      <c r="S40011">
        <v>22</v>
      </c>
      <c r="T40011">
        <v>22</v>
      </c>
      <c r="U40011">
        <v>22</v>
      </c>
      <c r="V40011">
        <v>23</v>
      </c>
      <c r="W40011">
        <v>23</v>
      </c>
      <c r="X40011">
        <v>23</v>
      </c>
      <c r="Y40011">
        <v>24</v>
      </c>
      <c r="Z40011">
        <v>24</v>
      </c>
      <c r="AA40011">
        <v>25</v>
      </c>
      <c r="AB40011">
        <v>25</v>
      </c>
      <c r="AC40011">
        <v>25</v>
      </c>
      <c r="AD40011">
        <v>26</v>
      </c>
      <c r="AE40011">
        <v>26</v>
      </c>
      <c r="AF40011">
        <v>26</v>
      </c>
      <c r="AG40011">
        <v>27</v>
      </c>
      <c r="AH40011">
        <v>27</v>
      </c>
      <c r="AI40011">
        <v>28</v>
      </c>
      <c r="AJ40011">
        <v>28</v>
      </c>
      <c r="AK40011">
        <v>28</v>
      </c>
      <c r="AL40011">
        <v>29</v>
      </c>
      <c r="AM40011">
        <v>29</v>
      </c>
      <c r="AN40011">
        <v>29</v>
      </c>
      <c r="AO40011">
        <v>30</v>
      </c>
      <c r="AP40011">
        <v>30</v>
      </c>
      <c r="AQ40011">
        <v>31</v>
      </c>
    </row>
    <row r="40012" spans="1:43">
      <c r="A40012" t="s">
        <v>24787</v>
      </c>
      <c r="B40012" t="s">
        <v>24788</v>
      </c>
      <c r="C40012" t="s">
        <v>9090</v>
      </c>
      <c r="D40012" t="s">
        <v>9091</v>
      </c>
      <c r="E40012" t="s">
        <v>8938</v>
      </c>
      <c r="F40012" t="s">
        <v>8939</v>
      </c>
      <c r="G40012" t="s">
        <v>80</v>
      </c>
      <c r="H40012" t="s">
        <v>81</v>
      </c>
      <c r="I40012" s="2">
        <v>0</v>
      </c>
      <c r="J40012" s="2">
        <v>1</v>
      </c>
      <c r="K40012" s="2">
        <v>0</v>
      </c>
      <c r="L40012" t="s">
        <v>82</v>
      </c>
      <c r="M40012" t="s">
        <v>89</v>
      </c>
      <c r="N40012" t="s">
        <v>90</v>
      </c>
      <c r="O40012" t="s">
        <v>85</v>
      </c>
      <c r="P40012" t="s">
        <v>86</v>
      </c>
      <c r="Q40012">
        <v>21</v>
      </c>
      <c r="R40012">
        <v>22</v>
      </c>
      <c r="S40012">
        <v>23</v>
      </c>
      <c r="T40012">
        <v>24</v>
      </c>
      <c r="U40012">
        <v>24</v>
      </c>
      <c r="V40012">
        <v>25</v>
      </c>
      <c r="W40012">
        <v>26</v>
      </c>
      <c r="X40012">
        <v>27</v>
      </c>
      <c r="Y40012">
        <v>27</v>
      </c>
      <c r="Z40012">
        <v>28</v>
      </c>
      <c r="AA40012">
        <v>29</v>
      </c>
      <c r="AB40012">
        <v>29</v>
      </c>
      <c r="AC40012">
        <v>30</v>
      </c>
      <c r="AD40012">
        <v>31</v>
      </c>
      <c r="AE40012">
        <v>32</v>
      </c>
      <c r="AF40012">
        <v>32</v>
      </c>
      <c r="AG40012">
        <v>32</v>
      </c>
      <c r="AH40012">
        <v>33</v>
      </c>
      <c r="AI40012">
        <v>33</v>
      </c>
      <c r="AJ40012">
        <v>33</v>
      </c>
      <c r="AK40012">
        <v>34</v>
      </c>
      <c r="AL40012">
        <v>34</v>
      </c>
      <c r="AM40012">
        <v>34</v>
      </c>
      <c r="AN40012">
        <v>35</v>
      </c>
      <c r="AO40012">
        <v>35</v>
      </c>
      <c r="AP40012">
        <v>35</v>
      </c>
      <c r="AQ40012">
        <v>36</v>
      </c>
    </row>
    <row r="40013" spans="1:43">
      <c r="A40013" t="s">
        <v>24787</v>
      </c>
      <c r="B40013" t="s">
        <v>24788</v>
      </c>
      <c r="C40013" t="s">
        <v>9090</v>
      </c>
      <c r="D40013" t="s">
        <v>9091</v>
      </c>
      <c r="E40013" t="s">
        <v>8938</v>
      </c>
      <c r="F40013" t="s">
        <v>8939</v>
      </c>
      <c r="G40013" t="s">
        <v>80</v>
      </c>
      <c r="H40013" t="s">
        <v>81</v>
      </c>
      <c r="I40013" s="2">
        <v>0</v>
      </c>
      <c r="J40013" s="2">
        <v>1</v>
      </c>
      <c r="K40013" s="2">
        <v>0</v>
      </c>
      <c r="L40013" t="s">
        <v>82</v>
      </c>
      <c r="M40013" t="s">
        <v>83</v>
      </c>
      <c r="N40013" t="s">
        <v>91</v>
      </c>
      <c r="O40013" t="s">
        <v>85</v>
      </c>
      <c r="P40013" t="s">
        <v>86</v>
      </c>
      <c r="Q40013">
        <v>21</v>
      </c>
      <c r="R40013">
        <v>22</v>
      </c>
      <c r="S40013">
        <v>22</v>
      </c>
      <c r="T40013">
        <v>23</v>
      </c>
      <c r="U40013">
        <v>23</v>
      </c>
      <c r="V40013">
        <v>24</v>
      </c>
      <c r="W40013">
        <v>25</v>
      </c>
      <c r="X40013">
        <v>25</v>
      </c>
      <c r="Y40013">
        <v>26</v>
      </c>
      <c r="Z40013">
        <v>26</v>
      </c>
      <c r="AA40013">
        <v>27</v>
      </c>
      <c r="AB40013">
        <v>28</v>
      </c>
      <c r="AC40013">
        <v>28</v>
      </c>
      <c r="AD40013">
        <v>29</v>
      </c>
      <c r="AE40013">
        <v>29</v>
      </c>
      <c r="AF40013">
        <v>30</v>
      </c>
      <c r="AG40013">
        <v>31</v>
      </c>
      <c r="AH40013">
        <v>31</v>
      </c>
      <c r="AI40013">
        <v>32</v>
      </c>
      <c r="AJ40013">
        <v>33</v>
      </c>
      <c r="AK40013">
        <v>33</v>
      </c>
      <c r="AL40013">
        <v>34</v>
      </c>
      <c r="AM40013">
        <v>34</v>
      </c>
      <c r="AN40013">
        <v>34</v>
      </c>
      <c r="AO40013">
        <v>35</v>
      </c>
      <c r="AP40013">
        <v>35</v>
      </c>
      <c r="AQ40013">
        <v>35</v>
      </c>
    </row>
    <row r="40014" spans="1:43">
      <c r="A40014" t="s">
        <v>24789</v>
      </c>
      <c r="B40014" t="s">
        <v>24790</v>
      </c>
      <c r="C40014" t="s">
        <v>24791</v>
      </c>
      <c r="D40014" t="s">
        <v>24792</v>
      </c>
      <c r="E40014" t="s">
        <v>8938</v>
      </c>
      <c r="F40014" t="s">
        <v>8939</v>
      </c>
      <c r="G40014" t="s">
        <v>80</v>
      </c>
      <c r="H40014" t="s">
        <v>81</v>
      </c>
      <c r="I40014" s="2">
        <v>0</v>
      </c>
      <c r="J40014" s="2">
        <v>1</v>
      </c>
      <c r="K40014" s="2">
        <v>0</v>
      </c>
      <c r="L40014" t="s">
        <v>82</v>
      </c>
      <c r="M40014" t="s">
        <v>83</v>
      </c>
      <c r="N40014" t="s">
        <v>84</v>
      </c>
      <c r="O40014" t="s">
        <v>85</v>
      </c>
      <c r="P40014" t="s">
        <v>86</v>
      </c>
      <c r="Q40014">
        <v>17</v>
      </c>
      <c r="R40014">
        <v>17</v>
      </c>
      <c r="S40014">
        <v>18</v>
      </c>
      <c r="T40014">
        <v>18</v>
      </c>
      <c r="U40014">
        <v>19</v>
      </c>
      <c r="V40014">
        <v>19</v>
      </c>
      <c r="W40014">
        <v>20</v>
      </c>
      <c r="X40014">
        <v>20</v>
      </c>
      <c r="Y40014">
        <v>20</v>
      </c>
      <c r="Z40014">
        <v>21</v>
      </c>
      <c r="AA40014">
        <v>21</v>
      </c>
      <c r="AB40014">
        <v>22</v>
      </c>
      <c r="AC40014">
        <v>22</v>
      </c>
      <c r="AD40014">
        <v>23</v>
      </c>
      <c r="AE40014">
        <v>23</v>
      </c>
      <c r="AF40014">
        <v>24</v>
      </c>
      <c r="AG40014">
        <v>24</v>
      </c>
      <c r="AH40014">
        <v>25</v>
      </c>
      <c r="AI40014">
        <v>25</v>
      </c>
      <c r="AJ40014">
        <v>26</v>
      </c>
      <c r="AK40014">
        <v>26</v>
      </c>
      <c r="AL40014">
        <v>27</v>
      </c>
      <c r="AM40014">
        <v>27</v>
      </c>
      <c r="AN40014">
        <v>27</v>
      </c>
      <c r="AO40014">
        <v>28</v>
      </c>
      <c r="AP40014">
        <v>28</v>
      </c>
      <c r="AQ40014">
        <v>28</v>
      </c>
    </row>
    <row r="40015" spans="1:43">
      <c r="A40015" t="s">
        <v>24789</v>
      </c>
      <c r="B40015" t="s">
        <v>24790</v>
      </c>
      <c r="C40015" t="s">
        <v>24791</v>
      </c>
      <c r="D40015" t="s">
        <v>24792</v>
      </c>
      <c r="E40015" t="s">
        <v>8938</v>
      </c>
      <c r="F40015" t="s">
        <v>8939</v>
      </c>
      <c r="G40015" t="s">
        <v>80</v>
      </c>
      <c r="H40015" t="s">
        <v>81</v>
      </c>
      <c r="I40015" s="2">
        <v>0</v>
      </c>
      <c r="J40015" s="2">
        <v>1</v>
      </c>
      <c r="K40015" s="2">
        <v>0</v>
      </c>
      <c r="L40015" t="s">
        <v>82</v>
      </c>
      <c r="M40015" t="s">
        <v>87</v>
      </c>
      <c r="N40015" t="s">
        <v>88</v>
      </c>
      <c r="O40015" t="s">
        <v>85</v>
      </c>
      <c r="P40015" t="s">
        <v>86</v>
      </c>
      <c r="Q40015">
        <v>17</v>
      </c>
      <c r="R40015">
        <v>17</v>
      </c>
      <c r="S40015">
        <v>17</v>
      </c>
      <c r="T40015">
        <v>17</v>
      </c>
      <c r="U40015">
        <v>18</v>
      </c>
      <c r="V40015">
        <v>18</v>
      </c>
      <c r="W40015">
        <v>18</v>
      </c>
      <c r="X40015">
        <v>19</v>
      </c>
      <c r="Y40015">
        <v>19</v>
      </c>
      <c r="Z40015">
        <v>19</v>
      </c>
      <c r="AA40015">
        <v>19</v>
      </c>
      <c r="AB40015">
        <v>20</v>
      </c>
      <c r="AC40015">
        <v>20</v>
      </c>
      <c r="AD40015">
        <v>20</v>
      </c>
      <c r="AE40015">
        <v>21</v>
      </c>
      <c r="AF40015">
        <v>21</v>
      </c>
      <c r="AG40015">
        <v>21</v>
      </c>
      <c r="AH40015">
        <v>22</v>
      </c>
      <c r="AI40015">
        <v>22</v>
      </c>
      <c r="AJ40015">
        <v>22</v>
      </c>
      <c r="AK40015">
        <v>22</v>
      </c>
      <c r="AL40015">
        <v>23</v>
      </c>
      <c r="AM40015">
        <v>23</v>
      </c>
      <c r="AN40015">
        <v>23</v>
      </c>
      <c r="AO40015">
        <v>24</v>
      </c>
      <c r="AP40015">
        <v>24</v>
      </c>
      <c r="AQ40015">
        <v>24</v>
      </c>
    </row>
    <row r="40016" spans="1:43">
      <c r="A40016" t="s">
        <v>24789</v>
      </c>
      <c r="B40016" t="s">
        <v>24790</v>
      </c>
      <c r="C40016" t="s">
        <v>24791</v>
      </c>
      <c r="D40016" t="s">
        <v>24792</v>
      </c>
      <c r="E40016" t="s">
        <v>8938</v>
      </c>
      <c r="F40016" t="s">
        <v>8939</v>
      </c>
      <c r="G40016" t="s">
        <v>80</v>
      </c>
      <c r="H40016" t="s">
        <v>81</v>
      </c>
      <c r="I40016" s="2">
        <v>0</v>
      </c>
      <c r="J40016" s="2">
        <v>1</v>
      </c>
      <c r="K40016" s="2">
        <v>0</v>
      </c>
      <c r="L40016" t="s">
        <v>82</v>
      </c>
      <c r="M40016" t="s">
        <v>89</v>
      </c>
      <c r="N40016" t="s">
        <v>90</v>
      </c>
      <c r="O40016" t="s">
        <v>85</v>
      </c>
      <c r="P40016" t="s">
        <v>86</v>
      </c>
      <c r="Q40016">
        <v>17</v>
      </c>
      <c r="R40016">
        <v>18</v>
      </c>
      <c r="S40016">
        <v>18</v>
      </c>
      <c r="T40016">
        <v>19</v>
      </c>
      <c r="U40016">
        <v>19</v>
      </c>
      <c r="V40016">
        <v>20</v>
      </c>
      <c r="W40016">
        <v>21</v>
      </c>
      <c r="X40016">
        <v>21</v>
      </c>
      <c r="Y40016">
        <v>22</v>
      </c>
      <c r="Z40016">
        <v>22</v>
      </c>
      <c r="AA40016">
        <v>23</v>
      </c>
      <c r="AB40016">
        <v>23</v>
      </c>
      <c r="AC40016">
        <v>24</v>
      </c>
      <c r="AD40016">
        <v>25</v>
      </c>
      <c r="AE40016">
        <v>25</v>
      </c>
      <c r="AF40016">
        <v>25</v>
      </c>
      <c r="AG40016">
        <v>26</v>
      </c>
      <c r="AH40016">
        <v>26</v>
      </c>
      <c r="AI40016">
        <v>26</v>
      </c>
      <c r="AJ40016">
        <v>26</v>
      </c>
      <c r="AK40016">
        <v>27</v>
      </c>
      <c r="AL40016">
        <v>27</v>
      </c>
      <c r="AM40016">
        <v>27</v>
      </c>
      <c r="AN40016">
        <v>27</v>
      </c>
      <c r="AO40016">
        <v>28</v>
      </c>
      <c r="AP40016">
        <v>28</v>
      </c>
      <c r="AQ40016">
        <v>28</v>
      </c>
    </row>
    <row r="40017" spans="1:43">
      <c r="A40017" t="s">
        <v>24789</v>
      </c>
      <c r="B40017" t="s">
        <v>24790</v>
      </c>
      <c r="C40017" t="s">
        <v>24791</v>
      </c>
      <c r="D40017" t="s">
        <v>24792</v>
      </c>
      <c r="E40017" t="s">
        <v>8938</v>
      </c>
      <c r="F40017" t="s">
        <v>8939</v>
      </c>
      <c r="G40017" t="s">
        <v>80</v>
      </c>
      <c r="H40017" t="s">
        <v>81</v>
      </c>
      <c r="I40017" s="2">
        <v>0</v>
      </c>
      <c r="J40017" s="2">
        <v>1</v>
      </c>
      <c r="K40017" s="2">
        <v>0</v>
      </c>
      <c r="L40017" t="s">
        <v>82</v>
      </c>
      <c r="M40017" t="s">
        <v>83</v>
      </c>
      <c r="N40017" t="s">
        <v>91</v>
      </c>
      <c r="O40017" t="s">
        <v>85</v>
      </c>
      <c r="P40017" t="s">
        <v>86</v>
      </c>
      <c r="Q40017">
        <v>17</v>
      </c>
      <c r="R40017">
        <v>17</v>
      </c>
      <c r="S40017">
        <v>18</v>
      </c>
      <c r="T40017">
        <v>18</v>
      </c>
      <c r="U40017">
        <v>19</v>
      </c>
      <c r="V40017">
        <v>19</v>
      </c>
      <c r="W40017">
        <v>20</v>
      </c>
      <c r="X40017">
        <v>20</v>
      </c>
      <c r="Y40017">
        <v>20</v>
      </c>
      <c r="Z40017">
        <v>21</v>
      </c>
      <c r="AA40017">
        <v>21</v>
      </c>
      <c r="AB40017">
        <v>22</v>
      </c>
      <c r="AC40017">
        <v>22</v>
      </c>
      <c r="AD40017">
        <v>23</v>
      </c>
      <c r="AE40017">
        <v>23</v>
      </c>
      <c r="AF40017">
        <v>24</v>
      </c>
      <c r="AG40017">
        <v>24</v>
      </c>
      <c r="AH40017">
        <v>25</v>
      </c>
      <c r="AI40017">
        <v>25</v>
      </c>
      <c r="AJ40017">
        <v>26</v>
      </c>
      <c r="AK40017">
        <v>26</v>
      </c>
      <c r="AL40017">
        <v>27</v>
      </c>
      <c r="AM40017">
        <v>27</v>
      </c>
      <c r="AN40017">
        <v>27</v>
      </c>
      <c r="AO40017">
        <v>28</v>
      </c>
      <c r="AP40017">
        <v>28</v>
      </c>
      <c r="AQ40017">
        <v>28</v>
      </c>
    </row>
    <row r="40018" spans="1:43">
      <c r="A40018" t="s">
        <v>24793</v>
      </c>
      <c r="B40018" t="s">
        <v>24794</v>
      </c>
      <c r="C40018" t="s">
        <v>8984</v>
      </c>
      <c r="D40018" t="s">
        <v>8985</v>
      </c>
      <c r="E40018" t="s">
        <v>8938</v>
      </c>
      <c r="F40018" t="s">
        <v>8939</v>
      </c>
      <c r="G40018" t="s">
        <v>80</v>
      </c>
      <c r="H40018" t="s">
        <v>81</v>
      </c>
      <c r="I40018" s="2">
        <v>0</v>
      </c>
      <c r="J40018" s="2">
        <v>1</v>
      </c>
      <c r="K40018" s="2">
        <v>0</v>
      </c>
      <c r="L40018" t="s">
        <v>82</v>
      </c>
      <c r="M40018" t="s">
        <v>83</v>
      </c>
      <c r="N40018" t="s">
        <v>84</v>
      </c>
      <c r="O40018" t="s">
        <v>85</v>
      </c>
      <c r="P40018" t="s">
        <v>86</v>
      </c>
      <c r="Q40018">
        <v>19</v>
      </c>
      <c r="R40018">
        <v>20</v>
      </c>
      <c r="S40018">
        <v>20</v>
      </c>
      <c r="T40018">
        <v>21</v>
      </c>
      <c r="U40018">
        <v>21</v>
      </c>
      <c r="V40018">
        <v>22</v>
      </c>
      <c r="W40018">
        <v>22</v>
      </c>
      <c r="X40018">
        <v>23</v>
      </c>
      <c r="Y40018">
        <v>24</v>
      </c>
      <c r="Z40018">
        <v>24</v>
      </c>
      <c r="AA40018">
        <v>25</v>
      </c>
      <c r="AB40018">
        <v>25</v>
      </c>
      <c r="AC40018">
        <v>26</v>
      </c>
      <c r="AD40018">
        <v>26</v>
      </c>
      <c r="AE40018">
        <v>27</v>
      </c>
      <c r="AF40018">
        <v>27</v>
      </c>
      <c r="AG40018">
        <v>28</v>
      </c>
      <c r="AH40018">
        <v>29</v>
      </c>
      <c r="AI40018">
        <v>29</v>
      </c>
      <c r="AJ40018">
        <v>30</v>
      </c>
      <c r="AK40018">
        <v>30</v>
      </c>
      <c r="AL40018">
        <v>31</v>
      </c>
      <c r="AM40018">
        <v>31</v>
      </c>
      <c r="AN40018">
        <v>31</v>
      </c>
      <c r="AO40018">
        <v>32</v>
      </c>
      <c r="AP40018">
        <v>32</v>
      </c>
      <c r="AQ40018">
        <v>32</v>
      </c>
    </row>
    <row r="40019" spans="1:43">
      <c r="A40019" t="s">
        <v>24793</v>
      </c>
      <c r="B40019" t="s">
        <v>24794</v>
      </c>
      <c r="C40019" t="s">
        <v>8984</v>
      </c>
      <c r="D40019" t="s">
        <v>8985</v>
      </c>
      <c r="E40019" t="s">
        <v>8938</v>
      </c>
      <c r="F40019" t="s">
        <v>8939</v>
      </c>
      <c r="G40019" t="s">
        <v>80</v>
      </c>
      <c r="H40019" t="s">
        <v>81</v>
      </c>
      <c r="I40019" s="2">
        <v>0</v>
      </c>
      <c r="J40019" s="2">
        <v>1</v>
      </c>
      <c r="K40019" s="2">
        <v>0</v>
      </c>
      <c r="L40019" t="s">
        <v>82</v>
      </c>
      <c r="M40019" t="s">
        <v>87</v>
      </c>
      <c r="N40019" t="s">
        <v>88</v>
      </c>
      <c r="O40019" t="s">
        <v>85</v>
      </c>
      <c r="P40019" t="s">
        <v>86</v>
      </c>
      <c r="Q40019">
        <v>19</v>
      </c>
      <c r="R40019">
        <v>19</v>
      </c>
      <c r="S40019">
        <v>20</v>
      </c>
      <c r="T40019">
        <v>20</v>
      </c>
      <c r="U40019">
        <v>20</v>
      </c>
      <c r="V40019">
        <v>21</v>
      </c>
      <c r="W40019">
        <v>21</v>
      </c>
      <c r="X40019">
        <v>21</v>
      </c>
      <c r="Y40019">
        <v>22</v>
      </c>
      <c r="Z40019">
        <v>22</v>
      </c>
      <c r="AA40019">
        <v>22</v>
      </c>
      <c r="AB40019">
        <v>23</v>
      </c>
      <c r="AC40019">
        <v>23</v>
      </c>
      <c r="AD40019">
        <v>23</v>
      </c>
      <c r="AE40019">
        <v>24</v>
      </c>
      <c r="AF40019">
        <v>24</v>
      </c>
      <c r="AG40019">
        <v>24</v>
      </c>
      <c r="AH40019">
        <v>25</v>
      </c>
      <c r="AI40019">
        <v>25</v>
      </c>
      <c r="AJ40019">
        <v>26</v>
      </c>
      <c r="AK40019">
        <v>26</v>
      </c>
      <c r="AL40019">
        <v>26</v>
      </c>
      <c r="AM40019">
        <v>27</v>
      </c>
      <c r="AN40019">
        <v>27</v>
      </c>
      <c r="AO40019">
        <v>27</v>
      </c>
      <c r="AP40019">
        <v>28</v>
      </c>
      <c r="AQ40019">
        <v>28</v>
      </c>
    </row>
    <row r="40020" spans="1:43">
      <c r="A40020" t="s">
        <v>24793</v>
      </c>
      <c r="B40020" t="s">
        <v>24794</v>
      </c>
      <c r="C40020" t="s">
        <v>8984</v>
      </c>
      <c r="D40020" t="s">
        <v>8985</v>
      </c>
      <c r="E40020" t="s">
        <v>8938</v>
      </c>
      <c r="F40020" t="s">
        <v>8939</v>
      </c>
      <c r="G40020" t="s">
        <v>80</v>
      </c>
      <c r="H40020" t="s">
        <v>81</v>
      </c>
      <c r="I40020" s="2">
        <v>0</v>
      </c>
      <c r="J40020" s="2">
        <v>1</v>
      </c>
      <c r="K40020" s="2">
        <v>0</v>
      </c>
      <c r="L40020" t="s">
        <v>82</v>
      </c>
      <c r="M40020" t="s">
        <v>89</v>
      </c>
      <c r="N40020" t="s">
        <v>90</v>
      </c>
      <c r="O40020" t="s">
        <v>85</v>
      </c>
      <c r="P40020" t="s">
        <v>86</v>
      </c>
      <c r="Q40020">
        <v>19</v>
      </c>
      <c r="R40020">
        <v>19</v>
      </c>
      <c r="S40020">
        <v>20</v>
      </c>
      <c r="T40020">
        <v>21</v>
      </c>
      <c r="U40020">
        <v>21</v>
      </c>
      <c r="V40020">
        <v>22</v>
      </c>
      <c r="W40020">
        <v>23</v>
      </c>
      <c r="X40020">
        <v>23</v>
      </c>
      <c r="Y40020">
        <v>24</v>
      </c>
      <c r="Z40020">
        <v>25</v>
      </c>
      <c r="AA40020">
        <v>25</v>
      </c>
      <c r="AB40020">
        <v>26</v>
      </c>
      <c r="AC40020">
        <v>27</v>
      </c>
      <c r="AD40020">
        <v>27</v>
      </c>
      <c r="AE40020">
        <v>28</v>
      </c>
      <c r="AF40020">
        <v>28</v>
      </c>
      <c r="AG40020">
        <v>28</v>
      </c>
      <c r="AH40020">
        <v>29</v>
      </c>
      <c r="AI40020">
        <v>29</v>
      </c>
      <c r="AJ40020">
        <v>29</v>
      </c>
      <c r="AK40020">
        <v>30</v>
      </c>
      <c r="AL40020">
        <v>30</v>
      </c>
      <c r="AM40020">
        <v>30</v>
      </c>
      <c r="AN40020">
        <v>31</v>
      </c>
      <c r="AO40020">
        <v>31</v>
      </c>
      <c r="AP40020">
        <v>31</v>
      </c>
      <c r="AQ40020">
        <v>31</v>
      </c>
    </row>
    <row r="40021" spans="1:43">
      <c r="A40021" t="s">
        <v>24793</v>
      </c>
      <c r="B40021" t="s">
        <v>24794</v>
      </c>
      <c r="C40021" t="s">
        <v>8984</v>
      </c>
      <c r="D40021" t="s">
        <v>8985</v>
      </c>
      <c r="E40021" t="s">
        <v>8938</v>
      </c>
      <c r="F40021" t="s">
        <v>8939</v>
      </c>
      <c r="G40021" t="s">
        <v>80</v>
      </c>
      <c r="H40021" t="s">
        <v>81</v>
      </c>
      <c r="I40021" s="2">
        <v>0</v>
      </c>
      <c r="J40021" s="2">
        <v>1</v>
      </c>
      <c r="K40021" s="2">
        <v>0</v>
      </c>
      <c r="L40021" t="s">
        <v>82</v>
      </c>
      <c r="M40021" t="s">
        <v>83</v>
      </c>
      <c r="N40021" t="s">
        <v>91</v>
      </c>
      <c r="O40021" t="s">
        <v>85</v>
      </c>
      <c r="P40021" t="s">
        <v>86</v>
      </c>
      <c r="Q40021">
        <v>19</v>
      </c>
      <c r="R40021">
        <v>20</v>
      </c>
      <c r="S40021">
        <v>20</v>
      </c>
      <c r="T40021">
        <v>21</v>
      </c>
      <c r="U40021">
        <v>21</v>
      </c>
      <c r="V40021">
        <v>22</v>
      </c>
      <c r="W40021">
        <v>22</v>
      </c>
      <c r="X40021">
        <v>23</v>
      </c>
      <c r="Y40021">
        <v>24</v>
      </c>
      <c r="Z40021">
        <v>24</v>
      </c>
      <c r="AA40021">
        <v>25</v>
      </c>
      <c r="AB40021">
        <v>25</v>
      </c>
      <c r="AC40021">
        <v>26</v>
      </c>
      <c r="AD40021">
        <v>26</v>
      </c>
      <c r="AE40021">
        <v>27</v>
      </c>
      <c r="AF40021">
        <v>27</v>
      </c>
      <c r="AG40021">
        <v>28</v>
      </c>
      <c r="AH40021">
        <v>29</v>
      </c>
      <c r="AI40021">
        <v>29</v>
      </c>
      <c r="AJ40021">
        <v>30</v>
      </c>
      <c r="AK40021">
        <v>30</v>
      </c>
      <c r="AL40021">
        <v>31</v>
      </c>
      <c r="AM40021">
        <v>31</v>
      </c>
      <c r="AN40021">
        <v>31</v>
      </c>
      <c r="AO40021">
        <v>32</v>
      </c>
      <c r="AP40021">
        <v>32</v>
      </c>
      <c r="AQ40021">
        <v>32</v>
      </c>
    </row>
    <row r="40022" spans="1:43">
      <c r="A40022" t="s">
        <v>24795</v>
      </c>
      <c r="B40022" t="s">
        <v>24796</v>
      </c>
      <c r="C40022" t="s">
        <v>8984</v>
      </c>
      <c r="D40022" t="s">
        <v>8985</v>
      </c>
      <c r="E40022" t="s">
        <v>8938</v>
      </c>
      <c r="F40022" t="s">
        <v>8939</v>
      </c>
      <c r="G40022" t="s">
        <v>80</v>
      </c>
      <c r="H40022" t="s">
        <v>81</v>
      </c>
      <c r="I40022" s="2">
        <v>0</v>
      </c>
      <c r="J40022" s="2">
        <v>1</v>
      </c>
      <c r="K40022" s="2">
        <v>0</v>
      </c>
      <c r="L40022" t="s">
        <v>82</v>
      </c>
      <c r="M40022" t="s">
        <v>83</v>
      </c>
      <c r="N40022" t="s">
        <v>84</v>
      </c>
      <c r="O40022" t="s">
        <v>85</v>
      </c>
      <c r="P40022" t="s">
        <v>86</v>
      </c>
      <c r="Q40022">
        <v>5</v>
      </c>
      <c r="R40022">
        <v>5</v>
      </c>
      <c r="S40022">
        <v>6</v>
      </c>
      <c r="T40022">
        <v>6</v>
      </c>
      <c r="U40022">
        <v>6</v>
      </c>
      <c r="V40022">
        <v>6</v>
      </c>
      <c r="W40022">
        <v>6</v>
      </c>
      <c r="X40022">
        <v>6</v>
      </c>
      <c r="Y40022">
        <v>6</v>
      </c>
      <c r="Z40022">
        <v>7</v>
      </c>
      <c r="AA40022">
        <v>7</v>
      </c>
      <c r="AB40022">
        <v>7</v>
      </c>
      <c r="AC40022">
        <v>7</v>
      </c>
      <c r="AD40022">
        <v>7</v>
      </c>
      <c r="AE40022">
        <v>7</v>
      </c>
      <c r="AF40022">
        <v>7</v>
      </c>
      <c r="AG40022">
        <v>8</v>
      </c>
      <c r="AH40022">
        <v>8</v>
      </c>
      <c r="AI40022">
        <v>8</v>
      </c>
      <c r="AJ40022">
        <v>8</v>
      </c>
      <c r="AK40022">
        <v>8</v>
      </c>
      <c r="AL40022">
        <v>8</v>
      </c>
      <c r="AM40022">
        <v>8</v>
      </c>
      <c r="AN40022">
        <v>9</v>
      </c>
      <c r="AO40022">
        <v>9</v>
      </c>
      <c r="AP40022">
        <v>9</v>
      </c>
      <c r="AQ40022">
        <v>9</v>
      </c>
    </row>
    <row r="40023" spans="1:43">
      <c r="A40023" t="s">
        <v>24795</v>
      </c>
      <c r="B40023" t="s">
        <v>24796</v>
      </c>
      <c r="C40023" t="s">
        <v>8984</v>
      </c>
      <c r="D40023" t="s">
        <v>8985</v>
      </c>
      <c r="E40023" t="s">
        <v>8938</v>
      </c>
      <c r="F40023" t="s">
        <v>8939</v>
      </c>
      <c r="G40023" t="s">
        <v>80</v>
      </c>
      <c r="H40023" t="s">
        <v>81</v>
      </c>
      <c r="I40023" s="2">
        <v>0</v>
      </c>
      <c r="J40023" s="2">
        <v>1</v>
      </c>
      <c r="K40023" s="2">
        <v>0</v>
      </c>
      <c r="L40023" t="s">
        <v>82</v>
      </c>
      <c r="M40023" t="s">
        <v>87</v>
      </c>
      <c r="N40023" t="s">
        <v>88</v>
      </c>
      <c r="O40023" t="s">
        <v>85</v>
      </c>
      <c r="P40023" t="s">
        <v>86</v>
      </c>
      <c r="Q40023">
        <v>5</v>
      </c>
      <c r="R40023">
        <v>5</v>
      </c>
      <c r="S40023">
        <v>5</v>
      </c>
      <c r="T40023">
        <v>5</v>
      </c>
      <c r="U40023">
        <v>6</v>
      </c>
      <c r="V40023">
        <v>6</v>
      </c>
      <c r="W40023">
        <v>6</v>
      </c>
      <c r="X40023">
        <v>6</v>
      </c>
      <c r="Y40023">
        <v>6</v>
      </c>
      <c r="Z40023">
        <v>6</v>
      </c>
      <c r="AA40023">
        <v>6</v>
      </c>
      <c r="AB40023">
        <v>6</v>
      </c>
      <c r="AC40023">
        <v>6</v>
      </c>
      <c r="AD40023">
        <v>6</v>
      </c>
      <c r="AE40023">
        <v>6</v>
      </c>
      <c r="AF40023">
        <v>7</v>
      </c>
      <c r="AG40023">
        <v>7</v>
      </c>
      <c r="AH40023">
        <v>7</v>
      </c>
      <c r="AI40023">
        <v>7</v>
      </c>
      <c r="AJ40023">
        <v>7</v>
      </c>
      <c r="AK40023">
        <v>7</v>
      </c>
      <c r="AL40023">
        <v>7</v>
      </c>
      <c r="AM40023">
        <v>7</v>
      </c>
      <c r="AN40023">
        <v>7</v>
      </c>
      <c r="AO40023">
        <v>7</v>
      </c>
      <c r="AP40023">
        <v>8</v>
      </c>
      <c r="AQ40023">
        <v>8</v>
      </c>
    </row>
    <row r="40024" spans="1:43">
      <c r="A40024" t="s">
        <v>24795</v>
      </c>
      <c r="B40024" t="s">
        <v>24796</v>
      </c>
      <c r="C40024" t="s">
        <v>8984</v>
      </c>
      <c r="D40024" t="s">
        <v>8985</v>
      </c>
      <c r="E40024" t="s">
        <v>8938</v>
      </c>
      <c r="F40024" t="s">
        <v>8939</v>
      </c>
      <c r="G40024" t="s">
        <v>80</v>
      </c>
      <c r="H40024" t="s">
        <v>81</v>
      </c>
      <c r="I40024" s="2">
        <v>0</v>
      </c>
      <c r="J40024" s="2">
        <v>1</v>
      </c>
      <c r="K40024" s="2">
        <v>0</v>
      </c>
      <c r="L40024" t="s">
        <v>82</v>
      </c>
      <c r="M40024" t="s">
        <v>89</v>
      </c>
      <c r="N40024" t="s">
        <v>90</v>
      </c>
      <c r="O40024" t="s">
        <v>85</v>
      </c>
      <c r="P40024" t="s">
        <v>86</v>
      </c>
      <c r="Q40024">
        <v>5</v>
      </c>
      <c r="R40024">
        <v>5</v>
      </c>
      <c r="S40024">
        <v>6</v>
      </c>
      <c r="T40024">
        <v>6</v>
      </c>
      <c r="U40024">
        <v>6</v>
      </c>
      <c r="V40024">
        <v>6</v>
      </c>
      <c r="W40024">
        <v>6</v>
      </c>
      <c r="X40024">
        <v>7</v>
      </c>
      <c r="Y40024">
        <v>7</v>
      </c>
      <c r="Z40024">
        <v>7</v>
      </c>
      <c r="AA40024">
        <v>7</v>
      </c>
      <c r="AB40024">
        <v>7</v>
      </c>
      <c r="AC40024">
        <v>7</v>
      </c>
      <c r="AD40024">
        <v>8</v>
      </c>
      <c r="AE40024">
        <v>8</v>
      </c>
      <c r="AF40024">
        <v>8</v>
      </c>
      <c r="AG40024">
        <v>8</v>
      </c>
      <c r="AH40024">
        <v>8</v>
      </c>
      <c r="AI40024">
        <v>8</v>
      </c>
      <c r="AJ40024">
        <v>8</v>
      </c>
      <c r="AK40024">
        <v>8</v>
      </c>
      <c r="AL40024">
        <v>8</v>
      </c>
      <c r="AM40024">
        <v>8</v>
      </c>
      <c r="AN40024">
        <v>9</v>
      </c>
      <c r="AO40024">
        <v>9</v>
      </c>
      <c r="AP40024">
        <v>9</v>
      </c>
      <c r="AQ40024">
        <v>9</v>
      </c>
    </row>
    <row r="40025" spans="1:43">
      <c r="A40025" t="s">
        <v>24795</v>
      </c>
      <c r="B40025" t="s">
        <v>24796</v>
      </c>
      <c r="C40025" t="s">
        <v>8984</v>
      </c>
      <c r="D40025" t="s">
        <v>8985</v>
      </c>
      <c r="E40025" t="s">
        <v>8938</v>
      </c>
      <c r="F40025" t="s">
        <v>8939</v>
      </c>
      <c r="G40025" t="s">
        <v>80</v>
      </c>
      <c r="H40025" t="s">
        <v>81</v>
      </c>
      <c r="I40025" s="2">
        <v>0</v>
      </c>
      <c r="J40025" s="2">
        <v>1</v>
      </c>
      <c r="K40025" s="2">
        <v>0</v>
      </c>
      <c r="L40025" t="s">
        <v>82</v>
      </c>
      <c r="M40025" t="s">
        <v>83</v>
      </c>
      <c r="N40025" t="s">
        <v>91</v>
      </c>
      <c r="O40025" t="s">
        <v>85</v>
      </c>
      <c r="P40025" t="s">
        <v>86</v>
      </c>
      <c r="Q40025">
        <v>5</v>
      </c>
      <c r="R40025">
        <v>5</v>
      </c>
      <c r="S40025">
        <v>6</v>
      </c>
      <c r="T40025">
        <v>6</v>
      </c>
      <c r="U40025">
        <v>6</v>
      </c>
      <c r="V40025">
        <v>6</v>
      </c>
      <c r="W40025">
        <v>6</v>
      </c>
      <c r="X40025">
        <v>6</v>
      </c>
      <c r="Y40025">
        <v>6</v>
      </c>
      <c r="Z40025">
        <v>7</v>
      </c>
      <c r="AA40025">
        <v>7</v>
      </c>
      <c r="AB40025">
        <v>7</v>
      </c>
      <c r="AC40025">
        <v>7</v>
      </c>
      <c r="AD40025">
        <v>7</v>
      </c>
      <c r="AE40025">
        <v>7</v>
      </c>
      <c r="AF40025">
        <v>7</v>
      </c>
      <c r="AG40025">
        <v>8</v>
      </c>
      <c r="AH40025">
        <v>8</v>
      </c>
      <c r="AI40025">
        <v>8</v>
      </c>
      <c r="AJ40025">
        <v>8</v>
      </c>
      <c r="AK40025">
        <v>8</v>
      </c>
      <c r="AL40025">
        <v>8</v>
      </c>
      <c r="AM40025">
        <v>8</v>
      </c>
      <c r="AN40025">
        <v>9</v>
      </c>
      <c r="AO40025">
        <v>9</v>
      </c>
      <c r="AP40025">
        <v>9</v>
      </c>
      <c r="AQ40025">
        <v>9</v>
      </c>
    </row>
    <row r="40026" spans="1:43">
      <c r="A40026" t="s">
        <v>24797</v>
      </c>
      <c r="B40026" t="s">
        <v>24798</v>
      </c>
      <c r="C40026" t="s">
        <v>8984</v>
      </c>
      <c r="D40026" t="s">
        <v>8985</v>
      </c>
      <c r="E40026" t="s">
        <v>8938</v>
      </c>
      <c r="F40026" t="s">
        <v>8939</v>
      </c>
      <c r="G40026" t="s">
        <v>80</v>
      </c>
      <c r="H40026" t="s">
        <v>81</v>
      </c>
      <c r="I40026" s="2">
        <v>0</v>
      </c>
      <c r="J40026" s="2">
        <v>1</v>
      </c>
      <c r="K40026" s="2">
        <v>0</v>
      </c>
      <c r="L40026" t="s">
        <v>82</v>
      </c>
      <c r="M40026" t="s">
        <v>83</v>
      </c>
      <c r="N40026" t="s">
        <v>84</v>
      </c>
      <c r="O40026" t="s">
        <v>85</v>
      </c>
      <c r="P40026" t="s">
        <v>86</v>
      </c>
      <c r="Q40026">
        <v>97</v>
      </c>
      <c r="R40026">
        <v>99</v>
      </c>
      <c r="S40026">
        <v>102</v>
      </c>
      <c r="T40026">
        <v>104</v>
      </c>
      <c r="U40026">
        <v>107</v>
      </c>
      <c r="V40026">
        <v>110</v>
      </c>
      <c r="W40026">
        <v>112</v>
      </c>
      <c r="X40026">
        <v>115</v>
      </c>
      <c r="Y40026">
        <v>118</v>
      </c>
      <c r="Z40026">
        <v>120</v>
      </c>
      <c r="AA40026">
        <v>123</v>
      </c>
      <c r="AB40026">
        <v>126</v>
      </c>
      <c r="AC40026">
        <v>129</v>
      </c>
      <c r="AD40026">
        <v>132</v>
      </c>
      <c r="AE40026">
        <v>134</v>
      </c>
      <c r="AF40026">
        <v>137</v>
      </c>
      <c r="AG40026">
        <v>140</v>
      </c>
      <c r="AH40026">
        <v>143</v>
      </c>
      <c r="AI40026">
        <v>146</v>
      </c>
      <c r="AJ40026">
        <v>149</v>
      </c>
      <c r="AK40026">
        <v>152</v>
      </c>
      <c r="AL40026">
        <v>154</v>
      </c>
      <c r="AM40026">
        <v>156</v>
      </c>
      <c r="AN40026">
        <v>157</v>
      </c>
      <c r="AO40026">
        <v>159</v>
      </c>
      <c r="AP40026">
        <v>160</v>
      </c>
      <c r="AQ40026">
        <v>162</v>
      </c>
    </row>
    <row r="40027" spans="1:43">
      <c r="A40027" t="s">
        <v>24797</v>
      </c>
      <c r="B40027" t="s">
        <v>24798</v>
      </c>
      <c r="C40027" t="s">
        <v>8984</v>
      </c>
      <c r="D40027" t="s">
        <v>8985</v>
      </c>
      <c r="E40027" t="s">
        <v>8938</v>
      </c>
      <c r="F40027" t="s">
        <v>8939</v>
      </c>
      <c r="G40027" t="s">
        <v>80</v>
      </c>
      <c r="H40027" t="s">
        <v>81</v>
      </c>
      <c r="I40027" s="2">
        <v>0</v>
      </c>
      <c r="J40027" s="2">
        <v>1</v>
      </c>
      <c r="K40027" s="2">
        <v>0</v>
      </c>
      <c r="L40027" t="s">
        <v>82</v>
      </c>
      <c r="M40027" t="s">
        <v>87</v>
      </c>
      <c r="N40027" t="s">
        <v>88</v>
      </c>
      <c r="O40027" t="s">
        <v>85</v>
      </c>
      <c r="P40027" t="s">
        <v>86</v>
      </c>
      <c r="Q40027">
        <v>97</v>
      </c>
      <c r="R40027">
        <v>99</v>
      </c>
      <c r="S40027">
        <v>100</v>
      </c>
      <c r="T40027">
        <v>102</v>
      </c>
      <c r="U40027">
        <v>103</v>
      </c>
      <c r="V40027">
        <v>105</v>
      </c>
      <c r="W40027">
        <v>106</v>
      </c>
      <c r="X40027">
        <v>108</v>
      </c>
      <c r="Y40027">
        <v>110</v>
      </c>
      <c r="Z40027">
        <v>111</v>
      </c>
      <c r="AA40027">
        <v>113</v>
      </c>
      <c r="AB40027">
        <v>115</v>
      </c>
      <c r="AC40027">
        <v>116</v>
      </c>
      <c r="AD40027">
        <v>118</v>
      </c>
      <c r="AE40027">
        <v>120</v>
      </c>
      <c r="AF40027">
        <v>122</v>
      </c>
      <c r="AG40027">
        <v>123</v>
      </c>
      <c r="AH40027">
        <v>125</v>
      </c>
      <c r="AI40027">
        <v>127</v>
      </c>
      <c r="AJ40027">
        <v>129</v>
      </c>
      <c r="AK40027">
        <v>130</v>
      </c>
      <c r="AL40027">
        <v>132</v>
      </c>
      <c r="AM40027">
        <v>134</v>
      </c>
      <c r="AN40027">
        <v>136</v>
      </c>
      <c r="AO40027">
        <v>138</v>
      </c>
      <c r="AP40027">
        <v>139</v>
      </c>
      <c r="AQ40027">
        <v>141</v>
      </c>
    </row>
    <row r="40028" spans="1:43">
      <c r="A40028" t="s">
        <v>24797</v>
      </c>
      <c r="B40028" t="s">
        <v>24798</v>
      </c>
      <c r="C40028" t="s">
        <v>8984</v>
      </c>
      <c r="D40028" t="s">
        <v>8985</v>
      </c>
      <c r="E40028" t="s">
        <v>8938</v>
      </c>
      <c r="F40028" t="s">
        <v>8939</v>
      </c>
      <c r="G40028" t="s">
        <v>80</v>
      </c>
      <c r="H40028" t="s">
        <v>81</v>
      </c>
      <c r="I40028" s="2">
        <v>0</v>
      </c>
      <c r="J40028" s="2">
        <v>1</v>
      </c>
      <c r="K40028" s="2">
        <v>0</v>
      </c>
      <c r="L40028" t="s">
        <v>82</v>
      </c>
      <c r="M40028" t="s">
        <v>89</v>
      </c>
      <c r="N40028" t="s">
        <v>90</v>
      </c>
      <c r="O40028" t="s">
        <v>85</v>
      </c>
      <c r="P40028" t="s">
        <v>86</v>
      </c>
      <c r="Q40028">
        <v>97</v>
      </c>
      <c r="R40028">
        <v>100</v>
      </c>
      <c r="S40028">
        <v>104</v>
      </c>
      <c r="T40028">
        <v>107</v>
      </c>
      <c r="U40028">
        <v>110</v>
      </c>
      <c r="V40028">
        <v>114</v>
      </c>
      <c r="W40028">
        <v>117</v>
      </c>
      <c r="X40028">
        <v>120</v>
      </c>
      <c r="Y40028">
        <v>124</v>
      </c>
      <c r="Z40028">
        <v>127</v>
      </c>
      <c r="AA40028">
        <v>130</v>
      </c>
      <c r="AB40028">
        <v>134</v>
      </c>
      <c r="AC40028">
        <v>137</v>
      </c>
      <c r="AD40028">
        <v>141</v>
      </c>
      <c r="AE40028">
        <v>143</v>
      </c>
      <c r="AF40028">
        <v>145</v>
      </c>
      <c r="AG40028">
        <v>146</v>
      </c>
      <c r="AH40028">
        <v>148</v>
      </c>
      <c r="AI40028">
        <v>150</v>
      </c>
      <c r="AJ40028">
        <v>151</v>
      </c>
      <c r="AK40028">
        <v>153</v>
      </c>
      <c r="AL40028">
        <v>154</v>
      </c>
      <c r="AM40028">
        <v>156</v>
      </c>
      <c r="AN40028">
        <v>157</v>
      </c>
      <c r="AO40028">
        <v>159</v>
      </c>
      <c r="AP40028">
        <v>160</v>
      </c>
      <c r="AQ40028">
        <v>162</v>
      </c>
    </row>
    <row r="40029" spans="1:43">
      <c r="A40029" t="s">
        <v>24797</v>
      </c>
      <c r="B40029" t="s">
        <v>24798</v>
      </c>
      <c r="C40029" t="s">
        <v>8984</v>
      </c>
      <c r="D40029" t="s">
        <v>8985</v>
      </c>
      <c r="E40029" t="s">
        <v>8938</v>
      </c>
      <c r="F40029" t="s">
        <v>8939</v>
      </c>
      <c r="G40029" t="s">
        <v>80</v>
      </c>
      <c r="H40029" t="s">
        <v>81</v>
      </c>
      <c r="I40029" s="2">
        <v>0</v>
      </c>
      <c r="J40029" s="2">
        <v>1</v>
      </c>
      <c r="K40029" s="2">
        <v>0</v>
      </c>
      <c r="L40029" t="s">
        <v>82</v>
      </c>
      <c r="M40029" t="s">
        <v>83</v>
      </c>
      <c r="N40029" t="s">
        <v>91</v>
      </c>
      <c r="O40029" t="s">
        <v>85</v>
      </c>
      <c r="P40029" t="s">
        <v>86</v>
      </c>
      <c r="Q40029">
        <v>97</v>
      </c>
      <c r="R40029">
        <v>99</v>
      </c>
      <c r="S40029">
        <v>102</v>
      </c>
      <c r="T40029">
        <v>104</v>
      </c>
      <c r="U40029">
        <v>107</v>
      </c>
      <c r="V40029">
        <v>110</v>
      </c>
      <c r="W40029">
        <v>112</v>
      </c>
      <c r="X40029">
        <v>115</v>
      </c>
      <c r="Y40029">
        <v>118</v>
      </c>
      <c r="Z40029">
        <v>120</v>
      </c>
      <c r="AA40029">
        <v>123</v>
      </c>
      <c r="AB40029">
        <v>126</v>
      </c>
      <c r="AC40029">
        <v>129</v>
      </c>
      <c r="AD40029">
        <v>132</v>
      </c>
      <c r="AE40029">
        <v>134</v>
      </c>
      <c r="AF40029">
        <v>137</v>
      </c>
      <c r="AG40029">
        <v>140</v>
      </c>
      <c r="AH40029">
        <v>143</v>
      </c>
      <c r="AI40029">
        <v>146</v>
      </c>
      <c r="AJ40029">
        <v>149</v>
      </c>
      <c r="AK40029">
        <v>152</v>
      </c>
      <c r="AL40029">
        <v>154</v>
      </c>
      <c r="AM40029">
        <v>156</v>
      </c>
      <c r="AN40029">
        <v>157</v>
      </c>
      <c r="AO40029">
        <v>159</v>
      </c>
      <c r="AP40029">
        <v>160</v>
      </c>
      <c r="AQ40029">
        <v>162</v>
      </c>
    </row>
    <row r="40030" spans="1:43">
      <c r="A40030" t="s">
        <v>24799</v>
      </c>
      <c r="B40030" t="s">
        <v>24800</v>
      </c>
      <c r="C40030" t="s">
        <v>9098</v>
      </c>
      <c r="D40030" t="s">
        <v>9099</v>
      </c>
      <c r="E40030" t="s">
        <v>8938</v>
      </c>
      <c r="F40030" t="s">
        <v>8939</v>
      </c>
      <c r="G40030" t="s">
        <v>80</v>
      </c>
      <c r="H40030" t="s">
        <v>81</v>
      </c>
      <c r="I40030" s="2">
        <v>0</v>
      </c>
      <c r="J40030" s="2">
        <v>1</v>
      </c>
      <c r="K40030" s="2">
        <v>0</v>
      </c>
      <c r="L40030" t="s">
        <v>82</v>
      </c>
      <c r="M40030" t="s">
        <v>83</v>
      </c>
      <c r="N40030" t="s">
        <v>84</v>
      </c>
      <c r="O40030" t="s">
        <v>85</v>
      </c>
      <c r="P40030" t="s">
        <v>86</v>
      </c>
      <c r="Q40030">
        <v>60</v>
      </c>
      <c r="R40030">
        <v>62</v>
      </c>
      <c r="S40030">
        <v>63</v>
      </c>
      <c r="T40030">
        <v>65</v>
      </c>
      <c r="U40030">
        <v>67</v>
      </c>
      <c r="V40030">
        <v>68</v>
      </c>
      <c r="W40030">
        <v>70</v>
      </c>
      <c r="X40030">
        <v>72</v>
      </c>
      <c r="Y40030">
        <v>73</v>
      </c>
      <c r="Z40030">
        <v>75</v>
      </c>
      <c r="AA40030">
        <v>77</v>
      </c>
      <c r="AB40030">
        <v>78</v>
      </c>
      <c r="AC40030">
        <v>80</v>
      </c>
      <c r="AD40030">
        <v>82</v>
      </c>
      <c r="AE40030">
        <v>84</v>
      </c>
      <c r="AF40030">
        <v>85</v>
      </c>
      <c r="AG40030">
        <v>87</v>
      </c>
      <c r="AH40030">
        <v>89</v>
      </c>
      <c r="AI40030">
        <v>91</v>
      </c>
      <c r="AJ40030">
        <v>93</v>
      </c>
      <c r="AK40030">
        <v>95</v>
      </c>
      <c r="AL40030">
        <v>96</v>
      </c>
      <c r="AM40030">
        <v>97</v>
      </c>
      <c r="AN40030">
        <v>98</v>
      </c>
      <c r="AO40030">
        <v>99</v>
      </c>
      <c r="AP40030">
        <v>100</v>
      </c>
      <c r="AQ40030">
        <v>101</v>
      </c>
    </row>
    <row r="40031" spans="1:43">
      <c r="A40031" t="s">
        <v>24799</v>
      </c>
      <c r="B40031" t="s">
        <v>24800</v>
      </c>
      <c r="C40031" t="s">
        <v>9098</v>
      </c>
      <c r="D40031" t="s">
        <v>9099</v>
      </c>
      <c r="E40031" t="s">
        <v>8938</v>
      </c>
      <c r="F40031" t="s">
        <v>8939</v>
      </c>
      <c r="G40031" t="s">
        <v>80</v>
      </c>
      <c r="H40031" t="s">
        <v>81</v>
      </c>
      <c r="I40031" s="2">
        <v>0</v>
      </c>
      <c r="J40031" s="2">
        <v>1</v>
      </c>
      <c r="K40031" s="2">
        <v>0</v>
      </c>
      <c r="L40031" t="s">
        <v>82</v>
      </c>
      <c r="M40031" t="s">
        <v>87</v>
      </c>
      <c r="N40031" t="s">
        <v>88</v>
      </c>
      <c r="O40031" t="s">
        <v>85</v>
      </c>
      <c r="P40031" t="s">
        <v>86</v>
      </c>
      <c r="Q40031">
        <v>60</v>
      </c>
      <c r="R40031">
        <v>61</v>
      </c>
      <c r="S40031">
        <v>62</v>
      </c>
      <c r="T40031">
        <v>63</v>
      </c>
      <c r="U40031">
        <v>64</v>
      </c>
      <c r="V40031">
        <v>65</v>
      </c>
      <c r="W40031">
        <v>66</v>
      </c>
      <c r="X40031">
        <v>67</v>
      </c>
      <c r="Y40031">
        <v>68</v>
      </c>
      <c r="Z40031">
        <v>69</v>
      </c>
      <c r="AA40031">
        <v>70</v>
      </c>
      <c r="AB40031">
        <v>71</v>
      </c>
      <c r="AC40031">
        <v>72</v>
      </c>
      <c r="AD40031">
        <v>73</v>
      </c>
      <c r="AE40031">
        <v>74</v>
      </c>
      <c r="AF40031">
        <v>75</v>
      </c>
      <c r="AG40031">
        <v>76</v>
      </c>
      <c r="AH40031">
        <v>77</v>
      </c>
      <c r="AI40031">
        <v>78</v>
      </c>
      <c r="AJ40031">
        <v>80</v>
      </c>
      <c r="AK40031">
        <v>81</v>
      </c>
      <c r="AL40031">
        <v>82</v>
      </c>
      <c r="AM40031">
        <v>83</v>
      </c>
      <c r="AN40031">
        <v>84</v>
      </c>
      <c r="AO40031">
        <v>85</v>
      </c>
      <c r="AP40031">
        <v>86</v>
      </c>
      <c r="AQ40031">
        <v>88</v>
      </c>
    </row>
    <row r="40032" spans="1:43">
      <c r="A40032" t="s">
        <v>24799</v>
      </c>
      <c r="B40032" t="s">
        <v>24800</v>
      </c>
      <c r="C40032" t="s">
        <v>9098</v>
      </c>
      <c r="D40032" t="s">
        <v>9099</v>
      </c>
      <c r="E40032" t="s">
        <v>8938</v>
      </c>
      <c r="F40032" t="s">
        <v>8939</v>
      </c>
      <c r="G40032" t="s">
        <v>80</v>
      </c>
      <c r="H40032" t="s">
        <v>81</v>
      </c>
      <c r="I40032" s="2">
        <v>0</v>
      </c>
      <c r="J40032" s="2">
        <v>1</v>
      </c>
      <c r="K40032" s="2">
        <v>0</v>
      </c>
      <c r="L40032" t="s">
        <v>82</v>
      </c>
      <c r="M40032" t="s">
        <v>89</v>
      </c>
      <c r="N40032" t="s">
        <v>90</v>
      </c>
      <c r="O40032" t="s">
        <v>85</v>
      </c>
      <c r="P40032" t="s">
        <v>86</v>
      </c>
      <c r="Q40032">
        <v>60</v>
      </c>
      <c r="R40032">
        <v>62</v>
      </c>
      <c r="S40032">
        <v>64</v>
      </c>
      <c r="T40032">
        <v>66</v>
      </c>
      <c r="U40032">
        <v>68</v>
      </c>
      <c r="V40032">
        <v>70</v>
      </c>
      <c r="W40032">
        <v>72</v>
      </c>
      <c r="X40032">
        <v>75</v>
      </c>
      <c r="Y40032">
        <v>77</v>
      </c>
      <c r="Z40032">
        <v>79</v>
      </c>
      <c r="AA40032">
        <v>81</v>
      </c>
      <c r="AB40032">
        <v>83</v>
      </c>
      <c r="AC40032">
        <v>85</v>
      </c>
      <c r="AD40032">
        <v>87</v>
      </c>
      <c r="AE40032">
        <v>89</v>
      </c>
      <c r="AF40032">
        <v>90</v>
      </c>
      <c r="AG40032">
        <v>91</v>
      </c>
      <c r="AH40032">
        <v>92</v>
      </c>
      <c r="AI40032">
        <v>92</v>
      </c>
      <c r="AJ40032">
        <v>93</v>
      </c>
      <c r="AK40032">
        <v>94</v>
      </c>
      <c r="AL40032">
        <v>95</v>
      </c>
      <c r="AM40032">
        <v>96</v>
      </c>
      <c r="AN40032">
        <v>97</v>
      </c>
      <c r="AO40032">
        <v>98</v>
      </c>
      <c r="AP40032">
        <v>99</v>
      </c>
      <c r="AQ40032">
        <v>100</v>
      </c>
    </row>
    <row r="40033" spans="1:43">
      <c r="A40033" t="s">
        <v>24799</v>
      </c>
      <c r="B40033" t="s">
        <v>24800</v>
      </c>
      <c r="C40033" t="s">
        <v>9098</v>
      </c>
      <c r="D40033" t="s">
        <v>9099</v>
      </c>
      <c r="E40033" t="s">
        <v>8938</v>
      </c>
      <c r="F40033" t="s">
        <v>8939</v>
      </c>
      <c r="G40033" t="s">
        <v>80</v>
      </c>
      <c r="H40033" t="s">
        <v>81</v>
      </c>
      <c r="I40033" s="2">
        <v>0</v>
      </c>
      <c r="J40033" s="2">
        <v>1</v>
      </c>
      <c r="K40033" s="2">
        <v>0</v>
      </c>
      <c r="L40033" t="s">
        <v>82</v>
      </c>
      <c r="M40033" t="s">
        <v>83</v>
      </c>
      <c r="N40033" t="s">
        <v>91</v>
      </c>
      <c r="O40033" t="s">
        <v>85</v>
      </c>
      <c r="P40033" t="s">
        <v>86</v>
      </c>
      <c r="Q40033">
        <v>60</v>
      </c>
      <c r="R40033">
        <v>62</v>
      </c>
      <c r="S40033">
        <v>63</v>
      </c>
      <c r="T40033">
        <v>65</v>
      </c>
      <c r="U40033">
        <v>67</v>
      </c>
      <c r="V40033">
        <v>68</v>
      </c>
      <c r="W40033">
        <v>70</v>
      </c>
      <c r="X40033">
        <v>72</v>
      </c>
      <c r="Y40033">
        <v>73</v>
      </c>
      <c r="Z40033">
        <v>75</v>
      </c>
      <c r="AA40033">
        <v>77</v>
      </c>
      <c r="AB40033">
        <v>78</v>
      </c>
      <c r="AC40033">
        <v>80</v>
      </c>
      <c r="AD40033">
        <v>82</v>
      </c>
      <c r="AE40033">
        <v>84</v>
      </c>
      <c r="AF40033">
        <v>85</v>
      </c>
      <c r="AG40033">
        <v>87</v>
      </c>
      <c r="AH40033">
        <v>89</v>
      </c>
      <c r="AI40033">
        <v>91</v>
      </c>
      <c r="AJ40033">
        <v>93</v>
      </c>
      <c r="AK40033">
        <v>95</v>
      </c>
      <c r="AL40033">
        <v>96</v>
      </c>
      <c r="AM40033">
        <v>97</v>
      </c>
      <c r="AN40033">
        <v>98</v>
      </c>
      <c r="AO40033">
        <v>99</v>
      </c>
      <c r="AP40033">
        <v>100</v>
      </c>
      <c r="AQ40033">
        <v>101</v>
      </c>
    </row>
    <row r="40034" spans="1:43">
      <c r="A40034" t="s">
        <v>24801</v>
      </c>
      <c r="B40034" t="s">
        <v>24802</v>
      </c>
      <c r="C40034" t="s">
        <v>9098</v>
      </c>
      <c r="D40034" t="s">
        <v>9099</v>
      </c>
      <c r="E40034" t="s">
        <v>8938</v>
      </c>
      <c r="F40034" t="s">
        <v>8939</v>
      </c>
      <c r="G40034" t="s">
        <v>80</v>
      </c>
      <c r="H40034" t="s">
        <v>81</v>
      </c>
      <c r="I40034" s="2">
        <v>0</v>
      </c>
      <c r="J40034" s="2">
        <v>1</v>
      </c>
      <c r="K40034" s="2">
        <v>0</v>
      </c>
      <c r="L40034" t="s">
        <v>82</v>
      </c>
      <c r="M40034" t="s">
        <v>83</v>
      </c>
      <c r="N40034" t="s">
        <v>84</v>
      </c>
      <c r="O40034" t="s">
        <v>85</v>
      </c>
      <c r="P40034" t="s">
        <v>86</v>
      </c>
      <c r="Q40034">
        <v>17</v>
      </c>
      <c r="R40034">
        <v>18</v>
      </c>
      <c r="S40034">
        <v>18</v>
      </c>
      <c r="T40034">
        <v>19</v>
      </c>
      <c r="U40034">
        <v>19</v>
      </c>
      <c r="V40034">
        <v>20</v>
      </c>
      <c r="W40034">
        <v>20</v>
      </c>
      <c r="X40034">
        <v>21</v>
      </c>
      <c r="Y40034">
        <v>21</v>
      </c>
      <c r="Z40034">
        <v>22</v>
      </c>
      <c r="AA40034">
        <v>22</v>
      </c>
      <c r="AB40034">
        <v>23</v>
      </c>
      <c r="AC40034">
        <v>23</v>
      </c>
      <c r="AD40034">
        <v>24</v>
      </c>
      <c r="AE40034">
        <v>24</v>
      </c>
      <c r="AF40034">
        <v>25</v>
      </c>
      <c r="AG40034">
        <v>25</v>
      </c>
      <c r="AH40034">
        <v>26</v>
      </c>
      <c r="AI40034">
        <v>26</v>
      </c>
      <c r="AJ40034">
        <v>27</v>
      </c>
      <c r="AK40034">
        <v>27</v>
      </c>
      <c r="AL40034">
        <v>28</v>
      </c>
      <c r="AM40034">
        <v>28</v>
      </c>
      <c r="AN40034">
        <v>28</v>
      </c>
      <c r="AO40034">
        <v>29</v>
      </c>
      <c r="AP40034">
        <v>29</v>
      </c>
      <c r="AQ40034">
        <v>29</v>
      </c>
    </row>
    <row r="40035" spans="1:43">
      <c r="A40035" t="s">
        <v>24801</v>
      </c>
      <c r="B40035" t="s">
        <v>24802</v>
      </c>
      <c r="C40035" t="s">
        <v>9098</v>
      </c>
      <c r="D40035" t="s">
        <v>9099</v>
      </c>
      <c r="E40035" t="s">
        <v>8938</v>
      </c>
      <c r="F40035" t="s">
        <v>8939</v>
      </c>
      <c r="G40035" t="s">
        <v>80</v>
      </c>
      <c r="H40035" t="s">
        <v>81</v>
      </c>
      <c r="I40035" s="2">
        <v>0</v>
      </c>
      <c r="J40035" s="2">
        <v>1</v>
      </c>
      <c r="K40035" s="2">
        <v>0</v>
      </c>
      <c r="L40035" t="s">
        <v>82</v>
      </c>
      <c r="M40035" t="s">
        <v>87</v>
      </c>
      <c r="N40035" t="s">
        <v>88</v>
      </c>
      <c r="O40035" t="s">
        <v>85</v>
      </c>
      <c r="P40035" t="s">
        <v>86</v>
      </c>
      <c r="Q40035">
        <v>17</v>
      </c>
      <c r="R40035">
        <v>18</v>
      </c>
      <c r="S40035">
        <v>18</v>
      </c>
      <c r="T40035">
        <v>18</v>
      </c>
      <c r="U40035">
        <v>18</v>
      </c>
      <c r="V40035">
        <v>19</v>
      </c>
      <c r="W40035">
        <v>19</v>
      </c>
      <c r="X40035">
        <v>19</v>
      </c>
      <c r="Y40035">
        <v>20</v>
      </c>
      <c r="Z40035">
        <v>20</v>
      </c>
      <c r="AA40035">
        <v>20</v>
      </c>
      <c r="AB40035">
        <v>21</v>
      </c>
      <c r="AC40035">
        <v>21</v>
      </c>
      <c r="AD40035">
        <v>21</v>
      </c>
      <c r="AE40035">
        <v>21</v>
      </c>
      <c r="AF40035">
        <v>22</v>
      </c>
      <c r="AG40035">
        <v>22</v>
      </c>
      <c r="AH40035">
        <v>22</v>
      </c>
      <c r="AI40035">
        <v>23</v>
      </c>
      <c r="AJ40035">
        <v>23</v>
      </c>
      <c r="AK40035">
        <v>23</v>
      </c>
      <c r="AL40035">
        <v>24</v>
      </c>
      <c r="AM40035">
        <v>24</v>
      </c>
      <c r="AN40035">
        <v>24</v>
      </c>
      <c r="AO40035">
        <v>25</v>
      </c>
      <c r="AP40035">
        <v>25</v>
      </c>
      <c r="AQ40035">
        <v>25</v>
      </c>
    </row>
    <row r="40036" spans="1:43">
      <c r="A40036" t="s">
        <v>24801</v>
      </c>
      <c r="B40036" t="s">
        <v>24802</v>
      </c>
      <c r="C40036" t="s">
        <v>9098</v>
      </c>
      <c r="D40036" t="s">
        <v>9099</v>
      </c>
      <c r="E40036" t="s">
        <v>8938</v>
      </c>
      <c r="F40036" t="s">
        <v>8939</v>
      </c>
      <c r="G40036" t="s">
        <v>80</v>
      </c>
      <c r="H40036" t="s">
        <v>81</v>
      </c>
      <c r="I40036" s="2">
        <v>0</v>
      </c>
      <c r="J40036" s="2">
        <v>1</v>
      </c>
      <c r="K40036" s="2">
        <v>0</v>
      </c>
      <c r="L40036" t="s">
        <v>82</v>
      </c>
      <c r="M40036" t="s">
        <v>89</v>
      </c>
      <c r="N40036" t="s">
        <v>90</v>
      </c>
      <c r="O40036" t="s">
        <v>85</v>
      </c>
      <c r="P40036" t="s">
        <v>86</v>
      </c>
      <c r="Q40036">
        <v>17</v>
      </c>
      <c r="R40036">
        <v>17</v>
      </c>
      <c r="S40036">
        <v>18</v>
      </c>
      <c r="T40036">
        <v>18</v>
      </c>
      <c r="U40036">
        <v>19</v>
      </c>
      <c r="V40036">
        <v>20</v>
      </c>
      <c r="W40036">
        <v>20</v>
      </c>
      <c r="X40036">
        <v>21</v>
      </c>
      <c r="Y40036">
        <v>22</v>
      </c>
      <c r="Z40036">
        <v>22</v>
      </c>
      <c r="AA40036">
        <v>23</v>
      </c>
      <c r="AB40036">
        <v>23</v>
      </c>
      <c r="AC40036">
        <v>24</v>
      </c>
      <c r="AD40036">
        <v>25</v>
      </c>
      <c r="AE40036">
        <v>25</v>
      </c>
      <c r="AF40036">
        <v>25</v>
      </c>
      <c r="AG40036">
        <v>26</v>
      </c>
      <c r="AH40036">
        <v>26</v>
      </c>
      <c r="AI40036">
        <v>26</v>
      </c>
      <c r="AJ40036">
        <v>26</v>
      </c>
      <c r="AK40036">
        <v>27</v>
      </c>
      <c r="AL40036">
        <v>27</v>
      </c>
      <c r="AM40036">
        <v>27</v>
      </c>
      <c r="AN40036">
        <v>28</v>
      </c>
      <c r="AO40036">
        <v>28</v>
      </c>
      <c r="AP40036">
        <v>28</v>
      </c>
      <c r="AQ40036">
        <v>28</v>
      </c>
    </row>
    <row r="40037" spans="1:43">
      <c r="A40037" t="s">
        <v>24801</v>
      </c>
      <c r="B40037" t="s">
        <v>24802</v>
      </c>
      <c r="C40037" t="s">
        <v>9098</v>
      </c>
      <c r="D40037" t="s">
        <v>9099</v>
      </c>
      <c r="E40037" t="s">
        <v>8938</v>
      </c>
      <c r="F40037" t="s">
        <v>8939</v>
      </c>
      <c r="G40037" t="s">
        <v>80</v>
      </c>
      <c r="H40037" t="s">
        <v>81</v>
      </c>
      <c r="I40037" s="2">
        <v>0</v>
      </c>
      <c r="J40037" s="2">
        <v>1</v>
      </c>
      <c r="K40037" s="2">
        <v>0</v>
      </c>
      <c r="L40037" t="s">
        <v>82</v>
      </c>
      <c r="M40037" t="s">
        <v>83</v>
      </c>
      <c r="N40037" t="s">
        <v>91</v>
      </c>
      <c r="O40037" t="s">
        <v>85</v>
      </c>
      <c r="P40037" t="s">
        <v>86</v>
      </c>
      <c r="Q40037">
        <v>17</v>
      </c>
      <c r="R40037">
        <v>18</v>
      </c>
      <c r="S40037">
        <v>18</v>
      </c>
      <c r="T40037">
        <v>19</v>
      </c>
      <c r="U40037">
        <v>19</v>
      </c>
      <c r="V40037">
        <v>20</v>
      </c>
      <c r="W40037">
        <v>20</v>
      </c>
      <c r="X40037">
        <v>21</v>
      </c>
      <c r="Y40037">
        <v>21</v>
      </c>
      <c r="Z40037">
        <v>22</v>
      </c>
      <c r="AA40037">
        <v>22</v>
      </c>
      <c r="AB40037">
        <v>23</v>
      </c>
      <c r="AC40037">
        <v>23</v>
      </c>
      <c r="AD40037">
        <v>24</v>
      </c>
      <c r="AE40037">
        <v>24</v>
      </c>
      <c r="AF40037">
        <v>25</v>
      </c>
      <c r="AG40037">
        <v>25</v>
      </c>
      <c r="AH40037">
        <v>26</v>
      </c>
      <c r="AI40037">
        <v>26</v>
      </c>
      <c r="AJ40037">
        <v>27</v>
      </c>
      <c r="AK40037">
        <v>27</v>
      </c>
      <c r="AL40037">
        <v>28</v>
      </c>
      <c r="AM40037">
        <v>28</v>
      </c>
      <c r="AN40037">
        <v>28</v>
      </c>
      <c r="AO40037">
        <v>29</v>
      </c>
      <c r="AP40037">
        <v>29</v>
      </c>
      <c r="AQ40037">
        <v>29</v>
      </c>
    </row>
    <row r="40038" spans="1:43">
      <c r="A40038" t="s">
        <v>24803</v>
      </c>
      <c r="B40038" t="s">
        <v>24804</v>
      </c>
      <c r="C40038" t="s">
        <v>9090</v>
      </c>
      <c r="D40038" t="s">
        <v>9091</v>
      </c>
      <c r="E40038" t="s">
        <v>8938</v>
      </c>
      <c r="F40038" t="s">
        <v>8939</v>
      </c>
      <c r="G40038" t="s">
        <v>80</v>
      </c>
      <c r="H40038" t="s">
        <v>81</v>
      </c>
      <c r="I40038" s="2">
        <v>0</v>
      </c>
      <c r="J40038" s="2">
        <v>1</v>
      </c>
      <c r="K40038" s="2">
        <v>0</v>
      </c>
      <c r="L40038" t="s">
        <v>82</v>
      </c>
      <c r="M40038" t="s">
        <v>83</v>
      </c>
      <c r="N40038" t="s">
        <v>84</v>
      </c>
      <c r="O40038" t="s">
        <v>85</v>
      </c>
      <c r="P40038" t="s">
        <v>86</v>
      </c>
      <c r="Q40038">
        <v>35</v>
      </c>
      <c r="R40038">
        <v>36</v>
      </c>
      <c r="S40038">
        <v>36</v>
      </c>
      <c r="T40038">
        <v>37</v>
      </c>
      <c r="U40038">
        <v>38</v>
      </c>
      <c r="V40038">
        <v>39</v>
      </c>
      <c r="W40038">
        <v>40</v>
      </c>
      <c r="X40038">
        <v>41</v>
      </c>
      <c r="Y40038">
        <v>42</v>
      </c>
      <c r="Z40038">
        <v>43</v>
      </c>
      <c r="AA40038">
        <v>44</v>
      </c>
      <c r="AB40038">
        <v>45</v>
      </c>
      <c r="AC40038">
        <v>46</v>
      </c>
      <c r="AD40038">
        <v>47</v>
      </c>
      <c r="AE40038">
        <v>48</v>
      </c>
      <c r="AF40038">
        <v>49</v>
      </c>
      <c r="AG40038">
        <v>50</v>
      </c>
      <c r="AH40038">
        <v>51</v>
      </c>
      <c r="AI40038">
        <v>52</v>
      </c>
      <c r="AJ40038">
        <v>53</v>
      </c>
      <c r="AK40038">
        <v>54</v>
      </c>
      <c r="AL40038">
        <v>55</v>
      </c>
      <c r="AM40038">
        <v>56</v>
      </c>
      <c r="AN40038">
        <v>56</v>
      </c>
      <c r="AO40038">
        <v>57</v>
      </c>
      <c r="AP40038">
        <v>57</v>
      </c>
      <c r="AQ40038">
        <v>58</v>
      </c>
    </row>
    <row r="40039" spans="1:43">
      <c r="A40039" t="s">
        <v>24803</v>
      </c>
      <c r="B40039" t="s">
        <v>24804</v>
      </c>
      <c r="C40039" t="s">
        <v>9090</v>
      </c>
      <c r="D40039" t="s">
        <v>9091</v>
      </c>
      <c r="E40039" t="s">
        <v>8938</v>
      </c>
      <c r="F40039" t="s">
        <v>8939</v>
      </c>
      <c r="G40039" t="s">
        <v>80</v>
      </c>
      <c r="H40039" t="s">
        <v>81</v>
      </c>
      <c r="I40039" s="2">
        <v>0</v>
      </c>
      <c r="J40039" s="2">
        <v>1</v>
      </c>
      <c r="K40039" s="2">
        <v>0</v>
      </c>
      <c r="L40039" t="s">
        <v>82</v>
      </c>
      <c r="M40039" t="s">
        <v>87</v>
      </c>
      <c r="N40039" t="s">
        <v>88</v>
      </c>
      <c r="O40039" t="s">
        <v>85</v>
      </c>
      <c r="P40039" t="s">
        <v>86</v>
      </c>
      <c r="Q40039">
        <v>35</v>
      </c>
      <c r="R40039">
        <v>36</v>
      </c>
      <c r="S40039">
        <v>36</v>
      </c>
      <c r="T40039">
        <v>37</v>
      </c>
      <c r="U40039">
        <v>38</v>
      </c>
      <c r="V40039">
        <v>38</v>
      </c>
      <c r="W40039">
        <v>39</v>
      </c>
      <c r="X40039">
        <v>39</v>
      </c>
      <c r="Y40039">
        <v>40</v>
      </c>
      <c r="Z40039">
        <v>40</v>
      </c>
      <c r="AA40039">
        <v>41</v>
      </c>
      <c r="AB40039">
        <v>42</v>
      </c>
      <c r="AC40039">
        <v>42</v>
      </c>
      <c r="AD40039">
        <v>43</v>
      </c>
      <c r="AE40039">
        <v>43</v>
      </c>
      <c r="AF40039">
        <v>44</v>
      </c>
      <c r="AG40039">
        <v>45</v>
      </c>
      <c r="AH40039">
        <v>45</v>
      </c>
      <c r="AI40039">
        <v>46</v>
      </c>
      <c r="AJ40039">
        <v>47</v>
      </c>
      <c r="AK40039">
        <v>47</v>
      </c>
      <c r="AL40039">
        <v>48</v>
      </c>
      <c r="AM40039">
        <v>49</v>
      </c>
      <c r="AN40039">
        <v>49</v>
      </c>
      <c r="AO40039">
        <v>50</v>
      </c>
      <c r="AP40039">
        <v>51</v>
      </c>
      <c r="AQ40039">
        <v>51</v>
      </c>
    </row>
    <row r="40040" spans="1:43">
      <c r="A40040" t="s">
        <v>24803</v>
      </c>
      <c r="B40040" t="s">
        <v>24804</v>
      </c>
      <c r="C40040" t="s">
        <v>9090</v>
      </c>
      <c r="D40040" t="s">
        <v>9091</v>
      </c>
      <c r="E40040" t="s">
        <v>8938</v>
      </c>
      <c r="F40040" t="s">
        <v>8939</v>
      </c>
      <c r="G40040" t="s">
        <v>80</v>
      </c>
      <c r="H40040" t="s">
        <v>81</v>
      </c>
      <c r="I40040" s="2">
        <v>0</v>
      </c>
      <c r="J40040" s="2">
        <v>1</v>
      </c>
      <c r="K40040" s="2">
        <v>0</v>
      </c>
      <c r="L40040" t="s">
        <v>82</v>
      </c>
      <c r="M40040" t="s">
        <v>89</v>
      </c>
      <c r="N40040" t="s">
        <v>90</v>
      </c>
      <c r="O40040" t="s">
        <v>85</v>
      </c>
      <c r="P40040" t="s">
        <v>86</v>
      </c>
      <c r="Q40040">
        <v>35</v>
      </c>
      <c r="R40040">
        <v>36</v>
      </c>
      <c r="S40040">
        <v>37</v>
      </c>
      <c r="T40040">
        <v>39</v>
      </c>
      <c r="U40040">
        <v>40</v>
      </c>
      <c r="V40040">
        <v>41</v>
      </c>
      <c r="W40040">
        <v>42</v>
      </c>
      <c r="X40040">
        <v>43</v>
      </c>
      <c r="Y40040">
        <v>45</v>
      </c>
      <c r="Z40040">
        <v>46</v>
      </c>
      <c r="AA40040">
        <v>47</v>
      </c>
      <c r="AB40040">
        <v>48</v>
      </c>
      <c r="AC40040">
        <v>49</v>
      </c>
      <c r="AD40040">
        <v>51</v>
      </c>
      <c r="AE40040">
        <v>52</v>
      </c>
      <c r="AF40040">
        <v>52</v>
      </c>
      <c r="AG40040">
        <v>53</v>
      </c>
      <c r="AH40040">
        <v>53</v>
      </c>
      <c r="AI40040">
        <v>54</v>
      </c>
      <c r="AJ40040">
        <v>54</v>
      </c>
      <c r="AK40040">
        <v>55</v>
      </c>
      <c r="AL40040">
        <v>55</v>
      </c>
      <c r="AM40040">
        <v>56</v>
      </c>
      <c r="AN40040">
        <v>56</v>
      </c>
      <c r="AO40040">
        <v>57</v>
      </c>
      <c r="AP40040">
        <v>58</v>
      </c>
      <c r="AQ40040">
        <v>58</v>
      </c>
    </row>
    <row r="40041" spans="1:43">
      <c r="A40041" t="s">
        <v>24803</v>
      </c>
      <c r="B40041" t="s">
        <v>24804</v>
      </c>
      <c r="C40041" t="s">
        <v>9090</v>
      </c>
      <c r="D40041" t="s">
        <v>9091</v>
      </c>
      <c r="E40041" t="s">
        <v>8938</v>
      </c>
      <c r="F40041" t="s">
        <v>8939</v>
      </c>
      <c r="G40041" t="s">
        <v>80</v>
      </c>
      <c r="H40041" t="s">
        <v>81</v>
      </c>
      <c r="I40041" s="2">
        <v>0</v>
      </c>
      <c r="J40041" s="2">
        <v>1</v>
      </c>
      <c r="K40041" s="2">
        <v>0</v>
      </c>
      <c r="L40041" t="s">
        <v>82</v>
      </c>
      <c r="M40041" t="s">
        <v>83</v>
      </c>
      <c r="N40041" t="s">
        <v>91</v>
      </c>
      <c r="O40041" t="s">
        <v>85</v>
      </c>
      <c r="P40041" t="s">
        <v>86</v>
      </c>
      <c r="Q40041">
        <v>35</v>
      </c>
      <c r="R40041">
        <v>36</v>
      </c>
      <c r="S40041">
        <v>36</v>
      </c>
      <c r="T40041">
        <v>37</v>
      </c>
      <c r="U40041">
        <v>38</v>
      </c>
      <c r="V40041">
        <v>39</v>
      </c>
      <c r="W40041">
        <v>40</v>
      </c>
      <c r="X40041">
        <v>41</v>
      </c>
      <c r="Y40041">
        <v>42</v>
      </c>
      <c r="Z40041">
        <v>43</v>
      </c>
      <c r="AA40041">
        <v>44</v>
      </c>
      <c r="AB40041">
        <v>45</v>
      </c>
      <c r="AC40041">
        <v>46</v>
      </c>
      <c r="AD40041">
        <v>47</v>
      </c>
      <c r="AE40041">
        <v>48</v>
      </c>
      <c r="AF40041">
        <v>49</v>
      </c>
      <c r="AG40041">
        <v>50</v>
      </c>
      <c r="AH40041">
        <v>51</v>
      </c>
      <c r="AI40041">
        <v>52</v>
      </c>
      <c r="AJ40041">
        <v>53</v>
      </c>
      <c r="AK40041">
        <v>54</v>
      </c>
      <c r="AL40041">
        <v>55</v>
      </c>
      <c r="AM40041">
        <v>56</v>
      </c>
      <c r="AN40041">
        <v>56</v>
      </c>
      <c r="AO40041">
        <v>57</v>
      </c>
      <c r="AP40041">
        <v>57</v>
      </c>
      <c r="AQ40041">
        <v>58</v>
      </c>
    </row>
    <row r="40042" spans="1:43">
      <c r="A40042" t="s">
        <v>24805</v>
      </c>
      <c r="B40042" t="s">
        <v>24806</v>
      </c>
      <c r="C40042" t="s">
        <v>9004</v>
      </c>
      <c r="D40042" t="s">
        <v>9005</v>
      </c>
      <c r="E40042" t="s">
        <v>8938</v>
      </c>
      <c r="F40042" t="s">
        <v>8939</v>
      </c>
      <c r="G40042" t="s">
        <v>80</v>
      </c>
      <c r="H40042" t="s">
        <v>81</v>
      </c>
      <c r="I40042" s="2">
        <v>0</v>
      </c>
      <c r="J40042" s="2">
        <v>1</v>
      </c>
      <c r="K40042" s="2">
        <v>0</v>
      </c>
      <c r="L40042" t="s">
        <v>82</v>
      </c>
      <c r="M40042" t="s">
        <v>83</v>
      </c>
      <c r="N40042" t="s">
        <v>84</v>
      </c>
      <c r="O40042" t="s">
        <v>85</v>
      </c>
      <c r="P40042" t="s">
        <v>86</v>
      </c>
      <c r="Q40042">
        <v>21</v>
      </c>
      <c r="R40042">
        <v>22</v>
      </c>
      <c r="S40042">
        <v>23</v>
      </c>
      <c r="T40042">
        <v>23</v>
      </c>
      <c r="U40042">
        <v>24</v>
      </c>
      <c r="V40042">
        <v>24</v>
      </c>
      <c r="W40042">
        <v>25</v>
      </c>
      <c r="X40042">
        <v>25</v>
      </c>
      <c r="Y40042">
        <v>26</v>
      </c>
      <c r="Z40042">
        <v>27</v>
      </c>
      <c r="AA40042">
        <v>27</v>
      </c>
      <c r="AB40042">
        <v>28</v>
      </c>
      <c r="AC40042">
        <v>28</v>
      </c>
      <c r="AD40042">
        <v>29</v>
      </c>
      <c r="AE40042">
        <v>30</v>
      </c>
      <c r="AF40042">
        <v>30</v>
      </c>
      <c r="AG40042">
        <v>31</v>
      </c>
      <c r="AH40042">
        <v>32</v>
      </c>
      <c r="AI40042">
        <v>32</v>
      </c>
      <c r="AJ40042">
        <v>33</v>
      </c>
      <c r="AK40042">
        <v>34</v>
      </c>
      <c r="AL40042">
        <v>34</v>
      </c>
      <c r="AM40042">
        <v>34</v>
      </c>
      <c r="AN40042">
        <v>35</v>
      </c>
      <c r="AO40042">
        <v>35</v>
      </c>
      <c r="AP40042">
        <v>35</v>
      </c>
      <c r="AQ40042">
        <v>36</v>
      </c>
    </row>
    <row r="40043" spans="1:43">
      <c r="A40043" t="s">
        <v>24805</v>
      </c>
      <c r="B40043" t="s">
        <v>24806</v>
      </c>
      <c r="C40043" t="s">
        <v>9004</v>
      </c>
      <c r="D40043" t="s">
        <v>9005</v>
      </c>
      <c r="E40043" t="s">
        <v>8938</v>
      </c>
      <c r="F40043" t="s">
        <v>8939</v>
      </c>
      <c r="G40043" t="s">
        <v>80</v>
      </c>
      <c r="H40043" t="s">
        <v>81</v>
      </c>
      <c r="I40043" s="2">
        <v>0</v>
      </c>
      <c r="J40043" s="2">
        <v>1</v>
      </c>
      <c r="K40043" s="2">
        <v>0</v>
      </c>
      <c r="L40043" t="s">
        <v>82</v>
      </c>
      <c r="M40043" t="s">
        <v>87</v>
      </c>
      <c r="N40043" t="s">
        <v>88</v>
      </c>
      <c r="O40043" t="s">
        <v>85</v>
      </c>
      <c r="P40043" t="s">
        <v>86</v>
      </c>
      <c r="Q40043">
        <v>21</v>
      </c>
      <c r="R40043">
        <v>22</v>
      </c>
      <c r="S40043">
        <v>22</v>
      </c>
      <c r="T40043">
        <v>22</v>
      </c>
      <c r="U40043">
        <v>23</v>
      </c>
      <c r="V40043">
        <v>23</v>
      </c>
      <c r="W40043">
        <v>23</v>
      </c>
      <c r="X40043">
        <v>24</v>
      </c>
      <c r="Y40043">
        <v>24</v>
      </c>
      <c r="Z40043">
        <v>24</v>
      </c>
      <c r="AA40043">
        <v>25</v>
      </c>
      <c r="AB40043">
        <v>25</v>
      </c>
      <c r="AC40043">
        <v>26</v>
      </c>
      <c r="AD40043">
        <v>26</v>
      </c>
      <c r="AE40043">
        <v>26</v>
      </c>
      <c r="AF40043">
        <v>27</v>
      </c>
      <c r="AG40043">
        <v>27</v>
      </c>
      <c r="AH40043">
        <v>27</v>
      </c>
      <c r="AI40043">
        <v>28</v>
      </c>
      <c r="AJ40043">
        <v>28</v>
      </c>
      <c r="AK40043">
        <v>29</v>
      </c>
      <c r="AL40043">
        <v>29</v>
      </c>
      <c r="AM40043">
        <v>29</v>
      </c>
      <c r="AN40043">
        <v>30</v>
      </c>
      <c r="AO40043">
        <v>30</v>
      </c>
      <c r="AP40043">
        <v>31</v>
      </c>
      <c r="AQ40043">
        <v>31</v>
      </c>
    </row>
    <row r="40044" spans="1:43">
      <c r="A40044" t="s">
        <v>24805</v>
      </c>
      <c r="B40044" t="s">
        <v>24806</v>
      </c>
      <c r="C40044" t="s">
        <v>9004</v>
      </c>
      <c r="D40044" t="s">
        <v>9005</v>
      </c>
      <c r="E40044" t="s">
        <v>8938</v>
      </c>
      <c r="F40044" t="s">
        <v>8939</v>
      </c>
      <c r="G40044" t="s">
        <v>80</v>
      </c>
      <c r="H40044" t="s">
        <v>81</v>
      </c>
      <c r="I40044" s="2">
        <v>0</v>
      </c>
      <c r="J40044" s="2">
        <v>1</v>
      </c>
      <c r="K40044" s="2">
        <v>0</v>
      </c>
      <c r="L40044" t="s">
        <v>82</v>
      </c>
      <c r="M40044" t="s">
        <v>89</v>
      </c>
      <c r="N40044" t="s">
        <v>90</v>
      </c>
      <c r="O40044" t="s">
        <v>85</v>
      </c>
      <c r="P40044" t="s">
        <v>86</v>
      </c>
      <c r="Q40044">
        <v>21</v>
      </c>
      <c r="R40044">
        <v>21</v>
      </c>
      <c r="S40044">
        <v>22</v>
      </c>
      <c r="T40044">
        <v>23</v>
      </c>
      <c r="U40044">
        <v>24</v>
      </c>
      <c r="V40044">
        <v>24</v>
      </c>
      <c r="W40044">
        <v>25</v>
      </c>
      <c r="X40044">
        <v>26</v>
      </c>
      <c r="Y40044">
        <v>27</v>
      </c>
      <c r="Z40044">
        <v>27</v>
      </c>
      <c r="AA40044">
        <v>28</v>
      </c>
      <c r="AB40044">
        <v>29</v>
      </c>
      <c r="AC40044">
        <v>30</v>
      </c>
      <c r="AD40044">
        <v>30</v>
      </c>
      <c r="AE40044">
        <v>31</v>
      </c>
      <c r="AF40044">
        <v>31</v>
      </c>
      <c r="AG40044">
        <v>32</v>
      </c>
      <c r="AH40044">
        <v>32</v>
      </c>
      <c r="AI40044">
        <v>32</v>
      </c>
      <c r="AJ40044">
        <v>33</v>
      </c>
      <c r="AK40044">
        <v>33</v>
      </c>
      <c r="AL40044">
        <v>33</v>
      </c>
      <c r="AM40044">
        <v>34</v>
      </c>
      <c r="AN40044">
        <v>34</v>
      </c>
      <c r="AO40044">
        <v>34</v>
      </c>
      <c r="AP40044">
        <v>35</v>
      </c>
      <c r="AQ40044">
        <v>35</v>
      </c>
    </row>
    <row r="40045" spans="1:43">
      <c r="A40045" t="s">
        <v>24805</v>
      </c>
      <c r="B40045" t="s">
        <v>24806</v>
      </c>
      <c r="C40045" t="s">
        <v>9004</v>
      </c>
      <c r="D40045" t="s">
        <v>9005</v>
      </c>
      <c r="E40045" t="s">
        <v>8938</v>
      </c>
      <c r="F40045" t="s">
        <v>8939</v>
      </c>
      <c r="G40045" t="s">
        <v>80</v>
      </c>
      <c r="H40045" t="s">
        <v>81</v>
      </c>
      <c r="I40045" s="2">
        <v>0</v>
      </c>
      <c r="J40045" s="2">
        <v>1</v>
      </c>
      <c r="K40045" s="2">
        <v>0</v>
      </c>
      <c r="L40045" t="s">
        <v>82</v>
      </c>
      <c r="M40045" t="s">
        <v>83</v>
      </c>
      <c r="N40045" t="s">
        <v>91</v>
      </c>
      <c r="O40045" t="s">
        <v>85</v>
      </c>
      <c r="P40045" t="s">
        <v>86</v>
      </c>
      <c r="Q40045">
        <v>21</v>
      </c>
      <c r="R40045">
        <v>22</v>
      </c>
      <c r="S40045">
        <v>23</v>
      </c>
      <c r="T40045">
        <v>23</v>
      </c>
      <c r="U40045">
        <v>24</v>
      </c>
      <c r="V40045">
        <v>24</v>
      </c>
      <c r="W40045">
        <v>25</v>
      </c>
      <c r="X40045">
        <v>25</v>
      </c>
      <c r="Y40045">
        <v>26</v>
      </c>
      <c r="Z40045">
        <v>27</v>
      </c>
      <c r="AA40045">
        <v>27</v>
      </c>
      <c r="AB40045">
        <v>28</v>
      </c>
      <c r="AC40045">
        <v>28</v>
      </c>
      <c r="AD40045">
        <v>29</v>
      </c>
      <c r="AE40045">
        <v>30</v>
      </c>
      <c r="AF40045">
        <v>30</v>
      </c>
      <c r="AG40045">
        <v>31</v>
      </c>
      <c r="AH40045">
        <v>32</v>
      </c>
      <c r="AI40045">
        <v>32</v>
      </c>
      <c r="AJ40045">
        <v>33</v>
      </c>
      <c r="AK40045">
        <v>34</v>
      </c>
      <c r="AL40045">
        <v>34</v>
      </c>
      <c r="AM40045">
        <v>34</v>
      </c>
      <c r="AN40045">
        <v>35</v>
      </c>
      <c r="AO40045">
        <v>35</v>
      </c>
      <c r="AP40045">
        <v>35</v>
      </c>
      <c r="AQ40045">
        <v>36</v>
      </c>
    </row>
    <row r="40046" spans="1:43">
      <c r="A40046" t="s">
        <v>24807</v>
      </c>
      <c r="B40046" t="s">
        <v>24808</v>
      </c>
      <c r="C40046" t="s">
        <v>9072</v>
      </c>
      <c r="D40046" t="s">
        <v>9073</v>
      </c>
      <c r="E40046" t="s">
        <v>8938</v>
      </c>
      <c r="F40046" t="s">
        <v>8939</v>
      </c>
      <c r="G40046" t="s">
        <v>80</v>
      </c>
      <c r="H40046" t="s">
        <v>81</v>
      </c>
      <c r="I40046" s="2">
        <v>0</v>
      </c>
      <c r="J40046" s="2">
        <v>1</v>
      </c>
      <c r="K40046" s="2">
        <v>0</v>
      </c>
      <c r="L40046" t="s">
        <v>82</v>
      </c>
      <c r="M40046" t="s">
        <v>83</v>
      </c>
      <c r="N40046" t="s">
        <v>84</v>
      </c>
      <c r="O40046" t="s">
        <v>85</v>
      </c>
      <c r="P40046" t="s">
        <v>86</v>
      </c>
      <c r="Q40046">
        <v>21</v>
      </c>
      <c r="R40046">
        <v>22</v>
      </c>
      <c r="S40046">
        <v>22</v>
      </c>
      <c r="T40046">
        <v>23</v>
      </c>
      <c r="U40046">
        <v>23</v>
      </c>
      <c r="V40046">
        <v>24</v>
      </c>
      <c r="W40046">
        <v>25</v>
      </c>
      <c r="X40046">
        <v>25</v>
      </c>
      <c r="Y40046">
        <v>26</v>
      </c>
      <c r="Z40046">
        <v>26</v>
      </c>
      <c r="AA40046">
        <v>27</v>
      </c>
      <c r="AB40046">
        <v>28</v>
      </c>
      <c r="AC40046">
        <v>28</v>
      </c>
      <c r="AD40046">
        <v>29</v>
      </c>
      <c r="AE40046">
        <v>29</v>
      </c>
      <c r="AF40046">
        <v>30</v>
      </c>
      <c r="AG40046">
        <v>31</v>
      </c>
      <c r="AH40046">
        <v>31</v>
      </c>
      <c r="AI40046">
        <v>32</v>
      </c>
      <c r="AJ40046">
        <v>33</v>
      </c>
      <c r="AK40046">
        <v>33</v>
      </c>
      <c r="AL40046">
        <v>34</v>
      </c>
      <c r="AM40046">
        <v>34</v>
      </c>
      <c r="AN40046">
        <v>34</v>
      </c>
      <c r="AO40046">
        <v>35</v>
      </c>
      <c r="AP40046">
        <v>35</v>
      </c>
      <c r="AQ40046">
        <v>35</v>
      </c>
    </row>
    <row r="40047" spans="1:43">
      <c r="A40047" t="s">
        <v>24807</v>
      </c>
      <c r="B40047" t="s">
        <v>24808</v>
      </c>
      <c r="C40047" t="s">
        <v>9072</v>
      </c>
      <c r="D40047" t="s">
        <v>9073</v>
      </c>
      <c r="E40047" t="s">
        <v>8938</v>
      </c>
      <c r="F40047" t="s">
        <v>8939</v>
      </c>
      <c r="G40047" t="s">
        <v>80</v>
      </c>
      <c r="H40047" t="s">
        <v>81</v>
      </c>
      <c r="I40047" s="2">
        <v>0</v>
      </c>
      <c r="J40047" s="2">
        <v>1</v>
      </c>
      <c r="K40047" s="2">
        <v>0</v>
      </c>
      <c r="L40047" t="s">
        <v>82</v>
      </c>
      <c r="M40047" t="s">
        <v>87</v>
      </c>
      <c r="N40047" t="s">
        <v>88</v>
      </c>
      <c r="O40047" t="s">
        <v>85</v>
      </c>
      <c r="P40047" t="s">
        <v>86</v>
      </c>
      <c r="Q40047">
        <v>21</v>
      </c>
      <c r="R40047">
        <v>21</v>
      </c>
      <c r="S40047">
        <v>22</v>
      </c>
      <c r="T40047">
        <v>22</v>
      </c>
      <c r="U40047">
        <v>22</v>
      </c>
      <c r="V40047">
        <v>23</v>
      </c>
      <c r="W40047">
        <v>23</v>
      </c>
      <c r="X40047">
        <v>23</v>
      </c>
      <c r="Y40047">
        <v>24</v>
      </c>
      <c r="Z40047">
        <v>24</v>
      </c>
      <c r="AA40047">
        <v>25</v>
      </c>
      <c r="AB40047">
        <v>25</v>
      </c>
      <c r="AC40047">
        <v>25</v>
      </c>
      <c r="AD40047">
        <v>26</v>
      </c>
      <c r="AE40047">
        <v>26</v>
      </c>
      <c r="AF40047">
        <v>26</v>
      </c>
      <c r="AG40047">
        <v>27</v>
      </c>
      <c r="AH40047">
        <v>27</v>
      </c>
      <c r="AI40047">
        <v>28</v>
      </c>
      <c r="AJ40047">
        <v>28</v>
      </c>
      <c r="AK40047">
        <v>28</v>
      </c>
      <c r="AL40047">
        <v>29</v>
      </c>
      <c r="AM40047">
        <v>29</v>
      </c>
      <c r="AN40047">
        <v>29</v>
      </c>
      <c r="AO40047">
        <v>30</v>
      </c>
      <c r="AP40047">
        <v>30</v>
      </c>
      <c r="AQ40047">
        <v>31</v>
      </c>
    </row>
    <row r="40048" spans="1:43">
      <c r="A40048" t="s">
        <v>24807</v>
      </c>
      <c r="B40048" t="s">
        <v>24808</v>
      </c>
      <c r="C40048" t="s">
        <v>9072</v>
      </c>
      <c r="D40048" t="s">
        <v>9073</v>
      </c>
      <c r="E40048" t="s">
        <v>8938</v>
      </c>
      <c r="F40048" t="s">
        <v>8939</v>
      </c>
      <c r="G40048" t="s">
        <v>80</v>
      </c>
      <c r="H40048" t="s">
        <v>81</v>
      </c>
      <c r="I40048" s="2">
        <v>0</v>
      </c>
      <c r="J40048" s="2">
        <v>1</v>
      </c>
      <c r="K40048" s="2">
        <v>0</v>
      </c>
      <c r="L40048" t="s">
        <v>82</v>
      </c>
      <c r="M40048" t="s">
        <v>89</v>
      </c>
      <c r="N40048" t="s">
        <v>90</v>
      </c>
      <c r="O40048" t="s">
        <v>85</v>
      </c>
      <c r="P40048" t="s">
        <v>86</v>
      </c>
      <c r="Q40048">
        <v>21</v>
      </c>
      <c r="R40048">
        <v>22</v>
      </c>
      <c r="S40048">
        <v>23</v>
      </c>
      <c r="T40048">
        <v>24</v>
      </c>
      <c r="U40048">
        <v>24</v>
      </c>
      <c r="V40048">
        <v>25</v>
      </c>
      <c r="W40048">
        <v>26</v>
      </c>
      <c r="X40048">
        <v>27</v>
      </c>
      <c r="Y40048">
        <v>27</v>
      </c>
      <c r="Z40048">
        <v>28</v>
      </c>
      <c r="AA40048">
        <v>29</v>
      </c>
      <c r="AB40048">
        <v>29</v>
      </c>
      <c r="AC40048">
        <v>30</v>
      </c>
      <c r="AD40048">
        <v>31</v>
      </c>
      <c r="AE40048">
        <v>32</v>
      </c>
      <c r="AF40048">
        <v>32</v>
      </c>
      <c r="AG40048">
        <v>32</v>
      </c>
      <c r="AH40048">
        <v>33</v>
      </c>
      <c r="AI40048">
        <v>33</v>
      </c>
      <c r="AJ40048">
        <v>33</v>
      </c>
      <c r="AK40048">
        <v>34</v>
      </c>
      <c r="AL40048">
        <v>34</v>
      </c>
      <c r="AM40048">
        <v>34</v>
      </c>
      <c r="AN40048">
        <v>35</v>
      </c>
      <c r="AO40048">
        <v>35</v>
      </c>
      <c r="AP40048">
        <v>35</v>
      </c>
      <c r="AQ40048">
        <v>36</v>
      </c>
    </row>
    <row r="40049" spans="1:43">
      <c r="A40049" t="s">
        <v>24807</v>
      </c>
      <c r="B40049" t="s">
        <v>24808</v>
      </c>
      <c r="C40049" t="s">
        <v>9072</v>
      </c>
      <c r="D40049" t="s">
        <v>9073</v>
      </c>
      <c r="E40049" t="s">
        <v>8938</v>
      </c>
      <c r="F40049" t="s">
        <v>8939</v>
      </c>
      <c r="G40049" t="s">
        <v>80</v>
      </c>
      <c r="H40049" t="s">
        <v>81</v>
      </c>
      <c r="I40049" s="2">
        <v>0</v>
      </c>
      <c r="J40049" s="2">
        <v>1</v>
      </c>
      <c r="K40049" s="2">
        <v>0</v>
      </c>
      <c r="L40049" t="s">
        <v>82</v>
      </c>
      <c r="M40049" t="s">
        <v>83</v>
      </c>
      <c r="N40049" t="s">
        <v>91</v>
      </c>
      <c r="O40049" t="s">
        <v>85</v>
      </c>
      <c r="P40049" t="s">
        <v>86</v>
      </c>
      <c r="Q40049">
        <v>21</v>
      </c>
      <c r="R40049">
        <v>22</v>
      </c>
      <c r="S40049">
        <v>22</v>
      </c>
      <c r="T40049">
        <v>23</v>
      </c>
      <c r="U40049">
        <v>23</v>
      </c>
      <c r="V40049">
        <v>24</v>
      </c>
      <c r="W40049">
        <v>25</v>
      </c>
      <c r="X40049">
        <v>25</v>
      </c>
      <c r="Y40049">
        <v>26</v>
      </c>
      <c r="Z40049">
        <v>26</v>
      </c>
      <c r="AA40049">
        <v>27</v>
      </c>
      <c r="AB40049">
        <v>28</v>
      </c>
      <c r="AC40049">
        <v>28</v>
      </c>
      <c r="AD40049">
        <v>29</v>
      </c>
      <c r="AE40049">
        <v>29</v>
      </c>
      <c r="AF40049">
        <v>30</v>
      </c>
      <c r="AG40049">
        <v>31</v>
      </c>
      <c r="AH40049">
        <v>31</v>
      </c>
      <c r="AI40049">
        <v>32</v>
      </c>
      <c r="AJ40049">
        <v>33</v>
      </c>
      <c r="AK40049">
        <v>33</v>
      </c>
      <c r="AL40049">
        <v>34</v>
      </c>
      <c r="AM40049">
        <v>34</v>
      </c>
      <c r="AN40049">
        <v>34</v>
      </c>
      <c r="AO40049">
        <v>35</v>
      </c>
      <c r="AP40049">
        <v>35</v>
      </c>
      <c r="AQ40049">
        <v>35</v>
      </c>
    </row>
    <row r="40050" spans="1:43">
      <c r="A40050" t="s">
        <v>24809</v>
      </c>
      <c r="B40050" t="s">
        <v>24810</v>
      </c>
      <c r="C40050" t="s">
        <v>9072</v>
      </c>
      <c r="D40050" t="s">
        <v>9073</v>
      </c>
      <c r="E40050" t="s">
        <v>8938</v>
      </c>
      <c r="F40050" t="s">
        <v>8939</v>
      </c>
      <c r="G40050" t="s">
        <v>80</v>
      </c>
      <c r="H40050" t="s">
        <v>81</v>
      </c>
      <c r="I40050" s="2">
        <v>0</v>
      </c>
      <c r="J40050" s="2">
        <v>1</v>
      </c>
      <c r="K40050" s="2">
        <v>0</v>
      </c>
      <c r="L40050" t="s">
        <v>82</v>
      </c>
      <c r="M40050" t="s">
        <v>83</v>
      </c>
      <c r="N40050" t="s">
        <v>84</v>
      </c>
      <c r="O40050" t="s">
        <v>85</v>
      </c>
      <c r="P40050" t="s">
        <v>86</v>
      </c>
      <c r="Q40050">
        <v>18</v>
      </c>
      <c r="R40050">
        <v>19</v>
      </c>
      <c r="S40050">
        <v>19</v>
      </c>
      <c r="T40050">
        <v>20</v>
      </c>
      <c r="U40050">
        <v>20</v>
      </c>
      <c r="V40050">
        <v>21</v>
      </c>
      <c r="W40050">
        <v>21</v>
      </c>
      <c r="X40050">
        <v>22</v>
      </c>
      <c r="Y40050">
        <v>22</v>
      </c>
      <c r="Z40050">
        <v>23</v>
      </c>
      <c r="AA40050">
        <v>23</v>
      </c>
      <c r="AB40050">
        <v>24</v>
      </c>
      <c r="AC40050">
        <v>24</v>
      </c>
      <c r="AD40050">
        <v>25</v>
      </c>
      <c r="AE40050">
        <v>25</v>
      </c>
      <c r="AF40050">
        <v>26</v>
      </c>
      <c r="AG40050">
        <v>26</v>
      </c>
      <c r="AH40050">
        <v>27</v>
      </c>
      <c r="AI40050">
        <v>28</v>
      </c>
      <c r="AJ40050">
        <v>28</v>
      </c>
      <c r="AK40050">
        <v>29</v>
      </c>
      <c r="AL40050">
        <v>29</v>
      </c>
      <c r="AM40050">
        <v>29</v>
      </c>
      <c r="AN40050">
        <v>30</v>
      </c>
      <c r="AO40050">
        <v>30</v>
      </c>
      <c r="AP40050">
        <v>30</v>
      </c>
      <c r="AQ40050">
        <v>31</v>
      </c>
    </row>
    <row r="40051" spans="1:43">
      <c r="A40051" t="s">
        <v>24809</v>
      </c>
      <c r="B40051" t="s">
        <v>24810</v>
      </c>
      <c r="C40051" t="s">
        <v>9072</v>
      </c>
      <c r="D40051" t="s">
        <v>9073</v>
      </c>
      <c r="E40051" t="s">
        <v>8938</v>
      </c>
      <c r="F40051" t="s">
        <v>8939</v>
      </c>
      <c r="G40051" t="s">
        <v>80</v>
      </c>
      <c r="H40051" t="s">
        <v>81</v>
      </c>
      <c r="I40051" s="2">
        <v>0</v>
      </c>
      <c r="J40051" s="2">
        <v>1</v>
      </c>
      <c r="K40051" s="2">
        <v>0</v>
      </c>
      <c r="L40051" t="s">
        <v>82</v>
      </c>
      <c r="M40051" t="s">
        <v>87</v>
      </c>
      <c r="N40051" t="s">
        <v>88</v>
      </c>
      <c r="O40051" t="s">
        <v>85</v>
      </c>
      <c r="P40051" t="s">
        <v>86</v>
      </c>
      <c r="Q40051">
        <v>18</v>
      </c>
      <c r="R40051">
        <v>18</v>
      </c>
      <c r="S40051">
        <v>19</v>
      </c>
      <c r="T40051">
        <v>19</v>
      </c>
      <c r="U40051">
        <v>19</v>
      </c>
      <c r="V40051">
        <v>20</v>
      </c>
      <c r="W40051">
        <v>20</v>
      </c>
      <c r="X40051">
        <v>20</v>
      </c>
      <c r="Y40051">
        <v>21</v>
      </c>
      <c r="Z40051">
        <v>21</v>
      </c>
      <c r="AA40051">
        <v>21</v>
      </c>
      <c r="AB40051">
        <v>21</v>
      </c>
      <c r="AC40051">
        <v>22</v>
      </c>
      <c r="AD40051">
        <v>22</v>
      </c>
      <c r="AE40051">
        <v>22</v>
      </c>
      <c r="AF40051">
        <v>23</v>
      </c>
      <c r="AG40051">
        <v>23</v>
      </c>
      <c r="AH40051">
        <v>23</v>
      </c>
      <c r="AI40051">
        <v>24</v>
      </c>
      <c r="AJ40051">
        <v>24</v>
      </c>
      <c r="AK40051">
        <v>24</v>
      </c>
      <c r="AL40051">
        <v>25</v>
      </c>
      <c r="AM40051">
        <v>25</v>
      </c>
      <c r="AN40051">
        <v>25</v>
      </c>
      <c r="AO40051">
        <v>26</v>
      </c>
      <c r="AP40051">
        <v>26</v>
      </c>
      <c r="AQ40051">
        <v>26</v>
      </c>
    </row>
    <row r="40052" spans="1:43">
      <c r="A40052" t="s">
        <v>24809</v>
      </c>
      <c r="B40052" t="s">
        <v>24810</v>
      </c>
      <c r="C40052" t="s">
        <v>9072</v>
      </c>
      <c r="D40052" t="s">
        <v>9073</v>
      </c>
      <c r="E40052" t="s">
        <v>8938</v>
      </c>
      <c r="F40052" t="s">
        <v>8939</v>
      </c>
      <c r="G40052" t="s">
        <v>80</v>
      </c>
      <c r="H40052" t="s">
        <v>81</v>
      </c>
      <c r="I40052" s="2">
        <v>0</v>
      </c>
      <c r="J40052" s="2">
        <v>1</v>
      </c>
      <c r="K40052" s="2">
        <v>0</v>
      </c>
      <c r="L40052" t="s">
        <v>82</v>
      </c>
      <c r="M40052" t="s">
        <v>89</v>
      </c>
      <c r="N40052" t="s">
        <v>90</v>
      </c>
      <c r="O40052" t="s">
        <v>85</v>
      </c>
      <c r="P40052" t="s">
        <v>86</v>
      </c>
      <c r="Q40052">
        <v>18</v>
      </c>
      <c r="R40052">
        <v>19</v>
      </c>
      <c r="S40052">
        <v>20</v>
      </c>
      <c r="T40052">
        <v>20</v>
      </c>
      <c r="U40052">
        <v>21</v>
      </c>
      <c r="V40052">
        <v>22</v>
      </c>
      <c r="W40052">
        <v>22</v>
      </c>
      <c r="X40052">
        <v>23</v>
      </c>
      <c r="Y40052">
        <v>24</v>
      </c>
      <c r="Z40052">
        <v>24</v>
      </c>
      <c r="AA40052">
        <v>25</v>
      </c>
      <c r="AB40052">
        <v>25</v>
      </c>
      <c r="AC40052">
        <v>26</v>
      </c>
      <c r="AD40052">
        <v>27</v>
      </c>
      <c r="AE40052">
        <v>27</v>
      </c>
      <c r="AF40052">
        <v>27</v>
      </c>
      <c r="AG40052">
        <v>28</v>
      </c>
      <c r="AH40052">
        <v>28</v>
      </c>
      <c r="AI40052">
        <v>28</v>
      </c>
      <c r="AJ40052">
        <v>29</v>
      </c>
      <c r="AK40052">
        <v>29</v>
      </c>
      <c r="AL40052">
        <v>29</v>
      </c>
      <c r="AM40052">
        <v>30</v>
      </c>
      <c r="AN40052">
        <v>30</v>
      </c>
      <c r="AO40052">
        <v>30</v>
      </c>
      <c r="AP40052">
        <v>31</v>
      </c>
      <c r="AQ40052">
        <v>31</v>
      </c>
    </row>
    <row r="40053" spans="1:43">
      <c r="A40053" t="s">
        <v>24809</v>
      </c>
      <c r="B40053" t="s">
        <v>24810</v>
      </c>
      <c r="C40053" t="s">
        <v>9072</v>
      </c>
      <c r="D40053" t="s">
        <v>9073</v>
      </c>
      <c r="E40053" t="s">
        <v>8938</v>
      </c>
      <c r="F40053" t="s">
        <v>8939</v>
      </c>
      <c r="G40053" t="s">
        <v>80</v>
      </c>
      <c r="H40053" t="s">
        <v>81</v>
      </c>
      <c r="I40053" s="2">
        <v>0</v>
      </c>
      <c r="J40053" s="2">
        <v>1</v>
      </c>
      <c r="K40053" s="2">
        <v>0</v>
      </c>
      <c r="L40053" t="s">
        <v>82</v>
      </c>
      <c r="M40053" t="s">
        <v>83</v>
      </c>
      <c r="N40053" t="s">
        <v>91</v>
      </c>
      <c r="O40053" t="s">
        <v>85</v>
      </c>
      <c r="P40053" t="s">
        <v>86</v>
      </c>
      <c r="Q40053">
        <v>18</v>
      </c>
      <c r="R40053">
        <v>19</v>
      </c>
      <c r="S40053">
        <v>19</v>
      </c>
      <c r="T40053">
        <v>20</v>
      </c>
      <c r="U40053">
        <v>20</v>
      </c>
      <c r="V40053">
        <v>21</v>
      </c>
      <c r="W40053">
        <v>21</v>
      </c>
      <c r="X40053">
        <v>22</v>
      </c>
      <c r="Y40053">
        <v>22</v>
      </c>
      <c r="Z40053">
        <v>23</v>
      </c>
      <c r="AA40053">
        <v>23</v>
      </c>
      <c r="AB40053">
        <v>24</v>
      </c>
      <c r="AC40053">
        <v>24</v>
      </c>
      <c r="AD40053">
        <v>25</v>
      </c>
      <c r="AE40053">
        <v>25</v>
      </c>
      <c r="AF40053">
        <v>26</v>
      </c>
      <c r="AG40053">
        <v>26</v>
      </c>
      <c r="AH40053">
        <v>27</v>
      </c>
      <c r="AI40053">
        <v>28</v>
      </c>
      <c r="AJ40053">
        <v>28</v>
      </c>
      <c r="AK40053">
        <v>29</v>
      </c>
      <c r="AL40053">
        <v>29</v>
      </c>
      <c r="AM40053">
        <v>29</v>
      </c>
      <c r="AN40053">
        <v>30</v>
      </c>
      <c r="AO40053">
        <v>30</v>
      </c>
      <c r="AP40053">
        <v>30</v>
      </c>
      <c r="AQ40053">
        <v>31</v>
      </c>
    </row>
    <row r="40054" spans="1:43">
      <c r="A40054" t="s">
        <v>24811</v>
      </c>
      <c r="B40054" t="s">
        <v>24812</v>
      </c>
      <c r="C40054" t="s">
        <v>8962</v>
      </c>
      <c r="D40054" t="s">
        <v>8963</v>
      </c>
      <c r="E40054" t="s">
        <v>8938</v>
      </c>
      <c r="F40054" t="s">
        <v>8939</v>
      </c>
      <c r="G40054" t="s">
        <v>80</v>
      </c>
      <c r="H40054" t="s">
        <v>81</v>
      </c>
      <c r="I40054" s="2">
        <v>0</v>
      </c>
      <c r="J40054" s="2">
        <v>1</v>
      </c>
      <c r="K40054" s="2">
        <v>0</v>
      </c>
      <c r="L40054" t="s">
        <v>82</v>
      </c>
      <c r="M40054" t="s">
        <v>83</v>
      </c>
      <c r="N40054" t="s">
        <v>84</v>
      </c>
      <c r="O40054" t="s">
        <v>85</v>
      </c>
      <c r="P40054" t="s">
        <v>86</v>
      </c>
      <c r="Q40054">
        <v>44</v>
      </c>
      <c r="R40054">
        <v>45</v>
      </c>
      <c r="S40054">
        <v>45</v>
      </c>
      <c r="T40054">
        <v>46</v>
      </c>
      <c r="U40054">
        <v>47</v>
      </c>
      <c r="V40054">
        <v>47</v>
      </c>
      <c r="W40054">
        <v>48</v>
      </c>
      <c r="X40054">
        <v>49</v>
      </c>
      <c r="Y40054">
        <v>49</v>
      </c>
      <c r="Z40054">
        <v>50</v>
      </c>
      <c r="AA40054">
        <v>51</v>
      </c>
      <c r="AB40054">
        <v>51</v>
      </c>
      <c r="AC40054">
        <v>52</v>
      </c>
      <c r="AD40054">
        <v>52</v>
      </c>
      <c r="AE40054">
        <v>53</v>
      </c>
      <c r="AF40054">
        <v>54</v>
      </c>
      <c r="AG40054">
        <v>54</v>
      </c>
      <c r="AH40054">
        <v>55</v>
      </c>
      <c r="AI40054">
        <v>55</v>
      </c>
      <c r="AJ40054">
        <v>56</v>
      </c>
      <c r="AK40054">
        <v>57</v>
      </c>
      <c r="AL40054">
        <v>57</v>
      </c>
      <c r="AM40054">
        <v>57</v>
      </c>
      <c r="AN40054">
        <v>57</v>
      </c>
      <c r="AO40054">
        <v>57</v>
      </c>
      <c r="AP40054">
        <v>57</v>
      </c>
      <c r="AQ40054">
        <v>57</v>
      </c>
    </row>
    <row r="40055" spans="1:43">
      <c r="A40055" t="s">
        <v>24811</v>
      </c>
      <c r="B40055" t="s">
        <v>24812</v>
      </c>
      <c r="C40055" t="s">
        <v>8962</v>
      </c>
      <c r="D40055" t="s">
        <v>8963</v>
      </c>
      <c r="E40055" t="s">
        <v>8938</v>
      </c>
      <c r="F40055" t="s">
        <v>8939</v>
      </c>
      <c r="G40055" t="s">
        <v>80</v>
      </c>
      <c r="H40055" t="s">
        <v>81</v>
      </c>
      <c r="I40055" s="2">
        <v>0</v>
      </c>
      <c r="J40055" s="2">
        <v>1</v>
      </c>
      <c r="K40055" s="2">
        <v>0</v>
      </c>
      <c r="L40055" t="s">
        <v>82</v>
      </c>
      <c r="M40055" t="s">
        <v>87</v>
      </c>
      <c r="N40055" t="s">
        <v>88</v>
      </c>
      <c r="O40055" t="s">
        <v>85</v>
      </c>
      <c r="P40055" t="s">
        <v>86</v>
      </c>
      <c r="Q40055">
        <v>44</v>
      </c>
      <c r="R40055">
        <v>44</v>
      </c>
      <c r="S40055">
        <v>44</v>
      </c>
      <c r="T40055">
        <v>44</v>
      </c>
      <c r="U40055">
        <v>45</v>
      </c>
      <c r="V40055">
        <v>45</v>
      </c>
      <c r="W40055">
        <v>45</v>
      </c>
      <c r="X40055">
        <v>45</v>
      </c>
      <c r="Y40055">
        <v>46</v>
      </c>
      <c r="Z40055">
        <v>46</v>
      </c>
      <c r="AA40055">
        <v>46</v>
      </c>
      <c r="AB40055">
        <v>46</v>
      </c>
      <c r="AC40055">
        <v>46</v>
      </c>
      <c r="AD40055">
        <v>47</v>
      </c>
      <c r="AE40055">
        <v>47</v>
      </c>
      <c r="AF40055">
        <v>47</v>
      </c>
      <c r="AG40055">
        <v>47</v>
      </c>
      <c r="AH40055">
        <v>48</v>
      </c>
      <c r="AI40055">
        <v>48</v>
      </c>
      <c r="AJ40055">
        <v>48</v>
      </c>
      <c r="AK40055">
        <v>48</v>
      </c>
      <c r="AL40055">
        <v>49</v>
      </c>
      <c r="AM40055">
        <v>49</v>
      </c>
      <c r="AN40055">
        <v>49</v>
      </c>
      <c r="AO40055">
        <v>49</v>
      </c>
      <c r="AP40055">
        <v>50</v>
      </c>
      <c r="AQ40055">
        <v>50</v>
      </c>
    </row>
    <row r="40056" spans="1:43">
      <c r="A40056" t="s">
        <v>24811</v>
      </c>
      <c r="B40056" t="s">
        <v>24812</v>
      </c>
      <c r="C40056" t="s">
        <v>8962</v>
      </c>
      <c r="D40056" t="s">
        <v>8963</v>
      </c>
      <c r="E40056" t="s">
        <v>8938</v>
      </c>
      <c r="F40056" t="s">
        <v>8939</v>
      </c>
      <c r="G40056" t="s">
        <v>80</v>
      </c>
      <c r="H40056" t="s">
        <v>81</v>
      </c>
      <c r="I40056" s="2">
        <v>0</v>
      </c>
      <c r="J40056" s="2">
        <v>1</v>
      </c>
      <c r="K40056" s="2">
        <v>0</v>
      </c>
      <c r="L40056" t="s">
        <v>82</v>
      </c>
      <c r="M40056" t="s">
        <v>89</v>
      </c>
      <c r="N40056" t="s">
        <v>90</v>
      </c>
      <c r="O40056" t="s">
        <v>85</v>
      </c>
      <c r="P40056" t="s">
        <v>86</v>
      </c>
      <c r="Q40056">
        <v>44</v>
      </c>
      <c r="R40056">
        <v>45</v>
      </c>
      <c r="S40056">
        <v>46</v>
      </c>
      <c r="T40056">
        <v>47</v>
      </c>
      <c r="U40056">
        <v>48</v>
      </c>
      <c r="V40056">
        <v>48</v>
      </c>
      <c r="W40056">
        <v>49</v>
      </c>
      <c r="X40056">
        <v>50</v>
      </c>
      <c r="Y40056">
        <v>51</v>
      </c>
      <c r="Z40056">
        <v>52</v>
      </c>
      <c r="AA40056">
        <v>53</v>
      </c>
      <c r="AB40056">
        <v>54</v>
      </c>
      <c r="AC40056">
        <v>54</v>
      </c>
      <c r="AD40056">
        <v>55</v>
      </c>
      <c r="AE40056">
        <v>56</v>
      </c>
      <c r="AF40056">
        <v>56</v>
      </c>
      <c r="AG40056">
        <v>56</v>
      </c>
      <c r="AH40056">
        <v>56</v>
      </c>
      <c r="AI40056">
        <v>56</v>
      </c>
      <c r="AJ40056">
        <v>56</v>
      </c>
      <c r="AK40056">
        <v>56</v>
      </c>
      <c r="AL40056">
        <v>56</v>
      </c>
      <c r="AM40056">
        <v>57</v>
      </c>
      <c r="AN40056">
        <v>57</v>
      </c>
      <c r="AO40056">
        <v>57</v>
      </c>
      <c r="AP40056">
        <v>57</v>
      </c>
      <c r="AQ40056">
        <v>57</v>
      </c>
    </row>
    <row r="40057" spans="1:43">
      <c r="A40057" t="s">
        <v>24811</v>
      </c>
      <c r="B40057" t="s">
        <v>24812</v>
      </c>
      <c r="C40057" t="s">
        <v>8962</v>
      </c>
      <c r="D40057" t="s">
        <v>8963</v>
      </c>
      <c r="E40057" t="s">
        <v>8938</v>
      </c>
      <c r="F40057" t="s">
        <v>8939</v>
      </c>
      <c r="G40057" t="s">
        <v>80</v>
      </c>
      <c r="H40057" t="s">
        <v>81</v>
      </c>
      <c r="I40057" s="2">
        <v>0</v>
      </c>
      <c r="J40057" s="2">
        <v>1</v>
      </c>
      <c r="K40057" s="2">
        <v>0</v>
      </c>
      <c r="L40057" t="s">
        <v>82</v>
      </c>
      <c r="M40057" t="s">
        <v>83</v>
      </c>
      <c r="N40057" t="s">
        <v>91</v>
      </c>
      <c r="O40057" t="s">
        <v>85</v>
      </c>
      <c r="P40057" t="s">
        <v>86</v>
      </c>
      <c r="Q40057">
        <v>44</v>
      </c>
      <c r="R40057">
        <v>45</v>
      </c>
      <c r="S40057">
        <v>45</v>
      </c>
      <c r="T40057">
        <v>46</v>
      </c>
      <c r="U40057">
        <v>47</v>
      </c>
      <c r="V40057">
        <v>47</v>
      </c>
      <c r="W40057">
        <v>48</v>
      </c>
      <c r="X40057">
        <v>49</v>
      </c>
      <c r="Y40057">
        <v>49</v>
      </c>
      <c r="Z40057">
        <v>50</v>
      </c>
      <c r="AA40057">
        <v>51</v>
      </c>
      <c r="AB40057">
        <v>51</v>
      </c>
      <c r="AC40057">
        <v>52</v>
      </c>
      <c r="AD40057">
        <v>52</v>
      </c>
      <c r="AE40057">
        <v>53</v>
      </c>
      <c r="AF40057">
        <v>54</v>
      </c>
      <c r="AG40057">
        <v>54</v>
      </c>
      <c r="AH40057">
        <v>55</v>
      </c>
      <c r="AI40057">
        <v>55</v>
      </c>
      <c r="AJ40057">
        <v>56</v>
      </c>
      <c r="AK40057">
        <v>57</v>
      </c>
      <c r="AL40057">
        <v>57</v>
      </c>
      <c r="AM40057">
        <v>57</v>
      </c>
      <c r="AN40057">
        <v>57</v>
      </c>
      <c r="AO40057">
        <v>57</v>
      </c>
      <c r="AP40057">
        <v>57</v>
      </c>
      <c r="AQ40057">
        <v>57</v>
      </c>
    </row>
    <row r="40058" spans="1:43">
      <c r="A40058" t="s">
        <v>24813</v>
      </c>
      <c r="B40058" t="s">
        <v>24814</v>
      </c>
      <c r="C40058" t="s">
        <v>4174</v>
      </c>
      <c r="D40058" t="s">
        <v>4175</v>
      </c>
      <c r="E40058" t="s">
        <v>3968</v>
      </c>
      <c r="F40058" t="s">
        <v>3969</v>
      </c>
      <c r="G40058" t="s">
        <v>80</v>
      </c>
      <c r="H40058" t="s">
        <v>81</v>
      </c>
      <c r="I40058" s="2">
        <v>0</v>
      </c>
      <c r="J40058" s="2">
        <v>1</v>
      </c>
      <c r="K40058" s="2">
        <v>0</v>
      </c>
      <c r="L40058" t="s">
        <v>82</v>
      </c>
      <c r="M40058" t="s">
        <v>83</v>
      </c>
      <c r="N40058" t="s">
        <v>84</v>
      </c>
      <c r="O40058" t="s">
        <v>85</v>
      </c>
      <c r="P40058" t="s">
        <v>86</v>
      </c>
      <c r="Q40058">
        <v>82</v>
      </c>
      <c r="R40058">
        <v>83</v>
      </c>
      <c r="S40058">
        <v>84</v>
      </c>
      <c r="T40058">
        <v>84</v>
      </c>
      <c r="U40058">
        <v>85</v>
      </c>
      <c r="V40058">
        <v>86</v>
      </c>
      <c r="W40058">
        <v>87</v>
      </c>
      <c r="X40058">
        <v>87</v>
      </c>
      <c r="Y40058">
        <v>88</v>
      </c>
      <c r="Z40058">
        <v>89</v>
      </c>
      <c r="AA40058">
        <v>90</v>
      </c>
      <c r="AB40058">
        <v>90</v>
      </c>
      <c r="AC40058">
        <v>91</v>
      </c>
      <c r="AD40058">
        <v>91</v>
      </c>
      <c r="AE40058">
        <v>92</v>
      </c>
      <c r="AF40058">
        <v>93</v>
      </c>
      <c r="AG40058">
        <v>93</v>
      </c>
      <c r="AH40058">
        <v>94</v>
      </c>
      <c r="AI40058">
        <v>94</v>
      </c>
      <c r="AJ40058">
        <v>95</v>
      </c>
      <c r="AK40058">
        <v>95</v>
      </c>
      <c r="AL40058">
        <v>95</v>
      </c>
      <c r="AM40058">
        <v>95</v>
      </c>
      <c r="AN40058">
        <v>94</v>
      </c>
      <c r="AO40058">
        <v>94</v>
      </c>
      <c r="AP40058">
        <v>93</v>
      </c>
      <c r="AQ40058">
        <v>93</v>
      </c>
    </row>
    <row r="40059" spans="1:43">
      <c r="A40059" t="s">
        <v>24813</v>
      </c>
      <c r="B40059" t="s">
        <v>24814</v>
      </c>
      <c r="C40059" t="s">
        <v>4174</v>
      </c>
      <c r="D40059" t="s">
        <v>4175</v>
      </c>
      <c r="E40059" t="s">
        <v>3968</v>
      </c>
      <c r="F40059" t="s">
        <v>3969</v>
      </c>
      <c r="G40059" t="s">
        <v>80</v>
      </c>
      <c r="H40059" t="s">
        <v>81</v>
      </c>
      <c r="I40059" s="2">
        <v>0</v>
      </c>
      <c r="J40059" s="2">
        <v>1</v>
      </c>
      <c r="K40059" s="2">
        <v>0</v>
      </c>
      <c r="L40059" t="s">
        <v>82</v>
      </c>
      <c r="M40059" t="s">
        <v>87</v>
      </c>
      <c r="N40059" t="s">
        <v>88</v>
      </c>
      <c r="O40059" t="s">
        <v>85</v>
      </c>
      <c r="P40059" t="s">
        <v>86</v>
      </c>
      <c r="Q40059">
        <v>82</v>
      </c>
      <c r="R40059">
        <v>82</v>
      </c>
      <c r="S40059">
        <v>82</v>
      </c>
      <c r="T40059">
        <v>82</v>
      </c>
      <c r="U40059">
        <v>82</v>
      </c>
      <c r="V40059">
        <v>82</v>
      </c>
      <c r="W40059">
        <v>82</v>
      </c>
      <c r="X40059">
        <v>83</v>
      </c>
      <c r="Y40059">
        <v>83</v>
      </c>
      <c r="Z40059">
        <v>83</v>
      </c>
      <c r="AA40059">
        <v>83</v>
      </c>
      <c r="AB40059">
        <v>83</v>
      </c>
      <c r="AC40059">
        <v>83</v>
      </c>
      <c r="AD40059">
        <v>82</v>
      </c>
      <c r="AE40059">
        <v>82</v>
      </c>
      <c r="AF40059">
        <v>82</v>
      </c>
      <c r="AG40059">
        <v>82</v>
      </c>
      <c r="AH40059">
        <v>82</v>
      </c>
      <c r="AI40059">
        <v>82</v>
      </c>
      <c r="AJ40059">
        <v>82</v>
      </c>
      <c r="AK40059">
        <v>82</v>
      </c>
      <c r="AL40059">
        <v>82</v>
      </c>
      <c r="AM40059">
        <v>82</v>
      </c>
      <c r="AN40059">
        <v>81</v>
      </c>
      <c r="AO40059">
        <v>81</v>
      </c>
      <c r="AP40059">
        <v>81</v>
      </c>
      <c r="AQ40059">
        <v>81</v>
      </c>
    </row>
    <row r="40060" spans="1:43">
      <c r="A40060" t="s">
        <v>24813</v>
      </c>
      <c r="B40060" t="s">
        <v>24814</v>
      </c>
      <c r="C40060" t="s">
        <v>4174</v>
      </c>
      <c r="D40060" t="s">
        <v>4175</v>
      </c>
      <c r="E40060" t="s">
        <v>3968</v>
      </c>
      <c r="F40060" t="s">
        <v>3969</v>
      </c>
      <c r="G40060" t="s">
        <v>80</v>
      </c>
      <c r="H40060" t="s">
        <v>81</v>
      </c>
      <c r="I40060" s="2">
        <v>0</v>
      </c>
      <c r="J40060" s="2">
        <v>1</v>
      </c>
      <c r="K40060" s="2">
        <v>0</v>
      </c>
      <c r="L40060" t="s">
        <v>82</v>
      </c>
      <c r="M40060" t="s">
        <v>89</v>
      </c>
      <c r="N40060" t="s">
        <v>90</v>
      </c>
      <c r="O40060" t="s">
        <v>85</v>
      </c>
      <c r="P40060" t="s">
        <v>86</v>
      </c>
      <c r="Q40060">
        <v>82</v>
      </c>
      <c r="R40060">
        <v>83</v>
      </c>
      <c r="S40060">
        <v>85</v>
      </c>
      <c r="T40060">
        <v>86</v>
      </c>
      <c r="U40060">
        <v>88</v>
      </c>
      <c r="V40060">
        <v>89</v>
      </c>
      <c r="W40060">
        <v>90</v>
      </c>
      <c r="X40060">
        <v>91</v>
      </c>
      <c r="Y40060">
        <v>92</v>
      </c>
      <c r="Z40060">
        <v>94</v>
      </c>
      <c r="AA40060">
        <v>95</v>
      </c>
      <c r="AB40060">
        <v>95</v>
      </c>
      <c r="AC40060">
        <v>97</v>
      </c>
      <c r="AD40060">
        <v>97</v>
      </c>
      <c r="AE40060">
        <v>98</v>
      </c>
      <c r="AF40060">
        <v>97</v>
      </c>
      <c r="AG40060">
        <v>97</v>
      </c>
      <c r="AH40060">
        <v>97</v>
      </c>
      <c r="AI40060">
        <v>96</v>
      </c>
      <c r="AJ40060">
        <v>96</v>
      </c>
      <c r="AK40060">
        <v>95</v>
      </c>
      <c r="AL40060">
        <v>95</v>
      </c>
      <c r="AM40060">
        <v>94</v>
      </c>
      <c r="AN40060">
        <v>94</v>
      </c>
      <c r="AO40060">
        <v>93</v>
      </c>
      <c r="AP40060">
        <v>93</v>
      </c>
      <c r="AQ40060">
        <v>92</v>
      </c>
    </row>
    <row r="40061" spans="1:43">
      <c r="A40061" t="s">
        <v>24813</v>
      </c>
      <c r="B40061" t="s">
        <v>24814</v>
      </c>
      <c r="C40061" t="s">
        <v>4174</v>
      </c>
      <c r="D40061" t="s">
        <v>4175</v>
      </c>
      <c r="E40061" t="s">
        <v>3968</v>
      </c>
      <c r="F40061" t="s">
        <v>3969</v>
      </c>
      <c r="G40061" t="s">
        <v>80</v>
      </c>
      <c r="H40061" t="s">
        <v>81</v>
      </c>
      <c r="I40061" s="2">
        <v>0</v>
      </c>
      <c r="J40061" s="2">
        <v>1</v>
      </c>
      <c r="K40061" s="2">
        <v>0</v>
      </c>
      <c r="L40061" t="s">
        <v>82</v>
      </c>
      <c r="M40061" t="s">
        <v>83</v>
      </c>
      <c r="N40061" t="s">
        <v>91</v>
      </c>
      <c r="O40061" t="s">
        <v>85</v>
      </c>
      <c r="P40061" t="s">
        <v>86</v>
      </c>
      <c r="Q40061">
        <v>82</v>
      </c>
      <c r="R40061">
        <v>83</v>
      </c>
      <c r="S40061">
        <v>84</v>
      </c>
      <c r="T40061">
        <v>84</v>
      </c>
      <c r="U40061">
        <v>85</v>
      </c>
      <c r="V40061">
        <v>86</v>
      </c>
      <c r="W40061">
        <v>87</v>
      </c>
      <c r="X40061">
        <v>87</v>
      </c>
      <c r="Y40061">
        <v>88</v>
      </c>
      <c r="Z40061">
        <v>89</v>
      </c>
      <c r="AA40061">
        <v>90</v>
      </c>
      <c r="AB40061">
        <v>90</v>
      </c>
      <c r="AC40061">
        <v>91</v>
      </c>
      <c r="AD40061">
        <v>91</v>
      </c>
      <c r="AE40061">
        <v>92</v>
      </c>
      <c r="AF40061">
        <v>93</v>
      </c>
      <c r="AG40061">
        <v>93</v>
      </c>
      <c r="AH40061">
        <v>94</v>
      </c>
      <c r="AI40061">
        <v>94</v>
      </c>
      <c r="AJ40061">
        <v>95</v>
      </c>
      <c r="AK40061">
        <v>95</v>
      </c>
      <c r="AL40061">
        <v>95</v>
      </c>
      <c r="AM40061">
        <v>95</v>
      </c>
      <c r="AN40061">
        <v>94</v>
      </c>
      <c r="AO40061">
        <v>94</v>
      </c>
      <c r="AP40061">
        <v>93</v>
      </c>
      <c r="AQ40061">
        <v>93</v>
      </c>
    </row>
    <row r="40062" spans="1:43">
      <c r="A40062" t="s">
        <v>24815</v>
      </c>
      <c r="B40062" t="s">
        <v>24816</v>
      </c>
      <c r="C40062" t="s">
        <v>4174</v>
      </c>
      <c r="D40062" t="s">
        <v>4175</v>
      </c>
      <c r="E40062" t="s">
        <v>3968</v>
      </c>
      <c r="F40062" t="s">
        <v>3969</v>
      </c>
      <c r="G40062" t="s">
        <v>80</v>
      </c>
      <c r="H40062" t="s">
        <v>81</v>
      </c>
      <c r="I40062" s="2">
        <v>0</v>
      </c>
      <c r="J40062" s="2">
        <v>1</v>
      </c>
      <c r="K40062" s="2">
        <v>0</v>
      </c>
      <c r="L40062" t="s">
        <v>82</v>
      </c>
      <c r="M40062" t="s">
        <v>83</v>
      </c>
      <c r="N40062" t="s">
        <v>84</v>
      </c>
      <c r="O40062" t="s">
        <v>85</v>
      </c>
      <c r="P40062" t="s">
        <v>86</v>
      </c>
      <c r="Q40062">
        <v>0</v>
      </c>
      <c r="R40062">
        <v>0</v>
      </c>
      <c r="S40062">
        <v>0</v>
      </c>
      <c r="T40062">
        <v>0</v>
      </c>
      <c r="U40062">
        <v>0</v>
      </c>
      <c r="V40062">
        <v>0</v>
      </c>
      <c r="W40062">
        <v>0</v>
      </c>
      <c r="X40062">
        <v>0</v>
      </c>
      <c r="Y40062">
        <v>0</v>
      </c>
      <c r="Z40062">
        <v>0</v>
      </c>
      <c r="AA40062">
        <v>0</v>
      </c>
      <c r="AB40062">
        <v>0</v>
      </c>
      <c r="AC40062">
        <v>0</v>
      </c>
      <c r="AD40062">
        <v>0</v>
      </c>
      <c r="AE40062">
        <v>0</v>
      </c>
      <c r="AF40062">
        <v>0</v>
      </c>
      <c r="AG40062">
        <v>0</v>
      </c>
      <c r="AH40062">
        <v>0</v>
      </c>
      <c r="AI40062">
        <v>0</v>
      </c>
      <c r="AJ40062">
        <v>0</v>
      </c>
      <c r="AK40062">
        <v>0</v>
      </c>
      <c r="AL40062">
        <v>0</v>
      </c>
      <c r="AM40062">
        <v>0</v>
      </c>
      <c r="AN40062">
        <v>0</v>
      </c>
      <c r="AO40062">
        <v>0</v>
      </c>
      <c r="AP40062">
        <v>0</v>
      </c>
      <c r="AQ40062">
        <v>0</v>
      </c>
    </row>
    <row r="40063" spans="1:43">
      <c r="A40063" t="s">
        <v>24815</v>
      </c>
      <c r="B40063" t="s">
        <v>24816</v>
      </c>
      <c r="C40063" t="s">
        <v>4174</v>
      </c>
      <c r="D40063" t="s">
        <v>4175</v>
      </c>
      <c r="E40063" t="s">
        <v>3968</v>
      </c>
      <c r="F40063" t="s">
        <v>3969</v>
      </c>
      <c r="G40063" t="s">
        <v>80</v>
      </c>
      <c r="H40063" t="s">
        <v>81</v>
      </c>
      <c r="I40063" s="2">
        <v>0</v>
      </c>
      <c r="J40063" s="2">
        <v>1</v>
      </c>
      <c r="K40063" s="2">
        <v>0</v>
      </c>
      <c r="L40063" t="s">
        <v>82</v>
      </c>
      <c r="M40063" t="s">
        <v>87</v>
      </c>
      <c r="N40063" t="s">
        <v>88</v>
      </c>
      <c r="O40063" t="s">
        <v>85</v>
      </c>
      <c r="P40063" t="s">
        <v>86</v>
      </c>
      <c r="Q40063">
        <v>0</v>
      </c>
      <c r="R40063">
        <v>0</v>
      </c>
      <c r="S40063">
        <v>0</v>
      </c>
      <c r="T40063">
        <v>0</v>
      </c>
      <c r="U40063">
        <v>0</v>
      </c>
      <c r="V40063">
        <v>0</v>
      </c>
      <c r="W40063">
        <v>0</v>
      </c>
      <c r="X40063">
        <v>0</v>
      </c>
      <c r="Y40063">
        <v>0</v>
      </c>
      <c r="Z40063">
        <v>0</v>
      </c>
      <c r="AA40063">
        <v>0</v>
      </c>
      <c r="AB40063">
        <v>0</v>
      </c>
      <c r="AC40063">
        <v>0</v>
      </c>
      <c r="AD40063">
        <v>0</v>
      </c>
      <c r="AE40063">
        <v>0</v>
      </c>
      <c r="AF40063">
        <v>0</v>
      </c>
      <c r="AG40063">
        <v>0</v>
      </c>
      <c r="AH40063">
        <v>0</v>
      </c>
      <c r="AI40063">
        <v>0</v>
      </c>
      <c r="AJ40063">
        <v>0</v>
      </c>
      <c r="AK40063">
        <v>0</v>
      </c>
      <c r="AL40063">
        <v>0</v>
      </c>
      <c r="AM40063">
        <v>0</v>
      </c>
      <c r="AN40063">
        <v>0</v>
      </c>
      <c r="AO40063">
        <v>0</v>
      </c>
      <c r="AP40063">
        <v>0</v>
      </c>
      <c r="AQ40063">
        <v>0</v>
      </c>
    </row>
    <row r="40064" spans="1:43">
      <c r="A40064" t="s">
        <v>24815</v>
      </c>
      <c r="B40064" t="s">
        <v>24816</v>
      </c>
      <c r="C40064" t="s">
        <v>4174</v>
      </c>
      <c r="D40064" t="s">
        <v>4175</v>
      </c>
      <c r="E40064" t="s">
        <v>3968</v>
      </c>
      <c r="F40064" t="s">
        <v>3969</v>
      </c>
      <c r="G40064" t="s">
        <v>80</v>
      </c>
      <c r="H40064" t="s">
        <v>81</v>
      </c>
      <c r="I40064" s="2">
        <v>0</v>
      </c>
      <c r="J40064" s="2">
        <v>1</v>
      </c>
      <c r="K40064" s="2">
        <v>0</v>
      </c>
      <c r="L40064" t="s">
        <v>82</v>
      </c>
      <c r="M40064" t="s">
        <v>89</v>
      </c>
      <c r="N40064" t="s">
        <v>90</v>
      </c>
      <c r="O40064" t="s">
        <v>85</v>
      </c>
      <c r="P40064" t="s">
        <v>86</v>
      </c>
      <c r="Q40064">
        <v>0</v>
      </c>
      <c r="R40064">
        <v>0</v>
      </c>
      <c r="S40064">
        <v>0</v>
      </c>
      <c r="T40064">
        <v>0</v>
      </c>
      <c r="U40064">
        <v>0</v>
      </c>
      <c r="V40064">
        <v>0</v>
      </c>
      <c r="W40064">
        <v>0</v>
      </c>
      <c r="X40064">
        <v>0</v>
      </c>
      <c r="Y40064">
        <v>0</v>
      </c>
      <c r="Z40064">
        <v>0</v>
      </c>
      <c r="AA40064">
        <v>0</v>
      </c>
      <c r="AB40064">
        <v>0</v>
      </c>
      <c r="AC40064">
        <v>0</v>
      </c>
      <c r="AD40064">
        <v>0</v>
      </c>
      <c r="AE40064">
        <v>0</v>
      </c>
      <c r="AF40064">
        <v>0</v>
      </c>
      <c r="AG40064">
        <v>0</v>
      </c>
      <c r="AH40064">
        <v>0</v>
      </c>
      <c r="AI40064">
        <v>0</v>
      </c>
      <c r="AJ40064">
        <v>0</v>
      </c>
      <c r="AK40064">
        <v>0</v>
      </c>
      <c r="AL40064">
        <v>0</v>
      </c>
      <c r="AM40064">
        <v>0</v>
      </c>
      <c r="AN40064">
        <v>0</v>
      </c>
      <c r="AO40064">
        <v>0</v>
      </c>
      <c r="AP40064">
        <v>0</v>
      </c>
      <c r="AQ40064">
        <v>0</v>
      </c>
    </row>
    <row r="40065" spans="1:43">
      <c r="A40065" t="s">
        <v>24815</v>
      </c>
      <c r="B40065" t="s">
        <v>24816</v>
      </c>
      <c r="C40065" t="s">
        <v>4174</v>
      </c>
      <c r="D40065" t="s">
        <v>4175</v>
      </c>
      <c r="E40065" t="s">
        <v>3968</v>
      </c>
      <c r="F40065" t="s">
        <v>3969</v>
      </c>
      <c r="G40065" t="s">
        <v>80</v>
      </c>
      <c r="H40065" t="s">
        <v>81</v>
      </c>
      <c r="I40065" s="2">
        <v>0</v>
      </c>
      <c r="J40065" s="2">
        <v>1</v>
      </c>
      <c r="K40065" s="2">
        <v>0</v>
      </c>
      <c r="L40065" t="s">
        <v>82</v>
      </c>
      <c r="M40065" t="s">
        <v>83</v>
      </c>
      <c r="N40065" t="s">
        <v>91</v>
      </c>
      <c r="O40065" t="s">
        <v>85</v>
      </c>
      <c r="P40065" t="s">
        <v>86</v>
      </c>
      <c r="Q40065">
        <v>0</v>
      </c>
      <c r="R40065">
        <v>0</v>
      </c>
      <c r="S40065">
        <v>0</v>
      </c>
      <c r="T40065">
        <v>0</v>
      </c>
      <c r="U40065">
        <v>0</v>
      </c>
      <c r="V40065">
        <v>0</v>
      </c>
      <c r="W40065">
        <v>0</v>
      </c>
      <c r="X40065">
        <v>0</v>
      </c>
      <c r="Y40065">
        <v>0</v>
      </c>
      <c r="Z40065">
        <v>0</v>
      </c>
      <c r="AA40065">
        <v>0</v>
      </c>
      <c r="AB40065">
        <v>0</v>
      </c>
      <c r="AC40065">
        <v>0</v>
      </c>
      <c r="AD40065">
        <v>0</v>
      </c>
      <c r="AE40065">
        <v>0</v>
      </c>
      <c r="AF40065">
        <v>0</v>
      </c>
      <c r="AG40065">
        <v>0</v>
      </c>
      <c r="AH40065">
        <v>0</v>
      </c>
      <c r="AI40065">
        <v>0</v>
      </c>
      <c r="AJ40065">
        <v>0</v>
      </c>
      <c r="AK40065">
        <v>0</v>
      </c>
      <c r="AL40065">
        <v>0</v>
      </c>
      <c r="AM40065">
        <v>0</v>
      </c>
      <c r="AN40065">
        <v>0</v>
      </c>
      <c r="AO40065">
        <v>0</v>
      </c>
      <c r="AP40065">
        <v>0</v>
      </c>
      <c r="AQ40065">
        <v>0</v>
      </c>
    </row>
    <row r="40066" spans="1:43">
      <c r="A40066" t="s">
        <v>24817</v>
      </c>
      <c r="B40066" t="s">
        <v>24818</v>
      </c>
      <c r="C40066" t="s">
        <v>4174</v>
      </c>
      <c r="D40066" t="s">
        <v>4175</v>
      </c>
      <c r="E40066" t="s">
        <v>3968</v>
      </c>
      <c r="F40066" t="s">
        <v>3969</v>
      </c>
      <c r="G40066" t="s">
        <v>80</v>
      </c>
      <c r="H40066" t="s">
        <v>81</v>
      </c>
      <c r="I40066" s="2">
        <v>0</v>
      </c>
      <c r="J40066" s="2">
        <v>1</v>
      </c>
      <c r="K40066" s="2">
        <v>0</v>
      </c>
      <c r="L40066" t="s">
        <v>82</v>
      </c>
      <c r="M40066" t="s">
        <v>83</v>
      </c>
      <c r="N40066" t="s">
        <v>84</v>
      </c>
      <c r="O40066" t="s">
        <v>85</v>
      </c>
      <c r="P40066" t="s">
        <v>86</v>
      </c>
      <c r="Q40066">
        <v>11</v>
      </c>
      <c r="R40066">
        <v>11</v>
      </c>
      <c r="S40066">
        <v>11</v>
      </c>
      <c r="T40066">
        <v>11</v>
      </c>
      <c r="U40066">
        <v>11</v>
      </c>
      <c r="V40066">
        <v>11</v>
      </c>
      <c r="W40066">
        <v>11</v>
      </c>
      <c r="X40066">
        <v>12</v>
      </c>
      <c r="Y40066">
        <v>12</v>
      </c>
      <c r="Z40066">
        <v>12</v>
      </c>
      <c r="AA40066">
        <v>12</v>
      </c>
      <c r="AB40066">
        <v>12</v>
      </c>
      <c r="AC40066">
        <v>12</v>
      </c>
      <c r="AD40066">
        <v>12</v>
      </c>
      <c r="AE40066">
        <v>12</v>
      </c>
      <c r="AF40066">
        <v>12</v>
      </c>
      <c r="AG40066">
        <v>13</v>
      </c>
      <c r="AH40066">
        <v>13</v>
      </c>
      <c r="AI40066">
        <v>13</v>
      </c>
      <c r="AJ40066">
        <v>13</v>
      </c>
      <c r="AK40066">
        <v>13</v>
      </c>
      <c r="AL40066">
        <v>13</v>
      </c>
      <c r="AM40066">
        <v>13</v>
      </c>
      <c r="AN40066">
        <v>13</v>
      </c>
      <c r="AO40066">
        <v>13</v>
      </c>
      <c r="AP40066">
        <v>13</v>
      </c>
      <c r="AQ40066">
        <v>13</v>
      </c>
    </row>
    <row r="40067" spans="1:43">
      <c r="A40067" t="s">
        <v>24817</v>
      </c>
      <c r="B40067" t="s">
        <v>24818</v>
      </c>
      <c r="C40067" t="s">
        <v>4174</v>
      </c>
      <c r="D40067" t="s">
        <v>4175</v>
      </c>
      <c r="E40067" t="s">
        <v>3968</v>
      </c>
      <c r="F40067" t="s">
        <v>3969</v>
      </c>
      <c r="G40067" t="s">
        <v>80</v>
      </c>
      <c r="H40067" t="s">
        <v>81</v>
      </c>
      <c r="I40067" s="2">
        <v>0</v>
      </c>
      <c r="J40067" s="2">
        <v>1</v>
      </c>
      <c r="K40067" s="2">
        <v>0</v>
      </c>
      <c r="L40067" t="s">
        <v>82</v>
      </c>
      <c r="M40067" t="s">
        <v>87</v>
      </c>
      <c r="N40067" t="s">
        <v>88</v>
      </c>
      <c r="O40067" t="s">
        <v>85</v>
      </c>
      <c r="P40067" t="s">
        <v>86</v>
      </c>
      <c r="Q40067">
        <v>11</v>
      </c>
      <c r="R40067">
        <v>11</v>
      </c>
      <c r="S40067">
        <v>11</v>
      </c>
      <c r="T40067">
        <v>11</v>
      </c>
      <c r="U40067">
        <v>11</v>
      </c>
      <c r="V40067">
        <v>11</v>
      </c>
      <c r="W40067">
        <v>11</v>
      </c>
      <c r="X40067">
        <v>11</v>
      </c>
      <c r="Y40067">
        <v>11</v>
      </c>
      <c r="Z40067">
        <v>11</v>
      </c>
      <c r="AA40067">
        <v>11</v>
      </c>
      <c r="AB40067">
        <v>11</v>
      </c>
      <c r="AC40067">
        <v>11</v>
      </c>
      <c r="AD40067">
        <v>11</v>
      </c>
      <c r="AE40067">
        <v>11</v>
      </c>
      <c r="AF40067">
        <v>11</v>
      </c>
      <c r="AG40067">
        <v>11</v>
      </c>
      <c r="AH40067">
        <v>11</v>
      </c>
      <c r="AI40067">
        <v>11</v>
      </c>
      <c r="AJ40067">
        <v>11</v>
      </c>
      <c r="AK40067">
        <v>11</v>
      </c>
      <c r="AL40067">
        <v>11</v>
      </c>
      <c r="AM40067">
        <v>11</v>
      </c>
      <c r="AN40067">
        <v>11</v>
      </c>
      <c r="AO40067">
        <v>11</v>
      </c>
      <c r="AP40067">
        <v>11</v>
      </c>
      <c r="AQ40067">
        <v>11</v>
      </c>
    </row>
    <row r="40068" spans="1:43">
      <c r="A40068" t="s">
        <v>24817</v>
      </c>
      <c r="B40068" t="s">
        <v>24818</v>
      </c>
      <c r="C40068" t="s">
        <v>4174</v>
      </c>
      <c r="D40068" t="s">
        <v>4175</v>
      </c>
      <c r="E40068" t="s">
        <v>3968</v>
      </c>
      <c r="F40068" t="s">
        <v>3969</v>
      </c>
      <c r="G40068" t="s">
        <v>80</v>
      </c>
      <c r="H40068" t="s">
        <v>81</v>
      </c>
      <c r="I40068" s="2">
        <v>0</v>
      </c>
      <c r="J40068" s="2">
        <v>1</v>
      </c>
      <c r="K40068" s="2">
        <v>0</v>
      </c>
      <c r="L40068" t="s">
        <v>82</v>
      </c>
      <c r="M40068" t="s">
        <v>89</v>
      </c>
      <c r="N40068" t="s">
        <v>90</v>
      </c>
      <c r="O40068" t="s">
        <v>85</v>
      </c>
      <c r="P40068" t="s">
        <v>86</v>
      </c>
      <c r="Q40068">
        <v>11</v>
      </c>
      <c r="R40068">
        <v>11</v>
      </c>
      <c r="S40068">
        <v>11</v>
      </c>
      <c r="T40068">
        <v>11</v>
      </c>
      <c r="U40068">
        <v>12</v>
      </c>
      <c r="V40068">
        <v>12</v>
      </c>
      <c r="W40068">
        <v>12</v>
      </c>
      <c r="X40068">
        <v>12</v>
      </c>
      <c r="Y40068">
        <v>12</v>
      </c>
      <c r="Z40068">
        <v>13</v>
      </c>
      <c r="AA40068">
        <v>13</v>
      </c>
      <c r="AB40068">
        <v>13</v>
      </c>
      <c r="AC40068">
        <v>13</v>
      </c>
      <c r="AD40068">
        <v>13</v>
      </c>
      <c r="AE40068">
        <v>13</v>
      </c>
      <c r="AF40068">
        <v>13</v>
      </c>
      <c r="AG40068">
        <v>13</v>
      </c>
      <c r="AH40068">
        <v>13</v>
      </c>
      <c r="AI40068">
        <v>13</v>
      </c>
      <c r="AJ40068">
        <v>13</v>
      </c>
      <c r="AK40068">
        <v>13</v>
      </c>
      <c r="AL40068">
        <v>13</v>
      </c>
      <c r="AM40068">
        <v>13</v>
      </c>
      <c r="AN40068">
        <v>13</v>
      </c>
      <c r="AO40068">
        <v>13</v>
      </c>
      <c r="AP40068">
        <v>13</v>
      </c>
      <c r="AQ40068">
        <v>13</v>
      </c>
    </row>
    <row r="40069" spans="1:43">
      <c r="A40069" t="s">
        <v>24817</v>
      </c>
      <c r="B40069" t="s">
        <v>24818</v>
      </c>
      <c r="C40069" t="s">
        <v>4174</v>
      </c>
      <c r="D40069" t="s">
        <v>4175</v>
      </c>
      <c r="E40069" t="s">
        <v>3968</v>
      </c>
      <c r="F40069" t="s">
        <v>3969</v>
      </c>
      <c r="G40069" t="s">
        <v>80</v>
      </c>
      <c r="H40069" t="s">
        <v>81</v>
      </c>
      <c r="I40069" s="2">
        <v>0</v>
      </c>
      <c r="J40069" s="2">
        <v>1</v>
      </c>
      <c r="K40069" s="2">
        <v>0</v>
      </c>
      <c r="L40069" t="s">
        <v>82</v>
      </c>
      <c r="M40069" t="s">
        <v>83</v>
      </c>
      <c r="N40069" t="s">
        <v>91</v>
      </c>
      <c r="O40069" t="s">
        <v>85</v>
      </c>
      <c r="P40069" t="s">
        <v>86</v>
      </c>
      <c r="Q40069">
        <v>11</v>
      </c>
      <c r="R40069">
        <v>11</v>
      </c>
      <c r="S40069">
        <v>11</v>
      </c>
      <c r="T40069">
        <v>11</v>
      </c>
      <c r="U40069">
        <v>11</v>
      </c>
      <c r="V40069">
        <v>11</v>
      </c>
      <c r="W40069">
        <v>11</v>
      </c>
      <c r="X40069">
        <v>12</v>
      </c>
      <c r="Y40069">
        <v>12</v>
      </c>
      <c r="Z40069">
        <v>12</v>
      </c>
      <c r="AA40069">
        <v>12</v>
      </c>
      <c r="AB40069">
        <v>12</v>
      </c>
      <c r="AC40069">
        <v>12</v>
      </c>
      <c r="AD40069">
        <v>12</v>
      </c>
      <c r="AE40069">
        <v>12</v>
      </c>
      <c r="AF40069">
        <v>12</v>
      </c>
      <c r="AG40069">
        <v>13</v>
      </c>
      <c r="AH40069">
        <v>13</v>
      </c>
      <c r="AI40069">
        <v>13</v>
      </c>
      <c r="AJ40069">
        <v>13</v>
      </c>
      <c r="AK40069">
        <v>13</v>
      </c>
      <c r="AL40069">
        <v>13</v>
      </c>
      <c r="AM40069">
        <v>13</v>
      </c>
      <c r="AN40069">
        <v>13</v>
      </c>
      <c r="AO40069">
        <v>13</v>
      </c>
      <c r="AP40069">
        <v>13</v>
      </c>
      <c r="AQ40069">
        <v>13</v>
      </c>
    </row>
    <row r="40070" spans="1:43">
      <c r="A40070" t="s">
        <v>24819</v>
      </c>
      <c r="B40070" t="s">
        <v>24820</v>
      </c>
      <c r="C40070" t="s">
        <v>12981</v>
      </c>
      <c r="D40070" t="s">
        <v>12982</v>
      </c>
      <c r="E40070" t="s">
        <v>12925</v>
      </c>
      <c r="F40070" t="s">
        <v>12926</v>
      </c>
      <c r="G40070" t="s">
        <v>10214</v>
      </c>
      <c r="H40070" t="s">
        <v>10215</v>
      </c>
      <c r="I40070" s="2">
        <v>1</v>
      </c>
      <c r="J40070" s="2">
        <v>0</v>
      </c>
      <c r="K40070" s="2">
        <v>0</v>
      </c>
      <c r="L40070" t="s">
        <v>120</v>
      </c>
      <c r="M40070" t="s">
        <v>83</v>
      </c>
      <c r="N40070" t="s">
        <v>84</v>
      </c>
      <c r="O40070" t="s">
        <v>85</v>
      </c>
      <c r="P40070" t="s">
        <v>86</v>
      </c>
      <c r="Q40070">
        <v>22</v>
      </c>
      <c r="R40070">
        <v>23</v>
      </c>
      <c r="S40070">
        <v>23</v>
      </c>
      <c r="T40070">
        <v>23</v>
      </c>
      <c r="U40070">
        <v>23</v>
      </c>
      <c r="V40070">
        <v>24</v>
      </c>
      <c r="W40070">
        <v>24</v>
      </c>
      <c r="X40070">
        <v>24</v>
      </c>
      <c r="Y40070">
        <v>24</v>
      </c>
      <c r="Z40070">
        <v>25</v>
      </c>
      <c r="AA40070">
        <v>25</v>
      </c>
      <c r="AB40070">
        <v>25</v>
      </c>
      <c r="AC40070">
        <v>25</v>
      </c>
      <c r="AD40070">
        <v>25</v>
      </c>
      <c r="AE40070">
        <v>26</v>
      </c>
      <c r="AF40070">
        <v>26</v>
      </c>
      <c r="AG40070">
        <v>26</v>
      </c>
      <c r="AH40070">
        <v>26</v>
      </c>
      <c r="AI40070">
        <v>26</v>
      </c>
      <c r="AJ40070">
        <v>27</v>
      </c>
      <c r="AK40070">
        <v>27</v>
      </c>
      <c r="AL40070">
        <v>27</v>
      </c>
      <c r="AM40070">
        <v>27</v>
      </c>
      <c r="AN40070">
        <v>27</v>
      </c>
      <c r="AO40070">
        <v>27</v>
      </c>
      <c r="AP40070">
        <v>27</v>
      </c>
      <c r="AQ40070">
        <v>26</v>
      </c>
    </row>
    <row r="40071" spans="1:43">
      <c r="A40071" t="s">
        <v>24819</v>
      </c>
      <c r="B40071" t="s">
        <v>24820</v>
      </c>
      <c r="C40071" t="s">
        <v>12981</v>
      </c>
      <c r="D40071" t="s">
        <v>12982</v>
      </c>
      <c r="E40071" t="s">
        <v>12925</v>
      </c>
      <c r="F40071" t="s">
        <v>12926</v>
      </c>
      <c r="G40071" t="s">
        <v>10214</v>
      </c>
      <c r="H40071" t="s">
        <v>10215</v>
      </c>
      <c r="I40071" s="2">
        <v>1</v>
      </c>
      <c r="J40071" s="2">
        <v>0</v>
      </c>
      <c r="K40071" s="2">
        <v>0</v>
      </c>
      <c r="L40071" t="s">
        <v>120</v>
      </c>
      <c r="M40071" t="s">
        <v>87</v>
      </c>
      <c r="N40071" t="s">
        <v>88</v>
      </c>
      <c r="O40071" t="s">
        <v>85</v>
      </c>
      <c r="P40071" t="s">
        <v>86</v>
      </c>
      <c r="Q40071">
        <v>22</v>
      </c>
      <c r="R40071">
        <v>22</v>
      </c>
      <c r="S40071">
        <v>22</v>
      </c>
      <c r="T40071">
        <v>22</v>
      </c>
      <c r="U40071">
        <v>22</v>
      </c>
      <c r="V40071">
        <v>22</v>
      </c>
      <c r="W40071">
        <v>22</v>
      </c>
      <c r="X40071">
        <v>22</v>
      </c>
      <c r="Y40071">
        <v>23</v>
      </c>
      <c r="Z40071">
        <v>23</v>
      </c>
      <c r="AA40071">
        <v>23</v>
      </c>
      <c r="AB40071">
        <v>23</v>
      </c>
      <c r="AC40071">
        <v>23</v>
      </c>
      <c r="AD40071">
        <v>23</v>
      </c>
      <c r="AE40071">
        <v>23</v>
      </c>
      <c r="AF40071">
        <v>23</v>
      </c>
      <c r="AG40071">
        <v>23</v>
      </c>
      <c r="AH40071">
        <v>23</v>
      </c>
      <c r="AI40071">
        <v>23</v>
      </c>
      <c r="AJ40071">
        <v>23</v>
      </c>
      <c r="AK40071">
        <v>23</v>
      </c>
      <c r="AL40071">
        <v>23</v>
      </c>
      <c r="AM40071">
        <v>23</v>
      </c>
      <c r="AN40071">
        <v>23</v>
      </c>
      <c r="AO40071">
        <v>23</v>
      </c>
      <c r="AP40071">
        <v>23</v>
      </c>
      <c r="AQ40071">
        <v>23</v>
      </c>
    </row>
    <row r="40072" spans="1:43">
      <c r="A40072" t="s">
        <v>24819</v>
      </c>
      <c r="B40072" t="s">
        <v>24820</v>
      </c>
      <c r="C40072" t="s">
        <v>12981</v>
      </c>
      <c r="D40072" t="s">
        <v>12982</v>
      </c>
      <c r="E40072" t="s">
        <v>12925</v>
      </c>
      <c r="F40072" t="s">
        <v>12926</v>
      </c>
      <c r="G40072" t="s">
        <v>10214</v>
      </c>
      <c r="H40072" t="s">
        <v>10215</v>
      </c>
      <c r="I40072" s="2">
        <v>1</v>
      </c>
      <c r="J40072" s="2">
        <v>0</v>
      </c>
      <c r="K40072" s="2">
        <v>0</v>
      </c>
      <c r="L40072" t="s">
        <v>120</v>
      </c>
      <c r="M40072" t="s">
        <v>89</v>
      </c>
      <c r="N40072" t="s">
        <v>90</v>
      </c>
      <c r="O40072" t="s">
        <v>85</v>
      </c>
      <c r="P40072" t="s">
        <v>86</v>
      </c>
      <c r="Q40072">
        <v>22</v>
      </c>
      <c r="R40072">
        <v>23</v>
      </c>
      <c r="S40072">
        <v>23</v>
      </c>
      <c r="T40072">
        <v>24</v>
      </c>
      <c r="U40072">
        <v>24</v>
      </c>
      <c r="V40072">
        <v>25</v>
      </c>
      <c r="W40072">
        <v>25</v>
      </c>
      <c r="X40072">
        <v>25</v>
      </c>
      <c r="Y40072">
        <v>26</v>
      </c>
      <c r="Z40072">
        <v>26</v>
      </c>
      <c r="AA40072">
        <v>26</v>
      </c>
      <c r="AB40072">
        <v>27</v>
      </c>
      <c r="AC40072">
        <v>27</v>
      </c>
      <c r="AD40072">
        <v>27</v>
      </c>
      <c r="AE40072">
        <v>27</v>
      </c>
      <c r="AF40072">
        <v>27</v>
      </c>
      <c r="AG40072">
        <v>27</v>
      </c>
      <c r="AH40072">
        <v>27</v>
      </c>
      <c r="AI40072">
        <v>27</v>
      </c>
      <c r="AJ40072">
        <v>27</v>
      </c>
      <c r="AK40072">
        <v>27</v>
      </c>
      <c r="AL40072">
        <v>27</v>
      </c>
      <c r="AM40072">
        <v>27</v>
      </c>
      <c r="AN40072">
        <v>27</v>
      </c>
      <c r="AO40072">
        <v>27</v>
      </c>
      <c r="AP40072">
        <v>27</v>
      </c>
      <c r="AQ40072">
        <v>27</v>
      </c>
    </row>
    <row r="40073" spans="1:43">
      <c r="A40073" t="s">
        <v>24819</v>
      </c>
      <c r="B40073" t="s">
        <v>24820</v>
      </c>
      <c r="C40073" t="s">
        <v>12981</v>
      </c>
      <c r="D40073" t="s">
        <v>12982</v>
      </c>
      <c r="E40073" t="s">
        <v>12925</v>
      </c>
      <c r="F40073" t="s">
        <v>12926</v>
      </c>
      <c r="G40073" t="s">
        <v>10214</v>
      </c>
      <c r="H40073" t="s">
        <v>10215</v>
      </c>
      <c r="I40073" s="2">
        <v>1</v>
      </c>
      <c r="J40073" s="2">
        <v>0</v>
      </c>
      <c r="K40073" s="2">
        <v>0</v>
      </c>
      <c r="L40073" t="s">
        <v>120</v>
      </c>
      <c r="M40073" t="s">
        <v>83</v>
      </c>
      <c r="N40073" t="s">
        <v>91</v>
      </c>
      <c r="O40073" t="s">
        <v>85</v>
      </c>
      <c r="P40073" t="s">
        <v>86</v>
      </c>
      <c r="Q40073">
        <v>22</v>
      </c>
      <c r="R40073">
        <v>23</v>
      </c>
      <c r="S40073">
        <v>23</v>
      </c>
      <c r="T40073">
        <v>23</v>
      </c>
      <c r="U40073">
        <v>23</v>
      </c>
      <c r="V40073">
        <v>24</v>
      </c>
      <c r="W40073">
        <v>24</v>
      </c>
      <c r="X40073">
        <v>24</v>
      </c>
      <c r="Y40073">
        <v>24</v>
      </c>
      <c r="Z40073">
        <v>25</v>
      </c>
      <c r="AA40073">
        <v>25</v>
      </c>
      <c r="AB40073">
        <v>25</v>
      </c>
      <c r="AC40073">
        <v>25</v>
      </c>
      <c r="AD40073">
        <v>25</v>
      </c>
      <c r="AE40073">
        <v>26</v>
      </c>
      <c r="AF40073">
        <v>26</v>
      </c>
      <c r="AG40073">
        <v>26</v>
      </c>
      <c r="AH40073">
        <v>26</v>
      </c>
      <c r="AI40073">
        <v>26</v>
      </c>
      <c r="AJ40073">
        <v>27</v>
      </c>
      <c r="AK40073">
        <v>27</v>
      </c>
      <c r="AL40073">
        <v>27</v>
      </c>
      <c r="AM40073">
        <v>27</v>
      </c>
      <c r="AN40073">
        <v>27</v>
      </c>
      <c r="AO40073">
        <v>27</v>
      </c>
      <c r="AP40073">
        <v>27</v>
      </c>
      <c r="AQ40073">
        <v>26</v>
      </c>
    </row>
    <row r="40074" spans="1:43">
      <c r="A40074" t="s">
        <v>24821</v>
      </c>
      <c r="B40074" t="s">
        <v>24822</v>
      </c>
      <c r="C40074" t="s">
        <v>13045</v>
      </c>
      <c r="D40074" t="s">
        <v>13046</v>
      </c>
      <c r="E40074" t="s">
        <v>12925</v>
      </c>
      <c r="F40074" t="s">
        <v>12926</v>
      </c>
      <c r="G40074" t="s">
        <v>10214</v>
      </c>
      <c r="H40074" t="s">
        <v>10215</v>
      </c>
      <c r="I40074" s="2">
        <v>1</v>
      </c>
      <c r="J40074" s="2">
        <v>0</v>
      </c>
      <c r="K40074" s="2">
        <v>0</v>
      </c>
      <c r="L40074" t="s">
        <v>120</v>
      </c>
      <c r="M40074" t="s">
        <v>83</v>
      </c>
      <c r="N40074" t="s">
        <v>84</v>
      </c>
      <c r="O40074" t="s">
        <v>85</v>
      </c>
      <c r="P40074" t="s">
        <v>86</v>
      </c>
      <c r="Q40074">
        <v>26</v>
      </c>
      <c r="R40074">
        <v>27</v>
      </c>
      <c r="S40074">
        <v>27</v>
      </c>
      <c r="T40074">
        <v>27</v>
      </c>
      <c r="U40074">
        <v>28</v>
      </c>
      <c r="V40074">
        <v>28</v>
      </c>
      <c r="W40074">
        <v>28</v>
      </c>
      <c r="X40074">
        <v>29</v>
      </c>
      <c r="Y40074">
        <v>29</v>
      </c>
      <c r="Z40074">
        <v>29</v>
      </c>
      <c r="AA40074">
        <v>30</v>
      </c>
      <c r="AB40074">
        <v>30</v>
      </c>
      <c r="AC40074">
        <v>30</v>
      </c>
      <c r="AD40074">
        <v>30</v>
      </c>
      <c r="AE40074">
        <v>31</v>
      </c>
      <c r="AF40074">
        <v>31</v>
      </c>
      <c r="AG40074">
        <v>31</v>
      </c>
      <c r="AH40074">
        <v>31</v>
      </c>
      <c r="AI40074">
        <v>32</v>
      </c>
      <c r="AJ40074">
        <v>32</v>
      </c>
      <c r="AK40074">
        <v>32</v>
      </c>
      <c r="AL40074">
        <v>32</v>
      </c>
      <c r="AM40074">
        <v>32</v>
      </c>
      <c r="AN40074">
        <v>32</v>
      </c>
      <c r="AO40074">
        <v>32</v>
      </c>
      <c r="AP40074">
        <v>32</v>
      </c>
      <c r="AQ40074">
        <v>32</v>
      </c>
    </row>
    <row r="40075" spans="1:43">
      <c r="A40075" t="s">
        <v>24821</v>
      </c>
      <c r="B40075" t="s">
        <v>24822</v>
      </c>
      <c r="C40075" t="s">
        <v>13045</v>
      </c>
      <c r="D40075" t="s">
        <v>13046</v>
      </c>
      <c r="E40075" t="s">
        <v>12925</v>
      </c>
      <c r="F40075" t="s">
        <v>12926</v>
      </c>
      <c r="G40075" t="s">
        <v>10214</v>
      </c>
      <c r="H40075" t="s">
        <v>10215</v>
      </c>
      <c r="I40075" s="2">
        <v>1</v>
      </c>
      <c r="J40075" s="2">
        <v>0</v>
      </c>
      <c r="K40075" s="2">
        <v>0</v>
      </c>
      <c r="L40075" t="s">
        <v>120</v>
      </c>
      <c r="M40075" t="s">
        <v>87</v>
      </c>
      <c r="N40075" t="s">
        <v>88</v>
      </c>
      <c r="O40075" t="s">
        <v>85</v>
      </c>
      <c r="P40075" t="s">
        <v>86</v>
      </c>
      <c r="Q40075">
        <v>26</v>
      </c>
      <c r="R40075">
        <v>26</v>
      </c>
      <c r="S40075">
        <v>26</v>
      </c>
      <c r="T40075">
        <v>26</v>
      </c>
      <c r="U40075">
        <v>27</v>
      </c>
      <c r="V40075">
        <v>27</v>
      </c>
      <c r="W40075">
        <v>27</v>
      </c>
      <c r="X40075">
        <v>27</v>
      </c>
      <c r="Y40075">
        <v>27</v>
      </c>
      <c r="Z40075">
        <v>27</v>
      </c>
      <c r="AA40075">
        <v>27</v>
      </c>
      <c r="AB40075">
        <v>27</v>
      </c>
      <c r="AC40075">
        <v>27</v>
      </c>
      <c r="AD40075">
        <v>27</v>
      </c>
      <c r="AE40075">
        <v>27</v>
      </c>
      <c r="AF40075">
        <v>27</v>
      </c>
      <c r="AG40075">
        <v>27</v>
      </c>
      <c r="AH40075">
        <v>28</v>
      </c>
      <c r="AI40075">
        <v>28</v>
      </c>
      <c r="AJ40075">
        <v>28</v>
      </c>
      <c r="AK40075">
        <v>28</v>
      </c>
      <c r="AL40075">
        <v>28</v>
      </c>
      <c r="AM40075">
        <v>28</v>
      </c>
      <c r="AN40075">
        <v>28</v>
      </c>
      <c r="AO40075">
        <v>28</v>
      </c>
      <c r="AP40075">
        <v>28</v>
      </c>
      <c r="AQ40075">
        <v>28</v>
      </c>
    </row>
    <row r="40076" spans="1:43">
      <c r="A40076" t="s">
        <v>24821</v>
      </c>
      <c r="B40076" t="s">
        <v>24822</v>
      </c>
      <c r="C40076" t="s">
        <v>13045</v>
      </c>
      <c r="D40076" t="s">
        <v>13046</v>
      </c>
      <c r="E40076" t="s">
        <v>12925</v>
      </c>
      <c r="F40076" t="s">
        <v>12926</v>
      </c>
      <c r="G40076" t="s">
        <v>10214</v>
      </c>
      <c r="H40076" t="s">
        <v>10215</v>
      </c>
      <c r="I40076" s="2">
        <v>1</v>
      </c>
      <c r="J40076" s="2">
        <v>0</v>
      </c>
      <c r="K40076" s="2">
        <v>0</v>
      </c>
      <c r="L40076" t="s">
        <v>120</v>
      </c>
      <c r="M40076" t="s">
        <v>89</v>
      </c>
      <c r="N40076" t="s">
        <v>90</v>
      </c>
      <c r="O40076" t="s">
        <v>85</v>
      </c>
      <c r="P40076" t="s">
        <v>86</v>
      </c>
      <c r="Q40076">
        <v>26</v>
      </c>
      <c r="R40076">
        <v>26</v>
      </c>
      <c r="S40076">
        <v>27</v>
      </c>
      <c r="T40076">
        <v>27</v>
      </c>
      <c r="U40076">
        <v>28</v>
      </c>
      <c r="V40076">
        <v>28</v>
      </c>
      <c r="W40076">
        <v>29</v>
      </c>
      <c r="X40076">
        <v>29</v>
      </c>
      <c r="Y40076">
        <v>30</v>
      </c>
      <c r="Z40076">
        <v>30</v>
      </c>
      <c r="AA40076">
        <v>30</v>
      </c>
      <c r="AB40076">
        <v>31</v>
      </c>
      <c r="AC40076">
        <v>31</v>
      </c>
      <c r="AD40076">
        <v>31</v>
      </c>
      <c r="AE40076">
        <v>32</v>
      </c>
      <c r="AF40076">
        <v>32</v>
      </c>
      <c r="AG40076">
        <v>31</v>
      </c>
      <c r="AH40076">
        <v>31</v>
      </c>
      <c r="AI40076">
        <v>31</v>
      </c>
      <c r="AJ40076">
        <v>31</v>
      </c>
      <c r="AK40076">
        <v>31</v>
      </c>
      <c r="AL40076">
        <v>31</v>
      </c>
      <c r="AM40076">
        <v>31</v>
      </c>
      <c r="AN40076">
        <v>31</v>
      </c>
      <c r="AO40076">
        <v>31</v>
      </c>
      <c r="AP40076">
        <v>31</v>
      </c>
      <c r="AQ40076">
        <v>31</v>
      </c>
    </row>
    <row r="40077" spans="1:43">
      <c r="A40077" t="s">
        <v>24821</v>
      </c>
      <c r="B40077" t="s">
        <v>24822</v>
      </c>
      <c r="C40077" t="s">
        <v>13045</v>
      </c>
      <c r="D40077" t="s">
        <v>13046</v>
      </c>
      <c r="E40077" t="s">
        <v>12925</v>
      </c>
      <c r="F40077" t="s">
        <v>12926</v>
      </c>
      <c r="G40077" t="s">
        <v>10214</v>
      </c>
      <c r="H40077" t="s">
        <v>10215</v>
      </c>
      <c r="I40077" s="2">
        <v>1</v>
      </c>
      <c r="J40077" s="2">
        <v>0</v>
      </c>
      <c r="K40077" s="2">
        <v>0</v>
      </c>
      <c r="L40077" t="s">
        <v>120</v>
      </c>
      <c r="M40077" t="s">
        <v>83</v>
      </c>
      <c r="N40077" t="s">
        <v>91</v>
      </c>
      <c r="O40077" t="s">
        <v>85</v>
      </c>
      <c r="P40077" t="s">
        <v>86</v>
      </c>
      <c r="Q40077">
        <v>26</v>
      </c>
      <c r="R40077">
        <v>27</v>
      </c>
      <c r="S40077">
        <v>27</v>
      </c>
      <c r="T40077">
        <v>27</v>
      </c>
      <c r="U40077">
        <v>28</v>
      </c>
      <c r="V40077">
        <v>28</v>
      </c>
      <c r="W40077">
        <v>28</v>
      </c>
      <c r="X40077">
        <v>29</v>
      </c>
      <c r="Y40077">
        <v>29</v>
      </c>
      <c r="Z40077">
        <v>29</v>
      </c>
      <c r="AA40077">
        <v>30</v>
      </c>
      <c r="AB40077">
        <v>30</v>
      </c>
      <c r="AC40077">
        <v>30</v>
      </c>
      <c r="AD40077">
        <v>30</v>
      </c>
      <c r="AE40077">
        <v>31</v>
      </c>
      <c r="AF40077">
        <v>31</v>
      </c>
      <c r="AG40077">
        <v>31</v>
      </c>
      <c r="AH40077">
        <v>31</v>
      </c>
      <c r="AI40077">
        <v>32</v>
      </c>
      <c r="AJ40077">
        <v>32</v>
      </c>
      <c r="AK40077">
        <v>32</v>
      </c>
      <c r="AL40077">
        <v>32</v>
      </c>
      <c r="AM40077">
        <v>32</v>
      </c>
      <c r="AN40077">
        <v>32</v>
      </c>
      <c r="AO40077">
        <v>32</v>
      </c>
      <c r="AP40077">
        <v>32</v>
      </c>
      <c r="AQ40077">
        <v>32</v>
      </c>
    </row>
    <row r="40078" spans="1:43">
      <c r="A40078" t="s">
        <v>24823</v>
      </c>
      <c r="B40078" t="s">
        <v>24824</v>
      </c>
      <c r="C40078" t="s">
        <v>18843</v>
      </c>
      <c r="D40078" t="s">
        <v>18844</v>
      </c>
      <c r="E40078" t="s">
        <v>18845</v>
      </c>
      <c r="F40078" t="s">
        <v>18846</v>
      </c>
      <c r="G40078" t="s">
        <v>10734</v>
      </c>
      <c r="H40078" t="s">
        <v>10735</v>
      </c>
      <c r="I40078" s="2">
        <v>0</v>
      </c>
      <c r="J40078" s="2">
        <v>0</v>
      </c>
      <c r="K40078" s="2">
        <v>1</v>
      </c>
      <c r="L40078" t="s">
        <v>995</v>
      </c>
      <c r="M40078" t="s">
        <v>83</v>
      </c>
      <c r="N40078" t="s">
        <v>84</v>
      </c>
      <c r="O40078" t="s">
        <v>85</v>
      </c>
      <c r="P40078" t="s">
        <v>86</v>
      </c>
      <c r="Q40078">
        <v>166</v>
      </c>
      <c r="R40078">
        <v>169</v>
      </c>
      <c r="S40078">
        <v>172</v>
      </c>
      <c r="T40078">
        <v>174</v>
      </c>
      <c r="U40078">
        <v>176</v>
      </c>
      <c r="V40078">
        <v>179</v>
      </c>
      <c r="W40078">
        <v>181</v>
      </c>
      <c r="X40078">
        <v>184</v>
      </c>
      <c r="Y40078">
        <v>186</v>
      </c>
      <c r="Z40078">
        <v>189</v>
      </c>
      <c r="AA40078">
        <v>191</v>
      </c>
      <c r="AB40078">
        <v>194</v>
      </c>
      <c r="AC40078">
        <v>196</v>
      </c>
      <c r="AD40078">
        <v>199</v>
      </c>
      <c r="AE40078">
        <v>202</v>
      </c>
      <c r="AF40078">
        <v>204</v>
      </c>
      <c r="AG40078">
        <v>207</v>
      </c>
      <c r="AH40078">
        <v>209</v>
      </c>
      <c r="AI40078">
        <v>212</v>
      </c>
      <c r="AJ40078">
        <v>215</v>
      </c>
      <c r="AK40078">
        <v>218</v>
      </c>
      <c r="AL40078">
        <v>219</v>
      </c>
      <c r="AM40078">
        <v>220</v>
      </c>
      <c r="AN40078">
        <v>221</v>
      </c>
      <c r="AO40078">
        <v>223</v>
      </c>
      <c r="AP40078">
        <v>224</v>
      </c>
      <c r="AQ40078">
        <v>225</v>
      </c>
    </row>
    <row r="40079" spans="1:43">
      <c r="A40079" t="s">
        <v>24823</v>
      </c>
      <c r="B40079" t="s">
        <v>24824</v>
      </c>
      <c r="C40079" t="s">
        <v>18843</v>
      </c>
      <c r="D40079" t="s">
        <v>18844</v>
      </c>
      <c r="E40079" t="s">
        <v>18845</v>
      </c>
      <c r="F40079" t="s">
        <v>18846</v>
      </c>
      <c r="G40079" t="s">
        <v>10734</v>
      </c>
      <c r="H40079" t="s">
        <v>10735</v>
      </c>
      <c r="I40079" s="2">
        <v>0</v>
      </c>
      <c r="J40079" s="2">
        <v>0</v>
      </c>
      <c r="K40079" s="2">
        <v>1</v>
      </c>
      <c r="L40079" t="s">
        <v>995</v>
      </c>
      <c r="M40079" t="s">
        <v>87</v>
      </c>
      <c r="N40079" t="s">
        <v>88</v>
      </c>
      <c r="O40079" t="s">
        <v>85</v>
      </c>
      <c r="P40079" t="s">
        <v>86</v>
      </c>
      <c r="Q40079">
        <v>166</v>
      </c>
      <c r="R40079">
        <v>167</v>
      </c>
      <c r="S40079">
        <v>168</v>
      </c>
      <c r="T40079">
        <v>169</v>
      </c>
      <c r="U40079">
        <v>170</v>
      </c>
      <c r="V40079">
        <v>171</v>
      </c>
      <c r="W40079">
        <v>171</v>
      </c>
      <c r="X40079">
        <v>172</v>
      </c>
      <c r="Y40079">
        <v>173</v>
      </c>
      <c r="Z40079">
        <v>174</v>
      </c>
      <c r="AA40079">
        <v>175</v>
      </c>
      <c r="AB40079">
        <v>176</v>
      </c>
      <c r="AC40079">
        <v>177</v>
      </c>
      <c r="AD40079">
        <v>179</v>
      </c>
      <c r="AE40079">
        <v>180</v>
      </c>
      <c r="AF40079">
        <v>181</v>
      </c>
      <c r="AG40079">
        <v>182</v>
      </c>
      <c r="AH40079">
        <v>184</v>
      </c>
      <c r="AI40079">
        <v>185</v>
      </c>
      <c r="AJ40079">
        <v>186</v>
      </c>
      <c r="AK40079">
        <v>188</v>
      </c>
      <c r="AL40079">
        <v>189</v>
      </c>
      <c r="AM40079">
        <v>190</v>
      </c>
      <c r="AN40079">
        <v>192</v>
      </c>
      <c r="AO40079">
        <v>193</v>
      </c>
      <c r="AP40079">
        <v>195</v>
      </c>
      <c r="AQ40079">
        <v>196</v>
      </c>
    </row>
    <row r="40080" spans="1:43">
      <c r="A40080" t="s">
        <v>24823</v>
      </c>
      <c r="B40080" t="s">
        <v>24824</v>
      </c>
      <c r="C40080" t="s">
        <v>18843</v>
      </c>
      <c r="D40080" t="s">
        <v>18844</v>
      </c>
      <c r="E40080" t="s">
        <v>18845</v>
      </c>
      <c r="F40080" t="s">
        <v>18846</v>
      </c>
      <c r="G40080" t="s">
        <v>10734</v>
      </c>
      <c r="H40080" t="s">
        <v>10735</v>
      </c>
      <c r="I40080" s="2">
        <v>0</v>
      </c>
      <c r="J40080" s="2">
        <v>0</v>
      </c>
      <c r="K40080" s="2">
        <v>1</v>
      </c>
      <c r="L40080" t="s">
        <v>995</v>
      </c>
      <c r="M40080" t="s">
        <v>89</v>
      </c>
      <c r="N40080" t="s">
        <v>90</v>
      </c>
      <c r="O40080" t="s">
        <v>85</v>
      </c>
      <c r="P40080" t="s">
        <v>86</v>
      </c>
      <c r="Q40080">
        <v>166</v>
      </c>
      <c r="R40080">
        <v>170</v>
      </c>
      <c r="S40080">
        <v>174</v>
      </c>
      <c r="T40080">
        <v>178</v>
      </c>
      <c r="U40080">
        <v>181</v>
      </c>
      <c r="V40080">
        <v>185</v>
      </c>
      <c r="W40080">
        <v>189</v>
      </c>
      <c r="X40080">
        <v>192</v>
      </c>
      <c r="Y40080">
        <v>195</v>
      </c>
      <c r="Z40080">
        <v>198</v>
      </c>
      <c r="AA40080">
        <v>201</v>
      </c>
      <c r="AB40080">
        <v>205</v>
      </c>
      <c r="AC40080">
        <v>208</v>
      </c>
      <c r="AD40080">
        <v>211</v>
      </c>
      <c r="AE40080">
        <v>213</v>
      </c>
      <c r="AF40080">
        <v>214</v>
      </c>
      <c r="AG40080">
        <v>215</v>
      </c>
      <c r="AH40080">
        <v>216</v>
      </c>
      <c r="AI40080">
        <v>217</v>
      </c>
      <c r="AJ40080">
        <v>218</v>
      </c>
      <c r="AK40080">
        <v>219</v>
      </c>
      <c r="AL40080">
        <v>221</v>
      </c>
      <c r="AM40080">
        <v>222</v>
      </c>
      <c r="AN40080">
        <v>223</v>
      </c>
      <c r="AO40080">
        <v>224</v>
      </c>
      <c r="AP40080">
        <v>225</v>
      </c>
      <c r="AQ40080">
        <v>226</v>
      </c>
    </row>
    <row r="40081" spans="1:43">
      <c r="A40081" t="s">
        <v>24823</v>
      </c>
      <c r="B40081" t="s">
        <v>24824</v>
      </c>
      <c r="C40081" t="s">
        <v>18843</v>
      </c>
      <c r="D40081" t="s">
        <v>18844</v>
      </c>
      <c r="E40081" t="s">
        <v>18845</v>
      </c>
      <c r="F40081" t="s">
        <v>18846</v>
      </c>
      <c r="G40081" t="s">
        <v>10734</v>
      </c>
      <c r="H40081" t="s">
        <v>10735</v>
      </c>
      <c r="I40081" s="2">
        <v>0</v>
      </c>
      <c r="J40081" s="2">
        <v>0</v>
      </c>
      <c r="K40081" s="2">
        <v>1</v>
      </c>
      <c r="L40081" t="s">
        <v>995</v>
      </c>
      <c r="M40081" t="s">
        <v>83</v>
      </c>
      <c r="N40081" t="s">
        <v>91</v>
      </c>
      <c r="O40081" t="s">
        <v>85</v>
      </c>
      <c r="P40081" t="s">
        <v>86</v>
      </c>
      <c r="Q40081">
        <v>166</v>
      </c>
      <c r="R40081">
        <v>169</v>
      </c>
      <c r="S40081">
        <v>172</v>
      </c>
      <c r="T40081">
        <v>174</v>
      </c>
      <c r="U40081">
        <v>176</v>
      </c>
      <c r="V40081">
        <v>179</v>
      </c>
      <c r="W40081">
        <v>181</v>
      </c>
      <c r="X40081">
        <v>184</v>
      </c>
      <c r="Y40081">
        <v>186</v>
      </c>
      <c r="Z40081">
        <v>189</v>
      </c>
      <c r="AA40081">
        <v>191</v>
      </c>
      <c r="AB40081">
        <v>194</v>
      </c>
      <c r="AC40081">
        <v>196</v>
      </c>
      <c r="AD40081">
        <v>199</v>
      </c>
      <c r="AE40081">
        <v>202</v>
      </c>
      <c r="AF40081">
        <v>204</v>
      </c>
      <c r="AG40081">
        <v>207</v>
      </c>
      <c r="AH40081">
        <v>209</v>
      </c>
      <c r="AI40081">
        <v>212</v>
      </c>
      <c r="AJ40081">
        <v>215</v>
      </c>
      <c r="AK40081">
        <v>218</v>
      </c>
      <c r="AL40081">
        <v>219</v>
      </c>
      <c r="AM40081">
        <v>220</v>
      </c>
      <c r="AN40081">
        <v>221</v>
      </c>
      <c r="AO40081">
        <v>223</v>
      </c>
      <c r="AP40081">
        <v>224</v>
      </c>
      <c r="AQ40081">
        <v>225</v>
      </c>
    </row>
    <row r="40082" spans="1:43">
      <c r="A40082" t="s">
        <v>24825</v>
      </c>
      <c r="B40082" t="s">
        <v>24826</v>
      </c>
      <c r="C40082" t="s">
        <v>18843</v>
      </c>
      <c r="D40082" t="s">
        <v>18844</v>
      </c>
      <c r="E40082" t="s">
        <v>18845</v>
      </c>
      <c r="F40082" t="s">
        <v>18846</v>
      </c>
      <c r="G40082" t="s">
        <v>10734</v>
      </c>
      <c r="H40082" t="s">
        <v>10735</v>
      </c>
      <c r="I40082" s="2">
        <v>0</v>
      </c>
      <c r="J40082" s="2">
        <v>0</v>
      </c>
      <c r="K40082" s="2">
        <v>1</v>
      </c>
      <c r="L40082" t="s">
        <v>995</v>
      </c>
      <c r="M40082" t="s">
        <v>83</v>
      </c>
      <c r="N40082" t="s">
        <v>84</v>
      </c>
      <c r="O40082" t="s">
        <v>85</v>
      </c>
      <c r="P40082" t="s">
        <v>86</v>
      </c>
      <c r="Q40082">
        <v>44</v>
      </c>
      <c r="R40082">
        <v>45</v>
      </c>
      <c r="S40082">
        <v>46</v>
      </c>
      <c r="T40082">
        <v>46</v>
      </c>
      <c r="U40082">
        <v>47</v>
      </c>
      <c r="V40082">
        <v>47</v>
      </c>
      <c r="W40082">
        <v>48</v>
      </c>
      <c r="X40082">
        <v>49</v>
      </c>
      <c r="Y40082">
        <v>49</v>
      </c>
      <c r="Z40082">
        <v>50</v>
      </c>
      <c r="AA40082">
        <v>51</v>
      </c>
      <c r="AB40082">
        <v>51</v>
      </c>
      <c r="AC40082">
        <v>52</v>
      </c>
      <c r="AD40082">
        <v>53</v>
      </c>
      <c r="AE40082">
        <v>53</v>
      </c>
      <c r="AF40082">
        <v>54</v>
      </c>
      <c r="AG40082">
        <v>55</v>
      </c>
      <c r="AH40082">
        <v>55</v>
      </c>
      <c r="AI40082">
        <v>56</v>
      </c>
      <c r="AJ40082">
        <v>57</v>
      </c>
      <c r="AK40082">
        <v>58</v>
      </c>
      <c r="AL40082">
        <v>58</v>
      </c>
      <c r="AM40082">
        <v>58</v>
      </c>
      <c r="AN40082">
        <v>59</v>
      </c>
      <c r="AO40082">
        <v>59</v>
      </c>
      <c r="AP40082">
        <v>59</v>
      </c>
      <c r="AQ40082">
        <v>59</v>
      </c>
    </row>
    <row r="40083" spans="1:43">
      <c r="A40083" t="s">
        <v>24825</v>
      </c>
      <c r="B40083" t="s">
        <v>24826</v>
      </c>
      <c r="C40083" t="s">
        <v>18843</v>
      </c>
      <c r="D40083" t="s">
        <v>18844</v>
      </c>
      <c r="E40083" t="s">
        <v>18845</v>
      </c>
      <c r="F40083" t="s">
        <v>18846</v>
      </c>
      <c r="G40083" t="s">
        <v>10734</v>
      </c>
      <c r="H40083" t="s">
        <v>10735</v>
      </c>
      <c r="I40083" s="2">
        <v>0</v>
      </c>
      <c r="J40083" s="2">
        <v>0</v>
      </c>
      <c r="K40083" s="2">
        <v>1</v>
      </c>
      <c r="L40083" t="s">
        <v>995</v>
      </c>
      <c r="M40083" t="s">
        <v>87</v>
      </c>
      <c r="N40083" t="s">
        <v>88</v>
      </c>
      <c r="O40083" t="s">
        <v>85</v>
      </c>
      <c r="P40083" t="s">
        <v>86</v>
      </c>
      <c r="Q40083">
        <v>44</v>
      </c>
      <c r="R40083">
        <v>44</v>
      </c>
      <c r="S40083">
        <v>44</v>
      </c>
      <c r="T40083">
        <v>45</v>
      </c>
      <c r="U40083">
        <v>45</v>
      </c>
      <c r="V40083">
        <v>45</v>
      </c>
      <c r="W40083">
        <v>45</v>
      </c>
      <c r="X40083">
        <v>45</v>
      </c>
      <c r="Y40083">
        <v>46</v>
      </c>
      <c r="Z40083">
        <v>46</v>
      </c>
      <c r="AA40083">
        <v>46</v>
      </c>
      <c r="AB40083">
        <v>46</v>
      </c>
      <c r="AC40083">
        <v>47</v>
      </c>
      <c r="AD40083">
        <v>47</v>
      </c>
      <c r="AE40083">
        <v>47</v>
      </c>
      <c r="AF40083">
        <v>48</v>
      </c>
      <c r="AG40083">
        <v>48</v>
      </c>
      <c r="AH40083">
        <v>48</v>
      </c>
      <c r="AI40083">
        <v>49</v>
      </c>
      <c r="AJ40083">
        <v>49</v>
      </c>
      <c r="AK40083">
        <v>49</v>
      </c>
      <c r="AL40083">
        <v>50</v>
      </c>
      <c r="AM40083">
        <v>50</v>
      </c>
      <c r="AN40083">
        <v>50</v>
      </c>
      <c r="AO40083">
        <v>51</v>
      </c>
      <c r="AP40083">
        <v>51</v>
      </c>
      <c r="AQ40083">
        <v>52</v>
      </c>
    </row>
    <row r="40084" spans="1:43">
      <c r="A40084" t="s">
        <v>24825</v>
      </c>
      <c r="B40084" t="s">
        <v>24826</v>
      </c>
      <c r="C40084" t="s">
        <v>18843</v>
      </c>
      <c r="D40084" t="s">
        <v>18844</v>
      </c>
      <c r="E40084" t="s">
        <v>18845</v>
      </c>
      <c r="F40084" t="s">
        <v>18846</v>
      </c>
      <c r="G40084" t="s">
        <v>10734</v>
      </c>
      <c r="H40084" t="s">
        <v>10735</v>
      </c>
      <c r="I40084" s="2">
        <v>0</v>
      </c>
      <c r="J40084" s="2">
        <v>0</v>
      </c>
      <c r="K40084" s="2">
        <v>1</v>
      </c>
      <c r="L40084" t="s">
        <v>995</v>
      </c>
      <c r="M40084" t="s">
        <v>89</v>
      </c>
      <c r="N40084" t="s">
        <v>90</v>
      </c>
      <c r="O40084" t="s">
        <v>85</v>
      </c>
      <c r="P40084" t="s">
        <v>86</v>
      </c>
      <c r="Q40084">
        <v>44</v>
      </c>
      <c r="R40084">
        <v>45</v>
      </c>
      <c r="S40084">
        <v>46</v>
      </c>
      <c r="T40084">
        <v>47</v>
      </c>
      <c r="U40084">
        <v>48</v>
      </c>
      <c r="V40084">
        <v>49</v>
      </c>
      <c r="W40084">
        <v>50</v>
      </c>
      <c r="X40084">
        <v>50</v>
      </c>
      <c r="Y40084">
        <v>51</v>
      </c>
      <c r="Z40084">
        <v>52</v>
      </c>
      <c r="AA40084">
        <v>53</v>
      </c>
      <c r="AB40084">
        <v>54</v>
      </c>
      <c r="AC40084">
        <v>55</v>
      </c>
      <c r="AD40084">
        <v>55</v>
      </c>
      <c r="AE40084">
        <v>56</v>
      </c>
      <c r="AF40084">
        <v>56</v>
      </c>
      <c r="AG40084">
        <v>57</v>
      </c>
      <c r="AH40084">
        <v>57</v>
      </c>
      <c r="AI40084">
        <v>57</v>
      </c>
      <c r="AJ40084">
        <v>57</v>
      </c>
      <c r="AK40084">
        <v>58</v>
      </c>
      <c r="AL40084">
        <v>58</v>
      </c>
      <c r="AM40084">
        <v>58</v>
      </c>
      <c r="AN40084">
        <v>58</v>
      </c>
      <c r="AO40084">
        <v>59</v>
      </c>
      <c r="AP40084">
        <v>59</v>
      </c>
      <c r="AQ40084">
        <v>59</v>
      </c>
    </row>
    <row r="40085" spans="1:43">
      <c r="A40085" t="s">
        <v>24825</v>
      </c>
      <c r="B40085" t="s">
        <v>24826</v>
      </c>
      <c r="C40085" t="s">
        <v>18843</v>
      </c>
      <c r="D40085" t="s">
        <v>18844</v>
      </c>
      <c r="E40085" t="s">
        <v>18845</v>
      </c>
      <c r="F40085" t="s">
        <v>18846</v>
      </c>
      <c r="G40085" t="s">
        <v>10734</v>
      </c>
      <c r="H40085" t="s">
        <v>10735</v>
      </c>
      <c r="I40085" s="2">
        <v>0</v>
      </c>
      <c r="J40085" s="2">
        <v>0</v>
      </c>
      <c r="K40085" s="2">
        <v>1</v>
      </c>
      <c r="L40085" t="s">
        <v>995</v>
      </c>
      <c r="M40085" t="s">
        <v>83</v>
      </c>
      <c r="N40085" t="s">
        <v>91</v>
      </c>
      <c r="O40085" t="s">
        <v>85</v>
      </c>
      <c r="P40085" t="s">
        <v>86</v>
      </c>
      <c r="Q40085">
        <v>44</v>
      </c>
      <c r="R40085">
        <v>45</v>
      </c>
      <c r="S40085">
        <v>46</v>
      </c>
      <c r="T40085">
        <v>46</v>
      </c>
      <c r="U40085">
        <v>47</v>
      </c>
      <c r="V40085">
        <v>47</v>
      </c>
      <c r="W40085">
        <v>48</v>
      </c>
      <c r="X40085">
        <v>49</v>
      </c>
      <c r="Y40085">
        <v>49</v>
      </c>
      <c r="Z40085">
        <v>50</v>
      </c>
      <c r="AA40085">
        <v>51</v>
      </c>
      <c r="AB40085">
        <v>51</v>
      </c>
      <c r="AC40085">
        <v>52</v>
      </c>
      <c r="AD40085">
        <v>53</v>
      </c>
      <c r="AE40085">
        <v>53</v>
      </c>
      <c r="AF40085">
        <v>54</v>
      </c>
      <c r="AG40085">
        <v>55</v>
      </c>
      <c r="AH40085">
        <v>55</v>
      </c>
      <c r="AI40085">
        <v>56</v>
      </c>
      <c r="AJ40085">
        <v>57</v>
      </c>
      <c r="AK40085">
        <v>58</v>
      </c>
      <c r="AL40085">
        <v>58</v>
      </c>
      <c r="AM40085">
        <v>58</v>
      </c>
      <c r="AN40085">
        <v>59</v>
      </c>
      <c r="AO40085">
        <v>59</v>
      </c>
      <c r="AP40085">
        <v>59</v>
      </c>
      <c r="AQ40085">
        <v>59</v>
      </c>
    </row>
    <row r="40086" spans="1:43">
      <c r="A40086" t="s">
        <v>24827</v>
      </c>
      <c r="B40086" t="s">
        <v>24828</v>
      </c>
      <c r="C40086" t="s">
        <v>12981</v>
      </c>
      <c r="D40086" t="s">
        <v>12982</v>
      </c>
      <c r="E40086" t="s">
        <v>12925</v>
      </c>
      <c r="F40086" t="s">
        <v>12926</v>
      </c>
      <c r="G40086" t="s">
        <v>10214</v>
      </c>
      <c r="H40086" t="s">
        <v>10215</v>
      </c>
      <c r="I40086" s="2">
        <v>1</v>
      </c>
      <c r="J40086" s="2">
        <v>0</v>
      </c>
      <c r="K40086" s="2">
        <v>0</v>
      </c>
      <c r="L40086" t="s">
        <v>120</v>
      </c>
      <c r="M40086" t="s">
        <v>83</v>
      </c>
      <c r="N40086" t="s">
        <v>84</v>
      </c>
      <c r="O40086" t="s">
        <v>85</v>
      </c>
      <c r="P40086" t="s">
        <v>86</v>
      </c>
      <c r="Q40086">
        <v>14</v>
      </c>
      <c r="R40086">
        <v>15</v>
      </c>
      <c r="S40086">
        <v>15</v>
      </c>
      <c r="T40086">
        <v>15</v>
      </c>
      <c r="U40086">
        <v>15</v>
      </c>
      <c r="V40086">
        <v>15</v>
      </c>
      <c r="W40086">
        <v>15</v>
      </c>
      <c r="X40086">
        <v>16</v>
      </c>
      <c r="Y40086">
        <v>16</v>
      </c>
      <c r="Z40086">
        <v>16</v>
      </c>
      <c r="AA40086">
        <v>16</v>
      </c>
      <c r="AB40086">
        <v>16</v>
      </c>
      <c r="AC40086">
        <v>16</v>
      </c>
      <c r="AD40086">
        <v>16</v>
      </c>
      <c r="AE40086">
        <v>17</v>
      </c>
      <c r="AF40086">
        <v>17</v>
      </c>
      <c r="AG40086">
        <v>17</v>
      </c>
      <c r="AH40086">
        <v>17</v>
      </c>
      <c r="AI40086">
        <v>17</v>
      </c>
      <c r="AJ40086">
        <v>17</v>
      </c>
      <c r="AK40086">
        <v>17</v>
      </c>
      <c r="AL40086">
        <v>17</v>
      </c>
      <c r="AM40086">
        <v>17</v>
      </c>
      <c r="AN40086">
        <v>17</v>
      </c>
      <c r="AO40086">
        <v>17</v>
      </c>
      <c r="AP40086">
        <v>17</v>
      </c>
      <c r="AQ40086">
        <v>17</v>
      </c>
    </row>
    <row r="40087" spans="1:43">
      <c r="A40087" t="s">
        <v>24827</v>
      </c>
      <c r="B40087" t="s">
        <v>24828</v>
      </c>
      <c r="C40087" t="s">
        <v>12981</v>
      </c>
      <c r="D40087" t="s">
        <v>12982</v>
      </c>
      <c r="E40087" t="s">
        <v>12925</v>
      </c>
      <c r="F40087" t="s">
        <v>12926</v>
      </c>
      <c r="G40087" t="s">
        <v>10214</v>
      </c>
      <c r="H40087" t="s">
        <v>10215</v>
      </c>
      <c r="I40087" s="2">
        <v>1</v>
      </c>
      <c r="J40087" s="2">
        <v>0</v>
      </c>
      <c r="K40087" s="2">
        <v>0</v>
      </c>
      <c r="L40087" t="s">
        <v>120</v>
      </c>
      <c r="M40087" t="s">
        <v>87</v>
      </c>
      <c r="N40087" t="s">
        <v>88</v>
      </c>
      <c r="O40087" t="s">
        <v>85</v>
      </c>
      <c r="P40087" t="s">
        <v>86</v>
      </c>
      <c r="Q40087">
        <v>14</v>
      </c>
      <c r="R40087">
        <v>14</v>
      </c>
      <c r="S40087">
        <v>14</v>
      </c>
      <c r="T40087">
        <v>14</v>
      </c>
      <c r="U40087">
        <v>14</v>
      </c>
      <c r="V40087">
        <v>14</v>
      </c>
      <c r="W40087">
        <v>15</v>
      </c>
      <c r="X40087">
        <v>15</v>
      </c>
      <c r="Y40087">
        <v>15</v>
      </c>
      <c r="Z40087">
        <v>15</v>
      </c>
      <c r="AA40087">
        <v>15</v>
      </c>
      <c r="AB40087">
        <v>15</v>
      </c>
      <c r="AC40087">
        <v>15</v>
      </c>
      <c r="AD40087">
        <v>15</v>
      </c>
      <c r="AE40087">
        <v>15</v>
      </c>
      <c r="AF40087">
        <v>15</v>
      </c>
      <c r="AG40087">
        <v>15</v>
      </c>
      <c r="AH40087">
        <v>15</v>
      </c>
      <c r="AI40087">
        <v>15</v>
      </c>
      <c r="AJ40087">
        <v>15</v>
      </c>
      <c r="AK40087">
        <v>15</v>
      </c>
      <c r="AL40087">
        <v>15</v>
      </c>
      <c r="AM40087">
        <v>15</v>
      </c>
      <c r="AN40087">
        <v>15</v>
      </c>
      <c r="AO40087">
        <v>15</v>
      </c>
      <c r="AP40087">
        <v>15</v>
      </c>
      <c r="AQ40087">
        <v>15</v>
      </c>
    </row>
    <row r="40088" spans="1:43">
      <c r="A40088" t="s">
        <v>24827</v>
      </c>
      <c r="B40088" t="s">
        <v>24828</v>
      </c>
      <c r="C40088" t="s">
        <v>12981</v>
      </c>
      <c r="D40088" t="s">
        <v>12982</v>
      </c>
      <c r="E40088" t="s">
        <v>12925</v>
      </c>
      <c r="F40088" t="s">
        <v>12926</v>
      </c>
      <c r="G40088" t="s">
        <v>10214</v>
      </c>
      <c r="H40088" t="s">
        <v>10215</v>
      </c>
      <c r="I40088" s="2">
        <v>1</v>
      </c>
      <c r="J40088" s="2">
        <v>0</v>
      </c>
      <c r="K40088" s="2">
        <v>0</v>
      </c>
      <c r="L40088" t="s">
        <v>120</v>
      </c>
      <c r="M40088" t="s">
        <v>89</v>
      </c>
      <c r="N40088" t="s">
        <v>90</v>
      </c>
      <c r="O40088" t="s">
        <v>85</v>
      </c>
      <c r="P40088" t="s">
        <v>86</v>
      </c>
      <c r="Q40088">
        <v>14</v>
      </c>
      <c r="R40088">
        <v>14</v>
      </c>
      <c r="S40088">
        <v>14</v>
      </c>
      <c r="T40088">
        <v>14</v>
      </c>
      <c r="U40088">
        <v>15</v>
      </c>
      <c r="V40088">
        <v>15</v>
      </c>
      <c r="W40088">
        <v>15</v>
      </c>
      <c r="X40088">
        <v>15</v>
      </c>
      <c r="Y40088">
        <v>16</v>
      </c>
      <c r="Z40088">
        <v>16</v>
      </c>
      <c r="AA40088">
        <v>16</v>
      </c>
      <c r="AB40088">
        <v>16</v>
      </c>
      <c r="AC40088">
        <v>16</v>
      </c>
      <c r="AD40088">
        <v>17</v>
      </c>
      <c r="AE40088">
        <v>17</v>
      </c>
      <c r="AF40088">
        <v>17</v>
      </c>
      <c r="AG40088">
        <v>17</v>
      </c>
      <c r="AH40088">
        <v>17</v>
      </c>
      <c r="AI40088">
        <v>17</v>
      </c>
      <c r="AJ40088">
        <v>17</v>
      </c>
      <c r="AK40088">
        <v>17</v>
      </c>
      <c r="AL40088">
        <v>17</v>
      </c>
      <c r="AM40088">
        <v>16</v>
      </c>
      <c r="AN40088">
        <v>16</v>
      </c>
      <c r="AO40088">
        <v>16</v>
      </c>
      <c r="AP40088">
        <v>16</v>
      </c>
      <c r="AQ40088">
        <v>16</v>
      </c>
    </row>
    <row r="40089" spans="1:43">
      <c r="A40089" t="s">
        <v>24827</v>
      </c>
      <c r="B40089" t="s">
        <v>24828</v>
      </c>
      <c r="C40089" t="s">
        <v>12981</v>
      </c>
      <c r="D40089" t="s">
        <v>12982</v>
      </c>
      <c r="E40089" t="s">
        <v>12925</v>
      </c>
      <c r="F40089" t="s">
        <v>12926</v>
      </c>
      <c r="G40089" t="s">
        <v>10214</v>
      </c>
      <c r="H40089" t="s">
        <v>10215</v>
      </c>
      <c r="I40089" s="2">
        <v>1</v>
      </c>
      <c r="J40089" s="2">
        <v>0</v>
      </c>
      <c r="K40089" s="2">
        <v>0</v>
      </c>
      <c r="L40089" t="s">
        <v>120</v>
      </c>
      <c r="M40089" t="s">
        <v>83</v>
      </c>
      <c r="N40089" t="s">
        <v>91</v>
      </c>
      <c r="O40089" t="s">
        <v>85</v>
      </c>
      <c r="P40089" t="s">
        <v>86</v>
      </c>
      <c r="Q40089">
        <v>14</v>
      </c>
      <c r="R40089">
        <v>15</v>
      </c>
      <c r="S40089">
        <v>15</v>
      </c>
      <c r="T40089">
        <v>15</v>
      </c>
      <c r="U40089">
        <v>15</v>
      </c>
      <c r="V40089">
        <v>15</v>
      </c>
      <c r="W40089">
        <v>15</v>
      </c>
      <c r="X40089">
        <v>16</v>
      </c>
      <c r="Y40089">
        <v>16</v>
      </c>
      <c r="Z40089">
        <v>16</v>
      </c>
      <c r="AA40089">
        <v>16</v>
      </c>
      <c r="AB40089">
        <v>16</v>
      </c>
      <c r="AC40089">
        <v>16</v>
      </c>
      <c r="AD40089">
        <v>16</v>
      </c>
      <c r="AE40089">
        <v>17</v>
      </c>
      <c r="AF40089">
        <v>17</v>
      </c>
      <c r="AG40089">
        <v>17</v>
      </c>
      <c r="AH40089">
        <v>17</v>
      </c>
      <c r="AI40089">
        <v>17</v>
      </c>
      <c r="AJ40089">
        <v>17</v>
      </c>
      <c r="AK40089">
        <v>17</v>
      </c>
      <c r="AL40089">
        <v>17</v>
      </c>
      <c r="AM40089">
        <v>17</v>
      </c>
      <c r="AN40089">
        <v>17</v>
      </c>
      <c r="AO40089">
        <v>17</v>
      </c>
      <c r="AP40089">
        <v>17</v>
      </c>
      <c r="AQ40089">
        <v>17</v>
      </c>
    </row>
    <row r="40090" spans="1:43">
      <c r="A40090" t="s">
        <v>24829</v>
      </c>
      <c r="B40090" t="s">
        <v>24830</v>
      </c>
      <c r="C40090" t="s">
        <v>8436</v>
      </c>
      <c r="D40090" t="s">
        <v>8437</v>
      </c>
      <c r="E40090" t="s">
        <v>8296</v>
      </c>
      <c r="F40090" t="s">
        <v>8297</v>
      </c>
      <c r="G40090" t="s">
        <v>80</v>
      </c>
      <c r="H40090" t="s">
        <v>81</v>
      </c>
      <c r="I40090" s="2">
        <v>0</v>
      </c>
      <c r="J40090" s="2">
        <v>1</v>
      </c>
      <c r="K40090" s="2">
        <v>0</v>
      </c>
      <c r="L40090" t="s">
        <v>82</v>
      </c>
      <c r="M40090" t="s">
        <v>83</v>
      </c>
      <c r="N40090" t="s">
        <v>84</v>
      </c>
      <c r="O40090" t="s">
        <v>85</v>
      </c>
      <c r="P40090" t="s">
        <v>86</v>
      </c>
      <c r="Q40090">
        <v>108</v>
      </c>
      <c r="R40090">
        <v>111</v>
      </c>
      <c r="S40090">
        <v>113</v>
      </c>
      <c r="T40090">
        <v>115</v>
      </c>
      <c r="U40090">
        <v>117</v>
      </c>
      <c r="V40090">
        <v>119</v>
      </c>
      <c r="W40090">
        <v>121</v>
      </c>
      <c r="X40090">
        <v>123</v>
      </c>
      <c r="Y40090">
        <v>126</v>
      </c>
      <c r="Z40090">
        <v>128</v>
      </c>
      <c r="AA40090">
        <v>130</v>
      </c>
      <c r="AB40090">
        <v>132</v>
      </c>
      <c r="AC40090">
        <v>134</v>
      </c>
      <c r="AD40090">
        <v>136</v>
      </c>
      <c r="AE40090">
        <v>138</v>
      </c>
      <c r="AF40090">
        <v>140</v>
      </c>
      <c r="AG40090">
        <v>142</v>
      </c>
      <c r="AH40090">
        <v>145</v>
      </c>
      <c r="AI40090">
        <v>147</v>
      </c>
      <c r="AJ40090">
        <v>149</v>
      </c>
      <c r="AK40090">
        <v>151</v>
      </c>
      <c r="AL40090">
        <v>152</v>
      </c>
      <c r="AM40090">
        <v>152</v>
      </c>
      <c r="AN40090">
        <v>153</v>
      </c>
      <c r="AO40090">
        <v>153</v>
      </c>
      <c r="AP40090">
        <v>154</v>
      </c>
      <c r="AQ40090">
        <v>154</v>
      </c>
    </row>
    <row r="40091" spans="1:43">
      <c r="A40091" t="s">
        <v>24829</v>
      </c>
      <c r="B40091" t="s">
        <v>24830</v>
      </c>
      <c r="C40091" t="s">
        <v>8436</v>
      </c>
      <c r="D40091" t="s">
        <v>8437</v>
      </c>
      <c r="E40091" t="s">
        <v>8296</v>
      </c>
      <c r="F40091" t="s">
        <v>8297</v>
      </c>
      <c r="G40091" t="s">
        <v>80</v>
      </c>
      <c r="H40091" t="s">
        <v>81</v>
      </c>
      <c r="I40091" s="2">
        <v>0</v>
      </c>
      <c r="J40091" s="2">
        <v>1</v>
      </c>
      <c r="K40091" s="2">
        <v>0</v>
      </c>
      <c r="L40091" t="s">
        <v>82</v>
      </c>
      <c r="M40091" t="s">
        <v>87</v>
      </c>
      <c r="N40091" t="s">
        <v>88</v>
      </c>
      <c r="O40091" t="s">
        <v>85</v>
      </c>
      <c r="P40091" t="s">
        <v>86</v>
      </c>
      <c r="Q40091">
        <v>108</v>
      </c>
      <c r="R40091">
        <v>110</v>
      </c>
      <c r="S40091">
        <v>111</v>
      </c>
      <c r="T40091">
        <v>112</v>
      </c>
      <c r="U40091">
        <v>113</v>
      </c>
      <c r="V40091">
        <v>114</v>
      </c>
      <c r="W40091">
        <v>115</v>
      </c>
      <c r="X40091">
        <v>116</v>
      </c>
      <c r="Y40091">
        <v>117</v>
      </c>
      <c r="Z40091">
        <v>118</v>
      </c>
      <c r="AA40091">
        <v>119</v>
      </c>
      <c r="AB40091">
        <v>120</v>
      </c>
      <c r="AC40091">
        <v>121</v>
      </c>
      <c r="AD40091">
        <v>122</v>
      </c>
      <c r="AE40091">
        <v>123</v>
      </c>
      <c r="AF40091">
        <v>124</v>
      </c>
      <c r="AG40091">
        <v>125</v>
      </c>
      <c r="AH40091">
        <v>126</v>
      </c>
      <c r="AI40091">
        <v>127</v>
      </c>
      <c r="AJ40091">
        <v>128</v>
      </c>
      <c r="AK40091">
        <v>129</v>
      </c>
      <c r="AL40091">
        <v>130</v>
      </c>
      <c r="AM40091">
        <v>131</v>
      </c>
      <c r="AN40091">
        <v>132</v>
      </c>
      <c r="AO40091">
        <v>133</v>
      </c>
      <c r="AP40091">
        <v>134</v>
      </c>
      <c r="AQ40091">
        <v>135</v>
      </c>
    </row>
    <row r="40092" spans="1:43">
      <c r="A40092" t="s">
        <v>24829</v>
      </c>
      <c r="B40092" t="s">
        <v>24830</v>
      </c>
      <c r="C40092" t="s">
        <v>8436</v>
      </c>
      <c r="D40092" t="s">
        <v>8437</v>
      </c>
      <c r="E40092" t="s">
        <v>8296</v>
      </c>
      <c r="F40092" t="s">
        <v>8297</v>
      </c>
      <c r="G40092" t="s">
        <v>80</v>
      </c>
      <c r="H40092" t="s">
        <v>81</v>
      </c>
      <c r="I40092" s="2">
        <v>0</v>
      </c>
      <c r="J40092" s="2">
        <v>1</v>
      </c>
      <c r="K40092" s="2">
        <v>0</v>
      </c>
      <c r="L40092" t="s">
        <v>82</v>
      </c>
      <c r="M40092" t="s">
        <v>89</v>
      </c>
      <c r="N40092" t="s">
        <v>90</v>
      </c>
      <c r="O40092" t="s">
        <v>85</v>
      </c>
      <c r="P40092" t="s">
        <v>86</v>
      </c>
      <c r="Q40092">
        <v>108</v>
      </c>
      <c r="R40092">
        <v>112</v>
      </c>
      <c r="S40092">
        <v>115</v>
      </c>
      <c r="T40092">
        <v>118</v>
      </c>
      <c r="U40092">
        <v>121</v>
      </c>
      <c r="V40092">
        <v>124</v>
      </c>
      <c r="W40092">
        <v>127</v>
      </c>
      <c r="X40092">
        <v>129</v>
      </c>
      <c r="Y40092">
        <v>132</v>
      </c>
      <c r="Z40092">
        <v>135</v>
      </c>
      <c r="AA40092">
        <v>137</v>
      </c>
      <c r="AB40092">
        <v>140</v>
      </c>
      <c r="AC40092">
        <v>143</v>
      </c>
      <c r="AD40092">
        <v>146</v>
      </c>
      <c r="AE40092">
        <v>147</v>
      </c>
      <c r="AF40092">
        <v>148</v>
      </c>
      <c r="AG40092">
        <v>149</v>
      </c>
      <c r="AH40092">
        <v>149</v>
      </c>
      <c r="AI40092">
        <v>150</v>
      </c>
      <c r="AJ40092">
        <v>150</v>
      </c>
      <c r="AK40092">
        <v>151</v>
      </c>
      <c r="AL40092">
        <v>151</v>
      </c>
      <c r="AM40092">
        <v>152</v>
      </c>
      <c r="AN40092">
        <v>152</v>
      </c>
      <c r="AO40092">
        <v>153</v>
      </c>
      <c r="AP40092">
        <v>153</v>
      </c>
      <c r="AQ40092">
        <v>154</v>
      </c>
    </row>
    <row r="40093" spans="1:43">
      <c r="A40093" t="s">
        <v>24829</v>
      </c>
      <c r="B40093" t="s">
        <v>24830</v>
      </c>
      <c r="C40093" t="s">
        <v>8436</v>
      </c>
      <c r="D40093" t="s">
        <v>8437</v>
      </c>
      <c r="E40093" t="s">
        <v>8296</v>
      </c>
      <c r="F40093" t="s">
        <v>8297</v>
      </c>
      <c r="G40093" t="s">
        <v>80</v>
      </c>
      <c r="H40093" t="s">
        <v>81</v>
      </c>
      <c r="I40093" s="2">
        <v>0</v>
      </c>
      <c r="J40093" s="2">
        <v>1</v>
      </c>
      <c r="K40093" s="2">
        <v>0</v>
      </c>
      <c r="L40093" t="s">
        <v>82</v>
      </c>
      <c r="M40093" t="s">
        <v>83</v>
      </c>
      <c r="N40093" t="s">
        <v>91</v>
      </c>
      <c r="O40093" t="s">
        <v>85</v>
      </c>
      <c r="P40093" t="s">
        <v>86</v>
      </c>
      <c r="Q40093">
        <v>108</v>
      </c>
      <c r="R40093">
        <v>111</v>
      </c>
      <c r="S40093">
        <v>113</v>
      </c>
      <c r="T40093">
        <v>115</v>
      </c>
      <c r="U40093">
        <v>117</v>
      </c>
      <c r="V40093">
        <v>119</v>
      </c>
      <c r="W40093">
        <v>121</v>
      </c>
      <c r="X40093">
        <v>123</v>
      </c>
      <c r="Y40093">
        <v>126</v>
      </c>
      <c r="Z40093">
        <v>128</v>
      </c>
      <c r="AA40093">
        <v>130</v>
      </c>
      <c r="AB40093">
        <v>132</v>
      </c>
      <c r="AC40093">
        <v>134</v>
      </c>
      <c r="AD40093">
        <v>136</v>
      </c>
      <c r="AE40093">
        <v>138</v>
      </c>
      <c r="AF40093">
        <v>140</v>
      </c>
      <c r="AG40093">
        <v>142</v>
      </c>
      <c r="AH40093">
        <v>145</v>
      </c>
      <c r="AI40093">
        <v>147</v>
      </c>
      <c r="AJ40093">
        <v>149</v>
      </c>
      <c r="AK40093">
        <v>151</v>
      </c>
      <c r="AL40093">
        <v>152</v>
      </c>
      <c r="AM40093">
        <v>152</v>
      </c>
      <c r="AN40093">
        <v>153</v>
      </c>
      <c r="AO40093">
        <v>153</v>
      </c>
      <c r="AP40093">
        <v>154</v>
      </c>
      <c r="AQ40093">
        <v>154</v>
      </c>
    </row>
    <row r="40094" spans="1:43">
      <c r="A40094" t="s">
        <v>24831</v>
      </c>
      <c r="B40094" t="s">
        <v>24832</v>
      </c>
      <c r="C40094" t="s">
        <v>18499</v>
      </c>
      <c r="D40094" t="s">
        <v>18500</v>
      </c>
      <c r="E40094" t="s">
        <v>18345</v>
      </c>
      <c r="F40094" t="s">
        <v>18346</v>
      </c>
      <c r="G40094" t="s">
        <v>10734</v>
      </c>
      <c r="H40094" t="s">
        <v>10735</v>
      </c>
      <c r="I40094" s="2">
        <v>0</v>
      </c>
      <c r="J40094" s="2">
        <v>0</v>
      </c>
      <c r="K40094" s="2">
        <v>1</v>
      </c>
      <c r="L40094" t="s">
        <v>995</v>
      </c>
      <c r="M40094" t="s">
        <v>83</v>
      </c>
      <c r="N40094" t="s">
        <v>84</v>
      </c>
      <c r="O40094" t="s">
        <v>85</v>
      </c>
      <c r="P40094" t="s">
        <v>86</v>
      </c>
      <c r="Q40094">
        <v>266</v>
      </c>
      <c r="R40094">
        <v>270</v>
      </c>
      <c r="S40094">
        <v>274</v>
      </c>
      <c r="T40094">
        <v>279</v>
      </c>
      <c r="U40094">
        <v>283</v>
      </c>
      <c r="V40094">
        <v>287</v>
      </c>
      <c r="W40094">
        <v>292</v>
      </c>
      <c r="X40094">
        <v>296</v>
      </c>
      <c r="Y40094">
        <v>301</v>
      </c>
      <c r="Z40094">
        <v>305</v>
      </c>
      <c r="AA40094">
        <v>309</v>
      </c>
      <c r="AB40094">
        <v>314</v>
      </c>
      <c r="AC40094">
        <v>318</v>
      </c>
      <c r="AD40094">
        <v>322</v>
      </c>
      <c r="AE40094">
        <v>326</v>
      </c>
      <c r="AF40094">
        <v>331</v>
      </c>
      <c r="AG40094">
        <v>335</v>
      </c>
      <c r="AH40094">
        <v>339</v>
      </c>
      <c r="AI40094">
        <v>343</v>
      </c>
      <c r="AJ40094">
        <v>347</v>
      </c>
      <c r="AK40094">
        <v>352</v>
      </c>
      <c r="AL40094">
        <v>354</v>
      </c>
      <c r="AM40094">
        <v>355</v>
      </c>
      <c r="AN40094">
        <v>357</v>
      </c>
      <c r="AO40094">
        <v>358</v>
      </c>
      <c r="AP40094">
        <v>359</v>
      </c>
      <c r="AQ40094">
        <v>361</v>
      </c>
    </row>
    <row r="40095" spans="1:43">
      <c r="A40095" t="s">
        <v>24831</v>
      </c>
      <c r="B40095" t="s">
        <v>24832</v>
      </c>
      <c r="C40095" t="s">
        <v>18499</v>
      </c>
      <c r="D40095" t="s">
        <v>18500</v>
      </c>
      <c r="E40095" t="s">
        <v>18345</v>
      </c>
      <c r="F40095" t="s">
        <v>18346</v>
      </c>
      <c r="G40095" t="s">
        <v>10734</v>
      </c>
      <c r="H40095" t="s">
        <v>10735</v>
      </c>
      <c r="I40095" s="2">
        <v>0</v>
      </c>
      <c r="J40095" s="2">
        <v>0</v>
      </c>
      <c r="K40095" s="2">
        <v>1</v>
      </c>
      <c r="L40095" t="s">
        <v>995</v>
      </c>
      <c r="M40095" t="s">
        <v>87</v>
      </c>
      <c r="N40095" t="s">
        <v>88</v>
      </c>
      <c r="O40095" t="s">
        <v>85</v>
      </c>
      <c r="P40095" t="s">
        <v>86</v>
      </c>
      <c r="Q40095">
        <v>266</v>
      </c>
      <c r="R40095">
        <v>268</v>
      </c>
      <c r="S40095">
        <v>270</v>
      </c>
      <c r="T40095">
        <v>272</v>
      </c>
      <c r="U40095">
        <v>274</v>
      </c>
      <c r="V40095">
        <v>275</v>
      </c>
      <c r="W40095">
        <v>277</v>
      </c>
      <c r="X40095">
        <v>279</v>
      </c>
      <c r="Y40095">
        <v>281</v>
      </c>
      <c r="Z40095">
        <v>283</v>
      </c>
      <c r="AA40095">
        <v>285</v>
      </c>
      <c r="AB40095">
        <v>286</v>
      </c>
      <c r="AC40095">
        <v>288</v>
      </c>
      <c r="AD40095">
        <v>290</v>
      </c>
      <c r="AE40095">
        <v>292</v>
      </c>
      <c r="AF40095">
        <v>294</v>
      </c>
      <c r="AG40095">
        <v>295</v>
      </c>
      <c r="AH40095">
        <v>297</v>
      </c>
      <c r="AI40095">
        <v>299</v>
      </c>
      <c r="AJ40095">
        <v>301</v>
      </c>
      <c r="AK40095">
        <v>302</v>
      </c>
      <c r="AL40095">
        <v>304</v>
      </c>
      <c r="AM40095">
        <v>306</v>
      </c>
      <c r="AN40095">
        <v>307</v>
      </c>
      <c r="AO40095">
        <v>309</v>
      </c>
      <c r="AP40095">
        <v>311</v>
      </c>
      <c r="AQ40095">
        <v>313</v>
      </c>
    </row>
    <row r="40096" spans="1:43">
      <c r="A40096" t="s">
        <v>24831</v>
      </c>
      <c r="B40096" t="s">
        <v>24832</v>
      </c>
      <c r="C40096" t="s">
        <v>18499</v>
      </c>
      <c r="D40096" t="s">
        <v>18500</v>
      </c>
      <c r="E40096" t="s">
        <v>18345</v>
      </c>
      <c r="F40096" t="s">
        <v>18346</v>
      </c>
      <c r="G40096" t="s">
        <v>10734</v>
      </c>
      <c r="H40096" t="s">
        <v>10735</v>
      </c>
      <c r="I40096" s="2">
        <v>0</v>
      </c>
      <c r="J40096" s="2">
        <v>0</v>
      </c>
      <c r="K40096" s="2">
        <v>1</v>
      </c>
      <c r="L40096" t="s">
        <v>995</v>
      </c>
      <c r="M40096" t="s">
        <v>89</v>
      </c>
      <c r="N40096" t="s">
        <v>90</v>
      </c>
      <c r="O40096" t="s">
        <v>85</v>
      </c>
      <c r="P40096" t="s">
        <v>86</v>
      </c>
      <c r="Q40096">
        <v>266</v>
      </c>
      <c r="R40096">
        <v>273</v>
      </c>
      <c r="S40096">
        <v>279</v>
      </c>
      <c r="T40096">
        <v>286</v>
      </c>
      <c r="U40096">
        <v>292</v>
      </c>
      <c r="V40096">
        <v>299</v>
      </c>
      <c r="W40096">
        <v>305</v>
      </c>
      <c r="X40096">
        <v>311</v>
      </c>
      <c r="Y40096">
        <v>317</v>
      </c>
      <c r="Z40096">
        <v>322</v>
      </c>
      <c r="AA40096">
        <v>328</v>
      </c>
      <c r="AB40096">
        <v>333</v>
      </c>
      <c r="AC40096">
        <v>339</v>
      </c>
      <c r="AD40096">
        <v>344</v>
      </c>
      <c r="AE40096">
        <v>348</v>
      </c>
      <c r="AF40096">
        <v>350</v>
      </c>
      <c r="AG40096">
        <v>352</v>
      </c>
      <c r="AH40096">
        <v>353</v>
      </c>
      <c r="AI40096">
        <v>355</v>
      </c>
      <c r="AJ40096">
        <v>356</v>
      </c>
      <c r="AK40096">
        <v>357</v>
      </c>
      <c r="AL40096">
        <v>359</v>
      </c>
      <c r="AM40096">
        <v>360</v>
      </c>
      <c r="AN40096">
        <v>361</v>
      </c>
      <c r="AO40096">
        <v>362</v>
      </c>
      <c r="AP40096">
        <v>364</v>
      </c>
      <c r="AQ40096">
        <v>365</v>
      </c>
    </row>
    <row r="40097" spans="1:43">
      <c r="A40097" t="s">
        <v>24831</v>
      </c>
      <c r="B40097" t="s">
        <v>24832</v>
      </c>
      <c r="C40097" t="s">
        <v>18499</v>
      </c>
      <c r="D40097" t="s">
        <v>18500</v>
      </c>
      <c r="E40097" t="s">
        <v>18345</v>
      </c>
      <c r="F40097" t="s">
        <v>18346</v>
      </c>
      <c r="G40097" t="s">
        <v>10734</v>
      </c>
      <c r="H40097" t="s">
        <v>10735</v>
      </c>
      <c r="I40097" s="2">
        <v>0</v>
      </c>
      <c r="J40097" s="2">
        <v>0</v>
      </c>
      <c r="K40097" s="2">
        <v>1</v>
      </c>
      <c r="L40097" t="s">
        <v>995</v>
      </c>
      <c r="M40097" t="s">
        <v>83</v>
      </c>
      <c r="N40097" t="s">
        <v>91</v>
      </c>
      <c r="O40097" t="s">
        <v>85</v>
      </c>
      <c r="P40097" t="s">
        <v>86</v>
      </c>
      <c r="Q40097">
        <v>266</v>
      </c>
      <c r="R40097">
        <v>270</v>
      </c>
      <c r="S40097">
        <v>274</v>
      </c>
      <c r="T40097">
        <v>279</v>
      </c>
      <c r="U40097">
        <v>283</v>
      </c>
      <c r="V40097">
        <v>287</v>
      </c>
      <c r="W40097">
        <v>292</v>
      </c>
      <c r="X40097">
        <v>296</v>
      </c>
      <c r="Y40097">
        <v>301</v>
      </c>
      <c r="Z40097">
        <v>305</v>
      </c>
      <c r="AA40097">
        <v>309</v>
      </c>
      <c r="AB40097">
        <v>314</v>
      </c>
      <c r="AC40097">
        <v>318</v>
      </c>
      <c r="AD40097">
        <v>322</v>
      </c>
      <c r="AE40097">
        <v>326</v>
      </c>
      <c r="AF40097">
        <v>331</v>
      </c>
      <c r="AG40097">
        <v>335</v>
      </c>
      <c r="AH40097">
        <v>339</v>
      </c>
      <c r="AI40097">
        <v>343</v>
      </c>
      <c r="AJ40097">
        <v>347</v>
      </c>
      <c r="AK40097">
        <v>352</v>
      </c>
      <c r="AL40097">
        <v>354</v>
      </c>
      <c r="AM40097">
        <v>355</v>
      </c>
      <c r="AN40097">
        <v>357</v>
      </c>
      <c r="AO40097">
        <v>358</v>
      </c>
      <c r="AP40097">
        <v>359</v>
      </c>
      <c r="AQ40097">
        <v>361</v>
      </c>
    </row>
    <row r="40098" spans="1:43">
      <c r="A40098" t="s">
        <v>24833</v>
      </c>
      <c r="B40098" t="s">
        <v>24834</v>
      </c>
      <c r="C40098" t="s">
        <v>18499</v>
      </c>
      <c r="D40098" t="s">
        <v>18500</v>
      </c>
      <c r="E40098" t="s">
        <v>18345</v>
      </c>
      <c r="F40098" t="s">
        <v>18346</v>
      </c>
      <c r="G40098" t="s">
        <v>10734</v>
      </c>
      <c r="H40098" t="s">
        <v>10735</v>
      </c>
      <c r="I40098" s="2">
        <v>0</v>
      </c>
      <c r="J40098" s="2">
        <v>0</v>
      </c>
      <c r="K40098" s="2">
        <v>1</v>
      </c>
      <c r="L40098" t="s">
        <v>995</v>
      </c>
      <c r="M40098" t="s">
        <v>83</v>
      </c>
      <c r="N40098" t="s">
        <v>84</v>
      </c>
      <c r="O40098" t="s">
        <v>85</v>
      </c>
      <c r="P40098" t="s">
        <v>86</v>
      </c>
      <c r="Q40098">
        <v>49</v>
      </c>
      <c r="R40098">
        <v>50</v>
      </c>
      <c r="S40098">
        <v>51</v>
      </c>
      <c r="T40098">
        <v>51</v>
      </c>
      <c r="U40098">
        <v>52</v>
      </c>
      <c r="V40098">
        <v>53</v>
      </c>
      <c r="W40098">
        <v>54</v>
      </c>
      <c r="X40098">
        <v>55</v>
      </c>
      <c r="Y40098">
        <v>55</v>
      </c>
      <c r="Z40098">
        <v>56</v>
      </c>
      <c r="AA40098">
        <v>57</v>
      </c>
      <c r="AB40098">
        <v>58</v>
      </c>
      <c r="AC40098">
        <v>59</v>
      </c>
      <c r="AD40098">
        <v>59</v>
      </c>
      <c r="AE40098">
        <v>60</v>
      </c>
      <c r="AF40098">
        <v>61</v>
      </c>
      <c r="AG40098">
        <v>62</v>
      </c>
      <c r="AH40098">
        <v>62</v>
      </c>
      <c r="AI40098">
        <v>63</v>
      </c>
      <c r="AJ40098">
        <v>64</v>
      </c>
      <c r="AK40098">
        <v>65</v>
      </c>
      <c r="AL40098">
        <v>65</v>
      </c>
      <c r="AM40098">
        <v>65</v>
      </c>
      <c r="AN40098">
        <v>65</v>
      </c>
      <c r="AO40098">
        <v>66</v>
      </c>
      <c r="AP40098">
        <v>66</v>
      </c>
      <c r="AQ40098">
        <v>66</v>
      </c>
    </row>
    <row r="40099" spans="1:43">
      <c r="A40099" t="s">
        <v>24833</v>
      </c>
      <c r="B40099" t="s">
        <v>24834</v>
      </c>
      <c r="C40099" t="s">
        <v>18499</v>
      </c>
      <c r="D40099" t="s">
        <v>18500</v>
      </c>
      <c r="E40099" t="s">
        <v>18345</v>
      </c>
      <c r="F40099" t="s">
        <v>18346</v>
      </c>
      <c r="G40099" t="s">
        <v>10734</v>
      </c>
      <c r="H40099" t="s">
        <v>10735</v>
      </c>
      <c r="I40099" s="2">
        <v>0</v>
      </c>
      <c r="J40099" s="2">
        <v>0</v>
      </c>
      <c r="K40099" s="2">
        <v>1</v>
      </c>
      <c r="L40099" t="s">
        <v>995</v>
      </c>
      <c r="M40099" t="s">
        <v>87</v>
      </c>
      <c r="N40099" t="s">
        <v>88</v>
      </c>
      <c r="O40099" t="s">
        <v>85</v>
      </c>
      <c r="P40099" t="s">
        <v>86</v>
      </c>
      <c r="Q40099">
        <v>49</v>
      </c>
      <c r="R40099">
        <v>49</v>
      </c>
      <c r="S40099">
        <v>49</v>
      </c>
      <c r="T40099">
        <v>50</v>
      </c>
      <c r="U40099">
        <v>50</v>
      </c>
      <c r="V40099">
        <v>50</v>
      </c>
      <c r="W40099">
        <v>51</v>
      </c>
      <c r="X40099">
        <v>51</v>
      </c>
      <c r="Y40099">
        <v>51</v>
      </c>
      <c r="Z40099">
        <v>52</v>
      </c>
      <c r="AA40099">
        <v>52</v>
      </c>
      <c r="AB40099">
        <v>52</v>
      </c>
      <c r="AC40099">
        <v>53</v>
      </c>
      <c r="AD40099">
        <v>53</v>
      </c>
      <c r="AE40099">
        <v>53</v>
      </c>
      <c r="AF40099">
        <v>54</v>
      </c>
      <c r="AG40099">
        <v>54</v>
      </c>
      <c r="AH40099">
        <v>54</v>
      </c>
      <c r="AI40099">
        <v>55</v>
      </c>
      <c r="AJ40099">
        <v>55</v>
      </c>
      <c r="AK40099">
        <v>55</v>
      </c>
      <c r="AL40099">
        <v>56</v>
      </c>
      <c r="AM40099">
        <v>56</v>
      </c>
      <c r="AN40099">
        <v>56</v>
      </c>
      <c r="AO40099">
        <v>56</v>
      </c>
      <c r="AP40099">
        <v>57</v>
      </c>
      <c r="AQ40099">
        <v>57</v>
      </c>
    </row>
    <row r="40100" spans="1:43">
      <c r="A40100" t="s">
        <v>24833</v>
      </c>
      <c r="B40100" t="s">
        <v>24834</v>
      </c>
      <c r="C40100" t="s">
        <v>18499</v>
      </c>
      <c r="D40100" t="s">
        <v>18500</v>
      </c>
      <c r="E40100" t="s">
        <v>18345</v>
      </c>
      <c r="F40100" t="s">
        <v>18346</v>
      </c>
      <c r="G40100" t="s">
        <v>10734</v>
      </c>
      <c r="H40100" t="s">
        <v>10735</v>
      </c>
      <c r="I40100" s="2">
        <v>0</v>
      </c>
      <c r="J40100" s="2">
        <v>0</v>
      </c>
      <c r="K40100" s="2">
        <v>1</v>
      </c>
      <c r="L40100" t="s">
        <v>995</v>
      </c>
      <c r="M40100" t="s">
        <v>89</v>
      </c>
      <c r="N40100" t="s">
        <v>90</v>
      </c>
      <c r="O40100" t="s">
        <v>85</v>
      </c>
      <c r="P40100" t="s">
        <v>86</v>
      </c>
      <c r="Q40100">
        <v>49</v>
      </c>
      <c r="R40100">
        <v>51</v>
      </c>
      <c r="S40100">
        <v>52</v>
      </c>
      <c r="T40100">
        <v>53</v>
      </c>
      <c r="U40100">
        <v>54</v>
      </c>
      <c r="V40100">
        <v>55</v>
      </c>
      <c r="W40100">
        <v>57</v>
      </c>
      <c r="X40100">
        <v>58</v>
      </c>
      <c r="Y40100">
        <v>59</v>
      </c>
      <c r="Z40100">
        <v>60</v>
      </c>
      <c r="AA40100">
        <v>61</v>
      </c>
      <c r="AB40100">
        <v>62</v>
      </c>
      <c r="AC40100">
        <v>63</v>
      </c>
      <c r="AD40100">
        <v>64</v>
      </c>
      <c r="AE40100">
        <v>64</v>
      </c>
      <c r="AF40100">
        <v>65</v>
      </c>
      <c r="AG40100">
        <v>65</v>
      </c>
      <c r="AH40100">
        <v>65</v>
      </c>
      <c r="AI40100">
        <v>65</v>
      </c>
      <c r="AJ40100">
        <v>66</v>
      </c>
      <c r="AK40100">
        <v>66</v>
      </c>
      <c r="AL40100">
        <v>66</v>
      </c>
      <c r="AM40100">
        <v>66</v>
      </c>
      <c r="AN40100">
        <v>66</v>
      </c>
      <c r="AO40100">
        <v>66</v>
      </c>
      <c r="AP40100">
        <v>67</v>
      </c>
      <c r="AQ40100">
        <v>67</v>
      </c>
    </row>
    <row r="40101" spans="1:43">
      <c r="A40101" t="s">
        <v>24833</v>
      </c>
      <c r="B40101" t="s">
        <v>24834</v>
      </c>
      <c r="C40101" t="s">
        <v>18499</v>
      </c>
      <c r="D40101" t="s">
        <v>18500</v>
      </c>
      <c r="E40101" t="s">
        <v>18345</v>
      </c>
      <c r="F40101" t="s">
        <v>18346</v>
      </c>
      <c r="G40101" t="s">
        <v>10734</v>
      </c>
      <c r="H40101" t="s">
        <v>10735</v>
      </c>
      <c r="I40101" s="2">
        <v>0</v>
      </c>
      <c r="J40101" s="2">
        <v>0</v>
      </c>
      <c r="K40101" s="2">
        <v>1</v>
      </c>
      <c r="L40101" t="s">
        <v>995</v>
      </c>
      <c r="M40101" t="s">
        <v>83</v>
      </c>
      <c r="N40101" t="s">
        <v>91</v>
      </c>
      <c r="O40101" t="s">
        <v>85</v>
      </c>
      <c r="P40101" t="s">
        <v>86</v>
      </c>
      <c r="Q40101">
        <v>49</v>
      </c>
      <c r="R40101">
        <v>50</v>
      </c>
      <c r="S40101">
        <v>51</v>
      </c>
      <c r="T40101">
        <v>51</v>
      </c>
      <c r="U40101">
        <v>52</v>
      </c>
      <c r="V40101">
        <v>53</v>
      </c>
      <c r="W40101">
        <v>54</v>
      </c>
      <c r="X40101">
        <v>55</v>
      </c>
      <c r="Y40101">
        <v>55</v>
      </c>
      <c r="Z40101">
        <v>56</v>
      </c>
      <c r="AA40101">
        <v>57</v>
      </c>
      <c r="AB40101">
        <v>58</v>
      </c>
      <c r="AC40101">
        <v>59</v>
      </c>
      <c r="AD40101">
        <v>59</v>
      </c>
      <c r="AE40101">
        <v>60</v>
      </c>
      <c r="AF40101">
        <v>61</v>
      </c>
      <c r="AG40101">
        <v>62</v>
      </c>
      <c r="AH40101">
        <v>62</v>
      </c>
      <c r="AI40101">
        <v>63</v>
      </c>
      <c r="AJ40101">
        <v>64</v>
      </c>
      <c r="AK40101">
        <v>65</v>
      </c>
      <c r="AL40101">
        <v>65</v>
      </c>
      <c r="AM40101">
        <v>65</v>
      </c>
      <c r="AN40101">
        <v>65</v>
      </c>
      <c r="AO40101">
        <v>66</v>
      </c>
      <c r="AP40101">
        <v>66</v>
      </c>
      <c r="AQ40101">
        <v>66</v>
      </c>
    </row>
    <row r="40102" spans="1:43">
      <c r="A40102" t="s">
        <v>24835</v>
      </c>
      <c r="B40102" t="s">
        <v>24836</v>
      </c>
      <c r="C40102" t="s">
        <v>18235</v>
      </c>
      <c r="D40102" t="s">
        <v>18236</v>
      </c>
      <c r="E40102" t="s">
        <v>18191</v>
      </c>
      <c r="F40102" t="s">
        <v>18192</v>
      </c>
      <c r="G40102" t="s">
        <v>10734</v>
      </c>
      <c r="H40102" t="s">
        <v>10735</v>
      </c>
      <c r="I40102" s="2">
        <v>0</v>
      </c>
      <c r="J40102" s="2">
        <v>0</v>
      </c>
      <c r="K40102" s="2">
        <v>1</v>
      </c>
      <c r="L40102" t="s">
        <v>995</v>
      </c>
      <c r="M40102" t="s">
        <v>83</v>
      </c>
      <c r="N40102" t="s">
        <v>84</v>
      </c>
      <c r="O40102" t="s">
        <v>85</v>
      </c>
      <c r="P40102" t="s">
        <v>86</v>
      </c>
      <c r="Q40102">
        <v>14</v>
      </c>
      <c r="R40102">
        <v>14</v>
      </c>
      <c r="S40102">
        <v>14</v>
      </c>
      <c r="T40102">
        <v>14</v>
      </c>
      <c r="U40102">
        <v>14</v>
      </c>
      <c r="V40102">
        <v>14</v>
      </c>
      <c r="W40102">
        <v>15</v>
      </c>
      <c r="X40102">
        <v>15</v>
      </c>
      <c r="Y40102">
        <v>15</v>
      </c>
      <c r="Z40102">
        <v>15</v>
      </c>
      <c r="AA40102">
        <v>15</v>
      </c>
      <c r="AB40102">
        <v>15</v>
      </c>
      <c r="AC40102">
        <v>16</v>
      </c>
      <c r="AD40102">
        <v>16</v>
      </c>
      <c r="AE40102">
        <v>16</v>
      </c>
      <c r="AF40102">
        <v>16</v>
      </c>
      <c r="AG40102">
        <v>16</v>
      </c>
      <c r="AH40102">
        <v>16</v>
      </c>
      <c r="AI40102">
        <v>16</v>
      </c>
      <c r="AJ40102">
        <v>17</v>
      </c>
      <c r="AK40102">
        <v>17</v>
      </c>
      <c r="AL40102">
        <v>17</v>
      </c>
      <c r="AM40102">
        <v>17</v>
      </c>
      <c r="AN40102">
        <v>17</v>
      </c>
      <c r="AO40102">
        <v>17</v>
      </c>
      <c r="AP40102">
        <v>17</v>
      </c>
      <c r="AQ40102">
        <v>17</v>
      </c>
    </row>
    <row r="40103" spans="1:43">
      <c r="A40103" t="s">
        <v>24835</v>
      </c>
      <c r="B40103" t="s">
        <v>24836</v>
      </c>
      <c r="C40103" t="s">
        <v>18235</v>
      </c>
      <c r="D40103" t="s">
        <v>18236</v>
      </c>
      <c r="E40103" t="s">
        <v>18191</v>
      </c>
      <c r="F40103" t="s">
        <v>18192</v>
      </c>
      <c r="G40103" t="s">
        <v>10734</v>
      </c>
      <c r="H40103" t="s">
        <v>10735</v>
      </c>
      <c r="I40103" s="2">
        <v>0</v>
      </c>
      <c r="J40103" s="2">
        <v>0</v>
      </c>
      <c r="K40103" s="2">
        <v>1</v>
      </c>
      <c r="L40103" t="s">
        <v>995</v>
      </c>
      <c r="M40103" t="s">
        <v>87</v>
      </c>
      <c r="N40103" t="s">
        <v>88</v>
      </c>
      <c r="O40103" t="s">
        <v>85</v>
      </c>
      <c r="P40103" t="s">
        <v>86</v>
      </c>
      <c r="Q40103">
        <v>14</v>
      </c>
      <c r="R40103">
        <v>14</v>
      </c>
      <c r="S40103">
        <v>14</v>
      </c>
      <c r="T40103">
        <v>15</v>
      </c>
      <c r="U40103">
        <v>15</v>
      </c>
      <c r="V40103">
        <v>15</v>
      </c>
      <c r="W40103">
        <v>15</v>
      </c>
      <c r="X40103">
        <v>15</v>
      </c>
      <c r="Y40103">
        <v>15</v>
      </c>
      <c r="Z40103">
        <v>15</v>
      </c>
      <c r="AA40103">
        <v>15</v>
      </c>
      <c r="AB40103">
        <v>15</v>
      </c>
      <c r="AC40103">
        <v>15</v>
      </c>
      <c r="AD40103">
        <v>15</v>
      </c>
      <c r="AE40103">
        <v>15</v>
      </c>
      <c r="AF40103">
        <v>15</v>
      </c>
      <c r="AG40103">
        <v>15</v>
      </c>
      <c r="AH40103">
        <v>15</v>
      </c>
      <c r="AI40103">
        <v>15</v>
      </c>
      <c r="AJ40103">
        <v>15</v>
      </c>
      <c r="AK40103">
        <v>15</v>
      </c>
      <c r="AL40103">
        <v>15</v>
      </c>
      <c r="AM40103">
        <v>16</v>
      </c>
      <c r="AN40103">
        <v>16</v>
      </c>
      <c r="AO40103">
        <v>16</v>
      </c>
      <c r="AP40103">
        <v>16</v>
      </c>
      <c r="AQ40103">
        <v>16</v>
      </c>
    </row>
    <row r="40104" spans="1:43">
      <c r="A40104" t="s">
        <v>24835</v>
      </c>
      <c r="B40104" t="s">
        <v>24836</v>
      </c>
      <c r="C40104" t="s">
        <v>18235</v>
      </c>
      <c r="D40104" t="s">
        <v>18236</v>
      </c>
      <c r="E40104" t="s">
        <v>18191</v>
      </c>
      <c r="F40104" t="s">
        <v>18192</v>
      </c>
      <c r="G40104" t="s">
        <v>10734</v>
      </c>
      <c r="H40104" t="s">
        <v>10735</v>
      </c>
      <c r="I40104" s="2">
        <v>0</v>
      </c>
      <c r="J40104" s="2">
        <v>0</v>
      </c>
      <c r="K40104" s="2">
        <v>1</v>
      </c>
      <c r="L40104" t="s">
        <v>995</v>
      </c>
      <c r="M40104" t="s">
        <v>89</v>
      </c>
      <c r="N40104" t="s">
        <v>90</v>
      </c>
      <c r="O40104" t="s">
        <v>85</v>
      </c>
      <c r="P40104" t="s">
        <v>86</v>
      </c>
      <c r="Q40104">
        <v>14</v>
      </c>
      <c r="R40104">
        <v>14</v>
      </c>
      <c r="S40104">
        <v>14</v>
      </c>
      <c r="T40104">
        <v>14</v>
      </c>
      <c r="U40104">
        <v>15</v>
      </c>
      <c r="V40104">
        <v>15</v>
      </c>
      <c r="W40104">
        <v>15</v>
      </c>
      <c r="X40104">
        <v>16</v>
      </c>
      <c r="Y40104">
        <v>16</v>
      </c>
      <c r="Z40104">
        <v>16</v>
      </c>
      <c r="AA40104">
        <v>16</v>
      </c>
      <c r="AB40104">
        <v>16</v>
      </c>
      <c r="AC40104">
        <v>17</v>
      </c>
      <c r="AD40104">
        <v>17</v>
      </c>
      <c r="AE40104">
        <v>17</v>
      </c>
      <c r="AF40104">
        <v>17</v>
      </c>
      <c r="AG40104">
        <v>17</v>
      </c>
      <c r="AH40104">
        <v>17</v>
      </c>
      <c r="AI40104">
        <v>17</v>
      </c>
      <c r="AJ40104">
        <v>17</v>
      </c>
      <c r="AK40104">
        <v>17</v>
      </c>
      <c r="AL40104">
        <v>17</v>
      </c>
      <c r="AM40104">
        <v>17</v>
      </c>
      <c r="AN40104">
        <v>17</v>
      </c>
      <c r="AO40104">
        <v>17</v>
      </c>
      <c r="AP40104">
        <v>17</v>
      </c>
      <c r="AQ40104">
        <v>17</v>
      </c>
    </row>
    <row r="40105" spans="1:43">
      <c r="A40105" t="s">
        <v>24835</v>
      </c>
      <c r="B40105" t="s">
        <v>24836</v>
      </c>
      <c r="C40105" t="s">
        <v>18235</v>
      </c>
      <c r="D40105" t="s">
        <v>18236</v>
      </c>
      <c r="E40105" t="s">
        <v>18191</v>
      </c>
      <c r="F40105" t="s">
        <v>18192</v>
      </c>
      <c r="G40105" t="s">
        <v>10734</v>
      </c>
      <c r="H40105" t="s">
        <v>10735</v>
      </c>
      <c r="I40105" s="2">
        <v>0</v>
      </c>
      <c r="J40105" s="2">
        <v>0</v>
      </c>
      <c r="K40105" s="2">
        <v>1</v>
      </c>
      <c r="L40105" t="s">
        <v>995</v>
      </c>
      <c r="M40105" t="s">
        <v>83</v>
      </c>
      <c r="N40105" t="s">
        <v>91</v>
      </c>
      <c r="O40105" t="s">
        <v>85</v>
      </c>
      <c r="P40105" t="s">
        <v>86</v>
      </c>
      <c r="Q40105">
        <v>14</v>
      </c>
      <c r="R40105">
        <v>14</v>
      </c>
      <c r="S40105">
        <v>14</v>
      </c>
      <c r="T40105">
        <v>14</v>
      </c>
      <c r="U40105">
        <v>14</v>
      </c>
      <c r="V40105">
        <v>14</v>
      </c>
      <c r="W40105">
        <v>15</v>
      </c>
      <c r="X40105">
        <v>15</v>
      </c>
      <c r="Y40105">
        <v>15</v>
      </c>
      <c r="Z40105">
        <v>15</v>
      </c>
      <c r="AA40105">
        <v>15</v>
      </c>
      <c r="AB40105">
        <v>15</v>
      </c>
      <c r="AC40105">
        <v>16</v>
      </c>
      <c r="AD40105">
        <v>16</v>
      </c>
      <c r="AE40105">
        <v>16</v>
      </c>
      <c r="AF40105">
        <v>16</v>
      </c>
      <c r="AG40105">
        <v>16</v>
      </c>
      <c r="AH40105">
        <v>16</v>
      </c>
      <c r="AI40105">
        <v>16</v>
      </c>
      <c r="AJ40105">
        <v>17</v>
      </c>
      <c r="AK40105">
        <v>17</v>
      </c>
      <c r="AL40105">
        <v>17</v>
      </c>
      <c r="AM40105">
        <v>17</v>
      </c>
      <c r="AN40105">
        <v>17</v>
      </c>
      <c r="AO40105">
        <v>17</v>
      </c>
      <c r="AP40105">
        <v>17</v>
      </c>
      <c r="AQ40105">
        <v>17</v>
      </c>
    </row>
    <row r="40106" spans="1:43">
      <c r="A40106" t="s">
        <v>24837</v>
      </c>
      <c r="B40106" t="s">
        <v>24838</v>
      </c>
      <c r="C40106" t="s">
        <v>18223</v>
      </c>
      <c r="D40106" t="s">
        <v>18224</v>
      </c>
      <c r="E40106" t="s">
        <v>18191</v>
      </c>
      <c r="F40106" t="s">
        <v>18192</v>
      </c>
      <c r="G40106" t="s">
        <v>10734</v>
      </c>
      <c r="H40106" t="s">
        <v>10735</v>
      </c>
      <c r="I40106" s="2">
        <v>0</v>
      </c>
      <c r="J40106" s="2">
        <v>0</v>
      </c>
      <c r="K40106" s="2">
        <v>1</v>
      </c>
      <c r="L40106" t="s">
        <v>995</v>
      </c>
      <c r="M40106" t="s">
        <v>83</v>
      </c>
      <c r="N40106" t="s">
        <v>84</v>
      </c>
      <c r="O40106" t="s">
        <v>85</v>
      </c>
      <c r="P40106" t="s">
        <v>86</v>
      </c>
      <c r="Q40106">
        <v>17</v>
      </c>
      <c r="R40106">
        <v>17</v>
      </c>
      <c r="S40106">
        <v>17</v>
      </c>
      <c r="T40106">
        <v>17</v>
      </c>
      <c r="U40106">
        <v>18</v>
      </c>
      <c r="V40106">
        <v>18</v>
      </c>
      <c r="W40106">
        <v>18</v>
      </c>
      <c r="X40106">
        <v>18</v>
      </c>
      <c r="Y40106">
        <v>18</v>
      </c>
      <c r="Z40106">
        <v>19</v>
      </c>
      <c r="AA40106">
        <v>19</v>
      </c>
      <c r="AB40106">
        <v>19</v>
      </c>
      <c r="AC40106">
        <v>19</v>
      </c>
      <c r="AD40106">
        <v>20</v>
      </c>
      <c r="AE40106">
        <v>20</v>
      </c>
      <c r="AF40106">
        <v>20</v>
      </c>
      <c r="AG40106">
        <v>20</v>
      </c>
      <c r="AH40106">
        <v>20</v>
      </c>
      <c r="AI40106">
        <v>21</v>
      </c>
      <c r="AJ40106">
        <v>21</v>
      </c>
      <c r="AK40106">
        <v>21</v>
      </c>
      <c r="AL40106">
        <v>21</v>
      </c>
      <c r="AM40106">
        <v>21</v>
      </c>
      <c r="AN40106">
        <v>21</v>
      </c>
      <c r="AO40106">
        <v>21</v>
      </c>
      <c r="AP40106">
        <v>21</v>
      </c>
      <c r="AQ40106">
        <v>21</v>
      </c>
    </row>
    <row r="40107" spans="1:43">
      <c r="A40107" t="s">
        <v>24837</v>
      </c>
      <c r="B40107" t="s">
        <v>24838</v>
      </c>
      <c r="C40107" t="s">
        <v>18223</v>
      </c>
      <c r="D40107" t="s">
        <v>18224</v>
      </c>
      <c r="E40107" t="s">
        <v>18191</v>
      </c>
      <c r="F40107" t="s">
        <v>18192</v>
      </c>
      <c r="G40107" t="s">
        <v>10734</v>
      </c>
      <c r="H40107" t="s">
        <v>10735</v>
      </c>
      <c r="I40107" s="2">
        <v>0</v>
      </c>
      <c r="J40107" s="2">
        <v>0</v>
      </c>
      <c r="K40107" s="2">
        <v>1</v>
      </c>
      <c r="L40107" t="s">
        <v>995</v>
      </c>
      <c r="M40107" t="s">
        <v>87</v>
      </c>
      <c r="N40107" t="s">
        <v>88</v>
      </c>
      <c r="O40107" t="s">
        <v>85</v>
      </c>
      <c r="P40107" t="s">
        <v>86</v>
      </c>
      <c r="Q40107">
        <v>17</v>
      </c>
      <c r="R40107">
        <v>17</v>
      </c>
      <c r="S40107">
        <v>17</v>
      </c>
      <c r="T40107">
        <v>17</v>
      </c>
      <c r="U40107">
        <v>17</v>
      </c>
      <c r="V40107">
        <v>17</v>
      </c>
      <c r="W40107">
        <v>17</v>
      </c>
      <c r="X40107">
        <v>17</v>
      </c>
      <c r="Y40107">
        <v>17</v>
      </c>
      <c r="Z40107">
        <v>17</v>
      </c>
      <c r="AA40107">
        <v>17</v>
      </c>
      <c r="AB40107">
        <v>17</v>
      </c>
      <c r="AC40107">
        <v>17</v>
      </c>
      <c r="AD40107">
        <v>17</v>
      </c>
      <c r="AE40107">
        <v>18</v>
      </c>
      <c r="AF40107">
        <v>18</v>
      </c>
      <c r="AG40107">
        <v>18</v>
      </c>
      <c r="AH40107">
        <v>18</v>
      </c>
      <c r="AI40107">
        <v>18</v>
      </c>
      <c r="AJ40107">
        <v>18</v>
      </c>
      <c r="AK40107">
        <v>18</v>
      </c>
      <c r="AL40107">
        <v>18</v>
      </c>
      <c r="AM40107">
        <v>18</v>
      </c>
      <c r="AN40107">
        <v>18</v>
      </c>
      <c r="AO40107">
        <v>19</v>
      </c>
      <c r="AP40107">
        <v>19</v>
      </c>
      <c r="AQ40107">
        <v>19</v>
      </c>
    </row>
    <row r="40108" spans="1:43">
      <c r="A40108" t="s">
        <v>24837</v>
      </c>
      <c r="B40108" t="s">
        <v>24838</v>
      </c>
      <c r="C40108" t="s">
        <v>18223</v>
      </c>
      <c r="D40108" t="s">
        <v>18224</v>
      </c>
      <c r="E40108" t="s">
        <v>18191</v>
      </c>
      <c r="F40108" t="s">
        <v>18192</v>
      </c>
      <c r="G40108" t="s">
        <v>10734</v>
      </c>
      <c r="H40108" t="s">
        <v>10735</v>
      </c>
      <c r="I40108" s="2">
        <v>0</v>
      </c>
      <c r="J40108" s="2">
        <v>0</v>
      </c>
      <c r="K40108" s="2">
        <v>1</v>
      </c>
      <c r="L40108" t="s">
        <v>995</v>
      </c>
      <c r="M40108" t="s">
        <v>89</v>
      </c>
      <c r="N40108" t="s">
        <v>90</v>
      </c>
      <c r="O40108" t="s">
        <v>85</v>
      </c>
      <c r="P40108" t="s">
        <v>86</v>
      </c>
      <c r="Q40108">
        <v>17</v>
      </c>
      <c r="R40108">
        <v>17</v>
      </c>
      <c r="S40108">
        <v>18</v>
      </c>
      <c r="T40108">
        <v>18</v>
      </c>
      <c r="U40108">
        <v>18</v>
      </c>
      <c r="V40108">
        <v>19</v>
      </c>
      <c r="W40108">
        <v>19</v>
      </c>
      <c r="X40108">
        <v>19</v>
      </c>
      <c r="Y40108">
        <v>20</v>
      </c>
      <c r="Z40108">
        <v>20</v>
      </c>
      <c r="AA40108">
        <v>20</v>
      </c>
      <c r="AB40108">
        <v>20</v>
      </c>
      <c r="AC40108">
        <v>21</v>
      </c>
      <c r="AD40108">
        <v>21</v>
      </c>
      <c r="AE40108">
        <v>21</v>
      </c>
      <c r="AF40108">
        <v>21</v>
      </c>
      <c r="AG40108">
        <v>21</v>
      </c>
      <c r="AH40108">
        <v>21</v>
      </c>
      <c r="AI40108">
        <v>21</v>
      </c>
      <c r="AJ40108">
        <v>21</v>
      </c>
      <c r="AK40108">
        <v>21</v>
      </c>
      <c r="AL40108">
        <v>21</v>
      </c>
      <c r="AM40108">
        <v>21</v>
      </c>
      <c r="AN40108">
        <v>21</v>
      </c>
      <c r="AO40108">
        <v>21</v>
      </c>
      <c r="AP40108">
        <v>22</v>
      </c>
      <c r="AQ40108">
        <v>22</v>
      </c>
    </row>
    <row r="40109" spans="1:43">
      <c r="A40109" t="s">
        <v>24837</v>
      </c>
      <c r="B40109" t="s">
        <v>24838</v>
      </c>
      <c r="C40109" t="s">
        <v>18223</v>
      </c>
      <c r="D40109" t="s">
        <v>18224</v>
      </c>
      <c r="E40109" t="s">
        <v>18191</v>
      </c>
      <c r="F40109" t="s">
        <v>18192</v>
      </c>
      <c r="G40109" t="s">
        <v>10734</v>
      </c>
      <c r="H40109" t="s">
        <v>10735</v>
      </c>
      <c r="I40109" s="2">
        <v>0</v>
      </c>
      <c r="J40109" s="2">
        <v>0</v>
      </c>
      <c r="K40109" s="2">
        <v>1</v>
      </c>
      <c r="L40109" t="s">
        <v>995</v>
      </c>
      <c r="M40109" t="s">
        <v>83</v>
      </c>
      <c r="N40109" t="s">
        <v>91</v>
      </c>
      <c r="O40109" t="s">
        <v>85</v>
      </c>
      <c r="P40109" t="s">
        <v>86</v>
      </c>
      <c r="Q40109">
        <v>17</v>
      </c>
      <c r="R40109">
        <v>17</v>
      </c>
      <c r="S40109">
        <v>17</v>
      </c>
      <c r="T40109">
        <v>17</v>
      </c>
      <c r="U40109">
        <v>18</v>
      </c>
      <c r="V40109">
        <v>18</v>
      </c>
      <c r="W40109">
        <v>18</v>
      </c>
      <c r="X40109">
        <v>18</v>
      </c>
      <c r="Y40109">
        <v>18</v>
      </c>
      <c r="Z40109">
        <v>19</v>
      </c>
      <c r="AA40109">
        <v>19</v>
      </c>
      <c r="AB40109">
        <v>19</v>
      </c>
      <c r="AC40109">
        <v>19</v>
      </c>
      <c r="AD40109">
        <v>20</v>
      </c>
      <c r="AE40109">
        <v>20</v>
      </c>
      <c r="AF40109">
        <v>20</v>
      </c>
      <c r="AG40109">
        <v>20</v>
      </c>
      <c r="AH40109">
        <v>20</v>
      </c>
      <c r="AI40109">
        <v>21</v>
      </c>
      <c r="AJ40109">
        <v>21</v>
      </c>
      <c r="AK40109">
        <v>21</v>
      </c>
      <c r="AL40109">
        <v>21</v>
      </c>
      <c r="AM40109">
        <v>21</v>
      </c>
      <c r="AN40109">
        <v>21</v>
      </c>
      <c r="AO40109">
        <v>21</v>
      </c>
      <c r="AP40109">
        <v>21</v>
      </c>
      <c r="AQ40109">
        <v>21</v>
      </c>
    </row>
    <row r="40110" spans="1:43">
      <c r="A40110" t="s">
        <v>24839</v>
      </c>
      <c r="B40110" t="s">
        <v>24840</v>
      </c>
      <c r="C40110" t="s">
        <v>18235</v>
      </c>
      <c r="D40110" t="s">
        <v>18236</v>
      </c>
      <c r="E40110" t="s">
        <v>18191</v>
      </c>
      <c r="F40110" t="s">
        <v>18192</v>
      </c>
      <c r="G40110" t="s">
        <v>10734</v>
      </c>
      <c r="H40110" t="s">
        <v>10735</v>
      </c>
      <c r="I40110" s="2">
        <v>0</v>
      </c>
      <c r="J40110" s="2">
        <v>0</v>
      </c>
      <c r="K40110" s="2">
        <v>1</v>
      </c>
      <c r="L40110" t="s">
        <v>995</v>
      </c>
      <c r="M40110" t="s">
        <v>83</v>
      </c>
      <c r="N40110" t="s">
        <v>84</v>
      </c>
      <c r="O40110" t="s">
        <v>85</v>
      </c>
      <c r="P40110" t="s">
        <v>86</v>
      </c>
      <c r="Q40110">
        <v>33</v>
      </c>
      <c r="R40110">
        <v>33</v>
      </c>
      <c r="S40110">
        <v>33</v>
      </c>
      <c r="T40110">
        <v>34</v>
      </c>
      <c r="U40110">
        <v>34</v>
      </c>
      <c r="V40110">
        <v>35</v>
      </c>
      <c r="W40110">
        <v>35</v>
      </c>
      <c r="X40110">
        <v>35</v>
      </c>
      <c r="Y40110">
        <v>36</v>
      </c>
      <c r="Z40110">
        <v>36</v>
      </c>
      <c r="AA40110">
        <v>37</v>
      </c>
      <c r="AB40110">
        <v>37</v>
      </c>
      <c r="AC40110">
        <v>37</v>
      </c>
      <c r="AD40110">
        <v>38</v>
      </c>
      <c r="AE40110">
        <v>38</v>
      </c>
      <c r="AF40110">
        <v>39</v>
      </c>
      <c r="AG40110">
        <v>39</v>
      </c>
      <c r="AH40110">
        <v>39</v>
      </c>
      <c r="AI40110">
        <v>40</v>
      </c>
      <c r="AJ40110">
        <v>40</v>
      </c>
      <c r="AK40110">
        <v>41</v>
      </c>
      <c r="AL40110">
        <v>41</v>
      </c>
      <c r="AM40110">
        <v>41</v>
      </c>
      <c r="AN40110">
        <v>41</v>
      </c>
      <c r="AO40110">
        <v>41</v>
      </c>
      <c r="AP40110">
        <v>41</v>
      </c>
      <c r="AQ40110">
        <v>41</v>
      </c>
    </row>
    <row r="40111" spans="1:43">
      <c r="A40111" t="s">
        <v>24839</v>
      </c>
      <c r="B40111" t="s">
        <v>24840</v>
      </c>
      <c r="C40111" t="s">
        <v>18235</v>
      </c>
      <c r="D40111" t="s">
        <v>18236</v>
      </c>
      <c r="E40111" t="s">
        <v>18191</v>
      </c>
      <c r="F40111" t="s">
        <v>18192</v>
      </c>
      <c r="G40111" t="s">
        <v>10734</v>
      </c>
      <c r="H40111" t="s">
        <v>10735</v>
      </c>
      <c r="I40111" s="2">
        <v>0</v>
      </c>
      <c r="J40111" s="2">
        <v>0</v>
      </c>
      <c r="K40111" s="2">
        <v>1</v>
      </c>
      <c r="L40111" t="s">
        <v>995</v>
      </c>
      <c r="M40111" t="s">
        <v>87</v>
      </c>
      <c r="N40111" t="s">
        <v>88</v>
      </c>
      <c r="O40111" t="s">
        <v>85</v>
      </c>
      <c r="P40111" t="s">
        <v>86</v>
      </c>
      <c r="Q40111">
        <v>33</v>
      </c>
      <c r="R40111">
        <v>33</v>
      </c>
      <c r="S40111">
        <v>34</v>
      </c>
      <c r="T40111">
        <v>34</v>
      </c>
      <c r="U40111">
        <v>34</v>
      </c>
      <c r="V40111">
        <v>34</v>
      </c>
      <c r="W40111">
        <v>34</v>
      </c>
      <c r="X40111">
        <v>34</v>
      </c>
      <c r="Y40111">
        <v>34</v>
      </c>
      <c r="Z40111">
        <v>34</v>
      </c>
      <c r="AA40111">
        <v>34</v>
      </c>
      <c r="AB40111">
        <v>34</v>
      </c>
      <c r="AC40111">
        <v>35</v>
      </c>
      <c r="AD40111">
        <v>35</v>
      </c>
      <c r="AE40111">
        <v>35</v>
      </c>
      <c r="AF40111">
        <v>35</v>
      </c>
      <c r="AG40111">
        <v>35</v>
      </c>
      <c r="AH40111">
        <v>35</v>
      </c>
      <c r="AI40111">
        <v>35</v>
      </c>
      <c r="AJ40111">
        <v>35</v>
      </c>
      <c r="AK40111">
        <v>36</v>
      </c>
      <c r="AL40111">
        <v>36</v>
      </c>
      <c r="AM40111">
        <v>36</v>
      </c>
      <c r="AN40111">
        <v>36</v>
      </c>
      <c r="AO40111">
        <v>36</v>
      </c>
      <c r="AP40111">
        <v>36</v>
      </c>
      <c r="AQ40111">
        <v>37</v>
      </c>
    </row>
    <row r="40112" spans="1:43">
      <c r="A40112" t="s">
        <v>24839</v>
      </c>
      <c r="B40112" t="s">
        <v>24840</v>
      </c>
      <c r="C40112" t="s">
        <v>18235</v>
      </c>
      <c r="D40112" t="s">
        <v>18236</v>
      </c>
      <c r="E40112" t="s">
        <v>18191</v>
      </c>
      <c r="F40112" t="s">
        <v>18192</v>
      </c>
      <c r="G40112" t="s">
        <v>10734</v>
      </c>
      <c r="H40112" t="s">
        <v>10735</v>
      </c>
      <c r="I40112" s="2">
        <v>0</v>
      </c>
      <c r="J40112" s="2">
        <v>0</v>
      </c>
      <c r="K40112" s="2">
        <v>1</v>
      </c>
      <c r="L40112" t="s">
        <v>995</v>
      </c>
      <c r="M40112" t="s">
        <v>89</v>
      </c>
      <c r="N40112" t="s">
        <v>90</v>
      </c>
      <c r="O40112" t="s">
        <v>85</v>
      </c>
      <c r="P40112" t="s">
        <v>86</v>
      </c>
      <c r="Q40112">
        <v>33</v>
      </c>
      <c r="R40112">
        <v>34</v>
      </c>
      <c r="S40112">
        <v>34</v>
      </c>
      <c r="T40112">
        <v>35</v>
      </c>
      <c r="U40112">
        <v>36</v>
      </c>
      <c r="V40112">
        <v>36</v>
      </c>
      <c r="W40112">
        <v>37</v>
      </c>
      <c r="X40112">
        <v>37</v>
      </c>
      <c r="Y40112">
        <v>38</v>
      </c>
      <c r="Z40112">
        <v>38</v>
      </c>
      <c r="AA40112">
        <v>39</v>
      </c>
      <c r="AB40112">
        <v>39</v>
      </c>
      <c r="AC40112">
        <v>40</v>
      </c>
      <c r="AD40112">
        <v>41</v>
      </c>
      <c r="AE40112">
        <v>41</v>
      </c>
      <c r="AF40112">
        <v>41</v>
      </c>
      <c r="AG40112">
        <v>41</v>
      </c>
      <c r="AH40112">
        <v>41</v>
      </c>
      <c r="AI40112">
        <v>41</v>
      </c>
      <c r="AJ40112">
        <v>41</v>
      </c>
      <c r="AK40112">
        <v>41</v>
      </c>
      <c r="AL40112">
        <v>41</v>
      </c>
      <c r="AM40112">
        <v>41</v>
      </c>
      <c r="AN40112">
        <v>41</v>
      </c>
      <c r="AO40112">
        <v>41</v>
      </c>
      <c r="AP40112">
        <v>41</v>
      </c>
      <c r="AQ40112">
        <v>41</v>
      </c>
    </row>
    <row r="40113" spans="1:43">
      <c r="A40113" t="s">
        <v>24839</v>
      </c>
      <c r="B40113" t="s">
        <v>24840</v>
      </c>
      <c r="C40113" t="s">
        <v>18235</v>
      </c>
      <c r="D40113" t="s">
        <v>18236</v>
      </c>
      <c r="E40113" t="s">
        <v>18191</v>
      </c>
      <c r="F40113" t="s">
        <v>18192</v>
      </c>
      <c r="G40113" t="s">
        <v>10734</v>
      </c>
      <c r="H40113" t="s">
        <v>10735</v>
      </c>
      <c r="I40113" s="2">
        <v>0</v>
      </c>
      <c r="J40113" s="2">
        <v>0</v>
      </c>
      <c r="K40113" s="2">
        <v>1</v>
      </c>
      <c r="L40113" t="s">
        <v>995</v>
      </c>
      <c r="M40113" t="s">
        <v>83</v>
      </c>
      <c r="N40113" t="s">
        <v>91</v>
      </c>
      <c r="O40113" t="s">
        <v>85</v>
      </c>
      <c r="P40113" t="s">
        <v>86</v>
      </c>
      <c r="Q40113">
        <v>33</v>
      </c>
      <c r="R40113">
        <v>33</v>
      </c>
      <c r="S40113">
        <v>33</v>
      </c>
      <c r="T40113">
        <v>34</v>
      </c>
      <c r="U40113">
        <v>34</v>
      </c>
      <c r="V40113">
        <v>35</v>
      </c>
      <c r="W40113">
        <v>35</v>
      </c>
      <c r="X40113">
        <v>35</v>
      </c>
      <c r="Y40113">
        <v>36</v>
      </c>
      <c r="Z40113">
        <v>36</v>
      </c>
      <c r="AA40113">
        <v>37</v>
      </c>
      <c r="AB40113">
        <v>37</v>
      </c>
      <c r="AC40113">
        <v>37</v>
      </c>
      <c r="AD40113">
        <v>38</v>
      </c>
      <c r="AE40113">
        <v>38</v>
      </c>
      <c r="AF40113">
        <v>39</v>
      </c>
      <c r="AG40113">
        <v>39</v>
      </c>
      <c r="AH40113">
        <v>39</v>
      </c>
      <c r="AI40113">
        <v>40</v>
      </c>
      <c r="AJ40113">
        <v>40</v>
      </c>
      <c r="AK40113">
        <v>41</v>
      </c>
      <c r="AL40113">
        <v>41</v>
      </c>
      <c r="AM40113">
        <v>41</v>
      </c>
      <c r="AN40113">
        <v>41</v>
      </c>
      <c r="AO40113">
        <v>41</v>
      </c>
      <c r="AP40113">
        <v>41</v>
      </c>
      <c r="AQ40113">
        <v>41</v>
      </c>
    </row>
    <row r="40114" spans="1:43">
      <c r="A40114" t="s">
        <v>24841</v>
      </c>
      <c r="B40114" t="s">
        <v>24842</v>
      </c>
      <c r="C40114" t="s">
        <v>18321</v>
      </c>
      <c r="D40114" t="s">
        <v>18322</v>
      </c>
      <c r="E40114" t="s">
        <v>18191</v>
      </c>
      <c r="F40114" t="s">
        <v>18192</v>
      </c>
      <c r="G40114" t="s">
        <v>10734</v>
      </c>
      <c r="H40114" t="s">
        <v>10735</v>
      </c>
      <c r="I40114" s="2">
        <v>0</v>
      </c>
      <c r="J40114" s="2">
        <v>0</v>
      </c>
      <c r="K40114" s="2">
        <v>1</v>
      </c>
      <c r="L40114" t="s">
        <v>995</v>
      </c>
      <c r="M40114" t="s">
        <v>83</v>
      </c>
      <c r="N40114" t="s">
        <v>84</v>
      </c>
      <c r="O40114" t="s">
        <v>85</v>
      </c>
      <c r="P40114" t="s">
        <v>86</v>
      </c>
      <c r="Q40114">
        <v>11</v>
      </c>
      <c r="R40114">
        <v>11</v>
      </c>
      <c r="S40114">
        <v>11</v>
      </c>
      <c r="T40114">
        <v>11</v>
      </c>
      <c r="U40114">
        <v>11</v>
      </c>
      <c r="V40114">
        <v>11</v>
      </c>
      <c r="W40114">
        <v>12</v>
      </c>
      <c r="X40114">
        <v>12</v>
      </c>
      <c r="Y40114">
        <v>12</v>
      </c>
      <c r="Z40114">
        <v>12</v>
      </c>
      <c r="AA40114">
        <v>12</v>
      </c>
      <c r="AB40114">
        <v>12</v>
      </c>
      <c r="AC40114">
        <v>12</v>
      </c>
      <c r="AD40114">
        <v>13</v>
      </c>
      <c r="AE40114">
        <v>13</v>
      </c>
      <c r="AF40114">
        <v>13</v>
      </c>
      <c r="AG40114">
        <v>13</v>
      </c>
      <c r="AH40114">
        <v>13</v>
      </c>
      <c r="AI40114">
        <v>13</v>
      </c>
      <c r="AJ40114">
        <v>13</v>
      </c>
      <c r="AK40114">
        <v>14</v>
      </c>
      <c r="AL40114">
        <v>14</v>
      </c>
      <c r="AM40114">
        <v>14</v>
      </c>
      <c r="AN40114">
        <v>14</v>
      </c>
      <c r="AO40114">
        <v>14</v>
      </c>
      <c r="AP40114">
        <v>14</v>
      </c>
      <c r="AQ40114">
        <v>14</v>
      </c>
    </row>
    <row r="40115" spans="1:43">
      <c r="A40115" t="s">
        <v>24841</v>
      </c>
      <c r="B40115" t="s">
        <v>24842</v>
      </c>
      <c r="C40115" t="s">
        <v>18321</v>
      </c>
      <c r="D40115" t="s">
        <v>18322</v>
      </c>
      <c r="E40115" t="s">
        <v>18191</v>
      </c>
      <c r="F40115" t="s">
        <v>18192</v>
      </c>
      <c r="G40115" t="s">
        <v>10734</v>
      </c>
      <c r="H40115" t="s">
        <v>10735</v>
      </c>
      <c r="I40115" s="2">
        <v>0</v>
      </c>
      <c r="J40115" s="2">
        <v>0</v>
      </c>
      <c r="K40115" s="2">
        <v>1</v>
      </c>
      <c r="L40115" t="s">
        <v>995</v>
      </c>
      <c r="M40115" t="s">
        <v>87</v>
      </c>
      <c r="N40115" t="s">
        <v>88</v>
      </c>
      <c r="O40115" t="s">
        <v>85</v>
      </c>
      <c r="P40115" t="s">
        <v>86</v>
      </c>
      <c r="Q40115">
        <v>11</v>
      </c>
      <c r="R40115">
        <v>11</v>
      </c>
      <c r="S40115">
        <v>11</v>
      </c>
      <c r="T40115">
        <v>11</v>
      </c>
      <c r="U40115">
        <v>11</v>
      </c>
      <c r="V40115">
        <v>11</v>
      </c>
      <c r="W40115">
        <v>11</v>
      </c>
      <c r="X40115">
        <v>11</v>
      </c>
      <c r="Y40115">
        <v>11</v>
      </c>
      <c r="Z40115">
        <v>11</v>
      </c>
      <c r="AA40115">
        <v>11</v>
      </c>
      <c r="AB40115">
        <v>11</v>
      </c>
      <c r="AC40115">
        <v>11</v>
      </c>
      <c r="AD40115">
        <v>11</v>
      </c>
      <c r="AE40115">
        <v>11</v>
      </c>
      <c r="AF40115">
        <v>11</v>
      </c>
      <c r="AG40115">
        <v>11</v>
      </c>
      <c r="AH40115">
        <v>12</v>
      </c>
      <c r="AI40115">
        <v>12</v>
      </c>
      <c r="AJ40115">
        <v>12</v>
      </c>
      <c r="AK40115">
        <v>12</v>
      </c>
      <c r="AL40115">
        <v>12</v>
      </c>
      <c r="AM40115">
        <v>12</v>
      </c>
      <c r="AN40115">
        <v>12</v>
      </c>
      <c r="AO40115">
        <v>12</v>
      </c>
      <c r="AP40115">
        <v>12</v>
      </c>
      <c r="AQ40115">
        <v>12</v>
      </c>
    </row>
    <row r="40116" spans="1:43">
      <c r="A40116" t="s">
        <v>24841</v>
      </c>
      <c r="B40116" t="s">
        <v>24842</v>
      </c>
      <c r="C40116" t="s">
        <v>18321</v>
      </c>
      <c r="D40116" t="s">
        <v>18322</v>
      </c>
      <c r="E40116" t="s">
        <v>18191</v>
      </c>
      <c r="F40116" t="s">
        <v>18192</v>
      </c>
      <c r="G40116" t="s">
        <v>10734</v>
      </c>
      <c r="H40116" t="s">
        <v>10735</v>
      </c>
      <c r="I40116" s="2">
        <v>0</v>
      </c>
      <c r="J40116" s="2">
        <v>0</v>
      </c>
      <c r="K40116" s="2">
        <v>1</v>
      </c>
      <c r="L40116" t="s">
        <v>995</v>
      </c>
      <c r="M40116" t="s">
        <v>89</v>
      </c>
      <c r="N40116" t="s">
        <v>90</v>
      </c>
      <c r="O40116" t="s">
        <v>85</v>
      </c>
      <c r="P40116" t="s">
        <v>86</v>
      </c>
      <c r="Q40116">
        <v>11</v>
      </c>
      <c r="R40116">
        <v>11</v>
      </c>
      <c r="S40116">
        <v>11</v>
      </c>
      <c r="T40116">
        <v>11</v>
      </c>
      <c r="U40116">
        <v>12</v>
      </c>
      <c r="V40116">
        <v>12</v>
      </c>
      <c r="W40116">
        <v>12</v>
      </c>
      <c r="X40116">
        <v>12</v>
      </c>
      <c r="Y40116">
        <v>13</v>
      </c>
      <c r="Z40116">
        <v>13</v>
      </c>
      <c r="AA40116">
        <v>13</v>
      </c>
      <c r="AB40116">
        <v>13</v>
      </c>
      <c r="AC40116">
        <v>13</v>
      </c>
      <c r="AD40116">
        <v>13</v>
      </c>
      <c r="AE40116">
        <v>14</v>
      </c>
      <c r="AF40116">
        <v>14</v>
      </c>
      <c r="AG40116">
        <v>14</v>
      </c>
      <c r="AH40116">
        <v>14</v>
      </c>
      <c r="AI40116">
        <v>14</v>
      </c>
      <c r="AJ40116">
        <v>14</v>
      </c>
      <c r="AK40116">
        <v>14</v>
      </c>
      <c r="AL40116">
        <v>14</v>
      </c>
      <c r="AM40116">
        <v>14</v>
      </c>
      <c r="AN40116">
        <v>14</v>
      </c>
      <c r="AO40116">
        <v>14</v>
      </c>
      <c r="AP40116">
        <v>14</v>
      </c>
      <c r="AQ40116">
        <v>14</v>
      </c>
    </row>
    <row r="40117" spans="1:43">
      <c r="A40117" t="s">
        <v>24841</v>
      </c>
      <c r="B40117" t="s">
        <v>24842</v>
      </c>
      <c r="C40117" t="s">
        <v>18321</v>
      </c>
      <c r="D40117" t="s">
        <v>18322</v>
      </c>
      <c r="E40117" t="s">
        <v>18191</v>
      </c>
      <c r="F40117" t="s">
        <v>18192</v>
      </c>
      <c r="G40117" t="s">
        <v>10734</v>
      </c>
      <c r="H40117" t="s">
        <v>10735</v>
      </c>
      <c r="I40117" s="2">
        <v>0</v>
      </c>
      <c r="J40117" s="2">
        <v>0</v>
      </c>
      <c r="K40117" s="2">
        <v>1</v>
      </c>
      <c r="L40117" t="s">
        <v>995</v>
      </c>
      <c r="M40117" t="s">
        <v>83</v>
      </c>
      <c r="N40117" t="s">
        <v>91</v>
      </c>
      <c r="O40117" t="s">
        <v>85</v>
      </c>
      <c r="P40117" t="s">
        <v>86</v>
      </c>
      <c r="Q40117">
        <v>11</v>
      </c>
      <c r="R40117">
        <v>11</v>
      </c>
      <c r="S40117">
        <v>11</v>
      </c>
      <c r="T40117">
        <v>11</v>
      </c>
      <c r="U40117">
        <v>11</v>
      </c>
      <c r="V40117">
        <v>11</v>
      </c>
      <c r="W40117">
        <v>12</v>
      </c>
      <c r="X40117">
        <v>12</v>
      </c>
      <c r="Y40117">
        <v>12</v>
      </c>
      <c r="Z40117">
        <v>12</v>
      </c>
      <c r="AA40117">
        <v>12</v>
      </c>
      <c r="AB40117">
        <v>12</v>
      </c>
      <c r="AC40117">
        <v>12</v>
      </c>
      <c r="AD40117">
        <v>13</v>
      </c>
      <c r="AE40117">
        <v>13</v>
      </c>
      <c r="AF40117">
        <v>13</v>
      </c>
      <c r="AG40117">
        <v>13</v>
      </c>
      <c r="AH40117">
        <v>13</v>
      </c>
      <c r="AI40117">
        <v>13</v>
      </c>
      <c r="AJ40117">
        <v>13</v>
      </c>
      <c r="AK40117">
        <v>14</v>
      </c>
      <c r="AL40117">
        <v>14</v>
      </c>
      <c r="AM40117">
        <v>14</v>
      </c>
      <c r="AN40117">
        <v>14</v>
      </c>
      <c r="AO40117">
        <v>14</v>
      </c>
      <c r="AP40117">
        <v>14</v>
      </c>
      <c r="AQ40117">
        <v>14</v>
      </c>
    </row>
    <row r="40118" spans="1:43">
      <c r="A40118" t="s">
        <v>24843</v>
      </c>
      <c r="B40118" t="s">
        <v>24844</v>
      </c>
      <c r="C40118" t="s">
        <v>18321</v>
      </c>
      <c r="D40118" t="s">
        <v>18322</v>
      </c>
      <c r="E40118" t="s">
        <v>18191</v>
      </c>
      <c r="F40118" t="s">
        <v>18192</v>
      </c>
      <c r="G40118" t="s">
        <v>10734</v>
      </c>
      <c r="H40118" t="s">
        <v>10735</v>
      </c>
      <c r="I40118" s="2">
        <v>0</v>
      </c>
      <c r="J40118" s="2">
        <v>0</v>
      </c>
      <c r="K40118" s="2">
        <v>1</v>
      </c>
      <c r="L40118" t="s">
        <v>995</v>
      </c>
      <c r="M40118" t="s">
        <v>83</v>
      </c>
      <c r="N40118" t="s">
        <v>84</v>
      </c>
      <c r="O40118" t="s">
        <v>85</v>
      </c>
      <c r="P40118" t="s">
        <v>86</v>
      </c>
      <c r="Q40118">
        <v>49</v>
      </c>
      <c r="R40118">
        <v>49</v>
      </c>
      <c r="S40118">
        <v>50</v>
      </c>
      <c r="T40118">
        <v>51</v>
      </c>
      <c r="U40118">
        <v>51</v>
      </c>
      <c r="V40118">
        <v>52</v>
      </c>
      <c r="W40118">
        <v>52</v>
      </c>
      <c r="X40118">
        <v>53</v>
      </c>
      <c r="Y40118">
        <v>54</v>
      </c>
      <c r="Z40118">
        <v>54</v>
      </c>
      <c r="AA40118">
        <v>55</v>
      </c>
      <c r="AB40118">
        <v>55</v>
      </c>
      <c r="AC40118">
        <v>56</v>
      </c>
      <c r="AD40118">
        <v>57</v>
      </c>
      <c r="AE40118">
        <v>57</v>
      </c>
      <c r="AF40118">
        <v>58</v>
      </c>
      <c r="AG40118">
        <v>58</v>
      </c>
      <c r="AH40118">
        <v>59</v>
      </c>
      <c r="AI40118">
        <v>60</v>
      </c>
      <c r="AJ40118">
        <v>60</v>
      </c>
      <c r="AK40118">
        <v>61</v>
      </c>
      <c r="AL40118">
        <v>61</v>
      </c>
      <c r="AM40118">
        <v>61</v>
      </c>
      <c r="AN40118">
        <v>61</v>
      </c>
      <c r="AO40118">
        <v>62</v>
      </c>
      <c r="AP40118">
        <v>62</v>
      </c>
      <c r="AQ40118">
        <v>62</v>
      </c>
    </row>
    <row r="40119" spans="1:43">
      <c r="A40119" t="s">
        <v>24843</v>
      </c>
      <c r="B40119" t="s">
        <v>24844</v>
      </c>
      <c r="C40119" t="s">
        <v>18321</v>
      </c>
      <c r="D40119" t="s">
        <v>18322</v>
      </c>
      <c r="E40119" t="s">
        <v>18191</v>
      </c>
      <c r="F40119" t="s">
        <v>18192</v>
      </c>
      <c r="G40119" t="s">
        <v>10734</v>
      </c>
      <c r="H40119" t="s">
        <v>10735</v>
      </c>
      <c r="I40119" s="2">
        <v>0</v>
      </c>
      <c r="J40119" s="2">
        <v>0</v>
      </c>
      <c r="K40119" s="2">
        <v>1</v>
      </c>
      <c r="L40119" t="s">
        <v>995</v>
      </c>
      <c r="M40119" t="s">
        <v>87</v>
      </c>
      <c r="N40119" t="s">
        <v>88</v>
      </c>
      <c r="O40119" t="s">
        <v>85</v>
      </c>
      <c r="P40119" t="s">
        <v>86</v>
      </c>
      <c r="Q40119">
        <v>49</v>
      </c>
      <c r="R40119">
        <v>49</v>
      </c>
      <c r="S40119">
        <v>50</v>
      </c>
      <c r="T40119">
        <v>50</v>
      </c>
      <c r="U40119">
        <v>50</v>
      </c>
      <c r="V40119">
        <v>50</v>
      </c>
      <c r="W40119">
        <v>50</v>
      </c>
      <c r="X40119">
        <v>50</v>
      </c>
      <c r="Y40119">
        <v>51</v>
      </c>
      <c r="Z40119">
        <v>51</v>
      </c>
      <c r="AA40119">
        <v>51</v>
      </c>
      <c r="AB40119">
        <v>51</v>
      </c>
      <c r="AC40119">
        <v>51</v>
      </c>
      <c r="AD40119">
        <v>52</v>
      </c>
      <c r="AE40119">
        <v>52</v>
      </c>
      <c r="AF40119">
        <v>52</v>
      </c>
      <c r="AG40119">
        <v>52</v>
      </c>
      <c r="AH40119">
        <v>52</v>
      </c>
      <c r="AI40119">
        <v>53</v>
      </c>
      <c r="AJ40119">
        <v>53</v>
      </c>
      <c r="AK40119">
        <v>53</v>
      </c>
      <c r="AL40119">
        <v>54</v>
      </c>
      <c r="AM40119">
        <v>54</v>
      </c>
      <c r="AN40119">
        <v>54</v>
      </c>
      <c r="AO40119">
        <v>54</v>
      </c>
      <c r="AP40119">
        <v>55</v>
      </c>
      <c r="AQ40119">
        <v>55</v>
      </c>
    </row>
    <row r="40120" spans="1:43">
      <c r="A40120" t="s">
        <v>24843</v>
      </c>
      <c r="B40120" t="s">
        <v>24844</v>
      </c>
      <c r="C40120" t="s">
        <v>18321</v>
      </c>
      <c r="D40120" t="s">
        <v>18322</v>
      </c>
      <c r="E40120" t="s">
        <v>18191</v>
      </c>
      <c r="F40120" t="s">
        <v>18192</v>
      </c>
      <c r="G40120" t="s">
        <v>10734</v>
      </c>
      <c r="H40120" t="s">
        <v>10735</v>
      </c>
      <c r="I40120" s="2">
        <v>0</v>
      </c>
      <c r="J40120" s="2">
        <v>0</v>
      </c>
      <c r="K40120" s="2">
        <v>1</v>
      </c>
      <c r="L40120" t="s">
        <v>995</v>
      </c>
      <c r="M40120" t="s">
        <v>89</v>
      </c>
      <c r="N40120" t="s">
        <v>90</v>
      </c>
      <c r="O40120" t="s">
        <v>85</v>
      </c>
      <c r="P40120" t="s">
        <v>86</v>
      </c>
      <c r="Q40120">
        <v>49</v>
      </c>
      <c r="R40120">
        <v>50</v>
      </c>
      <c r="S40120">
        <v>51</v>
      </c>
      <c r="T40120">
        <v>52</v>
      </c>
      <c r="U40120">
        <v>53</v>
      </c>
      <c r="V40120">
        <v>54</v>
      </c>
      <c r="W40120">
        <v>55</v>
      </c>
      <c r="X40120">
        <v>56</v>
      </c>
      <c r="Y40120">
        <v>57</v>
      </c>
      <c r="Z40120">
        <v>58</v>
      </c>
      <c r="AA40120">
        <v>58</v>
      </c>
      <c r="AB40120">
        <v>59</v>
      </c>
      <c r="AC40120">
        <v>60</v>
      </c>
      <c r="AD40120">
        <v>61</v>
      </c>
      <c r="AE40120">
        <v>61</v>
      </c>
      <c r="AF40120">
        <v>61</v>
      </c>
      <c r="AG40120">
        <v>61</v>
      </c>
      <c r="AH40120">
        <v>61</v>
      </c>
      <c r="AI40120">
        <v>61</v>
      </c>
      <c r="AJ40120">
        <v>61</v>
      </c>
      <c r="AK40120">
        <v>62</v>
      </c>
      <c r="AL40120">
        <v>62</v>
      </c>
      <c r="AM40120">
        <v>62</v>
      </c>
      <c r="AN40120">
        <v>62</v>
      </c>
      <c r="AO40120">
        <v>62</v>
      </c>
      <c r="AP40120">
        <v>62</v>
      </c>
      <c r="AQ40120">
        <v>62</v>
      </c>
    </row>
    <row r="40121" spans="1:43">
      <c r="A40121" t="s">
        <v>24843</v>
      </c>
      <c r="B40121" t="s">
        <v>24844</v>
      </c>
      <c r="C40121" t="s">
        <v>18321</v>
      </c>
      <c r="D40121" t="s">
        <v>18322</v>
      </c>
      <c r="E40121" t="s">
        <v>18191</v>
      </c>
      <c r="F40121" t="s">
        <v>18192</v>
      </c>
      <c r="G40121" t="s">
        <v>10734</v>
      </c>
      <c r="H40121" t="s">
        <v>10735</v>
      </c>
      <c r="I40121" s="2">
        <v>0</v>
      </c>
      <c r="J40121" s="2">
        <v>0</v>
      </c>
      <c r="K40121" s="2">
        <v>1</v>
      </c>
      <c r="L40121" t="s">
        <v>995</v>
      </c>
      <c r="M40121" t="s">
        <v>83</v>
      </c>
      <c r="N40121" t="s">
        <v>91</v>
      </c>
      <c r="O40121" t="s">
        <v>85</v>
      </c>
      <c r="P40121" t="s">
        <v>86</v>
      </c>
      <c r="Q40121">
        <v>49</v>
      </c>
      <c r="R40121">
        <v>49</v>
      </c>
      <c r="S40121">
        <v>50</v>
      </c>
      <c r="T40121">
        <v>51</v>
      </c>
      <c r="U40121">
        <v>51</v>
      </c>
      <c r="V40121">
        <v>52</v>
      </c>
      <c r="W40121">
        <v>52</v>
      </c>
      <c r="X40121">
        <v>53</v>
      </c>
      <c r="Y40121">
        <v>54</v>
      </c>
      <c r="Z40121">
        <v>54</v>
      </c>
      <c r="AA40121">
        <v>55</v>
      </c>
      <c r="AB40121">
        <v>55</v>
      </c>
      <c r="AC40121">
        <v>56</v>
      </c>
      <c r="AD40121">
        <v>57</v>
      </c>
      <c r="AE40121">
        <v>57</v>
      </c>
      <c r="AF40121">
        <v>58</v>
      </c>
      <c r="AG40121">
        <v>58</v>
      </c>
      <c r="AH40121">
        <v>59</v>
      </c>
      <c r="AI40121">
        <v>60</v>
      </c>
      <c r="AJ40121">
        <v>60</v>
      </c>
      <c r="AK40121">
        <v>61</v>
      </c>
      <c r="AL40121">
        <v>61</v>
      </c>
      <c r="AM40121">
        <v>61</v>
      </c>
      <c r="AN40121">
        <v>61</v>
      </c>
      <c r="AO40121">
        <v>62</v>
      </c>
      <c r="AP40121">
        <v>62</v>
      </c>
      <c r="AQ40121">
        <v>62</v>
      </c>
    </row>
    <row r="40122" spans="1:43">
      <c r="A40122" t="s">
        <v>24845</v>
      </c>
      <c r="B40122" t="s">
        <v>24846</v>
      </c>
      <c r="C40122" t="s">
        <v>18263</v>
      </c>
      <c r="D40122" t="s">
        <v>18264</v>
      </c>
      <c r="E40122" t="s">
        <v>18191</v>
      </c>
      <c r="F40122" t="s">
        <v>18192</v>
      </c>
      <c r="G40122" t="s">
        <v>10734</v>
      </c>
      <c r="H40122" t="s">
        <v>10735</v>
      </c>
      <c r="I40122" s="2">
        <v>0</v>
      </c>
      <c r="J40122" s="2">
        <v>0</v>
      </c>
      <c r="K40122" s="2">
        <v>1</v>
      </c>
      <c r="L40122" t="s">
        <v>995</v>
      </c>
      <c r="M40122" t="s">
        <v>83</v>
      </c>
      <c r="N40122" t="s">
        <v>84</v>
      </c>
      <c r="O40122" t="s">
        <v>85</v>
      </c>
      <c r="P40122" t="s">
        <v>86</v>
      </c>
      <c r="Q40122">
        <v>32</v>
      </c>
      <c r="R40122">
        <v>32</v>
      </c>
      <c r="S40122">
        <v>33</v>
      </c>
      <c r="T40122">
        <v>33</v>
      </c>
      <c r="U40122">
        <v>33</v>
      </c>
      <c r="V40122">
        <v>34</v>
      </c>
      <c r="W40122">
        <v>34</v>
      </c>
      <c r="X40122">
        <v>35</v>
      </c>
      <c r="Y40122">
        <v>35</v>
      </c>
      <c r="Z40122">
        <v>36</v>
      </c>
      <c r="AA40122">
        <v>36</v>
      </c>
      <c r="AB40122">
        <v>37</v>
      </c>
      <c r="AC40122">
        <v>37</v>
      </c>
      <c r="AD40122">
        <v>38</v>
      </c>
      <c r="AE40122">
        <v>38</v>
      </c>
      <c r="AF40122">
        <v>39</v>
      </c>
      <c r="AG40122">
        <v>39</v>
      </c>
      <c r="AH40122">
        <v>40</v>
      </c>
      <c r="AI40122">
        <v>40</v>
      </c>
      <c r="AJ40122">
        <v>41</v>
      </c>
      <c r="AK40122">
        <v>41</v>
      </c>
      <c r="AL40122">
        <v>42</v>
      </c>
      <c r="AM40122">
        <v>42</v>
      </c>
      <c r="AN40122">
        <v>42</v>
      </c>
      <c r="AO40122">
        <v>42</v>
      </c>
      <c r="AP40122">
        <v>43</v>
      </c>
      <c r="AQ40122">
        <v>43</v>
      </c>
    </row>
    <row r="40123" spans="1:43">
      <c r="A40123" t="s">
        <v>24845</v>
      </c>
      <c r="B40123" t="s">
        <v>24846</v>
      </c>
      <c r="C40123" t="s">
        <v>18263</v>
      </c>
      <c r="D40123" t="s">
        <v>18264</v>
      </c>
      <c r="E40123" t="s">
        <v>18191</v>
      </c>
      <c r="F40123" t="s">
        <v>18192</v>
      </c>
      <c r="G40123" t="s">
        <v>10734</v>
      </c>
      <c r="H40123" t="s">
        <v>10735</v>
      </c>
      <c r="I40123" s="2">
        <v>0</v>
      </c>
      <c r="J40123" s="2">
        <v>0</v>
      </c>
      <c r="K40123" s="2">
        <v>1</v>
      </c>
      <c r="L40123" t="s">
        <v>995</v>
      </c>
      <c r="M40123" t="s">
        <v>87</v>
      </c>
      <c r="N40123" t="s">
        <v>88</v>
      </c>
      <c r="O40123" t="s">
        <v>85</v>
      </c>
      <c r="P40123" t="s">
        <v>86</v>
      </c>
      <c r="Q40123">
        <v>32</v>
      </c>
      <c r="R40123">
        <v>32</v>
      </c>
      <c r="S40123">
        <v>33</v>
      </c>
      <c r="T40123">
        <v>33</v>
      </c>
      <c r="U40123">
        <v>33</v>
      </c>
      <c r="V40123">
        <v>33</v>
      </c>
      <c r="W40123">
        <v>33</v>
      </c>
      <c r="X40123">
        <v>34</v>
      </c>
      <c r="Y40123">
        <v>34</v>
      </c>
      <c r="Z40123">
        <v>34</v>
      </c>
      <c r="AA40123">
        <v>34</v>
      </c>
      <c r="AB40123">
        <v>34</v>
      </c>
      <c r="AC40123">
        <v>35</v>
      </c>
      <c r="AD40123">
        <v>35</v>
      </c>
      <c r="AE40123">
        <v>35</v>
      </c>
      <c r="AF40123">
        <v>35</v>
      </c>
      <c r="AG40123">
        <v>35</v>
      </c>
      <c r="AH40123">
        <v>36</v>
      </c>
      <c r="AI40123">
        <v>36</v>
      </c>
      <c r="AJ40123">
        <v>36</v>
      </c>
      <c r="AK40123">
        <v>37</v>
      </c>
      <c r="AL40123">
        <v>37</v>
      </c>
      <c r="AM40123">
        <v>37</v>
      </c>
      <c r="AN40123">
        <v>37</v>
      </c>
      <c r="AO40123">
        <v>38</v>
      </c>
      <c r="AP40123">
        <v>38</v>
      </c>
      <c r="AQ40123">
        <v>38</v>
      </c>
    </row>
    <row r="40124" spans="1:43">
      <c r="A40124" t="s">
        <v>24845</v>
      </c>
      <c r="B40124" t="s">
        <v>24846</v>
      </c>
      <c r="C40124" t="s">
        <v>18263</v>
      </c>
      <c r="D40124" t="s">
        <v>18264</v>
      </c>
      <c r="E40124" t="s">
        <v>18191</v>
      </c>
      <c r="F40124" t="s">
        <v>18192</v>
      </c>
      <c r="G40124" t="s">
        <v>10734</v>
      </c>
      <c r="H40124" t="s">
        <v>10735</v>
      </c>
      <c r="I40124" s="2">
        <v>0</v>
      </c>
      <c r="J40124" s="2">
        <v>0</v>
      </c>
      <c r="K40124" s="2">
        <v>1</v>
      </c>
      <c r="L40124" t="s">
        <v>995</v>
      </c>
      <c r="M40124" t="s">
        <v>89</v>
      </c>
      <c r="N40124" t="s">
        <v>90</v>
      </c>
      <c r="O40124" t="s">
        <v>85</v>
      </c>
      <c r="P40124" t="s">
        <v>86</v>
      </c>
      <c r="Q40124">
        <v>32</v>
      </c>
      <c r="R40124">
        <v>33</v>
      </c>
      <c r="S40124">
        <v>33</v>
      </c>
      <c r="T40124">
        <v>34</v>
      </c>
      <c r="U40124">
        <v>35</v>
      </c>
      <c r="V40124">
        <v>36</v>
      </c>
      <c r="W40124">
        <v>36</v>
      </c>
      <c r="X40124">
        <v>37</v>
      </c>
      <c r="Y40124">
        <v>37</v>
      </c>
      <c r="Z40124">
        <v>38</v>
      </c>
      <c r="AA40124">
        <v>39</v>
      </c>
      <c r="AB40124">
        <v>39</v>
      </c>
      <c r="AC40124">
        <v>40</v>
      </c>
      <c r="AD40124">
        <v>40</v>
      </c>
      <c r="AE40124">
        <v>41</v>
      </c>
      <c r="AF40124">
        <v>41</v>
      </c>
      <c r="AG40124">
        <v>41</v>
      </c>
      <c r="AH40124">
        <v>41</v>
      </c>
      <c r="AI40124">
        <v>42</v>
      </c>
      <c r="AJ40124">
        <v>42</v>
      </c>
      <c r="AK40124">
        <v>42</v>
      </c>
      <c r="AL40124">
        <v>42</v>
      </c>
      <c r="AM40124">
        <v>42</v>
      </c>
      <c r="AN40124">
        <v>43</v>
      </c>
      <c r="AO40124">
        <v>43</v>
      </c>
      <c r="AP40124">
        <v>43</v>
      </c>
      <c r="AQ40124">
        <v>43</v>
      </c>
    </row>
    <row r="40125" spans="1:43">
      <c r="A40125" t="s">
        <v>24845</v>
      </c>
      <c r="B40125" t="s">
        <v>24846</v>
      </c>
      <c r="C40125" t="s">
        <v>18263</v>
      </c>
      <c r="D40125" t="s">
        <v>18264</v>
      </c>
      <c r="E40125" t="s">
        <v>18191</v>
      </c>
      <c r="F40125" t="s">
        <v>18192</v>
      </c>
      <c r="G40125" t="s">
        <v>10734</v>
      </c>
      <c r="H40125" t="s">
        <v>10735</v>
      </c>
      <c r="I40125" s="2">
        <v>0</v>
      </c>
      <c r="J40125" s="2">
        <v>0</v>
      </c>
      <c r="K40125" s="2">
        <v>1</v>
      </c>
      <c r="L40125" t="s">
        <v>995</v>
      </c>
      <c r="M40125" t="s">
        <v>83</v>
      </c>
      <c r="N40125" t="s">
        <v>91</v>
      </c>
      <c r="O40125" t="s">
        <v>85</v>
      </c>
      <c r="P40125" t="s">
        <v>86</v>
      </c>
      <c r="Q40125">
        <v>32</v>
      </c>
      <c r="R40125">
        <v>32</v>
      </c>
      <c r="S40125">
        <v>33</v>
      </c>
      <c r="T40125">
        <v>33</v>
      </c>
      <c r="U40125">
        <v>33</v>
      </c>
      <c r="V40125">
        <v>34</v>
      </c>
      <c r="W40125">
        <v>34</v>
      </c>
      <c r="X40125">
        <v>35</v>
      </c>
      <c r="Y40125">
        <v>35</v>
      </c>
      <c r="Z40125">
        <v>36</v>
      </c>
      <c r="AA40125">
        <v>36</v>
      </c>
      <c r="AB40125">
        <v>37</v>
      </c>
      <c r="AC40125">
        <v>37</v>
      </c>
      <c r="AD40125">
        <v>38</v>
      </c>
      <c r="AE40125">
        <v>38</v>
      </c>
      <c r="AF40125">
        <v>39</v>
      </c>
      <c r="AG40125">
        <v>39</v>
      </c>
      <c r="AH40125">
        <v>40</v>
      </c>
      <c r="AI40125">
        <v>40</v>
      </c>
      <c r="AJ40125">
        <v>41</v>
      </c>
      <c r="AK40125">
        <v>41</v>
      </c>
      <c r="AL40125">
        <v>42</v>
      </c>
      <c r="AM40125">
        <v>42</v>
      </c>
      <c r="AN40125">
        <v>42</v>
      </c>
      <c r="AO40125">
        <v>42</v>
      </c>
      <c r="AP40125">
        <v>43</v>
      </c>
      <c r="AQ40125">
        <v>43</v>
      </c>
    </row>
    <row r="40126" spans="1:43">
      <c r="A40126" t="s">
        <v>24847</v>
      </c>
      <c r="B40126" t="s">
        <v>24848</v>
      </c>
      <c r="C40126" t="s">
        <v>18205</v>
      </c>
      <c r="D40126" t="s">
        <v>18206</v>
      </c>
      <c r="E40126" t="s">
        <v>18191</v>
      </c>
      <c r="F40126" t="s">
        <v>18192</v>
      </c>
      <c r="G40126" t="s">
        <v>10734</v>
      </c>
      <c r="H40126" t="s">
        <v>10735</v>
      </c>
      <c r="I40126" s="2">
        <v>0</v>
      </c>
      <c r="J40126" s="2">
        <v>0</v>
      </c>
      <c r="K40126" s="2">
        <v>1</v>
      </c>
      <c r="L40126" t="s">
        <v>995</v>
      </c>
      <c r="M40126" t="s">
        <v>83</v>
      </c>
      <c r="N40126" t="s">
        <v>84</v>
      </c>
      <c r="O40126" t="s">
        <v>85</v>
      </c>
      <c r="P40126" t="s">
        <v>86</v>
      </c>
      <c r="Q40126">
        <v>19</v>
      </c>
      <c r="R40126">
        <v>19</v>
      </c>
      <c r="S40126">
        <v>19</v>
      </c>
      <c r="T40126">
        <v>19</v>
      </c>
      <c r="U40126">
        <v>20</v>
      </c>
      <c r="V40126">
        <v>20</v>
      </c>
      <c r="W40126">
        <v>20</v>
      </c>
      <c r="X40126">
        <v>20</v>
      </c>
      <c r="Y40126">
        <v>20</v>
      </c>
      <c r="Z40126">
        <v>21</v>
      </c>
      <c r="AA40126">
        <v>21</v>
      </c>
      <c r="AB40126">
        <v>21</v>
      </c>
      <c r="AC40126">
        <v>21</v>
      </c>
      <c r="AD40126">
        <v>22</v>
      </c>
      <c r="AE40126">
        <v>22</v>
      </c>
      <c r="AF40126">
        <v>22</v>
      </c>
      <c r="AG40126">
        <v>22</v>
      </c>
      <c r="AH40126">
        <v>23</v>
      </c>
      <c r="AI40126">
        <v>23</v>
      </c>
      <c r="AJ40126">
        <v>23</v>
      </c>
      <c r="AK40126">
        <v>23</v>
      </c>
      <c r="AL40126">
        <v>23</v>
      </c>
      <c r="AM40126">
        <v>23</v>
      </c>
      <c r="AN40126">
        <v>23</v>
      </c>
      <c r="AO40126">
        <v>24</v>
      </c>
      <c r="AP40126">
        <v>24</v>
      </c>
      <c r="AQ40126">
        <v>24</v>
      </c>
    </row>
    <row r="40127" spans="1:43">
      <c r="A40127" t="s">
        <v>24847</v>
      </c>
      <c r="B40127" t="s">
        <v>24848</v>
      </c>
      <c r="C40127" t="s">
        <v>18205</v>
      </c>
      <c r="D40127" t="s">
        <v>18206</v>
      </c>
      <c r="E40127" t="s">
        <v>18191</v>
      </c>
      <c r="F40127" t="s">
        <v>18192</v>
      </c>
      <c r="G40127" t="s">
        <v>10734</v>
      </c>
      <c r="H40127" t="s">
        <v>10735</v>
      </c>
      <c r="I40127" s="2">
        <v>0</v>
      </c>
      <c r="J40127" s="2">
        <v>0</v>
      </c>
      <c r="K40127" s="2">
        <v>1</v>
      </c>
      <c r="L40127" t="s">
        <v>995</v>
      </c>
      <c r="M40127" t="s">
        <v>87</v>
      </c>
      <c r="N40127" t="s">
        <v>88</v>
      </c>
      <c r="O40127" t="s">
        <v>85</v>
      </c>
      <c r="P40127" t="s">
        <v>86</v>
      </c>
      <c r="Q40127">
        <v>19</v>
      </c>
      <c r="R40127">
        <v>19</v>
      </c>
      <c r="S40127">
        <v>20</v>
      </c>
      <c r="T40127">
        <v>20</v>
      </c>
      <c r="U40127">
        <v>20</v>
      </c>
      <c r="V40127">
        <v>20</v>
      </c>
      <c r="W40127">
        <v>20</v>
      </c>
      <c r="X40127">
        <v>20</v>
      </c>
      <c r="Y40127">
        <v>20</v>
      </c>
      <c r="Z40127">
        <v>20</v>
      </c>
      <c r="AA40127">
        <v>20</v>
      </c>
      <c r="AB40127">
        <v>20</v>
      </c>
      <c r="AC40127">
        <v>20</v>
      </c>
      <c r="AD40127">
        <v>20</v>
      </c>
      <c r="AE40127">
        <v>20</v>
      </c>
      <c r="AF40127">
        <v>20</v>
      </c>
      <c r="AG40127">
        <v>21</v>
      </c>
      <c r="AH40127">
        <v>21</v>
      </c>
      <c r="AI40127">
        <v>21</v>
      </c>
      <c r="AJ40127">
        <v>21</v>
      </c>
      <c r="AK40127">
        <v>21</v>
      </c>
      <c r="AL40127">
        <v>21</v>
      </c>
      <c r="AM40127">
        <v>21</v>
      </c>
      <c r="AN40127">
        <v>21</v>
      </c>
      <c r="AO40127">
        <v>21</v>
      </c>
      <c r="AP40127">
        <v>22</v>
      </c>
      <c r="AQ40127">
        <v>22</v>
      </c>
    </row>
    <row r="40128" spans="1:43">
      <c r="A40128" t="s">
        <v>24847</v>
      </c>
      <c r="B40128" t="s">
        <v>24848</v>
      </c>
      <c r="C40128" t="s">
        <v>18205</v>
      </c>
      <c r="D40128" t="s">
        <v>18206</v>
      </c>
      <c r="E40128" t="s">
        <v>18191</v>
      </c>
      <c r="F40128" t="s">
        <v>18192</v>
      </c>
      <c r="G40128" t="s">
        <v>10734</v>
      </c>
      <c r="H40128" t="s">
        <v>10735</v>
      </c>
      <c r="I40128" s="2">
        <v>0</v>
      </c>
      <c r="J40128" s="2">
        <v>0</v>
      </c>
      <c r="K40128" s="2">
        <v>1</v>
      </c>
      <c r="L40128" t="s">
        <v>995</v>
      </c>
      <c r="M40128" t="s">
        <v>89</v>
      </c>
      <c r="N40128" t="s">
        <v>90</v>
      </c>
      <c r="O40128" t="s">
        <v>85</v>
      </c>
      <c r="P40128" t="s">
        <v>86</v>
      </c>
      <c r="Q40128">
        <v>19</v>
      </c>
      <c r="R40128">
        <v>19</v>
      </c>
      <c r="S40128">
        <v>20</v>
      </c>
      <c r="T40128">
        <v>20</v>
      </c>
      <c r="U40128">
        <v>20</v>
      </c>
      <c r="V40128">
        <v>21</v>
      </c>
      <c r="W40128">
        <v>21</v>
      </c>
      <c r="X40128">
        <v>21</v>
      </c>
      <c r="Y40128">
        <v>22</v>
      </c>
      <c r="Z40128">
        <v>22</v>
      </c>
      <c r="AA40128">
        <v>22</v>
      </c>
      <c r="AB40128">
        <v>23</v>
      </c>
      <c r="AC40128">
        <v>23</v>
      </c>
      <c r="AD40128">
        <v>23</v>
      </c>
      <c r="AE40128">
        <v>23</v>
      </c>
      <c r="AF40128">
        <v>23</v>
      </c>
      <c r="AG40128">
        <v>23</v>
      </c>
      <c r="AH40128">
        <v>23</v>
      </c>
      <c r="AI40128">
        <v>23</v>
      </c>
      <c r="AJ40128">
        <v>23</v>
      </c>
      <c r="AK40128">
        <v>23</v>
      </c>
      <c r="AL40128">
        <v>24</v>
      </c>
      <c r="AM40128">
        <v>24</v>
      </c>
      <c r="AN40128">
        <v>24</v>
      </c>
      <c r="AO40128">
        <v>24</v>
      </c>
      <c r="AP40128">
        <v>24</v>
      </c>
      <c r="AQ40128">
        <v>24</v>
      </c>
    </row>
    <row r="40129" spans="1:43">
      <c r="A40129" t="s">
        <v>24847</v>
      </c>
      <c r="B40129" t="s">
        <v>24848</v>
      </c>
      <c r="C40129" t="s">
        <v>18205</v>
      </c>
      <c r="D40129" t="s">
        <v>18206</v>
      </c>
      <c r="E40129" t="s">
        <v>18191</v>
      </c>
      <c r="F40129" t="s">
        <v>18192</v>
      </c>
      <c r="G40129" t="s">
        <v>10734</v>
      </c>
      <c r="H40129" t="s">
        <v>10735</v>
      </c>
      <c r="I40129" s="2">
        <v>0</v>
      </c>
      <c r="J40129" s="2">
        <v>0</v>
      </c>
      <c r="K40129" s="2">
        <v>1</v>
      </c>
      <c r="L40129" t="s">
        <v>995</v>
      </c>
      <c r="M40129" t="s">
        <v>83</v>
      </c>
      <c r="N40129" t="s">
        <v>91</v>
      </c>
      <c r="O40129" t="s">
        <v>85</v>
      </c>
      <c r="P40129" t="s">
        <v>86</v>
      </c>
      <c r="Q40129">
        <v>19</v>
      </c>
      <c r="R40129">
        <v>19</v>
      </c>
      <c r="S40129">
        <v>19</v>
      </c>
      <c r="T40129">
        <v>19</v>
      </c>
      <c r="U40129">
        <v>20</v>
      </c>
      <c r="V40129">
        <v>20</v>
      </c>
      <c r="W40129">
        <v>20</v>
      </c>
      <c r="X40129">
        <v>20</v>
      </c>
      <c r="Y40129">
        <v>20</v>
      </c>
      <c r="Z40129">
        <v>21</v>
      </c>
      <c r="AA40129">
        <v>21</v>
      </c>
      <c r="AB40129">
        <v>21</v>
      </c>
      <c r="AC40129">
        <v>21</v>
      </c>
      <c r="AD40129">
        <v>22</v>
      </c>
      <c r="AE40129">
        <v>22</v>
      </c>
      <c r="AF40129">
        <v>22</v>
      </c>
      <c r="AG40129">
        <v>22</v>
      </c>
      <c r="AH40129">
        <v>23</v>
      </c>
      <c r="AI40129">
        <v>23</v>
      </c>
      <c r="AJ40129">
        <v>23</v>
      </c>
      <c r="AK40129">
        <v>23</v>
      </c>
      <c r="AL40129">
        <v>23</v>
      </c>
      <c r="AM40129">
        <v>23</v>
      </c>
      <c r="AN40129">
        <v>23</v>
      </c>
      <c r="AO40129">
        <v>24</v>
      </c>
      <c r="AP40129">
        <v>24</v>
      </c>
      <c r="AQ40129">
        <v>24</v>
      </c>
    </row>
    <row r="40130" spans="1:43">
      <c r="A40130" t="s">
        <v>24849</v>
      </c>
      <c r="B40130" t="s">
        <v>24850</v>
      </c>
      <c r="C40130" t="s">
        <v>18263</v>
      </c>
      <c r="D40130" t="s">
        <v>18264</v>
      </c>
      <c r="E40130" t="s">
        <v>18191</v>
      </c>
      <c r="F40130" t="s">
        <v>18192</v>
      </c>
      <c r="G40130" t="s">
        <v>10734</v>
      </c>
      <c r="H40130" t="s">
        <v>10735</v>
      </c>
      <c r="I40130" s="2">
        <v>0</v>
      </c>
      <c r="J40130" s="2">
        <v>0</v>
      </c>
      <c r="K40130" s="2">
        <v>1</v>
      </c>
      <c r="L40130" t="s">
        <v>995</v>
      </c>
      <c r="M40130" t="s">
        <v>83</v>
      </c>
      <c r="N40130" t="s">
        <v>84</v>
      </c>
      <c r="O40130" t="s">
        <v>85</v>
      </c>
      <c r="P40130" t="s">
        <v>86</v>
      </c>
      <c r="Q40130">
        <v>18</v>
      </c>
      <c r="R40130">
        <v>19</v>
      </c>
      <c r="S40130">
        <v>19</v>
      </c>
      <c r="T40130">
        <v>19</v>
      </c>
      <c r="U40130">
        <v>19</v>
      </c>
      <c r="V40130">
        <v>20</v>
      </c>
      <c r="W40130">
        <v>20</v>
      </c>
      <c r="X40130">
        <v>20</v>
      </c>
      <c r="Y40130">
        <v>20</v>
      </c>
      <c r="Z40130">
        <v>21</v>
      </c>
      <c r="AA40130">
        <v>21</v>
      </c>
      <c r="AB40130">
        <v>21</v>
      </c>
      <c r="AC40130">
        <v>22</v>
      </c>
      <c r="AD40130">
        <v>22</v>
      </c>
      <c r="AE40130">
        <v>22</v>
      </c>
      <c r="AF40130">
        <v>22</v>
      </c>
      <c r="AG40130">
        <v>23</v>
      </c>
      <c r="AH40130">
        <v>23</v>
      </c>
      <c r="AI40130">
        <v>23</v>
      </c>
      <c r="AJ40130">
        <v>24</v>
      </c>
      <c r="AK40130">
        <v>24</v>
      </c>
      <c r="AL40130">
        <v>24</v>
      </c>
      <c r="AM40130">
        <v>24</v>
      </c>
      <c r="AN40130">
        <v>24</v>
      </c>
      <c r="AO40130">
        <v>24</v>
      </c>
      <c r="AP40130">
        <v>25</v>
      </c>
      <c r="AQ40130">
        <v>25</v>
      </c>
    </row>
    <row r="40131" spans="1:43">
      <c r="A40131" t="s">
        <v>24849</v>
      </c>
      <c r="B40131" t="s">
        <v>24850</v>
      </c>
      <c r="C40131" t="s">
        <v>18263</v>
      </c>
      <c r="D40131" t="s">
        <v>18264</v>
      </c>
      <c r="E40131" t="s">
        <v>18191</v>
      </c>
      <c r="F40131" t="s">
        <v>18192</v>
      </c>
      <c r="G40131" t="s">
        <v>10734</v>
      </c>
      <c r="H40131" t="s">
        <v>10735</v>
      </c>
      <c r="I40131" s="2">
        <v>0</v>
      </c>
      <c r="J40131" s="2">
        <v>0</v>
      </c>
      <c r="K40131" s="2">
        <v>1</v>
      </c>
      <c r="L40131" t="s">
        <v>995</v>
      </c>
      <c r="M40131" t="s">
        <v>87</v>
      </c>
      <c r="N40131" t="s">
        <v>88</v>
      </c>
      <c r="O40131" t="s">
        <v>85</v>
      </c>
      <c r="P40131" t="s">
        <v>86</v>
      </c>
      <c r="Q40131">
        <v>18</v>
      </c>
      <c r="R40131">
        <v>18</v>
      </c>
      <c r="S40131">
        <v>18</v>
      </c>
      <c r="T40131">
        <v>18</v>
      </c>
      <c r="U40131">
        <v>19</v>
      </c>
      <c r="V40131">
        <v>19</v>
      </c>
      <c r="W40131">
        <v>19</v>
      </c>
      <c r="X40131">
        <v>19</v>
      </c>
      <c r="Y40131">
        <v>19</v>
      </c>
      <c r="Z40131">
        <v>19</v>
      </c>
      <c r="AA40131">
        <v>19</v>
      </c>
      <c r="AB40131">
        <v>19</v>
      </c>
      <c r="AC40131">
        <v>19</v>
      </c>
      <c r="AD40131">
        <v>20</v>
      </c>
      <c r="AE40131">
        <v>20</v>
      </c>
      <c r="AF40131">
        <v>20</v>
      </c>
      <c r="AG40131">
        <v>20</v>
      </c>
      <c r="AH40131">
        <v>20</v>
      </c>
      <c r="AI40131">
        <v>20</v>
      </c>
      <c r="AJ40131">
        <v>20</v>
      </c>
      <c r="AK40131">
        <v>21</v>
      </c>
      <c r="AL40131">
        <v>21</v>
      </c>
      <c r="AM40131">
        <v>21</v>
      </c>
      <c r="AN40131">
        <v>21</v>
      </c>
      <c r="AO40131">
        <v>21</v>
      </c>
      <c r="AP40131">
        <v>21</v>
      </c>
      <c r="AQ40131">
        <v>22</v>
      </c>
    </row>
    <row r="40132" spans="1:43">
      <c r="A40132" t="s">
        <v>24849</v>
      </c>
      <c r="B40132" t="s">
        <v>24850</v>
      </c>
      <c r="C40132" t="s">
        <v>18263</v>
      </c>
      <c r="D40132" t="s">
        <v>18264</v>
      </c>
      <c r="E40132" t="s">
        <v>18191</v>
      </c>
      <c r="F40132" t="s">
        <v>18192</v>
      </c>
      <c r="G40132" t="s">
        <v>10734</v>
      </c>
      <c r="H40132" t="s">
        <v>10735</v>
      </c>
      <c r="I40132" s="2">
        <v>0</v>
      </c>
      <c r="J40132" s="2">
        <v>0</v>
      </c>
      <c r="K40132" s="2">
        <v>1</v>
      </c>
      <c r="L40132" t="s">
        <v>995</v>
      </c>
      <c r="M40132" t="s">
        <v>89</v>
      </c>
      <c r="N40132" t="s">
        <v>90</v>
      </c>
      <c r="O40132" t="s">
        <v>85</v>
      </c>
      <c r="P40132" t="s">
        <v>86</v>
      </c>
      <c r="Q40132">
        <v>18</v>
      </c>
      <c r="R40132">
        <v>19</v>
      </c>
      <c r="S40132">
        <v>19</v>
      </c>
      <c r="T40132">
        <v>20</v>
      </c>
      <c r="U40132">
        <v>20</v>
      </c>
      <c r="V40132">
        <v>21</v>
      </c>
      <c r="W40132">
        <v>21</v>
      </c>
      <c r="X40132">
        <v>21</v>
      </c>
      <c r="Y40132">
        <v>22</v>
      </c>
      <c r="Z40132">
        <v>22</v>
      </c>
      <c r="AA40132">
        <v>22</v>
      </c>
      <c r="AB40132">
        <v>23</v>
      </c>
      <c r="AC40132">
        <v>23</v>
      </c>
      <c r="AD40132">
        <v>23</v>
      </c>
      <c r="AE40132">
        <v>24</v>
      </c>
      <c r="AF40132">
        <v>24</v>
      </c>
      <c r="AG40132">
        <v>24</v>
      </c>
      <c r="AH40132">
        <v>24</v>
      </c>
      <c r="AI40132">
        <v>24</v>
      </c>
      <c r="AJ40132">
        <v>24</v>
      </c>
      <c r="AK40132">
        <v>24</v>
      </c>
      <c r="AL40132">
        <v>24</v>
      </c>
      <c r="AM40132">
        <v>25</v>
      </c>
      <c r="AN40132">
        <v>25</v>
      </c>
      <c r="AO40132">
        <v>25</v>
      </c>
      <c r="AP40132">
        <v>25</v>
      </c>
      <c r="AQ40132">
        <v>25</v>
      </c>
    </row>
    <row r="40133" spans="1:43">
      <c r="A40133" t="s">
        <v>24849</v>
      </c>
      <c r="B40133" t="s">
        <v>24850</v>
      </c>
      <c r="C40133" t="s">
        <v>18263</v>
      </c>
      <c r="D40133" t="s">
        <v>18264</v>
      </c>
      <c r="E40133" t="s">
        <v>18191</v>
      </c>
      <c r="F40133" t="s">
        <v>18192</v>
      </c>
      <c r="G40133" t="s">
        <v>10734</v>
      </c>
      <c r="H40133" t="s">
        <v>10735</v>
      </c>
      <c r="I40133" s="2">
        <v>0</v>
      </c>
      <c r="J40133" s="2">
        <v>0</v>
      </c>
      <c r="K40133" s="2">
        <v>1</v>
      </c>
      <c r="L40133" t="s">
        <v>995</v>
      </c>
      <c r="M40133" t="s">
        <v>83</v>
      </c>
      <c r="N40133" t="s">
        <v>91</v>
      </c>
      <c r="O40133" t="s">
        <v>85</v>
      </c>
      <c r="P40133" t="s">
        <v>86</v>
      </c>
      <c r="Q40133">
        <v>18</v>
      </c>
      <c r="R40133">
        <v>19</v>
      </c>
      <c r="S40133">
        <v>19</v>
      </c>
      <c r="T40133">
        <v>19</v>
      </c>
      <c r="U40133">
        <v>19</v>
      </c>
      <c r="V40133">
        <v>20</v>
      </c>
      <c r="W40133">
        <v>20</v>
      </c>
      <c r="X40133">
        <v>20</v>
      </c>
      <c r="Y40133">
        <v>20</v>
      </c>
      <c r="Z40133">
        <v>21</v>
      </c>
      <c r="AA40133">
        <v>21</v>
      </c>
      <c r="AB40133">
        <v>21</v>
      </c>
      <c r="AC40133">
        <v>22</v>
      </c>
      <c r="AD40133">
        <v>22</v>
      </c>
      <c r="AE40133">
        <v>22</v>
      </c>
      <c r="AF40133">
        <v>22</v>
      </c>
      <c r="AG40133">
        <v>23</v>
      </c>
      <c r="AH40133">
        <v>23</v>
      </c>
      <c r="AI40133">
        <v>23</v>
      </c>
      <c r="AJ40133">
        <v>24</v>
      </c>
      <c r="AK40133">
        <v>24</v>
      </c>
      <c r="AL40133">
        <v>24</v>
      </c>
      <c r="AM40133">
        <v>24</v>
      </c>
      <c r="AN40133">
        <v>24</v>
      </c>
      <c r="AO40133">
        <v>24</v>
      </c>
      <c r="AP40133">
        <v>25</v>
      </c>
      <c r="AQ40133">
        <v>25</v>
      </c>
    </row>
    <row r="40134" spans="1:43">
      <c r="A40134" t="s">
        <v>24851</v>
      </c>
      <c r="B40134" t="s">
        <v>24852</v>
      </c>
      <c r="C40134" t="s">
        <v>18263</v>
      </c>
      <c r="D40134" t="s">
        <v>18264</v>
      </c>
      <c r="E40134" t="s">
        <v>18191</v>
      </c>
      <c r="F40134" t="s">
        <v>18192</v>
      </c>
      <c r="G40134" t="s">
        <v>10734</v>
      </c>
      <c r="H40134" t="s">
        <v>10735</v>
      </c>
      <c r="I40134" s="2">
        <v>0</v>
      </c>
      <c r="J40134" s="2">
        <v>0</v>
      </c>
      <c r="K40134" s="2">
        <v>1</v>
      </c>
      <c r="L40134" t="s">
        <v>995</v>
      </c>
      <c r="M40134" t="s">
        <v>83</v>
      </c>
      <c r="N40134" t="s">
        <v>84</v>
      </c>
      <c r="O40134" t="s">
        <v>85</v>
      </c>
      <c r="P40134" t="s">
        <v>86</v>
      </c>
      <c r="Q40134">
        <v>7</v>
      </c>
      <c r="R40134">
        <v>7</v>
      </c>
      <c r="S40134">
        <v>7</v>
      </c>
      <c r="T40134">
        <v>7</v>
      </c>
      <c r="U40134">
        <v>8</v>
      </c>
      <c r="V40134">
        <v>8</v>
      </c>
      <c r="W40134">
        <v>8</v>
      </c>
      <c r="X40134">
        <v>8</v>
      </c>
      <c r="Y40134">
        <v>8</v>
      </c>
      <c r="Z40134">
        <v>8</v>
      </c>
      <c r="AA40134">
        <v>8</v>
      </c>
      <c r="AB40134">
        <v>8</v>
      </c>
      <c r="AC40134">
        <v>8</v>
      </c>
      <c r="AD40134">
        <v>8</v>
      </c>
      <c r="AE40134">
        <v>8</v>
      </c>
      <c r="AF40134">
        <v>9</v>
      </c>
      <c r="AG40134">
        <v>9</v>
      </c>
      <c r="AH40134">
        <v>9</v>
      </c>
      <c r="AI40134">
        <v>9</v>
      </c>
      <c r="AJ40134">
        <v>9</v>
      </c>
      <c r="AK40134">
        <v>9</v>
      </c>
      <c r="AL40134">
        <v>9</v>
      </c>
      <c r="AM40134">
        <v>9</v>
      </c>
      <c r="AN40134">
        <v>9</v>
      </c>
      <c r="AO40134">
        <v>9</v>
      </c>
      <c r="AP40134">
        <v>9</v>
      </c>
      <c r="AQ40134">
        <v>9</v>
      </c>
    </row>
    <row r="40135" spans="1:43">
      <c r="A40135" t="s">
        <v>24851</v>
      </c>
      <c r="B40135" t="s">
        <v>24852</v>
      </c>
      <c r="C40135" t="s">
        <v>18263</v>
      </c>
      <c r="D40135" t="s">
        <v>18264</v>
      </c>
      <c r="E40135" t="s">
        <v>18191</v>
      </c>
      <c r="F40135" t="s">
        <v>18192</v>
      </c>
      <c r="G40135" t="s">
        <v>10734</v>
      </c>
      <c r="H40135" t="s">
        <v>10735</v>
      </c>
      <c r="I40135" s="2">
        <v>0</v>
      </c>
      <c r="J40135" s="2">
        <v>0</v>
      </c>
      <c r="K40135" s="2">
        <v>1</v>
      </c>
      <c r="L40135" t="s">
        <v>995</v>
      </c>
      <c r="M40135" t="s">
        <v>87</v>
      </c>
      <c r="N40135" t="s">
        <v>88</v>
      </c>
      <c r="O40135" t="s">
        <v>85</v>
      </c>
      <c r="P40135" t="s">
        <v>86</v>
      </c>
      <c r="Q40135">
        <v>7</v>
      </c>
      <c r="R40135">
        <v>7</v>
      </c>
      <c r="S40135">
        <v>7</v>
      </c>
      <c r="T40135">
        <v>7</v>
      </c>
      <c r="U40135">
        <v>7</v>
      </c>
      <c r="V40135">
        <v>7</v>
      </c>
      <c r="W40135">
        <v>7</v>
      </c>
      <c r="X40135">
        <v>7</v>
      </c>
      <c r="Y40135">
        <v>7</v>
      </c>
      <c r="Z40135">
        <v>7</v>
      </c>
      <c r="AA40135">
        <v>7</v>
      </c>
      <c r="AB40135">
        <v>7</v>
      </c>
      <c r="AC40135">
        <v>7</v>
      </c>
      <c r="AD40135">
        <v>7</v>
      </c>
      <c r="AE40135">
        <v>7</v>
      </c>
      <c r="AF40135">
        <v>8</v>
      </c>
      <c r="AG40135">
        <v>8</v>
      </c>
      <c r="AH40135">
        <v>8</v>
      </c>
      <c r="AI40135">
        <v>8</v>
      </c>
      <c r="AJ40135">
        <v>8</v>
      </c>
      <c r="AK40135">
        <v>8</v>
      </c>
      <c r="AL40135">
        <v>8</v>
      </c>
      <c r="AM40135">
        <v>8</v>
      </c>
      <c r="AN40135">
        <v>8</v>
      </c>
      <c r="AO40135">
        <v>8</v>
      </c>
      <c r="AP40135">
        <v>8</v>
      </c>
      <c r="AQ40135">
        <v>8</v>
      </c>
    </row>
    <row r="40136" spans="1:43">
      <c r="A40136" t="s">
        <v>24851</v>
      </c>
      <c r="B40136" t="s">
        <v>24852</v>
      </c>
      <c r="C40136" t="s">
        <v>18263</v>
      </c>
      <c r="D40136" t="s">
        <v>18264</v>
      </c>
      <c r="E40136" t="s">
        <v>18191</v>
      </c>
      <c r="F40136" t="s">
        <v>18192</v>
      </c>
      <c r="G40136" t="s">
        <v>10734</v>
      </c>
      <c r="H40136" t="s">
        <v>10735</v>
      </c>
      <c r="I40136" s="2">
        <v>0</v>
      </c>
      <c r="J40136" s="2">
        <v>0</v>
      </c>
      <c r="K40136" s="2">
        <v>1</v>
      </c>
      <c r="L40136" t="s">
        <v>995</v>
      </c>
      <c r="M40136" t="s">
        <v>89</v>
      </c>
      <c r="N40136" t="s">
        <v>90</v>
      </c>
      <c r="O40136" t="s">
        <v>85</v>
      </c>
      <c r="P40136" t="s">
        <v>86</v>
      </c>
      <c r="Q40136">
        <v>7</v>
      </c>
      <c r="R40136">
        <v>7</v>
      </c>
      <c r="S40136">
        <v>8</v>
      </c>
      <c r="T40136">
        <v>8</v>
      </c>
      <c r="U40136">
        <v>8</v>
      </c>
      <c r="V40136">
        <v>8</v>
      </c>
      <c r="W40136">
        <v>8</v>
      </c>
      <c r="X40136">
        <v>8</v>
      </c>
      <c r="Y40136">
        <v>8</v>
      </c>
      <c r="Z40136">
        <v>8</v>
      </c>
      <c r="AA40136">
        <v>9</v>
      </c>
      <c r="AB40136">
        <v>9</v>
      </c>
      <c r="AC40136">
        <v>9</v>
      </c>
      <c r="AD40136">
        <v>9</v>
      </c>
      <c r="AE40136">
        <v>9</v>
      </c>
      <c r="AF40136">
        <v>9</v>
      </c>
      <c r="AG40136">
        <v>9</v>
      </c>
      <c r="AH40136">
        <v>9</v>
      </c>
      <c r="AI40136">
        <v>9</v>
      </c>
      <c r="AJ40136">
        <v>9</v>
      </c>
      <c r="AK40136">
        <v>9</v>
      </c>
      <c r="AL40136">
        <v>9</v>
      </c>
      <c r="AM40136">
        <v>9</v>
      </c>
      <c r="AN40136">
        <v>9</v>
      </c>
      <c r="AO40136">
        <v>9</v>
      </c>
      <c r="AP40136">
        <v>9</v>
      </c>
      <c r="AQ40136">
        <v>9</v>
      </c>
    </row>
    <row r="40137" spans="1:43">
      <c r="A40137" t="s">
        <v>24851</v>
      </c>
      <c r="B40137" t="s">
        <v>24852</v>
      </c>
      <c r="C40137" t="s">
        <v>18263</v>
      </c>
      <c r="D40137" t="s">
        <v>18264</v>
      </c>
      <c r="E40137" t="s">
        <v>18191</v>
      </c>
      <c r="F40137" t="s">
        <v>18192</v>
      </c>
      <c r="G40137" t="s">
        <v>10734</v>
      </c>
      <c r="H40137" t="s">
        <v>10735</v>
      </c>
      <c r="I40137" s="2">
        <v>0</v>
      </c>
      <c r="J40137" s="2">
        <v>0</v>
      </c>
      <c r="K40137" s="2">
        <v>1</v>
      </c>
      <c r="L40137" t="s">
        <v>995</v>
      </c>
      <c r="M40137" t="s">
        <v>83</v>
      </c>
      <c r="N40137" t="s">
        <v>91</v>
      </c>
      <c r="O40137" t="s">
        <v>85</v>
      </c>
      <c r="P40137" t="s">
        <v>86</v>
      </c>
      <c r="Q40137">
        <v>7</v>
      </c>
      <c r="R40137">
        <v>7</v>
      </c>
      <c r="S40137">
        <v>7</v>
      </c>
      <c r="T40137">
        <v>7</v>
      </c>
      <c r="U40137">
        <v>8</v>
      </c>
      <c r="V40137">
        <v>8</v>
      </c>
      <c r="W40137">
        <v>8</v>
      </c>
      <c r="X40137">
        <v>8</v>
      </c>
      <c r="Y40137">
        <v>8</v>
      </c>
      <c r="Z40137">
        <v>8</v>
      </c>
      <c r="AA40137">
        <v>8</v>
      </c>
      <c r="AB40137">
        <v>8</v>
      </c>
      <c r="AC40137">
        <v>8</v>
      </c>
      <c r="AD40137">
        <v>8</v>
      </c>
      <c r="AE40137">
        <v>8</v>
      </c>
      <c r="AF40137">
        <v>9</v>
      </c>
      <c r="AG40137">
        <v>9</v>
      </c>
      <c r="AH40137">
        <v>9</v>
      </c>
      <c r="AI40137">
        <v>9</v>
      </c>
      <c r="AJ40137">
        <v>9</v>
      </c>
      <c r="AK40137">
        <v>9</v>
      </c>
      <c r="AL40137">
        <v>9</v>
      </c>
      <c r="AM40137">
        <v>9</v>
      </c>
      <c r="AN40137">
        <v>9</v>
      </c>
      <c r="AO40137">
        <v>9</v>
      </c>
      <c r="AP40137">
        <v>9</v>
      </c>
      <c r="AQ40137">
        <v>9</v>
      </c>
    </row>
    <row r="40138" spans="1:43">
      <c r="A40138" t="s">
        <v>24853</v>
      </c>
      <c r="B40138" t="s">
        <v>24854</v>
      </c>
      <c r="C40138" t="s">
        <v>18263</v>
      </c>
      <c r="D40138" t="s">
        <v>18264</v>
      </c>
      <c r="E40138" t="s">
        <v>18191</v>
      </c>
      <c r="F40138" t="s">
        <v>18192</v>
      </c>
      <c r="G40138" t="s">
        <v>10734</v>
      </c>
      <c r="H40138" t="s">
        <v>10735</v>
      </c>
      <c r="I40138" s="2">
        <v>0</v>
      </c>
      <c r="J40138" s="2">
        <v>0</v>
      </c>
      <c r="K40138" s="2">
        <v>1</v>
      </c>
      <c r="L40138" t="s">
        <v>995</v>
      </c>
      <c r="M40138" t="s">
        <v>83</v>
      </c>
      <c r="N40138" t="s">
        <v>84</v>
      </c>
      <c r="O40138" t="s">
        <v>85</v>
      </c>
      <c r="P40138" t="s">
        <v>86</v>
      </c>
      <c r="Q40138">
        <v>3</v>
      </c>
      <c r="R40138">
        <v>3</v>
      </c>
      <c r="S40138">
        <v>3</v>
      </c>
      <c r="T40138">
        <v>3</v>
      </c>
      <c r="U40138">
        <v>3</v>
      </c>
      <c r="V40138">
        <v>3</v>
      </c>
      <c r="W40138">
        <v>3</v>
      </c>
      <c r="X40138">
        <v>3</v>
      </c>
      <c r="Y40138">
        <v>3</v>
      </c>
      <c r="Z40138">
        <v>4</v>
      </c>
      <c r="AA40138">
        <v>4</v>
      </c>
      <c r="AB40138">
        <v>4</v>
      </c>
      <c r="AC40138">
        <v>4</v>
      </c>
      <c r="AD40138">
        <v>4</v>
      </c>
      <c r="AE40138">
        <v>4</v>
      </c>
      <c r="AF40138">
        <v>4</v>
      </c>
      <c r="AG40138">
        <v>4</v>
      </c>
      <c r="AH40138">
        <v>4</v>
      </c>
      <c r="AI40138">
        <v>4</v>
      </c>
      <c r="AJ40138">
        <v>4</v>
      </c>
      <c r="AK40138">
        <v>4</v>
      </c>
      <c r="AL40138">
        <v>4</v>
      </c>
      <c r="AM40138">
        <v>4</v>
      </c>
      <c r="AN40138">
        <v>4</v>
      </c>
      <c r="AO40138">
        <v>4</v>
      </c>
      <c r="AP40138">
        <v>4</v>
      </c>
      <c r="AQ40138">
        <v>4</v>
      </c>
    </row>
    <row r="40139" spans="1:43">
      <c r="A40139" t="s">
        <v>24853</v>
      </c>
      <c r="B40139" t="s">
        <v>24854</v>
      </c>
      <c r="C40139" t="s">
        <v>18263</v>
      </c>
      <c r="D40139" t="s">
        <v>18264</v>
      </c>
      <c r="E40139" t="s">
        <v>18191</v>
      </c>
      <c r="F40139" t="s">
        <v>18192</v>
      </c>
      <c r="G40139" t="s">
        <v>10734</v>
      </c>
      <c r="H40139" t="s">
        <v>10735</v>
      </c>
      <c r="I40139" s="2">
        <v>0</v>
      </c>
      <c r="J40139" s="2">
        <v>0</v>
      </c>
      <c r="K40139" s="2">
        <v>1</v>
      </c>
      <c r="L40139" t="s">
        <v>995</v>
      </c>
      <c r="M40139" t="s">
        <v>87</v>
      </c>
      <c r="N40139" t="s">
        <v>88</v>
      </c>
      <c r="O40139" t="s">
        <v>85</v>
      </c>
      <c r="P40139" t="s">
        <v>86</v>
      </c>
      <c r="Q40139">
        <v>3</v>
      </c>
      <c r="R40139">
        <v>3</v>
      </c>
      <c r="S40139">
        <v>3</v>
      </c>
      <c r="T40139">
        <v>3</v>
      </c>
      <c r="U40139">
        <v>3</v>
      </c>
      <c r="V40139">
        <v>3</v>
      </c>
      <c r="W40139">
        <v>3</v>
      </c>
      <c r="X40139">
        <v>3</v>
      </c>
      <c r="Y40139">
        <v>3</v>
      </c>
      <c r="Z40139">
        <v>3</v>
      </c>
      <c r="AA40139">
        <v>3</v>
      </c>
      <c r="AB40139">
        <v>3</v>
      </c>
      <c r="AC40139">
        <v>3</v>
      </c>
      <c r="AD40139">
        <v>3</v>
      </c>
      <c r="AE40139">
        <v>3</v>
      </c>
      <c r="AF40139">
        <v>3</v>
      </c>
      <c r="AG40139">
        <v>3</v>
      </c>
      <c r="AH40139">
        <v>3</v>
      </c>
      <c r="AI40139">
        <v>3</v>
      </c>
      <c r="AJ40139">
        <v>3</v>
      </c>
      <c r="AK40139">
        <v>3</v>
      </c>
      <c r="AL40139">
        <v>3</v>
      </c>
      <c r="AM40139">
        <v>3</v>
      </c>
      <c r="AN40139">
        <v>3</v>
      </c>
      <c r="AO40139">
        <v>3</v>
      </c>
      <c r="AP40139">
        <v>3</v>
      </c>
      <c r="AQ40139">
        <v>3</v>
      </c>
    </row>
    <row r="40140" spans="1:43">
      <c r="A40140" t="s">
        <v>24853</v>
      </c>
      <c r="B40140" t="s">
        <v>24854</v>
      </c>
      <c r="C40140" t="s">
        <v>18263</v>
      </c>
      <c r="D40140" t="s">
        <v>18264</v>
      </c>
      <c r="E40140" t="s">
        <v>18191</v>
      </c>
      <c r="F40140" t="s">
        <v>18192</v>
      </c>
      <c r="G40140" t="s">
        <v>10734</v>
      </c>
      <c r="H40140" t="s">
        <v>10735</v>
      </c>
      <c r="I40140" s="2">
        <v>0</v>
      </c>
      <c r="J40140" s="2">
        <v>0</v>
      </c>
      <c r="K40140" s="2">
        <v>1</v>
      </c>
      <c r="L40140" t="s">
        <v>995</v>
      </c>
      <c r="M40140" t="s">
        <v>89</v>
      </c>
      <c r="N40140" t="s">
        <v>90</v>
      </c>
      <c r="O40140" t="s">
        <v>85</v>
      </c>
      <c r="P40140" t="s">
        <v>86</v>
      </c>
      <c r="Q40140">
        <v>3</v>
      </c>
      <c r="R40140">
        <v>3</v>
      </c>
      <c r="S40140">
        <v>3</v>
      </c>
      <c r="T40140">
        <v>3</v>
      </c>
      <c r="U40140">
        <v>3</v>
      </c>
      <c r="V40140">
        <v>3</v>
      </c>
      <c r="W40140">
        <v>4</v>
      </c>
      <c r="X40140">
        <v>4</v>
      </c>
      <c r="Y40140">
        <v>4</v>
      </c>
      <c r="Z40140">
        <v>4</v>
      </c>
      <c r="AA40140">
        <v>4</v>
      </c>
      <c r="AB40140">
        <v>4</v>
      </c>
      <c r="AC40140">
        <v>4</v>
      </c>
      <c r="AD40140">
        <v>4</v>
      </c>
      <c r="AE40140">
        <v>4</v>
      </c>
      <c r="AF40140">
        <v>4</v>
      </c>
      <c r="AG40140">
        <v>4</v>
      </c>
      <c r="AH40140">
        <v>4</v>
      </c>
      <c r="AI40140">
        <v>4</v>
      </c>
      <c r="AJ40140">
        <v>4</v>
      </c>
      <c r="AK40140">
        <v>4</v>
      </c>
      <c r="AL40140">
        <v>4</v>
      </c>
      <c r="AM40140">
        <v>4</v>
      </c>
      <c r="AN40140">
        <v>4</v>
      </c>
      <c r="AO40140">
        <v>4</v>
      </c>
      <c r="AP40140">
        <v>4</v>
      </c>
      <c r="AQ40140">
        <v>4</v>
      </c>
    </row>
    <row r="40141" spans="1:43">
      <c r="A40141" t="s">
        <v>24853</v>
      </c>
      <c r="B40141" t="s">
        <v>24854</v>
      </c>
      <c r="C40141" t="s">
        <v>18263</v>
      </c>
      <c r="D40141" t="s">
        <v>18264</v>
      </c>
      <c r="E40141" t="s">
        <v>18191</v>
      </c>
      <c r="F40141" t="s">
        <v>18192</v>
      </c>
      <c r="G40141" t="s">
        <v>10734</v>
      </c>
      <c r="H40141" t="s">
        <v>10735</v>
      </c>
      <c r="I40141" s="2">
        <v>0</v>
      </c>
      <c r="J40141" s="2">
        <v>0</v>
      </c>
      <c r="K40141" s="2">
        <v>1</v>
      </c>
      <c r="L40141" t="s">
        <v>995</v>
      </c>
      <c r="M40141" t="s">
        <v>83</v>
      </c>
      <c r="N40141" t="s">
        <v>91</v>
      </c>
      <c r="O40141" t="s">
        <v>85</v>
      </c>
      <c r="P40141" t="s">
        <v>86</v>
      </c>
      <c r="Q40141">
        <v>3</v>
      </c>
      <c r="R40141">
        <v>3</v>
      </c>
      <c r="S40141">
        <v>3</v>
      </c>
      <c r="T40141">
        <v>3</v>
      </c>
      <c r="U40141">
        <v>3</v>
      </c>
      <c r="V40141">
        <v>3</v>
      </c>
      <c r="W40141">
        <v>3</v>
      </c>
      <c r="X40141">
        <v>3</v>
      </c>
      <c r="Y40141">
        <v>3</v>
      </c>
      <c r="Z40141">
        <v>4</v>
      </c>
      <c r="AA40141">
        <v>4</v>
      </c>
      <c r="AB40141">
        <v>4</v>
      </c>
      <c r="AC40141">
        <v>4</v>
      </c>
      <c r="AD40141">
        <v>4</v>
      </c>
      <c r="AE40141">
        <v>4</v>
      </c>
      <c r="AF40141">
        <v>4</v>
      </c>
      <c r="AG40141">
        <v>4</v>
      </c>
      <c r="AH40141">
        <v>4</v>
      </c>
      <c r="AI40141">
        <v>4</v>
      </c>
      <c r="AJ40141">
        <v>4</v>
      </c>
      <c r="AK40141">
        <v>4</v>
      </c>
      <c r="AL40141">
        <v>4</v>
      </c>
      <c r="AM40141">
        <v>4</v>
      </c>
      <c r="AN40141">
        <v>4</v>
      </c>
      <c r="AO40141">
        <v>4</v>
      </c>
      <c r="AP40141">
        <v>4</v>
      </c>
      <c r="AQ40141">
        <v>4</v>
      </c>
    </row>
    <row r="40142" spans="1:43">
      <c r="A40142" t="s">
        <v>24855</v>
      </c>
      <c r="B40142" t="s">
        <v>24856</v>
      </c>
      <c r="C40142" t="s">
        <v>18245</v>
      </c>
      <c r="D40142" t="s">
        <v>18246</v>
      </c>
      <c r="E40142" t="s">
        <v>18191</v>
      </c>
      <c r="F40142" t="s">
        <v>18192</v>
      </c>
      <c r="G40142" t="s">
        <v>10734</v>
      </c>
      <c r="H40142" t="s">
        <v>10735</v>
      </c>
      <c r="I40142" s="2">
        <v>0</v>
      </c>
      <c r="J40142" s="2">
        <v>0</v>
      </c>
      <c r="K40142" s="2">
        <v>1</v>
      </c>
      <c r="L40142" t="s">
        <v>995</v>
      </c>
      <c r="M40142" t="s">
        <v>83</v>
      </c>
      <c r="N40142" t="s">
        <v>84</v>
      </c>
      <c r="O40142" t="s">
        <v>85</v>
      </c>
      <c r="P40142" t="s">
        <v>86</v>
      </c>
      <c r="Q40142">
        <v>9</v>
      </c>
      <c r="R40142">
        <v>9</v>
      </c>
      <c r="S40142">
        <v>10</v>
      </c>
      <c r="T40142">
        <v>10</v>
      </c>
      <c r="U40142">
        <v>10</v>
      </c>
      <c r="V40142">
        <v>10</v>
      </c>
      <c r="W40142">
        <v>10</v>
      </c>
      <c r="X40142">
        <v>10</v>
      </c>
      <c r="Y40142">
        <v>10</v>
      </c>
      <c r="Z40142">
        <v>10</v>
      </c>
      <c r="AA40142">
        <v>11</v>
      </c>
      <c r="AB40142">
        <v>11</v>
      </c>
      <c r="AC40142">
        <v>11</v>
      </c>
      <c r="AD40142">
        <v>11</v>
      </c>
      <c r="AE40142">
        <v>11</v>
      </c>
      <c r="AF40142">
        <v>11</v>
      </c>
      <c r="AG40142">
        <v>11</v>
      </c>
      <c r="AH40142">
        <v>11</v>
      </c>
      <c r="AI40142">
        <v>11</v>
      </c>
      <c r="AJ40142">
        <v>12</v>
      </c>
      <c r="AK40142">
        <v>12</v>
      </c>
      <c r="AL40142">
        <v>12</v>
      </c>
      <c r="AM40142">
        <v>12</v>
      </c>
      <c r="AN40142">
        <v>12</v>
      </c>
      <c r="AO40142">
        <v>12</v>
      </c>
      <c r="AP40142">
        <v>12</v>
      </c>
      <c r="AQ40142">
        <v>12</v>
      </c>
    </row>
    <row r="40143" spans="1:43">
      <c r="A40143" t="s">
        <v>24855</v>
      </c>
      <c r="B40143" t="s">
        <v>24856</v>
      </c>
      <c r="C40143" t="s">
        <v>18245</v>
      </c>
      <c r="D40143" t="s">
        <v>18246</v>
      </c>
      <c r="E40143" t="s">
        <v>18191</v>
      </c>
      <c r="F40143" t="s">
        <v>18192</v>
      </c>
      <c r="G40143" t="s">
        <v>10734</v>
      </c>
      <c r="H40143" t="s">
        <v>10735</v>
      </c>
      <c r="I40143" s="2">
        <v>0</v>
      </c>
      <c r="J40143" s="2">
        <v>0</v>
      </c>
      <c r="K40143" s="2">
        <v>1</v>
      </c>
      <c r="L40143" t="s">
        <v>995</v>
      </c>
      <c r="M40143" t="s">
        <v>87</v>
      </c>
      <c r="N40143" t="s">
        <v>88</v>
      </c>
      <c r="O40143" t="s">
        <v>85</v>
      </c>
      <c r="P40143" t="s">
        <v>86</v>
      </c>
      <c r="Q40143">
        <v>9</v>
      </c>
      <c r="R40143">
        <v>9</v>
      </c>
      <c r="S40143">
        <v>9</v>
      </c>
      <c r="T40143">
        <v>9</v>
      </c>
      <c r="U40143">
        <v>9</v>
      </c>
      <c r="V40143">
        <v>9</v>
      </c>
      <c r="W40143">
        <v>9</v>
      </c>
      <c r="X40143">
        <v>9</v>
      </c>
      <c r="Y40143">
        <v>10</v>
      </c>
      <c r="Z40143">
        <v>10</v>
      </c>
      <c r="AA40143">
        <v>10</v>
      </c>
      <c r="AB40143">
        <v>10</v>
      </c>
      <c r="AC40143">
        <v>10</v>
      </c>
      <c r="AD40143">
        <v>10</v>
      </c>
      <c r="AE40143">
        <v>10</v>
      </c>
      <c r="AF40143">
        <v>10</v>
      </c>
      <c r="AG40143">
        <v>10</v>
      </c>
      <c r="AH40143">
        <v>10</v>
      </c>
      <c r="AI40143">
        <v>10</v>
      </c>
      <c r="AJ40143">
        <v>10</v>
      </c>
      <c r="AK40143">
        <v>10</v>
      </c>
      <c r="AL40143">
        <v>10</v>
      </c>
      <c r="AM40143">
        <v>10</v>
      </c>
      <c r="AN40143">
        <v>10</v>
      </c>
      <c r="AO40143">
        <v>10</v>
      </c>
      <c r="AP40143">
        <v>10</v>
      </c>
      <c r="AQ40143">
        <v>10</v>
      </c>
    </row>
    <row r="40144" spans="1:43">
      <c r="A40144" t="s">
        <v>24855</v>
      </c>
      <c r="B40144" t="s">
        <v>24856</v>
      </c>
      <c r="C40144" t="s">
        <v>18245</v>
      </c>
      <c r="D40144" t="s">
        <v>18246</v>
      </c>
      <c r="E40144" t="s">
        <v>18191</v>
      </c>
      <c r="F40144" t="s">
        <v>18192</v>
      </c>
      <c r="G40144" t="s">
        <v>10734</v>
      </c>
      <c r="H40144" t="s">
        <v>10735</v>
      </c>
      <c r="I40144" s="2">
        <v>0</v>
      </c>
      <c r="J40144" s="2">
        <v>0</v>
      </c>
      <c r="K40144" s="2">
        <v>1</v>
      </c>
      <c r="L40144" t="s">
        <v>995</v>
      </c>
      <c r="M40144" t="s">
        <v>89</v>
      </c>
      <c r="N40144" t="s">
        <v>90</v>
      </c>
      <c r="O40144" t="s">
        <v>85</v>
      </c>
      <c r="P40144" t="s">
        <v>86</v>
      </c>
      <c r="Q40144">
        <v>9</v>
      </c>
      <c r="R40144">
        <v>10</v>
      </c>
      <c r="S40144">
        <v>10</v>
      </c>
      <c r="T40144">
        <v>10</v>
      </c>
      <c r="U40144">
        <v>10</v>
      </c>
      <c r="V40144">
        <v>10</v>
      </c>
      <c r="W40144">
        <v>11</v>
      </c>
      <c r="X40144">
        <v>11</v>
      </c>
      <c r="Y40144">
        <v>11</v>
      </c>
      <c r="Z40144">
        <v>11</v>
      </c>
      <c r="AA40144">
        <v>11</v>
      </c>
      <c r="AB40144">
        <v>11</v>
      </c>
      <c r="AC40144">
        <v>12</v>
      </c>
      <c r="AD40144">
        <v>12</v>
      </c>
      <c r="AE40144">
        <v>12</v>
      </c>
      <c r="AF40144">
        <v>12</v>
      </c>
      <c r="AG40144">
        <v>12</v>
      </c>
      <c r="AH40144">
        <v>12</v>
      </c>
      <c r="AI40144">
        <v>12</v>
      </c>
      <c r="AJ40144">
        <v>12</v>
      </c>
      <c r="AK40144">
        <v>12</v>
      </c>
      <c r="AL40144">
        <v>12</v>
      </c>
      <c r="AM40144">
        <v>12</v>
      </c>
      <c r="AN40144">
        <v>12</v>
      </c>
      <c r="AO40144">
        <v>12</v>
      </c>
      <c r="AP40144">
        <v>12</v>
      </c>
      <c r="AQ40144">
        <v>12</v>
      </c>
    </row>
    <row r="40145" spans="1:43">
      <c r="A40145" t="s">
        <v>24855</v>
      </c>
      <c r="B40145" t="s">
        <v>24856</v>
      </c>
      <c r="C40145" t="s">
        <v>18245</v>
      </c>
      <c r="D40145" t="s">
        <v>18246</v>
      </c>
      <c r="E40145" t="s">
        <v>18191</v>
      </c>
      <c r="F40145" t="s">
        <v>18192</v>
      </c>
      <c r="G40145" t="s">
        <v>10734</v>
      </c>
      <c r="H40145" t="s">
        <v>10735</v>
      </c>
      <c r="I40145" s="2">
        <v>0</v>
      </c>
      <c r="J40145" s="2">
        <v>0</v>
      </c>
      <c r="K40145" s="2">
        <v>1</v>
      </c>
      <c r="L40145" t="s">
        <v>995</v>
      </c>
      <c r="M40145" t="s">
        <v>83</v>
      </c>
      <c r="N40145" t="s">
        <v>91</v>
      </c>
      <c r="O40145" t="s">
        <v>85</v>
      </c>
      <c r="P40145" t="s">
        <v>86</v>
      </c>
      <c r="Q40145">
        <v>9</v>
      </c>
      <c r="R40145">
        <v>9</v>
      </c>
      <c r="S40145">
        <v>10</v>
      </c>
      <c r="T40145">
        <v>10</v>
      </c>
      <c r="U40145">
        <v>10</v>
      </c>
      <c r="V40145">
        <v>10</v>
      </c>
      <c r="W40145">
        <v>10</v>
      </c>
      <c r="X40145">
        <v>10</v>
      </c>
      <c r="Y40145">
        <v>10</v>
      </c>
      <c r="Z40145">
        <v>10</v>
      </c>
      <c r="AA40145">
        <v>11</v>
      </c>
      <c r="AB40145">
        <v>11</v>
      </c>
      <c r="AC40145">
        <v>11</v>
      </c>
      <c r="AD40145">
        <v>11</v>
      </c>
      <c r="AE40145">
        <v>11</v>
      </c>
      <c r="AF40145">
        <v>11</v>
      </c>
      <c r="AG40145">
        <v>11</v>
      </c>
      <c r="AH40145">
        <v>11</v>
      </c>
      <c r="AI40145">
        <v>11</v>
      </c>
      <c r="AJ40145">
        <v>12</v>
      </c>
      <c r="AK40145">
        <v>12</v>
      </c>
      <c r="AL40145">
        <v>12</v>
      </c>
      <c r="AM40145">
        <v>12</v>
      </c>
      <c r="AN40145">
        <v>12</v>
      </c>
      <c r="AO40145">
        <v>12</v>
      </c>
      <c r="AP40145">
        <v>12</v>
      </c>
      <c r="AQ40145">
        <v>12</v>
      </c>
    </row>
    <row r="40146" spans="1:43">
      <c r="A40146" t="s">
        <v>24857</v>
      </c>
      <c r="B40146" t="s">
        <v>24858</v>
      </c>
      <c r="C40146" t="s">
        <v>18245</v>
      </c>
      <c r="D40146" t="s">
        <v>18246</v>
      </c>
      <c r="E40146" t="s">
        <v>18191</v>
      </c>
      <c r="F40146" t="s">
        <v>18192</v>
      </c>
      <c r="G40146" t="s">
        <v>10734</v>
      </c>
      <c r="H40146" t="s">
        <v>10735</v>
      </c>
      <c r="I40146" s="2">
        <v>0</v>
      </c>
      <c r="J40146" s="2">
        <v>0</v>
      </c>
      <c r="K40146" s="2">
        <v>1</v>
      </c>
      <c r="L40146" t="s">
        <v>995</v>
      </c>
      <c r="M40146" t="s">
        <v>83</v>
      </c>
      <c r="N40146" t="s">
        <v>84</v>
      </c>
      <c r="O40146" t="s">
        <v>85</v>
      </c>
      <c r="P40146" t="s">
        <v>86</v>
      </c>
      <c r="Q40146">
        <v>19</v>
      </c>
      <c r="R40146">
        <v>20</v>
      </c>
      <c r="S40146">
        <v>20</v>
      </c>
      <c r="T40146">
        <v>20</v>
      </c>
      <c r="U40146">
        <v>20</v>
      </c>
      <c r="V40146">
        <v>21</v>
      </c>
      <c r="W40146">
        <v>21</v>
      </c>
      <c r="X40146">
        <v>21</v>
      </c>
      <c r="Y40146">
        <v>21</v>
      </c>
      <c r="Z40146">
        <v>22</v>
      </c>
      <c r="AA40146">
        <v>22</v>
      </c>
      <c r="AB40146">
        <v>22</v>
      </c>
      <c r="AC40146">
        <v>22</v>
      </c>
      <c r="AD40146">
        <v>23</v>
      </c>
      <c r="AE40146">
        <v>23</v>
      </c>
      <c r="AF40146">
        <v>23</v>
      </c>
      <c r="AG40146">
        <v>23</v>
      </c>
      <c r="AH40146">
        <v>23</v>
      </c>
      <c r="AI40146">
        <v>24</v>
      </c>
      <c r="AJ40146">
        <v>24</v>
      </c>
      <c r="AK40146">
        <v>24</v>
      </c>
      <c r="AL40146">
        <v>24</v>
      </c>
      <c r="AM40146">
        <v>24</v>
      </c>
      <c r="AN40146">
        <v>24</v>
      </c>
      <c r="AO40146">
        <v>24</v>
      </c>
      <c r="AP40146">
        <v>25</v>
      </c>
      <c r="AQ40146">
        <v>25</v>
      </c>
    </row>
    <row r="40147" spans="1:43">
      <c r="A40147" t="s">
        <v>24857</v>
      </c>
      <c r="B40147" t="s">
        <v>24858</v>
      </c>
      <c r="C40147" t="s">
        <v>18245</v>
      </c>
      <c r="D40147" t="s">
        <v>18246</v>
      </c>
      <c r="E40147" t="s">
        <v>18191</v>
      </c>
      <c r="F40147" t="s">
        <v>18192</v>
      </c>
      <c r="G40147" t="s">
        <v>10734</v>
      </c>
      <c r="H40147" t="s">
        <v>10735</v>
      </c>
      <c r="I40147" s="2">
        <v>0</v>
      </c>
      <c r="J40147" s="2">
        <v>0</v>
      </c>
      <c r="K40147" s="2">
        <v>1</v>
      </c>
      <c r="L40147" t="s">
        <v>995</v>
      </c>
      <c r="M40147" t="s">
        <v>87</v>
      </c>
      <c r="N40147" t="s">
        <v>88</v>
      </c>
      <c r="O40147" t="s">
        <v>85</v>
      </c>
      <c r="P40147" t="s">
        <v>86</v>
      </c>
      <c r="Q40147">
        <v>19</v>
      </c>
      <c r="R40147">
        <v>19</v>
      </c>
      <c r="S40147">
        <v>19</v>
      </c>
      <c r="T40147">
        <v>19</v>
      </c>
      <c r="U40147">
        <v>19</v>
      </c>
      <c r="V40147">
        <v>20</v>
      </c>
      <c r="W40147">
        <v>20</v>
      </c>
      <c r="X40147">
        <v>20</v>
      </c>
      <c r="Y40147">
        <v>20</v>
      </c>
      <c r="Z40147">
        <v>20</v>
      </c>
      <c r="AA40147">
        <v>20</v>
      </c>
      <c r="AB40147">
        <v>20</v>
      </c>
      <c r="AC40147">
        <v>20</v>
      </c>
      <c r="AD40147">
        <v>20</v>
      </c>
      <c r="AE40147">
        <v>20</v>
      </c>
      <c r="AF40147">
        <v>20</v>
      </c>
      <c r="AG40147">
        <v>20</v>
      </c>
      <c r="AH40147">
        <v>20</v>
      </c>
      <c r="AI40147">
        <v>21</v>
      </c>
      <c r="AJ40147">
        <v>21</v>
      </c>
      <c r="AK40147">
        <v>21</v>
      </c>
      <c r="AL40147">
        <v>21</v>
      </c>
      <c r="AM40147">
        <v>21</v>
      </c>
      <c r="AN40147">
        <v>21</v>
      </c>
      <c r="AO40147">
        <v>21</v>
      </c>
      <c r="AP40147">
        <v>21</v>
      </c>
      <c r="AQ40147">
        <v>21</v>
      </c>
    </row>
    <row r="40148" spans="1:43">
      <c r="A40148" t="s">
        <v>24857</v>
      </c>
      <c r="B40148" t="s">
        <v>24858</v>
      </c>
      <c r="C40148" t="s">
        <v>18245</v>
      </c>
      <c r="D40148" t="s">
        <v>18246</v>
      </c>
      <c r="E40148" t="s">
        <v>18191</v>
      </c>
      <c r="F40148" t="s">
        <v>18192</v>
      </c>
      <c r="G40148" t="s">
        <v>10734</v>
      </c>
      <c r="H40148" t="s">
        <v>10735</v>
      </c>
      <c r="I40148" s="2">
        <v>0</v>
      </c>
      <c r="J40148" s="2">
        <v>0</v>
      </c>
      <c r="K40148" s="2">
        <v>1</v>
      </c>
      <c r="L40148" t="s">
        <v>995</v>
      </c>
      <c r="M40148" t="s">
        <v>89</v>
      </c>
      <c r="N40148" t="s">
        <v>90</v>
      </c>
      <c r="O40148" t="s">
        <v>85</v>
      </c>
      <c r="P40148" t="s">
        <v>86</v>
      </c>
      <c r="Q40148">
        <v>19</v>
      </c>
      <c r="R40148">
        <v>19</v>
      </c>
      <c r="S40148">
        <v>19</v>
      </c>
      <c r="T40148">
        <v>20</v>
      </c>
      <c r="U40148">
        <v>20</v>
      </c>
      <c r="V40148">
        <v>21</v>
      </c>
      <c r="W40148">
        <v>21</v>
      </c>
      <c r="X40148">
        <v>21</v>
      </c>
      <c r="Y40148">
        <v>22</v>
      </c>
      <c r="Z40148">
        <v>22</v>
      </c>
      <c r="AA40148">
        <v>22</v>
      </c>
      <c r="AB40148">
        <v>23</v>
      </c>
      <c r="AC40148">
        <v>23</v>
      </c>
      <c r="AD40148">
        <v>23</v>
      </c>
      <c r="AE40148">
        <v>23</v>
      </c>
      <c r="AF40148">
        <v>23</v>
      </c>
      <c r="AG40148">
        <v>23</v>
      </c>
      <c r="AH40148">
        <v>23</v>
      </c>
      <c r="AI40148">
        <v>23</v>
      </c>
      <c r="AJ40148">
        <v>23</v>
      </c>
      <c r="AK40148">
        <v>23</v>
      </c>
      <c r="AL40148">
        <v>24</v>
      </c>
      <c r="AM40148">
        <v>24</v>
      </c>
      <c r="AN40148">
        <v>24</v>
      </c>
      <c r="AO40148">
        <v>24</v>
      </c>
      <c r="AP40148">
        <v>24</v>
      </c>
      <c r="AQ40148">
        <v>24</v>
      </c>
    </row>
    <row r="40149" spans="1:43">
      <c r="A40149" t="s">
        <v>24857</v>
      </c>
      <c r="B40149" t="s">
        <v>24858</v>
      </c>
      <c r="C40149" t="s">
        <v>18245</v>
      </c>
      <c r="D40149" t="s">
        <v>18246</v>
      </c>
      <c r="E40149" t="s">
        <v>18191</v>
      </c>
      <c r="F40149" t="s">
        <v>18192</v>
      </c>
      <c r="G40149" t="s">
        <v>10734</v>
      </c>
      <c r="H40149" t="s">
        <v>10735</v>
      </c>
      <c r="I40149" s="2">
        <v>0</v>
      </c>
      <c r="J40149" s="2">
        <v>0</v>
      </c>
      <c r="K40149" s="2">
        <v>1</v>
      </c>
      <c r="L40149" t="s">
        <v>995</v>
      </c>
      <c r="M40149" t="s">
        <v>83</v>
      </c>
      <c r="N40149" t="s">
        <v>91</v>
      </c>
      <c r="O40149" t="s">
        <v>85</v>
      </c>
      <c r="P40149" t="s">
        <v>86</v>
      </c>
      <c r="Q40149">
        <v>19</v>
      </c>
      <c r="R40149">
        <v>20</v>
      </c>
      <c r="S40149">
        <v>20</v>
      </c>
      <c r="T40149">
        <v>20</v>
      </c>
      <c r="U40149">
        <v>20</v>
      </c>
      <c r="V40149">
        <v>21</v>
      </c>
      <c r="W40149">
        <v>21</v>
      </c>
      <c r="X40149">
        <v>21</v>
      </c>
      <c r="Y40149">
        <v>21</v>
      </c>
      <c r="Z40149">
        <v>22</v>
      </c>
      <c r="AA40149">
        <v>22</v>
      </c>
      <c r="AB40149">
        <v>22</v>
      </c>
      <c r="AC40149">
        <v>22</v>
      </c>
      <c r="AD40149">
        <v>23</v>
      </c>
      <c r="AE40149">
        <v>23</v>
      </c>
      <c r="AF40149">
        <v>23</v>
      </c>
      <c r="AG40149">
        <v>23</v>
      </c>
      <c r="AH40149">
        <v>23</v>
      </c>
      <c r="AI40149">
        <v>24</v>
      </c>
      <c r="AJ40149">
        <v>24</v>
      </c>
      <c r="AK40149">
        <v>24</v>
      </c>
      <c r="AL40149">
        <v>24</v>
      </c>
      <c r="AM40149">
        <v>24</v>
      </c>
      <c r="AN40149">
        <v>24</v>
      </c>
      <c r="AO40149">
        <v>24</v>
      </c>
      <c r="AP40149">
        <v>25</v>
      </c>
      <c r="AQ40149">
        <v>25</v>
      </c>
    </row>
    <row r="40150" spans="1:43">
      <c r="A40150" t="s">
        <v>24859</v>
      </c>
      <c r="B40150" t="s">
        <v>24860</v>
      </c>
      <c r="C40150" t="s">
        <v>18223</v>
      </c>
      <c r="D40150" t="s">
        <v>18224</v>
      </c>
      <c r="E40150" t="s">
        <v>18191</v>
      </c>
      <c r="F40150" t="s">
        <v>18192</v>
      </c>
      <c r="G40150" t="s">
        <v>10734</v>
      </c>
      <c r="H40150" t="s">
        <v>10735</v>
      </c>
      <c r="I40150" s="2">
        <v>0</v>
      </c>
      <c r="J40150" s="2">
        <v>0</v>
      </c>
      <c r="K40150" s="2">
        <v>1</v>
      </c>
      <c r="L40150" t="s">
        <v>995</v>
      </c>
      <c r="M40150" t="s">
        <v>83</v>
      </c>
      <c r="N40150" t="s">
        <v>84</v>
      </c>
      <c r="O40150" t="s">
        <v>85</v>
      </c>
      <c r="P40150" t="s">
        <v>86</v>
      </c>
      <c r="Q40150">
        <v>9</v>
      </c>
      <c r="R40150">
        <v>9</v>
      </c>
      <c r="S40150">
        <v>10</v>
      </c>
      <c r="T40150">
        <v>10</v>
      </c>
      <c r="U40150">
        <v>10</v>
      </c>
      <c r="V40150">
        <v>10</v>
      </c>
      <c r="W40150">
        <v>10</v>
      </c>
      <c r="X40150">
        <v>10</v>
      </c>
      <c r="Y40150">
        <v>10</v>
      </c>
      <c r="Z40150">
        <v>10</v>
      </c>
      <c r="AA40150">
        <v>11</v>
      </c>
      <c r="AB40150">
        <v>11</v>
      </c>
      <c r="AC40150">
        <v>11</v>
      </c>
      <c r="AD40150">
        <v>11</v>
      </c>
      <c r="AE40150">
        <v>11</v>
      </c>
      <c r="AF40150">
        <v>11</v>
      </c>
      <c r="AG40150">
        <v>11</v>
      </c>
      <c r="AH40150">
        <v>11</v>
      </c>
      <c r="AI40150">
        <v>12</v>
      </c>
      <c r="AJ40150">
        <v>12</v>
      </c>
      <c r="AK40150">
        <v>12</v>
      </c>
      <c r="AL40150">
        <v>12</v>
      </c>
      <c r="AM40150">
        <v>12</v>
      </c>
      <c r="AN40150">
        <v>12</v>
      </c>
      <c r="AO40150">
        <v>12</v>
      </c>
      <c r="AP40150">
        <v>12</v>
      </c>
      <c r="AQ40150">
        <v>12</v>
      </c>
    </row>
    <row r="40151" spans="1:43">
      <c r="A40151" t="s">
        <v>24859</v>
      </c>
      <c r="B40151" t="s">
        <v>24860</v>
      </c>
      <c r="C40151" t="s">
        <v>18223</v>
      </c>
      <c r="D40151" t="s">
        <v>18224</v>
      </c>
      <c r="E40151" t="s">
        <v>18191</v>
      </c>
      <c r="F40151" t="s">
        <v>18192</v>
      </c>
      <c r="G40151" t="s">
        <v>10734</v>
      </c>
      <c r="H40151" t="s">
        <v>10735</v>
      </c>
      <c r="I40151" s="2">
        <v>0</v>
      </c>
      <c r="J40151" s="2">
        <v>0</v>
      </c>
      <c r="K40151" s="2">
        <v>1</v>
      </c>
      <c r="L40151" t="s">
        <v>995</v>
      </c>
      <c r="M40151" t="s">
        <v>87</v>
      </c>
      <c r="N40151" t="s">
        <v>88</v>
      </c>
      <c r="O40151" t="s">
        <v>85</v>
      </c>
      <c r="P40151" t="s">
        <v>86</v>
      </c>
      <c r="Q40151">
        <v>9</v>
      </c>
      <c r="R40151">
        <v>9</v>
      </c>
      <c r="S40151">
        <v>9</v>
      </c>
      <c r="T40151">
        <v>9</v>
      </c>
      <c r="U40151">
        <v>9</v>
      </c>
      <c r="V40151">
        <v>9</v>
      </c>
      <c r="W40151">
        <v>9</v>
      </c>
      <c r="X40151">
        <v>10</v>
      </c>
      <c r="Y40151">
        <v>10</v>
      </c>
      <c r="Z40151">
        <v>10</v>
      </c>
      <c r="AA40151">
        <v>10</v>
      </c>
      <c r="AB40151">
        <v>10</v>
      </c>
      <c r="AC40151">
        <v>10</v>
      </c>
      <c r="AD40151">
        <v>10</v>
      </c>
      <c r="AE40151">
        <v>10</v>
      </c>
      <c r="AF40151">
        <v>10</v>
      </c>
      <c r="AG40151">
        <v>10</v>
      </c>
      <c r="AH40151">
        <v>10</v>
      </c>
      <c r="AI40151">
        <v>10</v>
      </c>
      <c r="AJ40151">
        <v>10</v>
      </c>
      <c r="AK40151">
        <v>10</v>
      </c>
      <c r="AL40151">
        <v>10</v>
      </c>
      <c r="AM40151">
        <v>10</v>
      </c>
      <c r="AN40151">
        <v>10</v>
      </c>
      <c r="AO40151">
        <v>10</v>
      </c>
      <c r="AP40151">
        <v>10</v>
      </c>
      <c r="AQ40151">
        <v>10</v>
      </c>
    </row>
    <row r="40152" spans="1:43">
      <c r="A40152" t="s">
        <v>24859</v>
      </c>
      <c r="B40152" t="s">
        <v>24860</v>
      </c>
      <c r="C40152" t="s">
        <v>18223</v>
      </c>
      <c r="D40152" t="s">
        <v>18224</v>
      </c>
      <c r="E40152" t="s">
        <v>18191</v>
      </c>
      <c r="F40152" t="s">
        <v>18192</v>
      </c>
      <c r="G40152" t="s">
        <v>10734</v>
      </c>
      <c r="H40152" t="s">
        <v>10735</v>
      </c>
      <c r="I40152" s="2">
        <v>0</v>
      </c>
      <c r="J40152" s="2">
        <v>0</v>
      </c>
      <c r="K40152" s="2">
        <v>1</v>
      </c>
      <c r="L40152" t="s">
        <v>995</v>
      </c>
      <c r="M40152" t="s">
        <v>89</v>
      </c>
      <c r="N40152" t="s">
        <v>90</v>
      </c>
      <c r="O40152" t="s">
        <v>85</v>
      </c>
      <c r="P40152" t="s">
        <v>86</v>
      </c>
      <c r="Q40152">
        <v>9</v>
      </c>
      <c r="R40152">
        <v>10</v>
      </c>
      <c r="S40152">
        <v>10</v>
      </c>
      <c r="T40152">
        <v>10</v>
      </c>
      <c r="U40152">
        <v>10</v>
      </c>
      <c r="V40152">
        <v>10</v>
      </c>
      <c r="W40152">
        <v>11</v>
      </c>
      <c r="X40152">
        <v>11</v>
      </c>
      <c r="Y40152">
        <v>11</v>
      </c>
      <c r="Z40152">
        <v>11</v>
      </c>
      <c r="AA40152">
        <v>11</v>
      </c>
      <c r="AB40152">
        <v>11</v>
      </c>
      <c r="AC40152">
        <v>12</v>
      </c>
      <c r="AD40152">
        <v>12</v>
      </c>
      <c r="AE40152">
        <v>12</v>
      </c>
      <c r="AF40152">
        <v>12</v>
      </c>
      <c r="AG40152">
        <v>12</v>
      </c>
      <c r="AH40152">
        <v>12</v>
      </c>
      <c r="AI40152">
        <v>12</v>
      </c>
      <c r="AJ40152">
        <v>12</v>
      </c>
      <c r="AK40152">
        <v>12</v>
      </c>
      <c r="AL40152">
        <v>12</v>
      </c>
      <c r="AM40152">
        <v>12</v>
      </c>
      <c r="AN40152">
        <v>12</v>
      </c>
      <c r="AO40152">
        <v>12</v>
      </c>
      <c r="AP40152">
        <v>12</v>
      </c>
      <c r="AQ40152">
        <v>12</v>
      </c>
    </row>
    <row r="40153" spans="1:43">
      <c r="A40153" t="s">
        <v>24859</v>
      </c>
      <c r="B40153" t="s">
        <v>24860</v>
      </c>
      <c r="C40153" t="s">
        <v>18223</v>
      </c>
      <c r="D40153" t="s">
        <v>18224</v>
      </c>
      <c r="E40153" t="s">
        <v>18191</v>
      </c>
      <c r="F40153" t="s">
        <v>18192</v>
      </c>
      <c r="G40153" t="s">
        <v>10734</v>
      </c>
      <c r="H40153" t="s">
        <v>10735</v>
      </c>
      <c r="I40153" s="2">
        <v>0</v>
      </c>
      <c r="J40153" s="2">
        <v>0</v>
      </c>
      <c r="K40153" s="2">
        <v>1</v>
      </c>
      <c r="L40153" t="s">
        <v>995</v>
      </c>
      <c r="M40153" t="s">
        <v>83</v>
      </c>
      <c r="N40153" t="s">
        <v>91</v>
      </c>
      <c r="O40153" t="s">
        <v>85</v>
      </c>
      <c r="P40153" t="s">
        <v>86</v>
      </c>
      <c r="Q40153">
        <v>9</v>
      </c>
      <c r="R40153">
        <v>9</v>
      </c>
      <c r="S40153">
        <v>10</v>
      </c>
      <c r="T40153">
        <v>10</v>
      </c>
      <c r="U40153">
        <v>10</v>
      </c>
      <c r="V40153">
        <v>10</v>
      </c>
      <c r="W40153">
        <v>10</v>
      </c>
      <c r="X40153">
        <v>10</v>
      </c>
      <c r="Y40153">
        <v>10</v>
      </c>
      <c r="Z40153">
        <v>10</v>
      </c>
      <c r="AA40153">
        <v>11</v>
      </c>
      <c r="AB40153">
        <v>11</v>
      </c>
      <c r="AC40153">
        <v>11</v>
      </c>
      <c r="AD40153">
        <v>11</v>
      </c>
      <c r="AE40153">
        <v>11</v>
      </c>
      <c r="AF40153">
        <v>11</v>
      </c>
      <c r="AG40153">
        <v>11</v>
      </c>
      <c r="AH40153">
        <v>11</v>
      </c>
      <c r="AI40153">
        <v>12</v>
      </c>
      <c r="AJ40153">
        <v>12</v>
      </c>
      <c r="AK40153">
        <v>12</v>
      </c>
      <c r="AL40153">
        <v>12</v>
      </c>
      <c r="AM40153">
        <v>12</v>
      </c>
      <c r="AN40153">
        <v>12</v>
      </c>
      <c r="AO40153">
        <v>12</v>
      </c>
      <c r="AP40153">
        <v>12</v>
      </c>
      <c r="AQ40153">
        <v>12</v>
      </c>
    </row>
    <row r="40154" spans="1:43">
      <c r="A40154" t="s">
        <v>24861</v>
      </c>
      <c r="B40154" t="s">
        <v>24862</v>
      </c>
      <c r="C40154" t="s">
        <v>18205</v>
      </c>
      <c r="D40154" t="s">
        <v>18206</v>
      </c>
      <c r="E40154" t="s">
        <v>18191</v>
      </c>
      <c r="F40154" t="s">
        <v>18192</v>
      </c>
      <c r="G40154" t="s">
        <v>10734</v>
      </c>
      <c r="H40154" t="s">
        <v>10735</v>
      </c>
      <c r="I40154" s="2">
        <v>0</v>
      </c>
      <c r="J40154" s="2">
        <v>0</v>
      </c>
      <c r="K40154" s="2">
        <v>1</v>
      </c>
      <c r="L40154" t="s">
        <v>995</v>
      </c>
      <c r="M40154" t="s">
        <v>83</v>
      </c>
      <c r="N40154" t="s">
        <v>84</v>
      </c>
      <c r="O40154" t="s">
        <v>85</v>
      </c>
      <c r="P40154" t="s">
        <v>86</v>
      </c>
      <c r="Q40154">
        <v>6</v>
      </c>
      <c r="R40154">
        <v>7</v>
      </c>
      <c r="S40154">
        <v>7</v>
      </c>
      <c r="T40154">
        <v>7</v>
      </c>
      <c r="U40154">
        <v>7</v>
      </c>
      <c r="V40154">
        <v>7</v>
      </c>
      <c r="W40154">
        <v>7</v>
      </c>
      <c r="X40154">
        <v>7</v>
      </c>
      <c r="Y40154">
        <v>7</v>
      </c>
      <c r="Z40154">
        <v>7</v>
      </c>
      <c r="AA40154">
        <v>7</v>
      </c>
      <c r="AB40154">
        <v>8</v>
      </c>
      <c r="AC40154">
        <v>8</v>
      </c>
      <c r="AD40154">
        <v>8</v>
      </c>
      <c r="AE40154">
        <v>8</v>
      </c>
      <c r="AF40154">
        <v>8</v>
      </c>
      <c r="AG40154">
        <v>8</v>
      </c>
      <c r="AH40154">
        <v>8</v>
      </c>
      <c r="AI40154">
        <v>8</v>
      </c>
      <c r="AJ40154">
        <v>8</v>
      </c>
      <c r="AK40154">
        <v>8</v>
      </c>
      <c r="AL40154">
        <v>8</v>
      </c>
      <c r="AM40154">
        <v>8</v>
      </c>
      <c r="AN40154">
        <v>8</v>
      </c>
      <c r="AO40154">
        <v>8</v>
      </c>
      <c r="AP40154">
        <v>8</v>
      </c>
      <c r="AQ40154">
        <v>9</v>
      </c>
    </row>
    <row r="40155" spans="1:43">
      <c r="A40155" t="s">
        <v>24861</v>
      </c>
      <c r="B40155" t="s">
        <v>24862</v>
      </c>
      <c r="C40155" t="s">
        <v>18205</v>
      </c>
      <c r="D40155" t="s">
        <v>18206</v>
      </c>
      <c r="E40155" t="s">
        <v>18191</v>
      </c>
      <c r="F40155" t="s">
        <v>18192</v>
      </c>
      <c r="G40155" t="s">
        <v>10734</v>
      </c>
      <c r="H40155" t="s">
        <v>10735</v>
      </c>
      <c r="I40155" s="2">
        <v>0</v>
      </c>
      <c r="J40155" s="2">
        <v>0</v>
      </c>
      <c r="K40155" s="2">
        <v>1</v>
      </c>
      <c r="L40155" t="s">
        <v>995</v>
      </c>
      <c r="M40155" t="s">
        <v>87</v>
      </c>
      <c r="N40155" t="s">
        <v>88</v>
      </c>
      <c r="O40155" t="s">
        <v>85</v>
      </c>
      <c r="P40155" t="s">
        <v>86</v>
      </c>
      <c r="Q40155">
        <v>6</v>
      </c>
      <c r="R40155">
        <v>6</v>
      </c>
      <c r="S40155">
        <v>7</v>
      </c>
      <c r="T40155">
        <v>7</v>
      </c>
      <c r="U40155">
        <v>7</v>
      </c>
      <c r="V40155">
        <v>7</v>
      </c>
      <c r="W40155">
        <v>7</v>
      </c>
      <c r="X40155">
        <v>7</v>
      </c>
      <c r="Y40155">
        <v>7</v>
      </c>
      <c r="Z40155">
        <v>7</v>
      </c>
      <c r="AA40155">
        <v>7</v>
      </c>
      <c r="AB40155">
        <v>7</v>
      </c>
      <c r="AC40155">
        <v>7</v>
      </c>
      <c r="AD40155">
        <v>7</v>
      </c>
      <c r="AE40155">
        <v>7</v>
      </c>
      <c r="AF40155">
        <v>7</v>
      </c>
      <c r="AG40155">
        <v>7</v>
      </c>
      <c r="AH40155">
        <v>7</v>
      </c>
      <c r="AI40155">
        <v>7</v>
      </c>
      <c r="AJ40155">
        <v>7</v>
      </c>
      <c r="AK40155">
        <v>7</v>
      </c>
      <c r="AL40155">
        <v>7</v>
      </c>
      <c r="AM40155">
        <v>7</v>
      </c>
      <c r="AN40155">
        <v>7</v>
      </c>
      <c r="AO40155">
        <v>7</v>
      </c>
      <c r="AP40155">
        <v>7</v>
      </c>
      <c r="AQ40155">
        <v>7</v>
      </c>
    </row>
    <row r="40156" spans="1:43">
      <c r="A40156" t="s">
        <v>24861</v>
      </c>
      <c r="B40156" t="s">
        <v>24862</v>
      </c>
      <c r="C40156" t="s">
        <v>18205</v>
      </c>
      <c r="D40156" t="s">
        <v>18206</v>
      </c>
      <c r="E40156" t="s">
        <v>18191</v>
      </c>
      <c r="F40156" t="s">
        <v>18192</v>
      </c>
      <c r="G40156" t="s">
        <v>10734</v>
      </c>
      <c r="H40156" t="s">
        <v>10735</v>
      </c>
      <c r="I40156" s="2">
        <v>0</v>
      </c>
      <c r="J40156" s="2">
        <v>0</v>
      </c>
      <c r="K40156" s="2">
        <v>1</v>
      </c>
      <c r="L40156" t="s">
        <v>995</v>
      </c>
      <c r="M40156" t="s">
        <v>89</v>
      </c>
      <c r="N40156" t="s">
        <v>90</v>
      </c>
      <c r="O40156" t="s">
        <v>85</v>
      </c>
      <c r="P40156" t="s">
        <v>86</v>
      </c>
      <c r="Q40156">
        <v>6</v>
      </c>
      <c r="R40156">
        <v>6</v>
      </c>
      <c r="S40156">
        <v>6</v>
      </c>
      <c r="T40156">
        <v>6</v>
      </c>
      <c r="U40156">
        <v>6</v>
      </c>
      <c r="V40156">
        <v>6</v>
      </c>
      <c r="W40156">
        <v>6</v>
      </c>
      <c r="X40156">
        <v>7</v>
      </c>
      <c r="Y40156">
        <v>7</v>
      </c>
      <c r="Z40156">
        <v>7</v>
      </c>
      <c r="AA40156">
        <v>7</v>
      </c>
      <c r="AB40156">
        <v>7</v>
      </c>
      <c r="AC40156">
        <v>7</v>
      </c>
      <c r="AD40156">
        <v>7</v>
      </c>
      <c r="AE40156">
        <v>7</v>
      </c>
      <c r="AF40156">
        <v>7</v>
      </c>
      <c r="AG40156">
        <v>7</v>
      </c>
      <c r="AH40156">
        <v>7</v>
      </c>
      <c r="AI40156">
        <v>7</v>
      </c>
      <c r="AJ40156">
        <v>7</v>
      </c>
      <c r="AK40156">
        <v>7</v>
      </c>
      <c r="AL40156">
        <v>7</v>
      </c>
      <c r="AM40156">
        <v>7</v>
      </c>
      <c r="AN40156">
        <v>7</v>
      </c>
      <c r="AO40156">
        <v>8</v>
      </c>
      <c r="AP40156">
        <v>8</v>
      </c>
      <c r="AQ40156">
        <v>8</v>
      </c>
    </row>
    <row r="40157" spans="1:43">
      <c r="A40157" t="s">
        <v>24861</v>
      </c>
      <c r="B40157" t="s">
        <v>24862</v>
      </c>
      <c r="C40157" t="s">
        <v>18205</v>
      </c>
      <c r="D40157" t="s">
        <v>18206</v>
      </c>
      <c r="E40157" t="s">
        <v>18191</v>
      </c>
      <c r="F40157" t="s">
        <v>18192</v>
      </c>
      <c r="G40157" t="s">
        <v>10734</v>
      </c>
      <c r="H40157" t="s">
        <v>10735</v>
      </c>
      <c r="I40157" s="2">
        <v>0</v>
      </c>
      <c r="J40157" s="2">
        <v>0</v>
      </c>
      <c r="K40157" s="2">
        <v>1</v>
      </c>
      <c r="L40157" t="s">
        <v>995</v>
      </c>
      <c r="M40157" t="s">
        <v>83</v>
      </c>
      <c r="N40157" t="s">
        <v>91</v>
      </c>
      <c r="O40157" t="s">
        <v>85</v>
      </c>
      <c r="P40157" t="s">
        <v>86</v>
      </c>
      <c r="Q40157">
        <v>6</v>
      </c>
      <c r="R40157">
        <v>7</v>
      </c>
      <c r="S40157">
        <v>7</v>
      </c>
      <c r="T40157">
        <v>7</v>
      </c>
      <c r="U40157">
        <v>7</v>
      </c>
      <c r="V40157">
        <v>7</v>
      </c>
      <c r="W40157">
        <v>7</v>
      </c>
      <c r="X40157">
        <v>7</v>
      </c>
      <c r="Y40157">
        <v>7</v>
      </c>
      <c r="Z40157">
        <v>7</v>
      </c>
      <c r="AA40157">
        <v>7</v>
      </c>
      <c r="AB40157">
        <v>8</v>
      </c>
      <c r="AC40157">
        <v>8</v>
      </c>
      <c r="AD40157">
        <v>8</v>
      </c>
      <c r="AE40157">
        <v>8</v>
      </c>
      <c r="AF40157">
        <v>8</v>
      </c>
      <c r="AG40157">
        <v>8</v>
      </c>
      <c r="AH40157">
        <v>8</v>
      </c>
      <c r="AI40157">
        <v>8</v>
      </c>
      <c r="AJ40157">
        <v>8</v>
      </c>
      <c r="AK40157">
        <v>8</v>
      </c>
      <c r="AL40157">
        <v>8</v>
      </c>
      <c r="AM40157">
        <v>8</v>
      </c>
      <c r="AN40157">
        <v>8</v>
      </c>
      <c r="AO40157">
        <v>8</v>
      </c>
      <c r="AP40157">
        <v>8</v>
      </c>
      <c r="AQ40157">
        <v>9</v>
      </c>
    </row>
    <row r="40158" spans="1:43">
      <c r="A40158" t="s">
        <v>24863</v>
      </c>
      <c r="B40158" t="s">
        <v>24864</v>
      </c>
      <c r="C40158" t="s">
        <v>18263</v>
      </c>
      <c r="D40158" t="s">
        <v>18264</v>
      </c>
      <c r="E40158" t="s">
        <v>18191</v>
      </c>
      <c r="F40158" t="s">
        <v>18192</v>
      </c>
      <c r="G40158" t="s">
        <v>10734</v>
      </c>
      <c r="H40158" t="s">
        <v>10735</v>
      </c>
      <c r="I40158" s="2">
        <v>0</v>
      </c>
      <c r="J40158" s="2">
        <v>0</v>
      </c>
      <c r="K40158" s="2">
        <v>1</v>
      </c>
      <c r="L40158" t="s">
        <v>995</v>
      </c>
      <c r="M40158" t="s">
        <v>83</v>
      </c>
      <c r="N40158" t="s">
        <v>84</v>
      </c>
      <c r="O40158" t="s">
        <v>85</v>
      </c>
      <c r="P40158" t="s">
        <v>86</v>
      </c>
      <c r="Q40158">
        <v>38</v>
      </c>
      <c r="R40158">
        <v>39</v>
      </c>
      <c r="S40158">
        <v>39</v>
      </c>
      <c r="T40158">
        <v>40</v>
      </c>
      <c r="U40158">
        <v>40</v>
      </c>
      <c r="V40158">
        <v>41</v>
      </c>
      <c r="W40158">
        <v>41</v>
      </c>
      <c r="X40158">
        <v>42</v>
      </c>
      <c r="Y40158">
        <v>43</v>
      </c>
      <c r="Z40158">
        <v>43</v>
      </c>
      <c r="AA40158">
        <v>44</v>
      </c>
      <c r="AB40158">
        <v>44</v>
      </c>
      <c r="AC40158">
        <v>45</v>
      </c>
      <c r="AD40158">
        <v>46</v>
      </c>
      <c r="AE40158">
        <v>46</v>
      </c>
      <c r="AF40158">
        <v>47</v>
      </c>
      <c r="AG40158">
        <v>47</v>
      </c>
      <c r="AH40158">
        <v>48</v>
      </c>
      <c r="AI40158">
        <v>48</v>
      </c>
      <c r="AJ40158">
        <v>49</v>
      </c>
      <c r="AK40158">
        <v>50</v>
      </c>
      <c r="AL40158">
        <v>50</v>
      </c>
      <c r="AM40158">
        <v>50</v>
      </c>
      <c r="AN40158">
        <v>51</v>
      </c>
      <c r="AO40158">
        <v>51</v>
      </c>
      <c r="AP40158">
        <v>51</v>
      </c>
      <c r="AQ40158">
        <v>52</v>
      </c>
    </row>
    <row r="40159" spans="1:43">
      <c r="A40159" t="s">
        <v>24863</v>
      </c>
      <c r="B40159" t="s">
        <v>24864</v>
      </c>
      <c r="C40159" t="s">
        <v>18263</v>
      </c>
      <c r="D40159" t="s">
        <v>18264</v>
      </c>
      <c r="E40159" t="s">
        <v>18191</v>
      </c>
      <c r="F40159" t="s">
        <v>18192</v>
      </c>
      <c r="G40159" t="s">
        <v>10734</v>
      </c>
      <c r="H40159" t="s">
        <v>10735</v>
      </c>
      <c r="I40159" s="2">
        <v>0</v>
      </c>
      <c r="J40159" s="2">
        <v>0</v>
      </c>
      <c r="K40159" s="2">
        <v>1</v>
      </c>
      <c r="L40159" t="s">
        <v>995</v>
      </c>
      <c r="M40159" t="s">
        <v>87</v>
      </c>
      <c r="N40159" t="s">
        <v>88</v>
      </c>
      <c r="O40159" t="s">
        <v>85</v>
      </c>
      <c r="P40159" t="s">
        <v>86</v>
      </c>
      <c r="Q40159">
        <v>38</v>
      </c>
      <c r="R40159">
        <v>38</v>
      </c>
      <c r="S40159">
        <v>38</v>
      </c>
      <c r="T40159">
        <v>38</v>
      </c>
      <c r="U40159">
        <v>38</v>
      </c>
      <c r="V40159">
        <v>39</v>
      </c>
      <c r="W40159">
        <v>39</v>
      </c>
      <c r="X40159">
        <v>39</v>
      </c>
      <c r="Y40159">
        <v>39</v>
      </c>
      <c r="Z40159">
        <v>40</v>
      </c>
      <c r="AA40159">
        <v>40</v>
      </c>
      <c r="AB40159">
        <v>40</v>
      </c>
      <c r="AC40159">
        <v>40</v>
      </c>
      <c r="AD40159">
        <v>41</v>
      </c>
      <c r="AE40159">
        <v>41</v>
      </c>
      <c r="AF40159">
        <v>41</v>
      </c>
      <c r="AG40159">
        <v>42</v>
      </c>
      <c r="AH40159">
        <v>42</v>
      </c>
      <c r="AI40159">
        <v>42</v>
      </c>
      <c r="AJ40159">
        <v>42</v>
      </c>
      <c r="AK40159">
        <v>43</v>
      </c>
      <c r="AL40159">
        <v>43</v>
      </c>
      <c r="AM40159">
        <v>43</v>
      </c>
      <c r="AN40159">
        <v>44</v>
      </c>
      <c r="AO40159">
        <v>44</v>
      </c>
      <c r="AP40159">
        <v>44</v>
      </c>
      <c r="AQ40159">
        <v>45</v>
      </c>
    </row>
    <row r="40160" spans="1:43">
      <c r="A40160" t="s">
        <v>24863</v>
      </c>
      <c r="B40160" t="s">
        <v>24864</v>
      </c>
      <c r="C40160" t="s">
        <v>18263</v>
      </c>
      <c r="D40160" t="s">
        <v>18264</v>
      </c>
      <c r="E40160" t="s">
        <v>18191</v>
      </c>
      <c r="F40160" t="s">
        <v>18192</v>
      </c>
      <c r="G40160" t="s">
        <v>10734</v>
      </c>
      <c r="H40160" t="s">
        <v>10735</v>
      </c>
      <c r="I40160" s="2">
        <v>0</v>
      </c>
      <c r="J40160" s="2">
        <v>0</v>
      </c>
      <c r="K40160" s="2">
        <v>1</v>
      </c>
      <c r="L40160" t="s">
        <v>995</v>
      </c>
      <c r="M40160" t="s">
        <v>89</v>
      </c>
      <c r="N40160" t="s">
        <v>90</v>
      </c>
      <c r="O40160" t="s">
        <v>85</v>
      </c>
      <c r="P40160" t="s">
        <v>86</v>
      </c>
      <c r="Q40160">
        <v>38</v>
      </c>
      <c r="R40160">
        <v>39</v>
      </c>
      <c r="S40160">
        <v>40</v>
      </c>
      <c r="T40160">
        <v>41</v>
      </c>
      <c r="U40160">
        <v>42</v>
      </c>
      <c r="V40160">
        <v>43</v>
      </c>
      <c r="W40160">
        <v>44</v>
      </c>
      <c r="X40160">
        <v>44</v>
      </c>
      <c r="Y40160">
        <v>45</v>
      </c>
      <c r="Z40160">
        <v>46</v>
      </c>
      <c r="AA40160">
        <v>46</v>
      </c>
      <c r="AB40160">
        <v>47</v>
      </c>
      <c r="AC40160">
        <v>48</v>
      </c>
      <c r="AD40160">
        <v>49</v>
      </c>
      <c r="AE40160">
        <v>49</v>
      </c>
      <c r="AF40160">
        <v>49</v>
      </c>
      <c r="AG40160">
        <v>50</v>
      </c>
      <c r="AH40160">
        <v>50</v>
      </c>
      <c r="AI40160">
        <v>50</v>
      </c>
      <c r="AJ40160">
        <v>50</v>
      </c>
      <c r="AK40160">
        <v>51</v>
      </c>
      <c r="AL40160">
        <v>51</v>
      </c>
      <c r="AM40160">
        <v>51</v>
      </c>
      <c r="AN40160">
        <v>51</v>
      </c>
      <c r="AO40160">
        <v>52</v>
      </c>
      <c r="AP40160">
        <v>52</v>
      </c>
      <c r="AQ40160">
        <v>52</v>
      </c>
    </row>
    <row r="40161" spans="1:43">
      <c r="A40161" t="s">
        <v>24863</v>
      </c>
      <c r="B40161" t="s">
        <v>24864</v>
      </c>
      <c r="C40161" t="s">
        <v>18263</v>
      </c>
      <c r="D40161" t="s">
        <v>18264</v>
      </c>
      <c r="E40161" t="s">
        <v>18191</v>
      </c>
      <c r="F40161" t="s">
        <v>18192</v>
      </c>
      <c r="G40161" t="s">
        <v>10734</v>
      </c>
      <c r="H40161" t="s">
        <v>10735</v>
      </c>
      <c r="I40161" s="2">
        <v>0</v>
      </c>
      <c r="J40161" s="2">
        <v>0</v>
      </c>
      <c r="K40161" s="2">
        <v>1</v>
      </c>
      <c r="L40161" t="s">
        <v>995</v>
      </c>
      <c r="M40161" t="s">
        <v>83</v>
      </c>
      <c r="N40161" t="s">
        <v>91</v>
      </c>
      <c r="O40161" t="s">
        <v>85</v>
      </c>
      <c r="P40161" t="s">
        <v>86</v>
      </c>
      <c r="Q40161">
        <v>38</v>
      </c>
      <c r="R40161">
        <v>39</v>
      </c>
      <c r="S40161">
        <v>39</v>
      </c>
      <c r="T40161">
        <v>40</v>
      </c>
      <c r="U40161">
        <v>40</v>
      </c>
      <c r="V40161">
        <v>41</v>
      </c>
      <c r="W40161">
        <v>41</v>
      </c>
      <c r="X40161">
        <v>42</v>
      </c>
      <c r="Y40161">
        <v>43</v>
      </c>
      <c r="Z40161">
        <v>43</v>
      </c>
      <c r="AA40161">
        <v>44</v>
      </c>
      <c r="AB40161">
        <v>44</v>
      </c>
      <c r="AC40161">
        <v>45</v>
      </c>
      <c r="AD40161">
        <v>46</v>
      </c>
      <c r="AE40161">
        <v>46</v>
      </c>
      <c r="AF40161">
        <v>47</v>
      </c>
      <c r="AG40161">
        <v>47</v>
      </c>
      <c r="AH40161">
        <v>48</v>
      </c>
      <c r="AI40161">
        <v>48</v>
      </c>
      <c r="AJ40161">
        <v>49</v>
      </c>
      <c r="AK40161">
        <v>50</v>
      </c>
      <c r="AL40161">
        <v>50</v>
      </c>
      <c r="AM40161">
        <v>50</v>
      </c>
      <c r="AN40161">
        <v>51</v>
      </c>
      <c r="AO40161">
        <v>51</v>
      </c>
      <c r="AP40161">
        <v>51</v>
      </c>
      <c r="AQ40161">
        <v>52</v>
      </c>
    </row>
    <row r="40162" spans="1:43">
      <c r="A40162" t="s">
        <v>24865</v>
      </c>
      <c r="B40162" t="s">
        <v>24866</v>
      </c>
      <c r="C40162" t="s">
        <v>19993</v>
      </c>
      <c r="D40162" t="s">
        <v>19994</v>
      </c>
      <c r="E40162" t="s">
        <v>19921</v>
      </c>
      <c r="F40162" t="s">
        <v>19922</v>
      </c>
      <c r="G40162" t="s">
        <v>10734</v>
      </c>
      <c r="H40162" t="s">
        <v>10735</v>
      </c>
      <c r="I40162" s="2">
        <v>0</v>
      </c>
      <c r="J40162" s="2">
        <v>0</v>
      </c>
      <c r="K40162" s="2">
        <v>1</v>
      </c>
      <c r="L40162" t="s">
        <v>995</v>
      </c>
      <c r="M40162" t="s">
        <v>83</v>
      </c>
      <c r="N40162" t="s">
        <v>84</v>
      </c>
      <c r="O40162" t="s">
        <v>85</v>
      </c>
      <c r="P40162" t="s">
        <v>86</v>
      </c>
      <c r="Q40162">
        <v>34</v>
      </c>
      <c r="R40162">
        <v>35</v>
      </c>
      <c r="S40162">
        <v>35</v>
      </c>
      <c r="T40162">
        <v>36</v>
      </c>
      <c r="U40162">
        <v>37</v>
      </c>
      <c r="V40162">
        <v>38</v>
      </c>
      <c r="W40162">
        <v>39</v>
      </c>
      <c r="X40162">
        <v>39</v>
      </c>
      <c r="Y40162">
        <v>40</v>
      </c>
      <c r="Z40162">
        <v>41</v>
      </c>
      <c r="AA40162">
        <v>42</v>
      </c>
      <c r="AB40162">
        <v>43</v>
      </c>
      <c r="AC40162">
        <v>44</v>
      </c>
      <c r="AD40162">
        <v>44</v>
      </c>
      <c r="AE40162">
        <v>45</v>
      </c>
      <c r="AF40162">
        <v>46</v>
      </c>
      <c r="AG40162">
        <v>47</v>
      </c>
      <c r="AH40162">
        <v>48</v>
      </c>
      <c r="AI40162">
        <v>49</v>
      </c>
      <c r="AJ40162">
        <v>49</v>
      </c>
      <c r="AK40162">
        <v>50</v>
      </c>
      <c r="AL40162">
        <v>51</v>
      </c>
      <c r="AM40162">
        <v>51</v>
      </c>
      <c r="AN40162">
        <v>52</v>
      </c>
      <c r="AO40162">
        <v>52</v>
      </c>
      <c r="AP40162">
        <v>52</v>
      </c>
      <c r="AQ40162">
        <v>53</v>
      </c>
    </row>
    <row r="40163" spans="1:43">
      <c r="A40163" t="s">
        <v>24865</v>
      </c>
      <c r="B40163" t="s">
        <v>24866</v>
      </c>
      <c r="C40163" t="s">
        <v>19993</v>
      </c>
      <c r="D40163" t="s">
        <v>19994</v>
      </c>
      <c r="E40163" t="s">
        <v>19921</v>
      </c>
      <c r="F40163" t="s">
        <v>19922</v>
      </c>
      <c r="G40163" t="s">
        <v>10734</v>
      </c>
      <c r="H40163" t="s">
        <v>10735</v>
      </c>
      <c r="I40163" s="2">
        <v>0</v>
      </c>
      <c r="J40163" s="2">
        <v>0</v>
      </c>
      <c r="K40163" s="2">
        <v>1</v>
      </c>
      <c r="L40163" t="s">
        <v>995</v>
      </c>
      <c r="M40163" t="s">
        <v>87</v>
      </c>
      <c r="N40163" t="s">
        <v>88</v>
      </c>
      <c r="O40163" t="s">
        <v>85</v>
      </c>
      <c r="P40163" t="s">
        <v>86</v>
      </c>
      <c r="Q40163">
        <v>34</v>
      </c>
      <c r="R40163">
        <v>35</v>
      </c>
      <c r="S40163">
        <v>35</v>
      </c>
      <c r="T40163">
        <v>36</v>
      </c>
      <c r="U40163">
        <v>36</v>
      </c>
      <c r="V40163">
        <v>37</v>
      </c>
      <c r="W40163">
        <v>37</v>
      </c>
      <c r="X40163">
        <v>38</v>
      </c>
      <c r="Y40163">
        <v>38</v>
      </c>
      <c r="Z40163">
        <v>39</v>
      </c>
      <c r="AA40163">
        <v>39</v>
      </c>
      <c r="AB40163">
        <v>40</v>
      </c>
      <c r="AC40163">
        <v>40</v>
      </c>
      <c r="AD40163">
        <v>41</v>
      </c>
      <c r="AE40163">
        <v>41</v>
      </c>
      <c r="AF40163">
        <v>42</v>
      </c>
      <c r="AG40163">
        <v>42</v>
      </c>
      <c r="AH40163">
        <v>43</v>
      </c>
      <c r="AI40163">
        <v>43</v>
      </c>
      <c r="AJ40163">
        <v>44</v>
      </c>
      <c r="AK40163">
        <v>44</v>
      </c>
      <c r="AL40163">
        <v>44</v>
      </c>
      <c r="AM40163">
        <v>45</v>
      </c>
      <c r="AN40163">
        <v>45</v>
      </c>
      <c r="AO40163">
        <v>46</v>
      </c>
      <c r="AP40163">
        <v>46</v>
      </c>
      <c r="AQ40163">
        <v>47</v>
      </c>
    </row>
    <row r="40164" spans="1:43">
      <c r="A40164" t="s">
        <v>24865</v>
      </c>
      <c r="B40164" t="s">
        <v>24866</v>
      </c>
      <c r="C40164" t="s">
        <v>19993</v>
      </c>
      <c r="D40164" t="s">
        <v>19994</v>
      </c>
      <c r="E40164" t="s">
        <v>19921</v>
      </c>
      <c r="F40164" t="s">
        <v>19922</v>
      </c>
      <c r="G40164" t="s">
        <v>10734</v>
      </c>
      <c r="H40164" t="s">
        <v>10735</v>
      </c>
      <c r="I40164" s="2">
        <v>0</v>
      </c>
      <c r="J40164" s="2">
        <v>0</v>
      </c>
      <c r="K40164" s="2">
        <v>1</v>
      </c>
      <c r="L40164" t="s">
        <v>995</v>
      </c>
      <c r="M40164" t="s">
        <v>89</v>
      </c>
      <c r="N40164" t="s">
        <v>90</v>
      </c>
      <c r="O40164" t="s">
        <v>85</v>
      </c>
      <c r="P40164" t="s">
        <v>86</v>
      </c>
      <c r="Q40164">
        <v>34</v>
      </c>
      <c r="R40164">
        <v>35</v>
      </c>
      <c r="S40164">
        <v>36</v>
      </c>
      <c r="T40164">
        <v>37</v>
      </c>
      <c r="U40164">
        <v>38</v>
      </c>
      <c r="V40164">
        <v>39</v>
      </c>
      <c r="W40164">
        <v>41</v>
      </c>
      <c r="X40164">
        <v>42</v>
      </c>
      <c r="Y40164">
        <v>43</v>
      </c>
      <c r="Z40164">
        <v>44</v>
      </c>
      <c r="AA40164">
        <v>45</v>
      </c>
      <c r="AB40164">
        <v>46</v>
      </c>
      <c r="AC40164">
        <v>47</v>
      </c>
      <c r="AD40164">
        <v>48</v>
      </c>
      <c r="AE40164">
        <v>48</v>
      </c>
      <c r="AF40164">
        <v>49</v>
      </c>
      <c r="AG40164">
        <v>49</v>
      </c>
      <c r="AH40164">
        <v>50</v>
      </c>
      <c r="AI40164">
        <v>50</v>
      </c>
      <c r="AJ40164">
        <v>50</v>
      </c>
      <c r="AK40164">
        <v>51</v>
      </c>
      <c r="AL40164">
        <v>51</v>
      </c>
      <c r="AM40164">
        <v>51</v>
      </c>
      <c r="AN40164">
        <v>52</v>
      </c>
      <c r="AO40164">
        <v>52</v>
      </c>
      <c r="AP40164">
        <v>52</v>
      </c>
      <c r="AQ40164">
        <v>53</v>
      </c>
    </row>
    <row r="40165" spans="1:43">
      <c r="A40165" t="s">
        <v>24865</v>
      </c>
      <c r="B40165" t="s">
        <v>24866</v>
      </c>
      <c r="C40165" t="s">
        <v>19993</v>
      </c>
      <c r="D40165" t="s">
        <v>19994</v>
      </c>
      <c r="E40165" t="s">
        <v>19921</v>
      </c>
      <c r="F40165" t="s">
        <v>19922</v>
      </c>
      <c r="G40165" t="s">
        <v>10734</v>
      </c>
      <c r="H40165" t="s">
        <v>10735</v>
      </c>
      <c r="I40165" s="2">
        <v>0</v>
      </c>
      <c r="J40165" s="2">
        <v>0</v>
      </c>
      <c r="K40165" s="2">
        <v>1</v>
      </c>
      <c r="L40165" t="s">
        <v>995</v>
      </c>
      <c r="M40165" t="s">
        <v>83</v>
      </c>
      <c r="N40165" t="s">
        <v>91</v>
      </c>
      <c r="O40165" t="s">
        <v>85</v>
      </c>
      <c r="P40165" t="s">
        <v>86</v>
      </c>
      <c r="Q40165">
        <v>34</v>
      </c>
      <c r="R40165">
        <v>35</v>
      </c>
      <c r="S40165">
        <v>35</v>
      </c>
      <c r="T40165">
        <v>36</v>
      </c>
      <c r="U40165">
        <v>37</v>
      </c>
      <c r="V40165">
        <v>38</v>
      </c>
      <c r="W40165">
        <v>39</v>
      </c>
      <c r="X40165">
        <v>39</v>
      </c>
      <c r="Y40165">
        <v>40</v>
      </c>
      <c r="Z40165">
        <v>41</v>
      </c>
      <c r="AA40165">
        <v>42</v>
      </c>
      <c r="AB40165">
        <v>43</v>
      </c>
      <c r="AC40165">
        <v>44</v>
      </c>
      <c r="AD40165">
        <v>44</v>
      </c>
      <c r="AE40165">
        <v>45</v>
      </c>
      <c r="AF40165">
        <v>46</v>
      </c>
      <c r="AG40165">
        <v>47</v>
      </c>
      <c r="AH40165">
        <v>48</v>
      </c>
      <c r="AI40165">
        <v>49</v>
      </c>
      <c r="AJ40165">
        <v>49</v>
      </c>
      <c r="AK40165">
        <v>50</v>
      </c>
      <c r="AL40165">
        <v>51</v>
      </c>
      <c r="AM40165">
        <v>51</v>
      </c>
      <c r="AN40165">
        <v>52</v>
      </c>
      <c r="AO40165">
        <v>52</v>
      </c>
      <c r="AP40165">
        <v>52</v>
      </c>
      <c r="AQ40165">
        <v>53</v>
      </c>
    </row>
    <row r="40166" spans="1:43">
      <c r="A40166" t="s">
        <v>24867</v>
      </c>
      <c r="B40166" t="s">
        <v>24868</v>
      </c>
      <c r="C40166" t="s">
        <v>19993</v>
      </c>
      <c r="D40166" t="s">
        <v>19994</v>
      </c>
      <c r="E40166" t="s">
        <v>19921</v>
      </c>
      <c r="F40166" t="s">
        <v>19922</v>
      </c>
      <c r="G40166" t="s">
        <v>10734</v>
      </c>
      <c r="H40166" t="s">
        <v>10735</v>
      </c>
      <c r="I40166" s="2">
        <v>0</v>
      </c>
      <c r="J40166" s="2">
        <v>0</v>
      </c>
      <c r="K40166" s="2">
        <v>1</v>
      </c>
      <c r="L40166" t="s">
        <v>995</v>
      </c>
      <c r="M40166" t="s">
        <v>83</v>
      </c>
      <c r="N40166" t="s">
        <v>84</v>
      </c>
      <c r="O40166" t="s">
        <v>85</v>
      </c>
      <c r="P40166" t="s">
        <v>86</v>
      </c>
      <c r="Q40166">
        <v>39</v>
      </c>
      <c r="R40166">
        <v>40</v>
      </c>
      <c r="S40166">
        <v>41</v>
      </c>
      <c r="T40166">
        <v>42</v>
      </c>
      <c r="U40166">
        <v>43</v>
      </c>
      <c r="V40166">
        <v>44</v>
      </c>
      <c r="W40166">
        <v>45</v>
      </c>
      <c r="X40166">
        <v>46</v>
      </c>
      <c r="Y40166">
        <v>47</v>
      </c>
      <c r="Z40166">
        <v>48</v>
      </c>
      <c r="AA40166">
        <v>49</v>
      </c>
      <c r="AB40166">
        <v>50</v>
      </c>
      <c r="AC40166">
        <v>51</v>
      </c>
      <c r="AD40166">
        <v>52</v>
      </c>
      <c r="AE40166">
        <v>53</v>
      </c>
      <c r="AF40166">
        <v>54</v>
      </c>
      <c r="AG40166">
        <v>55</v>
      </c>
      <c r="AH40166">
        <v>56</v>
      </c>
      <c r="AI40166">
        <v>57</v>
      </c>
      <c r="AJ40166">
        <v>58</v>
      </c>
      <c r="AK40166">
        <v>59</v>
      </c>
      <c r="AL40166">
        <v>59</v>
      </c>
      <c r="AM40166">
        <v>60</v>
      </c>
      <c r="AN40166">
        <v>60</v>
      </c>
      <c r="AO40166">
        <v>60</v>
      </c>
      <c r="AP40166">
        <v>61</v>
      </c>
      <c r="AQ40166">
        <v>61</v>
      </c>
    </row>
    <row r="40167" spans="1:43">
      <c r="A40167" t="s">
        <v>24867</v>
      </c>
      <c r="B40167" t="s">
        <v>24868</v>
      </c>
      <c r="C40167" t="s">
        <v>19993</v>
      </c>
      <c r="D40167" t="s">
        <v>19994</v>
      </c>
      <c r="E40167" t="s">
        <v>19921</v>
      </c>
      <c r="F40167" t="s">
        <v>19922</v>
      </c>
      <c r="G40167" t="s">
        <v>10734</v>
      </c>
      <c r="H40167" t="s">
        <v>10735</v>
      </c>
      <c r="I40167" s="2">
        <v>0</v>
      </c>
      <c r="J40167" s="2">
        <v>0</v>
      </c>
      <c r="K40167" s="2">
        <v>1</v>
      </c>
      <c r="L40167" t="s">
        <v>995</v>
      </c>
      <c r="M40167" t="s">
        <v>87</v>
      </c>
      <c r="N40167" t="s">
        <v>88</v>
      </c>
      <c r="O40167" t="s">
        <v>85</v>
      </c>
      <c r="P40167" t="s">
        <v>86</v>
      </c>
      <c r="Q40167">
        <v>39</v>
      </c>
      <c r="R40167">
        <v>40</v>
      </c>
      <c r="S40167">
        <v>40</v>
      </c>
      <c r="T40167">
        <v>41</v>
      </c>
      <c r="U40167">
        <v>41</v>
      </c>
      <c r="V40167">
        <v>42</v>
      </c>
      <c r="W40167">
        <v>42</v>
      </c>
      <c r="X40167">
        <v>43</v>
      </c>
      <c r="Y40167">
        <v>43</v>
      </c>
      <c r="Z40167">
        <v>44</v>
      </c>
      <c r="AA40167">
        <v>44</v>
      </c>
      <c r="AB40167">
        <v>45</v>
      </c>
      <c r="AC40167">
        <v>46</v>
      </c>
      <c r="AD40167">
        <v>46</v>
      </c>
      <c r="AE40167">
        <v>47</v>
      </c>
      <c r="AF40167">
        <v>47</v>
      </c>
      <c r="AG40167">
        <v>48</v>
      </c>
      <c r="AH40167">
        <v>48</v>
      </c>
      <c r="AI40167">
        <v>49</v>
      </c>
      <c r="AJ40167">
        <v>50</v>
      </c>
      <c r="AK40167">
        <v>50</v>
      </c>
      <c r="AL40167">
        <v>51</v>
      </c>
      <c r="AM40167">
        <v>51</v>
      </c>
      <c r="AN40167">
        <v>52</v>
      </c>
      <c r="AO40167">
        <v>52</v>
      </c>
      <c r="AP40167">
        <v>53</v>
      </c>
      <c r="AQ40167">
        <v>54</v>
      </c>
    </row>
    <row r="40168" spans="1:43">
      <c r="A40168" t="s">
        <v>24867</v>
      </c>
      <c r="B40168" t="s">
        <v>24868</v>
      </c>
      <c r="C40168" t="s">
        <v>19993</v>
      </c>
      <c r="D40168" t="s">
        <v>19994</v>
      </c>
      <c r="E40168" t="s">
        <v>19921</v>
      </c>
      <c r="F40168" t="s">
        <v>19922</v>
      </c>
      <c r="G40168" t="s">
        <v>10734</v>
      </c>
      <c r="H40168" t="s">
        <v>10735</v>
      </c>
      <c r="I40168" s="2">
        <v>0</v>
      </c>
      <c r="J40168" s="2">
        <v>0</v>
      </c>
      <c r="K40168" s="2">
        <v>1</v>
      </c>
      <c r="L40168" t="s">
        <v>995</v>
      </c>
      <c r="M40168" t="s">
        <v>89</v>
      </c>
      <c r="N40168" t="s">
        <v>90</v>
      </c>
      <c r="O40168" t="s">
        <v>85</v>
      </c>
      <c r="P40168" t="s">
        <v>86</v>
      </c>
      <c r="Q40168">
        <v>39</v>
      </c>
      <c r="R40168">
        <v>40</v>
      </c>
      <c r="S40168">
        <v>41</v>
      </c>
      <c r="T40168">
        <v>42</v>
      </c>
      <c r="U40168">
        <v>44</v>
      </c>
      <c r="V40168">
        <v>45</v>
      </c>
      <c r="W40168">
        <v>46</v>
      </c>
      <c r="X40168">
        <v>47</v>
      </c>
      <c r="Y40168">
        <v>49</v>
      </c>
      <c r="Z40168">
        <v>50</v>
      </c>
      <c r="AA40168">
        <v>51</v>
      </c>
      <c r="AB40168">
        <v>52</v>
      </c>
      <c r="AC40168">
        <v>53</v>
      </c>
      <c r="AD40168">
        <v>55</v>
      </c>
      <c r="AE40168">
        <v>55</v>
      </c>
      <c r="AF40168">
        <v>56</v>
      </c>
      <c r="AG40168">
        <v>56</v>
      </c>
      <c r="AH40168">
        <v>57</v>
      </c>
      <c r="AI40168">
        <v>57</v>
      </c>
      <c r="AJ40168">
        <v>58</v>
      </c>
      <c r="AK40168">
        <v>58</v>
      </c>
      <c r="AL40168">
        <v>58</v>
      </c>
      <c r="AM40168">
        <v>59</v>
      </c>
      <c r="AN40168">
        <v>59</v>
      </c>
      <c r="AO40168">
        <v>60</v>
      </c>
      <c r="AP40168">
        <v>60</v>
      </c>
      <c r="AQ40168">
        <v>61</v>
      </c>
    </row>
    <row r="40169" spans="1:43">
      <c r="A40169" t="s">
        <v>24867</v>
      </c>
      <c r="B40169" t="s">
        <v>24868</v>
      </c>
      <c r="C40169" t="s">
        <v>19993</v>
      </c>
      <c r="D40169" t="s">
        <v>19994</v>
      </c>
      <c r="E40169" t="s">
        <v>19921</v>
      </c>
      <c r="F40169" t="s">
        <v>19922</v>
      </c>
      <c r="G40169" t="s">
        <v>10734</v>
      </c>
      <c r="H40169" t="s">
        <v>10735</v>
      </c>
      <c r="I40169" s="2">
        <v>0</v>
      </c>
      <c r="J40169" s="2">
        <v>0</v>
      </c>
      <c r="K40169" s="2">
        <v>1</v>
      </c>
      <c r="L40169" t="s">
        <v>995</v>
      </c>
      <c r="M40169" t="s">
        <v>83</v>
      </c>
      <c r="N40169" t="s">
        <v>91</v>
      </c>
      <c r="O40169" t="s">
        <v>85</v>
      </c>
      <c r="P40169" t="s">
        <v>86</v>
      </c>
      <c r="Q40169">
        <v>39</v>
      </c>
      <c r="R40169">
        <v>40</v>
      </c>
      <c r="S40169">
        <v>41</v>
      </c>
      <c r="T40169">
        <v>42</v>
      </c>
      <c r="U40169">
        <v>43</v>
      </c>
      <c r="V40169">
        <v>44</v>
      </c>
      <c r="W40169">
        <v>45</v>
      </c>
      <c r="X40169">
        <v>46</v>
      </c>
      <c r="Y40169">
        <v>47</v>
      </c>
      <c r="Z40169">
        <v>48</v>
      </c>
      <c r="AA40169">
        <v>49</v>
      </c>
      <c r="AB40169">
        <v>50</v>
      </c>
      <c r="AC40169">
        <v>51</v>
      </c>
      <c r="AD40169">
        <v>52</v>
      </c>
      <c r="AE40169">
        <v>53</v>
      </c>
      <c r="AF40169">
        <v>54</v>
      </c>
      <c r="AG40169">
        <v>55</v>
      </c>
      <c r="AH40169">
        <v>56</v>
      </c>
      <c r="AI40169">
        <v>57</v>
      </c>
      <c r="AJ40169">
        <v>58</v>
      </c>
      <c r="AK40169">
        <v>59</v>
      </c>
      <c r="AL40169">
        <v>59</v>
      </c>
      <c r="AM40169">
        <v>60</v>
      </c>
      <c r="AN40169">
        <v>60</v>
      </c>
      <c r="AO40169">
        <v>60</v>
      </c>
      <c r="AP40169">
        <v>61</v>
      </c>
      <c r="AQ40169">
        <v>61</v>
      </c>
    </row>
    <row r="40170" spans="1:43">
      <c r="A40170" t="s">
        <v>24869</v>
      </c>
      <c r="B40170" t="s">
        <v>24870</v>
      </c>
      <c r="C40170" t="s">
        <v>19993</v>
      </c>
      <c r="D40170" t="s">
        <v>19994</v>
      </c>
      <c r="E40170" t="s">
        <v>19921</v>
      </c>
      <c r="F40170" t="s">
        <v>19922</v>
      </c>
      <c r="G40170" t="s">
        <v>10734</v>
      </c>
      <c r="H40170" t="s">
        <v>10735</v>
      </c>
      <c r="I40170" s="2">
        <v>0</v>
      </c>
      <c r="J40170" s="2">
        <v>0</v>
      </c>
      <c r="K40170" s="2">
        <v>1</v>
      </c>
      <c r="L40170" t="s">
        <v>995</v>
      </c>
      <c r="M40170" t="s">
        <v>83</v>
      </c>
      <c r="N40170" t="s">
        <v>84</v>
      </c>
      <c r="O40170" t="s">
        <v>85</v>
      </c>
      <c r="P40170" t="s">
        <v>86</v>
      </c>
      <c r="Q40170">
        <v>20</v>
      </c>
      <c r="R40170">
        <v>20</v>
      </c>
      <c r="S40170">
        <v>20</v>
      </c>
      <c r="T40170">
        <v>21</v>
      </c>
      <c r="U40170">
        <v>21</v>
      </c>
      <c r="V40170">
        <v>22</v>
      </c>
      <c r="W40170">
        <v>22</v>
      </c>
      <c r="X40170">
        <v>23</v>
      </c>
      <c r="Y40170">
        <v>23</v>
      </c>
      <c r="Z40170">
        <v>24</v>
      </c>
      <c r="AA40170">
        <v>24</v>
      </c>
      <c r="AB40170">
        <v>25</v>
      </c>
      <c r="AC40170">
        <v>25</v>
      </c>
      <c r="AD40170">
        <v>26</v>
      </c>
      <c r="AE40170">
        <v>26</v>
      </c>
      <c r="AF40170">
        <v>27</v>
      </c>
      <c r="AG40170">
        <v>27</v>
      </c>
      <c r="AH40170">
        <v>28</v>
      </c>
      <c r="AI40170">
        <v>28</v>
      </c>
      <c r="AJ40170">
        <v>29</v>
      </c>
      <c r="AK40170">
        <v>29</v>
      </c>
      <c r="AL40170">
        <v>29</v>
      </c>
      <c r="AM40170">
        <v>30</v>
      </c>
      <c r="AN40170">
        <v>30</v>
      </c>
      <c r="AO40170">
        <v>30</v>
      </c>
      <c r="AP40170">
        <v>30</v>
      </c>
      <c r="AQ40170">
        <v>31</v>
      </c>
    </row>
    <row r="40171" spans="1:43">
      <c r="A40171" t="s">
        <v>24869</v>
      </c>
      <c r="B40171" t="s">
        <v>24870</v>
      </c>
      <c r="C40171" t="s">
        <v>19993</v>
      </c>
      <c r="D40171" t="s">
        <v>19994</v>
      </c>
      <c r="E40171" t="s">
        <v>19921</v>
      </c>
      <c r="F40171" t="s">
        <v>19922</v>
      </c>
      <c r="G40171" t="s">
        <v>10734</v>
      </c>
      <c r="H40171" t="s">
        <v>10735</v>
      </c>
      <c r="I40171" s="2">
        <v>0</v>
      </c>
      <c r="J40171" s="2">
        <v>0</v>
      </c>
      <c r="K40171" s="2">
        <v>1</v>
      </c>
      <c r="L40171" t="s">
        <v>995</v>
      </c>
      <c r="M40171" t="s">
        <v>87</v>
      </c>
      <c r="N40171" t="s">
        <v>88</v>
      </c>
      <c r="O40171" t="s">
        <v>85</v>
      </c>
      <c r="P40171" t="s">
        <v>86</v>
      </c>
      <c r="Q40171">
        <v>20</v>
      </c>
      <c r="R40171">
        <v>21</v>
      </c>
      <c r="S40171">
        <v>21</v>
      </c>
      <c r="T40171">
        <v>21</v>
      </c>
      <c r="U40171">
        <v>21</v>
      </c>
      <c r="V40171">
        <v>22</v>
      </c>
      <c r="W40171">
        <v>22</v>
      </c>
      <c r="X40171">
        <v>22</v>
      </c>
      <c r="Y40171">
        <v>23</v>
      </c>
      <c r="Z40171">
        <v>23</v>
      </c>
      <c r="AA40171">
        <v>23</v>
      </c>
      <c r="AB40171">
        <v>23</v>
      </c>
      <c r="AC40171">
        <v>24</v>
      </c>
      <c r="AD40171">
        <v>24</v>
      </c>
      <c r="AE40171">
        <v>24</v>
      </c>
      <c r="AF40171">
        <v>25</v>
      </c>
      <c r="AG40171">
        <v>25</v>
      </c>
      <c r="AH40171">
        <v>25</v>
      </c>
      <c r="AI40171">
        <v>25</v>
      </c>
      <c r="AJ40171">
        <v>26</v>
      </c>
      <c r="AK40171">
        <v>26</v>
      </c>
      <c r="AL40171">
        <v>26</v>
      </c>
      <c r="AM40171">
        <v>27</v>
      </c>
      <c r="AN40171">
        <v>27</v>
      </c>
      <c r="AO40171">
        <v>27</v>
      </c>
      <c r="AP40171">
        <v>27</v>
      </c>
      <c r="AQ40171">
        <v>28</v>
      </c>
    </row>
    <row r="40172" spans="1:43">
      <c r="A40172" t="s">
        <v>24869</v>
      </c>
      <c r="B40172" t="s">
        <v>24870</v>
      </c>
      <c r="C40172" t="s">
        <v>19993</v>
      </c>
      <c r="D40172" t="s">
        <v>19994</v>
      </c>
      <c r="E40172" t="s">
        <v>19921</v>
      </c>
      <c r="F40172" t="s">
        <v>19922</v>
      </c>
      <c r="G40172" t="s">
        <v>10734</v>
      </c>
      <c r="H40172" t="s">
        <v>10735</v>
      </c>
      <c r="I40172" s="2">
        <v>0</v>
      </c>
      <c r="J40172" s="2">
        <v>0</v>
      </c>
      <c r="K40172" s="2">
        <v>1</v>
      </c>
      <c r="L40172" t="s">
        <v>995</v>
      </c>
      <c r="M40172" t="s">
        <v>89</v>
      </c>
      <c r="N40172" t="s">
        <v>90</v>
      </c>
      <c r="O40172" t="s">
        <v>85</v>
      </c>
      <c r="P40172" t="s">
        <v>86</v>
      </c>
      <c r="Q40172">
        <v>20</v>
      </c>
      <c r="R40172">
        <v>20</v>
      </c>
      <c r="S40172">
        <v>21</v>
      </c>
      <c r="T40172">
        <v>22</v>
      </c>
      <c r="U40172">
        <v>22</v>
      </c>
      <c r="V40172">
        <v>23</v>
      </c>
      <c r="W40172">
        <v>24</v>
      </c>
      <c r="X40172">
        <v>24</v>
      </c>
      <c r="Y40172">
        <v>25</v>
      </c>
      <c r="Z40172">
        <v>25</v>
      </c>
      <c r="AA40172">
        <v>26</v>
      </c>
      <c r="AB40172">
        <v>26</v>
      </c>
      <c r="AC40172">
        <v>27</v>
      </c>
      <c r="AD40172">
        <v>28</v>
      </c>
      <c r="AE40172">
        <v>28</v>
      </c>
      <c r="AF40172">
        <v>28</v>
      </c>
      <c r="AG40172">
        <v>29</v>
      </c>
      <c r="AH40172">
        <v>29</v>
      </c>
      <c r="AI40172">
        <v>29</v>
      </c>
      <c r="AJ40172">
        <v>29</v>
      </c>
      <c r="AK40172">
        <v>29</v>
      </c>
      <c r="AL40172">
        <v>30</v>
      </c>
      <c r="AM40172">
        <v>30</v>
      </c>
      <c r="AN40172">
        <v>30</v>
      </c>
      <c r="AO40172">
        <v>30</v>
      </c>
      <c r="AP40172">
        <v>30</v>
      </c>
      <c r="AQ40172">
        <v>31</v>
      </c>
    </row>
    <row r="40173" spans="1:43">
      <c r="A40173" t="s">
        <v>24869</v>
      </c>
      <c r="B40173" t="s">
        <v>24870</v>
      </c>
      <c r="C40173" t="s">
        <v>19993</v>
      </c>
      <c r="D40173" t="s">
        <v>19994</v>
      </c>
      <c r="E40173" t="s">
        <v>19921</v>
      </c>
      <c r="F40173" t="s">
        <v>19922</v>
      </c>
      <c r="G40173" t="s">
        <v>10734</v>
      </c>
      <c r="H40173" t="s">
        <v>10735</v>
      </c>
      <c r="I40173" s="2">
        <v>0</v>
      </c>
      <c r="J40173" s="2">
        <v>0</v>
      </c>
      <c r="K40173" s="2">
        <v>1</v>
      </c>
      <c r="L40173" t="s">
        <v>995</v>
      </c>
      <c r="M40173" t="s">
        <v>83</v>
      </c>
      <c r="N40173" t="s">
        <v>91</v>
      </c>
      <c r="O40173" t="s">
        <v>85</v>
      </c>
      <c r="P40173" t="s">
        <v>86</v>
      </c>
      <c r="Q40173">
        <v>20</v>
      </c>
      <c r="R40173">
        <v>20</v>
      </c>
      <c r="S40173">
        <v>20</v>
      </c>
      <c r="T40173">
        <v>21</v>
      </c>
      <c r="U40173">
        <v>21</v>
      </c>
      <c r="V40173">
        <v>22</v>
      </c>
      <c r="W40173">
        <v>22</v>
      </c>
      <c r="X40173">
        <v>23</v>
      </c>
      <c r="Y40173">
        <v>23</v>
      </c>
      <c r="Z40173">
        <v>24</v>
      </c>
      <c r="AA40173">
        <v>24</v>
      </c>
      <c r="AB40173">
        <v>25</v>
      </c>
      <c r="AC40173">
        <v>25</v>
      </c>
      <c r="AD40173">
        <v>26</v>
      </c>
      <c r="AE40173">
        <v>26</v>
      </c>
      <c r="AF40173">
        <v>27</v>
      </c>
      <c r="AG40173">
        <v>27</v>
      </c>
      <c r="AH40173">
        <v>28</v>
      </c>
      <c r="AI40173">
        <v>28</v>
      </c>
      <c r="AJ40173">
        <v>29</v>
      </c>
      <c r="AK40173">
        <v>29</v>
      </c>
      <c r="AL40173">
        <v>29</v>
      </c>
      <c r="AM40173">
        <v>30</v>
      </c>
      <c r="AN40173">
        <v>30</v>
      </c>
      <c r="AO40173">
        <v>30</v>
      </c>
      <c r="AP40173">
        <v>30</v>
      </c>
      <c r="AQ40173">
        <v>31</v>
      </c>
    </row>
    <row r="40174" spans="1:43">
      <c r="A40174" t="s">
        <v>24871</v>
      </c>
      <c r="B40174" t="s">
        <v>24872</v>
      </c>
      <c r="C40174" t="s">
        <v>19993</v>
      </c>
      <c r="D40174" t="s">
        <v>19994</v>
      </c>
      <c r="E40174" t="s">
        <v>19921</v>
      </c>
      <c r="F40174" t="s">
        <v>19922</v>
      </c>
      <c r="G40174" t="s">
        <v>10734</v>
      </c>
      <c r="H40174" t="s">
        <v>10735</v>
      </c>
      <c r="I40174" s="2">
        <v>0</v>
      </c>
      <c r="J40174" s="2">
        <v>0</v>
      </c>
      <c r="K40174" s="2">
        <v>1</v>
      </c>
      <c r="L40174" t="s">
        <v>995</v>
      </c>
      <c r="M40174" t="s">
        <v>83</v>
      </c>
      <c r="N40174" t="s">
        <v>84</v>
      </c>
      <c r="O40174" t="s">
        <v>85</v>
      </c>
      <c r="P40174" t="s">
        <v>86</v>
      </c>
      <c r="Q40174">
        <v>9</v>
      </c>
      <c r="R40174">
        <v>9</v>
      </c>
      <c r="S40174">
        <v>10</v>
      </c>
      <c r="T40174">
        <v>10</v>
      </c>
      <c r="U40174">
        <v>10</v>
      </c>
      <c r="V40174">
        <v>10</v>
      </c>
      <c r="W40174">
        <v>11</v>
      </c>
      <c r="X40174">
        <v>11</v>
      </c>
      <c r="Y40174">
        <v>11</v>
      </c>
      <c r="Z40174">
        <v>11</v>
      </c>
      <c r="AA40174">
        <v>11</v>
      </c>
      <c r="AB40174">
        <v>12</v>
      </c>
      <c r="AC40174">
        <v>12</v>
      </c>
      <c r="AD40174">
        <v>12</v>
      </c>
      <c r="AE40174">
        <v>12</v>
      </c>
      <c r="AF40174">
        <v>13</v>
      </c>
      <c r="AG40174">
        <v>13</v>
      </c>
      <c r="AH40174">
        <v>13</v>
      </c>
      <c r="AI40174">
        <v>13</v>
      </c>
      <c r="AJ40174">
        <v>13</v>
      </c>
      <c r="AK40174">
        <v>14</v>
      </c>
      <c r="AL40174">
        <v>14</v>
      </c>
      <c r="AM40174">
        <v>14</v>
      </c>
      <c r="AN40174">
        <v>14</v>
      </c>
      <c r="AO40174">
        <v>14</v>
      </c>
      <c r="AP40174">
        <v>14</v>
      </c>
      <c r="AQ40174">
        <v>14</v>
      </c>
    </row>
    <row r="40175" spans="1:43">
      <c r="A40175" t="s">
        <v>24871</v>
      </c>
      <c r="B40175" t="s">
        <v>24872</v>
      </c>
      <c r="C40175" t="s">
        <v>19993</v>
      </c>
      <c r="D40175" t="s">
        <v>19994</v>
      </c>
      <c r="E40175" t="s">
        <v>19921</v>
      </c>
      <c r="F40175" t="s">
        <v>19922</v>
      </c>
      <c r="G40175" t="s">
        <v>10734</v>
      </c>
      <c r="H40175" t="s">
        <v>10735</v>
      </c>
      <c r="I40175" s="2">
        <v>0</v>
      </c>
      <c r="J40175" s="2">
        <v>0</v>
      </c>
      <c r="K40175" s="2">
        <v>1</v>
      </c>
      <c r="L40175" t="s">
        <v>995</v>
      </c>
      <c r="M40175" t="s">
        <v>87</v>
      </c>
      <c r="N40175" t="s">
        <v>88</v>
      </c>
      <c r="O40175" t="s">
        <v>85</v>
      </c>
      <c r="P40175" t="s">
        <v>86</v>
      </c>
      <c r="Q40175">
        <v>9</v>
      </c>
      <c r="R40175">
        <v>9</v>
      </c>
      <c r="S40175">
        <v>9</v>
      </c>
      <c r="T40175">
        <v>9</v>
      </c>
      <c r="U40175">
        <v>10</v>
      </c>
      <c r="V40175">
        <v>10</v>
      </c>
      <c r="W40175">
        <v>10</v>
      </c>
      <c r="X40175">
        <v>10</v>
      </c>
      <c r="Y40175">
        <v>10</v>
      </c>
      <c r="Z40175">
        <v>10</v>
      </c>
      <c r="AA40175">
        <v>10</v>
      </c>
      <c r="AB40175">
        <v>11</v>
      </c>
      <c r="AC40175">
        <v>11</v>
      </c>
      <c r="AD40175">
        <v>11</v>
      </c>
      <c r="AE40175">
        <v>11</v>
      </c>
      <c r="AF40175">
        <v>11</v>
      </c>
      <c r="AG40175">
        <v>11</v>
      </c>
      <c r="AH40175">
        <v>11</v>
      </c>
      <c r="AI40175">
        <v>11</v>
      </c>
      <c r="AJ40175">
        <v>12</v>
      </c>
      <c r="AK40175">
        <v>12</v>
      </c>
      <c r="AL40175">
        <v>12</v>
      </c>
      <c r="AM40175">
        <v>12</v>
      </c>
      <c r="AN40175">
        <v>12</v>
      </c>
      <c r="AO40175">
        <v>12</v>
      </c>
      <c r="AP40175">
        <v>12</v>
      </c>
      <c r="AQ40175">
        <v>13</v>
      </c>
    </row>
    <row r="40176" spans="1:43">
      <c r="A40176" t="s">
        <v>24871</v>
      </c>
      <c r="B40176" t="s">
        <v>24872</v>
      </c>
      <c r="C40176" t="s">
        <v>19993</v>
      </c>
      <c r="D40176" t="s">
        <v>19994</v>
      </c>
      <c r="E40176" t="s">
        <v>19921</v>
      </c>
      <c r="F40176" t="s">
        <v>19922</v>
      </c>
      <c r="G40176" t="s">
        <v>10734</v>
      </c>
      <c r="H40176" t="s">
        <v>10735</v>
      </c>
      <c r="I40176" s="2">
        <v>0</v>
      </c>
      <c r="J40176" s="2">
        <v>0</v>
      </c>
      <c r="K40176" s="2">
        <v>1</v>
      </c>
      <c r="L40176" t="s">
        <v>995</v>
      </c>
      <c r="M40176" t="s">
        <v>89</v>
      </c>
      <c r="N40176" t="s">
        <v>90</v>
      </c>
      <c r="O40176" t="s">
        <v>85</v>
      </c>
      <c r="P40176" t="s">
        <v>86</v>
      </c>
      <c r="Q40176">
        <v>9</v>
      </c>
      <c r="R40176">
        <v>10</v>
      </c>
      <c r="S40176">
        <v>10</v>
      </c>
      <c r="T40176">
        <v>10</v>
      </c>
      <c r="U40176">
        <v>10</v>
      </c>
      <c r="V40176">
        <v>11</v>
      </c>
      <c r="W40176">
        <v>11</v>
      </c>
      <c r="X40176">
        <v>11</v>
      </c>
      <c r="Y40176">
        <v>12</v>
      </c>
      <c r="Z40176">
        <v>12</v>
      </c>
      <c r="AA40176">
        <v>12</v>
      </c>
      <c r="AB40176">
        <v>12</v>
      </c>
      <c r="AC40176">
        <v>13</v>
      </c>
      <c r="AD40176">
        <v>13</v>
      </c>
      <c r="AE40176">
        <v>13</v>
      </c>
      <c r="AF40176">
        <v>13</v>
      </c>
      <c r="AG40176">
        <v>13</v>
      </c>
      <c r="AH40176">
        <v>14</v>
      </c>
      <c r="AI40176">
        <v>14</v>
      </c>
      <c r="AJ40176">
        <v>14</v>
      </c>
      <c r="AK40176">
        <v>14</v>
      </c>
      <c r="AL40176">
        <v>14</v>
      </c>
      <c r="AM40176">
        <v>14</v>
      </c>
      <c r="AN40176">
        <v>14</v>
      </c>
      <c r="AO40176">
        <v>14</v>
      </c>
      <c r="AP40176">
        <v>14</v>
      </c>
      <c r="AQ40176">
        <v>14</v>
      </c>
    </row>
    <row r="40177" spans="1:43">
      <c r="A40177" t="s">
        <v>24871</v>
      </c>
      <c r="B40177" t="s">
        <v>24872</v>
      </c>
      <c r="C40177" t="s">
        <v>19993</v>
      </c>
      <c r="D40177" t="s">
        <v>19994</v>
      </c>
      <c r="E40177" t="s">
        <v>19921</v>
      </c>
      <c r="F40177" t="s">
        <v>19922</v>
      </c>
      <c r="G40177" t="s">
        <v>10734</v>
      </c>
      <c r="H40177" t="s">
        <v>10735</v>
      </c>
      <c r="I40177" s="2">
        <v>0</v>
      </c>
      <c r="J40177" s="2">
        <v>0</v>
      </c>
      <c r="K40177" s="2">
        <v>1</v>
      </c>
      <c r="L40177" t="s">
        <v>995</v>
      </c>
      <c r="M40177" t="s">
        <v>83</v>
      </c>
      <c r="N40177" t="s">
        <v>91</v>
      </c>
      <c r="O40177" t="s">
        <v>85</v>
      </c>
      <c r="P40177" t="s">
        <v>86</v>
      </c>
      <c r="Q40177">
        <v>9</v>
      </c>
      <c r="R40177">
        <v>9</v>
      </c>
      <c r="S40177">
        <v>10</v>
      </c>
      <c r="T40177">
        <v>10</v>
      </c>
      <c r="U40177">
        <v>10</v>
      </c>
      <c r="V40177">
        <v>10</v>
      </c>
      <c r="W40177">
        <v>11</v>
      </c>
      <c r="X40177">
        <v>11</v>
      </c>
      <c r="Y40177">
        <v>11</v>
      </c>
      <c r="Z40177">
        <v>11</v>
      </c>
      <c r="AA40177">
        <v>11</v>
      </c>
      <c r="AB40177">
        <v>12</v>
      </c>
      <c r="AC40177">
        <v>12</v>
      </c>
      <c r="AD40177">
        <v>12</v>
      </c>
      <c r="AE40177">
        <v>12</v>
      </c>
      <c r="AF40177">
        <v>13</v>
      </c>
      <c r="AG40177">
        <v>13</v>
      </c>
      <c r="AH40177">
        <v>13</v>
      </c>
      <c r="AI40177">
        <v>13</v>
      </c>
      <c r="AJ40177">
        <v>13</v>
      </c>
      <c r="AK40177">
        <v>14</v>
      </c>
      <c r="AL40177">
        <v>14</v>
      </c>
      <c r="AM40177">
        <v>14</v>
      </c>
      <c r="AN40177">
        <v>14</v>
      </c>
      <c r="AO40177">
        <v>14</v>
      </c>
      <c r="AP40177">
        <v>14</v>
      </c>
      <c r="AQ40177">
        <v>14</v>
      </c>
    </row>
    <row r="40178" spans="1:43">
      <c r="A40178" t="s">
        <v>24873</v>
      </c>
      <c r="B40178" t="s">
        <v>24874</v>
      </c>
      <c r="C40178" t="s">
        <v>19975</v>
      </c>
      <c r="D40178" t="s">
        <v>19976</v>
      </c>
      <c r="E40178" t="s">
        <v>19921</v>
      </c>
      <c r="F40178" t="s">
        <v>19922</v>
      </c>
      <c r="G40178" t="s">
        <v>10734</v>
      </c>
      <c r="H40178" t="s">
        <v>10735</v>
      </c>
      <c r="I40178" s="2">
        <v>0</v>
      </c>
      <c r="J40178" s="2">
        <v>0</v>
      </c>
      <c r="K40178" s="2">
        <v>1</v>
      </c>
      <c r="L40178" t="s">
        <v>995</v>
      </c>
      <c r="M40178" t="s">
        <v>83</v>
      </c>
      <c r="N40178" t="s">
        <v>84</v>
      </c>
      <c r="O40178" t="s">
        <v>85</v>
      </c>
      <c r="P40178" t="s">
        <v>86</v>
      </c>
      <c r="Q40178">
        <v>35</v>
      </c>
      <c r="R40178">
        <v>36</v>
      </c>
      <c r="S40178">
        <v>37</v>
      </c>
      <c r="T40178">
        <v>38</v>
      </c>
      <c r="U40178">
        <v>39</v>
      </c>
      <c r="V40178">
        <v>40</v>
      </c>
      <c r="W40178">
        <v>40</v>
      </c>
      <c r="X40178">
        <v>41</v>
      </c>
      <c r="Y40178">
        <v>42</v>
      </c>
      <c r="Z40178">
        <v>43</v>
      </c>
      <c r="AA40178">
        <v>44</v>
      </c>
      <c r="AB40178">
        <v>45</v>
      </c>
      <c r="AC40178">
        <v>46</v>
      </c>
      <c r="AD40178">
        <v>47</v>
      </c>
      <c r="AE40178">
        <v>47</v>
      </c>
      <c r="AF40178">
        <v>48</v>
      </c>
      <c r="AG40178">
        <v>49</v>
      </c>
      <c r="AH40178">
        <v>50</v>
      </c>
      <c r="AI40178">
        <v>51</v>
      </c>
      <c r="AJ40178">
        <v>52</v>
      </c>
      <c r="AK40178">
        <v>53</v>
      </c>
      <c r="AL40178">
        <v>53</v>
      </c>
      <c r="AM40178">
        <v>54</v>
      </c>
      <c r="AN40178">
        <v>54</v>
      </c>
      <c r="AO40178">
        <v>55</v>
      </c>
      <c r="AP40178">
        <v>55</v>
      </c>
      <c r="AQ40178">
        <v>55</v>
      </c>
    </row>
    <row r="40179" spans="1:43">
      <c r="A40179" t="s">
        <v>24873</v>
      </c>
      <c r="B40179" t="s">
        <v>24874</v>
      </c>
      <c r="C40179" t="s">
        <v>19975</v>
      </c>
      <c r="D40179" t="s">
        <v>19976</v>
      </c>
      <c r="E40179" t="s">
        <v>19921</v>
      </c>
      <c r="F40179" t="s">
        <v>19922</v>
      </c>
      <c r="G40179" t="s">
        <v>10734</v>
      </c>
      <c r="H40179" t="s">
        <v>10735</v>
      </c>
      <c r="I40179" s="2">
        <v>0</v>
      </c>
      <c r="J40179" s="2">
        <v>0</v>
      </c>
      <c r="K40179" s="2">
        <v>1</v>
      </c>
      <c r="L40179" t="s">
        <v>995</v>
      </c>
      <c r="M40179" t="s">
        <v>87</v>
      </c>
      <c r="N40179" t="s">
        <v>88</v>
      </c>
      <c r="O40179" t="s">
        <v>85</v>
      </c>
      <c r="P40179" t="s">
        <v>86</v>
      </c>
      <c r="Q40179">
        <v>35</v>
      </c>
      <c r="R40179">
        <v>36</v>
      </c>
      <c r="S40179">
        <v>36</v>
      </c>
      <c r="T40179">
        <v>37</v>
      </c>
      <c r="U40179">
        <v>37</v>
      </c>
      <c r="V40179">
        <v>38</v>
      </c>
      <c r="W40179">
        <v>38</v>
      </c>
      <c r="X40179">
        <v>39</v>
      </c>
      <c r="Y40179">
        <v>39</v>
      </c>
      <c r="Z40179">
        <v>39</v>
      </c>
      <c r="AA40179">
        <v>40</v>
      </c>
      <c r="AB40179">
        <v>40</v>
      </c>
      <c r="AC40179">
        <v>41</v>
      </c>
      <c r="AD40179">
        <v>41</v>
      </c>
      <c r="AE40179">
        <v>42</v>
      </c>
      <c r="AF40179">
        <v>42</v>
      </c>
      <c r="AG40179">
        <v>43</v>
      </c>
      <c r="AH40179">
        <v>43</v>
      </c>
      <c r="AI40179">
        <v>44</v>
      </c>
      <c r="AJ40179">
        <v>44</v>
      </c>
      <c r="AK40179">
        <v>45</v>
      </c>
      <c r="AL40179">
        <v>46</v>
      </c>
      <c r="AM40179">
        <v>46</v>
      </c>
      <c r="AN40179">
        <v>47</v>
      </c>
      <c r="AO40179">
        <v>47</v>
      </c>
      <c r="AP40179">
        <v>48</v>
      </c>
      <c r="AQ40179">
        <v>48</v>
      </c>
    </row>
    <row r="40180" spans="1:43">
      <c r="A40180" t="s">
        <v>24873</v>
      </c>
      <c r="B40180" t="s">
        <v>24874</v>
      </c>
      <c r="C40180" t="s">
        <v>19975</v>
      </c>
      <c r="D40180" t="s">
        <v>19976</v>
      </c>
      <c r="E40180" t="s">
        <v>19921</v>
      </c>
      <c r="F40180" t="s">
        <v>19922</v>
      </c>
      <c r="G40180" t="s">
        <v>10734</v>
      </c>
      <c r="H40180" t="s">
        <v>10735</v>
      </c>
      <c r="I40180" s="2">
        <v>0</v>
      </c>
      <c r="J40180" s="2">
        <v>0</v>
      </c>
      <c r="K40180" s="2">
        <v>1</v>
      </c>
      <c r="L40180" t="s">
        <v>995</v>
      </c>
      <c r="M40180" t="s">
        <v>89</v>
      </c>
      <c r="N40180" t="s">
        <v>90</v>
      </c>
      <c r="O40180" t="s">
        <v>85</v>
      </c>
      <c r="P40180" t="s">
        <v>86</v>
      </c>
      <c r="Q40180">
        <v>35</v>
      </c>
      <c r="R40180">
        <v>36</v>
      </c>
      <c r="S40180">
        <v>37</v>
      </c>
      <c r="T40180">
        <v>38</v>
      </c>
      <c r="U40180">
        <v>39</v>
      </c>
      <c r="V40180">
        <v>40</v>
      </c>
      <c r="W40180">
        <v>42</v>
      </c>
      <c r="X40180">
        <v>43</v>
      </c>
      <c r="Y40180">
        <v>44</v>
      </c>
      <c r="Z40180">
        <v>45</v>
      </c>
      <c r="AA40180">
        <v>46</v>
      </c>
      <c r="AB40180">
        <v>47</v>
      </c>
      <c r="AC40180">
        <v>48</v>
      </c>
      <c r="AD40180">
        <v>49</v>
      </c>
      <c r="AE40180">
        <v>50</v>
      </c>
      <c r="AF40180">
        <v>50</v>
      </c>
      <c r="AG40180">
        <v>51</v>
      </c>
      <c r="AH40180">
        <v>51</v>
      </c>
      <c r="AI40180">
        <v>52</v>
      </c>
      <c r="AJ40180">
        <v>52</v>
      </c>
      <c r="AK40180">
        <v>52</v>
      </c>
      <c r="AL40180">
        <v>53</v>
      </c>
      <c r="AM40180">
        <v>53</v>
      </c>
      <c r="AN40180">
        <v>54</v>
      </c>
      <c r="AO40180">
        <v>54</v>
      </c>
      <c r="AP40180">
        <v>54</v>
      </c>
      <c r="AQ40180">
        <v>55</v>
      </c>
    </row>
    <row r="40181" spans="1:43">
      <c r="A40181" t="s">
        <v>24873</v>
      </c>
      <c r="B40181" t="s">
        <v>24874</v>
      </c>
      <c r="C40181" t="s">
        <v>19975</v>
      </c>
      <c r="D40181" t="s">
        <v>19976</v>
      </c>
      <c r="E40181" t="s">
        <v>19921</v>
      </c>
      <c r="F40181" t="s">
        <v>19922</v>
      </c>
      <c r="G40181" t="s">
        <v>10734</v>
      </c>
      <c r="H40181" t="s">
        <v>10735</v>
      </c>
      <c r="I40181" s="2">
        <v>0</v>
      </c>
      <c r="J40181" s="2">
        <v>0</v>
      </c>
      <c r="K40181" s="2">
        <v>1</v>
      </c>
      <c r="L40181" t="s">
        <v>995</v>
      </c>
      <c r="M40181" t="s">
        <v>83</v>
      </c>
      <c r="N40181" t="s">
        <v>91</v>
      </c>
      <c r="O40181" t="s">
        <v>85</v>
      </c>
      <c r="P40181" t="s">
        <v>86</v>
      </c>
      <c r="Q40181">
        <v>35</v>
      </c>
      <c r="R40181">
        <v>36</v>
      </c>
      <c r="S40181">
        <v>37</v>
      </c>
      <c r="T40181">
        <v>38</v>
      </c>
      <c r="U40181">
        <v>39</v>
      </c>
      <c r="V40181">
        <v>40</v>
      </c>
      <c r="W40181">
        <v>40</v>
      </c>
      <c r="X40181">
        <v>41</v>
      </c>
      <c r="Y40181">
        <v>42</v>
      </c>
      <c r="Z40181">
        <v>43</v>
      </c>
      <c r="AA40181">
        <v>44</v>
      </c>
      <c r="AB40181">
        <v>45</v>
      </c>
      <c r="AC40181">
        <v>46</v>
      </c>
      <c r="AD40181">
        <v>47</v>
      </c>
      <c r="AE40181">
        <v>47</v>
      </c>
      <c r="AF40181">
        <v>48</v>
      </c>
      <c r="AG40181">
        <v>49</v>
      </c>
      <c r="AH40181">
        <v>50</v>
      </c>
      <c r="AI40181">
        <v>51</v>
      </c>
      <c r="AJ40181">
        <v>52</v>
      </c>
      <c r="AK40181">
        <v>53</v>
      </c>
      <c r="AL40181">
        <v>53</v>
      </c>
      <c r="AM40181">
        <v>54</v>
      </c>
      <c r="AN40181">
        <v>54</v>
      </c>
      <c r="AO40181">
        <v>55</v>
      </c>
      <c r="AP40181">
        <v>55</v>
      </c>
      <c r="AQ40181">
        <v>55</v>
      </c>
    </row>
    <row r="40182" spans="1:43">
      <c r="A40182" t="s">
        <v>24875</v>
      </c>
      <c r="B40182" t="s">
        <v>24876</v>
      </c>
      <c r="C40182" t="s">
        <v>20039</v>
      </c>
      <c r="D40182" t="s">
        <v>20040</v>
      </c>
      <c r="E40182" t="s">
        <v>19921</v>
      </c>
      <c r="F40182" t="s">
        <v>19922</v>
      </c>
      <c r="G40182" t="s">
        <v>10734</v>
      </c>
      <c r="H40182" t="s">
        <v>10735</v>
      </c>
      <c r="I40182" s="2">
        <v>0</v>
      </c>
      <c r="J40182" s="2">
        <v>0</v>
      </c>
      <c r="K40182" s="2">
        <v>1</v>
      </c>
      <c r="L40182" t="s">
        <v>995</v>
      </c>
      <c r="M40182" t="s">
        <v>83</v>
      </c>
      <c r="N40182" t="s">
        <v>84</v>
      </c>
      <c r="O40182" t="s">
        <v>85</v>
      </c>
      <c r="P40182" t="s">
        <v>86</v>
      </c>
      <c r="Q40182">
        <v>29</v>
      </c>
      <c r="R40182">
        <v>30</v>
      </c>
      <c r="S40182">
        <v>31</v>
      </c>
      <c r="T40182">
        <v>32</v>
      </c>
      <c r="U40182">
        <v>32</v>
      </c>
      <c r="V40182">
        <v>33</v>
      </c>
      <c r="W40182">
        <v>34</v>
      </c>
      <c r="X40182">
        <v>34</v>
      </c>
      <c r="Y40182">
        <v>35</v>
      </c>
      <c r="Z40182">
        <v>36</v>
      </c>
      <c r="AA40182">
        <v>37</v>
      </c>
      <c r="AB40182">
        <v>37</v>
      </c>
      <c r="AC40182">
        <v>38</v>
      </c>
      <c r="AD40182">
        <v>39</v>
      </c>
      <c r="AE40182">
        <v>39</v>
      </c>
      <c r="AF40182">
        <v>40</v>
      </c>
      <c r="AG40182">
        <v>41</v>
      </c>
      <c r="AH40182">
        <v>42</v>
      </c>
      <c r="AI40182">
        <v>42</v>
      </c>
      <c r="AJ40182">
        <v>43</v>
      </c>
      <c r="AK40182">
        <v>44</v>
      </c>
      <c r="AL40182">
        <v>44</v>
      </c>
      <c r="AM40182">
        <v>45</v>
      </c>
      <c r="AN40182">
        <v>45</v>
      </c>
      <c r="AO40182">
        <v>45</v>
      </c>
      <c r="AP40182">
        <v>46</v>
      </c>
      <c r="AQ40182">
        <v>46</v>
      </c>
    </row>
    <row r="40183" spans="1:43">
      <c r="A40183" t="s">
        <v>24875</v>
      </c>
      <c r="B40183" t="s">
        <v>24876</v>
      </c>
      <c r="C40183" t="s">
        <v>20039</v>
      </c>
      <c r="D40183" t="s">
        <v>20040</v>
      </c>
      <c r="E40183" t="s">
        <v>19921</v>
      </c>
      <c r="F40183" t="s">
        <v>19922</v>
      </c>
      <c r="G40183" t="s">
        <v>10734</v>
      </c>
      <c r="H40183" t="s">
        <v>10735</v>
      </c>
      <c r="I40183" s="2">
        <v>0</v>
      </c>
      <c r="J40183" s="2">
        <v>0</v>
      </c>
      <c r="K40183" s="2">
        <v>1</v>
      </c>
      <c r="L40183" t="s">
        <v>995</v>
      </c>
      <c r="M40183" t="s">
        <v>87</v>
      </c>
      <c r="N40183" t="s">
        <v>88</v>
      </c>
      <c r="O40183" t="s">
        <v>85</v>
      </c>
      <c r="P40183" t="s">
        <v>86</v>
      </c>
      <c r="Q40183">
        <v>29</v>
      </c>
      <c r="R40183">
        <v>30</v>
      </c>
      <c r="S40183">
        <v>30</v>
      </c>
      <c r="T40183">
        <v>30</v>
      </c>
      <c r="U40183">
        <v>31</v>
      </c>
      <c r="V40183">
        <v>31</v>
      </c>
      <c r="W40183">
        <v>32</v>
      </c>
      <c r="X40183">
        <v>32</v>
      </c>
      <c r="Y40183">
        <v>32</v>
      </c>
      <c r="Z40183">
        <v>33</v>
      </c>
      <c r="AA40183">
        <v>33</v>
      </c>
      <c r="AB40183">
        <v>34</v>
      </c>
      <c r="AC40183">
        <v>34</v>
      </c>
      <c r="AD40183">
        <v>35</v>
      </c>
      <c r="AE40183">
        <v>35</v>
      </c>
      <c r="AF40183">
        <v>35</v>
      </c>
      <c r="AG40183">
        <v>36</v>
      </c>
      <c r="AH40183">
        <v>36</v>
      </c>
      <c r="AI40183">
        <v>37</v>
      </c>
      <c r="AJ40183">
        <v>37</v>
      </c>
      <c r="AK40183">
        <v>38</v>
      </c>
      <c r="AL40183">
        <v>38</v>
      </c>
      <c r="AM40183">
        <v>38</v>
      </c>
      <c r="AN40183">
        <v>39</v>
      </c>
      <c r="AO40183">
        <v>39</v>
      </c>
      <c r="AP40183">
        <v>40</v>
      </c>
      <c r="AQ40183">
        <v>40</v>
      </c>
    </row>
    <row r="40184" spans="1:43">
      <c r="A40184" t="s">
        <v>24875</v>
      </c>
      <c r="B40184" t="s">
        <v>24876</v>
      </c>
      <c r="C40184" t="s">
        <v>20039</v>
      </c>
      <c r="D40184" t="s">
        <v>20040</v>
      </c>
      <c r="E40184" t="s">
        <v>19921</v>
      </c>
      <c r="F40184" t="s">
        <v>19922</v>
      </c>
      <c r="G40184" t="s">
        <v>10734</v>
      </c>
      <c r="H40184" t="s">
        <v>10735</v>
      </c>
      <c r="I40184" s="2">
        <v>0</v>
      </c>
      <c r="J40184" s="2">
        <v>0</v>
      </c>
      <c r="K40184" s="2">
        <v>1</v>
      </c>
      <c r="L40184" t="s">
        <v>995</v>
      </c>
      <c r="M40184" t="s">
        <v>89</v>
      </c>
      <c r="N40184" t="s">
        <v>90</v>
      </c>
      <c r="O40184" t="s">
        <v>85</v>
      </c>
      <c r="P40184" t="s">
        <v>86</v>
      </c>
      <c r="Q40184">
        <v>29</v>
      </c>
      <c r="R40184">
        <v>30</v>
      </c>
      <c r="S40184">
        <v>31</v>
      </c>
      <c r="T40184">
        <v>32</v>
      </c>
      <c r="U40184">
        <v>32</v>
      </c>
      <c r="V40184">
        <v>33</v>
      </c>
      <c r="W40184">
        <v>34</v>
      </c>
      <c r="X40184">
        <v>35</v>
      </c>
      <c r="Y40184">
        <v>36</v>
      </c>
      <c r="Z40184">
        <v>37</v>
      </c>
      <c r="AA40184">
        <v>38</v>
      </c>
      <c r="AB40184">
        <v>39</v>
      </c>
      <c r="AC40184">
        <v>40</v>
      </c>
      <c r="AD40184">
        <v>41</v>
      </c>
      <c r="AE40184">
        <v>41</v>
      </c>
      <c r="AF40184">
        <v>42</v>
      </c>
      <c r="AG40184">
        <v>42</v>
      </c>
      <c r="AH40184">
        <v>42</v>
      </c>
      <c r="AI40184">
        <v>43</v>
      </c>
      <c r="AJ40184">
        <v>43</v>
      </c>
      <c r="AK40184">
        <v>43</v>
      </c>
      <c r="AL40184">
        <v>44</v>
      </c>
      <c r="AM40184">
        <v>44</v>
      </c>
      <c r="AN40184">
        <v>44</v>
      </c>
      <c r="AO40184">
        <v>45</v>
      </c>
      <c r="AP40184">
        <v>45</v>
      </c>
      <c r="AQ40184">
        <v>45</v>
      </c>
    </row>
    <row r="40185" spans="1:43">
      <c r="A40185" t="s">
        <v>24875</v>
      </c>
      <c r="B40185" t="s">
        <v>24876</v>
      </c>
      <c r="C40185" t="s">
        <v>20039</v>
      </c>
      <c r="D40185" t="s">
        <v>20040</v>
      </c>
      <c r="E40185" t="s">
        <v>19921</v>
      </c>
      <c r="F40185" t="s">
        <v>19922</v>
      </c>
      <c r="G40185" t="s">
        <v>10734</v>
      </c>
      <c r="H40185" t="s">
        <v>10735</v>
      </c>
      <c r="I40185" s="2">
        <v>0</v>
      </c>
      <c r="J40185" s="2">
        <v>0</v>
      </c>
      <c r="K40185" s="2">
        <v>1</v>
      </c>
      <c r="L40185" t="s">
        <v>995</v>
      </c>
      <c r="M40185" t="s">
        <v>83</v>
      </c>
      <c r="N40185" t="s">
        <v>91</v>
      </c>
      <c r="O40185" t="s">
        <v>85</v>
      </c>
      <c r="P40185" t="s">
        <v>86</v>
      </c>
      <c r="Q40185">
        <v>29</v>
      </c>
      <c r="R40185">
        <v>30</v>
      </c>
      <c r="S40185">
        <v>31</v>
      </c>
      <c r="T40185">
        <v>32</v>
      </c>
      <c r="U40185">
        <v>32</v>
      </c>
      <c r="V40185">
        <v>33</v>
      </c>
      <c r="W40185">
        <v>34</v>
      </c>
      <c r="X40185">
        <v>34</v>
      </c>
      <c r="Y40185">
        <v>35</v>
      </c>
      <c r="Z40185">
        <v>36</v>
      </c>
      <c r="AA40185">
        <v>37</v>
      </c>
      <c r="AB40185">
        <v>37</v>
      </c>
      <c r="AC40185">
        <v>38</v>
      </c>
      <c r="AD40185">
        <v>39</v>
      </c>
      <c r="AE40185">
        <v>39</v>
      </c>
      <c r="AF40185">
        <v>40</v>
      </c>
      <c r="AG40185">
        <v>41</v>
      </c>
      <c r="AH40185">
        <v>42</v>
      </c>
      <c r="AI40185">
        <v>42</v>
      </c>
      <c r="AJ40185">
        <v>43</v>
      </c>
      <c r="AK40185">
        <v>44</v>
      </c>
      <c r="AL40185">
        <v>44</v>
      </c>
      <c r="AM40185">
        <v>45</v>
      </c>
      <c r="AN40185">
        <v>45</v>
      </c>
      <c r="AO40185">
        <v>45</v>
      </c>
      <c r="AP40185">
        <v>46</v>
      </c>
      <c r="AQ40185">
        <v>46</v>
      </c>
    </row>
    <row r="40186" spans="1:43">
      <c r="A40186" t="s">
        <v>24877</v>
      </c>
      <c r="B40186" t="s">
        <v>24878</v>
      </c>
      <c r="C40186" t="s">
        <v>13863</v>
      </c>
      <c r="D40186" t="s">
        <v>13864</v>
      </c>
      <c r="E40186" t="s">
        <v>13745</v>
      </c>
      <c r="F40186" t="s">
        <v>13746</v>
      </c>
      <c r="G40186" t="s">
        <v>10734</v>
      </c>
      <c r="H40186" t="s">
        <v>10735</v>
      </c>
      <c r="I40186" s="2">
        <v>0</v>
      </c>
      <c r="J40186" s="2">
        <v>0</v>
      </c>
      <c r="K40186" s="2">
        <v>1</v>
      </c>
      <c r="L40186" t="s">
        <v>995</v>
      </c>
      <c r="M40186" t="s">
        <v>83</v>
      </c>
      <c r="N40186" t="s">
        <v>84</v>
      </c>
      <c r="O40186" t="s">
        <v>85</v>
      </c>
      <c r="P40186" t="s">
        <v>86</v>
      </c>
      <c r="Q40186">
        <v>23</v>
      </c>
      <c r="R40186">
        <v>23</v>
      </c>
      <c r="S40186">
        <v>23</v>
      </c>
      <c r="T40186">
        <v>23</v>
      </c>
      <c r="U40186">
        <v>23</v>
      </c>
      <c r="V40186">
        <v>23</v>
      </c>
      <c r="W40186">
        <v>23</v>
      </c>
      <c r="X40186">
        <v>23</v>
      </c>
      <c r="Y40186">
        <v>23</v>
      </c>
      <c r="Z40186">
        <v>23</v>
      </c>
      <c r="AA40186">
        <v>23</v>
      </c>
      <c r="AB40186">
        <v>23</v>
      </c>
      <c r="AC40186">
        <v>23</v>
      </c>
      <c r="AD40186">
        <v>23</v>
      </c>
      <c r="AE40186">
        <v>23</v>
      </c>
      <c r="AF40186">
        <v>23</v>
      </c>
      <c r="AG40186">
        <v>23</v>
      </c>
      <c r="AH40186">
        <v>23</v>
      </c>
      <c r="AI40186">
        <v>23</v>
      </c>
      <c r="AJ40186">
        <v>23</v>
      </c>
      <c r="AK40186">
        <v>23</v>
      </c>
      <c r="AL40186">
        <v>23</v>
      </c>
      <c r="AM40186">
        <v>23</v>
      </c>
      <c r="AN40186">
        <v>23</v>
      </c>
      <c r="AO40186">
        <v>22</v>
      </c>
      <c r="AP40186">
        <v>22</v>
      </c>
      <c r="AQ40186">
        <v>22</v>
      </c>
    </row>
    <row r="40187" spans="1:43">
      <c r="A40187" t="s">
        <v>24877</v>
      </c>
      <c r="B40187" t="s">
        <v>24878</v>
      </c>
      <c r="C40187" t="s">
        <v>13863</v>
      </c>
      <c r="D40187" t="s">
        <v>13864</v>
      </c>
      <c r="E40187" t="s">
        <v>13745</v>
      </c>
      <c r="F40187" t="s">
        <v>13746</v>
      </c>
      <c r="G40187" t="s">
        <v>10734</v>
      </c>
      <c r="H40187" t="s">
        <v>10735</v>
      </c>
      <c r="I40187" s="2">
        <v>0</v>
      </c>
      <c r="J40187" s="2">
        <v>0</v>
      </c>
      <c r="K40187" s="2">
        <v>1</v>
      </c>
      <c r="L40187" t="s">
        <v>995</v>
      </c>
      <c r="M40187" t="s">
        <v>87</v>
      </c>
      <c r="N40187" t="s">
        <v>88</v>
      </c>
      <c r="O40187" t="s">
        <v>85</v>
      </c>
      <c r="P40187" t="s">
        <v>86</v>
      </c>
      <c r="Q40187">
        <v>23</v>
      </c>
      <c r="R40187">
        <v>23</v>
      </c>
      <c r="S40187">
        <v>23</v>
      </c>
      <c r="T40187">
        <v>23</v>
      </c>
      <c r="U40187">
        <v>23</v>
      </c>
      <c r="V40187">
        <v>23</v>
      </c>
      <c r="W40187">
        <v>22</v>
      </c>
      <c r="X40187">
        <v>22</v>
      </c>
      <c r="Y40187">
        <v>22</v>
      </c>
      <c r="Z40187">
        <v>22</v>
      </c>
      <c r="AA40187">
        <v>22</v>
      </c>
      <c r="AB40187">
        <v>22</v>
      </c>
      <c r="AC40187">
        <v>22</v>
      </c>
      <c r="AD40187">
        <v>22</v>
      </c>
      <c r="AE40187">
        <v>21</v>
      </c>
      <c r="AF40187">
        <v>21</v>
      </c>
      <c r="AG40187">
        <v>21</v>
      </c>
      <c r="AH40187">
        <v>21</v>
      </c>
      <c r="AI40187">
        <v>21</v>
      </c>
      <c r="AJ40187">
        <v>21</v>
      </c>
      <c r="AK40187">
        <v>21</v>
      </c>
      <c r="AL40187">
        <v>21</v>
      </c>
      <c r="AM40187">
        <v>20</v>
      </c>
      <c r="AN40187">
        <v>20</v>
      </c>
      <c r="AO40187">
        <v>20</v>
      </c>
      <c r="AP40187">
        <v>20</v>
      </c>
      <c r="AQ40187">
        <v>20</v>
      </c>
    </row>
    <row r="40188" spans="1:43">
      <c r="A40188" t="s">
        <v>24877</v>
      </c>
      <c r="B40188" t="s">
        <v>24878</v>
      </c>
      <c r="C40188" t="s">
        <v>13863</v>
      </c>
      <c r="D40188" t="s">
        <v>13864</v>
      </c>
      <c r="E40188" t="s">
        <v>13745</v>
      </c>
      <c r="F40188" t="s">
        <v>13746</v>
      </c>
      <c r="G40188" t="s">
        <v>10734</v>
      </c>
      <c r="H40188" t="s">
        <v>10735</v>
      </c>
      <c r="I40188" s="2">
        <v>0</v>
      </c>
      <c r="J40188" s="2">
        <v>0</v>
      </c>
      <c r="K40188" s="2">
        <v>1</v>
      </c>
      <c r="L40188" t="s">
        <v>995</v>
      </c>
      <c r="M40188" t="s">
        <v>89</v>
      </c>
      <c r="N40188" t="s">
        <v>90</v>
      </c>
      <c r="O40188" t="s">
        <v>85</v>
      </c>
      <c r="P40188" t="s">
        <v>86</v>
      </c>
      <c r="Q40188">
        <v>23</v>
      </c>
      <c r="R40188">
        <v>23</v>
      </c>
      <c r="S40188">
        <v>23</v>
      </c>
      <c r="T40188">
        <v>23</v>
      </c>
      <c r="U40188">
        <v>24</v>
      </c>
      <c r="V40188">
        <v>24</v>
      </c>
      <c r="W40188">
        <v>24</v>
      </c>
      <c r="X40188">
        <v>24</v>
      </c>
      <c r="Y40188">
        <v>24</v>
      </c>
      <c r="Z40188">
        <v>24</v>
      </c>
      <c r="AA40188">
        <v>25</v>
      </c>
      <c r="AB40188">
        <v>25</v>
      </c>
      <c r="AC40188">
        <v>25</v>
      </c>
      <c r="AD40188">
        <v>25</v>
      </c>
      <c r="AE40188">
        <v>25</v>
      </c>
      <c r="AF40188">
        <v>25</v>
      </c>
      <c r="AG40188">
        <v>24</v>
      </c>
      <c r="AH40188">
        <v>24</v>
      </c>
      <c r="AI40188">
        <v>24</v>
      </c>
      <c r="AJ40188">
        <v>24</v>
      </c>
      <c r="AK40188">
        <v>23</v>
      </c>
      <c r="AL40188">
        <v>23</v>
      </c>
      <c r="AM40188">
        <v>23</v>
      </c>
      <c r="AN40188">
        <v>23</v>
      </c>
      <c r="AO40188">
        <v>23</v>
      </c>
      <c r="AP40188">
        <v>22</v>
      </c>
      <c r="AQ40188">
        <v>22</v>
      </c>
    </row>
    <row r="40189" spans="1:43">
      <c r="A40189" t="s">
        <v>24877</v>
      </c>
      <c r="B40189" t="s">
        <v>24878</v>
      </c>
      <c r="C40189" t="s">
        <v>13863</v>
      </c>
      <c r="D40189" t="s">
        <v>13864</v>
      </c>
      <c r="E40189" t="s">
        <v>13745</v>
      </c>
      <c r="F40189" t="s">
        <v>13746</v>
      </c>
      <c r="G40189" t="s">
        <v>10734</v>
      </c>
      <c r="H40189" t="s">
        <v>10735</v>
      </c>
      <c r="I40189" s="2">
        <v>0</v>
      </c>
      <c r="J40189" s="2">
        <v>0</v>
      </c>
      <c r="K40189" s="2">
        <v>1</v>
      </c>
      <c r="L40189" t="s">
        <v>995</v>
      </c>
      <c r="M40189" t="s">
        <v>83</v>
      </c>
      <c r="N40189" t="s">
        <v>91</v>
      </c>
      <c r="O40189" t="s">
        <v>85</v>
      </c>
      <c r="P40189" t="s">
        <v>86</v>
      </c>
      <c r="Q40189">
        <v>23</v>
      </c>
      <c r="R40189">
        <v>23</v>
      </c>
      <c r="S40189">
        <v>23</v>
      </c>
      <c r="T40189">
        <v>23</v>
      </c>
      <c r="U40189">
        <v>23</v>
      </c>
      <c r="V40189">
        <v>23</v>
      </c>
      <c r="W40189">
        <v>23</v>
      </c>
      <c r="X40189">
        <v>23</v>
      </c>
      <c r="Y40189">
        <v>23</v>
      </c>
      <c r="Z40189">
        <v>23</v>
      </c>
      <c r="AA40189">
        <v>23</v>
      </c>
      <c r="AB40189">
        <v>23</v>
      </c>
      <c r="AC40189">
        <v>23</v>
      </c>
      <c r="AD40189">
        <v>23</v>
      </c>
      <c r="AE40189">
        <v>23</v>
      </c>
      <c r="AF40189">
        <v>23</v>
      </c>
      <c r="AG40189">
        <v>23</v>
      </c>
      <c r="AH40189">
        <v>23</v>
      </c>
      <c r="AI40189">
        <v>23</v>
      </c>
      <c r="AJ40189">
        <v>23</v>
      </c>
      <c r="AK40189">
        <v>23</v>
      </c>
      <c r="AL40189">
        <v>23</v>
      </c>
      <c r="AM40189">
        <v>23</v>
      </c>
      <c r="AN40189">
        <v>23</v>
      </c>
      <c r="AO40189">
        <v>22</v>
      </c>
      <c r="AP40189">
        <v>22</v>
      </c>
      <c r="AQ40189">
        <v>22</v>
      </c>
    </row>
    <row r="40190" spans="1:43">
      <c r="A40190" t="s">
        <v>24879</v>
      </c>
      <c r="B40190" t="s">
        <v>24880</v>
      </c>
      <c r="C40190" t="s">
        <v>13863</v>
      </c>
      <c r="D40190" t="s">
        <v>13864</v>
      </c>
      <c r="E40190" t="s">
        <v>13745</v>
      </c>
      <c r="F40190" t="s">
        <v>13746</v>
      </c>
      <c r="G40190" t="s">
        <v>10734</v>
      </c>
      <c r="H40190" t="s">
        <v>10735</v>
      </c>
      <c r="I40190" s="2">
        <v>0</v>
      </c>
      <c r="J40190" s="2">
        <v>0</v>
      </c>
      <c r="K40190" s="2">
        <v>1</v>
      </c>
      <c r="L40190" t="s">
        <v>995</v>
      </c>
      <c r="M40190" t="s">
        <v>83</v>
      </c>
      <c r="N40190" t="s">
        <v>84</v>
      </c>
      <c r="O40190" t="s">
        <v>85</v>
      </c>
      <c r="P40190" t="s">
        <v>86</v>
      </c>
      <c r="Q40190">
        <v>17</v>
      </c>
      <c r="R40190">
        <v>17</v>
      </c>
      <c r="S40190">
        <v>17</v>
      </c>
      <c r="T40190">
        <v>18</v>
      </c>
      <c r="U40190">
        <v>18</v>
      </c>
      <c r="V40190">
        <v>18</v>
      </c>
      <c r="W40190">
        <v>18</v>
      </c>
      <c r="X40190">
        <v>18</v>
      </c>
      <c r="Y40190">
        <v>18</v>
      </c>
      <c r="Z40190">
        <v>18</v>
      </c>
      <c r="AA40190">
        <v>18</v>
      </c>
      <c r="AB40190">
        <v>18</v>
      </c>
      <c r="AC40190">
        <v>18</v>
      </c>
      <c r="AD40190">
        <v>18</v>
      </c>
      <c r="AE40190">
        <v>18</v>
      </c>
      <c r="AF40190">
        <v>18</v>
      </c>
      <c r="AG40190">
        <v>18</v>
      </c>
      <c r="AH40190">
        <v>18</v>
      </c>
      <c r="AI40190">
        <v>18</v>
      </c>
      <c r="AJ40190">
        <v>18</v>
      </c>
      <c r="AK40190">
        <v>18</v>
      </c>
      <c r="AL40190">
        <v>18</v>
      </c>
      <c r="AM40190">
        <v>18</v>
      </c>
      <c r="AN40190">
        <v>18</v>
      </c>
      <c r="AO40190">
        <v>18</v>
      </c>
      <c r="AP40190">
        <v>18</v>
      </c>
      <c r="AQ40190">
        <v>18</v>
      </c>
    </row>
    <row r="40191" spans="1:43">
      <c r="A40191" t="s">
        <v>24879</v>
      </c>
      <c r="B40191" t="s">
        <v>24880</v>
      </c>
      <c r="C40191" t="s">
        <v>13863</v>
      </c>
      <c r="D40191" t="s">
        <v>13864</v>
      </c>
      <c r="E40191" t="s">
        <v>13745</v>
      </c>
      <c r="F40191" t="s">
        <v>13746</v>
      </c>
      <c r="G40191" t="s">
        <v>10734</v>
      </c>
      <c r="H40191" t="s">
        <v>10735</v>
      </c>
      <c r="I40191" s="2">
        <v>0</v>
      </c>
      <c r="J40191" s="2">
        <v>0</v>
      </c>
      <c r="K40191" s="2">
        <v>1</v>
      </c>
      <c r="L40191" t="s">
        <v>995</v>
      </c>
      <c r="M40191" t="s">
        <v>87</v>
      </c>
      <c r="N40191" t="s">
        <v>88</v>
      </c>
      <c r="O40191" t="s">
        <v>85</v>
      </c>
      <c r="P40191" t="s">
        <v>86</v>
      </c>
      <c r="Q40191">
        <v>17</v>
      </c>
      <c r="R40191">
        <v>17</v>
      </c>
      <c r="S40191">
        <v>17</v>
      </c>
      <c r="T40191">
        <v>17</v>
      </c>
      <c r="U40191">
        <v>17</v>
      </c>
      <c r="V40191">
        <v>17</v>
      </c>
      <c r="W40191">
        <v>17</v>
      </c>
      <c r="X40191">
        <v>17</v>
      </c>
      <c r="Y40191">
        <v>16</v>
      </c>
      <c r="Z40191">
        <v>16</v>
      </c>
      <c r="AA40191">
        <v>16</v>
      </c>
      <c r="AB40191">
        <v>16</v>
      </c>
      <c r="AC40191">
        <v>16</v>
      </c>
      <c r="AD40191">
        <v>16</v>
      </c>
      <c r="AE40191">
        <v>16</v>
      </c>
      <c r="AF40191">
        <v>16</v>
      </c>
      <c r="AG40191">
        <v>16</v>
      </c>
      <c r="AH40191">
        <v>16</v>
      </c>
      <c r="AI40191">
        <v>16</v>
      </c>
      <c r="AJ40191">
        <v>16</v>
      </c>
      <c r="AK40191">
        <v>16</v>
      </c>
      <c r="AL40191">
        <v>15</v>
      </c>
      <c r="AM40191">
        <v>15</v>
      </c>
      <c r="AN40191">
        <v>15</v>
      </c>
      <c r="AO40191">
        <v>15</v>
      </c>
      <c r="AP40191">
        <v>15</v>
      </c>
      <c r="AQ40191">
        <v>15</v>
      </c>
    </row>
    <row r="40192" spans="1:43">
      <c r="A40192" t="s">
        <v>24879</v>
      </c>
      <c r="B40192" t="s">
        <v>24880</v>
      </c>
      <c r="C40192" t="s">
        <v>13863</v>
      </c>
      <c r="D40192" t="s">
        <v>13864</v>
      </c>
      <c r="E40192" t="s">
        <v>13745</v>
      </c>
      <c r="F40192" t="s">
        <v>13746</v>
      </c>
      <c r="G40192" t="s">
        <v>10734</v>
      </c>
      <c r="H40192" t="s">
        <v>10735</v>
      </c>
      <c r="I40192" s="2">
        <v>0</v>
      </c>
      <c r="J40192" s="2">
        <v>0</v>
      </c>
      <c r="K40192" s="2">
        <v>1</v>
      </c>
      <c r="L40192" t="s">
        <v>995</v>
      </c>
      <c r="M40192" t="s">
        <v>89</v>
      </c>
      <c r="N40192" t="s">
        <v>90</v>
      </c>
      <c r="O40192" t="s">
        <v>85</v>
      </c>
      <c r="P40192" t="s">
        <v>86</v>
      </c>
      <c r="Q40192">
        <v>17</v>
      </c>
      <c r="R40192">
        <v>17</v>
      </c>
      <c r="S40192">
        <v>17</v>
      </c>
      <c r="T40192">
        <v>17</v>
      </c>
      <c r="U40192">
        <v>17</v>
      </c>
      <c r="V40192">
        <v>17</v>
      </c>
      <c r="W40192">
        <v>18</v>
      </c>
      <c r="X40192">
        <v>18</v>
      </c>
      <c r="Y40192">
        <v>18</v>
      </c>
      <c r="Z40192">
        <v>18</v>
      </c>
      <c r="AA40192">
        <v>18</v>
      </c>
      <c r="AB40192">
        <v>18</v>
      </c>
      <c r="AC40192">
        <v>18</v>
      </c>
      <c r="AD40192">
        <v>18</v>
      </c>
      <c r="AE40192">
        <v>18</v>
      </c>
      <c r="AF40192">
        <v>18</v>
      </c>
      <c r="AG40192">
        <v>18</v>
      </c>
      <c r="AH40192">
        <v>18</v>
      </c>
      <c r="AI40192">
        <v>18</v>
      </c>
      <c r="AJ40192">
        <v>18</v>
      </c>
      <c r="AK40192">
        <v>18</v>
      </c>
      <c r="AL40192">
        <v>17</v>
      </c>
      <c r="AM40192">
        <v>17</v>
      </c>
      <c r="AN40192">
        <v>17</v>
      </c>
      <c r="AO40192">
        <v>17</v>
      </c>
      <c r="AP40192">
        <v>17</v>
      </c>
      <c r="AQ40192">
        <v>17</v>
      </c>
    </row>
    <row r="40193" spans="1:43">
      <c r="A40193" t="s">
        <v>24879</v>
      </c>
      <c r="B40193" t="s">
        <v>24880</v>
      </c>
      <c r="C40193" t="s">
        <v>13863</v>
      </c>
      <c r="D40193" t="s">
        <v>13864</v>
      </c>
      <c r="E40193" t="s">
        <v>13745</v>
      </c>
      <c r="F40193" t="s">
        <v>13746</v>
      </c>
      <c r="G40193" t="s">
        <v>10734</v>
      </c>
      <c r="H40193" t="s">
        <v>10735</v>
      </c>
      <c r="I40193" s="2">
        <v>0</v>
      </c>
      <c r="J40193" s="2">
        <v>0</v>
      </c>
      <c r="K40193" s="2">
        <v>1</v>
      </c>
      <c r="L40193" t="s">
        <v>995</v>
      </c>
      <c r="M40193" t="s">
        <v>83</v>
      </c>
      <c r="N40193" t="s">
        <v>91</v>
      </c>
      <c r="O40193" t="s">
        <v>85</v>
      </c>
      <c r="P40193" t="s">
        <v>86</v>
      </c>
      <c r="Q40193">
        <v>17</v>
      </c>
      <c r="R40193">
        <v>17</v>
      </c>
      <c r="S40193">
        <v>17</v>
      </c>
      <c r="T40193">
        <v>18</v>
      </c>
      <c r="U40193">
        <v>18</v>
      </c>
      <c r="V40193">
        <v>18</v>
      </c>
      <c r="W40193">
        <v>18</v>
      </c>
      <c r="X40193">
        <v>18</v>
      </c>
      <c r="Y40193">
        <v>18</v>
      </c>
      <c r="Z40193">
        <v>18</v>
      </c>
      <c r="AA40193">
        <v>18</v>
      </c>
      <c r="AB40193">
        <v>18</v>
      </c>
      <c r="AC40193">
        <v>18</v>
      </c>
      <c r="AD40193">
        <v>18</v>
      </c>
      <c r="AE40193">
        <v>18</v>
      </c>
      <c r="AF40193">
        <v>18</v>
      </c>
      <c r="AG40193">
        <v>18</v>
      </c>
      <c r="AH40193">
        <v>18</v>
      </c>
      <c r="AI40193">
        <v>18</v>
      </c>
      <c r="AJ40193">
        <v>18</v>
      </c>
      <c r="AK40193">
        <v>18</v>
      </c>
      <c r="AL40193">
        <v>18</v>
      </c>
      <c r="AM40193">
        <v>18</v>
      </c>
      <c r="AN40193">
        <v>18</v>
      </c>
      <c r="AO40193">
        <v>18</v>
      </c>
      <c r="AP40193">
        <v>18</v>
      </c>
      <c r="AQ40193">
        <v>18</v>
      </c>
    </row>
    <row r="40194" spans="1:43">
      <c r="A40194" t="s">
        <v>24881</v>
      </c>
      <c r="B40194" t="s">
        <v>24882</v>
      </c>
      <c r="C40194" t="s">
        <v>13863</v>
      </c>
      <c r="D40194" t="s">
        <v>13864</v>
      </c>
      <c r="E40194" t="s">
        <v>13745</v>
      </c>
      <c r="F40194" t="s">
        <v>13746</v>
      </c>
      <c r="G40194" t="s">
        <v>10734</v>
      </c>
      <c r="H40194" t="s">
        <v>10735</v>
      </c>
      <c r="I40194" s="2">
        <v>0</v>
      </c>
      <c r="J40194" s="2">
        <v>0</v>
      </c>
      <c r="K40194" s="2">
        <v>1</v>
      </c>
      <c r="L40194" t="s">
        <v>995</v>
      </c>
      <c r="M40194" t="s">
        <v>83</v>
      </c>
      <c r="N40194" t="s">
        <v>84</v>
      </c>
      <c r="O40194" t="s">
        <v>85</v>
      </c>
      <c r="P40194" t="s">
        <v>86</v>
      </c>
      <c r="Q40194">
        <v>43</v>
      </c>
      <c r="R40194">
        <v>43</v>
      </c>
      <c r="S40194">
        <v>43</v>
      </c>
      <c r="T40194">
        <v>43</v>
      </c>
      <c r="U40194">
        <v>43</v>
      </c>
      <c r="V40194">
        <v>43</v>
      </c>
      <c r="W40194">
        <v>43</v>
      </c>
      <c r="X40194">
        <v>43</v>
      </c>
      <c r="Y40194">
        <v>43</v>
      </c>
      <c r="Z40194">
        <v>43</v>
      </c>
      <c r="AA40194">
        <v>44</v>
      </c>
      <c r="AB40194">
        <v>44</v>
      </c>
      <c r="AC40194">
        <v>44</v>
      </c>
      <c r="AD40194">
        <v>44</v>
      </c>
      <c r="AE40194">
        <v>44</v>
      </c>
      <c r="AF40194">
        <v>44</v>
      </c>
      <c r="AG40194">
        <v>44</v>
      </c>
      <c r="AH40194">
        <v>44</v>
      </c>
      <c r="AI40194">
        <v>44</v>
      </c>
      <c r="AJ40194">
        <v>44</v>
      </c>
      <c r="AK40194">
        <v>44</v>
      </c>
      <c r="AL40194">
        <v>43</v>
      </c>
      <c r="AM40194">
        <v>43</v>
      </c>
      <c r="AN40194">
        <v>43</v>
      </c>
      <c r="AO40194">
        <v>42</v>
      </c>
      <c r="AP40194">
        <v>42</v>
      </c>
      <c r="AQ40194">
        <v>41</v>
      </c>
    </row>
    <row r="40195" spans="1:43">
      <c r="A40195" t="s">
        <v>24881</v>
      </c>
      <c r="B40195" t="s">
        <v>24882</v>
      </c>
      <c r="C40195" t="s">
        <v>13863</v>
      </c>
      <c r="D40195" t="s">
        <v>13864</v>
      </c>
      <c r="E40195" t="s">
        <v>13745</v>
      </c>
      <c r="F40195" t="s">
        <v>13746</v>
      </c>
      <c r="G40195" t="s">
        <v>10734</v>
      </c>
      <c r="H40195" t="s">
        <v>10735</v>
      </c>
      <c r="I40195" s="2">
        <v>0</v>
      </c>
      <c r="J40195" s="2">
        <v>0</v>
      </c>
      <c r="K40195" s="2">
        <v>1</v>
      </c>
      <c r="L40195" t="s">
        <v>995</v>
      </c>
      <c r="M40195" t="s">
        <v>87</v>
      </c>
      <c r="N40195" t="s">
        <v>88</v>
      </c>
      <c r="O40195" t="s">
        <v>85</v>
      </c>
      <c r="P40195" t="s">
        <v>86</v>
      </c>
      <c r="Q40195">
        <v>43</v>
      </c>
      <c r="R40195">
        <v>43</v>
      </c>
      <c r="S40195">
        <v>43</v>
      </c>
      <c r="T40195">
        <v>42</v>
      </c>
      <c r="U40195">
        <v>42</v>
      </c>
      <c r="V40195">
        <v>42</v>
      </c>
      <c r="W40195">
        <v>42</v>
      </c>
      <c r="X40195">
        <v>41</v>
      </c>
      <c r="Y40195">
        <v>41</v>
      </c>
      <c r="Z40195">
        <v>41</v>
      </c>
      <c r="AA40195">
        <v>41</v>
      </c>
      <c r="AB40195">
        <v>40</v>
      </c>
      <c r="AC40195">
        <v>40</v>
      </c>
      <c r="AD40195">
        <v>40</v>
      </c>
      <c r="AE40195">
        <v>40</v>
      </c>
      <c r="AF40195">
        <v>39</v>
      </c>
      <c r="AG40195">
        <v>39</v>
      </c>
      <c r="AH40195">
        <v>39</v>
      </c>
      <c r="AI40195">
        <v>39</v>
      </c>
      <c r="AJ40195">
        <v>38</v>
      </c>
      <c r="AK40195">
        <v>38</v>
      </c>
      <c r="AL40195">
        <v>38</v>
      </c>
      <c r="AM40195">
        <v>38</v>
      </c>
      <c r="AN40195">
        <v>38</v>
      </c>
      <c r="AO40195">
        <v>37</v>
      </c>
      <c r="AP40195">
        <v>37</v>
      </c>
      <c r="AQ40195">
        <v>37</v>
      </c>
    </row>
    <row r="40196" spans="1:43">
      <c r="A40196" t="s">
        <v>24881</v>
      </c>
      <c r="B40196" t="s">
        <v>24882</v>
      </c>
      <c r="C40196" t="s">
        <v>13863</v>
      </c>
      <c r="D40196" t="s">
        <v>13864</v>
      </c>
      <c r="E40196" t="s">
        <v>13745</v>
      </c>
      <c r="F40196" t="s">
        <v>13746</v>
      </c>
      <c r="G40196" t="s">
        <v>10734</v>
      </c>
      <c r="H40196" t="s">
        <v>10735</v>
      </c>
      <c r="I40196" s="2">
        <v>0</v>
      </c>
      <c r="J40196" s="2">
        <v>0</v>
      </c>
      <c r="K40196" s="2">
        <v>1</v>
      </c>
      <c r="L40196" t="s">
        <v>995</v>
      </c>
      <c r="M40196" t="s">
        <v>89</v>
      </c>
      <c r="N40196" t="s">
        <v>90</v>
      </c>
      <c r="O40196" t="s">
        <v>85</v>
      </c>
      <c r="P40196" t="s">
        <v>86</v>
      </c>
      <c r="Q40196">
        <v>43</v>
      </c>
      <c r="R40196">
        <v>44</v>
      </c>
      <c r="S40196">
        <v>44</v>
      </c>
      <c r="T40196">
        <v>44</v>
      </c>
      <c r="U40196">
        <v>45</v>
      </c>
      <c r="V40196">
        <v>45</v>
      </c>
      <c r="W40196">
        <v>45</v>
      </c>
      <c r="X40196">
        <v>46</v>
      </c>
      <c r="Y40196">
        <v>46</v>
      </c>
      <c r="Z40196">
        <v>46</v>
      </c>
      <c r="AA40196">
        <v>46</v>
      </c>
      <c r="AB40196">
        <v>47</v>
      </c>
      <c r="AC40196">
        <v>47</v>
      </c>
      <c r="AD40196">
        <v>47</v>
      </c>
      <c r="AE40196">
        <v>47</v>
      </c>
      <c r="AF40196">
        <v>46</v>
      </c>
      <c r="AG40196">
        <v>46</v>
      </c>
      <c r="AH40196">
        <v>46</v>
      </c>
      <c r="AI40196">
        <v>45</v>
      </c>
      <c r="AJ40196">
        <v>45</v>
      </c>
      <c r="AK40196">
        <v>44</v>
      </c>
      <c r="AL40196">
        <v>44</v>
      </c>
      <c r="AM40196">
        <v>43</v>
      </c>
      <c r="AN40196">
        <v>43</v>
      </c>
      <c r="AO40196">
        <v>43</v>
      </c>
      <c r="AP40196">
        <v>42</v>
      </c>
      <c r="AQ40196">
        <v>42</v>
      </c>
    </row>
    <row r="40197" spans="1:43">
      <c r="A40197" t="s">
        <v>24881</v>
      </c>
      <c r="B40197" t="s">
        <v>24882</v>
      </c>
      <c r="C40197" t="s">
        <v>13863</v>
      </c>
      <c r="D40197" t="s">
        <v>13864</v>
      </c>
      <c r="E40197" t="s">
        <v>13745</v>
      </c>
      <c r="F40197" t="s">
        <v>13746</v>
      </c>
      <c r="G40197" t="s">
        <v>10734</v>
      </c>
      <c r="H40197" t="s">
        <v>10735</v>
      </c>
      <c r="I40197" s="2">
        <v>0</v>
      </c>
      <c r="J40197" s="2">
        <v>0</v>
      </c>
      <c r="K40197" s="2">
        <v>1</v>
      </c>
      <c r="L40197" t="s">
        <v>995</v>
      </c>
      <c r="M40197" t="s">
        <v>83</v>
      </c>
      <c r="N40197" t="s">
        <v>91</v>
      </c>
      <c r="O40197" t="s">
        <v>85</v>
      </c>
      <c r="P40197" t="s">
        <v>86</v>
      </c>
      <c r="Q40197">
        <v>43</v>
      </c>
      <c r="R40197">
        <v>43</v>
      </c>
      <c r="S40197">
        <v>43</v>
      </c>
      <c r="T40197">
        <v>43</v>
      </c>
      <c r="U40197">
        <v>43</v>
      </c>
      <c r="V40197">
        <v>43</v>
      </c>
      <c r="W40197">
        <v>43</v>
      </c>
      <c r="X40197">
        <v>43</v>
      </c>
      <c r="Y40197">
        <v>43</v>
      </c>
      <c r="Z40197">
        <v>43</v>
      </c>
      <c r="AA40197">
        <v>44</v>
      </c>
      <c r="AB40197">
        <v>44</v>
      </c>
      <c r="AC40197">
        <v>44</v>
      </c>
      <c r="AD40197">
        <v>44</v>
      </c>
      <c r="AE40197">
        <v>44</v>
      </c>
      <c r="AF40197">
        <v>44</v>
      </c>
      <c r="AG40197">
        <v>44</v>
      </c>
      <c r="AH40197">
        <v>44</v>
      </c>
      <c r="AI40197">
        <v>44</v>
      </c>
      <c r="AJ40197">
        <v>44</v>
      </c>
      <c r="AK40197">
        <v>44</v>
      </c>
      <c r="AL40197">
        <v>43</v>
      </c>
      <c r="AM40197">
        <v>43</v>
      </c>
      <c r="AN40197">
        <v>43</v>
      </c>
      <c r="AO40197">
        <v>42</v>
      </c>
      <c r="AP40197">
        <v>42</v>
      </c>
      <c r="AQ40197">
        <v>41</v>
      </c>
    </row>
    <row r="40198" spans="1:43">
      <c r="A40198" t="s">
        <v>24883</v>
      </c>
      <c r="B40198" t="s">
        <v>24884</v>
      </c>
      <c r="C40198" t="s">
        <v>24739</v>
      </c>
      <c r="D40198" t="s">
        <v>24740</v>
      </c>
      <c r="E40198" t="s">
        <v>8296</v>
      </c>
      <c r="F40198" t="s">
        <v>8297</v>
      </c>
      <c r="G40198" t="s">
        <v>80</v>
      </c>
      <c r="H40198" t="s">
        <v>81</v>
      </c>
      <c r="I40198" s="2">
        <v>0</v>
      </c>
      <c r="J40198" s="2">
        <v>1</v>
      </c>
      <c r="K40198" s="2">
        <v>0</v>
      </c>
      <c r="L40198" t="s">
        <v>82</v>
      </c>
      <c r="M40198" t="s">
        <v>83</v>
      </c>
      <c r="N40198" t="s">
        <v>84</v>
      </c>
      <c r="O40198" t="s">
        <v>85</v>
      </c>
      <c r="P40198" t="s">
        <v>86</v>
      </c>
      <c r="Q40198">
        <v>87</v>
      </c>
      <c r="R40198">
        <v>89</v>
      </c>
      <c r="S40198">
        <v>90</v>
      </c>
      <c r="T40198">
        <v>92</v>
      </c>
      <c r="U40198">
        <v>94</v>
      </c>
      <c r="V40198">
        <v>96</v>
      </c>
      <c r="W40198">
        <v>97</v>
      </c>
      <c r="X40198">
        <v>99</v>
      </c>
      <c r="Y40198">
        <v>101</v>
      </c>
      <c r="Z40198">
        <v>102</v>
      </c>
      <c r="AA40198">
        <v>104</v>
      </c>
      <c r="AB40198">
        <v>106</v>
      </c>
      <c r="AC40198">
        <v>108</v>
      </c>
      <c r="AD40198">
        <v>109</v>
      </c>
      <c r="AE40198">
        <v>111</v>
      </c>
      <c r="AF40198">
        <v>112</v>
      </c>
      <c r="AG40198">
        <v>114</v>
      </c>
      <c r="AH40198">
        <v>116</v>
      </c>
      <c r="AI40198">
        <v>117</v>
      </c>
      <c r="AJ40198">
        <v>119</v>
      </c>
      <c r="AK40198">
        <v>121</v>
      </c>
      <c r="AL40198">
        <v>122</v>
      </c>
      <c r="AM40198">
        <v>122</v>
      </c>
      <c r="AN40198">
        <v>122</v>
      </c>
      <c r="AO40198">
        <v>123</v>
      </c>
      <c r="AP40198">
        <v>123</v>
      </c>
      <c r="AQ40198">
        <v>124</v>
      </c>
    </row>
    <row r="40199" spans="1:43">
      <c r="A40199" t="s">
        <v>24883</v>
      </c>
      <c r="B40199" t="s">
        <v>24884</v>
      </c>
      <c r="C40199" t="s">
        <v>24739</v>
      </c>
      <c r="D40199" t="s">
        <v>24740</v>
      </c>
      <c r="E40199" t="s">
        <v>8296</v>
      </c>
      <c r="F40199" t="s">
        <v>8297</v>
      </c>
      <c r="G40199" t="s">
        <v>80</v>
      </c>
      <c r="H40199" t="s">
        <v>81</v>
      </c>
      <c r="I40199" s="2">
        <v>0</v>
      </c>
      <c r="J40199" s="2">
        <v>1</v>
      </c>
      <c r="K40199" s="2">
        <v>0</v>
      </c>
      <c r="L40199" t="s">
        <v>82</v>
      </c>
      <c r="M40199" t="s">
        <v>87</v>
      </c>
      <c r="N40199" t="s">
        <v>88</v>
      </c>
      <c r="O40199" t="s">
        <v>85</v>
      </c>
      <c r="P40199" t="s">
        <v>86</v>
      </c>
      <c r="Q40199">
        <v>87</v>
      </c>
      <c r="R40199">
        <v>88</v>
      </c>
      <c r="S40199">
        <v>89</v>
      </c>
      <c r="T40199">
        <v>90</v>
      </c>
      <c r="U40199">
        <v>91</v>
      </c>
      <c r="V40199">
        <v>92</v>
      </c>
      <c r="W40199">
        <v>92</v>
      </c>
      <c r="X40199">
        <v>93</v>
      </c>
      <c r="Y40199">
        <v>94</v>
      </c>
      <c r="Z40199">
        <v>95</v>
      </c>
      <c r="AA40199">
        <v>96</v>
      </c>
      <c r="AB40199">
        <v>97</v>
      </c>
      <c r="AC40199">
        <v>97</v>
      </c>
      <c r="AD40199">
        <v>98</v>
      </c>
      <c r="AE40199">
        <v>99</v>
      </c>
      <c r="AF40199">
        <v>100</v>
      </c>
      <c r="AG40199">
        <v>101</v>
      </c>
      <c r="AH40199">
        <v>101</v>
      </c>
      <c r="AI40199">
        <v>102</v>
      </c>
      <c r="AJ40199">
        <v>103</v>
      </c>
      <c r="AK40199">
        <v>104</v>
      </c>
      <c r="AL40199">
        <v>105</v>
      </c>
      <c r="AM40199">
        <v>105</v>
      </c>
      <c r="AN40199">
        <v>106</v>
      </c>
      <c r="AO40199">
        <v>107</v>
      </c>
      <c r="AP40199">
        <v>108</v>
      </c>
      <c r="AQ40199">
        <v>108</v>
      </c>
    </row>
    <row r="40200" spans="1:43">
      <c r="A40200" t="s">
        <v>24883</v>
      </c>
      <c r="B40200" t="s">
        <v>24884</v>
      </c>
      <c r="C40200" t="s">
        <v>24739</v>
      </c>
      <c r="D40200" t="s">
        <v>24740</v>
      </c>
      <c r="E40200" t="s">
        <v>8296</v>
      </c>
      <c r="F40200" t="s">
        <v>8297</v>
      </c>
      <c r="G40200" t="s">
        <v>80</v>
      </c>
      <c r="H40200" t="s">
        <v>81</v>
      </c>
      <c r="I40200" s="2">
        <v>0</v>
      </c>
      <c r="J40200" s="2">
        <v>1</v>
      </c>
      <c r="K40200" s="2">
        <v>0</v>
      </c>
      <c r="L40200" t="s">
        <v>82</v>
      </c>
      <c r="M40200" t="s">
        <v>89</v>
      </c>
      <c r="N40200" t="s">
        <v>90</v>
      </c>
      <c r="O40200" t="s">
        <v>85</v>
      </c>
      <c r="P40200" t="s">
        <v>86</v>
      </c>
      <c r="Q40200">
        <v>87</v>
      </c>
      <c r="R40200">
        <v>89</v>
      </c>
      <c r="S40200">
        <v>92</v>
      </c>
      <c r="T40200">
        <v>94</v>
      </c>
      <c r="U40200">
        <v>97</v>
      </c>
      <c r="V40200">
        <v>99</v>
      </c>
      <c r="W40200">
        <v>101</v>
      </c>
      <c r="X40200">
        <v>104</v>
      </c>
      <c r="Y40200">
        <v>106</v>
      </c>
      <c r="Z40200">
        <v>108</v>
      </c>
      <c r="AA40200">
        <v>110</v>
      </c>
      <c r="AB40200">
        <v>112</v>
      </c>
      <c r="AC40200">
        <v>114</v>
      </c>
      <c r="AD40200">
        <v>116</v>
      </c>
      <c r="AE40200">
        <v>118</v>
      </c>
      <c r="AF40200">
        <v>118</v>
      </c>
      <c r="AG40200">
        <v>119</v>
      </c>
      <c r="AH40200">
        <v>119</v>
      </c>
      <c r="AI40200">
        <v>120</v>
      </c>
      <c r="AJ40200">
        <v>120</v>
      </c>
      <c r="AK40200">
        <v>121</v>
      </c>
      <c r="AL40200">
        <v>121</v>
      </c>
      <c r="AM40200">
        <v>121</v>
      </c>
      <c r="AN40200">
        <v>122</v>
      </c>
      <c r="AO40200">
        <v>122</v>
      </c>
      <c r="AP40200">
        <v>123</v>
      </c>
      <c r="AQ40200">
        <v>123</v>
      </c>
    </row>
    <row r="40201" spans="1:43">
      <c r="A40201" t="s">
        <v>24883</v>
      </c>
      <c r="B40201" t="s">
        <v>24884</v>
      </c>
      <c r="C40201" t="s">
        <v>24739</v>
      </c>
      <c r="D40201" t="s">
        <v>24740</v>
      </c>
      <c r="E40201" t="s">
        <v>8296</v>
      </c>
      <c r="F40201" t="s">
        <v>8297</v>
      </c>
      <c r="G40201" t="s">
        <v>80</v>
      </c>
      <c r="H40201" t="s">
        <v>81</v>
      </c>
      <c r="I40201" s="2">
        <v>0</v>
      </c>
      <c r="J40201" s="2">
        <v>1</v>
      </c>
      <c r="K40201" s="2">
        <v>0</v>
      </c>
      <c r="L40201" t="s">
        <v>82</v>
      </c>
      <c r="M40201" t="s">
        <v>83</v>
      </c>
      <c r="N40201" t="s">
        <v>91</v>
      </c>
      <c r="O40201" t="s">
        <v>85</v>
      </c>
      <c r="P40201" t="s">
        <v>86</v>
      </c>
      <c r="Q40201">
        <v>87</v>
      </c>
      <c r="R40201">
        <v>89</v>
      </c>
      <c r="S40201">
        <v>90</v>
      </c>
      <c r="T40201">
        <v>92</v>
      </c>
      <c r="U40201">
        <v>94</v>
      </c>
      <c r="V40201">
        <v>96</v>
      </c>
      <c r="W40201">
        <v>97</v>
      </c>
      <c r="X40201">
        <v>99</v>
      </c>
      <c r="Y40201">
        <v>101</v>
      </c>
      <c r="Z40201">
        <v>102</v>
      </c>
      <c r="AA40201">
        <v>104</v>
      </c>
      <c r="AB40201">
        <v>106</v>
      </c>
      <c r="AC40201">
        <v>108</v>
      </c>
      <c r="AD40201">
        <v>109</v>
      </c>
      <c r="AE40201">
        <v>111</v>
      </c>
      <c r="AF40201">
        <v>112</v>
      </c>
      <c r="AG40201">
        <v>114</v>
      </c>
      <c r="AH40201">
        <v>116</v>
      </c>
      <c r="AI40201">
        <v>117</v>
      </c>
      <c r="AJ40201">
        <v>119</v>
      </c>
      <c r="AK40201">
        <v>121</v>
      </c>
      <c r="AL40201">
        <v>122</v>
      </c>
      <c r="AM40201">
        <v>122</v>
      </c>
      <c r="AN40201">
        <v>122</v>
      </c>
      <c r="AO40201">
        <v>123</v>
      </c>
      <c r="AP40201">
        <v>123</v>
      </c>
      <c r="AQ40201">
        <v>124</v>
      </c>
    </row>
    <row r="40202" spans="1:43">
      <c r="A40202" t="s">
        <v>24885</v>
      </c>
      <c r="B40202" t="s">
        <v>24886</v>
      </c>
      <c r="C40202" t="s">
        <v>24083</v>
      </c>
      <c r="D40202" t="s">
        <v>24084</v>
      </c>
      <c r="E40202" t="s">
        <v>23993</v>
      </c>
      <c r="F40202" t="s">
        <v>23994</v>
      </c>
      <c r="G40202" t="s">
        <v>11612</v>
      </c>
      <c r="H40202" t="s">
        <v>11613</v>
      </c>
      <c r="I40202" s="2">
        <v>0</v>
      </c>
      <c r="J40202" s="2">
        <v>0</v>
      </c>
      <c r="K40202" s="2">
        <v>1</v>
      </c>
      <c r="L40202" t="s">
        <v>995</v>
      </c>
      <c r="M40202" t="s">
        <v>83</v>
      </c>
      <c r="N40202" t="s">
        <v>84</v>
      </c>
      <c r="O40202" t="s">
        <v>85</v>
      </c>
      <c r="P40202" t="s">
        <v>86</v>
      </c>
      <c r="Q40202">
        <v>43</v>
      </c>
      <c r="R40202">
        <v>44</v>
      </c>
      <c r="S40202">
        <v>45</v>
      </c>
      <c r="T40202">
        <v>45</v>
      </c>
      <c r="U40202">
        <v>46</v>
      </c>
      <c r="V40202">
        <v>47</v>
      </c>
      <c r="W40202">
        <v>48</v>
      </c>
      <c r="X40202">
        <v>48</v>
      </c>
      <c r="Y40202">
        <v>49</v>
      </c>
      <c r="Z40202">
        <v>50</v>
      </c>
      <c r="AA40202">
        <v>50</v>
      </c>
      <c r="AB40202">
        <v>51</v>
      </c>
      <c r="AC40202">
        <v>52</v>
      </c>
      <c r="AD40202">
        <v>52</v>
      </c>
      <c r="AE40202">
        <v>53</v>
      </c>
      <c r="AF40202">
        <v>54</v>
      </c>
      <c r="AG40202">
        <v>54</v>
      </c>
      <c r="AH40202">
        <v>55</v>
      </c>
      <c r="AI40202">
        <v>55</v>
      </c>
      <c r="AJ40202">
        <v>56</v>
      </c>
      <c r="AK40202">
        <v>57</v>
      </c>
      <c r="AL40202">
        <v>57</v>
      </c>
      <c r="AM40202">
        <v>57</v>
      </c>
      <c r="AN40202">
        <v>57</v>
      </c>
      <c r="AO40202">
        <v>57</v>
      </c>
      <c r="AP40202">
        <v>58</v>
      </c>
      <c r="AQ40202">
        <v>58</v>
      </c>
    </row>
    <row r="40203" spans="1:43">
      <c r="A40203" t="s">
        <v>24885</v>
      </c>
      <c r="B40203" t="s">
        <v>24886</v>
      </c>
      <c r="C40203" t="s">
        <v>24083</v>
      </c>
      <c r="D40203" t="s">
        <v>24084</v>
      </c>
      <c r="E40203" t="s">
        <v>23993</v>
      </c>
      <c r="F40203" t="s">
        <v>23994</v>
      </c>
      <c r="G40203" t="s">
        <v>11612</v>
      </c>
      <c r="H40203" t="s">
        <v>11613</v>
      </c>
      <c r="I40203" s="2">
        <v>0</v>
      </c>
      <c r="J40203" s="2">
        <v>0</v>
      </c>
      <c r="K40203" s="2">
        <v>1</v>
      </c>
      <c r="L40203" t="s">
        <v>995</v>
      </c>
      <c r="M40203" t="s">
        <v>87</v>
      </c>
      <c r="N40203" t="s">
        <v>88</v>
      </c>
      <c r="O40203" t="s">
        <v>85</v>
      </c>
      <c r="P40203" t="s">
        <v>86</v>
      </c>
      <c r="Q40203">
        <v>43</v>
      </c>
      <c r="R40203">
        <v>43</v>
      </c>
      <c r="S40203">
        <v>44</v>
      </c>
      <c r="T40203">
        <v>44</v>
      </c>
      <c r="U40203">
        <v>44</v>
      </c>
      <c r="V40203">
        <v>44</v>
      </c>
      <c r="W40203">
        <v>45</v>
      </c>
      <c r="X40203">
        <v>45</v>
      </c>
      <c r="Y40203">
        <v>45</v>
      </c>
      <c r="Z40203">
        <v>46</v>
      </c>
      <c r="AA40203">
        <v>46</v>
      </c>
      <c r="AB40203">
        <v>46</v>
      </c>
      <c r="AC40203">
        <v>46</v>
      </c>
      <c r="AD40203">
        <v>47</v>
      </c>
      <c r="AE40203">
        <v>47</v>
      </c>
      <c r="AF40203">
        <v>47</v>
      </c>
      <c r="AG40203">
        <v>47</v>
      </c>
      <c r="AH40203">
        <v>48</v>
      </c>
      <c r="AI40203">
        <v>48</v>
      </c>
      <c r="AJ40203">
        <v>48</v>
      </c>
      <c r="AK40203">
        <v>48</v>
      </c>
      <c r="AL40203">
        <v>49</v>
      </c>
      <c r="AM40203">
        <v>49</v>
      </c>
      <c r="AN40203">
        <v>49</v>
      </c>
      <c r="AO40203">
        <v>49</v>
      </c>
      <c r="AP40203">
        <v>50</v>
      </c>
      <c r="AQ40203">
        <v>50</v>
      </c>
    </row>
    <row r="40204" spans="1:43">
      <c r="A40204" t="s">
        <v>24885</v>
      </c>
      <c r="B40204" t="s">
        <v>24886</v>
      </c>
      <c r="C40204" t="s">
        <v>24083</v>
      </c>
      <c r="D40204" t="s">
        <v>24084</v>
      </c>
      <c r="E40204" t="s">
        <v>23993</v>
      </c>
      <c r="F40204" t="s">
        <v>23994</v>
      </c>
      <c r="G40204" t="s">
        <v>11612</v>
      </c>
      <c r="H40204" t="s">
        <v>11613</v>
      </c>
      <c r="I40204" s="2">
        <v>0</v>
      </c>
      <c r="J40204" s="2">
        <v>0</v>
      </c>
      <c r="K40204" s="2">
        <v>1</v>
      </c>
      <c r="L40204" t="s">
        <v>995</v>
      </c>
      <c r="M40204" t="s">
        <v>89</v>
      </c>
      <c r="N40204" t="s">
        <v>90</v>
      </c>
      <c r="O40204" t="s">
        <v>85</v>
      </c>
      <c r="P40204" t="s">
        <v>86</v>
      </c>
      <c r="Q40204">
        <v>43</v>
      </c>
      <c r="R40204">
        <v>44</v>
      </c>
      <c r="S40204">
        <v>45</v>
      </c>
      <c r="T40204">
        <v>46</v>
      </c>
      <c r="U40204">
        <v>47</v>
      </c>
      <c r="V40204">
        <v>48</v>
      </c>
      <c r="W40204">
        <v>49</v>
      </c>
      <c r="X40204">
        <v>50</v>
      </c>
      <c r="Y40204">
        <v>51</v>
      </c>
      <c r="Z40204">
        <v>52</v>
      </c>
      <c r="AA40204">
        <v>53</v>
      </c>
      <c r="AB40204">
        <v>53</v>
      </c>
      <c r="AC40204">
        <v>54</v>
      </c>
      <c r="AD40204">
        <v>55</v>
      </c>
      <c r="AE40204">
        <v>56</v>
      </c>
      <c r="AF40204">
        <v>56</v>
      </c>
      <c r="AG40204">
        <v>56</v>
      </c>
      <c r="AH40204">
        <v>56</v>
      </c>
      <c r="AI40204">
        <v>57</v>
      </c>
      <c r="AJ40204">
        <v>57</v>
      </c>
      <c r="AK40204">
        <v>57</v>
      </c>
      <c r="AL40204">
        <v>57</v>
      </c>
      <c r="AM40204">
        <v>57</v>
      </c>
      <c r="AN40204">
        <v>57</v>
      </c>
      <c r="AO40204">
        <v>58</v>
      </c>
      <c r="AP40204">
        <v>58</v>
      </c>
      <c r="AQ40204">
        <v>58</v>
      </c>
    </row>
    <row r="40205" spans="1:43">
      <c r="A40205" t="s">
        <v>24885</v>
      </c>
      <c r="B40205" t="s">
        <v>24886</v>
      </c>
      <c r="C40205" t="s">
        <v>24083</v>
      </c>
      <c r="D40205" t="s">
        <v>24084</v>
      </c>
      <c r="E40205" t="s">
        <v>23993</v>
      </c>
      <c r="F40205" t="s">
        <v>23994</v>
      </c>
      <c r="G40205" t="s">
        <v>11612</v>
      </c>
      <c r="H40205" t="s">
        <v>11613</v>
      </c>
      <c r="I40205" s="2">
        <v>0</v>
      </c>
      <c r="J40205" s="2">
        <v>0</v>
      </c>
      <c r="K40205" s="2">
        <v>1</v>
      </c>
      <c r="L40205" t="s">
        <v>995</v>
      </c>
      <c r="M40205" t="s">
        <v>83</v>
      </c>
      <c r="N40205" t="s">
        <v>91</v>
      </c>
      <c r="O40205" t="s">
        <v>85</v>
      </c>
      <c r="P40205" t="s">
        <v>86</v>
      </c>
      <c r="Q40205">
        <v>43</v>
      </c>
      <c r="R40205">
        <v>44</v>
      </c>
      <c r="S40205">
        <v>45</v>
      </c>
      <c r="T40205">
        <v>45</v>
      </c>
      <c r="U40205">
        <v>46</v>
      </c>
      <c r="V40205">
        <v>47</v>
      </c>
      <c r="W40205">
        <v>48</v>
      </c>
      <c r="X40205">
        <v>48</v>
      </c>
      <c r="Y40205">
        <v>49</v>
      </c>
      <c r="Z40205">
        <v>50</v>
      </c>
      <c r="AA40205">
        <v>50</v>
      </c>
      <c r="AB40205">
        <v>51</v>
      </c>
      <c r="AC40205">
        <v>52</v>
      </c>
      <c r="AD40205">
        <v>52</v>
      </c>
      <c r="AE40205">
        <v>53</v>
      </c>
      <c r="AF40205">
        <v>54</v>
      </c>
      <c r="AG40205">
        <v>54</v>
      </c>
      <c r="AH40205">
        <v>55</v>
      </c>
      <c r="AI40205">
        <v>55</v>
      </c>
      <c r="AJ40205">
        <v>56</v>
      </c>
      <c r="AK40205">
        <v>57</v>
      </c>
      <c r="AL40205">
        <v>57</v>
      </c>
      <c r="AM40205">
        <v>57</v>
      </c>
      <c r="AN40205">
        <v>57</v>
      </c>
      <c r="AO40205">
        <v>57</v>
      </c>
      <c r="AP40205">
        <v>58</v>
      </c>
      <c r="AQ40205">
        <v>58</v>
      </c>
    </row>
    <row r="40206" spans="1:43">
      <c r="A40206" t="s">
        <v>24887</v>
      </c>
      <c r="B40206" t="s">
        <v>24888</v>
      </c>
      <c r="C40206" t="s">
        <v>24083</v>
      </c>
      <c r="D40206" t="s">
        <v>24084</v>
      </c>
      <c r="E40206" t="s">
        <v>23993</v>
      </c>
      <c r="F40206" t="s">
        <v>23994</v>
      </c>
      <c r="G40206" t="s">
        <v>11612</v>
      </c>
      <c r="H40206" t="s">
        <v>11613</v>
      </c>
      <c r="I40206" s="2">
        <v>0</v>
      </c>
      <c r="J40206" s="2">
        <v>0</v>
      </c>
      <c r="K40206" s="2">
        <v>1</v>
      </c>
      <c r="L40206" t="s">
        <v>995</v>
      </c>
      <c r="M40206" t="s">
        <v>83</v>
      </c>
      <c r="N40206" t="s">
        <v>84</v>
      </c>
      <c r="O40206" t="s">
        <v>85</v>
      </c>
      <c r="P40206" t="s">
        <v>86</v>
      </c>
      <c r="Q40206">
        <v>50</v>
      </c>
      <c r="R40206">
        <v>51</v>
      </c>
      <c r="S40206">
        <v>52</v>
      </c>
      <c r="T40206">
        <v>52</v>
      </c>
      <c r="U40206">
        <v>53</v>
      </c>
      <c r="V40206">
        <v>54</v>
      </c>
      <c r="W40206">
        <v>55</v>
      </c>
      <c r="X40206">
        <v>56</v>
      </c>
      <c r="Y40206">
        <v>57</v>
      </c>
      <c r="Z40206">
        <v>57</v>
      </c>
      <c r="AA40206">
        <v>58</v>
      </c>
      <c r="AB40206">
        <v>59</v>
      </c>
      <c r="AC40206">
        <v>60</v>
      </c>
      <c r="AD40206">
        <v>60</v>
      </c>
      <c r="AE40206">
        <v>61</v>
      </c>
      <c r="AF40206">
        <v>62</v>
      </c>
      <c r="AG40206">
        <v>63</v>
      </c>
      <c r="AH40206">
        <v>63</v>
      </c>
      <c r="AI40206">
        <v>64</v>
      </c>
      <c r="AJ40206">
        <v>65</v>
      </c>
      <c r="AK40206">
        <v>65</v>
      </c>
      <c r="AL40206">
        <v>66</v>
      </c>
      <c r="AM40206">
        <v>66</v>
      </c>
      <c r="AN40206">
        <v>66</v>
      </c>
      <c r="AO40206">
        <v>66</v>
      </c>
      <c r="AP40206">
        <v>66</v>
      </c>
      <c r="AQ40206">
        <v>67</v>
      </c>
    </row>
    <row r="40207" spans="1:43">
      <c r="A40207" t="s">
        <v>24887</v>
      </c>
      <c r="B40207" t="s">
        <v>24888</v>
      </c>
      <c r="C40207" t="s">
        <v>24083</v>
      </c>
      <c r="D40207" t="s">
        <v>24084</v>
      </c>
      <c r="E40207" t="s">
        <v>23993</v>
      </c>
      <c r="F40207" t="s">
        <v>23994</v>
      </c>
      <c r="G40207" t="s">
        <v>11612</v>
      </c>
      <c r="H40207" t="s">
        <v>11613</v>
      </c>
      <c r="I40207" s="2">
        <v>0</v>
      </c>
      <c r="J40207" s="2">
        <v>0</v>
      </c>
      <c r="K40207" s="2">
        <v>1</v>
      </c>
      <c r="L40207" t="s">
        <v>995</v>
      </c>
      <c r="M40207" t="s">
        <v>87</v>
      </c>
      <c r="N40207" t="s">
        <v>88</v>
      </c>
      <c r="O40207" t="s">
        <v>85</v>
      </c>
      <c r="P40207" t="s">
        <v>86</v>
      </c>
      <c r="Q40207">
        <v>50</v>
      </c>
      <c r="R40207">
        <v>51</v>
      </c>
      <c r="S40207">
        <v>51</v>
      </c>
      <c r="T40207">
        <v>52</v>
      </c>
      <c r="U40207">
        <v>52</v>
      </c>
      <c r="V40207">
        <v>52</v>
      </c>
      <c r="W40207">
        <v>53</v>
      </c>
      <c r="X40207">
        <v>53</v>
      </c>
      <c r="Y40207">
        <v>53</v>
      </c>
      <c r="Z40207">
        <v>54</v>
      </c>
      <c r="AA40207">
        <v>54</v>
      </c>
      <c r="AB40207">
        <v>54</v>
      </c>
      <c r="AC40207">
        <v>55</v>
      </c>
      <c r="AD40207">
        <v>55</v>
      </c>
      <c r="AE40207">
        <v>55</v>
      </c>
      <c r="AF40207">
        <v>55</v>
      </c>
      <c r="AG40207">
        <v>56</v>
      </c>
      <c r="AH40207">
        <v>56</v>
      </c>
      <c r="AI40207">
        <v>56</v>
      </c>
      <c r="AJ40207">
        <v>57</v>
      </c>
      <c r="AK40207">
        <v>57</v>
      </c>
      <c r="AL40207">
        <v>57</v>
      </c>
      <c r="AM40207">
        <v>57</v>
      </c>
      <c r="AN40207">
        <v>58</v>
      </c>
      <c r="AO40207">
        <v>58</v>
      </c>
      <c r="AP40207">
        <v>58</v>
      </c>
      <c r="AQ40207">
        <v>58</v>
      </c>
    </row>
    <row r="40208" spans="1:43">
      <c r="A40208" t="s">
        <v>24887</v>
      </c>
      <c r="B40208" t="s">
        <v>24888</v>
      </c>
      <c r="C40208" t="s">
        <v>24083</v>
      </c>
      <c r="D40208" t="s">
        <v>24084</v>
      </c>
      <c r="E40208" t="s">
        <v>23993</v>
      </c>
      <c r="F40208" t="s">
        <v>23994</v>
      </c>
      <c r="G40208" t="s">
        <v>11612</v>
      </c>
      <c r="H40208" t="s">
        <v>11613</v>
      </c>
      <c r="I40208" s="2">
        <v>0</v>
      </c>
      <c r="J40208" s="2">
        <v>0</v>
      </c>
      <c r="K40208" s="2">
        <v>1</v>
      </c>
      <c r="L40208" t="s">
        <v>995</v>
      </c>
      <c r="M40208" t="s">
        <v>89</v>
      </c>
      <c r="N40208" t="s">
        <v>90</v>
      </c>
      <c r="O40208" t="s">
        <v>85</v>
      </c>
      <c r="P40208" t="s">
        <v>86</v>
      </c>
      <c r="Q40208">
        <v>50</v>
      </c>
      <c r="R40208">
        <v>52</v>
      </c>
      <c r="S40208">
        <v>53</v>
      </c>
      <c r="T40208">
        <v>54</v>
      </c>
      <c r="U40208">
        <v>55</v>
      </c>
      <c r="V40208">
        <v>57</v>
      </c>
      <c r="W40208">
        <v>58</v>
      </c>
      <c r="X40208">
        <v>59</v>
      </c>
      <c r="Y40208">
        <v>60</v>
      </c>
      <c r="Z40208">
        <v>61</v>
      </c>
      <c r="AA40208">
        <v>62</v>
      </c>
      <c r="AB40208">
        <v>63</v>
      </c>
      <c r="AC40208">
        <v>64</v>
      </c>
      <c r="AD40208">
        <v>65</v>
      </c>
      <c r="AE40208">
        <v>65</v>
      </c>
      <c r="AF40208">
        <v>66</v>
      </c>
      <c r="AG40208">
        <v>66</v>
      </c>
      <c r="AH40208">
        <v>66</v>
      </c>
      <c r="AI40208">
        <v>66</v>
      </c>
      <c r="AJ40208">
        <v>67</v>
      </c>
      <c r="AK40208">
        <v>67</v>
      </c>
      <c r="AL40208">
        <v>67</v>
      </c>
      <c r="AM40208">
        <v>67</v>
      </c>
      <c r="AN40208">
        <v>67</v>
      </c>
      <c r="AO40208">
        <v>68</v>
      </c>
      <c r="AP40208">
        <v>68</v>
      </c>
      <c r="AQ40208">
        <v>68</v>
      </c>
    </row>
    <row r="40209" spans="1:43">
      <c r="A40209" t="s">
        <v>24887</v>
      </c>
      <c r="B40209" t="s">
        <v>24888</v>
      </c>
      <c r="C40209" t="s">
        <v>24083</v>
      </c>
      <c r="D40209" t="s">
        <v>24084</v>
      </c>
      <c r="E40209" t="s">
        <v>23993</v>
      </c>
      <c r="F40209" t="s">
        <v>23994</v>
      </c>
      <c r="G40209" t="s">
        <v>11612</v>
      </c>
      <c r="H40209" t="s">
        <v>11613</v>
      </c>
      <c r="I40209" s="2">
        <v>0</v>
      </c>
      <c r="J40209" s="2">
        <v>0</v>
      </c>
      <c r="K40209" s="2">
        <v>1</v>
      </c>
      <c r="L40209" t="s">
        <v>995</v>
      </c>
      <c r="M40209" t="s">
        <v>83</v>
      </c>
      <c r="N40209" t="s">
        <v>91</v>
      </c>
      <c r="O40209" t="s">
        <v>85</v>
      </c>
      <c r="P40209" t="s">
        <v>86</v>
      </c>
      <c r="Q40209">
        <v>50</v>
      </c>
      <c r="R40209">
        <v>51</v>
      </c>
      <c r="S40209">
        <v>52</v>
      </c>
      <c r="T40209">
        <v>52</v>
      </c>
      <c r="U40209">
        <v>53</v>
      </c>
      <c r="V40209">
        <v>54</v>
      </c>
      <c r="W40209">
        <v>55</v>
      </c>
      <c r="X40209">
        <v>56</v>
      </c>
      <c r="Y40209">
        <v>57</v>
      </c>
      <c r="Z40209">
        <v>57</v>
      </c>
      <c r="AA40209">
        <v>58</v>
      </c>
      <c r="AB40209">
        <v>59</v>
      </c>
      <c r="AC40209">
        <v>60</v>
      </c>
      <c r="AD40209">
        <v>60</v>
      </c>
      <c r="AE40209">
        <v>61</v>
      </c>
      <c r="AF40209">
        <v>62</v>
      </c>
      <c r="AG40209">
        <v>63</v>
      </c>
      <c r="AH40209">
        <v>63</v>
      </c>
      <c r="AI40209">
        <v>64</v>
      </c>
      <c r="AJ40209">
        <v>65</v>
      </c>
      <c r="AK40209">
        <v>65</v>
      </c>
      <c r="AL40209">
        <v>66</v>
      </c>
      <c r="AM40209">
        <v>66</v>
      </c>
      <c r="AN40209">
        <v>66</v>
      </c>
      <c r="AO40209">
        <v>66</v>
      </c>
      <c r="AP40209">
        <v>66</v>
      </c>
      <c r="AQ40209">
        <v>67</v>
      </c>
    </row>
    <row r="40210" spans="1:43">
      <c r="A40210" t="s">
        <v>24889</v>
      </c>
      <c r="B40210" t="s">
        <v>24890</v>
      </c>
      <c r="C40210" t="s">
        <v>24465</v>
      </c>
      <c r="D40210" t="s">
        <v>24466</v>
      </c>
      <c r="E40210" t="s">
        <v>24327</v>
      </c>
      <c r="F40210" t="s">
        <v>24328</v>
      </c>
      <c r="G40210" t="s">
        <v>11612</v>
      </c>
      <c r="H40210" t="s">
        <v>11613</v>
      </c>
      <c r="I40210" s="2">
        <v>0</v>
      </c>
      <c r="J40210" s="2">
        <v>0</v>
      </c>
      <c r="K40210" s="2">
        <v>1</v>
      </c>
      <c r="L40210" t="s">
        <v>995</v>
      </c>
      <c r="M40210" t="s">
        <v>83</v>
      </c>
      <c r="N40210" t="s">
        <v>84</v>
      </c>
      <c r="O40210" t="s">
        <v>85</v>
      </c>
      <c r="P40210" t="s">
        <v>86</v>
      </c>
      <c r="Q40210">
        <v>14</v>
      </c>
      <c r="R40210">
        <v>14</v>
      </c>
      <c r="S40210">
        <v>14</v>
      </c>
      <c r="T40210">
        <v>15</v>
      </c>
      <c r="U40210">
        <v>15</v>
      </c>
      <c r="V40210">
        <v>15</v>
      </c>
      <c r="W40210">
        <v>15</v>
      </c>
      <c r="X40210">
        <v>15</v>
      </c>
      <c r="Y40210">
        <v>16</v>
      </c>
      <c r="Z40210">
        <v>16</v>
      </c>
      <c r="AA40210">
        <v>16</v>
      </c>
      <c r="AB40210">
        <v>16</v>
      </c>
      <c r="AC40210">
        <v>16</v>
      </c>
      <c r="AD40210">
        <v>17</v>
      </c>
      <c r="AE40210">
        <v>17</v>
      </c>
      <c r="AF40210">
        <v>17</v>
      </c>
      <c r="AG40210">
        <v>17</v>
      </c>
      <c r="AH40210">
        <v>17</v>
      </c>
      <c r="AI40210">
        <v>18</v>
      </c>
      <c r="AJ40210">
        <v>18</v>
      </c>
      <c r="AK40210">
        <v>18</v>
      </c>
      <c r="AL40210">
        <v>18</v>
      </c>
      <c r="AM40210">
        <v>18</v>
      </c>
      <c r="AN40210">
        <v>18</v>
      </c>
      <c r="AO40210">
        <v>19</v>
      </c>
      <c r="AP40210">
        <v>19</v>
      </c>
      <c r="AQ40210">
        <v>19</v>
      </c>
    </row>
    <row r="40211" spans="1:43">
      <c r="A40211" t="s">
        <v>24889</v>
      </c>
      <c r="B40211" t="s">
        <v>24890</v>
      </c>
      <c r="C40211" t="s">
        <v>24465</v>
      </c>
      <c r="D40211" t="s">
        <v>24466</v>
      </c>
      <c r="E40211" t="s">
        <v>24327</v>
      </c>
      <c r="F40211" t="s">
        <v>24328</v>
      </c>
      <c r="G40211" t="s">
        <v>11612</v>
      </c>
      <c r="H40211" t="s">
        <v>11613</v>
      </c>
      <c r="I40211" s="2">
        <v>0</v>
      </c>
      <c r="J40211" s="2">
        <v>0</v>
      </c>
      <c r="K40211" s="2">
        <v>1</v>
      </c>
      <c r="L40211" t="s">
        <v>995</v>
      </c>
      <c r="M40211" t="s">
        <v>87</v>
      </c>
      <c r="N40211" t="s">
        <v>88</v>
      </c>
      <c r="O40211" t="s">
        <v>85</v>
      </c>
      <c r="P40211" t="s">
        <v>86</v>
      </c>
      <c r="Q40211">
        <v>14</v>
      </c>
      <c r="R40211">
        <v>14</v>
      </c>
      <c r="S40211">
        <v>14</v>
      </c>
      <c r="T40211">
        <v>14</v>
      </c>
      <c r="U40211">
        <v>14</v>
      </c>
      <c r="V40211">
        <v>14</v>
      </c>
      <c r="W40211">
        <v>14</v>
      </c>
      <c r="X40211">
        <v>14</v>
      </c>
      <c r="Y40211">
        <v>14</v>
      </c>
      <c r="Z40211">
        <v>14</v>
      </c>
      <c r="AA40211">
        <v>15</v>
      </c>
      <c r="AB40211">
        <v>15</v>
      </c>
      <c r="AC40211">
        <v>15</v>
      </c>
      <c r="AD40211">
        <v>15</v>
      </c>
      <c r="AE40211">
        <v>15</v>
      </c>
      <c r="AF40211">
        <v>15</v>
      </c>
      <c r="AG40211">
        <v>15</v>
      </c>
      <c r="AH40211">
        <v>15</v>
      </c>
      <c r="AI40211">
        <v>15</v>
      </c>
      <c r="AJ40211">
        <v>15</v>
      </c>
      <c r="AK40211">
        <v>16</v>
      </c>
      <c r="AL40211">
        <v>16</v>
      </c>
      <c r="AM40211">
        <v>16</v>
      </c>
      <c r="AN40211">
        <v>16</v>
      </c>
      <c r="AO40211">
        <v>16</v>
      </c>
      <c r="AP40211">
        <v>16</v>
      </c>
      <c r="AQ40211">
        <v>16</v>
      </c>
    </row>
    <row r="40212" spans="1:43">
      <c r="A40212" t="s">
        <v>24889</v>
      </c>
      <c r="B40212" t="s">
        <v>24890</v>
      </c>
      <c r="C40212" t="s">
        <v>24465</v>
      </c>
      <c r="D40212" t="s">
        <v>24466</v>
      </c>
      <c r="E40212" t="s">
        <v>24327</v>
      </c>
      <c r="F40212" t="s">
        <v>24328</v>
      </c>
      <c r="G40212" t="s">
        <v>11612</v>
      </c>
      <c r="H40212" t="s">
        <v>11613</v>
      </c>
      <c r="I40212" s="2">
        <v>0</v>
      </c>
      <c r="J40212" s="2">
        <v>0</v>
      </c>
      <c r="K40212" s="2">
        <v>1</v>
      </c>
      <c r="L40212" t="s">
        <v>995</v>
      </c>
      <c r="M40212" t="s">
        <v>89</v>
      </c>
      <c r="N40212" t="s">
        <v>90</v>
      </c>
      <c r="O40212" t="s">
        <v>85</v>
      </c>
      <c r="P40212" t="s">
        <v>86</v>
      </c>
      <c r="Q40212">
        <v>14</v>
      </c>
      <c r="R40212">
        <v>14</v>
      </c>
      <c r="S40212">
        <v>15</v>
      </c>
      <c r="T40212">
        <v>15</v>
      </c>
      <c r="U40212">
        <v>15</v>
      </c>
      <c r="V40212">
        <v>16</v>
      </c>
      <c r="W40212">
        <v>16</v>
      </c>
      <c r="X40212">
        <v>16</v>
      </c>
      <c r="Y40212">
        <v>16</v>
      </c>
      <c r="Z40212">
        <v>17</v>
      </c>
      <c r="AA40212">
        <v>17</v>
      </c>
      <c r="AB40212">
        <v>17</v>
      </c>
      <c r="AC40212">
        <v>17</v>
      </c>
      <c r="AD40212">
        <v>18</v>
      </c>
      <c r="AE40212">
        <v>18</v>
      </c>
      <c r="AF40212">
        <v>18</v>
      </c>
      <c r="AG40212">
        <v>18</v>
      </c>
      <c r="AH40212">
        <v>18</v>
      </c>
      <c r="AI40212">
        <v>18</v>
      </c>
      <c r="AJ40212">
        <v>18</v>
      </c>
      <c r="AK40212">
        <v>18</v>
      </c>
      <c r="AL40212">
        <v>19</v>
      </c>
      <c r="AM40212">
        <v>19</v>
      </c>
      <c r="AN40212">
        <v>19</v>
      </c>
      <c r="AO40212">
        <v>19</v>
      </c>
      <c r="AP40212">
        <v>19</v>
      </c>
      <c r="AQ40212">
        <v>19</v>
      </c>
    </row>
    <row r="40213" spans="1:43">
      <c r="A40213" t="s">
        <v>24889</v>
      </c>
      <c r="B40213" t="s">
        <v>24890</v>
      </c>
      <c r="C40213" t="s">
        <v>24465</v>
      </c>
      <c r="D40213" t="s">
        <v>24466</v>
      </c>
      <c r="E40213" t="s">
        <v>24327</v>
      </c>
      <c r="F40213" t="s">
        <v>24328</v>
      </c>
      <c r="G40213" t="s">
        <v>11612</v>
      </c>
      <c r="H40213" t="s">
        <v>11613</v>
      </c>
      <c r="I40213" s="2">
        <v>0</v>
      </c>
      <c r="J40213" s="2">
        <v>0</v>
      </c>
      <c r="K40213" s="2">
        <v>1</v>
      </c>
      <c r="L40213" t="s">
        <v>995</v>
      </c>
      <c r="M40213" t="s">
        <v>83</v>
      </c>
      <c r="N40213" t="s">
        <v>91</v>
      </c>
      <c r="O40213" t="s">
        <v>85</v>
      </c>
      <c r="P40213" t="s">
        <v>86</v>
      </c>
      <c r="Q40213">
        <v>14</v>
      </c>
      <c r="R40213">
        <v>14</v>
      </c>
      <c r="S40213">
        <v>14</v>
      </c>
      <c r="T40213">
        <v>15</v>
      </c>
      <c r="U40213">
        <v>15</v>
      </c>
      <c r="V40213">
        <v>15</v>
      </c>
      <c r="W40213">
        <v>15</v>
      </c>
      <c r="X40213">
        <v>15</v>
      </c>
      <c r="Y40213">
        <v>16</v>
      </c>
      <c r="Z40213">
        <v>16</v>
      </c>
      <c r="AA40213">
        <v>16</v>
      </c>
      <c r="AB40213">
        <v>16</v>
      </c>
      <c r="AC40213">
        <v>16</v>
      </c>
      <c r="AD40213">
        <v>17</v>
      </c>
      <c r="AE40213">
        <v>17</v>
      </c>
      <c r="AF40213">
        <v>17</v>
      </c>
      <c r="AG40213">
        <v>17</v>
      </c>
      <c r="AH40213">
        <v>17</v>
      </c>
      <c r="AI40213">
        <v>18</v>
      </c>
      <c r="AJ40213">
        <v>18</v>
      </c>
      <c r="AK40213">
        <v>18</v>
      </c>
      <c r="AL40213">
        <v>18</v>
      </c>
      <c r="AM40213">
        <v>18</v>
      </c>
      <c r="AN40213">
        <v>18</v>
      </c>
      <c r="AO40213">
        <v>19</v>
      </c>
      <c r="AP40213">
        <v>19</v>
      </c>
      <c r="AQ40213">
        <v>19</v>
      </c>
    </row>
    <row r="40214" spans="1:43">
      <c r="A40214" t="s">
        <v>24891</v>
      </c>
      <c r="B40214" t="s">
        <v>24892</v>
      </c>
      <c r="C40214" t="s">
        <v>24465</v>
      </c>
      <c r="D40214" t="s">
        <v>24466</v>
      </c>
      <c r="E40214" t="s">
        <v>24327</v>
      </c>
      <c r="F40214" t="s">
        <v>24328</v>
      </c>
      <c r="G40214" t="s">
        <v>11612</v>
      </c>
      <c r="H40214" t="s">
        <v>11613</v>
      </c>
      <c r="I40214" s="2">
        <v>0</v>
      </c>
      <c r="J40214" s="2">
        <v>0</v>
      </c>
      <c r="K40214" s="2">
        <v>1</v>
      </c>
      <c r="L40214" t="s">
        <v>995</v>
      </c>
      <c r="M40214" t="s">
        <v>83</v>
      </c>
      <c r="N40214" t="s">
        <v>84</v>
      </c>
      <c r="O40214" t="s">
        <v>85</v>
      </c>
      <c r="P40214" t="s">
        <v>86</v>
      </c>
      <c r="Q40214">
        <v>32</v>
      </c>
      <c r="R40214">
        <v>32</v>
      </c>
      <c r="S40214">
        <v>33</v>
      </c>
      <c r="T40214">
        <v>33</v>
      </c>
      <c r="U40214">
        <v>33</v>
      </c>
      <c r="V40214">
        <v>34</v>
      </c>
      <c r="W40214">
        <v>34</v>
      </c>
      <c r="X40214">
        <v>35</v>
      </c>
      <c r="Y40214">
        <v>35</v>
      </c>
      <c r="Z40214">
        <v>36</v>
      </c>
      <c r="AA40214">
        <v>36</v>
      </c>
      <c r="AB40214">
        <v>37</v>
      </c>
      <c r="AC40214">
        <v>37</v>
      </c>
      <c r="AD40214">
        <v>38</v>
      </c>
      <c r="AE40214">
        <v>38</v>
      </c>
      <c r="AF40214">
        <v>39</v>
      </c>
      <c r="AG40214">
        <v>39</v>
      </c>
      <c r="AH40214">
        <v>40</v>
      </c>
      <c r="AI40214">
        <v>40</v>
      </c>
      <c r="AJ40214">
        <v>41</v>
      </c>
      <c r="AK40214">
        <v>41</v>
      </c>
      <c r="AL40214">
        <v>42</v>
      </c>
      <c r="AM40214">
        <v>42</v>
      </c>
      <c r="AN40214">
        <v>42</v>
      </c>
      <c r="AO40214">
        <v>42</v>
      </c>
      <c r="AP40214">
        <v>42</v>
      </c>
      <c r="AQ40214">
        <v>43</v>
      </c>
    </row>
    <row r="40215" spans="1:43">
      <c r="A40215" t="s">
        <v>24891</v>
      </c>
      <c r="B40215" t="s">
        <v>24892</v>
      </c>
      <c r="C40215" t="s">
        <v>24465</v>
      </c>
      <c r="D40215" t="s">
        <v>24466</v>
      </c>
      <c r="E40215" t="s">
        <v>24327</v>
      </c>
      <c r="F40215" t="s">
        <v>24328</v>
      </c>
      <c r="G40215" t="s">
        <v>11612</v>
      </c>
      <c r="H40215" t="s">
        <v>11613</v>
      </c>
      <c r="I40215" s="2">
        <v>0</v>
      </c>
      <c r="J40215" s="2">
        <v>0</v>
      </c>
      <c r="K40215" s="2">
        <v>1</v>
      </c>
      <c r="L40215" t="s">
        <v>995</v>
      </c>
      <c r="M40215" t="s">
        <v>87</v>
      </c>
      <c r="N40215" t="s">
        <v>88</v>
      </c>
      <c r="O40215" t="s">
        <v>85</v>
      </c>
      <c r="P40215" t="s">
        <v>86</v>
      </c>
      <c r="Q40215">
        <v>32</v>
      </c>
      <c r="R40215">
        <v>32</v>
      </c>
      <c r="S40215">
        <v>33</v>
      </c>
      <c r="T40215">
        <v>33</v>
      </c>
      <c r="U40215">
        <v>33</v>
      </c>
      <c r="V40215">
        <v>33</v>
      </c>
      <c r="W40215">
        <v>33</v>
      </c>
      <c r="X40215">
        <v>34</v>
      </c>
      <c r="Y40215">
        <v>34</v>
      </c>
      <c r="Z40215">
        <v>34</v>
      </c>
      <c r="AA40215">
        <v>34</v>
      </c>
      <c r="AB40215">
        <v>34</v>
      </c>
      <c r="AC40215">
        <v>35</v>
      </c>
      <c r="AD40215">
        <v>35</v>
      </c>
      <c r="AE40215">
        <v>35</v>
      </c>
      <c r="AF40215">
        <v>35</v>
      </c>
      <c r="AG40215">
        <v>35</v>
      </c>
      <c r="AH40215">
        <v>36</v>
      </c>
      <c r="AI40215">
        <v>36</v>
      </c>
      <c r="AJ40215">
        <v>36</v>
      </c>
      <c r="AK40215">
        <v>36</v>
      </c>
      <c r="AL40215">
        <v>37</v>
      </c>
      <c r="AM40215">
        <v>37</v>
      </c>
      <c r="AN40215">
        <v>37</v>
      </c>
      <c r="AO40215">
        <v>38</v>
      </c>
      <c r="AP40215">
        <v>38</v>
      </c>
      <c r="AQ40215">
        <v>38</v>
      </c>
    </row>
    <row r="40216" spans="1:43">
      <c r="A40216" t="s">
        <v>24891</v>
      </c>
      <c r="B40216" t="s">
        <v>24892</v>
      </c>
      <c r="C40216" t="s">
        <v>24465</v>
      </c>
      <c r="D40216" t="s">
        <v>24466</v>
      </c>
      <c r="E40216" t="s">
        <v>24327</v>
      </c>
      <c r="F40216" t="s">
        <v>24328</v>
      </c>
      <c r="G40216" t="s">
        <v>11612</v>
      </c>
      <c r="H40216" t="s">
        <v>11613</v>
      </c>
      <c r="I40216" s="2">
        <v>0</v>
      </c>
      <c r="J40216" s="2">
        <v>0</v>
      </c>
      <c r="K40216" s="2">
        <v>1</v>
      </c>
      <c r="L40216" t="s">
        <v>995</v>
      </c>
      <c r="M40216" t="s">
        <v>89</v>
      </c>
      <c r="N40216" t="s">
        <v>90</v>
      </c>
      <c r="O40216" t="s">
        <v>85</v>
      </c>
      <c r="P40216" t="s">
        <v>86</v>
      </c>
      <c r="Q40216">
        <v>32</v>
      </c>
      <c r="R40216">
        <v>33</v>
      </c>
      <c r="S40216">
        <v>33</v>
      </c>
      <c r="T40216">
        <v>34</v>
      </c>
      <c r="U40216">
        <v>35</v>
      </c>
      <c r="V40216">
        <v>36</v>
      </c>
      <c r="W40216">
        <v>36</v>
      </c>
      <c r="X40216">
        <v>37</v>
      </c>
      <c r="Y40216">
        <v>37</v>
      </c>
      <c r="Z40216">
        <v>38</v>
      </c>
      <c r="AA40216">
        <v>39</v>
      </c>
      <c r="AB40216">
        <v>39</v>
      </c>
      <c r="AC40216">
        <v>40</v>
      </c>
      <c r="AD40216">
        <v>40</v>
      </c>
      <c r="AE40216">
        <v>41</v>
      </c>
      <c r="AF40216">
        <v>41</v>
      </c>
      <c r="AG40216">
        <v>41</v>
      </c>
      <c r="AH40216">
        <v>41</v>
      </c>
      <c r="AI40216">
        <v>42</v>
      </c>
      <c r="AJ40216">
        <v>42</v>
      </c>
      <c r="AK40216">
        <v>42</v>
      </c>
      <c r="AL40216">
        <v>42</v>
      </c>
      <c r="AM40216">
        <v>42</v>
      </c>
      <c r="AN40216">
        <v>43</v>
      </c>
      <c r="AO40216">
        <v>43</v>
      </c>
      <c r="AP40216">
        <v>43</v>
      </c>
      <c r="AQ40216">
        <v>43</v>
      </c>
    </row>
    <row r="40217" spans="1:43">
      <c r="A40217" t="s">
        <v>24891</v>
      </c>
      <c r="B40217" t="s">
        <v>24892</v>
      </c>
      <c r="C40217" t="s">
        <v>24465</v>
      </c>
      <c r="D40217" t="s">
        <v>24466</v>
      </c>
      <c r="E40217" t="s">
        <v>24327</v>
      </c>
      <c r="F40217" t="s">
        <v>24328</v>
      </c>
      <c r="G40217" t="s">
        <v>11612</v>
      </c>
      <c r="H40217" t="s">
        <v>11613</v>
      </c>
      <c r="I40217" s="2">
        <v>0</v>
      </c>
      <c r="J40217" s="2">
        <v>0</v>
      </c>
      <c r="K40217" s="2">
        <v>1</v>
      </c>
      <c r="L40217" t="s">
        <v>995</v>
      </c>
      <c r="M40217" t="s">
        <v>83</v>
      </c>
      <c r="N40217" t="s">
        <v>91</v>
      </c>
      <c r="O40217" t="s">
        <v>85</v>
      </c>
      <c r="P40217" t="s">
        <v>86</v>
      </c>
      <c r="Q40217">
        <v>32</v>
      </c>
      <c r="R40217">
        <v>32</v>
      </c>
      <c r="S40217">
        <v>33</v>
      </c>
      <c r="T40217">
        <v>33</v>
      </c>
      <c r="U40217">
        <v>33</v>
      </c>
      <c r="V40217">
        <v>34</v>
      </c>
      <c r="W40217">
        <v>34</v>
      </c>
      <c r="X40217">
        <v>35</v>
      </c>
      <c r="Y40217">
        <v>35</v>
      </c>
      <c r="Z40217">
        <v>36</v>
      </c>
      <c r="AA40217">
        <v>36</v>
      </c>
      <c r="AB40217">
        <v>37</v>
      </c>
      <c r="AC40217">
        <v>37</v>
      </c>
      <c r="AD40217">
        <v>38</v>
      </c>
      <c r="AE40217">
        <v>38</v>
      </c>
      <c r="AF40217">
        <v>39</v>
      </c>
      <c r="AG40217">
        <v>39</v>
      </c>
      <c r="AH40217">
        <v>40</v>
      </c>
      <c r="AI40217">
        <v>40</v>
      </c>
      <c r="AJ40217">
        <v>41</v>
      </c>
      <c r="AK40217">
        <v>41</v>
      </c>
      <c r="AL40217">
        <v>42</v>
      </c>
      <c r="AM40217">
        <v>42</v>
      </c>
      <c r="AN40217">
        <v>42</v>
      </c>
      <c r="AO40217">
        <v>42</v>
      </c>
      <c r="AP40217">
        <v>42</v>
      </c>
      <c r="AQ40217">
        <v>43</v>
      </c>
    </row>
    <row r="40218" spans="1:43">
      <c r="A40218" t="s">
        <v>24893</v>
      </c>
      <c r="B40218" t="s">
        <v>24894</v>
      </c>
      <c r="C40218" t="s">
        <v>24465</v>
      </c>
      <c r="D40218" t="s">
        <v>24466</v>
      </c>
      <c r="E40218" t="s">
        <v>24327</v>
      </c>
      <c r="F40218" t="s">
        <v>24328</v>
      </c>
      <c r="G40218" t="s">
        <v>11612</v>
      </c>
      <c r="H40218" t="s">
        <v>11613</v>
      </c>
      <c r="I40218" s="2">
        <v>0</v>
      </c>
      <c r="J40218" s="2">
        <v>0</v>
      </c>
      <c r="K40218" s="2">
        <v>1</v>
      </c>
      <c r="L40218" t="s">
        <v>995</v>
      </c>
      <c r="M40218" t="s">
        <v>83</v>
      </c>
      <c r="N40218" t="s">
        <v>84</v>
      </c>
      <c r="O40218" t="s">
        <v>85</v>
      </c>
      <c r="P40218" t="s">
        <v>86</v>
      </c>
      <c r="Q40218">
        <v>36</v>
      </c>
      <c r="R40218">
        <v>36</v>
      </c>
      <c r="S40218">
        <v>37</v>
      </c>
      <c r="T40218">
        <v>38</v>
      </c>
      <c r="U40218">
        <v>38</v>
      </c>
      <c r="V40218">
        <v>38</v>
      </c>
      <c r="W40218">
        <v>39</v>
      </c>
      <c r="X40218">
        <v>39</v>
      </c>
      <c r="Y40218">
        <v>40</v>
      </c>
      <c r="Z40218">
        <v>40</v>
      </c>
      <c r="AA40218">
        <v>41</v>
      </c>
      <c r="AB40218">
        <v>41</v>
      </c>
      <c r="AC40218">
        <v>42</v>
      </c>
      <c r="AD40218">
        <v>42</v>
      </c>
      <c r="AE40218">
        <v>43</v>
      </c>
      <c r="AF40218">
        <v>43</v>
      </c>
      <c r="AG40218">
        <v>44</v>
      </c>
      <c r="AH40218">
        <v>44</v>
      </c>
      <c r="AI40218">
        <v>45</v>
      </c>
      <c r="AJ40218">
        <v>46</v>
      </c>
      <c r="AK40218">
        <v>46</v>
      </c>
      <c r="AL40218">
        <v>46</v>
      </c>
      <c r="AM40218">
        <v>46</v>
      </c>
      <c r="AN40218">
        <v>47</v>
      </c>
      <c r="AO40218">
        <v>47</v>
      </c>
      <c r="AP40218">
        <v>47</v>
      </c>
      <c r="AQ40218">
        <v>47</v>
      </c>
    </row>
    <row r="40219" spans="1:43">
      <c r="A40219" t="s">
        <v>24893</v>
      </c>
      <c r="B40219" t="s">
        <v>24894</v>
      </c>
      <c r="C40219" t="s">
        <v>24465</v>
      </c>
      <c r="D40219" t="s">
        <v>24466</v>
      </c>
      <c r="E40219" t="s">
        <v>24327</v>
      </c>
      <c r="F40219" t="s">
        <v>24328</v>
      </c>
      <c r="G40219" t="s">
        <v>11612</v>
      </c>
      <c r="H40219" t="s">
        <v>11613</v>
      </c>
      <c r="I40219" s="2">
        <v>0</v>
      </c>
      <c r="J40219" s="2">
        <v>0</v>
      </c>
      <c r="K40219" s="2">
        <v>1</v>
      </c>
      <c r="L40219" t="s">
        <v>995</v>
      </c>
      <c r="M40219" t="s">
        <v>87</v>
      </c>
      <c r="N40219" t="s">
        <v>88</v>
      </c>
      <c r="O40219" t="s">
        <v>85</v>
      </c>
      <c r="P40219" t="s">
        <v>86</v>
      </c>
      <c r="Q40219">
        <v>36</v>
      </c>
      <c r="R40219">
        <v>36</v>
      </c>
      <c r="S40219">
        <v>36</v>
      </c>
      <c r="T40219">
        <v>36</v>
      </c>
      <c r="U40219">
        <v>36</v>
      </c>
      <c r="V40219">
        <v>36</v>
      </c>
      <c r="W40219">
        <v>37</v>
      </c>
      <c r="X40219">
        <v>37</v>
      </c>
      <c r="Y40219">
        <v>37</v>
      </c>
      <c r="Z40219">
        <v>37</v>
      </c>
      <c r="AA40219">
        <v>37</v>
      </c>
      <c r="AB40219">
        <v>37</v>
      </c>
      <c r="AC40219">
        <v>38</v>
      </c>
      <c r="AD40219">
        <v>38</v>
      </c>
      <c r="AE40219">
        <v>38</v>
      </c>
      <c r="AF40219">
        <v>38</v>
      </c>
      <c r="AG40219">
        <v>38</v>
      </c>
      <c r="AH40219">
        <v>39</v>
      </c>
      <c r="AI40219">
        <v>39</v>
      </c>
      <c r="AJ40219">
        <v>39</v>
      </c>
      <c r="AK40219">
        <v>39</v>
      </c>
      <c r="AL40219">
        <v>40</v>
      </c>
      <c r="AM40219">
        <v>40</v>
      </c>
      <c r="AN40219">
        <v>40</v>
      </c>
      <c r="AO40219">
        <v>40</v>
      </c>
      <c r="AP40219">
        <v>41</v>
      </c>
      <c r="AQ40219">
        <v>41</v>
      </c>
    </row>
    <row r="40220" spans="1:43">
      <c r="A40220" t="s">
        <v>24893</v>
      </c>
      <c r="B40220" t="s">
        <v>24894</v>
      </c>
      <c r="C40220" t="s">
        <v>24465</v>
      </c>
      <c r="D40220" t="s">
        <v>24466</v>
      </c>
      <c r="E40220" t="s">
        <v>24327</v>
      </c>
      <c r="F40220" t="s">
        <v>24328</v>
      </c>
      <c r="G40220" t="s">
        <v>11612</v>
      </c>
      <c r="H40220" t="s">
        <v>11613</v>
      </c>
      <c r="I40220" s="2">
        <v>0</v>
      </c>
      <c r="J40220" s="2">
        <v>0</v>
      </c>
      <c r="K40220" s="2">
        <v>1</v>
      </c>
      <c r="L40220" t="s">
        <v>995</v>
      </c>
      <c r="M40220" t="s">
        <v>89</v>
      </c>
      <c r="N40220" t="s">
        <v>90</v>
      </c>
      <c r="O40220" t="s">
        <v>85</v>
      </c>
      <c r="P40220" t="s">
        <v>86</v>
      </c>
      <c r="Q40220">
        <v>36</v>
      </c>
      <c r="R40220">
        <v>37</v>
      </c>
      <c r="S40220">
        <v>38</v>
      </c>
      <c r="T40220">
        <v>39</v>
      </c>
      <c r="U40220">
        <v>39</v>
      </c>
      <c r="V40220">
        <v>40</v>
      </c>
      <c r="W40220">
        <v>41</v>
      </c>
      <c r="X40220">
        <v>42</v>
      </c>
      <c r="Y40220">
        <v>42</v>
      </c>
      <c r="Z40220">
        <v>43</v>
      </c>
      <c r="AA40220">
        <v>44</v>
      </c>
      <c r="AB40220">
        <v>44</v>
      </c>
      <c r="AC40220">
        <v>45</v>
      </c>
      <c r="AD40220">
        <v>46</v>
      </c>
      <c r="AE40220">
        <v>46</v>
      </c>
      <c r="AF40220">
        <v>46</v>
      </c>
      <c r="AG40220">
        <v>46</v>
      </c>
      <c r="AH40220">
        <v>46</v>
      </c>
      <c r="AI40220">
        <v>46</v>
      </c>
      <c r="AJ40220">
        <v>46</v>
      </c>
      <c r="AK40220">
        <v>47</v>
      </c>
      <c r="AL40220">
        <v>47</v>
      </c>
      <c r="AM40220">
        <v>47</v>
      </c>
      <c r="AN40220">
        <v>47</v>
      </c>
      <c r="AO40220">
        <v>47</v>
      </c>
      <c r="AP40220">
        <v>47</v>
      </c>
      <c r="AQ40220">
        <v>48</v>
      </c>
    </row>
    <row r="40221" spans="1:43">
      <c r="A40221" t="s">
        <v>24893</v>
      </c>
      <c r="B40221" t="s">
        <v>24894</v>
      </c>
      <c r="C40221" t="s">
        <v>24465</v>
      </c>
      <c r="D40221" t="s">
        <v>24466</v>
      </c>
      <c r="E40221" t="s">
        <v>24327</v>
      </c>
      <c r="F40221" t="s">
        <v>24328</v>
      </c>
      <c r="G40221" t="s">
        <v>11612</v>
      </c>
      <c r="H40221" t="s">
        <v>11613</v>
      </c>
      <c r="I40221" s="2">
        <v>0</v>
      </c>
      <c r="J40221" s="2">
        <v>0</v>
      </c>
      <c r="K40221" s="2">
        <v>1</v>
      </c>
      <c r="L40221" t="s">
        <v>995</v>
      </c>
      <c r="M40221" t="s">
        <v>83</v>
      </c>
      <c r="N40221" t="s">
        <v>91</v>
      </c>
      <c r="O40221" t="s">
        <v>85</v>
      </c>
      <c r="P40221" t="s">
        <v>86</v>
      </c>
      <c r="Q40221">
        <v>36</v>
      </c>
      <c r="R40221">
        <v>36</v>
      </c>
      <c r="S40221">
        <v>37</v>
      </c>
      <c r="T40221">
        <v>38</v>
      </c>
      <c r="U40221">
        <v>38</v>
      </c>
      <c r="V40221">
        <v>38</v>
      </c>
      <c r="W40221">
        <v>39</v>
      </c>
      <c r="X40221">
        <v>39</v>
      </c>
      <c r="Y40221">
        <v>40</v>
      </c>
      <c r="Z40221">
        <v>40</v>
      </c>
      <c r="AA40221">
        <v>41</v>
      </c>
      <c r="AB40221">
        <v>41</v>
      </c>
      <c r="AC40221">
        <v>42</v>
      </c>
      <c r="AD40221">
        <v>42</v>
      </c>
      <c r="AE40221">
        <v>43</v>
      </c>
      <c r="AF40221">
        <v>43</v>
      </c>
      <c r="AG40221">
        <v>44</v>
      </c>
      <c r="AH40221">
        <v>44</v>
      </c>
      <c r="AI40221">
        <v>45</v>
      </c>
      <c r="AJ40221">
        <v>46</v>
      </c>
      <c r="AK40221">
        <v>46</v>
      </c>
      <c r="AL40221">
        <v>46</v>
      </c>
      <c r="AM40221">
        <v>46</v>
      </c>
      <c r="AN40221">
        <v>47</v>
      </c>
      <c r="AO40221">
        <v>47</v>
      </c>
      <c r="AP40221">
        <v>47</v>
      </c>
      <c r="AQ40221">
        <v>47</v>
      </c>
    </row>
    <row r="40222" spans="1:43">
      <c r="A40222" t="s">
        <v>24895</v>
      </c>
      <c r="B40222" t="s">
        <v>24896</v>
      </c>
      <c r="C40222" t="s">
        <v>12593</v>
      </c>
      <c r="D40222" t="s">
        <v>12594</v>
      </c>
      <c r="E40222" t="s">
        <v>12580</v>
      </c>
      <c r="F40222" t="s">
        <v>12581</v>
      </c>
      <c r="G40222" t="s">
        <v>12582</v>
      </c>
      <c r="H40222" t="s">
        <v>12581</v>
      </c>
      <c r="I40222" s="2">
        <v>1</v>
      </c>
      <c r="J40222" s="2">
        <v>0</v>
      </c>
      <c r="K40222" s="2">
        <v>0</v>
      </c>
      <c r="L40222" t="s">
        <v>120</v>
      </c>
      <c r="M40222" t="s">
        <v>83</v>
      </c>
      <c r="N40222" t="s">
        <v>84</v>
      </c>
      <c r="O40222" t="s">
        <v>85</v>
      </c>
      <c r="P40222" t="s">
        <v>86</v>
      </c>
      <c r="Q40222">
        <v>41</v>
      </c>
      <c r="R40222">
        <v>42</v>
      </c>
      <c r="S40222">
        <v>43</v>
      </c>
      <c r="T40222">
        <v>44</v>
      </c>
      <c r="U40222">
        <v>44</v>
      </c>
      <c r="V40222">
        <v>45</v>
      </c>
      <c r="W40222">
        <v>46</v>
      </c>
      <c r="X40222">
        <v>46</v>
      </c>
      <c r="Y40222">
        <v>47</v>
      </c>
      <c r="Z40222">
        <v>48</v>
      </c>
      <c r="AA40222">
        <v>49</v>
      </c>
      <c r="AB40222">
        <v>49</v>
      </c>
      <c r="AC40222">
        <v>50</v>
      </c>
      <c r="AD40222">
        <v>51</v>
      </c>
      <c r="AE40222">
        <v>51</v>
      </c>
      <c r="AF40222">
        <v>52</v>
      </c>
      <c r="AG40222">
        <v>53</v>
      </c>
      <c r="AH40222">
        <v>53</v>
      </c>
      <c r="AI40222">
        <v>54</v>
      </c>
      <c r="AJ40222">
        <v>55</v>
      </c>
      <c r="AK40222">
        <v>56</v>
      </c>
      <c r="AL40222">
        <v>56</v>
      </c>
      <c r="AM40222">
        <v>56</v>
      </c>
      <c r="AN40222">
        <v>57</v>
      </c>
      <c r="AO40222">
        <v>57</v>
      </c>
      <c r="AP40222">
        <v>57</v>
      </c>
      <c r="AQ40222">
        <v>58</v>
      </c>
    </row>
    <row r="40223" spans="1:43">
      <c r="A40223" t="s">
        <v>24895</v>
      </c>
      <c r="B40223" t="s">
        <v>24896</v>
      </c>
      <c r="C40223" t="s">
        <v>12593</v>
      </c>
      <c r="D40223" t="s">
        <v>12594</v>
      </c>
      <c r="E40223" t="s">
        <v>12580</v>
      </c>
      <c r="F40223" t="s">
        <v>12581</v>
      </c>
      <c r="G40223" t="s">
        <v>12582</v>
      </c>
      <c r="H40223" t="s">
        <v>12581</v>
      </c>
      <c r="I40223" s="2">
        <v>1</v>
      </c>
      <c r="J40223" s="2">
        <v>0</v>
      </c>
      <c r="K40223" s="2">
        <v>0</v>
      </c>
      <c r="L40223" t="s">
        <v>120</v>
      </c>
      <c r="M40223" t="s">
        <v>87</v>
      </c>
      <c r="N40223" t="s">
        <v>88</v>
      </c>
      <c r="O40223" t="s">
        <v>85</v>
      </c>
      <c r="P40223" t="s">
        <v>86</v>
      </c>
      <c r="Q40223">
        <v>41</v>
      </c>
      <c r="R40223">
        <v>41</v>
      </c>
      <c r="S40223">
        <v>42</v>
      </c>
      <c r="T40223">
        <v>42</v>
      </c>
      <c r="U40223">
        <v>42</v>
      </c>
      <c r="V40223">
        <v>43</v>
      </c>
      <c r="W40223">
        <v>43</v>
      </c>
      <c r="X40223">
        <v>43</v>
      </c>
      <c r="Y40223">
        <v>44</v>
      </c>
      <c r="Z40223">
        <v>44</v>
      </c>
      <c r="AA40223">
        <v>44</v>
      </c>
      <c r="AB40223">
        <v>45</v>
      </c>
      <c r="AC40223">
        <v>45</v>
      </c>
      <c r="AD40223">
        <v>45</v>
      </c>
      <c r="AE40223">
        <v>46</v>
      </c>
      <c r="AF40223">
        <v>46</v>
      </c>
      <c r="AG40223">
        <v>46</v>
      </c>
      <c r="AH40223">
        <v>47</v>
      </c>
      <c r="AI40223">
        <v>47</v>
      </c>
      <c r="AJ40223">
        <v>47</v>
      </c>
      <c r="AK40223">
        <v>48</v>
      </c>
      <c r="AL40223">
        <v>48</v>
      </c>
      <c r="AM40223">
        <v>49</v>
      </c>
      <c r="AN40223">
        <v>49</v>
      </c>
      <c r="AO40223">
        <v>49</v>
      </c>
      <c r="AP40223">
        <v>50</v>
      </c>
      <c r="AQ40223">
        <v>50</v>
      </c>
    </row>
    <row r="40224" spans="1:43">
      <c r="A40224" t="s">
        <v>24895</v>
      </c>
      <c r="B40224" t="s">
        <v>24896</v>
      </c>
      <c r="C40224" t="s">
        <v>12593</v>
      </c>
      <c r="D40224" t="s">
        <v>12594</v>
      </c>
      <c r="E40224" t="s">
        <v>12580</v>
      </c>
      <c r="F40224" t="s">
        <v>12581</v>
      </c>
      <c r="G40224" t="s">
        <v>12582</v>
      </c>
      <c r="H40224" t="s">
        <v>12581</v>
      </c>
      <c r="I40224" s="2">
        <v>1</v>
      </c>
      <c r="J40224" s="2">
        <v>0</v>
      </c>
      <c r="K40224" s="2">
        <v>0</v>
      </c>
      <c r="L40224" t="s">
        <v>120</v>
      </c>
      <c r="M40224" t="s">
        <v>89</v>
      </c>
      <c r="N40224" t="s">
        <v>90</v>
      </c>
      <c r="O40224" t="s">
        <v>85</v>
      </c>
      <c r="P40224" t="s">
        <v>86</v>
      </c>
      <c r="Q40224">
        <v>41</v>
      </c>
      <c r="R40224">
        <v>42</v>
      </c>
      <c r="S40224">
        <v>43</v>
      </c>
      <c r="T40224">
        <v>44</v>
      </c>
      <c r="U40224">
        <v>45</v>
      </c>
      <c r="V40224">
        <v>46</v>
      </c>
      <c r="W40224">
        <v>47</v>
      </c>
      <c r="X40224">
        <v>48</v>
      </c>
      <c r="Y40224">
        <v>49</v>
      </c>
      <c r="Z40224">
        <v>50</v>
      </c>
      <c r="AA40224">
        <v>51</v>
      </c>
      <c r="AB40224">
        <v>51</v>
      </c>
      <c r="AC40224">
        <v>52</v>
      </c>
      <c r="AD40224">
        <v>53</v>
      </c>
      <c r="AE40224">
        <v>54</v>
      </c>
      <c r="AF40224">
        <v>54</v>
      </c>
      <c r="AG40224">
        <v>54</v>
      </c>
      <c r="AH40224">
        <v>55</v>
      </c>
      <c r="AI40224">
        <v>55</v>
      </c>
      <c r="AJ40224">
        <v>55</v>
      </c>
      <c r="AK40224">
        <v>56</v>
      </c>
      <c r="AL40224">
        <v>56</v>
      </c>
      <c r="AM40224">
        <v>56</v>
      </c>
      <c r="AN40224">
        <v>56</v>
      </c>
      <c r="AO40224">
        <v>57</v>
      </c>
      <c r="AP40224">
        <v>57</v>
      </c>
      <c r="AQ40224">
        <v>57</v>
      </c>
    </row>
    <row r="40225" spans="1:43">
      <c r="A40225" t="s">
        <v>24895</v>
      </c>
      <c r="B40225" t="s">
        <v>24896</v>
      </c>
      <c r="C40225" t="s">
        <v>12593</v>
      </c>
      <c r="D40225" t="s">
        <v>12594</v>
      </c>
      <c r="E40225" t="s">
        <v>12580</v>
      </c>
      <c r="F40225" t="s">
        <v>12581</v>
      </c>
      <c r="G40225" t="s">
        <v>12582</v>
      </c>
      <c r="H40225" t="s">
        <v>12581</v>
      </c>
      <c r="I40225" s="2">
        <v>1</v>
      </c>
      <c r="J40225" s="2">
        <v>0</v>
      </c>
      <c r="K40225" s="2">
        <v>0</v>
      </c>
      <c r="L40225" t="s">
        <v>120</v>
      </c>
      <c r="M40225" t="s">
        <v>83</v>
      </c>
      <c r="N40225" t="s">
        <v>91</v>
      </c>
      <c r="O40225" t="s">
        <v>85</v>
      </c>
      <c r="P40225" t="s">
        <v>86</v>
      </c>
      <c r="Q40225">
        <v>41</v>
      </c>
      <c r="R40225">
        <v>42</v>
      </c>
      <c r="S40225">
        <v>43</v>
      </c>
      <c r="T40225">
        <v>44</v>
      </c>
      <c r="U40225">
        <v>44</v>
      </c>
      <c r="V40225">
        <v>45</v>
      </c>
      <c r="W40225">
        <v>46</v>
      </c>
      <c r="X40225">
        <v>46</v>
      </c>
      <c r="Y40225">
        <v>47</v>
      </c>
      <c r="Z40225">
        <v>48</v>
      </c>
      <c r="AA40225">
        <v>49</v>
      </c>
      <c r="AB40225">
        <v>49</v>
      </c>
      <c r="AC40225">
        <v>50</v>
      </c>
      <c r="AD40225">
        <v>51</v>
      </c>
      <c r="AE40225">
        <v>51</v>
      </c>
      <c r="AF40225">
        <v>52</v>
      </c>
      <c r="AG40225">
        <v>53</v>
      </c>
      <c r="AH40225">
        <v>53</v>
      </c>
      <c r="AI40225">
        <v>54</v>
      </c>
      <c r="AJ40225">
        <v>55</v>
      </c>
      <c r="AK40225">
        <v>56</v>
      </c>
      <c r="AL40225">
        <v>56</v>
      </c>
      <c r="AM40225">
        <v>56</v>
      </c>
      <c r="AN40225">
        <v>57</v>
      </c>
      <c r="AO40225">
        <v>57</v>
      </c>
      <c r="AP40225">
        <v>57</v>
      </c>
      <c r="AQ40225">
        <v>58</v>
      </c>
    </row>
    <row r="40226" spans="1:43">
      <c r="A40226" t="s">
        <v>24897</v>
      </c>
      <c r="B40226" t="s">
        <v>24898</v>
      </c>
      <c r="C40226" t="s">
        <v>12623</v>
      </c>
      <c r="D40226" t="s">
        <v>12624</v>
      </c>
      <c r="E40226" t="s">
        <v>12580</v>
      </c>
      <c r="F40226" t="s">
        <v>12581</v>
      </c>
      <c r="G40226" t="s">
        <v>12582</v>
      </c>
      <c r="H40226" t="s">
        <v>12581</v>
      </c>
      <c r="I40226" s="2">
        <v>1</v>
      </c>
      <c r="J40226" s="2">
        <v>0</v>
      </c>
      <c r="K40226" s="2">
        <v>0</v>
      </c>
      <c r="L40226" t="s">
        <v>120</v>
      </c>
      <c r="M40226" t="s">
        <v>83</v>
      </c>
      <c r="N40226" t="s">
        <v>84</v>
      </c>
      <c r="O40226" t="s">
        <v>85</v>
      </c>
      <c r="P40226" t="s">
        <v>86</v>
      </c>
      <c r="Q40226">
        <v>4</v>
      </c>
      <c r="R40226">
        <v>5</v>
      </c>
      <c r="S40226">
        <v>5</v>
      </c>
      <c r="T40226">
        <v>5</v>
      </c>
      <c r="U40226">
        <v>5</v>
      </c>
      <c r="V40226">
        <v>5</v>
      </c>
      <c r="W40226">
        <v>5</v>
      </c>
      <c r="X40226">
        <v>5</v>
      </c>
      <c r="Y40226">
        <v>5</v>
      </c>
      <c r="Z40226">
        <v>5</v>
      </c>
      <c r="AA40226">
        <v>5</v>
      </c>
      <c r="AB40226">
        <v>5</v>
      </c>
      <c r="AC40226">
        <v>5</v>
      </c>
      <c r="AD40226">
        <v>5</v>
      </c>
      <c r="AE40226">
        <v>6</v>
      </c>
      <c r="AF40226">
        <v>6</v>
      </c>
      <c r="AG40226">
        <v>6</v>
      </c>
      <c r="AH40226">
        <v>6</v>
      </c>
      <c r="AI40226">
        <v>6</v>
      </c>
      <c r="AJ40226">
        <v>6</v>
      </c>
      <c r="AK40226">
        <v>6</v>
      </c>
      <c r="AL40226">
        <v>6</v>
      </c>
      <c r="AM40226">
        <v>6</v>
      </c>
      <c r="AN40226">
        <v>6</v>
      </c>
      <c r="AO40226">
        <v>6</v>
      </c>
      <c r="AP40226">
        <v>6</v>
      </c>
      <c r="AQ40226">
        <v>6</v>
      </c>
    </row>
    <row r="40227" spans="1:43">
      <c r="A40227" t="s">
        <v>24897</v>
      </c>
      <c r="B40227" t="s">
        <v>24898</v>
      </c>
      <c r="C40227" t="s">
        <v>12623</v>
      </c>
      <c r="D40227" t="s">
        <v>12624</v>
      </c>
      <c r="E40227" t="s">
        <v>12580</v>
      </c>
      <c r="F40227" t="s">
        <v>12581</v>
      </c>
      <c r="G40227" t="s">
        <v>12582</v>
      </c>
      <c r="H40227" t="s">
        <v>12581</v>
      </c>
      <c r="I40227" s="2">
        <v>1</v>
      </c>
      <c r="J40227" s="2">
        <v>0</v>
      </c>
      <c r="K40227" s="2">
        <v>0</v>
      </c>
      <c r="L40227" t="s">
        <v>120</v>
      </c>
      <c r="M40227" t="s">
        <v>87</v>
      </c>
      <c r="N40227" t="s">
        <v>88</v>
      </c>
      <c r="O40227" t="s">
        <v>85</v>
      </c>
      <c r="P40227" t="s">
        <v>86</v>
      </c>
      <c r="Q40227">
        <v>4</v>
      </c>
      <c r="R40227">
        <v>4</v>
      </c>
      <c r="S40227">
        <v>5</v>
      </c>
      <c r="T40227">
        <v>5</v>
      </c>
      <c r="U40227">
        <v>5</v>
      </c>
      <c r="V40227">
        <v>5</v>
      </c>
      <c r="W40227">
        <v>5</v>
      </c>
      <c r="X40227">
        <v>5</v>
      </c>
      <c r="Y40227">
        <v>5</v>
      </c>
      <c r="Z40227">
        <v>5</v>
      </c>
      <c r="AA40227">
        <v>5</v>
      </c>
      <c r="AB40227">
        <v>5</v>
      </c>
      <c r="AC40227">
        <v>5</v>
      </c>
      <c r="AD40227">
        <v>5</v>
      </c>
      <c r="AE40227">
        <v>5</v>
      </c>
      <c r="AF40227">
        <v>5</v>
      </c>
      <c r="AG40227">
        <v>5</v>
      </c>
      <c r="AH40227">
        <v>5</v>
      </c>
      <c r="AI40227">
        <v>5</v>
      </c>
      <c r="AJ40227">
        <v>5</v>
      </c>
      <c r="AK40227">
        <v>5</v>
      </c>
      <c r="AL40227">
        <v>5</v>
      </c>
      <c r="AM40227">
        <v>5</v>
      </c>
      <c r="AN40227">
        <v>5</v>
      </c>
      <c r="AO40227">
        <v>5</v>
      </c>
      <c r="AP40227">
        <v>5</v>
      </c>
      <c r="AQ40227">
        <v>5</v>
      </c>
    </row>
    <row r="40228" spans="1:43">
      <c r="A40228" t="s">
        <v>24897</v>
      </c>
      <c r="B40228" t="s">
        <v>24898</v>
      </c>
      <c r="C40228" t="s">
        <v>12623</v>
      </c>
      <c r="D40228" t="s">
        <v>12624</v>
      </c>
      <c r="E40228" t="s">
        <v>12580</v>
      </c>
      <c r="F40228" t="s">
        <v>12581</v>
      </c>
      <c r="G40228" t="s">
        <v>12582</v>
      </c>
      <c r="H40228" t="s">
        <v>12581</v>
      </c>
      <c r="I40228" s="2">
        <v>1</v>
      </c>
      <c r="J40228" s="2">
        <v>0</v>
      </c>
      <c r="K40228" s="2">
        <v>0</v>
      </c>
      <c r="L40228" t="s">
        <v>120</v>
      </c>
      <c r="M40228" t="s">
        <v>89</v>
      </c>
      <c r="N40228" t="s">
        <v>90</v>
      </c>
      <c r="O40228" t="s">
        <v>85</v>
      </c>
      <c r="P40228" t="s">
        <v>86</v>
      </c>
      <c r="Q40228">
        <v>4</v>
      </c>
      <c r="R40228">
        <v>4</v>
      </c>
      <c r="S40228">
        <v>4</v>
      </c>
      <c r="T40228">
        <v>4</v>
      </c>
      <c r="U40228">
        <v>4</v>
      </c>
      <c r="V40228">
        <v>4</v>
      </c>
      <c r="W40228">
        <v>4</v>
      </c>
      <c r="X40228">
        <v>4</v>
      </c>
      <c r="Y40228">
        <v>4</v>
      </c>
      <c r="Z40228">
        <v>4</v>
      </c>
      <c r="AA40228">
        <v>5</v>
      </c>
      <c r="AB40228">
        <v>5</v>
      </c>
      <c r="AC40228">
        <v>5</v>
      </c>
      <c r="AD40228">
        <v>5</v>
      </c>
      <c r="AE40228">
        <v>5</v>
      </c>
      <c r="AF40228">
        <v>5</v>
      </c>
      <c r="AG40228">
        <v>5</v>
      </c>
      <c r="AH40228">
        <v>5</v>
      </c>
      <c r="AI40228">
        <v>5</v>
      </c>
      <c r="AJ40228">
        <v>5</v>
      </c>
      <c r="AK40228">
        <v>5</v>
      </c>
      <c r="AL40228">
        <v>5</v>
      </c>
      <c r="AM40228">
        <v>5</v>
      </c>
      <c r="AN40228">
        <v>5</v>
      </c>
      <c r="AO40228">
        <v>5</v>
      </c>
      <c r="AP40228">
        <v>5</v>
      </c>
      <c r="AQ40228">
        <v>5</v>
      </c>
    </row>
    <row r="40229" spans="1:43">
      <c r="A40229" t="s">
        <v>24897</v>
      </c>
      <c r="B40229" t="s">
        <v>24898</v>
      </c>
      <c r="C40229" t="s">
        <v>12623</v>
      </c>
      <c r="D40229" t="s">
        <v>12624</v>
      </c>
      <c r="E40229" t="s">
        <v>12580</v>
      </c>
      <c r="F40229" t="s">
        <v>12581</v>
      </c>
      <c r="G40229" t="s">
        <v>12582</v>
      </c>
      <c r="H40229" t="s">
        <v>12581</v>
      </c>
      <c r="I40229" s="2">
        <v>1</v>
      </c>
      <c r="J40229" s="2">
        <v>0</v>
      </c>
      <c r="K40229" s="2">
        <v>0</v>
      </c>
      <c r="L40229" t="s">
        <v>120</v>
      </c>
      <c r="M40229" t="s">
        <v>83</v>
      </c>
      <c r="N40229" t="s">
        <v>91</v>
      </c>
      <c r="O40229" t="s">
        <v>85</v>
      </c>
      <c r="P40229" t="s">
        <v>86</v>
      </c>
      <c r="Q40229">
        <v>4</v>
      </c>
      <c r="R40229">
        <v>5</v>
      </c>
      <c r="S40229">
        <v>5</v>
      </c>
      <c r="T40229">
        <v>5</v>
      </c>
      <c r="U40229">
        <v>5</v>
      </c>
      <c r="V40229">
        <v>5</v>
      </c>
      <c r="W40229">
        <v>5</v>
      </c>
      <c r="X40229">
        <v>5</v>
      </c>
      <c r="Y40229">
        <v>5</v>
      </c>
      <c r="Z40229">
        <v>5</v>
      </c>
      <c r="AA40229">
        <v>5</v>
      </c>
      <c r="AB40229">
        <v>5</v>
      </c>
      <c r="AC40229">
        <v>5</v>
      </c>
      <c r="AD40229">
        <v>5</v>
      </c>
      <c r="AE40229">
        <v>6</v>
      </c>
      <c r="AF40229">
        <v>6</v>
      </c>
      <c r="AG40229">
        <v>6</v>
      </c>
      <c r="AH40229">
        <v>6</v>
      </c>
      <c r="AI40229">
        <v>6</v>
      </c>
      <c r="AJ40229">
        <v>6</v>
      </c>
      <c r="AK40229">
        <v>6</v>
      </c>
      <c r="AL40229">
        <v>6</v>
      </c>
      <c r="AM40229">
        <v>6</v>
      </c>
      <c r="AN40229">
        <v>6</v>
      </c>
      <c r="AO40229">
        <v>6</v>
      </c>
      <c r="AP40229">
        <v>6</v>
      </c>
      <c r="AQ40229">
        <v>6</v>
      </c>
    </row>
    <row r="40230" spans="1:43">
      <c r="A40230" t="s">
        <v>24899</v>
      </c>
      <c r="B40230" t="s">
        <v>24900</v>
      </c>
      <c r="C40230" t="s">
        <v>12623</v>
      </c>
      <c r="D40230" t="s">
        <v>12624</v>
      </c>
      <c r="E40230" t="s">
        <v>12580</v>
      </c>
      <c r="F40230" t="s">
        <v>12581</v>
      </c>
      <c r="G40230" t="s">
        <v>12582</v>
      </c>
      <c r="H40230" t="s">
        <v>12581</v>
      </c>
      <c r="I40230" s="2">
        <v>1</v>
      </c>
      <c r="J40230" s="2">
        <v>0</v>
      </c>
      <c r="K40230" s="2">
        <v>0</v>
      </c>
      <c r="L40230" t="s">
        <v>120</v>
      </c>
      <c r="M40230" t="s">
        <v>83</v>
      </c>
      <c r="N40230" t="s">
        <v>84</v>
      </c>
      <c r="O40230" t="s">
        <v>85</v>
      </c>
      <c r="P40230" t="s">
        <v>86</v>
      </c>
      <c r="Q40230">
        <v>25</v>
      </c>
      <c r="R40230">
        <v>26</v>
      </c>
      <c r="S40230">
        <v>26</v>
      </c>
      <c r="T40230">
        <v>27</v>
      </c>
      <c r="U40230">
        <v>27</v>
      </c>
      <c r="V40230">
        <v>28</v>
      </c>
      <c r="W40230">
        <v>28</v>
      </c>
      <c r="X40230">
        <v>28</v>
      </c>
      <c r="Y40230">
        <v>29</v>
      </c>
      <c r="Z40230">
        <v>29</v>
      </c>
      <c r="AA40230">
        <v>30</v>
      </c>
      <c r="AB40230">
        <v>30</v>
      </c>
      <c r="AC40230">
        <v>30</v>
      </c>
      <c r="AD40230">
        <v>31</v>
      </c>
      <c r="AE40230">
        <v>31</v>
      </c>
      <c r="AF40230">
        <v>32</v>
      </c>
      <c r="AG40230">
        <v>32</v>
      </c>
      <c r="AH40230">
        <v>32</v>
      </c>
      <c r="AI40230">
        <v>33</v>
      </c>
      <c r="AJ40230">
        <v>33</v>
      </c>
      <c r="AK40230">
        <v>34</v>
      </c>
      <c r="AL40230">
        <v>34</v>
      </c>
      <c r="AM40230">
        <v>34</v>
      </c>
      <c r="AN40230">
        <v>34</v>
      </c>
      <c r="AO40230">
        <v>34</v>
      </c>
      <c r="AP40230">
        <v>34</v>
      </c>
      <c r="AQ40230">
        <v>35</v>
      </c>
    </row>
    <row r="40231" spans="1:43">
      <c r="A40231" t="s">
        <v>24899</v>
      </c>
      <c r="B40231" t="s">
        <v>24900</v>
      </c>
      <c r="C40231" t="s">
        <v>12623</v>
      </c>
      <c r="D40231" t="s">
        <v>12624</v>
      </c>
      <c r="E40231" t="s">
        <v>12580</v>
      </c>
      <c r="F40231" t="s">
        <v>12581</v>
      </c>
      <c r="G40231" t="s">
        <v>12582</v>
      </c>
      <c r="H40231" t="s">
        <v>12581</v>
      </c>
      <c r="I40231" s="2">
        <v>1</v>
      </c>
      <c r="J40231" s="2">
        <v>0</v>
      </c>
      <c r="K40231" s="2">
        <v>0</v>
      </c>
      <c r="L40231" t="s">
        <v>120</v>
      </c>
      <c r="M40231" t="s">
        <v>87</v>
      </c>
      <c r="N40231" t="s">
        <v>88</v>
      </c>
      <c r="O40231" t="s">
        <v>85</v>
      </c>
      <c r="P40231" t="s">
        <v>86</v>
      </c>
      <c r="Q40231">
        <v>25</v>
      </c>
      <c r="R40231">
        <v>25</v>
      </c>
      <c r="S40231">
        <v>26</v>
      </c>
      <c r="T40231">
        <v>26</v>
      </c>
      <c r="U40231">
        <v>26</v>
      </c>
      <c r="V40231">
        <v>26</v>
      </c>
      <c r="W40231">
        <v>26</v>
      </c>
      <c r="X40231">
        <v>26</v>
      </c>
      <c r="Y40231">
        <v>27</v>
      </c>
      <c r="Z40231">
        <v>27</v>
      </c>
      <c r="AA40231">
        <v>27</v>
      </c>
      <c r="AB40231">
        <v>27</v>
      </c>
      <c r="AC40231">
        <v>27</v>
      </c>
      <c r="AD40231">
        <v>28</v>
      </c>
      <c r="AE40231">
        <v>28</v>
      </c>
      <c r="AF40231">
        <v>28</v>
      </c>
      <c r="AG40231">
        <v>28</v>
      </c>
      <c r="AH40231">
        <v>28</v>
      </c>
      <c r="AI40231">
        <v>29</v>
      </c>
      <c r="AJ40231">
        <v>29</v>
      </c>
      <c r="AK40231">
        <v>29</v>
      </c>
      <c r="AL40231">
        <v>29</v>
      </c>
      <c r="AM40231">
        <v>30</v>
      </c>
      <c r="AN40231">
        <v>30</v>
      </c>
      <c r="AO40231">
        <v>30</v>
      </c>
      <c r="AP40231">
        <v>30</v>
      </c>
      <c r="AQ40231">
        <v>30</v>
      </c>
    </row>
    <row r="40232" spans="1:43">
      <c r="A40232" t="s">
        <v>24899</v>
      </c>
      <c r="B40232" t="s">
        <v>24900</v>
      </c>
      <c r="C40232" t="s">
        <v>12623</v>
      </c>
      <c r="D40232" t="s">
        <v>12624</v>
      </c>
      <c r="E40232" t="s">
        <v>12580</v>
      </c>
      <c r="F40232" t="s">
        <v>12581</v>
      </c>
      <c r="G40232" t="s">
        <v>12582</v>
      </c>
      <c r="H40232" t="s">
        <v>12581</v>
      </c>
      <c r="I40232" s="2">
        <v>1</v>
      </c>
      <c r="J40232" s="2">
        <v>0</v>
      </c>
      <c r="K40232" s="2">
        <v>0</v>
      </c>
      <c r="L40232" t="s">
        <v>120</v>
      </c>
      <c r="M40232" t="s">
        <v>89</v>
      </c>
      <c r="N40232" t="s">
        <v>90</v>
      </c>
      <c r="O40232" t="s">
        <v>85</v>
      </c>
      <c r="P40232" t="s">
        <v>86</v>
      </c>
      <c r="Q40232">
        <v>25</v>
      </c>
      <c r="R40232">
        <v>25</v>
      </c>
      <c r="S40232">
        <v>26</v>
      </c>
      <c r="T40232">
        <v>27</v>
      </c>
      <c r="U40232">
        <v>27</v>
      </c>
      <c r="V40232">
        <v>28</v>
      </c>
      <c r="W40232">
        <v>28</v>
      </c>
      <c r="X40232">
        <v>29</v>
      </c>
      <c r="Y40232">
        <v>29</v>
      </c>
      <c r="Z40232">
        <v>30</v>
      </c>
      <c r="AA40232">
        <v>30</v>
      </c>
      <c r="AB40232">
        <v>31</v>
      </c>
      <c r="AC40232">
        <v>31</v>
      </c>
      <c r="AD40232">
        <v>32</v>
      </c>
      <c r="AE40232">
        <v>32</v>
      </c>
      <c r="AF40232">
        <v>32</v>
      </c>
      <c r="AG40232">
        <v>33</v>
      </c>
      <c r="AH40232">
        <v>33</v>
      </c>
      <c r="AI40232">
        <v>33</v>
      </c>
      <c r="AJ40232">
        <v>33</v>
      </c>
      <c r="AK40232">
        <v>33</v>
      </c>
      <c r="AL40232">
        <v>33</v>
      </c>
      <c r="AM40232">
        <v>33</v>
      </c>
      <c r="AN40232">
        <v>33</v>
      </c>
      <c r="AO40232">
        <v>34</v>
      </c>
      <c r="AP40232">
        <v>34</v>
      </c>
      <c r="AQ40232">
        <v>34</v>
      </c>
    </row>
    <row r="40233" spans="1:43">
      <c r="A40233" t="s">
        <v>24899</v>
      </c>
      <c r="B40233" t="s">
        <v>24900</v>
      </c>
      <c r="C40233" t="s">
        <v>12623</v>
      </c>
      <c r="D40233" t="s">
        <v>12624</v>
      </c>
      <c r="E40233" t="s">
        <v>12580</v>
      </c>
      <c r="F40233" t="s">
        <v>12581</v>
      </c>
      <c r="G40233" t="s">
        <v>12582</v>
      </c>
      <c r="H40233" t="s">
        <v>12581</v>
      </c>
      <c r="I40233" s="2">
        <v>1</v>
      </c>
      <c r="J40233" s="2">
        <v>0</v>
      </c>
      <c r="K40233" s="2">
        <v>0</v>
      </c>
      <c r="L40233" t="s">
        <v>120</v>
      </c>
      <c r="M40233" t="s">
        <v>83</v>
      </c>
      <c r="N40233" t="s">
        <v>91</v>
      </c>
      <c r="O40233" t="s">
        <v>85</v>
      </c>
      <c r="P40233" t="s">
        <v>86</v>
      </c>
      <c r="Q40233">
        <v>25</v>
      </c>
      <c r="R40233">
        <v>26</v>
      </c>
      <c r="S40233">
        <v>26</v>
      </c>
      <c r="T40233">
        <v>27</v>
      </c>
      <c r="U40233">
        <v>27</v>
      </c>
      <c r="V40233">
        <v>28</v>
      </c>
      <c r="W40233">
        <v>28</v>
      </c>
      <c r="X40233">
        <v>28</v>
      </c>
      <c r="Y40233">
        <v>29</v>
      </c>
      <c r="Z40233">
        <v>29</v>
      </c>
      <c r="AA40233">
        <v>30</v>
      </c>
      <c r="AB40233">
        <v>30</v>
      </c>
      <c r="AC40233">
        <v>30</v>
      </c>
      <c r="AD40233">
        <v>31</v>
      </c>
      <c r="AE40233">
        <v>31</v>
      </c>
      <c r="AF40233">
        <v>32</v>
      </c>
      <c r="AG40233">
        <v>32</v>
      </c>
      <c r="AH40233">
        <v>32</v>
      </c>
      <c r="AI40233">
        <v>33</v>
      </c>
      <c r="AJ40233">
        <v>33</v>
      </c>
      <c r="AK40233">
        <v>34</v>
      </c>
      <c r="AL40233">
        <v>34</v>
      </c>
      <c r="AM40233">
        <v>34</v>
      </c>
      <c r="AN40233">
        <v>34</v>
      </c>
      <c r="AO40233">
        <v>34</v>
      </c>
      <c r="AP40233">
        <v>34</v>
      </c>
      <c r="AQ40233">
        <v>35</v>
      </c>
    </row>
    <row r="40234" spans="1:43">
      <c r="A40234" t="s">
        <v>24901</v>
      </c>
      <c r="B40234" t="s">
        <v>24902</v>
      </c>
      <c r="C40234" t="s">
        <v>12721</v>
      </c>
      <c r="D40234" t="s">
        <v>12722</v>
      </c>
      <c r="E40234" t="s">
        <v>12580</v>
      </c>
      <c r="F40234" t="s">
        <v>12581</v>
      </c>
      <c r="G40234" t="s">
        <v>12582</v>
      </c>
      <c r="H40234" t="s">
        <v>12581</v>
      </c>
      <c r="I40234" s="2">
        <v>0.99</v>
      </c>
      <c r="J40234" s="2">
        <v>0</v>
      </c>
      <c r="K40234" s="2">
        <v>0</v>
      </c>
      <c r="L40234" t="s">
        <v>120</v>
      </c>
      <c r="M40234" t="s">
        <v>83</v>
      </c>
      <c r="N40234" t="s">
        <v>84</v>
      </c>
      <c r="O40234" t="s">
        <v>85</v>
      </c>
      <c r="P40234" t="s">
        <v>86</v>
      </c>
      <c r="Q40234">
        <v>29</v>
      </c>
      <c r="R40234">
        <v>29</v>
      </c>
      <c r="S40234">
        <v>30</v>
      </c>
      <c r="T40234">
        <v>30</v>
      </c>
      <c r="U40234">
        <v>30</v>
      </c>
      <c r="V40234">
        <v>31</v>
      </c>
      <c r="W40234">
        <v>31</v>
      </c>
      <c r="X40234">
        <v>32</v>
      </c>
      <c r="Y40234">
        <v>32</v>
      </c>
      <c r="Z40234">
        <v>32</v>
      </c>
      <c r="AA40234">
        <v>33</v>
      </c>
      <c r="AB40234">
        <v>33</v>
      </c>
      <c r="AC40234">
        <v>33</v>
      </c>
      <c r="AD40234">
        <v>34</v>
      </c>
      <c r="AE40234">
        <v>34</v>
      </c>
      <c r="AF40234">
        <v>35</v>
      </c>
      <c r="AG40234">
        <v>35</v>
      </c>
      <c r="AH40234">
        <v>35</v>
      </c>
      <c r="AI40234">
        <v>36</v>
      </c>
      <c r="AJ40234">
        <v>36</v>
      </c>
      <c r="AK40234">
        <v>36</v>
      </c>
      <c r="AL40234">
        <v>37</v>
      </c>
      <c r="AM40234">
        <v>37</v>
      </c>
      <c r="AN40234">
        <v>37</v>
      </c>
      <c r="AO40234">
        <v>37</v>
      </c>
      <c r="AP40234">
        <v>37</v>
      </c>
      <c r="AQ40234">
        <v>37</v>
      </c>
    </row>
    <row r="40235" spans="1:43">
      <c r="A40235" t="s">
        <v>24901</v>
      </c>
      <c r="B40235" t="s">
        <v>24902</v>
      </c>
      <c r="C40235" t="s">
        <v>12721</v>
      </c>
      <c r="D40235" t="s">
        <v>12722</v>
      </c>
      <c r="E40235" t="s">
        <v>12580</v>
      </c>
      <c r="F40235" t="s">
        <v>12581</v>
      </c>
      <c r="G40235" t="s">
        <v>12582</v>
      </c>
      <c r="H40235" t="s">
        <v>12581</v>
      </c>
      <c r="I40235" s="2">
        <v>0.99</v>
      </c>
      <c r="J40235" s="2">
        <v>0</v>
      </c>
      <c r="K40235" s="2">
        <v>0</v>
      </c>
      <c r="L40235" t="s">
        <v>120</v>
      </c>
      <c r="M40235" t="s">
        <v>87</v>
      </c>
      <c r="N40235" t="s">
        <v>88</v>
      </c>
      <c r="O40235" t="s">
        <v>85</v>
      </c>
      <c r="P40235" t="s">
        <v>86</v>
      </c>
      <c r="Q40235">
        <v>29</v>
      </c>
      <c r="R40235">
        <v>29</v>
      </c>
      <c r="S40235">
        <v>29</v>
      </c>
      <c r="T40235">
        <v>29</v>
      </c>
      <c r="U40235">
        <v>29</v>
      </c>
      <c r="V40235">
        <v>29</v>
      </c>
      <c r="W40235">
        <v>29</v>
      </c>
      <c r="X40235">
        <v>29</v>
      </c>
      <c r="Y40235">
        <v>30</v>
      </c>
      <c r="Z40235">
        <v>30</v>
      </c>
      <c r="AA40235">
        <v>30</v>
      </c>
      <c r="AB40235">
        <v>30</v>
      </c>
      <c r="AC40235">
        <v>30</v>
      </c>
      <c r="AD40235">
        <v>30</v>
      </c>
      <c r="AE40235">
        <v>30</v>
      </c>
      <c r="AF40235">
        <v>30</v>
      </c>
      <c r="AG40235">
        <v>31</v>
      </c>
      <c r="AH40235">
        <v>31</v>
      </c>
      <c r="AI40235">
        <v>31</v>
      </c>
      <c r="AJ40235">
        <v>31</v>
      </c>
      <c r="AK40235">
        <v>31</v>
      </c>
      <c r="AL40235">
        <v>31</v>
      </c>
      <c r="AM40235">
        <v>31</v>
      </c>
      <c r="AN40235">
        <v>31</v>
      </c>
      <c r="AO40235">
        <v>32</v>
      </c>
      <c r="AP40235">
        <v>32</v>
      </c>
      <c r="AQ40235">
        <v>32</v>
      </c>
    </row>
    <row r="40236" spans="1:43">
      <c r="A40236" t="s">
        <v>24901</v>
      </c>
      <c r="B40236" t="s">
        <v>24902</v>
      </c>
      <c r="C40236" t="s">
        <v>12721</v>
      </c>
      <c r="D40236" t="s">
        <v>12722</v>
      </c>
      <c r="E40236" t="s">
        <v>12580</v>
      </c>
      <c r="F40236" t="s">
        <v>12581</v>
      </c>
      <c r="G40236" t="s">
        <v>12582</v>
      </c>
      <c r="H40236" t="s">
        <v>12581</v>
      </c>
      <c r="I40236" s="2">
        <v>0.99</v>
      </c>
      <c r="J40236" s="2">
        <v>0</v>
      </c>
      <c r="K40236" s="2">
        <v>0</v>
      </c>
      <c r="L40236" t="s">
        <v>120</v>
      </c>
      <c r="M40236" t="s">
        <v>89</v>
      </c>
      <c r="N40236" t="s">
        <v>90</v>
      </c>
      <c r="O40236" t="s">
        <v>85</v>
      </c>
      <c r="P40236" t="s">
        <v>86</v>
      </c>
      <c r="Q40236">
        <v>29</v>
      </c>
      <c r="R40236">
        <v>30</v>
      </c>
      <c r="S40236">
        <v>30</v>
      </c>
      <c r="T40236">
        <v>31</v>
      </c>
      <c r="U40236">
        <v>32</v>
      </c>
      <c r="V40236">
        <v>32</v>
      </c>
      <c r="W40236">
        <v>33</v>
      </c>
      <c r="X40236">
        <v>33</v>
      </c>
      <c r="Y40236">
        <v>34</v>
      </c>
      <c r="Z40236">
        <v>34</v>
      </c>
      <c r="AA40236">
        <v>35</v>
      </c>
      <c r="AB40236">
        <v>35</v>
      </c>
      <c r="AC40236">
        <v>36</v>
      </c>
      <c r="AD40236">
        <v>36</v>
      </c>
      <c r="AE40236">
        <v>37</v>
      </c>
      <c r="AF40236">
        <v>37</v>
      </c>
      <c r="AG40236">
        <v>37</v>
      </c>
      <c r="AH40236">
        <v>37</v>
      </c>
      <c r="AI40236">
        <v>37</v>
      </c>
      <c r="AJ40236">
        <v>37</v>
      </c>
      <c r="AK40236">
        <v>37</v>
      </c>
      <c r="AL40236">
        <v>37</v>
      </c>
      <c r="AM40236">
        <v>37</v>
      </c>
      <c r="AN40236">
        <v>37</v>
      </c>
      <c r="AO40236">
        <v>37</v>
      </c>
      <c r="AP40236">
        <v>37</v>
      </c>
      <c r="AQ40236">
        <v>37</v>
      </c>
    </row>
    <row r="40237" spans="1:43">
      <c r="A40237" t="s">
        <v>24901</v>
      </c>
      <c r="B40237" t="s">
        <v>24902</v>
      </c>
      <c r="C40237" t="s">
        <v>12721</v>
      </c>
      <c r="D40237" t="s">
        <v>12722</v>
      </c>
      <c r="E40237" t="s">
        <v>12580</v>
      </c>
      <c r="F40237" t="s">
        <v>12581</v>
      </c>
      <c r="G40237" t="s">
        <v>12582</v>
      </c>
      <c r="H40237" t="s">
        <v>12581</v>
      </c>
      <c r="I40237" s="2">
        <v>0.99</v>
      </c>
      <c r="J40237" s="2">
        <v>0</v>
      </c>
      <c r="K40237" s="2">
        <v>0</v>
      </c>
      <c r="L40237" t="s">
        <v>120</v>
      </c>
      <c r="M40237" t="s">
        <v>83</v>
      </c>
      <c r="N40237" t="s">
        <v>91</v>
      </c>
      <c r="O40237" t="s">
        <v>85</v>
      </c>
      <c r="P40237" t="s">
        <v>86</v>
      </c>
      <c r="Q40237">
        <v>29</v>
      </c>
      <c r="R40237">
        <v>29</v>
      </c>
      <c r="S40237">
        <v>30</v>
      </c>
      <c r="T40237">
        <v>30</v>
      </c>
      <c r="U40237">
        <v>30</v>
      </c>
      <c r="V40237">
        <v>31</v>
      </c>
      <c r="W40237">
        <v>31</v>
      </c>
      <c r="X40237">
        <v>32</v>
      </c>
      <c r="Y40237">
        <v>32</v>
      </c>
      <c r="Z40237">
        <v>32</v>
      </c>
      <c r="AA40237">
        <v>33</v>
      </c>
      <c r="AB40237">
        <v>33</v>
      </c>
      <c r="AC40237">
        <v>33</v>
      </c>
      <c r="AD40237">
        <v>34</v>
      </c>
      <c r="AE40237">
        <v>34</v>
      </c>
      <c r="AF40237">
        <v>35</v>
      </c>
      <c r="AG40237">
        <v>35</v>
      </c>
      <c r="AH40237">
        <v>35</v>
      </c>
      <c r="AI40237">
        <v>36</v>
      </c>
      <c r="AJ40237">
        <v>36</v>
      </c>
      <c r="AK40237">
        <v>36</v>
      </c>
      <c r="AL40237">
        <v>37</v>
      </c>
      <c r="AM40237">
        <v>37</v>
      </c>
      <c r="AN40237">
        <v>37</v>
      </c>
      <c r="AO40237">
        <v>37</v>
      </c>
      <c r="AP40237">
        <v>37</v>
      </c>
      <c r="AQ40237">
        <v>37</v>
      </c>
    </row>
    <row r="40238" spans="1:43">
      <c r="A40238" t="s">
        <v>24903</v>
      </c>
      <c r="B40238" t="s">
        <v>24904</v>
      </c>
      <c r="C40238" t="s">
        <v>12593</v>
      </c>
      <c r="D40238" t="s">
        <v>12594</v>
      </c>
      <c r="E40238" t="s">
        <v>12580</v>
      </c>
      <c r="F40238" t="s">
        <v>12581</v>
      </c>
      <c r="G40238" t="s">
        <v>12582</v>
      </c>
      <c r="H40238" t="s">
        <v>12581</v>
      </c>
      <c r="I40238" s="2">
        <v>1</v>
      </c>
      <c r="J40238" s="2">
        <v>0</v>
      </c>
      <c r="K40238" s="2">
        <v>0</v>
      </c>
      <c r="L40238" t="s">
        <v>120</v>
      </c>
      <c r="M40238" t="s">
        <v>83</v>
      </c>
      <c r="N40238" t="s">
        <v>84</v>
      </c>
      <c r="O40238" t="s">
        <v>85</v>
      </c>
      <c r="P40238" t="s">
        <v>86</v>
      </c>
      <c r="Q40238">
        <v>177</v>
      </c>
      <c r="R40238">
        <v>180</v>
      </c>
      <c r="S40238">
        <v>183</v>
      </c>
      <c r="T40238">
        <v>186</v>
      </c>
      <c r="U40238">
        <v>189</v>
      </c>
      <c r="V40238">
        <v>192</v>
      </c>
      <c r="W40238">
        <v>196</v>
      </c>
      <c r="X40238">
        <v>199</v>
      </c>
      <c r="Y40238">
        <v>202</v>
      </c>
      <c r="Z40238">
        <v>205</v>
      </c>
      <c r="AA40238">
        <v>208</v>
      </c>
      <c r="AB40238">
        <v>211</v>
      </c>
      <c r="AC40238">
        <v>214</v>
      </c>
      <c r="AD40238">
        <v>217</v>
      </c>
      <c r="AE40238">
        <v>220</v>
      </c>
      <c r="AF40238">
        <v>223</v>
      </c>
      <c r="AG40238">
        <v>226</v>
      </c>
      <c r="AH40238">
        <v>229</v>
      </c>
      <c r="AI40238">
        <v>233</v>
      </c>
      <c r="AJ40238">
        <v>236</v>
      </c>
      <c r="AK40238">
        <v>239</v>
      </c>
      <c r="AL40238">
        <v>241</v>
      </c>
      <c r="AM40238">
        <v>242</v>
      </c>
      <c r="AN40238">
        <v>244</v>
      </c>
      <c r="AO40238">
        <v>245</v>
      </c>
      <c r="AP40238">
        <v>247</v>
      </c>
      <c r="AQ40238">
        <v>248</v>
      </c>
    </row>
    <row r="40239" spans="1:43">
      <c r="A40239" t="s">
        <v>24903</v>
      </c>
      <c r="B40239" t="s">
        <v>24904</v>
      </c>
      <c r="C40239" t="s">
        <v>12593</v>
      </c>
      <c r="D40239" t="s">
        <v>12594</v>
      </c>
      <c r="E40239" t="s">
        <v>12580</v>
      </c>
      <c r="F40239" t="s">
        <v>12581</v>
      </c>
      <c r="G40239" t="s">
        <v>12582</v>
      </c>
      <c r="H40239" t="s">
        <v>12581</v>
      </c>
      <c r="I40239" s="2">
        <v>1</v>
      </c>
      <c r="J40239" s="2">
        <v>0</v>
      </c>
      <c r="K40239" s="2">
        <v>0</v>
      </c>
      <c r="L40239" t="s">
        <v>120</v>
      </c>
      <c r="M40239" t="s">
        <v>87</v>
      </c>
      <c r="N40239" t="s">
        <v>88</v>
      </c>
      <c r="O40239" t="s">
        <v>85</v>
      </c>
      <c r="P40239" t="s">
        <v>86</v>
      </c>
      <c r="Q40239">
        <v>177</v>
      </c>
      <c r="R40239">
        <v>179</v>
      </c>
      <c r="S40239">
        <v>180</v>
      </c>
      <c r="T40239">
        <v>181</v>
      </c>
      <c r="U40239">
        <v>183</v>
      </c>
      <c r="V40239">
        <v>184</v>
      </c>
      <c r="W40239">
        <v>186</v>
      </c>
      <c r="X40239">
        <v>187</v>
      </c>
      <c r="Y40239">
        <v>189</v>
      </c>
      <c r="Z40239">
        <v>190</v>
      </c>
      <c r="AA40239">
        <v>192</v>
      </c>
      <c r="AB40239">
        <v>193</v>
      </c>
      <c r="AC40239">
        <v>195</v>
      </c>
      <c r="AD40239">
        <v>196</v>
      </c>
      <c r="AE40239">
        <v>198</v>
      </c>
      <c r="AF40239">
        <v>199</v>
      </c>
      <c r="AG40239">
        <v>201</v>
      </c>
      <c r="AH40239">
        <v>202</v>
      </c>
      <c r="AI40239">
        <v>204</v>
      </c>
      <c r="AJ40239">
        <v>206</v>
      </c>
      <c r="AK40239">
        <v>207</v>
      </c>
      <c r="AL40239">
        <v>209</v>
      </c>
      <c r="AM40239">
        <v>211</v>
      </c>
      <c r="AN40239">
        <v>212</v>
      </c>
      <c r="AO40239">
        <v>214</v>
      </c>
      <c r="AP40239">
        <v>216</v>
      </c>
      <c r="AQ40239">
        <v>218</v>
      </c>
    </row>
    <row r="40240" spans="1:43">
      <c r="A40240" t="s">
        <v>24903</v>
      </c>
      <c r="B40240" t="s">
        <v>24904</v>
      </c>
      <c r="C40240" t="s">
        <v>12593</v>
      </c>
      <c r="D40240" t="s">
        <v>12594</v>
      </c>
      <c r="E40240" t="s">
        <v>12580</v>
      </c>
      <c r="F40240" t="s">
        <v>12581</v>
      </c>
      <c r="G40240" t="s">
        <v>12582</v>
      </c>
      <c r="H40240" t="s">
        <v>12581</v>
      </c>
      <c r="I40240" s="2">
        <v>1</v>
      </c>
      <c r="J40240" s="2">
        <v>0</v>
      </c>
      <c r="K40240" s="2">
        <v>0</v>
      </c>
      <c r="L40240" t="s">
        <v>120</v>
      </c>
      <c r="M40240" t="s">
        <v>89</v>
      </c>
      <c r="N40240" t="s">
        <v>90</v>
      </c>
      <c r="O40240" t="s">
        <v>85</v>
      </c>
      <c r="P40240" t="s">
        <v>86</v>
      </c>
      <c r="Q40240">
        <v>177</v>
      </c>
      <c r="R40240">
        <v>181</v>
      </c>
      <c r="S40240">
        <v>186</v>
      </c>
      <c r="T40240">
        <v>190</v>
      </c>
      <c r="U40240">
        <v>195</v>
      </c>
      <c r="V40240">
        <v>199</v>
      </c>
      <c r="W40240">
        <v>203</v>
      </c>
      <c r="X40240">
        <v>207</v>
      </c>
      <c r="Y40240">
        <v>211</v>
      </c>
      <c r="Z40240">
        <v>215</v>
      </c>
      <c r="AA40240">
        <v>219</v>
      </c>
      <c r="AB40240">
        <v>222</v>
      </c>
      <c r="AC40240">
        <v>226</v>
      </c>
      <c r="AD40240">
        <v>230</v>
      </c>
      <c r="AE40240">
        <v>233</v>
      </c>
      <c r="AF40240">
        <v>234</v>
      </c>
      <c r="AG40240">
        <v>236</v>
      </c>
      <c r="AH40240">
        <v>237</v>
      </c>
      <c r="AI40240">
        <v>238</v>
      </c>
      <c r="AJ40240">
        <v>240</v>
      </c>
      <c r="AK40240">
        <v>241</v>
      </c>
      <c r="AL40240">
        <v>242</v>
      </c>
      <c r="AM40240">
        <v>244</v>
      </c>
      <c r="AN40240">
        <v>245</v>
      </c>
      <c r="AO40240">
        <v>247</v>
      </c>
      <c r="AP40240">
        <v>248</v>
      </c>
      <c r="AQ40240">
        <v>249</v>
      </c>
    </row>
    <row r="40241" spans="1:43">
      <c r="A40241" t="s">
        <v>24903</v>
      </c>
      <c r="B40241" t="s">
        <v>24904</v>
      </c>
      <c r="C40241" t="s">
        <v>12593</v>
      </c>
      <c r="D40241" t="s">
        <v>12594</v>
      </c>
      <c r="E40241" t="s">
        <v>12580</v>
      </c>
      <c r="F40241" t="s">
        <v>12581</v>
      </c>
      <c r="G40241" t="s">
        <v>12582</v>
      </c>
      <c r="H40241" t="s">
        <v>12581</v>
      </c>
      <c r="I40241" s="2">
        <v>1</v>
      </c>
      <c r="J40241" s="2">
        <v>0</v>
      </c>
      <c r="K40241" s="2">
        <v>0</v>
      </c>
      <c r="L40241" t="s">
        <v>120</v>
      </c>
      <c r="M40241" t="s">
        <v>83</v>
      </c>
      <c r="N40241" t="s">
        <v>91</v>
      </c>
      <c r="O40241" t="s">
        <v>85</v>
      </c>
      <c r="P40241" t="s">
        <v>86</v>
      </c>
      <c r="Q40241">
        <v>177</v>
      </c>
      <c r="R40241">
        <v>180</v>
      </c>
      <c r="S40241">
        <v>183</v>
      </c>
      <c r="T40241">
        <v>186</v>
      </c>
      <c r="U40241">
        <v>189</v>
      </c>
      <c r="V40241">
        <v>192</v>
      </c>
      <c r="W40241">
        <v>196</v>
      </c>
      <c r="X40241">
        <v>199</v>
      </c>
      <c r="Y40241">
        <v>202</v>
      </c>
      <c r="Z40241">
        <v>205</v>
      </c>
      <c r="AA40241">
        <v>208</v>
      </c>
      <c r="AB40241">
        <v>211</v>
      </c>
      <c r="AC40241">
        <v>214</v>
      </c>
      <c r="AD40241">
        <v>217</v>
      </c>
      <c r="AE40241">
        <v>220</v>
      </c>
      <c r="AF40241">
        <v>223</v>
      </c>
      <c r="AG40241">
        <v>226</v>
      </c>
      <c r="AH40241">
        <v>229</v>
      </c>
      <c r="AI40241">
        <v>233</v>
      </c>
      <c r="AJ40241">
        <v>236</v>
      </c>
      <c r="AK40241">
        <v>239</v>
      </c>
      <c r="AL40241">
        <v>241</v>
      </c>
      <c r="AM40241">
        <v>242</v>
      </c>
      <c r="AN40241">
        <v>244</v>
      </c>
      <c r="AO40241">
        <v>245</v>
      </c>
      <c r="AP40241">
        <v>247</v>
      </c>
      <c r="AQ40241">
        <v>248</v>
      </c>
    </row>
    <row r="40242" spans="1:43">
      <c r="A40242" t="s">
        <v>24905</v>
      </c>
      <c r="B40242" t="s">
        <v>24906</v>
      </c>
      <c r="C40242" t="s">
        <v>12623</v>
      </c>
      <c r="D40242" t="s">
        <v>12624</v>
      </c>
      <c r="E40242" t="s">
        <v>12580</v>
      </c>
      <c r="F40242" t="s">
        <v>12581</v>
      </c>
      <c r="G40242" t="s">
        <v>12582</v>
      </c>
      <c r="H40242" t="s">
        <v>12581</v>
      </c>
      <c r="I40242" s="2">
        <v>1</v>
      </c>
      <c r="J40242" s="2">
        <v>0</v>
      </c>
      <c r="K40242" s="2">
        <v>0</v>
      </c>
      <c r="L40242" t="s">
        <v>120</v>
      </c>
      <c r="M40242" t="s">
        <v>83</v>
      </c>
      <c r="N40242" t="s">
        <v>84</v>
      </c>
      <c r="O40242" t="s">
        <v>85</v>
      </c>
      <c r="P40242" t="s">
        <v>86</v>
      </c>
      <c r="Q40242">
        <v>9</v>
      </c>
      <c r="R40242">
        <v>9</v>
      </c>
      <c r="S40242">
        <v>9</v>
      </c>
      <c r="T40242">
        <v>9</v>
      </c>
      <c r="U40242">
        <v>10</v>
      </c>
      <c r="V40242">
        <v>10</v>
      </c>
      <c r="W40242">
        <v>10</v>
      </c>
      <c r="X40242">
        <v>10</v>
      </c>
      <c r="Y40242">
        <v>10</v>
      </c>
      <c r="Z40242">
        <v>10</v>
      </c>
      <c r="AA40242">
        <v>10</v>
      </c>
      <c r="AB40242">
        <v>11</v>
      </c>
      <c r="AC40242">
        <v>11</v>
      </c>
      <c r="AD40242">
        <v>11</v>
      </c>
      <c r="AE40242">
        <v>11</v>
      </c>
      <c r="AF40242">
        <v>11</v>
      </c>
      <c r="AG40242">
        <v>11</v>
      </c>
      <c r="AH40242">
        <v>11</v>
      </c>
      <c r="AI40242">
        <v>12</v>
      </c>
      <c r="AJ40242">
        <v>12</v>
      </c>
      <c r="AK40242">
        <v>12</v>
      </c>
      <c r="AL40242">
        <v>12</v>
      </c>
      <c r="AM40242">
        <v>12</v>
      </c>
      <c r="AN40242">
        <v>12</v>
      </c>
      <c r="AO40242">
        <v>12</v>
      </c>
      <c r="AP40242">
        <v>12</v>
      </c>
      <c r="AQ40242">
        <v>12</v>
      </c>
    </row>
    <row r="40243" spans="1:43">
      <c r="A40243" t="s">
        <v>24905</v>
      </c>
      <c r="B40243" t="s">
        <v>24906</v>
      </c>
      <c r="C40243" t="s">
        <v>12623</v>
      </c>
      <c r="D40243" t="s">
        <v>12624</v>
      </c>
      <c r="E40243" t="s">
        <v>12580</v>
      </c>
      <c r="F40243" t="s">
        <v>12581</v>
      </c>
      <c r="G40243" t="s">
        <v>12582</v>
      </c>
      <c r="H40243" t="s">
        <v>12581</v>
      </c>
      <c r="I40243" s="2">
        <v>1</v>
      </c>
      <c r="J40243" s="2">
        <v>0</v>
      </c>
      <c r="K40243" s="2">
        <v>0</v>
      </c>
      <c r="L40243" t="s">
        <v>120</v>
      </c>
      <c r="M40243" t="s">
        <v>87</v>
      </c>
      <c r="N40243" t="s">
        <v>88</v>
      </c>
      <c r="O40243" t="s">
        <v>85</v>
      </c>
      <c r="P40243" t="s">
        <v>86</v>
      </c>
      <c r="Q40243">
        <v>9</v>
      </c>
      <c r="R40243">
        <v>9</v>
      </c>
      <c r="S40243">
        <v>9</v>
      </c>
      <c r="T40243">
        <v>9</v>
      </c>
      <c r="U40243">
        <v>9</v>
      </c>
      <c r="V40243">
        <v>9</v>
      </c>
      <c r="W40243">
        <v>9</v>
      </c>
      <c r="X40243">
        <v>9</v>
      </c>
      <c r="Y40243">
        <v>9</v>
      </c>
      <c r="Z40243">
        <v>9</v>
      </c>
      <c r="AA40243">
        <v>10</v>
      </c>
      <c r="AB40243">
        <v>10</v>
      </c>
      <c r="AC40243">
        <v>10</v>
      </c>
      <c r="AD40243">
        <v>10</v>
      </c>
      <c r="AE40243">
        <v>10</v>
      </c>
      <c r="AF40243">
        <v>10</v>
      </c>
      <c r="AG40243">
        <v>10</v>
      </c>
      <c r="AH40243">
        <v>10</v>
      </c>
      <c r="AI40243">
        <v>10</v>
      </c>
      <c r="AJ40243">
        <v>10</v>
      </c>
      <c r="AK40243">
        <v>10</v>
      </c>
      <c r="AL40243">
        <v>10</v>
      </c>
      <c r="AM40243">
        <v>10</v>
      </c>
      <c r="AN40243">
        <v>10</v>
      </c>
      <c r="AO40243">
        <v>11</v>
      </c>
      <c r="AP40243">
        <v>11</v>
      </c>
      <c r="AQ40243">
        <v>11</v>
      </c>
    </row>
    <row r="40244" spans="1:43">
      <c r="A40244" t="s">
        <v>24905</v>
      </c>
      <c r="B40244" t="s">
        <v>24906</v>
      </c>
      <c r="C40244" t="s">
        <v>12623</v>
      </c>
      <c r="D40244" t="s">
        <v>12624</v>
      </c>
      <c r="E40244" t="s">
        <v>12580</v>
      </c>
      <c r="F40244" t="s">
        <v>12581</v>
      </c>
      <c r="G40244" t="s">
        <v>12582</v>
      </c>
      <c r="H40244" t="s">
        <v>12581</v>
      </c>
      <c r="I40244" s="2">
        <v>1</v>
      </c>
      <c r="J40244" s="2">
        <v>0</v>
      </c>
      <c r="K40244" s="2">
        <v>0</v>
      </c>
      <c r="L40244" t="s">
        <v>120</v>
      </c>
      <c r="M40244" t="s">
        <v>89</v>
      </c>
      <c r="N40244" t="s">
        <v>90</v>
      </c>
      <c r="O40244" t="s">
        <v>85</v>
      </c>
      <c r="P40244" t="s">
        <v>86</v>
      </c>
      <c r="Q40244">
        <v>9</v>
      </c>
      <c r="R40244">
        <v>9</v>
      </c>
      <c r="S40244">
        <v>9</v>
      </c>
      <c r="T40244">
        <v>10</v>
      </c>
      <c r="U40244">
        <v>10</v>
      </c>
      <c r="V40244">
        <v>10</v>
      </c>
      <c r="W40244">
        <v>10</v>
      </c>
      <c r="X40244">
        <v>11</v>
      </c>
      <c r="Y40244">
        <v>11</v>
      </c>
      <c r="Z40244">
        <v>11</v>
      </c>
      <c r="AA40244">
        <v>11</v>
      </c>
      <c r="AB40244">
        <v>11</v>
      </c>
      <c r="AC40244">
        <v>11</v>
      </c>
      <c r="AD40244">
        <v>12</v>
      </c>
      <c r="AE40244">
        <v>12</v>
      </c>
      <c r="AF40244">
        <v>12</v>
      </c>
      <c r="AG40244">
        <v>12</v>
      </c>
      <c r="AH40244">
        <v>12</v>
      </c>
      <c r="AI40244">
        <v>12</v>
      </c>
      <c r="AJ40244">
        <v>12</v>
      </c>
      <c r="AK40244">
        <v>12</v>
      </c>
      <c r="AL40244">
        <v>12</v>
      </c>
      <c r="AM40244">
        <v>12</v>
      </c>
      <c r="AN40244">
        <v>12</v>
      </c>
      <c r="AO40244">
        <v>12</v>
      </c>
      <c r="AP40244">
        <v>12</v>
      </c>
      <c r="AQ40244">
        <v>12</v>
      </c>
    </row>
    <row r="40245" spans="1:43">
      <c r="A40245" t="s">
        <v>24905</v>
      </c>
      <c r="B40245" t="s">
        <v>24906</v>
      </c>
      <c r="C40245" t="s">
        <v>12623</v>
      </c>
      <c r="D40245" t="s">
        <v>12624</v>
      </c>
      <c r="E40245" t="s">
        <v>12580</v>
      </c>
      <c r="F40245" t="s">
        <v>12581</v>
      </c>
      <c r="G40245" t="s">
        <v>12582</v>
      </c>
      <c r="H40245" t="s">
        <v>12581</v>
      </c>
      <c r="I40245" s="2">
        <v>1</v>
      </c>
      <c r="J40245" s="2">
        <v>0</v>
      </c>
      <c r="K40245" s="2">
        <v>0</v>
      </c>
      <c r="L40245" t="s">
        <v>120</v>
      </c>
      <c r="M40245" t="s">
        <v>83</v>
      </c>
      <c r="N40245" t="s">
        <v>91</v>
      </c>
      <c r="O40245" t="s">
        <v>85</v>
      </c>
      <c r="P40245" t="s">
        <v>86</v>
      </c>
      <c r="Q40245">
        <v>9</v>
      </c>
      <c r="R40245">
        <v>9</v>
      </c>
      <c r="S40245">
        <v>9</v>
      </c>
      <c r="T40245">
        <v>9</v>
      </c>
      <c r="U40245">
        <v>10</v>
      </c>
      <c r="V40245">
        <v>10</v>
      </c>
      <c r="W40245">
        <v>10</v>
      </c>
      <c r="X40245">
        <v>10</v>
      </c>
      <c r="Y40245">
        <v>10</v>
      </c>
      <c r="Z40245">
        <v>10</v>
      </c>
      <c r="AA40245">
        <v>10</v>
      </c>
      <c r="AB40245">
        <v>11</v>
      </c>
      <c r="AC40245">
        <v>11</v>
      </c>
      <c r="AD40245">
        <v>11</v>
      </c>
      <c r="AE40245">
        <v>11</v>
      </c>
      <c r="AF40245">
        <v>11</v>
      </c>
      <c r="AG40245">
        <v>11</v>
      </c>
      <c r="AH40245">
        <v>11</v>
      </c>
      <c r="AI40245">
        <v>12</v>
      </c>
      <c r="AJ40245">
        <v>12</v>
      </c>
      <c r="AK40245">
        <v>12</v>
      </c>
      <c r="AL40245">
        <v>12</v>
      </c>
      <c r="AM40245">
        <v>12</v>
      </c>
      <c r="AN40245">
        <v>12</v>
      </c>
      <c r="AO40245">
        <v>12</v>
      </c>
      <c r="AP40245">
        <v>12</v>
      </c>
      <c r="AQ40245">
        <v>12</v>
      </c>
    </row>
    <row r="40246" spans="1:43">
      <c r="A40246" t="s">
        <v>24907</v>
      </c>
      <c r="B40246" t="s">
        <v>24908</v>
      </c>
      <c r="C40246" t="s">
        <v>16717</v>
      </c>
      <c r="D40246" t="s">
        <v>16718</v>
      </c>
      <c r="E40246" t="s">
        <v>16695</v>
      </c>
      <c r="F40246" t="s">
        <v>16696</v>
      </c>
      <c r="G40246" t="s">
        <v>16559</v>
      </c>
      <c r="H40246" t="s">
        <v>16560</v>
      </c>
      <c r="I40246" s="2">
        <v>1</v>
      </c>
      <c r="J40246" s="2">
        <v>0</v>
      </c>
      <c r="K40246" s="2">
        <v>0</v>
      </c>
      <c r="L40246" t="s">
        <v>120</v>
      </c>
      <c r="M40246" t="s">
        <v>83</v>
      </c>
      <c r="N40246" t="s">
        <v>84</v>
      </c>
      <c r="O40246" t="s">
        <v>85</v>
      </c>
      <c r="P40246" t="s">
        <v>86</v>
      </c>
      <c r="Q40246">
        <v>32</v>
      </c>
      <c r="R40246">
        <v>32</v>
      </c>
      <c r="S40246">
        <v>33</v>
      </c>
      <c r="T40246">
        <v>33</v>
      </c>
      <c r="U40246">
        <v>33</v>
      </c>
      <c r="V40246">
        <v>33</v>
      </c>
      <c r="W40246">
        <v>33</v>
      </c>
      <c r="X40246">
        <v>34</v>
      </c>
      <c r="Y40246">
        <v>34</v>
      </c>
      <c r="Z40246">
        <v>34</v>
      </c>
      <c r="AA40246">
        <v>34</v>
      </c>
      <c r="AB40246">
        <v>34</v>
      </c>
      <c r="AC40246">
        <v>34</v>
      </c>
      <c r="AD40246">
        <v>34</v>
      </c>
      <c r="AE40246">
        <v>35</v>
      </c>
      <c r="AF40246">
        <v>35</v>
      </c>
      <c r="AG40246">
        <v>35</v>
      </c>
      <c r="AH40246">
        <v>35</v>
      </c>
      <c r="AI40246">
        <v>35</v>
      </c>
      <c r="AJ40246">
        <v>35</v>
      </c>
      <c r="AK40246">
        <v>35</v>
      </c>
      <c r="AL40246">
        <v>35</v>
      </c>
      <c r="AM40246">
        <v>35</v>
      </c>
      <c r="AN40246">
        <v>35</v>
      </c>
      <c r="AO40246">
        <v>35</v>
      </c>
      <c r="AP40246">
        <v>35</v>
      </c>
      <c r="AQ40246">
        <v>35</v>
      </c>
    </row>
    <row r="40247" spans="1:43">
      <c r="A40247" t="s">
        <v>24907</v>
      </c>
      <c r="B40247" t="s">
        <v>24908</v>
      </c>
      <c r="C40247" t="s">
        <v>16717</v>
      </c>
      <c r="D40247" t="s">
        <v>16718</v>
      </c>
      <c r="E40247" t="s">
        <v>16695</v>
      </c>
      <c r="F40247" t="s">
        <v>16696</v>
      </c>
      <c r="G40247" t="s">
        <v>16559</v>
      </c>
      <c r="H40247" t="s">
        <v>16560</v>
      </c>
      <c r="I40247" s="2">
        <v>1</v>
      </c>
      <c r="J40247" s="2">
        <v>0</v>
      </c>
      <c r="K40247" s="2">
        <v>0</v>
      </c>
      <c r="L40247" t="s">
        <v>120</v>
      </c>
      <c r="M40247" t="s">
        <v>87</v>
      </c>
      <c r="N40247" t="s">
        <v>88</v>
      </c>
      <c r="O40247" t="s">
        <v>85</v>
      </c>
      <c r="P40247" t="s">
        <v>86</v>
      </c>
      <c r="Q40247">
        <v>32</v>
      </c>
      <c r="R40247">
        <v>32</v>
      </c>
      <c r="S40247">
        <v>32</v>
      </c>
      <c r="T40247">
        <v>32</v>
      </c>
      <c r="U40247">
        <v>32</v>
      </c>
      <c r="V40247">
        <v>31</v>
      </c>
      <c r="W40247">
        <v>31</v>
      </c>
      <c r="X40247">
        <v>31</v>
      </c>
      <c r="Y40247">
        <v>31</v>
      </c>
      <c r="Z40247">
        <v>31</v>
      </c>
      <c r="AA40247">
        <v>31</v>
      </c>
      <c r="AB40247">
        <v>31</v>
      </c>
      <c r="AC40247">
        <v>31</v>
      </c>
      <c r="AD40247">
        <v>31</v>
      </c>
      <c r="AE40247">
        <v>31</v>
      </c>
      <c r="AF40247">
        <v>31</v>
      </c>
      <c r="AG40247">
        <v>31</v>
      </c>
      <c r="AH40247">
        <v>30</v>
      </c>
      <c r="AI40247">
        <v>30</v>
      </c>
      <c r="AJ40247">
        <v>30</v>
      </c>
      <c r="AK40247">
        <v>30</v>
      </c>
      <c r="AL40247">
        <v>30</v>
      </c>
      <c r="AM40247">
        <v>30</v>
      </c>
      <c r="AN40247">
        <v>30</v>
      </c>
      <c r="AO40247">
        <v>30</v>
      </c>
      <c r="AP40247">
        <v>30</v>
      </c>
      <c r="AQ40247">
        <v>30</v>
      </c>
    </row>
    <row r="40248" spans="1:43">
      <c r="A40248" t="s">
        <v>24907</v>
      </c>
      <c r="B40248" t="s">
        <v>24908</v>
      </c>
      <c r="C40248" t="s">
        <v>16717</v>
      </c>
      <c r="D40248" t="s">
        <v>16718</v>
      </c>
      <c r="E40248" t="s">
        <v>16695</v>
      </c>
      <c r="F40248" t="s">
        <v>16696</v>
      </c>
      <c r="G40248" t="s">
        <v>16559</v>
      </c>
      <c r="H40248" t="s">
        <v>16560</v>
      </c>
      <c r="I40248" s="2">
        <v>1</v>
      </c>
      <c r="J40248" s="2">
        <v>0</v>
      </c>
      <c r="K40248" s="2">
        <v>0</v>
      </c>
      <c r="L40248" t="s">
        <v>120</v>
      </c>
      <c r="M40248" t="s">
        <v>89</v>
      </c>
      <c r="N40248" t="s">
        <v>90</v>
      </c>
      <c r="O40248" t="s">
        <v>85</v>
      </c>
      <c r="P40248" t="s">
        <v>86</v>
      </c>
      <c r="Q40248">
        <v>32</v>
      </c>
      <c r="R40248">
        <v>33</v>
      </c>
      <c r="S40248">
        <v>33</v>
      </c>
      <c r="T40248">
        <v>34</v>
      </c>
      <c r="U40248">
        <v>34</v>
      </c>
      <c r="V40248">
        <v>35</v>
      </c>
      <c r="W40248">
        <v>35</v>
      </c>
      <c r="X40248">
        <v>35</v>
      </c>
      <c r="Y40248">
        <v>36</v>
      </c>
      <c r="Z40248">
        <v>36</v>
      </c>
      <c r="AA40248">
        <v>36</v>
      </c>
      <c r="AB40248">
        <v>36</v>
      </c>
      <c r="AC40248">
        <v>37</v>
      </c>
      <c r="AD40248">
        <v>37</v>
      </c>
      <c r="AE40248">
        <v>37</v>
      </c>
      <c r="AF40248">
        <v>37</v>
      </c>
      <c r="AG40248">
        <v>37</v>
      </c>
      <c r="AH40248">
        <v>36</v>
      </c>
      <c r="AI40248">
        <v>36</v>
      </c>
      <c r="AJ40248">
        <v>36</v>
      </c>
      <c r="AK40248">
        <v>36</v>
      </c>
      <c r="AL40248">
        <v>36</v>
      </c>
      <c r="AM40248">
        <v>36</v>
      </c>
      <c r="AN40248">
        <v>35</v>
      </c>
      <c r="AO40248">
        <v>35</v>
      </c>
      <c r="AP40248">
        <v>35</v>
      </c>
      <c r="AQ40248">
        <v>35</v>
      </c>
    </row>
    <row r="40249" spans="1:43">
      <c r="A40249" t="s">
        <v>24907</v>
      </c>
      <c r="B40249" t="s">
        <v>24908</v>
      </c>
      <c r="C40249" t="s">
        <v>16717</v>
      </c>
      <c r="D40249" t="s">
        <v>16718</v>
      </c>
      <c r="E40249" t="s">
        <v>16695</v>
      </c>
      <c r="F40249" t="s">
        <v>16696</v>
      </c>
      <c r="G40249" t="s">
        <v>16559</v>
      </c>
      <c r="H40249" t="s">
        <v>16560</v>
      </c>
      <c r="I40249" s="2">
        <v>1</v>
      </c>
      <c r="J40249" s="2">
        <v>0</v>
      </c>
      <c r="K40249" s="2">
        <v>0</v>
      </c>
      <c r="L40249" t="s">
        <v>120</v>
      </c>
      <c r="M40249" t="s">
        <v>83</v>
      </c>
      <c r="N40249" t="s">
        <v>91</v>
      </c>
      <c r="O40249" t="s">
        <v>85</v>
      </c>
      <c r="P40249" t="s">
        <v>86</v>
      </c>
      <c r="Q40249">
        <v>32</v>
      </c>
      <c r="R40249">
        <v>32</v>
      </c>
      <c r="S40249">
        <v>33</v>
      </c>
      <c r="T40249">
        <v>33</v>
      </c>
      <c r="U40249">
        <v>33</v>
      </c>
      <c r="V40249">
        <v>33</v>
      </c>
      <c r="W40249">
        <v>33</v>
      </c>
      <c r="X40249">
        <v>34</v>
      </c>
      <c r="Y40249">
        <v>34</v>
      </c>
      <c r="Z40249">
        <v>34</v>
      </c>
      <c r="AA40249">
        <v>34</v>
      </c>
      <c r="AB40249">
        <v>34</v>
      </c>
      <c r="AC40249">
        <v>34</v>
      </c>
      <c r="AD40249">
        <v>34</v>
      </c>
      <c r="AE40249">
        <v>35</v>
      </c>
      <c r="AF40249">
        <v>35</v>
      </c>
      <c r="AG40249">
        <v>35</v>
      </c>
      <c r="AH40249">
        <v>35</v>
      </c>
      <c r="AI40249">
        <v>35</v>
      </c>
      <c r="AJ40249">
        <v>35</v>
      </c>
      <c r="AK40249">
        <v>35</v>
      </c>
      <c r="AL40249">
        <v>35</v>
      </c>
      <c r="AM40249">
        <v>35</v>
      </c>
      <c r="AN40249">
        <v>35</v>
      </c>
      <c r="AO40249">
        <v>35</v>
      </c>
      <c r="AP40249">
        <v>35</v>
      </c>
      <c r="AQ40249">
        <v>35</v>
      </c>
    </row>
    <row r="40250" spans="1:43">
      <c r="A40250" t="s">
        <v>24909</v>
      </c>
      <c r="B40250" t="s">
        <v>24910</v>
      </c>
      <c r="C40250" t="s">
        <v>16717</v>
      </c>
      <c r="D40250" t="s">
        <v>16718</v>
      </c>
      <c r="E40250" t="s">
        <v>16695</v>
      </c>
      <c r="F40250" t="s">
        <v>16696</v>
      </c>
      <c r="G40250" t="s">
        <v>16559</v>
      </c>
      <c r="H40250" t="s">
        <v>16560</v>
      </c>
      <c r="I40250" s="2">
        <v>1</v>
      </c>
      <c r="J40250" s="2">
        <v>0</v>
      </c>
      <c r="K40250" s="2">
        <v>0</v>
      </c>
      <c r="L40250" t="s">
        <v>120</v>
      </c>
      <c r="M40250" t="s">
        <v>83</v>
      </c>
      <c r="N40250" t="s">
        <v>84</v>
      </c>
      <c r="O40250" t="s">
        <v>85</v>
      </c>
      <c r="P40250" t="s">
        <v>86</v>
      </c>
      <c r="Q40250">
        <v>81</v>
      </c>
      <c r="R40250">
        <v>81</v>
      </c>
      <c r="S40250">
        <v>82</v>
      </c>
      <c r="T40250">
        <v>82</v>
      </c>
      <c r="U40250">
        <v>83</v>
      </c>
      <c r="V40250">
        <v>83</v>
      </c>
      <c r="W40250">
        <v>84</v>
      </c>
      <c r="X40250">
        <v>84</v>
      </c>
      <c r="Y40250">
        <v>85</v>
      </c>
      <c r="Z40250">
        <v>85</v>
      </c>
      <c r="AA40250">
        <v>85</v>
      </c>
      <c r="AB40250">
        <v>86</v>
      </c>
      <c r="AC40250">
        <v>86</v>
      </c>
      <c r="AD40250">
        <v>86</v>
      </c>
      <c r="AE40250">
        <v>87</v>
      </c>
      <c r="AF40250">
        <v>87</v>
      </c>
      <c r="AG40250">
        <v>87</v>
      </c>
      <c r="AH40250">
        <v>88</v>
      </c>
      <c r="AI40250">
        <v>88</v>
      </c>
      <c r="AJ40250">
        <v>88</v>
      </c>
      <c r="AK40250">
        <v>89</v>
      </c>
      <c r="AL40250">
        <v>89</v>
      </c>
      <c r="AM40250">
        <v>88</v>
      </c>
      <c r="AN40250">
        <v>88</v>
      </c>
      <c r="AO40250">
        <v>87</v>
      </c>
      <c r="AP40250">
        <v>87</v>
      </c>
      <c r="AQ40250">
        <v>87</v>
      </c>
    </row>
    <row r="40251" spans="1:43">
      <c r="A40251" t="s">
        <v>24909</v>
      </c>
      <c r="B40251" t="s">
        <v>24910</v>
      </c>
      <c r="C40251" t="s">
        <v>16717</v>
      </c>
      <c r="D40251" t="s">
        <v>16718</v>
      </c>
      <c r="E40251" t="s">
        <v>16695</v>
      </c>
      <c r="F40251" t="s">
        <v>16696</v>
      </c>
      <c r="G40251" t="s">
        <v>16559</v>
      </c>
      <c r="H40251" t="s">
        <v>16560</v>
      </c>
      <c r="I40251" s="2">
        <v>1</v>
      </c>
      <c r="J40251" s="2">
        <v>0</v>
      </c>
      <c r="K40251" s="2">
        <v>0</v>
      </c>
      <c r="L40251" t="s">
        <v>120</v>
      </c>
      <c r="M40251" t="s">
        <v>87</v>
      </c>
      <c r="N40251" t="s">
        <v>88</v>
      </c>
      <c r="O40251" t="s">
        <v>85</v>
      </c>
      <c r="P40251" t="s">
        <v>86</v>
      </c>
      <c r="Q40251">
        <v>81</v>
      </c>
      <c r="R40251">
        <v>81</v>
      </c>
      <c r="S40251">
        <v>81</v>
      </c>
      <c r="T40251">
        <v>80</v>
      </c>
      <c r="U40251">
        <v>80</v>
      </c>
      <c r="V40251">
        <v>80</v>
      </c>
      <c r="W40251">
        <v>80</v>
      </c>
      <c r="X40251">
        <v>79</v>
      </c>
      <c r="Y40251">
        <v>79</v>
      </c>
      <c r="Z40251">
        <v>79</v>
      </c>
      <c r="AA40251">
        <v>79</v>
      </c>
      <c r="AB40251">
        <v>79</v>
      </c>
      <c r="AC40251">
        <v>78</v>
      </c>
      <c r="AD40251">
        <v>78</v>
      </c>
      <c r="AE40251">
        <v>78</v>
      </c>
      <c r="AF40251">
        <v>78</v>
      </c>
      <c r="AG40251">
        <v>78</v>
      </c>
      <c r="AH40251">
        <v>77</v>
      </c>
      <c r="AI40251">
        <v>77</v>
      </c>
      <c r="AJ40251">
        <v>77</v>
      </c>
      <c r="AK40251">
        <v>77</v>
      </c>
      <c r="AL40251">
        <v>77</v>
      </c>
      <c r="AM40251">
        <v>77</v>
      </c>
      <c r="AN40251">
        <v>77</v>
      </c>
      <c r="AO40251">
        <v>76</v>
      </c>
      <c r="AP40251">
        <v>76</v>
      </c>
      <c r="AQ40251">
        <v>76</v>
      </c>
    </row>
    <row r="40252" spans="1:43">
      <c r="A40252" t="s">
        <v>24909</v>
      </c>
      <c r="B40252" t="s">
        <v>24910</v>
      </c>
      <c r="C40252" t="s">
        <v>16717</v>
      </c>
      <c r="D40252" t="s">
        <v>16718</v>
      </c>
      <c r="E40252" t="s">
        <v>16695</v>
      </c>
      <c r="F40252" t="s">
        <v>16696</v>
      </c>
      <c r="G40252" t="s">
        <v>16559</v>
      </c>
      <c r="H40252" t="s">
        <v>16560</v>
      </c>
      <c r="I40252" s="2">
        <v>1</v>
      </c>
      <c r="J40252" s="2">
        <v>0</v>
      </c>
      <c r="K40252" s="2">
        <v>0</v>
      </c>
      <c r="L40252" t="s">
        <v>120</v>
      </c>
      <c r="M40252" t="s">
        <v>89</v>
      </c>
      <c r="N40252" t="s">
        <v>90</v>
      </c>
      <c r="O40252" t="s">
        <v>85</v>
      </c>
      <c r="P40252" t="s">
        <v>86</v>
      </c>
      <c r="Q40252">
        <v>81</v>
      </c>
      <c r="R40252">
        <v>83</v>
      </c>
      <c r="S40252">
        <v>84</v>
      </c>
      <c r="T40252">
        <v>85</v>
      </c>
      <c r="U40252">
        <v>86</v>
      </c>
      <c r="V40252">
        <v>87</v>
      </c>
      <c r="W40252">
        <v>88</v>
      </c>
      <c r="X40252">
        <v>89</v>
      </c>
      <c r="Y40252">
        <v>89</v>
      </c>
      <c r="Z40252">
        <v>90</v>
      </c>
      <c r="AA40252">
        <v>91</v>
      </c>
      <c r="AB40252">
        <v>91</v>
      </c>
      <c r="AC40252">
        <v>92</v>
      </c>
      <c r="AD40252">
        <v>93</v>
      </c>
      <c r="AE40252">
        <v>93</v>
      </c>
      <c r="AF40252">
        <v>92</v>
      </c>
      <c r="AG40252">
        <v>92</v>
      </c>
      <c r="AH40252">
        <v>91</v>
      </c>
      <c r="AI40252">
        <v>91</v>
      </c>
      <c r="AJ40252">
        <v>91</v>
      </c>
      <c r="AK40252">
        <v>90</v>
      </c>
      <c r="AL40252">
        <v>90</v>
      </c>
      <c r="AM40252">
        <v>89</v>
      </c>
      <c r="AN40252">
        <v>89</v>
      </c>
      <c r="AO40252">
        <v>88</v>
      </c>
      <c r="AP40252">
        <v>88</v>
      </c>
      <c r="AQ40252">
        <v>88</v>
      </c>
    </row>
    <row r="40253" spans="1:43">
      <c r="A40253" t="s">
        <v>24909</v>
      </c>
      <c r="B40253" t="s">
        <v>24910</v>
      </c>
      <c r="C40253" t="s">
        <v>16717</v>
      </c>
      <c r="D40253" t="s">
        <v>16718</v>
      </c>
      <c r="E40253" t="s">
        <v>16695</v>
      </c>
      <c r="F40253" t="s">
        <v>16696</v>
      </c>
      <c r="G40253" t="s">
        <v>16559</v>
      </c>
      <c r="H40253" t="s">
        <v>16560</v>
      </c>
      <c r="I40253" s="2">
        <v>1</v>
      </c>
      <c r="J40253" s="2">
        <v>0</v>
      </c>
      <c r="K40253" s="2">
        <v>0</v>
      </c>
      <c r="L40253" t="s">
        <v>120</v>
      </c>
      <c r="M40253" t="s">
        <v>83</v>
      </c>
      <c r="N40253" t="s">
        <v>91</v>
      </c>
      <c r="O40253" t="s">
        <v>85</v>
      </c>
      <c r="P40253" t="s">
        <v>86</v>
      </c>
      <c r="Q40253">
        <v>81</v>
      </c>
      <c r="R40253">
        <v>81</v>
      </c>
      <c r="S40253">
        <v>82</v>
      </c>
      <c r="T40253">
        <v>82</v>
      </c>
      <c r="U40253">
        <v>83</v>
      </c>
      <c r="V40253">
        <v>83</v>
      </c>
      <c r="W40253">
        <v>84</v>
      </c>
      <c r="X40253">
        <v>84</v>
      </c>
      <c r="Y40253">
        <v>85</v>
      </c>
      <c r="Z40253">
        <v>85</v>
      </c>
      <c r="AA40253">
        <v>85</v>
      </c>
      <c r="AB40253">
        <v>86</v>
      </c>
      <c r="AC40253">
        <v>86</v>
      </c>
      <c r="AD40253">
        <v>86</v>
      </c>
      <c r="AE40253">
        <v>87</v>
      </c>
      <c r="AF40253">
        <v>87</v>
      </c>
      <c r="AG40253">
        <v>87</v>
      </c>
      <c r="AH40253">
        <v>88</v>
      </c>
      <c r="AI40253">
        <v>88</v>
      </c>
      <c r="AJ40253">
        <v>88</v>
      </c>
      <c r="AK40253">
        <v>89</v>
      </c>
      <c r="AL40253">
        <v>89</v>
      </c>
      <c r="AM40253">
        <v>88</v>
      </c>
      <c r="AN40253">
        <v>88</v>
      </c>
      <c r="AO40253">
        <v>87</v>
      </c>
      <c r="AP40253">
        <v>87</v>
      </c>
      <c r="AQ40253">
        <v>87</v>
      </c>
    </row>
    <row r="40254" spans="1:43">
      <c r="A40254" t="s">
        <v>24911</v>
      </c>
      <c r="B40254" t="s">
        <v>24912</v>
      </c>
      <c r="C40254" t="s">
        <v>17301</v>
      </c>
      <c r="D40254" t="s">
        <v>17302</v>
      </c>
      <c r="E40254" t="s">
        <v>17265</v>
      </c>
      <c r="F40254" t="s">
        <v>17266</v>
      </c>
      <c r="G40254" t="s">
        <v>16559</v>
      </c>
      <c r="H40254" t="s">
        <v>16560</v>
      </c>
      <c r="I40254" s="2">
        <v>1</v>
      </c>
      <c r="J40254" s="2">
        <v>0</v>
      </c>
      <c r="K40254" s="2">
        <v>0</v>
      </c>
      <c r="L40254" t="s">
        <v>120</v>
      </c>
      <c r="M40254" t="s">
        <v>83</v>
      </c>
      <c r="N40254" t="s">
        <v>84</v>
      </c>
      <c r="O40254" t="s">
        <v>85</v>
      </c>
      <c r="P40254" t="s">
        <v>86</v>
      </c>
      <c r="Q40254">
        <v>11</v>
      </c>
      <c r="R40254">
        <v>11</v>
      </c>
      <c r="S40254">
        <v>11</v>
      </c>
      <c r="T40254">
        <v>11</v>
      </c>
      <c r="U40254">
        <v>11</v>
      </c>
      <c r="V40254">
        <v>11</v>
      </c>
      <c r="W40254">
        <v>11</v>
      </c>
      <c r="X40254">
        <v>11</v>
      </c>
      <c r="Y40254">
        <v>11</v>
      </c>
      <c r="Z40254">
        <v>12</v>
      </c>
      <c r="AA40254">
        <v>12</v>
      </c>
      <c r="AB40254">
        <v>12</v>
      </c>
      <c r="AC40254">
        <v>12</v>
      </c>
      <c r="AD40254">
        <v>12</v>
      </c>
      <c r="AE40254">
        <v>12</v>
      </c>
      <c r="AF40254">
        <v>12</v>
      </c>
      <c r="AG40254">
        <v>12</v>
      </c>
      <c r="AH40254">
        <v>12</v>
      </c>
      <c r="AI40254">
        <v>12</v>
      </c>
      <c r="AJ40254">
        <v>12</v>
      </c>
      <c r="AK40254">
        <v>12</v>
      </c>
      <c r="AL40254">
        <v>12</v>
      </c>
      <c r="AM40254">
        <v>12</v>
      </c>
      <c r="AN40254">
        <v>12</v>
      </c>
      <c r="AO40254">
        <v>12</v>
      </c>
      <c r="AP40254">
        <v>12</v>
      </c>
      <c r="AQ40254">
        <v>12</v>
      </c>
    </row>
    <row r="40255" spans="1:43">
      <c r="A40255" t="s">
        <v>24911</v>
      </c>
      <c r="B40255" t="s">
        <v>24912</v>
      </c>
      <c r="C40255" t="s">
        <v>17301</v>
      </c>
      <c r="D40255" t="s">
        <v>17302</v>
      </c>
      <c r="E40255" t="s">
        <v>17265</v>
      </c>
      <c r="F40255" t="s">
        <v>17266</v>
      </c>
      <c r="G40255" t="s">
        <v>16559</v>
      </c>
      <c r="H40255" t="s">
        <v>16560</v>
      </c>
      <c r="I40255" s="2">
        <v>1</v>
      </c>
      <c r="J40255" s="2">
        <v>0</v>
      </c>
      <c r="K40255" s="2">
        <v>0</v>
      </c>
      <c r="L40255" t="s">
        <v>120</v>
      </c>
      <c r="M40255" t="s">
        <v>87</v>
      </c>
      <c r="N40255" t="s">
        <v>88</v>
      </c>
      <c r="O40255" t="s">
        <v>85</v>
      </c>
      <c r="P40255" t="s">
        <v>86</v>
      </c>
      <c r="Q40255">
        <v>11</v>
      </c>
      <c r="R40255">
        <v>11</v>
      </c>
      <c r="S40255">
        <v>11</v>
      </c>
      <c r="T40255">
        <v>11</v>
      </c>
      <c r="U40255">
        <v>11</v>
      </c>
      <c r="V40255">
        <v>11</v>
      </c>
      <c r="W40255">
        <v>11</v>
      </c>
      <c r="X40255">
        <v>11</v>
      </c>
      <c r="Y40255">
        <v>11</v>
      </c>
      <c r="Z40255">
        <v>11</v>
      </c>
      <c r="AA40255">
        <v>11</v>
      </c>
      <c r="AB40255">
        <v>11</v>
      </c>
      <c r="AC40255">
        <v>11</v>
      </c>
      <c r="AD40255">
        <v>10</v>
      </c>
      <c r="AE40255">
        <v>10</v>
      </c>
      <c r="AF40255">
        <v>10</v>
      </c>
      <c r="AG40255">
        <v>10</v>
      </c>
      <c r="AH40255">
        <v>10</v>
      </c>
      <c r="AI40255">
        <v>10</v>
      </c>
      <c r="AJ40255">
        <v>10</v>
      </c>
      <c r="AK40255">
        <v>10</v>
      </c>
      <c r="AL40255">
        <v>10</v>
      </c>
      <c r="AM40255">
        <v>10</v>
      </c>
      <c r="AN40255">
        <v>10</v>
      </c>
      <c r="AO40255">
        <v>10</v>
      </c>
      <c r="AP40255">
        <v>10</v>
      </c>
      <c r="AQ40255">
        <v>10</v>
      </c>
    </row>
    <row r="40256" spans="1:43">
      <c r="A40256" t="s">
        <v>24911</v>
      </c>
      <c r="B40256" t="s">
        <v>24912</v>
      </c>
      <c r="C40256" t="s">
        <v>17301</v>
      </c>
      <c r="D40256" t="s">
        <v>17302</v>
      </c>
      <c r="E40256" t="s">
        <v>17265</v>
      </c>
      <c r="F40256" t="s">
        <v>17266</v>
      </c>
      <c r="G40256" t="s">
        <v>16559</v>
      </c>
      <c r="H40256" t="s">
        <v>16560</v>
      </c>
      <c r="I40256" s="2">
        <v>1</v>
      </c>
      <c r="J40256" s="2">
        <v>0</v>
      </c>
      <c r="K40256" s="2">
        <v>0</v>
      </c>
      <c r="L40256" t="s">
        <v>120</v>
      </c>
      <c r="M40256" t="s">
        <v>89</v>
      </c>
      <c r="N40256" t="s">
        <v>90</v>
      </c>
      <c r="O40256" t="s">
        <v>85</v>
      </c>
      <c r="P40256" t="s">
        <v>86</v>
      </c>
      <c r="Q40256">
        <v>11</v>
      </c>
      <c r="R40256">
        <v>11</v>
      </c>
      <c r="S40256">
        <v>11</v>
      </c>
      <c r="T40256">
        <v>11</v>
      </c>
      <c r="U40256">
        <v>12</v>
      </c>
      <c r="V40256">
        <v>12</v>
      </c>
      <c r="W40256">
        <v>12</v>
      </c>
      <c r="X40256">
        <v>12</v>
      </c>
      <c r="Y40256">
        <v>12</v>
      </c>
      <c r="Z40256">
        <v>12</v>
      </c>
      <c r="AA40256">
        <v>12</v>
      </c>
      <c r="AB40256">
        <v>12</v>
      </c>
      <c r="AC40256">
        <v>12</v>
      </c>
      <c r="AD40256">
        <v>13</v>
      </c>
      <c r="AE40256">
        <v>13</v>
      </c>
      <c r="AF40256">
        <v>13</v>
      </c>
      <c r="AG40256">
        <v>12</v>
      </c>
      <c r="AH40256">
        <v>12</v>
      </c>
      <c r="AI40256">
        <v>12</v>
      </c>
      <c r="AJ40256">
        <v>12</v>
      </c>
      <c r="AK40256">
        <v>12</v>
      </c>
      <c r="AL40256">
        <v>12</v>
      </c>
      <c r="AM40256">
        <v>12</v>
      </c>
      <c r="AN40256">
        <v>12</v>
      </c>
      <c r="AO40256">
        <v>12</v>
      </c>
      <c r="AP40256">
        <v>12</v>
      </c>
      <c r="AQ40256">
        <v>12</v>
      </c>
    </row>
    <row r="40257" spans="1:43">
      <c r="A40257" t="s">
        <v>24911</v>
      </c>
      <c r="B40257" t="s">
        <v>24912</v>
      </c>
      <c r="C40257" t="s">
        <v>17301</v>
      </c>
      <c r="D40257" t="s">
        <v>17302</v>
      </c>
      <c r="E40257" t="s">
        <v>17265</v>
      </c>
      <c r="F40257" t="s">
        <v>17266</v>
      </c>
      <c r="G40257" t="s">
        <v>16559</v>
      </c>
      <c r="H40257" t="s">
        <v>16560</v>
      </c>
      <c r="I40257" s="2">
        <v>1</v>
      </c>
      <c r="J40257" s="2">
        <v>0</v>
      </c>
      <c r="K40257" s="2">
        <v>0</v>
      </c>
      <c r="L40257" t="s">
        <v>120</v>
      </c>
      <c r="M40257" t="s">
        <v>83</v>
      </c>
      <c r="N40257" t="s">
        <v>91</v>
      </c>
      <c r="O40257" t="s">
        <v>85</v>
      </c>
      <c r="P40257" t="s">
        <v>86</v>
      </c>
      <c r="Q40257">
        <v>11</v>
      </c>
      <c r="R40257">
        <v>11</v>
      </c>
      <c r="S40257">
        <v>11</v>
      </c>
      <c r="T40257">
        <v>11</v>
      </c>
      <c r="U40257">
        <v>11</v>
      </c>
      <c r="V40257">
        <v>11</v>
      </c>
      <c r="W40257">
        <v>11</v>
      </c>
      <c r="X40257">
        <v>11</v>
      </c>
      <c r="Y40257">
        <v>11</v>
      </c>
      <c r="Z40257">
        <v>12</v>
      </c>
      <c r="AA40257">
        <v>12</v>
      </c>
      <c r="AB40257">
        <v>12</v>
      </c>
      <c r="AC40257">
        <v>12</v>
      </c>
      <c r="AD40257">
        <v>12</v>
      </c>
      <c r="AE40257">
        <v>12</v>
      </c>
      <c r="AF40257">
        <v>12</v>
      </c>
      <c r="AG40257">
        <v>12</v>
      </c>
      <c r="AH40257">
        <v>12</v>
      </c>
      <c r="AI40257">
        <v>12</v>
      </c>
      <c r="AJ40257">
        <v>12</v>
      </c>
      <c r="AK40257">
        <v>12</v>
      </c>
      <c r="AL40257">
        <v>12</v>
      </c>
      <c r="AM40257">
        <v>12</v>
      </c>
      <c r="AN40257">
        <v>12</v>
      </c>
      <c r="AO40257">
        <v>12</v>
      </c>
      <c r="AP40257">
        <v>12</v>
      </c>
      <c r="AQ40257">
        <v>12</v>
      </c>
    </row>
    <row r="40258" spans="1:43">
      <c r="A40258" t="s">
        <v>24913</v>
      </c>
      <c r="B40258" t="s">
        <v>24914</v>
      </c>
      <c r="C40258" t="s">
        <v>17301</v>
      </c>
      <c r="D40258" t="s">
        <v>17302</v>
      </c>
      <c r="E40258" t="s">
        <v>17265</v>
      </c>
      <c r="F40258" t="s">
        <v>17266</v>
      </c>
      <c r="G40258" t="s">
        <v>16559</v>
      </c>
      <c r="H40258" t="s">
        <v>16560</v>
      </c>
      <c r="I40258" s="2">
        <v>1</v>
      </c>
      <c r="J40258" s="2">
        <v>0</v>
      </c>
      <c r="K40258" s="2">
        <v>0</v>
      </c>
      <c r="L40258" t="s">
        <v>120</v>
      </c>
      <c r="M40258" t="s">
        <v>83</v>
      </c>
      <c r="N40258" t="s">
        <v>84</v>
      </c>
      <c r="O40258" t="s">
        <v>85</v>
      </c>
      <c r="P40258" t="s">
        <v>86</v>
      </c>
      <c r="Q40258">
        <v>5</v>
      </c>
      <c r="R40258">
        <v>5</v>
      </c>
      <c r="S40258">
        <v>5</v>
      </c>
      <c r="T40258">
        <v>5</v>
      </c>
      <c r="U40258">
        <v>5</v>
      </c>
      <c r="V40258">
        <v>5</v>
      </c>
      <c r="W40258">
        <v>5</v>
      </c>
      <c r="X40258">
        <v>6</v>
      </c>
      <c r="Y40258">
        <v>6</v>
      </c>
      <c r="Z40258">
        <v>6</v>
      </c>
      <c r="AA40258">
        <v>6</v>
      </c>
      <c r="AB40258">
        <v>6</v>
      </c>
      <c r="AC40258">
        <v>6</v>
      </c>
      <c r="AD40258">
        <v>6</v>
      </c>
      <c r="AE40258">
        <v>6</v>
      </c>
      <c r="AF40258">
        <v>6</v>
      </c>
      <c r="AG40258">
        <v>6</v>
      </c>
      <c r="AH40258">
        <v>6</v>
      </c>
      <c r="AI40258">
        <v>6</v>
      </c>
      <c r="AJ40258">
        <v>6</v>
      </c>
      <c r="AK40258">
        <v>6</v>
      </c>
      <c r="AL40258">
        <v>6</v>
      </c>
      <c r="AM40258">
        <v>6</v>
      </c>
      <c r="AN40258">
        <v>6</v>
      </c>
      <c r="AO40258">
        <v>6</v>
      </c>
      <c r="AP40258">
        <v>6</v>
      </c>
      <c r="AQ40258">
        <v>6</v>
      </c>
    </row>
    <row r="40259" spans="1:43">
      <c r="A40259" t="s">
        <v>24913</v>
      </c>
      <c r="B40259" t="s">
        <v>24914</v>
      </c>
      <c r="C40259" t="s">
        <v>17301</v>
      </c>
      <c r="D40259" t="s">
        <v>17302</v>
      </c>
      <c r="E40259" t="s">
        <v>17265</v>
      </c>
      <c r="F40259" t="s">
        <v>17266</v>
      </c>
      <c r="G40259" t="s">
        <v>16559</v>
      </c>
      <c r="H40259" t="s">
        <v>16560</v>
      </c>
      <c r="I40259" s="2">
        <v>1</v>
      </c>
      <c r="J40259" s="2">
        <v>0</v>
      </c>
      <c r="K40259" s="2">
        <v>0</v>
      </c>
      <c r="L40259" t="s">
        <v>120</v>
      </c>
      <c r="M40259" t="s">
        <v>87</v>
      </c>
      <c r="N40259" t="s">
        <v>88</v>
      </c>
      <c r="O40259" t="s">
        <v>85</v>
      </c>
      <c r="P40259" t="s">
        <v>86</v>
      </c>
      <c r="Q40259">
        <v>5</v>
      </c>
      <c r="R40259">
        <v>5</v>
      </c>
      <c r="S40259">
        <v>5</v>
      </c>
      <c r="T40259">
        <v>5</v>
      </c>
      <c r="U40259">
        <v>5</v>
      </c>
      <c r="V40259">
        <v>5</v>
      </c>
      <c r="W40259">
        <v>5</v>
      </c>
      <c r="X40259">
        <v>5</v>
      </c>
      <c r="Y40259">
        <v>5</v>
      </c>
      <c r="Z40259">
        <v>5</v>
      </c>
      <c r="AA40259">
        <v>5</v>
      </c>
      <c r="AB40259">
        <v>5</v>
      </c>
      <c r="AC40259">
        <v>5</v>
      </c>
      <c r="AD40259">
        <v>5</v>
      </c>
      <c r="AE40259">
        <v>5</v>
      </c>
      <c r="AF40259">
        <v>5</v>
      </c>
      <c r="AG40259">
        <v>5</v>
      </c>
      <c r="AH40259">
        <v>5</v>
      </c>
      <c r="AI40259">
        <v>5</v>
      </c>
      <c r="AJ40259">
        <v>5</v>
      </c>
      <c r="AK40259">
        <v>5</v>
      </c>
      <c r="AL40259">
        <v>5</v>
      </c>
      <c r="AM40259">
        <v>5</v>
      </c>
      <c r="AN40259">
        <v>5</v>
      </c>
      <c r="AO40259">
        <v>5</v>
      </c>
      <c r="AP40259">
        <v>5</v>
      </c>
      <c r="AQ40259">
        <v>5</v>
      </c>
    </row>
    <row r="40260" spans="1:43">
      <c r="A40260" t="s">
        <v>24913</v>
      </c>
      <c r="B40260" t="s">
        <v>24914</v>
      </c>
      <c r="C40260" t="s">
        <v>17301</v>
      </c>
      <c r="D40260" t="s">
        <v>17302</v>
      </c>
      <c r="E40260" t="s">
        <v>17265</v>
      </c>
      <c r="F40260" t="s">
        <v>17266</v>
      </c>
      <c r="G40260" t="s">
        <v>16559</v>
      </c>
      <c r="H40260" t="s">
        <v>16560</v>
      </c>
      <c r="I40260" s="2">
        <v>1</v>
      </c>
      <c r="J40260" s="2">
        <v>0</v>
      </c>
      <c r="K40260" s="2">
        <v>0</v>
      </c>
      <c r="L40260" t="s">
        <v>120</v>
      </c>
      <c r="M40260" t="s">
        <v>89</v>
      </c>
      <c r="N40260" t="s">
        <v>90</v>
      </c>
      <c r="O40260" t="s">
        <v>85</v>
      </c>
      <c r="P40260" t="s">
        <v>86</v>
      </c>
      <c r="Q40260">
        <v>5</v>
      </c>
      <c r="R40260">
        <v>5</v>
      </c>
      <c r="S40260">
        <v>5</v>
      </c>
      <c r="T40260">
        <v>6</v>
      </c>
      <c r="U40260">
        <v>6</v>
      </c>
      <c r="V40260">
        <v>6</v>
      </c>
      <c r="W40260">
        <v>6</v>
      </c>
      <c r="X40260">
        <v>6</v>
      </c>
      <c r="Y40260">
        <v>6</v>
      </c>
      <c r="Z40260">
        <v>6</v>
      </c>
      <c r="AA40260">
        <v>6</v>
      </c>
      <c r="AB40260">
        <v>6</v>
      </c>
      <c r="AC40260">
        <v>6</v>
      </c>
      <c r="AD40260">
        <v>6</v>
      </c>
      <c r="AE40260">
        <v>6</v>
      </c>
      <c r="AF40260">
        <v>6</v>
      </c>
      <c r="AG40260">
        <v>6</v>
      </c>
      <c r="AH40260">
        <v>6</v>
      </c>
      <c r="AI40260">
        <v>6</v>
      </c>
      <c r="AJ40260">
        <v>6</v>
      </c>
      <c r="AK40260">
        <v>6</v>
      </c>
      <c r="AL40260">
        <v>6</v>
      </c>
      <c r="AM40260">
        <v>6</v>
      </c>
      <c r="AN40260">
        <v>6</v>
      </c>
      <c r="AO40260">
        <v>6</v>
      </c>
      <c r="AP40260">
        <v>6</v>
      </c>
      <c r="AQ40260">
        <v>6</v>
      </c>
    </row>
    <row r="40261" spans="1:43">
      <c r="A40261" t="s">
        <v>24913</v>
      </c>
      <c r="B40261" t="s">
        <v>24914</v>
      </c>
      <c r="C40261" t="s">
        <v>17301</v>
      </c>
      <c r="D40261" t="s">
        <v>17302</v>
      </c>
      <c r="E40261" t="s">
        <v>17265</v>
      </c>
      <c r="F40261" t="s">
        <v>17266</v>
      </c>
      <c r="G40261" t="s">
        <v>16559</v>
      </c>
      <c r="H40261" t="s">
        <v>16560</v>
      </c>
      <c r="I40261" s="2">
        <v>1</v>
      </c>
      <c r="J40261" s="2">
        <v>0</v>
      </c>
      <c r="K40261" s="2">
        <v>0</v>
      </c>
      <c r="L40261" t="s">
        <v>120</v>
      </c>
      <c r="M40261" t="s">
        <v>83</v>
      </c>
      <c r="N40261" t="s">
        <v>91</v>
      </c>
      <c r="O40261" t="s">
        <v>85</v>
      </c>
      <c r="P40261" t="s">
        <v>86</v>
      </c>
      <c r="Q40261">
        <v>5</v>
      </c>
      <c r="R40261">
        <v>5</v>
      </c>
      <c r="S40261">
        <v>5</v>
      </c>
      <c r="T40261">
        <v>5</v>
      </c>
      <c r="U40261">
        <v>5</v>
      </c>
      <c r="V40261">
        <v>5</v>
      </c>
      <c r="W40261">
        <v>5</v>
      </c>
      <c r="X40261">
        <v>6</v>
      </c>
      <c r="Y40261">
        <v>6</v>
      </c>
      <c r="Z40261">
        <v>6</v>
      </c>
      <c r="AA40261">
        <v>6</v>
      </c>
      <c r="AB40261">
        <v>6</v>
      </c>
      <c r="AC40261">
        <v>6</v>
      </c>
      <c r="AD40261">
        <v>6</v>
      </c>
      <c r="AE40261">
        <v>6</v>
      </c>
      <c r="AF40261">
        <v>6</v>
      </c>
      <c r="AG40261">
        <v>6</v>
      </c>
      <c r="AH40261">
        <v>6</v>
      </c>
      <c r="AI40261">
        <v>6</v>
      </c>
      <c r="AJ40261">
        <v>6</v>
      </c>
      <c r="AK40261">
        <v>6</v>
      </c>
      <c r="AL40261">
        <v>6</v>
      </c>
      <c r="AM40261">
        <v>6</v>
      </c>
      <c r="AN40261">
        <v>6</v>
      </c>
      <c r="AO40261">
        <v>6</v>
      </c>
      <c r="AP40261">
        <v>6</v>
      </c>
      <c r="AQ40261">
        <v>6</v>
      </c>
    </row>
    <row r="40262" spans="1:43">
      <c r="A40262" t="s">
        <v>24915</v>
      </c>
      <c r="B40262" t="s">
        <v>24916</v>
      </c>
      <c r="C40262" t="s">
        <v>17301</v>
      </c>
      <c r="D40262" t="s">
        <v>17302</v>
      </c>
      <c r="E40262" t="s">
        <v>17265</v>
      </c>
      <c r="F40262" t="s">
        <v>17266</v>
      </c>
      <c r="G40262" t="s">
        <v>16559</v>
      </c>
      <c r="H40262" t="s">
        <v>16560</v>
      </c>
      <c r="I40262" s="2">
        <v>1</v>
      </c>
      <c r="J40262" s="2">
        <v>0</v>
      </c>
      <c r="K40262" s="2">
        <v>0</v>
      </c>
      <c r="L40262" t="s">
        <v>120</v>
      </c>
      <c r="M40262" t="s">
        <v>83</v>
      </c>
      <c r="N40262" t="s">
        <v>84</v>
      </c>
      <c r="O40262" t="s">
        <v>85</v>
      </c>
      <c r="P40262" t="s">
        <v>86</v>
      </c>
      <c r="Q40262">
        <v>22</v>
      </c>
      <c r="R40262">
        <v>22</v>
      </c>
      <c r="S40262">
        <v>22</v>
      </c>
      <c r="T40262">
        <v>22</v>
      </c>
      <c r="U40262">
        <v>22</v>
      </c>
      <c r="V40262">
        <v>22</v>
      </c>
      <c r="W40262">
        <v>23</v>
      </c>
      <c r="X40262">
        <v>23</v>
      </c>
      <c r="Y40262">
        <v>23</v>
      </c>
      <c r="Z40262">
        <v>23</v>
      </c>
      <c r="AA40262">
        <v>23</v>
      </c>
      <c r="AB40262">
        <v>23</v>
      </c>
      <c r="AC40262">
        <v>23</v>
      </c>
      <c r="AD40262">
        <v>23</v>
      </c>
      <c r="AE40262">
        <v>23</v>
      </c>
      <c r="AF40262">
        <v>24</v>
      </c>
      <c r="AG40262">
        <v>24</v>
      </c>
      <c r="AH40262">
        <v>24</v>
      </c>
      <c r="AI40262">
        <v>24</v>
      </c>
      <c r="AJ40262">
        <v>24</v>
      </c>
      <c r="AK40262">
        <v>24</v>
      </c>
      <c r="AL40262">
        <v>24</v>
      </c>
      <c r="AM40262">
        <v>24</v>
      </c>
      <c r="AN40262">
        <v>24</v>
      </c>
      <c r="AO40262">
        <v>23</v>
      </c>
      <c r="AP40262">
        <v>23</v>
      </c>
      <c r="AQ40262">
        <v>23</v>
      </c>
    </row>
    <row r="40263" spans="1:43">
      <c r="A40263" t="s">
        <v>24915</v>
      </c>
      <c r="B40263" t="s">
        <v>24916</v>
      </c>
      <c r="C40263" t="s">
        <v>17301</v>
      </c>
      <c r="D40263" t="s">
        <v>17302</v>
      </c>
      <c r="E40263" t="s">
        <v>17265</v>
      </c>
      <c r="F40263" t="s">
        <v>17266</v>
      </c>
      <c r="G40263" t="s">
        <v>16559</v>
      </c>
      <c r="H40263" t="s">
        <v>16560</v>
      </c>
      <c r="I40263" s="2">
        <v>1</v>
      </c>
      <c r="J40263" s="2">
        <v>0</v>
      </c>
      <c r="K40263" s="2">
        <v>0</v>
      </c>
      <c r="L40263" t="s">
        <v>120</v>
      </c>
      <c r="M40263" t="s">
        <v>87</v>
      </c>
      <c r="N40263" t="s">
        <v>88</v>
      </c>
      <c r="O40263" t="s">
        <v>85</v>
      </c>
      <c r="P40263" t="s">
        <v>86</v>
      </c>
      <c r="Q40263">
        <v>22</v>
      </c>
      <c r="R40263">
        <v>22</v>
      </c>
      <c r="S40263">
        <v>22</v>
      </c>
      <c r="T40263">
        <v>22</v>
      </c>
      <c r="U40263">
        <v>22</v>
      </c>
      <c r="V40263">
        <v>22</v>
      </c>
      <c r="W40263">
        <v>22</v>
      </c>
      <c r="X40263">
        <v>22</v>
      </c>
      <c r="Y40263">
        <v>22</v>
      </c>
      <c r="Z40263">
        <v>22</v>
      </c>
      <c r="AA40263">
        <v>22</v>
      </c>
      <c r="AB40263">
        <v>22</v>
      </c>
      <c r="AC40263">
        <v>22</v>
      </c>
      <c r="AD40263">
        <v>22</v>
      </c>
      <c r="AE40263">
        <v>22</v>
      </c>
      <c r="AF40263">
        <v>22</v>
      </c>
      <c r="AG40263">
        <v>22</v>
      </c>
      <c r="AH40263">
        <v>22</v>
      </c>
      <c r="AI40263">
        <v>22</v>
      </c>
      <c r="AJ40263">
        <v>22</v>
      </c>
      <c r="AK40263">
        <v>22</v>
      </c>
      <c r="AL40263">
        <v>21</v>
      </c>
      <c r="AM40263">
        <v>21</v>
      </c>
      <c r="AN40263">
        <v>21</v>
      </c>
      <c r="AO40263">
        <v>21</v>
      </c>
      <c r="AP40263">
        <v>21</v>
      </c>
      <c r="AQ40263">
        <v>21</v>
      </c>
    </row>
    <row r="40264" spans="1:43">
      <c r="A40264" t="s">
        <v>24915</v>
      </c>
      <c r="B40264" t="s">
        <v>24916</v>
      </c>
      <c r="C40264" t="s">
        <v>17301</v>
      </c>
      <c r="D40264" t="s">
        <v>17302</v>
      </c>
      <c r="E40264" t="s">
        <v>17265</v>
      </c>
      <c r="F40264" t="s">
        <v>17266</v>
      </c>
      <c r="G40264" t="s">
        <v>16559</v>
      </c>
      <c r="H40264" t="s">
        <v>16560</v>
      </c>
      <c r="I40264" s="2">
        <v>1</v>
      </c>
      <c r="J40264" s="2">
        <v>0</v>
      </c>
      <c r="K40264" s="2">
        <v>0</v>
      </c>
      <c r="L40264" t="s">
        <v>120</v>
      </c>
      <c r="M40264" t="s">
        <v>89</v>
      </c>
      <c r="N40264" t="s">
        <v>90</v>
      </c>
      <c r="O40264" t="s">
        <v>85</v>
      </c>
      <c r="P40264" t="s">
        <v>86</v>
      </c>
      <c r="Q40264">
        <v>22</v>
      </c>
      <c r="R40264">
        <v>22</v>
      </c>
      <c r="S40264">
        <v>23</v>
      </c>
      <c r="T40264">
        <v>23</v>
      </c>
      <c r="U40264">
        <v>23</v>
      </c>
      <c r="V40264">
        <v>23</v>
      </c>
      <c r="W40264">
        <v>24</v>
      </c>
      <c r="X40264">
        <v>24</v>
      </c>
      <c r="Y40264">
        <v>24</v>
      </c>
      <c r="Z40264">
        <v>24</v>
      </c>
      <c r="AA40264">
        <v>24</v>
      </c>
      <c r="AB40264">
        <v>25</v>
      </c>
      <c r="AC40264">
        <v>25</v>
      </c>
      <c r="AD40264">
        <v>25</v>
      </c>
      <c r="AE40264">
        <v>25</v>
      </c>
      <c r="AF40264">
        <v>25</v>
      </c>
      <c r="AG40264">
        <v>25</v>
      </c>
      <c r="AH40264">
        <v>25</v>
      </c>
      <c r="AI40264">
        <v>24</v>
      </c>
      <c r="AJ40264">
        <v>24</v>
      </c>
      <c r="AK40264">
        <v>24</v>
      </c>
      <c r="AL40264">
        <v>24</v>
      </c>
      <c r="AM40264">
        <v>24</v>
      </c>
      <c r="AN40264">
        <v>24</v>
      </c>
      <c r="AO40264">
        <v>24</v>
      </c>
      <c r="AP40264">
        <v>23</v>
      </c>
      <c r="AQ40264">
        <v>23</v>
      </c>
    </row>
    <row r="40265" spans="1:43">
      <c r="A40265" t="s">
        <v>24915</v>
      </c>
      <c r="B40265" t="s">
        <v>24916</v>
      </c>
      <c r="C40265" t="s">
        <v>17301</v>
      </c>
      <c r="D40265" t="s">
        <v>17302</v>
      </c>
      <c r="E40265" t="s">
        <v>17265</v>
      </c>
      <c r="F40265" t="s">
        <v>17266</v>
      </c>
      <c r="G40265" t="s">
        <v>16559</v>
      </c>
      <c r="H40265" t="s">
        <v>16560</v>
      </c>
      <c r="I40265" s="2">
        <v>1</v>
      </c>
      <c r="J40265" s="2">
        <v>0</v>
      </c>
      <c r="K40265" s="2">
        <v>0</v>
      </c>
      <c r="L40265" t="s">
        <v>120</v>
      </c>
      <c r="M40265" t="s">
        <v>83</v>
      </c>
      <c r="N40265" t="s">
        <v>91</v>
      </c>
      <c r="O40265" t="s">
        <v>85</v>
      </c>
      <c r="P40265" t="s">
        <v>86</v>
      </c>
      <c r="Q40265">
        <v>22</v>
      </c>
      <c r="R40265">
        <v>22</v>
      </c>
      <c r="S40265">
        <v>22</v>
      </c>
      <c r="T40265">
        <v>22</v>
      </c>
      <c r="U40265">
        <v>22</v>
      </c>
      <c r="V40265">
        <v>22</v>
      </c>
      <c r="W40265">
        <v>23</v>
      </c>
      <c r="X40265">
        <v>23</v>
      </c>
      <c r="Y40265">
        <v>23</v>
      </c>
      <c r="Z40265">
        <v>23</v>
      </c>
      <c r="AA40265">
        <v>23</v>
      </c>
      <c r="AB40265">
        <v>23</v>
      </c>
      <c r="AC40265">
        <v>23</v>
      </c>
      <c r="AD40265">
        <v>23</v>
      </c>
      <c r="AE40265">
        <v>23</v>
      </c>
      <c r="AF40265">
        <v>24</v>
      </c>
      <c r="AG40265">
        <v>24</v>
      </c>
      <c r="AH40265">
        <v>24</v>
      </c>
      <c r="AI40265">
        <v>24</v>
      </c>
      <c r="AJ40265">
        <v>24</v>
      </c>
      <c r="AK40265">
        <v>24</v>
      </c>
      <c r="AL40265">
        <v>24</v>
      </c>
      <c r="AM40265">
        <v>24</v>
      </c>
      <c r="AN40265">
        <v>24</v>
      </c>
      <c r="AO40265">
        <v>23</v>
      </c>
      <c r="AP40265">
        <v>23</v>
      </c>
      <c r="AQ40265">
        <v>23</v>
      </c>
    </row>
    <row r="40266" spans="1:43">
      <c r="A40266" t="s">
        <v>24917</v>
      </c>
      <c r="B40266" t="s">
        <v>24918</v>
      </c>
      <c r="C40266" t="s">
        <v>17301</v>
      </c>
      <c r="D40266" t="s">
        <v>17302</v>
      </c>
      <c r="E40266" t="s">
        <v>17265</v>
      </c>
      <c r="F40266" t="s">
        <v>17266</v>
      </c>
      <c r="G40266" t="s">
        <v>16559</v>
      </c>
      <c r="H40266" t="s">
        <v>16560</v>
      </c>
      <c r="I40266" s="2">
        <v>1</v>
      </c>
      <c r="J40266" s="2">
        <v>0</v>
      </c>
      <c r="K40266" s="2">
        <v>0</v>
      </c>
      <c r="L40266" t="s">
        <v>120</v>
      </c>
      <c r="M40266" t="s">
        <v>83</v>
      </c>
      <c r="N40266" t="s">
        <v>84</v>
      </c>
      <c r="O40266" t="s">
        <v>85</v>
      </c>
      <c r="P40266" t="s">
        <v>86</v>
      </c>
      <c r="Q40266">
        <v>10</v>
      </c>
      <c r="R40266">
        <v>10</v>
      </c>
      <c r="S40266">
        <v>10</v>
      </c>
      <c r="T40266">
        <v>10</v>
      </c>
      <c r="U40266">
        <v>10</v>
      </c>
      <c r="V40266">
        <v>11</v>
      </c>
      <c r="W40266">
        <v>11</v>
      </c>
      <c r="X40266">
        <v>11</v>
      </c>
      <c r="Y40266">
        <v>11</v>
      </c>
      <c r="Z40266">
        <v>11</v>
      </c>
      <c r="AA40266">
        <v>11</v>
      </c>
      <c r="AB40266">
        <v>11</v>
      </c>
      <c r="AC40266">
        <v>11</v>
      </c>
      <c r="AD40266">
        <v>11</v>
      </c>
      <c r="AE40266">
        <v>11</v>
      </c>
      <c r="AF40266">
        <v>11</v>
      </c>
      <c r="AG40266">
        <v>11</v>
      </c>
      <c r="AH40266">
        <v>11</v>
      </c>
      <c r="AI40266">
        <v>11</v>
      </c>
      <c r="AJ40266">
        <v>11</v>
      </c>
      <c r="AK40266">
        <v>11</v>
      </c>
      <c r="AL40266">
        <v>11</v>
      </c>
      <c r="AM40266">
        <v>11</v>
      </c>
      <c r="AN40266">
        <v>11</v>
      </c>
      <c r="AO40266">
        <v>11</v>
      </c>
      <c r="AP40266">
        <v>11</v>
      </c>
      <c r="AQ40266">
        <v>11</v>
      </c>
    </row>
    <row r="40267" spans="1:43">
      <c r="A40267" t="s">
        <v>24917</v>
      </c>
      <c r="B40267" t="s">
        <v>24918</v>
      </c>
      <c r="C40267" t="s">
        <v>17301</v>
      </c>
      <c r="D40267" t="s">
        <v>17302</v>
      </c>
      <c r="E40267" t="s">
        <v>17265</v>
      </c>
      <c r="F40267" t="s">
        <v>17266</v>
      </c>
      <c r="G40267" t="s">
        <v>16559</v>
      </c>
      <c r="H40267" t="s">
        <v>16560</v>
      </c>
      <c r="I40267" s="2">
        <v>1</v>
      </c>
      <c r="J40267" s="2">
        <v>0</v>
      </c>
      <c r="K40267" s="2">
        <v>0</v>
      </c>
      <c r="L40267" t="s">
        <v>120</v>
      </c>
      <c r="M40267" t="s">
        <v>87</v>
      </c>
      <c r="N40267" t="s">
        <v>88</v>
      </c>
      <c r="O40267" t="s">
        <v>85</v>
      </c>
      <c r="P40267" t="s">
        <v>86</v>
      </c>
      <c r="Q40267">
        <v>10</v>
      </c>
      <c r="R40267">
        <v>10</v>
      </c>
      <c r="S40267">
        <v>10</v>
      </c>
      <c r="T40267">
        <v>10</v>
      </c>
      <c r="U40267">
        <v>10</v>
      </c>
      <c r="V40267">
        <v>10</v>
      </c>
      <c r="W40267">
        <v>10</v>
      </c>
      <c r="X40267">
        <v>10</v>
      </c>
      <c r="Y40267">
        <v>10</v>
      </c>
      <c r="Z40267">
        <v>10</v>
      </c>
      <c r="AA40267">
        <v>10</v>
      </c>
      <c r="AB40267">
        <v>10</v>
      </c>
      <c r="AC40267">
        <v>10</v>
      </c>
      <c r="AD40267">
        <v>10</v>
      </c>
      <c r="AE40267">
        <v>10</v>
      </c>
      <c r="AF40267">
        <v>10</v>
      </c>
      <c r="AG40267">
        <v>10</v>
      </c>
      <c r="AH40267">
        <v>10</v>
      </c>
      <c r="AI40267">
        <v>10</v>
      </c>
      <c r="AJ40267">
        <v>10</v>
      </c>
      <c r="AK40267">
        <v>10</v>
      </c>
      <c r="AL40267">
        <v>10</v>
      </c>
      <c r="AM40267">
        <v>10</v>
      </c>
      <c r="AN40267">
        <v>10</v>
      </c>
      <c r="AO40267">
        <v>10</v>
      </c>
      <c r="AP40267">
        <v>10</v>
      </c>
      <c r="AQ40267">
        <v>10</v>
      </c>
    </row>
    <row r="40268" spans="1:43">
      <c r="A40268" t="s">
        <v>24917</v>
      </c>
      <c r="B40268" t="s">
        <v>24918</v>
      </c>
      <c r="C40268" t="s">
        <v>17301</v>
      </c>
      <c r="D40268" t="s">
        <v>17302</v>
      </c>
      <c r="E40268" t="s">
        <v>17265</v>
      </c>
      <c r="F40268" t="s">
        <v>17266</v>
      </c>
      <c r="G40268" t="s">
        <v>16559</v>
      </c>
      <c r="H40268" t="s">
        <v>16560</v>
      </c>
      <c r="I40268" s="2">
        <v>1</v>
      </c>
      <c r="J40268" s="2">
        <v>0</v>
      </c>
      <c r="K40268" s="2">
        <v>0</v>
      </c>
      <c r="L40268" t="s">
        <v>120</v>
      </c>
      <c r="M40268" t="s">
        <v>89</v>
      </c>
      <c r="N40268" t="s">
        <v>90</v>
      </c>
      <c r="O40268" t="s">
        <v>85</v>
      </c>
      <c r="P40268" t="s">
        <v>86</v>
      </c>
      <c r="Q40268">
        <v>10</v>
      </c>
      <c r="R40268">
        <v>10</v>
      </c>
      <c r="S40268">
        <v>11</v>
      </c>
      <c r="T40268">
        <v>11</v>
      </c>
      <c r="U40268">
        <v>11</v>
      </c>
      <c r="V40268">
        <v>11</v>
      </c>
      <c r="W40268">
        <v>11</v>
      </c>
      <c r="X40268">
        <v>11</v>
      </c>
      <c r="Y40268">
        <v>11</v>
      </c>
      <c r="Z40268">
        <v>11</v>
      </c>
      <c r="AA40268">
        <v>12</v>
      </c>
      <c r="AB40268">
        <v>12</v>
      </c>
      <c r="AC40268">
        <v>12</v>
      </c>
      <c r="AD40268">
        <v>12</v>
      </c>
      <c r="AE40268">
        <v>12</v>
      </c>
      <c r="AF40268">
        <v>12</v>
      </c>
      <c r="AG40268">
        <v>12</v>
      </c>
      <c r="AH40268">
        <v>12</v>
      </c>
      <c r="AI40268">
        <v>12</v>
      </c>
      <c r="AJ40268">
        <v>11</v>
      </c>
      <c r="AK40268">
        <v>11</v>
      </c>
      <c r="AL40268">
        <v>11</v>
      </c>
      <c r="AM40268">
        <v>11</v>
      </c>
      <c r="AN40268">
        <v>11</v>
      </c>
      <c r="AO40268">
        <v>11</v>
      </c>
      <c r="AP40268">
        <v>11</v>
      </c>
      <c r="AQ40268">
        <v>11</v>
      </c>
    </row>
    <row r="40269" spans="1:43">
      <c r="A40269" t="s">
        <v>24917</v>
      </c>
      <c r="B40269" t="s">
        <v>24918</v>
      </c>
      <c r="C40269" t="s">
        <v>17301</v>
      </c>
      <c r="D40269" t="s">
        <v>17302</v>
      </c>
      <c r="E40269" t="s">
        <v>17265</v>
      </c>
      <c r="F40269" t="s">
        <v>17266</v>
      </c>
      <c r="G40269" t="s">
        <v>16559</v>
      </c>
      <c r="H40269" t="s">
        <v>16560</v>
      </c>
      <c r="I40269" s="2">
        <v>1</v>
      </c>
      <c r="J40269" s="2">
        <v>0</v>
      </c>
      <c r="K40269" s="2">
        <v>0</v>
      </c>
      <c r="L40269" t="s">
        <v>120</v>
      </c>
      <c r="M40269" t="s">
        <v>83</v>
      </c>
      <c r="N40269" t="s">
        <v>91</v>
      </c>
      <c r="O40269" t="s">
        <v>85</v>
      </c>
      <c r="P40269" t="s">
        <v>86</v>
      </c>
      <c r="Q40269">
        <v>10</v>
      </c>
      <c r="R40269">
        <v>10</v>
      </c>
      <c r="S40269">
        <v>10</v>
      </c>
      <c r="T40269">
        <v>10</v>
      </c>
      <c r="U40269">
        <v>10</v>
      </c>
      <c r="V40269">
        <v>11</v>
      </c>
      <c r="W40269">
        <v>11</v>
      </c>
      <c r="X40269">
        <v>11</v>
      </c>
      <c r="Y40269">
        <v>11</v>
      </c>
      <c r="Z40269">
        <v>11</v>
      </c>
      <c r="AA40269">
        <v>11</v>
      </c>
      <c r="AB40269">
        <v>11</v>
      </c>
      <c r="AC40269">
        <v>11</v>
      </c>
      <c r="AD40269">
        <v>11</v>
      </c>
      <c r="AE40269">
        <v>11</v>
      </c>
      <c r="AF40269">
        <v>11</v>
      </c>
      <c r="AG40269">
        <v>11</v>
      </c>
      <c r="AH40269">
        <v>11</v>
      </c>
      <c r="AI40269">
        <v>11</v>
      </c>
      <c r="AJ40269">
        <v>11</v>
      </c>
      <c r="AK40269">
        <v>11</v>
      </c>
      <c r="AL40269">
        <v>11</v>
      </c>
      <c r="AM40269">
        <v>11</v>
      </c>
      <c r="AN40269">
        <v>11</v>
      </c>
      <c r="AO40269">
        <v>11</v>
      </c>
      <c r="AP40269">
        <v>11</v>
      </c>
      <c r="AQ40269">
        <v>11</v>
      </c>
    </row>
    <row r="40270" spans="1:43">
      <c r="A40270" t="s">
        <v>24919</v>
      </c>
      <c r="B40270" t="s">
        <v>24920</v>
      </c>
      <c r="C40270" t="s">
        <v>17553</v>
      </c>
      <c r="D40270" t="s">
        <v>17554</v>
      </c>
      <c r="E40270" t="s">
        <v>17455</v>
      </c>
      <c r="F40270" t="s">
        <v>17456</v>
      </c>
      <c r="G40270" t="s">
        <v>16559</v>
      </c>
      <c r="H40270" t="s">
        <v>16560</v>
      </c>
      <c r="I40270" s="2">
        <v>1</v>
      </c>
      <c r="J40270" s="2">
        <v>0</v>
      </c>
      <c r="K40270" s="2">
        <v>0</v>
      </c>
      <c r="L40270" t="s">
        <v>120</v>
      </c>
      <c r="M40270" t="s">
        <v>83</v>
      </c>
      <c r="N40270" t="s">
        <v>84</v>
      </c>
      <c r="O40270" t="s">
        <v>85</v>
      </c>
      <c r="P40270" t="s">
        <v>86</v>
      </c>
      <c r="Q40270">
        <v>11</v>
      </c>
      <c r="R40270">
        <v>11</v>
      </c>
      <c r="S40270">
        <v>11</v>
      </c>
      <c r="T40270">
        <v>12</v>
      </c>
      <c r="U40270">
        <v>12</v>
      </c>
      <c r="V40270">
        <v>12</v>
      </c>
      <c r="W40270">
        <v>12</v>
      </c>
      <c r="X40270">
        <v>13</v>
      </c>
      <c r="Y40270">
        <v>13</v>
      </c>
      <c r="Z40270">
        <v>13</v>
      </c>
      <c r="AA40270">
        <v>13</v>
      </c>
      <c r="AB40270">
        <v>14</v>
      </c>
      <c r="AC40270">
        <v>14</v>
      </c>
      <c r="AD40270">
        <v>14</v>
      </c>
      <c r="AE40270">
        <v>14</v>
      </c>
      <c r="AF40270">
        <v>15</v>
      </c>
      <c r="AG40270">
        <v>15</v>
      </c>
      <c r="AH40270">
        <v>15</v>
      </c>
      <c r="AI40270">
        <v>15</v>
      </c>
      <c r="AJ40270">
        <v>16</v>
      </c>
      <c r="AK40270">
        <v>16</v>
      </c>
      <c r="AL40270">
        <v>16</v>
      </c>
      <c r="AM40270">
        <v>16</v>
      </c>
      <c r="AN40270">
        <v>16</v>
      </c>
      <c r="AO40270">
        <v>17</v>
      </c>
      <c r="AP40270">
        <v>17</v>
      </c>
      <c r="AQ40270">
        <v>17</v>
      </c>
    </row>
    <row r="40271" spans="1:43">
      <c r="A40271" t="s">
        <v>24919</v>
      </c>
      <c r="B40271" t="s">
        <v>24920</v>
      </c>
      <c r="C40271" t="s">
        <v>17553</v>
      </c>
      <c r="D40271" t="s">
        <v>17554</v>
      </c>
      <c r="E40271" t="s">
        <v>17455</v>
      </c>
      <c r="F40271" t="s">
        <v>17456</v>
      </c>
      <c r="G40271" t="s">
        <v>16559</v>
      </c>
      <c r="H40271" t="s">
        <v>16560</v>
      </c>
      <c r="I40271" s="2">
        <v>1</v>
      </c>
      <c r="J40271" s="2">
        <v>0</v>
      </c>
      <c r="K40271" s="2">
        <v>0</v>
      </c>
      <c r="L40271" t="s">
        <v>120</v>
      </c>
      <c r="M40271" t="s">
        <v>87</v>
      </c>
      <c r="N40271" t="s">
        <v>88</v>
      </c>
      <c r="O40271" t="s">
        <v>85</v>
      </c>
      <c r="P40271" t="s">
        <v>86</v>
      </c>
      <c r="Q40271">
        <v>11</v>
      </c>
      <c r="R40271">
        <v>11</v>
      </c>
      <c r="S40271">
        <v>11</v>
      </c>
      <c r="T40271">
        <v>11</v>
      </c>
      <c r="U40271">
        <v>11</v>
      </c>
      <c r="V40271">
        <v>11</v>
      </c>
      <c r="W40271">
        <v>12</v>
      </c>
      <c r="X40271">
        <v>12</v>
      </c>
      <c r="Y40271">
        <v>12</v>
      </c>
      <c r="Z40271">
        <v>12</v>
      </c>
      <c r="AA40271">
        <v>12</v>
      </c>
      <c r="AB40271">
        <v>12</v>
      </c>
      <c r="AC40271">
        <v>12</v>
      </c>
      <c r="AD40271">
        <v>13</v>
      </c>
      <c r="AE40271">
        <v>13</v>
      </c>
      <c r="AF40271">
        <v>13</v>
      </c>
      <c r="AG40271">
        <v>13</v>
      </c>
      <c r="AH40271">
        <v>13</v>
      </c>
      <c r="AI40271">
        <v>13</v>
      </c>
      <c r="AJ40271">
        <v>14</v>
      </c>
      <c r="AK40271">
        <v>14</v>
      </c>
      <c r="AL40271">
        <v>14</v>
      </c>
      <c r="AM40271">
        <v>14</v>
      </c>
      <c r="AN40271">
        <v>14</v>
      </c>
      <c r="AO40271">
        <v>14</v>
      </c>
      <c r="AP40271">
        <v>15</v>
      </c>
      <c r="AQ40271">
        <v>15</v>
      </c>
    </row>
    <row r="40272" spans="1:43">
      <c r="A40272" t="s">
        <v>24919</v>
      </c>
      <c r="B40272" t="s">
        <v>24920</v>
      </c>
      <c r="C40272" t="s">
        <v>17553</v>
      </c>
      <c r="D40272" t="s">
        <v>17554</v>
      </c>
      <c r="E40272" t="s">
        <v>17455</v>
      </c>
      <c r="F40272" t="s">
        <v>17456</v>
      </c>
      <c r="G40272" t="s">
        <v>16559</v>
      </c>
      <c r="H40272" t="s">
        <v>16560</v>
      </c>
      <c r="I40272" s="2">
        <v>1</v>
      </c>
      <c r="J40272" s="2">
        <v>0</v>
      </c>
      <c r="K40272" s="2">
        <v>0</v>
      </c>
      <c r="L40272" t="s">
        <v>120</v>
      </c>
      <c r="M40272" t="s">
        <v>89</v>
      </c>
      <c r="N40272" t="s">
        <v>90</v>
      </c>
      <c r="O40272" t="s">
        <v>85</v>
      </c>
      <c r="P40272" t="s">
        <v>86</v>
      </c>
      <c r="Q40272">
        <v>11</v>
      </c>
      <c r="R40272">
        <v>11</v>
      </c>
      <c r="S40272">
        <v>12</v>
      </c>
      <c r="T40272">
        <v>12</v>
      </c>
      <c r="U40272">
        <v>12</v>
      </c>
      <c r="V40272">
        <v>13</v>
      </c>
      <c r="W40272">
        <v>13</v>
      </c>
      <c r="X40272">
        <v>13</v>
      </c>
      <c r="Y40272">
        <v>14</v>
      </c>
      <c r="Z40272">
        <v>14</v>
      </c>
      <c r="AA40272">
        <v>14</v>
      </c>
      <c r="AB40272">
        <v>14</v>
      </c>
      <c r="AC40272">
        <v>15</v>
      </c>
      <c r="AD40272">
        <v>15</v>
      </c>
      <c r="AE40272">
        <v>15</v>
      </c>
      <c r="AF40272">
        <v>16</v>
      </c>
      <c r="AG40272">
        <v>16</v>
      </c>
      <c r="AH40272">
        <v>16</v>
      </c>
      <c r="AI40272">
        <v>16</v>
      </c>
      <c r="AJ40272">
        <v>16</v>
      </c>
      <c r="AK40272">
        <v>16</v>
      </c>
      <c r="AL40272">
        <v>16</v>
      </c>
      <c r="AM40272">
        <v>16</v>
      </c>
      <c r="AN40272">
        <v>17</v>
      </c>
      <c r="AO40272">
        <v>17</v>
      </c>
      <c r="AP40272">
        <v>17</v>
      </c>
      <c r="AQ40272">
        <v>17</v>
      </c>
    </row>
    <row r="40273" spans="1:43">
      <c r="A40273" t="s">
        <v>24919</v>
      </c>
      <c r="B40273" t="s">
        <v>24920</v>
      </c>
      <c r="C40273" t="s">
        <v>17553</v>
      </c>
      <c r="D40273" t="s">
        <v>17554</v>
      </c>
      <c r="E40273" t="s">
        <v>17455</v>
      </c>
      <c r="F40273" t="s">
        <v>17456</v>
      </c>
      <c r="G40273" t="s">
        <v>16559</v>
      </c>
      <c r="H40273" t="s">
        <v>16560</v>
      </c>
      <c r="I40273" s="2">
        <v>1</v>
      </c>
      <c r="J40273" s="2">
        <v>0</v>
      </c>
      <c r="K40273" s="2">
        <v>0</v>
      </c>
      <c r="L40273" t="s">
        <v>120</v>
      </c>
      <c r="M40273" t="s">
        <v>83</v>
      </c>
      <c r="N40273" t="s">
        <v>91</v>
      </c>
      <c r="O40273" t="s">
        <v>85</v>
      </c>
      <c r="P40273" t="s">
        <v>86</v>
      </c>
      <c r="Q40273">
        <v>11</v>
      </c>
      <c r="R40273">
        <v>11</v>
      </c>
      <c r="S40273">
        <v>11</v>
      </c>
      <c r="T40273">
        <v>12</v>
      </c>
      <c r="U40273">
        <v>12</v>
      </c>
      <c r="V40273">
        <v>12</v>
      </c>
      <c r="W40273">
        <v>12</v>
      </c>
      <c r="X40273">
        <v>13</v>
      </c>
      <c r="Y40273">
        <v>13</v>
      </c>
      <c r="Z40273">
        <v>13</v>
      </c>
      <c r="AA40273">
        <v>13</v>
      </c>
      <c r="AB40273">
        <v>14</v>
      </c>
      <c r="AC40273">
        <v>14</v>
      </c>
      <c r="AD40273">
        <v>14</v>
      </c>
      <c r="AE40273">
        <v>14</v>
      </c>
      <c r="AF40273">
        <v>15</v>
      </c>
      <c r="AG40273">
        <v>15</v>
      </c>
      <c r="AH40273">
        <v>15</v>
      </c>
      <c r="AI40273">
        <v>15</v>
      </c>
      <c r="AJ40273">
        <v>16</v>
      </c>
      <c r="AK40273">
        <v>16</v>
      </c>
      <c r="AL40273">
        <v>16</v>
      </c>
      <c r="AM40273">
        <v>16</v>
      </c>
      <c r="AN40273">
        <v>16</v>
      </c>
      <c r="AO40273">
        <v>17</v>
      </c>
      <c r="AP40273">
        <v>17</v>
      </c>
      <c r="AQ40273">
        <v>17</v>
      </c>
    </row>
    <row r="40274" spans="1:43">
      <c r="A40274" t="s">
        <v>24921</v>
      </c>
      <c r="B40274" t="s">
        <v>24922</v>
      </c>
      <c r="C40274" t="s">
        <v>17553</v>
      </c>
      <c r="D40274" t="s">
        <v>17554</v>
      </c>
      <c r="E40274" t="s">
        <v>17455</v>
      </c>
      <c r="F40274" t="s">
        <v>17456</v>
      </c>
      <c r="G40274" t="s">
        <v>16559</v>
      </c>
      <c r="H40274" t="s">
        <v>16560</v>
      </c>
      <c r="I40274" s="2">
        <v>1</v>
      </c>
      <c r="J40274" s="2">
        <v>0</v>
      </c>
      <c r="K40274" s="2">
        <v>0</v>
      </c>
      <c r="L40274" t="s">
        <v>120</v>
      </c>
      <c r="M40274" t="s">
        <v>83</v>
      </c>
      <c r="N40274" t="s">
        <v>84</v>
      </c>
      <c r="O40274" t="s">
        <v>85</v>
      </c>
      <c r="P40274" t="s">
        <v>86</v>
      </c>
      <c r="Q40274">
        <v>17</v>
      </c>
      <c r="R40274">
        <v>17</v>
      </c>
      <c r="S40274">
        <v>18</v>
      </c>
      <c r="T40274">
        <v>18</v>
      </c>
      <c r="U40274">
        <v>19</v>
      </c>
      <c r="V40274">
        <v>19</v>
      </c>
      <c r="W40274">
        <v>19</v>
      </c>
      <c r="X40274">
        <v>20</v>
      </c>
      <c r="Y40274">
        <v>20</v>
      </c>
      <c r="Z40274">
        <v>21</v>
      </c>
      <c r="AA40274">
        <v>21</v>
      </c>
      <c r="AB40274">
        <v>21</v>
      </c>
      <c r="AC40274">
        <v>22</v>
      </c>
      <c r="AD40274">
        <v>22</v>
      </c>
      <c r="AE40274">
        <v>23</v>
      </c>
      <c r="AF40274">
        <v>23</v>
      </c>
      <c r="AG40274">
        <v>24</v>
      </c>
      <c r="AH40274">
        <v>24</v>
      </c>
      <c r="AI40274">
        <v>24</v>
      </c>
      <c r="AJ40274">
        <v>25</v>
      </c>
      <c r="AK40274">
        <v>25</v>
      </c>
      <c r="AL40274">
        <v>26</v>
      </c>
      <c r="AM40274">
        <v>26</v>
      </c>
      <c r="AN40274">
        <v>26</v>
      </c>
      <c r="AO40274">
        <v>26</v>
      </c>
      <c r="AP40274">
        <v>26</v>
      </c>
      <c r="AQ40274">
        <v>27</v>
      </c>
    </row>
    <row r="40275" spans="1:43">
      <c r="A40275" t="s">
        <v>24921</v>
      </c>
      <c r="B40275" t="s">
        <v>24922</v>
      </c>
      <c r="C40275" t="s">
        <v>17553</v>
      </c>
      <c r="D40275" t="s">
        <v>17554</v>
      </c>
      <c r="E40275" t="s">
        <v>17455</v>
      </c>
      <c r="F40275" t="s">
        <v>17456</v>
      </c>
      <c r="G40275" t="s">
        <v>16559</v>
      </c>
      <c r="H40275" t="s">
        <v>16560</v>
      </c>
      <c r="I40275" s="2">
        <v>1</v>
      </c>
      <c r="J40275" s="2">
        <v>0</v>
      </c>
      <c r="K40275" s="2">
        <v>0</v>
      </c>
      <c r="L40275" t="s">
        <v>120</v>
      </c>
      <c r="M40275" t="s">
        <v>87</v>
      </c>
      <c r="N40275" t="s">
        <v>88</v>
      </c>
      <c r="O40275" t="s">
        <v>85</v>
      </c>
      <c r="P40275" t="s">
        <v>86</v>
      </c>
      <c r="Q40275">
        <v>17</v>
      </c>
      <c r="R40275">
        <v>17</v>
      </c>
      <c r="S40275">
        <v>17</v>
      </c>
      <c r="T40275">
        <v>18</v>
      </c>
      <c r="U40275">
        <v>18</v>
      </c>
      <c r="V40275">
        <v>18</v>
      </c>
      <c r="W40275">
        <v>18</v>
      </c>
      <c r="X40275">
        <v>19</v>
      </c>
      <c r="Y40275">
        <v>19</v>
      </c>
      <c r="Z40275">
        <v>19</v>
      </c>
      <c r="AA40275">
        <v>19</v>
      </c>
      <c r="AB40275">
        <v>19</v>
      </c>
      <c r="AC40275">
        <v>20</v>
      </c>
      <c r="AD40275">
        <v>20</v>
      </c>
      <c r="AE40275">
        <v>20</v>
      </c>
      <c r="AF40275">
        <v>20</v>
      </c>
      <c r="AG40275">
        <v>21</v>
      </c>
      <c r="AH40275">
        <v>21</v>
      </c>
      <c r="AI40275">
        <v>21</v>
      </c>
      <c r="AJ40275">
        <v>21</v>
      </c>
      <c r="AK40275">
        <v>22</v>
      </c>
      <c r="AL40275">
        <v>22</v>
      </c>
      <c r="AM40275">
        <v>22</v>
      </c>
      <c r="AN40275">
        <v>22</v>
      </c>
      <c r="AO40275">
        <v>23</v>
      </c>
      <c r="AP40275">
        <v>23</v>
      </c>
      <c r="AQ40275">
        <v>23</v>
      </c>
    </row>
    <row r="40276" spans="1:43">
      <c r="A40276" t="s">
        <v>24921</v>
      </c>
      <c r="B40276" t="s">
        <v>24922</v>
      </c>
      <c r="C40276" t="s">
        <v>17553</v>
      </c>
      <c r="D40276" t="s">
        <v>17554</v>
      </c>
      <c r="E40276" t="s">
        <v>17455</v>
      </c>
      <c r="F40276" t="s">
        <v>17456</v>
      </c>
      <c r="G40276" t="s">
        <v>16559</v>
      </c>
      <c r="H40276" t="s">
        <v>16560</v>
      </c>
      <c r="I40276" s="2">
        <v>1</v>
      </c>
      <c r="J40276" s="2">
        <v>0</v>
      </c>
      <c r="K40276" s="2">
        <v>0</v>
      </c>
      <c r="L40276" t="s">
        <v>120</v>
      </c>
      <c r="M40276" t="s">
        <v>89</v>
      </c>
      <c r="N40276" t="s">
        <v>90</v>
      </c>
      <c r="O40276" t="s">
        <v>85</v>
      </c>
      <c r="P40276" t="s">
        <v>86</v>
      </c>
      <c r="Q40276">
        <v>17</v>
      </c>
      <c r="R40276">
        <v>18</v>
      </c>
      <c r="S40276">
        <v>18</v>
      </c>
      <c r="T40276">
        <v>19</v>
      </c>
      <c r="U40276">
        <v>19</v>
      </c>
      <c r="V40276">
        <v>20</v>
      </c>
      <c r="W40276">
        <v>20</v>
      </c>
      <c r="X40276">
        <v>21</v>
      </c>
      <c r="Y40276">
        <v>21</v>
      </c>
      <c r="Z40276">
        <v>22</v>
      </c>
      <c r="AA40276">
        <v>22</v>
      </c>
      <c r="AB40276">
        <v>23</v>
      </c>
      <c r="AC40276">
        <v>23</v>
      </c>
      <c r="AD40276">
        <v>24</v>
      </c>
      <c r="AE40276">
        <v>24</v>
      </c>
      <c r="AF40276">
        <v>25</v>
      </c>
      <c r="AG40276">
        <v>25</v>
      </c>
      <c r="AH40276">
        <v>25</v>
      </c>
      <c r="AI40276">
        <v>25</v>
      </c>
      <c r="AJ40276">
        <v>25</v>
      </c>
      <c r="AK40276">
        <v>26</v>
      </c>
      <c r="AL40276">
        <v>26</v>
      </c>
      <c r="AM40276">
        <v>26</v>
      </c>
      <c r="AN40276">
        <v>26</v>
      </c>
      <c r="AO40276">
        <v>26</v>
      </c>
      <c r="AP40276">
        <v>27</v>
      </c>
      <c r="AQ40276">
        <v>27</v>
      </c>
    </row>
    <row r="40277" spans="1:43">
      <c r="A40277" t="s">
        <v>24921</v>
      </c>
      <c r="B40277" t="s">
        <v>24922</v>
      </c>
      <c r="C40277" t="s">
        <v>17553</v>
      </c>
      <c r="D40277" t="s">
        <v>17554</v>
      </c>
      <c r="E40277" t="s">
        <v>17455</v>
      </c>
      <c r="F40277" t="s">
        <v>17456</v>
      </c>
      <c r="G40277" t="s">
        <v>16559</v>
      </c>
      <c r="H40277" t="s">
        <v>16560</v>
      </c>
      <c r="I40277" s="2">
        <v>1</v>
      </c>
      <c r="J40277" s="2">
        <v>0</v>
      </c>
      <c r="K40277" s="2">
        <v>0</v>
      </c>
      <c r="L40277" t="s">
        <v>120</v>
      </c>
      <c r="M40277" t="s">
        <v>83</v>
      </c>
      <c r="N40277" t="s">
        <v>91</v>
      </c>
      <c r="O40277" t="s">
        <v>85</v>
      </c>
      <c r="P40277" t="s">
        <v>86</v>
      </c>
      <c r="Q40277">
        <v>17</v>
      </c>
      <c r="R40277">
        <v>17</v>
      </c>
      <c r="S40277">
        <v>18</v>
      </c>
      <c r="T40277">
        <v>18</v>
      </c>
      <c r="U40277">
        <v>19</v>
      </c>
      <c r="V40277">
        <v>19</v>
      </c>
      <c r="W40277">
        <v>19</v>
      </c>
      <c r="X40277">
        <v>20</v>
      </c>
      <c r="Y40277">
        <v>20</v>
      </c>
      <c r="Z40277">
        <v>21</v>
      </c>
      <c r="AA40277">
        <v>21</v>
      </c>
      <c r="AB40277">
        <v>21</v>
      </c>
      <c r="AC40277">
        <v>22</v>
      </c>
      <c r="AD40277">
        <v>22</v>
      </c>
      <c r="AE40277">
        <v>23</v>
      </c>
      <c r="AF40277">
        <v>23</v>
      </c>
      <c r="AG40277">
        <v>24</v>
      </c>
      <c r="AH40277">
        <v>24</v>
      </c>
      <c r="AI40277">
        <v>24</v>
      </c>
      <c r="AJ40277">
        <v>25</v>
      </c>
      <c r="AK40277">
        <v>25</v>
      </c>
      <c r="AL40277">
        <v>26</v>
      </c>
      <c r="AM40277">
        <v>26</v>
      </c>
      <c r="AN40277">
        <v>26</v>
      </c>
      <c r="AO40277">
        <v>26</v>
      </c>
      <c r="AP40277">
        <v>26</v>
      </c>
      <c r="AQ40277">
        <v>27</v>
      </c>
    </row>
    <row r="40278" spans="1:43">
      <c r="A40278" t="s">
        <v>24923</v>
      </c>
      <c r="B40278" t="s">
        <v>24924</v>
      </c>
      <c r="C40278" t="s">
        <v>24925</v>
      </c>
      <c r="D40278" t="s">
        <v>24926</v>
      </c>
      <c r="E40278" t="s">
        <v>20787</v>
      </c>
      <c r="F40278" t="s">
        <v>20788</v>
      </c>
      <c r="G40278" t="s">
        <v>20255</v>
      </c>
      <c r="H40278" t="s">
        <v>20256</v>
      </c>
      <c r="I40278" s="2">
        <v>1</v>
      </c>
      <c r="J40278" s="2">
        <v>0</v>
      </c>
      <c r="K40278" s="2">
        <v>0</v>
      </c>
      <c r="L40278" t="s">
        <v>120</v>
      </c>
      <c r="M40278" t="s">
        <v>83</v>
      </c>
      <c r="N40278" t="s">
        <v>84</v>
      </c>
      <c r="O40278" t="s">
        <v>85</v>
      </c>
      <c r="P40278" t="s">
        <v>86</v>
      </c>
      <c r="Q40278">
        <v>9</v>
      </c>
      <c r="R40278">
        <v>9</v>
      </c>
      <c r="S40278">
        <v>9</v>
      </c>
      <c r="T40278">
        <v>9</v>
      </c>
      <c r="U40278">
        <v>10</v>
      </c>
      <c r="V40278">
        <v>10</v>
      </c>
      <c r="W40278">
        <v>10</v>
      </c>
      <c r="X40278">
        <v>10</v>
      </c>
      <c r="Y40278">
        <v>10</v>
      </c>
      <c r="Z40278">
        <v>10</v>
      </c>
      <c r="AA40278">
        <v>10</v>
      </c>
      <c r="AB40278">
        <v>11</v>
      </c>
      <c r="AC40278">
        <v>11</v>
      </c>
      <c r="AD40278">
        <v>11</v>
      </c>
      <c r="AE40278">
        <v>11</v>
      </c>
      <c r="AF40278">
        <v>11</v>
      </c>
      <c r="AG40278">
        <v>11</v>
      </c>
      <c r="AH40278">
        <v>11</v>
      </c>
      <c r="AI40278">
        <v>12</v>
      </c>
      <c r="AJ40278">
        <v>12</v>
      </c>
      <c r="AK40278">
        <v>12</v>
      </c>
      <c r="AL40278">
        <v>12</v>
      </c>
      <c r="AM40278">
        <v>12</v>
      </c>
      <c r="AN40278">
        <v>12</v>
      </c>
      <c r="AO40278">
        <v>12</v>
      </c>
      <c r="AP40278">
        <v>12</v>
      </c>
      <c r="AQ40278">
        <v>12</v>
      </c>
    </row>
    <row r="40279" spans="1:43">
      <c r="A40279" t="s">
        <v>24923</v>
      </c>
      <c r="B40279" t="s">
        <v>24924</v>
      </c>
      <c r="C40279" t="s">
        <v>24925</v>
      </c>
      <c r="D40279" t="s">
        <v>24926</v>
      </c>
      <c r="E40279" t="s">
        <v>20787</v>
      </c>
      <c r="F40279" t="s">
        <v>20788</v>
      </c>
      <c r="G40279" t="s">
        <v>20255</v>
      </c>
      <c r="H40279" t="s">
        <v>20256</v>
      </c>
      <c r="I40279" s="2">
        <v>1</v>
      </c>
      <c r="J40279" s="2">
        <v>0</v>
      </c>
      <c r="K40279" s="2">
        <v>0</v>
      </c>
      <c r="L40279" t="s">
        <v>120</v>
      </c>
      <c r="M40279" t="s">
        <v>87</v>
      </c>
      <c r="N40279" t="s">
        <v>88</v>
      </c>
      <c r="O40279" t="s">
        <v>85</v>
      </c>
      <c r="P40279" t="s">
        <v>86</v>
      </c>
      <c r="Q40279">
        <v>9</v>
      </c>
      <c r="R40279">
        <v>9</v>
      </c>
      <c r="S40279">
        <v>9</v>
      </c>
      <c r="T40279">
        <v>9</v>
      </c>
      <c r="U40279">
        <v>9</v>
      </c>
      <c r="V40279">
        <v>9</v>
      </c>
      <c r="W40279">
        <v>9</v>
      </c>
      <c r="X40279">
        <v>9</v>
      </c>
      <c r="Y40279">
        <v>9</v>
      </c>
      <c r="Z40279">
        <v>9</v>
      </c>
      <c r="AA40279">
        <v>10</v>
      </c>
      <c r="AB40279">
        <v>10</v>
      </c>
      <c r="AC40279">
        <v>10</v>
      </c>
      <c r="AD40279">
        <v>10</v>
      </c>
      <c r="AE40279">
        <v>10</v>
      </c>
      <c r="AF40279">
        <v>10</v>
      </c>
      <c r="AG40279">
        <v>10</v>
      </c>
      <c r="AH40279">
        <v>10</v>
      </c>
      <c r="AI40279">
        <v>10</v>
      </c>
      <c r="AJ40279">
        <v>10</v>
      </c>
      <c r="AK40279">
        <v>10</v>
      </c>
      <c r="AL40279">
        <v>10</v>
      </c>
      <c r="AM40279">
        <v>10</v>
      </c>
      <c r="AN40279">
        <v>10</v>
      </c>
      <c r="AO40279">
        <v>10</v>
      </c>
      <c r="AP40279">
        <v>11</v>
      </c>
      <c r="AQ40279">
        <v>11</v>
      </c>
    </row>
    <row r="40280" spans="1:43">
      <c r="A40280" t="s">
        <v>24923</v>
      </c>
      <c r="B40280" t="s">
        <v>24924</v>
      </c>
      <c r="C40280" t="s">
        <v>24925</v>
      </c>
      <c r="D40280" t="s">
        <v>24926</v>
      </c>
      <c r="E40280" t="s">
        <v>20787</v>
      </c>
      <c r="F40280" t="s">
        <v>20788</v>
      </c>
      <c r="G40280" t="s">
        <v>20255</v>
      </c>
      <c r="H40280" t="s">
        <v>20256</v>
      </c>
      <c r="I40280" s="2">
        <v>1</v>
      </c>
      <c r="J40280" s="2">
        <v>0</v>
      </c>
      <c r="K40280" s="2">
        <v>0</v>
      </c>
      <c r="L40280" t="s">
        <v>120</v>
      </c>
      <c r="M40280" t="s">
        <v>89</v>
      </c>
      <c r="N40280" t="s">
        <v>90</v>
      </c>
      <c r="O40280" t="s">
        <v>85</v>
      </c>
      <c r="P40280" t="s">
        <v>86</v>
      </c>
      <c r="Q40280">
        <v>9</v>
      </c>
      <c r="R40280">
        <v>9</v>
      </c>
      <c r="S40280">
        <v>10</v>
      </c>
      <c r="T40280">
        <v>10</v>
      </c>
      <c r="U40280">
        <v>10</v>
      </c>
      <c r="V40280">
        <v>10</v>
      </c>
      <c r="W40280">
        <v>10</v>
      </c>
      <c r="X40280">
        <v>11</v>
      </c>
      <c r="Y40280">
        <v>11</v>
      </c>
      <c r="Z40280">
        <v>11</v>
      </c>
      <c r="AA40280">
        <v>11</v>
      </c>
      <c r="AB40280">
        <v>11</v>
      </c>
      <c r="AC40280">
        <v>11</v>
      </c>
      <c r="AD40280">
        <v>12</v>
      </c>
      <c r="AE40280">
        <v>12</v>
      </c>
      <c r="AF40280">
        <v>12</v>
      </c>
      <c r="AG40280">
        <v>12</v>
      </c>
      <c r="AH40280">
        <v>12</v>
      </c>
      <c r="AI40280">
        <v>12</v>
      </c>
      <c r="AJ40280">
        <v>12</v>
      </c>
      <c r="AK40280">
        <v>12</v>
      </c>
      <c r="AL40280">
        <v>12</v>
      </c>
      <c r="AM40280">
        <v>12</v>
      </c>
      <c r="AN40280">
        <v>12</v>
      </c>
      <c r="AO40280">
        <v>12</v>
      </c>
      <c r="AP40280">
        <v>12</v>
      </c>
      <c r="AQ40280">
        <v>12</v>
      </c>
    </row>
    <row r="40281" spans="1:43">
      <c r="A40281" t="s">
        <v>24923</v>
      </c>
      <c r="B40281" t="s">
        <v>24924</v>
      </c>
      <c r="C40281" t="s">
        <v>24925</v>
      </c>
      <c r="D40281" t="s">
        <v>24926</v>
      </c>
      <c r="E40281" t="s">
        <v>20787</v>
      </c>
      <c r="F40281" t="s">
        <v>20788</v>
      </c>
      <c r="G40281" t="s">
        <v>20255</v>
      </c>
      <c r="H40281" t="s">
        <v>20256</v>
      </c>
      <c r="I40281" s="2">
        <v>1</v>
      </c>
      <c r="J40281" s="2">
        <v>0</v>
      </c>
      <c r="K40281" s="2">
        <v>0</v>
      </c>
      <c r="L40281" t="s">
        <v>120</v>
      </c>
      <c r="M40281" t="s">
        <v>83</v>
      </c>
      <c r="N40281" t="s">
        <v>91</v>
      </c>
      <c r="O40281" t="s">
        <v>85</v>
      </c>
      <c r="P40281" t="s">
        <v>86</v>
      </c>
      <c r="Q40281">
        <v>9</v>
      </c>
      <c r="R40281">
        <v>9</v>
      </c>
      <c r="S40281">
        <v>9</v>
      </c>
      <c r="T40281">
        <v>9</v>
      </c>
      <c r="U40281">
        <v>10</v>
      </c>
      <c r="V40281">
        <v>10</v>
      </c>
      <c r="W40281">
        <v>10</v>
      </c>
      <c r="X40281">
        <v>10</v>
      </c>
      <c r="Y40281">
        <v>10</v>
      </c>
      <c r="Z40281">
        <v>10</v>
      </c>
      <c r="AA40281">
        <v>10</v>
      </c>
      <c r="AB40281">
        <v>11</v>
      </c>
      <c r="AC40281">
        <v>11</v>
      </c>
      <c r="AD40281">
        <v>11</v>
      </c>
      <c r="AE40281">
        <v>11</v>
      </c>
      <c r="AF40281">
        <v>11</v>
      </c>
      <c r="AG40281">
        <v>11</v>
      </c>
      <c r="AH40281">
        <v>11</v>
      </c>
      <c r="AI40281">
        <v>12</v>
      </c>
      <c r="AJ40281">
        <v>12</v>
      </c>
      <c r="AK40281">
        <v>12</v>
      </c>
      <c r="AL40281">
        <v>12</v>
      </c>
      <c r="AM40281">
        <v>12</v>
      </c>
      <c r="AN40281">
        <v>12</v>
      </c>
      <c r="AO40281">
        <v>12</v>
      </c>
      <c r="AP40281">
        <v>12</v>
      </c>
      <c r="AQ40281">
        <v>12</v>
      </c>
    </row>
    <row r="40282" spans="1:43">
      <c r="A40282" t="s">
        <v>24927</v>
      </c>
      <c r="B40282" t="s">
        <v>24928</v>
      </c>
      <c r="C40282" t="s">
        <v>24925</v>
      </c>
      <c r="D40282" t="s">
        <v>24926</v>
      </c>
      <c r="E40282" t="s">
        <v>20787</v>
      </c>
      <c r="F40282" t="s">
        <v>20788</v>
      </c>
      <c r="G40282" t="s">
        <v>20255</v>
      </c>
      <c r="H40282" t="s">
        <v>20256</v>
      </c>
      <c r="I40282" s="2">
        <v>1</v>
      </c>
      <c r="J40282" s="2">
        <v>0</v>
      </c>
      <c r="K40282" s="2">
        <v>0</v>
      </c>
      <c r="L40282" t="s">
        <v>120</v>
      </c>
      <c r="M40282" t="s">
        <v>83</v>
      </c>
      <c r="N40282" t="s">
        <v>84</v>
      </c>
      <c r="O40282" t="s">
        <v>85</v>
      </c>
      <c r="P40282" t="s">
        <v>86</v>
      </c>
      <c r="Q40282">
        <v>6</v>
      </c>
      <c r="R40282">
        <v>7</v>
      </c>
      <c r="S40282">
        <v>7</v>
      </c>
      <c r="T40282">
        <v>7</v>
      </c>
      <c r="U40282">
        <v>7</v>
      </c>
      <c r="V40282">
        <v>7</v>
      </c>
      <c r="W40282">
        <v>7</v>
      </c>
      <c r="X40282">
        <v>7</v>
      </c>
      <c r="Y40282">
        <v>8</v>
      </c>
      <c r="Z40282">
        <v>8</v>
      </c>
      <c r="AA40282">
        <v>8</v>
      </c>
      <c r="AB40282">
        <v>8</v>
      </c>
      <c r="AC40282">
        <v>8</v>
      </c>
      <c r="AD40282">
        <v>8</v>
      </c>
      <c r="AE40282">
        <v>9</v>
      </c>
      <c r="AF40282">
        <v>9</v>
      </c>
      <c r="AG40282">
        <v>9</v>
      </c>
      <c r="AH40282">
        <v>9</v>
      </c>
      <c r="AI40282">
        <v>9</v>
      </c>
      <c r="AJ40282">
        <v>9</v>
      </c>
      <c r="AK40282">
        <v>10</v>
      </c>
      <c r="AL40282">
        <v>10</v>
      </c>
      <c r="AM40282">
        <v>10</v>
      </c>
      <c r="AN40282">
        <v>10</v>
      </c>
      <c r="AO40282">
        <v>10</v>
      </c>
      <c r="AP40282">
        <v>10</v>
      </c>
      <c r="AQ40282">
        <v>10</v>
      </c>
    </row>
    <row r="40283" spans="1:43">
      <c r="A40283" t="s">
        <v>24927</v>
      </c>
      <c r="B40283" t="s">
        <v>24928</v>
      </c>
      <c r="C40283" t="s">
        <v>24925</v>
      </c>
      <c r="D40283" t="s">
        <v>24926</v>
      </c>
      <c r="E40283" t="s">
        <v>20787</v>
      </c>
      <c r="F40283" t="s">
        <v>20788</v>
      </c>
      <c r="G40283" t="s">
        <v>20255</v>
      </c>
      <c r="H40283" t="s">
        <v>20256</v>
      </c>
      <c r="I40283" s="2">
        <v>1</v>
      </c>
      <c r="J40283" s="2">
        <v>0</v>
      </c>
      <c r="K40283" s="2">
        <v>0</v>
      </c>
      <c r="L40283" t="s">
        <v>120</v>
      </c>
      <c r="M40283" t="s">
        <v>87</v>
      </c>
      <c r="N40283" t="s">
        <v>88</v>
      </c>
      <c r="O40283" t="s">
        <v>85</v>
      </c>
      <c r="P40283" t="s">
        <v>86</v>
      </c>
      <c r="Q40283">
        <v>6</v>
      </c>
      <c r="R40283">
        <v>6</v>
      </c>
      <c r="S40283">
        <v>6</v>
      </c>
      <c r="T40283">
        <v>7</v>
      </c>
      <c r="U40283">
        <v>7</v>
      </c>
      <c r="V40283">
        <v>7</v>
      </c>
      <c r="W40283">
        <v>7</v>
      </c>
      <c r="X40283">
        <v>7</v>
      </c>
      <c r="Y40283">
        <v>7</v>
      </c>
      <c r="Z40283">
        <v>7</v>
      </c>
      <c r="AA40283">
        <v>7</v>
      </c>
      <c r="AB40283">
        <v>7</v>
      </c>
      <c r="AC40283">
        <v>7</v>
      </c>
      <c r="AD40283">
        <v>8</v>
      </c>
      <c r="AE40283">
        <v>8</v>
      </c>
      <c r="AF40283">
        <v>8</v>
      </c>
      <c r="AG40283">
        <v>8</v>
      </c>
      <c r="AH40283">
        <v>8</v>
      </c>
      <c r="AI40283">
        <v>8</v>
      </c>
      <c r="AJ40283">
        <v>8</v>
      </c>
      <c r="AK40283">
        <v>8</v>
      </c>
      <c r="AL40283">
        <v>8</v>
      </c>
      <c r="AM40283">
        <v>9</v>
      </c>
      <c r="AN40283">
        <v>9</v>
      </c>
      <c r="AO40283">
        <v>9</v>
      </c>
      <c r="AP40283">
        <v>9</v>
      </c>
      <c r="AQ40283">
        <v>9</v>
      </c>
    </row>
    <row r="40284" spans="1:43">
      <c r="A40284" t="s">
        <v>24927</v>
      </c>
      <c r="B40284" t="s">
        <v>24928</v>
      </c>
      <c r="C40284" t="s">
        <v>24925</v>
      </c>
      <c r="D40284" t="s">
        <v>24926</v>
      </c>
      <c r="E40284" t="s">
        <v>20787</v>
      </c>
      <c r="F40284" t="s">
        <v>20788</v>
      </c>
      <c r="G40284" t="s">
        <v>20255</v>
      </c>
      <c r="H40284" t="s">
        <v>20256</v>
      </c>
      <c r="I40284" s="2">
        <v>1</v>
      </c>
      <c r="J40284" s="2">
        <v>0</v>
      </c>
      <c r="K40284" s="2">
        <v>0</v>
      </c>
      <c r="L40284" t="s">
        <v>120</v>
      </c>
      <c r="M40284" t="s">
        <v>89</v>
      </c>
      <c r="N40284" t="s">
        <v>90</v>
      </c>
      <c r="O40284" t="s">
        <v>85</v>
      </c>
      <c r="P40284" t="s">
        <v>86</v>
      </c>
      <c r="Q40284">
        <v>6</v>
      </c>
      <c r="R40284">
        <v>7</v>
      </c>
      <c r="S40284">
        <v>7</v>
      </c>
      <c r="T40284">
        <v>7</v>
      </c>
      <c r="U40284">
        <v>7</v>
      </c>
      <c r="V40284">
        <v>7</v>
      </c>
      <c r="W40284">
        <v>8</v>
      </c>
      <c r="X40284">
        <v>8</v>
      </c>
      <c r="Y40284">
        <v>8</v>
      </c>
      <c r="Z40284">
        <v>8</v>
      </c>
      <c r="AA40284">
        <v>8</v>
      </c>
      <c r="AB40284">
        <v>9</v>
      </c>
      <c r="AC40284">
        <v>9</v>
      </c>
      <c r="AD40284">
        <v>9</v>
      </c>
      <c r="AE40284">
        <v>9</v>
      </c>
      <c r="AF40284">
        <v>9</v>
      </c>
      <c r="AG40284">
        <v>9</v>
      </c>
      <c r="AH40284">
        <v>9</v>
      </c>
      <c r="AI40284">
        <v>10</v>
      </c>
      <c r="AJ40284">
        <v>10</v>
      </c>
      <c r="AK40284">
        <v>10</v>
      </c>
      <c r="AL40284">
        <v>10</v>
      </c>
      <c r="AM40284">
        <v>10</v>
      </c>
      <c r="AN40284">
        <v>10</v>
      </c>
      <c r="AO40284">
        <v>10</v>
      </c>
      <c r="AP40284">
        <v>10</v>
      </c>
      <c r="AQ40284">
        <v>10</v>
      </c>
    </row>
    <row r="40285" spans="1:43">
      <c r="A40285" t="s">
        <v>24927</v>
      </c>
      <c r="B40285" t="s">
        <v>24928</v>
      </c>
      <c r="C40285" t="s">
        <v>24925</v>
      </c>
      <c r="D40285" t="s">
        <v>24926</v>
      </c>
      <c r="E40285" t="s">
        <v>20787</v>
      </c>
      <c r="F40285" t="s">
        <v>20788</v>
      </c>
      <c r="G40285" t="s">
        <v>20255</v>
      </c>
      <c r="H40285" t="s">
        <v>20256</v>
      </c>
      <c r="I40285" s="2">
        <v>1</v>
      </c>
      <c r="J40285" s="2">
        <v>0</v>
      </c>
      <c r="K40285" s="2">
        <v>0</v>
      </c>
      <c r="L40285" t="s">
        <v>120</v>
      </c>
      <c r="M40285" t="s">
        <v>83</v>
      </c>
      <c r="N40285" t="s">
        <v>91</v>
      </c>
      <c r="O40285" t="s">
        <v>85</v>
      </c>
      <c r="P40285" t="s">
        <v>86</v>
      </c>
      <c r="Q40285">
        <v>6</v>
      </c>
      <c r="R40285">
        <v>7</v>
      </c>
      <c r="S40285">
        <v>7</v>
      </c>
      <c r="T40285">
        <v>7</v>
      </c>
      <c r="U40285">
        <v>7</v>
      </c>
      <c r="V40285">
        <v>7</v>
      </c>
      <c r="W40285">
        <v>7</v>
      </c>
      <c r="X40285">
        <v>7</v>
      </c>
      <c r="Y40285">
        <v>8</v>
      </c>
      <c r="Z40285">
        <v>8</v>
      </c>
      <c r="AA40285">
        <v>8</v>
      </c>
      <c r="AB40285">
        <v>8</v>
      </c>
      <c r="AC40285">
        <v>8</v>
      </c>
      <c r="AD40285">
        <v>8</v>
      </c>
      <c r="AE40285">
        <v>9</v>
      </c>
      <c r="AF40285">
        <v>9</v>
      </c>
      <c r="AG40285">
        <v>9</v>
      </c>
      <c r="AH40285">
        <v>9</v>
      </c>
      <c r="AI40285">
        <v>9</v>
      </c>
      <c r="AJ40285">
        <v>9</v>
      </c>
      <c r="AK40285">
        <v>10</v>
      </c>
      <c r="AL40285">
        <v>10</v>
      </c>
      <c r="AM40285">
        <v>10</v>
      </c>
      <c r="AN40285">
        <v>10</v>
      </c>
      <c r="AO40285">
        <v>10</v>
      </c>
      <c r="AP40285">
        <v>10</v>
      </c>
      <c r="AQ40285">
        <v>10</v>
      </c>
    </row>
    <row r="40286" spans="1:43">
      <c r="A40286" t="s">
        <v>24929</v>
      </c>
      <c r="B40286" t="s">
        <v>24930</v>
      </c>
      <c r="C40286" t="s">
        <v>24925</v>
      </c>
      <c r="D40286" t="s">
        <v>24926</v>
      </c>
      <c r="E40286" t="s">
        <v>20787</v>
      </c>
      <c r="F40286" t="s">
        <v>20788</v>
      </c>
      <c r="G40286" t="s">
        <v>20255</v>
      </c>
      <c r="H40286" t="s">
        <v>20256</v>
      </c>
      <c r="I40286" s="2">
        <v>1</v>
      </c>
      <c r="J40286" s="2">
        <v>0</v>
      </c>
      <c r="K40286" s="2">
        <v>0</v>
      </c>
      <c r="L40286" t="s">
        <v>120</v>
      </c>
      <c r="M40286" t="s">
        <v>83</v>
      </c>
      <c r="N40286" t="s">
        <v>84</v>
      </c>
      <c r="O40286" t="s">
        <v>85</v>
      </c>
      <c r="P40286" t="s">
        <v>86</v>
      </c>
      <c r="Q40286">
        <v>92</v>
      </c>
      <c r="R40286">
        <v>94</v>
      </c>
      <c r="S40286">
        <v>97</v>
      </c>
      <c r="T40286">
        <v>99</v>
      </c>
      <c r="U40286">
        <v>101</v>
      </c>
      <c r="V40286">
        <v>103</v>
      </c>
      <c r="W40286">
        <v>106</v>
      </c>
      <c r="X40286">
        <v>108</v>
      </c>
      <c r="Y40286">
        <v>110</v>
      </c>
      <c r="Z40286">
        <v>112</v>
      </c>
      <c r="AA40286">
        <v>115</v>
      </c>
      <c r="AB40286">
        <v>117</v>
      </c>
      <c r="AC40286">
        <v>119</v>
      </c>
      <c r="AD40286">
        <v>122</v>
      </c>
      <c r="AE40286">
        <v>124</v>
      </c>
      <c r="AF40286">
        <v>127</v>
      </c>
      <c r="AG40286">
        <v>129</v>
      </c>
      <c r="AH40286">
        <v>132</v>
      </c>
      <c r="AI40286">
        <v>134</v>
      </c>
      <c r="AJ40286">
        <v>137</v>
      </c>
      <c r="AK40286">
        <v>140</v>
      </c>
      <c r="AL40286">
        <v>142</v>
      </c>
      <c r="AM40286">
        <v>143</v>
      </c>
      <c r="AN40286">
        <v>145</v>
      </c>
      <c r="AO40286">
        <v>147</v>
      </c>
      <c r="AP40286">
        <v>148</v>
      </c>
      <c r="AQ40286">
        <v>150</v>
      </c>
    </row>
    <row r="40287" spans="1:43">
      <c r="A40287" t="s">
        <v>24929</v>
      </c>
      <c r="B40287" t="s">
        <v>24930</v>
      </c>
      <c r="C40287" t="s">
        <v>24925</v>
      </c>
      <c r="D40287" t="s">
        <v>24926</v>
      </c>
      <c r="E40287" t="s">
        <v>20787</v>
      </c>
      <c r="F40287" t="s">
        <v>20788</v>
      </c>
      <c r="G40287" t="s">
        <v>20255</v>
      </c>
      <c r="H40287" t="s">
        <v>20256</v>
      </c>
      <c r="I40287" s="2">
        <v>1</v>
      </c>
      <c r="J40287" s="2">
        <v>0</v>
      </c>
      <c r="K40287" s="2">
        <v>0</v>
      </c>
      <c r="L40287" t="s">
        <v>120</v>
      </c>
      <c r="M40287" t="s">
        <v>87</v>
      </c>
      <c r="N40287" t="s">
        <v>88</v>
      </c>
      <c r="O40287" t="s">
        <v>85</v>
      </c>
      <c r="P40287" t="s">
        <v>86</v>
      </c>
      <c r="Q40287">
        <v>92</v>
      </c>
      <c r="R40287">
        <v>94</v>
      </c>
      <c r="S40287">
        <v>95</v>
      </c>
      <c r="T40287">
        <v>96</v>
      </c>
      <c r="U40287">
        <v>98</v>
      </c>
      <c r="V40287">
        <v>99</v>
      </c>
      <c r="W40287">
        <v>100</v>
      </c>
      <c r="X40287">
        <v>101</v>
      </c>
      <c r="Y40287">
        <v>103</v>
      </c>
      <c r="Z40287">
        <v>104</v>
      </c>
      <c r="AA40287">
        <v>106</v>
      </c>
      <c r="AB40287">
        <v>107</v>
      </c>
      <c r="AC40287">
        <v>108</v>
      </c>
      <c r="AD40287">
        <v>110</v>
      </c>
      <c r="AE40287">
        <v>111</v>
      </c>
      <c r="AF40287">
        <v>113</v>
      </c>
      <c r="AG40287">
        <v>114</v>
      </c>
      <c r="AH40287">
        <v>116</v>
      </c>
      <c r="AI40287">
        <v>118</v>
      </c>
      <c r="AJ40287">
        <v>119</v>
      </c>
      <c r="AK40287">
        <v>121</v>
      </c>
      <c r="AL40287">
        <v>123</v>
      </c>
      <c r="AM40287">
        <v>124</v>
      </c>
      <c r="AN40287">
        <v>126</v>
      </c>
      <c r="AO40287">
        <v>128</v>
      </c>
      <c r="AP40287">
        <v>130</v>
      </c>
      <c r="AQ40287">
        <v>131</v>
      </c>
    </row>
    <row r="40288" spans="1:43">
      <c r="A40288" t="s">
        <v>24929</v>
      </c>
      <c r="B40288" t="s">
        <v>24930</v>
      </c>
      <c r="C40288" t="s">
        <v>24925</v>
      </c>
      <c r="D40288" t="s">
        <v>24926</v>
      </c>
      <c r="E40288" t="s">
        <v>20787</v>
      </c>
      <c r="F40288" t="s">
        <v>20788</v>
      </c>
      <c r="G40288" t="s">
        <v>20255</v>
      </c>
      <c r="H40288" t="s">
        <v>20256</v>
      </c>
      <c r="I40288" s="2">
        <v>1</v>
      </c>
      <c r="J40288" s="2">
        <v>0</v>
      </c>
      <c r="K40288" s="2">
        <v>0</v>
      </c>
      <c r="L40288" t="s">
        <v>120</v>
      </c>
      <c r="M40288" t="s">
        <v>89</v>
      </c>
      <c r="N40288" t="s">
        <v>90</v>
      </c>
      <c r="O40288" t="s">
        <v>85</v>
      </c>
      <c r="P40288" t="s">
        <v>86</v>
      </c>
      <c r="Q40288">
        <v>92</v>
      </c>
      <c r="R40288">
        <v>95</v>
      </c>
      <c r="S40288">
        <v>98</v>
      </c>
      <c r="T40288">
        <v>101</v>
      </c>
      <c r="U40288">
        <v>104</v>
      </c>
      <c r="V40288">
        <v>107</v>
      </c>
      <c r="W40288">
        <v>110</v>
      </c>
      <c r="X40288">
        <v>112</v>
      </c>
      <c r="Y40288">
        <v>115</v>
      </c>
      <c r="Z40288">
        <v>118</v>
      </c>
      <c r="AA40288">
        <v>121</v>
      </c>
      <c r="AB40288">
        <v>123</v>
      </c>
      <c r="AC40288">
        <v>126</v>
      </c>
      <c r="AD40288">
        <v>129</v>
      </c>
      <c r="AE40288">
        <v>132</v>
      </c>
      <c r="AF40288">
        <v>133</v>
      </c>
      <c r="AG40288">
        <v>135</v>
      </c>
      <c r="AH40288">
        <v>136</v>
      </c>
      <c r="AI40288">
        <v>138</v>
      </c>
      <c r="AJ40288">
        <v>139</v>
      </c>
      <c r="AK40288">
        <v>141</v>
      </c>
      <c r="AL40288">
        <v>143</v>
      </c>
      <c r="AM40288">
        <v>144</v>
      </c>
      <c r="AN40288">
        <v>146</v>
      </c>
      <c r="AO40288">
        <v>147</v>
      </c>
      <c r="AP40288">
        <v>149</v>
      </c>
      <c r="AQ40288">
        <v>151</v>
      </c>
    </row>
    <row r="40289" spans="1:43">
      <c r="A40289" t="s">
        <v>24929</v>
      </c>
      <c r="B40289" t="s">
        <v>24930</v>
      </c>
      <c r="C40289" t="s">
        <v>24925</v>
      </c>
      <c r="D40289" t="s">
        <v>24926</v>
      </c>
      <c r="E40289" t="s">
        <v>20787</v>
      </c>
      <c r="F40289" t="s">
        <v>20788</v>
      </c>
      <c r="G40289" t="s">
        <v>20255</v>
      </c>
      <c r="H40289" t="s">
        <v>20256</v>
      </c>
      <c r="I40289" s="2">
        <v>1</v>
      </c>
      <c r="J40289" s="2">
        <v>0</v>
      </c>
      <c r="K40289" s="2">
        <v>0</v>
      </c>
      <c r="L40289" t="s">
        <v>120</v>
      </c>
      <c r="M40289" t="s">
        <v>83</v>
      </c>
      <c r="N40289" t="s">
        <v>91</v>
      </c>
      <c r="O40289" t="s">
        <v>85</v>
      </c>
      <c r="P40289" t="s">
        <v>86</v>
      </c>
      <c r="Q40289">
        <v>92</v>
      </c>
      <c r="R40289">
        <v>94</v>
      </c>
      <c r="S40289">
        <v>97</v>
      </c>
      <c r="T40289">
        <v>99</v>
      </c>
      <c r="U40289">
        <v>101</v>
      </c>
      <c r="V40289">
        <v>103</v>
      </c>
      <c r="W40289">
        <v>106</v>
      </c>
      <c r="X40289">
        <v>108</v>
      </c>
      <c r="Y40289">
        <v>110</v>
      </c>
      <c r="Z40289">
        <v>112</v>
      </c>
      <c r="AA40289">
        <v>115</v>
      </c>
      <c r="AB40289">
        <v>117</v>
      </c>
      <c r="AC40289">
        <v>119</v>
      </c>
      <c r="AD40289">
        <v>122</v>
      </c>
      <c r="AE40289">
        <v>124</v>
      </c>
      <c r="AF40289">
        <v>127</v>
      </c>
      <c r="AG40289">
        <v>129</v>
      </c>
      <c r="AH40289">
        <v>132</v>
      </c>
      <c r="AI40289">
        <v>134</v>
      </c>
      <c r="AJ40289">
        <v>137</v>
      </c>
      <c r="AK40289">
        <v>140</v>
      </c>
      <c r="AL40289">
        <v>142</v>
      </c>
      <c r="AM40289">
        <v>143</v>
      </c>
      <c r="AN40289">
        <v>145</v>
      </c>
      <c r="AO40289">
        <v>147</v>
      </c>
      <c r="AP40289">
        <v>148</v>
      </c>
      <c r="AQ40289">
        <v>150</v>
      </c>
    </row>
    <row r="40290" spans="1:43">
      <c r="A40290" t="s">
        <v>24931</v>
      </c>
      <c r="B40290" t="s">
        <v>24932</v>
      </c>
      <c r="C40290" t="s">
        <v>24925</v>
      </c>
      <c r="D40290" t="s">
        <v>24926</v>
      </c>
      <c r="E40290" t="s">
        <v>20787</v>
      </c>
      <c r="F40290" t="s">
        <v>20788</v>
      </c>
      <c r="G40290" t="s">
        <v>20255</v>
      </c>
      <c r="H40290" t="s">
        <v>20256</v>
      </c>
      <c r="I40290" s="2">
        <v>1</v>
      </c>
      <c r="J40290" s="2">
        <v>0</v>
      </c>
      <c r="K40290" s="2">
        <v>0</v>
      </c>
      <c r="L40290" t="s">
        <v>120</v>
      </c>
      <c r="M40290" t="s">
        <v>83</v>
      </c>
      <c r="N40290" t="s">
        <v>84</v>
      </c>
      <c r="O40290" t="s">
        <v>85</v>
      </c>
      <c r="P40290" t="s">
        <v>86</v>
      </c>
      <c r="Q40290">
        <v>33</v>
      </c>
      <c r="R40290">
        <v>34</v>
      </c>
      <c r="S40290">
        <v>34</v>
      </c>
      <c r="T40290">
        <v>35</v>
      </c>
      <c r="U40290">
        <v>36</v>
      </c>
      <c r="V40290">
        <v>37</v>
      </c>
      <c r="W40290">
        <v>37</v>
      </c>
      <c r="X40290">
        <v>38</v>
      </c>
      <c r="Y40290">
        <v>39</v>
      </c>
      <c r="Z40290">
        <v>40</v>
      </c>
      <c r="AA40290">
        <v>41</v>
      </c>
      <c r="AB40290">
        <v>41</v>
      </c>
      <c r="AC40290">
        <v>42</v>
      </c>
      <c r="AD40290">
        <v>43</v>
      </c>
      <c r="AE40290">
        <v>44</v>
      </c>
      <c r="AF40290">
        <v>45</v>
      </c>
      <c r="AG40290">
        <v>46</v>
      </c>
      <c r="AH40290">
        <v>47</v>
      </c>
      <c r="AI40290">
        <v>48</v>
      </c>
      <c r="AJ40290">
        <v>49</v>
      </c>
      <c r="AK40290">
        <v>50</v>
      </c>
      <c r="AL40290">
        <v>50</v>
      </c>
      <c r="AM40290">
        <v>51</v>
      </c>
      <c r="AN40290">
        <v>51</v>
      </c>
      <c r="AO40290">
        <v>52</v>
      </c>
      <c r="AP40290">
        <v>53</v>
      </c>
      <c r="AQ40290">
        <v>53</v>
      </c>
    </row>
    <row r="40291" spans="1:43">
      <c r="A40291" t="s">
        <v>24931</v>
      </c>
      <c r="B40291" t="s">
        <v>24932</v>
      </c>
      <c r="C40291" t="s">
        <v>24925</v>
      </c>
      <c r="D40291" t="s">
        <v>24926</v>
      </c>
      <c r="E40291" t="s">
        <v>20787</v>
      </c>
      <c r="F40291" t="s">
        <v>20788</v>
      </c>
      <c r="G40291" t="s">
        <v>20255</v>
      </c>
      <c r="H40291" t="s">
        <v>20256</v>
      </c>
      <c r="I40291" s="2">
        <v>1</v>
      </c>
      <c r="J40291" s="2">
        <v>0</v>
      </c>
      <c r="K40291" s="2">
        <v>0</v>
      </c>
      <c r="L40291" t="s">
        <v>120</v>
      </c>
      <c r="M40291" t="s">
        <v>87</v>
      </c>
      <c r="N40291" t="s">
        <v>88</v>
      </c>
      <c r="O40291" t="s">
        <v>85</v>
      </c>
      <c r="P40291" t="s">
        <v>86</v>
      </c>
      <c r="Q40291">
        <v>33</v>
      </c>
      <c r="R40291">
        <v>34</v>
      </c>
      <c r="S40291">
        <v>34</v>
      </c>
      <c r="T40291">
        <v>35</v>
      </c>
      <c r="U40291">
        <v>35</v>
      </c>
      <c r="V40291">
        <v>36</v>
      </c>
      <c r="W40291">
        <v>36</v>
      </c>
      <c r="X40291">
        <v>37</v>
      </c>
      <c r="Y40291">
        <v>37</v>
      </c>
      <c r="Z40291">
        <v>38</v>
      </c>
      <c r="AA40291">
        <v>38</v>
      </c>
      <c r="AB40291">
        <v>39</v>
      </c>
      <c r="AC40291">
        <v>39</v>
      </c>
      <c r="AD40291">
        <v>40</v>
      </c>
      <c r="AE40291">
        <v>40</v>
      </c>
      <c r="AF40291">
        <v>41</v>
      </c>
      <c r="AG40291">
        <v>41</v>
      </c>
      <c r="AH40291">
        <v>42</v>
      </c>
      <c r="AI40291">
        <v>42</v>
      </c>
      <c r="AJ40291">
        <v>43</v>
      </c>
      <c r="AK40291">
        <v>44</v>
      </c>
      <c r="AL40291">
        <v>44</v>
      </c>
      <c r="AM40291">
        <v>45</v>
      </c>
      <c r="AN40291">
        <v>45</v>
      </c>
      <c r="AO40291">
        <v>46</v>
      </c>
      <c r="AP40291">
        <v>47</v>
      </c>
      <c r="AQ40291">
        <v>47</v>
      </c>
    </row>
    <row r="40292" spans="1:43">
      <c r="A40292" t="s">
        <v>24931</v>
      </c>
      <c r="B40292" t="s">
        <v>24932</v>
      </c>
      <c r="C40292" t="s">
        <v>24925</v>
      </c>
      <c r="D40292" t="s">
        <v>24926</v>
      </c>
      <c r="E40292" t="s">
        <v>20787</v>
      </c>
      <c r="F40292" t="s">
        <v>20788</v>
      </c>
      <c r="G40292" t="s">
        <v>20255</v>
      </c>
      <c r="H40292" t="s">
        <v>20256</v>
      </c>
      <c r="I40292" s="2">
        <v>1</v>
      </c>
      <c r="J40292" s="2">
        <v>0</v>
      </c>
      <c r="K40292" s="2">
        <v>0</v>
      </c>
      <c r="L40292" t="s">
        <v>120</v>
      </c>
      <c r="M40292" t="s">
        <v>89</v>
      </c>
      <c r="N40292" t="s">
        <v>90</v>
      </c>
      <c r="O40292" t="s">
        <v>85</v>
      </c>
      <c r="P40292" t="s">
        <v>86</v>
      </c>
      <c r="Q40292">
        <v>33</v>
      </c>
      <c r="R40292">
        <v>34</v>
      </c>
      <c r="S40292">
        <v>35</v>
      </c>
      <c r="T40292">
        <v>36</v>
      </c>
      <c r="U40292">
        <v>37</v>
      </c>
      <c r="V40292">
        <v>38</v>
      </c>
      <c r="W40292">
        <v>39</v>
      </c>
      <c r="X40292">
        <v>40</v>
      </c>
      <c r="Y40292">
        <v>41</v>
      </c>
      <c r="Z40292">
        <v>42</v>
      </c>
      <c r="AA40292">
        <v>43</v>
      </c>
      <c r="AB40292">
        <v>44</v>
      </c>
      <c r="AC40292">
        <v>45</v>
      </c>
      <c r="AD40292">
        <v>46</v>
      </c>
      <c r="AE40292">
        <v>47</v>
      </c>
      <c r="AF40292">
        <v>48</v>
      </c>
      <c r="AG40292">
        <v>48</v>
      </c>
      <c r="AH40292">
        <v>49</v>
      </c>
      <c r="AI40292">
        <v>49</v>
      </c>
      <c r="AJ40292">
        <v>50</v>
      </c>
      <c r="AK40292">
        <v>50</v>
      </c>
      <c r="AL40292">
        <v>51</v>
      </c>
      <c r="AM40292">
        <v>52</v>
      </c>
      <c r="AN40292">
        <v>52</v>
      </c>
      <c r="AO40292">
        <v>53</v>
      </c>
      <c r="AP40292">
        <v>53</v>
      </c>
      <c r="AQ40292">
        <v>54</v>
      </c>
    </row>
    <row r="40293" spans="1:43">
      <c r="A40293" t="s">
        <v>24931</v>
      </c>
      <c r="B40293" t="s">
        <v>24932</v>
      </c>
      <c r="C40293" t="s">
        <v>24925</v>
      </c>
      <c r="D40293" t="s">
        <v>24926</v>
      </c>
      <c r="E40293" t="s">
        <v>20787</v>
      </c>
      <c r="F40293" t="s">
        <v>20788</v>
      </c>
      <c r="G40293" t="s">
        <v>20255</v>
      </c>
      <c r="H40293" t="s">
        <v>20256</v>
      </c>
      <c r="I40293" s="2">
        <v>1</v>
      </c>
      <c r="J40293" s="2">
        <v>0</v>
      </c>
      <c r="K40293" s="2">
        <v>0</v>
      </c>
      <c r="L40293" t="s">
        <v>120</v>
      </c>
      <c r="M40293" t="s">
        <v>83</v>
      </c>
      <c r="N40293" t="s">
        <v>91</v>
      </c>
      <c r="O40293" t="s">
        <v>85</v>
      </c>
      <c r="P40293" t="s">
        <v>86</v>
      </c>
      <c r="Q40293">
        <v>33</v>
      </c>
      <c r="R40293">
        <v>34</v>
      </c>
      <c r="S40293">
        <v>34</v>
      </c>
      <c r="T40293">
        <v>35</v>
      </c>
      <c r="U40293">
        <v>36</v>
      </c>
      <c r="V40293">
        <v>37</v>
      </c>
      <c r="W40293">
        <v>37</v>
      </c>
      <c r="X40293">
        <v>38</v>
      </c>
      <c r="Y40293">
        <v>39</v>
      </c>
      <c r="Z40293">
        <v>40</v>
      </c>
      <c r="AA40293">
        <v>41</v>
      </c>
      <c r="AB40293">
        <v>41</v>
      </c>
      <c r="AC40293">
        <v>42</v>
      </c>
      <c r="AD40293">
        <v>43</v>
      </c>
      <c r="AE40293">
        <v>44</v>
      </c>
      <c r="AF40293">
        <v>45</v>
      </c>
      <c r="AG40293">
        <v>46</v>
      </c>
      <c r="AH40293">
        <v>47</v>
      </c>
      <c r="AI40293">
        <v>48</v>
      </c>
      <c r="AJ40293">
        <v>49</v>
      </c>
      <c r="AK40293">
        <v>50</v>
      </c>
      <c r="AL40293">
        <v>50</v>
      </c>
      <c r="AM40293">
        <v>51</v>
      </c>
      <c r="AN40293">
        <v>51</v>
      </c>
      <c r="AO40293">
        <v>52</v>
      </c>
      <c r="AP40293">
        <v>53</v>
      </c>
      <c r="AQ40293">
        <v>53</v>
      </c>
    </row>
    <row r="40294" spans="1:43">
      <c r="A40294" t="s">
        <v>24933</v>
      </c>
      <c r="B40294" t="s">
        <v>24934</v>
      </c>
      <c r="C40294" t="s">
        <v>20251</v>
      </c>
      <c r="D40294" t="s">
        <v>20252</v>
      </c>
      <c r="E40294" t="s">
        <v>20253</v>
      </c>
      <c r="F40294" t="s">
        <v>20254</v>
      </c>
      <c r="G40294" t="s">
        <v>20255</v>
      </c>
      <c r="H40294" t="s">
        <v>20256</v>
      </c>
      <c r="I40294" s="2">
        <v>1</v>
      </c>
      <c r="J40294" s="2">
        <v>0</v>
      </c>
      <c r="K40294" s="2">
        <v>0</v>
      </c>
      <c r="L40294" t="s">
        <v>120</v>
      </c>
      <c r="M40294" t="s">
        <v>83</v>
      </c>
      <c r="N40294" t="s">
        <v>84</v>
      </c>
      <c r="O40294" t="s">
        <v>85</v>
      </c>
      <c r="P40294" t="s">
        <v>86</v>
      </c>
      <c r="Q40294">
        <v>4</v>
      </c>
      <c r="R40294">
        <v>4</v>
      </c>
      <c r="S40294">
        <v>4</v>
      </c>
      <c r="T40294">
        <v>4</v>
      </c>
      <c r="U40294">
        <v>4</v>
      </c>
      <c r="V40294">
        <v>4</v>
      </c>
      <c r="W40294">
        <v>4</v>
      </c>
      <c r="X40294">
        <v>4</v>
      </c>
      <c r="Y40294">
        <v>4</v>
      </c>
      <c r="Z40294">
        <v>4</v>
      </c>
      <c r="AA40294">
        <v>4</v>
      </c>
      <c r="AB40294">
        <v>4</v>
      </c>
      <c r="AC40294">
        <v>5</v>
      </c>
      <c r="AD40294">
        <v>5</v>
      </c>
      <c r="AE40294">
        <v>5</v>
      </c>
      <c r="AF40294">
        <v>5</v>
      </c>
      <c r="AG40294">
        <v>5</v>
      </c>
      <c r="AH40294">
        <v>5</v>
      </c>
      <c r="AI40294">
        <v>5</v>
      </c>
      <c r="AJ40294">
        <v>5</v>
      </c>
      <c r="AK40294">
        <v>5</v>
      </c>
      <c r="AL40294">
        <v>5</v>
      </c>
      <c r="AM40294">
        <v>5</v>
      </c>
      <c r="AN40294">
        <v>5</v>
      </c>
      <c r="AO40294">
        <v>5</v>
      </c>
      <c r="AP40294">
        <v>5</v>
      </c>
      <c r="AQ40294">
        <v>5</v>
      </c>
    </row>
    <row r="40295" spans="1:43">
      <c r="A40295" t="s">
        <v>24933</v>
      </c>
      <c r="B40295" t="s">
        <v>24934</v>
      </c>
      <c r="C40295" t="s">
        <v>20251</v>
      </c>
      <c r="D40295" t="s">
        <v>20252</v>
      </c>
      <c r="E40295" t="s">
        <v>20253</v>
      </c>
      <c r="F40295" t="s">
        <v>20254</v>
      </c>
      <c r="G40295" t="s">
        <v>20255</v>
      </c>
      <c r="H40295" t="s">
        <v>20256</v>
      </c>
      <c r="I40295" s="2">
        <v>1</v>
      </c>
      <c r="J40295" s="2">
        <v>0</v>
      </c>
      <c r="K40295" s="2">
        <v>0</v>
      </c>
      <c r="L40295" t="s">
        <v>120</v>
      </c>
      <c r="M40295" t="s">
        <v>87</v>
      </c>
      <c r="N40295" t="s">
        <v>88</v>
      </c>
      <c r="O40295" t="s">
        <v>85</v>
      </c>
      <c r="P40295" t="s">
        <v>86</v>
      </c>
      <c r="Q40295">
        <v>4</v>
      </c>
      <c r="R40295">
        <v>4</v>
      </c>
      <c r="S40295">
        <v>4</v>
      </c>
      <c r="T40295">
        <v>4</v>
      </c>
      <c r="U40295">
        <v>4</v>
      </c>
      <c r="V40295">
        <v>4</v>
      </c>
      <c r="W40295">
        <v>4</v>
      </c>
      <c r="X40295">
        <v>4</v>
      </c>
      <c r="Y40295">
        <v>4</v>
      </c>
      <c r="Z40295">
        <v>4</v>
      </c>
      <c r="AA40295">
        <v>4</v>
      </c>
      <c r="AB40295">
        <v>4</v>
      </c>
      <c r="AC40295">
        <v>4</v>
      </c>
      <c r="AD40295">
        <v>4</v>
      </c>
      <c r="AE40295">
        <v>4</v>
      </c>
      <c r="AF40295">
        <v>4</v>
      </c>
      <c r="AG40295">
        <v>4</v>
      </c>
      <c r="AH40295">
        <v>4</v>
      </c>
      <c r="AI40295">
        <v>4</v>
      </c>
      <c r="AJ40295">
        <v>4</v>
      </c>
      <c r="AK40295">
        <v>4</v>
      </c>
      <c r="AL40295">
        <v>4</v>
      </c>
      <c r="AM40295">
        <v>4</v>
      </c>
      <c r="AN40295">
        <v>4</v>
      </c>
      <c r="AO40295">
        <v>4</v>
      </c>
      <c r="AP40295">
        <v>4</v>
      </c>
      <c r="AQ40295">
        <v>4</v>
      </c>
    </row>
    <row r="40296" spans="1:43">
      <c r="A40296" t="s">
        <v>24933</v>
      </c>
      <c r="B40296" t="s">
        <v>24934</v>
      </c>
      <c r="C40296" t="s">
        <v>20251</v>
      </c>
      <c r="D40296" t="s">
        <v>20252</v>
      </c>
      <c r="E40296" t="s">
        <v>20253</v>
      </c>
      <c r="F40296" t="s">
        <v>20254</v>
      </c>
      <c r="G40296" t="s">
        <v>20255</v>
      </c>
      <c r="H40296" t="s">
        <v>20256</v>
      </c>
      <c r="I40296" s="2">
        <v>1</v>
      </c>
      <c r="J40296" s="2">
        <v>0</v>
      </c>
      <c r="K40296" s="2">
        <v>0</v>
      </c>
      <c r="L40296" t="s">
        <v>120</v>
      </c>
      <c r="M40296" t="s">
        <v>89</v>
      </c>
      <c r="N40296" t="s">
        <v>90</v>
      </c>
      <c r="O40296" t="s">
        <v>85</v>
      </c>
      <c r="P40296" t="s">
        <v>86</v>
      </c>
      <c r="Q40296">
        <v>4</v>
      </c>
      <c r="R40296">
        <v>4</v>
      </c>
      <c r="S40296">
        <v>4</v>
      </c>
      <c r="T40296">
        <v>4</v>
      </c>
      <c r="U40296">
        <v>4</v>
      </c>
      <c r="V40296">
        <v>4</v>
      </c>
      <c r="W40296">
        <v>4</v>
      </c>
      <c r="X40296">
        <v>5</v>
      </c>
      <c r="Y40296">
        <v>5</v>
      </c>
      <c r="Z40296">
        <v>5</v>
      </c>
      <c r="AA40296">
        <v>5</v>
      </c>
      <c r="AB40296">
        <v>5</v>
      </c>
      <c r="AC40296">
        <v>5</v>
      </c>
      <c r="AD40296">
        <v>5</v>
      </c>
      <c r="AE40296">
        <v>5</v>
      </c>
      <c r="AF40296">
        <v>5</v>
      </c>
      <c r="AG40296">
        <v>5</v>
      </c>
      <c r="AH40296">
        <v>5</v>
      </c>
      <c r="AI40296">
        <v>5</v>
      </c>
      <c r="AJ40296">
        <v>5</v>
      </c>
      <c r="AK40296">
        <v>5</v>
      </c>
      <c r="AL40296">
        <v>5</v>
      </c>
      <c r="AM40296">
        <v>5</v>
      </c>
      <c r="AN40296">
        <v>5</v>
      </c>
      <c r="AO40296">
        <v>5</v>
      </c>
      <c r="AP40296">
        <v>5</v>
      </c>
      <c r="AQ40296">
        <v>5</v>
      </c>
    </row>
    <row r="40297" spans="1:43">
      <c r="A40297" t="s">
        <v>24933</v>
      </c>
      <c r="B40297" t="s">
        <v>24934</v>
      </c>
      <c r="C40297" t="s">
        <v>20251</v>
      </c>
      <c r="D40297" t="s">
        <v>20252</v>
      </c>
      <c r="E40297" t="s">
        <v>20253</v>
      </c>
      <c r="F40297" t="s">
        <v>20254</v>
      </c>
      <c r="G40297" t="s">
        <v>20255</v>
      </c>
      <c r="H40297" t="s">
        <v>20256</v>
      </c>
      <c r="I40297" s="2">
        <v>1</v>
      </c>
      <c r="J40297" s="2">
        <v>0</v>
      </c>
      <c r="K40297" s="2">
        <v>0</v>
      </c>
      <c r="L40297" t="s">
        <v>120</v>
      </c>
      <c r="M40297" t="s">
        <v>83</v>
      </c>
      <c r="N40297" t="s">
        <v>91</v>
      </c>
      <c r="O40297" t="s">
        <v>85</v>
      </c>
      <c r="P40297" t="s">
        <v>86</v>
      </c>
      <c r="Q40297">
        <v>4</v>
      </c>
      <c r="R40297">
        <v>4</v>
      </c>
      <c r="S40297">
        <v>4</v>
      </c>
      <c r="T40297">
        <v>4</v>
      </c>
      <c r="U40297">
        <v>4</v>
      </c>
      <c r="V40297">
        <v>4</v>
      </c>
      <c r="W40297">
        <v>4</v>
      </c>
      <c r="X40297">
        <v>4</v>
      </c>
      <c r="Y40297">
        <v>4</v>
      </c>
      <c r="Z40297">
        <v>4</v>
      </c>
      <c r="AA40297">
        <v>4</v>
      </c>
      <c r="AB40297">
        <v>4</v>
      </c>
      <c r="AC40297">
        <v>5</v>
      </c>
      <c r="AD40297">
        <v>5</v>
      </c>
      <c r="AE40297">
        <v>5</v>
      </c>
      <c r="AF40297">
        <v>5</v>
      </c>
      <c r="AG40297">
        <v>5</v>
      </c>
      <c r="AH40297">
        <v>5</v>
      </c>
      <c r="AI40297">
        <v>5</v>
      </c>
      <c r="AJ40297">
        <v>5</v>
      </c>
      <c r="AK40297">
        <v>5</v>
      </c>
      <c r="AL40297">
        <v>5</v>
      </c>
      <c r="AM40297">
        <v>5</v>
      </c>
      <c r="AN40297">
        <v>5</v>
      </c>
      <c r="AO40297">
        <v>5</v>
      </c>
      <c r="AP40297">
        <v>5</v>
      </c>
      <c r="AQ40297">
        <v>5</v>
      </c>
    </row>
    <row r="40298" spans="1:43">
      <c r="A40298" t="s">
        <v>24935</v>
      </c>
      <c r="B40298" t="s">
        <v>24936</v>
      </c>
      <c r="C40298" t="s">
        <v>20251</v>
      </c>
      <c r="D40298" t="s">
        <v>20252</v>
      </c>
      <c r="E40298" t="s">
        <v>20253</v>
      </c>
      <c r="F40298" t="s">
        <v>20254</v>
      </c>
      <c r="G40298" t="s">
        <v>20255</v>
      </c>
      <c r="H40298" t="s">
        <v>20256</v>
      </c>
      <c r="I40298" s="2">
        <v>1</v>
      </c>
      <c r="J40298" s="2">
        <v>0</v>
      </c>
      <c r="K40298" s="2">
        <v>0</v>
      </c>
      <c r="L40298" t="s">
        <v>120</v>
      </c>
      <c r="M40298" t="s">
        <v>83</v>
      </c>
      <c r="N40298" t="s">
        <v>84</v>
      </c>
      <c r="O40298" t="s">
        <v>85</v>
      </c>
      <c r="P40298" t="s">
        <v>86</v>
      </c>
      <c r="Q40298">
        <v>13</v>
      </c>
      <c r="R40298">
        <v>13</v>
      </c>
      <c r="S40298">
        <v>13</v>
      </c>
      <c r="T40298">
        <v>13</v>
      </c>
      <c r="U40298">
        <v>13</v>
      </c>
      <c r="V40298">
        <v>13</v>
      </c>
      <c r="W40298">
        <v>14</v>
      </c>
      <c r="X40298">
        <v>14</v>
      </c>
      <c r="Y40298">
        <v>14</v>
      </c>
      <c r="Z40298">
        <v>14</v>
      </c>
      <c r="AA40298">
        <v>14</v>
      </c>
      <c r="AB40298">
        <v>14</v>
      </c>
      <c r="AC40298">
        <v>14</v>
      </c>
      <c r="AD40298">
        <v>15</v>
      </c>
      <c r="AE40298">
        <v>15</v>
      </c>
      <c r="AF40298">
        <v>15</v>
      </c>
      <c r="AG40298">
        <v>15</v>
      </c>
      <c r="AH40298">
        <v>15</v>
      </c>
      <c r="AI40298">
        <v>15</v>
      </c>
      <c r="AJ40298">
        <v>16</v>
      </c>
      <c r="AK40298">
        <v>16</v>
      </c>
      <c r="AL40298">
        <v>16</v>
      </c>
      <c r="AM40298">
        <v>16</v>
      </c>
      <c r="AN40298">
        <v>16</v>
      </c>
      <c r="AO40298">
        <v>16</v>
      </c>
      <c r="AP40298">
        <v>16</v>
      </c>
      <c r="AQ40298">
        <v>16</v>
      </c>
    </row>
    <row r="40299" spans="1:43">
      <c r="A40299" t="s">
        <v>24935</v>
      </c>
      <c r="B40299" t="s">
        <v>24936</v>
      </c>
      <c r="C40299" t="s">
        <v>20251</v>
      </c>
      <c r="D40299" t="s">
        <v>20252</v>
      </c>
      <c r="E40299" t="s">
        <v>20253</v>
      </c>
      <c r="F40299" t="s">
        <v>20254</v>
      </c>
      <c r="G40299" t="s">
        <v>20255</v>
      </c>
      <c r="H40299" t="s">
        <v>20256</v>
      </c>
      <c r="I40299" s="2">
        <v>1</v>
      </c>
      <c r="J40299" s="2">
        <v>0</v>
      </c>
      <c r="K40299" s="2">
        <v>0</v>
      </c>
      <c r="L40299" t="s">
        <v>120</v>
      </c>
      <c r="M40299" t="s">
        <v>87</v>
      </c>
      <c r="N40299" t="s">
        <v>88</v>
      </c>
      <c r="O40299" t="s">
        <v>85</v>
      </c>
      <c r="P40299" t="s">
        <v>86</v>
      </c>
      <c r="Q40299">
        <v>13</v>
      </c>
      <c r="R40299">
        <v>13</v>
      </c>
      <c r="S40299">
        <v>13</v>
      </c>
      <c r="T40299">
        <v>13</v>
      </c>
      <c r="U40299">
        <v>13</v>
      </c>
      <c r="V40299">
        <v>13</v>
      </c>
      <c r="W40299">
        <v>13</v>
      </c>
      <c r="X40299">
        <v>13</v>
      </c>
      <c r="Y40299">
        <v>13</v>
      </c>
      <c r="Z40299">
        <v>13</v>
      </c>
      <c r="AA40299">
        <v>13</v>
      </c>
      <c r="AB40299">
        <v>13</v>
      </c>
      <c r="AC40299">
        <v>13</v>
      </c>
      <c r="AD40299">
        <v>13</v>
      </c>
      <c r="AE40299">
        <v>13</v>
      </c>
      <c r="AF40299">
        <v>13</v>
      </c>
      <c r="AG40299">
        <v>13</v>
      </c>
      <c r="AH40299">
        <v>13</v>
      </c>
      <c r="AI40299">
        <v>13</v>
      </c>
      <c r="AJ40299">
        <v>13</v>
      </c>
      <c r="AK40299">
        <v>13</v>
      </c>
      <c r="AL40299">
        <v>13</v>
      </c>
      <c r="AM40299">
        <v>14</v>
      </c>
      <c r="AN40299">
        <v>14</v>
      </c>
      <c r="AO40299">
        <v>14</v>
      </c>
      <c r="AP40299">
        <v>14</v>
      </c>
      <c r="AQ40299">
        <v>14</v>
      </c>
    </row>
    <row r="40300" spans="1:43">
      <c r="A40300" t="s">
        <v>24935</v>
      </c>
      <c r="B40300" t="s">
        <v>24936</v>
      </c>
      <c r="C40300" t="s">
        <v>20251</v>
      </c>
      <c r="D40300" t="s">
        <v>20252</v>
      </c>
      <c r="E40300" t="s">
        <v>20253</v>
      </c>
      <c r="F40300" t="s">
        <v>20254</v>
      </c>
      <c r="G40300" t="s">
        <v>20255</v>
      </c>
      <c r="H40300" t="s">
        <v>20256</v>
      </c>
      <c r="I40300" s="2">
        <v>1</v>
      </c>
      <c r="J40300" s="2">
        <v>0</v>
      </c>
      <c r="K40300" s="2">
        <v>0</v>
      </c>
      <c r="L40300" t="s">
        <v>120</v>
      </c>
      <c r="M40300" t="s">
        <v>89</v>
      </c>
      <c r="N40300" t="s">
        <v>90</v>
      </c>
      <c r="O40300" t="s">
        <v>85</v>
      </c>
      <c r="P40300" t="s">
        <v>86</v>
      </c>
      <c r="Q40300">
        <v>13</v>
      </c>
      <c r="R40300">
        <v>13</v>
      </c>
      <c r="S40300">
        <v>13</v>
      </c>
      <c r="T40300">
        <v>14</v>
      </c>
      <c r="U40300">
        <v>14</v>
      </c>
      <c r="V40300">
        <v>14</v>
      </c>
      <c r="W40300">
        <v>14</v>
      </c>
      <c r="X40300">
        <v>14</v>
      </c>
      <c r="Y40300">
        <v>15</v>
      </c>
      <c r="Z40300">
        <v>15</v>
      </c>
      <c r="AA40300">
        <v>15</v>
      </c>
      <c r="AB40300">
        <v>15</v>
      </c>
      <c r="AC40300">
        <v>15</v>
      </c>
      <c r="AD40300">
        <v>16</v>
      </c>
      <c r="AE40300">
        <v>16</v>
      </c>
      <c r="AF40300">
        <v>16</v>
      </c>
      <c r="AG40300">
        <v>16</v>
      </c>
      <c r="AH40300">
        <v>16</v>
      </c>
      <c r="AI40300">
        <v>16</v>
      </c>
      <c r="AJ40300">
        <v>16</v>
      </c>
      <c r="AK40300">
        <v>16</v>
      </c>
      <c r="AL40300">
        <v>16</v>
      </c>
      <c r="AM40300">
        <v>16</v>
      </c>
      <c r="AN40300">
        <v>16</v>
      </c>
      <c r="AO40300">
        <v>16</v>
      </c>
      <c r="AP40300">
        <v>16</v>
      </c>
      <c r="AQ40300">
        <v>16</v>
      </c>
    </row>
    <row r="40301" spans="1:43">
      <c r="A40301" t="s">
        <v>24935</v>
      </c>
      <c r="B40301" t="s">
        <v>24936</v>
      </c>
      <c r="C40301" t="s">
        <v>20251</v>
      </c>
      <c r="D40301" t="s">
        <v>20252</v>
      </c>
      <c r="E40301" t="s">
        <v>20253</v>
      </c>
      <c r="F40301" t="s">
        <v>20254</v>
      </c>
      <c r="G40301" t="s">
        <v>20255</v>
      </c>
      <c r="H40301" t="s">
        <v>20256</v>
      </c>
      <c r="I40301" s="2">
        <v>1</v>
      </c>
      <c r="J40301" s="2">
        <v>0</v>
      </c>
      <c r="K40301" s="2">
        <v>0</v>
      </c>
      <c r="L40301" t="s">
        <v>120</v>
      </c>
      <c r="M40301" t="s">
        <v>83</v>
      </c>
      <c r="N40301" t="s">
        <v>91</v>
      </c>
      <c r="O40301" t="s">
        <v>85</v>
      </c>
      <c r="P40301" t="s">
        <v>86</v>
      </c>
      <c r="Q40301">
        <v>13</v>
      </c>
      <c r="R40301">
        <v>13</v>
      </c>
      <c r="S40301">
        <v>13</v>
      </c>
      <c r="T40301">
        <v>13</v>
      </c>
      <c r="U40301">
        <v>13</v>
      </c>
      <c r="V40301">
        <v>13</v>
      </c>
      <c r="W40301">
        <v>14</v>
      </c>
      <c r="X40301">
        <v>14</v>
      </c>
      <c r="Y40301">
        <v>14</v>
      </c>
      <c r="Z40301">
        <v>14</v>
      </c>
      <c r="AA40301">
        <v>14</v>
      </c>
      <c r="AB40301">
        <v>14</v>
      </c>
      <c r="AC40301">
        <v>14</v>
      </c>
      <c r="AD40301">
        <v>15</v>
      </c>
      <c r="AE40301">
        <v>15</v>
      </c>
      <c r="AF40301">
        <v>15</v>
      </c>
      <c r="AG40301">
        <v>15</v>
      </c>
      <c r="AH40301">
        <v>15</v>
      </c>
      <c r="AI40301">
        <v>15</v>
      </c>
      <c r="AJ40301">
        <v>16</v>
      </c>
      <c r="AK40301">
        <v>16</v>
      </c>
      <c r="AL40301">
        <v>16</v>
      </c>
      <c r="AM40301">
        <v>16</v>
      </c>
      <c r="AN40301">
        <v>16</v>
      </c>
      <c r="AO40301">
        <v>16</v>
      </c>
      <c r="AP40301">
        <v>16</v>
      </c>
      <c r="AQ40301">
        <v>16</v>
      </c>
    </row>
    <row r="40302" spans="1:43">
      <c r="A40302" t="s">
        <v>24937</v>
      </c>
      <c r="B40302" t="s">
        <v>24938</v>
      </c>
      <c r="C40302" t="s">
        <v>20299</v>
      </c>
      <c r="D40302" t="s">
        <v>20300</v>
      </c>
      <c r="E40302" t="s">
        <v>20253</v>
      </c>
      <c r="F40302" t="s">
        <v>20254</v>
      </c>
      <c r="G40302" t="s">
        <v>20255</v>
      </c>
      <c r="H40302" t="s">
        <v>20256</v>
      </c>
      <c r="I40302" s="2">
        <v>1</v>
      </c>
      <c r="J40302" s="2">
        <v>0</v>
      </c>
      <c r="K40302" s="2">
        <v>0</v>
      </c>
      <c r="L40302" t="s">
        <v>120</v>
      </c>
      <c r="M40302" t="s">
        <v>83</v>
      </c>
      <c r="N40302" t="s">
        <v>84</v>
      </c>
      <c r="O40302" t="s">
        <v>85</v>
      </c>
      <c r="P40302" t="s">
        <v>86</v>
      </c>
      <c r="Q40302">
        <v>39</v>
      </c>
      <c r="R40302">
        <v>40</v>
      </c>
      <c r="S40302">
        <v>40</v>
      </c>
      <c r="T40302">
        <v>40</v>
      </c>
      <c r="U40302">
        <v>41</v>
      </c>
      <c r="V40302">
        <v>41</v>
      </c>
      <c r="W40302">
        <v>41</v>
      </c>
      <c r="X40302">
        <v>42</v>
      </c>
      <c r="Y40302">
        <v>42</v>
      </c>
      <c r="Z40302">
        <v>42</v>
      </c>
      <c r="AA40302">
        <v>43</v>
      </c>
      <c r="AB40302">
        <v>43</v>
      </c>
      <c r="AC40302">
        <v>43</v>
      </c>
      <c r="AD40302">
        <v>44</v>
      </c>
      <c r="AE40302">
        <v>44</v>
      </c>
      <c r="AF40302">
        <v>44</v>
      </c>
      <c r="AG40302">
        <v>45</v>
      </c>
      <c r="AH40302">
        <v>45</v>
      </c>
      <c r="AI40302">
        <v>46</v>
      </c>
      <c r="AJ40302">
        <v>46</v>
      </c>
      <c r="AK40302">
        <v>46</v>
      </c>
      <c r="AL40302">
        <v>46</v>
      </c>
      <c r="AM40302">
        <v>46</v>
      </c>
      <c r="AN40302">
        <v>46</v>
      </c>
      <c r="AO40302">
        <v>46</v>
      </c>
      <c r="AP40302">
        <v>46</v>
      </c>
      <c r="AQ40302">
        <v>46</v>
      </c>
    </row>
    <row r="40303" spans="1:43">
      <c r="A40303" t="s">
        <v>24937</v>
      </c>
      <c r="B40303" t="s">
        <v>24938</v>
      </c>
      <c r="C40303" t="s">
        <v>20299</v>
      </c>
      <c r="D40303" t="s">
        <v>20300</v>
      </c>
      <c r="E40303" t="s">
        <v>20253</v>
      </c>
      <c r="F40303" t="s">
        <v>20254</v>
      </c>
      <c r="G40303" t="s">
        <v>20255</v>
      </c>
      <c r="H40303" t="s">
        <v>20256</v>
      </c>
      <c r="I40303" s="2">
        <v>1</v>
      </c>
      <c r="J40303" s="2">
        <v>0</v>
      </c>
      <c r="K40303" s="2">
        <v>0</v>
      </c>
      <c r="L40303" t="s">
        <v>120</v>
      </c>
      <c r="M40303" t="s">
        <v>87</v>
      </c>
      <c r="N40303" t="s">
        <v>88</v>
      </c>
      <c r="O40303" t="s">
        <v>85</v>
      </c>
      <c r="P40303" t="s">
        <v>86</v>
      </c>
      <c r="Q40303">
        <v>39</v>
      </c>
      <c r="R40303">
        <v>39</v>
      </c>
      <c r="S40303">
        <v>39</v>
      </c>
      <c r="T40303">
        <v>39</v>
      </c>
      <c r="U40303">
        <v>39</v>
      </c>
      <c r="V40303">
        <v>39</v>
      </c>
      <c r="W40303">
        <v>39</v>
      </c>
      <c r="X40303">
        <v>39</v>
      </c>
      <c r="Y40303">
        <v>39</v>
      </c>
      <c r="Z40303">
        <v>39</v>
      </c>
      <c r="AA40303">
        <v>39</v>
      </c>
      <c r="AB40303">
        <v>39</v>
      </c>
      <c r="AC40303">
        <v>39</v>
      </c>
      <c r="AD40303">
        <v>39</v>
      </c>
      <c r="AE40303">
        <v>39</v>
      </c>
      <c r="AF40303">
        <v>39</v>
      </c>
      <c r="AG40303">
        <v>39</v>
      </c>
      <c r="AH40303">
        <v>39</v>
      </c>
      <c r="AI40303">
        <v>39</v>
      </c>
      <c r="AJ40303">
        <v>39</v>
      </c>
      <c r="AK40303">
        <v>39</v>
      </c>
      <c r="AL40303">
        <v>40</v>
      </c>
      <c r="AM40303">
        <v>40</v>
      </c>
      <c r="AN40303">
        <v>40</v>
      </c>
      <c r="AO40303">
        <v>40</v>
      </c>
      <c r="AP40303">
        <v>40</v>
      </c>
      <c r="AQ40303">
        <v>40</v>
      </c>
    </row>
    <row r="40304" spans="1:43">
      <c r="A40304" t="s">
        <v>24937</v>
      </c>
      <c r="B40304" t="s">
        <v>24938</v>
      </c>
      <c r="C40304" t="s">
        <v>20299</v>
      </c>
      <c r="D40304" t="s">
        <v>20300</v>
      </c>
      <c r="E40304" t="s">
        <v>20253</v>
      </c>
      <c r="F40304" t="s">
        <v>20254</v>
      </c>
      <c r="G40304" t="s">
        <v>20255</v>
      </c>
      <c r="H40304" t="s">
        <v>20256</v>
      </c>
      <c r="I40304" s="2">
        <v>1</v>
      </c>
      <c r="J40304" s="2">
        <v>0</v>
      </c>
      <c r="K40304" s="2">
        <v>0</v>
      </c>
      <c r="L40304" t="s">
        <v>120</v>
      </c>
      <c r="M40304" t="s">
        <v>89</v>
      </c>
      <c r="N40304" t="s">
        <v>90</v>
      </c>
      <c r="O40304" t="s">
        <v>85</v>
      </c>
      <c r="P40304" t="s">
        <v>86</v>
      </c>
      <c r="Q40304">
        <v>39</v>
      </c>
      <c r="R40304">
        <v>40</v>
      </c>
      <c r="S40304">
        <v>41</v>
      </c>
      <c r="T40304">
        <v>42</v>
      </c>
      <c r="U40304">
        <v>42</v>
      </c>
      <c r="V40304">
        <v>43</v>
      </c>
      <c r="W40304">
        <v>43</v>
      </c>
      <c r="X40304">
        <v>44</v>
      </c>
      <c r="Y40304">
        <v>45</v>
      </c>
      <c r="Z40304">
        <v>45</v>
      </c>
      <c r="AA40304">
        <v>46</v>
      </c>
      <c r="AB40304">
        <v>46</v>
      </c>
      <c r="AC40304">
        <v>47</v>
      </c>
      <c r="AD40304">
        <v>47</v>
      </c>
      <c r="AE40304">
        <v>47</v>
      </c>
      <c r="AF40304">
        <v>47</v>
      </c>
      <c r="AG40304">
        <v>47</v>
      </c>
      <c r="AH40304">
        <v>47</v>
      </c>
      <c r="AI40304">
        <v>47</v>
      </c>
      <c r="AJ40304">
        <v>47</v>
      </c>
      <c r="AK40304">
        <v>47</v>
      </c>
      <c r="AL40304">
        <v>47</v>
      </c>
      <c r="AM40304">
        <v>47</v>
      </c>
      <c r="AN40304">
        <v>47</v>
      </c>
      <c r="AO40304">
        <v>47</v>
      </c>
      <c r="AP40304">
        <v>47</v>
      </c>
      <c r="AQ40304">
        <v>47</v>
      </c>
    </row>
    <row r="40305" spans="1:43">
      <c r="A40305" t="s">
        <v>24937</v>
      </c>
      <c r="B40305" t="s">
        <v>24938</v>
      </c>
      <c r="C40305" t="s">
        <v>20299</v>
      </c>
      <c r="D40305" t="s">
        <v>20300</v>
      </c>
      <c r="E40305" t="s">
        <v>20253</v>
      </c>
      <c r="F40305" t="s">
        <v>20254</v>
      </c>
      <c r="G40305" t="s">
        <v>20255</v>
      </c>
      <c r="H40305" t="s">
        <v>20256</v>
      </c>
      <c r="I40305" s="2">
        <v>1</v>
      </c>
      <c r="J40305" s="2">
        <v>0</v>
      </c>
      <c r="K40305" s="2">
        <v>0</v>
      </c>
      <c r="L40305" t="s">
        <v>120</v>
      </c>
      <c r="M40305" t="s">
        <v>83</v>
      </c>
      <c r="N40305" t="s">
        <v>91</v>
      </c>
      <c r="O40305" t="s">
        <v>85</v>
      </c>
      <c r="P40305" t="s">
        <v>86</v>
      </c>
      <c r="Q40305">
        <v>39</v>
      </c>
      <c r="R40305">
        <v>40</v>
      </c>
      <c r="S40305">
        <v>40</v>
      </c>
      <c r="T40305">
        <v>40</v>
      </c>
      <c r="U40305">
        <v>41</v>
      </c>
      <c r="V40305">
        <v>41</v>
      </c>
      <c r="W40305">
        <v>41</v>
      </c>
      <c r="X40305">
        <v>42</v>
      </c>
      <c r="Y40305">
        <v>42</v>
      </c>
      <c r="Z40305">
        <v>42</v>
      </c>
      <c r="AA40305">
        <v>43</v>
      </c>
      <c r="AB40305">
        <v>43</v>
      </c>
      <c r="AC40305">
        <v>43</v>
      </c>
      <c r="AD40305">
        <v>44</v>
      </c>
      <c r="AE40305">
        <v>44</v>
      </c>
      <c r="AF40305">
        <v>44</v>
      </c>
      <c r="AG40305">
        <v>45</v>
      </c>
      <c r="AH40305">
        <v>45</v>
      </c>
      <c r="AI40305">
        <v>46</v>
      </c>
      <c r="AJ40305">
        <v>46</v>
      </c>
      <c r="AK40305">
        <v>46</v>
      </c>
      <c r="AL40305">
        <v>46</v>
      </c>
      <c r="AM40305">
        <v>46</v>
      </c>
      <c r="AN40305">
        <v>46</v>
      </c>
      <c r="AO40305">
        <v>46</v>
      </c>
      <c r="AP40305">
        <v>46</v>
      </c>
      <c r="AQ40305">
        <v>46</v>
      </c>
    </row>
    <row r="40306" spans="1:43">
      <c r="A40306" t="s">
        <v>24939</v>
      </c>
      <c r="B40306" t="s">
        <v>24940</v>
      </c>
      <c r="C40306" t="s">
        <v>22063</v>
      </c>
      <c r="D40306" t="s">
        <v>22064</v>
      </c>
      <c r="E40306" t="s">
        <v>21687</v>
      </c>
      <c r="F40306" t="s">
        <v>21688</v>
      </c>
      <c r="G40306" t="s">
        <v>20255</v>
      </c>
      <c r="H40306" t="s">
        <v>20256</v>
      </c>
      <c r="I40306" s="2">
        <v>1</v>
      </c>
      <c r="J40306" s="2">
        <v>0</v>
      </c>
      <c r="K40306" s="2">
        <v>0</v>
      </c>
      <c r="L40306" t="s">
        <v>120</v>
      </c>
      <c r="M40306" t="s">
        <v>83</v>
      </c>
      <c r="N40306" t="s">
        <v>84</v>
      </c>
      <c r="O40306" t="s">
        <v>85</v>
      </c>
      <c r="P40306" t="s">
        <v>86</v>
      </c>
      <c r="Q40306">
        <v>13</v>
      </c>
      <c r="R40306">
        <v>13</v>
      </c>
      <c r="S40306">
        <v>13</v>
      </c>
      <c r="T40306">
        <v>13</v>
      </c>
      <c r="U40306">
        <v>14</v>
      </c>
      <c r="V40306">
        <v>14</v>
      </c>
      <c r="W40306">
        <v>14</v>
      </c>
      <c r="X40306">
        <v>14</v>
      </c>
      <c r="Y40306">
        <v>14</v>
      </c>
      <c r="Z40306">
        <v>14</v>
      </c>
      <c r="AA40306">
        <v>15</v>
      </c>
      <c r="AB40306">
        <v>15</v>
      </c>
      <c r="AC40306">
        <v>15</v>
      </c>
      <c r="AD40306">
        <v>15</v>
      </c>
      <c r="AE40306">
        <v>15</v>
      </c>
      <c r="AF40306">
        <v>15</v>
      </c>
      <c r="AG40306">
        <v>15</v>
      </c>
      <c r="AH40306">
        <v>16</v>
      </c>
      <c r="AI40306">
        <v>16</v>
      </c>
      <c r="AJ40306">
        <v>16</v>
      </c>
      <c r="AK40306">
        <v>16</v>
      </c>
      <c r="AL40306">
        <v>16</v>
      </c>
      <c r="AM40306">
        <v>16</v>
      </c>
      <c r="AN40306">
        <v>16</v>
      </c>
      <c r="AO40306">
        <v>16</v>
      </c>
      <c r="AP40306">
        <v>16</v>
      </c>
      <c r="AQ40306">
        <v>16</v>
      </c>
    </row>
    <row r="40307" spans="1:43">
      <c r="A40307" t="s">
        <v>24939</v>
      </c>
      <c r="B40307" t="s">
        <v>24940</v>
      </c>
      <c r="C40307" t="s">
        <v>22063</v>
      </c>
      <c r="D40307" t="s">
        <v>22064</v>
      </c>
      <c r="E40307" t="s">
        <v>21687</v>
      </c>
      <c r="F40307" t="s">
        <v>21688</v>
      </c>
      <c r="G40307" t="s">
        <v>20255</v>
      </c>
      <c r="H40307" t="s">
        <v>20256</v>
      </c>
      <c r="I40307" s="2">
        <v>1</v>
      </c>
      <c r="J40307" s="2">
        <v>0</v>
      </c>
      <c r="K40307" s="2">
        <v>0</v>
      </c>
      <c r="L40307" t="s">
        <v>120</v>
      </c>
      <c r="M40307" t="s">
        <v>87</v>
      </c>
      <c r="N40307" t="s">
        <v>88</v>
      </c>
      <c r="O40307" t="s">
        <v>85</v>
      </c>
      <c r="P40307" t="s">
        <v>86</v>
      </c>
      <c r="Q40307">
        <v>13</v>
      </c>
      <c r="R40307">
        <v>13</v>
      </c>
      <c r="S40307">
        <v>13</v>
      </c>
      <c r="T40307">
        <v>13</v>
      </c>
      <c r="U40307">
        <v>13</v>
      </c>
      <c r="V40307">
        <v>13</v>
      </c>
      <c r="W40307">
        <v>13</v>
      </c>
      <c r="X40307">
        <v>13</v>
      </c>
      <c r="Y40307">
        <v>13</v>
      </c>
      <c r="Z40307">
        <v>13</v>
      </c>
      <c r="AA40307">
        <v>13</v>
      </c>
      <c r="AB40307">
        <v>13</v>
      </c>
      <c r="AC40307">
        <v>13</v>
      </c>
      <c r="AD40307">
        <v>13</v>
      </c>
      <c r="AE40307">
        <v>13</v>
      </c>
      <c r="AF40307">
        <v>14</v>
      </c>
      <c r="AG40307">
        <v>14</v>
      </c>
      <c r="AH40307">
        <v>14</v>
      </c>
      <c r="AI40307">
        <v>14</v>
      </c>
      <c r="AJ40307">
        <v>14</v>
      </c>
      <c r="AK40307">
        <v>14</v>
      </c>
      <c r="AL40307">
        <v>14</v>
      </c>
      <c r="AM40307">
        <v>14</v>
      </c>
      <c r="AN40307">
        <v>14</v>
      </c>
      <c r="AO40307">
        <v>14</v>
      </c>
      <c r="AP40307">
        <v>14</v>
      </c>
      <c r="AQ40307">
        <v>14</v>
      </c>
    </row>
    <row r="40308" spans="1:43">
      <c r="A40308" t="s">
        <v>24939</v>
      </c>
      <c r="B40308" t="s">
        <v>24940</v>
      </c>
      <c r="C40308" t="s">
        <v>22063</v>
      </c>
      <c r="D40308" t="s">
        <v>22064</v>
      </c>
      <c r="E40308" t="s">
        <v>21687</v>
      </c>
      <c r="F40308" t="s">
        <v>21688</v>
      </c>
      <c r="G40308" t="s">
        <v>20255</v>
      </c>
      <c r="H40308" t="s">
        <v>20256</v>
      </c>
      <c r="I40308" s="2">
        <v>1</v>
      </c>
      <c r="J40308" s="2">
        <v>0</v>
      </c>
      <c r="K40308" s="2">
        <v>0</v>
      </c>
      <c r="L40308" t="s">
        <v>120</v>
      </c>
      <c r="M40308" t="s">
        <v>89</v>
      </c>
      <c r="N40308" t="s">
        <v>90</v>
      </c>
      <c r="O40308" t="s">
        <v>85</v>
      </c>
      <c r="P40308" t="s">
        <v>86</v>
      </c>
      <c r="Q40308">
        <v>13</v>
      </c>
      <c r="R40308">
        <v>13</v>
      </c>
      <c r="S40308">
        <v>14</v>
      </c>
      <c r="T40308">
        <v>14</v>
      </c>
      <c r="U40308">
        <v>14</v>
      </c>
      <c r="V40308">
        <v>14</v>
      </c>
      <c r="W40308">
        <v>15</v>
      </c>
      <c r="X40308">
        <v>15</v>
      </c>
      <c r="Y40308">
        <v>15</v>
      </c>
      <c r="Z40308">
        <v>15</v>
      </c>
      <c r="AA40308">
        <v>15</v>
      </c>
      <c r="AB40308">
        <v>16</v>
      </c>
      <c r="AC40308">
        <v>16</v>
      </c>
      <c r="AD40308">
        <v>16</v>
      </c>
      <c r="AE40308">
        <v>16</v>
      </c>
      <c r="AF40308">
        <v>16</v>
      </c>
      <c r="AG40308">
        <v>16</v>
      </c>
      <c r="AH40308">
        <v>16</v>
      </c>
      <c r="AI40308">
        <v>16</v>
      </c>
      <c r="AJ40308">
        <v>16</v>
      </c>
      <c r="AK40308">
        <v>16</v>
      </c>
      <c r="AL40308">
        <v>16</v>
      </c>
      <c r="AM40308">
        <v>16</v>
      </c>
      <c r="AN40308">
        <v>16</v>
      </c>
      <c r="AO40308">
        <v>16</v>
      </c>
      <c r="AP40308">
        <v>16</v>
      </c>
      <c r="AQ40308">
        <v>17</v>
      </c>
    </row>
    <row r="40309" spans="1:43">
      <c r="A40309" t="s">
        <v>24939</v>
      </c>
      <c r="B40309" t="s">
        <v>24940</v>
      </c>
      <c r="C40309" t="s">
        <v>22063</v>
      </c>
      <c r="D40309" t="s">
        <v>22064</v>
      </c>
      <c r="E40309" t="s">
        <v>21687</v>
      </c>
      <c r="F40309" t="s">
        <v>21688</v>
      </c>
      <c r="G40309" t="s">
        <v>20255</v>
      </c>
      <c r="H40309" t="s">
        <v>20256</v>
      </c>
      <c r="I40309" s="2">
        <v>1</v>
      </c>
      <c r="J40309" s="2">
        <v>0</v>
      </c>
      <c r="K40309" s="2">
        <v>0</v>
      </c>
      <c r="L40309" t="s">
        <v>120</v>
      </c>
      <c r="M40309" t="s">
        <v>83</v>
      </c>
      <c r="N40309" t="s">
        <v>91</v>
      </c>
      <c r="O40309" t="s">
        <v>85</v>
      </c>
      <c r="P40309" t="s">
        <v>86</v>
      </c>
      <c r="Q40309">
        <v>13</v>
      </c>
      <c r="R40309">
        <v>13</v>
      </c>
      <c r="S40309">
        <v>13</v>
      </c>
      <c r="T40309">
        <v>13</v>
      </c>
      <c r="U40309">
        <v>14</v>
      </c>
      <c r="V40309">
        <v>14</v>
      </c>
      <c r="W40309">
        <v>14</v>
      </c>
      <c r="X40309">
        <v>14</v>
      </c>
      <c r="Y40309">
        <v>14</v>
      </c>
      <c r="Z40309">
        <v>14</v>
      </c>
      <c r="AA40309">
        <v>15</v>
      </c>
      <c r="AB40309">
        <v>15</v>
      </c>
      <c r="AC40309">
        <v>15</v>
      </c>
      <c r="AD40309">
        <v>15</v>
      </c>
      <c r="AE40309">
        <v>15</v>
      </c>
      <c r="AF40309">
        <v>15</v>
      </c>
      <c r="AG40309">
        <v>15</v>
      </c>
      <c r="AH40309">
        <v>16</v>
      </c>
      <c r="AI40309">
        <v>16</v>
      </c>
      <c r="AJ40309">
        <v>16</v>
      </c>
      <c r="AK40309">
        <v>16</v>
      </c>
      <c r="AL40309">
        <v>16</v>
      </c>
      <c r="AM40309">
        <v>16</v>
      </c>
      <c r="AN40309">
        <v>16</v>
      </c>
      <c r="AO40309">
        <v>16</v>
      </c>
      <c r="AP40309">
        <v>16</v>
      </c>
      <c r="AQ40309">
        <v>16</v>
      </c>
    </row>
    <row r="40310" spans="1:43">
      <c r="A40310" t="s">
        <v>24941</v>
      </c>
      <c r="B40310" t="s">
        <v>24942</v>
      </c>
      <c r="C40310" t="s">
        <v>22149</v>
      </c>
      <c r="D40310" t="s">
        <v>22150</v>
      </c>
      <c r="E40310" t="s">
        <v>21687</v>
      </c>
      <c r="F40310" t="s">
        <v>21688</v>
      </c>
      <c r="G40310" t="s">
        <v>20255</v>
      </c>
      <c r="H40310" t="s">
        <v>20256</v>
      </c>
      <c r="I40310" s="2">
        <v>1</v>
      </c>
      <c r="J40310" s="2">
        <v>0</v>
      </c>
      <c r="K40310" s="2">
        <v>0</v>
      </c>
      <c r="L40310" t="s">
        <v>120</v>
      </c>
      <c r="M40310" t="s">
        <v>83</v>
      </c>
      <c r="N40310" t="s">
        <v>84</v>
      </c>
      <c r="O40310" t="s">
        <v>85</v>
      </c>
      <c r="P40310" t="s">
        <v>86</v>
      </c>
      <c r="Q40310">
        <v>4</v>
      </c>
      <c r="R40310">
        <v>4</v>
      </c>
      <c r="S40310">
        <v>4</v>
      </c>
      <c r="T40310">
        <v>4</v>
      </c>
      <c r="U40310">
        <v>4</v>
      </c>
      <c r="V40310">
        <v>4</v>
      </c>
      <c r="W40310">
        <v>4</v>
      </c>
      <c r="X40310">
        <v>4</v>
      </c>
      <c r="Y40310">
        <v>4</v>
      </c>
      <c r="Z40310">
        <v>4</v>
      </c>
      <c r="AA40310">
        <v>4</v>
      </c>
      <c r="AB40310">
        <v>4</v>
      </c>
      <c r="AC40310">
        <v>4</v>
      </c>
      <c r="AD40310">
        <v>4</v>
      </c>
      <c r="AE40310">
        <v>4</v>
      </c>
      <c r="AF40310">
        <v>4</v>
      </c>
      <c r="AG40310">
        <v>4</v>
      </c>
      <c r="AH40310">
        <v>5</v>
      </c>
      <c r="AI40310">
        <v>5</v>
      </c>
      <c r="AJ40310">
        <v>5</v>
      </c>
      <c r="AK40310">
        <v>5</v>
      </c>
      <c r="AL40310">
        <v>5</v>
      </c>
      <c r="AM40310">
        <v>5</v>
      </c>
      <c r="AN40310">
        <v>5</v>
      </c>
      <c r="AO40310">
        <v>5</v>
      </c>
      <c r="AP40310">
        <v>5</v>
      </c>
      <c r="AQ40310">
        <v>5</v>
      </c>
    </row>
    <row r="40311" spans="1:43">
      <c r="A40311" t="s">
        <v>24941</v>
      </c>
      <c r="B40311" t="s">
        <v>24942</v>
      </c>
      <c r="C40311" t="s">
        <v>22149</v>
      </c>
      <c r="D40311" t="s">
        <v>22150</v>
      </c>
      <c r="E40311" t="s">
        <v>21687</v>
      </c>
      <c r="F40311" t="s">
        <v>21688</v>
      </c>
      <c r="G40311" t="s">
        <v>20255</v>
      </c>
      <c r="H40311" t="s">
        <v>20256</v>
      </c>
      <c r="I40311" s="2">
        <v>1</v>
      </c>
      <c r="J40311" s="2">
        <v>0</v>
      </c>
      <c r="K40311" s="2">
        <v>0</v>
      </c>
      <c r="L40311" t="s">
        <v>120</v>
      </c>
      <c r="M40311" t="s">
        <v>87</v>
      </c>
      <c r="N40311" t="s">
        <v>88</v>
      </c>
      <c r="O40311" t="s">
        <v>85</v>
      </c>
      <c r="P40311" t="s">
        <v>86</v>
      </c>
      <c r="Q40311">
        <v>4</v>
      </c>
      <c r="R40311">
        <v>4</v>
      </c>
      <c r="S40311">
        <v>4</v>
      </c>
      <c r="T40311">
        <v>4</v>
      </c>
      <c r="U40311">
        <v>4</v>
      </c>
      <c r="V40311">
        <v>4</v>
      </c>
      <c r="W40311">
        <v>4</v>
      </c>
      <c r="X40311">
        <v>4</v>
      </c>
      <c r="Y40311">
        <v>4</v>
      </c>
      <c r="Z40311">
        <v>4</v>
      </c>
      <c r="AA40311">
        <v>4</v>
      </c>
      <c r="AB40311">
        <v>4</v>
      </c>
      <c r="AC40311">
        <v>4</v>
      </c>
      <c r="AD40311">
        <v>4</v>
      </c>
      <c r="AE40311">
        <v>4</v>
      </c>
      <c r="AF40311">
        <v>4</v>
      </c>
      <c r="AG40311">
        <v>4</v>
      </c>
      <c r="AH40311">
        <v>4</v>
      </c>
      <c r="AI40311">
        <v>4</v>
      </c>
      <c r="AJ40311">
        <v>4</v>
      </c>
      <c r="AK40311">
        <v>4</v>
      </c>
      <c r="AL40311">
        <v>4</v>
      </c>
      <c r="AM40311">
        <v>4</v>
      </c>
      <c r="AN40311">
        <v>4</v>
      </c>
      <c r="AO40311">
        <v>4</v>
      </c>
      <c r="AP40311">
        <v>4</v>
      </c>
      <c r="AQ40311">
        <v>4</v>
      </c>
    </row>
    <row r="40312" spans="1:43">
      <c r="A40312" t="s">
        <v>24941</v>
      </c>
      <c r="B40312" t="s">
        <v>24942</v>
      </c>
      <c r="C40312" t="s">
        <v>22149</v>
      </c>
      <c r="D40312" t="s">
        <v>22150</v>
      </c>
      <c r="E40312" t="s">
        <v>21687</v>
      </c>
      <c r="F40312" t="s">
        <v>21688</v>
      </c>
      <c r="G40312" t="s">
        <v>20255</v>
      </c>
      <c r="H40312" t="s">
        <v>20256</v>
      </c>
      <c r="I40312" s="2">
        <v>1</v>
      </c>
      <c r="J40312" s="2">
        <v>0</v>
      </c>
      <c r="K40312" s="2">
        <v>0</v>
      </c>
      <c r="L40312" t="s">
        <v>120</v>
      </c>
      <c r="M40312" t="s">
        <v>89</v>
      </c>
      <c r="N40312" t="s">
        <v>90</v>
      </c>
      <c r="O40312" t="s">
        <v>85</v>
      </c>
      <c r="P40312" t="s">
        <v>86</v>
      </c>
      <c r="Q40312">
        <v>4</v>
      </c>
      <c r="R40312">
        <v>4</v>
      </c>
      <c r="S40312">
        <v>4</v>
      </c>
      <c r="T40312">
        <v>4</v>
      </c>
      <c r="U40312">
        <v>4</v>
      </c>
      <c r="V40312">
        <v>4</v>
      </c>
      <c r="W40312">
        <v>4</v>
      </c>
      <c r="X40312">
        <v>4</v>
      </c>
      <c r="Y40312">
        <v>4</v>
      </c>
      <c r="Z40312">
        <v>4</v>
      </c>
      <c r="AA40312">
        <v>5</v>
      </c>
      <c r="AB40312">
        <v>5</v>
      </c>
      <c r="AC40312">
        <v>5</v>
      </c>
      <c r="AD40312">
        <v>5</v>
      </c>
      <c r="AE40312">
        <v>5</v>
      </c>
      <c r="AF40312">
        <v>5</v>
      </c>
      <c r="AG40312">
        <v>5</v>
      </c>
      <c r="AH40312">
        <v>5</v>
      </c>
      <c r="AI40312">
        <v>5</v>
      </c>
      <c r="AJ40312">
        <v>5</v>
      </c>
      <c r="AK40312">
        <v>5</v>
      </c>
      <c r="AL40312">
        <v>5</v>
      </c>
      <c r="AM40312">
        <v>5</v>
      </c>
      <c r="AN40312">
        <v>5</v>
      </c>
      <c r="AO40312">
        <v>5</v>
      </c>
      <c r="AP40312">
        <v>5</v>
      </c>
      <c r="AQ40312">
        <v>5</v>
      </c>
    </row>
    <row r="40313" spans="1:43">
      <c r="A40313" t="s">
        <v>24941</v>
      </c>
      <c r="B40313" t="s">
        <v>24942</v>
      </c>
      <c r="C40313" t="s">
        <v>22149</v>
      </c>
      <c r="D40313" t="s">
        <v>22150</v>
      </c>
      <c r="E40313" t="s">
        <v>21687</v>
      </c>
      <c r="F40313" t="s">
        <v>21688</v>
      </c>
      <c r="G40313" t="s">
        <v>20255</v>
      </c>
      <c r="H40313" t="s">
        <v>20256</v>
      </c>
      <c r="I40313" s="2">
        <v>1</v>
      </c>
      <c r="J40313" s="2">
        <v>0</v>
      </c>
      <c r="K40313" s="2">
        <v>0</v>
      </c>
      <c r="L40313" t="s">
        <v>120</v>
      </c>
      <c r="M40313" t="s">
        <v>83</v>
      </c>
      <c r="N40313" t="s">
        <v>91</v>
      </c>
      <c r="O40313" t="s">
        <v>85</v>
      </c>
      <c r="P40313" t="s">
        <v>86</v>
      </c>
      <c r="Q40313">
        <v>4</v>
      </c>
      <c r="R40313">
        <v>4</v>
      </c>
      <c r="S40313">
        <v>4</v>
      </c>
      <c r="T40313">
        <v>4</v>
      </c>
      <c r="U40313">
        <v>4</v>
      </c>
      <c r="V40313">
        <v>4</v>
      </c>
      <c r="W40313">
        <v>4</v>
      </c>
      <c r="X40313">
        <v>4</v>
      </c>
      <c r="Y40313">
        <v>4</v>
      </c>
      <c r="Z40313">
        <v>4</v>
      </c>
      <c r="AA40313">
        <v>4</v>
      </c>
      <c r="AB40313">
        <v>4</v>
      </c>
      <c r="AC40313">
        <v>4</v>
      </c>
      <c r="AD40313">
        <v>4</v>
      </c>
      <c r="AE40313">
        <v>4</v>
      </c>
      <c r="AF40313">
        <v>4</v>
      </c>
      <c r="AG40313">
        <v>4</v>
      </c>
      <c r="AH40313">
        <v>5</v>
      </c>
      <c r="AI40313">
        <v>5</v>
      </c>
      <c r="AJ40313">
        <v>5</v>
      </c>
      <c r="AK40313">
        <v>5</v>
      </c>
      <c r="AL40313">
        <v>5</v>
      </c>
      <c r="AM40313">
        <v>5</v>
      </c>
      <c r="AN40313">
        <v>5</v>
      </c>
      <c r="AO40313">
        <v>5</v>
      </c>
      <c r="AP40313">
        <v>5</v>
      </c>
      <c r="AQ40313">
        <v>5</v>
      </c>
    </row>
    <row r="40314" spans="1:43">
      <c r="A40314" t="s">
        <v>24943</v>
      </c>
      <c r="B40314" t="s">
        <v>24944</v>
      </c>
      <c r="C40314" t="s">
        <v>22149</v>
      </c>
      <c r="D40314" t="s">
        <v>22150</v>
      </c>
      <c r="E40314" t="s">
        <v>21687</v>
      </c>
      <c r="F40314" t="s">
        <v>21688</v>
      </c>
      <c r="G40314" t="s">
        <v>20255</v>
      </c>
      <c r="H40314" t="s">
        <v>20256</v>
      </c>
      <c r="I40314" s="2">
        <v>1</v>
      </c>
      <c r="J40314" s="2">
        <v>0</v>
      </c>
      <c r="K40314" s="2">
        <v>0</v>
      </c>
      <c r="L40314" t="s">
        <v>120</v>
      </c>
      <c r="M40314" t="s">
        <v>83</v>
      </c>
      <c r="N40314" t="s">
        <v>84</v>
      </c>
      <c r="O40314" t="s">
        <v>85</v>
      </c>
      <c r="P40314" t="s">
        <v>86</v>
      </c>
      <c r="Q40314">
        <v>8</v>
      </c>
      <c r="R40314">
        <v>8</v>
      </c>
      <c r="S40314">
        <v>8</v>
      </c>
      <c r="T40314">
        <v>8</v>
      </c>
      <c r="U40314">
        <v>8</v>
      </c>
      <c r="V40314">
        <v>8</v>
      </c>
      <c r="W40314">
        <v>8</v>
      </c>
      <c r="X40314">
        <v>9</v>
      </c>
      <c r="Y40314">
        <v>9</v>
      </c>
      <c r="Z40314">
        <v>9</v>
      </c>
      <c r="AA40314">
        <v>9</v>
      </c>
      <c r="AB40314">
        <v>9</v>
      </c>
      <c r="AC40314">
        <v>9</v>
      </c>
      <c r="AD40314">
        <v>9</v>
      </c>
      <c r="AE40314">
        <v>9</v>
      </c>
      <c r="AF40314">
        <v>9</v>
      </c>
      <c r="AG40314">
        <v>9</v>
      </c>
      <c r="AH40314">
        <v>9</v>
      </c>
      <c r="AI40314">
        <v>9</v>
      </c>
      <c r="AJ40314">
        <v>9</v>
      </c>
      <c r="AK40314">
        <v>10</v>
      </c>
      <c r="AL40314">
        <v>10</v>
      </c>
      <c r="AM40314">
        <v>10</v>
      </c>
      <c r="AN40314">
        <v>10</v>
      </c>
      <c r="AO40314">
        <v>10</v>
      </c>
      <c r="AP40314">
        <v>10</v>
      </c>
      <c r="AQ40314">
        <v>10</v>
      </c>
    </row>
    <row r="40315" spans="1:43">
      <c r="A40315" t="s">
        <v>24943</v>
      </c>
      <c r="B40315" t="s">
        <v>24944</v>
      </c>
      <c r="C40315" t="s">
        <v>22149</v>
      </c>
      <c r="D40315" t="s">
        <v>22150</v>
      </c>
      <c r="E40315" t="s">
        <v>21687</v>
      </c>
      <c r="F40315" t="s">
        <v>21688</v>
      </c>
      <c r="G40315" t="s">
        <v>20255</v>
      </c>
      <c r="H40315" t="s">
        <v>20256</v>
      </c>
      <c r="I40315" s="2">
        <v>1</v>
      </c>
      <c r="J40315" s="2">
        <v>0</v>
      </c>
      <c r="K40315" s="2">
        <v>0</v>
      </c>
      <c r="L40315" t="s">
        <v>120</v>
      </c>
      <c r="M40315" t="s">
        <v>87</v>
      </c>
      <c r="N40315" t="s">
        <v>88</v>
      </c>
      <c r="O40315" t="s">
        <v>85</v>
      </c>
      <c r="P40315" t="s">
        <v>86</v>
      </c>
      <c r="Q40315">
        <v>8</v>
      </c>
      <c r="R40315">
        <v>8</v>
      </c>
      <c r="S40315">
        <v>8</v>
      </c>
      <c r="T40315">
        <v>8</v>
      </c>
      <c r="U40315">
        <v>8</v>
      </c>
      <c r="V40315">
        <v>8</v>
      </c>
      <c r="W40315">
        <v>8</v>
      </c>
      <c r="X40315">
        <v>8</v>
      </c>
      <c r="Y40315">
        <v>8</v>
      </c>
      <c r="Z40315">
        <v>8</v>
      </c>
      <c r="AA40315">
        <v>8</v>
      </c>
      <c r="AB40315">
        <v>8</v>
      </c>
      <c r="AC40315">
        <v>8</v>
      </c>
      <c r="AD40315">
        <v>8</v>
      </c>
      <c r="AE40315">
        <v>8</v>
      </c>
      <c r="AF40315">
        <v>8</v>
      </c>
      <c r="AG40315">
        <v>8</v>
      </c>
      <c r="AH40315">
        <v>8</v>
      </c>
      <c r="AI40315">
        <v>8</v>
      </c>
      <c r="AJ40315">
        <v>8</v>
      </c>
      <c r="AK40315">
        <v>8</v>
      </c>
      <c r="AL40315">
        <v>8</v>
      </c>
      <c r="AM40315">
        <v>8</v>
      </c>
      <c r="AN40315">
        <v>8</v>
      </c>
      <c r="AO40315">
        <v>8</v>
      </c>
      <c r="AP40315">
        <v>8</v>
      </c>
      <c r="AQ40315">
        <v>8</v>
      </c>
    </row>
    <row r="40316" spans="1:43">
      <c r="A40316" t="s">
        <v>24943</v>
      </c>
      <c r="B40316" t="s">
        <v>24944</v>
      </c>
      <c r="C40316" t="s">
        <v>22149</v>
      </c>
      <c r="D40316" t="s">
        <v>22150</v>
      </c>
      <c r="E40316" t="s">
        <v>21687</v>
      </c>
      <c r="F40316" t="s">
        <v>21688</v>
      </c>
      <c r="G40316" t="s">
        <v>20255</v>
      </c>
      <c r="H40316" t="s">
        <v>20256</v>
      </c>
      <c r="I40316" s="2">
        <v>1</v>
      </c>
      <c r="J40316" s="2">
        <v>0</v>
      </c>
      <c r="K40316" s="2">
        <v>0</v>
      </c>
      <c r="L40316" t="s">
        <v>120</v>
      </c>
      <c r="M40316" t="s">
        <v>89</v>
      </c>
      <c r="N40316" t="s">
        <v>90</v>
      </c>
      <c r="O40316" t="s">
        <v>85</v>
      </c>
      <c r="P40316" t="s">
        <v>86</v>
      </c>
      <c r="Q40316">
        <v>8</v>
      </c>
      <c r="R40316">
        <v>8</v>
      </c>
      <c r="S40316">
        <v>8</v>
      </c>
      <c r="T40316">
        <v>8</v>
      </c>
      <c r="U40316">
        <v>9</v>
      </c>
      <c r="V40316">
        <v>9</v>
      </c>
      <c r="W40316">
        <v>9</v>
      </c>
      <c r="X40316">
        <v>9</v>
      </c>
      <c r="Y40316">
        <v>9</v>
      </c>
      <c r="Z40316">
        <v>9</v>
      </c>
      <c r="AA40316">
        <v>9</v>
      </c>
      <c r="AB40316">
        <v>9</v>
      </c>
      <c r="AC40316">
        <v>10</v>
      </c>
      <c r="AD40316">
        <v>10</v>
      </c>
      <c r="AE40316">
        <v>10</v>
      </c>
      <c r="AF40316">
        <v>10</v>
      </c>
      <c r="AG40316">
        <v>10</v>
      </c>
      <c r="AH40316">
        <v>10</v>
      </c>
      <c r="AI40316">
        <v>10</v>
      </c>
      <c r="AJ40316">
        <v>10</v>
      </c>
      <c r="AK40316">
        <v>10</v>
      </c>
      <c r="AL40316">
        <v>10</v>
      </c>
      <c r="AM40316">
        <v>10</v>
      </c>
      <c r="AN40316">
        <v>10</v>
      </c>
      <c r="AO40316">
        <v>10</v>
      </c>
      <c r="AP40316">
        <v>10</v>
      </c>
      <c r="AQ40316">
        <v>10</v>
      </c>
    </row>
    <row r="40317" spans="1:43">
      <c r="A40317" t="s">
        <v>24943</v>
      </c>
      <c r="B40317" t="s">
        <v>24944</v>
      </c>
      <c r="C40317" t="s">
        <v>22149</v>
      </c>
      <c r="D40317" t="s">
        <v>22150</v>
      </c>
      <c r="E40317" t="s">
        <v>21687</v>
      </c>
      <c r="F40317" t="s">
        <v>21688</v>
      </c>
      <c r="G40317" t="s">
        <v>20255</v>
      </c>
      <c r="H40317" t="s">
        <v>20256</v>
      </c>
      <c r="I40317" s="2">
        <v>1</v>
      </c>
      <c r="J40317" s="2">
        <v>0</v>
      </c>
      <c r="K40317" s="2">
        <v>0</v>
      </c>
      <c r="L40317" t="s">
        <v>120</v>
      </c>
      <c r="M40317" t="s">
        <v>83</v>
      </c>
      <c r="N40317" t="s">
        <v>91</v>
      </c>
      <c r="O40317" t="s">
        <v>85</v>
      </c>
      <c r="P40317" t="s">
        <v>86</v>
      </c>
      <c r="Q40317">
        <v>8</v>
      </c>
      <c r="R40317">
        <v>8</v>
      </c>
      <c r="S40317">
        <v>8</v>
      </c>
      <c r="T40317">
        <v>8</v>
      </c>
      <c r="U40317">
        <v>8</v>
      </c>
      <c r="V40317">
        <v>8</v>
      </c>
      <c r="W40317">
        <v>8</v>
      </c>
      <c r="X40317">
        <v>9</v>
      </c>
      <c r="Y40317">
        <v>9</v>
      </c>
      <c r="Z40317">
        <v>9</v>
      </c>
      <c r="AA40317">
        <v>9</v>
      </c>
      <c r="AB40317">
        <v>9</v>
      </c>
      <c r="AC40317">
        <v>9</v>
      </c>
      <c r="AD40317">
        <v>9</v>
      </c>
      <c r="AE40317">
        <v>9</v>
      </c>
      <c r="AF40317">
        <v>9</v>
      </c>
      <c r="AG40317">
        <v>9</v>
      </c>
      <c r="AH40317">
        <v>9</v>
      </c>
      <c r="AI40317">
        <v>9</v>
      </c>
      <c r="AJ40317">
        <v>9</v>
      </c>
      <c r="AK40317">
        <v>10</v>
      </c>
      <c r="AL40317">
        <v>10</v>
      </c>
      <c r="AM40317">
        <v>10</v>
      </c>
      <c r="AN40317">
        <v>10</v>
      </c>
      <c r="AO40317">
        <v>10</v>
      </c>
      <c r="AP40317">
        <v>10</v>
      </c>
      <c r="AQ40317">
        <v>10</v>
      </c>
    </row>
    <row r="40318" spans="1:43">
      <c r="A40318" t="s">
        <v>24945</v>
      </c>
      <c r="B40318" t="s">
        <v>24946</v>
      </c>
      <c r="C40318" t="s">
        <v>22063</v>
      </c>
      <c r="D40318" t="s">
        <v>22064</v>
      </c>
      <c r="E40318" t="s">
        <v>21687</v>
      </c>
      <c r="F40318" t="s">
        <v>21688</v>
      </c>
      <c r="G40318" t="s">
        <v>20255</v>
      </c>
      <c r="H40318" t="s">
        <v>20256</v>
      </c>
      <c r="I40318" s="2">
        <v>1</v>
      </c>
      <c r="J40318" s="2">
        <v>0</v>
      </c>
      <c r="K40318" s="2">
        <v>0</v>
      </c>
      <c r="L40318" t="s">
        <v>120</v>
      </c>
      <c r="M40318" t="s">
        <v>83</v>
      </c>
      <c r="N40318" t="s">
        <v>84</v>
      </c>
      <c r="O40318" t="s">
        <v>85</v>
      </c>
      <c r="P40318" t="s">
        <v>86</v>
      </c>
      <c r="Q40318">
        <v>84</v>
      </c>
      <c r="R40318">
        <v>85</v>
      </c>
      <c r="S40318">
        <v>86</v>
      </c>
      <c r="T40318">
        <v>88</v>
      </c>
      <c r="U40318">
        <v>89</v>
      </c>
      <c r="V40318">
        <v>90</v>
      </c>
      <c r="W40318">
        <v>91</v>
      </c>
      <c r="X40318">
        <v>92</v>
      </c>
      <c r="Y40318">
        <v>93</v>
      </c>
      <c r="Z40318">
        <v>94</v>
      </c>
      <c r="AA40318">
        <v>95</v>
      </c>
      <c r="AB40318">
        <v>96</v>
      </c>
      <c r="AC40318">
        <v>97</v>
      </c>
      <c r="AD40318">
        <v>98</v>
      </c>
      <c r="AE40318">
        <v>99</v>
      </c>
      <c r="AF40318">
        <v>100</v>
      </c>
      <c r="AG40318">
        <v>101</v>
      </c>
      <c r="AH40318">
        <v>102</v>
      </c>
      <c r="AI40318">
        <v>103</v>
      </c>
      <c r="AJ40318">
        <v>104</v>
      </c>
      <c r="AK40318">
        <v>105</v>
      </c>
      <c r="AL40318">
        <v>106</v>
      </c>
      <c r="AM40318">
        <v>106</v>
      </c>
      <c r="AN40318">
        <v>107</v>
      </c>
      <c r="AO40318">
        <v>107</v>
      </c>
      <c r="AP40318">
        <v>108</v>
      </c>
      <c r="AQ40318">
        <v>108</v>
      </c>
    </row>
    <row r="40319" spans="1:43">
      <c r="A40319" t="s">
        <v>24945</v>
      </c>
      <c r="B40319" t="s">
        <v>24946</v>
      </c>
      <c r="C40319" t="s">
        <v>22063</v>
      </c>
      <c r="D40319" t="s">
        <v>22064</v>
      </c>
      <c r="E40319" t="s">
        <v>21687</v>
      </c>
      <c r="F40319" t="s">
        <v>21688</v>
      </c>
      <c r="G40319" t="s">
        <v>20255</v>
      </c>
      <c r="H40319" t="s">
        <v>20256</v>
      </c>
      <c r="I40319" s="2">
        <v>1</v>
      </c>
      <c r="J40319" s="2">
        <v>0</v>
      </c>
      <c r="K40319" s="2">
        <v>0</v>
      </c>
      <c r="L40319" t="s">
        <v>120</v>
      </c>
      <c r="M40319" t="s">
        <v>87</v>
      </c>
      <c r="N40319" t="s">
        <v>88</v>
      </c>
      <c r="O40319" t="s">
        <v>85</v>
      </c>
      <c r="P40319" t="s">
        <v>86</v>
      </c>
      <c r="Q40319">
        <v>84</v>
      </c>
      <c r="R40319">
        <v>85</v>
      </c>
      <c r="S40319">
        <v>85</v>
      </c>
      <c r="T40319">
        <v>85</v>
      </c>
      <c r="U40319">
        <v>86</v>
      </c>
      <c r="V40319">
        <v>86</v>
      </c>
      <c r="W40319">
        <v>86</v>
      </c>
      <c r="X40319">
        <v>87</v>
      </c>
      <c r="Y40319">
        <v>87</v>
      </c>
      <c r="Z40319">
        <v>87</v>
      </c>
      <c r="AA40319">
        <v>88</v>
      </c>
      <c r="AB40319">
        <v>88</v>
      </c>
      <c r="AC40319">
        <v>88</v>
      </c>
      <c r="AD40319">
        <v>89</v>
      </c>
      <c r="AE40319">
        <v>89</v>
      </c>
      <c r="AF40319">
        <v>89</v>
      </c>
      <c r="AG40319">
        <v>90</v>
      </c>
      <c r="AH40319">
        <v>90</v>
      </c>
      <c r="AI40319">
        <v>91</v>
      </c>
      <c r="AJ40319">
        <v>91</v>
      </c>
      <c r="AK40319">
        <v>91</v>
      </c>
      <c r="AL40319">
        <v>92</v>
      </c>
      <c r="AM40319">
        <v>92</v>
      </c>
      <c r="AN40319">
        <v>93</v>
      </c>
      <c r="AO40319">
        <v>93</v>
      </c>
      <c r="AP40319">
        <v>94</v>
      </c>
      <c r="AQ40319">
        <v>94</v>
      </c>
    </row>
    <row r="40320" spans="1:43">
      <c r="A40320" t="s">
        <v>24945</v>
      </c>
      <c r="B40320" t="s">
        <v>24946</v>
      </c>
      <c r="C40320" t="s">
        <v>22063</v>
      </c>
      <c r="D40320" t="s">
        <v>22064</v>
      </c>
      <c r="E40320" t="s">
        <v>21687</v>
      </c>
      <c r="F40320" t="s">
        <v>21688</v>
      </c>
      <c r="G40320" t="s">
        <v>20255</v>
      </c>
      <c r="H40320" t="s">
        <v>20256</v>
      </c>
      <c r="I40320" s="2">
        <v>1</v>
      </c>
      <c r="J40320" s="2">
        <v>0</v>
      </c>
      <c r="K40320" s="2">
        <v>0</v>
      </c>
      <c r="L40320" t="s">
        <v>120</v>
      </c>
      <c r="M40320" t="s">
        <v>89</v>
      </c>
      <c r="N40320" t="s">
        <v>90</v>
      </c>
      <c r="O40320" t="s">
        <v>85</v>
      </c>
      <c r="P40320" t="s">
        <v>86</v>
      </c>
      <c r="Q40320">
        <v>84</v>
      </c>
      <c r="R40320">
        <v>86</v>
      </c>
      <c r="S40320">
        <v>88</v>
      </c>
      <c r="T40320">
        <v>89</v>
      </c>
      <c r="U40320">
        <v>91</v>
      </c>
      <c r="V40320">
        <v>93</v>
      </c>
      <c r="W40320">
        <v>94</v>
      </c>
      <c r="X40320">
        <v>96</v>
      </c>
      <c r="Y40320">
        <v>97</v>
      </c>
      <c r="Z40320">
        <v>98</v>
      </c>
      <c r="AA40320">
        <v>100</v>
      </c>
      <c r="AB40320">
        <v>101</v>
      </c>
      <c r="AC40320">
        <v>103</v>
      </c>
      <c r="AD40320">
        <v>104</v>
      </c>
      <c r="AE40320">
        <v>105</v>
      </c>
      <c r="AF40320">
        <v>105</v>
      </c>
      <c r="AG40320">
        <v>106</v>
      </c>
      <c r="AH40320">
        <v>106</v>
      </c>
      <c r="AI40320">
        <v>106</v>
      </c>
      <c r="AJ40320">
        <v>107</v>
      </c>
      <c r="AK40320">
        <v>107</v>
      </c>
      <c r="AL40320">
        <v>107</v>
      </c>
      <c r="AM40320">
        <v>108</v>
      </c>
      <c r="AN40320">
        <v>108</v>
      </c>
      <c r="AO40320">
        <v>108</v>
      </c>
      <c r="AP40320">
        <v>109</v>
      </c>
      <c r="AQ40320">
        <v>109</v>
      </c>
    </row>
    <row r="40321" spans="1:43">
      <c r="A40321" t="s">
        <v>24945</v>
      </c>
      <c r="B40321" t="s">
        <v>24946</v>
      </c>
      <c r="C40321" t="s">
        <v>22063</v>
      </c>
      <c r="D40321" t="s">
        <v>22064</v>
      </c>
      <c r="E40321" t="s">
        <v>21687</v>
      </c>
      <c r="F40321" t="s">
        <v>21688</v>
      </c>
      <c r="G40321" t="s">
        <v>20255</v>
      </c>
      <c r="H40321" t="s">
        <v>20256</v>
      </c>
      <c r="I40321" s="2">
        <v>1</v>
      </c>
      <c r="J40321" s="2">
        <v>0</v>
      </c>
      <c r="K40321" s="2">
        <v>0</v>
      </c>
      <c r="L40321" t="s">
        <v>120</v>
      </c>
      <c r="M40321" t="s">
        <v>83</v>
      </c>
      <c r="N40321" t="s">
        <v>91</v>
      </c>
      <c r="O40321" t="s">
        <v>85</v>
      </c>
      <c r="P40321" t="s">
        <v>86</v>
      </c>
      <c r="Q40321">
        <v>84</v>
      </c>
      <c r="R40321">
        <v>85</v>
      </c>
      <c r="S40321">
        <v>86</v>
      </c>
      <c r="T40321">
        <v>88</v>
      </c>
      <c r="U40321">
        <v>89</v>
      </c>
      <c r="V40321">
        <v>90</v>
      </c>
      <c r="W40321">
        <v>91</v>
      </c>
      <c r="X40321">
        <v>92</v>
      </c>
      <c r="Y40321">
        <v>93</v>
      </c>
      <c r="Z40321">
        <v>94</v>
      </c>
      <c r="AA40321">
        <v>95</v>
      </c>
      <c r="AB40321">
        <v>96</v>
      </c>
      <c r="AC40321">
        <v>97</v>
      </c>
      <c r="AD40321">
        <v>98</v>
      </c>
      <c r="AE40321">
        <v>99</v>
      </c>
      <c r="AF40321">
        <v>100</v>
      </c>
      <c r="AG40321">
        <v>101</v>
      </c>
      <c r="AH40321">
        <v>102</v>
      </c>
      <c r="AI40321">
        <v>103</v>
      </c>
      <c r="AJ40321">
        <v>104</v>
      </c>
      <c r="AK40321">
        <v>105</v>
      </c>
      <c r="AL40321">
        <v>106</v>
      </c>
      <c r="AM40321">
        <v>106</v>
      </c>
      <c r="AN40321">
        <v>107</v>
      </c>
      <c r="AO40321">
        <v>107</v>
      </c>
      <c r="AP40321">
        <v>108</v>
      </c>
      <c r="AQ40321">
        <v>108</v>
      </c>
    </row>
    <row r="40322" spans="1:43">
      <c r="A40322" t="s">
        <v>24947</v>
      </c>
      <c r="B40322" t="s">
        <v>24948</v>
      </c>
      <c r="C40322" t="s">
        <v>22063</v>
      </c>
      <c r="D40322" t="s">
        <v>22064</v>
      </c>
      <c r="E40322" t="s">
        <v>21687</v>
      </c>
      <c r="F40322" t="s">
        <v>21688</v>
      </c>
      <c r="G40322" t="s">
        <v>20255</v>
      </c>
      <c r="H40322" t="s">
        <v>20256</v>
      </c>
      <c r="I40322" s="2">
        <v>1</v>
      </c>
      <c r="J40322" s="2">
        <v>0</v>
      </c>
      <c r="K40322" s="2">
        <v>0</v>
      </c>
      <c r="L40322" t="s">
        <v>120</v>
      </c>
      <c r="M40322" t="s">
        <v>83</v>
      </c>
      <c r="N40322" t="s">
        <v>84</v>
      </c>
      <c r="O40322" t="s">
        <v>85</v>
      </c>
      <c r="P40322" t="s">
        <v>86</v>
      </c>
      <c r="Q40322">
        <v>17</v>
      </c>
      <c r="R40322">
        <v>17</v>
      </c>
      <c r="S40322">
        <v>18</v>
      </c>
      <c r="T40322">
        <v>18</v>
      </c>
      <c r="U40322">
        <v>18</v>
      </c>
      <c r="V40322">
        <v>18</v>
      </c>
      <c r="W40322">
        <v>18</v>
      </c>
      <c r="X40322">
        <v>19</v>
      </c>
      <c r="Y40322">
        <v>19</v>
      </c>
      <c r="Z40322">
        <v>19</v>
      </c>
      <c r="AA40322">
        <v>19</v>
      </c>
      <c r="AB40322">
        <v>19</v>
      </c>
      <c r="AC40322">
        <v>20</v>
      </c>
      <c r="AD40322">
        <v>20</v>
      </c>
      <c r="AE40322">
        <v>20</v>
      </c>
      <c r="AF40322">
        <v>20</v>
      </c>
      <c r="AG40322">
        <v>20</v>
      </c>
      <c r="AH40322">
        <v>20</v>
      </c>
      <c r="AI40322">
        <v>21</v>
      </c>
      <c r="AJ40322">
        <v>21</v>
      </c>
      <c r="AK40322">
        <v>21</v>
      </c>
      <c r="AL40322">
        <v>21</v>
      </c>
      <c r="AM40322">
        <v>21</v>
      </c>
      <c r="AN40322">
        <v>21</v>
      </c>
      <c r="AO40322">
        <v>21</v>
      </c>
      <c r="AP40322">
        <v>21</v>
      </c>
      <c r="AQ40322">
        <v>21</v>
      </c>
    </row>
    <row r="40323" spans="1:43">
      <c r="A40323" t="s">
        <v>24947</v>
      </c>
      <c r="B40323" t="s">
        <v>24948</v>
      </c>
      <c r="C40323" t="s">
        <v>22063</v>
      </c>
      <c r="D40323" t="s">
        <v>22064</v>
      </c>
      <c r="E40323" t="s">
        <v>21687</v>
      </c>
      <c r="F40323" t="s">
        <v>21688</v>
      </c>
      <c r="G40323" t="s">
        <v>20255</v>
      </c>
      <c r="H40323" t="s">
        <v>20256</v>
      </c>
      <c r="I40323" s="2">
        <v>1</v>
      </c>
      <c r="J40323" s="2">
        <v>0</v>
      </c>
      <c r="K40323" s="2">
        <v>0</v>
      </c>
      <c r="L40323" t="s">
        <v>120</v>
      </c>
      <c r="M40323" t="s">
        <v>87</v>
      </c>
      <c r="N40323" t="s">
        <v>88</v>
      </c>
      <c r="O40323" t="s">
        <v>85</v>
      </c>
      <c r="P40323" t="s">
        <v>86</v>
      </c>
      <c r="Q40323">
        <v>17</v>
      </c>
      <c r="R40323">
        <v>17</v>
      </c>
      <c r="S40323">
        <v>17</v>
      </c>
      <c r="T40323">
        <v>17</v>
      </c>
      <c r="U40323">
        <v>17</v>
      </c>
      <c r="V40323">
        <v>17</v>
      </c>
      <c r="W40323">
        <v>17</v>
      </c>
      <c r="X40323">
        <v>17</v>
      </c>
      <c r="Y40323">
        <v>17</v>
      </c>
      <c r="Z40323">
        <v>17</v>
      </c>
      <c r="AA40323">
        <v>17</v>
      </c>
      <c r="AB40323">
        <v>18</v>
      </c>
      <c r="AC40323">
        <v>18</v>
      </c>
      <c r="AD40323">
        <v>18</v>
      </c>
      <c r="AE40323">
        <v>18</v>
      </c>
      <c r="AF40323">
        <v>18</v>
      </c>
      <c r="AG40323">
        <v>18</v>
      </c>
      <c r="AH40323">
        <v>18</v>
      </c>
      <c r="AI40323">
        <v>18</v>
      </c>
      <c r="AJ40323">
        <v>18</v>
      </c>
      <c r="AK40323">
        <v>18</v>
      </c>
      <c r="AL40323">
        <v>18</v>
      </c>
      <c r="AM40323">
        <v>18</v>
      </c>
      <c r="AN40323">
        <v>18</v>
      </c>
      <c r="AO40323">
        <v>18</v>
      </c>
      <c r="AP40323">
        <v>19</v>
      </c>
      <c r="AQ40323">
        <v>19</v>
      </c>
    </row>
    <row r="40324" spans="1:43">
      <c r="A40324" t="s">
        <v>24947</v>
      </c>
      <c r="B40324" t="s">
        <v>24948</v>
      </c>
      <c r="C40324" t="s">
        <v>22063</v>
      </c>
      <c r="D40324" t="s">
        <v>22064</v>
      </c>
      <c r="E40324" t="s">
        <v>21687</v>
      </c>
      <c r="F40324" t="s">
        <v>21688</v>
      </c>
      <c r="G40324" t="s">
        <v>20255</v>
      </c>
      <c r="H40324" t="s">
        <v>20256</v>
      </c>
      <c r="I40324" s="2">
        <v>1</v>
      </c>
      <c r="J40324" s="2">
        <v>0</v>
      </c>
      <c r="K40324" s="2">
        <v>0</v>
      </c>
      <c r="L40324" t="s">
        <v>120</v>
      </c>
      <c r="M40324" t="s">
        <v>89</v>
      </c>
      <c r="N40324" t="s">
        <v>90</v>
      </c>
      <c r="O40324" t="s">
        <v>85</v>
      </c>
      <c r="P40324" t="s">
        <v>86</v>
      </c>
      <c r="Q40324">
        <v>17</v>
      </c>
      <c r="R40324">
        <v>18</v>
      </c>
      <c r="S40324">
        <v>18</v>
      </c>
      <c r="T40324">
        <v>18</v>
      </c>
      <c r="U40324">
        <v>19</v>
      </c>
      <c r="V40324">
        <v>19</v>
      </c>
      <c r="W40324">
        <v>19</v>
      </c>
      <c r="X40324">
        <v>20</v>
      </c>
      <c r="Y40324">
        <v>20</v>
      </c>
      <c r="Z40324">
        <v>20</v>
      </c>
      <c r="AA40324">
        <v>20</v>
      </c>
      <c r="AB40324">
        <v>21</v>
      </c>
      <c r="AC40324">
        <v>21</v>
      </c>
      <c r="AD40324">
        <v>21</v>
      </c>
      <c r="AE40324">
        <v>21</v>
      </c>
      <c r="AF40324">
        <v>21</v>
      </c>
      <c r="AG40324">
        <v>21</v>
      </c>
      <c r="AH40324">
        <v>21</v>
      </c>
      <c r="AI40324">
        <v>21</v>
      </c>
      <c r="AJ40324">
        <v>21</v>
      </c>
      <c r="AK40324">
        <v>21</v>
      </c>
      <c r="AL40324">
        <v>22</v>
      </c>
      <c r="AM40324">
        <v>22</v>
      </c>
      <c r="AN40324">
        <v>22</v>
      </c>
      <c r="AO40324">
        <v>22</v>
      </c>
      <c r="AP40324">
        <v>22</v>
      </c>
      <c r="AQ40324">
        <v>22</v>
      </c>
    </row>
    <row r="40325" spans="1:43">
      <c r="A40325" t="s">
        <v>24947</v>
      </c>
      <c r="B40325" t="s">
        <v>24948</v>
      </c>
      <c r="C40325" t="s">
        <v>22063</v>
      </c>
      <c r="D40325" t="s">
        <v>22064</v>
      </c>
      <c r="E40325" t="s">
        <v>21687</v>
      </c>
      <c r="F40325" t="s">
        <v>21688</v>
      </c>
      <c r="G40325" t="s">
        <v>20255</v>
      </c>
      <c r="H40325" t="s">
        <v>20256</v>
      </c>
      <c r="I40325" s="2">
        <v>1</v>
      </c>
      <c r="J40325" s="2">
        <v>0</v>
      </c>
      <c r="K40325" s="2">
        <v>0</v>
      </c>
      <c r="L40325" t="s">
        <v>120</v>
      </c>
      <c r="M40325" t="s">
        <v>83</v>
      </c>
      <c r="N40325" t="s">
        <v>91</v>
      </c>
      <c r="O40325" t="s">
        <v>85</v>
      </c>
      <c r="P40325" t="s">
        <v>86</v>
      </c>
      <c r="Q40325">
        <v>17</v>
      </c>
      <c r="R40325">
        <v>17</v>
      </c>
      <c r="S40325">
        <v>18</v>
      </c>
      <c r="T40325">
        <v>18</v>
      </c>
      <c r="U40325">
        <v>18</v>
      </c>
      <c r="V40325">
        <v>18</v>
      </c>
      <c r="W40325">
        <v>18</v>
      </c>
      <c r="X40325">
        <v>19</v>
      </c>
      <c r="Y40325">
        <v>19</v>
      </c>
      <c r="Z40325">
        <v>19</v>
      </c>
      <c r="AA40325">
        <v>19</v>
      </c>
      <c r="AB40325">
        <v>19</v>
      </c>
      <c r="AC40325">
        <v>20</v>
      </c>
      <c r="AD40325">
        <v>20</v>
      </c>
      <c r="AE40325">
        <v>20</v>
      </c>
      <c r="AF40325">
        <v>20</v>
      </c>
      <c r="AG40325">
        <v>20</v>
      </c>
      <c r="AH40325">
        <v>20</v>
      </c>
      <c r="AI40325">
        <v>21</v>
      </c>
      <c r="AJ40325">
        <v>21</v>
      </c>
      <c r="AK40325">
        <v>21</v>
      </c>
      <c r="AL40325">
        <v>21</v>
      </c>
      <c r="AM40325">
        <v>21</v>
      </c>
      <c r="AN40325">
        <v>21</v>
      </c>
      <c r="AO40325">
        <v>21</v>
      </c>
      <c r="AP40325">
        <v>21</v>
      </c>
      <c r="AQ40325">
        <v>21</v>
      </c>
    </row>
    <row r="40326" spans="1:43">
      <c r="A40326" t="s">
        <v>24949</v>
      </c>
      <c r="B40326" t="s">
        <v>24950</v>
      </c>
      <c r="C40326" t="s">
        <v>22181</v>
      </c>
      <c r="D40326" t="s">
        <v>22182</v>
      </c>
      <c r="E40326" t="s">
        <v>21687</v>
      </c>
      <c r="F40326" t="s">
        <v>21688</v>
      </c>
      <c r="G40326" t="s">
        <v>20255</v>
      </c>
      <c r="H40326" t="s">
        <v>20256</v>
      </c>
      <c r="I40326" s="2">
        <v>1</v>
      </c>
      <c r="J40326" s="2">
        <v>0</v>
      </c>
      <c r="K40326" s="2">
        <v>0</v>
      </c>
      <c r="L40326" t="s">
        <v>120</v>
      </c>
      <c r="M40326" t="s">
        <v>83</v>
      </c>
      <c r="N40326" t="s">
        <v>84</v>
      </c>
      <c r="O40326" t="s">
        <v>85</v>
      </c>
      <c r="P40326" t="s">
        <v>86</v>
      </c>
      <c r="Q40326">
        <v>86</v>
      </c>
      <c r="R40326">
        <v>87</v>
      </c>
      <c r="S40326">
        <v>88</v>
      </c>
      <c r="T40326">
        <v>89</v>
      </c>
      <c r="U40326">
        <v>90</v>
      </c>
      <c r="V40326">
        <v>91</v>
      </c>
      <c r="W40326">
        <v>92</v>
      </c>
      <c r="X40326">
        <v>93</v>
      </c>
      <c r="Y40326">
        <v>94</v>
      </c>
      <c r="Z40326">
        <v>95</v>
      </c>
      <c r="AA40326">
        <v>96</v>
      </c>
      <c r="AB40326">
        <v>97</v>
      </c>
      <c r="AC40326">
        <v>98</v>
      </c>
      <c r="AD40326">
        <v>99</v>
      </c>
      <c r="AE40326">
        <v>100</v>
      </c>
      <c r="AF40326">
        <v>101</v>
      </c>
      <c r="AG40326">
        <v>102</v>
      </c>
      <c r="AH40326">
        <v>103</v>
      </c>
      <c r="AI40326">
        <v>104</v>
      </c>
      <c r="AJ40326">
        <v>105</v>
      </c>
      <c r="AK40326">
        <v>106</v>
      </c>
      <c r="AL40326">
        <v>106</v>
      </c>
      <c r="AM40326">
        <v>106</v>
      </c>
      <c r="AN40326">
        <v>106</v>
      </c>
      <c r="AO40326">
        <v>107</v>
      </c>
      <c r="AP40326">
        <v>107</v>
      </c>
      <c r="AQ40326">
        <v>107</v>
      </c>
    </row>
    <row r="40327" spans="1:43">
      <c r="A40327" t="s">
        <v>24949</v>
      </c>
      <c r="B40327" t="s">
        <v>24950</v>
      </c>
      <c r="C40327" t="s">
        <v>22181</v>
      </c>
      <c r="D40327" t="s">
        <v>22182</v>
      </c>
      <c r="E40327" t="s">
        <v>21687</v>
      </c>
      <c r="F40327" t="s">
        <v>21688</v>
      </c>
      <c r="G40327" t="s">
        <v>20255</v>
      </c>
      <c r="H40327" t="s">
        <v>20256</v>
      </c>
      <c r="I40327" s="2">
        <v>1</v>
      </c>
      <c r="J40327" s="2">
        <v>0</v>
      </c>
      <c r="K40327" s="2">
        <v>0</v>
      </c>
      <c r="L40327" t="s">
        <v>120</v>
      </c>
      <c r="M40327" t="s">
        <v>87</v>
      </c>
      <c r="N40327" t="s">
        <v>88</v>
      </c>
      <c r="O40327" t="s">
        <v>85</v>
      </c>
      <c r="P40327" t="s">
        <v>86</v>
      </c>
      <c r="Q40327">
        <v>86</v>
      </c>
      <c r="R40327">
        <v>87</v>
      </c>
      <c r="S40327">
        <v>87</v>
      </c>
      <c r="T40327">
        <v>87</v>
      </c>
      <c r="U40327">
        <v>87</v>
      </c>
      <c r="V40327">
        <v>88</v>
      </c>
      <c r="W40327">
        <v>88</v>
      </c>
      <c r="X40327">
        <v>88</v>
      </c>
      <c r="Y40327">
        <v>88</v>
      </c>
      <c r="Z40327">
        <v>88</v>
      </c>
      <c r="AA40327">
        <v>89</v>
      </c>
      <c r="AB40327">
        <v>89</v>
      </c>
      <c r="AC40327">
        <v>89</v>
      </c>
      <c r="AD40327">
        <v>89</v>
      </c>
      <c r="AE40327">
        <v>90</v>
      </c>
      <c r="AF40327">
        <v>90</v>
      </c>
      <c r="AG40327">
        <v>90</v>
      </c>
      <c r="AH40327">
        <v>91</v>
      </c>
      <c r="AI40327">
        <v>91</v>
      </c>
      <c r="AJ40327">
        <v>91</v>
      </c>
      <c r="AK40327">
        <v>92</v>
      </c>
      <c r="AL40327">
        <v>92</v>
      </c>
      <c r="AM40327">
        <v>92</v>
      </c>
      <c r="AN40327">
        <v>93</v>
      </c>
      <c r="AO40327">
        <v>93</v>
      </c>
      <c r="AP40327">
        <v>93</v>
      </c>
      <c r="AQ40327">
        <v>94</v>
      </c>
    </row>
    <row r="40328" spans="1:43">
      <c r="A40328" t="s">
        <v>24949</v>
      </c>
      <c r="B40328" t="s">
        <v>24950</v>
      </c>
      <c r="C40328" t="s">
        <v>22181</v>
      </c>
      <c r="D40328" t="s">
        <v>22182</v>
      </c>
      <c r="E40328" t="s">
        <v>21687</v>
      </c>
      <c r="F40328" t="s">
        <v>21688</v>
      </c>
      <c r="G40328" t="s">
        <v>20255</v>
      </c>
      <c r="H40328" t="s">
        <v>20256</v>
      </c>
      <c r="I40328" s="2">
        <v>1</v>
      </c>
      <c r="J40328" s="2">
        <v>0</v>
      </c>
      <c r="K40328" s="2">
        <v>0</v>
      </c>
      <c r="L40328" t="s">
        <v>120</v>
      </c>
      <c r="M40328" t="s">
        <v>89</v>
      </c>
      <c r="N40328" t="s">
        <v>90</v>
      </c>
      <c r="O40328" t="s">
        <v>85</v>
      </c>
      <c r="P40328" t="s">
        <v>86</v>
      </c>
      <c r="Q40328">
        <v>86</v>
      </c>
      <c r="R40328">
        <v>88</v>
      </c>
      <c r="S40328">
        <v>90</v>
      </c>
      <c r="T40328">
        <v>91</v>
      </c>
      <c r="U40328">
        <v>93</v>
      </c>
      <c r="V40328">
        <v>94</v>
      </c>
      <c r="W40328">
        <v>96</v>
      </c>
      <c r="X40328">
        <v>97</v>
      </c>
      <c r="Y40328">
        <v>99</v>
      </c>
      <c r="Z40328">
        <v>100</v>
      </c>
      <c r="AA40328">
        <v>101</v>
      </c>
      <c r="AB40328">
        <v>102</v>
      </c>
      <c r="AC40328">
        <v>104</v>
      </c>
      <c r="AD40328">
        <v>105</v>
      </c>
      <c r="AE40328">
        <v>106</v>
      </c>
      <c r="AF40328">
        <v>106</v>
      </c>
      <c r="AG40328">
        <v>106</v>
      </c>
      <c r="AH40328">
        <v>106</v>
      </c>
      <c r="AI40328">
        <v>106</v>
      </c>
      <c r="AJ40328">
        <v>107</v>
      </c>
      <c r="AK40328">
        <v>107</v>
      </c>
      <c r="AL40328">
        <v>107</v>
      </c>
      <c r="AM40328">
        <v>107</v>
      </c>
      <c r="AN40328">
        <v>107</v>
      </c>
      <c r="AO40328">
        <v>107</v>
      </c>
      <c r="AP40328">
        <v>108</v>
      </c>
      <c r="AQ40328">
        <v>108</v>
      </c>
    </row>
    <row r="40329" spans="1:43">
      <c r="A40329" t="s">
        <v>24949</v>
      </c>
      <c r="B40329" t="s">
        <v>24950</v>
      </c>
      <c r="C40329" t="s">
        <v>22181</v>
      </c>
      <c r="D40329" t="s">
        <v>22182</v>
      </c>
      <c r="E40329" t="s">
        <v>21687</v>
      </c>
      <c r="F40329" t="s">
        <v>21688</v>
      </c>
      <c r="G40329" t="s">
        <v>20255</v>
      </c>
      <c r="H40329" t="s">
        <v>20256</v>
      </c>
      <c r="I40329" s="2">
        <v>1</v>
      </c>
      <c r="J40329" s="2">
        <v>0</v>
      </c>
      <c r="K40329" s="2">
        <v>0</v>
      </c>
      <c r="L40329" t="s">
        <v>120</v>
      </c>
      <c r="M40329" t="s">
        <v>83</v>
      </c>
      <c r="N40329" t="s">
        <v>91</v>
      </c>
      <c r="O40329" t="s">
        <v>85</v>
      </c>
      <c r="P40329" t="s">
        <v>86</v>
      </c>
      <c r="Q40329">
        <v>86</v>
      </c>
      <c r="R40329">
        <v>87</v>
      </c>
      <c r="S40329">
        <v>88</v>
      </c>
      <c r="T40329">
        <v>89</v>
      </c>
      <c r="U40329">
        <v>90</v>
      </c>
      <c r="V40329">
        <v>91</v>
      </c>
      <c r="W40329">
        <v>92</v>
      </c>
      <c r="X40329">
        <v>93</v>
      </c>
      <c r="Y40329">
        <v>94</v>
      </c>
      <c r="Z40329">
        <v>95</v>
      </c>
      <c r="AA40329">
        <v>96</v>
      </c>
      <c r="AB40329">
        <v>97</v>
      </c>
      <c r="AC40329">
        <v>98</v>
      </c>
      <c r="AD40329">
        <v>99</v>
      </c>
      <c r="AE40329">
        <v>100</v>
      </c>
      <c r="AF40329">
        <v>101</v>
      </c>
      <c r="AG40329">
        <v>102</v>
      </c>
      <c r="AH40329">
        <v>103</v>
      </c>
      <c r="AI40329">
        <v>104</v>
      </c>
      <c r="AJ40329">
        <v>105</v>
      </c>
      <c r="AK40329">
        <v>106</v>
      </c>
      <c r="AL40329">
        <v>106</v>
      </c>
      <c r="AM40329">
        <v>106</v>
      </c>
      <c r="AN40329">
        <v>106</v>
      </c>
      <c r="AO40329">
        <v>107</v>
      </c>
      <c r="AP40329">
        <v>107</v>
      </c>
      <c r="AQ40329">
        <v>107</v>
      </c>
    </row>
    <row r="40330" spans="1:43">
      <c r="A40330" t="s">
        <v>24951</v>
      </c>
      <c r="B40330" t="s">
        <v>24952</v>
      </c>
      <c r="C40330" t="s">
        <v>22181</v>
      </c>
      <c r="D40330" t="s">
        <v>22182</v>
      </c>
      <c r="E40330" t="s">
        <v>21687</v>
      </c>
      <c r="F40330" t="s">
        <v>21688</v>
      </c>
      <c r="G40330" t="s">
        <v>20255</v>
      </c>
      <c r="H40330" t="s">
        <v>20256</v>
      </c>
      <c r="I40330" s="2">
        <v>1</v>
      </c>
      <c r="J40330" s="2">
        <v>0</v>
      </c>
      <c r="K40330" s="2">
        <v>0</v>
      </c>
      <c r="L40330" t="s">
        <v>120</v>
      </c>
      <c r="M40330" t="s">
        <v>83</v>
      </c>
      <c r="N40330" t="s">
        <v>84</v>
      </c>
      <c r="O40330" t="s">
        <v>85</v>
      </c>
      <c r="P40330" t="s">
        <v>86</v>
      </c>
      <c r="Q40330">
        <v>51</v>
      </c>
      <c r="R40330">
        <v>51</v>
      </c>
      <c r="S40330">
        <v>52</v>
      </c>
      <c r="T40330">
        <v>53</v>
      </c>
      <c r="U40330">
        <v>54</v>
      </c>
      <c r="V40330">
        <v>54</v>
      </c>
      <c r="W40330">
        <v>55</v>
      </c>
      <c r="X40330">
        <v>56</v>
      </c>
      <c r="Y40330">
        <v>56</v>
      </c>
      <c r="Z40330">
        <v>57</v>
      </c>
      <c r="AA40330">
        <v>57</v>
      </c>
      <c r="AB40330">
        <v>58</v>
      </c>
      <c r="AC40330">
        <v>59</v>
      </c>
      <c r="AD40330">
        <v>59</v>
      </c>
      <c r="AE40330">
        <v>60</v>
      </c>
      <c r="AF40330">
        <v>61</v>
      </c>
      <c r="AG40330">
        <v>61</v>
      </c>
      <c r="AH40330">
        <v>62</v>
      </c>
      <c r="AI40330">
        <v>63</v>
      </c>
      <c r="AJ40330">
        <v>63</v>
      </c>
      <c r="AK40330">
        <v>64</v>
      </c>
      <c r="AL40330">
        <v>64</v>
      </c>
      <c r="AM40330">
        <v>65</v>
      </c>
      <c r="AN40330">
        <v>65</v>
      </c>
      <c r="AO40330">
        <v>65</v>
      </c>
      <c r="AP40330">
        <v>66</v>
      </c>
      <c r="AQ40330">
        <v>66</v>
      </c>
    </row>
    <row r="40331" spans="1:43">
      <c r="A40331" t="s">
        <v>24951</v>
      </c>
      <c r="B40331" t="s">
        <v>24952</v>
      </c>
      <c r="C40331" t="s">
        <v>22181</v>
      </c>
      <c r="D40331" t="s">
        <v>22182</v>
      </c>
      <c r="E40331" t="s">
        <v>21687</v>
      </c>
      <c r="F40331" t="s">
        <v>21688</v>
      </c>
      <c r="G40331" t="s">
        <v>20255</v>
      </c>
      <c r="H40331" t="s">
        <v>20256</v>
      </c>
      <c r="I40331" s="2">
        <v>1</v>
      </c>
      <c r="J40331" s="2">
        <v>0</v>
      </c>
      <c r="K40331" s="2">
        <v>0</v>
      </c>
      <c r="L40331" t="s">
        <v>120</v>
      </c>
      <c r="M40331" t="s">
        <v>87</v>
      </c>
      <c r="N40331" t="s">
        <v>88</v>
      </c>
      <c r="O40331" t="s">
        <v>85</v>
      </c>
      <c r="P40331" t="s">
        <v>86</v>
      </c>
      <c r="Q40331">
        <v>51</v>
      </c>
      <c r="R40331">
        <v>51</v>
      </c>
      <c r="S40331">
        <v>52</v>
      </c>
      <c r="T40331">
        <v>52</v>
      </c>
      <c r="U40331">
        <v>52</v>
      </c>
      <c r="V40331">
        <v>52</v>
      </c>
      <c r="W40331">
        <v>53</v>
      </c>
      <c r="X40331">
        <v>53</v>
      </c>
      <c r="Y40331">
        <v>53</v>
      </c>
      <c r="Z40331">
        <v>53</v>
      </c>
      <c r="AA40331">
        <v>53</v>
      </c>
      <c r="AB40331">
        <v>54</v>
      </c>
      <c r="AC40331">
        <v>54</v>
      </c>
      <c r="AD40331">
        <v>54</v>
      </c>
      <c r="AE40331">
        <v>54</v>
      </c>
      <c r="AF40331">
        <v>55</v>
      </c>
      <c r="AG40331">
        <v>55</v>
      </c>
      <c r="AH40331">
        <v>55</v>
      </c>
      <c r="AI40331">
        <v>55</v>
      </c>
      <c r="AJ40331">
        <v>56</v>
      </c>
      <c r="AK40331">
        <v>56</v>
      </c>
      <c r="AL40331">
        <v>56</v>
      </c>
      <c r="AM40331">
        <v>57</v>
      </c>
      <c r="AN40331">
        <v>57</v>
      </c>
      <c r="AO40331">
        <v>57</v>
      </c>
      <c r="AP40331">
        <v>58</v>
      </c>
      <c r="AQ40331">
        <v>58</v>
      </c>
    </row>
    <row r="40332" spans="1:43">
      <c r="A40332" t="s">
        <v>24951</v>
      </c>
      <c r="B40332" t="s">
        <v>24952</v>
      </c>
      <c r="C40332" t="s">
        <v>22181</v>
      </c>
      <c r="D40332" t="s">
        <v>22182</v>
      </c>
      <c r="E40332" t="s">
        <v>21687</v>
      </c>
      <c r="F40332" t="s">
        <v>21688</v>
      </c>
      <c r="G40332" t="s">
        <v>20255</v>
      </c>
      <c r="H40332" t="s">
        <v>20256</v>
      </c>
      <c r="I40332" s="2">
        <v>1</v>
      </c>
      <c r="J40332" s="2">
        <v>0</v>
      </c>
      <c r="K40332" s="2">
        <v>0</v>
      </c>
      <c r="L40332" t="s">
        <v>120</v>
      </c>
      <c r="M40332" t="s">
        <v>89</v>
      </c>
      <c r="N40332" t="s">
        <v>90</v>
      </c>
      <c r="O40332" t="s">
        <v>85</v>
      </c>
      <c r="P40332" t="s">
        <v>86</v>
      </c>
      <c r="Q40332">
        <v>51</v>
      </c>
      <c r="R40332">
        <v>52</v>
      </c>
      <c r="S40332">
        <v>53</v>
      </c>
      <c r="T40332">
        <v>55</v>
      </c>
      <c r="U40332">
        <v>56</v>
      </c>
      <c r="V40332">
        <v>57</v>
      </c>
      <c r="W40332">
        <v>57</v>
      </c>
      <c r="X40332">
        <v>58</v>
      </c>
      <c r="Y40332">
        <v>59</v>
      </c>
      <c r="Z40332">
        <v>60</v>
      </c>
      <c r="AA40332">
        <v>61</v>
      </c>
      <c r="AB40332">
        <v>62</v>
      </c>
      <c r="AC40332">
        <v>63</v>
      </c>
      <c r="AD40332">
        <v>64</v>
      </c>
      <c r="AE40332">
        <v>64</v>
      </c>
      <c r="AF40332">
        <v>64</v>
      </c>
      <c r="AG40332">
        <v>65</v>
      </c>
      <c r="AH40332">
        <v>65</v>
      </c>
      <c r="AI40332">
        <v>65</v>
      </c>
      <c r="AJ40332">
        <v>65</v>
      </c>
      <c r="AK40332">
        <v>66</v>
      </c>
      <c r="AL40332">
        <v>66</v>
      </c>
      <c r="AM40332">
        <v>66</v>
      </c>
      <c r="AN40332">
        <v>66</v>
      </c>
      <c r="AO40332">
        <v>67</v>
      </c>
      <c r="AP40332">
        <v>67</v>
      </c>
      <c r="AQ40332">
        <v>67</v>
      </c>
    </row>
    <row r="40333" spans="1:43">
      <c r="A40333" t="s">
        <v>24951</v>
      </c>
      <c r="B40333" t="s">
        <v>24952</v>
      </c>
      <c r="C40333" t="s">
        <v>22181</v>
      </c>
      <c r="D40333" t="s">
        <v>22182</v>
      </c>
      <c r="E40333" t="s">
        <v>21687</v>
      </c>
      <c r="F40333" t="s">
        <v>21688</v>
      </c>
      <c r="G40333" t="s">
        <v>20255</v>
      </c>
      <c r="H40333" t="s">
        <v>20256</v>
      </c>
      <c r="I40333" s="2">
        <v>1</v>
      </c>
      <c r="J40333" s="2">
        <v>0</v>
      </c>
      <c r="K40333" s="2">
        <v>0</v>
      </c>
      <c r="L40333" t="s">
        <v>120</v>
      </c>
      <c r="M40333" t="s">
        <v>83</v>
      </c>
      <c r="N40333" t="s">
        <v>91</v>
      </c>
      <c r="O40333" t="s">
        <v>85</v>
      </c>
      <c r="P40333" t="s">
        <v>86</v>
      </c>
      <c r="Q40333">
        <v>51</v>
      </c>
      <c r="R40333">
        <v>51</v>
      </c>
      <c r="S40333">
        <v>52</v>
      </c>
      <c r="T40333">
        <v>53</v>
      </c>
      <c r="U40333">
        <v>54</v>
      </c>
      <c r="V40333">
        <v>54</v>
      </c>
      <c r="W40333">
        <v>55</v>
      </c>
      <c r="X40333">
        <v>56</v>
      </c>
      <c r="Y40333">
        <v>56</v>
      </c>
      <c r="Z40333">
        <v>57</v>
      </c>
      <c r="AA40333">
        <v>57</v>
      </c>
      <c r="AB40333">
        <v>58</v>
      </c>
      <c r="AC40333">
        <v>59</v>
      </c>
      <c r="AD40333">
        <v>59</v>
      </c>
      <c r="AE40333">
        <v>60</v>
      </c>
      <c r="AF40333">
        <v>61</v>
      </c>
      <c r="AG40333">
        <v>61</v>
      </c>
      <c r="AH40333">
        <v>62</v>
      </c>
      <c r="AI40333">
        <v>63</v>
      </c>
      <c r="AJ40333">
        <v>63</v>
      </c>
      <c r="AK40333">
        <v>64</v>
      </c>
      <c r="AL40333">
        <v>64</v>
      </c>
      <c r="AM40333">
        <v>65</v>
      </c>
      <c r="AN40333">
        <v>65</v>
      </c>
      <c r="AO40333">
        <v>65</v>
      </c>
      <c r="AP40333">
        <v>66</v>
      </c>
      <c r="AQ40333">
        <v>66</v>
      </c>
    </row>
    <row r="40334" spans="1:43">
      <c r="A40334" t="s">
        <v>24953</v>
      </c>
      <c r="B40334" t="s">
        <v>24954</v>
      </c>
      <c r="C40334" t="s">
        <v>22149</v>
      </c>
      <c r="D40334" t="s">
        <v>22150</v>
      </c>
      <c r="E40334" t="s">
        <v>21687</v>
      </c>
      <c r="F40334" t="s">
        <v>21688</v>
      </c>
      <c r="G40334" t="s">
        <v>20255</v>
      </c>
      <c r="H40334" t="s">
        <v>20256</v>
      </c>
      <c r="I40334" s="2">
        <v>1</v>
      </c>
      <c r="J40334" s="2">
        <v>0</v>
      </c>
      <c r="K40334" s="2">
        <v>0</v>
      </c>
      <c r="L40334" t="s">
        <v>120</v>
      </c>
      <c r="M40334" t="s">
        <v>83</v>
      </c>
      <c r="N40334" t="s">
        <v>84</v>
      </c>
      <c r="O40334" t="s">
        <v>85</v>
      </c>
      <c r="P40334" t="s">
        <v>86</v>
      </c>
      <c r="Q40334">
        <v>51</v>
      </c>
      <c r="R40334">
        <v>51</v>
      </c>
      <c r="S40334">
        <v>52</v>
      </c>
      <c r="T40334">
        <v>53</v>
      </c>
      <c r="U40334">
        <v>53</v>
      </c>
      <c r="V40334">
        <v>54</v>
      </c>
      <c r="W40334">
        <v>54</v>
      </c>
      <c r="X40334">
        <v>55</v>
      </c>
      <c r="Y40334">
        <v>55</v>
      </c>
      <c r="Z40334">
        <v>56</v>
      </c>
      <c r="AA40334">
        <v>56</v>
      </c>
      <c r="AB40334">
        <v>57</v>
      </c>
      <c r="AC40334">
        <v>57</v>
      </c>
      <c r="AD40334">
        <v>58</v>
      </c>
      <c r="AE40334">
        <v>58</v>
      </c>
      <c r="AF40334">
        <v>59</v>
      </c>
      <c r="AG40334">
        <v>59</v>
      </c>
      <c r="AH40334">
        <v>60</v>
      </c>
      <c r="AI40334">
        <v>60</v>
      </c>
      <c r="AJ40334">
        <v>61</v>
      </c>
      <c r="AK40334">
        <v>61</v>
      </c>
      <c r="AL40334">
        <v>61</v>
      </c>
      <c r="AM40334">
        <v>61</v>
      </c>
      <c r="AN40334">
        <v>61</v>
      </c>
      <c r="AO40334">
        <v>62</v>
      </c>
      <c r="AP40334">
        <v>62</v>
      </c>
      <c r="AQ40334">
        <v>62</v>
      </c>
    </row>
    <row r="40335" spans="1:43">
      <c r="A40335" t="s">
        <v>24953</v>
      </c>
      <c r="B40335" t="s">
        <v>24954</v>
      </c>
      <c r="C40335" t="s">
        <v>22149</v>
      </c>
      <c r="D40335" t="s">
        <v>22150</v>
      </c>
      <c r="E40335" t="s">
        <v>21687</v>
      </c>
      <c r="F40335" t="s">
        <v>21688</v>
      </c>
      <c r="G40335" t="s">
        <v>20255</v>
      </c>
      <c r="H40335" t="s">
        <v>20256</v>
      </c>
      <c r="I40335" s="2">
        <v>1</v>
      </c>
      <c r="J40335" s="2">
        <v>0</v>
      </c>
      <c r="K40335" s="2">
        <v>0</v>
      </c>
      <c r="L40335" t="s">
        <v>120</v>
      </c>
      <c r="M40335" t="s">
        <v>87</v>
      </c>
      <c r="N40335" t="s">
        <v>88</v>
      </c>
      <c r="O40335" t="s">
        <v>85</v>
      </c>
      <c r="P40335" t="s">
        <v>86</v>
      </c>
      <c r="Q40335">
        <v>51</v>
      </c>
      <c r="R40335">
        <v>51</v>
      </c>
      <c r="S40335">
        <v>52</v>
      </c>
      <c r="T40335">
        <v>52</v>
      </c>
      <c r="U40335">
        <v>52</v>
      </c>
      <c r="V40335">
        <v>52</v>
      </c>
      <c r="W40335">
        <v>52</v>
      </c>
      <c r="X40335">
        <v>52</v>
      </c>
      <c r="Y40335">
        <v>52</v>
      </c>
      <c r="Z40335">
        <v>52</v>
      </c>
      <c r="AA40335">
        <v>52</v>
      </c>
      <c r="AB40335">
        <v>52</v>
      </c>
      <c r="AC40335">
        <v>52</v>
      </c>
      <c r="AD40335">
        <v>53</v>
      </c>
      <c r="AE40335">
        <v>53</v>
      </c>
      <c r="AF40335">
        <v>53</v>
      </c>
      <c r="AG40335">
        <v>53</v>
      </c>
      <c r="AH40335">
        <v>53</v>
      </c>
      <c r="AI40335">
        <v>53</v>
      </c>
      <c r="AJ40335">
        <v>53</v>
      </c>
      <c r="AK40335">
        <v>53</v>
      </c>
      <c r="AL40335">
        <v>54</v>
      </c>
      <c r="AM40335">
        <v>54</v>
      </c>
      <c r="AN40335">
        <v>54</v>
      </c>
      <c r="AO40335">
        <v>54</v>
      </c>
      <c r="AP40335">
        <v>54</v>
      </c>
      <c r="AQ40335">
        <v>54</v>
      </c>
    </row>
    <row r="40336" spans="1:43">
      <c r="A40336" t="s">
        <v>24953</v>
      </c>
      <c r="B40336" t="s">
        <v>24954</v>
      </c>
      <c r="C40336" t="s">
        <v>22149</v>
      </c>
      <c r="D40336" t="s">
        <v>22150</v>
      </c>
      <c r="E40336" t="s">
        <v>21687</v>
      </c>
      <c r="F40336" t="s">
        <v>21688</v>
      </c>
      <c r="G40336" t="s">
        <v>20255</v>
      </c>
      <c r="H40336" t="s">
        <v>20256</v>
      </c>
      <c r="I40336" s="2">
        <v>1</v>
      </c>
      <c r="J40336" s="2">
        <v>0</v>
      </c>
      <c r="K40336" s="2">
        <v>0</v>
      </c>
      <c r="L40336" t="s">
        <v>120</v>
      </c>
      <c r="M40336" t="s">
        <v>89</v>
      </c>
      <c r="N40336" t="s">
        <v>90</v>
      </c>
      <c r="O40336" t="s">
        <v>85</v>
      </c>
      <c r="P40336" t="s">
        <v>86</v>
      </c>
      <c r="Q40336">
        <v>51</v>
      </c>
      <c r="R40336">
        <v>52</v>
      </c>
      <c r="S40336">
        <v>53</v>
      </c>
      <c r="T40336">
        <v>54</v>
      </c>
      <c r="U40336">
        <v>55</v>
      </c>
      <c r="V40336">
        <v>56</v>
      </c>
      <c r="W40336">
        <v>57</v>
      </c>
      <c r="X40336">
        <v>58</v>
      </c>
      <c r="Y40336">
        <v>58</v>
      </c>
      <c r="Z40336">
        <v>59</v>
      </c>
      <c r="AA40336">
        <v>60</v>
      </c>
      <c r="AB40336">
        <v>60</v>
      </c>
      <c r="AC40336">
        <v>61</v>
      </c>
      <c r="AD40336">
        <v>62</v>
      </c>
      <c r="AE40336">
        <v>62</v>
      </c>
      <c r="AF40336">
        <v>62</v>
      </c>
      <c r="AG40336">
        <v>62</v>
      </c>
      <c r="AH40336">
        <v>62</v>
      </c>
      <c r="AI40336">
        <v>62</v>
      </c>
      <c r="AJ40336">
        <v>62</v>
      </c>
      <c r="AK40336">
        <v>62</v>
      </c>
      <c r="AL40336">
        <v>62</v>
      </c>
      <c r="AM40336">
        <v>62</v>
      </c>
      <c r="AN40336">
        <v>62</v>
      </c>
      <c r="AO40336">
        <v>62</v>
      </c>
      <c r="AP40336">
        <v>62</v>
      </c>
      <c r="AQ40336">
        <v>62</v>
      </c>
    </row>
    <row r="40337" spans="1:43">
      <c r="A40337" t="s">
        <v>24953</v>
      </c>
      <c r="B40337" t="s">
        <v>24954</v>
      </c>
      <c r="C40337" t="s">
        <v>22149</v>
      </c>
      <c r="D40337" t="s">
        <v>22150</v>
      </c>
      <c r="E40337" t="s">
        <v>21687</v>
      </c>
      <c r="F40337" t="s">
        <v>21688</v>
      </c>
      <c r="G40337" t="s">
        <v>20255</v>
      </c>
      <c r="H40337" t="s">
        <v>20256</v>
      </c>
      <c r="I40337" s="2">
        <v>1</v>
      </c>
      <c r="J40337" s="2">
        <v>0</v>
      </c>
      <c r="K40337" s="2">
        <v>0</v>
      </c>
      <c r="L40337" t="s">
        <v>120</v>
      </c>
      <c r="M40337" t="s">
        <v>83</v>
      </c>
      <c r="N40337" t="s">
        <v>91</v>
      </c>
      <c r="O40337" t="s">
        <v>85</v>
      </c>
      <c r="P40337" t="s">
        <v>86</v>
      </c>
      <c r="Q40337">
        <v>51</v>
      </c>
      <c r="R40337">
        <v>51</v>
      </c>
      <c r="S40337">
        <v>52</v>
      </c>
      <c r="T40337">
        <v>53</v>
      </c>
      <c r="U40337">
        <v>53</v>
      </c>
      <c r="V40337">
        <v>54</v>
      </c>
      <c r="W40337">
        <v>54</v>
      </c>
      <c r="X40337">
        <v>55</v>
      </c>
      <c r="Y40337">
        <v>55</v>
      </c>
      <c r="Z40337">
        <v>56</v>
      </c>
      <c r="AA40337">
        <v>56</v>
      </c>
      <c r="AB40337">
        <v>57</v>
      </c>
      <c r="AC40337">
        <v>57</v>
      </c>
      <c r="AD40337">
        <v>58</v>
      </c>
      <c r="AE40337">
        <v>58</v>
      </c>
      <c r="AF40337">
        <v>59</v>
      </c>
      <c r="AG40337">
        <v>59</v>
      </c>
      <c r="AH40337">
        <v>60</v>
      </c>
      <c r="AI40337">
        <v>60</v>
      </c>
      <c r="AJ40337">
        <v>61</v>
      </c>
      <c r="AK40337">
        <v>61</v>
      </c>
      <c r="AL40337">
        <v>61</v>
      </c>
      <c r="AM40337">
        <v>61</v>
      </c>
      <c r="AN40337">
        <v>61</v>
      </c>
      <c r="AO40337">
        <v>62</v>
      </c>
      <c r="AP40337">
        <v>62</v>
      </c>
      <c r="AQ40337">
        <v>62</v>
      </c>
    </row>
    <row r="40338" spans="1:43">
      <c r="A40338" t="s">
        <v>24955</v>
      </c>
      <c r="B40338" t="s">
        <v>24956</v>
      </c>
      <c r="C40338" t="s">
        <v>16339</v>
      </c>
      <c r="D40338" t="s">
        <v>16340</v>
      </c>
      <c r="E40338" t="s">
        <v>16245</v>
      </c>
      <c r="F40338" t="s">
        <v>16246</v>
      </c>
      <c r="G40338" t="s">
        <v>10734</v>
      </c>
      <c r="H40338" t="s">
        <v>10735</v>
      </c>
      <c r="I40338" s="2">
        <v>1</v>
      </c>
      <c r="J40338" s="2">
        <v>0</v>
      </c>
      <c r="K40338" s="2">
        <v>0</v>
      </c>
      <c r="L40338" t="s">
        <v>120</v>
      </c>
      <c r="M40338" t="s">
        <v>83</v>
      </c>
      <c r="N40338" t="s">
        <v>84</v>
      </c>
      <c r="O40338" t="s">
        <v>85</v>
      </c>
      <c r="P40338" t="s">
        <v>86</v>
      </c>
      <c r="Q40338">
        <v>33</v>
      </c>
      <c r="R40338">
        <v>33</v>
      </c>
      <c r="S40338">
        <v>34</v>
      </c>
      <c r="T40338">
        <v>35</v>
      </c>
      <c r="U40338">
        <v>35</v>
      </c>
      <c r="V40338">
        <v>36</v>
      </c>
      <c r="W40338">
        <v>37</v>
      </c>
      <c r="X40338">
        <v>37</v>
      </c>
      <c r="Y40338">
        <v>38</v>
      </c>
      <c r="Z40338">
        <v>39</v>
      </c>
      <c r="AA40338">
        <v>39</v>
      </c>
      <c r="AB40338">
        <v>40</v>
      </c>
      <c r="AC40338">
        <v>41</v>
      </c>
      <c r="AD40338">
        <v>41</v>
      </c>
      <c r="AE40338">
        <v>42</v>
      </c>
      <c r="AF40338">
        <v>43</v>
      </c>
      <c r="AG40338">
        <v>44</v>
      </c>
      <c r="AH40338">
        <v>44</v>
      </c>
      <c r="AI40338">
        <v>45</v>
      </c>
      <c r="AJ40338">
        <v>46</v>
      </c>
      <c r="AK40338">
        <v>47</v>
      </c>
      <c r="AL40338">
        <v>47</v>
      </c>
      <c r="AM40338">
        <v>48</v>
      </c>
      <c r="AN40338">
        <v>48</v>
      </c>
      <c r="AO40338">
        <v>49</v>
      </c>
      <c r="AP40338">
        <v>49</v>
      </c>
      <c r="AQ40338">
        <v>50</v>
      </c>
    </row>
    <row r="40339" spans="1:43">
      <c r="A40339" t="s">
        <v>24955</v>
      </c>
      <c r="B40339" t="s">
        <v>24956</v>
      </c>
      <c r="C40339" t="s">
        <v>16339</v>
      </c>
      <c r="D40339" t="s">
        <v>16340</v>
      </c>
      <c r="E40339" t="s">
        <v>16245</v>
      </c>
      <c r="F40339" t="s">
        <v>16246</v>
      </c>
      <c r="G40339" t="s">
        <v>10734</v>
      </c>
      <c r="H40339" t="s">
        <v>10735</v>
      </c>
      <c r="I40339" s="2">
        <v>1</v>
      </c>
      <c r="J40339" s="2">
        <v>0</v>
      </c>
      <c r="K40339" s="2">
        <v>0</v>
      </c>
      <c r="L40339" t="s">
        <v>120</v>
      </c>
      <c r="M40339" t="s">
        <v>87</v>
      </c>
      <c r="N40339" t="s">
        <v>88</v>
      </c>
      <c r="O40339" t="s">
        <v>85</v>
      </c>
      <c r="P40339" t="s">
        <v>86</v>
      </c>
      <c r="Q40339">
        <v>33</v>
      </c>
      <c r="R40339">
        <v>34</v>
      </c>
      <c r="S40339">
        <v>34</v>
      </c>
      <c r="T40339">
        <v>34</v>
      </c>
      <c r="U40339">
        <v>35</v>
      </c>
      <c r="V40339">
        <v>35</v>
      </c>
      <c r="W40339">
        <v>35</v>
      </c>
      <c r="X40339">
        <v>36</v>
      </c>
      <c r="Y40339">
        <v>36</v>
      </c>
      <c r="Z40339">
        <v>36</v>
      </c>
      <c r="AA40339">
        <v>37</v>
      </c>
      <c r="AB40339">
        <v>37</v>
      </c>
      <c r="AC40339">
        <v>38</v>
      </c>
      <c r="AD40339">
        <v>38</v>
      </c>
      <c r="AE40339">
        <v>38</v>
      </c>
      <c r="AF40339">
        <v>39</v>
      </c>
      <c r="AG40339">
        <v>39</v>
      </c>
      <c r="AH40339">
        <v>40</v>
      </c>
      <c r="AI40339">
        <v>40</v>
      </c>
      <c r="AJ40339">
        <v>41</v>
      </c>
      <c r="AK40339">
        <v>41</v>
      </c>
      <c r="AL40339">
        <v>42</v>
      </c>
      <c r="AM40339">
        <v>42</v>
      </c>
      <c r="AN40339">
        <v>43</v>
      </c>
      <c r="AO40339">
        <v>43</v>
      </c>
      <c r="AP40339">
        <v>44</v>
      </c>
      <c r="AQ40339">
        <v>44</v>
      </c>
    </row>
    <row r="40340" spans="1:43">
      <c r="A40340" t="s">
        <v>24955</v>
      </c>
      <c r="B40340" t="s">
        <v>24956</v>
      </c>
      <c r="C40340" t="s">
        <v>16339</v>
      </c>
      <c r="D40340" t="s">
        <v>16340</v>
      </c>
      <c r="E40340" t="s">
        <v>16245</v>
      </c>
      <c r="F40340" t="s">
        <v>16246</v>
      </c>
      <c r="G40340" t="s">
        <v>10734</v>
      </c>
      <c r="H40340" t="s">
        <v>10735</v>
      </c>
      <c r="I40340" s="2">
        <v>1</v>
      </c>
      <c r="J40340" s="2">
        <v>0</v>
      </c>
      <c r="K40340" s="2">
        <v>0</v>
      </c>
      <c r="L40340" t="s">
        <v>120</v>
      </c>
      <c r="M40340" t="s">
        <v>89</v>
      </c>
      <c r="N40340" t="s">
        <v>90</v>
      </c>
      <c r="O40340" t="s">
        <v>85</v>
      </c>
      <c r="P40340" t="s">
        <v>86</v>
      </c>
      <c r="Q40340">
        <v>33</v>
      </c>
      <c r="R40340">
        <v>34</v>
      </c>
      <c r="S40340">
        <v>35</v>
      </c>
      <c r="T40340">
        <v>36</v>
      </c>
      <c r="U40340">
        <v>37</v>
      </c>
      <c r="V40340">
        <v>37</v>
      </c>
      <c r="W40340">
        <v>38</v>
      </c>
      <c r="X40340">
        <v>39</v>
      </c>
      <c r="Y40340">
        <v>40</v>
      </c>
      <c r="Z40340">
        <v>41</v>
      </c>
      <c r="AA40340">
        <v>42</v>
      </c>
      <c r="AB40340">
        <v>43</v>
      </c>
      <c r="AC40340">
        <v>44</v>
      </c>
      <c r="AD40340">
        <v>44</v>
      </c>
      <c r="AE40340">
        <v>45</v>
      </c>
      <c r="AF40340">
        <v>45</v>
      </c>
      <c r="AG40340">
        <v>46</v>
      </c>
      <c r="AH40340">
        <v>46</v>
      </c>
      <c r="AI40340">
        <v>47</v>
      </c>
      <c r="AJ40340">
        <v>47</v>
      </c>
      <c r="AK40340">
        <v>47</v>
      </c>
      <c r="AL40340">
        <v>48</v>
      </c>
      <c r="AM40340">
        <v>48</v>
      </c>
      <c r="AN40340">
        <v>49</v>
      </c>
      <c r="AO40340">
        <v>49</v>
      </c>
      <c r="AP40340">
        <v>50</v>
      </c>
      <c r="AQ40340">
        <v>50</v>
      </c>
    </row>
    <row r="40341" spans="1:43">
      <c r="A40341" t="s">
        <v>24955</v>
      </c>
      <c r="B40341" t="s">
        <v>24956</v>
      </c>
      <c r="C40341" t="s">
        <v>16339</v>
      </c>
      <c r="D40341" t="s">
        <v>16340</v>
      </c>
      <c r="E40341" t="s">
        <v>16245</v>
      </c>
      <c r="F40341" t="s">
        <v>16246</v>
      </c>
      <c r="G40341" t="s">
        <v>10734</v>
      </c>
      <c r="H40341" t="s">
        <v>10735</v>
      </c>
      <c r="I40341" s="2">
        <v>1</v>
      </c>
      <c r="J40341" s="2">
        <v>0</v>
      </c>
      <c r="K40341" s="2">
        <v>0</v>
      </c>
      <c r="L40341" t="s">
        <v>120</v>
      </c>
      <c r="M40341" t="s">
        <v>83</v>
      </c>
      <c r="N40341" t="s">
        <v>91</v>
      </c>
      <c r="O40341" t="s">
        <v>85</v>
      </c>
      <c r="P40341" t="s">
        <v>86</v>
      </c>
      <c r="Q40341">
        <v>33</v>
      </c>
      <c r="R40341">
        <v>33</v>
      </c>
      <c r="S40341">
        <v>34</v>
      </c>
      <c r="T40341">
        <v>35</v>
      </c>
      <c r="U40341">
        <v>35</v>
      </c>
      <c r="V40341">
        <v>36</v>
      </c>
      <c r="W40341">
        <v>37</v>
      </c>
      <c r="X40341">
        <v>37</v>
      </c>
      <c r="Y40341">
        <v>38</v>
      </c>
      <c r="Z40341">
        <v>39</v>
      </c>
      <c r="AA40341">
        <v>39</v>
      </c>
      <c r="AB40341">
        <v>40</v>
      </c>
      <c r="AC40341">
        <v>41</v>
      </c>
      <c r="AD40341">
        <v>41</v>
      </c>
      <c r="AE40341">
        <v>42</v>
      </c>
      <c r="AF40341">
        <v>43</v>
      </c>
      <c r="AG40341">
        <v>44</v>
      </c>
      <c r="AH40341">
        <v>44</v>
      </c>
      <c r="AI40341">
        <v>45</v>
      </c>
      <c r="AJ40341">
        <v>46</v>
      </c>
      <c r="AK40341">
        <v>47</v>
      </c>
      <c r="AL40341">
        <v>47</v>
      </c>
      <c r="AM40341">
        <v>48</v>
      </c>
      <c r="AN40341">
        <v>48</v>
      </c>
      <c r="AO40341">
        <v>49</v>
      </c>
      <c r="AP40341">
        <v>49</v>
      </c>
      <c r="AQ40341">
        <v>50</v>
      </c>
    </row>
    <row r="40342" spans="1:43">
      <c r="A40342" t="s">
        <v>24957</v>
      </c>
      <c r="B40342" t="s">
        <v>24958</v>
      </c>
      <c r="C40342" t="s">
        <v>16463</v>
      </c>
      <c r="D40342" t="s">
        <v>16464</v>
      </c>
      <c r="E40342" t="s">
        <v>16459</v>
      </c>
      <c r="F40342" t="s">
        <v>16460</v>
      </c>
      <c r="G40342" t="s">
        <v>10734</v>
      </c>
      <c r="H40342" t="s">
        <v>10735</v>
      </c>
      <c r="I40342" s="2">
        <v>1</v>
      </c>
      <c r="J40342" s="2">
        <v>0</v>
      </c>
      <c r="K40342" s="2">
        <v>0</v>
      </c>
      <c r="L40342" t="s">
        <v>120</v>
      </c>
      <c r="M40342" t="s">
        <v>83</v>
      </c>
      <c r="N40342" t="s">
        <v>84</v>
      </c>
      <c r="O40342" t="s">
        <v>85</v>
      </c>
      <c r="P40342" t="s">
        <v>86</v>
      </c>
      <c r="Q40342">
        <v>31</v>
      </c>
      <c r="R40342">
        <v>32</v>
      </c>
      <c r="S40342">
        <v>33</v>
      </c>
      <c r="T40342">
        <v>34</v>
      </c>
      <c r="U40342">
        <v>35</v>
      </c>
      <c r="V40342">
        <v>36</v>
      </c>
      <c r="W40342">
        <v>36</v>
      </c>
      <c r="X40342">
        <v>37</v>
      </c>
      <c r="Y40342">
        <v>38</v>
      </c>
      <c r="Z40342">
        <v>39</v>
      </c>
      <c r="AA40342">
        <v>40</v>
      </c>
      <c r="AB40342">
        <v>41</v>
      </c>
      <c r="AC40342">
        <v>42</v>
      </c>
      <c r="AD40342">
        <v>43</v>
      </c>
      <c r="AE40342">
        <v>44</v>
      </c>
      <c r="AF40342">
        <v>44</v>
      </c>
      <c r="AG40342">
        <v>45</v>
      </c>
      <c r="AH40342">
        <v>46</v>
      </c>
      <c r="AI40342">
        <v>47</v>
      </c>
      <c r="AJ40342">
        <v>48</v>
      </c>
      <c r="AK40342">
        <v>49</v>
      </c>
      <c r="AL40342">
        <v>50</v>
      </c>
      <c r="AM40342">
        <v>50</v>
      </c>
      <c r="AN40342">
        <v>51</v>
      </c>
      <c r="AO40342">
        <v>51</v>
      </c>
      <c r="AP40342">
        <v>51</v>
      </c>
      <c r="AQ40342">
        <v>52</v>
      </c>
    </row>
    <row r="40343" spans="1:43">
      <c r="A40343" t="s">
        <v>24957</v>
      </c>
      <c r="B40343" t="s">
        <v>24958</v>
      </c>
      <c r="C40343" t="s">
        <v>16463</v>
      </c>
      <c r="D40343" t="s">
        <v>16464</v>
      </c>
      <c r="E40343" t="s">
        <v>16459</v>
      </c>
      <c r="F40343" t="s">
        <v>16460</v>
      </c>
      <c r="G40343" t="s">
        <v>10734</v>
      </c>
      <c r="H40343" t="s">
        <v>10735</v>
      </c>
      <c r="I40343" s="2">
        <v>1</v>
      </c>
      <c r="J40343" s="2">
        <v>0</v>
      </c>
      <c r="K40343" s="2">
        <v>0</v>
      </c>
      <c r="L40343" t="s">
        <v>120</v>
      </c>
      <c r="M40343" t="s">
        <v>87</v>
      </c>
      <c r="N40343" t="s">
        <v>88</v>
      </c>
      <c r="O40343" t="s">
        <v>85</v>
      </c>
      <c r="P40343" t="s">
        <v>86</v>
      </c>
      <c r="Q40343">
        <v>31</v>
      </c>
      <c r="R40343">
        <v>31</v>
      </c>
      <c r="S40343">
        <v>32</v>
      </c>
      <c r="T40343">
        <v>33</v>
      </c>
      <c r="U40343">
        <v>33</v>
      </c>
      <c r="V40343">
        <v>34</v>
      </c>
      <c r="W40343">
        <v>34</v>
      </c>
      <c r="X40343">
        <v>35</v>
      </c>
      <c r="Y40343">
        <v>35</v>
      </c>
      <c r="Z40343">
        <v>36</v>
      </c>
      <c r="AA40343">
        <v>36</v>
      </c>
      <c r="AB40343">
        <v>37</v>
      </c>
      <c r="AC40343">
        <v>37</v>
      </c>
      <c r="AD40343">
        <v>38</v>
      </c>
      <c r="AE40343">
        <v>39</v>
      </c>
      <c r="AF40343">
        <v>39</v>
      </c>
      <c r="AG40343">
        <v>40</v>
      </c>
      <c r="AH40343">
        <v>40</v>
      </c>
      <c r="AI40343">
        <v>41</v>
      </c>
      <c r="AJ40343">
        <v>41</v>
      </c>
      <c r="AK40343">
        <v>42</v>
      </c>
      <c r="AL40343">
        <v>42</v>
      </c>
      <c r="AM40343">
        <v>43</v>
      </c>
      <c r="AN40343">
        <v>44</v>
      </c>
      <c r="AO40343">
        <v>44</v>
      </c>
      <c r="AP40343">
        <v>45</v>
      </c>
      <c r="AQ40343">
        <v>45</v>
      </c>
    </row>
    <row r="40344" spans="1:43">
      <c r="A40344" t="s">
        <v>24957</v>
      </c>
      <c r="B40344" t="s">
        <v>24958</v>
      </c>
      <c r="C40344" t="s">
        <v>16463</v>
      </c>
      <c r="D40344" t="s">
        <v>16464</v>
      </c>
      <c r="E40344" t="s">
        <v>16459</v>
      </c>
      <c r="F40344" t="s">
        <v>16460</v>
      </c>
      <c r="G40344" t="s">
        <v>10734</v>
      </c>
      <c r="H40344" t="s">
        <v>10735</v>
      </c>
      <c r="I40344" s="2">
        <v>1</v>
      </c>
      <c r="J40344" s="2">
        <v>0</v>
      </c>
      <c r="K40344" s="2">
        <v>0</v>
      </c>
      <c r="L40344" t="s">
        <v>120</v>
      </c>
      <c r="M40344" t="s">
        <v>89</v>
      </c>
      <c r="N40344" t="s">
        <v>90</v>
      </c>
      <c r="O40344" t="s">
        <v>85</v>
      </c>
      <c r="P40344" t="s">
        <v>86</v>
      </c>
      <c r="Q40344">
        <v>31</v>
      </c>
      <c r="R40344">
        <v>32</v>
      </c>
      <c r="S40344">
        <v>33</v>
      </c>
      <c r="T40344">
        <v>34</v>
      </c>
      <c r="U40344">
        <v>35</v>
      </c>
      <c r="V40344">
        <v>36</v>
      </c>
      <c r="W40344">
        <v>37</v>
      </c>
      <c r="X40344">
        <v>38</v>
      </c>
      <c r="Y40344">
        <v>39</v>
      </c>
      <c r="Z40344">
        <v>40</v>
      </c>
      <c r="AA40344">
        <v>42</v>
      </c>
      <c r="AB40344">
        <v>43</v>
      </c>
      <c r="AC40344">
        <v>44</v>
      </c>
      <c r="AD40344">
        <v>45</v>
      </c>
      <c r="AE40344">
        <v>46</v>
      </c>
      <c r="AF40344">
        <v>46</v>
      </c>
      <c r="AG40344">
        <v>47</v>
      </c>
      <c r="AH40344">
        <v>47</v>
      </c>
      <c r="AI40344">
        <v>48</v>
      </c>
      <c r="AJ40344">
        <v>48</v>
      </c>
      <c r="AK40344">
        <v>49</v>
      </c>
      <c r="AL40344">
        <v>49</v>
      </c>
      <c r="AM40344">
        <v>50</v>
      </c>
      <c r="AN40344">
        <v>50</v>
      </c>
      <c r="AO40344">
        <v>50</v>
      </c>
      <c r="AP40344">
        <v>51</v>
      </c>
      <c r="AQ40344">
        <v>51</v>
      </c>
    </row>
    <row r="40345" spans="1:43">
      <c r="A40345" t="s">
        <v>24957</v>
      </c>
      <c r="B40345" t="s">
        <v>24958</v>
      </c>
      <c r="C40345" t="s">
        <v>16463</v>
      </c>
      <c r="D40345" t="s">
        <v>16464</v>
      </c>
      <c r="E40345" t="s">
        <v>16459</v>
      </c>
      <c r="F40345" t="s">
        <v>16460</v>
      </c>
      <c r="G40345" t="s">
        <v>10734</v>
      </c>
      <c r="H40345" t="s">
        <v>10735</v>
      </c>
      <c r="I40345" s="2">
        <v>1</v>
      </c>
      <c r="J40345" s="2">
        <v>0</v>
      </c>
      <c r="K40345" s="2">
        <v>0</v>
      </c>
      <c r="L40345" t="s">
        <v>120</v>
      </c>
      <c r="M40345" t="s">
        <v>83</v>
      </c>
      <c r="N40345" t="s">
        <v>91</v>
      </c>
      <c r="O40345" t="s">
        <v>85</v>
      </c>
      <c r="P40345" t="s">
        <v>86</v>
      </c>
      <c r="Q40345">
        <v>31</v>
      </c>
      <c r="R40345">
        <v>32</v>
      </c>
      <c r="S40345">
        <v>33</v>
      </c>
      <c r="T40345">
        <v>34</v>
      </c>
      <c r="U40345">
        <v>35</v>
      </c>
      <c r="V40345">
        <v>36</v>
      </c>
      <c r="W40345">
        <v>36</v>
      </c>
      <c r="X40345">
        <v>37</v>
      </c>
      <c r="Y40345">
        <v>38</v>
      </c>
      <c r="Z40345">
        <v>39</v>
      </c>
      <c r="AA40345">
        <v>40</v>
      </c>
      <c r="AB40345">
        <v>41</v>
      </c>
      <c r="AC40345">
        <v>42</v>
      </c>
      <c r="AD40345">
        <v>43</v>
      </c>
      <c r="AE40345">
        <v>44</v>
      </c>
      <c r="AF40345">
        <v>44</v>
      </c>
      <c r="AG40345">
        <v>45</v>
      </c>
      <c r="AH40345">
        <v>46</v>
      </c>
      <c r="AI40345">
        <v>47</v>
      </c>
      <c r="AJ40345">
        <v>48</v>
      </c>
      <c r="AK40345">
        <v>49</v>
      </c>
      <c r="AL40345">
        <v>50</v>
      </c>
      <c r="AM40345">
        <v>50</v>
      </c>
      <c r="AN40345">
        <v>51</v>
      </c>
      <c r="AO40345">
        <v>51</v>
      </c>
      <c r="AP40345">
        <v>51</v>
      </c>
      <c r="AQ40345">
        <v>52</v>
      </c>
    </row>
    <row r="40346" spans="1:43">
      <c r="A40346" t="s">
        <v>24959</v>
      </c>
      <c r="B40346" t="s">
        <v>24960</v>
      </c>
      <c r="C40346" t="s">
        <v>16463</v>
      </c>
      <c r="D40346" t="s">
        <v>16464</v>
      </c>
      <c r="E40346" t="s">
        <v>16459</v>
      </c>
      <c r="F40346" t="s">
        <v>16460</v>
      </c>
      <c r="G40346" t="s">
        <v>10734</v>
      </c>
      <c r="H40346" t="s">
        <v>10735</v>
      </c>
      <c r="I40346" s="2">
        <v>1</v>
      </c>
      <c r="J40346" s="2">
        <v>0</v>
      </c>
      <c r="K40346" s="2">
        <v>0</v>
      </c>
      <c r="L40346" t="s">
        <v>120</v>
      </c>
      <c r="M40346" t="s">
        <v>83</v>
      </c>
      <c r="N40346" t="s">
        <v>84</v>
      </c>
      <c r="O40346" t="s">
        <v>85</v>
      </c>
      <c r="P40346" t="s">
        <v>86</v>
      </c>
      <c r="Q40346">
        <v>17</v>
      </c>
      <c r="R40346">
        <v>17</v>
      </c>
      <c r="S40346">
        <v>18</v>
      </c>
      <c r="T40346">
        <v>18</v>
      </c>
      <c r="U40346">
        <v>19</v>
      </c>
      <c r="V40346">
        <v>19</v>
      </c>
      <c r="W40346">
        <v>20</v>
      </c>
      <c r="X40346">
        <v>20</v>
      </c>
      <c r="Y40346">
        <v>21</v>
      </c>
      <c r="Z40346">
        <v>21</v>
      </c>
      <c r="AA40346">
        <v>21</v>
      </c>
      <c r="AB40346">
        <v>22</v>
      </c>
      <c r="AC40346">
        <v>22</v>
      </c>
      <c r="AD40346">
        <v>23</v>
      </c>
      <c r="AE40346">
        <v>23</v>
      </c>
      <c r="AF40346">
        <v>24</v>
      </c>
      <c r="AG40346">
        <v>24</v>
      </c>
      <c r="AH40346">
        <v>25</v>
      </c>
      <c r="AI40346">
        <v>25</v>
      </c>
      <c r="AJ40346">
        <v>26</v>
      </c>
      <c r="AK40346">
        <v>26</v>
      </c>
      <c r="AL40346">
        <v>27</v>
      </c>
      <c r="AM40346">
        <v>27</v>
      </c>
      <c r="AN40346">
        <v>27</v>
      </c>
      <c r="AO40346">
        <v>27</v>
      </c>
      <c r="AP40346">
        <v>28</v>
      </c>
      <c r="AQ40346">
        <v>28</v>
      </c>
    </row>
    <row r="40347" spans="1:43">
      <c r="A40347" t="s">
        <v>24959</v>
      </c>
      <c r="B40347" t="s">
        <v>24960</v>
      </c>
      <c r="C40347" t="s">
        <v>16463</v>
      </c>
      <c r="D40347" t="s">
        <v>16464</v>
      </c>
      <c r="E40347" t="s">
        <v>16459</v>
      </c>
      <c r="F40347" t="s">
        <v>16460</v>
      </c>
      <c r="G40347" t="s">
        <v>10734</v>
      </c>
      <c r="H40347" t="s">
        <v>10735</v>
      </c>
      <c r="I40347" s="2">
        <v>1</v>
      </c>
      <c r="J40347" s="2">
        <v>0</v>
      </c>
      <c r="K40347" s="2">
        <v>0</v>
      </c>
      <c r="L40347" t="s">
        <v>120</v>
      </c>
      <c r="M40347" t="s">
        <v>87</v>
      </c>
      <c r="N40347" t="s">
        <v>88</v>
      </c>
      <c r="O40347" t="s">
        <v>85</v>
      </c>
      <c r="P40347" t="s">
        <v>86</v>
      </c>
      <c r="Q40347">
        <v>17</v>
      </c>
      <c r="R40347">
        <v>17</v>
      </c>
      <c r="S40347">
        <v>17</v>
      </c>
      <c r="T40347">
        <v>18</v>
      </c>
      <c r="U40347">
        <v>18</v>
      </c>
      <c r="V40347">
        <v>18</v>
      </c>
      <c r="W40347">
        <v>18</v>
      </c>
      <c r="X40347">
        <v>19</v>
      </c>
      <c r="Y40347">
        <v>19</v>
      </c>
      <c r="Z40347">
        <v>19</v>
      </c>
      <c r="AA40347">
        <v>20</v>
      </c>
      <c r="AB40347">
        <v>20</v>
      </c>
      <c r="AC40347">
        <v>20</v>
      </c>
      <c r="AD40347">
        <v>20</v>
      </c>
      <c r="AE40347">
        <v>21</v>
      </c>
      <c r="AF40347">
        <v>21</v>
      </c>
      <c r="AG40347">
        <v>21</v>
      </c>
      <c r="AH40347">
        <v>22</v>
      </c>
      <c r="AI40347">
        <v>22</v>
      </c>
      <c r="AJ40347">
        <v>22</v>
      </c>
      <c r="AK40347">
        <v>23</v>
      </c>
      <c r="AL40347">
        <v>23</v>
      </c>
      <c r="AM40347">
        <v>23</v>
      </c>
      <c r="AN40347">
        <v>23</v>
      </c>
      <c r="AO40347">
        <v>24</v>
      </c>
      <c r="AP40347">
        <v>24</v>
      </c>
      <c r="AQ40347">
        <v>24</v>
      </c>
    </row>
    <row r="40348" spans="1:43">
      <c r="A40348" t="s">
        <v>24959</v>
      </c>
      <c r="B40348" t="s">
        <v>24960</v>
      </c>
      <c r="C40348" t="s">
        <v>16463</v>
      </c>
      <c r="D40348" t="s">
        <v>16464</v>
      </c>
      <c r="E40348" t="s">
        <v>16459</v>
      </c>
      <c r="F40348" t="s">
        <v>16460</v>
      </c>
      <c r="G40348" t="s">
        <v>10734</v>
      </c>
      <c r="H40348" t="s">
        <v>10735</v>
      </c>
      <c r="I40348" s="2">
        <v>1</v>
      </c>
      <c r="J40348" s="2">
        <v>0</v>
      </c>
      <c r="K40348" s="2">
        <v>0</v>
      </c>
      <c r="L40348" t="s">
        <v>120</v>
      </c>
      <c r="M40348" t="s">
        <v>89</v>
      </c>
      <c r="N40348" t="s">
        <v>90</v>
      </c>
      <c r="O40348" t="s">
        <v>85</v>
      </c>
      <c r="P40348" t="s">
        <v>86</v>
      </c>
      <c r="Q40348">
        <v>17</v>
      </c>
      <c r="R40348">
        <v>18</v>
      </c>
      <c r="S40348">
        <v>18</v>
      </c>
      <c r="T40348">
        <v>19</v>
      </c>
      <c r="U40348">
        <v>19</v>
      </c>
      <c r="V40348">
        <v>20</v>
      </c>
      <c r="W40348">
        <v>21</v>
      </c>
      <c r="X40348">
        <v>21</v>
      </c>
      <c r="Y40348">
        <v>22</v>
      </c>
      <c r="Z40348">
        <v>22</v>
      </c>
      <c r="AA40348">
        <v>23</v>
      </c>
      <c r="AB40348">
        <v>23</v>
      </c>
      <c r="AC40348">
        <v>24</v>
      </c>
      <c r="AD40348">
        <v>25</v>
      </c>
      <c r="AE40348">
        <v>25</v>
      </c>
      <c r="AF40348">
        <v>25</v>
      </c>
      <c r="AG40348">
        <v>26</v>
      </c>
      <c r="AH40348">
        <v>26</v>
      </c>
      <c r="AI40348">
        <v>26</v>
      </c>
      <c r="AJ40348">
        <v>26</v>
      </c>
      <c r="AK40348">
        <v>27</v>
      </c>
      <c r="AL40348">
        <v>27</v>
      </c>
      <c r="AM40348">
        <v>27</v>
      </c>
      <c r="AN40348">
        <v>27</v>
      </c>
      <c r="AO40348">
        <v>28</v>
      </c>
      <c r="AP40348">
        <v>28</v>
      </c>
      <c r="AQ40348">
        <v>28</v>
      </c>
    </row>
    <row r="40349" spans="1:43">
      <c r="A40349" t="s">
        <v>24959</v>
      </c>
      <c r="B40349" t="s">
        <v>24960</v>
      </c>
      <c r="C40349" t="s">
        <v>16463</v>
      </c>
      <c r="D40349" t="s">
        <v>16464</v>
      </c>
      <c r="E40349" t="s">
        <v>16459</v>
      </c>
      <c r="F40349" t="s">
        <v>16460</v>
      </c>
      <c r="G40349" t="s">
        <v>10734</v>
      </c>
      <c r="H40349" t="s">
        <v>10735</v>
      </c>
      <c r="I40349" s="2">
        <v>1</v>
      </c>
      <c r="J40349" s="2">
        <v>0</v>
      </c>
      <c r="K40349" s="2">
        <v>0</v>
      </c>
      <c r="L40349" t="s">
        <v>120</v>
      </c>
      <c r="M40349" t="s">
        <v>83</v>
      </c>
      <c r="N40349" t="s">
        <v>91</v>
      </c>
      <c r="O40349" t="s">
        <v>85</v>
      </c>
      <c r="P40349" t="s">
        <v>86</v>
      </c>
      <c r="Q40349">
        <v>17</v>
      </c>
      <c r="R40349">
        <v>17</v>
      </c>
      <c r="S40349">
        <v>18</v>
      </c>
      <c r="T40349">
        <v>18</v>
      </c>
      <c r="U40349">
        <v>19</v>
      </c>
      <c r="V40349">
        <v>19</v>
      </c>
      <c r="W40349">
        <v>20</v>
      </c>
      <c r="X40349">
        <v>20</v>
      </c>
      <c r="Y40349">
        <v>21</v>
      </c>
      <c r="Z40349">
        <v>21</v>
      </c>
      <c r="AA40349">
        <v>21</v>
      </c>
      <c r="AB40349">
        <v>22</v>
      </c>
      <c r="AC40349">
        <v>22</v>
      </c>
      <c r="AD40349">
        <v>23</v>
      </c>
      <c r="AE40349">
        <v>23</v>
      </c>
      <c r="AF40349">
        <v>24</v>
      </c>
      <c r="AG40349">
        <v>24</v>
      </c>
      <c r="AH40349">
        <v>25</v>
      </c>
      <c r="AI40349">
        <v>25</v>
      </c>
      <c r="AJ40349">
        <v>26</v>
      </c>
      <c r="AK40349">
        <v>26</v>
      </c>
      <c r="AL40349">
        <v>27</v>
      </c>
      <c r="AM40349">
        <v>27</v>
      </c>
      <c r="AN40349">
        <v>27</v>
      </c>
      <c r="AO40349">
        <v>27</v>
      </c>
      <c r="AP40349">
        <v>28</v>
      </c>
      <c r="AQ40349">
        <v>28</v>
      </c>
    </row>
    <row r="40350" spans="1:43">
      <c r="A40350" t="s">
        <v>24961</v>
      </c>
      <c r="B40350" t="s">
        <v>24962</v>
      </c>
      <c r="C40350" t="s">
        <v>16485</v>
      </c>
      <c r="D40350" t="s">
        <v>16486</v>
      </c>
      <c r="E40350" t="s">
        <v>16459</v>
      </c>
      <c r="F40350" t="s">
        <v>16460</v>
      </c>
      <c r="G40350" t="s">
        <v>10734</v>
      </c>
      <c r="H40350" t="s">
        <v>10735</v>
      </c>
      <c r="I40350" s="2">
        <v>1</v>
      </c>
      <c r="J40350" s="2">
        <v>0</v>
      </c>
      <c r="K40350" s="2">
        <v>0</v>
      </c>
      <c r="L40350" t="s">
        <v>120</v>
      </c>
      <c r="M40350" t="s">
        <v>83</v>
      </c>
      <c r="N40350" t="s">
        <v>84</v>
      </c>
      <c r="O40350" t="s">
        <v>85</v>
      </c>
      <c r="P40350" t="s">
        <v>86</v>
      </c>
      <c r="Q40350">
        <v>10</v>
      </c>
      <c r="R40350">
        <v>11</v>
      </c>
      <c r="S40350">
        <v>11</v>
      </c>
      <c r="T40350">
        <v>11</v>
      </c>
      <c r="U40350">
        <v>11</v>
      </c>
      <c r="V40350">
        <v>12</v>
      </c>
      <c r="W40350">
        <v>12</v>
      </c>
      <c r="X40350">
        <v>12</v>
      </c>
      <c r="Y40350">
        <v>13</v>
      </c>
      <c r="Z40350">
        <v>13</v>
      </c>
      <c r="AA40350">
        <v>13</v>
      </c>
      <c r="AB40350">
        <v>14</v>
      </c>
      <c r="AC40350">
        <v>14</v>
      </c>
      <c r="AD40350">
        <v>14</v>
      </c>
      <c r="AE40350">
        <v>14</v>
      </c>
      <c r="AF40350">
        <v>15</v>
      </c>
      <c r="AG40350">
        <v>15</v>
      </c>
      <c r="AH40350">
        <v>15</v>
      </c>
      <c r="AI40350">
        <v>16</v>
      </c>
      <c r="AJ40350">
        <v>16</v>
      </c>
      <c r="AK40350">
        <v>16</v>
      </c>
      <c r="AL40350">
        <v>16</v>
      </c>
      <c r="AM40350">
        <v>17</v>
      </c>
      <c r="AN40350">
        <v>17</v>
      </c>
      <c r="AO40350">
        <v>17</v>
      </c>
      <c r="AP40350">
        <v>17</v>
      </c>
      <c r="AQ40350">
        <v>17</v>
      </c>
    </row>
    <row r="40351" spans="1:43">
      <c r="A40351" t="s">
        <v>24961</v>
      </c>
      <c r="B40351" t="s">
        <v>24962</v>
      </c>
      <c r="C40351" t="s">
        <v>16485</v>
      </c>
      <c r="D40351" t="s">
        <v>16486</v>
      </c>
      <c r="E40351" t="s">
        <v>16459</v>
      </c>
      <c r="F40351" t="s">
        <v>16460</v>
      </c>
      <c r="G40351" t="s">
        <v>10734</v>
      </c>
      <c r="H40351" t="s">
        <v>10735</v>
      </c>
      <c r="I40351" s="2">
        <v>1</v>
      </c>
      <c r="J40351" s="2">
        <v>0</v>
      </c>
      <c r="K40351" s="2">
        <v>0</v>
      </c>
      <c r="L40351" t="s">
        <v>120</v>
      </c>
      <c r="M40351" t="s">
        <v>87</v>
      </c>
      <c r="N40351" t="s">
        <v>88</v>
      </c>
      <c r="O40351" t="s">
        <v>85</v>
      </c>
      <c r="P40351" t="s">
        <v>86</v>
      </c>
      <c r="Q40351">
        <v>10</v>
      </c>
      <c r="R40351">
        <v>10</v>
      </c>
      <c r="S40351">
        <v>11</v>
      </c>
      <c r="T40351">
        <v>11</v>
      </c>
      <c r="U40351">
        <v>11</v>
      </c>
      <c r="V40351">
        <v>11</v>
      </c>
      <c r="W40351">
        <v>11</v>
      </c>
      <c r="X40351">
        <v>11</v>
      </c>
      <c r="Y40351">
        <v>12</v>
      </c>
      <c r="Z40351">
        <v>12</v>
      </c>
      <c r="AA40351">
        <v>12</v>
      </c>
      <c r="AB40351">
        <v>12</v>
      </c>
      <c r="AC40351">
        <v>12</v>
      </c>
      <c r="AD40351">
        <v>13</v>
      </c>
      <c r="AE40351">
        <v>13</v>
      </c>
      <c r="AF40351">
        <v>13</v>
      </c>
      <c r="AG40351">
        <v>13</v>
      </c>
      <c r="AH40351">
        <v>13</v>
      </c>
      <c r="AI40351">
        <v>14</v>
      </c>
      <c r="AJ40351">
        <v>14</v>
      </c>
      <c r="AK40351">
        <v>14</v>
      </c>
      <c r="AL40351">
        <v>14</v>
      </c>
      <c r="AM40351">
        <v>14</v>
      </c>
      <c r="AN40351">
        <v>14</v>
      </c>
      <c r="AO40351">
        <v>15</v>
      </c>
      <c r="AP40351">
        <v>15</v>
      </c>
      <c r="AQ40351">
        <v>15</v>
      </c>
    </row>
    <row r="40352" spans="1:43">
      <c r="A40352" t="s">
        <v>24961</v>
      </c>
      <c r="B40352" t="s">
        <v>24962</v>
      </c>
      <c r="C40352" t="s">
        <v>16485</v>
      </c>
      <c r="D40352" t="s">
        <v>16486</v>
      </c>
      <c r="E40352" t="s">
        <v>16459</v>
      </c>
      <c r="F40352" t="s">
        <v>16460</v>
      </c>
      <c r="G40352" t="s">
        <v>10734</v>
      </c>
      <c r="H40352" t="s">
        <v>10735</v>
      </c>
      <c r="I40352" s="2">
        <v>1</v>
      </c>
      <c r="J40352" s="2">
        <v>0</v>
      </c>
      <c r="K40352" s="2">
        <v>0</v>
      </c>
      <c r="L40352" t="s">
        <v>120</v>
      </c>
      <c r="M40352" t="s">
        <v>89</v>
      </c>
      <c r="N40352" t="s">
        <v>90</v>
      </c>
      <c r="O40352" t="s">
        <v>85</v>
      </c>
      <c r="P40352" t="s">
        <v>86</v>
      </c>
      <c r="Q40352">
        <v>10</v>
      </c>
      <c r="R40352">
        <v>11</v>
      </c>
      <c r="S40352">
        <v>11</v>
      </c>
      <c r="T40352">
        <v>12</v>
      </c>
      <c r="U40352">
        <v>12</v>
      </c>
      <c r="V40352">
        <v>12</v>
      </c>
      <c r="W40352">
        <v>13</v>
      </c>
      <c r="X40352">
        <v>13</v>
      </c>
      <c r="Y40352">
        <v>13</v>
      </c>
      <c r="Z40352">
        <v>14</v>
      </c>
      <c r="AA40352">
        <v>14</v>
      </c>
      <c r="AB40352">
        <v>14</v>
      </c>
      <c r="AC40352">
        <v>15</v>
      </c>
      <c r="AD40352">
        <v>15</v>
      </c>
      <c r="AE40352">
        <v>15</v>
      </c>
      <c r="AF40352">
        <v>16</v>
      </c>
      <c r="AG40352">
        <v>16</v>
      </c>
      <c r="AH40352">
        <v>16</v>
      </c>
      <c r="AI40352">
        <v>16</v>
      </c>
      <c r="AJ40352">
        <v>16</v>
      </c>
      <c r="AK40352">
        <v>16</v>
      </c>
      <c r="AL40352">
        <v>17</v>
      </c>
      <c r="AM40352">
        <v>17</v>
      </c>
      <c r="AN40352">
        <v>17</v>
      </c>
      <c r="AO40352">
        <v>17</v>
      </c>
      <c r="AP40352">
        <v>17</v>
      </c>
      <c r="AQ40352">
        <v>17</v>
      </c>
    </row>
    <row r="40353" spans="1:43">
      <c r="A40353" t="s">
        <v>24961</v>
      </c>
      <c r="B40353" t="s">
        <v>24962</v>
      </c>
      <c r="C40353" t="s">
        <v>16485</v>
      </c>
      <c r="D40353" t="s">
        <v>16486</v>
      </c>
      <c r="E40353" t="s">
        <v>16459</v>
      </c>
      <c r="F40353" t="s">
        <v>16460</v>
      </c>
      <c r="G40353" t="s">
        <v>10734</v>
      </c>
      <c r="H40353" t="s">
        <v>10735</v>
      </c>
      <c r="I40353" s="2">
        <v>1</v>
      </c>
      <c r="J40353" s="2">
        <v>0</v>
      </c>
      <c r="K40353" s="2">
        <v>0</v>
      </c>
      <c r="L40353" t="s">
        <v>120</v>
      </c>
      <c r="M40353" t="s">
        <v>83</v>
      </c>
      <c r="N40353" t="s">
        <v>91</v>
      </c>
      <c r="O40353" t="s">
        <v>85</v>
      </c>
      <c r="P40353" t="s">
        <v>86</v>
      </c>
      <c r="Q40353">
        <v>10</v>
      </c>
      <c r="R40353">
        <v>11</v>
      </c>
      <c r="S40353">
        <v>11</v>
      </c>
      <c r="T40353">
        <v>11</v>
      </c>
      <c r="U40353">
        <v>11</v>
      </c>
      <c r="V40353">
        <v>12</v>
      </c>
      <c r="W40353">
        <v>12</v>
      </c>
      <c r="X40353">
        <v>12</v>
      </c>
      <c r="Y40353">
        <v>13</v>
      </c>
      <c r="Z40353">
        <v>13</v>
      </c>
      <c r="AA40353">
        <v>13</v>
      </c>
      <c r="AB40353">
        <v>14</v>
      </c>
      <c r="AC40353">
        <v>14</v>
      </c>
      <c r="AD40353">
        <v>14</v>
      </c>
      <c r="AE40353">
        <v>14</v>
      </c>
      <c r="AF40353">
        <v>15</v>
      </c>
      <c r="AG40353">
        <v>15</v>
      </c>
      <c r="AH40353">
        <v>15</v>
      </c>
      <c r="AI40353">
        <v>16</v>
      </c>
      <c r="AJ40353">
        <v>16</v>
      </c>
      <c r="AK40353">
        <v>16</v>
      </c>
      <c r="AL40353">
        <v>16</v>
      </c>
      <c r="AM40353">
        <v>17</v>
      </c>
      <c r="AN40353">
        <v>17</v>
      </c>
      <c r="AO40353">
        <v>17</v>
      </c>
      <c r="AP40353">
        <v>17</v>
      </c>
      <c r="AQ40353">
        <v>17</v>
      </c>
    </row>
    <row r="40354" spans="1:43">
      <c r="A40354" t="s">
        <v>24963</v>
      </c>
      <c r="B40354" t="s">
        <v>24964</v>
      </c>
      <c r="C40354" t="s">
        <v>16485</v>
      </c>
      <c r="D40354" t="s">
        <v>16486</v>
      </c>
      <c r="E40354" t="s">
        <v>16459</v>
      </c>
      <c r="F40354" t="s">
        <v>16460</v>
      </c>
      <c r="G40354" t="s">
        <v>10734</v>
      </c>
      <c r="H40354" t="s">
        <v>10735</v>
      </c>
      <c r="I40354" s="2">
        <v>1</v>
      </c>
      <c r="J40354" s="2">
        <v>0</v>
      </c>
      <c r="K40354" s="2">
        <v>0</v>
      </c>
      <c r="L40354" t="s">
        <v>120</v>
      </c>
      <c r="M40354" t="s">
        <v>83</v>
      </c>
      <c r="N40354" t="s">
        <v>84</v>
      </c>
      <c r="O40354" t="s">
        <v>85</v>
      </c>
      <c r="P40354" t="s">
        <v>86</v>
      </c>
      <c r="Q40354">
        <v>6</v>
      </c>
      <c r="R40354">
        <v>6</v>
      </c>
      <c r="S40354">
        <v>6</v>
      </c>
      <c r="T40354">
        <v>7</v>
      </c>
      <c r="U40354">
        <v>7</v>
      </c>
      <c r="V40354">
        <v>7</v>
      </c>
      <c r="W40354">
        <v>7</v>
      </c>
      <c r="X40354">
        <v>7</v>
      </c>
      <c r="Y40354">
        <v>8</v>
      </c>
      <c r="Z40354">
        <v>8</v>
      </c>
      <c r="AA40354">
        <v>8</v>
      </c>
      <c r="AB40354">
        <v>8</v>
      </c>
      <c r="AC40354">
        <v>8</v>
      </c>
      <c r="AD40354">
        <v>8</v>
      </c>
      <c r="AE40354">
        <v>9</v>
      </c>
      <c r="AF40354">
        <v>9</v>
      </c>
      <c r="AG40354">
        <v>9</v>
      </c>
      <c r="AH40354">
        <v>9</v>
      </c>
      <c r="AI40354">
        <v>9</v>
      </c>
      <c r="AJ40354">
        <v>10</v>
      </c>
      <c r="AK40354">
        <v>10</v>
      </c>
      <c r="AL40354">
        <v>10</v>
      </c>
      <c r="AM40354">
        <v>10</v>
      </c>
      <c r="AN40354">
        <v>10</v>
      </c>
      <c r="AO40354">
        <v>10</v>
      </c>
      <c r="AP40354">
        <v>10</v>
      </c>
      <c r="AQ40354">
        <v>10</v>
      </c>
    </row>
    <row r="40355" spans="1:43">
      <c r="A40355" t="s">
        <v>24963</v>
      </c>
      <c r="B40355" t="s">
        <v>24964</v>
      </c>
      <c r="C40355" t="s">
        <v>16485</v>
      </c>
      <c r="D40355" t="s">
        <v>16486</v>
      </c>
      <c r="E40355" t="s">
        <v>16459</v>
      </c>
      <c r="F40355" t="s">
        <v>16460</v>
      </c>
      <c r="G40355" t="s">
        <v>10734</v>
      </c>
      <c r="H40355" t="s">
        <v>10735</v>
      </c>
      <c r="I40355" s="2">
        <v>1</v>
      </c>
      <c r="J40355" s="2">
        <v>0</v>
      </c>
      <c r="K40355" s="2">
        <v>0</v>
      </c>
      <c r="L40355" t="s">
        <v>120</v>
      </c>
      <c r="M40355" t="s">
        <v>87</v>
      </c>
      <c r="N40355" t="s">
        <v>88</v>
      </c>
      <c r="O40355" t="s">
        <v>85</v>
      </c>
      <c r="P40355" t="s">
        <v>86</v>
      </c>
      <c r="Q40355">
        <v>6</v>
      </c>
      <c r="R40355">
        <v>6</v>
      </c>
      <c r="S40355">
        <v>6</v>
      </c>
      <c r="T40355">
        <v>6</v>
      </c>
      <c r="U40355">
        <v>7</v>
      </c>
      <c r="V40355">
        <v>7</v>
      </c>
      <c r="W40355">
        <v>7</v>
      </c>
      <c r="X40355">
        <v>7</v>
      </c>
      <c r="Y40355">
        <v>7</v>
      </c>
      <c r="Z40355">
        <v>7</v>
      </c>
      <c r="AA40355">
        <v>7</v>
      </c>
      <c r="AB40355">
        <v>7</v>
      </c>
      <c r="AC40355">
        <v>7</v>
      </c>
      <c r="AD40355">
        <v>8</v>
      </c>
      <c r="AE40355">
        <v>8</v>
      </c>
      <c r="AF40355">
        <v>8</v>
      </c>
      <c r="AG40355">
        <v>8</v>
      </c>
      <c r="AH40355">
        <v>8</v>
      </c>
      <c r="AI40355">
        <v>8</v>
      </c>
      <c r="AJ40355">
        <v>8</v>
      </c>
      <c r="AK40355">
        <v>8</v>
      </c>
      <c r="AL40355">
        <v>8</v>
      </c>
      <c r="AM40355">
        <v>8</v>
      </c>
      <c r="AN40355">
        <v>9</v>
      </c>
      <c r="AO40355">
        <v>9</v>
      </c>
      <c r="AP40355">
        <v>9</v>
      </c>
      <c r="AQ40355">
        <v>9</v>
      </c>
    </row>
    <row r="40356" spans="1:43">
      <c r="A40356" t="s">
        <v>24963</v>
      </c>
      <c r="B40356" t="s">
        <v>24964</v>
      </c>
      <c r="C40356" t="s">
        <v>16485</v>
      </c>
      <c r="D40356" t="s">
        <v>16486</v>
      </c>
      <c r="E40356" t="s">
        <v>16459</v>
      </c>
      <c r="F40356" t="s">
        <v>16460</v>
      </c>
      <c r="G40356" t="s">
        <v>10734</v>
      </c>
      <c r="H40356" t="s">
        <v>10735</v>
      </c>
      <c r="I40356" s="2">
        <v>1</v>
      </c>
      <c r="J40356" s="2">
        <v>0</v>
      </c>
      <c r="K40356" s="2">
        <v>0</v>
      </c>
      <c r="L40356" t="s">
        <v>120</v>
      </c>
      <c r="M40356" t="s">
        <v>89</v>
      </c>
      <c r="N40356" t="s">
        <v>90</v>
      </c>
      <c r="O40356" t="s">
        <v>85</v>
      </c>
      <c r="P40356" t="s">
        <v>86</v>
      </c>
      <c r="Q40356">
        <v>6</v>
      </c>
      <c r="R40356">
        <v>6</v>
      </c>
      <c r="S40356">
        <v>7</v>
      </c>
      <c r="T40356">
        <v>7</v>
      </c>
      <c r="U40356">
        <v>7</v>
      </c>
      <c r="V40356">
        <v>7</v>
      </c>
      <c r="W40356">
        <v>8</v>
      </c>
      <c r="X40356">
        <v>8</v>
      </c>
      <c r="Y40356">
        <v>8</v>
      </c>
      <c r="Z40356">
        <v>8</v>
      </c>
      <c r="AA40356">
        <v>8</v>
      </c>
      <c r="AB40356">
        <v>9</v>
      </c>
      <c r="AC40356">
        <v>9</v>
      </c>
      <c r="AD40356">
        <v>9</v>
      </c>
      <c r="AE40356">
        <v>9</v>
      </c>
      <c r="AF40356">
        <v>9</v>
      </c>
      <c r="AG40356">
        <v>9</v>
      </c>
      <c r="AH40356">
        <v>10</v>
      </c>
      <c r="AI40356">
        <v>10</v>
      </c>
      <c r="AJ40356">
        <v>10</v>
      </c>
      <c r="AK40356">
        <v>10</v>
      </c>
      <c r="AL40356">
        <v>10</v>
      </c>
      <c r="AM40356">
        <v>10</v>
      </c>
      <c r="AN40356">
        <v>10</v>
      </c>
      <c r="AO40356">
        <v>10</v>
      </c>
      <c r="AP40356">
        <v>10</v>
      </c>
      <c r="AQ40356">
        <v>10</v>
      </c>
    </row>
    <row r="40357" spans="1:43">
      <c r="A40357" t="s">
        <v>24963</v>
      </c>
      <c r="B40357" t="s">
        <v>24964</v>
      </c>
      <c r="C40357" t="s">
        <v>16485</v>
      </c>
      <c r="D40357" t="s">
        <v>16486</v>
      </c>
      <c r="E40357" t="s">
        <v>16459</v>
      </c>
      <c r="F40357" t="s">
        <v>16460</v>
      </c>
      <c r="G40357" t="s">
        <v>10734</v>
      </c>
      <c r="H40357" t="s">
        <v>10735</v>
      </c>
      <c r="I40357" s="2">
        <v>1</v>
      </c>
      <c r="J40357" s="2">
        <v>0</v>
      </c>
      <c r="K40357" s="2">
        <v>0</v>
      </c>
      <c r="L40357" t="s">
        <v>120</v>
      </c>
      <c r="M40357" t="s">
        <v>83</v>
      </c>
      <c r="N40357" t="s">
        <v>91</v>
      </c>
      <c r="O40357" t="s">
        <v>85</v>
      </c>
      <c r="P40357" t="s">
        <v>86</v>
      </c>
      <c r="Q40357">
        <v>6</v>
      </c>
      <c r="R40357">
        <v>6</v>
      </c>
      <c r="S40357">
        <v>6</v>
      </c>
      <c r="T40357">
        <v>7</v>
      </c>
      <c r="U40357">
        <v>7</v>
      </c>
      <c r="V40357">
        <v>7</v>
      </c>
      <c r="W40357">
        <v>7</v>
      </c>
      <c r="X40357">
        <v>7</v>
      </c>
      <c r="Y40357">
        <v>8</v>
      </c>
      <c r="Z40357">
        <v>8</v>
      </c>
      <c r="AA40357">
        <v>8</v>
      </c>
      <c r="AB40357">
        <v>8</v>
      </c>
      <c r="AC40357">
        <v>8</v>
      </c>
      <c r="AD40357">
        <v>8</v>
      </c>
      <c r="AE40357">
        <v>9</v>
      </c>
      <c r="AF40357">
        <v>9</v>
      </c>
      <c r="AG40357">
        <v>9</v>
      </c>
      <c r="AH40357">
        <v>9</v>
      </c>
      <c r="AI40357">
        <v>9</v>
      </c>
      <c r="AJ40357">
        <v>10</v>
      </c>
      <c r="AK40357">
        <v>10</v>
      </c>
      <c r="AL40357">
        <v>10</v>
      </c>
      <c r="AM40357">
        <v>10</v>
      </c>
      <c r="AN40357">
        <v>10</v>
      </c>
      <c r="AO40357">
        <v>10</v>
      </c>
      <c r="AP40357">
        <v>10</v>
      </c>
      <c r="AQ40357">
        <v>10</v>
      </c>
    </row>
    <row r="40358" spans="1:43">
      <c r="A40358" t="s">
        <v>24965</v>
      </c>
      <c r="B40358" t="s">
        <v>24966</v>
      </c>
      <c r="C40358" t="s">
        <v>16485</v>
      </c>
      <c r="D40358" t="s">
        <v>16486</v>
      </c>
      <c r="E40358" t="s">
        <v>16459</v>
      </c>
      <c r="F40358" t="s">
        <v>16460</v>
      </c>
      <c r="G40358" t="s">
        <v>10734</v>
      </c>
      <c r="H40358" t="s">
        <v>10735</v>
      </c>
      <c r="I40358" s="2">
        <v>1</v>
      </c>
      <c r="J40358" s="2">
        <v>0</v>
      </c>
      <c r="K40358" s="2">
        <v>0</v>
      </c>
      <c r="L40358" t="s">
        <v>120</v>
      </c>
      <c r="M40358" t="s">
        <v>83</v>
      </c>
      <c r="N40358" t="s">
        <v>84</v>
      </c>
      <c r="O40358" t="s">
        <v>85</v>
      </c>
      <c r="P40358" t="s">
        <v>86</v>
      </c>
      <c r="Q40358">
        <v>23</v>
      </c>
      <c r="R40358">
        <v>23</v>
      </c>
      <c r="S40358">
        <v>23</v>
      </c>
      <c r="T40358">
        <v>24</v>
      </c>
      <c r="U40358">
        <v>24</v>
      </c>
      <c r="V40358">
        <v>24</v>
      </c>
      <c r="W40358">
        <v>25</v>
      </c>
      <c r="X40358">
        <v>25</v>
      </c>
      <c r="Y40358">
        <v>25</v>
      </c>
      <c r="Z40358">
        <v>26</v>
      </c>
      <c r="AA40358">
        <v>26</v>
      </c>
      <c r="AB40358">
        <v>26</v>
      </c>
      <c r="AC40358">
        <v>26</v>
      </c>
      <c r="AD40358">
        <v>27</v>
      </c>
      <c r="AE40358">
        <v>27</v>
      </c>
      <c r="AF40358">
        <v>27</v>
      </c>
      <c r="AG40358">
        <v>28</v>
      </c>
      <c r="AH40358">
        <v>28</v>
      </c>
      <c r="AI40358">
        <v>28</v>
      </c>
      <c r="AJ40358">
        <v>29</v>
      </c>
      <c r="AK40358">
        <v>29</v>
      </c>
      <c r="AL40358">
        <v>29</v>
      </c>
      <c r="AM40358">
        <v>29</v>
      </c>
      <c r="AN40358">
        <v>29</v>
      </c>
      <c r="AO40358">
        <v>29</v>
      </c>
      <c r="AP40358">
        <v>29</v>
      </c>
      <c r="AQ40358">
        <v>29</v>
      </c>
    </row>
    <row r="40359" spans="1:43">
      <c r="A40359" t="s">
        <v>24965</v>
      </c>
      <c r="B40359" t="s">
        <v>24966</v>
      </c>
      <c r="C40359" t="s">
        <v>16485</v>
      </c>
      <c r="D40359" t="s">
        <v>16486</v>
      </c>
      <c r="E40359" t="s">
        <v>16459</v>
      </c>
      <c r="F40359" t="s">
        <v>16460</v>
      </c>
      <c r="G40359" t="s">
        <v>10734</v>
      </c>
      <c r="H40359" t="s">
        <v>10735</v>
      </c>
      <c r="I40359" s="2">
        <v>1</v>
      </c>
      <c r="J40359" s="2">
        <v>0</v>
      </c>
      <c r="K40359" s="2">
        <v>0</v>
      </c>
      <c r="L40359" t="s">
        <v>120</v>
      </c>
      <c r="M40359" t="s">
        <v>87</v>
      </c>
      <c r="N40359" t="s">
        <v>88</v>
      </c>
      <c r="O40359" t="s">
        <v>85</v>
      </c>
      <c r="P40359" t="s">
        <v>86</v>
      </c>
      <c r="Q40359">
        <v>23</v>
      </c>
      <c r="R40359">
        <v>24</v>
      </c>
      <c r="S40359">
        <v>24</v>
      </c>
      <c r="T40359">
        <v>24</v>
      </c>
      <c r="U40359">
        <v>24</v>
      </c>
      <c r="V40359">
        <v>24</v>
      </c>
      <c r="W40359">
        <v>24</v>
      </c>
      <c r="X40359">
        <v>24</v>
      </c>
      <c r="Y40359">
        <v>24</v>
      </c>
      <c r="Z40359">
        <v>24</v>
      </c>
      <c r="AA40359">
        <v>25</v>
      </c>
      <c r="AB40359">
        <v>25</v>
      </c>
      <c r="AC40359">
        <v>25</v>
      </c>
      <c r="AD40359">
        <v>25</v>
      </c>
      <c r="AE40359">
        <v>25</v>
      </c>
      <c r="AF40359">
        <v>25</v>
      </c>
      <c r="AG40359">
        <v>25</v>
      </c>
      <c r="AH40359">
        <v>25</v>
      </c>
      <c r="AI40359">
        <v>26</v>
      </c>
      <c r="AJ40359">
        <v>26</v>
      </c>
      <c r="AK40359">
        <v>26</v>
      </c>
      <c r="AL40359">
        <v>26</v>
      </c>
      <c r="AM40359">
        <v>26</v>
      </c>
      <c r="AN40359">
        <v>26</v>
      </c>
      <c r="AO40359">
        <v>26</v>
      </c>
      <c r="AP40359">
        <v>26</v>
      </c>
      <c r="AQ40359">
        <v>26</v>
      </c>
    </row>
    <row r="40360" spans="1:43">
      <c r="A40360" t="s">
        <v>24965</v>
      </c>
      <c r="B40360" t="s">
        <v>24966</v>
      </c>
      <c r="C40360" t="s">
        <v>16485</v>
      </c>
      <c r="D40360" t="s">
        <v>16486</v>
      </c>
      <c r="E40360" t="s">
        <v>16459</v>
      </c>
      <c r="F40360" t="s">
        <v>16460</v>
      </c>
      <c r="G40360" t="s">
        <v>10734</v>
      </c>
      <c r="H40360" t="s">
        <v>10735</v>
      </c>
      <c r="I40360" s="2">
        <v>1</v>
      </c>
      <c r="J40360" s="2">
        <v>0</v>
      </c>
      <c r="K40360" s="2">
        <v>0</v>
      </c>
      <c r="L40360" t="s">
        <v>120</v>
      </c>
      <c r="M40360" t="s">
        <v>89</v>
      </c>
      <c r="N40360" t="s">
        <v>90</v>
      </c>
      <c r="O40360" t="s">
        <v>85</v>
      </c>
      <c r="P40360" t="s">
        <v>86</v>
      </c>
      <c r="Q40360">
        <v>23</v>
      </c>
      <c r="R40360">
        <v>23</v>
      </c>
      <c r="S40360">
        <v>24</v>
      </c>
      <c r="T40360">
        <v>24</v>
      </c>
      <c r="U40360">
        <v>25</v>
      </c>
      <c r="V40360">
        <v>25</v>
      </c>
      <c r="W40360">
        <v>26</v>
      </c>
      <c r="X40360">
        <v>26</v>
      </c>
      <c r="Y40360">
        <v>27</v>
      </c>
      <c r="Z40360">
        <v>27</v>
      </c>
      <c r="AA40360">
        <v>28</v>
      </c>
      <c r="AB40360">
        <v>28</v>
      </c>
      <c r="AC40360">
        <v>28</v>
      </c>
      <c r="AD40360">
        <v>29</v>
      </c>
      <c r="AE40360">
        <v>29</v>
      </c>
      <c r="AF40360">
        <v>29</v>
      </c>
      <c r="AG40360">
        <v>29</v>
      </c>
      <c r="AH40360">
        <v>29</v>
      </c>
      <c r="AI40360">
        <v>29</v>
      </c>
      <c r="AJ40360">
        <v>29</v>
      </c>
      <c r="AK40360">
        <v>29</v>
      </c>
      <c r="AL40360">
        <v>29</v>
      </c>
      <c r="AM40360">
        <v>29</v>
      </c>
      <c r="AN40360">
        <v>29</v>
      </c>
      <c r="AO40360">
        <v>29</v>
      </c>
      <c r="AP40360">
        <v>30</v>
      </c>
      <c r="AQ40360">
        <v>30</v>
      </c>
    </row>
    <row r="40361" spans="1:43">
      <c r="A40361" t="s">
        <v>24965</v>
      </c>
      <c r="B40361" t="s">
        <v>24966</v>
      </c>
      <c r="C40361" t="s">
        <v>16485</v>
      </c>
      <c r="D40361" t="s">
        <v>16486</v>
      </c>
      <c r="E40361" t="s">
        <v>16459</v>
      </c>
      <c r="F40361" t="s">
        <v>16460</v>
      </c>
      <c r="G40361" t="s">
        <v>10734</v>
      </c>
      <c r="H40361" t="s">
        <v>10735</v>
      </c>
      <c r="I40361" s="2">
        <v>1</v>
      </c>
      <c r="J40361" s="2">
        <v>0</v>
      </c>
      <c r="K40361" s="2">
        <v>0</v>
      </c>
      <c r="L40361" t="s">
        <v>120</v>
      </c>
      <c r="M40361" t="s">
        <v>83</v>
      </c>
      <c r="N40361" t="s">
        <v>91</v>
      </c>
      <c r="O40361" t="s">
        <v>85</v>
      </c>
      <c r="P40361" t="s">
        <v>86</v>
      </c>
      <c r="Q40361">
        <v>23</v>
      </c>
      <c r="R40361">
        <v>23</v>
      </c>
      <c r="S40361">
        <v>23</v>
      </c>
      <c r="T40361">
        <v>24</v>
      </c>
      <c r="U40361">
        <v>24</v>
      </c>
      <c r="V40361">
        <v>24</v>
      </c>
      <c r="W40361">
        <v>25</v>
      </c>
      <c r="X40361">
        <v>25</v>
      </c>
      <c r="Y40361">
        <v>25</v>
      </c>
      <c r="Z40361">
        <v>26</v>
      </c>
      <c r="AA40361">
        <v>26</v>
      </c>
      <c r="AB40361">
        <v>26</v>
      </c>
      <c r="AC40361">
        <v>26</v>
      </c>
      <c r="AD40361">
        <v>27</v>
      </c>
      <c r="AE40361">
        <v>27</v>
      </c>
      <c r="AF40361">
        <v>27</v>
      </c>
      <c r="AG40361">
        <v>28</v>
      </c>
      <c r="AH40361">
        <v>28</v>
      </c>
      <c r="AI40361">
        <v>28</v>
      </c>
      <c r="AJ40361">
        <v>29</v>
      </c>
      <c r="AK40361">
        <v>29</v>
      </c>
      <c r="AL40361">
        <v>29</v>
      </c>
      <c r="AM40361">
        <v>29</v>
      </c>
      <c r="AN40361">
        <v>29</v>
      </c>
      <c r="AO40361">
        <v>29</v>
      </c>
      <c r="AP40361">
        <v>29</v>
      </c>
      <c r="AQ40361">
        <v>29</v>
      </c>
    </row>
    <row r="40362" spans="1:43">
      <c r="A40362" t="s">
        <v>24967</v>
      </c>
      <c r="B40362" t="s">
        <v>24968</v>
      </c>
      <c r="C40362" t="s">
        <v>15003</v>
      </c>
      <c r="D40362" t="s">
        <v>15004</v>
      </c>
      <c r="E40362" t="s">
        <v>14997</v>
      </c>
      <c r="F40362" t="s">
        <v>14998</v>
      </c>
      <c r="G40362" t="s">
        <v>10734</v>
      </c>
      <c r="H40362" t="s">
        <v>10735</v>
      </c>
      <c r="I40362" s="2">
        <v>1</v>
      </c>
      <c r="J40362" s="2">
        <v>0</v>
      </c>
      <c r="K40362" s="2">
        <v>0</v>
      </c>
      <c r="L40362" t="s">
        <v>120</v>
      </c>
      <c r="M40362" t="s">
        <v>83</v>
      </c>
      <c r="N40362" t="s">
        <v>84</v>
      </c>
      <c r="O40362" t="s">
        <v>85</v>
      </c>
      <c r="P40362" t="s">
        <v>86</v>
      </c>
      <c r="Q40362">
        <v>10</v>
      </c>
      <c r="R40362">
        <v>10</v>
      </c>
      <c r="S40362">
        <v>11</v>
      </c>
      <c r="T40362">
        <v>11</v>
      </c>
      <c r="U40362">
        <v>11</v>
      </c>
      <c r="V40362">
        <v>11</v>
      </c>
      <c r="W40362">
        <v>11</v>
      </c>
      <c r="X40362">
        <v>11</v>
      </c>
      <c r="Y40362">
        <v>11</v>
      </c>
      <c r="Z40362">
        <v>12</v>
      </c>
      <c r="AA40362">
        <v>12</v>
      </c>
      <c r="AB40362">
        <v>12</v>
      </c>
      <c r="AC40362">
        <v>12</v>
      </c>
      <c r="AD40362">
        <v>12</v>
      </c>
      <c r="AE40362">
        <v>12</v>
      </c>
      <c r="AF40362">
        <v>12</v>
      </c>
      <c r="AG40362">
        <v>13</v>
      </c>
      <c r="AH40362">
        <v>13</v>
      </c>
      <c r="AI40362">
        <v>13</v>
      </c>
      <c r="AJ40362">
        <v>13</v>
      </c>
      <c r="AK40362">
        <v>13</v>
      </c>
      <c r="AL40362">
        <v>13</v>
      </c>
      <c r="AM40362">
        <v>13</v>
      </c>
      <c r="AN40362">
        <v>13</v>
      </c>
      <c r="AO40362">
        <v>13</v>
      </c>
      <c r="AP40362">
        <v>14</v>
      </c>
      <c r="AQ40362">
        <v>14</v>
      </c>
    </row>
    <row r="40363" spans="1:43">
      <c r="A40363" t="s">
        <v>24967</v>
      </c>
      <c r="B40363" t="s">
        <v>24968</v>
      </c>
      <c r="C40363" t="s">
        <v>15003</v>
      </c>
      <c r="D40363" t="s">
        <v>15004</v>
      </c>
      <c r="E40363" t="s">
        <v>14997</v>
      </c>
      <c r="F40363" t="s">
        <v>14998</v>
      </c>
      <c r="G40363" t="s">
        <v>10734</v>
      </c>
      <c r="H40363" t="s">
        <v>10735</v>
      </c>
      <c r="I40363" s="2">
        <v>1</v>
      </c>
      <c r="J40363" s="2">
        <v>0</v>
      </c>
      <c r="K40363" s="2">
        <v>0</v>
      </c>
      <c r="L40363" t="s">
        <v>120</v>
      </c>
      <c r="M40363" t="s">
        <v>87</v>
      </c>
      <c r="N40363" t="s">
        <v>88</v>
      </c>
      <c r="O40363" t="s">
        <v>85</v>
      </c>
      <c r="P40363" t="s">
        <v>86</v>
      </c>
      <c r="Q40363">
        <v>10</v>
      </c>
      <c r="R40363">
        <v>10</v>
      </c>
      <c r="S40363">
        <v>10</v>
      </c>
      <c r="T40363">
        <v>10</v>
      </c>
      <c r="U40363">
        <v>10</v>
      </c>
      <c r="V40363">
        <v>10</v>
      </c>
      <c r="W40363">
        <v>10</v>
      </c>
      <c r="X40363">
        <v>11</v>
      </c>
      <c r="Y40363">
        <v>11</v>
      </c>
      <c r="Z40363">
        <v>11</v>
      </c>
      <c r="AA40363">
        <v>11</v>
      </c>
      <c r="AB40363">
        <v>11</v>
      </c>
      <c r="AC40363">
        <v>11</v>
      </c>
      <c r="AD40363">
        <v>11</v>
      </c>
      <c r="AE40363">
        <v>11</v>
      </c>
      <c r="AF40363">
        <v>11</v>
      </c>
      <c r="AG40363">
        <v>11</v>
      </c>
      <c r="AH40363">
        <v>11</v>
      </c>
      <c r="AI40363">
        <v>11</v>
      </c>
      <c r="AJ40363">
        <v>11</v>
      </c>
      <c r="AK40363">
        <v>11</v>
      </c>
      <c r="AL40363">
        <v>11</v>
      </c>
      <c r="AM40363">
        <v>11</v>
      </c>
      <c r="AN40363">
        <v>12</v>
      </c>
      <c r="AO40363">
        <v>12</v>
      </c>
      <c r="AP40363">
        <v>12</v>
      </c>
      <c r="AQ40363">
        <v>12</v>
      </c>
    </row>
    <row r="40364" spans="1:43">
      <c r="A40364" t="s">
        <v>24967</v>
      </c>
      <c r="B40364" t="s">
        <v>24968</v>
      </c>
      <c r="C40364" t="s">
        <v>15003</v>
      </c>
      <c r="D40364" t="s">
        <v>15004</v>
      </c>
      <c r="E40364" t="s">
        <v>14997</v>
      </c>
      <c r="F40364" t="s">
        <v>14998</v>
      </c>
      <c r="G40364" t="s">
        <v>10734</v>
      </c>
      <c r="H40364" t="s">
        <v>10735</v>
      </c>
      <c r="I40364" s="2">
        <v>1</v>
      </c>
      <c r="J40364" s="2">
        <v>0</v>
      </c>
      <c r="K40364" s="2">
        <v>0</v>
      </c>
      <c r="L40364" t="s">
        <v>120</v>
      </c>
      <c r="M40364" t="s">
        <v>89</v>
      </c>
      <c r="N40364" t="s">
        <v>90</v>
      </c>
      <c r="O40364" t="s">
        <v>85</v>
      </c>
      <c r="P40364" t="s">
        <v>86</v>
      </c>
      <c r="Q40364">
        <v>10</v>
      </c>
      <c r="R40364">
        <v>11</v>
      </c>
      <c r="S40364">
        <v>11</v>
      </c>
      <c r="T40364">
        <v>11</v>
      </c>
      <c r="U40364">
        <v>11</v>
      </c>
      <c r="V40364">
        <v>11</v>
      </c>
      <c r="W40364">
        <v>12</v>
      </c>
      <c r="X40364">
        <v>12</v>
      </c>
      <c r="Y40364">
        <v>12</v>
      </c>
      <c r="Z40364">
        <v>12</v>
      </c>
      <c r="AA40364">
        <v>12</v>
      </c>
      <c r="AB40364">
        <v>13</v>
      </c>
      <c r="AC40364">
        <v>13</v>
      </c>
      <c r="AD40364">
        <v>13</v>
      </c>
      <c r="AE40364">
        <v>13</v>
      </c>
      <c r="AF40364">
        <v>13</v>
      </c>
      <c r="AG40364">
        <v>13</v>
      </c>
      <c r="AH40364">
        <v>13</v>
      </c>
      <c r="AI40364">
        <v>13</v>
      </c>
      <c r="AJ40364">
        <v>13</v>
      </c>
      <c r="AK40364">
        <v>13</v>
      </c>
      <c r="AL40364">
        <v>13</v>
      </c>
      <c r="AM40364">
        <v>14</v>
      </c>
      <c r="AN40364">
        <v>14</v>
      </c>
      <c r="AO40364">
        <v>14</v>
      </c>
      <c r="AP40364">
        <v>14</v>
      </c>
      <c r="AQ40364">
        <v>14</v>
      </c>
    </row>
    <row r="40365" spans="1:43">
      <c r="A40365" t="s">
        <v>24967</v>
      </c>
      <c r="B40365" t="s">
        <v>24968</v>
      </c>
      <c r="C40365" t="s">
        <v>15003</v>
      </c>
      <c r="D40365" t="s">
        <v>15004</v>
      </c>
      <c r="E40365" t="s">
        <v>14997</v>
      </c>
      <c r="F40365" t="s">
        <v>14998</v>
      </c>
      <c r="G40365" t="s">
        <v>10734</v>
      </c>
      <c r="H40365" t="s">
        <v>10735</v>
      </c>
      <c r="I40365" s="2">
        <v>1</v>
      </c>
      <c r="J40365" s="2">
        <v>0</v>
      </c>
      <c r="K40365" s="2">
        <v>0</v>
      </c>
      <c r="L40365" t="s">
        <v>120</v>
      </c>
      <c r="M40365" t="s">
        <v>83</v>
      </c>
      <c r="N40365" t="s">
        <v>91</v>
      </c>
      <c r="O40365" t="s">
        <v>85</v>
      </c>
      <c r="P40365" t="s">
        <v>86</v>
      </c>
      <c r="Q40365">
        <v>10</v>
      </c>
      <c r="R40365">
        <v>10</v>
      </c>
      <c r="S40365">
        <v>11</v>
      </c>
      <c r="T40365">
        <v>11</v>
      </c>
      <c r="U40365">
        <v>11</v>
      </c>
      <c r="V40365">
        <v>11</v>
      </c>
      <c r="W40365">
        <v>11</v>
      </c>
      <c r="X40365">
        <v>11</v>
      </c>
      <c r="Y40365">
        <v>11</v>
      </c>
      <c r="Z40365">
        <v>12</v>
      </c>
      <c r="AA40365">
        <v>12</v>
      </c>
      <c r="AB40365">
        <v>12</v>
      </c>
      <c r="AC40365">
        <v>12</v>
      </c>
      <c r="AD40365">
        <v>12</v>
      </c>
      <c r="AE40365">
        <v>12</v>
      </c>
      <c r="AF40365">
        <v>12</v>
      </c>
      <c r="AG40365">
        <v>13</v>
      </c>
      <c r="AH40365">
        <v>13</v>
      </c>
      <c r="AI40365">
        <v>13</v>
      </c>
      <c r="AJ40365">
        <v>13</v>
      </c>
      <c r="AK40365">
        <v>13</v>
      </c>
      <c r="AL40365">
        <v>13</v>
      </c>
      <c r="AM40365">
        <v>13</v>
      </c>
      <c r="AN40365">
        <v>13</v>
      </c>
      <c r="AO40365">
        <v>13</v>
      </c>
      <c r="AP40365">
        <v>14</v>
      </c>
      <c r="AQ40365">
        <v>14</v>
      </c>
    </row>
    <row r="40366" spans="1:43">
      <c r="A40366" t="s">
        <v>24969</v>
      </c>
      <c r="B40366" t="s">
        <v>24970</v>
      </c>
      <c r="C40366" t="s">
        <v>15003</v>
      </c>
      <c r="D40366" t="s">
        <v>15004</v>
      </c>
      <c r="E40366" t="s">
        <v>14997</v>
      </c>
      <c r="F40366" t="s">
        <v>14998</v>
      </c>
      <c r="G40366" t="s">
        <v>10734</v>
      </c>
      <c r="H40366" t="s">
        <v>10735</v>
      </c>
      <c r="I40366" s="2">
        <v>1</v>
      </c>
      <c r="J40366" s="2">
        <v>0</v>
      </c>
      <c r="K40366" s="2">
        <v>0</v>
      </c>
      <c r="L40366" t="s">
        <v>120</v>
      </c>
      <c r="M40366" t="s">
        <v>83</v>
      </c>
      <c r="N40366" t="s">
        <v>84</v>
      </c>
      <c r="O40366" t="s">
        <v>85</v>
      </c>
      <c r="P40366" t="s">
        <v>86</v>
      </c>
      <c r="Q40366">
        <v>20</v>
      </c>
      <c r="R40366">
        <v>21</v>
      </c>
      <c r="S40366">
        <v>21</v>
      </c>
      <c r="T40366">
        <v>21</v>
      </c>
      <c r="U40366">
        <v>22</v>
      </c>
      <c r="V40366">
        <v>22</v>
      </c>
      <c r="W40366">
        <v>22</v>
      </c>
      <c r="X40366">
        <v>23</v>
      </c>
      <c r="Y40366">
        <v>23</v>
      </c>
      <c r="Z40366">
        <v>23</v>
      </c>
      <c r="AA40366">
        <v>23</v>
      </c>
      <c r="AB40366">
        <v>24</v>
      </c>
      <c r="AC40366">
        <v>24</v>
      </c>
      <c r="AD40366">
        <v>24</v>
      </c>
      <c r="AE40366">
        <v>25</v>
      </c>
      <c r="AF40366">
        <v>25</v>
      </c>
      <c r="AG40366">
        <v>25</v>
      </c>
      <c r="AH40366">
        <v>26</v>
      </c>
      <c r="AI40366">
        <v>26</v>
      </c>
      <c r="AJ40366">
        <v>26</v>
      </c>
      <c r="AK40366">
        <v>26</v>
      </c>
      <c r="AL40366">
        <v>27</v>
      </c>
      <c r="AM40366">
        <v>27</v>
      </c>
      <c r="AN40366">
        <v>27</v>
      </c>
      <c r="AO40366">
        <v>27</v>
      </c>
      <c r="AP40366">
        <v>27</v>
      </c>
      <c r="AQ40366">
        <v>27</v>
      </c>
    </row>
    <row r="40367" spans="1:43">
      <c r="A40367" t="s">
        <v>24969</v>
      </c>
      <c r="B40367" t="s">
        <v>24970</v>
      </c>
      <c r="C40367" t="s">
        <v>15003</v>
      </c>
      <c r="D40367" t="s">
        <v>15004</v>
      </c>
      <c r="E40367" t="s">
        <v>14997</v>
      </c>
      <c r="F40367" t="s">
        <v>14998</v>
      </c>
      <c r="G40367" t="s">
        <v>10734</v>
      </c>
      <c r="H40367" t="s">
        <v>10735</v>
      </c>
      <c r="I40367" s="2">
        <v>1</v>
      </c>
      <c r="J40367" s="2">
        <v>0</v>
      </c>
      <c r="K40367" s="2">
        <v>0</v>
      </c>
      <c r="L40367" t="s">
        <v>120</v>
      </c>
      <c r="M40367" t="s">
        <v>87</v>
      </c>
      <c r="N40367" t="s">
        <v>88</v>
      </c>
      <c r="O40367" t="s">
        <v>85</v>
      </c>
      <c r="P40367" t="s">
        <v>86</v>
      </c>
      <c r="Q40367">
        <v>20</v>
      </c>
      <c r="R40367">
        <v>20</v>
      </c>
      <c r="S40367">
        <v>20</v>
      </c>
      <c r="T40367">
        <v>21</v>
      </c>
      <c r="U40367">
        <v>21</v>
      </c>
      <c r="V40367">
        <v>21</v>
      </c>
      <c r="W40367">
        <v>21</v>
      </c>
      <c r="X40367">
        <v>21</v>
      </c>
      <c r="Y40367">
        <v>21</v>
      </c>
      <c r="Z40367">
        <v>21</v>
      </c>
      <c r="AA40367">
        <v>21</v>
      </c>
      <c r="AB40367">
        <v>22</v>
      </c>
      <c r="AC40367">
        <v>22</v>
      </c>
      <c r="AD40367">
        <v>22</v>
      </c>
      <c r="AE40367">
        <v>22</v>
      </c>
      <c r="AF40367">
        <v>22</v>
      </c>
      <c r="AG40367">
        <v>22</v>
      </c>
      <c r="AH40367">
        <v>22</v>
      </c>
      <c r="AI40367">
        <v>22</v>
      </c>
      <c r="AJ40367">
        <v>23</v>
      </c>
      <c r="AK40367">
        <v>23</v>
      </c>
      <c r="AL40367">
        <v>23</v>
      </c>
      <c r="AM40367">
        <v>23</v>
      </c>
      <c r="AN40367">
        <v>23</v>
      </c>
      <c r="AO40367">
        <v>23</v>
      </c>
      <c r="AP40367">
        <v>23</v>
      </c>
      <c r="AQ40367">
        <v>24</v>
      </c>
    </row>
    <row r="40368" spans="1:43">
      <c r="A40368" t="s">
        <v>24969</v>
      </c>
      <c r="B40368" t="s">
        <v>24970</v>
      </c>
      <c r="C40368" t="s">
        <v>15003</v>
      </c>
      <c r="D40368" t="s">
        <v>15004</v>
      </c>
      <c r="E40368" t="s">
        <v>14997</v>
      </c>
      <c r="F40368" t="s">
        <v>14998</v>
      </c>
      <c r="G40368" t="s">
        <v>10734</v>
      </c>
      <c r="H40368" t="s">
        <v>10735</v>
      </c>
      <c r="I40368" s="2">
        <v>1</v>
      </c>
      <c r="J40368" s="2">
        <v>0</v>
      </c>
      <c r="K40368" s="2">
        <v>0</v>
      </c>
      <c r="L40368" t="s">
        <v>120</v>
      </c>
      <c r="M40368" t="s">
        <v>89</v>
      </c>
      <c r="N40368" t="s">
        <v>90</v>
      </c>
      <c r="O40368" t="s">
        <v>85</v>
      </c>
      <c r="P40368" t="s">
        <v>86</v>
      </c>
      <c r="Q40368">
        <v>20</v>
      </c>
      <c r="R40368">
        <v>20</v>
      </c>
      <c r="S40368">
        <v>21</v>
      </c>
      <c r="T40368">
        <v>21</v>
      </c>
      <c r="U40368">
        <v>22</v>
      </c>
      <c r="V40368">
        <v>22</v>
      </c>
      <c r="W40368">
        <v>22</v>
      </c>
      <c r="X40368">
        <v>23</v>
      </c>
      <c r="Y40368">
        <v>23</v>
      </c>
      <c r="Z40368">
        <v>24</v>
      </c>
      <c r="AA40368">
        <v>24</v>
      </c>
      <c r="AB40368">
        <v>24</v>
      </c>
      <c r="AC40368">
        <v>25</v>
      </c>
      <c r="AD40368">
        <v>25</v>
      </c>
      <c r="AE40368">
        <v>25</v>
      </c>
      <c r="AF40368">
        <v>25</v>
      </c>
      <c r="AG40368">
        <v>26</v>
      </c>
      <c r="AH40368">
        <v>26</v>
      </c>
      <c r="AI40368">
        <v>26</v>
      </c>
      <c r="AJ40368">
        <v>26</v>
      </c>
      <c r="AK40368">
        <v>26</v>
      </c>
      <c r="AL40368">
        <v>26</v>
      </c>
      <c r="AM40368">
        <v>26</v>
      </c>
      <c r="AN40368">
        <v>26</v>
      </c>
      <c r="AO40368">
        <v>26</v>
      </c>
      <c r="AP40368">
        <v>26</v>
      </c>
      <c r="AQ40368">
        <v>26</v>
      </c>
    </row>
    <row r="40369" spans="1:43">
      <c r="A40369" t="s">
        <v>24969</v>
      </c>
      <c r="B40369" t="s">
        <v>24970</v>
      </c>
      <c r="C40369" t="s">
        <v>15003</v>
      </c>
      <c r="D40369" t="s">
        <v>15004</v>
      </c>
      <c r="E40369" t="s">
        <v>14997</v>
      </c>
      <c r="F40369" t="s">
        <v>14998</v>
      </c>
      <c r="G40369" t="s">
        <v>10734</v>
      </c>
      <c r="H40369" t="s">
        <v>10735</v>
      </c>
      <c r="I40369" s="2">
        <v>1</v>
      </c>
      <c r="J40369" s="2">
        <v>0</v>
      </c>
      <c r="K40369" s="2">
        <v>0</v>
      </c>
      <c r="L40369" t="s">
        <v>120</v>
      </c>
      <c r="M40369" t="s">
        <v>83</v>
      </c>
      <c r="N40369" t="s">
        <v>91</v>
      </c>
      <c r="O40369" t="s">
        <v>85</v>
      </c>
      <c r="P40369" t="s">
        <v>86</v>
      </c>
      <c r="Q40369">
        <v>20</v>
      </c>
      <c r="R40369">
        <v>21</v>
      </c>
      <c r="S40369">
        <v>21</v>
      </c>
      <c r="T40369">
        <v>21</v>
      </c>
      <c r="U40369">
        <v>22</v>
      </c>
      <c r="V40369">
        <v>22</v>
      </c>
      <c r="W40369">
        <v>22</v>
      </c>
      <c r="X40369">
        <v>23</v>
      </c>
      <c r="Y40369">
        <v>23</v>
      </c>
      <c r="Z40369">
        <v>23</v>
      </c>
      <c r="AA40369">
        <v>23</v>
      </c>
      <c r="AB40369">
        <v>24</v>
      </c>
      <c r="AC40369">
        <v>24</v>
      </c>
      <c r="AD40369">
        <v>24</v>
      </c>
      <c r="AE40369">
        <v>25</v>
      </c>
      <c r="AF40369">
        <v>25</v>
      </c>
      <c r="AG40369">
        <v>25</v>
      </c>
      <c r="AH40369">
        <v>26</v>
      </c>
      <c r="AI40369">
        <v>26</v>
      </c>
      <c r="AJ40369">
        <v>26</v>
      </c>
      <c r="AK40369">
        <v>26</v>
      </c>
      <c r="AL40369">
        <v>27</v>
      </c>
      <c r="AM40369">
        <v>27</v>
      </c>
      <c r="AN40369">
        <v>27</v>
      </c>
      <c r="AO40369">
        <v>27</v>
      </c>
      <c r="AP40369">
        <v>27</v>
      </c>
      <c r="AQ40369">
        <v>27</v>
      </c>
    </row>
    <row r="40370" spans="1:43">
      <c r="A40370" t="s">
        <v>24971</v>
      </c>
      <c r="B40370" t="s">
        <v>24972</v>
      </c>
      <c r="C40370" t="s">
        <v>4366</v>
      </c>
      <c r="D40370" t="s">
        <v>4367</v>
      </c>
      <c r="E40370" t="s">
        <v>4236</v>
      </c>
      <c r="F40370" t="s">
        <v>4237</v>
      </c>
      <c r="G40370" t="s">
        <v>80</v>
      </c>
      <c r="H40370" t="s">
        <v>81</v>
      </c>
      <c r="I40370" s="2">
        <v>1</v>
      </c>
      <c r="J40370" s="2">
        <v>0</v>
      </c>
      <c r="K40370" s="2">
        <v>0</v>
      </c>
      <c r="L40370" t="s">
        <v>120</v>
      </c>
      <c r="M40370" t="s">
        <v>83</v>
      </c>
      <c r="N40370" t="s">
        <v>84</v>
      </c>
      <c r="O40370" t="s">
        <v>85</v>
      </c>
      <c r="P40370" t="s">
        <v>86</v>
      </c>
      <c r="Q40370">
        <v>16</v>
      </c>
      <c r="R40370">
        <v>16</v>
      </c>
      <c r="S40370">
        <v>17</v>
      </c>
      <c r="T40370">
        <v>17</v>
      </c>
      <c r="U40370">
        <v>17</v>
      </c>
      <c r="V40370">
        <v>17</v>
      </c>
      <c r="W40370">
        <v>17</v>
      </c>
      <c r="X40370">
        <v>17</v>
      </c>
      <c r="Y40370">
        <v>17</v>
      </c>
      <c r="Z40370">
        <v>18</v>
      </c>
      <c r="AA40370">
        <v>18</v>
      </c>
      <c r="AB40370">
        <v>18</v>
      </c>
      <c r="AC40370">
        <v>18</v>
      </c>
      <c r="AD40370">
        <v>18</v>
      </c>
      <c r="AE40370">
        <v>18</v>
      </c>
      <c r="AF40370">
        <v>18</v>
      </c>
      <c r="AG40370">
        <v>18</v>
      </c>
      <c r="AH40370">
        <v>18</v>
      </c>
      <c r="AI40370">
        <v>18</v>
      </c>
      <c r="AJ40370">
        <v>18</v>
      </c>
      <c r="AK40370">
        <v>18</v>
      </c>
      <c r="AL40370">
        <v>18</v>
      </c>
      <c r="AM40370">
        <v>18</v>
      </c>
      <c r="AN40370">
        <v>18</v>
      </c>
      <c r="AO40370">
        <v>18</v>
      </c>
      <c r="AP40370">
        <v>18</v>
      </c>
      <c r="AQ40370">
        <v>18</v>
      </c>
    </row>
    <row r="40371" spans="1:43">
      <c r="A40371" t="s">
        <v>24971</v>
      </c>
      <c r="B40371" t="s">
        <v>24972</v>
      </c>
      <c r="C40371" t="s">
        <v>4366</v>
      </c>
      <c r="D40371" t="s">
        <v>4367</v>
      </c>
      <c r="E40371" t="s">
        <v>4236</v>
      </c>
      <c r="F40371" t="s">
        <v>4237</v>
      </c>
      <c r="G40371" t="s">
        <v>80</v>
      </c>
      <c r="H40371" t="s">
        <v>81</v>
      </c>
      <c r="I40371" s="2">
        <v>1</v>
      </c>
      <c r="J40371" s="2">
        <v>0</v>
      </c>
      <c r="K40371" s="2">
        <v>0</v>
      </c>
      <c r="L40371" t="s">
        <v>120</v>
      </c>
      <c r="M40371" t="s">
        <v>87</v>
      </c>
      <c r="N40371" t="s">
        <v>88</v>
      </c>
      <c r="O40371" t="s">
        <v>85</v>
      </c>
      <c r="P40371" t="s">
        <v>86</v>
      </c>
      <c r="Q40371">
        <v>16</v>
      </c>
      <c r="R40371">
        <v>16</v>
      </c>
      <c r="S40371">
        <v>16</v>
      </c>
      <c r="T40371">
        <v>16</v>
      </c>
      <c r="U40371">
        <v>16</v>
      </c>
      <c r="V40371">
        <v>16</v>
      </c>
      <c r="W40371">
        <v>16</v>
      </c>
      <c r="X40371">
        <v>16</v>
      </c>
      <c r="Y40371">
        <v>16</v>
      </c>
      <c r="Z40371">
        <v>16</v>
      </c>
      <c r="AA40371">
        <v>16</v>
      </c>
      <c r="AB40371">
        <v>16</v>
      </c>
      <c r="AC40371">
        <v>16</v>
      </c>
      <c r="AD40371">
        <v>16</v>
      </c>
      <c r="AE40371">
        <v>16</v>
      </c>
      <c r="AF40371">
        <v>16</v>
      </c>
      <c r="AG40371">
        <v>16</v>
      </c>
      <c r="AH40371">
        <v>16</v>
      </c>
      <c r="AI40371">
        <v>16</v>
      </c>
      <c r="AJ40371">
        <v>16</v>
      </c>
      <c r="AK40371">
        <v>16</v>
      </c>
      <c r="AL40371">
        <v>16</v>
      </c>
      <c r="AM40371">
        <v>16</v>
      </c>
      <c r="AN40371">
        <v>15</v>
      </c>
      <c r="AO40371">
        <v>15</v>
      </c>
      <c r="AP40371">
        <v>15</v>
      </c>
      <c r="AQ40371">
        <v>15</v>
      </c>
    </row>
    <row r="40372" spans="1:43">
      <c r="A40372" t="s">
        <v>24971</v>
      </c>
      <c r="B40372" t="s">
        <v>24972</v>
      </c>
      <c r="C40372" t="s">
        <v>4366</v>
      </c>
      <c r="D40372" t="s">
        <v>4367</v>
      </c>
      <c r="E40372" t="s">
        <v>4236</v>
      </c>
      <c r="F40372" t="s">
        <v>4237</v>
      </c>
      <c r="G40372" t="s">
        <v>80</v>
      </c>
      <c r="H40372" t="s">
        <v>81</v>
      </c>
      <c r="I40372" s="2">
        <v>1</v>
      </c>
      <c r="J40372" s="2">
        <v>0</v>
      </c>
      <c r="K40372" s="2">
        <v>0</v>
      </c>
      <c r="L40372" t="s">
        <v>120</v>
      </c>
      <c r="M40372" t="s">
        <v>89</v>
      </c>
      <c r="N40372" t="s">
        <v>90</v>
      </c>
      <c r="O40372" t="s">
        <v>85</v>
      </c>
      <c r="P40372" t="s">
        <v>86</v>
      </c>
      <c r="Q40372">
        <v>16</v>
      </c>
      <c r="R40372">
        <v>17</v>
      </c>
      <c r="S40372">
        <v>17</v>
      </c>
      <c r="T40372">
        <v>17</v>
      </c>
      <c r="U40372">
        <v>18</v>
      </c>
      <c r="V40372">
        <v>18</v>
      </c>
      <c r="W40372">
        <v>18</v>
      </c>
      <c r="X40372">
        <v>18</v>
      </c>
      <c r="Y40372">
        <v>19</v>
      </c>
      <c r="Z40372">
        <v>19</v>
      </c>
      <c r="AA40372">
        <v>19</v>
      </c>
      <c r="AB40372">
        <v>19</v>
      </c>
      <c r="AC40372">
        <v>19</v>
      </c>
      <c r="AD40372">
        <v>19</v>
      </c>
      <c r="AE40372">
        <v>19</v>
      </c>
      <c r="AF40372">
        <v>19</v>
      </c>
      <c r="AG40372">
        <v>19</v>
      </c>
      <c r="AH40372">
        <v>19</v>
      </c>
      <c r="AI40372">
        <v>19</v>
      </c>
      <c r="AJ40372">
        <v>19</v>
      </c>
      <c r="AK40372">
        <v>19</v>
      </c>
      <c r="AL40372">
        <v>18</v>
      </c>
      <c r="AM40372">
        <v>18</v>
      </c>
      <c r="AN40372">
        <v>18</v>
      </c>
      <c r="AO40372">
        <v>18</v>
      </c>
      <c r="AP40372">
        <v>18</v>
      </c>
      <c r="AQ40372">
        <v>18</v>
      </c>
    </row>
    <row r="40373" spans="1:43">
      <c r="A40373" t="s">
        <v>24971</v>
      </c>
      <c r="B40373" t="s">
        <v>24972</v>
      </c>
      <c r="C40373" t="s">
        <v>4366</v>
      </c>
      <c r="D40373" t="s">
        <v>4367</v>
      </c>
      <c r="E40373" t="s">
        <v>4236</v>
      </c>
      <c r="F40373" t="s">
        <v>4237</v>
      </c>
      <c r="G40373" t="s">
        <v>80</v>
      </c>
      <c r="H40373" t="s">
        <v>81</v>
      </c>
      <c r="I40373" s="2">
        <v>1</v>
      </c>
      <c r="J40373" s="2">
        <v>0</v>
      </c>
      <c r="K40373" s="2">
        <v>0</v>
      </c>
      <c r="L40373" t="s">
        <v>120</v>
      </c>
      <c r="M40373" t="s">
        <v>83</v>
      </c>
      <c r="N40373" t="s">
        <v>91</v>
      </c>
      <c r="O40373" t="s">
        <v>85</v>
      </c>
      <c r="P40373" t="s">
        <v>86</v>
      </c>
      <c r="Q40373">
        <v>16</v>
      </c>
      <c r="R40373">
        <v>16</v>
      </c>
      <c r="S40373">
        <v>17</v>
      </c>
      <c r="T40373">
        <v>17</v>
      </c>
      <c r="U40373">
        <v>17</v>
      </c>
      <c r="V40373">
        <v>17</v>
      </c>
      <c r="W40373">
        <v>17</v>
      </c>
      <c r="X40373">
        <v>17</v>
      </c>
      <c r="Y40373">
        <v>17</v>
      </c>
      <c r="Z40373">
        <v>18</v>
      </c>
      <c r="AA40373">
        <v>18</v>
      </c>
      <c r="AB40373">
        <v>18</v>
      </c>
      <c r="AC40373">
        <v>18</v>
      </c>
      <c r="AD40373">
        <v>18</v>
      </c>
      <c r="AE40373">
        <v>18</v>
      </c>
      <c r="AF40373">
        <v>18</v>
      </c>
      <c r="AG40373">
        <v>18</v>
      </c>
      <c r="AH40373">
        <v>18</v>
      </c>
      <c r="AI40373">
        <v>18</v>
      </c>
      <c r="AJ40373">
        <v>18</v>
      </c>
      <c r="AK40373">
        <v>18</v>
      </c>
      <c r="AL40373">
        <v>18</v>
      </c>
      <c r="AM40373">
        <v>18</v>
      </c>
      <c r="AN40373">
        <v>18</v>
      </c>
      <c r="AO40373">
        <v>18</v>
      </c>
      <c r="AP40373">
        <v>18</v>
      </c>
      <c r="AQ40373">
        <v>18</v>
      </c>
    </row>
    <row r="40374" spans="1:43">
      <c r="A40374" t="s">
        <v>24973</v>
      </c>
      <c r="B40374" t="s">
        <v>24974</v>
      </c>
      <c r="C40374" t="s">
        <v>19043</v>
      </c>
      <c r="D40374" t="s">
        <v>19044</v>
      </c>
      <c r="E40374" t="s">
        <v>18995</v>
      </c>
      <c r="F40374" t="s">
        <v>18996</v>
      </c>
      <c r="G40374" t="s">
        <v>10734</v>
      </c>
      <c r="H40374" t="s">
        <v>10735</v>
      </c>
      <c r="I40374" s="2">
        <v>0</v>
      </c>
      <c r="J40374" s="2">
        <v>0</v>
      </c>
      <c r="K40374" s="2">
        <v>1</v>
      </c>
      <c r="L40374" t="s">
        <v>995</v>
      </c>
      <c r="M40374" t="s">
        <v>83</v>
      </c>
      <c r="N40374" t="s">
        <v>84</v>
      </c>
      <c r="O40374" t="s">
        <v>85</v>
      </c>
      <c r="P40374" t="s">
        <v>86</v>
      </c>
      <c r="Q40374">
        <v>43</v>
      </c>
      <c r="R40374">
        <v>44</v>
      </c>
      <c r="S40374">
        <v>44</v>
      </c>
      <c r="T40374">
        <v>45</v>
      </c>
      <c r="U40374">
        <v>46</v>
      </c>
      <c r="V40374">
        <v>47</v>
      </c>
      <c r="W40374">
        <v>47</v>
      </c>
      <c r="X40374">
        <v>48</v>
      </c>
      <c r="Y40374">
        <v>49</v>
      </c>
      <c r="Z40374">
        <v>50</v>
      </c>
      <c r="AA40374">
        <v>50</v>
      </c>
      <c r="AB40374">
        <v>51</v>
      </c>
      <c r="AC40374">
        <v>52</v>
      </c>
      <c r="AD40374">
        <v>52</v>
      </c>
      <c r="AE40374">
        <v>53</v>
      </c>
      <c r="AF40374">
        <v>54</v>
      </c>
      <c r="AG40374">
        <v>55</v>
      </c>
      <c r="AH40374">
        <v>55</v>
      </c>
      <c r="AI40374">
        <v>56</v>
      </c>
      <c r="AJ40374">
        <v>57</v>
      </c>
      <c r="AK40374">
        <v>57</v>
      </c>
      <c r="AL40374">
        <v>58</v>
      </c>
      <c r="AM40374">
        <v>58</v>
      </c>
      <c r="AN40374">
        <v>58</v>
      </c>
      <c r="AO40374">
        <v>59</v>
      </c>
      <c r="AP40374">
        <v>59</v>
      </c>
      <c r="AQ40374">
        <v>59</v>
      </c>
    </row>
    <row r="40375" spans="1:43">
      <c r="A40375" t="s">
        <v>24973</v>
      </c>
      <c r="B40375" t="s">
        <v>24974</v>
      </c>
      <c r="C40375" t="s">
        <v>19043</v>
      </c>
      <c r="D40375" t="s">
        <v>19044</v>
      </c>
      <c r="E40375" t="s">
        <v>18995</v>
      </c>
      <c r="F40375" t="s">
        <v>18996</v>
      </c>
      <c r="G40375" t="s">
        <v>10734</v>
      </c>
      <c r="H40375" t="s">
        <v>10735</v>
      </c>
      <c r="I40375" s="2">
        <v>0</v>
      </c>
      <c r="J40375" s="2">
        <v>0</v>
      </c>
      <c r="K40375" s="2">
        <v>1</v>
      </c>
      <c r="L40375" t="s">
        <v>995</v>
      </c>
      <c r="M40375" t="s">
        <v>87</v>
      </c>
      <c r="N40375" t="s">
        <v>88</v>
      </c>
      <c r="O40375" t="s">
        <v>85</v>
      </c>
      <c r="P40375" t="s">
        <v>86</v>
      </c>
      <c r="Q40375">
        <v>43</v>
      </c>
      <c r="R40375">
        <v>43</v>
      </c>
      <c r="S40375">
        <v>43</v>
      </c>
      <c r="T40375">
        <v>44</v>
      </c>
      <c r="U40375">
        <v>44</v>
      </c>
      <c r="V40375">
        <v>44</v>
      </c>
      <c r="W40375">
        <v>44</v>
      </c>
      <c r="X40375">
        <v>45</v>
      </c>
      <c r="Y40375">
        <v>45</v>
      </c>
      <c r="Z40375">
        <v>45</v>
      </c>
      <c r="AA40375">
        <v>46</v>
      </c>
      <c r="AB40375">
        <v>46</v>
      </c>
      <c r="AC40375">
        <v>47</v>
      </c>
      <c r="AD40375">
        <v>47</v>
      </c>
      <c r="AE40375">
        <v>47</v>
      </c>
      <c r="AF40375">
        <v>48</v>
      </c>
      <c r="AG40375">
        <v>48</v>
      </c>
      <c r="AH40375">
        <v>48</v>
      </c>
      <c r="AI40375">
        <v>49</v>
      </c>
      <c r="AJ40375">
        <v>49</v>
      </c>
      <c r="AK40375">
        <v>50</v>
      </c>
      <c r="AL40375">
        <v>50</v>
      </c>
      <c r="AM40375">
        <v>50</v>
      </c>
      <c r="AN40375">
        <v>51</v>
      </c>
      <c r="AO40375">
        <v>51</v>
      </c>
      <c r="AP40375">
        <v>52</v>
      </c>
      <c r="AQ40375">
        <v>52</v>
      </c>
    </row>
    <row r="40376" spans="1:43">
      <c r="A40376" t="s">
        <v>24973</v>
      </c>
      <c r="B40376" t="s">
        <v>24974</v>
      </c>
      <c r="C40376" t="s">
        <v>19043</v>
      </c>
      <c r="D40376" t="s">
        <v>19044</v>
      </c>
      <c r="E40376" t="s">
        <v>18995</v>
      </c>
      <c r="F40376" t="s">
        <v>18996</v>
      </c>
      <c r="G40376" t="s">
        <v>10734</v>
      </c>
      <c r="H40376" t="s">
        <v>10735</v>
      </c>
      <c r="I40376" s="2">
        <v>0</v>
      </c>
      <c r="J40376" s="2">
        <v>0</v>
      </c>
      <c r="K40376" s="2">
        <v>1</v>
      </c>
      <c r="L40376" t="s">
        <v>995</v>
      </c>
      <c r="M40376" t="s">
        <v>89</v>
      </c>
      <c r="N40376" t="s">
        <v>90</v>
      </c>
      <c r="O40376" t="s">
        <v>85</v>
      </c>
      <c r="P40376" t="s">
        <v>86</v>
      </c>
      <c r="Q40376">
        <v>43</v>
      </c>
      <c r="R40376">
        <v>44</v>
      </c>
      <c r="S40376">
        <v>46</v>
      </c>
      <c r="T40376">
        <v>47</v>
      </c>
      <c r="U40376">
        <v>48</v>
      </c>
      <c r="V40376">
        <v>49</v>
      </c>
      <c r="W40376">
        <v>50</v>
      </c>
      <c r="X40376">
        <v>51</v>
      </c>
      <c r="Y40376">
        <v>52</v>
      </c>
      <c r="Z40376">
        <v>53</v>
      </c>
      <c r="AA40376">
        <v>53</v>
      </c>
      <c r="AB40376">
        <v>54</v>
      </c>
      <c r="AC40376">
        <v>55</v>
      </c>
      <c r="AD40376">
        <v>56</v>
      </c>
      <c r="AE40376">
        <v>57</v>
      </c>
      <c r="AF40376">
        <v>57</v>
      </c>
      <c r="AG40376">
        <v>57</v>
      </c>
      <c r="AH40376">
        <v>57</v>
      </c>
      <c r="AI40376">
        <v>58</v>
      </c>
      <c r="AJ40376">
        <v>58</v>
      </c>
      <c r="AK40376">
        <v>58</v>
      </c>
      <c r="AL40376">
        <v>58</v>
      </c>
      <c r="AM40376">
        <v>59</v>
      </c>
      <c r="AN40376">
        <v>59</v>
      </c>
      <c r="AO40376">
        <v>59</v>
      </c>
      <c r="AP40376">
        <v>59</v>
      </c>
      <c r="AQ40376">
        <v>60</v>
      </c>
    </row>
    <row r="40377" spans="1:43">
      <c r="A40377" t="s">
        <v>24973</v>
      </c>
      <c r="B40377" t="s">
        <v>24974</v>
      </c>
      <c r="C40377" t="s">
        <v>19043</v>
      </c>
      <c r="D40377" t="s">
        <v>19044</v>
      </c>
      <c r="E40377" t="s">
        <v>18995</v>
      </c>
      <c r="F40377" t="s">
        <v>18996</v>
      </c>
      <c r="G40377" t="s">
        <v>10734</v>
      </c>
      <c r="H40377" t="s">
        <v>10735</v>
      </c>
      <c r="I40377" s="2">
        <v>0</v>
      </c>
      <c r="J40377" s="2">
        <v>0</v>
      </c>
      <c r="K40377" s="2">
        <v>1</v>
      </c>
      <c r="L40377" t="s">
        <v>995</v>
      </c>
      <c r="M40377" t="s">
        <v>83</v>
      </c>
      <c r="N40377" t="s">
        <v>91</v>
      </c>
      <c r="O40377" t="s">
        <v>85</v>
      </c>
      <c r="P40377" t="s">
        <v>86</v>
      </c>
      <c r="Q40377">
        <v>43</v>
      </c>
      <c r="R40377">
        <v>44</v>
      </c>
      <c r="S40377">
        <v>44</v>
      </c>
      <c r="T40377">
        <v>45</v>
      </c>
      <c r="U40377">
        <v>46</v>
      </c>
      <c r="V40377">
        <v>47</v>
      </c>
      <c r="W40377">
        <v>47</v>
      </c>
      <c r="X40377">
        <v>48</v>
      </c>
      <c r="Y40377">
        <v>49</v>
      </c>
      <c r="Z40377">
        <v>50</v>
      </c>
      <c r="AA40377">
        <v>50</v>
      </c>
      <c r="AB40377">
        <v>51</v>
      </c>
      <c r="AC40377">
        <v>52</v>
      </c>
      <c r="AD40377">
        <v>52</v>
      </c>
      <c r="AE40377">
        <v>53</v>
      </c>
      <c r="AF40377">
        <v>54</v>
      </c>
      <c r="AG40377">
        <v>55</v>
      </c>
      <c r="AH40377">
        <v>55</v>
      </c>
      <c r="AI40377">
        <v>56</v>
      </c>
      <c r="AJ40377">
        <v>57</v>
      </c>
      <c r="AK40377">
        <v>57</v>
      </c>
      <c r="AL40377">
        <v>58</v>
      </c>
      <c r="AM40377">
        <v>58</v>
      </c>
      <c r="AN40377">
        <v>58</v>
      </c>
      <c r="AO40377">
        <v>59</v>
      </c>
      <c r="AP40377">
        <v>59</v>
      </c>
      <c r="AQ40377">
        <v>59</v>
      </c>
    </row>
    <row r="40378" spans="1:43">
      <c r="A40378" t="s">
        <v>24975</v>
      </c>
      <c r="B40378" t="s">
        <v>24976</v>
      </c>
      <c r="C40378" t="s">
        <v>19089</v>
      </c>
      <c r="D40378" t="s">
        <v>19090</v>
      </c>
      <c r="E40378" t="s">
        <v>18995</v>
      </c>
      <c r="F40378" t="s">
        <v>18996</v>
      </c>
      <c r="G40378" t="s">
        <v>10734</v>
      </c>
      <c r="H40378" t="s">
        <v>10735</v>
      </c>
      <c r="I40378" s="2">
        <v>0</v>
      </c>
      <c r="J40378" s="2">
        <v>0</v>
      </c>
      <c r="K40378" s="2">
        <v>1</v>
      </c>
      <c r="L40378" t="s">
        <v>995</v>
      </c>
      <c r="M40378" t="s">
        <v>83</v>
      </c>
      <c r="N40378" t="s">
        <v>84</v>
      </c>
      <c r="O40378" t="s">
        <v>85</v>
      </c>
      <c r="P40378" t="s">
        <v>86</v>
      </c>
      <c r="Q40378">
        <v>18</v>
      </c>
      <c r="R40378">
        <v>19</v>
      </c>
      <c r="S40378">
        <v>19</v>
      </c>
      <c r="T40378">
        <v>19</v>
      </c>
      <c r="U40378">
        <v>20</v>
      </c>
      <c r="V40378">
        <v>20</v>
      </c>
      <c r="W40378">
        <v>20</v>
      </c>
      <c r="X40378">
        <v>20</v>
      </c>
      <c r="Y40378">
        <v>21</v>
      </c>
      <c r="Z40378">
        <v>21</v>
      </c>
      <c r="AA40378">
        <v>21</v>
      </c>
      <c r="AB40378">
        <v>22</v>
      </c>
      <c r="AC40378">
        <v>22</v>
      </c>
      <c r="AD40378">
        <v>22</v>
      </c>
      <c r="AE40378">
        <v>22</v>
      </c>
      <c r="AF40378">
        <v>23</v>
      </c>
      <c r="AG40378">
        <v>23</v>
      </c>
      <c r="AH40378">
        <v>23</v>
      </c>
      <c r="AI40378">
        <v>24</v>
      </c>
      <c r="AJ40378">
        <v>24</v>
      </c>
      <c r="AK40378">
        <v>24</v>
      </c>
      <c r="AL40378">
        <v>24</v>
      </c>
      <c r="AM40378">
        <v>25</v>
      </c>
      <c r="AN40378">
        <v>25</v>
      </c>
      <c r="AO40378">
        <v>25</v>
      </c>
      <c r="AP40378">
        <v>25</v>
      </c>
      <c r="AQ40378">
        <v>25</v>
      </c>
    </row>
    <row r="40379" spans="1:43">
      <c r="A40379" t="s">
        <v>24975</v>
      </c>
      <c r="B40379" t="s">
        <v>24976</v>
      </c>
      <c r="C40379" t="s">
        <v>19089</v>
      </c>
      <c r="D40379" t="s">
        <v>19090</v>
      </c>
      <c r="E40379" t="s">
        <v>18995</v>
      </c>
      <c r="F40379" t="s">
        <v>18996</v>
      </c>
      <c r="G40379" t="s">
        <v>10734</v>
      </c>
      <c r="H40379" t="s">
        <v>10735</v>
      </c>
      <c r="I40379" s="2">
        <v>0</v>
      </c>
      <c r="J40379" s="2">
        <v>0</v>
      </c>
      <c r="K40379" s="2">
        <v>1</v>
      </c>
      <c r="L40379" t="s">
        <v>995</v>
      </c>
      <c r="M40379" t="s">
        <v>87</v>
      </c>
      <c r="N40379" t="s">
        <v>88</v>
      </c>
      <c r="O40379" t="s">
        <v>85</v>
      </c>
      <c r="P40379" t="s">
        <v>86</v>
      </c>
      <c r="Q40379">
        <v>18</v>
      </c>
      <c r="R40379">
        <v>18</v>
      </c>
      <c r="S40379">
        <v>18</v>
      </c>
      <c r="T40379">
        <v>19</v>
      </c>
      <c r="U40379">
        <v>19</v>
      </c>
      <c r="V40379">
        <v>19</v>
      </c>
      <c r="W40379">
        <v>19</v>
      </c>
      <c r="X40379">
        <v>19</v>
      </c>
      <c r="Y40379">
        <v>19</v>
      </c>
      <c r="Z40379">
        <v>19</v>
      </c>
      <c r="AA40379">
        <v>19</v>
      </c>
      <c r="AB40379">
        <v>20</v>
      </c>
      <c r="AC40379">
        <v>20</v>
      </c>
      <c r="AD40379">
        <v>20</v>
      </c>
      <c r="AE40379">
        <v>20</v>
      </c>
      <c r="AF40379">
        <v>20</v>
      </c>
      <c r="AG40379">
        <v>20</v>
      </c>
      <c r="AH40379">
        <v>20</v>
      </c>
      <c r="AI40379">
        <v>20</v>
      </c>
      <c r="AJ40379">
        <v>21</v>
      </c>
      <c r="AK40379">
        <v>21</v>
      </c>
      <c r="AL40379">
        <v>21</v>
      </c>
      <c r="AM40379">
        <v>21</v>
      </c>
      <c r="AN40379">
        <v>21</v>
      </c>
      <c r="AO40379">
        <v>21</v>
      </c>
      <c r="AP40379">
        <v>22</v>
      </c>
      <c r="AQ40379">
        <v>22</v>
      </c>
    </row>
    <row r="40380" spans="1:43">
      <c r="A40380" t="s">
        <v>24975</v>
      </c>
      <c r="B40380" t="s">
        <v>24976</v>
      </c>
      <c r="C40380" t="s">
        <v>19089</v>
      </c>
      <c r="D40380" t="s">
        <v>19090</v>
      </c>
      <c r="E40380" t="s">
        <v>18995</v>
      </c>
      <c r="F40380" t="s">
        <v>18996</v>
      </c>
      <c r="G40380" t="s">
        <v>10734</v>
      </c>
      <c r="H40380" t="s">
        <v>10735</v>
      </c>
      <c r="I40380" s="2">
        <v>0</v>
      </c>
      <c r="J40380" s="2">
        <v>0</v>
      </c>
      <c r="K40380" s="2">
        <v>1</v>
      </c>
      <c r="L40380" t="s">
        <v>995</v>
      </c>
      <c r="M40380" t="s">
        <v>89</v>
      </c>
      <c r="N40380" t="s">
        <v>90</v>
      </c>
      <c r="O40380" t="s">
        <v>85</v>
      </c>
      <c r="P40380" t="s">
        <v>86</v>
      </c>
      <c r="Q40380">
        <v>18</v>
      </c>
      <c r="R40380">
        <v>18</v>
      </c>
      <c r="S40380">
        <v>18</v>
      </c>
      <c r="T40380">
        <v>19</v>
      </c>
      <c r="U40380">
        <v>19</v>
      </c>
      <c r="V40380">
        <v>20</v>
      </c>
      <c r="W40380">
        <v>20</v>
      </c>
      <c r="X40380">
        <v>21</v>
      </c>
      <c r="Y40380">
        <v>21</v>
      </c>
      <c r="Z40380">
        <v>21</v>
      </c>
      <c r="AA40380">
        <v>22</v>
      </c>
      <c r="AB40380">
        <v>22</v>
      </c>
      <c r="AC40380">
        <v>22</v>
      </c>
      <c r="AD40380">
        <v>23</v>
      </c>
      <c r="AE40380">
        <v>23</v>
      </c>
      <c r="AF40380">
        <v>23</v>
      </c>
      <c r="AG40380">
        <v>23</v>
      </c>
      <c r="AH40380">
        <v>23</v>
      </c>
      <c r="AI40380">
        <v>23</v>
      </c>
      <c r="AJ40380">
        <v>23</v>
      </c>
      <c r="AK40380">
        <v>24</v>
      </c>
      <c r="AL40380">
        <v>24</v>
      </c>
      <c r="AM40380">
        <v>24</v>
      </c>
      <c r="AN40380">
        <v>24</v>
      </c>
      <c r="AO40380">
        <v>24</v>
      </c>
      <c r="AP40380">
        <v>24</v>
      </c>
      <c r="AQ40380">
        <v>24</v>
      </c>
    </row>
    <row r="40381" spans="1:43">
      <c r="A40381" t="s">
        <v>24975</v>
      </c>
      <c r="B40381" t="s">
        <v>24976</v>
      </c>
      <c r="C40381" t="s">
        <v>19089</v>
      </c>
      <c r="D40381" t="s">
        <v>19090</v>
      </c>
      <c r="E40381" t="s">
        <v>18995</v>
      </c>
      <c r="F40381" t="s">
        <v>18996</v>
      </c>
      <c r="G40381" t="s">
        <v>10734</v>
      </c>
      <c r="H40381" t="s">
        <v>10735</v>
      </c>
      <c r="I40381" s="2">
        <v>0</v>
      </c>
      <c r="J40381" s="2">
        <v>0</v>
      </c>
      <c r="K40381" s="2">
        <v>1</v>
      </c>
      <c r="L40381" t="s">
        <v>995</v>
      </c>
      <c r="M40381" t="s">
        <v>83</v>
      </c>
      <c r="N40381" t="s">
        <v>91</v>
      </c>
      <c r="O40381" t="s">
        <v>85</v>
      </c>
      <c r="P40381" t="s">
        <v>86</v>
      </c>
      <c r="Q40381">
        <v>18</v>
      </c>
      <c r="R40381">
        <v>19</v>
      </c>
      <c r="S40381">
        <v>19</v>
      </c>
      <c r="T40381">
        <v>19</v>
      </c>
      <c r="U40381">
        <v>20</v>
      </c>
      <c r="V40381">
        <v>20</v>
      </c>
      <c r="W40381">
        <v>20</v>
      </c>
      <c r="X40381">
        <v>20</v>
      </c>
      <c r="Y40381">
        <v>21</v>
      </c>
      <c r="Z40381">
        <v>21</v>
      </c>
      <c r="AA40381">
        <v>21</v>
      </c>
      <c r="AB40381">
        <v>22</v>
      </c>
      <c r="AC40381">
        <v>22</v>
      </c>
      <c r="AD40381">
        <v>22</v>
      </c>
      <c r="AE40381">
        <v>22</v>
      </c>
      <c r="AF40381">
        <v>23</v>
      </c>
      <c r="AG40381">
        <v>23</v>
      </c>
      <c r="AH40381">
        <v>23</v>
      </c>
      <c r="AI40381">
        <v>24</v>
      </c>
      <c r="AJ40381">
        <v>24</v>
      </c>
      <c r="AK40381">
        <v>24</v>
      </c>
      <c r="AL40381">
        <v>24</v>
      </c>
      <c r="AM40381">
        <v>25</v>
      </c>
      <c r="AN40381">
        <v>25</v>
      </c>
      <c r="AO40381">
        <v>25</v>
      </c>
      <c r="AP40381">
        <v>25</v>
      </c>
      <c r="AQ40381">
        <v>25</v>
      </c>
    </row>
    <row r="40382" spans="1:43">
      <c r="A40382" t="s">
        <v>24977</v>
      </c>
      <c r="B40382" t="s">
        <v>24978</v>
      </c>
      <c r="C40382" t="s">
        <v>19089</v>
      </c>
      <c r="D40382" t="s">
        <v>19090</v>
      </c>
      <c r="E40382" t="s">
        <v>18995</v>
      </c>
      <c r="F40382" t="s">
        <v>18996</v>
      </c>
      <c r="G40382" t="s">
        <v>10734</v>
      </c>
      <c r="H40382" t="s">
        <v>10735</v>
      </c>
      <c r="I40382" s="2">
        <v>0</v>
      </c>
      <c r="J40382" s="2">
        <v>0</v>
      </c>
      <c r="K40382" s="2">
        <v>1</v>
      </c>
      <c r="L40382" t="s">
        <v>995</v>
      </c>
      <c r="M40382" t="s">
        <v>83</v>
      </c>
      <c r="N40382" t="s">
        <v>84</v>
      </c>
      <c r="O40382" t="s">
        <v>85</v>
      </c>
      <c r="P40382" t="s">
        <v>86</v>
      </c>
      <c r="Q40382">
        <v>26</v>
      </c>
      <c r="R40382">
        <v>27</v>
      </c>
      <c r="S40382">
        <v>27</v>
      </c>
      <c r="T40382">
        <v>28</v>
      </c>
      <c r="U40382">
        <v>28</v>
      </c>
      <c r="V40382">
        <v>29</v>
      </c>
      <c r="W40382">
        <v>29</v>
      </c>
      <c r="X40382">
        <v>29</v>
      </c>
      <c r="Y40382">
        <v>30</v>
      </c>
      <c r="Z40382">
        <v>30</v>
      </c>
      <c r="AA40382">
        <v>31</v>
      </c>
      <c r="AB40382">
        <v>31</v>
      </c>
      <c r="AC40382">
        <v>32</v>
      </c>
      <c r="AD40382">
        <v>32</v>
      </c>
      <c r="AE40382">
        <v>32</v>
      </c>
      <c r="AF40382">
        <v>33</v>
      </c>
      <c r="AG40382">
        <v>33</v>
      </c>
      <c r="AH40382">
        <v>34</v>
      </c>
      <c r="AI40382">
        <v>34</v>
      </c>
      <c r="AJ40382">
        <v>35</v>
      </c>
      <c r="AK40382">
        <v>35</v>
      </c>
      <c r="AL40382">
        <v>35</v>
      </c>
      <c r="AM40382">
        <v>35</v>
      </c>
      <c r="AN40382">
        <v>36</v>
      </c>
      <c r="AO40382">
        <v>36</v>
      </c>
      <c r="AP40382">
        <v>36</v>
      </c>
      <c r="AQ40382">
        <v>36</v>
      </c>
    </row>
    <row r="40383" spans="1:43">
      <c r="A40383" t="s">
        <v>24977</v>
      </c>
      <c r="B40383" t="s">
        <v>24978</v>
      </c>
      <c r="C40383" t="s">
        <v>19089</v>
      </c>
      <c r="D40383" t="s">
        <v>19090</v>
      </c>
      <c r="E40383" t="s">
        <v>18995</v>
      </c>
      <c r="F40383" t="s">
        <v>18996</v>
      </c>
      <c r="G40383" t="s">
        <v>10734</v>
      </c>
      <c r="H40383" t="s">
        <v>10735</v>
      </c>
      <c r="I40383" s="2">
        <v>0</v>
      </c>
      <c r="J40383" s="2">
        <v>0</v>
      </c>
      <c r="K40383" s="2">
        <v>1</v>
      </c>
      <c r="L40383" t="s">
        <v>995</v>
      </c>
      <c r="M40383" t="s">
        <v>87</v>
      </c>
      <c r="N40383" t="s">
        <v>88</v>
      </c>
      <c r="O40383" t="s">
        <v>85</v>
      </c>
      <c r="P40383" t="s">
        <v>86</v>
      </c>
      <c r="Q40383">
        <v>26</v>
      </c>
      <c r="R40383">
        <v>26</v>
      </c>
      <c r="S40383">
        <v>27</v>
      </c>
      <c r="T40383">
        <v>27</v>
      </c>
      <c r="U40383">
        <v>27</v>
      </c>
      <c r="V40383">
        <v>27</v>
      </c>
      <c r="W40383">
        <v>27</v>
      </c>
      <c r="X40383">
        <v>27</v>
      </c>
      <c r="Y40383">
        <v>28</v>
      </c>
      <c r="Z40383">
        <v>28</v>
      </c>
      <c r="AA40383">
        <v>28</v>
      </c>
      <c r="AB40383">
        <v>28</v>
      </c>
      <c r="AC40383">
        <v>28</v>
      </c>
      <c r="AD40383">
        <v>29</v>
      </c>
      <c r="AE40383">
        <v>29</v>
      </c>
      <c r="AF40383">
        <v>29</v>
      </c>
      <c r="AG40383">
        <v>29</v>
      </c>
      <c r="AH40383">
        <v>29</v>
      </c>
      <c r="AI40383">
        <v>30</v>
      </c>
      <c r="AJ40383">
        <v>30</v>
      </c>
      <c r="AK40383">
        <v>30</v>
      </c>
      <c r="AL40383">
        <v>30</v>
      </c>
      <c r="AM40383">
        <v>31</v>
      </c>
      <c r="AN40383">
        <v>31</v>
      </c>
      <c r="AO40383">
        <v>31</v>
      </c>
      <c r="AP40383">
        <v>31</v>
      </c>
      <c r="AQ40383">
        <v>31</v>
      </c>
    </row>
    <row r="40384" spans="1:43">
      <c r="A40384" t="s">
        <v>24977</v>
      </c>
      <c r="B40384" t="s">
        <v>24978</v>
      </c>
      <c r="C40384" t="s">
        <v>19089</v>
      </c>
      <c r="D40384" t="s">
        <v>19090</v>
      </c>
      <c r="E40384" t="s">
        <v>18995</v>
      </c>
      <c r="F40384" t="s">
        <v>18996</v>
      </c>
      <c r="G40384" t="s">
        <v>10734</v>
      </c>
      <c r="H40384" t="s">
        <v>10735</v>
      </c>
      <c r="I40384" s="2">
        <v>0</v>
      </c>
      <c r="J40384" s="2">
        <v>0</v>
      </c>
      <c r="K40384" s="2">
        <v>1</v>
      </c>
      <c r="L40384" t="s">
        <v>995</v>
      </c>
      <c r="M40384" t="s">
        <v>89</v>
      </c>
      <c r="N40384" t="s">
        <v>90</v>
      </c>
      <c r="O40384" t="s">
        <v>85</v>
      </c>
      <c r="P40384" t="s">
        <v>86</v>
      </c>
      <c r="Q40384">
        <v>26</v>
      </c>
      <c r="R40384">
        <v>26</v>
      </c>
      <c r="S40384">
        <v>27</v>
      </c>
      <c r="T40384">
        <v>28</v>
      </c>
      <c r="U40384">
        <v>28</v>
      </c>
      <c r="V40384">
        <v>29</v>
      </c>
      <c r="W40384">
        <v>30</v>
      </c>
      <c r="X40384">
        <v>30</v>
      </c>
      <c r="Y40384">
        <v>31</v>
      </c>
      <c r="Z40384">
        <v>31</v>
      </c>
      <c r="AA40384">
        <v>32</v>
      </c>
      <c r="AB40384">
        <v>32</v>
      </c>
      <c r="AC40384">
        <v>33</v>
      </c>
      <c r="AD40384">
        <v>33</v>
      </c>
      <c r="AE40384">
        <v>34</v>
      </c>
      <c r="AF40384">
        <v>34</v>
      </c>
      <c r="AG40384">
        <v>34</v>
      </c>
      <c r="AH40384">
        <v>34</v>
      </c>
      <c r="AI40384">
        <v>34</v>
      </c>
      <c r="AJ40384">
        <v>34</v>
      </c>
      <c r="AK40384">
        <v>34</v>
      </c>
      <c r="AL40384">
        <v>35</v>
      </c>
      <c r="AM40384">
        <v>35</v>
      </c>
      <c r="AN40384">
        <v>35</v>
      </c>
      <c r="AO40384">
        <v>35</v>
      </c>
      <c r="AP40384">
        <v>35</v>
      </c>
      <c r="AQ40384">
        <v>35</v>
      </c>
    </row>
    <row r="40385" spans="1:43">
      <c r="A40385" t="s">
        <v>24977</v>
      </c>
      <c r="B40385" t="s">
        <v>24978</v>
      </c>
      <c r="C40385" t="s">
        <v>19089</v>
      </c>
      <c r="D40385" t="s">
        <v>19090</v>
      </c>
      <c r="E40385" t="s">
        <v>18995</v>
      </c>
      <c r="F40385" t="s">
        <v>18996</v>
      </c>
      <c r="G40385" t="s">
        <v>10734</v>
      </c>
      <c r="H40385" t="s">
        <v>10735</v>
      </c>
      <c r="I40385" s="2">
        <v>0</v>
      </c>
      <c r="J40385" s="2">
        <v>0</v>
      </c>
      <c r="K40385" s="2">
        <v>1</v>
      </c>
      <c r="L40385" t="s">
        <v>995</v>
      </c>
      <c r="M40385" t="s">
        <v>83</v>
      </c>
      <c r="N40385" t="s">
        <v>91</v>
      </c>
      <c r="O40385" t="s">
        <v>85</v>
      </c>
      <c r="P40385" t="s">
        <v>86</v>
      </c>
      <c r="Q40385">
        <v>26</v>
      </c>
      <c r="R40385">
        <v>27</v>
      </c>
      <c r="S40385">
        <v>27</v>
      </c>
      <c r="T40385">
        <v>28</v>
      </c>
      <c r="U40385">
        <v>28</v>
      </c>
      <c r="V40385">
        <v>29</v>
      </c>
      <c r="W40385">
        <v>29</v>
      </c>
      <c r="X40385">
        <v>29</v>
      </c>
      <c r="Y40385">
        <v>30</v>
      </c>
      <c r="Z40385">
        <v>30</v>
      </c>
      <c r="AA40385">
        <v>31</v>
      </c>
      <c r="AB40385">
        <v>31</v>
      </c>
      <c r="AC40385">
        <v>32</v>
      </c>
      <c r="AD40385">
        <v>32</v>
      </c>
      <c r="AE40385">
        <v>32</v>
      </c>
      <c r="AF40385">
        <v>33</v>
      </c>
      <c r="AG40385">
        <v>33</v>
      </c>
      <c r="AH40385">
        <v>34</v>
      </c>
      <c r="AI40385">
        <v>34</v>
      </c>
      <c r="AJ40385">
        <v>35</v>
      </c>
      <c r="AK40385">
        <v>35</v>
      </c>
      <c r="AL40385">
        <v>35</v>
      </c>
      <c r="AM40385">
        <v>35</v>
      </c>
      <c r="AN40385">
        <v>36</v>
      </c>
      <c r="AO40385">
        <v>36</v>
      </c>
      <c r="AP40385">
        <v>36</v>
      </c>
      <c r="AQ40385">
        <v>36</v>
      </c>
    </row>
    <row r="40386" spans="1:43">
      <c r="A40386" t="s">
        <v>24979</v>
      </c>
      <c r="B40386" t="s">
        <v>24980</v>
      </c>
      <c r="C40386" t="s">
        <v>19043</v>
      </c>
      <c r="D40386" t="s">
        <v>19044</v>
      </c>
      <c r="E40386" t="s">
        <v>18995</v>
      </c>
      <c r="F40386" t="s">
        <v>18996</v>
      </c>
      <c r="G40386" t="s">
        <v>10734</v>
      </c>
      <c r="H40386" t="s">
        <v>10735</v>
      </c>
      <c r="I40386" s="2">
        <v>0</v>
      </c>
      <c r="J40386" s="2">
        <v>0</v>
      </c>
      <c r="K40386" s="2">
        <v>1</v>
      </c>
      <c r="L40386" t="s">
        <v>995</v>
      </c>
      <c r="M40386" t="s">
        <v>83</v>
      </c>
      <c r="N40386" t="s">
        <v>84</v>
      </c>
      <c r="O40386" t="s">
        <v>85</v>
      </c>
      <c r="P40386" t="s">
        <v>86</v>
      </c>
      <c r="Q40386">
        <v>16</v>
      </c>
      <c r="R40386">
        <v>16</v>
      </c>
      <c r="S40386">
        <v>16</v>
      </c>
      <c r="T40386">
        <v>17</v>
      </c>
      <c r="U40386">
        <v>17</v>
      </c>
      <c r="V40386">
        <v>17</v>
      </c>
      <c r="W40386">
        <v>17</v>
      </c>
      <c r="X40386">
        <v>18</v>
      </c>
      <c r="Y40386">
        <v>18</v>
      </c>
      <c r="Z40386">
        <v>18</v>
      </c>
      <c r="AA40386">
        <v>19</v>
      </c>
      <c r="AB40386">
        <v>19</v>
      </c>
      <c r="AC40386">
        <v>19</v>
      </c>
      <c r="AD40386">
        <v>19</v>
      </c>
      <c r="AE40386">
        <v>20</v>
      </c>
      <c r="AF40386">
        <v>20</v>
      </c>
      <c r="AG40386">
        <v>20</v>
      </c>
      <c r="AH40386">
        <v>20</v>
      </c>
      <c r="AI40386">
        <v>21</v>
      </c>
      <c r="AJ40386">
        <v>21</v>
      </c>
      <c r="AK40386">
        <v>21</v>
      </c>
      <c r="AL40386">
        <v>21</v>
      </c>
      <c r="AM40386">
        <v>21</v>
      </c>
      <c r="AN40386">
        <v>22</v>
      </c>
      <c r="AO40386">
        <v>22</v>
      </c>
      <c r="AP40386">
        <v>22</v>
      </c>
      <c r="AQ40386">
        <v>22</v>
      </c>
    </row>
    <row r="40387" spans="1:43">
      <c r="A40387" t="s">
        <v>24979</v>
      </c>
      <c r="B40387" t="s">
        <v>24980</v>
      </c>
      <c r="C40387" t="s">
        <v>19043</v>
      </c>
      <c r="D40387" t="s">
        <v>19044</v>
      </c>
      <c r="E40387" t="s">
        <v>18995</v>
      </c>
      <c r="F40387" t="s">
        <v>18996</v>
      </c>
      <c r="G40387" t="s">
        <v>10734</v>
      </c>
      <c r="H40387" t="s">
        <v>10735</v>
      </c>
      <c r="I40387" s="2">
        <v>0</v>
      </c>
      <c r="J40387" s="2">
        <v>0</v>
      </c>
      <c r="K40387" s="2">
        <v>1</v>
      </c>
      <c r="L40387" t="s">
        <v>995</v>
      </c>
      <c r="M40387" t="s">
        <v>87</v>
      </c>
      <c r="N40387" t="s">
        <v>88</v>
      </c>
      <c r="O40387" t="s">
        <v>85</v>
      </c>
      <c r="P40387" t="s">
        <v>86</v>
      </c>
      <c r="Q40387">
        <v>16</v>
      </c>
      <c r="R40387">
        <v>16</v>
      </c>
      <c r="S40387">
        <v>16</v>
      </c>
      <c r="T40387">
        <v>16</v>
      </c>
      <c r="U40387">
        <v>16</v>
      </c>
      <c r="V40387">
        <v>16</v>
      </c>
      <c r="W40387">
        <v>16</v>
      </c>
      <c r="X40387">
        <v>17</v>
      </c>
      <c r="Y40387">
        <v>17</v>
      </c>
      <c r="Z40387">
        <v>17</v>
      </c>
      <c r="AA40387">
        <v>17</v>
      </c>
      <c r="AB40387">
        <v>17</v>
      </c>
      <c r="AC40387">
        <v>17</v>
      </c>
      <c r="AD40387">
        <v>17</v>
      </c>
      <c r="AE40387">
        <v>17</v>
      </c>
      <c r="AF40387">
        <v>18</v>
      </c>
      <c r="AG40387">
        <v>18</v>
      </c>
      <c r="AH40387">
        <v>18</v>
      </c>
      <c r="AI40387">
        <v>18</v>
      </c>
      <c r="AJ40387">
        <v>18</v>
      </c>
      <c r="AK40387">
        <v>18</v>
      </c>
      <c r="AL40387">
        <v>18</v>
      </c>
      <c r="AM40387">
        <v>19</v>
      </c>
      <c r="AN40387">
        <v>19</v>
      </c>
      <c r="AO40387">
        <v>19</v>
      </c>
      <c r="AP40387">
        <v>19</v>
      </c>
      <c r="AQ40387">
        <v>19</v>
      </c>
    </row>
    <row r="40388" spans="1:43">
      <c r="A40388" t="s">
        <v>24979</v>
      </c>
      <c r="B40388" t="s">
        <v>24980</v>
      </c>
      <c r="C40388" t="s">
        <v>19043</v>
      </c>
      <c r="D40388" t="s">
        <v>19044</v>
      </c>
      <c r="E40388" t="s">
        <v>18995</v>
      </c>
      <c r="F40388" t="s">
        <v>18996</v>
      </c>
      <c r="G40388" t="s">
        <v>10734</v>
      </c>
      <c r="H40388" t="s">
        <v>10735</v>
      </c>
      <c r="I40388" s="2">
        <v>0</v>
      </c>
      <c r="J40388" s="2">
        <v>0</v>
      </c>
      <c r="K40388" s="2">
        <v>1</v>
      </c>
      <c r="L40388" t="s">
        <v>995</v>
      </c>
      <c r="M40388" t="s">
        <v>89</v>
      </c>
      <c r="N40388" t="s">
        <v>90</v>
      </c>
      <c r="O40388" t="s">
        <v>85</v>
      </c>
      <c r="P40388" t="s">
        <v>86</v>
      </c>
      <c r="Q40388">
        <v>16</v>
      </c>
      <c r="R40388">
        <v>16</v>
      </c>
      <c r="S40388">
        <v>17</v>
      </c>
      <c r="T40388">
        <v>17</v>
      </c>
      <c r="U40388">
        <v>18</v>
      </c>
      <c r="V40388">
        <v>18</v>
      </c>
      <c r="W40388">
        <v>18</v>
      </c>
      <c r="X40388">
        <v>19</v>
      </c>
      <c r="Y40388">
        <v>19</v>
      </c>
      <c r="Z40388">
        <v>19</v>
      </c>
      <c r="AA40388">
        <v>20</v>
      </c>
      <c r="AB40388">
        <v>20</v>
      </c>
      <c r="AC40388">
        <v>20</v>
      </c>
      <c r="AD40388">
        <v>21</v>
      </c>
      <c r="AE40388">
        <v>21</v>
      </c>
      <c r="AF40388">
        <v>21</v>
      </c>
      <c r="AG40388">
        <v>21</v>
      </c>
      <c r="AH40388">
        <v>21</v>
      </c>
      <c r="AI40388">
        <v>21</v>
      </c>
      <c r="AJ40388">
        <v>21</v>
      </c>
      <c r="AK40388">
        <v>21</v>
      </c>
      <c r="AL40388">
        <v>22</v>
      </c>
      <c r="AM40388">
        <v>22</v>
      </c>
      <c r="AN40388">
        <v>22</v>
      </c>
      <c r="AO40388">
        <v>22</v>
      </c>
      <c r="AP40388">
        <v>22</v>
      </c>
      <c r="AQ40388">
        <v>22</v>
      </c>
    </row>
    <row r="40389" spans="1:43">
      <c r="A40389" t="s">
        <v>24979</v>
      </c>
      <c r="B40389" t="s">
        <v>24980</v>
      </c>
      <c r="C40389" t="s">
        <v>19043</v>
      </c>
      <c r="D40389" t="s">
        <v>19044</v>
      </c>
      <c r="E40389" t="s">
        <v>18995</v>
      </c>
      <c r="F40389" t="s">
        <v>18996</v>
      </c>
      <c r="G40389" t="s">
        <v>10734</v>
      </c>
      <c r="H40389" t="s">
        <v>10735</v>
      </c>
      <c r="I40389" s="2">
        <v>0</v>
      </c>
      <c r="J40389" s="2">
        <v>0</v>
      </c>
      <c r="K40389" s="2">
        <v>1</v>
      </c>
      <c r="L40389" t="s">
        <v>995</v>
      </c>
      <c r="M40389" t="s">
        <v>83</v>
      </c>
      <c r="N40389" t="s">
        <v>91</v>
      </c>
      <c r="O40389" t="s">
        <v>85</v>
      </c>
      <c r="P40389" t="s">
        <v>86</v>
      </c>
      <c r="Q40389">
        <v>16</v>
      </c>
      <c r="R40389">
        <v>16</v>
      </c>
      <c r="S40389">
        <v>16</v>
      </c>
      <c r="T40389">
        <v>17</v>
      </c>
      <c r="U40389">
        <v>17</v>
      </c>
      <c r="V40389">
        <v>17</v>
      </c>
      <c r="W40389">
        <v>17</v>
      </c>
      <c r="X40389">
        <v>18</v>
      </c>
      <c r="Y40389">
        <v>18</v>
      </c>
      <c r="Z40389">
        <v>18</v>
      </c>
      <c r="AA40389">
        <v>19</v>
      </c>
      <c r="AB40389">
        <v>19</v>
      </c>
      <c r="AC40389">
        <v>19</v>
      </c>
      <c r="AD40389">
        <v>19</v>
      </c>
      <c r="AE40389">
        <v>20</v>
      </c>
      <c r="AF40389">
        <v>20</v>
      </c>
      <c r="AG40389">
        <v>20</v>
      </c>
      <c r="AH40389">
        <v>20</v>
      </c>
      <c r="AI40389">
        <v>21</v>
      </c>
      <c r="AJ40389">
        <v>21</v>
      </c>
      <c r="AK40389">
        <v>21</v>
      </c>
      <c r="AL40389">
        <v>21</v>
      </c>
      <c r="AM40389">
        <v>21</v>
      </c>
      <c r="AN40389">
        <v>22</v>
      </c>
      <c r="AO40389">
        <v>22</v>
      </c>
      <c r="AP40389">
        <v>22</v>
      </c>
      <c r="AQ40389">
        <v>22</v>
      </c>
    </row>
    <row r="40390" spans="1:43">
      <c r="A40390" t="s">
        <v>24981</v>
      </c>
      <c r="B40390" t="s">
        <v>24982</v>
      </c>
      <c r="C40390" t="s">
        <v>19075</v>
      </c>
      <c r="D40390" t="s">
        <v>19076</v>
      </c>
      <c r="E40390" t="s">
        <v>18995</v>
      </c>
      <c r="F40390" t="s">
        <v>18996</v>
      </c>
      <c r="G40390" t="s">
        <v>10734</v>
      </c>
      <c r="H40390" t="s">
        <v>10735</v>
      </c>
      <c r="I40390" s="2">
        <v>0</v>
      </c>
      <c r="J40390" s="2">
        <v>0</v>
      </c>
      <c r="K40390" s="2">
        <v>1</v>
      </c>
      <c r="L40390" t="s">
        <v>995</v>
      </c>
      <c r="M40390" t="s">
        <v>83</v>
      </c>
      <c r="N40390" t="s">
        <v>84</v>
      </c>
      <c r="O40390" t="s">
        <v>85</v>
      </c>
      <c r="P40390" t="s">
        <v>86</v>
      </c>
      <c r="Q40390">
        <v>158</v>
      </c>
      <c r="R40390">
        <v>160</v>
      </c>
      <c r="S40390">
        <v>163</v>
      </c>
      <c r="T40390">
        <v>165</v>
      </c>
      <c r="U40390">
        <v>168</v>
      </c>
      <c r="V40390">
        <v>171</v>
      </c>
      <c r="W40390">
        <v>173</v>
      </c>
      <c r="X40390">
        <v>176</v>
      </c>
      <c r="Y40390">
        <v>178</v>
      </c>
      <c r="Z40390">
        <v>181</v>
      </c>
      <c r="AA40390">
        <v>184</v>
      </c>
      <c r="AB40390">
        <v>186</v>
      </c>
      <c r="AC40390">
        <v>189</v>
      </c>
      <c r="AD40390">
        <v>191</v>
      </c>
      <c r="AE40390">
        <v>194</v>
      </c>
      <c r="AF40390">
        <v>196</v>
      </c>
      <c r="AG40390">
        <v>199</v>
      </c>
      <c r="AH40390">
        <v>201</v>
      </c>
      <c r="AI40390">
        <v>204</v>
      </c>
      <c r="AJ40390">
        <v>207</v>
      </c>
      <c r="AK40390">
        <v>209</v>
      </c>
      <c r="AL40390">
        <v>211</v>
      </c>
      <c r="AM40390">
        <v>212</v>
      </c>
      <c r="AN40390">
        <v>212</v>
      </c>
      <c r="AO40390">
        <v>213</v>
      </c>
      <c r="AP40390">
        <v>214</v>
      </c>
      <c r="AQ40390">
        <v>215</v>
      </c>
    </row>
    <row r="40391" spans="1:43">
      <c r="A40391" t="s">
        <v>24981</v>
      </c>
      <c r="B40391" t="s">
        <v>24982</v>
      </c>
      <c r="C40391" t="s">
        <v>19075</v>
      </c>
      <c r="D40391" t="s">
        <v>19076</v>
      </c>
      <c r="E40391" t="s">
        <v>18995</v>
      </c>
      <c r="F40391" t="s">
        <v>18996</v>
      </c>
      <c r="G40391" t="s">
        <v>10734</v>
      </c>
      <c r="H40391" t="s">
        <v>10735</v>
      </c>
      <c r="I40391" s="2">
        <v>0</v>
      </c>
      <c r="J40391" s="2">
        <v>0</v>
      </c>
      <c r="K40391" s="2">
        <v>1</v>
      </c>
      <c r="L40391" t="s">
        <v>995</v>
      </c>
      <c r="M40391" t="s">
        <v>87</v>
      </c>
      <c r="N40391" t="s">
        <v>88</v>
      </c>
      <c r="O40391" t="s">
        <v>85</v>
      </c>
      <c r="P40391" t="s">
        <v>86</v>
      </c>
      <c r="Q40391">
        <v>158</v>
      </c>
      <c r="R40391">
        <v>159</v>
      </c>
      <c r="S40391">
        <v>160</v>
      </c>
      <c r="T40391">
        <v>161</v>
      </c>
      <c r="U40391">
        <v>163</v>
      </c>
      <c r="V40391">
        <v>164</v>
      </c>
      <c r="W40391">
        <v>165</v>
      </c>
      <c r="X40391">
        <v>166</v>
      </c>
      <c r="Y40391">
        <v>167</v>
      </c>
      <c r="Z40391">
        <v>168</v>
      </c>
      <c r="AA40391">
        <v>169</v>
      </c>
      <c r="AB40391">
        <v>170</v>
      </c>
      <c r="AC40391">
        <v>171</v>
      </c>
      <c r="AD40391">
        <v>172</v>
      </c>
      <c r="AE40391">
        <v>174</v>
      </c>
      <c r="AF40391">
        <v>175</v>
      </c>
      <c r="AG40391">
        <v>176</v>
      </c>
      <c r="AH40391">
        <v>177</v>
      </c>
      <c r="AI40391">
        <v>178</v>
      </c>
      <c r="AJ40391">
        <v>180</v>
      </c>
      <c r="AK40391">
        <v>181</v>
      </c>
      <c r="AL40391">
        <v>182</v>
      </c>
      <c r="AM40391">
        <v>183</v>
      </c>
      <c r="AN40391">
        <v>185</v>
      </c>
      <c r="AO40391">
        <v>186</v>
      </c>
      <c r="AP40391">
        <v>188</v>
      </c>
      <c r="AQ40391">
        <v>189</v>
      </c>
    </row>
    <row r="40392" spans="1:43">
      <c r="A40392" t="s">
        <v>24981</v>
      </c>
      <c r="B40392" t="s">
        <v>24982</v>
      </c>
      <c r="C40392" t="s">
        <v>19075</v>
      </c>
      <c r="D40392" t="s">
        <v>19076</v>
      </c>
      <c r="E40392" t="s">
        <v>18995</v>
      </c>
      <c r="F40392" t="s">
        <v>18996</v>
      </c>
      <c r="G40392" t="s">
        <v>10734</v>
      </c>
      <c r="H40392" t="s">
        <v>10735</v>
      </c>
      <c r="I40392" s="2">
        <v>0</v>
      </c>
      <c r="J40392" s="2">
        <v>0</v>
      </c>
      <c r="K40392" s="2">
        <v>1</v>
      </c>
      <c r="L40392" t="s">
        <v>995</v>
      </c>
      <c r="M40392" t="s">
        <v>89</v>
      </c>
      <c r="N40392" t="s">
        <v>90</v>
      </c>
      <c r="O40392" t="s">
        <v>85</v>
      </c>
      <c r="P40392" t="s">
        <v>86</v>
      </c>
      <c r="Q40392">
        <v>158</v>
      </c>
      <c r="R40392">
        <v>162</v>
      </c>
      <c r="S40392">
        <v>166</v>
      </c>
      <c r="T40392">
        <v>170</v>
      </c>
      <c r="U40392">
        <v>174</v>
      </c>
      <c r="V40392">
        <v>177</v>
      </c>
      <c r="W40392">
        <v>181</v>
      </c>
      <c r="X40392">
        <v>184</v>
      </c>
      <c r="Y40392">
        <v>188</v>
      </c>
      <c r="Z40392">
        <v>191</v>
      </c>
      <c r="AA40392">
        <v>194</v>
      </c>
      <c r="AB40392">
        <v>197</v>
      </c>
      <c r="AC40392">
        <v>201</v>
      </c>
      <c r="AD40392">
        <v>204</v>
      </c>
      <c r="AE40392">
        <v>206</v>
      </c>
      <c r="AF40392">
        <v>207</v>
      </c>
      <c r="AG40392">
        <v>208</v>
      </c>
      <c r="AH40392">
        <v>209</v>
      </c>
      <c r="AI40392">
        <v>210</v>
      </c>
      <c r="AJ40392">
        <v>210</v>
      </c>
      <c r="AK40392">
        <v>211</v>
      </c>
      <c r="AL40392">
        <v>212</v>
      </c>
      <c r="AM40392">
        <v>213</v>
      </c>
      <c r="AN40392">
        <v>214</v>
      </c>
      <c r="AO40392">
        <v>214</v>
      </c>
      <c r="AP40392">
        <v>215</v>
      </c>
      <c r="AQ40392">
        <v>216</v>
      </c>
    </row>
    <row r="40393" spans="1:43">
      <c r="A40393" t="s">
        <v>24981</v>
      </c>
      <c r="B40393" t="s">
        <v>24982</v>
      </c>
      <c r="C40393" t="s">
        <v>19075</v>
      </c>
      <c r="D40393" t="s">
        <v>19076</v>
      </c>
      <c r="E40393" t="s">
        <v>18995</v>
      </c>
      <c r="F40393" t="s">
        <v>18996</v>
      </c>
      <c r="G40393" t="s">
        <v>10734</v>
      </c>
      <c r="H40393" t="s">
        <v>10735</v>
      </c>
      <c r="I40393" s="2">
        <v>0</v>
      </c>
      <c r="J40393" s="2">
        <v>0</v>
      </c>
      <c r="K40393" s="2">
        <v>1</v>
      </c>
      <c r="L40393" t="s">
        <v>995</v>
      </c>
      <c r="M40393" t="s">
        <v>83</v>
      </c>
      <c r="N40393" t="s">
        <v>91</v>
      </c>
      <c r="O40393" t="s">
        <v>85</v>
      </c>
      <c r="P40393" t="s">
        <v>86</v>
      </c>
      <c r="Q40393">
        <v>158</v>
      </c>
      <c r="R40393">
        <v>160</v>
      </c>
      <c r="S40393">
        <v>163</v>
      </c>
      <c r="T40393">
        <v>165</v>
      </c>
      <c r="U40393">
        <v>168</v>
      </c>
      <c r="V40393">
        <v>171</v>
      </c>
      <c r="W40393">
        <v>173</v>
      </c>
      <c r="X40393">
        <v>176</v>
      </c>
      <c r="Y40393">
        <v>178</v>
      </c>
      <c r="Z40393">
        <v>181</v>
      </c>
      <c r="AA40393">
        <v>184</v>
      </c>
      <c r="AB40393">
        <v>186</v>
      </c>
      <c r="AC40393">
        <v>189</v>
      </c>
      <c r="AD40393">
        <v>191</v>
      </c>
      <c r="AE40393">
        <v>194</v>
      </c>
      <c r="AF40393">
        <v>196</v>
      </c>
      <c r="AG40393">
        <v>199</v>
      </c>
      <c r="AH40393">
        <v>201</v>
      </c>
      <c r="AI40393">
        <v>204</v>
      </c>
      <c r="AJ40393">
        <v>207</v>
      </c>
      <c r="AK40393">
        <v>209</v>
      </c>
      <c r="AL40393">
        <v>211</v>
      </c>
      <c r="AM40393">
        <v>212</v>
      </c>
      <c r="AN40393">
        <v>212</v>
      </c>
      <c r="AO40393">
        <v>213</v>
      </c>
      <c r="AP40393">
        <v>214</v>
      </c>
      <c r="AQ40393">
        <v>215</v>
      </c>
    </row>
    <row r="40394" spans="1:43">
      <c r="A40394" t="s">
        <v>24983</v>
      </c>
      <c r="B40394" t="s">
        <v>24984</v>
      </c>
      <c r="C40394" t="s">
        <v>24985</v>
      </c>
      <c r="D40394" t="s">
        <v>24986</v>
      </c>
      <c r="E40394" t="s">
        <v>9544</v>
      </c>
      <c r="F40394" t="s">
        <v>9545</v>
      </c>
      <c r="G40394" t="s">
        <v>80</v>
      </c>
      <c r="H40394" t="s">
        <v>81</v>
      </c>
      <c r="I40394" s="2">
        <v>0</v>
      </c>
      <c r="J40394" s="2">
        <v>1</v>
      </c>
      <c r="K40394" s="2">
        <v>0</v>
      </c>
      <c r="L40394" t="s">
        <v>82</v>
      </c>
      <c r="M40394" t="s">
        <v>83</v>
      </c>
      <c r="N40394" t="s">
        <v>84</v>
      </c>
      <c r="O40394" t="s">
        <v>85</v>
      </c>
      <c r="P40394" t="s">
        <v>86</v>
      </c>
      <c r="Q40394">
        <v>52</v>
      </c>
      <c r="R40394">
        <v>52</v>
      </c>
      <c r="S40394">
        <v>53</v>
      </c>
      <c r="T40394">
        <v>53</v>
      </c>
      <c r="U40394">
        <v>54</v>
      </c>
      <c r="V40394">
        <v>54</v>
      </c>
      <c r="W40394">
        <v>54</v>
      </c>
      <c r="X40394">
        <v>54</v>
      </c>
      <c r="Y40394">
        <v>55</v>
      </c>
      <c r="Z40394">
        <v>55</v>
      </c>
      <c r="AA40394">
        <v>55</v>
      </c>
      <c r="AB40394">
        <v>56</v>
      </c>
      <c r="AC40394">
        <v>56</v>
      </c>
      <c r="AD40394">
        <v>56</v>
      </c>
      <c r="AE40394">
        <v>56</v>
      </c>
      <c r="AF40394">
        <v>57</v>
      </c>
      <c r="AG40394">
        <v>57</v>
      </c>
      <c r="AH40394">
        <v>57</v>
      </c>
      <c r="AI40394">
        <v>57</v>
      </c>
      <c r="AJ40394">
        <v>57</v>
      </c>
      <c r="AK40394">
        <v>57</v>
      </c>
      <c r="AL40394">
        <v>57</v>
      </c>
      <c r="AM40394">
        <v>57</v>
      </c>
      <c r="AN40394">
        <v>57</v>
      </c>
      <c r="AO40394">
        <v>56</v>
      </c>
      <c r="AP40394">
        <v>56</v>
      </c>
      <c r="AQ40394">
        <v>56</v>
      </c>
    </row>
    <row r="40395" spans="1:43">
      <c r="A40395" t="s">
        <v>24983</v>
      </c>
      <c r="B40395" t="s">
        <v>24984</v>
      </c>
      <c r="C40395" t="s">
        <v>24985</v>
      </c>
      <c r="D40395" t="s">
        <v>24986</v>
      </c>
      <c r="E40395" t="s">
        <v>9544</v>
      </c>
      <c r="F40395" t="s">
        <v>9545</v>
      </c>
      <c r="G40395" t="s">
        <v>80</v>
      </c>
      <c r="H40395" t="s">
        <v>81</v>
      </c>
      <c r="I40395" s="2">
        <v>0</v>
      </c>
      <c r="J40395" s="2">
        <v>1</v>
      </c>
      <c r="K40395" s="2">
        <v>0</v>
      </c>
      <c r="L40395" t="s">
        <v>82</v>
      </c>
      <c r="M40395" t="s">
        <v>87</v>
      </c>
      <c r="N40395" t="s">
        <v>88</v>
      </c>
      <c r="O40395" t="s">
        <v>85</v>
      </c>
      <c r="P40395" t="s">
        <v>86</v>
      </c>
      <c r="Q40395">
        <v>52</v>
      </c>
      <c r="R40395">
        <v>52</v>
      </c>
      <c r="S40395">
        <v>51</v>
      </c>
      <c r="T40395">
        <v>51</v>
      </c>
      <c r="U40395">
        <v>51</v>
      </c>
      <c r="V40395">
        <v>51</v>
      </c>
      <c r="W40395">
        <v>51</v>
      </c>
      <c r="X40395">
        <v>51</v>
      </c>
      <c r="Y40395">
        <v>51</v>
      </c>
      <c r="Z40395">
        <v>51</v>
      </c>
      <c r="AA40395">
        <v>50</v>
      </c>
      <c r="AB40395">
        <v>50</v>
      </c>
      <c r="AC40395">
        <v>50</v>
      </c>
      <c r="AD40395">
        <v>50</v>
      </c>
      <c r="AE40395">
        <v>50</v>
      </c>
      <c r="AF40395">
        <v>50</v>
      </c>
      <c r="AG40395">
        <v>50</v>
      </c>
      <c r="AH40395">
        <v>49</v>
      </c>
      <c r="AI40395">
        <v>49</v>
      </c>
      <c r="AJ40395">
        <v>49</v>
      </c>
      <c r="AK40395">
        <v>49</v>
      </c>
      <c r="AL40395">
        <v>49</v>
      </c>
      <c r="AM40395">
        <v>49</v>
      </c>
      <c r="AN40395">
        <v>48</v>
      </c>
      <c r="AO40395">
        <v>48</v>
      </c>
      <c r="AP40395">
        <v>48</v>
      </c>
      <c r="AQ40395">
        <v>48</v>
      </c>
    </row>
    <row r="40396" spans="1:43">
      <c r="A40396" t="s">
        <v>24983</v>
      </c>
      <c r="B40396" t="s">
        <v>24984</v>
      </c>
      <c r="C40396" t="s">
        <v>24985</v>
      </c>
      <c r="D40396" t="s">
        <v>24986</v>
      </c>
      <c r="E40396" t="s">
        <v>9544</v>
      </c>
      <c r="F40396" t="s">
        <v>9545</v>
      </c>
      <c r="G40396" t="s">
        <v>80</v>
      </c>
      <c r="H40396" t="s">
        <v>81</v>
      </c>
      <c r="I40396" s="2">
        <v>0</v>
      </c>
      <c r="J40396" s="2">
        <v>1</v>
      </c>
      <c r="K40396" s="2">
        <v>0</v>
      </c>
      <c r="L40396" t="s">
        <v>82</v>
      </c>
      <c r="M40396" t="s">
        <v>89</v>
      </c>
      <c r="N40396" t="s">
        <v>90</v>
      </c>
      <c r="O40396" t="s">
        <v>85</v>
      </c>
      <c r="P40396" t="s">
        <v>86</v>
      </c>
      <c r="Q40396">
        <v>52</v>
      </c>
      <c r="R40396">
        <v>52</v>
      </c>
      <c r="S40396">
        <v>53</v>
      </c>
      <c r="T40396">
        <v>54</v>
      </c>
      <c r="U40396">
        <v>55</v>
      </c>
      <c r="V40396">
        <v>55</v>
      </c>
      <c r="W40396">
        <v>56</v>
      </c>
      <c r="X40396">
        <v>57</v>
      </c>
      <c r="Y40396">
        <v>57</v>
      </c>
      <c r="Z40396">
        <v>58</v>
      </c>
      <c r="AA40396">
        <v>58</v>
      </c>
      <c r="AB40396">
        <v>58</v>
      </c>
      <c r="AC40396">
        <v>59</v>
      </c>
      <c r="AD40396">
        <v>59</v>
      </c>
      <c r="AE40396">
        <v>59</v>
      </c>
      <c r="AF40396">
        <v>59</v>
      </c>
      <c r="AG40396">
        <v>59</v>
      </c>
      <c r="AH40396">
        <v>58</v>
      </c>
      <c r="AI40396">
        <v>58</v>
      </c>
      <c r="AJ40396">
        <v>58</v>
      </c>
      <c r="AK40396">
        <v>57</v>
      </c>
      <c r="AL40396">
        <v>57</v>
      </c>
      <c r="AM40396">
        <v>57</v>
      </c>
      <c r="AN40396">
        <v>56</v>
      </c>
      <c r="AO40396">
        <v>56</v>
      </c>
      <c r="AP40396">
        <v>56</v>
      </c>
      <c r="AQ40396">
        <v>55</v>
      </c>
    </row>
    <row r="40397" spans="1:43">
      <c r="A40397" t="s">
        <v>24983</v>
      </c>
      <c r="B40397" t="s">
        <v>24984</v>
      </c>
      <c r="C40397" t="s">
        <v>24985</v>
      </c>
      <c r="D40397" t="s">
        <v>24986</v>
      </c>
      <c r="E40397" t="s">
        <v>9544</v>
      </c>
      <c r="F40397" t="s">
        <v>9545</v>
      </c>
      <c r="G40397" t="s">
        <v>80</v>
      </c>
      <c r="H40397" t="s">
        <v>81</v>
      </c>
      <c r="I40397" s="2">
        <v>0</v>
      </c>
      <c r="J40397" s="2">
        <v>1</v>
      </c>
      <c r="K40397" s="2">
        <v>0</v>
      </c>
      <c r="L40397" t="s">
        <v>82</v>
      </c>
      <c r="M40397" t="s">
        <v>83</v>
      </c>
      <c r="N40397" t="s">
        <v>91</v>
      </c>
      <c r="O40397" t="s">
        <v>85</v>
      </c>
      <c r="P40397" t="s">
        <v>86</v>
      </c>
      <c r="Q40397">
        <v>52</v>
      </c>
      <c r="R40397">
        <v>52</v>
      </c>
      <c r="S40397">
        <v>53</v>
      </c>
      <c r="T40397">
        <v>53</v>
      </c>
      <c r="U40397">
        <v>54</v>
      </c>
      <c r="V40397">
        <v>54</v>
      </c>
      <c r="W40397">
        <v>54</v>
      </c>
      <c r="X40397">
        <v>54</v>
      </c>
      <c r="Y40397">
        <v>55</v>
      </c>
      <c r="Z40397">
        <v>55</v>
      </c>
      <c r="AA40397">
        <v>55</v>
      </c>
      <c r="AB40397">
        <v>56</v>
      </c>
      <c r="AC40397">
        <v>56</v>
      </c>
      <c r="AD40397">
        <v>56</v>
      </c>
      <c r="AE40397">
        <v>56</v>
      </c>
      <c r="AF40397">
        <v>57</v>
      </c>
      <c r="AG40397">
        <v>57</v>
      </c>
      <c r="AH40397">
        <v>57</v>
      </c>
      <c r="AI40397">
        <v>57</v>
      </c>
      <c r="AJ40397">
        <v>57</v>
      </c>
      <c r="AK40397">
        <v>57</v>
      </c>
      <c r="AL40397">
        <v>57</v>
      </c>
      <c r="AM40397">
        <v>57</v>
      </c>
      <c r="AN40397">
        <v>57</v>
      </c>
      <c r="AO40397">
        <v>56</v>
      </c>
      <c r="AP40397">
        <v>56</v>
      </c>
      <c r="AQ40397">
        <v>56</v>
      </c>
    </row>
    <row r="40398" spans="1:43">
      <c r="A40398" t="s">
        <v>24987</v>
      </c>
      <c r="B40398" t="s">
        <v>24988</v>
      </c>
      <c r="C40398" t="s">
        <v>9812</v>
      </c>
      <c r="D40398" t="s">
        <v>9813</v>
      </c>
      <c r="E40398" t="s">
        <v>9544</v>
      </c>
      <c r="F40398" t="s">
        <v>9545</v>
      </c>
      <c r="G40398" t="s">
        <v>80</v>
      </c>
      <c r="H40398" t="s">
        <v>81</v>
      </c>
      <c r="I40398" s="2">
        <v>0</v>
      </c>
      <c r="J40398" s="2">
        <v>1</v>
      </c>
      <c r="K40398" s="2">
        <v>0</v>
      </c>
      <c r="L40398" t="s">
        <v>82</v>
      </c>
      <c r="M40398" t="s">
        <v>83</v>
      </c>
      <c r="N40398" t="s">
        <v>84</v>
      </c>
      <c r="O40398" t="s">
        <v>85</v>
      </c>
      <c r="P40398" t="s">
        <v>86</v>
      </c>
      <c r="Q40398">
        <v>78</v>
      </c>
      <c r="R40398">
        <v>79</v>
      </c>
      <c r="S40398">
        <v>79</v>
      </c>
      <c r="T40398">
        <v>80</v>
      </c>
      <c r="U40398">
        <v>80</v>
      </c>
      <c r="V40398">
        <v>81</v>
      </c>
      <c r="W40398">
        <v>81</v>
      </c>
      <c r="X40398">
        <v>82</v>
      </c>
      <c r="Y40398">
        <v>82</v>
      </c>
      <c r="Z40398">
        <v>82</v>
      </c>
      <c r="AA40398">
        <v>83</v>
      </c>
      <c r="AB40398">
        <v>83</v>
      </c>
      <c r="AC40398">
        <v>84</v>
      </c>
      <c r="AD40398">
        <v>84</v>
      </c>
      <c r="AE40398">
        <v>84</v>
      </c>
      <c r="AF40398">
        <v>85</v>
      </c>
      <c r="AG40398">
        <v>85</v>
      </c>
      <c r="AH40398">
        <v>85</v>
      </c>
      <c r="AI40398">
        <v>85</v>
      </c>
      <c r="AJ40398">
        <v>86</v>
      </c>
      <c r="AK40398">
        <v>86</v>
      </c>
      <c r="AL40398">
        <v>86</v>
      </c>
      <c r="AM40398">
        <v>85</v>
      </c>
      <c r="AN40398">
        <v>85</v>
      </c>
      <c r="AO40398">
        <v>84</v>
      </c>
      <c r="AP40398">
        <v>84</v>
      </c>
      <c r="AQ40398">
        <v>83</v>
      </c>
    </row>
    <row r="40399" spans="1:43">
      <c r="A40399" t="s">
        <v>24987</v>
      </c>
      <c r="B40399" t="s">
        <v>24988</v>
      </c>
      <c r="C40399" t="s">
        <v>9812</v>
      </c>
      <c r="D40399" t="s">
        <v>9813</v>
      </c>
      <c r="E40399" t="s">
        <v>9544</v>
      </c>
      <c r="F40399" t="s">
        <v>9545</v>
      </c>
      <c r="G40399" t="s">
        <v>80</v>
      </c>
      <c r="H40399" t="s">
        <v>81</v>
      </c>
      <c r="I40399" s="2">
        <v>0</v>
      </c>
      <c r="J40399" s="2">
        <v>1</v>
      </c>
      <c r="K40399" s="2">
        <v>0</v>
      </c>
      <c r="L40399" t="s">
        <v>82</v>
      </c>
      <c r="M40399" t="s">
        <v>87</v>
      </c>
      <c r="N40399" t="s">
        <v>88</v>
      </c>
      <c r="O40399" t="s">
        <v>85</v>
      </c>
      <c r="P40399" t="s">
        <v>86</v>
      </c>
      <c r="Q40399">
        <v>78</v>
      </c>
      <c r="R40399">
        <v>78</v>
      </c>
      <c r="S40399">
        <v>78</v>
      </c>
      <c r="T40399">
        <v>78</v>
      </c>
      <c r="U40399">
        <v>78</v>
      </c>
      <c r="V40399">
        <v>77</v>
      </c>
      <c r="W40399">
        <v>77</v>
      </c>
      <c r="X40399">
        <v>77</v>
      </c>
      <c r="Y40399">
        <v>77</v>
      </c>
      <c r="Z40399">
        <v>77</v>
      </c>
      <c r="AA40399">
        <v>76</v>
      </c>
      <c r="AB40399">
        <v>76</v>
      </c>
      <c r="AC40399">
        <v>76</v>
      </c>
      <c r="AD40399">
        <v>76</v>
      </c>
      <c r="AE40399">
        <v>76</v>
      </c>
      <c r="AF40399">
        <v>75</v>
      </c>
      <c r="AG40399">
        <v>75</v>
      </c>
      <c r="AH40399">
        <v>75</v>
      </c>
      <c r="AI40399">
        <v>75</v>
      </c>
      <c r="AJ40399">
        <v>74</v>
      </c>
      <c r="AK40399">
        <v>74</v>
      </c>
      <c r="AL40399">
        <v>74</v>
      </c>
      <c r="AM40399">
        <v>74</v>
      </c>
      <c r="AN40399">
        <v>73</v>
      </c>
      <c r="AO40399">
        <v>73</v>
      </c>
      <c r="AP40399">
        <v>73</v>
      </c>
      <c r="AQ40399">
        <v>73</v>
      </c>
    </row>
    <row r="40400" spans="1:43">
      <c r="A40400" t="s">
        <v>24987</v>
      </c>
      <c r="B40400" t="s">
        <v>24988</v>
      </c>
      <c r="C40400" t="s">
        <v>9812</v>
      </c>
      <c r="D40400" t="s">
        <v>9813</v>
      </c>
      <c r="E40400" t="s">
        <v>9544</v>
      </c>
      <c r="F40400" t="s">
        <v>9545</v>
      </c>
      <c r="G40400" t="s">
        <v>80</v>
      </c>
      <c r="H40400" t="s">
        <v>81</v>
      </c>
      <c r="I40400" s="2">
        <v>0</v>
      </c>
      <c r="J40400" s="2">
        <v>1</v>
      </c>
      <c r="K40400" s="2">
        <v>0</v>
      </c>
      <c r="L40400" t="s">
        <v>82</v>
      </c>
      <c r="M40400" t="s">
        <v>89</v>
      </c>
      <c r="N40400" t="s">
        <v>90</v>
      </c>
      <c r="O40400" t="s">
        <v>85</v>
      </c>
      <c r="P40400" t="s">
        <v>86</v>
      </c>
      <c r="Q40400">
        <v>78</v>
      </c>
      <c r="R40400">
        <v>79</v>
      </c>
      <c r="S40400">
        <v>80</v>
      </c>
      <c r="T40400">
        <v>81</v>
      </c>
      <c r="U40400">
        <v>82</v>
      </c>
      <c r="V40400">
        <v>83</v>
      </c>
      <c r="W40400">
        <v>84</v>
      </c>
      <c r="X40400">
        <v>85</v>
      </c>
      <c r="Y40400">
        <v>86</v>
      </c>
      <c r="Z40400">
        <v>87</v>
      </c>
      <c r="AA40400">
        <v>87</v>
      </c>
      <c r="AB40400">
        <v>88</v>
      </c>
      <c r="AC40400">
        <v>89</v>
      </c>
      <c r="AD40400">
        <v>89</v>
      </c>
      <c r="AE40400">
        <v>89</v>
      </c>
      <c r="AF40400">
        <v>89</v>
      </c>
      <c r="AG40400">
        <v>88</v>
      </c>
      <c r="AH40400">
        <v>88</v>
      </c>
      <c r="AI40400">
        <v>87</v>
      </c>
      <c r="AJ40400">
        <v>87</v>
      </c>
      <c r="AK40400">
        <v>86</v>
      </c>
      <c r="AL40400">
        <v>86</v>
      </c>
      <c r="AM40400">
        <v>85</v>
      </c>
      <c r="AN40400">
        <v>85</v>
      </c>
      <c r="AO40400">
        <v>84</v>
      </c>
      <c r="AP40400">
        <v>84</v>
      </c>
      <c r="AQ40400">
        <v>83</v>
      </c>
    </row>
    <row r="40401" spans="1:43">
      <c r="A40401" t="s">
        <v>24987</v>
      </c>
      <c r="B40401" t="s">
        <v>24988</v>
      </c>
      <c r="C40401" t="s">
        <v>9812</v>
      </c>
      <c r="D40401" t="s">
        <v>9813</v>
      </c>
      <c r="E40401" t="s">
        <v>9544</v>
      </c>
      <c r="F40401" t="s">
        <v>9545</v>
      </c>
      <c r="G40401" t="s">
        <v>80</v>
      </c>
      <c r="H40401" t="s">
        <v>81</v>
      </c>
      <c r="I40401" s="2">
        <v>0</v>
      </c>
      <c r="J40401" s="2">
        <v>1</v>
      </c>
      <c r="K40401" s="2">
        <v>0</v>
      </c>
      <c r="L40401" t="s">
        <v>82</v>
      </c>
      <c r="M40401" t="s">
        <v>83</v>
      </c>
      <c r="N40401" t="s">
        <v>91</v>
      </c>
      <c r="O40401" t="s">
        <v>85</v>
      </c>
      <c r="P40401" t="s">
        <v>86</v>
      </c>
      <c r="Q40401">
        <v>78</v>
      </c>
      <c r="R40401">
        <v>79</v>
      </c>
      <c r="S40401">
        <v>79</v>
      </c>
      <c r="T40401">
        <v>80</v>
      </c>
      <c r="U40401">
        <v>80</v>
      </c>
      <c r="V40401">
        <v>81</v>
      </c>
      <c r="W40401">
        <v>81</v>
      </c>
      <c r="X40401">
        <v>82</v>
      </c>
      <c r="Y40401">
        <v>82</v>
      </c>
      <c r="Z40401">
        <v>82</v>
      </c>
      <c r="AA40401">
        <v>83</v>
      </c>
      <c r="AB40401">
        <v>83</v>
      </c>
      <c r="AC40401">
        <v>84</v>
      </c>
      <c r="AD40401">
        <v>84</v>
      </c>
      <c r="AE40401">
        <v>84</v>
      </c>
      <c r="AF40401">
        <v>85</v>
      </c>
      <c r="AG40401">
        <v>85</v>
      </c>
      <c r="AH40401">
        <v>85</v>
      </c>
      <c r="AI40401">
        <v>85</v>
      </c>
      <c r="AJ40401">
        <v>86</v>
      </c>
      <c r="AK40401">
        <v>86</v>
      </c>
      <c r="AL40401">
        <v>86</v>
      </c>
      <c r="AM40401">
        <v>85</v>
      </c>
      <c r="AN40401">
        <v>85</v>
      </c>
      <c r="AO40401">
        <v>84</v>
      </c>
      <c r="AP40401">
        <v>84</v>
      </c>
      <c r="AQ40401">
        <v>83</v>
      </c>
    </row>
    <row r="40402" spans="1:43">
      <c r="A40402" t="s">
        <v>24989</v>
      </c>
      <c r="B40402" t="s">
        <v>24990</v>
      </c>
      <c r="C40402" t="s">
        <v>9772</v>
      </c>
      <c r="D40402" t="s">
        <v>9773</v>
      </c>
      <c r="E40402" t="s">
        <v>9544</v>
      </c>
      <c r="F40402" t="s">
        <v>9545</v>
      </c>
      <c r="G40402" t="s">
        <v>80</v>
      </c>
      <c r="H40402" t="s">
        <v>81</v>
      </c>
      <c r="I40402" s="2">
        <v>0</v>
      </c>
      <c r="J40402" s="2">
        <v>1</v>
      </c>
      <c r="K40402" s="2">
        <v>0</v>
      </c>
      <c r="L40402" t="s">
        <v>82</v>
      </c>
      <c r="M40402" t="s">
        <v>83</v>
      </c>
      <c r="N40402" t="s">
        <v>84</v>
      </c>
      <c r="O40402" t="s">
        <v>85</v>
      </c>
      <c r="P40402" t="s">
        <v>86</v>
      </c>
      <c r="Q40402">
        <v>45</v>
      </c>
      <c r="R40402">
        <v>45</v>
      </c>
      <c r="S40402">
        <v>45</v>
      </c>
      <c r="T40402">
        <v>46</v>
      </c>
      <c r="U40402">
        <v>46</v>
      </c>
      <c r="V40402">
        <v>46</v>
      </c>
      <c r="W40402">
        <v>47</v>
      </c>
      <c r="X40402">
        <v>47</v>
      </c>
      <c r="Y40402">
        <v>47</v>
      </c>
      <c r="Z40402">
        <v>47</v>
      </c>
      <c r="AA40402">
        <v>48</v>
      </c>
      <c r="AB40402">
        <v>48</v>
      </c>
      <c r="AC40402">
        <v>48</v>
      </c>
      <c r="AD40402">
        <v>48</v>
      </c>
      <c r="AE40402">
        <v>48</v>
      </c>
      <c r="AF40402">
        <v>48</v>
      </c>
      <c r="AG40402">
        <v>49</v>
      </c>
      <c r="AH40402">
        <v>49</v>
      </c>
      <c r="AI40402">
        <v>49</v>
      </c>
      <c r="AJ40402">
        <v>49</v>
      </c>
      <c r="AK40402">
        <v>49</v>
      </c>
      <c r="AL40402">
        <v>49</v>
      </c>
      <c r="AM40402">
        <v>49</v>
      </c>
      <c r="AN40402">
        <v>48</v>
      </c>
      <c r="AO40402">
        <v>48</v>
      </c>
      <c r="AP40402">
        <v>48</v>
      </c>
      <c r="AQ40402">
        <v>48</v>
      </c>
    </row>
    <row r="40403" spans="1:43">
      <c r="A40403" t="s">
        <v>24989</v>
      </c>
      <c r="B40403" t="s">
        <v>24990</v>
      </c>
      <c r="C40403" t="s">
        <v>9772</v>
      </c>
      <c r="D40403" t="s">
        <v>9773</v>
      </c>
      <c r="E40403" t="s">
        <v>9544</v>
      </c>
      <c r="F40403" t="s">
        <v>9545</v>
      </c>
      <c r="G40403" t="s">
        <v>80</v>
      </c>
      <c r="H40403" t="s">
        <v>81</v>
      </c>
      <c r="I40403" s="2">
        <v>0</v>
      </c>
      <c r="J40403" s="2">
        <v>1</v>
      </c>
      <c r="K40403" s="2">
        <v>0</v>
      </c>
      <c r="L40403" t="s">
        <v>82</v>
      </c>
      <c r="M40403" t="s">
        <v>87</v>
      </c>
      <c r="N40403" t="s">
        <v>88</v>
      </c>
      <c r="O40403" t="s">
        <v>85</v>
      </c>
      <c r="P40403" t="s">
        <v>86</v>
      </c>
      <c r="Q40403">
        <v>45</v>
      </c>
      <c r="R40403">
        <v>45</v>
      </c>
      <c r="S40403">
        <v>45</v>
      </c>
      <c r="T40403">
        <v>45</v>
      </c>
      <c r="U40403">
        <v>45</v>
      </c>
      <c r="V40403">
        <v>45</v>
      </c>
      <c r="W40403">
        <v>45</v>
      </c>
      <c r="X40403">
        <v>45</v>
      </c>
      <c r="Y40403">
        <v>45</v>
      </c>
      <c r="Z40403">
        <v>44</v>
      </c>
      <c r="AA40403">
        <v>44</v>
      </c>
      <c r="AB40403">
        <v>44</v>
      </c>
      <c r="AC40403">
        <v>44</v>
      </c>
      <c r="AD40403">
        <v>44</v>
      </c>
      <c r="AE40403">
        <v>44</v>
      </c>
      <c r="AF40403">
        <v>44</v>
      </c>
      <c r="AG40403">
        <v>43</v>
      </c>
      <c r="AH40403">
        <v>43</v>
      </c>
      <c r="AI40403">
        <v>43</v>
      </c>
      <c r="AJ40403">
        <v>43</v>
      </c>
      <c r="AK40403">
        <v>43</v>
      </c>
      <c r="AL40403">
        <v>43</v>
      </c>
      <c r="AM40403">
        <v>43</v>
      </c>
      <c r="AN40403">
        <v>43</v>
      </c>
      <c r="AO40403">
        <v>42</v>
      </c>
      <c r="AP40403">
        <v>42</v>
      </c>
      <c r="AQ40403">
        <v>42</v>
      </c>
    </row>
    <row r="40404" spans="1:43">
      <c r="A40404" t="s">
        <v>24989</v>
      </c>
      <c r="B40404" t="s">
        <v>24990</v>
      </c>
      <c r="C40404" t="s">
        <v>9772</v>
      </c>
      <c r="D40404" t="s">
        <v>9773</v>
      </c>
      <c r="E40404" t="s">
        <v>9544</v>
      </c>
      <c r="F40404" t="s">
        <v>9545</v>
      </c>
      <c r="G40404" t="s">
        <v>80</v>
      </c>
      <c r="H40404" t="s">
        <v>81</v>
      </c>
      <c r="I40404" s="2">
        <v>0</v>
      </c>
      <c r="J40404" s="2">
        <v>1</v>
      </c>
      <c r="K40404" s="2">
        <v>0</v>
      </c>
      <c r="L40404" t="s">
        <v>82</v>
      </c>
      <c r="M40404" t="s">
        <v>89</v>
      </c>
      <c r="N40404" t="s">
        <v>90</v>
      </c>
      <c r="O40404" t="s">
        <v>85</v>
      </c>
      <c r="P40404" t="s">
        <v>86</v>
      </c>
      <c r="Q40404">
        <v>45</v>
      </c>
      <c r="R40404">
        <v>46</v>
      </c>
      <c r="S40404">
        <v>47</v>
      </c>
      <c r="T40404">
        <v>47</v>
      </c>
      <c r="U40404">
        <v>48</v>
      </c>
      <c r="V40404">
        <v>48</v>
      </c>
      <c r="W40404">
        <v>49</v>
      </c>
      <c r="X40404">
        <v>49</v>
      </c>
      <c r="Y40404">
        <v>50</v>
      </c>
      <c r="Z40404">
        <v>50</v>
      </c>
      <c r="AA40404">
        <v>51</v>
      </c>
      <c r="AB40404">
        <v>51</v>
      </c>
      <c r="AC40404">
        <v>51</v>
      </c>
      <c r="AD40404">
        <v>52</v>
      </c>
      <c r="AE40404">
        <v>52</v>
      </c>
      <c r="AF40404">
        <v>52</v>
      </c>
      <c r="AG40404">
        <v>51</v>
      </c>
      <c r="AH40404">
        <v>51</v>
      </c>
      <c r="AI40404">
        <v>51</v>
      </c>
      <c r="AJ40404">
        <v>50</v>
      </c>
      <c r="AK40404">
        <v>50</v>
      </c>
      <c r="AL40404">
        <v>50</v>
      </c>
      <c r="AM40404">
        <v>49</v>
      </c>
      <c r="AN40404">
        <v>49</v>
      </c>
      <c r="AO40404">
        <v>49</v>
      </c>
      <c r="AP40404">
        <v>49</v>
      </c>
      <c r="AQ40404">
        <v>48</v>
      </c>
    </row>
    <row r="40405" spans="1:43">
      <c r="A40405" t="s">
        <v>24989</v>
      </c>
      <c r="B40405" t="s">
        <v>24990</v>
      </c>
      <c r="C40405" t="s">
        <v>9772</v>
      </c>
      <c r="D40405" t="s">
        <v>9773</v>
      </c>
      <c r="E40405" t="s">
        <v>9544</v>
      </c>
      <c r="F40405" t="s">
        <v>9545</v>
      </c>
      <c r="G40405" t="s">
        <v>80</v>
      </c>
      <c r="H40405" t="s">
        <v>81</v>
      </c>
      <c r="I40405" s="2">
        <v>0</v>
      </c>
      <c r="J40405" s="2">
        <v>1</v>
      </c>
      <c r="K40405" s="2">
        <v>0</v>
      </c>
      <c r="L40405" t="s">
        <v>82</v>
      </c>
      <c r="M40405" t="s">
        <v>83</v>
      </c>
      <c r="N40405" t="s">
        <v>91</v>
      </c>
      <c r="O40405" t="s">
        <v>85</v>
      </c>
      <c r="P40405" t="s">
        <v>86</v>
      </c>
      <c r="Q40405">
        <v>45</v>
      </c>
      <c r="R40405">
        <v>45</v>
      </c>
      <c r="S40405">
        <v>45</v>
      </c>
      <c r="T40405">
        <v>46</v>
      </c>
      <c r="U40405">
        <v>46</v>
      </c>
      <c r="V40405">
        <v>46</v>
      </c>
      <c r="W40405">
        <v>47</v>
      </c>
      <c r="X40405">
        <v>47</v>
      </c>
      <c r="Y40405">
        <v>47</v>
      </c>
      <c r="Z40405">
        <v>47</v>
      </c>
      <c r="AA40405">
        <v>48</v>
      </c>
      <c r="AB40405">
        <v>48</v>
      </c>
      <c r="AC40405">
        <v>48</v>
      </c>
      <c r="AD40405">
        <v>48</v>
      </c>
      <c r="AE40405">
        <v>48</v>
      </c>
      <c r="AF40405">
        <v>48</v>
      </c>
      <c r="AG40405">
        <v>49</v>
      </c>
      <c r="AH40405">
        <v>49</v>
      </c>
      <c r="AI40405">
        <v>49</v>
      </c>
      <c r="AJ40405">
        <v>49</v>
      </c>
      <c r="AK40405">
        <v>49</v>
      </c>
      <c r="AL40405">
        <v>49</v>
      </c>
      <c r="AM40405">
        <v>49</v>
      </c>
      <c r="AN40405">
        <v>48</v>
      </c>
      <c r="AO40405">
        <v>48</v>
      </c>
      <c r="AP40405">
        <v>48</v>
      </c>
      <c r="AQ40405">
        <v>48</v>
      </c>
    </row>
    <row r="40406" spans="1:43">
      <c r="A40406" t="s">
        <v>24991</v>
      </c>
      <c r="B40406" t="s">
        <v>24992</v>
      </c>
      <c r="C40406" t="s">
        <v>13199</v>
      </c>
      <c r="D40406" t="s">
        <v>13200</v>
      </c>
      <c r="E40406" t="s">
        <v>13165</v>
      </c>
      <c r="F40406" t="s">
        <v>13166</v>
      </c>
      <c r="G40406" t="s">
        <v>10214</v>
      </c>
      <c r="H40406" t="s">
        <v>10215</v>
      </c>
      <c r="I40406" s="2">
        <v>1</v>
      </c>
      <c r="J40406" s="2">
        <v>0</v>
      </c>
      <c r="K40406" s="2">
        <v>0</v>
      </c>
      <c r="L40406" t="s">
        <v>120</v>
      </c>
      <c r="M40406" t="s">
        <v>83</v>
      </c>
      <c r="N40406" t="s">
        <v>84</v>
      </c>
      <c r="O40406" t="s">
        <v>85</v>
      </c>
      <c r="P40406" t="s">
        <v>86</v>
      </c>
      <c r="Q40406">
        <v>94</v>
      </c>
      <c r="R40406">
        <v>97</v>
      </c>
      <c r="S40406">
        <v>99</v>
      </c>
      <c r="T40406">
        <v>102</v>
      </c>
      <c r="U40406">
        <v>105</v>
      </c>
      <c r="V40406">
        <v>107</v>
      </c>
      <c r="W40406">
        <v>110</v>
      </c>
      <c r="X40406">
        <v>113</v>
      </c>
      <c r="Y40406">
        <v>115</v>
      </c>
      <c r="Z40406">
        <v>118</v>
      </c>
      <c r="AA40406">
        <v>121</v>
      </c>
      <c r="AB40406">
        <v>124</v>
      </c>
      <c r="AC40406">
        <v>127</v>
      </c>
      <c r="AD40406">
        <v>130</v>
      </c>
      <c r="AE40406">
        <v>133</v>
      </c>
      <c r="AF40406">
        <v>136</v>
      </c>
      <c r="AG40406">
        <v>139</v>
      </c>
      <c r="AH40406">
        <v>142</v>
      </c>
      <c r="AI40406">
        <v>146</v>
      </c>
      <c r="AJ40406">
        <v>149</v>
      </c>
      <c r="AK40406">
        <v>153</v>
      </c>
      <c r="AL40406">
        <v>155</v>
      </c>
      <c r="AM40406">
        <v>158</v>
      </c>
      <c r="AN40406">
        <v>160</v>
      </c>
      <c r="AO40406">
        <v>162</v>
      </c>
      <c r="AP40406">
        <v>165</v>
      </c>
      <c r="AQ40406">
        <v>167</v>
      </c>
    </row>
    <row r="40407" spans="1:43">
      <c r="A40407" t="s">
        <v>24991</v>
      </c>
      <c r="B40407" t="s">
        <v>24992</v>
      </c>
      <c r="C40407" t="s">
        <v>13199</v>
      </c>
      <c r="D40407" t="s">
        <v>13200</v>
      </c>
      <c r="E40407" t="s">
        <v>13165</v>
      </c>
      <c r="F40407" t="s">
        <v>13166</v>
      </c>
      <c r="G40407" t="s">
        <v>10214</v>
      </c>
      <c r="H40407" t="s">
        <v>10215</v>
      </c>
      <c r="I40407" s="2">
        <v>1</v>
      </c>
      <c r="J40407" s="2">
        <v>0</v>
      </c>
      <c r="K40407" s="2">
        <v>0</v>
      </c>
      <c r="L40407" t="s">
        <v>120</v>
      </c>
      <c r="M40407" t="s">
        <v>87</v>
      </c>
      <c r="N40407" t="s">
        <v>88</v>
      </c>
      <c r="O40407" t="s">
        <v>85</v>
      </c>
      <c r="P40407" t="s">
        <v>86</v>
      </c>
      <c r="Q40407">
        <v>94</v>
      </c>
      <c r="R40407">
        <v>95</v>
      </c>
      <c r="S40407">
        <v>97</v>
      </c>
      <c r="T40407">
        <v>98</v>
      </c>
      <c r="U40407">
        <v>100</v>
      </c>
      <c r="V40407">
        <v>102</v>
      </c>
      <c r="W40407">
        <v>103</v>
      </c>
      <c r="X40407">
        <v>105</v>
      </c>
      <c r="Y40407">
        <v>107</v>
      </c>
      <c r="Z40407">
        <v>108</v>
      </c>
      <c r="AA40407">
        <v>110</v>
      </c>
      <c r="AB40407">
        <v>112</v>
      </c>
      <c r="AC40407">
        <v>114</v>
      </c>
      <c r="AD40407">
        <v>116</v>
      </c>
      <c r="AE40407">
        <v>117</v>
      </c>
      <c r="AF40407">
        <v>119</v>
      </c>
      <c r="AG40407">
        <v>121</v>
      </c>
      <c r="AH40407">
        <v>123</v>
      </c>
      <c r="AI40407">
        <v>126</v>
      </c>
      <c r="AJ40407">
        <v>128</v>
      </c>
      <c r="AK40407">
        <v>130</v>
      </c>
      <c r="AL40407">
        <v>132</v>
      </c>
      <c r="AM40407">
        <v>134</v>
      </c>
      <c r="AN40407">
        <v>137</v>
      </c>
      <c r="AO40407">
        <v>139</v>
      </c>
      <c r="AP40407">
        <v>141</v>
      </c>
      <c r="AQ40407">
        <v>144</v>
      </c>
    </row>
    <row r="40408" spans="1:43">
      <c r="A40408" t="s">
        <v>24991</v>
      </c>
      <c r="B40408" t="s">
        <v>24992</v>
      </c>
      <c r="C40408" t="s">
        <v>13199</v>
      </c>
      <c r="D40408" t="s">
        <v>13200</v>
      </c>
      <c r="E40408" t="s">
        <v>13165</v>
      </c>
      <c r="F40408" t="s">
        <v>13166</v>
      </c>
      <c r="G40408" t="s">
        <v>10214</v>
      </c>
      <c r="H40408" t="s">
        <v>10215</v>
      </c>
      <c r="I40408" s="2">
        <v>1</v>
      </c>
      <c r="J40408" s="2">
        <v>0</v>
      </c>
      <c r="K40408" s="2">
        <v>0</v>
      </c>
      <c r="L40408" t="s">
        <v>120</v>
      </c>
      <c r="M40408" t="s">
        <v>89</v>
      </c>
      <c r="N40408" t="s">
        <v>90</v>
      </c>
      <c r="O40408" t="s">
        <v>85</v>
      </c>
      <c r="P40408" t="s">
        <v>86</v>
      </c>
      <c r="Q40408">
        <v>94</v>
      </c>
      <c r="R40408">
        <v>98</v>
      </c>
      <c r="S40408">
        <v>101</v>
      </c>
      <c r="T40408">
        <v>104</v>
      </c>
      <c r="U40408">
        <v>108</v>
      </c>
      <c r="V40408">
        <v>111</v>
      </c>
      <c r="W40408">
        <v>114</v>
      </c>
      <c r="X40408">
        <v>118</v>
      </c>
      <c r="Y40408">
        <v>121</v>
      </c>
      <c r="Z40408">
        <v>124</v>
      </c>
      <c r="AA40408">
        <v>128</v>
      </c>
      <c r="AB40408">
        <v>131</v>
      </c>
      <c r="AC40408">
        <v>135</v>
      </c>
      <c r="AD40408">
        <v>138</v>
      </c>
      <c r="AE40408">
        <v>142</v>
      </c>
      <c r="AF40408">
        <v>144</v>
      </c>
      <c r="AG40408">
        <v>146</v>
      </c>
      <c r="AH40408">
        <v>148</v>
      </c>
      <c r="AI40408">
        <v>150</v>
      </c>
      <c r="AJ40408">
        <v>152</v>
      </c>
      <c r="AK40408">
        <v>154</v>
      </c>
      <c r="AL40408">
        <v>156</v>
      </c>
      <c r="AM40408">
        <v>159</v>
      </c>
      <c r="AN40408">
        <v>161</v>
      </c>
      <c r="AO40408">
        <v>163</v>
      </c>
      <c r="AP40408">
        <v>166</v>
      </c>
      <c r="AQ40408">
        <v>168</v>
      </c>
    </row>
    <row r="40409" spans="1:43">
      <c r="A40409" t="s">
        <v>24991</v>
      </c>
      <c r="B40409" t="s">
        <v>24992</v>
      </c>
      <c r="C40409" t="s">
        <v>13199</v>
      </c>
      <c r="D40409" t="s">
        <v>13200</v>
      </c>
      <c r="E40409" t="s">
        <v>13165</v>
      </c>
      <c r="F40409" t="s">
        <v>13166</v>
      </c>
      <c r="G40409" t="s">
        <v>10214</v>
      </c>
      <c r="H40409" t="s">
        <v>10215</v>
      </c>
      <c r="I40409" s="2">
        <v>1</v>
      </c>
      <c r="J40409" s="2">
        <v>0</v>
      </c>
      <c r="K40409" s="2">
        <v>0</v>
      </c>
      <c r="L40409" t="s">
        <v>120</v>
      </c>
      <c r="M40409" t="s">
        <v>83</v>
      </c>
      <c r="N40409" t="s">
        <v>91</v>
      </c>
      <c r="O40409" t="s">
        <v>85</v>
      </c>
      <c r="P40409" t="s">
        <v>86</v>
      </c>
      <c r="Q40409">
        <v>94</v>
      </c>
      <c r="R40409">
        <v>97</v>
      </c>
      <c r="S40409">
        <v>99</v>
      </c>
      <c r="T40409">
        <v>102</v>
      </c>
      <c r="U40409">
        <v>105</v>
      </c>
      <c r="V40409">
        <v>107</v>
      </c>
      <c r="W40409">
        <v>110</v>
      </c>
      <c r="X40409">
        <v>113</v>
      </c>
      <c r="Y40409">
        <v>115</v>
      </c>
      <c r="Z40409">
        <v>118</v>
      </c>
      <c r="AA40409">
        <v>121</v>
      </c>
      <c r="AB40409">
        <v>124</v>
      </c>
      <c r="AC40409">
        <v>127</v>
      </c>
      <c r="AD40409">
        <v>130</v>
      </c>
      <c r="AE40409">
        <v>133</v>
      </c>
      <c r="AF40409">
        <v>136</v>
      </c>
      <c r="AG40409">
        <v>139</v>
      </c>
      <c r="AH40409">
        <v>142</v>
      </c>
      <c r="AI40409">
        <v>146</v>
      </c>
      <c r="AJ40409">
        <v>149</v>
      </c>
      <c r="AK40409">
        <v>153</v>
      </c>
      <c r="AL40409">
        <v>155</v>
      </c>
      <c r="AM40409">
        <v>158</v>
      </c>
      <c r="AN40409">
        <v>160</v>
      </c>
      <c r="AO40409">
        <v>162</v>
      </c>
      <c r="AP40409">
        <v>165</v>
      </c>
      <c r="AQ40409">
        <v>167</v>
      </c>
    </row>
    <row r="40410" spans="1:43">
      <c r="A40410" t="s">
        <v>24993</v>
      </c>
      <c r="B40410" t="s">
        <v>24994</v>
      </c>
      <c r="C40410" t="s">
        <v>13199</v>
      </c>
      <c r="D40410" t="s">
        <v>13200</v>
      </c>
      <c r="E40410" t="s">
        <v>13165</v>
      </c>
      <c r="F40410" t="s">
        <v>13166</v>
      </c>
      <c r="G40410" t="s">
        <v>10214</v>
      </c>
      <c r="H40410" t="s">
        <v>10215</v>
      </c>
      <c r="I40410" s="2">
        <v>1</v>
      </c>
      <c r="J40410" s="2">
        <v>0</v>
      </c>
      <c r="K40410" s="2">
        <v>0</v>
      </c>
      <c r="L40410" t="s">
        <v>120</v>
      </c>
      <c r="M40410" t="s">
        <v>83</v>
      </c>
      <c r="N40410" t="s">
        <v>84</v>
      </c>
      <c r="O40410" t="s">
        <v>85</v>
      </c>
      <c r="P40410" t="s">
        <v>86</v>
      </c>
      <c r="Q40410">
        <v>131</v>
      </c>
      <c r="R40410">
        <v>134</v>
      </c>
      <c r="S40410">
        <v>138</v>
      </c>
      <c r="T40410">
        <v>142</v>
      </c>
      <c r="U40410">
        <v>146</v>
      </c>
      <c r="V40410">
        <v>149</v>
      </c>
      <c r="W40410">
        <v>153</v>
      </c>
      <c r="X40410">
        <v>157</v>
      </c>
      <c r="Y40410">
        <v>161</v>
      </c>
      <c r="Z40410">
        <v>165</v>
      </c>
      <c r="AA40410">
        <v>169</v>
      </c>
      <c r="AB40410">
        <v>173</v>
      </c>
      <c r="AC40410">
        <v>177</v>
      </c>
      <c r="AD40410">
        <v>181</v>
      </c>
      <c r="AE40410">
        <v>185</v>
      </c>
      <c r="AF40410">
        <v>190</v>
      </c>
      <c r="AG40410">
        <v>194</v>
      </c>
      <c r="AH40410">
        <v>199</v>
      </c>
      <c r="AI40410">
        <v>204</v>
      </c>
      <c r="AJ40410">
        <v>208</v>
      </c>
      <c r="AK40410">
        <v>213</v>
      </c>
      <c r="AL40410">
        <v>217</v>
      </c>
      <c r="AM40410">
        <v>221</v>
      </c>
      <c r="AN40410">
        <v>224</v>
      </c>
      <c r="AO40410">
        <v>227</v>
      </c>
      <c r="AP40410">
        <v>231</v>
      </c>
      <c r="AQ40410">
        <v>235</v>
      </c>
    </row>
    <row r="40411" spans="1:43">
      <c r="A40411" t="s">
        <v>24993</v>
      </c>
      <c r="B40411" t="s">
        <v>24994</v>
      </c>
      <c r="C40411" t="s">
        <v>13199</v>
      </c>
      <c r="D40411" t="s">
        <v>13200</v>
      </c>
      <c r="E40411" t="s">
        <v>13165</v>
      </c>
      <c r="F40411" t="s">
        <v>13166</v>
      </c>
      <c r="G40411" t="s">
        <v>10214</v>
      </c>
      <c r="H40411" t="s">
        <v>10215</v>
      </c>
      <c r="I40411" s="2">
        <v>1</v>
      </c>
      <c r="J40411" s="2">
        <v>0</v>
      </c>
      <c r="K40411" s="2">
        <v>0</v>
      </c>
      <c r="L40411" t="s">
        <v>120</v>
      </c>
      <c r="M40411" t="s">
        <v>87</v>
      </c>
      <c r="N40411" t="s">
        <v>88</v>
      </c>
      <c r="O40411" t="s">
        <v>85</v>
      </c>
      <c r="P40411" t="s">
        <v>86</v>
      </c>
      <c r="Q40411">
        <v>131</v>
      </c>
      <c r="R40411">
        <v>133</v>
      </c>
      <c r="S40411">
        <v>135</v>
      </c>
      <c r="T40411">
        <v>138</v>
      </c>
      <c r="U40411">
        <v>140</v>
      </c>
      <c r="V40411">
        <v>142</v>
      </c>
      <c r="W40411">
        <v>145</v>
      </c>
      <c r="X40411">
        <v>147</v>
      </c>
      <c r="Y40411">
        <v>150</v>
      </c>
      <c r="Z40411">
        <v>152</v>
      </c>
      <c r="AA40411">
        <v>155</v>
      </c>
      <c r="AB40411">
        <v>158</v>
      </c>
      <c r="AC40411">
        <v>160</v>
      </c>
      <c r="AD40411">
        <v>163</v>
      </c>
      <c r="AE40411">
        <v>166</v>
      </c>
      <c r="AF40411">
        <v>169</v>
      </c>
      <c r="AG40411">
        <v>172</v>
      </c>
      <c r="AH40411">
        <v>175</v>
      </c>
      <c r="AI40411">
        <v>178</v>
      </c>
      <c r="AJ40411">
        <v>181</v>
      </c>
      <c r="AK40411">
        <v>184</v>
      </c>
      <c r="AL40411">
        <v>187</v>
      </c>
      <c r="AM40411">
        <v>190</v>
      </c>
      <c r="AN40411">
        <v>194</v>
      </c>
      <c r="AO40411">
        <v>197</v>
      </c>
      <c r="AP40411">
        <v>201</v>
      </c>
      <c r="AQ40411">
        <v>204</v>
      </c>
    </row>
    <row r="40412" spans="1:43">
      <c r="A40412" t="s">
        <v>24993</v>
      </c>
      <c r="B40412" t="s">
        <v>24994</v>
      </c>
      <c r="C40412" t="s">
        <v>13199</v>
      </c>
      <c r="D40412" t="s">
        <v>13200</v>
      </c>
      <c r="E40412" t="s">
        <v>13165</v>
      </c>
      <c r="F40412" t="s">
        <v>13166</v>
      </c>
      <c r="G40412" t="s">
        <v>10214</v>
      </c>
      <c r="H40412" t="s">
        <v>10215</v>
      </c>
      <c r="I40412" s="2">
        <v>1</v>
      </c>
      <c r="J40412" s="2">
        <v>0</v>
      </c>
      <c r="K40412" s="2">
        <v>0</v>
      </c>
      <c r="L40412" t="s">
        <v>120</v>
      </c>
      <c r="M40412" t="s">
        <v>89</v>
      </c>
      <c r="N40412" t="s">
        <v>90</v>
      </c>
      <c r="O40412" t="s">
        <v>85</v>
      </c>
      <c r="P40412" t="s">
        <v>86</v>
      </c>
      <c r="Q40412">
        <v>131</v>
      </c>
      <c r="R40412">
        <v>136</v>
      </c>
      <c r="S40412">
        <v>141</v>
      </c>
      <c r="T40412">
        <v>146</v>
      </c>
      <c r="U40412">
        <v>150</v>
      </c>
      <c r="V40412">
        <v>155</v>
      </c>
      <c r="W40412">
        <v>159</v>
      </c>
      <c r="X40412">
        <v>164</v>
      </c>
      <c r="Y40412">
        <v>169</v>
      </c>
      <c r="Z40412">
        <v>173</v>
      </c>
      <c r="AA40412">
        <v>178</v>
      </c>
      <c r="AB40412">
        <v>183</v>
      </c>
      <c r="AC40412">
        <v>188</v>
      </c>
      <c r="AD40412">
        <v>193</v>
      </c>
      <c r="AE40412">
        <v>197</v>
      </c>
      <c r="AF40412">
        <v>200</v>
      </c>
      <c r="AG40412">
        <v>203</v>
      </c>
      <c r="AH40412">
        <v>207</v>
      </c>
      <c r="AI40412">
        <v>210</v>
      </c>
      <c r="AJ40412">
        <v>213</v>
      </c>
      <c r="AK40412">
        <v>216</v>
      </c>
      <c r="AL40412">
        <v>219</v>
      </c>
      <c r="AM40412">
        <v>223</v>
      </c>
      <c r="AN40412">
        <v>226</v>
      </c>
      <c r="AO40412">
        <v>230</v>
      </c>
      <c r="AP40412">
        <v>233</v>
      </c>
      <c r="AQ40412">
        <v>237</v>
      </c>
    </row>
    <row r="40413" spans="1:43">
      <c r="A40413" t="s">
        <v>24993</v>
      </c>
      <c r="B40413" t="s">
        <v>24994</v>
      </c>
      <c r="C40413" t="s">
        <v>13199</v>
      </c>
      <c r="D40413" t="s">
        <v>13200</v>
      </c>
      <c r="E40413" t="s">
        <v>13165</v>
      </c>
      <c r="F40413" t="s">
        <v>13166</v>
      </c>
      <c r="G40413" t="s">
        <v>10214</v>
      </c>
      <c r="H40413" t="s">
        <v>10215</v>
      </c>
      <c r="I40413" s="2">
        <v>1</v>
      </c>
      <c r="J40413" s="2">
        <v>0</v>
      </c>
      <c r="K40413" s="2">
        <v>0</v>
      </c>
      <c r="L40413" t="s">
        <v>120</v>
      </c>
      <c r="M40413" t="s">
        <v>83</v>
      </c>
      <c r="N40413" t="s">
        <v>91</v>
      </c>
      <c r="O40413" t="s">
        <v>85</v>
      </c>
      <c r="P40413" t="s">
        <v>86</v>
      </c>
      <c r="Q40413">
        <v>131</v>
      </c>
      <c r="R40413">
        <v>134</v>
      </c>
      <c r="S40413">
        <v>138</v>
      </c>
      <c r="T40413">
        <v>142</v>
      </c>
      <c r="U40413">
        <v>146</v>
      </c>
      <c r="V40413">
        <v>149</v>
      </c>
      <c r="W40413">
        <v>153</v>
      </c>
      <c r="X40413">
        <v>157</v>
      </c>
      <c r="Y40413">
        <v>161</v>
      </c>
      <c r="Z40413">
        <v>165</v>
      </c>
      <c r="AA40413">
        <v>169</v>
      </c>
      <c r="AB40413">
        <v>173</v>
      </c>
      <c r="AC40413">
        <v>177</v>
      </c>
      <c r="AD40413">
        <v>181</v>
      </c>
      <c r="AE40413">
        <v>185</v>
      </c>
      <c r="AF40413">
        <v>190</v>
      </c>
      <c r="AG40413">
        <v>194</v>
      </c>
      <c r="AH40413">
        <v>199</v>
      </c>
      <c r="AI40413">
        <v>204</v>
      </c>
      <c r="AJ40413">
        <v>208</v>
      </c>
      <c r="AK40413">
        <v>213</v>
      </c>
      <c r="AL40413">
        <v>217</v>
      </c>
      <c r="AM40413">
        <v>221</v>
      </c>
      <c r="AN40413">
        <v>224</v>
      </c>
      <c r="AO40413">
        <v>227</v>
      </c>
      <c r="AP40413">
        <v>231</v>
      </c>
      <c r="AQ40413">
        <v>235</v>
      </c>
    </row>
    <row r="40414" spans="1:43">
      <c r="A40414" t="s">
        <v>24995</v>
      </c>
      <c r="B40414" t="s">
        <v>24996</v>
      </c>
      <c r="C40414" t="s">
        <v>24997</v>
      </c>
      <c r="D40414" t="s">
        <v>24998</v>
      </c>
      <c r="E40414" t="s">
        <v>13539</v>
      </c>
      <c r="F40414" t="s">
        <v>13540</v>
      </c>
      <c r="G40414" t="s">
        <v>10214</v>
      </c>
      <c r="H40414" t="s">
        <v>10215</v>
      </c>
      <c r="I40414" s="2">
        <v>1</v>
      </c>
      <c r="J40414" s="2">
        <v>0</v>
      </c>
      <c r="K40414" s="2">
        <v>0</v>
      </c>
      <c r="L40414" t="s">
        <v>120</v>
      </c>
      <c r="M40414" t="s">
        <v>83</v>
      </c>
      <c r="N40414" t="s">
        <v>84</v>
      </c>
      <c r="O40414" t="s">
        <v>85</v>
      </c>
      <c r="P40414" t="s">
        <v>86</v>
      </c>
      <c r="Q40414">
        <v>15</v>
      </c>
      <c r="R40414">
        <v>16</v>
      </c>
      <c r="S40414">
        <v>16</v>
      </c>
      <c r="T40414">
        <v>17</v>
      </c>
      <c r="U40414">
        <v>17</v>
      </c>
      <c r="V40414">
        <v>18</v>
      </c>
      <c r="W40414">
        <v>18</v>
      </c>
      <c r="X40414">
        <v>19</v>
      </c>
      <c r="Y40414">
        <v>19</v>
      </c>
      <c r="Z40414">
        <v>20</v>
      </c>
      <c r="AA40414">
        <v>20</v>
      </c>
      <c r="AB40414">
        <v>21</v>
      </c>
      <c r="AC40414">
        <v>21</v>
      </c>
      <c r="AD40414">
        <v>22</v>
      </c>
      <c r="AE40414">
        <v>22</v>
      </c>
      <c r="AF40414">
        <v>23</v>
      </c>
      <c r="AG40414">
        <v>23</v>
      </c>
      <c r="AH40414">
        <v>24</v>
      </c>
      <c r="AI40414">
        <v>24</v>
      </c>
      <c r="AJ40414">
        <v>25</v>
      </c>
      <c r="AK40414">
        <v>25</v>
      </c>
      <c r="AL40414">
        <v>26</v>
      </c>
      <c r="AM40414">
        <v>26</v>
      </c>
      <c r="AN40414">
        <v>27</v>
      </c>
      <c r="AO40414">
        <v>27</v>
      </c>
      <c r="AP40414">
        <v>27</v>
      </c>
      <c r="AQ40414">
        <v>28</v>
      </c>
    </row>
    <row r="40415" spans="1:43">
      <c r="A40415" t="s">
        <v>24995</v>
      </c>
      <c r="B40415" t="s">
        <v>24996</v>
      </c>
      <c r="C40415" t="s">
        <v>24997</v>
      </c>
      <c r="D40415" t="s">
        <v>24998</v>
      </c>
      <c r="E40415" t="s">
        <v>13539</v>
      </c>
      <c r="F40415" t="s">
        <v>13540</v>
      </c>
      <c r="G40415" t="s">
        <v>10214</v>
      </c>
      <c r="H40415" t="s">
        <v>10215</v>
      </c>
      <c r="I40415" s="2">
        <v>1</v>
      </c>
      <c r="J40415" s="2">
        <v>0</v>
      </c>
      <c r="K40415" s="2">
        <v>0</v>
      </c>
      <c r="L40415" t="s">
        <v>120</v>
      </c>
      <c r="M40415" t="s">
        <v>87</v>
      </c>
      <c r="N40415" t="s">
        <v>88</v>
      </c>
      <c r="O40415" t="s">
        <v>85</v>
      </c>
      <c r="P40415" t="s">
        <v>86</v>
      </c>
      <c r="Q40415">
        <v>15</v>
      </c>
      <c r="R40415">
        <v>16</v>
      </c>
      <c r="S40415">
        <v>16</v>
      </c>
      <c r="T40415">
        <v>16</v>
      </c>
      <c r="U40415">
        <v>16</v>
      </c>
      <c r="V40415">
        <v>17</v>
      </c>
      <c r="W40415">
        <v>17</v>
      </c>
      <c r="X40415">
        <v>17</v>
      </c>
      <c r="Y40415">
        <v>18</v>
      </c>
      <c r="Z40415">
        <v>18</v>
      </c>
      <c r="AA40415">
        <v>18</v>
      </c>
      <c r="AB40415">
        <v>19</v>
      </c>
      <c r="AC40415">
        <v>19</v>
      </c>
      <c r="AD40415">
        <v>19</v>
      </c>
      <c r="AE40415">
        <v>20</v>
      </c>
      <c r="AF40415">
        <v>20</v>
      </c>
      <c r="AG40415">
        <v>20</v>
      </c>
      <c r="AH40415">
        <v>21</v>
      </c>
      <c r="AI40415">
        <v>21</v>
      </c>
      <c r="AJ40415">
        <v>21</v>
      </c>
      <c r="AK40415">
        <v>22</v>
      </c>
      <c r="AL40415">
        <v>22</v>
      </c>
      <c r="AM40415">
        <v>22</v>
      </c>
      <c r="AN40415">
        <v>23</v>
      </c>
      <c r="AO40415">
        <v>23</v>
      </c>
      <c r="AP40415">
        <v>24</v>
      </c>
      <c r="AQ40415">
        <v>24</v>
      </c>
    </row>
    <row r="40416" spans="1:43">
      <c r="A40416" t="s">
        <v>24995</v>
      </c>
      <c r="B40416" t="s">
        <v>24996</v>
      </c>
      <c r="C40416" t="s">
        <v>24997</v>
      </c>
      <c r="D40416" t="s">
        <v>24998</v>
      </c>
      <c r="E40416" t="s">
        <v>13539</v>
      </c>
      <c r="F40416" t="s">
        <v>13540</v>
      </c>
      <c r="G40416" t="s">
        <v>10214</v>
      </c>
      <c r="H40416" t="s">
        <v>10215</v>
      </c>
      <c r="I40416" s="2">
        <v>1</v>
      </c>
      <c r="J40416" s="2">
        <v>0</v>
      </c>
      <c r="K40416" s="2">
        <v>0</v>
      </c>
      <c r="L40416" t="s">
        <v>120</v>
      </c>
      <c r="M40416" t="s">
        <v>89</v>
      </c>
      <c r="N40416" t="s">
        <v>90</v>
      </c>
      <c r="O40416" t="s">
        <v>85</v>
      </c>
      <c r="P40416" t="s">
        <v>86</v>
      </c>
      <c r="Q40416">
        <v>15</v>
      </c>
      <c r="R40416">
        <v>15</v>
      </c>
      <c r="S40416">
        <v>16</v>
      </c>
      <c r="T40416">
        <v>16</v>
      </c>
      <c r="U40416">
        <v>17</v>
      </c>
      <c r="V40416">
        <v>17</v>
      </c>
      <c r="W40416">
        <v>18</v>
      </c>
      <c r="X40416">
        <v>19</v>
      </c>
      <c r="Y40416">
        <v>19</v>
      </c>
      <c r="Z40416">
        <v>20</v>
      </c>
      <c r="AA40416">
        <v>20</v>
      </c>
      <c r="AB40416">
        <v>21</v>
      </c>
      <c r="AC40416">
        <v>22</v>
      </c>
      <c r="AD40416">
        <v>22</v>
      </c>
      <c r="AE40416">
        <v>23</v>
      </c>
      <c r="AF40416">
        <v>23</v>
      </c>
      <c r="AG40416">
        <v>23</v>
      </c>
      <c r="AH40416">
        <v>24</v>
      </c>
      <c r="AI40416">
        <v>24</v>
      </c>
      <c r="AJ40416">
        <v>24</v>
      </c>
      <c r="AK40416">
        <v>25</v>
      </c>
      <c r="AL40416">
        <v>25</v>
      </c>
      <c r="AM40416">
        <v>25</v>
      </c>
      <c r="AN40416">
        <v>26</v>
      </c>
      <c r="AO40416">
        <v>26</v>
      </c>
      <c r="AP40416">
        <v>26</v>
      </c>
      <c r="AQ40416">
        <v>27</v>
      </c>
    </row>
    <row r="40417" spans="1:43">
      <c r="A40417" t="s">
        <v>24995</v>
      </c>
      <c r="B40417" t="s">
        <v>24996</v>
      </c>
      <c r="C40417" t="s">
        <v>24997</v>
      </c>
      <c r="D40417" t="s">
        <v>24998</v>
      </c>
      <c r="E40417" t="s">
        <v>13539</v>
      </c>
      <c r="F40417" t="s">
        <v>13540</v>
      </c>
      <c r="G40417" t="s">
        <v>10214</v>
      </c>
      <c r="H40417" t="s">
        <v>10215</v>
      </c>
      <c r="I40417" s="2">
        <v>1</v>
      </c>
      <c r="J40417" s="2">
        <v>0</v>
      </c>
      <c r="K40417" s="2">
        <v>0</v>
      </c>
      <c r="L40417" t="s">
        <v>120</v>
      </c>
      <c r="M40417" t="s">
        <v>83</v>
      </c>
      <c r="N40417" t="s">
        <v>91</v>
      </c>
      <c r="O40417" t="s">
        <v>85</v>
      </c>
      <c r="P40417" t="s">
        <v>86</v>
      </c>
      <c r="Q40417">
        <v>15</v>
      </c>
      <c r="R40417">
        <v>16</v>
      </c>
      <c r="S40417">
        <v>16</v>
      </c>
      <c r="T40417">
        <v>17</v>
      </c>
      <c r="U40417">
        <v>17</v>
      </c>
      <c r="V40417">
        <v>18</v>
      </c>
      <c r="W40417">
        <v>18</v>
      </c>
      <c r="X40417">
        <v>19</v>
      </c>
      <c r="Y40417">
        <v>19</v>
      </c>
      <c r="Z40417">
        <v>20</v>
      </c>
      <c r="AA40417">
        <v>20</v>
      </c>
      <c r="AB40417">
        <v>21</v>
      </c>
      <c r="AC40417">
        <v>21</v>
      </c>
      <c r="AD40417">
        <v>22</v>
      </c>
      <c r="AE40417">
        <v>22</v>
      </c>
      <c r="AF40417">
        <v>23</v>
      </c>
      <c r="AG40417">
        <v>23</v>
      </c>
      <c r="AH40417">
        <v>24</v>
      </c>
      <c r="AI40417">
        <v>24</v>
      </c>
      <c r="AJ40417">
        <v>25</v>
      </c>
      <c r="AK40417">
        <v>25</v>
      </c>
      <c r="AL40417">
        <v>26</v>
      </c>
      <c r="AM40417">
        <v>26</v>
      </c>
      <c r="AN40417">
        <v>27</v>
      </c>
      <c r="AO40417">
        <v>27</v>
      </c>
      <c r="AP40417">
        <v>27</v>
      </c>
      <c r="AQ40417">
        <v>28</v>
      </c>
    </row>
    <row r="40418" spans="1:43">
      <c r="A40418" t="s">
        <v>24999</v>
      </c>
      <c r="B40418" t="s">
        <v>25000</v>
      </c>
      <c r="C40418" t="s">
        <v>24997</v>
      </c>
      <c r="D40418" t="s">
        <v>24998</v>
      </c>
      <c r="E40418" t="s">
        <v>13539</v>
      </c>
      <c r="F40418" t="s">
        <v>13540</v>
      </c>
      <c r="G40418" t="s">
        <v>10214</v>
      </c>
      <c r="H40418" t="s">
        <v>10215</v>
      </c>
      <c r="I40418" s="2">
        <v>1</v>
      </c>
      <c r="J40418" s="2">
        <v>0</v>
      </c>
      <c r="K40418" s="2">
        <v>0</v>
      </c>
      <c r="L40418" t="s">
        <v>120</v>
      </c>
      <c r="M40418" t="s">
        <v>83</v>
      </c>
      <c r="N40418" t="s">
        <v>84</v>
      </c>
      <c r="O40418" t="s">
        <v>85</v>
      </c>
      <c r="P40418" t="s">
        <v>86</v>
      </c>
      <c r="Q40418">
        <v>25</v>
      </c>
      <c r="R40418">
        <v>25</v>
      </c>
      <c r="S40418">
        <v>26</v>
      </c>
      <c r="T40418">
        <v>27</v>
      </c>
      <c r="U40418">
        <v>28</v>
      </c>
      <c r="V40418">
        <v>28</v>
      </c>
      <c r="W40418">
        <v>29</v>
      </c>
      <c r="X40418">
        <v>30</v>
      </c>
      <c r="Y40418">
        <v>31</v>
      </c>
      <c r="Z40418">
        <v>31</v>
      </c>
      <c r="AA40418">
        <v>32</v>
      </c>
      <c r="AB40418">
        <v>33</v>
      </c>
      <c r="AC40418">
        <v>34</v>
      </c>
      <c r="AD40418">
        <v>34</v>
      </c>
      <c r="AE40418">
        <v>35</v>
      </c>
      <c r="AF40418">
        <v>36</v>
      </c>
      <c r="AG40418">
        <v>37</v>
      </c>
      <c r="AH40418">
        <v>38</v>
      </c>
      <c r="AI40418">
        <v>39</v>
      </c>
      <c r="AJ40418">
        <v>40</v>
      </c>
      <c r="AK40418">
        <v>41</v>
      </c>
      <c r="AL40418">
        <v>41</v>
      </c>
      <c r="AM40418">
        <v>42</v>
      </c>
      <c r="AN40418">
        <v>42</v>
      </c>
      <c r="AO40418">
        <v>43</v>
      </c>
      <c r="AP40418">
        <v>44</v>
      </c>
      <c r="AQ40418">
        <v>44</v>
      </c>
    </row>
    <row r="40419" spans="1:43">
      <c r="A40419" t="s">
        <v>24999</v>
      </c>
      <c r="B40419" t="s">
        <v>25000</v>
      </c>
      <c r="C40419" t="s">
        <v>24997</v>
      </c>
      <c r="D40419" t="s">
        <v>24998</v>
      </c>
      <c r="E40419" t="s">
        <v>13539</v>
      </c>
      <c r="F40419" t="s">
        <v>13540</v>
      </c>
      <c r="G40419" t="s">
        <v>10214</v>
      </c>
      <c r="H40419" t="s">
        <v>10215</v>
      </c>
      <c r="I40419" s="2">
        <v>1</v>
      </c>
      <c r="J40419" s="2">
        <v>0</v>
      </c>
      <c r="K40419" s="2">
        <v>0</v>
      </c>
      <c r="L40419" t="s">
        <v>120</v>
      </c>
      <c r="M40419" t="s">
        <v>87</v>
      </c>
      <c r="N40419" t="s">
        <v>88</v>
      </c>
      <c r="O40419" t="s">
        <v>85</v>
      </c>
      <c r="P40419" t="s">
        <v>86</v>
      </c>
      <c r="Q40419">
        <v>25</v>
      </c>
      <c r="R40419">
        <v>25</v>
      </c>
      <c r="S40419">
        <v>25</v>
      </c>
      <c r="T40419">
        <v>26</v>
      </c>
      <c r="U40419">
        <v>26</v>
      </c>
      <c r="V40419">
        <v>27</v>
      </c>
      <c r="W40419">
        <v>27</v>
      </c>
      <c r="X40419">
        <v>28</v>
      </c>
      <c r="Y40419">
        <v>28</v>
      </c>
      <c r="Z40419">
        <v>29</v>
      </c>
      <c r="AA40419">
        <v>29</v>
      </c>
      <c r="AB40419">
        <v>30</v>
      </c>
      <c r="AC40419">
        <v>30</v>
      </c>
      <c r="AD40419">
        <v>31</v>
      </c>
      <c r="AE40419">
        <v>31</v>
      </c>
      <c r="AF40419">
        <v>32</v>
      </c>
      <c r="AG40419">
        <v>32</v>
      </c>
      <c r="AH40419">
        <v>33</v>
      </c>
      <c r="AI40419">
        <v>34</v>
      </c>
      <c r="AJ40419">
        <v>34</v>
      </c>
      <c r="AK40419">
        <v>35</v>
      </c>
      <c r="AL40419">
        <v>35</v>
      </c>
      <c r="AM40419">
        <v>36</v>
      </c>
      <c r="AN40419">
        <v>37</v>
      </c>
      <c r="AO40419">
        <v>37</v>
      </c>
      <c r="AP40419">
        <v>38</v>
      </c>
      <c r="AQ40419">
        <v>38</v>
      </c>
    </row>
    <row r="40420" spans="1:43">
      <c r="A40420" t="s">
        <v>24999</v>
      </c>
      <c r="B40420" t="s">
        <v>25000</v>
      </c>
      <c r="C40420" t="s">
        <v>24997</v>
      </c>
      <c r="D40420" t="s">
        <v>24998</v>
      </c>
      <c r="E40420" t="s">
        <v>13539</v>
      </c>
      <c r="F40420" t="s">
        <v>13540</v>
      </c>
      <c r="G40420" t="s">
        <v>10214</v>
      </c>
      <c r="H40420" t="s">
        <v>10215</v>
      </c>
      <c r="I40420" s="2">
        <v>1</v>
      </c>
      <c r="J40420" s="2">
        <v>0</v>
      </c>
      <c r="K40420" s="2">
        <v>0</v>
      </c>
      <c r="L40420" t="s">
        <v>120</v>
      </c>
      <c r="M40420" t="s">
        <v>89</v>
      </c>
      <c r="N40420" t="s">
        <v>90</v>
      </c>
      <c r="O40420" t="s">
        <v>85</v>
      </c>
      <c r="P40420" t="s">
        <v>86</v>
      </c>
      <c r="Q40420">
        <v>25</v>
      </c>
      <c r="R40420">
        <v>26</v>
      </c>
      <c r="S40420">
        <v>27</v>
      </c>
      <c r="T40420">
        <v>28</v>
      </c>
      <c r="U40420">
        <v>29</v>
      </c>
      <c r="V40420">
        <v>30</v>
      </c>
      <c r="W40420">
        <v>30</v>
      </c>
      <c r="X40420">
        <v>31</v>
      </c>
      <c r="Y40420">
        <v>32</v>
      </c>
      <c r="Z40420">
        <v>33</v>
      </c>
      <c r="AA40420">
        <v>34</v>
      </c>
      <c r="AB40420">
        <v>35</v>
      </c>
      <c r="AC40420">
        <v>36</v>
      </c>
      <c r="AD40420">
        <v>37</v>
      </c>
      <c r="AE40420">
        <v>38</v>
      </c>
      <c r="AF40420">
        <v>38</v>
      </c>
      <c r="AG40420">
        <v>39</v>
      </c>
      <c r="AH40420">
        <v>39</v>
      </c>
      <c r="AI40420">
        <v>40</v>
      </c>
      <c r="AJ40420">
        <v>40</v>
      </c>
      <c r="AK40420">
        <v>41</v>
      </c>
      <c r="AL40420">
        <v>42</v>
      </c>
      <c r="AM40420">
        <v>42</v>
      </c>
      <c r="AN40420">
        <v>43</v>
      </c>
      <c r="AO40420">
        <v>43</v>
      </c>
      <c r="AP40420">
        <v>44</v>
      </c>
      <c r="AQ40420">
        <v>44</v>
      </c>
    </row>
    <row r="40421" spans="1:43">
      <c r="A40421" t="s">
        <v>24999</v>
      </c>
      <c r="B40421" t="s">
        <v>25000</v>
      </c>
      <c r="C40421" t="s">
        <v>24997</v>
      </c>
      <c r="D40421" t="s">
        <v>24998</v>
      </c>
      <c r="E40421" t="s">
        <v>13539</v>
      </c>
      <c r="F40421" t="s">
        <v>13540</v>
      </c>
      <c r="G40421" t="s">
        <v>10214</v>
      </c>
      <c r="H40421" t="s">
        <v>10215</v>
      </c>
      <c r="I40421" s="2">
        <v>1</v>
      </c>
      <c r="J40421" s="2">
        <v>0</v>
      </c>
      <c r="K40421" s="2">
        <v>0</v>
      </c>
      <c r="L40421" t="s">
        <v>120</v>
      </c>
      <c r="M40421" t="s">
        <v>83</v>
      </c>
      <c r="N40421" t="s">
        <v>91</v>
      </c>
      <c r="O40421" t="s">
        <v>85</v>
      </c>
      <c r="P40421" t="s">
        <v>86</v>
      </c>
      <c r="Q40421">
        <v>25</v>
      </c>
      <c r="R40421">
        <v>25</v>
      </c>
      <c r="S40421">
        <v>26</v>
      </c>
      <c r="T40421">
        <v>27</v>
      </c>
      <c r="U40421">
        <v>28</v>
      </c>
      <c r="V40421">
        <v>28</v>
      </c>
      <c r="W40421">
        <v>29</v>
      </c>
      <c r="X40421">
        <v>30</v>
      </c>
      <c r="Y40421">
        <v>31</v>
      </c>
      <c r="Z40421">
        <v>31</v>
      </c>
      <c r="AA40421">
        <v>32</v>
      </c>
      <c r="AB40421">
        <v>33</v>
      </c>
      <c r="AC40421">
        <v>34</v>
      </c>
      <c r="AD40421">
        <v>34</v>
      </c>
      <c r="AE40421">
        <v>35</v>
      </c>
      <c r="AF40421">
        <v>36</v>
      </c>
      <c r="AG40421">
        <v>37</v>
      </c>
      <c r="AH40421">
        <v>38</v>
      </c>
      <c r="AI40421">
        <v>39</v>
      </c>
      <c r="AJ40421">
        <v>40</v>
      </c>
      <c r="AK40421">
        <v>41</v>
      </c>
      <c r="AL40421">
        <v>41</v>
      </c>
      <c r="AM40421">
        <v>42</v>
      </c>
      <c r="AN40421">
        <v>42</v>
      </c>
      <c r="AO40421">
        <v>43</v>
      </c>
      <c r="AP40421">
        <v>44</v>
      </c>
      <c r="AQ40421">
        <v>44</v>
      </c>
    </row>
    <row r="40422" spans="1:43">
      <c r="A40422" t="s">
        <v>25001</v>
      </c>
      <c r="B40422" t="s">
        <v>25002</v>
      </c>
      <c r="C40422" t="s">
        <v>24997</v>
      </c>
      <c r="D40422" t="s">
        <v>24998</v>
      </c>
      <c r="E40422" t="s">
        <v>13539</v>
      </c>
      <c r="F40422" t="s">
        <v>13540</v>
      </c>
      <c r="G40422" t="s">
        <v>10214</v>
      </c>
      <c r="H40422" t="s">
        <v>10215</v>
      </c>
      <c r="I40422" s="2">
        <v>1</v>
      </c>
      <c r="J40422" s="2">
        <v>0</v>
      </c>
      <c r="K40422" s="2">
        <v>0</v>
      </c>
      <c r="L40422" t="s">
        <v>120</v>
      </c>
      <c r="M40422" t="s">
        <v>83</v>
      </c>
      <c r="N40422" t="s">
        <v>84</v>
      </c>
      <c r="O40422" t="s">
        <v>85</v>
      </c>
      <c r="P40422" t="s">
        <v>86</v>
      </c>
      <c r="Q40422">
        <v>11</v>
      </c>
      <c r="R40422">
        <v>11</v>
      </c>
      <c r="S40422">
        <v>11</v>
      </c>
      <c r="T40422">
        <v>11</v>
      </c>
      <c r="U40422">
        <v>12</v>
      </c>
      <c r="V40422">
        <v>12</v>
      </c>
      <c r="W40422">
        <v>12</v>
      </c>
      <c r="X40422">
        <v>13</v>
      </c>
      <c r="Y40422">
        <v>13</v>
      </c>
      <c r="Z40422">
        <v>13</v>
      </c>
      <c r="AA40422">
        <v>14</v>
      </c>
      <c r="AB40422">
        <v>14</v>
      </c>
      <c r="AC40422">
        <v>14</v>
      </c>
      <c r="AD40422">
        <v>15</v>
      </c>
      <c r="AE40422">
        <v>15</v>
      </c>
      <c r="AF40422">
        <v>15</v>
      </c>
      <c r="AG40422">
        <v>16</v>
      </c>
      <c r="AH40422">
        <v>16</v>
      </c>
      <c r="AI40422">
        <v>17</v>
      </c>
      <c r="AJ40422">
        <v>17</v>
      </c>
      <c r="AK40422">
        <v>17</v>
      </c>
      <c r="AL40422">
        <v>18</v>
      </c>
      <c r="AM40422">
        <v>18</v>
      </c>
      <c r="AN40422">
        <v>18</v>
      </c>
      <c r="AO40422">
        <v>18</v>
      </c>
      <c r="AP40422">
        <v>19</v>
      </c>
      <c r="AQ40422">
        <v>19</v>
      </c>
    </row>
    <row r="40423" spans="1:43">
      <c r="A40423" t="s">
        <v>25001</v>
      </c>
      <c r="B40423" t="s">
        <v>25002</v>
      </c>
      <c r="C40423" t="s">
        <v>24997</v>
      </c>
      <c r="D40423" t="s">
        <v>24998</v>
      </c>
      <c r="E40423" t="s">
        <v>13539</v>
      </c>
      <c r="F40423" t="s">
        <v>13540</v>
      </c>
      <c r="G40423" t="s">
        <v>10214</v>
      </c>
      <c r="H40423" t="s">
        <v>10215</v>
      </c>
      <c r="I40423" s="2">
        <v>1</v>
      </c>
      <c r="J40423" s="2">
        <v>0</v>
      </c>
      <c r="K40423" s="2">
        <v>0</v>
      </c>
      <c r="L40423" t="s">
        <v>120</v>
      </c>
      <c r="M40423" t="s">
        <v>87</v>
      </c>
      <c r="N40423" t="s">
        <v>88</v>
      </c>
      <c r="O40423" t="s">
        <v>85</v>
      </c>
      <c r="P40423" t="s">
        <v>86</v>
      </c>
      <c r="Q40423">
        <v>11</v>
      </c>
      <c r="R40423">
        <v>12</v>
      </c>
      <c r="S40423">
        <v>12</v>
      </c>
      <c r="T40423">
        <v>12</v>
      </c>
      <c r="U40423">
        <v>12</v>
      </c>
      <c r="V40423">
        <v>12</v>
      </c>
      <c r="W40423">
        <v>13</v>
      </c>
      <c r="X40423">
        <v>13</v>
      </c>
      <c r="Y40423">
        <v>13</v>
      </c>
      <c r="Z40423">
        <v>13</v>
      </c>
      <c r="AA40423">
        <v>13</v>
      </c>
      <c r="AB40423">
        <v>14</v>
      </c>
      <c r="AC40423">
        <v>14</v>
      </c>
      <c r="AD40423">
        <v>14</v>
      </c>
      <c r="AE40423">
        <v>14</v>
      </c>
      <c r="AF40423">
        <v>15</v>
      </c>
      <c r="AG40423">
        <v>15</v>
      </c>
      <c r="AH40423">
        <v>15</v>
      </c>
      <c r="AI40423">
        <v>15</v>
      </c>
      <c r="AJ40423">
        <v>15</v>
      </c>
      <c r="AK40423">
        <v>16</v>
      </c>
      <c r="AL40423">
        <v>16</v>
      </c>
      <c r="AM40423">
        <v>16</v>
      </c>
      <c r="AN40423">
        <v>17</v>
      </c>
      <c r="AO40423">
        <v>17</v>
      </c>
      <c r="AP40423">
        <v>17</v>
      </c>
      <c r="AQ40423">
        <v>17</v>
      </c>
    </row>
    <row r="40424" spans="1:43">
      <c r="A40424" t="s">
        <v>25001</v>
      </c>
      <c r="B40424" t="s">
        <v>25002</v>
      </c>
      <c r="C40424" t="s">
        <v>24997</v>
      </c>
      <c r="D40424" t="s">
        <v>24998</v>
      </c>
      <c r="E40424" t="s">
        <v>13539</v>
      </c>
      <c r="F40424" t="s">
        <v>13540</v>
      </c>
      <c r="G40424" t="s">
        <v>10214</v>
      </c>
      <c r="H40424" t="s">
        <v>10215</v>
      </c>
      <c r="I40424" s="2">
        <v>1</v>
      </c>
      <c r="J40424" s="2">
        <v>0</v>
      </c>
      <c r="K40424" s="2">
        <v>0</v>
      </c>
      <c r="L40424" t="s">
        <v>120</v>
      </c>
      <c r="M40424" t="s">
        <v>89</v>
      </c>
      <c r="N40424" t="s">
        <v>90</v>
      </c>
      <c r="O40424" t="s">
        <v>85</v>
      </c>
      <c r="P40424" t="s">
        <v>86</v>
      </c>
      <c r="Q40424">
        <v>11</v>
      </c>
      <c r="R40424">
        <v>11</v>
      </c>
      <c r="S40424">
        <v>11</v>
      </c>
      <c r="T40424">
        <v>12</v>
      </c>
      <c r="U40424">
        <v>12</v>
      </c>
      <c r="V40424">
        <v>13</v>
      </c>
      <c r="W40424">
        <v>13</v>
      </c>
      <c r="X40424">
        <v>13</v>
      </c>
      <c r="Y40424">
        <v>14</v>
      </c>
      <c r="Z40424">
        <v>14</v>
      </c>
      <c r="AA40424">
        <v>15</v>
      </c>
      <c r="AB40424">
        <v>15</v>
      </c>
      <c r="AC40424">
        <v>15</v>
      </c>
      <c r="AD40424">
        <v>16</v>
      </c>
      <c r="AE40424">
        <v>16</v>
      </c>
      <c r="AF40424">
        <v>16</v>
      </c>
      <c r="AG40424">
        <v>17</v>
      </c>
      <c r="AH40424">
        <v>17</v>
      </c>
      <c r="AI40424">
        <v>17</v>
      </c>
      <c r="AJ40424">
        <v>17</v>
      </c>
      <c r="AK40424">
        <v>18</v>
      </c>
      <c r="AL40424">
        <v>18</v>
      </c>
      <c r="AM40424">
        <v>18</v>
      </c>
      <c r="AN40424">
        <v>18</v>
      </c>
      <c r="AO40424">
        <v>18</v>
      </c>
      <c r="AP40424">
        <v>19</v>
      </c>
      <c r="AQ40424">
        <v>19</v>
      </c>
    </row>
    <row r="40425" spans="1:43">
      <c r="A40425" t="s">
        <v>25001</v>
      </c>
      <c r="B40425" t="s">
        <v>25002</v>
      </c>
      <c r="C40425" t="s">
        <v>24997</v>
      </c>
      <c r="D40425" t="s">
        <v>24998</v>
      </c>
      <c r="E40425" t="s">
        <v>13539</v>
      </c>
      <c r="F40425" t="s">
        <v>13540</v>
      </c>
      <c r="G40425" t="s">
        <v>10214</v>
      </c>
      <c r="H40425" t="s">
        <v>10215</v>
      </c>
      <c r="I40425" s="2">
        <v>1</v>
      </c>
      <c r="J40425" s="2">
        <v>0</v>
      </c>
      <c r="K40425" s="2">
        <v>0</v>
      </c>
      <c r="L40425" t="s">
        <v>120</v>
      </c>
      <c r="M40425" t="s">
        <v>83</v>
      </c>
      <c r="N40425" t="s">
        <v>91</v>
      </c>
      <c r="O40425" t="s">
        <v>85</v>
      </c>
      <c r="P40425" t="s">
        <v>86</v>
      </c>
      <c r="Q40425">
        <v>11</v>
      </c>
      <c r="R40425">
        <v>11</v>
      </c>
      <c r="S40425">
        <v>11</v>
      </c>
      <c r="T40425">
        <v>11</v>
      </c>
      <c r="U40425">
        <v>12</v>
      </c>
      <c r="V40425">
        <v>12</v>
      </c>
      <c r="W40425">
        <v>12</v>
      </c>
      <c r="X40425">
        <v>13</v>
      </c>
      <c r="Y40425">
        <v>13</v>
      </c>
      <c r="Z40425">
        <v>13</v>
      </c>
      <c r="AA40425">
        <v>14</v>
      </c>
      <c r="AB40425">
        <v>14</v>
      </c>
      <c r="AC40425">
        <v>14</v>
      </c>
      <c r="AD40425">
        <v>15</v>
      </c>
      <c r="AE40425">
        <v>15</v>
      </c>
      <c r="AF40425">
        <v>15</v>
      </c>
      <c r="AG40425">
        <v>16</v>
      </c>
      <c r="AH40425">
        <v>16</v>
      </c>
      <c r="AI40425">
        <v>17</v>
      </c>
      <c r="AJ40425">
        <v>17</v>
      </c>
      <c r="AK40425">
        <v>17</v>
      </c>
      <c r="AL40425">
        <v>18</v>
      </c>
      <c r="AM40425">
        <v>18</v>
      </c>
      <c r="AN40425">
        <v>18</v>
      </c>
      <c r="AO40425">
        <v>18</v>
      </c>
      <c r="AP40425">
        <v>19</v>
      </c>
      <c r="AQ40425">
        <v>19</v>
      </c>
    </row>
    <row r="40426" spans="1:43">
      <c r="A40426" t="s">
        <v>25003</v>
      </c>
      <c r="B40426" t="s">
        <v>25004</v>
      </c>
      <c r="C40426" t="s">
        <v>13669</v>
      </c>
      <c r="D40426" t="s">
        <v>13670</v>
      </c>
      <c r="E40426" t="s">
        <v>13539</v>
      </c>
      <c r="F40426" t="s">
        <v>13540</v>
      </c>
      <c r="G40426" t="s">
        <v>10214</v>
      </c>
      <c r="H40426" t="s">
        <v>10215</v>
      </c>
      <c r="I40426" s="2">
        <v>1</v>
      </c>
      <c r="J40426" s="2">
        <v>0</v>
      </c>
      <c r="K40426" s="2">
        <v>0</v>
      </c>
      <c r="L40426" t="s">
        <v>120</v>
      </c>
      <c r="M40426" t="s">
        <v>83</v>
      </c>
      <c r="N40426" t="s">
        <v>84</v>
      </c>
      <c r="O40426" t="s">
        <v>85</v>
      </c>
      <c r="P40426" t="s">
        <v>86</v>
      </c>
      <c r="Q40426">
        <v>39</v>
      </c>
      <c r="R40426">
        <v>40</v>
      </c>
      <c r="S40426">
        <v>41</v>
      </c>
      <c r="T40426">
        <v>42</v>
      </c>
      <c r="U40426">
        <v>44</v>
      </c>
      <c r="V40426">
        <v>45</v>
      </c>
      <c r="W40426">
        <v>46</v>
      </c>
      <c r="X40426">
        <v>47</v>
      </c>
      <c r="Y40426">
        <v>48</v>
      </c>
      <c r="Z40426">
        <v>49</v>
      </c>
      <c r="AA40426">
        <v>51</v>
      </c>
      <c r="AB40426">
        <v>52</v>
      </c>
      <c r="AC40426">
        <v>53</v>
      </c>
      <c r="AD40426">
        <v>54</v>
      </c>
      <c r="AE40426">
        <v>56</v>
      </c>
      <c r="AF40426">
        <v>57</v>
      </c>
      <c r="AG40426">
        <v>58</v>
      </c>
      <c r="AH40426">
        <v>60</v>
      </c>
      <c r="AI40426">
        <v>61</v>
      </c>
      <c r="AJ40426">
        <v>62</v>
      </c>
      <c r="AK40426">
        <v>64</v>
      </c>
      <c r="AL40426">
        <v>65</v>
      </c>
      <c r="AM40426">
        <v>66</v>
      </c>
      <c r="AN40426">
        <v>67</v>
      </c>
      <c r="AO40426">
        <v>68</v>
      </c>
      <c r="AP40426">
        <v>69</v>
      </c>
      <c r="AQ40426">
        <v>69</v>
      </c>
    </row>
    <row r="40427" spans="1:43">
      <c r="A40427" t="s">
        <v>25003</v>
      </c>
      <c r="B40427" t="s">
        <v>25004</v>
      </c>
      <c r="C40427" t="s">
        <v>13669</v>
      </c>
      <c r="D40427" t="s">
        <v>13670</v>
      </c>
      <c r="E40427" t="s">
        <v>13539</v>
      </c>
      <c r="F40427" t="s">
        <v>13540</v>
      </c>
      <c r="G40427" t="s">
        <v>10214</v>
      </c>
      <c r="H40427" t="s">
        <v>10215</v>
      </c>
      <c r="I40427" s="2">
        <v>1</v>
      </c>
      <c r="J40427" s="2">
        <v>0</v>
      </c>
      <c r="K40427" s="2">
        <v>0</v>
      </c>
      <c r="L40427" t="s">
        <v>120</v>
      </c>
      <c r="M40427" t="s">
        <v>87</v>
      </c>
      <c r="N40427" t="s">
        <v>88</v>
      </c>
      <c r="O40427" t="s">
        <v>85</v>
      </c>
      <c r="P40427" t="s">
        <v>86</v>
      </c>
      <c r="Q40427">
        <v>39</v>
      </c>
      <c r="R40427">
        <v>39</v>
      </c>
      <c r="S40427">
        <v>40</v>
      </c>
      <c r="T40427">
        <v>41</v>
      </c>
      <c r="U40427">
        <v>42</v>
      </c>
      <c r="V40427">
        <v>42</v>
      </c>
      <c r="W40427">
        <v>43</v>
      </c>
      <c r="X40427">
        <v>44</v>
      </c>
      <c r="Y40427">
        <v>45</v>
      </c>
      <c r="Z40427">
        <v>45</v>
      </c>
      <c r="AA40427">
        <v>46</v>
      </c>
      <c r="AB40427">
        <v>47</v>
      </c>
      <c r="AC40427">
        <v>48</v>
      </c>
      <c r="AD40427">
        <v>49</v>
      </c>
      <c r="AE40427">
        <v>49</v>
      </c>
      <c r="AF40427">
        <v>50</v>
      </c>
      <c r="AG40427">
        <v>51</v>
      </c>
      <c r="AH40427">
        <v>52</v>
      </c>
      <c r="AI40427">
        <v>53</v>
      </c>
      <c r="AJ40427">
        <v>54</v>
      </c>
      <c r="AK40427">
        <v>55</v>
      </c>
      <c r="AL40427">
        <v>56</v>
      </c>
      <c r="AM40427">
        <v>57</v>
      </c>
      <c r="AN40427">
        <v>58</v>
      </c>
      <c r="AO40427">
        <v>59</v>
      </c>
      <c r="AP40427">
        <v>60</v>
      </c>
      <c r="AQ40427">
        <v>61</v>
      </c>
    </row>
    <row r="40428" spans="1:43">
      <c r="A40428" t="s">
        <v>25003</v>
      </c>
      <c r="B40428" t="s">
        <v>25004</v>
      </c>
      <c r="C40428" t="s">
        <v>13669</v>
      </c>
      <c r="D40428" t="s">
        <v>13670</v>
      </c>
      <c r="E40428" t="s">
        <v>13539</v>
      </c>
      <c r="F40428" t="s">
        <v>13540</v>
      </c>
      <c r="G40428" t="s">
        <v>10214</v>
      </c>
      <c r="H40428" t="s">
        <v>10215</v>
      </c>
      <c r="I40428" s="2">
        <v>1</v>
      </c>
      <c r="J40428" s="2">
        <v>0</v>
      </c>
      <c r="K40428" s="2">
        <v>0</v>
      </c>
      <c r="L40428" t="s">
        <v>120</v>
      </c>
      <c r="M40428" t="s">
        <v>89</v>
      </c>
      <c r="N40428" t="s">
        <v>90</v>
      </c>
      <c r="O40428" t="s">
        <v>85</v>
      </c>
      <c r="P40428" t="s">
        <v>86</v>
      </c>
      <c r="Q40428">
        <v>39</v>
      </c>
      <c r="R40428">
        <v>41</v>
      </c>
      <c r="S40428">
        <v>42</v>
      </c>
      <c r="T40428">
        <v>44</v>
      </c>
      <c r="U40428">
        <v>45</v>
      </c>
      <c r="V40428">
        <v>47</v>
      </c>
      <c r="W40428">
        <v>48</v>
      </c>
      <c r="X40428">
        <v>49</v>
      </c>
      <c r="Y40428">
        <v>51</v>
      </c>
      <c r="Z40428">
        <v>52</v>
      </c>
      <c r="AA40428">
        <v>54</v>
      </c>
      <c r="AB40428">
        <v>55</v>
      </c>
      <c r="AC40428">
        <v>57</v>
      </c>
      <c r="AD40428">
        <v>58</v>
      </c>
      <c r="AE40428">
        <v>59</v>
      </c>
      <c r="AF40428">
        <v>60</v>
      </c>
      <c r="AG40428">
        <v>61</v>
      </c>
      <c r="AH40428">
        <v>62</v>
      </c>
      <c r="AI40428">
        <v>63</v>
      </c>
      <c r="AJ40428">
        <v>64</v>
      </c>
      <c r="AK40428">
        <v>64</v>
      </c>
      <c r="AL40428">
        <v>65</v>
      </c>
      <c r="AM40428">
        <v>66</v>
      </c>
      <c r="AN40428">
        <v>67</v>
      </c>
      <c r="AO40428">
        <v>68</v>
      </c>
      <c r="AP40428">
        <v>69</v>
      </c>
      <c r="AQ40428">
        <v>70</v>
      </c>
    </row>
    <row r="40429" spans="1:43">
      <c r="A40429" t="s">
        <v>25003</v>
      </c>
      <c r="B40429" t="s">
        <v>25004</v>
      </c>
      <c r="C40429" t="s">
        <v>13669</v>
      </c>
      <c r="D40429" t="s">
        <v>13670</v>
      </c>
      <c r="E40429" t="s">
        <v>13539</v>
      </c>
      <c r="F40429" t="s">
        <v>13540</v>
      </c>
      <c r="G40429" t="s">
        <v>10214</v>
      </c>
      <c r="H40429" t="s">
        <v>10215</v>
      </c>
      <c r="I40429" s="2">
        <v>1</v>
      </c>
      <c r="J40429" s="2">
        <v>0</v>
      </c>
      <c r="K40429" s="2">
        <v>0</v>
      </c>
      <c r="L40429" t="s">
        <v>120</v>
      </c>
      <c r="M40429" t="s">
        <v>83</v>
      </c>
      <c r="N40429" t="s">
        <v>91</v>
      </c>
      <c r="O40429" t="s">
        <v>85</v>
      </c>
      <c r="P40429" t="s">
        <v>86</v>
      </c>
      <c r="Q40429">
        <v>39</v>
      </c>
      <c r="R40429">
        <v>40</v>
      </c>
      <c r="S40429">
        <v>41</v>
      </c>
      <c r="T40429">
        <v>42</v>
      </c>
      <c r="U40429">
        <v>44</v>
      </c>
      <c r="V40429">
        <v>45</v>
      </c>
      <c r="W40429">
        <v>46</v>
      </c>
      <c r="X40429">
        <v>47</v>
      </c>
      <c r="Y40429">
        <v>48</v>
      </c>
      <c r="Z40429">
        <v>49</v>
      </c>
      <c r="AA40429">
        <v>51</v>
      </c>
      <c r="AB40429">
        <v>52</v>
      </c>
      <c r="AC40429">
        <v>53</v>
      </c>
      <c r="AD40429">
        <v>54</v>
      </c>
      <c r="AE40429">
        <v>56</v>
      </c>
      <c r="AF40429">
        <v>57</v>
      </c>
      <c r="AG40429">
        <v>58</v>
      </c>
      <c r="AH40429">
        <v>60</v>
      </c>
      <c r="AI40429">
        <v>61</v>
      </c>
      <c r="AJ40429">
        <v>62</v>
      </c>
      <c r="AK40429">
        <v>64</v>
      </c>
      <c r="AL40429">
        <v>65</v>
      </c>
      <c r="AM40429">
        <v>66</v>
      </c>
      <c r="AN40429">
        <v>67</v>
      </c>
      <c r="AO40429">
        <v>68</v>
      </c>
      <c r="AP40429">
        <v>69</v>
      </c>
      <c r="AQ40429">
        <v>69</v>
      </c>
    </row>
    <row r="40430" spans="1:43">
      <c r="A40430" t="s">
        <v>25005</v>
      </c>
      <c r="B40430" t="s">
        <v>25006</v>
      </c>
      <c r="C40430" t="s">
        <v>24997</v>
      </c>
      <c r="D40430" t="s">
        <v>24998</v>
      </c>
      <c r="E40430" t="s">
        <v>13539</v>
      </c>
      <c r="F40430" t="s">
        <v>13540</v>
      </c>
      <c r="G40430" t="s">
        <v>10214</v>
      </c>
      <c r="H40430" t="s">
        <v>10215</v>
      </c>
      <c r="I40430" s="2">
        <v>1</v>
      </c>
      <c r="J40430" s="2">
        <v>0</v>
      </c>
      <c r="K40430" s="2">
        <v>0</v>
      </c>
      <c r="L40430" t="s">
        <v>120</v>
      </c>
      <c r="M40430" t="s">
        <v>83</v>
      </c>
      <c r="N40430" t="s">
        <v>84</v>
      </c>
      <c r="O40430" t="s">
        <v>85</v>
      </c>
      <c r="P40430" t="s">
        <v>86</v>
      </c>
      <c r="Q40430">
        <v>7</v>
      </c>
      <c r="R40430">
        <v>7</v>
      </c>
      <c r="S40430">
        <v>7</v>
      </c>
      <c r="T40430">
        <v>7</v>
      </c>
      <c r="U40430">
        <v>7</v>
      </c>
      <c r="V40430">
        <v>8</v>
      </c>
      <c r="W40430">
        <v>8</v>
      </c>
      <c r="X40430">
        <v>8</v>
      </c>
      <c r="Y40430">
        <v>8</v>
      </c>
      <c r="Z40430">
        <v>8</v>
      </c>
      <c r="AA40430">
        <v>9</v>
      </c>
      <c r="AB40430">
        <v>9</v>
      </c>
      <c r="AC40430">
        <v>9</v>
      </c>
      <c r="AD40430">
        <v>9</v>
      </c>
      <c r="AE40430">
        <v>9</v>
      </c>
      <c r="AF40430">
        <v>10</v>
      </c>
      <c r="AG40430">
        <v>10</v>
      </c>
      <c r="AH40430">
        <v>10</v>
      </c>
      <c r="AI40430">
        <v>10</v>
      </c>
      <c r="AJ40430">
        <v>11</v>
      </c>
      <c r="AK40430">
        <v>11</v>
      </c>
      <c r="AL40430">
        <v>11</v>
      </c>
      <c r="AM40430">
        <v>11</v>
      </c>
      <c r="AN40430">
        <v>11</v>
      </c>
      <c r="AO40430">
        <v>12</v>
      </c>
      <c r="AP40430">
        <v>12</v>
      </c>
      <c r="AQ40430">
        <v>12</v>
      </c>
    </row>
    <row r="40431" spans="1:43">
      <c r="A40431" t="s">
        <v>25005</v>
      </c>
      <c r="B40431" t="s">
        <v>25006</v>
      </c>
      <c r="C40431" t="s">
        <v>24997</v>
      </c>
      <c r="D40431" t="s">
        <v>24998</v>
      </c>
      <c r="E40431" t="s">
        <v>13539</v>
      </c>
      <c r="F40431" t="s">
        <v>13540</v>
      </c>
      <c r="G40431" t="s">
        <v>10214</v>
      </c>
      <c r="H40431" t="s">
        <v>10215</v>
      </c>
      <c r="I40431" s="2">
        <v>1</v>
      </c>
      <c r="J40431" s="2">
        <v>0</v>
      </c>
      <c r="K40431" s="2">
        <v>0</v>
      </c>
      <c r="L40431" t="s">
        <v>120</v>
      </c>
      <c r="M40431" t="s">
        <v>87</v>
      </c>
      <c r="N40431" t="s">
        <v>88</v>
      </c>
      <c r="O40431" t="s">
        <v>85</v>
      </c>
      <c r="P40431" t="s">
        <v>86</v>
      </c>
      <c r="Q40431">
        <v>7</v>
      </c>
      <c r="R40431">
        <v>7</v>
      </c>
      <c r="S40431">
        <v>7</v>
      </c>
      <c r="T40431">
        <v>7</v>
      </c>
      <c r="U40431">
        <v>7</v>
      </c>
      <c r="V40431">
        <v>7</v>
      </c>
      <c r="W40431">
        <v>7</v>
      </c>
      <c r="X40431">
        <v>7</v>
      </c>
      <c r="Y40431">
        <v>8</v>
      </c>
      <c r="Z40431">
        <v>8</v>
      </c>
      <c r="AA40431">
        <v>8</v>
      </c>
      <c r="AB40431">
        <v>8</v>
      </c>
      <c r="AC40431">
        <v>8</v>
      </c>
      <c r="AD40431">
        <v>8</v>
      </c>
      <c r="AE40431">
        <v>8</v>
      </c>
      <c r="AF40431">
        <v>9</v>
      </c>
      <c r="AG40431">
        <v>9</v>
      </c>
      <c r="AH40431">
        <v>9</v>
      </c>
      <c r="AI40431">
        <v>9</v>
      </c>
      <c r="AJ40431">
        <v>9</v>
      </c>
      <c r="AK40431">
        <v>9</v>
      </c>
      <c r="AL40431">
        <v>9</v>
      </c>
      <c r="AM40431">
        <v>10</v>
      </c>
      <c r="AN40431">
        <v>10</v>
      </c>
      <c r="AO40431">
        <v>10</v>
      </c>
      <c r="AP40431">
        <v>10</v>
      </c>
      <c r="AQ40431">
        <v>10</v>
      </c>
    </row>
    <row r="40432" spans="1:43">
      <c r="A40432" t="s">
        <v>25005</v>
      </c>
      <c r="B40432" t="s">
        <v>25006</v>
      </c>
      <c r="C40432" t="s">
        <v>24997</v>
      </c>
      <c r="D40432" t="s">
        <v>24998</v>
      </c>
      <c r="E40432" t="s">
        <v>13539</v>
      </c>
      <c r="F40432" t="s">
        <v>13540</v>
      </c>
      <c r="G40432" t="s">
        <v>10214</v>
      </c>
      <c r="H40432" t="s">
        <v>10215</v>
      </c>
      <c r="I40432" s="2">
        <v>1</v>
      </c>
      <c r="J40432" s="2">
        <v>0</v>
      </c>
      <c r="K40432" s="2">
        <v>0</v>
      </c>
      <c r="L40432" t="s">
        <v>120</v>
      </c>
      <c r="M40432" t="s">
        <v>89</v>
      </c>
      <c r="N40432" t="s">
        <v>90</v>
      </c>
      <c r="O40432" t="s">
        <v>85</v>
      </c>
      <c r="P40432" t="s">
        <v>86</v>
      </c>
      <c r="Q40432">
        <v>7</v>
      </c>
      <c r="R40432">
        <v>7</v>
      </c>
      <c r="S40432">
        <v>7</v>
      </c>
      <c r="T40432">
        <v>7</v>
      </c>
      <c r="U40432">
        <v>8</v>
      </c>
      <c r="V40432">
        <v>8</v>
      </c>
      <c r="W40432">
        <v>8</v>
      </c>
      <c r="X40432">
        <v>8</v>
      </c>
      <c r="Y40432">
        <v>9</v>
      </c>
      <c r="Z40432">
        <v>9</v>
      </c>
      <c r="AA40432">
        <v>9</v>
      </c>
      <c r="AB40432">
        <v>9</v>
      </c>
      <c r="AC40432">
        <v>10</v>
      </c>
      <c r="AD40432">
        <v>10</v>
      </c>
      <c r="AE40432">
        <v>10</v>
      </c>
      <c r="AF40432">
        <v>10</v>
      </c>
      <c r="AG40432">
        <v>10</v>
      </c>
      <c r="AH40432">
        <v>11</v>
      </c>
      <c r="AI40432">
        <v>11</v>
      </c>
      <c r="AJ40432">
        <v>11</v>
      </c>
      <c r="AK40432">
        <v>11</v>
      </c>
      <c r="AL40432">
        <v>11</v>
      </c>
      <c r="AM40432">
        <v>11</v>
      </c>
      <c r="AN40432">
        <v>11</v>
      </c>
      <c r="AO40432">
        <v>12</v>
      </c>
      <c r="AP40432">
        <v>12</v>
      </c>
      <c r="AQ40432">
        <v>12</v>
      </c>
    </row>
    <row r="40433" spans="1:43">
      <c r="A40433" t="s">
        <v>25005</v>
      </c>
      <c r="B40433" t="s">
        <v>25006</v>
      </c>
      <c r="C40433" t="s">
        <v>24997</v>
      </c>
      <c r="D40433" t="s">
        <v>24998</v>
      </c>
      <c r="E40433" t="s">
        <v>13539</v>
      </c>
      <c r="F40433" t="s">
        <v>13540</v>
      </c>
      <c r="G40433" t="s">
        <v>10214</v>
      </c>
      <c r="H40433" t="s">
        <v>10215</v>
      </c>
      <c r="I40433" s="2">
        <v>1</v>
      </c>
      <c r="J40433" s="2">
        <v>0</v>
      </c>
      <c r="K40433" s="2">
        <v>0</v>
      </c>
      <c r="L40433" t="s">
        <v>120</v>
      </c>
      <c r="M40433" t="s">
        <v>83</v>
      </c>
      <c r="N40433" t="s">
        <v>91</v>
      </c>
      <c r="O40433" t="s">
        <v>85</v>
      </c>
      <c r="P40433" t="s">
        <v>86</v>
      </c>
      <c r="Q40433">
        <v>7</v>
      </c>
      <c r="R40433">
        <v>7</v>
      </c>
      <c r="S40433">
        <v>7</v>
      </c>
      <c r="T40433">
        <v>7</v>
      </c>
      <c r="U40433">
        <v>7</v>
      </c>
      <c r="V40433">
        <v>8</v>
      </c>
      <c r="W40433">
        <v>8</v>
      </c>
      <c r="X40433">
        <v>8</v>
      </c>
      <c r="Y40433">
        <v>8</v>
      </c>
      <c r="Z40433">
        <v>8</v>
      </c>
      <c r="AA40433">
        <v>9</v>
      </c>
      <c r="AB40433">
        <v>9</v>
      </c>
      <c r="AC40433">
        <v>9</v>
      </c>
      <c r="AD40433">
        <v>9</v>
      </c>
      <c r="AE40433">
        <v>9</v>
      </c>
      <c r="AF40433">
        <v>10</v>
      </c>
      <c r="AG40433">
        <v>10</v>
      </c>
      <c r="AH40433">
        <v>10</v>
      </c>
      <c r="AI40433">
        <v>10</v>
      </c>
      <c r="AJ40433">
        <v>11</v>
      </c>
      <c r="AK40433">
        <v>11</v>
      </c>
      <c r="AL40433">
        <v>11</v>
      </c>
      <c r="AM40433">
        <v>11</v>
      </c>
      <c r="AN40433">
        <v>11</v>
      </c>
      <c r="AO40433">
        <v>12</v>
      </c>
      <c r="AP40433">
        <v>12</v>
      </c>
      <c r="AQ40433">
        <v>12</v>
      </c>
    </row>
    <row r="40434" spans="1:43">
      <c r="A40434" t="s">
        <v>25007</v>
      </c>
      <c r="B40434" t="s">
        <v>25008</v>
      </c>
      <c r="C40434" t="s">
        <v>13669</v>
      </c>
      <c r="D40434" t="s">
        <v>13670</v>
      </c>
      <c r="E40434" t="s">
        <v>13539</v>
      </c>
      <c r="F40434" t="s">
        <v>13540</v>
      </c>
      <c r="G40434" t="s">
        <v>10214</v>
      </c>
      <c r="H40434" t="s">
        <v>10215</v>
      </c>
      <c r="I40434" s="2">
        <v>1</v>
      </c>
      <c r="J40434" s="2">
        <v>0</v>
      </c>
      <c r="K40434" s="2">
        <v>0</v>
      </c>
      <c r="L40434" t="s">
        <v>120</v>
      </c>
      <c r="M40434" t="s">
        <v>83</v>
      </c>
      <c r="N40434" t="s">
        <v>84</v>
      </c>
      <c r="O40434" t="s">
        <v>85</v>
      </c>
      <c r="P40434" t="s">
        <v>86</v>
      </c>
      <c r="Q40434">
        <v>23</v>
      </c>
      <c r="R40434">
        <v>23</v>
      </c>
      <c r="S40434">
        <v>23</v>
      </c>
      <c r="T40434">
        <v>24</v>
      </c>
      <c r="U40434">
        <v>24</v>
      </c>
      <c r="V40434">
        <v>24</v>
      </c>
      <c r="W40434">
        <v>25</v>
      </c>
      <c r="X40434">
        <v>25</v>
      </c>
      <c r="Y40434">
        <v>25</v>
      </c>
      <c r="Z40434">
        <v>26</v>
      </c>
      <c r="AA40434">
        <v>26</v>
      </c>
      <c r="AB40434">
        <v>26</v>
      </c>
      <c r="AC40434">
        <v>27</v>
      </c>
      <c r="AD40434">
        <v>27</v>
      </c>
      <c r="AE40434">
        <v>27</v>
      </c>
      <c r="AF40434">
        <v>28</v>
      </c>
      <c r="AG40434">
        <v>28</v>
      </c>
      <c r="AH40434">
        <v>28</v>
      </c>
      <c r="AI40434">
        <v>28</v>
      </c>
      <c r="AJ40434">
        <v>29</v>
      </c>
      <c r="AK40434">
        <v>29</v>
      </c>
      <c r="AL40434">
        <v>29</v>
      </c>
      <c r="AM40434">
        <v>29</v>
      </c>
      <c r="AN40434">
        <v>29</v>
      </c>
      <c r="AO40434">
        <v>29</v>
      </c>
      <c r="AP40434">
        <v>29</v>
      </c>
      <c r="AQ40434">
        <v>29</v>
      </c>
    </row>
    <row r="40435" spans="1:43">
      <c r="A40435" t="s">
        <v>25007</v>
      </c>
      <c r="B40435" t="s">
        <v>25008</v>
      </c>
      <c r="C40435" t="s">
        <v>13669</v>
      </c>
      <c r="D40435" t="s">
        <v>13670</v>
      </c>
      <c r="E40435" t="s">
        <v>13539</v>
      </c>
      <c r="F40435" t="s">
        <v>13540</v>
      </c>
      <c r="G40435" t="s">
        <v>10214</v>
      </c>
      <c r="H40435" t="s">
        <v>10215</v>
      </c>
      <c r="I40435" s="2">
        <v>1</v>
      </c>
      <c r="J40435" s="2">
        <v>0</v>
      </c>
      <c r="K40435" s="2">
        <v>0</v>
      </c>
      <c r="L40435" t="s">
        <v>120</v>
      </c>
      <c r="M40435" t="s">
        <v>87</v>
      </c>
      <c r="N40435" t="s">
        <v>88</v>
      </c>
      <c r="O40435" t="s">
        <v>85</v>
      </c>
      <c r="P40435" t="s">
        <v>86</v>
      </c>
      <c r="Q40435">
        <v>23</v>
      </c>
      <c r="R40435">
        <v>23</v>
      </c>
      <c r="S40435">
        <v>23</v>
      </c>
      <c r="T40435">
        <v>23</v>
      </c>
      <c r="U40435">
        <v>23</v>
      </c>
      <c r="V40435">
        <v>23</v>
      </c>
      <c r="W40435">
        <v>23</v>
      </c>
      <c r="X40435">
        <v>23</v>
      </c>
      <c r="Y40435">
        <v>23</v>
      </c>
      <c r="Z40435">
        <v>24</v>
      </c>
      <c r="AA40435">
        <v>24</v>
      </c>
      <c r="AB40435">
        <v>24</v>
      </c>
      <c r="AC40435">
        <v>24</v>
      </c>
      <c r="AD40435">
        <v>24</v>
      </c>
      <c r="AE40435">
        <v>24</v>
      </c>
      <c r="AF40435">
        <v>24</v>
      </c>
      <c r="AG40435">
        <v>24</v>
      </c>
      <c r="AH40435">
        <v>24</v>
      </c>
      <c r="AI40435">
        <v>25</v>
      </c>
      <c r="AJ40435">
        <v>25</v>
      </c>
      <c r="AK40435">
        <v>25</v>
      </c>
      <c r="AL40435">
        <v>25</v>
      </c>
      <c r="AM40435">
        <v>25</v>
      </c>
      <c r="AN40435">
        <v>25</v>
      </c>
      <c r="AO40435">
        <v>25</v>
      </c>
      <c r="AP40435">
        <v>25</v>
      </c>
      <c r="AQ40435">
        <v>26</v>
      </c>
    </row>
    <row r="40436" spans="1:43">
      <c r="A40436" t="s">
        <v>25007</v>
      </c>
      <c r="B40436" t="s">
        <v>25008</v>
      </c>
      <c r="C40436" t="s">
        <v>13669</v>
      </c>
      <c r="D40436" t="s">
        <v>13670</v>
      </c>
      <c r="E40436" t="s">
        <v>13539</v>
      </c>
      <c r="F40436" t="s">
        <v>13540</v>
      </c>
      <c r="G40436" t="s">
        <v>10214</v>
      </c>
      <c r="H40436" t="s">
        <v>10215</v>
      </c>
      <c r="I40436" s="2">
        <v>1</v>
      </c>
      <c r="J40436" s="2">
        <v>0</v>
      </c>
      <c r="K40436" s="2">
        <v>0</v>
      </c>
      <c r="L40436" t="s">
        <v>120</v>
      </c>
      <c r="M40436" t="s">
        <v>89</v>
      </c>
      <c r="N40436" t="s">
        <v>90</v>
      </c>
      <c r="O40436" t="s">
        <v>85</v>
      </c>
      <c r="P40436" t="s">
        <v>86</v>
      </c>
      <c r="Q40436">
        <v>23</v>
      </c>
      <c r="R40436">
        <v>24</v>
      </c>
      <c r="S40436">
        <v>24</v>
      </c>
      <c r="T40436">
        <v>25</v>
      </c>
      <c r="U40436">
        <v>25</v>
      </c>
      <c r="V40436">
        <v>26</v>
      </c>
      <c r="W40436">
        <v>26</v>
      </c>
      <c r="X40436">
        <v>26</v>
      </c>
      <c r="Y40436">
        <v>27</v>
      </c>
      <c r="Z40436">
        <v>27</v>
      </c>
      <c r="AA40436">
        <v>28</v>
      </c>
      <c r="AB40436">
        <v>28</v>
      </c>
      <c r="AC40436">
        <v>28</v>
      </c>
      <c r="AD40436">
        <v>29</v>
      </c>
      <c r="AE40436">
        <v>29</v>
      </c>
      <c r="AF40436">
        <v>29</v>
      </c>
      <c r="AG40436">
        <v>29</v>
      </c>
      <c r="AH40436">
        <v>29</v>
      </c>
      <c r="AI40436">
        <v>29</v>
      </c>
      <c r="AJ40436">
        <v>29</v>
      </c>
      <c r="AK40436">
        <v>29</v>
      </c>
      <c r="AL40436">
        <v>29</v>
      </c>
      <c r="AM40436">
        <v>29</v>
      </c>
      <c r="AN40436">
        <v>29</v>
      </c>
      <c r="AO40436">
        <v>30</v>
      </c>
      <c r="AP40436">
        <v>30</v>
      </c>
      <c r="AQ40436">
        <v>30</v>
      </c>
    </row>
    <row r="40437" spans="1:43">
      <c r="A40437" t="s">
        <v>25007</v>
      </c>
      <c r="B40437" t="s">
        <v>25008</v>
      </c>
      <c r="C40437" t="s">
        <v>13669</v>
      </c>
      <c r="D40437" t="s">
        <v>13670</v>
      </c>
      <c r="E40437" t="s">
        <v>13539</v>
      </c>
      <c r="F40437" t="s">
        <v>13540</v>
      </c>
      <c r="G40437" t="s">
        <v>10214</v>
      </c>
      <c r="H40437" t="s">
        <v>10215</v>
      </c>
      <c r="I40437" s="2">
        <v>1</v>
      </c>
      <c r="J40437" s="2">
        <v>0</v>
      </c>
      <c r="K40437" s="2">
        <v>0</v>
      </c>
      <c r="L40437" t="s">
        <v>120</v>
      </c>
      <c r="M40437" t="s">
        <v>83</v>
      </c>
      <c r="N40437" t="s">
        <v>91</v>
      </c>
      <c r="O40437" t="s">
        <v>85</v>
      </c>
      <c r="P40437" t="s">
        <v>86</v>
      </c>
      <c r="Q40437">
        <v>23</v>
      </c>
      <c r="R40437">
        <v>23</v>
      </c>
      <c r="S40437">
        <v>23</v>
      </c>
      <c r="T40437">
        <v>24</v>
      </c>
      <c r="U40437">
        <v>24</v>
      </c>
      <c r="V40437">
        <v>24</v>
      </c>
      <c r="W40437">
        <v>25</v>
      </c>
      <c r="X40437">
        <v>25</v>
      </c>
      <c r="Y40437">
        <v>25</v>
      </c>
      <c r="Z40437">
        <v>26</v>
      </c>
      <c r="AA40437">
        <v>26</v>
      </c>
      <c r="AB40437">
        <v>26</v>
      </c>
      <c r="AC40437">
        <v>27</v>
      </c>
      <c r="AD40437">
        <v>27</v>
      </c>
      <c r="AE40437">
        <v>27</v>
      </c>
      <c r="AF40437">
        <v>28</v>
      </c>
      <c r="AG40437">
        <v>28</v>
      </c>
      <c r="AH40437">
        <v>28</v>
      </c>
      <c r="AI40437">
        <v>28</v>
      </c>
      <c r="AJ40437">
        <v>29</v>
      </c>
      <c r="AK40437">
        <v>29</v>
      </c>
      <c r="AL40437">
        <v>29</v>
      </c>
      <c r="AM40437">
        <v>29</v>
      </c>
      <c r="AN40437">
        <v>29</v>
      </c>
      <c r="AO40437">
        <v>29</v>
      </c>
      <c r="AP40437">
        <v>29</v>
      </c>
      <c r="AQ40437">
        <v>29</v>
      </c>
    </row>
    <row r="40438" spans="1:43">
      <c r="A40438" t="s">
        <v>25009</v>
      </c>
      <c r="B40438" t="s">
        <v>25010</v>
      </c>
      <c r="C40438" t="s">
        <v>13631</v>
      </c>
      <c r="D40438" t="s">
        <v>13632</v>
      </c>
      <c r="E40438" t="s">
        <v>13539</v>
      </c>
      <c r="F40438" t="s">
        <v>13540</v>
      </c>
      <c r="G40438" t="s">
        <v>10214</v>
      </c>
      <c r="H40438" t="s">
        <v>10215</v>
      </c>
      <c r="I40438" s="2">
        <v>1</v>
      </c>
      <c r="J40438" s="2">
        <v>0</v>
      </c>
      <c r="K40438" s="2">
        <v>0</v>
      </c>
      <c r="L40438" t="s">
        <v>120</v>
      </c>
      <c r="M40438" t="s">
        <v>83</v>
      </c>
      <c r="N40438" t="s">
        <v>84</v>
      </c>
      <c r="O40438" t="s">
        <v>85</v>
      </c>
      <c r="P40438" t="s">
        <v>86</v>
      </c>
      <c r="Q40438">
        <v>12</v>
      </c>
      <c r="R40438">
        <v>12</v>
      </c>
      <c r="S40438">
        <v>13</v>
      </c>
      <c r="T40438">
        <v>13</v>
      </c>
      <c r="U40438">
        <v>13</v>
      </c>
      <c r="V40438">
        <v>14</v>
      </c>
      <c r="W40438">
        <v>14</v>
      </c>
      <c r="X40438">
        <v>14</v>
      </c>
      <c r="Y40438">
        <v>15</v>
      </c>
      <c r="Z40438">
        <v>15</v>
      </c>
      <c r="AA40438">
        <v>15</v>
      </c>
      <c r="AB40438">
        <v>16</v>
      </c>
      <c r="AC40438">
        <v>16</v>
      </c>
      <c r="AD40438">
        <v>17</v>
      </c>
      <c r="AE40438">
        <v>17</v>
      </c>
      <c r="AF40438">
        <v>17</v>
      </c>
      <c r="AG40438">
        <v>18</v>
      </c>
      <c r="AH40438">
        <v>18</v>
      </c>
      <c r="AI40438">
        <v>19</v>
      </c>
      <c r="AJ40438">
        <v>19</v>
      </c>
      <c r="AK40438">
        <v>20</v>
      </c>
      <c r="AL40438">
        <v>20</v>
      </c>
      <c r="AM40438">
        <v>20</v>
      </c>
      <c r="AN40438">
        <v>20</v>
      </c>
      <c r="AO40438">
        <v>21</v>
      </c>
      <c r="AP40438">
        <v>21</v>
      </c>
      <c r="AQ40438">
        <v>21</v>
      </c>
    </row>
    <row r="40439" spans="1:43">
      <c r="A40439" t="s">
        <v>25009</v>
      </c>
      <c r="B40439" t="s">
        <v>25010</v>
      </c>
      <c r="C40439" t="s">
        <v>13631</v>
      </c>
      <c r="D40439" t="s">
        <v>13632</v>
      </c>
      <c r="E40439" t="s">
        <v>13539</v>
      </c>
      <c r="F40439" t="s">
        <v>13540</v>
      </c>
      <c r="G40439" t="s">
        <v>10214</v>
      </c>
      <c r="H40439" t="s">
        <v>10215</v>
      </c>
      <c r="I40439" s="2">
        <v>1</v>
      </c>
      <c r="J40439" s="2">
        <v>0</v>
      </c>
      <c r="K40439" s="2">
        <v>0</v>
      </c>
      <c r="L40439" t="s">
        <v>120</v>
      </c>
      <c r="M40439" t="s">
        <v>87</v>
      </c>
      <c r="N40439" t="s">
        <v>88</v>
      </c>
      <c r="O40439" t="s">
        <v>85</v>
      </c>
      <c r="P40439" t="s">
        <v>86</v>
      </c>
      <c r="Q40439">
        <v>12</v>
      </c>
      <c r="R40439">
        <v>12</v>
      </c>
      <c r="S40439">
        <v>12</v>
      </c>
      <c r="T40439">
        <v>12</v>
      </c>
      <c r="U40439">
        <v>13</v>
      </c>
      <c r="V40439">
        <v>13</v>
      </c>
      <c r="W40439">
        <v>13</v>
      </c>
      <c r="X40439">
        <v>13</v>
      </c>
      <c r="Y40439">
        <v>14</v>
      </c>
      <c r="Z40439">
        <v>14</v>
      </c>
      <c r="AA40439">
        <v>14</v>
      </c>
      <c r="AB40439">
        <v>14</v>
      </c>
      <c r="AC40439">
        <v>15</v>
      </c>
      <c r="AD40439">
        <v>15</v>
      </c>
      <c r="AE40439">
        <v>15</v>
      </c>
      <c r="AF40439">
        <v>15</v>
      </c>
      <c r="AG40439">
        <v>16</v>
      </c>
      <c r="AH40439">
        <v>16</v>
      </c>
      <c r="AI40439">
        <v>16</v>
      </c>
      <c r="AJ40439">
        <v>16</v>
      </c>
      <c r="AK40439">
        <v>17</v>
      </c>
      <c r="AL40439">
        <v>17</v>
      </c>
      <c r="AM40439">
        <v>17</v>
      </c>
      <c r="AN40439">
        <v>18</v>
      </c>
      <c r="AO40439">
        <v>18</v>
      </c>
      <c r="AP40439">
        <v>18</v>
      </c>
      <c r="AQ40439">
        <v>19</v>
      </c>
    </row>
    <row r="40440" spans="1:43">
      <c r="A40440" t="s">
        <v>25009</v>
      </c>
      <c r="B40440" t="s">
        <v>25010</v>
      </c>
      <c r="C40440" t="s">
        <v>13631</v>
      </c>
      <c r="D40440" t="s">
        <v>13632</v>
      </c>
      <c r="E40440" t="s">
        <v>13539</v>
      </c>
      <c r="F40440" t="s">
        <v>13540</v>
      </c>
      <c r="G40440" t="s">
        <v>10214</v>
      </c>
      <c r="H40440" t="s">
        <v>10215</v>
      </c>
      <c r="I40440" s="2">
        <v>1</v>
      </c>
      <c r="J40440" s="2">
        <v>0</v>
      </c>
      <c r="K40440" s="2">
        <v>0</v>
      </c>
      <c r="L40440" t="s">
        <v>120</v>
      </c>
      <c r="M40440" t="s">
        <v>89</v>
      </c>
      <c r="N40440" t="s">
        <v>90</v>
      </c>
      <c r="O40440" t="s">
        <v>85</v>
      </c>
      <c r="P40440" t="s">
        <v>86</v>
      </c>
      <c r="Q40440">
        <v>12</v>
      </c>
      <c r="R40440">
        <v>12</v>
      </c>
      <c r="S40440">
        <v>13</v>
      </c>
      <c r="T40440">
        <v>13</v>
      </c>
      <c r="U40440">
        <v>14</v>
      </c>
      <c r="V40440">
        <v>14</v>
      </c>
      <c r="W40440">
        <v>15</v>
      </c>
      <c r="X40440">
        <v>15</v>
      </c>
      <c r="Y40440">
        <v>16</v>
      </c>
      <c r="Z40440">
        <v>16</v>
      </c>
      <c r="AA40440">
        <v>16</v>
      </c>
      <c r="AB40440">
        <v>17</v>
      </c>
      <c r="AC40440">
        <v>17</v>
      </c>
      <c r="AD40440">
        <v>18</v>
      </c>
      <c r="AE40440">
        <v>18</v>
      </c>
      <c r="AF40440">
        <v>18</v>
      </c>
      <c r="AG40440">
        <v>19</v>
      </c>
      <c r="AH40440">
        <v>19</v>
      </c>
      <c r="AI40440">
        <v>19</v>
      </c>
      <c r="AJ40440">
        <v>19</v>
      </c>
      <c r="AK40440">
        <v>20</v>
      </c>
      <c r="AL40440">
        <v>20</v>
      </c>
      <c r="AM40440">
        <v>20</v>
      </c>
      <c r="AN40440">
        <v>21</v>
      </c>
      <c r="AO40440">
        <v>21</v>
      </c>
      <c r="AP40440">
        <v>21</v>
      </c>
      <c r="AQ40440">
        <v>21</v>
      </c>
    </row>
    <row r="40441" spans="1:43">
      <c r="A40441" t="s">
        <v>25009</v>
      </c>
      <c r="B40441" t="s">
        <v>25010</v>
      </c>
      <c r="C40441" t="s">
        <v>13631</v>
      </c>
      <c r="D40441" t="s">
        <v>13632</v>
      </c>
      <c r="E40441" t="s">
        <v>13539</v>
      </c>
      <c r="F40441" t="s">
        <v>13540</v>
      </c>
      <c r="G40441" t="s">
        <v>10214</v>
      </c>
      <c r="H40441" t="s">
        <v>10215</v>
      </c>
      <c r="I40441" s="2">
        <v>1</v>
      </c>
      <c r="J40441" s="2">
        <v>0</v>
      </c>
      <c r="K40441" s="2">
        <v>0</v>
      </c>
      <c r="L40441" t="s">
        <v>120</v>
      </c>
      <c r="M40441" t="s">
        <v>83</v>
      </c>
      <c r="N40441" t="s">
        <v>91</v>
      </c>
      <c r="O40441" t="s">
        <v>85</v>
      </c>
      <c r="P40441" t="s">
        <v>86</v>
      </c>
      <c r="Q40441">
        <v>12</v>
      </c>
      <c r="R40441">
        <v>12</v>
      </c>
      <c r="S40441">
        <v>13</v>
      </c>
      <c r="T40441">
        <v>13</v>
      </c>
      <c r="U40441">
        <v>13</v>
      </c>
      <c r="V40441">
        <v>14</v>
      </c>
      <c r="W40441">
        <v>14</v>
      </c>
      <c r="X40441">
        <v>14</v>
      </c>
      <c r="Y40441">
        <v>15</v>
      </c>
      <c r="Z40441">
        <v>15</v>
      </c>
      <c r="AA40441">
        <v>15</v>
      </c>
      <c r="AB40441">
        <v>16</v>
      </c>
      <c r="AC40441">
        <v>16</v>
      </c>
      <c r="AD40441">
        <v>17</v>
      </c>
      <c r="AE40441">
        <v>17</v>
      </c>
      <c r="AF40441">
        <v>17</v>
      </c>
      <c r="AG40441">
        <v>18</v>
      </c>
      <c r="AH40441">
        <v>18</v>
      </c>
      <c r="AI40441">
        <v>19</v>
      </c>
      <c r="AJ40441">
        <v>19</v>
      </c>
      <c r="AK40441">
        <v>20</v>
      </c>
      <c r="AL40441">
        <v>20</v>
      </c>
      <c r="AM40441">
        <v>20</v>
      </c>
      <c r="AN40441">
        <v>20</v>
      </c>
      <c r="AO40441">
        <v>21</v>
      </c>
      <c r="AP40441">
        <v>21</v>
      </c>
      <c r="AQ40441">
        <v>21</v>
      </c>
    </row>
    <row r="40442" spans="1:43">
      <c r="A40442" t="s">
        <v>25011</v>
      </c>
      <c r="B40442" t="s">
        <v>25012</v>
      </c>
      <c r="C40442" t="s">
        <v>13631</v>
      </c>
      <c r="D40442" t="s">
        <v>13632</v>
      </c>
      <c r="E40442" t="s">
        <v>13539</v>
      </c>
      <c r="F40442" t="s">
        <v>13540</v>
      </c>
      <c r="G40442" t="s">
        <v>10214</v>
      </c>
      <c r="H40442" t="s">
        <v>10215</v>
      </c>
      <c r="I40442" s="2">
        <v>1</v>
      </c>
      <c r="J40442" s="2">
        <v>0</v>
      </c>
      <c r="K40442" s="2">
        <v>0</v>
      </c>
      <c r="L40442" t="s">
        <v>120</v>
      </c>
      <c r="M40442" t="s">
        <v>83</v>
      </c>
      <c r="N40442" t="s">
        <v>84</v>
      </c>
      <c r="O40442" t="s">
        <v>85</v>
      </c>
      <c r="P40442" t="s">
        <v>86</v>
      </c>
      <c r="Q40442">
        <v>21</v>
      </c>
      <c r="R40442">
        <v>21</v>
      </c>
      <c r="S40442">
        <v>22</v>
      </c>
      <c r="T40442">
        <v>23</v>
      </c>
      <c r="U40442">
        <v>23</v>
      </c>
      <c r="V40442">
        <v>24</v>
      </c>
      <c r="W40442">
        <v>25</v>
      </c>
      <c r="X40442">
        <v>25</v>
      </c>
      <c r="Y40442">
        <v>26</v>
      </c>
      <c r="Z40442">
        <v>26</v>
      </c>
      <c r="AA40442">
        <v>27</v>
      </c>
      <c r="AB40442">
        <v>28</v>
      </c>
      <c r="AC40442">
        <v>28</v>
      </c>
      <c r="AD40442">
        <v>29</v>
      </c>
      <c r="AE40442">
        <v>30</v>
      </c>
      <c r="AF40442">
        <v>30</v>
      </c>
      <c r="AG40442">
        <v>31</v>
      </c>
      <c r="AH40442">
        <v>32</v>
      </c>
      <c r="AI40442">
        <v>33</v>
      </c>
      <c r="AJ40442">
        <v>33</v>
      </c>
      <c r="AK40442">
        <v>34</v>
      </c>
      <c r="AL40442">
        <v>35</v>
      </c>
      <c r="AM40442">
        <v>35</v>
      </c>
      <c r="AN40442">
        <v>36</v>
      </c>
      <c r="AO40442">
        <v>36</v>
      </c>
      <c r="AP40442">
        <v>37</v>
      </c>
      <c r="AQ40442">
        <v>37</v>
      </c>
    </row>
    <row r="40443" spans="1:43">
      <c r="A40443" t="s">
        <v>25011</v>
      </c>
      <c r="B40443" t="s">
        <v>25012</v>
      </c>
      <c r="C40443" t="s">
        <v>13631</v>
      </c>
      <c r="D40443" t="s">
        <v>13632</v>
      </c>
      <c r="E40443" t="s">
        <v>13539</v>
      </c>
      <c r="F40443" t="s">
        <v>13540</v>
      </c>
      <c r="G40443" t="s">
        <v>10214</v>
      </c>
      <c r="H40443" t="s">
        <v>10215</v>
      </c>
      <c r="I40443" s="2">
        <v>1</v>
      </c>
      <c r="J40443" s="2">
        <v>0</v>
      </c>
      <c r="K40443" s="2">
        <v>0</v>
      </c>
      <c r="L40443" t="s">
        <v>120</v>
      </c>
      <c r="M40443" t="s">
        <v>87</v>
      </c>
      <c r="N40443" t="s">
        <v>88</v>
      </c>
      <c r="O40443" t="s">
        <v>85</v>
      </c>
      <c r="P40443" t="s">
        <v>86</v>
      </c>
      <c r="Q40443">
        <v>21</v>
      </c>
      <c r="R40443">
        <v>21</v>
      </c>
      <c r="S40443">
        <v>21</v>
      </c>
      <c r="T40443">
        <v>22</v>
      </c>
      <c r="U40443">
        <v>22</v>
      </c>
      <c r="V40443">
        <v>23</v>
      </c>
      <c r="W40443">
        <v>23</v>
      </c>
      <c r="X40443">
        <v>23</v>
      </c>
      <c r="Y40443">
        <v>24</v>
      </c>
      <c r="Z40443">
        <v>24</v>
      </c>
      <c r="AA40443">
        <v>25</v>
      </c>
      <c r="AB40443">
        <v>25</v>
      </c>
      <c r="AC40443">
        <v>26</v>
      </c>
      <c r="AD40443">
        <v>26</v>
      </c>
      <c r="AE40443">
        <v>26</v>
      </c>
      <c r="AF40443">
        <v>27</v>
      </c>
      <c r="AG40443">
        <v>27</v>
      </c>
      <c r="AH40443">
        <v>28</v>
      </c>
      <c r="AI40443">
        <v>28</v>
      </c>
      <c r="AJ40443">
        <v>29</v>
      </c>
      <c r="AK40443">
        <v>29</v>
      </c>
      <c r="AL40443">
        <v>30</v>
      </c>
      <c r="AM40443">
        <v>30</v>
      </c>
      <c r="AN40443">
        <v>31</v>
      </c>
      <c r="AO40443">
        <v>31</v>
      </c>
      <c r="AP40443">
        <v>32</v>
      </c>
      <c r="AQ40443">
        <v>33</v>
      </c>
    </row>
    <row r="40444" spans="1:43">
      <c r="A40444" t="s">
        <v>25011</v>
      </c>
      <c r="B40444" t="s">
        <v>25012</v>
      </c>
      <c r="C40444" t="s">
        <v>13631</v>
      </c>
      <c r="D40444" t="s">
        <v>13632</v>
      </c>
      <c r="E40444" t="s">
        <v>13539</v>
      </c>
      <c r="F40444" t="s">
        <v>13540</v>
      </c>
      <c r="G40444" t="s">
        <v>10214</v>
      </c>
      <c r="H40444" t="s">
        <v>10215</v>
      </c>
      <c r="I40444" s="2">
        <v>1</v>
      </c>
      <c r="J40444" s="2">
        <v>0</v>
      </c>
      <c r="K40444" s="2">
        <v>0</v>
      </c>
      <c r="L40444" t="s">
        <v>120</v>
      </c>
      <c r="M40444" t="s">
        <v>89</v>
      </c>
      <c r="N40444" t="s">
        <v>90</v>
      </c>
      <c r="O40444" t="s">
        <v>85</v>
      </c>
      <c r="P40444" t="s">
        <v>86</v>
      </c>
      <c r="Q40444">
        <v>21</v>
      </c>
      <c r="R40444">
        <v>22</v>
      </c>
      <c r="S40444">
        <v>23</v>
      </c>
      <c r="T40444">
        <v>23</v>
      </c>
      <c r="U40444">
        <v>24</v>
      </c>
      <c r="V40444">
        <v>25</v>
      </c>
      <c r="W40444">
        <v>26</v>
      </c>
      <c r="X40444">
        <v>26</v>
      </c>
      <c r="Y40444">
        <v>27</v>
      </c>
      <c r="Z40444">
        <v>28</v>
      </c>
      <c r="AA40444">
        <v>29</v>
      </c>
      <c r="AB40444">
        <v>29</v>
      </c>
      <c r="AC40444">
        <v>30</v>
      </c>
      <c r="AD40444">
        <v>31</v>
      </c>
      <c r="AE40444">
        <v>32</v>
      </c>
      <c r="AF40444">
        <v>32</v>
      </c>
      <c r="AG40444">
        <v>33</v>
      </c>
      <c r="AH40444">
        <v>33</v>
      </c>
      <c r="AI40444">
        <v>34</v>
      </c>
      <c r="AJ40444">
        <v>34</v>
      </c>
      <c r="AK40444">
        <v>34</v>
      </c>
      <c r="AL40444">
        <v>35</v>
      </c>
      <c r="AM40444">
        <v>35</v>
      </c>
      <c r="AN40444">
        <v>36</v>
      </c>
      <c r="AO40444">
        <v>36</v>
      </c>
      <c r="AP40444">
        <v>37</v>
      </c>
      <c r="AQ40444">
        <v>37</v>
      </c>
    </row>
    <row r="40445" spans="1:43">
      <c r="A40445" t="s">
        <v>25011</v>
      </c>
      <c r="B40445" t="s">
        <v>25012</v>
      </c>
      <c r="C40445" t="s">
        <v>13631</v>
      </c>
      <c r="D40445" t="s">
        <v>13632</v>
      </c>
      <c r="E40445" t="s">
        <v>13539</v>
      </c>
      <c r="F40445" t="s">
        <v>13540</v>
      </c>
      <c r="G40445" t="s">
        <v>10214</v>
      </c>
      <c r="H40445" t="s">
        <v>10215</v>
      </c>
      <c r="I40445" s="2">
        <v>1</v>
      </c>
      <c r="J40445" s="2">
        <v>0</v>
      </c>
      <c r="K40445" s="2">
        <v>0</v>
      </c>
      <c r="L40445" t="s">
        <v>120</v>
      </c>
      <c r="M40445" t="s">
        <v>83</v>
      </c>
      <c r="N40445" t="s">
        <v>91</v>
      </c>
      <c r="O40445" t="s">
        <v>85</v>
      </c>
      <c r="P40445" t="s">
        <v>86</v>
      </c>
      <c r="Q40445">
        <v>21</v>
      </c>
      <c r="R40445">
        <v>21</v>
      </c>
      <c r="S40445">
        <v>22</v>
      </c>
      <c r="T40445">
        <v>23</v>
      </c>
      <c r="U40445">
        <v>23</v>
      </c>
      <c r="V40445">
        <v>24</v>
      </c>
      <c r="W40445">
        <v>25</v>
      </c>
      <c r="X40445">
        <v>25</v>
      </c>
      <c r="Y40445">
        <v>26</v>
      </c>
      <c r="Z40445">
        <v>26</v>
      </c>
      <c r="AA40445">
        <v>27</v>
      </c>
      <c r="AB40445">
        <v>28</v>
      </c>
      <c r="AC40445">
        <v>28</v>
      </c>
      <c r="AD40445">
        <v>29</v>
      </c>
      <c r="AE40445">
        <v>30</v>
      </c>
      <c r="AF40445">
        <v>30</v>
      </c>
      <c r="AG40445">
        <v>31</v>
      </c>
      <c r="AH40445">
        <v>32</v>
      </c>
      <c r="AI40445">
        <v>33</v>
      </c>
      <c r="AJ40445">
        <v>33</v>
      </c>
      <c r="AK40445">
        <v>34</v>
      </c>
      <c r="AL40445">
        <v>35</v>
      </c>
      <c r="AM40445">
        <v>35</v>
      </c>
      <c r="AN40445">
        <v>36</v>
      </c>
      <c r="AO40445">
        <v>36</v>
      </c>
      <c r="AP40445">
        <v>37</v>
      </c>
      <c r="AQ40445">
        <v>37</v>
      </c>
    </row>
    <row r="40446" spans="1:43">
      <c r="A40446" t="s">
        <v>25013</v>
      </c>
      <c r="B40446" t="s">
        <v>25014</v>
      </c>
      <c r="C40446" t="s">
        <v>21773</v>
      </c>
      <c r="D40446" t="s">
        <v>21774</v>
      </c>
      <c r="E40446" t="s">
        <v>21751</v>
      </c>
      <c r="F40446" t="s">
        <v>21752</v>
      </c>
      <c r="G40446" t="s">
        <v>20255</v>
      </c>
      <c r="H40446" t="s">
        <v>20256</v>
      </c>
      <c r="I40446" s="2">
        <v>1</v>
      </c>
      <c r="J40446" s="2">
        <v>0</v>
      </c>
      <c r="K40446" s="2">
        <v>0</v>
      </c>
      <c r="L40446" t="s">
        <v>120</v>
      </c>
      <c r="M40446" t="s">
        <v>83</v>
      </c>
      <c r="N40446" t="s">
        <v>84</v>
      </c>
      <c r="O40446" t="s">
        <v>85</v>
      </c>
      <c r="P40446" t="s">
        <v>86</v>
      </c>
      <c r="Q40446">
        <v>55</v>
      </c>
      <c r="R40446">
        <v>56</v>
      </c>
      <c r="S40446">
        <v>57</v>
      </c>
      <c r="T40446">
        <v>58</v>
      </c>
      <c r="U40446">
        <v>59</v>
      </c>
      <c r="V40446">
        <v>60</v>
      </c>
      <c r="W40446">
        <v>61</v>
      </c>
      <c r="X40446">
        <v>62</v>
      </c>
      <c r="Y40446">
        <v>62</v>
      </c>
      <c r="Z40446">
        <v>63</v>
      </c>
      <c r="AA40446">
        <v>64</v>
      </c>
      <c r="AB40446">
        <v>65</v>
      </c>
      <c r="AC40446">
        <v>66</v>
      </c>
      <c r="AD40446">
        <v>67</v>
      </c>
      <c r="AE40446">
        <v>68</v>
      </c>
      <c r="AF40446">
        <v>69</v>
      </c>
      <c r="AG40446">
        <v>69</v>
      </c>
      <c r="AH40446">
        <v>70</v>
      </c>
      <c r="AI40446">
        <v>71</v>
      </c>
      <c r="AJ40446">
        <v>72</v>
      </c>
      <c r="AK40446">
        <v>73</v>
      </c>
      <c r="AL40446">
        <v>73</v>
      </c>
      <c r="AM40446">
        <v>73</v>
      </c>
      <c r="AN40446">
        <v>73</v>
      </c>
      <c r="AO40446">
        <v>73</v>
      </c>
      <c r="AP40446">
        <v>74</v>
      </c>
      <c r="AQ40446">
        <v>74</v>
      </c>
    </row>
    <row r="40447" spans="1:43">
      <c r="A40447" t="s">
        <v>25013</v>
      </c>
      <c r="B40447" t="s">
        <v>25014</v>
      </c>
      <c r="C40447" t="s">
        <v>21773</v>
      </c>
      <c r="D40447" t="s">
        <v>21774</v>
      </c>
      <c r="E40447" t="s">
        <v>21751</v>
      </c>
      <c r="F40447" t="s">
        <v>21752</v>
      </c>
      <c r="G40447" t="s">
        <v>20255</v>
      </c>
      <c r="H40447" t="s">
        <v>20256</v>
      </c>
      <c r="I40447" s="2">
        <v>1</v>
      </c>
      <c r="J40447" s="2">
        <v>0</v>
      </c>
      <c r="K40447" s="2">
        <v>0</v>
      </c>
      <c r="L40447" t="s">
        <v>120</v>
      </c>
      <c r="M40447" t="s">
        <v>87</v>
      </c>
      <c r="N40447" t="s">
        <v>88</v>
      </c>
      <c r="O40447" t="s">
        <v>85</v>
      </c>
      <c r="P40447" t="s">
        <v>86</v>
      </c>
      <c r="Q40447">
        <v>55</v>
      </c>
      <c r="R40447">
        <v>56</v>
      </c>
      <c r="S40447">
        <v>56</v>
      </c>
      <c r="T40447">
        <v>57</v>
      </c>
      <c r="U40447">
        <v>57</v>
      </c>
      <c r="V40447">
        <v>58</v>
      </c>
      <c r="W40447">
        <v>58</v>
      </c>
      <c r="X40447">
        <v>58</v>
      </c>
      <c r="Y40447">
        <v>59</v>
      </c>
      <c r="Z40447">
        <v>59</v>
      </c>
      <c r="AA40447">
        <v>60</v>
      </c>
      <c r="AB40447">
        <v>60</v>
      </c>
      <c r="AC40447">
        <v>60</v>
      </c>
      <c r="AD40447">
        <v>61</v>
      </c>
      <c r="AE40447">
        <v>61</v>
      </c>
      <c r="AF40447">
        <v>61</v>
      </c>
      <c r="AG40447">
        <v>62</v>
      </c>
      <c r="AH40447">
        <v>62</v>
      </c>
      <c r="AI40447">
        <v>63</v>
      </c>
      <c r="AJ40447">
        <v>63</v>
      </c>
      <c r="AK40447">
        <v>63</v>
      </c>
      <c r="AL40447">
        <v>64</v>
      </c>
      <c r="AM40447">
        <v>64</v>
      </c>
      <c r="AN40447">
        <v>64</v>
      </c>
      <c r="AO40447">
        <v>64</v>
      </c>
      <c r="AP40447">
        <v>65</v>
      </c>
      <c r="AQ40447">
        <v>65</v>
      </c>
    </row>
    <row r="40448" spans="1:43">
      <c r="A40448" t="s">
        <v>25013</v>
      </c>
      <c r="B40448" t="s">
        <v>25014</v>
      </c>
      <c r="C40448" t="s">
        <v>21773</v>
      </c>
      <c r="D40448" t="s">
        <v>21774</v>
      </c>
      <c r="E40448" t="s">
        <v>21751</v>
      </c>
      <c r="F40448" t="s">
        <v>21752</v>
      </c>
      <c r="G40448" t="s">
        <v>20255</v>
      </c>
      <c r="H40448" t="s">
        <v>20256</v>
      </c>
      <c r="I40448" s="2">
        <v>1</v>
      </c>
      <c r="J40448" s="2">
        <v>0</v>
      </c>
      <c r="K40448" s="2">
        <v>0</v>
      </c>
      <c r="L40448" t="s">
        <v>120</v>
      </c>
      <c r="M40448" t="s">
        <v>89</v>
      </c>
      <c r="N40448" t="s">
        <v>90</v>
      </c>
      <c r="O40448" t="s">
        <v>85</v>
      </c>
      <c r="P40448" t="s">
        <v>86</v>
      </c>
      <c r="Q40448">
        <v>55</v>
      </c>
      <c r="R40448">
        <v>57</v>
      </c>
      <c r="S40448">
        <v>58</v>
      </c>
      <c r="T40448">
        <v>60</v>
      </c>
      <c r="U40448">
        <v>61</v>
      </c>
      <c r="V40448">
        <v>62</v>
      </c>
      <c r="W40448">
        <v>64</v>
      </c>
      <c r="X40448">
        <v>65</v>
      </c>
      <c r="Y40448">
        <v>66</v>
      </c>
      <c r="Z40448">
        <v>67</v>
      </c>
      <c r="AA40448">
        <v>68</v>
      </c>
      <c r="AB40448">
        <v>69</v>
      </c>
      <c r="AC40448">
        <v>71</v>
      </c>
      <c r="AD40448">
        <v>72</v>
      </c>
      <c r="AE40448">
        <v>73</v>
      </c>
      <c r="AF40448">
        <v>73</v>
      </c>
      <c r="AG40448">
        <v>73</v>
      </c>
      <c r="AH40448">
        <v>73</v>
      </c>
      <c r="AI40448">
        <v>73</v>
      </c>
      <c r="AJ40448">
        <v>73</v>
      </c>
      <c r="AK40448">
        <v>74</v>
      </c>
      <c r="AL40448">
        <v>74</v>
      </c>
      <c r="AM40448">
        <v>74</v>
      </c>
      <c r="AN40448">
        <v>74</v>
      </c>
      <c r="AO40448">
        <v>74</v>
      </c>
      <c r="AP40448">
        <v>74</v>
      </c>
      <c r="AQ40448">
        <v>74</v>
      </c>
    </row>
    <row r="40449" spans="1:43">
      <c r="A40449" t="s">
        <v>25013</v>
      </c>
      <c r="B40449" t="s">
        <v>25014</v>
      </c>
      <c r="C40449" t="s">
        <v>21773</v>
      </c>
      <c r="D40449" t="s">
        <v>21774</v>
      </c>
      <c r="E40449" t="s">
        <v>21751</v>
      </c>
      <c r="F40449" t="s">
        <v>21752</v>
      </c>
      <c r="G40449" t="s">
        <v>20255</v>
      </c>
      <c r="H40449" t="s">
        <v>20256</v>
      </c>
      <c r="I40449" s="2">
        <v>1</v>
      </c>
      <c r="J40449" s="2">
        <v>0</v>
      </c>
      <c r="K40449" s="2">
        <v>0</v>
      </c>
      <c r="L40449" t="s">
        <v>120</v>
      </c>
      <c r="M40449" t="s">
        <v>83</v>
      </c>
      <c r="N40449" t="s">
        <v>91</v>
      </c>
      <c r="O40449" t="s">
        <v>85</v>
      </c>
      <c r="P40449" t="s">
        <v>86</v>
      </c>
      <c r="Q40449">
        <v>55</v>
      </c>
      <c r="R40449">
        <v>56</v>
      </c>
      <c r="S40449">
        <v>57</v>
      </c>
      <c r="T40449">
        <v>58</v>
      </c>
      <c r="U40449">
        <v>59</v>
      </c>
      <c r="V40449">
        <v>60</v>
      </c>
      <c r="W40449">
        <v>61</v>
      </c>
      <c r="X40449">
        <v>62</v>
      </c>
      <c r="Y40449">
        <v>62</v>
      </c>
      <c r="Z40449">
        <v>63</v>
      </c>
      <c r="AA40449">
        <v>64</v>
      </c>
      <c r="AB40449">
        <v>65</v>
      </c>
      <c r="AC40449">
        <v>66</v>
      </c>
      <c r="AD40449">
        <v>67</v>
      </c>
      <c r="AE40449">
        <v>68</v>
      </c>
      <c r="AF40449">
        <v>69</v>
      </c>
      <c r="AG40449">
        <v>69</v>
      </c>
      <c r="AH40449">
        <v>70</v>
      </c>
      <c r="AI40449">
        <v>71</v>
      </c>
      <c r="AJ40449">
        <v>72</v>
      </c>
      <c r="AK40449">
        <v>73</v>
      </c>
      <c r="AL40449">
        <v>73</v>
      </c>
      <c r="AM40449">
        <v>73</v>
      </c>
      <c r="AN40449">
        <v>73</v>
      </c>
      <c r="AO40449">
        <v>73</v>
      </c>
      <c r="AP40449">
        <v>74</v>
      </c>
      <c r="AQ40449">
        <v>74</v>
      </c>
    </row>
    <row r="40450" spans="1:43">
      <c r="A40450" t="s">
        <v>25015</v>
      </c>
      <c r="B40450" t="s">
        <v>25016</v>
      </c>
      <c r="C40450" t="s">
        <v>21821</v>
      </c>
      <c r="D40450" t="s">
        <v>21822</v>
      </c>
      <c r="E40450" t="s">
        <v>21751</v>
      </c>
      <c r="F40450" t="s">
        <v>21752</v>
      </c>
      <c r="G40450" t="s">
        <v>20255</v>
      </c>
      <c r="H40450" t="s">
        <v>20256</v>
      </c>
      <c r="I40450" s="2">
        <v>1</v>
      </c>
      <c r="J40450" s="2">
        <v>0</v>
      </c>
      <c r="K40450" s="2">
        <v>0</v>
      </c>
      <c r="L40450" t="s">
        <v>120</v>
      </c>
      <c r="M40450" t="s">
        <v>83</v>
      </c>
      <c r="N40450" t="s">
        <v>84</v>
      </c>
      <c r="O40450" t="s">
        <v>85</v>
      </c>
      <c r="P40450" t="s">
        <v>86</v>
      </c>
      <c r="Q40450">
        <v>200</v>
      </c>
      <c r="R40450">
        <v>204</v>
      </c>
      <c r="S40450">
        <v>207</v>
      </c>
      <c r="T40450">
        <v>211</v>
      </c>
      <c r="U40450">
        <v>215</v>
      </c>
      <c r="V40450">
        <v>219</v>
      </c>
      <c r="W40450">
        <v>222</v>
      </c>
      <c r="X40450">
        <v>226</v>
      </c>
      <c r="Y40450">
        <v>229</v>
      </c>
      <c r="Z40450">
        <v>233</v>
      </c>
      <c r="AA40450">
        <v>236</v>
      </c>
      <c r="AB40450">
        <v>239</v>
      </c>
      <c r="AC40450">
        <v>243</v>
      </c>
      <c r="AD40450">
        <v>246</v>
      </c>
      <c r="AE40450">
        <v>249</v>
      </c>
      <c r="AF40450">
        <v>252</v>
      </c>
      <c r="AG40450">
        <v>255</v>
      </c>
      <c r="AH40450">
        <v>259</v>
      </c>
      <c r="AI40450">
        <v>262</v>
      </c>
      <c r="AJ40450">
        <v>265</v>
      </c>
      <c r="AK40450">
        <v>268</v>
      </c>
      <c r="AL40450">
        <v>269</v>
      </c>
      <c r="AM40450">
        <v>270</v>
      </c>
      <c r="AN40450">
        <v>271</v>
      </c>
      <c r="AO40450">
        <v>272</v>
      </c>
      <c r="AP40450">
        <v>273</v>
      </c>
      <c r="AQ40450">
        <v>273</v>
      </c>
    </row>
    <row r="40451" spans="1:43">
      <c r="A40451" t="s">
        <v>25015</v>
      </c>
      <c r="B40451" t="s">
        <v>25016</v>
      </c>
      <c r="C40451" t="s">
        <v>21821</v>
      </c>
      <c r="D40451" t="s">
        <v>21822</v>
      </c>
      <c r="E40451" t="s">
        <v>21751</v>
      </c>
      <c r="F40451" t="s">
        <v>21752</v>
      </c>
      <c r="G40451" t="s">
        <v>20255</v>
      </c>
      <c r="H40451" t="s">
        <v>20256</v>
      </c>
      <c r="I40451" s="2">
        <v>1</v>
      </c>
      <c r="J40451" s="2">
        <v>0</v>
      </c>
      <c r="K40451" s="2">
        <v>0</v>
      </c>
      <c r="L40451" t="s">
        <v>120</v>
      </c>
      <c r="M40451" t="s">
        <v>87</v>
      </c>
      <c r="N40451" t="s">
        <v>88</v>
      </c>
      <c r="O40451" t="s">
        <v>85</v>
      </c>
      <c r="P40451" t="s">
        <v>86</v>
      </c>
      <c r="Q40451">
        <v>200</v>
      </c>
      <c r="R40451">
        <v>202</v>
      </c>
      <c r="S40451">
        <v>204</v>
      </c>
      <c r="T40451">
        <v>206</v>
      </c>
      <c r="U40451">
        <v>207</v>
      </c>
      <c r="V40451">
        <v>209</v>
      </c>
      <c r="W40451">
        <v>211</v>
      </c>
      <c r="X40451">
        <v>213</v>
      </c>
      <c r="Y40451">
        <v>214</v>
      </c>
      <c r="Z40451">
        <v>216</v>
      </c>
      <c r="AA40451">
        <v>218</v>
      </c>
      <c r="AB40451">
        <v>219</v>
      </c>
      <c r="AC40451">
        <v>221</v>
      </c>
      <c r="AD40451">
        <v>222</v>
      </c>
      <c r="AE40451">
        <v>224</v>
      </c>
      <c r="AF40451">
        <v>225</v>
      </c>
      <c r="AG40451">
        <v>227</v>
      </c>
      <c r="AH40451">
        <v>228</v>
      </c>
      <c r="AI40451">
        <v>230</v>
      </c>
      <c r="AJ40451">
        <v>231</v>
      </c>
      <c r="AK40451">
        <v>233</v>
      </c>
      <c r="AL40451">
        <v>234</v>
      </c>
      <c r="AM40451">
        <v>235</v>
      </c>
      <c r="AN40451">
        <v>237</v>
      </c>
      <c r="AO40451">
        <v>238</v>
      </c>
      <c r="AP40451">
        <v>239</v>
      </c>
      <c r="AQ40451">
        <v>241</v>
      </c>
    </row>
    <row r="40452" spans="1:43">
      <c r="A40452" t="s">
        <v>25015</v>
      </c>
      <c r="B40452" t="s">
        <v>25016</v>
      </c>
      <c r="C40452" t="s">
        <v>21821</v>
      </c>
      <c r="D40452" t="s">
        <v>21822</v>
      </c>
      <c r="E40452" t="s">
        <v>21751</v>
      </c>
      <c r="F40452" t="s">
        <v>21752</v>
      </c>
      <c r="G40452" t="s">
        <v>20255</v>
      </c>
      <c r="H40452" t="s">
        <v>20256</v>
      </c>
      <c r="I40452" s="2">
        <v>1</v>
      </c>
      <c r="J40452" s="2">
        <v>0</v>
      </c>
      <c r="K40452" s="2">
        <v>0</v>
      </c>
      <c r="L40452" t="s">
        <v>120</v>
      </c>
      <c r="M40452" t="s">
        <v>89</v>
      </c>
      <c r="N40452" t="s">
        <v>90</v>
      </c>
      <c r="O40452" t="s">
        <v>85</v>
      </c>
      <c r="P40452" t="s">
        <v>86</v>
      </c>
      <c r="Q40452">
        <v>200</v>
      </c>
      <c r="R40452">
        <v>205</v>
      </c>
      <c r="S40452">
        <v>211</v>
      </c>
      <c r="T40452">
        <v>216</v>
      </c>
      <c r="U40452">
        <v>221</v>
      </c>
      <c r="V40452">
        <v>226</v>
      </c>
      <c r="W40452">
        <v>231</v>
      </c>
      <c r="X40452">
        <v>235</v>
      </c>
      <c r="Y40452">
        <v>240</v>
      </c>
      <c r="Z40452">
        <v>244</v>
      </c>
      <c r="AA40452">
        <v>248</v>
      </c>
      <c r="AB40452">
        <v>253</v>
      </c>
      <c r="AC40452">
        <v>257</v>
      </c>
      <c r="AD40452">
        <v>261</v>
      </c>
      <c r="AE40452">
        <v>264</v>
      </c>
      <c r="AF40452">
        <v>265</v>
      </c>
      <c r="AG40452">
        <v>266</v>
      </c>
      <c r="AH40452">
        <v>267</v>
      </c>
      <c r="AI40452">
        <v>268</v>
      </c>
      <c r="AJ40452">
        <v>269</v>
      </c>
      <c r="AK40452">
        <v>270</v>
      </c>
      <c r="AL40452">
        <v>271</v>
      </c>
      <c r="AM40452">
        <v>272</v>
      </c>
      <c r="AN40452">
        <v>272</v>
      </c>
      <c r="AO40452">
        <v>273</v>
      </c>
      <c r="AP40452">
        <v>274</v>
      </c>
      <c r="AQ40452">
        <v>275</v>
      </c>
    </row>
    <row r="40453" spans="1:43">
      <c r="A40453" t="s">
        <v>25015</v>
      </c>
      <c r="B40453" t="s">
        <v>25016</v>
      </c>
      <c r="C40453" t="s">
        <v>21821</v>
      </c>
      <c r="D40453" t="s">
        <v>21822</v>
      </c>
      <c r="E40453" t="s">
        <v>21751</v>
      </c>
      <c r="F40453" t="s">
        <v>21752</v>
      </c>
      <c r="G40453" t="s">
        <v>20255</v>
      </c>
      <c r="H40453" t="s">
        <v>20256</v>
      </c>
      <c r="I40453" s="2">
        <v>1</v>
      </c>
      <c r="J40453" s="2">
        <v>0</v>
      </c>
      <c r="K40453" s="2">
        <v>0</v>
      </c>
      <c r="L40453" t="s">
        <v>120</v>
      </c>
      <c r="M40453" t="s">
        <v>83</v>
      </c>
      <c r="N40453" t="s">
        <v>91</v>
      </c>
      <c r="O40453" t="s">
        <v>85</v>
      </c>
      <c r="P40453" t="s">
        <v>86</v>
      </c>
      <c r="Q40453">
        <v>200</v>
      </c>
      <c r="R40453">
        <v>204</v>
      </c>
      <c r="S40453">
        <v>207</v>
      </c>
      <c r="T40453">
        <v>211</v>
      </c>
      <c r="U40453">
        <v>215</v>
      </c>
      <c r="V40453">
        <v>219</v>
      </c>
      <c r="W40453">
        <v>222</v>
      </c>
      <c r="X40453">
        <v>226</v>
      </c>
      <c r="Y40453">
        <v>229</v>
      </c>
      <c r="Z40453">
        <v>233</v>
      </c>
      <c r="AA40453">
        <v>236</v>
      </c>
      <c r="AB40453">
        <v>239</v>
      </c>
      <c r="AC40453">
        <v>243</v>
      </c>
      <c r="AD40453">
        <v>246</v>
      </c>
      <c r="AE40453">
        <v>249</v>
      </c>
      <c r="AF40453">
        <v>252</v>
      </c>
      <c r="AG40453">
        <v>255</v>
      </c>
      <c r="AH40453">
        <v>259</v>
      </c>
      <c r="AI40453">
        <v>262</v>
      </c>
      <c r="AJ40453">
        <v>265</v>
      </c>
      <c r="AK40453">
        <v>268</v>
      </c>
      <c r="AL40453">
        <v>269</v>
      </c>
      <c r="AM40453">
        <v>270</v>
      </c>
      <c r="AN40453">
        <v>271</v>
      </c>
      <c r="AO40453">
        <v>272</v>
      </c>
      <c r="AP40453">
        <v>273</v>
      </c>
      <c r="AQ40453">
        <v>273</v>
      </c>
    </row>
    <row r="40454" spans="1:43">
      <c r="A40454" t="s">
        <v>25017</v>
      </c>
      <c r="B40454" t="s">
        <v>25018</v>
      </c>
      <c r="C40454" t="s">
        <v>21749</v>
      </c>
      <c r="D40454" t="s">
        <v>21750</v>
      </c>
      <c r="E40454" t="s">
        <v>21751</v>
      </c>
      <c r="F40454" t="s">
        <v>21752</v>
      </c>
      <c r="G40454" t="s">
        <v>20255</v>
      </c>
      <c r="H40454" t="s">
        <v>20256</v>
      </c>
      <c r="I40454" s="2">
        <v>1</v>
      </c>
      <c r="J40454" s="2">
        <v>0</v>
      </c>
      <c r="K40454" s="2">
        <v>0</v>
      </c>
      <c r="L40454" t="s">
        <v>120</v>
      </c>
      <c r="M40454" t="s">
        <v>83</v>
      </c>
      <c r="N40454" t="s">
        <v>84</v>
      </c>
      <c r="O40454" t="s">
        <v>85</v>
      </c>
      <c r="P40454" t="s">
        <v>86</v>
      </c>
      <c r="Q40454">
        <v>96</v>
      </c>
      <c r="R40454">
        <v>97</v>
      </c>
      <c r="S40454">
        <v>99</v>
      </c>
      <c r="T40454">
        <v>101</v>
      </c>
      <c r="U40454">
        <v>103</v>
      </c>
      <c r="V40454">
        <v>104</v>
      </c>
      <c r="W40454">
        <v>106</v>
      </c>
      <c r="X40454">
        <v>108</v>
      </c>
      <c r="Y40454">
        <v>109</v>
      </c>
      <c r="Z40454">
        <v>111</v>
      </c>
      <c r="AA40454">
        <v>113</v>
      </c>
      <c r="AB40454">
        <v>114</v>
      </c>
      <c r="AC40454">
        <v>116</v>
      </c>
      <c r="AD40454">
        <v>118</v>
      </c>
      <c r="AE40454">
        <v>119</v>
      </c>
      <c r="AF40454">
        <v>121</v>
      </c>
      <c r="AG40454">
        <v>123</v>
      </c>
      <c r="AH40454">
        <v>124</v>
      </c>
      <c r="AI40454">
        <v>126</v>
      </c>
      <c r="AJ40454">
        <v>127</v>
      </c>
      <c r="AK40454">
        <v>129</v>
      </c>
      <c r="AL40454">
        <v>130</v>
      </c>
      <c r="AM40454">
        <v>130</v>
      </c>
      <c r="AN40454">
        <v>130</v>
      </c>
      <c r="AO40454">
        <v>131</v>
      </c>
      <c r="AP40454">
        <v>131</v>
      </c>
      <c r="AQ40454">
        <v>132</v>
      </c>
    </row>
    <row r="40455" spans="1:43">
      <c r="A40455" t="s">
        <v>25017</v>
      </c>
      <c r="B40455" t="s">
        <v>25018</v>
      </c>
      <c r="C40455" t="s">
        <v>21749</v>
      </c>
      <c r="D40455" t="s">
        <v>21750</v>
      </c>
      <c r="E40455" t="s">
        <v>21751</v>
      </c>
      <c r="F40455" t="s">
        <v>21752</v>
      </c>
      <c r="G40455" t="s">
        <v>20255</v>
      </c>
      <c r="H40455" t="s">
        <v>20256</v>
      </c>
      <c r="I40455" s="2">
        <v>1</v>
      </c>
      <c r="J40455" s="2">
        <v>0</v>
      </c>
      <c r="K40455" s="2">
        <v>0</v>
      </c>
      <c r="L40455" t="s">
        <v>120</v>
      </c>
      <c r="M40455" t="s">
        <v>87</v>
      </c>
      <c r="N40455" t="s">
        <v>88</v>
      </c>
      <c r="O40455" t="s">
        <v>85</v>
      </c>
      <c r="P40455" t="s">
        <v>86</v>
      </c>
      <c r="Q40455">
        <v>96</v>
      </c>
      <c r="R40455">
        <v>97</v>
      </c>
      <c r="S40455">
        <v>97</v>
      </c>
      <c r="T40455">
        <v>98</v>
      </c>
      <c r="U40455">
        <v>99</v>
      </c>
      <c r="V40455">
        <v>100</v>
      </c>
      <c r="W40455">
        <v>101</v>
      </c>
      <c r="X40455">
        <v>101</v>
      </c>
      <c r="Y40455">
        <v>102</v>
      </c>
      <c r="Z40455">
        <v>103</v>
      </c>
      <c r="AA40455">
        <v>104</v>
      </c>
      <c r="AB40455">
        <v>105</v>
      </c>
      <c r="AC40455">
        <v>105</v>
      </c>
      <c r="AD40455">
        <v>106</v>
      </c>
      <c r="AE40455">
        <v>107</v>
      </c>
      <c r="AF40455">
        <v>107</v>
      </c>
      <c r="AG40455">
        <v>108</v>
      </c>
      <c r="AH40455">
        <v>109</v>
      </c>
      <c r="AI40455">
        <v>109</v>
      </c>
      <c r="AJ40455">
        <v>110</v>
      </c>
      <c r="AK40455">
        <v>111</v>
      </c>
      <c r="AL40455">
        <v>111</v>
      </c>
      <c r="AM40455">
        <v>112</v>
      </c>
      <c r="AN40455">
        <v>113</v>
      </c>
      <c r="AO40455">
        <v>113</v>
      </c>
      <c r="AP40455">
        <v>114</v>
      </c>
      <c r="AQ40455">
        <v>114</v>
      </c>
    </row>
    <row r="40456" spans="1:43">
      <c r="A40456" t="s">
        <v>25017</v>
      </c>
      <c r="B40456" t="s">
        <v>25018</v>
      </c>
      <c r="C40456" t="s">
        <v>21749</v>
      </c>
      <c r="D40456" t="s">
        <v>21750</v>
      </c>
      <c r="E40456" t="s">
        <v>21751</v>
      </c>
      <c r="F40456" t="s">
        <v>21752</v>
      </c>
      <c r="G40456" t="s">
        <v>20255</v>
      </c>
      <c r="H40456" t="s">
        <v>20256</v>
      </c>
      <c r="I40456" s="2">
        <v>1</v>
      </c>
      <c r="J40456" s="2">
        <v>0</v>
      </c>
      <c r="K40456" s="2">
        <v>0</v>
      </c>
      <c r="L40456" t="s">
        <v>120</v>
      </c>
      <c r="M40456" t="s">
        <v>89</v>
      </c>
      <c r="N40456" t="s">
        <v>90</v>
      </c>
      <c r="O40456" t="s">
        <v>85</v>
      </c>
      <c r="P40456" t="s">
        <v>86</v>
      </c>
      <c r="Q40456">
        <v>96</v>
      </c>
      <c r="R40456">
        <v>99</v>
      </c>
      <c r="S40456">
        <v>102</v>
      </c>
      <c r="T40456">
        <v>104</v>
      </c>
      <c r="U40456">
        <v>107</v>
      </c>
      <c r="V40456">
        <v>109</v>
      </c>
      <c r="W40456">
        <v>111</v>
      </c>
      <c r="X40456">
        <v>114</v>
      </c>
      <c r="Y40456">
        <v>116</v>
      </c>
      <c r="Z40456">
        <v>118</v>
      </c>
      <c r="AA40456">
        <v>120</v>
      </c>
      <c r="AB40456">
        <v>122</v>
      </c>
      <c r="AC40456">
        <v>125</v>
      </c>
      <c r="AD40456">
        <v>127</v>
      </c>
      <c r="AE40456">
        <v>128</v>
      </c>
      <c r="AF40456">
        <v>129</v>
      </c>
      <c r="AG40456">
        <v>129</v>
      </c>
      <c r="AH40456">
        <v>130</v>
      </c>
      <c r="AI40456">
        <v>130</v>
      </c>
      <c r="AJ40456">
        <v>131</v>
      </c>
      <c r="AK40456">
        <v>131</v>
      </c>
      <c r="AL40456">
        <v>132</v>
      </c>
      <c r="AM40456">
        <v>132</v>
      </c>
      <c r="AN40456">
        <v>132</v>
      </c>
      <c r="AO40456">
        <v>133</v>
      </c>
      <c r="AP40456">
        <v>133</v>
      </c>
      <c r="AQ40456">
        <v>133</v>
      </c>
    </row>
    <row r="40457" spans="1:43">
      <c r="A40457" t="s">
        <v>25017</v>
      </c>
      <c r="B40457" t="s">
        <v>25018</v>
      </c>
      <c r="C40457" t="s">
        <v>21749</v>
      </c>
      <c r="D40457" t="s">
        <v>21750</v>
      </c>
      <c r="E40457" t="s">
        <v>21751</v>
      </c>
      <c r="F40457" t="s">
        <v>21752</v>
      </c>
      <c r="G40457" t="s">
        <v>20255</v>
      </c>
      <c r="H40457" t="s">
        <v>20256</v>
      </c>
      <c r="I40457" s="2">
        <v>1</v>
      </c>
      <c r="J40457" s="2">
        <v>0</v>
      </c>
      <c r="K40457" s="2">
        <v>0</v>
      </c>
      <c r="L40457" t="s">
        <v>120</v>
      </c>
      <c r="M40457" t="s">
        <v>83</v>
      </c>
      <c r="N40457" t="s">
        <v>91</v>
      </c>
      <c r="O40457" t="s">
        <v>85</v>
      </c>
      <c r="P40457" t="s">
        <v>86</v>
      </c>
      <c r="Q40457">
        <v>96</v>
      </c>
      <c r="R40457">
        <v>97</v>
      </c>
      <c r="S40457">
        <v>99</v>
      </c>
      <c r="T40457">
        <v>101</v>
      </c>
      <c r="U40457">
        <v>103</v>
      </c>
      <c r="V40457">
        <v>104</v>
      </c>
      <c r="W40457">
        <v>106</v>
      </c>
      <c r="X40457">
        <v>108</v>
      </c>
      <c r="Y40457">
        <v>109</v>
      </c>
      <c r="Z40457">
        <v>111</v>
      </c>
      <c r="AA40457">
        <v>113</v>
      </c>
      <c r="AB40457">
        <v>114</v>
      </c>
      <c r="AC40457">
        <v>116</v>
      </c>
      <c r="AD40457">
        <v>118</v>
      </c>
      <c r="AE40457">
        <v>119</v>
      </c>
      <c r="AF40457">
        <v>121</v>
      </c>
      <c r="AG40457">
        <v>123</v>
      </c>
      <c r="AH40457">
        <v>124</v>
      </c>
      <c r="AI40457">
        <v>126</v>
      </c>
      <c r="AJ40457">
        <v>127</v>
      </c>
      <c r="AK40457">
        <v>129</v>
      </c>
      <c r="AL40457">
        <v>130</v>
      </c>
      <c r="AM40457">
        <v>130</v>
      </c>
      <c r="AN40457">
        <v>130</v>
      </c>
      <c r="AO40457">
        <v>131</v>
      </c>
      <c r="AP40457">
        <v>131</v>
      </c>
      <c r="AQ40457">
        <v>132</v>
      </c>
    </row>
    <row r="40458" spans="1:43">
      <c r="A40458" t="s">
        <v>25019</v>
      </c>
      <c r="B40458" t="s">
        <v>25020</v>
      </c>
      <c r="C40458" t="s">
        <v>21749</v>
      </c>
      <c r="D40458" t="s">
        <v>21750</v>
      </c>
      <c r="E40458" t="s">
        <v>21751</v>
      </c>
      <c r="F40458" t="s">
        <v>21752</v>
      </c>
      <c r="G40458" t="s">
        <v>20255</v>
      </c>
      <c r="H40458" t="s">
        <v>20256</v>
      </c>
      <c r="I40458" s="2">
        <v>1</v>
      </c>
      <c r="J40458" s="2">
        <v>0</v>
      </c>
      <c r="K40458" s="2">
        <v>0</v>
      </c>
      <c r="L40458" t="s">
        <v>120</v>
      </c>
      <c r="M40458" t="s">
        <v>83</v>
      </c>
      <c r="N40458" t="s">
        <v>84</v>
      </c>
      <c r="O40458" t="s">
        <v>85</v>
      </c>
      <c r="P40458" t="s">
        <v>86</v>
      </c>
      <c r="Q40458">
        <v>302</v>
      </c>
      <c r="R40458">
        <v>308</v>
      </c>
      <c r="S40458">
        <v>313</v>
      </c>
      <c r="T40458">
        <v>319</v>
      </c>
      <c r="U40458">
        <v>325</v>
      </c>
      <c r="V40458">
        <v>331</v>
      </c>
      <c r="W40458">
        <v>336</v>
      </c>
      <c r="X40458">
        <v>342</v>
      </c>
      <c r="Y40458">
        <v>347</v>
      </c>
      <c r="Z40458">
        <v>352</v>
      </c>
      <c r="AA40458">
        <v>357</v>
      </c>
      <c r="AB40458">
        <v>363</v>
      </c>
      <c r="AC40458">
        <v>368</v>
      </c>
      <c r="AD40458">
        <v>373</v>
      </c>
      <c r="AE40458">
        <v>378</v>
      </c>
      <c r="AF40458">
        <v>383</v>
      </c>
      <c r="AG40458">
        <v>388</v>
      </c>
      <c r="AH40458">
        <v>393</v>
      </c>
      <c r="AI40458">
        <v>398</v>
      </c>
      <c r="AJ40458">
        <v>403</v>
      </c>
      <c r="AK40458">
        <v>408</v>
      </c>
      <c r="AL40458">
        <v>411</v>
      </c>
      <c r="AM40458">
        <v>412</v>
      </c>
      <c r="AN40458">
        <v>414</v>
      </c>
      <c r="AO40458">
        <v>415</v>
      </c>
      <c r="AP40458">
        <v>417</v>
      </c>
      <c r="AQ40458">
        <v>418</v>
      </c>
    </row>
    <row r="40459" spans="1:43">
      <c r="A40459" t="s">
        <v>25019</v>
      </c>
      <c r="B40459" t="s">
        <v>25020</v>
      </c>
      <c r="C40459" t="s">
        <v>21749</v>
      </c>
      <c r="D40459" t="s">
        <v>21750</v>
      </c>
      <c r="E40459" t="s">
        <v>21751</v>
      </c>
      <c r="F40459" t="s">
        <v>21752</v>
      </c>
      <c r="G40459" t="s">
        <v>20255</v>
      </c>
      <c r="H40459" t="s">
        <v>20256</v>
      </c>
      <c r="I40459" s="2">
        <v>1</v>
      </c>
      <c r="J40459" s="2">
        <v>0</v>
      </c>
      <c r="K40459" s="2">
        <v>0</v>
      </c>
      <c r="L40459" t="s">
        <v>120</v>
      </c>
      <c r="M40459" t="s">
        <v>87</v>
      </c>
      <c r="N40459" t="s">
        <v>88</v>
      </c>
      <c r="O40459" t="s">
        <v>85</v>
      </c>
      <c r="P40459" t="s">
        <v>86</v>
      </c>
      <c r="Q40459">
        <v>302</v>
      </c>
      <c r="R40459">
        <v>305</v>
      </c>
      <c r="S40459">
        <v>308</v>
      </c>
      <c r="T40459">
        <v>311</v>
      </c>
      <c r="U40459">
        <v>313</v>
      </c>
      <c r="V40459">
        <v>316</v>
      </c>
      <c r="W40459">
        <v>319</v>
      </c>
      <c r="X40459">
        <v>321</v>
      </c>
      <c r="Y40459">
        <v>324</v>
      </c>
      <c r="Z40459">
        <v>327</v>
      </c>
      <c r="AA40459">
        <v>329</v>
      </c>
      <c r="AB40459">
        <v>332</v>
      </c>
      <c r="AC40459">
        <v>334</v>
      </c>
      <c r="AD40459">
        <v>336</v>
      </c>
      <c r="AE40459">
        <v>339</v>
      </c>
      <c r="AF40459">
        <v>341</v>
      </c>
      <c r="AG40459">
        <v>343</v>
      </c>
      <c r="AH40459">
        <v>346</v>
      </c>
      <c r="AI40459">
        <v>348</v>
      </c>
      <c r="AJ40459">
        <v>350</v>
      </c>
      <c r="AK40459">
        <v>352</v>
      </c>
      <c r="AL40459">
        <v>354</v>
      </c>
      <c r="AM40459">
        <v>357</v>
      </c>
      <c r="AN40459">
        <v>359</v>
      </c>
      <c r="AO40459">
        <v>361</v>
      </c>
      <c r="AP40459">
        <v>363</v>
      </c>
      <c r="AQ40459">
        <v>365</v>
      </c>
    </row>
    <row r="40460" spans="1:43">
      <c r="A40460" t="s">
        <v>25019</v>
      </c>
      <c r="B40460" t="s">
        <v>25020</v>
      </c>
      <c r="C40460" t="s">
        <v>21749</v>
      </c>
      <c r="D40460" t="s">
        <v>21750</v>
      </c>
      <c r="E40460" t="s">
        <v>21751</v>
      </c>
      <c r="F40460" t="s">
        <v>21752</v>
      </c>
      <c r="G40460" t="s">
        <v>20255</v>
      </c>
      <c r="H40460" t="s">
        <v>20256</v>
      </c>
      <c r="I40460" s="2">
        <v>1</v>
      </c>
      <c r="J40460" s="2">
        <v>0</v>
      </c>
      <c r="K40460" s="2">
        <v>0</v>
      </c>
      <c r="L40460" t="s">
        <v>120</v>
      </c>
      <c r="M40460" t="s">
        <v>89</v>
      </c>
      <c r="N40460" t="s">
        <v>90</v>
      </c>
      <c r="O40460" t="s">
        <v>85</v>
      </c>
      <c r="P40460" t="s">
        <v>86</v>
      </c>
      <c r="Q40460">
        <v>302</v>
      </c>
      <c r="R40460">
        <v>310</v>
      </c>
      <c r="S40460">
        <v>318</v>
      </c>
      <c r="T40460">
        <v>327</v>
      </c>
      <c r="U40460">
        <v>335</v>
      </c>
      <c r="V40460">
        <v>342</v>
      </c>
      <c r="W40460">
        <v>349</v>
      </c>
      <c r="X40460">
        <v>357</v>
      </c>
      <c r="Y40460">
        <v>364</v>
      </c>
      <c r="Z40460">
        <v>371</v>
      </c>
      <c r="AA40460">
        <v>377</v>
      </c>
      <c r="AB40460">
        <v>384</v>
      </c>
      <c r="AC40460">
        <v>391</v>
      </c>
      <c r="AD40460">
        <v>397</v>
      </c>
      <c r="AE40460">
        <v>402</v>
      </c>
      <c r="AF40460">
        <v>404</v>
      </c>
      <c r="AG40460">
        <v>406</v>
      </c>
      <c r="AH40460">
        <v>408</v>
      </c>
      <c r="AI40460">
        <v>409</v>
      </c>
      <c r="AJ40460">
        <v>411</v>
      </c>
      <c r="AK40460">
        <v>413</v>
      </c>
      <c r="AL40460">
        <v>414</v>
      </c>
      <c r="AM40460">
        <v>416</v>
      </c>
      <c r="AN40460">
        <v>417</v>
      </c>
      <c r="AO40460">
        <v>418</v>
      </c>
      <c r="AP40460">
        <v>420</v>
      </c>
      <c r="AQ40460">
        <v>421</v>
      </c>
    </row>
    <row r="40461" spans="1:43">
      <c r="A40461" t="s">
        <v>25019</v>
      </c>
      <c r="B40461" t="s">
        <v>25020</v>
      </c>
      <c r="C40461" t="s">
        <v>21749</v>
      </c>
      <c r="D40461" t="s">
        <v>21750</v>
      </c>
      <c r="E40461" t="s">
        <v>21751</v>
      </c>
      <c r="F40461" t="s">
        <v>21752</v>
      </c>
      <c r="G40461" t="s">
        <v>20255</v>
      </c>
      <c r="H40461" t="s">
        <v>20256</v>
      </c>
      <c r="I40461" s="2">
        <v>1</v>
      </c>
      <c r="J40461" s="2">
        <v>0</v>
      </c>
      <c r="K40461" s="2">
        <v>0</v>
      </c>
      <c r="L40461" t="s">
        <v>120</v>
      </c>
      <c r="M40461" t="s">
        <v>83</v>
      </c>
      <c r="N40461" t="s">
        <v>91</v>
      </c>
      <c r="O40461" t="s">
        <v>85</v>
      </c>
      <c r="P40461" t="s">
        <v>86</v>
      </c>
      <c r="Q40461">
        <v>302</v>
      </c>
      <c r="R40461">
        <v>308</v>
      </c>
      <c r="S40461">
        <v>313</v>
      </c>
      <c r="T40461">
        <v>319</v>
      </c>
      <c r="U40461">
        <v>325</v>
      </c>
      <c r="V40461">
        <v>331</v>
      </c>
      <c r="W40461">
        <v>336</v>
      </c>
      <c r="X40461">
        <v>342</v>
      </c>
      <c r="Y40461">
        <v>347</v>
      </c>
      <c r="Z40461">
        <v>352</v>
      </c>
      <c r="AA40461">
        <v>357</v>
      </c>
      <c r="AB40461">
        <v>363</v>
      </c>
      <c r="AC40461">
        <v>368</v>
      </c>
      <c r="AD40461">
        <v>373</v>
      </c>
      <c r="AE40461">
        <v>378</v>
      </c>
      <c r="AF40461">
        <v>383</v>
      </c>
      <c r="AG40461">
        <v>388</v>
      </c>
      <c r="AH40461">
        <v>393</v>
      </c>
      <c r="AI40461">
        <v>398</v>
      </c>
      <c r="AJ40461">
        <v>403</v>
      </c>
      <c r="AK40461">
        <v>408</v>
      </c>
      <c r="AL40461">
        <v>411</v>
      </c>
      <c r="AM40461">
        <v>412</v>
      </c>
      <c r="AN40461">
        <v>414</v>
      </c>
      <c r="AO40461">
        <v>415</v>
      </c>
      <c r="AP40461">
        <v>417</v>
      </c>
      <c r="AQ40461">
        <v>418</v>
      </c>
    </row>
    <row r="40462" spans="1:43">
      <c r="A40462" t="s">
        <v>25021</v>
      </c>
      <c r="B40462" t="s">
        <v>25022</v>
      </c>
      <c r="C40462" t="s">
        <v>21821</v>
      </c>
      <c r="D40462" t="s">
        <v>21822</v>
      </c>
      <c r="E40462" t="s">
        <v>21751</v>
      </c>
      <c r="F40462" t="s">
        <v>21752</v>
      </c>
      <c r="G40462" t="s">
        <v>20255</v>
      </c>
      <c r="H40462" t="s">
        <v>20256</v>
      </c>
      <c r="I40462" s="2">
        <v>1</v>
      </c>
      <c r="J40462" s="2">
        <v>0</v>
      </c>
      <c r="K40462" s="2">
        <v>0</v>
      </c>
      <c r="L40462" t="s">
        <v>120</v>
      </c>
      <c r="M40462" t="s">
        <v>83</v>
      </c>
      <c r="N40462" t="s">
        <v>84</v>
      </c>
      <c r="O40462" t="s">
        <v>85</v>
      </c>
      <c r="P40462" t="s">
        <v>86</v>
      </c>
      <c r="Q40462">
        <v>38</v>
      </c>
      <c r="R40462">
        <v>39</v>
      </c>
      <c r="S40462">
        <v>40</v>
      </c>
      <c r="T40462">
        <v>40</v>
      </c>
      <c r="U40462">
        <v>41</v>
      </c>
      <c r="V40462">
        <v>42</v>
      </c>
      <c r="W40462">
        <v>42</v>
      </c>
      <c r="X40462">
        <v>43</v>
      </c>
      <c r="Y40462">
        <v>44</v>
      </c>
      <c r="Z40462">
        <v>44</v>
      </c>
      <c r="AA40462">
        <v>45</v>
      </c>
      <c r="AB40462">
        <v>46</v>
      </c>
      <c r="AC40462">
        <v>46</v>
      </c>
      <c r="AD40462">
        <v>47</v>
      </c>
      <c r="AE40462">
        <v>47</v>
      </c>
      <c r="AF40462">
        <v>48</v>
      </c>
      <c r="AG40462">
        <v>49</v>
      </c>
      <c r="AH40462">
        <v>49</v>
      </c>
      <c r="AI40462">
        <v>50</v>
      </c>
      <c r="AJ40462">
        <v>50</v>
      </c>
      <c r="AK40462">
        <v>51</v>
      </c>
      <c r="AL40462">
        <v>51</v>
      </c>
      <c r="AM40462">
        <v>51</v>
      </c>
      <c r="AN40462">
        <v>51</v>
      </c>
      <c r="AO40462">
        <v>51</v>
      </c>
      <c r="AP40462">
        <v>52</v>
      </c>
      <c r="AQ40462">
        <v>52</v>
      </c>
    </row>
    <row r="40463" spans="1:43">
      <c r="A40463" t="s">
        <v>25021</v>
      </c>
      <c r="B40463" t="s">
        <v>25022</v>
      </c>
      <c r="C40463" t="s">
        <v>21821</v>
      </c>
      <c r="D40463" t="s">
        <v>21822</v>
      </c>
      <c r="E40463" t="s">
        <v>21751</v>
      </c>
      <c r="F40463" t="s">
        <v>21752</v>
      </c>
      <c r="G40463" t="s">
        <v>20255</v>
      </c>
      <c r="H40463" t="s">
        <v>20256</v>
      </c>
      <c r="I40463" s="2">
        <v>1</v>
      </c>
      <c r="J40463" s="2">
        <v>0</v>
      </c>
      <c r="K40463" s="2">
        <v>0</v>
      </c>
      <c r="L40463" t="s">
        <v>120</v>
      </c>
      <c r="M40463" t="s">
        <v>87</v>
      </c>
      <c r="N40463" t="s">
        <v>88</v>
      </c>
      <c r="O40463" t="s">
        <v>85</v>
      </c>
      <c r="P40463" t="s">
        <v>86</v>
      </c>
      <c r="Q40463">
        <v>38</v>
      </c>
      <c r="R40463">
        <v>38</v>
      </c>
      <c r="S40463">
        <v>39</v>
      </c>
      <c r="T40463">
        <v>39</v>
      </c>
      <c r="U40463">
        <v>39</v>
      </c>
      <c r="V40463">
        <v>40</v>
      </c>
      <c r="W40463">
        <v>40</v>
      </c>
      <c r="X40463">
        <v>40</v>
      </c>
      <c r="Y40463">
        <v>40</v>
      </c>
      <c r="Z40463">
        <v>41</v>
      </c>
      <c r="AA40463">
        <v>41</v>
      </c>
      <c r="AB40463">
        <v>41</v>
      </c>
      <c r="AC40463">
        <v>42</v>
      </c>
      <c r="AD40463">
        <v>42</v>
      </c>
      <c r="AE40463">
        <v>42</v>
      </c>
      <c r="AF40463">
        <v>42</v>
      </c>
      <c r="AG40463">
        <v>43</v>
      </c>
      <c r="AH40463">
        <v>43</v>
      </c>
      <c r="AI40463">
        <v>43</v>
      </c>
      <c r="AJ40463">
        <v>43</v>
      </c>
      <c r="AK40463">
        <v>44</v>
      </c>
      <c r="AL40463">
        <v>44</v>
      </c>
      <c r="AM40463">
        <v>44</v>
      </c>
      <c r="AN40463">
        <v>44</v>
      </c>
      <c r="AO40463">
        <v>45</v>
      </c>
      <c r="AP40463">
        <v>45</v>
      </c>
      <c r="AQ40463">
        <v>45</v>
      </c>
    </row>
    <row r="40464" spans="1:43">
      <c r="A40464" t="s">
        <v>25021</v>
      </c>
      <c r="B40464" t="s">
        <v>25022</v>
      </c>
      <c r="C40464" t="s">
        <v>21821</v>
      </c>
      <c r="D40464" t="s">
        <v>21822</v>
      </c>
      <c r="E40464" t="s">
        <v>21751</v>
      </c>
      <c r="F40464" t="s">
        <v>21752</v>
      </c>
      <c r="G40464" t="s">
        <v>20255</v>
      </c>
      <c r="H40464" t="s">
        <v>20256</v>
      </c>
      <c r="I40464" s="2">
        <v>1</v>
      </c>
      <c r="J40464" s="2">
        <v>0</v>
      </c>
      <c r="K40464" s="2">
        <v>0</v>
      </c>
      <c r="L40464" t="s">
        <v>120</v>
      </c>
      <c r="M40464" t="s">
        <v>89</v>
      </c>
      <c r="N40464" t="s">
        <v>90</v>
      </c>
      <c r="O40464" t="s">
        <v>85</v>
      </c>
      <c r="P40464" t="s">
        <v>86</v>
      </c>
      <c r="Q40464">
        <v>38</v>
      </c>
      <c r="R40464">
        <v>39</v>
      </c>
      <c r="S40464">
        <v>40</v>
      </c>
      <c r="T40464">
        <v>41</v>
      </c>
      <c r="U40464">
        <v>42</v>
      </c>
      <c r="V40464">
        <v>43</v>
      </c>
      <c r="W40464">
        <v>43</v>
      </c>
      <c r="X40464">
        <v>44</v>
      </c>
      <c r="Y40464">
        <v>45</v>
      </c>
      <c r="Z40464">
        <v>46</v>
      </c>
      <c r="AA40464">
        <v>47</v>
      </c>
      <c r="AB40464">
        <v>48</v>
      </c>
      <c r="AC40464">
        <v>48</v>
      </c>
      <c r="AD40464">
        <v>49</v>
      </c>
      <c r="AE40464">
        <v>50</v>
      </c>
      <c r="AF40464">
        <v>50</v>
      </c>
      <c r="AG40464">
        <v>50</v>
      </c>
      <c r="AH40464">
        <v>50</v>
      </c>
      <c r="AI40464">
        <v>50</v>
      </c>
      <c r="AJ40464">
        <v>50</v>
      </c>
      <c r="AK40464">
        <v>51</v>
      </c>
      <c r="AL40464">
        <v>51</v>
      </c>
      <c r="AM40464">
        <v>51</v>
      </c>
      <c r="AN40464">
        <v>51</v>
      </c>
      <c r="AO40464">
        <v>51</v>
      </c>
      <c r="AP40464">
        <v>51</v>
      </c>
      <c r="AQ40464">
        <v>51</v>
      </c>
    </row>
    <row r="40465" spans="1:43">
      <c r="A40465" t="s">
        <v>25021</v>
      </c>
      <c r="B40465" t="s">
        <v>25022</v>
      </c>
      <c r="C40465" t="s">
        <v>21821</v>
      </c>
      <c r="D40465" t="s">
        <v>21822</v>
      </c>
      <c r="E40465" t="s">
        <v>21751</v>
      </c>
      <c r="F40465" t="s">
        <v>21752</v>
      </c>
      <c r="G40465" t="s">
        <v>20255</v>
      </c>
      <c r="H40465" t="s">
        <v>20256</v>
      </c>
      <c r="I40465" s="2">
        <v>1</v>
      </c>
      <c r="J40465" s="2">
        <v>0</v>
      </c>
      <c r="K40465" s="2">
        <v>0</v>
      </c>
      <c r="L40465" t="s">
        <v>120</v>
      </c>
      <c r="M40465" t="s">
        <v>83</v>
      </c>
      <c r="N40465" t="s">
        <v>91</v>
      </c>
      <c r="O40465" t="s">
        <v>85</v>
      </c>
      <c r="P40465" t="s">
        <v>86</v>
      </c>
      <c r="Q40465">
        <v>38</v>
      </c>
      <c r="R40465">
        <v>39</v>
      </c>
      <c r="S40465">
        <v>40</v>
      </c>
      <c r="T40465">
        <v>40</v>
      </c>
      <c r="U40465">
        <v>41</v>
      </c>
      <c r="V40465">
        <v>42</v>
      </c>
      <c r="W40465">
        <v>42</v>
      </c>
      <c r="X40465">
        <v>43</v>
      </c>
      <c r="Y40465">
        <v>44</v>
      </c>
      <c r="Z40465">
        <v>44</v>
      </c>
      <c r="AA40465">
        <v>45</v>
      </c>
      <c r="AB40465">
        <v>46</v>
      </c>
      <c r="AC40465">
        <v>46</v>
      </c>
      <c r="AD40465">
        <v>47</v>
      </c>
      <c r="AE40465">
        <v>47</v>
      </c>
      <c r="AF40465">
        <v>48</v>
      </c>
      <c r="AG40465">
        <v>49</v>
      </c>
      <c r="AH40465">
        <v>49</v>
      </c>
      <c r="AI40465">
        <v>50</v>
      </c>
      <c r="AJ40465">
        <v>50</v>
      </c>
      <c r="AK40465">
        <v>51</v>
      </c>
      <c r="AL40465">
        <v>51</v>
      </c>
      <c r="AM40465">
        <v>51</v>
      </c>
      <c r="AN40465">
        <v>51</v>
      </c>
      <c r="AO40465">
        <v>51</v>
      </c>
      <c r="AP40465">
        <v>52</v>
      </c>
      <c r="AQ40465">
        <v>52</v>
      </c>
    </row>
    <row r="40466" spans="1:43">
      <c r="A40466" t="s">
        <v>25023</v>
      </c>
      <c r="B40466" t="s">
        <v>25024</v>
      </c>
      <c r="C40466" t="s">
        <v>21829</v>
      </c>
      <c r="D40466" t="s">
        <v>21830</v>
      </c>
      <c r="E40466" t="s">
        <v>21751</v>
      </c>
      <c r="F40466" t="s">
        <v>21752</v>
      </c>
      <c r="G40466" t="s">
        <v>20255</v>
      </c>
      <c r="H40466" t="s">
        <v>20256</v>
      </c>
      <c r="I40466" s="2">
        <v>1</v>
      </c>
      <c r="J40466" s="2">
        <v>0</v>
      </c>
      <c r="K40466" s="2">
        <v>0</v>
      </c>
      <c r="L40466" t="s">
        <v>120</v>
      </c>
      <c r="M40466" t="s">
        <v>83</v>
      </c>
      <c r="N40466" t="s">
        <v>84</v>
      </c>
      <c r="O40466" t="s">
        <v>85</v>
      </c>
      <c r="P40466" t="s">
        <v>86</v>
      </c>
      <c r="Q40466">
        <v>99</v>
      </c>
      <c r="R40466">
        <v>101</v>
      </c>
      <c r="S40466">
        <v>102</v>
      </c>
      <c r="T40466">
        <v>104</v>
      </c>
      <c r="U40466">
        <v>106</v>
      </c>
      <c r="V40466">
        <v>108</v>
      </c>
      <c r="W40466">
        <v>109</v>
      </c>
      <c r="X40466">
        <v>111</v>
      </c>
      <c r="Y40466">
        <v>113</v>
      </c>
      <c r="Z40466">
        <v>114</v>
      </c>
      <c r="AA40466">
        <v>116</v>
      </c>
      <c r="AB40466">
        <v>118</v>
      </c>
      <c r="AC40466">
        <v>119</v>
      </c>
      <c r="AD40466">
        <v>121</v>
      </c>
      <c r="AE40466">
        <v>122</v>
      </c>
      <c r="AF40466">
        <v>124</v>
      </c>
      <c r="AG40466">
        <v>126</v>
      </c>
      <c r="AH40466">
        <v>127</v>
      </c>
      <c r="AI40466">
        <v>129</v>
      </c>
      <c r="AJ40466">
        <v>130</v>
      </c>
      <c r="AK40466">
        <v>132</v>
      </c>
      <c r="AL40466">
        <v>132</v>
      </c>
      <c r="AM40466">
        <v>133</v>
      </c>
      <c r="AN40466">
        <v>133</v>
      </c>
      <c r="AO40466">
        <v>133</v>
      </c>
      <c r="AP40466">
        <v>134</v>
      </c>
      <c r="AQ40466">
        <v>134</v>
      </c>
    </row>
    <row r="40467" spans="1:43">
      <c r="A40467" t="s">
        <v>25023</v>
      </c>
      <c r="B40467" t="s">
        <v>25024</v>
      </c>
      <c r="C40467" t="s">
        <v>21829</v>
      </c>
      <c r="D40467" t="s">
        <v>21830</v>
      </c>
      <c r="E40467" t="s">
        <v>21751</v>
      </c>
      <c r="F40467" t="s">
        <v>21752</v>
      </c>
      <c r="G40467" t="s">
        <v>20255</v>
      </c>
      <c r="H40467" t="s">
        <v>20256</v>
      </c>
      <c r="I40467" s="2">
        <v>1</v>
      </c>
      <c r="J40467" s="2">
        <v>0</v>
      </c>
      <c r="K40467" s="2">
        <v>0</v>
      </c>
      <c r="L40467" t="s">
        <v>120</v>
      </c>
      <c r="M40467" t="s">
        <v>87</v>
      </c>
      <c r="N40467" t="s">
        <v>88</v>
      </c>
      <c r="O40467" t="s">
        <v>85</v>
      </c>
      <c r="P40467" t="s">
        <v>86</v>
      </c>
      <c r="Q40467">
        <v>99</v>
      </c>
      <c r="R40467">
        <v>100</v>
      </c>
      <c r="S40467">
        <v>101</v>
      </c>
      <c r="T40467">
        <v>101</v>
      </c>
      <c r="U40467">
        <v>102</v>
      </c>
      <c r="V40467">
        <v>103</v>
      </c>
      <c r="W40467">
        <v>104</v>
      </c>
      <c r="X40467">
        <v>105</v>
      </c>
      <c r="Y40467">
        <v>105</v>
      </c>
      <c r="Z40467">
        <v>106</v>
      </c>
      <c r="AA40467">
        <v>107</v>
      </c>
      <c r="AB40467">
        <v>108</v>
      </c>
      <c r="AC40467">
        <v>108</v>
      </c>
      <c r="AD40467">
        <v>109</v>
      </c>
      <c r="AE40467">
        <v>110</v>
      </c>
      <c r="AF40467">
        <v>110</v>
      </c>
      <c r="AG40467">
        <v>111</v>
      </c>
      <c r="AH40467">
        <v>112</v>
      </c>
      <c r="AI40467">
        <v>112</v>
      </c>
      <c r="AJ40467">
        <v>113</v>
      </c>
      <c r="AK40467">
        <v>114</v>
      </c>
      <c r="AL40467">
        <v>114</v>
      </c>
      <c r="AM40467">
        <v>115</v>
      </c>
      <c r="AN40467">
        <v>115</v>
      </c>
      <c r="AO40467">
        <v>116</v>
      </c>
      <c r="AP40467">
        <v>117</v>
      </c>
      <c r="AQ40467">
        <v>117</v>
      </c>
    </row>
    <row r="40468" spans="1:43">
      <c r="A40468" t="s">
        <v>25023</v>
      </c>
      <c r="B40468" t="s">
        <v>25024</v>
      </c>
      <c r="C40468" t="s">
        <v>21829</v>
      </c>
      <c r="D40468" t="s">
        <v>21830</v>
      </c>
      <c r="E40468" t="s">
        <v>21751</v>
      </c>
      <c r="F40468" t="s">
        <v>21752</v>
      </c>
      <c r="G40468" t="s">
        <v>20255</v>
      </c>
      <c r="H40468" t="s">
        <v>20256</v>
      </c>
      <c r="I40468" s="2">
        <v>1</v>
      </c>
      <c r="J40468" s="2">
        <v>0</v>
      </c>
      <c r="K40468" s="2">
        <v>0</v>
      </c>
      <c r="L40468" t="s">
        <v>120</v>
      </c>
      <c r="M40468" t="s">
        <v>89</v>
      </c>
      <c r="N40468" t="s">
        <v>90</v>
      </c>
      <c r="O40468" t="s">
        <v>85</v>
      </c>
      <c r="P40468" t="s">
        <v>86</v>
      </c>
      <c r="Q40468">
        <v>99</v>
      </c>
      <c r="R40468">
        <v>101</v>
      </c>
      <c r="S40468">
        <v>104</v>
      </c>
      <c r="T40468">
        <v>107</v>
      </c>
      <c r="U40468">
        <v>109</v>
      </c>
      <c r="V40468">
        <v>111</v>
      </c>
      <c r="W40468">
        <v>114</v>
      </c>
      <c r="X40468">
        <v>116</v>
      </c>
      <c r="Y40468">
        <v>118</v>
      </c>
      <c r="Z40468">
        <v>120</v>
      </c>
      <c r="AA40468">
        <v>123</v>
      </c>
      <c r="AB40468">
        <v>125</v>
      </c>
      <c r="AC40468">
        <v>127</v>
      </c>
      <c r="AD40468">
        <v>129</v>
      </c>
      <c r="AE40468">
        <v>130</v>
      </c>
      <c r="AF40468">
        <v>131</v>
      </c>
      <c r="AG40468">
        <v>131</v>
      </c>
      <c r="AH40468">
        <v>132</v>
      </c>
      <c r="AI40468">
        <v>132</v>
      </c>
      <c r="AJ40468">
        <v>132</v>
      </c>
      <c r="AK40468">
        <v>133</v>
      </c>
      <c r="AL40468">
        <v>133</v>
      </c>
      <c r="AM40468">
        <v>134</v>
      </c>
      <c r="AN40468">
        <v>134</v>
      </c>
      <c r="AO40468">
        <v>134</v>
      </c>
      <c r="AP40468">
        <v>134</v>
      </c>
      <c r="AQ40468">
        <v>135</v>
      </c>
    </row>
    <row r="40469" spans="1:43">
      <c r="A40469" t="s">
        <v>25023</v>
      </c>
      <c r="B40469" t="s">
        <v>25024</v>
      </c>
      <c r="C40469" t="s">
        <v>21829</v>
      </c>
      <c r="D40469" t="s">
        <v>21830</v>
      </c>
      <c r="E40469" t="s">
        <v>21751</v>
      </c>
      <c r="F40469" t="s">
        <v>21752</v>
      </c>
      <c r="G40469" t="s">
        <v>20255</v>
      </c>
      <c r="H40469" t="s">
        <v>20256</v>
      </c>
      <c r="I40469" s="2">
        <v>1</v>
      </c>
      <c r="J40469" s="2">
        <v>0</v>
      </c>
      <c r="K40469" s="2">
        <v>0</v>
      </c>
      <c r="L40469" t="s">
        <v>120</v>
      </c>
      <c r="M40469" t="s">
        <v>83</v>
      </c>
      <c r="N40469" t="s">
        <v>91</v>
      </c>
      <c r="O40469" t="s">
        <v>85</v>
      </c>
      <c r="P40469" t="s">
        <v>86</v>
      </c>
      <c r="Q40469">
        <v>99</v>
      </c>
      <c r="R40469">
        <v>101</v>
      </c>
      <c r="S40469">
        <v>102</v>
      </c>
      <c r="T40469">
        <v>104</v>
      </c>
      <c r="U40469">
        <v>106</v>
      </c>
      <c r="V40469">
        <v>108</v>
      </c>
      <c r="W40469">
        <v>109</v>
      </c>
      <c r="X40469">
        <v>111</v>
      </c>
      <c r="Y40469">
        <v>113</v>
      </c>
      <c r="Z40469">
        <v>114</v>
      </c>
      <c r="AA40469">
        <v>116</v>
      </c>
      <c r="AB40469">
        <v>118</v>
      </c>
      <c r="AC40469">
        <v>119</v>
      </c>
      <c r="AD40469">
        <v>121</v>
      </c>
      <c r="AE40469">
        <v>122</v>
      </c>
      <c r="AF40469">
        <v>124</v>
      </c>
      <c r="AG40469">
        <v>126</v>
      </c>
      <c r="AH40469">
        <v>127</v>
      </c>
      <c r="AI40469">
        <v>129</v>
      </c>
      <c r="AJ40469">
        <v>130</v>
      </c>
      <c r="AK40469">
        <v>132</v>
      </c>
      <c r="AL40469">
        <v>132</v>
      </c>
      <c r="AM40469">
        <v>133</v>
      </c>
      <c r="AN40469">
        <v>133</v>
      </c>
      <c r="AO40469">
        <v>133</v>
      </c>
      <c r="AP40469">
        <v>134</v>
      </c>
      <c r="AQ40469">
        <v>134</v>
      </c>
    </row>
    <row r="40470" spans="1:43">
      <c r="A40470" t="s">
        <v>25025</v>
      </c>
      <c r="B40470" t="s">
        <v>25026</v>
      </c>
      <c r="C40470" t="s">
        <v>21829</v>
      </c>
      <c r="D40470" t="s">
        <v>21830</v>
      </c>
      <c r="E40470" t="s">
        <v>21751</v>
      </c>
      <c r="F40470" t="s">
        <v>21752</v>
      </c>
      <c r="G40470" t="s">
        <v>20255</v>
      </c>
      <c r="H40470" t="s">
        <v>20256</v>
      </c>
      <c r="I40470" s="2">
        <v>1</v>
      </c>
      <c r="J40470" s="2">
        <v>0</v>
      </c>
      <c r="K40470" s="2">
        <v>0</v>
      </c>
      <c r="L40470" t="s">
        <v>120</v>
      </c>
      <c r="M40470" t="s">
        <v>83</v>
      </c>
      <c r="N40470" t="s">
        <v>84</v>
      </c>
      <c r="O40470" t="s">
        <v>85</v>
      </c>
      <c r="P40470" t="s">
        <v>86</v>
      </c>
      <c r="Q40470">
        <v>33</v>
      </c>
      <c r="R40470">
        <v>33</v>
      </c>
      <c r="S40470">
        <v>34</v>
      </c>
      <c r="T40470">
        <v>34</v>
      </c>
      <c r="U40470">
        <v>35</v>
      </c>
      <c r="V40470">
        <v>36</v>
      </c>
      <c r="W40470">
        <v>36</v>
      </c>
      <c r="X40470">
        <v>37</v>
      </c>
      <c r="Y40470">
        <v>37</v>
      </c>
      <c r="Z40470">
        <v>38</v>
      </c>
      <c r="AA40470">
        <v>38</v>
      </c>
      <c r="AB40470">
        <v>39</v>
      </c>
      <c r="AC40470">
        <v>39</v>
      </c>
      <c r="AD40470">
        <v>40</v>
      </c>
      <c r="AE40470">
        <v>41</v>
      </c>
      <c r="AF40470">
        <v>41</v>
      </c>
      <c r="AG40470">
        <v>42</v>
      </c>
      <c r="AH40470">
        <v>42</v>
      </c>
      <c r="AI40470">
        <v>43</v>
      </c>
      <c r="AJ40470">
        <v>43</v>
      </c>
      <c r="AK40470">
        <v>44</v>
      </c>
      <c r="AL40470">
        <v>44</v>
      </c>
      <c r="AM40470">
        <v>44</v>
      </c>
      <c r="AN40470">
        <v>44</v>
      </c>
      <c r="AO40470">
        <v>44</v>
      </c>
      <c r="AP40470">
        <v>44</v>
      </c>
      <c r="AQ40470">
        <v>44</v>
      </c>
    </row>
    <row r="40471" spans="1:43">
      <c r="A40471" t="s">
        <v>25025</v>
      </c>
      <c r="B40471" t="s">
        <v>25026</v>
      </c>
      <c r="C40471" t="s">
        <v>21829</v>
      </c>
      <c r="D40471" t="s">
        <v>21830</v>
      </c>
      <c r="E40471" t="s">
        <v>21751</v>
      </c>
      <c r="F40471" t="s">
        <v>21752</v>
      </c>
      <c r="G40471" t="s">
        <v>20255</v>
      </c>
      <c r="H40471" t="s">
        <v>20256</v>
      </c>
      <c r="I40471" s="2">
        <v>1</v>
      </c>
      <c r="J40471" s="2">
        <v>0</v>
      </c>
      <c r="K40471" s="2">
        <v>0</v>
      </c>
      <c r="L40471" t="s">
        <v>120</v>
      </c>
      <c r="M40471" t="s">
        <v>87</v>
      </c>
      <c r="N40471" t="s">
        <v>88</v>
      </c>
      <c r="O40471" t="s">
        <v>85</v>
      </c>
      <c r="P40471" t="s">
        <v>86</v>
      </c>
      <c r="Q40471">
        <v>33</v>
      </c>
      <c r="R40471">
        <v>34</v>
      </c>
      <c r="S40471">
        <v>34</v>
      </c>
      <c r="T40471">
        <v>34</v>
      </c>
      <c r="U40471">
        <v>34</v>
      </c>
      <c r="V40471">
        <v>35</v>
      </c>
      <c r="W40471">
        <v>35</v>
      </c>
      <c r="X40471">
        <v>35</v>
      </c>
      <c r="Y40471">
        <v>36</v>
      </c>
      <c r="Z40471">
        <v>36</v>
      </c>
      <c r="AA40471">
        <v>36</v>
      </c>
      <c r="AB40471">
        <v>36</v>
      </c>
      <c r="AC40471">
        <v>36</v>
      </c>
      <c r="AD40471">
        <v>37</v>
      </c>
      <c r="AE40471">
        <v>37</v>
      </c>
      <c r="AF40471">
        <v>37</v>
      </c>
      <c r="AG40471">
        <v>37</v>
      </c>
      <c r="AH40471">
        <v>38</v>
      </c>
      <c r="AI40471">
        <v>38</v>
      </c>
      <c r="AJ40471">
        <v>38</v>
      </c>
      <c r="AK40471">
        <v>38</v>
      </c>
      <c r="AL40471">
        <v>38</v>
      </c>
      <c r="AM40471">
        <v>39</v>
      </c>
      <c r="AN40471">
        <v>39</v>
      </c>
      <c r="AO40471">
        <v>39</v>
      </c>
      <c r="AP40471">
        <v>39</v>
      </c>
      <c r="AQ40471">
        <v>39</v>
      </c>
    </row>
    <row r="40472" spans="1:43">
      <c r="A40472" t="s">
        <v>25025</v>
      </c>
      <c r="B40472" t="s">
        <v>25026</v>
      </c>
      <c r="C40472" t="s">
        <v>21829</v>
      </c>
      <c r="D40472" t="s">
        <v>21830</v>
      </c>
      <c r="E40472" t="s">
        <v>21751</v>
      </c>
      <c r="F40472" t="s">
        <v>21752</v>
      </c>
      <c r="G40472" t="s">
        <v>20255</v>
      </c>
      <c r="H40472" t="s">
        <v>20256</v>
      </c>
      <c r="I40472" s="2">
        <v>1</v>
      </c>
      <c r="J40472" s="2">
        <v>0</v>
      </c>
      <c r="K40472" s="2">
        <v>0</v>
      </c>
      <c r="L40472" t="s">
        <v>120</v>
      </c>
      <c r="M40472" t="s">
        <v>89</v>
      </c>
      <c r="N40472" t="s">
        <v>90</v>
      </c>
      <c r="O40472" t="s">
        <v>85</v>
      </c>
      <c r="P40472" t="s">
        <v>86</v>
      </c>
      <c r="Q40472">
        <v>33</v>
      </c>
      <c r="R40472">
        <v>34</v>
      </c>
      <c r="S40472">
        <v>35</v>
      </c>
      <c r="T40472">
        <v>36</v>
      </c>
      <c r="U40472">
        <v>36</v>
      </c>
      <c r="V40472">
        <v>37</v>
      </c>
      <c r="W40472">
        <v>38</v>
      </c>
      <c r="X40472">
        <v>39</v>
      </c>
      <c r="Y40472">
        <v>39</v>
      </c>
      <c r="Z40472">
        <v>40</v>
      </c>
      <c r="AA40472">
        <v>41</v>
      </c>
      <c r="AB40472">
        <v>42</v>
      </c>
      <c r="AC40472">
        <v>42</v>
      </c>
      <c r="AD40472">
        <v>43</v>
      </c>
      <c r="AE40472">
        <v>43</v>
      </c>
      <c r="AF40472">
        <v>44</v>
      </c>
      <c r="AG40472">
        <v>44</v>
      </c>
      <c r="AH40472">
        <v>44</v>
      </c>
      <c r="AI40472">
        <v>44</v>
      </c>
      <c r="AJ40472">
        <v>44</v>
      </c>
      <c r="AK40472">
        <v>44</v>
      </c>
      <c r="AL40472">
        <v>44</v>
      </c>
      <c r="AM40472">
        <v>45</v>
      </c>
      <c r="AN40472">
        <v>45</v>
      </c>
      <c r="AO40472">
        <v>45</v>
      </c>
      <c r="AP40472">
        <v>45</v>
      </c>
      <c r="AQ40472">
        <v>45</v>
      </c>
    </row>
    <row r="40473" spans="1:43">
      <c r="A40473" t="s">
        <v>25025</v>
      </c>
      <c r="B40473" t="s">
        <v>25026</v>
      </c>
      <c r="C40473" t="s">
        <v>21829</v>
      </c>
      <c r="D40473" t="s">
        <v>21830</v>
      </c>
      <c r="E40473" t="s">
        <v>21751</v>
      </c>
      <c r="F40473" t="s">
        <v>21752</v>
      </c>
      <c r="G40473" t="s">
        <v>20255</v>
      </c>
      <c r="H40473" t="s">
        <v>20256</v>
      </c>
      <c r="I40473" s="2">
        <v>1</v>
      </c>
      <c r="J40473" s="2">
        <v>0</v>
      </c>
      <c r="K40473" s="2">
        <v>0</v>
      </c>
      <c r="L40473" t="s">
        <v>120</v>
      </c>
      <c r="M40473" t="s">
        <v>83</v>
      </c>
      <c r="N40473" t="s">
        <v>91</v>
      </c>
      <c r="O40473" t="s">
        <v>85</v>
      </c>
      <c r="P40473" t="s">
        <v>86</v>
      </c>
      <c r="Q40473">
        <v>33</v>
      </c>
      <c r="R40473">
        <v>33</v>
      </c>
      <c r="S40473">
        <v>34</v>
      </c>
      <c r="T40473">
        <v>34</v>
      </c>
      <c r="U40473">
        <v>35</v>
      </c>
      <c r="V40473">
        <v>36</v>
      </c>
      <c r="W40473">
        <v>36</v>
      </c>
      <c r="X40473">
        <v>37</v>
      </c>
      <c r="Y40473">
        <v>37</v>
      </c>
      <c r="Z40473">
        <v>38</v>
      </c>
      <c r="AA40473">
        <v>38</v>
      </c>
      <c r="AB40473">
        <v>39</v>
      </c>
      <c r="AC40473">
        <v>39</v>
      </c>
      <c r="AD40473">
        <v>40</v>
      </c>
      <c r="AE40473">
        <v>41</v>
      </c>
      <c r="AF40473">
        <v>41</v>
      </c>
      <c r="AG40473">
        <v>42</v>
      </c>
      <c r="AH40473">
        <v>42</v>
      </c>
      <c r="AI40473">
        <v>43</v>
      </c>
      <c r="AJ40473">
        <v>43</v>
      </c>
      <c r="AK40473">
        <v>44</v>
      </c>
      <c r="AL40473">
        <v>44</v>
      </c>
      <c r="AM40473">
        <v>44</v>
      </c>
      <c r="AN40473">
        <v>44</v>
      </c>
      <c r="AO40473">
        <v>44</v>
      </c>
      <c r="AP40473">
        <v>44</v>
      </c>
      <c r="AQ40473">
        <v>44</v>
      </c>
    </row>
    <row r="40474" spans="1:43">
      <c r="A40474" t="s">
        <v>25027</v>
      </c>
      <c r="B40474" t="s">
        <v>25028</v>
      </c>
      <c r="C40474" t="s">
        <v>21749</v>
      </c>
      <c r="D40474" t="s">
        <v>21750</v>
      </c>
      <c r="E40474" t="s">
        <v>21751</v>
      </c>
      <c r="F40474" t="s">
        <v>21752</v>
      </c>
      <c r="G40474" t="s">
        <v>20255</v>
      </c>
      <c r="H40474" t="s">
        <v>20256</v>
      </c>
      <c r="I40474" s="2">
        <v>1</v>
      </c>
      <c r="J40474" s="2">
        <v>0</v>
      </c>
      <c r="K40474" s="2">
        <v>0</v>
      </c>
      <c r="L40474" t="s">
        <v>120</v>
      </c>
      <c r="M40474" t="s">
        <v>83</v>
      </c>
      <c r="N40474" t="s">
        <v>84</v>
      </c>
      <c r="O40474" t="s">
        <v>85</v>
      </c>
      <c r="P40474" t="s">
        <v>86</v>
      </c>
      <c r="Q40474">
        <v>159</v>
      </c>
      <c r="R40474">
        <v>162</v>
      </c>
      <c r="S40474">
        <v>165</v>
      </c>
      <c r="T40474">
        <v>168</v>
      </c>
      <c r="U40474">
        <v>171</v>
      </c>
      <c r="V40474">
        <v>174</v>
      </c>
      <c r="W40474">
        <v>177</v>
      </c>
      <c r="X40474">
        <v>180</v>
      </c>
      <c r="Y40474">
        <v>183</v>
      </c>
      <c r="Z40474">
        <v>185</v>
      </c>
      <c r="AA40474">
        <v>188</v>
      </c>
      <c r="AB40474">
        <v>191</v>
      </c>
      <c r="AC40474">
        <v>193</v>
      </c>
      <c r="AD40474">
        <v>196</v>
      </c>
      <c r="AE40474">
        <v>199</v>
      </c>
      <c r="AF40474">
        <v>201</v>
      </c>
      <c r="AG40474">
        <v>204</v>
      </c>
      <c r="AH40474">
        <v>206</v>
      </c>
      <c r="AI40474">
        <v>209</v>
      </c>
      <c r="AJ40474">
        <v>211</v>
      </c>
      <c r="AK40474">
        <v>214</v>
      </c>
      <c r="AL40474">
        <v>215</v>
      </c>
      <c r="AM40474">
        <v>216</v>
      </c>
      <c r="AN40474">
        <v>216</v>
      </c>
      <c r="AO40474">
        <v>217</v>
      </c>
      <c r="AP40474">
        <v>218</v>
      </c>
      <c r="AQ40474">
        <v>218</v>
      </c>
    </row>
    <row r="40475" spans="1:43">
      <c r="A40475" t="s">
        <v>25027</v>
      </c>
      <c r="B40475" t="s">
        <v>25028</v>
      </c>
      <c r="C40475" t="s">
        <v>21749</v>
      </c>
      <c r="D40475" t="s">
        <v>21750</v>
      </c>
      <c r="E40475" t="s">
        <v>21751</v>
      </c>
      <c r="F40475" t="s">
        <v>21752</v>
      </c>
      <c r="G40475" t="s">
        <v>20255</v>
      </c>
      <c r="H40475" t="s">
        <v>20256</v>
      </c>
      <c r="I40475" s="2">
        <v>1</v>
      </c>
      <c r="J40475" s="2">
        <v>0</v>
      </c>
      <c r="K40475" s="2">
        <v>0</v>
      </c>
      <c r="L40475" t="s">
        <v>120</v>
      </c>
      <c r="M40475" t="s">
        <v>87</v>
      </c>
      <c r="N40475" t="s">
        <v>88</v>
      </c>
      <c r="O40475" t="s">
        <v>85</v>
      </c>
      <c r="P40475" t="s">
        <v>86</v>
      </c>
      <c r="Q40475">
        <v>159</v>
      </c>
      <c r="R40475">
        <v>160</v>
      </c>
      <c r="S40475">
        <v>162</v>
      </c>
      <c r="T40475">
        <v>163</v>
      </c>
      <c r="U40475">
        <v>165</v>
      </c>
      <c r="V40475">
        <v>166</v>
      </c>
      <c r="W40475">
        <v>167</v>
      </c>
      <c r="X40475">
        <v>169</v>
      </c>
      <c r="Y40475">
        <v>170</v>
      </c>
      <c r="Z40475">
        <v>171</v>
      </c>
      <c r="AA40475">
        <v>173</v>
      </c>
      <c r="AB40475">
        <v>174</v>
      </c>
      <c r="AC40475">
        <v>175</v>
      </c>
      <c r="AD40475">
        <v>176</v>
      </c>
      <c r="AE40475">
        <v>178</v>
      </c>
      <c r="AF40475">
        <v>179</v>
      </c>
      <c r="AG40475">
        <v>180</v>
      </c>
      <c r="AH40475">
        <v>181</v>
      </c>
      <c r="AI40475">
        <v>182</v>
      </c>
      <c r="AJ40475">
        <v>183</v>
      </c>
      <c r="AK40475">
        <v>184</v>
      </c>
      <c r="AL40475">
        <v>186</v>
      </c>
      <c r="AM40475">
        <v>187</v>
      </c>
      <c r="AN40475">
        <v>188</v>
      </c>
      <c r="AO40475">
        <v>189</v>
      </c>
      <c r="AP40475">
        <v>190</v>
      </c>
      <c r="AQ40475">
        <v>191</v>
      </c>
    </row>
    <row r="40476" spans="1:43">
      <c r="A40476" t="s">
        <v>25027</v>
      </c>
      <c r="B40476" t="s">
        <v>25028</v>
      </c>
      <c r="C40476" t="s">
        <v>21749</v>
      </c>
      <c r="D40476" t="s">
        <v>21750</v>
      </c>
      <c r="E40476" t="s">
        <v>21751</v>
      </c>
      <c r="F40476" t="s">
        <v>21752</v>
      </c>
      <c r="G40476" t="s">
        <v>20255</v>
      </c>
      <c r="H40476" t="s">
        <v>20256</v>
      </c>
      <c r="I40476" s="2">
        <v>1</v>
      </c>
      <c r="J40476" s="2">
        <v>0</v>
      </c>
      <c r="K40476" s="2">
        <v>0</v>
      </c>
      <c r="L40476" t="s">
        <v>120</v>
      </c>
      <c r="M40476" t="s">
        <v>89</v>
      </c>
      <c r="N40476" t="s">
        <v>90</v>
      </c>
      <c r="O40476" t="s">
        <v>85</v>
      </c>
      <c r="P40476" t="s">
        <v>86</v>
      </c>
      <c r="Q40476">
        <v>159</v>
      </c>
      <c r="R40476">
        <v>163</v>
      </c>
      <c r="S40476">
        <v>168</v>
      </c>
      <c r="T40476">
        <v>172</v>
      </c>
      <c r="U40476">
        <v>176</v>
      </c>
      <c r="V40476">
        <v>180</v>
      </c>
      <c r="W40476">
        <v>184</v>
      </c>
      <c r="X40476">
        <v>187</v>
      </c>
      <c r="Y40476">
        <v>191</v>
      </c>
      <c r="Z40476">
        <v>195</v>
      </c>
      <c r="AA40476">
        <v>198</v>
      </c>
      <c r="AB40476">
        <v>201</v>
      </c>
      <c r="AC40476">
        <v>205</v>
      </c>
      <c r="AD40476">
        <v>208</v>
      </c>
      <c r="AE40476">
        <v>211</v>
      </c>
      <c r="AF40476">
        <v>211</v>
      </c>
      <c r="AG40476">
        <v>212</v>
      </c>
      <c r="AH40476">
        <v>213</v>
      </c>
      <c r="AI40476">
        <v>214</v>
      </c>
      <c r="AJ40476">
        <v>215</v>
      </c>
      <c r="AK40476">
        <v>215</v>
      </c>
      <c r="AL40476">
        <v>216</v>
      </c>
      <c r="AM40476">
        <v>216</v>
      </c>
      <c r="AN40476">
        <v>217</v>
      </c>
      <c r="AO40476">
        <v>218</v>
      </c>
      <c r="AP40476">
        <v>218</v>
      </c>
      <c r="AQ40476">
        <v>219</v>
      </c>
    </row>
    <row r="40477" spans="1:43">
      <c r="A40477" t="s">
        <v>25027</v>
      </c>
      <c r="B40477" t="s">
        <v>25028</v>
      </c>
      <c r="C40477" t="s">
        <v>21749</v>
      </c>
      <c r="D40477" t="s">
        <v>21750</v>
      </c>
      <c r="E40477" t="s">
        <v>21751</v>
      </c>
      <c r="F40477" t="s">
        <v>21752</v>
      </c>
      <c r="G40477" t="s">
        <v>20255</v>
      </c>
      <c r="H40477" t="s">
        <v>20256</v>
      </c>
      <c r="I40477" s="2">
        <v>1</v>
      </c>
      <c r="J40477" s="2">
        <v>0</v>
      </c>
      <c r="K40477" s="2">
        <v>0</v>
      </c>
      <c r="L40477" t="s">
        <v>120</v>
      </c>
      <c r="M40477" t="s">
        <v>83</v>
      </c>
      <c r="N40477" t="s">
        <v>91</v>
      </c>
      <c r="O40477" t="s">
        <v>85</v>
      </c>
      <c r="P40477" t="s">
        <v>86</v>
      </c>
      <c r="Q40477">
        <v>159</v>
      </c>
      <c r="R40477">
        <v>162</v>
      </c>
      <c r="S40477">
        <v>165</v>
      </c>
      <c r="T40477">
        <v>168</v>
      </c>
      <c r="U40477">
        <v>171</v>
      </c>
      <c r="V40477">
        <v>174</v>
      </c>
      <c r="W40477">
        <v>177</v>
      </c>
      <c r="X40477">
        <v>180</v>
      </c>
      <c r="Y40477">
        <v>183</v>
      </c>
      <c r="Z40477">
        <v>185</v>
      </c>
      <c r="AA40477">
        <v>188</v>
      </c>
      <c r="AB40477">
        <v>191</v>
      </c>
      <c r="AC40477">
        <v>193</v>
      </c>
      <c r="AD40477">
        <v>196</v>
      </c>
      <c r="AE40477">
        <v>199</v>
      </c>
      <c r="AF40477">
        <v>201</v>
      </c>
      <c r="AG40477">
        <v>204</v>
      </c>
      <c r="AH40477">
        <v>206</v>
      </c>
      <c r="AI40477">
        <v>209</v>
      </c>
      <c r="AJ40477">
        <v>211</v>
      </c>
      <c r="AK40477">
        <v>214</v>
      </c>
      <c r="AL40477">
        <v>215</v>
      </c>
      <c r="AM40477">
        <v>216</v>
      </c>
      <c r="AN40477">
        <v>216</v>
      </c>
      <c r="AO40477">
        <v>217</v>
      </c>
      <c r="AP40477">
        <v>218</v>
      </c>
      <c r="AQ40477">
        <v>218</v>
      </c>
    </row>
    <row r="40478" spans="1:43">
      <c r="A40478" t="s">
        <v>25029</v>
      </c>
      <c r="B40478" t="s">
        <v>25030</v>
      </c>
      <c r="C40478" t="s">
        <v>21773</v>
      </c>
      <c r="D40478" t="s">
        <v>21774</v>
      </c>
      <c r="E40478" t="s">
        <v>21751</v>
      </c>
      <c r="F40478" t="s">
        <v>21752</v>
      </c>
      <c r="G40478" t="s">
        <v>20255</v>
      </c>
      <c r="H40478" t="s">
        <v>20256</v>
      </c>
      <c r="I40478" s="2">
        <v>1</v>
      </c>
      <c r="J40478" s="2">
        <v>0</v>
      </c>
      <c r="K40478" s="2">
        <v>0</v>
      </c>
      <c r="L40478" t="s">
        <v>120</v>
      </c>
      <c r="M40478" t="s">
        <v>83</v>
      </c>
      <c r="N40478" t="s">
        <v>84</v>
      </c>
      <c r="O40478" t="s">
        <v>85</v>
      </c>
      <c r="P40478" t="s">
        <v>86</v>
      </c>
      <c r="Q40478">
        <v>22</v>
      </c>
      <c r="R40478">
        <v>23</v>
      </c>
      <c r="S40478">
        <v>23</v>
      </c>
      <c r="T40478">
        <v>24</v>
      </c>
      <c r="U40478">
        <v>24</v>
      </c>
      <c r="V40478">
        <v>24</v>
      </c>
      <c r="W40478">
        <v>25</v>
      </c>
      <c r="X40478">
        <v>25</v>
      </c>
      <c r="Y40478">
        <v>25</v>
      </c>
      <c r="Z40478">
        <v>26</v>
      </c>
      <c r="AA40478">
        <v>26</v>
      </c>
      <c r="AB40478">
        <v>27</v>
      </c>
      <c r="AC40478">
        <v>27</v>
      </c>
      <c r="AD40478">
        <v>27</v>
      </c>
      <c r="AE40478">
        <v>28</v>
      </c>
      <c r="AF40478">
        <v>28</v>
      </c>
      <c r="AG40478">
        <v>28</v>
      </c>
      <c r="AH40478">
        <v>29</v>
      </c>
      <c r="AI40478">
        <v>29</v>
      </c>
      <c r="AJ40478">
        <v>29</v>
      </c>
      <c r="AK40478">
        <v>30</v>
      </c>
      <c r="AL40478">
        <v>30</v>
      </c>
      <c r="AM40478">
        <v>30</v>
      </c>
      <c r="AN40478">
        <v>30</v>
      </c>
      <c r="AO40478">
        <v>30</v>
      </c>
      <c r="AP40478">
        <v>30</v>
      </c>
      <c r="AQ40478">
        <v>30</v>
      </c>
    </row>
    <row r="40479" spans="1:43">
      <c r="A40479" t="s">
        <v>25029</v>
      </c>
      <c r="B40479" t="s">
        <v>25030</v>
      </c>
      <c r="C40479" t="s">
        <v>21773</v>
      </c>
      <c r="D40479" t="s">
        <v>21774</v>
      </c>
      <c r="E40479" t="s">
        <v>21751</v>
      </c>
      <c r="F40479" t="s">
        <v>21752</v>
      </c>
      <c r="G40479" t="s">
        <v>20255</v>
      </c>
      <c r="H40479" t="s">
        <v>20256</v>
      </c>
      <c r="I40479" s="2">
        <v>1</v>
      </c>
      <c r="J40479" s="2">
        <v>0</v>
      </c>
      <c r="K40479" s="2">
        <v>0</v>
      </c>
      <c r="L40479" t="s">
        <v>120</v>
      </c>
      <c r="M40479" t="s">
        <v>87</v>
      </c>
      <c r="N40479" t="s">
        <v>88</v>
      </c>
      <c r="O40479" t="s">
        <v>85</v>
      </c>
      <c r="P40479" t="s">
        <v>86</v>
      </c>
      <c r="Q40479">
        <v>22</v>
      </c>
      <c r="R40479">
        <v>22</v>
      </c>
      <c r="S40479">
        <v>22</v>
      </c>
      <c r="T40479">
        <v>23</v>
      </c>
      <c r="U40479">
        <v>23</v>
      </c>
      <c r="V40479">
        <v>23</v>
      </c>
      <c r="W40479">
        <v>23</v>
      </c>
      <c r="X40479">
        <v>23</v>
      </c>
      <c r="Y40479">
        <v>24</v>
      </c>
      <c r="Z40479">
        <v>24</v>
      </c>
      <c r="AA40479">
        <v>24</v>
      </c>
      <c r="AB40479">
        <v>24</v>
      </c>
      <c r="AC40479">
        <v>24</v>
      </c>
      <c r="AD40479">
        <v>24</v>
      </c>
      <c r="AE40479">
        <v>24</v>
      </c>
      <c r="AF40479">
        <v>25</v>
      </c>
      <c r="AG40479">
        <v>25</v>
      </c>
      <c r="AH40479">
        <v>25</v>
      </c>
      <c r="AI40479">
        <v>25</v>
      </c>
      <c r="AJ40479">
        <v>25</v>
      </c>
      <c r="AK40479">
        <v>25</v>
      </c>
      <c r="AL40479">
        <v>25</v>
      </c>
      <c r="AM40479">
        <v>26</v>
      </c>
      <c r="AN40479">
        <v>26</v>
      </c>
      <c r="AO40479">
        <v>26</v>
      </c>
      <c r="AP40479">
        <v>26</v>
      </c>
      <c r="AQ40479">
        <v>26</v>
      </c>
    </row>
    <row r="40480" spans="1:43">
      <c r="A40480" t="s">
        <v>25029</v>
      </c>
      <c r="B40480" t="s">
        <v>25030</v>
      </c>
      <c r="C40480" t="s">
        <v>21773</v>
      </c>
      <c r="D40480" t="s">
        <v>21774</v>
      </c>
      <c r="E40480" t="s">
        <v>21751</v>
      </c>
      <c r="F40480" t="s">
        <v>21752</v>
      </c>
      <c r="G40480" t="s">
        <v>20255</v>
      </c>
      <c r="H40480" t="s">
        <v>20256</v>
      </c>
      <c r="I40480" s="2">
        <v>1</v>
      </c>
      <c r="J40480" s="2">
        <v>0</v>
      </c>
      <c r="K40480" s="2">
        <v>0</v>
      </c>
      <c r="L40480" t="s">
        <v>120</v>
      </c>
      <c r="M40480" t="s">
        <v>89</v>
      </c>
      <c r="N40480" t="s">
        <v>90</v>
      </c>
      <c r="O40480" t="s">
        <v>85</v>
      </c>
      <c r="P40480" t="s">
        <v>86</v>
      </c>
      <c r="Q40480">
        <v>22</v>
      </c>
      <c r="R40480">
        <v>22</v>
      </c>
      <c r="S40480">
        <v>23</v>
      </c>
      <c r="T40480">
        <v>23</v>
      </c>
      <c r="U40480">
        <v>24</v>
      </c>
      <c r="V40480">
        <v>24</v>
      </c>
      <c r="W40480">
        <v>25</v>
      </c>
      <c r="X40480">
        <v>25</v>
      </c>
      <c r="Y40480">
        <v>26</v>
      </c>
      <c r="Z40480">
        <v>26</v>
      </c>
      <c r="AA40480">
        <v>27</v>
      </c>
      <c r="AB40480">
        <v>27</v>
      </c>
      <c r="AC40480">
        <v>28</v>
      </c>
      <c r="AD40480">
        <v>28</v>
      </c>
      <c r="AE40480">
        <v>29</v>
      </c>
      <c r="AF40480">
        <v>29</v>
      </c>
      <c r="AG40480">
        <v>29</v>
      </c>
      <c r="AH40480">
        <v>29</v>
      </c>
      <c r="AI40480">
        <v>29</v>
      </c>
      <c r="AJ40480">
        <v>29</v>
      </c>
      <c r="AK40480">
        <v>29</v>
      </c>
      <c r="AL40480">
        <v>29</v>
      </c>
      <c r="AM40480">
        <v>29</v>
      </c>
      <c r="AN40480">
        <v>29</v>
      </c>
      <c r="AO40480">
        <v>29</v>
      </c>
      <c r="AP40480">
        <v>29</v>
      </c>
      <c r="AQ40480">
        <v>29</v>
      </c>
    </row>
    <row r="40481" spans="1:43">
      <c r="A40481" t="s">
        <v>25029</v>
      </c>
      <c r="B40481" t="s">
        <v>25030</v>
      </c>
      <c r="C40481" t="s">
        <v>21773</v>
      </c>
      <c r="D40481" t="s">
        <v>21774</v>
      </c>
      <c r="E40481" t="s">
        <v>21751</v>
      </c>
      <c r="F40481" t="s">
        <v>21752</v>
      </c>
      <c r="G40481" t="s">
        <v>20255</v>
      </c>
      <c r="H40481" t="s">
        <v>20256</v>
      </c>
      <c r="I40481" s="2">
        <v>1</v>
      </c>
      <c r="J40481" s="2">
        <v>0</v>
      </c>
      <c r="K40481" s="2">
        <v>0</v>
      </c>
      <c r="L40481" t="s">
        <v>120</v>
      </c>
      <c r="M40481" t="s">
        <v>83</v>
      </c>
      <c r="N40481" t="s">
        <v>91</v>
      </c>
      <c r="O40481" t="s">
        <v>85</v>
      </c>
      <c r="P40481" t="s">
        <v>86</v>
      </c>
      <c r="Q40481">
        <v>22</v>
      </c>
      <c r="R40481">
        <v>23</v>
      </c>
      <c r="S40481">
        <v>23</v>
      </c>
      <c r="T40481">
        <v>24</v>
      </c>
      <c r="U40481">
        <v>24</v>
      </c>
      <c r="V40481">
        <v>24</v>
      </c>
      <c r="W40481">
        <v>25</v>
      </c>
      <c r="X40481">
        <v>25</v>
      </c>
      <c r="Y40481">
        <v>25</v>
      </c>
      <c r="Z40481">
        <v>26</v>
      </c>
      <c r="AA40481">
        <v>26</v>
      </c>
      <c r="AB40481">
        <v>27</v>
      </c>
      <c r="AC40481">
        <v>27</v>
      </c>
      <c r="AD40481">
        <v>27</v>
      </c>
      <c r="AE40481">
        <v>28</v>
      </c>
      <c r="AF40481">
        <v>28</v>
      </c>
      <c r="AG40481">
        <v>28</v>
      </c>
      <c r="AH40481">
        <v>29</v>
      </c>
      <c r="AI40481">
        <v>29</v>
      </c>
      <c r="AJ40481">
        <v>29</v>
      </c>
      <c r="AK40481">
        <v>30</v>
      </c>
      <c r="AL40481">
        <v>30</v>
      </c>
      <c r="AM40481">
        <v>30</v>
      </c>
      <c r="AN40481">
        <v>30</v>
      </c>
      <c r="AO40481">
        <v>30</v>
      </c>
      <c r="AP40481">
        <v>30</v>
      </c>
      <c r="AQ40481">
        <v>30</v>
      </c>
    </row>
    <row r="40482" spans="1:43">
      <c r="A40482" t="s">
        <v>25031</v>
      </c>
      <c r="B40482" t="s">
        <v>25032</v>
      </c>
      <c r="C40482" t="s">
        <v>21829</v>
      </c>
      <c r="D40482" t="s">
        <v>21830</v>
      </c>
      <c r="E40482" t="s">
        <v>21751</v>
      </c>
      <c r="F40482" t="s">
        <v>21752</v>
      </c>
      <c r="G40482" t="s">
        <v>20255</v>
      </c>
      <c r="H40482" t="s">
        <v>20256</v>
      </c>
      <c r="I40482" s="2">
        <v>1</v>
      </c>
      <c r="J40482" s="2">
        <v>0</v>
      </c>
      <c r="K40482" s="2">
        <v>0</v>
      </c>
      <c r="L40482" t="s">
        <v>120</v>
      </c>
      <c r="M40482" t="s">
        <v>83</v>
      </c>
      <c r="N40482" t="s">
        <v>84</v>
      </c>
      <c r="O40482" t="s">
        <v>85</v>
      </c>
      <c r="P40482" t="s">
        <v>86</v>
      </c>
      <c r="Q40482">
        <v>29</v>
      </c>
      <c r="R40482">
        <v>30</v>
      </c>
      <c r="S40482">
        <v>30</v>
      </c>
      <c r="T40482">
        <v>31</v>
      </c>
      <c r="U40482">
        <v>32</v>
      </c>
      <c r="V40482">
        <v>32</v>
      </c>
      <c r="W40482">
        <v>33</v>
      </c>
      <c r="X40482">
        <v>33</v>
      </c>
      <c r="Y40482">
        <v>34</v>
      </c>
      <c r="Z40482">
        <v>34</v>
      </c>
      <c r="AA40482">
        <v>35</v>
      </c>
      <c r="AB40482">
        <v>35</v>
      </c>
      <c r="AC40482">
        <v>36</v>
      </c>
      <c r="AD40482">
        <v>36</v>
      </c>
      <c r="AE40482">
        <v>36</v>
      </c>
      <c r="AF40482">
        <v>37</v>
      </c>
      <c r="AG40482">
        <v>37</v>
      </c>
      <c r="AH40482">
        <v>38</v>
      </c>
      <c r="AI40482">
        <v>38</v>
      </c>
      <c r="AJ40482">
        <v>39</v>
      </c>
      <c r="AK40482">
        <v>39</v>
      </c>
      <c r="AL40482">
        <v>39</v>
      </c>
      <c r="AM40482">
        <v>40</v>
      </c>
      <c r="AN40482">
        <v>40</v>
      </c>
      <c r="AO40482">
        <v>40</v>
      </c>
      <c r="AP40482">
        <v>40</v>
      </c>
      <c r="AQ40482">
        <v>40</v>
      </c>
    </row>
    <row r="40483" spans="1:43">
      <c r="A40483" t="s">
        <v>25031</v>
      </c>
      <c r="B40483" t="s">
        <v>25032</v>
      </c>
      <c r="C40483" t="s">
        <v>21829</v>
      </c>
      <c r="D40483" t="s">
        <v>21830</v>
      </c>
      <c r="E40483" t="s">
        <v>21751</v>
      </c>
      <c r="F40483" t="s">
        <v>21752</v>
      </c>
      <c r="G40483" t="s">
        <v>20255</v>
      </c>
      <c r="H40483" t="s">
        <v>20256</v>
      </c>
      <c r="I40483" s="2">
        <v>1</v>
      </c>
      <c r="J40483" s="2">
        <v>0</v>
      </c>
      <c r="K40483" s="2">
        <v>0</v>
      </c>
      <c r="L40483" t="s">
        <v>120</v>
      </c>
      <c r="M40483" t="s">
        <v>87</v>
      </c>
      <c r="N40483" t="s">
        <v>88</v>
      </c>
      <c r="O40483" t="s">
        <v>85</v>
      </c>
      <c r="P40483" t="s">
        <v>86</v>
      </c>
      <c r="Q40483">
        <v>29</v>
      </c>
      <c r="R40483">
        <v>29</v>
      </c>
      <c r="S40483">
        <v>30</v>
      </c>
      <c r="T40483">
        <v>30</v>
      </c>
      <c r="U40483">
        <v>30</v>
      </c>
      <c r="V40483">
        <v>30</v>
      </c>
      <c r="W40483">
        <v>31</v>
      </c>
      <c r="X40483">
        <v>31</v>
      </c>
      <c r="Y40483">
        <v>31</v>
      </c>
      <c r="Z40483">
        <v>31</v>
      </c>
      <c r="AA40483">
        <v>32</v>
      </c>
      <c r="AB40483">
        <v>32</v>
      </c>
      <c r="AC40483">
        <v>32</v>
      </c>
      <c r="AD40483">
        <v>32</v>
      </c>
      <c r="AE40483">
        <v>32</v>
      </c>
      <c r="AF40483">
        <v>33</v>
      </c>
      <c r="AG40483">
        <v>33</v>
      </c>
      <c r="AH40483">
        <v>33</v>
      </c>
      <c r="AI40483">
        <v>33</v>
      </c>
      <c r="AJ40483">
        <v>33</v>
      </c>
      <c r="AK40483">
        <v>34</v>
      </c>
      <c r="AL40483">
        <v>34</v>
      </c>
      <c r="AM40483">
        <v>34</v>
      </c>
      <c r="AN40483">
        <v>34</v>
      </c>
      <c r="AO40483">
        <v>34</v>
      </c>
      <c r="AP40483">
        <v>34</v>
      </c>
      <c r="AQ40483">
        <v>35</v>
      </c>
    </row>
    <row r="40484" spans="1:43">
      <c r="A40484" t="s">
        <v>25031</v>
      </c>
      <c r="B40484" t="s">
        <v>25032</v>
      </c>
      <c r="C40484" t="s">
        <v>21829</v>
      </c>
      <c r="D40484" t="s">
        <v>21830</v>
      </c>
      <c r="E40484" t="s">
        <v>21751</v>
      </c>
      <c r="F40484" t="s">
        <v>21752</v>
      </c>
      <c r="G40484" t="s">
        <v>20255</v>
      </c>
      <c r="H40484" t="s">
        <v>20256</v>
      </c>
      <c r="I40484" s="2">
        <v>1</v>
      </c>
      <c r="J40484" s="2">
        <v>0</v>
      </c>
      <c r="K40484" s="2">
        <v>0</v>
      </c>
      <c r="L40484" t="s">
        <v>120</v>
      </c>
      <c r="M40484" t="s">
        <v>89</v>
      </c>
      <c r="N40484" t="s">
        <v>90</v>
      </c>
      <c r="O40484" t="s">
        <v>85</v>
      </c>
      <c r="P40484" t="s">
        <v>86</v>
      </c>
      <c r="Q40484">
        <v>29</v>
      </c>
      <c r="R40484">
        <v>29</v>
      </c>
      <c r="S40484">
        <v>30</v>
      </c>
      <c r="T40484">
        <v>31</v>
      </c>
      <c r="U40484">
        <v>32</v>
      </c>
      <c r="V40484">
        <v>33</v>
      </c>
      <c r="W40484">
        <v>33</v>
      </c>
      <c r="X40484">
        <v>34</v>
      </c>
      <c r="Y40484">
        <v>35</v>
      </c>
      <c r="Z40484">
        <v>35</v>
      </c>
      <c r="AA40484">
        <v>36</v>
      </c>
      <c r="AB40484">
        <v>36</v>
      </c>
      <c r="AC40484">
        <v>37</v>
      </c>
      <c r="AD40484">
        <v>38</v>
      </c>
      <c r="AE40484">
        <v>38</v>
      </c>
      <c r="AF40484">
        <v>38</v>
      </c>
      <c r="AG40484">
        <v>38</v>
      </c>
      <c r="AH40484">
        <v>39</v>
      </c>
      <c r="AI40484">
        <v>39</v>
      </c>
      <c r="AJ40484">
        <v>39</v>
      </c>
      <c r="AK40484">
        <v>39</v>
      </c>
      <c r="AL40484">
        <v>39</v>
      </c>
      <c r="AM40484">
        <v>39</v>
      </c>
      <c r="AN40484">
        <v>39</v>
      </c>
      <c r="AO40484">
        <v>39</v>
      </c>
      <c r="AP40484">
        <v>39</v>
      </c>
      <c r="AQ40484">
        <v>39</v>
      </c>
    </row>
    <row r="40485" spans="1:43">
      <c r="A40485" t="s">
        <v>25031</v>
      </c>
      <c r="B40485" t="s">
        <v>25032</v>
      </c>
      <c r="C40485" t="s">
        <v>21829</v>
      </c>
      <c r="D40485" t="s">
        <v>21830</v>
      </c>
      <c r="E40485" t="s">
        <v>21751</v>
      </c>
      <c r="F40485" t="s">
        <v>21752</v>
      </c>
      <c r="G40485" t="s">
        <v>20255</v>
      </c>
      <c r="H40485" t="s">
        <v>20256</v>
      </c>
      <c r="I40485" s="2">
        <v>1</v>
      </c>
      <c r="J40485" s="2">
        <v>0</v>
      </c>
      <c r="K40485" s="2">
        <v>0</v>
      </c>
      <c r="L40485" t="s">
        <v>120</v>
      </c>
      <c r="M40485" t="s">
        <v>83</v>
      </c>
      <c r="N40485" t="s">
        <v>91</v>
      </c>
      <c r="O40485" t="s">
        <v>85</v>
      </c>
      <c r="P40485" t="s">
        <v>86</v>
      </c>
      <c r="Q40485">
        <v>29</v>
      </c>
      <c r="R40485">
        <v>30</v>
      </c>
      <c r="S40485">
        <v>30</v>
      </c>
      <c r="T40485">
        <v>31</v>
      </c>
      <c r="U40485">
        <v>32</v>
      </c>
      <c r="V40485">
        <v>32</v>
      </c>
      <c r="W40485">
        <v>33</v>
      </c>
      <c r="X40485">
        <v>33</v>
      </c>
      <c r="Y40485">
        <v>34</v>
      </c>
      <c r="Z40485">
        <v>34</v>
      </c>
      <c r="AA40485">
        <v>35</v>
      </c>
      <c r="AB40485">
        <v>35</v>
      </c>
      <c r="AC40485">
        <v>36</v>
      </c>
      <c r="AD40485">
        <v>36</v>
      </c>
      <c r="AE40485">
        <v>36</v>
      </c>
      <c r="AF40485">
        <v>37</v>
      </c>
      <c r="AG40485">
        <v>37</v>
      </c>
      <c r="AH40485">
        <v>38</v>
      </c>
      <c r="AI40485">
        <v>38</v>
      </c>
      <c r="AJ40485">
        <v>39</v>
      </c>
      <c r="AK40485">
        <v>39</v>
      </c>
      <c r="AL40485">
        <v>39</v>
      </c>
      <c r="AM40485">
        <v>40</v>
      </c>
      <c r="AN40485">
        <v>40</v>
      </c>
      <c r="AO40485">
        <v>40</v>
      </c>
      <c r="AP40485">
        <v>40</v>
      </c>
      <c r="AQ40485">
        <v>40</v>
      </c>
    </row>
    <row r="40486" spans="1:43">
      <c r="A40486" t="s">
        <v>25033</v>
      </c>
      <c r="B40486" t="s">
        <v>25034</v>
      </c>
      <c r="C40486" t="s">
        <v>24985</v>
      </c>
      <c r="D40486" t="s">
        <v>24986</v>
      </c>
      <c r="E40486" t="s">
        <v>9544</v>
      </c>
      <c r="F40486" t="s">
        <v>9545</v>
      </c>
      <c r="G40486" t="s">
        <v>80</v>
      </c>
      <c r="H40486" t="s">
        <v>81</v>
      </c>
      <c r="I40486" s="2">
        <v>0</v>
      </c>
      <c r="J40486" s="2">
        <v>1</v>
      </c>
      <c r="K40486" s="2">
        <v>0</v>
      </c>
      <c r="L40486" t="s">
        <v>82</v>
      </c>
      <c r="M40486" t="s">
        <v>83</v>
      </c>
      <c r="N40486" t="s">
        <v>84</v>
      </c>
      <c r="O40486" t="s">
        <v>85</v>
      </c>
      <c r="P40486" t="s">
        <v>86</v>
      </c>
      <c r="Q40486">
        <v>27</v>
      </c>
      <c r="R40486">
        <v>27</v>
      </c>
      <c r="S40486">
        <v>27</v>
      </c>
      <c r="T40486">
        <v>27</v>
      </c>
      <c r="U40486">
        <v>27</v>
      </c>
      <c r="V40486">
        <v>27</v>
      </c>
      <c r="W40486">
        <v>28</v>
      </c>
      <c r="X40486">
        <v>28</v>
      </c>
      <c r="Y40486">
        <v>28</v>
      </c>
      <c r="Z40486">
        <v>28</v>
      </c>
      <c r="AA40486">
        <v>28</v>
      </c>
      <c r="AB40486">
        <v>28</v>
      </c>
      <c r="AC40486">
        <v>29</v>
      </c>
      <c r="AD40486">
        <v>29</v>
      </c>
      <c r="AE40486">
        <v>29</v>
      </c>
      <c r="AF40486">
        <v>29</v>
      </c>
      <c r="AG40486">
        <v>29</v>
      </c>
      <c r="AH40486">
        <v>29</v>
      </c>
      <c r="AI40486">
        <v>29</v>
      </c>
      <c r="AJ40486">
        <v>29</v>
      </c>
      <c r="AK40486">
        <v>29</v>
      </c>
      <c r="AL40486">
        <v>29</v>
      </c>
      <c r="AM40486">
        <v>29</v>
      </c>
      <c r="AN40486">
        <v>29</v>
      </c>
      <c r="AO40486">
        <v>29</v>
      </c>
      <c r="AP40486">
        <v>29</v>
      </c>
      <c r="AQ40486">
        <v>29</v>
      </c>
    </row>
    <row r="40487" spans="1:43">
      <c r="A40487" t="s">
        <v>25033</v>
      </c>
      <c r="B40487" t="s">
        <v>25034</v>
      </c>
      <c r="C40487" t="s">
        <v>24985</v>
      </c>
      <c r="D40487" t="s">
        <v>24986</v>
      </c>
      <c r="E40487" t="s">
        <v>9544</v>
      </c>
      <c r="F40487" t="s">
        <v>9545</v>
      </c>
      <c r="G40487" t="s">
        <v>80</v>
      </c>
      <c r="H40487" t="s">
        <v>81</v>
      </c>
      <c r="I40487" s="2">
        <v>0</v>
      </c>
      <c r="J40487" s="2">
        <v>1</v>
      </c>
      <c r="K40487" s="2">
        <v>0</v>
      </c>
      <c r="L40487" t="s">
        <v>82</v>
      </c>
      <c r="M40487" t="s">
        <v>87</v>
      </c>
      <c r="N40487" t="s">
        <v>88</v>
      </c>
      <c r="O40487" t="s">
        <v>85</v>
      </c>
      <c r="P40487" t="s">
        <v>86</v>
      </c>
      <c r="Q40487">
        <v>27</v>
      </c>
      <c r="R40487">
        <v>27</v>
      </c>
      <c r="S40487">
        <v>27</v>
      </c>
      <c r="T40487">
        <v>27</v>
      </c>
      <c r="U40487">
        <v>27</v>
      </c>
      <c r="V40487">
        <v>27</v>
      </c>
      <c r="W40487">
        <v>27</v>
      </c>
      <c r="X40487">
        <v>27</v>
      </c>
      <c r="Y40487">
        <v>27</v>
      </c>
      <c r="Z40487">
        <v>27</v>
      </c>
      <c r="AA40487">
        <v>27</v>
      </c>
      <c r="AB40487">
        <v>27</v>
      </c>
      <c r="AC40487">
        <v>27</v>
      </c>
      <c r="AD40487">
        <v>27</v>
      </c>
      <c r="AE40487">
        <v>26</v>
      </c>
      <c r="AF40487">
        <v>26</v>
      </c>
      <c r="AG40487">
        <v>26</v>
      </c>
      <c r="AH40487">
        <v>26</v>
      </c>
      <c r="AI40487">
        <v>26</v>
      </c>
      <c r="AJ40487">
        <v>26</v>
      </c>
      <c r="AK40487">
        <v>26</v>
      </c>
      <c r="AL40487">
        <v>26</v>
      </c>
      <c r="AM40487">
        <v>26</v>
      </c>
      <c r="AN40487">
        <v>26</v>
      </c>
      <c r="AO40487">
        <v>26</v>
      </c>
      <c r="AP40487">
        <v>26</v>
      </c>
      <c r="AQ40487">
        <v>26</v>
      </c>
    </row>
    <row r="40488" spans="1:43">
      <c r="A40488" t="s">
        <v>25033</v>
      </c>
      <c r="B40488" t="s">
        <v>25034</v>
      </c>
      <c r="C40488" t="s">
        <v>24985</v>
      </c>
      <c r="D40488" t="s">
        <v>24986</v>
      </c>
      <c r="E40488" t="s">
        <v>9544</v>
      </c>
      <c r="F40488" t="s">
        <v>9545</v>
      </c>
      <c r="G40488" t="s">
        <v>80</v>
      </c>
      <c r="H40488" t="s">
        <v>81</v>
      </c>
      <c r="I40488" s="2">
        <v>0</v>
      </c>
      <c r="J40488" s="2">
        <v>1</v>
      </c>
      <c r="K40488" s="2">
        <v>0</v>
      </c>
      <c r="L40488" t="s">
        <v>82</v>
      </c>
      <c r="M40488" t="s">
        <v>89</v>
      </c>
      <c r="N40488" t="s">
        <v>90</v>
      </c>
      <c r="O40488" t="s">
        <v>85</v>
      </c>
      <c r="P40488" t="s">
        <v>86</v>
      </c>
      <c r="Q40488">
        <v>27</v>
      </c>
      <c r="R40488">
        <v>27</v>
      </c>
      <c r="S40488">
        <v>28</v>
      </c>
      <c r="T40488">
        <v>28</v>
      </c>
      <c r="U40488">
        <v>28</v>
      </c>
      <c r="V40488">
        <v>29</v>
      </c>
      <c r="W40488">
        <v>29</v>
      </c>
      <c r="X40488">
        <v>29</v>
      </c>
      <c r="Y40488">
        <v>30</v>
      </c>
      <c r="Z40488">
        <v>30</v>
      </c>
      <c r="AA40488">
        <v>30</v>
      </c>
      <c r="AB40488">
        <v>30</v>
      </c>
      <c r="AC40488">
        <v>31</v>
      </c>
      <c r="AD40488">
        <v>31</v>
      </c>
      <c r="AE40488">
        <v>31</v>
      </c>
      <c r="AF40488">
        <v>31</v>
      </c>
      <c r="AG40488">
        <v>31</v>
      </c>
      <c r="AH40488">
        <v>30</v>
      </c>
      <c r="AI40488">
        <v>30</v>
      </c>
      <c r="AJ40488">
        <v>30</v>
      </c>
      <c r="AK40488">
        <v>30</v>
      </c>
      <c r="AL40488">
        <v>30</v>
      </c>
      <c r="AM40488">
        <v>30</v>
      </c>
      <c r="AN40488">
        <v>29</v>
      </c>
      <c r="AO40488">
        <v>29</v>
      </c>
      <c r="AP40488">
        <v>29</v>
      </c>
      <c r="AQ40488">
        <v>29</v>
      </c>
    </row>
    <row r="40489" spans="1:43">
      <c r="A40489" t="s">
        <v>25033</v>
      </c>
      <c r="B40489" t="s">
        <v>25034</v>
      </c>
      <c r="C40489" t="s">
        <v>24985</v>
      </c>
      <c r="D40489" t="s">
        <v>24986</v>
      </c>
      <c r="E40489" t="s">
        <v>9544</v>
      </c>
      <c r="F40489" t="s">
        <v>9545</v>
      </c>
      <c r="G40489" t="s">
        <v>80</v>
      </c>
      <c r="H40489" t="s">
        <v>81</v>
      </c>
      <c r="I40489" s="2">
        <v>0</v>
      </c>
      <c r="J40489" s="2">
        <v>1</v>
      </c>
      <c r="K40489" s="2">
        <v>0</v>
      </c>
      <c r="L40489" t="s">
        <v>82</v>
      </c>
      <c r="M40489" t="s">
        <v>83</v>
      </c>
      <c r="N40489" t="s">
        <v>91</v>
      </c>
      <c r="O40489" t="s">
        <v>85</v>
      </c>
      <c r="P40489" t="s">
        <v>86</v>
      </c>
      <c r="Q40489">
        <v>27</v>
      </c>
      <c r="R40489">
        <v>27</v>
      </c>
      <c r="S40489">
        <v>27</v>
      </c>
      <c r="T40489">
        <v>27</v>
      </c>
      <c r="U40489">
        <v>27</v>
      </c>
      <c r="V40489">
        <v>27</v>
      </c>
      <c r="W40489">
        <v>28</v>
      </c>
      <c r="X40489">
        <v>28</v>
      </c>
      <c r="Y40489">
        <v>28</v>
      </c>
      <c r="Z40489">
        <v>28</v>
      </c>
      <c r="AA40489">
        <v>28</v>
      </c>
      <c r="AB40489">
        <v>28</v>
      </c>
      <c r="AC40489">
        <v>29</v>
      </c>
      <c r="AD40489">
        <v>29</v>
      </c>
      <c r="AE40489">
        <v>29</v>
      </c>
      <c r="AF40489">
        <v>29</v>
      </c>
      <c r="AG40489">
        <v>29</v>
      </c>
      <c r="AH40489">
        <v>29</v>
      </c>
      <c r="AI40489">
        <v>29</v>
      </c>
      <c r="AJ40489">
        <v>29</v>
      </c>
      <c r="AK40489">
        <v>29</v>
      </c>
      <c r="AL40489">
        <v>29</v>
      </c>
      <c r="AM40489">
        <v>29</v>
      </c>
      <c r="AN40489">
        <v>29</v>
      </c>
      <c r="AO40489">
        <v>29</v>
      </c>
      <c r="AP40489">
        <v>29</v>
      </c>
      <c r="AQ40489">
        <v>29</v>
      </c>
    </row>
    <row r="40490" spans="1:43">
      <c r="A40490" t="s">
        <v>25035</v>
      </c>
      <c r="B40490" t="s">
        <v>25036</v>
      </c>
      <c r="C40490" t="s">
        <v>9812</v>
      </c>
      <c r="D40490" t="s">
        <v>9813</v>
      </c>
      <c r="E40490" t="s">
        <v>9544</v>
      </c>
      <c r="F40490" t="s">
        <v>9545</v>
      </c>
      <c r="G40490" t="s">
        <v>80</v>
      </c>
      <c r="H40490" t="s">
        <v>81</v>
      </c>
      <c r="I40490" s="2">
        <v>0</v>
      </c>
      <c r="J40490" s="2">
        <v>1</v>
      </c>
      <c r="K40490" s="2">
        <v>0</v>
      </c>
      <c r="L40490" t="s">
        <v>82</v>
      </c>
      <c r="M40490" t="s">
        <v>83</v>
      </c>
      <c r="N40490" t="s">
        <v>84</v>
      </c>
      <c r="O40490" t="s">
        <v>85</v>
      </c>
      <c r="P40490" t="s">
        <v>86</v>
      </c>
      <c r="Q40490">
        <v>20</v>
      </c>
      <c r="R40490">
        <v>20</v>
      </c>
      <c r="S40490">
        <v>20</v>
      </c>
      <c r="T40490">
        <v>21</v>
      </c>
      <c r="U40490">
        <v>21</v>
      </c>
      <c r="V40490">
        <v>21</v>
      </c>
      <c r="W40490">
        <v>21</v>
      </c>
      <c r="X40490">
        <v>21</v>
      </c>
      <c r="Y40490">
        <v>21</v>
      </c>
      <c r="Z40490">
        <v>21</v>
      </c>
      <c r="AA40490">
        <v>21</v>
      </c>
      <c r="AB40490">
        <v>21</v>
      </c>
      <c r="AC40490">
        <v>22</v>
      </c>
      <c r="AD40490">
        <v>22</v>
      </c>
      <c r="AE40490">
        <v>22</v>
      </c>
      <c r="AF40490">
        <v>22</v>
      </c>
      <c r="AG40490">
        <v>22</v>
      </c>
      <c r="AH40490">
        <v>22</v>
      </c>
      <c r="AI40490">
        <v>22</v>
      </c>
      <c r="AJ40490">
        <v>22</v>
      </c>
      <c r="AK40490">
        <v>22</v>
      </c>
      <c r="AL40490">
        <v>22</v>
      </c>
      <c r="AM40490">
        <v>22</v>
      </c>
      <c r="AN40490">
        <v>22</v>
      </c>
      <c r="AO40490">
        <v>22</v>
      </c>
      <c r="AP40490">
        <v>22</v>
      </c>
      <c r="AQ40490">
        <v>21</v>
      </c>
    </row>
    <row r="40491" spans="1:43">
      <c r="A40491" t="s">
        <v>25035</v>
      </c>
      <c r="B40491" t="s">
        <v>25036</v>
      </c>
      <c r="C40491" t="s">
        <v>9812</v>
      </c>
      <c r="D40491" t="s">
        <v>9813</v>
      </c>
      <c r="E40491" t="s">
        <v>9544</v>
      </c>
      <c r="F40491" t="s">
        <v>9545</v>
      </c>
      <c r="G40491" t="s">
        <v>80</v>
      </c>
      <c r="H40491" t="s">
        <v>81</v>
      </c>
      <c r="I40491" s="2">
        <v>0</v>
      </c>
      <c r="J40491" s="2">
        <v>1</v>
      </c>
      <c r="K40491" s="2">
        <v>0</v>
      </c>
      <c r="L40491" t="s">
        <v>82</v>
      </c>
      <c r="M40491" t="s">
        <v>87</v>
      </c>
      <c r="N40491" t="s">
        <v>88</v>
      </c>
      <c r="O40491" t="s">
        <v>85</v>
      </c>
      <c r="P40491" t="s">
        <v>86</v>
      </c>
      <c r="Q40491">
        <v>20</v>
      </c>
      <c r="R40491">
        <v>20</v>
      </c>
      <c r="S40491">
        <v>20</v>
      </c>
      <c r="T40491">
        <v>20</v>
      </c>
      <c r="U40491">
        <v>20</v>
      </c>
      <c r="V40491">
        <v>20</v>
      </c>
      <c r="W40491">
        <v>20</v>
      </c>
      <c r="X40491">
        <v>20</v>
      </c>
      <c r="Y40491">
        <v>20</v>
      </c>
      <c r="Z40491">
        <v>20</v>
      </c>
      <c r="AA40491">
        <v>19</v>
      </c>
      <c r="AB40491">
        <v>19</v>
      </c>
      <c r="AC40491">
        <v>19</v>
      </c>
      <c r="AD40491">
        <v>19</v>
      </c>
      <c r="AE40491">
        <v>19</v>
      </c>
      <c r="AF40491">
        <v>19</v>
      </c>
      <c r="AG40491">
        <v>19</v>
      </c>
      <c r="AH40491">
        <v>19</v>
      </c>
      <c r="AI40491">
        <v>19</v>
      </c>
      <c r="AJ40491">
        <v>19</v>
      </c>
      <c r="AK40491">
        <v>19</v>
      </c>
      <c r="AL40491">
        <v>19</v>
      </c>
      <c r="AM40491">
        <v>19</v>
      </c>
      <c r="AN40491">
        <v>19</v>
      </c>
      <c r="AO40491">
        <v>19</v>
      </c>
      <c r="AP40491">
        <v>19</v>
      </c>
      <c r="AQ40491">
        <v>18</v>
      </c>
    </row>
    <row r="40492" spans="1:43">
      <c r="A40492" t="s">
        <v>25035</v>
      </c>
      <c r="B40492" t="s">
        <v>25036</v>
      </c>
      <c r="C40492" t="s">
        <v>9812</v>
      </c>
      <c r="D40492" t="s">
        <v>9813</v>
      </c>
      <c r="E40492" t="s">
        <v>9544</v>
      </c>
      <c r="F40492" t="s">
        <v>9545</v>
      </c>
      <c r="G40492" t="s">
        <v>80</v>
      </c>
      <c r="H40492" t="s">
        <v>81</v>
      </c>
      <c r="I40492" s="2">
        <v>0</v>
      </c>
      <c r="J40492" s="2">
        <v>1</v>
      </c>
      <c r="K40492" s="2">
        <v>0</v>
      </c>
      <c r="L40492" t="s">
        <v>82</v>
      </c>
      <c r="M40492" t="s">
        <v>89</v>
      </c>
      <c r="N40492" t="s">
        <v>90</v>
      </c>
      <c r="O40492" t="s">
        <v>85</v>
      </c>
      <c r="P40492" t="s">
        <v>86</v>
      </c>
      <c r="Q40492">
        <v>20</v>
      </c>
      <c r="R40492">
        <v>21</v>
      </c>
      <c r="S40492">
        <v>21</v>
      </c>
      <c r="T40492">
        <v>21</v>
      </c>
      <c r="U40492">
        <v>22</v>
      </c>
      <c r="V40492">
        <v>22</v>
      </c>
      <c r="W40492">
        <v>22</v>
      </c>
      <c r="X40492">
        <v>22</v>
      </c>
      <c r="Y40492">
        <v>22</v>
      </c>
      <c r="Z40492">
        <v>23</v>
      </c>
      <c r="AA40492">
        <v>23</v>
      </c>
      <c r="AB40492">
        <v>23</v>
      </c>
      <c r="AC40492">
        <v>23</v>
      </c>
      <c r="AD40492">
        <v>23</v>
      </c>
      <c r="AE40492">
        <v>23</v>
      </c>
      <c r="AF40492">
        <v>23</v>
      </c>
      <c r="AG40492">
        <v>23</v>
      </c>
      <c r="AH40492">
        <v>23</v>
      </c>
      <c r="AI40492">
        <v>23</v>
      </c>
      <c r="AJ40492">
        <v>23</v>
      </c>
      <c r="AK40492">
        <v>23</v>
      </c>
      <c r="AL40492">
        <v>22</v>
      </c>
      <c r="AM40492">
        <v>22</v>
      </c>
      <c r="AN40492">
        <v>22</v>
      </c>
      <c r="AO40492">
        <v>22</v>
      </c>
      <c r="AP40492">
        <v>22</v>
      </c>
      <c r="AQ40492">
        <v>22</v>
      </c>
    </row>
    <row r="40493" spans="1:43">
      <c r="A40493" t="s">
        <v>25035</v>
      </c>
      <c r="B40493" t="s">
        <v>25036</v>
      </c>
      <c r="C40493" t="s">
        <v>9812</v>
      </c>
      <c r="D40493" t="s">
        <v>9813</v>
      </c>
      <c r="E40493" t="s">
        <v>9544</v>
      </c>
      <c r="F40493" t="s">
        <v>9545</v>
      </c>
      <c r="G40493" t="s">
        <v>80</v>
      </c>
      <c r="H40493" t="s">
        <v>81</v>
      </c>
      <c r="I40493" s="2">
        <v>0</v>
      </c>
      <c r="J40493" s="2">
        <v>1</v>
      </c>
      <c r="K40493" s="2">
        <v>0</v>
      </c>
      <c r="L40493" t="s">
        <v>82</v>
      </c>
      <c r="M40493" t="s">
        <v>83</v>
      </c>
      <c r="N40493" t="s">
        <v>91</v>
      </c>
      <c r="O40493" t="s">
        <v>85</v>
      </c>
      <c r="P40493" t="s">
        <v>86</v>
      </c>
      <c r="Q40493">
        <v>20</v>
      </c>
      <c r="R40493">
        <v>20</v>
      </c>
      <c r="S40493">
        <v>20</v>
      </c>
      <c r="T40493">
        <v>21</v>
      </c>
      <c r="U40493">
        <v>21</v>
      </c>
      <c r="V40493">
        <v>21</v>
      </c>
      <c r="W40493">
        <v>21</v>
      </c>
      <c r="X40493">
        <v>21</v>
      </c>
      <c r="Y40493">
        <v>21</v>
      </c>
      <c r="Z40493">
        <v>21</v>
      </c>
      <c r="AA40493">
        <v>21</v>
      </c>
      <c r="AB40493">
        <v>21</v>
      </c>
      <c r="AC40493">
        <v>22</v>
      </c>
      <c r="AD40493">
        <v>22</v>
      </c>
      <c r="AE40493">
        <v>22</v>
      </c>
      <c r="AF40493">
        <v>22</v>
      </c>
      <c r="AG40493">
        <v>22</v>
      </c>
      <c r="AH40493">
        <v>22</v>
      </c>
      <c r="AI40493">
        <v>22</v>
      </c>
      <c r="AJ40493">
        <v>22</v>
      </c>
      <c r="AK40493">
        <v>22</v>
      </c>
      <c r="AL40493">
        <v>22</v>
      </c>
      <c r="AM40493">
        <v>22</v>
      </c>
      <c r="AN40493">
        <v>22</v>
      </c>
      <c r="AO40493">
        <v>22</v>
      </c>
      <c r="AP40493">
        <v>22</v>
      </c>
      <c r="AQ40493">
        <v>21</v>
      </c>
    </row>
    <row r="40494" spans="1:43">
      <c r="A40494" t="s">
        <v>25037</v>
      </c>
      <c r="B40494" t="s">
        <v>25038</v>
      </c>
      <c r="C40494" t="s">
        <v>9646</v>
      </c>
      <c r="D40494" t="s">
        <v>9647</v>
      </c>
      <c r="E40494" t="s">
        <v>9544</v>
      </c>
      <c r="F40494" t="s">
        <v>9545</v>
      </c>
      <c r="G40494" t="s">
        <v>80</v>
      </c>
      <c r="H40494" t="s">
        <v>81</v>
      </c>
      <c r="I40494" s="2">
        <v>0</v>
      </c>
      <c r="J40494" s="2">
        <v>1</v>
      </c>
      <c r="K40494" s="2">
        <v>0</v>
      </c>
      <c r="L40494" t="s">
        <v>82</v>
      </c>
      <c r="M40494" t="s">
        <v>83</v>
      </c>
      <c r="N40494" t="s">
        <v>84</v>
      </c>
      <c r="O40494" t="s">
        <v>85</v>
      </c>
      <c r="P40494" t="s">
        <v>86</v>
      </c>
      <c r="Q40494">
        <v>27</v>
      </c>
      <c r="R40494">
        <v>27</v>
      </c>
      <c r="S40494">
        <v>27</v>
      </c>
      <c r="T40494">
        <v>27</v>
      </c>
      <c r="U40494">
        <v>27</v>
      </c>
      <c r="V40494">
        <v>28</v>
      </c>
      <c r="W40494">
        <v>28</v>
      </c>
      <c r="X40494">
        <v>28</v>
      </c>
      <c r="Y40494">
        <v>28</v>
      </c>
      <c r="Z40494">
        <v>28</v>
      </c>
      <c r="AA40494">
        <v>28</v>
      </c>
      <c r="AB40494">
        <v>28</v>
      </c>
      <c r="AC40494">
        <v>28</v>
      </c>
      <c r="AD40494">
        <v>29</v>
      </c>
      <c r="AE40494">
        <v>29</v>
      </c>
      <c r="AF40494">
        <v>29</v>
      </c>
      <c r="AG40494">
        <v>29</v>
      </c>
      <c r="AH40494">
        <v>29</v>
      </c>
      <c r="AI40494">
        <v>29</v>
      </c>
      <c r="AJ40494">
        <v>29</v>
      </c>
      <c r="AK40494">
        <v>29</v>
      </c>
      <c r="AL40494">
        <v>29</v>
      </c>
      <c r="AM40494">
        <v>29</v>
      </c>
      <c r="AN40494">
        <v>28</v>
      </c>
      <c r="AO40494">
        <v>28</v>
      </c>
      <c r="AP40494">
        <v>28</v>
      </c>
      <c r="AQ40494">
        <v>28</v>
      </c>
    </row>
    <row r="40495" spans="1:43">
      <c r="A40495" t="s">
        <v>25037</v>
      </c>
      <c r="B40495" t="s">
        <v>25038</v>
      </c>
      <c r="C40495" t="s">
        <v>9646</v>
      </c>
      <c r="D40495" t="s">
        <v>9647</v>
      </c>
      <c r="E40495" t="s">
        <v>9544</v>
      </c>
      <c r="F40495" t="s">
        <v>9545</v>
      </c>
      <c r="G40495" t="s">
        <v>80</v>
      </c>
      <c r="H40495" t="s">
        <v>81</v>
      </c>
      <c r="I40495" s="2">
        <v>0</v>
      </c>
      <c r="J40495" s="2">
        <v>1</v>
      </c>
      <c r="K40495" s="2">
        <v>0</v>
      </c>
      <c r="L40495" t="s">
        <v>82</v>
      </c>
      <c r="M40495" t="s">
        <v>87</v>
      </c>
      <c r="N40495" t="s">
        <v>88</v>
      </c>
      <c r="O40495" t="s">
        <v>85</v>
      </c>
      <c r="P40495" t="s">
        <v>86</v>
      </c>
      <c r="Q40495">
        <v>27</v>
      </c>
      <c r="R40495">
        <v>27</v>
      </c>
      <c r="S40495">
        <v>26</v>
      </c>
      <c r="T40495">
        <v>26</v>
      </c>
      <c r="U40495">
        <v>26</v>
      </c>
      <c r="V40495">
        <v>26</v>
      </c>
      <c r="W40495">
        <v>26</v>
      </c>
      <c r="X40495">
        <v>26</v>
      </c>
      <c r="Y40495">
        <v>26</v>
      </c>
      <c r="Z40495">
        <v>26</v>
      </c>
      <c r="AA40495">
        <v>26</v>
      </c>
      <c r="AB40495">
        <v>26</v>
      </c>
      <c r="AC40495">
        <v>25</v>
      </c>
      <c r="AD40495">
        <v>25</v>
      </c>
      <c r="AE40495">
        <v>25</v>
      </c>
      <c r="AF40495">
        <v>25</v>
      </c>
      <c r="AG40495">
        <v>25</v>
      </c>
      <c r="AH40495">
        <v>25</v>
      </c>
      <c r="AI40495">
        <v>25</v>
      </c>
      <c r="AJ40495">
        <v>25</v>
      </c>
      <c r="AK40495">
        <v>25</v>
      </c>
      <c r="AL40495">
        <v>25</v>
      </c>
      <c r="AM40495">
        <v>24</v>
      </c>
      <c r="AN40495">
        <v>24</v>
      </c>
      <c r="AO40495">
        <v>24</v>
      </c>
      <c r="AP40495">
        <v>24</v>
      </c>
      <c r="AQ40495">
        <v>24</v>
      </c>
    </row>
    <row r="40496" spans="1:43">
      <c r="A40496" t="s">
        <v>25037</v>
      </c>
      <c r="B40496" t="s">
        <v>25038</v>
      </c>
      <c r="C40496" t="s">
        <v>9646</v>
      </c>
      <c r="D40496" t="s">
        <v>9647</v>
      </c>
      <c r="E40496" t="s">
        <v>9544</v>
      </c>
      <c r="F40496" t="s">
        <v>9545</v>
      </c>
      <c r="G40496" t="s">
        <v>80</v>
      </c>
      <c r="H40496" t="s">
        <v>81</v>
      </c>
      <c r="I40496" s="2">
        <v>0</v>
      </c>
      <c r="J40496" s="2">
        <v>1</v>
      </c>
      <c r="K40496" s="2">
        <v>0</v>
      </c>
      <c r="L40496" t="s">
        <v>82</v>
      </c>
      <c r="M40496" t="s">
        <v>89</v>
      </c>
      <c r="N40496" t="s">
        <v>90</v>
      </c>
      <c r="O40496" t="s">
        <v>85</v>
      </c>
      <c r="P40496" t="s">
        <v>86</v>
      </c>
      <c r="Q40496">
        <v>27</v>
      </c>
      <c r="R40496">
        <v>27</v>
      </c>
      <c r="S40496">
        <v>28</v>
      </c>
      <c r="T40496">
        <v>28</v>
      </c>
      <c r="U40496">
        <v>29</v>
      </c>
      <c r="V40496">
        <v>29</v>
      </c>
      <c r="W40496">
        <v>29</v>
      </c>
      <c r="X40496">
        <v>29</v>
      </c>
      <c r="Y40496">
        <v>30</v>
      </c>
      <c r="Z40496">
        <v>30</v>
      </c>
      <c r="AA40496">
        <v>30</v>
      </c>
      <c r="AB40496">
        <v>30</v>
      </c>
      <c r="AC40496">
        <v>30</v>
      </c>
      <c r="AD40496">
        <v>31</v>
      </c>
      <c r="AE40496">
        <v>31</v>
      </c>
      <c r="AF40496">
        <v>30</v>
      </c>
      <c r="AG40496">
        <v>30</v>
      </c>
      <c r="AH40496">
        <v>30</v>
      </c>
      <c r="AI40496">
        <v>30</v>
      </c>
      <c r="AJ40496">
        <v>30</v>
      </c>
      <c r="AK40496">
        <v>29</v>
      </c>
      <c r="AL40496">
        <v>29</v>
      </c>
      <c r="AM40496">
        <v>29</v>
      </c>
      <c r="AN40496">
        <v>29</v>
      </c>
      <c r="AO40496">
        <v>28</v>
      </c>
      <c r="AP40496">
        <v>28</v>
      </c>
      <c r="AQ40496">
        <v>28</v>
      </c>
    </row>
    <row r="40497" spans="1:43">
      <c r="A40497" t="s">
        <v>25037</v>
      </c>
      <c r="B40497" t="s">
        <v>25038</v>
      </c>
      <c r="C40497" t="s">
        <v>9646</v>
      </c>
      <c r="D40497" t="s">
        <v>9647</v>
      </c>
      <c r="E40497" t="s">
        <v>9544</v>
      </c>
      <c r="F40497" t="s">
        <v>9545</v>
      </c>
      <c r="G40497" t="s">
        <v>80</v>
      </c>
      <c r="H40497" t="s">
        <v>81</v>
      </c>
      <c r="I40497" s="2">
        <v>0</v>
      </c>
      <c r="J40497" s="2">
        <v>1</v>
      </c>
      <c r="K40497" s="2">
        <v>0</v>
      </c>
      <c r="L40497" t="s">
        <v>82</v>
      </c>
      <c r="M40497" t="s">
        <v>83</v>
      </c>
      <c r="N40497" t="s">
        <v>91</v>
      </c>
      <c r="O40497" t="s">
        <v>85</v>
      </c>
      <c r="P40497" t="s">
        <v>86</v>
      </c>
      <c r="Q40497">
        <v>27</v>
      </c>
      <c r="R40497">
        <v>27</v>
      </c>
      <c r="S40497">
        <v>27</v>
      </c>
      <c r="T40497">
        <v>27</v>
      </c>
      <c r="U40497">
        <v>27</v>
      </c>
      <c r="V40497">
        <v>28</v>
      </c>
      <c r="W40497">
        <v>28</v>
      </c>
      <c r="X40497">
        <v>28</v>
      </c>
      <c r="Y40497">
        <v>28</v>
      </c>
      <c r="Z40497">
        <v>28</v>
      </c>
      <c r="AA40497">
        <v>28</v>
      </c>
      <c r="AB40497">
        <v>28</v>
      </c>
      <c r="AC40497">
        <v>28</v>
      </c>
      <c r="AD40497">
        <v>29</v>
      </c>
      <c r="AE40497">
        <v>29</v>
      </c>
      <c r="AF40497">
        <v>29</v>
      </c>
      <c r="AG40497">
        <v>29</v>
      </c>
      <c r="AH40497">
        <v>29</v>
      </c>
      <c r="AI40497">
        <v>29</v>
      </c>
      <c r="AJ40497">
        <v>29</v>
      </c>
      <c r="AK40497">
        <v>29</v>
      </c>
      <c r="AL40497">
        <v>29</v>
      </c>
      <c r="AM40497">
        <v>29</v>
      </c>
      <c r="AN40497">
        <v>28</v>
      </c>
      <c r="AO40497">
        <v>28</v>
      </c>
      <c r="AP40497">
        <v>28</v>
      </c>
      <c r="AQ40497">
        <v>28</v>
      </c>
    </row>
    <row r="40498" spans="1:43">
      <c r="A40498" t="s">
        <v>25039</v>
      </c>
      <c r="B40498" t="s">
        <v>25040</v>
      </c>
      <c r="C40498" t="s">
        <v>15315</v>
      </c>
      <c r="D40498" t="s">
        <v>15316</v>
      </c>
      <c r="E40498" t="s">
        <v>15241</v>
      </c>
      <c r="F40498" t="s">
        <v>15242</v>
      </c>
      <c r="G40498" t="s">
        <v>10734</v>
      </c>
      <c r="H40498" t="s">
        <v>10735</v>
      </c>
      <c r="I40498" s="2">
        <v>1</v>
      </c>
      <c r="J40498" s="2">
        <v>0</v>
      </c>
      <c r="K40498" s="2">
        <v>0</v>
      </c>
      <c r="L40498" t="s">
        <v>120</v>
      </c>
      <c r="M40498" t="s">
        <v>83</v>
      </c>
      <c r="N40498" t="s">
        <v>84</v>
      </c>
      <c r="O40498" t="s">
        <v>85</v>
      </c>
      <c r="P40498" t="s">
        <v>86</v>
      </c>
      <c r="Q40498">
        <v>37</v>
      </c>
      <c r="R40498">
        <v>38</v>
      </c>
      <c r="S40498">
        <v>38</v>
      </c>
      <c r="T40498">
        <v>39</v>
      </c>
      <c r="U40498">
        <v>39</v>
      </c>
      <c r="V40498">
        <v>40</v>
      </c>
      <c r="W40498">
        <v>40</v>
      </c>
      <c r="X40498">
        <v>41</v>
      </c>
      <c r="Y40498">
        <v>41</v>
      </c>
      <c r="Z40498">
        <v>42</v>
      </c>
      <c r="AA40498">
        <v>42</v>
      </c>
      <c r="AB40498">
        <v>43</v>
      </c>
      <c r="AC40498">
        <v>43</v>
      </c>
      <c r="AD40498">
        <v>44</v>
      </c>
      <c r="AE40498">
        <v>44</v>
      </c>
      <c r="AF40498">
        <v>44</v>
      </c>
      <c r="AG40498">
        <v>45</v>
      </c>
      <c r="AH40498">
        <v>45</v>
      </c>
      <c r="AI40498">
        <v>46</v>
      </c>
      <c r="AJ40498">
        <v>46</v>
      </c>
      <c r="AK40498">
        <v>47</v>
      </c>
      <c r="AL40498">
        <v>47</v>
      </c>
      <c r="AM40498">
        <v>47</v>
      </c>
      <c r="AN40498">
        <v>47</v>
      </c>
      <c r="AO40498">
        <v>47</v>
      </c>
      <c r="AP40498">
        <v>47</v>
      </c>
      <c r="AQ40498">
        <v>47</v>
      </c>
    </row>
    <row r="40499" spans="1:43">
      <c r="A40499" t="s">
        <v>25039</v>
      </c>
      <c r="B40499" t="s">
        <v>25040</v>
      </c>
      <c r="C40499" t="s">
        <v>15315</v>
      </c>
      <c r="D40499" t="s">
        <v>15316</v>
      </c>
      <c r="E40499" t="s">
        <v>15241</v>
      </c>
      <c r="F40499" t="s">
        <v>15242</v>
      </c>
      <c r="G40499" t="s">
        <v>10734</v>
      </c>
      <c r="H40499" t="s">
        <v>10735</v>
      </c>
      <c r="I40499" s="2">
        <v>1</v>
      </c>
      <c r="J40499" s="2">
        <v>0</v>
      </c>
      <c r="K40499" s="2">
        <v>0</v>
      </c>
      <c r="L40499" t="s">
        <v>120</v>
      </c>
      <c r="M40499" t="s">
        <v>87</v>
      </c>
      <c r="N40499" t="s">
        <v>88</v>
      </c>
      <c r="O40499" t="s">
        <v>85</v>
      </c>
      <c r="P40499" t="s">
        <v>86</v>
      </c>
      <c r="Q40499">
        <v>37</v>
      </c>
      <c r="R40499">
        <v>37</v>
      </c>
      <c r="S40499">
        <v>37</v>
      </c>
      <c r="T40499">
        <v>37</v>
      </c>
      <c r="U40499">
        <v>38</v>
      </c>
      <c r="V40499">
        <v>38</v>
      </c>
      <c r="W40499">
        <v>38</v>
      </c>
      <c r="X40499">
        <v>38</v>
      </c>
      <c r="Y40499">
        <v>38</v>
      </c>
      <c r="Z40499">
        <v>38</v>
      </c>
      <c r="AA40499">
        <v>39</v>
      </c>
      <c r="AB40499">
        <v>39</v>
      </c>
      <c r="AC40499">
        <v>39</v>
      </c>
      <c r="AD40499">
        <v>39</v>
      </c>
      <c r="AE40499">
        <v>39</v>
      </c>
      <c r="AF40499">
        <v>39</v>
      </c>
      <c r="AG40499">
        <v>39</v>
      </c>
      <c r="AH40499">
        <v>40</v>
      </c>
      <c r="AI40499">
        <v>40</v>
      </c>
      <c r="AJ40499">
        <v>40</v>
      </c>
      <c r="AK40499">
        <v>40</v>
      </c>
      <c r="AL40499">
        <v>40</v>
      </c>
      <c r="AM40499">
        <v>40</v>
      </c>
      <c r="AN40499">
        <v>40</v>
      </c>
      <c r="AO40499">
        <v>40</v>
      </c>
      <c r="AP40499">
        <v>41</v>
      </c>
      <c r="AQ40499">
        <v>41</v>
      </c>
    </row>
    <row r="40500" spans="1:43">
      <c r="A40500" t="s">
        <v>25039</v>
      </c>
      <c r="B40500" t="s">
        <v>25040</v>
      </c>
      <c r="C40500" t="s">
        <v>15315</v>
      </c>
      <c r="D40500" t="s">
        <v>15316</v>
      </c>
      <c r="E40500" t="s">
        <v>15241</v>
      </c>
      <c r="F40500" t="s">
        <v>15242</v>
      </c>
      <c r="G40500" t="s">
        <v>10734</v>
      </c>
      <c r="H40500" t="s">
        <v>10735</v>
      </c>
      <c r="I40500" s="2">
        <v>1</v>
      </c>
      <c r="J40500" s="2">
        <v>0</v>
      </c>
      <c r="K40500" s="2">
        <v>0</v>
      </c>
      <c r="L40500" t="s">
        <v>120</v>
      </c>
      <c r="M40500" t="s">
        <v>89</v>
      </c>
      <c r="N40500" t="s">
        <v>90</v>
      </c>
      <c r="O40500" t="s">
        <v>85</v>
      </c>
      <c r="P40500" t="s">
        <v>86</v>
      </c>
      <c r="Q40500">
        <v>37</v>
      </c>
      <c r="R40500">
        <v>37</v>
      </c>
      <c r="S40500">
        <v>38</v>
      </c>
      <c r="T40500">
        <v>39</v>
      </c>
      <c r="U40500">
        <v>40</v>
      </c>
      <c r="V40500">
        <v>41</v>
      </c>
      <c r="W40500">
        <v>41</v>
      </c>
      <c r="X40500">
        <v>42</v>
      </c>
      <c r="Y40500">
        <v>43</v>
      </c>
      <c r="Z40500">
        <v>43</v>
      </c>
      <c r="AA40500">
        <v>44</v>
      </c>
      <c r="AB40500">
        <v>44</v>
      </c>
      <c r="AC40500">
        <v>45</v>
      </c>
      <c r="AD40500">
        <v>46</v>
      </c>
      <c r="AE40500">
        <v>46</v>
      </c>
      <c r="AF40500">
        <v>46</v>
      </c>
      <c r="AG40500">
        <v>46</v>
      </c>
      <c r="AH40500">
        <v>46</v>
      </c>
      <c r="AI40500">
        <v>46</v>
      </c>
      <c r="AJ40500">
        <v>46</v>
      </c>
      <c r="AK40500">
        <v>46</v>
      </c>
      <c r="AL40500">
        <v>46</v>
      </c>
      <c r="AM40500">
        <v>46</v>
      </c>
      <c r="AN40500">
        <v>46</v>
      </c>
      <c r="AO40500">
        <v>46</v>
      </c>
      <c r="AP40500">
        <v>46</v>
      </c>
      <c r="AQ40500">
        <v>46</v>
      </c>
    </row>
    <row r="40501" spans="1:43">
      <c r="A40501" t="s">
        <v>25039</v>
      </c>
      <c r="B40501" t="s">
        <v>25040</v>
      </c>
      <c r="C40501" t="s">
        <v>15315</v>
      </c>
      <c r="D40501" t="s">
        <v>15316</v>
      </c>
      <c r="E40501" t="s">
        <v>15241</v>
      </c>
      <c r="F40501" t="s">
        <v>15242</v>
      </c>
      <c r="G40501" t="s">
        <v>10734</v>
      </c>
      <c r="H40501" t="s">
        <v>10735</v>
      </c>
      <c r="I40501" s="2">
        <v>1</v>
      </c>
      <c r="J40501" s="2">
        <v>0</v>
      </c>
      <c r="K40501" s="2">
        <v>0</v>
      </c>
      <c r="L40501" t="s">
        <v>120</v>
      </c>
      <c r="M40501" t="s">
        <v>83</v>
      </c>
      <c r="N40501" t="s">
        <v>91</v>
      </c>
      <c r="O40501" t="s">
        <v>85</v>
      </c>
      <c r="P40501" t="s">
        <v>86</v>
      </c>
      <c r="Q40501">
        <v>37</v>
      </c>
      <c r="R40501">
        <v>38</v>
      </c>
      <c r="S40501">
        <v>38</v>
      </c>
      <c r="T40501">
        <v>39</v>
      </c>
      <c r="U40501">
        <v>39</v>
      </c>
      <c r="V40501">
        <v>40</v>
      </c>
      <c r="W40501">
        <v>40</v>
      </c>
      <c r="X40501">
        <v>41</v>
      </c>
      <c r="Y40501">
        <v>41</v>
      </c>
      <c r="Z40501">
        <v>42</v>
      </c>
      <c r="AA40501">
        <v>42</v>
      </c>
      <c r="AB40501">
        <v>43</v>
      </c>
      <c r="AC40501">
        <v>43</v>
      </c>
      <c r="AD40501">
        <v>44</v>
      </c>
      <c r="AE40501">
        <v>44</v>
      </c>
      <c r="AF40501">
        <v>44</v>
      </c>
      <c r="AG40501">
        <v>45</v>
      </c>
      <c r="AH40501">
        <v>45</v>
      </c>
      <c r="AI40501">
        <v>46</v>
      </c>
      <c r="AJ40501">
        <v>46</v>
      </c>
      <c r="AK40501">
        <v>47</v>
      </c>
      <c r="AL40501">
        <v>47</v>
      </c>
      <c r="AM40501">
        <v>47</v>
      </c>
      <c r="AN40501">
        <v>47</v>
      </c>
      <c r="AO40501">
        <v>47</v>
      </c>
      <c r="AP40501">
        <v>47</v>
      </c>
      <c r="AQ40501">
        <v>47</v>
      </c>
    </row>
    <row r="40502" spans="1:43">
      <c r="A40502" t="s">
        <v>25041</v>
      </c>
      <c r="B40502" t="s">
        <v>25042</v>
      </c>
      <c r="C40502" t="s">
        <v>15337</v>
      </c>
      <c r="D40502" t="s">
        <v>15338</v>
      </c>
      <c r="E40502" t="s">
        <v>15241</v>
      </c>
      <c r="F40502" t="s">
        <v>15242</v>
      </c>
      <c r="G40502" t="s">
        <v>10734</v>
      </c>
      <c r="H40502" t="s">
        <v>10735</v>
      </c>
      <c r="I40502" s="2">
        <v>1</v>
      </c>
      <c r="J40502" s="2">
        <v>0</v>
      </c>
      <c r="K40502" s="2">
        <v>0</v>
      </c>
      <c r="L40502" t="s">
        <v>120</v>
      </c>
      <c r="M40502" t="s">
        <v>83</v>
      </c>
      <c r="N40502" t="s">
        <v>84</v>
      </c>
      <c r="O40502" t="s">
        <v>85</v>
      </c>
      <c r="P40502" t="s">
        <v>86</v>
      </c>
      <c r="Q40502">
        <v>83</v>
      </c>
      <c r="R40502">
        <v>84</v>
      </c>
      <c r="S40502">
        <v>85</v>
      </c>
      <c r="T40502">
        <v>86</v>
      </c>
      <c r="U40502">
        <v>87</v>
      </c>
      <c r="V40502">
        <v>88</v>
      </c>
      <c r="W40502">
        <v>89</v>
      </c>
      <c r="X40502">
        <v>91</v>
      </c>
      <c r="Y40502">
        <v>92</v>
      </c>
      <c r="Z40502">
        <v>93</v>
      </c>
      <c r="AA40502">
        <v>94</v>
      </c>
      <c r="AB40502">
        <v>95</v>
      </c>
      <c r="AC40502">
        <v>96</v>
      </c>
      <c r="AD40502">
        <v>97</v>
      </c>
      <c r="AE40502">
        <v>98</v>
      </c>
      <c r="AF40502">
        <v>99</v>
      </c>
      <c r="AG40502">
        <v>100</v>
      </c>
      <c r="AH40502">
        <v>101</v>
      </c>
      <c r="AI40502">
        <v>101</v>
      </c>
      <c r="AJ40502">
        <v>102</v>
      </c>
      <c r="AK40502">
        <v>103</v>
      </c>
      <c r="AL40502">
        <v>104</v>
      </c>
      <c r="AM40502">
        <v>104</v>
      </c>
      <c r="AN40502">
        <v>104</v>
      </c>
      <c r="AO40502">
        <v>104</v>
      </c>
      <c r="AP40502">
        <v>104</v>
      </c>
      <c r="AQ40502">
        <v>104</v>
      </c>
    </row>
    <row r="40503" spans="1:43">
      <c r="A40503" t="s">
        <v>25041</v>
      </c>
      <c r="B40503" t="s">
        <v>25042</v>
      </c>
      <c r="C40503" t="s">
        <v>15337</v>
      </c>
      <c r="D40503" t="s">
        <v>15338</v>
      </c>
      <c r="E40503" t="s">
        <v>15241</v>
      </c>
      <c r="F40503" t="s">
        <v>15242</v>
      </c>
      <c r="G40503" t="s">
        <v>10734</v>
      </c>
      <c r="H40503" t="s">
        <v>10735</v>
      </c>
      <c r="I40503" s="2">
        <v>1</v>
      </c>
      <c r="J40503" s="2">
        <v>0</v>
      </c>
      <c r="K40503" s="2">
        <v>0</v>
      </c>
      <c r="L40503" t="s">
        <v>120</v>
      </c>
      <c r="M40503" t="s">
        <v>87</v>
      </c>
      <c r="N40503" t="s">
        <v>88</v>
      </c>
      <c r="O40503" t="s">
        <v>85</v>
      </c>
      <c r="P40503" t="s">
        <v>86</v>
      </c>
      <c r="Q40503">
        <v>83</v>
      </c>
      <c r="R40503">
        <v>83</v>
      </c>
      <c r="S40503">
        <v>84</v>
      </c>
      <c r="T40503">
        <v>84</v>
      </c>
      <c r="U40503">
        <v>84</v>
      </c>
      <c r="V40503">
        <v>85</v>
      </c>
      <c r="W40503">
        <v>85</v>
      </c>
      <c r="X40503">
        <v>85</v>
      </c>
      <c r="Y40503">
        <v>86</v>
      </c>
      <c r="Z40503">
        <v>86</v>
      </c>
      <c r="AA40503">
        <v>86</v>
      </c>
      <c r="AB40503">
        <v>87</v>
      </c>
      <c r="AC40503">
        <v>87</v>
      </c>
      <c r="AD40503">
        <v>87</v>
      </c>
      <c r="AE40503">
        <v>88</v>
      </c>
      <c r="AF40503">
        <v>88</v>
      </c>
      <c r="AG40503">
        <v>88</v>
      </c>
      <c r="AH40503">
        <v>89</v>
      </c>
      <c r="AI40503">
        <v>89</v>
      </c>
      <c r="AJ40503">
        <v>89</v>
      </c>
      <c r="AK40503">
        <v>90</v>
      </c>
      <c r="AL40503">
        <v>90</v>
      </c>
      <c r="AM40503">
        <v>90</v>
      </c>
      <c r="AN40503">
        <v>91</v>
      </c>
      <c r="AO40503">
        <v>91</v>
      </c>
      <c r="AP40503">
        <v>91</v>
      </c>
      <c r="AQ40503">
        <v>91</v>
      </c>
    </row>
    <row r="40504" spans="1:43">
      <c r="A40504" t="s">
        <v>25041</v>
      </c>
      <c r="B40504" t="s">
        <v>25042</v>
      </c>
      <c r="C40504" t="s">
        <v>15337</v>
      </c>
      <c r="D40504" t="s">
        <v>15338</v>
      </c>
      <c r="E40504" t="s">
        <v>15241</v>
      </c>
      <c r="F40504" t="s">
        <v>15242</v>
      </c>
      <c r="G40504" t="s">
        <v>10734</v>
      </c>
      <c r="H40504" t="s">
        <v>10735</v>
      </c>
      <c r="I40504" s="2">
        <v>1</v>
      </c>
      <c r="J40504" s="2">
        <v>0</v>
      </c>
      <c r="K40504" s="2">
        <v>0</v>
      </c>
      <c r="L40504" t="s">
        <v>120</v>
      </c>
      <c r="M40504" t="s">
        <v>89</v>
      </c>
      <c r="N40504" t="s">
        <v>90</v>
      </c>
      <c r="O40504" t="s">
        <v>85</v>
      </c>
      <c r="P40504" t="s">
        <v>86</v>
      </c>
      <c r="Q40504">
        <v>83</v>
      </c>
      <c r="R40504">
        <v>85</v>
      </c>
      <c r="S40504">
        <v>87</v>
      </c>
      <c r="T40504">
        <v>89</v>
      </c>
      <c r="U40504">
        <v>91</v>
      </c>
      <c r="V40504">
        <v>92</v>
      </c>
      <c r="W40504">
        <v>94</v>
      </c>
      <c r="X40504">
        <v>95</v>
      </c>
      <c r="Y40504">
        <v>97</v>
      </c>
      <c r="Z40504">
        <v>98</v>
      </c>
      <c r="AA40504">
        <v>100</v>
      </c>
      <c r="AB40504">
        <v>101</v>
      </c>
      <c r="AC40504">
        <v>102</v>
      </c>
      <c r="AD40504">
        <v>104</v>
      </c>
      <c r="AE40504">
        <v>105</v>
      </c>
      <c r="AF40504">
        <v>105</v>
      </c>
      <c r="AG40504">
        <v>105</v>
      </c>
      <c r="AH40504">
        <v>105</v>
      </c>
      <c r="AI40504">
        <v>105</v>
      </c>
      <c r="AJ40504">
        <v>105</v>
      </c>
      <c r="AK40504">
        <v>105</v>
      </c>
      <c r="AL40504">
        <v>105</v>
      </c>
      <c r="AM40504">
        <v>105</v>
      </c>
      <c r="AN40504">
        <v>105</v>
      </c>
      <c r="AO40504">
        <v>105</v>
      </c>
      <c r="AP40504">
        <v>105</v>
      </c>
      <c r="AQ40504">
        <v>105</v>
      </c>
    </row>
    <row r="40505" spans="1:43">
      <c r="A40505" t="s">
        <v>25041</v>
      </c>
      <c r="B40505" t="s">
        <v>25042</v>
      </c>
      <c r="C40505" t="s">
        <v>15337</v>
      </c>
      <c r="D40505" t="s">
        <v>15338</v>
      </c>
      <c r="E40505" t="s">
        <v>15241</v>
      </c>
      <c r="F40505" t="s">
        <v>15242</v>
      </c>
      <c r="G40505" t="s">
        <v>10734</v>
      </c>
      <c r="H40505" t="s">
        <v>10735</v>
      </c>
      <c r="I40505" s="2">
        <v>1</v>
      </c>
      <c r="J40505" s="2">
        <v>0</v>
      </c>
      <c r="K40505" s="2">
        <v>0</v>
      </c>
      <c r="L40505" t="s">
        <v>120</v>
      </c>
      <c r="M40505" t="s">
        <v>83</v>
      </c>
      <c r="N40505" t="s">
        <v>91</v>
      </c>
      <c r="O40505" t="s">
        <v>85</v>
      </c>
      <c r="P40505" t="s">
        <v>86</v>
      </c>
      <c r="Q40505">
        <v>83</v>
      </c>
      <c r="R40505">
        <v>84</v>
      </c>
      <c r="S40505">
        <v>85</v>
      </c>
      <c r="T40505">
        <v>86</v>
      </c>
      <c r="U40505">
        <v>87</v>
      </c>
      <c r="V40505">
        <v>88</v>
      </c>
      <c r="W40505">
        <v>89</v>
      </c>
      <c r="X40505">
        <v>91</v>
      </c>
      <c r="Y40505">
        <v>92</v>
      </c>
      <c r="Z40505">
        <v>93</v>
      </c>
      <c r="AA40505">
        <v>94</v>
      </c>
      <c r="AB40505">
        <v>95</v>
      </c>
      <c r="AC40505">
        <v>96</v>
      </c>
      <c r="AD40505">
        <v>97</v>
      </c>
      <c r="AE40505">
        <v>98</v>
      </c>
      <c r="AF40505">
        <v>99</v>
      </c>
      <c r="AG40505">
        <v>100</v>
      </c>
      <c r="AH40505">
        <v>101</v>
      </c>
      <c r="AI40505">
        <v>101</v>
      </c>
      <c r="AJ40505">
        <v>102</v>
      </c>
      <c r="AK40505">
        <v>103</v>
      </c>
      <c r="AL40505">
        <v>104</v>
      </c>
      <c r="AM40505">
        <v>104</v>
      </c>
      <c r="AN40505">
        <v>104</v>
      </c>
      <c r="AO40505">
        <v>104</v>
      </c>
      <c r="AP40505">
        <v>104</v>
      </c>
      <c r="AQ40505">
        <v>104</v>
      </c>
    </row>
    <row r="40506" spans="1:43">
      <c r="A40506" t="s">
        <v>25043</v>
      </c>
      <c r="B40506" t="s">
        <v>25044</v>
      </c>
      <c r="C40506" t="s">
        <v>15337</v>
      </c>
      <c r="D40506" t="s">
        <v>15338</v>
      </c>
      <c r="E40506" t="s">
        <v>15241</v>
      </c>
      <c r="F40506" t="s">
        <v>15242</v>
      </c>
      <c r="G40506" t="s">
        <v>10734</v>
      </c>
      <c r="H40506" t="s">
        <v>10735</v>
      </c>
      <c r="I40506" s="2">
        <v>1</v>
      </c>
      <c r="J40506" s="2">
        <v>0</v>
      </c>
      <c r="K40506" s="2">
        <v>0</v>
      </c>
      <c r="L40506" t="s">
        <v>120</v>
      </c>
      <c r="M40506" t="s">
        <v>83</v>
      </c>
      <c r="N40506" t="s">
        <v>84</v>
      </c>
      <c r="O40506" t="s">
        <v>85</v>
      </c>
      <c r="P40506" t="s">
        <v>86</v>
      </c>
      <c r="Q40506">
        <v>12</v>
      </c>
      <c r="R40506">
        <v>12</v>
      </c>
      <c r="S40506">
        <v>12</v>
      </c>
      <c r="T40506">
        <v>13</v>
      </c>
      <c r="U40506">
        <v>13</v>
      </c>
      <c r="V40506">
        <v>13</v>
      </c>
      <c r="W40506">
        <v>13</v>
      </c>
      <c r="X40506">
        <v>13</v>
      </c>
      <c r="Y40506">
        <v>13</v>
      </c>
      <c r="Z40506">
        <v>14</v>
      </c>
      <c r="AA40506">
        <v>14</v>
      </c>
      <c r="AB40506">
        <v>14</v>
      </c>
      <c r="AC40506">
        <v>14</v>
      </c>
      <c r="AD40506">
        <v>14</v>
      </c>
      <c r="AE40506">
        <v>14</v>
      </c>
      <c r="AF40506">
        <v>14</v>
      </c>
      <c r="AG40506">
        <v>15</v>
      </c>
      <c r="AH40506">
        <v>15</v>
      </c>
      <c r="AI40506">
        <v>15</v>
      </c>
      <c r="AJ40506">
        <v>15</v>
      </c>
      <c r="AK40506">
        <v>15</v>
      </c>
      <c r="AL40506">
        <v>15</v>
      </c>
      <c r="AM40506">
        <v>15</v>
      </c>
      <c r="AN40506">
        <v>15</v>
      </c>
      <c r="AO40506">
        <v>15</v>
      </c>
      <c r="AP40506">
        <v>15</v>
      </c>
      <c r="AQ40506">
        <v>15</v>
      </c>
    </row>
    <row r="40507" spans="1:43">
      <c r="A40507" t="s">
        <v>25043</v>
      </c>
      <c r="B40507" t="s">
        <v>25044</v>
      </c>
      <c r="C40507" t="s">
        <v>15337</v>
      </c>
      <c r="D40507" t="s">
        <v>15338</v>
      </c>
      <c r="E40507" t="s">
        <v>15241</v>
      </c>
      <c r="F40507" t="s">
        <v>15242</v>
      </c>
      <c r="G40507" t="s">
        <v>10734</v>
      </c>
      <c r="H40507" t="s">
        <v>10735</v>
      </c>
      <c r="I40507" s="2">
        <v>1</v>
      </c>
      <c r="J40507" s="2">
        <v>0</v>
      </c>
      <c r="K40507" s="2">
        <v>0</v>
      </c>
      <c r="L40507" t="s">
        <v>120</v>
      </c>
      <c r="M40507" t="s">
        <v>87</v>
      </c>
      <c r="N40507" t="s">
        <v>88</v>
      </c>
      <c r="O40507" t="s">
        <v>85</v>
      </c>
      <c r="P40507" t="s">
        <v>86</v>
      </c>
      <c r="Q40507">
        <v>12</v>
      </c>
      <c r="R40507">
        <v>12</v>
      </c>
      <c r="S40507">
        <v>12</v>
      </c>
      <c r="T40507">
        <v>12</v>
      </c>
      <c r="U40507">
        <v>12</v>
      </c>
      <c r="V40507">
        <v>12</v>
      </c>
      <c r="W40507">
        <v>12</v>
      </c>
      <c r="X40507">
        <v>12</v>
      </c>
      <c r="Y40507">
        <v>12</v>
      </c>
      <c r="Z40507">
        <v>12</v>
      </c>
      <c r="AA40507">
        <v>12</v>
      </c>
      <c r="AB40507">
        <v>13</v>
      </c>
      <c r="AC40507">
        <v>13</v>
      </c>
      <c r="AD40507">
        <v>13</v>
      </c>
      <c r="AE40507">
        <v>13</v>
      </c>
      <c r="AF40507">
        <v>13</v>
      </c>
      <c r="AG40507">
        <v>13</v>
      </c>
      <c r="AH40507">
        <v>13</v>
      </c>
      <c r="AI40507">
        <v>13</v>
      </c>
      <c r="AJ40507">
        <v>13</v>
      </c>
      <c r="AK40507">
        <v>13</v>
      </c>
      <c r="AL40507">
        <v>13</v>
      </c>
      <c r="AM40507">
        <v>13</v>
      </c>
      <c r="AN40507">
        <v>13</v>
      </c>
      <c r="AO40507">
        <v>13</v>
      </c>
      <c r="AP40507">
        <v>13</v>
      </c>
      <c r="AQ40507">
        <v>13</v>
      </c>
    </row>
    <row r="40508" spans="1:43">
      <c r="A40508" t="s">
        <v>25043</v>
      </c>
      <c r="B40508" t="s">
        <v>25044</v>
      </c>
      <c r="C40508" t="s">
        <v>15337</v>
      </c>
      <c r="D40508" t="s">
        <v>15338</v>
      </c>
      <c r="E40508" t="s">
        <v>15241</v>
      </c>
      <c r="F40508" t="s">
        <v>15242</v>
      </c>
      <c r="G40508" t="s">
        <v>10734</v>
      </c>
      <c r="H40508" t="s">
        <v>10735</v>
      </c>
      <c r="I40508" s="2">
        <v>1</v>
      </c>
      <c r="J40508" s="2">
        <v>0</v>
      </c>
      <c r="K40508" s="2">
        <v>0</v>
      </c>
      <c r="L40508" t="s">
        <v>120</v>
      </c>
      <c r="M40508" t="s">
        <v>89</v>
      </c>
      <c r="N40508" t="s">
        <v>90</v>
      </c>
      <c r="O40508" t="s">
        <v>85</v>
      </c>
      <c r="P40508" t="s">
        <v>86</v>
      </c>
      <c r="Q40508">
        <v>12</v>
      </c>
      <c r="R40508">
        <v>12</v>
      </c>
      <c r="S40508">
        <v>13</v>
      </c>
      <c r="T40508">
        <v>13</v>
      </c>
      <c r="U40508">
        <v>13</v>
      </c>
      <c r="V40508">
        <v>13</v>
      </c>
      <c r="W40508">
        <v>14</v>
      </c>
      <c r="X40508">
        <v>14</v>
      </c>
      <c r="Y40508">
        <v>14</v>
      </c>
      <c r="Z40508">
        <v>14</v>
      </c>
      <c r="AA40508">
        <v>15</v>
      </c>
      <c r="AB40508">
        <v>15</v>
      </c>
      <c r="AC40508">
        <v>15</v>
      </c>
      <c r="AD40508">
        <v>15</v>
      </c>
      <c r="AE40508">
        <v>15</v>
      </c>
      <c r="AF40508">
        <v>15</v>
      </c>
      <c r="AG40508">
        <v>15</v>
      </c>
      <c r="AH40508">
        <v>15</v>
      </c>
      <c r="AI40508">
        <v>15</v>
      </c>
      <c r="AJ40508">
        <v>15</v>
      </c>
      <c r="AK40508">
        <v>15</v>
      </c>
      <c r="AL40508">
        <v>15</v>
      </c>
      <c r="AM40508">
        <v>15</v>
      </c>
      <c r="AN40508">
        <v>15</v>
      </c>
      <c r="AO40508">
        <v>15</v>
      </c>
      <c r="AP40508">
        <v>15</v>
      </c>
      <c r="AQ40508">
        <v>15</v>
      </c>
    </row>
    <row r="40509" spans="1:43">
      <c r="A40509" t="s">
        <v>25043</v>
      </c>
      <c r="B40509" t="s">
        <v>25044</v>
      </c>
      <c r="C40509" t="s">
        <v>15337</v>
      </c>
      <c r="D40509" t="s">
        <v>15338</v>
      </c>
      <c r="E40509" t="s">
        <v>15241</v>
      </c>
      <c r="F40509" t="s">
        <v>15242</v>
      </c>
      <c r="G40509" t="s">
        <v>10734</v>
      </c>
      <c r="H40509" t="s">
        <v>10735</v>
      </c>
      <c r="I40509" s="2">
        <v>1</v>
      </c>
      <c r="J40509" s="2">
        <v>0</v>
      </c>
      <c r="K40509" s="2">
        <v>0</v>
      </c>
      <c r="L40509" t="s">
        <v>120</v>
      </c>
      <c r="M40509" t="s">
        <v>83</v>
      </c>
      <c r="N40509" t="s">
        <v>91</v>
      </c>
      <c r="O40509" t="s">
        <v>85</v>
      </c>
      <c r="P40509" t="s">
        <v>86</v>
      </c>
      <c r="Q40509">
        <v>12</v>
      </c>
      <c r="R40509">
        <v>12</v>
      </c>
      <c r="S40509">
        <v>12</v>
      </c>
      <c r="T40509">
        <v>13</v>
      </c>
      <c r="U40509">
        <v>13</v>
      </c>
      <c r="V40509">
        <v>13</v>
      </c>
      <c r="W40509">
        <v>13</v>
      </c>
      <c r="X40509">
        <v>13</v>
      </c>
      <c r="Y40509">
        <v>13</v>
      </c>
      <c r="Z40509">
        <v>14</v>
      </c>
      <c r="AA40509">
        <v>14</v>
      </c>
      <c r="AB40509">
        <v>14</v>
      </c>
      <c r="AC40509">
        <v>14</v>
      </c>
      <c r="AD40509">
        <v>14</v>
      </c>
      <c r="AE40509">
        <v>14</v>
      </c>
      <c r="AF40509">
        <v>14</v>
      </c>
      <c r="AG40509">
        <v>15</v>
      </c>
      <c r="AH40509">
        <v>15</v>
      </c>
      <c r="AI40509">
        <v>15</v>
      </c>
      <c r="AJ40509">
        <v>15</v>
      </c>
      <c r="AK40509">
        <v>15</v>
      </c>
      <c r="AL40509">
        <v>15</v>
      </c>
      <c r="AM40509">
        <v>15</v>
      </c>
      <c r="AN40509">
        <v>15</v>
      </c>
      <c r="AO40509">
        <v>15</v>
      </c>
      <c r="AP40509">
        <v>15</v>
      </c>
      <c r="AQ40509">
        <v>15</v>
      </c>
    </row>
    <row r="40510" spans="1:43">
      <c r="A40510" t="s">
        <v>25045</v>
      </c>
      <c r="B40510" t="s">
        <v>25046</v>
      </c>
      <c r="C40510" t="s">
        <v>15453</v>
      </c>
      <c r="D40510" t="s">
        <v>15454</v>
      </c>
      <c r="E40510" t="s">
        <v>15241</v>
      </c>
      <c r="F40510" t="s">
        <v>15242</v>
      </c>
      <c r="G40510" t="s">
        <v>10734</v>
      </c>
      <c r="H40510" t="s">
        <v>10735</v>
      </c>
      <c r="I40510" s="2">
        <v>1</v>
      </c>
      <c r="J40510" s="2">
        <v>0</v>
      </c>
      <c r="K40510" s="2">
        <v>0</v>
      </c>
      <c r="L40510" t="s">
        <v>120</v>
      </c>
      <c r="M40510" t="s">
        <v>83</v>
      </c>
      <c r="N40510" t="s">
        <v>84</v>
      </c>
      <c r="O40510" t="s">
        <v>85</v>
      </c>
      <c r="P40510" t="s">
        <v>86</v>
      </c>
      <c r="Q40510">
        <v>192</v>
      </c>
      <c r="R40510">
        <v>195</v>
      </c>
      <c r="S40510">
        <v>198</v>
      </c>
      <c r="T40510">
        <v>201</v>
      </c>
      <c r="U40510">
        <v>203</v>
      </c>
      <c r="V40510">
        <v>206</v>
      </c>
      <c r="W40510">
        <v>209</v>
      </c>
      <c r="X40510">
        <v>211</v>
      </c>
      <c r="Y40510">
        <v>214</v>
      </c>
      <c r="Z40510">
        <v>216</v>
      </c>
      <c r="AA40510">
        <v>219</v>
      </c>
      <c r="AB40510">
        <v>221</v>
      </c>
      <c r="AC40510">
        <v>224</v>
      </c>
      <c r="AD40510">
        <v>226</v>
      </c>
      <c r="AE40510">
        <v>228</v>
      </c>
      <c r="AF40510">
        <v>231</v>
      </c>
      <c r="AG40510">
        <v>233</v>
      </c>
      <c r="AH40510">
        <v>235</v>
      </c>
      <c r="AI40510">
        <v>238</v>
      </c>
      <c r="AJ40510">
        <v>240</v>
      </c>
      <c r="AK40510">
        <v>242</v>
      </c>
      <c r="AL40510">
        <v>243</v>
      </c>
      <c r="AM40510">
        <v>243</v>
      </c>
      <c r="AN40510">
        <v>243</v>
      </c>
      <c r="AO40510">
        <v>244</v>
      </c>
      <c r="AP40510">
        <v>244</v>
      </c>
      <c r="AQ40510">
        <v>244</v>
      </c>
    </row>
    <row r="40511" spans="1:43">
      <c r="A40511" t="s">
        <v>25045</v>
      </c>
      <c r="B40511" t="s">
        <v>25046</v>
      </c>
      <c r="C40511" t="s">
        <v>15453</v>
      </c>
      <c r="D40511" t="s">
        <v>15454</v>
      </c>
      <c r="E40511" t="s">
        <v>15241</v>
      </c>
      <c r="F40511" t="s">
        <v>15242</v>
      </c>
      <c r="G40511" t="s">
        <v>10734</v>
      </c>
      <c r="H40511" t="s">
        <v>10735</v>
      </c>
      <c r="I40511" s="2">
        <v>1</v>
      </c>
      <c r="J40511" s="2">
        <v>0</v>
      </c>
      <c r="K40511" s="2">
        <v>0</v>
      </c>
      <c r="L40511" t="s">
        <v>120</v>
      </c>
      <c r="M40511" t="s">
        <v>87</v>
      </c>
      <c r="N40511" t="s">
        <v>88</v>
      </c>
      <c r="O40511" t="s">
        <v>85</v>
      </c>
      <c r="P40511" t="s">
        <v>86</v>
      </c>
      <c r="Q40511">
        <v>192</v>
      </c>
      <c r="R40511">
        <v>193</v>
      </c>
      <c r="S40511">
        <v>193</v>
      </c>
      <c r="T40511">
        <v>194</v>
      </c>
      <c r="U40511">
        <v>195</v>
      </c>
      <c r="V40511">
        <v>196</v>
      </c>
      <c r="W40511">
        <v>197</v>
      </c>
      <c r="X40511">
        <v>198</v>
      </c>
      <c r="Y40511">
        <v>199</v>
      </c>
      <c r="Z40511">
        <v>200</v>
      </c>
      <c r="AA40511">
        <v>201</v>
      </c>
      <c r="AB40511">
        <v>202</v>
      </c>
      <c r="AC40511">
        <v>202</v>
      </c>
      <c r="AD40511">
        <v>203</v>
      </c>
      <c r="AE40511">
        <v>204</v>
      </c>
      <c r="AF40511">
        <v>205</v>
      </c>
      <c r="AG40511">
        <v>206</v>
      </c>
      <c r="AH40511">
        <v>206</v>
      </c>
      <c r="AI40511">
        <v>207</v>
      </c>
      <c r="AJ40511">
        <v>208</v>
      </c>
      <c r="AK40511">
        <v>209</v>
      </c>
      <c r="AL40511">
        <v>210</v>
      </c>
      <c r="AM40511">
        <v>210</v>
      </c>
      <c r="AN40511">
        <v>211</v>
      </c>
      <c r="AO40511">
        <v>212</v>
      </c>
      <c r="AP40511">
        <v>213</v>
      </c>
      <c r="AQ40511">
        <v>213</v>
      </c>
    </row>
    <row r="40512" spans="1:43">
      <c r="A40512" t="s">
        <v>25045</v>
      </c>
      <c r="B40512" t="s">
        <v>25046</v>
      </c>
      <c r="C40512" t="s">
        <v>15453</v>
      </c>
      <c r="D40512" t="s">
        <v>15454</v>
      </c>
      <c r="E40512" t="s">
        <v>15241</v>
      </c>
      <c r="F40512" t="s">
        <v>15242</v>
      </c>
      <c r="G40512" t="s">
        <v>10734</v>
      </c>
      <c r="H40512" t="s">
        <v>10735</v>
      </c>
      <c r="I40512" s="2">
        <v>1</v>
      </c>
      <c r="J40512" s="2">
        <v>0</v>
      </c>
      <c r="K40512" s="2">
        <v>0</v>
      </c>
      <c r="L40512" t="s">
        <v>120</v>
      </c>
      <c r="M40512" t="s">
        <v>89</v>
      </c>
      <c r="N40512" t="s">
        <v>90</v>
      </c>
      <c r="O40512" t="s">
        <v>85</v>
      </c>
      <c r="P40512" t="s">
        <v>86</v>
      </c>
      <c r="Q40512">
        <v>192</v>
      </c>
      <c r="R40512">
        <v>197</v>
      </c>
      <c r="S40512">
        <v>201</v>
      </c>
      <c r="T40512">
        <v>205</v>
      </c>
      <c r="U40512">
        <v>209</v>
      </c>
      <c r="V40512">
        <v>213</v>
      </c>
      <c r="W40512">
        <v>217</v>
      </c>
      <c r="X40512">
        <v>220</v>
      </c>
      <c r="Y40512">
        <v>224</v>
      </c>
      <c r="Z40512">
        <v>227</v>
      </c>
      <c r="AA40512">
        <v>231</v>
      </c>
      <c r="AB40512">
        <v>234</v>
      </c>
      <c r="AC40512">
        <v>237</v>
      </c>
      <c r="AD40512">
        <v>241</v>
      </c>
      <c r="AE40512">
        <v>243</v>
      </c>
      <c r="AF40512">
        <v>243</v>
      </c>
      <c r="AG40512">
        <v>243</v>
      </c>
      <c r="AH40512">
        <v>243</v>
      </c>
      <c r="AI40512">
        <v>243</v>
      </c>
      <c r="AJ40512">
        <v>244</v>
      </c>
      <c r="AK40512">
        <v>244</v>
      </c>
      <c r="AL40512">
        <v>244</v>
      </c>
      <c r="AM40512">
        <v>244</v>
      </c>
      <c r="AN40512">
        <v>244</v>
      </c>
      <c r="AO40512">
        <v>244</v>
      </c>
      <c r="AP40512">
        <v>244</v>
      </c>
      <c r="AQ40512">
        <v>244</v>
      </c>
    </row>
    <row r="40513" spans="1:43">
      <c r="A40513" t="s">
        <v>25045</v>
      </c>
      <c r="B40513" t="s">
        <v>25046</v>
      </c>
      <c r="C40513" t="s">
        <v>15453</v>
      </c>
      <c r="D40513" t="s">
        <v>15454</v>
      </c>
      <c r="E40513" t="s">
        <v>15241</v>
      </c>
      <c r="F40513" t="s">
        <v>15242</v>
      </c>
      <c r="G40513" t="s">
        <v>10734</v>
      </c>
      <c r="H40513" t="s">
        <v>10735</v>
      </c>
      <c r="I40513" s="2">
        <v>1</v>
      </c>
      <c r="J40513" s="2">
        <v>0</v>
      </c>
      <c r="K40513" s="2">
        <v>0</v>
      </c>
      <c r="L40513" t="s">
        <v>120</v>
      </c>
      <c r="M40513" t="s">
        <v>83</v>
      </c>
      <c r="N40513" t="s">
        <v>91</v>
      </c>
      <c r="O40513" t="s">
        <v>85</v>
      </c>
      <c r="P40513" t="s">
        <v>86</v>
      </c>
      <c r="Q40513">
        <v>192</v>
      </c>
      <c r="R40513">
        <v>195</v>
      </c>
      <c r="S40513">
        <v>198</v>
      </c>
      <c r="T40513">
        <v>201</v>
      </c>
      <c r="U40513">
        <v>203</v>
      </c>
      <c r="V40513">
        <v>206</v>
      </c>
      <c r="W40513">
        <v>209</v>
      </c>
      <c r="X40513">
        <v>211</v>
      </c>
      <c r="Y40513">
        <v>214</v>
      </c>
      <c r="Z40513">
        <v>216</v>
      </c>
      <c r="AA40513">
        <v>219</v>
      </c>
      <c r="AB40513">
        <v>221</v>
      </c>
      <c r="AC40513">
        <v>224</v>
      </c>
      <c r="AD40513">
        <v>226</v>
      </c>
      <c r="AE40513">
        <v>228</v>
      </c>
      <c r="AF40513">
        <v>231</v>
      </c>
      <c r="AG40513">
        <v>233</v>
      </c>
      <c r="AH40513">
        <v>235</v>
      </c>
      <c r="AI40513">
        <v>238</v>
      </c>
      <c r="AJ40513">
        <v>240</v>
      </c>
      <c r="AK40513">
        <v>242</v>
      </c>
      <c r="AL40513">
        <v>243</v>
      </c>
      <c r="AM40513">
        <v>243</v>
      </c>
      <c r="AN40513">
        <v>243</v>
      </c>
      <c r="AO40513">
        <v>244</v>
      </c>
      <c r="AP40513">
        <v>244</v>
      </c>
      <c r="AQ40513">
        <v>244</v>
      </c>
    </row>
    <row r="40514" spans="1:43">
      <c r="A40514" t="s">
        <v>25047</v>
      </c>
      <c r="B40514" t="s">
        <v>25048</v>
      </c>
      <c r="C40514" t="s">
        <v>15247</v>
      </c>
      <c r="D40514" t="s">
        <v>15248</v>
      </c>
      <c r="E40514" t="s">
        <v>15241</v>
      </c>
      <c r="F40514" t="s">
        <v>15242</v>
      </c>
      <c r="G40514" t="s">
        <v>10734</v>
      </c>
      <c r="H40514" t="s">
        <v>10735</v>
      </c>
      <c r="I40514" s="2">
        <v>1</v>
      </c>
      <c r="J40514" s="2">
        <v>0</v>
      </c>
      <c r="K40514" s="2">
        <v>0</v>
      </c>
      <c r="L40514" t="s">
        <v>120</v>
      </c>
      <c r="M40514" t="s">
        <v>83</v>
      </c>
      <c r="N40514" t="s">
        <v>84</v>
      </c>
      <c r="O40514" t="s">
        <v>85</v>
      </c>
      <c r="P40514" t="s">
        <v>86</v>
      </c>
      <c r="Q40514">
        <v>13</v>
      </c>
      <c r="R40514">
        <v>13</v>
      </c>
      <c r="S40514">
        <v>13</v>
      </c>
      <c r="T40514">
        <v>13</v>
      </c>
      <c r="U40514">
        <v>13</v>
      </c>
      <c r="V40514">
        <v>13</v>
      </c>
      <c r="W40514">
        <v>14</v>
      </c>
      <c r="X40514">
        <v>14</v>
      </c>
      <c r="Y40514">
        <v>14</v>
      </c>
      <c r="Z40514">
        <v>14</v>
      </c>
      <c r="AA40514">
        <v>14</v>
      </c>
      <c r="AB40514">
        <v>14</v>
      </c>
      <c r="AC40514">
        <v>15</v>
      </c>
      <c r="AD40514">
        <v>15</v>
      </c>
      <c r="AE40514">
        <v>15</v>
      </c>
      <c r="AF40514">
        <v>15</v>
      </c>
      <c r="AG40514">
        <v>15</v>
      </c>
      <c r="AH40514">
        <v>15</v>
      </c>
      <c r="AI40514">
        <v>16</v>
      </c>
      <c r="AJ40514">
        <v>16</v>
      </c>
      <c r="AK40514">
        <v>16</v>
      </c>
      <c r="AL40514">
        <v>16</v>
      </c>
      <c r="AM40514">
        <v>16</v>
      </c>
      <c r="AN40514">
        <v>16</v>
      </c>
      <c r="AO40514">
        <v>16</v>
      </c>
      <c r="AP40514">
        <v>16</v>
      </c>
      <c r="AQ40514">
        <v>16</v>
      </c>
    </row>
    <row r="40515" spans="1:43">
      <c r="A40515" t="s">
        <v>25047</v>
      </c>
      <c r="B40515" t="s">
        <v>25048</v>
      </c>
      <c r="C40515" t="s">
        <v>15247</v>
      </c>
      <c r="D40515" t="s">
        <v>15248</v>
      </c>
      <c r="E40515" t="s">
        <v>15241</v>
      </c>
      <c r="F40515" t="s">
        <v>15242</v>
      </c>
      <c r="G40515" t="s">
        <v>10734</v>
      </c>
      <c r="H40515" t="s">
        <v>10735</v>
      </c>
      <c r="I40515" s="2">
        <v>1</v>
      </c>
      <c r="J40515" s="2">
        <v>0</v>
      </c>
      <c r="K40515" s="2">
        <v>0</v>
      </c>
      <c r="L40515" t="s">
        <v>120</v>
      </c>
      <c r="M40515" t="s">
        <v>87</v>
      </c>
      <c r="N40515" t="s">
        <v>88</v>
      </c>
      <c r="O40515" t="s">
        <v>85</v>
      </c>
      <c r="P40515" t="s">
        <v>86</v>
      </c>
      <c r="Q40515">
        <v>13</v>
      </c>
      <c r="R40515">
        <v>14</v>
      </c>
      <c r="S40515">
        <v>14</v>
      </c>
      <c r="T40515">
        <v>14</v>
      </c>
      <c r="U40515">
        <v>14</v>
      </c>
      <c r="V40515">
        <v>14</v>
      </c>
      <c r="W40515">
        <v>14</v>
      </c>
      <c r="X40515">
        <v>14</v>
      </c>
      <c r="Y40515">
        <v>14</v>
      </c>
      <c r="Z40515">
        <v>14</v>
      </c>
      <c r="AA40515">
        <v>14</v>
      </c>
      <c r="AB40515">
        <v>14</v>
      </c>
      <c r="AC40515">
        <v>14</v>
      </c>
      <c r="AD40515">
        <v>14</v>
      </c>
      <c r="AE40515">
        <v>14</v>
      </c>
      <c r="AF40515">
        <v>14</v>
      </c>
      <c r="AG40515">
        <v>14</v>
      </c>
      <c r="AH40515">
        <v>14</v>
      </c>
      <c r="AI40515">
        <v>14</v>
      </c>
      <c r="AJ40515">
        <v>15</v>
      </c>
      <c r="AK40515">
        <v>15</v>
      </c>
      <c r="AL40515">
        <v>15</v>
      </c>
      <c r="AM40515">
        <v>15</v>
      </c>
      <c r="AN40515">
        <v>15</v>
      </c>
      <c r="AO40515">
        <v>15</v>
      </c>
      <c r="AP40515">
        <v>15</v>
      </c>
      <c r="AQ40515">
        <v>15</v>
      </c>
    </row>
    <row r="40516" spans="1:43">
      <c r="A40516" t="s">
        <v>25047</v>
      </c>
      <c r="B40516" t="s">
        <v>25048</v>
      </c>
      <c r="C40516" t="s">
        <v>15247</v>
      </c>
      <c r="D40516" t="s">
        <v>15248</v>
      </c>
      <c r="E40516" t="s">
        <v>15241</v>
      </c>
      <c r="F40516" t="s">
        <v>15242</v>
      </c>
      <c r="G40516" t="s">
        <v>10734</v>
      </c>
      <c r="H40516" t="s">
        <v>10735</v>
      </c>
      <c r="I40516" s="2">
        <v>1</v>
      </c>
      <c r="J40516" s="2">
        <v>0</v>
      </c>
      <c r="K40516" s="2">
        <v>0</v>
      </c>
      <c r="L40516" t="s">
        <v>120</v>
      </c>
      <c r="M40516" t="s">
        <v>89</v>
      </c>
      <c r="N40516" t="s">
        <v>90</v>
      </c>
      <c r="O40516" t="s">
        <v>85</v>
      </c>
      <c r="P40516" t="s">
        <v>86</v>
      </c>
      <c r="Q40516">
        <v>13</v>
      </c>
      <c r="R40516">
        <v>13</v>
      </c>
      <c r="S40516">
        <v>13</v>
      </c>
      <c r="T40516">
        <v>14</v>
      </c>
      <c r="U40516">
        <v>14</v>
      </c>
      <c r="V40516">
        <v>14</v>
      </c>
      <c r="W40516">
        <v>14</v>
      </c>
      <c r="X40516">
        <v>15</v>
      </c>
      <c r="Y40516">
        <v>15</v>
      </c>
      <c r="Z40516">
        <v>15</v>
      </c>
      <c r="AA40516">
        <v>15</v>
      </c>
      <c r="AB40516">
        <v>15</v>
      </c>
      <c r="AC40516">
        <v>16</v>
      </c>
      <c r="AD40516">
        <v>16</v>
      </c>
      <c r="AE40516">
        <v>16</v>
      </c>
      <c r="AF40516">
        <v>16</v>
      </c>
      <c r="AG40516">
        <v>16</v>
      </c>
      <c r="AH40516">
        <v>16</v>
      </c>
      <c r="AI40516">
        <v>16</v>
      </c>
      <c r="AJ40516">
        <v>16</v>
      </c>
      <c r="AK40516">
        <v>16</v>
      </c>
      <c r="AL40516">
        <v>16</v>
      </c>
      <c r="AM40516">
        <v>16</v>
      </c>
      <c r="AN40516">
        <v>16</v>
      </c>
      <c r="AO40516">
        <v>16</v>
      </c>
      <c r="AP40516">
        <v>16</v>
      </c>
      <c r="AQ40516">
        <v>16</v>
      </c>
    </row>
    <row r="40517" spans="1:43">
      <c r="A40517" t="s">
        <v>25047</v>
      </c>
      <c r="B40517" t="s">
        <v>25048</v>
      </c>
      <c r="C40517" t="s">
        <v>15247</v>
      </c>
      <c r="D40517" t="s">
        <v>15248</v>
      </c>
      <c r="E40517" t="s">
        <v>15241</v>
      </c>
      <c r="F40517" t="s">
        <v>15242</v>
      </c>
      <c r="G40517" t="s">
        <v>10734</v>
      </c>
      <c r="H40517" t="s">
        <v>10735</v>
      </c>
      <c r="I40517" s="2">
        <v>1</v>
      </c>
      <c r="J40517" s="2">
        <v>0</v>
      </c>
      <c r="K40517" s="2">
        <v>0</v>
      </c>
      <c r="L40517" t="s">
        <v>120</v>
      </c>
      <c r="M40517" t="s">
        <v>83</v>
      </c>
      <c r="N40517" t="s">
        <v>91</v>
      </c>
      <c r="O40517" t="s">
        <v>85</v>
      </c>
      <c r="P40517" t="s">
        <v>86</v>
      </c>
      <c r="Q40517">
        <v>13</v>
      </c>
      <c r="R40517">
        <v>13</v>
      </c>
      <c r="S40517">
        <v>13</v>
      </c>
      <c r="T40517">
        <v>13</v>
      </c>
      <c r="U40517">
        <v>13</v>
      </c>
      <c r="V40517">
        <v>13</v>
      </c>
      <c r="W40517">
        <v>14</v>
      </c>
      <c r="X40517">
        <v>14</v>
      </c>
      <c r="Y40517">
        <v>14</v>
      </c>
      <c r="Z40517">
        <v>14</v>
      </c>
      <c r="AA40517">
        <v>14</v>
      </c>
      <c r="AB40517">
        <v>14</v>
      </c>
      <c r="AC40517">
        <v>15</v>
      </c>
      <c r="AD40517">
        <v>15</v>
      </c>
      <c r="AE40517">
        <v>15</v>
      </c>
      <c r="AF40517">
        <v>15</v>
      </c>
      <c r="AG40517">
        <v>15</v>
      </c>
      <c r="AH40517">
        <v>15</v>
      </c>
      <c r="AI40517">
        <v>16</v>
      </c>
      <c r="AJ40517">
        <v>16</v>
      </c>
      <c r="AK40517">
        <v>16</v>
      </c>
      <c r="AL40517">
        <v>16</v>
      </c>
      <c r="AM40517">
        <v>16</v>
      </c>
      <c r="AN40517">
        <v>16</v>
      </c>
      <c r="AO40517">
        <v>16</v>
      </c>
      <c r="AP40517">
        <v>16</v>
      </c>
      <c r="AQ40517">
        <v>16</v>
      </c>
    </row>
    <row r="40518" spans="1:43">
      <c r="A40518" t="s">
        <v>25049</v>
      </c>
      <c r="B40518" t="s">
        <v>25050</v>
      </c>
      <c r="C40518" t="s">
        <v>15247</v>
      </c>
      <c r="D40518" t="s">
        <v>15248</v>
      </c>
      <c r="E40518" t="s">
        <v>15241</v>
      </c>
      <c r="F40518" t="s">
        <v>15242</v>
      </c>
      <c r="G40518" t="s">
        <v>10734</v>
      </c>
      <c r="H40518" t="s">
        <v>10735</v>
      </c>
      <c r="I40518" s="2">
        <v>1</v>
      </c>
      <c r="J40518" s="2">
        <v>0</v>
      </c>
      <c r="K40518" s="2">
        <v>0</v>
      </c>
      <c r="L40518" t="s">
        <v>120</v>
      </c>
      <c r="M40518" t="s">
        <v>83</v>
      </c>
      <c r="N40518" t="s">
        <v>84</v>
      </c>
      <c r="O40518" t="s">
        <v>85</v>
      </c>
      <c r="P40518" t="s">
        <v>86</v>
      </c>
      <c r="Q40518">
        <v>26</v>
      </c>
      <c r="R40518">
        <v>27</v>
      </c>
      <c r="S40518">
        <v>27</v>
      </c>
      <c r="T40518">
        <v>27</v>
      </c>
      <c r="U40518">
        <v>28</v>
      </c>
      <c r="V40518">
        <v>28</v>
      </c>
      <c r="W40518">
        <v>28</v>
      </c>
      <c r="X40518">
        <v>29</v>
      </c>
      <c r="Y40518">
        <v>29</v>
      </c>
      <c r="Z40518">
        <v>29</v>
      </c>
      <c r="AA40518">
        <v>30</v>
      </c>
      <c r="AB40518">
        <v>30</v>
      </c>
      <c r="AC40518">
        <v>30</v>
      </c>
      <c r="AD40518">
        <v>31</v>
      </c>
      <c r="AE40518">
        <v>31</v>
      </c>
      <c r="AF40518">
        <v>31</v>
      </c>
      <c r="AG40518">
        <v>32</v>
      </c>
      <c r="AH40518">
        <v>32</v>
      </c>
      <c r="AI40518">
        <v>32</v>
      </c>
      <c r="AJ40518">
        <v>32</v>
      </c>
      <c r="AK40518">
        <v>33</v>
      </c>
      <c r="AL40518">
        <v>33</v>
      </c>
      <c r="AM40518">
        <v>33</v>
      </c>
      <c r="AN40518">
        <v>33</v>
      </c>
      <c r="AO40518">
        <v>33</v>
      </c>
      <c r="AP40518">
        <v>33</v>
      </c>
      <c r="AQ40518">
        <v>33</v>
      </c>
    </row>
    <row r="40519" spans="1:43">
      <c r="A40519" t="s">
        <v>25049</v>
      </c>
      <c r="B40519" t="s">
        <v>25050</v>
      </c>
      <c r="C40519" t="s">
        <v>15247</v>
      </c>
      <c r="D40519" t="s">
        <v>15248</v>
      </c>
      <c r="E40519" t="s">
        <v>15241</v>
      </c>
      <c r="F40519" t="s">
        <v>15242</v>
      </c>
      <c r="G40519" t="s">
        <v>10734</v>
      </c>
      <c r="H40519" t="s">
        <v>10735</v>
      </c>
      <c r="I40519" s="2">
        <v>1</v>
      </c>
      <c r="J40519" s="2">
        <v>0</v>
      </c>
      <c r="K40519" s="2">
        <v>0</v>
      </c>
      <c r="L40519" t="s">
        <v>120</v>
      </c>
      <c r="M40519" t="s">
        <v>87</v>
      </c>
      <c r="N40519" t="s">
        <v>88</v>
      </c>
      <c r="O40519" t="s">
        <v>85</v>
      </c>
      <c r="P40519" t="s">
        <v>86</v>
      </c>
      <c r="Q40519">
        <v>26</v>
      </c>
      <c r="R40519">
        <v>26</v>
      </c>
      <c r="S40519">
        <v>26</v>
      </c>
      <c r="T40519">
        <v>26</v>
      </c>
      <c r="U40519">
        <v>26</v>
      </c>
      <c r="V40519">
        <v>26</v>
      </c>
      <c r="W40519">
        <v>27</v>
      </c>
      <c r="X40519">
        <v>27</v>
      </c>
      <c r="Y40519">
        <v>27</v>
      </c>
      <c r="Z40519">
        <v>27</v>
      </c>
      <c r="AA40519">
        <v>27</v>
      </c>
      <c r="AB40519">
        <v>27</v>
      </c>
      <c r="AC40519">
        <v>27</v>
      </c>
      <c r="AD40519">
        <v>27</v>
      </c>
      <c r="AE40519">
        <v>27</v>
      </c>
      <c r="AF40519">
        <v>28</v>
      </c>
      <c r="AG40519">
        <v>28</v>
      </c>
      <c r="AH40519">
        <v>28</v>
      </c>
      <c r="AI40519">
        <v>28</v>
      </c>
      <c r="AJ40519">
        <v>28</v>
      </c>
      <c r="AK40519">
        <v>28</v>
      </c>
      <c r="AL40519">
        <v>28</v>
      </c>
      <c r="AM40519">
        <v>28</v>
      </c>
      <c r="AN40519">
        <v>28</v>
      </c>
      <c r="AO40519">
        <v>28</v>
      </c>
      <c r="AP40519">
        <v>28</v>
      </c>
      <c r="AQ40519">
        <v>29</v>
      </c>
    </row>
    <row r="40520" spans="1:43">
      <c r="A40520" t="s">
        <v>25049</v>
      </c>
      <c r="B40520" t="s">
        <v>25050</v>
      </c>
      <c r="C40520" t="s">
        <v>15247</v>
      </c>
      <c r="D40520" t="s">
        <v>15248</v>
      </c>
      <c r="E40520" t="s">
        <v>15241</v>
      </c>
      <c r="F40520" t="s">
        <v>15242</v>
      </c>
      <c r="G40520" t="s">
        <v>10734</v>
      </c>
      <c r="H40520" t="s">
        <v>10735</v>
      </c>
      <c r="I40520" s="2">
        <v>1</v>
      </c>
      <c r="J40520" s="2">
        <v>0</v>
      </c>
      <c r="K40520" s="2">
        <v>0</v>
      </c>
      <c r="L40520" t="s">
        <v>120</v>
      </c>
      <c r="M40520" t="s">
        <v>89</v>
      </c>
      <c r="N40520" t="s">
        <v>90</v>
      </c>
      <c r="O40520" t="s">
        <v>85</v>
      </c>
      <c r="P40520" t="s">
        <v>86</v>
      </c>
      <c r="Q40520">
        <v>26</v>
      </c>
      <c r="R40520">
        <v>27</v>
      </c>
      <c r="S40520">
        <v>28</v>
      </c>
      <c r="T40520">
        <v>28</v>
      </c>
      <c r="U40520">
        <v>29</v>
      </c>
      <c r="V40520">
        <v>29</v>
      </c>
      <c r="W40520">
        <v>30</v>
      </c>
      <c r="X40520">
        <v>30</v>
      </c>
      <c r="Y40520">
        <v>31</v>
      </c>
      <c r="Z40520">
        <v>31</v>
      </c>
      <c r="AA40520">
        <v>32</v>
      </c>
      <c r="AB40520">
        <v>32</v>
      </c>
      <c r="AC40520">
        <v>32</v>
      </c>
      <c r="AD40520">
        <v>33</v>
      </c>
      <c r="AE40520">
        <v>33</v>
      </c>
      <c r="AF40520">
        <v>33</v>
      </c>
      <c r="AG40520">
        <v>33</v>
      </c>
      <c r="AH40520">
        <v>33</v>
      </c>
      <c r="AI40520">
        <v>33</v>
      </c>
      <c r="AJ40520">
        <v>33</v>
      </c>
      <c r="AK40520">
        <v>33</v>
      </c>
      <c r="AL40520">
        <v>33</v>
      </c>
      <c r="AM40520">
        <v>33</v>
      </c>
      <c r="AN40520">
        <v>33</v>
      </c>
      <c r="AO40520">
        <v>33</v>
      </c>
      <c r="AP40520">
        <v>33</v>
      </c>
      <c r="AQ40520">
        <v>33</v>
      </c>
    </row>
    <row r="40521" spans="1:43">
      <c r="A40521" t="s">
        <v>25049</v>
      </c>
      <c r="B40521" t="s">
        <v>25050</v>
      </c>
      <c r="C40521" t="s">
        <v>15247</v>
      </c>
      <c r="D40521" t="s">
        <v>15248</v>
      </c>
      <c r="E40521" t="s">
        <v>15241</v>
      </c>
      <c r="F40521" t="s">
        <v>15242</v>
      </c>
      <c r="G40521" t="s">
        <v>10734</v>
      </c>
      <c r="H40521" t="s">
        <v>10735</v>
      </c>
      <c r="I40521" s="2">
        <v>1</v>
      </c>
      <c r="J40521" s="2">
        <v>0</v>
      </c>
      <c r="K40521" s="2">
        <v>0</v>
      </c>
      <c r="L40521" t="s">
        <v>120</v>
      </c>
      <c r="M40521" t="s">
        <v>83</v>
      </c>
      <c r="N40521" t="s">
        <v>91</v>
      </c>
      <c r="O40521" t="s">
        <v>85</v>
      </c>
      <c r="P40521" t="s">
        <v>86</v>
      </c>
      <c r="Q40521">
        <v>26</v>
      </c>
      <c r="R40521">
        <v>27</v>
      </c>
      <c r="S40521">
        <v>27</v>
      </c>
      <c r="T40521">
        <v>27</v>
      </c>
      <c r="U40521">
        <v>28</v>
      </c>
      <c r="V40521">
        <v>28</v>
      </c>
      <c r="W40521">
        <v>28</v>
      </c>
      <c r="X40521">
        <v>29</v>
      </c>
      <c r="Y40521">
        <v>29</v>
      </c>
      <c r="Z40521">
        <v>29</v>
      </c>
      <c r="AA40521">
        <v>30</v>
      </c>
      <c r="AB40521">
        <v>30</v>
      </c>
      <c r="AC40521">
        <v>30</v>
      </c>
      <c r="AD40521">
        <v>31</v>
      </c>
      <c r="AE40521">
        <v>31</v>
      </c>
      <c r="AF40521">
        <v>31</v>
      </c>
      <c r="AG40521">
        <v>32</v>
      </c>
      <c r="AH40521">
        <v>32</v>
      </c>
      <c r="AI40521">
        <v>32</v>
      </c>
      <c r="AJ40521">
        <v>32</v>
      </c>
      <c r="AK40521">
        <v>33</v>
      </c>
      <c r="AL40521">
        <v>33</v>
      </c>
      <c r="AM40521">
        <v>33</v>
      </c>
      <c r="AN40521">
        <v>33</v>
      </c>
      <c r="AO40521">
        <v>33</v>
      </c>
      <c r="AP40521">
        <v>33</v>
      </c>
      <c r="AQ40521">
        <v>33</v>
      </c>
    </row>
    <row r="40522" spans="1:43">
      <c r="A40522" t="s">
        <v>25051</v>
      </c>
      <c r="B40522" t="s">
        <v>25052</v>
      </c>
      <c r="C40522" t="s">
        <v>15315</v>
      </c>
      <c r="D40522" t="s">
        <v>15316</v>
      </c>
      <c r="E40522" t="s">
        <v>15241</v>
      </c>
      <c r="F40522" t="s">
        <v>15242</v>
      </c>
      <c r="G40522" t="s">
        <v>10734</v>
      </c>
      <c r="H40522" t="s">
        <v>10735</v>
      </c>
      <c r="I40522" s="2">
        <v>1</v>
      </c>
      <c r="J40522" s="2">
        <v>0</v>
      </c>
      <c r="K40522" s="2">
        <v>0</v>
      </c>
      <c r="L40522" t="s">
        <v>120</v>
      </c>
      <c r="M40522" t="s">
        <v>83</v>
      </c>
      <c r="N40522" t="s">
        <v>84</v>
      </c>
      <c r="O40522" t="s">
        <v>85</v>
      </c>
      <c r="P40522" t="s">
        <v>86</v>
      </c>
      <c r="Q40522">
        <v>12</v>
      </c>
      <c r="R40522">
        <v>12</v>
      </c>
      <c r="S40522">
        <v>12</v>
      </c>
      <c r="T40522">
        <v>12</v>
      </c>
      <c r="U40522">
        <v>12</v>
      </c>
      <c r="V40522">
        <v>13</v>
      </c>
      <c r="W40522">
        <v>13</v>
      </c>
      <c r="X40522">
        <v>13</v>
      </c>
      <c r="Y40522">
        <v>13</v>
      </c>
      <c r="Z40522">
        <v>13</v>
      </c>
      <c r="AA40522">
        <v>13</v>
      </c>
      <c r="AB40522">
        <v>13</v>
      </c>
      <c r="AC40522">
        <v>14</v>
      </c>
      <c r="AD40522">
        <v>14</v>
      </c>
      <c r="AE40522">
        <v>14</v>
      </c>
      <c r="AF40522">
        <v>14</v>
      </c>
      <c r="AG40522">
        <v>14</v>
      </c>
      <c r="AH40522">
        <v>14</v>
      </c>
      <c r="AI40522">
        <v>14</v>
      </c>
      <c r="AJ40522">
        <v>14</v>
      </c>
      <c r="AK40522">
        <v>15</v>
      </c>
      <c r="AL40522">
        <v>15</v>
      </c>
      <c r="AM40522">
        <v>15</v>
      </c>
      <c r="AN40522">
        <v>15</v>
      </c>
      <c r="AO40522">
        <v>15</v>
      </c>
      <c r="AP40522">
        <v>15</v>
      </c>
      <c r="AQ40522">
        <v>15</v>
      </c>
    </row>
    <row r="40523" spans="1:43">
      <c r="A40523" t="s">
        <v>25051</v>
      </c>
      <c r="B40523" t="s">
        <v>25052</v>
      </c>
      <c r="C40523" t="s">
        <v>15315</v>
      </c>
      <c r="D40523" t="s">
        <v>15316</v>
      </c>
      <c r="E40523" t="s">
        <v>15241</v>
      </c>
      <c r="F40523" t="s">
        <v>15242</v>
      </c>
      <c r="G40523" t="s">
        <v>10734</v>
      </c>
      <c r="H40523" t="s">
        <v>10735</v>
      </c>
      <c r="I40523" s="2">
        <v>1</v>
      </c>
      <c r="J40523" s="2">
        <v>0</v>
      </c>
      <c r="K40523" s="2">
        <v>0</v>
      </c>
      <c r="L40523" t="s">
        <v>120</v>
      </c>
      <c r="M40523" t="s">
        <v>87</v>
      </c>
      <c r="N40523" t="s">
        <v>88</v>
      </c>
      <c r="O40523" t="s">
        <v>85</v>
      </c>
      <c r="P40523" t="s">
        <v>86</v>
      </c>
      <c r="Q40523">
        <v>12</v>
      </c>
      <c r="R40523">
        <v>12</v>
      </c>
      <c r="S40523">
        <v>12</v>
      </c>
      <c r="T40523">
        <v>12</v>
      </c>
      <c r="U40523">
        <v>12</v>
      </c>
      <c r="V40523">
        <v>12</v>
      </c>
      <c r="W40523">
        <v>12</v>
      </c>
      <c r="X40523">
        <v>12</v>
      </c>
      <c r="Y40523">
        <v>12</v>
      </c>
      <c r="Z40523">
        <v>12</v>
      </c>
      <c r="AA40523">
        <v>12</v>
      </c>
      <c r="AB40523">
        <v>12</v>
      </c>
      <c r="AC40523">
        <v>12</v>
      </c>
      <c r="AD40523">
        <v>12</v>
      </c>
      <c r="AE40523">
        <v>12</v>
      </c>
      <c r="AF40523">
        <v>12</v>
      </c>
      <c r="AG40523">
        <v>12</v>
      </c>
      <c r="AH40523">
        <v>12</v>
      </c>
      <c r="AI40523">
        <v>12</v>
      </c>
      <c r="AJ40523">
        <v>12</v>
      </c>
      <c r="AK40523">
        <v>13</v>
      </c>
      <c r="AL40523">
        <v>13</v>
      </c>
      <c r="AM40523">
        <v>13</v>
      </c>
      <c r="AN40523">
        <v>13</v>
      </c>
      <c r="AO40523">
        <v>13</v>
      </c>
      <c r="AP40523">
        <v>13</v>
      </c>
      <c r="AQ40523">
        <v>13</v>
      </c>
    </row>
    <row r="40524" spans="1:43">
      <c r="A40524" t="s">
        <v>25051</v>
      </c>
      <c r="B40524" t="s">
        <v>25052</v>
      </c>
      <c r="C40524" t="s">
        <v>15315</v>
      </c>
      <c r="D40524" t="s">
        <v>15316</v>
      </c>
      <c r="E40524" t="s">
        <v>15241</v>
      </c>
      <c r="F40524" t="s">
        <v>15242</v>
      </c>
      <c r="G40524" t="s">
        <v>10734</v>
      </c>
      <c r="H40524" t="s">
        <v>10735</v>
      </c>
      <c r="I40524" s="2">
        <v>1</v>
      </c>
      <c r="J40524" s="2">
        <v>0</v>
      </c>
      <c r="K40524" s="2">
        <v>0</v>
      </c>
      <c r="L40524" t="s">
        <v>120</v>
      </c>
      <c r="M40524" t="s">
        <v>89</v>
      </c>
      <c r="N40524" t="s">
        <v>90</v>
      </c>
      <c r="O40524" t="s">
        <v>85</v>
      </c>
      <c r="P40524" t="s">
        <v>86</v>
      </c>
      <c r="Q40524">
        <v>12</v>
      </c>
      <c r="R40524">
        <v>12</v>
      </c>
      <c r="S40524">
        <v>12</v>
      </c>
      <c r="T40524">
        <v>13</v>
      </c>
      <c r="U40524">
        <v>13</v>
      </c>
      <c r="V40524">
        <v>13</v>
      </c>
      <c r="W40524">
        <v>13</v>
      </c>
      <c r="X40524">
        <v>13</v>
      </c>
      <c r="Y40524">
        <v>14</v>
      </c>
      <c r="Z40524">
        <v>14</v>
      </c>
      <c r="AA40524">
        <v>14</v>
      </c>
      <c r="AB40524">
        <v>14</v>
      </c>
      <c r="AC40524">
        <v>14</v>
      </c>
      <c r="AD40524">
        <v>15</v>
      </c>
      <c r="AE40524">
        <v>15</v>
      </c>
      <c r="AF40524">
        <v>15</v>
      </c>
      <c r="AG40524">
        <v>15</v>
      </c>
      <c r="AH40524">
        <v>15</v>
      </c>
      <c r="AI40524">
        <v>15</v>
      </c>
      <c r="AJ40524">
        <v>15</v>
      </c>
      <c r="AK40524">
        <v>15</v>
      </c>
      <c r="AL40524">
        <v>15</v>
      </c>
      <c r="AM40524">
        <v>15</v>
      </c>
      <c r="AN40524">
        <v>15</v>
      </c>
      <c r="AO40524">
        <v>15</v>
      </c>
      <c r="AP40524">
        <v>15</v>
      </c>
      <c r="AQ40524">
        <v>15</v>
      </c>
    </row>
    <row r="40525" spans="1:43">
      <c r="A40525" t="s">
        <v>25051</v>
      </c>
      <c r="B40525" t="s">
        <v>25052</v>
      </c>
      <c r="C40525" t="s">
        <v>15315</v>
      </c>
      <c r="D40525" t="s">
        <v>15316</v>
      </c>
      <c r="E40525" t="s">
        <v>15241</v>
      </c>
      <c r="F40525" t="s">
        <v>15242</v>
      </c>
      <c r="G40525" t="s">
        <v>10734</v>
      </c>
      <c r="H40525" t="s">
        <v>10735</v>
      </c>
      <c r="I40525" s="2">
        <v>1</v>
      </c>
      <c r="J40525" s="2">
        <v>0</v>
      </c>
      <c r="K40525" s="2">
        <v>0</v>
      </c>
      <c r="L40525" t="s">
        <v>120</v>
      </c>
      <c r="M40525" t="s">
        <v>83</v>
      </c>
      <c r="N40525" t="s">
        <v>91</v>
      </c>
      <c r="O40525" t="s">
        <v>85</v>
      </c>
      <c r="P40525" t="s">
        <v>86</v>
      </c>
      <c r="Q40525">
        <v>12</v>
      </c>
      <c r="R40525">
        <v>12</v>
      </c>
      <c r="S40525">
        <v>12</v>
      </c>
      <c r="T40525">
        <v>12</v>
      </c>
      <c r="U40525">
        <v>12</v>
      </c>
      <c r="V40525">
        <v>13</v>
      </c>
      <c r="W40525">
        <v>13</v>
      </c>
      <c r="X40525">
        <v>13</v>
      </c>
      <c r="Y40525">
        <v>13</v>
      </c>
      <c r="Z40525">
        <v>13</v>
      </c>
      <c r="AA40525">
        <v>13</v>
      </c>
      <c r="AB40525">
        <v>13</v>
      </c>
      <c r="AC40525">
        <v>14</v>
      </c>
      <c r="AD40525">
        <v>14</v>
      </c>
      <c r="AE40525">
        <v>14</v>
      </c>
      <c r="AF40525">
        <v>14</v>
      </c>
      <c r="AG40525">
        <v>14</v>
      </c>
      <c r="AH40525">
        <v>14</v>
      </c>
      <c r="AI40525">
        <v>14</v>
      </c>
      <c r="AJ40525">
        <v>14</v>
      </c>
      <c r="AK40525">
        <v>15</v>
      </c>
      <c r="AL40525">
        <v>15</v>
      </c>
      <c r="AM40525">
        <v>15</v>
      </c>
      <c r="AN40525">
        <v>15</v>
      </c>
      <c r="AO40525">
        <v>15</v>
      </c>
      <c r="AP40525">
        <v>15</v>
      </c>
      <c r="AQ40525">
        <v>15</v>
      </c>
    </row>
    <row r="40526" spans="1:43">
      <c r="A40526" t="s">
        <v>25053</v>
      </c>
      <c r="B40526" t="s">
        <v>25054</v>
      </c>
      <c r="C40526" t="s">
        <v>3174</v>
      </c>
      <c r="D40526" t="s">
        <v>3175</v>
      </c>
      <c r="E40526" t="s">
        <v>2928</v>
      </c>
      <c r="F40526" t="s">
        <v>2929</v>
      </c>
      <c r="G40526" t="s">
        <v>80</v>
      </c>
      <c r="H40526" t="s">
        <v>81</v>
      </c>
      <c r="I40526" s="2">
        <v>1</v>
      </c>
      <c r="J40526" s="2">
        <v>0</v>
      </c>
      <c r="K40526" s="2">
        <v>0</v>
      </c>
      <c r="L40526" t="s">
        <v>120</v>
      </c>
      <c r="M40526" t="s">
        <v>83</v>
      </c>
      <c r="N40526" t="s">
        <v>84</v>
      </c>
      <c r="O40526" t="s">
        <v>85</v>
      </c>
      <c r="P40526" t="s">
        <v>86</v>
      </c>
      <c r="Q40526">
        <v>12</v>
      </c>
      <c r="R40526">
        <v>12</v>
      </c>
      <c r="S40526">
        <v>12</v>
      </c>
      <c r="T40526">
        <v>12</v>
      </c>
      <c r="U40526">
        <v>12</v>
      </c>
      <c r="V40526">
        <v>12</v>
      </c>
      <c r="W40526">
        <v>12</v>
      </c>
      <c r="X40526">
        <v>12</v>
      </c>
      <c r="Y40526">
        <v>12</v>
      </c>
      <c r="Z40526">
        <v>12</v>
      </c>
      <c r="AA40526">
        <v>12</v>
      </c>
      <c r="AB40526">
        <v>12</v>
      </c>
      <c r="AC40526">
        <v>13</v>
      </c>
      <c r="AD40526">
        <v>13</v>
      </c>
      <c r="AE40526">
        <v>13</v>
      </c>
      <c r="AF40526">
        <v>13</v>
      </c>
      <c r="AG40526">
        <v>13</v>
      </c>
      <c r="AH40526">
        <v>13</v>
      </c>
      <c r="AI40526">
        <v>13</v>
      </c>
      <c r="AJ40526">
        <v>13</v>
      </c>
      <c r="AK40526">
        <v>13</v>
      </c>
      <c r="AL40526">
        <v>13</v>
      </c>
      <c r="AM40526">
        <v>13</v>
      </c>
      <c r="AN40526">
        <v>13</v>
      </c>
      <c r="AO40526">
        <v>13</v>
      </c>
      <c r="AP40526">
        <v>13</v>
      </c>
      <c r="AQ40526">
        <v>13</v>
      </c>
    </row>
    <row r="40527" spans="1:43">
      <c r="A40527" t="s">
        <v>25053</v>
      </c>
      <c r="B40527" t="s">
        <v>25054</v>
      </c>
      <c r="C40527" t="s">
        <v>3174</v>
      </c>
      <c r="D40527" t="s">
        <v>3175</v>
      </c>
      <c r="E40527" t="s">
        <v>2928</v>
      </c>
      <c r="F40527" t="s">
        <v>2929</v>
      </c>
      <c r="G40527" t="s">
        <v>80</v>
      </c>
      <c r="H40527" t="s">
        <v>81</v>
      </c>
      <c r="I40527" s="2">
        <v>1</v>
      </c>
      <c r="J40527" s="2">
        <v>0</v>
      </c>
      <c r="K40527" s="2">
        <v>0</v>
      </c>
      <c r="L40527" t="s">
        <v>120</v>
      </c>
      <c r="M40527" t="s">
        <v>87</v>
      </c>
      <c r="N40527" t="s">
        <v>88</v>
      </c>
      <c r="O40527" t="s">
        <v>85</v>
      </c>
      <c r="P40527" t="s">
        <v>86</v>
      </c>
      <c r="Q40527">
        <v>12</v>
      </c>
      <c r="R40527">
        <v>12</v>
      </c>
      <c r="S40527">
        <v>12</v>
      </c>
      <c r="T40527">
        <v>12</v>
      </c>
      <c r="U40527">
        <v>12</v>
      </c>
      <c r="V40527">
        <v>12</v>
      </c>
      <c r="W40527">
        <v>11</v>
      </c>
      <c r="X40527">
        <v>11</v>
      </c>
      <c r="Y40527">
        <v>11</v>
      </c>
      <c r="Z40527">
        <v>11</v>
      </c>
      <c r="AA40527">
        <v>11</v>
      </c>
      <c r="AB40527">
        <v>11</v>
      </c>
      <c r="AC40527">
        <v>11</v>
      </c>
      <c r="AD40527">
        <v>11</v>
      </c>
      <c r="AE40527">
        <v>11</v>
      </c>
      <c r="AF40527">
        <v>11</v>
      </c>
      <c r="AG40527">
        <v>11</v>
      </c>
      <c r="AH40527">
        <v>11</v>
      </c>
      <c r="AI40527">
        <v>11</v>
      </c>
      <c r="AJ40527">
        <v>11</v>
      </c>
      <c r="AK40527">
        <v>11</v>
      </c>
      <c r="AL40527">
        <v>11</v>
      </c>
      <c r="AM40527">
        <v>11</v>
      </c>
      <c r="AN40527">
        <v>11</v>
      </c>
      <c r="AO40527">
        <v>11</v>
      </c>
      <c r="AP40527">
        <v>11</v>
      </c>
      <c r="AQ40527">
        <v>11</v>
      </c>
    </row>
    <row r="40528" spans="1:43">
      <c r="A40528" t="s">
        <v>25053</v>
      </c>
      <c r="B40528" t="s">
        <v>25054</v>
      </c>
      <c r="C40528" t="s">
        <v>3174</v>
      </c>
      <c r="D40528" t="s">
        <v>3175</v>
      </c>
      <c r="E40528" t="s">
        <v>2928</v>
      </c>
      <c r="F40528" t="s">
        <v>2929</v>
      </c>
      <c r="G40528" t="s">
        <v>80</v>
      </c>
      <c r="H40528" t="s">
        <v>81</v>
      </c>
      <c r="I40528" s="2">
        <v>1</v>
      </c>
      <c r="J40528" s="2">
        <v>0</v>
      </c>
      <c r="K40528" s="2">
        <v>0</v>
      </c>
      <c r="L40528" t="s">
        <v>120</v>
      </c>
      <c r="M40528" t="s">
        <v>89</v>
      </c>
      <c r="N40528" t="s">
        <v>90</v>
      </c>
      <c r="O40528" t="s">
        <v>85</v>
      </c>
      <c r="P40528" t="s">
        <v>86</v>
      </c>
      <c r="Q40528">
        <v>12</v>
      </c>
      <c r="R40528">
        <v>12</v>
      </c>
      <c r="S40528">
        <v>12</v>
      </c>
      <c r="T40528">
        <v>12</v>
      </c>
      <c r="U40528">
        <v>13</v>
      </c>
      <c r="V40528">
        <v>13</v>
      </c>
      <c r="W40528">
        <v>13</v>
      </c>
      <c r="X40528">
        <v>13</v>
      </c>
      <c r="Y40528">
        <v>13</v>
      </c>
      <c r="Z40528">
        <v>13</v>
      </c>
      <c r="AA40528">
        <v>13</v>
      </c>
      <c r="AB40528">
        <v>13</v>
      </c>
      <c r="AC40528">
        <v>13</v>
      </c>
      <c r="AD40528">
        <v>13</v>
      </c>
      <c r="AE40528">
        <v>14</v>
      </c>
      <c r="AF40528">
        <v>13</v>
      </c>
      <c r="AG40528">
        <v>13</v>
      </c>
      <c r="AH40528">
        <v>13</v>
      </c>
      <c r="AI40528">
        <v>13</v>
      </c>
      <c r="AJ40528">
        <v>13</v>
      </c>
      <c r="AK40528">
        <v>13</v>
      </c>
      <c r="AL40528">
        <v>13</v>
      </c>
      <c r="AM40528">
        <v>13</v>
      </c>
      <c r="AN40528">
        <v>13</v>
      </c>
      <c r="AO40528">
        <v>13</v>
      </c>
      <c r="AP40528">
        <v>13</v>
      </c>
      <c r="AQ40528">
        <v>13</v>
      </c>
    </row>
    <row r="40529" spans="1:43">
      <c r="A40529" t="s">
        <v>25053</v>
      </c>
      <c r="B40529" t="s">
        <v>25054</v>
      </c>
      <c r="C40529" t="s">
        <v>3174</v>
      </c>
      <c r="D40529" t="s">
        <v>3175</v>
      </c>
      <c r="E40529" t="s">
        <v>2928</v>
      </c>
      <c r="F40529" t="s">
        <v>2929</v>
      </c>
      <c r="G40529" t="s">
        <v>80</v>
      </c>
      <c r="H40529" t="s">
        <v>81</v>
      </c>
      <c r="I40529" s="2">
        <v>1</v>
      </c>
      <c r="J40529" s="2">
        <v>0</v>
      </c>
      <c r="K40529" s="2">
        <v>0</v>
      </c>
      <c r="L40529" t="s">
        <v>120</v>
      </c>
      <c r="M40529" t="s">
        <v>83</v>
      </c>
      <c r="N40529" t="s">
        <v>91</v>
      </c>
      <c r="O40529" t="s">
        <v>85</v>
      </c>
      <c r="P40529" t="s">
        <v>86</v>
      </c>
      <c r="Q40529">
        <v>12</v>
      </c>
      <c r="R40529">
        <v>12</v>
      </c>
      <c r="S40529">
        <v>12</v>
      </c>
      <c r="T40529">
        <v>12</v>
      </c>
      <c r="U40529">
        <v>12</v>
      </c>
      <c r="V40529">
        <v>12</v>
      </c>
      <c r="W40529">
        <v>12</v>
      </c>
      <c r="X40529">
        <v>12</v>
      </c>
      <c r="Y40529">
        <v>12</v>
      </c>
      <c r="Z40529">
        <v>12</v>
      </c>
      <c r="AA40529">
        <v>12</v>
      </c>
      <c r="AB40529">
        <v>12</v>
      </c>
      <c r="AC40529">
        <v>13</v>
      </c>
      <c r="AD40529">
        <v>13</v>
      </c>
      <c r="AE40529">
        <v>13</v>
      </c>
      <c r="AF40529">
        <v>13</v>
      </c>
      <c r="AG40529">
        <v>13</v>
      </c>
      <c r="AH40529">
        <v>13</v>
      </c>
      <c r="AI40529">
        <v>13</v>
      </c>
      <c r="AJ40529">
        <v>13</v>
      </c>
      <c r="AK40529">
        <v>13</v>
      </c>
      <c r="AL40529">
        <v>13</v>
      </c>
      <c r="AM40529">
        <v>13</v>
      </c>
      <c r="AN40529">
        <v>13</v>
      </c>
      <c r="AO40529">
        <v>13</v>
      </c>
      <c r="AP40529">
        <v>13</v>
      </c>
      <c r="AQ40529">
        <v>13</v>
      </c>
    </row>
    <row r="40530" spans="1:43">
      <c r="A40530" t="s">
        <v>25055</v>
      </c>
      <c r="B40530" t="s">
        <v>25056</v>
      </c>
      <c r="C40530" t="s">
        <v>3078</v>
      </c>
      <c r="D40530" t="s">
        <v>3079</v>
      </c>
      <c r="E40530" t="s">
        <v>2928</v>
      </c>
      <c r="F40530" t="s">
        <v>2929</v>
      </c>
      <c r="G40530" t="s">
        <v>80</v>
      </c>
      <c r="H40530" t="s">
        <v>81</v>
      </c>
      <c r="I40530" s="2">
        <v>1</v>
      </c>
      <c r="J40530" s="2">
        <v>0</v>
      </c>
      <c r="K40530" s="2">
        <v>0</v>
      </c>
      <c r="L40530" t="s">
        <v>120</v>
      </c>
      <c r="M40530" t="s">
        <v>83</v>
      </c>
      <c r="N40530" t="s">
        <v>84</v>
      </c>
      <c r="O40530" t="s">
        <v>85</v>
      </c>
      <c r="P40530" t="s">
        <v>86</v>
      </c>
      <c r="Q40530">
        <v>33</v>
      </c>
      <c r="R40530">
        <v>34</v>
      </c>
      <c r="S40530">
        <v>34</v>
      </c>
      <c r="T40530">
        <v>34</v>
      </c>
      <c r="U40530">
        <v>34</v>
      </c>
      <c r="V40530">
        <v>34</v>
      </c>
      <c r="W40530">
        <v>34</v>
      </c>
      <c r="X40530">
        <v>34</v>
      </c>
      <c r="Y40530">
        <v>34</v>
      </c>
      <c r="Z40530">
        <v>35</v>
      </c>
      <c r="AA40530">
        <v>35</v>
      </c>
      <c r="AB40530">
        <v>35</v>
      </c>
      <c r="AC40530">
        <v>35</v>
      </c>
      <c r="AD40530">
        <v>35</v>
      </c>
      <c r="AE40530">
        <v>35</v>
      </c>
      <c r="AF40530">
        <v>35</v>
      </c>
      <c r="AG40530">
        <v>35</v>
      </c>
      <c r="AH40530">
        <v>35</v>
      </c>
      <c r="AI40530">
        <v>35</v>
      </c>
      <c r="AJ40530">
        <v>35</v>
      </c>
      <c r="AK40530">
        <v>35</v>
      </c>
      <c r="AL40530">
        <v>35</v>
      </c>
      <c r="AM40530">
        <v>35</v>
      </c>
      <c r="AN40530">
        <v>35</v>
      </c>
      <c r="AO40530">
        <v>34</v>
      </c>
      <c r="AP40530">
        <v>34</v>
      </c>
      <c r="AQ40530">
        <v>34</v>
      </c>
    </row>
    <row r="40531" spans="1:43">
      <c r="A40531" t="s">
        <v>25055</v>
      </c>
      <c r="B40531" t="s">
        <v>25056</v>
      </c>
      <c r="C40531" t="s">
        <v>3078</v>
      </c>
      <c r="D40531" t="s">
        <v>3079</v>
      </c>
      <c r="E40531" t="s">
        <v>2928</v>
      </c>
      <c r="F40531" t="s">
        <v>2929</v>
      </c>
      <c r="G40531" t="s">
        <v>80</v>
      </c>
      <c r="H40531" t="s">
        <v>81</v>
      </c>
      <c r="I40531" s="2">
        <v>1</v>
      </c>
      <c r="J40531" s="2">
        <v>0</v>
      </c>
      <c r="K40531" s="2">
        <v>0</v>
      </c>
      <c r="L40531" t="s">
        <v>120</v>
      </c>
      <c r="M40531" t="s">
        <v>87</v>
      </c>
      <c r="N40531" t="s">
        <v>88</v>
      </c>
      <c r="O40531" t="s">
        <v>85</v>
      </c>
      <c r="P40531" t="s">
        <v>86</v>
      </c>
      <c r="Q40531">
        <v>33</v>
      </c>
      <c r="R40531">
        <v>33</v>
      </c>
      <c r="S40531">
        <v>33</v>
      </c>
      <c r="T40531">
        <v>33</v>
      </c>
      <c r="U40531">
        <v>33</v>
      </c>
      <c r="V40531">
        <v>32</v>
      </c>
      <c r="W40531">
        <v>32</v>
      </c>
      <c r="X40531">
        <v>32</v>
      </c>
      <c r="Y40531">
        <v>32</v>
      </c>
      <c r="Z40531">
        <v>32</v>
      </c>
      <c r="AA40531">
        <v>32</v>
      </c>
      <c r="AB40531">
        <v>31</v>
      </c>
      <c r="AC40531">
        <v>31</v>
      </c>
      <c r="AD40531">
        <v>31</v>
      </c>
      <c r="AE40531">
        <v>31</v>
      </c>
      <c r="AF40531">
        <v>31</v>
      </c>
      <c r="AG40531">
        <v>31</v>
      </c>
      <c r="AH40531">
        <v>31</v>
      </c>
      <c r="AI40531">
        <v>31</v>
      </c>
      <c r="AJ40531">
        <v>30</v>
      </c>
      <c r="AK40531">
        <v>30</v>
      </c>
      <c r="AL40531">
        <v>30</v>
      </c>
      <c r="AM40531">
        <v>30</v>
      </c>
      <c r="AN40531">
        <v>30</v>
      </c>
      <c r="AO40531">
        <v>30</v>
      </c>
      <c r="AP40531">
        <v>30</v>
      </c>
      <c r="AQ40531">
        <v>29</v>
      </c>
    </row>
    <row r="40532" spans="1:43">
      <c r="A40532" t="s">
        <v>25055</v>
      </c>
      <c r="B40532" t="s">
        <v>25056</v>
      </c>
      <c r="C40532" t="s">
        <v>3078</v>
      </c>
      <c r="D40532" t="s">
        <v>3079</v>
      </c>
      <c r="E40532" t="s">
        <v>2928</v>
      </c>
      <c r="F40532" t="s">
        <v>2929</v>
      </c>
      <c r="G40532" t="s">
        <v>80</v>
      </c>
      <c r="H40532" t="s">
        <v>81</v>
      </c>
      <c r="I40532" s="2">
        <v>1</v>
      </c>
      <c r="J40532" s="2">
        <v>0</v>
      </c>
      <c r="K40532" s="2">
        <v>0</v>
      </c>
      <c r="L40532" t="s">
        <v>120</v>
      </c>
      <c r="M40532" t="s">
        <v>89</v>
      </c>
      <c r="N40532" t="s">
        <v>90</v>
      </c>
      <c r="O40532" t="s">
        <v>85</v>
      </c>
      <c r="P40532" t="s">
        <v>86</v>
      </c>
      <c r="Q40532">
        <v>33</v>
      </c>
      <c r="R40532">
        <v>33</v>
      </c>
      <c r="S40532">
        <v>34</v>
      </c>
      <c r="T40532">
        <v>34</v>
      </c>
      <c r="U40532">
        <v>34</v>
      </c>
      <c r="V40532">
        <v>35</v>
      </c>
      <c r="W40532">
        <v>35</v>
      </c>
      <c r="X40532">
        <v>35</v>
      </c>
      <c r="Y40532">
        <v>35</v>
      </c>
      <c r="Z40532">
        <v>36</v>
      </c>
      <c r="AA40532">
        <v>36</v>
      </c>
      <c r="AB40532">
        <v>36</v>
      </c>
      <c r="AC40532">
        <v>36</v>
      </c>
      <c r="AD40532">
        <v>36</v>
      </c>
      <c r="AE40532">
        <v>36</v>
      </c>
      <c r="AF40532">
        <v>36</v>
      </c>
      <c r="AG40532">
        <v>36</v>
      </c>
      <c r="AH40532">
        <v>36</v>
      </c>
      <c r="AI40532">
        <v>35</v>
      </c>
      <c r="AJ40532">
        <v>35</v>
      </c>
      <c r="AK40532">
        <v>35</v>
      </c>
      <c r="AL40532">
        <v>34</v>
      </c>
      <c r="AM40532">
        <v>34</v>
      </c>
      <c r="AN40532">
        <v>34</v>
      </c>
      <c r="AO40532">
        <v>34</v>
      </c>
      <c r="AP40532">
        <v>33</v>
      </c>
      <c r="AQ40532">
        <v>33</v>
      </c>
    </row>
    <row r="40533" spans="1:43">
      <c r="A40533" t="s">
        <v>25055</v>
      </c>
      <c r="B40533" t="s">
        <v>25056</v>
      </c>
      <c r="C40533" t="s">
        <v>3078</v>
      </c>
      <c r="D40533" t="s">
        <v>3079</v>
      </c>
      <c r="E40533" t="s">
        <v>2928</v>
      </c>
      <c r="F40533" t="s">
        <v>2929</v>
      </c>
      <c r="G40533" t="s">
        <v>80</v>
      </c>
      <c r="H40533" t="s">
        <v>81</v>
      </c>
      <c r="I40533" s="2">
        <v>1</v>
      </c>
      <c r="J40533" s="2">
        <v>0</v>
      </c>
      <c r="K40533" s="2">
        <v>0</v>
      </c>
      <c r="L40533" t="s">
        <v>120</v>
      </c>
      <c r="M40533" t="s">
        <v>83</v>
      </c>
      <c r="N40533" t="s">
        <v>91</v>
      </c>
      <c r="O40533" t="s">
        <v>85</v>
      </c>
      <c r="P40533" t="s">
        <v>86</v>
      </c>
      <c r="Q40533">
        <v>33</v>
      </c>
      <c r="R40533">
        <v>34</v>
      </c>
      <c r="S40533">
        <v>34</v>
      </c>
      <c r="T40533">
        <v>34</v>
      </c>
      <c r="U40533">
        <v>34</v>
      </c>
      <c r="V40533">
        <v>34</v>
      </c>
      <c r="W40533">
        <v>34</v>
      </c>
      <c r="X40533">
        <v>34</v>
      </c>
      <c r="Y40533">
        <v>34</v>
      </c>
      <c r="Z40533">
        <v>35</v>
      </c>
      <c r="AA40533">
        <v>35</v>
      </c>
      <c r="AB40533">
        <v>35</v>
      </c>
      <c r="AC40533">
        <v>35</v>
      </c>
      <c r="AD40533">
        <v>35</v>
      </c>
      <c r="AE40533">
        <v>35</v>
      </c>
      <c r="AF40533">
        <v>35</v>
      </c>
      <c r="AG40533">
        <v>35</v>
      </c>
      <c r="AH40533">
        <v>35</v>
      </c>
      <c r="AI40533">
        <v>35</v>
      </c>
      <c r="AJ40533">
        <v>35</v>
      </c>
      <c r="AK40533">
        <v>35</v>
      </c>
      <c r="AL40533">
        <v>35</v>
      </c>
      <c r="AM40533">
        <v>35</v>
      </c>
      <c r="AN40533">
        <v>35</v>
      </c>
      <c r="AO40533">
        <v>34</v>
      </c>
      <c r="AP40533">
        <v>34</v>
      </c>
      <c r="AQ40533">
        <v>34</v>
      </c>
    </row>
    <row r="40534" spans="1:43">
      <c r="A40534" t="s">
        <v>25057</v>
      </c>
      <c r="B40534" t="s">
        <v>25058</v>
      </c>
      <c r="C40534" t="s">
        <v>3078</v>
      </c>
      <c r="D40534" t="s">
        <v>3079</v>
      </c>
      <c r="E40534" t="s">
        <v>2928</v>
      </c>
      <c r="F40534" t="s">
        <v>2929</v>
      </c>
      <c r="G40534" t="s">
        <v>80</v>
      </c>
      <c r="H40534" t="s">
        <v>81</v>
      </c>
      <c r="I40534" s="2">
        <v>1</v>
      </c>
      <c r="J40534" s="2">
        <v>0</v>
      </c>
      <c r="K40534" s="2">
        <v>0</v>
      </c>
      <c r="L40534" t="s">
        <v>120</v>
      </c>
      <c r="M40534" t="s">
        <v>83</v>
      </c>
      <c r="N40534" t="s">
        <v>84</v>
      </c>
      <c r="O40534" t="s">
        <v>85</v>
      </c>
      <c r="P40534" t="s">
        <v>86</v>
      </c>
      <c r="Q40534">
        <v>15</v>
      </c>
      <c r="R40534">
        <v>15</v>
      </c>
      <c r="S40534">
        <v>15</v>
      </c>
      <c r="T40534">
        <v>15</v>
      </c>
      <c r="U40534">
        <v>15</v>
      </c>
      <c r="V40534">
        <v>15</v>
      </c>
      <c r="W40534">
        <v>15</v>
      </c>
      <c r="X40534">
        <v>15</v>
      </c>
      <c r="Y40534">
        <v>15</v>
      </c>
      <c r="Z40534">
        <v>15</v>
      </c>
      <c r="AA40534">
        <v>16</v>
      </c>
      <c r="AB40534">
        <v>16</v>
      </c>
      <c r="AC40534">
        <v>16</v>
      </c>
      <c r="AD40534">
        <v>16</v>
      </c>
      <c r="AE40534">
        <v>16</v>
      </c>
      <c r="AF40534">
        <v>16</v>
      </c>
      <c r="AG40534">
        <v>16</v>
      </c>
      <c r="AH40534">
        <v>16</v>
      </c>
      <c r="AI40534">
        <v>16</v>
      </c>
      <c r="AJ40534">
        <v>16</v>
      </c>
      <c r="AK40534">
        <v>16</v>
      </c>
      <c r="AL40534">
        <v>16</v>
      </c>
      <c r="AM40534">
        <v>16</v>
      </c>
      <c r="AN40534">
        <v>15</v>
      </c>
      <c r="AO40534">
        <v>15</v>
      </c>
      <c r="AP40534">
        <v>15</v>
      </c>
      <c r="AQ40534">
        <v>15</v>
      </c>
    </row>
    <row r="40535" spans="1:43">
      <c r="A40535" t="s">
        <v>25057</v>
      </c>
      <c r="B40535" t="s">
        <v>25058</v>
      </c>
      <c r="C40535" t="s">
        <v>3078</v>
      </c>
      <c r="D40535" t="s">
        <v>3079</v>
      </c>
      <c r="E40535" t="s">
        <v>2928</v>
      </c>
      <c r="F40535" t="s">
        <v>2929</v>
      </c>
      <c r="G40535" t="s">
        <v>80</v>
      </c>
      <c r="H40535" t="s">
        <v>81</v>
      </c>
      <c r="I40535" s="2">
        <v>1</v>
      </c>
      <c r="J40535" s="2">
        <v>0</v>
      </c>
      <c r="K40535" s="2">
        <v>0</v>
      </c>
      <c r="L40535" t="s">
        <v>120</v>
      </c>
      <c r="M40535" t="s">
        <v>87</v>
      </c>
      <c r="N40535" t="s">
        <v>88</v>
      </c>
      <c r="O40535" t="s">
        <v>85</v>
      </c>
      <c r="P40535" t="s">
        <v>86</v>
      </c>
      <c r="Q40535">
        <v>15</v>
      </c>
      <c r="R40535">
        <v>15</v>
      </c>
      <c r="S40535">
        <v>15</v>
      </c>
      <c r="T40535">
        <v>15</v>
      </c>
      <c r="U40535">
        <v>15</v>
      </c>
      <c r="V40535">
        <v>14</v>
      </c>
      <c r="W40535">
        <v>14</v>
      </c>
      <c r="X40535">
        <v>14</v>
      </c>
      <c r="Y40535">
        <v>14</v>
      </c>
      <c r="Z40535">
        <v>14</v>
      </c>
      <c r="AA40535">
        <v>14</v>
      </c>
      <c r="AB40535">
        <v>14</v>
      </c>
      <c r="AC40535">
        <v>14</v>
      </c>
      <c r="AD40535">
        <v>14</v>
      </c>
      <c r="AE40535">
        <v>14</v>
      </c>
      <c r="AF40535">
        <v>14</v>
      </c>
      <c r="AG40535">
        <v>14</v>
      </c>
      <c r="AH40535">
        <v>14</v>
      </c>
      <c r="AI40535">
        <v>14</v>
      </c>
      <c r="AJ40535">
        <v>14</v>
      </c>
      <c r="AK40535">
        <v>14</v>
      </c>
      <c r="AL40535">
        <v>13</v>
      </c>
      <c r="AM40535">
        <v>13</v>
      </c>
      <c r="AN40535">
        <v>13</v>
      </c>
      <c r="AO40535">
        <v>13</v>
      </c>
      <c r="AP40535">
        <v>13</v>
      </c>
      <c r="AQ40535">
        <v>13</v>
      </c>
    </row>
    <row r="40536" spans="1:43">
      <c r="A40536" t="s">
        <v>25057</v>
      </c>
      <c r="B40536" t="s">
        <v>25058</v>
      </c>
      <c r="C40536" t="s">
        <v>3078</v>
      </c>
      <c r="D40536" t="s">
        <v>3079</v>
      </c>
      <c r="E40536" t="s">
        <v>2928</v>
      </c>
      <c r="F40536" t="s">
        <v>2929</v>
      </c>
      <c r="G40536" t="s">
        <v>80</v>
      </c>
      <c r="H40536" t="s">
        <v>81</v>
      </c>
      <c r="I40536" s="2">
        <v>1</v>
      </c>
      <c r="J40536" s="2">
        <v>0</v>
      </c>
      <c r="K40536" s="2">
        <v>0</v>
      </c>
      <c r="L40536" t="s">
        <v>120</v>
      </c>
      <c r="M40536" t="s">
        <v>89</v>
      </c>
      <c r="N40536" t="s">
        <v>90</v>
      </c>
      <c r="O40536" t="s">
        <v>85</v>
      </c>
      <c r="P40536" t="s">
        <v>86</v>
      </c>
      <c r="Q40536">
        <v>15</v>
      </c>
      <c r="R40536">
        <v>15</v>
      </c>
      <c r="S40536">
        <v>15</v>
      </c>
      <c r="T40536">
        <v>16</v>
      </c>
      <c r="U40536">
        <v>16</v>
      </c>
      <c r="V40536">
        <v>16</v>
      </c>
      <c r="W40536">
        <v>16</v>
      </c>
      <c r="X40536">
        <v>16</v>
      </c>
      <c r="Y40536">
        <v>16</v>
      </c>
      <c r="Z40536">
        <v>16</v>
      </c>
      <c r="AA40536">
        <v>16</v>
      </c>
      <c r="AB40536">
        <v>17</v>
      </c>
      <c r="AC40536">
        <v>17</v>
      </c>
      <c r="AD40536">
        <v>17</v>
      </c>
      <c r="AE40536">
        <v>17</v>
      </c>
      <c r="AF40536">
        <v>17</v>
      </c>
      <c r="AG40536">
        <v>16</v>
      </c>
      <c r="AH40536">
        <v>16</v>
      </c>
      <c r="AI40536">
        <v>16</v>
      </c>
      <c r="AJ40536">
        <v>16</v>
      </c>
      <c r="AK40536">
        <v>16</v>
      </c>
      <c r="AL40536">
        <v>16</v>
      </c>
      <c r="AM40536">
        <v>16</v>
      </c>
      <c r="AN40536">
        <v>16</v>
      </c>
      <c r="AO40536">
        <v>16</v>
      </c>
      <c r="AP40536">
        <v>15</v>
      </c>
      <c r="AQ40536">
        <v>15</v>
      </c>
    </row>
    <row r="40537" spans="1:43">
      <c r="A40537" t="s">
        <v>25057</v>
      </c>
      <c r="B40537" t="s">
        <v>25058</v>
      </c>
      <c r="C40537" t="s">
        <v>3078</v>
      </c>
      <c r="D40537" t="s">
        <v>3079</v>
      </c>
      <c r="E40537" t="s">
        <v>2928</v>
      </c>
      <c r="F40537" t="s">
        <v>2929</v>
      </c>
      <c r="G40537" t="s">
        <v>80</v>
      </c>
      <c r="H40537" t="s">
        <v>81</v>
      </c>
      <c r="I40537" s="2">
        <v>1</v>
      </c>
      <c r="J40537" s="2">
        <v>0</v>
      </c>
      <c r="K40537" s="2">
        <v>0</v>
      </c>
      <c r="L40537" t="s">
        <v>120</v>
      </c>
      <c r="M40537" t="s">
        <v>83</v>
      </c>
      <c r="N40537" t="s">
        <v>91</v>
      </c>
      <c r="O40537" t="s">
        <v>85</v>
      </c>
      <c r="P40537" t="s">
        <v>86</v>
      </c>
      <c r="Q40537">
        <v>15</v>
      </c>
      <c r="R40537">
        <v>15</v>
      </c>
      <c r="S40537">
        <v>15</v>
      </c>
      <c r="T40537">
        <v>15</v>
      </c>
      <c r="U40537">
        <v>15</v>
      </c>
      <c r="V40537">
        <v>15</v>
      </c>
      <c r="W40537">
        <v>15</v>
      </c>
      <c r="X40537">
        <v>15</v>
      </c>
      <c r="Y40537">
        <v>15</v>
      </c>
      <c r="Z40537">
        <v>15</v>
      </c>
      <c r="AA40537">
        <v>16</v>
      </c>
      <c r="AB40537">
        <v>16</v>
      </c>
      <c r="AC40537">
        <v>16</v>
      </c>
      <c r="AD40537">
        <v>16</v>
      </c>
      <c r="AE40537">
        <v>16</v>
      </c>
      <c r="AF40537">
        <v>16</v>
      </c>
      <c r="AG40537">
        <v>16</v>
      </c>
      <c r="AH40537">
        <v>16</v>
      </c>
      <c r="AI40537">
        <v>16</v>
      </c>
      <c r="AJ40537">
        <v>16</v>
      </c>
      <c r="AK40537">
        <v>16</v>
      </c>
      <c r="AL40537">
        <v>16</v>
      </c>
      <c r="AM40537">
        <v>16</v>
      </c>
      <c r="AN40537">
        <v>15</v>
      </c>
      <c r="AO40537">
        <v>15</v>
      </c>
      <c r="AP40537">
        <v>15</v>
      </c>
      <c r="AQ40537">
        <v>15</v>
      </c>
    </row>
    <row r="40538" spans="1:43">
      <c r="A40538" t="s">
        <v>25059</v>
      </c>
      <c r="B40538" t="s">
        <v>25060</v>
      </c>
      <c r="C40538" t="s">
        <v>3174</v>
      </c>
      <c r="D40538" t="s">
        <v>3175</v>
      </c>
      <c r="E40538" t="s">
        <v>2928</v>
      </c>
      <c r="F40538" t="s">
        <v>2929</v>
      </c>
      <c r="G40538" t="s">
        <v>80</v>
      </c>
      <c r="H40538" t="s">
        <v>81</v>
      </c>
      <c r="I40538" s="2">
        <v>1</v>
      </c>
      <c r="J40538" s="2">
        <v>0</v>
      </c>
      <c r="K40538" s="2">
        <v>0</v>
      </c>
      <c r="L40538" t="s">
        <v>120</v>
      </c>
      <c r="M40538" t="s">
        <v>83</v>
      </c>
      <c r="N40538" t="s">
        <v>84</v>
      </c>
      <c r="O40538" t="s">
        <v>85</v>
      </c>
      <c r="P40538" t="s">
        <v>86</v>
      </c>
      <c r="Q40538">
        <v>55</v>
      </c>
      <c r="R40538">
        <v>56</v>
      </c>
      <c r="S40538">
        <v>56</v>
      </c>
      <c r="T40538">
        <v>56</v>
      </c>
      <c r="U40538">
        <v>57</v>
      </c>
      <c r="V40538">
        <v>57</v>
      </c>
      <c r="W40538">
        <v>57</v>
      </c>
      <c r="X40538">
        <v>58</v>
      </c>
      <c r="Y40538">
        <v>58</v>
      </c>
      <c r="Z40538">
        <v>58</v>
      </c>
      <c r="AA40538">
        <v>58</v>
      </c>
      <c r="AB40538">
        <v>58</v>
      </c>
      <c r="AC40538">
        <v>59</v>
      </c>
      <c r="AD40538">
        <v>59</v>
      </c>
      <c r="AE40538">
        <v>59</v>
      </c>
      <c r="AF40538">
        <v>59</v>
      </c>
      <c r="AG40538">
        <v>59</v>
      </c>
      <c r="AH40538">
        <v>59</v>
      </c>
      <c r="AI40538">
        <v>60</v>
      </c>
      <c r="AJ40538">
        <v>60</v>
      </c>
      <c r="AK40538">
        <v>60</v>
      </c>
      <c r="AL40538">
        <v>60</v>
      </c>
      <c r="AM40538">
        <v>59</v>
      </c>
      <c r="AN40538">
        <v>59</v>
      </c>
      <c r="AO40538">
        <v>59</v>
      </c>
      <c r="AP40538">
        <v>59</v>
      </c>
      <c r="AQ40538">
        <v>58</v>
      </c>
    </row>
    <row r="40539" spans="1:43">
      <c r="A40539" t="s">
        <v>25059</v>
      </c>
      <c r="B40539" t="s">
        <v>25060</v>
      </c>
      <c r="C40539" t="s">
        <v>3174</v>
      </c>
      <c r="D40539" t="s">
        <v>3175</v>
      </c>
      <c r="E40539" t="s">
        <v>2928</v>
      </c>
      <c r="F40539" t="s">
        <v>2929</v>
      </c>
      <c r="G40539" t="s">
        <v>80</v>
      </c>
      <c r="H40539" t="s">
        <v>81</v>
      </c>
      <c r="I40539" s="2">
        <v>1</v>
      </c>
      <c r="J40539" s="2">
        <v>0</v>
      </c>
      <c r="K40539" s="2">
        <v>0</v>
      </c>
      <c r="L40539" t="s">
        <v>120</v>
      </c>
      <c r="M40539" t="s">
        <v>87</v>
      </c>
      <c r="N40539" t="s">
        <v>88</v>
      </c>
      <c r="O40539" t="s">
        <v>85</v>
      </c>
      <c r="P40539" t="s">
        <v>86</v>
      </c>
      <c r="Q40539">
        <v>55</v>
      </c>
      <c r="R40539">
        <v>55</v>
      </c>
      <c r="S40539">
        <v>55</v>
      </c>
      <c r="T40539">
        <v>54</v>
      </c>
      <c r="U40539">
        <v>54</v>
      </c>
      <c r="V40539">
        <v>54</v>
      </c>
      <c r="W40539">
        <v>54</v>
      </c>
      <c r="X40539">
        <v>54</v>
      </c>
      <c r="Y40539">
        <v>53</v>
      </c>
      <c r="Z40539">
        <v>53</v>
      </c>
      <c r="AA40539">
        <v>53</v>
      </c>
      <c r="AB40539">
        <v>53</v>
      </c>
      <c r="AC40539">
        <v>53</v>
      </c>
      <c r="AD40539">
        <v>53</v>
      </c>
      <c r="AE40539">
        <v>52</v>
      </c>
      <c r="AF40539">
        <v>52</v>
      </c>
      <c r="AG40539">
        <v>52</v>
      </c>
      <c r="AH40539">
        <v>52</v>
      </c>
      <c r="AI40539">
        <v>52</v>
      </c>
      <c r="AJ40539">
        <v>52</v>
      </c>
      <c r="AK40539">
        <v>51</v>
      </c>
      <c r="AL40539">
        <v>51</v>
      </c>
      <c r="AM40539">
        <v>51</v>
      </c>
      <c r="AN40539">
        <v>51</v>
      </c>
      <c r="AO40539">
        <v>51</v>
      </c>
      <c r="AP40539">
        <v>51</v>
      </c>
      <c r="AQ40539">
        <v>50</v>
      </c>
    </row>
    <row r="40540" spans="1:43">
      <c r="A40540" t="s">
        <v>25059</v>
      </c>
      <c r="B40540" t="s">
        <v>25060</v>
      </c>
      <c r="C40540" t="s">
        <v>3174</v>
      </c>
      <c r="D40540" t="s">
        <v>3175</v>
      </c>
      <c r="E40540" t="s">
        <v>2928</v>
      </c>
      <c r="F40540" t="s">
        <v>2929</v>
      </c>
      <c r="G40540" t="s">
        <v>80</v>
      </c>
      <c r="H40540" t="s">
        <v>81</v>
      </c>
      <c r="I40540" s="2">
        <v>1</v>
      </c>
      <c r="J40540" s="2">
        <v>0</v>
      </c>
      <c r="K40540" s="2">
        <v>0</v>
      </c>
      <c r="L40540" t="s">
        <v>120</v>
      </c>
      <c r="M40540" t="s">
        <v>89</v>
      </c>
      <c r="N40540" t="s">
        <v>90</v>
      </c>
      <c r="O40540" t="s">
        <v>85</v>
      </c>
      <c r="P40540" t="s">
        <v>86</v>
      </c>
      <c r="Q40540">
        <v>55</v>
      </c>
      <c r="R40540">
        <v>56</v>
      </c>
      <c r="S40540">
        <v>57</v>
      </c>
      <c r="T40540">
        <v>57</v>
      </c>
      <c r="U40540">
        <v>58</v>
      </c>
      <c r="V40540">
        <v>59</v>
      </c>
      <c r="W40540">
        <v>59</v>
      </c>
      <c r="X40540">
        <v>60</v>
      </c>
      <c r="Y40540">
        <v>60</v>
      </c>
      <c r="Z40540">
        <v>60</v>
      </c>
      <c r="AA40540">
        <v>61</v>
      </c>
      <c r="AB40540">
        <v>61</v>
      </c>
      <c r="AC40540">
        <v>62</v>
      </c>
      <c r="AD40540">
        <v>62</v>
      </c>
      <c r="AE40540">
        <v>62</v>
      </c>
      <c r="AF40540">
        <v>62</v>
      </c>
      <c r="AG40540">
        <v>61</v>
      </c>
      <c r="AH40540">
        <v>61</v>
      </c>
      <c r="AI40540">
        <v>61</v>
      </c>
      <c r="AJ40540">
        <v>60</v>
      </c>
      <c r="AK40540">
        <v>60</v>
      </c>
      <c r="AL40540">
        <v>60</v>
      </c>
      <c r="AM40540">
        <v>59</v>
      </c>
      <c r="AN40540">
        <v>59</v>
      </c>
      <c r="AO40540">
        <v>59</v>
      </c>
      <c r="AP40540">
        <v>58</v>
      </c>
      <c r="AQ40540">
        <v>58</v>
      </c>
    </row>
    <row r="40541" spans="1:43">
      <c r="A40541" t="s">
        <v>25059</v>
      </c>
      <c r="B40541" t="s">
        <v>25060</v>
      </c>
      <c r="C40541" t="s">
        <v>3174</v>
      </c>
      <c r="D40541" t="s">
        <v>3175</v>
      </c>
      <c r="E40541" t="s">
        <v>2928</v>
      </c>
      <c r="F40541" t="s">
        <v>2929</v>
      </c>
      <c r="G40541" t="s">
        <v>80</v>
      </c>
      <c r="H40541" t="s">
        <v>81</v>
      </c>
      <c r="I40541" s="2">
        <v>1</v>
      </c>
      <c r="J40541" s="2">
        <v>0</v>
      </c>
      <c r="K40541" s="2">
        <v>0</v>
      </c>
      <c r="L40541" t="s">
        <v>120</v>
      </c>
      <c r="M40541" t="s">
        <v>83</v>
      </c>
      <c r="N40541" t="s">
        <v>91</v>
      </c>
      <c r="O40541" t="s">
        <v>85</v>
      </c>
      <c r="P40541" t="s">
        <v>86</v>
      </c>
      <c r="Q40541">
        <v>55</v>
      </c>
      <c r="R40541">
        <v>56</v>
      </c>
      <c r="S40541">
        <v>56</v>
      </c>
      <c r="T40541">
        <v>56</v>
      </c>
      <c r="U40541">
        <v>57</v>
      </c>
      <c r="V40541">
        <v>57</v>
      </c>
      <c r="W40541">
        <v>57</v>
      </c>
      <c r="X40541">
        <v>58</v>
      </c>
      <c r="Y40541">
        <v>58</v>
      </c>
      <c r="Z40541">
        <v>58</v>
      </c>
      <c r="AA40541">
        <v>58</v>
      </c>
      <c r="AB40541">
        <v>58</v>
      </c>
      <c r="AC40541">
        <v>59</v>
      </c>
      <c r="AD40541">
        <v>59</v>
      </c>
      <c r="AE40541">
        <v>59</v>
      </c>
      <c r="AF40541">
        <v>59</v>
      </c>
      <c r="AG40541">
        <v>59</v>
      </c>
      <c r="AH40541">
        <v>59</v>
      </c>
      <c r="AI40541">
        <v>60</v>
      </c>
      <c r="AJ40541">
        <v>60</v>
      </c>
      <c r="AK40541">
        <v>60</v>
      </c>
      <c r="AL40541">
        <v>60</v>
      </c>
      <c r="AM40541">
        <v>59</v>
      </c>
      <c r="AN40541">
        <v>59</v>
      </c>
      <c r="AO40541">
        <v>59</v>
      </c>
      <c r="AP40541">
        <v>59</v>
      </c>
      <c r="AQ40541">
        <v>58</v>
      </c>
    </row>
    <row r="40542" spans="1:43">
      <c r="A40542" t="s">
        <v>25061</v>
      </c>
      <c r="B40542" t="s">
        <v>25062</v>
      </c>
      <c r="C40542" t="s">
        <v>10294</v>
      </c>
      <c r="D40542" t="s">
        <v>10295</v>
      </c>
      <c r="E40542" t="s">
        <v>10212</v>
      </c>
      <c r="F40542" t="s">
        <v>10213</v>
      </c>
      <c r="G40542" t="s">
        <v>10214</v>
      </c>
      <c r="H40542" t="s">
        <v>10215</v>
      </c>
      <c r="I40542" s="2">
        <v>1</v>
      </c>
      <c r="J40542" s="2">
        <v>0</v>
      </c>
      <c r="K40542" s="2">
        <v>0</v>
      </c>
      <c r="L40542" t="s">
        <v>120</v>
      </c>
      <c r="M40542" t="s">
        <v>83</v>
      </c>
      <c r="N40542" t="s">
        <v>84</v>
      </c>
      <c r="O40542" t="s">
        <v>85</v>
      </c>
      <c r="P40542" t="s">
        <v>86</v>
      </c>
      <c r="Q40542">
        <v>16</v>
      </c>
      <c r="R40542">
        <v>16</v>
      </c>
      <c r="S40542">
        <v>16</v>
      </c>
      <c r="T40542">
        <v>16</v>
      </c>
      <c r="U40542">
        <v>17</v>
      </c>
      <c r="V40542">
        <v>17</v>
      </c>
      <c r="W40542">
        <v>17</v>
      </c>
      <c r="X40542">
        <v>17</v>
      </c>
      <c r="Y40542">
        <v>17</v>
      </c>
      <c r="Z40542">
        <v>18</v>
      </c>
      <c r="AA40542">
        <v>18</v>
      </c>
      <c r="AB40542">
        <v>18</v>
      </c>
      <c r="AC40542">
        <v>18</v>
      </c>
      <c r="AD40542">
        <v>18</v>
      </c>
      <c r="AE40542">
        <v>19</v>
      </c>
      <c r="AF40542">
        <v>19</v>
      </c>
      <c r="AG40542">
        <v>19</v>
      </c>
      <c r="AH40542">
        <v>19</v>
      </c>
      <c r="AI40542">
        <v>19</v>
      </c>
      <c r="AJ40542">
        <v>20</v>
      </c>
      <c r="AK40542">
        <v>20</v>
      </c>
      <c r="AL40542">
        <v>20</v>
      </c>
      <c r="AM40542">
        <v>20</v>
      </c>
      <c r="AN40542">
        <v>20</v>
      </c>
      <c r="AO40542">
        <v>20</v>
      </c>
      <c r="AP40542">
        <v>20</v>
      </c>
      <c r="AQ40542">
        <v>20</v>
      </c>
    </row>
    <row r="40543" spans="1:43">
      <c r="A40543" t="s">
        <v>25061</v>
      </c>
      <c r="B40543" t="s">
        <v>25062</v>
      </c>
      <c r="C40543" t="s">
        <v>10294</v>
      </c>
      <c r="D40543" t="s">
        <v>10295</v>
      </c>
      <c r="E40543" t="s">
        <v>10212</v>
      </c>
      <c r="F40543" t="s">
        <v>10213</v>
      </c>
      <c r="G40543" t="s">
        <v>10214</v>
      </c>
      <c r="H40543" t="s">
        <v>10215</v>
      </c>
      <c r="I40543" s="2">
        <v>1</v>
      </c>
      <c r="J40543" s="2">
        <v>0</v>
      </c>
      <c r="K40543" s="2">
        <v>0</v>
      </c>
      <c r="L40543" t="s">
        <v>120</v>
      </c>
      <c r="M40543" t="s">
        <v>87</v>
      </c>
      <c r="N40543" t="s">
        <v>88</v>
      </c>
      <c r="O40543" t="s">
        <v>85</v>
      </c>
      <c r="P40543" t="s">
        <v>86</v>
      </c>
      <c r="Q40543">
        <v>16</v>
      </c>
      <c r="R40543">
        <v>16</v>
      </c>
      <c r="S40543">
        <v>16</v>
      </c>
      <c r="T40543">
        <v>16</v>
      </c>
      <c r="U40543">
        <v>16</v>
      </c>
      <c r="V40543">
        <v>16</v>
      </c>
      <c r="W40543">
        <v>16</v>
      </c>
      <c r="X40543">
        <v>16</v>
      </c>
      <c r="Y40543">
        <v>16</v>
      </c>
      <c r="Z40543">
        <v>16</v>
      </c>
      <c r="AA40543">
        <v>16</v>
      </c>
      <c r="AB40543">
        <v>16</v>
      </c>
      <c r="AC40543">
        <v>16</v>
      </c>
      <c r="AD40543">
        <v>16</v>
      </c>
      <c r="AE40543">
        <v>17</v>
      </c>
      <c r="AF40543">
        <v>17</v>
      </c>
      <c r="AG40543">
        <v>17</v>
      </c>
      <c r="AH40543">
        <v>17</v>
      </c>
      <c r="AI40543">
        <v>17</v>
      </c>
      <c r="AJ40543">
        <v>17</v>
      </c>
      <c r="AK40543">
        <v>17</v>
      </c>
      <c r="AL40543">
        <v>17</v>
      </c>
      <c r="AM40543">
        <v>17</v>
      </c>
      <c r="AN40543">
        <v>17</v>
      </c>
      <c r="AO40543">
        <v>17</v>
      </c>
      <c r="AP40543">
        <v>17</v>
      </c>
      <c r="AQ40543">
        <v>17</v>
      </c>
    </row>
    <row r="40544" spans="1:43">
      <c r="A40544" t="s">
        <v>25061</v>
      </c>
      <c r="B40544" t="s">
        <v>25062</v>
      </c>
      <c r="C40544" t="s">
        <v>10294</v>
      </c>
      <c r="D40544" t="s">
        <v>10295</v>
      </c>
      <c r="E40544" t="s">
        <v>10212</v>
      </c>
      <c r="F40544" t="s">
        <v>10213</v>
      </c>
      <c r="G40544" t="s">
        <v>10214</v>
      </c>
      <c r="H40544" t="s">
        <v>10215</v>
      </c>
      <c r="I40544" s="2">
        <v>1</v>
      </c>
      <c r="J40544" s="2">
        <v>0</v>
      </c>
      <c r="K40544" s="2">
        <v>0</v>
      </c>
      <c r="L40544" t="s">
        <v>120</v>
      </c>
      <c r="M40544" t="s">
        <v>89</v>
      </c>
      <c r="N40544" t="s">
        <v>90</v>
      </c>
      <c r="O40544" t="s">
        <v>85</v>
      </c>
      <c r="P40544" t="s">
        <v>86</v>
      </c>
      <c r="Q40544">
        <v>16</v>
      </c>
      <c r="R40544">
        <v>16</v>
      </c>
      <c r="S40544">
        <v>17</v>
      </c>
      <c r="T40544">
        <v>17</v>
      </c>
      <c r="U40544">
        <v>17</v>
      </c>
      <c r="V40544">
        <v>18</v>
      </c>
      <c r="W40544">
        <v>18</v>
      </c>
      <c r="X40544">
        <v>18</v>
      </c>
      <c r="Y40544">
        <v>18</v>
      </c>
      <c r="Z40544">
        <v>19</v>
      </c>
      <c r="AA40544">
        <v>19</v>
      </c>
      <c r="AB40544">
        <v>19</v>
      </c>
      <c r="AC40544">
        <v>20</v>
      </c>
      <c r="AD40544">
        <v>20</v>
      </c>
      <c r="AE40544">
        <v>20</v>
      </c>
      <c r="AF40544">
        <v>20</v>
      </c>
      <c r="AG40544">
        <v>20</v>
      </c>
      <c r="AH40544">
        <v>20</v>
      </c>
      <c r="AI40544">
        <v>20</v>
      </c>
      <c r="AJ40544">
        <v>20</v>
      </c>
      <c r="AK40544">
        <v>20</v>
      </c>
      <c r="AL40544">
        <v>20</v>
      </c>
      <c r="AM40544">
        <v>20</v>
      </c>
      <c r="AN40544">
        <v>20</v>
      </c>
      <c r="AO40544">
        <v>20</v>
      </c>
      <c r="AP40544">
        <v>20</v>
      </c>
      <c r="AQ40544">
        <v>20</v>
      </c>
    </row>
    <row r="40545" spans="1:43">
      <c r="A40545" t="s">
        <v>25061</v>
      </c>
      <c r="B40545" t="s">
        <v>25062</v>
      </c>
      <c r="C40545" t="s">
        <v>10294</v>
      </c>
      <c r="D40545" t="s">
        <v>10295</v>
      </c>
      <c r="E40545" t="s">
        <v>10212</v>
      </c>
      <c r="F40545" t="s">
        <v>10213</v>
      </c>
      <c r="G40545" t="s">
        <v>10214</v>
      </c>
      <c r="H40545" t="s">
        <v>10215</v>
      </c>
      <c r="I40545" s="2">
        <v>1</v>
      </c>
      <c r="J40545" s="2">
        <v>0</v>
      </c>
      <c r="K40545" s="2">
        <v>0</v>
      </c>
      <c r="L40545" t="s">
        <v>120</v>
      </c>
      <c r="M40545" t="s">
        <v>83</v>
      </c>
      <c r="N40545" t="s">
        <v>91</v>
      </c>
      <c r="O40545" t="s">
        <v>85</v>
      </c>
      <c r="P40545" t="s">
        <v>86</v>
      </c>
      <c r="Q40545">
        <v>16</v>
      </c>
      <c r="R40545">
        <v>16</v>
      </c>
      <c r="S40545">
        <v>16</v>
      </c>
      <c r="T40545">
        <v>16</v>
      </c>
      <c r="U40545">
        <v>17</v>
      </c>
      <c r="V40545">
        <v>17</v>
      </c>
      <c r="W40545">
        <v>17</v>
      </c>
      <c r="X40545">
        <v>17</v>
      </c>
      <c r="Y40545">
        <v>17</v>
      </c>
      <c r="Z40545">
        <v>18</v>
      </c>
      <c r="AA40545">
        <v>18</v>
      </c>
      <c r="AB40545">
        <v>18</v>
      </c>
      <c r="AC40545">
        <v>18</v>
      </c>
      <c r="AD40545">
        <v>18</v>
      </c>
      <c r="AE40545">
        <v>19</v>
      </c>
      <c r="AF40545">
        <v>19</v>
      </c>
      <c r="AG40545">
        <v>19</v>
      </c>
      <c r="AH40545">
        <v>19</v>
      </c>
      <c r="AI40545">
        <v>19</v>
      </c>
      <c r="AJ40545">
        <v>20</v>
      </c>
      <c r="AK40545">
        <v>20</v>
      </c>
      <c r="AL40545">
        <v>20</v>
      </c>
      <c r="AM40545">
        <v>20</v>
      </c>
      <c r="AN40545">
        <v>20</v>
      </c>
      <c r="AO40545">
        <v>20</v>
      </c>
      <c r="AP40545">
        <v>20</v>
      </c>
      <c r="AQ40545">
        <v>20</v>
      </c>
    </row>
    <row r="40546" spans="1:43">
      <c r="A40546" t="s">
        <v>25063</v>
      </c>
      <c r="B40546" t="s">
        <v>25064</v>
      </c>
      <c r="C40546" t="s">
        <v>10332</v>
      </c>
      <c r="D40546" t="s">
        <v>10333</v>
      </c>
      <c r="E40546" t="s">
        <v>10212</v>
      </c>
      <c r="F40546" t="s">
        <v>10213</v>
      </c>
      <c r="G40546" t="s">
        <v>10214</v>
      </c>
      <c r="H40546" t="s">
        <v>10215</v>
      </c>
      <c r="I40546" s="2">
        <v>1</v>
      </c>
      <c r="J40546" s="2">
        <v>0</v>
      </c>
      <c r="K40546" s="2">
        <v>0</v>
      </c>
      <c r="L40546" t="s">
        <v>120</v>
      </c>
      <c r="M40546" t="s">
        <v>83</v>
      </c>
      <c r="N40546" t="s">
        <v>84</v>
      </c>
      <c r="O40546" t="s">
        <v>85</v>
      </c>
      <c r="P40546" t="s">
        <v>86</v>
      </c>
      <c r="Q40546">
        <v>62</v>
      </c>
      <c r="R40546">
        <v>63</v>
      </c>
      <c r="S40546">
        <v>63</v>
      </c>
      <c r="T40546">
        <v>64</v>
      </c>
      <c r="U40546">
        <v>65</v>
      </c>
      <c r="V40546">
        <v>66</v>
      </c>
      <c r="W40546">
        <v>67</v>
      </c>
      <c r="X40546">
        <v>68</v>
      </c>
      <c r="Y40546">
        <v>69</v>
      </c>
      <c r="Z40546">
        <v>69</v>
      </c>
      <c r="AA40546">
        <v>70</v>
      </c>
      <c r="AB40546">
        <v>71</v>
      </c>
      <c r="AC40546">
        <v>72</v>
      </c>
      <c r="AD40546">
        <v>73</v>
      </c>
      <c r="AE40546">
        <v>73</v>
      </c>
      <c r="AF40546">
        <v>74</v>
      </c>
      <c r="AG40546">
        <v>75</v>
      </c>
      <c r="AH40546">
        <v>76</v>
      </c>
      <c r="AI40546">
        <v>77</v>
      </c>
      <c r="AJ40546">
        <v>77</v>
      </c>
      <c r="AK40546">
        <v>78</v>
      </c>
      <c r="AL40546">
        <v>78</v>
      </c>
      <c r="AM40546">
        <v>78</v>
      </c>
      <c r="AN40546">
        <v>78</v>
      </c>
      <c r="AO40546">
        <v>78</v>
      </c>
      <c r="AP40546">
        <v>79</v>
      </c>
      <c r="AQ40546">
        <v>79</v>
      </c>
    </row>
    <row r="40547" spans="1:43">
      <c r="A40547" t="s">
        <v>25063</v>
      </c>
      <c r="B40547" t="s">
        <v>25064</v>
      </c>
      <c r="C40547" t="s">
        <v>10332</v>
      </c>
      <c r="D40547" t="s">
        <v>10333</v>
      </c>
      <c r="E40547" t="s">
        <v>10212</v>
      </c>
      <c r="F40547" t="s">
        <v>10213</v>
      </c>
      <c r="G40547" t="s">
        <v>10214</v>
      </c>
      <c r="H40547" t="s">
        <v>10215</v>
      </c>
      <c r="I40547" s="2">
        <v>1</v>
      </c>
      <c r="J40547" s="2">
        <v>0</v>
      </c>
      <c r="K40547" s="2">
        <v>0</v>
      </c>
      <c r="L40547" t="s">
        <v>120</v>
      </c>
      <c r="M40547" t="s">
        <v>87</v>
      </c>
      <c r="N40547" t="s">
        <v>88</v>
      </c>
      <c r="O40547" t="s">
        <v>85</v>
      </c>
      <c r="P40547" t="s">
        <v>86</v>
      </c>
      <c r="Q40547">
        <v>62</v>
      </c>
      <c r="R40547">
        <v>62</v>
      </c>
      <c r="S40547">
        <v>63</v>
      </c>
      <c r="T40547">
        <v>63</v>
      </c>
      <c r="U40547">
        <v>63</v>
      </c>
      <c r="V40547">
        <v>64</v>
      </c>
      <c r="W40547">
        <v>64</v>
      </c>
      <c r="X40547">
        <v>64</v>
      </c>
      <c r="Y40547">
        <v>64</v>
      </c>
      <c r="Z40547">
        <v>65</v>
      </c>
      <c r="AA40547">
        <v>65</v>
      </c>
      <c r="AB40547">
        <v>65</v>
      </c>
      <c r="AC40547">
        <v>66</v>
      </c>
      <c r="AD40547">
        <v>66</v>
      </c>
      <c r="AE40547">
        <v>66</v>
      </c>
      <c r="AF40547">
        <v>66</v>
      </c>
      <c r="AG40547">
        <v>67</v>
      </c>
      <c r="AH40547">
        <v>67</v>
      </c>
      <c r="AI40547">
        <v>67</v>
      </c>
      <c r="AJ40547">
        <v>68</v>
      </c>
      <c r="AK40547">
        <v>68</v>
      </c>
      <c r="AL40547">
        <v>68</v>
      </c>
      <c r="AM40547">
        <v>68</v>
      </c>
      <c r="AN40547">
        <v>69</v>
      </c>
      <c r="AO40547">
        <v>69</v>
      </c>
      <c r="AP40547">
        <v>69</v>
      </c>
      <c r="AQ40547">
        <v>69</v>
      </c>
    </row>
    <row r="40548" spans="1:43">
      <c r="A40548" t="s">
        <v>25063</v>
      </c>
      <c r="B40548" t="s">
        <v>25064</v>
      </c>
      <c r="C40548" t="s">
        <v>10332</v>
      </c>
      <c r="D40548" t="s">
        <v>10333</v>
      </c>
      <c r="E40548" t="s">
        <v>10212</v>
      </c>
      <c r="F40548" t="s">
        <v>10213</v>
      </c>
      <c r="G40548" t="s">
        <v>10214</v>
      </c>
      <c r="H40548" t="s">
        <v>10215</v>
      </c>
      <c r="I40548" s="2">
        <v>1</v>
      </c>
      <c r="J40548" s="2">
        <v>0</v>
      </c>
      <c r="K40548" s="2">
        <v>0</v>
      </c>
      <c r="L40548" t="s">
        <v>120</v>
      </c>
      <c r="M40548" t="s">
        <v>89</v>
      </c>
      <c r="N40548" t="s">
        <v>90</v>
      </c>
      <c r="O40548" t="s">
        <v>85</v>
      </c>
      <c r="P40548" t="s">
        <v>86</v>
      </c>
      <c r="Q40548">
        <v>62</v>
      </c>
      <c r="R40548">
        <v>64</v>
      </c>
      <c r="S40548">
        <v>65</v>
      </c>
      <c r="T40548">
        <v>66</v>
      </c>
      <c r="U40548">
        <v>68</v>
      </c>
      <c r="V40548">
        <v>69</v>
      </c>
      <c r="W40548">
        <v>70</v>
      </c>
      <c r="X40548">
        <v>71</v>
      </c>
      <c r="Y40548">
        <v>72</v>
      </c>
      <c r="Z40548">
        <v>74</v>
      </c>
      <c r="AA40548">
        <v>75</v>
      </c>
      <c r="AB40548">
        <v>76</v>
      </c>
      <c r="AC40548">
        <v>77</v>
      </c>
      <c r="AD40548">
        <v>78</v>
      </c>
      <c r="AE40548">
        <v>79</v>
      </c>
      <c r="AF40548">
        <v>79</v>
      </c>
      <c r="AG40548">
        <v>79</v>
      </c>
      <c r="AH40548">
        <v>79</v>
      </c>
      <c r="AI40548">
        <v>79</v>
      </c>
      <c r="AJ40548">
        <v>79</v>
      </c>
      <c r="AK40548">
        <v>79</v>
      </c>
      <c r="AL40548">
        <v>79</v>
      </c>
      <c r="AM40548">
        <v>79</v>
      </c>
      <c r="AN40548">
        <v>79</v>
      </c>
      <c r="AO40548">
        <v>79</v>
      </c>
      <c r="AP40548">
        <v>79</v>
      </c>
      <c r="AQ40548">
        <v>79</v>
      </c>
    </row>
    <row r="40549" spans="1:43">
      <c r="A40549" t="s">
        <v>25063</v>
      </c>
      <c r="B40549" t="s">
        <v>25064</v>
      </c>
      <c r="C40549" t="s">
        <v>10332</v>
      </c>
      <c r="D40549" t="s">
        <v>10333</v>
      </c>
      <c r="E40549" t="s">
        <v>10212</v>
      </c>
      <c r="F40549" t="s">
        <v>10213</v>
      </c>
      <c r="G40549" t="s">
        <v>10214</v>
      </c>
      <c r="H40549" t="s">
        <v>10215</v>
      </c>
      <c r="I40549" s="2">
        <v>1</v>
      </c>
      <c r="J40549" s="2">
        <v>0</v>
      </c>
      <c r="K40549" s="2">
        <v>0</v>
      </c>
      <c r="L40549" t="s">
        <v>120</v>
      </c>
      <c r="M40549" t="s">
        <v>83</v>
      </c>
      <c r="N40549" t="s">
        <v>91</v>
      </c>
      <c r="O40549" t="s">
        <v>85</v>
      </c>
      <c r="P40549" t="s">
        <v>86</v>
      </c>
      <c r="Q40549">
        <v>62</v>
      </c>
      <c r="R40549">
        <v>63</v>
      </c>
      <c r="S40549">
        <v>63</v>
      </c>
      <c r="T40549">
        <v>64</v>
      </c>
      <c r="U40549">
        <v>65</v>
      </c>
      <c r="V40549">
        <v>66</v>
      </c>
      <c r="W40549">
        <v>67</v>
      </c>
      <c r="X40549">
        <v>68</v>
      </c>
      <c r="Y40549">
        <v>69</v>
      </c>
      <c r="Z40549">
        <v>69</v>
      </c>
      <c r="AA40549">
        <v>70</v>
      </c>
      <c r="AB40549">
        <v>71</v>
      </c>
      <c r="AC40549">
        <v>72</v>
      </c>
      <c r="AD40549">
        <v>73</v>
      </c>
      <c r="AE40549">
        <v>73</v>
      </c>
      <c r="AF40549">
        <v>74</v>
      </c>
      <c r="AG40549">
        <v>75</v>
      </c>
      <c r="AH40549">
        <v>76</v>
      </c>
      <c r="AI40549">
        <v>77</v>
      </c>
      <c r="AJ40549">
        <v>77</v>
      </c>
      <c r="AK40549">
        <v>78</v>
      </c>
      <c r="AL40549">
        <v>78</v>
      </c>
      <c r="AM40549">
        <v>78</v>
      </c>
      <c r="AN40549">
        <v>78</v>
      </c>
      <c r="AO40549">
        <v>78</v>
      </c>
      <c r="AP40549">
        <v>79</v>
      </c>
      <c r="AQ40549">
        <v>79</v>
      </c>
    </row>
    <row r="40550" spans="1:43">
      <c r="A40550" t="s">
        <v>25065</v>
      </c>
      <c r="B40550" t="s">
        <v>25066</v>
      </c>
      <c r="C40550" t="s">
        <v>10344</v>
      </c>
      <c r="D40550" t="s">
        <v>10345</v>
      </c>
      <c r="E40550" t="s">
        <v>10212</v>
      </c>
      <c r="F40550" t="s">
        <v>10213</v>
      </c>
      <c r="G40550" t="s">
        <v>10214</v>
      </c>
      <c r="H40550" t="s">
        <v>10215</v>
      </c>
      <c r="I40550" s="2">
        <v>1</v>
      </c>
      <c r="J40550" s="2">
        <v>0</v>
      </c>
      <c r="K40550" s="2">
        <v>0</v>
      </c>
      <c r="L40550" t="s">
        <v>120</v>
      </c>
      <c r="M40550" t="s">
        <v>83</v>
      </c>
      <c r="N40550" t="s">
        <v>84</v>
      </c>
      <c r="O40550" t="s">
        <v>85</v>
      </c>
      <c r="P40550" t="s">
        <v>86</v>
      </c>
      <c r="Q40550">
        <v>17</v>
      </c>
      <c r="R40550">
        <v>17</v>
      </c>
      <c r="S40550">
        <v>17</v>
      </c>
      <c r="T40550">
        <v>17</v>
      </c>
      <c r="U40550">
        <v>17</v>
      </c>
      <c r="V40550">
        <v>18</v>
      </c>
      <c r="W40550">
        <v>18</v>
      </c>
      <c r="X40550">
        <v>18</v>
      </c>
      <c r="Y40550">
        <v>18</v>
      </c>
      <c r="Z40550">
        <v>19</v>
      </c>
      <c r="AA40550">
        <v>19</v>
      </c>
      <c r="AB40550">
        <v>19</v>
      </c>
      <c r="AC40550">
        <v>19</v>
      </c>
      <c r="AD40550">
        <v>19</v>
      </c>
      <c r="AE40550">
        <v>20</v>
      </c>
      <c r="AF40550">
        <v>20</v>
      </c>
      <c r="AG40550">
        <v>20</v>
      </c>
      <c r="AH40550">
        <v>20</v>
      </c>
      <c r="AI40550">
        <v>21</v>
      </c>
      <c r="AJ40550">
        <v>21</v>
      </c>
      <c r="AK40550">
        <v>21</v>
      </c>
      <c r="AL40550">
        <v>21</v>
      </c>
      <c r="AM40550">
        <v>21</v>
      </c>
      <c r="AN40550">
        <v>21</v>
      </c>
      <c r="AO40550">
        <v>21</v>
      </c>
      <c r="AP40550">
        <v>21</v>
      </c>
      <c r="AQ40550">
        <v>21</v>
      </c>
    </row>
    <row r="40551" spans="1:43">
      <c r="A40551" t="s">
        <v>25065</v>
      </c>
      <c r="B40551" t="s">
        <v>25066</v>
      </c>
      <c r="C40551" t="s">
        <v>10344</v>
      </c>
      <c r="D40551" t="s">
        <v>10345</v>
      </c>
      <c r="E40551" t="s">
        <v>10212</v>
      </c>
      <c r="F40551" t="s">
        <v>10213</v>
      </c>
      <c r="G40551" t="s">
        <v>10214</v>
      </c>
      <c r="H40551" t="s">
        <v>10215</v>
      </c>
      <c r="I40551" s="2">
        <v>1</v>
      </c>
      <c r="J40551" s="2">
        <v>0</v>
      </c>
      <c r="K40551" s="2">
        <v>0</v>
      </c>
      <c r="L40551" t="s">
        <v>120</v>
      </c>
      <c r="M40551" t="s">
        <v>87</v>
      </c>
      <c r="N40551" t="s">
        <v>88</v>
      </c>
      <c r="O40551" t="s">
        <v>85</v>
      </c>
      <c r="P40551" t="s">
        <v>86</v>
      </c>
      <c r="Q40551">
        <v>17</v>
      </c>
      <c r="R40551">
        <v>17</v>
      </c>
      <c r="S40551">
        <v>18</v>
      </c>
      <c r="T40551">
        <v>18</v>
      </c>
      <c r="U40551">
        <v>18</v>
      </c>
      <c r="V40551">
        <v>18</v>
      </c>
      <c r="W40551">
        <v>18</v>
      </c>
      <c r="X40551">
        <v>18</v>
      </c>
      <c r="Y40551">
        <v>18</v>
      </c>
      <c r="Z40551">
        <v>18</v>
      </c>
      <c r="AA40551">
        <v>18</v>
      </c>
      <c r="AB40551">
        <v>18</v>
      </c>
      <c r="AC40551">
        <v>18</v>
      </c>
      <c r="AD40551">
        <v>18</v>
      </c>
      <c r="AE40551">
        <v>18</v>
      </c>
      <c r="AF40551">
        <v>19</v>
      </c>
      <c r="AG40551">
        <v>19</v>
      </c>
      <c r="AH40551">
        <v>19</v>
      </c>
      <c r="AI40551">
        <v>19</v>
      </c>
      <c r="AJ40551">
        <v>19</v>
      </c>
      <c r="AK40551">
        <v>19</v>
      </c>
      <c r="AL40551">
        <v>19</v>
      </c>
      <c r="AM40551">
        <v>19</v>
      </c>
      <c r="AN40551">
        <v>19</v>
      </c>
      <c r="AO40551">
        <v>19</v>
      </c>
      <c r="AP40551">
        <v>19</v>
      </c>
      <c r="AQ40551">
        <v>19</v>
      </c>
    </row>
    <row r="40552" spans="1:43">
      <c r="A40552" t="s">
        <v>25065</v>
      </c>
      <c r="B40552" t="s">
        <v>25066</v>
      </c>
      <c r="C40552" t="s">
        <v>10344</v>
      </c>
      <c r="D40552" t="s">
        <v>10345</v>
      </c>
      <c r="E40552" t="s">
        <v>10212</v>
      </c>
      <c r="F40552" t="s">
        <v>10213</v>
      </c>
      <c r="G40552" t="s">
        <v>10214</v>
      </c>
      <c r="H40552" t="s">
        <v>10215</v>
      </c>
      <c r="I40552" s="2">
        <v>1</v>
      </c>
      <c r="J40552" s="2">
        <v>0</v>
      </c>
      <c r="K40552" s="2">
        <v>0</v>
      </c>
      <c r="L40552" t="s">
        <v>120</v>
      </c>
      <c r="M40552" t="s">
        <v>89</v>
      </c>
      <c r="N40552" t="s">
        <v>90</v>
      </c>
      <c r="O40552" t="s">
        <v>85</v>
      </c>
      <c r="P40552" t="s">
        <v>86</v>
      </c>
      <c r="Q40552">
        <v>17</v>
      </c>
      <c r="R40552">
        <v>17</v>
      </c>
      <c r="S40552">
        <v>17</v>
      </c>
      <c r="T40552">
        <v>18</v>
      </c>
      <c r="U40552">
        <v>18</v>
      </c>
      <c r="V40552">
        <v>19</v>
      </c>
      <c r="W40552">
        <v>19</v>
      </c>
      <c r="X40552">
        <v>19</v>
      </c>
      <c r="Y40552">
        <v>19</v>
      </c>
      <c r="Z40552">
        <v>20</v>
      </c>
      <c r="AA40552">
        <v>20</v>
      </c>
      <c r="AB40552">
        <v>20</v>
      </c>
      <c r="AC40552">
        <v>21</v>
      </c>
      <c r="AD40552">
        <v>21</v>
      </c>
      <c r="AE40552">
        <v>21</v>
      </c>
      <c r="AF40552">
        <v>21</v>
      </c>
      <c r="AG40552">
        <v>21</v>
      </c>
      <c r="AH40552">
        <v>21</v>
      </c>
      <c r="AI40552">
        <v>21</v>
      </c>
      <c r="AJ40552">
        <v>21</v>
      </c>
      <c r="AK40552">
        <v>21</v>
      </c>
      <c r="AL40552">
        <v>21</v>
      </c>
      <c r="AM40552">
        <v>21</v>
      </c>
      <c r="AN40552">
        <v>21</v>
      </c>
      <c r="AO40552">
        <v>21</v>
      </c>
      <c r="AP40552">
        <v>21</v>
      </c>
      <c r="AQ40552">
        <v>21</v>
      </c>
    </row>
    <row r="40553" spans="1:43">
      <c r="A40553" t="s">
        <v>25065</v>
      </c>
      <c r="B40553" t="s">
        <v>25066</v>
      </c>
      <c r="C40553" t="s">
        <v>10344</v>
      </c>
      <c r="D40553" t="s">
        <v>10345</v>
      </c>
      <c r="E40553" t="s">
        <v>10212</v>
      </c>
      <c r="F40553" t="s">
        <v>10213</v>
      </c>
      <c r="G40553" t="s">
        <v>10214</v>
      </c>
      <c r="H40553" t="s">
        <v>10215</v>
      </c>
      <c r="I40553" s="2">
        <v>1</v>
      </c>
      <c r="J40553" s="2">
        <v>0</v>
      </c>
      <c r="K40553" s="2">
        <v>0</v>
      </c>
      <c r="L40553" t="s">
        <v>120</v>
      </c>
      <c r="M40553" t="s">
        <v>83</v>
      </c>
      <c r="N40553" t="s">
        <v>91</v>
      </c>
      <c r="O40553" t="s">
        <v>85</v>
      </c>
      <c r="P40553" t="s">
        <v>86</v>
      </c>
      <c r="Q40553">
        <v>17</v>
      </c>
      <c r="R40553">
        <v>17</v>
      </c>
      <c r="S40553">
        <v>17</v>
      </c>
      <c r="T40553">
        <v>17</v>
      </c>
      <c r="U40553">
        <v>17</v>
      </c>
      <c r="V40553">
        <v>18</v>
      </c>
      <c r="W40553">
        <v>18</v>
      </c>
      <c r="X40553">
        <v>18</v>
      </c>
      <c r="Y40553">
        <v>18</v>
      </c>
      <c r="Z40553">
        <v>19</v>
      </c>
      <c r="AA40553">
        <v>19</v>
      </c>
      <c r="AB40553">
        <v>19</v>
      </c>
      <c r="AC40553">
        <v>19</v>
      </c>
      <c r="AD40553">
        <v>19</v>
      </c>
      <c r="AE40553">
        <v>20</v>
      </c>
      <c r="AF40553">
        <v>20</v>
      </c>
      <c r="AG40553">
        <v>20</v>
      </c>
      <c r="AH40553">
        <v>20</v>
      </c>
      <c r="AI40553">
        <v>21</v>
      </c>
      <c r="AJ40553">
        <v>21</v>
      </c>
      <c r="AK40553">
        <v>21</v>
      </c>
      <c r="AL40553">
        <v>21</v>
      </c>
      <c r="AM40553">
        <v>21</v>
      </c>
      <c r="AN40553">
        <v>21</v>
      </c>
      <c r="AO40553">
        <v>21</v>
      </c>
      <c r="AP40553">
        <v>21</v>
      </c>
      <c r="AQ40553">
        <v>21</v>
      </c>
    </row>
    <row r="40554" spans="1:43">
      <c r="A40554" t="s">
        <v>25067</v>
      </c>
      <c r="B40554" t="s">
        <v>25068</v>
      </c>
      <c r="C40554" t="s">
        <v>10344</v>
      </c>
      <c r="D40554" t="s">
        <v>10345</v>
      </c>
      <c r="E40554" t="s">
        <v>10212</v>
      </c>
      <c r="F40554" t="s">
        <v>10213</v>
      </c>
      <c r="G40554" t="s">
        <v>10214</v>
      </c>
      <c r="H40554" t="s">
        <v>10215</v>
      </c>
      <c r="I40554" s="2">
        <v>1</v>
      </c>
      <c r="J40554" s="2">
        <v>0</v>
      </c>
      <c r="K40554" s="2">
        <v>0</v>
      </c>
      <c r="L40554" t="s">
        <v>120</v>
      </c>
      <c r="M40554" t="s">
        <v>83</v>
      </c>
      <c r="N40554" t="s">
        <v>84</v>
      </c>
      <c r="O40554" t="s">
        <v>85</v>
      </c>
      <c r="P40554" t="s">
        <v>86</v>
      </c>
      <c r="Q40554">
        <v>22</v>
      </c>
      <c r="R40554">
        <v>22</v>
      </c>
      <c r="S40554">
        <v>22</v>
      </c>
      <c r="T40554">
        <v>23</v>
      </c>
      <c r="U40554">
        <v>23</v>
      </c>
      <c r="V40554">
        <v>23</v>
      </c>
      <c r="W40554">
        <v>23</v>
      </c>
      <c r="X40554">
        <v>24</v>
      </c>
      <c r="Y40554">
        <v>24</v>
      </c>
      <c r="Z40554">
        <v>24</v>
      </c>
      <c r="AA40554">
        <v>25</v>
      </c>
      <c r="AB40554">
        <v>25</v>
      </c>
      <c r="AC40554">
        <v>25</v>
      </c>
      <c r="AD40554">
        <v>25</v>
      </c>
      <c r="AE40554">
        <v>26</v>
      </c>
      <c r="AF40554">
        <v>26</v>
      </c>
      <c r="AG40554">
        <v>26</v>
      </c>
      <c r="AH40554">
        <v>27</v>
      </c>
      <c r="AI40554">
        <v>27</v>
      </c>
      <c r="AJ40554">
        <v>27</v>
      </c>
      <c r="AK40554">
        <v>27</v>
      </c>
      <c r="AL40554">
        <v>27</v>
      </c>
      <c r="AM40554">
        <v>27</v>
      </c>
      <c r="AN40554">
        <v>28</v>
      </c>
      <c r="AO40554">
        <v>28</v>
      </c>
      <c r="AP40554">
        <v>28</v>
      </c>
      <c r="AQ40554">
        <v>28</v>
      </c>
    </row>
    <row r="40555" spans="1:43">
      <c r="A40555" t="s">
        <v>25067</v>
      </c>
      <c r="B40555" t="s">
        <v>25068</v>
      </c>
      <c r="C40555" t="s">
        <v>10344</v>
      </c>
      <c r="D40555" t="s">
        <v>10345</v>
      </c>
      <c r="E40555" t="s">
        <v>10212</v>
      </c>
      <c r="F40555" t="s">
        <v>10213</v>
      </c>
      <c r="G40555" t="s">
        <v>10214</v>
      </c>
      <c r="H40555" t="s">
        <v>10215</v>
      </c>
      <c r="I40555" s="2">
        <v>1</v>
      </c>
      <c r="J40555" s="2">
        <v>0</v>
      </c>
      <c r="K40555" s="2">
        <v>0</v>
      </c>
      <c r="L40555" t="s">
        <v>120</v>
      </c>
      <c r="M40555" t="s">
        <v>87</v>
      </c>
      <c r="N40555" t="s">
        <v>88</v>
      </c>
      <c r="O40555" t="s">
        <v>85</v>
      </c>
      <c r="P40555" t="s">
        <v>86</v>
      </c>
      <c r="Q40555">
        <v>22</v>
      </c>
      <c r="R40555">
        <v>23</v>
      </c>
      <c r="S40555">
        <v>23</v>
      </c>
      <c r="T40555">
        <v>23</v>
      </c>
      <c r="U40555">
        <v>23</v>
      </c>
      <c r="V40555">
        <v>23</v>
      </c>
      <c r="W40555">
        <v>23</v>
      </c>
      <c r="X40555">
        <v>23</v>
      </c>
      <c r="Y40555">
        <v>23</v>
      </c>
      <c r="Z40555">
        <v>23</v>
      </c>
      <c r="AA40555">
        <v>23</v>
      </c>
      <c r="AB40555">
        <v>24</v>
      </c>
      <c r="AC40555">
        <v>24</v>
      </c>
      <c r="AD40555">
        <v>24</v>
      </c>
      <c r="AE40555">
        <v>24</v>
      </c>
      <c r="AF40555">
        <v>24</v>
      </c>
      <c r="AG40555">
        <v>24</v>
      </c>
      <c r="AH40555">
        <v>24</v>
      </c>
      <c r="AI40555">
        <v>24</v>
      </c>
      <c r="AJ40555">
        <v>24</v>
      </c>
      <c r="AK40555">
        <v>24</v>
      </c>
      <c r="AL40555">
        <v>25</v>
      </c>
      <c r="AM40555">
        <v>25</v>
      </c>
      <c r="AN40555">
        <v>25</v>
      </c>
      <c r="AO40555">
        <v>25</v>
      </c>
      <c r="AP40555">
        <v>25</v>
      </c>
      <c r="AQ40555">
        <v>25</v>
      </c>
    </row>
    <row r="40556" spans="1:43">
      <c r="A40556" t="s">
        <v>25067</v>
      </c>
      <c r="B40556" t="s">
        <v>25068</v>
      </c>
      <c r="C40556" t="s">
        <v>10344</v>
      </c>
      <c r="D40556" t="s">
        <v>10345</v>
      </c>
      <c r="E40556" t="s">
        <v>10212</v>
      </c>
      <c r="F40556" t="s">
        <v>10213</v>
      </c>
      <c r="G40556" t="s">
        <v>10214</v>
      </c>
      <c r="H40556" t="s">
        <v>10215</v>
      </c>
      <c r="I40556" s="2">
        <v>1</v>
      </c>
      <c r="J40556" s="2">
        <v>0</v>
      </c>
      <c r="K40556" s="2">
        <v>0</v>
      </c>
      <c r="L40556" t="s">
        <v>120</v>
      </c>
      <c r="M40556" t="s">
        <v>89</v>
      </c>
      <c r="N40556" t="s">
        <v>90</v>
      </c>
      <c r="O40556" t="s">
        <v>85</v>
      </c>
      <c r="P40556" t="s">
        <v>86</v>
      </c>
      <c r="Q40556">
        <v>22</v>
      </c>
      <c r="R40556">
        <v>22</v>
      </c>
      <c r="S40556">
        <v>23</v>
      </c>
      <c r="T40556">
        <v>23</v>
      </c>
      <c r="U40556">
        <v>24</v>
      </c>
      <c r="V40556">
        <v>24</v>
      </c>
      <c r="W40556">
        <v>25</v>
      </c>
      <c r="X40556">
        <v>25</v>
      </c>
      <c r="Y40556">
        <v>25</v>
      </c>
      <c r="Z40556">
        <v>26</v>
      </c>
      <c r="AA40556">
        <v>26</v>
      </c>
      <c r="AB40556">
        <v>27</v>
      </c>
      <c r="AC40556">
        <v>27</v>
      </c>
      <c r="AD40556">
        <v>27</v>
      </c>
      <c r="AE40556">
        <v>28</v>
      </c>
      <c r="AF40556">
        <v>28</v>
      </c>
      <c r="AG40556">
        <v>28</v>
      </c>
      <c r="AH40556">
        <v>28</v>
      </c>
      <c r="AI40556">
        <v>28</v>
      </c>
      <c r="AJ40556">
        <v>28</v>
      </c>
      <c r="AK40556">
        <v>28</v>
      </c>
      <c r="AL40556">
        <v>28</v>
      </c>
      <c r="AM40556">
        <v>28</v>
      </c>
      <c r="AN40556">
        <v>28</v>
      </c>
      <c r="AO40556">
        <v>28</v>
      </c>
      <c r="AP40556">
        <v>28</v>
      </c>
      <c r="AQ40556">
        <v>28</v>
      </c>
    </row>
    <row r="40557" spans="1:43">
      <c r="A40557" t="s">
        <v>25067</v>
      </c>
      <c r="B40557" t="s">
        <v>25068</v>
      </c>
      <c r="C40557" t="s">
        <v>10344</v>
      </c>
      <c r="D40557" t="s">
        <v>10345</v>
      </c>
      <c r="E40557" t="s">
        <v>10212</v>
      </c>
      <c r="F40557" t="s">
        <v>10213</v>
      </c>
      <c r="G40557" t="s">
        <v>10214</v>
      </c>
      <c r="H40557" t="s">
        <v>10215</v>
      </c>
      <c r="I40557" s="2">
        <v>1</v>
      </c>
      <c r="J40557" s="2">
        <v>0</v>
      </c>
      <c r="K40557" s="2">
        <v>0</v>
      </c>
      <c r="L40557" t="s">
        <v>120</v>
      </c>
      <c r="M40557" t="s">
        <v>83</v>
      </c>
      <c r="N40557" t="s">
        <v>91</v>
      </c>
      <c r="O40557" t="s">
        <v>85</v>
      </c>
      <c r="P40557" t="s">
        <v>86</v>
      </c>
      <c r="Q40557">
        <v>22</v>
      </c>
      <c r="R40557">
        <v>22</v>
      </c>
      <c r="S40557">
        <v>22</v>
      </c>
      <c r="T40557">
        <v>23</v>
      </c>
      <c r="U40557">
        <v>23</v>
      </c>
      <c r="V40557">
        <v>23</v>
      </c>
      <c r="W40557">
        <v>23</v>
      </c>
      <c r="X40557">
        <v>24</v>
      </c>
      <c r="Y40557">
        <v>24</v>
      </c>
      <c r="Z40557">
        <v>24</v>
      </c>
      <c r="AA40557">
        <v>25</v>
      </c>
      <c r="AB40557">
        <v>25</v>
      </c>
      <c r="AC40557">
        <v>25</v>
      </c>
      <c r="AD40557">
        <v>25</v>
      </c>
      <c r="AE40557">
        <v>26</v>
      </c>
      <c r="AF40557">
        <v>26</v>
      </c>
      <c r="AG40557">
        <v>26</v>
      </c>
      <c r="AH40557">
        <v>27</v>
      </c>
      <c r="AI40557">
        <v>27</v>
      </c>
      <c r="AJ40557">
        <v>27</v>
      </c>
      <c r="AK40557">
        <v>27</v>
      </c>
      <c r="AL40557">
        <v>27</v>
      </c>
      <c r="AM40557">
        <v>27</v>
      </c>
      <c r="AN40557">
        <v>28</v>
      </c>
      <c r="AO40557">
        <v>28</v>
      </c>
      <c r="AP40557">
        <v>28</v>
      </c>
      <c r="AQ40557">
        <v>28</v>
      </c>
    </row>
    <row r="40558" spans="1:43">
      <c r="A40558" t="s">
        <v>25069</v>
      </c>
      <c r="B40558" t="s">
        <v>25070</v>
      </c>
      <c r="C40558" t="s">
        <v>10332</v>
      </c>
      <c r="D40558" t="s">
        <v>10333</v>
      </c>
      <c r="E40558" t="s">
        <v>10212</v>
      </c>
      <c r="F40558" t="s">
        <v>10213</v>
      </c>
      <c r="G40558" t="s">
        <v>10214</v>
      </c>
      <c r="H40558" t="s">
        <v>10215</v>
      </c>
      <c r="I40558" s="2">
        <v>1</v>
      </c>
      <c r="J40558" s="2">
        <v>0</v>
      </c>
      <c r="K40558" s="2">
        <v>0</v>
      </c>
      <c r="L40558" t="s">
        <v>120</v>
      </c>
      <c r="M40558" t="s">
        <v>83</v>
      </c>
      <c r="N40558" t="s">
        <v>84</v>
      </c>
      <c r="O40558" t="s">
        <v>85</v>
      </c>
      <c r="P40558" t="s">
        <v>86</v>
      </c>
      <c r="Q40558">
        <v>29</v>
      </c>
      <c r="R40558">
        <v>30</v>
      </c>
      <c r="S40558">
        <v>30</v>
      </c>
      <c r="T40558">
        <v>31</v>
      </c>
      <c r="U40558">
        <v>31</v>
      </c>
      <c r="V40558">
        <v>32</v>
      </c>
      <c r="W40558">
        <v>32</v>
      </c>
      <c r="X40558">
        <v>32</v>
      </c>
      <c r="Y40558">
        <v>33</v>
      </c>
      <c r="Z40558">
        <v>33</v>
      </c>
      <c r="AA40558">
        <v>34</v>
      </c>
      <c r="AB40558">
        <v>34</v>
      </c>
      <c r="AC40558">
        <v>34</v>
      </c>
      <c r="AD40558">
        <v>35</v>
      </c>
      <c r="AE40558">
        <v>35</v>
      </c>
      <c r="AF40558">
        <v>35</v>
      </c>
      <c r="AG40558">
        <v>36</v>
      </c>
      <c r="AH40558">
        <v>36</v>
      </c>
      <c r="AI40558">
        <v>37</v>
      </c>
      <c r="AJ40558">
        <v>37</v>
      </c>
      <c r="AK40558">
        <v>37</v>
      </c>
      <c r="AL40558">
        <v>37</v>
      </c>
      <c r="AM40558">
        <v>37</v>
      </c>
      <c r="AN40558">
        <v>37</v>
      </c>
      <c r="AO40558">
        <v>37</v>
      </c>
      <c r="AP40558">
        <v>37</v>
      </c>
      <c r="AQ40558">
        <v>37</v>
      </c>
    </row>
    <row r="40559" spans="1:43">
      <c r="A40559" t="s">
        <v>25069</v>
      </c>
      <c r="B40559" t="s">
        <v>25070</v>
      </c>
      <c r="C40559" t="s">
        <v>10332</v>
      </c>
      <c r="D40559" t="s">
        <v>10333</v>
      </c>
      <c r="E40559" t="s">
        <v>10212</v>
      </c>
      <c r="F40559" t="s">
        <v>10213</v>
      </c>
      <c r="G40559" t="s">
        <v>10214</v>
      </c>
      <c r="H40559" t="s">
        <v>10215</v>
      </c>
      <c r="I40559" s="2">
        <v>1</v>
      </c>
      <c r="J40559" s="2">
        <v>0</v>
      </c>
      <c r="K40559" s="2">
        <v>0</v>
      </c>
      <c r="L40559" t="s">
        <v>120</v>
      </c>
      <c r="M40559" t="s">
        <v>87</v>
      </c>
      <c r="N40559" t="s">
        <v>88</v>
      </c>
      <c r="O40559" t="s">
        <v>85</v>
      </c>
      <c r="P40559" t="s">
        <v>86</v>
      </c>
      <c r="Q40559">
        <v>29</v>
      </c>
      <c r="R40559">
        <v>29</v>
      </c>
      <c r="S40559">
        <v>29</v>
      </c>
      <c r="T40559">
        <v>30</v>
      </c>
      <c r="U40559">
        <v>30</v>
      </c>
      <c r="V40559">
        <v>30</v>
      </c>
      <c r="W40559">
        <v>30</v>
      </c>
      <c r="X40559">
        <v>30</v>
      </c>
      <c r="Y40559">
        <v>30</v>
      </c>
      <c r="Z40559">
        <v>30</v>
      </c>
      <c r="AA40559">
        <v>31</v>
      </c>
      <c r="AB40559">
        <v>31</v>
      </c>
      <c r="AC40559">
        <v>31</v>
      </c>
      <c r="AD40559">
        <v>31</v>
      </c>
      <c r="AE40559">
        <v>31</v>
      </c>
      <c r="AF40559">
        <v>31</v>
      </c>
      <c r="AG40559">
        <v>31</v>
      </c>
      <c r="AH40559">
        <v>32</v>
      </c>
      <c r="AI40559">
        <v>32</v>
      </c>
      <c r="AJ40559">
        <v>32</v>
      </c>
      <c r="AK40559">
        <v>32</v>
      </c>
      <c r="AL40559">
        <v>32</v>
      </c>
      <c r="AM40559">
        <v>32</v>
      </c>
      <c r="AN40559">
        <v>32</v>
      </c>
      <c r="AO40559">
        <v>32</v>
      </c>
      <c r="AP40559">
        <v>33</v>
      </c>
      <c r="AQ40559">
        <v>33</v>
      </c>
    </row>
    <row r="40560" spans="1:43">
      <c r="A40560" t="s">
        <v>25069</v>
      </c>
      <c r="B40560" t="s">
        <v>25070</v>
      </c>
      <c r="C40560" t="s">
        <v>10332</v>
      </c>
      <c r="D40560" t="s">
        <v>10333</v>
      </c>
      <c r="E40560" t="s">
        <v>10212</v>
      </c>
      <c r="F40560" t="s">
        <v>10213</v>
      </c>
      <c r="G40560" t="s">
        <v>10214</v>
      </c>
      <c r="H40560" t="s">
        <v>10215</v>
      </c>
      <c r="I40560" s="2">
        <v>1</v>
      </c>
      <c r="J40560" s="2">
        <v>0</v>
      </c>
      <c r="K40560" s="2">
        <v>0</v>
      </c>
      <c r="L40560" t="s">
        <v>120</v>
      </c>
      <c r="M40560" t="s">
        <v>89</v>
      </c>
      <c r="N40560" t="s">
        <v>90</v>
      </c>
      <c r="O40560" t="s">
        <v>85</v>
      </c>
      <c r="P40560" t="s">
        <v>86</v>
      </c>
      <c r="Q40560">
        <v>29</v>
      </c>
      <c r="R40560">
        <v>29</v>
      </c>
      <c r="S40560">
        <v>30</v>
      </c>
      <c r="T40560">
        <v>31</v>
      </c>
      <c r="U40560">
        <v>31</v>
      </c>
      <c r="V40560">
        <v>32</v>
      </c>
      <c r="W40560">
        <v>33</v>
      </c>
      <c r="X40560">
        <v>33</v>
      </c>
      <c r="Y40560">
        <v>34</v>
      </c>
      <c r="Z40560">
        <v>34</v>
      </c>
      <c r="AA40560">
        <v>35</v>
      </c>
      <c r="AB40560">
        <v>35</v>
      </c>
      <c r="AC40560">
        <v>36</v>
      </c>
      <c r="AD40560">
        <v>36</v>
      </c>
      <c r="AE40560">
        <v>37</v>
      </c>
      <c r="AF40560">
        <v>37</v>
      </c>
      <c r="AG40560">
        <v>37</v>
      </c>
      <c r="AH40560">
        <v>37</v>
      </c>
      <c r="AI40560">
        <v>37</v>
      </c>
      <c r="AJ40560">
        <v>37</v>
      </c>
      <c r="AK40560">
        <v>37</v>
      </c>
      <c r="AL40560">
        <v>37</v>
      </c>
      <c r="AM40560">
        <v>37</v>
      </c>
      <c r="AN40560">
        <v>37</v>
      </c>
      <c r="AO40560">
        <v>37</v>
      </c>
      <c r="AP40560">
        <v>37</v>
      </c>
      <c r="AQ40560">
        <v>37</v>
      </c>
    </row>
    <row r="40561" spans="1:43">
      <c r="A40561" t="s">
        <v>25069</v>
      </c>
      <c r="B40561" t="s">
        <v>25070</v>
      </c>
      <c r="C40561" t="s">
        <v>10332</v>
      </c>
      <c r="D40561" t="s">
        <v>10333</v>
      </c>
      <c r="E40561" t="s">
        <v>10212</v>
      </c>
      <c r="F40561" t="s">
        <v>10213</v>
      </c>
      <c r="G40561" t="s">
        <v>10214</v>
      </c>
      <c r="H40561" t="s">
        <v>10215</v>
      </c>
      <c r="I40561" s="2">
        <v>1</v>
      </c>
      <c r="J40561" s="2">
        <v>0</v>
      </c>
      <c r="K40561" s="2">
        <v>0</v>
      </c>
      <c r="L40561" t="s">
        <v>120</v>
      </c>
      <c r="M40561" t="s">
        <v>83</v>
      </c>
      <c r="N40561" t="s">
        <v>91</v>
      </c>
      <c r="O40561" t="s">
        <v>85</v>
      </c>
      <c r="P40561" t="s">
        <v>86</v>
      </c>
      <c r="Q40561">
        <v>29</v>
      </c>
      <c r="R40561">
        <v>30</v>
      </c>
      <c r="S40561">
        <v>30</v>
      </c>
      <c r="T40561">
        <v>31</v>
      </c>
      <c r="U40561">
        <v>31</v>
      </c>
      <c r="V40561">
        <v>32</v>
      </c>
      <c r="W40561">
        <v>32</v>
      </c>
      <c r="X40561">
        <v>32</v>
      </c>
      <c r="Y40561">
        <v>33</v>
      </c>
      <c r="Z40561">
        <v>33</v>
      </c>
      <c r="AA40561">
        <v>34</v>
      </c>
      <c r="AB40561">
        <v>34</v>
      </c>
      <c r="AC40561">
        <v>34</v>
      </c>
      <c r="AD40561">
        <v>35</v>
      </c>
      <c r="AE40561">
        <v>35</v>
      </c>
      <c r="AF40561">
        <v>35</v>
      </c>
      <c r="AG40561">
        <v>36</v>
      </c>
      <c r="AH40561">
        <v>36</v>
      </c>
      <c r="AI40561">
        <v>37</v>
      </c>
      <c r="AJ40561">
        <v>37</v>
      </c>
      <c r="AK40561">
        <v>37</v>
      </c>
      <c r="AL40561">
        <v>37</v>
      </c>
      <c r="AM40561">
        <v>37</v>
      </c>
      <c r="AN40561">
        <v>37</v>
      </c>
      <c r="AO40561">
        <v>37</v>
      </c>
      <c r="AP40561">
        <v>37</v>
      </c>
      <c r="AQ40561">
        <v>37</v>
      </c>
    </row>
    <row r="40562" spans="1:43">
      <c r="A40562" t="s">
        <v>25071</v>
      </c>
      <c r="B40562" t="s">
        <v>25072</v>
      </c>
      <c r="C40562" t="s">
        <v>10344</v>
      </c>
      <c r="D40562" t="s">
        <v>10345</v>
      </c>
      <c r="E40562" t="s">
        <v>10212</v>
      </c>
      <c r="F40562" t="s">
        <v>10213</v>
      </c>
      <c r="G40562" t="s">
        <v>10214</v>
      </c>
      <c r="H40562" t="s">
        <v>10215</v>
      </c>
      <c r="I40562" s="2">
        <v>1</v>
      </c>
      <c r="J40562" s="2">
        <v>0</v>
      </c>
      <c r="K40562" s="2">
        <v>0</v>
      </c>
      <c r="L40562" t="s">
        <v>120</v>
      </c>
      <c r="M40562" t="s">
        <v>83</v>
      </c>
      <c r="N40562" t="s">
        <v>84</v>
      </c>
      <c r="O40562" t="s">
        <v>85</v>
      </c>
      <c r="P40562" t="s">
        <v>86</v>
      </c>
      <c r="Q40562">
        <v>10</v>
      </c>
      <c r="R40562">
        <v>11</v>
      </c>
      <c r="S40562">
        <v>11</v>
      </c>
      <c r="T40562">
        <v>11</v>
      </c>
      <c r="U40562">
        <v>11</v>
      </c>
      <c r="V40562">
        <v>11</v>
      </c>
      <c r="W40562">
        <v>11</v>
      </c>
      <c r="X40562">
        <v>11</v>
      </c>
      <c r="Y40562">
        <v>12</v>
      </c>
      <c r="Z40562">
        <v>12</v>
      </c>
      <c r="AA40562">
        <v>12</v>
      </c>
      <c r="AB40562">
        <v>12</v>
      </c>
      <c r="AC40562">
        <v>12</v>
      </c>
      <c r="AD40562">
        <v>12</v>
      </c>
      <c r="AE40562">
        <v>12</v>
      </c>
      <c r="AF40562">
        <v>13</v>
      </c>
      <c r="AG40562">
        <v>13</v>
      </c>
      <c r="AH40562">
        <v>13</v>
      </c>
      <c r="AI40562">
        <v>13</v>
      </c>
      <c r="AJ40562">
        <v>13</v>
      </c>
      <c r="AK40562">
        <v>13</v>
      </c>
      <c r="AL40562">
        <v>13</v>
      </c>
      <c r="AM40562">
        <v>13</v>
      </c>
      <c r="AN40562">
        <v>13</v>
      </c>
      <c r="AO40562">
        <v>13</v>
      </c>
      <c r="AP40562">
        <v>13</v>
      </c>
      <c r="AQ40562">
        <v>13</v>
      </c>
    </row>
    <row r="40563" spans="1:43">
      <c r="A40563" t="s">
        <v>25071</v>
      </c>
      <c r="B40563" t="s">
        <v>25072</v>
      </c>
      <c r="C40563" t="s">
        <v>10344</v>
      </c>
      <c r="D40563" t="s">
        <v>10345</v>
      </c>
      <c r="E40563" t="s">
        <v>10212</v>
      </c>
      <c r="F40563" t="s">
        <v>10213</v>
      </c>
      <c r="G40563" t="s">
        <v>10214</v>
      </c>
      <c r="H40563" t="s">
        <v>10215</v>
      </c>
      <c r="I40563" s="2">
        <v>1</v>
      </c>
      <c r="J40563" s="2">
        <v>0</v>
      </c>
      <c r="K40563" s="2">
        <v>0</v>
      </c>
      <c r="L40563" t="s">
        <v>120</v>
      </c>
      <c r="M40563" t="s">
        <v>87</v>
      </c>
      <c r="N40563" t="s">
        <v>88</v>
      </c>
      <c r="O40563" t="s">
        <v>85</v>
      </c>
      <c r="P40563" t="s">
        <v>86</v>
      </c>
      <c r="Q40563">
        <v>10</v>
      </c>
      <c r="R40563">
        <v>10</v>
      </c>
      <c r="S40563">
        <v>10</v>
      </c>
      <c r="T40563">
        <v>10</v>
      </c>
      <c r="U40563">
        <v>11</v>
      </c>
      <c r="V40563">
        <v>11</v>
      </c>
      <c r="W40563">
        <v>11</v>
      </c>
      <c r="X40563">
        <v>11</v>
      </c>
      <c r="Y40563">
        <v>11</v>
      </c>
      <c r="Z40563">
        <v>11</v>
      </c>
      <c r="AA40563">
        <v>11</v>
      </c>
      <c r="AB40563">
        <v>11</v>
      </c>
      <c r="AC40563">
        <v>11</v>
      </c>
      <c r="AD40563">
        <v>11</v>
      </c>
      <c r="AE40563">
        <v>11</v>
      </c>
      <c r="AF40563">
        <v>11</v>
      </c>
      <c r="AG40563">
        <v>11</v>
      </c>
      <c r="AH40563">
        <v>11</v>
      </c>
      <c r="AI40563">
        <v>11</v>
      </c>
      <c r="AJ40563">
        <v>11</v>
      </c>
      <c r="AK40563">
        <v>11</v>
      </c>
      <c r="AL40563">
        <v>11</v>
      </c>
      <c r="AM40563">
        <v>11</v>
      </c>
      <c r="AN40563">
        <v>11</v>
      </c>
      <c r="AO40563">
        <v>11</v>
      </c>
      <c r="AP40563">
        <v>12</v>
      </c>
      <c r="AQ40563">
        <v>12</v>
      </c>
    </row>
    <row r="40564" spans="1:43">
      <c r="A40564" t="s">
        <v>25071</v>
      </c>
      <c r="B40564" t="s">
        <v>25072</v>
      </c>
      <c r="C40564" t="s">
        <v>10344</v>
      </c>
      <c r="D40564" t="s">
        <v>10345</v>
      </c>
      <c r="E40564" t="s">
        <v>10212</v>
      </c>
      <c r="F40564" t="s">
        <v>10213</v>
      </c>
      <c r="G40564" t="s">
        <v>10214</v>
      </c>
      <c r="H40564" t="s">
        <v>10215</v>
      </c>
      <c r="I40564" s="2">
        <v>1</v>
      </c>
      <c r="J40564" s="2">
        <v>0</v>
      </c>
      <c r="K40564" s="2">
        <v>0</v>
      </c>
      <c r="L40564" t="s">
        <v>120</v>
      </c>
      <c r="M40564" t="s">
        <v>89</v>
      </c>
      <c r="N40564" t="s">
        <v>90</v>
      </c>
      <c r="O40564" t="s">
        <v>85</v>
      </c>
      <c r="P40564" t="s">
        <v>86</v>
      </c>
      <c r="Q40564">
        <v>10</v>
      </c>
      <c r="R40564">
        <v>10</v>
      </c>
      <c r="S40564">
        <v>10</v>
      </c>
      <c r="T40564">
        <v>10</v>
      </c>
      <c r="U40564">
        <v>10</v>
      </c>
      <c r="V40564">
        <v>11</v>
      </c>
      <c r="W40564">
        <v>11</v>
      </c>
      <c r="X40564">
        <v>11</v>
      </c>
      <c r="Y40564">
        <v>11</v>
      </c>
      <c r="Z40564">
        <v>11</v>
      </c>
      <c r="AA40564">
        <v>12</v>
      </c>
      <c r="AB40564">
        <v>12</v>
      </c>
      <c r="AC40564">
        <v>12</v>
      </c>
      <c r="AD40564">
        <v>12</v>
      </c>
      <c r="AE40564">
        <v>12</v>
      </c>
      <c r="AF40564">
        <v>12</v>
      </c>
      <c r="AG40564">
        <v>12</v>
      </c>
      <c r="AH40564">
        <v>12</v>
      </c>
      <c r="AI40564">
        <v>12</v>
      </c>
      <c r="AJ40564">
        <v>12</v>
      </c>
      <c r="AK40564">
        <v>12</v>
      </c>
      <c r="AL40564">
        <v>12</v>
      </c>
      <c r="AM40564">
        <v>12</v>
      </c>
      <c r="AN40564">
        <v>12</v>
      </c>
      <c r="AO40564">
        <v>12</v>
      </c>
      <c r="AP40564">
        <v>12</v>
      </c>
      <c r="AQ40564">
        <v>12</v>
      </c>
    </row>
    <row r="40565" spans="1:43">
      <c r="A40565" t="s">
        <v>25071</v>
      </c>
      <c r="B40565" t="s">
        <v>25072</v>
      </c>
      <c r="C40565" t="s">
        <v>10344</v>
      </c>
      <c r="D40565" t="s">
        <v>10345</v>
      </c>
      <c r="E40565" t="s">
        <v>10212</v>
      </c>
      <c r="F40565" t="s">
        <v>10213</v>
      </c>
      <c r="G40565" t="s">
        <v>10214</v>
      </c>
      <c r="H40565" t="s">
        <v>10215</v>
      </c>
      <c r="I40565" s="2">
        <v>1</v>
      </c>
      <c r="J40565" s="2">
        <v>0</v>
      </c>
      <c r="K40565" s="2">
        <v>0</v>
      </c>
      <c r="L40565" t="s">
        <v>120</v>
      </c>
      <c r="M40565" t="s">
        <v>83</v>
      </c>
      <c r="N40565" t="s">
        <v>91</v>
      </c>
      <c r="O40565" t="s">
        <v>85</v>
      </c>
      <c r="P40565" t="s">
        <v>86</v>
      </c>
      <c r="Q40565">
        <v>10</v>
      </c>
      <c r="R40565">
        <v>11</v>
      </c>
      <c r="S40565">
        <v>11</v>
      </c>
      <c r="T40565">
        <v>11</v>
      </c>
      <c r="U40565">
        <v>11</v>
      </c>
      <c r="V40565">
        <v>11</v>
      </c>
      <c r="W40565">
        <v>11</v>
      </c>
      <c r="X40565">
        <v>11</v>
      </c>
      <c r="Y40565">
        <v>12</v>
      </c>
      <c r="Z40565">
        <v>12</v>
      </c>
      <c r="AA40565">
        <v>12</v>
      </c>
      <c r="AB40565">
        <v>12</v>
      </c>
      <c r="AC40565">
        <v>12</v>
      </c>
      <c r="AD40565">
        <v>12</v>
      </c>
      <c r="AE40565">
        <v>12</v>
      </c>
      <c r="AF40565">
        <v>13</v>
      </c>
      <c r="AG40565">
        <v>13</v>
      </c>
      <c r="AH40565">
        <v>13</v>
      </c>
      <c r="AI40565">
        <v>13</v>
      </c>
      <c r="AJ40565">
        <v>13</v>
      </c>
      <c r="AK40565">
        <v>13</v>
      </c>
      <c r="AL40565">
        <v>13</v>
      </c>
      <c r="AM40565">
        <v>13</v>
      </c>
      <c r="AN40565">
        <v>13</v>
      </c>
      <c r="AO40565">
        <v>13</v>
      </c>
      <c r="AP40565">
        <v>13</v>
      </c>
      <c r="AQ40565">
        <v>13</v>
      </c>
    </row>
    <row r="40566" spans="1:43">
      <c r="A40566" t="s">
        <v>25073</v>
      </c>
      <c r="B40566" t="s">
        <v>25074</v>
      </c>
      <c r="C40566" t="s">
        <v>10332</v>
      </c>
      <c r="D40566" t="s">
        <v>10333</v>
      </c>
      <c r="E40566" t="s">
        <v>10212</v>
      </c>
      <c r="F40566" t="s">
        <v>10213</v>
      </c>
      <c r="G40566" t="s">
        <v>10214</v>
      </c>
      <c r="H40566" t="s">
        <v>10215</v>
      </c>
      <c r="I40566" s="2">
        <v>1</v>
      </c>
      <c r="J40566" s="2">
        <v>0</v>
      </c>
      <c r="K40566" s="2">
        <v>0</v>
      </c>
      <c r="L40566" t="s">
        <v>120</v>
      </c>
      <c r="M40566" t="s">
        <v>83</v>
      </c>
      <c r="N40566" t="s">
        <v>84</v>
      </c>
      <c r="O40566" t="s">
        <v>85</v>
      </c>
      <c r="P40566" t="s">
        <v>86</v>
      </c>
      <c r="Q40566">
        <v>31</v>
      </c>
      <c r="R40566">
        <v>32</v>
      </c>
      <c r="S40566">
        <v>32</v>
      </c>
      <c r="T40566">
        <v>33</v>
      </c>
      <c r="U40566">
        <v>33</v>
      </c>
      <c r="V40566">
        <v>34</v>
      </c>
      <c r="W40566">
        <v>34</v>
      </c>
      <c r="X40566">
        <v>34</v>
      </c>
      <c r="Y40566">
        <v>35</v>
      </c>
      <c r="Z40566">
        <v>35</v>
      </c>
      <c r="AA40566">
        <v>36</v>
      </c>
      <c r="AB40566">
        <v>36</v>
      </c>
      <c r="AC40566">
        <v>37</v>
      </c>
      <c r="AD40566">
        <v>37</v>
      </c>
      <c r="AE40566">
        <v>37</v>
      </c>
      <c r="AF40566">
        <v>38</v>
      </c>
      <c r="AG40566">
        <v>38</v>
      </c>
      <c r="AH40566">
        <v>39</v>
      </c>
      <c r="AI40566">
        <v>39</v>
      </c>
      <c r="AJ40566">
        <v>39</v>
      </c>
      <c r="AK40566">
        <v>40</v>
      </c>
      <c r="AL40566">
        <v>40</v>
      </c>
      <c r="AM40566">
        <v>40</v>
      </c>
      <c r="AN40566">
        <v>40</v>
      </c>
      <c r="AO40566">
        <v>40</v>
      </c>
      <c r="AP40566">
        <v>40</v>
      </c>
      <c r="AQ40566">
        <v>40</v>
      </c>
    </row>
    <row r="40567" spans="1:43">
      <c r="A40567" t="s">
        <v>25073</v>
      </c>
      <c r="B40567" t="s">
        <v>25074</v>
      </c>
      <c r="C40567" t="s">
        <v>10332</v>
      </c>
      <c r="D40567" t="s">
        <v>10333</v>
      </c>
      <c r="E40567" t="s">
        <v>10212</v>
      </c>
      <c r="F40567" t="s">
        <v>10213</v>
      </c>
      <c r="G40567" t="s">
        <v>10214</v>
      </c>
      <c r="H40567" t="s">
        <v>10215</v>
      </c>
      <c r="I40567" s="2">
        <v>1</v>
      </c>
      <c r="J40567" s="2">
        <v>0</v>
      </c>
      <c r="K40567" s="2">
        <v>0</v>
      </c>
      <c r="L40567" t="s">
        <v>120</v>
      </c>
      <c r="M40567" t="s">
        <v>87</v>
      </c>
      <c r="N40567" t="s">
        <v>88</v>
      </c>
      <c r="O40567" t="s">
        <v>85</v>
      </c>
      <c r="P40567" t="s">
        <v>86</v>
      </c>
      <c r="Q40567">
        <v>31</v>
      </c>
      <c r="R40567">
        <v>31</v>
      </c>
      <c r="S40567">
        <v>31</v>
      </c>
      <c r="T40567">
        <v>32</v>
      </c>
      <c r="U40567">
        <v>32</v>
      </c>
      <c r="V40567">
        <v>32</v>
      </c>
      <c r="W40567">
        <v>32</v>
      </c>
      <c r="X40567">
        <v>32</v>
      </c>
      <c r="Y40567">
        <v>32</v>
      </c>
      <c r="Z40567">
        <v>32</v>
      </c>
      <c r="AA40567">
        <v>33</v>
      </c>
      <c r="AB40567">
        <v>33</v>
      </c>
      <c r="AC40567">
        <v>33</v>
      </c>
      <c r="AD40567">
        <v>33</v>
      </c>
      <c r="AE40567">
        <v>33</v>
      </c>
      <c r="AF40567">
        <v>33</v>
      </c>
      <c r="AG40567">
        <v>33</v>
      </c>
      <c r="AH40567">
        <v>34</v>
      </c>
      <c r="AI40567">
        <v>34</v>
      </c>
      <c r="AJ40567">
        <v>34</v>
      </c>
      <c r="AK40567">
        <v>34</v>
      </c>
      <c r="AL40567">
        <v>34</v>
      </c>
      <c r="AM40567">
        <v>34</v>
      </c>
      <c r="AN40567">
        <v>34</v>
      </c>
      <c r="AO40567">
        <v>34</v>
      </c>
      <c r="AP40567">
        <v>35</v>
      </c>
      <c r="AQ40567">
        <v>35</v>
      </c>
    </row>
    <row r="40568" spans="1:43">
      <c r="A40568" t="s">
        <v>25073</v>
      </c>
      <c r="B40568" t="s">
        <v>25074</v>
      </c>
      <c r="C40568" t="s">
        <v>10332</v>
      </c>
      <c r="D40568" t="s">
        <v>10333</v>
      </c>
      <c r="E40568" t="s">
        <v>10212</v>
      </c>
      <c r="F40568" t="s">
        <v>10213</v>
      </c>
      <c r="G40568" t="s">
        <v>10214</v>
      </c>
      <c r="H40568" t="s">
        <v>10215</v>
      </c>
      <c r="I40568" s="2">
        <v>1</v>
      </c>
      <c r="J40568" s="2">
        <v>0</v>
      </c>
      <c r="K40568" s="2">
        <v>0</v>
      </c>
      <c r="L40568" t="s">
        <v>120</v>
      </c>
      <c r="M40568" t="s">
        <v>89</v>
      </c>
      <c r="N40568" t="s">
        <v>90</v>
      </c>
      <c r="O40568" t="s">
        <v>85</v>
      </c>
      <c r="P40568" t="s">
        <v>86</v>
      </c>
      <c r="Q40568">
        <v>31</v>
      </c>
      <c r="R40568">
        <v>31</v>
      </c>
      <c r="S40568">
        <v>32</v>
      </c>
      <c r="T40568">
        <v>33</v>
      </c>
      <c r="U40568">
        <v>33</v>
      </c>
      <c r="V40568">
        <v>34</v>
      </c>
      <c r="W40568">
        <v>35</v>
      </c>
      <c r="X40568">
        <v>35</v>
      </c>
      <c r="Y40568">
        <v>36</v>
      </c>
      <c r="Z40568">
        <v>36</v>
      </c>
      <c r="AA40568">
        <v>37</v>
      </c>
      <c r="AB40568">
        <v>37</v>
      </c>
      <c r="AC40568">
        <v>38</v>
      </c>
      <c r="AD40568">
        <v>39</v>
      </c>
      <c r="AE40568">
        <v>39</v>
      </c>
      <c r="AF40568">
        <v>39</v>
      </c>
      <c r="AG40568">
        <v>39</v>
      </c>
      <c r="AH40568">
        <v>39</v>
      </c>
      <c r="AI40568">
        <v>39</v>
      </c>
      <c r="AJ40568">
        <v>39</v>
      </c>
      <c r="AK40568">
        <v>39</v>
      </c>
      <c r="AL40568">
        <v>39</v>
      </c>
      <c r="AM40568">
        <v>39</v>
      </c>
      <c r="AN40568">
        <v>39</v>
      </c>
      <c r="AO40568">
        <v>39</v>
      </c>
      <c r="AP40568">
        <v>39</v>
      </c>
      <c r="AQ40568">
        <v>39</v>
      </c>
    </row>
    <row r="40569" spans="1:43">
      <c r="A40569" t="s">
        <v>25073</v>
      </c>
      <c r="B40569" t="s">
        <v>25074</v>
      </c>
      <c r="C40569" t="s">
        <v>10332</v>
      </c>
      <c r="D40569" t="s">
        <v>10333</v>
      </c>
      <c r="E40569" t="s">
        <v>10212</v>
      </c>
      <c r="F40569" t="s">
        <v>10213</v>
      </c>
      <c r="G40569" t="s">
        <v>10214</v>
      </c>
      <c r="H40569" t="s">
        <v>10215</v>
      </c>
      <c r="I40569" s="2">
        <v>1</v>
      </c>
      <c r="J40569" s="2">
        <v>0</v>
      </c>
      <c r="K40569" s="2">
        <v>0</v>
      </c>
      <c r="L40569" t="s">
        <v>120</v>
      </c>
      <c r="M40569" t="s">
        <v>83</v>
      </c>
      <c r="N40569" t="s">
        <v>91</v>
      </c>
      <c r="O40569" t="s">
        <v>85</v>
      </c>
      <c r="P40569" t="s">
        <v>86</v>
      </c>
      <c r="Q40569">
        <v>31</v>
      </c>
      <c r="R40569">
        <v>32</v>
      </c>
      <c r="S40569">
        <v>32</v>
      </c>
      <c r="T40569">
        <v>33</v>
      </c>
      <c r="U40569">
        <v>33</v>
      </c>
      <c r="V40569">
        <v>34</v>
      </c>
      <c r="W40569">
        <v>34</v>
      </c>
      <c r="X40569">
        <v>34</v>
      </c>
      <c r="Y40569">
        <v>35</v>
      </c>
      <c r="Z40569">
        <v>35</v>
      </c>
      <c r="AA40569">
        <v>36</v>
      </c>
      <c r="AB40569">
        <v>36</v>
      </c>
      <c r="AC40569">
        <v>37</v>
      </c>
      <c r="AD40569">
        <v>37</v>
      </c>
      <c r="AE40569">
        <v>37</v>
      </c>
      <c r="AF40569">
        <v>38</v>
      </c>
      <c r="AG40569">
        <v>38</v>
      </c>
      <c r="AH40569">
        <v>39</v>
      </c>
      <c r="AI40569">
        <v>39</v>
      </c>
      <c r="AJ40569">
        <v>39</v>
      </c>
      <c r="AK40569">
        <v>40</v>
      </c>
      <c r="AL40569">
        <v>40</v>
      </c>
      <c r="AM40569">
        <v>40</v>
      </c>
      <c r="AN40569">
        <v>40</v>
      </c>
      <c r="AO40569">
        <v>40</v>
      </c>
      <c r="AP40569">
        <v>40</v>
      </c>
      <c r="AQ40569">
        <v>40</v>
      </c>
    </row>
    <row r="40570" spans="1:43">
      <c r="A40570" t="s">
        <v>25075</v>
      </c>
      <c r="B40570" t="s">
        <v>25076</v>
      </c>
      <c r="C40570" t="s">
        <v>10294</v>
      </c>
      <c r="D40570" t="s">
        <v>10295</v>
      </c>
      <c r="E40570" t="s">
        <v>10212</v>
      </c>
      <c r="F40570" t="s">
        <v>10213</v>
      </c>
      <c r="G40570" t="s">
        <v>10214</v>
      </c>
      <c r="H40570" t="s">
        <v>10215</v>
      </c>
      <c r="I40570" s="2">
        <v>1</v>
      </c>
      <c r="J40570" s="2">
        <v>0</v>
      </c>
      <c r="K40570" s="2">
        <v>0</v>
      </c>
      <c r="L40570" t="s">
        <v>120</v>
      </c>
      <c r="M40570" t="s">
        <v>83</v>
      </c>
      <c r="N40570" t="s">
        <v>84</v>
      </c>
      <c r="O40570" t="s">
        <v>85</v>
      </c>
      <c r="P40570" t="s">
        <v>86</v>
      </c>
      <c r="Q40570">
        <v>17</v>
      </c>
      <c r="R40570">
        <v>17</v>
      </c>
      <c r="S40570">
        <v>17</v>
      </c>
      <c r="T40570">
        <v>17</v>
      </c>
      <c r="U40570">
        <v>18</v>
      </c>
      <c r="V40570">
        <v>18</v>
      </c>
      <c r="W40570">
        <v>18</v>
      </c>
      <c r="X40570">
        <v>18</v>
      </c>
      <c r="Y40570">
        <v>19</v>
      </c>
      <c r="Z40570">
        <v>19</v>
      </c>
      <c r="AA40570">
        <v>19</v>
      </c>
      <c r="AB40570">
        <v>19</v>
      </c>
      <c r="AC40570">
        <v>19</v>
      </c>
      <c r="AD40570">
        <v>20</v>
      </c>
      <c r="AE40570">
        <v>20</v>
      </c>
      <c r="AF40570">
        <v>20</v>
      </c>
      <c r="AG40570">
        <v>20</v>
      </c>
      <c r="AH40570">
        <v>21</v>
      </c>
      <c r="AI40570">
        <v>21</v>
      </c>
      <c r="AJ40570">
        <v>21</v>
      </c>
      <c r="AK40570">
        <v>21</v>
      </c>
      <c r="AL40570">
        <v>21</v>
      </c>
      <c r="AM40570">
        <v>21</v>
      </c>
      <c r="AN40570">
        <v>21</v>
      </c>
      <c r="AO40570">
        <v>21</v>
      </c>
      <c r="AP40570">
        <v>21</v>
      </c>
      <c r="AQ40570">
        <v>21</v>
      </c>
    </row>
    <row r="40571" spans="1:43">
      <c r="A40571" t="s">
        <v>25075</v>
      </c>
      <c r="B40571" t="s">
        <v>25076</v>
      </c>
      <c r="C40571" t="s">
        <v>10294</v>
      </c>
      <c r="D40571" t="s">
        <v>10295</v>
      </c>
      <c r="E40571" t="s">
        <v>10212</v>
      </c>
      <c r="F40571" t="s">
        <v>10213</v>
      </c>
      <c r="G40571" t="s">
        <v>10214</v>
      </c>
      <c r="H40571" t="s">
        <v>10215</v>
      </c>
      <c r="I40571" s="2">
        <v>1</v>
      </c>
      <c r="J40571" s="2">
        <v>0</v>
      </c>
      <c r="K40571" s="2">
        <v>0</v>
      </c>
      <c r="L40571" t="s">
        <v>120</v>
      </c>
      <c r="M40571" t="s">
        <v>87</v>
      </c>
      <c r="N40571" t="s">
        <v>88</v>
      </c>
      <c r="O40571" t="s">
        <v>85</v>
      </c>
      <c r="P40571" t="s">
        <v>86</v>
      </c>
      <c r="Q40571">
        <v>17</v>
      </c>
      <c r="R40571">
        <v>17</v>
      </c>
      <c r="S40571">
        <v>17</v>
      </c>
      <c r="T40571">
        <v>17</v>
      </c>
      <c r="U40571">
        <v>17</v>
      </c>
      <c r="V40571">
        <v>17</v>
      </c>
      <c r="W40571">
        <v>17</v>
      </c>
      <c r="X40571">
        <v>17</v>
      </c>
      <c r="Y40571">
        <v>17</v>
      </c>
      <c r="Z40571">
        <v>17</v>
      </c>
      <c r="AA40571">
        <v>17</v>
      </c>
      <c r="AB40571">
        <v>17</v>
      </c>
      <c r="AC40571">
        <v>18</v>
      </c>
      <c r="AD40571">
        <v>18</v>
      </c>
      <c r="AE40571">
        <v>18</v>
      </c>
      <c r="AF40571">
        <v>18</v>
      </c>
      <c r="AG40571">
        <v>18</v>
      </c>
      <c r="AH40571">
        <v>18</v>
      </c>
      <c r="AI40571">
        <v>18</v>
      </c>
      <c r="AJ40571">
        <v>18</v>
      </c>
      <c r="AK40571">
        <v>18</v>
      </c>
      <c r="AL40571">
        <v>18</v>
      </c>
      <c r="AM40571">
        <v>18</v>
      </c>
      <c r="AN40571">
        <v>18</v>
      </c>
      <c r="AO40571">
        <v>18</v>
      </c>
      <c r="AP40571">
        <v>18</v>
      </c>
      <c r="AQ40571">
        <v>19</v>
      </c>
    </row>
    <row r="40572" spans="1:43">
      <c r="A40572" t="s">
        <v>25075</v>
      </c>
      <c r="B40572" t="s">
        <v>25076</v>
      </c>
      <c r="C40572" t="s">
        <v>10294</v>
      </c>
      <c r="D40572" t="s">
        <v>10295</v>
      </c>
      <c r="E40572" t="s">
        <v>10212</v>
      </c>
      <c r="F40572" t="s">
        <v>10213</v>
      </c>
      <c r="G40572" t="s">
        <v>10214</v>
      </c>
      <c r="H40572" t="s">
        <v>10215</v>
      </c>
      <c r="I40572" s="2">
        <v>1</v>
      </c>
      <c r="J40572" s="2">
        <v>0</v>
      </c>
      <c r="K40572" s="2">
        <v>0</v>
      </c>
      <c r="L40572" t="s">
        <v>120</v>
      </c>
      <c r="M40572" t="s">
        <v>89</v>
      </c>
      <c r="N40572" t="s">
        <v>90</v>
      </c>
      <c r="O40572" t="s">
        <v>85</v>
      </c>
      <c r="P40572" t="s">
        <v>86</v>
      </c>
      <c r="Q40572">
        <v>17</v>
      </c>
      <c r="R40572">
        <v>17</v>
      </c>
      <c r="S40572">
        <v>18</v>
      </c>
      <c r="T40572">
        <v>18</v>
      </c>
      <c r="U40572">
        <v>18</v>
      </c>
      <c r="V40572">
        <v>19</v>
      </c>
      <c r="W40572">
        <v>19</v>
      </c>
      <c r="X40572">
        <v>19</v>
      </c>
      <c r="Y40572">
        <v>20</v>
      </c>
      <c r="Z40572">
        <v>20</v>
      </c>
      <c r="AA40572">
        <v>20</v>
      </c>
      <c r="AB40572">
        <v>21</v>
      </c>
      <c r="AC40572">
        <v>21</v>
      </c>
      <c r="AD40572">
        <v>21</v>
      </c>
      <c r="AE40572">
        <v>21</v>
      </c>
      <c r="AF40572">
        <v>21</v>
      </c>
      <c r="AG40572">
        <v>21</v>
      </c>
      <c r="AH40572">
        <v>21</v>
      </c>
      <c r="AI40572">
        <v>21</v>
      </c>
      <c r="AJ40572">
        <v>21</v>
      </c>
      <c r="AK40572">
        <v>21</v>
      </c>
      <c r="AL40572">
        <v>21</v>
      </c>
      <c r="AM40572">
        <v>22</v>
      </c>
      <c r="AN40572">
        <v>22</v>
      </c>
      <c r="AO40572">
        <v>22</v>
      </c>
      <c r="AP40572">
        <v>22</v>
      </c>
      <c r="AQ40572">
        <v>22</v>
      </c>
    </row>
    <row r="40573" spans="1:43">
      <c r="A40573" t="s">
        <v>25075</v>
      </c>
      <c r="B40573" t="s">
        <v>25076</v>
      </c>
      <c r="C40573" t="s">
        <v>10294</v>
      </c>
      <c r="D40573" t="s">
        <v>10295</v>
      </c>
      <c r="E40573" t="s">
        <v>10212</v>
      </c>
      <c r="F40573" t="s">
        <v>10213</v>
      </c>
      <c r="G40573" t="s">
        <v>10214</v>
      </c>
      <c r="H40573" t="s">
        <v>10215</v>
      </c>
      <c r="I40573" s="2">
        <v>1</v>
      </c>
      <c r="J40573" s="2">
        <v>0</v>
      </c>
      <c r="K40573" s="2">
        <v>0</v>
      </c>
      <c r="L40573" t="s">
        <v>120</v>
      </c>
      <c r="M40573" t="s">
        <v>83</v>
      </c>
      <c r="N40573" t="s">
        <v>91</v>
      </c>
      <c r="O40573" t="s">
        <v>85</v>
      </c>
      <c r="P40573" t="s">
        <v>86</v>
      </c>
      <c r="Q40573">
        <v>17</v>
      </c>
      <c r="R40573">
        <v>17</v>
      </c>
      <c r="S40573">
        <v>17</v>
      </c>
      <c r="T40573">
        <v>17</v>
      </c>
      <c r="U40573">
        <v>18</v>
      </c>
      <c r="V40573">
        <v>18</v>
      </c>
      <c r="W40573">
        <v>18</v>
      </c>
      <c r="X40573">
        <v>18</v>
      </c>
      <c r="Y40573">
        <v>19</v>
      </c>
      <c r="Z40573">
        <v>19</v>
      </c>
      <c r="AA40573">
        <v>19</v>
      </c>
      <c r="AB40573">
        <v>19</v>
      </c>
      <c r="AC40573">
        <v>19</v>
      </c>
      <c r="AD40573">
        <v>20</v>
      </c>
      <c r="AE40573">
        <v>20</v>
      </c>
      <c r="AF40573">
        <v>20</v>
      </c>
      <c r="AG40573">
        <v>20</v>
      </c>
      <c r="AH40573">
        <v>21</v>
      </c>
      <c r="AI40573">
        <v>21</v>
      </c>
      <c r="AJ40573">
        <v>21</v>
      </c>
      <c r="AK40573">
        <v>21</v>
      </c>
      <c r="AL40573">
        <v>21</v>
      </c>
      <c r="AM40573">
        <v>21</v>
      </c>
      <c r="AN40573">
        <v>21</v>
      </c>
      <c r="AO40573">
        <v>21</v>
      </c>
      <c r="AP40573">
        <v>21</v>
      </c>
      <c r="AQ40573">
        <v>21</v>
      </c>
    </row>
    <row r="40574" spans="1:43">
      <c r="A40574" t="s">
        <v>25077</v>
      </c>
      <c r="B40574" t="s">
        <v>25078</v>
      </c>
      <c r="C40574" t="s">
        <v>12172</v>
      </c>
      <c r="D40574" t="s">
        <v>12173</v>
      </c>
      <c r="E40574" t="s">
        <v>12006</v>
      </c>
      <c r="F40574" t="s">
        <v>12007</v>
      </c>
      <c r="G40574" t="s">
        <v>10450</v>
      </c>
      <c r="H40574" t="s">
        <v>10451</v>
      </c>
      <c r="I40574" s="2">
        <v>1</v>
      </c>
      <c r="J40574" s="2">
        <v>0</v>
      </c>
      <c r="K40574" s="2">
        <v>0</v>
      </c>
      <c r="L40574" t="s">
        <v>120</v>
      </c>
      <c r="M40574" t="s">
        <v>83</v>
      </c>
      <c r="N40574" t="s">
        <v>84</v>
      </c>
      <c r="O40574" t="s">
        <v>85</v>
      </c>
      <c r="P40574" t="s">
        <v>86</v>
      </c>
      <c r="Q40574">
        <v>7</v>
      </c>
      <c r="R40574">
        <v>7</v>
      </c>
      <c r="S40574">
        <v>7</v>
      </c>
      <c r="T40574">
        <v>7</v>
      </c>
      <c r="U40574">
        <v>7</v>
      </c>
      <c r="V40574">
        <v>7</v>
      </c>
      <c r="W40574">
        <v>7</v>
      </c>
      <c r="X40574">
        <v>8</v>
      </c>
      <c r="Y40574">
        <v>8</v>
      </c>
      <c r="Z40574">
        <v>8</v>
      </c>
      <c r="AA40574">
        <v>8</v>
      </c>
      <c r="AB40574">
        <v>8</v>
      </c>
      <c r="AC40574">
        <v>8</v>
      </c>
      <c r="AD40574">
        <v>8</v>
      </c>
      <c r="AE40574">
        <v>8</v>
      </c>
      <c r="AF40574">
        <v>8</v>
      </c>
      <c r="AG40574">
        <v>8</v>
      </c>
      <c r="AH40574">
        <v>8</v>
      </c>
      <c r="AI40574">
        <v>9</v>
      </c>
      <c r="AJ40574">
        <v>9</v>
      </c>
      <c r="AK40574">
        <v>9</v>
      </c>
      <c r="AL40574">
        <v>9</v>
      </c>
      <c r="AM40574">
        <v>9</v>
      </c>
      <c r="AN40574">
        <v>9</v>
      </c>
      <c r="AO40574">
        <v>9</v>
      </c>
      <c r="AP40574">
        <v>9</v>
      </c>
      <c r="AQ40574">
        <v>9</v>
      </c>
    </row>
    <row r="40575" spans="1:43">
      <c r="A40575" t="s">
        <v>25077</v>
      </c>
      <c r="B40575" t="s">
        <v>25078</v>
      </c>
      <c r="C40575" t="s">
        <v>12172</v>
      </c>
      <c r="D40575" t="s">
        <v>12173</v>
      </c>
      <c r="E40575" t="s">
        <v>12006</v>
      </c>
      <c r="F40575" t="s">
        <v>12007</v>
      </c>
      <c r="G40575" t="s">
        <v>10450</v>
      </c>
      <c r="H40575" t="s">
        <v>10451</v>
      </c>
      <c r="I40575" s="2">
        <v>1</v>
      </c>
      <c r="J40575" s="2">
        <v>0</v>
      </c>
      <c r="K40575" s="2">
        <v>0</v>
      </c>
      <c r="L40575" t="s">
        <v>120</v>
      </c>
      <c r="M40575" t="s">
        <v>87</v>
      </c>
      <c r="N40575" t="s">
        <v>88</v>
      </c>
      <c r="O40575" t="s">
        <v>85</v>
      </c>
      <c r="P40575" t="s">
        <v>86</v>
      </c>
      <c r="Q40575">
        <v>7</v>
      </c>
      <c r="R40575">
        <v>7</v>
      </c>
      <c r="S40575">
        <v>7</v>
      </c>
      <c r="T40575">
        <v>7</v>
      </c>
      <c r="U40575">
        <v>7</v>
      </c>
      <c r="V40575">
        <v>7</v>
      </c>
      <c r="W40575">
        <v>7</v>
      </c>
      <c r="X40575">
        <v>7</v>
      </c>
      <c r="Y40575">
        <v>7</v>
      </c>
      <c r="Z40575">
        <v>7</v>
      </c>
      <c r="AA40575">
        <v>7</v>
      </c>
      <c r="AB40575">
        <v>7</v>
      </c>
      <c r="AC40575">
        <v>7</v>
      </c>
      <c r="AD40575">
        <v>7</v>
      </c>
      <c r="AE40575">
        <v>7</v>
      </c>
      <c r="AF40575">
        <v>7</v>
      </c>
      <c r="AG40575">
        <v>7</v>
      </c>
      <c r="AH40575">
        <v>7</v>
      </c>
      <c r="AI40575">
        <v>7</v>
      </c>
      <c r="AJ40575">
        <v>7</v>
      </c>
      <c r="AK40575">
        <v>7</v>
      </c>
      <c r="AL40575">
        <v>7</v>
      </c>
      <c r="AM40575">
        <v>7</v>
      </c>
      <c r="AN40575">
        <v>8</v>
      </c>
      <c r="AO40575">
        <v>8</v>
      </c>
      <c r="AP40575">
        <v>8</v>
      </c>
      <c r="AQ40575">
        <v>8</v>
      </c>
    </row>
    <row r="40576" spans="1:43">
      <c r="A40576" t="s">
        <v>25077</v>
      </c>
      <c r="B40576" t="s">
        <v>25078</v>
      </c>
      <c r="C40576" t="s">
        <v>12172</v>
      </c>
      <c r="D40576" t="s">
        <v>12173</v>
      </c>
      <c r="E40576" t="s">
        <v>12006</v>
      </c>
      <c r="F40576" t="s">
        <v>12007</v>
      </c>
      <c r="G40576" t="s">
        <v>10450</v>
      </c>
      <c r="H40576" t="s">
        <v>10451</v>
      </c>
      <c r="I40576" s="2">
        <v>1</v>
      </c>
      <c r="J40576" s="2">
        <v>0</v>
      </c>
      <c r="K40576" s="2">
        <v>0</v>
      </c>
      <c r="L40576" t="s">
        <v>120</v>
      </c>
      <c r="M40576" t="s">
        <v>89</v>
      </c>
      <c r="N40576" t="s">
        <v>90</v>
      </c>
      <c r="O40576" t="s">
        <v>85</v>
      </c>
      <c r="P40576" t="s">
        <v>86</v>
      </c>
      <c r="Q40576">
        <v>7</v>
      </c>
      <c r="R40576">
        <v>7</v>
      </c>
      <c r="S40576">
        <v>7</v>
      </c>
      <c r="T40576">
        <v>7</v>
      </c>
      <c r="U40576">
        <v>8</v>
      </c>
      <c r="V40576">
        <v>8</v>
      </c>
      <c r="W40576">
        <v>8</v>
      </c>
      <c r="X40576">
        <v>8</v>
      </c>
      <c r="Y40576">
        <v>8</v>
      </c>
      <c r="Z40576">
        <v>8</v>
      </c>
      <c r="AA40576">
        <v>8</v>
      </c>
      <c r="AB40576">
        <v>8</v>
      </c>
      <c r="AC40576">
        <v>9</v>
      </c>
      <c r="AD40576">
        <v>9</v>
      </c>
      <c r="AE40576">
        <v>9</v>
      </c>
      <c r="AF40576">
        <v>9</v>
      </c>
      <c r="AG40576">
        <v>9</v>
      </c>
      <c r="AH40576">
        <v>9</v>
      </c>
      <c r="AI40576">
        <v>9</v>
      </c>
      <c r="AJ40576">
        <v>9</v>
      </c>
      <c r="AK40576">
        <v>9</v>
      </c>
      <c r="AL40576">
        <v>9</v>
      </c>
      <c r="AM40576">
        <v>9</v>
      </c>
      <c r="AN40576">
        <v>9</v>
      </c>
      <c r="AO40576">
        <v>9</v>
      </c>
      <c r="AP40576">
        <v>9</v>
      </c>
      <c r="AQ40576">
        <v>9</v>
      </c>
    </row>
    <row r="40577" spans="1:43">
      <c r="A40577" t="s">
        <v>25077</v>
      </c>
      <c r="B40577" t="s">
        <v>25078</v>
      </c>
      <c r="C40577" t="s">
        <v>12172</v>
      </c>
      <c r="D40577" t="s">
        <v>12173</v>
      </c>
      <c r="E40577" t="s">
        <v>12006</v>
      </c>
      <c r="F40577" t="s">
        <v>12007</v>
      </c>
      <c r="G40577" t="s">
        <v>10450</v>
      </c>
      <c r="H40577" t="s">
        <v>10451</v>
      </c>
      <c r="I40577" s="2">
        <v>1</v>
      </c>
      <c r="J40577" s="2">
        <v>0</v>
      </c>
      <c r="K40577" s="2">
        <v>0</v>
      </c>
      <c r="L40577" t="s">
        <v>120</v>
      </c>
      <c r="M40577" t="s">
        <v>83</v>
      </c>
      <c r="N40577" t="s">
        <v>91</v>
      </c>
      <c r="O40577" t="s">
        <v>85</v>
      </c>
      <c r="P40577" t="s">
        <v>86</v>
      </c>
      <c r="Q40577">
        <v>7</v>
      </c>
      <c r="R40577">
        <v>7</v>
      </c>
      <c r="S40577">
        <v>7</v>
      </c>
      <c r="T40577">
        <v>7</v>
      </c>
      <c r="U40577">
        <v>7</v>
      </c>
      <c r="V40577">
        <v>7</v>
      </c>
      <c r="W40577">
        <v>7</v>
      </c>
      <c r="X40577">
        <v>8</v>
      </c>
      <c r="Y40577">
        <v>8</v>
      </c>
      <c r="Z40577">
        <v>8</v>
      </c>
      <c r="AA40577">
        <v>8</v>
      </c>
      <c r="AB40577">
        <v>8</v>
      </c>
      <c r="AC40577">
        <v>8</v>
      </c>
      <c r="AD40577">
        <v>8</v>
      </c>
      <c r="AE40577">
        <v>8</v>
      </c>
      <c r="AF40577">
        <v>8</v>
      </c>
      <c r="AG40577">
        <v>8</v>
      </c>
      <c r="AH40577">
        <v>8</v>
      </c>
      <c r="AI40577">
        <v>9</v>
      </c>
      <c r="AJ40577">
        <v>9</v>
      </c>
      <c r="AK40577">
        <v>9</v>
      </c>
      <c r="AL40577">
        <v>9</v>
      </c>
      <c r="AM40577">
        <v>9</v>
      </c>
      <c r="AN40577">
        <v>9</v>
      </c>
      <c r="AO40577">
        <v>9</v>
      </c>
      <c r="AP40577">
        <v>9</v>
      </c>
      <c r="AQ40577">
        <v>9</v>
      </c>
    </row>
    <row r="40578" spans="1:43">
      <c r="A40578" t="s">
        <v>25079</v>
      </c>
      <c r="B40578" t="s">
        <v>25080</v>
      </c>
      <c r="C40578" t="s">
        <v>12172</v>
      </c>
      <c r="D40578" t="s">
        <v>12173</v>
      </c>
      <c r="E40578" t="s">
        <v>12006</v>
      </c>
      <c r="F40578" t="s">
        <v>12007</v>
      </c>
      <c r="G40578" t="s">
        <v>10450</v>
      </c>
      <c r="H40578" t="s">
        <v>10451</v>
      </c>
      <c r="I40578" s="2">
        <v>1</v>
      </c>
      <c r="J40578" s="2">
        <v>0</v>
      </c>
      <c r="K40578" s="2">
        <v>0</v>
      </c>
      <c r="L40578" t="s">
        <v>120</v>
      </c>
      <c r="M40578" t="s">
        <v>83</v>
      </c>
      <c r="N40578" t="s">
        <v>84</v>
      </c>
      <c r="O40578" t="s">
        <v>85</v>
      </c>
      <c r="P40578" t="s">
        <v>86</v>
      </c>
      <c r="Q40578">
        <v>25</v>
      </c>
      <c r="R40578">
        <v>25</v>
      </c>
      <c r="S40578">
        <v>25</v>
      </c>
      <c r="T40578">
        <v>26</v>
      </c>
      <c r="U40578">
        <v>26</v>
      </c>
      <c r="V40578">
        <v>27</v>
      </c>
      <c r="W40578">
        <v>27</v>
      </c>
      <c r="X40578">
        <v>27</v>
      </c>
      <c r="Y40578">
        <v>28</v>
      </c>
      <c r="Z40578">
        <v>28</v>
      </c>
      <c r="AA40578">
        <v>28</v>
      </c>
      <c r="AB40578">
        <v>29</v>
      </c>
      <c r="AC40578">
        <v>29</v>
      </c>
      <c r="AD40578">
        <v>29</v>
      </c>
      <c r="AE40578">
        <v>30</v>
      </c>
      <c r="AF40578">
        <v>30</v>
      </c>
      <c r="AG40578">
        <v>30</v>
      </c>
      <c r="AH40578">
        <v>30</v>
      </c>
      <c r="AI40578">
        <v>31</v>
      </c>
      <c r="AJ40578">
        <v>31</v>
      </c>
      <c r="AK40578">
        <v>31</v>
      </c>
      <c r="AL40578">
        <v>32</v>
      </c>
      <c r="AM40578">
        <v>32</v>
      </c>
      <c r="AN40578">
        <v>32</v>
      </c>
      <c r="AO40578">
        <v>32</v>
      </c>
      <c r="AP40578">
        <v>32</v>
      </c>
      <c r="AQ40578">
        <v>32</v>
      </c>
    </row>
    <row r="40579" spans="1:43">
      <c r="A40579" t="s">
        <v>25079</v>
      </c>
      <c r="B40579" t="s">
        <v>25080</v>
      </c>
      <c r="C40579" t="s">
        <v>12172</v>
      </c>
      <c r="D40579" t="s">
        <v>12173</v>
      </c>
      <c r="E40579" t="s">
        <v>12006</v>
      </c>
      <c r="F40579" t="s">
        <v>12007</v>
      </c>
      <c r="G40579" t="s">
        <v>10450</v>
      </c>
      <c r="H40579" t="s">
        <v>10451</v>
      </c>
      <c r="I40579" s="2">
        <v>1</v>
      </c>
      <c r="J40579" s="2">
        <v>0</v>
      </c>
      <c r="K40579" s="2">
        <v>0</v>
      </c>
      <c r="L40579" t="s">
        <v>120</v>
      </c>
      <c r="M40579" t="s">
        <v>87</v>
      </c>
      <c r="N40579" t="s">
        <v>88</v>
      </c>
      <c r="O40579" t="s">
        <v>85</v>
      </c>
      <c r="P40579" t="s">
        <v>86</v>
      </c>
      <c r="Q40579">
        <v>25</v>
      </c>
      <c r="R40579">
        <v>25</v>
      </c>
      <c r="S40579">
        <v>25</v>
      </c>
      <c r="T40579">
        <v>25</v>
      </c>
      <c r="U40579">
        <v>25</v>
      </c>
      <c r="V40579">
        <v>25</v>
      </c>
      <c r="W40579">
        <v>25</v>
      </c>
      <c r="X40579">
        <v>25</v>
      </c>
      <c r="Y40579">
        <v>25</v>
      </c>
      <c r="Z40579">
        <v>26</v>
      </c>
      <c r="AA40579">
        <v>26</v>
      </c>
      <c r="AB40579">
        <v>26</v>
      </c>
      <c r="AC40579">
        <v>26</v>
      </c>
      <c r="AD40579">
        <v>26</v>
      </c>
      <c r="AE40579">
        <v>26</v>
      </c>
      <c r="AF40579">
        <v>26</v>
      </c>
      <c r="AG40579">
        <v>26</v>
      </c>
      <c r="AH40579">
        <v>26</v>
      </c>
      <c r="AI40579">
        <v>27</v>
      </c>
      <c r="AJ40579">
        <v>27</v>
      </c>
      <c r="AK40579">
        <v>27</v>
      </c>
      <c r="AL40579">
        <v>27</v>
      </c>
      <c r="AM40579">
        <v>27</v>
      </c>
      <c r="AN40579">
        <v>27</v>
      </c>
      <c r="AO40579">
        <v>27</v>
      </c>
      <c r="AP40579">
        <v>27</v>
      </c>
      <c r="AQ40579">
        <v>27</v>
      </c>
    </row>
    <row r="40580" spans="1:43">
      <c r="A40580" t="s">
        <v>25079</v>
      </c>
      <c r="B40580" t="s">
        <v>25080</v>
      </c>
      <c r="C40580" t="s">
        <v>12172</v>
      </c>
      <c r="D40580" t="s">
        <v>12173</v>
      </c>
      <c r="E40580" t="s">
        <v>12006</v>
      </c>
      <c r="F40580" t="s">
        <v>12007</v>
      </c>
      <c r="G40580" t="s">
        <v>10450</v>
      </c>
      <c r="H40580" t="s">
        <v>10451</v>
      </c>
      <c r="I40580" s="2">
        <v>1</v>
      </c>
      <c r="J40580" s="2">
        <v>0</v>
      </c>
      <c r="K40580" s="2">
        <v>0</v>
      </c>
      <c r="L40580" t="s">
        <v>120</v>
      </c>
      <c r="M40580" t="s">
        <v>89</v>
      </c>
      <c r="N40580" t="s">
        <v>90</v>
      </c>
      <c r="O40580" t="s">
        <v>85</v>
      </c>
      <c r="P40580" t="s">
        <v>86</v>
      </c>
      <c r="Q40580">
        <v>25</v>
      </c>
      <c r="R40580">
        <v>26</v>
      </c>
      <c r="S40580">
        <v>26</v>
      </c>
      <c r="T40580">
        <v>27</v>
      </c>
      <c r="U40580">
        <v>27</v>
      </c>
      <c r="V40580">
        <v>28</v>
      </c>
      <c r="W40580">
        <v>28</v>
      </c>
      <c r="X40580">
        <v>29</v>
      </c>
      <c r="Y40580">
        <v>29</v>
      </c>
      <c r="Z40580">
        <v>30</v>
      </c>
      <c r="AA40580">
        <v>30</v>
      </c>
      <c r="AB40580">
        <v>30</v>
      </c>
      <c r="AC40580">
        <v>31</v>
      </c>
      <c r="AD40580">
        <v>31</v>
      </c>
      <c r="AE40580">
        <v>32</v>
      </c>
      <c r="AF40580">
        <v>32</v>
      </c>
      <c r="AG40580">
        <v>32</v>
      </c>
      <c r="AH40580">
        <v>32</v>
      </c>
      <c r="AI40580">
        <v>32</v>
      </c>
      <c r="AJ40580">
        <v>32</v>
      </c>
      <c r="AK40580">
        <v>32</v>
      </c>
      <c r="AL40580">
        <v>32</v>
      </c>
      <c r="AM40580">
        <v>32</v>
      </c>
      <c r="AN40580">
        <v>32</v>
      </c>
      <c r="AO40580">
        <v>32</v>
      </c>
      <c r="AP40580">
        <v>32</v>
      </c>
      <c r="AQ40580">
        <v>32</v>
      </c>
    </row>
    <row r="40581" spans="1:43">
      <c r="A40581" t="s">
        <v>25079</v>
      </c>
      <c r="B40581" t="s">
        <v>25080</v>
      </c>
      <c r="C40581" t="s">
        <v>12172</v>
      </c>
      <c r="D40581" t="s">
        <v>12173</v>
      </c>
      <c r="E40581" t="s">
        <v>12006</v>
      </c>
      <c r="F40581" t="s">
        <v>12007</v>
      </c>
      <c r="G40581" t="s">
        <v>10450</v>
      </c>
      <c r="H40581" t="s">
        <v>10451</v>
      </c>
      <c r="I40581" s="2">
        <v>1</v>
      </c>
      <c r="J40581" s="2">
        <v>0</v>
      </c>
      <c r="K40581" s="2">
        <v>0</v>
      </c>
      <c r="L40581" t="s">
        <v>120</v>
      </c>
      <c r="M40581" t="s">
        <v>83</v>
      </c>
      <c r="N40581" t="s">
        <v>91</v>
      </c>
      <c r="O40581" t="s">
        <v>85</v>
      </c>
      <c r="P40581" t="s">
        <v>86</v>
      </c>
      <c r="Q40581">
        <v>25</v>
      </c>
      <c r="R40581">
        <v>25</v>
      </c>
      <c r="S40581">
        <v>25</v>
      </c>
      <c r="T40581">
        <v>26</v>
      </c>
      <c r="U40581">
        <v>26</v>
      </c>
      <c r="V40581">
        <v>27</v>
      </c>
      <c r="W40581">
        <v>27</v>
      </c>
      <c r="X40581">
        <v>27</v>
      </c>
      <c r="Y40581">
        <v>28</v>
      </c>
      <c r="Z40581">
        <v>28</v>
      </c>
      <c r="AA40581">
        <v>28</v>
      </c>
      <c r="AB40581">
        <v>29</v>
      </c>
      <c r="AC40581">
        <v>29</v>
      </c>
      <c r="AD40581">
        <v>29</v>
      </c>
      <c r="AE40581">
        <v>30</v>
      </c>
      <c r="AF40581">
        <v>30</v>
      </c>
      <c r="AG40581">
        <v>30</v>
      </c>
      <c r="AH40581">
        <v>30</v>
      </c>
      <c r="AI40581">
        <v>31</v>
      </c>
      <c r="AJ40581">
        <v>31</v>
      </c>
      <c r="AK40581">
        <v>31</v>
      </c>
      <c r="AL40581">
        <v>32</v>
      </c>
      <c r="AM40581">
        <v>32</v>
      </c>
      <c r="AN40581">
        <v>32</v>
      </c>
      <c r="AO40581">
        <v>32</v>
      </c>
      <c r="AP40581">
        <v>32</v>
      </c>
      <c r="AQ40581">
        <v>32</v>
      </c>
    </row>
    <row r="40582" spans="1:43">
      <c r="A40582" t="s">
        <v>25081</v>
      </c>
      <c r="B40582" t="s">
        <v>25082</v>
      </c>
      <c r="C40582" t="s">
        <v>12172</v>
      </c>
      <c r="D40582" t="s">
        <v>12173</v>
      </c>
      <c r="E40582" t="s">
        <v>12006</v>
      </c>
      <c r="F40582" t="s">
        <v>12007</v>
      </c>
      <c r="G40582" t="s">
        <v>10450</v>
      </c>
      <c r="H40582" t="s">
        <v>10451</v>
      </c>
      <c r="I40582" s="2">
        <v>1</v>
      </c>
      <c r="J40582" s="2">
        <v>0</v>
      </c>
      <c r="K40582" s="2">
        <v>0</v>
      </c>
      <c r="L40582" t="s">
        <v>120</v>
      </c>
      <c r="M40582" t="s">
        <v>83</v>
      </c>
      <c r="N40582" t="s">
        <v>84</v>
      </c>
      <c r="O40582" t="s">
        <v>85</v>
      </c>
      <c r="P40582" t="s">
        <v>86</v>
      </c>
      <c r="Q40582">
        <v>24</v>
      </c>
      <c r="R40582">
        <v>24</v>
      </c>
      <c r="S40582">
        <v>25</v>
      </c>
      <c r="T40582">
        <v>25</v>
      </c>
      <c r="U40582">
        <v>25</v>
      </c>
      <c r="V40582">
        <v>26</v>
      </c>
      <c r="W40582">
        <v>26</v>
      </c>
      <c r="X40582">
        <v>27</v>
      </c>
      <c r="Y40582">
        <v>27</v>
      </c>
      <c r="Z40582">
        <v>27</v>
      </c>
      <c r="AA40582">
        <v>27</v>
      </c>
      <c r="AB40582">
        <v>28</v>
      </c>
      <c r="AC40582">
        <v>28</v>
      </c>
      <c r="AD40582">
        <v>28</v>
      </c>
      <c r="AE40582">
        <v>29</v>
      </c>
      <c r="AF40582">
        <v>29</v>
      </c>
      <c r="AG40582">
        <v>29</v>
      </c>
      <c r="AH40582">
        <v>30</v>
      </c>
      <c r="AI40582">
        <v>30</v>
      </c>
      <c r="AJ40582">
        <v>30</v>
      </c>
      <c r="AK40582">
        <v>31</v>
      </c>
      <c r="AL40582">
        <v>31</v>
      </c>
      <c r="AM40582">
        <v>31</v>
      </c>
      <c r="AN40582">
        <v>31</v>
      </c>
      <c r="AO40582">
        <v>31</v>
      </c>
      <c r="AP40582">
        <v>31</v>
      </c>
      <c r="AQ40582">
        <v>31</v>
      </c>
    </row>
    <row r="40583" spans="1:43">
      <c r="A40583" t="s">
        <v>25081</v>
      </c>
      <c r="B40583" t="s">
        <v>25082</v>
      </c>
      <c r="C40583" t="s">
        <v>12172</v>
      </c>
      <c r="D40583" t="s">
        <v>12173</v>
      </c>
      <c r="E40583" t="s">
        <v>12006</v>
      </c>
      <c r="F40583" t="s">
        <v>12007</v>
      </c>
      <c r="G40583" t="s">
        <v>10450</v>
      </c>
      <c r="H40583" t="s">
        <v>10451</v>
      </c>
      <c r="I40583" s="2">
        <v>1</v>
      </c>
      <c r="J40583" s="2">
        <v>0</v>
      </c>
      <c r="K40583" s="2">
        <v>0</v>
      </c>
      <c r="L40583" t="s">
        <v>120</v>
      </c>
      <c r="M40583" t="s">
        <v>87</v>
      </c>
      <c r="N40583" t="s">
        <v>88</v>
      </c>
      <c r="O40583" t="s">
        <v>85</v>
      </c>
      <c r="P40583" t="s">
        <v>86</v>
      </c>
      <c r="Q40583">
        <v>24</v>
      </c>
      <c r="R40583">
        <v>24</v>
      </c>
      <c r="S40583">
        <v>24</v>
      </c>
      <c r="T40583">
        <v>24</v>
      </c>
      <c r="U40583">
        <v>24</v>
      </c>
      <c r="V40583">
        <v>24</v>
      </c>
      <c r="W40583">
        <v>25</v>
      </c>
      <c r="X40583">
        <v>25</v>
      </c>
      <c r="Y40583">
        <v>25</v>
      </c>
      <c r="Z40583">
        <v>25</v>
      </c>
      <c r="AA40583">
        <v>25</v>
      </c>
      <c r="AB40583">
        <v>25</v>
      </c>
      <c r="AC40583">
        <v>25</v>
      </c>
      <c r="AD40583">
        <v>25</v>
      </c>
      <c r="AE40583">
        <v>25</v>
      </c>
      <c r="AF40583">
        <v>26</v>
      </c>
      <c r="AG40583">
        <v>26</v>
      </c>
      <c r="AH40583">
        <v>26</v>
      </c>
      <c r="AI40583">
        <v>26</v>
      </c>
      <c r="AJ40583">
        <v>26</v>
      </c>
      <c r="AK40583">
        <v>26</v>
      </c>
      <c r="AL40583">
        <v>26</v>
      </c>
      <c r="AM40583">
        <v>26</v>
      </c>
      <c r="AN40583">
        <v>26</v>
      </c>
      <c r="AO40583">
        <v>26</v>
      </c>
      <c r="AP40583">
        <v>27</v>
      </c>
      <c r="AQ40583">
        <v>27</v>
      </c>
    </row>
    <row r="40584" spans="1:43">
      <c r="A40584" t="s">
        <v>25081</v>
      </c>
      <c r="B40584" t="s">
        <v>25082</v>
      </c>
      <c r="C40584" t="s">
        <v>12172</v>
      </c>
      <c r="D40584" t="s">
        <v>12173</v>
      </c>
      <c r="E40584" t="s">
        <v>12006</v>
      </c>
      <c r="F40584" t="s">
        <v>12007</v>
      </c>
      <c r="G40584" t="s">
        <v>10450</v>
      </c>
      <c r="H40584" t="s">
        <v>10451</v>
      </c>
      <c r="I40584" s="2">
        <v>1</v>
      </c>
      <c r="J40584" s="2">
        <v>0</v>
      </c>
      <c r="K40584" s="2">
        <v>0</v>
      </c>
      <c r="L40584" t="s">
        <v>120</v>
      </c>
      <c r="M40584" t="s">
        <v>89</v>
      </c>
      <c r="N40584" t="s">
        <v>90</v>
      </c>
      <c r="O40584" t="s">
        <v>85</v>
      </c>
      <c r="P40584" t="s">
        <v>86</v>
      </c>
      <c r="Q40584">
        <v>24</v>
      </c>
      <c r="R40584">
        <v>25</v>
      </c>
      <c r="S40584">
        <v>25</v>
      </c>
      <c r="T40584">
        <v>26</v>
      </c>
      <c r="U40584">
        <v>26</v>
      </c>
      <c r="V40584">
        <v>27</v>
      </c>
      <c r="W40584">
        <v>27</v>
      </c>
      <c r="X40584">
        <v>28</v>
      </c>
      <c r="Y40584">
        <v>28</v>
      </c>
      <c r="Z40584">
        <v>29</v>
      </c>
      <c r="AA40584">
        <v>29</v>
      </c>
      <c r="AB40584">
        <v>30</v>
      </c>
      <c r="AC40584">
        <v>30</v>
      </c>
      <c r="AD40584">
        <v>31</v>
      </c>
      <c r="AE40584">
        <v>31</v>
      </c>
      <c r="AF40584">
        <v>31</v>
      </c>
      <c r="AG40584">
        <v>31</v>
      </c>
      <c r="AH40584">
        <v>31</v>
      </c>
      <c r="AI40584">
        <v>31</v>
      </c>
      <c r="AJ40584">
        <v>31</v>
      </c>
      <c r="AK40584">
        <v>31</v>
      </c>
      <c r="AL40584">
        <v>31</v>
      </c>
      <c r="AM40584">
        <v>31</v>
      </c>
      <c r="AN40584">
        <v>31</v>
      </c>
      <c r="AO40584">
        <v>31</v>
      </c>
      <c r="AP40584">
        <v>31</v>
      </c>
      <c r="AQ40584">
        <v>31</v>
      </c>
    </row>
    <row r="40585" spans="1:43">
      <c r="A40585" t="s">
        <v>25081</v>
      </c>
      <c r="B40585" t="s">
        <v>25082</v>
      </c>
      <c r="C40585" t="s">
        <v>12172</v>
      </c>
      <c r="D40585" t="s">
        <v>12173</v>
      </c>
      <c r="E40585" t="s">
        <v>12006</v>
      </c>
      <c r="F40585" t="s">
        <v>12007</v>
      </c>
      <c r="G40585" t="s">
        <v>10450</v>
      </c>
      <c r="H40585" t="s">
        <v>10451</v>
      </c>
      <c r="I40585" s="2">
        <v>1</v>
      </c>
      <c r="J40585" s="2">
        <v>0</v>
      </c>
      <c r="K40585" s="2">
        <v>0</v>
      </c>
      <c r="L40585" t="s">
        <v>120</v>
      </c>
      <c r="M40585" t="s">
        <v>83</v>
      </c>
      <c r="N40585" t="s">
        <v>91</v>
      </c>
      <c r="O40585" t="s">
        <v>85</v>
      </c>
      <c r="P40585" t="s">
        <v>86</v>
      </c>
      <c r="Q40585">
        <v>24</v>
      </c>
      <c r="R40585">
        <v>24</v>
      </c>
      <c r="S40585">
        <v>25</v>
      </c>
      <c r="T40585">
        <v>25</v>
      </c>
      <c r="U40585">
        <v>25</v>
      </c>
      <c r="V40585">
        <v>26</v>
      </c>
      <c r="W40585">
        <v>26</v>
      </c>
      <c r="X40585">
        <v>27</v>
      </c>
      <c r="Y40585">
        <v>27</v>
      </c>
      <c r="Z40585">
        <v>27</v>
      </c>
      <c r="AA40585">
        <v>27</v>
      </c>
      <c r="AB40585">
        <v>28</v>
      </c>
      <c r="AC40585">
        <v>28</v>
      </c>
      <c r="AD40585">
        <v>28</v>
      </c>
      <c r="AE40585">
        <v>29</v>
      </c>
      <c r="AF40585">
        <v>29</v>
      </c>
      <c r="AG40585">
        <v>29</v>
      </c>
      <c r="AH40585">
        <v>30</v>
      </c>
      <c r="AI40585">
        <v>30</v>
      </c>
      <c r="AJ40585">
        <v>30</v>
      </c>
      <c r="AK40585">
        <v>31</v>
      </c>
      <c r="AL40585">
        <v>31</v>
      </c>
      <c r="AM40585">
        <v>31</v>
      </c>
      <c r="AN40585">
        <v>31</v>
      </c>
      <c r="AO40585">
        <v>31</v>
      </c>
      <c r="AP40585">
        <v>31</v>
      </c>
      <c r="AQ40585">
        <v>31</v>
      </c>
    </row>
    <row r="40586" spans="1:43">
      <c r="A40586" t="s">
        <v>25083</v>
      </c>
      <c r="B40586" t="s">
        <v>25084</v>
      </c>
      <c r="C40586" t="s">
        <v>12458</v>
      </c>
      <c r="D40586" t="s">
        <v>12459</v>
      </c>
      <c r="E40586" t="s">
        <v>12006</v>
      </c>
      <c r="F40586" t="s">
        <v>12007</v>
      </c>
      <c r="G40586" t="s">
        <v>10450</v>
      </c>
      <c r="H40586" t="s">
        <v>10451</v>
      </c>
      <c r="I40586" s="2">
        <v>1</v>
      </c>
      <c r="J40586" s="2">
        <v>0</v>
      </c>
      <c r="K40586" s="2">
        <v>0</v>
      </c>
      <c r="L40586" t="s">
        <v>120</v>
      </c>
      <c r="M40586" t="s">
        <v>83</v>
      </c>
      <c r="N40586" t="s">
        <v>84</v>
      </c>
      <c r="O40586" t="s">
        <v>85</v>
      </c>
      <c r="P40586" t="s">
        <v>86</v>
      </c>
      <c r="Q40586">
        <v>3</v>
      </c>
      <c r="R40586">
        <v>3</v>
      </c>
      <c r="S40586">
        <v>3</v>
      </c>
      <c r="T40586">
        <v>3</v>
      </c>
      <c r="U40586">
        <v>3</v>
      </c>
      <c r="V40586">
        <v>3</v>
      </c>
      <c r="W40586">
        <v>3</v>
      </c>
      <c r="X40586">
        <v>3</v>
      </c>
      <c r="Y40586">
        <v>3</v>
      </c>
      <c r="Z40586">
        <v>3</v>
      </c>
      <c r="AA40586">
        <v>3</v>
      </c>
      <c r="AB40586">
        <v>3</v>
      </c>
      <c r="AC40586">
        <v>3</v>
      </c>
      <c r="AD40586">
        <v>3</v>
      </c>
      <c r="AE40586">
        <v>3</v>
      </c>
      <c r="AF40586">
        <v>3</v>
      </c>
      <c r="AG40586">
        <v>3</v>
      </c>
      <c r="AH40586">
        <v>3</v>
      </c>
      <c r="AI40586">
        <v>3</v>
      </c>
      <c r="AJ40586">
        <v>3</v>
      </c>
      <c r="AK40586">
        <v>3</v>
      </c>
      <c r="AL40586">
        <v>3</v>
      </c>
      <c r="AM40586">
        <v>3</v>
      </c>
      <c r="AN40586">
        <v>3</v>
      </c>
      <c r="AO40586">
        <v>3</v>
      </c>
      <c r="AP40586">
        <v>3</v>
      </c>
      <c r="AQ40586">
        <v>3</v>
      </c>
    </row>
    <row r="40587" spans="1:43">
      <c r="A40587" t="s">
        <v>25083</v>
      </c>
      <c r="B40587" t="s">
        <v>25084</v>
      </c>
      <c r="C40587" t="s">
        <v>12458</v>
      </c>
      <c r="D40587" t="s">
        <v>12459</v>
      </c>
      <c r="E40587" t="s">
        <v>12006</v>
      </c>
      <c r="F40587" t="s">
        <v>12007</v>
      </c>
      <c r="G40587" t="s">
        <v>10450</v>
      </c>
      <c r="H40587" t="s">
        <v>10451</v>
      </c>
      <c r="I40587" s="2">
        <v>1</v>
      </c>
      <c r="J40587" s="2">
        <v>0</v>
      </c>
      <c r="K40587" s="2">
        <v>0</v>
      </c>
      <c r="L40587" t="s">
        <v>120</v>
      </c>
      <c r="M40587" t="s">
        <v>87</v>
      </c>
      <c r="N40587" t="s">
        <v>88</v>
      </c>
      <c r="O40587" t="s">
        <v>85</v>
      </c>
      <c r="P40587" t="s">
        <v>86</v>
      </c>
      <c r="Q40587">
        <v>3</v>
      </c>
      <c r="R40587">
        <v>3</v>
      </c>
      <c r="S40587">
        <v>3</v>
      </c>
      <c r="T40587">
        <v>3</v>
      </c>
      <c r="U40587">
        <v>3</v>
      </c>
      <c r="V40587">
        <v>3</v>
      </c>
      <c r="W40587">
        <v>3</v>
      </c>
      <c r="X40587">
        <v>3</v>
      </c>
      <c r="Y40587">
        <v>3</v>
      </c>
      <c r="Z40587">
        <v>3</v>
      </c>
      <c r="AA40587">
        <v>3</v>
      </c>
      <c r="AB40587">
        <v>3</v>
      </c>
      <c r="AC40587">
        <v>3</v>
      </c>
      <c r="AD40587">
        <v>3</v>
      </c>
      <c r="AE40587">
        <v>3</v>
      </c>
      <c r="AF40587">
        <v>3</v>
      </c>
      <c r="AG40587">
        <v>3</v>
      </c>
      <c r="AH40587">
        <v>3</v>
      </c>
      <c r="AI40587">
        <v>3</v>
      </c>
      <c r="AJ40587">
        <v>3</v>
      </c>
      <c r="AK40587">
        <v>3</v>
      </c>
      <c r="AL40587">
        <v>3</v>
      </c>
      <c r="AM40587">
        <v>3</v>
      </c>
      <c r="AN40587">
        <v>3</v>
      </c>
      <c r="AO40587">
        <v>3</v>
      </c>
      <c r="AP40587">
        <v>3</v>
      </c>
      <c r="AQ40587">
        <v>3</v>
      </c>
    </row>
    <row r="40588" spans="1:43">
      <c r="A40588" t="s">
        <v>25083</v>
      </c>
      <c r="B40588" t="s">
        <v>25084</v>
      </c>
      <c r="C40588" t="s">
        <v>12458</v>
      </c>
      <c r="D40588" t="s">
        <v>12459</v>
      </c>
      <c r="E40588" t="s">
        <v>12006</v>
      </c>
      <c r="F40588" t="s">
        <v>12007</v>
      </c>
      <c r="G40588" t="s">
        <v>10450</v>
      </c>
      <c r="H40588" t="s">
        <v>10451</v>
      </c>
      <c r="I40588" s="2">
        <v>1</v>
      </c>
      <c r="J40588" s="2">
        <v>0</v>
      </c>
      <c r="K40588" s="2">
        <v>0</v>
      </c>
      <c r="L40588" t="s">
        <v>120</v>
      </c>
      <c r="M40588" t="s">
        <v>89</v>
      </c>
      <c r="N40588" t="s">
        <v>90</v>
      </c>
      <c r="O40588" t="s">
        <v>85</v>
      </c>
      <c r="P40588" t="s">
        <v>86</v>
      </c>
      <c r="Q40588">
        <v>3</v>
      </c>
      <c r="R40588">
        <v>3</v>
      </c>
      <c r="S40588">
        <v>3</v>
      </c>
      <c r="T40588">
        <v>3</v>
      </c>
      <c r="U40588">
        <v>3</v>
      </c>
      <c r="V40588">
        <v>3</v>
      </c>
      <c r="W40588">
        <v>3</v>
      </c>
      <c r="X40588">
        <v>3</v>
      </c>
      <c r="Y40588">
        <v>3</v>
      </c>
      <c r="Z40588">
        <v>3</v>
      </c>
      <c r="AA40588">
        <v>3</v>
      </c>
      <c r="AB40588">
        <v>3</v>
      </c>
      <c r="AC40588">
        <v>3</v>
      </c>
      <c r="AD40588">
        <v>3</v>
      </c>
      <c r="AE40588">
        <v>3</v>
      </c>
      <c r="AF40588">
        <v>3</v>
      </c>
      <c r="AG40588">
        <v>3</v>
      </c>
      <c r="AH40588">
        <v>3</v>
      </c>
      <c r="AI40588">
        <v>3</v>
      </c>
      <c r="AJ40588">
        <v>4</v>
      </c>
      <c r="AK40588">
        <v>4</v>
      </c>
      <c r="AL40588">
        <v>4</v>
      </c>
      <c r="AM40588">
        <v>4</v>
      </c>
      <c r="AN40588">
        <v>4</v>
      </c>
      <c r="AO40588">
        <v>4</v>
      </c>
      <c r="AP40588">
        <v>4</v>
      </c>
      <c r="AQ40588">
        <v>4</v>
      </c>
    </row>
    <row r="40589" spans="1:43">
      <c r="A40589" t="s">
        <v>25083</v>
      </c>
      <c r="B40589" t="s">
        <v>25084</v>
      </c>
      <c r="C40589" t="s">
        <v>12458</v>
      </c>
      <c r="D40589" t="s">
        <v>12459</v>
      </c>
      <c r="E40589" t="s">
        <v>12006</v>
      </c>
      <c r="F40589" t="s">
        <v>12007</v>
      </c>
      <c r="G40589" t="s">
        <v>10450</v>
      </c>
      <c r="H40589" t="s">
        <v>10451</v>
      </c>
      <c r="I40589" s="2">
        <v>1</v>
      </c>
      <c r="J40589" s="2">
        <v>0</v>
      </c>
      <c r="K40589" s="2">
        <v>0</v>
      </c>
      <c r="L40589" t="s">
        <v>120</v>
      </c>
      <c r="M40589" t="s">
        <v>83</v>
      </c>
      <c r="N40589" t="s">
        <v>91</v>
      </c>
      <c r="O40589" t="s">
        <v>85</v>
      </c>
      <c r="P40589" t="s">
        <v>86</v>
      </c>
      <c r="Q40589">
        <v>3</v>
      </c>
      <c r="R40589">
        <v>3</v>
      </c>
      <c r="S40589">
        <v>3</v>
      </c>
      <c r="T40589">
        <v>3</v>
      </c>
      <c r="U40589">
        <v>3</v>
      </c>
      <c r="V40589">
        <v>3</v>
      </c>
      <c r="W40589">
        <v>3</v>
      </c>
      <c r="X40589">
        <v>3</v>
      </c>
      <c r="Y40589">
        <v>3</v>
      </c>
      <c r="Z40589">
        <v>3</v>
      </c>
      <c r="AA40589">
        <v>3</v>
      </c>
      <c r="AB40589">
        <v>3</v>
      </c>
      <c r="AC40589">
        <v>3</v>
      </c>
      <c r="AD40589">
        <v>3</v>
      </c>
      <c r="AE40589">
        <v>3</v>
      </c>
      <c r="AF40589">
        <v>3</v>
      </c>
      <c r="AG40589">
        <v>3</v>
      </c>
      <c r="AH40589">
        <v>3</v>
      </c>
      <c r="AI40589">
        <v>3</v>
      </c>
      <c r="AJ40589">
        <v>3</v>
      </c>
      <c r="AK40589">
        <v>3</v>
      </c>
      <c r="AL40589">
        <v>3</v>
      </c>
      <c r="AM40589">
        <v>3</v>
      </c>
      <c r="AN40589">
        <v>3</v>
      </c>
      <c r="AO40589">
        <v>3</v>
      </c>
      <c r="AP40589">
        <v>3</v>
      </c>
      <c r="AQ40589">
        <v>3</v>
      </c>
    </row>
    <row r="40590" spans="1:43">
      <c r="A40590" t="s">
        <v>25085</v>
      </c>
      <c r="B40590" t="s">
        <v>25086</v>
      </c>
      <c r="C40590" t="s">
        <v>12458</v>
      </c>
      <c r="D40590" t="s">
        <v>12459</v>
      </c>
      <c r="E40590" t="s">
        <v>12006</v>
      </c>
      <c r="F40590" t="s">
        <v>12007</v>
      </c>
      <c r="G40590" t="s">
        <v>10450</v>
      </c>
      <c r="H40590" t="s">
        <v>10451</v>
      </c>
      <c r="I40590" s="2">
        <v>1</v>
      </c>
      <c r="J40590" s="2">
        <v>0</v>
      </c>
      <c r="K40590" s="2">
        <v>0</v>
      </c>
      <c r="L40590" t="s">
        <v>120</v>
      </c>
      <c r="M40590" t="s">
        <v>83</v>
      </c>
      <c r="N40590" t="s">
        <v>84</v>
      </c>
      <c r="O40590" t="s">
        <v>85</v>
      </c>
      <c r="P40590" t="s">
        <v>86</v>
      </c>
      <c r="Q40590">
        <v>5</v>
      </c>
      <c r="R40590">
        <v>5</v>
      </c>
      <c r="S40590">
        <v>5</v>
      </c>
      <c r="T40590">
        <v>5</v>
      </c>
      <c r="U40590">
        <v>5</v>
      </c>
      <c r="V40590">
        <v>5</v>
      </c>
      <c r="W40590">
        <v>5</v>
      </c>
      <c r="X40590">
        <v>5</v>
      </c>
      <c r="Y40590">
        <v>5</v>
      </c>
      <c r="Z40590">
        <v>6</v>
      </c>
      <c r="AA40590">
        <v>6</v>
      </c>
      <c r="AB40590">
        <v>6</v>
      </c>
      <c r="AC40590">
        <v>6</v>
      </c>
      <c r="AD40590">
        <v>6</v>
      </c>
      <c r="AE40590">
        <v>6</v>
      </c>
      <c r="AF40590">
        <v>6</v>
      </c>
      <c r="AG40590">
        <v>6</v>
      </c>
      <c r="AH40590">
        <v>6</v>
      </c>
      <c r="AI40590">
        <v>6</v>
      </c>
      <c r="AJ40590">
        <v>6</v>
      </c>
      <c r="AK40590">
        <v>6</v>
      </c>
      <c r="AL40590">
        <v>6</v>
      </c>
      <c r="AM40590">
        <v>6</v>
      </c>
      <c r="AN40590">
        <v>6</v>
      </c>
      <c r="AO40590">
        <v>6</v>
      </c>
      <c r="AP40590">
        <v>6</v>
      </c>
      <c r="AQ40590">
        <v>6</v>
      </c>
    </row>
    <row r="40591" spans="1:43">
      <c r="A40591" t="s">
        <v>25085</v>
      </c>
      <c r="B40591" t="s">
        <v>25086</v>
      </c>
      <c r="C40591" t="s">
        <v>12458</v>
      </c>
      <c r="D40591" t="s">
        <v>12459</v>
      </c>
      <c r="E40591" t="s">
        <v>12006</v>
      </c>
      <c r="F40591" t="s">
        <v>12007</v>
      </c>
      <c r="G40591" t="s">
        <v>10450</v>
      </c>
      <c r="H40591" t="s">
        <v>10451</v>
      </c>
      <c r="I40591" s="2">
        <v>1</v>
      </c>
      <c r="J40591" s="2">
        <v>0</v>
      </c>
      <c r="K40591" s="2">
        <v>0</v>
      </c>
      <c r="L40591" t="s">
        <v>120</v>
      </c>
      <c r="M40591" t="s">
        <v>87</v>
      </c>
      <c r="N40591" t="s">
        <v>88</v>
      </c>
      <c r="O40591" t="s">
        <v>85</v>
      </c>
      <c r="P40591" t="s">
        <v>86</v>
      </c>
      <c r="Q40591">
        <v>5</v>
      </c>
      <c r="R40591">
        <v>5</v>
      </c>
      <c r="S40591">
        <v>5</v>
      </c>
      <c r="T40591">
        <v>5</v>
      </c>
      <c r="U40591">
        <v>5</v>
      </c>
      <c r="V40591">
        <v>5</v>
      </c>
      <c r="W40591">
        <v>5</v>
      </c>
      <c r="X40591">
        <v>5</v>
      </c>
      <c r="Y40591">
        <v>5</v>
      </c>
      <c r="Z40591">
        <v>5</v>
      </c>
      <c r="AA40591">
        <v>5</v>
      </c>
      <c r="AB40591">
        <v>5</v>
      </c>
      <c r="AC40591">
        <v>5</v>
      </c>
      <c r="AD40591">
        <v>5</v>
      </c>
      <c r="AE40591">
        <v>5</v>
      </c>
      <c r="AF40591">
        <v>5</v>
      </c>
      <c r="AG40591">
        <v>5</v>
      </c>
      <c r="AH40591">
        <v>5</v>
      </c>
      <c r="AI40591">
        <v>5</v>
      </c>
      <c r="AJ40591">
        <v>5</v>
      </c>
      <c r="AK40591">
        <v>5</v>
      </c>
      <c r="AL40591">
        <v>5</v>
      </c>
      <c r="AM40591">
        <v>5</v>
      </c>
      <c r="AN40591">
        <v>5</v>
      </c>
      <c r="AO40591">
        <v>5</v>
      </c>
      <c r="AP40591">
        <v>5</v>
      </c>
      <c r="AQ40591">
        <v>5</v>
      </c>
    </row>
    <row r="40592" spans="1:43">
      <c r="A40592" t="s">
        <v>25085</v>
      </c>
      <c r="B40592" t="s">
        <v>25086</v>
      </c>
      <c r="C40592" t="s">
        <v>12458</v>
      </c>
      <c r="D40592" t="s">
        <v>12459</v>
      </c>
      <c r="E40592" t="s">
        <v>12006</v>
      </c>
      <c r="F40592" t="s">
        <v>12007</v>
      </c>
      <c r="G40592" t="s">
        <v>10450</v>
      </c>
      <c r="H40592" t="s">
        <v>10451</v>
      </c>
      <c r="I40592" s="2">
        <v>1</v>
      </c>
      <c r="J40592" s="2">
        <v>0</v>
      </c>
      <c r="K40592" s="2">
        <v>0</v>
      </c>
      <c r="L40592" t="s">
        <v>120</v>
      </c>
      <c r="M40592" t="s">
        <v>89</v>
      </c>
      <c r="N40592" t="s">
        <v>90</v>
      </c>
      <c r="O40592" t="s">
        <v>85</v>
      </c>
      <c r="P40592" t="s">
        <v>86</v>
      </c>
      <c r="Q40592">
        <v>5</v>
      </c>
      <c r="R40592">
        <v>5</v>
      </c>
      <c r="S40592">
        <v>5</v>
      </c>
      <c r="T40592">
        <v>5</v>
      </c>
      <c r="U40592">
        <v>5</v>
      </c>
      <c r="V40592">
        <v>6</v>
      </c>
      <c r="W40592">
        <v>6</v>
      </c>
      <c r="X40592">
        <v>6</v>
      </c>
      <c r="Y40592">
        <v>6</v>
      </c>
      <c r="Z40592">
        <v>6</v>
      </c>
      <c r="AA40592">
        <v>6</v>
      </c>
      <c r="AB40592">
        <v>6</v>
      </c>
      <c r="AC40592">
        <v>6</v>
      </c>
      <c r="AD40592">
        <v>6</v>
      </c>
      <c r="AE40592">
        <v>6</v>
      </c>
      <c r="AF40592">
        <v>6</v>
      </c>
      <c r="AG40592">
        <v>6</v>
      </c>
      <c r="AH40592">
        <v>6</v>
      </c>
      <c r="AI40592">
        <v>6</v>
      </c>
      <c r="AJ40592">
        <v>6</v>
      </c>
      <c r="AK40592">
        <v>6</v>
      </c>
      <c r="AL40592">
        <v>6</v>
      </c>
      <c r="AM40592">
        <v>6</v>
      </c>
      <c r="AN40592">
        <v>6</v>
      </c>
      <c r="AO40592">
        <v>6</v>
      </c>
      <c r="AP40592">
        <v>6</v>
      </c>
      <c r="AQ40592">
        <v>6</v>
      </c>
    </row>
    <row r="40593" spans="1:43">
      <c r="A40593" t="s">
        <v>25085</v>
      </c>
      <c r="B40593" t="s">
        <v>25086</v>
      </c>
      <c r="C40593" t="s">
        <v>12458</v>
      </c>
      <c r="D40593" t="s">
        <v>12459</v>
      </c>
      <c r="E40593" t="s">
        <v>12006</v>
      </c>
      <c r="F40593" t="s">
        <v>12007</v>
      </c>
      <c r="G40593" t="s">
        <v>10450</v>
      </c>
      <c r="H40593" t="s">
        <v>10451</v>
      </c>
      <c r="I40593" s="2">
        <v>1</v>
      </c>
      <c r="J40593" s="2">
        <v>0</v>
      </c>
      <c r="K40593" s="2">
        <v>0</v>
      </c>
      <c r="L40593" t="s">
        <v>120</v>
      </c>
      <c r="M40593" t="s">
        <v>83</v>
      </c>
      <c r="N40593" t="s">
        <v>91</v>
      </c>
      <c r="O40593" t="s">
        <v>85</v>
      </c>
      <c r="P40593" t="s">
        <v>86</v>
      </c>
      <c r="Q40593">
        <v>5</v>
      </c>
      <c r="R40593">
        <v>5</v>
      </c>
      <c r="S40593">
        <v>5</v>
      </c>
      <c r="T40593">
        <v>5</v>
      </c>
      <c r="U40593">
        <v>5</v>
      </c>
      <c r="V40593">
        <v>5</v>
      </c>
      <c r="W40593">
        <v>5</v>
      </c>
      <c r="X40593">
        <v>5</v>
      </c>
      <c r="Y40593">
        <v>5</v>
      </c>
      <c r="Z40593">
        <v>6</v>
      </c>
      <c r="AA40593">
        <v>6</v>
      </c>
      <c r="AB40593">
        <v>6</v>
      </c>
      <c r="AC40593">
        <v>6</v>
      </c>
      <c r="AD40593">
        <v>6</v>
      </c>
      <c r="AE40593">
        <v>6</v>
      </c>
      <c r="AF40593">
        <v>6</v>
      </c>
      <c r="AG40593">
        <v>6</v>
      </c>
      <c r="AH40593">
        <v>6</v>
      </c>
      <c r="AI40593">
        <v>6</v>
      </c>
      <c r="AJ40593">
        <v>6</v>
      </c>
      <c r="AK40593">
        <v>6</v>
      </c>
      <c r="AL40593">
        <v>6</v>
      </c>
      <c r="AM40593">
        <v>6</v>
      </c>
      <c r="AN40593">
        <v>6</v>
      </c>
      <c r="AO40593">
        <v>6</v>
      </c>
      <c r="AP40593">
        <v>6</v>
      </c>
      <c r="AQ40593">
        <v>6</v>
      </c>
    </row>
    <row r="40594" spans="1:43">
      <c r="A40594" t="s">
        <v>25087</v>
      </c>
      <c r="B40594" t="s">
        <v>25088</v>
      </c>
      <c r="C40594" t="s">
        <v>6402</v>
      </c>
      <c r="D40594" t="s">
        <v>6403</v>
      </c>
      <c r="E40594" t="s">
        <v>6174</v>
      </c>
      <c r="F40594" t="s">
        <v>6175</v>
      </c>
      <c r="G40594" t="s">
        <v>80</v>
      </c>
      <c r="H40594" t="s">
        <v>81</v>
      </c>
      <c r="I40594" s="2">
        <v>0</v>
      </c>
      <c r="J40594" s="2">
        <v>1</v>
      </c>
      <c r="K40594" s="2">
        <v>0</v>
      </c>
      <c r="L40594" t="s">
        <v>82</v>
      </c>
      <c r="M40594" t="s">
        <v>83</v>
      </c>
      <c r="N40594" t="s">
        <v>84</v>
      </c>
      <c r="O40594" t="s">
        <v>85</v>
      </c>
      <c r="P40594" t="s">
        <v>86</v>
      </c>
      <c r="Q40594">
        <v>33</v>
      </c>
      <c r="R40594">
        <v>34</v>
      </c>
      <c r="S40594">
        <v>34</v>
      </c>
      <c r="T40594">
        <v>35</v>
      </c>
      <c r="U40594">
        <v>35</v>
      </c>
      <c r="V40594">
        <v>36</v>
      </c>
      <c r="W40594">
        <v>36</v>
      </c>
      <c r="X40594">
        <v>36</v>
      </c>
      <c r="Y40594">
        <v>37</v>
      </c>
      <c r="Z40594">
        <v>37</v>
      </c>
      <c r="AA40594">
        <v>38</v>
      </c>
      <c r="AB40594">
        <v>38</v>
      </c>
      <c r="AC40594">
        <v>38</v>
      </c>
      <c r="AD40594">
        <v>39</v>
      </c>
      <c r="AE40594">
        <v>39</v>
      </c>
      <c r="AF40594">
        <v>39</v>
      </c>
      <c r="AG40594">
        <v>40</v>
      </c>
      <c r="AH40594">
        <v>40</v>
      </c>
      <c r="AI40594">
        <v>40</v>
      </c>
      <c r="AJ40594">
        <v>41</v>
      </c>
      <c r="AK40594">
        <v>41</v>
      </c>
      <c r="AL40594">
        <v>41</v>
      </c>
      <c r="AM40594">
        <v>41</v>
      </c>
      <c r="AN40594">
        <v>41</v>
      </c>
      <c r="AO40594">
        <v>41</v>
      </c>
      <c r="AP40594">
        <v>41</v>
      </c>
      <c r="AQ40594">
        <v>41</v>
      </c>
    </row>
    <row r="40595" spans="1:43">
      <c r="A40595" t="s">
        <v>25087</v>
      </c>
      <c r="B40595" t="s">
        <v>25088</v>
      </c>
      <c r="C40595" t="s">
        <v>6402</v>
      </c>
      <c r="D40595" t="s">
        <v>6403</v>
      </c>
      <c r="E40595" t="s">
        <v>6174</v>
      </c>
      <c r="F40595" t="s">
        <v>6175</v>
      </c>
      <c r="G40595" t="s">
        <v>80</v>
      </c>
      <c r="H40595" t="s">
        <v>81</v>
      </c>
      <c r="I40595" s="2">
        <v>0</v>
      </c>
      <c r="J40595" s="2">
        <v>1</v>
      </c>
      <c r="K40595" s="2">
        <v>0</v>
      </c>
      <c r="L40595" t="s">
        <v>82</v>
      </c>
      <c r="M40595" t="s">
        <v>87</v>
      </c>
      <c r="N40595" t="s">
        <v>88</v>
      </c>
      <c r="O40595" t="s">
        <v>85</v>
      </c>
      <c r="P40595" t="s">
        <v>86</v>
      </c>
      <c r="Q40595">
        <v>33</v>
      </c>
      <c r="R40595">
        <v>33</v>
      </c>
      <c r="S40595">
        <v>33</v>
      </c>
      <c r="T40595">
        <v>33</v>
      </c>
      <c r="U40595">
        <v>34</v>
      </c>
      <c r="V40595">
        <v>34</v>
      </c>
      <c r="W40595">
        <v>34</v>
      </c>
      <c r="X40595">
        <v>34</v>
      </c>
      <c r="Y40595">
        <v>34</v>
      </c>
      <c r="Z40595">
        <v>34</v>
      </c>
      <c r="AA40595">
        <v>34</v>
      </c>
      <c r="AB40595">
        <v>34</v>
      </c>
      <c r="AC40595">
        <v>34</v>
      </c>
      <c r="AD40595">
        <v>35</v>
      </c>
      <c r="AE40595">
        <v>35</v>
      </c>
      <c r="AF40595">
        <v>35</v>
      </c>
      <c r="AG40595">
        <v>35</v>
      </c>
      <c r="AH40595">
        <v>35</v>
      </c>
      <c r="AI40595">
        <v>35</v>
      </c>
      <c r="AJ40595">
        <v>35</v>
      </c>
      <c r="AK40595">
        <v>35</v>
      </c>
      <c r="AL40595">
        <v>35</v>
      </c>
      <c r="AM40595">
        <v>35</v>
      </c>
      <c r="AN40595">
        <v>35</v>
      </c>
      <c r="AO40595">
        <v>36</v>
      </c>
      <c r="AP40595">
        <v>36</v>
      </c>
      <c r="AQ40595">
        <v>36</v>
      </c>
    </row>
    <row r="40596" spans="1:43">
      <c r="A40596" t="s">
        <v>25087</v>
      </c>
      <c r="B40596" t="s">
        <v>25088</v>
      </c>
      <c r="C40596" t="s">
        <v>6402</v>
      </c>
      <c r="D40596" t="s">
        <v>6403</v>
      </c>
      <c r="E40596" t="s">
        <v>6174</v>
      </c>
      <c r="F40596" t="s">
        <v>6175</v>
      </c>
      <c r="G40596" t="s">
        <v>80</v>
      </c>
      <c r="H40596" t="s">
        <v>81</v>
      </c>
      <c r="I40596" s="2">
        <v>0</v>
      </c>
      <c r="J40596" s="2">
        <v>1</v>
      </c>
      <c r="K40596" s="2">
        <v>0</v>
      </c>
      <c r="L40596" t="s">
        <v>82</v>
      </c>
      <c r="M40596" t="s">
        <v>89</v>
      </c>
      <c r="N40596" t="s">
        <v>90</v>
      </c>
      <c r="O40596" t="s">
        <v>85</v>
      </c>
      <c r="P40596" t="s">
        <v>86</v>
      </c>
      <c r="Q40596">
        <v>33</v>
      </c>
      <c r="R40596">
        <v>33</v>
      </c>
      <c r="S40596">
        <v>34</v>
      </c>
      <c r="T40596">
        <v>35</v>
      </c>
      <c r="U40596">
        <v>36</v>
      </c>
      <c r="V40596">
        <v>36</v>
      </c>
      <c r="W40596">
        <v>37</v>
      </c>
      <c r="X40596">
        <v>37</v>
      </c>
      <c r="Y40596">
        <v>38</v>
      </c>
      <c r="Z40596">
        <v>38</v>
      </c>
      <c r="AA40596">
        <v>39</v>
      </c>
      <c r="AB40596">
        <v>40</v>
      </c>
      <c r="AC40596">
        <v>40</v>
      </c>
      <c r="AD40596">
        <v>41</v>
      </c>
      <c r="AE40596">
        <v>41</v>
      </c>
      <c r="AF40596">
        <v>41</v>
      </c>
      <c r="AG40596">
        <v>41</v>
      </c>
      <c r="AH40596">
        <v>41</v>
      </c>
      <c r="AI40596">
        <v>41</v>
      </c>
      <c r="AJ40596">
        <v>41</v>
      </c>
      <c r="AK40596">
        <v>41</v>
      </c>
      <c r="AL40596">
        <v>41</v>
      </c>
      <c r="AM40596">
        <v>41</v>
      </c>
      <c r="AN40596">
        <v>41</v>
      </c>
      <c r="AO40596">
        <v>41</v>
      </c>
      <c r="AP40596">
        <v>41</v>
      </c>
      <c r="AQ40596">
        <v>41</v>
      </c>
    </row>
    <row r="40597" spans="1:43">
      <c r="A40597" t="s">
        <v>25087</v>
      </c>
      <c r="B40597" t="s">
        <v>25088</v>
      </c>
      <c r="C40597" t="s">
        <v>6402</v>
      </c>
      <c r="D40597" t="s">
        <v>6403</v>
      </c>
      <c r="E40597" t="s">
        <v>6174</v>
      </c>
      <c r="F40597" t="s">
        <v>6175</v>
      </c>
      <c r="G40597" t="s">
        <v>80</v>
      </c>
      <c r="H40597" t="s">
        <v>81</v>
      </c>
      <c r="I40597" s="2">
        <v>0</v>
      </c>
      <c r="J40597" s="2">
        <v>1</v>
      </c>
      <c r="K40597" s="2">
        <v>0</v>
      </c>
      <c r="L40597" t="s">
        <v>82</v>
      </c>
      <c r="M40597" t="s">
        <v>83</v>
      </c>
      <c r="N40597" t="s">
        <v>91</v>
      </c>
      <c r="O40597" t="s">
        <v>85</v>
      </c>
      <c r="P40597" t="s">
        <v>86</v>
      </c>
      <c r="Q40597">
        <v>33</v>
      </c>
      <c r="R40597">
        <v>34</v>
      </c>
      <c r="S40597">
        <v>34</v>
      </c>
      <c r="T40597">
        <v>35</v>
      </c>
      <c r="U40597">
        <v>35</v>
      </c>
      <c r="V40597">
        <v>36</v>
      </c>
      <c r="W40597">
        <v>36</v>
      </c>
      <c r="X40597">
        <v>36</v>
      </c>
      <c r="Y40597">
        <v>37</v>
      </c>
      <c r="Z40597">
        <v>37</v>
      </c>
      <c r="AA40597">
        <v>38</v>
      </c>
      <c r="AB40597">
        <v>38</v>
      </c>
      <c r="AC40597">
        <v>38</v>
      </c>
      <c r="AD40597">
        <v>39</v>
      </c>
      <c r="AE40597">
        <v>39</v>
      </c>
      <c r="AF40597">
        <v>39</v>
      </c>
      <c r="AG40597">
        <v>40</v>
      </c>
      <c r="AH40597">
        <v>40</v>
      </c>
      <c r="AI40597">
        <v>40</v>
      </c>
      <c r="AJ40597">
        <v>41</v>
      </c>
      <c r="AK40597">
        <v>41</v>
      </c>
      <c r="AL40597">
        <v>41</v>
      </c>
      <c r="AM40597">
        <v>41</v>
      </c>
      <c r="AN40597">
        <v>41</v>
      </c>
      <c r="AO40597">
        <v>41</v>
      </c>
      <c r="AP40597">
        <v>41</v>
      </c>
      <c r="AQ40597">
        <v>41</v>
      </c>
    </row>
    <row r="40598" spans="1:43">
      <c r="A40598" t="s">
        <v>25089</v>
      </c>
      <c r="B40598" t="s">
        <v>25090</v>
      </c>
      <c r="C40598" t="s">
        <v>18803</v>
      </c>
      <c r="D40598" t="s">
        <v>18804</v>
      </c>
      <c r="E40598" t="s">
        <v>18691</v>
      </c>
      <c r="F40598" t="s">
        <v>18692</v>
      </c>
      <c r="G40598" t="s">
        <v>10734</v>
      </c>
      <c r="H40598" t="s">
        <v>10735</v>
      </c>
      <c r="I40598" s="2">
        <v>0</v>
      </c>
      <c r="J40598" s="2">
        <v>0</v>
      </c>
      <c r="K40598" s="2">
        <v>1</v>
      </c>
      <c r="L40598" t="s">
        <v>995</v>
      </c>
      <c r="M40598" t="s">
        <v>83</v>
      </c>
      <c r="N40598" t="s">
        <v>84</v>
      </c>
      <c r="O40598" t="s">
        <v>85</v>
      </c>
      <c r="P40598" t="s">
        <v>86</v>
      </c>
      <c r="Q40598">
        <v>57</v>
      </c>
      <c r="R40598">
        <v>58</v>
      </c>
      <c r="S40598">
        <v>60</v>
      </c>
      <c r="T40598">
        <v>61</v>
      </c>
      <c r="U40598">
        <v>63</v>
      </c>
      <c r="V40598">
        <v>65</v>
      </c>
      <c r="W40598">
        <v>66</v>
      </c>
      <c r="X40598">
        <v>68</v>
      </c>
      <c r="Y40598">
        <v>70</v>
      </c>
      <c r="Z40598">
        <v>72</v>
      </c>
      <c r="AA40598">
        <v>73</v>
      </c>
      <c r="AB40598">
        <v>75</v>
      </c>
      <c r="AC40598">
        <v>77</v>
      </c>
      <c r="AD40598">
        <v>79</v>
      </c>
      <c r="AE40598">
        <v>81</v>
      </c>
      <c r="AF40598">
        <v>83</v>
      </c>
      <c r="AG40598">
        <v>85</v>
      </c>
      <c r="AH40598">
        <v>87</v>
      </c>
      <c r="AI40598">
        <v>89</v>
      </c>
      <c r="AJ40598">
        <v>91</v>
      </c>
      <c r="AK40598">
        <v>93</v>
      </c>
      <c r="AL40598">
        <v>94</v>
      </c>
      <c r="AM40598">
        <v>96</v>
      </c>
      <c r="AN40598">
        <v>97</v>
      </c>
      <c r="AO40598">
        <v>98</v>
      </c>
      <c r="AP40598">
        <v>99</v>
      </c>
      <c r="AQ40598">
        <v>101</v>
      </c>
    </row>
    <row r="40599" spans="1:43">
      <c r="A40599" t="s">
        <v>25089</v>
      </c>
      <c r="B40599" t="s">
        <v>25090</v>
      </c>
      <c r="C40599" t="s">
        <v>18803</v>
      </c>
      <c r="D40599" t="s">
        <v>18804</v>
      </c>
      <c r="E40599" t="s">
        <v>18691</v>
      </c>
      <c r="F40599" t="s">
        <v>18692</v>
      </c>
      <c r="G40599" t="s">
        <v>10734</v>
      </c>
      <c r="H40599" t="s">
        <v>10735</v>
      </c>
      <c r="I40599" s="2">
        <v>0</v>
      </c>
      <c r="J40599" s="2">
        <v>0</v>
      </c>
      <c r="K40599" s="2">
        <v>1</v>
      </c>
      <c r="L40599" t="s">
        <v>995</v>
      </c>
      <c r="M40599" t="s">
        <v>87</v>
      </c>
      <c r="N40599" t="s">
        <v>88</v>
      </c>
      <c r="O40599" t="s">
        <v>85</v>
      </c>
      <c r="P40599" t="s">
        <v>86</v>
      </c>
      <c r="Q40599">
        <v>57</v>
      </c>
      <c r="R40599">
        <v>58</v>
      </c>
      <c r="S40599">
        <v>59</v>
      </c>
      <c r="T40599">
        <v>60</v>
      </c>
      <c r="U40599">
        <v>61</v>
      </c>
      <c r="V40599">
        <v>62</v>
      </c>
      <c r="W40599">
        <v>63</v>
      </c>
      <c r="X40599">
        <v>64</v>
      </c>
      <c r="Y40599">
        <v>66</v>
      </c>
      <c r="Z40599">
        <v>67</v>
      </c>
      <c r="AA40599">
        <v>68</v>
      </c>
      <c r="AB40599">
        <v>69</v>
      </c>
      <c r="AC40599">
        <v>70</v>
      </c>
      <c r="AD40599">
        <v>71</v>
      </c>
      <c r="AE40599">
        <v>73</v>
      </c>
      <c r="AF40599">
        <v>74</v>
      </c>
      <c r="AG40599">
        <v>75</v>
      </c>
      <c r="AH40599">
        <v>76</v>
      </c>
      <c r="AI40599">
        <v>77</v>
      </c>
      <c r="AJ40599">
        <v>79</v>
      </c>
      <c r="AK40599">
        <v>80</v>
      </c>
      <c r="AL40599">
        <v>81</v>
      </c>
      <c r="AM40599">
        <v>83</v>
      </c>
      <c r="AN40599">
        <v>84</v>
      </c>
      <c r="AO40599">
        <v>85</v>
      </c>
      <c r="AP40599">
        <v>87</v>
      </c>
      <c r="AQ40599">
        <v>88</v>
      </c>
    </row>
    <row r="40600" spans="1:43">
      <c r="A40600" t="s">
        <v>25089</v>
      </c>
      <c r="B40600" t="s">
        <v>25090</v>
      </c>
      <c r="C40600" t="s">
        <v>18803</v>
      </c>
      <c r="D40600" t="s">
        <v>18804</v>
      </c>
      <c r="E40600" t="s">
        <v>18691</v>
      </c>
      <c r="F40600" t="s">
        <v>18692</v>
      </c>
      <c r="G40600" t="s">
        <v>10734</v>
      </c>
      <c r="H40600" t="s">
        <v>10735</v>
      </c>
      <c r="I40600" s="2">
        <v>0</v>
      </c>
      <c r="J40600" s="2">
        <v>0</v>
      </c>
      <c r="K40600" s="2">
        <v>1</v>
      </c>
      <c r="L40600" t="s">
        <v>995</v>
      </c>
      <c r="M40600" t="s">
        <v>89</v>
      </c>
      <c r="N40600" t="s">
        <v>90</v>
      </c>
      <c r="O40600" t="s">
        <v>85</v>
      </c>
      <c r="P40600" t="s">
        <v>86</v>
      </c>
      <c r="Q40600">
        <v>57</v>
      </c>
      <c r="R40600">
        <v>59</v>
      </c>
      <c r="S40600">
        <v>61</v>
      </c>
      <c r="T40600">
        <v>63</v>
      </c>
      <c r="U40600">
        <v>65</v>
      </c>
      <c r="V40600">
        <v>68</v>
      </c>
      <c r="W40600">
        <v>70</v>
      </c>
      <c r="X40600">
        <v>72</v>
      </c>
      <c r="Y40600">
        <v>74</v>
      </c>
      <c r="Z40600">
        <v>76</v>
      </c>
      <c r="AA40600">
        <v>78</v>
      </c>
      <c r="AB40600">
        <v>80</v>
      </c>
      <c r="AC40600">
        <v>83</v>
      </c>
      <c r="AD40600">
        <v>85</v>
      </c>
      <c r="AE40600">
        <v>87</v>
      </c>
      <c r="AF40600">
        <v>88</v>
      </c>
      <c r="AG40600">
        <v>89</v>
      </c>
      <c r="AH40600">
        <v>90</v>
      </c>
      <c r="AI40600">
        <v>92</v>
      </c>
      <c r="AJ40600">
        <v>93</v>
      </c>
      <c r="AK40600">
        <v>94</v>
      </c>
      <c r="AL40600">
        <v>95</v>
      </c>
      <c r="AM40600">
        <v>97</v>
      </c>
      <c r="AN40600">
        <v>98</v>
      </c>
      <c r="AO40600">
        <v>99</v>
      </c>
      <c r="AP40600">
        <v>100</v>
      </c>
      <c r="AQ40600">
        <v>102</v>
      </c>
    </row>
    <row r="40601" spans="1:43">
      <c r="A40601" t="s">
        <v>25089</v>
      </c>
      <c r="B40601" t="s">
        <v>25090</v>
      </c>
      <c r="C40601" t="s">
        <v>18803</v>
      </c>
      <c r="D40601" t="s">
        <v>18804</v>
      </c>
      <c r="E40601" t="s">
        <v>18691</v>
      </c>
      <c r="F40601" t="s">
        <v>18692</v>
      </c>
      <c r="G40601" t="s">
        <v>10734</v>
      </c>
      <c r="H40601" t="s">
        <v>10735</v>
      </c>
      <c r="I40601" s="2">
        <v>0</v>
      </c>
      <c r="J40601" s="2">
        <v>0</v>
      </c>
      <c r="K40601" s="2">
        <v>1</v>
      </c>
      <c r="L40601" t="s">
        <v>995</v>
      </c>
      <c r="M40601" t="s">
        <v>83</v>
      </c>
      <c r="N40601" t="s">
        <v>91</v>
      </c>
      <c r="O40601" t="s">
        <v>85</v>
      </c>
      <c r="P40601" t="s">
        <v>86</v>
      </c>
      <c r="Q40601">
        <v>57</v>
      </c>
      <c r="R40601">
        <v>58</v>
      </c>
      <c r="S40601">
        <v>60</v>
      </c>
      <c r="T40601">
        <v>61</v>
      </c>
      <c r="U40601">
        <v>63</v>
      </c>
      <c r="V40601">
        <v>65</v>
      </c>
      <c r="W40601">
        <v>66</v>
      </c>
      <c r="X40601">
        <v>68</v>
      </c>
      <c r="Y40601">
        <v>70</v>
      </c>
      <c r="Z40601">
        <v>72</v>
      </c>
      <c r="AA40601">
        <v>73</v>
      </c>
      <c r="AB40601">
        <v>75</v>
      </c>
      <c r="AC40601">
        <v>77</v>
      </c>
      <c r="AD40601">
        <v>79</v>
      </c>
      <c r="AE40601">
        <v>81</v>
      </c>
      <c r="AF40601">
        <v>83</v>
      </c>
      <c r="AG40601">
        <v>85</v>
      </c>
      <c r="AH40601">
        <v>87</v>
      </c>
      <c r="AI40601">
        <v>89</v>
      </c>
      <c r="AJ40601">
        <v>91</v>
      </c>
      <c r="AK40601">
        <v>93</v>
      </c>
      <c r="AL40601">
        <v>94</v>
      </c>
      <c r="AM40601">
        <v>96</v>
      </c>
      <c r="AN40601">
        <v>97</v>
      </c>
      <c r="AO40601">
        <v>98</v>
      </c>
      <c r="AP40601">
        <v>99</v>
      </c>
      <c r="AQ40601">
        <v>101</v>
      </c>
    </row>
    <row r="40602" spans="1:43">
      <c r="A40602" t="s">
        <v>25091</v>
      </c>
      <c r="B40602" t="s">
        <v>25092</v>
      </c>
      <c r="C40602" t="s">
        <v>18791</v>
      </c>
      <c r="D40602" t="s">
        <v>18792</v>
      </c>
      <c r="E40602" t="s">
        <v>18691</v>
      </c>
      <c r="F40602" t="s">
        <v>18692</v>
      </c>
      <c r="G40602" t="s">
        <v>10734</v>
      </c>
      <c r="H40602" t="s">
        <v>10735</v>
      </c>
      <c r="I40602" s="2">
        <v>0</v>
      </c>
      <c r="J40602" s="2">
        <v>0</v>
      </c>
      <c r="K40602" s="2">
        <v>1</v>
      </c>
      <c r="L40602" t="s">
        <v>995</v>
      </c>
      <c r="M40602" t="s">
        <v>83</v>
      </c>
      <c r="N40602" t="s">
        <v>84</v>
      </c>
      <c r="O40602" t="s">
        <v>85</v>
      </c>
      <c r="P40602" t="s">
        <v>86</v>
      </c>
      <c r="Q40602">
        <v>49</v>
      </c>
      <c r="R40602">
        <v>49</v>
      </c>
      <c r="S40602">
        <v>50</v>
      </c>
      <c r="T40602">
        <v>51</v>
      </c>
      <c r="U40602">
        <v>51</v>
      </c>
      <c r="V40602">
        <v>52</v>
      </c>
      <c r="W40602">
        <v>52</v>
      </c>
      <c r="X40602">
        <v>53</v>
      </c>
      <c r="Y40602">
        <v>54</v>
      </c>
      <c r="Z40602">
        <v>54</v>
      </c>
      <c r="AA40602">
        <v>55</v>
      </c>
      <c r="AB40602">
        <v>55</v>
      </c>
      <c r="AC40602">
        <v>56</v>
      </c>
      <c r="AD40602">
        <v>56</v>
      </c>
      <c r="AE40602">
        <v>57</v>
      </c>
      <c r="AF40602">
        <v>57</v>
      </c>
      <c r="AG40602">
        <v>58</v>
      </c>
      <c r="AH40602">
        <v>58</v>
      </c>
      <c r="AI40602">
        <v>58</v>
      </c>
      <c r="AJ40602">
        <v>59</v>
      </c>
      <c r="AK40602">
        <v>59</v>
      </c>
      <c r="AL40602">
        <v>59</v>
      </c>
      <c r="AM40602">
        <v>59</v>
      </c>
      <c r="AN40602">
        <v>59</v>
      </c>
      <c r="AO40602">
        <v>59</v>
      </c>
      <c r="AP40602">
        <v>59</v>
      </c>
      <c r="AQ40602">
        <v>59</v>
      </c>
    </row>
    <row r="40603" spans="1:43">
      <c r="A40603" t="s">
        <v>25091</v>
      </c>
      <c r="B40603" t="s">
        <v>25092</v>
      </c>
      <c r="C40603" t="s">
        <v>18791</v>
      </c>
      <c r="D40603" t="s">
        <v>18792</v>
      </c>
      <c r="E40603" t="s">
        <v>18691</v>
      </c>
      <c r="F40603" t="s">
        <v>18692</v>
      </c>
      <c r="G40603" t="s">
        <v>10734</v>
      </c>
      <c r="H40603" t="s">
        <v>10735</v>
      </c>
      <c r="I40603" s="2">
        <v>0</v>
      </c>
      <c r="J40603" s="2">
        <v>0</v>
      </c>
      <c r="K40603" s="2">
        <v>1</v>
      </c>
      <c r="L40603" t="s">
        <v>995</v>
      </c>
      <c r="M40603" t="s">
        <v>87</v>
      </c>
      <c r="N40603" t="s">
        <v>88</v>
      </c>
      <c r="O40603" t="s">
        <v>85</v>
      </c>
      <c r="P40603" t="s">
        <v>86</v>
      </c>
      <c r="Q40603">
        <v>49</v>
      </c>
      <c r="R40603">
        <v>50</v>
      </c>
      <c r="S40603">
        <v>50</v>
      </c>
      <c r="T40603">
        <v>50</v>
      </c>
      <c r="U40603">
        <v>50</v>
      </c>
      <c r="V40603">
        <v>50</v>
      </c>
      <c r="W40603">
        <v>50</v>
      </c>
      <c r="X40603">
        <v>50</v>
      </c>
      <c r="Y40603">
        <v>51</v>
      </c>
      <c r="Z40603">
        <v>51</v>
      </c>
      <c r="AA40603">
        <v>51</v>
      </c>
      <c r="AB40603">
        <v>51</v>
      </c>
      <c r="AC40603">
        <v>51</v>
      </c>
      <c r="AD40603">
        <v>51</v>
      </c>
      <c r="AE40603">
        <v>51</v>
      </c>
      <c r="AF40603">
        <v>51</v>
      </c>
      <c r="AG40603">
        <v>51</v>
      </c>
      <c r="AH40603">
        <v>52</v>
      </c>
      <c r="AI40603">
        <v>52</v>
      </c>
      <c r="AJ40603">
        <v>52</v>
      </c>
      <c r="AK40603">
        <v>52</v>
      </c>
      <c r="AL40603">
        <v>52</v>
      </c>
      <c r="AM40603">
        <v>52</v>
      </c>
      <c r="AN40603">
        <v>52</v>
      </c>
      <c r="AO40603">
        <v>52</v>
      </c>
      <c r="AP40603">
        <v>52</v>
      </c>
      <c r="AQ40603">
        <v>52</v>
      </c>
    </row>
    <row r="40604" spans="1:43">
      <c r="A40604" t="s">
        <v>25091</v>
      </c>
      <c r="B40604" t="s">
        <v>25092</v>
      </c>
      <c r="C40604" t="s">
        <v>18791</v>
      </c>
      <c r="D40604" t="s">
        <v>18792</v>
      </c>
      <c r="E40604" t="s">
        <v>18691</v>
      </c>
      <c r="F40604" t="s">
        <v>18692</v>
      </c>
      <c r="G40604" t="s">
        <v>10734</v>
      </c>
      <c r="H40604" t="s">
        <v>10735</v>
      </c>
      <c r="I40604" s="2">
        <v>0</v>
      </c>
      <c r="J40604" s="2">
        <v>0</v>
      </c>
      <c r="K40604" s="2">
        <v>1</v>
      </c>
      <c r="L40604" t="s">
        <v>995</v>
      </c>
      <c r="M40604" t="s">
        <v>89</v>
      </c>
      <c r="N40604" t="s">
        <v>90</v>
      </c>
      <c r="O40604" t="s">
        <v>85</v>
      </c>
      <c r="P40604" t="s">
        <v>86</v>
      </c>
      <c r="Q40604">
        <v>49</v>
      </c>
      <c r="R40604">
        <v>50</v>
      </c>
      <c r="S40604">
        <v>51</v>
      </c>
      <c r="T40604">
        <v>52</v>
      </c>
      <c r="U40604">
        <v>53</v>
      </c>
      <c r="V40604">
        <v>54</v>
      </c>
      <c r="W40604">
        <v>55</v>
      </c>
      <c r="X40604">
        <v>56</v>
      </c>
      <c r="Y40604">
        <v>57</v>
      </c>
      <c r="Z40604">
        <v>57</v>
      </c>
      <c r="AA40604">
        <v>58</v>
      </c>
      <c r="AB40604">
        <v>59</v>
      </c>
      <c r="AC40604">
        <v>59</v>
      </c>
      <c r="AD40604">
        <v>60</v>
      </c>
      <c r="AE40604">
        <v>60</v>
      </c>
      <c r="AF40604">
        <v>60</v>
      </c>
      <c r="AG40604">
        <v>60</v>
      </c>
      <c r="AH40604">
        <v>60</v>
      </c>
      <c r="AI40604">
        <v>60</v>
      </c>
      <c r="AJ40604">
        <v>60</v>
      </c>
      <c r="AK40604">
        <v>60</v>
      </c>
      <c r="AL40604">
        <v>60</v>
      </c>
      <c r="AM40604">
        <v>60</v>
      </c>
      <c r="AN40604">
        <v>60</v>
      </c>
      <c r="AO40604">
        <v>60</v>
      </c>
      <c r="AP40604">
        <v>60</v>
      </c>
      <c r="AQ40604">
        <v>59</v>
      </c>
    </row>
    <row r="40605" spans="1:43">
      <c r="A40605" t="s">
        <v>25091</v>
      </c>
      <c r="B40605" t="s">
        <v>25092</v>
      </c>
      <c r="C40605" t="s">
        <v>18791</v>
      </c>
      <c r="D40605" t="s">
        <v>18792</v>
      </c>
      <c r="E40605" t="s">
        <v>18691</v>
      </c>
      <c r="F40605" t="s">
        <v>18692</v>
      </c>
      <c r="G40605" t="s">
        <v>10734</v>
      </c>
      <c r="H40605" t="s">
        <v>10735</v>
      </c>
      <c r="I40605" s="2">
        <v>0</v>
      </c>
      <c r="J40605" s="2">
        <v>0</v>
      </c>
      <c r="K40605" s="2">
        <v>1</v>
      </c>
      <c r="L40605" t="s">
        <v>995</v>
      </c>
      <c r="M40605" t="s">
        <v>83</v>
      </c>
      <c r="N40605" t="s">
        <v>91</v>
      </c>
      <c r="O40605" t="s">
        <v>85</v>
      </c>
      <c r="P40605" t="s">
        <v>86</v>
      </c>
      <c r="Q40605">
        <v>49</v>
      </c>
      <c r="R40605">
        <v>49</v>
      </c>
      <c r="S40605">
        <v>50</v>
      </c>
      <c r="T40605">
        <v>51</v>
      </c>
      <c r="U40605">
        <v>51</v>
      </c>
      <c r="V40605">
        <v>52</v>
      </c>
      <c r="W40605">
        <v>52</v>
      </c>
      <c r="X40605">
        <v>53</v>
      </c>
      <c r="Y40605">
        <v>54</v>
      </c>
      <c r="Z40605">
        <v>54</v>
      </c>
      <c r="AA40605">
        <v>55</v>
      </c>
      <c r="AB40605">
        <v>55</v>
      </c>
      <c r="AC40605">
        <v>56</v>
      </c>
      <c r="AD40605">
        <v>56</v>
      </c>
      <c r="AE40605">
        <v>57</v>
      </c>
      <c r="AF40605">
        <v>57</v>
      </c>
      <c r="AG40605">
        <v>58</v>
      </c>
      <c r="AH40605">
        <v>58</v>
      </c>
      <c r="AI40605">
        <v>58</v>
      </c>
      <c r="AJ40605">
        <v>59</v>
      </c>
      <c r="AK40605">
        <v>59</v>
      </c>
      <c r="AL40605">
        <v>59</v>
      </c>
      <c r="AM40605">
        <v>59</v>
      </c>
      <c r="AN40605">
        <v>59</v>
      </c>
      <c r="AO40605">
        <v>59</v>
      </c>
      <c r="AP40605">
        <v>59</v>
      </c>
      <c r="AQ40605">
        <v>59</v>
      </c>
    </row>
    <row r="40606" spans="1:43">
      <c r="A40606" t="s">
        <v>25093</v>
      </c>
      <c r="B40606" t="s">
        <v>25094</v>
      </c>
      <c r="C40606" t="s">
        <v>18803</v>
      </c>
      <c r="D40606" t="s">
        <v>18804</v>
      </c>
      <c r="E40606" t="s">
        <v>18691</v>
      </c>
      <c r="F40606" t="s">
        <v>18692</v>
      </c>
      <c r="G40606" t="s">
        <v>10734</v>
      </c>
      <c r="H40606" t="s">
        <v>10735</v>
      </c>
      <c r="I40606" s="2">
        <v>0</v>
      </c>
      <c r="J40606" s="2">
        <v>0</v>
      </c>
      <c r="K40606" s="2">
        <v>0.8</v>
      </c>
      <c r="L40606" t="s">
        <v>995</v>
      </c>
      <c r="M40606" t="s">
        <v>83</v>
      </c>
      <c r="N40606" t="s">
        <v>84</v>
      </c>
      <c r="O40606" t="s">
        <v>85</v>
      </c>
      <c r="P40606" t="s">
        <v>86</v>
      </c>
      <c r="Q40606">
        <v>110</v>
      </c>
      <c r="R40606">
        <v>113</v>
      </c>
      <c r="S40606">
        <v>116</v>
      </c>
      <c r="T40606">
        <v>119</v>
      </c>
      <c r="U40606">
        <v>122</v>
      </c>
      <c r="V40606">
        <v>126</v>
      </c>
      <c r="W40606">
        <v>129</v>
      </c>
      <c r="X40606">
        <v>132</v>
      </c>
      <c r="Y40606">
        <v>136</v>
      </c>
      <c r="Z40606">
        <v>139</v>
      </c>
      <c r="AA40606">
        <v>143</v>
      </c>
      <c r="AB40606">
        <v>146</v>
      </c>
      <c r="AC40606">
        <v>150</v>
      </c>
      <c r="AD40606">
        <v>153</v>
      </c>
      <c r="AE40606">
        <v>157</v>
      </c>
      <c r="AF40606">
        <v>161</v>
      </c>
      <c r="AG40606">
        <v>164</v>
      </c>
      <c r="AH40606">
        <v>168</v>
      </c>
      <c r="AI40606">
        <v>172</v>
      </c>
      <c r="AJ40606">
        <v>176</v>
      </c>
      <c r="AK40606">
        <v>180</v>
      </c>
      <c r="AL40606">
        <v>183</v>
      </c>
      <c r="AM40606">
        <v>186</v>
      </c>
      <c r="AN40606">
        <v>188</v>
      </c>
      <c r="AO40606">
        <v>191</v>
      </c>
      <c r="AP40606">
        <v>193</v>
      </c>
      <c r="AQ40606">
        <v>196</v>
      </c>
    </row>
    <row r="40607" spans="1:43">
      <c r="A40607" t="s">
        <v>25093</v>
      </c>
      <c r="B40607" t="s">
        <v>25094</v>
      </c>
      <c r="C40607" t="s">
        <v>18803</v>
      </c>
      <c r="D40607" t="s">
        <v>18804</v>
      </c>
      <c r="E40607" t="s">
        <v>18691</v>
      </c>
      <c r="F40607" t="s">
        <v>18692</v>
      </c>
      <c r="G40607" t="s">
        <v>10734</v>
      </c>
      <c r="H40607" t="s">
        <v>10735</v>
      </c>
      <c r="I40607" s="2">
        <v>0</v>
      </c>
      <c r="J40607" s="2">
        <v>0</v>
      </c>
      <c r="K40607" s="2">
        <v>0.8</v>
      </c>
      <c r="L40607" t="s">
        <v>995</v>
      </c>
      <c r="M40607" t="s">
        <v>87</v>
      </c>
      <c r="N40607" t="s">
        <v>88</v>
      </c>
      <c r="O40607" t="s">
        <v>85</v>
      </c>
      <c r="P40607" t="s">
        <v>86</v>
      </c>
      <c r="Q40607">
        <v>110</v>
      </c>
      <c r="R40607">
        <v>112</v>
      </c>
      <c r="S40607">
        <v>114</v>
      </c>
      <c r="T40607">
        <v>116</v>
      </c>
      <c r="U40607">
        <v>118</v>
      </c>
      <c r="V40607">
        <v>120</v>
      </c>
      <c r="W40607">
        <v>122</v>
      </c>
      <c r="X40607">
        <v>124</v>
      </c>
      <c r="Y40607">
        <v>126</v>
      </c>
      <c r="Z40607">
        <v>129</v>
      </c>
      <c r="AA40607">
        <v>131</v>
      </c>
      <c r="AB40607">
        <v>133</v>
      </c>
      <c r="AC40607">
        <v>135</v>
      </c>
      <c r="AD40607">
        <v>138</v>
      </c>
      <c r="AE40607">
        <v>140</v>
      </c>
      <c r="AF40607">
        <v>142</v>
      </c>
      <c r="AG40607">
        <v>145</v>
      </c>
      <c r="AH40607">
        <v>147</v>
      </c>
      <c r="AI40607">
        <v>150</v>
      </c>
      <c r="AJ40607">
        <v>152</v>
      </c>
      <c r="AK40607">
        <v>155</v>
      </c>
      <c r="AL40607">
        <v>157</v>
      </c>
      <c r="AM40607">
        <v>160</v>
      </c>
      <c r="AN40607">
        <v>162</v>
      </c>
      <c r="AO40607">
        <v>165</v>
      </c>
      <c r="AP40607">
        <v>168</v>
      </c>
      <c r="AQ40607">
        <v>170</v>
      </c>
    </row>
    <row r="40608" spans="1:43">
      <c r="A40608" t="s">
        <v>25093</v>
      </c>
      <c r="B40608" t="s">
        <v>25094</v>
      </c>
      <c r="C40608" t="s">
        <v>18803</v>
      </c>
      <c r="D40608" t="s">
        <v>18804</v>
      </c>
      <c r="E40608" t="s">
        <v>18691</v>
      </c>
      <c r="F40608" t="s">
        <v>18692</v>
      </c>
      <c r="G40608" t="s">
        <v>10734</v>
      </c>
      <c r="H40608" t="s">
        <v>10735</v>
      </c>
      <c r="I40608" s="2">
        <v>0</v>
      </c>
      <c r="J40608" s="2">
        <v>0</v>
      </c>
      <c r="K40608" s="2">
        <v>0.8</v>
      </c>
      <c r="L40608" t="s">
        <v>995</v>
      </c>
      <c r="M40608" t="s">
        <v>89</v>
      </c>
      <c r="N40608" t="s">
        <v>90</v>
      </c>
      <c r="O40608" t="s">
        <v>85</v>
      </c>
      <c r="P40608" t="s">
        <v>86</v>
      </c>
      <c r="Q40608">
        <v>110</v>
      </c>
      <c r="R40608">
        <v>114</v>
      </c>
      <c r="S40608">
        <v>118</v>
      </c>
      <c r="T40608">
        <v>122</v>
      </c>
      <c r="U40608">
        <v>126</v>
      </c>
      <c r="V40608">
        <v>130</v>
      </c>
      <c r="W40608">
        <v>135</v>
      </c>
      <c r="X40608">
        <v>139</v>
      </c>
      <c r="Y40608">
        <v>143</v>
      </c>
      <c r="Z40608">
        <v>147</v>
      </c>
      <c r="AA40608">
        <v>151</v>
      </c>
      <c r="AB40608">
        <v>155</v>
      </c>
      <c r="AC40608">
        <v>159</v>
      </c>
      <c r="AD40608">
        <v>164</v>
      </c>
      <c r="AE40608">
        <v>167</v>
      </c>
      <c r="AF40608">
        <v>170</v>
      </c>
      <c r="AG40608">
        <v>172</v>
      </c>
      <c r="AH40608">
        <v>174</v>
      </c>
      <c r="AI40608">
        <v>177</v>
      </c>
      <c r="AJ40608">
        <v>179</v>
      </c>
      <c r="AK40608">
        <v>182</v>
      </c>
      <c r="AL40608">
        <v>184</v>
      </c>
      <c r="AM40608">
        <v>187</v>
      </c>
      <c r="AN40608">
        <v>189</v>
      </c>
      <c r="AO40608">
        <v>191</v>
      </c>
      <c r="AP40608">
        <v>194</v>
      </c>
      <c r="AQ40608">
        <v>196</v>
      </c>
    </row>
    <row r="40609" spans="1:43">
      <c r="A40609" t="s">
        <v>25093</v>
      </c>
      <c r="B40609" t="s">
        <v>25094</v>
      </c>
      <c r="C40609" t="s">
        <v>18803</v>
      </c>
      <c r="D40609" t="s">
        <v>18804</v>
      </c>
      <c r="E40609" t="s">
        <v>18691</v>
      </c>
      <c r="F40609" t="s">
        <v>18692</v>
      </c>
      <c r="G40609" t="s">
        <v>10734</v>
      </c>
      <c r="H40609" t="s">
        <v>10735</v>
      </c>
      <c r="I40609" s="2">
        <v>0</v>
      </c>
      <c r="J40609" s="2">
        <v>0</v>
      </c>
      <c r="K40609" s="2">
        <v>0.8</v>
      </c>
      <c r="L40609" t="s">
        <v>995</v>
      </c>
      <c r="M40609" t="s">
        <v>83</v>
      </c>
      <c r="N40609" t="s">
        <v>91</v>
      </c>
      <c r="O40609" t="s">
        <v>85</v>
      </c>
      <c r="P40609" t="s">
        <v>86</v>
      </c>
      <c r="Q40609">
        <v>110</v>
      </c>
      <c r="R40609">
        <v>113</v>
      </c>
      <c r="S40609">
        <v>116</v>
      </c>
      <c r="T40609">
        <v>119</v>
      </c>
      <c r="U40609">
        <v>122</v>
      </c>
      <c r="V40609">
        <v>126</v>
      </c>
      <c r="W40609">
        <v>129</v>
      </c>
      <c r="X40609">
        <v>132</v>
      </c>
      <c r="Y40609">
        <v>136</v>
      </c>
      <c r="Z40609">
        <v>139</v>
      </c>
      <c r="AA40609">
        <v>143</v>
      </c>
      <c r="AB40609">
        <v>146</v>
      </c>
      <c r="AC40609">
        <v>150</v>
      </c>
      <c r="AD40609">
        <v>153</v>
      </c>
      <c r="AE40609">
        <v>157</v>
      </c>
      <c r="AF40609">
        <v>161</v>
      </c>
      <c r="AG40609">
        <v>164</v>
      </c>
      <c r="AH40609">
        <v>168</v>
      </c>
      <c r="AI40609">
        <v>172</v>
      </c>
      <c r="AJ40609">
        <v>176</v>
      </c>
      <c r="AK40609">
        <v>180</v>
      </c>
      <c r="AL40609">
        <v>183</v>
      </c>
      <c r="AM40609">
        <v>186</v>
      </c>
      <c r="AN40609">
        <v>188</v>
      </c>
      <c r="AO40609">
        <v>191</v>
      </c>
      <c r="AP40609">
        <v>193</v>
      </c>
      <c r="AQ40609">
        <v>196</v>
      </c>
    </row>
    <row r="40610" spans="1:43">
      <c r="A40610" t="s">
        <v>25095</v>
      </c>
      <c r="B40610" t="s">
        <v>25096</v>
      </c>
      <c r="C40610" t="s">
        <v>19429</v>
      </c>
      <c r="D40610" t="s">
        <v>19430</v>
      </c>
      <c r="E40610" t="s">
        <v>19379</v>
      </c>
      <c r="F40610" t="s">
        <v>19380</v>
      </c>
      <c r="G40610" t="s">
        <v>10734</v>
      </c>
      <c r="H40610" t="s">
        <v>10735</v>
      </c>
      <c r="I40610" s="2">
        <v>0</v>
      </c>
      <c r="J40610" s="2">
        <v>0</v>
      </c>
      <c r="K40610" s="2">
        <v>1</v>
      </c>
      <c r="L40610" t="s">
        <v>995</v>
      </c>
      <c r="M40610" t="s">
        <v>83</v>
      </c>
      <c r="N40610" t="s">
        <v>84</v>
      </c>
      <c r="O40610" t="s">
        <v>85</v>
      </c>
      <c r="P40610" t="s">
        <v>86</v>
      </c>
      <c r="Q40610">
        <v>147</v>
      </c>
      <c r="R40610">
        <v>150</v>
      </c>
      <c r="S40610">
        <v>154</v>
      </c>
      <c r="T40610">
        <v>157</v>
      </c>
      <c r="U40610">
        <v>161</v>
      </c>
      <c r="V40610">
        <v>164</v>
      </c>
      <c r="W40610">
        <v>168</v>
      </c>
      <c r="X40610">
        <v>171</v>
      </c>
      <c r="Y40610">
        <v>175</v>
      </c>
      <c r="Z40610">
        <v>178</v>
      </c>
      <c r="AA40610">
        <v>182</v>
      </c>
      <c r="AB40610">
        <v>186</v>
      </c>
      <c r="AC40610">
        <v>189</v>
      </c>
      <c r="AD40610">
        <v>193</v>
      </c>
      <c r="AE40610">
        <v>196</v>
      </c>
      <c r="AF40610">
        <v>200</v>
      </c>
      <c r="AG40610">
        <v>203</v>
      </c>
      <c r="AH40610">
        <v>207</v>
      </c>
      <c r="AI40610">
        <v>210</v>
      </c>
      <c r="AJ40610">
        <v>214</v>
      </c>
      <c r="AK40610">
        <v>217</v>
      </c>
      <c r="AL40610">
        <v>220</v>
      </c>
      <c r="AM40610">
        <v>222</v>
      </c>
      <c r="AN40610">
        <v>223</v>
      </c>
      <c r="AO40610">
        <v>225</v>
      </c>
      <c r="AP40610">
        <v>227</v>
      </c>
      <c r="AQ40610">
        <v>229</v>
      </c>
    </row>
    <row r="40611" spans="1:43">
      <c r="A40611" t="s">
        <v>25095</v>
      </c>
      <c r="B40611" t="s">
        <v>25096</v>
      </c>
      <c r="C40611" t="s">
        <v>19429</v>
      </c>
      <c r="D40611" t="s">
        <v>19430</v>
      </c>
      <c r="E40611" t="s">
        <v>19379</v>
      </c>
      <c r="F40611" t="s">
        <v>19380</v>
      </c>
      <c r="G40611" t="s">
        <v>10734</v>
      </c>
      <c r="H40611" t="s">
        <v>10735</v>
      </c>
      <c r="I40611" s="2">
        <v>0</v>
      </c>
      <c r="J40611" s="2">
        <v>0</v>
      </c>
      <c r="K40611" s="2">
        <v>1</v>
      </c>
      <c r="L40611" t="s">
        <v>995</v>
      </c>
      <c r="M40611" t="s">
        <v>87</v>
      </c>
      <c r="N40611" t="s">
        <v>88</v>
      </c>
      <c r="O40611" t="s">
        <v>85</v>
      </c>
      <c r="P40611" t="s">
        <v>86</v>
      </c>
      <c r="Q40611">
        <v>147</v>
      </c>
      <c r="R40611">
        <v>149</v>
      </c>
      <c r="S40611">
        <v>152</v>
      </c>
      <c r="T40611">
        <v>154</v>
      </c>
      <c r="U40611">
        <v>156</v>
      </c>
      <c r="V40611">
        <v>158</v>
      </c>
      <c r="W40611">
        <v>160</v>
      </c>
      <c r="X40611">
        <v>162</v>
      </c>
      <c r="Y40611">
        <v>164</v>
      </c>
      <c r="Z40611">
        <v>166</v>
      </c>
      <c r="AA40611">
        <v>168</v>
      </c>
      <c r="AB40611">
        <v>170</v>
      </c>
      <c r="AC40611">
        <v>172</v>
      </c>
      <c r="AD40611">
        <v>174</v>
      </c>
      <c r="AE40611">
        <v>176</v>
      </c>
      <c r="AF40611">
        <v>178</v>
      </c>
      <c r="AG40611">
        <v>179</v>
      </c>
      <c r="AH40611">
        <v>181</v>
      </c>
      <c r="AI40611">
        <v>183</v>
      </c>
      <c r="AJ40611">
        <v>185</v>
      </c>
      <c r="AK40611">
        <v>187</v>
      </c>
      <c r="AL40611">
        <v>189</v>
      </c>
      <c r="AM40611">
        <v>191</v>
      </c>
      <c r="AN40611">
        <v>193</v>
      </c>
      <c r="AO40611">
        <v>195</v>
      </c>
      <c r="AP40611">
        <v>197</v>
      </c>
      <c r="AQ40611">
        <v>198</v>
      </c>
    </row>
    <row r="40612" spans="1:43">
      <c r="A40612" t="s">
        <v>25095</v>
      </c>
      <c r="B40612" t="s">
        <v>25096</v>
      </c>
      <c r="C40612" t="s">
        <v>19429</v>
      </c>
      <c r="D40612" t="s">
        <v>19430</v>
      </c>
      <c r="E40612" t="s">
        <v>19379</v>
      </c>
      <c r="F40612" t="s">
        <v>19380</v>
      </c>
      <c r="G40612" t="s">
        <v>10734</v>
      </c>
      <c r="H40612" t="s">
        <v>10735</v>
      </c>
      <c r="I40612" s="2">
        <v>0</v>
      </c>
      <c r="J40612" s="2">
        <v>0</v>
      </c>
      <c r="K40612" s="2">
        <v>1</v>
      </c>
      <c r="L40612" t="s">
        <v>995</v>
      </c>
      <c r="M40612" t="s">
        <v>89</v>
      </c>
      <c r="N40612" t="s">
        <v>90</v>
      </c>
      <c r="O40612" t="s">
        <v>85</v>
      </c>
      <c r="P40612" t="s">
        <v>86</v>
      </c>
      <c r="Q40612">
        <v>147</v>
      </c>
      <c r="R40612">
        <v>152</v>
      </c>
      <c r="S40612">
        <v>157</v>
      </c>
      <c r="T40612">
        <v>161</v>
      </c>
      <c r="U40612">
        <v>166</v>
      </c>
      <c r="V40612">
        <v>171</v>
      </c>
      <c r="W40612">
        <v>175</v>
      </c>
      <c r="X40612">
        <v>180</v>
      </c>
      <c r="Y40612">
        <v>184</v>
      </c>
      <c r="Z40612">
        <v>189</v>
      </c>
      <c r="AA40612">
        <v>193</v>
      </c>
      <c r="AB40612">
        <v>197</v>
      </c>
      <c r="AC40612">
        <v>202</v>
      </c>
      <c r="AD40612">
        <v>206</v>
      </c>
      <c r="AE40612">
        <v>209</v>
      </c>
      <c r="AF40612">
        <v>211</v>
      </c>
      <c r="AG40612">
        <v>213</v>
      </c>
      <c r="AH40612">
        <v>215</v>
      </c>
      <c r="AI40612">
        <v>217</v>
      </c>
      <c r="AJ40612">
        <v>219</v>
      </c>
      <c r="AK40612">
        <v>221</v>
      </c>
      <c r="AL40612">
        <v>223</v>
      </c>
      <c r="AM40612">
        <v>224</v>
      </c>
      <c r="AN40612">
        <v>226</v>
      </c>
      <c r="AO40612">
        <v>228</v>
      </c>
      <c r="AP40612">
        <v>229</v>
      </c>
      <c r="AQ40612">
        <v>231</v>
      </c>
    </row>
    <row r="40613" spans="1:43">
      <c r="A40613" t="s">
        <v>25095</v>
      </c>
      <c r="B40613" t="s">
        <v>25096</v>
      </c>
      <c r="C40613" t="s">
        <v>19429</v>
      </c>
      <c r="D40613" t="s">
        <v>19430</v>
      </c>
      <c r="E40613" t="s">
        <v>19379</v>
      </c>
      <c r="F40613" t="s">
        <v>19380</v>
      </c>
      <c r="G40613" t="s">
        <v>10734</v>
      </c>
      <c r="H40613" t="s">
        <v>10735</v>
      </c>
      <c r="I40613" s="2">
        <v>0</v>
      </c>
      <c r="J40613" s="2">
        <v>0</v>
      </c>
      <c r="K40613" s="2">
        <v>1</v>
      </c>
      <c r="L40613" t="s">
        <v>995</v>
      </c>
      <c r="M40613" t="s">
        <v>83</v>
      </c>
      <c r="N40613" t="s">
        <v>91</v>
      </c>
      <c r="O40613" t="s">
        <v>85</v>
      </c>
      <c r="P40613" t="s">
        <v>86</v>
      </c>
      <c r="Q40613">
        <v>147</v>
      </c>
      <c r="R40613">
        <v>150</v>
      </c>
      <c r="S40613">
        <v>154</v>
      </c>
      <c r="T40613">
        <v>157</v>
      </c>
      <c r="U40613">
        <v>161</v>
      </c>
      <c r="V40613">
        <v>164</v>
      </c>
      <c r="W40613">
        <v>168</v>
      </c>
      <c r="X40613">
        <v>171</v>
      </c>
      <c r="Y40613">
        <v>175</v>
      </c>
      <c r="Z40613">
        <v>178</v>
      </c>
      <c r="AA40613">
        <v>182</v>
      </c>
      <c r="AB40613">
        <v>186</v>
      </c>
      <c r="AC40613">
        <v>189</v>
      </c>
      <c r="AD40613">
        <v>193</v>
      </c>
      <c r="AE40613">
        <v>196</v>
      </c>
      <c r="AF40613">
        <v>200</v>
      </c>
      <c r="AG40613">
        <v>203</v>
      </c>
      <c r="AH40613">
        <v>207</v>
      </c>
      <c r="AI40613">
        <v>210</v>
      </c>
      <c r="AJ40613">
        <v>214</v>
      </c>
      <c r="AK40613">
        <v>217</v>
      </c>
      <c r="AL40613">
        <v>220</v>
      </c>
      <c r="AM40613">
        <v>222</v>
      </c>
      <c r="AN40613">
        <v>223</v>
      </c>
      <c r="AO40613">
        <v>225</v>
      </c>
      <c r="AP40613">
        <v>227</v>
      </c>
      <c r="AQ40613">
        <v>229</v>
      </c>
    </row>
    <row r="40614" spans="1:43">
      <c r="A40614" t="s">
        <v>25097</v>
      </c>
      <c r="B40614" t="s">
        <v>25098</v>
      </c>
      <c r="C40614" t="s">
        <v>19399</v>
      </c>
      <c r="D40614" t="s">
        <v>19400</v>
      </c>
      <c r="E40614" t="s">
        <v>19379</v>
      </c>
      <c r="F40614" t="s">
        <v>19380</v>
      </c>
      <c r="G40614" t="s">
        <v>10734</v>
      </c>
      <c r="H40614" t="s">
        <v>10735</v>
      </c>
      <c r="I40614" s="2">
        <v>0</v>
      </c>
      <c r="J40614" s="2">
        <v>0</v>
      </c>
      <c r="K40614" s="2">
        <v>1</v>
      </c>
      <c r="L40614" t="s">
        <v>995</v>
      </c>
      <c r="M40614" t="s">
        <v>83</v>
      </c>
      <c r="N40614" t="s">
        <v>84</v>
      </c>
      <c r="O40614" t="s">
        <v>85</v>
      </c>
      <c r="P40614" t="s">
        <v>86</v>
      </c>
      <c r="Q40614">
        <v>18</v>
      </c>
      <c r="R40614">
        <v>18</v>
      </c>
      <c r="S40614">
        <v>19</v>
      </c>
      <c r="T40614">
        <v>19</v>
      </c>
      <c r="U40614">
        <v>19</v>
      </c>
      <c r="V40614">
        <v>20</v>
      </c>
      <c r="W40614">
        <v>20</v>
      </c>
      <c r="X40614">
        <v>21</v>
      </c>
      <c r="Y40614">
        <v>21</v>
      </c>
      <c r="Z40614">
        <v>21</v>
      </c>
      <c r="AA40614">
        <v>22</v>
      </c>
      <c r="AB40614">
        <v>22</v>
      </c>
      <c r="AC40614">
        <v>23</v>
      </c>
      <c r="AD40614">
        <v>23</v>
      </c>
      <c r="AE40614">
        <v>23</v>
      </c>
      <c r="AF40614">
        <v>24</v>
      </c>
      <c r="AG40614">
        <v>24</v>
      </c>
      <c r="AH40614">
        <v>25</v>
      </c>
      <c r="AI40614">
        <v>25</v>
      </c>
      <c r="AJ40614">
        <v>25</v>
      </c>
      <c r="AK40614">
        <v>26</v>
      </c>
      <c r="AL40614">
        <v>26</v>
      </c>
      <c r="AM40614">
        <v>26</v>
      </c>
      <c r="AN40614">
        <v>26</v>
      </c>
      <c r="AO40614">
        <v>27</v>
      </c>
      <c r="AP40614">
        <v>27</v>
      </c>
      <c r="AQ40614">
        <v>27</v>
      </c>
    </row>
    <row r="40615" spans="1:43">
      <c r="A40615" t="s">
        <v>25097</v>
      </c>
      <c r="B40615" t="s">
        <v>25098</v>
      </c>
      <c r="C40615" t="s">
        <v>19399</v>
      </c>
      <c r="D40615" t="s">
        <v>19400</v>
      </c>
      <c r="E40615" t="s">
        <v>19379</v>
      </c>
      <c r="F40615" t="s">
        <v>19380</v>
      </c>
      <c r="G40615" t="s">
        <v>10734</v>
      </c>
      <c r="H40615" t="s">
        <v>10735</v>
      </c>
      <c r="I40615" s="2">
        <v>0</v>
      </c>
      <c r="J40615" s="2">
        <v>0</v>
      </c>
      <c r="K40615" s="2">
        <v>1</v>
      </c>
      <c r="L40615" t="s">
        <v>995</v>
      </c>
      <c r="M40615" t="s">
        <v>87</v>
      </c>
      <c r="N40615" t="s">
        <v>88</v>
      </c>
      <c r="O40615" t="s">
        <v>85</v>
      </c>
      <c r="P40615" t="s">
        <v>86</v>
      </c>
      <c r="Q40615">
        <v>18</v>
      </c>
      <c r="R40615">
        <v>18</v>
      </c>
      <c r="S40615">
        <v>18</v>
      </c>
      <c r="T40615">
        <v>18</v>
      </c>
      <c r="U40615">
        <v>18</v>
      </c>
      <c r="V40615">
        <v>19</v>
      </c>
      <c r="W40615">
        <v>19</v>
      </c>
      <c r="X40615">
        <v>19</v>
      </c>
      <c r="Y40615">
        <v>19</v>
      </c>
      <c r="Z40615">
        <v>20</v>
      </c>
      <c r="AA40615">
        <v>20</v>
      </c>
      <c r="AB40615">
        <v>20</v>
      </c>
      <c r="AC40615">
        <v>20</v>
      </c>
      <c r="AD40615">
        <v>20</v>
      </c>
      <c r="AE40615">
        <v>21</v>
      </c>
      <c r="AF40615">
        <v>21</v>
      </c>
      <c r="AG40615">
        <v>21</v>
      </c>
      <c r="AH40615">
        <v>21</v>
      </c>
      <c r="AI40615">
        <v>22</v>
      </c>
      <c r="AJ40615">
        <v>22</v>
      </c>
      <c r="AK40615">
        <v>22</v>
      </c>
      <c r="AL40615">
        <v>22</v>
      </c>
      <c r="AM40615">
        <v>22</v>
      </c>
      <c r="AN40615">
        <v>23</v>
      </c>
      <c r="AO40615">
        <v>23</v>
      </c>
      <c r="AP40615">
        <v>23</v>
      </c>
      <c r="AQ40615">
        <v>23</v>
      </c>
    </row>
    <row r="40616" spans="1:43">
      <c r="A40616" t="s">
        <v>25097</v>
      </c>
      <c r="B40616" t="s">
        <v>25098</v>
      </c>
      <c r="C40616" t="s">
        <v>19399</v>
      </c>
      <c r="D40616" t="s">
        <v>19400</v>
      </c>
      <c r="E40616" t="s">
        <v>19379</v>
      </c>
      <c r="F40616" t="s">
        <v>19380</v>
      </c>
      <c r="G40616" t="s">
        <v>10734</v>
      </c>
      <c r="H40616" t="s">
        <v>10735</v>
      </c>
      <c r="I40616" s="2">
        <v>0</v>
      </c>
      <c r="J40616" s="2">
        <v>0</v>
      </c>
      <c r="K40616" s="2">
        <v>1</v>
      </c>
      <c r="L40616" t="s">
        <v>995</v>
      </c>
      <c r="M40616" t="s">
        <v>89</v>
      </c>
      <c r="N40616" t="s">
        <v>90</v>
      </c>
      <c r="O40616" t="s">
        <v>85</v>
      </c>
      <c r="P40616" t="s">
        <v>86</v>
      </c>
      <c r="Q40616">
        <v>18</v>
      </c>
      <c r="R40616">
        <v>18</v>
      </c>
      <c r="S40616">
        <v>19</v>
      </c>
      <c r="T40616">
        <v>20</v>
      </c>
      <c r="U40616">
        <v>20</v>
      </c>
      <c r="V40616">
        <v>21</v>
      </c>
      <c r="W40616">
        <v>21</v>
      </c>
      <c r="X40616">
        <v>22</v>
      </c>
      <c r="Y40616">
        <v>22</v>
      </c>
      <c r="Z40616">
        <v>23</v>
      </c>
      <c r="AA40616">
        <v>23</v>
      </c>
      <c r="AB40616">
        <v>24</v>
      </c>
      <c r="AC40616">
        <v>24</v>
      </c>
      <c r="AD40616">
        <v>25</v>
      </c>
      <c r="AE40616">
        <v>25</v>
      </c>
      <c r="AF40616">
        <v>25</v>
      </c>
      <c r="AG40616">
        <v>25</v>
      </c>
      <c r="AH40616">
        <v>26</v>
      </c>
      <c r="AI40616">
        <v>26</v>
      </c>
      <c r="AJ40616">
        <v>26</v>
      </c>
      <c r="AK40616">
        <v>26</v>
      </c>
      <c r="AL40616">
        <v>26</v>
      </c>
      <c r="AM40616">
        <v>26</v>
      </c>
      <c r="AN40616">
        <v>27</v>
      </c>
      <c r="AO40616">
        <v>27</v>
      </c>
      <c r="AP40616">
        <v>27</v>
      </c>
      <c r="AQ40616">
        <v>27</v>
      </c>
    </row>
    <row r="40617" spans="1:43">
      <c r="A40617" t="s">
        <v>25097</v>
      </c>
      <c r="B40617" t="s">
        <v>25098</v>
      </c>
      <c r="C40617" t="s">
        <v>19399</v>
      </c>
      <c r="D40617" t="s">
        <v>19400</v>
      </c>
      <c r="E40617" t="s">
        <v>19379</v>
      </c>
      <c r="F40617" t="s">
        <v>19380</v>
      </c>
      <c r="G40617" t="s">
        <v>10734</v>
      </c>
      <c r="H40617" t="s">
        <v>10735</v>
      </c>
      <c r="I40617" s="2">
        <v>0</v>
      </c>
      <c r="J40617" s="2">
        <v>0</v>
      </c>
      <c r="K40617" s="2">
        <v>1</v>
      </c>
      <c r="L40617" t="s">
        <v>995</v>
      </c>
      <c r="M40617" t="s">
        <v>83</v>
      </c>
      <c r="N40617" t="s">
        <v>91</v>
      </c>
      <c r="O40617" t="s">
        <v>85</v>
      </c>
      <c r="P40617" t="s">
        <v>86</v>
      </c>
      <c r="Q40617">
        <v>18</v>
      </c>
      <c r="R40617">
        <v>18</v>
      </c>
      <c r="S40617">
        <v>19</v>
      </c>
      <c r="T40617">
        <v>19</v>
      </c>
      <c r="U40617">
        <v>19</v>
      </c>
      <c r="V40617">
        <v>20</v>
      </c>
      <c r="W40617">
        <v>20</v>
      </c>
      <c r="X40617">
        <v>21</v>
      </c>
      <c r="Y40617">
        <v>21</v>
      </c>
      <c r="Z40617">
        <v>21</v>
      </c>
      <c r="AA40617">
        <v>22</v>
      </c>
      <c r="AB40617">
        <v>22</v>
      </c>
      <c r="AC40617">
        <v>23</v>
      </c>
      <c r="AD40617">
        <v>23</v>
      </c>
      <c r="AE40617">
        <v>23</v>
      </c>
      <c r="AF40617">
        <v>24</v>
      </c>
      <c r="AG40617">
        <v>24</v>
      </c>
      <c r="AH40617">
        <v>25</v>
      </c>
      <c r="AI40617">
        <v>25</v>
      </c>
      <c r="AJ40617">
        <v>25</v>
      </c>
      <c r="AK40617">
        <v>26</v>
      </c>
      <c r="AL40617">
        <v>26</v>
      </c>
      <c r="AM40617">
        <v>26</v>
      </c>
      <c r="AN40617">
        <v>26</v>
      </c>
      <c r="AO40617">
        <v>27</v>
      </c>
      <c r="AP40617">
        <v>27</v>
      </c>
      <c r="AQ40617">
        <v>27</v>
      </c>
    </row>
    <row r="40618" spans="1:43">
      <c r="A40618" t="s">
        <v>25099</v>
      </c>
      <c r="B40618" t="s">
        <v>25100</v>
      </c>
      <c r="C40618" t="s">
        <v>19399</v>
      </c>
      <c r="D40618" t="s">
        <v>19400</v>
      </c>
      <c r="E40618" t="s">
        <v>19379</v>
      </c>
      <c r="F40618" t="s">
        <v>19380</v>
      </c>
      <c r="G40618" t="s">
        <v>10734</v>
      </c>
      <c r="H40618" t="s">
        <v>10735</v>
      </c>
      <c r="I40618" s="2">
        <v>0</v>
      </c>
      <c r="J40618" s="2">
        <v>0</v>
      </c>
      <c r="K40618" s="2">
        <v>1</v>
      </c>
      <c r="L40618" t="s">
        <v>995</v>
      </c>
      <c r="M40618" t="s">
        <v>83</v>
      </c>
      <c r="N40618" t="s">
        <v>84</v>
      </c>
      <c r="O40618" t="s">
        <v>85</v>
      </c>
      <c r="P40618" t="s">
        <v>86</v>
      </c>
      <c r="Q40618">
        <v>33</v>
      </c>
      <c r="R40618">
        <v>34</v>
      </c>
      <c r="S40618">
        <v>35</v>
      </c>
      <c r="T40618">
        <v>35</v>
      </c>
      <c r="U40618">
        <v>36</v>
      </c>
      <c r="V40618">
        <v>37</v>
      </c>
      <c r="W40618">
        <v>38</v>
      </c>
      <c r="X40618">
        <v>38</v>
      </c>
      <c r="Y40618">
        <v>39</v>
      </c>
      <c r="Z40618">
        <v>40</v>
      </c>
      <c r="AA40618">
        <v>41</v>
      </c>
      <c r="AB40618">
        <v>42</v>
      </c>
      <c r="AC40618">
        <v>42</v>
      </c>
      <c r="AD40618">
        <v>43</v>
      </c>
      <c r="AE40618">
        <v>44</v>
      </c>
      <c r="AF40618">
        <v>45</v>
      </c>
      <c r="AG40618">
        <v>45</v>
      </c>
      <c r="AH40618">
        <v>46</v>
      </c>
      <c r="AI40618">
        <v>47</v>
      </c>
      <c r="AJ40618">
        <v>48</v>
      </c>
      <c r="AK40618">
        <v>48</v>
      </c>
      <c r="AL40618">
        <v>49</v>
      </c>
      <c r="AM40618">
        <v>49</v>
      </c>
      <c r="AN40618">
        <v>49</v>
      </c>
      <c r="AO40618">
        <v>50</v>
      </c>
      <c r="AP40618">
        <v>50</v>
      </c>
      <c r="AQ40618">
        <v>50</v>
      </c>
    </row>
    <row r="40619" spans="1:43">
      <c r="A40619" t="s">
        <v>25099</v>
      </c>
      <c r="B40619" t="s">
        <v>25100</v>
      </c>
      <c r="C40619" t="s">
        <v>19399</v>
      </c>
      <c r="D40619" t="s">
        <v>19400</v>
      </c>
      <c r="E40619" t="s">
        <v>19379</v>
      </c>
      <c r="F40619" t="s">
        <v>19380</v>
      </c>
      <c r="G40619" t="s">
        <v>10734</v>
      </c>
      <c r="H40619" t="s">
        <v>10735</v>
      </c>
      <c r="I40619" s="2">
        <v>0</v>
      </c>
      <c r="J40619" s="2">
        <v>0</v>
      </c>
      <c r="K40619" s="2">
        <v>1</v>
      </c>
      <c r="L40619" t="s">
        <v>995</v>
      </c>
      <c r="M40619" t="s">
        <v>87</v>
      </c>
      <c r="N40619" t="s">
        <v>88</v>
      </c>
      <c r="O40619" t="s">
        <v>85</v>
      </c>
      <c r="P40619" t="s">
        <v>86</v>
      </c>
      <c r="Q40619">
        <v>33</v>
      </c>
      <c r="R40619">
        <v>33</v>
      </c>
      <c r="S40619">
        <v>34</v>
      </c>
      <c r="T40619">
        <v>34</v>
      </c>
      <c r="U40619">
        <v>35</v>
      </c>
      <c r="V40619">
        <v>35</v>
      </c>
      <c r="W40619">
        <v>35</v>
      </c>
      <c r="X40619">
        <v>36</v>
      </c>
      <c r="Y40619">
        <v>36</v>
      </c>
      <c r="Z40619">
        <v>37</v>
      </c>
      <c r="AA40619">
        <v>37</v>
      </c>
      <c r="AB40619">
        <v>38</v>
      </c>
      <c r="AC40619">
        <v>38</v>
      </c>
      <c r="AD40619">
        <v>38</v>
      </c>
      <c r="AE40619">
        <v>39</v>
      </c>
      <c r="AF40619">
        <v>39</v>
      </c>
      <c r="AG40619">
        <v>40</v>
      </c>
      <c r="AH40619">
        <v>40</v>
      </c>
      <c r="AI40619">
        <v>40</v>
      </c>
      <c r="AJ40619">
        <v>41</v>
      </c>
      <c r="AK40619">
        <v>41</v>
      </c>
      <c r="AL40619">
        <v>42</v>
      </c>
      <c r="AM40619">
        <v>42</v>
      </c>
      <c r="AN40619">
        <v>42</v>
      </c>
      <c r="AO40619">
        <v>43</v>
      </c>
      <c r="AP40619">
        <v>43</v>
      </c>
      <c r="AQ40619">
        <v>43</v>
      </c>
    </row>
    <row r="40620" spans="1:43">
      <c r="A40620" t="s">
        <v>25099</v>
      </c>
      <c r="B40620" t="s">
        <v>25100</v>
      </c>
      <c r="C40620" t="s">
        <v>19399</v>
      </c>
      <c r="D40620" t="s">
        <v>19400</v>
      </c>
      <c r="E40620" t="s">
        <v>19379</v>
      </c>
      <c r="F40620" t="s">
        <v>19380</v>
      </c>
      <c r="G40620" t="s">
        <v>10734</v>
      </c>
      <c r="H40620" t="s">
        <v>10735</v>
      </c>
      <c r="I40620" s="2">
        <v>0</v>
      </c>
      <c r="J40620" s="2">
        <v>0</v>
      </c>
      <c r="K40620" s="2">
        <v>1</v>
      </c>
      <c r="L40620" t="s">
        <v>995</v>
      </c>
      <c r="M40620" t="s">
        <v>89</v>
      </c>
      <c r="N40620" t="s">
        <v>90</v>
      </c>
      <c r="O40620" t="s">
        <v>85</v>
      </c>
      <c r="P40620" t="s">
        <v>86</v>
      </c>
      <c r="Q40620">
        <v>33</v>
      </c>
      <c r="R40620">
        <v>35</v>
      </c>
      <c r="S40620">
        <v>36</v>
      </c>
      <c r="T40620">
        <v>37</v>
      </c>
      <c r="U40620">
        <v>38</v>
      </c>
      <c r="V40620">
        <v>39</v>
      </c>
      <c r="W40620">
        <v>40</v>
      </c>
      <c r="X40620">
        <v>41</v>
      </c>
      <c r="Y40620">
        <v>42</v>
      </c>
      <c r="Z40620">
        <v>43</v>
      </c>
      <c r="AA40620">
        <v>43</v>
      </c>
      <c r="AB40620">
        <v>44</v>
      </c>
      <c r="AC40620">
        <v>45</v>
      </c>
      <c r="AD40620">
        <v>46</v>
      </c>
      <c r="AE40620">
        <v>47</v>
      </c>
      <c r="AF40620">
        <v>47</v>
      </c>
      <c r="AG40620">
        <v>48</v>
      </c>
      <c r="AH40620">
        <v>48</v>
      </c>
      <c r="AI40620">
        <v>48</v>
      </c>
      <c r="AJ40620">
        <v>49</v>
      </c>
      <c r="AK40620">
        <v>49</v>
      </c>
      <c r="AL40620">
        <v>49</v>
      </c>
      <c r="AM40620">
        <v>50</v>
      </c>
      <c r="AN40620">
        <v>50</v>
      </c>
      <c r="AO40620">
        <v>50</v>
      </c>
      <c r="AP40620">
        <v>50</v>
      </c>
      <c r="AQ40620">
        <v>51</v>
      </c>
    </row>
    <row r="40621" spans="1:43">
      <c r="A40621" t="s">
        <v>25099</v>
      </c>
      <c r="B40621" t="s">
        <v>25100</v>
      </c>
      <c r="C40621" t="s">
        <v>19399</v>
      </c>
      <c r="D40621" t="s">
        <v>19400</v>
      </c>
      <c r="E40621" t="s">
        <v>19379</v>
      </c>
      <c r="F40621" t="s">
        <v>19380</v>
      </c>
      <c r="G40621" t="s">
        <v>10734</v>
      </c>
      <c r="H40621" t="s">
        <v>10735</v>
      </c>
      <c r="I40621" s="2">
        <v>0</v>
      </c>
      <c r="J40621" s="2">
        <v>0</v>
      </c>
      <c r="K40621" s="2">
        <v>1</v>
      </c>
      <c r="L40621" t="s">
        <v>995</v>
      </c>
      <c r="M40621" t="s">
        <v>83</v>
      </c>
      <c r="N40621" t="s">
        <v>91</v>
      </c>
      <c r="O40621" t="s">
        <v>85</v>
      </c>
      <c r="P40621" t="s">
        <v>86</v>
      </c>
      <c r="Q40621">
        <v>33</v>
      </c>
      <c r="R40621">
        <v>34</v>
      </c>
      <c r="S40621">
        <v>35</v>
      </c>
      <c r="T40621">
        <v>35</v>
      </c>
      <c r="U40621">
        <v>36</v>
      </c>
      <c r="V40621">
        <v>37</v>
      </c>
      <c r="W40621">
        <v>38</v>
      </c>
      <c r="X40621">
        <v>38</v>
      </c>
      <c r="Y40621">
        <v>39</v>
      </c>
      <c r="Z40621">
        <v>40</v>
      </c>
      <c r="AA40621">
        <v>41</v>
      </c>
      <c r="AB40621">
        <v>42</v>
      </c>
      <c r="AC40621">
        <v>42</v>
      </c>
      <c r="AD40621">
        <v>43</v>
      </c>
      <c r="AE40621">
        <v>44</v>
      </c>
      <c r="AF40621">
        <v>45</v>
      </c>
      <c r="AG40621">
        <v>45</v>
      </c>
      <c r="AH40621">
        <v>46</v>
      </c>
      <c r="AI40621">
        <v>47</v>
      </c>
      <c r="AJ40621">
        <v>48</v>
      </c>
      <c r="AK40621">
        <v>48</v>
      </c>
      <c r="AL40621">
        <v>49</v>
      </c>
      <c r="AM40621">
        <v>49</v>
      </c>
      <c r="AN40621">
        <v>49</v>
      </c>
      <c r="AO40621">
        <v>50</v>
      </c>
      <c r="AP40621">
        <v>50</v>
      </c>
      <c r="AQ40621">
        <v>50</v>
      </c>
    </row>
    <row r="40622" spans="1:43">
      <c r="A40622" t="s">
        <v>25101</v>
      </c>
      <c r="B40622" t="s">
        <v>25102</v>
      </c>
      <c r="C40622" t="s">
        <v>19429</v>
      </c>
      <c r="D40622" t="s">
        <v>19430</v>
      </c>
      <c r="E40622" t="s">
        <v>19379</v>
      </c>
      <c r="F40622" t="s">
        <v>19380</v>
      </c>
      <c r="G40622" t="s">
        <v>10734</v>
      </c>
      <c r="H40622" t="s">
        <v>10735</v>
      </c>
      <c r="I40622" s="2">
        <v>0</v>
      </c>
      <c r="J40622" s="2">
        <v>0</v>
      </c>
      <c r="K40622" s="2">
        <v>1</v>
      </c>
      <c r="L40622" t="s">
        <v>995</v>
      </c>
      <c r="M40622" t="s">
        <v>83</v>
      </c>
      <c r="N40622" t="s">
        <v>84</v>
      </c>
      <c r="O40622" t="s">
        <v>85</v>
      </c>
      <c r="P40622" t="s">
        <v>86</v>
      </c>
      <c r="Q40622">
        <v>96</v>
      </c>
      <c r="R40622">
        <v>98</v>
      </c>
      <c r="S40622">
        <v>100</v>
      </c>
      <c r="T40622">
        <v>102</v>
      </c>
      <c r="U40622">
        <v>105</v>
      </c>
      <c r="V40622">
        <v>107</v>
      </c>
      <c r="W40622">
        <v>109</v>
      </c>
      <c r="X40622">
        <v>111</v>
      </c>
      <c r="Y40622">
        <v>114</v>
      </c>
      <c r="Z40622">
        <v>116</v>
      </c>
      <c r="AA40622">
        <v>118</v>
      </c>
      <c r="AB40622">
        <v>120</v>
      </c>
      <c r="AC40622">
        <v>122</v>
      </c>
      <c r="AD40622">
        <v>125</v>
      </c>
      <c r="AE40622">
        <v>127</v>
      </c>
      <c r="AF40622">
        <v>129</v>
      </c>
      <c r="AG40622">
        <v>131</v>
      </c>
      <c r="AH40622">
        <v>133</v>
      </c>
      <c r="AI40622">
        <v>135</v>
      </c>
      <c r="AJ40622">
        <v>137</v>
      </c>
      <c r="AK40622">
        <v>139</v>
      </c>
      <c r="AL40622">
        <v>141</v>
      </c>
      <c r="AM40622">
        <v>142</v>
      </c>
      <c r="AN40622">
        <v>143</v>
      </c>
      <c r="AO40622">
        <v>144</v>
      </c>
      <c r="AP40622">
        <v>145</v>
      </c>
      <c r="AQ40622">
        <v>145</v>
      </c>
    </row>
    <row r="40623" spans="1:43">
      <c r="A40623" t="s">
        <v>25101</v>
      </c>
      <c r="B40623" t="s">
        <v>25102</v>
      </c>
      <c r="C40623" t="s">
        <v>19429</v>
      </c>
      <c r="D40623" t="s">
        <v>19430</v>
      </c>
      <c r="E40623" t="s">
        <v>19379</v>
      </c>
      <c r="F40623" t="s">
        <v>19380</v>
      </c>
      <c r="G40623" t="s">
        <v>10734</v>
      </c>
      <c r="H40623" t="s">
        <v>10735</v>
      </c>
      <c r="I40623" s="2">
        <v>0</v>
      </c>
      <c r="J40623" s="2">
        <v>0</v>
      </c>
      <c r="K40623" s="2">
        <v>1</v>
      </c>
      <c r="L40623" t="s">
        <v>995</v>
      </c>
      <c r="M40623" t="s">
        <v>87</v>
      </c>
      <c r="N40623" t="s">
        <v>88</v>
      </c>
      <c r="O40623" t="s">
        <v>85</v>
      </c>
      <c r="P40623" t="s">
        <v>86</v>
      </c>
      <c r="Q40623">
        <v>96</v>
      </c>
      <c r="R40623">
        <v>97</v>
      </c>
      <c r="S40623">
        <v>99</v>
      </c>
      <c r="T40623">
        <v>100</v>
      </c>
      <c r="U40623">
        <v>101</v>
      </c>
      <c r="V40623">
        <v>102</v>
      </c>
      <c r="W40623">
        <v>104</v>
      </c>
      <c r="X40623">
        <v>105</v>
      </c>
      <c r="Y40623">
        <v>106</v>
      </c>
      <c r="Z40623">
        <v>107</v>
      </c>
      <c r="AA40623">
        <v>108</v>
      </c>
      <c r="AB40623">
        <v>110</v>
      </c>
      <c r="AC40623">
        <v>111</v>
      </c>
      <c r="AD40623">
        <v>112</v>
      </c>
      <c r="AE40623">
        <v>113</v>
      </c>
      <c r="AF40623">
        <v>114</v>
      </c>
      <c r="AG40623">
        <v>116</v>
      </c>
      <c r="AH40623">
        <v>117</v>
      </c>
      <c r="AI40623">
        <v>118</v>
      </c>
      <c r="AJ40623">
        <v>119</v>
      </c>
      <c r="AK40623">
        <v>120</v>
      </c>
      <c r="AL40623">
        <v>121</v>
      </c>
      <c r="AM40623">
        <v>123</v>
      </c>
      <c r="AN40623">
        <v>124</v>
      </c>
      <c r="AO40623">
        <v>125</v>
      </c>
      <c r="AP40623">
        <v>126</v>
      </c>
      <c r="AQ40623">
        <v>127</v>
      </c>
    </row>
    <row r="40624" spans="1:43">
      <c r="A40624" t="s">
        <v>25101</v>
      </c>
      <c r="B40624" t="s">
        <v>25102</v>
      </c>
      <c r="C40624" t="s">
        <v>19429</v>
      </c>
      <c r="D40624" t="s">
        <v>19430</v>
      </c>
      <c r="E40624" t="s">
        <v>19379</v>
      </c>
      <c r="F40624" t="s">
        <v>19380</v>
      </c>
      <c r="G40624" t="s">
        <v>10734</v>
      </c>
      <c r="H40624" t="s">
        <v>10735</v>
      </c>
      <c r="I40624" s="2">
        <v>0</v>
      </c>
      <c r="J40624" s="2">
        <v>0</v>
      </c>
      <c r="K40624" s="2">
        <v>1</v>
      </c>
      <c r="L40624" t="s">
        <v>995</v>
      </c>
      <c r="M40624" t="s">
        <v>89</v>
      </c>
      <c r="N40624" t="s">
        <v>90</v>
      </c>
      <c r="O40624" t="s">
        <v>85</v>
      </c>
      <c r="P40624" t="s">
        <v>86</v>
      </c>
      <c r="Q40624">
        <v>96</v>
      </c>
      <c r="R40624">
        <v>99</v>
      </c>
      <c r="S40624">
        <v>102</v>
      </c>
      <c r="T40624">
        <v>105</v>
      </c>
      <c r="U40624">
        <v>108</v>
      </c>
      <c r="V40624">
        <v>111</v>
      </c>
      <c r="W40624">
        <v>114</v>
      </c>
      <c r="X40624">
        <v>117</v>
      </c>
      <c r="Y40624">
        <v>119</v>
      </c>
      <c r="Z40624">
        <v>122</v>
      </c>
      <c r="AA40624">
        <v>125</v>
      </c>
      <c r="AB40624">
        <v>127</v>
      </c>
      <c r="AC40624">
        <v>130</v>
      </c>
      <c r="AD40624">
        <v>133</v>
      </c>
      <c r="AE40624">
        <v>135</v>
      </c>
      <c r="AF40624">
        <v>136</v>
      </c>
      <c r="AG40624">
        <v>137</v>
      </c>
      <c r="AH40624">
        <v>138</v>
      </c>
      <c r="AI40624">
        <v>139</v>
      </c>
      <c r="AJ40624">
        <v>140</v>
      </c>
      <c r="AK40624">
        <v>141</v>
      </c>
      <c r="AL40624">
        <v>142</v>
      </c>
      <c r="AM40624">
        <v>143</v>
      </c>
      <c r="AN40624">
        <v>143</v>
      </c>
      <c r="AO40624">
        <v>144</v>
      </c>
      <c r="AP40624">
        <v>145</v>
      </c>
      <c r="AQ40624">
        <v>146</v>
      </c>
    </row>
    <row r="40625" spans="1:43">
      <c r="A40625" t="s">
        <v>25101</v>
      </c>
      <c r="B40625" t="s">
        <v>25102</v>
      </c>
      <c r="C40625" t="s">
        <v>19429</v>
      </c>
      <c r="D40625" t="s">
        <v>19430</v>
      </c>
      <c r="E40625" t="s">
        <v>19379</v>
      </c>
      <c r="F40625" t="s">
        <v>19380</v>
      </c>
      <c r="G40625" t="s">
        <v>10734</v>
      </c>
      <c r="H40625" t="s">
        <v>10735</v>
      </c>
      <c r="I40625" s="2">
        <v>0</v>
      </c>
      <c r="J40625" s="2">
        <v>0</v>
      </c>
      <c r="K40625" s="2">
        <v>1</v>
      </c>
      <c r="L40625" t="s">
        <v>995</v>
      </c>
      <c r="M40625" t="s">
        <v>83</v>
      </c>
      <c r="N40625" t="s">
        <v>91</v>
      </c>
      <c r="O40625" t="s">
        <v>85</v>
      </c>
      <c r="P40625" t="s">
        <v>86</v>
      </c>
      <c r="Q40625">
        <v>96</v>
      </c>
      <c r="R40625">
        <v>98</v>
      </c>
      <c r="S40625">
        <v>100</v>
      </c>
      <c r="T40625">
        <v>102</v>
      </c>
      <c r="U40625">
        <v>105</v>
      </c>
      <c r="V40625">
        <v>107</v>
      </c>
      <c r="W40625">
        <v>109</v>
      </c>
      <c r="X40625">
        <v>111</v>
      </c>
      <c r="Y40625">
        <v>114</v>
      </c>
      <c r="Z40625">
        <v>116</v>
      </c>
      <c r="AA40625">
        <v>118</v>
      </c>
      <c r="AB40625">
        <v>120</v>
      </c>
      <c r="AC40625">
        <v>122</v>
      </c>
      <c r="AD40625">
        <v>125</v>
      </c>
      <c r="AE40625">
        <v>127</v>
      </c>
      <c r="AF40625">
        <v>129</v>
      </c>
      <c r="AG40625">
        <v>131</v>
      </c>
      <c r="AH40625">
        <v>133</v>
      </c>
      <c r="AI40625">
        <v>135</v>
      </c>
      <c r="AJ40625">
        <v>137</v>
      </c>
      <c r="AK40625">
        <v>139</v>
      </c>
      <c r="AL40625">
        <v>141</v>
      </c>
      <c r="AM40625">
        <v>142</v>
      </c>
      <c r="AN40625">
        <v>143</v>
      </c>
      <c r="AO40625">
        <v>144</v>
      </c>
      <c r="AP40625">
        <v>145</v>
      </c>
      <c r="AQ40625">
        <v>145</v>
      </c>
    </row>
    <row r="40626" spans="1:43">
      <c r="A40626" t="s">
        <v>25103</v>
      </c>
      <c r="B40626" t="s">
        <v>25104</v>
      </c>
      <c r="C40626" t="s">
        <v>18089</v>
      </c>
      <c r="D40626" t="s">
        <v>18090</v>
      </c>
      <c r="E40626" t="s">
        <v>18039</v>
      </c>
      <c r="F40626" t="s">
        <v>18040</v>
      </c>
      <c r="G40626" t="s">
        <v>16559</v>
      </c>
      <c r="H40626" t="s">
        <v>16560</v>
      </c>
      <c r="I40626" s="2">
        <v>1</v>
      </c>
      <c r="J40626" s="2">
        <v>0</v>
      </c>
      <c r="K40626" s="2">
        <v>0</v>
      </c>
      <c r="L40626" t="s">
        <v>120</v>
      </c>
      <c r="M40626" t="s">
        <v>83</v>
      </c>
      <c r="N40626" t="s">
        <v>84</v>
      </c>
      <c r="O40626" t="s">
        <v>85</v>
      </c>
      <c r="P40626" t="s">
        <v>86</v>
      </c>
      <c r="Q40626">
        <v>28</v>
      </c>
      <c r="R40626">
        <v>29</v>
      </c>
      <c r="S40626">
        <v>29</v>
      </c>
      <c r="T40626">
        <v>29</v>
      </c>
      <c r="U40626">
        <v>30</v>
      </c>
      <c r="V40626">
        <v>30</v>
      </c>
      <c r="W40626">
        <v>30</v>
      </c>
      <c r="X40626">
        <v>30</v>
      </c>
      <c r="Y40626">
        <v>31</v>
      </c>
      <c r="Z40626">
        <v>31</v>
      </c>
      <c r="AA40626">
        <v>31</v>
      </c>
      <c r="AB40626">
        <v>32</v>
      </c>
      <c r="AC40626">
        <v>32</v>
      </c>
      <c r="AD40626">
        <v>32</v>
      </c>
      <c r="AE40626">
        <v>32</v>
      </c>
      <c r="AF40626">
        <v>33</v>
      </c>
      <c r="AG40626">
        <v>33</v>
      </c>
      <c r="AH40626">
        <v>33</v>
      </c>
      <c r="AI40626">
        <v>34</v>
      </c>
      <c r="AJ40626">
        <v>34</v>
      </c>
      <c r="AK40626">
        <v>34</v>
      </c>
      <c r="AL40626">
        <v>34</v>
      </c>
      <c r="AM40626">
        <v>34</v>
      </c>
      <c r="AN40626">
        <v>34</v>
      </c>
      <c r="AO40626">
        <v>34</v>
      </c>
      <c r="AP40626">
        <v>34</v>
      </c>
      <c r="AQ40626">
        <v>34</v>
      </c>
    </row>
    <row r="40627" spans="1:43">
      <c r="A40627" t="s">
        <v>25103</v>
      </c>
      <c r="B40627" t="s">
        <v>25104</v>
      </c>
      <c r="C40627" t="s">
        <v>18089</v>
      </c>
      <c r="D40627" t="s">
        <v>18090</v>
      </c>
      <c r="E40627" t="s">
        <v>18039</v>
      </c>
      <c r="F40627" t="s">
        <v>18040</v>
      </c>
      <c r="G40627" t="s">
        <v>16559</v>
      </c>
      <c r="H40627" t="s">
        <v>16560</v>
      </c>
      <c r="I40627" s="2">
        <v>1</v>
      </c>
      <c r="J40627" s="2">
        <v>0</v>
      </c>
      <c r="K40627" s="2">
        <v>0</v>
      </c>
      <c r="L40627" t="s">
        <v>120</v>
      </c>
      <c r="M40627" t="s">
        <v>87</v>
      </c>
      <c r="N40627" t="s">
        <v>88</v>
      </c>
      <c r="O40627" t="s">
        <v>85</v>
      </c>
      <c r="P40627" t="s">
        <v>86</v>
      </c>
      <c r="Q40627">
        <v>28</v>
      </c>
      <c r="R40627">
        <v>28</v>
      </c>
      <c r="S40627">
        <v>28</v>
      </c>
      <c r="T40627">
        <v>28</v>
      </c>
      <c r="U40627">
        <v>28</v>
      </c>
      <c r="V40627">
        <v>28</v>
      </c>
      <c r="W40627">
        <v>28</v>
      </c>
      <c r="X40627">
        <v>28</v>
      </c>
      <c r="Y40627">
        <v>28</v>
      </c>
      <c r="Z40627">
        <v>28</v>
      </c>
      <c r="AA40627">
        <v>29</v>
      </c>
      <c r="AB40627">
        <v>29</v>
      </c>
      <c r="AC40627">
        <v>29</v>
      </c>
      <c r="AD40627">
        <v>29</v>
      </c>
      <c r="AE40627">
        <v>29</v>
      </c>
      <c r="AF40627">
        <v>29</v>
      </c>
      <c r="AG40627">
        <v>29</v>
      </c>
      <c r="AH40627">
        <v>29</v>
      </c>
      <c r="AI40627">
        <v>29</v>
      </c>
      <c r="AJ40627">
        <v>29</v>
      </c>
      <c r="AK40627">
        <v>29</v>
      </c>
      <c r="AL40627">
        <v>29</v>
      </c>
      <c r="AM40627">
        <v>29</v>
      </c>
      <c r="AN40627">
        <v>29</v>
      </c>
      <c r="AO40627">
        <v>29</v>
      </c>
      <c r="AP40627">
        <v>29</v>
      </c>
      <c r="AQ40627">
        <v>30</v>
      </c>
    </row>
    <row r="40628" spans="1:43">
      <c r="A40628" t="s">
        <v>25103</v>
      </c>
      <c r="B40628" t="s">
        <v>25104</v>
      </c>
      <c r="C40628" t="s">
        <v>18089</v>
      </c>
      <c r="D40628" t="s">
        <v>18090</v>
      </c>
      <c r="E40628" t="s">
        <v>18039</v>
      </c>
      <c r="F40628" t="s">
        <v>18040</v>
      </c>
      <c r="G40628" t="s">
        <v>16559</v>
      </c>
      <c r="H40628" t="s">
        <v>16560</v>
      </c>
      <c r="I40628" s="2">
        <v>1</v>
      </c>
      <c r="J40628" s="2">
        <v>0</v>
      </c>
      <c r="K40628" s="2">
        <v>0</v>
      </c>
      <c r="L40628" t="s">
        <v>120</v>
      </c>
      <c r="M40628" t="s">
        <v>89</v>
      </c>
      <c r="N40628" t="s">
        <v>90</v>
      </c>
      <c r="O40628" t="s">
        <v>85</v>
      </c>
      <c r="P40628" t="s">
        <v>86</v>
      </c>
      <c r="Q40628">
        <v>28</v>
      </c>
      <c r="R40628">
        <v>28</v>
      </c>
      <c r="S40628">
        <v>29</v>
      </c>
      <c r="T40628">
        <v>29</v>
      </c>
      <c r="U40628">
        <v>30</v>
      </c>
      <c r="V40628">
        <v>30</v>
      </c>
      <c r="W40628">
        <v>31</v>
      </c>
      <c r="X40628">
        <v>31</v>
      </c>
      <c r="Y40628">
        <v>31</v>
      </c>
      <c r="Z40628">
        <v>32</v>
      </c>
      <c r="AA40628">
        <v>32</v>
      </c>
      <c r="AB40628">
        <v>33</v>
      </c>
      <c r="AC40628">
        <v>33</v>
      </c>
      <c r="AD40628">
        <v>34</v>
      </c>
      <c r="AE40628">
        <v>34</v>
      </c>
      <c r="AF40628">
        <v>34</v>
      </c>
      <c r="AG40628">
        <v>34</v>
      </c>
      <c r="AH40628">
        <v>34</v>
      </c>
      <c r="AI40628">
        <v>34</v>
      </c>
      <c r="AJ40628">
        <v>34</v>
      </c>
      <c r="AK40628">
        <v>33</v>
      </c>
      <c r="AL40628">
        <v>33</v>
      </c>
      <c r="AM40628">
        <v>33</v>
      </c>
      <c r="AN40628">
        <v>33</v>
      </c>
      <c r="AO40628">
        <v>33</v>
      </c>
      <c r="AP40628">
        <v>33</v>
      </c>
      <c r="AQ40628">
        <v>33</v>
      </c>
    </row>
    <row r="40629" spans="1:43">
      <c r="A40629" t="s">
        <v>25103</v>
      </c>
      <c r="B40629" t="s">
        <v>25104</v>
      </c>
      <c r="C40629" t="s">
        <v>18089</v>
      </c>
      <c r="D40629" t="s">
        <v>18090</v>
      </c>
      <c r="E40629" t="s">
        <v>18039</v>
      </c>
      <c r="F40629" t="s">
        <v>18040</v>
      </c>
      <c r="G40629" t="s">
        <v>16559</v>
      </c>
      <c r="H40629" t="s">
        <v>16560</v>
      </c>
      <c r="I40629" s="2">
        <v>1</v>
      </c>
      <c r="J40629" s="2">
        <v>0</v>
      </c>
      <c r="K40629" s="2">
        <v>0</v>
      </c>
      <c r="L40629" t="s">
        <v>120</v>
      </c>
      <c r="M40629" t="s">
        <v>83</v>
      </c>
      <c r="N40629" t="s">
        <v>91</v>
      </c>
      <c r="O40629" t="s">
        <v>85</v>
      </c>
      <c r="P40629" t="s">
        <v>86</v>
      </c>
      <c r="Q40629">
        <v>28</v>
      </c>
      <c r="R40629">
        <v>29</v>
      </c>
      <c r="S40629">
        <v>29</v>
      </c>
      <c r="T40629">
        <v>29</v>
      </c>
      <c r="U40629">
        <v>30</v>
      </c>
      <c r="V40629">
        <v>30</v>
      </c>
      <c r="W40629">
        <v>30</v>
      </c>
      <c r="X40629">
        <v>30</v>
      </c>
      <c r="Y40629">
        <v>31</v>
      </c>
      <c r="Z40629">
        <v>31</v>
      </c>
      <c r="AA40629">
        <v>31</v>
      </c>
      <c r="AB40629">
        <v>32</v>
      </c>
      <c r="AC40629">
        <v>32</v>
      </c>
      <c r="AD40629">
        <v>32</v>
      </c>
      <c r="AE40629">
        <v>32</v>
      </c>
      <c r="AF40629">
        <v>33</v>
      </c>
      <c r="AG40629">
        <v>33</v>
      </c>
      <c r="AH40629">
        <v>33</v>
      </c>
      <c r="AI40629">
        <v>34</v>
      </c>
      <c r="AJ40629">
        <v>34</v>
      </c>
      <c r="AK40629">
        <v>34</v>
      </c>
      <c r="AL40629">
        <v>34</v>
      </c>
      <c r="AM40629">
        <v>34</v>
      </c>
      <c r="AN40629">
        <v>34</v>
      </c>
      <c r="AO40629">
        <v>34</v>
      </c>
      <c r="AP40629">
        <v>34</v>
      </c>
      <c r="AQ40629">
        <v>34</v>
      </c>
    </row>
    <row r="40630" spans="1:43">
      <c r="A40630" t="s">
        <v>25105</v>
      </c>
      <c r="B40630" t="s">
        <v>25106</v>
      </c>
      <c r="C40630" t="s">
        <v>18179</v>
      </c>
      <c r="D40630" t="s">
        <v>18180</v>
      </c>
      <c r="E40630" t="s">
        <v>18039</v>
      </c>
      <c r="F40630" t="s">
        <v>18040</v>
      </c>
      <c r="G40630" t="s">
        <v>16559</v>
      </c>
      <c r="H40630" t="s">
        <v>16560</v>
      </c>
      <c r="I40630" s="2">
        <v>1</v>
      </c>
      <c r="J40630" s="2">
        <v>0</v>
      </c>
      <c r="K40630" s="2">
        <v>0</v>
      </c>
      <c r="L40630" t="s">
        <v>120</v>
      </c>
      <c r="M40630" t="s">
        <v>83</v>
      </c>
      <c r="N40630" t="s">
        <v>84</v>
      </c>
      <c r="O40630" t="s">
        <v>85</v>
      </c>
      <c r="P40630" t="s">
        <v>86</v>
      </c>
      <c r="Q40630">
        <v>11</v>
      </c>
      <c r="R40630">
        <v>12</v>
      </c>
      <c r="S40630">
        <v>12</v>
      </c>
      <c r="T40630">
        <v>12</v>
      </c>
      <c r="U40630">
        <v>12</v>
      </c>
      <c r="V40630">
        <v>12</v>
      </c>
      <c r="W40630">
        <v>12</v>
      </c>
      <c r="X40630">
        <v>12</v>
      </c>
      <c r="Y40630">
        <v>12</v>
      </c>
      <c r="Z40630">
        <v>13</v>
      </c>
      <c r="AA40630">
        <v>13</v>
      </c>
      <c r="AB40630">
        <v>13</v>
      </c>
      <c r="AC40630">
        <v>13</v>
      </c>
      <c r="AD40630">
        <v>13</v>
      </c>
      <c r="AE40630">
        <v>13</v>
      </c>
      <c r="AF40630">
        <v>13</v>
      </c>
      <c r="AG40630">
        <v>13</v>
      </c>
      <c r="AH40630">
        <v>13</v>
      </c>
      <c r="AI40630">
        <v>14</v>
      </c>
      <c r="AJ40630">
        <v>14</v>
      </c>
      <c r="AK40630">
        <v>14</v>
      </c>
      <c r="AL40630">
        <v>14</v>
      </c>
      <c r="AM40630">
        <v>14</v>
      </c>
      <c r="AN40630">
        <v>14</v>
      </c>
      <c r="AO40630">
        <v>14</v>
      </c>
      <c r="AP40630">
        <v>14</v>
      </c>
      <c r="AQ40630">
        <v>14</v>
      </c>
    </row>
    <row r="40631" spans="1:43">
      <c r="A40631" t="s">
        <v>25105</v>
      </c>
      <c r="B40631" t="s">
        <v>25106</v>
      </c>
      <c r="C40631" t="s">
        <v>18179</v>
      </c>
      <c r="D40631" t="s">
        <v>18180</v>
      </c>
      <c r="E40631" t="s">
        <v>18039</v>
      </c>
      <c r="F40631" t="s">
        <v>18040</v>
      </c>
      <c r="G40631" t="s">
        <v>16559</v>
      </c>
      <c r="H40631" t="s">
        <v>16560</v>
      </c>
      <c r="I40631" s="2">
        <v>1</v>
      </c>
      <c r="J40631" s="2">
        <v>0</v>
      </c>
      <c r="K40631" s="2">
        <v>0</v>
      </c>
      <c r="L40631" t="s">
        <v>120</v>
      </c>
      <c r="M40631" t="s">
        <v>87</v>
      </c>
      <c r="N40631" t="s">
        <v>88</v>
      </c>
      <c r="O40631" t="s">
        <v>85</v>
      </c>
      <c r="P40631" t="s">
        <v>86</v>
      </c>
      <c r="Q40631">
        <v>11</v>
      </c>
      <c r="R40631">
        <v>11</v>
      </c>
      <c r="S40631">
        <v>11</v>
      </c>
      <c r="T40631">
        <v>11</v>
      </c>
      <c r="U40631">
        <v>11</v>
      </c>
      <c r="V40631">
        <v>11</v>
      </c>
      <c r="W40631">
        <v>11</v>
      </c>
      <c r="X40631">
        <v>11</v>
      </c>
      <c r="Y40631">
        <v>11</v>
      </c>
      <c r="Z40631">
        <v>11</v>
      </c>
      <c r="AA40631">
        <v>12</v>
      </c>
      <c r="AB40631">
        <v>12</v>
      </c>
      <c r="AC40631">
        <v>12</v>
      </c>
      <c r="AD40631">
        <v>12</v>
      </c>
      <c r="AE40631">
        <v>12</v>
      </c>
      <c r="AF40631">
        <v>12</v>
      </c>
      <c r="AG40631">
        <v>12</v>
      </c>
      <c r="AH40631">
        <v>12</v>
      </c>
      <c r="AI40631">
        <v>12</v>
      </c>
      <c r="AJ40631">
        <v>12</v>
      </c>
      <c r="AK40631">
        <v>12</v>
      </c>
      <c r="AL40631">
        <v>12</v>
      </c>
      <c r="AM40631">
        <v>12</v>
      </c>
      <c r="AN40631">
        <v>12</v>
      </c>
      <c r="AO40631">
        <v>12</v>
      </c>
      <c r="AP40631">
        <v>12</v>
      </c>
      <c r="AQ40631">
        <v>12</v>
      </c>
    </row>
    <row r="40632" spans="1:43">
      <c r="A40632" t="s">
        <v>25105</v>
      </c>
      <c r="B40632" t="s">
        <v>25106</v>
      </c>
      <c r="C40632" t="s">
        <v>18179</v>
      </c>
      <c r="D40632" t="s">
        <v>18180</v>
      </c>
      <c r="E40632" t="s">
        <v>18039</v>
      </c>
      <c r="F40632" t="s">
        <v>18040</v>
      </c>
      <c r="G40632" t="s">
        <v>16559</v>
      </c>
      <c r="H40632" t="s">
        <v>16560</v>
      </c>
      <c r="I40632" s="2">
        <v>1</v>
      </c>
      <c r="J40632" s="2">
        <v>0</v>
      </c>
      <c r="K40632" s="2">
        <v>0</v>
      </c>
      <c r="L40632" t="s">
        <v>120</v>
      </c>
      <c r="M40632" t="s">
        <v>89</v>
      </c>
      <c r="N40632" t="s">
        <v>90</v>
      </c>
      <c r="O40632" t="s">
        <v>85</v>
      </c>
      <c r="P40632" t="s">
        <v>86</v>
      </c>
      <c r="Q40632">
        <v>11</v>
      </c>
      <c r="R40632">
        <v>11</v>
      </c>
      <c r="S40632">
        <v>11</v>
      </c>
      <c r="T40632">
        <v>11</v>
      </c>
      <c r="U40632">
        <v>11</v>
      </c>
      <c r="V40632">
        <v>12</v>
      </c>
      <c r="W40632">
        <v>12</v>
      </c>
      <c r="X40632">
        <v>12</v>
      </c>
      <c r="Y40632">
        <v>12</v>
      </c>
      <c r="Z40632">
        <v>12</v>
      </c>
      <c r="AA40632">
        <v>12</v>
      </c>
      <c r="AB40632">
        <v>13</v>
      </c>
      <c r="AC40632">
        <v>13</v>
      </c>
      <c r="AD40632">
        <v>13</v>
      </c>
      <c r="AE40632">
        <v>13</v>
      </c>
      <c r="AF40632">
        <v>13</v>
      </c>
      <c r="AG40632">
        <v>13</v>
      </c>
      <c r="AH40632">
        <v>13</v>
      </c>
      <c r="AI40632">
        <v>13</v>
      </c>
      <c r="AJ40632">
        <v>13</v>
      </c>
      <c r="AK40632">
        <v>13</v>
      </c>
      <c r="AL40632">
        <v>13</v>
      </c>
      <c r="AM40632">
        <v>13</v>
      </c>
      <c r="AN40632">
        <v>13</v>
      </c>
      <c r="AO40632">
        <v>13</v>
      </c>
      <c r="AP40632">
        <v>13</v>
      </c>
      <c r="AQ40632">
        <v>13</v>
      </c>
    </row>
    <row r="40633" spans="1:43">
      <c r="A40633" t="s">
        <v>25105</v>
      </c>
      <c r="B40633" t="s">
        <v>25106</v>
      </c>
      <c r="C40633" t="s">
        <v>18179</v>
      </c>
      <c r="D40633" t="s">
        <v>18180</v>
      </c>
      <c r="E40633" t="s">
        <v>18039</v>
      </c>
      <c r="F40633" t="s">
        <v>18040</v>
      </c>
      <c r="G40633" t="s">
        <v>16559</v>
      </c>
      <c r="H40633" t="s">
        <v>16560</v>
      </c>
      <c r="I40633" s="2">
        <v>1</v>
      </c>
      <c r="J40633" s="2">
        <v>0</v>
      </c>
      <c r="K40633" s="2">
        <v>0</v>
      </c>
      <c r="L40633" t="s">
        <v>120</v>
      </c>
      <c r="M40633" t="s">
        <v>83</v>
      </c>
      <c r="N40633" t="s">
        <v>91</v>
      </c>
      <c r="O40633" t="s">
        <v>85</v>
      </c>
      <c r="P40633" t="s">
        <v>86</v>
      </c>
      <c r="Q40633">
        <v>11</v>
      </c>
      <c r="R40633">
        <v>12</v>
      </c>
      <c r="S40633">
        <v>12</v>
      </c>
      <c r="T40633">
        <v>12</v>
      </c>
      <c r="U40633">
        <v>12</v>
      </c>
      <c r="V40633">
        <v>12</v>
      </c>
      <c r="W40633">
        <v>12</v>
      </c>
      <c r="X40633">
        <v>12</v>
      </c>
      <c r="Y40633">
        <v>12</v>
      </c>
      <c r="Z40633">
        <v>13</v>
      </c>
      <c r="AA40633">
        <v>13</v>
      </c>
      <c r="AB40633">
        <v>13</v>
      </c>
      <c r="AC40633">
        <v>13</v>
      </c>
      <c r="AD40633">
        <v>13</v>
      </c>
      <c r="AE40633">
        <v>13</v>
      </c>
      <c r="AF40633">
        <v>13</v>
      </c>
      <c r="AG40633">
        <v>13</v>
      </c>
      <c r="AH40633">
        <v>13</v>
      </c>
      <c r="AI40633">
        <v>14</v>
      </c>
      <c r="AJ40633">
        <v>14</v>
      </c>
      <c r="AK40633">
        <v>14</v>
      </c>
      <c r="AL40633">
        <v>14</v>
      </c>
      <c r="AM40633">
        <v>14</v>
      </c>
      <c r="AN40633">
        <v>14</v>
      </c>
      <c r="AO40633">
        <v>14</v>
      </c>
      <c r="AP40633">
        <v>14</v>
      </c>
      <c r="AQ40633">
        <v>14</v>
      </c>
    </row>
    <row r="40634" spans="1:43">
      <c r="A40634" t="s">
        <v>25107</v>
      </c>
      <c r="B40634" t="s">
        <v>25108</v>
      </c>
      <c r="C40634" t="s">
        <v>18089</v>
      </c>
      <c r="D40634" t="s">
        <v>18090</v>
      </c>
      <c r="E40634" t="s">
        <v>18039</v>
      </c>
      <c r="F40634" t="s">
        <v>18040</v>
      </c>
      <c r="G40634" t="s">
        <v>16559</v>
      </c>
      <c r="H40634" t="s">
        <v>16560</v>
      </c>
      <c r="I40634" s="2">
        <v>1</v>
      </c>
      <c r="J40634" s="2">
        <v>0</v>
      </c>
      <c r="K40634" s="2">
        <v>0</v>
      </c>
      <c r="L40634" t="s">
        <v>120</v>
      </c>
      <c r="M40634" t="s">
        <v>83</v>
      </c>
      <c r="N40634" t="s">
        <v>84</v>
      </c>
      <c r="O40634" t="s">
        <v>85</v>
      </c>
      <c r="P40634" t="s">
        <v>86</v>
      </c>
      <c r="Q40634">
        <v>29</v>
      </c>
      <c r="R40634">
        <v>29</v>
      </c>
      <c r="S40634">
        <v>30</v>
      </c>
      <c r="T40634">
        <v>30</v>
      </c>
      <c r="U40634">
        <v>31</v>
      </c>
      <c r="V40634">
        <v>31</v>
      </c>
      <c r="W40634">
        <v>31</v>
      </c>
      <c r="X40634">
        <v>32</v>
      </c>
      <c r="Y40634">
        <v>32</v>
      </c>
      <c r="Z40634">
        <v>32</v>
      </c>
      <c r="AA40634">
        <v>33</v>
      </c>
      <c r="AB40634">
        <v>33</v>
      </c>
      <c r="AC40634">
        <v>33</v>
      </c>
      <c r="AD40634">
        <v>34</v>
      </c>
      <c r="AE40634">
        <v>34</v>
      </c>
      <c r="AF40634">
        <v>34</v>
      </c>
      <c r="AG40634">
        <v>35</v>
      </c>
      <c r="AH40634">
        <v>35</v>
      </c>
      <c r="AI40634">
        <v>35</v>
      </c>
      <c r="AJ40634">
        <v>36</v>
      </c>
      <c r="AK40634">
        <v>36</v>
      </c>
      <c r="AL40634">
        <v>36</v>
      </c>
      <c r="AM40634">
        <v>36</v>
      </c>
      <c r="AN40634">
        <v>36</v>
      </c>
      <c r="AO40634">
        <v>36</v>
      </c>
      <c r="AP40634">
        <v>36</v>
      </c>
      <c r="AQ40634">
        <v>37</v>
      </c>
    </row>
    <row r="40635" spans="1:43">
      <c r="A40635" t="s">
        <v>25107</v>
      </c>
      <c r="B40635" t="s">
        <v>25108</v>
      </c>
      <c r="C40635" t="s">
        <v>18089</v>
      </c>
      <c r="D40635" t="s">
        <v>18090</v>
      </c>
      <c r="E40635" t="s">
        <v>18039</v>
      </c>
      <c r="F40635" t="s">
        <v>18040</v>
      </c>
      <c r="G40635" t="s">
        <v>16559</v>
      </c>
      <c r="H40635" t="s">
        <v>16560</v>
      </c>
      <c r="I40635" s="2">
        <v>1</v>
      </c>
      <c r="J40635" s="2">
        <v>0</v>
      </c>
      <c r="K40635" s="2">
        <v>0</v>
      </c>
      <c r="L40635" t="s">
        <v>120</v>
      </c>
      <c r="M40635" t="s">
        <v>87</v>
      </c>
      <c r="N40635" t="s">
        <v>88</v>
      </c>
      <c r="O40635" t="s">
        <v>85</v>
      </c>
      <c r="P40635" t="s">
        <v>86</v>
      </c>
      <c r="Q40635">
        <v>29</v>
      </c>
      <c r="R40635">
        <v>29</v>
      </c>
      <c r="S40635">
        <v>29</v>
      </c>
      <c r="T40635">
        <v>29</v>
      </c>
      <c r="U40635">
        <v>29</v>
      </c>
      <c r="V40635">
        <v>29</v>
      </c>
      <c r="W40635">
        <v>29</v>
      </c>
      <c r="X40635">
        <v>30</v>
      </c>
      <c r="Y40635">
        <v>30</v>
      </c>
      <c r="Z40635">
        <v>30</v>
      </c>
      <c r="AA40635">
        <v>30</v>
      </c>
      <c r="AB40635">
        <v>30</v>
      </c>
      <c r="AC40635">
        <v>30</v>
      </c>
      <c r="AD40635">
        <v>30</v>
      </c>
      <c r="AE40635">
        <v>30</v>
      </c>
      <c r="AF40635">
        <v>30</v>
      </c>
      <c r="AG40635">
        <v>30</v>
      </c>
      <c r="AH40635">
        <v>30</v>
      </c>
      <c r="AI40635">
        <v>31</v>
      </c>
      <c r="AJ40635">
        <v>31</v>
      </c>
      <c r="AK40635">
        <v>31</v>
      </c>
      <c r="AL40635">
        <v>31</v>
      </c>
      <c r="AM40635">
        <v>31</v>
      </c>
      <c r="AN40635">
        <v>31</v>
      </c>
      <c r="AO40635">
        <v>31</v>
      </c>
      <c r="AP40635">
        <v>31</v>
      </c>
      <c r="AQ40635">
        <v>31</v>
      </c>
    </row>
    <row r="40636" spans="1:43">
      <c r="A40636" t="s">
        <v>25107</v>
      </c>
      <c r="B40636" t="s">
        <v>25108</v>
      </c>
      <c r="C40636" t="s">
        <v>18089</v>
      </c>
      <c r="D40636" t="s">
        <v>18090</v>
      </c>
      <c r="E40636" t="s">
        <v>18039</v>
      </c>
      <c r="F40636" t="s">
        <v>18040</v>
      </c>
      <c r="G40636" t="s">
        <v>16559</v>
      </c>
      <c r="H40636" t="s">
        <v>16560</v>
      </c>
      <c r="I40636" s="2">
        <v>1</v>
      </c>
      <c r="J40636" s="2">
        <v>0</v>
      </c>
      <c r="K40636" s="2">
        <v>0</v>
      </c>
      <c r="L40636" t="s">
        <v>120</v>
      </c>
      <c r="M40636" t="s">
        <v>89</v>
      </c>
      <c r="N40636" t="s">
        <v>90</v>
      </c>
      <c r="O40636" t="s">
        <v>85</v>
      </c>
      <c r="P40636" t="s">
        <v>86</v>
      </c>
      <c r="Q40636">
        <v>29</v>
      </c>
      <c r="R40636">
        <v>30</v>
      </c>
      <c r="S40636">
        <v>31</v>
      </c>
      <c r="T40636">
        <v>31</v>
      </c>
      <c r="U40636">
        <v>32</v>
      </c>
      <c r="V40636">
        <v>32</v>
      </c>
      <c r="W40636">
        <v>33</v>
      </c>
      <c r="X40636">
        <v>33</v>
      </c>
      <c r="Y40636">
        <v>34</v>
      </c>
      <c r="Z40636">
        <v>34</v>
      </c>
      <c r="AA40636">
        <v>35</v>
      </c>
      <c r="AB40636">
        <v>35</v>
      </c>
      <c r="AC40636">
        <v>36</v>
      </c>
      <c r="AD40636">
        <v>36</v>
      </c>
      <c r="AE40636">
        <v>36</v>
      </c>
      <c r="AF40636">
        <v>36</v>
      </c>
      <c r="AG40636">
        <v>37</v>
      </c>
      <c r="AH40636">
        <v>37</v>
      </c>
      <c r="AI40636">
        <v>37</v>
      </c>
      <c r="AJ40636">
        <v>37</v>
      </c>
      <c r="AK40636">
        <v>37</v>
      </c>
      <c r="AL40636">
        <v>37</v>
      </c>
      <c r="AM40636">
        <v>37</v>
      </c>
      <c r="AN40636">
        <v>37</v>
      </c>
      <c r="AO40636">
        <v>37</v>
      </c>
      <c r="AP40636">
        <v>37</v>
      </c>
      <c r="AQ40636">
        <v>37</v>
      </c>
    </row>
    <row r="40637" spans="1:43">
      <c r="A40637" t="s">
        <v>25107</v>
      </c>
      <c r="B40637" t="s">
        <v>25108</v>
      </c>
      <c r="C40637" t="s">
        <v>18089</v>
      </c>
      <c r="D40637" t="s">
        <v>18090</v>
      </c>
      <c r="E40637" t="s">
        <v>18039</v>
      </c>
      <c r="F40637" t="s">
        <v>18040</v>
      </c>
      <c r="G40637" t="s">
        <v>16559</v>
      </c>
      <c r="H40637" t="s">
        <v>16560</v>
      </c>
      <c r="I40637" s="2">
        <v>1</v>
      </c>
      <c r="J40637" s="2">
        <v>0</v>
      </c>
      <c r="K40637" s="2">
        <v>0</v>
      </c>
      <c r="L40637" t="s">
        <v>120</v>
      </c>
      <c r="M40637" t="s">
        <v>83</v>
      </c>
      <c r="N40637" t="s">
        <v>91</v>
      </c>
      <c r="O40637" t="s">
        <v>85</v>
      </c>
      <c r="P40637" t="s">
        <v>86</v>
      </c>
      <c r="Q40637">
        <v>29</v>
      </c>
      <c r="R40637">
        <v>29</v>
      </c>
      <c r="S40637">
        <v>30</v>
      </c>
      <c r="T40637">
        <v>30</v>
      </c>
      <c r="U40637">
        <v>31</v>
      </c>
      <c r="V40637">
        <v>31</v>
      </c>
      <c r="W40637">
        <v>31</v>
      </c>
      <c r="X40637">
        <v>32</v>
      </c>
      <c r="Y40637">
        <v>32</v>
      </c>
      <c r="Z40637">
        <v>32</v>
      </c>
      <c r="AA40637">
        <v>33</v>
      </c>
      <c r="AB40637">
        <v>33</v>
      </c>
      <c r="AC40637">
        <v>33</v>
      </c>
      <c r="AD40637">
        <v>34</v>
      </c>
      <c r="AE40637">
        <v>34</v>
      </c>
      <c r="AF40637">
        <v>34</v>
      </c>
      <c r="AG40637">
        <v>35</v>
      </c>
      <c r="AH40637">
        <v>35</v>
      </c>
      <c r="AI40637">
        <v>35</v>
      </c>
      <c r="AJ40637">
        <v>36</v>
      </c>
      <c r="AK40637">
        <v>36</v>
      </c>
      <c r="AL40637">
        <v>36</v>
      </c>
      <c r="AM40637">
        <v>36</v>
      </c>
      <c r="AN40637">
        <v>36</v>
      </c>
      <c r="AO40637">
        <v>36</v>
      </c>
      <c r="AP40637">
        <v>36</v>
      </c>
      <c r="AQ40637">
        <v>37</v>
      </c>
    </row>
    <row r="40638" spans="1:43">
      <c r="A40638" t="s">
        <v>25109</v>
      </c>
      <c r="B40638" t="s">
        <v>25110</v>
      </c>
      <c r="C40638" t="s">
        <v>18179</v>
      </c>
      <c r="D40638" t="s">
        <v>18180</v>
      </c>
      <c r="E40638" t="s">
        <v>18039</v>
      </c>
      <c r="F40638" t="s">
        <v>18040</v>
      </c>
      <c r="G40638" t="s">
        <v>16559</v>
      </c>
      <c r="H40638" t="s">
        <v>16560</v>
      </c>
      <c r="I40638" s="2">
        <v>1</v>
      </c>
      <c r="J40638" s="2">
        <v>0</v>
      </c>
      <c r="K40638" s="2">
        <v>0</v>
      </c>
      <c r="L40638" t="s">
        <v>120</v>
      </c>
      <c r="M40638" t="s">
        <v>83</v>
      </c>
      <c r="N40638" t="s">
        <v>84</v>
      </c>
      <c r="O40638" t="s">
        <v>85</v>
      </c>
      <c r="P40638" t="s">
        <v>86</v>
      </c>
      <c r="Q40638">
        <v>38</v>
      </c>
      <c r="R40638">
        <v>39</v>
      </c>
      <c r="S40638">
        <v>39</v>
      </c>
      <c r="T40638">
        <v>40</v>
      </c>
      <c r="U40638">
        <v>40</v>
      </c>
      <c r="V40638">
        <v>40</v>
      </c>
      <c r="W40638">
        <v>41</v>
      </c>
      <c r="X40638">
        <v>41</v>
      </c>
      <c r="Y40638">
        <v>42</v>
      </c>
      <c r="Z40638">
        <v>42</v>
      </c>
      <c r="AA40638">
        <v>42</v>
      </c>
      <c r="AB40638">
        <v>43</v>
      </c>
      <c r="AC40638">
        <v>43</v>
      </c>
      <c r="AD40638">
        <v>43</v>
      </c>
      <c r="AE40638">
        <v>44</v>
      </c>
      <c r="AF40638">
        <v>44</v>
      </c>
      <c r="AG40638">
        <v>44</v>
      </c>
      <c r="AH40638">
        <v>45</v>
      </c>
      <c r="AI40638">
        <v>45</v>
      </c>
      <c r="AJ40638">
        <v>46</v>
      </c>
      <c r="AK40638">
        <v>46</v>
      </c>
      <c r="AL40638">
        <v>46</v>
      </c>
      <c r="AM40638">
        <v>46</v>
      </c>
      <c r="AN40638">
        <v>46</v>
      </c>
      <c r="AO40638">
        <v>46</v>
      </c>
      <c r="AP40638">
        <v>46</v>
      </c>
      <c r="AQ40638">
        <v>46</v>
      </c>
    </row>
    <row r="40639" spans="1:43">
      <c r="A40639" t="s">
        <v>25109</v>
      </c>
      <c r="B40639" t="s">
        <v>25110</v>
      </c>
      <c r="C40639" t="s">
        <v>18179</v>
      </c>
      <c r="D40639" t="s">
        <v>18180</v>
      </c>
      <c r="E40639" t="s">
        <v>18039</v>
      </c>
      <c r="F40639" t="s">
        <v>18040</v>
      </c>
      <c r="G40639" t="s">
        <v>16559</v>
      </c>
      <c r="H40639" t="s">
        <v>16560</v>
      </c>
      <c r="I40639" s="2">
        <v>1</v>
      </c>
      <c r="J40639" s="2">
        <v>0</v>
      </c>
      <c r="K40639" s="2">
        <v>0</v>
      </c>
      <c r="L40639" t="s">
        <v>120</v>
      </c>
      <c r="M40639" t="s">
        <v>87</v>
      </c>
      <c r="N40639" t="s">
        <v>88</v>
      </c>
      <c r="O40639" t="s">
        <v>85</v>
      </c>
      <c r="P40639" t="s">
        <v>86</v>
      </c>
      <c r="Q40639">
        <v>38</v>
      </c>
      <c r="R40639">
        <v>38</v>
      </c>
      <c r="S40639">
        <v>38</v>
      </c>
      <c r="T40639">
        <v>38</v>
      </c>
      <c r="U40639">
        <v>38</v>
      </c>
      <c r="V40639">
        <v>38</v>
      </c>
      <c r="W40639">
        <v>38</v>
      </c>
      <c r="X40639">
        <v>38</v>
      </c>
      <c r="Y40639">
        <v>38</v>
      </c>
      <c r="Z40639">
        <v>38</v>
      </c>
      <c r="AA40639">
        <v>39</v>
      </c>
      <c r="AB40639">
        <v>39</v>
      </c>
      <c r="AC40639">
        <v>39</v>
      </c>
      <c r="AD40639">
        <v>39</v>
      </c>
      <c r="AE40639">
        <v>39</v>
      </c>
      <c r="AF40639">
        <v>39</v>
      </c>
      <c r="AG40639">
        <v>39</v>
      </c>
      <c r="AH40639">
        <v>39</v>
      </c>
      <c r="AI40639">
        <v>39</v>
      </c>
      <c r="AJ40639">
        <v>39</v>
      </c>
      <c r="AK40639">
        <v>39</v>
      </c>
      <c r="AL40639">
        <v>39</v>
      </c>
      <c r="AM40639">
        <v>39</v>
      </c>
      <c r="AN40639">
        <v>39</v>
      </c>
      <c r="AO40639">
        <v>40</v>
      </c>
      <c r="AP40639">
        <v>40</v>
      </c>
      <c r="AQ40639">
        <v>40</v>
      </c>
    </row>
    <row r="40640" spans="1:43">
      <c r="A40640" t="s">
        <v>25109</v>
      </c>
      <c r="B40640" t="s">
        <v>25110</v>
      </c>
      <c r="C40640" t="s">
        <v>18179</v>
      </c>
      <c r="D40640" t="s">
        <v>18180</v>
      </c>
      <c r="E40640" t="s">
        <v>18039</v>
      </c>
      <c r="F40640" t="s">
        <v>18040</v>
      </c>
      <c r="G40640" t="s">
        <v>16559</v>
      </c>
      <c r="H40640" t="s">
        <v>16560</v>
      </c>
      <c r="I40640" s="2">
        <v>1</v>
      </c>
      <c r="J40640" s="2">
        <v>0</v>
      </c>
      <c r="K40640" s="2">
        <v>0</v>
      </c>
      <c r="L40640" t="s">
        <v>120</v>
      </c>
      <c r="M40640" t="s">
        <v>89</v>
      </c>
      <c r="N40640" t="s">
        <v>90</v>
      </c>
      <c r="O40640" t="s">
        <v>85</v>
      </c>
      <c r="P40640" t="s">
        <v>86</v>
      </c>
      <c r="Q40640">
        <v>38</v>
      </c>
      <c r="R40640">
        <v>38</v>
      </c>
      <c r="S40640">
        <v>39</v>
      </c>
      <c r="T40640">
        <v>40</v>
      </c>
      <c r="U40640">
        <v>40</v>
      </c>
      <c r="V40640">
        <v>41</v>
      </c>
      <c r="W40640">
        <v>42</v>
      </c>
      <c r="X40640">
        <v>42</v>
      </c>
      <c r="Y40640">
        <v>43</v>
      </c>
      <c r="Z40640">
        <v>43</v>
      </c>
      <c r="AA40640">
        <v>44</v>
      </c>
      <c r="AB40640">
        <v>44</v>
      </c>
      <c r="AC40640">
        <v>45</v>
      </c>
      <c r="AD40640">
        <v>46</v>
      </c>
      <c r="AE40640">
        <v>46</v>
      </c>
      <c r="AF40640">
        <v>46</v>
      </c>
      <c r="AG40640">
        <v>46</v>
      </c>
      <c r="AH40640">
        <v>46</v>
      </c>
      <c r="AI40640">
        <v>46</v>
      </c>
      <c r="AJ40640">
        <v>46</v>
      </c>
      <c r="AK40640">
        <v>45</v>
      </c>
      <c r="AL40640">
        <v>45</v>
      </c>
      <c r="AM40640">
        <v>45</v>
      </c>
      <c r="AN40640">
        <v>45</v>
      </c>
      <c r="AO40640">
        <v>45</v>
      </c>
      <c r="AP40640">
        <v>45</v>
      </c>
      <c r="AQ40640">
        <v>45</v>
      </c>
    </row>
    <row r="40641" spans="1:43">
      <c r="A40641" t="s">
        <v>25109</v>
      </c>
      <c r="B40641" t="s">
        <v>25110</v>
      </c>
      <c r="C40641" t="s">
        <v>18179</v>
      </c>
      <c r="D40641" t="s">
        <v>18180</v>
      </c>
      <c r="E40641" t="s">
        <v>18039</v>
      </c>
      <c r="F40641" t="s">
        <v>18040</v>
      </c>
      <c r="G40641" t="s">
        <v>16559</v>
      </c>
      <c r="H40641" t="s">
        <v>16560</v>
      </c>
      <c r="I40641" s="2">
        <v>1</v>
      </c>
      <c r="J40641" s="2">
        <v>0</v>
      </c>
      <c r="K40641" s="2">
        <v>0</v>
      </c>
      <c r="L40641" t="s">
        <v>120</v>
      </c>
      <c r="M40641" t="s">
        <v>83</v>
      </c>
      <c r="N40641" t="s">
        <v>91</v>
      </c>
      <c r="O40641" t="s">
        <v>85</v>
      </c>
      <c r="P40641" t="s">
        <v>86</v>
      </c>
      <c r="Q40641">
        <v>38</v>
      </c>
      <c r="R40641">
        <v>39</v>
      </c>
      <c r="S40641">
        <v>39</v>
      </c>
      <c r="T40641">
        <v>40</v>
      </c>
      <c r="U40641">
        <v>40</v>
      </c>
      <c r="V40641">
        <v>40</v>
      </c>
      <c r="W40641">
        <v>41</v>
      </c>
      <c r="X40641">
        <v>41</v>
      </c>
      <c r="Y40641">
        <v>42</v>
      </c>
      <c r="Z40641">
        <v>42</v>
      </c>
      <c r="AA40641">
        <v>42</v>
      </c>
      <c r="AB40641">
        <v>43</v>
      </c>
      <c r="AC40641">
        <v>43</v>
      </c>
      <c r="AD40641">
        <v>43</v>
      </c>
      <c r="AE40641">
        <v>44</v>
      </c>
      <c r="AF40641">
        <v>44</v>
      </c>
      <c r="AG40641">
        <v>44</v>
      </c>
      <c r="AH40641">
        <v>45</v>
      </c>
      <c r="AI40641">
        <v>45</v>
      </c>
      <c r="AJ40641">
        <v>46</v>
      </c>
      <c r="AK40641">
        <v>46</v>
      </c>
      <c r="AL40641">
        <v>46</v>
      </c>
      <c r="AM40641">
        <v>46</v>
      </c>
      <c r="AN40641">
        <v>46</v>
      </c>
      <c r="AO40641">
        <v>46</v>
      </c>
      <c r="AP40641">
        <v>46</v>
      </c>
      <c r="AQ40641">
        <v>46</v>
      </c>
    </row>
    <row r="40642" spans="1:43">
      <c r="A40642" t="s">
        <v>25111</v>
      </c>
      <c r="B40642" t="s">
        <v>25112</v>
      </c>
      <c r="C40642" t="s">
        <v>18089</v>
      </c>
      <c r="D40642" t="s">
        <v>18090</v>
      </c>
      <c r="E40642" t="s">
        <v>18039</v>
      </c>
      <c r="F40642" t="s">
        <v>18040</v>
      </c>
      <c r="G40642" t="s">
        <v>16559</v>
      </c>
      <c r="H40642" t="s">
        <v>16560</v>
      </c>
      <c r="I40642" s="2">
        <v>1</v>
      </c>
      <c r="J40642" s="2">
        <v>0</v>
      </c>
      <c r="K40642" s="2">
        <v>0</v>
      </c>
      <c r="L40642" t="s">
        <v>120</v>
      </c>
      <c r="M40642" t="s">
        <v>83</v>
      </c>
      <c r="N40642" t="s">
        <v>84</v>
      </c>
      <c r="O40642" t="s">
        <v>85</v>
      </c>
      <c r="P40642" t="s">
        <v>86</v>
      </c>
      <c r="Q40642">
        <v>42</v>
      </c>
      <c r="R40642">
        <v>42</v>
      </c>
      <c r="S40642">
        <v>43</v>
      </c>
      <c r="T40642">
        <v>43</v>
      </c>
      <c r="U40642">
        <v>44</v>
      </c>
      <c r="V40642">
        <v>44</v>
      </c>
      <c r="W40642">
        <v>45</v>
      </c>
      <c r="X40642">
        <v>45</v>
      </c>
      <c r="Y40642">
        <v>46</v>
      </c>
      <c r="Z40642">
        <v>46</v>
      </c>
      <c r="AA40642">
        <v>46</v>
      </c>
      <c r="AB40642">
        <v>47</v>
      </c>
      <c r="AC40642">
        <v>47</v>
      </c>
      <c r="AD40642">
        <v>48</v>
      </c>
      <c r="AE40642">
        <v>48</v>
      </c>
      <c r="AF40642">
        <v>48</v>
      </c>
      <c r="AG40642">
        <v>49</v>
      </c>
      <c r="AH40642">
        <v>49</v>
      </c>
      <c r="AI40642">
        <v>50</v>
      </c>
      <c r="AJ40642">
        <v>50</v>
      </c>
      <c r="AK40642">
        <v>50</v>
      </c>
      <c r="AL40642">
        <v>51</v>
      </c>
      <c r="AM40642">
        <v>51</v>
      </c>
      <c r="AN40642">
        <v>51</v>
      </c>
      <c r="AO40642">
        <v>50</v>
      </c>
      <c r="AP40642">
        <v>50</v>
      </c>
      <c r="AQ40642">
        <v>50</v>
      </c>
    </row>
    <row r="40643" spans="1:43">
      <c r="A40643" t="s">
        <v>25111</v>
      </c>
      <c r="B40643" t="s">
        <v>25112</v>
      </c>
      <c r="C40643" t="s">
        <v>18089</v>
      </c>
      <c r="D40643" t="s">
        <v>18090</v>
      </c>
      <c r="E40643" t="s">
        <v>18039</v>
      </c>
      <c r="F40643" t="s">
        <v>18040</v>
      </c>
      <c r="G40643" t="s">
        <v>16559</v>
      </c>
      <c r="H40643" t="s">
        <v>16560</v>
      </c>
      <c r="I40643" s="2">
        <v>1</v>
      </c>
      <c r="J40643" s="2">
        <v>0</v>
      </c>
      <c r="K40643" s="2">
        <v>0</v>
      </c>
      <c r="L40643" t="s">
        <v>120</v>
      </c>
      <c r="M40643" t="s">
        <v>87</v>
      </c>
      <c r="N40643" t="s">
        <v>88</v>
      </c>
      <c r="O40643" t="s">
        <v>85</v>
      </c>
      <c r="P40643" t="s">
        <v>86</v>
      </c>
      <c r="Q40643">
        <v>42</v>
      </c>
      <c r="R40643">
        <v>43</v>
      </c>
      <c r="S40643">
        <v>43</v>
      </c>
      <c r="T40643">
        <v>43</v>
      </c>
      <c r="U40643">
        <v>43</v>
      </c>
      <c r="V40643">
        <v>43</v>
      </c>
      <c r="W40643">
        <v>43</v>
      </c>
      <c r="X40643">
        <v>43</v>
      </c>
      <c r="Y40643">
        <v>43</v>
      </c>
      <c r="Z40643">
        <v>43</v>
      </c>
      <c r="AA40643">
        <v>43</v>
      </c>
      <c r="AB40643">
        <v>43</v>
      </c>
      <c r="AC40643">
        <v>43</v>
      </c>
      <c r="AD40643">
        <v>44</v>
      </c>
      <c r="AE40643">
        <v>44</v>
      </c>
      <c r="AF40643">
        <v>44</v>
      </c>
      <c r="AG40643">
        <v>44</v>
      </c>
      <c r="AH40643">
        <v>44</v>
      </c>
      <c r="AI40643">
        <v>44</v>
      </c>
      <c r="AJ40643">
        <v>44</v>
      </c>
      <c r="AK40643">
        <v>44</v>
      </c>
      <c r="AL40643">
        <v>44</v>
      </c>
      <c r="AM40643">
        <v>44</v>
      </c>
      <c r="AN40643">
        <v>44</v>
      </c>
      <c r="AO40643">
        <v>45</v>
      </c>
      <c r="AP40643">
        <v>45</v>
      </c>
      <c r="AQ40643">
        <v>45</v>
      </c>
    </row>
    <row r="40644" spans="1:43">
      <c r="A40644" t="s">
        <v>25111</v>
      </c>
      <c r="B40644" t="s">
        <v>25112</v>
      </c>
      <c r="C40644" t="s">
        <v>18089</v>
      </c>
      <c r="D40644" t="s">
        <v>18090</v>
      </c>
      <c r="E40644" t="s">
        <v>18039</v>
      </c>
      <c r="F40644" t="s">
        <v>18040</v>
      </c>
      <c r="G40644" t="s">
        <v>16559</v>
      </c>
      <c r="H40644" t="s">
        <v>16560</v>
      </c>
      <c r="I40644" s="2">
        <v>1</v>
      </c>
      <c r="J40644" s="2">
        <v>0</v>
      </c>
      <c r="K40644" s="2">
        <v>0</v>
      </c>
      <c r="L40644" t="s">
        <v>120</v>
      </c>
      <c r="M40644" t="s">
        <v>89</v>
      </c>
      <c r="N40644" t="s">
        <v>90</v>
      </c>
      <c r="O40644" t="s">
        <v>85</v>
      </c>
      <c r="P40644" t="s">
        <v>86</v>
      </c>
      <c r="Q40644">
        <v>42</v>
      </c>
      <c r="R40644">
        <v>43</v>
      </c>
      <c r="S40644">
        <v>44</v>
      </c>
      <c r="T40644">
        <v>45</v>
      </c>
      <c r="U40644">
        <v>45</v>
      </c>
      <c r="V40644">
        <v>46</v>
      </c>
      <c r="W40644">
        <v>47</v>
      </c>
      <c r="X40644">
        <v>47</v>
      </c>
      <c r="Y40644">
        <v>48</v>
      </c>
      <c r="Z40644">
        <v>49</v>
      </c>
      <c r="AA40644">
        <v>49</v>
      </c>
      <c r="AB40644">
        <v>50</v>
      </c>
      <c r="AC40644">
        <v>51</v>
      </c>
      <c r="AD40644">
        <v>51</v>
      </c>
      <c r="AE40644">
        <v>51</v>
      </c>
      <c r="AF40644">
        <v>51</v>
      </c>
      <c r="AG40644">
        <v>51</v>
      </c>
      <c r="AH40644">
        <v>51</v>
      </c>
      <c r="AI40644">
        <v>51</v>
      </c>
      <c r="AJ40644">
        <v>51</v>
      </c>
      <c r="AK40644">
        <v>51</v>
      </c>
      <c r="AL40644">
        <v>51</v>
      </c>
      <c r="AM40644">
        <v>51</v>
      </c>
      <c r="AN40644">
        <v>51</v>
      </c>
      <c r="AO40644">
        <v>51</v>
      </c>
      <c r="AP40644">
        <v>51</v>
      </c>
      <c r="AQ40644">
        <v>51</v>
      </c>
    </row>
    <row r="40645" spans="1:43">
      <c r="A40645" t="s">
        <v>25111</v>
      </c>
      <c r="B40645" t="s">
        <v>25112</v>
      </c>
      <c r="C40645" t="s">
        <v>18089</v>
      </c>
      <c r="D40645" t="s">
        <v>18090</v>
      </c>
      <c r="E40645" t="s">
        <v>18039</v>
      </c>
      <c r="F40645" t="s">
        <v>18040</v>
      </c>
      <c r="G40645" t="s">
        <v>16559</v>
      </c>
      <c r="H40645" t="s">
        <v>16560</v>
      </c>
      <c r="I40645" s="2">
        <v>1</v>
      </c>
      <c r="J40645" s="2">
        <v>0</v>
      </c>
      <c r="K40645" s="2">
        <v>0</v>
      </c>
      <c r="L40645" t="s">
        <v>120</v>
      </c>
      <c r="M40645" t="s">
        <v>83</v>
      </c>
      <c r="N40645" t="s">
        <v>91</v>
      </c>
      <c r="O40645" t="s">
        <v>85</v>
      </c>
      <c r="P40645" t="s">
        <v>86</v>
      </c>
      <c r="Q40645">
        <v>42</v>
      </c>
      <c r="R40645">
        <v>42</v>
      </c>
      <c r="S40645">
        <v>43</v>
      </c>
      <c r="T40645">
        <v>43</v>
      </c>
      <c r="U40645">
        <v>44</v>
      </c>
      <c r="V40645">
        <v>44</v>
      </c>
      <c r="W40645">
        <v>45</v>
      </c>
      <c r="X40645">
        <v>45</v>
      </c>
      <c r="Y40645">
        <v>46</v>
      </c>
      <c r="Z40645">
        <v>46</v>
      </c>
      <c r="AA40645">
        <v>46</v>
      </c>
      <c r="AB40645">
        <v>47</v>
      </c>
      <c r="AC40645">
        <v>47</v>
      </c>
      <c r="AD40645">
        <v>48</v>
      </c>
      <c r="AE40645">
        <v>48</v>
      </c>
      <c r="AF40645">
        <v>48</v>
      </c>
      <c r="AG40645">
        <v>49</v>
      </c>
      <c r="AH40645">
        <v>49</v>
      </c>
      <c r="AI40645">
        <v>50</v>
      </c>
      <c r="AJ40645">
        <v>50</v>
      </c>
      <c r="AK40645">
        <v>50</v>
      </c>
      <c r="AL40645">
        <v>51</v>
      </c>
      <c r="AM40645">
        <v>51</v>
      </c>
      <c r="AN40645">
        <v>51</v>
      </c>
      <c r="AO40645">
        <v>50</v>
      </c>
      <c r="AP40645">
        <v>50</v>
      </c>
      <c r="AQ40645">
        <v>50</v>
      </c>
    </row>
    <row r="40646" spans="1:43">
      <c r="A40646" t="s">
        <v>25113</v>
      </c>
      <c r="B40646" t="s">
        <v>25114</v>
      </c>
      <c r="C40646" t="s">
        <v>21999</v>
      </c>
      <c r="D40646" t="s">
        <v>22000</v>
      </c>
      <c r="E40646" t="s">
        <v>21935</v>
      </c>
      <c r="F40646" t="s">
        <v>21936</v>
      </c>
      <c r="G40646" t="s">
        <v>20255</v>
      </c>
      <c r="H40646" t="s">
        <v>20256</v>
      </c>
      <c r="I40646" s="2">
        <v>1</v>
      </c>
      <c r="J40646" s="2">
        <v>0</v>
      </c>
      <c r="K40646" s="2">
        <v>0</v>
      </c>
      <c r="L40646" t="s">
        <v>120</v>
      </c>
      <c r="M40646" t="s">
        <v>83</v>
      </c>
      <c r="N40646" t="s">
        <v>84</v>
      </c>
      <c r="O40646" t="s">
        <v>85</v>
      </c>
      <c r="P40646" t="s">
        <v>86</v>
      </c>
      <c r="Q40646">
        <v>36</v>
      </c>
      <c r="R40646">
        <v>37</v>
      </c>
      <c r="S40646">
        <v>37</v>
      </c>
      <c r="T40646">
        <v>38</v>
      </c>
      <c r="U40646">
        <v>39</v>
      </c>
      <c r="V40646">
        <v>40</v>
      </c>
      <c r="W40646">
        <v>40</v>
      </c>
      <c r="X40646">
        <v>41</v>
      </c>
      <c r="Y40646">
        <v>42</v>
      </c>
      <c r="Z40646">
        <v>43</v>
      </c>
      <c r="AA40646">
        <v>43</v>
      </c>
      <c r="AB40646">
        <v>44</v>
      </c>
      <c r="AC40646">
        <v>45</v>
      </c>
      <c r="AD40646">
        <v>46</v>
      </c>
      <c r="AE40646">
        <v>47</v>
      </c>
      <c r="AF40646">
        <v>48</v>
      </c>
      <c r="AG40646">
        <v>48</v>
      </c>
      <c r="AH40646">
        <v>49</v>
      </c>
      <c r="AI40646">
        <v>50</v>
      </c>
      <c r="AJ40646">
        <v>51</v>
      </c>
      <c r="AK40646">
        <v>52</v>
      </c>
      <c r="AL40646">
        <v>53</v>
      </c>
      <c r="AM40646">
        <v>53</v>
      </c>
      <c r="AN40646">
        <v>54</v>
      </c>
      <c r="AO40646">
        <v>54</v>
      </c>
      <c r="AP40646">
        <v>55</v>
      </c>
      <c r="AQ40646">
        <v>55</v>
      </c>
    </row>
    <row r="40647" spans="1:43">
      <c r="A40647" t="s">
        <v>25113</v>
      </c>
      <c r="B40647" t="s">
        <v>25114</v>
      </c>
      <c r="C40647" t="s">
        <v>21999</v>
      </c>
      <c r="D40647" t="s">
        <v>22000</v>
      </c>
      <c r="E40647" t="s">
        <v>21935</v>
      </c>
      <c r="F40647" t="s">
        <v>21936</v>
      </c>
      <c r="G40647" t="s">
        <v>20255</v>
      </c>
      <c r="H40647" t="s">
        <v>20256</v>
      </c>
      <c r="I40647" s="2">
        <v>1</v>
      </c>
      <c r="J40647" s="2">
        <v>0</v>
      </c>
      <c r="K40647" s="2">
        <v>0</v>
      </c>
      <c r="L40647" t="s">
        <v>120</v>
      </c>
      <c r="M40647" t="s">
        <v>87</v>
      </c>
      <c r="N40647" t="s">
        <v>88</v>
      </c>
      <c r="O40647" t="s">
        <v>85</v>
      </c>
      <c r="P40647" t="s">
        <v>86</v>
      </c>
      <c r="Q40647">
        <v>36</v>
      </c>
      <c r="R40647">
        <v>37</v>
      </c>
      <c r="S40647">
        <v>37</v>
      </c>
      <c r="T40647">
        <v>38</v>
      </c>
      <c r="U40647">
        <v>38</v>
      </c>
      <c r="V40647">
        <v>38</v>
      </c>
      <c r="W40647">
        <v>39</v>
      </c>
      <c r="X40647">
        <v>39</v>
      </c>
      <c r="Y40647">
        <v>40</v>
      </c>
      <c r="Z40647">
        <v>40</v>
      </c>
      <c r="AA40647">
        <v>41</v>
      </c>
      <c r="AB40647">
        <v>41</v>
      </c>
      <c r="AC40647">
        <v>41</v>
      </c>
      <c r="AD40647">
        <v>42</v>
      </c>
      <c r="AE40647">
        <v>42</v>
      </c>
      <c r="AF40647">
        <v>43</v>
      </c>
      <c r="AG40647">
        <v>43</v>
      </c>
      <c r="AH40647">
        <v>44</v>
      </c>
      <c r="AI40647">
        <v>44</v>
      </c>
      <c r="AJ40647">
        <v>45</v>
      </c>
      <c r="AK40647">
        <v>45</v>
      </c>
      <c r="AL40647">
        <v>46</v>
      </c>
      <c r="AM40647">
        <v>46</v>
      </c>
      <c r="AN40647">
        <v>47</v>
      </c>
      <c r="AO40647">
        <v>48</v>
      </c>
      <c r="AP40647">
        <v>48</v>
      </c>
      <c r="AQ40647">
        <v>49</v>
      </c>
    </row>
    <row r="40648" spans="1:43">
      <c r="A40648" t="s">
        <v>25113</v>
      </c>
      <c r="B40648" t="s">
        <v>25114</v>
      </c>
      <c r="C40648" t="s">
        <v>21999</v>
      </c>
      <c r="D40648" t="s">
        <v>22000</v>
      </c>
      <c r="E40648" t="s">
        <v>21935</v>
      </c>
      <c r="F40648" t="s">
        <v>21936</v>
      </c>
      <c r="G40648" t="s">
        <v>20255</v>
      </c>
      <c r="H40648" t="s">
        <v>20256</v>
      </c>
      <c r="I40648" s="2">
        <v>1</v>
      </c>
      <c r="J40648" s="2">
        <v>0</v>
      </c>
      <c r="K40648" s="2">
        <v>0</v>
      </c>
      <c r="L40648" t="s">
        <v>120</v>
      </c>
      <c r="M40648" t="s">
        <v>89</v>
      </c>
      <c r="N40648" t="s">
        <v>90</v>
      </c>
      <c r="O40648" t="s">
        <v>85</v>
      </c>
      <c r="P40648" t="s">
        <v>86</v>
      </c>
      <c r="Q40648">
        <v>36</v>
      </c>
      <c r="R40648">
        <v>37</v>
      </c>
      <c r="S40648">
        <v>38</v>
      </c>
      <c r="T40648">
        <v>39</v>
      </c>
      <c r="U40648">
        <v>40</v>
      </c>
      <c r="V40648">
        <v>41</v>
      </c>
      <c r="W40648">
        <v>42</v>
      </c>
      <c r="X40648">
        <v>43</v>
      </c>
      <c r="Y40648">
        <v>44</v>
      </c>
      <c r="Z40648">
        <v>45</v>
      </c>
      <c r="AA40648">
        <v>46</v>
      </c>
      <c r="AB40648">
        <v>47</v>
      </c>
      <c r="AC40648">
        <v>48</v>
      </c>
      <c r="AD40648">
        <v>49</v>
      </c>
      <c r="AE40648">
        <v>50</v>
      </c>
      <c r="AF40648">
        <v>51</v>
      </c>
      <c r="AG40648">
        <v>51</v>
      </c>
      <c r="AH40648">
        <v>51</v>
      </c>
      <c r="AI40648">
        <v>52</v>
      </c>
      <c r="AJ40648">
        <v>52</v>
      </c>
      <c r="AK40648">
        <v>53</v>
      </c>
      <c r="AL40648">
        <v>53</v>
      </c>
      <c r="AM40648">
        <v>54</v>
      </c>
      <c r="AN40648">
        <v>54</v>
      </c>
      <c r="AO40648">
        <v>55</v>
      </c>
      <c r="AP40648">
        <v>55</v>
      </c>
      <c r="AQ40648">
        <v>56</v>
      </c>
    </row>
    <row r="40649" spans="1:43">
      <c r="A40649" t="s">
        <v>25113</v>
      </c>
      <c r="B40649" t="s">
        <v>25114</v>
      </c>
      <c r="C40649" t="s">
        <v>21999</v>
      </c>
      <c r="D40649" t="s">
        <v>22000</v>
      </c>
      <c r="E40649" t="s">
        <v>21935</v>
      </c>
      <c r="F40649" t="s">
        <v>21936</v>
      </c>
      <c r="G40649" t="s">
        <v>20255</v>
      </c>
      <c r="H40649" t="s">
        <v>20256</v>
      </c>
      <c r="I40649" s="2">
        <v>1</v>
      </c>
      <c r="J40649" s="2">
        <v>0</v>
      </c>
      <c r="K40649" s="2">
        <v>0</v>
      </c>
      <c r="L40649" t="s">
        <v>120</v>
      </c>
      <c r="M40649" t="s">
        <v>83</v>
      </c>
      <c r="N40649" t="s">
        <v>91</v>
      </c>
      <c r="O40649" t="s">
        <v>85</v>
      </c>
      <c r="P40649" t="s">
        <v>86</v>
      </c>
      <c r="Q40649">
        <v>36</v>
      </c>
      <c r="R40649">
        <v>37</v>
      </c>
      <c r="S40649">
        <v>37</v>
      </c>
      <c r="T40649">
        <v>38</v>
      </c>
      <c r="U40649">
        <v>39</v>
      </c>
      <c r="V40649">
        <v>40</v>
      </c>
      <c r="W40649">
        <v>40</v>
      </c>
      <c r="X40649">
        <v>41</v>
      </c>
      <c r="Y40649">
        <v>42</v>
      </c>
      <c r="Z40649">
        <v>43</v>
      </c>
      <c r="AA40649">
        <v>43</v>
      </c>
      <c r="AB40649">
        <v>44</v>
      </c>
      <c r="AC40649">
        <v>45</v>
      </c>
      <c r="AD40649">
        <v>46</v>
      </c>
      <c r="AE40649">
        <v>47</v>
      </c>
      <c r="AF40649">
        <v>48</v>
      </c>
      <c r="AG40649">
        <v>48</v>
      </c>
      <c r="AH40649">
        <v>49</v>
      </c>
      <c r="AI40649">
        <v>50</v>
      </c>
      <c r="AJ40649">
        <v>51</v>
      </c>
      <c r="AK40649">
        <v>52</v>
      </c>
      <c r="AL40649">
        <v>53</v>
      </c>
      <c r="AM40649">
        <v>53</v>
      </c>
      <c r="AN40649">
        <v>54</v>
      </c>
      <c r="AO40649">
        <v>54</v>
      </c>
      <c r="AP40649">
        <v>55</v>
      </c>
      <c r="AQ40649">
        <v>55</v>
      </c>
    </row>
    <row r="40650" spans="1:43">
      <c r="A40650" t="s">
        <v>25115</v>
      </c>
      <c r="B40650" t="s">
        <v>25116</v>
      </c>
      <c r="C40650" t="s">
        <v>21999</v>
      </c>
      <c r="D40650" t="s">
        <v>22000</v>
      </c>
      <c r="E40650" t="s">
        <v>21935</v>
      </c>
      <c r="F40650" t="s">
        <v>21936</v>
      </c>
      <c r="G40650" t="s">
        <v>20255</v>
      </c>
      <c r="H40650" t="s">
        <v>20256</v>
      </c>
      <c r="I40650" s="2">
        <v>1</v>
      </c>
      <c r="J40650" s="2">
        <v>0</v>
      </c>
      <c r="K40650" s="2">
        <v>0</v>
      </c>
      <c r="L40650" t="s">
        <v>120</v>
      </c>
      <c r="M40650" t="s">
        <v>83</v>
      </c>
      <c r="N40650" t="s">
        <v>84</v>
      </c>
      <c r="O40650" t="s">
        <v>85</v>
      </c>
      <c r="P40650" t="s">
        <v>86</v>
      </c>
      <c r="Q40650">
        <v>54</v>
      </c>
      <c r="R40650">
        <v>55</v>
      </c>
      <c r="S40650">
        <v>56</v>
      </c>
      <c r="T40650">
        <v>57</v>
      </c>
      <c r="U40650">
        <v>58</v>
      </c>
      <c r="V40650">
        <v>60</v>
      </c>
      <c r="W40650">
        <v>61</v>
      </c>
      <c r="X40650">
        <v>62</v>
      </c>
      <c r="Y40650">
        <v>63</v>
      </c>
      <c r="Z40650">
        <v>64</v>
      </c>
      <c r="AA40650">
        <v>66</v>
      </c>
      <c r="AB40650">
        <v>67</v>
      </c>
      <c r="AC40650">
        <v>68</v>
      </c>
      <c r="AD40650">
        <v>69</v>
      </c>
      <c r="AE40650">
        <v>71</v>
      </c>
      <c r="AF40650">
        <v>72</v>
      </c>
      <c r="AG40650">
        <v>73</v>
      </c>
      <c r="AH40650">
        <v>74</v>
      </c>
      <c r="AI40650">
        <v>76</v>
      </c>
      <c r="AJ40650">
        <v>77</v>
      </c>
      <c r="AK40650">
        <v>79</v>
      </c>
      <c r="AL40650">
        <v>80</v>
      </c>
      <c r="AM40650">
        <v>80</v>
      </c>
      <c r="AN40650">
        <v>81</v>
      </c>
      <c r="AO40650">
        <v>82</v>
      </c>
      <c r="AP40650">
        <v>83</v>
      </c>
      <c r="AQ40650">
        <v>84</v>
      </c>
    </row>
    <row r="40651" spans="1:43">
      <c r="A40651" t="s">
        <v>25115</v>
      </c>
      <c r="B40651" t="s">
        <v>25116</v>
      </c>
      <c r="C40651" t="s">
        <v>21999</v>
      </c>
      <c r="D40651" t="s">
        <v>22000</v>
      </c>
      <c r="E40651" t="s">
        <v>21935</v>
      </c>
      <c r="F40651" t="s">
        <v>21936</v>
      </c>
      <c r="G40651" t="s">
        <v>20255</v>
      </c>
      <c r="H40651" t="s">
        <v>20256</v>
      </c>
      <c r="I40651" s="2">
        <v>1</v>
      </c>
      <c r="J40651" s="2">
        <v>0</v>
      </c>
      <c r="K40651" s="2">
        <v>0</v>
      </c>
      <c r="L40651" t="s">
        <v>120</v>
      </c>
      <c r="M40651" t="s">
        <v>87</v>
      </c>
      <c r="N40651" t="s">
        <v>88</v>
      </c>
      <c r="O40651" t="s">
        <v>85</v>
      </c>
      <c r="P40651" t="s">
        <v>86</v>
      </c>
      <c r="Q40651">
        <v>54</v>
      </c>
      <c r="R40651">
        <v>55</v>
      </c>
      <c r="S40651">
        <v>56</v>
      </c>
      <c r="T40651">
        <v>56</v>
      </c>
      <c r="U40651">
        <v>57</v>
      </c>
      <c r="V40651">
        <v>57</v>
      </c>
      <c r="W40651">
        <v>58</v>
      </c>
      <c r="X40651">
        <v>59</v>
      </c>
      <c r="Y40651">
        <v>59</v>
      </c>
      <c r="Z40651">
        <v>60</v>
      </c>
      <c r="AA40651">
        <v>61</v>
      </c>
      <c r="AB40651">
        <v>62</v>
      </c>
      <c r="AC40651">
        <v>62</v>
      </c>
      <c r="AD40651">
        <v>63</v>
      </c>
      <c r="AE40651">
        <v>64</v>
      </c>
      <c r="AF40651">
        <v>64</v>
      </c>
      <c r="AG40651">
        <v>65</v>
      </c>
      <c r="AH40651">
        <v>66</v>
      </c>
      <c r="AI40651">
        <v>67</v>
      </c>
      <c r="AJ40651">
        <v>68</v>
      </c>
      <c r="AK40651">
        <v>68</v>
      </c>
      <c r="AL40651">
        <v>69</v>
      </c>
      <c r="AM40651">
        <v>70</v>
      </c>
      <c r="AN40651">
        <v>71</v>
      </c>
      <c r="AO40651">
        <v>72</v>
      </c>
      <c r="AP40651">
        <v>73</v>
      </c>
      <c r="AQ40651">
        <v>74</v>
      </c>
    </row>
    <row r="40652" spans="1:43">
      <c r="A40652" t="s">
        <v>25115</v>
      </c>
      <c r="B40652" t="s">
        <v>25116</v>
      </c>
      <c r="C40652" t="s">
        <v>21999</v>
      </c>
      <c r="D40652" t="s">
        <v>22000</v>
      </c>
      <c r="E40652" t="s">
        <v>21935</v>
      </c>
      <c r="F40652" t="s">
        <v>21936</v>
      </c>
      <c r="G40652" t="s">
        <v>20255</v>
      </c>
      <c r="H40652" t="s">
        <v>20256</v>
      </c>
      <c r="I40652" s="2">
        <v>1</v>
      </c>
      <c r="J40652" s="2">
        <v>0</v>
      </c>
      <c r="K40652" s="2">
        <v>0</v>
      </c>
      <c r="L40652" t="s">
        <v>120</v>
      </c>
      <c r="M40652" t="s">
        <v>89</v>
      </c>
      <c r="N40652" t="s">
        <v>90</v>
      </c>
      <c r="O40652" t="s">
        <v>85</v>
      </c>
      <c r="P40652" t="s">
        <v>86</v>
      </c>
      <c r="Q40652">
        <v>54</v>
      </c>
      <c r="R40652">
        <v>56</v>
      </c>
      <c r="S40652">
        <v>57</v>
      </c>
      <c r="T40652">
        <v>59</v>
      </c>
      <c r="U40652">
        <v>61</v>
      </c>
      <c r="V40652">
        <v>62</v>
      </c>
      <c r="W40652">
        <v>64</v>
      </c>
      <c r="X40652">
        <v>65</v>
      </c>
      <c r="Y40652">
        <v>67</v>
      </c>
      <c r="Z40652">
        <v>68</v>
      </c>
      <c r="AA40652">
        <v>70</v>
      </c>
      <c r="AB40652">
        <v>71</v>
      </c>
      <c r="AC40652">
        <v>73</v>
      </c>
      <c r="AD40652">
        <v>74</v>
      </c>
      <c r="AE40652">
        <v>75</v>
      </c>
      <c r="AF40652">
        <v>76</v>
      </c>
      <c r="AG40652">
        <v>77</v>
      </c>
      <c r="AH40652">
        <v>78</v>
      </c>
      <c r="AI40652">
        <v>78</v>
      </c>
      <c r="AJ40652">
        <v>79</v>
      </c>
      <c r="AK40652">
        <v>80</v>
      </c>
      <c r="AL40652">
        <v>81</v>
      </c>
      <c r="AM40652">
        <v>81</v>
      </c>
      <c r="AN40652">
        <v>82</v>
      </c>
      <c r="AO40652">
        <v>83</v>
      </c>
      <c r="AP40652">
        <v>84</v>
      </c>
      <c r="AQ40652">
        <v>85</v>
      </c>
    </row>
    <row r="40653" spans="1:43">
      <c r="A40653" t="s">
        <v>25115</v>
      </c>
      <c r="B40653" t="s">
        <v>25116</v>
      </c>
      <c r="C40653" t="s">
        <v>21999</v>
      </c>
      <c r="D40653" t="s">
        <v>22000</v>
      </c>
      <c r="E40653" t="s">
        <v>21935</v>
      </c>
      <c r="F40653" t="s">
        <v>21936</v>
      </c>
      <c r="G40653" t="s">
        <v>20255</v>
      </c>
      <c r="H40653" t="s">
        <v>20256</v>
      </c>
      <c r="I40653" s="2">
        <v>1</v>
      </c>
      <c r="J40653" s="2">
        <v>0</v>
      </c>
      <c r="K40653" s="2">
        <v>0</v>
      </c>
      <c r="L40653" t="s">
        <v>120</v>
      </c>
      <c r="M40653" t="s">
        <v>83</v>
      </c>
      <c r="N40653" t="s">
        <v>91</v>
      </c>
      <c r="O40653" t="s">
        <v>85</v>
      </c>
      <c r="P40653" t="s">
        <v>86</v>
      </c>
      <c r="Q40653">
        <v>54</v>
      </c>
      <c r="R40653">
        <v>55</v>
      </c>
      <c r="S40653">
        <v>56</v>
      </c>
      <c r="T40653">
        <v>57</v>
      </c>
      <c r="U40653">
        <v>58</v>
      </c>
      <c r="V40653">
        <v>60</v>
      </c>
      <c r="W40653">
        <v>61</v>
      </c>
      <c r="X40653">
        <v>62</v>
      </c>
      <c r="Y40653">
        <v>63</v>
      </c>
      <c r="Z40653">
        <v>64</v>
      </c>
      <c r="AA40653">
        <v>66</v>
      </c>
      <c r="AB40653">
        <v>67</v>
      </c>
      <c r="AC40653">
        <v>68</v>
      </c>
      <c r="AD40653">
        <v>69</v>
      </c>
      <c r="AE40653">
        <v>71</v>
      </c>
      <c r="AF40653">
        <v>72</v>
      </c>
      <c r="AG40653">
        <v>73</v>
      </c>
      <c r="AH40653">
        <v>74</v>
      </c>
      <c r="AI40653">
        <v>76</v>
      </c>
      <c r="AJ40653">
        <v>77</v>
      </c>
      <c r="AK40653">
        <v>79</v>
      </c>
      <c r="AL40653">
        <v>80</v>
      </c>
      <c r="AM40653">
        <v>80</v>
      </c>
      <c r="AN40653">
        <v>81</v>
      </c>
      <c r="AO40653">
        <v>82</v>
      </c>
      <c r="AP40653">
        <v>83</v>
      </c>
      <c r="AQ40653">
        <v>84</v>
      </c>
    </row>
    <row r="40654" spans="1:43">
      <c r="A40654" t="s">
        <v>25117</v>
      </c>
      <c r="B40654" t="s">
        <v>25118</v>
      </c>
      <c r="C40654" t="s">
        <v>21999</v>
      </c>
      <c r="D40654" t="s">
        <v>22000</v>
      </c>
      <c r="E40654" t="s">
        <v>21935</v>
      </c>
      <c r="F40654" t="s">
        <v>21936</v>
      </c>
      <c r="G40654" t="s">
        <v>20255</v>
      </c>
      <c r="H40654" t="s">
        <v>20256</v>
      </c>
      <c r="I40654" s="2">
        <v>1</v>
      </c>
      <c r="J40654" s="2">
        <v>0</v>
      </c>
      <c r="K40654" s="2">
        <v>0</v>
      </c>
      <c r="L40654" t="s">
        <v>120</v>
      </c>
      <c r="M40654" t="s">
        <v>83</v>
      </c>
      <c r="N40654" t="s">
        <v>84</v>
      </c>
      <c r="O40654" t="s">
        <v>85</v>
      </c>
      <c r="P40654" t="s">
        <v>86</v>
      </c>
      <c r="Q40654">
        <v>15</v>
      </c>
      <c r="R40654">
        <v>15</v>
      </c>
      <c r="S40654">
        <v>16</v>
      </c>
      <c r="T40654">
        <v>16</v>
      </c>
      <c r="U40654">
        <v>16</v>
      </c>
      <c r="V40654">
        <v>17</v>
      </c>
      <c r="W40654">
        <v>17</v>
      </c>
      <c r="X40654">
        <v>17</v>
      </c>
      <c r="Y40654">
        <v>18</v>
      </c>
      <c r="Z40654">
        <v>18</v>
      </c>
      <c r="AA40654">
        <v>18</v>
      </c>
      <c r="AB40654">
        <v>19</v>
      </c>
      <c r="AC40654">
        <v>19</v>
      </c>
      <c r="AD40654">
        <v>19</v>
      </c>
      <c r="AE40654">
        <v>20</v>
      </c>
      <c r="AF40654">
        <v>20</v>
      </c>
      <c r="AG40654">
        <v>20</v>
      </c>
      <c r="AH40654">
        <v>21</v>
      </c>
      <c r="AI40654">
        <v>21</v>
      </c>
      <c r="AJ40654">
        <v>22</v>
      </c>
      <c r="AK40654">
        <v>22</v>
      </c>
      <c r="AL40654">
        <v>22</v>
      </c>
      <c r="AM40654">
        <v>22</v>
      </c>
      <c r="AN40654">
        <v>23</v>
      </c>
      <c r="AO40654">
        <v>23</v>
      </c>
      <c r="AP40654">
        <v>23</v>
      </c>
      <c r="AQ40654">
        <v>23</v>
      </c>
    </row>
    <row r="40655" spans="1:43">
      <c r="A40655" t="s">
        <v>25117</v>
      </c>
      <c r="B40655" t="s">
        <v>25118</v>
      </c>
      <c r="C40655" t="s">
        <v>21999</v>
      </c>
      <c r="D40655" t="s">
        <v>22000</v>
      </c>
      <c r="E40655" t="s">
        <v>21935</v>
      </c>
      <c r="F40655" t="s">
        <v>21936</v>
      </c>
      <c r="G40655" t="s">
        <v>20255</v>
      </c>
      <c r="H40655" t="s">
        <v>20256</v>
      </c>
      <c r="I40655" s="2">
        <v>1</v>
      </c>
      <c r="J40655" s="2">
        <v>0</v>
      </c>
      <c r="K40655" s="2">
        <v>0</v>
      </c>
      <c r="L40655" t="s">
        <v>120</v>
      </c>
      <c r="M40655" t="s">
        <v>87</v>
      </c>
      <c r="N40655" t="s">
        <v>88</v>
      </c>
      <c r="O40655" t="s">
        <v>85</v>
      </c>
      <c r="P40655" t="s">
        <v>86</v>
      </c>
      <c r="Q40655">
        <v>15</v>
      </c>
      <c r="R40655">
        <v>15</v>
      </c>
      <c r="S40655">
        <v>15</v>
      </c>
      <c r="T40655">
        <v>16</v>
      </c>
      <c r="U40655">
        <v>16</v>
      </c>
      <c r="V40655">
        <v>16</v>
      </c>
      <c r="W40655">
        <v>16</v>
      </c>
      <c r="X40655">
        <v>16</v>
      </c>
      <c r="Y40655">
        <v>16</v>
      </c>
      <c r="Z40655">
        <v>17</v>
      </c>
      <c r="AA40655">
        <v>17</v>
      </c>
      <c r="AB40655">
        <v>17</v>
      </c>
      <c r="AC40655">
        <v>17</v>
      </c>
      <c r="AD40655">
        <v>17</v>
      </c>
      <c r="AE40655">
        <v>18</v>
      </c>
      <c r="AF40655">
        <v>18</v>
      </c>
      <c r="AG40655">
        <v>18</v>
      </c>
      <c r="AH40655">
        <v>18</v>
      </c>
      <c r="AI40655">
        <v>18</v>
      </c>
      <c r="AJ40655">
        <v>19</v>
      </c>
      <c r="AK40655">
        <v>19</v>
      </c>
      <c r="AL40655">
        <v>19</v>
      </c>
      <c r="AM40655">
        <v>19</v>
      </c>
      <c r="AN40655">
        <v>19</v>
      </c>
      <c r="AO40655">
        <v>20</v>
      </c>
      <c r="AP40655">
        <v>20</v>
      </c>
      <c r="AQ40655">
        <v>20</v>
      </c>
    </row>
    <row r="40656" spans="1:43">
      <c r="A40656" t="s">
        <v>25117</v>
      </c>
      <c r="B40656" t="s">
        <v>25118</v>
      </c>
      <c r="C40656" t="s">
        <v>21999</v>
      </c>
      <c r="D40656" t="s">
        <v>22000</v>
      </c>
      <c r="E40656" t="s">
        <v>21935</v>
      </c>
      <c r="F40656" t="s">
        <v>21936</v>
      </c>
      <c r="G40656" t="s">
        <v>20255</v>
      </c>
      <c r="H40656" t="s">
        <v>20256</v>
      </c>
      <c r="I40656" s="2">
        <v>1</v>
      </c>
      <c r="J40656" s="2">
        <v>0</v>
      </c>
      <c r="K40656" s="2">
        <v>0</v>
      </c>
      <c r="L40656" t="s">
        <v>120</v>
      </c>
      <c r="M40656" t="s">
        <v>89</v>
      </c>
      <c r="N40656" t="s">
        <v>90</v>
      </c>
      <c r="O40656" t="s">
        <v>85</v>
      </c>
      <c r="P40656" t="s">
        <v>86</v>
      </c>
      <c r="Q40656">
        <v>15</v>
      </c>
      <c r="R40656">
        <v>16</v>
      </c>
      <c r="S40656">
        <v>16</v>
      </c>
      <c r="T40656">
        <v>17</v>
      </c>
      <c r="U40656">
        <v>17</v>
      </c>
      <c r="V40656">
        <v>17</v>
      </c>
      <c r="W40656">
        <v>18</v>
      </c>
      <c r="X40656">
        <v>18</v>
      </c>
      <c r="Y40656">
        <v>19</v>
      </c>
      <c r="Z40656">
        <v>19</v>
      </c>
      <c r="AA40656">
        <v>20</v>
      </c>
      <c r="AB40656">
        <v>20</v>
      </c>
      <c r="AC40656">
        <v>20</v>
      </c>
      <c r="AD40656">
        <v>21</v>
      </c>
      <c r="AE40656">
        <v>21</v>
      </c>
      <c r="AF40656">
        <v>21</v>
      </c>
      <c r="AG40656">
        <v>22</v>
      </c>
      <c r="AH40656">
        <v>22</v>
      </c>
      <c r="AI40656">
        <v>22</v>
      </c>
      <c r="AJ40656">
        <v>22</v>
      </c>
      <c r="AK40656">
        <v>22</v>
      </c>
      <c r="AL40656">
        <v>22</v>
      </c>
      <c r="AM40656">
        <v>23</v>
      </c>
      <c r="AN40656">
        <v>23</v>
      </c>
      <c r="AO40656">
        <v>23</v>
      </c>
      <c r="AP40656">
        <v>23</v>
      </c>
      <c r="AQ40656">
        <v>23</v>
      </c>
    </row>
    <row r="40657" spans="1:43">
      <c r="A40657" t="s">
        <v>25117</v>
      </c>
      <c r="B40657" t="s">
        <v>25118</v>
      </c>
      <c r="C40657" t="s">
        <v>21999</v>
      </c>
      <c r="D40657" t="s">
        <v>22000</v>
      </c>
      <c r="E40657" t="s">
        <v>21935</v>
      </c>
      <c r="F40657" t="s">
        <v>21936</v>
      </c>
      <c r="G40657" t="s">
        <v>20255</v>
      </c>
      <c r="H40657" t="s">
        <v>20256</v>
      </c>
      <c r="I40657" s="2">
        <v>1</v>
      </c>
      <c r="J40657" s="2">
        <v>0</v>
      </c>
      <c r="K40657" s="2">
        <v>0</v>
      </c>
      <c r="L40657" t="s">
        <v>120</v>
      </c>
      <c r="M40657" t="s">
        <v>83</v>
      </c>
      <c r="N40657" t="s">
        <v>91</v>
      </c>
      <c r="O40657" t="s">
        <v>85</v>
      </c>
      <c r="P40657" t="s">
        <v>86</v>
      </c>
      <c r="Q40657">
        <v>15</v>
      </c>
      <c r="R40657">
        <v>15</v>
      </c>
      <c r="S40657">
        <v>16</v>
      </c>
      <c r="T40657">
        <v>16</v>
      </c>
      <c r="U40657">
        <v>16</v>
      </c>
      <c r="V40657">
        <v>17</v>
      </c>
      <c r="W40657">
        <v>17</v>
      </c>
      <c r="X40657">
        <v>17</v>
      </c>
      <c r="Y40657">
        <v>18</v>
      </c>
      <c r="Z40657">
        <v>18</v>
      </c>
      <c r="AA40657">
        <v>18</v>
      </c>
      <c r="AB40657">
        <v>19</v>
      </c>
      <c r="AC40657">
        <v>19</v>
      </c>
      <c r="AD40657">
        <v>19</v>
      </c>
      <c r="AE40657">
        <v>20</v>
      </c>
      <c r="AF40657">
        <v>20</v>
      </c>
      <c r="AG40657">
        <v>20</v>
      </c>
      <c r="AH40657">
        <v>21</v>
      </c>
      <c r="AI40657">
        <v>21</v>
      </c>
      <c r="AJ40657">
        <v>22</v>
      </c>
      <c r="AK40657">
        <v>22</v>
      </c>
      <c r="AL40657">
        <v>22</v>
      </c>
      <c r="AM40657">
        <v>22</v>
      </c>
      <c r="AN40657">
        <v>23</v>
      </c>
      <c r="AO40657">
        <v>23</v>
      </c>
      <c r="AP40657">
        <v>23</v>
      </c>
      <c r="AQ40657">
        <v>23</v>
      </c>
    </row>
    <row r="40658" spans="1:43">
      <c r="A40658" t="s">
        <v>25119</v>
      </c>
      <c r="B40658" t="s">
        <v>25120</v>
      </c>
      <c r="C40658" t="s">
        <v>6836</v>
      </c>
      <c r="D40658" t="s">
        <v>6837</v>
      </c>
      <c r="E40658" t="s">
        <v>6594</v>
      </c>
      <c r="F40658" t="s">
        <v>6595</v>
      </c>
      <c r="G40658" t="s">
        <v>80</v>
      </c>
      <c r="H40658" t="s">
        <v>81</v>
      </c>
      <c r="I40658" s="2">
        <v>0</v>
      </c>
      <c r="J40658" s="2">
        <v>1</v>
      </c>
      <c r="K40658" s="2">
        <v>0</v>
      </c>
      <c r="L40658" t="s">
        <v>82</v>
      </c>
      <c r="M40658" t="s">
        <v>83</v>
      </c>
      <c r="N40658" t="s">
        <v>84</v>
      </c>
      <c r="O40658" t="s">
        <v>85</v>
      </c>
      <c r="P40658" t="s">
        <v>86</v>
      </c>
      <c r="Q40658">
        <v>16</v>
      </c>
      <c r="R40658">
        <v>16</v>
      </c>
      <c r="S40658">
        <v>16</v>
      </c>
      <c r="T40658">
        <v>16</v>
      </c>
      <c r="U40658">
        <v>16</v>
      </c>
      <c r="V40658">
        <v>16</v>
      </c>
      <c r="W40658">
        <v>16</v>
      </c>
      <c r="X40658">
        <v>16</v>
      </c>
      <c r="Y40658">
        <v>16</v>
      </c>
      <c r="Z40658">
        <v>16</v>
      </c>
      <c r="AA40658">
        <v>17</v>
      </c>
      <c r="AB40658">
        <v>17</v>
      </c>
      <c r="AC40658">
        <v>17</v>
      </c>
      <c r="AD40658">
        <v>17</v>
      </c>
      <c r="AE40658">
        <v>17</v>
      </c>
      <c r="AF40658">
        <v>17</v>
      </c>
      <c r="AG40658">
        <v>17</v>
      </c>
      <c r="AH40658">
        <v>17</v>
      </c>
      <c r="AI40658">
        <v>17</v>
      </c>
      <c r="AJ40658">
        <v>17</v>
      </c>
      <c r="AK40658">
        <v>17</v>
      </c>
      <c r="AL40658">
        <v>17</v>
      </c>
      <c r="AM40658">
        <v>16</v>
      </c>
      <c r="AN40658">
        <v>16</v>
      </c>
      <c r="AO40658">
        <v>16</v>
      </c>
      <c r="AP40658">
        <v>16</v>
      </c>
      <c r="AQ40658">
        <v>16</v>
      </c>
    </row>
    <row r="40659" spans="1:43">
      <c r="A40659" t="s">
        <v>25119</v>
      </c>
      <c r="B40659" t="s">
        <v>25120</v>
      </c>
      <c r="C40659" t="s">
        <v>6836</v>
      </c>
      <c r="D40659" t="s">
        <v>6837</v>
      </c>
      <c r="E40659" t="s">
        <v>6594</v>
      </c>
      <c r="F40659" t="s">
        <v>6595</v>
      </c>
      <c r="G40659" t="s">
        <v>80</v>
      </c>
      <c r="H40659" t="s">
        <v>81</v>
      </c>
      <c r="I40659" s="2">
        <v>0</v>
      </c>
      <c r="J40659" s="2">
        <v>1</v>
      </c>
      <c r="K40659" s="2">
        <v>0</v>
      </c>
      <c r="L40659" t="s">
        <v>82</v>
      </c>
      <c r="M40659" t="s">
        <v>87</v>
      </c>
      <c r="N40659" t="s">
        <v>88</v>
      </c>
      <c r="O40659" t="s">
        <v>85</v>
      </c>
      <c r="P40659" t="s">
        <v>86</v>
      </c>
      <c r="Q40659">
        <v>16</v>
      </c>
      <c r="R40659">
        <v>16</v>
      </c>
      <c r="S40659">
        <v>15</v>
      </c>
      <c r="T40659">
        <v>15</v>
      </c>
      <c r="U40659">
        <v>15</v>
      </c>
      <c r="V40659">
        <v>15</v>
      </c>
      <c r="W40659">
        <v>15</v>
      </c>
      <c r="X40659">
        <v>15</v>
      </c>
      <c r="Y40659">
        <v>15</v>
      </c>
      <c r="Z40659">
        <v>15</v>
      </c>
      <c r="AA40659">
        <v>15</v>
      </c>
      <c r="AB40659">
        <v>15</v>
      </c>
      <c r="AC40659">
        <v>15</v>
      </c>
      <c r="AD40659">
        <v>15</v>
      </c>
      <c r="AE40659">
        <v>15</v>
      </c>
      <c r="AF40659">
        <v>15</v>
      </c>
      <c r="AG40659">
        <v>15</v>
      </c>
      <c r="AH40659">
        <v>14</v>
      </c>
      <c r="AI40659">
        <v>14</v>
      </c>
      <c r="AJ40659">
        <v>14</v>
      </c>
      <c r="AK40659">
        <v>14</v>
      </c>
      <c r="AL40659">
        <v>14</v>
      </c>
      <c r="AM40659">
        <v>14</v>
      </c>
      <c r="AN40659">
        <v>14</v>
      </c>
      <c r="AO40659">
        <v>14</v>
      </c>
      <c r="AP40659">
        <v>14</v>
      </c>
      <c r="AQ40659">
        <v>14</v>
      </c>
    </row>
    <row r="40660" spans="1:43">
      <c r="A40660" t="s">
        <v>25119</v>
      </c>
      <c r="B40660" t="s">
        <v>25120</v>
      </c>
      <c r="C40660" t="s">
        <v>6836</v>
      </c>
      <c r="D40660" t="s">
        <v>6837</v>
      </c>
      <c r="E40660" t="s">
        <v>6594</v>
      </c>
      <c r="F40660" t="s">
        <v>6595</v>
      </c>
      <c r="G40660" t="s">
        <v>80</v>
      </c>
      <c r="H40660" t="s">
        <v>81</v>
      </c>
      <c r="I40660" s="2">
        <v>0</v>
      </c>
      <c r="J40660" s="2">
        <v>1</v>
      </c>
      <c r="K40660" s="2">
        <v>0</v>
      </c>
      <c r="L40660" t="s">
        <v>82</v>
      </c>
      <c r="M40660" t="s">
        <v>89</v>
      </c>
      <c r="N40660" t="s">
        <v>90</v>
      </c>
      <c r="O40660" t="s">
        <v>85</v>
      </c>
      <c r="P40660" t="s">
        <v>86</v>
      </c>
      <c r="Q40660">
        <v>16</v>
      </c>
      <c r="R40660">
        <v>16</v>
      </c>
      <c r="S40660">
        <v>16</v>
      </c>
      <c r="T40660">
        <v>17</v>
      </c>
      <c r="U40660">
        <v>17</v>
      </c>
      <c r="V40660">
        <v>17</v>
      </c>
      <c r="W40660">
        <v>17</v>
      </c>
      <c r="X40660">
        <v>17</v>
      </c>
      <c r="Y40660">
        <v>17</v>
      </c>
      <c r="Z40660">
        <v>17</v>
      </c>
      <c r="AA40660">
        <v>18</v>
      </c>
      <c r="AB40660">
        <v>18</v>
      </c>
      <c r="AC40660">
        <v>18</v>
      </c>
      <c r="AD40660">
        <v>18</v>
      </c>
      <c r="AE40660">
        <v>18</v>
      </c>
      <c r="AF40660">
        <v>18</v>
      </c>
      <c r="AG40660">
        <v>17</v>
      </c>
      <c r="AH40660">
        <v>17</v>
      </c>
      <c r="AI40660">
        <v>17</v>
      </c>
      <c r="AJ40660">
        <v>17</v>
      </c>
      <c r="AK40660">
        <v>17</v>
      </c>
      <c r="AL40660">
        <v>17</v>
      </c>
      <c r="AM40660">
        <v>17</v>
      </c>
      <c r="AN40660">
        <v>16</v>
      </c>
      <c r="AO40660">
        <v>16</v>
      </c>
      <c r="AP40660">
        <v>16</v>
      </c>
      <c r="AQ40660">
        <v>16</v>
      </c>
    </row>
    <row r="40661" spans="1:43">
      <c r="A40661" t="s">
        <v>25119</v>
      </c>
      <c r="B40661" t="s">
        <v>25120</v>
      </c>
      <c r="C40661" t="s">
        <v>6836</v>
      </c>
      <c r="D40661" t="s">
        <v>6837</v>
      </c>
      <c r="E40661" t="s">
        <v>6594</v>
      </c>
      <c r="F40661" t="s">
        <v>6595</v>
      </c>
      <c r="G40661" t="s">
        <v>80</v>
      </c>
      <c r="H40661" t="s">
        <v>81</v>
      </c>
      <c r="I40661" s="2">
        <v>0</v>
      </c>
      <c r="J40661" s="2">
        <v>1</v>
      </c>
      <c r="K40661" s="2">
        <v>0</v>
      </c>
      <c r="L40661" t="s">
        <v>82</v>
      </c>
      <c r="M40661" t="s">
        <v>83</v>
      </c>
      <c r="N40661" t="s">
        <v>91</v>
      </c>
      <c r="O40661" t="s">
        <v>85</v>
      </c>
      <c r="P40661" t="s">
        <v>86</v>
      </c>
      <c r="Q40661">
        <v>16</v>
      </c>
      <c r="R40661">
        <v>16</v>
      </c>
      <c r="S40661">
        <v>16</v>
      </c>
      <c r="T40661">
        <v>16</v>
      </c>
      <c r="U40661">
        <v>16</v>
      </c>
      <c r="V40661">
        <v>16</v>
      </c>
      <c r="W40661">
        <v>16</v>
      </c>
      <c r="X40661">
        <v>16</v>
      </c>
      <c r="Y40661">
        <v>16</v>
      </c>
      <c r="Z40661">
        <v>16</v>
      </c>
      <c r="AA40661">
        <v>17</v>
      </c>
      <c r="AB40661">
        <v>17</v>
      </c>
      <c r="AC40661">
        <v>17</v>
      </c>
      <c r="AD40661">
        <v>17</v>
      </c>
      <c r="AE40661">
        <v>17</v>
      </c>
      <c r="AF40661">
        <v>17</v>
      </c>
      <c r="AG40661">
        <v>17</v>
      </c>
      <c r="AH40661">
        <v>17</v>
      </c>
      <c r="AI40661">
        <v>17</v>
      </c>
      <c r="AJ40661">
        <v>17</v>
      </c>
      <c r="AK40661">
        <v>17</v>
      </c>
      <c r="AL40661">
        <v>17</v>
      </c>
      <c r="AM40661">
        <v>16</v>
      </c>
      <c r="AN40661">
        <v>16</v>
      </c>
      <c r="AO40661">
        <v>16</v>
      </c>
      <c r="AP40661">
        <v>16</v>
      </c>
      <c r="AQ40661">
        <v>16</v>
      </c>
    </row>
    <row r="40662" spans="1:43">
      <c r="A40662" t="s">
        <v>25121</v>
      </c>
      <c r="B40662" t="s">
        <v>25122</v>
      </c>
      <c r="C40662" t="s">
        <v>6836</v>
      </c>
      <c r="D40662" t="s">
        <v>6837</v>
      </c>
      <c r="E40662" t="s">
        <v>6594</v>
      </c>
      <c r="F40662" t="s">
        <v>6595</v>
      </c>
      <c r="G40662" t="s">
        <v>80</v>
      </c>
      <c r="H40662" t="s">
        <v>81</v>
      </c>
      <c r="I40662" s="2">
        <v>0</v>
      </c>
      <c r="J40662" s="2">
        <v>1</v>
      </c>
      <c r="K40662" s="2">
        <v>0</v>
      </c>
      <c r="L40662" t="s">
        <v>82</v>
      </c>
      <c r="M40662" t="s">
        <v>83</v>
      </c>
      <c r="N40662" t="s">
        <v>84</v>
      </c>
      <c r="O40662" t="s">
        <v>85</v>
      </c>
      <c r="P40662" t="s">
        <v>86</v>
      </c>
      <c r="Q40662">
        <v>19</v>
      </c>
      <c r="R40662">
        <v>19</v>
      </c>
      <c r="S40662">
        <v>19</v>
      </c>
      <c r="T40662">
        <v>19</v>
      </c>
      <c r="U40662">
        <v>20</v>
      </c>
      <c r="V40662">
        <v>20</v>
      </c>
      <c r="W40662">
        <v>20</v>
      </c>
      <c r="X40662">
        <v>20</v>
      </c>
      <c r="Y40662">
        <v>20</v>
      </c>
      <c r="Z40662">
        <v>20</v>
      </c>
      <c r="AA40662">
        <v>20</v>
      </c>
      <c r="AB40662">
        <v>20</v>
      </c>
      <c r="AC40662">
        <v>20</v>
      </c>
      <c r="AD40662">
        <v>20</v>
      </c>
      <c r="AE40662">
        <v>20</v>
      </c>
      <c r="AF40662">
        <v>20</v>
      </c>
      <c r="AG40662">
        <v>20</v>
      </c>
      <c r="AH40662">
        <v>20</v>
      </c>
      <c r="AI40662">
        <v>20</v>
      </c>
      <c r="AJ40662">
        <v>20</v>
      </c>
      <c r="AK40662">
        <v>20</v>
      </c>
      <c r="AL40662">
        <v>20</v>
      </c>
      <c r="AM40662">
        <v>20</v>
      </c>
      <c r="AN40662">
        <v>20</v>
      </c>
      <c r="AO40662">
        <v>20</v>
      </c>
      <c r="AP40662">
        <v>20</v>
      </c>
      <c r="AQ40662">
        <v>19</v>
      </c>
    </row>
    <row r="40663" spans="1:43">
      <c r="A40663" t="s">
        <v>25121</v>
      </c>
      <c r="B40663" t="s">
        <v>25122</v>
      </c>
      <c r="C40663" t="s">
        <v>6836</v>
      </c>
      <c r="D40663" t="s">
        <v>6837</v>
      </c>
      <c r="E40663" t="s">
        <v>6594</v>
      </c>
      <c r="F40663" t="s">
        <v>6595</v>
      </c>
      <c r="G40663" t="s">
        <v>80</v>
      </c>
      <c r="H40663" t="s">
        <v>81</v>
      </c>
      <c r="I40663" s="2">
        <v>0</v>
      </c>
      <c r="J40663" s="2">
        <v>1</v>
      </c>
      <c r="K40663" s="2">
        <v>0</v>
      </c>
      <c r="L40663" t="s">
        <v>82</v>
      </c>
      <c r="M40663" t="s">
        <v>87</v>
      </c>
      <c r="N40663" t="s">
        <v>88</v>
      </c>
      <c r="O40663" t="s">
        <v>85</v>
      </c>
      <c r="P40663" t="s">
        <v>86</v>
      </c>
      <c r="Q40663">
        <v>19</v>
      </c>
      <c r="R40663">
        <v>19</v>
      </c>
      <c r="S40663">
        <v>19</v>
      </c>
      <c r="T40663">
        <v>19</v>
      </c>
      <c r="U40663">
        <v>19</v>
      </c>
      <c r="V40663">
        <v>19</v>
      </c>
      <c r="W40663">
        <v>19</v>
      </c>
      <c r="X40663">
        <v>18</v>
      </c>
      <c r="Y40663">
        <v>18</v>
      </c>
      <c r="Z40663">
        <v>18</v>
      </c>
      <c r="AA40663">
        <v>18</v>
      </c>
      <c r="AB40663">
        <v>18</v>
      </c>
      <c r="AC40663">
        <v>18</v>
      </c>
      <c r="AD40663">
        <v>18</v>
      </c>
      <c r="AE40663">
        <v>18</v>
      </c>
      <c r="AF40663">
        <v>18</v>
      </c>
      <c r="AG40663">
        <v>18</v>
      </c>
      <c r="AH40663">
        <v>18</v>
      </c>
      <c r="AI40663">
        <v>18</v>
      </c>
      <c r="AJ40663">
        <v>17</v>
      </c>
      <c r="AK40663">
        <v>17</v>
      </c>
      <c r="AL40663">
        <v>17</v>
      </c>
      <c r="AM40663">
        <v>17</v>
      </c>
      <c r="AN40663">
        <v>17</v>
      </c>
      <c r="AO40663">
        <v>17</v>
      </c>
      <c r="AP40663">
        <v>17</v>
      </c>
      <c r="AQ40663">
        <v>17</v>
      </c>
    </row>
    <row r="40664" spans="1:43">
      <c r="A40664" t="s">
        <v>25121</v>
      </c>
      <c r="B40664" t="s">
        <v>25122</v>
      </c>
      <c r="C40664" t="s">
        <v>6836</v>
      </c>
      <c r="D40664" t="s">
        <v>6837</v>
      </c>
      <c r="E40664" t="s">
        <v>6594</v>
      </c>
      <c r="F40664" t="s">
        <v>6595</v>
      </c>
      <c r="G40664" t="s">
        <v>80</v>
      </c>
      <c r="H40664" t="s">
        <v>81</v>
      </c>
      <c r="I40664" s="2">
        <v>0</v>
      </c>
      <c r="J40664" s="2">
        <v>1</v>
      </c>
      <c r="K40664" s="2">
        <v>0</v>
      </c>
      <c r="L40664" t="s">
        <v>82</v>
      </c>
      <c r="M40664" t="s">
        <v>89</v>
      </c>
      <c r="N40664" t="s">
        <v>90</v>
      </c>
      <c r="O40664" t="s">
        <v>85</v>
      </c>
      <c r="P40664" t="s">
        <v>86</v>
      </c>
      <c r="Q40664">
        <v>19</v>
      </c>
      <c r="R40664">
        <v>19</v>
      </c>
      <c r="S40664">
        <v>20</v>
      </c>
      <c r="T40664">
        <v>20</v>
      </c>
      <c r="U40664">
        <v>20</v>
      </c>
      <c r="V40664">
        <v>21</v>
      </c>
      <c r="W40664">
        <v>21</v>
      </c>
      <c r="X40664">
        <v>21</v>
      </c>
      <c r="Y40664">
        <v>21</v>
      </c>
      <c r="Z40664">
        <v>21</v>
      </c>
      <c r="AA40664">
        <v>21</v>
      </c>
      <c r="AB40664">
        <v>21</v>
      </c>
      <c r="AC40664">
        <v>22</v>
      </c>
      <c r="AD40664">
        <v>22</v>
      </c>
      <c r="AE40664">
        <v>22</v>
      </c>
      <c r="AF40664">
        <v>21</v>
      </c>
      <c r="AG40664">
        <v>21</v>
      </c>
      <c r="AH40664">
        <v>21</v>
      </c>
      <c r="AI40664">
        <v>21</v>
      </c>
      <c r="AJ40664">
        <v>21</v>
      </c>
      <c r="AK40664">
        <v>21</v>
      </c>
      <c r="AL40664">
        <v>20</v>
      </c>
      <c r="AM40664">
        <v>20</v>
      </c>
      <c r="AN40664">
        <v>20</v>
      </c>
      <c r="AO40664">
        <v>20</v>
      </c>
      <c r="AP40664">
        <v>20</v>
      </c>
      <c r="AQ40664">
        <v>20</v>
      </c>
    </row>
    <row r="40665" spans="1:43">
      <c r="A40665" t="s">
        <v>25121</v>
      </c>
      <c r="B40665" t="s">
        <v>25122</v>
      </c>
      <c r="C40665" t="s">
        <v>6836</v>
      </c>
      <c r="D40665" t="s">
        <v>6837</v>
      </c>
      <c r="E40665" t="s">
        <v>6594</v>
      </c>
      <c r="F40665" t="s">
        <v>6595</v>
      </c>
      <c r="G40665" t="s">
        <v>80</v>
      </c>
      <c r="H40665" t="s">
        <v>81</v>
      </c>
      <c r="I40665" s="2">
        <v>0</v>
      </c>
      <c r="J40665" s="2">
        <v>1</v>
      </c>
      <c r="K40665" s="2">
        <v>0</v>
      </c>
      <c r="L40665" t="s">
        <v>82</v>
      </c>
      <c r="M40665" t="s">
        <v>83</v>
      </c>
      <c r="N40665" t="s">
        <v>91</v>
      </c>
      <c r="O40665" t="s">
        <v>85</v>
      </c>
      <c r="P40665" t="s">
        <v>86</v>
      </c>
      <c r="Q40665">
        <v>19</v>
      </c>
      <c r="R40665">
        <v>19</v>
      </c>
      <c r="S40665">
        <v>19</v>
      </c>
      <c r="T40665">
        <v>19</v>
      </c>
      <c r="U40665">
        <v>20</v>
      </c>
      <c r="V40665">
        <v>20</v>
      </c>
      <c r="W40665">
        <v>20</v>
      </c>
      <c r="X40665">
        <v>20</v>
      </c>
      <c r="Y40665">
        <v>20</v>
      </c>
      <c r="Z40665">
        <v>20</v>
      </c>
      <c r="AA40665">
        <v>20</v>
      </c>
      <c r="AB40665">
        <v>20</v>
      </c>
      <c r="AC40665">
        <v>20</v>
      </c>
      <c r="AD40665">
        <v>20</v>
      </c>
      <c r="AE40665">
        <v>20</v>
      </c>
      <c r="AF40665">
        <v>20</v>
      </c>
      <c r="AG40665">
        <v>20</v>
      </c>
      <c r="AH40665">
        <v>20</v>
      </c>
      <c r="AI40665">
        <v>20</v>
      </c>
      <c r="AJ40665">
        <v>20</v>
      </c>
      <c r="AK40665">
        <v>20</v>
      </c>
      <c r="AL40665">
        <v>20</v>
      </c>
      <c r="AM40665">
        <v>20</v>
      </c>
      <c r="AN40665">
        <v>20</v>
      </c>
      <c r="AO40665">
        <v>20</v>
      </c>
      <c r="AP40665">
        <v>20</v>
      </c>
      <c r="AQ40665">
        <v>19</v>
      </c>
    </row>
    <row r="40666" spans="1:43">
      <c r="A40666" t="s">
        <v>25123</v>
      </c>
      <c r="B40666" t="s">
        <v>25124</v>
      </c>
      <c r="C40666" t="s">
        <v>6646</v>
      </c>
      <c r="D40666" t="s">
        <v>6647</v>
      </c>
      <c r="E40666" t="s">
        <v>6594</v>
      </c>
      <c r="F40666" t="s">
        <v>6595</v>
      </c>
      <c r="G40666" t="s">
        <v>80</v>
      </c>
      <c r="H40666" t="s">
        <v>81</v>
      </c>
      <c r="I40666" s="2">
        <v>0</v>
      </c>
      <c r="J40666" s="2">
        <v>1</v>
      </c>
      <c r="K40666" s="2">
        <v>0</v>
      </c>
      <c r="L40666" t="s">
        <v>82</v>
      </c>
      <c r="M40666" t="s">
        <v>83</v>
      </c>
      <c r="N40666" t="s">
        <v>84</v>
      </c>
      <c r="O40666" t="s">
        <v>85</v>
      </c>
      <c r="P40666" t="s">
        <v>86</v>
      </c>
      <c r="Q40666">
        <v>24</v>
      </c>
      <c r="R40666">
        <v>24</v>
      </c>
      <c r="S40666">
        <v>24</v>
      </c>
      <c r="T40666">
        <v>24</v>
      </c>
      <c r="U40666">
        <v>24</v>
      </c>
      <c r="V40666">
        <v>24</v>
      </c>
      <c r="W40666">
        <v>24</v>
      </c>
      <c r="X40666">
        <v>25</v>
      </c>
      <c r="Y40666">
        <v>25</v>
      </c>
      <c r="Z40666">
        <v>25</v>
      </c>
      <c r="AA40666">
        <v>25</v>
      </c>
      <c r="AB40666">
        <v>25</v>
      </c>
      <c r="AC40666">
        <v>25</v>
      </c>
      <c r="AD40666">
        <v>25</v>
      </c>
      <c r="AE40666">
        <v>25</v>
      </c>
      <c r="AF40666">
        <v>25</v>
      </c>
      <c r="AG40666">
        <v>25</v>
      </c>
      <c r="AH40666">
        <v>25</v>
      </c>
      <c r="AI40666">
        <v>25</v>
      </c>
      <c r="AJ40666">
        <v>25</v>
      </c>
      <c r="AK40666">
        <v>25</v>
      </c>
      <c r="AL40666">
        <v>25</v>
      </c>
      <c r="AM40666">
        <v>25</v>
      </c>
      <c r="AN40666">
        <v>24</v>
      </c>
      <c r="AO40666">
        <v>24</v>
      </c>
      <c r="AP40666">
        <v>24</v>
      </c>
      <c r="AQ40666">
        <v>24</v>
      </c>
    </row>
    <row r="40667" spans="1:43">
      <c r="A40667" t="s">
        <v>25123</v>
      </c>
      <c r="B40667" t="s">
        <v>25124</v>
      </c>
      <c r="C40667" t="s">
        <v>6646</v>
      </c>
      <c r="D40667" t="s">
        <v>6647</v>
      </c>
      <c r="E40667" t="s">
        <v>6594</v>
      </c>
      <c r="F40667" t="s">
        <v>6595</v>
      </c>
      <c r="G40667" t="s">
        <v>80</v>
      </c>
      <c r="H40667" t="s">
        <v>81</v>
      </c>
      <c r="I40667" s="2">
        <v>0</v>
      </c>
      <c r="J40667" s="2">
        <v>1</v>
      </c>
      <c r="K40667" s="2">
        <v>0</v>
      </c>
      <c r="L40667" t="s">
        <v>82</v>
      </c>
      <c r="M40667" t="s">
        <v>87</v>
      </c>
      <c r="N40667" t="s">
        <v>88</v>
      </c>
      <c r="O40667" t="s">
        <v>85</v>
      </c>
      <c r="P40667" t="s">
        <v>86</v>
      </c>
      <c r="Q40667">
        <v>24</v>
      </c>
      <c r="R40667">
        <v>24</v>
      </c>
      <c r="S40667">
        <v>24</v>
      </c>
      <c r="T40667">
        <v>24</v>
      </c>
      <c r="U40667">
        <v>24</v>
      </c>
      <c r="V40667">
        <v>24</v>
      </c>
      <c r="W40667">
        <v>24</v>
      </c>
      <c r="X40667">
        <v>24</v>
      </c>
      <c r="Y40667">
        <v>24</v>
      </c>
      <c r="Z40667">
        <v>24</v>
      </c>
      <c r="AA40667">
        <v>24</v>
      </c>
      <c r="AB40667">
        <v>23</v>
      </c>
      <c r="AC40667">
        <v>23</v>
      </c>
      <c r="AD40667">
        <v>23</v>
      </c>
      <c r="AE40667">
        <v>23</v>
      </c>
      <c r="AF40667">
        <v>23</v>
      </c>
      <c r="AG40667">
        <v>23</v>
      </c>
      <c r="AH40667">
        <v>23</v>
      </c>
      <c r="AI40667">
        <v>23</v>
      </c>
      <c r="AJ40667">
        <v>22</v>
      </c>
      <c r="AK40667">
        <v>22</v>
      </c>
      <c r="AL40667">
        <v>22</v>
      </c>
      <c r="AM40667">
        <v>22</v>
      </c>
      <c r="AN40667">
        <v>22</v>
      </c>
      <c r="AO40667">
        <v>22</v>
      </c>
      <c r="AP40667">
        <v>22</v>
      </c>
      <c r="AQ40667">
        <v>22</v>
      </c>
    </row>
    <row r="40668" spans="1:43">
      <c r="A40668" t="s">
        <v>25123</v>
      </c>
      <c r="B40668" t="s">
        <v>25124</v>
      </c>
      <c r="C40668" t="s">
        <v>6646</v>
      </c>
      <c r="D40668" t="s">
        <v>6647</v>
      </c>
      <c r="E40668" t="s">
        <v>6594</v>
      </c>
      <c r="F40668" t="s">
        <v>6595</v>
      </c>
      <c r="G40668" t="s">
        <v>80</v>
      </c>
      <c r="H40668" t="s">
        <v>81</v>
      </c>
      <c r="I40668" s="2">
        <v>0</v>
      </c>
      <c r="J40668" s="2">
        <v>1</v>
      </c>
      <c r="K40668" s="2">
        <v>0</v>
      </c>
      <c r="L40668" t="s">
        <v>82</v>
      </c>
      <c r="M40668" t="s">
        <v>89</v>
      </c>
      <c r="N40668" t="s">
        <v>90</v>
      </c>
      <c r="O40668" t="s">
        <v>85</v>
      </c>
      <c r="P40668" t="s">
        <v>86</v>
      </c>
      <c r="Q40668">
        <v>24</v>
      </c>
      <c r="R40668">
        <v>24</v>
      </c>
      <c r="S40668">
        <v>25</v>
      </c>
      <c r="T40668">
        <v>25</v>
      </c>
      <c r="U40668">
        <v>25</v>
      </c>
      <c r="V40668">
        <v>25</v>
      </c>
      <c r="W40668">
        <v>26</v>
      </c>
      <c r="X40668">
        <v>26</v>
      </c>
      <c r="Y40668">
        <v>26</v>
      </c>
      <c r="Z40668">
        <v>26</v>
      </c>
      <c r="AA40668">
        <v>26</v>
      </c>
      <c r="AB40668">
        <v>26</v>
      </c>
      <c r="AC40668">
        <v>27</v>
      </c>
      <c r="AD40668">
        <v>27</v>
      </c>
      <c r="AE40668">
        <v>27</v>
      </c>
      <c r="AF40668">
        <v>27</v>
      </c>
      <c r="AG40668">
        <v>26</v>
      </c>
      <c r="AH40668">
        <v>26</v>
      </c>
      <c r="AI40668">
        <v>26</v>
      </c>
      <c r="AJ40668">
        <v>26</v>
      </c>
      <c r="AK40668">
        <v>25</v>
      </c>
      <c r="AL40668">
        <v>25</v>
      </c>
      <c r="AM40668">
        <v>25</v>
      </c>
      <c r="AN40668">
        <v>25</v>
      </c>
      <c r="AO40668">
        <v>25</v>
      </c>
      <c r="AP40668">
        <v>24</v>
      </c>
      <c r="AQ40668">
        <v>24</v>
      </c>
    </row>
    <row r="40669" spans="1:43">
      <c r="A40669" t="s">
        <v>25123</v>
      </c>
      <c r="B40669" t="s">
        <v>25124</v>
      </c>
      <c r="C40669" t="s">
        <v>6646</v>
      </c>
      <c r="D40669" t="s">
        <v>6647</v>
      </c>
      <c r="E40669" t="s">
        <v>6594</v>
      </c>
      <c r="F40669" t="s">
        <v>6595</v>
      </c>
      <c r="G40669" t="s">
        <v>80</v>
      </c>
      <c r="H40669" t="s">
        <v>81</v>
      </c>
      <c r="I40669" s="2">
        <v>0</v>
      </c>
      <c r="J40669" s="2">
        <v>1</v>
      </c>
      <c r="K40669" s="2">
        <v>0</v>
      </c>
      <c r="L40669" t="s">
        <v>82</v>
      </c>
      <c r="M40669" t="s">
        <v>83</v>
      </c>
      <c r="N40669" t="s">
        <v>91</v>
      </c>
      <c r="O40669" t="s">
        <v>85</v>
      </c>
      <c r="P40669" t="s">
        <v>86</v>
      </c>
      <c r="Q40669">
        <v>24</v>
      </c>
      <c r="R40669">
        <v>24</v>
      </c>
      <c r="S40669">
        <v>24</v>
      </c>
      <c r="T40669">
        <v>24</v>
      </c>
      <c r="U40669">
        <v>24</v>
      </c>
      <c r="V40669">
        <v>24</v>
      </c>
      <c r="W40669">
        <v>24</v>
      </c>
      <c r="X40669">
        <v>25</v>
      </c>
      <c r="Y40669">
        <v>25</v>
      </c>
      <c r="Z40669">
        <v>25</v>
      </c>
      <c r="AA40669">
        <v>25</v>
      </c>
      <c r="AB40669">
        <v>25</v>
      </c>
      <c r="AC40669">
        <v>25</v>
      </c>
      <c r="AD40669">
        <v>25</v>
      </c>
      <c r="AE40669">
        <v>25</v>
      </c>
      <c r="AF40669">
        <v>25</v>
      </c>
      <c r="AG40669">
        <v>25</v>
      </c>
      <c r="AH40669">
        <v>25</v>
      </c>
      <c r="AI40669">
        <v>25</v>
      </c>
      <c r="AJ40669">
        <v>25</v>
      </c>
      <c r="AK40669">
        <v>25</v>
      </c>
      <c r="AL40669">
        <v>25</v>
      </c>
      <c r="AM40669">
        <v>25</v>
      </c>
      <c r="AN40669">
        <v>24</v>
      </c>
      <c r="AO40669">
        <v>24</v>
      </c>
      <c r="AP40669">
        <v>24</v>
      </c>
      <c r="AQ40669">
        <v>24</v>
      </c>
    </row>
    <row r="40670" spans="1:43">
      <c r="A40670" t="s">
        <v>25125</v>
      </c>
      <c r="B40670" t="s">
        <v>25126</v>
      </c>
      <c r="C40670" t="s">
        <v>6646</v>
      </c>
      <c r="D40670" t="s">
        <v>6647</v>
      </c>
      <c r="E40670" t="s">
        <v>6594</v>
      </c>
      <c r="F40670" t="s">
        <v>6595</v>
      </c>
      <c r="G40670" t="s">
        <v>80</v>
      </c>
      <c r="H40670" t="s">
        <v>81</v>
      </c>
      <c r="I40670" s="2">
        <v>0</v>
      </c>
      <c r="J40670" s="2">
        <v>1</v>
      </c>
      <c r="K40670" s="2">
        <v>0</v>
      </c>
      <c r="L40670" t="s">
        <v>82</v>
      </c>
      <c r="M40670" t="s">
        <v>83</v>
      </c>
      <c r="N40670" t="s">
        <v>84</v>
      </c>
      <c r="O40670" t="s">
        <v>85</v>
      </c>
      <c r="P40670" t="s">
        <v>86</v>
      </c>
      <c r="Q40670">
        <v>12</v>
      </c>
      <c r="R40670">
        <v>12</v>
      </c>
      <c r="S40670">
        <v>12</v>
      </c>
      <c r="T40670">
        <v>12</v>
      </c>
      <c r="U40670">
        <v>12</v>
      </c>
      <c r="V40670">
        <v>12</v>
      </c>
      <c r="W40670">
        <v>12</v>
      </c>
      <c r="X40670">
        <v>12</v>
      </c>
      <c r="Y40670">
        <v>12</v>
      </c>
      <c r="Z40670">
        <v>12</v>
      </c>
      <c r="AA40670">
        <v>12</v>
      </c>
      <c r="AB40670">
        <v>12</v>
      </c>
      <c r="AC40670">
        <v>12</v>
      </c>
      <c r="AD40670">
        <v>12</v>
      </c>
      <c r="AE40670">
        <v>12</v>
      </c>
      <c r="AF40670">
        <v>12</v>
      </c>
      <c r="AG40670">
        <v>12</v>
      </c>
      <c r="AH40670">
        <v>12</v>
      </c>
      <c r="AI40670">
        <v>12</v>
      </c>
      <c r="AJ40670">
        <v>12</v>
      </c>
      <c r="AK40670">
        <v>12</v>
      </c>
      <c r="AL40670">
        <v>12</v>
      </c>
      <c r="AM40670">
        <v>12</v>
      </c>
      <c r="AN40670">
        <v>12</v>
      </c>
      <c r="AO40670">
        <v>12</v>
      </c>
      <c r="AP40670">
        <v>12</v>
      </c>
      <c r="AQ40670">
        <v>12</v>
      </c>
    </row>
    <row r="40671" spans="1:43">
      <c r="A40671" t="s">
        <v>25125</v>
      </c>
      <c r="B40671" t="s">
        <v>25126</v>
      </c>
      <c r="C40671" t="s">
        <v>6646</v>
      </c>
      <c r="D40671" t="s">
        <v>6647</v>
      </c>
      <c r="E40671" t="s">
        <v>6594</v>
      </c>
      <c r="F40671" t="s">
        <v>6595</v>
      </c>
      <c r="G40671" t="s">
        <v>80</v>
      </c>
      <c r="H40671" t="s">
        <v>81</v>
      </c>
      <c r="I40671" s="2">
        <v>0</v>
      </c>
      <c r="J40671" s="2">
        <v>1</v>
      </c>
      <c r="K40671" s="2">
        <v>0</v>
      </c>
      <c r="L40671" t="s">
        <v>82</v>
      </c>
      <c r="M40671" t="s">
        <v>87</v>
      </c>
      <c r="N40671" t="s">
        <v>88</v>
      </c>
      <c r="O40671" t="s">
        <v>85</v>
      </c>
      <c r="P40671" t="s">
        <v>86</v>
      </c>
      <c r="Q40671">
        <v>12</v>
      </c>
      <c r="R40671">
        <v>12</v>
      </c>
      <c r="S40671">
        <v>12</v>
      </c>
      <c r="T40671">
        <v>12</v>
      </c>
      <c r="U40671">
        <v>12</v>
      </c>
      <c r="V40671">
        <v>11</v>
      </c>
      <c r="W40671">
        <v>11</v>
      </c>
      <c r="X40671">
        <v>11</v>
      </c>
      <c r="Y40671">
        <v>11</v>
      </c>
      <c r="Z40671">
        <v>11</v>
      </c>
      <c r="AA40671">
        <v>11</v>
      </c>
      <c r="AB40671">
        <v>11</v>
      </c>
      <c r="AC40671">
        <v>11</v>
      </c>
      <c r="AD40671">
        <v>11</v>
      </c>
      <c r="AE40671">
        <v>11</v>
      </c>
      <c r="AF40671">
        <v>11</v>
      </c>
      <c r="AG40671">
        <v>11</v>
      </c>
      <c r="AH40671">
        <v>11</v>
      </c>
      <c r="AI40671">
        <v>11</v>
      </c>
      <c r="AJ40671">
        <v>11</v>
      </c>
      <c r="AK40671">
        <v>11</v>
      </c>
      <c r="AL40671">
        <v>11</v>
      </c>
      <c r="AM40671">
        <v>11</v>
      </c>
      <c r="AN40671">
        <v>10</v>
      </c>
      <c r="AO40671">
        <v>10</v>
      </c>
      <c r="AP40671">
        <v>10</v>
      </c>
      <c r="AQ40671">
        <v>10</v>
      </c>
    </row>
    <row r="40672" spans="1:43">
      <c r="A40672" t="s">
        <v>25125</v>
      </c>
      <c r="B40672" t="s">
        <v>25126</v>
      </c>
      <c r="C40672" t="s">
        <v>6646</v>
      </c>
      <c r="D40672" t="s">
        <v>6647</v>
      </c>
      <c r="E40672" t="s">
        <v>6594</v>
      </c>
      <c r="F40672" t="s">
        <v>6595</v>
      </c>
      <c r="G40672" t="s">
        <v>80</v>
      </c>
      <c r="H40672" t="s">
        <v>81</v>
      </c>
      <c r="I40672" s="2">
        <v>0</v>
      </c>
      <c r="J40672" s="2">
        <v>1</v>
      </c>
      <c r="K40672" s="2">
        <v>0</v>
      </c>
      <c r="L40672" t="s">
        <v>82</v>
      </c>
      <c r="M40672" t="s">
        <v>89</v>
      </c>
      <c r="N40672" t="s">
        <v>90</v>
      </c>
      <c r="O40672" t="s">
        <v>85</v>
      </c>
      <c r="P40672" t="s">
        <v>86</v>
      </c>
      <c r="Q40672">
        <v>12</v>
      </c>
      <c r="R40672">
        <v>12</v>
      </c>
      <c r="S40672">
        <v>12</v>
      </c>
      <c r="T40672">
        <v>12</v>
      </c>
      <c r="U40672">
        <v>13</v>
      </c>
      <c r="V40672">
        <v>13</v>
      </c>
      <c r="W40672">
        <v>13</v>
      </c>
      <c r="X40672">
        <v>13</v>
      </c>
      <c r="Y40672">
        <v>13</v>
      </c>
      <c r="Z40672">
        <v>13</v>
      </c>
      <c r="AA40672">
        <v>13</v>
      </c>
      <c r="AB40672">
        <v>13</v>
      </c>
      <c r="AC40672">
        <v>13</v>
      </c>
      <c r="AD40672">
        <v>13</v>
      </c>
      <c r="AE40672">
        <v>13</v>
      </c>
      <c r="AF40672">
        <v>13</v>
      </c>
      <c r="AG40672">
        <v>13</v>
      </c>
      <c r="AH40672">
        <v>13</v>
      </c>
      <c r="AI40672">
        <v>13</v>
      </c>
      <c r="AJ40672">
        <v>13</v>
      </c>
      <c r="AK40672">
        <v>13</v>
      </c>
      <c r="AL40672">
        <v>13</v>
      </c>
      <c r="AM40672">
        <v>12</v>
      </c>
      <c r="AN40672">
        <v>12</v>
      </c>
      <c r="AO40672">
        <v>12</v>
      </c>
      <c r="AP40672">
        <v>12</v>
      </c>
      <c r="AQ40672">
        <v>12</v>
      </c>
    </row>
    <row r="40673" spans="1:43">
      <c r="A40673" t="s">
        <v>25125</v>
      </c>
      <c r="B40673" t="s">
        <v>25126</v>
      </c>
      <c r="C40673" t="s">
        <v>6646</v>
      </c>
      <c r="D40673" t="s">
        <v>6647</v>
      </c>
      <c r="E40673" t="s">
        <v>6594</v>
      </c>
      <c r="F40673" t="s">
        <v>6595</v>
      </c>
      <c r="G40673" t="s">
        <v>80</v>
      </c>
      <c r="H40673" t="s">
        <v>81</v>
      </c>
      <c r="I40673" s="2">
        <v>0</v>
      </c>
      <c r="J40673" s="2">
        <v>1</v>
      </c>
      <c r="K40673" s="2">
        <v>0</v>
      </c>
      <c r="L40673" t="s">
        <v>82</v>
      </c>
      <c r="M40673" t="s">
        <v>83</v>
      </c>
      <c r="N40673" t="s">
        <v>91</v>
      </c>
      <c r="O40673" t="s">
        <v>85</v>
      </c>
      <c r="P40673" t="s">
        <v>86</v>
      </c>
      <c r="Q40673">
        <v>12</v>
      </c>
      <c r="R40673">
        <v>12</v>
      </c>
      <c r="S40673">
        <v>12</v>
      </c>
      <c r="T40673">
        <v>12</v>
      </c>
      <c r="U40673">
        <v>12</v>
      </c>
      <c r="V40673">
        <v>12</v>
      </c>
      <c r="W40673">
        <v>12</v>
      </c>
      <c r="X40673">
        <v>12</v>
      </c>
      <c r="Y40673">
        <v>12</v>
      </c>
      <c r="Z40673">
        <v>12</v>
      </c>
      <c r="AA40673">
        <v>12</v>
      </c>
      <c r="AB40673">
        <v>12</v>
      </c>
      <c r="AC40673">
        <v>12</v>
      </c>
      <c r="AD40673">
        <v>12</v>
      </c>
      <c r="AE40673">
        <v>12</v>
      </c>
      <c r="AF40673">
        <v>12</v>
      </c>
      <c r="AG40673">
        <v>12</v>
      </c>
      <c r="AH40673">
        <v>12</v>
      </c>
      <c r="AI40673">
        <v>12</v>
      </c>
      <c r="AJ40673">
        <v>12</v>
      </c>
      <c r="AK40673">
        <v>12</v>
      </c>
      <c r="AL40673">
        <v>12</v>
      </c>
      <c r="AM40673">
        <v>12</v>
      </c>
      <c r="AN40673">
        <v>12</v>
      </c>
      <c r="AO40673">
        <v>12</v>
      </c>
      <c r="AP40673">
        <v>12</v>
      </c>
      <c r="AQ40673">
        <v>12</v>
      </c>
    </row>
    <row r="40674" spans="1:43">
      <c r="A40674" t="s">
        <v>25127</v>
      </c>
      <c r="B40674" t="s">
        <v>25128</v>
      </c>
      <c r="C40674" t="s">
        <v>6828</v>
      </c>
      <c r="D40674" t="s">
        <v>6829</v>
      </c>
      <c r="E40674" t="s">
        <v>6594</v>
      </c>
      <c r="F40674" t="s">
        <v>6595</v>
      </c>
      <c r="G40674" t="s">
        <v>80</v>
      </c>
      <c r="H40674" t="s">
        <v>81</v>
      </c>
      <c r="I40674" s="2">
        <v>0</v>
      </c>
      <c r="J40674" s="2">
        <v>1</v>
      </c>
      <c r="K40674" s="2">
        <v>0</v>
      </c>
      <c r="L40674" t="s">
        <v>82</v>
      </c>
      <c r="M40674" t="s">
        <v>83</v>
      </c>
      <c r="N40674" t="s">
        <v>84</v>
      </c>
      <c r="O40674" t="s">
        <v>85</v>
      </c>
      <c r="P40674" t="s">
        <v>86</v>
      </c>
      <c r="Q40674">
        <v>138</v>
      </c>
      <c r="R40674">
        <v>139</v>
      </c>
      <c r="S40674">
        <v>140</v>
      </c>
      <c r="T40674">
        <v>141</v>
      </c>
      <c r="U40674">
        <v>141</v>
      </c>
      <c r="V40674">
        <v>142</v>
      </c>
      <c r="W40674">
        <v>143</v>
      </c>
      <c r="X40674">
        <v>143</v>
      </c>
      <c r="Y40674">
        <v>144</v>
      </c>
      <c r="Z40674">
        <v>144</v>
      </c>
      <c r="AA40674">
        <v>145</v>
      </c>
      <c r="AB40674">
        <v>145</v>
      </c>
      <c r="AC40674">
        <v>145</v>
      </c>
      <c r="AD40674">
        <v>146</v>
      </c>
      <c r="AE40674">
        <v>146</v>
      </c>
      <c r="AF40674">
        <v>146</v>
      </c>
      <c r="AG40674">
        <v>146</v>
      </c>
      <c r="AH40674">
        <v>146</v>
      </c>
      <c r="AI40674">
        <v>146</v>
      </c>
      <c r="AJ40674">
        <v>146</v>
      </c>
      <c r="AK40674">
        <v>146</v>
      </c>
      <c r="AL40674">
        <v>145</v>
      </c>
      <c r="AM40674">
        <v>144</v>
      </c>
      <c r="AN40674">
        <v>143</v>
      </c>
      <c r="AO40674">
        <v>142</v>
      </c>
      <c r="AP40674">
        <v>141</v>
      </c>
      <c r="AQ40674">
        <v>140</v>
      </c>
    </row>
    <row r="40675" spans="1:43">
      <c r="A40675" t="s">
        <v>25127</v>
      </c>
      <c r="B40675" t="s">
        <v>25128</v>
      </c>
      <c r="C40675" t="s">
        <v>6828</v>
      </c>
      <c r="D40675" t="s">
        <v>6829</v>
      </c>
      <c r="E40675" t="s">
        <v>6594</v>
      </c>
      <c r="F40675" t="s">
        <v>6595</v>
      </c>
      <c r="G40675" t="s">
        <v>80</v>
      </c>
      <c r="H40675" t="s">
        <v>81</v>
      </c>
      <c r="I40675" s="2">
        <v>0</v>
      </c>
      <c r="J40675" s="2">
        <v>1</v>
      </c>
      <c r="K40675" s="2">
        <v>0</v>
      </c>
      <c r="L40675" t="s">
        <v>82</v>
      </c>
      <c r="M40675" t="s">
        <v>87</v>
      </c>
      <c r="N40675" t="s">
        <v>88</v>
      </c>
      <c r="O40675" t="s">
        <v>85</v>
      </c>
      <c r="P40675" t="s">
        <v>86</v>
      </c>
      <c r="Q40675">
        <v>138</v>
      </c>
      <c r="R40675">
        <v>137</v>
      </c>
      <c r="S40675">
        <v>137</v>
      </c>
      <c r="T40675">
        <v>137</v>
      </c>
      <c r="U40675">
        <v>136</v>
      </c>
      <c r="V40675">
        <v>136</v>
      </c>
      <c r="W40675">
        <v>135</v>
      </c>
      <c r="X40675">
        <v>135</v>
      </c>
      <c r="Y40675">
        <v>134</v>
      </c>
      <c r="Z40675">
        <v>133</v>
      </c>
      <c r="AA40675">
        <v>133</v>
      </c>
      <c r="AB40675">
        <v>132</v>
      </c>
      <c r="AC40675">
        <v>132</v>
      </c>
      <c r="AD40675">
        <v>131</v>
      </c>
      <c r="AE40675">
        <v>130</v>
      </c>
      <c r="AF40675">
        <v>130</v>
      </c>
      <c r="AG40675">
        <v>129</v>
      </c>
      <c r="AH40675">
        <v>128</v>
      </c>
      <c r="AI40675">
        <v>127</v>
      </c>
      <c r="AJ40675">
        <v>127</v>
      </c>
      <c r="AK40675">
        <v>126</v>
      </c>
      <c r="AL40675">
        <v>125</v>
      </c>
      <c r="AM40675">
        <v>125</v>
      </c>
      <c r="AN40675">
        <v>124</v>
      </c>
      <c r="AO40675">
        <v>123</v>
      </c>
      <c r="AP40675">
        <v>123</v>
      </c>
      <c r="AQ40675">
        <v>122</v>
      </c>
    </row>
    <row r="40676" spans="1:43">
      <c r="A40676" t="s">
        <v>25127</v>
      </c>
      <c r="B40676" t="s">
        <v>25128</v>
      </c>
      <c r="C40676" t="s">
        <v>6828</v>
      </c>
      <c r="D40676" t="s">
        <v>6829</v>
      </c>
      <c r="E40676" t="s">
        <v>6594</v>
      </c>
      <c r="F40676" t="s">
        <v>6595</v>
      </c>
      <c r="G40676" t="s">
        <v>80</v>
      </c>
      <c r="H40676" t="s">
        <v>81</v>
      </c>
      <c r="I40676" s="2">
        <v>0</v>
      </c>
      <c r="J40676" s="2">
        <v>1</v>
      </c>
      <c r="K40676" s="2">
        <v>0</v>
      </c>
      <c r="L40676" t="s">
        <v>82</v>
      </c>
      <c r="M40676" t="s">
        <v>89</v>
      </c>
      <c r="N40676" t="s">
        <v>90</v>
      </c>
      <c r="O40676" t="s">
        <v>85</v>
      </c>
      <c r="P40676" t="s">
        <v>86</v>
      </c>
      <c r="Q40676">
        <v>138</v>
      </c>
      <c r="R40676">
        <v>140</v>
      </c>
      <c r="S40676">
        <v>142</v>
      </c>
      <c r="T40676">
        <v>144</v>
      </c>
      <c r="U40676">
        <v>146</v>
      </c>
      <c r="V40676">
        <v>148</v>
      </c>
      <c r="W40676">
        <v>149</v>
      </c>
      <c r="X40676">
        <v>150</v>
      </c>
      <c r="Y40676">
        <v>151</v>
      </c>
      <c r="Z40676">
        <v>152</v>
      </c>
      <c r="AA40676">
        <v>153</v>
      </c>
      <c r="AB40676">
        <v>154</v>
      </c>
      <c r="AC40676">
        <v>155</v>
      </c>
      <c r="AD40676">
        <v>155</v>
      </c>
      <c r="AE40676">
        <v>155</v>
      </c>
      <c r="AF40676">
        <v>154</v>
      </c>
      <c r="AG40676">
        <v>153</v>
      </c>
      <c r="AH40676">
        <v>151</v>
      </c>
      <c r="AI40676">
        <v>150</v>
      </c>
      <c r="AJ40676">
        <v>149</v>
      </c>
      <c r="AK40676">
        <v>148</v>
      </c>
      <c r="AL40676">
        <v>146</v>
      </c>
      <c r="AM40676">
        <v>145</v>
      </c>
      <c r="AN40676">
        <v>144</v>
      </c>
      <c r="AO40676">
        <v>143</v>
      </c>
      <c r="AP40676">
        <v>142</v>
      </c>
      <c r="AQ40676">
        <v>140</v>
      </c>
    </row>
    <row r="40677" spans="1:43">
      <c r="A40677" t="s">
        <v>25127</v>
      </c>
      <c r="B40677" t="s">
        <v>25128</v>
      </c>
      <c r="C40677" t="s">
        <v>6828</v>
      </c>
      <c r="D40677" t="s">
        <v>6829</v>
      </c>
      <c r="E40677" t="s">
        <v>6594</v>
      </c>
      <c r="F40677" t="s">
        <v>6595</v>
      </c>
      <c r="G40677" t="s">
        <v>80</v>
      </c>
      <c r="H40677" t="s">
        <v>81</v>
      </c>
      <c r="I40677" s="2">
        <v>0</v>
      </c>
      <c r="J40677" s="2">
        <v>1</v>
      </c>
      <c r="K40677" s="2">
        <v>0</v>
      </c>
      <c r="L40677" t="s">
        <v>82</v>
      </c>
      <c r="M40677" t="s">
        <v>83</v>
      </c>
      <c r="N40677" t="s">
        <v>91</v>
      </c>
      <c r="O40677" t="s">
        <v>85</v>
      </c>
      <c r="P40677" t="s">
        <v>86</v>
      </c>
      <c r="Q40677">
        <v>138</v>
      </c>
      <c r="R40677">
        <v>139</v>
      </c>
      <c r="S40677">
        <v>140</v>
      </c>
      <c r="T40677">
        <v>141</v>
      </c>
      <c r="U40677">
        <v>141</v>
      </c>
      <c r="V40677">
        <v>142</v>
      </c>
      <c r="W40677">
        <v>143</v>
      </c>
      <c r="X40677">
        <v>143</v>
      </c>
      <c r="Y40677">
        <v>144</v>
      </c>
      <c r="Z40677">
        <v>144</v>
      </c>
      <c r="AA40677">
        <v>145</v>
      </c>
      <c r="AB40677">
        <v>145</v>
      </c>
      <c r="AC40677">
        <v>145</v>
      </c>
      <c r="AD40677">
        <v>146</v>
      </c>
      <c r="AE40677">
        <v>146</v>
      </c>
      <c r="AF40677">
        <v>146</v>
      </c>
      <c r="AG40677">
        <v>146</v>
      </c>
      <c r="AH40677">
        <v>146</v>
      </c>
      <c r="AI40677">
        <v>146</v>
      </c>
      <c r="AJ40677">
        <v>146</v>
      </c>
      <c r="AK40677">
        <v>146</v>
      </c>
      <c r="AL40677">
        <v>145</v>
      </c>
      <c r="AM40677">
        <v>144</v>
      </c>
      <c r="AN40677">
        <v>143</v>
      </c>
      <c r="AO40677">
        <v>142</v>
      </c>
      <c r="AP40677">
        <v>141</v>
      </c>
      <c r="AQ40677">
        <v>140</v>
      </c>
    </row>
    <row r="40678" spans="1:43">
      <c r="A40678" t="s">
        <v>25129</v>
      </c>
      <c r="B40678" t="s">
        <v>25130</v>
      </c>
      <c r="C40678" t="s">
        <v>11868</v>
      </c>
      <c r="D40678" t="s">
        <v>11869</v>
      </c>
      <c r="E40678" t="s">
        <v>11610</v>
      </c>
      <c r="F40678" t="s">
        <v>11611</v>
      </c>
      <c r="G40678" t="s">
        <v>11612</v>
      </c>
      <c r="H40678" t="s">
        <v>11613</v>
      </c>
      <c r="I40678" s="2">
        <v>0</v>
      </c>
      <c r="J40678" s="2">
        <v>0</v>
      </c>
      <c r="K40678" s="2">
        <v>1</v>
      </c>
      <c r="L40678" t="s">
        <v>995</v>
      </c>
      <c r="M40678" t="s">
        <v>83</v>
      </c>
      <c r="N40678" t="s">
        <v>84</v>
      </c>
      <c r="O40678" t="s">
        <v>85</v>
      </c>
      <c r="P40678" t="s">
        <v>86</v>
      </c>
      <c r="Q40678">
        <v>73</v>
      </c>
      <c r="R40678">
        <v>74</v>
      </c>
      <c r="S40678">
        <v>75</v>
      </c>
      <c r="T40678">
        <v>76</v>
      </c>
      <c r="U40678">
        <v>77</v>
      </c>
      <c r="V40678">
        <v>78</v>
      </c>
      <c r="W40678">
        <v>79</v>
      </c>
      <c r="X40678">
        <v>80</v>
      </c>
      <c r="Y40678">
        <v>81</v>
      </c>
      <c r="Z40678">
        <v>82</v>
      </c>
      <c r="AA40678">
        <v>83</v>
      </c>
      <c r="AB40678">
        <v>84</v>
      </c>
      <c r="AC40678">
        <v>85</v>
      </c>
      <c r="AD40678">
        <v>86</v>
      </c>
      <c r="AE40678">
        <v>87</v>
      </c>
      <c r="AF40678">
        <v>88</v>
      </c>
      <c r="AG40678">
        <v>88</v>
      </c>
      <c r="AH40678">
        <v>89</v>
      </c>
      <c r="AI40678">
        <v>90</v>
      </c>
      <c r="AJ40678">
        <v>91</v>
      </c>
      <c r="AK40678">
        <v>92</v>
      </c>
      <c r="AL40678">
        <v>93</v>
      </c>
      <c r="AM40678">
        <v>93</v>
      </c>
      <c r="AN40678">
        <v>93</v>
      </c>
      <c r="AO40678">
        <v>93</v>
      </c>
      <c r="AP40678">
        <v>93</v>
      </c>
      <c r="AQ40678">
        <v>93</v>
      </c>
    </row>
    <row r="40679" spans="1:43">
      <c r="A40679" t="s">
        <v>25129</v>
      </c>
      <c r="B40679" t="s">
        <v>25130</v>
      </c>
      <c r="C40679" t="s">
        <v>11868</v>
      </c>
      <c r="D40679" t="s">
        <v>11869</v>
      </c>
      <c r="E40679" t="s">
        <v>11610</v>
      </c>
      <c r="F40679" t="s">
        <v>11611</v>
      </c>
      <c r="G40679" t="s">
        <v>11612</v>
      </c>
      <c r="H40679" t="s">
        <v>11613</v>
      </c>
      <c r="I40679" s="2">
        <v>0</v>
      </c>
      <c r="J40679" s="2">
        <v>0</v>
      </c>
      <c r="K40679" s="2">
        <v>1</v>
      </c>
      <c r="L40679" t="s">
        <v>995</v>
      </c>
      <c r="M40679" t="s">
        <v>87</v>
      </c>
      <c r="N40679" t="s">
        <v>88</v>
      </c>
      <c r="O40679" t="s">
        <v>85</v>
      </c>
      <c r="P40679" t="s">
        <v>86</v>
      </c>
      <c r="Q40679">
        <v>73</v>
      </c>
      <c r="R40679">
        <v>74</v>
      </c>
      <c r="S40679">
        <v>74</v>
      </c>
      <c r="T40679">
        <v>74</v>
      </c>
      <c r="U40679">
        <v>75</v>
      </c>
      <c r="V40679">
        <v>75</v>
      </c>
      <c r="W40679">
        <v>75</v>
      </c>
      <c r="X40679">
        <v>75</v>
      </c>
      <c r="Y40679">
        <v>76</v>
      </c>
      <c r="Z40679">
        <v>76</v>
      </c>
      <c r="AA40679">
        <v>76</v>
      </c>
      <c r="AB40679">
        <v>77</v>
      </c>
      <c r="AC40679">
        <v>77</v>
      </c>
      <c r="AD40679">
        <v>77</v>
      </c>
      <c r="AE40679">
        <v>78</v>
      </c>
      <c r="AF40679">
        <v>78</v>
      </c>
      <c r="AG40679">
        <v>78</v>
      </c>
      <c r="AH40679">
        <v>79</v>
      </c>
      <c r="AI40679">
        <v>79</v>
      </c>
      <c r="AJ40679">
        <v>79</v>
      </c>
      <c r="AK40679">
        <v>79</v>
      </c>
      <c r="AL40679">
        <v>80</v>
      </c>
      <c r="AM40679">
        <v>80</v>
      </c>
      <c r="AN40679">
        <v>80</v>
      </c>
      <c r="AO40679">
        <v>81</v>
      </c>
      <c r="AP40679">
        <v>81</v>
      </c>
      <c r="AQ40679">
        <v>81</v>
      </c>
    </row>
    <row r="40680" spans="1:43">
      <c r="A40680" t="s">
        <v>25129</v>
      </c>
      <c r="B40680" t="s">
        <v>25130</v>
      </c>
      <c r="C40680" t="s">
        <v>11868</v>
      </c>
      <c r="D40680" t="s">
        <v>11869</v>
      </c>
      <c r="E40680" t="s">
        <v>11610</v>
      </c>
      <c r="F40680" t="s">
        <v>11611</v>
      </c>
      <c r="G40680" t="s">
        <v>11612</v>
      </c>
      <c r="H40680" t="s">
        <v>11613</v>
      </c>
      <c r="I40680" s="2">
        <v>0</v>
      </c>
      <c r="J40680" s="2">
        <v>0</v>
      </c>
      <c r="K40680" s="2">
        <v>1</v>
      </c>
      <c r="L40680" t="s">
        <v>995</v>
      </c>
      <c r="M40680" t="s">
        <v>89</v>
      </c>
      <c r="N40680" t="s">
        <v>90</v>
      </c>
      <c r="O40680" t="s">
        <v>85</v>
      </c>
      <c r="P40680" t="s">
        <v>86</v>
      </c>
      <c r="Q40680">
        <v>73</v>
      </c>
      <c r="R40680">
        <v>74</v>
      </c>
      <c r="S40680">
        <v>76</v>
      </c>
      <c r="T40680">
        <v>77</v>
      </c>
      <c r="U40680">
        <v>79</v>
      </c>
      <c r="V40680">
        <v>80</v>
      </c>
      <c r="W40680">
        <v>82</v>
      </c>
      <c r="X40680">
        <v>83</v>
      </c>
      <c r="Y40680">
        <v>85</v>
      </c>
      <c r="Z40680">
        <v>86</v>
      </c>
      <c r="AA40680">
        <v>87</v>
      </c>
      <c r="AB40680">
        <v>89</v>
      </c>
      <c r="AC40680">
        <v>90</v>
      </c>
      <c r="AD40680">
        <v>91</v>
      </c>
      <c r="AE40680">
        <v>92</v>
      </c>
      <c r="AF40680">
        <v>92</v>
      </c>
      <c r="AG40680">
        <v>92</v>
      </c>
      <c r="AH40680">
        <v>92</v>
      </c>
      <c r="AI40680">
        <v>93</v>
      </c>
      <c r="AJ40680">
        <v>93</v>
      </c>
      <c r="AK40680">
        <v>93</v>
      </c>
      <c r="AL40680">
        <v>93</v>
      </c>
      <c r="AM40680">
        <v>93</v>
      </c>
      <c r="AN40680">
        <v>93</v>
      </c>
      <c r="AO40680">
        <v>93</v>
      </c>
      <c r="AP40680">
        <v>93</v>
      </c>
      <c r="AQ40680">
        <v>93</v>
      </c>
    </row>
    <row r="40681" spans="1:43">
      <c r="A40681" t="s">
        <v>25129</v>
      </c>
      <c r="B40681" t="s">
        <v>25130</v>
      </c>
      <c r="C40681" t="s">
        <v>11868</v>
      </c>
      <c r="D40681" t="s">
        <v>11869</v>
      </c>
      <c r="E40681" t="s">
        <v>11610</v>
      </c>
      <c r="F40681" t="s">
        <v>11611</v>
      </c>
      <c r="G40681" t="s">
        <v>11612</v>
      </c>
      <c r="H40681" t="s">
        <v>11613</v>
      </c>
      <c r="I40681" s="2">
        <v>0</v>
      </c>
      <c r="J40681" s="2">
        <v>0</v>
      </c>
      <c r="K40681" s="2">
        <v>1</v>
      </c>
      <c r="L40681" t="s">
        <v>995</v>
      </c>
      <c r="M40681" t="s">
        <v>83</v>
      </c>
      <c r="N40681" t="s">
        <v>91</v>
      </c>
      <c r="O40681" t="s">
        <v>85</v>
      </c>
      <c r="P40681" t="s">
        <v>86</v>
      </c>
      <c r="Q40681">
        <v>73</v>
      </c>
      <c r="R40681">
        <v>74</v>
      </c>
      <c r="S40681">
        <v>75</v>
      </c>
      <c r="T40681">
        <v>76</v>
      </c>
      <c r="U40681">
        <v>77</v>
      </c>
      <c r="V40681">
        <v>78</v>
      </c>
      <c r="W40681">
        <v>79</v>
      </c>
      <c r="X40681">
        <v>80</v>
      </c>
      <c r="Y40681">
        <v>81</v>
      </c>
      <c r="Z40681">
        <v>82</v>
      </c>
      <c r="AA40681">
        <v>83</v>
      </c>
      <c r="AB40681">
        <v>84</v>
      </c>
      <c r="AC40681">
        <v>85</v>
      </c>
      <c r="AD40681">
        <v>86</v>
      </c>
      <c r="AE40681">
        <v>87</v>
      </c>
      <c r="AF40681">
        <v>88</v>
      </c>
      <c r="AG40681">
        <v>88</v>
      </c>
      <c r="AH40681">
        <v>89</v>
      </c>
      <c r="AI40681">
        <v>90</v>
      </c>
      <c r="AJ40681">
        <v>91</v>
      </c>
      <c r="AK40681">
        <v>92</v>
      </c>
      <c r="AL40681">
        <v>93</v>
      </c>
      <c r="AM40681">
        <v>93</v>
      </c>
      <c r="AN40681">
        <v>93</v>
      </c>
      <c r="AO40681">
        <v>93</v>
      </c>
      <c r="AP40681">
        <v>93</v>
      </c>
      <c r="AQ40681">
        <v>93</v>
      </c>
    </row>
    <row r="40682" spans="1:43">
      <c r="A40682" t="s">
        <v>25131</v>
      </c>
      <c r="B40682" t="s">
        <v>25132</v>
      </c>
      <c r="C40682" t="s">
        <v>11868</v>
      </c>
      <c r="D40682" t="s">
        <v>11869</v>
      </c>
      <c r="E40682" t="s">
        <v>11610</v>
      </c>
      <c r="F40682" t="s">
        <v>11611</v>
      </c>
      <c r="G40682" t="s">
        <v>11612</v>
      </c>
      <c r="H40682" t="s">
        <v>11613</v>
      </c>
      <c r="I40682" s="2">
        <v>0</v>
      </c>
      <c r="J40682" s="2">
        <v>0</v>
      </c>
      <c r="K40682" s="2">
        <v>1</v>
      </c>
      <c r="L40682" t="s">
        <v>995</v>
      </c>
      <c r="M40682" t="s">
        <v>83</v>
      </c>
      <c r="N40682" t="s">
        <v>84</v>
      </c>
      <c r="O40682" t="s">
        <v>85</v>
      </c>
      <c r="P40682" t="s">
        <v>86</v>
      </c>
      <c r="Q40682">
        <v>45</v>
      </c>
      <c r="R40682">
        <v>45</v>
      </c>
      <c r="S40682">
        <v>46</v>
      </c>
      <c r="T40682">
        <v>47</v>
      </c>
      <c r="U40682">
        <v>47</v>
      </c>
      <c r="V40682">
        <v>48</v>
      </c>
      <c r="W40682">
        <v>48</v>
      </c>
      <c r="X40682">
        <v>49</v>
      </c>
      <c r="Y40682">
        <v>50</v>
      </c>
      <c r="Z40682">
        <v>50</v>
      </c>
      <c r="AA40682">
        <v>51</v>
      </c>
      <c r="AB40682">
        <v>51</v>
      </c>
      <c r="AC40682">
        <v>52</v>
      </c>
      <c r="AD40682">
        <v>53</v>
      </c>
      <c r="AE40682">
        <v>53</v>
      </c>
      <c r="AF40682">
        <v>54</v>
      </c>
      <c r="AG40682">
        <v>54</v>
      </c>
      <c r="AH40682">
        <v>55</v>
      </c>
      <c r="AI40682">
        <v>55</v>
      </c>
      <c r="AJ40682">
        <v>56</v>
      </c>
      <c r="AK40682">
        <v>57</v>
      </c>
      <c r="AL40682">
        <v>57</v>
      </c>
      <c r="AM40682">
        <v>57</v>
      </c>
      <c r="AN40682">
        <v>57</v>
      </c>
      <c r="AO40682">
        <v>57</v>
      </c>
      <c r="AP40682">
        <v>57</v>
      </c>
      <c r="AQ40682">
        <v>57</v>
      </c>
    </row>
    <row r="40683" spans="1:43">
      <c r="A40683" t="s">
        <v>25131</v>
      </c>
      <c r="B40683" t="s">
        <v>25132</v>
      </c>
      <c r="C40683" t="s">
        <v>11868</v>
      </c>
      <c r="D40683" t="s">
        <v>11869</v>
      </c>
      <c r="E40683" t="s">
        <v>11610</v>
      </c>
      <c r="F40683" t="s">
        <v>11611</v>
      </c>
      <c r="G40683" t="s">
        <v>11612</v>
      </c>
      <c r="H40683" t="s">
        <v>11613</v>
      </c>
      <c r="I40683" s="2">
        <v>0</v>
      </c>
      <c r="J40683" s="2">
        <v>0</v>
      </c>
      <c r="K40683" s="2">
        <v>1</v>
      </c>
      <c r="L40683" t="s">
        <v>995</v>
      </c>
      <c r="M40683" t="s">
        <v>87</v>
      </c>
      <c r="N40683" t="s">
        <v>88</v>
      </c>
      <c r="O40683" t="s">
        <v>85</v>
      </c>
      <c r="P40683" t="s">
        <v>86</v>
      </c>
      <c r="Q40683">
        <v>45</v>
      </c>
      <c r="R40683">
        <v>46</v>
      </c>
      <c r="S40683">
        <v>46</v>
      </c>
      <c r="T40683">
        <v>46</v>
      </c>
      <c r="U40683">
        <v>46</v>
      </c>
      <c r="V40683">
        <v>46</v>
      </c>
      <c r="W40683">
        <v>47</v>
      </c>
      <c r="X40683">
        <v>47</v>
      </c>
      <c r="Y40683">
        <v>47</v>
      </c>
      <c r="Z40683">
        <v>47</v>
      </c>
      <c r="AA40683">
        <v>47</v>
      </c>
      <c r="AB40683">
        <v>47</v>
      </c>
      <c r="AC40683">
        <v>48</v>
      </c>
      <c r="AD40683">
        <v>48</v>
      </c>
      <c r="AE40683">
        <v>48</v>
      </c>
      <c r="AF40683">
        <v>48</v>
      </c>
      <c r="AG40683">
        <v>48</v>
      </c>
      <c r="AH40683">
        <v>49</v>
      </c>
      <c r="AI40683">
        <v>49</v>
      </c>
      <c r="AJ40683">
        <v>49</v>
      </c>
      <c r="AK40683">
        <v>49</v>
      </c>
      <c r="AL40683">
        <v>49</v>
      </c>
      <c r="AM40683">
        <v>50</v>
      </c>
      <c r="AN40683">
        <v>50</v>
      </c>
      <c r="AO40683">
        <v>50</v>
      </c>
      <c r="AP40683">
        <v>50</v>
      </c>
      <c r="AQ40683">
        <v>50</v>
      </c>
    </row>
    <row r="40684" spans="1:43">
      <c r="A40684" t="s">
        <v>25131</v>
      </c>
      <c r="B40684" t="s">
        <v>25132</v>
      </c>
      <c r="C40684" t="s">
        <v>11868</v>
      </c>
      <c r="D40684" t="s">
        <v>11869</v>
      </c>
      <c r="E40684" t="s">
        <v>11610</v>
      </c>
      <c r="F40684" t="s">
        <v>11611</v>
      </c>
      <c r="G40684" t="s">
        <v>11612</v>
      </c>
      <c r="H40684" t="s">
        <v>11613</v>
      </c>
      <c r="I40684" s="2">
        <v>0</v>
      </c>
      <c r="J40684" s="2">
        <v>0</v>
      </c>
      <c r="K40684" s="2">
        <v>1</v>
      </c>
      <c r="L40684" t="s">
        <v>995</v>
      </c>
      <c r="M40684" t="s">
        <v>89</v>
      </c>
      <c r="N40684" t="s">
        <v>90</v>
      </c>
      <c r="O40684" t="s">
        <v>85</v>
      </c>
      <c r="P40684" t="s">
        <v>86</v>
      </c>
      <c r="Q40684">
        <v>45</v>
      </c>
      <c r="R40684">
        <v>46</v>
      </c>
      <c r="S40684">
        <v>47</v>
      </c>
      <c r="T40684">
        <v>48</v>
      </c>
      <c r="U40684">
        <v>49</v>
      </c>
      <c r="V40684">
        <v>50</v>
      </c>
      <c r="W40684">
        <v>51</v>
      </c>
      <c r="X40684">
        <v>52</v>
      </c>
      <c r="Y40684">
        <v>53</v>
      </c>
      <c r="Z40684">
        <v>53</v>
      </c>
      <c r="AA40684">
        <v>54</v>
      </c>
      <c r="AB40684">
        <v>55</v>
      </c>
      <c r="AC40684">
        <v>56</v>
      </c>
      <c r="AD40684">
        <v>57</v>
      </c>
      <c r="AE40684">
        <v>57</v>
      </c>
      <c r="AF40684">
        <v>57</v>
      </c>
      <c r="AG40684">
        <v>57</v>
      </c>
      <c r="AH40684">
        <v>57</v>
      </c>
      <c r="AI40684">
        <v>57</v>
      </c>
      <c r="AJ40684">
        <v>57</v>
      </c>
      <c r="AK40684">
        <v>57</v>
      </c>
      <c r="AL40684">
        <v>57</v>
      </c>
      <c r="AM40684">
        <v>57</v>
      </c>
      <c r="AN40684">
        <v>57</v>
      </c>
      <c r="AO40684">
        <v>57</v>
      </c>
      <c r="AP40684">
        <v>58</v>
      </c>
      <c r="AQ40684">
        <v>58</v>
      </c>
    </row>
    <row r="40685" spans="1:43">
      <c r="A40685" t="s">
        <v>25131</v>
      </c>
      <c r="B40685" t="s">
        <v>25132</v>
      </c>
      <c r="C40685" t="s">
        <v>11868</v>
      </c>
      <c r="D40685" t="s">
        <v>11869</v>
      </c>
      <c r="E40685" t="s">
        <v>11610</v>
      </c>
      <c r="F40685" t="s">
        <v>11611</v>
      </c>
      <c r="G40685" t="s">
        <v>11612</v>
      </c>
      <c r="H40685" t="s">
        <v>11613</v>
      </c>
      <c r="I40685" s="2">
        <v>0</v>
      </c>
      <c r="J40685" s="2">
        <v>0</v>
      </c>
      <c r="K40685" s="2">
        <v>1</v>
      </c>
      <c r="L40685" t="s">
        <v>995</v>
      </c>
      <c r="M40685" t="s">
        <v>83</v>
      </c>
      <c r="N40685" t="s">
        <v>91</v>
      </c>
      <c r="O40685" t="s">
        <v>85</v>
      </c>
      <c r="P40685" t="s">
        <v>86</v>
      </c>
      <c r="Q40685">
        <v>45</v>
      </c>
      <c r="R40685">
        <v>45</v>
      </c>
      <c r="S40685">
        <v>46</v>
      </c>
      <c r="T40685">
        <v>47</v>
      </c>
      <c r="U40685">
        <v>47</v>
      </c>
      <c r="V40685">
        <v>48</v>
      </c>
      <c r="W40685">
        <v>48</v>
      </c>
      <c r="X40685">
        <v>49</v>
      </c>
      <c r="Y40685">
        <v>50</v>
      </c>
      <c r="Z40685">
        <v>50</v>
      </c>
      <c r="AA40685">
        <v>51</v>
      </c>
      <c r="AB40685">
        <v>51</v>
      </c>
      <c r="AC40685">
        <v>52</v>
      </c>
      <c r="AD40685">
        <v>53</v>
      </c>
      <c r="AE40685">
        <v>53</v>
      </c>
      <c r="AF40685">
        <v>54</v>
      </c>
      <c r="AG40685">
        <v>54</v>
      </c>
      <c r="AH40685">
        <v>55</v>
      </c>
      <c r="AI40685">
        <v>55</v>
      </c>
      <c r="AJ40685">
        <v>56</v>
      </c>
      <c r="AK40685">
        <v>57</v>
      </c>
      <c r="AL40685">
        <v>57</v>
      </c>
      <c r="AM40685">
        <v>57</v>
      </c>
      <c r="AN40685">
        <v>57</v>
      </c>
      <c r="AO40685">
        <v>57</v>
      </c>
      <c r="AP40685">
        <v>57</v>
      </c>
      <c r="AQ40685">
        <v>57</v>
      </c>
    </row>
    <row r="40686" spans="1:43">
      <c r="A40686" t="s">
        <v>25133</v>
      </c>
      <c r="B40686" t="s">
        <v>25134</v>
      </c>
      <c r="C40686" t="s">
        <v>6828</v>
      </c>
      <c r="D40686" t="s">
        <v>6829</v>
      </c>
      <c r="E40686" t="s">
        <v>6594</v>
      </c>
      <c r="F40686" t="s">
        <v>6595</v>
      </c>
      <c r="G40686" t="s">
        <v>80</v>
      </c>
      <c r="H40686" t="s">
        <v>81</v>
      </c>
      <c r="I40686" s="2">
        <v>0</v>
      </c>
      <c r="J40686" s="2">
        <v>1</v>
      </c>
      <c r="K40686" s="2">
        <v>0</v>
      </c>
      <c r="L40686" t="s">
        <v>82</v>
      </c>
      <c r="M40686" t="s">
        <v>83</v>
      </c>
      <c r="N40686" t="s">
        <v>84</v>
      </c>
      <c r="O40686" t="s">
        <v>85</v>
      </c>
      <c r="P40686" t="s">
        <v>86</v>
      </c>
      <c r="Q40686">
        <v>66</v>
      </c>
      <c r="R40686">
        <v>66</v>
      </c>
      <c r="S40686">
        <v>67</v>
      </c>
      <c r="T40686">
        <v>67</v>
      </c>
      <c r="U40686">
        <v>67</v>
      </c>
      <c r="V40686">
        <v>68</v>
      </c>
      <c r="W40686">
        <v>68</v>
      </c>
      <c r="X40686">
        <v>68</v>
      </c>
      <c r="Y40686">
        <v>69</v>
      </c>
      <c r="Z40686">
        <v>69</v>
      </c>
      <c r="AA40686">
        <v>69</v>
      </c>
      <c r="AB40686">
        <v>69</v>
      </c>
      <c r="AC40686">
        <v>70</v>
      </c>
      <c r="AD40686">
        <v>70</v>
      </c>
      <c r="AE40686">
        <v>70</v>
      </c>
      <c r="AF40686">
        <v>70</v>
      </c>
      <c r="AG40686">
        <v>70</v>
      </c>
      <c r="AH40686">
        <v>70</v>
      </c>
      <c r="AI40686">
        <v>70</v>
      </c>
      <c r="AJ40686">
        <v>70</v>
      </c>
      <c r="AK40686">
        <v>70</v>
      </c>
      <c r="AL40686">
        <v>70</v>
      </c>
      <c r="AM40686">
        <v>69</v>
      </c>
      <c r="AN40686">
        <v>69</v>
      </c>
      <c r="AO40686">
        <v>68</v>
      </c>
      <c r="AP40686">
        <v>68</v>
      </c>
      <c r="AQ40686">
        <v>67</v>
      </c>
    </row>
    <row r="40687" spans="1:43">
      <c r="A40687" t="s">
        <v>25133</v>
      </c>
      <c r="B40687" t="s">
        <v>25134</v>
      </c>
      <c r="C40687" t="s">
        <v>6828</v>
      </c>
      <c r="D40687" t="s">
        <v>6829</v>
      </c>
      <c r="E40687" t="s">
        <v>6594</v>
      </c>
      <c r="F40687" t="s">
        <v>6595</v>
      </c>
      <c r="G40687" t="s">
        <v>80</v>
      </c>
      <c r="H40687" t="s">
        <v>81</v>
      </c>
      <c r="I40687" s="2">
        <v>0</v>
      </c>
      <c r="J40687" s="2">
        <v>1</v>
      </c>
      <c r="K40687" s="2">
        <v>0</v>
      </c>
      <c r="L40687" t="s">
        <v>82</v>
      </c>
      <c r="M40687" t="s">
        <v>87</v>
      </c>
      <c r="N40687" t="s">
        <v>88</v>
      </c>
      <c r="O40687" t="s">
        <v>85</v>
      </c>
      <c r="P40687" t="s">
        <v>86</v>
      </c>
      <c r="Q40687">
        <v>66</v>
      </c>
      <c r="R40687">
        <v>66</v>
      </c>
      <c r="S40687">
        <v>66</v>
      </c>
      <c r="T40687">
        <v>66</v>
      </c>
      <c r="U40687">
        <v>65</v>
      </c>
      <c r="V40687">
        <v>65</v>
      </c>
      <c r="W40687">
        <v>65</v>
      </c>
      <c r="X40687">
        <v>65</v>
      </c>
      <c r="Y40687">
        <v>65</v>
      </c>
      <c r="Z40687">
        <v>64</v>
      </c>
      <c r="AA40687">
        <v>64</v>
      </c>
      <c r="AB40687">
        <v>64</v>
      </c>
      <c r="AC40687">
        <v>63</v>
      </c>
      <c r="AD40687">
        <v>63</v>
      </c>
      <c r="AE40687">
        <v>63</v>
      </c>
      <c r="AF40687">
        <v>63</v>
      </c>
      <c r="AG40687">
        <v>62</v>
      </c>
      <c r="AH40687">
        <v>62</v>
      </c>
      <c r="AI40687">
        <v>62</v>
      </c>
      <c r="AJ40687">
        <v>61</v>
      </c>
      <c r="AK40687">
        <v>61</v>
      </c>
      <c r="AL40687">
        <v>61</v>
      </c>
      <c r="AM40687">
        <v>60</v>
      </c>
      <c r="AN40687">
        <v>60</v>
      </c>
      <c r="AO40687">
        <v>60</v>
      </c>
      <c r="AP40687">
        <v>59</v>
      </c>
      <c r="AQ40687">
        <v>59</v>
      </c>
    </row>
    <row r="40688" spans="1:43">
      <c r="A40688" t="s">
        <v>25133</v>
      </c>
      <c r="B40688" t="s">
        <v>25134</v>
      </c>
      <c r="C40688" t="s">
        <v>6828</v>
      </c>
      <c r="D40688" t="s">
        <v>6829</v>
      </c>
      <c r="E40688" t="s">
        <v>6594</v>
      </c>
      <c r="F40688" t="s">
        <v>6595</v>
      </c>
      <c r="G40688" t="s">
        <v>80</v>
      </c>
      <c r="H40688" t="s">
        <v>81</v>
      </c>
      <c r="I40688" s="2">
        <v>0</v>
      </c>
      <c r="J40688" s="2">
        <v>1</v>
      </c>
      <c r="K40688" s="2">
        <v>0</v>
      </c>
      <c r="L40688" t="s">
        <v>82</v>
      </c>
      <c r="M40688" t="s">
        <v>89</v>
      </c>
      <c r="N40688" t="s">
        <v>90</v>
      </c>
      <c r="O40688" t="s">
        <v>85</v>
      </c>
      <c r="P40688" t="s">
        <v>86</v>
      </c>
      <c r="Q40688">
        <v>66</v>
      </c>
      <c r="R40688">
        <v>67</v>
      </c>
      <c r="S40688">
        <v>68</v>
      </c>
      <c r="T40688">
        <v>69</v>
      </c>
      <c r="U40688">
        <v>70</v>
      </c>
      <c r="V40688">
        <v>71</v>
      </c>
      <c r="W40688">
        <v>72</v>
      </c>
      <c r="X40688">
        <v>72</v>
      </c>
      <c r="Y40688">
        <v>73</v>
      </c>
      <c r="Z40688">
        <v>73</v>
      </c>
      <c r="AA40688">
        <v>74</v>
      </c>
      <c r="AB40688">
        <v>74</v>
      </c>
      <c r="AC40688">
        <v>74</v>
      </c>
      <c r="AD40688">
        <v>75</v>
      </c>
      <c r="AE40688">
        <v>75</v>
      </c>
      <c r="AF40688">
        <v>74</v>
      </c>
      <c r="AG40688">
        <v>74</v>
      </c>
      <c r="AH40688">
        <v>73</v>
      </c>
      <c r="AI40688">
        <v>72</v>
      </c>
      <c r="AJ40688">
        <v>72</v>
      </c>
      <c r="AK40688">
        <v>71</v>
      </c>
      <c r="AL40688">
        <v>71</v>
      </c>
      <c r="AM40688">
        <v>70</v>
      </c>
      <c r="AN40688">
        <v>69</v>
      </c>
      <c r="AO40688">
        <v>69</v>
      </c>
      <c r="AP40688">
        <v>68</v>
      </c>
      <c r="AQ40688">
        <v>68</v>
      </c>
    </row>
    <row r="40689" spans="1:43">
      <c r="A40689" t="s">
        <v>25133</v>
      </c>
      <c r="B40689" t="s">
        <v>25134</v>
      </c>
      <c r="C40689" t="s">
        <v>6828</v>
      </c>
      <c r="D40689" t="s">
        <v>6829</v>
      </c>
      <c r="E40689" t="s">
        <v>6594</v>
      </c>
      <c r="F40689" t="s">
        <v>6595</v>
      </c>
      <c r="G40689" t="s">
        <v>80</v>
      </c>
      <c r="H40689" t="s">
        <v>81</v>
      </c>
      <c r="I40689" s="2">
        <v>0</v>
      </c>
      <c r="J40689" s="2">
        <v>1</v>
      </c>
      <c r="K40689" s="2">
        <v>0</v>
      </c>
      <c r="L40689" t="s">
        <v>82</v>
      </c>
      <c r="M40689" t="s">
        <v>83</v>
      </c>
      <c r="N40689" t="s">
        <v>91</v>
      </c>
      <c r="O40689" t="s">
        <v>85</v>
      </c>
      <c r="P40689" t="s">
        <v>86</v>
      </c>
      <c r="Q40689">
        <v>66</v>
      </c>
      <c r="R40689">
        <v>66</v>
      </c>
      <c r="S40689">
        <v>67</v>
      </c>
      <c r="T40689">
        <v>67</v>
      </c>
      <c r="U40689">
        <v>67</v>
      </c>
      <c r="V40689">
        <v>68</v>
      </c>
      <c r="W40689">
        <v>68</v>
      </c>
      <c r="X40689">
        <v>68</v>
      </c>
      <c r="Y40689">
        <v>69</v>
      </c>
      <c r="Z40689">
        <v>69</v>
      </c>
      <c r="AA40689">
        <v>69</v>
      </c>
      <c r="AB40689">
        <v>69</v>
      </c>
      <c r="AC40689">
        <v>70</v>
      </c>
      <c r="AD40689">
        <v>70</v>
      </c>
      <c r="AE40689">
        <v>70</v>
      </c>
      <c r="AF40689">
        <v>70</v>
      </c>
      <c r="AG40689">
        <v>70</v>
      </c>
      <c r="AH40689">
        <v>70</v>
      </c>
      <c r="AI40689">
        <v>70</v>
      </c>
      <c r="AJ40689">
        <v>70</v>
      </c>
      <c r="AK40689">
        <v>70</v>
      </c>
      <c r="AL40689">
        <v>70</v>
      </c>
      <c r="AM40689">
        <v>69</v>
      </c>
      <c r="AN40689">
        <v>69</v>
      </c>
      <c r="AO40689">
        <v>68</v>
      </c>
      <c r="AP40689">
        <v>68</v>
      </c>
      <c r="AQ40689">
        <v>67</v>
      </c>
    </row>
    <row r="40690" spans="1:43">
      <c r="A40690" t="s">
        <v>25135</v>
      </c>
      <c r="B40690" t="s">
        <v>25136</v>
      </c>
      <c r="C40690" t="s">
        <v>13095</v>
      </c>
      <c r="D40690" t="s">
        <v>13096</v>
      </c>
      <c r="E40690" t="s">
        <v>13063</v>
      </c>
      <c r="F40690" t="s">
        <v>13064</v>
      </c>
      <c r="G40690" t="s">
        <v>10214</v>
      </c>
      <c r="H40690" t="s">
        <v>10215</v>
      </c>
      <c r="I40690" s="2">
        <v>1</v>
      </c>
      <c r="J40690" s="2">
        <v>0</v>
      </c>
      <c r="K40690" s="2">
        <v>0</v>
      </c>
      <c r="L40690" t="s">
        <v>120</v>
      </c>
      <c r="M40690" t="s">
        <v>83</v>
      </c>
      <c r="N40690" t="s">
        <v>84</v>
      </c>
      <c r="O40690" t="s">
        <v>85</v>
      </c>
      <c r="P40690" t="s">
        <v>86</v>
      </c>
      <c r="Q40690">
        <v>7</v>
      </c>
      <c r="R40690">
        <v>7</v>
      </c>
      <c r="S40690">
        <v>8</v>
      </c>
      <c r="T40690">
        <v>8</v>
      </c>
      <c r="U40690">
        <v>8</v>
      </c>
      <c r="V40690">
        <v>8</v>
      </c>
      <c r="W40690">
        <v>8</v>
      </c>
      <c r="X40690">
        <v>9</v>
      </c>
      <c r="Y40690">
        <v>9</v>
      </c>
      <c r="Z40690">
        <v>9</v>
      </c>
      <c r="AA40690">
        <v>9</v>
      </c>
      <c r="AB40690">
        <v>10</v>
      </c>
      <c r="AC40690">
        <v>10</v>
      </c>
      <c r="AD40690">
        <v>10</v>
      </c>
      <c r="AE40690">
        <v>10</v>
      </c>
      <c r="AF40690">
        <v>11</v>
      </c>
      <c r="AG40690">
        <v>11</v>
      </c>
      <c r="AH40690">
        <v>11</v>
      </c>
      <c r="AI40690">
        <v>11</v>
      </c>
      <c r="AJ40690">
        <v>12</v>
      </c>
      <c r="AK40690">
        <v>12</v>
      </c>
      <c r="AL40690">
        <v>12</v>
      </c>
      <c r="AM40690">
        <v>12</v>
      </c>
      <c r="AN40690">
        <v>12</v>
      </c>
      <c r="AO40690">
        <v>13</v>
      </c>
      <c r="AP40690">
        <v>13</v>
      </c>
      <c r="AQ40690">
        <v>13</v>
      </c>
    </row>
    <row r="40691" spans="1:43">
      <c r="A40691" t="s">
        <v>25135</v>
      </c>
      <c r="B40691" t="s">
        <v>25136</v>
      </c>
      <c r="C40691" t="s">
        <v>13095</v>
      </c>
      <c r="D40691" t="s">
        <v>13096</v>
      </c>
      <c r="E40691" t="s">
        <v>13063</v>
      </c>
      <c r="F40691" t="s">
        <v>13064</v>
      </c>
      <c r="G40691" t="s">
        <v>10214</v>
      </c>
      <c r="H40691" t="s">
        <v>10215</v>
      </c>
      <c r="I40691" s="2">
        <v>1</v>
      </c>
      <c r="J40691" s="2">
        <v>0</v>
      </c>
      <c r="K40691" s="2">
        <v>0</v>
      </c>
      <c r="L40691" t="s">
        <v>120</v>
      </c>
      <c r="M40691" t="s">
        <v>87</v>
      </c>
      <c r="N40691" t="s">
        <v>88</v>
      </c>
      <c r="O40691" t="s">
        <v>85</v>
      </c>
      <c r="P40691" t="s">
        <v>86</v>
      </c>
      <c r="Q40691">
        <v>7</v>
      </c>
      <c r="R40691">
        <v>7</v>
      </c>
      <c r="S40691">
        <v>7</v>
      </c>
      <c r="T40691">
        <v>8</v>
      </c>
      <c r="U40691">
        <v>8</v>
      </c>
      <c r="V40691">
        <v>8</v>
      </c>
      <c r="W40691">
        <v>8</v>
      </c>
      <c r="X40691">
        <v>8</v>
      </c>
      <c r="Y40691">
        <v>8</v>
      </c>
      <c r="Z40691">
        <v>8</v>
      </c>
      <c r="AA40691">
        <v>8</v>
      </c>
      <c r="AB40691">
        <v>9</v>
      </c>
      <c r="AC40691">
        <v>9</v>
      </c>
      <c r="AD40691">
        <v>9</v>
      </c>
      <c r="AE40691">
        <v>9</v>
      </c>
      <c r="AF40691">
        <v>9</v>
      </c>
      <c r="AG40691">
        <v>9</v>
      </c>
      <c r="AH40691">
        <v>10</v>
      </c>
      <c r="AI40691">
        <v>10</v>
      </c>
      <c r="AJ40691">
        <v>10</v>
      </c>
      <c r="AK40691">
        <v>10</v>
      </c>
      <c r="AL40691">
        <v>10</v>
      </c>
      <c r="AM40691">
        <v>10</v>
      </c>
      <c r="AN40691">
        <v>11</v>
      </c>
      <c r="AO40691">
        <v>11</v>
      </c>
      <c r="AP40691">
        <v>11</v>
      </c>
      <c r="AQ40691">
        <v>11</v>
      </c>
    </row>
    <row r="40692" spans="1:43">
      <c r="A40692" t="s">
        <v>25135</v>
      </c>
      <c r="B40692" t="s">
        <v>25136</v>
      </c>
      <c r="C40692" t="s">
        <v>13095</v>
      </c>
      <c r="D40692" t="s">
        <v>13096</v>
      </c>
      <c r="E40692" t="s">
        <v>13063</v>
      </c>
      <c r="F40692" t="s">
        <v>13064</v>
      </c>
      <c r="G40692" t="s">
        <v>10214</v>
      </c>
      <c r="H40692" t="s">
        <v>10215</v>
      </c>
      <c r="I40692" s="2">
        <v>1</v>
      </c>
      <c r="J40692" s="2">
        <v>0</v>
      </c>
      <c r="K40692" s="2">
        <v>0</v>
      </c>
      <c r="L40692" t="s">
        <v>120</v>
      </c>
      <c r="M40692" t="s">
        <v>89</v>
      </c>
      <c r="N40692" t="s">
        <v>90</v>
      </c>
      <c r="O40692" t="s">
        <v>85</v>
      </c>
      <c r="P40692" t="s">
        <v>86</v>
      </c>
      <c r="Q40692">
        <v>7</v>
      </c>
      <c r="R40692">
        <v>8</v>
      </c>
      <c r="S40692">
        <v>8</v>
      </c>
      <c r="T40692">
        <v>8</v>
      </c>
      <c r="U40692">
        <v>8</v>
      </c>
      <c r="V40692">
        <v>9</v>
      </c>
      <c r="W40692">
        <v>9</v>
      </c>
      <c r="X40692">
        <v>9</v>
      </c>
      <c r="Y40692">
        <v>9</v>
      </c>
      <c r="Z40692">
        <v>10</v>
      </c>
      <c r="AA40692">
        <v>10</v>
      </c>
      <c r="AB40692">
        <v>10</v>
      </c>
      <c r="AC40692">
        <v>11</v>
      </c>
      <c r="AD40692">
        <v>11</v>
      </c>
      <c r="AE40692">
        <v>11</v>
      </c>
      <c r="AF40692">
        <v>11</v>
      </c>
      <c r="AG40692">
        <v>11</v>
      </c>
      <c r="AH40692">
        <v>11</v>
      </c>
      <c r="AI40692">
        <v>12</v>
      </c>
      <c r="AJ40692">
        <v>12</v>
      </c>
      <c r="AK40692">
        <v>12</v>
      </c>
      <c r="AL40692">
        <v>12</v>
      </c>
      <c r="AM40692">
        <v>12</v>
      </c>
      <c r="AN40692">
        <v>12</v>
      </c>
      <c r="AO40692">
        <v>13</v>
      </c>
      <c r="AP40692">
        <v>13</v>
      </c>
      <c r="AQ40692">
        <v>13</v>
      </c>
    </row>
    <row r="40693" spans="1:43">
      <c r="A40693" t="s">
        <v>25135</v>
      </c>
      <c r="B40693" t="s">
        <v>25136</v>
      </c>
      <c r="C40693" t="s">
        <v>13095</v>
      </c>
      <c r="D40693" t="s">
        <v>13096</v>
      </c>
      <c r="E40693" t="s">
        <v>13063</v>
      </c>
      <c r="F40693" t="s">
        <v>13064</v>
      </c>
      <c r="G40693" t="s">
        <v>10214</v>
      </c>
      <c r="H40693" t="s">
        <v>10215</v>
      </c>
      <c r="I40693" s="2">
        <v>1</v>
      </c>
      <c r="J40693" s="2">
        <v>0</v>
      </c>
      <c r="K40693" s="2">
        <v>0</v>
      </c>
      <c r="L40693" t="s">
        <v>120</v>
      </c>
      <c r="M40693" t="s">
        <v>83</v>
      </c>
      <c r="N40693" t="s">
        <v>91</v>
      </c>
      <c r="O40693" t="s">
        <v>85</v>
      </c>
      <c r="P40693" t="s">
        <v>86</v>
      </c>
      <c r="Q40693">
        <v>7</v>
      </c>
      <c r="R40693">
        <v>7</v>
      </c>
      <c r="S40693">
        <v>8</v>
      </c>
      <c r="T40693">
        <v>8</v>
      </c>
      <c r="U40693">
        <v>8</v>
      </c>
      <c r="V40693">
        <v>8</v>
      </c>
      <c r="W40693">
        <v>8</v>
      </c>
      <c r="X40693">
        <v>9</v>
      </c>
      <c r="Y40693">
        <v>9</v>
      </c>
      <c r="Z40693">
        <v>9</v>
      </c>
      <c r="AA40693">
        <v>9</v>
      </c>
      <c r="AB40693">
        <v>10</v>
      </c>
      <c r="AC40693">
        <v>10</v>
      </c>
      <c r="AD40693">
        <v>10</v>
      </c>
      <c r="AE40693">
        <v>10</v>
      </c>
      <c r="AF40693">
        <v>11</v>
      </c>
      <c r="AG40693">
        <v>11</v>
      </c>
      <c r="AH40693">
        <v>11</v>
      </c>
      <c r="AI40693">
        <v>11</v>
      </c>
      <c r="AJ40693">
        <v>12</v>
      </c>
      <c r="AK40693">
        <v>12</v>
      </c>
      <c r="AL40693">
        <v>12</v>
      </c>
      <c r="AM40693">
        <v>12</v>
      </c>
      <c r="AN40693">
        <v>12</v>
      </c>
      <c r="AO40693">
        <v>13</v>
      </c>
      <c r="AP40693">
        <v>13</v>
      </c>
      <c r="AQ40693">
        <v>13</v>
      </c>
    </row>
    <row r="40694" spans="1:43">
      <c r="A40694" t="s">
        <v>25137</v>
      </c>
      <c r="B40694" t="s">
        <v>25138</v>
      </c>
      <c r="C40694" t="s">
        <v>13103</v>
      </c>
      <c r="D40694" t="s">
        <v>13104</v>
      </c>
      <c r="E40694" t="s">
        <v>13063</v>
      </c>
      <c r="F40694" t="s">
        <v>13064</v>
      </c>
      <c r="G40694" t="s">
        <v>10214</v>
      </c>
      <c r="H40694" t="s">
        <v>10215</v>
      </c>
      <c r="I40694" s="2">
        <v>1</v>
      </c>
      <c r="J40694" s="2">
        <v>0</v>
      </c>
      <c r="K40694" s="2">
        <v>0</v>
      </c>
      <c r="L40694" t="s">
        <v>120</v>
      </c>
      <c r="M40694" t="s">
        <v>83</v>
      </c>
      <c r="N40694" t="s">
        <v>84</v>
      </c>
      <c r="O40694" t="s">
        <v>85</v>
      </c>
      <c r="P40694" t="s">
        <v>86</v>
      </c>
      <c r="Q40694">
        <v>11</v>
      </c>
      <c r="R40694">
        <v>11</v>
      </c>
      <c r="S40694">
        <v>11</v>
      </c>
      <c r="T40694">
        <v>12</v>
      </c>
      <c r="U40694">
        <v>12</v>
      </c>
      <c r="V40694">
        <v>12</v>
      </c>
      <c r="W40694">
        <v>12</v>
      </c>
      <c r="X40694">
        <v>13</v>
      </c>
      <c r="Y40694">
        <v>13</v>
      </c>
      <c r="Z40694">
        <v>13</v>
      </c>
      <c r="AA40694">
        <v>14</v>
      </c>
      <c r="AB40694">
        <v>14</v>
      </c>
      <c r="AC40694">
        <v>14</v>
      </c>
      <c r="AD40694">
        <v>15</v>
      </c>
      <c r="AE40694">
        <v>15</v>
      </c>
      <c r="AF40694">
        <v>16</v>
      </c>
      <c r="AG40694">
        <v>16</v>
      </c>
      <c r="AH40694">
        <v>16</v>
      </c>
      <c r="AI40694">
        <v>17</v>
      </c>
      <c r="AJ40694">
        <v>17</v>
      </c>
      <c r="AK40694">
        <v>17</v>
      </c>
      <c r="AL40694">
        <v>18</v>
      </c>
      <c r="AM40694">
        <v>18</v>
      </c>
      <c r="AN40694">
        <v>18</v>
      </c>
      <c r="AO40694">
        <v>19</v>
      </c>
      <c r="AP40694">
        <v>19</v>
      </c>
      <c r="AQ40694">
        <v>19</v>
      </c>
    </row>
    <row r="40695" spans="1:43">
      <c r="A40695" t="s">
        <v>25137</v>
      </c>
      <c r="B40695" t="s">
        <v>25138</v>
      </c>
      <c r="C40695" t="s">
        <v>13103</v>
      </c>
      <c r="D40695" t="s">
        <v>13104</v>
      </c>
      <c r="E40695" t="s">
        <v>13063</v>
      </c>
      <c r="F40695" t="s">
        <v>13064</v>
      </c>
      <c r="G40695" t="s">
        <v>10214</v>
      </c>
      <c r="H40695" t="s">
        <v>10215</v>
      </c>
      <c r="I40695" s="2">
        <v>1</v>
      </c>
      <c r="J40695" s="2">
        <v>0</v>
      </c>
      <c r="K40695" s="2">
        <v>0</v>
      </c>
      <c r="L40695" t="s">
        <v>120</v>
      </c>
      <c r="M40695" t="s">
        <v>87</v>
      </c>
      <c r="N40695" t="s">
        <v>88</v>
      </c>
      <c r="O40695" t="s">
        <v>85</v>
      </c>
      <c r="P40695" t="s">
        <v>86</v>
      </c>
      <c r="Q40695">
        <v>11</v>
      </c>
      <c r="R40695">
        <v>11</v>
      </c>
      <c r="S40695">
        <v>11</v>
      </c>
      <c r="T40695">
        <v>11</v>
      </c>
      <c r="U40695">
        <v>11</v>
      </c>
      <c r="V40695">
        <v>12</v>
      </c>
      <c r="W40695">
        <v>12</v>
      </c>
      <c r="X40695">
        <v>12</v>
      </c>
      <c r="Y40695">
        <v>12</v>
      </c>
      <c r="Z40695">
        <v>12</v>
      </c>
      <c r="AA40695">
        <v>13</v>
      </c>
      <c r="AB40695">
        <v>13</v>
      </c>
      <c r="AC40695">
        <v>13</v>
      </c>
      <c r="AD40695">
        <v>13</v>
      </c>
      <c r="AE40695">
        <v>13</v>
      </c>
      <c r="AF40695">
        <v>14</v>
      </c>
      <c r="AG40695">
        <v>14</v>
      </c>
      <c r="AH40695">
        <v>14</v>
      </c>
      <c r="AI40695">
        <v>14</v>
      </c>
      <c r="AJ40695">
        <v>15</v>
      </c>
      <c r="AK40695">
        <v>15</v>
      </c>
      <c r="AL40695">
        <v>15</v>
      </c>
      <c r="AM40695">
        <v>15</v>
      </c>
      <c r="AN40695">
        <v>16</v>
      </c>
      <c r="AO40695">
        <v>16</v>
      </c>
      <c r="AP40695">
        <v>16</v>
      </c>
      <c r="AQ40695">
        <v>16</v>
      </c>
    </row>
    <row r="40696" spans="1:43">
      <c r="A40696" t="s">
        <v>25137</v>
      </c>
      <c r="B40696" t="s">
        <v>25138</v>
      </c>
      <c r="C40696" t="s">
        <v>13103</v>
      </c>
      <c r="D40696" t="s">
        <v>13104</v>
      </c>
      <c r="E40696" t="s">
        <v>13063</v>
      </c>
      <c r="F40696" t="s">
        <v>13064</v>
      </c>
      <c r="G40696" t="s">
        <v>10214</v>
      </c>
      <c r="H40696" t="s">
        <v>10215</v>
      </c>
      <c r="I40696" s="2">
        <v>1</v>
      </c>
      <c r="J40696" s="2">
        <v>0</v>
      </c>
      <c r="K40696" s="2">
        <v>0</v>
      </c>
      <c r="L40696" t="s">
        <v>120</v>
      </c>
      <c r="M40696" t="s">
        <v>89</v>
      </c>
      <c r="N40696" t="s">
        <v>90</v>
      </c>
      <c r="O40696" t="s">
        <v>85</v>
      </c>
      <c r="P40696" t="s">
        <v>86</v>
      </c>
      <c r="Q40696">
        <v>11</v>
      </c>
      <c r="R40696">
        <v>11</v>
      </c>
      <c r="S40696">
        <v>12</v>
      </c>
      <c r="T40696">
        <v>12</v>
      </c>
      <c r="U40696">
        <v>12</v>
      </c>
      <c r="V40696">
        <v>13</v>
      </c>
      <c r="W40696">
        <v>13</v>
      </c>
      <c r="X40696">
        <v>13</v>
      </c>
      <c r="Y40696">
        <v>14</v>
      </c>
      <c r="Z40696">
        <v>14</v>
      </c>
      <c r="AA40696">
        <v>15</v>
      </c>
      <c r="AB40696">
        <v>15</v>
      </c>
      <c r="AC40696">
        <v>16</v>
      </c>
      <c r="AD40696">
        <v>16</v>
      </c>
      <c r="AE40696">
        <v>16</v>
      </c>
      <c r="AF40696">
        <v>17</v>
      </c>
      <c r="AG40696">
        <v>17</v>
      </c>
      <c r="AH40696">
        <v>17</v>
      </c>
      <c r="AI40696">
        <v>17</v>
      </c>
      <c r="AJ40696">
        <v>17</v>
      </c>
      <c r="AK40696">
        <v>18</v>
      </c>
      <c r="AL40696">
        <v>18</v>
      </c>
      <c r="AM40696">
        <v>18</v>
      </c>
      <c r="AN40696">
        <v>18</v>
      </c>
      <c r="AO40696">
        <v>19</v>
      </c>
      <c r="AP40696">
        <v>19</v>
      </c>
      <c r="AQ40696">
        <v>19</v>
      </c>
    </row>
    <row r="40697" spans="1:43">
      <c r="A40697" t="s">
        <v>25137</v>
      </c>
      <c r="B40697" t="s">
        <v>25138</v>
      </c>
      <c r="C40697" t="s">
        <v>13103</v>
      </c>
      <c r="D40697" t="s">
        <v>13104</v>
      </c>
      <c r="E40697" t="s">
        <v>13063</v>
      </c>
      <c r="F40697" t="s">
        <v>13064</v>
      </c>
      <c r="G40697" t="s">
        <v>10214</v>
      </c>
      <c r="H40697" t="s">
        <v>10215</v>
      </c>
      <c r="I40697" s="2">
        <v>1</v>
      </c>
      <c r="J40697" s="2">
        <v>0</v>
      </c>
      <c r="K40697" s="2">
        <v>0</v>
      </c>
      <c r="L40697" t="s">
        <v>120</v>
      </c>
      <c r="M40697" t="s">
        <v>83</v>
      </c>
      <c r="N40697" t="s">
        <v>91</v>
      </c>
      <c r="O40697" t="s">
        <v>85</v>
      </c>
      <c r="P40697" t="s">
        <v>86</v>
      </c>
      <c r="Q40697">
        <v>11</v>
      </c>
      <c r="R40697">
        <v>11</v>
      </c>
      <c r="S40697">
        <v>11</v>
      </c>
      <c r="T40697">
        <v>12</v>
      </c>
      <c r="U40697">
        <v>12</v>
      </c>
      <c r="V40697">
        <v>12</v>
      </c>
      <c r="W40697">
        <v>12</v>
      </c>
      <c r="X40697">
        <v>13</v>
      </c>
      <c r="Y40697">
        <v>13</v>
      </c>
      <c r="Z40697">
        <v>13</v>
      </c>
      <c r="AA40697">
        <v>14</v>
      </c>
      <c r="AB40697">
        <v>14</v>
      </c>
      <c r="AC40697">
        <v>14</v>
      </c>
      <c r="AD40697">
        <v>15</v>
      </c>
      <c r="AE40697">
        <v>15</v>
      </c>
      <c r="AF40697">
        <v>16</v>
      </c>
      <c r="AG40697">
        <v>16</v>
      </c>
      <c r="AH40697">
        <v>16</v>
      </c>
      <c r="AI40697">
        <v>17</v>
      </c>
      <c r="AJ40697">
        <v>17</v>
      </c>
      <c r="AK40697">
        <v>17</v>
      </c>
      <c r="AL40697">
        <v>18</v>
      </c>
      <c r="AM40697">
        <v>18</v>
      </c>
      <c r="AN40697">
        <v>18</v>
      </c>
      <c r="AO40697">
        <v>19</v>
      </c>
      <c r="AP40697">
        <v>19</v>
      </c>
      <c r="AQ40697">
        <v>19</v>
      </c>
    </row>
    <row r="40698" spans="1:43">
      <c r="A40698" t="s">
        <v>25139</v>
      </c>
      <c r="B40698" t="s">
        <v>25140</v>
      </c>
      <c r="C40698" t="s">
        <v>13141</v>
      </c>
      <c r="D40698" t="s">
        <v>13142</v>
      </c>
      <c r="E40698" t="s">
        <v>13063</v>
      </c>
      <c r="F40698" t="s">
        <v>13064</v>
      </c>
      <c r="G40698" t="s">
        <v>10214</v>
      </c>
      <c r="H40698" t="s">
        <v>10215</v>
      </c>
      <c r="I40698" s="2">
        <v>1</v>
      </c>
      <c r="J40698" s="2">
        <v>0</v>
      </c>
      <c r="K40698" s="2">
        <v>0</v>
      </c>
      <c r="L40698" t="s">
        <v>120</v>
      </c>
      <c r="M40698" t="s">
        <v>83</v>
      </c>
      <c r="N40698" t="s">
        <v>84</v>
      </c>
      <c r="O40698" t="s">
        <v>85</v>
      </c>
      <c r="P40698" t="s">
        <v>86</v>
      </c>
      <c r="Q40698">
        <v>11</v>
      </c>
      <c r="R40698">
        <v>11</v>
      </c>
      <c r="S40698">
        <v>11</v>
      </c>
      <c r="T40698">
        <v>12</v>
      </c>
      <c r="U40698">
        <v>12</v>
      </c>
      <c r="V40698">
        <v>12</v>
      </c>
      <c r="W40698">
        <v>13</v>
      </c>
      <c r="X40698">
        <v>13</v>
      </c>
      <c r="Y40698">
        <v>13</v>
      </c>
      <c r="Z40698">
        <v>14</v>
      </c>
      <c r="AA40698">
        <v>14</v>
      </c>
      <c r="AB40698">
        <v>14</v>
      </c>
      <c r="AC40698">
        <v>15</v>
      </c>
      <c r="AD40698">
        <v>15</v>
      </c>
      <c r="AE40698">
        <v>15</v>
      </c>
      <c r="AF40698">
        <v>16</v>
      </c>
      <c r="AG40698">
        <v>16</v>
      </c>
      <c r="AH40698">
        <v>17</v>
      </c>
      <c r="AI40698">
        <v>17</v>
      </c>
      <c r="AJ40698">
        <v>17</v>
      </c>
      <c r="AK40698">
        <v>18</v>
      </c>
      <c r="AL40698">
        <v>18</v>
      </c>
      <c r="AM40698">
        <v>18</v>
      </c>
      <c r="AN40698">
        <v>19</v>
      </c>
      <c r="AO40698">
        <v>19</v>
      </c>
      <c r="AP40698">
        <v>19</v>
      </c>
      <c r="AQ40698">
        <v>19</v>
      </c>
    </row>
    <row r="40699" spans="1:43">
      <c r="A40699" t="s">
        <v>25139</v>
      </c>
      <c r="B40699" t="s">
        <v>25140</v>
      </c>
      <c r="C40699" t="s">
        <v>13141</v>
      </c>
      <c r="D40699" t="s">
        <v>13142</v>
      </c>
      <c r="E40699" t="s">
        <v>13063</v>
      </c>
      <c r="F40699" t="s">
        <v>13064</v>
      </c>
      <c r="G40699" t="s">
        <v>10214</v>
      </c>
      <c r="H40699" t="s">
        <v>10215</v>
      </c>
      <c r="I40699" s="2">
        <v>1</v>
      </c>
      <c r="J40699" s="2">
        <v>0</v>
      </c>
      <c r="K40699" s="2">
        <v>0</v>
      </c>
      <c r="L40699" t="s">
        <v>120</v>
      </c>
      <c r="M40699" t="s">
        <v>87</v>
      </c>
      <c r="N40699" t="s">
        <v>88</v>
      </c>
      <c r="O40699" t="s">
        <v>85</v>
      </c>
      <c r="P40699" t="s">
        <v>86</v>
      </c>
      <c r="Q40699">
        <v>11</v>
      </c>
      <c r="R40699">
        <v>11</v>
      </c>
      <c r="S40699">
        <v>11</v>
      </c>
      <c r="T40699">
        <v>11</v>
      </c>
      <c r="U40699">
        <v>11</v>
      </c>
      <c r="V40699">
        <v>12</v>
      </c>
      <c r="W40699">
        <v>12</v>
      </c>
      <c r="X40699">
        <v>12</v>
      </c>
      <c r="Y40699">
        <v>12</v>
      </c>
      <c r="Z40699">
        <v>13</v>
      </c>
      <c r="AA40699">
        <v>13</v>
      </c>
      <c r="AB40699">
        <v>13</v>
      </c>
      <c r="AC40699">
        <v>13</v>
      </c>
      <c r="AD40699">
        <v>13</v>
      </c>
      <c r="AE40699">
        <v>14</v>
      </c>
      <c r="AF40699">
        <v>14</v>
      </c>
      <c r="AG40699">
        <v>14</v>
      </c>
      <c r="AH40699">
        <v>14</v>
      </c>
      <c r="AI40699">
        <v>15</v>
      </c>
      <c r="AJ40699">
        <v>15</v>
      </c>
      <c r="AK40699">
        <v>15</v>
      </c>
      <c r="AL40699">
        <v>15</v>
      </c>
      <c r="AM40699">
        <v>16</v>
      </c>
      <c r="AN40699">
        <v>16</v>
      </c>
      <c r="AO40699">
        <v>16</v>
      </c>
      <c r="AP40699">
        <v>16</v>
      </c>
      <c r="AQ40699">
        <v>17</v>
      </c>
    </row>
    <row r="40700" spans="1:43">
      <c r="A40700" t="s">
        <v>25139</v>
      </c>
      <c r="B40700" t="s">
        <v>25140</v>
      </c>
      <c r="C40700" t="s">
        <v>13141</v>
      </c>
      <c r="D40700" t="s">
        <v>13142</v>
      </c>
      <c r="E40700" t="s">
        <v>13063</v>
      </c>
      <c r="F40700" t="s">
        <v>13064</v>
      </c>
      <c r="G40700" t="s">
        <v>10214</v>
      </c>
      <c r="H40700" t="s">
        <v>10215</v>
      </c>
      <c r="I40700" s="2">
        <v>1</v>
      </c>
      <c r="J40700" s="2">
        <v>0</v>
      </c>
      <c r="K40700" s="2">
        <v>0</v>
      </c>
      <c r="L40700" t="s">
        <v>120</v>
      </c>
      <c r="M40700" t="s">
        <v>89</v>
      </c>
      <c r="N40700" t="s">
        <v>90</v>
      </c>
      <c r="O40700" t="s">
        <v>85</v>
      </c>
      <c r="P40700" t="s">
        <v>86</v>
      </c>
      <c r="Q40700">
        <v>11</v>
      </c>
      <c r="R40700">
        <v>11</v>
      </c>
      <c r="S40700">
        <v>12</v>
      </c>
      <c r="T40700">
        <v>12</v>
      </c>
      <c r="U40700">
        <v>12</v>
      </c>
      <c r="V40700">
        <v>13</v>
      </c>
      <c r="W40700">
        <v>13</v>
      </c>
      <c r="X40700">
        <v>14</v>
      </c>
      <c r="Y40700">
        <v>14</v>
      </c>
      <c r="Z40700">
        <v>14</v>
      </c>
      <c r="AA40700">
        <v>15</v>
      </c>
      <c r="AB40700">
        <v>15</v>
      </c>
      <c r="AC40700">
        <v>16</v>
      </c>
      <c r="AD40700">
        <v>16</v>
      </c>
      <c r="AE40700">
        <v>17</v>
      </c>
      <c r="AF40700">
        <v>17</v>
      </c>
      <c r="AG40700">
        <v>17</v>
      </c>
      <c r="AH40700">
        <v>17</v>
      </c>
      <c r="AI40700">
        <v>17</v>
      </c>
      <c r="AJ40700">
        <v>18</v>
      </c>
      <c r="AK40700">
        <v>18</v>
      </c>
      <c r="AL40700">
        <v>18</v>
      </c>
      <c r="AM40700">
        <v>18</v>
      </c>
      <c r="AN40700">
        <v>19</v>
      </c>
      <c r="AO40700">
        <v>19</v>
      </c>
      <c r="AP40700">
        <v>19</v>
      </c>
      <c r="AQ40700">
        <v>19</v>
      </c>
    </row>
    <row r="40701" spans="1:43">
      <c r="A40701" t="s">
        <v>25139</v>
      </c>
      <c r="B40701" t="s">
        <v>25140</v>
      </c>
      <c r="C40701" t="s">
        <v>13141</v>
      </c>
      <c r="D40701" t="s">
        <v>13142</v>
      </c>
      <c r="E40701" t="s">
        <v>13063</v>
      </c>
      <c r="F40701" t="s">
        <v>13064</v>
      </c>
      <c r="G40701" t="s">
        <v>10214</v>
      </c>
      <c r="H40701" t="s">
        <v>10215</v>
      </c>
      <c r="I40701" s="2">
        <v>1</v>
      </c>
      <c r="J40701" s="2">
        <v>0</v>
      </c>
      <c r="K40701" s="2">
        <v>0</v>
      </c>
      <c r="L40701" t="s">
        <v>120</v>
      </c>
      <c r="M40701" t="s">
        <v>83</v>
      </c>
      <c r="N40701" t="s">
        <v>91</v>
      </c>
      <c r="O40701" t="s">
        <v>85</v>
      </c>
      <c r="P40701" t="s">
        <v>86</v>
      </c>
      <c r="Q40701">
        <v>11</v>
      </c>
      <c r="R40701">
        <v>11</v>
      </c>
      <c r="S40701">
        <v>11</v>
      </c>
      <c r="T40701">
        <v>12</v>
      </c>
      <c r="U40701">
        <v>12</v>
      </c>
      <c r="V40701">
        <v>12</v>
      </c>
      <c r="W40701">
        <v>13</v>
      </c>
      <c r="X40701">
        <v>13</v>
      </c>
      <c r="Y40701">
        <v>13</v>
      </c>
      <c r="Z40701">
        <v>14</v>
      </c>
      <c r="AA40701">
        <v>14</v>
      </c>
      <c r="AB40701">
        <v>14</v>
      </c>
      <c r="AC40701">
        <v>15</v>
      </c>
      <c r="AD40701">
        <v>15</v>
      </c>
      <c r="AE40701">
        <v>15</v>
      </c>
      <c r="AF40701">
        <v>16</v>
      </c>
      <c r="AG40701">
        <v>16</v>
      </c>
      <c r="AH40701">
        <v>17</v>
      </c>
      <c r="AI40701">
        <v>17</v>
      </c>
      <c r="AJ40701">
        <v>17</v>
      </c>
      <c r="AK40701">
        <v>18</v>
      </c>
      <c r="AL40701">
        <v>18</v>
      </c>
      <c r="AM40701">
        <v>18</v>
      </c>
      <c r="AN40701">
        <v>19</v>
      </c>
      <c r="AO40701">
        <v>19</v>
      </c>
      <c r="AP40701">
        <v>19</v>
      </c>
      <c r="AQ40701">
        <v>19</v>
      </c>
    </row>
    <row r="40702" spans="1:43">
      <c r="A40702" t="s">
        <v>25141</v>
      </c>
      <c r="B40702" t="s">
        <v>25142</v>
      </c>
      <c r="C40702" t="s">
        <v>13141</v>
      </c>
      <c r="D40702" t="s">
        <v>13142</v>
      </c>
      <c r="E40702" t="s">
        <v>13063</v>
      </c>
      <c r="F40702" t="s">
        <v>13064</v>
      </c>
      <c r="G40702" t="s">
        <v>10214</v>
      </c>
      <c r="H40702" t="s">
        <v>10215</v>
      </c>
      <c r="I40702" s="2">
        <v>1</v>
      </c>
      <c r="J40702" s="2">
        <v>0</v>
      </c>
      <c r="K40702" s="2">
        <v>0</v>
      </c>
      <c r="L40702" t="s">
        <v>120</v>
      </c>
      <c r="M40702" t="s">
        <v>83</v>
      </c>
      <c r="N40702" t="s">
        <v>84</v>
      </c>
      <c r="O40702" t="s">
        <v>85</v>
      </c>
      <c r="P40702" t="s">
        <v>86</v>
      </c>
      <c r="Q40702">
        <v>9</v>
      </c>
      <c r="R40702">
        <v>9</v>
      </c>
      <c r="S40702">
        <v>9</v>
      </c>
      <c r="T40702">
        <v>10</v>
      </c>
      <c r="U40702">
        <v>10</v>
      </c>
      <c r="V40702">
        <v>10</v>
      </c>
      <c r="W40702">
        <v>10</v>
      </c>
      <c r="X40702">
        <v>11</v>
      </c>
      <c r="Y40702">
        <v>11</v>
      </c>
      <c r="Z40702">
        <v>11</v>
      </c>
      <c r="AA40702">
        <v>11</v>
      </c>
      <c r="AB40702">
        <v>12</v>
      </c>
      <c r="AC40702">
        <v>12</v>
      </c>
      <c r="AD40702">
        <v>12</v>
      </c>
      <c r="AE40702">
        <v>13</v>
      </c>
      <c r="AF40702">
        <v>13</v>
      </c>
      <c r="AG40702">
        <v>13</v>
      </c>
      <c r="AH40702">
        <v>14</v>
      </c>
      <c r="AI40702">
        <v>14</v>
      </c>
      <c r="AJ40702">
        <v>14</v>
      </c>
      <c r="AK40702">
        <v>14</v>
      </c>
      <c r="AL40702">
        <v>15</v>
      </c>
      <c r="AM40702">
        <v>15</v>
      </c>
      <c r="AN40702">
        <v>15</v>
      </c>
      <c r="AO40702">
        <v>15</v>
      </c>
      <c r="AP40702">
        <v>16</v>
      </c>
      <c r="AQ40702">
        <v>16</v>
      </c>
    </row>
    <row r="40703" spans="1:43">
      <c r="A40703" t="s">
        <v>25141</v>
      </c>
      <c r="B40703" t="s">
        <v>25142</v>
      </c>
      <c r="C40703" t="s">
        <v>13141</v>
      </c>
      <c r="D40703" t="s">
        <v>13142</v>
      </c>
      <c r="E40703" t="s">
        <v>13063</v>
      </c>
      <c r="F40703" t="s">
        <v>13064</v>
      </c>
      <c r="G40703" t="s">
        <v>10214</v>
      </c>
      <c r="H40703" t="s">
        <v>10215</v>
      </c>
      <c r="I40703" s="2">
        <v>1</v>
      </c>
      <c r="J40703" s="2">
        <v>0</v>
      </c>
      <c r="K40703" s="2">
        <v>0</v>
      </c>
      <c r="L40703" t="s">
        <v>120</v>
      </c>
      <c r="M40703" t="s">
        <v>87</v>
      </c>
      <c r="N40703" t="s">
        <v>88</v>
      </c>
      <c r="O40703" t="s">
        <v>85</v>
      </c>
      <c r="P40703" t="s">
        <v>86</v>
      </c>
      <c r="Q40703">
        <v>9</v>
      </c>
      <c r="R40703">
        <v>9</v>
      </c>
      <c r="S40703">
        <v>9</v>
      </c>
      <c r="T40703">
        <v>9</v>
      </c>
      <c r="U40703">
        <v>9</v>
      </c>
      <c r="V40703">
        <v>10</v>
      </c>
      <c r="W40703">
        <v>10</v>
      </c>
      <c r="X40703">
        <v>10</v>
      </c>
      <c r="Y40703">
        <v>10</v>
      </c>
      <c r="Z40703">
        <v>10</v>
      </c>
      <c r="AA40703">
        <v>10</v>
      </c>
      <c r="AB40703">
        <v>11</v>
      </c>
      <c r="AC40703">
        <v>11</v>
      </c>
      <c r="AD40703">
        <v>11</v>
      </c>
      <c r="AE40703">
        <v>11</v>
      </c>
      <c r="AF40703">
        <v>11</v>
      </c>
      <c r="AG40703">
        <v>12</v>
      </c>
      <c r="AH40703">
        <v>12</v>
      </c>
      <c r="AI40703">
        <v>12</v>
      </c>
      <c r="AJ40703">
        <v>12</v>
      </c>
      <c r="AK40703">
        <v>12</v>
      </c>
      <c r="AL40703">
        <v>13</v>
      </c>
      <c r="AM40703">
        <v>13</v>
      </c>
      <c r="AN40703">
        <v>13</v>
      </c>
      <c r="AO40703">
        <v>13</v>
      </c>
      <c r="AP40703">
        <v>13</v>
      </c>
      <c r="AQ40703">
        <v>14</v>
      </c>
    </row>
    <row r="40704" spans="1:43">
      <c r="A40704" t="s">
        <v>25141</v>
      </c>
      <c r="B40704" t="s">
        <v>25142</v>
      </c>
      <c r="C40704" t="s">
        <v>13141</v>
      </c>
      <c r="D40704" t="s">
        <v>13142</v>
      </c>
      <c r="E40704" t="s">
        <v>13063</v>
      </c>
      <c r="F40704" t="s">
        <v>13064</v>
      </c>
      <c r="G40704" t="s">
        <v>10214</v>
      </c>
      <c r="H40704" t="s">
        <v>10215</v>
      </c>
      <c r="I40704" s="2">
        <v>1</v>
      </c>
      <c r="J40704" s="2">
        <v>0</v>
      </c>
      <c r="K40704" s="2">
        <v>0</v>
      </c>
      <c r="L40704" t="s">
        <v>120</v>
      </c>
      <c r="M40704" t="s">
        <v>89</v>
      </c>
      <c r="N40704" t="s">
        <v>90</v>
      </c>
      <c r="O40704" t="s">
        <v>85</v>
      </c>
      <c r="P40704" t="s">
        <v>86</v>
      </c>
      <c r="Q40704">
        <v>9</v>
      </c>
      <c r="R40704">
        <v>9</v>
      </c>
      <c r="S40704">
        <v>10</v>
      </c>
      <c r="T40704">
        <v>10</v>
      </c>
      <c r="U40704">
        <v>10</v>
      </c>
      <c r="V40704">
        <v>11</v>
      </c>
      <c r="W40704">
        <v>11</v>
      </c>
      <c r="X40704">
        <v>11</v>
      </c>
      <c r="Y40704">
        <v>12</v>
      </c>
      <c r="Z40704">
        <v>12</v>
      </c>
      <c r="AA40704">
        <v>12</v>
      </c>
      <c r="AB40704">
        <v>13</v>
      </c>
      <c r="AC40704">
        <v>13</v>
      </c>
      <c r="AD40704">
        <v>13</v>
      </c>
      <c r="AE40704">
        <v>14</v>
      </c>
      <c r="AF40704">
        <v>14</v>
      </c>
      <c r="AG40704">
        <v>14</v>
      </c>
      <c r="AH40704">
        <v>14</v>
      </c>
      <c r="AI40704">
        <v>14</v>
      </c>
      <c r="AJ40704">
        <v>14</v>
      </c>
      <c r="AK40704">
        <v>15</v>
      </c>
      <c r="AL40704">
        <v>15</v>
      </c>
      <c r="AM40704">
        <v>15</v>
      </c>
      <c r="AN40704">
        <v>15</v>
      </c>
      <c r="AO40704">
        <v>16</v>
      </c>
      <c r="AP40704">
        <v>16</v>
      </c>
      <c r="AQ40704">
        <v>16</v>
      </c>
    </row>
    <row r="40705" spans="1:43">
      <c r="A40705" t="s">
        <v>25141</v>
      </c>
      <c r="B40705" t="s">
        <v>25142</v>
      </c>
      <c r="C40705" t="s">
        <v>13141</v>
      </c>
      <c r="D40705" t="s">
        <v>13142</v>
      </c>
      <c r="E40705" t="s">
        <v>13063</v>
      </c>
      <c r="F40705" t="s">
        <v>13064</v>
      </c>
      <c r="G40705" t="s">
        <v>10214</v>
      </c>
      <c r="H40705" t="s">
        <v>10215</v>
      </c>
      <c r="I40705" s="2">
        <v>1</v>
      </c>
      <c r="J40705" s="2">
        <v>0</v>
      </c>
      <c r="K40705" s="2">
        <v>0</v>
      </c>
      <c r="L40705" t="s">
        <v>120</v>
      </c>
      <c r="M40705" t="s">
        <v>83</v>
      </c>
      <c r="N40705" t="s">
        <v>91</v>
      </c>
      <c r="O40705" t="s">
        <v>85</v>
      </c>
      <c r="P40705" t="s">
        <v>86</v>
      </c>
      <c r="Q40705">
        <v>9</v>
      </c>
      <c r="R40705">
        <v>9</v>
      </c>
      <c r="S40705">
        <v>9</v>
      </c>
      <c r="T40705">
        <v>10</v>
      </c>
      <c r="U40705">
        <v>10</v>
      </c>
      <c r="V40705">
        <v>10</v>
      </c>
      <c r="W40705">
        <v>10</v>
      </c>
      <c r="X40705">
        <v>11</v>
      </c>
      <c r="Y40705">
        <v>11</v>
      </c>
      <c r="Z40705">
        <v>11</v>
      </c>
      <c r="AA40705">
        <v>11</v>
      </c>
      <c r="AB40705">
        <v>12</v>
      </c>
      <c r="AC40705">
        <v>12</v>
      </c>
      <c r="AD40705">
        <v>12</v>
      </c>
      <c r="AE40705">
        <v>13</v>
      </c>
      <c r="AF40705">
        <v>13</v>
      </c>
      <c r="AG40705">
        <v>13</v>
      </c>
      <c r="AH40705">
        <v>14</v>
      </c>
      <c r="AI40705">
        <v>14</v>
      </c>
      <c r="AJ40705">
        <v>14</v>
      </c>
      <c r="AK40705">
        <v>14</v>
      </c>
      <c r="AL40705">
        <v>15</v>
      </c>
      <c r="AM40705">
        <v>15</v>
      </c>
      <c r="AN40705">
        <v>15</v>
      </c>
      <c r="AO40705">
        <v>15</v>
      </c>
      <c r="AP40705">
        <v>16</v>
      </c>
      <c r="AQ40705">
        <v>16</v>
      </c>
    </row>
    <row r="40706" spans="1:43">
      <c r="A40706" t="s">
        <v>25143</v>
      </c>
      <c r="B40706" t="s">
        <v>25144</v>
      </c>
      <c r="C40706" t="s">
        <v>13103</v>
      </c>
      <c r="D40706" t="s">
        <v>13104</v>
      </c>
      <c r="E40706" t="s">
        <v>13063</v>
      </c>
      <c r="F40706" t="s">
        <v>13064</v>
      </c>
      <c r="G40706" t="s">
        <v>10214</v>
      </c>
      <c r="H40706" t="s">
        <v>10215</v>
      </c>
      <c r="I40706" s="2">
        <v>1</v>
      </c>
      <c r="J40706" s="2">
        <v>0</v>
      </c>
      <c r="K40706" s="2">
        <v>0</v>
      </c>
      <c r="L40706" t="s">
        <v>120</v>
      </c>
      <c r="M40706" t="s">
        <v>83</v>
      </c>
      <c r="N40706" t="s">
        <v>84</v>
      </c>
      <c r="O40706" t="s">
        <v>85</v>
      </c>
      <c r="P40706" t="s">
        <v>86</v>
      </c>
      <c r="Q40706">
        <v>7</v>
      </c>
      <c r="R40706">
        <v>7</v>
      </c>
      <c r="S40706">
        <v>7</v>
      </c>
      <c r="T40706">
        <v>8</v>
      </c>
      <c r="U40706">
        <v>8</v>
      </c>
      <c r="V40706">
        <v>8</v>
      </c>
      <c r="W40706">
        <v>8</v>
      </c>
      <c r="X40706">
        <v>8</v>
      </c>
      <c r="Y40706">
        <v>9</v>
      </c>
      <c r="Z40706">
        <v>9</v>
      </c>
      <c r="AA40706">
        <v>9</v>
      </c>
      <c r="AB40706">
        <v>9</v>
      </c>
      <c r="AC40706">
        <v>9</v>
      </c>
      <c r="AD40706">
        <v>10</v>
      </c>
      <c r="AE40706">
        <v>10</v>
      </c>
      <c r="AF40706">
        <v>10</v>
      </c>
      <c r="AG40706">
        <v>10</v>
      </c>
      <c r="AH40706">
        <v>11</v>
      </c>
      <c r="AI40706">
        <v>11</v>
      </c>
      <c r="AJ40706">
        <v>11</v>
      </c>
      <c r="AK40706">
        <v>11</v>
      </c>
      <c r="AL40706">
        <v>12</v>
      </c>
      <c r="AM40706">
        <v>12</v>
      </c>
      <c r="AN40706">
        <v>12</v>
      </c>
      <c r="AO40706">
        <v>12</v>
      </c>
      <c r="AP40706">
        <v>12</v>
      </c>
      <c r="AQ40706">
        <v>12</v>
      </c>
    </row>
    <row r="40707" spans="1:43">
      <c r="A40707" t="s">
        <v>25143</v>
      </c>
      <c r="B40707" t="s">
        <v>25144</v>
      </c>
      <c r="C40707" t="s">
        <v>13103</v>
      </c>
      <c r="D40707" t="s">
        <v>13104</v>
      </c>
      <c r="E40707" t="s">
        <v>13063</v>
      </c>
      <c r="F40707" t="s">
        <v>13064</v>
      </c>
      <c r="G40707" t="s">
        <v>10214</v>
      </c>
      <c r="H40707" t="s">
        <v>10215</v>
      </c>
      <c r="I40707" s="2">
        <v>1</v>
      </c>
      <c r="J40707" s="2">
        <v>0</v>
      </c>
      <c r="K40707" s="2">
        <v>0</v>
      </c>
      <c r="L40707" t="s">
        <v>120</v>
      </c>
      <c r="M40707" t="s">
        <v>87</v>
      </c>
      <c r="N40707" t="s">
        <v>88</v>
      </c>
      <c r="O40707" t="s">
        <v>85</v>
      </c>
      <c r="P40707" t="s">
        <v>86</v>
      </c>
      <c r="Q40707">
        <v>7</v>
      </c>
      <c r="R40707">
        <v>7</v>
      </c>
      <c r="S40707">
        <v>7</v>
      </c>
      <c r="T40707">
        <v>7</v>
      </c>
      <c r="U40707">
        <v>7</v>
      </c>
      <c r="V40707">
        <v>8</v>
      </c>
      <c r="W40707">
        <v>8</v>
      </c>
      <c r="X40707">
        <v>8</v>
      </c>
      <c r="Y40707">
        <v>8</v>
      </c>
      <c r="Z40707">
        <v>8</v>
      </c>
      <c r="AA40707">
        <v>8</v>
      </c>
      <c r="AB40707">
        <v>8</v>
      </c>
      <c r="AC40707">
        <v>9</v>
      </c>
      <c r="AD40707">
        <v>9</v>
      </c>
      <c r="AE40707">
        <v>9</v>
      </c>
      <c r="AF40707">
        <v>9</v>
      </c>
      <c r="AG40707">
        <v>9</v>
      </c>
      <c r="AH40707">
        <v>9</v>
      </c>
      <c r="AI40707">
        <v>9</v>
      </c>
      <c r="AJ40707">
        <v>10</v>
      </c>
      <c r="AK40707">
        <v>10</v>
      </c>
      <c r="AL40707">
        <v>10</v>
      </c>
      <c r="AM40707">
        <v>10</v>
      </c>
      <c r="AN40707">
        <v>10</v>
      </c>
      <c r="AO40707">
        <v>10</v>
      </c>
      <c r="AP40707">
        <v>11</v>
      </c>
      <c r="AQ40707">
        <v>11</v>
      </c>
    </row>
    <row r="40708" spans="1:43">
      <c r="A40708" t="s">
        <v>25143</v>
      </c>
      <c r="B40708" t="s">
        <v>25144</v>
      </c>
      <c r="C40708" t="s">
        <v>13103</v>
      </c>
      <c r="D40708" t="s">
        <v>13104</v>
      </c>
      <c r="E40708" t="s">
        <v>13063</v>
      </c>
      <c r="F40708" t="s">
        <v>13064</v>
      </c>
      <c r="G40708" t="s">
        <v>10214</v>
      </c>
      <c r="H40708" t="s">
        <v>10215</v>
      </c>
      <c r="I40708" s="2">
        <v>1</v>
      </c>
      <c r="J40708" s="2">
        <v>0</v>
      </c>
      <c r="K40708" s="2">
        <v>0</v>
      </c>
      <c r="L40708" t="s">
        <v>120</v>
      </c>
      <c r="M40708" t="s">
        <v>89</v>
      </c>
      <c r="N40708" t="s">
        <v>90</v>
      </c>
      <c r="O40708" t="s">
        <v>85</v>
      </c>
      <c r="P40708" t="s">
        <v>86</v>
      </c>
      <c r="Q40708">
        <v>7</v>
      </c>
      <c r="R40708">
        <v>7</v>
      </c>
      <c r="S40708">
        <v>8</v>
      </c>
      <c r="T40708">
        <v>8</v>
      </c>
      <c r="U40708">
        <v>8</v>
      </c>
      <c r="V40708">
        <v>8</v>
      </c>
      <c r="W40708">
        <v>9</v>
      </c>
      <c r="X40708">
        <v>9</v>
      </c>
      <c r="Y40708">
        <v>9</v>
      </c>
      <c r="Z40708">
        <v>9</v>
      </c>
      <c r="AA40708">
        <v>10</v>
      </c>
      <c r="AB40708">
        <v>10</v>
      </c>
      <c r="AC40708">
        <v>10</v>
      </c>
      <c r="AD40708">
        <v>10</v>
      </c>
      <c r="AE40708">
        <v>11</v>
      </c>
      <c r="AF40708">
        <v>11</v>
      </c>
      <c r="AG40708">
        <v>11</v>
      </c>
      <c r="AH40708">
        <v>11</v>
      </c>
      <c r="AI40708">
        <v>11</v>
      </c>
      <c r="AJ40708">
        <v>11</v>
      </c>
      <c r="AK40708">
        <v>12</v>
      </c>
      <c r="AL40708">
        <v>12</v>
      </c>
      <c r="AM40708">
        <v>12</v>
      </c>
      <c r="AN40708">
        <v>12</v>
      </c>
      <c r="AO40708">
        <v>12</v>
      </c>
      <c r="AP40708">
        <v>12</v>
      </c>
      <c r="AQ40708">
        <v>13</v>
      </c>
    </row>
    <row r="40709" spans="1:43">
      <c r="A40709" t="s">
        <v>25143</v>
      </c>
      <c r="B40709" t="s">
        <v>25144</v>
      </c>
      <c r="C40709" t="s">
        <v>13103</v>
      </c>
      <c r="D40709" t="s">
        <v>13104</v>
      </c>
      <c r="E40709" t="s">
        <v>13063</v>
      </c>
      <c r="F40709" t="s">
        <v>13064</v>
      </c>
      <c r="G40709" t="s">
        <v>10214</v>
      </c>
      <c r="H40709" t="s">
        <v>10215</v>
      </c>
      <c r="I40709" s="2">
        <v>1</v>
      </c>
      <c r="J40709" s="2">
        <v>0</v>
      </c>
      <c r="K40709" s="2">
        <v>0</v>
      </c>
      <c r="L40709" t="s">
        <v>120</v>
      </c>
      <c r="M40709" t="s">
        <v>83</v>
      </c>
      <c r="N40709" t="s">
        <v>91</v>
      </c>
      <c r="O40709" t="s">
        <v>85</v>
      </c>
      <c r="P40709" t="s">
        <v>86</v>
      </c>
      <c r="Q40709">
        <v>7</v>
      </c>
      <c r="R40709">
        <v>7</v>
      </c>
      <c r="S40709">
        <v>7</v>
      </c>
      <c r="T40709">
        <v>8</v>
      </c>
      <c r="U40709">
        <v>8</v>
      </c>
      <c r="V40709">
        <v>8</v>
      </c>
      <c r="W40709">
        <v>8</v>
      </c>
      <c r="X40709">
        <v>8</v>
      </c>
      <c r="Y40709">
        <v>9</v>
      </c>
      <c r="Z40709">
        <v>9</v>
      </c>
      <c r="AA40709">
        <v>9</v>
      </c>
      <c r="AB40709">
        <v>9</v>
      </c>
      <c r="AC40709">
        <v>9</v>
      </c>
      <c r="AD40709">
        <v>10</v>
      </c>
      <c r="AE40709">
        <v>10</v>
      </c>
      <c r="AF40709">
        <v>10</v>
      </c>
      <c r="AG40709">
        <v>10</v>
      </c>
      <c r="AH40709">
        <v>11</v>
      </c>
      <c r="AI40709">
        <v>11</v>
      </c>
      <c r="AJ40709">
        <v>11</v>
      </c>
      <c r="AK40709">
        <v>11</v>
      </c>
      <c r="AL40709">
        <v>12</v>
      </c>
      <c r="AM40709">
        <v>12</v>
      </c>
      <c r="AN40709">
        <v>12</v>
      </c>
      <c r="AO40709">
        <v>12</v>
      </c>
      <c r="AP40709">
        <v>12</v>
      </c>
      <c r="AQ40709">
        <v>12</v>
      </c>
    </row>
    <row r="40710" spans="1:43">
      <c r="A40710" t="s">
        <v>25145</v>
      </c>
      <c r="B40710" t="s">
        <v>25146</v>
      </c>
      <c r="C40710" t="s">
        <v>12280</v>
      </c>
      <c r="D40710" t="s">
        <v>12281</v>
      </c>
      <c r="E40710" t="s">
        <v>12188</v>
      </c>
      <c r="F40710" t="s">
        <v>12189</v>
      </c>
      <c r="G40710" t="s">
        <v>10450</v>
      </c>
      <c r="H40710" t="s">
        <v>10451</v>
      </c>
      <c r="I40710" s="2">
        <v>1</v>
      </c>
      <c r="J40710" s="2">
        <v>0</v>
      </c>
      <c r="K40710" s="2">
        <v>0</v>
      </c>
      <c r="L40710" t="s">
        <v>120</v>
      </c>
      <c r="M40710" t="s">
        <v>83</v>
      </c>
      <c r="N40710" t="s">
        <v>84</v>
      </c>
      <c r="O40710" t="s">
        <v>85</v>
      </c>
      <c r="P40710" t="s">
        <v>86</v>
      </c>
      <c r="Q40710">
        <v>10</v>
      </c>
      <c r="R40710">
        <v>10</v>
      </c>
      <c r="S40710">
        <v>10</v>
      </c>
      <c r="T40710">
        <v>10</v>
      </c>
      <c r="U40710">
        <v>10</v>
      </c>
      <c r="V40710">
        <v>11</v>
      </c>
      <c r="W40710">
        <v>11</v>
      </c>
      <c r="X40710">
        <v>11</v>
      </c>
      <c r="Y40710">
        <v>11</v>
      </c>
      <c r="Z40710">
        <v>11</v>
      </c>
      <c r="AA40710">
        <v>12</v>
      </c>
      <c r="AB40710">
        <v>12</v>
      </c>
      <c r="AC40710">
        <v>12</v>
      </c>
      <c r="AD40710">
        <v>12</v>
      </c>
      <c r="AE40710">
        <v>12</v>
      </c>
      <c r="AF40710">
        <v>13</v>
      </c>
      <c r="AG40710">
        <v>13</v>
      </c>
      <c r="AH40710">
        <v>13</v>
      </c>
      <c r="AI40710">
        <v>13</v>
      </c>
      <c r="AJ40710">
        <v>13</v>
      </c>
      <c r="AK40710">
        <v>14</v>
      </c>
      <c r="AL40710">
        <v>14</v>
      </c>
      <c r="AM40710">
        <v>14</v>
      </c>
      <c r="AN40710">
        <v>14</v>
      </c>
      <c r="AO40710">
        <v>14</v>
      </c>
      <c r="AP40710">
        <v>14</v>
      </c>
      <c r="AQ40710">
        <v>14</v>
      </c>
    </row>
    <row r="40711" spans="1:43">
      <c r="A40711" t="s">
        <v>25145</v>
      </c>
      <c r="B40711" t="s">
        <v>25146</v>
      </c>
      <c r="C40711" t="s">
        <v>12280</v>
      </c>
      <c r="D40711" t="s">
        <v>12281</v>
      </c>
      <c r="E40711" t="s">
        <v>12188</v>
      </c>
      <c r="F40711" t="s">
        <v>12189</v>
      </c>
      <c r="G40711" t="s">
        <v>10450</v>
      </c>
      <c r="H40711" t="s">
        <v>10451</v>
      </c>
      <c r="I40711" s="2">
        <v>1</v>
      </c>
      <c r="J40711" s="2">
        <v>0</v>
      </c>
      <c r="K40711" s="2">
        <v>0</v>
      </c>
      <c r="L40711" t="s">
        <v>120</v>
      </c>
      <c r="M40711" t="s">
        <v>87</v>
      </c>
      <c r="N40711" t="s">
        <v>88</v>
      </c>
      <c r="O40711" t="s">
        <v>85</v>
      </c>
      <c r="P40711" t="s">
        <v>86</v>
      </c>
      <c r="Q40711">
        <v>10</v>
      </c>
      <c r="R40711">
        <v>10</v>
      </c>
      <c r="S40711">
        <v>10</v>
      </c>
      <c r="T40711">
        <v>10</v>
      </c>
      <c r="U40711">
        <v>10</v>
      </c>
      <c r="V40711">
        <v>10</v>
      </c>
      <c r="W40711">
        <v>10</v>
      </c>
      <c r="X40711">
        <v>10</v>
      </c>
      <c r="Y40711">
        <v>10</v>
      </c>
      <c r="Z40711">
        <v>10</v>
      </c>
      <c r="AA40711">
        <v>11</v>
      </c>
      <c r="AB40711">
        <v>11</v>
      </c>
      <c r="AC40711">
        <v>11</v>
      </c>
      <c r="AD40711">
        <v>11</v>
      </c>
      <c r="AE40711">
        <v>11</v>
      </c>
      <c r="AF40711">
        <v>11</v>
      </c>
      <c r="AG40711">
        <v>11</v>
      </c>
      <c r="AH40711">
        <v>11</v>
      </c>
      <c r="AI40711">
        <v>11</v>
      </c>
      <c r="AJ40711">
        <v>11</v>
      </c>
      <c r="AK40711">
        <v>12</v>
      </c>
      <c r="AL40711">
        <v>12</v>
      </c>
      <c r="AM40711">
        <v>12</v>
      </c>
      <c r="AN40711">
        <v>12</v>
      </c>
      <c r="AO40711">
        <v>12</v>
      </c>
      <c r="AP40711">
        <v>12</v>
      </c>
      <c r="AQ40711">
        <v>12</v>
      </c>
    </row>
    <row r="40712" spans="1:43">
      <c r="A40712" t="s">
        <v>25145</v>
      </c>
      <c r="B40712" t="s">
        <v>25146</v>
      </c>
      <c r="C40712" t="s">
        <v>12280</v>
      </c>
      <c r="D40712" t="s">
        <v>12281</v>
      </c>
      <c r="E40712" t="s">
        <v>12188</v>
      </c>
      <c r="F40712" t="s">
        <v>12189</v>
      </c>
      <c r="G40712" t="s">
        <v>10450</v>
      </c>
      <c r="H40712" t="s">
        <v>10451</v>
      </c>
      <c r="I40712" s="2">
        <v>1</v>
      </c>
      <c r="J40712" s="2">
        <v>0</v>
      </c>
      <c r="K40712" s="2">
        <v>0</v>
      </c>
      <c r="L40712" t="s">
        <v>120</v>
      </c>
      <c r="M40712" t="s">
        <v>89</v>
      </c>
      <c r="N40712" t="s">
        <v>90</v>
      </c>
      <c r="O40712" t="s">
        <v>85</v>
      </c>
      <c r="P40712" t="s">
        <v>86</v>
      </c>
      <c r="Q40712">
        <v>10</v>
      </c>
      <c r="R40712">
        <v>10</v>
      </c>
      <c r="S40712">
        <v>10</v>
      </c>
      <c r="T40712">
        <v>11</v>
      </c>
      <c r="U40712">
        <v>11</v>
      </c>
      <c r="V40712">
        <v>11</v>
      </c>
      <c r="W40712">
        <v>11</v>
      </c>
      <c r="X40712">
        <v>12</v>
      </c>
      <c r="Y40712">
        <v>12</v>
      </c>
      <c r="Z40712">
        <v>12</v>
      </c>
      <c r="AA40712">
        <v>12</v>
      </c>
      <c r="AB40712">
        <v>13</v>
      </c>
      <c r="AC40712">
        <v>13</v>
      </c>
      <c r="AD40712">
        <v>13</v>
      </c>
      <c r="AE40712">
        <v>13</v>
      </c>
      <c r="AF40712">
        <v>13</v>
      </c>
      <c r="AG40712">
        <v>13</v>
      </c>
      <c r="AH40712">
        <v>13</v>
      </c>
      <c r="AI40712">
        <v>13</v>
      </c>
      <c r="AJ40712">
        <v>14</v>
      </c>
      <c r="AK40712">
        <v>14</v>
      </c>
      <c r="AL40712">
        <v>14</v>
      </c>
      <c r="AM40712">
        <v>14</v>
      </c>
      <c r="AN40712">
        <v>14</v>
      </c>
      <c r="AO40712">
        <v>14</v>
      </c>
      <c r="AP40712">
        <v>14</v>
      </c>
      <c r="AQ40712">
        <v>14</v>
      </c>
    </row>
    <row r="40713" spans="1:43">
      <c r="A40713" t="s">
        <v>25145</v>
      </c>
      <c r="B40713" t="s">
        <v>25146</v>
      </c>
      <c r="C40713" t="s">
        <v>12280</v>
      </c>
      <c r="D40713" t="s">
        <v>12281</v>
      </c>
      <c r="E40713" t="s">
        <v>12188</v>
      </c>
      <c r="F40713" t="s">
        <v>12189</v>
      </c>
      <c r="G40713" t="s">
        <v>10450</v>
      </c>
      <c r="H40713" t="s">
        <v>10451</v>
      </c>
      <c r="I40713" s="2">
        <v>1</v>
      </c>
      <c r="J40713" s="2">
        <v>0</v>
      </c>
      <c r="K40713" s="2">
        <v>0</v>
      </c>
      <c r="L40713" t="s">
        <v>120</v>
      </c>
      <c r="M40713" t="s">
        <v>83</v>
      </c>
      <c r="N40713" t="s">
        <v>91</v>
      </c>
      <c r="O40713" t="s">
        <v>85</v>
      </c>
      <c r="P40713" t="s">
        <v>86</v>
      </c>
      <c r="Q40713">
        <v>10</v>
      </c>
      <c r="R40713">
        <v>10</v>
      </c>
      <c r="S40713">
        <v>10</v>
      </c>
      <c r="T40713">
        <v>10</v>
      </c>
      <c r="U40713">
        <v>10</v>
      </c>
      <c r="V40713">
        <v>11</v>
      </c>
      <c r="W40713">
        <v>11</v>
      </c>
      <c r="X40713">
        <v>11</v>
      </c>
      <c r="Y40713">
        <v>11</v>
      </c>
      <c r="Z40713">
        <v>11</v>
      </c>
      <c r="AA40713">
        <v>12</v>
      </c>
      <c r="AB40713">
        <v>12</v>
      </c>
      <c r="AC40713">
        <v>12</v>
      </c>
      <c r="AD40713">
        <v>12</v>
      </c>
      <c r="AE40713">
        <v>12</v>
      </c>
      <c r="AF40713">
        <v>13</v>
      </c>
      <c r="AG40713">
        <v>13</v>
      </c>
      <c r="AH40713">
        <v>13</v>
      </c>
      <c r="AI40713">
        <v>13</v>
      </c>
      <c r="AJ40713">
        <v>13</v>
      </c>
      <c r="AK40713">
        <v>14</v>
      </c>
      <c r="AL40713">
        <v>14</v>
      </c>
      <c r="AM40713">
        <v>14</v>
      </c>
      <c r="AN40713">
        <v>14</v>
      </c>
      <c r="AO40713">
        <v>14</v>
      </c>
      <c r="AP40713">
        <v>14</v>
      </c>
      <c r="AQ40713">
        <v>14</v>
      </c>
    </row>
    <row r="40714" spans="1:43">
      <c r="A40714" t="s">
        <v>25147</v>
      </c>
      <c r="B40714" t="s">
        <v>25148</v>
      </c>
      <c r="C40714" t="s">
        <v>21275</v>
      </c>
      <c r="D40714" t="s">
        <v>21276</v>
      </c>
      <c r="E40714" t="s">
        <v>21139</v>
      </c>
      <c r="F40714" t="s">
        <v>21140</v>
      </c>
      <c r="G40714" t="s">
        <v>20255</v>
      </c>
      <c r="H40714" t="s">
        <v>20256</v>
      </c>
      <c r="I40714" s="2">
        <v>1</v>
      </c>
      <c r="J40714" s="2">
        <v>0</v>
      </c>
      <c r="K40714" s="2">
        <v>0</v>
      </c>
      <c r="L40714" t="s">
        <v>120</v>
      </c>
      <c r="M40714" t="s">
        <v>83</v>
      </c>
      <c r="N40714" t="s">
        <v>84</v>
      </c>
      <c r="O40714" t="s">
        <v>85</v>
      </c>
      <c r="P40714" t="s">
        <v>86</v>
      </c>
      <c r="Q40714">
        <v>43</v>
      </c>
      <c r="R40714">
        <v>44</v>
      </c>
      <c r="S40714">
        <v>45</v>
      </c>
      <c r="T40714">
        <v>46</v>
      </c>
      <c r="U40714">
        <v>47</v>
      </c>
      <c r="V40714">
        <v>48</v>
      </c>
      <c r="W40714">
        <v>49</v>
      </c>
      <c r="X40714">
        <v>50</v>
      </c>
      <c r="Y40714">
        <v>51</v>
      </c>
      <c r="Z40714">
        <v>52</v>
      </c>
      <c r="AA40714">
        <v>53</v>
      </c>
      <c r="AB40714">
        <v>54</v>
      </c>
      <c r="AC40714">
        <v>55</v>
      </c>
      <c r="AD40714">
        <v>56</v>
      </c>
      <c r="AE40714">
        <v>57</v>
      </c>
      <c r="AF40714">
        <v>58</v>
      </c>
      <c r="AG40714">
        <v>59</v>
      </c>
      <c r="AH40714">
        <v>60</v>
      </c>
      <c r="AI40714">
        <v>61</v>
      </c>
      <c r="AJ40714">
        <v>62</v>
      </c>
      <c r="AK40714">
        <v>63</v>
      </c>
      <c r="AL40714">
        <v>63</v>
      </c>
      <c r="AM40714">
        <v>64</v>
      </c>
      <c r="AN40714">
        <v>64</v>
      </c>
      <c r="AO40714">
        <v>65</v>
      </c>
      <c r="AP40714">
        <v>65</v>
      </c>
      <c r="AQ40714">
        <v>66</v>
      </c>
    </row>
    <row r="40715" spans="1:43">
      <c r="A40715" t="s">
        <v>25147</v>
      </c>
      <c r="B40715" t="s">
        <v>25148</v>
      </c>
      <c r="C40715" t="s">
        <v>21275</v>
      </c>
      <c r="D40715" t="s">
        <v>21276</v>
      </c>
      <c r="E40715" t="s">
        <v>21139</v>
      </c>
      <c r="F40715" t="s">
        <v>21140</v>
      </c>
      <c r="G40715" t="s">
        <v>20255</v>
      </c>
      <c r="H40715" t="s">
        <v>20256</v>
      </c>
      <c r="I40715" s="2">
        <v>1</v>
      </c>
      <c r="J40715" s="2">
        <v>0</v>
      </c>
      <c r="K40715" s="2">
        <v>0</v>
      </c>
      <c r="L40715" t="s">
        <v>120</v>
      </c>
      <c r="M40715" t="s">
        <v>87</v>
      </c>
      <c r="N40715" t="s">
        <v>88</v>
      </c>
      <c r="O40715" t="s">
        <v>85</v>
      </c>
      <c r="P40715" t="s">
        <v>86</v>
      </c>
      <c r="Q40715">
        <v>43</v>
      </c>
      <c r="R40715">
        <v>43</v>
      </c>
      <c r="S40715">
        <v>44</v>
      </c>
      <c r="T40715">
        <v>44</v>
      </c>
      <c r="U40715">
        <v>45</v>
      </c>
      <c r="V40715">
        <v>46</v>
      </c>
      <c r="W40715">
        <v>46</v>
      </c>
      <c r="X40715">
        <v>47</v>
      </c>
      <c r="Y40715">
        <v>47</v>
      </c>
      <c r="Z40715">
        <v>48</v>
      </c>
      <c r="AA40715">
        <v>48</v>
      </c>
      <c r="AB40715">
        <v>49</v>
      </c>
      <c r="AC40715">
        <v>50</v>
      </c>
      <c r="AD40715">
        <v>50</v>
      </c>
      <c r="AE40715">
        <v>51</v>
      </c>
      <c r="AF40715">
        <v>51</v>
      </c>
      <c r="AG40715">
        <v>52</v>
      </c>
      <c r="AH40715">
        <v>53</v>
      </c>
      <c r="AI40715">
        <v>53</v>
      </c>
      <c r="AJ40715">
        <v>54</v>
      </c>
      <c r="AK40715">
        <v>54</v>
      </c>
      <c r="AL40715">
        <v>55</v>
      </c>
      <c r="AM40715">
        <v>56</v>
      </c>
      <c r="AN40715">
        <v>56</v>
      </c>
      <c r="AO40715">
        <v>57</v>
      </c>
      <c r="AP40715">
        <v>57</v>
      </c>
      <c r="AQ40715">
        <v>58</v>
      </c>
    </row>
    <row r="40716" spans="1:43">
      <c r="A40716" t="s">
        <v>25147</v>
      </c>
      <c r="B40716" t="s">
        <v>25148</v>
      </c>
      <c r="C40716" t="s">
        <v>21275</v>
      </c>
      <c r="D40716" t="s">
        <v>21276</v>
      </c>
      <c r="E40716" t="s">
        <v>21139</v>
      </c>
      <c r="F40716" t="s">
        <v>21140</v>
      </c>
      <c r="G40716" t="s">
        <v>20255</v>
      </c>
      <c r="H40716" t="s">
        <v>20256</v>
      </c>
      <c r="I40716" s="2">
        <v>1</v>
      </c>
      <c r="J40716" s="2">
        <v>0</v>
      </c>
      <c r="K40716" s="2">
        <v>0</v>
      </c>
      <c r="L40716" t="s">
        <v>120</v>
      </c>
      <c r="M40716" t="s">
        <v>89</v>
      </c>
      <c r="N40716" t="s">
        <v>90</v>
      </c>
      <c r="O40716" t="s">
        <v>85</v>
      </c>
      <c r="P40716" t="s">
        <v>86</v>
      </c>
      <c r="Q40716">
        <v>43</v>
      </c>
      <c r="R40716">
        <v>44</v>
      </c>
      <c r="S40716">
        <v>45</v>
      </c>
      <c r="T40716">
        <v>47</v>
      </c>
      <c r="U40716">
        <v>48</v>
      </c>
      <c r="V40716">
        <v>49</v>
      </c>
      <c r="W40716">
        <v>50</v>
      </c>
      <c r="X40716">
        <v>52</v>
      </c>
      <c r="Y40716">
        <v>53</v>
      </c>
      <c r="Z40716">
        <v>54</v>
      </c>
      <c r="AA40716">
        <v>55</v>
      </c>
      <c r="AB40716">
        <v>56</v>
      </c>
      <c r="AC40716">
        <v>57</v>
      </c>
      <c r="AD40716">
        <v>59</v>
      </c>
      <c r="AE40716">
        <v>60</v>
      </c>
      <c r="AF40716">
        <v>60</v>
      </c>
      <c r="AG40716">
        <v>61</v>
      </c>
      <c r="AH40716">
        <v>61</v>
      </c>
      <c r="AI40716">
        <v>62</v>
      </c>
      <c r="AJ40716">
        <v>62</v>
      </c>
      <c r="AK40716">
        <v>62</v>
      </c>
      <c r="AL40716">
        <v>63</v>
      </c>
      <c r="AM40716">
        <v>63</v>
      </c>
      <c r="AN40716">
        <v>64</v>
      </c>
      <c r="AO40716">
        <v>64</v>
      </c>
      <c r="AP40716">
        <v>65</v>
      </c>
      <c r="AQ40716">
        <v>65</v>
      </c>
    </row>
    <row r="40717" spans="1:43">
      <c r="A40717" t="s">
        <v>25147</v>
      </c>
      <c r="B40717" t="s">
        <v>25148</v>
      </c>
      <c r="C40717" t="s">
        <v>21275</v>
      </c>
      <c r="D40717" t="s">
        <v>21276</v>
      </c>
      <c r="E40717" t="s">
        <v>21139</v>
      </c>
      <c r="F40717" t="s">
        <v>21140</v>
      </c>
      <c r="G40717" t="s">
        <v>20255</v>
      </c>
      <c r="H40717" t="s">
        <v>20256</v>
      </c>
      <c r="I40717" s="2">
        <v>1</v>
      </c>
      <c r="J40717" s="2">
        <v>0</v>
      </c>
      <c r="K40717" s="2">
        <v>0</v>
      </c>
      <c r="L40717" t="s">
        <v>120</v>
      </c>
      <c r="M40717" t="s">
        <v>83</v>
      </c>
      <c r="N40717" t="s">
        <v>91</v>
      </c>
      <c r="O40717" t="s">
        <v>85</v>
      </c>
      <c r="P40717" t="s">
        <v>86</v>
      </c>
      <c r="Q40717">
        <v>43</v>
      </c>
      <c r="R40717">
        <v>44</v>
      </c>
      <c r="S40717">
        <v>45</v>
      </c>
      <c r="T40717">
        <v>46</v>
      </c>
      <c r="U40717">
        <v>47</v>
      </c>
      <c r="V40717">
        <v>48</v>
      </c>
      <c r="W40717">
        <v>49</v>
      </c>
      <c r="X40717">
        <v>50</v>
      </c>
      <c r="Y40717">
        <v>51</v>
      </c>
      <c r="Z40717">
        <v>52</v>
      </c>
      <c r="AA40717">
        <v>53</v>
      </c>
      <c r="AB40717">
        <v>54</v>
      </c>
      <c r="AC40717">
        <v>55</v>
      </c>
      <c r="AD40717">
        <v>56</v>
      </c>
      <c r="AE40717">
        <v>57</v>
      </c>
      <c r="AF40717">
        <v>58</v>
      </c>
      <c r="AG40717">
        <v>59</v>
      </c>
      <c r="AH40717">
        <v>60</v>
      </c>
      <c r="AI40717">
        <v>61</v>
      </c>
      <c r="AJ40717">
        <v>62</v>
      </c>
      <c r="AK40717">
        <v>63</v>
      </c>
      <c r="AL40717">
        <v>63</v>
      </c>
      <c r="AM40717">
        <v>64</v>
      </c>
      <c r="AN40717">
        <v>64</v>
      </c>
      <c r="AO40717">
        <v>65</v>
      </c>
      <c r="AP40717">
        <v>65</v>
      </c>
      <c r="AQ40717">
        <v>66</v>
      </c>
    </row>
    <row r="40718" spans="1:43">
      <c r="A40718" t="s">
        <v>25149</v>
      </c>
      <c r="B40718" t="s">
        <v>25150</v>
      </c>
      <c r="C40718" t="s">
        <v>21137</v>
      </c>
      <c r="D40718" t="s">
        <v>21138</v>
      </c>
      <c r="E40718" t="s">
        <v>21139</v>
      </c>
      <c r="F40718" t="s">
        <v>21140</v>
      </c>
      <c r="G40718" t="s">
        <v>20255</v>
      </c>
      <c r="H40718" t="s">
        <v>20256</v>
      </c>
      <c r="I40718" s="2">
        <v>1</v>
      </c>
      <c r="J40718" s="2">
        <v>0</v>
      </c>
      <c r="K40718" s="2">
        <v>0</v>
      </c>
      <c r="L40718" t="s">
        <v>120</v>
      </c>
      <c r="M40718" t="s">
        <v>83</v>
      </c>
      <c r="N40718" t="s">
        <v>84</v>
      </c>
      <c r="O40718" t="s">
        <v>85</v>
      </c>
      <c r="P40718" t="s">
        <v>86</v>
      </c>
      <c r="Q40718">
        <v>12</v>
      </c>
      <c r="R40718">
        <v>12</v>
      </c>
      <c r="S40718">
        <v>12</v>
      </c>
      <c r="T40718">
        <v>13</v>
      </c>
      <c r="U40718">
        <v>13</v>
      </c>
      <c r="V40718">
        <v>13</v>
      </c>
      <c r="W40718">
        <v>13</v>
      </c>
      <c r="X40718">
        <v>14</v>
      </c>
      <c r="Y40718">
        <v>14</v>
      </c>
      <c r="Z40718">
        <v>14</v>
      </c>
      <c r="AA40718">
        <v>14</v>
      </c>
      <c r="AB40718">
        <v>15</v>
      </c>
      <c r="AC40718">
        <v>15</v>
      </c>
      <c r="AD40718">
        <v>15</v>
      </c>
      <c r="AE40718">
        <v>15</v>
      </c>
      <c r="AF40718">
        <v>16</v>
      </c>
      <c r="AG40718">
        <v>16</v>
      </c>
      <c r="AH40718">
        <v>16</v>
      </c>
      <c r="AI40718">
        <v>17</v>
      </c>
      <c r="AJ40718">
        <v>17</v>
      </c>
      <c r="AK40718">
        <v>17</v>
      </c>
      <c r="AL40718">
        <v>17</v>
      </c>
      <c r="AM40718">
        <v>17</v>
      </c>
      <c r="AN40718">
        <v>18</v>
      </c>
      <c r="AO40718">
        <v>18</v>
      </c>
      <c r="AP40718">
        <v>18</v>
      </c>
      <c r="AQ40718">
        <v>18</v>
      </c>
    </row>
    <row r="40719" spans="1:43">
      <c r="A40719" t="s">
        <v>25149</v>
      </c>
      <c r="B40719" t="s">
        <v>25150</v>
      </c>
      <c r="C40719" t="s">
        <v>21137</v>
      </c>
      <c r="D40719" t="s">
        <v>21138</v>
      </c>
      <c r="E40719" t="s">
        <v>21139</v>
      </c>
      <c r="F40719" t="s">
        <v>21140</v>
      </c>
      <c r="G40719" t="s">
        <v>20255</v>
      </c>
      <c r="H40719" t="s">
        <v>20256</v>
      </c>
      <c r="I40719" s="2">
        <v>1</v>
      </c>
      <c r="J40719" s="2">
        <v>0</v>
      </c>
      <c r="K40719" s="2">
        <v>0</v>
      </c>
      <c r="L40719" t="s">
        <v>120</v>
      </c>
      <c r="M40719" t="s">
        <v>87</v>
      </c>
      <c r="N40719" t="s">
        <v>88</v>
      </c>
      <c r="O40719" t="s">
        <v>85</v>
      </c>
      <c r="P40719" t="s">
        <v>86</v>
      </c>
      <c r="Q40719">
        <v>12</v>
      </c>
      <c r="R40719">
        <v>12</v>
      </c>
      <c r="S40719">
        <v>12</v>
      </c>
      <c r="T40719">
        <v>12</v>
      </c>
      <c r="U40719">
        <v>12</v>
      </c>
      <c r="V40719">
        <v>12</v>
      </c>
      <c r="W40719">
        <v>13</v>
      </c>
      <c r="X40719">
        <v>13</v>
      </c>
      <c r="Y40719">
        <v>13</v>
      </c>
      <c r="Z40719">
        <v>13</v>
      </c>
      <c r="AA40719">
        <v>13</v>
      </c>
      <c r="AB40719">
        <v>13</v>
      </c>
      <c r="AC40719">
        <v>14</v>
      </c>
      <c r="AD40719">
        <v>14</v>
      </c>
      <c r="AE40719">
        <v>14</v>
      </c>
      <c r="AF40719">
        <v>14</v>
      </c>
      <c r="AG40719">
        <v>14</v>
      </c>
      <c r="AH40719">
        <v>14</v>
      </c>
      <c r="AI40719">
        <v>15</v>
      </c>
      <c r="AJ40719">
        <v>15</v>
      </c>
      <c r="AK40719">
        <v>15</v>
      </c>
      <c r="AL40719">
        <v>15</v>
      </c>
      <c r="AM40719">
        <v>15</v>
      </c>
      <c r="AN40719">
        <v>15</v>
      </c>
      <c r="AO40719">
        <v>16</v>
      </c>
      <c r="AP40719">
        <v>16</v>
      </c>
      <c r="AQ40719">
        <v>16</v>
      </c>
    </row>
    <row r="40720" spans="1:43">
      <c r="A40720" t="s">
        <v>25149</v>
      </c>
      <c r="B40720" t="s">
        <v>25150</v>
      </c>
      <c r="C40720" t="s">
        <v>21137</v>
      </c>
      <c r="D40720" t="s">
        <v>21138</v>
      </c>
      <c r="E40720" t="s">
        <v>21139</v>
      </c>
      <c r="F40720" t="s">
        <v>21140</v>
      </c>
      <c r="G40720" t="s">
        <v>20255</v>
      </c>
      <c r="H40720" t="s">
        <v>20256</v>
      </c>
      <c r="I40720" s="2">
        <v>1</v>
      </c>
      <c r="J40720" s="2">
        <v>0</v>
      </c>
      <c r="K40720" s="2">
        <v>0</v>
      </c>
      <c r="L40720" t="s">
        <v>120</v>
      </c>
      <c r="M40720" t="s">
        <v>89</v>
      </c>
      <c r="N40720" t="s">
        <v>90</v>
      </c>
      <c r="O40720" t="s">
        <v>85</v>
      </c>
      <c r="P40720" t="s">
        <v>86</v>
      </c>
      <c r="Q40720">
        <v>12</v>
      </c>
      <c r="R40720">
        <v>12</v>
      </c>
      <c r="S40720">
        <v>13</v>
      </c>
      <c r="T40720">
        <v>13</v>
      </c>
      <c r="U40720">
        <v>13</v>
      </c>
      <c r="V40720">
        <v>14</v>
      </c>
      <c r="W40720">
        <v>14</v>
      </c>
      <c r="X40720">
        <v>14</v>
      </c>
      <c r="Y40720">
        <v>15</v>
      </c>
      <c r="Z40720">
        <v>15</v>
      </c>
      <c r="AA40720">
        <v>15</v>
      </c>
      <c r="AB40720">
        <v>16</v>
      </c>
      <c r="AC40720">
        <v>16</v>
      </c>
      <c r="AD40720">
        <v>16</v>
      </c>
      <c r="AE40720">
        <v>16</v>
      </c>
      <c r="AF40720">
        <v>17</v>
      </c>
      <c r="AG40720">
        <v>17</v>
      </c>
      <c r="AH40720">
        <v>17</v>
      </c>
      <c r="AI40720">
        <v>17</v>
      </c>
      <c r="AJ40720">
        <v>17</v>
      </c>
      <c r="AK40720">
        <v>17</v>
      </c>
      <c r="AL40720">
        <v>17</v>
      </c>
      <c r="AM40720">
        <v>17</v>
      </c>
      <c r="AN40720">
        <v>18</v>
      </c>
      <c r="AO40720">
        <v>18</v>
      </c>
      <c r="AP40720">
        <v>18</v>
      </c>
      <c r="AQ40720">
        <v>18</v>
      </c>
    </row>
    <row r="40721" spans="1:43">
      <c r="A40721" t="s">
        <v>25149</v>
      </c>
      <c r="B40721" t="s">
        <v>25150</v>
      </c>
      <c r="C40721" t="s">
        <v>21137</v>
      </c>
      <c r="D40721" t="s">
        <v>21138</v>
      </c>
      <c r="E40721" t="s">
        <v>21139</v>
      </c>
      <c r="F40721" t="s">
        <v>21140</v>
      </c>
      <c r="G40721" t="s">
        <v>20255</v>
      </c>
      <c r="H40721" t="s">
        <v>20256</v>
      </c>
      <c r="I40721" s="2">
        <v>1</v>
      </c>
      <c r="J40721" s="2">
        <v>0</v>
      </c>
      <c r="K40721" s="2">
        <v>0</v>
      </c>
      <c r="L40721" t="s">
        <v>120</v>
      </c>
      <c r="M40721" t="s">
        <v>83</v>
      </c>
      <c r="N40721" t="s">
        <v>91</v>
      </c>
      <c r="O40721" t="s">
        <v>85</v>
      </c>
      <c r="P40721" t="s">
        <v>86</v>
      </c>
      <c r="Q40721">
        <v>12</v>
      </c>
      <c r="R40721">
        <v>12</v>
      </c>
      <c r="S40721">
        <v>12</v>
      </c>
      <c r="T40721">
        <v>13</v>
      </c>
      <c r="U40721">
        <v>13</v>
      </c>
      <c r="V40721">
        <v>13</v>
      </c>
      <c r="W40721">
        <v>13</v>
      </c>
      <c r="X40721">
        <v>14</v>
      </c>
      <c r="Y40721">
        <v>14</v>
      </c>
      <c r="Z40721">
        <v>14</v>
      </c>
      <c r="AA40721">
        <v>14</v>
      </c>
      <c r="AB40721">
        <v>15</v>
      </c>
      <c r="AC40721">
        <v>15</v>
      </c>
      <c r="AD40721">
        <v>15</v>
      </c>
      <c r="AE40721">
        <v>15</v>
      </c>
      <c r="AF40721">
        <v>16</v>
      </c>
      <c r="AG40721">
        <v>16</v>
      </c>
      <c r="AH40721">
        <v>16</v>
      </c>
      <c r="AI40721">
        <v>17</v>
      </c>
      <c r="AJ40721">
        <v>17</v>
      </c>
      <c r="AK40721">
        <v>17</v>
      </c>
      <c r="AL40721">
        <v>17</v>
      </c>
      <c r="AM40721">
        <v>17</v>
      </c>
      <c r="AN40721">
        <v>18</v>
      </c>
      <c r="AO40721">
        <v>18</v>
      </c>
      <c r="AP40721">
        <v>18</v>
      </c>
      <c r="AQ40721">
        <v>18</v>
      </c>
    </row>
    <row r="40722" spans="1:43">
      <c r="A40722" t="s">
        <v>25151</v>
      </c>
      <c r="B40722" t="s">
        <v>25152</v>
      </c>
      <c r="C40722" t="s">
        <v>21137</v>
      </c>
      <c r="D40722" t="s">
        <v>21138</v>
      </c>
      <c r="E40722" t="s">
        <v>21139</v>
      </c>
      <c r="F40722" t="s">
        <v>21140</v>
      </c>
      <c r="G40722" t="s">
        <v>20255</v>
      </c>
      <c r="H40722" t="s">
        <v>20256</v>
      </c>
      <c r="I40722" s="2">
        <v>1</v>
      </c>
      <c r="J40722" s="2">
        <v>0</v>
      </c>
      <c r="K40722" s="2">
        <v>0</v>
      </c>
      <c r="L40722" t="s">
        <v>120</v>
      </c>
      <c r="M40722" t="s">
        <v>83</v>
      </c>
      <c r="N40722" t="s">
        <v>84</v>
      </c>
      <c r="O40722" t="s">
        <v>85</v>
      </c>
      <c r="P40722" t="s">
        <v>86</v>
      </c>
      <c r="Q40722">
        <v>22</v>
      </c>
      <c r="R40722">
        <v>23</v>
      </c>
      <c r="S40722">
        <v>23</v>
      </c>
      <c r="T40722">
        <v>24</v>
      </c>
      <c r="U40722">
        <v>25</v>
      </c>
      <c r="V40722">
        <v>25</v>
      </c>
      <c r="W40722">
        <v>26</v>
      </c>
      <c r="X40722">
        <v>26</v>
      </c>
      <c r="Y40722">
        <v>27</v>
      </c>
      <c r="Z40722">
        <v>27</v>
      </c>
      <c r="AA40722">
        <v>28</v>
      </c>
      <c r="AB40722">
        <v>28</v>
      </c>
      <c r="AC40722">
        <v>29</v>
      </c>
      <c r="AD40722">
        <v>29</v>
      </c>
      <c r="AE40722">
        <v>30</v>
      </c>
      <c r="AF40722">
        <v>30</v>
      </c>
      <c r="AG40722">
        <v>31</v>
      </c>
      <c r="AH40722">
        <v>31</v>
      </c>
      <c r="AI40722">
        <v>32</v>
      </c>
      <c r="AJ40722">
        <v>32</v>
      </c>
      <c r="AK40722">
        <v>33</v>
      </c>
      <c r="AL40722">
        <v>33</v>
      </c>
      <c r="AM40722">
        <v>33</v>
      </c>
      <c r="AN40722">
        <v>34</v>
      </c>
      <c r="AO40722">
        <v>34</v>
      </c>
      <c r="AP40722">
        <v>34</v>
      </c>
      <c r="AQ40722">
        <v>34</v>
      </c>
    </row>
    <row r="40723" spans="1:43">
      <c r="A40723" t="s">
        <v>25151</v>
      </c>
      <c r="B40723" t="s">
        <v>25152</v>
      </c>
      <c r="C40723" t="s">
        <v>21137</v>
      </c>
      <c r="D40723" t="s">
        <v>21138</v>
      </c>
      <c r="E40723" t="s">
        <v>21139</v>
      </c>
      <c r="F40723" t="s">
        <v>21140</v>
      </c>
      <c r="G40723" t="s">
        <v>20255</v>
      </c>
      <c r="H40723" t="s">
        <v>20256</v>
      </c>
      <c r="I40723" s="2">
        <v>1</v>
      </c>
      <c r="J40723" s="2">
        <v>0</v>
      </c>
      <c r="K40723" s="2">
        <v>0</v>
      </c>
      <c r="L40723" t="s">
        <v>120</v>
      </c>
      <c r="M40723" t="s">
        <v>87</v>
      </c>
      <c r="N40723" t="s">
        <v>88</v>
      </c>
      <c r="O40723" t="s">
        <v>85</v>
      </c>
      <c r="P40723" t="s">
        <v>86</v>
      </c>
      <c r="Q40723">
        <v>22</v>
      </c>
      <c r="R40723">
        <v>23</v>
      </c>
      <c r="S40723">
        <v>23</v>
      </c>
      <c r="T40723">
        <v>23</v>
      </c>
      <c r="U40723">
        <v>23</v>
      </c>
      <c r="V40723">
        <v>24</v>
      </c>
      <c r="W40723">
        <v>24</v>
      </c>
      <c r="X40723">
        <v>24</v>
      </c>
      <c r="Y40723">
        <v>25</v>
      </c>
      <c r="Z40723">
        <v>25</v>
      </c>
      <c r="AA40723">
        <v>25</v>
      </c>
      <c r="AB40723">
        <v>26</v>
      </c>
      <c r="AC40723">
        <v>26</v>
      </c>
      <c r="AD40723">
        <v>26</v>
      </c>
      <c r="AE40723">
        <v>26</v>
      </c>
      <c r="AF40723">
        <v>27</v>
      </c>
      <c r="AG40723">
        <v>27</v>
      </c>
      <c r="AH40723">
        <v>27</v>
      </c>
      <c r="AI40723">
        <v>28</v>
      </c>
      <c r="AJ40723">
        <v>28</v>
      </c>
      <c r="AK40723">
        <v>28</v>
      </c>
      <c r="AL40723">
        <v>29</v>
      </c>
      <c r="AM40723">
        <v>29</v>
      </c>
      <c r="AN40723">
        <v>29</v>
      </c>
      <c r="AO40723">
        <v>30</v>
      </c>
      <c r="AP40723">
        <v>30</v>
      </c>
      <c r="AQ40723">
        <v>30</v>
      </c>
    </row>
    <row r="40724" spans="1:43">
      <c r="A40724" t="s">
        <v>25151</v>
      </c>
      <c r="B40724" t="s">
        <v>25152</v>
      </c>
      <c r="C40724" t="s">
        <v>21137</v>
      </c>
      <c r="D40724" t="s">
        <v>21138</v>
      </c>
      <c r="E40724" t="s">
        <v>21139</v>
      </c>
      <c r="F40724" t="s">
        <v>21140</v>
      </c>
      <c r="G40724" t="s">
        <v>20255</v>
      </c>
      <c r="H40724" t="s">
        <v>20256</v>
      </c>
      <c r="I40724" s="2">
        <v>1</v>
      </c>
      <c r="J40724" s="2">
        <v>0</v>
      </c>
      <c r="K40724" s="2">
        <v>0</v>
      </c>
      <c r="L40724" t="s">
        <v>120</v>
      </c>
      <c r="M40724" t="s">
        <v>89</v>
      </c>
      <c r="N40724" t="s">
        <v>90</v>
      </c>
      <c r="O40724" t="s">
        <v>85</v>
      </c>
      <c r="P40724" t="s">
        <v>86</v>
      </c>
      <c r="Q40724">
        <v>22</v>
      </c>
      <c r="R40724">
        <v>22</v>
      </c>
      <c r="S40724">
        <v>23</v>
      </c>
      <c r="T40724">
        <v>24</v>
      </c>
      <c r="U40724">
        <v>24</v>
      </c>
      <c r="V40724">
        <v>25</v>
      </c>
      <c r="W40724">
        <v>26</v>
      </c>
      <c r="X40724">
        <v>26</v>
      </c>
      <c r="Y40724">
        <v>27</v>
      </c>
      <c r="Z40724">
        <v>28</v>
      </c>
      <c r="AA40724">
        <v>28</v>
      </c>
      <c r="AB40724">
        <v>29</v>
      </c>
      <c r="AC40724">
        <v>29</v>
      </c>
      <c r="AD40724">
        <v>30</v>
      </c>
      <c r="AE40724">
        <v>30</v>
      </c>
      <c r="AF40724">
        <v>31</v>
      </c>
      <c r="AG40724">
        <v>31</v>
      </c>
      <c r="AH40724">
        <v>31</v>
      </c>
      <c r="AI40724">
        <v>31</v>
      </c>
      <c r="AJ40724">
        <v>32</v>
      </c>
      <c r="AK40724">
        <v>32</v>
      </c>
      <c r="AL40724">
        <v>32</v>
      </c>
      <c r="AM40724">
        <v>32</v>
      </c>
      <c r="AN40724">
        <v>33</v>
      </c>
      <c r="AO40724">
        <v>33</v>
      </c>
      <c r="AP40724">
        <v>33</v>
      </c>
      <c r="AQ40724">
        <v>33</v>
      </c>
    </row>
    <row r="40725" spans="1:43">
      <c r="A40725" t="s">
        <v>25151</v>
      </c>
      <c r="B40725" t="s">
        <v>25152</v>
      </c>
      <c r="C40725" t="s">
        <v>21137</v>
      </c>
      <c r="D40725" t="s">
        <v>21138</v>
      </c>
      <c r="E40725" t="s">
        <v>21139</v>
      </c>
      <c r="F40725" t="s">
        <v>21140</v>
      </c>
      <c r="G40725" t="s">
        <v>20255</v>
      </c>
      <c r="H40725" t="s">
        <v>20256</v>
      </c>
      <c r="I40725" s="2">
        <v>1</v>
      </c>
      <c r="J40725" s="2">
        <v>0</v>
      </c>
      <c r="K40725" s="2">
        <v>0</v>
      </c>
      <c r="L40725" t="s">
        <v>120</v>
      </c>
      <c r="M40725" t="s">
        <v>83</v>
      </c>
      <c r="N40725" t="s">
        <v>91</v>
      </c>
      <c r="O40725" t="s">
        <v>85</v>
      </c>
      <c r="P40725" t="s">
        <v>86</v>
      </c>
      <c r="Q40725">
        <v>22</v>
      </c>
      <c r="R40725">
        <v>23</v>
      </c>
      <c r="S40725">
        <v>23</v>
      </c>
      <c r="T40725">
        <v>24</v>
      </c>
      <c r="U40725">
        <v>25</v>
      </c>
      <c r="V40725">
        <v>25</v>
      </c>
      <c r="W40725">
        <v>26</v>
      </c>
      <c r="X40725">
        <v>26</v>
      </c>
      <c r="Y40725">
        <v>27</v>
      </c>
      <c r="Z40725">
        <v>27</v>
      </c>
      <c r="AA40725">
        <v>28</v>
      </c>
      <c r="AB40725">
        <v>28</v>
      </c>
      <c r="AC40725">
        <v>29</v>
      </c>
      <c r="AD40725">
        <v>29</v>
      </c>
      <c r="AE40725">
        <v>30</v>
      </c>
      <c r="AF40725">
        <v>30</v>
      </c>
      <c r="AG40725">
        <v>31</v>
      </c>
      <c r="AH40725">
        <v>31</v>
      </c>
      <c r="AI40725">
        <v>32</v>
      </c>
      <c r="AJ40725">
        <v>32</v>
      </c>
      <c r="AK40725">
        <v>33</v>
      </c>
      <c r="AL40725">
        <v>33</v>
      </c>
      <c r="AM40725">
        <v>33</v>
      </c>
      <c r="AN40725">
        <v>34</v>
      </c>
      <c r="AO40725">
        <v>34</v>
      </c>
      <c r="AP40725">
        <v>34</v>
      </c>
      <c r="AQ40725">
        <v>34</v>
      </c>
    </row>
    <row r="40726" spans="1:43">
      <c r="A40726" t="s">
        <v>25153</v>
      </c>
      <c r="B40726" t="s">
        <v>25154</v>
      </c>
      <c r="C40726" t="s">
        <v>21275</v>
      </c>
      <c r="D40726" t="s">
        <v>21276</v>
      </c>
      <c r="E40726" t="s">
        <v>21139</v>
      </c>
      <c r="F40726" t="s">
        <v>21140</v>
      </c>
      <c r="G40726" t="s">
        <v>20255</v>
      </c>
      <c r="H40726" t="s">
        <v>20256</v>
      </c>
      <c r="I40726" s="2">
        <v>1</v>
      </c>
      <c r="J40726" s="2">
        <v>0</v>
      </c>
      <c r="K40726" s="2">
        <v>0</v>
      </c>
      <c r="L40726" t="s">
        <v>120</v>
      </c>
      <c r="M40726" t="s">
        <v>83</v>
      </c>
      <c r="N40726" t="s">
        <v>84</v>
      </c>
      <c r="O40726" t="s">
        <v>85</v>
      </c>
      <c r="P40726" t="s">
        <v>86</v>
      </c>
      <c r="Q40726">
        <v>14</v>
      </c>
      <c r="R40726">
        <v>14</v>
      </c>
      <c r="S40726">
        <v>15</v>
      </c>
      <c r="T40726">
        <v>15</v>
      </c>
      <c r="U40726">
        <v>15</v>
      </c>
      <c r="V40726">
        <v>16</v>
      </c>
      <c r="W40726">
        <v>16</v>
      </c>
      <c r="X40726">
        <v>16</v>
      </c>
      <c r="Y40726">
        <v>17</v>
      </c>
      <c r="Z40726">
        <v>17</v>
      </c>
      <c r="AA40726">
        <v>17</v>
      </c>
      <c r="AB40726">
        <v>18</v>
      </c>
      <c r="AC40726">
        <v>18</v>
      </c>
      <c r="AD40726">
        <v>18</v>
      </c>
      <c r="AE40726">
        <v>19</v>
      </c>
      <c r="AF40726">
        <v>19</v>
      </c>
      <c r="AG40726">
        <v>19</v>
      </c>
      <c r="AH40726">
        <v>20</v>
      </c>
      <c r="AI40726">
        <v>20</v>
      </c>
      <c r="AJ40726">
        <v>20</v>
      </c>
      <c r="AK40726">
        <v>21</v>
      </c>
      <c r="AL40726">
        <v>21</v>
      </c>
      <c r="AM40726">
        <v>21</v>
      </c>
      <c r="AN40726">
        <v>21</v>
      </c>
      <c r="AO40726">
        <v>21</v>
      </c>
      <c r="AP40726">
        <v>21</v>
      </c>
      <c r="AQ40726">
        <v>22</v>
      </c>
    </row>
    <row r="40727" spans="1:43">
      <c r="A40727" t="s">
        <v>25153</v>
      </c>
      <c r="B40727" t="s">
        <v>25154</v>
      </c>
      <c r="C40727" t="s">
        <v>21275</v>
      </c>
      <c r="D40727" t="s">
        <v>21276</v>
      </c>
      <c r="E40727" t="s">
        <v>21139</v>
      </c>
      <c r="F40727" t="s">
        <v>21140</v>
      </c>
      <c r="G40727" t="s">
        <v>20255</v>
      </c>
      <c r="H40727" t="s">
        <v>20256</v>
      </c>
      <c r="I40727" s="2">
        <v>1</v>
      </c>
      <c r="J40727" s="2">
        <v>0</v>
      </c>
      <c r="K40727" s="2">
        <v>0</v>
      </c>
      <c r="L40727" t="s">
        <v>120</v>
      </c>
      <c r="M40727" t="s">
        <v>87</v>
      </c>
      <c r="N40727" t="s">
        <v>88</v>
      </c>
      <c r="O40727" t="s">
        <v>85</v>
      </c>
      <c r="P40727" t="s">
        <v>86</v>
      </c>
      <c r="Q40727">
        <v>14</v>
      </c>
      <c r="R40727">
        <v>14</v>
      </c>
      <c r="S40727">
        <v>14</v>
      </c>
      <c r="T40727">
        <v>15</v>
      </c>
      <c r="U40727">
        <v>15</v>
      </c>
      <c r="V40727">
        <v>15</v>
      </c>
      <c r="W40727">
        <v>15</v>
      </c>
      <c r="X40727">
        <v>15</v>
      </c>
      <c r="Y40727">
        <v>16</v>
      </c>
      <c r="Z40727">
        <v>16</v>
      </c>
      <c r="AA40727">
        <v>16</v>
      </c>
      <c r="AB40727">
        <v>16</v>
      </c>
      <c r="AC40727">
        <v>16</v>
      </c>
      <c r="AD40727">
        <v>16</v>
      </c>
      <c r="AE40727">
        <v>17</v>
      </c>
      <c r="AF40727">
        <v>17</v>
      </c>
      <c r="AG40727">
        <v>17</v>
      </c>
      <c r="AH40727">
        <v>17</v>
      </c>
      <c r="AI40727">
        <v>17</v>
      </c>
      <c r="AJ40727">
        <v>18</v>
      </c>
      <c r="AK40727">
        <v>18</v>
      </c>
      <c r="AL40727">
        <v>18</v>
      </c>
      <c r="AM40727">
        <v>18</v>
      </c>
      <c r="AN40727">
        <v>18</v>
      </c>
      <c r="AO40727">
        <v>19</v>
      </c>
      <c r="AP40727">
        <v>19</v>
      </c>
      <c r="AQ40727">
        <v>19</v>
      </c>
    </row>
    <row r="40728" spans="1:43">
      <c r="A40728" t="s">
        <v>25153</v>
      </c>
      <c r="B40728" t="s">
        <v>25154</v>
      </c>
      <c r="C40728" t="s">
        <v>21275</v>
      </c>
      <c r="D40728" t="s">
        <v>21276</v>
      </c>
      <c r="E40728" t="s">
        <v>21139</v>
      </c>
      <c r="F40728" t="s">
        <v>21140</v>
      </c>
      <c r="G40728" t="s">
        <v>20255</v>
      </c>
      <c r="H40728" t="s">
        <v>20256</v>
      </c>
      <c r="I40728" s="2">
        <v>1</v>
      </c>
      <c r="J40728" s="2">
        <v>0</v>
      </c>
      <c r="K40728" s="2">
        <v>0</v>
      </c>
      <c r="L40728" t="s">
        <v>120</v>
      </c>
      <c r="M40728" t="s">
        <v>89</v>
      </c>
      <c r="N40728" t="s">
        <v>90</v>
      </c>
      <c r="O40728" t="s">
        <v>85</v>
      </c>
      <c r="P40728" t="s">
        <v>86</v>
      </c>
      <c r="Q40728">
        <v>14</v>
      </c>
      <c r="R40728">
        <v>15</v>
      </c>
      <c r="S40728">
        <v>15</v>
      </c>
      <c r="T40728">
        <v>16</v>
      </c>
      <c r="U40728">
        <v>16</v>
      </c>
      <c r="V40728">
        <v>16</v>
      </c>
      <c r="W40728">
        <v>17</v>
      </c>
      <c r="X40728">
        <v>17</v>
      </c>
      <c r="Y40728">
        <v>18</v>
      </c>
      <c r="Z40728">
        <v>18</v>
      </c>
      <c r="AA40728">
        <v>18</v>
      </c>
      <c r="AB40728">
        <v>19</v>
      </c>
      <c r="AC40728">
        <v>19</v>
      </c>
      <c r="AD40728">
        <v>20</v>
      </c>
      <c r="AE40728">
        <v>20</v>
      </c>
      <c r="AF40728">
        <v>20</v>
      </c>
      <c r="AG40728">
        <v>20</v>
      </c>
      <c r="AH40728">
        <v>20</v>
      </c>
      <c r="AI40728">
        <v>20</v>
      </c>
      <c r="AJ40728">
        <v>21</v>
      </c>
      <c r="AK40728">
        <v>21</v>
      </c>
      <c r="AL40728">
        <v>21</v>
      </c>
      <c r="AM40728">
        <v>21</v>
      </c>
      <c r="AN40728">
        <v>21</v>
      </c>
      <c r="AO40728">
        <v>21</v>
      </c>
      <c r="AP40728">
        <v>22</v>
      </c>
      <c r="AQ40728">
        <v>22</v>
      </c>
    </row>
    <row r="40729" spans="1:43">
      <c r="A40729" t="s">
        <v>25153</v>
      </c>
      <c r="B40729" t="s">
        <v>25154</v>
      </c>
      <c r="C40729" t="s">
        <v>21275</v>
      </c>
      <c r="D40729" t="s">
        <v>21276</v>
      </c>
      <c r="E40729" t="s">
        <v>21139</v>
      </c>
      <c r="F40729" t="s">
        <v>21140</v>
      </c>
      <c r="G40729" t="s">
        <v>20255</v>
      </c>
      <c r="H40729" t="s">
        <v>20256</v>
      </c>
      <c r="I40729" s="2">
        <v>1</v>
      </c>
      <c r="J40729" s="2">
        <v>0</v>
      </c>
      <c r="K40729" s="2">
        <v>0</v>
      </c>
      <c r="L40729" t="s">
        <v>120</v>
      </c>
      <c r="M40729" t="s">
        <v>83</v>
      </c>
      <c r="N40729" t="s">
        <v>91</v>
      </c>
      <c r="O40729" t="s">
        <v>85</v>
      </c>
      <c r="P40729" t="s">
        <v>86</v>
      </c>
      <c r="Q40729">
        <v>14</v>
      </c>
      <c r="R40729">
        <v>14</v>
      </c>
      <c r="S40729">
        <v>15</v>
      </c>
      <c r="T40729">
        <v>15</v>
      </c>
      <c r="U40729">
        <v>15</v>
      </c>
      <c r="V40729">
        <v>16</v>
      </c>
      <c r="W40729">
        <v>16</v>
      </c>
      <c r="X40729">
        <v>16</v>
      </c>
      <c r="Y40729">
        <v>17</v>
      </c>
      <c r="Z40729">
        <v>17</v>
      </c>
      <c r="AA40729">
        <v>17</v>
      </c>
      <c r="AB40729">
        <v>18</v>
      </c>
      <c r="AC40729">
        <v>18</v>
      </c>
      <c r="AD40729">
        <v>18</v>
      </c>
      <c r="AE40729">
        <v>19</v>
      </c>
      <c r="AF40729">
        <v>19</v>
      </c>
      <c r="AG40729">
        <v>19</v>
      </c>
      <c r="AH40729">
        <v>20</v>
      </c>
      <c r="AI40729">
        <v>20</v>
      </c>
      <c r="AJ40729">
        <v>20</v>
      </c>
      <c r="AK40729">
        <v>21</v>
      </c>
      <c r="AL40729">
        <v>21</v>
      </c>
      <c r="AM40729">
        <v>21</v>
      </c>
      <c r="AN40729">
        <v>21</v>
      </c>
      <c r="AO40729">
        <v>21</v>
      </c>
      <c r="AP40729">
        <v>21</v>
      </c>
      <c r="AQ40729">
        <v>22</v>
      </c>
    </row>
    <row r="40730" spans="1:43">
      <c r="A40730" t="s">
        <v>25155</v>
      </c>
      <c r="B40730" t="s">
        <v>25156</v>
      </c>
      <c r="C40730" t="s">
        <v>25157</v>
      </c>
      <c r="D40730" t="s">
        <v>25158</v>
      </c>
      <c r="E40730" t="s">
        <v>21139</v>
      </c>
      <c r="F40730" t="s">
        <v>21140</v>
      </c>
      <c r="G40730" t="s">
        <v>20255</v>
      </c>
      <c r="H40730" t="s">
        <v>20256</v>
      </c>
      <c r="I40730" s="2">
        <v>1</v>
      </c>
      <c r="J40730" s="2">
        <v>0</v>
      </c>
      <c r="K40730" s="2">
        <v>0</v>
      </c>
      <c r="L40730" t="s">
        <v>120</v>
      </c>
      <c r="M40730" t="s">
        <v>83</v>
      </c>
      <c r="N40730" t="s">
        <v>84</v>
      </c>
      <c r="O40730" t="s">
        <v>85</v>
      </c>
      <c r="P40730" t="s">
        <v>86</v>
      </c>
      <c r="Q40730">
        <v>209</v>
      </c>
      <c r="R40730">
        <v>214</v>
      </c>
      <c r="S40730">
        <v>218</v>
      </c>
      <c r="T40730">
        <v>223</v>
      </c>
      <c r="U40730">
        <v>228</v>
      </c>
      <c r="V40730">
        <v>233</v>
      </c>
      <c r="W40730">
        <v>237</v>
      </c>
      <c r="X40730">
        <v>242</v>
      </c>
      <c r="Y40730">
        <v>247</v>
      </c>
      <c r="Z40730">
        <v>252</v>
      </c>
      <c r="AA40730">
        <v>257</v>
      </c>
      <c r="AB40730">
        <v>261</v>
      </c>
      <c r="AC40730">
        <v>266</v>
      </c>
      <c r="AD40730">
        <v>271</v>
      </c>
      <c r="AE40730">
        <v>276</v>
      </c>
      <c r="AF40730">
        <v>281</v>
      </c>
      <c r="AG40730">
        <v>286</v>
      </c>
      <c r="AH40730">
        <v>291</v>
      </c>
      <c r="AI40730">
        <v>296</v>
      </c>
      <c r="AJ40730">
        <v>302</v>
      </c>
      <c r="AK40730">
        <v>307</v>
      </c>
      <c r="AL40730">
        <v>310</v>
      </c>
      <c r="AM40730">
        <v>312</v>
      </c>
      <c r="AN40730">
        <v>314</v>
      </c>
      <c r="AO40730">
        <v>316</v>
      </c>
      <c r="AP40730">
        <v>319</v>
      </c>
      <c r="AQ40730">
        <v>321</v>
      </c>
    </row>
    <row r="40731" spans="1:43">
      <c r="A40731" t="s">
        <v>25155</v>
      </c>
      <c r="B40731" t="s">
        <v>25156</v>
      </c>
      <c r="C40731" t="s">
        <v>25157</v>
      </c>
      <c r="D40731" t="s">
        <v>25158</v>
      </c>
      <c r="E40731" t="s">
        <v>21139</v>
      </c>
      <c r="F40731" t="s">
        <v>21140</v>
      </c>
      <c r="G40731" t="s">
        <v>20255</v>
      </c>
      <c r="H40731" t="s">
        <v>20256</v>
      </c>
      <c r="I40731" s="2">
        <v>1</v>
      </c>
      <c r="J40731" s="2">
        <v>0</v>
      </c>
      <c r="K40731" s="2">
        <v>0</v>
      </c>
      <c r="L40731" t="s">
        <v>120</v>
      </c>
      <c r="M40731" t="s">
        <v>87</v>
      </c>
      <c r="N40731" t="s">
        <v>88</v>
      </c>
      <c r="O40731" t="s">
        <v>85</v>
      </c>
      <c r="P40731" t="s">
        <v>86</v>
      </c>
      <c r="Q40731">
        <v>209</v>
      </c>
      <c r="R40731">
        <v>212</v>
      </c>
      <c r="S40731">
        <v>214</v>
      </c>
      <c r="T40731">
        <v>217</v>
      </c>
      <c r="U40731">
        <v>220</v>
      </c>
      <c r="V40731">
        <v>222</v>
      </c>
      <c r="W40731">
        <v>225</v>
      </c>
      <c r="X40731">
        <v>228</v>
      </c>
      <c r="Y40731">
        <v>230</v>
      </c>
      <c r="Z40731">
        <v>233</v>
      </c>
      <c r="AA40731">
        <v>236</v>
      </c>
      <c r="AB40731">
        <v>239</v>
      </c>
      <c r="AC40731">
        <v>241</v>
      </c>
      <c r="AD40731">
        <v>244</v>
      </c>
      <c r="AE40731">
        <v>247</v>
      </c>
      <c r="AF40731">
        <v>250</v>
      </c>
      <c r="AG40731">
        <v>252</v>
      </c>
      <c r="AH40731">
        <v>255</v>
      </c>
      <c r="AI40731">
        <v>258</v>
      </c>
      <c r="AJ40731">
        <v>261</v>
      </c>
      <c r="AK40731">
        <v>264</v>
      </c>
      <c r="AL40731">
        <v>266</v>
      </c>
      <c r="AM40731">
        <v>269</v>
      </c>
      <c r="AN40731">
        <v>272</v>
      </c>
      <c r="AO40731">
        <v>275</v>
      </c>
      <c r="AP40731">
        <v>278</v>
      </c>
      <c r="AQ40731">
        <v>281</v>
      </c>
    </row>
    <row r="40732" spans="1:43">
      <c r="A40732" t="s">
        <v>25155</v>
      </c>
      <c r="B40732" t="s">
        <v>25156</v>
      </c>
      <c r="C40732" t="s">
        <v>25157</v>
      </c>
      <c r="D40732" t="s">
        <v>25158</v>
      </c>
      <c r="E40732" t="s">
        <v>21139</v>
      </c>
      <c r="F40732" t="s">
        <v>21140</v>
      </c>
      <c r="G40732" t="s">
        <v>20255</v>
      </c>
      <c r="H40732" t="s">
        <v>20256</v>
      </c>
      <c r="I40732" s="2">
        <v>1</v>
      </c>
      <c r="J40732" s="2">
        <v>0</v>
      </c>
      <c r="K40732" s="2">
        <v>0</v>
      </c>
      <c r="L40732" t="s">
        <v>120</v>
      </c>
      <c r="M40732" t="s">
        <v>89</v>
      </c>
      <c r="N40732" t="s">
        <v>90</v>
      </c>
      <c r="O40732" t="s">
        <v>85</v>
      </c>
      <c r="P40732" t="s">
        <v>86</v>
      </c>
      <c r="Q40732">
        <v>209</v>
      </c>
      <c r="R40732">
        <v>215</v>
      </c>
      <c r="S40732">
        <v>222</v>
      </c>
      <c r="T40732">
        <v>228</v>
      </c>
      <c r="U40732">
        <v>235</v>
      </c>
      <c r="V40732">
        <v>241</v>
      </c>
      <c r="W40732">
        <v>247</v>
      </c>
      <c r="X40732">
        <v>253</v>
      </c>
      <c r="Y40732">
        <v>259</v>
      </c>
      <c r="Z40732">
        <v>265</v>
      </c>
      <c r="AA40732">
        <v>271</v>
      </c>
      <c r="AB40732">
        <v>277</v>
      </c>
      <c r="AC40732">
        <v>284</v>
      </c>
      <c r="AD40732">
        <v>290</v>
      </c>
      <c r="AE40732">
        <v>294</v>
      </c>
      <c r="AF40732">
        <v>297</v>
      </c>
      <c r="AG40732">
        <v>299</v>
      </c>
      <c r="AH40732">
        <v>301</v>
      </c>
      <c r="AI40732">
        <v>304</v>
      </c>
      <c r="AJ40732">
        <v>306</v>
      </c>
      <c r="AK40732">
        <v>308</v>
      </c>
      <c r="AL40732">
        <v>310</v>
      </c>
      <c r="AM40732">
        <v>312</v>
      </c>
      <c r="AN40732">
        <v>314</v>
      </c>
      <c r="AO40732">
        <v>317</v>
      </c>
      <c r="AP40732">
        <v>319</v>
      </c>
      <c r="AQ40732">
        <v>321</v>
      </c>
    </row>
    <row r="40733" spans="1:43">
      <c r="A40733" t="s">
        <v>25155</v>
      </c>
      <c r="B40733" t="s">
        <v>25156</v>
      </c>
      <c r="C40733" t="s">
        <v>25157</v>
      </c>
      <c r="D40733" t="s">
        <v>25158</v>
      </c>
      <c r="E40733" t="s">
        <v>21139</v>
      </c>
      <c r="F40733" t="s">
        <v>21140</v>
      </c>
      <c r="G40733" t="s">
        <v>20255</v>
      </c>
      <c r="H40733" t="s">
        <v>20256</v>
      </c>
      <c r="I40733" s="2">
        <v>1</v>
      </c>
      <c r="J40733" s="2">
        <v>0</v>
      </c>
      <c r="K40733" s="2">
        <v>0</v>
      </c>
      <c r="L40733" t="s">
        <v>120</v>
      </c>
      <c r="M40733" t="s">
        <v>83</v>
      </c>
      <c r="N40733" t="s">
        <v>91</v>
      </c>
      <c r="O40733" t="s">
        <v>85</v>
      </c>
      <c r="P40733" t="s">
        <v>86</v>
      </c>
      <c r="Q40733">
        <v>209</v>
      </c>
      <c r="R40733">
        <v>214</v>
      </c>
      <c r="S40733">
        <v>218</v>
      </c>
      <c r="T40733">
        <v>223</v>
      </c>
      <c r="U40733">
        <v>228</v>
      </c>
      <c r="V40733">
        <v>233</v>
      </c>
      <c r="W40733">
        <v>237</v>
      </c>
      <c r="X40733">
        <v>242</v>
      </c>
      <c r="Y40733">
        <v>247</v>
      </c>
      <c r="Z40733">
        <v>252</v>
      </c>
      <c r="AA40733">
        <v>257</v>
      </c>
      <c r="AB40733">
        <v>261</v>
      </c>
      <c r="AC40733">
        <v>266</v>
      </c>
      <c r="AD40733">
        <v>271</v>
      </c>
      <c r="AE40733">
        <v>276</v>
      </c>
      <c r="AF40733">
        <v>281</v>
      </c>
      <c r="AG40733">
        <v>286</v>
      </c>
      <c r="AH40733">
        <v>291</v>
      </c>
      <c r="AI40733">
        <v>296</v>
      </c>
      <c r="AJ40733">
        <v>302</v>
      </c>
      <c r="AK40733">
        <v>307</v>
      </c>
      <c r="AL40733">
        <v>310</v>
      </c>
      <c r="AM40733">
        <v>312</v>
      </c>
      <c r="AN40733">
        <v>314</v>
      </c>
      <c r="AO40733">
        <v>316</v>
      </c>
      <c r="AP40733">
        <v>319</v>
      </c>
      <c r="AQ40733">
        <v>321</v>
      </c>
    </row>
    <row r="40734" spans="1:43">
      <c r="A40734" t="s">
        <v>25159</v>
      </c>
      <c r="B40734" t="s">
        <v>25160</v>
      </c>
      <c r="C40734" t="s">
        <v>25157</v>
      </c>
      <c r="D40734" t="s">
        <v>25158</v>
      </c>
      <c r="E40734" t="s">
        <v>21139</v>
      </c>
      <c r="F40734" t="s">
        <v>21140</v>
      </c>
      <c r="G40734" t="s">
        <v>20255</v>
      </c>
      <c r="H40734" t="s">
        <v>20256</v>
      </c>
      <c r="I40734" s="2">
        <v>1</v>
      </c>
      <c r="J40734" s="2">
        <v>0</v>
      </c>
      <c r="K40734" s="2">
        <v>0</v>
      </c>
      <c r="L40734" t="s">
        <v>120</v>
      </c>
      <c r="M40734" t="s">
        <v>83</v>
      </c>
      <c r="N40734" t="s">
        <v>84</v>
      </c>
      <c r="O40734" t="s">
        <v>85</v>
      </c>
      <c r="P40734" t="s">
        <v>86</v>
      </c>
      <c r="Q40734">
        <v>97</v>
      </c>
      <c r="R40734">
        <v>99</v>
      </c>
      <c r="S40734">
        <v>101</v>
      </c>
      <c r="T40734">
        <v>104</v>
      </c>
      <c r="U40734">
        <v>106</v>
      </c>
      <c r="V40734">
        <v>108</v>
      </c>
      <c r="W40734">
        <v>110</v>
      </c>
      <c r="X40734">
        <v>113</v>
      </c>
      <c r="Y40734">
        <v>115</v>
      </c>
      <c r="Z40734">
        <v>117</v>
      </c>
      <c r="AA40734">
        <v>119</v>
      </c>
      <c r="AB40734">
        <v>122</v>
      </c>
      <c r="AC40734">
        <v>124</v>
      </c>
      <c r="AD40734">
        <v>126</v>
      </c>
      <c r="AE40734">
        <v>129</v>
      </c>
      <c r="AF40734">
        <v>131</v>
      </c>
      <c r="AG40734">
        <v>133</v>
      </c>
      <c r="AH40734">
        <v>136</v>
      </c>
      <c r="AI40734">
        <v>138</v>
      </c>
      <c r="AJ40734">
        <v>141</v>
      </c>
      <c r="AK40734">
        <v>143</v>
      </c>
      <c r="AL40734">
        <v>144</v>
      </c>
      <c r="AM40734">
        <v>145</v>
      </c>
      <c r="AN40734">
        <v>146</v>
      </c>
      <c r="AO40734">
        <v>147</v>
      </c>
      <c r="AP40734">
        <v>148</v>
      </c>
      <c r="AQ40734">
        <v>149</v>
      </c>
    </row>
    <row r="40735" spans="1:43">
      <c r="A40735" t="s">
        <v>25159</v>
      </c>
      <c r="B40735" t="s">
        <v>25160</v>
      </c>
      <c r="C40735" t="s">
        <v>25157</v>
      </c>
      <c r="D40735" t="s">
        <v>25158</v>
      </c>
      <c r="E40735" t="s">
        <v>21139</v>
      </c>
      <c r="F40735" t="s">
        <v>21140</v>
      </c>
      <c r="G40735" t="s">
        <v>20255</v>
      </c>
      <c r="H40735" t="s">
        <v>20256</v>
      </c>
      <c r="I40735" s="2">
        <v>1</v>
      </c>
      <c r="J40735" s="2">
        <v>0</v>
      </c>
      <c r="K40735" s="2">
        <v>0</v>
      </c>
      <c r="L40735" t="s">
        <v>120</v>
      </c>
      <c r="M40735" t="s">
        <v>87</v>
      </c>
      <c r="N40735" t="s">
        <v>88</v>
      </c>
      <c r="O40735" t="s">
        <v>85</v>
      </c>
      <c r="P40735" t="s">
        <v>86</v>
      </c>
      <c r="Q40735">
        <v>97</v>
      </c>
      <c r="R40735">
        <v>98</v>
      </c>
      <c r="S40735">
        <v>100</v>
      </c>
      <c r="T40735">
        <v>101</v>
      </c>
      <c r="U40735">
        <v>102</v>
      </c>
      <c r="V40735">
        <v>103</v>
      </c>
      <c r="W40735">
        <v>105</v>
      </c>
      <c r="X40735">
        <v>106</v>
      </c>
      <c r="Y40735">
        <v>107</v>
      </c>
      <c r="Z40735">
        <v>109</v>
      </c>
      <c r="AA40735">
        <v>110</v>
      </c>
      <c r="AB40735">
        <v>111</v>
      </c>
      <c r="AC40735">
        <v>112</v>
      </c>
      <c r="AD40735">
        <v>114</v>
      </c>
      <c r="AE40735">
        <v>115</v>
      </c>
      <c r="AF40735">
        <v>116</v>
      </c>
      <c r="AG40735">
        <v>118</v>
      </c>
      <c r="AH40735">
        <v>119</v>
      </c>
      <c r="AI40735">
        <v>120</v>
      </c>
      <c r="AJ40735">
        <v>122</v>
      </c>
      <c r="AK40735">
        <v>123</v>
      </c>
      <c r="AL40735">
        <v>124</v>
      </c>
      <c r="AM40735">
        <v>126</v>
      </c>
      <c r="AN40735">
        <v>127</v>
      </c>
      <c r="AO40735">
        <v>128</v>
      </c>
      <c r="AP40735">
        <v>130</v>
      </c>
      <c r="AQ40735">
        <v>131</v>
      </c>
    </row>
    <row r="40736" spans="1:43">
      <c r="A40736" t="s">
        <v>25159</v>
      </c>
      <c r="B40736" t="s">
        <v>25160</v>
      </c>
      <c r="C40736" t="s">
        <v>25157</v>
      </c>
      <c r="D40736" t="s">
        <v>25158</v>
      </c>
      <c r="E40736" t="s">
        <v>21139</v>
      </c>
      <c r="F40736" t="s">
        <v>21140</v>
      </c>
      <c r="G40736" t="s">
        <v>20255</v>
      </c>
      <c r="H40736" t="s">
        <v>20256</v>
      </c>
      <c r="I40736" s="2">
        <v>1</v>
      </c>
      <c r="J40736" s="2">
        <v>0</v>
      </c>
      <c r="K40736" s="2">
        <v>0</v>
      </c>
      <c r="L40736" t="s">
        <v>120</v>
      </c>
      <c r="M40736" t="s">
        <v>89</v>
      </c>
      <c r="N40736" t="s">
        <v>90</v>
      </c>
      <c r="O40736" t="s">
        <v>85</v>
      </c>
      <c r="P40736" t="s">
        <v>86</v>
      </c>
      <c r="Q40736">
        <v>97</v>
      </c>
      <c r="R40736">
        <v>100</v>
      </c>
      <c r="S40736">
        <v>103</v>
      </c>
      <c r="T40736">
        <v>106</v>
      </c>
      <c r="U40736">
        <v>109</v>
      </c>
      <c r="V40736">
        <v>112</v>
      </c>
      <c r="W40736">
        <v>115</v>
      </c>
      <c r="X40736">
        <v>118</v>
      </c>
      <c r="Y40736">
        <v>121</v>
      </c>
      <c r="Z40736">
        <v>123</v>
      </c>
      <c r="AA40736">
        <v>126</v>
      </c>
      <c r="AB40736">
        <v>129</v>
      </c>
      <c r="AC40736">
        <v>132</v>
      </c>
      <c r="AD40736">
        <v>135</v>
      </c>
      <c r="AE40736">
        <v>137</v>
      </c>
      <c r="AF40736">
        <v>138</v>
      </c>
      <c r="AG40736">
        <v>139</v>
      </c>
      <c r="AH40736">
        <v>140</v>
      </c>
      <c r="AI40736">
        <v>141</v>
      </c>
      <c r="AJ40736">
        <v>142</v>
      </c>
      <c r="AK40736">
        <v>143</v>
      </c>
      <c r="AL40736">
        <v>144</v>
      </c>
      <c r="AM40736">
        <v>145</v>
      </c>
      <c r="AN40736">
        <v>146</v>
      </c>
      <c r="AO40736">
        <v>147</v>
      </c>
      <c r="AP40736">
        <v>148</v>
      </c>
      <c r="AQ40736">
        <v>149</v>
      </c>
    </row>
    <row r="40737" spans="1:43">
      <c r="A40737" t="s">
        <v>25159</v>
      </c>
      <c r="B40737" t="s">
        <v>25160</v>
      </c>
      <c r="C40737" t="s">
        <v>25157</v>
      </c>
      <c r="D40737" t="s">
        <v>25158</v>
      </c>
      <c r="E40737" t="s">
        <v>21139</v>
      </c>
      <c r="F40737" t="s">
        <v>21140</v>
      </c>
      <c r="G40737" t="s">
        <v>20255</v>
      </c>
      <c r="H40737" t="s">
        <v>20256</v>
      </c>
      <c r="I40737" s="2">
        <v>1</v>
      </c>
      <c r="J40737" s="2">
        <v>0</v>
      </c>
      <c r="K40737" s="2">
        <v>0</v>
      </c>
      <c r="L40737" t="s">
        <v>120</v>
      </c>
      <c r="M40737" t="s">
        <v>83</v>
      </c>
      <c r="N40737" t="s">
        <v>91</v>
      </c>
      <c r="O40737" t="s">
        <v>85</v>
      </c>
      <c r="P40737" t="s">
        <v>86</v>
      </c>
      <c r="Q40737">
        <v>97</v>
      </c>
      <c r="R40737">
        <v>99</v>
      </c>
      <c r="S40737">
        <v>101</v>
      </c>
      <c r="T40737">
        <v>104</v>
      </c>
      <c r="U40737">
        <v>106</v>
      </c>
      <c r="V40737">
        <v>108</v>
      </c>
      <c r="W40737">
        <v>110</v>
      </c>
      <c r="X40737">
        <v>113</v>
      </c>
      <c r="Y40737">
        <v>115</v>
      </c>
      <c r="Z40737">
        <v>117</v>
      </c>
      <c r="AA40737">
        <v>119</v>
      </c>
      <c r="AB40737">
        <v>122</v>
      </c>
      <c r="AC40737">
        <v>124</v>
      </c>
      <c r="AD40737">
        <v>126</v>
      </c>
      <c r="AE40737">
        <v>129</v>
      </c>
      <c r="AF40737">
        <v>131</v>
      </c>
      <c r="AG40737">
        <v>133</v>
      </c>
      <c r="AH40737">
        <v>136</v>
      </c>
      <c r="AI40737">
        <v>138</v>
      </c>
      <c r="AJ40737">
        <v>141</v>
      </c>
      <c r="AK40737">
        <v>143</v>
      </c>
      <c r="AL40737">
        <v>144</v>
      </c>
      <c r="AM40737">
        <v>145</v>
      </c>
      <c r="AN40737">
        <v>146</v>
      </c>
      <c r="AO40737">
        <v>147</v>
      </c>
      <c r="AP40737">
        <v>148</v>
      </c>
      <c r="AQ40737">
        <v>149</v>
      </c>
    </row>
    <row r="40738" spans="1:43">
      <c r="A40738" t="s">
        <v>25161</v>
      </c>
      <c r="B40738" t="s">
        <v>25162</v>
      </c>
      <c r="C40738" t="s">
        <v>25157</v>
      </c>
      <c r="D40738" t="s">
        <v>25158</v>
      </c>
      <c r="E40738" t="s">
        <v>21139</v>
      </c>
      <c r="F40738" t="s">
        <v>21140</v>
      </c>
      <c r="G40738" t="s">
        <v>20255</v>
      </c>
      <c r="H40738" t="s">
        <v>20256</v>
      </c>
      <c r="I40738" s="2">
        <v>1</v>
      </c>
      <c r="J40738" s="2">
        <v>0</v>
      </c>
      <c r="K40738" s="2">
        <v>0</v>
      </c>
      <c r="L40738" t="s">
        <v>120</v>
      </c>
      <c r="M40738" t="s">
        <v>83</v>
      </c>
      <c r="N40738" t="s">
        <v>84</v>
      </c>
      <c r="O40738" t="s">
        <v>85</v>
      </c>
      <c r="P40738" t="s">
        <v>86</v>
      </c>
      <c r="Q40738">
        <v>37</v>
      </c>
      <c r="R40738">
        <v>37</v>
      </c>
      <c r="S40738">
        <v>38</v>
      </c>
      <c r="T40738">
        <v>39</v>
      </c>
      <c r="U40738">
        <v>40</v>
      </c>
      <c r="V40738">
        <v>41</v>
      </c>
      <c r="W40738">
        <v>42</v>
      </c>
      <c r="X40738">
        <v>42</v>
      </c>
      <c r="Y40738">
        <v>43</v>
      </c>
      <c r="Z40738">
        <v>44</v>
      </c>
      <c r="AA40738">
        <v>45</v>
      </c>
      <c r="AB40738">
        <v>46</v>
      </c>
      <c r="AC40738">
        <v>47</v>
      </c>
      <c r="AD40738">
        <v>48</v>
      </c>
      <c r="AE40738">
        <v>48</v>
      </c>
      <c r="AF40738">
        <v>49</v>
      </c>
      <c r="AG40738">
        <v>50</v>
      </c>
      <c r="AH40738">
        <v>51</v>
      </c>
      <c r="AI40738">
        <v>52</v>
      </c>
      <c r="AJ40738">
        <v>53</v>
      </c>
      <c r="AK40738">
        <v>54</v>
      </c>
      <c r="AL40738">
        <v>54</v>
      </c>
      <c r="AM40738">
        <v>55</v>
      </c>
      <c r="AN40738">
        <v>55</v>
      </c>
      <c r="AO40738">
        <v>56</v>
      </c>
      <c r="AP40738">
        <v>56</v>
      </c>
      <c r="AQ40738">
        <v>56</v>
      </c>
    </row>
    <row r="40739" spans="1:43">
      <c r="A40739" t="s">
        <v>25161</v>
      </c>
      <c r="B40739" t="s">
        <v>25162</v>
      </c>
      <c r="C40739" t="s">
        <v>25157</v>
      </c>
      <c r="D40739" t="s">
        <v>25158</v>
      </c>
      <c r="E40739" t="s">
        <v>21139</v>
      </c>
      <c r="F40739" t="s">
        <v>21140</v>
      </c>
      <c r="G40739" t="s">
        <v>20255</v>
      </c>
      <c r="H40739" t="s">
        <v>20256</v>
      </c>
      <c r="I40739" s="2">
        <v>1</v>
      </c>
      <c r="J40739" s="2">
        <v>0</v>
      </c>
      <c r="K40739" s="2">
        <v>0</v>
      </c>
      <c r="L40739" t="s">
        <v>120</v>
      </c>
      <c r="M40739" t="s">
        <v>87</v>
      </c>
      <c r="N40739" t="s">
        <v>88</v>
      </c>
      <c r="O40739" t="s">
        <v>85</v>
      </c>
      <c r="P40739" t="s">
        <v>86</v>
      </c>
      <c r="Q40739">
        <v>37</v>
      </c>
      <c r="R40739">
        <v>38</v>
      </c>
      <c r="S40739">
        <v>38</v>
      </c>
      <c r="T40739">
        <v>39</v>
      </c>
      <c r="U40739">
        <v>39</v>
      </c>
      <c r="V40739">
        <v>40</v>
      </c>
      <c r="W40739">
        <v>40</v>
      </c>
      <c r="X40739">
        <v>41</v>
      </c>
      <c r="Y40739">
        <v>41</v>
      </c>
      <c r="Z40739">
        <v>42</v>
      </c>
      <c r="AA40739">
        <v>42</v>
      </c>
      <c r="AB40739">
        <v>42</v>
      </c>
      <c r="AC40739">
        <v>43</v>
      </c>
      <c r="AD40739">
        <v>43</v>
      </c>
      <c r="AE40739">
        <v>44</v>
      </c>
      <c r="AF40739">
        <v>44</v>
      </c>
      <c r="AG40739">
        <v>45</v>
      </c>
      <c r="AH40739">
        <v>45</v>
      </c>
      <c r="AI40739">
        <v>46</v>
      </c>
      <c r="AJ40739">
        <v>46</v>
      </c>
      <c r="AK40739">
        <v>47</v>
      </c>
      <c r="AL40739">
        <v>47</v>
      </c>
      <c r="AM40739">
        <v>48</v>
      </c>
      <c r="AN40739">
        <v>48</v>
      </c>
      <c r="AO40739">
        <v>49</v>
      </c>
      <c r="AP40739">
        <v>49</v>
      </c>
      <c r="AQ40739">
        <v>50</v>
      </c>
    </row>
    <row r="40740" spans="1:43">
      <c r="A40740" t="s">
        <v>25161</v>
      </c>
      <c r="B40740" t="s">
        <v>25162</v>
      </c>
      <c r="C40740" t="s">
        <v>25157</v>
      </c>
      <c r="D40740" t="s">
        <v>25158</v>
      </c>
      <c r="E40740" t="s">
        <v>21139</v>
      </c>
      <c r="F40740" t="s">
        <v>21140</v>
      </c>
      <c r="G40740" t="s">
        <v>20255</v>
      </c>
      <c r="H40740" t="s">
        <v>20256</v>
      </c>
      <c r="I40740" s="2">
        <v>1</v>
      </c>
      <c r="J40740" s="2">
        <v>0</v>
      </c>
      <c r="K40740" s="2">
        <v>0</v>
      </c>
      <c r="L40740" t="s">
        <v>120</v>
      </c>
      <c r="M40740" t="s">
        <v>89</v>
      </c>
      <c r="N40740" t="s">
        <v>90</v>
      </c>
      <c r="O40740" t="s">
        <v>85</v>
      </c>
      <c r="P40740" t="s">
        <v>86</v>
      </c>
      <c r="Q40740">
        <v>37</v>
      </c>
      <c r="R40740">
        <v>38</v>
      </c>
      <c r="S40740">
        <v>39</v>
      </c>
      <c r="T40740">
        <v>40</v>
      </c>
      <c r="U40740">
        <v>41</v>
      </c>
      <c r="V40740">
        <v>43</v>
      </c>
      <c r="W40740">
        <v>44</v>
      </c>
      <c r="X40740">
        <v>45</v>
      </c>
      <c r="Y40740">
        <v>46</v>
      </c>
      <c r="Z40740">
        <v>47</v>
      </c>
      <c r="AA40740">
        <v>48</v>
      </c>
      <c r="AB40740">
        <v>49</v>
      </c>
      <c r="AC40740">
        <v>50</v>
      </c>
      <c r="AD40740">
        <v>51</v>
      </c>
      <c r="AE40740">
        <v>52</v>
      </c>
      <c r="AF40740">
        <v>52</v>
      </c>
      <c r="AG40740">
        <v>53</v>
      </c>
      <c r="AH40740">
        <v>53</v>
      </c>
      <c r="AI40740">
        <v>54</v>
      </c>
      <c r="AJ40740">
        <v>54</v>
      </c>
      <c r="AK40740">
        <v>54</v>
      </c>
      <c r="AL40740">
        <v>55</v>
      </c>
      <c r="AM40740">
        <v>55</v>
      </c>
      <c r="AN40740">
        <v>55</v>
      </c>
      <c r="AO40740">
        <v>56</v>
      </c>
      <c r="AP40740">
        <v>56</v>
      </c>
      <c r="AQ40740">
        <v>57</v>
      </c>
    </row>
    <row r="40741" spans="1:43">
      <c r="A40741" t="s">
        <v>25161</v>
      </c>
      <c r="B40741" t="s">
        <v>25162</v>
      </c>
      <c r="C40741" t="s">
        <v>25157</v>
      </c>
      <c r="D40741" t="s">
        <v>25158</v>
      </c>
      <c r="E40741" t="s">
        <v>21139</v>
      </c>
      <c r="F40741" t="s">
        <v>21140</v>
      </c>
      <c r="G40741" t="s">
        <v>20255</v>
      </c>
      <c r="H40741" t="s">
        <v>20256</v>
      </c>
      <c r="I40741" s="2">
        <v>1</v>
      </c>
      <c r="J40741" s="2">
        <v>0</v>
      </c>
      <c r="K40741" s="2">
        <v>0</v>
      </c>
      <c r="L40741" t="s">
        <v>120</v>
      </c>
      <c r="M40741" t="s">
        <v>83</v>
      </c>
      <c r="N40741" t="s">
        <v>91</v>
      </c>
      <c r="O40741" t="s">
        <v>85</v>
      </c>
      <c r="P40741" t="s">
        <v>86</v>
      </c>
      <c r="Q40741">
        <v>37</v>
      </c>
      <c r="R40741">
        <v>37</v>
      </c>
      <c r="S40741">
        <v>38</v>
      </c>
      <c r="T40741">
        <v>39</v>
      </c>
      <c r="U40741">
        <v>40</v>
      </c>
      <c r="V40741">
        <v>41</v>
      </c>
      <c r="W40741">
        <v>42</v>
      </c>
      <c r="X40741">
        <v>42</v>
      </c>
      <c r="Y40741">
        <v>43</v>
      </c>
      <c r="Z40741">
        <v>44</v>
      </c>
      <c r="AA40741">
        <v>45</v>
      </c>
      <c r="AB40741">
        <v>46</v>
      </c>
      <c r="AC40741">
        <v>47</v>
      </c>
      <c r="AD40741">
        <v>48</v>
      </c>
      <c r="AE40741">
        <v>48</v>
      </c>
      <c r="AF40741">
        <v>49</v>
      </c>
      <c r="AG40741">
        <v>50</v>
      </c>
      <c r="AH40741">
        <v>51</v>
      </c>
      <c r="AI40741">
        <v>52</v>
      </c>
      <c r="AJ40741">
        <v>53</v>
      </c>
      <c r="AK40741">
        <v>54</v>
      </c>
      <c r="AL40741">
        <v>54</v>
      </c>
      <c r="AM40741">
        <v>55</v>
      </c>
      <c r="AN40741">
        <v>55</v>
      </c>
      <c r="AO40741">
        <v>56</v>
      </c>
      <c r="AP40741">
        <v>56</v>
      </c>
      <c r="AQ40741">
        <v>56</v>
      </c>
    </row>
    <row r="40742" spans="1:43">
      <c r="A40742" t="s">
        <v>25163</v>
      </c>
      <c r="B40742" t="s">
        <v>25164</v>
      </c>
      <c r="C40742" t="s">
        <v>22273</v>
      </c>
      <c r="D40742" t="s">
        <v>22274</v>
      </c>
      <c r="E40742" t="s">
        <v>22205</v>
      </c>
      <c r="F40742" t="s">
        <v>22206</v>
      </c>
      <c r="G40742" t="s">
        <v>20255</v>
      </c>
      <c r="H40742" t="s">
        <v>20256</v>
      </c>
      <c r="I40742" s="2">
        <v>1</v>
      </c>
      <c r="J40742" s="2">
        <v>0</v>
      </c>
      <c r="K40742" s="2">
        <v>0</v>
      </c>
      <c r="L40742" t="s">
        <v>120</v>
      </c>
      <c r="M40742" t="s">
        <v>83</v>
      </c>
      <c r="N40742" t="s">
        <v>84</v>
      </c>
      <c r="O40742" t="s">
        <v>85</v>
      </c>
      <c r="P40742" t="s">
        <v>86</v>
      </c>
      <c r="Q40742">
        <v>12</v>
      </c>
      <c r="R40742">
        <v>13</v>
      </c>
      <c r="S40742">
        <v>13</v>
      </c>
      <c r="T40742">
        <v>13</v>
      </c>
      <c r="U40742">
        <v>13</v>
      </c>
      <c r="V40742">
        <v>14</v>
      </c>
      <c r="W40742">
        <v>14</v>
      </c>
      <c r="X40742">
        <v>14</v>
      </c>
      <c r="Y40742">
        <v>14</v>
      </c>
      <c r="Z40742">
        <v>15</v>
      </c>
      <c r="AA40742">
        <v>15</v>
      </c>
      <c r="AB40742">
        <v>15</v>
      </c>
      <c r="AC40742">
        <v>15</v>
      </c>
      <c r="AD40742">
        <v>16</v>
      </c>
      <c r="AE40742">
        <v>16</v>
      </c>
      <c r="AF40742">
        <v>16</v>
      </c>
      <c r="AG40742">
        <v>16</v>
      </c>
      <c r="AH40742">
        <v>17</v>
      </c>
      <c r="AI40742">
        <v>17</v>
      </c>
      <c r="AJ40742">
        <v>17</v>
      </c>
      <c r="AK40742">
        <v>17</v>
      </c>
      <c r="AL40742">
        <v>18</v>
      </c>
      <c r="AM40742">
        <v>18</v>
      </c>
      <c r="AN40742">
        <v>18</v>
      </c>
      <c r="AO40742">
        <v>18</v>
      </c>
      <c r="AP40742">
        <v>18</v>
      </c>
      <c r="AQ40742">
        <v>18</v>
      </c>
    </row>
    <row r="40743" spans="1:43">
      <c r="A40743" t="s">
        <v>25163</v>
      </c>
      <c r="B40743" t="s">
        <v>25164</v>
      </c>
      <c r="C40743" t="s">
        <v>22273</v>
      </c>
      <c r="D40743" t="s">
        <v>22274</v>
      </c>
      <c r="E40743" t="s">
        <v>22205</v>
      </c>
      <c r="F40743" t="s">
        <v>22206</v>
      </c>
      <c r="G40743" t="s">
        <v>20255</v>
      </c>
      <c r="H40743" t="s">
        <v>20256</v>
      </c>
      <c r="I40743" s="2">
        <v>1</v>
      </c>
      <c r="J40743" s="2">
        <v>0</v>
      </c>
      <c r="K40743" s="2">
        <v>0</v>
      </c>
      <c r="L40743" t="s">
        <v>120</v>
      </c>
      <c r="M40743" t="s">
        <v>87</v>
      </c>
      <c r="N40743" t="s">
        <v>88</v>
      </c>
      <c r="O40743" t="s">
        <v>85</v>
      </c>
      <c r="P40743" t="s">
        <v>86</v>
      </c>
      <c r="Q40743">
        <v>12</v>
      </c>
      <c r="R40743">
        <v>12</v>
      </c>
      <c r="S40743">
        <v>13</v>
      </c>
      <c r="T40743">
        <v>13</v>
      </c>
      <c r="U40743">
        <v>13</v>
      </c>
      <c r="V40743">
        <v>13</v>
      </c>
      <c r="W40743">
        <v>13</v>
      </c>
      <c r="X40743">
        <v>13</v>
      </c>
      <c r="Y40743">
        <v>13</v>
      </c>
      <c r="Z40743">
        <v>13</v>
      </c>
      <c r="AA40743">
        <v>14</v>
      </c>
      <c r="AB40743">
        <v>14</v>
      </c>
      <c r="AC40743">
        <v>14</v>
      </c>
      <c r="AD40743">
        <v>14</v>
      </c>
      <c r="AE40743">
        <v>14</v>
      </c>
      <c r="AF40743">
        <v>14</v>
      </c>
      <c r="AG40743">
        <v>14</v>
      </c>
      <c r="AH40743">
        <v>15</v>
      </c>
      <c r="AI40743">
        <v>15</v>
      </c>
      <c r="AJ40743">
        <v>15</v>
      </c>
      <c r="AK40743">
        <v>15</v>
      </c>
      <c r="AL40743">
        <v>15</v>
      </c>
      <c r="AM40743">
        <v>15</v>
      </c>
      <c r="AN40743">
        <v>15</v>
      </c>
      <c r="AO40743">
        <v>16</v>
      </c>
      <c r="AP40743">
        <v>16</v>
      </c>
      <c r="AQ40743">
        <v>16</v>
      </c>
    </row>
    <row r="40744" spans="1:43">
      <c r="A40744" t="s">
        <v>25163</v>
      </c>
      <c r="B40744" t="s">
        <v>25164</v>
      </c>
      <c r="C40744" t="s">
        <v>22273</v>
      </c>
      <c r="D40744" t="s">
        <v>22274</v>
      </c>
      <c r="E40744" t="s">
        <v>22205</v>
      </c>
      <c r="F40744" t="s">
        <v>22206</v>
      </c>
      <c r="G40744" t="s">
        <v>20255</v>
      </c>
      <c r="H40744" t="s">
        <v>20256</v>
      </c>
      <c r="I40744" s="2">
        <v>1</v>
      </c>
      <c r="J40744" s="2">
        <v>0</v>
      </c>
      <c r="K40744" s="2">
        <v>0</v>
      </c>
      <c r="L40744" t="s">
        <v>120</v>
      </c>
      <c r="M40744" t="s">
        <v>89</v>
      </c>
      <c r="N40744" t="s">
        <v>90</v>
      </c>
      <c r="O40744" t="s">
        <v>85</v>
      </c>
      <c r="P40744" t="s">
        <v>86</v>
      </c>
      <c r="Q40744">
        <v>12</v>
      </c>
      <c r="R40744">
        <v>12</v>
      </c>
      <c r="S40744">
        <v>12</v>
      </c>
      <c r="T40744">
        <v>13</v>
      </c>
      <c r="U40744">
        <v>13</v>
      </c>
      <c r="V40744">
        <v>13</v>
      </c>
      <c r="W40744">
        <v>14</v>
      </c>
      <c r="X40744">
        <v>14</v>
      </c>
      <c r="Y40744">
        <v>14</v>
      </c>
      <c r="Z40744">
        <v>14</v>
      </c>
      <c r="AA40744">
        <v>15</v>
      </c>
      <c r="AB40744">
        <v>15</v>
      </c>
      <c r="AC40744">
        <v>15</v>
      </c>
      <c r="AD40744">
        <v>16</v>
      </c>
      <c r="AE40744">
        <v>16</v>
      </c>
      <c r="AF40744">
        <v>16</v>
      </c>
      <c r="AG40744">
        <v>16</v>
      </c>
      <c r="AH40744">
        <v>16</v>
      </c>
      <c r="AI40744">
        <v>16</v>
      </c>
      <c r="AJ40744">
        <v>16</v>
      </c>
      <c r="AK40744">
        <v>17</v>
      </c>
      <c r="AL40744">
        <v>17</v>
      </c>
      <c r="AM40744">
        <v>17</v>
      </c>
      <c r="AN40744">
        <v>17</v>
      </c>
      <c r="AO40744">
        <v>17</v>
      </c>
      <c r="AP40744">
        <v>17</v>
      </c>
      <c r="AQ40744">
        <v>17</v>
      </c>
    </row>
    <row r="40745" spans="1:43">
      <c r="A40745" t="s">
        <v>25163</v>
      </c>
      <c r="B40745" t="s">
        <v>25164</v>
      </c>
      <c r="C40745" t="s">
        <v>22273</v>
      </c>
      <c r="D40745" t="s">
        <v>22274</v>
      </c>
      <c r="E40745" t="s">
        <v>22205</v>
      </c>
      <c r="F40745" t="s">
        <v>22206</v>
      </c>
      <c r="G40745" t="s">
        <v>20255</v>
      </c>
      <c r="H40745" t="s">
        <v>20256</v>
      </c>
      <c r="I40745" s="2">
        <v>1</v>
      </c>
      <c r="J40745" s="2">
        <v>0</v>
      </c>
      <c r="K40745" s="2">
        <v>0</v>
      </c>
      <c r="L40745" t="s">
        <v>120</v>
      </c>
      <c r="M40745" t="s">
        <v>83</v>
      </c>
      <c r="N40745" t="s">
        <v>91</v>
      </c>
      <c r="O40745" t="s">
        <v>85</v>
      </c>
      <c r="P40745" t="s">
        <v>86</v>
      </c>
      <c r="Q40745">
        <v>12</v>
      </c>
      <c r="R40745">
        <v>13</v>
      </c>
      <c r="S40745">
        <v>13</v>
      </c>
      <c r="T40745">
        <v>13</v>
      </c>
      <c r="U40745">
        <v>13</v>
      </c>
      <c r="V40745">
        <v>14</v>
      </c>
      <c r="W40745">
        <v>14</v>
      </c>
      <c r="X40745">
        <v>14</v>
      </c>
      <c r="Y40745">
        <v>14</v>
      </c>
      <c r="Z40745">
        <v>15</v>
      </c>
      <c r="AA40745">
        <v>15</v>
      </c>
      <c r="AB40745">
        <v>15</v>
      </c>
      <c r="AC40745">
        <v>15</v>
      </c>
      <c r="AD40745">
        <v>16</v>
      </c>
      <c r="AE40745">
        <v>16</v>
      </c>
      <c r="AF40745">
        <v>16</v>
      </c>
      <c r="AG40745">
        <v>16</v>
      </c>
      <c r="AH40745">
        <v>17</v>
      </c>
      <c r="AI40745">
        <v>17</v>
      </c>
      <c r="AJ40745">
        <v>17</v>
      </c>
      <c r="AK40745">
        <v>17</v>
      </c>
      <c r="AL40745">
        <v>18</v>
      </c>
      <c r="AM40745">
        <v>18</v>
      </c>
      <c r="AN40745">
        <v>18</v>
      </c>
      <c r="AO40745">
        <v>18</v>
      </c>
      <c r="AP40745">
        <v>18</v>
      </c>
      <c r="AQ40745">
        <v>18</v>
      </c>
    </row>
    <row r="40746" spans="1:43">
      <c r="A40746" t="s">
        <v>25165</v>
      </c>
      <c r="B40746" t="s">
        <v>25166</v>
      </c>
      <c r="C40746" t="s">
        <v>22315</v>
      </c>
      <c r="D40746" t="s">
        <v>22316</v>
      </c>
      <c r="E40746" t="s">
        <v>22205</v>
      </c>
      <c r="F40746" t="s">
        <v>22206</v>
      </c>
      <c r="G40746" t="s">
        <v>20255</v>
      </c>
      <c r="H40746" t="s">
        <v>20256</v>
      </c>
      <c r="I40746" s="2">
        <v>1</v>
      </c>
      <c r="J40746" s="2">
        <v>0</v>
      </c>
      <c r="K40746" s="2">
        <v>0</v>
      </c>
      <c r="L40746" t="s">
        <v>120</v>
      </c>
      <c r="M40746" t="s">
        <v>83</v>
      </c>
      <c r="N40746" t="s">
        <v>84</v>
      </c>
      <c r="O40746" t="s">
        <v>85</v>
      </c>
      <c r="P40746" t="s">
        <v>86</v>
      </c>
      <c r="Q40746">
        <v>12</v>
      </c>
      <c r="R40746">
        <v>12</v>
      </c>
      <c r="S40746">
        <v>12</v>
      </c>
      <c r="T40746">
        <v>12</v>
      </c>
      <c r="U40746">
        <v>13</v>
      </c>
      <c r="V40746">
        <v>13</v>
      </c>
      <c r="W40746">
        <v>13</v>
      </c>
      <c r="X40746">
        <v>13</v>
      </c>
      <c r="Y40746">
        <v>14</v>
      </c>
      <c r="Z40746">
        <v>14</v>
      </c>
      <c r="AA40746">
        <v>14</v>
      </c>
      <c r="AB40746">
        <v>14</v>
      </c>
      <c r="AC40746">
        <v>15</v>
      </c>
      <c r="AD40746">
        <v>15</v>
      </c>
      <c r="AE40746">
        <v>15</v>
      </c>
      <c r="AF40746">
        <v>15</v>
      </c>
      <c r="AG40746">
        <v>15</v>
      </c>
      <c r="AH40746">
        <v>16</v>
      </c>
      <c r="AI40746">
        <v>16</v>
      </c>
      <c r="AJ40746">
        <v>16</v>
      </c>
      <c r="AK40746">
        <v>16</v>
      </c>
      <c r="AL40746">
        <v>17</v>
      </c>
      <c r="AM40746">
        <v>17</v>
      </c>
      <c r="AN40746">
        <v>17</v>
      </c>
      <c r="AO40746">
        <v>17</v>
      </c>
      <c r="AP40746">
        <v>17</v>
      </c>
      <c r="AQ40746">
        <v>17</v>
      </c>
    </row>
    <row r="40747" spans="1:43">
      <c r="A40747" t="s">
        <v>25165</v>
      </c>
      <c r="B40747" t="s">
        <v>25166</v>
      </c>
      <c r="C40747" t="s">
        <v>22315</v>
      </c>
      <c r="D40747" t="s">
        <v>22316</v>
      </c>
      <c r="E40747" t="s">
        <v>22205</v>
      </c>
      <c r="F40747" t="s">
        <v>22206</v>
      </c>
      <c r="G40747" t="s">
        <v>20255</v>
      </c>
      <c r="H40747" t="s">
        <v>20256</v>
      </c>
      <c r="I40747" s="2">
        <v>1</v>
      </c>
      <c r="J40747" s="2">
        <v>0</v>
      </c>
      <c r="K40747" s="2">
        <v>0</v>
      </c>
      <c r="L40747" t="s">
        <v>120</v>
      </c>
      <c r="M40747" t="s">
        <v>87</v>
      </c>
      <c r="N40747" t="s">
        <v>88</v>
      </c>
      <c r="O40747" t="s">
        <v>85</v>
      </c>
      <c r="P40747" t="s">
        <v>86</v>
      </c>
      <c r="Q40747">
        <v>12</v>
      </c>
      <c r="R40747">
        <v>12</v>
      </c>
      <c r="S40747">
        <v>12</v>
      </c>
      <c r="T40747">
        <v>12</v>
      </c>
      <c r="U40747">
        <v>12</v>
      </c>
      <c r="V40747">
        <v>12</v>
      </c>
      <c r="W40747">
        <v>12</v>
      </c>
      <c r="X40747">
        <v>12</v>
      </c>
      <c r="Y40747">
        <v>13</v>
      </c>
      <c r="Z40747">
        <v>13</v>
      </c>
      <c r="AA40747">
        <v>13</v>
      </c>
      <c r="AB40747">
        <v>13</v>
      </c>
      <c r="AC40747">
        <v>13</v>
      </c>
      <c r="AD40747">
        <v>13</v>
      </c>
      <c r="AE40747">
        <v>13</v>
      </c>
      <c r="AF40747">
        <v>13</v>
      </c>
      <c r="AG40747">
        <v>14</v>
      </c>
      <c r="AH40747">
        <v>14</v>
      </c>
      <c r="AI40747">
        <v>14</v>
      </c>
      <c r="AJ40747">
        <v>14</v>
      </c>
      <c r="AK40747">
        <v>14</v>
      </c>
      <c r="AL40747">
        <v>14</v>
      </c>
      <c r="AM40747">
        <v>14</v>
      </c>
      <c r="AN40747">
        <v>15</v>
      </c>
      <c r="AO40747">
        <v>15</v>
      </c>
      <c r="AP40747">
        <v>15</v>
      </c>
      <c r="AQ40747">
        <v>15</v>
      </c>
    </row>
    <row r="40748" spans="1:43">
      <c r="A40748" t="s">
        <v>25165</v>
      </c>
      <c r="B40748" t="s">
        <v>25166</v>
      </c>
      <c r="C40748" t="s">
        <v>22315</v>
      </c>
      <c r="D40748" t="s">
        <v>22316</v>
      </c>
      <c r="E40748" t="s">
        <v>22205</v>
      </c>
      <c r="F40748" t="s">
        <v>22206</v>
      </c>
      <c r="G40748" t="s">
        <v>20255</v>
      </c>
      <c r="H40748" t="s">
        <v>20256</v>
      </c>
      <c r="I40748" s="2">
        <v>1</v>
      </c>
      <c r="J40748" s="2">
        <v>0</v>
      </c>
      <c r="K40748" s="2">
        <v>0</v>
      </c>
      <c r="L40748" t="s">
        <v>120</v>
      </c>
      <c r="M40748" t="s">
        <v>89</v>
      </c>
      <c r="N40748" t="s">
        <v>90</v>
      </c>
      <c r="O40748" t="s">
        <v>85</v>
      </c>
      <c r="P40748" t="s">
        <v>86</v>
      </c>
      <c r="Q40748">
        <v>12</v>
      </c>
      <c r="R40748">
        <v>12</v>
      </c>
      <c r="S40748">
        <v>13</v>
      </c>
      <c r="T40748">
        <v>13</v>
      </c>
      <c r="U40748">
        <v>13</v>
      </c>
      <c r="V40748">
        <v>13</v>
      </c>
      <c r="W40748">
        <v>14</v>
      </c>
      <c r="X40748">
        <v>14</v>
      </c>
      <c r="Y40748">
        <v>14</v>
      </c>
      <c r="Z40748">
        <v>15</v>
      </c>
      <c r="AA40748">
        <v>15</v>
      </c>
      <c r="AB40748">
        <v>15</v>
      </c>
      <c r="AC40748">
        <v>16</v>
      </c>
      <c r="AD40748">
        <v>16</v>
      </c>
      <c r="AE40748">
        <v>16</v>
      </c>
      <c r="AF40748">
        <v>16</v>
      </c>
      <c r="AG40748">
        <v>16</v>
      </c>
      <c r="AH40748">
        <v>16</v>
      </c>
      <c r="AI40748">
        <v>16</v>
      </c>
      <c r="AJ40748">
        <v>17</v>
      </c>
      <c r="AK40748">
        <v>17</v>
      </c>
      <c r="AL40748">
        <v>17</v>
      </c>
      <c r="AM40748">
        <v>17</v>
      </c>
      <c r="AN40748">
        <v>17</v>
      </c>
      <c r="AO40748">
        <v>17</v>
      </c>
      <c r="AP40748">
        <v>17</v>
      </c>
      <c r="AQ40748">
        <v>17</v>
      </c>
    </row>
    <row r="40749" spans="1:43">
      <c r="A40749" t="s">
        <v>25165</v>
      </c>
      <c r="B40749" t="s">
        <v>25166</v>
      </c>
      <c r="C40749" t="s">
        <v>22315</v>
      </c>
      <c r="D40749" t="s">
        <v>22316</v>
      </c>
      <c r="E40749" t="s">
        <v>22205</v>
      </c>
      <c r="F40749" t="s">
        <v>22206</v>
      </c>
      <c r="G40749" t="s">
        <v>20255</v>
      </c>
      <c r="H40749" t="s">
        <v>20256</v>
      </c>
      <c r="I40749" s="2">
        <v>1</v>
      </c>
      <c r="J40749" s="2">
        <v>0</v>
      </c>
      <c r="K40749" s="2">
        <v>0</v>
      </c>
      <c r="L40749" t="s">
        <v>120</v>
      </c>
      <c r="M40749" t="s">
        <v>83</v>
      </c>
      <c r="N40749" t="s">
        <v>91</v>
      </c>
      <c r="O40749" t="s">
        <v>85</v>
      </c>
      <c r="P40749" t="s">
        <v>86</v>
      </c>
      <c r="Q40749">
        <v>12</v>
      </c>
      <c r="R40749">
        <v>12</v>
      </c>
      <c r="S40749">
        <v>12</v>
      </c>
      <c r="T40749">
        <v>12</v>
      </c>
      <c r="U40749">
        <v>13</v>
      </c>
      <c r="V40749">
        <v>13</v>
      </c>
      <c r="W40749">
        <v>13</v>
      </c>
      <c r="X40749">
        <v>13</v>
      </c>
      <c r="Y40749">
        <v>14</v>
      </c>
      <c r="Z40749">
        <v>14</v>
      </c>
      <c r="AA40749">
        <v>14</v>
      </c>
      <c r="AB40749">
        <v>14</v>
      </c>
      <c r="AC40749">
        <v>15</v>
      </c>
      <c r="AD40749">
        <v>15</v>
      </c>
      <c r="AE40749">
        <v>15</v>
      </c>
      <c r="AF40749">
        <v>15</v>
      </c>
      <c r="AG40749">
        <v>15</v>
      </c>
      <c r="AH40749">
        <v>16</v>
      </c>
      <c r="AI40749">
        <v>16</v>
      </c>
      <c r="AJ40749">
        <v>16</v>
      </c>
      <c r="AK40749">
        <v>16</v>
      </c>
      <c r="AL40749">
        <v>17</v>
      </c>
      <c r="AM40749">
        <v>17</v>
      </c>
      <c r="AN40749">
        <v>17</v>
      </c>
      <c r="AO40749">
        <v>17</v>
      </c>
      <c r="AP40749">
        <v>17</v>
      </c>
      <c r="AQ40749">
        <v>17</v>
      </c>
    </row>
    <row r="40750" spans="1:43">
      <c r="A40750" t="s">
        <v>25167</v>
      </c>
      <c r="B40750" t="s">
        <v>25168</v>
      </c>
      <c r="C40750" t="s">
        <v>22273</v>
      </c>
      <c r="D40750" t="s">
        <v>22274</v>
      </c>
      <c r="E40750" t="s">
        <v>22205</v>
      </c>
      <c r="F40750" t="s">
        <v>22206</v>
      </c>
      <c r="G40750" t="s">
        <v>20255</v>
      </c>
      <c r="H40750" t="s">
        <v>20256</v>
      </c>
      <c r="I40750" s="2">
        <v>1</v>
      </c>
      <c r="J40750" s="2">
        <v>0</v>
      </c>
      <c r="K40750" s="2">
        <v>0</v>
      </c>
      <c r="L40750" t="s">
        <v>120</v>
      </c>
      <c r="M40750" t="s">
        <v>83</v>
      </c>
      <c r="N40750" t="s">
        <v>84</v>
      </c>
      <c r="O40750" t="s">
        <v>85</v>
      </c>
      <c r="P40750" t="s">
        <v>86</v>
      </c>
      <c r="Q40750">
        <v>4</v>
      </c>
      <c r="R40750">
        <v>4</v>
      </c>
      <c r="S40750">
        <v>4</v>
      </c>
      <c r="T40750">
        <v>4</v>
      </c>
      <c r="U40750">
        <v>4</v>
      </c>
      <c r="V40750">
        <v>4</v>
      </c>
      <c r="W40750">
        <v>4</v>
      </c>
      <c r="X40750">
        <v>4</v>
      </c>
      <c r="Y40750">
        <v>4</v>
      </c>
      <c r="Z40750">
        <v>4</v>
      </c>
      <c r="AA40750">
        <v>4</v>
      </c>
      <c r="AB40750">
        <v>4</v>
      </c>
      <c r="AC40750">
        <v>4</v>
      </c>
      <c r="AD40750">
        <v>5</v>
      </c>
      <c r="AE40750">
        <v>5</v>
      </c>
      <c r="AF40750">
        <v>5</v>
      </c>
      <c r="AG40750">
        <v>5</v>
      </c>
      <c r="AH40750">
        <v>5</v>
      </c>
      <c r="AI40750">
        <v>5</v>
      </c>
      <c r="AJ40750">
        <v>5</v>
      </c>
      <c r="AK40750">
        <v>5</v>
      </c>
      <c r="AL40750">
        <v>5</v>
      </c>
      <c r="AM40750">
        <v>5</v>
      </c>
      <c r="AN40750">
        <v>5</v>
      </c>
      <c r="AO40750">
        <v>5</v>
      </c>
      <c r="AP40750">
        <v>5</v>
      </c>
      <c r="AQ40750">
        <v>5</v>
      </c>
    </row>
    <row r="40751" spans="1:43">
      <c r="A40751" t="s">
        <v>25167</v>
      </c>
      <c r="B40751" t="s">
        <v>25168</v>
      </c>
      <c r="C40751" t="s">
        <v>22273</v>
      </c>
      <c r="D40751" t="s">
        <v>22274</v>
      </c>
      <c r="E40751" t="s">
        <v>22205</v>
      </c>
      <c r="F40751" t="s">
        <v>22206</v>
      </c>
      <c r="G40751" t="s">
        <v>20255</v>
      </c>
      <c r="H40751" t="s">
        <v>20256</v>
      </c>
      <c r="I40751" s="2">
        <v>1</v>
      </c>
      <c r="J40751" s="2">
        <v>0</v>
      </c>
      <c r="K40751" s="2">
        <v>0</v>
      </c>
      <c r="L40751" t="s">
        <v>120</v>
      </c>
      <c r="M40751" t="s">
        <v>87</v>
      </c>
      <c r="N40751" t="s">
        <v>88</v>
      </c>
      <c r="O40751" t="s">
        <v>85</v>
      </c>
      <c r="P40751" t="s">
        <v>86</v>
      </c>
      <c r="Q40751">
        <v>4</v>
      </c>
      <c r="R40751">
        <v>4</v>
      </c>
      <c r="S40751">
        <v>4</v>
      </c>
      <c r="T40751">
        <v>4</v>
      </c>
      <c r="U40751">
        <v>4</v>
      </c>
      <c r="V40751">
        <v>4</v>
      </c>
      <c r="W40751">
        <v>4</v>
      </c>
      <c r="X40751">
        <v>4</v>
      </c>
      <c r="Y40751">
        <v>4</v>
      </c>
      <c r="Z40751">
        <v>4</v>
      </c>
      <c r="AA40751">
        <v>4</v>
      </c>
      <c r="AB40751">
        <v>4</v>
      </c>
      <c r="AC40751">
        <v>4</v>
      </c>
      <c r="AD40751">
        <v>4</v>
      </c>
      <c r="AE40751">
        <v>4</v>
      </c>
      <c r="AF40751">
        <v>4</v>
      </c>
      <c r="AG40751">
        <v>4</v>
      </c>
      <c r="AH40751">
        <v>4</v>
      </c>
      <c r="AI40751">
        <v>4</v>
      </c>
      <c r="AJ40751">
        <v>4</v>
      </c>
      <c r="AK40751">
        <v>4</v>
      </c>
      <c r="AL40751">
        <v>4</v>
      </c>
      <c r="AM40751">
        <v>4</v>
      </c>
      <c r="AN40751">
        <v>4</v>
      </c>
      <c r="AO40751">
        <v>5</v>
      </c>
      <c r="AP40751">
        <v>5</v>
      </c>
      <c r="AQ40751">
        <v>5</v>
      </c>
    </row>
    <row r="40752" spans="1:43">
      <c r="A40752" t="s">
        <v>25167</v>
      </c>
      <c r="B40752" t="s">
        <v>25168</v>
      </c>
      <c r="C40752" t="s">
        <v>22273</v>
      </c>
      <c r="D40752" t="s">
        <v>22274</v>
      </c>
      <c r="E40752" t="s">
        <v>22205</v>
      </c>
      <c r="F40752" t="s">
        <v>22206</v>
      </c>
      <c r="G40752" t="s">
        <v>20255</v>
      </c>
      <c r="H40752" t="s">
        <v>20256</v>
      </c>
      <c r="I40752" s="2">
        <v>1</v>
      </c>
      <c r="J40752" s="2">
        <v>0</v>
      </c>
      <c r="K40752" s="2">
        <v>0</v>
      </c>
      <c r="L40752" t="s">
        <v>120</v>
      </c>
      <c r="M40752" t="s">
        <v>89</v>
      </c>
      <c r="N40752" t="s">
        <v>90</v>
      </c>
      <c r="O40752" t="s">
        <v>85</v>
      </c>
      <c r="P40752" t="s">
        <v>86</v>
      </c>
      <c r="Q40752">
        <v>4</v>
      </c>
      <c r="R40752">
        <v>4</v>
      </c>
      <c r="S40752">
        <v>4</v>
      </c>
      <c r="T40752">
        <v>4</v>
      </c>
      <c r="U40752">
        <v>4</v>
      </c>
      <c r="V40752">
        <v>4</v>
      </c>
      <c r="W40752">
        <v>4</v>
      </c>
      <c r="X40752">
        <v>4</v>
      </c>
      <c r="Y40752">
        <v>4</v>
      </c>
      <c r="Z40752">
        <v>4</v>
      </c>
      <c r="AA40752">
        <v>5</v>
      </c>
      <c r="AB40752">
        <v>5</v>
      </c>
      <c r="AC40752">
        <v>5</v>
      </c>
      <c r="AD40752">
        <v>5</v>
      </c>
      <c r="AE40752">
        <v>5</v>
      </c>
      <c r="AF40752">
        <v>5</v>
      </c>
      <c r="AG40752">
        <v>5</v>
      </c>
      <c r="AH40752">
        <v>5</v>
      </c>
      <c r="AI40752">
        <v>5</v>
      </c>
      <c r="AJ40752">
        <v>5</v>
      </c>
      <c r="AK40752">
        <v>5</v>
      </c>
      <c r="AL40752">
        <v>5</v>
      </c>
      <c r="AM40752">
        <v>5</v>
      </c>
      <c r="AN40752">
        <v>5</v>
      </c>
      <c r="AO40752">
        <v>5</v>
      </c>
      <c r="AP40752">
        <v>5</v>
      </c>
      <c r="AQ40752">
        <v>5</v>
      </c>
    </row>
    <row r="40753" spans="1:43">
      <c r="A40753" t="s">
        <v>25167</v>
      </c>
      <c r="B40753" t="s">
        <v>25168</v>
      </c>
      <c r="C40753" t="s">
        <v>22273</v>
      </c>
      <c r="D40753" t="s">
        <v>22274</v>
      </c>
      <c r="E40753" t="s">
        <v>22205</v>
      </c>
      <c r="F40753" t="s">
        <v>22206</v>
      </c>
      <c r="G40753" t="s">
        <v>20255</v>
      </c>
      <c r="H40753" t="s">
        <v>20256</v>
      </c>
      <c r="I40753" s="2">
        <v>1</v>
      </c>
      <c r="J40753" s="2">
        <v>0</v>
      </c>
      <c r="K40753" s="2">
        <v>0</v>
      </c>
      <c r="L40753" t="s">
        <v>120</v>
      </c>
      <c r="M40753" t="s">
        <v>83</v>
      </c>
      <c r="N40753" t="s">
        <v>91</v>
      </c>
      <c r="O40753" t="s">
        <v>85</v>
      </c>
      <c r="P40753" t="s">
        <v>86</v>
      </c>
      <c r="Q40753">
        <v>4</v>
      </c>
      <c r="R40753">
        <v>4</v>
      </c>
      <c r="S40753">
        <v>4</v>
      </c>
      <c r="T40753">
        <v>4</v>
      </c>
      <c r="U40753">
        <v>4</v>
      </c>
      <c r="V40753">
        <v>4</v>
      </c>
      <c r="W40753">
        <v>4</v>
      </c>
      <c r="X40753">
        <v>4</v>
      </c>
      <c r="Y40753">
        <v>4</v>
      </c>
      <c r="Z40753">
        <v>4</v>
      </c>
      <c r="AA40753">
        <v>4</v>
      </c>
      <c r="AB40753">
        <v>4</v>
      </c>
      <c r="AC40753">
        <v>4</v>
      </c>
      <c r="AD40753">
        <v>5</v>
      </c>
      <c r="AE40753">
        <v>5</v>
      </c>
      <c r="AF40753">
        <v>5</v>
      </c>
      <c r="AG40753">
        <v>5</v>
      </c>
      <c r="AH40753">
        <v>5</v>
      </c>
      <c r="AI40753">
        <v>5</v>
      </c>
      <c r="AJ40753">
        <v>5</v>
      </c>
      <c r="AK40753">
        <v>5</v>
      </c>
      <c r="AL40753">
        <v>5</v>
      </c>
      <c r="AM40753">
        <v>5</v>
      </c>
      <c r="AN40753">
        <v>5</v>
      </c>
      <c r="AO40753">
        <v>5</v>
      </c>
      <c r="AP40753">
        <v>5</v>
      </c>
      <c r="AQ40753">
        <v>5</v>
      </c>
    </row>
    <row r="40754" spans="1:43">
      <c r="A40754" t="s">
        <v>25169</v>
      </c>
      <c r="B40754" t="s">
        <v>25170</v>
      </c>
      <c r="C40754" t="s">
        <v>22315</v>
      </c>
      <c r="D40754" t="s">
        <v>22316</v>
      </c>
      <c r="E40754" t="s">
        <v>22205</v>
      </c>
      <c r="F40754" t="s">
        <v>22206</v>
      </c>
      <c r="G40754" t="s">
        <v>20255</v>
      </c>
      <c r="H40754" t="s">
        <v>20256</v>
      </c>
      <c r="I40754" s="2">
        <v>1</v>
      </c>
      <c r="J40754" s="2">
        <v>0</v>
      </c>
      <c r="K40754" s="2">
        <v>0</v>
      </c>
      <c r="L40754" t="s">
        <v>120</v>
      </c>
      <c r="M40754" t="s">
        <v>83</v>
      </c>
      <c r="N40754" t="s">
        <v>84</v>
      </c>
      <c r="O40754" t="s">
        <v>85</v>
      </c>
      <c r="P40754" t="s">
        <v>86</v>
      </c>
      <c r="Q40754">
        <v>15</v>
      </c>
      <c r="R40754">
        <v>15</v>
      </c>
      <c r="S40754">
        <v>15</v>
      </c>
      <c r="T40754">
        <v>15</v>
      </c>
      <c r="U40754">
        <v>16</v>
      </c>
      <c r="V40754">
        <v>16</v>
      </c>
      <c r="W40754">
        <v>16</v>
      </c>
      <c r="X40754">
        <v>17</v>
      </c>
      <c r="Y40754">
        <v>17</v>
      </c>
      <c r="Z40754">
        <v>17</v>
      </c>
      <c r="AA40754">
        <v>17</v>
      </c>
      <c r="AB40754">
        <v>18</v>
      </c>
      <c r="AC40754">
        <v>18</v>
      </c>
      <c r="AD40754">
        <v>18</v>
      </c>
      <c r="AE40754">
        <v>19</v>
      </c>
      <c r="AF40754">
        <v>19</v>
      </c>
      <c r="AG40754">
        <v>19</v>
      </c>
      <c r="AH40754">
        <v>20</v>
      </c>
      <c r="AI40754">
        <v>20</v>
      </c>
      <c r="AJ40754">
        <v>20</v>
      </c>
      <c r="AK40754">
        <v>20</v>
      </c>
      <c r="AL40754">
        <v>21</v>
      </c>
      <c r="AM40754">
        <v>21</v>
      </c>
      <c r="AN40754">
        <v>21</v>
      </c>
      <c r="AO40754">
        <v>21</v>
      </c>
      <c r="AP40754">
        <v>21</v>
      </c>
      <c r="AQ40754">
        <v>21</v>
      </c>
    </row>
    <row r="40755" spans="1:43">
      <c r="A40755" t="s">
        <v>25169</v>
      </c>
      <c r="B40755" t="s">
        <v>25170</v>
      </c>
      <c r="C40755" t="s">
        <v>22315</v>
      </c>
      <c r="D40755" t="s">
        <v>22316</v>
      </c>
      <c r="E40755" t="s">
        <v>22205</v>
      </c>
      <c r="F40755" t="s">
        <v>22206</v>
      </c>
      <c r="G40755" t="s">
        <v>20255</v>
      </c>
      <c r="H40755" t="s">
        <v>20256</v>
      </c>
      <c r="I40755" s="2">
        <v>1</v>
      </c>
      <c r="J40755" s="2">
        <v>0</v>
      </c>
      <c r="K40755" s="2">
        <v>0</v>
      </c>
      <c r="L40755" t="s">
        <v>120</v>
      </c>
      <c r="M40755" t="s">
        <v>87</v>
      </c>
      <c r="N40755" t="s">
        <v>88</v>
      </c>
      <c r="O40755" t="s">
        <v>85</v>
      </c>
      <c r="P40755" t="s">
        <v>86</v>
      </c>
      <c r="Q40755">
        <v>15</v>
      </c>
      <c r="R40755">
        <v>16</v>
      </c>
      <c r="S40755">
        <v>16</v>
      </c>
      <c r="T40755">
        <v>16</v>
      </c>
      <c r="U40755">
        <v>16</v>
      </c>
      <c r="V40755">
        <v>16</v>
      </c>
      <c r="W40755">
        <v>16</v>
      </c>
      <c r="X40755">
        <v>16</v>
      </c>
      <c r="Y40755">
        <v>17</v>
      </c>
      <c r="Z40755">
        <v>17</v>
      </c>
      <c r="AA40755">
        <v>17</v>
      </c>
      <c r="AB40755">
        <v>17</v>
      </c>
      <c r="AC40755">
        <v>17</v>
      </c>
      <c r="AD40755">
        <v>17</v>
      </c>
      <c r="AE40755">
        <v>18</v>
      </c>
      <c r="AF40755">
        <v>18</v>
      </c>
      <c r="AG40755">
        <v>18</v>
      </c>
      <c r="AH40755">
        <v>18</v>
      </c>
      <c r="AI40755">
        <v>18</v>
      </c>
      <c r="AJ40755">
        <v>18</v>
      </c>
      <c r="AK40755">
        <v>19</v>
      </c>
      <c r="AL40755">
        <v>19</v>
      </c>
      <c r="AM40755">
        <v>19</v>
      </c>
      <c r="AN40755">
        <v>19</v>
      </c>
      <c r="AO40755">
        <v>19</v>
      </c>
      <c r="AP40755">
        <v>19</v>
      </c>
      <c r="AQ40755">
        <v>20</v>
      </c>
    </row>
    <row r="40756" spans="1:43">
      <c r="A40756" t="s">
        <v>25169</v>
      </c>
      <c r="B40756" t="s">
        <v>25170</v>
      </c>
      <c r="C40756" t="s">
        <v>22315</v>
      </c>
      <c r="D40756" t="s">
        <v>22316</v>
      </c>
      <c r="E40756" t="s">
        <v>22205</v>
      </c>
      <c r="F40756" t="s">
        <v>22206</v>
      </c>
      <c r="G40756" t="s">
        <v>20255</v>
      </c>
      <c r="H40756" t="s">
        <v>20256</v>
      </c>
      <c r="I40756" s="2">
        <v>1</v>
      </c>
      <c r="J40756" s="2">
        <v>0</v>
      </c>
      <c r="K40756" s="2">
        <v>0</v>
      </c>
      <c r="L40756" t="s">
        <v>120</v>
      </c>
      <c r="M40756" t="s">
        <v>89</v>
      </c>
      <c r="N40756" t="s">
        <v>90</v>
      </c>
      <c r="O40756" t="s">
        <v>85</v>
      </c>
      <c r="P40756" t="s">
        <v>86</v>
      </c>
      <c r="Q40756">
        <v>15</v>
      </c>
      <c r="R40756">
        <v>15</v>
      </c>
      <c r="S40756">
        <v>16</v>
      </c>
      <c r="T40756">
        <v>16</v>
      </c>
      <c r="U40756">
        <v>16</v>
      </c>
      <c r="V40756">
        <v>17</v>
      </c>
      <c r="W40756">
        <v>17</v>
      </c>
      <c r="X40756">
        <v>17</v>
      </c>
      <c r="Y40756">
        <v>18</v>
      </c>
      <c r="Z40756">
        <v>18</v>
      </c>
      <c r="AA40756">
        <v>19</v>
      </c>
      <c r="AB40756">
        <v>19</v>
      </c>
      <c r="AC40756">
        <v>19</v>
      </c>
      <c r="AD40756">
        <v>20</v>
      </c>
      <c r="AE40756">
        <v>20</v>
      </c>
      <c r="AF40756">
        <v>20</v>
      </c>
      <c r="AG40756">
        <v>20</v>
      </c>
      <c r="AH40756">
        <v>20</v>
      </c>
      <c r="AI40756">
        <v>20</v>
      </c>
      <c r="AJ40756">
        <v>21</v>
      </c>
      <c r="AK40756">
        <v>21</v>
      </c>
      <c r="AL40756">
        <v>21</v>
      </c>
      <c r="AM40756">
        <v>21</v>
      </c>
      <c r="AN40756">
        <v>21</v>
      </c>
      <c r="AO40756">
        <v>21</v>
      </c>
      <c r="AP40756">
        <v>21</v>
      </c>
      <c r="AQ40756">
        <v>22</v>
      </c>
    </row>
    <row r="40757" spans="1:43">
      <c r="A40757" t="s">
        <v>25169</v>
      </c>
      <c r="B40757" t="s">
        <v>25170</v>
      </c>
      <c r="C40757" t="s">
        <v>22315</v>
      </c>
      <c r="D40757" t="s">
        <v>22316</v>
      </c>
      <c r="E40757" t="s">
        <v>22205</v>
      </c>
      <c r="F40757" t="s">
        <v>22206</v>
      </c>
      <c r="G40757" t="s">
        <v>20255</v>
      </c>
      <c r="H40757" t="s">
        <v>20256</v>
      </c>
      <c r="I40757" s="2">
        <v>1</v>
      </c>
      <c r="J40757" s="2">
        <v>0</v>
      </c>
      <c r="K40757" s="2">
        <v>0</v>
      </c>
      <c r="L40757" t="s">
        <v>120</v>
      </c>
      <c r="M40757" t="s">
        <v>83</v>
      </c>
      <c r="N40757" t="s">
        <v>91</v>
      </c>
      <c r="O40757" t="s">
        <v>85</v>
      </c>
      <c r="P40757" t="s">
        <v>86</v>
      </c>
      <c r="Q40757">
        <v>15</v>
      </c>
      <c r="R40757">
        <v>15</v>
      </c>
      <c r="S40757">
        <v>15</v>
      </c>
      <c r="T40757">
        <v>15</v>
      </c>
      <c r="U40757">
        <v>16</v>
      </c>
      <c r="V40757">
        <v>16</v>
      </c>
      <c r="W40757">
        <v>16</v>
      </c>
      <c r="X40757">
        <v>17</v>
      </c>
      <c r="Y40757">
        <v>17</v>
      </c>
      <c r="Z40757">
        <v>17</v>
      </c>
      <c r="AA40757">
        <v>17</v>
      </c>
      <c r="AB40757">
        <v>18</v>
      </c>
      <c r="AC40757">
        <v>18</v>
      </c>
      <c r="AD40757">
        <v>18</v>
      </c>
      <c r="AE40757">
        <v>19</v>
      </c>
      <c r="AF40757">
        <v>19</v>
      </c>
      <c r="AG40757">
        <v>19</v>
      </c>
      <c r="AH40757">
        <v>20</v>
      </c>
      <c r="AI40757">
        <v>20</v>
      </c>
      <c r="AJ40757">
        <v>20</v>
      </c>
      <c r="AK40757">
        <v>20</v>
      </c>
      <c r="AL40757">
        <v>21</v>
      </c>
      <c r="AM40757">
        <v>21</v>
      </c>
      <c r="AN40757">
        <v>21</v>
      </c>
      <c r="AO40757">
        <v>21</v>
      </c>
      <c r="AP40757">
        <v>21</v>
      </c>
      <c r="AQ40757">
        <v>21</v>
      </c>
    </row>
    <row r="40758" spans="1:43">
      <c r="A40758" t="s">
        <v>25171</v>
      </c>
      <c r="B40758" t="s">
        <v>25172</v>
      </c>
      <c r="C40758" t="s">
        <v>22315</v>
      </c>
      <c r="D40758" t="s">
        <v>22316</v>
      </c>
      <c r="E40758" t="s">
        <v>22205</v>
      </c>
      <c r="F40758" t="s">
        <v>22206</v>
      </c>
      <c r="G40758" t="s">
        <v>20255</v>
      </c>
      <c r="H40758" t="s">
        <v>20256</v>
      </c>
      <c r="I40758" s="2">
        <v>1</v>
      </c>
      <c r="J40758" s="2">
        <v>0</v>
      </c>
      <c r="K40758" s="2">
        <v>0</v>
      </c>
      <c r="L40758" t="s">
        <v>120</v>
      </c>
      <c r="M40758" t="s">
        <v>83</v>
      </c>
      <c r="N40758" t="s">
        <v>84</v>
      </c>
      <c r="O40758" t="s">
        <v>85</v>
      </c>
      <c r="P40758" t="s">
        <v>86</v>
      </c>
      <c r="Q40758">
        <v>59</v>
      </c>
      <c r="R40758">
        <v>60</v>
      </c>
      <c r="S40758">
        <v>61</v>
      </c>
      <c r="T40758">
        <v>63</v>
      </c>
      <c r="U40758">
        <v>64</v>
      </c>
      <c r="V40758">
        <v>65</v>
      </c>
      <c r="W40758">
        <v>66</v>
      </c>
      <c r="X40758">
        <v>67</v>
      </c>
      <c r="Y40758">
        <v>68</v>
      </c>
      <c r="Z40758">
        <v>69</v>
      </c>
      <c r="AA40758">
        <v>71</v>
      </c>
      <c r="AB40758">
        <v>72</v>
      </c>
      <c r="AC40758">
        <v>73</v>
      </c>
      <c r="AD40758">
        <v>74</v>
      </c>
      <c r="AE40758">
        <v>75</v>
      </c>
      <c r="AF40758">
        <v>77</v>
      </c>
      <c r="AG40758">
        <v>78</v>
      </c>
      <c r="AH40758">
        <v>79</v>
      </c>
      <c r="AI40758">
        <v>80</v>
      </c>
      <c r="AJ40758">
        <v>82</v>
      </c>
      <c r="AK40758">
        <v>83</v>
      </c>
      <c r="AL40758">
        <v>84</v>
      </c>
      <c r="AM40758">
        <v>84</v>
      </c>
      <c r="AN40758">
        <v>85</v>
      </c>
      <c r="AO40758">
        <v>85</v>
      </c>
      <c r="AP40758">
        <v>86</v>
      </c>
      <c r="AQ40758">
        <v>86</v>
      </c>
    </row>
    <row r="40759" spans="1:43">
      <c r="A40759" t="s">
        <v>25171</v>
      </c>
      <c r="B40759" t="s">
        <v>25172</v>
      </c>
      <c r="C40759" t="s">
        <v>22315</v>
      </c>
      <c r="D40759" t="s">
        <v>22316</v>
      </c>
      <c r="E40759" t="s">
        <v>22205</v>
      </c>
      <c r="F40759" t="s">
        <v>22206</v>
      </c>
      <c r="G40759" t="s">
        <v>20255</v>
      </c>
      <c r="H40759" t="s">
        <v>20256</v>
      </c>
      <c r="I40759" s="2">
        <v>1</v>
      </c>
      <c r="J40759" s="2">
        <v>0</v>
      </c>
      <c r="K40759" s="2">
        <v>0</v>
      </c>
      <c r="L40759" t="s">
        <v>120</v>
      </c>
      <c r="M40759" t="s">
        <v>87</v>
      </c>
      <c r="N40759" t="s">
        <v>88</v>
      </c>
      <c r="O40759" t="s">
        <v>85</v>
      </c>
      <c r="P40759" t="s">
        <v>86</v>
      </c>
      <c r="Q40759">
        <v>59</v>
      </c>
      <c r="R40759">
        <v>59</v>
      </c>
      <c r="S40759">
        <v>60</v>
      </c>
      <c r="T40759">
        <v>60</v>
      </c>
      <c r="U40759">
        <v>61</v>
      </c>
      <c r="V40759">
        <v>61</v>
      </c>
      <c r="W40759">
        <v>62</v>
      </c>
      <c r="X40759">
        <v>63</v>
      </c>
      <c r="Y40759">
        <v>63</v>
      </c>
      <c r="Z40759">
        <v>64</v>
      </c>
      <c r="AA40759">
        <v>64</v>
      </c>
      <c r="AB40759">
        <v>65</v>
      </c>
      <c r="AC40759">
        <v>66</v>
      </c>
      <c r="AD40759">
        <v>66</v>
      </c>
      <c r="AE40759">
        <v>67</v>
      </c>
      <c r="AF40759">
        <v>68</v>
      </c>
      <c r="AG40759">
        <v>68</v>
      </c>
      <c r="AH40759">
        <v>69</v>
      </c>
      <c r="AI40759">
        <v>70</v>
      </c>
      <c r="AJ40759">
        <v>70</v>
      </c>
      <c r="AK40759">
        <v>71</v>
      </c>
      <c r="AL40759">
        <v>72</v>
      </c>
      <c r="AM40759">
        <v>72</v>
      </c>
      <c r="AN40759">
        <v>73</v>
      </c>
      <c r="AO40759">
        <v>74</v>
      </c>
      <c r="AP40759">
        <v>75</v>
      </c>
      <c r="AQ40759">
        <v>75</v>
      </c>
    </row>
    <row r="40760" spans="1:43">
      <c r="A40760" t="s">
        <v>25171</v>
      </c>
      <c r="B40760" t="s">
        <v>25172</v>
      </c>
      <c r="C40760" t="s">
        <v>22315</v>
      </c>
      <c r="D40760" t="s">
        <v>22316</v>
      </c>
      <c r="E40760" t="s">
        <v>22205</v>
      </c>
      <c r="F40760" t="s">
        <v>22206</v>
      </c>
      <c r="G40760" t="s">
        <v>20255</v>
      </c>
      <c r="H40760" t="s">
        <v>20256</v>
      </c>
      <c r="I40760" s="2">
        <v>1</v>
      </c>
      <c r="J40760" s="2">
        <v>0</v>
      </c>
      <c r="K40760" s="2">
        <v>0</v>
      </c>
      <c r="L40760" t="s">
        <v>120</v>
      </c>
      <c r="M40760" t="s">
        <v>89</v>
      </c>
      <c r="N40760" t="s">
        <v>90</v>
      </c>
      <c r="O40760" t="s">
        <v>85</v>
      </c>
      <c r="P40760" t="s">
        <v>86</v>
      </c>
      <c r="Q40760">
        <v>59</v>
      </c>
      <c r="R40760">
        <v>60</v>
      </c>
      <c r="S40760">
        <v>62</v>
      </c>
      <c r="T40760">
        <v>64</v>
      </c>
      <c r="U40760">
        <v>65</v>
      </c>
      <c r="V40760">
        <v>67</v>
      </c>
      <c r="W40760">
        <v>68</v>
      </c>
      <c r="X40760">
        <v>70</v>
      </c>
      <c r="Y40760">
        <v>71</v>
      </c>
      <c r="Z40760">
        <v>73</v>
      </c>
      <c r="AA40760">
        <v>74</v>
      </c>
      <c r="AB40760">
        <v>76</v>
      </c>
      <c r="AC40760">
        <v>77</v>
      </c>
      <c r="AD40760">
        <v>79</v>
      </c>
      <c r="AE40760">
        <v>80</v>
      </c>
      <c r="AF40760">
        <v>80</v>
      </c>
      <c r="AG40760">
        <v>81</v>
      </c>
      <c r="AH40760">
        <v>81</v>
      </c>
      <c r="AI40760">
        <v>82</v>
      </c>
      <c r="AJ40760">
        <v>82</v>
      </c>
      <c r="AK40760">
        <v>83</v>
      </c>
      <c r="AL40760">
        <v>83</v>
      </c>
      <c r="AM40760">
        <v>84</v>
      </c>
      <c r="AN40760">
        <v>84</v>
      </c>
      <c r="AO40760">
        <v>85</v>
      </c>
      <c r="AP40760">
        <v>85</v>
      </c>
      <c r="AQ40760">
        <v>86</v>
      </c>
    </row>
    <row r="40761" spans="1:43">
      <c r="A40761" t="s">
        <v>25171</v>
      </c>
      <c r="B40761" t="s">
        <v>25172</v>
      </c>
      <c r="C40761" t="s">
        <v>22315</v>
      </c>
      <c r="D40761" t="s">
        <v>22316</v>
      </c>
      <c r="E40761" t="s">
        <v>22205</v>
      </c>
      <c r="F40761" t="s">
        <v>22206</v>
      </c>
      <c r="G40761" t="s">
        <v>20255</v>
      </c>
      <c r="H40761" t="s">
        <v>20256</v>
      </c>
      <c r="I40761" s="2">
        <v>1</v>
      </c>
      <c r="J40761" s="2">
        <v>0</v>
      </c>
      <c r="K40761" s="2">
        <v>0</v>
      </c>
      <c r="L40761" t="s">
        <v>120</v>
      </c>
      <c r="M40761" t="s">
        <v>83</v>
      </c>
      <c r="N40761" t="s">
        <v>91</v>
      </c>
      <c r="O40761" t="s">
        <v>85</v>
      </c>
      <c r="P40761" t="s">
        <v>86</v>
      </c>
      <c r="Q40761">
        <v>59</v>
      </c>
      <c r="R40761">
        <v>60</v>
      </c>
      <c r="S40761">
        <v>61</v>
      </c>
      <c r="T40761">
        <v>63</v>
      </c>
      <c r="U40761">
        <v>64</v>
      </c>
      <c r="V40761">
        <v>65</v>
      </c>
      <c r="W40761">
        <v>66</v>
      </c>
      <c r="X40761">
        <v>67</v>
      </c>
      <c r="Y40761">
        <v>68</v>
      </c>
      <c r="Z40761">
        <v>69</v>
      </c>
      <c r="AA40761">
        <v>71</v>
      </c>
      <c r="AB40761">
        <v>72</v>
      </c>
      <c r="AC40761">
        <v>73</v>
      </c>
      <c r="AD40761">
        <v>74</v>
      </c>
      <c r="AE40761">
        <v>75</v>
      </c>
      <c r="AF40761">
        <v>77</v>
      </c>
      <c r="AG40761">
        <v>78</v>
      </c>
      <c r="AH40761">
        <v>79</v>
      </c>
      <c r="AI40761">
        <v>80</v>
      </c>
      <c r="AJ40761">
        <v>82</v>
      </c>
      <c r="AK40761">
        <v>83</v>
      </c>
      <c r="AL40761">
        <v>84</v>
      </c>
      <c r="AM40761">
        <v>84</v>
      </c>
      <c r="AN40761">
        <v>85</v>
      </c>
      <c r="AO40761">
        <v>85</v>
      </c>
      <c r="AP40761">
        <v>86</v>
      </c>
      <c r="AQ40761">
        <v>86</v>
      </c>
    </row>
    <row r="40762" spans="1:43">
      <c r="A40762" t="s">
        <v>25173</v>
      </c>
      <c r="B40762" t="s">
        <v>25174</v>
      </c>
      <c r="C40762" t="s">
        <v>22273</v>
      </c>
      <c r="D40762" t="s">
        <v>22274</v>
      </c>
      <c r="E40762" t="s">
        <v>22205</v>
      </c>
      <c r="F40762" t="s">
        <v>22206</v>
      </c>
      <c r="G40762" t="s">
        <v>20255</v>
      </c>
      <c r="H40762" t="s">
        <v>20256</v>
      </c>
      <c r="I40762" s="2">
        <v>1</v>
      </c>
      <c r="J40762" s="2">
        <v>0</v>
      </c>
      <c r="K40762" s="2">
        <v>0</v>
      </c>
      <c r="L40762" t="s">
        <v>120</v>
      </c>
      <c r="M40762" t="s">
        <v>83</v>
      </c>
      <c r="N40762" t="s">
        <v>84</v>
      </c>
      <c r="O40762" t="s">
        <v>85</v>
      </c>
      <c r="P40762" t="s">
        <v>86</v>
      </c>
      <c r="Q40762">
        <v>7</v>
      </c>
      <c r="R40762">
        <v>7</v>
      </c>
      <c r="S40762">
        <v>7</v>
      </c>
      <c r="T40762">
        <v>7</v>
      </c>
      <c r="U40762">
        <v>7</v>
      </c>
      <c r="V40762">
        <v>7</v>
      </c>
      <c r="W40762">
        <v>7</v>
      </c>
      <c r="X40762">
        <v>8</v>
      </c>
      <c r="Y40762">
        <v>8</v>
      </c>
      <c r="Z40762">
        <v>8</v>
      </c>
      <c r="AA40762">
        <v>8</v>
      </c>
      <c r="AB40762">
        <v>8</v>
      </c>
      <c r="AC40762">
        <v>8</v>
      </c>
      <c r="AD40762">
        <v>8</v>
      </c>
      <c r="AE40762">
        <v>8</v>
      </c>
      <c r="AF40762">
        <v>9</v>
      </c>
      <c r="AG40762">
        <v>9</v>
      </c>
      <c r="AH40762">
        <v>9</v>
      </c>
      <c r="AI40762">
        <v>9</v>
      </c>
      <c r="AJ40762">
        <v>9</v>
      </c>
      <c r="AK40762">
        <v>9</v>
      </c>
      <c r="AL40762">
        <v>9</v>
      </c>
      <c r="AM40762">
        <v>9</v>
      </c>
      <c r="AN40762">
        <v>10</v>
      </c>
      <c r="AO40762">
        <v>10</v>
      </c>
      <c r="AP40762">
        <v>10</v>
      </c>
      <c r="AQ40762">
        <v>10</v>
      </c>
    </row>
    <row r="40763" spans="1:43">
      <c r="A40763" t="s">
        <v>25173</v>
      </c>
      <c r="B40763" t="s">
        <v>25174</v>
      </c>
      <c r="C40763" t="s">
        <v>22273</v>
      </c>
      <c r="D40763" t="s">
        <v>22274</v>
      </c>
      <c r="E40763" t="s">
        <v>22205</v>
      </c>
      <c r="F40763" t="s">
        <v>22206</v>
      </c>
      <c r="G40763" t="s">
        <v>20255</v>
      </c>
      <c r="H40763" t="s">
        <v>20256</v>
      </c>
      <c r="I40763" s="2">
        <v>1</v>
      </c>
      <c r="J40763" s="2">
        <v>0</v>
      </c>
      <c r="K40763" s="2">
        <v>0</v>
      </c>
      <c r="L40763" t="s">
        <v>120</v>
      </c>
      <c r="M40763" t="s">
        <v>87</v>
      </c>
      <c r="N40763" t="s">
        <v>88</v>
      </c>
      <c r="O40763" t="s">
        <v>85</v>
      </c>
      <c r="P40763" t="s">
        <v>86</v>
      </c>
      <c r="Q40763">
        <v>7</v>
      </c>
      <c r="R40763">
        <v>7</v>
      </c>
      <c r="S40763">
        <v>7</v>
      </c>
      <c r="T40763">
        <v>7</v>
      </c>
      <c r="U40763">
        <v>7</v>
      </c>
      <c r="V40763">
        <v>7</v>
      </c>
      <c r="W40763">
        <v>7</v>
      </c>
      <c r="X40763">
        <v>7</v>
      </c>
      <c r="Y40763">
        <v>7</v>
      </c>
      <c r="Z40763">
        <v>7</v>
      </c>
      <c r="AA40763">
        <v>7</v>
      </c>
      <c r="AB40763">
        <v>7</v>
      </c>
      <c r="AC40763">
        <v>7</v>
      </c>
      <c r="AD40763">
        <v>7</v>
      </c>
      <c r="AE40763">
        <v>8</v>
      </c>
      <c r="AF40763">
        <v>8</v>
      </c>
      <c r="AG40763">
        <v>8</v>
      </c>
      <c r="AH40763">
        <v>8</v>
      </c>
      <c r="AI40763">
        <v>8</v>
      </c>
      <c r="AJ40763">
        <v>8</v>
      </c>
      <c r="AK40763">
        <v>8</v>
      </c>
      <c r="AL40763">
        <v>8</v>
      </c>
      <c r="AM40763">
        <v>8</v>
      </c>
      <c r="AN40763">
        <v>8</v>
      </c>
      <c r="AO40763">
        <v>8</v>
      </c>
      <c r="AP40763">
        <v>8</v>
      </c>
      <c r="AQ40763">
        <v>9</v>
      </c>
    </row>
    <row r="40764" spans="1:43">
      <c r="A40764" t="s">
        <v>25173</v>
      </c>
      <c r="B40764" t="s">
        <v>25174</v>
      </c>
      <c r="C40764" t="s">
        <v>22273</v>
      </c>
      <c r="D40764" t="s">
        <v>22274</v>
      </c>
      <c r="E40764" t="s">
        <v>22205</v>
      </c>
      <c r="F40764" t="s">
        <v>22206</v>
      </c>
      <c r="G40764" t="s">
        <v>20255</v>
      </c>
      <c r="H40764" t="s">
        <v>20256</v>
      </c>
      <c r="I40764" s="2">
        <v>1</v>
      </c>
      <c r="J40764" s="2">
        <v>0</v>
      </c>
      <c r="K40764" s="2">
        <v>0</v>
      </c>
      <c r="L40764" t="s">
        <v>120</v>
      </c>
      <c r="M40764" t="s">
        <v>89</v>
      </c>
      <c r="N40764" t="s">
        <v>90</v>
      </c>
      <c r="O40764" t="s">
        <v>85</v>
      </c>
      <c r="P40764" t="s">
        <v>86</v>
      </c>
      <c r="Q40764">
        <v>7</v>
      </c>
      <c r="R40764">
        <v>7</v>
      </c>
      <c r="S40764">
        <v>7</v>
      </c>
      <c r="T40764">
        <v>7</v>
      </c>
      <c r="U40764">
        <v>7</v>
      </c>
      <c r="V40764">
        <v>8</v>
      </c>
      <c r="W40764">
        <v>8</v>
      </c>
      <c r="X40764">
        <v>8</v>
      </c>
      <c r="Y40764">
        <v>8</v>
      </c>
      <c r="Z40764">
        <v>8</v>
      </c>
      <c r="AA40764">
        <v>8</v>
      </c>
      <c r="AB40764">
        <v>9</v>
      </c>
      <c r="AC40764">
        <v>9</v>
      </c>
      <c r="AD40764">
        <v>9</v>
      </c>
      <c r="AE40764">
        <v>9</v>
      </c>
      <c r="AF40764">
        <v>9</v>
      </c>
      <c r="AG40764">
        <v>9</v>
      </c>
      <c r="AH40764">
        <v>9</v>
      </c>
      <c r="AI40764">
        <v>9</v>
      </c>
      <c r="AJ40764">
        <v>9</v>
      </c>
      <c r="AK40764">
        <v>9</v>
      </c>
      <c r="AL40764">
        <v>9</v>
      </c>
      <c r="AM40764">
        <v>10</v>
      </c>
      <c r="AN40764">
        <v>10</v>
      </c>
      <c r="AO40764">
        <v>10</v>
      </c>
      <c r="AP40764">
        <v>10</v>
      </c>
      <c r="AQ40764">
        <v>10</v>
      </c>
    </row>
    <row r="40765" spans="1:43">
      <c r="A40765" t="s">
        <v>25173</v>
      </c>
      <c r="B40765" t="s">
        <v>25174</v>
      </c>
      <c r="C40765" t="s">
        <v>22273</v>
      </c>
      <c r="D40765" t="s">
        <v>22274</v>
      </c>
      <c r="E40765" t="s">
        <v>22205</v>
      </c>
      <c r="F40765" t="s">
        <v>22206</v>
      </c>
      <c r="G40765" t="s">
        <v>20255</v>
      </c>
      <c r="H40765" t="s">
        <v>20256</v>
      </c>
      <c r="I40765" s="2">
        <v>1</v>
      </c>
      <c r="J40765" s="2">
        <v>0</v>
      </c>
      <c r="K40765" s="2">
        <v>0</v>
      </c>
      <c r="L40765" t="s">
        <v>120</v>
      </c>
      <c r="M40765" t="s">
        <v>83</v>
      </c>
      <c r="N40765" t="s">
        <v>91</v>
      </c>
      <c r="O40765" t="s">
        <v>85</v>
      </c>
      <c r="P40765" t="s">
        <v>86</v>
      </c>
      <c r="Q40765">
        <v>7</v>
      </c>
      <c r="R40765">
        <v>7</v>
      </c>
      <c r="S40765">
        <v>7</v>
      </c>
      <c r="T40765">
        <v>7</v>
      </c>
      <c r="U40765">
        <v>7</v>
      </c>
      <c r="V40765">
        <v>7</v>
      </c>
      <c r="W40765">
        <v>7</v>
      </c>
      <c r="X40765">
        <v>8</v>
      </c>
      <c r="Y40765">
        <v>8</v>
      </c>
      <c r="Z40765">
        <v>8</v>
      </c>
      <c r="AA40765">
        <v>8</v>
      </c>
      <c r="AB40765">
        <v>8</v>
      </c>
      <c r="AC40765">
        <v>8</v>
      </c>
      <c r="AD40765">
        <v>8</v>
      </c>
      <c r="AE40765">
        <v>8</v>
      </c>
      <c r="AF40765">
        <v>9</v>
      </c>
      <c r="AG40765">
        <v>9</v>
      </c>
      <c r="AH40765">
        <v>9</v>
      </c>
      <c r="AI40765">
        <v>9</v>
      </c>
      <c r="AJ40765">
        <v>9</v>
      </c>
      <c r="AK40765">
        <v>9</v>
      </c>
      <c r="AL40765">
        <v>9</v>
      </c>
      <c r="AM40765">
        <v>9</v>
      </c>
      <c r="AN40765">
        <v>10</v>
      </c>
      <c r="AO40765">
        <v>10</v>
      </c>
      <c r="AP40765">
        <v>10</v>
      </c>
      <c r="AQ40765">
        <v>10</v>
      </c>
    </row>
    <row r="40766" spans="1:43">
      <c r="A40766" t="s">
        <v>25175</v>
      </c>
      <c r="B40766" t="s">
        <v>25176</v>
      </c>
      <c r="C40766" t="s">
        <v>22315</v>
      </c>
      <c r="D40766" t="s">
        <v>22316</v>
      </c>
      <c r="E40766" t="s">
        <v>22205</v>
      </c>
      <c r="F40766" t="s">
        <v>22206</v>
      </c>
      <c r="G40766" t="s">
        <v>20255</v>
      </c>
      <c r="H40766" t="s">
        <v>20256</v>
      </c>
      <c r="I40766" s="2">
        <v>1</v>
      </c>
      <c r="J40766" s="2">
        <v>0</v>
      </c>
      <c r="K40766" s="2">
        <v>0</v>
      </c>
      <c r="L40766" t="s">
        <v>120</v>
      </c>
      <c r="M40766" t="s">
        <v>83</v>
      </c>
      <c r="N40766" t="s">
        <v>84</v>
      </c>
      <c r="O40766" t="s">
        <v>85</v>
      </c>
      <c r="P40766" t="s">
        <v>86</v>
      </c>
      <c r="Q40766">
        <v>41</v>
      </c>
      <c r="R40766">
        <v>42</v>
      </c>
      <c r="S40766">
        <v>43</v>
      </c>
      <c r="T40766">
        <v>44</v>
      </c>
      <c r="U40766">
        <v>44</v>
      </c>
      <c r="V40766">
        <v>45</v>
      </c>
      <c r="W40766">
        <v>46</v>
      </c>
      <c r="X40766">
        <v>47</v>
      </c>
      <c r="Y40766">
        <v>47</v>
      </c>
      <c r="Z40766">
        <v>48</v>
      </c>
      <c r="AA40766">
        <v>49</v>
      </c>
      <c r="AB40766">
        <v>50</v>
      </c>
      <c r="AC40766">
        <v>51</v>
      </c>
      <c r="AD40766">
        <v>51</v>
      </c>
      <c r="AE40766">
        <v>52</v>
      </c>
      <c r="AF40766">
        <v>53</v>
      </c>
      <c r="AG40766">
        <v>54</v>
      </c>
      <c r="AH40766">
        <v>55</v>
      </c>
      <c r="AI40766">
        <v>56</v>
      </c>
      <c r="AJ40766">
        <v>56</v>
      </c>
      <c r="AK40766">
        <v>57</v>
      </c>
      <c r="AL40766">
        <v>58</v>
      </c>
      <c r="AM40766">
        <v>58</v>
      </c>
      <c r="AN40766">
        <v>58</v>
      </c>
      <c r="AO40766">
        <v>59</v>
      </c>
      <c r="AP40766">
        <v>59</v>
      </c>
      <c r="AQ40766">
        <v>59</v>
      </c>
    </row>
    <row r="40767" spans="1:43">
      <c r="A40767" t="s">
        <v>25175</v>
      </c>
      <c r="B40767" t="s">
        <v>25176</v>
      </c>
      <c r="C40767" t="s">
        <v>22315</v>
      </c>
      <c r="D40767" t="s">
        <v>22316</v>
      </c>
      <c r="E40767" t="s">
        <v>22205</v>
      </c>
      <c r="F40767" t="s">
        <v>22206</v>
      </c>
      <c r="G40767" t="s">
        <v>20255</v>
      </c>
      <c r="H40767" t="s">
        <v>20256</v>
      </c>
      <c r="I40767" s="2">
        <v>1</v>
      </c>
      <c r="J40767" s="2">
        <v>0</v>
      </c>
      <c r="K40767" s="2">
        <v>0</v>
      </c>
      <c r="L40767" t="s">
        <v>120</v>
      </c>
      <c r="M40767" t="s">
        <v>87</v>
      </c>
      <c r="N40767" t="s">
        <v>88</v>
      </c>
      <c r="O40767" t="s">
        <v>85</v>
      </c>
      <c r="P40767" t="s">
        <v>86</v>
      </c>
      <c r="Q40767">
        <v>41</v>
      </c>
      <c r="R40767">
        <v>41</v>
      </c>
      <c r="S40767">
        <v>42</v>
      </c>
      <c r="T40767">
        <v>42</v>
      </c>
      <c r="U40767">
        <v>42</v>
      </c>
      <c r="V40767">
        <v>43</v>
      </c>
      <c r="W40767">
        <v>43</v>
      </c>
      <c r="X40767">
        <v>44</v>
      </c>
      <c r="Y40767">
        <v>44</v>
      </c>
      <c r="Z40767">
        <v>44</v>
      </c>
      <c r="AA40767">
        <v>45</v>
      </c>
      <c r="AB40767">
        <v>45</v>
      </c>
      <c r="AC40767">
        <v>46</v>
      </c>
      <c r="AD40767">
        <v>46</v>
      </c>
      <c r="AE40767">
        <v>46</v>
      </c>
      <c r="AF40767">
        <v>47</v>
      </c>
      <c r="AG40767">
        <v>47</v>
      </c>
      <c r="AH40767">
        <v>48</v>
      </c>
      <c r="AI40767">
        <v>48</v>
      </c>
      <c r="AJ40767">
        <v>49</v>
      </c>
      <c r="AK40767">
        <v>49</v>
      </c>
      <c r="AL40767">
        <v>49</v>
      </c>
      <c r="AM40767">
        <v>50</v>
      </c>
      <c r="AN40767">
        <v>50</v>
      </c>
      <c r="AO40767">
        <v>51</v>
      </c>
      <c r="AP40767">
        <v>51</v>
      </c>
      <c r="AQ40767">
        <v>52</v>
      </c>
    </row>
    <row r="40768" spans="1:43">
      <c r="A40768" t="s">
        <v>25175</v>
      </c>
      <c r="B40768" t="s">
        <v>25176</v>
      </c>
      <c r="C40768" t="s">
        <v>22315</v>
      </c>
      <c r="D40768" t="s">
        <v>22316</v>
      </c>
      <c r="E40768" t="s">
        <v>22205</v>
      </c>
      <c r="F40768" t="s">
        <v>22206</v>
      </c>
      <c r="G40768" t="s">
        <v>20255</v>
      </c>
      <c r="H40768" t="s">
        <v>20256</v>
      </c>
      <c r="I40768" s="2">
        <v>1</v>
      </c>
      <c r="J40768" s="2">
        <v>0</v>
      </c>
      <c r="K40768" s="2">
        <v>0</v>
      </c>
      <c r="L40768" t="s">
        <v>120</v>
      </c>
      <c r="M40768" t="s">
        <v>89</v>
      </c>
      <c r="N40768" t="s">
        <v>90</v>
      </c>
      <c r="O40768" t="s">
        <v>85</v>
      </c>
      <c r="P40768" t="s">
        <v>86</v>
      </c>
      <c r="Q40768">
        <v>41</v>
      </c>
      <c r="R40768">
        <v>42</v>
      </c>
      <c r="S40768">
        <v>43</v>
      </c>
      <c r="T40768">
        <v>44</v>
      </c>
      <c r="U40768">
        <v>45</v>
      </c>
      <c r="V40768">
        <v>46</v>
      </c>
      <c r="W40768">
        <v>47</v>
      </c>
      <c r="X40768">
        <v>48</v>
      </c>
      <c r="Y40768">
        <v>49</v>
      </c>
      <c r="Z40768">
        <v>50</v>
      </c>
      <c r="AA40768">
        <v>51</v>
      </c>
      <c r="AB40768">
        <v>52</v>
      </c>
      <c r="AC40768">
        <v>53</v>
      </c>
      <c r="AD40768">
        <v>54</v>
      </c>
      <c r="AE40768">
        <v>55</v>
      </c>
      <c r="AF40768">
        <v>55</v>
      </c>
      <c r="AG40768">
        <v>56</v>
      </c>
      <c r="AH40768">
        <v>56</v>
      </c>
      <c r="AI40768">
        <v>56</v>
      </c>
      <c r="AJ40768">
        <v>56</v>
      </c>
      <c r="AK40768">
        <v>57</v>
      </c>
      <c r="AL40768">
        <v>57</v>
      </c>
      <c r="AM40768">
        <v>57</v>
      </c>
      <c r="AN40768">
        <v>58</v>
      </c>
      <c r="AO40768">
        <v>58</v>
      </c>
      <c r="AP40768">
        <v>58</v>
      </c>
      <c r="AQ40768">
        <v>59</v>
      </c>
    </row>
    <row r="40769" spans="1:43">
      <c r="A40769" t="s">
        <v>25175</v>
      </c>
      <c r="B40769" t="s">
        <v>25176</v>
      </c>
      <c r="C40769" t="s">
        <v>22315</v>
      </c>
      <c r="D40769" t="s">
        <v>22316</v>
      </c>
      <c r="E40769" t="s">
        <v>22205</v>
      </c>
      <c r="F40769" t="s">
        <v>22206</v>
      </c>
      <c r="G40769" t="s">
        <v>20255</v>
      </c>
      <c r="H40769" t="s">
        <v>20256</v>
      </c>
      <c r="I40769" s="2">
        <v>1</v>
      </c>
      <c r="J40769" s="2">
        <v>0</v>
      </c>
      <c r="K40769" s="2">
        <v>0</v>
      </c>
      <c r="L40769" t="s">
        <v>120</v>
      </c>
      <c r="M40769" t="s">
        <v>83</v>
      </c>
      <c r="N40769" t="s">
        <v>91</v>
      </c>
      <c r="O40769" t="s">
        <v>85</v>
      </c>
      <c r="P40769" t="s">
        <v>86</v>
      </c>
      <c r="Q40769">
        <v>41</v>
      </c>
      <c r="R40769">
        <v>42</v>
      </c>
      <c r="S40769">
        <v>43</v>
      </c>
      <c r="T40769">
        <v>44</v>
      </c>
      <c r="U40769">
        <v>44</v>
      </c>
      <c r="V40769">
        <v>45</v>
      </c>
      <c r="W40769">
        <v>46</v>
      </c>
      <c r="X40769">
        <v>47</v>
      </c>
      <c r="Y40769">
        <v>47</v>
      </c>
      <c r="Z40769">
        <v>48</v>
      </c>
      <c r="AA40769">
        <v>49</v>
      </c>
      <c r="AB40769">
        <v>50</v>
      </c>
      <c r="AC40769">
        <v>51</v>
      </c>
      <c r="AD40769">
        <v>51</v>
      </c>
      <c r="AE40769">
        <v>52</v>
      </c>
      <c r="AF40769">
        <v>53</v>
      </c>
      <c r="AG40769">
        <v>54</v>
      </c>
      <c r="AH40769">
        <v>55</v>
      </c>
      <c r="AI40769">
        <v>56</v>
      </c>
      <c r="AJ40769">
        <v>56</v>
      </c>
      <c r="AK40769">
        <v>57</v>
      </c>
      <c r="AL40769">
        <v>58</v>
      </c>
      <c r="AM40769">
        <v>58</v>
      </c>
      <c r="AN40769">
        <v>58</v>
      </c>
      <c r="AO40769">
        <v>59</v>
      </c>
      <c r="AP40769">
        <v>59</v>
      </c>
      <c r="AQ40769">
        <v>59</v>
      </c>
    </row>
    <row r="40770" spans="1:43">
      <c r="A40770" t="s">
        <v>25177</v>
      </c>
      <c r="B40770" t="s">
        <v>25178</v>
      </c>
      <c r="C40770" t="s">
        <v>22315</v>
      </c>
      <c r="D40770" t="s">
        <v>22316</v>
      </c>
      <c r="E40770" t="s">
        <v>22205</v>
      </c>
      <c r="F40770" t="s">
        <v>22206</v>
      </c>
      <c r="G40770" t="s">
        <v>20255</v>
      </c>
      <c r="H40770" t="s">
        <v>20256</v>
      </c>
      <c r="I40770" s="2">
        <v>1</v>
      </c>
      <c r="J40770" s="2">
        <v>0</v>
      </c>
      <c r="K40770" s="2">
        <v>0</v>
      </c>
      <c r="L40770" t="s">
        <v>120</v>
      </c>
      <c r="M40770" t="s">
        <v>83</v>
      </c>
      <c r="N40770" t="s">
        <v>84</v>
      </c>
      <c r="O40770" t="s">
        <v>85</v>
      </c>
      <c r="P40770" t="s">
        <v>86</v>
      </c>
      <c r="Q40770">
        <v>18</v>
      </c>
      <c r="R40770">
        <v>18</v>
      </c>
      <c r="S40770">
        <v>19</v>
      </c>
      <c r="T40770">
        <v>19</v>
      </c>
      <c r="U40770">
        <v>19</v>
      </c>
      <c r="V40770">
        <v>20</v>
      </c>
      <c r="W40770">
        <v>20</v>
      </c>
      <c r="X40770">
        <v>20</v>
      </c>
      <c r="Y40770">
        <v>21</v>
      </c>
      <c r="Z40770">
        <v>21</v>
      </c>
      <c r="AA40770">
        <v>21</v>
      </c>
      <c r="AB40770">
        <v>22</v>
      </c>
      <c r="AC40770">
        <v>22</v>
      </c>
      <c r="AD40770">
        <v>23</v>
      </c>
      <c r="AE40770">
        <v>23</v>
      </c>
      <c r="AF40770">
        <v>23</v>
      </c>
      <c r="AG40770">
        <v>24</v>
      </c>
      <c r="AH40770">
        <v>24</v>
      </c>
      <c r="AI40770">
        <v>24</v>
      </c>
      <c r="AJ40770">
        <v>25</v>
      </c>
      <c r="AK40770">
        <v>25</v>
      </c>
      <c r="AL40770">
        <v>25</v>
      </c>
      <c r="AM40770">
        <v>26</v>
      </c>
      <c r="AN40770">
        <v>26</v>
      </c>
      <c r="AO40770">
        <v>26</v>
      </c>
      <c r="AP40770">
        <v>26</v>
      </c>
      <c r="AQ40770">
        <v>26</v>
      </c>
    </row>
    <row r="40771" spans="1:43">
      <c r="A40771" t="s">
        <v>25177</v>
      </c>
      <c r="B40771" t="s">
        <v>25178</v>
      </c>
      <c r="C40771" t="s">
        <v>22315</v>
      </c>
      <c r="D40771" t="s">
        <v>22316</v>
      </c>
      <c r="E40771" t="s">
        <v>22205</v>
      </c>
      <c r="F40771" t="s">
        <v>22206</v>
      </c>
      <c r="G40771" t="s">
        <v>20255</v>
      </c>
      <c r="H40771" t="s">
        <v>20256</v>
      </c>
      <c r="I40771" s="2">
        <v>1</v>
      </c>
      <c r="J40771" s="2">
        <v>0</v>
      </c>
      <c r="K40771" s="2">
        <v>0</v>
      </c>
      <c r="L40771" t="s">
        <v>120</v>
      </c>
      <c r="M40771" t="s">
        <v>87</v>
      </c>
      <c r="N40771" t="s">
        <v>88</v>
      </c>
      <c r="O40771" t="s">
        <v>85</v>
      </c>
      <c r="P40771" t="s">
        <v>86</v>
      </c>
      <c r="Q40771">
        <v>18</v>
      </c>
      <c r="R40771">
        <v>18</v>
      </c>
      <c r="S40771">
        <v>18</v>
      </c>
      <c r="T40771">
        <v>18</v>
      </c>
      <c r="U40771">
        <v>18</v>
      </c>
      <c r="V40771">
        <v>19</v>
      </c>
      <c r="W40771">
        <v>19</v>
      </c>
      <c r="X40771">
        <v>19</v>
      </c>
      <c r="Y40771">
        <v>19</v>
      </c>
      <c r="Z40771">
        <v>19</v>
      </c>
      <c r="AA40771">
        <v>20</v>
      </c>
      <c r="AB40771">
        <v>20</v>
      </c>
      <c r="AC40771">
        <v>20</v>
      </c>
      <c r="AD40771">
        <v>20</v>
      </c>
      <c r="AE40771">
        <v>20</v>
      </c>
      <c r="AF40771">
        <v>21</v>
      </c>
      <c r="AG40771">
        <v>21</v>
      </c>
      <c r="AH40771">
        <v>21</v>
      </c>
      <c r="AI40771">
        <v>21</v>
      </c>
      <c r="AJ40771">
        <v>21</v>
      </c>
      <c r="AK40771">
        <v>22</v>
      </c>
      <c r="AL40771">
        <v>22</v>
      </c>
      <c r="AM40771">
        <v>22</v>
      </c>
      <c r="AN40771">
        <v>22</v>
      </c>
      <c r="AO40771">
        <v>22</v>
      </c>
      <c r="AP40771">
        <v>23</v>
      </c>
      <c r="AQ40771">
        <v>23</v>
      </c>
    </row>
    <row r="40772" spans="1:43">
      <c r="A40772" t="s">
        <v>25177</v>
      </c>
      <c r="B40772" t="s">
        <v>25178</v>
      </c>
      <c r="C40772" t="s">
        <v>22315</v>
      </c>
      <c r="D40772" t="s">
        <v>22316</v>
      </c>
      <c r="E40772" t="s">
        <v>22205</v>
      </c>
      <c r="F40772" t="s">
        <v>22206</v>
      </c>
      <c r="G40772" t="s">
        <v>20255</v>
      </c>
      <c r="H40772" t="s">
        <v>20256</v>
      </c>
      <c r="I40772" s="2">
        <v>1</v>
      </c>
      <c r="J40772" s="2">
        <v>0</v>
      </c>
      <c r="K40772" s="2">
        <v>0</v>
      </c>
      <c r="L40772" t="s">
        <v>120</v>
      </c>
      <c r="M40772" t="s">
        <v>89</v>
      </c>
      <c r="N40772" t="s">
        <v>90</v>
      </c>
      <c r="O40772" t="s">
        <v>85</v>
      </c>
      <c r="P40772" t="s">
        <v>86</v>
      </c>
      <c r="Q40772">
        <v>18</v>
      </c>
      <c r="R40772">
        <v>19</v>
      </c>
      <c r="S40772">
        <v>19</v>
      </c>
      <c r="T40772">
        <v>20</v>
      </c>
      <c r="U40772">
        <v>20</v>
      </c>
      <c r="V40772">
        <v>21</v>
      </c>
      <c r="W40772">
        <v>21</v>
      </c>
      <c r="X40772">
        <v>21</v>
      </c>
      <c r="Y40772">
        <v>22</v>
      </c>
      <c r="Z40772">
        <v>22</v>
      </c>
      <c r="AA40772">
        <v>23</v>
      </c>
      <c r="AB40772">
        <v>23</v>
      </c>
      <c r="AC40772">
        <v>24</v>
      </c>
      <c r="AD40772">
        <v>24</v>
      </c>
      <c r="AE40772">
        <v>25</v>
      </c>
      <c r="AF40772">
        <v>25</v>
      </c>
      <c r="AG40772">
        <v>25</v>
      </c>
      <c r="AH40772">
        <v>25</v>
      </c>
      <c r="AI40772">
        <v>25</v>
      </c>
      <c r="AJ40772">
        <v>25</v>
      </c>
      <c r="AK40772">
        <v>26</v>
      </c>
      <c r="AL40772">
        <v>26</v>
      </c>
      <c r="AM40772">
        <v>26</v>
      </c>
      <c r="AN40772">
        <v>26</v>
      </c>
      <c r="AO40772">
        <v>26</v>
      </c>
      <c r="AP40772">
        <v>26</v>
      </c>
      <c r="AQ40772">
        <v>27</v>
      </c>
    </row>
    <row r="40773" spans="1:43">
      <c r="A40773" t="s">
        <v>25177</v>
      </c>
      <c r="B40773" t="s">
        <v>25178</v>
      </c>
      <c r="C40773" t="s">
        <v>22315</v>
      </c>
      <c r="D40773" t="s">
        <v>22316</v>
      </c>
      <c r="E40773" t="s">
        <v>22205</v>
      </c>
      <c r="F40773" t="s">
        <v>22206</v>
      </c>
      <c r="G40773" t="s">
        <v>20255</v>
      </c>
      <c r="H40773" t="s">
        <v>20256</v>
      </c>
      <c r="I40773" s="2">
        <v>1</v>
      </c>
      <c r="J40773" s="2">
        <v>0</v>
      </c>
      <c r="K40773" s="2">
        <v>0</v>
      </c>
      <c r="L40773" t="s">
        <v>120</v>
      </c>
      <c r="M40773" t="s">
        <v>83</v>
      </c>
      <c r="N40773" t="s">
        <v>91</v>
      </c>
      <c r="O40773" t="s">
        <v>85</v>
      </c>
      <c r="P40773" t="s">
        <v>86</v>
      </c>
      <c r="Q40773">
        <v>18</v>
      </c>
      <c r="R40773">
        <v>18</v>
      </c>
      <c r="S40773">
        <v>19</v>
      </c>
      <c r="T40773">
        <v>19</v>
      </c>
      <c r="U40773">
        <v>19</v>
      </c>
      <c r="V40773">
        <v>20</v>
      </c>
      <c r="W40773">
        <v>20</v>
      </c>
      <c r="X40773">
        <v>20</v>
      </c>
      <c r="Y40773">
        <v>21</v>
      </c>
      <c r="Z40773">
        <v>21</v>
      </c>
      <c r="AA40773">
        <v>21</v>
      </c>
      <c r="AB40773">
        <v>22</v>
      </c>
      <c r="AC40773">
        <v>22</v>
      </c>
      <c r="AD40773">
        <v>23</v>
      </c>
      <c r="AE40773">
        <v>23</v>
      </c>
      <c r="AF40773">
        <v>23</v>
      </c>
      <c r="AG40773">
        <v>24</v>
      </c>
      <c r="AH40773">
        <v>24</v>
      </c>
      <c r="AI40773">
        <v>24</v>
      </c>
      <c r="AJ40773">
        <v>25</v>
      </c>
      <c r="AK40773">
        <v>25</v>
      </c>
      <c r="AL40773">
        <v>25</v>
      </c>
      <c r="AM40773">
        <v>26</v>
      </c>
      <c r="AN40773">
        <v>26</v>
      </c>
      <c r="AO40773">
        <v>26</v>
      </c>
      <c r="AP40773">
        <v>26</v>
      </c>
      <c r="AQ40773">
        <v>26</v>
      </c>
    </row>
    <row r="40774" spans="1:43">
      <c r="A40774" t="s">
        <v>25179</v>
      </c>
      <c r="B40774" t="s">
        <v>25180</v>
      </c>
      <c r="C40774" t="s">
        <v>22219</v>
      </c>
      <c r="D40774" t="s">
        <v>22220</v>
      </c>
      <c r="E40774" t="s">
        <v>22205</v>
      </c>
      <c r="F40774" t="s">
        <v>22206</v>
      </c>
      <c r="G40774" t="s">
        <v>20255</v>
      </c>
      <c r="H40774" t="s">
        <v>20256</v>
      </c>
      <c r="I40774" s="2">
        <v>1</v>
      </c>
      <c r="J40774" s="2">
        <v>0</v>
      </c>
      <c r="K40774" s="2">
        <v>0</v>
      </c>
      <c r="L40774" t="s">
        <v>120</v>
      </c>
      <c r="M40774" t="s">
        <v>83</v>
      </c>
      <c r="N40774" t="s">
        <v>84</v>
      </c>
      <c r="O40774" t="s">
        <v>85</v>
      </c>
      <c r="P40774" t="s">
        <v>86</v>
      </c>
      <c r="Q40774">
        <v>17</v>
      </c>
      <c r="R40774">
        <v>17</v>
      </c>
      <c r="S40774">
        <v>18</v>
      </c>
      <c r="T40774">
        <v>18</v>
      </c>
      <c r="U40774">
        <v>18</v>
      </c>
      <c r="V40774">
        <v>19</v>
      </c>
      <c r="W40774">
        <v>19</v>
      </c>
      <c r="X40774">
        <v>19</v>
      </c>
      <c r="Y40774">
        <v>20</v>
      </c>
      <c r="Z40774">
        <v>20</v>
      </c>
      <c r="AA40774">
        <v>20</v>
      </c>
      <c r="AB40774">
        <v>21</v>
      </c>
      <c r="AC40774">
        <v>21</v>
      </c>
      <c r="AD40774">
        <v>21</v>
      </c>
      <c r="AE40774">
        <v>22</v>
      </c>
      <c r="AF40774">
        <v>22</v>
      </c>
      <c r="AG40774">
        <v>23</v>
      </c>
      <c r="AH40774">
        <v>23</v>
      </c>
      <c r="AI40774">
        <v>23</v>
      </c>
      <c r="AJ40774">
        <v>24</v>
      </c>
      <c r="AK40774">
        <v>24</v>
      </c>
      <c r="AL40774">
        <v>24</v>
      </c>
      <c r="AM40774">
        <v>24</v>
      </c>
      <c r="AN40774">
        <v>25</v>
      </c>
      <c r="AO40774">
        <v>25</v>
      </c>
      <c r="AP40774">
        <v>25</v>
      </c>
      <c r="AQ40774">
        <v>25</v>
      </c>
    </row>
    <row r="40775" spans="1:43">
      <c r="A40775" t="s">
        <v>25179</v>
      </c>
      <c r="B40775" t="s">
        <v>25180</v>
      </c>
      <c r="C40775" t="s">
        <v>22219</v>
      </c>
      <c r="D40775" t="s">
        <v>22220</v>
      </c>
      <c r="E40775" t="s">
        <v>22205</v>
      </c>
      <c r="F40775" t="s">
        <v>22206</v>
      </c>
      <c r="G40775" t="s">
        <v>20255</v>
      </c>
      <c r="H40775" t="s">
        <v>20256</v>
      </c>
      <c r="I40775" s="2">
        <v>1</v>
      </c>
      <c r="J40775" s="2">
        <v>0</v>
      </c>
      <c r="K40775" s="2">
        <v>0</v>
      </c>
      <c r="L40775" t="s">
        <v>120</v>
      </c>
      <c r="M40775" t="s">
        <v>87</v>
      </c>
      <c r="N40775" t="s">
        <v>88</v>
      </c>
      <c r="O40775" t="s">
        <v>85</v>
      </c>
      <c r="P40775" t="s">
        <v>86</v>
      </c>
      <c r="Q40775">
        <v>17</v>
      </c>
      <c r="R40775">
        <v>17</v>
      </c>
      <c r="S40775">
        <v>17</v>
      </c>
      <c r="T40775">
        <v>17</v>
      </c>
      <c r="U40775">
        <v>18</v>
      </c>
      <c r="V40775">
        <v>18</v>
      </c>
      <c r="W40775">
        <v>18</v>
      </c>
      <c r="X40775">
        <v>18</v>
      </c>
      <c r="Y40775">
        <v>18</v>
      </c>
      <c r="Z40775">
        <v>18</v>
      </c>
      <c r="AA40775">
        <v>19</v>
      </c>
      <c r="AB40775">
        <v>19</v>
      </c>
      <c r="AC40775">
        <v>19</v>
      </c>
      <c r="AD40775">
        <v>19</v>
      </c>
      <c r="AE40775">
        <v>19</v>
      </c>
      <c r="AF40775">
        <v>20</v>
      </c>
      <c r="AG40775">
        <v>20</v>
      </c>
      <c r="AH40775">
        <v>20</v>
      </c>
      <c r="AI40775">
        <v>20</v>
      </c>
      <c r="AJ40775">
        <v>20</v>
      </c>
      <c r="AK40775">
        <v>21</v>
      </c>
      <c r="AL40775">
        <v>21</v>
      </c>
      <c r="AM40775">
        <v>21</v>
      </c>
      <c r="AN40775">
        <v>21</v>
      </c>
      <c r="AO40775">
        <v>21</v>
      </c>
      <c r="AP40775">
        <v>22</v>
      </c>
      <c r="AQ40775">
        <v>22</v>
      </c>
    </row>
    <row r="40776" spans="1:43">
      <c r="A40776" t="s">
        <v>25179</v>
      </c>
      <c r="B40776" t="s">
        <v>25180</v>
      </c>
      <c r="C40776" t="s">
        <v>22219</v>
      </c>
      <c r="D40776" t="s">
        <v>22220</v>
      </c>
      <c r="E40776" t="s">
        <v>22205</v>
      </c>
      <c r="F40776" t="s">
        <v>22206</v>
      </c>
      <c r="G40776" t="s">
        <v>20255</v>
      </c>
      <c r="H40776" t="s">
        <v>20256</v>
      </c>
      <c r="I40776" s="2">
        <v>1</v>
      </c>
      <c r="J40776" s="2">
        <v>0</v>
      </c>
      <c r="K40776" s="2">
        <v>0</v>
      </c>
      <c r="L40776" t="s">
        <v>120</v>
      </c>
      <c r="M40776" t="s">
        <v>89</v>
      </c>
      <c r="N40776" t="s">
        <v>90</v>
      </c>
      <c r="O40776" t="s">
        <v>85</v>
      </c>
      <c r="P40776" t="s">
        <v>86</v>
      </c>
      <c r="Q40776">
        <v>17</v>
      </c>
      <c r="R40776">
        <v>18</v>
      </c>
      <c r="S40776">
        <v>18</v>
      </c>
      <c r="T40776">
        <v>19</v>
      </c>
      <c r="U40776">
        <v>19</v>
      </c>
      <c r="V40776">
        <v>20</v>
      </c>
      <c r="W40776">
        <v>20</v>
      </c>
      <c r="X40776">
        <v>20</v>
      </c>
      <c r="Y40776">
        <v>21</v>
      </c>
      <c r="Z40776">
        <v>21</v>
      </c>
      <c r="AA40776">
        <v>22</v>
      </c>
      <c r="AB40776">
        <v>22</v>
      </c>
      <c r="AC40776">
        <v>23</v>
      </c>
      <c r="AD40776">
        <v>23</v>
      </c>
      <c r="AE40776">
        <v>23</v>
      </c>
      <c r="AF40776">
        <v>24</v>
      </c>
      <c r="AG40776">
        <v>24</v>
      </c>
      <c r="AH40776">
        <v>24</v>
      </c>
      <c r="AI40776">
        <v>24</v>
      </c>
      <c r="AJ40776">
        <v>24</v>
      </c>
      <c r="AK40776">
        <v>24</v>
      </c>
      <c r="AL40776">
        <v>25</v>
      </c>
      <c r="AM40776">
        <v>25</v>
      </c>
      <c r="AN40776">
        <v>25</v>
      </c>
      <c r="AO40776">
        <v>25</v>
      </c>
      <c r="AP40776">
        <v>25</v>
      </c>
      <c r="AQ40776">
        <v>25</v>
      </c>
    </row>
    <row r="40777" spans="1:43">
      <c r="A40777" t="s">
        <v>25179</v>
      </c>
      <c r="B40777" t="s">
        <v>25180</v>
      </c>
      <c r="C40777" t="s">
        <v>22219</v>
      </c>
      <c r="D40777" t="s">
        <v>22220</v>
      </c>
      <c r="E40777" t="s">
        <v>22205</v>
      </c>
      <c r="F40777" t="s">
        <v>22206</v>
      </c>
      <c r="G40777" t="s">
        <v>20255</v>
      </c>
      <c r="H40777" t="s">
        <v>20256</v>
      </c>
      <c r="I40777" s="2">
        <v>1</v>
      </c>
      <c r="J40777" s="2">
        <v>0</v>
      </c>
      <c r="K40777" s="2">
        <v>0</v>
      </c>
      <c r="L40777" t="s">
        <v>120</v>
      </c>
      <c r="M40777" t="s">
        <v>83</v>
      </c>
      <c r="N40777" t="s">
        <v>91</v>
      </c>
      <c r="O40777" t="s">
        <v>85</v>
      </c>
      <c r="P40777" t="s">
        <v>86</v>
      </c>
      <c r="Q40777">
        <v>17</v>
      </c>
      <c r="R40777">
        <v>17</v>
      </c>
      <c r="S40777">
        <v>18</v>
      </c>
      <c r="T40777">
        <v>18</v>
      </c>
      <c r="U40777">
        <v>18</v>
      </c>
      <c r="V40777">
        <v>19</v>
      </c>
      <c r="W40777">
        <v>19</v>
      </c>
      <c r="X40777">
        <v>19</v>
      </c>
      <c r="Y40777">
        <v>20</v>
      </c>
      <c r="Z40777">
        <v>20</v>
      </c>
      <c r="AA40777">
        <v>20</v>
      </c>
      <c r="AB40777">
        <v>21</v>
      </c>
      <c r="AC40777">
        <v>21</v>
      </c>
      <c r="AD40777">
        <v>21</v>
      </c>
      <c r="AE40777">
        <v>22</v>
      </c>
      <c r="AF40777">
        <v>22</v>
      </c>
      <c r="AG40777">
        <v>23</v>
      </c>
      <c r="AH40777">
        <v>23</v>
      </c>
      <c r="AI40777">
        <v>23</v>
      </c>
      <c r="AJ40777">
        <v>24</v>
      </c>
      <c r="AK40777">
        <v>24</v>
      </c>
      <c r="AL40777">
        <v>24</v>
      </c>
      <c r="AM40777">
        <v>24</v>
      </c>
      <c r="AN40777">
        <v>25</v>
      </c>
      <c r="AO40777">
        <v>25</v>
      </c>
      <c r="AP40777">
        <v>25</v>
      </c>
      <c r="AQ40777">
        <v>25</v>
      </c>
    </row>
    <row r="40778" spans="1:43">
      <c r="A40778" t="s">
        <v>25181</v>
      </c>
      <c r="B40778" t="s">
        <v>25182</v>
      </c>
      <c r="C40778" t="s">
        <v>21715</v>
      </c>
      <c r="D40778" t="s">
        <v>21716</v>
      </c>
      <c r="E40778" t="s">
        <v>21687</v>
      </c>
      <c r="F40778" t="s">
        <v>21688</v>
      </c>
      <c r="G40778" t="s">
        <v>20255</v>
      </c>
      <c r="H40778" t="s">
        <v>20256</v>
      </c>
      <c r="I40778" s="2">
        <v>1</v>
      </c>
      <c r="J40778" s="2">
        <v>0</v>
      </c>
      <c r="K40778" s="2">
        <v>0</v>
      </c>
      <c r="L40778" t="s">
        <v>120</v>
      </c>
      <c r="M40778" t="s">
        <v>83</v>
      </c>
      <c r="N40778" t="s">
        <v>84</v>
      </c>
      <c r="O40778" t="s">
        <v>85</v>
      </c>
      <c r="P40778" t="s">
        <v>86</v>
      </c>
      <c r="Q40778">
        <v>29</v>
      </c>
      <c r="R40778">
        <v>30</v>
      </c>
      <c r="S40778">
        <v>30</v>
      </c>
      <c r="T40778">
        <v>30</v>
      </c>
      <c r="U40778">
        <v>31</v>
      </c>
      <c r="V40778">
        <v>31</v>
      </c>
      <c r="W40778">
        <v>31</v>
      </c>
      <c r="X40778">
        <v>31</v>
      </c>
      <c r="Y40778">
        <v>32</v>
      </c>
      <c r="Z40778">
        <v>32</v>
      </c>
      <c r="AA40778">
        <v>32</v>
      </c>
      <c r="AB40778">
        <v>33</v>
      </c>
      <c r="AC40778">
        <v>33</v>
      </c>
      <c r="AD40778">
        <v>33</v>
      </c>
      <c r="AE40778">
        <v>33</v>
      </c>
      <c r="AF40778">
        <v>34</v>
      </c>
      <c r="AG40778">
        <v>34</v>
      </c>
      <c r="AH40778">
        <v>34</v>
      </c>
      <c r="AI40778">
        <v>35</v>
      </c>
      <c r="AJ40778">
        <v>35</v>
      </c>
      <c r="AK40778">
        <v>35</v>
      </c>
      <c r="AL40778">
        <v>35</v>
      </c>
      <c r="AM40778">
        <v>35</v>
      </c>
      <c r="AN40778">
        <v>35</v>
      </c>
      <c r="AO40778">
        <v>35</v>
      </c>
      <c r="AP40778">
        <v>35</v>
      </c>
      <c r="AQ40778">
        <v>35</v>
      </c>
    </row>
    <row r="40779" spans="1:43">
      <c r="A40779" t="s">
        <v>25181</v>
      </c>
      <c r="B40779" t="s">
        <v>25182</v>
      </c>
      <c r="C40779" t="s">
        <v>21715</v>
      </c>
      <c r="D40779" t="s">
        <v>21716</v>
      </c>
      <c r="E40779" t="s">
        <v>21687</v>
      </c>
      <c r="F40779" t="s">
        <v>21688</v>
      </c>
      <c r="G40779" t="s">
        <v>20255</v>
      </c>
      <c r="H40779" t="s">
        <v>20256</v>
      </c>
      <c r="I40779" s="2">
        <v>1</v>
      </c>
      <c r="J40779" s="2">
        <v>0</v>
      </c>
      <c r="K40779" s="2">
        <v>0</v>
      </c>
      <c r="L40779" t="s">
        <v>120</v>
      </c>
      <c r="M40779" t="s">
        <v>87</v>
      </c>
      <c r="N40779" t="s">
        <v>88</v>
      </c>
      <c r="O40779" t="s">
        <v>85</v>
      </c>
      <c r="P40779" t="s">
        <v>86</v>
      </c>
      <c r="Q40779">
        <v>29</v>
      </c>
      <c r="R40779">
        <v>29</v>
      </c>
      <c r="S40779">
        <v>29</v>
      </c>
      <c r="T40779">
        <v>29</v>
      </c>
      <c r="U40779">
        <v>29</v>
      </c>
      <c r="V40779">
        <v>29</v>
      </c>
      <c r="W40779">
        <v>29</v>
      </c>
      <c r="X40779">
        <v>29</v>
      </c>
      <c r="Y40779">
        <v>29</v>
      </c>
      <c r="Z40779">
        <v>29</v>
      </c>
      <c r="AA40779">
        <v>29</v>
      </c>
      <c r="AB40779">
        <v>30</v>
      </c>
      <c r="AC40779">
        <v>30</v>
      </c>
      <c r="AD40779">
        <v>30</v>
      </c>
      <c r="AE40779">
        <v>30</v>
      </c>
      <c r="AF40779">
        <v>30</v>
      </c>
      <c r="AG40779">
        <v>30</v>
      </c>
      <c r="AH40779">
        <v>30</v>
      </c>
      <c r="AI40779">
        <v>30</v>
      </c>
      <c r="AJ40779">
        <v>30</v>
      </c>
      <c r="AK40779">
        <v>30</v>
      </c>
      <c r="AL40779">
        <v>30</v>
      </c>
      <c r="AM40779">
        <v>30</v>
      </c>
      <c r="AN40779">
        <v>30</v>
      </c>
      <c r="AO40779">
        <v>30</v>
      </c>
      <c r="AP40779">
        <v>30</v>
      </c>
      <c r="AQ40779">
        <v>31</v>
      </c>
    </row>
    <row r="40780" spans="1:43">
      <c r="A40780" t="s">
        <v>25181</v>
      </c>
      <c r="B40780" t="s">
        <v>25182</v>
      </c>
      <c r="C40780" t="s">
        <v>21715</v>
      </c>
      <c r="D40780" t="s">
        <v>21716</v>
      </c>
      <c r="E40780" t="s">
        <v>21687</v>
      </c>
      <c r="F40780" t="s">
        <v>21688</v>
      </c>
      <c r="G40780" t="s">
        <v>20255</v>
      </c>
      <c r="H40780" t="s">
        <v>20256</v>
      </c>
      <c r="I40780" s="2">
        <v>1</v>
      </c>
      <c r="J40780" s="2">
        <v>0</v>
      </c>
      <c r="K40780" s="2">
        <v>0</v>
      </c>
      <c r="L40780" t="s">
        <v>120</v>
      </c>
      <c r="M40780" t="s">
        <v>89</v>
      </c>
      <c r="N40780" t="s">
        <v>90</v>
      </c>
      <c r="O40780" t="s">
        <v>85</v>
      </c>
      <c r="P40780" t="s">
        <v>86</v>
      </c>
      <c r="Q40780">
        <v>29</v>
      </c>
      <c r="R40780">
        <v>29</v>
      </c>
      <c r="S40780">
        <v>30</v>
      </c>
      <c r="T40780">
        <v>30</v>
      </c>
      <c r="U40780">
        <v>31</v>
      </c>
      <c r="V40780">
        <v>31</v>
      </c>
      <c r="W40780">
        <v>32</v>
      </c>
      <c r="X40780">
        <v>32</v>
      </c>
      <c r="Y40780">
        <v>33</v>
      </c>
      <c r="Z40780">
        <v>33</v>
      </c>
      <c r="AA40780">
        <v>33</v>
      </c>
      <c r="AB40780">
        <v>34</v>
      </c>
      <c r="AC40780">
        <v>34</v>
      </c>
      <c r="AD40780">
        <v>35</v>
      </c>
      <c r="AE40780">
        <v>35</v>
      </c>
      <c r="AF40780">
        <v>35</v>
      </c>
      <c r="AG40780">
        <v>35</v>
      </c>
      <c r="AH40780">
        <v>35</v>
      </c>
      <c r="AI40780">
        <v>35</v>
      </c>
      <c r="AJ40780">
        <v>35</v>
      </c>
      <c r="AK40780">
        <v>35</v>
      </c>
      <c r="AL40780">
        <v>35</v>
      </c>
      <c r="AM40780">
        <v>35</v>
      </c>
      <c r="AN40780">
        <v>35</v>
      </c>
      <c r="AO40780">
        <v>35</v>
      </c>
      <c r="AP40780">
        <v>35</v>
      </c>
      <c r="AQ40780">
        <v>35</v>
      </c>
    </row>
    <row r="40781" spans="1:43">
      <c r="A40781" t="s">
        <v>25181</v>
      </c>
      <c r="B40781" t="s">
        <v>25182</v>
      </c>
      <c r="C40781" t="s">
        <v>21715</v>
      </c>
      <c r="D40781" t="s">
        <v>21716</v>
      </c>
      <c r="E40781" t="s">
        <v>21687</v>
      </c>
      <c r="F40781" t="s">
        <v>21688</v>
      </c>
      <c r="G40781" t="s">
        <v>20255</v>
      </c>
      <c r="H40781" t="s">
        <v>20256</v>
      </c>
      <c r="I40781" s="2">
        <v>1</v>
      </c>
      <c r="J40781" s="2">
        <v>0</v>
      </c>
      <c r="K40781" s="2">
        <v>0</v>
      </c>
      <c r="L40781" t="s">
        <v>120</v>
      </c>
      <c r="M40781" t="s">
        <v>83</v>
      </c>
      <c r="N40781" t="s">
        <v>91</v>
      </c>
      <c r="O40781" t="s">
        <v>85</v>
      </c>
      <c r="P40781" t="s">
        <v>86</v>
      </c>
      <c r="Q40781">
        <v>29</v>
      </c>
      <c r="R40781">
        <v>30</v>
      </c>
      <c r="S40781">
        <v>30</v>
      </c>
      <c r="T40781">
        <v>30</v>
      </c>
      <c r="U40781">
        <v>31</v>
      </c>
      <c r="V40781">
        <v>31</v>
      </c>
      <c r="W40781">
        <v>31</v>
      </c>
      <c r="X40781">
        <v>31</v>
      </c>
      <c r="Y40781">
        <v>32</v>
      </c>
      <c r="Z40781">
        <v>32</v>
      </c>
      <c r="AA40781">
        <v>32</v>
      </c>
      <c r="AB40781">
        <v>33</v>
      </c>
      <c r="AC40781">
        <v>33</v>
      </c>
      <c r="AD40781">
        <v>33</v>
      </c>
      <c r="AE40781">
        <v>33</v>
      </c>
      <c r="AF40781">
        <v>34</v>
      </c>
      <c r="AG40781">
        <v>34</v>
      </c>
      <c r="AH40781">
        <v>34</v>
      </c>
      <c r="AI40781">
        <v>35</v>
      </c>
      <c r="AJ40781">
        <v>35</v>
      </c>
      <c r="AK40781">
        <v>35</v>
      </c>
      <c r="AL40781">
        <v>35</v>
      </c>
      <c r="AM40781">
        <v>35</v>
      </c>
      <c r="AN40781">
        <v>35</v>
      </c>
      <c r="AO40781">
        <v>35</v>
      </c>
      <c r="AP40781">
        <v>35</v>
      </c>
      <c r="AQ40781">
        <v>35</v>
      </c>
    </row>
    <row r="40782" spans="1:43">
      <c r="A40782" t="s">
        <v>25183</v>
      </c>
      <c r="B40782" t="s">
        <v>25184</v>
      </c>
      <c r="C40782" t="s">
        <v>21715</v>
      </c>
      <c r="D40782" t="s">
        <v>21716</v>
      </c>
      <c r="E40782" t="s">
        <v>21687</v>
      </c>
      <c r="F40782" t="s">
        <v>21688</v>
      </c>
      <c r="G40782" t="s">
        <v>20255</v>
      </c>
      <c r="H40782" t="s">
        <v>20256</v>
      </c>
      <c r="I40782" s="2">
        <v>1</v>
      </c>
      <c r="J40782" s="2">
        <v>0</v>
      </c>
      <c r="K40782" s="2">
        <v>0</v>
      </c>
      <c r="L40782" t="s">
        <v>120</v>
      </c>
      <c r="M40782" t="s">
        <v>83</v>
      </c>
      <c r="N40782" t="s">
        <v>84</v>
      </c>
      <c r="O40782" t="s">
        <v>85</v>
      </c>
      <c r="P40782" t="s">
        <v>86</v>
      </c>
      <c r="Q40782">
        <v>17</v>
      </c>
      <c r="R40782">
        <v>17</v>
      </c>
      <c r="S40782">
        <v>17</v>
      </c>
      <c r="T40782">
        <v>17</v>
      </c>
      <c r="U40782">
        <v>17</v>
      </c>
      <c r="V40782">
        <v>17</v>
      </c>
      <c r="W40782">
        <v>18</v>
      </c>
      <c r="X40782">
        <v>18</v>
      </c>
      <c r="Y40782">
        <v>18</v>
      </c>
      <c r="Z40782">
        <v>18</v>
      </c>
      <c r="AA40782">
        <v>18</v>
      </c>
      <c r="AB40782">
        <v>18</v>
      </c>
      <c r="AC40782">
        <v>19</v>
      </c>
      <c r="AD40782">
        <v>19</v>
      </c>
      <c r="AE40782">
        <v>19</v>
      </c>
      <c r="AF40782">
        <v>19</v>
      </c>
      <c r="AG40782">
        <v>19</v>
      </c>
      <c r="AH40782">
        <v>19</v>
      </c>
      <c r="AI40782">
        <v>19</v>
      </c>
      <c r="AJ40782">
        <v>20</v>
      </c>
      <c r="AK40782">
        <v>20</v>
      </c>
      <c r="AL40782">
        <v>20</v>
      </c>
      <c r="AM40782">
        <v>20</v>
      </c>
      <c r="AN40782">
        <v>20</v>
      </c>
      <c r="AO40782">
        <v>20</v>
      </c>
      <c r="AP40782">
        <v>20</v>
      </c>
      <c r="AQ40782">
        <v>20</v>
      </c>
    </row>
    <row r="40783" spans="1:43">
      <c r="A40783" t="s">
        <v>25183</v>
      </c>
      <c r="B40783" t="s">
        <v>25184</v>
      </c>
      <c r="C40783" t="s">
        <v>21715</v>
      </c>
      <c r="D40783" t="s">
        <v>21716</v>
      </c>
      <c r="E40783" t="s">
        <v>21687</v>
      </c>
      <c r="F40783" t="s">
        <v>21688</v>
      </c>
      <c r="G40783" t="s">
        <v>20255</v>
      </c>
      <c r="H40783" t="s">
        <v>20256</v>
      </c>
      <c r="I40783" s="2">
        <v>1</v>
      </c>
      <c r="J40783" s="2">
        <v>0</v>
      </c>
      <c r="K40783" s="2">
        <v>0</v>
      </c>
      <c r="L40783" t="s">
        <v>120</v>
      </c>
      <c r="M40783" t="s">
        <v>87</v>
      </c>
      <c r="N40783" t="s">
        <v>88</v>
      </c>
      <c r="O40783" t="s">
        <v>85</v>
      </c>
      <c r="P40783" t="s">
        <v>86</v>
      </c>
      <c r="Q40783">
        <v>17</v>
      </c>
      <c r="R40783">
        <v>17</v>
      </c>
      <c r="S40783">
        <v>17</v>
      </c>
      <c r="T40783">
        <v>17</v>
      </c>
      <c r="U40783">
        <v>18</v>
      </c>
      <c r="V40783">
        <v>18</v>
      </c>
      <c r="W40783">
        <v>18</v>
      </c>
      <c r="X40783">
        <v>18</v>
      </c>
      <c r="Y40783">
        <v>18</v>
      </c>
      <c r="Z40783">
        <v>18</v>
      </c>
      <c r="AA40783">
        <v>18</v>
      </c>
      <c r="AB40783">
        <v>18</v>
      </c>
      <c r="AC40783">
        <v>18</v>
      </c>
      <c r="AD40783">
        <v>18</v>
      </c>
      <c r="AE40783">
        <v>18</v>
      </c>
      <c r="AF40783">
        <v>18</v>
      </c>
      <c r="AG40783">
        <v>18</v>
      </c>
      <c r="AH40783">
        <v>18</v>
      </c>
      <c r="AI40783">
        <v>18</v>
      </c>
      <c r="AJ40783">
        <v>18</v>
      </c>
      <c r="AK40783">
        <v>18</v>
      </c>
      <c r="AL40783">
        <v>18</v>
      </c>
      <c r="AM40783">
        <v>18</v>
      </c>
      <c r="AN40783">
        <v>18</v>
      </c>
      <c r="AO40783">
        <v>18</v>
      </c>
      <c r="AP40783">
        <v>18</v>
      </c>
      <c r="AQ40783">
        <v>18</v>
      </c>
    </row>
    <row r="40784" spans="1:43">
      <c r="A40784" t="s">
        <v>25183</v>
      </c>
      <c r="B40784" t="s">
        <v>25184</v>
      </c>
      <c r="C40784" t="s">
        <v>21715</v>
      </c>
      <c r="D40784" t="s">
        <v>21716</v>
      </c>
      <c r="E40784" t="s">
        <v>21687</v>
      </c>
      <c r="F40784" t="s">
        <v>21688</v>
      </c>
      <c r="G40784" t="s">
        <v>20255</v>
      </c>
      <c r="H40784" t="s">
        <v>20256</v>
      </c>
      <c r="I40784" s="2">
        <v>1</v>
      </c>
      <c r="J40784" s="2">
        <v>0</v>
      </c>
      <c r="K40784" s="2">
        <v>0</v>
      </c>
      <c r="L40784" t="s">
        <v>120</v>
      </c>
      <c r="M40784" t="s">
        <v>89</v>
      </c>
      <c r="N40784" t="s">
        <v>90</v>
      </c>
      <c r="O40784" t="s">
        <v>85</v>
      </c>
      <c r="P40784" t="s">
        <v>86</v>
      </c>
      <c r="Q40784">
        <v>17</v>
      </c>
      <c r="R40784">
        <v>17</v>
      </c>
      <c r="S40784">
        <v>17</v>
      </c>
      <c r="T40784">
        <v>18</v>
      </c>
      <c r="U40784">
        <v>18</v>
      </c>
      <c r="V40784">
        <v>18</v>
      </c>
      <c r="W40784">
        <v>18</v>
      </c>
      <c r="X40784">
        <v>19</v>
      </c>
      <c r="Y40784">
        <v>19</v>
      </c>
      <c r="Z40784">
        <v>19</v>
      </c>
      <c r="AA40784">
        <v>19</v>
      </c>
      <c r="AB40784">
        <v>20</v>
      </c>
      <c r="AC40784">
        <v>20</v>
      </c>
      <c r="AD40784">
        <v>20</v>
      </c>
      <c r="AE40784">
        <v>20</v>
      </c>
      <c r="AF40784">
        <v>20</v>
      </c>
      <c r="AG40784">
        <v>20</v>
      </c>
      <c r="AH40784">
        <v>20</v>
      </c>
      <c r="AI40784">
        <v>20</v>
      </c>
      <c r="AJ40784">
        <v>20</v>
      </c>
      <c r="AK40784">
        <v>20</v>
      </c>
      <c r="AL40784">
        <v>20</v>
      </c>
      <c r="AM40784">
        <v>20</v>
      </c>
      <c r="AN40784">
        <v>20</v>
      </c>
      <c r="AO40784">
        <v>20</v>
      </c>
      <c r="AP40784">
        <v>20</v>
      </c>
      <c r="AQ40784">
        <v>20</v>
      </c>
    </row>
    <row r="40785" spans="1:43">
      <c r="A40785" t="s">
        <v>25183</v>
      </c>
      <c r="B40785" t="s">
        <v>25184</v>
      </c>
      <c r="C40785" t="s">
        <v>21715</v>
      </c>
      <c r="D40785" t="s">
        <v>21716</v>
      </c>
      <c r="E40785" t="s">
        <v>21687</v>
      </c>
      <c r="F40785" t="s">
        <v>21688</v>
      </c>
      <c r="G40785" t="s">
        <v>20255</v>
      </c>
      <c r="H40785" t="s">
        <v>20256</v>
      </c>
      <c r="I40785" s="2">
        <v>1</v>
      </c>
      <c r="J40785" s="2">
        <v>0</v>
      </c>
      <c r="K40785" s="2">
        <v>0</v>
      </c>
      <c r="L40785" t="s">
        <v>120</v>
      </c>
      <c r="M40785" t="s">
        <v>83</v>
      </c>
      <c r="N40785" t="s">
        <v>91</v>
      </c>
      <c r="O40785" t="s">
        <v>85</v>
      </c>
      <c r="P40785" t="s">
        <v>86</v>
      </c>
      <c r="Q40785">
        <v>17</v>
      </c>
      <c r="R40785">
        <v>17</v>
      </c>
      <c r="S40785">
        <v>17</v>
      </c>
      <c r="T40785">
        <v>17</v>
      </c>
      <c r="U40785">
        <v>17</v>
      </c>
      <c r="V40785">
        <v>17</v>
      </c>
      <c r="W40785">
        <v>18</v>
      </c>
      <c r="X40785">
        <v>18</v>
      </c>
      <c r="Y40785">
        <v>18</v>
      </c>
      <c r="Z40785">
        <v>18</v>
      </c>
      <c r="AA40785">
        <v>18</v>
      </c>
      <c r="AB40785">
        <v>18</v>
      </c>
      <c r="AC40785">
        <v>19</v>
      </c>
      <c r="AD40785">
        <v>19</v>
      </c>
      <c r="AE40785">
        <v>19</v>
      </c>
      <c r="AF40785">
        <v>19</v>
      </c>
      <c r="AG40785">
        <v>19</v>
      </c>
      <c r="AH40785">
        <v>19</v>
      </c>
      <c r="AI40785">
        <v>19</v>
      </c>
      <c r="AJ40785">
        <v>20</v>
      </c>
      <c r="AK40785">
        <v>20</v>
      </c>
      <c r="AL40785">
        <v>20</v>
      </c>
      <c r="AM40785">
        <v>20</v>
      </c>
      <c r="AN40785">
        <v>20</v>
      </c>
      <c r="AO40785">
        <v>20</v>
      </c>
      <c r="AP40785">
        <v>20</v>
      </c>
      <c r="AQ40785">
        <v>20</v>
      </c>
    </row>
    <row r="40786" spans="1:43">
      <c r="A40786" t="s">
        <v>25185</v>
      </c>
      <c r="B40786" t="s">
        <v>25186</v>
      </c>
      <c r="C40786" t="s">
        <v>1320</v>
      </c>
      <c r="D40786" t="s">
        <v>1321</v>
      </c>
      <c r="E40786" t="s">
        <v>1192</v>
      </c>
      <c r="F40786" t="s">
        <v>1193</v>
      </c>
      <c r="G40786" t="s">
        <v>80</v>
      </c>
      <c r="H40786" t="s">
        <v>81</v>
      </c>
      <c r="I40786" s="2">
        <v>0</v>
      </c>
      <c r="J40786" s="2">
        <v>1</v>
      </c>
      <c r="K40786" s="2">
        <v>0</v>
      </c>
      <c r="L40786" t="s">
        <v>82</v>
      </c>
      <c r="M40786" t="s">
        <v>83</v>
      </c>
      <c r="N40786" t="s">
        <v>84</v>
      </c>
      <c r="O40786" t="s">
        <v>85</v>
      </c>
      <c r="P40786" t="s">
        <v>86</v>
      </c>
      <c r="Q40786">
        <v>50</v>
      </c>
      <c r="R40786">
        <v>52</v>
      </c>
      <c r="S40786">
        <v>53</v>
      </c>
      <c r="T40786">
        <v>55</v>
      </c>
      <c r="U40786">
        <v>56</v>
      </c>
      <c r="V40786">
        <v>58</v>
      </c>
      <c r="W40786">
        <v>59</v>
      </c>
      <c r="X40786">
        <v>61</v>
      </c>
      <c r="Y40786">
        <v>62</v>
      </c>
      <c r="Z40786">
        <v>64</v>
      </c>
      <c r="AA40786">
        <v>66</v>
      </c>
      <c r="AB40786">
        <v>67</v>
      </c>
      <c r="AC40786">
        <v>69</v>
      </c>
      <c r="AD40786">
        <v>71</v>
      </c>
      <c r="AE40786">
        <v>72</v>
      </c>
      <c r="AF40786">
        <v>74</v>
      </c>
      <c r="AG40786">
        <v>76</v>
      </c>
      <c r="AH40786">
        <v>78</v>
      </c>
      <c r="AI40786">
        <v>79</v>
      </c>
      <c r="AJ40786">
        <v>81</v>
      </c>
      <c r="AK40786">
        <v>83</v>
      </c>
      <c r="AL40786">
        <v>85</v>
      </c>
      <c r="AM40786">
        <v>86</v>
      </c>
      <c r="AN40786">
        <v>87</v>
      </c>
      <c r="AO40786">
        <v>88</v>
      </c>
      <c r="AP40786">
        <v>90</v>
      </c>
      <c r="AQ40786">
        <v>91</v>
      </c>
    </row>
    <row r="40787" spans="1:43">
      <c r="A40787" t="s">
        <v>25185</v>
      </c>
      <c r="B40787" t="s">
        <v>25186</v>
      </c>
      <c r="C40787" t="s">
        <v>1320</v>
      </c>
      <c r="D40787" t="s">
        <v>1321</v>
      </c>
      <c r="E40787" t="s">
        <v>1192</v>
      </c>
      <c r="F40787" t="s">
        <v>1193</v>
      </c>
      <c r="G40787" t="s">
        <v>80</v>
      </c>
      <c r="H40787" t="s">
        <v>81</v>
      </c>
      <c r="I40787" s="2">
        <v>0</v>
      </c>
      <c r="J40787" s="2">
        <v>1</v>
      </c>
      <c r="K40787" s="2">
        <v>0</v>
      </c>
      <c r="L40787" t="s">
        <v>82</v>
      </c>
      <c r="M40787" t="s">
        <v>87</v>
      </c>
      <c r="N40787" t="s">
        <v>88</v>
      </c>
      <c r="O40787" t="s">
        <v>85</v>
      </c>
      <c r="P40787" t="s">
        <v>86</v>
      </c>
      <c r="Q40787">
        <v>50</v>
      </c>
      <c r="R40787">
        <v>51</v>
      </c>
      <c r="S40787">
        <v>52</v>
      </c>
      <c r="T40787">
        <v>53</v>
      </c>
      <c r="U40787">
        <v>54</v>
      </c>
      <c r="V40787">
        <v>55</v>
      </c>
      <c r="W40787">
        <v>56</v>
      </c>
      <c r="X40787">
        <v>57</v>
      </c>
      <c r="Y40787">
        <v>58</v>
      </c>
      <c r="Z40787">
        <v>59</v>
      </c>
      <c r="AA40787">
        <v>60</v>
      </c>
      <c r="AB40787">
        <v>61</v>
      </c>
      <c r="AC40787">
        <v>62</v>
      </c>
      <c r="AD40787">
        <v>63</v>
      </c>
      <c r="AE40787">
        <v>64</v>
      </c>
      <c r="AF40787">
        <v>65</v>
      </c>
      <c r="AG40787">
        <v>66</v>
      </c>
      <c r="AH40787">
        <v>67</v>
      </c>
      <c r="AI40787">
        <v>68</v>
      </c>
      <c r="AJ40787">
        <v>70</v>
      </c>
      <c r="AK40787">
        <v>71</v>
      </c>
      <c r="AL40787">
        <v>72</v>
      </c>
      <c r="AM40787">
        <v>73</v>
      </c>
      <c r="AN40787">
        <v>74</v>
      </c>
      <c r="AO40787">
        <v>76</v>
      </c>
      <c r="AP40787">
        <v>77</v>
      </c>
      <c r="AQ40787">
        <v>78</v>
      </c>
    </row>
    <row r="40788" spans="1:43">
      <c r="A40788" t="s">
        <v>25185</v>
      </c>
      <c r="B40788" t="s">
        <v>25186</v>
      </c>
      <c r="C40788" t="s">
        <v>1320</v>
      </c>
      <c r="D40788" t="s">
        <v>1321</v>
      </c>
      <c r="E40788" t="s">
        <v>1192</v>
      </c>
      <c r="F40788" t="s">
        <v>1193</v>
      </c>
      <c r="G40788" t="s">
        <v>80</v>
      </c>
      <c r="H40788" t="s">
        <v>81</v>
      </c>
      <c r="I40788" s="2">
        <v>0</v>
      </c>
      <c r="J40788" s="2">
        <v>1</v>
      </c>
      <c r="K40788" s="2">
        <v>0</v>
      </c>
      <c r="L40788" t="s">
        <v>82</v>
      </c>
      <c r="M40788" t="s">
        <v>89</v>
      </c>
      <c r="N40788" t="s">
        <v>90</v>
      </c>
      <c r="O40788" t="s">
        <v>85</v>
      </c>
      <c r="P40788" t="s">
        <v>86</v>
      </c>
      <c r="Q40788">
        <v>50</v>
      </c>
      <c r="R40788">
        <v>52</v>
      </c>
      <c r="S40788">
        <v>54</v>
      </c>
      <c r="T40788">
        <v>56</v>
      </c>
      <c r="U40788">
        <v>57</v>
      </c>
      <c r="V40788">
        <v>59</v>
      </c>
      <c r="W40788">
        <v>61</v>
      </c>
      <c r="X40788">
        <v>63</v>
      </c>
      <c r="Y40788">
        <v>65</v>
      </c>
      <c r="Z40788">
        <v>67</v>
      </c>
      <c r="AA40788">
        <v>69</v>
      </c>
      <c r="AB40788">
        <v>71</v>
      </c>
      <c r="AC40788">
        <v>73</v>
      </c>
      <c r="AD40788">
        <v>75</v>
      </c>
      <c r="AE40788">
        <v>77</v>
      </c>
      <c r="AF40788">
        <v>78</v>
      </c>
      <c r="AG40788">
        <v>79</v>
      </c>
      <c r="AH40788">
        <v>80</v>
      </c>
      <c r="AI40788">
        <v>81</v>
      </c>
      <c r="AJ40788">
        <v>83</v>
      </c>
      <c r="AK40788">
        <v>84</v>
      </c>
      <c r="AL40788">
        <v>85</v>
      </c>
      <c r="AM40788">
        <v>86</v>
      </c>
      <c r="AN40788">
        <v>87</v>
      </c>
      <c r="AO40788">
        <v>89</v>
      </c>
      <c r="AP40788">
        <v>90</v>
      </c>
      <c r="AQ40788">
        <v>91</v>
      </c>
    </row>
    <row r="40789" spans="1:43">
      <c r="A40789" t="s">
        <v>25185</v>
      </c>
      <c r="B40789" t="s">
        <v>25186</v>
      </c>
      <c r="C40789" t="s">
        <v>1320</v>
      </c>
      <c r="D40789" t="s">
        <v>1321</v>
      </c>
      <c r="E40789" t="s">
        <v>1192</v>
      </c>
      <c r="F40789" t="s">
        <v>1193</v>
      </c>
      <c r="G40789" t="s">
        <v>80</v>
      </c>
      <c r="H40789" t="s">
        <v>81</v>
      </c>
      <c r="I40789" s="2">
        <v>0</v>
      </c>
      <c r="J40789" s="2">
        <v>1</v>
      </c>
      <c r="K40789" s="2">
        <v>0</v>
      </c>
      <c r="L40789" t="s">
        <v>82</v>
      </c>
      <c r="M40789" t="s">
        <v>83</v>
      </c>
      <c r="N40789" t="s">
        <v>91</v>
      </c>
      <c r="O40789" t="s">
        <v>85</v>
      </c>
      <c r="P40789" t="s">
        <v>86</v>
      </c>
      <c r="Q40789">
        <v>50</v>
      </c>
      <c r="R40789">
        <v>52</v>
      </c>
      <c r="S40789">
        <v>53</v>
      </c>
      <c r="T40789">
        <v>55</v>
      </c>
      <c r="U40789">
        <v>56</v>
      </c>
      <c r="V40789">
        <v>58</v>
      </c>
      <c r="W40789">
        <v>59</v>
      </c>
      <c r="X40789">
        <v>61</v>
      </c>
      <c r="Y40789">
        <v>62</v>
      </c>
      <c r="Z40789">
        <v>64</v>
      </c>
      <c r="AA40789">
        <v>66</v>
      </c>
      <c r="AB40789">
        <v>67</v>
      </c>
      <c r="AC40789">
        <v>69</v>
      </c>
      <c r="AD40789">
        <v>71</v>
      </c>
      <c r="AE40789">
        <v>72</v>
      </c>
      <c r="AF40789">
        <v>74</v>
      </c>
      <c r="AG40789">
        <v>76</v>
      </c>
      <c r="AH40789">
        <v>78</v>
      </c>
      <c r="AI40789">
        <v>79</v>
      </c>
      <c r="AJ40789">
        <v>81</v>
      </c>
      <c r="AK40789">
        <v>83</v>
      </c>
      <c r="AL40789">
        <v>85</v>
      </c>
      <c r="AM40789">
        <v>86</v>
      </c>
      <c r="AN40789">
        <v>87</v>
      </c>
      <c r="AO40789">
        <v>88</v>
      </c>
      <c r="AP40789">
        <v>90</v>
      </c>
      <c r="AQ40789">
        <v>91</v>
      </c>
    </row>
    <row r="40790" spans="1:43">
      <c r="A40790" t="s">
        <v>25187</v>
      </c>
      <c r="B40790" t="s">
        <v>25188</v>
      </c>
      <c r="C40790" t="s">
        <v>1482</v>
      </c>
      <c r="D40790" t="s">
        <v>1483</v>
      </c>
      <c r="E40790" t="s">
        <v>1192</v>
      </c>
      <c r="F40790" t="s">
        <v>1193</v>
      </c>
      <c r="G40790" t="s">
        <v>80</v>
      </c>
      <c r="H40790" t="s">
        <v>81</v>
      </c>
      <c r="I40790" s="2">
        <v>0</v>
      </c>
      <c r="J40790" s="2">
        <v>1</v>
      </c>
      <c r="K40790" s="2">
        <v>0</v>
      </c>
      <c r="L40790" t="s">
        <v>82</v>
      </c>
      <c r="M40790" t="s">
        <v>83</v>
      </c>
      <c r="N40790" t="s">
        <v>84</v>
      </c>
      <c r="O40790" t="s">
        <v>85</v>
      </c>
      <c r="P40790" t="s">
        <v>86</v>
      </c>
      <c r="Q40790">
        <v>39</v>
      </c>
      <c r="R40790">
        <v>40</v>
      </c>
      <c r="S40790">
        <v>41</v>
      </c>
      <c r="T40790">
        <v>42</v>
      </c>
      <c r="U40790">
        <v>43</v>
      </c>
      <c r="V40790">
        <v>44</v>
      </c>
      <c r="W40790">
        <v>45</v>
      </c>
      <c r="X40790">
        <v>46</v>
      </c>
      <c r="Y40790">
        <v>48</v>
      </c>
      <c r="Z40790">
        <v>49</v>
      </c>
      <c r="AA40790">
        <v>50</v>
      </c>
      <c r="AB40790">
        <v>51</v>
      </c>
      <c r="AC40790">
        <v>52</v>
      </c>
      <c r="AD40790">
        <v>54</v>
      </c>
      <c r="AE40790">
        <v>55</v>
      </c>
      <c r="AF40790">
        <v>56</v>
      </c>
      <c r="AG40790">
        <v>57</v>
      </c>
      <c r="AH40790">
        <v>59</v>
      </c>
      <c r="AI40790">
        <v>60</v>
      </c>
      <c r="AJ40790">
        <v>61</v>
      </c>
      <c r="AK40790">
        <v>63</v>
      </c>
      <c r="AL40790">
        <v>64</v>
      </c>
      <c r="AM40790">
        <v>64</v>
      </c>
      <c r="AN40790">
        <v>65</v>
      </c>
      <c r="AO40790">
        <v>66</v>
      </c>
      <c r="AP40790">
        <v>67</v>
      </c>
      <c r="AQ40790">
        <v>68</v>
      </c>
    </row>
    <row r="40791" spans="1:43">
      <c r="A40791" t="s">
        <v>25187</v>
      </c>
      <c r="B40791" t="s">
        <v>25188</v>
      </c>
      <c r="C40791" t="s">
        <v>1482</v>
      </c>
      <c r="D40791" t="s">
        <v>1483</v>
      </c>
      <c r="E40791" t="s">
        <v>1192</v>
      </c>
      <c r="F40791" t="s">
        <v>1193</v>
      </c>
      <c r="G40791" t="s">
        <v>80</v>
      </c>
      <c r="H40791" t="s">
        <v>81</v>
      </c>
      <c r="I40791" s="2">
        <v>0</v>
      </c>
      <c r="J40791" s="2">
        <v>1</v>
      </c>
      <c r="K40791" s="2">
        <v>0</v>
      </c>
      <c r="L40791" t="s">
        <v>82</v>
      </c>
      <c r="M40791" t="s">
        <v>87</v>
      </c>
      <c r="N40791" t="s">
        <v>88</v>
      </c>
      <c r="O40791" t="s">
        <v>85</v>
      </c>
      <c r="P40791" t="s">
        <v>86</v>
      </c>
      <c r="Q40791">
        <v>39</v>
      </c>
      <c r="R40791">
        <v>40</v>
      </c>
      <c r="S40791">
        <v>41</v>
      </c>
      <c r="T40791">
        <v>41</v>
      </c>
      <c r="U40791">
        <v>42</v>
      </c>
      <c r="V40791">
        <v>43</v>
      </c>
      <c r="W40791">
        <v>44</v>
      </c>
      <c r="X40791">
        <v>44</v>
      </c>
      <c r="Y40791">
        <v>45</v>
      </c>
      <c r="Z40791">
        <v>46</v>
      </c>
      <c r="AA40791">
        <v>46</v>
      </c>
      <c r="AB40791">
        <v>47</v>
      </c>
      <c r="AC40791">
        <v>48</v>
      </c>
      <c r="AD40791">
        <v>49</v>
      </c>
      <c r="AE40791">
        <v>50</v>
      </c>
      <c r="AF40791">
        <v>50</v>
      </c>
      <c r="AG40791">
        <v>51</v>
      </c>
      <c r="AH40791">
        <v>52</v>
      </c>
      <c r="AI40791">
        <v>53</v>
      </c>
      <c r="AJ40791">
        <v>54</v>
      </c>
      <c r="AK40791">
        <v>55</v>
      </c>
      <c r="AL40791">
        <v>55</v>
      </c>
      <c r="AM40791">
        <v>56</v>
      </c>
      <c r="AN40791">
        <v>57</v>
      </c>
      <c r="AO40791">
        <v>58</v>
      </c>
      <c r="AP40791">
        <v>59</v>
      </c>
      <c r="AQ40791">
        <v>60</v>
      </c>
    </row>
    <row r="40792" spans="1:43">
      <c r="A40792" t="s">
        <v>25187</v>
      </c>
      <c r="B40792" t="s">
        <v>25188</v>
      </c>
      <c r="C40792" t="s">
        <v>1482</v>
      </c>
      <c r="D40792" t="s">
        <v>1483</v>
      </c>
      <c r="E40792" t="s">
        <v>1192</v>
      </c>
      <c r="F40792" t="s">
        <v>1193</v>
      </c>
      <c r="G40792" t="s">
        <v>80</v>
      </c>
      <c r="H40792" t="s">
        <v>81</v>
      </c>
      <c r="I40792" s="2">
        <v>0</v>
      </c>
      <c r="J40792" s="2">
        <v>1</v>
      </c>
      <c r="K40792" s="2">
        <v>0</v>
      </c>
      <c r="L40792" t="s">
        <v>82</v>
      </c>
      <c r="M40792" t="s">
        <v>89</v>
      </c>
      <c r="N40792" t="s">
        <v>90</v>
      </c>
      <c r="O40792" t="s">
        <v>85</v>
      </c>
      <c r="P40792" t="s">
        <v>86</v>
      </c>
      <c r="Q40792">
        <v>39</v>
      </c>
      <c r="R40792">
        <v>40</v>
      </c>
      <c r="S40792">
        <v>42</v>
      </c>
      <c r="T40792">
        <v>43</v>
      </c>
      <c r="U40792">
        <v>45</v>
      </c>
      <c r="V40792">
        <v>46</v>
      </c>
      <c r="W40792">
        <v>48</v>
      </c>
      <c r="X40792">
        <v>49</v>
      </c>
      <c r="Y40792">
        <v>50</v>
      </c>
      <c r="Z40792">
        <v>52</v>
      </c>
      <c r="AA40792">
        <v>53</v>
      </c>
      <c r="AB40792">
        <v>54</v>
      </c>
      <c r="AC40792">
        <v>56</v>
      </c>
      <c r="AD40792">
        <v>57</v>
      </c>
      <c r="AE40792">
        <v>59</v>
      </c>
      <c r="AF40792">
        <v>59</v>
      </c>
      <c r="AG40792">
        <v>60</v>
      </c>
      <c r="AH40792">
        <v>61</v>
      </c>
      <c r="AI40792">
        <v>62</v>
      </c>
      <c r="AJ40792">
        <v>63</v>
      </c>
      <c r="AK40792">
        <v>63</v>
      </c>
      <c r="AL40792">
        <v>64</v>
      </c>
      <c r="AM40792">
        <v>65</v>
      </c>
      <c r="AN40792">
        <v>66</v>
      </c>
      <c r="AO40792">
        <v>67</v>
      </c>
      <c r="AP40792">
        <v>68</v>
      </c>
      <c r="AQ40792">
        <v>69</v>
      </c>
    </row>
    <row r="40793" spans="1:43">
      <c r="A40793" t="s">
        <v>25187</v>
      </c>
      <c r="B40793" t="s">
        <v>25188</v>
      </c>
      <c r="C40793" t="s">
        <v>1482</v>
      </c>
      <c r="D40793" t="s">
        <v>1483</v>
      </c>
      <c r="E40793" t="s">
        <v>1192</v>
      </c>
      <c r="F40793" t="s">
        <v>1193</v>
      </c>
      <c r="G40793" t="s">
        <v>80</v>
      </c>
      <c r="H40793" t="s">
        <v>81</v>
      </c>
      <c r="I40793" s="2">
        <v>0</v>
      </c>
      <c r="J40793" s="2">
        <v>1</v>
      </c>
      <c r="K40793" s="2">
        <v>0</v>
      </c>
      <c r="L40793" t="s">
        <v>82</v>
      </c>
      <c r="M40793" t="s">
        <v>83</v>
      </c>
      <c r="N40793" t="s">
        <v>91</v>
      </c>
      <c r="O40793" t="s">
        <v>85</v>
      </c>
      <c r="P40793" t="s">
        <v>86</v>
      </c>
      <c r="Q40793">
        <v>39</v>
      </c>
      <c r="R40793">
        <v>40</v>
      </c>
      <c r="S40793">
        <v>41</v>
      </c>
      <c r="T40793">
        <v>42</v>
      </c>
      <c r="U40793">
        <v>43</v>
      </c>
      <c r="V40793">
        <v>44</v>
      </c>
      <c r="W40793">
        <v>45</v>
      </c>
      <c r="X40793">
        <v>46</v>
      </c>
      <c r="Y40793">
        <v>48</v>
      </c>
      <c r="Z40793">
        <v>49</v>
      </c>
      <c r="AA40793">
        <v>50</v>
      </c>
      <c r="AB40793">
        <v>51</v>
      </c>
      <c r="AC40793">
        <v>52</v>
      </c>
      <c r="AD40793">
        <v>54</v>
      </c>
      <c r="AE40793">
        <v>55</v>
      </c>
      <c r="AF40793">
        <v>56</v>
      </c>
      <c r="AG40793">
        <v>57</v>
      </c>
      <c r="AH40793">
        <v>59</v>
      </c>
      <c r="AI40793">
        <v>60</v>
      </c>
      <c r="AJ40793">
        <v>61</v>
      </c>
      <c r="AK40793">
        <v>63</v>
      </c>
      <c r="AL40793">
        <v>64</v>
      </c>
      <c r="AM40793">
        <v>64</v>
      </c>
      <c r="AN40793">
        <v>65</v>
      </c>
      <c r="AO40793">
        <v>66</v>
      </c>
      <c r="AP40793">
        <v>67</v>
      </c>
      <c r="AQ40793">
        <v>68</v>
      </c>
    </row>
    <row r="40794" spans="1:43">
      <c r="A40794" t="s">
        <v>25189</v>
      </c>
      <c r="B40794" t="s">
        <v>25190</v>
      </c>
      <c r="C40794" t="s">
        <v>25191</v>
      </c>
      <c r="D40794" t="s">
        <v>25192</v>
      </c>
      <c r="E40794" t="s">
        <v>1192</v>
      </c>
      <c r="F40794" t="s">
        <v>1193</v>
      </c>
      <c r="G40794" t="s">
        <v>80</v>
      </c>
      <c r="H40794" t="s">
        <v>81</v>
      </c>
      <c r="I40794" s="2">
        <v>1</v>
      </c>
      <c r="J40794" s="2">
        <v>0</v>
      </c>
      <c r="K40794" s="2">
        <v>0</v>
      </c>
      <c r="L40794" t="s">
        <v>120</v>
      </c>
      <c r="M40794" t="s">
        <v>83</v>
      </c>
      <c r="N40794" t="s">
        <v>84</v>
      </c>
      <c r="O40794" t="s">
        <v>85</v>
      </c>
      <c r="P40794" t="s">
        <v>86</v>
      </c>
      <c r="Q40794">
        <v>51</v>
      </c>
      <c r="R40794">
        <v>52</v>
      </c>
      <c r="S40794">
        <v>52</v>
      </c>
      <c r="T40794">
        <v>53</v>
      </c>
      <c r="U40794">
        <v>54</v>
      </c>
      <c r="V40794">
        <v>54</v>
      </c>
      <c r="W40794">
        <v>55</v>
      </c>
      <c r="X40794">
        <v>56</v>
      </c>
      <c r="Y40794">
        <v>57</v>
      </c>
      <c r="Z40794">
        <v>57</v>
      </c>
      <c r="AA40794">
        <v>58</v>
      </c>
      <c r="AB40794">
        <v>59</v>
      </c>
      <c r="AC40794">
        <v>59</v>
      </c>
      <c r="AD40794">
        <v>60</v>
      </c>
      <c r="AE40794">
        <v>61</v>
      </c>
      <c r="AF40794">
        <v>61</v>
      </c>
      <c r="AG40794">
        <v>62</v>
      </c>
      <c r="AH40794">
        <v>63</v>
      </c>
      <c r="AI40794">
        <v>63</v>
      </c>
      <c r="AJ40794">
        <v>64</v>
      </c>
      <c r="AK40794">
        <v>65</v>
      </c>
      <c r="AL40794">
        <v>65</v>
      </c>
      <c r="AM40794">
        <v>65</v>
      </c>
      <c r="AN40794">
        <v>65</v>
      </c>
      <c r="AO40794">
        <v>65</v>
      </c>
      <c r="AP40794">
        <v>65</v>
      </c>
      <c r="AQ40794">
        <v>66</v>
      </c>
    </row>
    <row r="40795" spans="1:43">
      <c r="A40795" t="s">
        <v>25189</v>
      </c>
      <c r="B40795" t="s">
        <v>25190</v>
      </c>
      <c r="C40795" t="s">
        <v>25191</v>
      </c>
      <c r="D40795" t="s">
        <v>25192</v>
      </c>
      <c r="E40795" t="s">
        <v>1192</v>
      </c>
      <c r="F40795" t="s">
        <v>1193</v>
      </c>
      <c r="G40795" t="s">
        <v>80</v>
      </c>
      <c r="H40795" t="s">
        <v>81</v>
      </c>
      <c r="I40795" s="2">
        <v>1</v>
      </c>
      <c r="J40795" s="2">
        <v>0</v>
      </c>
      <c r="K40795" s="2">
        <v>0</v>
      </c>
      <c r="L40795" t="s">
        <v>120</v>
      </c>
      <c r="M40795" t="s">
        <v>87</v>
      </c>
      <c r="N40795" t="s">
        <v>88</v>
      </c>
      <c r="O40795" t="s">
        <v>85</v>
      </c>
      <c r="P40795" t="s">
        <v>86</v>
      </c>
      <c r="Q40795">
        <v>51</v>
      </c>
      <c r="R40795">
        <v>52</v>
      </c>
      <c r="S40795">
        <v>52</v>
      </c>
      <c r="T40795">
        <v>52</v>
      </c>
      <c r="U40795">
        <v>52</v>
      </c>
      <c r="V40795">
        <v>53</v>
      </c>
      <c r="W40795">
        <v>53</v>
      </c>
      <c r="X40795">
        <v>53</v>
      </c>
      <c r="Y40795">
        <v>53</v>
      </c>
      <c r="Z40795">
        <v>54</v>
      </c>
      <c r="AA40795">
        <v>54</v>
      </c>
      <c r="AB40795">
        <v>54</v>
      </c>
      <c r="AC40795">
        <v>54</v>
      </c>
      <c r="AD40795">
        <v>55</v>
      </c>
      <c r="AE40795">
        <v>55</v>
      </c>
      <c r="AF40795">
        <v>55</v>
      </c>
      <c r="AG40795">
        <v>55</v>
      </c>
      <c r="AH40795">
        <v>55</v>
      </c>
      <c r="AI40795">
        <v>56</v>
      </c>
      <c r="AJ40795">
        <v>56</v>
      </c>
      <c r="AK40795">
        <v>56</v>
      </c>
      <c r="AL40795">
        <v>56</v>
      </c>
      <c r="AM40795">
        <v>57</v>
      </c>
      <c r="AN40795">
        <v>57</v>
      </c>
      <c r="AO40795">
        <v>57</v>
      </c>
      <c r="AP40795">
        <v>57</v>
      </c>
      <c r="AQ40795">
        <v>58</v>
      </c>
    </row>
    <row r="40796" spans="1:43">
      <c r="A40796" t="s">
        <v>25189</v>
      </c>
      <c r="B40796" t="s">
        <v>25190</v>
      </c>
      <c r="C40796" t="s">
        <v>25191</v>
      </c>
      <c r="D40796" t="s">
        <v>25192</v>
      </c>
      <c r="E40796" t="s">
        <v>1192</v>
      </c>
      <c r="F40796" t="s">
        <v>1193</v>
      </c>
      <c r="G40796" t="s">
        <v>80</v>
      </c>
      <c r="H40796" t="s">
        <v>81</v>
      </c>
      <c r="I40796" s="2">
        <v>1</v>
      </c>
      <c r="J40796" s="2">
        <v>0</v>
      </c>
      <c r="K40796" s="2">
        <v>0</v>
      </c>
      <c r="L40796" t="s">
        <v>120</v>
      </c>
      <c r="M40796" t="s">
        <v>89</v>
      </c>
      <c r="N40796" t="s">
        <v>90</v>
      </c>
      <c r="O40796" t="s">
        <v>85</v>
      </c>
      <c r="P40796" t="s">
        <v>86</v>
      </c>
      <c r="Q40796">
        <v>51</v>
      </c>
      <c r="R40796">
        <v>52</v>
      </c>
      <c r="S40796">
        <v>54</v>
      </c>
      <c r="T40796">
        <v>55</v>
      </c>
      <c r="U40796">
        <v>56</v>
      </c>
      <c r="V40796">
        <v>57</v>
      </c>
      <c r="W40796">
        <v>58</v>
      </c>
      <c r="X40796">
        <v>59</v>
      </c>
      <c r="Y40796">
        <v>60</v>
      </c>
      <c r="Z40796">
        <v>61</v>
      </c>
      <c r="AA40796">
        <v>62</v>
      </c>
      <c r="AB40796">
        <v>63</v>
      </c>
      <c r="AC40796">
        <v>64</v>
      </c>
      <c r="AD40796">
        <v>64</v>
      </c>
      <c r="AE40796">
        <v>65</v>
      </c>
      <c r="AF40796">
        <v>65</v>
      </c>
      <c r="AG40796">
        <v>65</v>
      </c>
      <c r="AH40796">
        <v>65</v>
      </c>
      <c r="AI40796">
        <v>65</v>
      </c>
      <c r="AJ40796">
        <v>66</v>
      </c>
      <c r="AK40796">
        <v>66</v>
      </c>
      <c r="AL40796">
        <v>66</v>
      </c>
      <c r="AM40796">
        <v>66</v>
      </c>
      <c r="AN40796">
        <v>66</v>
      </c>
      <c r="AO40796">
        <v>66</v>
      </c>
      <c r="AP40796">
        <v>66</v>
      </c>
      <c r="AQ40796">
        <v>66</v>
      </c>
    </row>
    <row r="40797" spans="1:43">
      <c r="A40797" t="s">
        <v>25189</v>
      </c>
      <c r="B40797" t="s">
        <v>25190</v>
      </c>
      <c r="C40797" t="s">
        <v>25191</v>
      </c>
      <c r="D40797" t="s">
        <v>25192</v>
      </c>
      <c r="E40797" t="s">
        <v>1192</v>
      </c>
      <c r="F40797" t="s">
        <v>1193</v>
      </c>
      <c r="G40797" t="s">
        <v>80</v>
      </c>
      <c r="H40797" t="s">
        <v>81</v>
      </c>
      <c r="I40797" s="2">
        <v>1</v>
      </c>
      <c r="J40797" s="2">
        <v>0</v>
      </c>
      <c r="K40797" s="2">
        <v>0</v>
      </c>
      <c r="L40797" t="s">
        <v>120</v>
      </c>
      <c r="M40797" t="s">
        <v>83</v>
      </c>
      <c r="N40797" t="s">
        <v>91</v>
      </c>
      <c r="O40797" t="s">
        <v>85</v>
      </c>
      <c r="P40797" t="s">
        <v>86</v>
      </c>
      <c r="Q40797">
        <v>51</v>
      </c>
      <c r="R40797">
        <v>52</v>
      </c>
      <c r="S40797">
        <v>52</v>
      </c>
      <c r="T40797">
        <v>53</v>
      </c>
      <c r="U40797">
        <v>54</v>
      </c>
      <c r="V40797">
        <v>54</v>
      </c>
      <c r="W40797">
        <v>55</v>
      </c>
      <c r="X40797">
        <v>56</v>
      </c>
      <c r="Y40797">
        <v>57</v>
      </c>
      <c r="Z40797">
        <v>57</v>
      </c>
      <c r="AA40797">
        <v>58</v>
      </c>
      <c r="AB40797">
        <v>59</v>
      </c>
      <c r="AC40797">
        <v>59</v>
      </c>
      <c r="AD40797">
        <v>60</v>
      </c>
      <c r="AE40797">
        <v>61</v>
      </c>
      <c r="AF40797">
        <v>61</v>
      </c>
      <c r="AG40797">
        <v>62</v>
      </c>
      <c r="AH40797">
        <v>63</v>
      </c>
      <c r="AI40797">
        <v>63</v>
      </c>
      <c r="AJ40797">
        <v>64</v>
      </c>
      <c r="AK40797">
        <v>65</v>
      </c>
      <c r="AL40797">
        <v>65</v>
      </c>
      <c r="AM40797">
        <v>65</v>
      </c>
      <c r="AN40797">
        <v>65</v>
      </c>
      <c r="AO40797">
        <v>65</v>
      </c>
      <c r="AP40797">
        <v>65</v>
      </c>
      <c r="AQ40797">
        <v>66</v>
      </c>
    </row>
    <row r="40798" spans="1:43">
      <c r="A40798" t="s">
        <v>25193</v>
      </c>
      <c r="B40798" t="s">
        <v>25194</v>
      </c>
      <c r="C40798" t="s">
        <v>14809</v>
      </c>
      <c r="D40798" t="s">
        <v>14810</v>
      </c>
      <c r="E40798" t="s">
        <v>14797</v>
      </c>
      <c r="F40798" t="s">
        <v>14798</v>
      </c>
      <c r="G40798" t="s">
        <v>10734</v>
      </c>
      <c r="H40798" t="s">
        <v>10735</v>
      </c>
      <c r="I40798" s="2">
        <v>1</v>
      </c>
      <c r="J40798" s="2">
        <v>0</v>
      </c>
      <c r="K40798" s="2">
        <v>0</v>
      </c>
      <c r="L40798" t="s">
        <v>120</v>
      </c>
      <c r="M40798" t="s">
        <v>83</v>
      </c>
      <c r="N40798" t="s">
        <v>84</v>
      </c>
      <c r="O40798" t="s">
        <v>85</v>
      </c>
      <c r="P40798" t="s">
        <v>86</v>
      </c>
      <c r="Q40798">
        <v>43</v>
      </c>
      <c r="R40798">
        <v>44</v>
      </c>
      <c r="S40798">
        <v>45</v>
      </c>
      <c r="T40798">
        <v>46</v>
      </c>
      <c r="U40798">
        <v>47</v>
      </c>
      <c r="V40798">
        <v>48</v>
      </c>
      <c r="W40798">
        <v>49</v>
      </c>
      <c r="X40798">
        <v>50</v>
      </c>
      <c r="Y40798">
        <v>51</v>
      </c>
      <c r="Z40798">
        <v>52</v>
      </c>
      <c r="AA40798">
        <v>53</v>
      </c>
      <c r="AB40798">
        <v>54</v>
      </c>
      <c r="AC40798">
        <v>55</v>
      </c>
      <c r="AD40798">
        <v>56</v>
      </c>
      <c r="AE40798">
        <v>57</v>
      </c>
      <c r="AF40798">
        <v>58</v>
      </c>
      <c r="AG40798">
        <v>59</v>
      </c>
      <c r="AH40798">
        <v>60</v>
      </c>
      <c r="AI40798">
        <v>61</v>
      </c>
      <c r="AJ40798">
        <v>62</v>
      </c>
      <c r="AK40798">
        <v>63</v>
      </c>
      <c r="AL40798">
        <v>64</v>
      </c>
      <c r="AM40798">
        <v>65</v>
      </c>
      <c r="AN40798">
        <v>65</v>
      </c>
      <c r="AO40798">
        <v>66</v>
      </c>
      <c r="AP40798">
        <v>67</v>
      </c>
      <c r="AQ40798">
        <v>67</v>
      </c>
    </row>
    <row r="40799" spans="1:43">
      <c r="A40799" t="s">
        <v>25193</v>
      </c>
      <c r="B40799" t="s">
        <v>25194</v>
      </c>
      <c r="C40799" t="s">
        <v>14809</v>
      </c>
      <c r="D40799" t="s">
        <v>14810</v>
      </c>
      <c r="E40799" t="s">
        <v>14797</v>
      </c>
      <c r="F40799" t="s">
        <v>14798</v>
      </c>
      <c r="G40799" t="s">
        <v>10734</v>
      </c>
      <c r="H40799" t="s">
        <v>10735</v>
      </c>
      <c r="I40799" s="2">
        <v>1</v>
      </c>
      <c r="J40799" s="2">
        <v>0</v>
      </c>
      <c r="K40799" s="2">
        <v>0</v>
      </c>
      <c r="L40799" t="s">
        <v>120</v>
      </c>
      <c r="M40799" t="s">
        <v>87</v>
      </c>
      <c r="N40799" t="s">
        <v>88</v>
      </c>
      <c r="O40799" t="s">
        <v>85</v>
      </c>
      <c r="P40799" t="s">
        <v>86</v>
      </c>
      <c r="Q40799">
        <v>43</v>
      </c>
      <c r="R40799">
        <v>44</v>
      </c>
      <c r="S40799">
        <v>45</v>
      </c>
      <c r="T40799">
        <v>45</v>
      </c>
      <c r="U40799">
        <v>46</v>
      </c>
      <c r="V40799">
        <v>46</v>
      </c>
      <c r="W40799">
        <v>47</v>
      </c>
      <c r="X40799">
        <v>47</v>
      </c>
      <c r="Y40799">
        <v>48</v>
      </c>
      <c r="Z40799">
        <v>48</v>
      </c>
      <c r="AA40799">
        <v>49</v>
      </c>
      <c r="AB40799">
        <v>50</v>
      </c>
      <c r="AC40799">
        <v>50</v>
      </c>
      <c r="AD40799">
        <v>51</v>
      </c>
      <c r="AE40799">
        <v>51</v>
      </c>
      <c r="AF40799">
        <v>52</v>
      </c>
      <c r="AG40799">
        <v>53</v>
      </c>
      <c r="AH40799">
        <v>53</v>
      </c>
      <c r="AI40799">
        <v>54</v>
      </c>
      <c r="AJ40799">
        <v>54</v>
      </c>
      <c r="AK40799">
        <v>55</v>
      </c>
      <c r="AL40799">
        <v>56</v>
      </c>
      <c r="AM40799">
        <v>56</v>
      </c>
      <c r="AN40799">
        <v>57</v>
      </c>
      <c r="AO40799">
        <v>58</v>
      </c>
      <c r="AP40799">
        <v>58</v>
      </c>
      <c r="AQ40799">
        <v>59</v>
      </c>
    </row>
    <row r="40800" spans="1:43">
      <c r="A40800" t="s">
        <v>25193</v>
      </c>
      <c r="B40800" t="s">
        <v>25194</v>
      </c>
      <c r="C40800" t="s">
        <v>14809</v>
      </c>
      <c r="D40800" t="s">
        <v>14810</v>
      </c>
      <c r="E40800" t="s">
        <v>14797</v>
      </c>
      <c r="F40800" t="s">
        <v>14798</v>
      </c>
      <c r="G40800" t="s">
        <v>10734</v>
      </c>
      <c r="H40800" t="s">
        <v>10735</v>
      </c>
      <c r="I40800" s="2">
        <v>1</v>
      </c>
      <c r="J40800" s="2">
        <v>0</v>
      </c>
      <c r="K40800" s="2">
        <v>0</v>
      </c>
      <c r="L40800" t="s">
        <v>120</v>
      </c>
      <c r="M40800" t="s">
        <v>89</v>
      </c>
      <c r="N40800" t="s">
        <v>90</v>
      </c>
      <c r="O40800" t="s">
        <v>85</v>
      </c>
      <c r="P40800" t="s">
        <v>86</v>
      </c>
      <c r="Q40800">
        <v>43</v>
      </c>
      <c r="R40800">
        <v>45</v>
      </c>
      <c r="S40800">
        <v>46</v>
      </c>
      <c r="T40800">
        <v>47</v>
      </c>
      <c r="U40800">
        <v>48</v>
      </c>
      <c r="V40800">
        <v>50</v>
      </c>
      <c r="W40800">
        <v>51</v>
      </c>
      <c r="X40800">
        <v>52</v>
      </c>
      <c r="Y40800">
        <v>54</v>
      </c>
      <c r="Z40800">
        <v>55</v>
      </c>
      <c r="AA40800">
        <v>56</v>
      </c>
      <c r="AB40800">
        <v>57</v>
      </c>
      <c r="AC40800">
        <v>59</v>
      </c>
      <c r="AD40800">
        <v>60</v>
      </c>
      <c r="AE40800">
        <v>61</v>
      </c>
      <c r="AF40800">
        <v>62</v>
      </c>
      <c r="AG40800">
        <v>62</v>
      </c>
      <c r="AH40800">
        <v>63</v>
      </c>
      <c r="AI40800">
        <v>63</v>
      </c>
      <c r="AJ40800">
        <v>64</v>
      </c>
      <c r="AK40800">
        <v>64</v>
      </c>
      <c r="AL40800">
        <v>65</v>
      </c>
      <c r="AM40800">
        <v>66</v>
      </c>
      <c r="AN40800">
        <v>66</v>
      </c>
      <c r="AO40800">
        <v>67</v>
      </c>
      <c r="AP40800">
        <v>67</v>
      </c>
      <c r="AQ40800">
        <v>68</v>
      </c>
    </row>
    <row r="40801" spans="1:43">
      <c r="A40801" t="s">
        <v>25193</v>
      </c>
      <c r="B40801" t="s">
        <v>25194</v>
      </c>
      <c r="C40801" t="s">
        <v>14809</v>
      </c>
      <c r="D40801" t="s">
        <v>14810</v>
      </c>
      <c r="E40801" t="s">
        <v>14797</v>
      </c>
      <c r="F40801" t="s">
        <v>14798</v>
      </c>
      <c r="G40801" t="s">
        <v>10734</v>
      </c>
      <c r="H40801" t="s">
        <v>10735</v>
      </c>
      <c r="I40801" s="2">
        <v>1</v>
      </c>
      <c r="J40801" s="2">
        <v>0</v>
      </c>
      <c r="K40801" s="2">
        <v>0</v>
      </c>
      <c r="L40801" t="s">
        <v>120</v>
      </c>
      <c r="M40801" t="s">
        <v>83</v>
      </c>
      <c r="N40801" t="s">
        <v>91</v>
      </c>
      <c r="O40801" t="s">
        <v>85</v>
      </c>
      <c r="P40801" t="s">
        <v>86</v>
      </c>
      <c r="Q40801">
        <v>43</v>
      </c>
      <c r="R40801">
        <v>44</v>
      </c>
      <c r="S40801">
        <v>45</v>
      </c>
      <c r="T40801">
        <v>46</v>
      </c>
      <c r="U40801">
        <v>47</v>
      </c>
      <c r="V40801">
        <v>48</v>
      </c>
      <c r="W40801">
        <v>49</v>
      </c>
      <c r="X40801">
        <v>50</v>
      </c>
      <c r="Y40801">
        <v>51</v>
      </c>
      <c r="Z40801">
        <v>52</v>
      </c>
      <c r="AA40801">
        <v>53</v>
      </c>
      <c r="AB40801">
        <v>54</v>
      </c>
      <c r="AC40801">
        <v>55</v>
      </c>
      <c r="AD40801">
        <v>56</v>
      </c>
      <c r="AE40801">
        <v>57</v>
      </c>
      <c r="AF40801">
        <v>58</v>
      </c>
      <c r="AG40801">
        <v>59</v>
      </c>
      <c r="AH40801">
        <v>60</v>
      </c>
      <c r="AI40801">
        <v>61</v>
      </c>
      <c r="AJ40801">
        <v>62</v>
      </c>
      <c r="AK40801">
        <v>63</v>
      </c>
      <c r="AL40801">
        <v>64</v>
      </c>
      <c r="AM40801">
        <v>65</v>
      </c>
      <c r="AN40801">
        <v>65</v>
      </c>
      <c r="AO40801">
        <v>66</v>
      </c>
      <c r="AP40801">
        <v>67</v>
      </c>
      <c r="AQ40801">
        <v>67</v>
      </c>
    </row>
    <row r="40802" spans="1:43">
      <c r="A40802" t="s">
        <v>25195</v>
      </c>
      <c r="B40802" t="s">
        <v>25196</v>
      </c>
      <c r="C40802" t="s">
        <v>14809</v>
      </c>
      <c r="D40802" t="s">
        <v>14810</v>
      </c>
      <c r="E40802" t="s">
        <v>14797</v>
      </c>
      <c r="F40802" t="s">
        <v>14798</v>
      </c>
      <c r="G40802" t="s">
        <v>10734</v>
      </c>
      <c r="H40802" t="s">
        <v>10735</v>
      </c>
      <c r="I40802" s="2">
        <v>1</v>
      </c>
      <c r="J40802" s="2">
        <v>0</v>
      </c>
      <c r="K40802" s="2">
        <v>0</v>
      </c>
      <c r="L40802" t="s">
        <v>120</v>
      </c>
      <c r="M40802" t="s">
        <v>83</v>
      </c>
      <c r="N40802" t="s">
        <v>84</v>
      </c>
      <c r="O40802" t="s">
        <v>85</v>
      </c>
      <c r="P40802" t="s">
        <v>86</v>
      </c>
      <c r="Q40802">
        <v>72</v>
      </c>
      <c r="R40802">
        <v>73</v>
      </c>
      <c r="S40802">
        <v>75</v>
      </c>
      <c r="T40802">
        <v>76</v>
      </c>
      <c r="U40802">
        <v>78</v>
      </c>
      <c r="V40802">
        <v>80</v>
      </c>
      <c r="W40802">
        <v>81</v>
      </c>
      <c r="X40802">
        <v>83</v>
      </c>
      <c r="Y40802">
        <v>85</v>
      </c>
      <c r="Z40802">
        <v>86</v>
      </c>
      <c r="AA40802">
        <v>88</v>
      </c>
      <c r="AB40802">
        <v>90</v>
      </c>
      <c r="AC40802">
        <v>91</v>
      </c>
      <c r="AD40802">
        <v>93</v>
      </c>
      <c r="AE40802">
        <v>95</v>
      </c>
      <c r="AF40802">
        <v>97</v>
      </c>
      <c r="AG40802">
        <v>99</v>
      </c>
      <c r="AH40802">
        <v>101</v>
      </c>
      <c r="AI40802">
        <v>102</v>
      </c>
      <c r="AJ40802">
        <v>104</v>
      </c>
      <c r="AK40802">
        <v>106</v>
      </c>
      <c r="AL40802">
        <v>108</v>
      </c>
      <c r="AM40802">
        <v>109</v>
      </c>
      <c r="AN40802">
        <v>109</v>
      </c>
      <c r="AO40802">
        <v>111</v>
      </c>
      <c r="AP40802">
        <v>112</v>
      </c>
      <c r="AQ40802">
        <v>113</v>
      </c>
    </row>
    <row r="40803" spans="1:43">
      <c r="A40803" t="s">
        <v>25195</v>
      </c>
      <c r="B40803" t="s">
        <v>25196</v>
      </c>
      <c r="C40803" t="s">
        <v>14809</v>
      </c>
      <c r="D40803" t="s">
        <v>14810</v>
      </c>
      <c r="E40803" t="s">
        <v>14797</v>
      </c>
      <c r="F40803" t="s">
        <v>14798</v>
      </c>
      <c r="G40803" t="s">
        <v>10734</v>
      </c>
      <c r="H40803" t="s">
        <v>10735</v>
      </c>
      <c r="I40803" s="2">
        <v>1</v>
      </c>
      <c r="J40803" s="2">
        <v>0</v>
      </c>
      <c r="K40803" s="2">
        <v>0</v>
      </c>
      <c r="L40803" t="s">
        <v>120</v>
      </c>
      <c r="M40803" t="s">
        <v>87</v>
      </c>
      <c r="N40803" t="s">
        <v>88</v>
      </c>
      <c r="O40803" t="s">
        <v>85</v>
      </c>
      <c r="P40803" t="s">
        <v>86</v>
      </c>
      <c r="Q40803">
        <v>72</v>
      </c>
      <c r="R40803">
        <v>73</v>
      </c>
      <c r="S40803">
        <v>74</v>
      </c>
      <c r="T40803">
        <v>75</v>
      </c>
      <c r="U40803">
        <v>76</v>
      </c>
      <c r="V40803">
        <v>77</v>
      </c>
      <c r="W40803">
        <v>77</v>
      </c>
      <c r="X40803">
        <v>78</v>
      </c>
      <c r="Y40803">
        <v>79</v>
      </c>
      <c r="Z40803">
        <v>80</v>
      </c>
      <c r="AA40803">
        <v>81</v>
      </c>
      <c r="AB40803">
        <v>82</v>
      </c>
      <c r="AC40803">
        <v>83</v>
      </c>
      <c r="AD40803">
        <v>84</v>
      </c>
      <c r="AE40803">
        <v>85</v>
      </c>
      <c r="AF40803">
        <v>86</v>
      </c>
      <c r="AG40803">
        <v>87</v>
      </c>
      <c r="AH40803">
        <v>88</v>
      </c>
      <c r="AI40803">
        <v>89</v>
      </c>
      <c r="AJ40803">
        <v>91</v>
      </c>
      <c r="AK40803">
        <v>92</v>
      </c>
      <c r="AL40803">
        <v>93</v>
      </c>
      <c r="AM40803">
        <v>94</v>
      </c>
      <c r="AN40803">
        <v>95</v>
      </c>
      <c r="AO40803">
        <v>96</v>
      </c>
      <c r="AP40803">
        <v>97</v>
      </c>
      <c r="AQ40803">
        <v>98</v>
      </c>
    </row>
    <row r="40804" spans="1:43">
      <c r="A40804" t="s">
        <v>25195</v>
      </c>
      <c r="B40804" t="s">
        <v>25196</v>
      </c>
      <c r="C40804" t="s">
        <v>14809</v>
      </c>
      <c r="D40804" t="s">
        <v>14810</v>
      </c>
      <c r="E40804" t="s">
        <v>14797</v>
      </c>
      <c r="F40804" t="s">
        <v>14798</v>
      </c>
      <c r="G40804" t="s">
        <v>10734</v>
      </c>
      <c r="H40804" t="s">
        <v>10735</v>
      </c>
      <c r="I40804" s="2">
        <v>1</v>
      </c>
      <c r="J40804" s="2">
        <v>0</v>
      </c>
      <c r="K40804" s="2">
        <v>0</v>
      </c>
      <c r="L40804" t="s">
        <v>120</v>
      </c>
      <c r="M40804" t="s">
        <v>89</v>
      </c>
      <c r="N40804" t="s">
        <v>90</v>
      </c>
      <c r="O40804" t="s">
        <v>85</v>
      </c>
      <c r="P40804" t="s">
        <v>86</v>
      </c>
      <c r="Q40804">
        <v>72</v>
      </c>
      <c r="R40804">
        <v>75</v>
      </c>
      <c r="S40804">
        <v>77</v>
      </c>
      <c r="T40804">
        <v>79</v>
      </c>
      <c r="U40804">
        <v>81</v>
      </c>
      <c r="V40804">
        <v>83</v>
      </c>
      <c r="W40804">
        <v>85</v>
      </c>
      <c r="X40804">
        <v>88</v>
      </c>
      <c r="Y40804">
        <v>90</v>
      </c>
      <c r="Z40804">
        <v>92</v>
      </c>
      <c r="AA40804">
        <v>94</v>
      </c>
      <c r="AB40804">
        <v>96</v>
      </c>
      <c r="AC40804">
        <v>98</v>
      </c>
      <c r="AD40804">
        <v>100</v>
      </c>
      <c r="AE40804">
        <v>102</v>
      </c>
      <c r="AF40804">
        <v>103</v>
      </c>
      <c r="AG40804">
        <v>104</v>
      </c>
      <c r="AH40804">
        <v>105</v>
      </c>
      <c r="AI40804">
        <v>106</v>
      </c>
      <c r="AJ40804">
        <v>107</v>
      </c>
      <c r="AK40804">
        <v>108</v>
      </c>
      <c r="AL40804">
        <v>109</v>
      </c>
      <c r="AM40804">
        <v>110</v>
      </c>
      <c r="AN40804">
        <v>111</v>
      </c>
      <c r="AO40804">
        <v>112</v>
      </c>
      <c r="AP40804">
        <v>113</v>
      </c>
      <c r="AQ40804">
        <v>114</v>
      </c>
    </row>
    <row r="40805" spans="1:43">
      <c r="A40805" t="s">
        <v>25195</v>
      </c>
      <c r="B40805" t="s">
        <v>25196</v>
      </c>
      <c r="C40805" t="s">
        <v>14809</v>
      </c>
      <c r="D40805" t="s">
        <v>14810</v>
      </c>
      <c r="E40805" t="s">
        <v>14797</v>
      </c>
      <c r="F40805" t="s">
        <v>14798</v>
      </c>
      <c r="G40805" t="s">
        <v>10734</v>
      </c>
      <c r="H40805" t="s">
        <v>10735</v>
      </c>
      <c r="I40805" s="2">
        <v>1</v>
      </c>
      <c r="J40805" s="2">
        <v>0</v>
      </c>
      <c r="K40805" s="2">
        <v>0</v>
      </c>
      <c r="L40805" t="s">
        <v>120</v>
      </c>
      <c r="M40805" t="s">
        <v>83</v>
      </c>
      <c r="N40805" t="s">
        <v>91</v>
      </c>
      <c r="O40805" t="s">
        <v>85</v>
      </c>
      <c r="P40805" t="s">
        <v>86</v>
      </c>
      <c r="Q40805">
        <v>72</v>
      </c>
      <c r="R40805">
        <v>73</v>
      </c>
      <c r="S40805">
        <v>75</v>
      </c>
      <c r="T40805">
        <v>76</v>
      </c>
      <c r="U40805">
        <v>78</v>
      </c>
      <c r="V40805">
        <v>80</v>
      </c>
      <c r="W40805">
        <v>81</v>
      </c>
      <c r="X40805">
        <v>83</v>
      </c>
      <c r="Y40805">
        <v>85</v>
      </c>
      <c r="Z40805">
        <v>86</v>
      </c>
      <c r="AA40805">
        <v>88</v>
      </c>
      <c r="AB40805">
        <v>90</v>
      </c>
      <c r="AC40805">
        <v>91</v>
      </c>
      <c r="AD40805">
        <v>93</v>
      </c>
      <c r="AE40805">
        <v>95</v>
      </c>
      <c r="AF40805">
        <v>97</v>
      </c>
      <c r="AG40805">
        <v>99</v>
      </c>
      <c r="AH40805">
        <v>101</v>
      </c>
      <c r="AI40805">
        <v>102</v>
      </c>
      <c r="AJ40805">
        <v>104</v>
      </c>
      <c r="AK40805">
        <v>106</v>
      </c>
      <c r="AL40805">
        <v>108</v>
      </c>
      <c r="AM40805">
        <v>109</v>
      </c>
      <c r="AN40805">
        <v>109</v>
      </c>
      <c r="AO40805">
        <v>111</v>
      </c>
      <c r="AP40805">
        <v>112</v>
      </c>
      <c r="AQ40805">
        <v>113</v>
      </c>
    </row>
    <row r="40806" spans="1:43">
      <c r="A40806" t="s">
        <v>25197</v>
      </c>
      <c r="B40806" t="s">
        <v>25198</v>
      </c>
      <c r="C40806" t="s">
        <v>14961</v>
      </c>
      <c r="D40806" t="s">
        <v>14962</v>
      </c>
      <c r="E40806" t="s">
        <v>14797</v>
      </c>
      <c r="F40806" t="s">
        <v>14798</v>
      </c>
      <c r="G40806" t="s">
        <v>10734</v>
      </c>
      <c r="H40806" t="s">
        <v>10735</v>
      </c>
      <c r="I40806" s="2">
        <v>1</v>
      </c>
      <c r="J40806" s="2">
        <v>0</v>
      </c>
      <c r="K40806" s="2">
        <v>0</v>
      </c>
      <c r="L40806" t="s">
        <v>120</v>
      </c>
      <c r="M40806" t="s">
        <v>83</v>
      </c>
      <c r="N40806" t="s">
        <v>84</v>
      </c>
      <c r="O40806" t="s">
        <v>85</v>
      </c>
      <c r="P40806" t="s">
        <v>86</v>
      </c>
      <c r="Q40806">
        <v>21</v>
      </c>
      <c r="R40806">
        <v>21</v>
      </c>
      <c r="S40806">
        <v>22</v>
      </c>
      <c r="T40806">
        <v>22</v>
      </c>
      <c r="U40806">
        <v>23</v>
      </c>
      <c r="V40806">
        <v>23</v>
      </c>
      <c r="W40806">
        <v>23</v>
      </c>
      <c r="X40806">
        <v>24</v>
      </c>
      <c r="Y40806">
        <v>24</v>
      </c>
      <c r="Z40806">
        <v>25</v>
      </c>
      <c r="AA40806">
        <v>25</v>
      </c>
      <c r="AB40806">
        <v>26</v>
      </c>
      <c r="AC40806">
        <v>26</v>
      </c>
      <c r="AD40806">
        <v>27</v>
      </c>
      <c r="AE40806">
        <v>27</v>
      </c>
      <c r="AF40806">
        <v>28</v>
      </c>
      <c r="AG40806">
        <v>28</v>
      </c>
      <c r="AH40806">
        <v>29</v>
      </c>
      <c r="AI40806">
        <v>29</v>
      </c>
      <c r="AJ40806">
        <v>30</v>
      </c>
      <c r="AK40806">
        <v>31</v>
      </c>
      <c r="AL40806">
        <v>31</v>
      </c>
      <c r="AM40806">
        <v>31</v>
      </c>
      <c r="AN40806">
        <v>31</v>
      </c>
      <c r="AO40806">
        <v>32</v>
      </c>
      <c r="AP40806">
        <v>32</v>
      </c>
      <c r="AQ40806">
        <v>32</v>
      </c>
    </row>
    <row r="40807" spans="1:43">
      <c r="A40807" t="s">
        <v>25197</v>
      </c>
      <c r="B40807" t="s">
        <v>25198</v>
      </c>
      <c r="C40807" t="s">
        <v>14961</v>
      </c>
      <c r="D40807" t="s">
        <v>14962</v>
      </c>
      <c r="E40807" t="s">
        <v>14797</v>
      </c>
      <c r="F40807" t="s">
        <v>14798</v>
      </c>
      <c r="G40807" t="s">
        <v>10734</v>
      </c>
      <c r="H40807" t="s">
        <v>10735</v>
      </c>
      <c r="I40807" s="2">
        <v>1</v>
      </c>
      <c r="J40807" s="2">
        <v>0</v>
      </c>
      <c r="K40807" s="2">
        <v>0</v>
      </c>
      <c r="L40807" t="s">
        <v>120</v>
      </c>
      <c r="M40807" t="s">
        <v>87</v>
      </c>
      <c r="N40807" t="s">
        <v>88</v>
      </c>
      <c r="O40807" t="s">
        <v>85</v>
      </c>
      <c r="P40807" t="s">
        <v>86</v>
      </c>
      <c r="Q40807">
        <v>21</v>
      </c>
      <c r="R40807">
        <v>22</v>
      </c>
      <c r="S40807">
        <v>22</v>
      </c>
      <c r="T40807">
        <v>22</v>
      </c>
      <c r="U40807">
        <v>23</v>
      </c>
      <c r="V40807">
        <v>23</v>
      </c>
      <c r="W40807">
        <v>23</v>
      </c>
      <c r="X40807">
        <v>23</v>
      </c>
      <c r="Y40807">
        <v>24</v>
      </c>
      <c r="Z40807">
        <v>24</v>
      </c>
      <c r="AA40807">
        <v>24</v>
      </c>
      <c r="AB40807">
        <v>24</v>
      </c>
      <c r="AC40807">
        <v>25</v>
      </c>
      <c r="AD40807">
        <v>25</v>
      </c>
      <c r="AE40807">
        <v>25</v>
      </c>
      <c r="AF40807">
        <v>26</v>
      </c>
      <c r="AG40807">
        <v>26</v>
      </c>
      <c r="AH40807">
        <v>26</v>
      </c>
      <c r="AI40807">
        <v>27</v>
      </c>
      <c r="AJ40807">
        <v>27</v>
      </c>
      <c r="AK40807">
        <v>27</v>
      </c>
      <c r="AL40807">
        <v>27</v>
      </c>
      <c r="AM40807">
        <v>28</v>
      </c>
      <c r="AN40807">
        <v>28</v>
      </c>
      <c r="AO40807">
        <v>28</v>
      </c>
      <c r="AP40807">
        <v>29</v>
      </c>
      <c r="AQ40807">
        <v>29</v>
      </c>
    </row>
    <row r="40808" spans="1:43">
      <c r="A40808" t="s">
        <v>25197</v>
      </c>
      <c r="B40808" t="s">
        <v>25198</v>
      </c>
      <c r="C40808" t="s">
        <v>14961</v>
      </c>
      <c r="D40808" t="s">
        <v>14962</v>
      </c>
      <c r="E40808" t="s">
        <v>14797</v>
      </c>
      <c r="F40808" t="s">
        <v>14798</v>
      </c>
      <c r="G40808" t="s">
        <v>10734</v>
      </c>
      <c r="H40808" t="s">
        <v>10735</v>
      </c>
      <c r="I40808" s="2">
        <v>1</v>
      </c>
      <c r="J40808" s="2">
        <v>0</v>
      </c>
      <c r="K40808" s="2">
        <v>0</v>
      </c>
      <c r="L40808" t="s">
        <v>120</v>
      </c>
      <c r="M40808" t="s">
        <v>89</v>
      </c>
      <c r="N40808" t="s">
        <v>90</v>
      </c>
      <c r="O40808" t="s">
        <v>85</v>
      </c>
      <c r="P40808" t="s">
        <v>86</v>
      </c>
      <c r="Q40808">
        <v>21</v>
      </c>
      <c r="R40808">
        <v>22</v>
      </c>
      <c r="S40808">
        <v>22</v>
      </c>
      <c r="T40808">
        <v>23</v>
      </c>
      <c r="U40808">
        <v>23</v>
      </c>
      <c r="V40808">
        <v>24</v>
      </c>
      <c r="W40808">
        <v>25</v>
      </c>
      <c r="X40808">
        <v>25</v>
      </c>
      <c r="Y40808">
        <v>26</v>
      </c>
      <c r="Z40808">
        <v>26</v>
      </c>
      <c r="AA40808">
        <v>27</v>
      </c>
      <c r="AB40808">
        <v>28</v>
      </c>
      <c r="AC40808">
        <v>28</v>
      </c>
      <c r="AD40808">
        <v>29</v>
      </c>
      <c r="AE40808">
        <v>29</v>
      </c>
      <c r="AF40808">
        <v>30</v>
      </c>
      <c r="AG40808">
        <v>30</v>
      </c>
      <c r="AH40808">
        <v>30</v>
      </c>
      <c r="AI40808">
        <v>30</v>
      </c>
      <c r="AJ40808">
        <v>31</v>
      </c>
      <c r="AK40808">
        <v>31</v>
      </c>
      <c r="AL40808">
        <v>31</v>
      </c>
      <c r="AM40808">
        <v>31</v>
      </c>
      <c r="AN40808">
        <v>32</v>
      </c>
      <c r="AO40808">
        <v>32</v>
      </c>
      <c r="AP40808">
        <v>32</v>
      </c>
      <c r="AQ40808">
        <v>33</v>
      </c>
    </row>
    <row r="40809" spans="1:43">
      <c r="A40809" t="s">
        <v>25197</v>
      </c>
      <c r="B40809" t="s">
        <v>25198</v>
      </c>
      <c r="C40809" t="s">
        <v>14961</v>
      </c>
      <c r="D40809" t="s">
        <v>14962</v>
      </c>
      <c r="E40809" t="s">
        <v>14797</v>
      </c>
      <c r="F40809" t="s">
        <v>14798</v>
      </c>
      <c r="G40809" t="s">
        <v>10734</v>
      </c>
      <c r="H40809" t="s">
        <v>10735</v>
      </c>
      <c r="I40809" s="2">
        <v>1</v>
      </c>
      <c r="J40809" s="2">
        <v>0</v>
      </c>
      <c r="K40809" s="2">
        <v>0</v>
      </c>
      <c r="L40809" t="s">
        <v>120</v>
      </c>
      <c r="M40809" t="s">
        <v>83</v>
      </c>
      <c r="N40809" t="s">
        <v>91</v>
      </c>
      <c r="O40809" t="s">
        <v>85</v>
      </c>
      <c r="P40809" t="s">
        <v>86</v>
      </c>
      <c r="Q40809">
        <v>21</v>
      </c>
      <c r="R40809">
        <v>21</v>
      </c>
      <c r="S40809">
        <v>22</v>
      </c>
      <c r="T40809">
        <v>22</v>
      </c>
      <c r="U40809">
        <v>23</v>
      </c>
      <c r="V40809">
        <v>23</v>
      </c>
      <c r="W40809">
        <v>23</v>
      </c>
      <c r="X40809">
        <v>24</v>
      </c>
      <c r="Y40809">
        <v>24</v>
      </c>
      <c r="Z40809">
        <v>25</v>
      </c>
      <c r="AA40809">
        <v>25</v>
      </c>
      <c r="AB40809">
        <v>26</v>
      </c>
      <c r="AC40809">
        <v>26</v>
      </c>
      <c r="AD40809">
        <v>27</v>
      </c>
      <c r="AE40809">
        <v>27</v>
      </c>
      <c r="AF40809">
        <v>28</v>
      </c>
      <c r="AG40809">
        <v>28</v>
      </c>
      <c r="AH40809">
        <v>29</v>
      </c>
      <c r="AI40809">
        <v>29</v>
      </c>
      <c r="AJ40809">
        <v>30</v>
      </c>
      <c r="AK40809">
        <v>31</v>
      </c>
      <c r="AL40809">
        <v>31</v>
      </c>
      <c r="AM40809">
        <v>31</v>
      </c>
      <c r="AN40809">
        <v>31</v>
      </c>
      <c r="AO40809">
        <v>32</v>
      </c>
      <c r="AP40809">
        <v>32</v>
      </c>
      <c r="AQ40809">
        <v>32</v>
      </c>
    </row>
    <row r="40810" spans="1:43">
      <c r="A40810" t="s">
        <v>25199</v>
      </c>
      <c r="B40810" t="s">
        <v>25200</v>
      </c>
      <c r="C40810" t="s">
        <v>14961</v>
      </c>
      <c r="D40810" t="s">
        <v>14962</v>
      </c>
      <c r="E40810" t="s">
        <v>14797</v>
      </c>
      <c r="F40810" t="s">
        <v>14798</v>
      </c>
      <c r="G40810" t="s">
        <v>10734</v>
      </c>
      <c r="H40810" t="s">
        <v>10735</v>
      </c>
      <c r="I40810" s="2">
        <v>1</v>
      </c>
      <c r="J40810" s="2">
        <v>0</v>
      </c>
      <c r="K40810" s="2">
        <v>0</v>
      </c>
      <c r="L40810" t="s">
        <v>120</v>
      </c>
      <c r="M40810" t="s">
        <v>83</v>
      </c>
      <c r="N40810" t="s">
        <v>84</v>
      </c>
      <c r="O40810" t="s">
        <v>85</v>
      </c>
      <c r="P40810" t="s">
        <v>86</v>
      </c>
      <c r="Q40810">
        <v>18</v>
      </c>
      <c r="R40810">
        <v>18</v>
      </c>
      <c r="S40810">
        <v>19</v>
      </c>
      <c r="T40810">
        <v>19</v>
      </c>
      <c r="U40810">
        <v>19</v>
      </c>
      <c r="V40810">
        <v>20</v>
      </c>
      <c r="W40810">
        <v>20</v>
      </c>
      <c r="X40810">
        <v>21</v>
      </c>
      <c r="Y40810">
        <v>21</v>
      </c>
      <c r="Z40810">
        <v>21</v>
      </c>
      <c r="AA40810">
        <v>22</v>
      </c>
      <c r="AB40810">
        <v>22</v>
      </c>
      <c r="AC40810">
        <v>23</v>
      </c>
      <c r="AD40810">
        <v>23</v>
      </c>
      <c r="AE40810">
        <v>24</v>
      </c>
      <c r="AF40810">
        <v>24</v>
      </c>
      <c r="AG40810">
        <v>24</v>
      </c>
      <c r="AH40810">
        <v>25</v>
      </c>
      <c r="AI40810">
        <v>25</v>
      </c>
      <c r="AJ40810">
        <v>26</v>
      </c>
      <c r="AK40810">
        <v>26</v>
      </c>
      <c r="AL40810">
        <v>27</v>
      </c>
      <c r="AM40810">
        <v>27</v>
      </c>
      <c r="AN40810">
        <v>27</v>
      </c>
      <c r="AO40810">
        <v>27</v>
      </c>
      <c r="AP40810">
        <v>28</v>
      </c>
      <c r="AQ40810">
        <v>28</v>
      </c>
    </row>
    <row r="40811" spans="1:43">
      <c r="A40811" t="s">
        <v>25199</v>
      </c>
      <c r="B40811" t="s">
        <v>25200</v>
      </c>
      <c r="C40811" t="s">
        <v>14961</v>
      </c>
      <c r="D40811" t="s">
        <v>14962</v>
      </c>
      <c r="E40811" t="s">
        <v>14797</v>
      </c>
      <c r="F40811" t="s">
        <v>14798</v>
      </c>
      <c r="G40811" t="s">
        <v>10734</v>
      </c>
      <c r="H40811" t="s">
        <v>10735</v>
      </c>
      <c r="I40811" s="2">
        <v>1</v>
      </c>
      <c r="J40811" s="2">
        <v>0</v>
      </c>
      <c r="K40811" s="2">
        <v>0</v>
      </c>
      <c r="L40811" t="s">
        <v>120</v>
      </c>
      <c r="M40811" t="s">
        <v>87</v>
      </c>
      <c r="N40811" t="s">
        <v>88</v>
      </c>
      <c r="O40811" t="s">
        <v>85</v>
      </c>
      <c r="P40811" t="s">
        <v>86</v>
      </c>
      <c r="Q40811">
        <v>18</v>
      </c>
      <c r="R40811">
        <v>18</v>
      </c>
      <c r="S40811">
        <v>18</v>
      </c>
      <c r="T40811">
        <v>18</v>
      </c>
      <c r="U40811">
        <v>19</v>
      </c>
      <c r="V40811">
        <v>19</v>
      </c>
      <c r="W40811">
        <v>19</v>
      </c>
      <c r="X40811">
        <v>19</v>
      </c>
      <c r="Y40811">
        <v>19</v>
      </c>
      <c r="Z40811">
        <v>20</v>
      </c>
      <c r="AA40811">
        <v>20</v>
      </c>
      <c r="AB40811">
        <v>20</v>
      </c>
      <c r="AC40811">
        <v>20</v>
      </c>
      <c r="AD40811">
        <v>21</v>
      </c>
      <c r="AE40811">
        <v>21</v>
      </c>
      <c r="AF40811">
        <v>21</v>
      </c>
      <c r="AG40811">
        <v>21</v>
      </c>
      <c r="AH40811">
        <v>22</v>
      </c>
      <c r="AI40811">
        <v>22</v>
      </c>
      <c r="AJ40811">
        <v>22</v>
      </c>
      <c r="AK40811">
        <v>22</v>
      </c>
      <c r="AL40811">
        <v>23</v>
      </c>
      <c r="AM40811">
        <v>23</v>
      </c>
      <c r="AN40811">
        <v>23</v>
      </c>
      <c r="AO40811">
        <v>24</v>
      </c>
      <c r="AP40811">
        <v>24</v>
      </c>
      <c r="AQ40811">
        <v>24</v>
      </c>
    </row>
    <row r="40812" spans="1:43">
      <c r="A40812" t="s">
        <v>25199</v>
      </c>
      <c r="B40812" t="s">
        <v>25200</v>
      </c>
      <c r="C40812" t="s">
        <v>14961</v>
      </c>
      <c r="D40812" t="s">
        <v>14962</v>
      </c>
      <c r="E40812" t="s">
        <v>14797</v>
      </c>
      <c r="F40812" t="s">
        <v>14798</v>
      </c>
      <c r="G40812" t="s">
        <v>10734</v>
      </c>
      <c r="H40812" t="s">
        <v>10735</v>
      </c>
      <c r="I40812" s="2">
        <v>1</v>
      </c>
      <c r="J40812" s="2">
        <v>0</v>
      </c>
      <c r="K40812" s="2">
        <v>0</v>
      </c>
      <c r="L40812" t="s">
        <v>120</v>
      </c>
      <c r="M40812" t="s">
        <v>89</v>
      </c>
      <c r="N40812" t="s">
        <v>90</v>
      </c>
      <c r="O40812" t="s">
        <v>85</v>
      </c>
      <c r="P40812" t="s">
        <v>86</v>
      </c>
      <c r="Q40812">
        <v>18</v>
      </c>
      <c r="R40812">
        <v>18</v>
      </c>
      <c r="S40812">
        <v>19</v>
      </c>
      <c r="T40812">
        <v>20</v>
      </c>
      <c r="U40812">
        <v>20</v>
      </c>
      <c r="V40812">
        <v>21</v>
      </c>
      <c r="W40812">
        <v>21</v>
      </c>
      <c r="X40812">
        <v>22</v>
      </c>
      <c r="Y40812">
        <v>22</v>
      </c>
      <c r="Z40812">
        <v>23</v>
      </c>
      <c r="AA40812">
        <v>23</v>
      </c>
      <c r="AB40812">
        <v>24</v>
      </c>
      <c r="AC40812">
        <v>24</v>
      </c>
      <c r="AD40812">
        <v>25</v>
      </c>
      <c r="AE40812">
        <v>25</v>
      </c>
      <c r="AF40812">
        <v>25</v>
      </c>
      <c r="AG40812">
        <v>26</v>
      </c>
      <c r="AH40812">
        <v>26</v>
      </c>
      <c r="AI40812">
        <v>26</v>
      </c>
      <c r="AJ40812">
        <v>26</v>
      </c>
      <c r="AK40812">
        <v>27</v>
      </c>
      <c r="AL40812">
        <v>27</v>
      </c>
      <c r="AM40812">
        <v>27</v>
      </c>
      <c r="AN40812">
        <v>27</v>
      </c>
      <c r="AO40812">
        <v>28</v>
      </c>
      <c r="AP40812">
        <v>28</v>
      </c>
      <c r="AQ40812">
        <v>28</v>
      </c>
    </row>
    <row r="40813" spans="1:43">
      <c r="A40813" t="s">
        <v>25199</v>
      </c>
      <c r="B40813" t="s">
        <v>25200</v>
      </c>
      <c r="C40813" t="s">
        <v>14961</v>
      </c>
      <c r="D40813" t="s">
        <v>14962</v>
      </c>
      <c r="E40813" t="s">
        <v>14797</v>
      </c>
      <c r="F40813" t="s">
        <v>14798</v>
      </c>
      <c r="G40813" t="s">
        <v>10734</v>
      </c>
      <c r="H40813" t="s">
        <v>10735</v>
      </c>
      <c r="I40813" s="2">
        <v>1</v>
      </c>
      <c r="J40813" s="2">
        <v>0</v>
      </c>
      <c r="K40813" s="2">
        <v>0</v>
      </c>
      <c r="L40813" t="s">
        <v>120</v>
      </c>
      <c r="M40813" t="s">
        <v>83</v>
      </c>
      <c r="N40813" t="s">
        <v>91</v>
      </c>
      <c r="O40813" t="s">
        <v>85</v>
      </c>
      <c r="P40813" t="s">
        <v>86</v>
      </c>
      <c r="Q40813">
        <v>18</v>
      </c>
      <c r="R40813">
        <v>18</v>
      </c>
      <c r="S40813">
        <v>19</v>
      </c>
      <c r="T40813">
        <v>19</v>
      </c>
      <c r="U40813">
        <v>19</v>
      </c>
      <c r="V40813">
        <v>20</v>
      </c>
      <c r="W40813">
        <v>20</v>
      </c>
      <c r="X40813">
        <v>21</v>
      </c>
      <c r="Y40813">
        <v>21</v>
      </c>
      <c r="Z40813">
        <v>21</v>
      </c>
      <c r="AA40813">
        <v>22</v>
      </c>
      <c r="AB40813">
        <v>22</v>
      </c>
      <c r="AC40813">
        <v>23</v>
      </c>
      <c r="AD40813">
        <v>23</v>
      </c>
      <c r="AE40813">
        <v>24</v>
      </c>
      <c r="AF40813">
        <v>24</v>
      </c>
      <c r="AG40813">
        <v>24</v>
      </c>
      <c r="AH40813">
        <v>25</v>
      </c>
      <c r="AI40813">
        <v>25</v>
      </c>
      <c r="AJ40813">
        <v>26</v>
      </c>
      <c r="AK40813">
        <v>26</v>
      </c>
      <c r="AL40813">
        <v>27</v>
      </c>
      <c r="AM40813">
        <v>27</v>
      </c>
      <c r="AN40813">
        <v>27</v>
      </c>
      <c r="AO40813">
        <v>27</v>
      </c>
      <c r="AP40813">
        <v>28</v>
      </c>
      <c r="AQ40813">
        <v>28</v>
      </c>
    </row>
    <row r="40814" spans="1:43">
      <c r="A40814" t="s">
        <v>25201</v>
      </c>
      <c r="B40814" t="s">
        <v>25202</v>
      </c>
      <c r="C40814" t="s">
        <v>14961</v>
      </c>
      <c r="D40814" t="s">
        <v>14962</v>
      </c>
      <c r="E40814" t="s">
        <v>14797</v>
      </c>
      <c r="F40814" t="s">
        <v>14798</v>
      </c>
      <c r="G40814" t="s">
        <v>10734</v>
      </c>
      <c r="H40814" t="s">
        <v>10735</v>
      </c>
      <c r="I40814" s="2">
        <v>1</v>
      </c>
      <c r="J40814" s="2">
        <v>0</v>
      </c>
      <c r="K40814" s="2">
        <v>0</v>
      </c>
      <c r="L40814" t="s">
        <v>120</v>
      </c>
      <c r="M40814" t="s">
        <v>83</v>
      </c>
      <c r="N40814" t="s">
        <v>84</v>
      </c>
      <c r="O40814" t="s">
        <v>85</v>
      </c>
      <c r="P40814" t="s">
        <v>86</v>
      </c>
      <c r="Q40814">
        <v>18</v>
      </c>
      <c r="R40814">
        <v>19</v>
      </c>
      <c r="S40814">
        <v>19</v>
      </c>
      <c r="T40814">
        <v>19</v>
      </c>
      <c r="U40814">
        <v>20</v>
      </c>
      <c r="V40814">
        <v>20</v>
      </c>
      <c r="W40814">
        <v>21</v>
      </c>
      <c r="X40814">
        <v>21</v>
      </c>
      <c r="Y40814">
        <v>21</v>
      </c>
      <c r="Z40814">
        <v>22</v>
      </c>
      <c r="AA40814">
        <v>22</v>
      </c>
      <c r="AB40814">
        <v>23</v>
      </c>
      <c r="AC40814">
        <v>23</v>
      </c>
      <c r="AD40814">
        <v>24</v>
      </c>
      <c r="AE40814">
        <v>24</v>
      </c>
      <c r="AF40814">
        <v>24</v>
      </c>
      <c r="AG40814">
        <v>25</v>
      </c>
      <c r="AH40814">
        <v>25</v>
      </c>
      <c r="AI40814">
        <v>26</v>
      </c>
      <c r="AJ40814">
        <v>26</v>
      </c>
      <c r="AK40814">
        <v>27</v>
      </c>
      <c r="AL40814">
        <v>27</v>
      </c>
      <c r="AM40814">
        <v>27</v>
      </c>
      <c r="AN40814">
        <v>28</v>
      </c>
      <c r="AO40814">
        <v>28</v>
      </c>
      <c r="AP40814">
        <v>28</v>
      </c>
      <c r="AQ40814">
        <v>28</v>
      </c>
    </row>
    <row r="40815" spans="1:43">
      <c r="A40815" t="s">
        <v>25201</v>
      </c>
      <c r="B40815" t="s">
        <v>25202</v>
      </c>
      <c r="C40815" t="s">
        <v>14961</v>
      </c>
      <c r="D40815" t="s">
        <v>14962</v>
      </c>
      <c r="E40815" t="s">
        <v>14797</v>
      </c>
      <c r="F40815" t="s">
        <v>14798</v>
      </c>
      <c r="G40815" t="s">
        <v>10734</v>
      </c>
      <c r="H40815" t="s">
        <v>10735</v>
      </c>
      <c r="I40815" s="2">
        <v>1</v>
      </c>
      <c r="J40815" s="2">
        <v>0</v>
      </c>
      <c r="K40815" s="2">
        <v>0</v>
      </c>
      <c r="L40815" t="s">
        <v>120</v>
      </c>
      <c r="M40815" t="s">
        <v>87</v>
      </c>
      <c r="N40815" t="s">
        <v>88</v>
      </c>
      <c r="O40815" t="s">
        <v>85</v>
      </c>
      <c r="P40815" t="s">
        <v>86</v>
      </c>
      <c r="Q40815">
        <v>18</v>
      </c>
      <c r="R40815">
        <v>18</v>
      </c>
      <c r="S40815">
        <v>18</v>
      </c>
      <c r="T40815">
        <v>19</v>
      </c>
      <c r="U40815">
        <v>19</v>
      </c>
      <c r="V40815">
        <v>19</v>
      </c>
      <c r="W40815">
        <v>19</v>
      </c>
      <c r="X40815">
        <v>20</v>
      </c>
      <c r="Y40815">
        <v>20</v>
      </c>
      <c r="Z40815">
        <v>20</v>
      </c>
      <c r="AA40815">
        <v>20</v>
      </c>
      <c r="AB40815">
        <v>21</v>
      </c>
      <c r="AC40815">
        <v>21</v>
      </c>
      <c r="AD40815">
        <v>21</v>
      </c>
      <c r="AE40815">
        <v>21</v>
      </c>
      <c r="AF40815">
        <v>22</v>
      </c>
      <c r="AG40815">
        <v>22</v>
      </c>
      <c r="AH40815">
        <v>22</v>
      </c>
      <c r="AI40815">
        <v>22</v>
      </c>
      <c r="AJ40815">
        <v>23</v>
      </c>
      <c r="AK40815">
        <v>23</v>
      </c>
      <c r="AL40815">
        <v>23</v>
      </c>
      <c r="AM40815">
        <v>24</v>
      </c>
      <c r="AN40815">
        <v>24</v>
      </c>
      <c r="AO40815">
        <v>24</v>
      </c>
      <c r="AP40815">
        <v>24</v>
      </c>
      <c r="AQ40815">
        <v>25</v>
      </c>
    </row>
    <row r="40816" spans="1:43">
      <c r="A40816" t="s">
        <v>25201</v>
      </c>
      <c r="B40816" t="s">
        <v>25202</v>
      </c>
      <c r="C40816" t="s">
        <v>14961</v>
      </c>
      <c r="D40816" t="s">
        <v>14962</v>
      </c>
      <c r="E40816" t="s">
        <v>14797</v>
      </c>
      <c r="F40816" t="s">
        <v>14798</v>
      </c>
      <c r="G40816" t="s">
        <v>10734</v>
      </c>
      <c r="H40816" t="s">
        <v>10735</v>
      </c>
      <c r="I40816" s="2">
        <v>1</v>
      </c>
      <c r="J40816" s="2">
        <v>0</v>
      </c>
      <c r="K40816" s="2">
        <v>0</v>
      </c>
      <c r="L40816" t="s">
        <v>120</v>
      </c>
      <c r="M40816" t="s">
        <v>89</v>
      </c>
      <c r="N40816" t="s">
        <v>90</v>
      </c>
      <c r="O40816" t="s">
        <v>85</v>
      </c>
      <c r="P40816" t="s">
        <v>86</v>
      </c>
      <c r="Q40816">
        <v>18</v>
      </c>
      <c r="R40816">
        <v>19</v>
      </c>
      <c r="S40816">
        <v>19</v>
      </c>
      <c r="T40816">
        <v>20</v>
      </c>
      <c r="U40816">
        <v>21</v>
      </c>
      <c r="V40816">
        <v>21</v>
      </c>
      <c r="W40816">
        <v>22</v>
      </c>
      <c r="X40816">
        <v>22</v>
      </c>
      <c r="Y40816">
        <v>23</v>
      </c>
      <c r="Z40816">
        <v>23</v>
      </c>
      <c r="AA40816">
        <v>24</v>
      </c>
      <c r="AB40816">
        <v>24</v>
      </c>
      <c r="AC40816">
        <v>25</v>
      </c>
      <c r="AD40816">
        <v>25</v>
      </c>
      <c r="AE40816">
        <v>26</v>
      </c>
      <c r="AF40816">
        <v>26</v>
      </c>
      <c r="AG40816">
        <v>26</v>
      </c>
      <c r="AH40816">
        <v>26</v>
      </c>
      <c r="AI40816">
        <v>27</v>
      </c>
      <c r="AJ40816">
        <v>27</v>
      </c>
      <c r="AK40816">
        <v>27</v>
      </c>
      <c r="AL40816">
        <v>27</v>
      </c>
      <c r="AM40816">
        <v>28</v>
      </c>
      <c r="AN40816">
        <v>28</v>
      </c>
      <c r="AO40816">
        <v>28</v>
      </c>
      <c r="AP40816">
        <v>28</v>
      </c>
      <c r="AQ40816">
        <v>29</v>
      </c>
    </row>
    <row r="40817" spans="1:43">
      <c r="A40817" t="s">
        <v>25201</v>
      </c>
      <c r="B40817" t="s">
        <v>25202</v>
      </c>
      <c r="C40817" t="s">
        <v>14961</v>
      </c>
      <c r="D40817" t="s">
        <v>14962</v>
      </c>
      <c r="E40817" t="s">
        <v>14797</v>
      </c>
      <c r="F40817" t="s">
        <v>14798</v>
      </c>
      <c r="G40817" t="s">
        <v>10734</v>
      </c>
      <c r="H40817" t="s">
        <v>10735</v>
      </c>
      <c r="I40817" s="2">
        <v>1</v>
      </c>
      <c r="J40817" s="2">
        <v>0</v>
      </c>
      <c r="K40817" s="2">
        <v>0</v>
      </c>
      <c r="L40817" t="s">
        <v>120</v>
      </c>
      <c r="M40817" t="s">
        <v>83</v>
      </c>
      <c r="N40817" t="s">
        <v>91</v>
      </c>
      <c r="O40817" t="s">
        <v>85</v>
      </c>
      <c r="P40817" t="s">
        <v>86</v>
      </c>
      <c r="Q40817">
        <v>18</v>
      </c>
      <c r="R40817">
        <v>19</v>
      </c>
      <c r="S40817">
        <v>19</v>
      </c>
      <c r="T40817">
        <v>19</v>
      </c>
      <c r="U40817">
        <v>20</v>
      </c>
      <c r="V40817">
        <v>20</v>
      </c>
      <c r="W40817">
        <v>21</v>
      </c>
      <c r="X40817">
        <v>21</v>
      </c>
      <c r="Y40817">
        <v>21</v>
      </c>
      <c r="Z40817">
        <v>22</v>
      </c>
      <c r="AA40817">
        <v>22</v>
      </c>
      <c r="AB40817">
        <v>23</v>
      </c>
      <c r="AC40817">
        <v>23</v>
      </c>
      <c r="AD40817">
        <v>24</v>
      </c>
      <c r="AE40817">
        <v>24</v>
      </c>
      <c r="AF40817">
        <v>24</v>
      </c>
      <c r="AG40817">
        <v>25</v>
      </c>
      <c r="AH40817">
        <v>25</v>
      </c>
      <c r="AI40817">
        <v>26</v>
      </c>
      <c r="AJ40817">
        <v>26</v>
      </c>
      <c r="AK40817">
        <v>27</v>
      </c>
      <c r="AL40817">
        <v>27</v>
      </c>
      <c r="AM40817">
        <v>27</v>
      </c>
      <c r="AN40817">
        <v>28</v>
      </c>
      <c r="AO40817">
        <v>28</v>
      </c>
      <c r="AP40817">
        <v>28</v>
      </c>
      <c r="AQ40817">
        <v>28</v>
      </c>
    </row>
    <row r="40818" spans="1:43">
      <c r="A40818" t="s">
        <v>25203</v>
      </c>
      <c r="B40818" t="s">
        <v>25204</v>
      </c>
      <c r="C40818" t="s">
        <v>1300</v>
      </c>
      <c r="D40818" t="s">
        <v>1301</v>
      </c>
      <c r="E40818" t="s">
        <v>1192</v>
      </c>
      <c r="F40818" t="s">
        <v>1193</v>
      </c>
      <c r="G40818" t="s">
        <v>80</v>
      </c>
      <c r="H40818" t="s">
        <v>81</v>
      </c>
      <c r="I40818" s="2">
        <v>1</v>
      </c>
      <c r="J40818" s="2">
        <v>0</v>
      </c>
      <c r="K40818" s="2">
        <v>0</v>
      </c>
      <c r="L40818" t="s">
        <v>120</v>
      </c>
      <c r="M40818" t="s">
        <v>83</v>
      </c>
      <c r="N40818" t="s">
        <v>84</v>
      </c>
      <c r="O40818" t="s">
        <v>85</v>
      </c>
      <c r="P40818" t="s">
        <v>86</v>
      </c>
      <c r="Q40818">
        <v>32</v>
      </c>
      <c r="R40818">
        <v>33</v>
      </c>
      <c r="S40818">
        <v>34</v>
      </c>
      <c r="T40818">
        <v>35</v>
      </c>
      <c r="U40818">
        <v>36</v>
      </c>
      <c r="V40818">
        <v>37</v>
      </c>
      <c r="W40818">
        <v>38</v>
      </c>
      <c r="X40818">
        <v>39</v>
      </c>
      <c r="Y40818">
        <v>40</v>
      </c>
      <c r="Z40818">
        <v>41</v>
      </c>
      <c r="AA40818">
        <v>42</v>
      </c>
      <c r="AB40818">
        <v>43</v>
      </c>
      <c r="AC40818">
        <v>44</v>
      </c>
      <c r="AD40818">
        <v>45</v>
      </c>
      <c r="AE40818">
        <v>46</v>
      </c>
      <c r="AF40818">
        <v>47</v>
      </c>
      <c r="AG40818">
        <v>48</v>
      </c>
      <c r="AH40818">
        <v>49</v>
      </c>
      <c r="AI40818">
        <v>50</v>
      </c>
      <c r="AJ40818">
        <v>52</v>
      </c>
      <c r="AK40818">
        <v>53</v>
      </c>
      <c r="AL40818">
        <v>54</v>
      </c>
      <c r="AM40818">
        <v>54</v>
      </c>
      <c r="AN40818">
        <v>55</v>
      </c>
      <c r="AO40818">
        <v>56</v>
      </c>
      <c r="AP40818">
        <v>56</v>
      </c>
      <c r="AQ40818">
        <v>57</v>
      </c>
    </row>
    <row r="40819" spans="1:43">
      <c r="A40819" t="s">
        <v>25203</v>
      </c>
      <c r="B40819" t="s">
        <v>25204</v>
      </c>
      <c r="C40819" t="s">
        <v>1300</v>
      </c>
      <c r="D40819" t="s">
        <v>1301</v>
      </c>
      <c r="E40819" t="s">
        <v>1192</v>
      </c>
      <c r="F40819" t="s">
        <v>1193</v>
      </c>
      <c r="G40819" t="s">
        <v>80</v>
      </c>
      <c r="H40819" t="s">
        <v>81</v>
      </c>
      <c r="I40819" s="2">
        <v>1</v>
      </c>
      <c r="J40819" s="2">
        <v>0</v>
      </c>
      <c r="K40819" s="2">
        <v>0</v>
      </c>
      <c r="L40819" t="s">
        <v>120</v>
      </c>
      <c r="M40819" t="s">
        <v>87</v>
      </c>
      <c r="N40819" t="s">
        <v>88</v>
      </c>
      <c r="O40819" t="s">
        <v>85</v>
      </c>
      <c r="P40819" t="s">
        <v>86</v>
      </c>
      <c r="Q40819">
        <v>32</v>
      </c>
      <c r="R40819">
        <v>33</v>
      </c>
      <c r="S40819">
        <v>33</v>
      </c>
      <c r="T40819">
        <v>34</v>
      </c>
      <c r="U40819">
        <v>34</v>
      </c>
      <c r="V40819">
        <v>35</v>
      </c>
      <c r="W40819">
        <v>36</v>
      </c>
      <c r="X40819">
        <v>36</v>
      </c>
      <c r="Y40819">
        <v>37</v>
      </c>
      <c r="Z40819">
        <v>37</v>
      </c>
      <c r="AA40819">
        <v>38</v>
      </c>
      <c r="AB40819">
        <v>39</v>
      </c>
      <c r="AC40819">
        <v>39</v>
      </c>
      <c r="AD40819">
        <v>40</v>
      </c>
      <c r="AE40819">
        <v>41</v>
      </c>
      <c r="AF40819">
        <v>41</v>
      </c>
      <c r="AG40819">
        <v>42</v>
      </c>
      <c r="AH40819">
        <v>43</v>
      </c>
      <c r="AI40819">
        <v>44</v>
      </c>
      <c r="AJ40819">
        <v>44</v>
      </c>
      <c r="AK40819">
        <v>45</v>
      </c>
      <c r="AL40819">
        <v>46</v>
      </c>
      <c r="AM40819">
        <v>46</v>
      </c>
      <c r="AN40819">
        <v>47</v>
      </c>
      <c r="AO40819">
        <v>48</v>
      </c>
      <c r="AP40819">
        <v>49</v>
      </c>
      <c r="AQ40819">
        <v>50</v>
      </c>
    </row>
    <row r="40820" spans="1:43">
      <c r="A40820" t="s">
        <v>25203</v>
      </c>
      <c r="B40820" t="s">
        <v>25204</v>
      </c>
      <c r="C40820" t="s">
        <v>1300</v>
      </c>
      <c r="D40820" t="s">
        <v>1301</v>
      </c>
      <c r="E40820" t="s">
        <v>1192</v>
      </c>
      <c r="F40820" t="s">
        <v>1193</v>
      </c>
      <c r="G40820" t="s">
        <v>80</v>
      </c>
      <c r="H40820" t="s">
        <v>81</v>
      </c>
      <c r="I40820" s="2">
        <v>1</v>
      </c>
      <c r="J40820" s="2">
        <v>0</v>
      </c>
      <c r="K40820" s="2">
        <v>0</v>
      </c>
      <c r="L40820" t="s">
        <v>120</v>
      </c>
      <c r="M40820" t="s">
        <v>89</v>
      </c>
      <c r="N40820" t="s">
        <v>90</v>
      </c>
      <c r="O40820" t="s">
        <v>85</v>
      </c>
      <c r="P40820" t="s">
        <v>86</v>
      </c>
      <c r="Q40820">
        <v>32</v>
      </c>
      <c r="R40820">
        <v>33</v>
      </c>
      <c r="S40820">
        <v>34</v>
      </c>
      <c r="T40820">
        <v>35</v>
      </c>
      <c r="U40820">
        <v>36</v>
      </c>
      <c r="V40820">
        <v>38</v>
      </c>
      <c r="W40820">
        <v>39</v>
      </c>
      <c r="X40820">
        <v>40</v>
      </c>
      <c r="Y40820">
        <v>41</v>
      </c>
      <c r="Z40820">
        <v>42</v>
      </c>
      <c r="AA40820">
        <v>43</v>
      </c>
      <c r="AB40820">
        <v>45</v>
      </c>
      <c r="AC40820">
        <v>46</v>
      </c>
      <c r="AD40820">
        <v>47</v>
      </c>
      <c r="AE40820">
        <v>48</v>
      </c>
      <c r="AF40820">
        <v>49</v>
      </c>
      <c r="AG40820">
        <v>50</v>
      </c>
      <c r="AH40820">
        <v>50</v>
      </c>
      <c r="AI40820">
        <v>51</v>
      </c>
      <c r="AJ40820">
        <v>52</v>
      </c>
      <c r="AK40820">
        <v>52</v>
      </c>
      <c r="AL40820">
        <v>53</v>
      </c>
      <c r="AM40820">
        <v>54</v>
      </c>
      <c r="AN40820">
        <v>54</v>
      </c>
      <c r="AO40820">
        <v>55</v>
      </c>
      <c r="AP40820">
        <v>56</v>
      </c>
      <c r="AQ40820">
        <v>56</v>
      </c>
    </row>
    <row r="40821" spans="1:43">
      <c r="A40821" t="s">
        <v>25203</v>
      </c>
      <c r="B40821" t="s">
        <v>25204</v>
      </c>
      <c r="C40821" t="s">
        <v>1300</v>
      </c>
      <c r="D40821" t="s">
        <v>1301</v>
      </c>
      <c r="E40821" t="s">
        <v>1192</v>
      </c>
      <c r="F40821" t="s">
        <v>1193</v>
      </c>
      <c r="G40821" t="s">
        <v>80</v>
      </c>
      <c r="H40821" t="s">
        <v>81</v>
      </c>
      <c r="I40821" s="2">
        <v>1</v>
      </c>
      <c r="J40821" s="2">
        <v>0</v>
      </c>
      <c r="K40821" s="2">
        <v>0</v>
      </c>
      <c r="L40821" t="s">
        <v>120</v>
      </c>
      <c r="M40821" t="s">
        <v>83</v>
      </c>
      <c r="N40821" t="s">
        <v>91</v>
      </c>
      <c r="O40821" t="s">
        <v>85</v>
      </c>
      <c r="P40821" t="s">
        <v>86</v>
      </c>
      <c r="Q40821">
        <v>32</v>
      </c>
      <c r="R40821">
        <v>33</v>
      </c>
      <c r="S40821">
        <v>34</v>
      </c>
      <c r="T40821">
        <v>35</v>
      </c>
      <c r="U40821">
        <v>36</v>
      </c>
      <c r="V40821">
        <v>37</v>
      </c>
      <c r="W40821">
        <v>38</v>
      </c>
      <c r="X40821">
        <v>39</v>
      </c>
      <c r="Y40821">
        <v>40</v>
      </c>
      <c r="Z40821">
        <v>41</v>
      </c>
      <c r="AA40821">
        <v>42</v>
      </c>
      <c r="AB40821">
        <v>43</v>
      </c>
      <c r="AC40821">
        <v>44</v>
      </c>
      <c r="AD40821">
        <v>45</v>
      </c>
      <c r="AE40821">
        <v>46</v>
      </c>
      <c r="AF40821">
        <v>47</v>
      </c>
      <c r="AG40821">
        <v>48</v>
      </c>
      <c r="AH40821">
        <v>49</v>
      </c>
      <c r="AI40821">
        <v>50</v>
      </c>
      <c r="AJ40821">
        <v>52</v>
      </c>
      <c r="AK40821">
        <v>53</v>
      </c>
      <c r="AL40821">
        <v>54</v>
      </c>
      <c r="AM40821">
        <v>54</v>
      </c>
      <c r="AN40821">
        <v>55</v>
      </c>
      <c r="AO40821">
        <v>56</v>
      </c>
      <c r="AP40821">
        <v>56</v>
      </c>
      <c r="AQ40821">
        <v>57</v>
      </c>
    </row>
    <row r="40822" spans="1:43">
      <c r="A40822" t="s">
        <v>25205</v>
      </c>
      <c r="B40822" t="s">
        <v>25206</v>
      </c>
      <c r="C40822" t="s">
        <v>1320</v>
      </c>
      <c r="D40822" t="s">
        <v>1321</v>
      </c>
      <c r="E40822" t="s">
        <v>1192</v>
      </c>
      <c r="F40822" t="s">
        <v>1193</v>
      </c>
      <c r="G40822" t="s">
        <v>80</v>
      </c>
      <c r="H40822" t="s">
        <v>81</v>
      </c>
      <c r="I40822" s="2">
        <v>0</v>
      </c>
      <c r="J40822" s="2">
        <v>1</v>
      </c>
      <c r="K40822" s="2">
        <v>0</v>
      </c>
      <c r="L40822" t="s">
        <v>82</v>
      </c>
      <c r="M40822" t="s">
        <v>83</v>
      </c>
      <c r="N40822" t="s">
        <v>84</v>
      </c>
      <c r="O40822" t="s">
        <v>85</v>
      </c>
      <c r="P40822" t="s">
        <v>86</v>
      </c>
      <c r="Q40822">
        <v>38</v>
      </c>
      <c r="R40822">
        <v>39</v>
      </c>
      <c r="S40822">
        <v>40</v>
      </c>
      <c r="T40822">
        <v>42</v>
      </c>
      <c r="U40822">
        <v>43</v>
      </c>
      <c r="V40822">
        <v>44</v>
      </c>
      <c r="W40822">
        <v>45</v>
      </c>
      <c r="X40822">
        <v>46</v>
      </c>
      <c r="Y40822">
        <v>47</v>
      </c>
      <c r="Z40822">
        <v>49</v>
      </c>
      <c r="AA40822">
        <v>50</v>
      </c>
      <c r="AB40822">
        <v>51</v>
      </c>
      <c r="AC40822">
        <v>52</v>
      </c>
      <c r="AD40822">
        <v>54</v>
      </c>
      <c r="AE40822">
        <v>55</v>
      </c>
      <c r="AF40822">
        <v>56</v>
      </c>
      <c r="AG40822">
        <v>58</v>
      </c>
      <c r="AH40822">
        <v>59</v>
      </c>
      <c r="AI40822">
        <v>60</v>
      </c>
      <c r="AJ40822">
        <v>62</v>
      </c>
      <c r="AK40822">
        <v>63</v>
      </c>
      <c r="AL40822">
        <v>64</v>
      </c>
      <c r="AM40822">
        <v>65</v>
      </c>
      <c r="AN40822">
        <v>66</v>
      </c>
      <c r="AO40822">
        <v>67</v>
      </c>
      <c r="AP40822">
        <v>68</v>
      </c>
      <c r="AQ40822">
        <v>69</v>
      </c>
    </row>
    <row r="40823" spans="1:43">
      <c r="A40823" t="s">
        <v>25205</v>
      </c>
      <c r="B40823" t="s">
        <v>25206</v>
      </c>
      <c r="C40823" t="s">
        <v>1320</v>
      </c>
      <c r="D40823" t="s">
        <v>1321</v>
      </c>
      <c r="E40823" t="s">
        <v>1192</v>
      </c>
      <c r="F40823" t="s">
        <v>1193</v>
      </c>
      <c r="G40823" t="s">
        <v>80</v>
      </c>
      <c r="H40823" t="s">
        <v>81</v>
      </c>
      <c r="I40823" s="2">
        <v>0</v>
      </c>
      <c r="J40823" s="2">
        <v>1</v>
      </c>
      <c r="K40823" s="2">
        <v>0</v>
      </c>
      <c r="L40823" t="s">
        <v>82</v>
      </c>
      <c r="M40823" t="s">
        <v>87</v>
      </c>
      <c r="N40823" t="s">
        <v>88</v>
      </c>
      <c r="O40823" t="s">
        <v>85</v>
      </c>
      <c r="P40823" t="s">
        <v>86</v>
      </c>
      <c r="Q40823">
        <v>38</v>
      </c>
      <c r="R40823">
        <v>39</v>
      </c>
      <c r="S40823">
        <v>39</v>
      </c>
      <c r="T40823">
        <v>40</v>
      </c>
      <c r="U40823">
        <v>41</v>
      </c>
      <c r="V40823">
        <v>42</v>
      </c>
      <c r="W40823">
        <v>42</v>
      </c>
      <c r="X40823">
        <v>43</v>
      </c>
      <c r="Y40823">
        <v>44</v>
      </c>
      <c r="Z40823">
        <v>45</v>
      </c>
      <c r="AA40823">
        <v>45</v>
      </c>
      <c r="AB40823">
        <v>46</v>
      </c>
      <c r="AC40823">
        <v>47</v>
      </c>
      <c r="AD40823">
        <v>48</v>
      </c>
      <c r="AE40823">
        <v>49</v>
      </c>
      <c r="AF40823">
        <v>49</v>
      </c>
      <c r="AG40823">
        <v>50</v>
      </c>
      <c r="AH40823">
        <v>51</v>
      </c>
      <c r="AI40823">
        <v>52</v>
      </c>
      <c r="AJ40823">
        <v>53</v>
      </c>
      <c r="AK40823">
        <v>54</v>
      </c>
      <c r="AL40823">
        <v>55</v>
      </c>
      <c r="AM40823">
        <v>55</v>
      </c>
      <c r="AN40823">
        <v>56</v>
      </c>
      <c r="AO40823">
        <v>57</v>
      </c>
      <c r="AP40823">
        <v>58</v>
      </c>
      <c r="AQ40823">
        <v>59</v>
      </c>
    </row>
    <row r="40824" spans="1:43">
      <c r="A40824" t="s">
        <v>25205</v>
      </c>
      <c r="B40824" t="s">
        <v>25206</v>
      </c>
      <c r="C40824" t="s">
        <v>1320</v>
      </c>
      <c r="D40824" t="s">
        <v>1321</v>
      </c>
      <c r="E40824" t="s">
        <v>1192</v>
      </c>
      <c r="F40824" t="s">
        <v>1193</v>
      </c>
      <c r="G40824" t="s">
        <v>80</v>
      </c>
      <c r="H40824" t="s">
        <v>81</v>
      </c>
      <c r="I40824" s="2">
        <v>0</v>
      </c>
      <c r="J40824" s="2">
        <v>1</v>
      </c>
      <c r="K40824" s="2">
        <v>0</v>
      </c>
      <c r="L40824" t="s">
        <v>82</v>
      </c>
      <c r="M40824" t="s">
        <v>89</v>
      </c>
      <c r="N40824" t="s">
        <v>90</v>
      </c>
      <c r="O40824" t="s">
        <v>85</v>
      </c>
      <c r="P40824" t="s">
        <v>86</v>
      </c>
      <c r="Q40824">
        <v>38</v>
      </c>
      <c r="R40824">
        <v>39</v>
      </c>
      <c r="S40824">
        <v>41</v>
      </c>
      <c r="T40824">
        <v>42</v>
      </c>
      <c r="U40824">
        <v>43</v>
      </c>
      <c r="V40824">
        <v>45</v>
      </c>
      <c r="W40824">
        <v>46</v>
      </c>
      <c r="X40824">
        <v>48</v>
      </c>
      <c r="Y40824">
        <v>49</v>
      </c>
      <c r="Z40824">
        <v>51</v>
      </c>
      <c r="AA40824">
        <v>52</v>
      </c>
      <c r="AB40824">
        <v>54</v>
      </c>
      <c r="AC40824">
        <v>55</v>
      </c>
      <c r="AD40824">
        <v>57</v>
      </c>
      <c r="AE40824">
        <v>58</v>
      </c>
      <c r="AF40824">
        <v>59</v>
      </c>
      <c r="AG40824">
        <v>60</v>
      </c>
      <c r="AH40824">
        <v>61</v>
      </c>
      <c r="AI40824">
        <v>62</v>
      </c>
      <c r="AJ40824">
        <v>62</v>
      </c>
      <c r="AK40824">
        <v>63</v>
      </c>
      <c r="AL40824">
        <v>64</v>
      </c>
      <c r="AM40824">
        <v>65</v>
      </c>
      <c r="AN40824">
        <v>66</v>
      </c>
      <c r="AO40824">
        <v>67</v>
      </c>
      <c r="AP40824">
        <v>68</v>
      </c>
      <c r="AQ40824">
        <v>69</v>
      </c>
    </row>
    <row r="40825" spans="1:43">
      <c r="A40825" t="s">
        <v>25205</v>
      </c>
      <c r="B40825" t="s">
        <v>25206</v>
      </c>
      <c r="C40825" t="s">
        <v>1320</v>
      </c>
      <c r="D40825" t="s">
        <v>1321</v>
      </c>
      <c r="E40825" t="s">
        <v>1192</v>
      </c>
      <c r="F40825" t="s">
        <v>1193</v>
      </c>
      <c r="G40825" t="s">
        <v>80</v>
      </c>
      <c r="H40825" t="s">
        <v>81</v>
      </c>
      <c r="I40825" s="2">
        <v>0</v>
      </c>
      <c r="J40825" s="2">
        <v>1</v>
      </c>
      <c r="K40825" s="2">
        <v>0</v>
      </c>
      <c r="L40825" t="s">
        <v>82</v>
      </c>
      <c r="M40825" t="s">
        <v>83</v>
      </c>
      <c r="N40825" t="s">
        <v>91</v>
      </c>
      <c r="O40825" t="s">
        <v>85</v>
      </c>
      <c r="P40825" t="s">
        <v>86</v>
      </c>
      <c r="Q40825">
        <v>38</v>
      </c>
      <c r="R40825">
        <v>39</v>
      </c>
      <c r="S40825">
        <v>40</v>
      </c>
      <c r="T40825">
        <v>42</v>
      </c>
      <c r="U40825">
        <v>43</v>
      </c>
      <c r="V40825">
        <v>44</v>
      </c>
      <c r="W40825">
        <v>45</v>
      </c>
      <c r="X40825">
        <v>46</v>
      </c>
      <c r="Y40825">
        <v>47</v>
      </c>
      <c r="Z40825">
        <v>49</v>
      </c>
      <c r="AA40825">
        <v>50</v>
      </c>
      <c r="AB40825">
        <v>51</v>
      </c>
      <c r="AC40825">
        <v>52</v>
      </c>
      <c r="AD40825">
        <v>54</v>
      </c>
      <c r="AE40825">
        <v>55</v>
      </c>
      <c r="AF40825">
        <v>56</v>
      </c>
      <c r="AG40825">
        <v>58</v>
      </c>
      <c r="AH40825">
        <v>59</v>
      </c>
      <c r="AI40825">
        <v>60</v>
      </c>
      <c r="AJ40825">
        <v>62</v>
      </c>
      <c r="AK40825">
        <v>63</v>
      </c>
      <c r="AL40825">
        <v>64</v>
      </c>
      <c r="AM40825">
        <v>65</v>
      </c>
      <c r="AN40825">
        <v>66</v>
      </c>
      <c r="AO40825">
        <v>67</v>
      </c>
      <c r="AP40825">
        <v>68</v>
      </c>
      <c r="AQ40825">
        <v>69</v>
      </c>
    </row>
    <row r="40826" spans="1:43">
      <c r="A40826" t="s">
        <v>25207</v>
      </c>
      <c r="B40826" t="s">
        <v>25208</v>
      </c>
      <c r="C40826" t="s">
        <v>5588</v>
      </c>
      <c r="D40826" t="s">
        <v>5589</v>
      </c>
      <c r="E40826" t="s">
        <v>5426</v>
      </c>
      <c r="F40826" t="s">
        <v>5427</v>
      </c>
      <c r="G40826" t="s">
        <v>80</v>
      </c>
      <c r="H40826" t="s">
        <v>81</v>
      </c>
      <c r="I40826" s="2">
        <v>0</v>
      </c>
      <c r="J40826" s="2">
        <v>1</v>
      </c>
      <c r="K40826" s="2">
        <v>0</v>
      </c>
      <c r="L40826" t="s">
        <v>82</v>
      </c>
      <c r="M40826" t="s">
        <v>83</v>
      </c>
      <c r="N40826" t="s">
        <v>84</v>
      </c>
      <c r="O40826" t="s">
        <v>85</v>
      </c>
      <c r="P40826" t="s">
        <v>86</v>
      </c>
      <c r="Q40826">
        <v>34</v>
      </c>
      <c r="R40826">
        <v>35</v>
      </c>
      <c r="S40826">
        <v>36</v>
      </c>
      <c r="T40826">
        <v>37</v>
      </c>
      <c r="U40826">
        <v>38</v>
      </c>
      <c r="V40826">
        <v>39</v>
      </c>
      <c r="W40826">
        <v>39</v>
      </c>
      <c r="X40826">
        <v>40</v>
      </c>
      <c r="Y40826">
        <v>41</v>
      </c>
      <c r="Z40826">
        <v>42</v>
      </c>
      <c r="AA40826">
        <v>43</v>
      </c>
      <c r="AB40826">
        <v>44</v>
      </c>
      <c r="AC40826">
        <v>45</v>
      </c>
      <c r="AD40826">
        <v>46</v>
      </c>
      <c r="AE40826">
        <v>47</v>
      </c>
      <c r="AF40826">
        <v>48</v>
      </c>
      <c r="AG40826">
        <v>49</v>
      </c>
      <c r="AH40826">
        <v>50</v>
      </c>
      <c r="AI40826">
        <v>52</v>
      </c>
      <c r="AJ40826">
        <v>53</v>
      </c>
      <c r="AK40826">
        <v>54</v>
      </c>
      <c r="AL40826">
        <v>54</v>
      </c>
      <c r="AM40826">
        <v>55</v>
      </c>
      <c r="AN40826">
        <v>56</v>
      </c>
      <c r="AO40826">
        <v>56</v>
      </c>
      <c r="AP40826">
        <v>57</v>
      </c>
      <c r="AQ40826">
        <v>57</v>
      </c>
    </row>
    <row r="40827" spans="1:43">
      <c r="A40827" t="s">
        <v>25207</v>
      </c>
      <c r="B40827" t="s">
        <v>25208</v>
      </c>
      <c r="C40827" t="s">
        <v>5588</v>
      </c>
      <c r="D40827" t="s">
        <v>5589</v>
      </c>
      <c r="E40827" t="s">
        <v>5426</v>
      </c>
      <c r="F40827" t="s">
        <v>5427</v>
      </c>
      <c r="G40827" t="s">
        <v>80</v>
      </c>
      <c r="H40827" t="s">
        <v>81</v>
      </c>
      <c r="I40827" s="2">
        <v>0</v>
      </c>
      <c r="J40827" s="2">
        <v>1</v>
      </c>
      <c r="K40827" s="2">
        <v>0</v>
      </c>
      <c r="L40827" t="s">
        <v>82</v>
      </c>
      <c r="M40827" t="s">
        <v>87</v>
      </c>
      <c r="N40827" t="s">
        <v>88</v>
      </c>
      <c r="O40827" t="s">
        <v>85</v>
      </c>
      <c r="P40827" t="s">
        <v>86</v>
      </c>
      <c r="Q40827">
        <v>34</v>
      </c>
      <c r="R40827">
        <v>34</v>
      </c>
      <c r="S40827">
        <v>35</v>
      </c>
      <c r="T40827">
        <v>35</v>
      </c>
      <c r="U40827">
        <v>36</v>
      </c>
      <c r="V40827">
        <v>37</v>
      </c>
      <c r="W40827">
        <v>37</v>
      </c>
      <c r="X40827">
        <v>38</v>
      </c>
      <c r="Y40827">
        <v>38</v>
      </c>
      <c r="Z40827">
        <v>39</v>
      </c>
      <c r="AA40827">
        <v>39</v>
      </c>
      <c r="AB40827">
        <v>40</v>
      </c>
      <c r="AC40827">
        <v>41</v>
      </c>
      <c r="AD40827">
        <v>41</v>
      </c>
      <c r="AE40827">
        <v>42</v>
      </c>
      <c r="AF40827">
        <v>42</v>
      </c>
      <c r="AG40827">
        <v>43</v>
      </c>
      <c r="AH40827">
        <v>44</v>
      </c>
      <c r="AI40827">
        <v>44</v>
      </c>
      <c r="AJ40827">
        <v>45</v>
      </c>
      <c r="AK40827">
        <v>46</v>
      </c>
      <c r="AL40827">
        <v>46</v>
      </c>
      <c r="AM40827">
        <v>47</v>
      </c>
      <c r="AN40827">
        <v>48</v>
      </c>
      <c r="AO40827">
        <v>48</v>
      </c>
      <c r="AP40827">
        <v>49</v>
      </c>
      <c r="AQ40827">
        <v>50</v>
      </c>
    </row>
    <row r="40828" spans="1:43">
      <c r="A40828" t="s">
        <v>25207</v>
      </c>
      <c r="B40828" t="s">
        <v>25208</v>
      </c>
      <c r="C40828" t="s">
        <v>5588</v>
      </c>
      <c r="D40828" t="s">
        <v>5589</v>
      </c>
      <c r="E40828" t="s">
        <v>5426</v>
      </c>
      <c r="F40828" t="s">
        <v>5427</v>
      </c>
      <c r="G40828" t="s">
        <v>80</v>
      </c>
      <c r="H40828" t="s">
        <v>81</v>
      </c>
      <c r="I40828" s="2">
        <v>0</v>
      </c>
      <c r="J40828" s="2">
        <v>1</v>
      </c>
      <c r="K40828" s="2">
        <v>0</v>
      </c>
      <c r="L40828" t="s">
        <v>82</v>
      </c>
      <c r="M40828" t="s">
        <v>89</v>
      </c>
      <c r="N40828" t="s">
        <v>90</v>
      </c>
      <c r="O40828" t="s">
        <v>85</v>
      </c>
      <c r="P40828" t="s">
        <v>86</v>
      </c>
      <c r="Q40828">
        <v>34</v>
      </c>
      <c r="R40828">
        <v>36</v>
      </c>
      <c r="S40828">
        <v>37</v>
      </c>
      <c r="T40828">
        <v>38</v>
      </c>
      <c r="U40828">
        <v>39</v>
      </c>
      <c r="V40828">
        <v>40</v>
      </c>
      <c r="W40828">
        <v>41</v>
      </c>
      <c r="X40828">
        <v>43</v>
      </c>
      <c r="Y40828">
        <v>44</v>
      </c>
      <c r="Z40828">
        <v>45</v>
      </c>
      <c r="AA40828">
        <v>46</v>
      </c>
      <c r="AB40828">
        <v>47</v>
      </c>
      <c r="AC40828">
        <v>49</v>
      </c>
      <c r="AD40828">
        <v>50</v>
      </c>
      <c r="AE40828">
        <v>51</v>
      </c>
      <c r="AF40828">
        <v>51</v>
      </c>
      <c r="AG40828">
        <v>52</v>
      </c>
      <c r="AH40828">
        <v>53</v>
      </c>
      <c r="AI40828">
        <v>53</v>
      </c>
      <c r="AJ40828">
        <v>54</v>
      </c>
      <c r="AK40828">
        <v>54</v>
      </c>
      <c r="AL40828">
        <v>55</v>
      </c>
      <c r="AM40828">
        <v>55</v>
      </c>
      <c r="AN40828">
        <v>56</v>
      </c>
      <c r="AO40828">
        <v>57</v>
      </c>
      <c r="AP40828">
        <v>57</v>
      </c>
      <c r="AQ40828">
        <v>58</v>
      </c>
    </row>
    <row r="40829" spans="1:43">
      <c r="A40829" t="s">
        <v>25207</v>
      </c>
      <c r="B40829" t="s">
        <v>25208</v>
      </c>
      <c r="C40829" t="s">
        <v>5588</v>
      </c>
      <c r="D40829" t="s">
        <v>5589</v>
      </c>
      <c r="E40829" t="s">
        <v>5426</v>
      </c>
      <c r="F40829" t="s">
        <v>5427</v>
      </c>
      <c r="G40829" t="s">
        <v>80</v>
      </c>
      <c r="H40829" t="s">
        <v>81</v>
      </c>
      <c r="I40829" s="2">
        <v>0</v>
      </c>
      <c r="J40829" s="2">
        <v>1</v>
      </c>
      <c r="K40829" s="2">
        <v>0</v>
      </c>
      <c r="L40829" t="s">
        <v>82</v>
      </c>
      <c r="M40829" t="s">
        <v>83</v>
      </c>
      <c r="N40829" t="s">
        <v>91</v>
      </c>
      <c r="O40829" t="s">
        <v>85</v>
      </c>
      <c r="P40829" t="s">
        <v>86</v>
      </c>
      <c r="Q40829">
        <v>34</v>
      </c>
      <c r="R40829">
        <v>35</v>
      </c>
      <c r="S40829">
        <v>36</v>
      </c>
      <c r="T40829">
        <v>37</v>
      </c>
      <c r="U40829">
        <v>38</v>
      </c>
      <c r="V40829">
        <v>39</v>
      </c>
      <c r="W40829">
        <v>39</v>
      </c>
      <c r="X40829">
        <v>40</v>
      </c>
      <c r="Y40829">
        <v>41</v>
      </c>
      <c r="Z40829">
        <v>42</v>
      </c>
      <c r="AA40829">
        <v>43</v>
      </c>
      <c r="AB40829">
        <v>44</v>
      </c>
      <c r="AC40829">
        <v>45</v>
      </c>
      <c r="AD40829">
        <v>46</v>
      </c>
      <c r="AE40829">
        <v>47</v>
      </c>
      <c r="AF40829">
        <v>48</v>
      </c>
      <c r="AG40829">
        <v>49</v>
      </c>
      <c r="AH40829">
        <v>50</v>
      </c>
      <c r="AI40829">
        <v>52</v>
      </c>
      <c r="AJ40829">
        <v>53</v>
      </c>
      <c r="AK40829">
        <v>54</v>
      </c>
      <c r="AL40829">
        <v>54</v>
      </c>
      <c r="AM40829">
        <v>55</v>
      </c>
      <c r="AN40829">
        <v>56</v>
      </c>
      <c r="AO40829">
        <v>56</v>
      </c>
      <c r="AP40829">
        <v>57</v>
      </c>
      <c r="AQ40829">
        <v>57</v>
      </c>
    </row>
    <row r="40830" spans="1:43">
      <c r="A40830" t="s">
        <v>25209</v>
      </c>
      <c r="B40830" t="s">
        <v>25210</v>
      </c>
      <c r="C40830" t="s">
        <v>5588</v>
      </c>
      <c r="D40830" t="s">
        <v>5589</v>
      </c>
      <c r="E40830" t="s">
        <v>5426</v>
      </c>
      <c r="F40830" t="s">
        <v>5427</v>
      </c>
      <c r="G40830" t="s">
        <v>80</v>
      </c>
      <c r="H40830" t="s">
        <v>81</v>
      </c>
      <c r="I40830" s="2">
        <v>0</v>
      </c>
      <c r="J40830" s="2">
        <v>1</v>
      </c>
      <c r="K40830" s="2">
        <v>0</v>
      </c>
      <c r="L40830" t="s">
        <v>82</v>
      </c>
      <c r="M40830" t="s">
        <v>83</v>
      </c>
      <c r="N40830" t="s">
        <v>84</v>
      </c>
      <c r="O40830" t="s">
        <v>85</v>
      </c>
      <c r="P40830" t="s">
        <v>86</v>
      </c>
      <c r="Q40830">
        <v>3</v>
      </c>
      <c r="R40830">
        <v>3</v>
      </c>
      <c r="S40830">
        <v>3</v>
      </c>
      <c r="T40830">
        <v>3</v>
      </c>
      <c r="U40830">
        <v>3</v>
      </c>
      <c r="V40830">
        <v>3</v>
      </c>
      <c r="W40830">
        <v>3</v>
      </c>
      <c r="X40830">
        <v>3</v>
      </c>
      <c r="Y40830">
        <v>3</v>
      </c>
      <c r="Z40830">
        <v>3</v>
      </c>
      <c r="AA40830">
        <v>3</v>
      </c>
      <c r="AB40830">
        <v>3</v>
      </c>
      <c r="AC40830">
        <v>4</v>
      </c>
      <c r="AD40830">
        <v>4</v>
      </c>
      <c r="AE40830">
        <v>4</v>
      </c>
      <c r="AF40830">
        <v>4</v>
      </c>
      <c r="AG40830">
        <v>4</v>
      </c>
      <c r="AH40830">
        <v>4</v>
      </c>
      <c r="AI40830">
        <v>4</v>
      </c>
      <c r="AJ40830">
        <v>4</v>
      </c>
      <c r="AK40830">
        <v>4</v>
      </c>
      <c r="AL40830">
        <v>4</v>
      </c>
      <c r="AM40830">
        <v>4</v>
      </c>
      <c r="AN40830">
        <v>4</v>
      </c>
      <c r="AO40830">
        <v>4</v>
      </c>
      <c r="AP40830">
        <v>4</v>
      </c>
      <c r="AQ40830">
        <v>5</v>
      </c>
    </row>
    <row r="40831" spans="1:43">
      <c r="A40831" t="s">
        <v>25209</v>
      </c>
      <c r="B40831" t="s">
        <v>25210</v>
      </c>
      <c r="C40831" t="s">
        <v>5588</v>
      </c>
      <c r="D40831" t="s">
        <v>5589</v>
      </c>
      <c r="E40831" t="s">
        <v>5426</v>
      </c>
      <c r="F40831" t="s">
        <v>5427</v>
      </c>
      <c r="G40831" t="s">
        <v>80</v>
      </c>
      <c r="H40831" t="s">
        <v>81</v>
      </c>
      <c r="I40831" s="2">
        <v>0</v>
      </c>
      <c r="J40831" s="2">
        <v>1</v>
      </c>
      <c r="K40831" s="2">
        <v>0</v>
      </c>
      <c r="L40831" t="s">
        <v>82</v>
      </c>
      <c r="M40831" t="s">
        <v>87</v>
      </c>
      <c r="N40831" t="s">
        <v>88</v>
      </c>
      <c r="O40831" t="s">
        <v>85</v>
      </c>
      <c r="P40831" t="s">
        <v>86</v>
      </c>
      <c r="Q40831">
        <v>3</v>
      </c>
      <c r="R40831">
        <v>3</v>
      </c>
      <c r="S40831">
        <v>3</v>
      </c>
      <c r="T40831">
        <v>3</v>
      </c>
      <c r="U40831">
        <v>3</v>
      </c>
      <c r="V40831">
        <v>3</v>
      </c>
      <c r="W40831">
        <v>3</v>
      </c>
      <c r="X40831">
        <v>3</v>
      </c>
      <c r="Y40831">
        <v>3</v>
      </c>
      <c r="Z40831">
        <v>3</v>
      </c>
      <c r="AA40831">
        <v>3</v>
      </c>
      <c r="AB40831">
        <v>3</v>
      </c>
      <c r="AC40831">
        <v>3</v>
      </c>
      <c r="AD40831">
        <v>3</v>
      </c>
      <c r="AE40831">
        <v>3</v>
      </c>
      <c r="AF40831">
        <v>3</v>
      </c>
      <c r="AG40831">
        <v>3</v>
      </c>
      <c r="AH40831">
        <v>3</v>
      </c>
      <c r="AI40831">
        <v>3</v>
      </c>
      <c r="AJ40831">
        <v>4</v>
      </c>
      <c r="AK40831">
        <v>4</v>
      </c>
      <c r="AL40831">
        <v>4</v>
      </c>
      <c r="AM40831">
        <v>4</v>
      </c>
      <c r="AN40831">
        <v>4</v>
      </c>
      <c r="AO40831">
        <v>4</v>
      </c>
      <c r="AP40831">
        <v>4</v>
      </c>
      <c r="AQ40831">
        <v>4</v>
      </c>
    </row>
    <row r="40832" spans="1:43">
      <c r="A40832" t="s">
        <v>25209</v>
      </c>
      <c r="B40832" t="s">
        <v>25210</v>
      </c>
      <c r="C40832" t="s">
        <v>5588</v>
      </c>
      <c r="D40832" t="s">
        <v>5589</v>
      </c>
      <c r="E40832" t="s">
        <v>5426</v>
      </c>
      <c r="F40832" t="s">
        <v>5427</v>
      </c>
      <c r="G40832" t="s">
        <v>80</v>
      </c>
      <c r="H40832" t="s">
        <v>81</v>
      </c>
      <c r="I40832" s="2">
        <v>0</v>
      </c>
      <c r="J40832" s="2">
        <v>1</v>
      </c>
      <c r="K40832" s="2">
        <v>0</v>
      </c>
      <c r="L40832" t="s">
        <v>82</v>
      </c>
      <c r="M40832" t="s">
        <v>89</v>
      </c>
      <c r="N40832" t="s">
        <v>90</v>
      </c>
      <c r="O40832" t="s">
        <v>85</v>
      </c>
      <c r="P40832" t="s">
        <v>86</v>
      </c>
      <c r="Q40832">
        <v>3</v>
      </c>
      <c r="R40832">
        <v>3</v>
      </c>
      <c r="S40832">
        <v>3</v>
      </c>
      <c r="T40832">
        <v>3</v>
      </c>
      <c r="U40832">
        <v>3</v>
      </c>
      <c r="V40832">
        <v>3</v>
      </c>
      <c r="W40832">
        <v>3</v>
      </c>
      <c r="X40832">
        <v>3</v>
      </c>
      <c r="Y40832">
        <v>3</v>
      </c>
      <c r="Z40832">
        <v>4</v>
      </c>
      <c r="AA40832">
        <v>4</v>
      </c>
      <c r="AB40832">
        <v>4</v>
      </c>
      <c r="AC40832">
        <v>4</v>
      </c>
      <c r="AD40832">
        <v>4</v>
      </c>
      <c r="AE40832">
        <v>4</v>
      </c>
      <c r="AF40832">
        <v>4</v>
      </c>
      <c r="AG40832">
        <v>4</v>
      </c>
      <c r="AH40832">
        <v>4</v>
      </c>
      <c r="AI40832">
        <v>4</v>
      </c>
      <c r="AJ40832">
        <v>4</v>
      </c>
      <c r="AK40832">
        <v>4</v>
      </c>
      <c r="AL40832">
        <v>4</v>
      </c>
      <c r="AM40832">
        <v>4</v>
      </c>
      <c r="AN40832">
        <v>4</v>
      </c>
      <c r="AO40832">
        <v>4</v>
      </c>
      <c r="AP40832">
        <v>4</v>
      </c>
      <c r="AQ40832">
        <v>5</v>
      </c>
    </row>
    <row r="40833" spans="1:43">
      <c r="A40833" t="s">
        <v>25209</v>
      </c>
      <c r="B40833" t="s">
        <v>25210</v>
      </c>
      <c r="C40833" t="s">
        <v>5588</v>
      </c>
      <c r="D40833" t="s">
        <v>5589</v>
      </c>
      <c r="E40833" t="s">
        <v>5426</v>
      </c>
      <c r="F40833" t="s">
        <v>5427</v>
      </c>
      <c r="G40833" t="s">
        <v>80</v>
      </c>
      <c r="H40833" t="s">
        <v>81</v>
      </c>
      <c r="I40833" s="2">
        <v>0</v>
      </c>
      <c r="J40833" s="2">
        <v>1</v>
      </c>
      <c r="K40833" s="2">
        <v>0</v>
      </c>
      <c r="L40833" t="s">
        <v>82</v>
      </c>
      <c r="M40833" t="s">
        <v>83</v>
      </c>
      <c r="N40833" t="s">
        <v>91</v>
      </c>
      <c r="O40833" t="s">
        <v>85</v>
      </c>
      <c r="P40833" t="s">
        <v>86</v>
      </c>
      <c r="Q40833">
        <v>3</v>
      </c>
      <c r="R40833">
        <v>3</v>
      </c>
      <c r="S40833">
        <v>3</v>
      </c>
      <c r="T40833">
        <v>3</v>
      </c>
      <c r="U40833">
        <v>3</v>
      </c>
      <c r="V40833">
        <v>3</v>
      </c>
      <c r="W40833">
        <v>3</v>
      </c>
      <c r="X40833">
        <v>3</v>
      </c>
      <c r="Y40833">
        <v>3</v>
      </c>
      <c r="Z40833">
        <v>3</v>
      </c>
      <c r="AA40833">
        <v>3</v>
      </c>
      <c r="AB40833">
        <v>3</v>
      </c>
      <c r="AC40833">
        <v>4</v>
      </c>
      <c r="AD40833">
        <v>4</v>
      </c>
      <c r="AE40833">
        <v>4</v>
      </c>
      <c r="AF40833">
        <v>4</v>
      </c>
      <c r="AG40833">
        <v>4</v>
      </c>
      <c r="AH40833">
        <v>4</v>
      </c>
      <c r="AI40833">
        <v>4</v>
      </c>
      <c r="AJ40833">
        <v>4</v>
      </c>
      <c r="AK40833">
        <v>4</v>
      </c>
      <c r="AL40833">
        <v>4</v>
      </c>
      <c r="AM40833">
        <v>4</v>
      </c>
      <c r="AN40833">
        <v>4</v>
      </c>
      <c r="AO40833">
        <v>4</v>
      </c>
      <c r="AP40833">
        <v>4</v>
      </c>
      <c r="AQ40833">
        <v>5</v>
      </c>
    </row>
    <row r="40834" spans="1:43">
      <c r="A40834" t="s">
        <v>25211</v>
      </c>
      <c r="B40834" t="s">
        <v>25212</v>
      </c>
      <c r="C40834" t="s">
        <v>5588</v>
      </c>
      <c r="D40834" t="s">
        <v>5589</v>
      </c>
      <c r="E40834" t="s">
        <v>5426</v>
      </c>
      <c r="F40834" t="s">
        <v>5427</v>
      </c>
      <c r="G40834" t="s">
        <v>80</v>
      </c>
      <c r="H40834" t="s">
        <v>81</v>
      </c>
      <c r="I40834" s="2">
        <v>0</v>
      </c>
      <c r="J40834" s="2">
        <v>1</v>
      </c>
      <c r="K40834" s="2">
        <v>0</v>
      </c>
      <c r="L40834" t="s">
        <v>82</v>
      </c>
      <c r="M40834" t="s">
        <v>83</v>
      </c>
      <c r="N40834" t="s">
        <v>84</v>
      </c>
      <c r="O40834" t="s">
        <v>85</v>
      </c>
      <c r="P40834" t="s">
        <v>86</v>
      </c>
      <c r="Q40834">
        <v>41</v>
      </c>
      <c r="R40834">
        <v>42</v>
      </c>
      <c r="S40834">
        <v>42</v>
      </c>
      <c r="T40834">
        <v>43</v>
      </c>
      <c r="U40834">
        <v>44</v>
      </c>
      <c r="V40834">
        <v>44</v>
      </c>
      <c r="W40834">
        <v>45</v>
      </c>
      <c r="X40834">
        <v>45</v>
      </c>
      <c r="Y40834">
        <v>46</v>
      </c>
      <c r="Z40834">
        <v>46</v>
      </c>
      <c r="AA40834">
        <v>47</v>
      </c>
      <c r="AB40834">
        <v>47</v>
      </c>
      <c r="AC40834">
        <v>48</v>
      </c>
      <c r="AD40834">
        <v>48</v>
      </c>
      <c r="AE40834">
        <v>49</v>
      </c>
      <c r="AF40834">
        <v>49</v>
      </c>
      <c r="AG40834">
        <v>50</v>
      </c>
      <c r="AH40834">
        <v>50</v>
      </c>
      <c r="AI40834">
        <v>51</v>
      </c>
      <c r="AJ40834">
        <v>51</v>
      </c>
      <c r="AK40834">
        <v>52</v>
      </c>
      <c r="AL40834">
        <v>52</v>
      </c>
      <c r="AM40834">
        <v>52</v>
      </c>
      <c r="AN40834">
        <v>52</v>
      </c>
      <c r="AO40834">
        <v>52</v>
      </c>
      <c r="AP40834">
        <v>52</v>
      </c>
      <c r="AQ40834">
        <v>52</v>
      </c>
    </row>
    <row r="40835" spans="1:43">
      <c r="A40835" t="s">
        <v>25211</v>
      </c>
      <c r="B40835" t="s">
        <v>25212</v>
      </c>
      <c r="C40835" t="s">
        <v>5588</v>
      </c>
      <c r="D40835" t="s">
        <v>5589</v>
      </c>
      <c r="E40835" t="s">
        <v>5426</v>
      </c>
      <c r="F40835" t="s">
        <v>5427</v>
      </c>
      <c r="G40835" t="s">
        <v>80</v>
      </c>
      <c r="H40835" t="s">
        <v>81</v>
      </c>
      <c r="I40835" s="2">
        <v>0</v>
      </c>
      <c r="J40835" s="2">
        <v>1</v>
      </c>
      <c r="K40835" s="2">
        <v>0</v>
      </c>
      <c r="L40835" t="s">
        <v>82</v>
      </c>
      <c r="M40835" t="s">
        <v>87</v>
      </c>
      <c r="N40835" t="s">
        <v>88</v>
      </c>
      <c r="O40835" t="s">
        <v>85</v>
      </c>
      <c r="P40835" t="s">
        <v>86</v>
      </c>
      <c r="Q40835">
        <v>41</v>
      </c>
      <c r="R40835">
        <v>41</v>
      </c>
      <c r="S40835">
        <v>41</v>
      </c>
      <c r="T40835">
        <v>41</v>
      </c>
      <c r="U40835">
        <v>42</v>
      </c>
      <c r="V40835">
        <v>42</v>
      </c>
      <c r="W40835">
        <v>42</v>
      </c>
      <c r="X40835">
        <v>42</v>
      </c>
      <c r="Y40835">
        <v>42</v>
      </c>
      <c r="Z40835">
        <v>42</v>
      </c>
      <c r="AA40835">
        <v>43</v>
      </c>
      <c r="AB40835">
        <v>43</v>
      </c>
      <c r="AC40835">
        <v>43</v>
      </c>
      <c r="AD40835">
        <v>43</v>
      </c>
      <c r="AE40835">
        <v>43</v>
      </c>
      <c r="AF40835">
        <v>43</v>
      </c>
      <c r="AG40835">
        <v>43</v>
      </c>
      <c r="AH40835">
        <v>44</v>
      </c>
      <c r="AI40835">
        <v>44</v>
      </c>
      <c r="AJ40835">
        <v>44</v>
      </c>
      <c r="AK40835">
        <v>44</v>
      </c>
      <c r="AL40835">
        <v>44</v>
      </c>
      <c r="AM40835">
        <v>44</v>
      </c>
      <c r="AN40835">
        <v>44</v>
      </c>
      <c r="AO40835">
        <v>45</v>
      </c>
      <c r="AP40835">
        <v>45</v>
      </c>
      <c r="AQ40835">
        <v>45</v>
      </c>
    </row>
    <row r="40836" spans="1:43">
      <c r="A40836" t="s">
        <v>25211</v>
      </c>
      <c r="B40836" t="s">
        <v>25212</v>
      </c>
      <c r="C40836" t="s">
        <v>5588</v>
      </c>
      <c r="D40836" t="s">
        <v>5589</v>
      </c>
      <c r="E40836" t="s">
        <v>5426</v>
      </c>
      <c r="F40836" t="s">
        <v>5427</v>
      </c>
      <c r="G40836" t="s">
        <v>80</v>
      </c>
      <c r="H40836" t="s">
        <v>81</v>
      </c>
      <c r="I40836" s="2">
        <v>0</v>
      </c>
      <c r="J40836" s="2">
        <v>1</v>
      </c>
      <c r="K40836" s="2">
        <v>0</v>
      </c>
      <c r="L40836" t="s">
        <v>82</v>
      </c>
      <c r="M40836" t="s">
        <v>89</v>
      </c>
      <c r="N40836" t="s">
        <v>90</v>
      </c>
      <c r="O40836" t="s">
        <v>85</v>
      </c>
      <c r="P40836" t="s">
        <v>86</v>
      </c>
      <c r="Q40836">
        <v>41</v>
      </c>
      <c r="R40836">
        <v>42</v>
      </c>
      <c r="S40836">
        <v>43</v>
      </c>
      <c r="T40836">
        <v>43</v>
      </c>
      <c r="U40836">
        <v>44</v>
      </c>
      <c r="V40836">
        <v>45</v>
      </c>
      <c r="W40836">
        <v>46</v>
      </c>
      <c r="X40836">
        <v>47</v>
      </c>
      <c r="Y40836">
        <v>47</v>
      </c>
      <c r="Z40836">
        <v>48</v>
      </c>
      <c r="AA40836">
        <v>49</v>
      </c>
      <c r="AB40836">
        <v>49</v>
      </c>
      <c r="AC40836">
        <v>50</v>
      </c>
      <c r="AD40836">
        <v>51</v>
      </c>
      <c r="AE40836">
        <v>51</v>
      </c>
      <c r="AF40836">
        <v>51</v>
      </c>
      <c r="AG40836">
        <v>51</v>
      </c>
      <c r="AH40836">
        <v>51</v>
      </c>
      <c r="AI40836">
        <v>51</v>
      </c>
      <c r="AJ40836">
        <v>51</v>
      </c>
      <c r="AK40836">
        <v>51</v>
      </c>
      <c r="AL40836">
        <v>51</v>
      </c>
      <c r="AM40836">
        <v>51</v>
      </c>
      <c r="AN40836">
        <v>51</v>
      </c>
      <c r="AO40836">
        <v>51</v>
      </c>
      <c r="AP40836">
        <v>51</v>
      </c>
      <c r="AQ40836">
        <v>51</v>
      </c>
    </row>
    <row r="40837" spans="1:43">
      <c r="A40837" t="s">
        <v>25211</v>
      </c>
      <c r="B40837" t="s">
        <v>25212</v>
      </c>
      <c r="C40837" t="s">
        <v>5588</v>
      </c>
      <c r="D40837" t="s">
        <v>5589</v>
      </c>
      <c r="E40837" t="s">
        <v>5426</v>
      </c>
      <c r="F40837" t="s">
        <v>5427</v>
      </c>
      <c r="G40837" t="s">
        <v>80</v>
      </c>
      <c r="H40837" t="s">
        <v>81</v>
      </c>
      <c r="I40837" s="2">
        <v>0</v>
      </c>
      <c r="J40837" s="2">
        <v>1</v>
      </c>
      <c r="K40837" s="2">
        <v>0</v>
      </c>
      <c r="L40837" t="s">
        <v>82</v>
      </c>
      <c r="M40837" t="s">
        <v>83</v>
      </c>
      <c r="N40837" t="s">
        <v>91</v>
      </c>
      <c r="O40837" t="s">
        <v>85</v>
      </c>
      <c r="P40837" t="s">
        <v>86</v>
      </c>
      <c r="Q40837">
        <v>41</v>
      </c>
      <c r="R40837">
        <v>42</v>
      </c>
      <c r="S40837">
        <v>42</v>
      </c>
      <c r="T40837">
        <v>43</v>
      </c>
      <c r="U40837">
        <v>44</v>
      </c>
      <c r="V40837">
        <v>44</v>
      </c>
      <c r="W40837">
        <v>45</v>
      </c>
      <c r="X40837">
        <v>45</v>
      </c>
      <c r="Y40837">
        <v>46</v>
      </c>
      <c r="Z40837">
        <v>46</v>
      </c>
      <c r="AA40837">
        <v>47</v>
      </c>
      <c r="AB40837">
        <v>47</v>
      </c>
      <c r="AC40837">
        <v>48</v>
      </c>
      <c r="AD40837">
        <v>48</v>
      </c>
      <c r="AE40837">
        <v>49</v>
      </c>
      <c r="AF40837">
        <v>49</v>
      </c>
      <c r="AG40837">
        <v>50</v>
      </c>
      <c r="AH40837">
        <v>50</v>
      </c>
      <c r="AI40837">
        <v>51</v>
      </c>
      <c r="AJ40837">
        <v>51</v>
      </c>
      <c r="AK40837">
        <v>52</v>
      </c>
      <c r="AL40837">
        <v>52</v>
      </c>
      <c r="AM40837">
        <v>52</v>
      </c>
      <c r="AN40837">
        <v>52</v>
      </c>
      <c r="AO40837">
        <v>52</v>
      </c>
      <c r="AP40837">
        <v>52</v>
      </c>
      <c r="AQ40837">
        <v>52</v>
      </c>
    </row>
    <row r="40838" spans="1:43">
      <c r="A40838" t="s">
        <v>25213</v>
      </c>
      <c r="B40838" t="s">
        <v>25214</v>
      </c>
      <c r="C40838" t="s">
        <v>5460</v>
      </c>
      <c r="D40838" t="s">
        <v>5461</v>
      </c>
      <c r="E40838" t="s">
        <v>5426</v>
      </c>
      <c r="F40838" t="s">
        <v>5427</v>
      </c>
      <c r="G40838" t="s">
        <v>80</v>
      </c>
      <c r="H40838" t="s">
        <v>81</v>
      </c>
      <c r="I40838" s="2">
        <v>0</v>
      </c>
      <c r="J40838" s="2">
        <v>1</v>
      </c>
      <c r="K40838" s="2">
        <v>0</v>
      </c>
      <c r="L40838" t="s">
        <v>82</v>
      </c>
      <c r="M40838" t="s">
        <v>83</v>
      </c>
      <c r="N40838" t="s">
        <v>84</v>
      </c>
      <c r="O40838" t="s">
        <v>85</v>
      </c>
      <c r="P40838" t="s">
        <v>86</v>
      </c>
      <c r="Q40838">
        <v>262</v>
      </c>
      <c r="R40838">
        <v>268</v>
      </c>
      <c r="S40838">
        <v>275</v>
      </c>
      <c r="T40838">
        <v>282</v>
      </c>
      <c r="U40838">
        <v>289</v>
      </c>
      <c r="V40838">
        <v>296</v>
      </c>
      <c r="W40838">
        <v>303</v>
      </c>
      <c r="X40838">
        <v>311</v>
      </c>
      <c r="Y40838">
        <v>318</v>
      </c>
      <c r="Z40838">
        <v>326</v>
      </c>
      <c r="AA40838">
        <v>333</v>
      </c>
      <c r="AB40838">
        <v>341</v>
      </c>
      <c r="AC40838">
        <v>349</v>
      </c>
      <c r="AD40838">
        <v>357</v>
      </c>
      <c r="AE40838">
        <v>365</v>
      </c>
      <c r="AF40838">
        <v>373</v>
      </c>
      <c r="AG40838">
        <v>382</v>
      </c>
      <c r="AH40838">
        <v>390</v>
      </c>
      <c r="AI40838">
        <v>399</v>
      </c>
      <c r="AJ40838">
        <v>407</v>
      </c>
      <c r="AK40838">
        <v>416</v>
      </c>
      <c r="AL40838">
        <v>422</v>
      </c>
      <c r="AM40838">
        <v>426</v>
      </c>
      <c r="AN40838">
        <v>431</v>
      </c>
      <c r="AO40838">
        <v>435</v>
      </c>
      <c r="AP40838">
        <v>440</v>
      </c>
      <c r="AQ40838">
        <v>444</v>
      </c>
    </row>
    <row r="40839" spans="1:43">
      <c r="A40839" t="s">
        <v>25213</v>
      </c>
      <c r="B40839" t="s">
        <v>25214</v>
      </c>
      <c r="C40839" t="s">
        <v>5460</v>
      </c>
      <c r="D40839" t="s">
        <v>5461</v>
      </c>
      <c r="E40839" t="s">
        <v>5426</v>
      </c>
      <c r="F40839" t="s">
        <v>5427</v>
      </c>
      <c r="G40839" t="s">
        <v>80</v>
      </c>
      <c r="H40839" t="s">
        <v>81</v>
      </c>
      <c r="I40839" s="2">
        <v>0</v>
      </c>
      <c r="J40839" s="2">
        <v>1</v>
      </c>
      <c r="K40839" s="2">
        <v>0</v>
      </c>
      <c r="L40839" t="s">
        <v>82</v>
      </c>
      <c r="M40839" t="s">
        <v>87</v>
      </c>
      <c r="N40839" t="s">
        <v>88</v>
      </c>
      <c r="O40839" t="s">
        <v>85</v>
      </c>
      <c r="P40839" t="s">
        <v>86</v>
      </c>
      <c r="Q40839">
        <v>262</v>
      </c>
      <c r="R40839">
        <v>266</v>
      </c>
      <c r="S40839">
        <v>271</v>
      </c>
      <c r="T40839">
        <v>275</v>
      </c>
      <c r="U40839">
        <v>279</v>
      </c>
      <c r="V40839">
        <v>284</v>
      </c>
      <c r="W40839">
        <v>288</v>
      </c>
      <c r="X40839">
        <v>293</v>
      </c>
      <c r="Y40839">
        <v>297</v>
      </c>
      <c r="Z40839">
        <v>302</v>
      </c>
      <c r="AA40839">
        <v>306</v>
      </c>
      <c r="AB40839">
        <v>311</v>
      </c>
      <c r="AC40839">
        <v>316</v>
      </c>
      <c r="AD40839">
        <v>321</v>
      </c>
      <c r="AE40839">
        <v>326</v>
      </c>
      <c r="AF40839">
        <v>330</v>
      </c>
      <c r="AG40839">
        <v>335</v>
      </c>
      <c r="AH40839">
        <v>340</v>
      </c>
      <c r="AI40839">
        <v>346</v>
      </c>
      <c r="AJ40839">
        <v>351</v>
      </c>
      <c r="AK40839">
        <v>356</v>
      </c>
      <c r="AL40839">
        <v>361</v>
      </c>
      <c r="AM40839">
        <v>366</v>
      </c>
      <c r="AN40839">
        <v>372</v>
      </c>
      <c r="AO40839">
        <v>377</v>
      </c>
      <c r="AP40839">
        <v>382</v>
      </c>
      <c r="AQ40839">
        <v>388</v>
      </c>
    </row>
    <row r="40840" spans="1:43">
      <c r="A40840" t="s">
        <v>25213</v>
      </c>
      <c r="B40840" t="s">
        <v>25214</v>
      </c>
      <c r="C40840" t="s">
        <v>5460</v>
      </c>
      <c r="D40840" t="s">
        <v>5461</v>
      </c>
      <c r="E40840" t="s">
        <v>5426</v>
      </c>
      <c r="F40840" t="s">
        <v>5427</v>
      </c>
      <c r="G40840" t="s">
        <v>80</v>
      </c>
      <c r="H40840" t="s">
        <v>81</v>
      </c>
      <c r="I40840" s="2">
        <v>0</v>
      </c>
      <c r="J40840" s="2">
        <v>1</v>
      </c>
      <c r="K40840" s="2">
        <v>0</v>
      </c>
      <c r="L40840" t="s">
        <v>82</v>
      </c>
      <c r="M40840" t="s">
        <v>89</v>
      </c>
      <c r="N40840" t="s">
        <v>90</v>
      </c>
      <c r="O40840" t="s">
        <v>85</v>
      </c>
      <c r="P40840" t="s">
        <v>86</v>
      </c>
      <c r="Q40840">
        <v>262</v>
      </c>
      <c r="R40840">
        <v>271</v>
      </c>
      <c r="S40840">
        <v>280</v>
      </c>
      <c r="T40840">
        <v>289</v>
      </c>
      <c r="U40840">
        <v>299</v>
      </c>
      <c r="V40840">
        <v>308</v>
      </c>
      <c r="W40840">
        <v>317</v>
      </c>
      <c r="X40840">
        <v>326</v>
      </c>
      <c r="Y40840">
        <v>336</v>
      </c>
      <c r="Z40840">
        <v>345</v>
      </c>
      <c r="AA40840">
        <v>354</v>
      </c>
      <c r="AB40840">
        <v>363</v>
      </c>
      <c r="AC40840">
        <v>373</v>
      </c>
      <c r="AD40840">
        <v>383</v>
      </c>
      <c r="AE40840">
        <v>391</v>
      </c>
      <c r="AF40840">
        <v>395</v>
      </c>
      <c r="AG40840">
        <v>399</v>
      </c>
      <c r="AH40840">
        <v>404</v>
      </c>
      <c r="AI40840">
        <v>408</v>
      </c>
      <c r="AJ40840">
        <v>413</v>
      </c>
      <c r="AK40840">
        <v>417</v>
      </c>
      <c r="AL40840">
        <v>422</v>
      </c>
      <c r="AM40840">
        <v>426</v>
      </c>
      <c r="AN40840">
        <v>431</v>
      </c>
      <c r="AO40840">
        <v>435</v>
      </c>
      <c r="AP40840">
        <v>439</v>
      </c>
      <c r="AQ40840">
        <v>444</v>
      </c>
    </row>
    <row r="40841" spans="1:43">
      <c r="A40841" t="s">
        <v>25213</v>
      </c>
      <c r="B40841" t="s">
        <v>25214</v>
      </c>
      <c r="C40841" t="s">
        <v>5460</v>
      </c>
      <c r="D40841" t="s">
        <v>5461</v>
      </c>
      <c r="E40841" t="s">
        <v>5426</v>
      </c>
      <c r="F40841" t="s">
        <v>5427</v>
      </c>
      <c r="G40841" t="s">
        <v>80</v>
      </c>
      <c r="H40841" t="s">
        <v>81</v>
      </c>
      <c r="I40841" s="2">
        <v>0</v>
      </c>
      <c r="J40841" s="2">
        <v>1</v>
      </c>
      <c r="K40841" s="2">
        <v>0</v>
      </c>
      <c r="L40841" t="s">
        <v>82</v>
      </c>
      <c r="M40841" t="s">
        <v>83</v>
      </c>
      <c r="N40841" t="s">
        <v>91</v>
      </c>
      <c r="O40841" t="s">
        <v>85</v>
      </c>
      <c r="P40841" t="s">
        <v>86</v>
      </c>
      <c r="Q40841">
        <v>262</v>
      </c>
      <c r="R40841">
        <v>268</v>
      </c>
      <c r="S40841">
        <v>275</v>
      </c>
      <c r="T40841">
        <v>282</v>
      </c>
      <c r="U40841">
        <v>289</v>
      </c>
      <c r="V40841">
        <v>296</v>
      </c>
      <c r="W40841">
        <v>303</v>
      </c>
      <c r="X40841">
        <v>311</v>
      </c>
      <c r="Y40841">
        <v>318</v>
      </c>
      <c r="Z40841">
        <v>326</v>
      </c>
      <c r="AA40841">
        <v>333</v>
      </c>
      <c r="AB40841">
        <v>341</v>
      </c>
      <c r="AC40841">
        <v>349</v>
      </c>
      <c r="AD40841">
        <v>357</v>
      </c>
      <c r="AE40841">
        <v>365</v>
      </c>
      <c r="AF40841">
        <v>373</v>
      </c>
      <c r="AG40841">
        <v>382</v>
      </c>
      <c r="AH40841">
        <v>390</v>
      </c>
      <c r="AI40841">
        <v>399</v>
      </c>
      <c r="AJ40841">
        <v>407</v>
      </c>
      <c r="AK40841">
        <v>416</v>
      </c>
      <c r="AL40841">
        <v>422</v>
      </c>
      <c r="AM40841">
        <v>426</v>
      </c>
      <c r="AN40841">
        <v>431</v>
      </c>
      <c r="AO40841">
        <v>435</v>
      </c>
      <c r="AP40841">
        <v>440</v>
      </c>
      <c r="AQ40841">
        <v>444</v>
      </c>
    </row>
    <row r="40842" spans="1:43">
      <c r="A40842" t="s">
        <v>25215</v>
      </c>
      <c r="B40842" t="s">
        <v>25216</v>
      </c>
      <c r="C40842" t="s">
        <v>5460</v>
      </c>
      <c r="D40842" t="s">
        <v>5461</v>
      </c>
      <c r="E40842" t="s">
        <v>5426</v>
      </c>
      <c r="F40842" t="s">
        <v>5427</v>
      </c>
      <c r="G40842" t="s">
        <v>80</v>
      </c>
      <c r="H40842" t="s">
        <v>81</v>
      </c>
      <c r="I40842" s="2">
        <v>0</v>
      </c>
      <c r="J40842" s="2">
        <v>1</v>
      </c>
      <c r="K40842" s="2">
        <v>0</v>
      </c>
      <c r="L40842" t="s">
        <v>82</v>
      </c>
      <c r="M40842" t="s">
        <v>83</v>
      </c>
      <c r="N40842" t="s">
        <v>84</v>
      </c>
      <c r="O40842" t="s">
        <v>85</v>
      </c>
      <c r="P40842" t="s">
        <v>86</v>
      </c>
      <c r="Q40842">
        <v>237</v>
      </c>
      <c r="R40842">
        <v>243</v>
      </c>
      <c r="S40842">
        <v>249</v>
      </c>
      <c r="T40842">
        <v>255</v>
      </c>
      <c r="U40842">
        <v>262</v>
      </c>
      <c r="V40842">
        <v>268</v>
      </c>
      <c r="W40842">
        <v>275</v>
      </c>
      <c r="X40842">
        <v>282</v>
      </c>
      <c r="Y40842">
        <v>288</v>
      </c>
      <c r="Z40842">
        <v>295</v>
      </c>
      <c r="AA40842">
        <v>302</v>
      </c>
      <c r="AB40842">
        <v>309</v>
      </c>
      <c r="AC40842">
        <v>316</v>
      </c>
      <c r="AD40842">
        <v>323</v>
      </c>
      <c r="AE40842">
        <v>331</v>
      </c>
      <c r="AF40842">
        <v>338</v>
      </c>
      <c r="AG40842">
        <v>346</v>
      </c>
      <c r="AH40842">
        <v>353</v>
      </c>
      <c r="AI40842">
        <v>361</v>
      </c>
      <c r="AJ40842">
        <v>369</v>
      </c>
      <c r="AK40842">
        <v>377</v>
      </c>
      <c r="AL40842">
        <v>382</v>
      </c>
      <c r="AM40842">
        <v>386</v>
      </c>
      <c r="AN40842">
        <v>390</v>
      </c>
      <c r="AO40842">
        <v>394</v>
      </c>
      <c r="AP40842">
        <v>398</v>
      </c>
      <c r="AQ40842">
        <v>402</v>
      </c>
    </row>
    <row r="40843" spans="1:43">
      <c r="A40843" t="s">
        <v>25215</v>
      </c>
      <c r="B40843" t="s">
        <v>25216</v>
      </c>
      <c r="C40843" t="s">
        <v>5460</v>
      </c>
      <c r="D40843" t="s">
        <v>5461</v>
      </c>
      <c r="E40843" t="s">
        <v>5426</v>
      </c>
      <c r="F40843" t="s">
        <v>5427</v>
      </c>
      <c r="G40843" t="s">
        <v>80</v>
      </c>
      <c r="H40843" t="s">
        <v>81</v>
      </c>
      <c r="I40843" s="2">
        <v>0</v>
      </c>
      <c r="J40843" s="2">
        <v>1</v>
      </c>
      <c r="K40843" s="2">
        <v>0</v>
      </c>
      <c r="L40843" t="s">
        <v>82</v>
      </c>
      <c r="M40843" t="s">
        <v>87</v>
      </c>
      <c r="N40843" t="s">
        <v>88</v>
      </c>
      <c r="O40843" t="s">
        <v>85</v>
      </c>
      <c r="P40843" t="s">
        <v>86</v>
      </c>
      <c r="Q40843">
        <v>237</v>
      </c>
      <c r="R40843">
        <v>241</v>
      </c>
      <c r="S40843">
        <v>244</v>
      </c>
      <c r="T40843">
        <v>248</v>
      </c>
      <c r="U40843">
        <v>252</v>
      </c>
      <c r="V40843">
        <v>256</v>
      </c>
      <c r="W40843">
        <v>260</v>
      </c>
      <c r="X40843">
        <v>264</v>
      </c>
      <c r="Y40843">
        <v>269</v>
      </c>
      <c r="Z40843">
        <v>273</v>
      </c>
      <c r="AA40843">
        <v>277</v>
      </c>
      <c r="AB40843">
        <v>281</v>
      </c>
      <c r="AC40843">
        <v>286</v>
      </c>
      <c r="AD40843">
        <v>290</v>
      </c>
      <c r="AE40843">
        <v>294</v>
      </c>
      <c r="AF40843">
        <v>299</v>
      </c>
      <c r="AG40843">
        <v>303</v>
      </c>
      <c r="AH40843">
        <v>308</v>
      </c>
      <c r="AI40843">
        <v>313</v>
      </c>
      <c r="AJ40843">
        <v>317</v>
      </c>
      <c r="AK40843">
        <v>322</v>
      </c>
      <c r="AL40843">
        <v>327</v>
      </c>
      <c r="AM40843">
        <v>331</v>
      </c>
      <c r="AN40843">
        <v>336</v>
      </c>
      <c r="AO40843">
        <v>341</v>
      </c>
      <c r="AP40843">
        <v>346</v>
      </c>
      <c r="AQ40843">
        <v>351</v>
      </c>
    </row>
    <row r="40844" spans="1:43">
      <c r="A40844" t="s">
        <v>25215</v>
      </c>
      <c r="B40844" t="s">
        <v>25216</v>
      </c>
      <c r="C40844" t="s">
        <v>5460</v>
      </c>
      <c r="D40844" t="s">
        <v>5461</v>
      </c>
      <c r="E40844" t="s">
        <v>5426</v>
      </c>
      <c r="F40844" t="s">
        <v>5427</v>
      </c>
      <c r="G40844" t="s">
        <v>80</v>
      </c>
      <c r="H40844" t="s">
        <v>81</v>
      </c>
      <c r="I40844" s="2">
        <v>0</v>
      </c>
      <c r="J40844" s="2">
        <v>1</v>
      </c>
      <c r="K40844" s="2">
        <v>0</v>
      </c>
      <c r="L40844" t="s">
        <v>82</v>
      </c>
      <c r="M40844" t="s">
        <v>89</v>
      </c>
      <c r="N40844" t="s">
        <v>90</v>
      </c>
      <c r="O40844" t="s">
        <v>85</v>
      </c>
      <c r="P40844" t="s">
        <v>86</v>
      </c>
      <c r="Q40844">
        <v>237</v>
      </c>
      <c r="R40844">
        <v>245</v>
      </c>
      <c r="S40844">
        <v>254</v>
      </c>
      <c r="T40844">
        <v>262</v>
      </c>
      <c r="U40844">
        <v>270</v>
      </c>
      <c r="V40844">
        <v>279</v>
      </c>
      <c r="W40844">
        <v>287</v>
      </c>
      <c r="X40844">
        <v>295</v>
      </c>
      <c r="Y40844">
        <v>304</v>
      </c>
      <c r="Z40844">
        <v>312</v>
      </c>
      <c r="AA40844">
        <v>320</v>
      </c>
      <c r="AB40844">
        <v>329</v>
      </c>
      <c r="AC40844">
        <v>338</v>
      </c>
      <c r="AD40844">
        <v>347</v>
      </c>
      <c r="AE40844">
        <v>353</v>
      </c>
      <c r="AF40844">
        <v>357</v>
      </c>
      <c r="AG40844">
        <v>361</v>
      </c>
      <c r="AH40844">
        <v>365</v>
      </c>
      <c r="AI40844">
        <v>369</v>
      </c>
      <c r="AJ40844">
        <v>373</v>
      </c>
      <c r="AK40844">
        <v>378</v>
      </c>
      <c r="AL40844">
        <v>382</v>
      </c>
      <c r="AM40844">
        <v>386</v>
      </c>
      <c r="AN40844">
        <v>390</v>
      </c>
      <c r="AO40844">
        <v>394</v>
      </c>
      <c r="AP40844">
        <v>398</v>
      </c>
      <c r="AQ40844">
        <v>402</v>
      </c>
    </row>
    <row r="40845" spans="1:43">
      <c r="A40845" t="s">
        <v>25215</v>
      </c>
      <c r="B40845" t="s">
        <v>25216</v>
      </c>
      <c r="C40845" t="s">
        <v>5460</v>
      </c>
      <c r="D40845" t="s">
        <v>5461</v>
      </c>
      <c r="E40845" t="s">
        <v>5426</v>
      </c>
      <c r="F40845" t="s">
        <v>5427</v>
      </c>
      <c r="G40845" t="s">
        <v>80</v>
      </c>
      <c r="H40845" t="s">
        <v>81</v>
      </c>
      <c r="I40845" s="2">
        <v>0</v>
      </c>
      <c r="J40845" s="2">
        <v>1</v>
      </c>
      <c r="K40845" s="2">
        <v>0</v>
      </c>
      <c r="L40845" t="s">
        <v>82</v>
      </c>
      <c r="M40845" t="s">
        <v>83</v>
      </c>
      <c r="N40845" t="s">
        <v>91</v>
      </c>
      <c r="O40845" t="s">
        <v>85</v>
      </c>
      <c r="P40845" t="s">
        <v>86</v>
      </c>
      <c r="Q40845">
        <v>237</v>
      </c>
      <c r="R40845">
        <v>243</v>
      </c>
      <c r="S40845">
        <v>249</v>
      </c>
      <c r="T40845">
        <v>255</v>
      </c>
      <c r="U40845">
        <v>262</v>
      </c>
      <c r="V40845">
        <v>268</v>
      </c>
      <c r="W40845">
        <v>275</v>
      </c>
      <c r="X40845">
        <v>282</v>
      </c>
      <c r="Y40845">
        <v>288</v>
      </c>
      <c r="Z40845">
        <v>295</v>
      </c>
      <c r="AA40845">
        <v>302</v>
      </c>
      <c r="AB40845">
        <v>309</v>
      </c>
      <c r="AC40845">
        <v>316</v>
      </c>
      <c r="AD40845">
        <v>323</v>
      </c>
      <c r="AE40845">
        <v>331</v>
      </c>
      <c r="AF40845">
        <v>338</v>
      </c>
      <c r="AG40845">
        <v>346</v>
      </c>
      <c r="AH40845">
        <v>353</v>
      </c>
      <c r="AI40845">
        <v>361</v>
      </c>
      <c r="AJ40845">
        <v>369</v>
      </c>
      <c r="AK40845">
        <v>377</v>
      </c>
      <c r="AL40845">
        <v>382</v>
      </c>
      <c r="AM40845">
        <v>386</v>
      </c>
      <c r="AN40845">
        <v>390</v>
      </c>
      <c r="AO40845">
        <v>394</v>
      </c>
      <c r="AP40845">
        <v>398</v>
      </c>
      <c r="AQ40845">
        <v>402</v>
      </c>
    </row>
    <row r="40846" spans="1:43">
      <c r="A40846" t="s">
        <v>25217</v>
      </c>
      <c r="B40846" t="s">
        <v>25218</v>
      </c>
      <c r="C40846" t="s">
        <v>5588</v>
      </c>
      <c r="D40846" t="s">
        <v>5589</v>
      </c>
      <c r="E40846" t="s">
        <v>5426</v>
      </c>
      <c r="F40846" t="s">
        <v>5427</v>
      </c>
      <c r="G40846" t="s">
        <v>80</v>
      </c>
      <c r="H40846" t="s">
        <v>81</v>
      </c>
      <c r="I40846" s="2">
        <v>0</v>
      </c>
      <c r="J40846" s="2">
        <v>1</v>
      </c>
      <c r="K40846" s="2">
        <v>0</v>
      </c>
      <c r="L40846" t="s">
        <v>82</v>
      </c>
      <c r="M40846" t="s">
        <v>83</v>
      </c>
      <c r="N40846" t="s">
        <v>84</v>
      </c>
      <c r="O40846" t="s">
        <v>85</v>
      </c>
      <c r="P40846" t="s">
        <v>86</v>
      </c>
      <c r="Q40846">
        <v>170</v>
      </c>
      <c r="R40846">
        <v>174</v>
      </c>
      <c r="S40846">
        <v>179</v>
      </c>
      <c r="T40846">
        <v>183</v>
      </c>
      <c r="U40846">
        <v>187</v>
      </c>
      <c r="V40846">
        <v>192</v>
      </c>
      <c r="W40846">
        <v>197</v>
      </c>
      <c r="X40846">
        <v>201</v>
      </c>
      <c r="Y40846">
        <v>206</v>
      </c>
      <c r="Z40846">
        <v>211</v>
      </c>
      <c r="AA40846">
        <v>216</v>
      </c>
      <c r="AB40846">
        <v>220</v>
      </c>
      <c r="AC40846">
        <v>225</v>
      </c>
      <c r="AD40846">
        <v>230</v>
      </c>
      <c r="AE40846">
        <v>235</v>
      </c>
      <c r="AF40846">
        <v>240</v>
      </c>
      <c r="AG40846">
        <v>245</v>
      </c>
      <c r="AH40846">
        <v>251</v>
      </c>
      <c r="AI40846">
        <v>256</v>
      </c>
      <c r="AJ40846">
        <v>261</v>
      </c>
      <c r="AK40846">
        <v>267</v>
      </c>
      <c r="AL40846">
        <v>270</v>
      </c>
      <c r="AM40846">
        <v>273</v>
      </c>
      <c r="AN40846">
        <v>276</v>
      </c>
      <c r="AO40846">
        <v>279</v>
      </c>
      <c r="AP40846">
        <v>282</v>
      </c>
      <c r="AQ40846">
        <v>285</v>
      </c>
    </row>
    <row r="40847" spans="1:43">
      <c r="A40847" t="s">
        <v>25217</v>
      </c>
      <c r="B40847" t="s">
        <v>25218</v>
      </c>
      <c r="C40847" t="s">
        <v>5588</v>
      </c>
      <c r="D40847" t="s">
        <v>5589</v>
      </c>
      <c r="E40847" t="s">
        <v>5426</v>
      </c>
      <c r="F40847" t="s">
        <v>5427</v>
      </c>
      <c r="G40847" t="s">
        <v>80</v>
      </c>
      <c r="H40847" t="s">
        <v>81</v>
      </c>
      <c r="I40847" s="2">
        <v>0</v>
      </c>
      <c r="J40847" s="2">
        <v>1</v>
      </c>
      <c r="K40847" s="2">
        <v>0</v>
      </c>
      <c r="L40847" t="s">
        <v>82</v>
      </c>
      <c r="M40847" t="s">
        <v>87</v>
      </c>
      <c r="N40847" t="s">
        <v>88</v>
      </c>
      <c r="O40847" t="s">
        <v>85</v>
      </c>
      <c r="P40847" t="s">
        <v>86</v>
      </c>
      <c r="Q40847">
        <v>170</v>
      </c>
      <c r="R40847">
        <v>173</v>
      </c>
      <c r="S40847">
        <v>176</v>
      </c>
      <c r="T40847">
        <v>178</v>
      </c>
      <c r="U40847">
        <v>181</v>
      </c>
      <c r="V40847">
        <v>184</v>
      </c>
      <c r="W40847">
        <v>187</v>
      </c>
      <c r="X40847">
        <v>190</v>
      </c>
      <c r="Y40847">
        <v>192</v>
      </c>
      <c r="Z40847">
        <v>195</v>
      </c>
      <c r="AA40847">
        <v>198</v>
      </c>
      <c r="AB40847">
        <v>201</v>
      </c>
      <c r="AC40847">
        <v>204</v>
      </c>
      <c r="AD40847">
        <v>207</v>
      </c>
      <c r="AE40847">
        <v>210</v>
      </c>
      <c r="AF40847">
        <v>213</v>
      </c>
      <c r="AG40847">
        <v>216</v>
      </c>
      <c r="AH40847">
        <v>219</v>
      </c>
      <c r="AI40847">
        <v>222</v>
      </c>
      <c r="AJ40847">
        <v>226</v>
      </c>
      <c r="AK40847">
        <v>229</v>
      </c>
      <c r="AL40847">
        <v>232</v>
      </c>
      <c r="AM40847">
        <v>235</v>
      </c>
      <c r="AN40847">
        <v>239</v>
      </c>
      <c r="AO40847">
        <v>242</v>
      </c>
      <c r="AP40847">
        <v>245</v>
      </c>
      <c r="AQ40847">
        <v>249</v>
      </c>
    </row>
    <row r="40848" spans="1:43">
      <c r="A40848" t="s">
        <v>25217</v>
      </c>
      <c r="B40848" t="s">
        <v>25218</v>
      </c>
      <c r="C40848" t="s">
        <v>5588</v>
      </c>
      <c r="D40848" t="s">
        <v>5589</v>
      </c>
      <c r="E40848" t="s">
        <v>5426</v>
      </c>
      <c r="F40848" t="s">
        <v>5427</v>
      </c>
      <c r="G40848" t="s">
        <v>80</v>
      </c>
      <c r="H40848" t="s">
        <v>81</v>
      </c>
      <c r="I40848" s="2">
        <v>0</v>
      </c>
      <c r="J40848" s="2">
        <v>1</v>
      </c>
      <c r="K40848" s="2">
        <v>0</v>
      </c>
      <c r="L40848" t="s">
        <v>82</v>
      </c>
      <c r="M40848" t="s">
        <v>89</v>
      </c>
      <c r="N40848" t="s">
        <v>90</v>
      </c>
      <c r="O40848" t="s">
        <v>85</v>
      </c>
      <c r="P40848" t="s">
        <v>86</v>
      </c>
      <c r="Q40848">
        <v>170</v>
      </c>
      <c r="R40848">
        <v>175</v>
      </c>
      <c r="S40848">
        <v>181</v>
      </c>
      <c r="T40848">
        <v>187</v>
      </c>
      <c r="U40848">
        <v>193</v>
      </c>
      <c r="V40848">
        <v>199</v>
      </c>
      <c r="W40848">
        <v>205</v>
      </c>
      <c r="X40848">
        <v>210</v>
      </c>
      <c r="Y40848">
        <v>216</v>
      </c>
      <c r="Z40848">
        <v>222</v>
      </c>
      <c r="AA40848">
        <v>228</v>
      </c>
      <c r="AB40848">
        <v>233</v>
      </c>
      <c r="AC40848">
        <v>240</v>
      </c>
      <c r="AD40848">
        <v>246</v>
      </c>
      <c r="AE40848">
        <v>251</v>
      </c>
      <c r="AF40848">
        <v>253</v>
      </c>
      <c r="AG40848">
        <v>256</v>
      </c>
      <c r="AH40848">
        <v>259</v>
      </c>
      <c r="AI40848">
        <v>262</v>
      </c>
      <c r="AJ40848">
        <v>265</v>
      </c>
      <c r="AK40848">
        <v>268</v>
      </c>
      <c r="AL40848">
        <v>271</v>
      </c>
      <c r="AM40848">
        <v>274</v>
      </c>
      <c r="AN40848">
        <v>276</v>
      </c>
      <c r="AO40848">
        <v>279</v>
      </c>
      <c r="AP40848">
        <v>282</v>
      </c>
      <c r="AQ40848">
        <v>285</v>
      </c>
    </row>
    <row r="40849" spans="1:43">
      <c r="A40849" t="s">
        <v>25217</v>
      </c>
      <c r="B40849" t="s">
        <v>25218</v>
      </c>
      <c r="C40849" t="s">
        <v>5588</v>
      </c>
      <c r="D40849" t="s">
        <v>5589</v>
      </c>
      <c r="E40849" t="s">
        <v>5426</v>
      </c>
      <c r="F40849" t="s">
        <v>5427</v>
      </c>
      <c r="G40849" t="s">
        <v>80</v>
      </c>
      <c r="H40849" t="s">
        <v>81</v>
      </c>
      <c r="I40849" s="2">
        <v>0</v>
      </c>
      <c r="J40849" s="2">
        <v>1</v>
      </c>
      <c r="K40849" s="2">
        <v>0</v>
      </c>
      <c r="L40849" t="s">
        <v>82</v>
      </c>
      <c r="M40849" t="s">
        <v>83</v>
      </c>
      <c r="N40849" t="s">
        <v>91</v>
      </c>
      <c r="O40849" t="s">
        <v>85</v>
      </c>
      <c r="P40849" t="s">
        <v>86</v>
      </c>
      <c r="Q40849">
        <v>170</v>
      </c>
      <c r="R40849">
        <v>174</v>
      </c>
      <c r="S40849">
        <v>179</v>
      </c>
      <c r="T40849">
        <v>183</v>
      </c>
      <c r="U40849">
        <v>187</v>
      </c>
      <c r="V40849">
        <v>192</v>
      </c>
      <c r="W40849">
        <v>197</v>
      </c>
      <c r="X40849">
        <v>201</v>
      </c>
      <c r="Y40849">
        <v>206</v>
      </c>
      <c r="Z40849">
        <v>211</v>
      </c>
      <c r="AA40849">
        <v>216</v>
      </c>
      <c r="AB40849">
        <v>220</v>
      </c>
      <c r="AC40849">
        <v>225</v>
      </c>
      <c r="AD40849">
        <v>230</v>
      </c>
      <c r="AE40849">
        <v>235</v>
      </c>
      <c r="AF40849">
        <v>240</v>
      </c>
      <c r="AG40849">
        <v>245</v>
      </c>
      <c r="AH40849">
        <v>251</v>
      </c>
      <c r="AI40849">
        <v>256</v>
      </c>
      <c r="AJ40849">
        <v>261</v>
      </c>
      <c r="AK40849">
        <v>267</v>
      </c>
      <c r="AL40849">
        <v>270</v>
      </c>
      <c r="AM40849">
        <v>273</v>
      </c>
      <c r="AN40849">
        <v>276</v>
      </c>
      <c r="AO40849">
        <v>279</v>
      </c>
      <c r="AP40849">
        <v>282</v>
      </c>
      <c r="AQ40849">
        <v>285</v>
      </c>
    </row>
    <row r="40850" spans="1:43">
      <c r="A40850" t="s">
        <v>25219</v>
      </c>
      <c r="B40850" t="s">
        <v>25220</v>
      </c>
      <c r="C40850" t="s">
        <v>5548</v>
      </c>
      <c r="D40850" t="s">
        <v>5549</v>
      </c>
      <c r="E40850" t="s">
        <v>5426</v>
      </c>
      <c r="F40850" t="s">
        <v>5427</v>
      </c>
      <c r="G40850" t="s">
        <v>80</v>
      </c>
      <c r="H40850" t="s">
        <v>81</v>
      </c>
      <c r="I40850" s="2">
        <v>0</v>
      </c>
      <c r="J40850" s="2">
        <v>1</v>
      </c>
      <c r="K40850" s="2">
        <v>0</v>
      </c>
      <c r="L40850" t="s">
        <v>82</v>
      </c>
      <c r="M40850" t="s">
        <v>83</v>
      </c>
      <c r="N40850" t="s">
        <v>84</v>
      </c>
      <c r="O40850" t="s">
        <v>85</v>
      </c>
      <c r="P40850" t="s">
        <v>86</v>
      </c>
      <c r="Q40850">
        <v>36</v>
      </c>
      <c r="R40850">
        <v>37</v>
      </c>
      <c r="S40850">
        <v>38</v>
      </c>
      <c r="T40850">
        <v>38</v>
      </c>
      <c r="U40850">
        <v>39</v>
      </c>
      <c r="V40850">
        <v>40</v>
      </c>
      <c r="W40850">
        <v>41</v>
      </c>
      <c r="X40850">
        <v>42</v>
      </c>
      <c r="Y40850">
        <v>43</v>
      </c>
      <c r="Z40850">
        <v>44</v>
      </c>
      <c r="AA40850">
        <v>46</v>
      </c>
      <c r="AB40850">
        <v>47</v>
      </c>
      <c r="AC40850">
        <v>48</v>
      </c>
      <c r="AD40850">
        <v>49</v>
      </c>
      <c r="AE40850">
        <v>50</v>
      </c>
      <c r="AF40850">
        <v>51</v>
      </c>
      <c r="AG40850">
        <v>52</v>
      </c>
      <c r="AH40850">
        <v>53</v>
      </c>
      <c r="AI40850">
        <v>54</v>
      </c>
      <c r="AJ40850">
        <v>56</v>
      </c>
      <c r="AK40850">
        <v>57</v>
      </c>
      <c r="AL40850">
        <v>58</v>
      </c>
      <c r="AM40850">
        <v>58</v>
      </c>
      <c r="AN40850">
        <v>59</v>
      </c>
      <c r="AO40850">
        <v>59</v>
      </c>
      <c r="AP40850">
        <v>60</v>
      </c>
      <c r="AQ40850">
        <v>61</v>
      </c>
    </row>
    <row r="40851" spans="1:43">
      <c r="A40851" t="s">
        <v>25219</v>
      </c>
      <c r="B40851" t="s">
        <v>25220</v>
      </c>
      <c r="C40851" t="s">
        <v>5548</v>
      </c>
      <c r="D40851" t="s">
        <v>5549</v>
      </c>
      <c r="E40851" t="s">
        <v>5426</v>
      </c>
      <c r="F40851" t="s">
        <v>5427</v>
      </c>
      <c r="G40851" t="s">
        <v>80</v>
      </c>
      <c r="H40851" t="s">
        <v>81</v>
      </c>
      <c r="I40851" s="2">
        <v>0</v>
      </c>
      <c r="J40851" s="2">
        <v>1</v>
      </c>
      <c r="K40851" s="2">
        <v>0</v>
      </c>
      <c r="L40851" t="s">
        <v>82</v>
      </c>
      <c r="M40851" t="s">
        <v>87</v>
      </c>
      <c r="N40851" t="s">
        <v>88</v>
      </c>
      <c r="O40851" t="s">
        <v>85</v>
      </c>
      <c r="P40851" t="s">
        <v>86</v>
      </c>
      <c r="Q40851">
        <v>36</v>
      </c>
      <c r="R40851">
        <v>37</v>
      </c>
      <c r="S40851">
        <v>38</v>
      </c>
      <c r="T40851">
        <v>38</v>
      </c>
      <c r="U40851">
        <v>39</v>
      </c>
      <c r="V40851">
        <v>39</v>
      </c>
      <c r="W40851">
        <v>40</v>
      </c>
      <c r="X40851">
        <v>41</v>
      </c>
      <c r="Y40851">
        <v>41</v>
      </c>
      <c r="Z40851">
        <v>42</v>
      </c>
      <c r="AA40851">
        <v>42</v>
      </c>
      <c r="AB40851">
        <v>43</v>
      </c>
      <c r="AC40851">
        <v>44</v>
      </c>
      <c r="AD40851">
        <v>44</v>
      </c>
      <c r="AE40851">
        <v>45</v>
      </c>
      <c r="AF40851">
        <v>46</v>
      </c>
      <c r="AG40851">
        <v>46</v>
      </c>
      <c r="AH40851">
        <v>47</v>
      </c>
      <c r="AI40851">
        <v>48</v>
      </c>
      <c r="AJ40851">
        <v>49</v>
      </c>
      <c r="AK40851">
        <v>49</v>
      </c>
      <c r="AL40851">
        <v>50</v>
      </c>
      <c r="AM40851">
        <v>51</v>
      </c>
      <c r="AN40851">
        <v>51</v>
      </c>
      <c r="AO40851">
        <v>52</v>
      </c>
      <c r="AP40851">
        <v>53</v>
      </c>
      <c r="AQ40851">
        <v>54</v>
      </c>
    </row>
    <row r="40852" spans="1:43">
      <c r="A40852" t="s">
        <v>25219</v>
      </c>
      <c r="B40852" t="s">
        <v>25220</v>
      </c>
      <c r="C40852" t="s">
        <v>5548</v>
      </c>
      <c r="D40852" t="s">
        <v>5549</v>
      </c>
      <c r="E40852" t="s">
        <v>5426</v>
      </c>
      <c r="F40852" t="s">
        <v>5427</v>
      </c>
      <c r="G40852" t="s">
        <v>80</v>
      </c>
      <c r="H40852" t="s">
        <v>81</v>
      </c>
      <c r="I40852" s="2">
        <v>0</v>
      </c>
      <c r="J40852" s="2">
        <v>1</v>
      </c>
      <c r="K40852" s="2">
        <v>0</v>
      </c>
      <c r="L40852" t="s">
        <v>82</v>
      </c>
      <c r="M40852" t="s">
        <v>89</v>
      </c>
      <c r="N40852" t="s">
        <v>90</v>
      </c>
      <c r="O40852" t="s">
        <v>85</v>
      </c>
      <c r="P40852" t="s">
        <v>86</v>
      </c>
      <c r="Q40852">
        <v>36</v>
      </c>
      <c r="R40852">
        <v>37</v>
      </c>
      <c r="S40852">
        <v>38</v>
      </c>
      <c r="T40852">
        <v>40</v>
      </c>
      <c r="U40852">
        <v>41</v>
      </c>
      <c r="V40852">
        <v>42</v>
      </c>
      <c r="W40852">
        <v>44</v>
      </c>
      <c r="X40852">
        <v>45</v>
      </c>
      <c r="Y40852">
        <v>46</v>
      </c>
      <c r="Z40852">
        <v>47</v>
      </c>
      <c r="AA40852">
        <v>49</v>
      </c>
      <c r="AB40852">
        <v>50</v>
      </c>
      <c r="AC40852">
        <v>51</v>
      </c>
      <c r="AD40852">
        <v>52</v>
      </c>
      <c r="AE40852">
        <v>54</v>
      </c>
      <c r="AF40852">
        <v>54</v>
      </c>
      <c r="AG40852">
        <v>55</v>
      </c>
      <c r="AH40852">
        <v>55</v>
      </c>
      <c r="AI40852">
        <v>56</v>
      </c>
      <c r="AJ40852">
        <v>57</v>
      </c>
      <c r="AK40852">
        <v>57</v>
      </c>
      <c r="AL40852">
        <v>58</v>
      </c>
      <c r="AM40852">
        <v>58</v>
      </c>
      <c r="AN40852">
        <v>59</v>
      </c>
      <c r="AO40852">
        <v>60</v>
      </c>
      <c r="AP40852">
        <v>60</v>
      </c>
      <c r="AQ40852">
        <v>61</v>
      </c>
    </row>
    <row r="40853" spans="1:43">
      <c r="A40853" t="s">
        <v>25219</v>
      </c>
      <c r="B40853" t="s">
        <v>25220</v>
      </c>
      <c r="C40853" t="s">
        <v>5548</v>
      </c>
      <c r="D40853" t="s">
        <v>5549</v>
      </c>
      <c r="E40853" t="s">
        <v>5426</v>
      </c>
      <c r="F40853" t="s">
        <v>5427</v>
      </c>
      <c r="G40853" t="s">
        <v>80</v>
      </c>
      <c r="H40853" t="s">
        <v>81</v>
      </c>
      <c r="I40853" s="2">
        <v>0</v>
      </c>
      <c r="J40853" s="2">
        <v>1</v>
      </c>
      <c r="K40853" s="2">
        <v>0</v>
      </c>
      <c r="L40853" t="s">
        <v>82</v>
      </c>
      <c r="M40853" t="s">
        <v>83</v>
      </c>
      <c r="N40853" t="s">
        <v>91</v>
      </c>
      <c r="O40853" t="s">
        <v>85</v>
      </c>
      <c r="P40853" t="s">
        <v>86</v>
      </c>
      <c r="Q40853">
        <v>36</v>
      </c>
      <c r="R40853">
        <v>37</v>
      </c>
      <c r="S40853">
        <v>38</v>
      </c>
      <c r="T40853">
        <v>38</v>
      </c>
      <c r="U40853">
        <v>39</v>
      </c>
      <c r="V40853">
        <v>40</v>
      </c>
      <c r="W40853">
        <v>41</v>
      </c>
      <c r="X40853">
        <v>42</v>
      </c>
      <c r="Y40853">
        <v>43</v>
      </c>
      <c r="Z40853">
        <v>44</v>
      </c>
      <c r="AA40853">
        <v>46</v>
      </c>
      <c r="AB40853">
        <v>47</v>
      </c>
      <c r="AC40853">
        <v>48</v>
      </c>
      <c r="AD40853">
        <v>49</v>
      </c>
      <c r="AE40853">
        <v>50</v>
      </c>
      <c r="AF40853">
        <v>51</v>
      </c>
      <c r="AG40853">
        <v>52</v>
      </c>
      <c r="AH40853">
        <v>53</v>
      </c>
      <c r="AI40853">
        <v>54</v>
      </c>
      <c r="AJ40853">
        <v>56</v>
      </c>
      <c r="AK40853">
        <v>57</v>
      </c>
      <c r="AL40853">
        <v>58</v>
      </c>
      <c r="AM40853">
        <v>58</v>
      </c>
      <c r="AN40853">
        <v>59</v>
      </c>
      <c r="AO40853">
        <v>59</v>
      </c>
      <c r="AP40853">
        <v>60</v>
      </c>
      <c r="AQ40853">
        <v>61</v>
      </c>
    </row>
    <row r="40854" spans="1:43">
      <c r="A40854" t="s">
        <v>25221</v>
      </c>
      <c r="B40854" t="s">
        <v>25222</v>
      </c>
      <c r="C40854" t="s">
        <v>5548</v>
      </c>
      <c r="D40854" t="s">
        <v>5549</v>
      </c>
      <c r="E40854" t="s">
        <v>5426</v>
      </c>
      <c r="F40854" t="s">
        <v>5427</v>
      </c>
      <c r="G40854" t="s">
        <v>80</v>
      </c>
      <c r="H40854" t="s">
        <v>81</v>
      </c>
      <c r="I40854" s="2">
        <v>0</v>
      </c>
      <c r="J40854" s="2">
        <v>1</v>
      </c>
      <c r="K40854" s="2">
        <v>0</v>
      </c>
      <c r="L40854" t="s">
        <v>82</v>
      </c>
      <c r="M40854" t="s">
        <v>83</v>
      </c>
      <c r="N40854" t="s">
        <v>84</v>
      </c>
      <c r="O40854" t="s">
        <v>85</v>
      </c>
      <c r="P40854" t="s">
        <v>86</v>
      </c>
      <c r="Q40854">
        <v>49</v>
      </c>
      <c r="R40854">
        <v>50</v>
      </c>
      <c r="S40854">
        <v>51</v>
      </c>
      <c r="T40854">
        <v>53</v>
      </c>
      <c r="U40854">
        <v>54</v>
      </c>
      <c r="V40854">
        <v>55</v>
      </c>
      <c r="W40854">
        <v>57</v>
      </c>
      <c r="X40854">
        <v>58</v>
      </c>
      <c r="Y40854">
        <v>59</v>
      </c>
      <c r="Z40854">
        <v>61</v>
      </c>
      <c r="AA40854">
        <v>62</v>
      </c>
      <c r="AB40854">
        <v>64</v>
      </c>
      <c r="AC40854">
        <v>65</v>
      </c>
      <c r="AD40854">
        <v>66</v>
      </c>
      <c r="AE40854">
        <v>68</v>
      </c>
      <c r="AF40854">
        <v>69</v>
      </c>
      <c r="AG40854">
        <v>71</v>
      </c>
      <c r="AH40854">
        <v>73</v>
      </c>
      <c r="AI40854">
        <v>74</v>
      </c>
      <c r="AJ40854">
        <v>76</v>
      </c>
      <c r="AK40854">
        <v>77</v>
      </c>
      <c r="AL40854">
        <v>78</v>
      </c>
      <c r="AM40854">
        <v>79</v>
      </c>
      <c r="AN40854">
        <v>80</v>
      </c>
      <c r="AO40854">
        <v>81</v>
      </c>
      <c r="AP40854">
        <v>82</v>
      </c>
      <c r="AQ40854">
        <v>83</v>
      </c>
    </row>
    <row r="40855" spans="1:43">
      <c r="A40855" t="s">
        <v>25221</v>
      </c>
      <c r="B40855" t="s">
        <v>25222</v>
      </c>
      <c r="C40855" t="s">
        <v>5548</v>
      </c>
      <c r="D40855" t="s">
        <v>5549</v>
      </c>
      <c r="E40855" t="s">
        <v>5426</v>
      </c>
      <c r="F40855" t="s">
        <v>5427</v>
      </c>
      <c r="G40855" t="s">
        <v>80</v>
      </c>
      <c r="H40855" t="s">
        <v>81</v>
      </c>
      <c r="I40855" s="2">
        <v>0</v>
      </c>
      <c r="J40855" s="2">
        <v>1</v>
      </c>
      <c r="K40855" s="2">
        <v>0</v>
      </c>
      <c r="L40855" t="s">
        <v>82</v>
      </c>
      <c r="M40855" t="s">
        <v>87</v>
      </c>
      <c r="N40855" t="s">
        <v>88</v>
      </c>
      <c r="O40855" t="s">
        <v>85</v>
      </c>
      <c r="P40855" t="s">
        <v>86</v>
      </c>
      <c r="Q40855">
        <v>49</v>
      </c>
      <c r="R40855">
        <v>50</v>
      </c>
      <c r="S40855">
        <v>51</v>
      </c>
      <c r="T40855">
        <v>52</v>
      </c>
      <c r="U40855">
        <v>52</v>
      </c>
      <c r="V40855">
        <v>53</v>
      </c>
      <c r="W40855">
        <v>54</v>
      </c>
      <c r="X40855">
        <v>55</v>
      </c>
      <c r="Y40855">
        <v>56</v>
      </c>
      <c r="Z40855">
        <v>57</v>
      </c>
      <c r="AA40855">
        <v>58</v>
      </c>
      <c r="AB40855">
        <v>58</v>
      </c>
      <c r="AC40855">
        <v>59</v>
      </c>
      <c r="AD40855">
        <v>60</v>
      </c>
      <c r="AE40855">
        <v>61</v>
      </c>
      <c r="AF40855">
        <v>62</v>
      </c>
      <c r="AG40855">
        <v>63</v>
      </c>
      <c r="AH40855">
        <v>64</v>
      </c>
      <c r="AI40855">
        <v>65</v>
      </c>
      <c r="AJ40855">
        <v>66</v>
      </c>
      <c r="AK40855">
        <v>67</v>
      </c>
      <c r="AL40855">
        <v>68</v>
      </c>
      <c r="AM40855">
        <v>69</v>
      </c>
      <c r="AN40855">
        <v>70</v>
      </c>
      <c r="AO40855">
        <v>71</v>
      </c>
      <c r="AP40855">
        <v>72</v>
      </c>
      <c r="AQ40855">
        <v>73</v>
      </c>
    </row>
    <row r="40856" spans="1:43">
      <c r="A40856" t="s">
        <v>25221</v>
      </c>
      <c r="B40856" t="s">
        <v>25222</v>
      </c>
      <c r="C40856" t="s">
        <v>5548</v>
      </c>
      <c r="D40856" t="s">
        <v>5549</v>
      </c>
      <c r="E40856" t="s">
        <v>5426</v>
      </c>
      <c r="F40856" t="s">
        <v>5427</v>
      </c>
      <c r="G40856" t="s">
        <v>80</v>
      </c>
      <c r="H40856" t="s">
        <v>81</v>
      </c>
      <c r="I40856" s="2">
        <v>0</v>
      </c>
      <c r="J40856" s="2">
        <v>1</v>
      </c>
      <c r="K40856" s="2">
        <v>0</v>
      </c>
      <c r="L40856" t="s">
        <v>82</v>
      </c>
      <c r="M40856" t="s">
        <v>89</v>
      </c>
      <c r="N40856" t="s">
        <v>90</v>
      </c>
      <c r="O40856" t="s">
        <v>85</v>
      </c>
      <c r="P40856" t="s">
        <v>86</v>
      </c>
      <c r="Q40856">
        <v>49</v>
      </c>
      <c r="R40856">
        <v>51</v>
      </c>
      <c r="S40856">
        <v>53</v>
      </c>
      <c r="T40856">
        <v>54</v>
      </c>
      <c r="U40856">
        <v>56</v>
      </c>
      <c r="V40856">
        <v>58</v>
      </c>
      <c r="W40856">
        <v>59</v>
      </c>
      <c r="X40856">
        <v>61</v>
      </c>
      <c r="Y40856">
        <v>63</v>
      </c>
      <c r="Z40856">
        <v>65</v>
      </c>
      <c r="AA40856">
        <v>66</v>
      </c>
      <c r="AB40856">
        <v>68</v>
      </c>
      <c r="AC40856">
        <v>70</v>
      </c>
      <c r="AD40856">
        <v>72</v>
      </c>
      <c r="AE40856">
        <v>73</v>
      </c>
      <c r="AF40856">
        <v>74</v>
      </c>
      <c r="AG40856">
        <v>75</v>
      </c>
      <c r="AH40856">
        <v>75</v>
      </c>
      <c r="AI40856">
        <v>76</v>
      </c>
      <c r="AJ40856">
        <v>77</v>
      </c>
      <c r="AK40856">
        <v>78</v>
      </c>
      <c r="AL40856">
        <v>79</v>
      </c>
      <c r="AM40856">
        <v>80</v>
      </c>
      <c r="AN40856">
        <v>80</v>
      </c>
      <c r="AO40856">
        <v>81</v>
      </c>
      <c r="AP40856">
        <v>82</v>
      </c>
      <c r="AQ40856">
        <v>83</v>
      </c>
    </row>
    <row r="40857" spans="1:43">
      <c r="A40857" t="s">
        <v>25221</v>
      </c>
      <c r="B40857" t="s">
        <v>25222</v>
      </c>
      <c r="C40857" t="s">
        <v>5548</v>
      </c>
      <c r="D40857" t="s">
        <v>5549</v>
      </c>
      <c r="E40857" t="s">
        <v>5426</v>
      </c>
      <c r="F40857" t="s">
        <v>5427</v>
      </c>
      <c r="G40857" t="s">
        <v>80</v>
      </c>
      <c r="H40857" t="s">
        <v>81</v>
      </c>
      <c r="I40857" s="2">
        <v>0</v>
      </c>
      <c r="J40857" s="2">
        <v>1</v>
      </c>
      <c r="K40857" s="2">
        <v>0</v>
      </c>
      <c r="L40857" t="s">
        <v>82</v>
      </c>
      <c r="M40857" t="s">
        <v>83</v>
      </c>
      <c r="N40857" t="s">
        <v>91</v>
      </c>
      <c r="O40857" t="s">
        <v>85</v>
      </c>
      <c r="P40857" t="s">
        <v>86</v>
      </c>
      <c r="Q40857">
        <v>49</v>
      </c>
      <c r="R40857">
        <v>50</v>
      </c>
      <c r="S40857">
        <v>51</v>
      </c>
      <c r="T40857">
        <v>53</v>
      </c>
      <c r="U40857">
        <v>54</v>
      </c>
      <c r="V40857">
        <v>55</v>
      </c>
      <c r="W40857">
        <v>57</v>
      </c>
      <c r="X40857">
        <v>58</v>
      </c>
      <c r="Y40857">
        <v>59</v>
      </c>
      <c r="Z40857">
        <v>61</v>
      </c>
      <c r="AA40857">
        <v>62</v>
      </c>
      <c r="AB40857">
        <v>64</v>
      </c>
      <c r="AC40857">
        <v>65</v>
      </c>
      <c r="AD40857">
        <v>66</v>
      </c>
      <c r="AE40857">
        <v>68</v>
      </c>
      <c r="AF40857">
        <v>69</v>
      </c>
      <c r="AG40857">
        <v>71</v>
      </c>
      <c r="AH40857">
        <v>73</v>
      </c>
      <c r="AI40857">
        <v>74</v>
      </c>
      <c r="AJ40857">
        <v>76</v>
      </c>
      <c r="AK40857">
        <v>77</v>
      </c>
      <c r="AL40857">
        <v>78</v>
      </c>
      <c r="AM40857">
        <v>79</v>
      </c>
      <c r="AN40857">
        <v>80</v>
      </c>
      <c r="AO40857">
        <v>81</v>
      </c>
      <c r="AP40857">
        <v>82</v>
      </c>
      <c r="AQ40857">
        <v>83</v>
      </c>
    </row>
    <row r="40858" spans="1:43">
      <c r="A40858" t="s">
        <v>25223</v>
      </c>
      <c r="B40858" t="s">
        <v>25224</v>
      </c>
      <c r="C40858" t="s">
        <v>21367</v>
      </c>
      <c r="D40858" t="s">
        <v>21368</v>
      </c>
      <c r="E40858" t="s">
        <v>21317</v>
      </c>
      <c r="F40858" t="s">
        <v>21318</v>
      </c>
      <c r="G40858" t="s">
        <v>20255</v>
      </c>
      <c r="H40858" t="s">
        <v>20256</v>
      </c>
      <c r="I40858" s="2">
        <v>1</v>
      </c>
      <c r="J40858" s="2">
        <v>0</v>
      </c>
      <c r="K40858" s="2">
        <v>0</v>
      </c>
      <c r="L40858" t="s">
        <v>120</v>
      </c>
      <c r="M40858" t="s">
        <v>83</v>
      </c>
      <c r="N40858" t="s">
        <v>84</v>
      </c>
      <c r="O40858" t="s">
        <v>85</v>
      </c>
      <c r="P40858" t="s">
        <v>86</v>
      </c>
      <c r="Q40858">
        <v>83</v>
      </c>
      <c r="R40858">
        <v>85</v>
      </c>
      <c r="S40858">
        <v>88</v>
      </c>
      <c r="T40858">
        <v>91</v>
      </c>
      <c r="U40858">
        <v>94</v>
      </c>
      <c r="V40858">
        <v>97</v>
      </c>
      <c r="W40858">
        <v>101</v>
      </c>
      <c r="X40858">
        <v>104</v>
      </c>
      <c r="Y40858">
        <v>107</v>
      </c>
      <c r="Z40858">
        <v>110</v>
      </c>
      <c r="AA40858">
        <v>113</v>
      </c>
      <c r="AB40858">
        <v>117</v>
      </c>
      <c r="AC40858">
        <v>120</v>
      </c>
      <c r="AD40858">
        <v>123</v>
      </c>
      <c r="AE40858">
        <v>127</v>
      </c>
      <c r="AF40858">
        <v>131</v>
      </c>
      <c r="AG40858">
        <v>134</v>
      </c>
      <c r="AH40858">
        <v>138</v>
      </c>
      <c r="AI40858">
        <v>142</v>
      </c>
      <c r="AJ40858">
        <v>146</v>
      </c>
      <c r="AK40858">
        <v>150</v>
      </c>
      <c r="AL40858">
        <v>153</v>
      </c>
      <c r="AM40858">
        <v>156</v>
      </c>
      <c r="AN40858">
        <v>159</v>
      </c>
      <c r="AO40858">
        <v>162</v>
      </c>
      <c r="AP40858">
        <v>165</v>
      </c>
      <c r="AQ40858">
        <v>168</v>
      </c>
    </row>
    <row r="40859" spans="1:43">
      <c r="A40859" t="s">
        <v>25223</v>
      </c>
      <c r="B40859" t="s">
        <v>25224</v>
      </c>
      <c r="C40859" t="s">
        <v>21367</v>
      </c>
      <c r="D40859" t="s">
        <v>21368</v>
      </c>
      <c r="E40859" t="s">
        <v>21317</v>
      </c>
      <c r="F40859" t="s">
        <v>21318</v>
      </c>
      <c r="G40859" t="s">
        <v>20255</v>
      </c>
      <c r="H40859" t="s">
        <v>20256</v>
      </c>
      <c r="I40859" s="2">
        <v>1</v>
      </c>
      <c r="J40859" s="2">
        <v>0</v>
      </c>
      <c r="K40859" s="2">
        <v>0</v>
      </c>
      <c r="L40859" t="s">
        <v>120</v>
      </c>
      <c r="M40859" t="s">
        <v>87</v>
      </c>
      <c r="N40859" t="s">
        <v>88</v>
      </c>
      <c r="O40859" t="s">
        <v>85</v>
      </c>
      <c r="P40859" t="s">
        <v>86</v>
      </c>
      <c r="Q40859">
        <v>83</v>
      </c>
      <c r="R40859">
        <v>85</v>
      </c>
      <c r="S40859">
        <v>87</v>
      </c>
      <c r="T40859">
        <v>89</v>
      </c>
      <c r="U40859">
        <v>91</v>
      </c>
      <c r="V40859">
        <v>93</v>
      </c>
      <c r="W40859">
        <v>95</v>
      </c>
      <c r="X40859">
        <v>98</v>
      </c>
      <c r="Y40859">
        <v>100</v>
      </c>
      <c r="Z40859">
        <v>102</v>
      </c>
      <c r="AA40859">
        <v>104</v>
      </c>
      <c r="AB40859">
        <v>107</v>
      </c>
      <c r="AC40859">
        <v>109</v>
      </c>
      <c r="AD40859">
        <v>112</v>
      </c>
      <c r="AE40859">
        <v>114</v>
      </c>
      <c r="AF40859">
        <v>117</v>
      </c>
      <c r="AG40859">
        <v>119</v>
      </c>
      <c r="AH40859">
        <v>122</v>
      </c>
      <c r="AI40859">
        <v>124</v>
      </c>
      <c r="AJ40859">
        <v>127</v>
      </c>
      <c r="AK40859">
        <v>130</v>
      </c>
      <c r="AL40859">
        <v>132</v>
      </c>
      <c r="AM40859">
        <v>135</v>
      </c>
      <c r="AN40859">
        <v>138</v>
      </c>
      <c r="AO40859">
        <v>141</v>
      </c>
      <c r="AP40859">
        <v>144</v>
      </c>
      <c r="AQ40859">
        <v>147</v>
      </c>
    </row>
    <row r="40860" spans="1:43">
      <c r="A40860" t="s">
        <v>25223</v>
      </c>
      <c r="B40860" t="s">
        <v>25224</v>
      </c>
      <c r="C40860" t="s">
        <v>21367</v>
      </c>
      <c r="D40860" t="s">
        <v>21368</v>
      </c>
      <c r="E40860" t="s">
        <v>21317</v>
      </c>
      <c r="F40860" t="s">
        <v>21318</v>
      </c>
      <c r="G40860" t="s">
        <v>20255</v>
      </c>
      <c r="H40860" t="s">
        <v>20256</v>
      </c>
      <c r="I40860" s="2">
        <v>1</v>
      </c>
      <c r="J40860" s="2">
        <v>0</v>
      </c>
      <c r="K40860" s="2">
        <v>0</v>
      </c>
      <c r="L40860" t="s">
        <v>120</v>
      </c>
      <c r="M40860" t="s">
        <v>89</v>
      </c>
      <c r="N40860" t="s">
        <v>90</v>
      </c>
      <c r="O40860" t="s">
        <v>85</v>
      </c>
      <c r="P40860" t="s">
        <v>86</v>
      </c>
      <c r="Q40860">
        <v>83</v>
      </c>
      <c r="R40860">
        <v>87</v>
      </c>
      <c r="S40860">
        <v>91</v>
      </c>
      <c r="T40860">
        <v>94</v>
      </c>
      <c r="U40860">
        <v>98</v>
      </c>
      <c r="V40860">
        <v>102</v>
      </c>
      <c r="W40860">
        <v>105</v>
      </c>
      <c r="X40860">
        <v>109</v>
      </c>
      <c r="Y40860">
        <v>113</v>
      </c>
      <c r="Z40860">
        <v>116</v>
      </c>
      <c r="AA40860">
        <v>120</v>
      </c>
      <c r="AB40860">
        <v>124</v>
      </c>
      <c r="AC40860">
        <v>128</v>
      </c>
      <c r="AD40860">
        <v>132</v>
      </c>
      <c r="AE40860">
        <v>136</v>
      </c>
      <c r="AF40860">
        <v>138</v>
      </c>
      <c r="AG40860">
        <v>141</v>
      </c>
      <c r="AH40860">
        <v>144</v>
      </c>
      <c r="AI40860">
        <v>147</v>
      </c>
      <c r="AJ40860">
        <v>149</v>
      </c>
      <c r="AK40860">
        <v>152</v>
      </c>
      <c r="AL40860">
        <v>155</v>
      </c>
      <c r="AM40860">
        <v>158</v>
      </c>
      <c r="AN40860">
        <v>161</v>
      </c>
      <c r="AO40860">
        <v>164</v>
      </c>
      <c r="AP40860">
        <v>167</v>
      </c>
      <c r="AQ40860">
        <v>170</v>
      </c>
    </row>
    <row r="40861" spans="1:43">
      <c r="A40861" t="s">
        <v>25223</v>
      </c>
      <c r="B40861" t="s">
        <v>25224</v>
      </c>
      <c r="C40861" t="s">
        <v>21367</v>
      </c>
      <c r="D40861" t="s">
        <v>21368</v>
      </c>
      <c r="E40861" t="s">
        <v>21317</v>
      </c>
      <c r="F40861" t="s">
        <v>21318</v>
      </c>
      <c r="G40861" t="s">
        <v>20255</v>
      </c>
      <c r="H40861" t="s">
        <v>20256</v>
      </c>
      <c r="I40861" s="2">
        <v>1</v>
      </c>
      <c r="J40861" s="2">
        <v>0</v>
      </c>
      <c r="K40861" s="2">
        <v>0</v>
      </c>
      <c r="L40861" t="s">
        <v>120</v>
      </c>
      <c r="M40861" t="s">
        <v>83</v>
      </c>
      <c r="N40861" t="s">
        <v>91</v>
      </c>
      <c r="O40861" t="s">
        <v>85</v>
      </c>
      <c r="P40861" t="s">
        <v>86</v>
      </c>
      <c r="Q40861">
        <v>83</v>
      </c>
      <c r="R40861">
        <v>85</v>
      </c>
      <c r="S40861">
        <v>88</v>
      </c>
      <c r="T40861">
        <v>91</v>
      </c>
      <c r="U40861">
        <v>94</v>
      </c>
      <c r="V40861">
        <v>97</v>
      </c>
      <c r="W40861">
        <v>101</v>
      </c>
      <c r="X40861">
        <v>104</v>
      </c>
      <c r="Y40861">
        <v>107</v>
      </c>
      <c r="Z40861">
        <v>110</v>
      </c>
      <c r="AA40861">
        <v>113</v>
      </c>
      <c r="AB40861">
        <v>117</v>
      </c>
      <c r="AC40861">
        <v>120</v>
      </c>
      <c r="AD40861">
        <v>123</v>
      </c>
      <c r="AE40861">
        <v>127</v>
      </c>
      <c r="AF40861">
        <v>131</v>
      </c>
      <c r="AG40861">
        <v>134</v>
      </c>
      <c r="AH40861">
        <v>138</v>
      </c>
      <c r="AI40861">
        <v>142</v>
      </c>
      <c r="AJ40861">
        <v>146</v>
      </c>
      <c r="AK40861">
        <v>150</v>
      </c>
      <c r="AL40861">
        <v>153</v>
      </c>
      <c r="AM40861">
        <v>156</v>
      </c>
      <c r="AN40861">
        <v>159</v>
      </c>
      <c r="AO40861">
        <v>162</v>
      </c>
      <c r="AP40861">
        <v>165</v>
      </c>
      <c r="AQ40861">
        <v>168</v>
      </c>
    </row>
    <row r="40862" spans="1:43">
      <c r="A40862" t="s">
        <v>25225</v>
      </c>
      <c r="B40862" t="s">
        <v>25226</v>
      </c>
      <c r="C40862" t="s">
        <v>21449</v>
      </c>
      <c r="D40862" t="s">
        <v>21450</v>
      </c>
      <c r="E40862" t="s">
        <v>21317</v>
      </c>
      <c r="F40862" t="s">
        <v>21318</v>
      </c>
      <c r="G40862" t="s">
        <v>20255</v>
      </c>
      <c r="H40862" t="s">
        <v>20256</v>
      </c>
      <c r="I40862" s="2">
        <v>1</v>
      </c>
      <c r="J40862" s="2">
        <v>0</v>
      </c>
      <c r="K40862" s="2">
        <v>0</v>
      </c>
      <c r="L40862" t="s">
        <v>120</v>
      </c>
      <c r="M40862" t="s">
        <v>83</v>
      </c>
      <c r="N40862" t="s">
        <v>84</v>
      </c>
      <c r="O40862" t="s">
        <v>85</v>
      </c>
      <c r="P40862" t="s">
        <v>86</v>
      </c>
      <c r="Q40862">
        <v>20</v>
      </c>
      <c r="R40862">
        <v>21</v>
      </c>
      <c r="S40862">
        <v>22</v>
      </c>
      <c r="T40862">
        <v>22</v>
      </c>
      <c r="U40862">
        <v>23</v>
      </c>
      <c r="V40862">
        <v>24</v>
      </c>
      <c r="W40862">
        <v>25</v>
      </c>
      <c r="X40862">
        <v>25</v>
      </c>
      <c r="Y40862">
        <v>26</v>
      </c>
      <c r="Z40862">
        <v>27</v>
      </c>
      <c r="AA40862">
        <v>28</v>
      </c>
      <c r="AB40862">
        <v>29</v>
      </c>
      <c r="AC40862">
        <v>30</v>
      </c>
      <c r="AD40862">
        <v>30</v>
      </c>
      <c r="AE40862">
        <v>31</v>
      </c>
      <c r="AF40862">
        <v>32</v>
      </c>
      <c r="AG40862">
        <v>33</v>
      </c>
      <c r="AH40862">
        <v>34</v>
      </c>
      <c r="AI40862">
        <v>35</v>
      </c>
      <c r="AJ40862">
        <v>36</v>
      </c>
      <c r="AK40862">
        <v>37</v>
      </c>
      <c r="AL40862">
        <v>38</v>
      </c>
      <c r="AM40862">
        <v>38</v>
      </c>
      <c r="AN40862">
        <v>39</v>
      </c>
      <c r="AO40862">
        <v>40</v>
      </c>
      <c r="AP40862">
        <v>40</v>
      </c>
      <c r="AQ40862">
        <v>41</v>
      </c>
    </row>
    <row r="40863" spans="1:43">
      <c r="A40863" t="s">
        <v>25225</v>
      </c>
      <c r="B40863" t="s">
        <v>25226</v>
      </c>
      <c r="C40863" t="s">
        <v>21449</v>
      </c>
      <c r="D40863" t="s">
        <v>21450</v>
      </c>
      <c r="E40863" t="s">
        <v>21317</v>
      </c>
      <c r="F40863" t="s">
        <v>21318</v>
      </c>
      <c r="G40863" t="s">
        <v>20255</v>
      </c>
      <c r="H40863" t="s">
        <v>20256</v>
      </c>
      <c r="I40863" s="2">
        <v>1</v>
      </c>
      <c r="J40863" s="2">
        <v>0</v>
      </c>
      <c r="K40863" s="2">
        <v>0</v>
      </c>
      <c r="L40863" t="s">
        <v>120</v>
      </c>
      <c r="M40863" t="s">
        <v>87</v>
      </c>
      <c r="N40863" t="s">
        <v>88</v>
      </c>
      <c r="O40863" t="s">
        <v>85</v>
      </c>
      <c r="P40863" t="s">
        <v>86</v>
      </c>
      <c r="Q40863">
        <v>20</v>
      </c>
      <c r="R40863">
        <v>21</v>
      </c>
      <c r="S40863">
        <v>21</v>
      </c>
      <c r="T40863">
        <v>22</v>
      </c>
      <c r="U40863">
        <v>22</v>
      </c>
      <c r="V40863">
        <v>23</v>
      </c>
      <c r="W40863">
        <v>23</v>
      </c>
      <c r="X40863">
        <v>24</v>
      </c>
      <c r="Y40863">
        <v>24</v>
      </c>
      <c r="Z40863">
        <v>25</v>
      </c>
      <c r="AA40863">
        <v>25</v>
      </c>
      <c r="AB40863">
        <v>26</v>
      </c>
      <c r="AC40863">
        <v>27</v>
      </c>
      <c r="AD40863">
        <v>27</v>
      </c>
      <c r="AE40863">
        <v>28</v>
      </c>
      <c r="AF40863">
        <v>28</v>
      </c>
      <c r="AG40863">
        <v>29</v>
      </c>
      <c r="AH40863">
        <v>30</v>
      </c>
      <c r="AI40863">
        <v>30</v>
      </c>
      <c r="AJ40863">
        <v>31</v>
      </c>
      <c r="AK40863">
        <v>32</v>
      </c>
      <c r="AL40863">
        <v>32</v>
      </c>
      <c r="AM40863">
        <v>33</v>
      </c>
      <c r="AN40863">
        <v>34</v>
      </c>
      <c r="AO40863">
        <v>34</v>
      </c>
      <c r="AP40863">
        <v>35</v>
      </c>
      <c r="AQ40863">
        <v>36</v>
      </c>
    </row>
    <row r="40864" spans="1:43">
      <c r="A40864" t="s">
        <v>25225</v>
      </c>
      <c r="B40864" t="s">
        <v>25226</v>
      </c>
      <c r="C40864" t="s">
        <v>21449</v>
      </c>
      <c r="D40864" t="s">
        <v>21450</v>
      </c>
      <c r="E40864" t="s">
        <v>21317</v>
      </c>
      <c r="F40864" t="s">
        <v>21318</v>
      </c>
      <c r="G40864" t="s">
        <v>20255</v>
      </c>
      <c r="H40864" t="s">
        <v>20256</v>
      </c>
      <c r="I40864" s="2">
        <v>1</v>
      </c>
      <c r="J40864" s="2">
        <v>0</v>
      </c>
      <c r="K40864" s="2">
        <v>0</v>
      </c>
      <c r="L40864" t="s">
        <v>120</v>
      </c>
      <c r="M40864" t="s">
        <v>89</v>
      </c>
      <c r="N40864" t="s">
        <v>90</v>
      </c>
      <c r="O40864" t="s">
        <v>85</v>
      </c>
      <c r="P40864" t="s">
        <v>86</v>
      </c>
      <c r="Q40864">
        <v>20</v>
      </c>
      <c r="R40864">
        <v>20</v>
      </c>
      <c r="S40864">
        <v>21</v>
      </c>
      <c r="T40864">
        <v>22</v>
      </c>
      <c r="U40864">
        <v>23</v>
      </c>
      <c r="V40864">
        <v>24</v>
      </c>
      <c r="W40864">
        <v>25</v>
      </c>
      <c r="X40864">
        <v>26</v>
      </c>
      <c r="Y40864">
        <v>27</v>
      </c>
      <c r="Z40864">
        <v>28</v>
      </c>
      <c r="AA40864">
        <v>29</v>
      </c>
      <c r="AB40864">
        <v>30</v>
      </c>
      <c r="AC40864">
        <v>31</v>
      </c>
      <c r="AD40864">
        <v>32</v>
      </c>
      <c r="AE40864">
        <v>32</v>
      </c>
      <c r="AF40864">
        <v>33</v>
      </c>
      <c r="AG40864">
        <v>34</v>
      </c>
      <c r="AH40864">
        <v>34</v>
      </c>
      <c r="AI40864">
        <v>35</v>
      </c>
      <c r="AJ40864">
        <v>36</v>
      </c>
      <c r="AK40864">
        <v>36</v>
      </c>
      <c r="AL40864">
        <v>37</v>
      </c>
      <c r="AM40864">
        <v>37</v>
      </c>
      <c r="AN40864">
        <v>38</v>
      </c>
      <c r="AO40864">
        <v>39</v>
      </c>
      <c r="AP40864">
        <v>39</v>
      </c>
      <c r="AQ40864">
        <v>40</v>
      </c>
    </row>
    <row r="40865" spans="1:43">
      <c r="A40865" t="s">
        <v>25225</v>
      </c>
      <c r="B40865" t="s">
        <v>25226</v>
      </c>
      <c r="C40865" t="s">
        <v>21449</v>
      </c>
      <c r="D40865" t="s">
        <v>21450</v>
      </c>
      <c r="E40865" t="s">
        <v>21317</v>
      </c>
      <c r="F40865" t="s">
        <v>21318</v>
      </c>
      <c r="G40865" t="s">
        <v>20255</v>
      </c>
      <c r="H40865" t="s">
        <v>20256</v>
      </c>
      <c r="I40865" s="2">
        <v>1</v>
      </c>
      <c r="J40865" s="2">
        <v>0</v>
      </c>
      <c r="K40865" s="2">
        <v>0</v>
      </c>
      <c r="L40865" t="s">
        <v>120</v>
      </c>
      <c r="M40865" t="s">
        <v>83</v>
      </c>
      <c r="N40865" t="s">
        <v>91</v>
      </c>
      <c r="O40865" t="s">
        <v>85</v>
      </c>
      <c r="P40865" t="s">
        <v>86</v>
      </c>
      <c r="Q40865">
        <v>20</v>
      </c>
      <c r="R40865">
        <v>21</v>
      </c>
      <c r="S40865">
        <v>22</v>
      </c>
      <c r="T40865">
        <v>22</v>
      </c>
      <c r="U40865">
        <v>23</v>
      </c>
      <c r="V40865">
        <v>24</v>
      </c>
      <c r="W40865">
        <v>25</v>
      </c>
      <c r="X40865">
        <v>25</v>
      </c>
      <c r="Y40865">
        <v>26</v>
      </c>
      <c r="Z40865">
        <v>27</v>
      </c>
      <c r="AA40865">
        <v>28</v>
      </c>
      <c r="AB40865">
        <v>29</v>
      </c>
      <c r="AC40865">
        <v>30</v>
      </c>
      <c r="AD40865">
        <v>30</v>
      </c>
      <c r="AE40865">
        <v>31</v>
      </c>
      <c r="AF40865">
        <v>32</v>
      </c>
      <c r="AG40865">
        <v>33</v>
      </c>
      <c r="AH40865">
        <v>34</v>
      </c>
      <c r="AI40865">
        <v>35</v>
      </c>
      <c r="AJ40865">
        <v>36</v>
      </c>
      <c r="AK40865">
        <v>37</v>
      </c>
      <c r="AL40865">
        <v>38</v>
      </c>
      <c r="AM40865">
        <v>38</v>
      </c>
      <c r="AN40865">
        <v>39</v>
      </c>
      <c r="AO40865">
        <v>40</v>
      </c>
      <c r="AP40865">
        <v>40</v>
      </c>
      <c r="AQ40865">
        <v>41</v>
      </c>
    </row>
    <row r="40866" spans="1:43">
      <c r="A40866" t="s">
        <v>25227</v>
      </c>
      <c r="B40866" t="s">
        <v>25228</v>
      </c>
      <c r="C40866" t="s">
        <v>21367</v>
      </c>
      <c r="D40866" t="s">
        <v>21368</v>
      </c>
      <c r="E40866" t="s">
        <v>21317</v>
      </c>
      <c r="F40866" t="s">
        <v>21318</v>
      </c>
      <c r="G40866" t="s">
        <v>20255</v>
      </c>
      <c r="H40866" t="s">
        <v>20256</v>
      </c>
      <c r="I40866" s="2">
        <v>1</v>
      </c>
      <c r="J40866" s="2">
        <v>0</v>
      </c>
      <c r="K40866" s="2">
        <v>0</v>
      </c>
      <c r="L40866" t="s">
        <v>120</v>
      </c>
      <c r="M40866" t="s">
        <v>83</v>
      </c>
      <c r="N40866" t="s">
        <v>84</v>
      </c>
      <c r="O40866" t="s">
        <v>85</v>
      </c>
      <c r="P40866" t="s">
        <v>86</v>
      </c>
      <c r="Q40866">
        <v>18</v>
      </c>
      <c r="R40866">
        <v>18</v>
      </c>
      <c r="S40866">
        <v>19</v>
      </c>
      <c r="T40866">
        <v>20</v>
      </c>
      <c r="U40866">
        <v>20</v>
      </c>
      <c r="V40866">
        <v>21</v>
      </c>
      <c r="W40866">
        <v>21</v>
      </c>
      <c r="X40866">
        <v>22</v>
      </c>
      <c r="Y40866">
        <v>22</v>
      </c>
      <c r="Z40866">
        <v>23</v>
      </c>
      <c r="AA40866">
        <v>24</v>
      </c>
      <c r="AB40866">
        <v>24</v>
      </c>
      <c r="AC40866">
        <v>25</v>
      </c>
      <c r="AD40866">
        <v>26</v>
      </c>
      <c r="AE40866">
        <v>26</v>
      </c>
      <c r="AF40866">
        <v>27</v>
      </c>
      <c r="AG40866">
        <v>27</v>
      </c>
      <c r="AH40866">
        <v>28</v>
      </c>
      <c r="AI40866">
        <v>29</v>
      </c>
      <c r="AJ40866">
        <v>30</v>
      </c>
      <c r="AK40866">
        <v>30</v>
      </c>
      <c r="AL40866">
        <v>31</v>
      </c>
      <c r="AM40866">
        <v>31</v>
      </c>
      <c r="AN40866">
        <v>32</v>
      </c>
      <c r="AO40866">
        <v>32</v>
      </c>
      <c r="AP40866">
        <v>33</v>
      </c>
      <c r="AQ40866">
        <v>33</v>
      </c>
    </row>
    <row r="40867" spans="1:43">
      <c r="A40867" t="s">
        <v>25227</v>
      </c>
      <c r="B40867" t="s">
        <v>25228</v>
      </c>
      <c r="C40867" t="s">
        <v>21367</v>
      </c>
      <c r="D40867" t="s">
        <v>21368</v>
      </c>
      <c r="E40867" t="s">
        <v>21317</v>
      </c>
      <c r="F40867" t="s">
        <v>21318</v>
      </c>
      <c r="G40867" t="s">
        <v>20255</v>
      </c>
      <c r="H40867" t="s">
        <v>20256</v>
      </c>
      <c r="I40867" s="2">
        <v>1</v>
      </c>
      <c r="J40867" s="2">
        <v>0</v>
      </c>
      <c r="K40867" s="2">
        <v>0</v>
      </c>
      <c r="L40867" t="s">
        <v>120</v>
      </c>
      <c r="M40867" t="s">
        <v>87</v>
      </c>
      <c r="N40867" t="s">
        <v>88</v>
      </c>
      <c r="O40867" t="s">
        <v>85</v>
      </c>
      <c r="P40867" t="s">
        <v>86</v>
      </c>
      <c r="Q40867">
        <v>18</v>
      </c>
      <c r="R40867">
        <v>18</v>
      </c>
      <c r="S40867">
        <v>18</v>
      </c>
      <c r="T40867">
        <v>19</v>
      </c>
      <c r="U40867">
        <v>19</v>
      </c>
      <c r="V40867">
        <v>20</v>
      </c>
      <c r="W40867">
        <v>20</v>
      </c>
      <c r="X40867">
        <v>20</v>
      </c>
      <c r="Y40867">
        <v>21</v>
      </c>
      <c r="Z40867">
        <v>21</v>
      </c>
      <c r="AA40867">
        <v>22</v>
      </c>
      <c r="AB40867">
        <v>22</v>
      </c>
      <c r="AC40867">
        <v>22</v>
      </c>
      <c r="AD40867">
        <v>23</v>
      </c>
      <c r="AE40867">
        <v>23</v>
      </c>
      <c r="AF40867">
        <v>24</v>
      </c>
      <c r="AG40867">
        <v>24</v>
      </c>
      <c r="AH40867">
        <v>25</v>
      </c>
      <c r="AI40867">
        <v>25</v>
      </c>
      <c r="AJ40867">
        <v>26</v>
      </c>
      <c r="AK40867">
        <v>26</v>
      </c>
      <c r="AL40867">
        <v>27</v>
      </c>
      <c r="AM40867">
        <v>27</v>
      </c>
      <c r="AN40867">
        <v>28</v>
      </c>
      <c r="AO40867">
        <v>28</v>
      </c>
      <c r="AP40867">
        <v>29</v>
      </c>
      <c r="AQ40867">
        <v>29</v>
      </c>
    </row>
    <row r="40868" spans="1:43">
      <c r="A40868" t="s">
        <v>25227</v>
      </c>
      <c r="B40868" t="s">
        <v>25228</v>
      </c>
      <c r="C40868" t="s">
        <v>21367</v>
      </c>
      <c r="D40868" t="s">
        <v>21368</v>
      </c>
      <c r="E40868" t="s">
        <v>21317</v>
      </c>
      <c r="F40868" t="s">
        <v>21318</v>
      </c>
      <c r="G40868" t="s">
        <v>20255</v>
      </c>
      <c r="H40868" t="s">
        <v>20256</v>
      </c>
      <c r="I40868" s="2">
        <v>1</v>
      </c>
      <c r="J40868" s="2">
        <v>0</v>
      </c>
      <c r="K40868" s="2">
        <v>0</v>
      </c>
      <c r="L40868" t="s">
        <v>120</v>
      </c>
      <c r="M40868" t="s">
        <v>89</v>
      </c>
      <c r="N40868" t="s">
        <v>90</v>
      </c>
      <c r="O40868" t="s">
        <v>85</v>
      </c>
      <c r="P40868" t="s">
        <v>86</v>
      </c>
      <c r="Q40868">
        <v>18</v>
      </c>
      <c r="R40868">
        <v>19</v>
      </c>
      <c r="S40868">
        <v>19</v>
      </c>
      <c r="T40868">
        <v>20</v>
      </c>
      <c r="U40868">
        <v>21</v>
      </c>
      <c r="V40868">
        <v>22</v>
      </c>
      <c r="W40868">
        <v>22</v>
      </c>
      <c r="X40868">
        <v>23</v>
      </c>
      <c r="Y40868">
        <v>24</v>
      </c>
      <c r="Z40868">
        <v>24</v>
      </c>
      <c r="AA40868">
        <v>25</v>
      </c>
      <c r="AB40868">
        <v>26</v>
      </c>
      <c r="AC40868">
        <v>27</v>
      </c>
      <c r="AD40868">
        <v>27</v>
      </c>
      <c r="AE40868">
        <v>28</v>
      </c>
      <c r="AF40868">
        <v>28</v>
      </c>
      <c r="AG40868">
        <v>29</v>
      </c>
      <c r="AH40868">
        <v>29</v>
      </c>
      <c r="AI40868">
        <v>30</v>
      </c>
      <c r="AJ40868">
        <v>30</v>
      </c>
      <c r="AK40868">
        <v>31</v>
      </c>
      <c r="AL40868">
        <v>31</v>
      </c>
      <c r="AM40868">
        <v>32</v>
      </c>
      <c r="AN40868">
        <v>32</v>
      </c>
      <c r="AO40868">
        <v>33</v>
      </c>
      <c r="AP40868">
        <v>33</v>
      </c>
      <c r="AQ40868">
        <v>34</v>
      </c>
    </row>
    <row r="40869" spans="1:43">
      <c r="A40869" t="s">
        <v>25227</v>
      </c>
      <c r="B40869" t="s">
        <v>25228</v>
      </c>
      <c r="C40869" t="s">
        <v>21367</v>
      </c>
      <c r="D40869" t="s">
        <v>21368</v>
      </c>
      <c r="E40869" t="s">
        <v>21317</v>
      </c>
      <c r="F40869" t="s">
        <v>21318</v>
      </c>
      <c r="G40869" t="s">
        <v>20255</v>
      </c>
      <c r="H40869" t="s">
        <v>20256</v>
      </c>
      <c r="I40869" s="2">
        <v>1</v>
      </c>
      <c r="J40869" s="2">
        <v>0</v>
      </c>
      <c r="K40869" s="2">
        <v>0</v>
      </c>
      <c r="L40869" t="s">
        <v>120</v>
      </c>
      <c r="M40869" t="s">
        <v>83</v>
      </c>
      <c r="N40869" t="s">
        <v>91</v>
      </c>
      <c r="O40869" t="s">
        <v>85</v>
      </c>
      <c r="P40869" t="s">
        <v>86</v>
      </c>
      <c r="Q40869">
        <v>18</v>
      </c>
      <c r="R40869">
        <v>18</v>
      </c>
      <c r="S40869">
        <v>19</v>
      </c>
      <c r="T40869">
        <v>20</v>
      </c>
      <c r="U40869">
        <v>20</v>
      </c>
      <c r="V40869">
        <v>21</v>
      </c>
      <c r="W40869">
        <v>21</v>
      </c>
      <c r="X40869">
        <v>22</v>
      </c>
      <c r="Y40869">
        <v>22</v>
      </c>
      <c r="Z40869">
        <v>23</v>
      </c>
      <c r="AA40869">
        <v>24</v>
      </c>
      <c r="AB40869">
        <v>24</v>
      </c>
      <c r="AC40869">
        <v>25</v>
      </c>
      <c r="AD40869">
        <v>26</v>
      </c>
      <c r="AE40869">
        <v>26</v>
      </c>
      <c r="AF40869">
        <v>27</v>
      </c>
      <c r="AG40869">
        <v>27</v>
      </c>
      <c r="AH40869">
        <v>28</v>
      </c>
      <c r="AI40869">
        <v>29</v>
      </c>
      <c r="AJ40869">
        <v>30</v>
      </c>
      <c r="AK40869">
        <v>30</v>
      </c>
      <c r="AL40869">
        <v>31</v>
      </c>
      <c r="AM40869">
        <v>31</v>
      </c>
      <c r="AN40869">
        <v>32</v>
      </c>
      <c r="AO40869">
        <v>32</v>
      </c>
      <c r="AP40869">
        <v>33</v>
      </c>
      <c r="AQ40869">
        <v>33</v>
      </c>
    </row>
    <row r="40870" spans="1:43">
      <c r="A40870" t="s">
        <v>25229</v>
      </c>
      <c r="B40870" t="s">
        <v>25230</v>
      </c>
      <c r="C40870" t="s">
        <v>5992</v>
      </c>
      <c r="D40870" t="s">
        <v>5993</v>
      </c>
      <c r="E40870" t="s">
        <v>5940</v>
      </c>
      <c r="F40870" t="s">
        <v>5941</v>
      </c>
      <c r="G40870" t="s">
        <v>80</v>
      </c>
      <c r="H40870" t="s">
        <v>81</v>
      </c>
      <c r="I40870" s="2">
        <v>0</v>
      </c>
      <c r="J40870" s="2">
        <v>0</v>
      </c>
      <c r="K40870" s="2">
        <v>1</v>
      </c>
      <c r="L40870" t="s">
        <v>995</v>
      </c>
      <c r="M40870" t="s">
        <v>83</v>
      </c>
      <c r="N40870" t="s">
        <v>84</v>
      </c>
      <c r="O40870" t="s">
        <v>85</v>
      </c>
      <c r="P40870" t="s">
        <v>86</v>
      </c>
      <c r="Q40870">
        <v>83</v>
      </c>
      <c r="R40870">
        <v>85</v>
      </c>
      <c r="S40870">
        <v>86</v>
      </c>
      <c r="T40870">
        <v>88</v>
      </c>
      <c r="U40870">
        <v>89</v>
      </c>
      <c r="V40870">
        <v>91</v>
      </c>
      <c r="W40870">
        <v>92</v>
      </c>
      <c r="X40870">
        <v>94</v>
      </c>
      <c r="Y40870">
        <v>95</v>
      </c>
      <c r="Z40870">
        <v>97</v>
      </c>
      <c r="AA40870">
        <v>98</v>
      </c>
      <c r="AB40870">
        <v>99</v>
      </c>
      <c r="AC40870">
        <v>101</v>
      </c>
      <c r="AD40870">
        <v>102</v>
      </c>
      <c r="AE40870">
        <v>104</v>
      </c>
      <c r="AF40870">
        <v>105</v>
      </c>
      <c r="AG40870">
        <v>107</v>
      </c>
      <c r="AH40870">
        <v>108</v>
      </c>
      <c r="AI40870">
        <v>110</v>
      </c>
      <c r="AJ40870">
        <v>111</v>
      </c>
      <c r="AK40870">
        <v>113</v>
      </c>
      <c r="AL40870">
        <v>113</v>
      </c>
      <c r="AM40870">
        <v>114</v>
      </c>
      <c r="AN40870">
        <v>114</v>
      </c>
      <c r="AO40870">
        <v>115</v>
      </c>
      <c r="AP40870">
        <v>115</v>
      </c>
      <c r="AQ40870">
        <v>115</v>
      </c>
    </row>
    <row r="40871" spans="1:43">
      <c r="A40871" t="s">
        <v>25229</v>
      </c>
      <c r="B40871" t="s">
        <v>25230</v>
      </c>
      <c r="C40871" t="s">
        <v>5992</v>
      </c>
      <c r="D40871" t="s">
        <v>5993</v>
      </c>
      <c r="E40871" t="s">
        <v>5940</v>
      </c>
      <c r="F40871" t="s">
        <v>5941</v>
      </c>
      <c r="G40871" t="s">
        <v>80</v>
      </c>
      <c r="H40871" t="s">
        <v>81</v>
      </c>
      <c r="I40871" s="2">
        <v>0</v>
      </c>
      <c r="J40871" s="2">
        <v>0</v>
      </c>
      <c r="K40871" s="2">
        <v>1</v>
      </c>
      <c r="L40871" t="s">
        <v>995</v>
      </c>
      <c r="M40871" t="s">
        <v>87</v>
      </c>
      <c r="N40871" t="s">
        <v>88</v>
      </c>
      <c r="O40871" t="s">
        <v>85</v>
      </c>
      <c r="P40871" t="s">
        <v>86</v>
      </c>
      <c r="Q40871">
        <v>83</v>
      </c>
      <c r="R40871">
        <v>83</v>
      </c>
      <c r="S40871">
        <v>84</v>
      </c>
      <c r="T40871">
        <v>85</v>
      </c>
      <c r="U40871">
        <v>85</v>
      </c>
      <c r="V40871">
        <v>86</v>
      </c>
      <c r="W40871">
        <v>87</v>
      </c>
      <c r="X40871">
        <v>87</v>
      </c>
      <c r="Y40871">
        <v>88</v>
      </c>
      <c r="Z40871">
        <v>89</v>
      </c>
      <c r="AA40871">
        <v>89</v>
      </c>
      <c r="AB40871">
        <v>90</v>
      </c>
      <c r="AC40871">
        <v>91</v>
      </c>
      <c r="AD40871">
        <v>91</v>
      </c>
      <c r="AE40871">
        <v>92</v>
      </c>
      <c r="AF40871">
        <v>93</v>
      </c>
      <c r="AG40871">
        <v>93</v>
      </c>
      <c r="AH40871">
        <v>94</v>
      </c>
      <c r="AI40871">
        <v>95</v>
      </c>
      <c r="AJ40871">
        <v>95</v>
      </c>
      <c r="AK40871">
        <v>96</v>
      </c>
      <c r="AL40871">
        <v>97</v>
      </c>
      <c r="AM40871">
        <v>97</v>
      </c>
      <c r="AN40871">
        <v>98</v>
      </c>
      <c r="AO40871">
        <v>99</v>
      </c>
      <c r="AP40871">
        <v>99</v>
      </c>
      <c r="AQ40871">
        <v>100</v>
      </c>
    </row>
    <row r="40872" spans="1:43">
      <c r="A40872" t="s">
        <v>25229</v>
      </c>
      <c r="B40872" t="s">
        <v>25230</v>
      </c>
      <c r="C40872" t="s">
        <v>5992</v>
      </c>
      <c r="D40872" t="s">
        <v>5993</v>
      </c>
      <c r="E40872" t="s">
        <v>5940</v>
      </c>
      <c r="F40872" t="s">
        <v>5941</v>
      </c>
      <c r="G40872" t="s">
        <v>80</v>
      </c>
      <c r="H40872" t="s">
        <v>81</v>
      </c>
      <c r="I40872" s="2">
        <v>0</v>
      </c>
      <c r="J40872" s="2">
        <v>0</v>
      </c>
      <c r="K40872" s="2">
        <v>1</v>
      </c>
      <c r="L40872" t="s">
        <v>995</v>
      </c>
      <c r="M40872" t="s">
        <v>89</v>
      </c>
      <c r="N40872" t="s">
        <v>90</v>
      </c>
      <c r="O40872" t="s">
        <v>85</v>
      </c>
      <c r="P40872" t="s">
        <v>86</v>
      </c>
      <c r="Q40872">
        <v>83</v>
      </c>
      <c r="R40872">
        <v>85</v>
      </c>
      <c r="S40872">
        <v>88</v>
      </c>
      <c r="T40872">
        <v>90</v>
      </c>
      <c r="U40872">
        <v>92</v>
      </c>
      <c r="V40872">
        <v>94</v>
      </c>
      <c r="W40872">
        <v>96</v>
      </c>
      <c r="X40872">
        <v>98</v>
      </c>
      <c r="Y40872">
        <v>100</v>
      </c>
      <c r="Z40872">
        <v>102</v>
      </c>
      <c r="AA40872">
        <v>103</v>
      </c>
      <c r="AB40872">
        <v>105</v>
      </c>
      <c r="AC40872">
        <v>107</v>
      </c>
      <c r="AD40872">
        <v>109</v>
      </c>
      <c r="AE40872">
        <v>111</v>
      </c>
      <c r="AF40872">
        <v>111</v>
      </c>
      <c r="AG40872">
        <v>111</v>
      </c>
      <c r="AH40872">
        <v>112</v>
      </c>
      <c r="AI40872">
        <v>112</v>
      </c>
      <c r="AJ40872">
        <v>112</v>
      </c>
      <c r="AK40872">
        <v>113</v>
      </c>
      <c r="AL40872">
        <v>113</v>
      </c>
      <c r="AM40872">
        <v>114</v>
      </c>
      <c r="AN40872">
        <v>114</v>
      </c>
      <c r="AO40872">
        <v>114</v>
      </c>
      <c r="AP40872">
        <v>115</v>
      </c>
      <c r="AQ40872">
        <v>115</v>
      </c>
    </row>
    <row r="40873" spans="1:43">
      <c r="A40873" t="s">
        <v>25229</v>
      </c>
      <c r="B40873" t="s">
        <v>25230</v>
      </c>
      <c r="C40873" t="s">
        <v>5992</v>
      </c>
      <c r="D40873" t="s">
        <v>5993</v>
      </c>
      <c r="E40873" t="s">
        <v>5940</v>
      </c>
      <c r="F40873" t="s">
        <v>5941</v>
      </c>
      <c r="G40873" t="s">
        <v>80</v>
      </c>
      <c r="H40873" t="s">
        <v>81</v>
      </c>
      <c r="I40873" s="2">
        <v>0</v>
      </c>
      <c r="J40873" s="2">
        <v>0</v>
      </c>
      <c r="K40873" s="2">
        <v>1</v>
      </c>
      <c r="L40873" t="s">
        <v>995</v>
      </c>
      <c r="M40873" t="s">
        <v>83</v>
      </c>
      <c r="N40873" t="s">
        <v>91</v>
      </c>
      <c r="O40873" t="s">
        <v>85</v>
      </c>
      <c r="P40873" t="s">
        <v>86</v>
      </c>
      <c r="Q40873">
        <v>83</v>
      </c>
      <c r="R40873">
        <v>85</v>
      </c>
      <c r="S40873">
        <v>86</v>
      </c>
      <c r="T40873">
        <v>88</v>
      </c>
      <c r="U40873">
        <v>89</v>
      </c>
      <c r="V40873">
        <v>91</v>
      </c>
      <c r="W40873">
        <v>92</v>
      </c>
      <c r="X40873">
        <v>94</v>
      </c>
      <c r="Y40873">
        <v>95</v>
      </c>
      <c r="Z40873">
        <v>97</v>
      </c>
      <c r="AA40873">
        <v>98</v>
      </c>
      <c r="AB40873">
        <v>99</v>
      </c>
      <c r="AC40873">
        <v>101</v>
      </c>
      <c r="AD40873">
        <v>102</v>
      </c>
      <c r="AE40873">
        <v>104</v>
      </c>
      <c r="AF40873">
        <v>105</v>
      </c>
      <c r="AG40873">
        <v>107</v>
      </c>
      <c r="AH40873">
        <v>108</v>
      </c>
      <c r="AI40873">
        <v>110</v>
      </c>
      <c r="AJ40873">
        <v>111</v>
      </c>
      <c r="AK40873">
        <v>113</v>
      </c>
      <c r="AL40873">
        <v>113</v>
      </c>
      <c r="AM40873">
        <v>114</v>
      </c>
      <c r="AN40873">
        <v>114</v>
      </c>
      <c r="AO40873">
        <v>115</v>
      </c>
      <c r="AP40873">
        <v>115</v>
      </c>
      <c r="AQ40873">
        <v>115</v>
      </c>
    </row>
    <row r="40874" spans="1:43">
      <c r="A40874" t="s">
        <v>25231</v>
      </c>
      <c r="B40874" t="s">
        <v>25232</v>
      </c>
      <c r="C40874" t="s">
        <v>8148</v>
      </c>
      <c r="D40874" t="s">
        <v>8149</v>
      </c>
      <c r="E40874" t="s">
        <v>8022</v>
      </c>
      <c r="F40874" t="s">
        <v>8023</v>
      </c>
      <c r="G40874" t="s">
        <v>80</v>
      </c>
      <c r="H40874" t="s">
        <v>81</v>
      </c>
      <c r="I40874" s="2">
        <v>0</v>
      </c>
      <c r="J40874" s="2">
        <v>0.38</v>
      </c>
      <c r="K40874" s="2">
        <v>0.25</v>
      </c>
      <c r="L40874" t="s">
        <v>82</v>
      </c>
      <c r="M40874" t="s">
        <v>83</v>
      </c>
      <c r="N40874" t="s">
        <v>84</v>
      </c>
      <c r="O40874" t="s">
        <v>85</v>
      </c>
      <c r="P40874" t="s">
        <v>86</v>
      </c>
      <c r="Q40874">
        <v>10</v>
      </c>
      <c r="R40874">
        <v>11</v>
      </c>
      <c r="S40874">
        <v>11</v>
      </c>
      <c r="T40874">
        <v>11</v>
      </c>
      <c r="U40874">
        <v>11</v>
      </c>
      <c r="V40874">
        <v>11</v>
      </c>
      <c r="W40874">
        <v>11</v>
      </c>
      <c r="X40874">
        <v>12</v>
      </c>
      <c r="Y40874">
        <v>12</v>
      </c>
      <c r="Z40874">
        <v>12</v>
      </c>
      <c r="AA40874">
        <v>12</v>
      </c>
      <c r="AB40874">
        <v>12</v>
      </c>
      <c r="AC40874">
        <v>12</v>
      </c>
      <c r="AD40874">
        <v>12</v>
      </c>
      <c r="AE40874">
        <v>12</v>
      </c>
      <c r="AF40874">
        <v>13</v>
      </c>
      <c r="AG40874">
        <v>13</v>
      </c>
      <c r="AH40874">
        <v>13</v>
      </c>
      <c r="AI40874">
        <v>13</v>
      </c>
      <c r="AJ40874">
        <v>13</v>
      </c>
      <c r="AK40874">
        <v>13</v>
      </c>
      <c r="AL40874">
        <v>13</v>
      </c>
      <c r="AM40874">
        <v>13</v>
      </c>
      <c r="AN40874">
        <v>13</v>
      </c>
      <c r="AO40874">
        <v>13</v>
      </c>
      <c r="AP40874">
        <v>13</v>
      </c>
      <c r="AQ40874">
        <v>13</v>
      </c>
    </row>
    <row r="40875" spans="1:43">
      <c r="A40875" t="s">
        <v>25231</v>
      </c>
      <c r="B40875" t="s">
        <v>25232</v>
      </c>
      <c r="C40875" t="s">
        <v>8148</v>
      </c>
      <c r="D40875" t="s">
        <v>8149</v>
      </c>
      <c r="E40875" t="s">
        <v>8022</v>
      </c>
      <c r="F40875" t="s">
        <v>8023</v>
      </c>
      <c r="G40875" t="s">
        <v>80</v>
      </c>
      <c r="H40875" t="s">
        <v>81</v>
      </c>
      <c r="I40875" s="2">
        <v>0</v>
      </c>
      <c r="J40875" s="2">
        <v>0.38</v>
      </c>
      <c r="K40875" s="2">
        <v>0.25</v>
      </c>
      <c r="L40875" t="s">
        <v>82</v>
      </c>
      <c r="M40875" t="s">
        <v>87</v>
      </c>
      <c r="N40875" t="s">
        <v>88</v>
      </c>
      <c r="O40875" t="s">
        <v>85</v>
      </c>
      <c r="P40875" t="s">
        <v>86</v>
      </c>
      <c r="Q40875">
        <v>10</v>
      </c>
      <c r="R40875">
        <v>10</v>
      </c>
      <c r="S40875">
        <v>10</v>
      </c>
      <c r="T40875">
        <v>11</v>
      </c>
      <c r="U40875">
        <v>11</v>
      </c>
      <c r="V40875">
        <v>11</v>
      </c>
      <c r="W40875">
        <v>11</v>
      </c>
      <c r="X40875">
        <v>11</v>
      </c>
      <c r="Y40875">
        <v>11</v>
      </c>
      <c r="Z40875">
        <v>11</v>
      </c>
      <c r="AA40875">
        <v>11</v>
      </c>
      <c r="AB40875">
        <v>11</v>
      </c>
      <c r="AC40875">
        <v>11</v>
      </c>
      <c r="AD40875">
        <v>11</v>
      </c>
      <c r="AE40875">
        <v>11</v>
      </c>
      <c r="AF40875">
        <v>11</v>
      </c>
      <c r="AG40875">
        <v>11</v>
      </c>
      <c r="AH40875">
        <v>11</v>
      </c>
      <c r="AI40875">
        <v>11</v>
      </c>
      <c r="AJ40875">
        <v>11</v>
      </c>
      <c r="AK40875">
        <v>11</v>
      </c>
      <c r="AL40875">
        <v>11</v>
      </c>
      <c r="AM40875">
        <v>11</v>
      </c>
      <c r="AN40875">
        <v>11</v>
      </c>
      <c r="AO40875">
        <v>11</v>
      </c>
      <c r="AP40875">
        <v>11</v>
      </c>
      <c r="AQ40875">
        <v>11</v>
      </c>
    </row>
    <row r="40876" spans="1:43">
      <c r="A40876" t="s">
        <v>25231</v>
      </c>
      <c r="B40876" t="s">
        <v>25232</v>
      </c>
      <c r="C40876" t="s">
        <v>8148</v>
      </c>
      <c r="D40876" t="s">
        <v>8149</v>
      </c>
      <c r="E40876" t="s">
        <v>8022</v>
      </c>
      <c r="F40876" t="s">
        <v>8023</v>
      </c>
      <c r="G40876" t="s">
        <v>80</v>
      </c>
      <c r="H40876" t="s">
        <v>81</v>
      </c>
      <c r="I40876" s="2">
        <v>0</v>
      </c>
      <c r="J40876" s="2">
        <v>0.38</v>
      </c>
      <c r="K40876" s="2">
        <v>0.25</v>
      </c>
      <c r="L40876" t="s">
        <v>82</v>
      </c>
      <c r="M40876" t="s">
        <v>89</v>
      </c>
      <c r="N40876" t="s">
        <v>90</v>
      </c>
      <c r="O40876" t="s">
        <v>85</v>
      </c>
      <c r="P40876" t="s">
        <v>86</v>
      </c>
      <c r="Q40876">
        <v>10</v>
      </c>
      <c r="R40876">
        <v>10</v>
      </c>
      <c r="S40876">
        <v>10</v>
      </c>
      <c r="T40876">
        <v>10</v>
      </c>
      <c r="U40876">
        <v>11</v>
      </c>
      <c r="V40876">
        <v>11</v>
      </c>
      <c r="W40876">
        <v>11</v>
      </c>
      <c r="X40876">
        <v>11</v>
      </c>
      <c r="Y40876">
        <v>11</v>
      </c>
      <c r="Z40876">
        <v>12</v>
      </c>
      <c r="AA40876">
        <v>12</v>
      </c>
      <c r="AB40876">
        <v>12</v>
      </c>
      <c r="AC40876">
        <v>12</v>
      </c>
      <c r="AD40876">
        <v>12</v>
      </c>
      <c r="AE40876">
        <v>12</v>
      </c>
      <c r="AF40876">
        <v>12</v>
      </c>
      <c r="AG40876">
        <v>12</v>
      </c>
      <c r="AH40876">
        <v>12</v>
      </c>
      <c r="AI40876">
        <v>12</v>
      </c>
      <c r="AJ40876">
        <v>12</v>
      </c>
      <c r="AK40876">
        <v>12</v>
      </c>
      <c r="AL40876">
        <v>12</v>
      </c>
      <c r="AM40876">
        <v>12</v>
      </c>
      <c r="AN40876">
        <v>12</v>
      </c>
      <c r="AO40876">
        <v>12</v>
      </c>
      <c r="AP40876">
        <v>12</v>
      </c>
      <c r="AQ40876">
        <v>12</v>
      </c>
    </row>
    <row r="40877" spans="1:43">
      <c r="A40877" t="s">
        <v>25231</v>
      </c>
      <c r="B40877" t="s">
        <v>25232</v>
      </c>
      <c r="C40877" t="s">
        <v>8148</v>
      </c>
      <c r="D40877" t="s">
        <v>8149</v>
      </c>
      <c r="E40877" t="s">
        <v>8022</v>
      </c>
      <c r="F40877" t="s">
        <v>8023</v>
      </c>
      <c r="G40877" t="s">
        <v>80</v>
      </c>
      <c r="H40877" t="s">
        <v>81</v>
      </c>
      <c r="I40877" s="2">
        <v>0</v>
      </c>
      <c r="J40877" s="2">
        <v>0.38</v>
      </c>
      <c r="K40877" s="2">
        <v>0.25</v>
      </c>
      <c r="L40877" t="s">
        <v>82</v>
      </c>
      <c r="M40877" t="s">
        <v>83</v>
      </c>
      <c r="N40877" t="s">
        <v>91</v>
      </c>
      <c r="O40877" t="s">
        <v>85</v>
      </c>
      <c r="P40877" t="s">
        <v>86</v>
      </c>
      <c r="Q40877">
        <v>10</v>
      </c>
      <c r="R40877">
        <v>11</v>
      </c>
      <c r="S40877">
        <v>11</v>
      </c>
      <c r="T40877">
        <v>11</v>
      </c>
      <c r="U40877">
        <v>11</v>
      </c>
      <c r="V40877">
        <v>11</v>
      </c>
      <c r="W40877">
        <v>11</v>
      </c>
      <c r="X40877">
        <v>12</v>
      </c>
      <c r="Y40877">
        <v>12</v>
      </c>
      <c r="Z40877">
        <v>12</v>
      </c>
      <c r="AA40877">
        <v>12</v>
      </c>
      <c r="AB40877">
        <v>12</v>
      </c>
      <c r="AC40877">
        <v>12</v>
      </c>
      <c r="AD40877">
        <v>12</v>
      </c>
      <c r="AE40877">
        <v>12</v>
      </c>
      <c r="AF40877">
        <v>13</v>
      </c>
      <c r="AG40877">
        <v>13</v>
      </c>
      <c r="AH40877">
        <v>13</v>
      </c>
      <c r="AI40877">
        <v>13</v>
      </c>
      <c r="AJ40877">
        <v>13</v>
      </c>
      <c r="AK40877">
        <v>13</v>
      </c>
      <c r="AL40877">
        <v>13</v>
      </c>
      <c r="AM40877">
        <v>13</v>
      </c>
      <c r="AN40877">
        <v>13</v>
      </c>
      <c r="AO40877">
        <v>13</v>
      </c>
      <c r="AP40877">
        <v>13</v>
      </c>
      <c r="AQ40877">
        <v>13</v>
      </c>
    </row>
    <row r="40878" spans="1:43">
      <c r="A40878" t="s">
        <v>25233</v>
      </c>
      <c r="B40878" t="s">
        <v>25234</v>
      </c>
      <c r="C40878" t="s">
        <v>8148</v>
      </c>
      <c r="D40878" t="s">
        <v>8149</v>
      </c>
      <c r="E40878" t="s">
        <v>8022</v>
      </c>
      <c r="F40878" t="s">
        <v>8023</v>
      </c>
      <c r="G40878" t="s">
        <v>80</v>
      </c>
      <c r="H40878" t="s">
        <v>81</v>
      </c>
      <c r="I40878" s="2">
        <v>0</v>
      </c>
      <c r="J40878" s="2">
        <v>0.48</v>
      </c>
      <c r="K40878" s="2">
        <v>0.52</v>
      </c>
      <c r="L40878" t="s">
        <v>995</v>
      </c>
      <c r="M40878" t="s">
        <v>83</v>
      </c>
      <c r="N40878" t="s">
        <v>84</v>
      </c>
      <c r="O40878" t="s">
        <v>85</v>
      </c>
      <c r="P40878" t="s">
        <v>86</v>
      </c>
      <c r="Q40878">
        <v>29</v>
      </c>
      <c r="R40878">
        <v>29</v>
      </c>
      <c r="S40878">
        <v>30</v>
      </c>
      <c r="T40878">
        <v>30</v>
      </c>
      <c r="U40878">
        <v>31</v>
      </c>
      <c r="V40878">
        <v>31</v>
      </c>
      <c r="W40878">
        <v>31</v>
      </c>
      <c r="X40878">
        <v>32</v>
      </c>
      <c r="Y40878">
        <v>32</v>
      </c>
      <c r="Z40878">
        <v>32</v>
      </c>
      <c r="AA40878">
        <v>33</v>
      </c>
      <c r="AB40878">
        <v>33</v>
      </c>
      <c r="AC40878">
        <v>34</v>
      </c>
      <c r="AD40878">
        <v>34</v>
      </c>
      <c r="AE40878">
        <v>34</v>
      </c>
      <c r="AF40878">
        <v>35</v>
      </c>
      <c r="AG40878">
        <v>35</v>
      </c>
      <c r="AH40878">
        <v>35</v>
      </c>
      <c r="AI40878">
        <v>36</v>
      </c>
      <c r="AJ40878">
        <v>36</v>
      </c>
      <c r="AK40878">
        <v>36</v>
      </c>
      <c r="AL40878">
        <v>36</v>
      </c>
      <c r="AM40878">
        <v>36</v>
      </c>
      <c r="AN40878">
        <v>36</v>
      </c>
      <c r="AO40878">
        <v>36</v>
      </c>
      <c r="AP40878">
        <v>36</v>
      </c>
      <c r="AQ40878">
        <v>36</v>
      </c>
    </row>
    <row r="40879" spans="1:43">
      <c r="A40879" t="s">
        <v>25233</v>
      </c>
      <c r="B40879" t="s">
        <v>25234</v>
      </c>
      <c r="C40879" t="s">
        <v>8148</v>
      </c>
      <c r="D40879" t="s">
        <v>8149</v>
      </c>
      <c r="E40879" t="s">
        <v>8022</v>
      </c>
      <c r="F40879" t="s">
        <v>8023</v>
      </c>
      <c r="G40879" t="s">
        <v>80</v>
      </c>
      <c r="H40879" t="s">
        <v>81</v>
      </c>
      <c r="I40879" s="2">
        <v>0</v>
      </c>
      <c r="J40879" s="2">
        <v>0.48</v>
      </c>
      <c r="K40879" s="2">
        <v>0.52</v>
      </c>
      <c r="L40879" t="s">
        <v>995</v>
      </c>
      <c r="M40879" t="s">
        <v>87</v>
      </c>
      <c r="N40879" t="s">
        <v>88</v>
      </c>
      <c r="O40879" t="s">
        <v>85</v>
      </c>
      <c r="P40879" t="s">
        <v>86</v>
      </c>
      <c r="Q40879">
        <v>29</v>
      </c>
      <c r="R40879">
        <v>29</v>
      </c>
      <c r="S40879">
        <v>29</v>
      </c>
      <c r="T40879">
        <v>29</v>
      </c>
      <c r="U40879">
        <v>29</v>
      </c>
      <c r="V40879">
        <v>29</v>
      </c>
      <c r="W40879">
        <v>29</v>
      </c>
      <c r="X40879">
        <v>30</v>
      </c>
      <c r="Y40879">
        <v>30</v>
      </c>
      <c r="Z40879">
        <v>30</v>
      </c>
      <c r="AA40879">
        <v>30</v>
      </c>
      <c r="AB40879">
        <v>30</v>
      </c>
      <c r="AC40879">
        <v>30</v>
      </c>
      <c r="AD40879">
        <v>30</v>
      </c>
      <c r="AE40879">
        <v>30</v>
      </c>
      <c r="AF40879">
        <v>30</v>
      </c>
      <c r="AG40879">
        <v>30</v>
      </c>
      <c r="AH40879">
        <v>31</v>
      </c>
      <c r="AI40879">
        <v>31</v>
      </c>
      <c r="AJ40879">
        <v>31</v>
      </c>
      <c r="AK40879">
        <v>31</v>
      </c>
      <c r="AL40879">
        <v>31</v>
      </c>
      <c r="AM40879">
        <v>31</v>
      </c>
      <c r="AN40879">
        <v>31</v>
      </c>
      <c r="AO40879">
        <v>31</v>
      </c>
      <c r="AP40879">
        <v>31</v>
      </c>
      <c r="AQ40879">
        <v>31</v>
      </c>
    </row>
    <row r="40880" spans="1:43">
      <c r="A40880" t="s">
        <v>25233</v>
      </c>
      <c r="B40880" t="s">
        <v>25234</v>
      </c>
      <c r="C40880" t="s">
        <v>8148</v>
      </c>
      <c r="D40880" t="s">
        <v>8149</v>
      </c>
      <c r="E40880" t="s">
        <v>8022</v>
      </c>
      <c r="F40880" t="s">
        <v>8023</v>
      </c>
      <c r="G40880" t="s">
        <v>80</v>
      </c>
      <c r="H40880" t="s">
        <v>81</v>
      </c>
      <c r="I40880" s="2">
        <v>0</v>
      </c>
      <c r="J40880" s="2">
        <v>0.48</v>
      </c>
      <c r="K40880" s="2">
        <v>0.52</v>
      </c>
      <c r="L40880" t="s">
        <v>995</v>
      </c>
      <c r="M40880" t="s">
        <v>89</v>
      </c>
      <c r="N40880" t="s">
        <v>90</v>
      </c>
      <c r="O40880" t="s">
        <v>85</v>
      </c>
      <c r="P40880" t="s">
        <v>86</v>
      </c>
      <c r="Q40880">
        <v>29</v>
      </c>
      <c r="R40880">
        <v>30</v>
      </c>
      <c r="S40880">
        <v>30</v>
      </c>
      <c r="T40880">
        <v>31</v>
      </c>
      <c r="U40880">
        <v>32</v>
      </c>
      <c r="V40880">
        <v>32</v>
      </c>
      <c r="W40880">
        <v>33</v>
      </c>
      <c r="X40880">
        <v>33</v>
      </c>
      <c r="Y40880">
        <v>34</v>
      </c>
      <c r="Z40880">
        <v>35</v>
      </c>
      <c r="AA40880">
        <v>35</v>
      </c>
      <c r="AB40880">
        <v>36</v>
      </c>
      <c r="AC40880">
        <v>36</v>
      </c>
      <c r="AD40880">
        <v>37</v>
      </c>
      <c r="AE40880">
        <v>37</v>
      </c>
      <c r="AF40880">
        <v>37</v>
      </c>
      <c r="AG40880">
        <v>37</v>
      </c>
      <c r="AH40880">
        <v>37</v>
      </c>
      <c r="AI40880">
        <v>37</v>
      </c>
      <c r="AJ40880">
        <v>37</v>
      </c>
      <c r="AK40880">
        <v>37</v>
      </c>
      <c r="AL40880">
        <v>36</v>
      </c>
      <c r="AM40880">
        <v>36</v>
      </c>
      <c r="AN40880">
        <v>36</v>
      </c>
      <c r="AO40880">
        <v>36</v>
      </c>
      <c r="AP40880">
        <v>36</v>
      </c>
      <c r="AQ40880">
        <v>36</v>
      </c>
    </row>
    <row r="40881" spans="1:43">
      <c r="A40881" t="s">
        <v>25233</v>
      </c>
      <c r="B40881" t="s">
        <v>25234</v>
      </c>
      <c r="C40881" t="s">
        <v>8148</v>
      </c>
      <c r="D40881" t="s">
        <v>8149</v>
      </c>
      <c r="E40881" t="s">
        <v>8022</v>
      </c>
      <c r="F40881" t="s">
        <v>8023</v>
      </c>
      <c r="G40881" t="s">
        <v>80</v>
      </c>
      <c r="H40881" t="s">
        <v>81</v>
      </c>
      <c r="I40881" s="2">
        <v>0</v>
      </c>
      <c r="J40881" s="2">
        <v>0.48</v>
      </c>
      <c r="K40881" s="2">
        <v>0.52</v>
      </c>
      <c r="L40881" t="s">
        <v>995</v>
      </c>
      <c r="M40881" t="s">
        <v>83</v>
      </c>
      <c r="N40881" t="s">
        <v>91</v>
      </c>
      <c r="O40881" t="s">
        <v>85</v>
      </c>
      <c r="P40881" t="s">
        <v>86</v>
      </c>
      <c r="Q40881">
        <v>29</v>
      </c>
      <c r="R40881">
        <v>29</v>
      </c>
      <c r="S40881">
        <v>30</v>
      </c>
      <c r="T40881">
        <v>30</v>
      </c>
      <c r="U40881">
        <v>31</v>
      </c>
      <c r="V40881">
        <v>31</v>
      </c>
      <c r="W40881">
        <v>31</v>
      </c>
      <c r="X40881">
        <v>32</v>
      </c>
      <c r="Y40881">
        <v>32</v>
      </c>
      <c r="Z40881">
        <v>32</v>
      </c>
      <c r="AA40881">
        <v>33</v>
      </c>
      <c r="AB40881">
        <v>33</v>
      </c>
      <c r="AC40881">
        <v>34</v>
      </c>
      <c r="AD40881">
        <v>34</v>
      </c>
      <c r="AE40881">
        <v>34</v>
      </c>
      <c r="AF40881">
        <v>35</v>
      </c>
      <c r="AG40881">
        <v>35</v>
      </c>
      <c r="AH40881">
        <v>35</v>
      </c>
      <c r="AI40881">
        <v>36</v>
      </c>
      <c r="AJ40881">
        <v>36</v>
      </c>
      <c r="AK40881">
        <v>36</v>
      </c>
      <c r="AL40881">
        <v>36</v>
      </c>
      <c r="AM40881">
        <v>36</v>
      </c>
      <c r="AN40881">
        <v>36</v>
      </c>
      <c r="AO40881">
        <v>36</v>
      </c>
      <c r="AP40881">
        <v>36</v>
      </c>
      <c r="AQ40881">
        <v>36</v>
      </c>
    </row>
    <row r="40882" spans="1:43">
      <c r="A40882" t="s">
        <v>25235</v>
      </c>
      <c r="B40882" t="s">
        <v>25236</v>
      </c>
      <c r="C40882" t="s">
        <v>25237</v>
      </c>
      <c r="D40882" t="s">
        <v>25238</v>
      </c>
      <c r="E40882" t="s">
        <v>7278</v>
      </c>
      <c r="F40882" t="s">
        <v>7279</v>
      </c>
      <c r="G40882" t="s">
        <v>80</v>
      </c>
      <c r="H40882" t="s">
        <v>81</v>
      </c>
      <c r="I40882" s="2">
        <v>0</v>
      </c>
      <c r="J40882" s="2">
        <v>1</v>
      </c>
      <c r="K40882" s="2">
        <v>0</v>
      </c>
      <c r="L40882" t="s">
        <v>82</v>
      </c>
      <c r="M40882" t="s">
        <v>83</v>
      </c>
      <c r="N40882" t="s">
        <v>84</v>
      </c>
      <c r="O40882" t="s">
        <v>85</v>
      </c>
      <c r="P40882" t="s">
        <v>86</v>
      </c>
      <c r="Q40882">
        <v>83</v>
      </c>
      <c r="R40882">
        <v>83</v>
      </c>
      <c r="S40882">
        <v>84</v>
      </c>
      <c r="T40882">
        <v>85</v>
      </c>
      <c r="U40882">
        <v>86</v>
      </c>
      <c r="V40882">
        <v>87</v>
      </c>
      <c r="W40882">
        <v>87</v>
      </c>
      <c r="X40882">
        <v>88</v>
      </c>
      <c r="Y40882">
        <v>89</v>
      </c>
      <c r="Z40882">
        <v>89</v>
      </c>
      <c r="AA40882">
        <v>90</v>
      </c>
      <c r="AB40882">
        <v>91</v>
      </c>
      <c r="AC40882">
        <v>91</v>
      </c>
      <c r="AD40882">
        <v>92</v>
      </c>
      <c r="AE40882">
        <v>92</v>
      </c>
      <c r="AF40882">
        <v>93</v>
      </c>
      <c r="AG40882">
        <v>93</v>
      </c>
      <c r="AH40882">
        <v>94</v>
      </c>
      <c r="AI40882">
        <v>94</v>
      </c>
      <c r="AJ40882">
        <v>94</v>
      </c>
      <c r="AK40882">
        <v>95</v>
      </c>
      <c r="AL40882">
        <v>95</v>
      </c>
      <c r="AM40882">
        <v>94</v>
      </c>
      <c r="AN40882">
        <v>94</v>
      </c>
      <c r="AO40882">
        <v>93</v>
      </c>
      <c r="AP40882">
        <v>93</v>
      </c>
      <c r="AQ40882">
        <v>92</v>
      </c>
    </row>
    <row r="40883" spans="1:43">
      <c r="A40883" t="s">
        <v>25235</v>
      </c>
      <c r="B40883" t="s">
        <v>25236</v>
      </c>
      <c r="C40883" t="s">
        <v>25237</v>
      </c>
      <c r="D40883" t="s">
        <v>25238</v>
      </c>
      <c r="E40883" t="s">
        <v>7278</v>
      </c>
      <c r="F40883" t="s">
        <v>7279</v>
      </c>
      <c r="G40883" t="s">
        <v>80</v>
      </c>
      <c r="H40883" t="s">
        <v>81</v>
      </c>
      <c r="I40883" s="2">
        <v>0</v>
      </c>
      <c r="J40883" s="2">
        <v>1</v>
      </c>
      <c r="K40883" s="2">
        <v>0</v>
      </c>
      <c r="L40883" t="s">
        <v>82</v>
      </c>
      <c r="M40883" t="s">
        <v>87</v>
      </c>
      <c r="N40883" t="s">
        <v>88</v>
      </c>
      <c r="O40883" t="s">
        <v>85</v>
      </c>
      <c r="P40883" t="s">
        <v>86</v>
      </c>
      <c r="Q40883">
        <v>83</v>
      </c>
      <c r="R40883">
        <v>83</v>
      </c>
      <c r="S40883">
        <v>83</v>
      </c>
      <c r="T40883">
        <v>83</v>
      </c>
      <c r="U40883">
        <v>83</v>
      </c>
      <c r="V40883">
        <v>83</v>
      </c>
      <c r="W40883">
        <v>83</v>
      </c>
      <c r="X40883">
        <v>83</v>
      </c>
      <c r="Y40883">
        <v>83</v>
      </c>
      <c r="Z40883">
        <v>83</v>
      </c>
      <c r="AA40883">
        <v>83</v>
      </c>
      <c r="AB40883">
        <v>83</v>
      </c>
      <c r="AC40883">
        <v>83</v>
      </c>
      <c r="AD40883">
        <v>83</v>
      </c>
      <c r="AE40883">
        <v>83</v>
      </c>
      <c r="AF40883">
        <v>83</v>
      </c>
      <c r="AG40883">
        <v>82</v>
      </c>
      <c r="AH40883">
        <v>82</v>
      </c>
      <c r="AI40883">
        <v>82</v>
      </c>
      <c r="AJ40883">
        <v>82</v>
      </c>
      <c r="AK40883">
        <v>82</v>
      </c>
      <c r="AL40883">
        <v>82</v>
      </c>
      <c r="AM40883">
        <v>82</v>
      </c>
      <c r="AN40883">
        <v>82</v>
      </c>
      <c r="AO40883">
        <v>82</v>
      </c>
      <c r="AP40883">
        <v>81</v>
      </c>
      <c r="AQ40883">
        <v>81</v>
      </c>
    </row>
    <row r="40884" spans="1:43">
      <c r="A40884" t="s">
        <v>25235</v>
      </c>
      <c r="B40884" t="s">
        <v>25236</v>
      </c>
      <c r="C40884" t="s">
        <v>25237</v>
      </c>
      <c r="D40884" t="s">
        <v>25238</v>
      </c>
      <c r="E40884" t="s">
        <v>7278</v>
      </c>
      <c r="F40884" t="s">
        <v>7279</v>
      </c>
      <c r="G40884" t="s">
        <v>80</v>
      </c>
      <c r="H40884" t="s">
        <v>81</v>
      </c>
      <c r="I40884" s="2">
        <v>0</v>
      </c>
      <c r="J40884" s="2">
        <v>1</v>
      </c>
      <c r="K40884" s="2">
        <v>0</v>
      </c>
      <c r="L40884" t="s">
        <v>82</v>
      </c>
      <c r="M40884" t="s">
        <v>89</v>
      </c>
      <c r="N40884" t="s">
        <v>90</v>
      </c>
      <c r="O40884" t="s">
        <v>85</v>
      </c>
      <c r="P40884" t="s">
        <v>86</v>
      </c>
      <c r="Q40884">
        <v>83</v>
      </c>
      <c r="R40884">
        <v>85</v>
      </c>
      <c r="S40884">
        <v>86</v>
      </c>
      <c r="T40884">
        <v>88</v>
      </c>
      <c r="U40884">
        <v>89</v>
      </c>
      <c r="V40884">
        <v>91</v>
      </c>
      <c r="W40884">
        <v>92</v>
      </c>
      <c r="X40884">
        <v>93</v>
      </c>
      <c r="Y40884">
        <v>94</v>
      </c>
      <c r="Z40884">
        <v>95</v>
      </c>
      <c r="AA40884">
        <v>96</v>
      </c>
      <c r="AB40884">
        <v>97</v>
      </c>
      <c r="AC40884">
        <v>98</v>
      </c>
      <c r="AD40884">
        <v>98</v>
      </c>
      <c r="AE40884">
        <v>99</v>
      </c>
      <c r="AF40884">
        <v>98</v>
      </c>
      <c r="AG40884">
        <v>98</v>
      </c>
      <c r="AH40884">
        <v>97</v>
      </c>
      <c r="AI40884">
        <v>97</v>
      </c>
      <c r="AJ40884">
        <v>96</v>
      </c>
      <c r="AK40884">
        <v>96</v>
      </c>
      <c r="AL40884">
        <v>96</v>
      </c>
      <c r="AM40884">
        <v>95</v>
      </c>
      <c r="AN40884">
        <v>95</v>
      </c>
      <c r="AO40884">
        <v>94</v>
      </c>
      <c r="AP40884">
        <v>94</v>
      </c>
      <c r="AQ40884">
        <v>93</v>
      </c>
    </row>
    <row r="40885" spans="1:43">
      <c r="A40885" t="s">
        <v>25235</v>
      </c>
      <c r="B40885" t="s">
        <v>25236</v>
      </c>
      <c r="C40885" t="s">
        <v>25237</v>
      </c>
      <c r="D40885" t="s">
        <v>25238</v>
      </c>
      <c r="E40885" t="s">
        <v>7278</v>
      </c>
      <c r="F40885" t="s">
        <v>7279</v>
      </c>
      <c r="G40885" t="s">
        <v>80</v>
      </c>
      <c r="H40885" t="s">
        <v>81</v>
      </c>
      <c r="I40885" s="2">
        <v>0</v>
      </c>
      <c r="J40885" s="2">
        <v>1</v>
      </c>
      <c r="K40885" s="2">
        <v>0</v>
      </c>
      <c r="L40885" t="s">
        <v>82</v>
      </c>
      <c r="M40885" t="s">
        <v>83</v>
      </c>
      <c r="N40885" t="s">
        <v>91</v>
      </c>
      <c r="O40885" t="s">
        <v>85</v>
      </c>
      <c r="P40885" t="s">
        <v>86</v>
      </c>
      <c r="Q40885">
        <v>83</v>
      </c>
      <c r="R40885">
        <v>83</v>
      </c>
      <c r="S40885">
        <v>84</v>
      </c>
      <c r="T40885">
        <v>85</v>
      </c>
      <c r="U40885">
        <v>86</v>
      </c>
      <c r="V40885">
        <v>87</v>
      </c>
      <c r="W40885">
        <v>87</v>
      </c>
      <c r="X40885">
        <v>88</v>
      </c>
      <c r="Y40885">
        <v>89</v>
      </c>
      <c r="Z40885">
        <v>89</v>
      </c>
      <c r="AA40885">
        <v>90</v>
      </c>
      <c r="AB40885">
        <v>91</v>
      </c>
      <c r="AC40885">
        <v>91</v>
      </c>
      <c r="AD40885">
        <v>92</v>
      </c>
      <c r="AE40885">
        <v>92</v>
      </c>
      <c r="AF40885">
        <v>93</v>
      </c>
      <c r="AG40885">
        <v>93</v>
      </c>
      <c r="AH40885">
        <v>94</v>
      </c>
      <c r="AI40885">
        <v>94</v>
      </c>
      <c r="AJ40885">
        <v>94</v>
      </c>
      <c r="AK40885">
        <v>95</v>
      </c>
      <c r="AL40885">
        <v>95</v>
      </c>
      <c r="AM40885">
        <v>94</v>
      </c>
      <c r="AN40885">
        <v>94</v>
      </c>
      <c r="AO40885">
        <v>93</v>
      </c>
      <c r="AP40885">
        <v>93</v>
      </c>
      <c r="AQ40885">
        <v>92</v>
      </c>
    </row>
    <row r="40886" spans="1:43">
      <c r="A40886" t="s">
        <v>25239</v>
      </c>
      <c r="B40886" t="s">
        <v>25240</v>
      </c>
      <c r="C40886" t="s">
        <v>25241</v>
      </c>
      <c r="D40886" t="s">
        <v>25242</v>
      </c>
      <c r="E40886" t="s">
        <v>7278</v>
      </c>
      <c r="F40886" t="s">
        <v>7279</v>
      </c>
      <c r="G40886" t="s">
        <v>80</v>
      </c>
      <c r="H40886" t="s">
        <v>81</v>
      </c>
      <c r="I40886" s="2">
        <v>0</v>
      </c>
      <c r="J40886" s="2">
        <v>1</v>
      </c>
      <c r="K40886" s="2">
        <v>0</v>
      </c>
      <c r="L40886" t="s">
        <v>82</v>
      </c>
      <c r="M40886" t="s">
        <v>83</v>
      </c>
      <c r="N40886" t="s">
        <v>84</v>
      </c>
      <c r="O40886" t="s">
        <v>85</v>
      </c>
      <c r="P40886" t="s">
        <v>86</v>
      </c>
      <c r="Q40886">
        <v>26</v>
      </c>
      <c r="R40886">
        <v>26</v>
      </c>
      <c r="S40886">
        <v>26</v>
      </c>
      <c r="T40886">
        <v>27</v>
      </c>
      <c r="U40886">
        <v>27</v>
      </c>
      <c r="V40886">
        <v>27</v>
      </c>
      <c r="W40886">
        <v>27</v>
      </c>
      <c r="X40886">
        <v>28</v>
      </c>
      <c r="Y40886">
        <v>28</v>
      </c>
      <c r="Z40886">
        <v>28</v>
      </c>
      <c r="AA40886">
        <v>28</v>
      </c>
      <c r="AB40886">
        <v>28</v>
      </c>
      <c r="AC40886">
        <v>29</v>
      </c>
      <c r="AD40886">
        <v>29</v>
      </c>
      <c r="AE40886">
        <v>29</v>
      </c>
      <c r="AF40886">
        <v>29</v>
      </c>
      <c r="AG40886">
        <v>29</v>
      </c>
      <c r="AH40886">
        <v>29</v>
      </c>
      <c r="AI40886">
        <v>29</v>
      </c>
      <c r="AJ40886">
        <v>30</v>
      </c>
      <c r="AK40886">
        <v>30</v>
      </c>
      <c r="AL40886">
        <v>30</v>
      </c>
      <c r="AM40886">
        <v>29</v>
      </c>
      <c r="AN40886">
        <v>29</v>
      </c>
      <c r="AO40886">
        <v>29</v>
      </c>
      <c r="AP40886">
        <v>29</v>
      </c>
      <c r="AQ40886">
        <v>29</v>
      </c>
    </row>
    <row r="40887" spans="1:43">
      <c r="A40887" t="s">
        <v>25239</v>
      </c>
      <c r="B40887" t="s">
        <v>25240</v>
      </c>
      <c r="C40887" t="s">
        <v>25241</v>
      </c>
      <c r="D40887" t="s">
        <v>25242</v>
      </c>
      <c r="E40887" t="s">
        <v>7278</v>
      </c>
      <c r="F40887" t="s">
        <v>7279</v>
      </c>
      <c r="G40887" t="s">
        <v>80</v>
      </c>
      <c r="H40887" t="s">
        <v>81</v>
      </c>
      <c r="I40887" s="2">
        <v>0</v>
      </c>
      <c r="J40887" s="2">
        <v>1</v>
      </c>
      <c r="K40887" s="2">
        <v>0</v>
      </c>
      <c r="L40887" t="s">
        <v>82</v>
      </c>
      <c r="M40887" t="s">
        <v>87</v>
      </c>
      <c r="N40887" t="s">
        <v>88</v>
      </c>
      <c r="O40887" t="s">
        <v>85</v>
      </c>
      <c r="P40887" t="s">
        <v>86</v>
      </c>
      <c r="Q40887">
        <v>26</v>
      </c>
      <c r="R40887">
        <v>26</v>
      </c>
      <c r="S40887">
        <v>26</v>
      </c>
      <c r="T40887">
        <v>26</v>
      </c>
      <c r="U40887">
        <v>26</v>
      </c>
      <c r="V40887">
        <v>26</v>
      </c>
      <c r="W40887">
        <v>26</v>
      </c>
      <c r="X40887">
        <v>26</v>
      </c>
      <c r="Y40887">
        <v>26</v>
      </c>
      <c r="Z40887">
        <v>26</v>
      </c>
      <c r="AA40887">
        <v>26</v>
      </c>
      <c r="AB40887">
        <v>26</v>
      </c>
      <c r="AC40887">
        <v>26</v>
      </c>
      <c r="AD40887">
        <v>26</v>
      </c>
      <c r="AE40887">
        <v>26</v>
      </c>
      <c r="AF40887">
        <v>25</v>
      </c>
      <c r="AG40887">
        <v>25</v>
      </c>
      <c r="AH40887">
        <v>25</v>
      </c>
      <c r="AI40887">
        <v>25</v>
      </c>
      <c r="AJ40887">
        <v>25</v>
      </c>
      <c r="AK40887">
        <v>25</v>
      </c>
      <c r="AL40887">
        <v>25</v>
      </c>
      <c r="AM40887">
        <v>25</v>
      </c>
      <c r="AN40887">
        <v>25</v>
      </c>
      <c r="AO40887">
        <v>25</v>
      </c>
      <c r="AP40887">
        <v>25</v>
      </c>
      <c r="AQ40887">
        <v>25</v>
      </c>
    </row>
    <row r="40888" spans="1:43">
      <c r="A40888" t="s">
        <v>25239</v>
      </c>
      <c r="B40888" t="s">
        <v>25240</v>
      </c>
      <c r="C40888" t="s">
        <v>25241</v>
      </c>
      <c r="D40888" t="s">
        <v>25242</v>
      </c>
      <c r="E40888" t="s">
        <v>7278</v>
      </c>
      <c r="F40888" t="s">
        <v>7279</v>
      </c>
      <c r="G40888" t="s">
        <v>80</v>
      </c>
      <c r="H40888" t="s">
        <v>81</v>
      </c>
      <c r="I40888" s="2">
        <v>0</v>
      </c>
      <c r="J40888" s="2">
        <v>1</v>
      </c>
      <c r="K40888" s="2">
        <v>0</v>
      </c>
      <c r="L40888" t="s">
        <v>82</v>
      </c>
      <c r="M40888" t="s">
        <v>89</v>
      </c>
      <c r="N40888" t="s">
        <v>90</v>
      </c>
      <c r="O40888" t="s">
        <v>85</v>
      </c>
      <c r="P40888" t="s">
        <v>86</v>
      </c>
      <c r="Q40888">
        <v>26</v>
      </c>
      <c r="R40888">
        <v>27</v>
      </c>
      <c r="S40888">
        <v>27</v>
      </c>
      <c r="T40888">
        <v>28</v>
      </c>
      <c r="U40888">
        <v>28</v>
      </c>
      <c r="V40888">
        <v>28</v>
      </c>
      <c r="W40888">
        <v>29</v>
      </c>
      <c r="X40888">
        <v>29</v>
      </c>
      <c r="Y40888">
        <v>29</v>
      </c>
      <c r="Z40888">
        <v>30</v>
      </c>
      <c r="AA40888">
        <v>30</v>
      </c>
      <c r="AB40888">
        <v>30</v>
      </c>
      <c r="AC40888">
        <v>31</v>
      </c>
      <c r="AD40888">
        <v>31</v>
      </c>
      <c r="AE40888">
        <v>31</v>
      </c>
      <c r="AF40888">
        <v>31</v>
      </c>
      <c r="AG40888">
        <v>31</v>
      </c>
      <c r="AH40888">
        <v>30</v>
      </c>
      <c r="AI40888">
        <v>30</v>
      </c>
      <c r="AJ40888">
        <v>30</v>
      </c>
      <c r="AK40888">
        <v>30</v>
      </c>
      <c r="AL40888">
        <v>30</v>
      </c>
      <c r="AM40888">
        <v>30</v>
      </c>
      <c r="AN40888">
        <v>30</v>
      </c>
      <c r="AO40888">
        <v>29</v>
      </c>
      <c r="AP40888">
        <v>29</v>
      </c>
      <c r="AQ40888">
        <v>29</v>
      </c>
    </row>
    <row r="40889" spans="1:43">
      <c r="A40889" t="s">
        <v>25239</v>
      </c>
      <c r="B40889" t="s">
        <v>25240</v>
      </c>
      <c r="C40889" t="s">
        <v>25241</v>
      </c>
      <c r="D40889" t="s">
        <v>25242</v>
      </c>
      <c r="E40889" t="s">
        <v>7278</v>
      </c>
      <c r="F40889" t="s">
        <v>7279</v>
      </c>
      <c r="G40889" t="s">
        <v>80</v>
      </c>
      <c r="H40889" t="s">
        <v>81</v>
      </c>
      <c r="I40889" s="2">
        <v>0</v>
      </c>
      <c r="J40889" s="2">
        <v>1</v>
      </c>
      <c r="K40889" s="2">
        <v>0</v>
      </c>
      <c r="L40889" t="s">
        <v>82</v>
      </c>
      <c r="M40889" t="s">
        <v>83</v>
      </c>
      <c r="N40889" t="s">
        <v>91</v>
      </c>
      <c r="O40889" t="s">
        <v>85</v>
      </c>
      <c r="P40889" t="s">
        <v>86</v>
      </c>
      <c r="Q40889">
        <v>26</v>
      </c>
      <c r="R40889">
        <v>26</v>
      </c>
      <c r="S40889">
        <v>26</v>
      </c>
      <c r="T40889">
        <v>27</v>
      </c>
      <c r="U40889">
        <v>27</v>
      </c>
      <c r="V40889">
        <v>27</v>
      </c>
      <c r="W40889">
        <v>27</v>
      </c>
      <c r="X40889">
        <v>28</v>
      </c>
      <c r="Y40889">
        <v>28</v>
      </c>
      <c r="Z40889">
        <v>28</v>
      </c>
      <c r="AA40889">
        <v>28</v>
      </c>
      <c r="AB40889">
        <v>28</v>
      </c>
      <c r="AC40889">
        <v>29</v>
      </c>
      <c r="AD40889">
        <v>29</v>
      </c>
      <c r="AE40889">
        <v>29</v>
      </c>
      <c r="AF40889">
        <v>29</v>
      </c>
      <c r="AG40889">
        <v>29</v>
      </c>
      <c r="AH40889">
        <v>29</v>
      </c>
      <c r="AI40889">
        <v>29</v>
      </c>
      <c r="AJ40889">
        <v>30</v>
      </c>
      <c r="AK40889">
        <v>30</v>
      </c>
      <c r="AL40889">
        <v>30</v>
      </c>
      <c r="AM40889">
        <v>29</v>
      </c>
      <c r="AN40889">
        <v>29</v>
      </c>
      <c r="AO40889">
        <v>29</v>
      </c>
      <c r="AP40889">
        <v>29</v>
      </c>
      <c r="AQ40889">
        <v>29</v>
      </c>
    </row>
    <row r="40890" spans="1:43">
      <c r="A40890" t="s">
        <v>25243</v>
      </c>
      <c r="B40890" t="s">
        <v>25244</v>
      </c>
      <c r="C40890" t="s">
        <v>7590</v>
      </c>
      <c r="D40890" t="s">
        <v>7591</v>
      </c>
      <c r="E40890" t="s">
        <v>7278</v>
      </c>
      <c r="F40890" t="s">
        <v>7279</v>
      </c>
      <c r="G40890" t="s">
        <v>80</v>
      </c>
      <c r="H40890" t="s">
        <v>81</v>
      </c>
      <c r="I40890" s="2">
        <v>0</v>
      </c>
      <c r="J40890" s="2">
        <v>1</v>
      </c>
      <c r="K40890" s="2">
        <v>0</v>
      </c>
      <c r="L40890" t="s">
        <v>82</v>
      </c>
      <c r="M40890" t="s">
        <v>83</v>
      </c>
      <c r="N40890" t="s">
        <v>84</v>
      </c>
      <c r="O40890" t="s">
        <v>85</v>
      </c>
      <c r="P40890" t="s">
        <v>86</v>
      </c>
      <c r="Q40890">
        <v>39</v>
      </c>
      <c r="R40890">
        <v>40</v>
      </c>
      <c r="S40890">
        <v>40</v>
      </c>
      <c r="T40890">
        <v>41</v>
      </c>
      <c r="U40890">
        <v>41</v>
      </c>
      <c r="V40890">
        <v>41</v>
      </c>
      <c r="W40890">
        <v>42</v>
      </c>
      <c r="X40890">
        <v>42</v>
      </c>
      <c r="Y40890">
        <v>42</v>
      </c>
      <c r="Z40890">
        <v>43</v>
      </c>
      <c r="AA40890">
        <v>43</v>
      </c>
      <c r="AB40890">
        <v>43</v>
      </c>
      <c r="AC40890">
        <v>43</v>
      </c>
      <c r="AD40890">
        <v>44</v>
      </c>
      <c r="AE40890">
        <v>44</v>
      </c>
      <c r="AF40890">
        <v>44</v>
      </c>
      <c r="AG40890">
        <v>44</v>
      </c>
      <c r="AH40890">
        <v>45</v>
      </c>
      <c r="AI40890">
        <v>45</v>
      </c>
      <c r="AJ40890">
        <v>45</v>
      </c>
      <c r="AK40890">
        <v>45</v>
      </c>
      <c r="AL40890">
        <v>45</v>
      </c>
      <c r="AM40890">
        <v>45</v>
      </c>
      <c r="AN40890">
        <v>45</v>
      </c>
      <c r="AO40890">
        <v>45</v>
      </c>
      <c r="AP40890">
        <v>44</v>
      </c>
      <c r="AQ40890">
        <v>44</v>
      </c>
    </row>
    <row r="40891" spans="1:43">
      <c r="A40891" t="s">
        <v>25243</v>
      </c>
      <c r="B40891" t="s">
        <v>25244</v>
      </c>
      <c r="C40891" t="s">
        <v>7590</v>
      </c>
      <c r="D40891" t="s">
        <v>7591</v>
      </c>
      <c r="E40891" t="s">
        <v>7278</v>
      </c>
      <c r="F40891" t="s">
        <v>7279</v>
      </c>
      <c r="G40891" t="s">
        <v>80</v>
      </c>
      <c r="H40891" t="s">
        <v>81</v>
      </c>
      <c r="I40891" s="2">
        <v>0</v>
      </c>
      <c r="J40891" s="2">
        <v>1</v>
      </c>
      <c r="K40891" s="2">
        <v>0</v>
      </c>
      <c r="L40891" t="s">
        <v>82</v>
      </c>
      <c r="M40891" t="s">
        <v>87</v>
      </c>
      <c r="N40891" t="s">
        <v>88</v>
      </c>
      <c r="O40891" t="s">
        <v>85</v>
      </c>
      <c r="P40891" t="s">
        <v>86</v>
      </c>
      <c r="Q40891">
        <v>39</v>
      </c>
      <c r="R40891">
        <v>39</v>
      </c>
      <c r="S40891">
        <v>39</v>
      </c>
      <c r="T40891">
        <v>39</v>
      </c>
      <c r="U40891">
        <v>39</v>
      </c>
      <c r="V40891">
        <v>39</v>
      </c>
      <c r="W40891">
        <v>39</v>
      </c>
      <c r="X40891">
        <v>39</v>
      </c>
      <c r="Y40891">
        <v>39</v>
      </c>
      <c r="Z40891">
        <v>39</v>
      </c>
      <c r="AA40891">
        <v>39</v>
      </c>
      <c r="AB40891">
        <v>39</v>
      </c>
      <c r="AC40891">
        <v>39</v>
      </c>
      <c r="AD40891">
        <v>39</v>
      </c>
      <c r="AE40891">
        <v>39</v>
      </c>
      <c r="AF40891">
        <v>39</v>
      </c>
      <c r="AG40891">
        <v>39</v>
      </c>
      <c r="AH40891">
        <v>39</v>
      </c>
      <c r="AI40891">
        <v>39</v>
      </c>
      <c r="AJ40891">
        <v>39</v>
      </c>
      <c r="AK40891">
        <v>39</v>
      </c>
      <c r="AL40891">
        <v>38</v>
      </c>
      <c r="AM40891">
        <v>38</v>
      </c>
      <c r="AN40891">
        <v>38</v>
      </c>
      <c r="AO40891">
        <v>38</v>
      </c>
      <c r="AP40891">
        <v>38</v>
      </c>
      <c r="AQ40891">
        <v>38</v>
      </c>
    </row>
    <row r="40892" spans="1:43">
      <c r="A40892" t="s">
        <v>25243</v>
      </c>
      <c r="B40892" t="s">
        <v>25244</v>
      </c>
      <c r="C40892" t="s">
        <v>7590</v>
      </c>
      <c r="D40892" t="s">
        <v>7591</v>
      </c>
      <c r="E40892" t="s">
        <v>7278</v>
      </c>
      <c r="F40892" t="s">
        <v>7279</v>
      </c>
      <c r="G40892" t="s">
        <v>80</v>
      </c>
      <c r="H40892" t="s">
        <v>81</v>
      </c>
      <c r="I40892" s="2">
        <v>0</v>
      </c>
      <c r="J40892" s="2">
        <v>1</v>
      </c>
      <c r="K40892" s="2">
        <v>0</v>
      </c>
      <c r="L40892" t="s">
        <v>82</v>
      </c>
      <c r="M40892" t="s">
        <v>89</v>
      </c>
      <c r="N40892" t="s">
        <v>90</v>
      </c>
      <c r="O40892" t="s">
        <v>85</v>
      </c>
      <c r="P40892" t="s">
        <v>86</v>
      </c>
      <c r="Q40892">
        <v>39</v>
      </c>
      <c r="R40892">
        <v>39</v>
      </c>
      <c r="S40892">
        <v>40</v>
      </c>
      <c r="T40892">
        <v>41</v>
      </c>
      <c r="U40892">
        <v>41</v>
      </c>
      <c r="V40892">
        <v>42</v>
      </c>
      <c r="W40892">
        <v>43</v>
      </c>
      <c r="X40892">
        <v>43</v>
      </c>
      <c r="Y40892">
        <v>44</v>
      </c>
      <c r="Z40892">
        <v>44</v>
      </c>
      <c r="AA40892">
        <v>45</v>
      </c>
      <c r="AB40892">
        <v>45</v>
      </c>
      <c r="AC40892">
        <v>46</v>
      </c>
      <c r="AD40892">
        <v>46</v>
      </c>
      <c r="AE40892">
        <v>46</v>
      </c>
      <c r="AF40892">
        <v>46</v>
      </c>
      <c r="AG40892">
        <v>46</v>
      </c>
      <c r="AH40892">
        <v>45</v>
      </c>
      <c r="AI40892">
        <v>45</v>
      </c>
      <c r="AJ40892">
        <v>45</v>
      </c>
      <c r="AK40892">
        <v>45</v>
      </c>
      <c r="AL40892">
        <v>45</v>
      </c>
      <c r="AM40892">
        <v>44</v>
      </c>
      <c r="AN40892">
        <v>44</v>
      </c>
      <c r="AO40892">
        <v>44</v>
      </c>
      <c r="AP40892">
        <v>44</v>
      </c>
      <c r="AQ40892">
        <v>44</v>
      </c>
    </row>
    <row r="40893" spans="1:43">
      <c r="A40893" t="s">
        <v>25243</v>
      </c>
      <c r="B40893" t="s">
        <v>25244</v>
      </c>
      <c r="C40893" t="s">
        <v>7590</v>
      </c>
      <c r="D40893" t="s">
        <v>7591</v>
      </c>
      <c r="E40893" t="s">
        <v>7278</v>
      </c>
      <c r="F40893" t="s">
        <v>7279</v>
      </c>
      <c r="G40893" t="s">
        <v>80</v>
      </c>
      <c r="H40893" t="s">
        <v>81</v>
      </c>
      <c r="I40893" s="2">
        <v>0</v>
      </c>
      <c r="J40893" s="2">
        <v>1</v>
      </c>
      <c r="K40893" s="2">
        <v>0</v>
      </c>
      <c r="L40893" t="s">
        <v>82</v>
      </c>
      <c r="M40893" t="s">
        <v>83</v>
      </c>
      <c r="N40893" t="s">
        <v>91</v>
      </c>
      <c r="O40893" t="s">
        <v>85</v>
      </c>
      <c r="P40893" t="s">
        <v>86</v>
      </c>
      <c r="Q40893">
        <v>39</v>
      </c>
      <c r="R40893">
        <v>40</v>
      </c>
      <c r="S40893">
        <v>40</v>
      </c>
      <c r="T40893">
        <v>41</v>
      </c>
      <c r="U40893">
        <v>41</v>
      </c>
      <c r="V40893">
        <v>41</v>
      </c>
      <c r="W40893">
        <v>42</v>
      </c>
      <c r="X40893">
        <v>42</v>
      </c>
      <c r="Y40893">
        <v>42</v>
      </c>
      <c r="Z40893">
        <v>43</v>
      </c>
      <c r="AA40893">
        <v>43</v>
      </c>
      <c r="AB40893">
        <v>43</v>
      </c>
      <c r="AC40893">
        <v>43</v>
      </c>
      <c r="AD40893">
        <v>44</v>
      </c>
      <c r="AE40893">
        <v>44</v>
      </c>
      <c r="AF40893">
        <v>44</v>
      </c>
      <c r="AG40893">
        <v>44</v>
      </c>
      <c r="AH40893">
        <v>45</v>
      </c>
      <c r="AI40893">
        <v>45</v>
      </c>
      <c r="AJ40893">
        <v>45</v>
      </c>
      <c r="AK40893">
        <v>45</v>
      </c>
      <c r="AL40893">
        <v>45</v>
      </c>
      <c r="AM40893">
        <v>45</v>
      </c>
      <c r="AN40893">
        <v>45</v>
      </c>
      <c r="AO40893">
        <v>45</v>
      </c>
      <c r="AP40893">
        <v>44</v>
      </c>
      <c r="AQ40893">
        <v>44</v>
      </c>
    </row>
    <row r="40894" spans="1:43">
      <c r="A40894" t="s">
        <v>25245</v>
      </c>
      <c r="B40894" t="s">
        <v>25246</v>
      </c>
      <c r="C40894" t="s">
        <v>7590</v>
      </c>
      <c r="D40894" t="s">
        <v>7591</v>
      </c>
      <c r="E40894" t="s">
        <v>7278</v>
      </c>
      <c r="F40894" t="s">
        <v>7279</v>
      </c>
      <c r="G40894" t="s">
        <v>80</v>
      </c>
      <c r="H40894" t="s">
        <v>81</v>
      </c>
      <c r="I40894" s="2">
        <v>0</v>
      </c>
      <c r="J40894" s="2">
        <v>1</v>
      </c>
      <c r="K40894" s="2">
        <v>0</v>
      </c>
      <c r="L40894" t="s">
        <v>82</v>
      </c>
      <c r="M40894" t="s">
        <v>83</v>
      </c>
      <c r="N40894" t="s">
        <v>84</v>
      </c>
      <c r="O40894" t="s">
        <v>85</v>
      </c>
      <c r="P40894" t="s">
        <v>86</v>
      </c>
      <c r="Q40894">
        <v>11</v>
      </c>
      <c r="R40894">
        <v>11</v>
      </c>
      <c r="S40894">
        <v>11</v>
      </c>
      <c r="T40894">
        <v>11</v>
      </c>
      <c r="U40894">
        <v>11</v>
      </c>
      <c r="V40894">
        <v>11</v>
      </c>
      <c r="W40894">
        <v>11</v>
      </c>
      <c r="X40894">
        <v>12</v>
      </c>
      <c r="Y40894">
        <v>12</v>
      </c>
      <c r="Z40894">
        <v>12</v>
      </c>
      <c r="AA40894">
        <v>12</v>
      </c>
      <c r="AB40894">
        <v>12</v>
      </c>
      <c r="AC40894">
        <v>12</v>
      </c>
      <c r="AD40894">
        <v>12</v>
      </c>
      <c r="AE40894">
        <v>12</v>
      </c>
      <c r="AF40894">
        <v>12</v>
      </c>
      <c r="AG40894">
        <v>12</v>
      </c>
      <c r="AH40894">
        <v>12</v>
      </c>
      <c r="AI40894">
        <v>12</v>
      </c>
      <c r="AJ40894">
        <v>12</v>
      </c>
      <c r="AK40894">
        <v>12</v>
      </c>
      <c r="AL40894">
        <v>12</v>
      </c>
      <c r="AM40894">
        <v>12</v>
      </c>
      <c r="AN40894">
        <v>12</v>
      </c>
      <c r="AO40894">
        <v>12</v>
      </c>
      <c r="AP40894">
        <v>12</v>
      </c>
      <c r="AQ40894">
        <v>12</v>
      </c>
    </row>
    <row r="40895" spans="1:43">
      <c r="A40895" t="s">
        <v>25245</v>
      </c>
      <c r="B40895" t="s">
        <v>25246</v>
      </c>
      <c r="C40895" t="s">
        <v>7590</v>
      </c>
      <c r="D40895" t="s">
        <v>7591</v>
      </c>
      <c r="E40895" t="s">
        <v>7278</v>
      </c>
      <c r="F40895" t="s">
        <v>7279</v>
      </c>
      <c r="G40895" t="s">
        <v>80</v>
      </c>
      <c r="H40895" t="s">
        <v>81</v>
      </c>
      <c r="I40895" s="2">
        <v>0</v>
      </c>
      <c r="J40895" s="2">
        <v>1</v>
      </c>
      <c r="K40895" s="2">
        <v>0</v>
      </c>
      <c r="L40895" t="s">
        <v>82</v>
      </c>
      <c r="M40895" t="s">
        <v>87</v>
      </c>
      <c r="N40895" t="s">
        <v>88</v>
      </c>
      <c r="O40895" t="s">
        <v>85</v>
      </c>
      <c r="P40895" t="s">
        <v>86</v>
      </c>
      <c r="Q40895">
        <v>11</v>
      </c>
      <c r="R40895">
        <v>11</v>
      </c>
      <c r="S40895">
        <v>11</v>
      </c>
      <c r="T40895">
        <v>11</v>
      </c>
      <c r="U40895">
        <v>11</v>
      </c>
      <c r="V40895">
        <v>11</v>
      </c>
      <c r="W40895">
        <v>11</v>
      </c>
      <c r="X40895">
        <v>11</v>
      </c>
      <c r="Y40895">
        <v>11</v>
      </c>
      <c r="Z40895">
        <v>11</v>
      </c>
      <c r="AA40895">
        <v>11</v>
      </c>
      <c r="AB40895">
        <v>11</v>
      </c>
      <c r="AC40895">
        <v>11</v>
      </c>
      <c r="AD40895">
        <v>11</v>
      </c>
      <c r="AE40895">
        <v>11</v>
      </c>
      <c r="AF40895">
        <v>11</v>
      </c>
      <c r="AG40895">
        <v>11</v>
      </c>
      <c r="AH40895">
        <v>11</v>
      </c>
      <c r="AI40895">
        <v>11</v>
      </c>
      <c r="AJ40895">
        <v>11</v>
      </c>
      <c r="AK40895">
        <v>11</v>
      </c>
      <c r="AL40895">
        <v>11</v>
      </c>
      <c r="AM40895">
        <v>11</v>
      </c>
      <c r="AN40895">
        <v>11</v>
      </c>
      <c r="AO40895">
        <v>11</v>
      </c>
      <c r="AP40895">
        <v>11</v>
      </c>
      <c r="AQ40895">
        <v>11</v>
      </c>
    </row>
    <row r="40896" spans="1:43">
      <c r="A40896" t="s">
        <v>25245</v>
      </c>
      <c r="B40896" t="s">
        <v>25246</v>
      </c>
      <c r="C40896" t="s">
        <v>7590</v>
      </c>
      <c r="D40896" t="s">
        <v>7591</v>
      </c>
      <c r="E40896" t="s">
        <v>7278</v>
      </c>
      <c r="F40896" t="s">
        <v>7279</v>
      </c>
      <c r="G40896" t="s">
        <v>80</v>
      </c>
      <c r="H40896" t="s">
        <v>81</v>
      </c>
      <c r="I40896" s="2">
        <v>0</v>
      </c>
      <c r="J40896" s="2">
        <v>1</v>
      </c>
      <c r="K40896" s="2">
        <v>0</v>
      </c>
      <c r="L40896" t="s">
        <v>82</v>
      </c>
      <c r="M40896" t="s">
        <v>89</v>
      </c>
      <c r="N40896" t="s">
        <v>90</v>
      </c>
      <c r="O40896" t="s">
        <v>85</v>
      </c>
      <c r="P40896" t="s">
        <v>86</v>
      </c>
      <c r="Q40896">
        <v>11</v>
      </c>
      <c r="R40896">
        <v>11</v>
      </c>
      <c r="S40896">
        <v>11</v>
      </c>
      <c r="T40896">
        <v>12</v>
      </c>
      <c r="U40896">
        <v>12</v>
      </c>
      <c r="V40896">
        <v>12</v>
      </c>
      <c r="W40896">
        <v>12</v>
      </c>
      <c r="X40896">
        <v>12</v>
      </c>
      <c r="Y40896">
        <v>12</v>
      </c>
      <c r="Z40896">
        <v>12</v>
      </c>
      <c r="AA40896">
        <v>13</v>
      </c>
      <c r="AB40896">
        <v>13</v>
      </c>
      <c r="AC40896">
        <v>13</v>
      </c>
      <c r="AD40896">
        <v>13</v>
      </c>
      <c r="AE40896">
        <v>13</v>
      </c>
      <c r="AF40896">
        <v>13</v>
      </c>
      <c r="AG40896">
        <v>13</v>
      </c>
      <c r="AH40896">
        <v>13</v>
      </c>
      <c r="AI40896">
        <v>13</v>
      </c>
      <c r="AJ40896">
        <v>13</v>
      </c>
      <c r="AK40896">
        <v>13</v>
      </c>
      <c r="AL40896">
        <v>13</v>
      </c>
      <c r="AM40896">
        <v>13</v>
      </c>
      <c r="AN40896">
        <v>12</v>
      </c>
      <c r="AO40896">
        <v>12</v>
      </c>
      <c r="AP40896">
        <v>12</v>
      </c>
      <c r="AQ40896">
        <v>12</v>
      </c>
    </row>
    <row r="40897" spans="1:43">
      <c r="A40897" t="s">
        <v>25245</v>
      </c>
      <c r="B40897" t="s">
        <v>25246</v>
      </c>
      <c r="C40897" t="s">
        <v>7590</v>
      </c>
      <c r="D40897" t="s">
        <v>7591</v>
      </c>
      <c r="E40897" t="s">
        <v>7278</v>
      </c>
      <c r="F40897" t="s">
        <v>7279</v>
      </c>
      <c r="G40897" t="s">
        <v>80</v>
      </c>
      <c r="H40897" t="s">
        <v>81</v>
      </c>
      <c r="I40897" s="2">
        <v>0</v>
      </c>
      <c r="J40897" s="2">
        <v>1</v>
      </c>
      <c r="K40897" s="2">
        <v>0</v>
      </c>
      <c r="L40897" t="s">
        <v>82</v>
      </c>
      <c r="M40897" t="s">
        <v>83</v>
      </c>
      <c r="N40897" t="s">
        <v>91</v>
      </c>
      <c r="O40897" t="s">
        <v>85</v>
      </c>
      <c r="P40897" t="s">
        <v>86</v>
      </c>
      <c r="Q40897">
        <v>11</v>
      </c>
      <c r="R40897">
        <v>11</v>
      </c>
      <c r="S40897">
        <v>11</v>
      </c>
      <c r="T40897">
        <v>11</v>
      </c>
      <c r="U40897">
        <v>11</v>
      </c>
      <c r="V40897">
        <v>11</v>
      </c>
      <c r="W40897">
        <v>11</v>
      </c>
      <c r="X40897">
        <v>12</v>
      </c>
      <c r="Y40897">
        <v>12</v>
      </c>
      <c r="Z40897">
        <v>12</v>
      </c>
      <c r="AA40897">
        <v>12</v>
      </c>
      <c r="AB40897">
        <v>12</v>
      </c>
      <c r="AC40897">
        <v>12</v>
      </c>
      <c r="AD40897">
        <v>12</v>
      </c>
      <c r="AE40897">
        <v>12</v>
      </c>
      <c r="AF40897">
        <v>12</v>
      </c>
      <c r="AG40897">
        <v>12</v>
      </c>
      <c r="AH40897">
        <v>12</v>
      </c>
      <c r="AI40897">
        <v>12</v>
      </c>
      <c r="AJ40897">
        <v>12</v>
      </c>
      <c r="AK40897">
        <v>12</v>
      </c>
      <c r="AL40897">
        <v>12</v>
      </c>
      <c r="AM40897">
        <v>12</v>
      </c>
      <c r="AN40897">
        <v>12</v>
      </c>
      <c r="AO40897">
        <v>12</v>
      </c>
      <c r="AP40897">
        <v>12</v>
      </c>
      <c r="AQ40897">
        <v>12</v>
      </c>
    </row>
    <row r="40898" spans="1:43">
      <c r="A40898" t="s">
        <v>25247</v>
      </c>
      <c r="B40898" t="s">
        <v>25248</v>
      </c>
      <c r="C40898" t="s">
        <v>7324</v>
      </c>
      <c r="D40898" t="s">
        <v>7325</v>
      </c>
      <c r="E40898" t="s">
        <v>7278</v>
      </c>
      <c r="F40898" t="s">
        <v>7279</v>
      </c>
      <c r="G40898" t="s">
        <v>80</v>
      </c>
      <c r="H40898" t="s">
        <v>81</v>
      </c>
      <c r="I40898" s="2">
        <v>0</v>
      </c>
      <c r="J40898" s="2">
        <v>1</v>
      </c>
      <c r="K40898" s="2">
        <v>0</v>
      </c>
      <c r="L40898" t="s">
        <v>82</v>
      </c>
      <c r="M40898" t="s">
        <v>83</v>
      </c>
      <c r="N40898" t="s">
        <v>84</v>
      </c>
      <c r="O40898" t="s">
        <v>85</v>
      </c>
      <c r="P40898" t="s">
        <v>86</v>
      </c>
      <c r="Q40898">
        <v>42</v>
      </c>
      <c r="R40898">
        <v>43</v>
      </c>
      <c r="S40898">
        <v>43</v>
      </c>
      <c r="T40898">
        <v>44</v>
      </c>
      <c r="U40898">
        <v>44</v>
      </c>
      <c r="V40898">
        <v>44</v>
      </c>
      <c r="W40898">
        <v>45</v>
      </c>
      <c r="X40898">
        <v>45</v>
      </c>
      <c r="Y40898">
        <v>45</v>
      </c>
      <c r="Z40898">
        <v>46</v>
      </c>
      <c r="AA40898">
        <v>46</v>
      </c>
      <c r="AB40898">
        <v>46</v>
      </c>
      <c r="AC40898">
        <v>47</v>
      </c>
      <c r="AD40898">
        <v>47</v>
      </c>
      <c r="AE40898">
        <v>47</v>
      </c>
      <c r="AF40898">
        <v>47</v>
      </c>
      <c r="AG40898">
        <v>48</v>
      </c>
      <c r="AH40898">
        <v>48</v>
      </c>
      <c r="AI40898">
        <v>48</v>
      </c>
      <c r="AJ40898">
        <v>48</v>
      </c>
      <c r="AK40898">
        <v>49</v>
      </c>
      <c r="AL40898">
        <v>49</v>
      </c>
      <c r="AM40898">
        <v>48</v>
      </c>
      <c r="AN40898">
        <v>48</v>
      </c>
      <c r="AO40898">
        <v>48</v>
      </c>
      <c r="AP40898">
        <v>48</v>
      </c>
      <c r="AQ40898">
        <v>47</v>
      </c>
    </row>
    <row r="40899" spans="1:43">
      <c r="A40899" t="s">
        <v>25247</v>
      </c>
      <c r="B40899" t="s">
        <v>25248</v>
      </c>
      <c r="C40899" t="s">
        <v>7324</v>
      </c>
      <c r="D40899" t="s">
        <v>7325</v>
      </c>
      <c r="E40899" t="s">
        <v>7278</v>
      </c>
      <c r="F40899" t="s">
        <v>7279</v>
      </c>
      <c r="G40899" t="s">
        <v>80</v>
      </c>
      <c r="H40899" t="s">
        <v>81</v>
      </c>
      <c r="I40899" s="2">
        <v>0</v>
      </c>
      <c r="J40899" s="2">
        <v>1</v>
      </c>
      <c r="K40899" s="2">
        <v>0</v>
      </c>
      <c r="L40899" t="s">
        <v>82</v>
      </c>
      <c r="M40899" t="s">
        <v>87</v>
      </c>
      <c r="N40899" t="s">
        <v>88</v>
      </c>
      <c r="O40899" t="s">
        <v>85</v>
      </c>
      <c r="P40899" t="s">
        <v>86</v>
      </c>
      <c r="Q40899">
        <v>42</v>
      </c>
      <c r="R40899">
        <v>42</v>
      </c>
      <c r="S40899">
        <v>42</v>
      </c>
      <c r="T40899">
        <v>42</v>
      </c>
      <c r="U40899">
        <v>42</v>
      </c>
      <c r="V40899">
        <v>42</v>
      </c>
      <c r="W40899">
        <v>42</v>
      </c>
      <c r="X40899">
        <v>42</v>
      </c>
      <c r="Y40899">
        <v>42</v>
      </c>
      <c r="Z40899">
        <v>42</v>
      </c>
      <c r="AA40899">
        <v>42</v>
      </c>
      <c r="AB40899">
        <v>42</v>
      </c>
      <c r="AC40899">
        <v>42</v>
      </c>
      <c r="AD40899">
        <v>42</v>
      </c>
      <c r="AE40899">
        <v>42</v>
      </c>
      <c r="AF40899">
        <v>42</v>
      </c>
      <c r="AG40899">
        <v>42</v>
      </c>
      <c r="AH40899">
        <v>42</v>
      </c>
      <c r="AI40899">
        <v>42</v>
      </c>
      <c r="AJ40899">
        <v>41</v>
      </c>
      <c r="AK40899">
        <v>41</v>
      </c>
      <c r="AL40899">
        <v>41</v>
      </c>
      <c r="AM40899">
        <v>41</v>
      </c>
      <c r="AN40899">
        <v>41</v>
      </c>
      <c r="AO40899">
        <v>41</v>
      </c>
      <c r="AP40899">
        <v>41</v>
      </c>
      <c r="AQ40899">
        <v>41</v>
      </c>
    </row>
    <row r="40900" spans="1:43">
      <c r="A40900" t="s">
        <v>25247</v>
      </c>
      <c r="B40900" t="s">
        <v>25248</v>
      </c>
      <c r="C40900" t="s">
        <v>7324</v>
      </c>
      <c r="D40900" t="s">
        <v>7325</v>
      </c>
      <c r="E40900" t="s">
        <v>7278</v>
      </c>
      <c r="F40900" t="s">
        <v>7279</v>
      </c>
      <c r="G40900" t="s">
        <v>80</v>
      </c>
      <c r="H40900" t="s">
        <v>81</v>
      </c>
      <c r="I40900" s="2">
        <v>0</v>
      </c>
      <c r="J40900" s="2">
        <v>1</v>
      </c>
      <c r="K40900" s="2">
        <v>0</v>
      </c>
      <c r="L40900" t="s">
        <v>82</v>
      </c>
      <c r="M40900" t="s">
        <v>89</v>
      </c>
      <c r="N40900" t="s">
        <v>90</v>
      </c>
      <c r="O40900" t="s">
        <v>85</v>
      </c>
      <c r="P40900" t="s">
        <v>86</v>
      </c>
      <c r="Q40900">
        <v>42</v>
      </c>
      <c r="R40900">
        <v>43</v>
      </c>
      <c r="S40900">
        <v>43</v>
      </c>
      <c r="T40900">
        <v>44</v>
      </c>
      <c r="U40900">
        <v>45</v>
      </c>
      <c r="V40900">
        <v>45</v>
      </c>
      <c r="W40900">
        <v>46</v>
      </c>
      <c r="X40900">
        <v>47</v>
      </c>
      <c r="Y40900">
        <v>47</v>
      </c>
      <c r="Z40900">
        <v>48</v>
      </c>
      <c r="AA40900">
        <v>48</v>
      </c>
      <c r="AB40900">
        <v>49</v>
      </c>
      <c r="AC40900">
        <v>49</v>
      </c>
      <c r="AD40900">
        <v>49</v>
      </c>
      <c r="AE40900">
        <v>50</v>
      </c>
      <c r="AF40900">
        <v>49</v>
      </c>
      <c r="AG40900">
        <v>49</v>
      </c>
      <c r="AH40900">
        <v>49</v>
      </c>
      <c r="AI40900">
        <v>49</v>
      </c>
      <c r="AJ40900">
        <v>48</v>
      </c>
      <c r="AK40900">
        <v>48</v>
      </c>
      <c r="AL40900">
        <v>48</v>
      </c>
      <c r="AM40900">
        <v>48</v>
      </c>
      <c r="AN40900">
        <v>47</v>
      </c>
      <c r="AO40900">
        <v>47</v>
      </c>
      <c r="AP40900">
        <v>47</v>
      </c>
      <c r="AQ40900">
        <v>47</v>
      </c>
    </row>
    <row r="40901" spans="1:43">
      <c r="A40901" t="s">
        <v>25247</v>
      </c>
      <c r="B40901" t="s">
        <v>25248</v>
      </c>
      <c r="C40901" t="s">
        <v>7324</v>
      </c>
      <c r="D40901" t="s">
        <v>7325</v>
      </c>
      <c r="E40901" t="s">
        <v>7278</v>
      </c>
      <c r="F40901" t="s">
        <v>7279</v>
      </c>
      <c r="G40901" t="s">
        <v>80</v>
      </c>
      <c r="H40901" t="s">
        <v>81</v>
      </c>
      <c r="I40901" s="2">
        <v>0</v>
      </c>
      <c r="J40901" s="2">
        <v>1</v>
      </c>
      <c r="K40901" s="2">
        <v>0</v>
      </c>
      <c r="L40901" t="s">
        <v>82</v>
      </c>
      <c r="M40901" t="s">
        <v>83</v>
      </c>
      <c r="N40901" t="s">
        <v>91</v>
      </c>
      <c r="O40901" t="s">
        <v>85</v>
      </c>
      <c r="P40901" t="s">
        <v>86</v>
      </c>
      <c r="Q40901">
        <v>42</v>
      </c>
      <c r="R40901">
        <v>43</v>
      </c>
      <c r="S40901">
        <v>43</v>
      </c>
      <c r="T40901">
        <v>44</v>
      </c>
      <c r="U40901">
        <v>44</v>
      </c>
      <c r="V40901">
        <v>44</v>
      </c>
      <c r="W40901">
        <v>45</v>
      </c>
      <c r="X40901">
        <v>45</v>
      </c>
      <c r="Y40901">
        <v>45</v>
      </c>
      <c r="Z40901">
        <v>46</v>
      </c>
      <c r="AA40901">
        <v>46</v>
      </c>
      <c r="AB40901">
        <v>46</v>
      </c>
      <c r="AC40901">
        <v>47</v>
      </c>
      <c r="AD40901">
        <v>47</v>
      </c>
      <c r="AE40901">
        <v>47</v>
      </c>
      <c r="AF40901">
        <v>47</v>
      </c>
      <c r="AG40901">
        <v>48</v>
      </c>
      <c r="AH40901">
        <v>48</v>
      </c>
      <c r="AI40901">
        <v>48</v>
      </c>
      <c r="AJ40901">
        <v>48</v>
      </c>
      <c r="AK40901">
        <v>49</v>
      </c>
      <c r="AL40901">
        <v>49</v>
      </c>
      <c r="AM40901">
        <v>48</v>
      </c>
      <c r="AN40901">
        <v>48</v>
      </c>
      <c r="AO40901">
        <v>48</v>
      </c>
      <c r="AP40901">
        <v>48</v>
      </c>
      <c r="AQ40901">
        <v>47</v>
      </c>
    </row>
    <row r="40902" spans="1:43">
      <c r="A40902" t="s">
        <v>25249</v>
      </c>
      <c r="B40902" t="s">
        <v>25250</v>
      </c>
      <c r="C40902" t="s">
        <v>25237</v>
      </c>
      <c r="D40902" t="s">
        <v>25238</v>
      </c>
      <c r="E40902" t="s">
        <v>7278</v>
      </c>
      <c r="F40902" t="s">
        <v>7279</v>
      </c>
      <c r="G40902" t="s">
        <v>80</v>
      </c>
      <c r="H40902" t="s">
        <v>81</v>
      </c>
      <c r="I40902" s="2">
        <v>0</v>
      </c>
      <c r="J40902" s="2">
        <v>1</v>
      </c>
      <c r="K40902" s="2">
        <v>0</v>
      </c>
      <c r="L40902" t="s">
        <v>82</v>
      </c>
      <c r="M40902" t="s">
        <v>83</v>
      </c>
      <c r="N40902" t="s">
        <v>84</v>
      </c>
      <c r="O40902" t="s">
        <v>85</v>
      </c>
      <c r="P40902" t="s">
        <v>86</v>
      </c>
      <c r="Q40902">
        <v>18</v>
      </c>
      <c r="R40902">
        <v>18</v>
      </c>
      <c r="S40902">
        <v>19</v>
      </c>
      <c r="T40902">
        <v>19</v>
      </c>
      <c r="U40902">
        <v>19</v>
      </c>
      <c r="V40902">
        <v>19</v>
      </c>
      <c r="W40902">
        <v>19</v>
      </c>
      <c r="X40902">
        <v>19</v>
      </c>
      <c r="Y40902">
        <v>20</v>
      </c>
      <c r="Z40902">
        <v>20</v>
      </c>
      <c r="AA40902">
        <v>20</v>
      </c>
      <c r="AB40902">
        <v>20</v>
      </c>
      <c r="AC40902">
        <v>20</v>
      </c>
      <c r="AD40902">
        <v>20</v>
      </c>
      <c r="AE40902">
        <v>20</v>
      </c>
      <c r="AF40902">
        <v>20</v>
      </c>
      <c r="AG40902">
        <v>21</v>
      </c>
      <c r="AH40902">
        <v>21</v>
      </c>
      <c r="AI40902">
        <v>21</v>
      </c>
      <c r="AJ40902">
        <v>21</v>
      </c>
      <c r="AK40902">
        <v>21</v>
      </c>
      <c r="AL40902">
        <v>21</v>
      </c>
      <c r="AM40902">
        <v>21</v>
      </c>
      <c r="AN40902">
        <v>21</v>
      </c>
      <c r="AO40902">
        <v>21</v>
      </c>
      <c r="AP40902">
        <v>21</v>
      </c>
      <c r="AQ40902">
        <v>20</v>
      </c>
    </row>
    <row r="40903" spans="1:43">
      <c r="A40903" t="s">
        <v>25249</v>
      </c>
      <c r="B40903" t="s">
        <v>25250</v>
      </c>
      <c r="C40903" t="s">
        <v>25237</v>
      </c>
      <c r="D40903" t="s">
        <v>25238</v>
      </c>
      <c r="E40903" t="s">
        <v>7278</v>
      </c>
      <c r="F40903" t="s">
        <v>7279</v>
      </c>
      <c r="G40903" t="s">
        <v>80</v>
      </c>
      <c r="H40903" t="s">
        <v>81</v>
      </c>
      <c r="I40903" s="2">
        <v>0</v>
      </c>
      <c r="J40903" s="2">
        <v>1</v>
      </c>
      <c r="K40903" s="2">
        <v>0</v>
      </c>
      <c r="L40903" t="s">
        <v>82</v>
      </c>
      <c r="M40903" t="s">
        <v>87</v>
      </c>
      <c r="N40903" t="s">
        <v>88</v>
      </c>
      <c r="O40903" t="s">
        <v>85</v>
      </c>
      <c r="P40903" t="s">
        <v>86</v>
      </c>
      <c r="Q40903">
        <v>18</v>
      </c>
      <c r="R40903">
        <v>18</v>
      </c>
      <c r="S40903">
        <v>18</v>
      </c>
      <c r="T40903">
        <v>18</v>
      </c>
      <c r="U40903">
        <v>18</v>
      </c>
      <c r="V40903">
        <v>18</v>
      </c>
      <c r="W40903">
        <v>18</v>
      </c>
      <c r="X40903">
        <v>18</v>
      </c>
      <c r="Y40903">
        <v>18</v>
      </c>
      <c r="Z40903">
        <v>18</v>
      </c>
      <c r="AA40903">
        <v>18</v>
      </c>
      <c r="AB40903">
        <v>18</v>
      </c>
      <c r="AC40903">
        <v>18</v>
      </c>
      <c r="AD40903">
        <v>18</v>
      </c>
      <c r="AE40903">
        <v>18</v>
      </c>
      <c r="AF40903">
        <v>18</v>
      </c>
      <c r="AG40903">
        <v>18</v>
      </c>
      <c r="AH40903">
        <v>18</v>
      </c>
      <c r="AI40903">
        <v>18</v>
      </c>
      <c r="AJ40903">
        <v>18</v>
      </c>
      <c r="AK40903">
        <v>18</v>
      </c>
      <c r="AL40903">
        <v>18</v>
      </c>
      <c r="AM40903">
        <v>18</v>
      </c>
      <c r="AN40903">
        <v>18</v>
      </c>
      <c r="AO40903">
        <v>18</v>
      </c>
      <c r="AP40903">
        <v>18</v>
      </c>
      <c r="AQ40903">
        <v>18</v>
      </c>
    </row>
    <row r="40904" spans="1:43">
      <c r="A40904" t="s">
        <v>25249</v>
      </c>
      <c r="B40904" t="s">
        <v>25250</v>
      </c>
      <c r="C40904" t="s">
        <v>25237</v>
      </c>
      <c r="D40904" t="s">
        <v>25238</v>
      </c>
      <c r="E40904" t="s">
        <v>7278</v>
      </c>
      <c r="F40904" t="s">
        <v>7279</v>
      </c>
      <c r="G40904" t="s">
        <v>80</v>
      </c>
      <c r="H40904" t="s">
        <v>81</v>
      </c>
      <c r="I40904" s="2">
        <v>0</v>
      </c>
      <c r="J40904" s="2">
        <v>1</v>
      </c>
      <c r="K40904" s="2">
        <v>0</v>
      </c>
      <c r="L40904" t="s">
        <v>82</v>
      </c>
      <c r="M40904" t="s">
        <v>89</v>
      </c>
      <c r="N40904" t="s">
        <v>90</v>
      </c>
      <c r="O40904" t="s">
        <v>85</v>
      </c>
      <c r="P40904" t="s">
        <v>86</v>
      </c>
      <c r="Q40904">
        <v>18</v>
      </c>
      <c r="R40904">
        <v>19</v>
      </c>
      <c r="S40904">
        <v>19</v>
      </c>
      <c r="T40904">
        <v>19</v>
      </c>
      <c r="U40904">
        <v>20</v>
      </c>
      <c r="V40904">
        <v>20</v>
      </c>
      <c r="W40904">
        <v>20</v>
      </c>
      <c r="X40904">
        <v>20</v>
      </c>
      <c r="Y40904">
        <v>21</v>
      </c>
      <c r="Z40904">
        <v>21</v>
      </c>
      <c r="AA40904">
        <v>21</v>
      </c>
      <c r="AB40904">
        <v>21</v>
      </c>
      <c r="AC40904">
        <v>22</v>
      </c>
      <c r="AD40904">
        <v>22</v>
      </c>
      <c r="AE40904">
        <v>22</v>
      </c>
      <c r="AF40904">
        <v>22</v>
      </c>
      <c r="AG40904">
        <v>22</v>
      </c>
      <c r="AH40904">
        <v>22</v>
      </c>
      <c r="AI40904">
        <v>21</v>
      </c>
      <c r="AJ40904">
        <v>21</v>
      </c>
      <c r="AK40904">
        <v>21</v>
      </c>
      <c r="AL40904">
        <v>21</v>
      </c>
      <c r="AM40904">
        <v>21</v>
      </c>
      <c r="AN40904">
        <v>21</v>
      </c>
      <c r="AO40904">
        <v>21</v>
      </c>
      <c r="AP40904">
        <v>21</v>
      </c>
      <c r="AQ40904">
        <v>21</v>
      </c>
    </row>
    <row r="40905" spans="1:43">
      <c r="A40905" t="s">
        <v>25249</v>
      </c>
      <c r="B40905" t="s">
        <v>25250</v>
      </c>
      <c r="C40905" t="s">
        <v>25237</v>
      </c>
      <c r="D40905" t="s">
        <v>25238</v>
      </c>
      <c r="E40905" t="s">
        <v>7278</v>
      </c>
      <c r="F40905" t="s">
        <v>7279</v>
      </c>
      <c r="G40905" t="s">
        <v>80</v>
      </c>
      <c r="H40905" t="s">
        <v>81</v>
      </c>
      <c r="I40905" s="2">
        <v>0</v>
      </c>
      <c r="J40905" s="2">
        <v>1</v>
      </c>
      <c r="K40905" s="2">
        <v>0</v>
      </c>
      <c r="L40905" t="s">
        <v>82</v>
      </c>
      <c r="M40905" t="s">
        <v>83</v>
      </c>
      <c r="N40905" t="s">
        <v>91</v>
      </c>
      <c r="O40905" t="s">
        <v>85</v>
      </c>
      <c r="P40905" t="s">
        <v>86</v>
      </c>
      <c r="Q40905">
        <v>18</v>
      </c>
      <c r="R40905">
        <v>18</v>
      </c>
      <c r="S40905">
        <v>19</v>
      </c>
      <c r="T40905">
        <v>19</v>
      </c>
      <c r="U40905">
        <v>19</v>
      </c>
      <c r="V40905">
        <v>19</v>
      </c>
      <c r="W40905">
        <v>19</v>
      </c>
      <c r="X40905">
        <v>19</v>
      </c>
      <c r="Y40905">
        <v>20</v>
      </c>
      <c r="Z40905">
        <v>20</v>
      </c>
      <c r="AA40905">
        <v>20</v>
      </c>
      <c r="AB40905">
        <v>20</v>
      </c>
      <c r="AC40905">
        <v>20</v>
      </c>
      <c r="AD40905">
        <v>20</v>
      </c>
      <c r="AE40905">
        <v>20</v>
      </c>
      <c r="AF40905">
        <v>20</v>
      </c>
      <c r="AG40905">
        <v>21</v>
      </c>
      <c r="AH40905">
        <v>21</v>
      </c>
      <c r="AI40905">
        <v>21</v>
      </c>
      <c r="AJ40905">
        <v>21</v>
      </c>
      <c r="AK40905">
        <v>21</v>
      </c>
      <c r="AL40905">
        <v>21</v>
      </c>
      <c r="AM40905">
        <v>21</v>
      </c>
      <c r="AN40905">
        <v>21</v>
      </c>
      <c r="AO40905">
        <v>21</v>
      </c>
      <c r="AP40905">
        <v>21</v>
      </c>
      <c r="AQ40905">
        <v>20</v>
      </c>
    </row>
    <row r="40906" spans="1:43">
      <c r="A40906" t="s">
        <v>25251</v>
      </c>
      <c r="B40906" t="s">
        <v>25252</v>
      </c>
      <c r="C40906" t="s">
        <v>205</v>
      </c>
      <c r="D40906" t="s">
        <v>206</v>
      </c>
      <c r="E40906" t="s">
        <v>102</v>
      </c>
      <c r="F40906" t="s">
        <v>103</v>
      </c>
      <c r="G40906" t="s">
        <v>80</v>
      </c>
      <c r="H40906" t="s">
        <v>81</v>
      </c>
      <c r="I40906" s="2">
        <v>0</v>
      </c>
      <c r="J40906" s="2">
        <v>1</v>
      </c>
      <c r="K40906" s="2">
        <v>0</v>
      </c>
      <c r="L40906" t="s">
        <v>82</v>
      </c>
      <c r="M40906" t="s">
        <v>83</v>
      </c>
      <c r="N40906" t="s">
        <v>84</v>
      </c>
      <c r="O40906" t="s">
        <v>85</v>
      </c>
      <c r="P40906" t="s">
        <v>86</v>
      </c>
      <c r="Q40906">
        <v>56</v>
      </c>
      <c r="R40906">
        <v>57</v>
      </c>
      <c r="S40906">
        <v>58</v>
      </c>
      <c r="T40906">
        <v>59</v>
      </c>
      <c r="U40906">
        <v>59</v>
      </c>
      <c r="V40906">
        <v>60</v>
      </c>
      <c r="W40906">
        <v>61</v>
      </c>
      <c r="X40906">
        <v>62</v>
      </c>
      <c r="Y40906">
        <v>63</v>
      </c>
      <c r="Z40906">
        <v>64</v>
      </c>
      <c r="AA40906">
        <v>65</v>
      </c>
      <c r="AB40906">
        <v>66</v>
      </c>
      <c r="AC40906">
        <v>67</v>
      </c>
      <c r="AD40906">
        <v>68</v>
      </c>
      <c r="AE40906">
        <v>68</v>
      </c>
      <c r="AF40906">
        <v>69</v>
      </c>
      <c r="AG40906">
        <v>70</v>
      </c>
      <c r="AH40906">
        <v>71</v>
      </c>
      <c r="AI40906">
        <v>72</v>
      </c>
      <c r="AJ40906">
        <v>73</v>
      </c>
      <c r="AK40906">
        <v>74</v>
      </c>
      <c r="AL40906">
        <v>74</v>
      </c>
      <c r="AM40906">
        <v>74</v>
      </c>
      <c r="AN40906">
        <v>74</v>
      </c>
      <c r="AO40906">
        <v>74</v>
      </c>
      <c r="AP40906">
        <v>74</v>
      </c>
      <c r="AQ40906">
        <v>75</v>
      </c>
    </row>
    <row r="40907" spans="1:43">
      <c r="A40907" t="s">
        <v>25251</v>
      </c>
      <c r="B40907" t="s">
        <v>25252</v>
      </c>
      <c r="C40907" t="s">
        <v>205</v>
      </c>
      <c r="D40907" t="s">
        <v>206</v>
      </c>
      <c r="E40907" t="s">
        <v>102</v>
      </c>
      <c r="F40907" t="s">
        <v>103</v>
      </c>
      <c r="G40907" t="s">
        <v>80</v>
      </c>
      <c r="H40907" t="s">
        <v>81</v>
      </c>
      <c r="I40907" s="2">
        <v>0</v>
      </c>
      <c r="J40907" s="2">
        <v>1</v>
      </c>
      <c r="K40907" s="2">
        <v>0</v>
      </c>
      <c r="L40907" t="s">
        <v>82</v>
      </c>
      <c r="M40907" t="s">
        <v>87</v>
      </c>
      <c r="N40907" t="s">
        <v>88</v>
      </c>
      <c r="O40907" t="s">
        <v>85</v>
      </c>
      <c r="P40907" t="s">
        <v>86</v>
      </c>
      <c r="Q40907">
        <v>56</v>
      </c>
      <c r="R40907">
        <v>57</v>
      </c>
      <c r="S40907">
        <v>57</v>
      </c>
      <c r="T40907">
        <v>57</v>
      </c>
      <c r="U40907">
        <v>58</v>
      </c>
      <c r="V40907">
        <v>58</v>
      </c>
      <c r="W40907">
        <v>59</v>
      </c>
      <c r="X40907">
        <v>59</v>
      </c>
      <c r="Y40907">
        <v>59</v>
      </c>
      <c r="Z40907">
        <v>60</v>
      </c>
      <c r="AA40907">
        <v>60</v>
      </c>
      <c r="AB40907">
        <v>61</v>
      </c>
      <c r="AC40907">
        <v>61</v>
      </c>
      <c r="AD40907">
        <v>61</v>
      </c>
      <c r="AE40907">
        <v>62</v>
      </c>
      <c r="AF40907">
        <v>62</v>
      </c>
      <c r="AG40907">
        <v>62</v>
      </c>
      <c r="AH40907">
        <v>63</v>
      </c>
      <c r="AI40907">
        <v>63</v>
      </c>
      <c r="AJ40907">
        <v>64</v>
      </c>
      <c r="AK40907">
        <v>64</v>
      </c>
      <c r="AL40907">
        <v>64</v>
      </c>
      <c r="AM40907">
        <v>65</v>
      </c>
      <c r="AN40907">
        <v>65</v>
      </c>
      <c r="AO40907">
        <v>65</v>
      </c>
      <c r="AP40907">
        <v>66</v>
      </c>
      <c r="AQ40907">
        <v>66</v>
      </c>
    </row>
    <row r="40908" spans="1:43">
      <c r="A40908" t="s">
        <v>25251</v>
      </c>
      <c r="B40908" t="s">
        <v>25252</v>
      </c>
      <c r="C40908" t="s">
        <v>205</v>
      </c>
      <c r="D40908" t="s">
        <v>206</v>
      </c>
      <c r="E40908" t="s">
        <v>102</v>
      </c>
      <c r="F40908" t="s">
        <v>103</v>
      </c>
      <c r="G40908" t="s">
        <v>80</v>
      </c>
      <c r="H40908" t="s">
        <v>81</v>
      </c>
      <c r="I40908" s="2">
        <v>0</v>
      </c>
      <c r="J40908" s="2">
        <v>1</v>
      </c>
      <c r="K40908" s="2">
        <v>0</v>
      </c>
      <c r="L40908" t="s">
        <v>82</v>
      </c>
      <c r="M40908" t="s">
        <v>89</v>
      </c>
      <c r="N40908" t="s">
        <v>90</v>
      </c>
      <c r="O40908" t="s">
        <v>85</v>
      </c>
      <c r="P40908" t="s">
        <v>86</v>
      </c>
      <c r="Q40908">
        <v>56</v>
      </c>
      <c r="R40908">
        <v>58</v>
      </c>
      <c r="S40908">
        <v>59</v>
      </c>
      <c r="T40908">
        <v>60</v>
      </c>
      <c r="U40908">
        <v>62</v>
      </c>
      <c r="V40908">
        <v>63</v>
      </c>
      <c r="W40908">
        <v>64</v>
      </c>
      <c r="X40908">
        <v>66</v>
      </c>
      <c r="Y40908">
        <v>67</v>
      </c>
      <c r="Z40908">
        <v>68</v>
      </c>
      <c r="AA40908">
        <v>69</v>
      </c>
      <c r="AB40908">
        <v>70</v>
      </c>
      <c r="AC40908">
        <v>71</v>
      </c>
      <c r="AD40908">
        <v>73</v>
      </c>
      <c r="AE40908">
        <v>73</v>
      </c>
      <c r="AF40908">
        <v>73</v>
      </c>
      <c r="AG40908">
        <v>74</v>
      </c>
      <c r="AH40908">
        <v>74</v>
      </c>
      <c r="AI40908">
        <v>74</v>
      </c>
      <c r="AJ40908">
        <v>74</v>
      </c>
      <c r="AK40908">
        <v>74</v>
      </c>
      <c r="AL40908">
        <v>74</v>
      </c>
      <c r="AM40908">
        <v>75</v>
      </c>
      <c r="AN40908">
        <v>75</v>
      </c>
      <c r="AO40908">
        <v>75</v>
      </c>
      <c r="AP40908">
        <v>75</v>
      </c>
      <c r="AQ40908">
        <v>75</v>
      </c>
    </row>
    <row r="40909" spans="1:43">
      <c r="A40909" t="s">
        <v>25251</v>
      </c>
      <c r="B40909" t="s">
        <v>25252</v>
      </c>
      <c r="C40909" t="s">
        <v>205</v>
      </c>
      <c r="D40909" t="s">
        <v>206</v>
      </c>
      <c r="E40909" t="s">
        <v>102</v>
      </c>
      <c r="F40909" t="s">
        <v>103</v>
      </c>
      <c r="G40909" t="s">
        <v>80</v>
      </c>
      <c r="H40909" t="s">
        <v>81</v>
      </c>
      <c r="I40909" s="2">
        <v>0</v>
      </c>
      <c r="J40909" s="2">
        <v>1</v>
      </c>
      <c r="K40909" s="2">
        <v>0</v>
      </c>
      <c r="L40909" t="s">
        <v>82</v>
      </c>
      <c r="M40909" t="s">
        <v>83</v>
      </c>
      <c r="N40909" t="s">
        <v>91</v>
      </c>
      <c r="O40909" t="s">
        <v>85</v>
      </c>
      <c r="P40909" t="s">
        <v>86</v>
      </c>
      <c r="Q40909">
        <v>56</v>
      </c>
      <c r="R40909">
        <v>57</v>
      </c>
      <c r="S40909">
        <v>58</v>
      </c>
      <c r="T40909">
        <v>59</v>
      </c>
      <c r="U40909">
        <v>59</v>
      </c>
      <c r="V40909">
        <v>60</v>
      </c>
      <c r="W40909">
        <v>61</v>
      </c>
      <c r="X40909">
        <v>62</v>
      </c>
      <c r="Y40909">
        <v>63</v>
      </c>
      <c r="Z40909">
        <v>64</v>
      </c>
      <c r="AA40909">
        <v>65</v>
      </c>
      <c r="AB40909">
        <v>66</v>
      </c>
      <c r="AC40909">
        <v>67</v>
      </c>
      <c r="AD40909">
        <v>68</v>
      </c>
      <c r="AE40909">
        <v>68</v>
      </c>
      <c r="AF40909">
        <v>69</v>
      </c>
      <c r="AG40909">
        <v>70</v>
      </c>
      <c r="AH40909">
        <v>71</v>
      </c>
      <c r="AI40909">
        <v>72</v>
      </c>
      <c r="AJ40909">
        <v>73</v>
      </c>
      <c r="AK40909">
        <v>74</v>
      </c>
      <c r="AL40909">
        <v>74</v>
      </c>
      <c r="AM40909">
        <v>74</v>
      </c>
      <c r="AN40909">
        <v>74</v>
      </c>
      <c r="AO40909">
        <v>74</v>
      </c>
      <c r="AP40909">
        <v>74</v>
      </c>
      <c r="AQ40909">
        <v>75</v>
      </c>
    </row>
    <row r="40910" spans="1:43">
      <c r="A40910" t="s">
        <v>25253</v>
      </c>
      <c r="B40910" t="s">
        <v>25254</v>
      </c>
      <c r="C40910" t="s">
        <v>7766</v>
      </c>
      <c r="D40910" t="s">
        <v>7767</v>
      </c>
      <c r="E40910" t="s">
        <v>7646</v>
      </c>
      <c r="F40910" t="s">
        <v>7647</v>
      </c>
      <c r="G40910" t="s">
        <v>80</v>
      </c>
      <c r="H40910" t="s">
        <v>81</v>
      </c>
      <c r="I40910" s="2">
        <v>0</v>
      </c>
      <c r="J40910" s="2">
        <v>1</v>
      </c>
      <c r="K40910" s="2">
        <v>0</v>
      </c>
      <c r="L40910" t="s">
        <v>82</v>
      </c>
      <c r="M40910" t="s">
        <v>83</v>
      </c>
      <c r="N40910" t="s">
        <v>84</v>
      </c>
      <c r="O40910" t="s">
        <v>85</v>
      </c>
      <c r="P40910" t="s">
        <v>86</v>
      </c>
      <c r="Q40910">
        <v>88</v>
      </c>
      <c r="R40910">
        <v>90</v>
      </c>
      <c r="S40910">
        <v>91</v>
      </c>
      <c r="T40910">
        <v>93</v>
      </c>
      <c r="U40910">
        <v>94</v>
      </c>
      <c r="V40910">
        <v>96</v>
      </c>
      <c r="W40910">
        <v>98</v>
      </c>
      <c r="X40910">
        <v>99</v>
      </c>
      <c r="Y40910">
        <v>101</v>
      </c>
      <c r="Z40910">
        <v>103</v>
      </c>
      <c r="AA40910">
        <v>104</v>
      </c>
      <c r="AB40910">
        <v>106</v>
      </c>
      <c r="AC40910">
        <v>108</v>
      </c>
      <c r="AD40910">
        <v>109</v>
      </c>
      <c r="AE40910">
        <v>111</v>
      </c>
      <c r="AF40910">
        <v>112</v>
      </c>
      <c r="AG40910">
        <v>114</v>
      </c>
      <c r="AH40910">
        <v>116</v>
      </c>
      <c r="AI40910">
        <v>117</v>
      </c>
      <c r="AJ40910">
        <v>119</v>
      </c>
      <c r="AK40910">
        <v>121</v>
      </c>
      <c r="AL40910">
        <v>122</v>
      </c>
      <c r="AM40910">
        <v>122</v>
      </c>
      <c r="AN40910">
        <v>123</v>
      </c>
      <c r="AO40910">
        <v>123</v>
      </c>
      <c r="AP40910">
        <v>124</v>
      </c>
      <c r="AQ40910">
        <v>124</v>
      </c>
    </row>
    <row r="40911" spans="1:43">
      <c r="A40911" t="s">
        <v>25253</v>
      </c>
      <c r="B40911" t="s">
        <v>25254</v>
      </c>
      <c r="C40911" t="s">
        <v>7766</v>
      </c>
      <c r="D40911" t="s">
        <v>7767</v>
      </c>
      <c r="E40911" t="s">
        <v>7646</v>
      </c>
      <c r="F40911" t="s">
        <v>7647</v>
      </c>
      <c r="G40911" t="s">
        <v>80</v>
      </c>
      <c r="H40911" t="s">
        <v>81</v>
      </c>
      <c r="I40911" s="2">
        <v>0</v>
      </c>
      <c r="J40911" s="2">
        <v>1</v>
      </c>
      <c r="K40911" s="2">
        <v>0</v>
      </c>
      <c r="L40911" t="s">
        <v>82</v>
      </c>
      <c r="M40911" t="s">
        <v>87</v>
      </c>
      <c r="N40911" t="s">
        <v>88</v>
      </c>
      <c r="O40911" t="s">
        <v>85</v>
      </c>
      <c r="P40911" t="s">
        <v>86</v>
      </c>
      <c r="Q40911">
        <v>88</v>
      </c>
      <c r="R40911">
        <v>89</v>
      </c>
      <c r="S40911">
        <v>90</v>
      </c>
      <c r="T40911">
        <v>90</v>
      </c>
      <c r="U40911">
        <v>91</v>
      </c>
      <c r="V40911">
        <v>92</v>
      </c>
      <c r="W40911">
        <v>93</v>
      </c>
      <c r="X40911">
        <v>94</v>
      </c>
      <c r="Y40911">
        <v>94</v>
      </c>
      <c r="Z40911">
        <v>95</v>
      </c>
      <c r="AA40911">
        <v>96</v>
      </c>
      <c r="AB40911">
        <v>97</v>
      </c>
      <c r="AC40911">
        <v>98</v>
      </c>
      <c r="AD40911">
        <v>98</v>
      </c>
      <c r="AE40911">
        <v>99</v>
      </c>
      <c r="AF40911">
        <v>100</v>
      </c>
      <c r="AG40911">
        <v>101</v>
      </c>
      <c r="AH40911">
        <v>101</v>
      </c>
      <c r="AI40911">
        <v>102</v>
      </c>
      <c r="AJ40911">
        <v>103</v>
      </c>
      <c r="AK40911">
        <v>104</v>
      </c>
      <c r="AL40911">
        <v>105</v>
      </c>
      <c r="AM40911">
        <v>105</v>
      </c>
      <c r="AN40911">
        <v>106</v>
      </c>
      <c r="AO40911">
        <v>107</v>
      </c>
      <c r="AP40911">
        <v>108</v>
      </c>
      <c r="AQ40911">
        <v>108</v>
      </c>
    </row>
    <row r="40912" spans="1:43">
      <c r="A40912" t="s">
        <v>25253</v>
      </c>
      <c r="B40912" t="s">
        <v>25254</v>
      </c>
      <c r="C40912" t="s">
        <v>7766</v>
      </c>
      <c r="D40912" t="s">
        <v>7767</v>
      </c>
      <c r="E40912" t="s">
        <v>7646</v>
      </c>
      <c r="F40912" t="s">
        <v>7647</v>
      </c>
      <c r="G40912" t="s">
        <v>80</v>
      </c>
      <c r="H40912" t="s">
        <v>81</v>
      </c>
      <c r="I40912" s="2">
        <v>0</v>
      </c>
      <c r="J40912" s="2">
        <v>1</v>
      </c>
      <c r="K40912" s="2">
        <v>0</v>
      </c>
      <c r="L40912" t="s">
        <v>82</v>
      </c>
      <c r="M40912" t="s">
        <v>89</v>
      </c>
      <c r="N40912" t="s">
        <v>90</v>
      </c>
      <c r="O40912" t="s">
        <v>85</v>
      </c>
      <c r="P40912" t="s">
        <v>86</v>
      </c>
      <c r="Q40912">
        <v>88</v>
      </c>
      <c r="R40912">
        <v>90</v>
      </c>
      <c r="S40912">
        <v>93</v>
      </c>
      <c r="T40912">
        <v>95</v>
      </c>
      <c r="U40912">
        <v>97</v>
      </c>
      <c r="V40912">
        <v>99</v>
      </c>
      <c r="W40912">
        <v>102</v>
      </c>
      <c r="X40912">
        <v>104</v>
      </c>
      <c r="Y40912">
        <v>106</v>
      </c>
      <c r="Z40912">
        <v>108</v>
      </c>
      <c r="AA40912">
        <v>110</v>
      </c>
      <c r="AB40912">
        <v>112</v>
      </c>
      <c r="AC40912">
        <v>114</v>
      </c>
      <c r="AD40912">
        <v>116</v>
      </c>
      <c r="AE40912">
        <v>118</v>
      </c>
      <c r="AF40912">
        <v>119</v>
      </c>
      <c r="AG40912">
        <v>119</v>
      </c>
      <c r="AH40912">
        <v>120</v>
      </c>
      <c r="AI40912">
        <v>120</v>
      </c>
      <c r="AJ40912">
        <v>121</v>
      </c>
      <c r="AK40912">
        <v>122</v>
      </c>
      <c r="AL40912">
        <v>122</v>
      </c>
      <c r="AM40912">
        <v>123</v>
      </c>
      <c r="AN40912">
        <v>123</v>
      </c>
      <c r="AO40912">
        <v>124</v>
      </c>
      <c r="AP40912">
        <v>124</v>
      </c>
      <c r="AQ40912">
        <v>125</v>
      </c>
    </row>
    <row r="40913" spans="1:43">
      <c r="A40913" t="s">
        <v>25253</v>
      </c>
      <c r="B40913" t="s">
        <v>25254</v>
      </c>
      <c r="C40913" t="s">
        <v>7766</v>
      </c>
      <c r="D40913" t="s">
        <v>7767</v>
      </c>
      <c r="E40913" t="s">
        <v>7646</v>
      </c>
      <c r="F40913" t="s">
        <v>7647</v>
      </c>
      <c r="G40913" t="s">
        <v>80</v>
      </c>
      <c r="H40913" t="s">
        <v>81</v>
      </c>
      <c r="I40913" s="2">
        <v>0</v>
      </c>
      <c r="J40913" s="2">
        <v>1</v>
      </c>
      <c r="K40913" s="2">
        <v>0</v>
      </c>
      <c r="L40913" t="s">
        <v>82</v>
      </c>
      <c r="M40913" t="s">
        <v>83</v>
      </c>
      <c r="N40913" t="s">
        <v>91</v>
      </c>
      <c r="O40913" t="s">
        <v>85</v>
      </c>
      <c r="P40913" t="s">
        <v>86</v>
      </c>
      <c r="Q40913">
        <v>88</v>
      </c>
      <c r="R40913">
        <v>90</v>
      </c>
      <c r="S40913">
        <v>91</v>
      </c>
      <c r="T40913">
        <v>93</v>
      </c>
      <c r="U40913">
        <v>94</v>
      </c>
      <c r="V40913">
        <v>96</v>
      </c>
      <c r="W40913">
        <v>98</v>
      </c>
      <c r="X40913">
        <v>99</v>
      </c>
      <c r="Y40913">
        <v>101</v>
      </c>
      <c r="Z40913">
        <v>103</v>
      </c>
      <c r="AA40913">
        <v>104</v>
      </c>
      <c r="AB40913">
        <v>106</v>
      </c>
      <c r="AC40913">
        <v>108</v>
      </c>
      <c r="AD40913">
        <v>109</v>
      </c>
      <c r="AE40913">
        <v>111</v>
      </c>
      <c r="AF40913">
        <v>112</v>
      </c>
      <c r="AG40913">
        <v>114</v>
      </c>
      <c r="AH40913">
        <v>116</v>
      </c>
      <c r="AI40913">
        <v>117</v>
      </c>
      <c r="AJ40913">
        <v>119</v>
      </c>
      <c r="AK40913">
        <v>121</v>
      </c>
      <c r="AL40913">
        <v>122</v>
      </c>
      <c r="AM40913">
        <v>122</v>
      </c>
      <c r="AN40913">
        <v>123</v>
      </c>
      <c r="AO40913">
        <v>123</v>
      </c>
      <c r="AP40913">
        <v>124</v>
      </c>
      <c r="AQ40913">
        <v>124</v>
      </c>
    </row>
    <row r="40914" spans="1:43">
      <c r="A40914" t="s">
        <v>25255</v>
      </c>
      <c r="B40914" t="s">
        <v>25256</v>
      </c>
      <c r="C40914" t="s">
        <v>7710</v>
      </c>
      <c r="D40914" t="s">
        <v>7711</v>
      </c>
      <c r="E40914" t="s">
        <v>7646</v>
      </c>
      <c r="F40914" t="s">
        <v>7647</v>
      </c>
      <c r="G40914" t="s">
        <v>80</v>
      </c>
      <c r="H40914" t="s">
        <v>81</v>
      </c>
      <c r="I40914" s="2">
        <v>0</v>
      </c>
      <c r="J40914" s="2">
        <v>1</v>
      </c>
      <c r="K40914" s="2">
        <v>0</v>
      </c>
      <c r="L40914" t="s">
        <v>82</v>
      </c>
      <c r="M40914" t="s">
        <v>83</v>
      </c>
      <c r="N40914" t="s">
        <v>84</v>
      </c>
      <c r="O40914" t="s">
        <v>85</v>
      </c>
      <c r="P40914" t="s">
        <v>86</v>
      </c>
      <c r="Q40914">
        <v>20</v>
      </c>
      <c r="R40914">
        <v>20</v>
      </c>
      <c r="S40914">
        <v>20</v>
      </c>
      <c r="T40914">
        <v>21</v>
      </c>
      <c r="U40914">
        <v>21</v>
      </c>
      <c r="V40914">
        <v>21</v>
      </c>
      <c r="W40914">
        <v>22</v>
      </c>
      <c r="X40914">
        <v>22</v>
      </c>
      <c r="Y40914">
        <v>23</v>
      </c>
      <c r="Z40914">
        <v>23</v>
      </c>
      <c r="AA40914">
        <v>23</v>
      </c>
      <c r="AB40914">
        <v>24</v>
      </c>
      <c r="AC40914">
        <v>24</v>
      </c>
      <c r="AD40914">
        <v>24</v>
      </c>
      <c r="AE40914">
        <v>25</v>
      </c>
      <c r="AF40914">
        <v>25</v>
      </c>
      <c r="AG40914">
        <v>26</v>
      </c>
      <c r="AH40914">
        <v>26</v>
      </c>
      <c r="AI40914">
        <v>26</v>
      </c>
      <c r="AJ40914">
        <v>27</v>
      </c>
      <c r="AK40914">
        <v>27</v>
      </c>
      <c r="AL40914">
        <v>27</v>
      </c>
      <c r="AM40914">
        <v>27</v>
      </c>
      <c r="AN40914">
        <v>27</v>
      </c>
      <c r="AO40914">
        <v>28</v>
      </c>
      <c r="AP40914">
        <v>28</v>
      </c>
      <c r="AQ40914">
        <v>28</v>
      </c>
    </row>
    <row r="40915" spans="1:43">
      <c r="A40915" t="s">
        <v>25255</v>
      </c>
      <c r="B40915" t="s">
        <v>25256</v>
      </c>
      <c r="C40915" t="s">
        <v>7710</v>
      </c>
      <c r="D40915" t="s">
        <v>7711</v>
      </c>
      <c r="E40915" t="s">
        <v>7646</v>
      </c>
      <c r="F40915" t="s">
        <v>7647</v>
      </c>
      <c r="G40915" t="s">
        <v>80</v>
      </c>
      <c r="H40915" t="s">
        <v>81</v>
      </c>
      <c r="I40915" s="2">
        <v>0</v>
      </c>
      <c r="J40915" s="2">
        <v>1</v>
      </c>
      <c r="K40915" s="2">
        <v>0</v>
      </c>
      <c r="L40915" t="s">
        <v>82</v>
      </c>
      <c r="M40915" t="s">
        <v>87</v>
      </c>
      <c r="N40915" t="s">
        <v>88</v>
      </c>
      <c r="O40915" t="s">
        <v>85</v>
      </c>
      <c r="P40915" t="s">
        <v>86</v>
      </c>
      <c r="Q40915">
        <v>20</v>
      </c>
      <c r="R40915">
        <v>21</v>
      </c>
      <c r="S40915">
        <v>21</v>
      </c>
      <c r="T40915">
        <v>21</v>
      </c>
      <c r="U40915">
        <v>21</v>
      </c>
      <c r="V40915">
        <v>21</v>
      </c>
      <c r="W40915">
        <v>22</v>
      </c>
      <c r="X40915">
        <v>22</v>
      </c>
      <c r="Y40915">
        <v>22</v>
      </c>
      <c r="Z40915">
        <v>22</v>
      </c>
      <c r="AA40915">
        <v>22</v>
      </c>
      <c r="AB40915">
        <v>22</v>
      </c>
      <c r="AC40915">
        <v>23</v>
      </c>
      <c r="AD40915">
        <v>23</v>
      </c>
      <c r="AE40915">
        <v>23</v>
      </c>
      <c r="AF40915">
        <v>23</v>
      </c>
      <c r="AG40915">
        <v>23</v>
      </c>
      <c r="AH40915">
        <v>24</v>
      </c>
      <c r="AI40915">
        <v>24</v>
      </c>
      <c r="AJ40915">
        <v>24</v>
      </c>
      <c r="AK40915">
        <v>24</v>
      </c>
      <c r="AL40915">
        <v>24</v>
      </c>
      <c r="AM40915">
        <v>24</v>
      </c>
      <c r="AN40915">
        <v>25</v>
      </c>
      <c r="AO40915">
        <v>25</v>
      </c>
      <c r="AP40915">
        <v>25</v>
      </c>
      <c r="AQ40915">
        <v>25</v>
      </c>
    </row>
    <row r="40916" spans="1:43">
      <c r="A40916" t="s">
        <v>25255</v>
      </c>
      <c r="B40916" t="s">
        <v>25256</v>
      </c>
      <c r="C40916" t="s">
        <v>7710</v>
      </c>
      <c r="D40916" t="s">
        <v>7711</v>
      </c>
      <c r="E40916" t="s">
        <v>7646</v>
      </c>
      <c r="F40916" t="s">
        <v>7647</v>
      </c>
      <c r="G40916" t="s">
        <v>80</v>
      </c>
      <c r="H40916" t="s">
        <v>81</v>
      </c>
      <c r="I40916" s="2">
        <v>0</v>
      </c>
      <c r="J40916" s="2">
        <v>1</v>
      </c>
      <c r="K40916" s="2">
        <v>0</v>
      </c>
      <c r="L40916" t="s">
        <v>82</v>
      </c>
      <c r="M40916" t="s">
        <v>89</v>
      </c>
      <c r="N40916" t="s">
        <v>90</v>
      </c>
      <c r="O40916" t="s">
        <v>85</v>
      </c>
      <c r="P40916" t="s">
        <v>86</v>
      </c>
      <c r="Q40916">
        <v>20</v>
      </c>
      <c r="R40916">
        <v>20</v>
      </c>
      <c r="S40916">
        <v>21</v>
      </c>
      <c r="T40916">
        <v>21</v>
      </c>
      <c r="U40916">
        <v>22</v>
      </c>
      <c r="V40916">
        <v>22</v>
      </c>
      <c r="W40916">
        <v>23</v>
      </c>
      <c r="X40916">
        <v>23</v>
      </c>
      <c r="Y40916">
        <v>24</v>
      </c>
      <c r="Z40916">
        <v>24</v>
      </c>
      <c r="AA40916">
        <v>25</v>
      </c>
      <c r="AB40916">
        <v>25</v>
      </c>
      <c r="AC40916">
        <v>26</v>
      </c>
      <c r="AD40916">
        <v>26</v>
      </c>
      <c r="AE40916">
        <v>27</v>
      </c>
      <c r="AF40916">
        <v>27</v>
      </c>
      <c r="AG40916">
        <v>27</v>
      </c>
      <c r="AH40916">
        <v>27</v>
      </c>
      <c r="AI40916">
        <v>27</v>
      </c>
      <c r="AJ40916">
        <v>27</v>
      </c>
      <c r="AK40916">
        <v>27</v>
      </c>
      <c r="AL40916">
        <v>27</v>
      </c>
      <c r="AM40916">
        <v>28</v>
      </c>
      <c r="AN40916">
        <v>28</v>
      </c>
      <c r="AO40916">
        <v>28</v>
      </c>
      <c r="AP40916">
        <v>28</v>
      </c>
      <c r="AQ40916">
        <v>28</v>
      </c>
    </row>
    <row r="40917" spans="1:43">
      <c r="A40917" t="s">
        <v>25255</v>
      </c>
      <c r="B40917" t="s">
        <v>25256</v>
      </c>
      <c r="C40917" t="s">
        <v>7710</v>
      </c>
      <c r="D40917" t="s">
        <v>7711</v>
      </c>
      <c r="E40917" t="s">
        <v>7646</v>
      </c>
      <c r="F40917" t="s">
        <v>7647</v>
      </c>
      <c r="G40917" t="s">
        <v>80</v>
      </c>
      <c r="H40917" t="s">
        <v>81</v>
      </c>
      <c r="I40917" s="2">
        <v>0</v>
      </c>
      <c r="J40917" s="2">
        <v>1</v>
      </c>
      <c r="K40917" s="2">
        <v>0</v>
      </c>
      <c r="L40917" t="s">
        <v>82</v>
      </c>
      <c r="M40917" t="s">
        <v>83</v>
      </c>
      <c r="N40917" t="s">
        <v>91</v>
      </c>
      <c r="O40917" t="s">
        <v>85</v>
      </c>
      <c r="P40917" t="s">
        <v>86</v>
      </c>
      <c r="Q40917">
        <v>20</v>
      </c>
      <c r="R40917">
        <v>20</v>
      </c>
      <c r="S40917">
        <v>20</v>
      </c>
      <c r="T40917">
        <v>21</v>
      </c>
      <c r="U40917">
        <v>21</v>
      </c>
      <c r="V40917">
        <v>21</v>
      </c>
      <c r="W40917">
        <v>22</v>
      </c>
      <c r="X40917">
        <v>22</v>
      </c>
      <c r="Y40917">
        <v>23</v>
      </c>
      <c r="Z40917">
        <v>23</v>
      </c>
      <c r="AA40917">
        <v>23</v>
      </c>
      <c r="AB40917">
        <v>24</v>
      </c>
      <c r="AC40917">
        <v>24</v>
      </c>
      <c r="AD40917">
        <v>24</v>
      </c>
      <c r="AE40917">
        <v>25</v>
      </c>
      <c r="AF40917">
        <v>25</v>
      </c>
      <c r="AG40917">
        <v>26</v>
      </c>
      <c r="AH40917">
        <v>26</v>
      </c>
      <c r="AI40917">
        <v>26</v>
      </c>
      <c r="AJ40917">
        <v>27</v>
      </c>
      <c r="AK40917">
        <v>27</v>
      </c>
      <c r="AL40917">
        <v>27</v>
      </c>
      <c r="AM40917">
        <v>27</v>
      </c>
      <c r="AN40917">
        <v>27</v>
      </c>
      <c r="AO40917">
        <v>28</v>
      </c>
      <c r="AP40917">
        <v>28</v>
      </c>
      <c r="AQ40917">
        <v>28</v>
      </c>
    </row>
    <row r="40918" spans="1:43">
      <c r="A40918" t="s">
        <v>25257</v>
      </c>
      <c r="B40918" t="s">
        <v>25258</v>
      </c>
      <c r="C40918" t="s">
        <v>7766</v>
      </c>
      <c r="D40918" t="s">
        <v>7767</v>
      </c>
      <c r="E40918" t="s">
        <v>7646</v>
      </c>
      <c r="F40918" t="s">
        <v>7647</v>
      </c>
      <c r="G40918" t="s">
        <v>80</v>
      </c>
      <c r="H40918" t="s">
        <v>81</v>
      </c>
      <c r="I40918" s="2">
        <v>0</v>
      </c>
      <c r="J40918" s="2">
        <v>1</v>
      </c>
      <c r="K40918" s="2">
        <v>0</v>
      </c>
      <c r="L40918" t="s">
        <v>82</v>
      </c>
      <c r="M40918" t="s">
        <v>83</v>
      </c>
      <c r="N40918" t="s">
        <v>84</v>
      </c>
      <c r="O40918" t="s">
        <v>85</v>
      </c>
      <c r="P40918" t="s">
        <v>86</v>
      </c>
      <c r="Q40918">
        <v>75</v>
      </c>
      <c r="R40918">
        <v>76</v>
      </c>
      <c r="S40918">
        <v>78</v>
      </c>
      <c r="T40918">
        <v>79</v>
      </c>
      <c r="U40918">
        <v>80</v>
      </c>
      <c r="V40918">
        <v>82</v>
      </c>
      <c r="W40918">
        <v>83</v>
      </c>
      <c r="X40918">
        <v>85</v>
      </c>
      <c r="Y40918">
        <v>86</v>
      </c>
      <c r="Z40918">
        <v>87</v>
      </c>
      <c r="AA40918">
        <v>89</v>
      </c>
      <c r="AB40918">
        <v>90</v>
      </c>
      <c r="AC40918">
        <v>92</v>
      </c>
      <c r="AD40918">
        <v>93</v>
      </c>
      <c r="AE40918">
        <v>94</v>
      </c>
      <c r="AF40918">
        <v>96</v>
      </c>
      <c r="AG40918">
        <v>97</v>
      </c>
      <c r="AH40918">
        <v>99</v>
      </c>
      <c r="AI40918">
        <v>100</v>
      </c>
      <c r="AJ40918">
        <v>101</v>
      </c>
      <c r="AK40918">
        <v>103</v>
      </c>
      <c r="AL40918">
        <v>104</v>
      </c>
      <c r="AM40918">
        <v>104</v>
      </c>
      <c r="AN40918">
        <v>105</v>
      </c>
      <c r="AO40918">
        <v>105</v>
      </c>
      <c r="AP40918">
        <v>106</v>
      </c>
      <c r="AQ40918">
        <v>106</v>
      </c>
    </row>
    <row r="40919" spans="1:43">
      <c r="A40919" t="s">
        <v>25257</v>
      </c>
      <c r="B40919" t="s">
        <v>25258</v>
      </c>
      <c r="C40919" t="s">
        <v>7766</v>
      </c>
      <c r="D40919" t="s">
        <v>7767</v>
      </c>
      <c r="E40919" t="s">
        <v>7646</v>
      </c>
      <c r="F40919" t="s">
        <v>7647</v>
      </c>
      <c r="G40919" t="s">
        <v>80</v>
      </c>
      <c r="H40919" t="s">
        <v>81</v>
      </c>
      <c r="I40919" s="2">
        <v>0</v>
      </c>
      <c r="J40919" s="2">
        <v>1</v>
      </c>
      <c r="K40919" s="2">
        <v>0</v>
      </c>
      <c r="L40919" t="s">
        <v>82</v>
      </c>
      <c r="M40919" t="s">
        <v>87</v>
      </c>
      <c r="N40919" t="s">
        <v>88</v>
      </c>
      <c r="O40919" t="s">
        <v>85</v>
      </c>
      <c r="P40919" t="s">
        <v>86</v>
      </c>
      <c r="Q40919">
        <v>75</v>
      </c>
      <c r="R40919">
        <v>76</v>
      </c>
      <c r="S40919">
        <v>77</v>
      </c>
      <c r="T40919">
        <v>77</v>
      </c>
      <c r="U40919">
        <v>78</v>
      </c>
      <c r="V40919">
        <v>79</v>
      </c>
      <c r="W40919">
        <v>79</v>
      </c>
      <c r="X40919">
        <v>80</v>
      </c>
      <c r="Y40919">
        <v>81</v>
      </c>
      <c r="Z40919">
        <v>81</v>
      </c>
      <c r="AA40919">
        <v>82</v>
      </c>
      <c r="AB40919">
        <v>83</v>
      </c>
      <c r="AC40919">
        <v>83</v>
      </c>
      <c r="AD40919">
        <v>84</v>
      </c>
      <c r="AE40919">
        <v>85</v>
      </c>
      <c r="AF40919">
        <v>85</v>
      </c>
      <c r="AG40919">
        <v>86</v>
      </c>
      <c r="AH40919">
        <v>87</v>
      </c>
      <c r="AI40919">
        <v>87</v>
      </c>
      <c r="AJ40919">
        <v>88</v>
      </c>
      <c r="AK40919">
        <v>89</v>
      </c>
      <c r="AL40919">
        <v>89</v>
      </c>
      <c r="AM40919">
        <v>90</v>
      </c>
      <c r="AN40919">
        <v>91</v>
      </c>
      <c r="AO40919">
        <v>91</v>
      </c>
      <c r="AP40919">
        <v>92</v>
      </c>
      <c r="AQ40919">
        <v>93</v>
      </c>
    </row>
    <row r="40920" spans="1:43">
      <c r="A40920" t="s">
        <v>25257</v>
      </c>
      <c r="B40920" t="s">
        <v>25258</v>
      </c>
      <c r="C40920" t="s">
        <v>7766</v>
      </c>
      <c r="D40920" t="s">
        <v>7767</v>
      </c>
      <c r="E40920" t="s">
        <v>7646</v>
      </c>
      <c r="F40920" t="s">
        <v>7647</v>
      </c>
      <c r="G40920" t="s">
        <v>80</v>
      </c>
      <c r="H40920" t="s">
        <v>81</v>
      </c>
      <c r="I40920" s="2">
        <v>0</v>
      </c>
      <c r="J40920" s="2">
        <v>1</v>
      </c>
      <c r="K40920" s="2">
        <v>0</v>
      </c>
      <c r="L40920" t="s">
        <v>82</v>
      </c>
      <c r="M40920" t="s">
        <v>89</v>
      </c>
      <c r="N40920" t="s">
        <v>90</v>
      </c>
      <c r="O40920" t="s">
        <v>85</v>
      </c>
      <c r="P40920" t="s">
        <v>86</v>
      </c>
      <c r="Q40920">
        <v>75</v>
      </c>
      <c r="R40920">
        <v>77</v>
      </c>
      <c r="S40920">
        <v>79</v>
      </c>
      <c r="T40920">
        <v>81</v>
      </c>
      <c r="U40920">
        <v>83</v>
      </c>
      <c r="V40920">
        <v>85</v>
      </c>
      <c r="W40920">
        <v>87</v>
      </c>
      <c r="X40920">
        <v>88</v>
      </c>
      <c r="Y40920">
        <v>90</v>
      </c>
      <c r="Z40920">
        <v>92</v>
      </c>
      <c r="AA40920">
        <v>94</v>
      </c>
      <c r="AB40920">
        <v>95</v>
      </c>
      <c r="AC40920">
        <v>97</v>
      </c>
      <c r="AD40920">
        <v>99</v>
      </c>
      <c r="AE40920">
        <v>100</v>
      </c>
      <c r="AF40920">
        <v>101</v>
      </c>
      <c r="AG40920">
        <v>101</v>
      </c>
      <c r="AH40920">
        <v>102</v>
      </c>
      <c r="AI40920">
        <v>102</v>
      </c>
      <c r="AJ40920">
        <v>103</v>
      </c>
      <c r="AK40920">
        <v>103</v>
      </c>
      <c r="AL40920">
        <v>104</v>
      </c>
      <c r="AM40920">
        <v>104</v>
      </c>
      <c r="AN40920">
        <v>105</v>
      </c>
      <c r="AO40920">
        <v>105</v>
      </c>
      <c r="AP40920">
        <v>106</v>
      </c>
      <c r="AQ40920">
        <v>106</v>
      </c>
    </row>
    <row r="40921" spans="1:43">
      <c r="A40921" t="s">
        <v>25257</v>
      </c>
      <c r="B40921" t="s">
        <v>25258</v>
      </c>
      <c r="C40921" t="s">
        <v>7766</v>
      </c>
      <c r="D40921" t="s">
        <v>7767</v>
      </c>
      <c r="E40921" t="s">
        <v>7646</v>
      </c>
      <c r="F40921" t="s">
        <v>7647</v>
      </c>
      <c r="G40921" t="s">
        <v>80</v>
      </c>
      <c r="H40921" t="s">
        <v>81</v>
      </c>
      <c r="I40921" s="2">
        <v>0</v>
      </c>
      <c r="J40921" s="2">
        <v>1</v>
      </c>
      <c r="K40921" s="2">
        <v>0</v>
      </c>
      <c r="L40921" t="s">
        <v>82</v>
      </c>
      <c r="M40921" t="s">
        <v>83</v>
      </c>
      <c r="N40921" t="s">
        <v>91</v>
      </c>
      <c r="O40921" t="s">
        <v>85</v>
      </c>
      <c r="P40921" t="s">
        <v>86</v>
      </c>
      <c r="Q40921">
        <v>75</v>
      </c>
      <c r="R40921">
        <v>76</v>
      </c>
      <c r="S40921">
        <v>78</v>
      </c>
      <c r="T40921">
        <v>79</v>
      </c>
      <c r="U40921">
        <v>80</v>
      </c>
      <c r="V40921">
        <v>82</v>
      </c>
      <c r="W40921">
        <v>83</v>
      </c>
      <c r="X40921">
        <v>85</v>
      </c>
      <c r="Y40921">
        <v>86</v>
      </c>
      <c r="Z40921">
        <v>87</v>
      </c>
      <c r="AA40921">
        <v>89</v>
      </c>
      <c r="AB40921">
        <v>90</v>
      </c>
      <c r="AC40921">
        <v>92</v>
      </c>
      <c r="AD40921">
        <v>93</v>
      </c>
      <c r="AE40921">
        <v>94</v>
      </c>
      <c r="AF40921">
        <v>96</v>
      </c>
      <c r="AG40921">
        <v>97</v>
      </c>
      <c r="AH40921">
        <v>99</v>
      </c>
      <c r="AI40921">
        <v>100</v>
      </c>
      <c r="AJ40921">
        <v>101</v>
      </c>
      <c r="AK40921">
        <v>103</v>
      </c>
      <c r="AL40921">
        <v>104</v>
      </c>
      <c r="AM40921">
        <v>104</v>
      </c>
      <c r="AN40921">
        <v>105</v>
      </c>
      <c r="AO40921">
        <v>105</v>
      </c>
      <c r="AP40921">
        <v>106</v>
      </c>
      <c r="AQ40921">
        <v>106</v>
      </c>
    </row>
    <row r="40922" spans="1:43">
      <c r="A40922" t="s">
        <v>25259</v>
      </c>
      <c r="B40922" t="s">
        <v>25260</v>
      </c>
      <c r="C40922" t="s">
        <v>7710</v>
      </c>
      <c r="D40922" t="s">
        <v>7711</v>
      </c>
      <c r="E40922" t="s">
        <v>7646</v>
      </c>
      <c r="F40922" t="s">
        <v>7647</v>
      </c>
      <c r="G40922" t="s">
        <v>80</v>
      </c>
      <c r="H40922" t="s">
        <v>81</v>
      </c>
      <c r="I40922" s="2">
        <v>0</v>
      </c>
      <c r="J40922" s="2">
        <v>1</v>
      </c>
      <c r="K40922" s="2">
        <v>0</v>
      </c>
      <c r="L40922" t="s">
        <v>82</v>
      </c>
      <c r="M40922" t="s">
        <v>83</v>
      </c>
      <c r="N40922" t="s">
        <v>84</v>
      </c>
      <c r="O40922" t="s">
        <v>85</v>
      </c>
      <c r="P40922" t="s">
        <v>86</v>
      </c>
      <c r="Q40922">
        <v>12</v>
      </c>
      <c r="R40922">
        <v>12</v>
      </c>
      <c r="S40922">
        <v>12</v>
      </c>
      <c r="T40922">
        <v>13</v>
      </c>
      <c r="U40922">
        <v>13</v>
      </c>
      <c r="V40922">
        <v>13</v>
      </c>
      <c r="W40922">
        <v>13</v>
      </c>
      <c r="X40922">
        <v>14</v>
      </c>
      <c r="Y40922">
        <v>14</v>
      </c>
      <c r="Z40922">
        <v>14</v>
      </c>
      <c r="AA40922">
        <v>14</v>
      </c>
      <c r="AB40922">
        <v>15</v>
      </c>
      <c r="AC40922">
        <v>15</v>
      </c>
      <c r="AD40922">
        <v>15</v>
      </c>
      <c r="AE40922">
        <v>15</v>
      </c>
      <c r="AF40922">
        <v>15</v>
      </c>
      <c r="AG40922">
        <v>16</v>
      </c>
      <c r="AH40922">
        <v>16</v>
      </c>
      <c r="AI40922">
        <v>16</v>
      </c>
      <c r="AJ40922">
        <v>16</v>
      </c>
      <c r="AK40922">
        <v>17</v>
      </c>
      <c r="AL40922">
        <v>17</v>
      </c>
      <c r="AM40922">
        <v>17</v>
      </c>
      <c r="AN40922">
        <v>17</v>
      </c>
      <c r="AO40922">
        <v>17</v>
      </c>
      <c r="AP40922">
        <v>17</v>
      </c>
      <c r="AQ40922">
        <v>17</v>
      </c>
    </row>
    <row r="40923" spans="1:43">
      <c r="A40923" t="s">
        <v>25259</v>
      </c>
      <c r="B40923" t="s">
        <v>25260</v>
      </c>
      <c r="C40923" t="s">
        <v>7710</v>
      </c>
      <c r="D40923" t="s">
        <v>7711</v>
      </c>
      <c r="E40923" t="s">
        <v>7646</v>
      </c>
      <c r="F40923" t="s">
        <v>7647</v>
      </c>
      <c r="G40923" t="s">
        <v>80</v>
      </c>
      <c r="H40923" t="s">
        <v>81</v>
      </c>
      <c r="I40923" s="2">
        <v>0</v>
      </c>
      <c r="J40923" s="2">
        <v>1</v>
      </c>
      <c r="K40923" s="2">
        <v>0</v>
      </c>
      <c r="L40923" t="s">
        <v>82</v>
      </c>
      <c r="M40923" t="s">
        <v>87</v>
      </c>
      <c r="N40923" t="s">
        <v>88</v>
      </c>
      <c r="O40923" t="s">
        <v>85</v>
      </c>
      <c r="P40923" t="s">
        <v>86</v>
      </c>
      <c r="Q40923">
        <v>12</v>
      </c>
      <c r="R40923">
        <v>12</v>
      </c>
      <c r="S40923">
        <v>12</v>
      </c>
      <c r="T40923">
        <v>12</v>
      </c>
      <c r="U40923">
        <v>12</v>
      </c>
      <c r="V40923">
        <v>12</v>
      </c>
      <c r="W40923">
        <v>13</v>
      </c>
      <c r="X40923">
        <v>13</v>
      </c>
      <c r="Y40923">
        <v>13</v>
      </c>
      <c r="Z40923">
        <v>13</v>
      </c>
      <c r="AA40923">
        <v>13</v>
      </c>
      <c r="AB40923">
        <v>13</v>
      </c>
      <c r="AC40923">
        <v>13</v>
      </c>
      <c r="AD40923">
        <v>13</v>
      </c>
      <c r="AE40923">
        <v>13</v>
      </c>
      <c r="AF40923">
        <v>14</v>
      </c>
      <c r="AG40923">
        <v>14</v>
      </c>
      <c r="AH40923">
        <v>14</v>
      </c>
      <c r="AI40923">
        <v>14</v>
      </c>
      <c r="AJ40923">
        <v>14</v>
      </c>
      <c r="AK40923">
        <v>14</v>
      </c>
      <c r="AL40923">
        <v>14</v>
      </c>
      <c r="AM40923">
        <v>14</v>
      </c>
      <c r="AN40923">
        <v>15</v>
      </c>
      <c r="AO40923">
        <v>15</v>
      </c>
      <c r="AP40923">
        <v>15</v>
      </c>
      <c r="AQ40923">
        <v>15</v>
      </c>
    </row>
    <row r="40924" spans="1:43">
      <c r="A40924" t="s">
        <v>25259</v>
      </c>
      <c r="B40924" t="s">
        <v>25260</v>
      </c>
      <c r="C40924" t="s">
        <v>7710</v>
      </c>
      <c r="D40924" t="s">
        <v>7711</v>
      </c>
      <c r="E40924" t="s">
        <v>7646</v>
      </c>
      <c r="F40924" t="s">
        <v>7647</v>
      </c>
      <c r="G40924" t="s">
        <v>80</v>
      </c>
      <c r="H40924" t="s">
        <v>81</v>
      </c>
      <c r="I40924" s="2">
        <v>0</v>
      </c>
      <c r="J40924" s="2">
        <v>1</v>
      </c>
      <c r="K40924" s="2">
        <v>0</v>
      </c>
      <c r="L40924" t="s">
        <v>82</v>
      </c>
      <c r="M40924" t="s">
        <v>89</v>
      </c>
      <c r="N40924" t="s">
        <v>90</v>
      </c>
      <c r="O40924" t="s">
        <v>85</v>
      </c>
      <c r="P40924" t="s">
        <v>86</v>
      </c>
      <c r="Q40924">
        <v>12</v>
      </c>
      <c r="R40924">
        <v>12</v>
      </c>
      <c r="S40924">
        <v>13</v>
      </c>
      <c r="T40924">
        <v>13</v>
      </c>
      <c r="U40924">
        <v>13</v>
      </c>
      <c r="V40924">
        <v>14</v>
      </c>
      <c r="W40924">
        <v>14</v>
      </c>
      <c r="X40924">
        <v>14</v>
      </c>
      <c r="Y40924">
        <v>15</v>
      </c>
      <c r="Z40924">
        <v>15</v>
      </c>
      <c r="AA40924">
        <v>15</v>
      </c>
      <c r="AB40924">
        <v>15</v>
      </c>
      <c r="AC40924">
        <v>16</v>
      </c>
      <c r="AD40924">
        <v>16</v>
      </c>
      <c r="AE40924">
        <v>16</v>
      </c>
      <c r="AF40924">
        <v>16</v>
      </c>
      <c r="AG40924">
        <v>16</v>
      </c>
      <c r="AH40924">
        <v>17</v>
      </c>
      <c r="AI40924">
        <v>17</v>
      </c>
      <c r="AJ40924">
        <v>17</v>
      </c>
      <c r="AK40924">
        <v>17</v>
      </c>
      <c r="AL40924">
        <v>17</v>
      </c>
      <c r="AM40924">
        <v>17</v>
      </c>
      <c r="AN40924">
        <v>17</v>
      </c>
      <c r="AO40924">
        <v>17</v>
      </c>
      <c r="AP40924">
        <v>17</v>
      </c>
      <c r="AQ40924">
        <v>17</v>
      </c>
    </row>
    <row r="40925" spans="1:43">
      <c r="A40925" t="s">
        <v>25259</v>
      </c>
      <c r="B40925" t="s">
        <v>25260</v>
      </c>
      <c r="C40925" t="s">
        <v>7710</v>
      </c>
      <c r="D40925" t="s">
        <v>7711</v>
      </c>
      <c r="E40925" t="s">
        <v>7646</v>
      </c>
      <c r="F40925" t="s">
        <v>7647</v>
      </c>
      <c r="G40925" t="s">
        <v>80</v>
      </c>
      <c r="H40925" t="s">
        <v>81</v>
      </c>
      <c r="I40925" s="2">
        <v>0</v>
      </c>
      <c r="J40925" s="2">
        <v>1</v>
      </c>
      <c r="K40925" s="2">
        <v>0</v>
      </c>
      <c r="L40925" t="s">
        <v>82</v>
      </c>
      <c r="M40925" t="s">
        <v>83</v>
      </c>
      <c r="N40925" t="s">
        <v>91</v>
      </c>
      <c r="O40925" t="s">
        <v>85</v>
      </c>
      <c r="P40925" t="s">
        <v>86</v>
      </c>
      <c r="Q40925">
        <v>12</v>
      </c>
      <c r="R40925">
        <v>12</v>
      </c>
      <c r="S40925">
        <v>12</v>
      </c>
      <c r="T40925">
        <v>13</v>
      </c>
      <c r="U40925">
        <v>13</v>
      </c>
      <c r="V40925">
        <v>13</v>
      </c>
      <c r="W40925">
        <v>13</v>
      </c>
      <c r="X40925">
        <v>14</v>
      </c>
      <c r="Y40925">
        <v>14</v>
      </c>
      <c r="Z40925">
        <v>14</v>
      </c>
      <c r="AA40925">
        <v>14</v>
      </c>
      <c r="AB40925">
        <v>15</v>
      </c>
      <c r="AC40925">
        <v>15</v>
      </c>
      <c r="AD40925">
        <v>15</v>
      </c>
      <c r="AE40925">
        <v>15</v>
      </c>
      <c r="AF40925">
        <v>15</v>
      </c>
      <c r="AG40925">
        <v>16</v>
      </c>
      <c r="AH40925">
        <v>16</v>
      </c>
      <c r="AI40925">
        <v>16</v>
      </c>
      <c r="AJ40925">
        <v>16</v>
      </c>
      <c r="AK40925">
        <v>17</v>
      </c>
      <c r="AL40925">
        <v>17</v>
      </c>
      <c r="AM40925">
        <v>17</v>
      </c>
      <c r="AN40925">
        <v>17</v>
      </c>
      <c r="AO40925">
        <v>17</v>
      </c>
      <c r="AP40925">
        <v>17</v>
      </c>
      <c r="AQ40925">
        <v>17</v>
      </c>
    </row>
    <row r="40926" spans="1:43">
      <c r="A40926" t="s">
        <v>25261</v>
      </c>
      <c r="B40926" t="s">
        <v>25262</v>
      </c>
      <c r="C40926" t="s">
        <v>10034</v>
      </c>
      <c r="D40926" t="s">
        <v>10035</v>
      </c>
      <c r="E40926" t="s">
        <v>9956</v>
      </c>
      <c r="F40926" t="s">
        <v>9957</v>
      </c>
      <c r="G40926" t="s">
        <v>80</v>
      </c>
      <c r="H40926" t="s">
        <v>81</v>
      </c>
      <c r="I40926" s="2">
        <v>0</v>
      </c>
      <c r="J40926" s="2">
        <v>1</v>
      </c>
      <c r="K40926" s="2">
        <v>0</v>
      </c>
      <c r="L40926" t="s">
        <v>82</v>
      </c>
      <c r="M40926" t="s">
        <v>83</v>
      </c>
      <c r="N40926" t="s">
        <v>84</v>
      </c>
      <c r="O40926" t="s">
        <v>85</v>
      </c>
      <c r="P40926" t="s">
        <v>86</v>
      </c>
      <c r="Q40926">
        <v>35</v>
      </c>
      <c r="R40926">
        <v>35</v>
      </c>
      <c r="S40926">
        <v>36</v>
      </c>
      <c r="T40926">
        <v>37</v>
      </c>
      <c r="U40926">
        <v>38</v>
      </c>
      <c r="V40926">
        <v>38</v>
      </c>
      <c r="W40926">
        <v>39</v>
      </c>
      <c r="X40926">
        <v>40</v>
      </c>
      <c r="Y40926">
        <v>41</v>
      </c>
      <c r="Z40926">
        <v>42</v>
      </c>
      <c r="AA40926">
        <v>43</v>
      </c>
      <c r="AB40926">
        <v>43</v>
      </c>
      <c r="AC40926">
        <v>44</v>
      </c>
      <c r="AD40926">
        <v>45</v>
      </c>
      <c r="AE40926">
        <v>46</v>
      </c>
      <c r="AF40926">
        <v>47</v>
      </c>
      <c r="AG40926">
        <v>48</v>
      </c>
      <c r="AH40926">
        <v>49</v>
      </c>
      <c r="AI40926">
        <v>49</v>
      </c>
      <c r="AJ40926">
        <v>50</v>
      </c>
      <c r="AK40926">
        <v>51</v>
      </c>
      <c r="AL40926">
        <v>52</v>
      </c>
      <c r="AM40926">
        <v>52</v>
      </c>
      <c r="AN40926">
        <v>53</v>
      </c>
      <c r="AO40926">
        <v>53</v>
      </c>
      <c r="AP40926">
        <v>54</v>
      </c>
      <c r="AQ40926">
        <v>54</v>
      </c>
    </row>
    <row r="40927" spans="1:43">
      <c r="A40927" t="s">
        <v>25261</v>
      </c>
      <c r="B40927" t="s">
        <v>25262</v>
      </c>
      <c r="C40927" t="s">
        <v>10034</v>
      </c>
      <c r="D40927" t="s">
        <v>10035</v>
      </c>
      <c r="E40927" t="s">
        <v>9956</v>
      </c>
      <c r="F40927" t="s">
        <v>9957</v>
      </c>
      <c r="G40927" t="s">
        <v>80</v>
      </c>
      <c r="H40927" t="s">
        <v>81</v>
      </c>
      <c r="I40927" s="2">
        <v>0</v>
      </c>
      <c r="J40927" s="2">
        <v>1</v>
      </c>
      <c r="K40927" s="2">
        <v>0</v>
      </c>
      <c r="L40927" t="s">
        <v>82</v>
      </c>
      <c r="M40927" t="s">
        <v>87</v>
      </c>
      <c r="N40927" t="s">
        <v>88</v>
      </c>
      <c r="O40927" t="s">
        <v>85</v>
      </c>
      <c r="P40927" t="s">
        <v>86</v>
      </c>
      <c r="Q40927">
        <v>35</v>
      </c>
      <c r="R40927">
        <v>36</v>
      </c>
      <c r="S40927">
        <v>36</v>
      </c>
      <c r="T40927">
        <v>37</v>
      </c>
      <c r="U40927">
        <v>37</v>
      </c>
      <c r="V40927">
        <v>37</v>
      </c>
      <c r="W40927">
        <v>38</v>
      </c>
      <c r="X40927">
        <v>38</v>
      </c>
      <c r="Y40927">
        <v>39</v>
      </c>
      <c r="Z40927">
        <v>39</v>
      </c>
      <c r="AA40927">
        <v>40</v>
      </c>
      <c r="AB40927">
        <v>40</v>
      </c>
      <c r="AC40927">
        <v>41</v>
      </c>
      <c r="AD40927">
        <v>41</v>
      </c>
      <c r="AE40927">
        <v>42</v>
      </c>
      <c r="AF40927">
        <v>42</v>
      </c>
      <c r="AG40927">
        <v>43</v>
      </c>
      <c r="AH40927">
        <v>43</v>
      </c>
      <c r="AI40927">
        <v>44</v>
      </c>
      <c r="AJ40927">
        <v>44</v>
      </c>
      <c r="AK40927">
        <v>45</v>
      </c>
      <c r="AL40927">
        <v>45</v>
      </c>
      <c r="AM40927">
        <v>46</v>
      </c>
      <c r="AN40927">
        <v>46</v>
      </c>
      <c r="AO40927">
        <v>47</v>
      </c>
      <c r="AP40927">
        <v>47</v>
      </c>
      <c r="AQ40927">
        <v>48</v>
      </c>
    </row>
    <row r="40928" spans="1:43">
      <c r="A40928" t="s">
        <v>25261</v>
      </c>
      <c r="B40928" t="s">
        <v>25262</v>
      </c>
      <c r="C40928" t="s">
        <v>10034</v>
      </c>
      <c r="D40928" t="s">
        <v>10035</v>
      </c>
      <c r="E40928" t="s">
        <v>9956</v>
      </c>
      <c r="F40928" t="s">
        <v>9957</v>
      </c>
      <c r="G40928" t="s">
        <v>80</v>
      </c>
      <c r="H40928" t="s">
        <v>81</v>
      </c>
      <c r="I40928" s="2">
        <v>0</v>
      </c>
      <c r="J40928" s="2">
        <v>1</v>
      </c>
      <c r="K40928" s="2">
        <v>0</v>
      </c>
      <c r="L40928" t="s">
        <v>82</v>
      </c>
      <c r="M40928" t="s">
        <v>89</v>
      </c>
      <c r="N40928" t="s">
        <v>90</v>
      </c>
      <c r="O40928" t="s">
        <v>85</v>
      </c>
      <c r="P40928" t="s">
        <v>86</v>
      </c>
      <c r="Q40928">
        <v>35</v>
      </c>
      <c r="R40928">
        <v>36</v>
      </c>
      <c r="S40928">
        <v>37</v>
      </c>
      <c r="T40928">
        <v>38</v>
      </c>
      <c r="U40928">
        <v>39</v>
      </c>
      <c r="V40928">
        <v>40</v>
      </c>
      <c r="W40928">
        <v>41</v>
      </c>
      <c r="X40928">
        <v>42</v>
      </c>
      <c r="Y40928">
        <v>43</v>
      </c>
      <c r="Z40928">
        <v>44</v>
      </c>
      <c r="AA40928">
        <v>45</v>
      </c>
      <c r="AB40928">
        <v>46</v>
      </c>
      <c r="AC40928">
        <v>47</v>
      </c>
      <c r="AD40928">
        <v>48</v>
      </c>
      <c r="AE40928">
        <v>49</v>
      </c>
      <c r="AF40928">
        <v>50</v>
      </c>
      <c r="AG40928">
        <v>50</v>
      </c>
      <c r="AH40928">
        <v>51</v>
      </c>
      <c r="AI40928">
        <v>51</v>
      </c>
      <c r="AJ40928">
        <v>52</v>
      </c>
      <c r="AK40928">
        <v>52</v>
      </c>
      <c r="AL40928">
        <v>53</v>
      </c>
      <c r="AM40928">
        <v>53</v>
      </c>
      <c r="AN40928">
        <v>54</v>
      </c>
      <c r="AO40928">
        <v>54</v>
      </c>
      <c r="AP40928">
        <v>54</v>
      </c>
      <c r="AQ40928">
        <v>55</v>
      </c>
    </row>
    <row r="40929" spans="1:43">
      <c r="A40929" t="s">
        <v>25261</v>
      </c>
      <c r="B40929" t="s">
        <v>25262</v>
      </c>
      <c r="C40929" t="s">
        <v>10034</v>
      </c>
      <c r="D40929" t="s">
        <v>10035</v>
      </c>
      <c r="E40929" t="s">
        <v>9956</v>
      </c>
      <c r="F40929" t="s">
        <v>9957</v>
      </c>
      <c r="G40929" t="s">
        <v>80</v>
      </c>
      <c r="H40929" t="s">
        <v>81</v>
      </c>
      <c r="I40929" s="2">
        <v>0</v>
      </c>
      <c r="J40929" s="2">
        <v>1</v>
      </c>
      <c r="K40929" s="2">
        <v>0</v>
      </c>
      <c r="L40929" t="s">
        <v>82</v>
      </c>
      <c r="M40929" t="s">
        <v>83</v>
      </c>
      <c r="N40929" t="s">
        <v>91</v>
      </c>
      <c r="O40929" t="s">
        <v>85</v>
      </c>
      <c r="P40929" t="s">
        <v>86</v>
      </c>
      <c r="Q40929">
        <v>35</v>
      </c>
      <c r="R40929">
        <v>35</v>
      </c>
      <c r="S40929">
        <v>36</v>
      </c>
      <c r="T40929">
        <v>37</v>
      </c>
      <c r="U40929">
        <v>38</v>
      </c>
      <c r="V40929">
        <v>38</v>
      </c>
      <c r="W40929">
        <v>39</v>
      </c>
      <c r="X40929">
        <v>40</v>
      </c>
      <c r="Y40929">
        <v>41</v>
      </c>
      <c r="Z40929">
        <v>42</v>
      </c>
      <c r="AA40929">
        <v>43</v>
      </c>
      <c r="AB40929">
        <v>43</v>
      </c>
      <c r="AC40929">
        <v>44</v>
      </c>
      <c r="AD40929">
        <v>45</v>
      </c>
      <c r="AE40929">
        <v>46</v>
      </c>
      <c r="AF40929">
        <v>47</v>
      </c>
      <c r="AG40929">
        <v>48</v>
      </c>
      <c r="AH40929">
        <v>49</v>
      </c>
      <c r="AI40929">
        <v>49</v>
      </c>
      <c r="AJ40929">
        <v>50</v>
      </c>
      <c r="AK40929">
        <v>51</v>
      </c>
      <c r="AL40929">
        <v>52</v>
      </c>
      <c r="AM40929">
        <v>52</v>
      </c>
      <c r="AN40929">
        <v>53</v>
      </c>
      <c r="AO40929">
        <v>53</v>
      </c>
      <c r="AP40929">
        <v>54</v>
      </c>
      <c r="AQ40929">
        <v>54</v>
      </c>
    </row>
    <row r="40930" spans="1:43">
      <c r="A40930" t="s">
        <v>25263</v>
      </c>
      <c r="B40930" t="s">
        <v>25264</v>
      </c>
      <c r="C40930" t="s">
        <v>10034</v>
      </c>
      <c r="D40930" t="s">
        <v>10035</v>
      </c>
      <c r="E40930" t="s">
        <v>9956</v>
      </c>
      <c r="F40930" t="s">
        <v>9957</v>
      </c>
      <c r="G40930" t="s">
        <v>80</v>
      </c>
      <c r="H40930" t="s">
        <v>81</v>
      </c>
      <c r="I40930" s="2">
        <v>0</v>
      </c>
      <c r="J40930" s="2">
        <v>1</v>
      </c>
      <c r="K40930" s="2">
        <v>0</v>
      </c>
      <c r="L40930" t="s">
        <v>82</v>
      </c>
      <c r="M40930" t="s">
        <v>83</v>
      </c>
      <c r="N40930" t="s">
        <v>84</v>
      </c>
      <c r="O40930" t="s">
        <v>85</v>
      </c>
      <c r="P40930" t="s">
        <v>86</v>
      </c>
      <c r="Q40930">
        <v>231</v>
      </c>
      <c r="R40930">
        <v>235</v>
      </c>
      <c r="S40930">
        <v>241</v>
      </c>
      <c r="T40930">
        <v>246</v>
      </c>
      <c r="U40930">
        <v>251</v>
      </c>
      <c r="V40930">
        <v>256</v>
      </c>
      <c r="W40930">
        <v>261</v>
      </c>
      <c r="X40930">
        <v>266</v>
      </c>
      <c r="Y40930">
        <v>272</v>
      </c>
      <c r="Z40930">
        <v>277</v>
      </c>
      <c r="AA40930">
        <v>283</v>
      </c>
      <c r="AB40930">
        <v>288</v>
      </c>
      <c r="AC40930">
        <v>294</v>
      </c>
      <c r="AD40930">
        <v>300</v>
      </c>
      <c r="AE40930">
        <v>305</v>
      </c>
      <c r="AF40930">
        <v>311</v>
      </c>
      <c r="AG40930">
        <v>317</v>
      </c>
      <c r="AH40930">
        <v>323</v>
      </c>
      <c r="AI40930">
        <v>329</v>
      </c>
      <c r="AJ40930">
        <v>335</v>
      </c>
      <c r="AK40930">
        <v>341</v>
      </c>
      <c r="AL40930">
        <v>345</v>
      </c>
      <c r="AM40930">
        <v>348</v>
      </c>
      <c r="AN40930">
        <v>352</v>
      </c>
      <c r="AO40930">
        <v>355</v>
      </c>
      <c r="AP40930">
        <v>358</v>
      </c>
      <c r="AQ40930">
        <v>361</v>
      </c>
    </row>
    <row r="40931" spans="1:43">
      <c r="A40931" t="s">
        <v>25263</v>
      </c>
      <c r="B40931" t="s">
        <v>25264</v>
      </c>
      <c r="C40931" t="s">
        <v>10034</v>
      </c>
      <c r="D40931" t="s">
        <v>10035</v>
      </c>
      <c r="E40931" t="s">
        <v>9956</v>
      </c>
      <c r="F40931" t="s">
        <v>9957</v>
      </c>
      <c r="G40931" t="s">
        <v>80</v>
      </c>
      <c r="H40931" t="s">
        <v>81</v>
      </c>
      <c r="I40931" s="2">
        <v>0</v>
      </c>
      <c r="J40931" s="2">
        <v>1</v>
      </c>
      <c r="K40931" s="2">
        <v>0</v>
      </c>
      <c r="L40931" t="s">
        <v>82</v>
      </c>
      <c r="M40931" t="s">
        <v>87</v>
      </c>
      <c r="N40931" t="s">
        <v>88</v>
      </c>
      <c r="O40931" t="s">
        <v>85</v>
      </c>
      <c r="P40931" t="s">
        <v>86</v>
      </c>
      <c r="Q40931">
        <v>231</v>
      </c>
      <c r="R40931">
        <v>234</v>
      </c>
      <c r="S40931">
        <v>237</v>
      </c>
      <c r="T40931">
        <v>240</v>
      </c>
      <c r="U40931">
        <v>243</v>
      </c>
      <c r="V40931">
        <v>245</v>
      </c>
      <c r="W40931">
        <v>248</v>
      </c>
      <c r="X40931">
        <v>251</v>
      </c>
      <c r="Y40931">
        <v>254</v>
      </c>
      <c r="Z40931">
        <v>257</v>
      </c>
      <c r="AA40931">
        <v>260</v>
      </c>
      <c r="AB40931">
        <v>264</v>
      </c>
      <c r="AC40931">
        <v>267</v>
      </c>
      <c r="AD40931">
        <v>270</v>
      </c>
      <c r="AE40931">
        <v>273</v>
      </c>
      <c r="AF40931">
        <v>277</v>
      </c>
      <c r="AG40931">
        <v>280</v>
      </c>
      <c r="AH40931">
        <v>283</v>
      </c>
      <c r="AI40931">
        <v>287</v>
      </c>
      <c r="AJ40931">
        <v>290</v>
      </c>
      <c r="AK40931">
        <v>293</v>
      </c>
      <c r="AL40931">
        <v>297</v>
      </c>
      <c r="AM40931">
        <v>300</v>
      </c>
      <c r="AN40931">
        <v>304</v>
      </c>
      <c r="AO40931">
        <v>308</v>
      </c>
      <c r="AP40931">
        <v>311</v>
      </c>
      <c r="AQ40931">
        <v>315</v>
      </c>
    </row>
    <row r="40932" spans="1:43">
      <c r="A40932" t="s">
        <v>25263</v>
      </c>
      <c r="B40932" t="s">
        <v>25264</v>
      </c>
      <c r="C40932" t="s">
        <v>10034</v>
      </c>
      <c r="D40932" t="s">
        <v>10035</v>
      </c>
      <c r="E40932" t="s">
        <v>9956</v>
      </c>
      <c r="F40932" t="s">
        <v>9957</v>
      </c>
      <c r="G40932" t="s">
        <v>80</v>
      </c>
      <c r="H40932" t="s">
        <v>81</v>
      </c>
      <c r="I40932" s="2">
        <v>0</v>
      </c>
      <c r="J40932" s="2">
        <v>1</v>
      </c>
      <c r="K40932" s="2">
        <v>0</v>
      </c>
      <c r="L40932" t="s">
        <v>82</v>
      </c>
      <c r="M40932" t="s">
        <v>89</v>
      </c>
      <c r="N40932" t="s">
        <v>90</v>
      </c>
      <c r="O40932" t="s">
        <v>85</v>
      </c>
      <c r="P40932" t="s">
        <v>86</v>
      </c>
      <c r="Q40932">
        <v>231</v>
      </c>
      <c r="R40932">
        <v>238</v>
      </c>
      <c r="S40932">
        <v>245</v>
      </c>
      <c r="T40932">
        <v>252</v>
      </c>
      <c r="U40932">
        <v>259</v>
      </c>
      <c r="V40932">
        <v>266</v>
      </c>
      <c r="W40932">
        <v>273</v>
      </c>
      <c r="X40932">
        <v>279</v>
      </c>
      <c r="Y40932">
        <v>286</v>
      </c>
      <c r="Z40932">
        <v>293</v>
      </c>
      <c r="AA40932">
        <v>299</v>
      </c>
      <c r="AB40932">
        <v>306</v>
      </c>
      <c r="AC40932">
        <v>313</v>
      </c>
      <c r="AD40932">
        <v>320</v>
      </c>
      <c r="AE40932">
        <v>326</v>
      </c>
      <c r="AF40932">
        <v>329</v>
      </c>
      <c r="AG40932">
        <v>332</v>
      </c>
      <c r="AH40932">
        <v>335</v>
      </c>
      <c r="AI40932">
        <v>338</v>
      </c>
      <c r="AJ40932">
        <v>341</v>
      </c>
      <c r="AK40932">
        <v>345</v>
      </c>
      <c r="AL40932">
        <v>348</v>
      </c>
      <c r="AM40932">
        <v>351</v>
      </c>
      <c r="AN40932">
        <v>354</v>
      </c>
      <c r="AO40932">
        <v>357</v>
      </c>
      <c r="AP40932">
        <v>360</v>
      </c>
      <c r="AQ40932">
        <v>363</v>
      </c>
    </row>
    <row r="40933" spans="1:43">
      <c r="A40933" t="s">
        <v>25263</v>
      </c>
      <c r="B40933" t="s">
        <v>25264</v>
      </c>
      <c r="C40933" t="s">
        <v>10034</v>
      </c>
      <c r="D40933" t="s">
        <v>10035</v>
      </c>
      <c r="E40933" t="s">
        <v>9956</v>
      </c>
      <c r="F40933" t="s">
        <v>9957</v>
      </c>
      <c r="G40933" t="s">
        <v>80</v>
      </c>
      <c r="H40933" t="s">
        <v>81</v>
      </c>
      <c r="I40933" s="2">
        <v>0</v>
      </c>
      <c r="J40933" s="2">
        <v>1</v>
      </c>
      <c r="K40933" s="2">
        <v>0</v>
      </c>
      <c r="L40933" t="s">
        <v>82</v>
      </c>
      <c r="M40933" t="s">
        <v>83</v>
      </c>
      <c r="N40933" t="s">
        <v>91</v>
      </c>
      <c r="O40933" t="s">
        <v>85</v>
      </c>
      <c r="P40933" t="s">
        <v>86</v>
      </c>
      <c r="Q40933">
        <v>231</v>
      </c>
      <c r="R40933">
        <v>235</v>
      </c>
      <c r="S40933">
        <v>241</v>
      </c>
      <c r="T40933">
        <v>246</v>
      </c>
      <c r="U40933">
        <v>251</v>
      </c>
      <c r="V40933">
        <v>256</v>
      </c>
      <c r="W40933">
        <v>261</v>
      </c>
      <c r="X40933">
        <v>266</v>
      </c>
      <c r="Y40933">
        <v>272</v>
      </c>
      <c r="Z40933">
        <v>277</v>
      </c>
      <c r="AA40933">
        <v>283</v>
      </c>
      <c r="AB40933">
        <v>288</v>
      </c>
      <c r="AC40933">
        <v>294</v>
      </c>
      <c r="AD40933">
        <v>300</v>
      </c>
      <c r="AE40933">
        <v>305</v>
      </c>
      <c r="AF40933">
        <v>311</v>
      </c>
      <c r="AG40933">
        <v>317</v>
      </c>
      <c r="AH40933">
        <v>323</v>
      </c>
      <c r="AI40933">
        <v>329</v>
      </c>
      <c r="AJ40933">
        <v>335</v>
      </c>
      <c r="AK40933">
        <v>341</v>
      </c>
      <c r="AL40933">
        <v>345</v>
      </c>
      <c r="AM40933">
        <v>348</v>
      </c>
      <c r="AN40933">
        <v>352</v>
      </c>
      <c r="AO40933">
        <v>355</v>
      </c>
      <c r="AP40933">
        <v>358</v>
      </c>
      <c r="AQ40933">
        <v>361</v>
      </c>
    </row>
    <row r="40934" spans="1:43">
      <c r="A40934" t="s">
        <v>25265</v>
      </c>
      <c r="B40934" t="s">
        <v>25266</v>
      </c>
      <c r="C40934" t="s">
        <v>10008</v>
      </c>
      <c r="D40934" t="s">
        <v>10009</v>
      </c>
      <c r="E40934" t="s">
        <v>9956</v>
      </c>
      <c r="F40934" t="s">
        <v>9957</v>
      </c>
      <c r="G40934" t="s">
        <v>80</v>
      </c>
      <c r="H40934" t="s">
        <v>81</v>
      </c>
      <c r="I40934" s="2">
        <v>0</v>
      </c>
      <c r="J40934" s="2">
        <v>1</v>
      </c>
      <c r="K40934" s="2">
        <v>0</v>
      </c>
      <c r="L40934" t="s">
        <v>82</v>
      </c>
      <c r="M40934" t="s">
        <v>83</v>
      </c>
      <c r="N40934" t="s">
        <v>84</v>
      </c>
      <c r="O40934" t="s">
        <v>85</v>
      </c>
      <c r="P40934" t="s">
        <v>86</v>
      </c>
      <c r="Q40934">
        <v>25</v>
      </c>
      <c r="R40934">
        <v>25</v>
      </c>
      <c r="S40934">
        <v>26</v>
      </c>
      <c r="T40934">
        <v>26</v>
      </c>
      <c r="U40934">
        <v>27</v>
      </c>
      <c r="V40934">
        <v>27</v>
      </c>
      <c r="W40934">
        <v>28</v>
      </c>
      <c r="X40934">
        <v>28</v>
      </c>
      <c r="Y40934">
        <v>29</v>
      </c>
      <c r="Z40934">
        <v>30</v>
      </c>
      <c r="AA40934">
        <v>30</v>
      </c>
      <c r="AB40934">
        <v>31</v>
      </c>
      <c r="AC40934">
        <v>31</v>
      </c>
      <c r="AD40934">
        <v>32</v>
      </c>
      <c r="AE40934">
        <v>33</v>
      </c>
      <c r="AF40934">
        <v>33</v>
      </c>
      <c r="AG40934">
        <v>34</v>
      </c>
      <c r="AH40934">
        <v>34</v>
      </c>
      <c r="AI40934">
        <v>35</v>
      </c>
      <c r="AJ40934">
        <v>36</v>
      </c>
      <c r="AK40934">
        <v>36</v>
      </c>
      <c r="AL40934">
        <v>37</v>
      </c>
      <c r="AM40934">
        <v>37</v>
      </c>
      <c r="AN40934">
        <v>37</v>
      </c>
      <c r="AO40934">
        <v>38</v>
      </c>
      <c r="AP40934">
        <v>38</v>
      </c>
      <c r="AQ40934">
        <v>38</v>
      </c>
    </row>
    <row r="40935" spans="1:43">
      <c r="A40935" t="s">
        <v>25265</v>
      </c>
      <c r="B40935" t="s">
        <v>25266</v>
      </c>
      <c r="C40935" t="s">
        <v>10008</v>
      </c>
      <c r="D40935" t="s">
        <v>10009</v>
      </c>
      <c r="E40935" t="s">
        <v>9956</v>
      </c>
      <c r="F40935" t="s">
        <v>9957</v>
      </c>
      <c r="G40935" t="s">
        <v>80</v>
      </c>
      <c r="H40935" t="s">
        <v>81</v>
      </c>
      <c r="I40935" s="2">
        <v>0</v>
      </c>
      <c r="J40935" s="2">
        <v>1</v>
      </c>
      <c r="K40935" s="2">
        <v>0</v>
      </c>
      <c r="L40935" t="s">
        <v>82</v>
      </c>
      <c r="M40935" t="s">
        <v>87</v>
      </c>
      <c r="N40935" t="s">
        <v>88</v>
      </c>
      <c r="O40935" t="s">
        <v>85</v>
      </c>
      <c r="P40935" t="s">
        <v>86</v>
      </c>
      <c r="Q40935">
        <v>25</v>
      </c>
      <c r="R40935">
        <v>26</v>
      </c>
      <c r="S40935">
        <v>26</v>
      </c>
      <c r="T40935">
        <v>26</v>
      </c>
      <c r="U40935">
        <v>27</v>
      </c>
      <c r="V40935">
        <v>27</v>
      </c>
      <c r="W40935">
        <v>27</v>
      </c>
      <c r="X40935">
        <v>28</v>
      </c>
      <c r="Y40935">
        <v>28</v>
      </c>
      <c r="Z40935">
        <v>28</v>
      </c>
      <c r="AA40935">
        <v>29</v>
      </c>
      <c r="AB40935">
        <v>29</v>
      </c>
      <c r="AC40935">
        <v>29</v>
      </c>
      <c r="AD40935">
        <v>30</v>
      </c>
      <c r="AE40935">
        <v>30</v>
      </c>
      <c r="AF40935">
        <v>30</v>
      </c>
      <c r="AG40935">
        <v>31</v>
      </c>
      <c r="AH40935">
        <v>31</v>
      </c>
      <c r="AI40935">
        <v>31</v>
      </c>
      <c r="AJ40935">
        <v>32</v>
      </c>
      <c r="AK40935">
        <v>32</v>
      </c>
      <c r="AL40935">
        <v>32</v>
      </c>
      <c r="AM40935">
        <v>33</v>
      </c>
      <c r="AN40935">
        <v>33</v>
      </c>
      <c r="AO40935">
        <v>34</v>
      </c>
      <c r="AP40935">
        <v>34</v>
      </c>
      <c r="AQ40935">
        <v>34</v>
      </c>
    </row>
    <row r="40936" spans="1:43">
      <c r="A40936" t="s">
        <v>25265</v>
      </c>
      <c r="B40936" t="s">
        <v>25266</v>
      </c>
      <c r="C40936" t="s">
        <v>10008</v>
      </c>
      <c r="D40936" t="s">
        <v>10009</v>
      </c>
      <c r="E40936" t="s">
        <v>9956</v>
      </c>
      <c r="F40936" t="s">
        <v>9957</v>
      </c>
      <c r="G40936" t="s">
        <v>80</v>
      </c>
      <c r="H40936" t="s">
        <v>81</v>
      </c>
      <c r="I40936" s="2">
        <v>0</v>
      </c>
      <c r="J40936" s="2">
        <v>1</v>
      </c>
      <c r="K40936" s="2">
        <v>0</v>
      </c>
      <c r="L40936" t="s">
        <v>82</v>
      </c>
      <c r="M40936" t="s">
        <v>89</v>
      </c>
      <c r="N40936" t="s">
        <v>90</v>
      </c>
      <c r="O40936" t="s">
        <v>85</v>
      </c>
      <c r="P40936" t="s">
        <v>86</v>
      </c>
      <c r="Q40936">
        <v>25</v>
      </c>
      <c r="R40936">
        <v>26</v>
      </c>
      <c r="S40936">
        <v>26</v>
      </c>
      <c r="T40936">
        <v>27</v>
      </c>
      <c r="U40936">
        <v>28</v>
      </c>
      <c r="V40936">
        <v>29</v>
      </c>
      <c r="W40936">
        <v>29</v>
      </c>
      <c r="X40936">
        <v>30</v>
      </c>
      <c r="Y40936">
        <v>31</v>
      </c>
      <c r="Z40936">
        <v>31</v>
      </c>
      <c r="AA40936">
        <v>32</v>
      </c>
      <c r="AB40936">
        <v>33</v>
      </c>
      <c r="AC40936">
        <v>34</v>
      </c>
      <c r="AD40936">
        <v>34</v>
      </c>
      <c r="AE40936">
        <v>35</v>
      </c>
      <c r="AF40936">
        <v>35</v>
      </c>
      <c r="AG40936">
        <v>36</v>
      </c>
      <c r="AH40936">
        <v>36</v>
      </c>
      <c r="AI40936">
        <v>36</v>
      </c>
      <c r="AJ40936">
        <v>36</v>
      </c>
      <c r="AK40936">
        <v>37</v>
      </c>
      <c r="AL40936">
        <v>37</v>
      </c>
      <c r="AM40936">
        <v>37</v>
      </c>
      <c r="AN40936">
        <v>38</v>
      </c>
      <c r="AO40936">
        <v>38</v>
      </c>
      <c r="AP40936">
        <v>38</v>
      </c>
      <c r="AQ40936">
        <v>39</v>
      </c>
    </row>
    <row r="40937" spans="1:43">
      <c r="A40937" t="s">
        <v>25265</v>
      </c>
      <c r="B40937" t="s">
        <v>25266</v>
      </c>
      <c r="C40937" t="s">
        <v>10008</v>
      </c>
      <c r="D40937" t="s">
        <v>10009</v>
      </c>
      <c r="E40937" t="s">
        <v>9956</v>
      </c>
      <c r="F40937" t="s">
        <v>9957</v>
      </c>
      <c r="G40937" t="s">
        <v>80</v>
      </c>
      <c r="H40937" t="s">
        <v>81</v>
      </c>
      <c r="I40937" s="2">
        <v>0</v>
      </c>
      <c r="J40937" s="2">
        <v>1</v>
      </c>
      <c r="K40937" s="2">
        <v>0</v>
      </c>
      <c r="L40937" t="s">
        <v>82</v>
      </c>
      <c r="M40937" t="s">
        <v>83</v>
      </c>
      <c r="N40937" t="s">
        <v>91</v>
      </c>
      <c r="O40937" t="s">
        <v>85</v>
      </c>
      <c r="P40937" t="s">
        <v>86</v>
      </c>
      <c r="Q40937">
        <v>25</v>
      </c>
      <c r="R40937">
        <v>25</v>
      </c>
      <c r="S40937">
        <v>26</v>
      </c>
      <c r="T40937">
        <v>26</v>
      </c>
      <c r="U40937">
        <v>27</v>
      </c>
      <c r="V40937">
        <v>27</v>
      </c>
      <c r="W40937">
        <v>28</v>
      </c>
      <c r="X40937">
        <v>28</v>
      </c>
      <c r="Y40937">
        <v>29</v>
      </c>
      <c r="Z40937">
        <v>30</v>
      </c>
      <c r="AA40937">
        <v>30</v>
      </c>
      <c r="AB40937">
        <v>31</v>
      </c>
      <c r="AC40937">
        <v>31</v>
      </c>
      <c r="AD40937">
        <v>32</v>
      </c>
      <c r="AE40937">
        <v>33</v>
      </c>
      <c r="AF40937">
        <v>33</v>
      </c>
      <c r="AG40937">
        <v>34</v>
      </c>
      <c r="AH40937">
        <v>34</v>
      </c>
      <c r="AI40937">
        <v>35</v>
      </c>
      <c r="AJ40937">
        <v>36</v>
      </c>
      <c r="AK40937">
        <v>36</v>
      </c>
      <c r="AL40937">
        <v>37</v>
      </c>
      <c r="AM40937">
        <v>37</v>
      </c>
      <c r="AN40937">
        <v>37</v>
      </c>
      <c r="AO40937">
        <v>38</v>
      </c>
      <c r="AP40937">
        <v>38</v>
      </c>
      <c r="AQ40937">
        <v>38</v>
      </c>
    </row>
    <row r="40938" spans="1:43">
      <c r="A40938" t="s">
        <v>25267</v>
      </c>
      <c r="B40938" t="s">
        <v>25268</v>
      </c>
      <c r="C40938" t="s">
        <v>10014</v>
      </c>
      <c r="D40938" t="s">
        <v>10015</v>
      </c>
      <c r="E40938" t="s">
        <v>9956</v>
      </c>
      <c r="F40938" t="s">
        <v>9957</v>
      </c>
      <c r="G40938" t="s">
        <v>80</v>
      </c>
      <c r="H40938" t="s">
        <v>81</v>
      </c>
      <c r="I40938" s="2">
        <v>0</v>
      </c>
      <c r="J40938" s="2">
        <v>1</v>
      </c>
      <c r="K40938" s="2">
        <v>0</v>
      </c>
      <c r="L40938" t="s">
        <v>82</v>
      </c>
      <c r="M40938" t="s">
        <v>83</v>
      </c>
      <c r="N40938" t="s">
        <v>84</v>
      </c>
      <c r="O40938" t="s">
        <v>85</v>
      </c>
      <c r="P40938" t="s">
        <v>86</v>
      </c>
      <c r="Q40938">
        <v>57</v>
      </c>
      <c r="R40938">
        <v>58</v>
      </c>
      <c r="S40938">
        <v>60</v>
      </c>
      <c r="T40938">
        <v>61</v>
      </c>
      <c r="U40938">
        <v>62</v>
      </c>
      <c r="V40938">
        <v>63</v>
      </c>
      <c r="W40938">
        <v>65</v>
      </c>
      <c r="X40938">
        <v>66</v>
      </c>
      <c r="Y40938">
        <v>67</v>
      </c>
      <c r="Z40938">
        <v>69</v>
      </c>
      <c r="AA40938">
        <v>70</v>
      </c>
      <c r="AB40938">
        <v>72</v>
      </c>
      <c r="AC40938">
        <v>73</v>
      </c>
      <c r="AD40938">
        <v>74</v>
      </c>
      <c r="AE40938">
        <v>76</v>
      </c>
      <c r="AF40938">
        <v>77</v>
      </c>
      <c r="AG40938">
        <v>79</v>
      </c>
      <c r="AH40938">
        <v>80</v>
      </c>
      <c r="AI40938">
        <v>82</v>
      </c>
      <c r="AJ40938">
        <v>83</v>
      </c>
      <c r="AK40938">
        <v>85</v>
      </c>
      <c r="AL40938">
        <v>86</v>
      </c>
      <c r="AM40938">
        <v>86</v>
      </c>
      <c r="AN40938">
        <v>87</v>
      </c>
      <c r="AO40938">
        <v>88</v>
      </c>
      <c r="AP40938">
        <v>89</v>
      </c>
      <c r="AQ40938">
        <v>90</v>
      </c>
    </row>
    <row r="40939" spans="1:43">
      <c r="A40939" t="s">
        <v>25267</v>
      </c>
      <c r="B40939" t="s">
        <v>25268</v>
      </c>
      <c r="C40939" t="s">
        <v>10014</v>
      </c>
      <c r="D40939" t="s">
        <v>10015</v>
      </c>
      <c r="E40939" t="s">
        <v>9956</v>
      </c>
      <c r="F40939" t="s">
        <v>9957</v>
      </c>
      <c r="G40939" t="s">
        <v>80</v>
      </c>
      <c r="H40939" t="s">
        <v>81</v>
      </c>
      <c r="I40939" s="2">
        <v>0</v>
      </c>
      <c r="J40939" s="2">
        <v>1</v>
      </c>
      <c r="K40939" s="2">
        <v>0</v>
      </c>
      <c r="L40939" t="s">
        <v>82</v>
      </c>
      <c r="M40939" t="s">
        <v>87</v>
      </c>
      <c r="N40939" t="s">
        <v>88</v>
      </c>
      <c r="O40939" t="s">
        <v>85</v>
      </c>
      <c r="P40939" t="s">
        <v>86</v>
      </c>
      <c r="Q40939">
        <v>57</v>
      </c>
      <c r="R40939">
        <v>57</v>
      </c>
      <c r="S40939">
        <v>58</v>
      </c>
      <c r="T40939">
        <v>59</v>
      </c>
      <c r="U40939">
        <v>59</v>
      </c>
      <c r="V40939">
        <v>60</v>
      </c>
      <c r="W40939">
        <v>61</v>
      </c>
      <c r="X40939">
        <v>62</v>
      </c>
      <c r="Y40939">
        <v>62</v>
      </c>
      <c r="Z40939">
        <v>63</v>
      </c>
      <c r="AA40939">
        <v>64</v>
      </c>
      <c r="AB40939">
        <v>65</v>
      </c>
      <c r="AC40939">
        <v>65</v>
      </c>
      <c r="AD40939">
        <v>66</v>
      </c>
      <c r="AE40939">
        <v>67</v>
      </c>
      <c r="AF40939">
        <v>68</v>
      </c>
      <c r="AG40939">
        <v>69</v>
      </c>
      <c r="AH40939">
        <v>69</v>
      </c>
      <c r="AI40939">
        <v>70</v>
      </c>
      <c r="AJ40939">
        <v>71</v>
      </c>
      <c r="AK40939">
        <v>72</v>
      </c>
      <c r="AL40939">
        <v>73</v>
      </c>
      <c r="AM40939">
        <v>74</v>
      </c>
      <c r="AN40939">
        <v>75</v>
      </c>
      <c r="AO40939">
        <v>75</v>
      </c>
      <c r="AP40939">
        <v>76</v>
      </c>
      <c r="AQ40939">
        <v>77</v>
      </c>
    </row>
    <row r="40940" spans="1:43">
      <c r="A40940" t="s">
        <v>25267</v>
      </c>
      <c r="B40940" t="s">
        <v>25268</v>
      </c>
      <c r="C40940" t="s">
        <v>10014</v>
      </c>
      <c r="D40940" t="s">
        <v>10015</v>
      </c>
      <c r="E40940" t="s">
        <v>9956</v>
      </c>
      <c r="F40940" t="s">
        <v>9957</v>
      </c>
      <c r="G40940" t="s">
        <v>80</v>
      </c>
      <c r="H40940" t="s">
        <v>81</v>
      </c>
      <c r="I40940" s="2">
        <v>0</v>
      </c>
      <c r="J40940" s="2">
        <v>1</v>
      </c>
      <c r="K40940" s="2">
        <v>0</v>
      </c>
      <c r="L40940" t="s">
        <v>82</v>
      </c>
      <c r="M40940" t="s">
        <v>89</v>
      </c>
      <c r="N40940" t="s">
        <v>90</v>
      </c>
      <c r="O40940" t="s">
        <v>85</v>
      </c>
      <c r="P40940" t="s">
        <v>86</v>
      </c>
      <c r="Q40940">
        <v>57</v>
      </c>
      <c r="R40940">
        <v>58</v>
      </c>
      <c r="S40940">
        <v>60</v>
      </c>
      <c r="T40940">
        <v>62</v>
      </c>
      <c r="U40940">
        <v>64</v>
      </c>
      <c r="V40940">
        <v>65</v>
      </c>
      <c r="W40940">
        <v>67</v>
      </c>
      <c r="X40940">
        <v>69</v>
      </c>
      <c r="Y40940">
        <v>70</v>
      </c>
      <c r="Z40940">
        <v>72</v>
      </c>
      <c r="AA40940">
        <v>74</v>
      </c>
      <c r="AB40940">
        <v>75</v>
      </c>
      <c r="AC40940">
        <v>77</v>
      </c>
      <c r="AD40940">
        <v>79</v>
      </c>
      <c r="AE40940">
        <v>80</v>
      </c>
      <c r="AF40940">
        <v>81</v>
      </c>
      <c r="AG40940">
        <v>82</v>
      </c>
      <c r="AH40940">
        <v>83</v>
      </c>
      <c r="AI40940">
        <v>83</v>
      </c>
      <c r="AJ40940">
        <v>84</v>
      </c>
      <c r="AK40940">
        <v>85</v>
      </c>
      <c r="AL40940">
        <v>86</v>
      </c>
      <c r="AM40940">
        <v>87</v>
      </c>
      <c r="AN40940">
        <v>87</v>
      </c>
      <c r="AO40940">
        <v>88</v>
      </c>
      <c r="AP40940">
        <v>89</v>
      </c>
      <c r="AQ40940">
        <v>90</v>
      </c>
    </row>
    <row r="40941" spans="1:43">
      <c r="A40941" t="s">
        <v>25267</v>
      </c>
      <c r="B40941" t="s">
        <v>25268</v>
      </c>
      <c r="C40941" t="s">
        <v>10014</v>
      </c>
      <c r="D40941" t="s">
        <v>10015</v>
      </c>
      <c r="E40941" t="s">
        <v>9956</v>
      </c>
      <c r="F40941" t="s">
        <v>9957</v>
      </c>
      <c r="G40941" t="s">
        <v>80</v>
      </c>
      <c r="H40941" t="s">
        <v>81</v>
      </c>
      <c r="I40941" s="2">
        <v>0</v>
      </c>
      <c r="J40941" s="2">
        <v>1</v>
      </c>
      <c r="K40941" s="2">
        <v>0</v>
      </c>
      <c r="L40941" t="s">
        <v>82</v>
      </c>
      <c r="M40941" t="s">
        <v>83</v>
      </c>
      <c r="N40941" t="s">
        <v>91</v>
      </c>
      <c r="O40941" t="s">
        <v>85</v>
      </c>
      <c r="P40941" t="s">
        <v>86</v>
      </c>
      <c r="Q40941">
        <v>57</v>
      </c>
      <c r="R40941">
        <v>58</v>
      </c>
      <c r="S40941">
        <v>60</v>
      </c>
      <c r="T40941">
        <v>61</v>
      </c>
      <c r="U40941">
        <v>62</v>
      </c>
      <c r="V40941">
        <v>63</v>
      </c>
      <c r="W40941">
        <v>65</v>
      </c>
      <c r="X40941">
        <v>66</v>
      </c>
      <c r="Y40941">
        <v>67</v>
      </c>
      <c r="Z40941">
        <v>69</v>
      </c>
      <c r="AA40941">
        <v>70</v>
      </c>
      <c r="AB40941">
        <v>72</v>
      </c>
      <c r="AC40941">
        <v>73</v>
      </c>
      <c r="AD40941">
        <v>74</v>
      </c>
      <c r="AE40941">
        <v>76</v>
      </c>
      <c r="AF40941">
        <v>77</v>
      </c>
      <c r="AG40941">
        <v>79</v>
      </c>
      <c r="AH40941">
        <v>80</v>
      </c>
      <c r="AI40941">
        <v>82</v>
      </c>
      <c r="AJ40941">
        <v>83</v>
      </c>
      <c r="AK40941">
        <v>85</v>
      </c>
      <c r="AL40941">
        <v>86</v>
      </c>
      <c r="AM40941">
        <v>86</v>
      </c>
      <c r="AN40941">
        <v>87</v>
      </c>
      <c r="AO40941">
        <v>88</v>
      </c>
      <c r="AP40941">
        <v>89</v>
      </c>
      <c r="AQ40941">
        <v>90</v>
      </c>
    </row>
    <row r="40942" spans="1:43">
      <c r="A40942" t="s">
        <v>25269</v>
      </c>
      <c r="B40942" t="s">
        <v>25270</v>
      </c>
      <c r="C40942" t="s">
        <v>10008</v>
      </c>
      <c r="D40942" t="s">
        <v>10009</v>
      </c>
      <c r="E40942" t="s">
        <v>9956</v>
      </c>
      <c r="F40942" t="s">
        <v>9957</v>
      </c>
      <c r="G40942" t="s">
        <v>80</v>
      </c>
      <c r="H40942" t="s">
        <v>81</v>
      </c>
      <c r="I40942" s="2">
        <v>0</v>
      </c>
      <c r="J40942" s="2">
        <v>1</v>
      </c>
      <c r="K40942" s="2">
        <v>0</v>
      </c>
      <c r="L40942" t="s">
        <v>82</v>
      </c>
      <c r="M40942" t="s">
        <v>83</v>
      </c>
      <c r="N40942" t="s">
        <v>84</v>
      </c>
      <c r="O40942" t="s">
        <v>85</v>
      </c>
      <c r="P40942" t="s">
        <v>86</v>
      </c>
      <c r="Q40942">
        <v>18</v>
      </c>
      <c r="R40942">
        <v>18</v>
      </c>
      <c r="S40942">
        <v>18</v>
      </c>
      <c r="T40942">
        <v>19</v>
      </c>
      <c r="U40942">
        <v>19</v>
      </c>
      <c r="V40942">
        <v>20</v>
      </c>
      <c r="W40942">
        <v>20</v>
      </c>
      <c r="X40942">
        <v>20</v>
      </c>
      <c r="Y40942">
        <v>21</v>
      </c>
      <c r="Z40942">
        <v>21</v>
      </c>
      <c r="AA40942">
        <v>22</v>
      </c>
      <c r="AB40942">
        <v>22</v>
      </c>
      <c r="AC40942">
        <v>23</v>
      </c>
      <c r="AD40942">
        <v>23</v>
      </c>
      <c r="AE40942">
        <v>23</v>
      </c>
      <c r="AF40942">
        <v>24</v>
      </c>
      <c r="AG40942">
        <v>24</v>
      </c>
      <c r="AH40942">
        <v>25</v>
      </c>
      <c r="AI40942">
        <v>25</v>
      </c>
      <c r="AJ40942">
        <v>26</v>
      </c>
      <c r="AK40942">
        <v>26</v>
      </c>
      <c r="AL40942">
        <v>26</v>
      </c>
      <c r="AM40942">
        <v>27</v>
      </c>
      <c r="AN40942">
        <v>27</v>
      </c>
      <c r="AO40942">
        <v>27</v>
      </c>
      <c r="AP40942">
        <v>27</v>
      </c>
      <c r="AQ40942">
        <v>28</v>
      </c>
    </row>
    <row r="40943" spans="1:43">
      <c r="A40943" t="s">
        <v>25269</v>
      </c>
      <c r="B40943" t="s">
        <v>25270</v>
      </c>
      <c r="C40943" t="s">
        <v>10008</v>
      </c>
      <c r="D40943" t="s">
        <v>10009</v>
      </c>
      <c r="E40943" t="s">
        <v>9956</v>
      </c>
      <c r="F40943" t="s">
        <v>9957</v>
      </c>
      <c r="G40943" t="s">
        <v>80</v>
      </c>
      <c r="H40943" t="s">
        <v>81</v>
      </c>
      <c r="I40943" s="2">
        <v>0</v>
      </c>
      <c r="J40943" s="2">
        <v>1</v>
      </c>
      <c r="K40943" s="2">
        <v>0</v>
      </c>
      <c r="L40943" t="s">
        <v>82</v>
      </c>
      <c r="M40943" t="s">
        <v>87</v>
      </c>
      <c r="N40943" t="s">
        <v>88</v>
      </c>
      <c r="O40943" t="s">
        <v>85</v>
      </c>
      <c r="P40943" t="s">
        <v>86</v>
      </c>
      <c r="Q40943">
        <v>18</v>
      </c>
      <c r="R40943">
        <v>18</v>
      </c>
      <c r="S40943">
        <v>18</v>
      </c>
      <c r="T40943">
        <v>18</v>
      </c>
      <c r="U40943">
        <v>18</v>
      </c>
      <c r="V40943">
        <v>19</v>
      </c>
      <c r="W40943">
        <v>19</v>
      </c>
      <c r="X40943">
        <v>19</v>
      </c>
      <c r="Y40943">
        <v>19</v>
      </c>
      <c r="Z40943">
        <v>20</v>
      </c>
      <c r="AA40943">
        <v>20</v>
      </c>
      <c r="AB40943">
        <v>20</v>
      </c>
      <c r="AC40943">
        <v>20</v>
      </c>
      <c r="AD40943">
        <v>20</v>
      </c>
      <c r="AE40943">
        <v>21</v>
      </c>
      <c r="AF40943">
        <v>21</v>
      </c>
      <c r="AG40943">
        <v>21</v>
      </c>
      <c r="AH40943">
        <v>21</v>
      </c>
      <c r="AI40943">
        <v>22</v>
      </c>
      <c r="AJ40943">
        <v>22</v>
      </c>
      <c r="AK40943">
        <v>22</v>
      </c>
      <c r="AL40943">
        <v>23</v>
      </c>
      <c r="AM40943">
        <v>23</v>
      </c>
      <c r="AN40943">
        <v>23</v>
      </c>
      <c r="AO40943">
        <v>23</v>
      </c>
      <c r="AP40943">
        <v>24</v>
      </c>
      <c r="AQ40943">
        <v>24</v>
      </c>
    </row>
    <row r="40944" spans="1:43">
      <c r="A40944" t="s">
        <v>25269</v>
      </c>
      <c r="B40944" t="s">
        <v>25270</v>
      </c>
      <c r="C40944" t="s">
        <v>10008</v>
      </c>
      <c r="D40944" t="s">
        <v>10009</v>
      </c>
      <c r="E40944" t="s">
        <v>9956</v>
      </c>
      <c r="F40944" t="s">
        <v>9957</v>
      </c>
      <c r="G40944" t="s">
        <v>80</v>
      </c>
      <c r="H40944" t="s">
        <v>81</v>
      </c>
      <c r="I40944" s="2">
        <v>0</v>
      </c>
      <c r="J40944" s="2">
        <v>1</v>
      </c>
      <c r="K40944" s="2">
        <v>0</v>
      </c>
      <c r="L40944" t="s">
        <v>82</v>
      </c>
      <c r="M40944" t="s">
        <v>89</v>
      </c>
      <c r="N40944" t="s">
        <v>90</v>
      </c>
      <c r="O40944" t="s">
        <v>85</v>
      </c>
      <c r="P40944" t="s">
        <v>86</v>
      </c>
      <c r="Q40944">
        <v>18</v>
      </c>
      <c r="R40944">
        <v>18</v>
      </c>
      <c r="S40944">
        <v>19</v>
      </c>
      <c r="T40944">
        <v>19</v>
      </c>
      <c r="U40944">
        <v>20</v>
      </c>
      <c r="V40944">
        <v>21</v>
      </c>
      <c r="W40944">
        <v>21</v>
      </c>
      <c r="X40944">
        <v>22</v>
      </c>
      <c r="Y40944">
        <v>22</v>
      </c>
      <c r="Z40944">
        <v>23</v>
      </c>
      <c r="AA40944">
        <v>23</v>
      </c>
      <c r="AB40944">
        <v>24</v>
      </c>
      <c r="AC40944">
        <v>24</v>
      </c>
      <c r="AD40944">
        <v>25</v>
      </c>
      <c r="AE40944">
        <v>25</v>
      </c>
      <c r="AF40944">
        <v>25</v>
      </c>
      <c r="AG40944">
        <v>26</v>
      </c>
      <c r="AH40944">
        <v>26</v>
      </c>
      <c r="AI40944">
        <v>26</v>
      </c>
      <c r="AJ40944">
        <v>26</v>
      </c>
      <c r="AK40944">
        <v>26</v>
      </c>
      <c r="AL40944">
        <v>27</v>
      </c>
      <c r="AM40944">
        <v>27</v>
      </c>
      <c r="AN40944">
        <v>27</v>
      </c>
      <c r="AO40944">
        <v>27</v>
      </c>
      <c r="AP40944">
        <v>28</v>
      </c>
      <c r="AQ40944">
        <v>28</v>
      </c>
    </row>
    <row r="40945" spans="1:43">
      <c r="A40945" t="s">
        <v>25269</v>
      </c>
      <c r="B40945" t="s">
        <v>25270</v>
      </c>
      <c r="C40945" t="s">
        <v>10008</v>
      </c>
      <c r="D40945" t="s">
        <v>10009</v>
      </c>
      <c r="E40945" t="s">
        <v>9956</v>
      </c>
      <c r="F40945" t="s">
        <v>9957</v>
      </c>
      <c r="G40945" t="s">
        <v>80</v>
      </c>
      <c r="H40945" t="s">
        <v>81</v>
      </c>
      <c r="I40945" s="2">
        <v>0</v>
      </c>
      <c r="J40945" s="2">
        <v>1</v>
      </c>
      <c r="K40945" s="2">
        <v>0</v>
      </c>
      <c r="L40945" t="s">
        <v>82</v>
      </c>
      <c r="M40945" t="s">
        <v>83</v>
      </c>
      <c r="N40945" t="s">
        <v>91</v>
      </c>
      <c r="O40945" t="s">
        <v>85</v>
      </c>
      <c r="P40945" t="s">
        <v>86</v>
      </c>
      <c r="Q40945">
        <v>18</v>
      </c>
      <c r="R40945">
        <v>18</v>
      </c>
      <c r="S40945">
        <v>18</v>
      </c>
      <c r="T40945">
        <v>19</v>
      </c>
      <c r="U40945">
        <v>19</v>
      </c>
      <c r="V40945">
        <v>20</v>
      </c>
      <c r="W40945">
        <v>20</v>
      </c>
      <c r="X40945">
        <v>20</v>
      </c>
      <c r="Y40945">
        <v>21</v>
      </c>
      <c r="Z40945">
        <v>21</v>
      </c>
      <c r="AA40945">
        <v>22</v>
      </c>
      <c r="AB40945">
        <v>22</v>
      </c>
      <c r="AC40945">
        <v>23</v>
      </c>
      <c r="AD40945">
        <v>23</v>
      </c>
      <c r="AE40945">
        <v>23</v>
      </c>
      <c r="AF40945">
        <v>24</v>
      </c>
      <c r="AG40945">
        <v>24</v>
      </c>
      <c r="AH40945">
        <v>25</v>
      </c>
      <c r="AI40945">
        <v>25</v>
      </c>
      <c r="AJ40945">
        <v>26</v>
      </c>
      <c r="AK40945">
        <v>26</v>
      </c>
      <c r="AL40945">
        <v>26</v>
      </c>
      <c r="AM40945">
        <v>27</v>
      </c>
      <c r="AN40945">
        <v>27</v>
      </c>
      <c r="AO40945">
        <v>27</v>
      </c>
      <c r="AP40945">
        <v>27</v>
      </c>
      <c r="AQ40945">
        <v>28</v>
      </c>
    </row>
    <row r="40946" spans="1:43">
      <c r="A40946" t="s">
        <v>25271</v>
      </c>
      <c r="B40946" t="s">
        <v>25272</v>
      </c>
      <c r="C40946" t="s">
        <v>10014</v>
      </c>
      <c r="D40946" t="s">
        <v>10015</v>
      </c>
      <c r="E40946" t="s">
        <v>9956</v>
      </c>
      <c r="F40946" t="s">
        <v>9957</v>
      </c>
      <c r="G40946" t="s">
        <v>80</v>
      </c>
      <c r="H40946" t="s">
        <v>81</v>
      </c>
      <c r="I40946" s="2">
        <v>0</v>
      </c>
      <c r="J40946" s="2">
        <v>1</v>
      </c>
      <c r="K40946" s="2">
        <v>0</v>
      </c>
      <c r="L40946" t="s">
        <v>82</v>
      </c>
      <c r="M40946" t="s">
        <v>83</v>
      </c>
      <c r="N40946" t="s">
        <v>84</v>
      </c>
      <c r="O40946" t="s">
        <v>85</v>
      </c>
      <c r="P40946" t="s">
        <v>86</v>
      </c>
      <c r="Q40946">
        <v>51</v>
      </c>
      <c r="R40946">
        <v>52</v>
      </c>
      <c r="S40946">
        <v>53</v>
      </c>
      <c r="T40946">
        <v>54</v>
      </c>
      <c r="U40946">
        <v>55</v>
      </c>
      <c r="V40946">
        <v>56</v>
      </c>
      <c r="W40946">
        <v>57</v>
      </c>
      <c r="X40946">
        <v>59</v>
      </c>
      <c r="Y40946">
        <v>60</v>
      </c>
      <c r="Z40946">
        <v>61</v>
      </c>
      <c r="AA40946">
        <v>62</v>
      </c>
      <c r="AB40946">
        <v>63</v>
      </c>
      <c r="AC40946">
        <v>65</v>
      </c>
      <c r="AD40946">
        <v>66</v>
      </c>
      <c r="AE40946">
        <v>67</v>
      </c>
      <c r="AF40946">
        <v>68</v>
      </c>
      <c r="AG40946">
        <v>70</v>
      </c>
      <c r="AH40946">
        <v>71</v>
      </c>
      <c r="AI40946">
        <v>72</v>
      </c>
      <c r="AJ40946">
        <v>74</v>
      </c>
      <c r="AK40946">
        <v>75</v>
      </c>
      <c r="AL40946">
        <v>76</v>
      </c>
      <c r="AM40946">
        <v>77</v>
      </c>
      <c r="AN40946">
        <v>77</v>
      </c>
      <c r="AO40946">
        <v>78</v>
      </c>
      <c r="AP40946">
        <v>79</v>
      </c>
      <c r="AQ40946">
        <v>79</v>
      </c>
    </row>
    <row r="40947" spans="1:43">
      <c r="A40947" t="s">
        <v>25271</v>
      </c>
      <c r="B40947" t="s">
        <v>25272</v>
      </c>
      <c r="C40947" t="s">
        <v>10014</v>
      </c>
      <c r="D40947" t="s">
        <v>10015</v>
      </c>
      <c r="E40947" t="s">
        <v>9956</v>
      </c>
      <c r="F40947" t="s">
        <v>9957</v>
      </c>
      <c r="G40947" t="s">
        <v>80</v>
      </c>
      <c r="H40947" t="s">
        <v>81</v>
      </c>
      <c r="I40947" s="2">
        <v>0</v>
      </c>
      <c r="J40947" s="2">
        <v>1</v>
      </c>
      <c r="K40947" s="2">
        <v>0</v>
      </c>
      <c r="L40947" t="s">
        <v>82</v>
      </c>
      <c r="M40947" t="s">
        <v>87</v>
      </c>
      <c r="N40947" t="s">
        <v>88</v>
      </c>
      <c r="O40947" t="s">
        <v>85</v>
      </c>
      <c r="P40947" t="s">
        <v>86</v>
      </c>
      <c r="Q40947">
        <v>51</v>
      </c>
      <c r="R40947">
        <v>52</v>
      </c>
      <c r="S40947">
        <v>52</v>
      </c>
      <c r="T40947">
        <v>53</v>
      </c>
      <c r="U40947">
        <v>54</v>
      </c>
      <c r="V40947">
        <v>54</v>
      </c>
      <c r="W40947">
        <v>55</v>
      </c>
      <c r="X40947">
        <v>56</v>
      </c>
      <c r="Y40947">
        <v>56</v>
      </c>
      <c r="Z40947">
        <v>57</v>
      </c>
      <c r="AA40947">
        <v>58</v>
      </c>
      <c r="AB40947">
        <v>58</v>
      </c>
      <c r="AC40947">
        <v>59</v>
      </c>
      <c r="AD40947">
        <v>60</v>
      </c>
      <c r="AE40947">
        <v>60</v>
      </c>
      <c r="AF40947">
        <v>61</v>
      </c>
      <c r="AG40947">
        <v>62</v>
      </c>
      <c r="AH40947">
        <v>63</v>
      </c>
      <c r="AI40947">
        <v>63</v>
      </c>
      <c r="AJ40947">
        <v>64</v>
      </c>
      <c r="AK40947">
        <v>65</v>
      </c>
      <c r="AL40947">
        <v>66</v>
      </c>
      <c r="AM40947">
        <v>66</v>
      </c>
      <c r="AN40947">
        <v>67</v>
      </c>
      <c r="AO40947">
        <v>68</v>
      </c>
      <c r="AP40947">
        <v>69</v>
      </c>
      <c r="AQ40947">
        <v>69</v>
      </c>
    </row>
    <row r="40948" spans="1:43">
      <c r="A40948" t="s">
        <v>25271</v>
      </c>
      <c r="B40948" t="s">
        <v>25272</v>
      </c>
      <c r="C40948" t="s">
        <v>10014</v>
      </c>
      <c r="D40948" t="s">
        <v>10015</v>
      </c>
      <c r="E40948" t="s">
        <v>9956</v>
      </c>
      <c r="F40948" t="s">
        <v>9957</v>
      </c>
      <c r="G40948" t="s">
        <v>80</v>
      </c>
      <c r="H40948" t="s">
        <v>81</v>
      </c>
      <c r="I40948" s="2">
        <v>0</v>
      </c>
      <c r="J40948" s="2">
        <v>1</v>
      </c>
      <c r="K40948" s="2">
        <v>0</v>
      </c>
      <c r="L40948" t="s">
        <v>82</v>
      </c>
      <c r="M40948" t="s">
        <v>89</v>
      </c>
      <c r="N40948" t="s">
        <v>90</v>
      </c>
      <c r="O40948" t="s">
        <v>85</v>
      </c>
      <c r="P40948" t="s">
        <v>86</v>
      </c>
      <c r="Q40948">
        <v>51</v>
      </c>
      <c r="R40948">
        <v>53</v>
      </c>
      <c r="S40948">
        <v>54</v>
      </c>
      <c r="T40948">
        <v>56</v>
      </c>
      <c r="U40948">
        <v>57</v>
      </c>
      <c r="V40948">
        <v>59</v>
      </c>
      <c r="W40948">
        <v>60</v>
      </c>
      <c r="X40948">
        <v>62</v>
      </c>
      <c r="Y40948">
        <v>63</v>
      </c>
      <c r="Z40948">
        <v>65</v>
      </c>
      <c r="AA40948">
        <v>66</v>
      </c>
      <c r="AB40948">
        <v>68</v>
      </c>
      <c r="AC40948">
        <v>69</v>
      </c>
      <c r="AD40948">
        <v>71</v>
      </c>
      <c r="AE40948">
        <v>72</v>
      </c>
      <c r="AF40948">
        <v>73</v>
      </c>
      <c r="AG40948">
        <v>73</v>
      </c>
      <c r="AH40948">
        <v>74</v>
      </c>
      <c r="AI40948">
        <v>75</v>
      </c>
      <c r="AJ40948">
        <v>75</v>
      </c>
      <c r="AK40948">
        <v>76</v>
      </c>
      <c r="AL40948">
        <v>77</v>
      </c>
      <c r="AM40948">
        <v>77</v>
      </c>
      <c r="AN40948">
        <v>78</v>
      </c>
      <c r="AO40948">
        <v>79</v>
      </c>
      <c r="AP40948">
        <v>79</v>
      </c>
      <c r="AQ40948">
        <v>80</v>
      </c>
    </row>
    <row r="40949" spans="1:43">
      <c r="A40949" t="s">
        <v>25271</v>
      </c>
      <c r="B40949" t="s">
        <v>25272</v>
      </c>
      <c r="C40949" t="s">
        <v>10014</v>
      </c>
      <c r="D40949" t="s">
        <v>10015</v>
      </c>
      <c r="E40949" t="s">
        <v>9956</v>
      </c>
      <c r="F40949" t="s">
        <v>9957</v>
      </c>
      <c r="G40949" t="s">
        <v>80</v>
      </c>
      <c r="H40949" t="s">
        <v>81</v>
      </c>
      <c r="I40949" s="2">
        <v>0</v>
      </c>
      <c r="J40949" s="2">
        <v>1</v>
      </c>
      <c r="K40949" s="2">
        <v>0</v>
      </c>
      <c r="L40949" t="s">
        <v>82</v>
      </c>
      <c r="M40949" t="s">
        <v>83</v>
      </c>
      <c r="N40949" t="s">
        <v>91</v>
      </c>
      <c r="O40949" t="s">
        <v>85</v>
      </c>
      <c r="P40949" t="s">
        <v>86</v>
      </c>
      <c r="Q40949">
        <v>51</v>
      </c>
      <c r="R40949">
        <v>52</v>
      </c>
      <c r="S40949">
        <v>53</v>
      </c>
      <c r="T40949">
        <v>54</v>
      </c>
      <c r="U40949">
        <v>55</v>
      </c>
      <c r="V40949">
        <v>56</v>
      </c>
      <c r="W40949">
        <v>57</v>
      </c>
      <c r="X40949">
        <v>59</v>
      </c>
      <c r="Y40949">
        <v>60</v>
      </c>
      <c r="Z40949">
        <v>61</v>
      </c>
      <c r="AA40949">
        <v>62</v>
      </c>
      <c r="AB40949">
        <v>63</v>
      </c>
      <c r="AC40949">
        <v>65</v>
      </c>
      <c r="AD40949">
        <v>66</v>
      </c>
      <c r="AE40949">
        <v>67</v>
      </c>
      <c r="AF40949">
        <v>68</v>
      </c>
      <c r="AG40949">
        <v>70</v>
      </c>
      <c r="AH40949">
        <v>71</v>
      </c>
      <c r="AI40949">
        <v>72</v>
      </c>
      <c r="AJ40949">
        <v>74</v>
      </c>
      <c r="AK40949">
        <v>75</v>
      </c>
      <c r="AL40949">
        <v>76</v>
      </c>
      <c r="AM40949">
        <v>77</v>
      </c>
      <c r="AN40949">
        <v>77</v>
      </c>
      <c r="AO40949">
        <v>78</v>
      </c>
      <c r="AP40949">
        <v>79</v>
      </c>
      <c r="AQ40949">
        <v>79</v>
      </c>
    </row>
    <row r="40950" spans="1:43">
      <c r="A40950" t="s">
        <v>25273</v>
      </c>
      <c r="B40950" t="s">
        <v>25274</v>
      </c>
      <c r="C40950" t="s">
        <v>10014</v>
      </c>
      <c r="D40950" t="s">
        <v>10015</v>
      </c>
      <c r="E40950" t="s">
        <v>9956</v>
      </c>
      <c r="F40950" t="s">
        <v>9957</v>
      </c>
      <c r="G40950" t="s">
        <v>80</v>
      </c>
      <c r="H40950" t="s">
        <v>81</v>
      </c>
      <c r="I40950" s="2">
        <v>0</v>
      </c>
      <c r="J40950" s="2">
        <v>1</v>
      </c>
      <c r="K40950" s="2">
        <v>0</v>
      </c>
      <c r="L40950" t="s">
        <v>82</v>
      </c>
      <c r="M40950" t="s">
        <v>83</v>
      </c>
      <c r="N40950" t="s">
        <v>84</v>
      </c>
      <c r="O40950" t="s">
        <v>85</v>
      </c>
      <c r="P40950" t="s">
        <v>86</v>
      </c>
      <c r="Q40950">
        <v>66</v>
      </c>
      <c r="R40950">
        <v>67</v>
      </c>
      <c r="S40950">
        <v>68</v>
      </c>
      <c r="T40950">
        <v>70</v>
      </c>
      <c r="U40950">
        <v>71</v>
      </c>
      <c r="V40950">
        <v>73</v>
      </c>
      <c r="W40950">
        <v>74</v>
      </c>
      <c r="X40950">
        <v>76</v>
      </c>
      <c r="Y40950">
        <v>77</v>
      </c>
      <c r="Z40950">
        <v>79</v>
      </c>
      <c r="AA40950">
        <v>80</v>
      </c>
      <c r="AB40950">
        <v>82</v>
      </c>
      <c r="AC40950">
        <v>84</v>
      </c>
      <c r="AD40950">
        <v>85</v>
      </c>
      <c r="AE40950">
        <v>87</v>
      </c>
      <c r="AF40950">
        <v>88</v>
      </c>
      <c r="AG40950">
        <v>90</v>
      </c>
      <c r="AH40950">
        <v>92</v>
      </c>
      <c r="AI40950">
        <v>94</v>
      </c>
      <c r="AJ40950">
        <v>95</v>
      </c>
      <c r="AK40950">
        <v>97</v>
      </c>
      <c r="AL40950">
        <v>98</v>
      </c>
      <c r="AM40950">
        <v>99</v>
      </c>
      <c r="AN40950">
        <v>100</v>
      </c>
      <c r="AO40950">
        <v>101</v>
      </c>
      <c r="AP40950">
        <v>102</v>
      </c>
      <c r="AQ40950">
        <v>103</v>
      </c>
    </row>
    <row r="40951" spans="1:43">
      <c r="A40951" t="s">
        <v>25273</v>
      </c>
      <c r="B40951" t="s">
        <v>25274</v>
      </c>
      <c r="C40951" t="s">
        <v>10014</v>
      </c>
      <c r="D40951" t="s">
        <v>10015</v>
      </c>
      <c r="E40951" t="s">
        <v>9956</v>
      </c>
      <c r="F40951" t="s">
        <v>9957</v>
      </c>
      <c r="G40951" t="s">
        <v>80</v>
      </c>
      <c r="H40951" t="s">
        <v>81</v>
      </c>
      <c r="I40951" s="2">
        <v>0</v>
      </c>
      <c r="J40951" s="2">
        <v>1</v>
      </c>
      <c r="K40951" s="2">
        <v>0</v>
      </c>
      <c r="L40951" t="s">
        <v>82</v>
      </c>
      <c r="M40951" t="s">
        <v>87</v>
      </c>
      <c r="N40951" t="s">
        <v>88</v>
      </c>
      <c r="O40951" t="s">
        <v>85</v>
      </c>
      <c r="P40951" t="s">
        <v>86</v>
      </c>
      <c r="Q40951">
        <v>66</v>
      </c>
      <c r="R40951">
        <v>67</v>
      </c>
      <c r="S40951">
        <v>68</v>
      </c>
      <c r="T40951">
        <v>68</v>
      </c>
      <c r="U40951">
        <v>69</v>
      </c>
      <c r="V40951">
        <v>70</v>
      </c>
      <c r="W40951">
        <v>71</v>
      </c>
      <c r="X40951">
        <v>72</v>
      </c>
      <c r="Y40951">
        <v>72</v>
      </c>
      <c r="Z40951">
        <v>73</v>
      </c>
      <c r="AA40951">
        <v>74</v>
      </c>
      <c r="AB40951">
        <v>75</v>
      </c>
      <c r="AC40951">
        <v>76</v>
      </c>
      <c r="AD40951">
        <v>77</v>
      </c>
      <c r="AE40951">
        <v>78</v>
      </c>
      <c r="AF40951">
        <v>79</v>
      </c>
      <c r="AG40951">
        <v>80</v>
      </c>
      <c r="AH40951">
        <v>81</v>
      </c>
      <c r="AI40951">
        <v>82</v>
      </c>
      <c r="AJ40951">
        <v>83</v>
      </c>
      <c r="AK40951">
        <v>84</v>
      </c>
      <c r="AL40951">
        <v>85</v>
      </c>
      <c r="AM40951">
        <v>86</v>
      </c>
      <c r="AN40951">
        <v>87</v>
      </c>
      <c r="AO40951">
        <v>88</v>
      </c>
      <c r="AP40951">
        <v>89</v>
      </c>
      <c r="AQ40951">
        <v>90</v>
      </c>
    </row>
    <row r="40952" spans="1:43">
      <c r="A40952" t="s">
        <v>25273</v>
      </c>
      <c r="B40952" t="s">
        <v>25274</v>
      </c>
      <c r="C40952" t="s">
        <v>10014</v>
      </c>
      <c r="D40952" t="s">
        <v>10015</v>
      </c>
      <c r="E40952" t="s">
        <v>9956</v>
      </c>
      <c r="F40952" t="s">
        <v>9957</v>
      </c>
      <c r="G40952" t="s">
        <v>80</v>
      </c>
      <c r="H40952" t="s">
        <v>81</v>
      </c>
      <c r="I40952" s="2">
        <v>0</v>
      </c>
      <c r="J40952" s="2">
        <v>1</v>
      </c>
      <c r="K40952" s="2">
        <v>0</v>
      </c>
      <c r="L40952" t="s">
        <v>82</v>
      </c>
      <c r="M40952" t="s">
        <v>89</v>
      </c>
      <c r="N40952" t="s">
        <v>90</v>
      </c>
      <c r="O40952" t="s">
        <v>85</v>
      </c>
      <c r="P40952" t="s">
        <v>86</v>
      </c>
      <c r="Q40952">
        <v>66</v>
      </c>
      <c r="R40952">
        <v>68</v>
      </c>
      <c r="S40952">
        <v>70</v>
      </c>
      <c r="T40952">
        <v>72</v>
      </c>
      <c r="U40952">
        <v>74</v>
      </c>
      <c r="V40952">
        <v>76</v>
      </c>
      <c r="W40952">
        <v>78</v>
      </c>
      <c r="X40952">
        <v>80</v>
      </c>
      <c r="Y40952">
        <v>82</v>
      </c>
      <c r="Z40952">
        <v>84</v>
      </c>
      <c r="AA40952">
        <v>86</v>
      </c>
      <c r="AB40952">
        <v>88</v>
      </c>
      <c r="AC40952">
        <v>90</v>
      </c>
      <c r="AD40952">
        <v>92</v>
      </c>
      <c r="AE40952">
        <v>93</v>
      </c>
      <c r="AF40952">
        <v>94</v>
      </c>
      <c r="AG40952">
        <v>95</v>
      </c>
      <c r="AH40952">
        <v>96</v>
      </c>
      <c r="AI40952">
        <v>97</v>
      </c>
      <c r="AJ40952">
        <v>98</v>
      </c>
      <c r="AK40952">
        <v>99</v>
      </c>
      <c r="AL40952">
        <v>100</v>
      </c>
      <c r="AM40952">
        <v>100</v>
      </c>
      <c r="AN40952">
        <v>101</v>
      </c>
      <c r="AO40952">
        <v>102</v>
      </c>
      <c r="AP40952">
        <v>103</v>
      </c>
      <c r="AQ40952">
        <v>104</v>
      </c>
    </row>
    <row r="40953" spans="1:43">
      <c r="A40953" t="s">
        <v>25273</v>
      </c>
      <c r="B40953" t="s">
        <v>25274</v>
      </c>
      <c r="C40953" t="s">
        <v>10014</v>
      </c>
      <c r="D40953" t="s">
        <v>10015</v>
      </c>
      <c r="E40953" t="s">
        <v>9956</v>
      </c>
      <c r="F40953" t="s">
        <v>9957</v>
      </c>
      <c r="G40953" t="s">
        <v>80</v>
      </c>
      <c r="H40953" t="s">
        <v>81</v>
      </c>
      <c r="I40953" s="2">
        <v>0</v>
      </c>
      <c r="J40953" s="2">
        <v>1</v>
      </c>
      <c r="K40953" s="2">
        <v>0</v>
      </c>
      <c r="L40953" t="s">
        <v>82</v>
      </c>
      <c r="M40953" t="s">
        <v>83</v>
      </c>
      <c r="N40953" t="s">
        <v>91</v>
      </c>
      <c r="O40953" t="s">
        <v>85</v>
      </c>
      <c r="P40953" t="s">
        <v>86</v>
      </c>
      <c r="Q40953">
        <v>66</v>
      </c>
      <c r="R40953">
        <v>67</v>
      </c>
      <c r="S40953">
        <v>68</v>
      </c>
      <c r="T40953">
        <v>70</v>
      </c>
      <c r="U40953">
        <v>71</v>
      </c>
      <c r="V40953">
        <v>73</v>
      </c>
      <c r="W40953">
        <v>74</v>
      </c>
      <c r="X40953">
        <v>76</v>
      </c>
      <c r="Y40953">
        <v>77</v>
      </c>
      <c r="Z40953">
        <v>79</v>
      </c>
      <c r="AA40953">
        <v>80</v>
      </c>
      <c r="AB40953">
        <v>82</v>
      </c>
      <c r="AC40953">
        <v>84</v>
      </c>
      <c r="AD40953">
        <v>85</v>
      </c>
      <c r="AE40953">
        <v>87</v>
      </c>
      <c r="AF40953">
        <v>88</v>
      </c>
      <c r="AG40953">
        <v>90</v>
      </c>
      <c r="AH40953">
        <v>92</v>
      </c>
      <c r="AI40953">
        <v>94</v>
      </c>
      <c r="AJ40953">
        <v>95</v>
      </c>
      <c r="AK40953">
        <v>97</v>
      </c>
      <c r="AL40953">
        <v>98</v>
      </c>
      <c r="AM40953">
        <v>99</v>
      </c>
      <c r="AN40953">
        <v>100</v>
      </c>
      <c r="AO40953">
        <v>101</v>
      </c>
      <c r="AP40953">
        <v>102</v>
      </c>
      <c r="AQ40953">
        <v>103</v>
      </c>
    </row>
    <row r="40954" spans="1:43">
      <c r="A40954" t="s">
        <v>25275</v>
      </c>
      <c r="B40954" t="s">
        <v>25276</v>
      </c>
      <c r="C40954" t="s">
        <v>10014</v>
      </c>
      <c r="D40954" t="s">
        <v>10015</v>
      </c>
      <c r="E40954" t="s">
        <v>9956</v>
      </c>
      <c r="F40954" t="s">
        <v>9957</v>
      </c>
      <c r="G40954" t="s">
        <v>80</v>
      </c>
      <c r="H40954" t="s">
        <v>81</v>
      </c>
      <c r="I40954" s="2">
        <v>0</v>
      </c>
      <c r="J40954" s="2">
        <v>1</v>
      </c>
      <c r="K40954" s="2">
        <v>0</v>
      </c>
      <c r="L40954" t="s">
        <v>82</v>
      </c>
      <c r="M40954" t="s">
        <v>83</v>
      </c>
      <c r="N40954" t="s">
        <v>84</v>
      </c>
      <c r="O40954" t="s">
        <v>85</v>
      </c>
      <c r="P40954" t="s">
        <v>86</v>
      </c>
      <c r="Q40954">
        <v>5</v>
      </c>
      <c r="R40954">
        <v>5</v>
      </c>
      <c r="S40954">
        <v>5</v>
      </c>
      <c r="T40954">
        <v>5</v>
      </c>
      <c r="U40954">
        <v>6</v>
      </c>
      <c r="V40954">
        <v>6</v>
      </c>
      <c r="W40954">
        <v>6</v>
      </c>
      <c r="X40954">
        <v>6</v>
      </c>
      <c r="Y40954">
        <v>6</v>
      </c>
      <c r="Z40954">
        <v>6</v>
      </c>
      <c r="AA40954">
        <v>6</v>
      </c>
      <c r="AB40954">
        <v>6</v>
      </c>
      <c r="AC40954">
        <v>7</v>
      </c>
      <c r="AD40954">
        <v>7</v>
      </c>
      <c r="AE40954">
        <v>7</v>
      </c>
      <c r="AF40954">
        <v>7</v>
      </c>
      <c r="AG40954">
        <v>7</v>
      </c>
      <c r="AH40954">
        <v>7</v>
      </c>
      <c r="AI40954">
        <v>7</v>
      </c>
      <c r="AJ40954">
        <v>7</v>
      </c>
      <c r="AK40954">
        <v>8</v>
      </c>
      <c r="AL40954">
        <v>8</v>
      </c>
      <c r="AM40954">
        <v>8</v>
      </c>
      <c r="AN40954">
        <v>8</v>
      </c>
      <c r="AO40954">
        <v>8</v>
      </c>
      <c r="AP40954">
        <v>8</v>
      </c>
      <c r="AQ40954">
        <v>8</v>
      </c>
    </row>
    <row r="40955" spans="1:43">
      <c r="A40955" t="s">
        <v>25275</v>
      </c>
      <c r="B40955" t="s">
        <v>25276</v>
      </c>
      <c r="C40955" t="s">
        <v>10014</v>
      </c>
      <c r="D40955" t="s">
        <v>10015</v>
      </c>
      <c r="E40955" t="s">
        <v>9956</v>
      </c>
      <c r="F40955" t="s">
        <v>9957</v>
      </c>
      <c r="G40955" t="s">
        <v>80</v>
      </c>
      <c r="H40955" t="s">
        <v>81</v>
      </c>
      <c r="I40955" s="2">
        <v>0</v>
      </c>
      <c r="J40955" s="2">
        <v>1</v>
      </c>
      <c r="K40955" s="2">
        <v>0</v>
      </c>
      <c r="L40955" t="s">
        <v>82</v>
      </c>
      <c r="M40955" t="s">
        <v>87</v>
      </c>
      <c r="N40955" t="s">
        <v>88</v>
      </c>
      <c r="O40955" t="s">
        <v>85</v>
      </c>
      <c r="P40955" t="s">
        <v>86</v>
      </c>
      <c r="Q40955">
        <v>5</v>
      </c>
      <c r="R40955">
        <v>5</v>
      </c>
      <c r="S40955">
        <v>5</v>
      </c>
      <c r="T40955">
        <v>5</v>
      </c>
      <c r="U40955">
        <v>5</v>
      </c>
      <c r="V40955">
        <v>5</v>
      </c>
      <c r="W40955">
        <v>5</v>
      </c>
      <c r="X40955">
        <v>6</v>
      </c>
      <c r="Y40955">
        <v>6</v>
      </c>
      <c r="Z40955">
        <v>6</v>
      </c>
      <c r="AA40955">
        <v>6</v>
      </c>
      <c r="AB40955">
        <v>6</v>
      </c>
      <c r="AC40955">
        <v>6</v>
      </c>
      <c r="AD40955">
        <v>6</v>
      </c>
      <c r="AE40955">
        <v>6</v>
      </c>
      <c r="AF40955">
        <v>6</v>
      </c>
      <c r="AG40955">
        <v>6</v>
      </c>
      <c r="AH40955">
        <v>6</v>
      </c>
      <c r="AI40955">
        <v>6</v>
      </c>
      <c r="AJ40955">
        <v>6</v>
      </c>
      <c r="AK40955">
        <v>6</v>
      </c>
      <c r="AL40955">
        <v>7</v>
      </c>
      <c r="AM40955">
        <v>7</v>
      </c>
      <c r="AN40955">
        <v>7</v>
      </c>
      <c r="AO40955">
        <v>7</v>
      </c>
      <c r="AP40955">
        <v>7</v>
      </c>
      <c r="AQ40955">
        <v>7</v>
      </c>
    </row>
    <row r="40956" spans="1:43">
      <c r="A40956" t="s">
        <v>25275</v>
      </c>
      <c r="B40956" t="s">
        <v>25276</v>
      </c>
      <c r="C40956" t="s">
        <v>10014</v>
      </c>
      <c r="D40956" t="s">
        <v>10015</v>
      </c>
      <c r="E40956" t="s">
        <v>9956</v>
      </c>
      <c r="F40956" t="s">
        <v>9957</v>
      </c>
      <c r="G40956" t="s">
        <v>80</v>
      </c>
      <c r="H40956" t="s">
        <v>81</v>
      </c>
      <c r="I40956" s="2">
        <v>0</v>
      </c>
      <c r="J40956" s="2">
        <v>1</v>
      </c>
      <c r="K40956" s="2">
        <v>0</v>
      </c>
      <c r="L40956" t="s">
        <v>82</v>
      </c>
      <c r="M40956" t="s">
        <v>89</v>
      </c>
      <c r="N40956" t="s">
        <v>90</v>
      </c>
      <c r="O40956" t="s">
        <v>85</v>
      </c>
      <c r="P40956" t="s">
        <v>86</v>
      </c>
      <c r="Q40956">
        <v>5</v>
      </c>
      <c r="R40956">
        <v>5</v>
      </c>
      <c r="S40956">
        <v>5</v>
      </c>
      <c r="T40956">
        <v>6</v>
      </c>
      <c r="U40956">
        <v>6</v>
      </c>
      <c r="V40956">
        <v>6</v>
      </c>
      <c r="W40956">
        <v>6</v>
      </c>
      <c r="X40956">
        <v>6</v>
      </c>
      <c r="Y40956">
        <v>6</v>
      </c>
      <c r="Z40956">
        <v>7</v>
      </c>
      <c r="AA40956">
        <v>7</v>
      </c>
      <c r="AB40956">
        <v>7</v>
      </c>
      <c r="AC40956">
        <v>7</v>
      </c>
      <c r="AD40956">
        <v>7</v>
      </c>
      <c r="AE40956">
        <v>7</v>
      </c>
      <c r="AF40956">
        <v>7</v>
      </c>
      <c r="AG40956">
        <v>7</v>
      </c>
      <c r="AH40956">
        <v>7</v>
      </c>
      <c r="AI40956">
        <v>8</v>
      </c>
      <c r="AJ40956">
        <v>8</v>
      </c>
      <c r="AK40956">
        <v>8</v>
      </c>
      <c r="AL40956">
        <v>8</v>
      </c>
      <c r="AM40956">
        <v>8</v>
      </c>
      <c r="AN40956">
        <v>8</v>
      </c>
      <c r="AO40956">
        <v>8</v>
      </c>
      <c r="AP40956">
        <v>8</v>
      </c>
      <c r="AQ40956">
        <v>8</v>
      </c>
    </row>
    <row r="40957" spans="1:43">
      <c r="A40957" t="s">
        <v>25275</v>
      </c>
      <c r="B40957" t="s">
        <v>25276</v>
      </c>
      <c r="C40957" t="s">
        <v>10014</v>
      </c>
      <c r="D40957" t="s">
        <v>10015</v>
      </c>
      <c r="E40957" t="s">
        <v>9956</v>
      </c>
      <c r="F40957" t="s">
        <v>9957</v>
      </c>
      <c r="G40957" t="s">
        <v>80</v>
      </c>
      <c r="H40957" t="s">
        <v>81</v>
      </c>
      <c r="I40957" s="2">
        <v>0</v>
      </c>
      <c r="J40957" s="2">
        <v>1</v>
      </c>
      <c r="K40957" s="2">
        <v>0</v>
      </c>
      <c r="L40957" t="s">
        <v>82</v>
      </c>
      <c r="M40957" t="s">
        <v>83</v>
      </c>
      <c r="N40957" t="s">
        <v>91</v>
      </c>
      <c r="O40957" t="s">
        <v>85</v>
      </c>
      <c r="P40957" t="s">
        <v>86</v>
      </c>
      <c r="Q40957">
        <v>5</v>
      </c>
      <c r="R40957">
        <v>5</v>
      </c>
      <c r="S40957">
        <v>5</v>
      </c>
      <c r="T40957">
        <v>5</v>
      </c>
      <c r="U40957">
        <v>6</v>
      </c>
      <c r="V40957">
        <v>6</v>
      </c>
      <c r="W40957">
        <v>6</v>
      </c>
      <c r="X40957">
        <v>6</v>
      </c>
      <c r="Y40957">
        <v>6</v>
      </c>
      <c r="Z40957">
        <v>6</v>
      </c>
      <c r="AA40957">
        <v>6</v>
      </c>
      <c r="AB40957">
        <v>6</v>
      </c>
      <c r="AC40957">
        <v>7</v>
      </c>
      <c r="AD40957">
        <v>7</v>
      </c>
      <c r="AE40957">
        <v>7</v>
      </c>
      <c r="AF40957">
        <v>7</v>
      </c>
      <c r="AG40957">
        <v>7</v>
      </c>
      <c r="AH40957">
        <v>7</v>
      </c>
      <c r="AI40957">
        <v>7</v>
      </c>
      <c r="AJ40957">
        <v>7</v>
      </c>
      <c r="AK40957">
        <v>8</v>
      </c>
      <c r="AL40957">
        <v>8</v>
      </c>
      <c r="AM40957">
        <v>8</v>
      </c>
      <c r="AN40957">
        <v>8</v>
      </c>
      <c r="AO40957">
        <v>8</v>
      </c>
      <c r="AP40957">
        <v>8</v>
      </c>
      <c r="AQ40957">
        <v>8</v>
      </c>
    </row>
    <row r="40958" spans="1:43">
      <c r="A40958" t="s">
        <v>25277</v>
      </c>
      <c r="B40958" t="s">
        <v>25278</v>
      </c>
      <c r="C40958" t="s">
        <v>10014</v>
      </c>
      <c r="D40958" t="s">
        <v>10015</v>
      </c>
      <c r="E40958" t="s">
        <v>9956</v>
      </c>
      <c r="F40958" t="s">
        <v>9957</v>
      </c>
      <c r="G40958" t="s">
        <v>80</v>
      </c>
      <c r="H40958" t="s">
        <v>81</v>
      </c>
      <c r="I40958" s="2">
        <v>0</v>
      </c>
      <c r="J40958" s="2">
        <v>1</v>
      </c>
      <c r="K40958" s="2">
        <v>0</v>
      </c>
      <c r="L40958" t="s">
        <v>82</v>
      </c>
      <c r="M40958" t="s">
        <v>83</v>
      </c>
      <c r="N40958" t="s">
        <v>84</v>
      </c>
      <c r="O40958" t="s">
        <v>85</v>
      </c>
      <c r="P40958" t="s">
        <v>86</v>
      </c>
      <c r="Q40958">
        <v>40</v>
      </c>
      <c r="R40958">
        <v>41</v>
      </c>
      <c r="S40958">
        <v>42</v>
      </c>
      <c r="T40958">
        <v>43</v>
      </c>
      <c r="U40958">
        <v>44</v>
      </c>
      <c r="V40958">
        <v>45</v>
      </c>
      <c r="W40958">
        <v>45</v>
      </c>
      <c r="X40958">
        <v>46</v>
      </c>
      <c r="Y40958">
        <v>47</v>
      </c>
      <c r="Z40958">
        <v>48</v>
      </c>
      <c r="AA40958">
        <v>49</v>
      </c>
      <c r="AB40958">
        <v>50</v>
      </c>
      <c r="AC40958">
        <v>51</v>
      </c>
      <c r="AD40958">
        <v>52</v>
      </c>
      <c r="AE40958">
        <v>53</v>
      </c>
      <c r="AF40958">
        <v>54</v>
      </c>
      <c r="AG40958">
        <v>55</v>
      </c>
      <c r="AH40958">
        <v>56</v>
      </c>
      <c r="AI40958">
        <v>57</v>
      </c>
      <c r="AJ40958">
        <v>58</v>
      </c>
      <c r="AK40958">
        <v>59</v>
      </c>
      <c r="AL40958">
        <v>60</v>
      </c>
      <c r="AM40958">
        <v>61</v>
      </c>
      <c r="AN40958">
        <v>61</v>
      </c>
      <c r="AO40958">
        <v>62</v>
      </c>
      <c r="AP40958">
        <v>62</v>
      </c>
      <c r="AQ40958">
        <v>63</v>
      </c>
    </row>
    <row r="40959" spans="1:43">
      <c r="A40959" t="s">
        <v>25277</v>
      </c>
      <c r="B40959" t="s">
        <v>25278</v>
      </c>
      <c r="C40959" t="s">
        <v>10014</v>
      </c>
      <c r="D40959" t="s">
        <v>10015</v>
      </c>
      <c r="E40959" t="s">
        <v>9956</v>
      </c>
      <c r="F40959" t="s">
        <v>9957</v>
      </c>
      <c r="G40959" t="s">
        <v>80</v>
      </c>
      <c r="H40959" t="s">
        <v>81</v>
      </c>
      <c r="I40959" s="2">
        <v>0</v>
      </c>
      <c r="J40959" s="2">
        <v>1</v>
      </c>
      <c r="K40959" s="2">
        <v>0</v>
      </c>
      <c r="L40959" t="s">
        <v>82</v>
      </c>
      <c r="M40959" t="s">
        <v>87</v>
      </c>
      <c r="N40959" t="s">
        <v>88</v>
      </c>
      <c r="O40959" t="s">
        <v>85</v>
      </c>
      <c r="P40959" t="s">
        <v>86</v>
      </c>
      <c r="Q40959">
        <v>40</v>
      </c>
      <c r="R40959">
        <v>40</v>
      </c>
      <c r="S40959">
        <v>41</v>
      </c>
      <c r="T40959">
        <v>41</v>
      </c>
      <c r="U40959">
        <v>42</v>
      </c>
      <c r="V40959">
        <v>42</v>
      </c>
      <c r="W40959">
        <v>43</v>
      </c>
      <c r="X40959">
        <v>43</v>
      </c>
      <c r="Y40959">
        <v>44</v>
      </c>
      <c r="Z40959">
        <v>44</v>
      </c>
      <c r="AA40959">
        <v>45</v>
      </c>
      <c r="AB40959">
        <v>45</v>
      </c>
      <c r="AC40959">
        <v>46</v>
      </c>
      <c r="AD40959">
        <v>46</v>
      </c>
      <c r="AE40959">
        <v>47</v>
      </c>
      <c r="AF40959">
        <v>48</v>
      </c>
      <c r="AG40959">
        <v>48</v>
      </c>
      <c r="AH40959">
        <v>49</v>
      </c>
      <c r="AI40959">
        <v>49</v>
      </c>
      <c r="AJ40959">
        <v>50</v>
      </c>
      <c r="AK40959">
        <v>51</v>
      </c>
      <c r="AL40959">
        <v>51</v>
      </c>
      <c r="AM40959">
        <v>52</v>
      </c>
      <c r="AN40959">
        <v>52</v>
      </c>
      <c r="AO40959">
        <v>53</v>
      </c>
      <c r="AP40959">
        <v>54</v>
      </c>
      <c r="AQ40959">
        <v>54</v>
      </c>
    </row>
    <row r="40960" spans="1:43">
      <c r="A40960" t="s">
        <v>25277</v>
      </c>
      <c r="B40960" t="s">
        <v>25278</v>
      </c>
      <c r="C40960" t="s">
        <v>10014</v>
      </c>
      <c r="D40960" t="s">
        <v>10015</v>
      </c>
      <c r="E40960" t="s">
        <v>9956</v>
      </c>
      <c r="F40960" t="s">
        <v>9957</v>
      </c>
      <c r="G40960" t="s">
        <v>80</v>
      </c>
      <c r="H40960" t="s">
        <v>81</v>
      </c>
      <c r="I40960" s="2">
        <v>0</v>
      </c>
      <c r="J40960" s="2">
        <v>1</v>
      </c>
      <c r="K40960" s="2">
        <v>0</v>
      </c>
      <c r="L40960" t="s">
        <v>82</v>
      </c>
      <c r="M40960" t="s">
        <v>89</v>
      </c>
      <c r="N40960" t="s">
        <v>90</v>
      </c>
      <c r="O40960" t="s">
        <v>85</v>
      </c>
      <c r="P40960" t="s">
        <v>86</v>
      </c>
      <c r="Q40960">
        <v>40</v>
      </c>
      <c r="R40960">
        <v>42</v>
      </c>
      <c r="S40960">
        <v>43</v>
      </c>
      <c r="T40960">
        <v>44</v>
      </c>
      <c r="U40960">
        <v>45</v>
      </c>
      <c r="V40960">
        <v>47</v>
      </c>
      <c r="W40960">
        <v>48</v>
      </c>
      <c r="X40960">
        <v>49</v>
      </c>
      <c r="Y40960">
        <v>50</v>
      </c>
      <c r="Z40960">
        <v>51</v>
      </c>
      <c r="AA40960">
        <v>52</v>
      </c>
      <c r="AB40960">
        <v>54</v>
      </c>
      <c r="AC40960">
        <v>55</v>
      </c>
      <c r="AD40960">
        <v>56</v>
      </c>
      <c r="AE40960">
        <v>57</v>
      </c>
      <c r="AF40960">
        <v>58</v>
      </c>
      <c r="AG40960">
        <v>58</v>
      </c>
      <c r="AH40960">
        <v>59</v>
      </c>
      <c r="AI40960">
        <v>59</v>
      </c>
      <c r="AJ40960">
        <v>60</v>
      </c>
      <c r="AK40960">
        <v>60</v>
      </c>
      <c r="AL40960">
        <v>61</v>
      </c>
      <c r="AM40960">
        <v>61</v>
      </c>
      <c r="AN40960">
        <v>62</v>
      </c>
      <c r="AO40960">
        <v>62</v>
      </c>
      <c r="AP40960">
        <v>63</v>
      </c>
      <c r="AQ40960">
        <v>63</v>
      </c>
    </row>
    <row r="40961" spans="1:43">
      <c r="A40961" t="s">
        <v>25277</v>
      </c>
      <c r="B40961" t="s">
        <v>25278</v>
      </c>
      <c r="C40961" t="s">
        <v>10014</v>
      </c>
      <c r="D40961" t="s">
        <v>10015</v>
      </c>
      <c r="E40961" t="s">
        <v>9956</v>
      </c>
      <c r="F40961" t="s">
        <v>9957</v>
      </c>
      <c r="G40961" t="s">
        <v>80</v>
      </c>
      <c r="H40961" t="s">
        <v>81</v>
      </c>
      <c r="I40961" s="2">
        <v>0</v>
      </c>
      <c r="J40961" s="2">
        <v>1</v>
      </c>
      <c r="K40961" s="2">
        <v>0</v>
      </c>
      <c r="L40961" t="s">
        <v>82</v>
      </c>
      <c r="M40961" t="s">
        <v>83</v>
      </c>
      <c r="N40961" t="s">
        <v>91</v>
      </c>
      <c r="O40961" t="s">
        <v>85</v>
      </c>
      <c r="P40961" t="s">
        <v>86</v>
      </c>
      <c r="Q40961">
        <v>40</v>
      </c>
      <c r="R40961">
        <v>41</v>
      </c>
      <c r="S40961">
        <v>42</v>
      </c>
      <c r="T40961">
        <v>43</v>
      </c>
      <c r="U40961">
        <v>44</v>
      </c>
      <c r="V40961">
        <v>45</v>
      </c>
      <c r="W40961">
        <v>45</v>
      </c>
      <c r="X40961">
        <v>46</v>
      </c>
      <c r="Y40961">
        <v>47</v>
      </c>
      <c r="Z40961">
        <v>48</v>
      </c>
      <c r="AA40961">
        <v>49</v>
      </c>
      <c r="AB40961">
        <v>50</v>
      </c>
      <c r="AC40961">
        <v>51</v>
      </c>
      <c r="AD40961">
        <v>52</v>
      </c>
      <c r="AE40961">
        <v>53</v>
      </c>
      <c r="AF40961">
        <v>54</v>
      </c>
      <c r="AG40961">
        <v>55</v>
      </c>
      <c r="AH40961">
        <v>56</v>
      </c>
      <c r="AI40961">
        <v>57</v>
      </c>
      <c r="AJ40961">
        <v>58</v>
      </c>
      <c r="AK40961">
        <v>59</v>
      </c>
      <c r="AL40961">
        <v>60</v>
      </c>
      <c r="AM40961">
        <v>61</v>
      </c>
      <c r="AN40961">
        <v>61</v>
      </c>
      <c r="AO40961">
        <v>62</v>
      </c>
      <c r="AP40961">
        <v>62</v>
      </c>
      <c r="AQ40961">
        <v>63</v>
      </c>
    </row>
    <row r="40962" spans="1:43">
      <c r="A40962" t="s">
        <v>25279</v>
      </c>
      <c r="B40962" t="s">
        <v>25280</v>
      </c>
      <c r="C40962" t="s">
        <v>10014</v>
      </c>
      <c r="D40962" t="s">
        <v>10015</v>
      </c>
      <c r="E40962" t="s">
        <v>9956</v>
      </c>
      <c r="F40962" t="s">
        <v>9957</v>
      </c>
      <c r="G40962" t="s">
        <v>80</v>
      </c>
      <c r="H40962" t="s">
        <v>81</v>
      </c>
      <c r="I40962" s="2">
        <v>0</v>
      </c>
      <c r="J40962" s="2">
        <v>1</v>
      </c>
      <c r="K40962" s="2">
        <v>0</v>
      </c>
      <c r="L40962" t="s">
        <v>82</v>
      </c>
      <c r="M40962" t="s">
        <v>83</v>
      </c>
      <c r="N40962" t="s">
        <v>84</v>
      </c>
      <c r="O40962" t="s">
        <v>85</v>
      </c>
      <c r="P40962" t="s">
        <v>86</v>
      </c>
      <c r="Q40962">
        <v>118</v>
      </c>
      <c r="R40962">
        <v>120</v>
      </c>
      <c r="S40962">
        <v>123</v>
      </c>
      <c r="T40962">
        <v>125</v>
      </c>
      <c r="U40962">
        <v>128</v>
      </c>
      <c r="V40962">
        <v>131</v>
      </c>
      <c r="W40962">
        <v>133</v>
      </c>
      <c r="X40962">
        <v>136</v>
      </c>
      <c r="Y40962">
        <v>139</v>
      </c>
      <c r="Z40962">
        <v>142</v>
      </c>
      <c r="AA40962">
        <v>144</v>
      </c>
      <c r="AB40962">
        <v>147</v>
      </c>
      <c r="AC40962">
        <v>150</v>
      </c>
      <c r="AD40962">
        <v>153</v>
      </c>
      <c r="AE40962">
        <v>156</v>
      </c>
      <c r="AF40962">
        <v>159</v>
      </c>
      <c r="AG40962">
        <v>162</v>
      </c>
      <c r="AH40962">
        <v>165</v>
      </c>
      <c r="AI40962">
        <v>168</v>
      </c>
      <c r="AJ40962">
        <v>171</v>
      </c>
      <c r="AK40962">
        <v>174</v>
      </c>
      <c r="AL40962">
        <v>177</v>
      </c>
      <c r="AM40962">
        <v>178</v>
      </c>
      <c r="AN40962">
        <v>180</v>
      </c>
      <c r="AO40962">
        <v>181</v>
      </c>
      <c r="AP40962">
        <v>183</v>
      </c>
      <c r="AQ40962">
        <v>185</v>
      </c>
    </row>
    <row r="40963" spans="1:43">
      <c r="A40963" t="s">
        <v>25279</v>
      </c>
      <c r="B40963" t="s">
        <v>25280</v>
      </c>
      <c r="C40963" t="s">
        <v>10014</v>
      </c>
      <c r="D40963" t="s">
        <v>10015</v>
      </c>
      <c r="E40963" t="s">
        <v>9956</v>
      </c>
      <c r="F40963" t="s">
        <v>9957</v>
      </c>
      <c r="G40963" t="s">
        <v>80</v>
      </c>
      <c r="H40963" t="s">
        <v>81</v>
      </c>
      <c r="I40963" s="2">
        <v>0</v>
      </c>
      <c r="J40963" s="2">
        <v>1</v>
      </c>
      <c r="K40963" s="2">
        <v>0</v>
      </c>
      <c r="L40963" t="s">
        <v>82</v>
      </c>
      <c r="M40963" t="s">
        <v>87</v>
      </c>
      <c r="N40963" t="s">
        <v>88</v>
      </c>
      <c r="O40963" t="s">
        <v>85</v>
      </c>
      <c r="P40963" t="s">
        <v>86</v>
      </c>
      <c r="Q40963">
        <v>118</v>
      </c>
      <c r="R40963">
        <v>119</v>
      </c>
      <c r="S40963">
        <v>121</v>
      </c>
      <c r="T40963">
        <v>122</v>
      </c>
      <c r="U40963">
        <v>123</v>
      </c>
      <c r="V40963">
        <v>125</v>
      </c>
      <c r="W40963">
        <v>126</v>
      </c>
      <c r="X40963">
        <v>128</v>
      </c>
      <c r="Y40963">
        <v>129</v>
      </c>
      <c r="Z40963">
        <v>131</v>
      </c>
      <c r="AA40963">
        <v>133</v>
      </c>
      <c r="AB40963">
        <v>134</v>
      </c>
      <c r="AC40963">
        <v>136</v>
      </c>
      <c r="AD40963">
        <v>137</v>
      </c>
      <c r="AE40963">
        <v>139</v>
      </c>
      <c r="AF40963">
        <v>141</v>
      </c>
      <c r="AG40963">
        <v>142</v>
      </c>
      <c r="AH40963">
        <v>144</v>
      </c>
      <c r="AI40963">
        <v>146</v>
      </c>
      <c r="AJ40963">
        <v>148</v>
      </c>
      <c r="AK40963">
        <v>149</v>
      </c>
      <c r="AL40963">
        <v>151</v>
      </c>
      <c r="AM40963">
        <v>153</v>
      </c>
      <c r="AN40963">
        <v>155</v>
      </c>
      <c r="AO40963">
        <v>157</v>
      </c>
      <c r="AP40963">
        <v>158</v>
      </c>
      <c r="AQ40963">
        <v>160</v>
      </c>
    </row>
    <row r="40964" spans="1:43">
      <c r="A40964" t="s">
        <v>25279</v>
      </c>
      <c r="B40964" t="s">
        <v>25280</v>
      </c>
      <c r="C40964" t="s">
        <v>10014</v>
      </c>
      <c r="D40964" t="s">
        <v>10015</v>
      </c>
      <c r="E40964" t="s">
        <v>9956</v>
      </c>
      <c r="F40964" t="s">
        <v>9957</v>
      </c>
      <c r="G40964" t="s">
        <v>80</v>
      </c>
      <c r="H40964" t="s">
        <v>81</v>
      </c>
      <c r="I40964" s="2">
        <v>0</v>
      </c>
      <c r="J40964" s="2">
        <v>1</v>
      </c>
      <c r="K40964" s="2">
        <v>0</v>
      </c>
      <c r="L40964" t="s">
        <v>82</v>
      </c>
      <c r="M40964" t="s">
        <v>89</v>
      </c>
      <c r="N40964" t="s">
        <v>90</v>
      </c>
      <c r="O40964" t="s">
        <v>85</v>
      </c>
      <c r="P40964" t="s">
        <v>86</v>
      </c>
      <c r="Q40964">
        <v>118</v>
      </c>
      <c r="R40964">
        <v>121</v>
      </c>
      <c r="S40964">
        <v>125</v>
      </c>
      <c r="T40964">
        <v>129</v>
      </c>
      <c r="U40964">
        <v>132</v>
      </c>
      <c r="V40964">
        <v>136</v>
      </c>
      <c r="W40964">
        <v>139</v>
      </c>
      <c r="X40964">
        <v>143</v>
      </c>
      <c r="Y40964">
        <v>146</v>
      </c>
      <c r="Z40964">
        <v>150</v>
      </c>
      <c r="AA40964">
        <v>153</v>
      </c>
      <c r="AB40964">
        <v>157</v>
      </c>
      <c r="AC40964">
        <v>160</v>
      </c>
      <c r="AD40964">
        <v>164</v>
      </c>
      <c r="AE40964">
        <v>167</v>
      </c>
      <c r="AF40964">
        <v>168</v>
      </c>
      <c r="AG40964">
        <v>170</v>
      </c>
      <c r="AH40964">
        <v>171</v>
      </c>
      <c r="AI40964">
        <v>173</v>
      </c>
      <c r="AJ40964">
        <v>175</v>
      </c>
      <c r="AK40964">
        <v>176</v>
      </c>
      <c r="AL40964">
        <v>178</v>
      </c>
      <c r="AM40964">
        <v>179</v>
      </c>
      <c r="AN40964">
        <v>181</v>
      </c>
      <c r="AO40964">
        <v>183</v>
      </c>
      <c r="AP40964">
        <v>184</v>
      </c>
      <c r="AQ40964">
        <v>186</v>
      </c>
    </row>
    <row r="40965" spans="1:43">
      <c r="A40965" t="s">
        <v>25279</v>
      </c>
      <c r="B40965" t="s">
        <v>25280</v>
      </c>
      <c r="C40965" t="s">
        <v>10014</v>
      </c>
      <c r="D40965" t="s">
        <v>10015</v>
      </c>
      <c r="E40965" t="s">
        <v>9956</v>
      </c>
      <c r="F40965" t="s">
        <v>9957</v>
      </c>
      <c r="G40965" t="s">
        <v>80</v>
      </c>
      <c r="H40965" t="s">
        <v>81</v>
      </c>
      <c r="I40965" s="2">
        <v>0</v>
      </c>
      <c r="J40965" s="2">
        <v>1</v>
      </c>
      <c r="K40965" s="2">
        <v>0</v>
      </c>
      <c r="L40965" t="s">
        <v>82</v>
      </c>
      <c r="M40965" t="s">
        <v>83</v>
      </c>
      <c r="N40965" t="s">
        <v>91</v>
      </c>
      <c r="O40965" t="s">
        <v>85</v>
      </c>
      <c r="P40965" t="s">
        <v>86</v>
      </c>
      <c r="Q40965">
        <v>118</v>
      </c>
      <c r="R40965">
        <v>120</v>
      </c>
      <c r="S40965">
        <v>123</v>
      </c>
      <c r="T40965">
        <v>125</v>
      </c>
      <c r="U40965">
        <v>128</v>
      </c>
      <c r="V40965">
        <v>131</v>
      </c>
      <c r="W40965">
        <v>133</v>
      </c>
      <c r="X40965">
        <v>136</v>
      </c>
      <c r="Y40965">
        <v>139</v>
      </c>
      <c r="Z40965">
        <v>142</v>
      </c>
      <c r="AA40965">
        <v>144</v>
      </c>
      <c r="AB40965">
        <v>147</v>
      </c>
      <c r="AC40965">
        <v>150</v>
      </c>
      <c r="AD40965">
        <v>153</v>
      </c>
      <c r="AE40965">
        <v>156</v>
      </c>
      <c r="AF40965">
        <v>159</v>
      </c>
      <c r="AG40965">
        <v>162</v>
      </c>
      <c r="AH40965">
        <v>165</v>
      </c>
      <c r="AI40965">
        <v>168</v>
      </c>
      <c r="AJ40965">
        <v>171</v>
      </c>
      <c r="AK40965">
        <v>174</v>
      </c>
      <c r="AL40965">
        <v>177</v>
      </c>
      <c r="AM40965">
        <v>178</v>
      </c>
      <c r="AN40965">
        <v>180</v>
      </c>
      <c r="AO40965">
        <v>181</v>
      </c>
      <c r="AP40965">
        <v>183</v>
      </c>
      <c r="AQ40965">
        <v>185</v>
      </c>
    </row>
    <row r="40966" spans="1:43">
      <c r="A40966" t="s">
        <v>25281</v>
      </c>
      <c r="B40966" t="s">
        <v>25282</v>
      </c>
      <c r="C40966" t="s">
        <v>17031</v>
      </c>
      <c r="D40966" t="s">
        <v>17032</v>
      </c>
      <c r="E40966" t="s">
        <v>16923</v>
      </c>
      <c r="F40966" t="s">
        <v>16924</v>
      </c>
      <c r="G40966" t="s">
        <v>16559</v>
      </c>
      <c r="H40966" t="s">
        <v>16560</v>
      </c>
      <c r="I40966" s="2">
        <v>1</v>
      </c>
      <c r="J40966" s="2">
        <v>0</v>
      </c>
      <c r="K40966" s="2">
        <v>0</v>
      </c>
      <c r="L40966" t="s">
        <v>120</v>
      </c>
      <c r="M40966" t="s">
        <v>83</v>
      </c>
      <c r="N40966" t="s">
        <v>84</v>
      </c>
      <c r="O40966" t="s">
        <v>85</v>
      </c>
      <c r="P40966" t="s">
        <v>86</v>
      </c>
      <c r="Q40966">
        <v>37</v>
      </c>
      <c r="R40966">
        <v>38</v>
      </c>
      <c r="S40966">
        <v>38</v>
      </c>
      <c r="T40966">
        <v>38</v>
      </c>
      <c r="U40966">
        <v>38</v>
      </c>
      <c r="V40966">
        <v>38</v>
      </c>
      <c r="W40966">
        <v>38</v>
      </c>
      <c r="X40966">
        <v>39</v>
      </c>
      <c r="Y40966">
        <v>39</v>
      </c>
      <c r="Z40966">
        <v>39</v>
      </c>
      <c r="AA40966">
        <v>39</v>
      </c>
      <c r="AB40966">
        <v>39</v>
      </c>
      <c r="AC40966">
        <v>39</v>
      </c>
      <c r="AD40966">
        <v>39</v>
      </c>
      <c r="AE40966">
        <v>39</v>
      </c>
      <c r="AF40966">
        <v>40</v>
      </c>
      <c r="AG40966">
        <v>40</v>
      </c>
      <c r="AH40966">
        <v>40</v>
      </c>
      <c r="AI40966">
        <v>40</v>
      </c>
      <c r="AJ40966">
        <v>40</v>
      </c>
      <c r="AK40966">
        <v>40</v>
      </c>
      <c r="AL40966">
        <v>40</v>
      </c>
      <c r="AM40966">
        <v>39</v>
      </c>
      <c r="AN40966">
        <v>39</v>
      </c>
      <c r="AO40966">
        <v>39</v>
      </c>
      <c r="AP40966">
        <v>39</v>
      </c>
      <c r="AQ40966">
        <v>38</v>
      </c>
    </row>
    <row r="40967" spans="1:43">
      <c r="A40967" t="s">
        <v>25281</v>
      </c>
      <c r="B40967" t="s">
        <v>25282</v>
      </c>
      <c r="C40967" t="s">
        <v>17031</v>
      </c>
      <c r="D40967" t="s">
        <v>17032</v>
      </c>
      <c r="E40967" t="s">
        <v>16923</v>
      </c>
      <c r="F40967" t="s">
        <v>16924</v>
      </c>
      <c r="G40967" t="s">
        <v>16559</v>
      </c>
      <c r="H40967" t="s">
        <v>16560</v>
      </c>
      <c r="I40967" s="2">
        <v>1</v>
      </c>
      <c r="J40967" s="2">
        <v>0</v>
      </c>
      <c r="K40967" s="2">
        <v>0</v>
      </c>
      <c r="L40967" t="s">
        <v>120</v>
      </c>
      <c r="M40967" t="s">
        <v>87</v>
      </c>
      <c r="N40967" t="s">
        <v>88</v>
      </c>
      <c r="O40967" t="s">
        <v>85</v>
      </c>
      <c r="P40967" t="s">
        <v>86</v>
      </c>
      <c r="Q40967">
        <v>37</v>
      </c>
      <c r="R40967">
        <v>37</v>
      </c>
      <c r="S40967">
        <v>37</v>
      </c>
      <c r="T40967">
        <v>37</v>
      </c>
      <c r="U40967">
        <v>36</v>
      </c>
      <c r="V40967">
        <v>36</v>
      </c>
      <c r="W40967">
        <v>36</v>
      </c>
      <c r="X40967">
        <v>36</v>
      </c>
      <c r="Y40967">
        <v>36</v>
      </c>
      <c r="Z40967">
        <v>36</v>
      </c>
      <c r="AA40967">
        <v>36</v>
      </c>
      <c r="AB40967">
        <v>35</v>
      </c>
      <c r="AC40967">
        <v>35</v>
      </c>
      <c r="AD40967">
        <v>35</v>
      </c>
      <c r="AE40967">
        <v>35</v>
      </c>
      <c r="AF40967">
        <v>35</v>
      </c>
      <c r="AG40967">
        <v>35</v>
      </c>
      <c r="AH40967">
        <v>35</v>
      </c>
      <c r="AI40967">
        <v>34</v>
      </c>
      <c r="AJ40967">
        <v>34</v>
      </c>
      <c r="AK40967">
        <v>34</v>
      </c>
      <c r="AL40967">
        <v>34</v>
      </c>
      <c r="AM40967">
        <v>34</v>
      </c>
      <c r="AN40967">
        <v>34</v>
      </c>
      <c r="AO40967">
        <v>34</v>
      </c>
      <c r="AP40967">
        <v>33</v>
      </c>
      <c r="AQ40967">
        <v>33</v>
      </c>
    </row>
    <row r="40968" spans="1:43">
      <c r="A40968" t="s">
        <v>25281</v>
      </c>
      <c r="B40968" t="s">
        <v>25282</v>
      </c>
      <c r="C40968" t="s">
        <v>17031</v>
      </c>
      <c r="D40968" t="s">
        <v>17032</v>
      </c>
      <c r="E40968" t="s">
        <v>16923</v>
      </c>
      <c r="F40968" t="s">
        <v>16924</v>
      </c>
      <c r="G40968" t="s">
        <v>16559</v>
      </c>
      <c r="H40968" t="s">
        <v>16560</v>
      </c>
      <c r="I40968" s="2">
        <v>1</v>
      </c>
      <c r="J40968" s="2">
        <v>0</v>
      </c>
      <c r="K40968" s="2">
        <v>0</v>
      </c>
      <c r="L40968" t="s">
        <v>120</v>
      </c>
      <c r="M40968" t="s">
        <v>89</v>
      </c>
      <c r="N40968" t="s">
        <v>90</v>
      </c>
      <c r="O40968" t="s">
        <v>85</v>
      </c>
      <c r="P40968" t="s">
        <v>86</v>
      </c>
      <c r="Q40968">
        <v>37</v>
      </c>
      <c r="R40968">
        <v>37</v>
      </c>
      <c r="S40968">
        <v>38</v>
      </c>
      <c r="T40968">
        <v>38</v>
      </c>
      <c r="U40968">
        <v>39</v>
      </c>
      <c r="V40968">
        <v>39</v>
      </c>
      <c r="W40968">
        <v>39</v>
      </c>
      <c r="X40968">
        <v>40</v>
      </c>
      <c r="Y40968">
        <v>40</v>
      </c>
      <c r="Z40968">
        <v>40</v>
      </c>
      <c r="AA40968">
        <v>41</v>
      </c>
      <c r="AB40968">
        <v>41</v>
      </c>
      <c r="AC40968">
        <v>41</v>
      </c>
      <c r="AD40968">
        <v>41</v>
      </c>
      <c r="AE40968">
        <v>41</v>
      </c>
      <c r="AF40968">
        <v>41</v>
      </c>
      <c r="AG40968">
        <v>41</v>
      </c>
      <c r="AH40968">
        <v>40</v>
      </c>
      <c r="AI40968">
        <v>40</v>
      </c>
      <c r="AJ40968">
        <v>40</v>
      </c>
      <c r="AK40968">
        <v>39</v>
      </c>
      <c r="AL40968">
        <v>39</v>
      </c>
      <c r="AM40968">
        <v>39</v>
      </c>
      <c r="AN40968">
        <v>39</v>
      </c>
      <c r="AO40968">
        <v>38</v>
      </c>
      <c r="AP40968">
        <v>38</v>
      </c>
      <c r="AQ40968">
        <v>38</v>
      </c>
    </row>
    <row r="40969" spans="1:43">
      <c r="A40969" t="s">
        <v>25281</v>
      </c>
      <c r="B40969" t="s">
        <v>25282</v>
      </c>
      <c r="C40969" t="s">
        <v>17031</v>
      </c>
      <c r="D40969" t="s">
        <v>17032</v>
      </c>
      <c r="E40969" t="s">
        <v>16923</v>
      </c>
      <c r="F40969" t="s">
        <v>16924</v>
      </c>
      <c r="G40969" t="s">
        <v>16559</v>
      </c>
      <c r="H40969" t="s">
        <v>16560</v>
      </c>
      <c r="I40969" s="2">
        <v>1</v>
      </c>
      <c r="J40969" s="2">
        <v>0</v>
      </c>
      <c r="K40969" s="2">
        <v>0</v>
      </c>
      <c r="L40969" t="s">
        <v>120</v>
      </c>
      <c r="M40969" t="s">
        <v>83</v>
      </c>
      <c r="N40969" t="s">
        <v>91</v>
      </c>
      <c r="O40969" t="s">
        <v>85</v>
      </c>
      <c r="P40969" t="s">
        <v>86</v>
      </c>
      <c r="Q40969">
        <v>37</v>
      </c>
      <c r="R40969">
        <v>38</v>
      </c>
      <c r="S40969">
        <v>38</v>
      </c>
      <c r="T40969">
        <v>38</v>
      </c>
      <c r="U40969">
        <v>38</v>
      </c>
      <c r="V40969">
        <v>38</v>
      </c>
      <c r="W40969">
        <v>38</v>
      </c>
      <c r="X40969">
        <v>39</v>
      </c>
      <c r="Y40969">
        <v>39</v>
      </c>
      <c r="Z40969">
        <v>39</v>
      </c>
      <c r="AA40969">
        <v>39</v>
      </c>
      <c r="AB40969">
        <v>39</v>
      </c>
      <c r="AC40969">
        <v>39</v>
      </c>
      <c r="AD40969">
        <v>39</v>
      </c>
      <c r="AE40969">
        <v>39</v>
      </c>
      <c r="AF40969">
        <v>40</v>
      </c>
      <c r="AG40969">
        <v>40</v>
      </c>
      <c r="AH40969">
        <v>40</v>
      </c>
      <c r="AI40969">
        <v>40</v>
      </c>
      <c r="AJ40969">
        <v>40</v>
      </c>
      <c r="AK40969">
        <v>40</v>
      </c>
      <c r="AL40969">
        <v>40</v>
      </c>
      <c r="AM40969">
        <v>39</v>
      </c>
      <c r="AN40969">
        <v>39</v>
      </c>
      <c r="AO40969">
        <v>39</v>
      </c>
      <c r="AP40969">
        <v>39</v>
      </c>
      <c r="AQ40969">
        <v>38</v>
      </c>
    </row>
    <row r="40970" spans="1:43">
      <c r="A40970" t="s">
        <v>25283</v>
      </c>
      <c r="B40970" t="s">
        <v>25284</v>
      </c>
      <c r="C40970" t="s">
        <v>11128</v>
      </c>
      <c r="D40970" t="s">
        <v>11129</v>
      </c>
      <c r="E40970" t="s">
        <v>10982</v>
      </c>
      <c r="F40970" t="s">
        <v>10983</v>
      </c>
      <c r="G40970" t="s">
        <v>10734</v>
      </c>
      <c r="H40970" t="s">
        <v>10735</v>
      </c>
      <c r="I40970" s="2">
        <v>1</v>
      </c>
      <c r="J40970" s="2">
        <v>0</v>
      </c>
      <c r="K40970" s="2">
        <v>0</v>
      </c>
      <c r="L40970" t="s">
        <v>120</v>
      </c>
      <c r="M40970" t="s">
        <v>83</v>
      </c>
      <c r="N40970" t="s">
        <v>84</v>
      </c>
      <c r="O40970" t="s">
        <v>85</v>
      </c>
      <c r="P40970" t="s">
        <v>86</v>
      </c>
      <c r="Q40970">
        <v>16</v>
      </c>
      <c r="R40970">
        <v>16</v>
      </c>
      <c r="S40970">
        <v>16</v>
      </c>
      <c r="T40970">
        <v>17</v>
      </c>
      <c r="U40970">
        <v>17</v>
      </c>
      <c r="V40970">
        <v>18</v>
      </c>
      <c r="W40970">
        <v>18</v>
      </c>
      <c r="X40970">
        <v>18</v>
      </c>
      <c r="Y40970">
        <v>19</v>
      </c>
      <c r="Z40970">
        <v>19</v>
      </c>
      <c r="AA40970">
        <v>19</v>
      </c>
      <c r="AB40970">
        <v>20</v>
      </c>
      <c r="AC40970">
        <v>20</v>
      </c>
      <c r="AD40970">
        <v>21</v>
      </c>
      <c r="AE40970">
        <v>21</v>
      </c>
      <c r="AF40970">
        <v>21</v>
      </c>
      <c r="AG40970">
        <v>22</v>
      </c>
      <c r="AH40970">
        <v>22</v>
      </c>
      <c r="AI40970">
        <v>23</v>
      </c>
      <c r="AJ40970">
        <v>23</v>
      </c>
      <c r="AK40970">
        <v>24</v>
      </c>
      <c r="AL40970">
        <v>24</v>
      </c>
      <c r="AM40970">
        <v>24</v>
      </c>
      <c r="AN40970">
        <v>24</v>
      </c>
      <c r="AO40970">
        <v>25</v>
      </c>
      <c r="AP40970">
        <v>25</v>
      </c>
      <c r="AQ40970">
        <v>25</v>
      </c>
    </row>
    <row r="40971" spans="1:43">
      <c r="A40971" t="s">
        <v>25283</v>
      </c>
      <c r="B40971" t="s">
        <v>25284</v>
      </c>
      <c r="C40971" t="s">
        <v>11128</v>
      </c>
      <c r="D40971" t="s">
        <v>11129</v>
      </c>
      <c r="E40971" t="s">
        <v>10982</v>
      </c>
      <c r="F40971" t="s">
        <v>10983</v>
      </c>
      <c r="G40971" t="s">
        <v>10734</v>
      </c>
      <c r="H40971" t="s">
        <v>10735</v>
      </c>
      <c r="I40971" s="2">
        <v>1</v>
      </c>
      <c r="J40971" s="2">
        <v>0</v>
      </c>
      <c r="K40971" s="2">
        <v>0</v>
      </c>
      <c r="L40971" t="s">
        <v>120</v>
      </c>
      <c r="M40971" t="s">
        <v>87</v>
      </c>
      <c r="N40971" t="s">
        <v>88</v>
      </c>
      <c r="O40971" t="s">
        <v>85</v>
      </c>
      <c r="P40971" t="s">
        <v>86</v>
      </c>
      <c r="Q40971">
        <v>16</v>
      </c>
      <c r="R40971">
        <v>16</v>
      </c>
      <c r="S40971">
        <v>16</v>
      </c>
      <c r="T40971">
        <v>16</v>
      </c>
      <c r="U40971">
        <v>16</v>
      </c>
      <c r="V40971">
        <v>17</v>
      </c>
      <c r="W40971">
        <v>17</v>
      </c>
      <c r="X40971">
        <v>17</v>
      </c>
      <c r="Y40971">
        <v>17</v>
      </c>
      <c r="Z40971">
        <v>17</v>
      </c>
      <c r="AA40971">
        <v>18</v>
      </c>
      <c r="AB40971">
        <v>18</v>
      </c>
      <c r="AC40971">
        <v>18</v>
      </c>
      <c r="AD40971">
        <v>18</v>
      </c>
      <c r="AE40971">
        <v>19</v>
      </c>
      <c r="AF40971">
        <v>19</v>
      </c>
      <c r="AG40971">
        <v>19</v>
      </c>
      <c r="AH40971">
        <v>19</v>
      </c>
      <c r="AI40971">
        <v>20</v>
      </c>
      <c r="AJ40971">
        <v>20</v>
      </c>
      <c r="AK40971">
        <v>20</v>
      </c>
      <c r="AL40971">
        <v>20</v>
      </c>
      <c r="AM40971">
        <v>21</v>
      </c>
      <c r="AN40971">
        <v>21</v>
      </c>
      <c r="AO40971">
        <v>21</v>
      </c>
      <c r="AP40971">
        <v>22</v>
      </c>
      <c r="AQ40971">
        <v>22</v>
      </c>
    </row>
    <row r="40972" spans="1:43">
      <c r="A40972" t="s">
        <v>25283</v>
      </c>
      <c r="B40972" t="s">
        <v>25284</v>
      </c>
      <c r="C40972" t="s">
        <v>11128</v>
      </c>
      <c r="D40972" t="s">
        <v>11129</v>
      </c>
      <c r="E40972" t="s">
        <v>10982</v>
      </c>
      <c r="F40972" t="s">
        <v>10983</v>
      </c>
      <c r="G40972" t="s">
        <v>10734</v>
      </c>
      <c r="H40972" t="s">
        <v>10735</v>
      </c>
      <c r="I40972" s="2">
        <v>1</v>
      </c>
      <c r="J40972" s="2">
        <v>0</v>
      </c>
      <c r="K40972" s="2">
        <v>0</v>
      </c>
      <c r="L40972" t="s">
        <v>120</v>
      </c>
      <c r="M40972" t="s">
        <v>89</v>
      </c>
      <c r="N40972" t="s">
        <v>90</v>
      </c>
      <c r="O40972" t="s">
        <v>85</v>
      </c>
      <c r="P40972" t="s">
        <v>86</v>
      </c>
      <c r="Q40972">
        <v>16</v>
      </c>
      <c r="R40972">
        <v>16</v>
      </c>
      <c r="S40972">
        <v>17</v>
      </c>
      <c r="T40972">
        <v>17</v>
      </c>
      <c r="U40972">
        <v>18</v>
      </c>
      <c r="V40972">
        <v>18</v>
      </c>
      <c r="W40972">
        <v>19</v>
      </c>
      <c r="X40972">
        <v>19</v>
      </c>
      <c r="Y40972">
        <v>20</v>
      </c>
      <c r="Z40972">
        <v>20</v>
      </c>
      <c r="AA40972">
        <v>21</v>
      </c>
      <c r="AB40972">
        <v>21</v>
      </c>
      <c r="AC40972">
        <v>22</v>
      </c>
      <c r="AD40972">
        <v>22</v>
      </c>
      <c r="AE40972">
        <v>22</v>
      </c>
      <c r="AF40972">
        <v>23</v>
      </c>
      <c r="AG40972">
        <v>23</v>
      </c>
      <c r="AH40972">
        <v>23</v>
      </c>
      <c r="AI40972">
        <v>23</v>
      </c>
      <c r="AJ40972">
        <v>23</v>
      </c>
      <c r="AK40972">
        <v>24</v>
      </c>
      <c r="AL40972">
        <v>24</v>
      </c>
      <c r="AM40972">
        <v>24</v>
      </c>
      <c r="AN40972">
        <v>24</v>
      </c>
      <c r="AO40972">
        <v>25</v>
      </c>
      <c r="AP40972">
        <v>25</v>
      </c>
      <c r="AQ40972">
        <v>25</v>
      </c>
    </row>
    <row r="40973" spans="1:43">
      <c r="A40973" t="s">
        <v>25283</v>
      </c>
      <c r="B40973" t="s">
        <v>25284</v>
      </c>
      <c r="C40973" t="s">
        <v>11128</v>
      </c>
      <c r="D40973" t="s">
        <v>11129</v>
      </c>
      <c r="E40973" t="s">
        <v>10982</v>
      </c>
      <c r="F40973" t="s">
        <v>10983</v>
      </c>
      <c r="G40973" t="s">
        <v>10734</v>
      </c>
      <c r="H40973" t="s">
        <v>10735</v>
      </c>
      <c r="I40973" s="2">
        <v>1</v>
      </c>
      <c r="J40973" s="2">
        <v>0</v>
      </c>
      <c r="K40973" s="2">
        <v>0</v>
      </c>
      <c r="L40973" t="s">
        <v>120</v>
      </c>
      <c r="M40973" t="s">
        <v>83</v>
      </c>
      <c r="N40973" t="s">
        <v>91</v>
      </c>
      <c r="O40973" t="s">
        <v>85</v>
      </c>
      <c r="P40973" t="s">
        <v>86</v>
      </c>
      <c r="Q40973">
        <v>16</v>
      </c>
      <c r="R40973">
        <v>16</v>
      </c>
      <c r="S40973">
        <v>16</v>
      </c>
      <c r="T40973">
        <v>17</v>
      </c>
      <c r="U40973">
        <v>17</v>
      </c>
      <c r="V40973">
        <v>18</v>
      </c>
      <c r="W40973">
        <v>18</v>
      </c>
      <c r="X40973">
        <v>18</v>
      </c>
      <c r="Y40973">
        <v>19</v>
      </c>
      <c r="Z40973">
        <v>19</v>
      </c>
      <c r="AA40973">
        <v>19</v>
      </c>
      <c r="AB40973">
        <v>20</v>
      </c>
      <c r="AC40973">
        <v>20</v>
      </c>
      <c r="AD40973">
        <v>21</v>
      </c>
      <c r="AE40973">
        <v>21</v>
      </c>
      <c r="AF40973">
        <v>21</v>
      </c>
      <c r="AG40973">
        <v>22</v>
      </c>
      <c r="AH40973">
        <v>22</v>
      </c>
      <c r="AI40973">
        <v>23</v>
      </c>
      <c r="AJ40973">
        <v>23</v>
      </c>
      <c r="AK40973">
        <v>24</v>
      </c>
      <c r="AL40973">
        <v>24</v>
      </c>
      <c r="AM40973">
        <v>24</v>
      </c>
      <c r="AN40973">
        <v>24</v>
      </c>
      <c r="AO40973">
        <v>25</v>
      </c>
      <c r="AP40973">
        <v>25</v>
      </c>
      <c r="AQ40973">
        <v>25</v>
      </c>
    </row>
    <row r="40974" spans="1:43">
      <c r="A40974" t="s">
        <v>25285</v>
      </c>
      <c r="B40974" t="s">
        <v>25286</v>
      </c>
      <c r="C40974" t="s">
        <v>11128</v>
      </c>
      <c r="D40974" t="s">
        <v>11129</v>
      </c>
      <c r="E40974" t="s">
        <v>10982</v>
      </c>
      <c r="F40974" t="s">
        <v>10983</v>
      </c>
      <c r="G40974" t="s">
        <v>10734</v>
      </c>
      <c r="H40974" t="s">
        <v>10735</v>
      </c>
      <c r="I40974" s="2">
        <v>1</v>
      </c>
      <c r="J40974" s="2">
        <v>0</v>
      </c>
      <c r="K40974" s="2">
        <v>0</v>
      </c>
      <c r="L40974" t="s">
        <v>120</v>
      </c>
      <c r="M40974" t="s">
        <v>83</v>
      </c>
      <c r="N40974" t="s">
        <v>84</v>
      </c>
      <c r="O40974" t="s">
        <v>85</v>
      </c>
      <c r="P40974" t="s">
        <v>86</v>
      </c>
      <c r="Q40974">
        <v>15</v>
      </c>
      <c r="R40974">
        <v>16</v>
      </c>
      <c r="S40974">
        <v>16</v>
      </c>
      <c r="T40974">
        <v>16</v>
      </c>
      <c r="U40974">
        <v>17</v>
      </c>
      <c r="V40974">
        <v>17</v>
      </c>
      <c r="W40974">
        <v>17</v>
      </c>
      <c r="X40974">
        <v>18</v>
      </c>
      <c r="Y40974">
        <v>18</v>
      </c>
      <c r="Z40974">
        <v>19</v>
      </c>
      <c r="AA40974">
        <v>19</v>
      </c>
      <c r="AB40974">
        <v>19</v>
      </c>
      <c r="AC40974">
        <v>20</v>
      </c>
      <c r="AD40974">
        <v>20</v>
      </c>
      <c r="AE40974">
        <v>20</v>
      </c>
      <c r="AF40974">
        <v>21</v>
      </c>
      <c r="AG40974">
        <v>21</v>
      </c>
      <c r="AH40974">
        <v>22</v>
      </c>
      <c r="AI40974">
        <v>22</v>
      </c>
      <c r="AJ40974">
        <v>23</v>
      </c>
      <c r="AK40974">
        <v>23</v>
      </c>
      <c r="AL40974">
        <v>23</v>
      </c>
      <c r="AM40974">
        <v>23</v>
      </c>
      <c r="AN40974">
        <v>24</v>
      </c>
      <c r="AO40974">
        <v>24</v>
      </c>
      <c r="AP40974">
        <v>24</v>
      </c>
      <c r="AQ40974">
        <v>24</v>
      </c>
    </row>
    <row r="40975" spans="1:43">
      <c r="A40975" t="s">
        <v>25285</v>
      </c>
      <c r="B40975" t="s">
        <v>25286</v>
      </c>
      <c r="C40975" t="s">
        <v>11128</v>
      </c>
      <c r="D40975" t="s">
        <v>11129</v>
      </c>
      <c r="E40975" t="s">
        <v>10982</v>
      </c>
      <c r="F40975" t="s">
        <v>10983</v>
      </c>
      <c r="G40975" t="s">
        <v>10734</v>
      </c>
      <c r="H40975" t="s">
        <v>10735</v>
      </c>
      <c r="I40975" s="2">
        <v>1</v>
      </c>
      <c r="J40975" s="2">
        <v>0</v>
      </c>
      <c r="K40975" s="2">
        <v>0</v>
      </c>
      <c r="L40975" t="s">
        <v>120</v>
      </c>
      <c r="M40975" t="s">
        <v>87</v>
      </c>
      <c r="N40975" t="s">
        <v>88</v>
      </c>
      <c r="O40975" t="s">
        <v>85</v>
      </c>
      <c r="P40975" t="s">
        <v>86</v>
      </c>
      <c r="Q40975">
        <v>15</v>
      </c>
      <c r="R40975">
        <v>15</v>
      </c>
      <c r="S40975">
        <v>16</v>
      </c>
      <c r="T40975">
        <v>16</v>
      </c>
      <c r="U40975">
        <v>16</v>
      </c>
      <c r="V40975">
        <v>16</v>
      </c>
      <c r="W40975">
        <v>16</v>
      </c>
      <c r="X40975">
        <v>17</v>
      </c>
      <c r="Y40975">
        <v>17</v>
      </c>
      <c r="Z40975">
        <v>17</v>
      </c>
      <c r="AA40975">
        <v>17</v>
      </c>
      <c r="AB40975">
        <v>17</v>
      </c>
      <c r="AC40975">
        <v>18</v>
      </c>
      <c r="AD40975">
        <v>18</v>
      </c>
      <c r="AE40975">
        <v>18</v>
      </c>
      <c r="AF40975">
        <v>18</v>
      </c>
      <c r="AG40975">
        <v>19</v>
      </c>
      <c r="AH40975">
        <v>19</v>
      </c>
      <c r="AI40975">
        <v>19</v>
      </c>
      <c r="AJ40975">
        <v>19</v>
      </c>
      <c r="AK40975">
        <v>20</v>
      </c>
      <c r="AL40975">
        <v>20</v>
      </c>
      <c r="AM40975">
        <v>20</v>
      </c>
      <c r="AN40975">
        <v>20</v>
      </c>
      <c r="AO40975">
        <v>21</v>
      </c>
      <c r="AP40975">
        <v>21</v>
      </c>
      <c r="AQ40975">
        <v>21</v>
      </c>
    </row>
    <row r="40976" spans="1:43">
      <c r="A40976" t="s">
        <v>25285</v>
      </c>
      <c r="B40976" t="s">
        <v>25286</v>
      </c>
      <c r="C40976" t="s">
        <v>11128</v>
      </c>
      <c r="D40976" t="s">
        <v>11129</v>
      </c>
      <c r="E40976" t="s">
        <v>10982</v>
      </c>
      <c r="F40976" t="s">
        <v>10983</v>
      </c>
      <c r="G40976" t="s">
        <v>10734</v>
      </c>
      <c r="H40976" t="s">
        <v>10735</v>
      </c>
      <c r="I40976" s="2">
        <v>1</v>
      </c>
      <c r="J40976" s="2">
        <v>0</v>
      </c>
      <c r="K40976" s="2">
        <v>0</v>
      </c>
      <c r="L40976" t="s">
        <v>120</v>
      </c>
      <c r="M40976" t="s">
        <v>89</v>
      </c>
      <c r="N40976" t="s">
        <v>90</v>
      </c>
      <c r="O40976" t="s">
        <v>85</v>
      </c>
      <c r="P40976" t="s">
        <v>86</v>
      </c>
      <c r="Q40976">
        <v>15</v>
      </c>
      <c r="R40976">
        <v>16</v>
      </c>
      <c r="S40976">
        <v>16</v>
      </c>
      <c r="T40976">
        <v>17</v>
      </c>
      <c r="U40976">
        <v>17</v>
      </c>
      <c r="V40976">
        <v>18</v>
      </c>
      <c r="W40976">
        <v>18</v>
      </c>
      <c r="X40976">
        <v>19</v>
      </c>
      <c r="Y40976">
        <v>19</v>
      </c>
      <c r="Z40976">
        <v>20</v>
      </c>
      <c r="AA40976">
        <v>20</v>
      </c>
      <c r="AB40976">
        <v>21</v>
      </c>
      <c r="AC40976">
        <v>21</v>
      </c>
      <c r="AD40976">
        <v>22</v>
      </c>
      <c r="AE40976">
        <v>22</v>
      </c>
      <c r="AF40976">
        <v>22</v>
      </c>
      <c r="AG40976">
        <v>22</v>
      </c>
      <c r="AH40976">
        <v>23</v>
      </c>
      <c r="AI40976">
        <v>23</v>
      </c>
      <c r="AJ40976">
        <v>23</v>
      </c>
      <c r="AK40976">
        <v>23</v>
      </c>
      <c r="AL40976">
        <v>23</v>
      </c>
      <c r="AM40976">
        <v>24</v>
      </c>
      <c r="AN40976">
        <v>24</v>
      </c>
      <c r="AO40976">
        <v>24</v>
      </c>
      <c r="AP40976">
        <v>24</v>
      </c>
      <c r="AQ40976">
        <v>24</v>
      </c>
    </row>
    <row r="40977" spans="1:43">
      <c r="A40977" t="s">
        <v>25285</v>
      </c>
      <c r="B40977" t="s">
        <v>25286</v>
      </c>
      <c r="C40977" t="s">
        <v>11128</v>
      </c>
      <c r="D40977" t="s">
        <v>11129</v>
      </c>
      <c r="E40977" t="s">
        <v>10982</v>
      </c>
      <c r="F40977" t="s">
        <v>10983</v>
      </c>
      <c r="G40977" t="s">
        <v>10734</v>
      </c>
      <c r="H40977" t="s">
        <v>10735</v>
      </c>
      <c r="I40977" s="2">
        <v>1</v>
      </c>
      <c r="J40977" s="2">
        <v>0</v>
      </c>
      <c r="K40977" s="2">
        <v>0</v>
      </c>
      <c r="L40977" t="s">
        <v>120</v>
      </c>
      <c r="M40977" t="s">
        <v>83</v>
      </c>
      <c r="N40977" t="s">
        <v>91</v>
      </c>
      <c r="O40977" t="s">
        <v>85</v>
      </c>
      <c r="P40977" t="s">
        <v>86</v>
      </c>
      <c r="Q40977">
        <v>15</v>
      </c>
      <c r="R40977">
        <v>16</v>
      </c>
      <c r="S40977">
        <v>16</v>
      </c>
      <c r="T40977">
        <v>16</v>
      </c>
      <c r="U40977">
        <v>17</v>
      </c>
      <c r="V40977">
        <v>17</v>
      </c>
      <c r="W40977">
        <v>17</v>
      </c>
      <c r="X40977">
        <v>18</v>
      </c>
      <c r="Y40977">
        <v>18</v>
      </c>
      <c r="Z40977">
        <v>19</v>
      </c>
      <c r="AA40977">
        <v>19</v>
      </c>
      <c r="AB40977">
        <v>19</v>
      </c>
      <c r="AC40977">
        <v>20</v>
      </c>
      <c r="AD40977">
        <v>20</v>
      </c>
      <c r="AE40977">
        <v>20</v>
      </c>
      <c r="AF40977">
        <v>21</v>
      </c>
      <c r="AG40977">
        <v>21</v>
      </c>
      <c r="AH40977">
        <v>22</v>
      </c>
      <c r="AI40977">
        <v>22</v>
      </c>
      <c r="AJ40977">
        <v>23</v>
      </c>
      <c r="AK40977">
        <v>23</v>
      </c>
      <c r="AL40977">
        <v>23</v>
      </c>
      <c r="AM40977">
        <v>23</v>
      </c>
      <c r="AN40977">
        <v>24</v>
      </c>
      <c r="AO40977">
        <v>24</v>
      </c>
      <c r="AP40977">
        <v>24</v>
      </c>
      <c r="AQ40977">
        <v>24</v>
      </c>
    </row>
    <row r="40978" spans="1:43">
      <c r="A40978" t="s">
        <v>25287</v>
      </c>
      <c r="B40978" t="s">
        <v>25288</v>
      </c>
      <c r="C40978" t="s">
        <v>11028</v>
      </c>
      <c r="D40978" t="s">
        <v>11029</v>
      </c>
      <c r="E40978" t="s">
        <v>10982</v>
      </c>
      <c r="F40978" t="s">
        <v>10983</v>
      </c>
      <c r="G40978" t="s">
        <v>10734</v>
      </c>
      <c r="H40978" t="s">
        <v>10735</v>
      </c>
      <c r="I40978" s="2">
        <v>1</v>
      </c>
      <c r="J40978" s="2">
        <v>0</v>
      </c>
      <c r="K40978" s="2">
        <v>0</v>
      </c>
      <c r="L40978" t="s">
        <v>120</v>
      </c>
      <c r="M40978" t="s">
        <v>83</v>
      </c>
      <c r="N40978" t="s">
        <v>84</v>
      </c>
      <c r="O40978" t="s">
        <v>85</v>
      </c>
      <c r="P40978" t="s">
        <v>86</v>
      </c>
      <c r="Q40978">
        <v>16</v>
      </c>
      <c r="R40978">
        <v>16</v>
      </c>
      <c r="S40978">
        <v>16</v>
      </c>
      <c r="T40978">
        <v>17</v>
      </c>
      <c r="U40978">
        <v>17</v>
      </c>
      <c r="V40978">
        <v>18</v>
      </c>
      <c r="W40978">
        <v>18</v>
      </c>
      <c r="X40978">
        <v>18</v>
      </c>
      <c r="Y40978">
        <v>19</v>
      </c>
      <c r="Z40978">
        <v>19</v>
      </c>
      <c r="AA40978">
        <v>19</v>
      </c>
      <c r="AB40978">
        <v>20</v>
      </c>
      <c r="AC40978">
        <v>20</v>
      </c>
      <c r="AD40978">
        <v>21</v>
      </c>
      <c r="AE40978">
        <v>21</v>
      </c>
      <c r="AF40978">
        <v>21</v>
      </c>
      <c r="AG40978">
        <v>22</v>
      </c>
      <c r="AH40978">
        <v>22</v>
      </c>
      <c r="AI40978">
        <v>23</v>
      </c>
      <c r="AJ40978">
        <v>23</v>
      </c>
      <c r="AK40978">
        <v>24</v>
      </c>
      <c r="AL40978">
        <v>24</v>
      </c>
      <c r="AM40978">
        <v>24</v>
      </c>
      <c r="AN40978">
        <v>24</v>
      </c>
      <c r="AO40978">
        <v>25</v>
      </c>
      <c r="AP40978">
        <v>25</v>
      </c>
      <c r="AQ40978">
        <v>25</v>
      </c>
    </row>
    <row r="40979" spans="1:43">
      <c r="A40979" t="s">
        <v>25287</v>
      </c>
      <c r="B40979" t="s">
        <v>25288</v>
      </c>
      <c r="C40979" t="s">
        <v>11028</v>
      </c>
      <c r="D40979" t="s">
        <v>11029</v>
      </c>
      <c r="E40979" t="s">
        <v>10982</v>
      </c>
      <c r="F40979" t="s">
        <v>10983</v>
      </c>
      <c r="G40979" t="s">
        <v>10734</v>
      </c>
      <c r="H40979" t="s">
        <v>10735</v>
      </c>
      <c r="I40979" s="2">
        <v>1</v>
      </c>
      <c r="J40979" s="2">
        <v>0</v>
      </c>
      <c r="K40979" s="2">
        <v>0</v>
      </c>
      <c r="L40979" t="s">
        <v>120</v>
      </c>
      <c r="M40979" t="s">
        <v>87</v>
      </c>
      <c r="N40979" t="s">
        <v>88</v>
      </c>
      <c r="O40979" t="s">
        <v>85</v>
      </c>
      <c r="P40979" t="s">
        <v>86</v>
      </c>
      <c r="Q40979">
        <v>16</v>
      </c>
      <c r="R40979">
        <v>16</v>
      </c>
      <c r="S40979">
        <v>16</v>
      </c>
      <c r="T40979">
        <v>16</v>
      </c>
      <c r="U40979">
        <v>16</v>
      </c>
      <c r="V40979">
        <v>17</v>
      </c>
      <c r="W40979">
        <v>17</v>
      </c>
      <c r="X40979">
        <v>17</v>
      </c>
      <c r="Y40979">
        <v>17</v>
      </c>
      <c r="Z40979">
        <v>17</v>
      </c>
      <c r="AA40979">
        <v>18</v>
      </c>
      <c r="AB40979">
        <v>18</v>
      </c>
      <c r="AC40979">
        <v>18</v>
      </c>
      <c r="AD40979">
        <v>18</v>
      </c>
      <c r="AE40979">
        <v>19</v>
      </c>
      <c r="AF40979">
        <v>19</v>
      </c>
      <c r="AG40979">
        <v>19</v>
      </c>
      <c r="AH40979">
        <v>19</v>
      </c>
      <c r="AI40979">
        <v>20</v>
      </c>
      <c r="AJ40979">
        <v>20</v>
      </c>
      <c r="AK40979">
        <v>20</v>
      </c>
      <c r="AL40979">
        <v>20</v>
      </c>
      <c r="AM40979">
        <v>21</v>
      </c>
      <c r="AN40979">
        <v>21</v>
      </c>
      <c r="AO40979">
        <v>21</v>
      </c>
      <c r="AP40979">
        <v>22</v>
      </c>
      <c r="AQ40979">
        <v>22</v>
      </c>
    </row>
    <row r="40980" spans="1:43">
      <c r="A40980" t="s">
        <v>25287</v>
      </c>
      <c r="B40980" t="s">
        <v>25288</v>
      </c>
      <c r="C40980" t="s">
        <v>11028</v>
      </c>
      <c r="D40980" t="s">
        <v>11029</v>
      </c>
      <c r="E40980" t="s">
        <v>10982</v>
      </c>
      <c r="F40980" t="s">
        <v>10983</v>
      </c>
      <c r="G40980" t="s">
        <v>10734</v>
      </c>
      <c r="H40980" t="s">
        <v>10735</v>
      </c>
      <c r="I40980" s="2">
        <v>1</v>
      </c>
      <c r="J40980" s="2">
        <v>0</v>
      </c>
      <c r="K40980" s="2">
        <v>0</v>
      </c>
      <c r="L40980" t="s">
        <v>120</v>
      </c>
      <c r="M40980" t="s">
        <v>89</v>
      </c>
      <c r="N40980" t="s">
        <v>90</v>
      </c>
      <c r="O40980" t="s">
        <v>85</v>
      </c>
      <c r="P40980" t="s">
        <v>86</v>
      </c>
      <c r="Q40980">
        <v>16</v>
      </c>
      <c r="R40980">
        <v>16</v>
      </c>
      <c r="S40980">
        <v>17</v>
      </c>
      <c r="T40980">
        <v>17</v>
      </c>
      <c r="U40980">
        <v>18</v>
      </c>
      <c r="V40980">
        <v>18</v>
      </c>
      <c r="W40980">
        <v>19</v>
      </c>
      <c r="X40980">
        <v>19</v>
      </c>
      <c r="Y40980">
        <v>20</v>
      </c>
      <c r="Z40980">
        <v>20</v>
      </c>
      <c r="AA40980">
        <v>21</v>
      </c>
      <c r="AB40980">
        <v>21</v>
      </c>
      <c r="AC40980">
        <v>22</v>
      </c>
      <c r="AD40980">
        <v>22</v>
      </c>
      <c r="AE40980">
        <v>23</v>
      </c>
      <c r="AF40980">
        <v>23</v>
      </c>
      <c r="AG40980">
        <v>23</v>
      </c>
      <c r="AH40980">
        <v>23</v>
      </c>
      <c r="AI40980">
        <v>23</v>
      </c>
      <c r="AJ40980">
        <v>24</v>
      </c>
      <c r="AK40980">
        <v>24</v>
      </c>
      <c r="AL40980">
        <v>24</v>
      </c>
      <c r="AM40980">
        <v>24</v>
      </c>
      <c r="AN40980">
        <v>24</v>
      </c>
      <c r="AO40980">
        <v>25</v>
      </c>
      <c r="AP40980">
        <v>25</v>
      </c>
      <c r="AQ40980">
        <v>25</v>
      </c>
    </row>
    <row r="40981" spans="1:43">
      <c r="A40981" t="s">
        <v>25287</v>
      </c>
      <c r="B40981" t="s">
        <v>25288</v>
      </c>
      <c r="C40981" t="s">
        <v>11028</v>
      </c>
      <c r="D40981" t="s">
        <v>11029</v>
      </c>
      <c r="E40981" t="s">
        <v>10982</v>
      </c>
      <c r="F40981" t="s">
        <v>10983</v>
      </c>
      <c r="G40981" t="s">
        <v>10734</v>
      </c>
      <c r="H40981" t="s">
        <v>10735</v>
      </c>
      <c r="I40981" s="2">
        <v>1</v>
      </c>
      <c r="J40981" s="2">
        <v>0</v>
      </c>
      <c r="K40981" s="2">
        <v>0</v>
      </c>
      <c r="L40981" t="s">
        <v>120</v>
      </c>
      <c r="M40981" t="s">
        <v>83</v>
      </c>
      <c r="N40981" t="s">
        <v>91</v>
      </c>
      <c r="O40981" t="s">
        <v>85</v>
      </c>
      <c r="P40981" t="s">
        <v>86</v>
      </c>
      <c r="Q40981">
        <v>16</v>
      </c>
      <c r="R40981">
        <v>16</v>
      </c>
      <c r="S40981">
        <v>16</v>
      </c>
      <c r="T40981">
        <v>17</v>
      </c>
      <c r="U40981">
        <v>17</v>
      </c>
      <c r="V40981">
        <v>18</v>
      </c>
      <c r="W40981">
        <v>18</v>
      </c>
      <c r="X40981">
        <v>18</v>
      </c>
      <c r="Y40981">
        <v>19</v>
      </c>
      <c r="Z40981">
        <v>19</v>
      </c>
      <c r="AA40981">
        <v>19</v>
      </c>
      <c r="AB40981">
        <v>20</v>
      </c>
      <c r="AC40981">
        <v>20</v>
      </c>
      <c r="AD40981">
        <v>21</v>
      </c>
      <c r="AE40981">
        <v>21</v>
      </c>
      <c r="AF40981">
        <v>21</v>
      </c>
      <c r="AG40981">
        <v>22</v>
      </c>
      <c r="AH40981">
        <v>22</v>
      </c>
      <c r="AI40981">
        <v>23</v>
      </c>
      <c r="AJ40981">
        <v>23</v>
      </c>
      <c r="AK40981">
        <v>24</v>
      </c>
      <c r="AL40981">
        <v>24</v>
      </c>
      <c r="AM40981">
        <v>24</v>
      </c>
      <c r="AN40981">
        <v>24</v>
      </c>
      <c r="AO40981">
        <v>25</v>
      </c>
      <c r="AP40981">
        <v>25</v>
      </c>
      <c r="AQ40981">
        <v>25</v>
      </c>
    </row>
    <row r="40982" spans="1:43">
      <c r="A40982" t="s">
        <v>25289</v>
      </c>
      <c r="B40982" t="s">
        <v>25290</v>
      </c>
      <c r="C40982" t="s">
        <v>11128</v>
      </c>
      <c r="D40982" t="s">
        <v>11129</v>
      </c>
      <c r="E40982" t="s">
        <v>10982</v>
      </c>
      <c r="F40982" t="s">
        <v>10983</v>
      </c>
      <c r="G40982" t="s">
        <v>10734</v>
      </c>
      <c r="H40982" t="s">
        <v>10735</v>
      </c>
      <c r="I40982" s="2">
        <v>1</v>
      </c>
      <c r="J40982" s="2">
        <v>0</v>
      </c>
      <c r="K40982" s="2">
        <v>0</v>
      </c>
      <c r="L40982" t="s">
        <v>120</v>
      </c>
      <c r="M40982" t="s">
        <v>83</v>
      </c>
      <c r="N40982" t="s">
        <v>84</v>
      </c>
      <c r="O40982" t="s">
        <v>85</v>
      </c>
      <c r="P40982" t="s">
        <v>86</v>
      </c>
      <c r="Q40982">
        <v>15</v>
      </c>
      <c r="R40982">
        <v>16</v>
      </c>
      <c r="S40982">
        <v>16</v>
      </c>
      <c r="T40982">
        <v>16</v>
      </c>
      <c r="U40982">
        <v>17</v>
      </c>
      <c r="V40982">
        <v>17</v>
      </c>
      <c r="W40982">
        <v>17</v>
      </c>
      <c r="X40982">
        <v>18</v>
      </c>
      <c r="Y40982">
        <v>18</v>
      </c>
      <c r="Z40982">
        <v>19</v>
      </c>
      <c r="AA40982">
        <v>19</v>
      </c>
      <c r="AB40982">
        <v>19</v>
      </c>
      <c r="AC40982">
        <v>20</v>
      </c>
      <c r="AD40982">
        <v>20</v>
      </c>
      <c r="AE40982">
        <v>20</v>
      </c>
      <c r="AF40982">
        <v>21</v>
      </c>
      <c r="AG40982">
        <v>21</v>
      </c>
      <c r="AH40982">
        <v>22</v>
      </c>
      <c r="AI40982">
        <v>22</v>
      </c>
      <c r="AJ40982">
        <v>23</v>
      </c>
      <c r="AK40982">
        <v>23</v>
      </c>
      <c r="AL40982">
        <v>23</v>
      </c>
      <c r="AM40982">
        <v>23</v>
      </c>
      <c r="AN40982">
        <v>24</v>
      </c>
      <c r="AO40982">
        <v>24</v>
      </c>
      <c r="AP40982">
        <v>24</v>
      </c>
      <c r="AQ40982">
        <v>24</v>
      </c>
    </row>
    <row r="40983" spans="1:43">
      <c r="A40983" t="s">
        <v>25289</v>
      </c>
      <c r="B40983" t="s">
        <v>25290</v>
      </c>
      <c r="C40983" t="s">
        <v>11128</v>
      </c>
      <c r="D40983" t="s">
        <v>11129</v>
      </c>
      <c r="E40983" t="s">
        <v>10982</v>
      </c>
      <c r="F40983" t="s">
        <v>10983</v>
      </c>
      <c r="G40983" t="s">
        <v>10734</v>
      </c>
      <c r="H40983" t="s">
        <v>10735</v>
      </c>
      <c r="I40983" s="2">
        <v>1</v>
      </c>
      <c r="J40983" s="2">
        <v>0</v>
      </c>
      <c r="K40983" s="2">
        <v>0</v>
      </c>
      <c r="L40983" t="s">
        <v>120</v>
      </c>
      <c r="M40983" t="s">
        <v>87</v>
      </c>
      <c r="N40983" t="s">
        <v>88</v>
      </c>
      <c r="O40983" t="s">
        <v>85</v>
      </c>
      <c r="P40983" t="s">
        <v>86</v>
      </c>
      <c r="Q40983">
        <v>15</v>
      </c>
      <c r="R40983">
        <v>15</v>
      </c>
      <c r="S40983">
        <v>16</v>
      </c>
      <c r="T40983">
        <v>16</v>
      </c>
      <c r="U40983">
        <v>16</v>
      </c>
      <c r="V40983">
        <v>16</v>
      </c>
      <c r="W40983">
        <v>16</v>
      </c>
      <c r="X40983">
        <v>17</v>
      </c>
      <c r="Y40983">
        <v>17</v>
      </c>
      <c r="Z40983">
        <v>17</v>
      </c>
      <c r="AA40983">
        <v>17</v>
      </c>
      <c r="AB40983">
        <v>17</v>
      </c>
      <c r="AC40983">
        <v>18</v>
      </c>
      <c r="AD40983">
        <v>18</v>
      </c>
      <c r="AE40983">
        <v>18</v>
      </c>
      <c r="AF40983">
        <v>18</v>
      </c>
      <c r="AG40983">
        <v>19</v>
      </c>
      <c r="AH40983">
        <v>19</v>
      </c>
      <c r="AI40983">
        <v>19</v>
      </c>
      <c r="AJ40983">
        <v>19</v>
      </c>
      <c r="AK40983">
        <v>20</v>
      </c>
      <c r="AL40983">
        <v>20</v>
      </c>
      <c r="AM40983">
        <v>20</v>
      </c>
      <c r="AN40983">
        <v>20</v>
      </c>
      <c r="AO40983">
        <v>21</v>
      </c>
      <c r="AP40983">
        <v>21</v>
      </c>
      <c r="AQ40983">
        <v>21</v>
      </c>
    </row>
    <row r="40984" spans="1:43">
      <c r="A40984" t="s">
        <v>25289</v>
      </c>
      <c r="B40984" t="s">
        <v>25290</v>
      </c>
      <c r="C40984" t="s">
        <v>11128</v>
      </c>
      <c r="D40984" t="s">
        <v>11129</v>
      </c>
      <c r="E40984" t="s">
        <v>10982</v>
      </c>
      <c r="F40984" t="s">
        <v>10983</v>
      </c>
      <c r="G40984" t="s">
        <v>10734</v>
      </c>
      <c r="H40984" t="s">
        <v>10735</v>
      </c>
      <c r="I40984" s="2">
        <v>1</v>
      </c>
      <c r="J40984" s="2">
        <v>0</v>
      </c>
      <c r="K40984" s="2">
        <v>0</v>
      </c>
      <c r="L40984" t="s">
        <v>120</v>
      </c>
      <c r="M40984" t="s">
        <v>89</v>
      </c>
      <c r="N40984" t="s">
        <v>90</v>
      </c>
      <c r="O40984" t="s">
        <v>85</v>
      </c>
      <c r="P40984" t="s">
        <v>86</v>
      </c>
      <c r="Q40984">
        <v>15</v>
      </c>
      <c r="R40984">
        <v>16</v>
      </c>
      <c r="S40984">
        <v>16</v>
      </c>
      <c r="T40984">
        <v>17</v>
      </c>
      <c r="U40984">
        <v>17</v>
      </c>
      <c r="V40984">
        <v>18</v>
      </c>
      <c r="W40984">
        <v>18</v>
      </c>
      <c r="X40984">
        <v>19</v>
      </c>
      <c r="Y40984">
        <v>19</v>
      </c>
      <c r="Z40984">
        <v>20</v>
      </c>
      <c r="AA40984">
        <v>20</v>
      </c>
      <c r="AB40984">
        <v>21</v>
      </c>
      <c r="AC40984">
        <v>21</v>
      </c>
      <c r="AD40984">
        <v>22</v>
      </c>
      <c r="AE40984">
        <v>22</v>
      </c>
      <c r="AF40984">
        <v>22</v>
      </c>
      <c r="AG40984">
        <v>22</v>
      </c>
      <c r="AH40984">
        <v>22</v>
      </c>
      <c r="AI40984">
        <v>23</v>
      </c>
      <c r="AJ40984">
        <v>23</v>
      </c>
      <c r="AK40984">
        <v>23</v>
      </c>
      <c r="AL40984">
        <v>23</v>
      </c>
      <c r="AM40984">
        <v>24</v>
      </c>
      <c r="AN40984">
        <v>24</v>
      </c>
      <c r="AO40984">
        <v>24</v>
      </c>
      <c r="AP40984">
        <v>24</v>
      </c>
      <c r="AQ40984">
        <v>24</v>
      </c>
    </row>
    <row r="40985" spans="1:43">
      <c r="A40985" t="s">
        <v>25289</v>
      </c>
      <c r="B40985" t="s">
        <v>25290</v>
      </c>
      <c r="C40985" t="s">
        <v>11128</v>
      </c>
      <c r="D40985" t="s">
        <v>11129</v>
      </c>
      <c r="E40985" t="s">
        <v>10982</v>
      </c>
      <c r="F40985" t="s">
        <v>10983</v>
      </c>
      <c r="G40985" t="s">
        <v>10734</v>
      </c>
      <c r="H40985" t="s">
        <v>10735</v>
      </c>
      <c r="I40985" s="2">
        <v>1</v>
      </c>
      <c r="J40985" s="2">
        <v>0</v>
      </c>
      <c r="K40985" s="2">
        <v>0</v>
      </c>
      <c r="L40985" t="s">
        <v>120</v>
      </c>
      <c r="M40985" t="s">
        <v>83</v>
      </c>
      <c r="N40985" t="s">
        <v>91</v>
      </c>
      <c r="O40985" t="s">
        <v>85</v>
      </c>
      <c r="P40985" t="s">
        <v>86</v>
      </c>
      <c r="Q40985">
        <v>15</v>
      </c>
      <c r="R40985">
        <v>16</v>
      </c>
      <c r="S40985">
        <v>16</v>
      </c>
      <c r="T40985">
        <v>16</v>
      </c>
      <c r="U40985">
        <v>17</v>
      </c>
      <c r="V40985">
        <v>17</v>
      </c>
      <c r="W40985">
        <v>17</v>
      </c>
      <c r="X40985">
        <v>18</v>
      </c>
      <c r="Y40985">
        <v>18</v>
      </c>
      <c r="Z40985">
        <v>19</v>
      </c>
      <c r="AA40985">
        <v>19</v>
      </c>
      <c r="AB40985">
        <v>19</v>
      </c>
      <c r="AC40985">
        <v>20</v>
      </c>
      <c r="AD40985">
        <v>20</v>
      </c>
      <c r="AE40985">
        <v>20</v>
      </c>
      <c r="AF40985">
        <v>21</v>
      </c>
      <c r="AG40985">
        <v>21</v>
      </c>
      <c r="AH40985">
        <v>22</v>
      </c>
      <c r="AI40985">
        <v>22</v>
      </c>
      <c r="AJ40985">
        <v>23</v>
      </c>
      <c r="AK40985">
        <v>23</v>
      </c>
      <c r="AL40985">
        <v>23</v>
      </c>
      <c r="AM40985">
        <v>23</v>
      </c>
      <c r="AN40985">
        <v>24</v>
      </c>
      <c r="AO40985">
        <v>24</v>
      </c>
      <c r="AP40985">
        <v>24</v>
      </c>
      <c r="AQ40985">
        <v>24</v>
      </c>
    </row>
    <row r="40986" spans="1:43">
      <c r="A40986" t="s">
        <v>25291</v>
      </c>
      <c r="B40986" t="s">
        <v>25292</v>
      </c>
      <c r="C40986" t="s">
        <v>11028</v>
      </c>
      <c r="D40986" t="s">
        <v>11029</v>
      </c>
      <c r="E40986" t="s">
        <v>10982</v>
      </c>
      <c r="F40986" t="s">
        <v>10983</v>
      </c>
      <c r="G40986" t="s">
        <v>10734</v>
      </c>
      <c r="H40986" t="s">
        <v>10735</v>
      </c>
      <c r="I40986" s="2">
        <v>1</v>
      </c>
      <c r="J40986" s="2">
        <v>0</v>
      </c>
      <c r="K40986" s="2">
        <v>0</v>
      </c>
      <c r="L40986" t="s">
        <v>120</v>
      </c>
      <c r="M40986" t="s">
        <v>83</v>
      </c>
      <c r="N40986" t="s">
        <v>84</v>
      </c>
      <c r="O40986" t="s">
        <v>85</v>
      </c>
      <c r="P40986" t="s">
        <v>86</v>
      </c>
      <c r="Q40986">
        <v>17</v>
      </c>
      <c r="R40986">
        <v>17</v>
      </c>
      <c r="S40986">
        <v>18</v>
      </c>
      <c r="T40986">
        <v>18</v>
      </c>
      <c r="U40986">
        <v>19</v>
      </c>
      <c r="V40986">
        <v>19</v>
      </c>
      <c r="W40986">
        <v>19</v>
      </c>
      <c r="X40986">
        <v>20</v>
      </c>
      <c r="Y40986">
        <v>20</v>
      </c>
      <c r="Z40986">
        <v>20</v>
      </c>
      <c r="AA40986">
        <v>21</v>
      </c>
      <c r="AB40986">
        <v>21</v>
      </c>
      <c r="AC40986">
        <v>22</v>
      </c>
      <c r="AD40986">
        <v>22</v>
      </c>
      <c r="AE40986">
        <v>23</v>
      </c>
      <c r="AF40986">
        <v>23</v>
      </c>
      <c r="AG40986">
        <v>24</v>
      </c>
      <c r="AH40986">
        <v>24</v>
      </c>
      <c r="AI40986">
        <v>24</v>
      </c>
      <c r="AJ40986">
        <v>25</v>
      </c>
      <c r="AK40986">
        <v>25</v>
      </c>
      <c r="AL40986">
        <v>26</v>
      </c>
      <c r="AM40986">
        <v>26</v>
      </c>
      <c r="AN40986">
        <v>26</v>
      </c>
      <c r="AO40986">
        <v>26</v>
      </c>
      <c r="AP40986">
        <v>27</v>
      </c>
      <c r="AQ40986">
        <v>27</v>
      </c>
    </row>
    <row r="40987" spans="1:43">
      <c r="A40987" t="s">
        <v>25291</v>
      </c>
      <c r="B40987" t="s">
        <v>25292</v>
      </c>
      <c r="C40987" t="s">
        <v>11028</v>
      </c>
      <c r="D40987" t="s">
        <v>11029</v>
      </c>
      <c r="E40987" t="s">
        <v>10982</v>
      </c>
      <c r="F40987" t="s">
        <v>10983</v>
      </c>
      <c r="G40987" t="s">
        <v>10734</v>
      </c>
      <c r="H40987" t="s">
        <v>10735</v>
      </c>
      <c r="I40987" s="2">
        <v>1</v>
      </c>
      <c r="J40987" s="2">
        <v>0</v>
      </c>
      <c r="K40987" s="2">
        <v>0</v>
      </c>
      <c r="L40987" t="s">
        <v>120</v>
      </c>
      <c r="M40987" t="s">
        <v>87</v>
      </c>
      <c r="N40987" t="s">
        <v>88</v>
      </c>
      <c r="O40987" t="s">
        <v>85</v>
      </c>
      <c r="P40987" t="s">
        <v>86</v>
      </c>
      <c r="Q40987">
        <v>17</v>
      </c>
      <c r="R40987">
        <v>17</v>
      </c>
      <c r="S40987">
        <v>17</v>
      </c>
      <c r="T40987">
        <v>17</v>
      </c>
      <c r="U40987">
        <v>18</v>
      </c>
      <c r="V40987">
        <v>18</v>
      </c>
      <c r="W40987">
        <v>18</v>
      </c>
      <c r="X40987">
        <v>18</v>
      </c>
      <c r="Y40987">
        <v>19</v>
      </c>
      <c r="Z40987">
        <v>19</v>
      </c>
      <c r="AA40987">
        <v>19</v>
      </c>
      <c r="AB40987">
        <v>19</v>
      </c>
      <c r="AC40987">
        <v>20</v>
      </c>
      <c r="AD40987">
        <v>20</v>
      </c>
      <c r="AE40987">
        <v>20</v>
      </c>
      <c r="AF40987">
        <v>20</v>
      </c>
      <c r="AG40987">
        <v>21</v>
      </c>
      <c r="AH40987">
        <v>21</v>
      </c>
      <c r="AI40987">
        <v>21</v>
      </c>
      <c r="AJ40987">
        <v>21</v>
      </c>
      <c r="AK40987">
        <v>22</v>
      </c>
      <c r="AL40987">
        <v>22</v>
      </c>
      <c r="AM40987">
        <v>22</v>
      </c>
      <c r="AN40987">
        <v>23</v>
      </c>
      <c r="AO40987">
        <v>23</v>
      </c>
      <c r="AP40987">
        <v>23</v>
      </c>
      <c r="AQ40987">
        <v>24</v>
      </c>
    </row>
    <row r="40988" spans="1:43">
      <c r="A40988" t="s">
        <v>25291</v>
      </c>
      <c r="B40988" t="s">
        <v>25292</v>
      </c>
      <c r="C40988" t="s">
        <v>11028</v>
      </c>
      <c r="D40988" t="s">
        <v>11029</v>
      </c>
      <c r="E40988" t="s">
        <v>10982</v>
      </c>
      <c r="F40988" t="s">
        <v>10983</v>
      </c>
      <c r="G40988" t="s">
        <v>10734</v>
      </c>
      <c r="H40988" t="s">
        <v>10735</v>
      </c>
      <c r="I40988" s="2">
        <v>1</v>
      </c>
      <c r="J40988" s="2">
        <v>0</v>
      </c>
      <c r="K40988" s="2">
        <v>0</v>
      </c>
      <c r="L40988" t="s">
        <v>120</v>
      </c>
      <c r="M40988" t="s">
        <v>89</v>
      </c>
      <c r="N40988" t="s">
        <v>90</v>
      </c>
      <c r="O40988" t="s">
        <v>85</v>
      </c>
      <c r="P40988" t="s">
        <v>86</v>
      </c>
      <c r="Q40988">
        <v>17</v>
      </c>
      <c r="R40988">
        <v>18</v>
      </c>
      <c r="S40988">
        <v>18</v>
      </c>
      <c r="T40988">
        <v>19</v>
      </c>
      <c r="U40988">
        <v>19</v>
      </c>
      <c r="V40988">
        <v>20</v>
      </c>
      <c r="W40988">
        <v>20</v>
      </c>
      <c r="X40988">
        <v>21</v>
      </c>
      <c r="Y40988">
        <v>21</v>
      </c>
      <c r="Z40988">
        <v>22</v>
      </c>
      <c r="AA40988">
        <v>22</v>
      </c>
      <c r="AB40988">
        <v>23</v>
      </c>
      <c r="AC40988">
        <v>23</v>
      </c>
      <c r="AD40988">
        <v>24</v>
      </c>
      <c r="AE40988">
        <v>24</v>
      </c>
      <c r="AF40988">
        <v>24</v>
      </c>
      <c r="AG40988">
        <v>25</v>
      </c>
      <c r="AH40988">
        <v>25</v>
      </c>
      <c r="AI40988">
        <v>25</v>
      </c>
      <c r="AJ40988">
        <v>25</v>
      </c>
      <c r="AK40988">
        <v>26</v>
      </c>
      <c r="AL40988">
        <v>26</v>
      </c>
      <c r="AM40988">
        <v>26</v>
      </c>
      <c r="AN40988">
        <v>26</v>
      </c>
      <c r="AO40988">
        <v>27</v>
      </c>
      <c r="AP40988">
        <v>27</v>
      </c>
      <c r="AQ40988">
        <v>27</v>
      </c>
    </row>
    <row r="40989" spans="1:43">
      <c r="A40989" t="s">
        <v>25291</v>
      </c>
      <c r="B40989" t="s">
        <v>25292</v>
      </c>
      <c r="C40989" t="s">
        <v>11028</v>
      </c>
      <c r="D40989" t="s">
        <v>11029</v>
      </c>
      <c r="E40989" t="s">
        <v>10982</v>
      </c>
      <c r="F40989" t="s">
        <v>10983</v>
      </c>
      <c r="G40989" t="s">
        <v>10734</v>
      </c>
      <c r="H40989" t="s">
        <v>10735</v>
      </c>
      <c r="I40989" s="2">
        <v>1</v>
      </c>
      <c r="J40989" s="2">
        <v>0</v>
      </c>
      <c r="K40989" s="2">
        <v>0</v>
      </c>
      <c r="L40989" t="s">
        <v>120</v>
      </c>
      <c r="M40989" t="s">
        <v>83</v>
      </c>
      <c r="N40989" t="s">
        <v>91</v>
      </c>
      <c r="O40989" t="s">
        <v>85</v>
      </c>
      <c r="P40989" t="s">
        <v>86</v>
      </c>
      <c r="Q40989">
        <v>17</v>
      </c>
      <c r="R40989">
        <v>17</v>
      </c>
      <c r="S40989">
        <v>18</v>
      </c>
      <c r="T40989">
        <v>18</v>
      </c>
      <c r="U40989">
        <v>19</v>
      </c>
      <c r="V40989">
        <v>19</v>
      </c>
      <c r="W40989">
        <v>19</v>
      </c>
      <c r="X40989">
        <v>20</v>
      </c>
      <c r="Y40989">
        <v>20</v>
      </c>
      <c r="Z40989">
        <v>20</v>
      </c>
      <c r="AA40989">
        <v>21</v>
      </c>
      <c r="AB40989">
        <v>21</v>
      </c>
      <c r="AC40989">
        <v>22</v>
      </c>
      <c r="AD40989">
        <v>22</v>
      </c>
      <c r="AE40989">
        <v>23</v>
      </c>
      <c r="AF40989">
        <v>23</v>
      </c>
      <c r="AG40989">
        <v>24</v>
      </c>
      <c r="AH40989">
        <v>24</v>
      </c>
      <c r="AI40989">
        <v>24</v>
      </c>
      <c r="AJ40989">
        <v>25</v>
      </c>
      <c r="AK40989">
        <v>25</v>
      </c>
      <c r="AL40989">
        <v>26</v>
      </c>
      <c r="AM40989">
        <v>26</v>
      </c>
      <c r="AN40989">
        <v>26</v>
      </c>
      <c r="AO40989">
        <v>26</v>
      </c>
      <c r="AP40989">
        <v>27</v>
      </c>
      <c r="AQ40989">
        <v>27</v>
      </c>
    </row>
    <row r="40990" spans="1:43">
      <c r="A40990" t="s">
        <v>25293</v>
      </c>
      <c r="B40990" t="s">
        <v>25294</v>
      </c>
      <c r="C40990" t="s">
        <v>3766</v>
      </c>
      <c r="D40990" t="s">
        <v>3767</v>
      </c>
      <c r="E40990" t="s">
        <v>3660</v>
      </c>
      <c r="F40990" t="s">
        <v>3661</v>
      </c>
      <c r="G40990" t="s">
        <v>80</v>
      </c>
      <c r="H40990" t="s">
        <v>81</v>
      </c>
      <c r="I40990" s="2">
        <v>0</v>
      </c>
      <c r="J40990" s="2">
        <v>1</v>
      </c>
      <c r="K40990" s="2">
        <v>0</v>
      </c>
      <c r="L40990" t="s">
        <v>82</v>
      </c>
      <c r="M40990" t="s">
        <v>83</v>
      </c>
      <c r="N40990" t="s">
        <v>84</v>
      </c>
      <c r="O40990" t="s">
        <v>85</v>
      </c>
      <c r="P40990" t="s">
        <v>86</v>
      </c>
      <c r="Q40990">
        <v>133</v>
      </c>
      <c r="R40990">
        <v>136</v>
      </c>
      <c r="S40990">
        <v>138</v>
      </c>
      <c r="T40990">
        <v>141</v>
      </c>
      <c r="U40990">
        <v>143</v>
      </c>
      <c r="V40990">
        <v>146</v>
      </c>
      <c r="W40990">
        <v>148</v>
      </c>
      <c r="X40990">
        <v>151</v>
      </c>
      <c r="Y40990">
        <v>153</v>
      </c>
      <c r="Z40990">
        <v>155</v>
      </c>
      <c r="AA40990">
        <v>158</v>
      </c>
      <c r="AB40990">
        <v>160</v>
      </c>
      <c r="AC40990">
        <v>163</v>
      </c>
      <c r="AD40990">
        <v>165</v>
      </c>
      <c r="AE40990">
        <v>167</v>
      </c>
      <c r="AF40990">
        <v>170</v>
      </c>
      <c r="AG40990">
        <v>172</v>
      </c>
      <c r="AH40990">
        <v>174</v>
      </c>
      <c r="AI40990">
        <v>176</v>
      </c>
      <c r="AJ40990">
        <v>179</v>
      </c>
      <c r="AK40990">
        <v>181</v>
      </c>
      <c r="AL40990">
        <v>182</v>
      </c>
      <c r="AM40990">
        <v>182</v>
      </c>
      <c r="AN40990">
        <v>183</v>
      </c>
      <c r="AO40990">
        <v>184</v>
      </c>
      <c r="AP40990">
        <v>184</v>
      </c>
      <c r="AQ40990">
        <v>184</v>
      </c>
    </row>
    <row r="40991" spans="1:43">
      <c r="A40991" t="s">
        <v>25293</v>
      </c>
      <c r="B40991" t="s">
        <v>25294</v>
      </c>
      <c r="C40991" t="s">
        <v>3766</v>
      </c>
      <c r="D40991" t="s">
        <v>3767</v>
      </c>
      <c r="E40991" t="s">
        <v>3660</v>
      </c>
      <c r="F40991" t="s">
        <v>3661</v>
      </c>
      <c r="G40991" t="s">
        <v>80</v>
      </c>
      <c r="H40991" t="s">
        <v>81</v>
      </c>
      <c r="I40991" s="2">
        <v>0</v>
      </c>
      <c r="J40991" s="2">
        <v>1</v>
      </c>
      <c r="K40991" s="2">
        <v>0</v>
      </c>
      <c r="L40991" t="s">
        <v>82</v>
      </c>
      <c r="M40991" t="s">
        <v>87</v>
      </c>
      <c r="N40991" t="s">
        <v>88</v>
      </c>
      <c r="O40991" t="s">
        <v>85</v>
      </c>
      <c r="P40991" t="s">
        <v>86</v>
      </c>
      <c r="Q40991">
        <v>133</v>
      </c>
      <c r="R40991">
        <v>134</v>
      </c>
      <c r="S40991">
        <v>135</v>
      </c>
      <c r="T40991">
        <v>137</v>
      </c>
      <c r="U40991">
        <v>138</v>
      </c>
      <c r="V40991">
        <v>139</v>
      </c>
      <c r="W40991">
        <v>140</v>
      </c>
      <c r="X40991">
        <v>141</v>
      </c>
      <c r="Y40991">
        <v>143</v>
      </c>
      <c r="Z40991">
        <v>144</v>
      </c>
      <c r="AA40991">
        <v>145</v>
      </c>
      <c r="AB40991">
        <v>146</v>
      </c>
      <c r="AC40991">
        <v>147</v>
      </c>
      <c r="AD40991">
        <v>148</v>
      </c>
      <c r="AE40991">
        <v>149</v>
      </c>
      <c r="AF40991">
        <v>150</v>
      </c>
      <c r="AG40991">
        <v>151</v>
      </c>
      <c r="AH40991">
        <v>152</v>
      </c>
      <c r="AI40991">
        <v>153</v>
      </c>
      <c r="AJ40991">
        <v>154</v>
      </c>
      <c r="AK40991">
        <v>155</v>
      </c>
      <c r="AL40991">
        <v>156</v>
      </c>
      <c r="AM40991">
        <v>157</v>
      </c>
      <c r="AN40991">
        <v>158</v>
      </c>
      <c r="AO40991">
        <v>158</v>
      </c>
      <c r="AP40991">
        <v>159</v>
      </c>
      <c r="AQ40991">
        <v>160</v>
      </c>
    </row>
    <row r="40992" spans="1:43">
      <c r="A40992" t="s">
        <v>25293</v>
      </c>
      <c r="B40992" t="s">
        <v>25294</v>
      </c>
      <c r="C40992" t="s">
        <v>3766</v>
      </c>
      <c r="D40992" t="s">
        <v>3767</v>
      </c>
      <c r="E40992" t="s">
        <v>3660</v>
      </c>
      <c r="F40992" t="s">
        <v>3661</v>
      </c>
      <c r="G40992" t="s">
        <v>80</v>
      </c>
      <c r="H40992" t="s">
        <v>81</v>
      </c>
      <c r="I40992" s="2">
        <v>0</v>
      </c>
      <c r="J40992" s="2">
        <v>1</v>
      </c>
      <c r="K40992" s="2">
        <v>0</v>
      </c>
      <c r="L40992" t="s">
        <v>82</v>
      </c>
      <c r="M40992" t="s">
        <v>89</v>
      </c>
      <c r="N40992" t="s">
        <v>90</v>
      </c>
      <c r="O40992" t="s">
        <v>85</v>
      </c>
      <c r="P40992" t="s">
        <v>86</v>
      </c>
      <c r="Q40992">
        <v>133</v>
      </c>
      <c r="R40992">
        <v>137</v>
      </c>
      <c r="S40992">
        <v>141</v>
      </c>
      <c r="T40992">
        <v>144</v>
      </c>
      <c r="U40992">
        <v>148</v>
      </c>
      <c r="V40992">
        <v>151</v>
      </c>
      <c r="W40992">
        <v>155</v>
      </c>
      <c r="X40992">
        <v>158</v>
      </c>
      <c r="Y40992">
        <v>161</v>
      </c>
      <c r="Z40992">
        <v>164</v>
      </c>
      <c r="AA40992">
        <v>167</v>
      </c>
      <c r="AB40992">
        <v>170</v>
      </c>
      <c r="AC40992">
        <v>174</v>
      </c>
      <c r="AD40992">
        <v>177</v>
      </c>
      <c r="AE40992">
        <v>179</v>
      </c>
      <c r="AF40992">
        <v>179</v>
      </c>
      <c r="AG40992">
        <v>180</v>
      </c>
      <c r="AH40992">
        <v>181</v>
      </c>
      <c r="AI40992">
        <v>181</v>
      </c>
      <c r="AJ40992">
        <v>182</v>
      </c>
      <c r="AK40992">
        <v>182</v>
      </c>
      <c r="AL40992">
        <v>183</v>
      </c>
      <c r="AM40992">
        <v>183</v>
      </c>
      <c r="AN40992">
        <v>184</v>
      </c>
      <c r="AO40992">
        <v>184</v>
      </c>
      <c r="AP40992">
        <v>185</v>
      </c>
      <c r="AQ40992">
        <v>185</v>
      </c>
    </row>
    <row r="40993" spans="1:43">
      <c r="A40993" t="s">
        <v>25293</v>
      </c>
      <c r="B40993" t="s">
        <v>25294</v>
      </c>
      <c r="C40993" t="s">
        <v>3766</v>
      </c>
      <c r="D40993" t="s">
        <v>3767</v>
      </c>
      <c r="E40993" t="s">
        <v>3660</v>
      </c>
      <c r="F40993" t="s">
        <v>3661</v>
      </c>
      <c r="G40993" t="s">
        <v>80</v>
      </c>
      <c r="H40993" t="s">
        <v>81</v>
      </c>
      <c r="I40993" s="2">
        <v>0</v>
      </c>
      <c r="J40993" s="2">
        <v>1</v>
      </c>
      <c r="K40993" s="2">
        <v>0</v>
      </c>
      <c r="L40993" t="s">
        <v>82</v>
      </c>
      <c r="M40993" t="s">
        <v>83</v>
      </c>
      <c r="N40993" t="s">
        <v>91</v>
      </c>
      <c r="O40993" t="s">
        <v>85</v>
      </c>
      <c r="P40993" t="s">
        <v>86</v>
      </c>
      <c r="Q40993">
        <v>133</v>
      </c>
      <c r="R40993">
        <v>136</v>
      </c>
      <c r="S40993">
        <v>138</v>
      </c>
      <c r="T40993">
        <v>141</v>
      </c>
      <c r="U40993">
        <v>143</v>
      </c>
      <c r="V40993">
        <v>146</v>
      </c>
      <c r="W40993">
        <v>148</v>
      </c>
      <c r="X40993">
        <v>151</v>
      </c>
      <c r="Y40993">
        <v>153</v>
      </c>
      <c r="Z40993">
        <v>155</v>
      </c>
      <c r="AA40993">
        <v>158</v>
      </c>
      <c r="AB40993">
        <v>160</v>
      </c>
      <c r="AC40993">
        <v>163</v>
      </c>
      <c r="AD40993">
        <v>165</v>
      </c>
      <c r="AE40993">
        <v>167</v>
      </c>
      <c r="AF40993">
        <v>170</v>
      </c>
      <c r="AG40993">
        <v>172</v>
      </c>
      <c r="AH40993">
        <v>174</v>
      </c>
      <c r="AI40993">
        <v>176</v>
      </c>
      <c r="AJ40993">
        <v>179</v>
      </c>
      <c r="AK40993">
        <v>181</v>
      </c>
      <c r="AL40993">
        <v>182</v>
      </c>
      <c r="AM40993">
        <v>182</v>
      </c>
      <c r="AN40993">
        <v>183</v>
      </c>
      <c r="AO40993">
        <v>184</v>
      </c>
      <c r="AP40993">
        <v>184</v>
      </c>
      <c r="AQ40993">
        <v>184</v>
      </c>
    </row>
    <row r="40994" spans="1:43">
      <c r="A40994" t="s">
        <v>25295</v>
      </c>
      <c r="B40994" t="s">
        <v>25296</v>
      </c>
      <c r="C40994" t="s">
        <v>3766</v>
      </c>
      <c r="D40994" t="s">
        <v>3767</v>
      </c>
      <c r="E40994" t="s">
        <v>3660</v>
      </c>
      <c r="F40994" t="s">
        <v>3661</v>
      </c>
      <c r="G40994" t="s">
        <v>80</v>
      </c>
      <c r="H40994" t="s">
        <v>81</v>
      </c>
      <c r="I40994" s="2">
        <v>0</v>
      </c>
      <c r="J40994" s="2">
        <v>1</v>
      </c>
      <c r="K40994" s="2">
        <v>0</v>
      </c>
      <c r="L40994" t="s">
        <v>82</v>
      </c>
      <c r="M40994" t="s">
        <v>83</v>
      </c>
      <c r="N40994" t="s">
        <v>84</v>
      </c>
      <c r="O40994" t="s">
        <v>85</v>
      </c>
      <c r="P40994" t="s">
        <v>86</v>
      </c>
      <c r="Q40994">
        <v>94</v>
      </c>
      <c r="R40994">
        <v>96</v>
      </c>
      <c r="S40994">
        <v>98</v>
      </c>
      <c r="T40994">
        <v>100</v>
      </c>
      <c r="U40994">
        <v>101</v>
      </c>
      <c r="V40994">
        <v>103</v>
      </c>
      <c r="W40994">
        <v>105</v>
      </c>
      <c r="X40994">
        <v>107</v>
      </c>
      <c r="Y40994">
        <v>109</v>
      </c>
      <c r="Z40994">
        <v>110</v>
      </c>
      <c r="AA40994">
        <v>112</v>
      </c>
      <c r="AB40994">
        <v>114</v>
      </c>
      <c r="AC40994">
        <v>115</v>
      </c>
      <c r="AD40994">
        <v>117</v>
      </c>
      <c r="AE40994">
        <v>119</v>
      </c>
      <c r="AF40994">
        <v>120</v>
      </c>
      <c r="AG40994">
        <v>122</v>
      </c>
      <c r="AH40994">
        <v>124</v>
      </c>
      <c r="AI40994">
        <v>125</v>
      </c>
      <c r="AJ40994">
        <v>127</v>
      </c>
      <c r="AK40994">
        <v>128</v>
      </c>
      <c r="AL40994">
        <v>129</v>
      </c>
      <c r="AM40994">
        <v>130</v>
      </c>
      <c r="AN40994">
        <v>130</v>
      </c>
      <c r="AO40994">
        <v>130</v>
      </c>
      <c r="AP40994">
        <v>130</v>
      </c>
      <c r="AQ40994">
        <v>131</v>
      </c>
    </row>
    <row r="40995" spans="1:43">
      <c r="A40995" t="s">
        <v>25295</v>
      </c>
      <c r="B40995" t="s">
        <v>25296</v>
      </c>
      <c r="C40995" t="s">
        <v>3766</v>
      </c>
      <c r="D40995" t="s">
        <v>3767</v>
      </c>
      <c r="E40995" t="s">
        <v>3660</v>
      </c>
      <c r="F40995" t="s">
        <v>3661</v>
      </c>
      <c r="G40995" t="s">
        <v>80</v>
      </c>
      <c r="H40995" t="s">
        <v>81</v>
      </c>
      <c r="I40995" s="2">
        <v>0</v>
      </c>
      <c r="J40995" s="2">
        <v>1</v>
      </c>
      <c r="K40995" s="2">
        <v>0</v>
      </c>
      <c r="L40995" t="s">
        <v>82</v>
      </c>
      <c r="M40995" t="s">
        <v>87</v>
      </c>
      <c r="N40995" t="s">
        <v>88</v>
      </c>
      <c r="O40995" t="s">
        <v>85</v>
      </c>
      <c r="P40995" t="s">
        <v>86</v>
      </c>
      <c r="Q40995">
        <v>94</v>
      </c>
      <c r="R40995">
        <v>95</v>
      </c>
      <c r="S40995">
        <v>96</v>
      </c>
      <c r="T40995">
        <v>97</v>
      </c>
      <c r="U40995">
        <v>98</v>
      </c>
      <c r="V40995">
        <v>99</v>
      </c>
      <c r="W40995">
        <v>100</v>
      </c>
      <c r="X40995">
        <v>101</v>
      </c>
      <c r="Y40995">
        <v>101</v>
      </c>
      <c r="Z40995">
        <v>102</v>
      </c>
      <c r="AA40995">
        <v>103</v>
      </c>
      <c r="AB40995">
        <v>104</v>
      </c>
      <c r="AC40995">
        <v>104</v>
      </c>
      <c r="AD40995">
        <v>105</v>
      </c>
      <c r="AE40995">
        <v>106</v>
      </c>
      <c r="AF40995">
        <v>107</v>
      </c>
      <c r="AG40995">
        <v>107</v>
      </c>
      <c r="AH40995">
        <v>108</v>
      </c>
      <c r="AI40995">
        <v>109</v>
      </c>
      <c r="AJ40995">
        <v>110</v>
      </c>
      <c r="AK40995">
        <v>110</v>
      </c>
      <c r="AL40995">
        <v>111</v>
      </c>
      <c r="AM40995">
        <v>112</v>
      </c>
      <c r="AN40995">
        <v>112</v>
      </c>
      <c r="AO40995">
        <v>113</v>
      </c>
      <c r="AP40995">
        <v>114</v>
      </c>
      <c r="AQ40995">
        <v>114</v>
      </c>
    </row>
    <row r="40996" spans="1:43">
      <c r="A40996" t="s">
        <v>25295</v>
      </c>
      <c r="B40996" t="s">
        <v>25296</v>
      </c>
      <c r="C40996" t="s">
        <v>3766</v>
      </c>
      <c r="D40996" t="s">
        <v>3767</v>
      </c>
      <c r="E40996" t="s">
        <v>3660</v>
      </c>
      <c r="F40996" t="s">
        <v>3661</v>
      </c>
      <c r="G40996" t="s">
        <v>80</v>
      </c>
      <c r="H40996" t="s">
        <v>81</v>
      </c>
      <c r="I40996" s="2">
        <v>0</v>
      </c>
      <c r="J40996" s="2">
        <v>1</v>
      </c>
      <c r="K40996" s="2">
        <v>0</v>
      </c>
      <c r="L40996" t="s">
        <v>82</v>
      </c>
      <c r="M40996" t="s">
        <v>89</v>
      </c>
      <c r="N40996" t="s">
        <v>90</v>
      </c>
      <c r="O40996" t="s">
        <v>85</v>
      </c>
      <c r="P40996" t="s">
        <v>86</v>
      </c>
      <c r="Q40996">
        <v>94</v>
      </c>
      <c r="R40996">
        <v>97</v>
      </c>
      <c r="S40996">
        <v>99</v>
      </c>
      <c r="T40996">
        <v>102</v>
      </c>
      <c r="U40996">
        <v>105</v>
      </c>
      <c r="V40996">
        <v>107</v>
      </c>
      <c r="W40996">
        <v>109</v>
      </c>
      <c r="X40996">
        <v>112</v>
      </c>
      <c r="Y40996">
        <v>114</v>
      </c>
      <c r="Z40996">
        <v>116</v>
      </c>
      <c r="AA40996">
        <v>118</v>
      </c>
      <c r="AB40996">
        <v>121</v>
      </c>
      <c r="AC40996">
        <v>123</v>
      </c>
      <c r="AD40996">
        <v>125</v>
      </c>
      <c r="AE40996">
        <v>127</v>
      </c>
      <c r="AF40996">
        <v>127</v>
      </c>
      <c r="AG40996">
        <v>127</v>
      </c>
      <c r="AH40996">
        <v>128</v>
      </c>
      <c r="AI40996">
        <v>128</v>
      </c>
      <c r="AJ40996">
        <v>128</v>
      </c>
      <c r="AK40996">
        <v>129</v>
      </c>
      <c r="AL40996">
        <v>129</v>
      </c>
      <c r="AM40996">
        <v>129</v>
      </c>
      <c r="AN40996">
        <v>130</v>
      </c>
      <c r="AO40996">
        <v>130</v>
      </c>
      <c r="AP40996">
        <v>130</v>
      </c>
      <c r="AQ40996">
        <v>131</v>
      </c>
    </row>
    <row r="40997" spans="1:43">
      <c r="A40997" t="s">
        <v>25295</v>
      </c>
      <c r="B40997" t="s">
        <v>25296</v>
      </c>
      <c r="C40997" t="s">
        <v>3766</v>
      </c>
      <c r="D40997" t="s">
        <v>3767</v>
      </c>
      <c r="E40997" t="s">
        <v>3660</v>
      </c>
      <c r="F40997" t="s">
        <v>3661</v>
      </c>
      <c r="G40997" t="s">
        <v>80</v>
      </c>
      <c r="H40997" t="s">
        <v>81</v>
      </c>
      <c r="I40997" s="2">
        <v>0</v>
      </c>
      <c r="J40997" s="2">
        <v>1</v>
      </c>
      <c r="K40997" s="2">
        <v>0</v>
      </c>
      <c r="L40997" t="s">
        <v>82</v>
      </c>
      <c r="M40997" t="s">
        <v>83</v>
      </c>
      <c r="N40997" t="s">
        <v>91</v>
      </c>
      <c r="O40997" t="s">
        <v>85</v>
      </c>
      <c r="P40997" t="s">
        <v>86</v>
      </c>
      <c r="Q40997">
        <v>94</v>
      </c>
      <c r="R40997">
        <v>96</v>
      </c>
      <c r="S40997">
        <v>98</v>
      </c>
      <c r="T40997">
        <v>100</v>
      </c>
      <c r="U40997">
        <v>101</v>
      </c>
      <c r="V40997">
        <v>103</v>
      </c>
      <c r="W40997">
        <v>105</v>
      </c>
      <c r="X40997">
        <v>107</v>
      </c>
      <c r="Y40997">
        <v>109</v>
      </c>
      <c r="Z40997">
        <v>110</v>
      </c>
      <c r="AA40997">
        <v>112</v>
      </c>
      <c r="AB40997">
        <v>114</v>
      </c>
      <c r="AC40997">
        <v>115</v>
      </c>
      <c r="AD40997">
        <v>117</v>
      </c>
      <c r="AE40997">
        <v>119</v>
      </c>
      <c r="AF40997">
        <v>120</v>
      </c>
      <c r="AG40997">
        <v>122</v>
      </c>
      <c r="AH40997">
        <v>124</v>
      </c>
      <c r="AI40997">
        <v>125</v>
      </c>
      <c r="AJ40997">
        <v>127</v>
      </c>
      <c r="AK40997">
        <v>128</v>
      </c>
      <c r="AL40997">
        <v>129</v>
      </c>
      <c r="AM40997">
        <v>130</v>
      </c>
      <c r="AN40997">
        <v>130</v>
      </c>
      <c r="AO40997">
        <v>130</v>
      </c>
      <c r="AP40997">
        <v>130</v>
      </c>
      <c r="AQ40997">
        <v>131</v>
      </c>
    </row>
    <row r="40998" spans="1:43">
      <c r="A40998" t="s">
        <v>25297</v>
      </c>
      <c r="B40998" t="s">
        <v>25298</v>
      </c>
      <c r="C40998" t="s">
        <v>3854</v>
      </c>
      <c r="D40998" t="s">
        <v>3855</v>
      </c>
      <c r="E40998" t="s">
        <v>3660</v>
      </c>
      <c r="F40998" t="s">
        <v>3661</v>
      </c>
      <c r="G40998" t="s">
        <v>80</v>
      </c>
      <c r="H40998" t="s">
        <v>81</v>
      </c>
      <c r="I40998" s="2">
        <v>0</v>
      </c>
      <c r="J40998" s="2">
        <v>1</v>
      </c>
      <c r="K40998" s="2">
        <v>0</v>
      </c>
      <c r="L40998" t="s">
        <v>82</v>
      </c>
      <c r="M40998" t="s">
        <v>83</v>
      </c>
      <c r="N40998" t="s">
        <v>84</v>
      </c>
      <c r="O40998" t="s">
        <v>85</v>
      </c>
      <c r="P40998" t="s">
        <v>86</v>
      </c>
      <c r="Q40998">
        <v>48</v>
      </c>
      <c r="R40998">
        <v>49</v>
      </c>
      <c r="S40998">
        <v>50</v>
      </c>
      <c r="T40998">
        <v>51</v>
      </c>
      <c r="U40998">
        <v>52</v>
      </c>
      <c r="V40998">
        <v>52</v>
      </c>
      <c r="W40998">
        <v>53</v>
      </c>
      <c r="X40998">
        <v>54</v>
      </c>
      <c r="Y40998">
        <v>55</v>
      </c>
      <c r="Z40998">
        <v>56</v>
      </c>
      <c r="AA40998">
        <v>57</v>
      </c>
      <c r="AB40998">
        <v>58</v>
      </c>
      <c r="AC40998">
        <v>59</v>
      </c>
      <c r="AD40998">
        <v>60</v>
      </c>
      <c r="AE40998">
        <v>60</v>
      </c>
      <c r="AF40998">
        <v>61</v>
      </c>
      <c r="AG40998">
        <v>62</v>
      </c>
      <c r="AH40998">
        <v>63</v>
      </c>
      <c r="AI40998">
        <v>64</v>
      </c>
      <c r="AJ40998">
        <v>64</v>
      </c>
      <c r="AK40998">
        <v>65</v>
      </c>
      <c r="AL40998">
        <v>66</v>
      </c>
      <c r="AM40998">
        <v>66</v>
      </c>
      <c r="AN40998">
        <v>66</v>
      </c>
      <c r="AO40998">
        <v>66</v>
      </c>
      <c r="AP40998">
        <v>66</v>
      </c>
      <c r="AQ40998">
        <v>67</v>
      </c>
    </row>
    <row r="40999" spans="1:43">
      <c r="A40999" t="s">
        <v>25297</v>
      </c>
      <c r="B40999" t="s">
        <v>25298</v>
      </c>
      <c r="C40999" t="s">
        <v>3854</v>
      </c>
      <c r="D40999" t="s">
        <v>3855</v>
      </c>
      <c r="E40999" t="s">
        <v>3660</v>
      </c>
      <c r="F40999" t="s">
        <v>3661</v>
      </c>
      <c r="G40999" t="s">
        <v>80</v>
      </c>
      <c r="H40999" t="s">
        <v>81</v>
      </c>
      <c r="I40999" s="2">
        <v>0</v>
      </c>
      <c r="J40999" s="2">
        <v>1</v>
      </c>
      <c r="K40999" s="2">
        <v>0</v>
      </c>
      <c r="L40999" t="s">
        <v>82</v>
      </c>
      <c r="M40999" t="s">
        <v>87</v>
      </c>
      <c r="N40999" t="s">
        <v>88</v>
      </c>
      <c r="O40999" t="s">
        <v>85</v>
      </c>
      <c r="P40999" t="s">
        <v>86</v>
      </c>
      <c r="Q40999">
        <v>48</v>
      </c>
      <c r="R40999">
        <v>49</v>
      </c>
      <c r="S40999">
        <v>49</v>
      </c>
      <c r="T40999">
        <v>50</v>
      </c>
      <c r="U40999">
        <v>50</v>
      </c>
      <c r="V40999">
        <v>51</v>
      </c>
      <c r="W40999">
        <v>51</v>
      </c>
      <c r="X40999">
        <v>52</v>
      </c>
      <c r="Y40999">
        <v>52</v>
      </c>
      <c r="Z40999">
        <v>52</v>
      </c>
      <c r="AA40999">
        <v>53</v>
      </c>
      <c r="AB40999">
        <v>53</v>
      </c>
      <c r="AC40999">
        <v>54</v>
      </c>
      <c r="AD40999">
        <v>54</v>
      </c>
      <c r="AE40999">
        <v>54</v>
      </c>
      <c r="AF40999">
        <v>55</v>
      </c>
      <c r="AG40999">
        <v>55</v>
      </c>
      <c r="AH40999">
        <v>56</v>
      </c>
      <c r="AI40999">
        <v>56</v>
      </c>
      <c r="AJ40999">
        <v>56</v>
      </c>
      <c r="AK40999">
        <v>57</v>
      </c>
      <c r="AL40999">
        <v>57</v>
      </c>
      <c r="AM40999">
        <v>57</v>
      </c>
      <c r="AN40999">
        <v>58</v>
      </c>
      <c r="AO40999">
        <v>58</v>
      </c>
      <c r="AP40999">
        <v>58</v>
      </c>
      <c r="AQ40999">
        <v>59</v>
      </c>
    </row>
    <row r="41000" spans="1:43">
      <c r="A41000" t="s">
        <v>25297</v>
      </c>
      <c r="B41000" t="s">
        <v>25298</v>
      </c>
      <c r="C41000" t="s">
        <v>3854</v>
      </c>
      <c r="D41000" t="s">
        <v>3855</v>
      </c>
      <c r="E41000" t="s">
        <v>3660</v>
      </c>
      <c r="F41000" t="s">
        <v>3661</v>
      </c>
      <c r="G41000" t="s">
        <v>80</v>
      </c>
      <c r="H41000" t="s">
        <v>81</v>
      </c>
      <c r="I41000" s="2">
        <v>0</v>
      </c>
      <c r="J41000" s="2">
        <v>1</v>
      </c>
      <c r="K41000" s="2">
        <v>0</v>
      </c>
      <c r="L41000" t="s">
        <v>82</v>
      </c>
      <c r="M41000" t="s">
        <v>89</v>
      </c>
      <c r="N41000" t="s">
        <v>90</v>
      </c>
      <c r="O41000" t="s">
        <v>85</v>
      </c>
      <c r="P41000" t="s">
        <v>86</v>
      </c>
      <c r="Q41000">
        <v>48</v>
      </c>
      <c r="R41000">
        <v>50</v>
      </c>
      <c r="S41000">
        <v>51</v>
      </c>
      <c r="T41000">
        <v>52</v>
      </c>
      <c r="U41000">
        <v>54</v>
      </c>
      <c r="V41000">
        <v>55</v>
      </c>
      <c r="W41000">
        <v>56</v>
      </c>
      <c r="X41000">
        <v>57</v>
      </c>
      <c r="Y41000">
        <v>58</v>
      </c>
      <c r="Z41000">
        <v>60</v>
      </c>
      <c r="AA41000">
        <v>61</v>
      </c>
      <c r="AB41000">
        <v>62</v>
      </c>
      <c r="AC41000">
        <v>63</v>
      </c>
      <c r="AD41000">
        <v>64</v>
      </c>
      <c r="AE41000">
        <v>65</v>
      </c>
      <c r="AF41000">
        <v>65</v>
      </c>
      <c r="AG41000">
        <v>65</v>
      </c>
      <c r="AH41000">
        <v>65</v>
      </c>
      <c r="AI41000">
        <v>66</v>
      </c>
      <c r="AJ41000">
        <v>66</v>
      </c>
      <c r="AK41000">
        <v>66</v>
      </c>
      <c r="AL41000">
        <v>66</v>
      </c>
      <c r="AM41000">
        <v>66</v>
      </c>
      <c r="AN41000">
        <v>66</v>
      </c>
      <c r="AO41000">
        <v>67</v>
      </c>
      <c r="AP41000">
        <v>67</v>
      </c>
      <c r="AQ41000">
        <v>67</v>
      </c>
    </row>
    <row r="41001" spans="1:43">
      <c r="A41001" t="s">
        <v>25297</v>
      </c>
      <c r="B41001" t="s">
        <v>25298</v>
      </c>
      <c r="C41001" t="s">
        <v>3854</v>
      </c>
      <c r="D41001" t="s">
        <v>3855</v>
      </c>
      <c r="E41001" t="s">
        <v>3660</v>
      </c>
      <c r="F41001" t="s">
        <v>3661</v>
      </c>
      <c r="G41001" t="s">
        <v>80</v>
      </c>
      <c r="H41001" t="s">
        <v>81</v>
      </c>
      <c r="I41001" s="2">
        <v>0</v>
      </c>
      <c r="J41001" s="2">
        <v>1</v>
      </c>
      <c r="K41001" s="2">
        <v>0</v>
      </c>
      <c r="L41001" t="s">
        <v>82</v>
      </c>
      <c r="M41001" t="s">
        <v>83</v>
      </c>
      <c r="N41001" t="s">
        <v>91</v>
      </c>
      <c r="O41001" t="s">
        <v>85</v>
      </c>
      <c r="P41001" t="s">
        <v>86</v>
      </c>
      <c r="Q41001">
        <v>48</v>
      </c>
      <c r="R41001">
        <v>49</v>
      </c>
      <c r="S41001">
        <v>50</v>
      </c>
      <c r="T41001">
        <v>51</v>
      </c>
      <c r="U41001">
        <v>52</v>
      </c>
      <c r="V41001">
        <v>52</v>
      </c>
      <c r="W41001">
        <v>53</v>
      </c>
      <c r="X41001">
        <v>54</v>
      </c>
      <c r="Y41001">
        <v>55</v>
      </c>
      <c r="Z41001">
        <v>56</v>
      </c>
      <c r="AA41001">
        <v>57</v>
      </c>
      <c r="AB41001">
        <v>58</v>
      </c>
      <c r="AC41001">
        <v>59</v>
      </c>
      <c r="AD41001">
        <v>60</v>
      </c>
      <c r="AE41001">
        <v>60</v>
      </c>
      <c r="AF41001">
        <v>61</v>
      </c>
      <c r="AG41001">
        <v>62</v>
      </c>
      <c r="AH41001">
        <v>63</v>
      </c>
      <c r="AI41001">
        <v>64</v>
      </c>
      <c r="AJ41001">
        <v>64</v>
      </c>
      <c r="AK41001">
        <v>65</v>
      </c>
      <c r="AL41001">
        <v>66</v>
      </c>
      <c r="AM41001">
        <v>66</v>
      </c>
      <c r="AN41001">
        <v>66</v>
      </c>
      <c r="AO41001">
        <v>66</v>
      </c>
      <c r="AP41001">
        <v>66</v>
      </c>
      <c r="AQ41001">
        <v>67</v>
      </c>
    </row>
    <row r="41002" spans="1:43">
      <c r="A41002" t="s">
        <v>25299</v>
      </c>
      <c r="B41002" t="s">
        <v>25300</v>
      </c>
      <c r="C41002" t="s">
        <v>3784</v>
      </c>
      <c r="D41002" t="s">
        <v>3785</v>
      </c>
      <c r="E41002" t="s">
        <v>3660</v>
      </c>
      <c r="F41002" t="s">
        <v>3661</v>
      </c>
      <c r="G41002" t="s">
        <v>80</v>
      </c>
      <c r="H41002" t="s">
        <v>81</v>
      </c>
      <c r="I41002" s="2">
        <v>0</v>
      </c>
      <c r="J41002" s="2">
        <v>1</v>
      </c>
      <c r="K41002" s="2">
        <v>0</v>
      </c>
      <c r="L41002" t="s">
        <v>82</v>
      </c>
      <c r="M41002" t="s">
        <v>83</v>
      </c>
      <c r="N41002" t="s">
        <v>84</v>
      </c>
      <c r="O41002" t="s">
        <v>85</v>
      </c>
      <c r="P41002" t="s">
        <v>86</v>
      </c>
      <c r="Q41002">
        <v>54</v>
      </c>
      <c r="R41002">
        <v>55</v>
      </c>
      <c r="S41002">
        <v>56</v>
      </c>
      <c r="T41002">
        <v>57</v>
      </c>
      <c r="U41002">
        <v>58</v>
      </c>
      <c r="V41002">
        <v>59</v>
      </c>
      <c r="W41002">
        <v>60</v>
      </c>
      <c r="X41002">
        <v>61</v>
      </c>
      <c r="Y41002">
        <v>62</v>
      </c>
      <c r="Z41002">
        <v>63</v>
      </c>
      <c r="AA41002">
        <v>64</v>
      </c>
      <c r="AB41002">
        <v>65</v>
      </c>
      <c r="AC41002">
        <v>66</v>
      </c>
      <c r="AD41002">
        <v>67</v>
      </c>
      <c r="AE41002">
        <v>68</v>
      </c>
      <c r="AF41002">
        <v>68</v>
      </c>
      <c r="AG41002">
        <v>69</v>
      </c>
      <c r="AH41002">
        <v>70</v>
      </c>
      <c r="AI41002">
        <v>71</v>
      </c>
      <c r="AJ41002">
        <v>72</v>
      </c>
      <c r="AK41002">
        <v>73</v>
      </c>
      <c r="AL41002">
        <v>74</v>
      </c>
      <c r="AM41002">
        <v>74</v>
      </c>
      <c r="AN41002">
        <v>74</v>
      </c>
      <c r="AO41002">
        <v>74</v>
      </c>
      <c r="AP41002">
        <v>74</v>
      </c>
      <c r="AQ41002">
        <v>74</v>
      </c>
    </row>
    <row r="41003" spans="1:43">
      <c r="A41003" t="s">
        <v>25299</v>
      </c>
      <c r="B41003" t="s">
        <v>25300</v>
      </c>
      <c r="C41003" t="s">
        <v>3784</v>
      </c>
      <c r="D41003" t="s">
        <v>3785</v>
      </c>
      <c r="E41003" t="s">
        <v>3660</v>
      </c>
      <c r="F41003" t="s">
        <v>3661</v>
      </c>
      <c r="G41003" t="s">
        <v>80</v>
      </c>
      <c r="H41003" t="s">
        <v>81</v>
      </c>
      <c r="I41003" s="2">
        <v>0</v>
      </c>
      <c r="J41003" s="2">
        <v>1</v>
      </c>
      <c r="K41003" s="2">
        <v>0</v>
      </c>
      <c r="L41003" t="s">
        <v>82</v>
      </c>
      <c r="M41003" t="s">
        <v>87</v>
      </c>
      <c r="N41003" t="s">
        <v>88</v>
      </c>
      <c r="O41003" t="s">
        <v>85</v>
      </c>
      <c r="P41003" t="s">
        <v>86</v>
      </c>
      <c r="Q41003">
        <v>54</v>
      </c>
      <c r="R41003">
        <v>55</v>
      </c>
      <c r="S41003">
        <v>55</v>
      </c>
      <c r="T41003">
        <v>56</v>
      </c>
      <c r="U41003">
        <v>56</v>
      </c>
      <c r="V41003">
        <v>57</v>
      </c>
      <c r="W41003">
        <v>57</v>
      </c>
      <c r="X41003">
        <v>58</v>
      </c>
      <c r="Y41003">
        <v>58</v>
      </c>
      <c r="Z41003">
        <v>59</v>
      </c>
      <c r="AA41003">
        <v>59</v>
      </c>
      <c r="AB41003">
        <v>59</v>
      </c>
      <c r="AC41003">
        <v>60</v>
      </c>
      <c r="AD41003">
        <v>60</v>
      </c>
      <c r="AE41003">
        <v>61</v>
      </c>
      <c r="AF41003">
        <v>61</v>
      </c>
      <c r="AG41003">
        <v>62</v>
      </c>
      <c r="AH41003">
        <v>62</v>
      </c>
      <c r="AI41003">
        <v>63</v>
      </c>
      <c r="AJ41003">
        <v>63</v>
      </c>
      <c r="AK41003">
        <v>63</v>
      </c>
      <c r="AL41003">
        <v>64</v>
      </c>
      <c r="AM41003">
        <v>64</v>
      </c>
      <c r="AN41003">
        <v>65</v>
      </c>
      <c r="AO41003">
        <v>65</v>
      </c>
      <c r="AP41003">
        <v>65</v>
      </c>
      <c r="AQ41003">
        <v>66</v>
      </c>
    </row>
    <row r="41004" spans="1:43">
      <c r="A41004" t="s">
        <v>25299</v>
      </c>
      <c r="B41004" t="s">
        <v>25300</v>
      </c>
      <c r="C41004" t="s">
        <v>3784</v>
      </c>
      <c r="D41004" t="s">
        <v>3785</v>
      </c>
      <c r="E41004" t="s">
        <v>3660</v>
      </c>
      <c r="F41004" t="s">
        <v>3661</v>
      </c>
      <c r="G41004" t="s">
        <v>80</v>
      </c>
      <c r="H41004" t="s">
        <v>81</v>
      </c>
      <c r="I41004" s="2">
        <v>0</v>
      </c>
      <c r="J41004" s="2">
        <v>1</v>
      </c>
      <c r="K41004" s="2">
        <v>0</v>
      </c>
      <c r="L41004" t="s">
        <v>82</v>
      </c>
      <c r="M41004" t="s">
        <v>89</v>
      </c>
      <c r="N41004" t="s">
        <v>90</v>
      </c>
      <c r="O41004" t="s">
        <v>85</v>
      </c>
      <c r="P41004" t="s">
        <v>86</v>
      </c>
      <c r="Q41004">
        <v>54</v>
      </c>
      <c r="R41004">
        <v>56</v>
      </c>
      <c r="S41004">
        <v>57</v>
      </c>
      <c r="T41004">
        <v>59</v>
      </c>
      <c r="U41004">
        <v>60</v>
      </c>
      <c r="V41004">
        <v>61</v>
      </c>
      <c r="W41004">
        <v>63</v>
      </c>
      <c r="X41004">
        <v>64</v>
      </c>
      <c r="Y41004">
        <v>65</v>
      </c>
      <c r="Z41004">
        <v>67</v>
      </c>
      <c r="AA41004">
        <v>68</v>
      </c>
      <c r="AB41004">
        <v>69</v>
      </c>
      <c r="AC41004">
        <v>70</v>
      </c>
      <c r="AD41004">
        <v>72</v>
      </c>
      <c r="AE41004">
        <v>72</v>
      </c>
      <c r="AF41004">
        <v>73</v>
      </c>
      <c r="AG41004">
        <v>73</v>
      </c>
      <c r="AH41004">
        <v>73</v>
      </c>
      <c r="AI41004">
        <v>73</v>
      </c>
      <c r="AJ41004">
        <v>74</v>
      </c>
      <c r="AK41004">
        <v>74</v>
      </c>
      <c r="AL41004">
        <v>74</v>
      </c>
      <c r="AM41004">
        <v>74</v>
      </c>
      <c r="AN41004">
        <v>74</v>
      </c>
      <c r="AO41004">
        <v>74</v>
      </c>
      <c r="AP41004">
        <v>75</v>
      </c>
      <c r="AQ41004">
        <v>75</v>
      </c>
    </row>
    <row r="41005" spans="1:43">
      <c r="A41005" t="s">
        <v>25299</v>
      </c>
      <c r="B41005" t="s">
        <v>25300</v>
      </c>
      <c r="C41005" t="s">
        <v>3784</v>
      </c>
      <c r="D41005" t="s">
        <v>3785</v>
      </c>
      <c r="E41005" t="s">
        <v>3660</v>
      </c>
      <c r="F41005" t="s">
        <v>3661</v>
      </c>
      <c r="G41005" t="s">
        <v>80</v>
      </c>
      <c r="H41005" t="s">
        <v>81</v>
      </c>
      <c r="I41005" s="2">
        <v>0</v>
      </c>
      <c r="J41005" s="2">
        <v>1</v>
      </c>
      <c r="K41005" s="2">
        <v>0</v>
      </c>
      <c r="L41005" t="s">
        <v>82</v>
      </c>
      <c r="M41005" t="s">
        <v>83</v>
      </c>
      <c r="N41005" t="s">
        <v>91</v>
      </c>
      <c r="O41005" t="s">
        <v>85</v>
      </c>
      <c r="P41005" t="s">
        <v>86</v>
      </c>
      <c r="Q41005">
        <v>54</v>
      </c>
      <c r="R41005">
        <v>55</v>
      </c>
      <c r="S41005">
        <v>56</v>
      </c>
      <c r="T41005">
        <v>57</v>
      </c>
      <c r="U41005">
        <v>58</v>
      </c>
      <c r="V41005">
        <v>59</v>
      </c>
      <c r="W41005">
        <v>60</v>
      </c>
      <c r="X41005">
        <v>61</v>
      </c>
      <c r="Y41005">
        <v>62</v>
      </c>
      <c r="Z41005">
        <v>63</v>
      </c>
      <c r="AA41005">
        <v>64</v>
      </c>
      <c r="AB41005">
        <v>65</v>
      </c>
      <c r="AC41005">
        <v>66</v>
      </c>
      <c r="AD41005">
        <v>67</v>
      </c>
      <c r="AE41005">
        <v>68</v>
      </c>
      <c r="AF41005">
        <v>68</v>
      </c>
      <c r="AG41005">
        <v>69</v>
      </c>
      <c r="AH41005">
        <v>70</v>
      </c>
      <c r="AI41005">
        <v>71</v>
      </c>
      <c r="AJ41005">
        <v>72</v>
      </c>
      <c r="AK41005">
        <v>73</v>
      </c>
      <c r="AL41005">
        <v>74</v>
      </c>
      <c r="AM41005">
        <v>74</v>
      </c>
      <c r="AN41005">
        <v>74</v>
      </c>
      <c r="AO41005">
        <v>74</v>
      </c>
      <c r="AP41005">
        <v>74</v>
      </c>
      <c r="AQ41005">
        <v>74</v>
      </c>
    </row>
    <row r="41006" spans="1:43">
      <c r="A41006" t="s">
        <v>25301</v>
      </c>
      <c r="B41006" t="s">
        <v>25302</v>
      </c>
      <c r="C41006" t="s">
        <v>3934</v>
      </c>
      <c r="D41006" t="s">
        <v>3935</v>
      </c>
      <c r="E41006" t="s">
        <v>3660</v>
      </c>
      <c r="F41006" t="s">
        <v>3661</v>
      </c>
      <c r="G41006" t="s">
        <v>80</v>
      </c>
      <c r="H41006" t="s">
        <v>81</v>
      </c>
      <c r="I41006" s="2">
        <v>0</v>
      </c>
      <c r="J41006" s="2">
        <v>1</v>
      </c>
      <c r="K41006" s="2">
        <v>0</v>
      </c>
      <c r="L41006" t="s">
        <v>82</v>
      </c>
      <c r="M41006" t="s">
        <v>83</v>
      </c>
      <c r="N41006" t="s">
        <v>84</v>
      </c>
      <c r="O41006" t="s">
        <v>85</v>
      </c>
      <c r="P41006" t="s">
        <v>86</v>
      </c>
      <c r="Q41006">
        <v>89</v>
      </c>
      <c r="R41006">
        <v>91</v>
      </c>
      <c r="S41006">
        <v>92</v>
      </c>
      <c r="T41006">
        <v>94</v>
      </c>
      <c r="U41006">
        <v>96</v>
      </c>
      <c r="V41006">
        <v>97</v>
      </c>
      <c r="W41006">
        <v>99</v>
      </c>
      <c r="X41006">
        <v>101</v>
      </c>
      <c r="Y41006">
        <v>102</v>
      </c>
      <c r="Z41006">
        <v>104</v>
      </c>
      <c r="AA41006">
        <v>106</v>
      </c>
      <c r="AB41006">
        <v>107</v>
      </c>
      <c r="AC41006">
        <v>109</v>
      </c>
      <c r="AD41006">
        <v>110</v>
      </c>
      <c r="AE41006">
        <v>112</v>
      </c>
      <c r="AF41006">
        <v>114</v>
      </c>
      <c r="AG41006">
        <v>115</v>
      </c>
      <c r="AH41006">
        <v>117</v>
      </c>
      <c r="AI41006">
        <v>118</v>
      </c>
      <c r="AJ41006">
        <v>120</v>
      </c>
      <c r="AK41006">
        <v>121</v>
      </c>
      <c r="AL41006">
        <v>122</v>
      </c>
      <c r="AM41006">
        <v>122</v>
      </c>
      <c r="AN41006">
        <v>122</v>
      </c>
      <c r="AO41006">
        <v>123</v>
      </c>
      <c r="AP41006">
        <v>123</v>
      </c>
      <c r="AQ41006">
        <v>123</v>
      </c>
    </row>
    <row r="41007" spans="1:43">
      <c r="A41007" t="s">
        <v>25301</v>
      </c>
      <c r="B41007" t="s">
        <v>25302</v>
      </c>
      <c r="C41007" t="s">
        <v>3934</v>
      </c>
      <c r="D41007" t="s">
        <v>3935</v>
      </c>
      <c r="E41007" t="s">
        <v>3660</v>
      </c>
      <c r="F41007" t="s">
        <v>3661</v>
      </c>
      <c r="G41007" t="s">
        <v>80</v>
      </c>
      <c r="H41007" t="s">
        <v>81</v>
      </c>
      <c r="I41007" s="2">
        <v>0</v>
      </c>
      <c r="J41007" s="2">
        <v>1</v>
      </c>
      <c r="K41007" s="2">
        <v>0</v>
      </c>
      <c r="L41007" t="s">
        <v>82</v>
      </c>
      <c r="M41007" t="s">
        <v>87</v>
      </c>
      <c r="N41007" t="s">
        <v>88</v>
      </c>
      <c r="O41007" t="s">
        <v>85</v>
      </c>
      <c r="P41007" t="s">
        <v>86</v>
      </c>
      <c r="Q41007">
        <v>89</v>
      </c>
      <c r="R41007">
        <v>90</v>
      </c>
      <c r="S41007">
        <v>91</v>
      </c>
      <c r="T41007">
        <v>92</v>
      </c>
      <c r="U41007">
        <v>92</v>
      </c>
      <c r="V41007">
        <v>93</v>
      </c>
      <c r="W41007">
        <v>94</v>
      </c>
      <c r="X41007">
        <v>95</v>
      </c>
      <c r="Y41007">
        <v>96</v>
      </c>
      <c r="Z41007">
        <v>96</v>
      </c>
      <c r="AA41007">
        <v>97</v>
      </c>
      <c r="AB41007">
        <v>98</v>
      </c>
      <c r="AC41007">
        <v>99</v>
      </c>
      <c r="AD41007">
        <v>99</v>
      </c>
      <c r="AE41007">
        <v>100</v>
      </c>
      <c r="AF41007">
        <v>101</v>
      </c>
      <c r="AG41007">
        <v>101</v>
      </c>
      <c r="AH41007">
        <v>102</v>
      </c>
      <c r="AI41007">
        <v>103</v>
      </c>
      <c r="AJ41007">
        <v>103</v>
      </c>
      <c r="AK41007">
        <v>104</v>
      </c>
      <c r="AL41007">
        <v>105</v>
      </c>
      <c r="AM41007">
        <v>105</v>
      </c>
      <c r="AN41007">
        <v>106</v>
      </c>
      <c r="AO41007">
        <v>107</v>
      </c>
      <c r="AP41007">
        <v>107</v>
      </c>
      <c r="AQ41007">
        <v>108</v>
      </c>
    </row>
    <row r="41008" spans="1:43">
      <c r="A41008" t="s">
        <v>25301</v>
      </c>
      <c r="B41008" t="s">
        <v>25302</v>
      </c>
      <c r="C41008" t="s">
        <v>3934</v>
      </c>
      <c r="D41008" t="s">
        <v>3935</v>
      </c>
      <c r="E41008" t="s">
        <v>3660</v>
      </c>
      <c r="F41008" t="s">
        <v>3661</v>
      </c>
      <c r="G41008" t="s">
        <v>80</v>
      </c>
      <c r="H41008" t="s">
        <v>81</v>
      </c>
      <c r="I41008" s="2">
        <v>0</v>
      </c>
      <c r="J41008" s="2">
        <v>1</v>
      </c>
      <c r="K41008" s="2">
        <v>0</v>
      </c>
      <c r="L41008" t="s">
        <v>82</v>
      </c>
      <c r="M41008" t="s">
        <v>89</v>
      </c>
      <c r="N41008" t="s">
        <v>90</v>
      </c>
      <c r="O41008" t="s">
        <v>85</v>
      </c>
      <c r="P41008" t="s">
        <v>86</v>
      </c>
      <c r="Q41008">
        <v>89</v>
      </c>
      <c r="R41008">
        <v>91</v>
      </c>
      <c r="S41008">
        <v>94</v>
      </c>
      <c r="T41008">
        <v>96</v>
      </c>
      <c r="U41008">
        <v>98</v>
      </c>
      <c r="V41008">
        <v>101</v>
      </c>
      <c r="W41008">
        <v>103</v>
      </c>
      <c r="X41008">
        <v>105</v>
      </c>
      <c r="Y41008">
        <v>107</v>
      </c>
      <c r="Z41008">
        <v>110</v>
      </c>
      <c r="AA41008">
        <v>112</v>
      </c>
      <c r="AB41008">
        <v>114</v>
      </c>
      <c r="AC41008">
        <v>116</v>
      </c>
      <c r="AD41008">
        <v>118</v>
      </c>
      <c r="AE41008">
        <v>119</v>
      </c>
      <c r="AF41008">
        <v>120</v>
      </c>
      <c r="AG41008">
        <v>120</v>
      </c>
      <c r="AH41008">
        <v>120</v>
      </c>
      <c r="AI41008">
        <v>121</v>
      </c>
      <c r="AJ41008">
        <v>121</v>
      </c>
      <c r="AK41008">
        <v>121</v>
      </c>
      <c r="AL41008">
        <v>122</v>
      </c>
      <c r="AM41008">
        <v>122</v>
      </c>
      <c r="AN41008">
        <v>122</v>
      </c>
      <c r="AO41008">
        <v>122</v>
      </c>
      <c r="AP41008">
        <v>123</v>
      </c>
      <c r="AQ41008">
        <v>123</v>
      </c>
    </row>
    <row r="41009" spans="1:43">
      <c r="A41009" t="s">
        <v>25301</v>
      </c>
      <c r="B41009" t="s">
        <v>25302</v>
      </c>
      <c r="C41009" t="s">
        <v>3934</v>
      </c>
      <c r="D41009" t="s">
        <v>3935</v>
      </c>
      <c r="E41009" t="s">
        <v>3660</v>
      </c>
      <c r="F41009" t="s">
        <v>3661</v>
      </c>
      <c r="G41009" t="s">
        <v>80</v>
      </c>
      <c r="H41009" t="s">
        <v>81</v>
      </c>
      <c r="I41009" s="2">
        <v>0</v>
      </c>
      <c r="J41009" s="2">
        <v>1</v>
      </c>
      <c r="K41009" s="2">
        <v>0</v>
      </c>
      <c r="L41009" t="s">
        <v>82</v>
      </c>
      <c r="M41009" t="s">
        <v>83</v>
      </c>
      <c r="N41009" t="s">
        <v>91</v>
      </c>
      <c r="O41009" t="s">
        <v>85</v>
      </c>
      <c r="P41009" t="s">
        <v>86</v>
      </c>
      <c r="Q41009">
        <v>89</v>
      </c>
      <c r="R41009">
        <v>91</v>
      </c>
      <c r="S41009">
        <v>92</v>
      </c>
      <c r="T41009">
        <v>94</v>
      </c>
      <c r="U41009">
        <v>96</v>
      </c>
      <c r="V41009">
        <v>97</v>
      </c>
      <c r="W41009">
        <v>99</v>
      </c>
      <c r="X41009">
        <v>101</v>
      </c>
      <c r="Y41009">
        <v>102</v>
      </c>
      <c r="Z41009">
        <v>104</v>
      </c>
      <c r="AA41009">
        <v>106</v>
      </c>
      <c r="AB41009">
        <v>107</v>
      </c>
      <c r="AC41009">
        <v>109</v>
      </c>
      <c r="AD41009">
        <v>110</v>
      </c>
      <c r="AE41009">
        <v>112</v>
      </c>
      <c r="AF41009">
        <v>114</v>
      </c>
      <c r="AG41009">
        <v>115</v>
      </c>
      <c r="AH41009">
        <v>117</v>
      </c>
      <c r="AI41009">
        <v>118</v>
      </c>
      <c r="AJ41009">
        <v>120</v>
      </c>
      <c r="AK41009">
        <v>121</v>
      </c>
      <c r="AL41009">
        <v>122</v>
      </c>
      <c r="AM41009">
        <v>122</v>
      </c>
      <c r="AN41009">
        <v>122</v>
      </c>
      <c r="AO41009">
        <v>123</v>
      </c>
      <c r="AP41009">
        <v>123</v>
      </c>
      <c r="AQ41009">
        <v>123</v>
      </c>
    </row>
    <row r="41010" spans="1:43">
      <c r="A41010" t="s">
        <v>25303</v>
      </c>
      <c r="B41010" t="s">
        <v>25304</v>
      </c>
      <c r="C41010" t="s">
        <v>3854</v>
      </c>
      <c r="D41010" t="s">
        <v>3855</v>
      </c>
      <c r="E41010" t="s">
        <v>3660</v>
      </c>
      <c r="F41010" t="s">
        <v>3661</v>
      </c>
      <c r="G41010" t="s">
        <v>80</v>
      </c>
      <c r="H41010" t="s">
        <v>81</v>
      </c>
      <c r="I41010" s="2">
        <v>0</v>
      </c>
      <c r="J41010" s="2">
        <v>1</v>
      </c>
      <c r="K41010" s="2">
        <v>0</v>
      </c>
      <c r="L41010" t="s">
        <v>82</v>
      </c>
      <c r="M41010" t="s">
        <v>83</v>
      </c>
      <c r="N41010" t="s">
        <v>84</v>
      </c>
      <c r="O41010" t="s">
        <v>85</v>
      </c>
      <c r="P41010" t="s">
        <v>86</v>
      </c>
      <c r="Q41010">
        <v>39</v>
      </c>
      <c r="R41010">
        <v>40</v>
      </c>
      <c r="S41010">
        <v>41</v>
      </c>
      <c r="T41010">
        <v>42</v>
      </c>
      <c r="U41010">
        <v>42</v>
      </c>
      <c r="V41010">
        <v>43</v>
      </c>
      <c r="W41010">
        <v>44</v>
      </c>
      <c r="X41010">
        <v>45</v>
      </c>
      <c r="Y41010">
        <v>45</v>
      </c>
      <c r="Z41010">
        <v>46</v>
      </c>
      <c r="AA41010">
        <v>47</v>
      </c>
      <c r="AB41010">
        <v>48</v>
      </c>
      <c r="AC41010">
        <v>48</v>
      </c>
      <c r="AD41010">
        <v>49</v>
      </c>
      <c r="AE41010">
        <v>50</v>
      </c>
      <c r="AF41010">
        <v>50</v>
      </c>
      <c r="AG41010">
        <v>51</v>
      </c>
      <c r="AH41010">
        <v>52</v>
      </c>
      <c r="AI41010">
        <v>52</v>
      </c>
      <c r="AJ41010">
        <v>53</v>
      </c>
      <c r="AK41010">
        <v>54</v>
      </c>
      <c r="AL41010">
        <v>54</v>
      </c>
      <c r="AM41010">
        <v>54</v>
      </c>
      <c r="AN41010">
        <v>54</v>
      </c>
      <c r="AO41010">
        <v>54</v>
      </c>
      <c r="AP41010">
        <v>55</v>
      </c>
      <c r="AQ41010">
        <v>55</v>
      </c>
    </row>
    <row r="41011" spans="1:43">
      <c r="A41011" t="s">
        <v>25303</v>
      </c>
      <c r="B41011" t="s">
        <v>25304</v>
      </c>
      <c r="C41011" t="s">
        <v>3854</v>
      </c>
      <c r="D41011" t="s">
        <v>3855</v>
      </c>
      <c r="E41011" t="s">
        <v>3660</v>
      </c>
      <c r="F41011" t="s">
        <v>3661</v>
      </c>
      <c r="G41011" t="s">
        <v>80</v>
      </c>
      <c r="H41011" t="s">
        <v>81</v>
      </c>
      <c r="I41011" s="2">
        <v>0</v>
      </c>
      <c r="J41011" s="2">
        <v>1</v>
      </c>
      <c r="K41011" s="2">
        <v>0</v>
      </c>
      <c r="L41011" t="s">
        <v>82</v>
      </c>
      <c r="M41011" t="s">
        <v>87</v>
      </c>
      <c r="N41011" t="s">
        <v>88</v>
      </c>
      <c r="O41011" t="s">
        <v>85</v>
      </c>
      <c r="P41011" t="s">
        <v>86</v>
      </c>
      <c r="Q41011">
        <v>39</v>
      </c>
      <c r="R41011">
        <v>39</v>
      </c>
      <c r="S41011">
        <v>40</v>
      </c>
      <c r="T41011">
        <v>40</v>
      </c>
      <c r="U41011">
        <v>41</v>
      </c>
      <c r="V41011">
        <v>41</v>
      </c>
      <c r="W41011">
        <v>41</v>
      </c>
      <c r="X41011">
        <v>42</v>
      </c>
      <c r="Y41011">
        <v>42</v>
      </c>
      <c r="Z41011">
        <v>42</v>
      </c>
      <c r="AA41011">
        <v>43</v>
      </c>
      <c r="AB41011">
        <v>43</v>
      </c>
      <c r="AC41011">
        <v>43</v>
      </c>
      <c r="AD41011">
        <v>44</v>
      </c>
      <c r="AE41011">
        <v>44</v>
      </c>
      <c r="AF41011">
        <v>44</v>
      </c>
      <c r="AG41011">
        <v>45</v>
      </c>
      <c r="AH41011">
        <v>45</v>
      </c>
      <c r="AI41011">
        <v>45</v>
      </c>
      <c r="AJ41011">
        <v>45</v>
      </c>
      <c r="AK41011">
        <v>46</v>
      </c>
      <c r="AL41011">
        <v>46</v>
      </c>
      <c r="AM41011">
        <v>46</v>
      </c>
      <c r="AN41011">
        <v>47</v>
      </c>
      <c r="AO41011">
        <v>47</v>
      </c>
      <c r="AP41011">
        <v>47</v>
      </c>
      <c r="AQ41011">
        <v>47</v>
      </c>
    </row>
    <row r="41012" spans="1:43">
      <c r="A41012" t="s">
        <v>25303</v>
      </c>
      <c r="B41012" t="s">
        <v>25304</v>
      </c>
      <c r="C41012" t="s">
        <v>3854</v>
      </c>
      <c r="D41012" t="s">
        <v>3855</v>
      </c>
      <c r="E41012" t="s">
        <v>3660</v>
      </c>
      <c r="F41012" t="s">
        <v>3661</v>
      </c>
      <c r="G41012" t="s">
        <v>80</v>
      </c>
      <c r="H41012" t="s">
        <v>81</v>
      </c>
      <c r="I41012" s="2">
        <v>0</v>
      </c>
      <c r="J41012" s="2">
        <v>1</v>
      </c>
      <c r="K41012" s="2">
        <v>0</v>
      </c>
      <c r="L41012" t="s">
        <v>82</v>
      </c>
      <c r="M41012" t="s">
        <v>89</v>
      </c>
      <c r="N41012" t="s">
        <v>90</v>
      </c>
      <c r="O41012" t="s">
        <v>85</v>
      </c>
      <c r="P41012" t="s">
        <v>86</v>
      </c>
      <c r="Q41012">
        <v>39</v>
      </c>
      <c r="R41012">
        <v>40</v>
      </c>
      <c r="S41012">
        <v>41</v>
      </c>
      <c r="T41012">
        <v>42</v>
      </c>
      <c r="U41012">
        <v>43</v>
      </c>
      <c r="V41012">
        <v>44</v>
      </c>
      <c r="W41012">
        <v>45</v>
      </c>
      <c r="X41012">
        <v>46</v>
      </c>
      <c r="Y41012">
        <v>47</v>
      </c>
      <c r="Z41012">
        <v>48</v>
      </c>
      <c r="AA41012">
        <v>49</v>
      </c>
      <c r="AB41012">
        <v>50</v>
      </c>
      <c r="AC41012">
        <v>51</v>
      </c>
      <c r="AD41012">
        <v>52</v>
      </c>
      <c r="AE41012">
        <v>52</v>
      </c>
      <c r="AF41012">
        <v>52</v>
      </c>
      <c r="AG41012">
        <v>53</v>
      </c>
      <c r="AH41012">
        <v>53</v>
      </c>
      <c r="AI41012">
        <v>53</v>
      </c>
      <c r="AJ41012">
        <v>53</v>
      </c>
      <c r="AK41012">
        <v>53</v>
      </c>
      <c r="AL41012">
        <v>53</v>
      </c>
      <c r="AM41012">
        <v>54</v>
      </c>
      <c r="AN41012">
        <v>54</v>
      </c>
      <c r="AO41012">
        <v>54</v>
      </c>
      <c r="AP41012">
        <v>54</v>
      </c>
      <c r="AQ41012">
        <v>54</v>
      </c>
    </row>
    <row r="41013" spans="1:43">
      <c r="A41013" t="s">
        <v>25303</v>
      </c>
      <c r="B41013" t="s">
        <v>25304</v>
      </c>
      <c r="C41013" t="s">
        <v>3854</v>
      </c>
      <c r="D41013" t="s">
        <v>3855</v>
      </c>
      <c r="E41013" t="s">
        <v>3660</v>
      </c>
      <c r="F41013" t="s">
        <v>3661</v>
      </c>
      <c r="G41013" t="s">
        <v>80</v>
      </c>
      <c r="H41013" t="s">
        <v>81</v>
      </c>
      <c r="I41013" s="2">
        <v>0</v>
      </c>
      <c r="J41013" s="2">
        <v>1</v>
      </c>
      <c r="K41013" s="2">
        <v>0</v>
      </c>
      <c r="L41013" t="s">
        <v>82</v>
      </c>
      <c r="M41013" t="s">
        <v>83</v>
      </c>
      <c r="N41013" t="s">
        <v>91</v>
      </c>
      <c r="O41013" t="s">
        <v>85</v>
      </c>
      <c r="P41013" t="s">
        <v>86</v>
      </c>
      <c r="Q41013">
        <v>39</v>
      </c>
      <c r="R41013">
        <v>40</v>
      </c>
      <c r="S41013">
        <v>41</v>
      </c>
      <c r="T41013">
        <v>42</v>
      </c>
      <c r="U41013">
        <v>42</v>
      </c>
      <c r="V41013">
        <v>43</v>
      </c>
      <c r="W41013">
        <v>44</v>
      </c>
      <c r="X41013">
        <v>45</v>
      </c>
      <c r="Y41013">
        <v>45</v>
      </c>
      <c r="Z41013">
        <v>46</v>
      </c>
      <c r="AA41013">
        <v>47</v>
      </c>
      <c r="AB41013">
        <v>48</v>
      </c>
      <c r="AC41013">
        <v>48</v>
      </c>
      <c r="AD41013">
        <v>49</v>
      </c>
      <c r="AE41013">
        <v>50</v>
      </c>
      <c r="AF41013">
        <v>50</v>
      </c>
      <c r="AG41013">
        <v>51</v>
      </c>
      <c r="AH41013">
        <v>52</v>
      </c>
      <c r="AI41013">
        <v>52</v>
      </c>
      <c r="AJ41013">
        <v>53</v>
      </c>
      <c r="AK41013">
        <v>54</v>
      </c>
      <c r="AL41013">
        <v>54</v>
      </c>
      <c r="AM41013">
        <v>54</v>
      </c>
      <c r="AN41013">
        <v>54</v>
      </c>
      <c r="AO41013">
        <v>54</v>
      </c>
      <c r="AP41013">
        <v>55</v>
      </c>
      <c r="AQ41013">
        <v>55</v>
      </c>
    </row>
    <row r="41014" spans="1:43">
      <c r="A41014" t="s">
        <v>25305</v>
      </c>
      <c r="B41014" t="s">
        <v>25306</v>
      </c>
      <c r="C41014" t="s">
        <v>3810</v>
      </c>
      <c r="D41014" t="s">
        <v>3811</v>
      </c>
      <c r="E41014" t="s">
        <v>3660</v>
      </c>
      <c r="F41014" t="s">
        <v>3661</v>
      </c>
      <c r="G41014" t="s">
        <v>80</v>
      </c>
      <c r="H41014" t="s">
        <v>81</v>
      </c>
      <c r="I41014" s="2">
        <v>0</v>
      </c>
      <c r="J41014" s="2">
        <v>1</v>
      </c>
      <c r="K41014" s="2">
        <v>0</v>
      </c>
      <c r="L41014" t="s">
        <v>82</v>
      </c>
      <c r="M41014" t="s">
        <v>83</v>
      </c>
      <c r="N41014" t="s">
        <v>84</v>
      </c>
      <c r="O41014" t="s">
        <v>85</v>
      </c>
      <c r="P41014" t="s">
        <v>86</v>
      </c>
      <c r="Q41014">
        <v>262</v>
      </c>
      <c r="R41014">
        <v>267</v>
      </c>
      <c r="S41014">
        <v>272</v>
      </c>
      <c r="T41014">
        <v>277</v>
      </c>
      <c r="U41014">
        <v>282</v>
      </c>
      <c r="V41014">
        <v>287</v>
      </c>
      <c r="W41014">
        <v>292</v>
      </c>
      <c r="X41014">
        <v>297</v>
      </c>
      <c r="Y41014">
        <v>301</v>
      </c>
      <c r="Z41014">
        <v>306</v>
      </c>
      <c r="AA41014">
        <v>311</v>
      </c>
      <c r="AB41014">
        <v>316</v>
      </c>
      <c r="AC41014">
        <v>320</v>
      </c>
      <c r="AD41014">
        <v>325</v>
      </c>
      <c r="AE41014">
        <v>330</v>
      </c>
      <c r="AF41014">
        <v>334</v>
      </c>
      <c r="AG41014">
        <v>339</v>
      </c>
      <c r="AH41014">
        <v>343</v>
      </c>
      <c r="AI41014">
        <v>348</v>
      </c>
      <c r="AJ41014">
        <v>352</v>
      </c>
      <c r="AK41014">
        <v>357</v>
      </c>
      <c r="AL41014">
        <v>359</v>
      </c>
      <c r="AM41014">
        <v>360</v>
      </c>
      <c r="AN41014">
        <v>361</v>
      </c>
      <c r="AO41014">
        <v>361</v>
      </c>
      <c r="AP41014">
        <v>362</v>
      </c>
      <c r="AQ41014">
        <v>363</v>
      </c>
    </row>
    <row r="41015" spans="1:43">
      <c r="A41015" t="s">
        <v>25305</v>
      </c>
      <c r="B41015" t="s">
        <v>25306</v>
      </c>
      <c r="C41015" t="s">
        <v>3810</v>
      </c>
      <c r="D41015" t="s">
        <v>3811</v>
      </c>
      <c r="E41015" t="s">
        <v>3660</v>
      </c>
      <c r="F41015" t="s">
        <v>3661</v>
      </c>
      <c r="G41015" t="s">
        <v>80</v>
      </c>
      <c r="H41015" t="s">
        <v>81</v>
      </c>
      <c r="I41015" s="2">
        <v>0</v>
      </c>
      <c r="J41015" s="2">
        <v>1</v>
      </c>
      <c r="K41015" s="2">
        <v>0</v>
      </c>
      <c r="L41015" t="s">
        <v>82</v>
      </c>
      <c r="M41015" t="s">
        <v>87</v>
      </c>
      <c r="N41015" t="s">
        <v>88</v>
      </c>
      <c r="O41015" t="s">
        <v>85</v>
      </c>
      <c r="P41015" t="s">
        <v>86</v>
      </c>
      <c r="Q41015">
        <v>262</v>
      </c>
      <c r="R41015">
        <v>265</v>
      </c>
      <c r="S41015">
        <v>267</v>
      </c>
      <c r="T41015">
        <v>270</v>
      </c>
      <c r="U41015">
        <v>272</v>
      </c>
      <c r="V41015">
        <v>275</v>
      </c>
      <c r="W41015">
        <v>277</v>
      </c>
      <c r="X41015">
        <v>279</v>
      </c>
      <c r="Y41015">
        <v>282</v>
      </c>
      <c r="Z41015">
        <v>284</v>
      </c>
      <c r="AA41015">
        <v>286</v>
      </c>
      <c r="AB41015">
        <v>288</v>
      </c>
      <c r="AC41015">
        <v>290</v>
      </c>
      <c r="AD41015">
        <v>292</v>
      </c>
      <c r="AE41015">
        <v>294</v>
      </c>
      <c r="AF41015">
        <v>296</v>
      </c>
      <c r="AG41015">
        <v>298</v>
      </c>
      <c r="AH41015">
        <v>300</v>
      </c>
      <c r="AI41015">
        <v>302</v>
      </c>
      <c r="AJ41015">
        <v>304</v>
      </c>
      <c r="AK41015">
        <v>306</v>
      </c>
      <c r="AL41015">
        <v>308</v>
      </c>
      <c r="AM41015">
        <v>310</v>
      </c>
      <c r="AN41015">
        <v>312</v>
      </c>
      <c r="AO41015">
        <v>314</v>
      </c>
      <c r="AP41015">
        <v>315</v>
      </c>
      <c r="AQ41015">
        <v>317</v>
      </c>
    </row>
    <row r="41016" spans="1:43">
      <c r="A41016" t="s">
        <v>25305</v>
      </c>
      <c r="B41016" t="s">
        <v>25306</v>
      </c>
      <c r="C41016" t="s">
        <v>3810</v>
      </c>
      <c r="D41016" t="s">
        <v>3811</v>
      </c>
      <c r="E41016" t="s">
        <v>3660</v>
      </c>
      <c r="F41016" t="s">
        <v>3661</v>
      </c>
      <c r="G41016" t="s">
        <v>80</v>
      </c>
      <c r="H41016" t="s">
        <v>81</v>
      </c>
      <c r="I41016" s="2">
        <v>0</v>
      </c>
      <c r="J41016" s="2">
        <v>1</v>
      </c>
      <c r="K41016" s="2">
        <v>0</v>
      </c>
      <c r="L41016" t="s">
        <v>82</v>
      </c>
      <c r="M41016" t="s">
        <v>89</v>
      </c>
      <c r="N41016" t="s">
        <v>90</v>
      </c>
      <c r="O41016" t="s">
        <v>85</v>
      </c>
      <c r="P41016" t="s">
        <v>86</v>
      </c>
      <c r="Q41016">
        <v>262</v>
      </c>
      <c r="R41016">
        <v>270</v>
      </c>
      <c r="S41016">
        <v>277</v>
      </c>
      <c r="T41016">
        <v>284</v>
      </c>
      <c r="U41016">
        <v>291</v>
      </c>
      <c r="V41016">
        <v>298</v>
      </c>
      <c r="W41016">
        <v>305</v>
      </c>
      <c r="X41016">
        <v>311</v>
      </c>
      <c r="Y41016">
        <v>318</v>
      </c>
      <c r="Z41016">
        <v>324</v>
      </c>
      <c r="AA41016">
        <v>330</v>
      </c>
      <c r="AB41016">
        <v>336</v>
      </c>
      <c r="AC41016">
        <v>342</v>
      </c>
      <c r="AD41016">
        <v>348</v>
      </c>
      <c r="AE41016">
        <v>352</v>
      </c>
      <c r="AF41016">
        <v>354</v>
      </c>
      <c r="AG41016">
        <v>355</v>
      </c>
      <c r="AH41016">
        <v>356</v>
      </c>
      <c r="AI41016">
        <v>357</v>
      </c>
      <c r="AJ41016">
        <v>358</v>
      </c>
      <c r="AK41016">
        <v>358</v>
      </c>
      <c r="AL41016">
        <v>359</v>
      </c>
      <c r="AM41016">
        <v>360</v>
      </c>
      <c r="AN41016">
        <v>361</v>
      </c>
      <c r="AO41016">
        <v>362</v>
      </c>
      <c r="AP41016">
        <v>362</v>
      </c>
      <c r="AQ41016">
        <v>363</v>
      </c>
    </row>
    <row r="41017" spans="1:43">
      <c r="A41017" t="s">
        <v>25305</v>
      </c>
      <c r="B41017" t="s">
        <v>25306</v>
      </c>
      <c r="C41017" t="s">
        <v>3810</v>
      </c>
      <c r="D41017" t="s">
        <v>3811</v>
      </c>
      <c r="E41017" t="s">
        <v>3660</v>
      </c>
      <c r="F41017" t="s">
        <v>3661</v>
      </c>
      <c r="G41017" t="s">
        <v>80</v>
      </c>
      <c r="H41017" t="s">
        <v>81</v>
      </c>
      <c r="I41017" s="2">
        <v>0</v>
      </c>
      <c r="J41017" s="2">
        <v>1</v>
      </c>
      <c r="K41017" s="2">
        <v>0</v>
      </c>
      <c r="L41017" t="s">
        <v>82</v>
      </c>
      <c r="M41017" t="s">
        <v>83</v>
      </c>
      <c r="N41017" t="s">
        <v>91</v>
      </c>
      <c r="O41017" t="s">
        <v>85</v>
      </c>
      <c r="P41017" t="s">
        <v>86</v>
      </c>
      <c r="Q41017">
        <v>262</v>
      </c>
      <c r="R41017">
        <v>267</v>
      </c>
      <c r="S41017">
        <v>272</v>
      </c>
      <c r="T41017">
        <v>277</v>
      </c>
      <c r="U41017">
        <v>282</v>
      </c>
      <c r="V41017">
        <v>287</v>
      </c>
      <c r="W41017">
        <v>292</v>
      </c>
      <c r="X41017">
        <v>297</v>
      </c>
      <c r="Y41017">
        <v>301</v>
      </c>
      <c r="Z41017">
        <v>306</v>
      </c>
      <c r="AA41017">
        <v>311</v>
      </c>
      <c r="AB41017">
        <v>316</v>
      </c>
      <c r="AC41017">
        <v>320</v>
      </c>
      <c r="AD41017">
        <v>325</v>
      </c>
      <c r="AE41017">
        <v>330</v>
      </c>
      <c r="AF41017">
        <v>334</v>
      </c>
      <c r="AG41017">
        <v>339</v>
      </c>
      <c r="AH41017">
        <v>343</v>
      </c>
      <c r="AI41017">
        <v>348</v>
      </c>
      <c r="AJ41017">
        <v>352</v>
      </c>
      <c r="AK41017">
        <v>357</v>
      </c>
      <c r="AL41017">
        <v>359</v>
      </c>
      <c r="AM41017">
        <v>360</v>
      </c>
      <c r="AN41017">
        <v>361</v>
      </c>
      <c r="AO41017">
        <v>361</v>
      </c>
      <c r="AP41017">
        <v>362</v>
      </c>
      <c r="AQ41017">
        <v>363</v>
      </c>
    </row>
    <row r="41018" spans="1:43">
      <c r="A41018" t="s">
        <v>25307</v>
      </c>
      <c r="B41018" t="s">
        <v>25308</v>
      </c>
      <c r="C41018" t="s">
        <v>3810</v>
      </c>
      <c r="D41018" t="s">
        <v>3811</v>
      </c>
      <c r="E41018" t="s">
        <v>3660</v>
      </c>
      <c r="F41018" t="s">
        <v>3661</v>
      </c>
      <c r="G41018" t="s">
        <v>80</v>
      </c>
      <c r="H41018" t="s">
        <v>81</v>
      </c>
      <c r="I41018" s="2">
        <v>0</v>
      </c>
      <c r="J41018" s="2">
        <v>1</v>
      </c>
      <c r="K41018" s="2">
        <v>0</v>
      </c>
      <c r="L41018" t="s">
        <v>82</v>
      </c>
      <c r="M41018" t="s">
        <v>83</v>
      </c>
      <c r="N41018" t="s">
        <v>84</v>
      </c>
      <c r="O41018" t="s">
        <v>85</v>
      </c>
      <c r="P41018" t="s">
        <v>86</v>
      </c>
      <c r="Q41018">
        <v>831</v>
      </c>
      <c r="R41018">
        <v>847</v>
      </c>
      <c r="S41018">
        <v>863</v>
      </c>
      <c r="T41018">
        <v>879</v>
      </c>
      <c r="U41018">
        <v>895</v>
      </c>
      <c r="V41018">
        <v>910</v>
      </c>
      <c r="W41018">
        <v>926</v>
      </c>
      <c r="X41018">
        <v>941</v>
      </c>
      <c r="Y41018">
        <v>957</v>
      </c>
      <c r="Z41018">
        <v>972</v>
      </c>
      <c r="AA41018">
        <v>987</v>
      </c>
      <c r="AB41018">
        <v>1003</v>
      </c>
      <c r="AC41018">
        <v>1018</v>
      </c>
      <c r="AD41018">
        <v>1033</v>
      </c>
      <c r="AE41018">
        <v>1047</v>
      </c>
      <c r="AF41018">
        <v>1062</v>
      </c>
      <c r="AG41018">
        <v>1077</v>
      </c>
      <c r="AH41018">
        <v>1091</v>
      </c>
      <c r="AI41018">
        <v>1106</v>
      </c>
      <c r="AJ41018">
        <v>1120</v>
      </c>
      <c r="AK41018">
        <v>1134</v>
      </c>
      <c r="AL41018">
        <v>1141</v>
      </c>
      <c r="AM41018">
        <v>1143</v>
      </c>
      <c r="AN41018">
        <v>1145</v>
      </c>
      <c r="AO41018">
        <v>1148</v>
      </c>
      <c r="AP41018">
        <v>1150</v>
      </c>
      <c r="AQ41018">
        <v>1152</v>
      </c>
    </row>
    <row r="41019" spans="1:43">
      <c r="A41019" t="s">
        <v>25307</v>
      </c>
      <c r="B41019" t="s">
        <v>25308</v>
      </c>
      <c r="C41019" t="s">
        <v>3810</v>
      </c>
      <c r="D41019" t="s">
        <v>3811</v>
      </c>
      <c r="E41019" t="s">
        <v>3660</v>
      </c>
      <c r="F41019" t="s">
        <v>3661</v>
      </c>
      <c r="G41019" t="s">
        <v>80</v>
      </c>
      <c r="H41019" t="s">
        <v>81</v>
      </c>
      <c r="I41019" s="2">
        <v>0</v>
      </c>
      <c r="J41019" s="2">
        <v>1</v>
      </c>
      <c r="K41019" s="2">
        <v>0</v>
      </c>
      <c r="L41019" t="s">
        <v>82</v>
      </c>
      <c r="M41019" t="s">
        <v>87</v>
      </c>
      <c r="N41019" t="s">
        <v>88</v>
      </c>
      <c r="O41019" t="s">
        <v>85</v>
      </c>
      <c r="P41019" t="s">
        <v>86</v>
      </c>
      <c r="Q41019">
        <v>831</v>
      </c>
      <c r="R41019">
        <v>839</v>
      </c>
      <c r="S41019">
        <v>847</v>
      </c>
      <c r="T41019">
        <v>854</v>
      </c>
      <c r="U41019">
        <v>862</v>
      </c>
      <c r="V41019">
        <v>870</v>
      </c>
      <c r="W41019">
        <v>877</v>
      </c>
      <c r="X41019">
        <v>884</v>
      </c>
      <c r="Y41019">
        <v>892</v>
      </c>
      <c r="Z41019">
        <v>899</v>
      </c>
      <c r="AA41019">
        <v>906</v>
      </c>
      <c r="AB41019">
        <v>913</v>
      </c>
      <c r="AC41019">
        <v>919</v>
      </c>
      <c r="AD41019">
        <v>926</v>
      </c>
      <c r="AE41019">
        <v>932</v>
      </c>
      <c r="AF41019">
        <v>939</v>
      </c>
      <c r="AG41019">
        <v>945</v>
      </c>
      <c r="AH41019">
        <v>951</v>
      </c>
      <c r="AI41019">
        <v>957</v>
      </c>
      <c r="AJ41019">
        <v>963</v>
      </c>
      <c r="AK41019">
        <v>969</v>
      </c>
      <c r="AL41019">
        <v>975</v>
      </c>
      <c r="AM41019">
        <v>981</v>
      </c>
      <c r="AN41019">
        <v>987</v>
      </c>
      <c r="AO41019">
        <v>993</v>
      </c>
      <c r="AP41019">
        <v>998</v>
      </c>
      <c r="AQ41019">
        <v>1004</v>
      </c>
    </row>
    <row r="41020" spans="1:43">
      <c r="A41020" t="s">
        <v>25307</v>
      </c>
      <c r="B41020" t="s">
        <v>25308</v>
      </c>
      <c r="C41020" t="s">
        <v>3810</v>
      </c>
      <c r="D41020" t="s">
        <v>3811</v>
      </c>
      <c r="E41020" t="s">
        <v>3660</v>
      </c>
      <c r="F41020" t="s">
        <v>3661</v>
      </c>
      <c r="G41020" t="s">
        <v>80</v>
      </c>
      <c r="H41020" t="s">
        <v>81</v>
      </c>
      <c r="I41020" s="2">
        <v>0</v>
      </c>
      <c r="J41020" s="2">
        <v>1</v>
      </c>
      <c r="K41020" s="2">
        <v>0</v>
      </c>
      <c r="L41020" t="s">
        <v>82</v>
      </c>
      <c r="M41020" t="s">
        <v>89</v>
      </c>
      <c r="N41020" t="s">
        <v>90</v>
      </c>
      <c r="O41020" t="s">
        <v>85</v>
      </c>
      <c r="P41020" t="s">
        <v>86</v>
      </c>
      <c r="Q41020">
        <v>831</v>
      </c>
      <c r="R41020">
        <v>854</v>
      </c>
      <c r="S41020">
        <v>877</v>
      </c>
      <c r="T41020">
        <v>900</v>
      </c>
      <c r="U41020">
        <v>922</v>
      </c>
      <c r="V41020">
        <v>944</v>
      </c>
      <c r="W41020">
        <v>966</v>
      </c>
      <c r="X41020">
        <v>987</v>
      </c>
      <c r="Y41020">
        <v>1007</v>
      </c>
      <c r="Z41020">
        <v>1027</v>
      </c>
      <c r="AA41020">
        <v>1047</v>
      </c>
      <c r="AB41020">
        <v>1066</v>
      </c>
      <c r="AC41020">
        <v>1086</v>
      </c>
      <c r="AD41020">
        <v>1106</v>
      </c>
      <c r="AE41020">
        <v>1119</v>
      </c>
      <c r="AF41020">
        <v>1122</v>
      </c>
      <c r="AG41020">
        <v>1125</v>
      </c>
      <c r="AH41020">
        <v>1128</v>
      </c>
      <c r="AI41020">
        <v>1130</v>
      </c>
      <c r="AJ41020">
        <v>1133</v>
      </c>
      <c r="AK41020">
        <v>1135</v>
      </c>
      <c r="AL41020">
        <v>1137</v>
      </c>
      <c r="AM41020">
        <v>1140</v>
      </c>
      <c r="AN41020">
        <v>1142</v>
      </c>
      <c r="AO41020">
        <v>1144</v>
      </c>
      <c r="AP41020">
        <v>1146</v>
      </c>
      <c r="AQ41020">
        <v>1148</v>
      </c>
    </row>
    <row r="41021" spans="1:43">
      <c r="A41021" t="s">
        <v>25307</v>
      </c>
      <c r="B41021" t="s">
        <v>25308</v>
      </c>
      <c r="C41021" t="s">
        <v>3810</v>
      </c>
      <c r="D41021" t="s">
        <v>3811</v>
      </c>
      <c r="E41021" t="s">
        <v>3660</v>
      </c>
      <c r="F41021" t="s">
        <v>3661</v>
      </c>
      <c r="G41021" t="s">
        <v>80</v>
      </c>
      <c r="H41021" t="s">
        <v>81</v>
      </c>
      <c r="I41021" s="2">
        <v>0</v>
      </c>
      <c r="J41021" s="2">
        <v>1</v>
      </c>
      <c r="K41021" s="2">
        <v>0</v>
      </c>
      <c r="L41021" t="s">
        <v>82</v>
      </c>
      <c r="M41021" t="s">
        <v>83</v>
      </c>
      <c r="N41021" t="s">
        <v>91</v>
      </c>
      <c r="O41021" t="s">
        <v>85</v>
      </c>
      <c r="P41021" t="s">
        <v>86</v>
      </c>
      <c r="Q41021">
        <v>831</v>
      </c>
      <c r="R41021">
        <v>847</v>
      </c>
      <c r="S41021">
        <v>863</v>
      </c>
      <c r="T41021">
        <v>879</v>
      </c>
      <c r="U41021">
        <v>895</v>
      </c>
      <c r="V41021">
        <v>910</v>
      </c>
      <c r="W41021">
        <v>926</v>
      </c>
      <c r="X41021">
        <v>941</v>
      </c>
      <c r="Y41021">
        <v>957</v>
      </c>
      <c r="Z41021">
        <v>972</v>
      </c>
      <c r="AA41021">
        <v>987</v>
      </c>
      <c r="AB41021">
        <v>1003</v>
      </c>
      <c r="AC41021">
        <v>1018</v>
      </c>
      <c r="AD41021">
        <v>1033</v>
      </c>
      <c r="AE41021">
        <v>1047</v>
      </c>
      <c r="AF41021">
        <v>1062</v>
      </c>
      <c r="AG41021">
        <v>1077</v>
      </c>
      <c r="AH41021">
        <v>1091</v>
      </c>
      <c r="AI41021">
        <v>1106</v>
      </c>
      <c r="AJ41021">
        <v>1120</v>
      </c>
      <c r="AK41021">
        <v>1134</v>
      </c>
      <c r="AL41021">
        <v>1141</v>
      </c>
      <c r="AM41021">
        <v>1143</v>
      </c>
      <c r="AN41021">
        <v>1145</v>
      </c>
      <c r="AO41021">
        <v>1148</v>
      </c>
      <c r="AP41021">
        <v>1150</v>
      </c>
      <c r="AQ41021">
        <v>1152</v>
      </c>
    </row>
    <row r="41022" spans="1:43">
      <c r="A41022" t="s">
        <v>25309</v>
      </c>
      <c r="B41022" t="s">
        <v>25310</v>
      </c>
      <c r="C41022" t="s">
        <v>3814</v>
      </c>
      <c r="D41022" t="s">
        <v>3815</v>
      </c>
      <c r="E41022" t="s">
        <v>3660</v>
      </c>
      <c r="F41022" t="s">
        <v>3661</v>
      </c>
      <c r="G41022" t="s">
        <v>80</v>
      </c>
      <c r="H41022" t="s">
        <v>81</v>
      </c>
      <c r="I41022" s="2">
        <v>0</v>
      </c>
      <c r="J41022" s="2">
        <v>1</v>
      </c>
      <c r="K41022" s="2">
        <v>0</v>
      </c>
      <c r="L41022" t="s">
        <v>82</v>
      </c>
      <c r="M41022" t="s">
        <v>83</v>
      </c>
      <c r="N41022" t="s">
        <v>84</v>
      </c>
      <c r="O41022" t="s">
        <v>85</v>
      </c>
      <c r="P41022" t="s">
        <v>86</v>
      </c>
      <c r="Q41022">
        <v>31</v>
      </c>
      <c r="R41022">
        <v>31</v>
      </c>
      <c r="S41022">
        <v>32</v>
      </c>
      <c r="T41022">
        <v>33</v>
      </c>
      <c r="U41022">
        <v>33</v>
      </c>
      <c r="V41022">
        <v>34</v>
      </c>
      <c r="W41022">
        <v>34</v>
      </c>
      <c r="X41022">
        <v>35</v>
      </c>
      <c r="Y41022">
        <v>35</v>
      </c>
      <c r="Z41022">
        <v>36</v>
      </c>
      <c r="AA41022">
        <v>37</v>
      </c>
      <c r="AB41022">
        <v>37</v>
      </c>
      <c r="AC41022">
        <v>38</v>
      </c>
      <c r="AD41022">
        <v>38</v>
      </c>
      <c r="AE41022">
        <v>39</v>
      </c>
      <c r="AF41022">
        <v>39</v>
      </c>
      <c r="AG41022">
        <v>40</v>
      </c>
      <c r="AH41022">
        <v>40</v>
      </c>
      <c r="AI41022">
        <v>41</v>
      </c>
      <c r="AJ41022">
        <v>42</v>
      </c>
      <c r="AK41022">
        <v>42</v>
      </c>
      <c r="AL41022">
        <v>42</v>
      </c>
      <c r="AM41022">
        <v>42</v>
      </c>
      <c r="AN41022">
        <v>42</v>
      </c>
      <c r="AO41022">
        <v>43</v>
      </c>
      <c r="AP41022">
        <v>43</v>
      </c>
      <c r="AQ41022">
        <v>43</v>
      </c>
    </row>
    <row r="41023" spans="1:43">
      <c r="A41023" t="s">
        <v>25309</v>
      </c>
      <c r="B41023" t="s">
        <v>25310</v>
      </c>
      <c r="C41023" t="s">
        <v>3814</v>
      </c>
      <c r="D41023" t="s">
        <v>3815</v>
      </c>
      <c r="E41023" t="s">
        <v>3660</v>
      </c>
      <c r="F41023" t="s">
        <v>3661</v>
      </c>
      <c r="G41023" t="s">
        <v>80</v>
      </c>
      <c r="H41023" t="s">
        <v>81</v>
      </c>
      <c r="I41023" s="2">
        <v>0</v>
      </c>
      <c r="J41023" s="2">
        <v>1</v>
      </c>
      <c r="K41023" s="2">
        <v>0</v>
      </c>
      <c r="L41023" t="s">
        <v>82</v>
      </c>
      <c r="M41023" t="s">
        <v>87</v>
      </c>
      <c r="N41023" t="s">
        <v>88</v>
      </c>
      <c r="O41023" t="s">
        <v>85</v>
      </c>
      <c r="P41023" t="s">
        <v>86</v>
      </c>
      <c r="Q41023">
        <v>31</v>
      </c>
      <c r="R41023">
        <v>31</v>
      </c>
      <c r="S41023">
        <v>31</v>
      </c>
      <c r="T41023">
        <v>31</v>
      </c>
      <c r="U41023">
        <v>32</v>
      </c>
      <c r="V41023">
        <v>32</v>
      </c>
      <c r="W41023">
        <v>32</v>
      </c>
      <c r="X41023">
        <v>33</v>
      </c>
      <c r="Y41023">
        <v>33</v>
      </c>
      <c r="Z41023">
        <v>33</v>
      </c>
      <c r="AA41023">
        <v>33</v>
      </c>
      <c r="AB41023">
        <v>34</v>
      </c>
      <c r="AC41023">
        <v>34</v>
      </c>
      <c r="AD41023">
        <v>34</v>
      </c>
      <c r="AE41023">
        <v>34</v>
      </c>
      <c r="AF41023">
        <v>35</v>
      </c>
      <c r="AG41023">
        <v>35</v>
      </c>
      <c r="AH41023">
        <v>35</v>
      </c>
      <c r="AI41023">
        <v>35</v>
      </c>
      <c r="AJ41023">
        <v>35</v>
      </c>
      <c r="AK41023">
        <v>36</v>
      </c>
      <c r="AL41023">
        <v>36</v>
      </c>
      <c r="AM41023">
        <v>36</v>
      </c>
      <c r="AN41023">
        <v>36</v>
      </c>
      <c r="AO41023">
        <v>37</v>
      </c>
      <c r="AP41023">
        <v>37</v>
      </c>
      <c r="AQ41023">
        <v>37</v>
      </c>
    </row>
    <row r="41024" spans="1:43">
      <c r="A41024" t="s">
        <v>25309</v>
      </c>
      <c r="B41024" t="s">
        <v>25310</v>
      </c>
      <c r="C41024" t="s">
        <v>3814</v>
      </c>
      <c r="D41024" t="s">
        <v>3815</v>
      </c>
      <c r="E41024" t="s">
        <v>3660</v>
      </c>
      <c r="F41024" t="s">
        <v>3661</v>
      </c>
      <c r="G41024" t="s">
        <v>80</v>
      </c>
      <c r="H41024" t="s">
        <v>81</v>
      </c>
      <c r="I41024" s="2">
        <v>0</v>
      </c>
      <c r="J41024" s="2">
        <v>1</v>
      </c>
      <c r="K41024" s="2">
        <v>0</v>
      </c>
      <c r="L41024" t="s">
        <v>82</v>
      </c>
      <c r="M41024" t="s">
        <v>89</v>
      </c>
      <c r="N41024" t="s">
        <v>90</v>
      </c>
      <c r="O41024" t="s">
        <v>85</v>
      </c>
      <c r="P41024" t="s">
        <v>86</v>
      </c>
      <c r="Q41024">
        <v>31</v>
      </c>
      <c r="R41024">
        <v>32</v>
      </c>
      <c r="S41024">
        <v>33</v>
      </c>
      <c r="T41024">
        <v>34</v>
      </c>
      <c r="U41024">
        <v>34</v>
      </c>
      <c r="V41024">
        <v>35</v>
      </c>
      <c r="W41024">
        <v>36</v>
      </c>
      <c r="X41024">
        <v>37</v>
      </c>
      <c r="Y41024">
        <v>38</v>
      </c>
      <c r="Z41024">
        <v>38</v>
      </c>
      <c r="AA41024">
        <v>39</v>
      </c>
      <c r="AB41024">
        <v>40</v>
      </c>
      <c r="AC41024">
        <v>41</v>
      </c>
      <c r="AD41024">
        <v>41</v>
      </c>
      <c r="AE41024">
        <v>42</v>
      </c>
      <c r="AF41024">
        <v>42</v>
      </c>
      <c r="AG41024">
        <v>42</v>
      </c>
      <c r="AH41024">
        <v>42</v>
      </c>
      <c r="AI41024">
        <v>42</v>
      </c>
      <c r="AJ41024">
        <v>42</v>
      </c>
      <c r="AK41024">
        <v>42</v>
      </c>
      <c r="AL41024">
        <v>42</v>
      </c>
      <c r="AM41024">
        <v>43</v>
      </c>
      <c r="AN41024">
        <v>43</v>
      </c>
      <c r="AO41024">
        <v>43</v>
      </c>
      <c r="AP41024">
        <v>43</v>
      </c>
      <c r="AQ41024">
        <v>43</v>
      </c>
    </row>
    <row r="41025" spans="1:43">
      <c r="A41025" t="s">
        <v>25309</v>
      </c>
      <c r="B41025" t="s">
        <v>25310</v>
      </c>
      <c r="C41025" t="s">
        <v>3814</v>
      </c>
      <c r="D41025" t="s">
        <v>3815</v>
      </c>
      <c r="E41025" t="s">
        <v>3660</v>
      </c>
      <c r="F41025" t="s">
        <v>3661</v>
      </c>
      <c r="G41025" t="s">
        <v>80</v>
      </c>
      <c r="H41025" t="s">
        <v>81</v>
      </c>
      <c r="I41025" s="2">
        <v>0</v>
      </c>
      <c r="J41025" s="2">
        <v>1</v>
      </c>
      <c r="K41025" s="2">
        <v>0</v>
      </c>
      <c r="L41025" t="s">
        <v>82</v>
      </c>
      <c r="M41025" t="s">
        <v>83</v>
      </c>
      <c r="N41025" t="s">
        <v>91</v>
      </c>
      <c r="O41025" t="s">
        <v>85</v>
      </c>
      <c r="P41025" t="s">
        <v>86</v>
      </c>
      <c r="Q41025">
        <v>31</v>
      </c>
      <c r="R41025">
        <v>31</v>
      </c>
      <c r="S41025">
        <v>32</v>
      </c>
      <c r="T41025">
        <v>33</v>
      </c>
      <c r="U41025">
        <v>33</v>
      </c>
      <c r="V41025">
        <v>34</v>
      </c>
      <c r="W41025">
        <v>34</v>
      </c>
      <c r="X41025">
        <v>35</v>
      </c>
      <c r="Y41025">
        <v>35</v>
      </c>
      <c r="Z41025">
        <v>36</v>
      </c>
      <c r="AA41025">
        <v>37</v>
      </c>
      <c r="AB41025">
        <v>37</v>
      </c>
      <c r="AC41025">
        <v>38</v>
      </c>
      <c r="AD41025">
        <v>38</v>
      </c>
      <c r="AE41025">
        <v>39</v>
      </c>
      <c r="AF41025">
        <v>39</v>
      </c>
      <c r="AG41025">
        <v>40</v>
      </c>
      <c r="AH41025">
        <v>40</v>
      </c>
      <c r="AI41025">
        <v>41</v>
      </c>
      <c r="AJ41025">
        <v>42</v>
      </c>
      <c r="AK41025">
        <v>42</v>
      </c>
      <c r="AL41025">
        <v>42</v>
      </c>
      <c r="AM41025">
        <v>42</v>
      </c>
      <c r="AN41025">
        <v>42</v>
      </c>
      <c r="AO41025">
        <v>43</v>
      </c>
      <c r="AP41025">
        <v>43</v>
      </c>
      <c r="AQ41025">
        <v>43</v>
      </c>
    </row>
    <row r="41026" spans="1:43">
      <c r="A41026" t="s">
        <v>25311</v>
      </c>
      <c r="B41026" t="s">
        <v>25312</v>
      </c>
      <c r="C41026" t="s">
        <v>3854</v>
      </c>
      <c r="D41026" t="s">
        <v>3855</v>
      </c>
      <c r="E41026" t="s">
        <v>3660</v>
      </c>
      <c r="F41026" t="s">
        <v>3661</v>
      </c>
      <c r="G41026" t="s">
        <v>80</v>
      </c>
      <c r="H41026" t="s">
        <v>81</v>
      </c>
      <c r="I41026" s="2">
        <v>0</v>
      </c>
      <c r="J41026" s="2">
        <v>1</v>
      </c>
      <c r="K41026" s="2">
        <v>0</v>
      </c>
      <c r="L41026" t="s">
        <v>82</v>
      </c>
      <c r="M41026" t="s">
        <v>83</v>
      </c>
      <c r="N41026" t="s">
        <v>84</v>
      </c>
      <c r="O41026" t="s">
        <v>85</v>
      </c>
      <c r="P41026" t="s">
        <v>86</v>
      </c>
      <c r="Q41026">
        <v>32</v>
      </c>
      <c r="R41026">
        <v>33</v>
      </c>
      <c r="S41026">
        <v>34</v>
      </c>
      <c r="T41026">
        <v>34</v>
      </c>
      <c r="U41026">
        <v>35</v>
      </c>
      <c r="V41026">
        <v>36</v>
      </c>
      <c r="W41026">
        <v>36</v>
      </c>
      <c r="X41026">
        <v>37</v>
      </c>
      <c r="Y41026">
        <v>37</v>
      </c>
      <c r="Z41026">
        <v>38</v>
      </c>
      <c r="AA41026">
        <v>39</v>
      </c>
      <c r="AB41026">
        <v>39</v>
      </c>
      <c r="AC41026">
        <v>40</v>
      </c>
      <c r="AD41026">
        <v>40</v>
      </c>
      <c r="AE41026">
        <v>41</v>
      </c>
      <c r="AF41026">
        <v>41</v>
      </c>
      <c r="AG41026">
        <v>42</v>
      </c>
      <c r="AH41026">
        <v>43</v>
      </c>
      <c r="AI41026">
        <v>43</v>
      </c>
      <c r="AJ41026">
        <v>44</v>
      </c>
      <c r="AK41026">
        <v>44</v>
      </c>
      <c r="AL41026">
        <v>44</v>
      </c>
      <c r="AM41026">
        <v>45</v>
      </c>
      <c r="AN41026">
        <v>45</v>
      </c>
      <c r="AO41026">
        <v>45</v>
      </c>
      <c r="AP41026">
        <v>45</v>
      </c>
      <c r="AQ41026">
        <v>45</v>
      </c>
    </row>
    <row r="41027" spans="1:43">
      <c r="A41027" t="s">
        <v>25311</v>
      </c>
      <c r="B41027" t="s">
        <v>25312</v>
      </c>
      <c r="C41027" t="s">
        <v>3854</v>
      </c>
      <c r="D41027" t="s">
        <v>3855</v>
      </c>
      <c r="E41027" t="s">
        <v>3660</v>
      </c>
      <c r="F41027" t="s">
        <v>3661</v>
      </c>
      <c r="G41027" t="s">
        <v>80</v>
      </c>
      <c r="H41027" t="s">
        <v>81</v>
      </c>
      <c r="I41027" s="2">
        <v>0</v>
      </c>
      <c r="J41027" s="2">
        <v>1</v>
      </c>
      <c r="K41027" s="2">
        <v>0</v>
      </c>
      <c r="L41027" t="s">
        <v>82</v>
      </c>
      <c r="M41027" t="s">
        <v>87</v>
      </c>
      <c r="N41027" t="s">
        <v>88</v>
      </c>
      <c r="O41027" t="s">
        <v>85</v>
      </c>
      <c r="P41027" t="s">
        <v>86</v>
      </c>
      <c r="Q41027">
        <v>32</v>
      </c>
      <c r="R41027">
        <v>32</v>
      </c>
      <c r="S41027">
        <v>33</v>
      </c>
      <c r="T41027">
        <v>33</v>
      </c>
      <c r="U41027">
        <v>33</v>
      </c>
      <c r="V41027">
        <v>34</v>
      </c>
      <c r="W41027">
        <v>34</v>
      </c>
      <c r="X41027">
        <v>34</v>
      </c>
      <c r="Y41027">
        <v>35</v>
      </c>
      <c r="Z41027">
        <v>35</v>
      </c>
      <c r="AA41027">
        <v>35</v>
      </c>
      <c r="AB41027">
        <v>35</v>
      </c>
      <c r="AC41027">
        <v>36</v>
      </c>
      <c r="AD41027">
        <v>36</v>
      </c>
      <c r="AE41027">
        <v>36</v>
      </c>
      <c r="AF41027">
        <v>36</v>
      </c>
      <c r="AG41027">
        <v>37</v>
      </c>
      <c r="AH41027">
        <v>37</v>
      </c>
      <c r="AI41027">
        <v>37</v>
      </c>
      <c r="AJ41027">
        <v>37</v>
      </c>
      <c r="AK41027">
        <v>38</v>
      </c>
      <c r="AL41027">
        <v>38</v>
      </c>
      <c r="AM41027">
        <v>38</v>
      </c>
      <c r="AN41027">
        <v>38</v>
      </c>
      <c r="AO41027">
        <v>39</v>
      </c>
      <c r="AP41027">
        <v>39</v>
      </c>
      <c r="AQ41027">
        <v>39</v>
      </c>
    </row>
    <row r="41028" spans="1:43">
      <c r="A41028" t="s">
        <v>25311</v>
      </c>
      <c r="B41028" t="s">
        <v>25312</v>
      </c>
      <c r="C41028" t="s">
        <v>3854</v>
      </c>
      <c r="D41028" t="s">
        <v>3855</v>
      </c>
      <c r="E41028" t="s">
        <v>3660</v>
      </c>
      <c r="F41028" t="s">
        <v>3661</v>
      </c>
      <c r="G41028" t="s">
        <v>80</v>
      </c>
      <c r="H41028" t="s">
        <v>81</v>
      </c>
      <c r="I41028" s="2">
        <v>0</v>
      </c>
      <c r="J41028" s="2">
        <v>1</v>
      </c>
      <c r="K41028" s="2">
        <v>0</v>
      </c>
      <c r="L41028" t="s">
        <v>82</v>
      </c>
      <c r="M41028" t="s">
        <v>89</v>
      </c>
      <c r="N41028" t="s">
        <v>90</v>
      </c>
      <c r="O41028" t="s">
        <v>85</v>
      </c>
      <c r="P41028" t="s">
        <v>86</v>
      </c>
      <c r="Q41028">
        <v>32</v>
      </c>
      <c r="R41028">
        <v>33</v>
      </c>
      <c r="S41028">
        <v>34</v>
      </c>
      <c r="T41028">
        <v>34</v>
      </c>
      <c r="U41028">
        <v>35</v>
      </c>
      <c r="V41028">
        <v>36</v>
      </c>
      <c r="W41028">
        <v>37</v>
      </c>
      <c r="X41028">
        <v>38</v>
      </c>
      <c r="Y41028">
        <v>39</v>
      </c>
      <c r="Z41028">
        <v>39</v>
      </c>
      <c r="AA41028">
        <v>40</v>
      </c>
      <c r="AB41028">
        <v>41</v>
      </c>
      <c r="AC41028">
        <v>42</v>
      </c>
      <c r="AD41028">
        <v>42</v>
      </c>
      <c r="AE41028">
        <v>43</v>
      </c>
      <c r="AF41028">
        <v>43</v>
      </c>
      <c r="AG41028">
        <v>43</v>
      </c>
      <c r="AH41028">
        <v>43</v>
      </c>
      <c r="AI41028">
        <v>43</v>
      </c>
      <c r="AJ41028">
        <v>44</v>
      </c>
      <c r="AK41028">
        <v>44</v>
      </c>
      <c r="AL41028">
        <v>44</v>
      </c>
      <c r="AM41028">
        <v>44</v>
      </c>
      <c r="AN41028">
        <v>44</v>
      </c>
      <c r="AO41028">
        <v>44</v>
      </c>
      <c r="AP41028">
        <v>44</v>
      </c>
      <c r="AQ41028">
        <v>44</v>
      </c>
    </row>
    <row r="41029" spans="1:43">
      <c r="A41029" t="s">
        <v>25311</v>
      </c>
      <c r="B41029" t="s">
        <v>25312</v>
      </c>
      <c r="C41029" t="s">
        <v>3854</v>
      </c>
      <c r="D41029" t="s">
        <v>3855</v>
      </c>
      <c r="E41029" t="s">
        <v>3660</v>
      </c>
      <c r="F41029" t="s">
        <v>3661</v>
      </c>
      <c r="G41029" t="s">
        <v>80</v>
      </c>
      <c r="H41029" t="s">
        <v>81</v>
      </c>
      <c r="I41029" s="2">
        <v>0</v>
      </c>
      <c r="J41029" s="2">
        <v>1</v>
      </c>
      <c r="K41029" s="2">
        <v>0</v>
      </c>
      <c r="L41029" t="s">
        <v>82</v>
      </c>
      <c r="M41029" t="s">
        <v>83</v>
      </c>
      <c r="N41029" t="s">
        <v>91</v>
      </c>
      <c r="O41029" t="s">
        <v>85</v>
      </c>
      <c r="P41029" t="s">
        <v>86</v>
      </c>
      <c r="Q41029">
        <v>32</v>
      </c>
      <c r="R41029">
        <v>33</v>
      </c>
      <c r="S41029">
        <v>34</v>
      </c>
      <c r="T41029">
        <v>34</v>
      </c>
      <c r="U41029">
        <v>35</v>
      </c>
      <c r="V41029">
        <v>36</v>
      </c>
      <c r="W41029">
        <v>36</v>
      </c>
      <c r="X41029">
        <v>37</v>
      </c>
      <c r="Y41029">
        <v>37</v>
      </c>
      <c r="Z41029">
        <v>38</v>
      </c>
      <c r="AA41029">
        <v>39</v>
      </c>
      <c r="AB41029">
        <v>39</v>
      </c>
      <c r="AC41029">
        <v>40</v>
      </c>
      <c r="AD41029">
        <v>40</v>
      </c>
      <c r="AE41029">
        <v>41</v>
      </c>
      <c r="AF41029">
        <v>41</v>
      </c>
      <c r="AG41029">
        <v>42</v>
      </c>
      <c r="AH41029">
        <v>43</v>
      </c>
      <c r="AI41029">
        <v>43</v>
      </c>
      <c r="AJ41029">
        <v>44</v>
      </c>
      <c r="AK41029">
        <v>44</v>
      </c>
      <c r="AL41029">
        <v>44</v>
      </c>
      <c r="AM41029">
        <v>45</v>
      </c>
      <c r="AN41029">
        <v>45</v>
      </c>
      <c r="AO41029">
        <v>45</v>
      </c>
      <c r="AP41029">
        <v>45</v>
      </c>
      <c r="AQ41029">
        <v>45</v>
      </c>
    </row>
    <row r="41030" spans="1:43">
      <c r="A41030" t="s">
        <v>25313</v>
      </c>
      <c r="B41030" t="s">
        <v>25314</v>
      </c>
      <c r="C41030" t="s">
        <v>3814</v>
      </c>
      <c r="D41030" t="s">
        <v>3815</v>
      </c>
      <c r="E41030" t="s">
        <v>3660</v>
      </c>
      <c r="F41030" t="s">
        <v>3661</v>
      </c>
      <c r="G41030" t="s">
        <v>80</v>
      </c>
      <c r="H41030" t="s">
        <v>81</v>
      </c>
      <c r="I41030" s="2">
        <v>0</v>
      </c>
      <c r="J41030" s="2">
        <v>1</v>
      </c>
      <c r="K41030" s="2">
        <v>0</v>
      </c>
      <c r="L41030" t="s">
        <v>82</v>
      </c>
      <c r="M41030" t="s">
        <v>83</v>
      </c>
      <c r="N41030" t="s">
        <v>84</v>
      </c>
      <c r="O41030" t="s">
        <v>85</v>
      </c>
      <c r="P41030" t="s">
        <v>86</v>
      </c>
      <c r="Q41030">
        <v>138</v>
      </c>
      <c r="R41030">
        <v>141</v>
      </c>
      <c r="S41030">
        <v>144</v>
      </c>
      <c r="T41030">
        <v>146</v>
      </c>
      <c r="U41030">
        <v>149</v>
      </c>
      <c r="V41030">
        <v>152</v>
      </c>
      <c r="W41030">
        <v>154</v>
      </c>
      <c r="X41030">
        <v>157</v>
      </c>
      <c r="Y41030">
        <v>159</v>
      </c>
      <c r="Z41030">
        <v>162</v>
      </c>
      <c r="AA41030">
        <v>165</v>
      </c>
      <c r="AB41030">
        <v>167</v>
      </c>
      <c r="AC41030">
        <v>170</v>
      </c>
      <c r="AD41030">
        <v>172</v>
      </c>
      <c r="AE41030">
        <v>174</v>
      </c>
      <c r="AF41030">
        <v>177</v>
      </c>
      <c r="AG41030">
        <v>179</v>
      </c>
      <c r="AH41030">
        <v>182</v>
      </c>
      <c r="AI41030">
        <v>184</v>
      </c>
      <c r="AJ41030">
        <v>186</v>
      </c>
      <c r="AK41030">
        <v>189</v>
      </c>
      <c r="AL41030">
        <v>190</v>
      </c>
      <c r="AM41030">
        <v>190</v>
      </c>
      <c r="AN41030">
        <v>191</v>
      </c>
      <c r="AO41030">
        <v>191</v>
      </c>
      <c r="AP41030">
        <v>192</v>
      </c>
      <c r="AQ41030">
        <v>192</v>
      </c>
    </row>
    <row r="41031" spans="1:43">
      <c r="A41031" t="s">
        <v>25313</v>
      </c>
      <c r="B41031" t="s">
        <v>25314</v>
      </c>
      <c r="C41031" t="s">
        <v>3814</v>
      </c>
      <c r="D41031" t="s">
        <v>3815</v>
      </c>
      <c r="E41031" t="s">
        <v>3660</v>
      </c>
      <c r="F41031" t="s">
        <v>3661</v>
      </c>
      <c r="G41031" t="s">
        <v>80</v>
      </c>
      <c r="H41031" t="s">
        <v>81</v>
      </c>
      <c r="I41031" s="2">
        <v>0</v>
      </c>
      <c r="J41031" s="2">
        <v>1</v>
      </c>
      <c r="K41031" s="2">
        <v>0</v>
      </c>
      <c r="L41031" t="s">
        <v>82</v>
      </c>
      <c r="M41031" t="s">
        <v>87</v>
      </c>
      <c r="N41031" t="s">
        <v>88</v>
      </c>
      <c r="O41031" t="s">
        <v>85</v>
      </c>
      <c r="P41031" t="s">
        <v>86</v>
      </c>
      <c r="Q41031">
        <v>138</v>
      </c>
      <c r="R41031">
        <v>139</v>
      </c>
      <c r="S41031">
        <v>141</v>
      </c>
      <c r="T41031">
        <v>142</v>
      </c>
      <c r="U41031">
        <v>143</v>
      </c>
      <c r="V41031">
        <v>145</v>
      </c>
      <c r="W41031">
        <v>146</v>
      </c>
      <c r="X41031">
        <v>147</v>
      </c>
      <c r="Y41031">
        <v>148</v>
      </c>
      <c r="Z41031">
        <v>150</v>
      </c>
      <c r="AA41031">
        <v>151</v>
      </c>
      <c r="AB41031">
        <v>152</v>
      </c>
      <c r="AC41031">
        <v>153</v>
      </c>
      <c r="AD41031">
        <v>154</v>
      </c>
      <c r="AE41031">
        <v>155</v>
      </c>
      <c r="AF41031">
        <v>156</v>
      </c>
      <c r="AG41031">
        <v>157</v>
      </c>
      <c r="AH41031">
        <v>158</v>
      </c>
      <c r="AI41031">
        <v>159</v>
      </c>
      <c r="AJ41031">
        <v>160</v>
      </c>
      <c r="AK41031">
        <v>161</v>
      </c>
      <c r="AL41031">
        <v>163</v>
      </c>
      <c r="AM41031">
        <v>164</v>
      </c>
      <c r="AN41031">
        <v>165</v>
      </c>
      <c r="AO41031">
        <v>165</v>
      </c>
      <c r="AP41031">
        <v>166</v>
      </c>
      <c r="AQ41031">
        <v>167</v>
      </c>
    </row>
    <row r="41032" spans="1:43">
      <c r="A41032" t="s">
        <v>25313</v>
      </c>
      <c r="B41032" t="s">
        <v>25314</v>
      </c>
      <c r="C41032" t="s">
        <v>3814</v>
      </c>
      <c r="D41032" t="s">
        <v>3815</v>
      </c>
      <c r="E41032" t="s">
        <v>3660</v>
      </c>
      <c r="F41032" t="s">
        <v>3661</v>
      </c>
      <c r="G41032" t="s">
        <v>80</v>
      </c>
      <c r="H41032" t="s">
        <v>81</v>
      </c>
      <c r="I41032" s="2">
        <v>0</v>
      </c>
      <c r="J41032" s="2">
        <v>1</v>
      </c>
      <c r="K41032" s="2">
        <v>0</v>
      </c>
      <c r="L41032" t="s">
        <v>82</v>
      </c>
      <c r="M41032" t="s">
        <v>89</v>
      </c>
      <c r="N41032" t="s">
        <v>90</v>
      </c>
      <c r="O41032" t="s">
        <v>85</v>
      </c>
      <c r="P41032" t="s">
        <v>86</v>
      </c>
      <c r="Q41032">
        <v>138</v>
      </c>
      <c r="R41032">
        <v>142</v>
      </c>
      <c r="S41032">
        <v>145</v>
      </c>
      <c r="T41032">
        <v>149</v>
      </c>
      <c r="U41032">
        <v>153</v>
      </c>
      <c r="V41032">
        <v>157</v>
      </c>
      <c r="W41032">
        <v>160</v>
      </c>
      <c r="X41032">
        <v>164</v>
      </c>
      <c r="Y41032">
        <v>167</v>
      </c>
      <c r="Z41032">
        <v>170</v>
      </c>
      <c r="AA41032">
        <v>174</v>
      </c>
      <c r="AB41032">
        <v>177</v>
      </c>
      <c r="AC41032">
        <v>180</v>
      </c>
      <c r="AD41032">
        <v>183</v>
      </c>
      <c r="AE41032">
        <v>185</v>
      </c>
      <c r="AF41032">
        <v>186</v>
      </c>
      <c r="AG41032">
        <v>187</v>
      </c>
      <c r="AH41032">
        <v>187</v>
      </c>
      <c r="AI41032">
        <v>188</v>
      </c>
      <c r="AJ41032">
        <v>188</v>
      </c>
      <c r="AK41032">
        <v>189</v>
      </c>
      <c r="AL41032">
        <v>189</v>
      </c>
      <c r="AM41032">
        <v>189</v>
      </c>
      <c r="AN41032">
        <v>190</v>
      </c>
      <c r="AO41032">
        <v>190</v>
      </c>
      <c r="AP41032">
        <v>191</v>
      </c>
      <c r="AQ41032">
        <v>191</v>
      </c>
    </row>
    <row r="41033" spans="1:43">
      <c r="A41033" t="s">
        <v>25313</v>
      </c>
      <c r="B41033" t="s">
        <v>25314</v>
      </c>
      <c r="C41033" t="s">
        <v>3814</v>
      </c>
      <c r="D41033" t="s">
        <v>3815</v>
      </c>
      <c r="E41033" t="s">
        <v>3660</v>
      </c>
      <c r="F41033" t="s">
        <v>3661</v>
      </c>
      <c r="G41033" t="s">
        <v>80</v>
      </c>
      <c r="H41033" t="s">
        <v>81</v>
      </c>
      <c r="I41033" s="2">
        <v>0</v>
      </c>
      <c r="J41033" s="2">
        <v>1</v>
      </c>
      <c r="K41033" s="2">
        <v>0</v>
      </c>
      <c r="L41033" t="s">
        <v>82</v>
      </c>
      <c r="M41033" t="s">
        <v>83</v>
      </c>
      <c r="N41033" t="s">
        <v>91</v>
      </c>
      <c r="O41033" t="s">
        <v>85</v>
      </c>
      <c r="P41033" t="s">
        <v>86</v>
      </c>
      <c r="Q41033">
        <v>138</v>
      </c>
      <c r="R41033">
        <v>141</v>
      </c>
      <c r="S41033">
        <v>144</v>
      </c>
      <c r="T41033">
        <v>146</v>
      </c>
      <c r="U41033">
        <v>149</v>
      </c>
      <c r="V41033">
        <v>152</v>
      </c>
      <c r="W41033">
        <v>154</v>
      </c>
      <c r="X41033">
        <v>157</v>
      </c>
      <c r="Y41033">
        <v>159</v>
      </c>
      <c r="Z41033">
        <v>162</v>
      </c>
      <c r="AA41033">
        <v>165</v>
      </c>
      <c r="AB41033">
        <v>167</v>
      </c>
      <c r="AC41033">
        <v>170</v>
      </c>
      <c r="AD41033">
        <v>172</v>
      </c>
      <c r="AE41033">
        <v>174</v>
      </c>
      <c r="AF41033">
        <v>177</v>
      </c>
      <c r="AG41033">
        <v>179</v>
      </c>
      <c r="AH41033">
        <v>182</v>
      </c>
      <c r="AI41033">
        <v>184</v>
      </c>
      <c r="AJ41033">
        <v>186</v>
      </c>
      <c r="AK41033">
        <v>189</v>
      </c>
      <c r="AL41033">
        <v>190</v>
      </c>
      <c r="AM41033">
        <v>190</v>
      </c>
      <c r="AN41033">
        <v>191</v>
      </c>
      <c r="AO41033">
        <v>191</v>
      </c>
      <c r="AP41033">
        <v>192</v>
      </c>
      <c r="AQ41033">
        <v>192</v>
      </c>
    </row>
    <row r="41034" spans="1:43">
      <c r="A41034" t="s">
        <v>25315</v>
      </c>
      <c r="B41034" t="s">
        <v>25316</v>
      </c>
      <c r="C41034" t="s">
        <v>3934</v>
      </c>
      <c r="D41034" t="s">
        <v>3935</v>
      </c>
      <c r="E41034" t="s">
        <v>3660</v>
      </c>
      <c r="F41034" t="s">
        <v>3661</v>
      </c>
      <c r="G41034" t="s">
        <v>80</v>
      </c>
      <c r="H41034" t="s">
        <v>81</v>
      </c>
      <c r="I41034" s="2">
        <v>0</v>
      </c>
      <c r="J41034" s="2">
        <v>1</v>
      </c>
      <c r="K41034" s="2">
        <v>0</v>
      </c>
      <c r="L41034" t="s">
        <v>82</v>
      </c>
      <c r="M41034" t="s">
        <v>83</v>
      </c>
      <c r="N41034" t="s">
        <v>84</v>
      </c>
      <c r="O41034" t="s">
        <v>85</v>
      </c>
      <c r="P41034" t="s">
        <v>86</v>
      </c>
      <c r="Q41034">
        <v>140</v>
      </c>
      <c r="R41034">
        <v>143</v>
      </c>
      <c r="S41034">
        <v>146</v>
      </c>
      <c r="T41034">
        <v>148</v>
      </c>
      <c r="U41034">
        <v>151</v>
      </c>
      <c r="V41034">
        <v>154</v>
      </c>
      <c r="W41034">
        <v>156</v>
      </c>
      <c r="X41034">
        <v>159</v>
      </c>
      <c r="Y41034">
        <v>161</v>
      </c>
      <c r="Z41034">
        <v>164</v>
      </c>
      <c r="AA41034">
        <v>167</v>
      </c>
      <c r="AB41034">
        <v>169</v>
      </c>
      <c r="AC41034">
        <v>172</v>
      </c>
      <c r="AD41034">
        <v>174</v>
      </c>
      <c r="AE41034">
        <v>177</v>
      </c>
      <c r="AF41034">
        <v>179</v>
      </c>
      <c r="AG41034">
        <v>181</v>
      </c>
      <c r="AH41034">
        <v>184</v>
      </c>
      <c r="AI41034">
        <v>186</v>
      </c>
      <c r="AJ41034">
        <v>189</v>
      </c>
      <c r="AK41034">
        <v>191</v>
      </c>
      <c r="AL41034">
        <v>192</v>
      </c>
      <c r="AM41034">
        <v>193</v>
      </c>
      <c r="AN41034">
        <v>193</v>
      </c>
      <c r="AO41034">
        <v>194</v>
      </c>
      <c r="AP41034">
        <v>194</v>
      </c>
      <c r="AQ41034">
        <v>195</v>
      </c>
    </row>
    <row r="41035" spans="1:43">
      <c r="A41035" t="s">
        <v>25315</v>
      </c>
      <c r="B41035" t="s">
        <v>25316</v>
      </c>
      <c r="C41035" t="s">
        <v>3934</v>
      </c>
      <c r="D41035" t="s">
        <v>3935</v>
      </c>
      <c r="E41035" t="s">
        <v>3660</v>
      </c>
      <c r="F41035" t="s">
        <v>3661</v>
      </c>
      <c r="G41035" t="s">
        <v>80</v>
      </c>
      <c r="H41035" t="s">
        <v>81</v>
      </c>
      <c r="I41035" s="2">
        <v>0</v>
      </c>
      <c r="J41035" s="2">
        <v>1</v>
      </c>
      <c r="K41035" s="2">
        <v>0</v>
      </c>
      <c r="L41035" t="s">
        <v>82</v>
      </c>
      <c r="M41035" t="s">
        <v>87</v>
      </c>
      <c r="N41035" t="s">
        <v>88</v>
      </c>
      <c r="O41035" t="s">
        <v>85</v>
      </c>
      <c r="P41035" t="s">
        <v>86</v>
      </c>
      <c r="Q41035">
        <v>140</v>
      </c>
      <c r="R41035">
        <v>141</v>
      </c>
      <c r="S41035">
        <v>143</v>
      </c>
      <c r="T41035">
        <v>144</v>
      </c>
      <c r="U41035">
        <v>145</v>
      </c>
      <c r="V41035">
        <v>147</v>
      </c>
      <c r="W41035">
        <v>148</v>
      </c>
      <c r="X41035">
        <v>149</v>
      </c>
      <c r="Y41035">
        <v>150</v>
      </c>
      <c r="Z41035">
        <v>151</v>
      </c>
      <c r="AA41035">
        <v>153</v>
      </c>
      <c r="AB41035">
        <v>154</v>
      </c>
      <c r="AC41035">
        <v>155</v>
      </c>
      <c r="AD41035">
        <v>156</v>
      </c>
      <c r="AE41035">
        <v>157</v>
      </c>
      <c r="AF41035">
        <v>158</v>
      </c>
      <c r="AG41035">
        <v>159</v>
      </c>
      <c r="AH41035">
        <v>160</v>
      </c>
      <c r="AI41035">
        <v>161</v>
      </c>
      <c r="AJ41035">
        <v>162</v>
      </c>
      <c r="AK41035">
        <v>163</v>
      </c>
      <c r="AL41035">
        <v>164</v>
      </c>
      <c r="AM41035">
        <v>165</v>
      </c>
      <c r="AN41035">
        <v>166</v>
      </c>
      <c r="AO41035">
        <v>167</v>
      </c>
      <c r="AP41035">
        <v>168</v>
      </c>
      <c r="AQ41035">
        <v>169</v>
      </c>
    </row>
    <row r="41036" spans="1:43">
      <c r="A41036" t="s">
        <v>25315</v>
      </c>
      <c r="B41036" t="s">
        <v>25316</v>
      </c>
      <c r="C41036" t="s">
        <v>3934</v>
      </c>
      <c r="D41036" t="s">
        <v>3935</v>
      </c>
      <c r="E41036" t="s">
        <v>3660</v>
      </c>
      <c r="F41036" t="s">
        <v>3661</v>
      </c>
      <c r="G41036" t="s">
        <v>80</v>
      </c>
      <c r="H41036" t="s">
        <v>81</v>
      </c>
      <c r="I41036" s="2">
        <v>0</v>
      </c>
      <c r="J41036" s="2">
        <v>1</v>
      </c>
      <c r="K41036" s="2">
        <v>0</v>
      </c>
      <c r="L41036" t="s">
        <v>82</v>
      </c>
      <c r="M41036" t="s">
        <v>89</v>
      </c>
      <c r="N41036" t="s">
        <v>90</v>
      </c>
      <c r="O41036" t="s">
        <v>85</v>
      </c>
      <c r="P41036" t="s">
        <v>86</v>
      </c>
      <c r="Q41036">
        <v>140</v>
      </c>
      <c r="R41036">
        <v>144</v>
      </c>
      <c r="S41036">
        <v>147</v>
      </c>
      <c r="T41036">
        <v>151</v>
      </c>
      <c r="U41036">
        <v>155</v>
      </c>
      <c r="V41036">
        <v>159</v>
      </c>
      <c r="W41036">
        <v>162</v>
      </c>
      <c r="X41036">
        <v>166</v>
      </c>
      <c r="Y41036">
        <v>169</v>
      </c>
      <c r="Z41036">
        <v>173</v>
      </c>
      <c r="AA41036">
        <v>176</v>
      </c>
      <c r="AB41036">
        <v>179</v>
      </c>
      <c r="AC41036">
        <v>182</v>
      </c>
      <c r="AD41036">
        <v>186</v>
      </c>
      <c r="AE41036">
        <v>188</v>
      </c>
      <c r="AF41036">
        <v>188</v>
      </c>
      <c r="AG41036">
        <v>189</v>
      </c>
      <c r="AH41036">
        <v>190</v>
      </c>
      <c r="AI41036">
        <v>190</v>
      </c>
      <c r="AJ41036">
        <v>191</v>
      </c>
      <c r="AK41036">
        <v>191</v>
      </c>
      <c r="AL41036">
        <v>192</v>
      </c>
      <c r="AM41036">
        <v>192</v>
      </c>
      <c r="AN41036">
        <v>192</v>
      </c>
      <c r="AO41036">
        <v>193</v>
      </c>
      <c r="AP41036">
        <v>193</v>
      </c>
      <c r="AQ41036">
        <v>194</v>
      </c>
    </row>
    <row r="41037" spans="1:43">
      <c r="A41037" t="s">
        <v>25315</v>
      </c>
      <c r="B41037" t="s">
        <v>25316</v>
      </c>
      <c r="C41037" t="s">
        <v>3934</v>
      </c>
      <c r="D41037" t="s">
        <v>3935</v>
      </c>
      <c r="E41037" t="s">
        <v>3660</v>
      </c>
      <c r="F41037" t="s">
        <v>3661</v>
      </c>
      <c r="G41037" t="s">
        <v>80</v>
      </c>
      <c r="H41037" t="s">
        <v>81</v>
      </c>
      <c r="I41037" s="2">
        <v>0</v>
      </c>
      <c r="J41037" s="2">
        <v>1</v>
      </c>
      <c r="K41037" s="2">
        <v>0</v>
      </c>
      <c r="L41037" t="s">
        <v>82</v>
      </c>
      <c r="M41037" t="s">
        <v>83</v>
      </c>
      <c r="N41037" t="s">
        <v>91</v>
      </c>
      <c r="O41037" t="s">
        <v>85</v>
      </c>
      <c r="P41037" t="s">
        <v>86</v>
      </c>
      <c r="Q41037">
        <v>140</v>
      </c>
      <c r="R41037">
        <v>143</v>
      </c>
      <c r="S41037">
        <v>146</v>
      </c>
      <c r="T41037">
        <v>148</v>
      </c>
      <c r="U41037">
        <v>151</v>
      </c>
      <c r="V41037">
        <v>154</v>
      </c>
      <c r="W41037">
        <v>156</v>
      </c>
      <c r="X41037">
        <v>159</v>
      </c>
      <c r="Y41037">
        <v>161</v>
      </c>
      <c r="Z41037">
        <v>164</v>
      </c>
      <c r="AA41037">
        <v>167</v>
      </c>
      <c r="AB41037">
        <v>169</v>
      </c>
      <c r="AC41037">
        <v>172</v>
      </c>
      <c r="AD41037">
        <v>174</v>
      </c>
      <c r="AE41037">
        <v>177</v>
      </c>
      <c r="AF41037">
        <v>179</v>
      </c>
      <c r="AG41037">
        <v>181</v>
      </c>
      <c r="AH41037">
        <v>184</v>
      </c>
      <c r="AI41037">
        <v>186</v>
      </c>
      <c r="AJ41037">
        <v>189</v>
      </c>
      <c r="AK41037">
        <v>191</v>
      </c>
      <c r="AL41037">
        <v>192</v>
      </c>
      <c r="AM41037">
        <v>193</v>
      </c>
      <c r="AN41037">
        <v>193</v>
      </c>
      <c r="AO41037">
        <v>194</v>
      </c>
      <c r="AP41037">
        <v>194</v>
      </c>
      <c r="AQ41037">
        <v>195</v>
      </c>
    </row>
    <row r="41038" spans="1:43">
      <c r="A41038" t="s">
        <v>25317</v>
      </c>
      <c r="B41038" t="s">
        <v>25318</v>
      </c>
      <c r="C41038" t="s">
        <v>3784</v>
      </c>
      <c r="D41038" t="s">
        <v>3785</v>
      </c>
      <c r="E41038" t="s">
        <v>3660</v>
      </c>
      <c r="F41038" t="s">
        <v>3661</v>
      </c>
      <c r="G41038" t="s">
        <v>80</v>
      </c>
      <c r="H41038" t="s">
        <v>81</v>
      </c>
      <c r="I41038" s="2">
        <v>0</v>
      </c>
      <c r="J41038" s="2">
        <v>1</v>
      </c>
      <c r="K41038" s="2">
        <v>0</v>
      </c>
      <c r="L41038" t="s">
        <v>82</v>
      </c>
      <c r="M41038" t="s">
        <v>83</v>
      </c>
      <c r="N41038" t="s">
        <v>84</v>
      </c>
      <c r="O41038" t="s">
        <v>85</v>
      </c>
      <c r="P41038" t="s">
        <v>86</v>
      </c>
      <c r="Q41038">
        <v>18</v>
      </c>
      <c r="R41038">
        <v>18</v>
      </c>
      <c r="S41038">
        <v>18</v>
      </c>
      <c r="T41038">
        <v>19</v>
      </c>
      <c r="U41038">
        <v>19</v>
      </c>
      <c r="V41038">
        <v>19</v>
      </c>
      <c r="W41038">
        <v>20</v>
      </c>
      <c r="X41038">
        <v>20</v>
      </c>
      <c r="Y41038">
        <v>20</v>
      </c>
      <c r="Z41038">
        <v>21</v>
      </c>
      <c r="AA41038">
        <v>21</v>
      </c>
      <c r="AB41038">
        <v>21</v>
      </c>
      <c r="AC41038">
        <v>22</v>
      </c>
      <c r="AD41038">
        <v>22</v>
      </c>
      <c r="AE41038">
        <v>22</v>
      </c>
      <c r="AF41038">
        <v>23</v>
      </c>
      <c r="AG41038">
        <v>23</v>
      </c>
      <c r="AH41038">
        <v>23</v>
      </c>
      <c r="AI41038">
        <v>23</v>
      </c>
      <c r="AJ41038">
        <v>24</v>
      </c>
      <c r="AK41038">
        <v>24</v>
      </c>
      <c r="AL41038">
        <v>24</v>
      </c>
      <c r="AM41038">
        <v>24</v>
      </c>
      <c r="AN41038">
        <v>24</v>
      </c>
      <c r="AO41038">
        <v>24</v>
      </c>
      <c r="AP41038">
        <v>24</v>
      </c>
      <c r="AQ41038">
        <v>25</v>
      </c>
    </row>
    <row r="41039" spans="1:43">
      <c r="A41039" t="s">
        <v>25317</v>
      </c>
      <c r="B41039" t="s">
        <v>25318</v>
      </c>
      <c r="C41039" t="s">
        <v>3784</v>
      </c>
      <c r="D41039" t="s">
        <v>3785</v>
      </c>
      <c r="E41039" t="s">
        <v>3660</v>
      </c>
      <c r="F41039" t="s">
        <v>3661</v>
      </c>
      <c r="G41039" t="s">
        <v>80</v>
      </c>
      <c r="H41039" t="s">
        <v>81</v>
      </c>
      <c r="I41039" s="2">
        <v>0</v>
      </c>
      <c r="J41039" s="2">
        <v>1</v>
      </c>
      <c r="K41039" s="2">
        <v>0</v>
      </c>
      <c r="L41039" t="s">
        <v>82</v>
      </c>
      <c r="M41039" t="s">
        <v>87</v>
      </c>
      <c r="N41039" t="s">
        <v>88</v>
      </c>
      <c r="O41039" t="s">
        <v>85</v>
      </c>
      <c r="P41039" t="s">
        <v>86</v>
      </c>
      <c r="Q41039">
        <v>18</v>
      </c>
      <c r="R41039">
        <v>19</v>
      </c>
      <c r="S41039">
        <v>19</v>
      </c>
      <c r="T41039">
        <v>19</v>
      </c>
      <c r="U41039">
        <v>19</v>
      </c>
      <c r="V41039">
        <v>19</v>
      </c>
      <c r="W41039">
        <v>19</v>
      </c>
      <c r="X41039">
        <v>20</v>
      </c>
      <c r="Y41039">
        <v>20</v>
      </c>
      <c r="Z41039">
        <v>20</v>
      </c>
      <c r="AA41039">
        <v>20</v>
      </c>
      <c r="AB41039">
        <v>20</v>
      </c>
      <c r="AC41039">
        <v>20</v>
      </c>
      <c r="AD41039">
        <v>21</v>
      </c>
      <c r="AE41039">
        <v>21</v>
      </c>
      <c r="AF41039">
        <v>21</v>
      </c>
      <c r="AG41039">
        <v>21</v>
      </c>
      <c r="AH41039">
        <v>21</v>
      </c>
      <c r="AI41039">
        <v>21</v>
      </c>
      <c r="AJ41039">
        <v>21</v>
      </c>
      <c r="AK41039">
        <v>22</v>
      </c>
      <c r="AL41039">
        <v>22</v>
      </c>
      <c r="AM41039">
        <v>22</v>
      </c>
      <c r="AN41039">
        <v>22</v>
      </c>
      <c r="AO41039">
        <v>22</v>
      </c>
      <c r="AP41039">
        <v>22</v>
      </c>
      <c r="AQ41039">
        <v>22</v>
      </c>
    </row>
    <row r="41040" spans="1:43">
      <c r="A41040" t="s">
        <v>25317</v>
      </c>
      <c r="B41040" t="s">
        <v>25318</v>
      </c>
      <c r="C41040" t="s">
        <v>3784</v>
      </c>
      <c r="D41040" t="s">
        <v>3785</v>
      </c>
      <c r="E41040" t="s">
        <v>3660</v>
      </c>
      <c r="F41040" t="s">
        <v>3661</v>
      </c>
      <c r="G41040" t="s">
        <v>80</v>
      </c>
      <c r="H41040" t="s">
        <v>81</v>
      </c>
      <c r="I41040" s="2">
        <v>0</v>
      </c>
      <c r="J41040" s="2">
        <v>1</v>
      </c>
      <c r="K41040" s="2">
        <v>0</v>
      </c>
      <c r="L41040" t="s">
        <v>82</v>
      </c>
      <c r="M41040" t="s">
        <v>89</v>
      </c>
      <c r="N41040" t="s">
        <v>90</v>
      </c>
      <c r="O41040" t="s">
        <v>85</v>
      </c>
      <c r="P41040" t="s">
        <v>86</v>
      </c>
      <c r="Q41040">
        <v>18</v>
      </c>
      <c r="R41040">
        <v>18</v>
      </c>
      <c r="S41040">
        <v>19</v>
      </c>
      <c r="T41040">
        <v>19</v>
      </c>
      <c r="U41040">
        <v>20</v>
      </c>
      <c r="V41040">
        <v>20</v>
      </c>
      <c r="W41040">
        <v>21</v>
      </c>
      <c r="X41040">
        <v>21</v>
      </c>
      <c r="Y41040">
        <v>22</v>
      </c>
      <c r="Z41040">
        <v>22</v>
      </c>
      <c r="AA41040">
        <v>22</v>
      </c>
      <c r="AB41040">
        <v>23</v>
      </c>
      <c r="AC41040">
        <v>23</v>
      </c>
      <c r="AD41040">
        <v>24</v>
      </c>
      <c r="AE41040">
        <v>24</v>
      </c>
      <c r="AF41040">
        <v>24</v>
      </c>
      <c r="AG41040">
        <v>24</v>
      </c>
      <c r="AH41040">
        <v>24</v>
      </c>
      <c r="AI41040">
        <v>24</v>
      </c>
      <c r="AJ41040">
        <v>24</v>
      </c>
      <c r="AK41040">
        <v>24</v>
      </c>
      <c r="AL41040">
        <v>24</v>
      </c>
      <c r="AM41040">
        <v>24</v>
      </c>
      <c r="AN41040">
        <v>24</v>
      </c>
      <c r="AO41040">
        <v>25</v>
      </c>
      <c r="AP41040">
        <v>25</v>
      </c>
      <c r="AQ41040">
        <v>25</v>
      </c>
    </row>
    <row r="41041" spans="1:43">
      <c r="A41041" t="s">
        <v>25317</v>
      </c>
      <c r="B41041" t="s">
        <v>25318</v>
      </c>
      <c r="C41041" t="s">
        <v>3784</v>
      </c>
      <c r="D41041" t="s">
        <v>3785</v>
      </c>
      <c r="E41041" t="s">
        <v>3660</v>
      </c>
      <c r="F41041" t="s">
        <v>3661</v>
      </c>
      <c r="G41041" t="s">
        <v>80</v>
      </c>
      <c r="H41041" t="s">
        <v>81</v>
      </c>
      <c r="I41041" s="2">
        <v>0</v>
      </c>
      <c r="J41041" s="2">
        <v>1</v>
      </c>
      <c r="K41041" s="2">
        <v>0</v>
      </c>
      <c r="L41041" t="s">
        <v>82</v>
      </c>
      <c r="M41041" t="s">
        <v>83</v>
      </c>
      <c r="N41041" t="s">
        <v>91</v>
      </c>
      <c r="O41041" t="s">
        <v>85</v>
      </c>
      <c r="P41041" t="s">
        <v>86</v>
      </c>
      <c r="Q41041">
        <v>18</v>
      </c>
      <c r="R41041">
        <v>18</v>
      </c>
      <c r="S41041">
        <v>18</v>
      </c>
      <c r="T41041">
        <v>19</v>
      </c>
      <c r="U41041">
        <v>19</v>
      </c>
      <c r="V41041">
        <v>19</v>
      </c>
      <c r="W41041">
        <v>20</v>
      </c>
      <c r="X41041">
        <v>20</v>
      </c>
      <c r="Y41041">
        <v>20</v>
      </c>
      <c r="Z41041">
        <v>21</v>
      </c>
      <c r="AA41041">
        <v>21</v>
      </c>
      <c r="AB41041">
        <v>21</v>
      </c>
      <c r="AC41041">
        <v>22</v>
      </c>
      <c r="AD41041">
        <v>22</v>
      </c>
      <c r="AE41041">
        <v>22</v>
      </c>
      <c r="AF41041">
        <v>23</v>
      </c>
      <c r="AG41041">
        <v>23</v>
      </c>
      <c r="AH41041">
        <v>23</v>
      </c>
      <c r="AI41041">
        <v>23</v>
      </c>
      <c r="AJ41041">
        <v>24</v>
      </c>
      <c r="AK41041">
        <v>24</v>
      </c>
      <c r="AL41041">
        <v>24</v>
      </c>
      <c r="AM41041">
        <v>24</v>
      </c>
      <c r="AN41041">
        <v>24</v>
      </c>
      <c r="AO41041">
        <v>24</v>
      </c>
      <c r="AP41041">
        <v>24</v>
      </c>
      <c r="AQ41041">
        <v>25</v>
      </c>
    </row>
    <row r="41042" spans="1:43">
      <c r="A41042" t="s">
        <v>25319</v>
      </c>
      <c r="B41042" t="s">
        <v>25320</v>
      </c>
      <c r="C41042" t="s">
        <v>15599</v>
      </c>
      <c r="D41042" t="s">
        <v>15600</v>
      </c>
      <c r="E41042" t="s">
        <v>15475</v>
      </c>
      <c r="F41042" t="s">
        <v>15476</v>
      </c>
      <c r="G41042" t="s">
        <v>10734</v>
      </c>
      <c r="H41042" t="s">
        <v>10735</v>
      </c>
      <c r="I41042" s="2">
        <v>1</v>
      </c>
      <c r="J41042" s="2">
        <v>0</v>
      </c>
      <c r="K41042" s="2">
        <v>0</v>
      </c>
      <c r="L41042" t="s">
        <v>120</v>
      </c>
      <c r="M41042" t="s">
        <v>83</v>
      </c>
      <c r="N41042" t="s">
        <v>84</v>
      </c>
      <c r="O41042" t="s">
        <v>85</v>
      </c>
      <c r="P41042" t="s">
        <v>86</v>
      </c>
      <c r="Q41042">
        <v>47</v>
      </c>
      <c r="R41042">
        <v>48</v>
      </c>
      <c r="S41042">
        <v>48</v>
      </c>
      <c r="T41042">
        <v>49</v>
      </c>
      <c r="U41042">
        <v>50</v>
      </c>
      <c r="V41042">
        <v>50</v>
      </c>
      <c r="W41042">
        <v>51</v>
      </c>
      <c r="X41042">
        <v>52</v>
      </c>
      <c r="Y41042">
        <v>52</v>
      </c>
      <c r="Z41042">
        <v>53</v>
      </c>
      <c r="AA41042">
        <v>53</v>
      </c>
      <c r="AB41042">
        <v>54</v>
      </c>
      <c r="AC41042">
        <v>54</v>
      </c>
      <c r="AD41042">
        <v>55</v>
      </c>
      <c r="AE41042">
        <v>56</v>
      </c>
      <c r="AF41042">
        <v>56</v>
      </c>
      <c r="AG41042">
        <v>57</v>
      </c>
      <c r="AH41042">
        <v>57</v>
      </c>
      <c r="AI41042">
        <v>58</v>
      </c>
      <c r="AJ41042">
        <v>58</v>
      </c>
      <c r="AK41042">
        <v>59</v>
      </c>
      <c r="AL41042">
        <v>59</v>
      </c>
      <c r="AM41042">
        <v>59</v>
      </c>
      <c r="AN41042">
        <v>59</v>
      </c>
      <c r="AO41042">
        <v>59</v>
      </c>
      <c r="AP41042">
        <v>59</v>
      </c>
      <c r="AQ41042">
        <v>59</v>
      </c>
    </row>
    <row r="41043" spans="1:43">
      <c r="A41043" t="s">
        <v>25319</v>
      </c>
      <c r="B41043" t="s">
        <v>25320</v>
      </c>
      <c r="C41043" t="s">
        <v>15599</v>
      </c>
      <c r="D41043" t="s">
        <v>15600</v>
      </c>
      <c r="E41043" t="s">
        <v>15475</v>
      </c>
      <c r="F41043" t="s">
        <v>15476</v>
      </c>
      <c r="G41043" t="s">
        <v>10734</v>
      </c>
      <c r="H41043" t="s">
        <v>10735</v>
      </c>
      <c r="I41043" s="2">
        <v>1</v>
      </c>
      <c r="J41043" s="2">
        <v>0</v>
      </c>
      <c r="K41043" s="2">
        <v>0</v>
      </c>
      <c r="L41043" t="s">
        <v>120</v>
      </c>
      <c r="M41043" t="s">
        <v>87</v>
      </c>
      <c r="N41043" t="s">
        <v>88</v>
      </c>
      <c r="O41043" t="s">
        <v>85</v>
      </c>
      <c r="P41043" t="s">
        <v>86</v>
      </c>
      <c r="Q41043">
        <v>47</v>
      </c>
      <c r="R41043">
        <v>47</v>
      </c>
      <c r="S41043">
        <v>47</v>
      </c>
      <c r="T41043">
        <v>47</v>
      </c>
      <c r="U41043">
        <v>48</v>
      </c>
      <c r="V41043">
        <v>48</v>
      </c>
      <c r="W41043">
        <v>48</v>
      </c>
      <c r="X41043">
        <v>48</v>
      </c>
      <c r="Y41043">
        <v>48</v>
      </c>
      <c r="Z41043">
        <v>48</v>
      </c>
      <c r="AA41043">
        <v>49</v>
      </c>
      <c r="AB41043">
        <v>49</v>
      </c>
      <c r="AC41043">
        <v>49</v>
      </c>
      <c r="AD41043">
        <v>49</v>
      </c>
      <c r="AE41043">
        <v>49</v>
      </c>
      <c r="AF41043">
        <v>50</v>
      </c>
      <c r="AG41043">
        <v>50</v>
      </c>
      <c r="AH41043">
        <v>50</v>
      </c>
      <c r="AI41043">
        <v>50</v>
      </c>
      <c r="AJ41043">
        <v>50</v>
      </c>
      <c r="AK41043">
        <v>50</v>
      </c>
      <c r="AL41043">
        <v>51</v>
      </c>
      <c r="AM41043">
        <v>51</v>
      </c>
      <c r="AN41043">
        <v>51</v>
      </c>
      <c r="AO41043">
        <v>51</v>
      </c>
      <c r="AP41043">
        <v>51</v>
      </c>
      <c r="AQ41043">
        <v>51</v>
      </c>
    </row>
    <row r="41044" spans="1:43">
      <c r="A41044" t="s">
        <v>25319</v>
      </c>
      <c r="B41044" t="s">
        <v>25320</v>
      </c>
      <c r="C41044" t="s">
        <v>15599</v>
      </c>
      <c r="D41044" t="s">
        <v>15600</v>
      </c>
      <c r="E41044" t="s">
        <v>15475</v>
      </c>
      <c r="F41044" t="s">
        <v>15476</v>
      </c>
      <c r="G41044" t="s">
        <v>10734</v>
      </c>
      <c r="H41044" t="s">
        <v>10735</v>
      </c>
      <c r="I41044" s="2">
        <v>1</v>
      </c>
      <c r="J41044" s="2">
        <v>0</v>
      </c>
      <c r="K41044" s="2">
        <v>0</v>
      </c>
      <c r="L41044" t="s">
        <v>120</v>
      </c>
      <c r="M41044" t="s">
        <v>89</v>
      </c>
      <c r="N41044" t="s">
        <v>90</v>
      </c>
      <c r="O41044" t="s">
        <v>85</v>
      </c>
      <c r="P41044" t="s">
        <v>86</v>
      </c>
      <c r="Q41044">
        <v>47</v>
      </c>
      <c r="R41044">
        <v>48</v>
      </c>
      <c r="S41044">
        <v>49</v>
      </c>
      <c r="T41044">
        <v>50</v>
      </c>
      <c r="U41044">
        <v>51</v>
      </c>
      <c r="V41044">
        <v>52</v>
      </c>
      <c r="W41044">
        <v>52</v>
      </c>
      <c r="X41044">
        <v>53</v>
      </c>
      <c r="Y41044">
        <v>54</v>
      </c>
      <c r="Z41044">
        <v>55</v>
      </c>
      <c r="AA41044">
        <v>56</v>
      </c>
      <c r="AB41044">
        <v>56</v>
      </c>
      <c r="AC41044">
        <v>57</v>
      </c>
      <c r="AD41044">
        <v>58</v>
      </c>
      <c r="AE41044">
        <v>58</v>
      </c>
      <c r="AF41044">
        <v>58</v>
      </c>
      <c r="AG41044">
        <v>58</v>
      </c>
      <c r="AH41044">
        <v>59</v>
      </c>
      <c r="AI41044">
        <v>59</v>
      </c>
      <c r="AJ41044">
        <v>59</v>
      </c>
      <c r="AK41044">
        <v>59</v>
      </c>
      <c r="AL41044">
        <v>59</v>
      </c>
      <c r="AM41044">
        <v>59</v>
      </c>
      <c r="AN41044">
        <v>59</v>
      </c>
      <c r="AO41044">
        <v>59</v>
      </c>
      <c r="AP41044">
        <v>59</v>
      </c>
      <c r="AQ41044">
        <v>59</v>
      </c>
    </row>
    <row r="41045" spans="1:43">
      <c r="A41045" t="s">
        <v>25319</v>
      </c>
      <c r="B41045" t="s">
        <v>25320</v>
      </c>
      <c r="C41045" t="s">
        <v>15599</v>
      </c>
      <c r="D41045" t="s">
        <v>15600</v>
      </c>
      <c r="E41045" t="s">
        <v>15475</v>
      </c>
      <c r="F41045" t="s">
        <v>15476</v>
      </c>
      <c r="G41045" t="s">
        <v>10734</v>
      </c>
      <c r="H41045" t="s">
        <v>10735</v>
      </c>
      <c r="I41045" s="2">
        <v>1</v>
      </c>
      <c r="J41045" s="2">
        <v>0</v>
      </c>
      <c r="K41045" s="2">
        <v>0</v>
      </c>
      <c r="L41045" t="s">
        <v>120</v>
      </c>
      <c r="M41045" t="s">
        <v>83</v>
      </c>
      <c r="N41045" t="s">
        <v>91</v>
      </c>
      <c r="O41045" t="s">
        <v>85</v>
      </c>
      <c r="P41045" t="s">
        <v>86</v>
      </c>
      <c r="Q41045">
        <v>47</v>
      </c>
      <c r="R41045">
        <v>48</v>
      </c>
      <c r="S41045">
        <v>48</v>
      </c>
      <c r="T41045">
        <v>49</v>
      </c>
      <c r="U41045">
        <v>50</v>
      </c>
      <c r="V41045">
        <v>50</v>
      </c>
      <c r="W41045">
        <v>51</v>
      </c>
      <c r="X41045">
        <v>52</v>
      </c>
      <c r="Y41045">
        <v>52</v>
      </c>
      <c r="Z41045">
        <v>53</v>
      </c>
      <c r="AA41045">
        <v>53</v>
      </c>
      <c r="AB41045">
        <v>54</v>
      </c>
      <c r="AC41045">
        <v>54</v>
      </c>
      <c r="AD41045">
        <v>55</v>
      </c>
      <c r="AE41045">
        <v>56</v>
      </c>
      <c r="AF41045">
        <v>56</v>
      </c>
      <c r="AG41045">
        <v>57</v>
      </c>
      <c r="AH41045">
        <v>57</v>
      </c>
      <c r="AI41045">
        <v>58</v>
      </c>
      <c r="AJ41045">
        <v>58</v>
      </c>
      <c r="AK41045">
        <v>59</v>
      </c>
      <c r="AL41045">
        <v>59</v>
      </c>
      <c r="AM41045">
        <v>59</v>
      </c>
      <c r="AN41045">
        <v>59</v>
      </c>
      <c r="AO41045">
        <v>59</v>
      </c>
      <c r="AP41045">
        <v>59</v>
      </c>
      <c r="AQ41045">
        <v>59</v>
      </c>
    </row>
    <row r="41046" spans="1:43">
      <c r="A41046" t="s">
        <v>25321</v>
      </c>
      <c r="B41046" t="s">
        <v>25322</v>
      </c>
      <c r="C41046" t="s">
        <v>15549</v>
      </c>
      <c r="D41046" t="s">
        <v>15550</v>
      </c>
      <c r="E41046" t="s">
        <v>15475</v>
      </c>
      <c r="F41046" t="s">
        <v>15476</v>
      </c>
      <c r="G41046" t="s">
        <v>10734</v>
      </c>
      <c r="H41046" t="s">
        <v>10735</v>
      </c>
      <c r="I41046" s="2">
        <v>1</v>
      </c>
      <c r="J41046" s="2">
        <v>0</v>
      </c>
      <c r="K41046" s="2">
        <v>0</v>
      </c>
      <c r="L41046" t="s">
        <v>120</v>
      </c>
      <c r="M41046" t="s">
        <v>83</v>
      </c>
      <c r="N41046" t="s">
        <v>84</v>
      </c>
      <c r="O41046" t="s">
        <v>85</v>
      </c>
      <c r="P41046" t="s">
        <v>86</v>
      </c>
      <c r="Q41046">
        <v>145</v>
      </c>
      <c r="R41046">
        <v>147</v>
      </c>
      <c r="S41046">
        <v>149</v>
      </c>
      <c r="T41046">
        <v>151</v>
      </c>
      <c r="U41046">
        <v>153</v>
      </c>
      <c r="V41046">
        <v>155</v>
      </c>
      <c r="W41046">
        <v>157</v>
      </c>
      <c r="X41046">
        <v>159</v>
      </c>
      <c r="Y41046">
        <v>160</v>
      </c>
      <c r="Z41046">
        <v>162</v>
      </c>
      <c r="AA41046">
        <v>164</v>
      </c>
      <c r="AB41046">
        <v>165</v>
      </c>
      <c r="AC41046">
        <v>167</v>
      </c>
      <c r="AD41046">
        <v>169</v>
      </c>
      <c r="AE41046">
        <v>170</v>
      </c>
      <c r="AF41046">
        <v>172</v>
      </c>
      <c r="AG41046">
        <v>173</v>
      </c>
      <c r="AH41046">
        <v>175</v>
      </c>
      <c r="AI41046">
        <v>177</v>
      </c>
      <c r="AJ41046">
        <v>178</v>
      </c>
      <c r="AK41046">
        <v>180</v>
      </c>
      <c r="AL41046">
        <v>180</v>
      </c>
      <c r="AM41046">
        <v>180</v>
      </c>
      <c r="AN41046">
        <v>180</v>
      </c>
      <c r="AO41046">
        <v>180</v>
      </c>
      <c r="AP41046">
        <v>180</v>
      </c>
      <c r="AQ41046">
        <v>180</v>
      </c>
    </row>
    <row r="41047" spans="1:43">
      <c r="A41047" t="s">
        <v>25321</v>
      </c>
      <c r="B41047" t="s">
        <v>25322</v>
      </c>
      <c r="C41047" t="s">
        <v>15549</v>
      </c>
      <c r="D41047" t="s">
        <v>15550</v>
      </c>
      <c r="E41047" t="s">
        <v>15475</v>
      </c>
      <c r="F41047" t="s">
        <v>15476</v>
      </c>
      <c r="G41047" t="s">
        <v>10734</v>
      </c>
      <c r="H41047" t="s">
        <v>10735</v>
      </c>
      <c r="I41047" s="2">
        <v>1</v>
      </c>
      <c r="J41047" s="2">
        <v>0</v>
      </c>
      <c r="K41047" s="2">
        <v>0</v>
      </c>
      <c r="L41047" t="s">
        <v>120</v>
      </c>
      <c r="M41047" t="s">
        <v>87</v>
      </c>
      <c r="N41047" t="s">
        <v>88</v>
      </c>
      <c r="O41047" t="s">
        <v>85</v>
      </c>
      <c r="P41047" t="s">
        <v>86</v>
      </c>
      <c r="Q41047">
        <v>145</v>
      </c>
      <c r="R41047">
        <v>146</v>
      </c>
      <c r="S41047">
        <v>147</v>
      </c>
      <c r="T41047">
        <v>147</v>
      </c>
      <c r="U41047">
        <v>148</v>
      </c>
      <c r="V41047">
        <v>148</v>
      </c>
      <c r="W41047">
        <v>149</v>
      </c>
      <c r="X41047">
        <v>150</v>
      </c>
      <c r="Y41047">
        <v>150</v>
      </c>
      <c r="Z41047">
        <v>151</v>
      </c>
      <c r="AA41047">
        <v>152</v>
      </c>
      <c r="AB41047">
        <v>152</v>
      </c>
      <c r="AC41047">
        <v>153</v>
      </c>
      <c r="AD41047">
        <v>153</v>
      </c>
      <c r="AE41047">
        <v>154</v>
      </c>
      <c r="AF41047">
        <v>155</v>
      </c>
      <c r="AG41047">
        <v>155</v>
      </c>
      <c r="AH41047">
        <v>156</v>
      </c>
      <c r="AI41047">
        <v>156</v>
      </c>
      <c r="AJ41047">
        <v>157</v>
      </c>
      <c r="AK41047">
        <v>158</v>
      </c>
      <c r="AL41047">
        <v>158</v>
      </c>
      <c r="AM41047">
        <v>159</v>
      </c>
      <c r="AN41047">
        <v>159</v>
      </c>
      <c r="AO41047">
        <v>160</v>
      </c>
      <c r="AP41047">
        <v>160</v>
      </c>
      <c r="AQ41047">
        <v>161</v>
      </c>
    </row>
    <row r="41048" spans="1:43">
      <c r="A41048" t="s">
        <v>25321</v>
      </c>
      <c r="B41048" t="s">
        <v>25322</v>
      </c>
      <c r="C41048" t="s">
        <v>15549</v>
      </c>
      <c r="D41048" t="s">
        <v>15550</v>
      </c>
      <c r="E41048" t="s">
        <v>15475</v>
      </c>
      <c r="F41048" t="s">
        <v>15476</v>
      </c>
      <c r="G41048" t="s">
        <v>10734</v>
      </c>
      <c r="H41048" t="s">
        <v>10735</v>
      </c>
      <c r="I41048" s="2">
        <v>1</v>
      </c>
      <c r="J41048" s="2">
        <v>0</v>
      </c>
      <c r="K41048" s="2">
        <v>0</v>
      </c>
      <c r="L41048" t="s">
        <v>120</v>
      </c>
      <c r="M41048" t="s">
        <v>89</v>
      </c>
      <c r="N41048" t="s">
        <v>90</v>
      </c>
      <c r="O41048" t="s">
        <v>85</v>
      </c>
      <c r="P41048" t="s">
        <v>86</v>
      </c>
      <c r="Q41048">
        <v>145</v>
      </c>
      <c r="R41048">
        <v>148</v>
      </c>
      <c r="S41048">
        <v>151</v>
      </c>
      <c r="T41048">
        <v>155</v>
      </c>
      <c r="U41048">
        <v>158</v>
      </c>
      <c r="V41048">
        <v>160</v>
      </c>
      <c r="W41048">
        <v>163</v>
      </c>
      <c r="X41048">
        <v>165</v>
      </c>
      <c r="Y41048">
        <v>168</v>
      </c>
      <c r="Z41048">
        <v>170</v>
      </c>
      <c r="AA41048">
        <v>172</v>
      </c>
      <c r="AB41048">
        <v>174</v>
      </c>
      <c r="AC41048">
        <v>177</v>
      </c>
      <c r="AD41048">
        <v>179</v>
      </c>
      <c r="AE41048">
        <v>180</v>
      </c>
      <c r="AF41048">
        <v>180</v>
      </c>
      <c r="AG41048">
        <v>181</v>
      </c>
      <c r="AH41048">
        <v>181</v>
      </c>
      <c r="AI41048">
        <v>181</v>
      </c>
      <c r="AJ41048">
        <v>181</v>
      </c>
      <c r="AK41048">
        <v>181</v>
      </c>
      <c r="AL41048">
        <v>181</v>
      </c>
      <c r="AM41048">
        <v>181</v>
      </c>
      <c r="AN41048">
        <v>181</v>
      </c>
      <c r="AO41048">
        <v>181</v>
      </c>
      <c r="AP41048">
        <v>181</v>
      </c>
      <c r="AQ41048">
        <v>181</v>
      </c>
    </row>
    <row r="41049" spans="1:43">
      <c r="A41049" t="s">
        <v>25321</v>
      </c>
      <c r="B41049" t="s">
        <v>25322</v>
      </c>
      <c r="C41049" t="s">
        <v>15549</v>
      </c>
      <c r="D41049" t="s">
        <v>15550</v>
      </c>
      <c r="E41049" t="s">
        <v>15475</v>
      </c>
      <c r="F41049" t="s">
        <v>15476</v>
      </c>
      <c r="G41049" t="s">
        <v>10734</v>
      </c>
      <c r="H41049" t="s">
        <v>10735</v>
      </c>
      <c r="I41049" s="2">
        <v>1</v>
      </c>
      <c r="J41049" s="2">
        <v>0</v>
      </c>
      <c r="K41049" s="2">
        <v>0</v>
      </c>
      <c r="L41049" t="s">
        <v>120</v>
      </c>
      <c r="M41049" t="s">
        <v>83</v>
      </c>
      <c r="N41049" t="s">
        <v>91</v>
      </c>
      <c r="O41049" t="s">
        <v>85</v>
      </c>
      <c r="P41049" t="s">
        <v>86</v>
      </c>
      <c r="Q41049">
        <v>145</v>
      </c>
      <c r="R41049">
        <v>147</v>
      </c>
      <c r="S41049">
        <v>149</v>
      </c>
      <c r="T41049">
        <v>151</v>
      </c>
      <c r="U41049">
        <v>153</v>
      </c>
      <c r="V41049">
        <v>155</v>
      </c>
      <c r="W41049">
        <v>157</v>
      </c>
      <c r="X41049">
        <v>159</v>
      </c>
      <c r="Y41049">
        <v>160</v>
      </c>
      <c r="Z41049">
        <v>162</v>
      </c>
      <c r="AA41049">
        <v>164</v>
      </c>
      <c r="AB41049">
        <v>165</v>
      </c>
      <c r="AC41049">
        <v>167</v>
      </c>
      <c r="AD41049">
        <v>169</v>
      </c>
      <c r="AE41049">
        <v>170</v>
      </c>
      <c r="AF41049">
        <v>172</v>
      </c>
      <c r="AG41049">
        <v>173</v>
      </c>
      <c r="AH41049">
        <v>175</v>
      </c>
      <c r="AI41049">
        <v>177</v>
      </c>
      <c r="AJ41049">
        <v>178</v>
      </c>
      <c r="AK41049">
        <v>180</v>
      </c>
      <c r="AL41049">
        <v>180</v>
      </c>
      <c r="AM41049">
        <v>180</v>
      </c>
      <c r="AN41049">
        <v>180</v>
      </c>
      <c r="AO41049">
        <v>180</v>
      </c>
      <c r="AP41049">
        <v>180</v>
      </c>
      <c r="AQ41049">
        <v>180</v>
      </c>
    </row>
    <row r="41050" spans="1:43">
      <c r="A41050" t="s">
        <v>25323</v>
      </c>
      <c r="B41050" t="s">
        <v>25324</v>
      </c>
      <c r="C41050" t="s">
        <v>15549</v>
      </c>
      <c r="D41050" t="s">
        <v>15550</v>
      </c>
      <c r="E41050" t="s">
        <v>15475</v>
      </c>
      <c r="F41050" t="s">
        <v>15476</v>
      </c>
      <c r="G41050" t="s">
        <v>10734</v>
      </c>
      <c r="H41050" t="s">
        <v>10735</v>
      </c>
      <c r="I41050" s="2">
        <v>1</v>
      </c>
      <c r="J41050" s="2">
        <v>0</v>
      </c>
      <c r="K41050" s="2">
        <v>0</v>
      </c>
      <c r="L41050" t="s">
        <v>120</v>
      </c>
      <c r="M41050" t="s">
        <v>83</v>
      </c>
      <c r="N41050" t="s">
        <v>84</v>
      </c>
      <c r="O41050" t="s">
        <v>85</v>
      </c>
      <c r="P41050" t="s">
        <v>86</v>
      </c>
      <c r="Q41050">
        <v>3</v>
      </c>
      <c r="R41050">
        <v>3</v>
      </c>
      <c r="S41050">
        <v>4</v>
      </c>
      <c r="T41050">
        <v>4</v>
      </c>
      <c r="U41050">
        <v>4</v>
      </c>
      <c r="V41050">
        <v>4</v>
      </c>
      <c r="W41050">
        <v>4</v>
      </c>
      <c r="X41050">
        <v>4</v>
      </c>
      <c r="Y41050">
        <v>4</v>
      </c>
      <c r="Z41050">
        <v>4</v>
      </c>
      <c r="AA41050">
        <v>4</v>
      </c>
      <c r="AB41050">
        <v>4</v>
      </c>
      <c r="AC41050">
        <v>4</v>
      </c>
      <c r="AD41050">
        <v>4</v>
      </c>
      <c r="AE41050">
        <v>4</v>
      </c>
      <c r="AF41050">
        <v>4</v>
      </c>
      <c r="AG41050">
        <v>4</v>
      </c>
      <c r="AH41050">
        <v>4</v>
      </c>
      <c r="AI41050">
        <v>4</v>
      </c>
      <c r="AJ41050">
        <v>4</v>
      </c>
      <c r="AK41050">
        <v>4</v>
      </c>
      <c r="AL41050">
        <v>4</v>
      </c>
      <c r="AM41050">
        <v>4</v>
      </c>
      <c r="AN41050">
        <v>4</v>
      </c>
      <c r="AO41050">
        <v>4</v>
      </c>
      <c r="AP41050">
        <v>4</v>
      </c>
      <c r="AQ41050">
        <v>4</v>
      </c>
    </row>
    <row r="41051" spans="1:43">
      <c r="A41051" t="s">
        <v>25323</v>
      </c>
      <c r="B41051" t="s">
        <v>25324</v>
      </c>
      <c r="C41051" t="s">
        <v>15549</v>
      </c>
      <c r="D41051" t="s">
        <v>15550</v>
      </c>
      <c r="E41051" t="s">
        <v>15475</v>
      </c>
      <c r="F41051" t="s">
        <v>15476</v>
      </c>
      <c r="G41051" t="s">
        <v>10734</v>
      </c>
      <c r="H41051" t="s">
        <v>10735</v>
      </c>
      <c r="I41051" s="2">
        <v>1</v>
      </c>
      <c r="J41051" s="2">
        <v>0</v>
      </c>
      <c r="K41051" s="2">
        <v>0</v>
      </c>
      <c r="L41051" t="s">
        <v>120</v>
      </c>
      <c r="M41051" t="s">
        <v>87</v>
      </c>
      <c r="N41051" t="s">
        <v>88</v>
      </c>
      <c r="O41051" t="s">
        <v>85</v>
      </c>
      <c r="P41051" t="s">
        <v>86</v>
      </c>
      <c r="Q41051">
        <v>3</v>
      </c>
      <c r="R41051">
        <v>3</v>
      </c>
      <c r="S41051">
        <v>3</v>
      </c>
      <c r="T41051">
        <v>3</v>
      </c>
      <c r="U41051">
        <v>3</v>
      </c>
      <c r="V41051">
        <v>3</v>
      </c>
      <c r="W41051">
        <v>3</v>
      </c>
      <c r="X41051">
        <v>4</v>
      </c>
      <c r="Y41051">
        <v>4</v>
      </c>
      <c r="Z41051">
        <v>4</v>
      </c>
      <c r="AA41051">
        <v>4</v>
      </c>
      <c r="AB41051">
        <v>4</v>
      </c>
      <c r="AC41051">
        <v>4</v>
      </c>
      <c r="AD41051">
        <v>4</v>
      </c>
      <c r="AE41051">
        <v>4</v>
      </c>
      <c r="AF41051">
        <v>4</v>
      </c>
      <c r="AG41051">
        <v>4</v>
      </c>
      <c r="AH41051">
        <v>4</v>
      </c>
      <c r="AI41051">
        <v>4</v>
      </c>
      <c r="AJ41051">
        <v>4</v>
      </c>
      <c r="AK41051">
        <v>4</v>
      </c>
      <c r="AL41051">
        <v>4</v>
      </c>
      <c r="AM41051">
        <v>4</v>
      </c>
      <c r="AN41051">
        <v>4</v>
      </c>
      <c r="AO41051">
        <v>4</v>
      </c>
      <c r="AP41051">
        <v>4</v>
      </c>
      <c r="AQ41051">
        <v>4</v>
      </c>
    </row>
    <row r="41052" spans="1:43">
      <c r="A41052" t="s">
        <v>25323</v>
      </c>
      <c r="B41052" t="s">
        <v>25324</v>
      </c>
      <c r="C41052" t="s">
        <v>15549</v>
      </c>
      <c r="D41052" t="s">
        <v>15550</v>
      </c>
      <c r="E41052" t="s">
        <v>15475</v>
      </c>
      <c r="F41052" t="s">
        <v>15476</v>
      </c>
      <c r="G41052" t="s">
        <v>10734</v>
      </c>
      <c r="H41052" t="s">
        <v>10735</v>
      </c>
      <c r="I41052" s="2">
        <v>1</v>
      </c>
      <c r="J41052" s="2">
        <v>0</v>
      </c>
      <c r="K41052" s="2">
        <v>0</v>
      </c>
      <c r="L41052" t="s">
        <v>120</v>
      </c>
      <c r="M41052" t="s">
        <v>89</v>
      </c>
      <c r="N41052" t="s">
        <v>90</v>
      </c>
      <c r="O41052" t="s">
        <v>85</v>
      </c>
      <c r="P41052" t="s">
        <v>86</v>
      </c>
      <c r="Q41052">
        <v>3</v>
      </c>
      <c r="R41052">
        <v>4</v>
      </c>
      <c r="S41052">
        <v>4</v>
      </c>
      <c r="T41052">
        <v>4</v>
      </c>
      <c r="U41052">
        <v>4</v>
      </c>
      <c r="V41052">
        <v>4</v>
      </c>
      <c r="W41052">
        <v>4</v>
      </c>
      <c r="X41052">
        <v>4</v>
      </c>
      <c r="Y41052">
        <v>4</v>
      </c>
      <c r="Z41052">
        <v>4</v>
      </c>
      <c r="AA41052">
        <v>4</v>
      </c>
      <c r="AB41052">
        <v>4</v>
      </c>
      <c r="AC41052">
        <v>4</v>
      </c>
      <c r="AD41052">
        <v>4</v>
      </c>
      <c r="AE41052">
        <v>4</v>
      </c>
      <c r="AF41052">
        <v>4</v>
      </c>
      <c r="AG41052">
        <v>4</v>
      </c>
      <c r="AH41052">
        <v>4</v>
      </c>
      <c r="AI41052">
        <v>4</v>
      </c>
      <c r="AJ41052">
        <v>4</v>
      </c>
      <c r="AK41052">
        <v>4</v>
      </c>
      <c r="AL41052">
        <v>4</v>
      </c>
      <c r="AM41052">
        <v>4</v>
      </c>
      <c r="AN41052">
        <v>4</v>
      </c>
      <c r="AO41052">
        <v>4</v>
      </c>
      <c r="AP41052">
        <v>4</v>
      </c>
      <c r="AQ41052">
        <v>4</v>
      </c>
    </row>
    <row r="41053" spans="1:43">
      <c r="A41053" t="s">
        <v>25323</v>
      </c>
      <c r="B41053" t="s">
        <v>25324</v>
      </c>
      <c r="C41053" t="s">
        <v>15549</v>
      </c>
      <c r="D41053" t="s">
        <v>15550</v>
      </c>
      <c r="E41053" t="s">
        <v>15475</v>
      </c>
      <c r="F41053" t="s">
        <v>15476</v>
      </c>
      <c r="G41053" t="s">
        <v>10734</v>
      </c>
      <c r="H41053" t="s">
        <v>10735</v>
      </c>
      <c r="I41053" s="2">
        <v>1</v>
      </c>
      <c r="J41053" s="2">
        <v>0</v>
      </c>
      <c r="K41053" s="2">
        <v>0</v>
      </c>
      <c r="L41053" t="s">
        <v>120</v>
      </c>
      <c r="M41053" t="s">
        <v>83</v>
      </c>
      <c r="N41053" t="s">
        <v>91</v>
      </c>
      <c r="O41053" t="s">
        <v>85</v>
      </c>
      <c r="P41053" t="s">
        <v>86</v>
      </c>
      <c r="Q41053">
        <v>3</v>
      </c>
      <c r="R41053">
        <v>3</v>
      </c>
      <c r="S41053">
        <v>4</v>
      </c>
      <c r="T41053">
        <v>4</v>
      </c>
      <c r="U41053">
        <v>4</v>
      </c>
      <c r="V41053">
        <v>4</v>
      </c>
      <c r="W41053">
        <v>4</v>
      </c>
      <c r="X41053">
        <v>4</v>
      </c>
      <c r="Y41053">
        <v>4</v>
      </c>
      <c r="Z41053">
        <v>4</v>
      </c>
      <c r="AA41053">
        <v>4</v>
      </c>
      <c r="AB41053">
        <v>4</v>
      </c>
      <c r="AC41053">
        <v>4</v>
      </c>
      <c r="AD41053">
        <v>4</v>
      </c>
      <c r="AE41053">
        <v>4</v>
      </c>
      <c r="AF41053">
        <v>4</v>
      </c>
      <c r="AG41053">
        <v>4</v>
      </c>
      <c r="AH41053">
        <v>4</v>
      </c>
      <c r="AI41053">
        <v>4</v>
      </c>
      <c r="AJ41053">
        <v>4</v>
      </c>
      <c r="AK41053">
        <v>4</v>
      </c>
      <c r="AL41053">
        <v>4</v>
      </c>
      <c r="AM41053">
        <v>4</v>
      </c>
      <c r="AN41053">
        <v>4</v>
      </c>
      <c r="AO41053">
        <v>4</v>
      </c>
      <c r="AP41053">
        <v>4</v>
      </c>
      <c r="AQ41053">
        <v>4</v>
      </c>
    </row>
    <row r="41054" spans="1:43">
      <c r="A41054" t="s">
        <v>25325</v>
      </c>
      <c r="B41054" t="s">
        <v>25326</v>
      </c>
      <c r="C41054" t="s">
        <v>15599</v>
      </c>
      <c r="D41054" t="s">
        <v>15600</v>
      </c>
      <c r="E41054" t="s">
        <v>15475</v>
      </c>
      <c r="F41054" t="s">
        <v>15476</v>
      </c>
      <c r="G41054" t="s">
        <v>10734</v>
      </c>
      <c r="H41054" t="s">
        <v>10735</v>
      </c>
      <c r="I41054" s="2">
        <v>1</v>
      </c>
      <c r="J41054" s="2">
        <v>0</v>
      </c>
      <c r="K41054" s="2">
        <v>0</v>
      </c>
      <c r="L41054" t="s">
        <v>120</v>
      </c>
      <c r="M41054" t="s">
        <v>83</v>
      </c>
      <c r="N41054" t="s">
        <v>84</v>
      </c>
      <c r="O41054" t="s">
        <v>85</v>
      </c>
      <c r="P41054" t="s">
        <v>86</v>
      </c>
      <c r="Q41054">
        <v>25</v>
      </c>
      <c r="R41054">
        <v>25</v>
      </c>
      <c r="S41054">
        <v>26</v>
      </c>
      <c r="T41054">
        <v>26</v>
      </c>
      <c r="U41054">
        <v>26</v>
      </c>
      <c r="V41054">
        <v>27</v>
      </c>
      <c r="W41054">
        <v>27</v>
      </c>
      <c r="X41054">
        <v>27</v>
      </c>
      <c r="Y41054">
        <v>27</v>
      </c>
      <c r="Z41054">
        <v>28</v>
      </c>
      <c r="AA41054">
        <v>28</v>
      </c>
      <c r="AB41054">
        <v>28</v>
      </c>
      <c r="AC41054">
        <v>29</v>
      </c>
      <c r="AD41054">
        <v>29</v>
      </c>
      <c r="AE41054">
        <v>29</v>
      </c>
      <c r="AF41054">
        <v>29</v>
      </c>
      <c r="AG41054">
        <v>30</v>
      </c>
      <c r="AH41054">
        <v>30</v>
      </c>
      <c r="AI41054">
        <v>30</v>
      </c>
      <c r="AJ41054">
        <v>31</v>
      </c>
      <c r="AK41054">
        <v>31</v>
      </c>
      <c r="AL41054">
        <v>31</v>
      </c>
      <c r="AM41054">
        <v>31</v>
      </c>
      <c r="AN41054">
        <v>31</v>
      </c>
      <c r="AO41054">
        <v>31</v>
      </c>
      <c r="AP41054">
        <v>31</v>
      </c>
      <c r="AQ41054">
        <v>31</v>
      </c>
    </row>
    <row r="41055" spans="1:43">
      <c r="A41055" t="s">
        <v>25325</v>
      </c>
      <c r="B41055" t="s">
        <v>25326</v>
      </c>
      <c r="C41055" t="s">
        <v>15599</v>
      </c>
      <c r="D41055" t="s">
        <v>15600</v>
      </c>
      <c r="E41055" t="s">
        <v>15475</v>
      </c>
      <c r="F41055" t="s">
        <v>15476</v>
      </c>
      <c r="G41055" t="s">
        <v>10734</v>
      </c>
      <c r="H41055" t="s">
        <v>10735</v>
      </c>
      <c r="I41055" s="2">
        <v>1</v>
      </c>
      <c r="J41055" s="2">
        <v>0</v>
      </c>
      <c r="K41055" s="2">
        <v>0</v>
      </c>
      <c r="L41055" t="s">
        <v>120</v>
      </c>
      <c r="M41055" t="s">
        <v>87</v>
      </c>
      <c r="N41055" t="s">
        <v>88</v>
      </c>
      <c r="O41055" t="s">
        <v>85</v>
      </c>
      <c r="P41055" t="s">
        <v>86</v>
      </c>
      <c r="Q41055">
        <v>25</v>
      </c>
      <c r="R41055">
        <v>25</v>
      </c>
      <c r="S41055">
        <v>25</v>
      </c>
      <c r="T41055">
        <v>25</v>
      </c>
      <c r="U41055">
        <v>25</v>
      </c>
      <c r="V41055">
        <v>25</v>
      </c>
      <c r="W41055">
        <v>25</v>
      </c>
      <c r="X41055">
        <v>25</v>
      </c>
      <c r="Y41055">
        <v>25</v>
      </c>
      <c r="Z41055">
        <v>26</v>
      </c>
      <c r="AA41055">
        <v>26</v>
      </c>
      <c r="AB41055">
        <v>26</v>
      </c>
      <c r="AC41055">
        <v>26</v>
      </c>
      <c r="AD41055">
        <v>26</v>
      </c>
      <c r="AE41055">
        <v>26</v>
      </c>
      <c r="AF41055">
        <v>26</v>
      </c>
      <c r="AG41055">
        <v>26</v>
      </c>
      <c r="AH41055">
        <v>26</v>
      </c>
      <c r="AI41055">
        <v>26</v>
      </c>
      <c r="AJ41055">
        <v>26</v>
      </c>
      <c r="AK41055">
        <v>27</v>
      </c>
      <c r="AL41055">
        <v>27</v>
      </c>
      <c r="AM41055">
        <v>27</v>
      </c>
      <c r="AN41055">
        <v>27</v>
      </c>
      <c r="AO41055">
        <v>27</v>
      </c>
      <c r="AP41055">
        <v>27</v>
      </c>
      <c r="AQ41055">
        <v>27</v>
      </c>
    </row>
    <row r="41056" spans="1:43">
      <c r="A41056" t="s">
        <v>25325</v>
      </c>
      <c r="B41056" t="s">
        <v>25326</v>
      </c>
      <c r="C41056" t="s">
        <v>15599</v>
      </c>
      <c r="D41056" t="s">
        <v>15600</v>
      </c>
      <c r="E41056" t="s">
        <v>15475</v>
      </c>
      <c r="F41056" t="s">
        <v>15476</v>
      </c>
      <c r="G41056" t="s">
        <v>10734</v>
      </c>
      <c r="H41056" t="s">
        <v>10735</v>
      </c>
      <c r="I41056" s="2">
        <v>1</v>
      </c>
      <c r="J41056" s="2">
        <v>0</v>
      </c>
      <c r="K41056" s="2">
        <v>0</v>
      </c>
      <c r="L41056" t="s">
        <v>120</v>
      </c>
      <c r="M41056" t="s">
        <v>89</v>
      </c>
      <c r="N41056" t="s">
        <v>90</v>
      </c>
      <c r="O41056" t="s">
        <v>85</v>
      </c>
      <c r="P41056" t="s">
        <v>86</v>
      </c>
      <c r="Q41056">
        <v>25</v>
      </c>
      <c r="R41056">
        <v>26</v>
      </c>
      <c r="S41056">
        <v>26</v>
      </c>
      <c r="T41056">
        <v>27</v>
      </c>
      <c r="U41056">
        <v>27</v>
      </c>
      <c r="V41056">
        <v>28</v>
      </c>
      <c r="W41056">
        <v>28</v>
      </c>
      <c r="X41056">
        <v>29</v>
      </c>
      <c r="Y41056">
        <v>29</v>
      </c>
      <c r="Z41056">
        <v>29</v>
      </c>
      <c r="AA41056">
        <v>30</v>
      </c>
      <c r="AB41056">
        <v>30</v>
      </c>
      <c r="AC41056">
        <v>31</v>
      </c>
      <c r="AD41056">
        <v>31</v>
      </c>
      <c r="AE41056">
        <v>31</v>
      </c>
      <c r="AF41056">
        <v>31</v>
      </c>
      <c r="AG41056">
        <v>31</v>
      </c>
      <c r="AH41056">
        <v>31</v>
      </c>
      <c r="AI41056">
        <v>31</v>
      </c>
      <c r="AJ41056">
        <v>31</v>
      </c>
      <c r="AK41056">
        <v>31</v>
      </c>
      <c r="AL41056">
        <v>31</v>
      </c>
      <c r="AM41056">
        <v>31</v>
      </c>
      <c r="AN41056">
        <v>31</v>
      </c>
      <c r="AO41056">
        <v>31</v>
      </c>
      <c r="AP41056">
        <v>31</v>
      </c>
      <c r="AQ41056">
        <v>31</v>
      </c>
    </row>
    <row r="41057" spans="1:43">
      <c r="A41057" t="s">
        <v>25325</v>
      </c>
      <c r="B41057" t="s">
        <v>25326</v>
      </c>
      <c r="C41057" t="s">
        <v>15599</v>
      </c>
      <c r="D41057" t="s">
        <v>15600</v>
      </c>
      <c r="E41057" t="s">
        <v>15475</v>
      </c>
      <c r="F41057" t="s">
        <v>15476</v>
      </c>
      <c r="G41057" t="s">
        <v>10734</v>
      </c>
      <c r="H41057" t="s">
        <v>10735</v>
      </c>
      <c r="I41057" s="2">
        <v>1</v>
      </c>
      <c r="J41057" s="2">
        <v>0</v>
      </c>
      <c r="K41057" s="2">
        <v>0</v>
      </c>
      <c r="L41057" t="s">
        <v>120</v>
      </c>
      <c r="M41057" t="s">
        <v>83</v>
      </c>
      <c r="N41057" t="s">
        <v>91</v>
      </c>
      <c r="O41057" t="s">
        <v>85</v>
      </c>
      <c r="P41057" t="s">
        <v>86</v>
      </c>
      <c r="Q41057">
        <v>25</v>
      </c>
      <c r="R41057">
        <v>25</v>
      </c>
      <c r="S41057">
        <v>26</v>
      </c>
      <c r="T41057">
        <v>26</v>
      </c>
      <c r="U41057">
        <v>26</v>
      </c>
      <c r="V41057">
        <v>27</v>
      </c>
      <c r="W41057">
        <v>27</v>
      </c>
      <c r="X41057">
        <v>27</v>
      </c>
      <c r="Y41057">
        <v>27</v>
      </c>
      <c r="Z41057">
        <v>28</v>
      </c>
      <c r="AA41057">
        <v>28</v>
      </c>
      <c r="AB41057">
        <v>28</v>
      </c>
      <c r="AC41057">
        <v>29</v>
      </c>
      <c r="AD41057">
        <v>29</v>
      </c>
      <c r="AE41057">
        <v>29</v>
      </c>
      <c r="AF41057">
        <v>29</v>
      </c>
      <c r="AG41057">
        <v>30</v>
      </c>
      <c r="AH41057">
        <v>30</v>
      </c>
      <c r="AI41057">
        <v>30</v>
      </c>
      <c r="AJ41057">
        <v>31</v>
      </c>
      <c r="AK41057">
        <v>31</v>
      </c>
      <c r="AL41057">
        <v>31</v>
      </c>
      <c r="AM41057">
        <v>31</v>
      </c>
      <c r="AN41057">
        <v>31</v>
      </c>
      <c r="AO41057">
        <v>31</v>
      </c>
      <c r="AP41057">
        <v>31</v>
      </c>
      <c r="AQ41057">
        <v>31</v>
      </c>
    </row>
    <row r="41058" spans="1:43">
      <c r="A41058" t="s">
        <v>25327</v>
      </c>
      <c r="B41058" t="s">
        <v>25328</v>
      </c>
      <c r="C41058" t="s">
        <v>25329</v>
      </c>
      <c r="D41058" t="s">
        <v>25330</v>
      </c>
      <c r="E41058" t="s">
        <v>3352</v>
      </c>
      <c r="F41058" t="s">
        <v>3353</v>
      </c>
      <c r="G41058" t="s">
        <v>80</v>
      </c>
      <c r="H41058" t="s">
        <v>81</v>
      </c>
      <c r="I41058" s="2">
        <v>0</v>
      </c>
      <c r="J41058" s="2">
        <v>1</v>
      </c>
      <c r="K41058" s="2">
        <v>0</v>
      </c>
      <c r="L41058" t="s">
        <v>82</v>
      </c>
      <c r="M41058" t="s">
        <v>83</v>
      </c>
      <c r="N41058" t="s">
        <v>84</v>
      </c>
      <c r="O41058" t="s">
        <v>85</v>
      </c>
      <c r="P41058" t="s">
        <v>86</v>
      </c>
      <c r="Q41058">
        <v>133</v>
      </c>
      <c r="R41058">
        <v>137</v>
      </c>
      <c r="S41058">
        <v>140</v>
      </c>
      <c r="T41058">
        <v>143</v>
      </c>
      <c r="U41058">
        <v>146</v>
      </c>
      <c r="V41058">
        <v>150</v>
      </c>
      <c r="W41058">
        <v>153</v>
      </c>
      <c r="X41058">
        <v>156</v>
      </c>
      <c r="Y41058">
        <v>160</v>
      </c>
      <c r="Z41058">
        <v>163</v>
      </c>
      <c r="AA41058">
        <v>167</v>
      </c>
      <c r="AB41058">
        <v>170</v>
      </c>
      <c r="AC41058">
        <v>174</v>
      </c>
      <c r="AD41058">
        <v>177</v>
      </c>
      <c r="AE41058">
        <v>181</v>
      </c>
      <c r="AF41058">
        <v>184</v>
      </c>
      <c r="AG41058">
        <v>188</v>
      </c>
      <c r="AH41058">
        <v>191</v>
      </c>
      <c r="AI41058">
        <v>195</v>
      </c>
      <c r="AJ41058">
        <v>199</v>
      </c>
      <c r="AK41058">
        <v>203</v>
      </c>
      <c r="AL41058">
        <v>205</v>
      </c>
      <c r="AM41058">
        <v>207</v>
      </c>
      <c r="AN41058">
        <v>209</v>
      </c>
      <c r="AO41058">
        <v>211</v>
      </c>
      <c r="AP41058">
        <v>212</v>
      </c>
      <c r="AQ41058">
        <v>214</v>
      </c>
    </row>
    <row r="41059" spans="1:43">
      <c r="A41059" t="s">
        <v>25327</v>
      </c>
      <c r="B41059" t="s">
        <v>25328</v>
      </c>
      <c r="C41059" t="s">
        <v>25329</v>
      </c>
      <c r="D41059" t="s">
        <v>25330</v>
      </c>
      <c r="E41059" t="s">
        <v>3352</v>
      </c>
      <c r="F41059" t="s">
        <v>3353</v>
      </c>
      <c r="G41059" t="s">
        <v>80</v>
      </c>
      <c r="H41059" t="s">
        <v>81</v>
      </c>
      <c r="I41059" s="2">
        <v>0</v>
      </c>
      <c r="J41059" s="2">
        <v>1</v>
      </c>
      <c r="K41059" s="2">
        <v>0</v>
      </c>
      <c r="L41059" t="s">
        <v>82</v>
      </c>
      <c r="M41059" t="s">
        <v>87</v>
      </c>
      <c r="N41059" t="s">
        <v>88</v>
      </c>
      <c r="O41059" t="s">
        <v>85</v>
      </c>
      <c r="P41059" t="s">
        <v>86</v>
      </c>
      <c r="Q41059">
        <v>133</v>
      </c>
      <c r="R41059">
        <v>135</v>
      </c>
      <c r="S41059">
        <v>137</v>
      </c>
      <c r="T41059">
        <v>139</v>
      </c>
      <c r="U41059">
        <v>141</v>
      </c>
      <c r="V41059">
        <v>143</v>
      </c>
      <c r="W41059">
        <v>145</v>
      </c>
      <c r="X41059">
        <v>147</v>
      </c>
      <c r="Y41059">
        <v>149</v>
      </c>
      <c r="Z41059">
        <v>151</v>
      </c>
      <c r="AA41059">
        <v>153</v>
      </c>
      <c r="AB41059">
        <v>155</v>
      </c>
      <c r="AC41059">
        <v>157</v>
      </c>
      <c r="AD41059">
        <v>159</v>
      </c>
      <c r="AE41059">
        <v>161</v>
      </c>
      <c r="AF41059">
        <v>163</v>
      </c>
      <c r="AG41059">
        <v>165</v>
      </c>
      <c r="AH41059">
        <v>167</v>
      </c>
      <c r="AI41059">
        <v>169</v>
      </c>
      <c r="AJ41059">
        <v>172</v>
      </c>
      <c r="AK41059">
        <v>174</v>
      </c>
      <c r="AL41059">
        <v>176</v>
      </c>
      <c r="AM41059">
        <v>178</v>
      </c>
      <c r="AN41059">
        <v>180</v>
      </c>
      <c r="AO41059">
        <v>183</v>
      </c>
      <c r="AP41059">
        <v>185</v>
      </c>
      <c r="AQ41059">
        <v>187</v>
      </c>
    </row>
    <row r="41060" spans="1:43">
      <c r="A41060" t="s">
        <v>25327</v>
      </c>
      <c r="B41060" t="s">
        <v>25328</v>
      </c>
      <c r="C41060" t="s">
        <v>25329</v>
      </c>
      <c r="D41060" t="s">
        <v>25330</v>
      </c>
      <c r="E41060" t="s">
        <v>3352</v>
      </c>
      <c r="F41060" t="s">
        <v>3353</v>
      </c>
      <c r="G41060" t="s">
        <v>80</v>
      </c>
      <c r="H41060" t="s">
        <v>81</v>
      </c>
      <c r="I41060" s="2">
        <v>0</v>
      </c>
      <c r="J41060" s="2">
        <v>1</v>
      </c>
      <c r="K41060" s="2">
        <v>0</v>
      </c>
      <c r="L41060" t="s">
        <v>82</v>
      </c>
      <c r="M41060" t="s">
        <v>89</v>
      </c>
      <c r="N41060" t="s">
        <v>90</v>
      </c>
      <c r="O41060" t="s">
        <v>85</v>
      </c>
      <c r="P41060" t="s">
        <v>86</v>
      </c>
      <c r="Q41060">
        <v>133</v>
      </c>
      <c r="R41060">
        <v>137</v>
      </c>
      <c r="S41060">
        <v>141</v>
      </c>
      <c r="T41060">
        <v>146</v>
      </c>
      <c r="U41060">
        <v>150</v>
      </c>
      <c r="V41060">
        <v>154</v>
      </c>
      <c r="W41060">
        <v>159</v>
      </c>
      <c r="X41060">
        <v>163</v>
      </c>
      <c r="Y41060">
        <v>167</v>
      </c>
      <c r="Z41060">
        <v>171</v>
      </c>
      <c r="AA41060">
        <v>175</v>
      </c>
      <c r="AB41060">
        <v>180</v>
      </c>
      <c r="AC41060">
        <v>184</v>
      </c>
      <c r="AD41060">
        <v>188</v>
      </c>
      <c r="AE41060">
        <v>192</v>
      </c>
      <c r="AF41060">
        <v>193</v>
      </c>
      <c r="AG41060">
        <v>195</v>
      </c>
      <c r="AH41060">
        <v>197</v>
      </c>
      <c r="AI41060">
        <v>199</v>
      </c>
      <c r="AJ41060">
        <v>201</v>
      </c>
      <c r="AK41060">
        <v>203</v>
      </c>
      <c r="AL41060">
        <v>204</v>
      </c>
      <c r="AM41060">
        <v>206</v>
      </c>
      <c r="AN41060">
        <v>208</v>
      </c>
      <c r="AO41060">
        <v>210</v>
      </c>
      <c r="AP41060">
        <v>212</v>
      </c>
      <c r="AQ41060">
        <v>214</v>
      </c>
    </row>
    <row r="41061" spans="1:43">
      <c r="A41061" t="s">
        <v>25327</v>
      </c>
      <c r="B41061" t="s">
        <v>25328</v>
      </c>
      <c r="C41061" t="s">
        <v>25329</v>
      </c>
      <c r="D41061" t="s">
        <v>25330</v>
      </c>
      <c r="E41061" t="s">
        <v>3352</v>
      </c>
      <c r="F41061" t="s">
        <v>3353</v>
      </c>
      <c r="G41061" t="s">
        <v>80</v>
      </c>
      <c r="H41061" t="s">
        <v>81</v>
      </c>
      <c r="I41061" s="2">
        <v>0</v>
      </c>
      <c r="J41061" s="2">
        <v>1</v>
      </c>
      <c r="K41061" s="2">
        <v>0</v>
      </c>
      <c r="L41061" t="s">
        <v>82</v>
      </c>
      <c r="M41061" t="s">
        <v>83</v>
      </c>
      <c r="N41061" t="s">
        <v>91</v>
      </c>
      <c r="O41061" t="s">
        <v>85</v>
      </c>
      <c r="P41061" t="s">
        <v>86</v>
      </c>
      <c r="Q41061">
        <v>133</v>
      </c>
      <c r="R41061">
        <v>137</v>
      </c>
      <c r="S41061">
        <v>140</v>
      </c>
      <c r="T41061">
        <v>143</v>
      </c>
      <c r="U41061">
        <v>146</v>
      </c>
      <c r="V41061">
        <v>150</v>
      </c>
      <c r="W41061">
        <v>153</v>
      </c>
      <c r="X41061">
        <v>156</v>
      </c>
      <c r="Y41061">
        <v>160</v>
      </c>
      <c r="Z41061">
        <v>163</v>
      </c>
      <c r="AA41061">
        <v>167</v>
      </c>
      <c r="AB41061">
        <v>170</v>
      </c>
      <c r="AC41061">
        <v>174</v>
      </c>
      <c r="AD41061">
        <v>177</v>
      </c>
      <c r="AE41061">
        <v>181</v>
      </c>
      <c r="AF41061">
        <v>184</v>
      </c>
      <c r="AG41061">
        <v>188</v>
      </c>
      <c r="AH41061">
        <v>191</v>
      </c>
      <c r="AI41061">
        <v>195</v>
      </c>
      <c r="AJ41061">
        <v>199</v>
      </c>
      <c r="AK41061">
        <v>203</v>
      </c>
      <c r="AL41061">
        <v>205</v>
      </c>
      <c r="AM41061">
        <v>207</v>
      </c>
      <c r="AN41061">
        <v>209</v>
      </c>
      <c r="AO41061">
        <v>211</v>
      </c>
      <c r="AP41061">
        <v>212</v>
      </c>
      <c r="AQ41061">
        <v>214</v>
      </c>
    </row>
    <row r="41062" spans="1:43">
      <c r="A41062" t="s">
        <v>25331</v>
      </c>
      <c r="B41062" t="s">
        <v>25332</v>
      </c>
      <c r="C41062" t="s">
        <v>25329</v>
      </c>
      <c r="D41062" t="s">
        <v>25330</v>
      </c>
      <c r="E41062" t="s">
        <v>3352</v>
      </c>
      <c r="F41062" t="s">
        <v>3353</v>
      </c>
      <c r="G41062" t="s">
        <v>80</v>
      </c>
      <c r="H41062" t="s">
        <v>81</v>
      </c>
      <c r="I41062" s="2">
        <v>0</v>
      </c>
      <c r="J41062" s="2">
        <v>1</v>
      </c>
      <c r="K41062" s="2">
        <v>0</v>
      </c>
      <c r="L41062" t="s">
        <v>82</v>
      </c>
      <c r="M41062" t="s">
        <v>83</v>
      </c>
      <c r="N41062" t="s">
        <v>84</v>
      </c>
      <c r="O41062" t="s">
        <v>85</v>
      </c>
      <c r="P41062" t="s">
        <v>86</v>
      </c>
      <c r="Q41062">
        <v>9</v>
      </c>
      <c r="R41062">
        <v>9</v>
      </c>
      <c r="S41062">
        <v>9</v>
      </c>
      <c r="T41062">
        <v>10</v>
      </c>
      <c r="U41062">
        <v>10</v>
      </c>
      <c r="V41062">
        <v>10</v>
      </c>
      <c r="W41062">
        <v>10</v>
      </c>
      <c r="X41062">
        <v>11</v>
      </c>
      <c r="Y41062">
        <v>11</v>
      </c>
      <c r="Z41062">
        <v>11</v>
      </c>
      <c r="AA41062">
        <v>11</v>
      </c>
      <c r="AB41062">
        <v>11</v>
      </c>
      <c r="AC41062">
        <v>12</v>
      </c>
      <c r="AD41062">
        <v>12</v>
      </c>
      <c r="AE41062">
        <v>12</v>
      </c>
      <c r="AF41062">
        <v>12</v>
      </c>
      <c r="AG41062">
        <v>13</v>
      </c>
      <c r="AH41062">
        <v>13</v>
      </c>
      <c r="AI41062">
        <v>13</v>
      </c>
      <c r="AJ41062">
        <v>13</v>
      </c>
      <c r="AK41062">
        <v>14</v>
      </c>
      <c r="AL41062">
        <v>14</v>
      </c>
      <c r="AM41062">
        <v>14</v>
      </c>
      <c r="AN41062">
        <v>14</v>
      </c>
      <c r="AO41062">
        <v>14</v>
      </c>
      <c r="AP41062">
        <v>14</v>
      </c>
      <c r="AQ41062">
        <v>14</v>
      </c>
    </row>
    <row r="41063" spans="1:43">
      <c r="A41063" t="s">
        <v>25331</v>
      </c>
      <c r="B41063" t="s">
        <v>25332</v>
      </c>
      <c r="C41063" t="s">
        <v>25329</v>
      </c>
      <c r="D41063" t="s">
        <v>25330</v>
      </c>
      <c r="E41063" t="s">
        <v>3352</v>
      </c>
      <c r="F41063" t="s">
        <v>3353</v>
      </c>
      <c r="G41063" t="s">
        <v>80</v>
      </c>
      <c r="H41063" t="s">
        <v>81</v>
      </c>
      <c r="I41063" s="2">
        <v>0</v>
      </c>
      <c r="J41063" s="2">
        <v>1</v>
      </c>
      <c r="K41063" s="2">
        <v>0</v>
      </c>
      <c r="L41063" t="s">
        <v>82</v>
      </c>
      <c r="M41063" t="s">
        <v>87</v>
      </c>
      <c r="N41063" t="s">
        <v>88</v>
      </c>
      <c r="O41063" t="s">
        <v>85</v>
      </c>
      <c r="P41063" t="s">
        <v>86</v>
      </c>
      <c r="Q41063">
        <v>9</v>
      </c>
      <c r="R41063">
        <v>9</v>
      </c>
      <c r="S41063">
        <v>9</v>
      </c>
      <c r="T41063">
        <v>9</v>
      </c>
      <c r="U41063">
        <v>9</v>
      </c>
      <c r="V41063">
        <v>10</v>
      </c>
      <c r="W41063">
        <v>10</v>
      </c>
      <c r="X41063">
        <v>10</v>
      </c>
      <c r="Y41063">
        <v>10</v>
      </c>
      <c r="Z41063">
        <v>10</v>
      </c>
      <c r="AA41063">
        <v>10</v>
      </c>
      <c r="AB41063">
        <v>10</v>
      </c>
      <c r="AC41063">
        <v>10</v>
      </c>
      <c r="AD41063">
        <v>11</v>
      </c>
      <c r="AE41063">
        <v>11</v>
      </c>
      <c r="AF41063">
        <v>11</v>
      </c>
      <c r="AG41063">
        <v>11</v>
      </c>
      <c r="AH41063">
        <v>11</v>
      </c>
      <c r="AI41063">
        <v>11</v>
      </c>
      <c r="AJ41063">
        <v>11</v>
      </c>
      <c r="AK41063">
        <v>12</v>
      </c>
      <c r="AL41063">
        <v>12</v>
      </c>
      <c r="AM41063">
        <v>12</v>
      </c>
      <c r="AN41063">
        <v>12</v>
      </c>
      <c r="AO41063">
        <v>12</v>
      </c>
      <c r="AP41063">
        <v>12</v>
      </c>
      <c r="AQ41063">
        <v>13</v>
      </c>
    </row>
    <row r="41064" spans="1:43">
      <c r="A41064" t="s">
        <v>25331</v>
      </c>
      <c r="B41064" t="s">
        <v>25332</v>
      </c>
      <c r="C41064" t="s">
        <v>25329</v>
      </c>
      <c r="D41064" t="s">
        <v>25330</v>
      </c>
      <c r="E41064" t="s">
        <v>3352</v>
      </c>
      <c r="F41064" t="s">
        <v>3353</v>
      </c>
      <c r="G41064" t="s">
        <v>80</v>
      </c>
      <c r="H41064" t="s">
        <v>81</v>
      </c>
      <c r="I41064" s="2">
        <v>0</v>
      </c>
      <c r="J41064" s="2">
        <v>1</v>
      </c>
      <c r="K41064" s="2">
        <v>0</v>
      </c>
      <c r="L41064" t="s">
        <v>82</v>
      </c>
      <c r="M41064" t="s">
        <v>89</v>
      </c>
      <c r="N41064" t="s">
        <v>90</v>
      </c>
      <c r="O41064" t="s">
        <v>85</v>
      </c>
      <c r="P41064" t="s">
        <v>86</v>
      </c>
      <c r="Q41064">
        <v>9</v>
      </c>
      <c r="R41064">
        <v>9</v>
      </c>
      <c r="S41064">
        <v>10</v>
      </c>
      <c r="T41064">
        <v>10</v>
      </c>
      <c r="U41064">
        <v>10</v>
      </c>
      <c r="V41064">
        <v>11</v>
      </c>
      <c r="W41064">
        <v>11</v>
      </c>
      <c r="X41064">
        <v>11</v>
      </c>
      <c r="Y41064">
        <v>11</v>
      </c>
      <c r="Z41064">
        <v>12</v>
      </c>
      <c r="AA41064">
        <v>12</v>
      </c>
      <c r="AB41064">
        <v>12</v>
      </c>
      <c r="AC41064">
        <v>13</v>
      </c>
      <c r="AD41064">
        <v>13</v>
      </c>
      <c r="AE41064">
        <v>13</v>
      </c>
      <c r="AF41064">
        <v>13</v>
      </c>
      <c r="AG41064">
        <v>13</v>
      </c>
      <c r="AH41064">
        <v>13</v>
      </c>
      <c r="AI41064">
        <v>14</v>
      </c>
      <c r="AJ41064">
        <v>14</v>
      </c>
      <c r="AK41064">
        <v>14</v>
      </c>
      <c r="AL41064">
        <v>14</v>
      </c>
      <c r="AM41064">
        <v>14</v>
      </c>
      <c r="AN41064">
        <v>14</v>
      </c>
      <c r="AO41064">
        <v>14</v>
      </c>
      <c r="AP41064">
        <v>14</v>
      </c>
      <c r="AQ41064">
        <v>14</v>
      </c>
    </row>
    <row r="41065" spans="1:43">
      <c r="A41065" t="s">
        <v>25331</v>
      </c>
      <c r="B41065" t="s">
        <v>25332</v>
      </c>
      <c r="C41065" t="s">
        <v>25329</v>
      </c>
      <c r="D41065" t="s">
        <v>25330</v>
      </c>
      <c r="E41065" t="s">
        <v>3352</v>
      </c>
      <c r="F41065" t="s">
        <v>3353</v>
      </c>
      <c r="G41065" t="s">
        <v>80</v>
      </c>
      <c r="H41065" t="s">
        <v>81</v>
      </c>
      <c r="I41065" s="2">
        <v>0</v>
      </c>
      <c r="J41065" s="2">
        <v>1</v>
      </c>
      <c r="K41065" s="2">
        <v>0</v>
      </c>
      <c r="L41065" t="s">
        <v>82</v>
      </c>
      <c r="M41065" t="s">
        <v>83</v>
      </c>
      <c r="N41065" t="s">
        <v>91</v>
      </c>
      <c r="O41065" t="s">
        <v>85</v>
      </c>
      <c r="P41065" t="s">
        <v>86</v>
      </c>
      <c r="Q41065">
        <v>9</v>
      </c>
      <c r="R41065">
        <v>9</v>
      </c>
      <c r="S41065">
        <v>9</v>
      </c>
      <c r="T41065">
        <v>10</v>
      </c>
      <c r="U41065">
        <v>10</v>
      </c>
      <c r="V41065">
        <v>10</v>
      </c>
      <c r="W41065">
        <v>10</v>
      </c>
      <c r="X41065">
        <v>11</v>
      </c>
      <c r="Y41065">
        <v>11</v>
      </c>
      <c r="Z41065">
        <v>11</v>
      </c>
      <c r="AA41065">
        <v>11</v>
      </c>
      <c r="AB41065">
        <v>11</v>
      </c>
      <c r="AC41065">
        <v>12</v>
      </c>
      <c r="AD41065">
        <v>12</v>
      </c>
      <c r="AE41065">
        <v>12</v>
      </c>
      <c r="AF41065">
        <v>12</v>
      </c>
      <c r="AG41065">
        <v>13</v>
      </c>
      <c r="AH41065">
        <v>13</v>
      </c>
      <c r="AI41065">
        <v>13</v>
      </c>
      <c r="AJ41065">
        <v>13</v>
      </c>
      <c r="AK41065">
        <v>14</v>
      </c>
      <c r="AL41065">
        <v>14</v>
      </c>
      <c r="AM41065">
        <v>14</v>
      </c>
      <c r="AN41065">
        <v>14</v>
      </c>
      <c r="AO41065">
        <v>14</v>
      </c>
      <c r="AP41065">
        <v>14</v>
      </c>
      <c r="AQ41065">
        <v>14</v>
      </c>
    </row>
    <row r="41066" spans="1:43">
      <c r="A41066" t="s">
        <v>25333</v>
      </c>
      <c r="B41066" t="s">
        <v>25334</v>
      </c>
      <c r="C41066" t="s">
        <v>3464</v>
      </c>
      <c r="D41066" t="s">
        <v>3465</v>
      </c>
      <c r="E41066" t="s">
        <v>3352</v>
      </c>
      <c r="F41066" t="s">
        <v>3353</v>
      </c>
      <c r="G41066" t="s">
        <v>80</v>
      </c>
      <c r="H41066" t="s">
        <v>81</v>
      </c>
      <c r="I41066" s="2">
        <v>0</v>
      </c>
      <c r="J41066" s="2">
        <v>1</v>
      </c>
      <c r="K41066" s="2">
        <v>0</v>
      </c>
      <c r="L41066" t="s">
        <v>82</v>
      </c>
      <c r="M41066" t="s">
        <v>83</v>
      </c>
      <c r="N41066" t="s">
        <v>84</v>
      </c>
      <c r="O41066" t="s">
        <v>85</v>
      </c>
      <c r="P41066" t="s">
        <v>86</v>
      </c>
      <c r="Q41066">
        <v>31</v>
      </c>
      <c r="R41066">
        <v>31</v>
      </c>
      <c r="S41066">
        <v>32</v>
      </c>
      <c r="T41066">
        <v>33</v>
      </c>
      <c r="U41066">
        <v>34</v>
      </c>
      <c r="V41066">
        <v>34</v>
      </c>
      <c r="W41066">
        <v>35</v>
      </c>
      <c r="X41066">
        <v>36</v>
      </c>
      <c r="Y41066">
        <v>37</v>
      </c>
      <c r="Z41066">
        <v>37</v>
      </c>
      <c r="AA41066">
        <v>38</v>
      </c>
      <c r="AB41066">
        <v>39</v>
      </c>
      <c r="AC41066">
        <v>40</v>
      </c>
      <c r="AD41066">
        <v>41</v>
      </c>
      <c r="AE41066">
        <v>41</v>
      </c>
      <c r="AF41066">
        <v>42</v>
      </c>
      <c r="AG41066">
        <v>43</v>
      </c>
      <c r="AH41066">
        <v>44</v>
      </c>
      <c r="AI41066">
        <v>45</v>
      </c>
      <c r="AJ41066">
        <v>46</v>
      </c>
      <c r="AK41066">
        <v>46</v>
      </c>
      <c r="AL41066">
        <v>47</v>
      </c>
      <c r="AM41066">
        <v>47</v>
      </c>
      <c r="AN41066">
        <v>48</v>
      </c>
      <c r="AO41066">
        <v>48</v>
      </c>
      <c r="AP41066">
        <v>49</v>
      </c>
      <c r="AQ41066">
        <v>49</v>
      </c>
    </row>
    <row r="41067" spans="1:43">
      <c r="A41067" t="s">
        <v>25333</v>
      </c>
      <c r="B41067" t="s">
        <v>25334</v>
      </c>
      <c r="C41067" t="s">
        <v>3464</v>
      </c>
      <c r="D41067" t="s">
        <v>3465</v>
      </c>
      <c r="E41067" t="s">
        <v>3352</v>
      </c>
      <c r="F41067" t="s">
        <v>3353</v>
      </c>
      <c r="G41067" t="s">
        <v>80</v>
      </c>
      <c r="H41067" t="s">
        <v>81</v>
      </c>
      <c r="I41067" s="2">
        <v>0</v>
      </c>
      <c r="J41067" s="2">
        <v>1</v>
      </c>
      <c r="K41067" s="2">
        <v>0</v>
      </c>
      <c r="L41067" t="s">
        <v>82</v>
      </c>
      <c r="M41067" t="s">
        <v>87</v>
      </c>
      <c r="N41067" t="s">
        <v>88</v>
      </c>
      <c r="O41067" t="s">
        <v>85</v>
      </c>
      <c r="P41067" t="s">
        <v>86</v>
      </c>
      <c r="Q41067">
        <v>31</v>
      </c>
      <c r="R41067">
        <v>32</v>
      </c>
      <c r="S41067">
        <v>32</v>
      </c>
      <c r="T41067">
        <v>33</v>
      </c>
      <c r="U41067">
        <v>33</v>
      </c>
      <c r="V41067">
        <v>34</v>
      </c>
      <c r="W41067">
        <v>34</v>
      </c>
      <c r="X41067">
        <v>34</v>
      </c>
      <c r="Y41067">
        <v>35</v>
      </c>
      <c r="Z41067">
        <v>35</v>
      </c>
      <c r="AA41067">
        <v>36</v>
      </c>
      <c r="AB41067">
        <v>36</v>
      </c>
      <c r="AC41067">
        <v>37</v>
      </c>
      <c r="AD41067">
        <v>37</v>
      </c>
      <c r="AE41067">
        <v>38</v>
      </c>
      <c r="AF41067">
        <v>38</v>
      </c>
      <c r="AG41067">
        <v>39</v>
      </c>
      <c r="AH41067">
        <v>39</v>
      </c>
      <c r="AI41067">
        <v>40</v>
      </c>
      <c r="AJ41067">
        <v>40</v>
      </c>
      <c r="AK41067">
        <v>41</v>
      </c>
      <c r="AL41067">
        <v>41</v>
      </c>
      <c r="AM41067">
        <v>42</v>
      </c>
      <c r="AN41067">
        <v>42</v>
      </c>
      <c r="AO41067">
        <v>43</v>
      </c>
      <c r="AP41067">
        <v>43</v>
      </c>
      <c r="AQ41067">
        <v>44</v>
      </c>
    </row>
    <row r="41068" spans="1:43">
      <c r="A41068" t="s">
        <v>25333</v>
      </c>
      <c r="B41068" t="s">
        <v>25334</v>
      </c>
      <c r="C41068" t="s">
        <v>3464</v>
      </c>
      <c r="D41068" t="s">
        <v>3465</v>
      </c>
      <c r="E41068" t="s">
        <v>3352</v>
      </c>
      <c r="F41068" t="s">
        <v>3353</v>
      </c>
      <c r="G41068" t="s">
        <v>80</v>
      </c>
      <c r="H41068" t="s">
        <v>81</v>
      </c>
      <c r="I41068" s="2">
        <v>0</v>
      </c>
      <c r="J41068" s="2">
        <v>1</v>
      </c>
      <c r="K41068" s="2">
        <v>0</v>
      </c>
      <c r="L41068" t="s">
        <v>82</v>
      </c>
      <c r="M41068" t="s">
        <v>89</v>
      </c>
      <c r="N41068" t="s">
        <v>90</v>
      </c>
      <c r="O41068" t="s">
        <v>85</v>
      </c>
      <c r="P41068" t="s">
        <v>86</v>
      </c>
      <c r="Q41068">
        <v>31</v>
      </c>
      <c r="R41068">
        <v>32</v>
      </c>
      <c r="S41068">
        <v>33</v>
      </c>
      <c r="T41068">
        <v>34</v>
      </c>
      <c r="U41068">
        <v>35</v>
      </c>
      <c r="V41068">
        <v>36</v>
      </c>
      <c r="W41068">
        <v>37</v>
      </c>
      <c r="X41068">
        <v>38</v>
      </c>
      <c r="Y41068">
        <v>39</v>
      </c>
      <c r="Z41068">
        <v>40</v>
      </c>
      <c r="AA41068">
        <v>41</v>
      </c>
      <c r="AB41068">
        <v>42</v>
      </c>
      <c r="AC41068">
        <v>43</v>
      </c>
      <c r="AD41068">
        <v>44</v>
      </c>
      <c r="AE41068">
        <v>44</v>
      </c>
      <c r="AF41068">
        <v>45</v>
      </c>
      <c r="AG41068">
        <v>45</v>
      </c>
      <c r="AH41068">
        <v>46</v>
      </c>
      <c r="AI41068">
        <v>46</v>
      </c>
      <c r="AJ41068">
        <v>47</v>
      </c>
      <c r="AK41068">
        <v>47</v>
      </c>
      <c r="AL41068">
        <v>47</v>
      </c>
      <c r="AM41068">
        <v>48</v>
      </c>
      <c r="AN41068">
        <v>48</v>
      </c>
      <c r="AO41068">
        <v>49</v>
      </c>
      <c r="AP41068">
        <v>49</v>
      </c>
      <c r="AQ41068">
        <v>49</v>
      </c>
    </row>
    <row r="41069" spans="1:43">
      <c r="A41069" t="s">
        <v>25333</v>
      </c>
      <c r="B41069" t="s">
        <v>25334</v>
      </c>
      <c r="C41069" t="s">
        <v>3464</v>
      </c>
      <c r="D41069" t="s">
        <v>3465</v>
      </c>
      <c r="E41069" t="s">
        <v>3352</v>
      </c>
      <c r="F41069" t="s">
        <v>3353</v>
      </c>
      <c r="G41069" t="s">
        <v>80</v>
      </c>
      <c r="H41069" t="s">
        <v>81</v>
      </c>
      <c r="I41069" s="2">
        <v>0</v>
      </c>
      <c r="J41069" s="2">
        <v>1</v>
      </c>
      <c r="K41069" s="2">
        <v>0</v>
      </c>
      <c r="L41069" t="s">
        <v>82</v>
      </c>
      <c r="M41069" t="s">
        <v>83</v>
      </c>
      <c r="N41069" t="s">
        <v>91</v>
      </c>
      <c r="O41069" t="s">
        <v>85</v>
      </c>
      <c r="P41069" t="s">
        <v>86</v>
      </c>
      <c r="Q41069">
        <v>31</v>
      </c>
      <c r="R41069">
        <v>31</v>
      </c>
      <c r="S41069">
        <v>32</v>
      </c>
      <c r="T41069">
        <v>33</v>
      </c>
      <c r="U41069">
        <v>34</v>
      </c>
      <c r="V41069">
        <v>34</v>
      </c>
      <c r="W41069">
        <v>35</v>
      </c>
      <c r="X41069">
        <v>36</v>
      </c>
      <c r="Y41069">
        <v>37</v>
      </c>
      <c r="Z41069">
        <v>37</v>
      </c>
      <c r="AA41069">
        <v>38</v>
      </c>
      <c r="AB41069">
        <v>39</v>
      </c>
      <c r="AC41069">
        <v>40</v>
      </c>
      <c r="AD41069">
        <v>41</v>
      </c>
      <c r="AE41069">
        <v>41</v>
      </c>
      <c r="AF41069">
        <v>42</v>
      </c>
      <c r="AG41069">
        <v>43</v>
      </c>
      <c r="AH41069">
        <v>44</v>
      </c>
      <c r="AI41069">
        <v>45</v>
      </c>
      <c r="AJ41069">
        <v>46</v>
      </c>
      <c r="AK41069">
        <v>46</v>
      </c>
      <c r="AL41069">
        <v>47</v>
      </c>
      <c r="AM41069">
        <v>47</v>
      </c>
      <c r="AN41069">
        <v>48</v>
      </c>
      <c r="AO41069">
        <v>48</v>
      </c>
      <c r="AP41069">
        <v>49</v>
      </c>
      <c r="AQ41069">
        <v>49</v>
      </c>
    </row>
    <row r="41070" spans="1:43">
      <c r="A41070" t="s">
        <v>25335</v>
      </c>
      <c r="B41070" t="s">
        <v>25336</v>
      </c>
      <c r="C41070" t="s">
        <v>3560</v>
      </c>
      <c r="D41070" t="s">
        <v>3561</v>
      </c>
      <c r="E41070" t="s">
        <v>3352</v>
      </c>
      <c r="F41070" t="s">
        <v>3353</v>
      </c>
      <c r="G41070" t="s">
        <v>80</v>
      </c>
      <c r="H41070" t="s">
        <v>81</v>
      </c>
      <c r="I41070" s="2">
        <v>0</v>
      </c>
      <c r="J41070" s="2">
        <v>1</v>
      </c>
      <c r="K41070" s="2">
        <v>0</v>
      </c>
      <c r="L41070" t="s">
        <v>82</v>
      </c>
      <c r="M41070" t="s">
        <v>83</v>
      </c>
      <c r="N41070" t="s">
        <v>84</v>
      </c>
      <c r="O41070" t="s">
        <v>85</v>
      </c>
      <c r="P41070" t="s">
        <v>86</v>
      </c>
      <c r="Q41070">
        <v>18</v>
      </c>
      <c r="R41070">
        <v>19</v>
      </c>
      <c r="S41070">
        <v>19</v>
      </c>
      <c r="T41070">
        <v>20</v>
      </c>
      <c r="U41070">
        <v>20</v>
      </c>
      <c r="V41070">
        <v>21</v>
      </c>
      <c r="W41070">
        <v>21</v>
      </c>
      <c r="X41070">
        <v>21</v>
      </c>
      <c r="Y41070">
        <v>22</v>
      </c>
      <c r="Z41070">
        <v>22</v>
      </c>
      <c r="AA41070">
        <v>23</v>
      </c>
      <c r="AB41070">
        <v>23</v>
      </c>
      <c r="AC41070">
        <v>24</v>
      </c>
      <c r="AD41070">
        <v>24</v>
      </c>
      <c r="AE41070">
        <v>25</v>
      </c>
      <c r="AF41070">
        <v>25</v>
      </c>
      <c r="AG41070">
        <v>26</v>
      </c>
      <c r="AH41070">
        <v>26</v>
      </c>
      <c r="AI41070">
        <v>27</v>
      </c>
      <c r="AJ41070">
        <v>27</v>
      </c>
      <c r="AK41070">
        <v>28</v>
      </c>
      <c r="AL41070">
        <v>28</v>
      </c>
      <c r="AM41070">
        <v>29</v>
      </c>
      <c r="AN41070">
        <v>29</v>
      </c>
      <c r="AO41070">
        <v>29</v>
      </c>
      <c r="AP41070">
        <v>29</v>
      </c>
      <c r="AQ41070">
        <v>29</v>
      </c>
    </row>
    <row r="41071" spans="1:43">
      <c r="A41071" t="s">
        <v>25335</v>
      </c>
      <c r="B41071" t="s">
        <v>25336</v>
      </c>
      <c r="C41071" t="s">
        <v>3560</v>
      </c>
      <c r="D41071" t="s">
        <v>3561</v>
      </c>
      <c r="E41071" t="s">
        <v>3352</v>
      </c>
      <c r="F41071" t="s">
        <v>3353</v>
      </c>
      <c r="G41071" t="s">
        <v>80</v>
      </c>
      <c r="H41071" t="s">
        <v>81</v>
      </c>
      <c r="I41071" s="2">
        <v>0</v>
      </c>
      <c r="J41071" s="2">
        <v>1</v>
      </c>
      <c r="K41071" s="2">
        <v>0</v>
      </c>
      <c r="L41071" t="s">
        <v>82</v>
      </c>
      <c r="M41071" t="s">
        <v>87</v>
      </c>
      <c r="N41071" t="s">
        <v>88</v>
      </c>
      <c r="O41071" t="s">
        <v>85</v>
      </c>
      <c r="P41071" t="s">
        <v>86</v>
      </c>
      <c r="Q41071">
        <v>18</v>
      </c>
      <c r="R41071">
        <v>18</v>
      </c>
      <c r="S41071">
        <v>19</v>
      </c>
      <c r="T41071">
        <v>19</v>
      </c>
      <c r="U41071">
        <v>19</v>
      </c>
      <c r="V41071">
        <v>19</v>
      </c>
      <c r="W41071">
        <v>20</v>
      </c>
      <c r="X41071">
        <v>20</v>
      </c>
      <c r="Y41071">
        <v>20</v>
      </c>
      <c r="Z41071">
        <v>21</v>
      </c>
      <c r="AA41071">
        <v>21</v>
      </c>
      <c r="AB41071">
        <v>21</v>
      </c>
      <c r="AC41071">
        <v>21</v>
      </c>
      <c r="AD41071">
        <v>22</v>
      </c>
      <c r="AE41071">
        <v>22</v>
      </c>
      <c r="AF41071">
        <v>22</v>
      </c>
      <c r="AG41071">
        <v>23</v>
      </c>
      <c r="AH41071">
        <v>23</v>
      </c>
      <c r="AI41071">
        <v>23</v>
      </c>
      <c r="AJ41071">
        <v>23</v>
      </c>
      <c r="AK41071">
        <v>24</v>
      </c>
      <c r="AL41071">
        <v>24</v>
      </c>
      <c r="AM41071">
        <v>24</v>
      </c>
      <c r="AN41071">
        <v>25</v>
      </c>
      <c r="AO41071">
        <v>25</v>
      </c>
      <c r="AP41071">
        <v>25</v>
      </c>
      <c r="AQ41071">
        <v>26</v>
      </c>
    </row>
    <row r="41072" spans="1:43">
      <c r="A41072" t="s">
        <v>25335</v>
      </c>
      <c r="B41072" t="s">
        <v>25336</v>
      </c>
      <c r="C41072" t="s">
        <v>3560</v>
      </c>
      <c r="D41072" t="s">
        <v>3561</v>
      </c>
      <c r="E41072" t="s">
        <v>3352</v>
      </c>
      <c r="F41072" t="s">
        <v>3353</v>
      </c>
      <c r="G41072" t="s">
        <v>80</v>
      </c>
      <c r="H41072" t="s">
        <v>81</v>
      </c>
      <c r="I41072" s="2">
        <v>0</v>
      </c>
      <c r="J41072" s="2">
        <v>1</v>
      </c>
      <c r="K41072" s="2">
        <v>0</v>
      </c>
      <c r="L41072" t="s">
        <v>82</v>
      </c>
      <c r="M41072" t="s">
        <v>89</v>
      </c>
      <c r="N41072" t="s">
        <v>90</v>
      </c>
      <c r="O41072" t="s">
        <v>85</v>
      </c>
      <c r="P41072" t="s">
        <v>86</v>
      </c>
      <c r="Q41072">
        <v>18</v>
      </c>
      <c r="R41072">
        <v>18</v>
      </c>
      <c r="S41072">
        <v>19</v>
      </c>
      <c r="T41072">
        <v>19</v>
      </c>
      <c r="U41072">
        <v>20</v>
      </c>
      <c r="V41072">
        <v>20</v>
      </c>
      <c r="W41072">
        <v>21</v>
      </c>
      <c r="X41072">
        <v>22</v>
      </c>
      <c r="Y41072">
        <v>22</v>
      </c>
      <c r="Z41072">
        <v>23</v>
      </c>
      <c r="AA41072">
        <v>23</v>
      </c>
      <c r="AB41072">
        <v>24</v>
      </c>
      <c r="AC41072">
        <v>25</v>
      </c>
      <c r="AD41072">
        <v>25</v>
      </c>
      <c r="AE41072">
        <v>26</v>
      </c>
      <c r="AF41072">
        <v>26</v>
      </c>
      <c r="AG41072">
        <v>26</v>
      </c>
      <c r="AH41072">
        <v>26</v>
      </c>
      <c r="AI41072">
        <v>27</v>
      </c>
      <c r="AJ41072">
        <v>27</v>
      </c>
      <c r="AK41072">
        <v>27</v>
      </c>
      <c r="AL41072">
        <v>27</v>
      </c>
      <c r="AM41072">
        <v>28</v>
      </c>
      <c r="AN41072">
        <v>28</v>
      </c>
      <c r="AO41072">
        <v>28</v>
      </c>
      <c r="AP41072">
        <v>28</v>
      </c>
      <c r="AQ41072">
        <v>29</v>
      </c>
    </row>
    <row r="41073" spans="1:43">
      <c r="A41073" t="s">
        <v>25335</v>
      </c>
      <c r="B41073" t="s">
        <v>25336</v>
      </c>
      <c r="C41073" t="s">
        <v>3560</v>
      </c>
      <c r="D41073" t="s">
        <v>3561</v>
      </c>
      <c r="E41073" t="s">
        <v>3352</v>
      </c>
      <c r="F41073" t="s">
        <v>3353</v>
      </c>
      <c r="G41073" t="s">
        <v>80</v>
      </c>
      <c r="H41073" t="s">
        <v>81</v>
      </c>
      <c r="I41073" s="2">
        <v>0</v>
      </c>
      <c r="J41073" s="2">
        <v>1</v>
      </c>
      <c r="K41073" s="2">
        <v>0</v>
      </c>
      <c r="L41073" t="s">
        <v>82</v>
      </c>
      <c r="M41073" t="s">
        <v>83</v>
      </c>
      <c r="N41073" t="s">
        <v>91</v>
      </c>
      <c r="O41073" t="s">
        <v>85</v>
      </c>
      <c r="P41073" t="s">
        <v>86</v>
      </c>
      <c r="Q41073">
        <v>18</v>
      </c>
      <c r="R41073">
        <v>19</v>
      </c>
      <c r="S41073">
        <v>19</v>
      </c>
      <c r="T41073">
        <v>20</v>
      </c>
      <c r="U41073">
        <v>20</v>
      </c>
      <c r="V41073">
        <v>21</v>
      </c>
      <c r="W41073">
        <v>21</v>
      </c>
      <c r="X41073">
        <v>21</v>
      </c>
      <c r="Y41073">
        <v>22</v>
      </c>
      <c r="Z41073">
        <v>22</v>
      </c>
      <c r="AA41073">
        <v>23</v>
      </c>
      <c r="AB41073">
        <v>23</v>
      </c>
      <c r="AC41073">
        <v>24</v>
      </c>
      <c r="AD41073">
        <v>24</v>
      </c>
      <c r="AE41073">
        <v>25</v>
      </c>
      <c r="AF41073">
        <v>25</v>
      </c>
      <c r="AG41073">
        <v>26</v>
      </c>
      <c r="AH41073">
        <v>26</v>
      </c>
      <c r="AI41073">
        <v>27</v>
      </c>
      <c r="AJ41073">
        <v>27</v>
      </c>
      <c r="AK41073">
        <v>28</v>
      </c>
      <c r="AL41073">
        <v>28</v>
      </c>
      <c r="AM41073">
        <v>29</v>
      </c>
      <c r="AN41073">
        <v>29</v>
      </c>
      <c r="AO41073">
        <v>29</v>
      </c>
      <c r="AP41073">
        <v>29</v>
      </c>
      <c r="AQ41073">
        <v>29</v>
      </c>
    </row>
    <row r="41074" spans="1:43">
      <c r="A41074" t="s">
        <v>25337</v>
      </c>
      <c r="B41074" t="s">
        <v>25338</v>
      </c>
      <c r="C41074" t="s">
        <v>25339</v>
      </c>
      <c r="D41074" t="s">
        <v>25340</v>
      </c>
      <c r="E41074" t="s">
        <v>3352</v>
      </c>
      <c r="F41074" t="s">
        <v>3353</v>
      </c>
      <c r="G41074" t="s">
        <v>80</v>
      </c>
      <c r="H41074" t="s">
        <v>81</v>
      </c>
      <c r="I41074" s="2">
        <v>0</v>
      </c>
      <c r="J41074" s="2">
        <v>1</v>
      </c>
      <c r="K41074" s="2">
        <v>0</v>
      </c>
      <c r="L41074" t="s">
        <v>82</v>
      </c>
      <c r="M41074" t="s">
        <v>83</v>
      </c>
      <c r="N41074" t="s">
        <v>84</v>
      </c>
      <c r="O41074" t="s">
        <v>85</v>
      </c>
      <c r="P41074" t="s">
        <v>86</v>
      </c>
      <c r="Q41074">
        <v>15</v>
      </c>
      <c r="R41074">
        <v>15</v>
      </c>
      <c r="S41074">
        <v>15</v>
      </c>
      <c r="T41074">
        <v>16</v>
      </c>
      <c r="U41074">
        <v>16</v>
      </c>
      <c r="V41074">
        <v>16</v>
      </c>
      <c r="W41074">
        <v>17</v>
      </c>
      <c r="X41074">
        <v>17</v>
      </c>
      <c r="Y41074">
        <v>17</v>
      </c>
      <c r="Z41074">
        <v>18</v>
      </c>
      <c r="AA41074">
        <v>18</v>
      </c>
      <c r="AB41074">
        <v>19</v>
      </c>
      <c r="AC41074">
        <v>19</v>
      </c>
      <c r="AD41074">
        <v>19</v>
      </c>
      <c r="AE41074">
        <v>20</v>
      </c>
      <c r="AF41074">
        <v>20</v>
      </c>
      <c r="AG41074">
        <v>20</v>
      </c>
      <c r="AH41074">
        <v>21</v>
      </c>
      <c r="AI41074">
        <v>21</v>
      </c>
      <c r="AJ41074">
        <v>22</v>
      </c>
      <c r="AK41074">
        <v>22</v>
      </c>
      <c r="AL41074">
        <v>22</v>
      </c>
      <c r="AM41074">
        <v>22</v>
      </c>
      <c r="AN41074">
        <v>23</v>
      </c>
      <c r="AO41074">
        <v>23</v>
      </c>
      <c r="AP41074">
        <v>23</v>
      </c>
      <c r="AQ41074">
        <v>23</v>
      </c>
    </row>
    <row r="41075" spans="1:43">
      <c r="A41075" t="s">
        <v>25337</v>
      </c>
      <c r="B41075" t="s">
        <v>25338</v>
      </c>
      <c r="C41075" t="s">
        <v>25339</v>
      </c>
      <c r="D41075" t="s">
        <v>25340</v>
      </c>
      <c r="E41075" t="s">
        <v>3352</v>
      </c>
      <c r="F41075" t="s">
        <v>3353</v>
      </c>
      <c r="G41075" t="s">
        <v>80</v>
      </c>
      <c r="H41075" t="s">
        <v>81</v>
      </c>
      <c r="I41075" s="2">
        <v>0</v>
      </c>
      <c r="J41075" s="2">
        <v>1</v>
      </c>
      <c r="K41075" s="2">
        <v>0</v>
      </c>
      <c r="L41075" t="s">
        <v>82</v>
      </c>
      <c r="M41075" t="s">
        <v>87</v>
      </c>
      <c r="N41075" t="s">
        <v>88</v>
      </c>
      <c r="O41075" t="s">
        <v>85</v>
      </c>
      <c r="P41075" t="s">
        <v>86</v>
      </c>
      <c r="Q41075">
        <v>15</v>
      </c>
      <c r="R41075">
        <v>15</v>
      </c>
      <c r="S41075">
        <v>15</v>
      </c>
      <c r="T41075">
        <v>15</v>
      </c>
      <c r="U41075">
        <v>15</v>
      </c>
      <c r="V41075">
        <v>16</v>
      </c>
      <c r="W41075">
        <v>16</v>
      </c>
      <c r="X41075">
        <v>16</v>
      </c>
      <c r="Y41075">
        <v>16</v>
      </c>
      <c r="Z41075">
        <v>16</v>
      </c>
      <c r="AA41075">
        <v>17</v>
      </c>
      <c r="AB41075">
        <v>17</v>
      </c>
      <c r="AC41075">
        <v>17</v>
      </c>
      <c r="AD41075">
        <v>17</v>
      </c>
      <c r="AE41075">
        <v>17</v>
      </c>
      <c r="AF41075">
        <v>18</v>
      </c>
      <c r="AG41075">
        <v>18</v>
      </c>
      <c r="AH41075">
        <v>18</v>
      </c>
      <c r="AI41075">
        <v>18</v>
      </c>
      <c r="AJ41075">
        <v>19</v>
      </c>
      <c r="AK41075">
        <v>19</v>
      </c>
      <c r="AL41075">
        <v>19</v>
      </c>
      <c r="AM41075">
        <v>19</v>
      </c>
      <c r="AN41075">
        <v>19</v>
      </c>
      <c r="AO41075">
        <v>20</v>
      </c>
      <c r="AP41075">
        <v>20</v>
      </c>
      <c r="AQ41075">
        <v>20</v>
      </c>
    </row>
    <row r="41076" spans="1:43">
      <c r="A41076" t="s">
        <v>25337</v>
      </c>
      <c r="B41076" t="s">
        <v>25338</v>
      </c>
      <c r="C41076" t="s">
        <v>25339</v>
      </c>
      <c r="D41076" t="s">
        <v>25340</v>
      </c>
      <c r="E41076" t="s">
        <v>3352</v>
      </c>
      <c r="F41076" t="s">
        <v>3353</v>
      </c>
      <c r="G41076" t="s">
        <v>80</v>
      </c>
      <c r="H41076" t="s">
        <v>81</v>
      </c>
      <c r="I41076" s="2">
        <v>0</v>
      </c>
      <c r="J41076" s="2">
        <v>1</v>
      </c>
      <c r="K41076" s="2">
        <v>0</v>
      </c>
      <c r="L41076" t="s">
        <v>82</v>
      </c>
      <c r="M41076" t="s">
        <v>89</v>
      </c>
      <c r="N41076" t="s">
        <v>90</v>
      </c>
      <c r="O41076" t="s">
        <v>85</v>
      </c>
      <c r="P41076" t="s">
        <v>86</v>
      </c>
      <c r="Q41076">
        <v>15</v>
      </c>
      <c r="R41076">
        <v>15</v>
      </c>
      <c r="S41076">
        <v>16</v>
      </c>
      <c r="T41076">
        <v>16</v>
      </c>
      <c r="U41076">
        <v>17</v>
      </c>
      <c r="V41076">
        <v>17</v>
      </c>
      <c r="W41076">
        <v>18</v>
      </c>
      <c r="X41076">
        <v>18</v>
      </c>
      <c r="Y41076">
        <v>18</v>
      </c>
      <c r="Z41076">
        <v>19</v>
      </c>
      <c r="AA41076">
        <v>19</v>
      </c>
      <c r="AB41076">
        <v>20</v>
      </c>
      <c r="AC41076">
        <v>20</v>
      </c>
      <c r="AD41076">
        <v>21</v>
      </c>
      <c r="AE41076">
        <v>21</v>
      </c>
      <c r="AF41076">
        <v>21</v>
      </c>
      <c r="AG41076">
        <v>22</v>
      </c>
      <c r="AH41076">
        <v>22</v>
      </c>
      <c r="AI41076">
        <v>22</v>
      </c>
      <c r="AJ41076">
        <v>22</v>
      </c>
      <c r="AK41076">
        <v>22</v>
      </c>
      <c r="AL41076">
        <v>23</v>
      </c>
      <c r="AM41076">
        <v>23</v>
      </c>
      <c r="AN41076">
        <v>23</v>
      </c>
      <c r="AO41076">
        <v>23</v>
      </c>
      <c r="AP41076">
        <v>23</v>
      </c>
      <c r="AQ41076">
        <v>23</v>
      </c>
    </row>
    <row r="41077" spans="1:43">
      <c r="A41077" t="s">
        <v>25337</v>
      </c>
      <c r="B41077" t="s">
        <v>25338</v>
      </c>
      <c r="C41077" t="s">
        <v>25339</v>
      </c>
      <c r="D41077" t="s">
        <v>25340</v>
      </c>
      <c r="E41077" t="s">
        <v>3352</v>
      </c>
      <c r="F41077" t="s">
        <v>3353</v>
      </c>
      <c r="G41077" t="s">
        <v>80</v>
      </c>
      <c r="H41077" t="s">
        <v>81</v>
      </c>
      <c r="I41077" s="2">
        <v>0</v>
      </c>
      <c r="J41077" s="2">
        <v>1</v>
      </c>
      <c r="K41077" s="2">
        <v>0</v>
      </c>
      <c r="L41077" t="s">
        <v>82</v>
      </c>
      <c r="M41077" t="s">
        <v>83</v>
      </c>
      <c r="N41077" t="s">
        <v>91</v>
      </c>
      <c r="O41077" t="s">
        <v>85</v>
      </c>
      <c r="P41077" t="s">
        <v>86</v>
      </c>
      <c r="Q41077">
        <v>15</v>
      </c>
      <c r="R41077">
        <v>15</v>
      </c>
      <c r="S41077">
        <v>15</v>
      </c>
      <c r="T41077">
        <v>16</v>
      </c>
      <c r="U41077">
        <v>16</v>
      </c>
      <c r="V41077">
        <v>16</v>
      </c>
      <c r="W41077">
        <v>17</v>
      </c>
      <c r="X41077">
        <v>17</v>
      </c>
      <c r="Y41077">
        <v>17</v>
      </c>
      <c r="Z41077">
        <v>18</v>
      </c>
      <c r="AA41077">
        <v>18</v>
      </c>
      <c r="AB41077">
        <v>19</v>
      </c>
      <c r="AC41077">
        <v>19</v>
      </c>
      <c r="AD41077">
        <v>19</v>
      </c>
      <c r="AE41077">
        <v>20</v>
      </c>
      <c r="AF41077">
        <v>20</v>
      </c>
      <c r="AG41077">
        <v>20</v>
      </c>
      <c r="AH41077">
        <v>21</v>
      </c>
      <c r="AI41077">
        <v>21</v>
      </c>
      <c r="AJ41077">
        <v>22</v>
      </c>
      <c r="AK41077">
        <v>22</v>
      </c>
      <c r="AL41077">
        <v>22</v>
      </c>
      <c r="AM41077">
        <v>22</v>
      </c>
      <c r="AN41077">
        <v>23</v>
      </c>
      <c r="AO41077">
        <v>23</v>
      </c>
      <c r="AP41077">
        <v>23</v>
      </c>
      <c r="AQ41077">
        <v>23</v>
      </c>
    </row>
    <row r="41078" spans="1:43">
      <c r="A41078" t="s">
        <v>25341</v>
      </c>
      <c r="B41078" t="s">
        <v>25342</v>
      </c>
      <c r="C41078" t="s">
        <v>3654</v>
      </c>
      <c r="D41078" t="s">
        <v>3655</v>
      </c>
      <c r="E41078" t="s">
        <v>3352</v>
      </c>
      <c r="F41078" t="s">
        <v>3353</v>
      </c>
      <c r="G41078" t="s">
        <v>80</v>
      </c>
      <c r="H41078" t="s">
        <v>81</v>
      </c>
      <c r="I41078" s="2">
        <v>0</v>
      </c>
      <c r="J41078" s="2">
        <v>1</v>
      </c>
      <c r="K41078" s="2">
        <v>0</v>
      </c>
      <c r="L41078" t="s">
        <v>82</v>
      </c>
      <c r="M41078" t="s">
        <v>83</v>
      </c>
      <c r="N41078" t="s">
        <v>84</v>
      </c>
      <c r="O41078" t="s">
        <v>85</v>
      </c>
      <c r="P41078" t="s">
        <v>86</v>
      </c>
      <c r="Q41078">
        <v>70</v>
      </c>
      <c r="R41078">
        <v>72</v>
      </c>
      <c r="S41078">
        <v>74</v>
      </c>
      <c r="T41078">
        <v>75</v>
      </c>
      <c r="U41078">
        <v>77</v>
      </c>
      <c r="V41078">
        <v>79</v>
      </c>
      <c r="W41078">
        <v>81</v>
      </c>
      <c r="X41078">
        <v>83</v>
      </c>
      <c r="Y41078">
        <v>84</v>
      </c>
      <c r="Z41078">
        <v>86</v>
      </c>
      <c r="AA41078">
        <v>88</v>
      </c>
      <c r="AB41078">
        <v>90</v>
      </c>
      <c r="AC41078">
        <v>92</v>
      </c>
      <c r="AD41078">
        <v>93</v>
      </c>
      <c r="AE41078">
        <v>95</v>
      </c>
      <c r="AF41078">
        <v>97</v>
      </c>
      <c r="AG41078">
        <v>99</v>
      </c>
      <c r="AH41078">
        <v>101</v>
      </c>
      <c r="AI41078">
        <v>103</v>
      </c>
      <c r="AJ41078">
        <v>105</v>
      </c>
      <c r="AK41078">
        <v>107</v>
      </c>
      <c r="AL41078">
        <v>108</v>
      </c>
      <c r="AM41078">
        <v>109</v>
      </c>
      <c r="AN41078">
        <v>110</v>
      </c>
      <c r="AO41078">
        <v>111</v>
      </c>
      <c r="AP41078">
        <v>112</v>
      </c>
      <c r="AQ41078">
        <v>113</v>
      </c>
    </row>
    <row r="41079" spans="1:43">
      <c r="A41079" t="s">
        <v>25341</v>
      </c>
      <c r="B41079" t="s">
        <v>25342</v>
      </c>
      <c r="C41079" t="s">
        <v>3654</v>
      </c>
      <c r="D41079" t="s">
        <v>3655</v>
      </c>
      <c r="E41079" t="s">
        <v>3352</v>
      </c>
      <c r="F41079" t="s">
        <v>3353</v>
      </c>
      <c r="G41079" t="s">
        <v>80</v>
      </c>
      <c r="H41079" t="s">
        <v>81</v>
      </c>
      <c r="I41079" s="2">
        <v>0</v>
      </c>
      <c r="J41079" s="2">
        <v>1</v>
      </c>
      <c r="K41079" s="2">
        <v>0</v>
      </c>
      <c r="L41079" t="s">
        <v>82</v>
      </c>
      <c r="M41079" t="s">
        <v>87</v>
      </c>
      <c r="N41079" t="s">
        <v>88</v>
      </c>
      <c r="O41079" t="s">
        <v>85</v>
      </c>
      <c r="P41079" t="s">
        <v>86</v>
      </c>
      <c r="Q41079">
        <v>70</v>
      </c>
      <c r="R41079">
        <v>71</v>
      </c>
      <c r="S41079">
        <v>72</v>
      </c>
      <c r="T41079">
        <v>73</v>
      </c>
      <c r="U41079">
        <v>74</v>
      </c>
      <c r="V41079">
        <v>75</v>
      </c>
      <c r="W41079">
        <v>76</v>
      </c>
      <c r="X41079">
        <v>77</v>
      </c>
      <c r="Y41079">
        <v>78</v>
      </c>
      <c r="Z41079">
        <v>79</v>
      </c>
      <c r="AA41079">
        <v>80</v>
      </c>
      <c r="AB41079">
        <v>81</v>
      </c>
      <c r="AC41079">
        <v>82</v>
      </c>
      <c r="AD41079">
        <v>83</v>
      </c>
      <c r="AE41079">
        <v>84</v>
      </c>
      <c r="AF41079">
        <v>85</v>
      </c>
      <c r="AG41079">
        <v>87</v>
      </c>
      <c r="AH41079">
        <v>88</v>
      </c>
      <c r="AI41079">
        <v>89</v>
      </c>
      <c r="AJ41079">
        <v>90</v>
      </c>
      <c r="AK41079">
        <v>91</v>
      </c>
      <c r="AL41079">
        <v>92</v>
      </c>
      <c r="AM41079">
        <v>93</v>
      </c>
      <c r="AN41079">
        <v>95</v>
      </c>
      <c r="AO41079">
        <v>96</v>
      </c>
      <c r="AP41079">
        <v>97</v>
      </c>
      <c r="AQ41079">
        <v>98</v>
      </c>
    </row>
    <row r="41080" spans="1:43">
      <c r="A41080" t="s">
        <v>25341</v>
      </c>
      <c r="B41080" t="s">
        <v>25342</v>
      </c>
      <c r="C41080" t="s">
        <v>3654</v>
      </c>
      <c r="D41080" t="s">
        <v>3655</v>
      </c>
      <c r="E41080" t="s">
        <v>3352</v>
      </c>
      <c r="F41080" t="s">
        <v>3353</v>
      </c>
      <c r="G41080" t="s">
        <v>80</v>
      </c>
      <c r="H41080" t="s">
        <v>81</v>
      </c>
      <c r="I41080" s="2">
        <v>0</v>
      </c>
      <c r="J41080" s="2">
        <v>1</v>
      </c>
      <c r="K41080" s="2">
        <v>0</v>
      </c>
      <c r="L41080" t="s">
        <v>82</v>
      </c>
      <c r="M41080" t="s">
        <v>89</v>
      </c>
      <c r="N41080" t="s">
        <v>90</v>
      </c>
      <c r="O41080" t="s">
        <v>85</v>
      </c>
      <c r="P41080" t="s">
        <v>86</v>
      </c>
      <c r="Q41080">
        <v>70</v>
      </c>
      <c r="R41080">
        <v>72</v>
      </c>
      <c r="S41080">
        <v>75</v>
      </c>
      <c r="T41080">
        <v>77</v>
      </c>
      <c r="U41080">
        <v>79</v>
      </c>
      <c r="V41080">
        <v>82</v>
      </c>
      <c r="W41080">
        <v>84</v>
      </c>
      <c r="X41080">
        <v>86</v>
      </c>
      <c r="Y41080">
        <v>88</v>
      </c>
      <c r="Z41080">
        <v>91</v>
      </c>
      <c r="AA41080">
        <v>93</v>
      </c>
      <c r="AB41080">
        <v>95</v>
      </c>
      <c r="AC41080">
        <v>97</v>
      </c>
      <c r="AD41080">
        <v>99</v>
      </c>
      <c r="AE41080">
        <v>101</v>
      </c>
      <c r="AF41080">
        <v>102</v>
      </c>
      <c r="AG41080">
        <v>103</v>
      </c>
      <c r="AH41080">
        <v>104</v>
      </c>
      <c r="AI41080">
        <v>105</v>
      </c>
      <c r="AJ41080">
        <v>106</v>
      </c>
      <c r="AK41080">
        <v>107</v>
      </c>
      <c r="AL41080">
        <v>108</v>
      </c>
      <c r="AM41080">
        <v>109</v>
      </c>
      <c r="AN41080">
        <v>110</v>
      </c>
      <c r="AO41080">
        <v>111</v>
      </c>
      <c r="AP41080">
        <v>112</v>
      </c>
      <c r="AQ41080">
        <v>113</v>
      </c>
    </row>
    <row r="41081" spans="1:43">
      <c r="A41081" t="s">
        <v>25341</v>
      </c>
      <c r="B41081" t="s">
        <v>25342</v>
      </c>
      <c r="C41081" t="s">
        <v>3654</v>
      </c>
      <c r="D41081" t="s">
        <v>3655</v>
      </c>
      <c r="E41081" t="s">
        <v>3352</v>
      </c>
      <c r="F41081" t="s">
        <v>3353</v>
      </c>
      <c r="G41081" t="s">
        <v>80</v>
      </c>
      <c r="H41081" t="s">
        <v>81</v>
      </c>
      <c r="I41081" s="2">
        <v>0</v>
      </c>
      <c r="J41081" s="2">
        <v>1</v>
      </c>
      <c r="K41081" s="2">
        <v>0</v>
      </c>
      <c r="L41081" t="s">
        <v>82</v>
      </c>
      <c r="M41081" t="s">
        <v>83</v>
      </c>
      <c r="N41081" t="s">
        <v>91</v>
      </c>
      <c r="O41081" t="s">
        <v>85</v>
      </c>
      <c r="P41081" t="s">
        <v>86</v>
      </c>
      <c r="Q41081">
        <v>70</v>
      </c>
      <c r="R41081">
        <v>72</v>
      </c>
      <c r="S41081">
        <v>74</v>
      </c>
      <c r="T41081">
        <v>75</v>
      </c>
      <c r="U41081">
        <v>77</v>
      </c>
      <c r="V41081">
        <v>79</v>
      </c>
      <c r="W41081">
        <v>81</v>
      </c>
      <c r="X41081">
        <v>83</v>
      </c>
      <c r="Y41081">
        <v>84</v>
      </c>
      <c r="Z41081">
        <v>86</v>
      </c>
      <c r="AA41081">
        <v>88</v>
      </c>
      <c r="AB41081">
        <v>90</v>
      </c>
      <c r="AC41081">
        <v>92</v>
      </c>
      <c r="AD41081">
        <v>93</v>
      </c>
      <c r="AE41081">
        <v>95</v>
      </c>
      <c r="AF41081">
        <v>97</v>
      </c>
      <c r="AG41081">
        <v>99</v>
      </c>
      <c r="AH41081">
        <v>101</v>
      </c>
      <c r="AI41081">
        <v>103</v>
      </c>
      <c r="AJ41081">
        <v>105</v>
      </c>
      <c r="AK41081">
        <v>107</v>
      </c>
      <c r="AL41081">
        <v>108</v>
      </c>
      <c r="AM41081">
        <v>109</v>
      </c>
      <c r="AN41081">
        <v>110</v>
      </c>
      <c r="AO41081">
        <v>111</v>
      </c>
      <c r="AP41081">
        <v>112</v>
      </c>
      <c r="AQ41081">
        <v>113</v>
      </c>
    </row>
    <row r="41082" spans="1:43">
      <c r="A41082" t="s">
        <v>25343</v>
      </c>
      <c r="B41082" t="s">
        <v>25344</v>
      </c>
      <c r="C41082" t="s">
        <v>25339</v>
      </c>
      <c r="D41082" t="s">
        <v>25340</v>
      </c>
      <c r="E41082" t="s">
        <v>3352</v>
      </c>
      <c r="F41082" t="s">
        <v>3353</v>
      </c>
      <c r="G41082" t="s">
        <v>80</v>
      </c>
      <c r="H41082" t="s">
        <v>81</v>
      </c>
      <c r="I41082" s="2">
        <v>0</v>
      </c>
      <c r="J41082" s="2">
        <v>1</v>
      </c>
      <c r="K41082" s="2">
        <v>0</v>
      </c>
      <c r="L41082" t="s">
        <v>82</v>
      </c>
      <c r="M41082" t="s">
        <v>83</v>
      </c>
      <c r="N41082" t="s">
        <v>84</v>
      </c>
      <c r="O41082" t="s">
        <v>85</v>
      </c>
      <c r="P41082" t="s">
        <v>86</v>
      </c>
      <c r="Q41082">
        <v>14</v>
      </c>
      <c r="R41082">
        <v>14</v>
      </c>
      <c r="S41082">
        <v>15</v>
      </c>
      <c r="T41082">
        <v>15</v>
      </c>
      <c r="U41082">
        <v>15</v>
      </c>
      <c r="V41082">
        <v>16</v>
      </c>
      <c r="W41082">
        <v>16</v>
      </c>
      <c r="X41082">
        <v>17</v>
      </c>
      <c r="Y41082">
        <v>17</v>
      </c>
      <c r="Z41082">
        <v>17</v>
      </c>
      <c r="AA41082">
        <v>18</v>
      </c>
      <c r="AB41082">
        <v>18</v>
      </c>
      <c r="AC41082">
        <v>18</v>
      </c>
      <c r="AD41082">
        <v>19</v>
      </c>
      <c r="AE41082">
        <v>19</v>
      </c>
      <c r="AF41082">
        <v>20</v>
      </c>
      <c r="AG41082">
        <v>20</v>
      </c>
      <c r="AH41082">
        <v>20</v>
      </c>
      <c r="AI41082">
        <v>21</v>
      </c>
      <c r="AJ41082">
        <v>21</v>
      </c>
      <c r="AK41082">
        <v>21</v>
      </c>
      <c r="AL41082">
        <v>22</v>
      </c>
      <c r="AM41082">
        <v>22</v>
      </c>
      <c r="AN41082">
        <v>22</v>
      </c>
      <c r="AO41082">
        <v>22</v>
      </c>
      <c r="AP41082">
        <v>23</v>
      </c>
      <c r="AQ41082">
        <v>23</v>
      </c>
    </row>
    <row r="41083" spans="1:43">
      <c r="A41083" t="s">
        <v>25343</v>
      </c>
      <c r="B41083" t="s">
        <v>25344</v>
      </c>
      <c r="C41083" t="s">
        <v>25339</v>
      </c>
      <c r="D41083" t="s">
        <v>25340</v>
      </c>
      <c r="E41083" t="s">
        <v>3352</v>
      </c>
      <c r="F41083" t="s">
        <v>3353</v>
      </c>
      <c r="G41083" t="s">
        <v>80</v>
      </c>
      <c r="H41083" t="s">
        <v>81</v>
      </c>
      <c r="I41083" s="2">
        <v>0</v>
      </c>
      <c r="J41083" s="2">
        <v>1</v>
      </c>
      <c r="K41083" s="2">
        <v>0</v>
      </c>
      <c r="L41083" t="s">
        <v>82</v>
      </c>
      <c r="M41083" t="s">
        <v>87</v>
      </c>
      <c r="N41083" t="s">
        <v>88</v>
      </c>
      <c r="O41083" t="s">
        <v>85</v>
      </c>
      <c r="P41083" t="s">
        <v>86</v>
      </c>
      <c r="Q41083">
        <v>14</v>
      </c>
      <c r="R41083">
        <v>14</v>
      </c>
      <c r="S41083">
        <v>14</v>
      </c>
      <c r="T41083">
        <v>15</v>
      </c>
      <c r="U41083">
        <v>15</v>
      </c>
      <c r="V41083">
        <v>15</v>
      </c>
      <c r="W41083">
        <v>15</v>
      </c>
      <c r="X41083">
        <v>15</v>
      </c>
      <c r="Y41083">
        <v>16</v>
      </c>
      <c r="Z41083">
        <v>16</v>
      </c>
      <c r="AA41083">
        <v>16</v>
      </c>
      <c r="AB41083">
        <v>16</v>
      </c>
      <c r="AC41083">
        <v>16</v>
      </c>
      <c r="AD41083">
        <v>17</v>
      </c>
      <c r="AE41083">
        <v>17</v>
      </c>
      <c r="AF41083">
        <v>17</v>
      </c>
      <c r="AG41083">
        <v>17</v>
      </c>
      <c r="AH41083">
        <v>18</v>
      </c>
      <c r="AI41083">
        <v>18</v>
      </c>
      <c r="AJ41083">
        <v>18</v>
      </c>
      <c r="AK41083">
        <v>18</v>
      </c>
      <c r="AL41083">
        <v>19</v>
      </c>
      <c r="AM41083">
        <v>19</v>
      </c>
      <c r="AN41083">
        <v>19</v>
      </c>
      <c r="AO41083">
        <v>19</v>
      </c>
      <c r="AP41083">
        <v>19</v>
      </c>
      <c r="AQ41083">
        <v>20</v>
      </c>
    </row>
    <row r="41084" spans="1:43">
      <c r="A41084" t="s">
        <v>25343</v>
      </c>
      <c r="B41084" t="s">
        <v>25344</v>
      </c>
      <c r="C41084" t="s">
        <v>25339</v>
      </c>
      <c r="D41084" t="s">
        <v>25340</v>
      </c>
      <c r="E41084" t="s">
        <v>3352</v>
      </c>
      <c r="F41084" t="s">
        <v>3353</v>
      </c>
      <c r="G41084" t="s">
        <v>80</v>
      </c>
      <c r="H41084" t="s">
        <v>81</v>
      </c>
      <c r="I41084" s="2">
        <v>0</v>
      </c>
      <c r="J41084" s="2">
        <v>1</v>
      </c>
      <c r="K41084" s="2">
        <v>0</v>
      </c>
      <c r="L41084" t="s">
        <v>82</v>
      </c>
      <c r="M41084" t="s">
        <v>89</v>
      </c>
      <c r="N41084" t="s">
        <v>90</v>
      </c>
      <c r="O41084" t="s">
        <v>85</v>
      </c>
      <c r="P41084" t="s">
        <v>86</v>
      </c>
      <c r="Q41084">
        <v>14</v>
      </c>
      <c r="R41084">
        <v>15</v>
      </c>
      <c r="S41084">
        <v>15</v>
      </c>
      <c r="T41084">
        <v>16</v>
      </c>
      <c r="U41084">
        <v>16</v>
      </c>
      <c r="V41084">
        <v>17</v>
      </c>
      <c r="W41084">
        <v>17</v>
      </c>
      <c r="X41084">
        <v>17</v>
      </c>
      <c r="Y41084">
        <v>18</v>
      </c>
      <c r="Z41084">
        <v>18</v>
      </c>
      <c r="AA41084">
        <v>19</v>
      </c>
      <c r="AB41084">
        <v>19</v>
      </c>
      <c r="AC41084">
        <v>20</v>
      </c>
      <c r="AD41084">
        <v>20</v>
      </c>
      <c r="AE41084">
        <v>21</v>
      </c>
      <c r="AF41084">
        <v>21</v>
      </c>
      <c r="AG41084">
        <v>21</v>
      </c>
      <c r="AH41084">
        <v>21</v>
      </c>
      <c r="AI41084">
        <v>21</v>
      </c>
      <c r="AJ41084">
        <v>22</v>
      </c>
      <c r="AK41084">
        <v>22</v>
      </c>
      <c r="AL41084">
        <v>22</v>
      </c>
      <c r="AM41084">
        <v>22</v>
      </c>
      <c r="AN41084">
        <v>22</v>
      </c>
      <c r="AO41084">
        <v>23</v>
      </c>
      <c r="AP41084">
        <v>23</v>
      </c>
      <c r="AQ41084">
        <v>23</v>
      </c>
    </row>
    <row r="41085" spans="1:43">
      <c r="A41085" t="s">
        <v>25343</v>
      </c>
      <c r="B41085" t="s">
        <v>25344</v>
      </c>
      <c r="C41085" t="s">
        <v>25339</v>
      </c>
      <c r="D41085" t="s">
        <v>25340</v>
      </c>
      <c r="E41085" t="s">
        <v>3352</v>
      </c>
      <c r="F41085" t="s">
        <v>3353</v>
      </c>
      <c r="G41085" t="s">
        <v>80</v>
      </c>
      <c r="H41085" t="s">
        <v>81</v>
      </c>
      <c r="I41085" s="2">
        <v>0</v>
      </c>
      <c r="J41085" s="2">
        <v>1</v>
      </c>
      <c r="K41085" s="2">
        <v>0</v>
      </c>
      <c r="L41085" t="s">
        <v>82</v>
      </c>
      <c r="M41085" t="s">
        <v>83</v>
      </c>
      <c r="N41085" t="s">
        <v>91</v>
      </c>
      <c r="O41085" t="s">
        <v>85</v>
      </c>
      <c r="P41085" t="s">
        <v>86</v>
      </c>
      <c r="Q41085">
        <v>14</v>
      </c>
      <c r="R41085">
        <v>14</v>
      </c>
      <c r="S41085">
        <v>15</v>
      </c>
      <c r="T41085">
        <v>15</v>
      </c>
      <c r="U41085">
        <v>15</v>
      </c>
      <c r="V41085">
        <v>16</v>
      </c>
      <c r="W41085">
        <v>16</v>
      </c>
      <c r="X41085">
        <v>17</v>
      </c>
      <c r="Y41085">
        <v>17</v>
      </c>
      <c r="Z41085">
        <v>17</v>
      </c>
      <c r="AA41085">
        <v>18</v>
      </c>
      <c r="AB41085">
        <v>18</v>
      </c>
      <c r="AC41085">
        <v>18</v>
      </c>
      <c r="AD41085">
        <v>19</v>
      </c>
      <c r="AE41085">
        <v>19</v>
      </c>
      <c r="AF41085">
        <v>20</v>
      </c>
      <c r="AG41085">
        <v>20</v>
      </c>
      <c r="AH41085">
        <v>20</v>
      </c>
      <c r="AI41085">
        <v>21</v>
      </c>
      <c r="AJ41085">
        <v>21</v>
      </c>
      <c r="AK41085">
        <v>21</v>
      </c>
      <c r="AL41085">
        <v>22</v>
      </c>
      <c r="AM41085">
        <v>22</v>
      </c>
      <c r="AN41085">
        <v>22</v>
      </c>
      <c r="AO41085">
        <v>22</v>
      </c>
      <c r="AP41085">
        <v>23</v>
      </c>
      <c r="AQ41085">
        <v>23</v>
      </c>
    </row>
    <row r="41086" spans="1:43">
      <c r="A41086" t="s">
        <v>25345</v>
      </c>
      <c r="B41086" t="s">
        <v>25346</v>
      </c>
      <c r="C41086" t="s">
        <v>3654</v>
      </c>
      <c r="D41086" t="s">
        <v>3655</v>
      </c>
      <c r="E41086" t="s">
        <v>3352</v>
      </c>
      <c r="F41086" t="s">
        <v>3353</v>
      </c>
      <c r="G41086" t="s">
        <v>80</v>
      </c>
      <c r="H41086" t="s">
        <v>81</v>
      </c>
      <c r="I41086" s="2">
        <v>0</v>
      </c>
      <c r="J41086" s="2">
        <v>1</v>
      </c>
      <c r="K41086" s="2">
        <v>0</v>
      </c>
      <c r="L41086" t="s">
        <v>82</v>
      </c>
      <c r="M41086" t="s">
        <v>83</v>
      </c>
      <c r="N41086" t="s">
        <v>84</v>
      </c>
      <c r="O41086" t="s">
        <v>85</v>
      </c>
      <c r="P41086" t="s">
        <v>86</v>
      </c>
      <c r="Q41086">
        <v>116</v>
      </c>
      <c r="R41086">
        <v>119</v>
      </c>
      <c r="S41086">
        <v>122</v>
      </c>
      <c r="T41086">
        <v>125</v>
      </c>
      <c r="U41086">
        <v>128</v>
      </c>
      <c r="V41086">
        <v>131</v>
      </c>
      <c r="W41086">
        <v>134</v>
      </c>
      <c r="X41086">
        <v>136</v>
      </c>
      <c r="Y41086">
        <v>139</v>
      </c>
      <c r="Z41086">
        <v>142</v>
      </c>
      <c r="AA41086">
        <v>145</v>
      </c>
      <c r="AB41086">
        <v>149</v>
      </c>
      <c r="AC41086">
        <v>152</v>
      </c>
      <c r="AD41086">
        <v>155</v>
      </c>
      <c r="AE41086">
        <v>158</v>
      </c>
      <c r="AF41086">
        <v>161</v>
      </c>
      <c r="AG41086">
        <v>164</v>
      </c>
      <c r="AH41086">
        <v>167</v>
      </c>
      <c r="AI41086">
        <v>170</v>
      </c>
      <c r="AJ41086">
        <v>173</v>
      </c>
      <c r="AK41086">
        <v>177</v>
      </c>
      <c r="AL41086">
        <v>179</v>
      </c>
      <c r="AM41086">
        <v>181</v>
      </c>
      <c r="AN41086">
        <v>182</v>
      </c>
      <c r="AO41086">
        <v>184</v>
      </c>
      <c r="AP41086">
        <v>186</v>
      </c>
      <c r="AQ41086">
        <v>187</v>
      </c>
    </row>
    <row r="41087" spans="1:43">
      <c r="A41087" t="s">
        <v>25345</v>
      </c>
      <c r="B41087" t="s">
        <v>25346</v>
      </c>
      <c r="C41087" t="s">
        <v>3654</v>
      </c>
      <c r="D41087" t="s">
        <v>3655</v>
      </c>
      <c r="E41087" t="s">
        <v>3352</v>
      </c>
      <c r="F41087" t="s">
        <v>3353</v>
      </c>
      <c r="G41087" t="s">
        <v>80</v>
      </c>
      <c r="H41087" t="s">
        <v>81</v>
      </c>
      <c r="I41087" s="2">
        <v>0</v>
      </c>
      <c r="J41087" s="2">
        <v>1</v>
      </c>
      <c r="K41087" s="2">
        <v>0</v>
      </c>
      <c r="L41087" t="s">
        <v>82</v>
      </c>
      <c r="M41087" t="s">
        <v>87</v>
      </c>
      <c r="N41087" t="s">
        <v>88</v>
      </c>
      <c r="O41087" t="s">
        <v>85</v>
      </c>
      <c r="P41087" t="s">
        <v>86</v>
      </c>
      <c r="Q41087">
        <v>116</v>
      </c>
      <c r="R41087">
        <v>118</v>
      </c>
      <c r="S41087">
        <v>120</v>
      </c>
      <c r="T41087">
        <v>121</v>
      </c>
      <c r="U41087">
        <v>123</v>
      </c>
      <c r="V41087">
        <v>125</v>
      </c>
      <c r="W41087">
        <v>126</v>
      </c>
      <c r="X41087">
        <v>128</v>
      </c>
      <c r="Y41087">
        <v>130</v>
      </c>
      <c r="Z41087">
        <v>132</v>
      </c>
      <c r="AA41087">
        <v>133</v>
      </c>
      <c r="AB41087">
        <v>135</v>
      </c>
      <c r="AC41087">
        <v>137</v>
      </c>
      <c r="AD41087">
        <v>139</v>
      </c>
      <c r="AE41087">
        <v>141</v>
      </c>
      <c r="AF41087">
        <v>142</v>
      </c>
      <c r="AG41087">
        <v>144</v>
      </c>
      <c r="AH41087">
        <v>146</v>
      </c>
      <c r="AI41087">
        <v>148</v>
      </c>
      <c r="AJ41087">
        <v>150</v>
      </c>
      <c r="AK41087">
        <v>152</v>
      </c>
      <c r="AL41087">
        <v>154</v>
      </c>
      <c r="AM41087">
        <v>156</v>
      </c>
      <c r="AN41087">
        <v>157</v>
      </c>
      <c r="AO41087">
        <v>159</v>
      </c>
      <c r="AP41087">
        <v>161</v>
      </c>
      <c r="AQ41087">
        <v>163</v>
      </c>
    </row>
    <row r="41088" spans="1:43">
      <c r="A41088" t="s">
        <v>25345</v>
      </c>
      <c r="B41088" t="s">
        <v>25346</v>
      </c>
      <c r="C41088" t="s">
        <v>3654</v>
      </c>
      <c r="D41088" t="s">
        <v>3655</v>
      </c>
      <c r="E41088" t="s">
        <v>3352</v>
      </c>
      <c r="F41088" t="s">
        <v>3353</v>
      </c>
      <c r="G41088" t="s">
        <v>80</v>
      </c>
      <c r="H41088" t="s">
        <v>81</v>
      </c>
      <c r="I41088" s="2">
        <v>0</v>
      </c>
      <c r="J41088" s="2">
        <v>1</v>
      </c>
      <c r="K41088" s="2">
        <v>0</v>
      </c>
      <c r="L41088" t="s">
        <v>82</v>
      </c>
      <c r="M41088" t="s">
        <v>89</v>
      </c>
      <c r="N41088" t="s">
        <v>90</v>
      </c>
      <c r="O41088" t="s">
        <v>85</v>
      </c>
      <c r="P41088" t="s">
        <v>86</v>
      </c>
      <c r="Q41088">
        <v>116</v>
      </c>
      <c r="R41088">
        <v>119</v>
      </c>
      <c r="S41088">
        <v>123</v>
      </c>
      <c r="T41088">
        <v>127</v>
      </c>
      <c r="U41088">
        <v>131</v>
      </c>
      <c r="V41088">
        <v>135</v>
      </c>
      <c r="W41088">
        <v>138</v>
      </c>
      <c r="X41088">
        <v>142</v>
      </c>
      <c r="Y41088">
        <v>146</v>
      </c>
      <c r="Z41088">
        <v>149</v>
      </c>
      <c r="AA41088">
        <v>153</v>
      </c>
      <c r="AB41088">
        <v>157</v>
      </c>
      <c r="AC41088">
        <v>160</v>
      </c>
      <c r="AD41088">
        <v>164</v>
      </c>
      <c r="AE41088">
        <v>167</v>
      </c>
      <c r="AF41088">
        <v>169</v>
      </c>
      <c r="AG41088">
        <v>170</v>
      </c>
      <c r="AH41088">
        <v>172</v>
      </c>
      <c r="AI41088">
        <v>174</v>
      </c>
      <c r="AJ41088">
        <v>175</v>
      </c>
      <c r="AK41088">
        <v>177</v>
      </c>
      <c r="AL41088">
        <v>179</v>
      </c>
      <c r="AM41088">
        <v>180</v>
      </c>
      <c r="AN41088">
        <v>182</v>
      </c>
      <c r="AO41088">
        <v>184</v>
      </c>
      <c r="AP41088">
        <v>185</v>
      </c>
      <c r="AQ41088">
        <v>187</v>
      </c>
    </row>
    <row r="41089" spans="1:43">
      <c r="A41089" t="s">
        <v>25345</v>
      </c>
      <c r="B41089" t="s">
        <v>25346</v>
      </c>
      <c r="C41089" t="s">
        <v>3654</v>
      </c>
      <c r="D41089" t="s">
        <v>3655</v>
      </c>
      <c r="E41089" t="s">
        <v>3352</v>
      </c>
      <c r="F41089" t="s">
        <v>3353</v>
      </c>
      <c r="G41089" t="s">
        <v>80</v>
      </c>
      <c r="H41089" t="s">
        <v>81</v>
      </c>
      <c r="I41089" s="2">
        <v>0</v>
      </c>
      <c r="J41089" s="2">
        <v>1</v>
      </c>
      <c r="K41089" s="2">
        <v>0</v>
      </c>
      <c r="L41089" t="s">
        <v>82</v>
      </c>
      <c r="M41089" t="s">
        <v>83</v>
      </c>
      <c r="N41089" t="s">
        <v>91</v>
      </c>
      <c r="O41089" t="s">
        <v>85</v>
      </c>
      <c r="P41089" t="s">
        <v>86</v>
      </c>
      <c r="Q41089">
        <v>116</v>
      </c>
      <c r="R41089">
        <v>119</v>
      </c>
      <c r="S41089">
        <v>122</v>
      </c>
      <c r="T41089">
        <v>125</v>
      </c>
      <c r="U41089">
        <v>128</v>
      </c>
      <c r="V41089">
        <v>131</v>
      </c>
      <c r="W41089">
        <v>134</v>
      </c>
      <c r="X41089">
        <v>136</v>
      </c>
      <c r="Y41089">
        <v>139</v>
      </c>
      <c r="Z41089">
        <v>142</v>
      </c>
      <c r="AA41089">
        <v>145</v>
      </c>
      <c r="AB41089">
        <v>149</v>
      </c>
      <c r="AC41089">
        <v>152</v>
      </c>
      <c r="AD41089">
        <v>155</v>
      </c>
      <c r="AE41089">
        <v>158</v>
      </c>
      <c r="AF41089">
        <v>161</v>
      </c>
      <c r="AG41089">
        <v>164</v>
      </c>
      <c r="AH41089">
        <v>167</v>
      </c>
      <c r="AI41089">
        <v>170</v>
      </c>
      <c r="AJ41089">
        <v>173</v>
      </c>
      <c r="AK41089">
        <v>177</v>
      </c>
      <c r="AL41089">
        <v>179</v>
      </c>
      <c r="AM41089">
        <v>181</v>
      </c>
      <c r="AN41089">
        <v>182</v>
      </c>
      <c r="AO41089">
        <v>184</v>
      </c>
      <c r="AP41089">
        <v>186</v>
      </c>
      <c r="AQ41089">
        <v>187</v>
      </c>
    </row>
    <row r="41090" spans="1:43">
      <c r="A41090" t="s">
        <v>25347</v>
      </c>
      <c r="B41090" t="s">
        <v>25348</v>
      </c>
      <c r="C41090" t="s">
        <v>3554</v>
      </c>
      <c r="D41090" t="s">
        <v>3555</v>
      </c>
      <c r="E41090" t="s">
        <v>3352</v>
      </c>
      <c r="F41090" t="s">
        <v>3353</v>
      </c>
      <c r="G41090" t="s">
        <v>80</v>
      </c>
      <c r="H41090" t="s">
        <v>81</v>
      </c>
      <c r="I41090" s="2">
        <v>0</v>
      </c>
      <c r="J41090" s="2">
        <v>1</v>
      </c>
      <c r="K41090" s="2">
        <v>0</v>
      </c>
      <c r="L41090" t="s">
        <v>82</v>
      </c>
      <c r="M41090" t="s">
        <v>83</v>
      </c>
      <c r="N41090" t="s">
        <v>84</v>
      </c>
      <c r="O41090" t="s">
        <v>85</v>
      </c>
      <c r="P41090" t="s">
        <v>86</v>
      </c>
      <c r="Q41090">
        <v>32</v>
      </c>
      <c r="R41090">
        <v>33</v>
      </c>
      <c r="S41090">
        <v>34</v>
      </c>
      <c r="T41090">
        <v>35</v>
      </c>
      <c r="U41090">
        <v>36</v>
      </c>
      <c r="V41090">
        <v>36</v>
      </c>
      <c r="W41090">
        <v>37</v>
      </c>
      <c r="X41090">
        <v>38</v>
      </c>
      <c r="Y41090">
        <v>39</v>
      </c>
      <c r="Z41090">
        <v>40</v>
      </c>
      <c r="AA41090">
        <v>40</v>
      </c>
      <c r="AB41090">
        <v>41</v>
      </c>
      <c r="AC41090">
        <v>42</v>
      </c>
      <c r="AD41090">
        <v>43</v>
      </c>
      <c r="AE41090">
        <v>44</v>
      </c>
      <c r="AF41090">
        <v>45</v>
      </c>
      <c r="AG41090">
        <v>46</v>
      </c>
      <c r="AH41090">
        <v>46</v>
      </c>
      <c r="AI41090">
        <v>47</v>
      </c>
      <c r="AJ41090">
        <v>48</v>
      </c>
      <c r="AK41090">
        <v>49</v>
      </c>
      <c r="AL41090">
        <v>50</v>
      </c>
      <c r="AM41090">
        <v>50</v>
      </c>
      <c r="AN41090">
        <v>51</v>
      </c>
      <c r="AO41090">
        <v>51</v>
      </c>
      <c r="AP41090">
        <v>52</v>
      </c>
      <c r="AQ41090">
        <v>52</v>
      </c>
    </row>
    <row r="41091" spans="1:43">
      <c r="A41091" t="s">
        <v>25347</v>
      </c>
      <c r="B41091" t="s">
        <v>25348</v>
      </c>
      <c r="C41091" t="s">
        <v>3554</v>
      </c>
      <c r="D41091" t="s">
        <v>3555</v>
      </c>
      <c r="E41091" t="s">
        <v>3352</v>
      </c>
      <c r="F41091" t="s">
        <v>3353</v>
      </c>
      <c r="G41091" t="s">
        <v>80</v>
      </c>
      <c r="H41091" t="s">
        <v>81</v>
      </c>
      <c r="I41091" s="2">
        <v>0</v>
      </c>
      <c r="J41091" s="2">
        <v>1</v>
      </c>
      <c r="K41091" s="2">
        <v>0</v>
      </c>
      <c r="L41091" t="s">
        <v>82</v>
      </c>
      <c r="M41091" t="s">
        <v>87</v>
      </c>
      <c r="N41091" t="s">
        <v>88</v>
      </c>
      <c r="O41091" t="s">
        <v>85</v>
      </c>
      <c r="P41091" t="s">
        <v>86</v>
      </c>
      <c r="Q41091">
        <v>32</v>
      </c>
      <c r="R41091">
        <v>33</v>
      </c>
      <c r="S41091">
        <v>33</v>
      </c>
      <c r="T41091">
        <v>33</v>
      </c>
      <c r="U41091">
        <v>34</v>
      </c>
      <c r="V41091">
        <v>34</v>
      </c>
      <c r="W41091">
        <v>35</v>
      </c>
      <c r="X41091">
        <v>35</v>
      </c>
      <c r="Y41091">
        <v>36</v>
      </c>
      <c r="Z41091">
        <v>36</v>
      </c>
      <c r="AA41091">
        <v>37</v>
      </c>
      <c r="AB41091">
        <v>37</v>
      </c>
      <c r="AC41091">
        <v>38</v>
      </c>
      <c r="AD41091">
        <v>38</v>
      </c>
      <c r="AE41091">
        <v>39</v>
      </c>
      <c r="AF41091">
        <v>39</v>
      </c>
      <c r="AG41091">
        <v>40</v>
      </c>
      <c r="AH41091">
        <v>40</v>
      </c>
      <c r="AI41091">
        <v>41</v>
      </c>
      <c r="AJ41091">
        <v>41</v>
      </c>
      <c r="AK41091">
        <v>42</v>
      </c>
      <c r="AL41091">
        <v>42</v>
      </c>
      <c r="AM41091">
        <v>43</v>
      </c>
      <c r="AN41091">
        <v>43</v>
      </c>
      <c r="AO41091">
        <v>44</v>
      </c>
      <c r="AP41091">
        <v>45</v>
      </c>
      <c r="AQ41091">
        <v>45</v>
      </c>
    </row>
    <row r="41092" spans="1:43">
      <c r="A41092" t="s">
        <v>25347</v>
      </c>
      <c r="B41092" t="s">
        <v>25348</v>
      </c>
      <c r="C41092" t="s">
        <v>3554</v>
      </c>
      <c r="D41092" t="s">
        <v>3555</v>
      </c>
      <c r="E41092" t="s">
        <v>3352</v>
      </c>
      <c r="F41092" t="s">
        <v>3353</v>
      </c>
      <c r="G41092" t="s">
        <v>80</v>
      </c>
      <c r="H41092" t="s">
        <v>81</v>
      </c>
      <c r="I41092" s="2">
        <v>0</v>
      </c>
      <c r="J41092" s="2">
        <v>1</v>
      </c>
      <c r="K41092" s="2">
        <v>0</v>
      </c>
      <c r="L41092" t="s">
        <v>82</v>
      </c>
      <c r="M41092" t="s">
        <v>89</v>
      </c>
      <c r="N41092" t="s">
        <v>90</v>
      </c>
      <c r="O41092" t="s">
        <v>85</v>
      </c>
      <c r="P41092" t="s">
        <v>86</v>
      </c>
      <c r="Q41092">
        <v>32</v>
      </c>
      <c r="R41092">
        <v>33</v>
      </c>
      <c r="S41092">
        <v>34</v>
      </c>
      <c r="T41092">
        <v>35</v>
      </c>
      <c r="U41092">
        <v>36</v>
      </c>
      <c r="V41092">
        <v>37</v>
      </c>
      <c r="W41092">
        <v>38</v>
      </c>
      <c r="X41092">
        <v>39</v>
      </c>
      <c r="Y41092">
        <v>40</v>
      </c>
      <c r="Z41092">
        <v>41</v>
      </c>
      <c r="AA41092">
        <v>42</v>
      </c>
      <c r="AB41092">
        <v>43</v>
      </c>
      <c r="AC41092">
        <v>44</v>
      </c>
      <c r="AD41092">
        <v>45</v>
      </c>
      <c r="AE41092">
        <v>46</v>
      </c>
      <c r="AF41092">
        <v>46</v>
      </c>
      <c r="AG41092">
        <v>47</v>
      </c>
      <c r="AH41092">
        <v>47</v>
      </c>
      <c r="AI41092">
        <v>48</v>
      </c>
      <c r="AJ41092">
        <v>48</v>
      </c>
      <c r="AK41092">
        <v>49</v>
      </c>
      <c r="AL41092">
        <v>49</v>
      </c>
      <c r="AM41092">
        <v>50</v>
      </c>
      <c r="AN41092">
        <v>50</v>
      </c>
      <c r="AO41092">
        <v>50</v>
      </c>
      <c r="AP41092">
        <v>51</v>
      </c>
      <c r="AQ41092">
        <v>51</v>
      </c>
    </row>
    <row r="41093" spans="1:43">
      <c r="A41093" t="s">
        <v>25347</v>
      </c>
      <c r="B41093" t="s">
        <v>25348</v>
      </c>
      <c r="C41093" t="s">
        <v>3554</v>
      </c>
      <c r="D41093" t="s">
        <v>3555</v>
      </c>
      <c r="E41093" t="s">
        <v>3352</v>
      </c>
      <c r="F41093" t="s">
        <v>3353</v>
      </c>
      <c r="G41093" t="s">
        <v>80</v>
      </c>
      <c r="H41093" t="s">
        <v>81</v>
      </c>
      <c r="I41093" s="2">
        <v>0</v>
      </c>
      <c r="J41093" s="2">
        <v>1</v>
      </c>
      <c r="K41093" s="2">
        <v>0</v>
      </c>
      <c r="L41093" t="s">
        <v>82</v>
      </c>
      <c r="M41093" t="s">
        <v>83</v>
      </c>
      <c r="N41093" t="s">
        <v>91</v>
      </c>
      <c r="O41093" t="s">
        <v>85</v>
      </c>
      <c r="P41093" t="s">
        <v>86</v>
      </c>
      <c r="Q41093">
        <v>32</v>
      </c>
      <c r="R41093">
        <v>33</v>
      </c>
      <c r="S41093">
        <v>34</v>
      </c>
      <c r="T41093">
        <v>35</v>
      </c>
      <c r="U41093">
        <v>36</v>
      </c>
      <c r="V41093">
        <v>36</v>
      </c>
      <c r="W41093">
        <v>37</v>
      </c>
      <c r="X41093">
        <v>38</v>
      </c>
      <c r="Y41093">
        <v>39</v>
      </c>
      <c r="Z41093">
        <v>40</v>
      </c>
      <c r="AA41093">
        <v>40</v>
      </c>
      <c r="AB41093">
        <v>41</v>
      </c>
      <c r="AC41093">
        <v>42</v>
      </c>
      <c r="AD41093">
        <v>43</v>
      </c>
      <c r="AE41093">
        <v>44</v>
      </c>
      <c r="AF41093">
        <v>45</v>
      </c>
      <c r="AG41093">
        <v>46</v>
      </c>
      <c r="AH41093">
        <v>46</v>
      </c>
      <c r="AI41093">
        <v>47</v>
      </c>
      <c r="AJ41093">
        <v>48</v>
      </c>
      <c r="AK41093">
        <v>49</v>
      </c>
      <c r="AL41093">
        <v>50</v>
      </c>
      <c r="AM41093">
        <v>50</v>
      </c>
      <c r="AN41093">
        <v>51</v>
      </c>
      <c r="AO41093">
        <v>51</v>
      </c>
      <c r="AP41093">
        <v>52</v>
      </c>
      <c r="AQ41093">
        <v>52</v>
      </c>
    </row>
    <row r="41094" spans="1:43">
      <c r="A41094" t="s">
        <v>25349</v>
      </c>
      <c r="B41094" t="s">
        <v>25350</v>
      </c>
      <c r="C41094" t="s">
        <v>3606</v>
      </c>
      <c r="D41094" t="s">
        <v>3607</v>
      </c>
      <c r="E41094" t="s">
        <v>3352</v>
      </c>
      <c r="F41094" t="s">
        <v>3353</v>
      </c>
      <c r="G41094" t="s">
        <v>80</v>
      </c>
      <c r="H41094" t="s">
        <v>81</v>
      </c>
      <c r="I41094" s="2">
        <v>0</v>
      </c>
      <c r="J41094" s="2">
        <v>1</v>
      </c>
      <c r="K41094" s="2">
        <v>0</v>
      </c>
      <c r="L41094" t="s">
        <v>82</v>
      </c>
      <c r="M41094" t="s">
        <v>83</v>
      </c>
      <c r="N41094" t="s">
        <v>84</v>
      </c>
      <c r="O41094" t="s">
        <v>85</v>
      </c>
      <c r="P41094" t="s">
        <v>86</v>
      </c>
      <c r="Q41094">
        <v>13</v>
      </c>
      <c r="R41094">
        <v>14</v>
      </c>
      <c r="S41094">
        <v>14</v>
      </c>
      <c r="T41094">
        <v>14</v>
      </c>
      <c r="U41094">
        <v>15</v>
      </c>
      <c r="V41094">
        <v>15</v>
      </c>
      <c r="W41094">
        <v>15</v>
      </c>
      <c r="X41094">
        <v>16</v>
      </c>
      <c r="Y41094">
        <v>16</v>
      </c>
      <c r="Z41094">
        <v>16</v>
      </c>
      <c r="AA41094">
        <v>17</v>
      </c>
      <c r="AB41094">
        <v>17</v>
      </c>
      <c r="AC41094">
        <v>17</v>
      </c>
      <c r="AD41094">
        <v>18</v>
      </c>
      <c r="AE41094">
        <v>18</v>
      </c>
      <c r="AF41094">
        <v>18</v>
      </c>
      <c r="AG41094">
        <v>19</v>
      </c>
      <c r="AH41094">
        <v>19</v>
      </c>
      <c r="AI41094">
        <v>19</v>
      </c>
      <c r="AJ41094">
        <v>20</v>
      </c>
      <c r="AK41094">
        <v>20</v>
      </c>
      <c r="AL41094">
        <v>20</v>
      </c>
      <c r="AM41094">
        <v>21</v>
      </c>
      <c r="AN41094">
        <v>21</v>
      </c>
      <c r="AO41094">
        <v>21</v>
      </c>
      <c r="AP41094">
        <v>21</v>
      </c>
      <c r="AQ41094">
        <v>21</v>
      </c>
    </row>
    <row r="41095" spans="1:43">
      <c r="A41095" t="s">
        <v>25349</v>
      </c>
      <c r="B41095" t="s">
        <v>25350</v>
      </c>
      <c r="C41095" t="s">
        <v>3606</v>
      </c>
      <c r="D41095" t="s">
        <v>3607</v>
      </c>
      <c r="E41095" t="s">
        <v>3352</v>
      </c>
      <c r="F41095" t="s">
        <v>3353</v>
      </c>
      <c r="G41095" t="s">
        <v>80</v>
      </c>
      <c r="H41095" t="s">
        <v>81</v>
      </c>
      <c r="I41095" s="2">
        <v>0</v>
      </c>
      <c r="J41095" s="2">
        <v>1</v>
      </c>
      <c r="K41095" s="2">
        <v>0</v>
      </c>
      <c r="L41095" t="s">
        <v>82</v>
      </c>
      <c r="M41095" t="s">
        <v>87</v>
      </c>
      <c r="N41095" t="s">
        <v>88</v>
      </c>
      <c r="O41095" t="s">
        <v>85</v>
      </c>
      <c r="P41095" t="s">
        <v>86</v>
      </c>
      <c r="Q41095">
        <v>13</v>
      </c>
      <c r="R41095">
        <v>13</v>
      </c>
      <c r="S41095">
        <v>14</v>
      </c>
      <c r="T41095">
        <v>14</v>
      </c>
      <c r="U41095">
        <v>14</v>
      </c>
      <c r="V41095">
        <v>14</v>
      </c>
      <c r="W41095">
        <v>14</v>
      </c>
      <c r="X41095">
        <v>15</v>
      </c>
      <c r="Y41095">
        <v>15</v>
      </c>
      <c r="Z41095">
        <v>15</v>
      </c>
      <c r="AA41095">
        <v>15</v>
      </c>
      <c r="AB41095">
        <v>15</v>
      </c>
      <c r="AC41095">
        <v>16</v>
      </c>
      <c r="AD41095">
        <v>16</v>
      </c>
      <c r="AE41095">
        <v>16</v>
      </c>
      <c r="AF41095">
        <v>16</v>
      </c>
      <c r="AG41095">
        <v>16</v>
      </c>
      <c r="AH41095">
        <v>17</v>
      </c>
      <c r="AI41095">
        <v>17</v>
      </c>
      <c r="AJ41095">
        <v>17</v>
      </c>
      <c r="AK41095">
        <v>17</v>
      </c>
      <c r="AL41095">
        <v>18</v>
      </c>
      <c r="AM41095">
        <v>18</v>
      </c>
      <c r="AN41095">
        <v>18</v>
      </c>
      <c r="AO41095">
        <v>18</v>
      </c>
      <c r="AP41095">
        <v>18</v>
      </c>
      <c r="AQ41095">
        <v>19</v>
      </c>
    </row>
    <row r="41096" spans="1:43">
      <c r="A41096" t="s">
        <v>25349</v>
      </c>
      <c r="B41096" t="s">
        <v>25350</v>
      </c>
      <c r="C41096" t="s">
        <v>3606</v>
      </c>
      <c r="D41096" t="s">
        <v>3607</v>
      </c>
      <c r="E41096" t="s">
        <v>3352</v>
      </c>
      <c r="F41096" t="s">
        <v>3353</v>
      </c>
      <c r="G41096" t="s">
        <v>80</v>
      </c>
      <c r="H41096" t="s">
        <v>81</v>
      </c>
      <c r="I41096" s="2">
        <v>0</v>
      </c>
      <c r="J41096" s="2">
        <v>1</v>
      </c>
      <c r="K41096" s="2">
        <v>0</v>
      </c>
      <c r="L41096" t="s">
        <v>82</v>
      </c>
      <c r="M41096" t="s">
        <v>89</v>
      </c>
      <c r="N41096" t="s">
        <v>90</v>
      </c>
      <c r="O41096" t="s">
        <v>85</v>
      </c>
      <c r="P41096" t="s">
        <v>86</v>
      </c>
      <c r="Q41096">
        <v>13</v>
      </c>
      <c r="R41096">
        <v>13</v>
      </c>
      <c r="S41096">
        <v>13</v>
      </c>
      <c r="T41096">
        <v>14</v>
      </c>
      <c r="U41096">
        <v>14</v>
      </c>
      <c r="V41096">
        <v>15</v>
      </c>
      <c r="W41096">
        <v>15</v>
      </c>
      <c r="X41096">
        <v>16</v>
      </c>
      <c r="Y41096">
        <v>16</v>
      </c>
      <c r="Z41096">
        <v>16</v>
      </c>
      <c r="AA41096">
        <v>17</v>
      </c>
      <c r="AB41096">
        <v>17</v>
      </c>
      <c r="AC41096">
        <v>18</v>
      </c>
      <c r="AD41096">
        <v>18</v>
      </c>
      <c r="AE41096">
        <v>18</v>
      </c>
      <c r="AF41096">
        <v>19</v>
      </c>
      <c r="AG41096">
        <v>19</v>
      </c>
      <c r="AH41096">
        <v>19</v>
      </c>
      <c r="AI41096">
        <v>19</v>
      </c>
      <c r="AJ41096">
        <v>19</v>
      </c>
      <c r="AK41096">
        <v>19</v>
      </c>
      <c r="AL41096">
        <v>20</v>
      </c>
      <c r="AM41096">
        <v>20</v>
      </c>
      <c r="AN41096">
        <v>20</v>
      </c>
      <c r="AO41096">
        <v>20</v>
      </c>
      <c r="AP41096">
        <v>20</v>
      </c>
      <c r="AQ41096">
        <v>20</v>
      </c>
    </row>
    <row r="41097" spans="1:43">
      <c r="A41097" t="s">
        <v>25349</v>
      </c>
      <c r="B41097" t="s">
        <v>25350</v>
      </c>
      <c r="C41097" t="s">
        <v>3606</v>
      </c>
      <c r="D41097" t="s">
        <v>3607</v>
      </c>
      <c r="E41097" t="s">
        <v>3352</v>
      </c>
      <c r="F41097" t="s">
        <v>3353</v>
      </c>
      <c r="G41097" t="s">
        <v>80</v>
      </c>
      <c r="H41097" t="s">
        <v>81</v>
      </c>
      <c r="I41097" s="2">
        <v>0</v>
      </c>
      <c r="J41097" s="2">
        <v>1</v>
      </c>
      <c r="K41097" s="2">
        <v>0</v>
      </c>
      <c r="L41097" t="s">
        <v>82</v>
      </c>
      <c r="M41097" t="s">
        <v>83</v>
      </c>
      <c r="N41097" t="s">
        <v>91</v>
      </c>
      <c r="O41097" t="s">
        <v>85</v>
      </c>
      <c r="P41097" t="s">
        <v>86</v>
      </c>
      <c r="Q41097">
        <v>13</v>
      </c>
      <c r="R41097">
        <v>14</v>
      </c>
      <c r="S41097">
        <v>14</v>
      </c>
      <c r="T41097">
        <v>14</v>
      </c>
      <c r="U41097">
        <v>15</v>
      </c>
      <c r="V41097">
        <v>15</v>
      </c>
      <c r="W41097">
        <v>15</v>
      </c>
      <c r="X41097">
        <v>16</v>
      </c>
      <c r="Y41097">
        <v>16</v>
      </c>
      <c r="Z41097">
        <v>16</v>
      </c>
      <c r="AA41097">
        <v>17</v>
      </c>
      <c r="AB41097">
        <v>17</v>
      </c>
      <c r="AC41097">
        <v>17</v>
      </c>
      <c r="AD41097">
        <v>18</v>
      </c>
      <c r="AE41097">
        <v>18</v>
      </c>
      <c r="AF41097">
        <v>18</v>
      </c>
      <c r="AG41097">
        <v>19</v>
      </c>
      <c r="AH41097">
        <v>19</v>
      </c>
      <c r="AI41097">
        <v>19</v>
      </c>
      <c r="AJ41097">
        <v>20</v>
      </c>
      <c r="AK41097">
        <v>20</v>
      </c>
      <c r="AL41097">
        <v>20</v>
      </c>
      <c r="AM41097">
        <v>21</v>
      </c>
      <c r="AN41097">
        <v>21</v>
      </c>
      <c r="AO41097">
        <v>21</v>
      </c>
      <c r="AP41097">
        <v>21</v>
      </c>
      <c r="AQ41097">
        <v>21</v>
      </c>
    </row>
    <row r="41098" spans="1:43">
      <c r="A41098" t="s">
        <v>25351</v>
      </c>
      <c r="B41098" t="s">
        <v>25352</v>
      </c>
      <c r="C41098" t="s">
        <v>3606</v>
      </c>
      <c r="D41098" t="s">
        <v>3607</v>
      </c>
      <c r="E41098" t="s">
        <v>3352</v>
      </c>
      <c r="F41098" t="s">
        <v>3353</v>
      </c>
      <c r="G41098" t="s">
        <v>80</v>
      </c>
      <c r="H41098" t="s">
        <v>81</v>
      </c>
      <c r="I41098" s="2">
        <v>0</v>
      </c>
      <c r="J41098" s="2">
        <v>1</v>
      </c>
      <c r="K41098" s="2">
        <v>0</v>
      </c>
      <c r="L41098" t="s">
        <v>82</v>
      </c>
      <c r="M41098" t="s">
        <v>83</v>
      </c>
      <c r="N41098" t="s">
        <v>84</v>
      </c>
      <c r="O41098" t="s">
        <v>85</v>
      </c>
      <c r="P41098" t="s">
        <v>86</v>
      </c>
      <c r="Q41098">
        <v>12</v>
      </c>
      <c r="R41098">
        <v>12</v>
      </c>
      <c r="S41098">
        <v>13</v>
      </c>
      <c r="T41098">
        <v>13</v>
      </c>
      <c r="U41098">
        <v>13</v>
      </c>
      <c r="V41098">
        <v>14</v>
      </c>
      <c r="W41098">
        <v>14</v>
      </c>
      <c r="X41098">
        <v>14</v>
      </c>
      <c r="Y41098">
        <v>15</v>
      </c>
      <c r="Z41098">
        <v>15</v>
      </c>
      <c r="AA41098">
        <v>15</v>
      </c>
      <c r="AB41098">
        <v>15</v>
      </c>
      <c r="AC41098">
        <v>16</v>
      </c>
      <c r="AD41098">
        <v>16</v>
      </c>
      <c r="AE41098">
        <v>16</v>
      </c>
      <c r="AF41098">
        <v>17</v>
      </c>
      <c r="AG41098">
        <v>17</v>
      </c>
      <c r="AH41098">
        <v>17</v>
      </c>
      <c r="AI41098">
        <v>18</v>
      </c>
      <c r="AJ41098">
        <v>18</v>
      </c>
      <c r="AK41098">
        <v>18</v>
      </c>
      <c r="AL41098">
        <v>18</v>
      </c>
      <c r="AM41098">
        <v>19</v>
      </c>
      <c r="AN41098">
        <v>19</v>
      </c>
      <c r="AO41098">
        <v>19</v>
      </c>
      <c r="AP41098">
        <v>19</v>
      </c>
      <c r="AQ41098">
        <v>19</v>
      </c>
    </row>
    <row r="41099" spans="1:43">
      <c r="A41099" t="s">
        <v>25351</v>
      </c>
      <c r="B41099" t="s">
        <v>25352</v>
      </c>
      <c r="C41099" t="s">
        <v>3606</v>
      </c>
      <c r="D41099" t="s">
        <v>3607</v>
      </c>
      <c r="E41099" t="s">
        <v>3352</v>
      </c>
      <c r="F41099" t="s">
        <v>3353</v>
      </c>
      <c r="G41099" t="s">
        <v>80</v>
      </c>
      <c r="H41099" t="s">
        <v>81</v>
      </c>
      <c r="I41099" s="2">
        <v>0</v>
      </c>
      <c r="J41099" s="2">
        <v>1</v>
      </c>
      <c r="K41099" s="2">
        <v>0</v>
      </c>
      <c r="L41099" t="s">
        <v>82</v>
      </c>
      <c r="M41099" t="s">
        <v>87</v>
      </c>
      <c r="N41099" t="s">
        <v>88</v>
      </c>
      <c r="O41099" t="s">
        <v>85</v>
      </c>
      <c r="P41099" t="s">
        <v>86</v>
      </c>
      <c r="Q41099">
        <v>12</v>
      </c>
      <c r="R41099">
        <v>12</v>
      </c>
      <c r="S41099">
        <v>12</v>
      </c>
      <c r="T41099">
        <v>13</v>
      </c>
      <c r="U41099">
        <v>13</v>
      </c>
      <c r="V41099">
        <v>13</v>
      </c>
      <c r="W41099">
        <v>13</v>
      </c>
      <c r="X41099">
        <v>13</v>
      </c>
      <c r="Y41099">
        <v>13</v>
      </c>
      <c r="Z41099">
        <v>14</v>
      </c>
      <c r="AA41099">
        <v>14</v>
      </c>
      <c r="AB41099">
        <v>14</v>
      </c>
      <c r="AC41099">
        <v>14</v>
      </c>
      <c r="AD41099">
        <v>14</v>
      </c>
      <c r="AE41099">
        <v>15</v>
      </c>
      <c r="AF41099">
        <v>15</v>
      </c>
      <c r="AG41099">
        <v>15</v>
      </c>
      <c r="AH41099">
        <v>15</v>
      </c>
      <c r="AI41099">
        <v>15</v>
      </c>
      <c r="AJ41099">
        <v>15</v>
      </c>
      <c r="AK41099">
        <v>16</v>
      </c>
      <c r="AL41099">
        <v>16</v>
      </c>
      <c r="AM41099">
        <v>16</v>
      </c>
      <c r="AN41099">
        <v>16</v>
      </c>
      <c r="AO41099">
        <v>16</v>
      </c>
      <c r="AP41099">
        <v>17</v>
      </c>
      <c r="AQ41099">
        <v>17</v>
      </c>
    </row>
    <row r="41100" spans="1:43">
      <c r="A41100" t="s">
        <v>25351</v>
      </c>
      <c r="B41100" t="s">
        <v>25352</v>
      </c>
      <c r="C41100" t="s">
        <v>3606</v>
      </c>
      <c r="D41100" t="s">
        <v>3607</v>
      </c>
      <c r="E41100" t="s">
        <v>3352</v>
      </c>
      <c r="F41100" t="s">
        <v>3353</v>
      </c>
      <c r="G41100" t="s">
        <v>80</v>
      </c>
      <c r="H41100" t="s">
        <v>81</v>
      </c>
      <c r="I41100" s="2">
        <v>0</v>
      </c>
      <c r="J41100" s="2">
        <v>1</v>
      </c>
      <c r="K41100" s="2">
        <v>0</v>
      </c>
      <c r="L41100" t="s">
        <v>82</v>
      </c>
      <c r="M41100" t="s">
        <v>89</v>
      </c>
      <c r="N41100" t="s">
        <v>90</v>
      </c>
      <c r="O41100" t="s">
        <v>85</v>
      </c>
      <c r="P41100" t="s">
        <v>86</v>
      </c>
      <c r="Q41100">
        <v>12</v>
      </c>
      <c r="R41100">
        <v>13</v>
      </c>
      <c r="S41100">
        <v>13</v>
      </c>
      <c r="T41100">
        <v>13</v>
      </c>
      <c r="U41100">
        <v>14</v>
      </c>
      <c r="V41100">
        <v>14</v>
      </c>
      <c r="W41100">
        <v>15</v>
      </c>
      <c r="X41100">
        <v>15</v>
      </c>
      <c r="Y41100">
        <v>15</v>
      </c>
      <c r="Z41100">
        <v>16</v>
      </c>
      <c r="AA41100">
        <v>16</v>
      </c>
      <c r="AB41100">
        <v>16</v>
      </c>
      <c r="AC41100">
        <v>17</v>
      </c>
      <c r="AD41100">
        <v>17</v>
      </c>
      <c r="AE41100">
        <v>17</v>
      </c>
      <c r="AF41100">
        <v>18</v>
      </c>
      <c r="AG41100">
        <v>18</v>
      </c>
      <c r="AH41100">
        <v>18</v>
      </c>
      <c r="AI41100">
        <v>18</v>
      </c>
      <c r="AJ41100">
        <v>18</v>
      </c>
      <c r="AK41100">
        <v>18</v>
      </c>
      <c r="AL41100">
        <v>19</v>
      </c>
      <c r="AM41100">
        <v>19</v>
      </c>
      <c r="AN41100">
        <v>19</v>
      </c>
      <c r="AO41100">
        <v>19</v>
      </c>
      <c r="AP41100">
        <v>19</v>
      </c>
      <c r="AQ41100">
        <v>19</v>
      </c>
    </row>
    <row r="41101" spans="1:43">
      <c r="A41101" t="s">
        <v>25351</v>
      </c>
      <c r="B41101" t="s">
        <v>25352</v>
      </c>
      <c r="C41101" t="s">
        <v>3606</v>
      </c>
      <c r="D41101" t="s">
        <v>3607</v>
      </c>
      <c r="E41101" t="s">
        <v>3352</v>
      </c>
      <c r="F41101" t="s">
        <v>3353</v>
      </c>
      <c r="G41101" t="s">
        <v>80</v>
      </c>
      <c r="H41101" t="s">
        <v>81</v>
      </c>
      <c r="I41101" s="2">
        <v>0</v>
      </c>
      <c r="J41101" s="2">
        <v>1</v>
      </c>
      <c r="K41101" s="2">
        <v>0</v>
      </c>
      <c r="L41101" t="s">
        <v>82</v>
      </c>
      <c r="M41101" t="s">
        <v>83</v>
      </c>
      <c r="N41101" t="s">
        <v>91</v>
      </c>
      <c r="O41101" t="s">
        <v>85</v>
      </c>
      <c r="P41101" t="s">
        <v>86</v>
      </c>
      <c r="Q41101">
        <v>12</v>
      </c>
      <c r="R41101">
        <v>12</v>
      </c>
      <c r="S41101">
        <v>13</v>
      </c>
      <c r="T41101">
        <v>13</v>
      </c>
      <c r="U41101">
        <v>13</v>
      </c>
      <c r="V41101">
        <v>14</v>
      </c>
      <c r="W41101">
        <v>14</v>
      </c>
      <c r="X41101">
        <v>14</v>
      </c>
      <c r="Y41101">
        <v>15</v>
      </c>
      <c r="Z41101">
        <v>15</v>
      </c>
      <c r="AA41101">
        <v>15</v>
      </c>
      <c r="AB41101">
        <v>15</v>
      </c>
      <c r="AC41101">
        <v>16</v>
      </c>
      <c r="AD41101">
        <v>16</v>
      </c>
      <c r="AE41101">
        <v>16</v>
      </c>
      <c r="AF41101">
        <v>17</v>
      </c>
      <c r="AG41101">
        <v>17</v>
      </c>
      <c r="AH41101">
        <v>17</v>
      </c>
      <c r="AI41101">
        <v>18</v>
      </c>
      <c r="AJ41101">
        <v>18</v>
      </c>
      <c r="AK41101">
        <v>18</v>
      </c>
      <c r="AL41101">
        <v>18</v>
      </c>
      <c r="AM41101">
        <v>19</v>
      </c>
      <c r="AN41101">
        <v>19</v>
      </c>
      <c r="AO41101">
        <v>19</v>
      </c>
      <c r="AP41101">
        <v>19</v>
      </c>
      <c r="AQ41101">
        <v>19</v>
      </c>
    </row>
    <row r="41102" spans="1:43">
      <c r="A41102" t="s">
        <v>25353</v>
      </c>
      <c r="B41102" t="s">
        <v>25354</v>
      </c>
      <c r="C41102" t="s">
        <v>3606</v>
      </c>
      <c r="D41102" t="s">
        <v>3607</v>
      </c>
      <c r="E41102" t="s">
        <v>3352</v>
      </c>
      <c r="F41102" t="s">
        <v>3353</v>
      </c>
      <c r="G41102" t="s">
        <v>80</v>
      </c>
      <c r="H41102" t="s">
        <v>81</v>
      </c>
      <c r="I41102" s="2">
        <v>0</v>
      </c>
      <c r="J41102" s="2">
        <v>1</v>
      </c>
      <c r="K41102" s="2">
        <v>0</v>
      </c>
      <c r="L41102" t="s">
        <v>82</v>
      </c>
      <c r="M41102" t="s">
        <v>83</v>
      </c>
      <c r="N41102" t="s">
        <v>84</v>
      </c>
      <c r="O41102" t="s">
        <v>85</v>
      </c>
      <c r="P41102" t="s">
        <v>86</v>
      </c>
      <c r="Q41102">
        <v>46</v>
      </c>
      <c r="R41102">
        <v>47</v>
      </c>
      <c r="S41102">
        <v>48</v>
      </c>
      <c r="T41102">
        <v>49</v>
      </c>
      <c r="U41102">
        <v>50</v>
      </c>
      <c r="V41102">
        <v>52</v>
      </c>
      <c r="W41102">
        <v>53</v>
      </c>
      <c r="X41102">
        <v>54</v>
      </c>
      <c r="Y41102">
        <v>55</v>
      </c>
      <c r="Z41102">
        <v>56</v>
      </c>
      <c r="AA41102">
        <v>57</v>
      </c>
      <c r="AB41102">
        <v>59</v>
      </c>
      <c r="AC41102">
        <v>60</v>
      </c>
      <c r="AD41102">
        <v>61</v>
      </c>
      <c r="AE41102">
        <v>62</v>
      </c>
      <c r="AF41102">
        <v>63</v>
      </c>
      <c r="AG41102">
        <v>64</v>
      </c>
      <c r="AH41102">
        <v>66</v>
      </c>
      <c r="AI41102">
        <v>67</v>
      </c>
      <c r="AJ41102">
        <v>68</v>
      </c>
      <c r="AK41102">
        <v>69</v>
      </c>
      <c r="AL41102">
        <v>70</v>
      </c>
      <c r="AM41102">
        <v>71</v>
      </c>
      <c r="AN41102">
        <v>71</v>
      </c>
      <c r="AO41102">
        <v>72</v>
      </c>
      <c r="AP41102">
        <v>73</v>
      </c>
      <c r="AQ41102">
        <v>73</v>
      </c>
    </row>
    <row r="41103" spans="1:43">
      <c r="A41103" t="s">
        <v>25353</v>
      </c>
      <c r="B41103" t="s">
        <v>25354</v>
      </c>
      <c r="C41103" t="s">
        <v>3606</v>
      </c>
      <c r="D41103" t="s">
        <v>3607</v>
      </c>
      <c r="E41103" t="s">
        <v>3352</v>
      </c>
      <c r="F41103" t="s">
        <v>3353</v>
      </c>
      <c r="G41103" t="s">
        <v>80</v>
      </c>
      <c r="H41103" t="s">
        <v>81</v>
      </c>
      <c r="I41103" s="2">
        <v>0</v>
      </c>
      <c r="J41103" s="2">
        <v>1</v>
      </c>
      <c r="K41103" s="2">
        <v>0</v>
      </c>
      <c r="L41103" t="s">
        <v>82</v>
      </c>
      <c r="M41103" t="s">
        <v>87</v>
      </c>
      <c r="N41103" t="s">
        <v>88</v>
      </c>
      <c r="O41103" t="s">
        <v>85</v>
      </c>
      <c r="P41103" t="s">
        <v>86</v>
      </c>
      <c r="Q41103">
        <v>46</v>
      </c>
      <c r="R41103">
        <v>46</v>
      </c>
      <c r="S41103">
        <v>47</v>
      </c>
      <c r="T41103">
        <v>48</v>
      </c>
      <c r="U41103">
        <v>48</v>
      </c>
      <c r="V41103">
        <v>49</v>
      </c>
      <c r="W41103">
        <v>50</v>
      </c>
      <c r="X41103">
        <v>50</v>
      </c>
      <c r="Y41103">
        <v>51</v>
      </c>
      <c r="Z41103">
        <v>52</v>
      </c>
      <c r="AA41103">
        <v>52</v>
      </c>
      <c r="AB41103">
        <v>53</v>
      </c>
      <c r="AC41103">
        <v>54</v>
      </c>
      <c r="AD41103">
        <v>54</v>
      </c>
      <c r="AE41103">
        <v>55</v>
      </c>
      <c r="AF41103">
        <v>56</v>
      </c>
      <c r="AG41103">
        <v>57</v>
      </c>
      <c r="AH41103">
        <v>57</v>
      </c>
      <c r="AI41103">
        <v>58</v>
      </c>
      <c r="AJ41103">
        <v>59</v>
      </c>
      <c r="AK41103">
        <v>59</v>
      </c>
      <c r="AL41103">
        <v>60</v>
      </c>
      <c r="AM41103">
        <v>61</v>
      </c>
      <c r="AN41103">
        <v>62</v>
      </c>
      <c r="AO41103">
        <v>63</v>
      </c>
      <c r="AP41103">
        <v>63</v>
      </c>
      <c r="AQ41103">
        <v>64</v>
      </c>
    </row>
    <row r="41104" spans="1:43">
      <c r="A41104" t="s">
        <v>25353</v>
      </c>
      <c r="B41104" t="s">
        <v>25354</v>
      </c>
      <c r="C41104" t="s">
        <v>3606</v>
      </c>
      <c r="D41104" t="s">
        <v>3607</v>
      </c>
      <c r="E41104" t="s">
        <v>3352</v>
      </c>
      <c r="F41104" t="s">
        <v>3353</v>
      </c>
      <c r="G41104" t="s">
        <v>80</v>
      </c>
      <c r="H41104" t="s">
        <v>81</v>
      </c>
      <c r="I41104" s="2">
        <v>0</v>
      </c>
      <c r="J41104" s="2">
        <v>1</v>
      </c>
      <c r="K41104" s="2">
        <v>0</v>
      </c>
      <c r="L41104" t="s">
        <v>82</v>
      </c>
      <c r="M41104" t="s">
        <v>89</v>
      </c>
      <c r="N41104" t="s">
        <v>90</v>
      </c>
      <c r="O41104" t="s">
        <v>85</v>
      </c>
      <c r="P41104" t="s">
        <v>86</v>
      </c>
      <c r="Q41104">
        <v>46</v>
      </c>
      <c r="R41104">
        <v>48</v>
      </c>
      <c r="S41104">
        <v>49</v>
      </c>
      <c r="T41104">
        <v>51</v>
      </c>
      <c r="U41104">
        <v>52</v>
      </c>
      <c r="V41104">
        <v>54</v>
      </c>
      <c r="W41104">
        <v>55</v>
      </c>
      <c r="X41104">
        <v>57</v>
      </c>
      <c r="Y41104">
        <v>58</v>
      </c>
      <c r="Z41104">
        <v>60</v>
      </c>
      <c r="AA41104">
        <v>61</v>
      </c>
      <c r="AB41104">
        <v>62</v>
      </c>
      <c r="AC41104">
        <v>64</v>
      </c>
      <c r="AD41104">
        <v>65</v>
      </c>
      <c r="AE41104">
        <v>66</v>
      </c>
      <c r="AF41104">
        <v>67</v>
      </c>
      <c r="AG41104">
        <v>68</v>
      </c>
      <c r="AH41104">
        <v>68</v>
      </c>
      <c r="AI41104">
        <v>69</v>
      </c>
      <c r="AJ41104">
        <v>69</v>
      </c>
      <c r="AK41104">
        <v>70</v>
      </c>
      <c r="AL41104">
        <v>71</v>
      </c>
      <c r="AM41104">
        <v>71</v>
      </c>
      <c r="AN41104">
        <v>72</v>
      </c>
      <c r="AO41104">
        <v>72</v>
      </c>
      <c r="AP41104">
        <v>73</v>
      </c>
      <c r="AQ41104">
        <v>74</v>
      </c>
    </row>
    <row r="41105" spans="1:43">
      <c r="A41105" t="s">
        <v>25353</v>
      </c>
      <c r="B41105" t="s">
        <v>25354</v>
      </c>
      <c r="C41105" t="s">
        <v>3606</v>
      </c>
      <c r="D41105" t="s">
        <v>3607</v>
      </c>
      <c r="E41105" t="s">
        <v>3352</v>
      </c>
      <c r="F41105" t="s">
        <v>3353</v>
      </c>
      <c r="G41105" t="s">
        <v>80</v>
      </c>
      <c r="H41105" t="s">
        <v>81</v>
      </c>
      <c r="I41105" s="2">
        <v>0</v>
      </c>
      <c r="J41105" s="2">
        <v>1</v>
      </c>
      <c r="K41105" s="2">
        <v>0</v>
      </c>
      <c r="L41105" t="s">
        <v>82</v>
      </c>
      <c r="M41105" t="s">
        <v>83</v>
      </c>
      <c r="N41105" t="s">
        <v>91</v>
      </c>
      <c r="O41105" t="s">
        <v>85</v>
      </c>
      <c r="P41105" t="s">
        <v>86</v>
      </c>
      <c r="Q41105">
        <v>46</v>
      </c>
      <c r="R41105">
        <v>47</v>
      </c>
      <c r="S41105">
        <v>48</v>
      </c>
      <c r="T41105">
        <v>49</v>
      </c>
      <c r="U41105">
        <v>50</v>
      </c>
      <c r="V41105">
        <v>52</v>
      </c>
      <c r="W41105">
        <v>53</v>
      </c>
      <c r="X41105">
        <v>54</v>
      </c>
      <c r="Y41105">
        <v>55</v>
      </c>
      <c r="Z41105">
        <v>56</v>
      </c>
      <c r="AA41105">
        <v>57</v>
      </c>
      <c r="AB41105">
        <v>59</v>
      </c>
      <c r="AC41105">
        <v>60</v>
      </c>
      <c r="AD41105">
        <v>61</v>
      </c>
      <c r="AE41105">
        <v>62</v>
      </c>
      <c r="AF41105">
        <v>63</v>
      </c>
      <c r="AG41105">
        <v>64</v>
      </c>
      <c r="AH41105">
        <v>66</v>
      </c>
      <c r="AI41105">
        <v>67</v>
      </c>
      <c r="AJ41105">
        <v>68</v>
      </c>
      <c r="AK41105">
        <v>69</v>
      </c>
      <c r="AL41105">
        <v>70</v>
      </c>
      <c r="AM41105">
        <v>71</v>
      </c>
      <c r="AN41105">
        <v>71</v>
      </c>
      <c r="AO41105">
        <v>72</v>
      </c>
      <c r="AP41105">
        <v>73</v>
      </c>
      <c r="AQ41105">
        <v>73</v>
      </c>
    </row>
    <row r="41106" spans="1:43">
      <c r="A41106" t="s">
        <v>25355</v>
      </c>
      <c r="B41106" t="s">
        <v>25356</v>
      </c>
      <c r="C41106" t="s">
        <v>3486</v>
      </c>
      <c r="D41106" t="s">
        <v>3487</v>
      </c>
      <c r="E41106" t="s">
        <v>3352</v>
      </c>
      <c r="F41106" t="s">
        <v>3353</v>
      </c>
      <c r="G41106" t="s">
        <v>80</v>
      </c>
      <c r="H41106" t="s">
        <v>81</v>
      </c>
      <c r="I41106" s="2">
        <v>0</v>
      </c>
      <c r="J41106" s="2">
        <v>1</v>
      </c>
      <c r="K41106" s="2">
        <v>0</v>
      </c>
      <c r="L41106" t="s">
        <v>82</v>
      </c>
      <c r="M41106" t="s">
        <v>83</v>
      </c>
      <c r="N41106" t="s">
        <v>84</v>
      </c>
      <c r="O41106" t="s">
        <v>85</v>
      </c>
      <c r="P41106" t="s">
        <v>86</v>
      </c>
      <c r="Q41106">
        <v>5</v>
      </c>
      <c r="R41106">
        <v>5</v>
      </c>
      <c r="S41106">
        <v>5</v>
      </c>
      <c r="T41106">
        <v>5</v>
      </c>
      <c r="U41106">
        <v>5</v>
      </c>
      <c r="V41106">
        <v>5</v>
      </c>
      <c r="W41106">
        <v>5</v>
      </c>
      <c r="X41106">
        <v>6</v>
      </c>
      <c r="Y41106">
        <v>6</v>
      </c>
      <c r="Z41106">
        <v>6</v>
      </c>
      <c r="AA41106">
        <v>6</v>
      </c>
      <c r="AB41106">
        <v>6</v>
      </c>
      <c r="AC41106">
        <v>6</v>
      </c>
      <c r="AD41106">
        <v>6</v>
      </c>
      <c r="AE41106">
        <v>6</v>
      </c>
      <c r="AF41106">
        <v>7</v>
      </c>
      <c r="AG41106">
        <v>7</v>
      </c>
      <c r="AH41106">
        <v>7</v>
      </c>
      <c r="AI41106">
        <v>7</v>
      </c>
      <c r="AJ41106">
        <v>7</v>
      </c>
      <c r="AK41106">
        <v>7</v>
      </c>
      <c r="AL41106">
        <v>7</v>
      </c>
      <c r="AM41106">
        <v>7</v>
      </c>
      <c r="AN41106">
        <v>7</v>
      </c>
      <c r="AO41106">
        <v>7</v>
      </c>
      <c r="AP41106">
        <v>8</v>
      </c>
      <c r="AQ41106">
        <v>8</v>
      </c>
    </row>
    <row r="41107" spans="1:43">
      <c r="A41107" t="s">
        <v>25355</v>
      </c>
      <c r="B41107" t="s">
        <v>25356</v>
      </c>
      <c r="C41107" t="s">
        <v>3486</v>
      </c>
      <c r="D41107" t="s">
        <v>3487</v>
      </c>
      <c r="E41107" t="s">
        <v>3352</v>
      </c>
      <c r="F41107" t="s">
        <v>3353</v>
      </c>
      <c r="G41107" t="s">
        <v>80</v>
      </c>
      <c r="H41107" t="s">
        <v>81</v>
      </c>
      <c r="I41107" s="2">
        <v>0</v>
      </c>
      <c r="J41107" s="2">
        <v>1</v>
      </c>
      <c r="K41107" s="2">
        <v>0</v>
      </c>
      <c r="L41107" t="s">
        <v>82</v>
      </c>
      <c r="M41107" t="s">
        <v>87</v>
      </c>
      <c r="N41107" t="s">
        <v>88</v>
      </c>
      <c r="O41107" t="s">
        <v>85</v>
      </c>
      <c r="P41107" t="s">
        <v>86</v>
      </c>
      <c r="Q41107">
        <v>5</v>
      </c>
      <c r="R41107">
        <v>5</v>
      </c>
      <c r="S41107">
        <v>5</v>
      </c>
      <c r="T41107">
        <v>5</v>
      </c>
      <c r="U41107">
        <v>5</v>
      </c>
      <c r="V41107">
        <v>5</v>
      </c>
      <c r="W41107">
        <v>5</v>
      </c>
      <c r="X41107">
        <v>5</v>
      </c>
      <c r="Y41107">
        <v>5</v>
      </c>
      <c r="Z41107">
        <v>5</v>
      </c>
      <c r="AA41107">
        <v>5</v>
      </c>
      <c r="AB41107">
        <v>6</v>
      </c>
      <c r="AC41107">
        <v>6</v>
      </c>
      <c r="AD41107">
        <v>6</v>
      </c>
      <c r="AE41107">
        <v>6</v>
      </c>
      <c r="AF41107">
        <v>6</v>
      </c>
      <c r="AG41107">
        <v>6</v>
      </c>
      <c r="AH41107">
        <v>6</v>
      </c>
      <c r="AI41107">
        <v>6</v>
      </c>
      <c r="AJ41107">
        <v>6</v>
      </c>
      <c r="AK41107">
        <v>6</v>
      </c>
      <c r="AL41107">
        <v>6</v>
      </c>
      <c r="AM41107">
        <v>6</v>
      </c>
      <c r="AN41107">
        <v>6</v>
      </c>
      <c r="AO41107">
        <v>7</v>
      </c>
      <c r="AP41107">
        <v>7</v>
      </c>
      <c r="AQ41107">
        <v>7</v>
      </c>
    </row>
    <row r="41108" spans="1:43">
      <c r="A41108" t="s">
        <v>25355</v>
      </c>
      <c r="B41108" t="s">
        <v>25356</v>
      </c>
      <c r="C41108" t="s">
        <v>3486</v>
      </c>
      <c r="D41108" t="s">
        <v>3487</v>
      </c>
      <c r="E41108" t="s">
        <v>3352</v>
      </c>
      <c r="F41108" t="s">
        <v>3353</v>
      </c>
      <c r="G41108" t="s">
        <v>80</v>
      </c>
      <c r="H41108" t="s">
        <v>81</v>
      </c>
      <c r="I41108" s="2">
        <v>0</v>
      </c>
      <c r="J41108" s="2">
        <v>1</v>
      </c>
      <c r="K41108" s="2">
        <v>0</v>
      </c>
      <c r="L41108" t="s">
        <v>82</v>
      </c>
      <c r="M41108" t="s">
        <v>89</v>
      </c>
      <c r="N41108" t="s">
        <v>90</v>
      </c>
      <c r="O41108" t="s">
        <v>85</v>
      </c>
      <c r="P41108" t="s">
        <v>86</v>
      </c>
      <c r="Q41108">
        <v>5</v>
      </c>
      <c r="R41108">
        <v>5</v>
      </c>
      <c r="S41108">
        <v>5</v>
      </c>
      <c r="T41108">
        <v>5</v>
      </c>
      <c r="U41108">
        <v>5</v>
      </c>
      <c r="V41108">
        <v>6</v>
      </c>
      <c r="W41108">
        <v>6</v>
      </c>
      <c r="X41108">
        <v>6</v>
      </c>
      <c r="Y41108">
        <v>6</v>
      </c>
      <c r="Z41108">
        <v>6</v>
      </c>
      <c r="AA41108">
        <v>6</v>
      </c>
      <c r="AB41108">
        <v>6</v>
      </c>
      <c r="AC41108">
        <v>7</v>
      </c>
      <c r="AD41108">
        <v>7</v>
      </c>
      <c r="AE41108">
        <v>7</v>
      </c>
      <c r="AF41108">
        <v>7</v>
      </c>
      <c r="AG41108">
        <v>7</v>
      </c>
      <c r="AH41108">
        <v>7</v>
      </c>
      <c r="AI41108">
        <v>7</v>
      </c>
      <c r="AJ41108">
        <v>7</v>
      </c>
      <c r="AK41108">
        <v>7</v>
      </c>
      <c r="AL41108">
        <v>7</v>
      </c>
      <c r="AM41108">
        <v>7</v>
      </c>
      <c r="AN41108">
        <v>7</v>
      </c>
      <c r="AO41108">
        <v>8</v>
      </c>
      <c r="AP41108">
        <v>8</v>
      </c>
      <c r="AQ41108">
        <v>8</v>
      </c>
    </row>
    <row r="41109" spans="1:43">
      <c r="A41109" t="s">
        <v>25355</v>
      </c>
      <c r="B41109" t="s">
        <v>25356</v>
      </c>
      <c r="C41109" t="s">
        <v>3486</v>
      </c>
      <c r="D41109" t="s">
        <v>3487</v>
      </c>
      <c r="E41109" t="s">
        <v>3352</v>
      </c>
      <c r="F41109" t="s">
        <v>3353</v>
      </c>
      <c r="G41109" t="s">
        <v>80</v>
      </c>
      <c r="H41109" t="s">
        <v>81</v>
      </c>
      <c r="I41109" s="2">
        <v>0</v>
      </c>
      <c r="J41109" s="2">
        <v>1</v>
      </c>
      <c r="K41109" s="2">
        <v>0</v>
      </c>
      <c r="L41109" t="s">
        <v>82</v>
      </c>
      <c r="M41109" t="s">
        <v>83</v>
      </c>
      <c r="N41109" t="s">
        <v>91</v>
      </c>
      <c r="O41109" t="s">
        <v>85</v>
      </c>
      <c r="P41109" t="s">
        <v>86</v>
      </c>
      <c r="Q41109">
        <v>5</v>
      </c>
      <c r="R41109">
        <v>5</v>
      </c>
      <c r="S41109">
        <v>5</v>
      </c>
      <c r="T41109">
        <v>5</v>
      </c>
      <c r="U41109">
        <v>5</v>
      </c>
      <c r="V41109">
        <v>5</v>
      </c>
      <c r="W41109">
        <v>5</v>
      </c>
      <c r="X41109">
        <v>6</v>
      </c>
      <c r="Y41109">
        <v>6</v>
      </c>
      <c r="Z41109">
        <v>6</v>
      </c>
      <c r="AA41109">
        <v>6</v>
      </c>
      <c r="AB41109">
        <v>6</v>
      </c>
      <c r="AC41109">
        <v>6</v>
      </c>
      <c r="AD41109">
        <v>6</v>
      </c>
      <c r="AE41109">
        <v>6</v>
      </c>
      <c r="AF41109">
        <v>7</v>
      </c>
      <c r="AG41109">
        <v>7</v>
      </c>
      <c r="AH41109">
        <v>7</v>
      </c>
      <c r="AI41109">
        <v>7</v>
      </c>
      <c r="AJ41109">
        <v>7</v>
      </c>
      <c r="AK41109">
        <v>7</v>
      </c>
      <c r="AL41109">
        <v>7</v>
      </c>
      <c r="AM41109">
        <v>7</v>
      </c>
      <c r="AN41109">
        <v>7</v>
      </c>
      <c r="AO41109">
        <v>7</v>
      </c>
      <c r="AP41109">
        <v>8</v>
      </c>
      <c r="AQ41109">
        <v>8</v>
      </c>
    </row>
    <row r="41110" spans="1:43">
      <c r="A41110" t="s">
        <v>25357</v>
      </c>
      <c r="B41110" t="s">
        <v>25358</v>
      </c>
      <c r="C41110" t="s">
        <v>3606</v>
      </c>
      <c r="D41110" t="s">
        <v>3607</v>
      </c>
      <c r="E41110" t="s">
        <v>3352</v>
      </c>
      <c r="F41110" t="s">
        <v>3353</v>
      </c>
      <c r="G41110" t="s">
        <v>80</v>
      </c>
      <c r="H41110" t="s">
        <v>81</v>
      </c>
      <c r="I41110" s="2">
        <v>0</v>
      </c>
      <c r="J41110" s="2">
        <v>1</v>
      </c>
      <c r="K41110" s="2">
        <v>0</v>
      </c>
      <c r="L41110" t="s">
        <v>82</v>
      </c>
      <c r="M41110" t="s">
        <v>83</v>
      </c>
      <c r="N41110" t="s">
        <v>84</v>
      </c>
      <c r="O41110" t="s">
        <v>85</v>
      </c>
      <c r="P41110" t="s">
        <v>86</v>
      </c>
      <c r="Q41110">
        <v>25</v>
      </c>
      <c r="R41110">
        <v>25</v>
      </c>
      <c r="S41110">
        <v>26</v>
      </c>
      <c r="T41110">
        <v>26</v>
      </c>
      <c r="U41110">
        <v>27</v>
      </c>
      <c r="V41110">
        <v>28</v>
      </c>
      <c r="W41110">
        <v>28</v>
      </c>
      <c r="X41110">
        <v>29</v>
      </c>
      <c r="Y41110">
        <v>30</v>
      </c>
      <c r="Z41110">
        <v>30</v>
      </c>
      <c r="AA41110">
        <v>31</v>
      </c>
      <c r="AB41110">
        <v>31</v>
      </c>
      <c r="AC41110">
        <v>32</v>
      </c>
      <c r="AD41110">
        <v>33</v>
      </c>
      <c r="AE41110">
        <v>33</v>
      </c>
      <c r="AF41110">
        <v>34</v>
      </c>
      <c r="AG41110">
        <v>35</v>
      </c>
      <c r="AH41110">
        <v>35</v>
      </c>
      <c r="AI41110">
        <v>36</v>
      </c>
      <c r="AJ41110">
        <v>37</v>
      </c>
      <c r="AK41110">
        <v>37</v>
      </c>
      <c r="AL41110">
        <v>38</v>
      </c>
      <c r="AM41110">
        <v>38</v>
      </c>
      <c r="AN41110">
        <v>38</v>
      </c>
      <c r="AO41110">
        <v>39</v>
      </c>
      <c r="AP41110">
        <v>39</v>
      </c>
      <c r="AQ41110">
        <v>39</v>
      </c>
    </row>
    <row r="41111" spans="1:43">
      <c r="A41111" t="s">
        <v>25357</v>
      </c>
      <c r="B41111" t="s">
        <v>25358</v>
      </c>
      <c r="C41111" t="s">
        <v>3606</v>
      </c>
      <c r="D41111" t="s">
        <v>3607</v>
      </c>
      <c r="E41111" t="s">
        <v>3352</v>
      </c>
      <c r="F41111" t="s">
        <v>3353</v>
      </c>
      <c r="G41111" t="s">
        <v>80</v>
      </c>
      <c r="H41111" t="s">
        <v>81</v>
      </c>
      <c r="I41111" s="2">
        <v>0</v>
      </c>
      <c r="J41111" s="2">
        <v>1</v>
      </c>
      <c r="K41111" s="2">
        <v>0</v>
      </c>
      <c r="L41111" t="s">
        <v>82</v>
      </c>
      <c r="M41111" t="s">
        <v>87</v>
      </c>
      <c r="N41111" t="s">
        <v>88</v>
      </c>
      <c r="O41111" t="s">
        <v>85</v>
      </c>
      <c r="P41111" t="s">
        <v>86</v>
      </c>
      <c r="Q41111">
        <v>25</v>
      </c>
      <c r="R41111">
        <v>26</v>
      </c>
      <c r="S41111">
        <v>26</v>
      </c>
      <c r="T41111">
        <v>27</v>
      </c>
      <c r="U41111">
        <v>27</v>
      </c>
      <c r="V41111">
        <v>27</v>
      </c>
      <c r="W41111">
        <v>28</v>
      </c>
      <c r="X41111">
        <v>28</v>
      </c>
      <c r="Y41111">
        <v>28</v>
      </c>
      <c r="Z41111">
        <v>29</v>
      </c>
      <c r="AA41111">
        <v>29</v>
      </c>
      <c r="AB41111">
        <v>29</v>
      </c>
      <c r="AC41111">
        <v>30</v>
      </c>
      <c r="AD41111">
        <v>30</v>
      </c>
      <c r="AE41111">
        <v>31</v>
      </c>
      <c r="AF41111">
        <v>31</v>
      </c>
      <c r="AG41111">
        <v>31</v>
      </c>
      <c r="AH41111">
        <v>32</v>
      </c>
      <c r="AI41111">
        <v>32</v>
      </c>
      <c r="AJ41111">
        <v>33</v>
      </c>
      <c r="AK41111">
        <v>33</v>
      </c>
      <c r="AL41111">
        <v>33</v>
      </c>
      <c r="AM41111">
        <v>34</v>
      </c>
      <c r="AN41111">
        <v>34</v>
      </c>
      <c r="AO41111">
        <v>35</v>
      </c>
      <c r="AP41111">
        <v>35</v>
      </c>
      <c r="AQ41111">
        <v>35</v>
      </c>
    </row>
    <row r="41112" spans="1:43">
      <c r="A41112" t="s">
        <v>25357</v>
      </c>
      <c r="B41112" t="s">
        <v>25358</v>
      </c>
      <c r="C41112" t="s">
        <v>3606</v>
      </c>
      <c r="D41112" t="s">
        <v>3607</v>
      </c>
      <c r="E41112" t="s">
        <v>3352</v>
      </c>
      <c r="F41112" t="s">
        <v>3353</v>
      </c>
      <c r="G41112" t="s">
        <v>80</v>
      </c>
      <c r="H41112" t="s">
        <v>81</v>
      </c>
      <c r="I41112" s="2">
        <v>0</v>
      </c>
      <c r="J41112" s="2">
        <v>1</v>
      </c>
      <c r="K41112" s="2">
        <v>0</v>
      </c>
      <c r="L41112" t="s">
        <v>82</v>
      </c>
      <c r="M41112" t="s">
        <v>89</v>
      </c>
      <c r="N41112" t="s">
        <v>90</v>
      </c>
      <c r="O41112" t="s">
        <v>85</v>
      </c>
      <c r="P41112" t="s">
        <v>86</v>
      </c>
      <c r="Q41112">
        <v>25</v>
      </c>
      <c r="R41112">
        <v>26</v>
      </c>
      <c r="S41112">
        <v>27</v>
      </c>
      <c r="T41112">
        <v>27</v>
      </c>
      <c r="U41112">
        <v>28</v>
      </c>
      <c r="V41112">
        <v>29</v>
      </c>
      <c r="W41112">
        <v>30</v>
      </c>
      <c r="X41112">
        <v>31</v>
      </c>
      <c r="Y41112">
        <v>31</v>
      </c>
      <c r="Z41112">
        <v>32</v>
      </c>
      <c r="AA41112">
        <v>33</v>
      </c>
      <c r="AB41112">
        <v>33</v>
      </c>
      <c r="AC41112">
        <v>34</v>
      </c>
      <c r="AD41112">
        <v>35</v>
      </c>
      <c r="AE41112">
        <v>36</v>
      </c>
      <c r="AF41112">
        <v>36</v>
      </c>
      <c r="AG41112">
        <v>36</v>
      </c>
      <c r="AH41112">
        <v>37</v>
      </c>
      <c r="AI41112">
        <v>37</v>
      </c>
      <c r="AJ41112">
        <v>37</v>
      </c>
      <c r="AK41112">
        <v>38</v>
      </c>
      <c r="AL41112">
        <v>38</v>
      </c>
      <c r="AM41112">
        <v>38</v>
      </c>
      <c r="AN41112">
        <v>39</v>
      </c>
      <c r="AO41112">
        <v>39</v>
      </c>
      <c r="AP41112">
        <v>39</v>
      </c>
      <c r="AQ41112">
        <v>39</v>
      </c>
    </row>
    <row r="41113" spans="1:43">
      <c r="A41113" t="s">
        <v>25357</v>
      </c>
      <c r="B41113" t="s">
        <v>25358</v>
      </c>
      <c r="C41113" t="s">
        <v>3606</v>
      </c>
      <c r="D41113" t="s">
        <v>3607</v>
      </c>
      <c r="E41113" t="s">
        <v>3352</v>
      </c>
      <c r="F41113" t="s">
        <v>3353</v>
      </c>
      <c r="G41113" t="s">
        <v>80</v>
      </c>
      <c r="H41113" t="s">
        <v>81</v>
      </c>
      <c r="I41113" s="2">
        <v>0</v>
      </c>
      <c r="J41113" s="2">
        <v>1</v>
      </c>
      <c r="K41113" s="2">
        <v>0</v>
      </c>
      <c r="L41113" t="s">
        <v>82</v>
      </c>
      <c r="M41113" t="s">
        <v>83</v>
      </c>
      <c r="N41113" t="s">
        <v>91</v>
      </c>
      <c r="O41113" t="s">
        <v>85</v>
      </c>
      <c r="P41113" t="s">
        <v>86</v>
      </c>
      <c r="Q41113">
        <v>25</v>
      </c>
      <c r="R41113">
        <v>25</v>
      </c>
      <c r="S41113">
        <v>26</v>
      </c>
      <c r="T41113">
        <v>26</v>
      </c>
      <c r="U41113">
        <v>27</v>
      </c>
      <c r="V41113">
        <v>28</v>
      </c>
      <c r="W41113">
        <v>28</v>
      </c>
      <c r="X41113">
        <v>29</v>
      </c>
      <c r="Y41113">
        <v>30</v>
      </c>
      <c r="Z41113">
        <v>30</v>
      </c>
      <c r="AA41113">
        <v>31</v>
      </c>
      <c r="AB41113">
        <v>31</v>
      </c>
      <c r="AC41113">
        <v>32</v>
      </c>
      <c r="AD41113">
        <v>33</v>
      </c>
      <c r="AE41113">
        <v>33</v>
      </c>
      <c r="AF41113">
        <v>34</v>
      </c>
      <c r="AG41113">
        <v>35</v>
      </c>
      <c r="AH41113">
        <v>35</v>
      </c>
      <c r="AI41113">
        <v>36</v>
      </c>
      <c r="AJ41113">
        <v>37</v>
      </c>
      <c r="AK41113">
        <v>37</v>
      </c>
      <c r="AL41113">
        <v>38</v>
      </c>
      <c r="AM41113">
        <v>38</v>
      </c>
      <c r="AN41113">
        <v>38</v>
      </c>
      <c r="AO41113">
        <v>39</v>
      </c>
      <c r="AP41113">
        <v>39</v>
      </c>
      <c r="AQ41113">
        <v>39</v>
      </c>
    </row>
    <row r="41114" spans="1:43">
      <c r="A41114" t="s">
        <v>25359</v>
      </c>
      <c r="B41114" t="s">
        <v>25360</v>
      </c>
      <c r="C41114" t="s">
        <v>3486</v>
      </c>
      <c r="D41114" t="s">
        <v>3487</v>
      </c>
      <c r="E41114" t="s">
        <v>3352</v>
      </c>
      <c r="F41114" t="s">
        <v>3353</v>
      </c>
      <c r="G41114" t="s">
        <v>80</v>
      </c>
      <c r="H41114" t="s">
        <v>81</v>
      </c>
      <c r="I41114" s="2">
        <v>0</v>
      </c>
      <c r="J41114" s="2">
        <v>1</v>
      </c>
      <c r="K41114" s="2">
        <v>0</v>
      </c>
      <c r="L41114" t="s">
        <v>82</v>
      </c>
      <c r="M41114" t="s">
        <v>83</v>
      </c>
      <c r="N41114" t="s">
        <v>84</v>
      </c>
      <c r="O41114" t="s">
        <v>85</v>
      </c>
      <c r="P41114" t="s">
        <v>86</v>
      </c>
      <c r="Q41114">
        <v>25</v>
      </c>
      <c r="R41114">
        <v>26</v>
      </c>
      <c r="S41114">
        <v>26</v>
      </c>
      <c r="T41114">
        <v>27</v>
      </c>
      <c r="U41114">
        <v>28</v>
      </c>
      <c r="V41114">
        <v>28</v>
      </c>
      <c r="W41114">
        <v>29</v>
      </c>
      <c r="X41114">
        <v>30</v>
      </c>
      <c r="Y41114">
        <v>30</v>
      </c>
      <c r="Z41114">
        <v>31</v>
      </c>
      <c r="AA41114">
        <v>31</v>
      </c>
      <c r="AB41114">
        <v>32</v>
      </c>
      <c r="AC41114">
        <v>33</v>
      </c>
      <c r="AD41114">
        <v>33</v>
      </c>
      <c r="AE41114">
        <v>34</v>
      </c>
      <c r="AF41114">
        <v>35</v>
      </c>
      <c r="AG41114">
        <v>35</v>
      </c>
      <c r="AH41114">
        <v>36</v>
      </c>
      <c r="AI41114">
        <v>37</v>
      </c>
      <c r="AJ41114">
        <v>37</v>
      </c>
      <c r="AK41114">
        <v>38</v>
      </c>
      <c r="AL41114">
        <v>38</v>
      </c>
      <c r="AM41114">
        <v>39</v>
      </c>
      <c r="AN41114">
        <v>39</v>
      </c>
      <c r="AO41114">
        <v>39</v>
      </c>
      <c r="AP41114">
        <v>40</v>
      </c>
      <c r="AQ41114">
        <v>40</v>
      </c>
    </row>
    <row r="41115" spans="1:43">
      <c r="A41115" t="s">
        <v>25359</v>
      </c>
      <c r="B41115" t="s">
        <v>25360</v>
      </c>
      <c r="C41115" t="s">
        <v>3486</v>
      </c>
      <c r="D41115" t="s">
        <v>3487</v>
      </c>
      <c r="E41115" t="s">
        <v>3352</v>
      </c>
      <c r="F41115" t="s">
        <v>3353</v>
      </c>
      <c r="G41115" t="s">
        <v>80</v>
      </c>
      <c r="H41115" t="s">
        <v>81</v>
      </c>
      <c r="I41115" s="2">
        <v>0</v>
      </c>
      <c r="J41115" s="2">
        <v>1</v>
      </c>
      <c r="K41115" s="2">
        <v>0</v>
      </c>
      <c r="L41115" t="s">
        <v>82</v>
      </c>
      <c r="M41115" t="s">
        <v>87</v>
      </c>
      <c r="N41115" t="s">
        <v>88</v>
      </c>
      <c r="O41115" t="s">
        <v>85</v>
      </c>
      <c r="P41115" t="s">
        <v>86</v>
      </c>
      <c r="Q41115">
        <v>25</v>
      </c>
      <c r="R41115">
        <v>25</v>
      </c>
      <c r="S41115">
        <v>26</v>
      </c>
      <c r="T41115">
        <v>26</v>
      </c>
      <c r="U41115">
        <v>26</v>
      </c>
      <c r="V41115">
        <v>27</v>
      </c>
      <c r="W41115">
        <v>27</v>
      </c>
      <c r="X41115">
        <v>28</v>
      </c>
      <c r="Y41115">
        <v>28</v>
      </c>
      <c r="Z41115">
        <v>28</v>
      </c>
      <c r="AA41115">
        <v>29</v>
      </c>
      <c r="AB41115">
        <v>29</v>
      </c>
      <c r="AC41115">
        <v>29</v>
      </c>
      <c r="AD41115">
        <v>30</v>
      </c>
      <c r="AE41115">
        <v>30</v>
      </c>
      <c r="AF41115">
        <v>31</v>
      </c>
      <c r="AG41115">
        <v>31</v>
      </c>
      <c r="AH41115">
        <v>31</v>
      </c>
      <c r="AI41115">
        <v>32</v>
      </c>
      <c r="AJ41115">
        <v>32</v>
      </c>
      <c r="AK41115">
        <v>33</v>
      </c>
      <c r="AL41115">
        <v>33</v>
      </c>
      <c r="AM41115">
        <v>33</v>
      </c>
      <c r="AN41115">
        <v>34</v>
      </c>
      <c r="AO41115">
        <v>34</v>
      </c>
      <c r="AP41115">
        <v>35</v>
      </c>
      <c r="AQ41115">
        <v>35</v>
      </c>
    </row>
    <row r="41116" spans="1:43">
      <c r="A41116" t="s">
        <v>25359</v>
      </c>
      <c r="B41116" t="s">
        <v>25360</v>
      </c>
      <c r="C41116" t="s">
        <v>3486</v>
      </c>
      <c r="D41116" t="s">
        <v>3487</v>
      </c>
      <c r="E41116" t="s">
        <v>3352</v>
      </c>
      <c r="F41116" t="s">
        <v>3353</v>
      </c>
      <c r="G41116" t="s">
        <v>80</v>
      </c>
      <c r="H41116" t="s">
        <v>81</v>
      </c>
      <c r="I41116" s="2">
        <v>0</v>
      </c>
      <c r="J41116" s="2">
        <v>1</v>
      </c>
      <c r="K41116" s="2">
        <v>0</v>
      </c>
      <c r="L41116" t="s">
        <v>82</v>
      </c>
      <c r="M41116" t="s">
        <v>89</v>
      </c>
      <c r="N41116" t="s">
        <v>90</v>
      </c>
      <c r="O41116" t="s">
        <v>85</v>
      </c>
      <c r="P41116" t="s">
        <v>86</v>
      </c>
      <c r="Q41116">
        <v>25</v>
      </c>
      <c r="R41116">
        <v>26</v>
      </c>
      <c r="S41116">
        <v>27</v>
      </c>
      <c r="T41116">
        <v>28</v>
      </c>
      <c r="U41116">
        <v>29</v>
      </c>
      <c r="V41116">
        <v>30</v>
      </c>
      <c r="W41116">
        <v>30</v>
      </c>
      <c r="X41116">
        <v>31</v>
      </c>
      <c r="Y41116">
        <v>32</v>
      </c>
      <c r="Z41116">
        <v>33</v>
      </c>
      <c r="AA41116">
        <v>33</v>
      </c>
      <c r="AB41116">
        <v>34</v>
      </c>
      <c r="AC41116">
        <v>35</v>
      </c>
      <c r="AD41116">
        <v>36</v>
      </c>
      <c r="AE41116">
        <v>36</v>
      </c>
      <c r="AF41116">
        <v>37</v>
      </c>
      <c r="AG41116">
        <v>37</v>
      </c>
      <c r="AH41116">
        <v>37</v>
      </c>
      <c r="AI41116">
        <v>38</v>
      </c>
      <c r="AJ41116">
        <v>38</v>
      </c>
      <c r="AK41116">
        <v>38</v>
      </c>
      <c r="AL41116">
        <v>39</v>
      </c>
      <c r="AM41116">
        <v>39</v>
      </c>
      <c r="AN41116">
        <v>39</v>
      </c>
      <c r="AO41116">
        <v>40</v>
      </c>
      <c r="AP41116">
        <v>40</v>
      </c>
      <c r="AQ41116">
        <v>40</v>
      </c>
    </row>
    <row r="41117" spans="1:43">
      <c r="A41117" t="s">
        <v>25359</v>
      </c>
      <c r="B41117" t="s">
        <v>25360</v>
      </c>
      <c r="C41117" t="s">
        <v>3486</v>
      </c>
      <c r="D41117" t="s">
        <v>3487</v>
      </c>
      <c r="E41117" t="s">
        <v>3352</v>
      </c>
      <c r="F41117" t="s">
        <v>3353</v>
      </c>
      <c r="G41117" t="s">
        <v>80</v>
      </c>
      <c r="H41117" t="s">
        <v>81</v>
      </c>
      <c r="I41117" s="2">
        <v>0</v>
      </c>
      <c r="J41117" s="2">
        <v>1</v>
      </c>
      <c r="K41117" s="2">
        <v>0</v>
      </c>
      <c r="L41117" t="s">
        <v>82</v>
      </c>
      <c r="M41117" t="s">
        <v>83</v>
      </c>
      <c r="N41117" t="s">
        <v>91</v>
      </c>
      <c r="O41117" t="s">
        <v>85</v>
      </c>
      <c r="P41117" t="s">
        <v>86</v>
      </c>
      <c r="Q41117">
        <v>25</v>
      </c>
      <c r="R41117">
        <v>26</v>
      </c>
      <c r="S41117">
        <v>26</v>
      </c>
      <c r="T41117">
        <v>27</v>
      </c>
      <c r="U41117">
        <v>28</v>
      </c>
      <c r="V41117">
        <v>28</v>
      </c>
      <c r="W41117">
        <v>29</v>
      </c>
      <c r="X41117">
        <v>30</v>
      </c>
      <c r="Y41117">
        <v>30</v>
      </c>
      <c r="Z41117">
        <v>31</v>
      </c>
      <c r="AA41117">
        <v>31</v>
      </c>
      <c r="AB41117">
        <v>32</v>
      </c>
      <c r="AC41117">
        <v>33</v>
      </c>
      <c r="AD41117">
        <v>33</v>
      </c>
      <c r="AE41117">
        <v>34</v>
      </c>
      <c r="AF41117">
        <v>35</v>
      </c>
      <c r="AG41117">
        <v>35</v>
      </c>
      <c r="AH41117">
        <v>36</v>
      </c>
      <c r="AI41117">
        <v>37</v>
      </c>
      <c r="AJ41117">
        <v>37</v>
      </c>
      <c r="AK41117">
        <v>38</v>
      </c>
      <c r="AL41117">
        <v>38</v>
      </c>
      <c r="AM41117">
        <v>39</v>
      </c>
      <c r="AN41117">
        <v>39</v>
      </c>
      <c r="AO41117">
        <v>39</v>
      </c>
      <c r="AP41117">
        <v>40</v>
      </c>
      <c r="AQ41117">
        <v>40</v>
      </c>
    </row>
    <row r="41118" spans="1:43">
      <c r="A41118" t="s">
        <v>25361</v>
      </c>
      <c r="B41118" t="s">
        <v>25362</v>
      </c>
      <c r="C41118" t="s">
        <v>3606</v>
      </c>
      <c r="D41118" t="s">
        <v>3607</v>
      </c>
      <c r="E41118" t="s">
        <v>3352</v>
      </c>
      <c r="F41118" t="s">
        <v>3353</v>
      </c>
      <c r="G41118" t="s">
        <v>80</v>
      </c>
      <c r="H41118" t="s">
        <v>81</v>
      </c>
      <c r="I41118" s="2">
        <v>0</v>
      </c>
      <c r="J41118" s="2">
        <v>1</v>
      </c>
      <c r="K41118" s="2">
        <v>0</v>
      </c>
      <c r="L41118" t="s">
        <v>82</v>
      </c>
      <c r="M41118" t="s">
        <v>83</v>
      </c>
      <c r="N41118" t="s">
        <v>84</v>
      </c>
      <c r="O41118" t="s">
        <v>85</v>
      </c>
      <c r="P41118" t="s">
        <v>86</v>
      </c>
      <c r="Q41118">
        <v>30</v>
      </c>
      <c r="R41118">
        <v>30</v>
      </c>
      <c r="S41118">
        <v>31</v>
      </c>
      <c r="T41118">
        <v>32</v>
      </c>
      <c r="U41118">
        <v>33</v>
      </c>
      <c r="V41118">
        <v>33</v>
      </c>
      <c r="W41118">
        <v>34</v>
      </c>
      <c r="X41118">
        <v>35</v>
      </c>
      <c r="Y41118">
        <v>36</v>
      </c>
      <c r="Z41118">
        <v>36</v>
      </c>
      <c r="AA41118">
        <v>37</v>
      </c>
      <c r="AB41118">
        <v>38</v>
      </c>
      <c r="AC41118">
        <v>39</v>
      </c>
      <c r="AD41118">
        <v>39</v>
      </c>
      <c r="AE41118">
        <v>40</v>
      </c>
      <c r="AF41118">
        <v>41</v>
      </c>
      <c r="AG41118">
        <v>42</v>
      </c>
      <c r="AH41118">
        <v>42</v>
      </c>
      <c r="AI41118">
        <v>43</v>
      </c>
      <c r="AJ41118">
        <v>44</v>
      </c>
      <c r="AK41118">
        <v>45</v>
      </c>
      <c r="AL41118">
        <v>45</v>
      </c>
      <c r="AM41118">
        <v>46</v>
      </c>
      <c r="AN41118">
        <v>46</v>
      </c>
      <c r="AO41118">
        <v>46</v>
      </c>
      <c r="AP41118">
        <v>47</v>
      </c>
      <c r="AQ41118">
        <v>47</v>
      </c>
    </row>
    <row r="41119" spans="1:43">
      <c r="A41119" t="s">
        <v>25361</v>
      </c>
      <c r="B41119" t="s">
        <v>25362</v>
      </c>
      <c r="C41119" t="s">
        <v>3606</v>
      </c>
      <c r="D41119" t="s">
        <v>3607</v>
      </c>
      <c r="E41119" t="s">
        <v>3352</v>
      </c>
      <c r="F41119" t="s">
        <v>3353</v>
      </c>
      <c r="G41119" t="s">
        <v>80</v>
      </c>
      <c r="H41119" t="s">
        <v>81</v>
      </c>
      <c r="I41119" s="2">
        <v>0</v>
      </c>
      <c r="J41119" s="2">
        <v>1</v>
      </c>
      <c r="K41119" s="2">
        <v>0</v>
      </c>
      <c r="L41119" t="s">
        <v>82</v>
      </c>
      <c r="M41119" t="s">
        <v>87</v>
      </c>
      <c r="N41119" t="s">
        <v>88</v>
      </c>
      <c r="O41119" t="s">
        <v>85</v>
      </c>
      <c r="P41119" t="s">
        <v>86</v>
      </c>
      <c r="Q41119">
        <v>30</v>
      </c>
      <c r="R41119">
        <v>31</v>
      </c>
      <c r="S41119">
        <v>31</v>
      </c>
      <c r="T41119">
        <v>32</v>
      </c>
      <c r="U41119">
        <v>32</v>
      </c>
      <c r="V41119">
        <v>33</v>
      </c>
      <c r="W41119">
        <v>33</v>
      </c>
      <c r="X41119">
        <v>34</v>
      </c>
      <c r="Y41119">
        <v>34</v>
      </c>
      <c r="Z41119">
        <v>34</v>
      </c>
      <c r="AA41119">
        <v>35</v>
      </c>
      <c r="AB41119">
        <v>35</v>
      </c>
      <c r="AC41119">
        <v>36</v>
      </c>
      <c r="AD41119">
        <v>36</v>
      </c>
      <c r="AE41119">
        <v>37</v>
      </c>
      <c r="AF41119">
        <v>37</v>
      </c>
      <c r="AG41119">
        <v>38</v>
      </c>
      <c r="AH41119">
        <v>38</v>
      </c>
      <c r="AI41119">
        <v>39</v>
      </c>
      <c r="AJ41119">
        <v>39</v>
      </c>
      <c r="AK41119">
        <v>40</v>
      </c>
      <c r="AL41119">
        <v>40</v>
      </c>
      <c r="AM41119">
        <v>41</v>
      </c>
      <c r="AN41119">
        <v>41</v>
      </c>
      <c r="AO41119">
        <v>42</v>
      </c>
      <c r="AP41119">
        <v>42</v>
      </c>
      <c r="AQ41119">
        <v>43</v>
      </c>
    </row>
    <row r="41120" spans="1:43">
      <c r="A41120" t="s">
        <v>25361</v>
      </c>
      <c r="B41120" t="s">
        <v>25362</v>
      </c>
      <c r="C41120" t="s">
        <v>3606</v>
      </c>
      <c r="D41120" t="s">
        <v>3607</v>
      </c>
      <c r="E41120" t="s">
        <v>3352</v>
      </c>
      <c r="F41120" t="s">
        <v>3353</v>
      </c>
      <c r="G41120" t="s">
        <v>80</v>
      </c>
      <c r="H41120" t="s">
        <v>81</v>
      </c>
      <c r="I41120" s="2">
        <v>0</v>
      </c>
      <c r="J41120" s="2">
        <v>1</v>
      </c>
      <c r="K41120" s="2">
        <v>0</v>
      </c>
      <c r="L41120" t="s">
        <v>82</v>
      </c>
      <c r="M41120" t="s">
        <v>89</v>
      </c>
      <c r="N41120" t="s">
        <v>90</v>
      </c>
      <c r="O41120" t="s">
        <v>85</v>
      </c>
      <c r="P41120" t="s">
        <v>86</v>
      </c>
      <c r="Q41120">
        <v>30</v>
      </c>
      <c r="R41120">
        <v>31</v>
      </c>
      <c r="S41120">
        <v>32</v>
      </c>
      <c r="T41120">
        <v>33</v>
      </c>
      <c r="U41120">
        <v>34</v>
      </c>
      <c r="V41120">
        <v>35</v>
      </c>
      <c r="W41120">
        <v>36</v>
      </c>
      <c r="X41120">
        <v>37</v>
      </c>
      <c r="Y41120">
        <v>38</v>
      </c>
      <c r="Z41120">
        <v>39</v>
      </c>
      <c r="AA41120">
        <v>39</v>
      </c>
      <c r="AB41120">
        <v>40</v>
      </c>
      <c r="AC41120">
        <v>41</v>
      </c>
      <c r="AD41120">
        <v>42</v>
      </c>
      <c r="AE41120">
        <v>43</v>
      </c>
      <c r="AF41120">
        <v>43</v>
      </c>
      <c r="AG41120">
        <v>44</v>
      </c>
      <c r="AH41120">
        <v>44</v>
      </c>
      <c r="AI41120">
        <v>44</v>
      </c>
      <c r="AJ41120">
        <v>45</v>
      </c>
      <c r="AK41120">
        <v>45</v>
      </c>
      <c r="AL41120">
        <v>46</v>
      </c>
      <c r="AM41120">
        <v>46</v>
      </c>
      <c r="AN41120">
        <v>46</v>
      </c>
      <c r="AO41120">
        <v>47</v>
      </c>
      <c r="AP41120">
        <v>47</v>
      </c>
      <c r="AQ41120">
        <v>47</v>
      </c>
    </row>
    <row r="41121" spans="1:43">
      <c r="A41121" t="s">
        <v>25361</v>
      </c>
      <c r="B41121" t="s">
        <v>25362</v>
      </c>
      <c r="C41121" t="s">
        <v>3606</v>
      </c>
      <c r="D41121" t="s">
        <v>3607</v>
      </c>
      <c r="E41121" t="s">
        <v>3352</v>
      </c>
      <c r="F41121" t="s">
        <v>3353</v>
      </c>
      <c r="G41121" t="s">
        <v>80</v>
      </c>
      <c r="H41121" t="s">
        <v>81</v>
      </c>
      <c r="I41121" s="2">
        <v>0</v>
      </c>
      <c r="J41121" s="2">
        <v>1</v>
      </c>
      <c r="K41121" s="2">
        <v>0</v>
      </c>
      <c r="L41121" t="s">
        <v>82</v>
      </c>
      <c r="M41121" t="s">
        <v>83</v>
      </c>
      <c r="N41121" t="s">
        <v>91</v>
      </c>
      <c r="O41121" t="s">
        <v>85</v>
      </c>
      <c r="P41121" t="s">
        <v>86</v>
      </c>
      <c r="Q41121">
        <v>30</v>
      </c>
      <c r="R41121">
        <v>30</v>
      </c>
      <c r="S41121">
        <v>31</v>
      </c>
      <c r="T41121">
        <v>32</v>
      </c>
      <c r="U41121">
        <v>33</v>
      </c>
      <c r="V41121">
        <v>33</v>
      </c>
      <c r="W41121">
        <v>34</v>
      </c>
      <c r="X41121">
        <v>35</v>
      </c>
      <c r="Y41121">
        <v>36</v>
      </c>
      <c r="Z41121">
        <v>36</v>
      </c>
      <c r="AA41121">
        <v>37</v>
      </c>
      <c r="AB41121">
        <v>38</v>
      </c>
      <c r="AC41121">
        <v>39</v>
      </c>
      <c r="AD41121">
        <v>39</v>
      </c>
      <c r="AE41121">
        <v>40</v>
      </c>
      <c r="AF41121">
        <v>41</v>
      </c>
      <c r="AG41121">
        <v>42</v>
      </c>
      <c r="AH41121">
        <v>42</v>
      </c>
      <c r="AI41121">
        <v>43</v>
      </c>
      <c r="AJ41121">
        <v>44</v>
      </c>
      <c r="AK41121">
        <v>45</v>
      </c>
      <c r="AL41121">
        <v>45</v>
      </c>
      <c r="AM41121">
        <v>46</v>
      </c>
      <c r="AN41121">
        <v>46</v>
      </c>
      <c r="AO41121">
        <v>46</v>
      </c>
      <c r="AP41121">
        <v>47</v>
      </c>
      <c r="AQ41121">
        <v>47</v>
      </c>
    </row>
    <row r="41122" spans="1:43">
      <c r="A41122" t="s">
        <v>25363</v>
      </c>
      <c r="B41122" t="s">
        <v>25364</v>
      </c>
      <c r="C41122" t="s">
        <v>3502</v>
      </c>
      <c r="D41122" t="s">
        <v>3503</v>
      </c>
      <c r="E41122" t="s">
        <v>3352</v>
      </c>
      <c r="F41122" t="s">
        <v>3353</v>
      </c>
      <c r="G41122" t="s">
        <v>80</v>
      </c>
      <c r="H41122" t="s">
        <v>81</v>
      </c>
      <c r="I41122" s="2">
        <v>0</v>
      </c>
      <c r="J41122" s="2">
        <v>1</v>
      </c>
      <c r="K41122" s="2">
        <v>0</v>
      </c>
      <c r="L41122" t="s">
        <v>82</v>
      </c>
      <c r="M41122" t="s">
        <v>83</v>
      </c>
      <c r="N41122" t="s">
        <v>84</v>
      </c>
      <c r="O41122" t="s">
        <v>85</v>
      </c>
      <c r="P41122" t="s">
        <v>86</v>
      </c>
      <c r="Q41122">
        <v>39</v>
      </c>
      <c r="R41122">
        <v>40</v>
      </c>
      <c r="S41122">
        <v>41</v>
      </c>
      <c r="T41122">
        <v>42</v>
      </c>
      <c r="U41122">
        <v>43</v>
      </c>
      <c r="V41122">
        <v>44</v>
      </c>
      <c r="W41122">
        <v>45</v>
      </c>
      <c r="X41122">
        <v>46</v>
      </c>
      <c r="Y41122">
        <v>47</v>
      </c>
      <c r="Z41122">
        <v>48</v>
      </c>
      <c r="AA41122">
        <v>49</v>
      </c>
      <c r="AB41122">
        <v>50</v>
      </c>
      <c r="AC41122">
        <v>51</v>
      </c>
      <c r="AD41122">
        <v>52</v>
      </c>
      <c r="AE41122">
        <v>53</v>
      </c>
      <c r="AF41122">
        <v>54</v>
      </c>
      <c r="AG41122">
        <v>55</v>
      </c>
      <c r="AH41122">
        <v>57</v>
      </c>
      <c r="AI41122">
        <v>58</v>
      </c>
      <c r="AJ41122">
        <v>59</v>
      </c>
      <c r="AK41122">
        <v>60</v>
      </c>
      <c r="AL41122">
        <v>61</v>
      </c>
      <c r="AM41122">
        <v>61</v>
      </c>
      <c r="AN41122">
        <v>62</v>
      </c>
      <c r="AO41122">
        <v>62</v>
      </c>
      <c r="AP41122">
        <v>63</v>
      </c>
      <c r="AQ41122">
        <v>63</v>
      </c>
    </row>
    <row r="41123" spans="1:43">
      <c r="A41123" t="s">
        <v>25363</v>
      </c>
      <c r="B41123" t="s">
        <v>25364</v>
      </c>
      <c r="C41123" t="s">
        <v>3502</v>
      </c>
      <c r="D41123" t="s">
        <v>3503</v>
      </c>
      <c r="E41123" t="s">
        <v>3352</v>
      </c>
      <c r="F41123" t="s">
        <v>3353</v>
      </c>
      <c r="G41123" t="s">
        <v>80</v>
      </c>
      <c r="H41123" t="s">
        <v>81</v>
      </c>
      <c r="I41123" s="2">
        <v>0</v>
      </c>
      <c r="J41123" s="2">
        <v>1</v>
      </c>
      <c r="K41123" s="2">
        <v>0</v>
      </c>
      <c r="L41123" t="s">
        <v>82</v>
      </c>
      <c r="M41123" t="s">
        <v>87</v>
      </c>
      <c r="N41123" t="s">
        <v>88</v>
      </c>
      <c r="O41123" t="s">
        <v>85</v>
      </c>
      <c r="P41123" t="s">
        <v>86</v>
      </c>
      <c r="Q41123">
        <v>39</v>
      </c>
      <c r="R41123">
        <v>40</v>
      </c>
      <c r="S41123">
        <v>40</v>
      </c>
      <c r="T41123">
        <v>41</v>
      </c>
      <c r="U41123">
        <v>41</v>
      </c>
      <c r="V41123">
        <v>42</v>
      </c>
      <c r="W41123">
        <v>42</v>
      </c>
      <c r="X41123">
        <v>43</v>
      </c>
      <c r="Y41123">
        <v>44</v>
      </c>
      <c r="Z41123">
        <v>44</v>
      </c>
      <c r="AA41123">
        <v>45</v>
      </c>
      <c r="AB41123">
        <v>45</v>
      </c>
      <c r="AC41123">
        <v>46</v>
      </c>
      <c r="AD41123">
        <v>47</v>
      </c>
      <c r="AE41123">
        <v>47</v>
      </c>
      <c r="AF41123">
        <v>48</v>
      </c>
      <c r="AG41123">
        <v>48</v>
      </c>
      <c r="AH41123">
        <v>49</v>
      </c>
      <c r="AI41123">
        <v>50</v>
      </c>
      <c r="AJ41123">
        <v>50</v>
      </c>
      <c r="AK41123">
        <v>51</v>
      </c>
      <c r="AL41123">
        <v>52</v>
      </c>
      <c r="AM41123">
        <v>52</v>
      </c>
      <c r="AN41123">
        <v>53</v>
      </c>
      <c r="AO41123">
        <v>54</v>
      </c>
      <c r="AP41123">
        <v>54</v>
      </c>
      <c r="AQ41123">
        <v>55</v>
      </c>
    </row>
    <row r="41124" spans="1:43">
      <c r="A41124" t="s">
        <v>25363</v>
      </c>
      <c r="B41124" t="s">
        <v>25364</v>
      </c>
      <c r="C41124" t="s">
        <v>3502</v>
      </c>
      <c r="D41124" t="s">
        <v>3503</v>
      </c>
      <c r="E41124" t="s">
        <v>3352</v>
      </c>
      <c r="F41124" t="s">
        <v>3353</v>
      </c>
      <c r="G41124" t="s">
        <v>80</v>
      </c>
      <c r="H41124" t="s">
        <v>81</v>
      </c>
      <c r="I41124" s="2">
        <v>0</v>
      </c>
      <c r="J41124" s="2">
        <v>1</v>
      </c>
      <c r="K41124" s="2">
        <v>0</v>
      </c>
      <c r="L41124" t="s">
        <v>82</v>
      </c>
      <c r="M41124" t="s">
        <v>89</v>
      </c>
      <c r="N41124" t="s">
        <v>90</v>
      </c>
      <c r="O41124" t="s">
        <v>85</v>
      </c>
      <c r="P41124" t="s">
        <v>86</v>
      </c>
      <c r="Q41124">
        <v>39</v>
      </c>
      <c r="R41124">
        <v>40</v>
      </c>
      <c r="S41124">
        <v>41</v>
      </c>
      <c r="T41124">
        <v>43</v>
      </c>
      <c r="U41124">
        <v>44</v>
      </c>
      <c r="V41124">
        <v>45</v>
      </c>
      <c r="W41124">
        <v>46</v>
      </c>
      <c r="X41124">
        <v>48</v>
      </c>
      <c r="Y41124">
        <v>49</v>
      </c>
      <c r="Z41124">
        <v>50</v>
      </c>
      <c r="AA41124">
        <v>51</v>
      </c>
      <c r="AB41124">
        <v>53</v>
      </c>
      <c r="AC41124">
        <v>54</v>
      </c>
      <c r="AD41124">
        <v>55</v>
      </c>
      <c r="AE41124">
        <v>56</v>
      </c>
      <c r="AF41124">
        <v>57</v>
      </c>
      <c r="AG41124">
        <v>57</v>
      </c>
      <c r="AH41124">
        <v>58</v>
      </c>
      <c r="AI41124">
        <v>58</v>
      </c>
      <c r="AJ41124">
        <v>59</v>
      </c>
      <c r="AK41124">
        <v>59</v>
      </c>
      <c r="AL41124">
        <v>60</v>
      </c>
      <c r="AM41124">
        <v>61</v>
      </c>
      <c r="AN41124">
        <v>61</v>
      </c>
      <c r="AO41124">
        <v>62</v>
      </c>
      <c r="AP41124">
        <v>62</v>
      </c>
      <c r="AQ41124">
        <v>63</v>
      </c>
    </row>
    <row r="41125" spans="1:43">
      <c r="A41125" t="s">
        <v>25363</v>
      </c>
      <c r="B41125" t="s">
        <v>25364</v>
      </c>
      <c r="C41125" t="s">
        <v>3502</v>
      </c>
      <c r="D41125" t="s">
        <v>3503</v>
      </c>
      <c r="E41125" t="s">
        <v>3352</v>
      </c>
      <c r="F41125" t="s">
        <v>3353</v>
      </c>
      <c r="G41125" t="s">
        <v>80</v>
      </c>
      <c r="H41125" t="s">
        <v>81</v>
      </c>
      <c r="I41125" s="2">
        <v>0</v>
      </c>
      <c r="J41125" s="2">
        <v>1</v>
      </c>
      <c r="K41125" s="2">
        <v>0</v>
      </c>
      <c r="L41125" t="s">
        <v>82</v>
      </c>
      <c r="M41125" t="s">
        <v>83</v>
      </c>
      <c r="N41125" t="s">
        <v>91</v>
      </c>
      <c r="O41125" t="s">
        <v>85</v>
      </c>
      <c r="P41125" t="s">
        <v>86</v>
      </c>
      <c r="Q41125">
        <v>39</v>
      </c>
      <c r="R41125">
        <v>40</v>
      </c>
      <c r="S41125">
        <v>41</v>
      </c>
      <c r="T41125">
        <v>42</v>
      </c>
      <c r="U41125">
        <v>43</v>
      </c>
      <c r="V41125">
        <v>44</v>
      </c>
      <c r="W41125">
        <v>45</v>
      </c>
      <c r="X41125">
        <v>46</v>
      </c>
      <c r="Y41125">
        <v>47</v>
      </c>
      <c r="Z41125">
        <v>48</v>
      </c>
      <c r="AA41125">
        <v>49</v>
      </c>
      <c r="AB41125">
        <v>50</v>
      </c>
      <c r="AC41125">
        <v>51</v>
      </c>
      <c r="AD41125">
        <v>52</v>
      </c>
      <c r="AE41125">
        <v>53</v>
      </c>
      <c r="AF41125">
        <v>54</v>
      </c>
      <c r="AG41125">
        <v>55</v>
      </c>
      <c r="AH41125">
        <v>57</v>
      </c>
      <c r="AI41125">
        <v>58</v>
      </c>
      <c r="AJ41125">
        <v>59</v>
      </c>
      <c r="AK41125">
        <v>60</v>
      </c>
      <c r="AL41125">
        <v>61</v>
      </c>
      <c r="AM41125">
        <v>61</v>
      </c>
      <c r="AN41125">
        <v>62</v>
      </c>
      <c r="AO41125">
        <v>62</v>
      </c>
      <c r="AP41125">
        <v>63</v>
      </c>
      <c r="AQ41125">
        <v>63</v>
      </c>
    </row>
    <row r="41126" spans="1:43">
      <c r="A41126" t="s">
        <v>25365</v>
      </c>
      <c r="B41126" t="s">
        <v>25366</v>
      </c>
      <c r="C41126" t="s">
        <v>5046</v>
      </c>
      <c r="D41126" t="s">
        <v>5047</v>
      </c>
      <c r="E41126" t="s">
        <v>4916</v>
      </c>
      <c r="F41126" t="s">
        <v>4917</v>
      </c>
      <c r="G41126" t="s">
        <v>80</v>
      </c>
      <c r="H41126" t="s">
        <v>81</v>
      </c>
      <c r="I41126" s="2">
        <v>1</v>
      </c>
      <c r="J41126" s="2">
        <v>0</v>
      </c>
      <c r="K41126" s="2">
        <v>0</v>
      </c>
      <c r="L41126" t="s">
        <v>120</v>
      </c>
      <c r="M41126" t="s">
        <v>83</v>
      </c>
      <c r="N41126" t="s">
        <v>84</v>
      </c>
      <c r="O41126" t="s">
        <v>85</v>
      </c>
      <c r="P41126" t="s">
        <v>86</v>
      </c>
      <c r="Q41126">
        <v>60</v>
      </c>
      <c r="R41126">
        <v>61</v>
      </c>
      <c r="S41126">
        <v>61</v>
      </c>
      <c r="T41126">
        <v>62</v>
      </c>
      <c r="U41126">
        <v>62</v>
      </c>
      <c r="V41126">
        <v>62</v>
      </c>
      <c r="W41126">
        <v>63</v>
      </c>
      <c r="X41126">
        <v>63</v>
      </c>
      <c r="Y41126">
        <v>63</v>
      </c>
      <c r="Z41126">
        <v>64</v>
      </c>
      <c r="AA41126">
        <v>64</v>
      </c>
      <c r="AB41126">
        <v>64</v>
      </c>
      <c r="AC41126">
        <v>65</v>
      </c>
      <c r="AD41126">
        <v>65</v>
      </c>
      <c r="AE41126">
        <v>65</v>
      </c>
      <c r="AF41126">
        <v>65</v>
      </c>
      <c r="AG41126">
        <v>66</v>
      </c>
      <c r="AH41126">
        <v>66</v>
      </c>
      <c r="AI41126">
        <v>66</v>
      </c>
      <c r="AJ41126">
        <v>66</v>
      </c>
      <c r="AK41126">
        <v>66</v>
      </c>
      <c r="AL41126">
        <v>66</v>
      </c>
      <c r="AM41126">
        <v>66</v>
      </c>
      <c r="AN41126">
        <v>66</v>
      </c>
      <c r="AO41126">
        <v>65</v>
      </c>
      <c r="AP41126">
        <v>65</v>
      </c>
      <c r="AQ41126">
        <v>65</v>
      </c>
    </row>
    <row r="41127" spans="1:43">
      <c r="A41127" t="s">
        <v>25365</v>
      </c>
      <c r="B41127" t="s">
        <v>25366</v>
      </c>
      <c r="C41127" t="s">
        <v>5046</v>
      </c>
      <c r="D41127" t="s">
        <v>5047</v>
      </c>
      <c r="E41127" t="s">
        <v>4916</v>
      </c>
      <c r="F41127" t="s">
        <v>4917</v>
      </c>
      <c r="G41127" t="s">
        <v>80</v>
      </c>
      <c r="H41127" t="s">
        <v>81</v>
      </c>
      <c r="I41127" s="2">
        <v>1</v>
      </c>
      <c r="J41127" s="2">
        <v>0</v>
      </c>
      <c r="K41127" s="2">
        <v>0</v>
      </c>
      <c r="L41127" t="s">
        <v>120</v>
      </c>
      <c r="M41127" t="s">
        <v>87</v>
      </c>
      <c r="N41127" t="s">
        <v>88</v>
      </c>
      <c r="O41127" t="s">
        <v>85</v>
      </c>
      <c r="P41127" t="s">
        <v>86</v>
      </c>
      <c r="Q41127">
        <v>60</v>
      </c>
      <c r="R41127">
        <v>60</v>
      </c>
      <c r="S41127">
        <v>59</v>
      </c>
      <c r="T41127">
        <v>59</v>
      </c>
      <c r="U41127">
        <v>59</v>
      </c>
      <c r="V41127">
        <v>59</v>
      </c>
      <c r="W41127">
        <v>59</v>
      </c>
      <c r="X41127">
        <v>59</v>
      </c>
      <c r="Y41127">
        <v>59</v>
      </c>
      <c r="Z41127">
        <v>59</v>
      </c>
      <c r="AA41127">
        <v>58</v>
      </c>
      <c r="AB41127">
        <v>58</v>
      </c>
      <c r="AC41127">
        <v>58</v>
      </c>
      <c r="AD41127">
        <v>58</v>
      </c>
      <c r="AE41127">
        <v>58</v>
      </c>
      <c r="AF41127">
        <v>58</v>
      </c>
      <c r="AG41127">
        <v>58</v>
      </c>
      <c r="AH41127">
        <v>58</v>
      </c>
      <c r="AI41127">
        <v>57</v>
      </c>
      <c r="AJ41127">
        <v>57</v>
      </c>
      <c r="AK41127">
        <v>57</v>
      </c>
      <c r="AL41127">
        <v>57</v>
      </c>
      <c r="AM41127">
        <v>57</v>
      </c>
      <c r="AN41127">
        <v>57</v>
      </c>
      <c r="AO41127">
        <v>57</v>
      </c>
      <c r="AP41127">
        <v>56</v>
      </c>
      <c r="AQ41127">
        <v>56</v>
      </c>
    </row>
    <row r="41128" spans="1:43">
      <c r="A41128" t="s">
        <v>25365</v>
      </c>
      <c r="B41128" t="s">
        <v>25366</v>
      </c>
      <c r="C41128" t="s">
        <v>5046</v>
      </c>
      <c r="D41128" t="s">
        <v>5047</v>
      </c>
      <c r="E41128" t="s">
        <v>4916</v>
      </c>
      <c r="F41128" t="s">
        <v>4917</v>
      </c>
      <c r="G41128" t="s">
        <v>80</v>
      </c>
      <c r="H41128" t="s">
        <v>81</v>
      </c>
      <c r="I41128" s="2">
        <v>1</v>
      </c>
      <c r="J41128" s="2">
        <v>0</v>
      </c>
      <c r="K41128" s="2">
        <v>0</v>
      </c>
      <c r="L41128" t="s">
        <v>120</v>
      </c>
      <c r="M41128" t="s">
        <v>89</v>
      </c>
      <c r="N41128" t="s">
        <v>90</v>
      </c>
      <c r="O41128" t="s">
        <v>85</v>
      </c>
      <c r="P41128" t="s">
        <v>86</v>
      </c>
      <c r="Q41128">
        <v>60</v>
      </c>
      <c r="R41128">
        <v>61</v>
      </c>
      <c r="S41128">
        <v>62</v>
      </c>
      <c r="T41128">
        <v>63</v>
      </c>
      <c r="U41128">
        <v>63</v>
      </c>
      <c r="V41128">
        <v>64</v>
      </c>
      <c r="W41128">
        <v>65</v>
      </c>
      <c r="X41128">
        <v>65</v>
      </c>
      <c r="Y41128">
        <v>66</v>
      </c>
      <c r="Z41128">
        <v>66</v>
      </c>
      <c r="AA41128">
        <v>67</v>
      </c>
      <c r="AB41128">
        <v>67</v>
      </c>
      <c r="AC41128">
        <v>68</v>
      </c>
      <c r="AD41128">
        <v>68</v>
      </c>
      <c r="AE41128">
        <v>69</v>
      </c>
      <c r="AF41128">
        <v>68</v>
      </c>
      <c r="AG41128">
        <v>68</v>
      </c>
      <c r="AH41128">
        <v>67</v>
      </c>
      <c r="AI41128">
        <v>67</v>
      </c>
      <c r="AJ41128">
        <v>67</v>
      </c>
      <c r="AK41128">
        <v>66</v>
      </c>
      <c r="AL41128">
        <v>66</v>
      </c>
      <c r="AM41128">
        <v>66</v>
      </c>
      <c r="AN41128">
        <v>65</v>
      </c>
      <c r="AO41128">
        <v>65</v>
      </c>
      <c r="AP41128">
        <v>65</v>
      </c>
      <c r="AQ41128">
        <v>64</v>
      </c>
    </row>
    <row r="41129" spans="1:43">
      <c r="A41129" t="s">
        <v>25365</v>
      </c>
      <c r="B41129" t="s">
        <v>25366</v>
      </c>
      <c r="C41129" t="s">
        <v>5046</v>
      </c>
      <c r="D41129" t="s">
        <v>5047</v>
      </c>
      <c r="E41129" t="s">
        <v>4916</v>
      </c>
      <c r="F41129" t="s">
        <v>4917</v>
      </c>
      <c r="G41129" t="s">
        <v>80</v>
      </c>
      <c r="H41129" t="s">
        <v>81</v>
      </c>
      <c r="I41129" s="2">
        <v>1</v>
      </c>
      <c r="J41129" s="2">
        <v>0</v>
      </c>
      <c r="K41129" s="2">
        <v>0</v>
      </c>
      <c r="L41129" t="s">
        <v>120</v>
      </c>
      <c r="M41129" t="s">
        <v>83</v>
      </c>
      <c r="N41129" t="s">
        <v>91</v>
      </c>
      <c r="O41129" t="s">
        <v>85</v>
      </c>
      <c r="P41129" t="s">
        <v>86</v>
      </c>
      <c r="Q41129">
        <v>60</v>
      </c>
      <c r="R41129">
        <v>61</v>
      </c>
      <c r="S41129">
        <v>61</v>
      </c>
      <c r="T41129">
        <v>62</v>
      </c>
      <c r="U41129">
        <v>62</v>
      </c>
      <c r="V41129">
        <v>62</v>
      </c>
      <c r="W41129">
        <v>63</v>
      </c>
      <c r="X41129">
        <v>63</v>
      </c>
      <c r="Y41129">
        <v>63</v>
      </c>
      <c r="Z41129">
        <v>64</v>
      </c>
      <c r="AA41129">
        <v>64</v>
      </c>
      <c r="AB41129">
        <v>64</v>
      </c>
      <c r="AC41129">
        <v>65</v>
      </c>
      <c r="AD41129">
        <v>65</v>
      </c>
      <c r="AE41129">
        <v>65</v>
      </c>
      <c r="AF41129">
        <v>65</v>
      </c>
      <c r="AG41129">
        <v>66</v>
      </c>
      <c r="AH41129">
        <v>66</v>
      </c>
      <c r="AI41129">
        <v>66</v>
      </c>
      <c r="AJ41129">
        <v>66</v>
      </c>
      <c r="AK41129">
        <v>66</v>
      </c>
      <c r="AL41129">
        <v>66</v>
      </c>
      <c r="AM41129">
        <v>66</v>
      </c>
      <c r="AN41129">
        <v>66</v>
      </c>
      <c r="AO41129">
        <v>65</v>
      </c>
      <c r="AP41129">
        <v>65</v>
      </c>
      <c r="AQ41129">
        <v>65</v>
      </c>
    </row>
    <row r="41130" spans="1:43">
      <c r="A41130" t="s">
        <v>25367</v>
      </c>
      <c r="B41130" t="s">
        <v>25368</v>
      </c>
      <c r="C41130" t="s">
        <v>5046</v>
      </c>
      <c r="D41130" t="s">
        <v>5047</v>
      </c>
      <c r="E41130" t="s">
        <v>4916</v>
      </c>
      <c r="F41130" t="s">
        <v>4917</v>
      </c>
      <c r="G41130" t="s">
        <v>80</v>
      </c>
      <c r="H41130" t="s">
        <v>81</v>
      </c>
      <c r="I41130" s="2">
        <v>1</v>
      </c>
      <c r="J41130" s="2">
        <v>0</v>
      </c>
      <c r="K41130" s="2">
        <v>0</v>
      </c>
      <c r="L41130" t="s">
        <v>120</v>
      </c>
      <c r="M41130" t="s">
        <v>83</v>
      </c>
      <c r="N41130" t="s">
        <v>84</v>
      </c>
      <c r="O41130" t="s">
        <v>85</v>
      </c>
      <c r="P41130" t="s">
        <v>86</v>
      </c>
      <c r="Q41130">
        <v>0</v>
      </c>
      <c r="R41130">
        <v>0</v>
      </c>
      <c r="S41130">
        <v>0</v>
      </c>
      <c r="T41130">
        <v>0</v>
      </c>
      <c r="U41130">
        <v>0</v>
      </c>
      <c r="V41130">
        <v>0</v>
      </c>
      <c r="W41130">
        <v>0</v>
      </c>
      <c r="X41130">
        <v>0</v>
      </c>
      <c r="Y41130">
        <v>0</v>
      </c>
      <c r="Z41130">
        <v>0</v>
      </c>
      <c r="AA41130">
        <v>0</v>
      </c>
      <c r="AB41130">
        <v>0</v>
      </c>
      <c r="AC41130">
        <v>0</v>
      </c>
      <c r="AD41130">
        <v>0</v>
      </c>
      <c r="AE41130">
        <v>0</v>
      </c>
      <c r="AF41130">
        <v>0</v>
      </c>
      <c r="AG41130">
        <v>0</v>
      </c>
      <c r="AH41130">
        <v>0</v>
      </c>
      <c r="AI41130">
        <v>0</v>
      </c>
      <c r="AJ41130">
        <v>0</v>
      </c>
      <c r="AK41130">
        <v>0</v>
      </c>
      <c r="AL41130">
        <v>0</v>
      </c>
      <c r="AM41130">
        <v>0</v>
      </c>
      <c r="AN41130">
        <v>0</v>
      </c>
      <c r="AO41130">
        <v>0</v>
      </c>
      <c r="AP41130">
        <v>0</v>
      </c>
      <c r="AQ41130">
        <v>0</v>
      </c>
    </row>
    <row r="41131" spans="1:43">
      <c r="A41131" t="s">
        <v>25367</v>
      </c>
      <c r="B41131" t="s">
        <v>25368</v>
      </c>
      <c r="C41131" t="s">
        <v>5046</v>
      </c>
      <c r="D41131" t="s">
        <v>5047</v>
      </c>
      <c r="E41131" t="s">
        <v>4916</v>
      </c>
      <c r="F41131" t="s">
        <v>4917</v>
      </c>
      <c r="G41131" t="s">
        <v>80</v>
      </c>
      <c r="H41131" t="s">
        <v>81</v>
      </c>
      <c r="I41131" s="2">
        <v>1</v>
      </c>
      <c r="J41131" s="2">
        <v>0</v>
      </c>
      <c r="K41131" s="2">
        <v>0</v>
      </c>
      <c r="L41131" t="s">
        <v>120</v>
      </c>
      <c r="M41131" t="s">
        <v>87</v>
      </c>
      <c r="N41131" t="s">
        <v>88</v>
      </c>
      <c r="O41131" t="s">
        <v>85</v>
      </c>
      <c r="P41131" t="s">
        <v>86</v>
      </c>
      <c r="Q41131">
        <v>0</v>
      </c>
      <c r="R41131">
        <v>0</v>
      </c>
      <c r="S41131">
        <v>0</v>
      </c>
      <c r="T41131">
        <v>0</v>
      </c>
      <c r="U41131">
        <v>0</v>
      </c>
      <c r="V41131">
        <v>0</v>
      </c>
      <c r="W41131">
        <v>0</v>
      </c>
      <c r="X41131">
        <v>0</v>
      </c>
      <c r="Y41131">
        <v>0</v>
      </c>
      <c r="Z41131">
        <v>0</v>
      </c>
      <c r="AA41131">
        <v>0</v>
      </c>
      <c r="AB41131">
        <v>0</v>
      </c>
      <c r="AC41131">
        <v>0</v>
      </c>
      <c r="AD41131">
        <v>0</v>
      </c>
      <c r="AE41131">
        <v>0</v>
      </c>
      <c r="AF41131">
        <v>0</v>
      </c>
      <c r="AG41131">
        <v>0</v>
      </c>
      <c r="AH41131">
        <v>0</v>
      </c>
      <c r="AI41131">
        <v>0</v>
      </c>
      <c r="AJ41131">
        <v>0</v>
      </c>
      <c r="AK41131">
        <v>0</v>
      </c>
      <c r="AL41131">
        <v>0</v>
      </c>
      <c r="AM41131">
        <v>0</v>
      </c>
      <c r="AN41131">
        <v>0</v>
      </c>
      <c r="AO41131">
        <v>0</v>
      </c>
      <c r="AP41131">
        <v>0</v>
      </c>
      <c r="AQ41131">
        <v>0</v>
      </c>
    </row>
    <row r="41132" spans="1:43">
      <c r="A41132" t="s">
        <v>25367</v>
      </c>
      <c r="B41132" t="s">
        <v>25368</v>
      </c>
      <c r="C41132" t="s">
        <v>5046</v>
      </c>
      <c r="D41132" t="s">
        <v>5047</v>
      </c>
      <c r="E41132" t="s">
        <v>4916</v>
      </c>
      <c r="F41132" t="s">
        <v>4917</v>
      </c>
      <c r="G41132" t="s">
        <v>80</v>
      </c>
      <c r="H41132" t="s">
        <v>81</v>
      </c>
      <c r="I41132" s="2">
        <v>1</v>
      </c>
      <c r="J41132" s="2">
        <v>0</v>
      </c>
      <c r="K41132" s="2">
        <v>0</v>
      </c>
      <c r="L41132" t="s">
        <v>120</v>
      </c>
      <c r="M41132" t="s">
        <v>89</v>
      </c>
      <c r="N41132" t="s">
        <v>90</v>
      </c>
      <c r="O41132" t="s">
        <v>85</v>
      </c>
      <c r="P41132" t="s">
        <v>86</v>
      </c>
      <c r="Q41132">
        <v>0</v>
      </c>
      <c r="R41132">
        <v>0</v>
      </c>
      <c r="S41132">
        <v>0</v>
      </c>
      <c r="T41132">
        <v>0</v>
      </c>
      <c r="U41132">
        <v>0</v>
      </c>
      <c r="V41132">
        <v>0</v>
      </c>
      <c r="W41132">
        <v>0</v>
      </c>
      <c r="X41132">
        <v>0</v>
      </c>
      <c r="Y41132">
        <v>0</v>
      </c>
      <c r="Z41132">
        <v>0</v>
      </c>
      <c r="AA41132">
        <v>0</v>
      </c>
      <c r="AB41132">
        <v>0</v>
      </c>
      <c r="AC41132">
        <v>0</v>
      </c>
      <c r="AD41132">
        <v>0</v>
      </c>
      <c r="AE41132">
        <v>0</v>
      </c>
      <c r="AF41132">
        <v>0</v>
      </c>
      <c r="AG41132">
        <v>0</v>
      </c>
      <c r="AH41132">
        <v>0</v>
      </c>
      <c r="AI41132">
        <v>0</v>
      </c>
      <c r="AJ41132">
        <v>0</v>
      </c>
      <c r="AK41132">
        <v>0</v>
      </c>
      <c r="AL41132">
        <v>0</v>
      </c>
      <c r="AM41132">
        <v>0</v>
      </c>
      <c r="AN41132">
        <v>0</v>
      </c>
      <c r="AO41132">
        <v>0</v>
      </c>
      <c r="AP41132">
        <v>0</v>
      </c>
      <c r="AQ41132">
        <v>0</v>
      </c>
    </row>
    <row r="41133" spans="1:43">
      <c r="A41133" t="s">
        <v>25367</v>
      </c>
      <c r="B41133" t="s">
        <v>25368</v>
      </c>
      <c r="C41133" t="s">
        <v>5046</v>
      </c>
      <c r="D41133" t="s">
        <v>5047</v>
      </c>
      <c r="E41133" t="s">
        <v>4916</v>
      </c>
      <c r="F41133" t="s">
        <v>4917</v>
      </c>
      <c r="G41133" t="s">
        <v>80</v>
      </c>
      <c r="H41133" t="s">
        <v>81</v>
      </c>
      <c r="I41133" s="2">
        <v>1</v>
      </c>
      <c r="J41133" s="2">
        <v>0</v>
      </c>
      <c r="K41133" s="2">
        <v>0</v>
      </c>
      <c r="L41133" t="s">
        <v>120</v>
      </c>
      <c r="M41133" t="s">
        <v>83</v>
      </c>
      <c r="N41133" t="s">
        <v>91</v>
      </c>
      <c r="O41133" t="s">
        <v>85</v>
      </c>
      <c r="P41133" t="s">
        <v>86</v>
      </c>
      <c r="Q41133">
        <v>0</v>
      </c>
      <c r="R41133">
        <v>0</v>
      </c>
      <c r="S41133">
        <v>0</v>
      </c>
      <c r="T41133">
        <v>0</v>
      </c>
      <c r="U41133">
        <v>0</v>
      </c>
      <c r="V41133">
        <v>0</v>
      </c>
      <c r="W41133">
        <v>0</v>
      </c>
      <c r="X41133">
        <v>0</v>
      </c>
      <c r="Y41133">
        <v>0</v>
      </c>
      <c r="Z41133">
        <v>0</v>
      </c>
      <c r="AA41133">
        <v>0</v>
      </c>
      <c r="AB41133">
        <v>0</v>
      </c>
      <c r="AC41133">
        <v>0</v>
      </c>
      <c r="AD41133">
        <v>0</v>
      </c>
      <c r="AE41133">
        <v>0</v>
      </c>
      <c r="AF41133">
        <v>0</v>
      </c>
      <c r="AG41133">
        <v>0</v>
      </c>
      <c r="AH41133">
        <v>0</v>
      </c>
      <c r="AI41133">
        <v>0</v>
      </c>
      <c r="AJ41133">
        <v>0</v>
      </c>
      <c r="AK41133">
        <v>0</v>
      </c>
      <c r="AL41133">
        <v>0</v>
      </c>
      <c r="AM41133">
        <v>0</v>
      </c>
      <c r="AN41133">
        <v>0</v>
      </c>
      <c r="AO41133">
        <v>0</v>
      </c>
      <c r="AP41133">
        <v>0</v>
      </c>
      <c r="AQ41133">
        <v>0</v>
      </c>
    </row>
    <row r="41134" spans="1:43">
      <c r="A41134" t="s">
        <v>25369</v>
      </c>
      <c r="B41134" t="s">
        <v>25370</v>
      </c>
      <c r="C41134" t="s">
        <v>4926</v>
      </c>
      <c r="D41134" t="s">
        <v>4927</v>
      </c>
      <c r="E41134" t="s">
        <v>4916</v>
      </c>
      <c r="F41134" t="s">
        <v>4917</v>
      </c>
      <c r="G41134" t="s">
        <v>80</v>
      </c>
      <c r="H41134" t="s">
        <v>81</v>
      </c>
      <c r="I41134" s="2">
        <v>1</v>
      </c>
      <c r="J41134" s="2">
        <v>0</v>
      </c>
      <c r="K41134" s="2">
        <v>0</v>
      </c>
      <c r="L41134" t="s">
        <v>120</v>
      </c>
      <c r="M41134" t="s">
        <v>83</v>
      </c>
      <c r="N41134" t="s">
        <v>84</v>
      </c>
      <c r="O41134" t="s">
        <v>85</v>
      </c>
      <c r="P41134" t="s">
        <v>86</v>
      </c>
      <c r="Q41134">
        <v>14</v>
      </c>
      <c r="R41134">
        <v>14</v>
      </c>
      <c r="S41134">
        <v>14</v>
      </c>
      <c r="T41134">
        <v>14</v>
      </c>
      <c r="U41134">
        <v>14</v>
      </c>
      <c r="V41134">
        <v>14</v>
      </c>
      <c r="W41134">
        <v>14</v>
      </c>
      <c r="X41134">
        <v>14</v>
      </c>
      <c r="Y41134">
        <v>14</v>
      </c>
      <c r="Z41134">
        <v>14</v>
      </c>
      <c r="AA41134">
        <v>14</v>
      </c>
      <c r="AB41134">
        <v>15</v>
      </c>
      <c r="AC41134">
        <v>15</v>
      </c>
      <c r="AD41134">
        <v>15</v>
      </c>
      <c r="AE41134">
        <v>15</v>
      </c>
      <c r="AF41134">
        <v>15</v>
      </c>
      <c r="AG41134">
        <v>15</v>
      </c>
      <c r="AH41134">
        <v>15</v>
      </c>
      <c r="AI41134">
        <v>15</v>
      </c>
      <c r="AJ41134">
        <v>15</v>
      </c>
      <c r="AK41134">
        <v>15</v>
      </c>
      <c r="AL41134">
        <v>15</v>
      </c>
      <c r="AM41134">
        <v>15</v>
      </c>
      <c r="AN41134">
        <v>15</v>
      </c>
      <c r="AO41134">
        <v>15</v>
      </c>
      <c r="AP41134">
        <v>15</v>
      </c>
      <c r="AQ41134">
        <v>15</v>
      </c>
    </row>
    <row r="41135" spans="1:43">
      <c r="A41135" t="s">
        <v>25369</v>
      </c>
      <c r="B41135" t="s">
        <v>25370</v>
      </c>
      <c r="C41135" t="s">
        <v>4926</v>
      </c>
      <c r="D41135" t="s">
        <v>4927</v>
      </c>
      <c r="E41135" t="s">
        <v>4916</v>
      </c>
      <c r="F41135" t="s">
        <v>4917</v>
      </c>
      <c r="G41135" t="s">
        <v>80</v>
      </c>
      <c r="H41135" t="s">
        <v>81</v>
      </c>
      <c r="I41135" s="2">
        <v>1</v>
      </c>
      <c r="J41135" s="2">
        <v>0</v>
      </c>
      <c r="K41135" s="2">
        <v>0</v>
      </c>
      <c r="L41135" t="s">
        <v>120</v>
      </c>
      <c r="M41135" t="s">
        <v>87</v>
      </c>
      <c r="N41135" t="s">
        <v>88</v>
      </c>
      <c r="O41135" t="s">
        <v>85</v>
      </c>
      <c r="P41135" t="s">
        <v>86</v>
      </c>
      <c r="Q41135">
        <v>14</v>
      </c>
      <c r="R41135">
        <v>14</v>
      </c>
      <c r="S41135">
        <v>13</v>
      </c>
      <c r="T41135">
        <v>13</v>
      </c>
      <c r="U41135">
        <v>13</v>
      </c>
      <c r="V41135">
        <v>13</v>
      </c>
      <c r="W41135">
        <v>13</v>
      </c>
      <c r="X41135">
        <v>13</v>
      </c>
      <c r="Y41135">
        <v>13</v>
      </c>
      <c r="Z41135">
        <v>13</v>
      </c>
      <c r="AA41135">
        <v>13</v>
      </c>
      <c r="AB41135">
        <v>13</v>
      </c>
      <c r="AC41135">
        <v>13</v>
      </c>
      <c r="AD41135">
        <v>13</v>
      </c>
      <c r="AE41135">
        <v>13</v>
      </c>
      <c r="AF41135">
        <v>13</v>
      </c>
      <c r="AG41135">
        <v>13</v>
      </c>
      <c r="AH41135">
        <v>13</v>
      </c>
      <c r="AI41135">
        <v>13</v>
      </c>
      <c r="AJ41135">
        <v>13</v>
      </c>
      <c r="AK41135">
        <v>13</v>
      </c>
      <c r="AL41135">
        <v>13</v>
      </c>
      <c r="AM41135">
        <v>13</v>
      </c>
      <c r="AN41135">
        <v>13</v>
      </c>
      <c r="AO41135">
        <v>13</v>
      </c>
      <c r="AP41135">
        <v>13</v>
      </c>
      <c r="AQ41135">
        <v>13</v>
      </c>
    </row>
    <row r="41136" spans="1:43">
      <c r="A41136" t="s">
        <v>25369</v>
      </c>
      <c r="B41136" t="s">
        <v>25370</v>
      </c>
      <c r="C41136" t="s">
        <v>4926</v>
      </c>
      <c r="D41136" t="s">
        <v>4927</v>
      </c>
      <c r="E41136" t="s">
        <v>4916</v>
      </c>
      <c r="F41136" t="s">
        <v>4917</v>
      </c>
      <c r="G41136" t="s">
        <v>80</v>
      </c>
      <c r="H41136" t="s">
        <v>81</v>
      </c>
      <c r="I41136" s="2">
        <v>1</v>
      </c>
      <c r="J41136" s="2">
        <v>0</v>
      </c>
      <c r="K41136" s="2">
        <v>0</v>
      </c>
      <c r="L41136" t="s">
        <v>120</v>
      </c>
      <c r="M41136" t="s">
        <v>89</v>
      </c>
      <c r="N41136" t="s">
        <v>90</v>
      </c>
      <c r="O41136" t="s">
        <v>85</v>
      </c>
      <c r="P41136" t="s">
        <v>86</v>
      </c>
      <c r="Q41136">
        <v>14</v>
      </c>
      <c r="R41136">
        <v>14</v>
      </c>
      <c r="S41136">
        <v>14</v>
      </c>
      <c r="T41136">
        <v>14</v>
      </c>
      <c r="U41136">
        <v>15</v>
      </c>
      <c r="V41136">
        <v>15</v>
      </c>
      <c r="W41136">
        <v>15</v>
      </c>
      <c r="X41136">
        <v>15</v>
      </c>
      <c r="Y41136">
        <v>15</v>
      </c>
      <c r="Z41136">
        <v>15</v>
      </c>
      <c r="AA41136">
        <v>15</v>
      </c>
      <c r="AB41136">
        <v>15</v>
      </c>
      <c r="AC41136">
        <v>16</v>
      </c>
      <c r="AD41136">
        <v>16</v>
      </c>
      <c r="AE41136">
        <v>16</v>
      </c>
      <c r="AF41136">
        <v>16</v>
      </c>
      <c r="AG41136">
        <v>16</v>
      </c>
      <c r="AH41136">
        <v>15</v>
      </c>
      <c r="AI41136">
        <v>15</v>
      </c>
      <c r="AJ41136">
        <v>15</v>
      </c>
      <c r="AK41136">
        <v>15</v>
      </c>
      <c r="AL41136">
        <v>15</v>
      </c>
      <c r="AM41136">
        <v>15</v>
      </c>
      <c r="AN41136">
        <v>15</v>
      </c>
      <c r="AO41136">
        <v>15</v>
      </c>
      <c r="AP41136">
        <v>15</v>
      </c>
      <c r="AQ41136">
        <v>15</v>
      </c>
    </row>
    <row r="41137" spans="1:43">
      <c r="A41137" t="s">
        <v>25369</v>
      </c>
      <c r="B41137" t="s">
        <v>25370</v>
      </c>
      <c r="C41137" t="s">
        <v>4926</v>
      </c>
      <c r="D41137" t="s">
        <v>4927</v>
      </c>
      <c r="E41137" t="s">
        <v>4916</v>
      </c>
      <c r="F41137" t="s">
        <v>4917</v>
      </c>
      <c r="G41137" t="s">
        <v>80</v>
      </c>
      <c r="H41137" t="s">
        <v>81</v>
      </c>
      <c r="I41137" s="2">
        <v>1</v>
      </c>
      <c r="J41137" s="2">
        <v>0</v>
      </c>
      <c r="K41137" s="2">
        <v>0</v>
      </c>
      <c r="L41137" t="s">
        <v>120</v>
      </c>
      <c r="M41137" t="s">
        <v>83</v>
      </c>
      <c r="N41137" t="s">
        <v>91</v>
      </c>
      <c r="O41137" t="s">
        <v>85</v>
      </c>
      <c r="P41137" t="s">
        <v>86</v>
      </c>
      <c r="Q41137">
        <v>14</v>
      </c>
      <c r="R41137">
        <v>14</v>
      </c>
      <c r="S41137">
        <v>14</v>
      </c>
      <c r="T41137">
        <v>14</v>
      </c>
      <c r="U41137">
        <v>14</v>
      </c>
      <c r="V41137">
        <v>14</v>
      </c>
      <c r="W41137">
        <v>14</v>
      </c>
      <c r="X41137">
        <v>14</v>
      </c>
      <c r="Y41137">
        <v>14</v>
      </c>
      <c r="Z41137">
        <v>14</v>
      </c>
      <c r="AA41137">
        <v>14</v>
      </c>
      <c r="AB41137">
        <v>15</v>
      </c>
      <c r="AC41137">
        <v>15</v>
      </c>
      <c r="AD41137">
        <v>15</v>
      </c>
      <c r="AE41137">
        <v>15</v>
      </c>
      <c r="AF41137">
        <v>15</v>
      </c>
      <c r="AG41137">
        <v>15</v>
      </c>
      <c r="AH41137">
        <v>15</v>
      </c>
      <c r="AI41137">
        <v>15</v>
      </c>
      <c r="AJ41137">
        <v>15</v>
      </c>
      <c r="AK41137">
        <v>15</v>
      </c>
      <c r="AL41137">
        <v>15</v>
      </c>
      <c r="AM41137">
        <v>15</v>
      </c>
      <c r="AN41137">
        <v>15</v>
      </c>
      <c r="AO41137">
        <v>15</v>
      </c>
      <c r="AP41137">
        <v>15</v>
      </c>
      <c r="AQ41137">
        <v>15</v>
      </c>
    </row>
    <row r="41138" spans="1:43">
      <c r="A41138" t="s">
        <v>25371</v>
      </c>
      <c r="B41138" t="s">
        <v>25372</v>
      </c>
      <c r="C41138" t="s">
        <v>4926</v>
      </c>
      <c r="D41138" t="s">
        <v>4927</v>
      </c>
      <c r="E41138" t="s">
        <v>4916</v>
      </c>
      <c r="F41138" t="s">
        <v>4917</v>
      </c>
      <c r="G41138" t="s">
        <v>80</v>
      </c>
      <c r="H41138" t="s">
        <v>81</v>
      </c>
      <c r="I41138" s="2">
        <v>1</v>
      </c>
      <c r="J41138" s="2">
        <v>0</v>
      </c>
      <c r="K41138" s="2">
        <v>0</v>
      </c>
      <c r="L41138" t="s">
        <v>120</v>
      </c>
      <c r="M41138" t="s">
        <v>83</v>
      </c>
      <c r="N41138" t="s">
        <v>84</v>
      </c>
      <c r="O41138" t="s">
        <v>85</v>
      </c>
      <c r="P41138" t="s">
        <v>86</v>
      </c>
      <c r="Q41138">
        <v>7</v>
      </c>
      <c r="R41138">
        <v>7</v>
      </c>
      <c r="S41138">
        <v>7</v>
      </c>
      <c r="T41138">
        <v>8</v>
      </c>
      <c r="U41138">
        <v>8</v>
      </c>
      <c r="V41138">
        <v>8</v>
      </c>
      <c r="W41138">
        <v>8</v>
      </c>
      <c r="X41138">
        <v>8</v>
      </c>
      <c r="Y41138">
        <v>8</v>
      </c>
      <c r="Z41138">
        <v>8</v>
      </c>
      <c r="AA41138">
        <v>8</v>
      </c>
      <c r="AB41138">
        <v>8</v>
      </c>
      <c r="AC41138">
        <v>8</v>
      </c>
      <c r="AD41138">
        <v>8</v>
      </c>
      <c r="AE41138">
        <v>8</v>
      </c>
      <c r="AF41138">
        <v>8</v>
      </c>
      <c r="AG41138">
        <v>8</v>
      </c>
      <c r="AH41138">
        <v>8</v>
      </c>
      <c r="AI41138">
        <v>8</v>
      </c>
      <c r="AJ41138">
        <v>8</v>
      </c>
      <c r="AK41138">
        <v>8</v>
      </c>
      <c r="AL41138">
        <v>8</v>
      </c>
      <c r="AM41138">
        <v>8</v>
      </c>
      <c r="AN41138">
        <v>8</v>
      </c>
      <c r="AO41138">
        <v>8</v>
      </c>
      <c r="AP41138">
        <v>8</v>
      </c>
      <c r="AQ41138">
        <v>8</v>
      </c>
    </row>
    <row r="41139" spans="1:43">
      <c r="A41139" t="s">
        <v>25371</v>
      </c>
      <c r="B41139" t="s">
        <v>25372</v>
      </c>
      <c r="C41139" t="s">
        <v>4926</v>
      </c>
      <c r="D41139" t="s">
        <v>4927</v>
      </c>
      <c r="E41139" t="s">
        <v>4916</v>
      </c>
      <c r="F41139" t="s">
        <v>4917</v>
      </c>
      <c r="G41139" t="s">
        <v>80</v>
      </c>
      <c r="H41139" t="s">
        <v>81</v>
      </c>
      <c r="I41139" s="2">
        <v>1</v>
      </c>
      <c r="J41139" s="2">
        <v>0</v>
      </c>
      <c r="K41139" s="2">
        <v>0</v>
      </c>
      <c r="L41139" t="s">
        <v>120</v>
      </c>
      <c r="M41139" t="s">
        <v>87</v>
      </c>
      <c r="N41139" t="s">
        <v>88</v>
      </c>
      <c r="O41139" t="s">
        <v>85</v>
      </c>
      <c r="P41139" t="s">
        <v>86</v>
      </c>
      <c r="Q41139">
        <v>7</v>
      </c>
      <c r="R41139">
        <v>7</v>
      </c>
      <c r="S41139">
        <v>7</v>
      </c>
      <c r="T41139">
        <v>7</v>
      </c>
      <c r="U41139">
        <v>7</v>
      </c>
      <c r="V41139">
        <v>7</v>
      </c>
      <c r="W41139">
        <v>7</v>
      </c>
      <c r="X41139">
        <v>7</v>
      </c>
      <c r="Y41139">
        <v>7</v>
      </c>
      <c r="Z41139">
        <v>7</v>
      </c>
      <c r="AA41139">
        <v>7</v>
      </c>
      <c r="AB41139">
        <v>7</v>
      </c>
      <c r="AC41139">
        <v>7</v>
      </c>
      <c r="AD41139">
        <v>7</v>
      </c>
      <c r="AE41139">
        <v>7</v>
      </c>
      <c r="AF41139">
        <v>7</v>
      </c>
      <c r="AG41139">
        <v>7</v>
      </c>
      <c r="AH41139">
        <v>7</v>
      </c>
      <c r="AI41139">
        <v>7</v>
      </c>
      <c r="AJ41139">
        <v>7</v>
      </c>
      <c r="AK41139">
        <v>7</v>
      </c>
      <c r="AL41139">
        <v>7</v>
      </c>
      <c r="AM41139">
        <v>7</v>
      </c>
      <c r="AN41139">
        <v>7</v>
      </c>
      <c r="AO41139">
        <v>7</v>
      </c>
      <c r="AP41139">
        <v>7</v>
      </c>
      <c r="AQ41139">
        <v>7</v>
      </c>
    </row>
    <row r="41140" spans="1:43">
      <c r="A41140" t="s">
        <v>25371</v>
      </c>
      <c r="B41140" t="s">
        <v>25372</v>
      </c>
      <c r="C41140" t="s">
        <v>4926</v>
      </c>
      <c r="D41140" t="s">
        <v>4927</v>
      </c>
      <c r="E41140" t="s">
        <v>4916</v>
      </c>
      <c r="F41140" t="s">
        <v>4917</v>
      </c>
      <c r="G41140" t="s">
        <v>80</v>
      </c>
      <c r="H41140" t="s">
        <v>81</v>
      </c>
      <c r="I41140" s="2">
        <v>1</v>
      </c>
      <c r="J41140" s="2">
        <v>0</v>
      </c>
      <c r="K41140" s="2">
        <v>0</v>
      </c>
      <c r="L41140" t="s">
        <v>120</v>
      </c>
      <c r="M41140" t="s">
        <v>89</v>
      </c>
      <c r="N41140" t="s">
        <v>90</v>
      </c>
      <c r="O41140" t="s">
        <v>85</v>
      </c>
      <c r="P41140" t="s">
        <v>86</v>
      </c>
      <c r="Q41140">
        <v>7</v>
      </c>
      <c r="R41140">
        <v>8</v>
      </c>
      <c r="S41140">
        <v>8</v>
      </c>
      <c r="T41140">
        <v>8</v>
      </c>
      <c r="U41140">
        <v>8</v>
      </c>
      <c r="V41140">
        <v>8</v>
      </c>
      <c r="W41140">
        <v>8</v>
      </c>
      <c r="X41140">
        <v>8</v>
      </c>
      <c r="Y41140">
        <v>8</v>
      </c>
      <c r="Z41140">
        <v>8</v>
      </c>
      <c r="AA41140">
        <v>8</v>
      </c>
      <c r="AB41140">
        <v>8</v>
      </c>
      <c r="AC41140">
        <v>8</v>
      </c>
      <c r="AD41140">
        <v>8</v>
      </c>
      <c r="AE41140">
        <v>8</v>
      </c>
      <c r="AF41140">
        <v>8</v>
      </c>
      <c r="AG41140">
        <v>8</v>
      </c>
      <c r="AH41140">
        <v>8</v>
      </c>
      <c r="AI41140">
        <v>8</v>
      </c>
      <c r="AJ41140">
        <v>8</v>
      </c>
      <c r="AK41140">
        <v>8</v>
      </c>
      <c r="AL41140">
        <v>8</v>
      </c>
      <c r="AM41140">
        <v>8</v>
      </c>
      <c r="AN41140">
        <v>8</v>
      </c>
      <c r="AO41140">
        <v>8</v>
      </c>
      <c r="AP41140">
        <v>8</v>
      </c>
      <c r="AQ41140">
        <v>8</v>
      </c>
    </row>
    <row r="41141" spans="1:43">
      <c r="A41141" t="s">
        <v>25371</v>
      </c>
      <c r="B41141" t="s">
        <v>25372</v>
      </c>
      <c r="C41141" t="s">
        <v>4926</v>
      </c>
      <c r="D41141" t="s">
        <v>4927</v>
      </c>
      <c r="E41141" t="s">
        <v>4916</v>
      </c>
      <c r="F41141" t="s">
        <v>4917</v>
      </c>
      <c r="G41141" t="s">
        <v>80</v>
      </c>
      <c r="H41141" t="s">
        <v>81</v>
      </c>
      <c r="I41141" s="2">
        <v>1</v>
      </c>
      <c r="J41141" s="2">
        <v>0</v>
      </c>
      <c r="K41141" s="2">
        <v>0</v>
      </c>
      <c r="L41141" t="s">
        <v>120</v>
      </c>
      <c r="M41141" t="s">
        <v>83</v>
      </c>
      <c r="N41141" t="s">
        <v>91</v>
      </c>
      <c r="O41141" t="s">
        <v>85</v>
      </c>
      <c r="P41141" t="s">
        <v>86</v>
      </c>
      <c r="Q41141">
        <v>7</v>
      </c>
      <c r="R41141">
        <v>7</v>
      </c>
      <c r="S41141">
        <v>7</v>
      </c>
      <c r="T41141">
        <v>8</v>
      </c>
      <c r="U41141">
        <v>8</v>
      </c>
      <c r="V41141">
        <v>8</v>
      </c>
      <c r="W41141">
        <v>8</v>
      </c>
      <c r="X41141">
        <v>8</v>
      </c>
      <c r="Y41141">
        <v>8</v>
      </c>
      <c r="Z41141">
        <v>8</v>
      </c>
      <c r="AA41141">
        <v>8</v>
      </c>
      <c r="AB41141">
        <v>8</v>
      </c>
      <c r="AC41141">
        <v>8</v>
      </c>
      <c r="AD41141">
        <v>8</v>
      </c>
      <c r="AE41141">
        <v>8</v>
      </c>
      <c r="AF41141">
        <v>8</v>
      </c>
      <c r="AG41141">
        <v>8</v>
      </c>
      <c r="AH41141">
        <v>8</v>
      </c>
      <c r="AI41141">
        <v>8</v>
      </c>
      <c r="AJ41141">
        <v>8</v>
      </c>
      <c r="AK41141">
        <v>8</v>
      </c>
      <c r="AL41141">
        <v>8</v>
      </c>
      <c r="AM41141">
        <v>8</v>
      </c>
      <c r="AN41141">
        <v>8</v>
      </c>
      <c r="AO41141">
        <v>8</v>
      </c>
      <c r="AP41141">
        <v>8</v>
      </c>
      <c r="AQ41141">
        <v>8</v>
      </c>
    </row>
    <row r="41142" spans="1:43">
      <c r="A41142" t="s">
        <v>25373</v>
      </c>
      <c r="B41142" t="s">
        <v>25374</v>
      </c>
      <c r="C41142" t="s">
        <v>4926</v>
      </c>
      <c r="D41142" t="s">
        <v>4927</v>
      </c>
      <c r="E41142" t="s">
        <v>4916</v>
      </c>
      <c r="F41142" t="s">
        <v>4917</v>
      </c>
      <c r="G41142" t="s">
        <v>80</v>
      </c>
      <c r="H41142" t="s">
        <v>81</v>
      </c>
      <c r="I41142" s="2">
        <v>1</v>
      </c>
      <c r="J41142" s="2">
        <v>0</v>
      </c>
      <c r="K41142" s="2">
        <v>0</v>
      </c>
      <c r="L41142" t="s">
        <v>120</v>
      </c>
      <c r="M41142" t="s">
        <v>83</v>
      </c>
      <c r="N41142" t="s">
        <v>84</v>
      </c>
      <c r="O41142" t="s">
        <v>85</v>
      </c>
      <c r="P41142" t="s">
        <v>86</v>
      </c>
      <c r="Q41142">
        <v>5</v>
      </c>
      <c r="R41142">
        <v>5</v>
      </c>
      <c r="S41142">
        <v>5</v>
      </c>
      <c r="T41142">
        <v>5</v>
      </c>
      <c r="U41142">
        <v>5</v>
      </c>
      <c r="V41142">
        <v>5</v>
      </c>
      <c r="W41142">
        <v>5</v>
      </c>
      <c r="X41142">
        <v>5</v>
      </c>
      <c r="Y41142">
        <v>5</v>
      </c>
      <c r="Z41142">
        <v>5</v>
      </c>
      <c r="AA41142">
        <v>5</v>
      </c>
      <c r="AB41142">
        <v>5</v>
      </c>
      <c r="AC41142">
        <v>5</v>
      </c>
      <c r="AD41142">
        <v>5</v>
      </c>
      <c r="AE41142">
        <v>5</v>
      </c>
      <c r="AF41142">
        <v>5</v>
      </c>
      <c r="AG41142">
        <v>5</v>
      </c>
      <c r="AH41142">
        <v>5</v>
      </c>
      <c r="AI41142">
        <v>5</v>
      </c>
      <c r="AJ41142">
        <v>6</v>
      </c>
      <c r="AK41142">
        <v>6</v>
      </c>
      <c r="AL41142">
        <v>6</v>
      </c>
      <c r="AM41142">
        <v>5</v>
      </c>
      <c r="AN41142">
        <v>5</v>
      </c>
      <c r="AO41142">
        <v>5</v>
      </c>
      <c r="AP41142">
        <v>5</v>
      </c>
      <c r="AQ41142">
        <v>5</v>
      </c>
    </row>
    <row r="41143" spans="1:43">
      <c r="A41143" t="s">
        <v>25373</v>
      </c>
      <c r="B41143" t="s">
        <v>25374</v>
      </c>
      <c r="C41143" t="s">
        <v>4926</v>
      </c>
      <c r="D41143" t="s">
        <v>4927</v>
      </c>
      <c r="E41143" t="s">
        <v>4916</v>
      </c>
      <c r="F41143" t="s">
        <v>4917</v>
      </c>
      <c r="G41143" t="s">
        <v>80</v>
      </c>
      <c r="H41143" t="s">
        <v>81</v>
      </c>
      <c r="I41143" s="2">
        <v>1</v>
      </c>
      <c r="J41143" s="2">
        <v>0</v>
      </c>
      <c r="K41143" s="2">
        <v>0</v>
      </c>
      <c r="L41143" t="s">
        <v>120</v>
      </c>
      <c r="M41143" t="s">
        <v>87</v>
      </c>
      <c r="N41143" t="s">
        <v>88</v>
      </c>
      <c r="O41143" t="s">
        <v>85</v>
      </c>
      <c r="P41143" t="s">
        <v>86</v>
      </c>
      <c r="Q41143">
        <v>5</v>
      </c>
      <c r="R41143">
        <v>5</v>
      </c>
      <c r="S41143">
        <v>5</v>
      </c>
      <c r="T41143">
        <v>5</v>
      </c>
      <c r="U41143">
        <v>5</v>
      </c>
      <c r="V41143">
        <v>5</v>
      </c>
      <c r="W41143">
        <v>5</v>
      </c>
      <c r="X41143">
        <v>5</v>
      </c>
      <c r="Y41143">
        <v>5</v>
      </c>
      <c r="Z41143">
        <v>5</v>
      </c>
      <c r="AA41143">
        <v>5</v>
      </c>
      <c r="AB41143">
        <v>5</v>
      </c>
      <c r="AC41143">
        <v>5</v>
      </c>
      <c r="AD41143">
        <v>5</v>
      </c>
      <c r="AE41143">
        <v>5</v>
      </c>
      <c r="AF41143">
        <v>5</v>
      </c>
      <c r="AG41143">
        <v>5</v>
      </c>
      <c r="AH41143">
        <v>5</v>
      </c>
      <c r="AI41143">
        <v>5</v>
      </c>
      <c r="AJ41143">
        <v>5</v>
      </c>
      <c r="AK41143">
        <v>5</v>
      </c>
      <c r="AL41143">
        <v>5</v>
      </c>
      <c r="AM41143">
        <v>5</v>
      </c>
      <c r="AN41143">
        <v>5</v>
      </c>
      <c r="AO41143">
        <v>5</v>
      </c>
      <c r="AP41143">
        <v>5</v>
      </c>
      <c r="AQ41143">
        <v>5</v>
      </c>
    </row>
    <row r="41144" spans="1:43">
      <c r="A41144" t="s">
        <v>25373</v>
      </c>
      <c r="B41144" t="s">
        <v>25374</v>
      </c>
      <c r="C41144" t="s">
        <v>4926</v>
      </c>
      <c r="D41144" t="s">
        <v>4927</v>
      </c>
      <c r="E41144" t="s">
        <v>4916</v>
      </c>
      <c r="F41144" t="s">
        <v>4917</v>
      </c>
      <c r="G41144" t="s">
        <v>80</v>
      </c>
      <c r="H41144" t="s">
        <v>81</v>
      </c>
      <c r="I41144" s="2">
        <v>1</v>
      </c>
      <c r="J41144" s="2">
        <v>0</v>
      </c>
      <c r="K41144" s="2">
        <v>0</v>
      </c>
      <c r="L41144" t="s">
        <v>120</v>
      </c>
      <c r="M41144" t="s">
        <v>89</v>
      </c>
      <c r="N41144" t="s">
        <v>90</v>
      </c>
      <c r="O41144" t="s">
        <v>85</v>
      </c>
      <c r="P41144" t="s">
        <v>86</v>
      </c>
      <c r="Q41144">
        <v>5</v>
      </c>
      <c r="R41144">
        <v>5</v>
      </c>
      <c r="S41144">
        <v>5</v>
      </c>
      <c r="T41144">
        <v>5</v>
      </c>
      <c r="U41144">
        <v>5</v>
      </c>
      <c r="V41144">
        <v>5</v>
      </c>
      <c r="W41144">
        <v>5</v>
      </c>
      <c r="X41144">
        <v>6</v>
      </c>
      <c r="Y41144">
        <v>6</v>
      </c>
      <c r="Z41144">
        <v>6</v>
      </c>
      <c r="AA41144">
        <v>6</v>
      </c>
      <c r="AB41144">
        <v>6</v>
      </c>
      <c r="AC41144">
        <v>6</v>
      </c>
      <c r="AD41144">
        <v>6</v>
      </c>
      <c r="AE41144">
        <v>6</v>
      </c>
      <c r="AF41144">
        <v>6</v>
      </c>
      <c r="AG41144">
        <v>6</v>
      </c>
      <c r="AH41144">
        <v>6</v>
      </c>
      <c r="AI41144">
        <v>6</v>
      </c>
      <c r="AJ41144">
        <v>6</v>
      </c>
      <c r="AK41144">
        <v>6</v>
      </c>
      <c r="AL41144">
        <v>6</v>
      </c>
      <c r="AM41144">
        <v>6</v>
      </c>
      <c r="AN41144">
        <v>6</v>
      </c>
      <c r="AO41144">
        <v>5</v>
      </c>
      <c r="AP41144">
        <v>5</v>
      </c>
      <c r="AQ41144">
        <v>5</v>
      </c>
    </row>
    <row r="41145" spans="1:43">
      <c r="A41145" t="s">
        <v>25373</v>
      </c>
      <c r="B41145" t="s">
        <v>25374</v>
      </c>
      <c r="C41145" t="s">
        <v>4926</v>
      </c>
      <c r="D41145" t="s">
        <v>4927</v>
      </c>
      <c r="E41145" t="s">
        <v>4916</v>
      </c>
      <c r="F41145" t="s">
        <v>4917</v>
      </c>
      <c r="G41145" t="s">
        <v>80</v>
      </c>
      <c r="H41145" t="s">
        <v>81</v>
      </c>
      <c r="I41145" s="2">
        <v>1</v>
      </c>
      <c r="J41145" s="2">
        <v>0</v>
      </c>
      <c r="K41145" s="2">
        <v>0</v>
      </c>
      <c r="L41145" t="s">
        <v>120</v>
      </c>
      <c r="M41145" t="s">
        <v>83</v>
      </c>
      <c r="N41145" t="s">
        <v>91</v>
      </c>
      <c r="O41145" t="s">
        <v>85</v>
      </c>
      <c r="P41145" t="s">
        <v>86</v>
      </c>
      <c r="Q41145">
        <v>5</v>
      </c>
      <c r="R41145">
        <v>5</v>
      </c>
      <c r="S41145">
        <v>5</v>
      </c>
      <c r="T41145">
        <v>5</v>
      </c>
      <c r="U41145">
        <v>5</v>
      </c>
      <c r="V41145">
        <v>5</v>
      </c>
      <c r="W41145">
        <v>5</v>
      </c>
      <c r="X41145">
        <v>5</v>
      </c>
      <c r="Y41145">
        <v>5</v>
      </c>
      <c r="Z41145">
        <v>5</v>
      </c>
      <c r="AA41145">
        <v>5</v>
      </c>
      <c r="AB41145">
        <v>5</v>
      </c>
      <c r="AC41145">
        <v>5</v>
      </c>
      <c r="AD41145">
        <v>5</v>
      </c>
      <c r="AE41145">
        <v>5</v>
      </c>
      <c r="AF41145">
        <v>5</v>
      </c>
      <c r="AG41145">
        <v>5</v>
      </c>
      <c r="AH41145">
        <v>5</v>
      </c>
      <c r="AI41145">
        <v>5</v>
      </c>
      <c r="AJ41145">
        <v>6</v>
      </c>
      <c r="AK41145">
        <v>6</v>
      </c>
      <c r="AL41145">
        <v>6</v>
      </c>
      <c r="AM41145">
        <v>5</v>
      </c>
      <c r="AN41145">
        <v>5</v>
      </c>
      <c r="AO41145">
        <v>5</v>
      </c>
      <c r="AP41145">
        <v>5</v>
      </c>
      <c r="AQ41145">
        <v>5</v>
      </c>
    </row>
    <row r="41146" spans="1:43">
      <c r="A41146" t="s">
        <v>25375</v>
      </c>
      <c r="B41146" t="s">
        <v>25376</v>
      </c>
      <c r="C41146" t="s">
        <v>975</v>
      </c>
      <c r="D41146" t="s">
        <v>976</v>
      </c>
      <c r="E41146" t="s">
        <v>847</v>
      </c>
      <c r="F41146" t="s">
        <v>848</v>
      </c>
      <c r="G41146" t="s">
        <v>80</v>
      </c>
      <c r="H41146" t="s">
        <v>81</v>
      </c>
      <c r="I41146" s="2">
        <v>0</v>
      </c>
      <c r="J41146" s="2">
        <v>1</v>
      </c>
      <c r="K41146" s="2">
        <v>0</v>
      </c>
      <c r="L41146" t="s">
        <v>82</v>
      </c>
      <c r="M41146" t="s">
        <v>83</v>
      </c>
      <c r="N41146" t="s">
        <v>84</v>
      </c>
      <c r="O41146" t="s">
        <v>85</v>
      </c>
      <c r="P41146" t="s">
        <v>86</v>
      </c>
      <c r="Q41146">
        <v>24</v>
      </c>
      <c r="R41146">
        <v>24</v>
      </c>
      <c r="S41146">
        <v>24</v>
      </c>
      <c r="T41146">
        <v>24</v>
      </c>
      <c r="U41146">
        <v>24</v>
      </c>
      <c r="V41146">
        <v>24</v>
      </c>
      <c r="W41146">
        <v>24</v>
      </c>
      <c r="X41146">
        <v>25</v>
      </c>
      <c r="Y41146">
        <v>25</v>
      </c>
      <c r="Z41146">
        <v>25</v>
      </c>
      <c r="AA41146">
        <v>25</v>
      </c>
      <c r="AB41146">
        <v>25</v>
      </c>
      <c r="AC41146">
        <v>25</v>
      </c>
      <c r="AD41146">
        <v>25</v>
      </c>
      <c r="AE41146">
        <v>25</v>
      </c>
      <c r="AF41146">
        <v>25</v>
      </c>
      <c r="AG41146">
        <v>25</v>
      </c>
      <c r="AH41146">
        <v>25</v>
      </c>
      <c r="AI41146">
        <v>25</v>
      </c>
      <c r="AJ41146">
        <v>25</v>
      </c>
      <c r="AK41146">
        <v>25</v>
      </c>
      <c r="AL41146">
        <v>25</v>
      </c>
      <c r="AM41146">
        <v>25</v>
      </c>
      <c r="AN41146">
        <v>25</v>
      </c>
      <c r="AO41146">
        <v>24</v>
      </c>
      <c r="AP41146">
        <v>24</v>
      </c>
      <c r="AQ41146">
        <v>24</v>
      </c>
    </row>
    <row r="41147" spans="1:43">
      <c r="A41147" t="s">
        <v>25375</v>
      </c>
      <c r="B41147" t="s">
        <v>25376</v>
      </c>
      <c r="C41147" t="s">
        <v>975</v>
      </c>
      <c r="D41147" t="s">
        <v>976</v>
      </c>
      <c r="E41147" t="s">
        <v>847</v>
      </c>
      <c r="F41147" t="s">
        <v>848</v>
      </c>
      <c r="G41147" t="s">
        <v>80</v>
      </c>
      <c r="H41147" t="s">
        <v>81</v>
      </c>
      <c r="I41147" s="2">
        <v>0</v>
      </c>
      <c r="J41147" s="2">
        <v>1</v>
      </c>
      <c r="K41147" s="2">
        <v>0</v>
      </c>
      <c r="L41147" t="s">
        <v>82</v>
      </c>
      <c r="M41147" t="s">
        <v>87</v>
      </c>
      <c r="N41147" t="s">
        <v>88</v>
      </c>
      <c r="O41147" t="s">
        <v>85</v>
      </c>
      <c r="P41147" t="s">
        <v>86</v>
      </c>
      <c r="Q41147">
        <v>24</v>
      </c>
      <c r="R41147">
        <v>24</v>
      </c>
      <c r="S41147">
        <v>23</v>
      </c>
      <c r="T41147">
        <v>23</v>
      </c>
      <c r="U41147">
        <v>23</v>
      </c>
      <c r="V41147">
        <v>23</v>
      </c>
      <c r="W41147">
        <v>23</v>
      </c>
      <c r="X41147">
        <v>23</v>
      </c>
      <c r="Y41147">
        <v>23</v>
      </c>
      <c r="Z41147">
        <v>23</v>
      </c>
      <c r="AA41147">
        <v>23</v>
      </c>
      <c r="AB41147">
        <v>22</v>
      </c>
      <c r="AC41147">
        <v>22</v>
      </c>
      <c r="AD41147">
        <v>22</v>
      </c>
      <c r="AE41147">
        <v>22</v>
      </c>
      <c r="AF41147">
        <v>22</v>
      </c>
      <c r="AG41147">
        <v>22</v>
      </c>
      <c r="AH41147">
        <v>22</v>
      </c>
      <c r="AI41147">
        <v>22</v>
      </c>
      <c r="AJ41147">
        <v>22</v>
      </c>
      <c r="AK41147">
        <v>22</v>
      </c>
      <c r="AL41147">
        <v>21</v>
      </c>
      <c r="AM41147">
        <v>21</v>
      </c>
      <c r="AN41147">
        <v>21</v>
      </c>
      <c r="AO41147">
        <v>21</v>
      </c>
      <c r="AP41147">
        <v>21</v>
      </c>
      <c r="AQ41147">
        <v>21</v>
      </c>
    </row>
    <row r="41148" spans="1:43">
      <c r="A41148" t="s">
        <v>25375</v>
      </c>
      <c r="B41148" t="s">
        <v>25376</v>
      </c>
      <c r="C41148" t="s">
        <v>975</v>
      </c>
      <c r="D41148" t="s">
        <v>976</v>
      </c>
      <c r="E41148" t="s">
        <v>847</v>
      </c>
      <c r="F41148" t="s">
        <v>848</v>
      </c>
      <c r="G41148" t="s">
        <v>80</v>
      </c>
      <c r="H41148" t="s">
        <v>81</v>
      </c>
      <c r="I41148" s="2">
        <v>0</v>
      </c>
      <c r="J41148" s="2">
        <v>1</v>
      </c>
      <c r="K41148" s="2">
        <v>0</v>
      </c>
      <c r="L41148" t="s">
        <v>82</v>
      </c>
      <c r="M41148" t="s">
        <v>89</v>
      </c>
      <c r="N41148" t="s">
        <v>90</v>
      </c>
      <c r="O41148" t="s">
        <v>85</v>
      </c>
      <c r="P41148" t="s">
        <v>86</v>
      </c>
      <c r="Q41148">
        <v>24</v>
      </c>
      <c r="R41148">
        <v>24</v>
      </c>
      <c r="S41148">
        <v>25</v>
      </c>
      <c r="T41148">
        <v>25</v>
      </c>
      <c r="U41148">
        <v>25</v>
      </c>
      <c r="V41148">
        <v>25</v>
      </c>
      <c r="W41148">
        <v>26</v>
      </c>
      <c r="X41148">
        <v>26</v>
      </c>
      <c r="Y41148">
        <v>26</v>
      </c>
      <c r="Z41148">
        <v>26</v>
      </c>
      <c r="AA41148">
        <v>26</v>
      </c>
      <c r="AB41148">
        <v>26</v>
      </c>
      <c r="AC41148">
        <v>27</v>
      </c>
      <c r="AD41148">
        <v>27</v>
      </c>
      <c r="AE41148">
        <v>27</v>
      </c>
      <c r="AF41148">
        <v>26</v>
      </c>
      <c r="AG41148">
        <v>26</v>
      </c>
      <c r="AH41148">
        <v>26</v>
      </c>
      <c r="AI41148">
        <v>26</v>
      </c>
      <c r="AJ41148">
        <v>26</v>
      </c>
      <c r="AK41148">
        <v>25</v>
      </c>
      <c r="AL41148">
        <v>25</v>
      </c>
      <c r="AM41148">
        <v>25</v>
      </c>
      <c r="AN41148">
        <v>25</v>
      </c>
      <c r="AO41148">
        <v>25</v>
      </c>
      <c r="AP41148">
        <v>25</v>
      </c>
      <c r="AQ41148">
        <v>24</v>
      </c>
    </row>
    <row r="41149" spans="1:43">
      <c r="A41149" t="s">
        <v>25375</v>
      </c>
      <c r="B41149" t="s">
        <v>25376</v>
      </c>
      <c r="C41149" t="s">
        <v>975</v>
      </c>
      <c r="D41149" t="s">
        <v>976</v>
      </c>
      <c r="E41149" t="s">
        <v>847</v>
      </c>
      <c r="F41149" t="s">
        <v>848</v>
      </c>
      <c r="G41149" t="s">
        <v>80</v>
      </c>
      <c r="H41149" t="s">
        <v>81</v>
      </c>
      <c r="I41149" s="2">
        <v>0</v>
      </c>
      <c r="J41149" s="2">
        <v>1</v>
      </c>
      <c r="K41149" s="2">
        <v>0</v>
      </c>
      <c r="L41149" t="s">
        <v>82</v>
      </c>
      <c r="M41149" t="s">
        <v>83</v>
      </c>
      <c r="N41149" t="s">
        <v>91</v>
      </c>
      <c r="O41149" t="s">
        <v>85</v>
      </c>
      <c r="P41149" t="s">
        <v>86</v>
      </c>
      <c r="Q41149">
        <v>24</v>
      </c>
      <c r="R41149">
        <v>24</v>
      </c>
      <c r="S41149">
        <v>24</v>
      </c>
      <c r="T41149">
        <v>24</v>
      </c>
      <c r="U41149">
        <v>24</v>
      </c>
      <c r="V41149">
        <v>24</v>
      </c>
      <c r="W41149">
        <v>24</v>
      </c>
      <c r="X41149">
        <v>25</v>
      </c>
      <c r="Y41149">
        <v>25</v>
      </c>
      <c r="Z41149">
        <v>25</v>
      </c>
      <c r="AA41149">
        <v>25</v>
      </c>
      <c r="AB41149">
        <v>25</v>
      </c>
      <c r="AC41149">
        <v>25</v>
      </c>
      <c r="AD41149">
        <v>25</v>
      </c>
      <c r="AE41149">
        <v>25</v>
      </c>
      <c r="AF41149">
        <v>25</v>
      </c>
      <c r="AG41149">
        <v>25</v>
      </c>
      <c r="AH41149">
        <v>25</v>
      </c>
      <c r="AI41149">
        <v>25</v>
      </c>
      <c r="AJ41149">
        <v>25</v>
      </c>
      <c r="AK41149">
        <v>25</v>
      </c>
      <c r="AL41149">
        <v>25</v>
      </c>
      <c r="AM41149">
        <v>25</v>
      </c>
      <c r="AN41149">
        <v>25</v>
      </c>
      <c r="AO41149">
        <v>24</v>
      </c>
      <c r="AP41149">
        <v>24</v>
      </c>
      <c r="AQ41149">
        <v>24</v>
      </c>
    </row>
    <row r="41150" spans="1:43">
      <c r="A41150" t="s">
        <v>25377</v>
      </c>
      <c r="B41150" t="s">
        <v>25378</v>
      </c>
      <c r="C41150" t="s">
        <v>975</v>
      </c>
      <c r="D41150" t="s">
        <v>976</v>
      </c>
      <c r="E41150" t="s">
        <v>847</v>
      </c>
      <c r="F41150" t="s">
        <v>848</v>
      </c>
      <c r="G41150" t="s">
        <v>80</v>
      </c>
      <c r="H41150" t="s">
        <v>81</v>
      </c>
      <c r="I41150" s="2">
        <v>0</v>
      </c>
      <c r="J41150" s="2">
        <v>1</v>
      </c>
      <c r="K41150" s="2">
        <v>0</v>
      </c>
      <c r="L41150" t="s">
        <v>82</v>
      </c>
      <c r="M41150" t="s">
        <v>83</v>
      </c>
      <c r="N41150" t="s">
        <v>84</v>
      </c>
      <c r="O41150" t="s">
        <v>85</v>
      </c>
      <c r="P41150" t="s">
        <v>86</v>
      </c>
      <c r="Q41150">
        <v>25</v>
      </c>
      <c r="R41150">
        <v>26</v>
      </c>
      <c r="S41150">
        <v>26</v>
      </c>
      <c r="T41150">
        <v>26</v>
      </c>
      <c r="U41150">
        <v>26</v>
      </c>
      <c r="V41150">
        <v>26</v>
      </c>
      <c r="W41150">
        <v>26</v>
      </c>
      <c r="X41150">
        <v>26</v>
      </c>
      <c r="Y41150">
        <v>26</v>
      </c>
      <c r="Z41150">
        <v>26</v>
      </c>
      <c r="AA41150">
        <v>26</v>
      </c>
      <c r="AB41150">
        <v>27</v>
      </c>
      <c r="AC41150">
        <v>27</v>
      </c>
      <c r="AD41150">
        <v>27</v>
      </c>
      <c r="AE41150">
        <v>27</v>
      </c>
      <c r="AF41150">
        <v>27</v>
      </c>
      <c r="AG41150">
        <v>27</v>
      </c>
      <c r="AH41150">
        <v>27</v>
      </c>
      <c r="AI41150">
        <v>27</v>
      </c>
      <c r="AJ41150">
        <v>27</v>
      </c>
      <c r="AK41150">
        <v>27</v>
      </c>
      <c r="AL41150">
        <v>27</v>
      </c>
      <c r="AM41150">
        <v>27</v>
      </c>
      <c r="AN41150">
        <v>26</v>
      </c>
      <c r="AO41150">
        <v>26</v>
      </c>
      <c r="AP41150">
        <v>26</v>
      </c>
      <c r="AQ41150">
        <v>26</v>
      </c>
    </row>
    <row r="41151" spans="1:43">
      <c r="A41151" t="s">
        <v>25377</v>
      </c>
      <c r="B41151" t="s">
        <v>25378</v>
      </c>
      <c r="C41151" t="s">
        <v>975</v>
      </c>
      <c r="D41151" t="s">
        <v>976</v>
      </c>
      <c r="E41151" t="s">
        <v>847</v>
      </c>
      <c r="F41151" t="s">
        <v>848</v>
      </c>
      <c r="G41151" t="s">
        <v>80</v>
      </c>
      <c r="H41151" t="s">
        <v>81</v>
      </c>
      <c r="I41151" s="2">
        <v>0</v>
      </c>
      <c r="J41151" s="2">
        <v>1</v>
      </c>
      <c r="K41151" s="2">
        <v>0</v>
      </c>
      <c r="L41151" t="s">
        <v>82</v>
      </c>
      <c r="M41151" t="s">
        <v>87</v>
      </c>
      <c r="N41151" t="s">
        <v>88</v>
      </c>
      <c r="O41151" t="s">
        <v>85</v>
      </c>
      <c r="P41151" t="s">
        <v>86</v>
      </c>
      <c r="Q41151">
        <v>25</v>
      </c>
      <c r="R41151">
        <v>25</v>
      </c>
      <c r="S41151">
        <v>25</v>
      </c>
      <c r="T41151">
        <v>25</v>
      </c>
      <c r="U41151">
        <v>25</v>
      </c>
      <c r="V41151">
        <v>25</v>
      </c>
      <c r="W41151">
        <v>25</v>
      </c>
      <c r="X41151">
        <v>24</v>
      </c>
      <c r="Y41151">
        <v>24</v>
      </c>
      <c r="Z41151">
        <v>24</v>
      </c>
      <c r="AA41151">
        <v>24</v>
      </c>
      <c r="AB41151">
        <v>24</v>
      </c>
      <c r="AC41151">
        <v>24</v>
      </c>
      <c r="AD41151">
        <v>24</v>
      </c>
      <c r="AE41151">
        <v>24</v>
      </c>
      <c r="AF41151">
        <v>24</v>
      </c>
      <c r="AG41151">
        <v>23</v>
      </c>
      <c r="AH41151">
        <v>23</v>
      </c>
      <c r="AI41151">
        <v>23</v>
      </c>
      <c r="AJ41151">
        <v>23</v>
      </c>
      <c r="AK41151">
        <v>23</v>
      </c>
      <c r="AL41151">
        <v>23</v>
      </c>
      <c r="AM41151">
        <v>23</v>
      </c>
      <c r="AN41151">
        <v>23</v>
      </c>
      <c r="AO41151">
        <v>23</v>
      </c>
      <c r="AP41151">
        <v>23</v>
      </c>
      <c r="AQ41151">
        <v>22</v>
      </c>
    </row>
    <row r="41152" spans="1:43">
      <c r="A41152" t="s">
        <v>25377</v>
      </c>
      <c r="B41152" t="s">
        <v>25378</v>
      </c>
      <c r="C41152" t="s">
        <v>975</v>
      </c>
      <c r="D41152" t="s">
        <v>976</v>
      </c>
      <c r="E41152" t="s">
        <v>847</v>
      </c>
      <c r="F41152" t="s">
        <v>848</v>
      </c>
      <c r="G41152" t="s">
        <v>80</v>
      </c>
      <c r="H41152" t="s">
        <v>81</v>
      </c>
      <c r="I41152" s="2">
        <v>0</v>
      </c>
      <c r="J41152" s="2">
        <v>1</v>
      </c>
      <c r="K41152" s="2">
        <v>0</v>
      </c>
      <c r="L41152" t="s">
        <v>82</v>
      </c>
      <c r="M41152" t="s">
        <v>89</v>
      </c>
      <c r="N41152" t="s">
        <v>90</v>
      </c>
      <c r="O41152" t="s">
        <v>85</v>
      </c>
      <c r="P41152" t="s">
        <v>86</v>
      </c>
      <c r="Q41152">
        <v>25</v>
      </c>
      <c r="R41152">
        <v>25</v>
      </c>
      <c r="S41152">
        <v>25</v>
      </c>
      <c r="T41152">
        <v>26</v>
      </c>
      <c r="U41152">
        <v>26</v>
      </c>
      <c r="V41152">
        <v>26</v>
      </c>
      <c r="W41152">
        <v>26</v>
      </c>
      <c r="X41152">
        <v>27</v>
      </c>
      <c r="Y41152">
        <v>27</v>
      </c>
      <c r="Z41152">
        <v>27</v>
      </c>
      <c r="AA41152">
        <v>27</v>
      </c>
      <c r="AB41152">
        <v>27</v>
      </c>
      <c r="AC41152">
        <v>27</v>
      </c>
      <c r="AD41152">
        <v>28</v>
      </c>
      <c r="AE41152">
        <v>27</v>
      </c>
      <c r="AF41152">
        <v>27</v>
      </c>
      <c r="AG41152">
        <v>27</v>
      </c>
      <c r="AH41152">
        <v>27</v>
      </c>
      <c r="AI41152">
        <v>27</v>
      </c>
      <c r="AJ41152">
        <v>26</v>
      </c>
      <c r="AK41152">
        <v>26</v>
      </c>
      <c r="AL41152">
        <v>26</v>
      </c>
      <c r="AM41152">
        <v>26</v>
      </c>
      <c r="AN41152">
        <v>26</v>
      </c>
      <c r="AO41152">
        <v>25</v>
      </c>
      <c r="AP41152">
        <v>25</v>
      </c>
      <c r="AQ41152">
        <v>25</v>
      </c>
    </row>
    <row r="41153" spans="1:43">
      <c r="A41153" t="s">
        <v>25377</v>
      </c>
      <c r="B41153" t="s">
        <v>25378</v>
      </c>
      <c r="C41153" t="s">
        <v>975</v>
      </c>
      <c r="D41153" t="s">
        <v>976</v>
      </c>
      <c r="E41153" t="s">
        <v>847</v>
      </c>
      <c r="F41153" t="s">
        <v>848</v>
      </c>
      <c r="G41153" t="s">
        <v>80</v>
      </c>
      <c r="H41153" t="s">
        <v>81</v>
      </c>
      <c r="I41153" s="2">
        <v>0</v>
      </c>
      <c r="J41153" s="2">
        <v>1</v>
      </c>
      <c r="K41153" s="2">
        <v>0</v>
      </c>
      <c r="L41153" t="s">
        <v>82</v>
      </c>
      <c r="M41153" t="s">
        <v>83</v>
      </c>
      <c r="N41153" t="s">
        <v>91</v>
      </c>
      <c r="O41153" t="s">
        <v>85</v>
      </c>
      <c r="P41153" t="s">
        <v>86</v>
      </c>
      <c r="Q41153">
        <v>25</v>
      </c>
      <c r="R41153">
        <v>26</v>
      </c>
      <c r="S41153">
        <v>26</v>
      </c>
      <c r="T41153">
        <v>26</v>
      </c>
      <c r="U41153">
        <v>26</v>
      </c>
      <c r="V41153">
        <v>26</v>
      </c>
      <c r="W41153">
        <v>26</v>
      </c>
      <c r="X41153">
        <v>26</v>
      </c>
      <c r="Y41153">
        <v>26</v>
      </c>
      <c r="Z41153">
        <v>26</v>
      </c>
      <c r="AA41153">
        <v>26</v>
      </c>
      <c r="AB41153">
        <v>27</v>
      </c>
      <c r="AC41153">
        <v>27</v>
      </c>
      <c r="AD41153">
        <v>27</v>
      </c>
      <c r="AE41153">
        <v>27</v>
      </c>
      <c r="AF41153">
        <v>27</v>
      </c>
      <c r="AG41153">
        <v>27</v>
      </c>
      <c r="AH41153">
        <v>27</v>
      </c>
      <c r="AI41153">
        <v>27</v>
      </c>
      <c r="AJ41153">
        <v>27</v>
      </c>
      <c r="AK41153">
        <v>27</v>
      </c>
      <c r="AL41153">
        <v>27</v>
      </c>
      <c r="AM41153">
        <v>27</v>
      </c>
      <c r="AN41153">
        <v>26</v>
      </c>
      <c r="AO41153">
        <v>26</v>
      </c>
      <c r="AP41153">
        <v>26</v>
      </c>
      <c r="AQ41153">
        <v>26</v>
      </c>
    </row>
    <row r="41154" spans="1:43">
      <c r="A41154" t="s">
        <v>25379</v>
      </c>
      <c r="B41154" t="s">
        <v>25380</v>
      </c>
      <c r="C41154" t="s">
        <v>979</v>
      </c>
      <c r="D41154" t="s">
        <v>980</v>
      </c>
      <c r="E41154" t="s">
        <v>847</v>
      </c>
      <c r="F41154" t="s">
        <v>848</v>
      </c>
      <c r="G41154" t="s">
        <v>80</v>
      </c>
      <c r="H41154" t="s">
        <v>81</v>
      </c>
      <c r="I41154" s="2">
        <v>0</v>
      </c>
      <c r="J41154" s="2">
        <v>1</v>
      </c>
      <c r="K41154" s="2">
        <v>0</v>
      </c>
      <c r="L41154" t="s">
        <v>82</v>
      </c>
      <c r="M41154" t="s">
        <v>83</v>
      </c>
      <c r="N41154" t="s">
        <v>84</v>
      </c>
      <c r="O41154" t="s">
        <v>85</v>
      </c>
      <c r="P41154" t="s">
        <v>86</v>
      </c>
      <c r="Q41154">
        <v>128</v>
      </c>
      <c r="R41154">
        <v>129</v>
      </c>
      <c r="S41154">
        <v>129</v>
      </c>
      <c r="T41154">
        <v>130</v>
      </c>
      <c r="U41154">
        <v>131</v>
      </c>
      <c r="V41154">
        <v>131</v>
      </c>
      <c r="W41154">
        <v>132</v>
      </c>
      <c r="X41154">
        <v>132</v>
      </c>
      <c r="Y41154">
        <v>133</v>
      </c>
      <c r="Z41154">
        <v>134</v>
      </c>
      <c r="AA41154">
        <v>134</v>
      </c>
      <c r="AB41154">
        <v>135</v>
      </c>
      <c r="AC41154">
        <v>135</v>
      </c>
      <c r="AD41154">
        <v>136</v>
      </c>
      <c r="AE41154">
        <v>136</v>
      </c>
      <c r="AF41154">
        <v>137</v>
      </c>
      <c r="AG41154">
        <v>137</v>
      </c>
      <c r="AH41154">
        <v>137</v>
      </c>
      <c r="AI41154">
        <v>138</v>
      </c>
      <c r="AJ41154">
        <v>138</v>
      </c>
      <c r="AK41154">
        <v>139</v>
      </c>
      <c r="AL41154">
        <v>138</v>
      </c>
      <c r="AM41154">
        <v>138</v>
      </c>
      <c r="AN41154">
        <v>137</v>
      </c>
      <c r="AO41154">
        <v>136</v>
      </c>
      <c r="AP41154">
        <v>136</v>
      </c>
      <c r="AQ41154">
        <v>135</v>
      </c>
    </row>
    <row r="41155" spans="1:43">
      <c r="A41155" t="s">
        <v>25379</v>
      </c>
      <c r="B41155" t="s">
        <v>25380</v>
      </c>
      <c r="C41155" t="s">
        <v>979</v>
      </c>
      <c r="D41155" t="s">
        <v>980</v>
      </c>
      <c r="E41155" t="s">
        <v>847</v>
      </c>
      <c r="F41155" t="s">
        <v>848</v>
      </c>
      <c r="G41155" t="s">
        <v>80</v>
      </c>
      <c r="H41155" t="s">
        <v>81</v>
      </c>
      <c r="I41155" s="2">
        <v>0</v>
      </c>
      <c r="J41155" s="2">
        <v>1</v>
      </c>
      <c r="K41155" s="2">
        <v>0</v>
      </c>
      <c r="L41155" t="s">
        <v>82</v>
      </c>
      <c r="M41155" t="s">
        <v>87</v>
      </c>
      <c r="N41155" t="s">
        <v>88</v>
      </c>
      <c r="O41155" t="s">
        <v>85</v>
      </c>
      <c r="P41155" t="s">
        <v>86</v>
      </c>
      <c r="Q41155">
        <v>128</v>
      </c>
      <c r="R41155">
        <v>127</v>
      </c>
      <c r="S41155">
        <v>127</v>
      </c>
      <c r="T41155">
        <v>126</v>
      </c>
      <c r="U41155">
        <v>126</v>
      </c>
      <c r="V41155">
        <v>125</v>
      </c>
      <c r="W41155">
        <v>125</v>
      </c>
      <c r="X41155">
        <v>124</v>
      </c>
      <c r="Y41155">
        <v>124</v>
      </c>
      <c r="Z41155">
        <v>124</v>
      </c>
      <c r="AA41155">
        <v>123</v>
      </c>
      <c r="AB41155">
        <v>123</v>
      </c>
      <c r="AC41155">
        <v>122</v>
      </c>
      <c r="AD41155">
        <v>122</v>
      </c>
      <c r="AE41155">
        <v>122</v>
      </c>
      <c r="AF41155">
        <v>121</v>
      </c>
      <c r="AG41155">
        <v>121</v>
      </c>
      <c r="AH41155">
        <v>120</v>
      </c>
      <c r="AI41155">
        <v>120</v>
      </c>
      <c r="AJ41155">
        <v>120</v>
      </c>
      <c r="AK41155">
        <v>119</v>
      </c>
      <c r="AL41155">
        <v>119</v>
      </c>
      <c r="AM41155">
        <v>119</v>
      </c>
      <c r="AN41155">
        <v>118</v>
      </c>
      <c r="AO41155">
        <v>118</v>
      </c>
      <c r="AP41155">
        <v>118</v>
      </c>
      <c r="AQ41155">
        <v>117</v>
      </c>
    </row>
    <row r="41156" spans="1:43">
      <c r="A41156" t="s">
        <v>25379</v>
      </c>
      <c r="B41156" t="s">
        <v>25380</v>
      </c>
      <c r="C41156" t="s">
        <v>979</v>
      </c>
      <c r="D41156" t="s">
        <v>980</v>
      </c>
      <c r="E41156" t="s">
        <v>847</v>
      </c>
      <c r="F41156" t="s">
        <v>848</v>
      </c>
      <c r="G41156" t="s">
        <v>80</v>
      </c>
      <c r="H41156" t="s">
        <v>81</v>
      </c>
      <c r="I41156" s="2">
        <v>0</v>
      </c>
      <c r="J41156" s="2">
        <v>1</v>
      </c>
      <c r="K41156" s="2">
        <v>0</v>
      </c>
      <c r="L41156" t="s">
        <v>82</v>
      </c>
      <c r="M41156" t="s">
        <v>89</v>
      </c>
      <c r="N41156" t="s">
        <v>90</v>
      </c>
      <c r="O41156" t="s">
        <v>85</v>
      </c>
      <c r="P41156" t="s">
        <v>86</v>
      </c>
      <c r="Q41156">
        <v>128</v>
      </c>
      <c r="R41156">
        <v>130</v>
      </c>
      <c r="S41156">
        <v>132</v>
      </c>
      <c r="T41156">
        <v>133</v>
      </c>
      <c r="U41156">
        <v>135</v>
      </c>
      <c r="V41156">
        <v>136</v>
      </c>
      <c r="W41156">
        <v>138</v>
      </c>
      <c r="X41156">
        <v>139</v>
      </c>
      <c r="Y41156">
        <v>140</v>
      </c>
      <c r="Z41156">
        <v>141</v>
      </c>
      <c r="AA41156">
        <v>142</v>
      </c>
      <c r="AB41156">
        <v>143</v>
      </c>
      <c r="AC41156">
        <v>144</v>
      </c>
      <c r="AD41156">
        <v>145</v>
      </c>
      <c r="AE41156">
        <v>145</v>
      </c>
      <c r="AF41156">
        <v>144</v>
      </c>
      <c r="AG41156">
        <v>143</v>
      </c>
      <c r="AH41156">
        <v>143</v>
      </c>
      <c r="AI41156">
        <v>142</v>
      </c>
      <c r="AJ41156">
        <v>141</v>
      </c>
      <c r="AK41156">
        <v>140</v>
      </c>
      <c r="AL41156">
        <v>140</v>
      </c>
      <c r="AM41156">
        <v>139</v>
      </c>
      <c r="AN41156">
        <v>138</v>
      </c>
      <c r="AO41156">
        <v>137</v>
      </c>
      <c r="AP41156">
        <v>137</v>
      </c>
      <c r="AQ41156">
        <v>136</v>
      </c>
    </row>
    <row r="41157" spans="1:43">
      <c r="A41157" t="s">
        <v>25379</v>
      </c>
      <c r="B41157" t="s">
        <v>25380</v>
      </c>
      <c r="C41157" t="s">
        <v>979</v>
      </c>
      <c r="D41157" t="s">
        <v>980</v>
      </c>
      <c r="E41157" t="s">
        <v>847</v>
      </c>
      <c r="F41157" t="s">
        <v>848</v>
      </c>
      <c r="G41157" t="s">
        <v>80</v>
      </c>
      <c r="H41157" t="s">
        <v>81</v>
      </c>
      <c r="I41157" s="2">
        <v>0</v>
      </c>
      <c r="J41157" s="2">
        <v>1</v>
      </c>
      <c r="K41157" s="2">
        <v>0</v>
      </c>
      <c r="L41157" t="s">
        <v>82</v>
      </c>
      <c r="M41157" t="s">
        <v>83</v>
      </c>
      <c r="N41157" t="s">
        <v>91</v>
      </c>
      <c r="O41157" t="s">
        <v>85</v>
      </c>
      <c r="P41157" t="s">
        <v>86</v>
      </c>
      <c r="Q41157">
        <v>128</v>
      </c>
      <c r="R41157">
        <v>129</v>
      </c>
      <c r="S41157">
        <v>129</v>
      </c>
      <c r="T41157">
        <v>130</v>
      </c>
      <c r="U41157">
        <v>131</v>
      </c>
      <c r="V41157">
        <v>131</v>
      </c>
      <c r="W41157">
        <v>132</v>
      </c>
      <c r="X41157">
        <v>132</v>
      </c>
      <c r="Y41157">
        <v>133</v>
      </c>
      <c r="Z41157">
        <v>134</v>
      </c>
      <c r="AA41157">
        <v>134</v>
      </c>
      <c r="AB41157">
        <v>135</v>
      </c>
      <c r="AC41157">
        <v>135</v>
      </c>
      <c r="AD41157">
        <v>136</v>
      </c>
      <c r="AE41157">
        <v>136</v>
      </c>
      <c r="AF41157">
        <v>137</v>
      </c>
      <c r="AG41157">
        <v>137</v>
      </c>
      <c r="AH41157">
        <v>137</v>
      </c>
      <c r="AI41157">
        <v>138</v>
      </c>
      <c r="AJ41157">
        <v>138</v>
      </c>
      <c r="AK41157">
        <v>139</v>
      </c>
      <c r="AL41157">
        <v>138</v>
      </c>
      <c r="AM41157">
        <v>138</v>
      </c>
      <c r="AN41157">
        <v>137</v>
      </c>
      <c r="AO41157">
        <v>136</v>
      </c>
      <c r="AP41157">
        <v>136</v>
      </c>
      <c r="AQ41157">
        <v>135</v>
      </c>
    </row>
    <row r="41158" spans="1:43">
      <c r="A41158" t="s">
        <v>25381</v>
      </c>
      <c r="B41158" t="s">
        <v>25382</v>
      </c>
      <c r="C41158" t="s">
        <v>979</v>
      </c>
      <c r="D41158" t="s">
        <v>980</v>
      </c>
      <c r="E41158" t="s">
        <v>847</v>
      </c>
      <c r="F41158" t="s">
        <v>848</v>
      </c>
      <c r="G41158" t="s">
        <v>80</v>
      </c>
      <c r="H41158" t="s">
        <v>81</v>
      </c>
      <c r="I41158" s="2">
        <v>0</v>
      </c>
      <c r="J41158" s="2">
        <v>1</v>
      </c>
      <c r="K41158" s="2">
        <v>0</v>
      </c>
      <c r="L41158" t="s">
        <v>82</v>
      </c>
      <c r="M41158" t="s">
        <v>83</v>
      </c>
      <c r="N41158" t="s">
        <v>84</v>
      </c>
      <c r="O41158" t="s">
        <v>85</v>
      </c>
      <c r="P41158" t="s">
        <v>86</v>
      </c>
      <c r="Q41158">
        <v>5</v>
      </c>
      <c r="R41158">
        <v>5</v>
      </c>
      <c r="S41158">
        <v>5</v>
      </c>
      <c r="T41158">
        <v>5</v>
      </c>
      <c r="U41158">
        <v>5</v>
      </c>
      <c r="V41158">
        <v>5</v>
      </c>
      <c r="W41158">
        <v>5</v>
      </c>
      <c r="X41158">
        <v>5</v>
      </c>
      <c r="Y41158">
        <v>5</v>
      </c>
      <c r="Z41158">
        <v>5</v>
      </c>
      <c r="AA41158">
        <v>5</v>
      </c>
      <c r="AB41158">
        <v>5</v>
      </c>
      <c r="AC41158">
        <v>5</v>
      </c>
      <c r="AD41158">
        <v>5</v>
      </c>
      <c r="AE41158">
        <v>5</v>
      </c>
      <c r="AF41158">
        <v>5</v>
      </c>
      <c r="AG41158">
        <v>5</v>
      </c>
      <c r="AH41158">
        <v>5</v>
      </c>
      <c r="AI41158">
        <v>5</v>
      </c>
      <c r="AJ41158">
        <v>5</v>
      </c>
      <c r="AK41158">
        <v>5</v>
      </c>
      <c r="AL41158">
        <v>5</v>
      </c>
      <c r="AM41158">
        <v>5</v>
      </c>
      <c r="AN41158">
        <v>5</v>
      </c>
      <c r="AO41158">
        <v>5</v>
      </c>
      <c r="AP41158">
        <v>5</v>
      </c>
      <c r="AQ41158">
        <v>5</v>
      </c>
    </row>
    <row r="41159" spans="1:43">
      <c r="A41159" t="s">
        <v>25381</v>
      </c>
      <c r="B41159" t="s">
        <v>25382</v>
      </c>
      <c r="C41159" t="s">
        <v>979</v>
      </c>
      <c r="D41159" t="s">
        <v>980</v>
      </c>
      <c r="E41159" t="s">
        <v>847</v>
      </c>
      <c r="F41159" t="s">
        <v>848</v>
      </c>
      <c r="G41159" t="s">
        <v>80</v>
      </c>
      <c r="H41159" t="s">
        <v>81</v>
      </c>
      <c r="I41159" s="2">
        <v>0</v>
      </c>
      <c r="J41159" s="2">
        <v>1</v>
      </c>
      <c r="K41159" s="2">
        <v>0</v>
      </c>
      <c r="L41159" t="s">
        <v>82</v>
      </c>
      <c r="M41159" t="s">
        <v>87</v>
      </c>
      <c r="N41159" t="s">
        <v>88</v>
      </c>
      <c r="O41159" t="s">
        <v>85</v>
      </c>
      <c r="P41159" t="s">
        <v>86</v>
      </c>
      <c r="Q41159">
        <v>5</v>
      </c>
      <c r="R41159">
        <v>5</v>
      </c>
      <c r="S41159">
        <v>5</v>
      </c>
      <c r="T41159">
        <v>5</v>
      </c>
      <c r="U41159">
        <v>5</v>
      </c>
      <c r="V41159">
        <v>5</v>
      </c>
      <c r="W41159">
        <v>5</v>
      </c>
      <c r="X41159">
        <v>5</v>
      </c>
      <c r="Y41159">
        <v>5</v>
      </c>
      <c r="Z41159">
        <v>5</v>
      </c>
      <c r="AA41159">
        <v>5</v>
      </c>
      <c r="AB41159">
        <v>5</v>
      </c>
      <c r="AC41159">
        <v>5</v>
      </c>
      <c r="AD41159">
        <v>5</v>
      </c>
      <c r="AE41159">
        <v>5</v>
      </c>
      <c r="AF41159">
        <v>5</v>
      </c>
      <c r="AG41159">
        <v>5</v>
      </c>
      <c r="AH41159">
        <v>5</v>
      </c>
      <c r="AI41159">
        <v>5</v>
      </c>
      <c r="AJ41159">
        <v>5</v>
      </c>
      <c r="AK41159">
        <v>5</v>
      </c>
      <c r="AL41159">
        <v>5</v>
      </c>
      <c r="AM41159">
        <v>5</v>
      </c>
      <c r="AN41159">
        <v>5</v>
      </c>
      <c r="AO41159">
        <v>5</v>
      </c>
      <c r="AP41159">
        <v>4</v>
      </c>
      <c r="AQ41159">
        <v>4</v>
      </c>
    </row>
    <row r="41160" spans="1:43">
      <c r="A41160" t="s">
        <v>25381</v>
      </c>
      <c r="B41160" t="s">
        <v>25382</v>
      </c>
      <c r="C41160" t="s">
        <v>979</v>
      </c>
      <c r="D41160" t="s">
        <v>980</v>
      </c>
      <c r="E41160" t="s">
        <v>847</v>
      </c>
      <c r="F41160" t="s">
        <v>848</v>
      </c>
      <c r="G41160" t="s">
        <v>80</v>
      </c>
      <c r="H41160" t="s">
        <v>81</v>
      </c>
      <c r="I41160" s="2">
        <v>0</v>
      </c>
      <c r="J41160" s="2">
        <v>1</v>
      </c>
      <c r="K41160" s="2">
        <v>0</v>
      </c>
      <c r="L41160" t="s">
        <v>82</v>
      </c>
      <c r="M41160" t="s">
        <v>89</v>
      </c>
      <c r="N41160" t="s">
        <v>90</v>
      </c>
      <c r="O41160" t="s">
        <v>85</v>
      </c>
      <c r="P41160" t="s">
        <v>86</v>
      </c>
      <c r="Q41160">
        <v>5</v>
      </c>
      <c r="R41160">
        <v>5</v>
      </c>
      <c r="S41160">
        <v>5</v>
      </c>
      <c r="T41160">
        <v>5</v>
      </c>
      <c r="U41160">
        <v>5</v>
      </c>
      <c r="V41160">
        <v>5</v>
      </c>
      <c r="W41160">
        <v>5</v>
      </c>
      <c r="X41160">
        <v>5</v>
      </c>
      <c r="Y41160">
        <v>5</v>
      </c>
      <c r="Z41160">
        <v>5</v>
      </c>
      <c r="AA41160">
        <v>6</v>
      </c>
      <c r="AB41160">
        <v>6</v>
      </c>
      <c r="AC41160">
        <v>6</v>
      </c>
      <c r="AD41160">
        <v>6</v>
      </c>
      <c r="AE41160">
        <v>6</v>
      </c>
      <c r="AF41160">
        <v>6</v>
      </c>
      <c r="AG41160">
        <v>6</v>
      </c>
      <c r="AH41160">
        <v>6</v>
      </c>
      <c r="AI41160">
        <v>6</v>
      </c>
      <c r="AJ41160">
        <v>5</v>
      </c>
      <c r="AK41160">
        <v>5</v>
      </c>
      <c r="AL41160">
        <v>5</v>
      </c>
      <c r="AM41160">
        <v>5</v>
      </c>
      <c r="AN41160">
        <v>5</v>
      </c>
      <c r="AO41160">
        <v>5</v>
      </c>
      <c r="AP41160">
        <v>5</v>
      </c>
      <c r="AQ41160">
        <v>5</v>
      </c>
    </row>
    <row r="41161" spans="1:43">
      <c r="A41161" t="s">
        <v>25381</v>
      </c>
      <c r="B41161" t="s">
        <v>25382</v>
      </c>
      <c r="C41161" t="s">
        <v>979</v>
      </c>
      <c r="D41161" t="s">
        <v>980</v>
      </c>
      <c r="E41161" t="s">
        <v>847</v>
      </c>
      <c r="F41161" t="s">
        <v>848</v>
      </c>
      <c r="G41161" t="s">
        <v>80</v>
      </c>
      <c r="H41161" t="s">
        <v>81</v>
      </c>
      <c r="I41161" s="2">
        <v>0</v>
      </c>
      <c r="J41161" s="2">
        <v>1</v>
      </c>
      <c r="K41161" s="2">
        <v>0</v>
      </c>
      <c r="L41161" t="s">
        <v>82</v>
      </c>
      <c r="M41161" t="s">
        <v>83</v>
      </c>
      <c r="N41161" t="s">
        <v>91</v>
      </c>
      <c r="O41161" t="s">
        <v>85</v>
      </c>
      <c r="P41161" t="s">
        <v>86</v>
      </c>
      <c r="Q41161">
        <v>5</v>
      </c>
      <c r="R41161">
        <v>5</v>
      </c>
      <c r="S41161">
        <v>5</v>
      </c>
      <c r="T41161">
        <v>5</v>
      </c>
      <c r="U41161">
        <v>5</v>
      </c>
      <c r="V41161">
        <v>5</v>
      </c>
      <c r="W41161">
        <v>5</v>
      </c>
      <c r="X41161">
        <v>5</v>
      </c>
      <c r="Y41161">
        <v>5</v>
      </c>
      <c r="Z41161">
        <v>5</v>
      </c>
      <c r="AA41161">
        <v>5</v>
      </c>
      <c r="AB41161">
        <v>5</v>
      </c>
      <c r="AC41161">
        <v>5</v>
      </c>
      <c r="AD41161">
        <v>5</v>
      </c>
      <c r="AE41161">
        <v>5</v>
      </c>
      <c r="AF41161">
        <v>5</v>
      </c>
      <c r="AG41161">
        <v>5</v>
      </c>
      <c r="AH41161">
        <v>5</v>
      </c>
      <c r="AI41161">
        <v>5</v>
      </c>
      <c r="AJ41161">
        <v>5</v>
      </c>
      <c r="AK41161">
        <v>5</v>
      </c>
      <c r="AL41161">
        <v>5</v>
      </c>
      <c r="AM41161">
        <v>5</v>
      </c>
      <c r="AN41161">
        <v>5</v>
      </c>
      <c r="AO41161">
        <v>5</v>
      </c>
      <c r="AP41161">
        <v>5</v>
      </c>
      <c r="AQ41161">
        <v>5</v>
      </c>
    </row>
    <row r="41162" spans="1:43">
      <c r="A41162" t="s">
        <v>25383</v>
      </c>
      <c r="B41162" t="s">
        <v>25384</v>
      </c>
      <c r="C41162" t="s">
        <v>10566</v>
      </c>
      <c r="D41162" t="s">
        <v>10567</v>
      </c>
      <c r="E41162" t="s">
        <v>10448</v>
      </c>
      <c r="F41162" t="s">
        <v>10449</v>
      </c>
      <c r="G41162" t="s">
        <v>10450</v>
      </c>
      <c r="H41162" t="s">
        <v>10451</v>
      </c>
      <c r="I41162" s="2">
        <v>1</v>
      </c>
      <c r="J41162" s="2">
        <v>0</v>
      </c>
      <c r="K41162" s="2">
        <v>0</v>
      </c>
      <c r="L41162" t="s">
        <v>120</v>
      </c>
      <c r="M41162" t="s">
        <v>83</v>
      </c>
      <c r="N41162" t="s">
        <v>84</v>
      </c>
      <c r="O41162" t="s">
        <v>85</v>
      </c>
      <c r="P41162" t="s">
        <v>86</v>
      </c>
      <c r="Q41162">
        <v>17</v>
      </c>
      <c r="R41162">
        <v>17</v>
      </c>
      <c r="S41162">
        <v>18</v>
      </c>
      <c r="T41162">
        <v>18</v>
      </c>
      <c r="U41162">
        <v>18</v>
      </c>
      <c r="V41162">
        <v>18</v>
      </c>
      <c r="W41162">
        <v>19</v>
      </c>
      <c r="X41162">
        <v>19</v>
      </c>
      <c r="Y41162">
        <v>19</v>
      </c>
      <c r="Z41162">
        <v>19</v>
      </c>
      <c r="AA41162">
        <v>19</v>
      </c>
      <c r="AB41162">
        <v>20</v>
      </c>
      <c r="AC41162">
        <v>20</v>
      </c>
      <c r="AD41162">
        <v>20</v>
      </c>
      <c r="AE41162">
        <v>20</v>
      </c>
      <c r="AF41162">
        <v>21</v>
      </c>
      <c r="AG41162">
        <v>21</v>
      </c>
      <c r="AH41162">
        <v>21</v>
      </c>
      <c r="AI41162">
        <v>21</v>
      </c>
      <c r="AJ41162">
        <v>21</v>
      </c>
      <c r="AK41162">
        <v>22</v>
      </c>
      <c r="AL41162">
        <v>22</v>
      </c>
      <c r="AM41162">
        <v>22</v>
      </c>
      <c r="AN41162">
        <v>22</v>
      </c>
      <c r="AO41162">
        <v>22</v>
      </c>
      <c r="AP41162">
        <v>22</v>
      </c>
      <c r="AQ41162">
        <v>22</v>
      </c>
    </row>
    <row r="41163" spans="1:43">
      <c r="A41163" t="s">
        <v>25383</v>
      </c>
      <c r="B41163" t="s">
        <v>25384</v>
      </c>
      <c r="C41163" t="s">
        <v>10566</v>
      </c>
      <c r="D41163" t="s">
        <v>10567</v>
      </c>
      <c r="E41163" t="s">
        <v>10448</v>
      </c>
      <c r="F41163" t="s">
        <v>10449</v>
      </c>
      <c r="G41163" t="s">
        <v>10450</v>
      </c>
      <c r="H41163" t="s">
        <v>10451</v>
      </c>
      <c r="I41163" s="2">
        <v>1</v>
      </c>
      <c r="J41163" s="2">
        <v>0</v>
      </c>
      <c r="K41163" s="2">
        <v>0</v>
      </c>
      <c r="L41163" t="s">
        <v>120</v>
      </c>
      <c r="M41163" t="s">
        <v>87</v>
      </c>
      <c r="N41163" t="s">
        <v>88</v>
      </c>
      <c r="O41163" t="s">
        <v>85</v>
      </c>
      <c r="P41163" t="s">
        <v>86</v>
      </c>
      <c r="Q41163">
        <v>17</v>
      </c>
      <c r="R41163">
        <v>17</v>
      </c>
      <c r="S41163">
        <v>17</v>
      </c>
      <c r="T41163">
        <v>17</v>
      </c>
      <c r="U41163">
        <v>17</v>
      </c>
      <c r="V41163">
        <v>17</v>
      </c>
      <c r="W41163">
        <v>17</v>
      </c>
      <c r="X41163">
        <v>17</v>
      </c>
      <c r="Y41163">
        <v>18</v>
      </c>
      <c r="Z41163">
        <v>18</v>
      </c>
      <c r="AA41163">
        <v>18</v>
      </c>
      <c r="AB41163">
        <v>18</v>
      </c>
      <c r="AC41163">
        <v>18</v>
      </c>
      <c r="AD41163">
        <v>18</v>
      </c>
      <c r="AE41163">
        <v>18</v>
      </c>
      <c r="AF41163">
        <v>18</v>
      </c>
      <c r="AG41163">
        <v>18</v>
      </c>
      <c r="AH41163">
        <v>18</v>
      </c>
      <c r="AI41163">
        <v>18</v>
      </c>
      <c r="AJ41163">
        <v>18</v>
      </c>
      <c r="AK41163">
        <v>18</v>
      </c>
      <c r="AL41163">
        <v>19</v>
      </c>
      <c r="AM41163">
        <v>19</v>
      </c>
      <c r="AN41163">
        <v>19</v>
      </c>
      <c r="AO41163">
        <v>19</v>
      </c>
      <c r="AP41163">
        <v>19</v>
      </c>
      <c r="AQ41163">
        <v>19</v>
      </c>
    </row>
    <row r="41164" spans="1:43">
      <c r="A41164" t="s">
        <v>25383</v>
      </c>
      <c r="B41164" t="s">
        <v>25384</v>
      </c>
      <c r="C41164" t="s">
        <v>10566</v>
      </c>
      <c r="D41164" t="s">
        <v>10567</v>
      </c>
      <c r="E41164" t="s">
        <v>10448</v>
      </c>
      <c r="F41164" t="s">
        <v>10449</v>
      </c>
      <c r="G41164" t="s">
        <v>10450</v>
      </c>
      <c r="H41164" t="s">
        <v>10451</v>
      </c>
      <c r="I41164" s="2">
        <v>1</v>
      </c>
      <c r="J41164" s="2">
        <v>0</v>
      </c>
      <c r="K41164" s="2">
        <v>0</v>
      </c>
      <c r="L41164" t="s">
        <v>120</v>
      </c>
      <c r="M41164" t="s">
        <v>89</v>
      </c>
      <c r="N41164" t="s">
        <v>90</v>
      </c>
      <c r="O41164" t="s">
        <v>85</v>
      </c>
      <c r="P41164" t="s">
        <v>86</v>
      </c>
      <c r="Q41164">
        <v>17</v>
      </c>
      <c r="R41164">
        <v>18</v>
      </c>
      <c r="S41164">
        <v>18</v>
      </c>
      <c r="T41164">
        <v>18</v>
      </c>
      <c r="U41164">
        <v>19</v>
      </c>
      <c r="V41164">
        <v>19</v>
      </c>
      <c r="W41164">
        <v>19</v>
      </c>
      <c r="X41164">
        <v>20</v>
      </c>
      <c r="Y41164">
        <v>20</v>
      </c>
      <c r="Z41164">
        <v>20</v>
      </c>
      <c r="AA41164">
        <v>21</v>
      </c>
      <c r="AB41164">
        <v>21</v>
      </c>
      <c r="AC41164">
        <v>21</v>
      </c>
      <c r="AD41164">
        <v>22</v>
      </c>
      <c r="AE41164">
        <v>22</v>
      </c>
      <c r="AF41164">
        <v>22</v>
      </c>
      <c r="AG41164">
        <v>22</v>
      </c>
      <c r="AH41164">
        <v>22</v>
      </c>
      <c r="AI41164">
        <v>22</v>
      </c>
      <c r="AJ41164">
        <v>22</v>
      </c>
      <c r="AK41164">
        <v>22</v>
      </c>
      <c r="AL41164">
        <v>22</v>
      </c>
      <c r="AM41164">
        <v>22</v>
      </c>
      <c r="AN41164">
        <v>22</v>
      </c>
      <c r="AO41164">
        <v>22</v>
      </c>
      <c r="AP41164">
        <v>22</v>
      </c>
      <c r="AQ41164">
        <v>22</v>
      </c>
    </row>
    <row r="41165" spans="1:43">
      <c r="A41165" t="s">
        <v>25383</v>
      </c>
      <c r="B41165" t="s">
        <v>25384</v>
      </c>
      <c r="C41165" t="s">
        <v>10566</v>
      </c>
      <c r="D41165" t="s">
        <v>10567</v>
      </c>
      <c r="E41165" t="s">
        <v>10448</v>
      </c>
      <c r="F41165" t="s">
        <v>10449</v>
      </c>
      <c r="G41165" t="s">
        <v>10450</v>
      </c>
      <c r="H41165" t="s">
        <v>10451</v>
      </c>
      <c r="I41165" s="2">
        <v>1</v>
      </c>
      <c r="J41165" s="2">
        <v>0</v>
      </c>
      <c r="K41165" s="2">
        <v>0</v>
      </c>
      <c r="L41165" t="s">
        <v>120</v>
      </c>
      <c r="M41165" t="s">
        <v>83</v>
      </c>
      <c r="N41165" t="s">
        <v>91</v>
      </c>
      <c r="O41165" t="s">
        <v>85</v>
      </c>
      <c r="P41165" t="s">
        <v>86</v>
      </c>
      <c r="Q41165">
        <v>17</v>
      </c>
      <c r="R41165">
        <v>17</v>
      </c>
      <c r="S41165">
        <v>18</v>
      </c>
      <c r="T41165">
        <v>18</v>
      </c>
      <c r="U41165">
        <v>18</v>
      </c>
      <c r="V41165">
        <v>18</v>
      </c>
      <c r="W41165">
        <v>19</v>
      </c>
      <c r="X41165">
        <v>19</v>
      </c>
      <c r="Y41165">
        <v>19</v>
      </c>
      <c r="Z41165">
        <v>19</v>
      </c>
      <c r="AA41165">
        <v>19</v>
      </c>
      <c r="AB41165">
        <v>20</v>
      </c>
      <c r="AC41165">
        <v>20</v>
      </c>
      <c r="AD41165">
        <v>20</v>
      </c>
      <c r="AE41165">
        <v>20</v>
      </c>
      <c r="AF41165">
        <v>21</v>
      </c>
      <c r="AG41165">
        <v>21</v>
      </c>
      <c r="AH41165">
        <v>21</v>
      </c>
      <c r="AI41165">
        <v>21</v>
      </c>
      <c r="AJ41165">
        <v>21</v>
      </c>
      <c r="AK41165">
        <v>22</v>
      </c>
      <c r="AL41165">
        <v>22</v>
      </c>
      <c r="AM41165">
        <v>22</v>
      </c>
      <c r="AN41165">
        <v>22</v>
      </c>
      <c r="AO41165">
        <v>22</v>
      </c>
      <c r="AP41165">
        <v>22</v>
      </c>
      <c r="AQ41165">
        <v>22</v>
      </c>
    </row>
    <row r="41166" spans="1:43">
      <c r="A41166" t="s">
        <v>25385</v>
      </c>
      <c r="B41166" t="s">
        <v>25386</v>
      </c>
      <c r="C41166" t="s">
        <v>10566</v>
      </c>
      <c r="D41166" t="s">
        <v>10567</v>
      </c>
      <c r="E41166" t="s">
        <v>10448</v>
      </c>
      <c r="F41166" t="s">
        <v>10449</v>
      </c>
      <c r="G41166" t="s">
        <v>10450</v>
      </c>
      <c r="H41166" t="s">
        <v>10451</v>
      </c>
      <c r="I41166" s="2">
        <v>1</v>
      </c>
      <c r="J41166" s="2">
        <v>0</v>
      </c>
      <c r="K41166" s="2">
        <v>0</v>
      </c>
      <c r="L41166" t="s">
        <v>120</v>
      </c>
      <c r="M41166" t="s">
        <v>83</v>
      </c>
      <c r="N41166" t="s">
        <v>84</v>
      </c>
      <c r="O41166" t="s">
        <v>85</v>
      </c>
      <c r="P41166" t="s">
        <v>86</v>
      </c>
      <c r="Q41166">
        <v>62</v>
      </c>
      <c r="R41166">
        <v>63</v>
      </c>
      <c r="S41166">
        <v>63</v>
      </c>
      <c r="T41166">
        <v>64</v>
      </c>
      <c r="U41166">
        <v>65</v>
      </c>
      <c r="V41166">
        <v>66</v>
      </c>
      <c r="W41166">
        <v>67</v>
      </c>
      <c r="X41166">
        <v>68</v>
      </c>
      <c r="Y41166">
        <v>69</v>
      </c>
      <c r="Z41166">
        <v>69</v>
      </c>
      <c r="AA41166">
        <v>70</v>
      </c>
      <c r="AB41166">
        <v>71</v>
      </c>
      <c r="AC41166">
        <v>72</v>
      </c>
      <c r="AD41166">
        <v>73</v>
      </c>
      <c r="AE41166">
        <v>73</v>
      </c>
      <c r="AF41166">
        <v>74</v>
      </c>
      <c r="AG41166">
        <v>75</v>
      </c>
      <c r="AH41166">
        <v>76</v>
      </c>
      <c r="AI41166">
        <v>77</v>
      </c>
      <c r="AJ41166">
        <v>77</v>
      </c>
      <c r="AK41166">
        <v>78</v>
      </c>
      <c r="AL41166">
        <v>79</v>
      </c>
      <c r="AM41166">
        <v>79</v>
      </c>
      <c r="AN41166">
        <v>79</v>
      </c>
      <c r="AO41166">
        <v>79</v>
      </c>
      <c r="AP41166">
        <v>79</v>
      </c>
      <c r="AQ41166">
        <v>79</v>
      </c>
    </row>
    <row r="41167" spans="1:43">
      <c r="A41167" t="s">
        <v>25385</v>
      </c>
      <c r="B41167" t="s">
        <v>25386</v>
      </c>
      <c r="C41167" t="s">
        <v>10566</v>
      </c>
      <c r="D41167" t="s">
        <v>10567</v>
      </c>
      <c r="E41167" t="s">
        <v>10448</v>
      </c>
      <c r="F41167" t="s">
        <v>10449</v>
      </c>
      <c r="G41167" t="s">
        <v>10450</v>
      </c>
      <c r="H41167" t="s">
        <v>10451</v>
      </c>
      <c r="I41167" s="2">
        <v>1</v>
      </c>
      <c r="J41167" s="2">
        <v>0</v>
      </c>
      <c r="K41167" s="2">
        <v>0</v>
      </c>
      <c r="L41167" t="s">
        <v>120</v>
      </c>
      <c r="M41167" t="s">
        <v>87</v>
      </c>
      <c r="N41167" t="s">
        <v>88</v>
      </c>
      <c r="O41167" t="s">
        <v>85</v>
      </c>
      <c r="P41167" t="s">
        <v>86</v>
      </c>
      <c r="Q41167">
        <v>62</v>
      </c>
      <c r="R41167">
        <v>62</v>
      </c>
      <c r="S41167">
        <v>63</v>
      </c>
      <c r="T41167">
        <v>63</v>
      </c>
      <c r="U41167">
        <v>63</v>
      </c>
      <c r="V41167">
        <v>64</v>
      </c>
      <c r="W41167">
        <v>64</v>
      </c>
      <c r="X41167">
        <v>64</v>
      </c>
      <c r="Y41167">
        <v>64</v>
      </c>
      <c r="Z41167">
        <v>65</v>
      </c>
      <c r="AA41167">
        <v>65</v>
      </c>
      <c r="AB41167">
        <v>65</v>
      </c>
      <c r="AC41167">
        <v>66</v>
      </c>
      <c r="AD41167">
        <v>66</v>
      </c>
      <c r="AE41167">
        <v>66</v>
      </c>
      <c r="AF41167">
        <v>66</v>
      </c>
      <c r="AG41167">
        <v>67</v>
      </c>
      <c r="AH41167">
        <v>67</v>
      </c>
      <c r="AI41167">
        <v>67</v>
      </c>
      <c r="AJ41167">
        <v>68</v>
      </c>
      <c r="AK41167">
        <v>68</v>
      </c>
      <c r="AL41167">
        <v>68</v>
      </c>
      <c r="AM41167">
        <v>68</v>
      </c>
      <c r="AN41167">
        <v>69</v>
      </c>
      <c r="AO41167">
        <v>69</v>
      </c>
      <c r="AP41167">
        <v>69</v>
      </c>
      <c r="AQ41167">
        <v>69</v>
      </c>
    </row>
    <row r="41168" spans="1:43">
      <c r="A41168" t="s">
        <v>25385</v>
      </c>
      <c r="B41168" t="s">
        <v>25386</v>
      </c>
      <c r="C41168" t="s">
        <v>10566</v>
      </c>
      <c r="D41168" t="s">
        <v>10567</v>
      </c>
      <c r="E41168" t="s">
        <v>10448</v>
      </c>
      <c r="F41168" t="s">
        <v>10449</v>
      </c>
      <c r="G41168" t="s">
        <v>10450</v>
      </c>
      <c r="H41168" t="s">
        <v>10451</v>
      </c>
      <c r="I41168" s="2">
        <v>1</v>
      </c>
      <c r="J41168" s="2">
        <v>0</v>
      </c>
      <c r="K41168" s="2">
        <v>0</v>
      </c>
      <c r="L41168" t="s">
        <v>120</v>
      </c>
      <c r="M41168" t="s">
        <v>89</v>
      </c>
      <c r="N41168" t="s">
        <v>90</v>
      </c>
      <c r="O41168" t="s">
        <v>85</v>
      </c>
      <c r="P41168" t="s">
        <v>86</v>
      </c>
      <c r="Q41168">
        <v>62</v>
      </c>
      <c r="R41168">
        <v>64</v>
      </c>
      <c r="S41168">
        <v>65</v>
      </c>
      <c r="T41168">
        <v>66</v>
      </c>
      <c r="U41168">
        <v>68</v>
      </c>
      <c r="V41168">
        <v>69</v>
      </c>
      <c r="W41168">
        <v>70</v>
      </c>
      <c r="X41168">
        <v>71</v>
      </c>
      <c r="Y41168">
        <v>73</v>
      </c>
      <c r="Z41168">
        <v>74</v>
      </c>
      <c r="AA41168">
        <v>75</v>
      </c>
      <c r="AB41168">
        <v>76</v>
      </c>
      <c r="AC41168">
        <v>77</v>
      </c>
      <c r="AD41168">
        <v>78</v>
      </c>
      <c r="AE41168">
        <v>79</v>
      </c>
      <c r="AF41168">
        <v>79</v>
      </c>
      <c r="AG41168">
        <v>79</v>
      </c>
      <c r="AH41168">
        <v>79</v>
      </c>
      <c r="AI41168">
        <v>79</v>
      </c>
      <c r="AJ41168">
        <v>79</v>
      </c>
      <c r="AK41168">
        <v>79</v>
      </c>
      <c r="AL41168">
        <v>79</v>
      </c>
      <c r="AM41168">
        <v>79</v>
      </c>
      <c r="AN41168">
        <v>79</v>
      </c>
      <c r="AO41168">
        <v>79</v>
      </c>
      <c r="AP41168">
        <v>79</v>
      </c>
      <c r="AQ41168">
        <v>79</v>
      </c>
    </row>
    <row r="41169" spans="1:43">
      <c r="A41169" t="s">
        <v>25385</v>
      </c>
      <c r="B41169" t="s">
        <v>25386</v>
      </c>
      <c r="C41169" t="s">
        <v>10566</v>
      </c>
      <c r="D41169" t="s">
        <v>10567</v>
      </c>
      <c r="E41169" t="s">
        <v>10448</v>
      </c>
      <c r="F41169" t="s">
        <v>10449</v>
      </c>
      <c r="G41169" t="s">
        <v>10450</v>
      </c>
      <c r="H41169" t="s">
        <v>10451</v>
      </c>
      <c r="I41169" s="2">
        <v>1</v>
      </c>
      <c r="J41169" s="2">
        <v>0</v>
      </c>
      <c r="K41169" s="2">
        <v>0</v>
      </c>
      <c r="L41169" t="s">
        <v>120</v>
      </c>
      <c r="M41169" t="s">
        <v>83</v>
      </c>
      <c r="N41169" t="s">
        <v>91</v>
      </c>
      <c r="O41169" t="s">
        <v>85</v>
      </c>
      <c r="P41169" t="s">
        <v>86</v>
      </c>
      <c r="Q41169">
        <v>62</v>
      </c>
      <c r="R41169">
        <v>63</v>
      </c>
      <c r="S41169">
        <v>63</v>
      </c>
      <c r="T41169">
        <v>64</v>
      </c>
      <c r="U41169">
        <v>65</v>
      </c>
      <c r="V41169">
        <v>66</v>
      </c>
      <c r="W41169">
        <v>67</v>
      </c>
      <c r="X41169">
        <v>68</v>
      </c>
      <c r="Y41169">
        <v>69</v>
      </c>
      <c r="Z41169">
        <v>69</v>
      </c>
      <c r="AA41169">
        <v>70</v>
      </c>
      <c r="AB41169">
        <v>71</v>
      </c>
      <c r="AC41169">
        <v>72</v>
      </c>
      <c r="AD41169">
        <v>73</v>
      </c>
      <c r="AE41169">
        <v>73</v>
      </c>
      <c r="AF41169">
        <v>74</v>
      </c>
      <c r="AG41169">
        <v>75</v>
      </c>
      <c r="AH41169">
        <v>76</v>
      </c>
      <c r="AI41169">
        <v>77</v>
      </c>
      <c r="AJ41169">
        <v>77</v>
      </c>
      <c r="AK41169">
        <v>78</v>
      </c>
      <c r="AL41169">
        <v>79</v>
      </c>
      <c r="AM41169">
        <v>79</v>
      </c>
      <c r="AN41169">
        <v>79</v>
      </c>
      <c r="AO41169">
        <v>79</v>
      </c>
      <c r="AP41169">
        <v>79</v>
      </c>
      <c r="AQ41169">
        <v>79</v>
      </c>
    </row>
    <row r="41170" spans="1:43">
      <c r="A41170" t="s">
        <v>25387</v>
      </c>
      <c r="B41170" t="s">
        <v>25388</v>
      </c>
      <c r="C41170" t="s">
        <v>10678</v>
      </c>
      <c r="D41170" t="s">
        <v>10679</v>
      </c>
      <c r="E41170" t="s">
        <v>10448</v>
      </c>
      <c r="F41170" t="s">
        <v>10449</v>
      </c>
      <c r="G41170" t="s">
        <v>10450</v>
      </c>
      <c r="H41170" t="s">
        <v>10451</v>
      </c>
      <c r="I41170" s="2">
        <v>1</v>
      </c>
      <c r="J41170" s="2">
        <v>0</v>
      </c>
      <c r="K41170" s="2">
        <v>0</v>
      </c>
      <c r="L41170" t="s">
        <v>120</v>
      </c>
      <c r="M41170" t="s">
        <v>83</v>
      </c>
      <c r="N41170" t="s">
        <v>84</v>
      </c>
      <c r="O41170" t="s">
        <v>85</v>
      </c>
      <c r="P41170" t="s">
        <v>86</v>
      </c>
      <c r="Q41170">
        <v>143</v>
      </c>
      <c r="R41170">
        <v>145</v>
      </c>
      <c r="S41170">
        <v>147</v>
      </c>
      <c r="T41170">
        <v>149</v>
      </c>
      <c r="U41170">
        <v>151</v>
      </c>
      <c r="V41170">
        <v>154</v>
      </c>
      <c r="W41170">
        <v>156</v>
      </c>
      <c r="X41170">
        <v>158</v>
      </c>
      <c r="Y41170">
        <v>159</v>
      </c>
      <c r="Z41170">
        <v>161</v>
      </c>
      <c r="AA41170">
        <v>163</v>
      </c>
      <c r="AB41170">
        <v>165</v>
      </c>
      <c r="AC41170">
        <v>167</v>
      </c>
      <c r="AD41170">
        <v>169</v>
      </c>
      <c r="AE41170">
        <v>171</v>
      </c>
      <c r="AF41170">
        <v>173</v>
      </c>
      <c r="AG41170">
        <v>175</v>
      </c>
      <c r="AH41170">
        <v>177</v>
      </c>
      <c r="AI41170">
        <v>178</v>
      </c>
      <c r="AJ41170">
        <v>180</v>
      </c>
      <c r="AK41170">
        <v>182</v>
      </c>
      <c r="AL41170">
        <v>183</v>
      </c>
      <c r="AM41170">
        <v>183</v>
      </c>
      <c r="AN41170">
        <v>184</v>
      </c>
      <c r="AO41170">
        <v>184</v>
      </c>
      <c r="AP41170">
        <v>184</v>
      </c>
      <c r="AQ41170">
        <v>184</v>
      </c>
    </row>
    <row r="41171" spans="1:43">
      <c r="A41171" t="s">
        <v>25387</v>
      </c>
      <c r="B41171" t="s">
        <v>25388</v>
      </c>
      <c r="C41171" t="s">
        <v>10678</v>
      </c>
      <c r="D41171" t="s">
        <v>10679</v>
      </c>
      <c r="E41171" t="s">
        <v>10448</v>
      </c>
      <c r="F41171" t="s">
        <v>10449</v>
      </c>
      <c r="G41171" t="s">
        <v>10450</v>
      </c>
      <c r="H41171" t="s">
        <v>10451</v>
      </c>
      <c r="I41171" s="2">
        <v>1</v>
      </c>
      <c r="J41171" s="2">
        <v>0</v>
      </c>
      <c r="K41171" s="2">
        <v>0</v>
      </c>
      <c r="L41171" t="s">
        <v>120</v>
      </c>
      <c r="M41171" t="s">
        <v>87</v>
      </c>
      <c r="N41171" t="s">
        <v>88</v>
      </c>
      <c r="O41171" t="s">
        <v>85</v>
      </c>
      <c r="P41171" t="s">
        <v>86</v>
      </c>
      <c r="Q41171">
        <v>143</v>
      </c>
      <c r="R41171">
        <v>144</v>
      </c>
      <c r="S41171">
        <v>144</v>
      </c>
      <c r="T41171">
        <v>145</v>
      </c>
      <c r="U41171">
        <v>146</v>
      </c>
      <c r="V41171">
        <v>146</v>
      </c>
      <c r="W41171">
        <v>147</v>
      </c>
      <c r="X41171">
        <v>148</v>
      </c>
      <c r="Y41171">
        <v>148</v>
      </c>
      <c r="Z41171">
        <v>149</v>
      </c>
      <c r="AA41171">
        <v>150</v>
      </c>
      <c r="AB41171">
        <v>151</v>
      </c>
      <c r="AC41171">
        <v>151</v>
      </c>
      <c r="AD41171">
        <v>152</v>
      </c>
      <c r="AE41171">
        <v>153</v>
      </c>
      <c r="AF41171">
        <v>153</v>
      </c>
      <c r="AG41171">
        <v>154</v>
      </c>
      <c r="AH41171">
        <v>154</v>
      </c>
      <c r="AI41171">
        <v>155</v>
      </c>
      <c r="AJ41171">
        <v>156</v>
      </c>
      <c r="AK41171">
        <v>156</v>
      </c>
      <c r="AL41171">
        <v>157</v>
      </c>
      <c r="AM41171">
        <v>158</v>
      </c>
      <c r="AN41171">
        <v>158</v>
      </c>
      <c r="AO41171">
        <v>159</v>
      </c>
      <c r="AP41171">
        <v>159</v>
      </c>
      <c r="AQ41171">
        <v>160</v>
      </c>
    </row>
    <row r="41172" spans="1:43">
      <c r="A41172" t="s">
        <v>25387</v>
      </c>
      <c r="B41172" t="s">
        <v>25388</v>
      </c>
      <c r="C41172" t="s">
        <v>10678</v>
      </c>
      <c r="D41172" t="s">
        <v>10679</v>
      </c>
      <c r="E41172" t="s">
        <v>10448</v>
      </c>
      <c r="F41172" t="s">
        <v>10449</v>
      </c>
      <c r="G41172" t="s">
        <v>10450</v>
      </c>
      <c r="H41172" t="s">
        <v>10451</v>
      </c>
      <c r="I41172" s="2">
        <v>1</v>
      </c>
      <c r="J41172" s="2">
        <v>0</v>
      </c>
      <c r="K41172" s="2">
        <v>0</v>
      </c>
      <c r="L41172" t="s">
        <v>120</v>
      </c>
      <c r="M41172" t="s">
        <v>89</v>
      </c>
      <c r="N41172" t="s">
        <v>90</v>
      </c>
      <c r="O41172" t="s">
        <v>85</v>
      </c>
      <c r="P41172" t="s">
        <v>86</v>
      </c>
      <c r="Q41172">
        <v>143</v>
      </c>
      <c r="R41172">
        <v>146</v>
      </c>
      <c r="S41172">
        <v>149</v>
      </c>
      <c r="T41172">
        <v>152</v>
      </c>
      <c r="U41172">
        <v>155</v>
      </c>
      <c r="V41172">
        <v>158</v>
      </c>
      <c r="W41172">
        <v>161</v>
      </c>
      <c r="X41172">
        <v>164</v>
      </c>
      <c r="Y41172">
        <v>167</v>
      </c>
      <c r="Z41172">
        <v>169</v>
      </c>
      <c r="AA41172">
        <v>172</v>
      </c>
      <c r="AB41172">
        <v>174</v>
      </c>
      <c r="AC41172">
        <v>177</v>
      </c>
      <c r="AD41172">
        <v>180</v>
      </c>
      <c r="AE41172">
        <v>181</v>
      </c>
      <c r="AF41172">
        <v>182</v>
      </c>
      <c r="AG41172">
        <v>182</v>
      </c>
      <c r="AH41172">
        <v>183</v>
      </c>
      <c r="AI41172">
        <v>183</v>
      </c>
      <c r="AJ41172">
        <v>183</v>
      </c>
      <c r="AK41172">
        <v>183</v>
      </c>
      <c r="AL41172">
        <v>184</v>
      </c>
      <c r="AM41172">
        <v>184</v>
      </c>
      <c r="AN41172">
        <v>184</v>
      </c>
      <c r="AO41172">
        <v>184</v>
      </c>
      <c r="AP41172">
        <v>184</v>
      </c>
      <c r="AQ41172">
        <v>185</v>
      </c>
    </row>
    <row r="41173" spans="1:43">
      <c r="A41173" t="s">
        <v>25387</v>
      </c>
      <c r="B41173" t="s">
        <v>25388</v>
      </c>
      <c r="C41173" t="s">
        <v>10678</v>
      </c>
      <c r="D41173" t="s">
        <v>10679</v>
      </c>
      <c r="E41173" t="s">
        <v>10448</v>
      </c>
      <c r="F41173" t="s">
        <v>10449</v>
      </c>
      <c r="G41173" t="s">
        <v>10450</v>
      </c>
      <c r="H41173" t="s">
        <v>10451</v>
      </c>
      <c r="I41173" s="2">
        <v>1</v>
      </c>
      <c r="J41173" s="2">
        <v>0</v>
      </c>
      <c r="K41173" s="2">
        <v>0</v>
      </c>
      <c r="L41173" t="s">
        <v>120</v>
      </c>
      <c r="M41173" t="s">
        <v>83</v>
      </c>
      <c r="N41173" t="s">
        <v>91</v>
      </c>
      <c r="O41173" t="s">
        <v>85</v>
      </c>
      <c r="P41173" t="s">
        <v>86</v>
      </c>
      <c r="Q41173">
        <v>143</v>
      </c>
      <c r="R41173">
        <v>145</v>
      </c>
      <c r="S41173">
        <v>147</v>
      </c>
      <c r="T41173">
        <v>149</v>
      </c>
      <c r="U41173">
        <v>151</v>
      </c>
      <c r="V41173">
        <v>154</v>
      </c>
      <c r="W41173">
        <v>156</v>
      </c>
      <c r="X41173">
        <v>158</v>
      </c>
      <c r="Y41173">
        <v>159</v>
      </c>
      <c r="Z41173">
        <v>161</v>
      </c>
      <c r="AA41173">
        <v>163</v>
      </c>
      <c r="AB41173">
        <v>165</v>
      </c>
      <c r="AC41173">
        <v>167</v>
      </c>
      <c r="AD41173">
        <v>169</v>
      </c>
      <c r="AE41173">
        <v>171</v>
      </c>
      <c r="AF41173">
        <v>173</v>
      </c>
      <c r="AG41173">
        <v>175</v>
      </c>
      <c r="AH41173">
        <v>177</v>
      </c>
      <c r="AI41173">
        <v>178</v>
      </c>
      <c r="AJ41173">
        <v>180</v>
      </c>
      <c r="AK41173">
        <v>182</v>
      </c>
      <c r="AL41173">
        <v>183</v>
      </c>
      <c r="AM41173">
        <v>183</v>
      </c>
      <c r="AN41173">
        <v>184</v>
      </c>
      <c r="AO41173">
        <v>184</v>
      </c>
      <c r="AP41173">
        <v>184</v>
      </c>
      <c r="AQ41173">
        <v>184</v>
      </c>
    </row>
    <row r="41174" spans="1:43">
      <c r="A41174" t="s">
        <v>25389</v>
      </c>
      <c r="B41174" t="s">
        <v>25390</v>
      </c>
      <c r="C41174" t="s">
        <v>10678</v>
      </c>
      <c r="D41174" t="s">
        <v>10679</v>
      </c>
      <c r="E41174" t="s">
        <v>10448</v>
      </c>
      <c r="F41174" t="s">
        <v>10449</v>
      </c>
      <c r="G41174" t="s">
        <v>10450</v>
      </c>
      <c r="H41174" t="s">
        <v>10451</v>
      </c>
      <c r="I41174" s="2">
        <v>1</v>
      </c>
      <c r="J41174" s="2">
        <v>0</v>
      </c>
      <c r="K41174" s="2">
        <v>0</v>
      </c>
      <c r="L41174" t="s">
        <v>120</v>
      </c>
      <c r="M41174" t="s">
        <v>83</v>
      </c>
      <c r="N41174" t="s">
        <v>84</v>
      </c>
      <c r="O41174" t="s">
        <v>85</v>
      </c>
      <c r="P41174" t="s">
        <v>86</v>
      </c>
      <c r="Q41174">
        <v>48</v>
      </c>
      <c r="R41174">
        <v>48</v>
      </c>
      <c r="S41174">
        <v>49</v>
      </c>
      <c r="T41174">
        <v>50</v>
      </c>
      <c r="U41174">
        <v>50</v>
      </c>
      <c r="V41174">
        <v>51</v>
      </c>
      <c r="W41174">
        <v>52</v>
      </c>
      <c r="X41174">
        <v>52</v>
      </c>
      <c r="Y41174">
        <v>53</v>
      </c>
      <c r="Z41174">
        <v>54</v>
      </c>
      <c r="AA41174">
        <v>54</v>
      </c>
      <c r="AB41174">
        <v>55</v>
      </c>
      <c r="AC41174">
        <v>56</v>
      </c>
      <c r="AD41174">
        <v>56</v>
      </c>
      <c r="AE41174">
        <v>57</v>
      </c>
      <c r="AF41174">
        <v>58</v>
      </c>
      <c r="AG41174">
        <v>58</v>
      </c>
      <c r="AH41174">
        <v>59</v>
      </c>
      <c r="AI41174">
        <v>59</v>
      </c>
      <c r="AJ41174">
        <v>60</v>
      </c>
      <c r="AK41174">
        <v>61</v>
      </c>
      <c r="AL41174">
        <v>61</v>
      </c>
      <c r="AM41174">
        <v>61</v>
      </c>
      <c r="AN41174">
        <v>61</v>
      </c>
      <c r="AO41174">
        <v>61</v>
      </c>
      <c r="AP41174">
        <v>61</v>
      </c>
      <c r="AQ41174">
        <v>61</v>
      </c>
    </row>
    <row r="41175" spans="1:43">
      <c r="A41175" t="s">
        <v>25389</v>
      </c>
      <c r="B41175" t="s">
        <v>25390</v>
      </c>
      <c r="C41175" t="s">
        <v>10678</v>
      </c>
      <c r="D41175" t="s">
        <v>10679</v>
      </c>
      <c r="E41175" t="s">
        <v>10448</v>
      </c>
      <c r="F41175" t="s">
        <v>10449</v>
      </c>
      <c r="G41175" t="s">
        <v>10450</v>
      </c>
      <c r="H41175" t="s">
        <v>10451</v>
      </c>
      <c r="I41175" s="2">
        <v>1</v>
      </c>
      <c r="J41175" s="2">
        <v>0</v>
      </c>
      <c r="K41175" s="2">
        <v>0</v>
      </c>
      <c r="L41175" t="s">
        <v>120</v>
      </c>
      <c r="M41175" t="s">
        <v>87</v>
      </c>
      <c r="N41175" t="s">
        <v>88</v>
      </c>
      <c r="O41175" t="s">
        <v>85</v>
      </c>
      <c r="P41175" t="s">
        <v>86</v>
      </c>
      <c r="Q41175">
        <v>48</v>
      </c>
      <c r="R41175">
        <v>49</v>
      </c>
      <c r="S41175">
        <v>49</v>
      </c>
      <c r="T41175">
        <v>49</v>
      </c>
      <c r="U41175">
        <v>49</v>
      </c>
      <c r="V41175">
        <v>49</v>
      </c>
      <c r="W41175">
        <v>50</v>
      </c>
      <c r="X41175">
        <v>50</v>
      </c>
      <c r="Y41175">
        <v>50</v>
      </c>
      <c r="Z41175">
        <v>50</v>
      </c>
      <c r="AA41175">
        <v>51</v>
      </c>
      <c r="AB41175">
        <v>51</v>
      </c>
      <c r="AC41175">
        <v>51</v>
      </c>
      <c r="AD41175">
        <v>51</v>
      </c>
      <c r="AE41175">
        <v>51</v>
      </c>
      <c r="AF41175">
        <v>52</v>
      </c>
      <c r="AG41175">
        <v>52</v>
      </c>
      <c r="AH41175">
        <v>52</v>
      </c>
      <c r="AI41175">
        <v>52</v>
      </c>
      <c r="AJ41175">
        <v>53</v>
      </c>
      <c r="AK41175">
        <v>53</v>
      </c>
      <c r="AL41175">
        <v>53</v>
      </c>
      <c r="AM41175">
        <v>53</v>
      </c>
      <c r="AN41175">
        <v>53</v>
      </c>
      <c r="AO41175">
        <v>54</v>
      </c>
      <c r="AP41175">
        <v>54</v>
      </c>
      <c r="AQ41175">
        <v>54</v>
      </c>
    </row>
    <row r="41176" spans="1:43">
      <c r="A41176" t="s">
        <v>25389</v>
      </c>
      <c r="B41176" t="s">
        <v>25390</v>
      </c>
      <c r="C41176" t="s">
        <v>10678</v>
      </c>
      <c r="D41176" t="s">
        <v>10679</v>
      </c>
      <c r="E41176" t="s">
        <v>10448</v>
      </c>
      <c r="F41176" t="s">
        <v>10449</v>
      </c>
      <c r="G41176" t="s">
        <v>10450</v>
      </c>
      <c r="H41176" t="s">
        <v>10451</v>
      </c>
      <c r="I41176" s="2">
        <v>1</v>
      </c>
      <c r="J41176" s="2">
        <v>0</v>
      </c>
      <c r="K41176" s="2">
        <v>0</v>
      </c>
      <c r="L41176" t="s">
        <v>120</v>
      </c>
      <c r="M41176" t="s">
        <v>89</v>
      </c>
      <c r="N41176" t="s">
        <v>90</v>
      </c>
      <c r="O41176" t="s">
        <v>85</v>
      </c>
      <c r="P41176" t="s">
        <v>86</v>
      </c>
      <c r="Q41176">
        <v>48</v>
      </c>
      <c r="R41176">
        <v>49</v>
      </c>
      <c r="S41176">
        <v>50</v>
      </c>
      <c r="T41176">
        <v>51</v>
      </c>
      <c r="U41176">
        <v>52</v>
      </c>
      <c r="V41176">
        <v>53</v>
      </c>
      <c r="W41176">
        <v>54</v>
      </c>
      <c r="X41176">
        <v>55</v>
      </c>
      <c r="Y41176">
        <v>56</v>
      </c>
      <c r="Z41176">
        <v>57</v>
      </c>
      <c r="AA41176">
        <v>58</v>
      </c>
      <c r="AB41176">
        <v>59</v>
      </c>
      <c r="AC41176">
        <v>60</v>
      </c>
      <c r="AD41176">
        <v>61</v>
      </c>
      <c r="AE41176">
        <v>61</v>
      </c>
      <c r="AF41176">
        <v>61</v>
      </c>
      <c r="AG41176">
        <v>61</v>
      </c>
      <c r="AH41176">
        <v>61</v>
      </c>
      <c r="AI41176">
        <v>62</v>
      </c>
      <c r="AJ41176">
        <v>62</v>
      </c>
      <c r="AK41176">
        <v>62</v>
      </c>
      <c r="AL41176">
        <v>62</v>
      </c>
      <c r="AM41176">
        <v>62</v>
      </c>
      <c r="AN41176">
        <v>62</v>
      </c>
      <c r="AO41176">
        <v>62</v>
      </c>
      <c r="AP41176">
        <v>62</v>
      </c>
      <c r="AQ41176">
        <v>62</v>
      </c>
    </row>
    <row r="41177" spans="1:43">
      <c r="A41177" t="s">
        <v>25389</v>
      </c>
      <c r="B41177" t="s">
        <v>25390</v>
      </c>
      <c r="C41177" t="s">
        <v>10678</v>
      </c>
      <c r="D41177" t="s">
        <v>10679</v>
      </c>
      <c r="E41177" t="s">
        <v>10448</v>
      </c>
      <c r="F41177" t="s">
        <v>10449</v>
      </c>
      <c r="G41177" t="s">
        <v>10450</v>
      </c>
      <c r="H41177" t="s">
        <v>10451</v>
      </c>
      <c r="I41177" s="2">
        <v>1</v>
      </c>
      <c r="J41177" s="2">
        <v>0</v>
      </c>
      <c r="K41177" s="2">
        <v>0</v>
      </c>
      <c r="L41177" t="s">
        <v>120</v>
      </c>
      <c r="M41177" t="s">
        <v>83</v>
      </c>
      <c r="N41177" t="s">
        <v>91</v>
      </c>
      <c r="O41177" t="s">
        <v>85</v>
      </c>
      <c r="P41177" t="s">
        <v>86</v>
      </c>
      <c r="Q41177">
        <v>48</v>
      </c>
      <c r="R41177">
        <v>48</v>
      </c>
      <c r="S41177">
        <v>49</v>
      </c>
      <c r="T41177">
        <v>50</v>
      </c>
      <c r="U41177">
        <v>50</v>
      </c>
      <c r="V41177">
        <v>51</v>
      </c>
      <c r="W41177">
        <v>52</v>
      </c>
      <c r="X41177">
        <v>52</v>
      </c>
      <c r="Y41177">
        <v>53</v>
      </c>
      <c r="Z41177">
        <v>54</v>
      </c>
      <c r="AA41177">
        <v>54</v>
      </c>
      <c r="AB41177">
        <v>55</v>
      </c>
      <c r="AC41177">
        <v>56</v>
      </c>
      <c r="AD41177">
        <v>56</v>
      </c>
      <c r="AE41177">
        <v>57</v>
      </c>
      <c r="AF41177">
        <v>58</v>
      </c>
      <c r="AG41177">
        <v>58</v>
      </c>
      <c r="AH41177">
        <v>59</v>
      </c>
      <c r="AI41177">
        <v>59</v>
      </c>
      <c r="AJ41177">
        <v>60</v>
      </c>
      <c r="AK41177">
        <v>61</v>
      </c>
      <c r="AL41177">
        <v>61</v>
      </c>
      <c r="AM41177">
        <v>61</v>
      </c>
      <c r="AN41177">
        <v>61</v>
      </c>
      <c r="AO41177">
        <v>61</v>
      </c>
      <c r="AP41177">
        <v>61</v>
      </c>
      <c r="AQ41177">
        <v>61</v>
      </c>
    </row>
    <row r="41178" spans="1:43">
      <c r="A41178" t="s">
        <v>25391</v>
      </c>
      <c r="B41178" t="s">
        <v>25392</v>
      </c>
      <c r="C41178" t="s">
        <v>10678</v>
      </c>
      <c r="D41178" t="s">
        <v>10679</v>
      </c>
      <c r="E41178" t="s">
        <v>10448</v>
      </c>
      <c r="F41178" t="s">
        <v>10449</v>
      </c>
      <c r="G41178" t="s">
        <v>10450</v>
      </c>
      <c r="H41178" t="s">
        <v>10451</v>
      </c>
      <c r="I41178" s="2">
        <v>1</v>
      </c>
      <c r="J41178" s="2">
        <v>0</v>
      </c>
      <c r="K41178" s="2">
        <v>0</v>
      </c>
      <c r="L41178" t="s">
        <v>120</v>
      </c>
      <c r="M41178" t="s">
        <v>83</v>
      </c>
      <c r="N41178" t="s">
        <v>84</v>
      </c>
      <c r="O41178" t="s">
        <v>85</v>
      </c>
      <c r="P41178" t="s">
        <v>86</v>
      </c>
      <c r="Q41178">
        <v>136</v>
      </c>
      <c r="R41178">
        <v>138</v>
      </c>
      <c r="S41178">
        <v>140</v>
      </c>
      <c r="T41178">
        <v>142</v>
      </c>
      <c r="U41178">
        <v>143</v>
      </c>
      <c r="V41178">
        <v>145</v>
      </c>
      <c r="W41178">
        <v>147</v>
      </c>
      <c r="X41178">
        <v>149</v>
      </c>
      <c r="Y41178">
        <v>151</v>
      </c>
      <c r="Z41178">
        <v>153</v>
      </c>
      <c r="AA41178">
        <v>155</v>
      </c>
      <c r="AB41178">
        <v>157</v>
      </c>
      <c r="AC41178">
        <v>158</v>
      </c>
      <c r="AD41178">
        <v>160</v>
      </c>
      <c r="AE41178">
        <v>162</v>
      </c>
      <c r="AF41178">
        <v>164</v>
      </c>
      <c r="AG41178">
        <v>166</v>
      </c>
      <c r="AH41178">
        <v>167</v>
      </c>
      <c r="AI41178">
        <v>169</v>
      </c>
      <c r="AJ41178">
        <v>171</v>
      </c>
      <c r="AK41178">
        <v>173</v>
      </c>
      <c r="AL41178">
        <v>173</v>
      </c>
      <c r="AM41178">
        <v>174</v>
      </c>
      <c r="AN41178">
        <v>174</v>
      </c>
      <c r="AO41178">
        <v>174</v>
      </c>
      <c r="AP41178">
        <v>174</v>
      </c>
      <c r="AQ41178">
        <v>175</v>
      </c>
    </row>
    <row r="41179" spans="1:43">
      <c r="A41179" t="s">
        <v>25391</v>
      </c>
      <c r="B41179" t="s">
        <v>25392</v>
      </c>
      <c r="C41179" t="s">
        <v>10678</v>
      </c>
      <c r="D41179" t="s">
        <v>10679</v>
      </c>
      <c r="E41179" t="s">
        <v>10448</v>
      </c>
      <c r="F41179" t="s">
        <v>10449</v>
      </c>
      <c r="G41179" t="s">
        <v>10450</v>
      </c>
      <c r="H41179" t="s">
        <v>10451</v>
      </c>
      <c r="I41179" s="2">
        <v>1</v>
      </c>
      <c r="J41179" s="2">
        <v>0</v>
      </c>
      <c r="K41179" s="2">
        <v>0</v>
      </c>
      <c r="L41179" t="s">
        <v>120</v>
      </c>
      <c r="M41179" t="s">
        <v>87</v>
      </c>
      <c r="N41179" t="s">
        <v>88</v>
      </c>
      <c r="O41179" t="s">
        <v>85</v>
      </c>
      <c r="P41179" t="s">
        <v>86</v>
      </c>
      <c r="Q41179">
        <v>136</v>
      </c>
      <c r="R41179">
        <v>137</v>
      </c>
      <c r="S41179">
        <v>138</v>
      </c>
      <c r="T41179">
        <v>138</v>
      </c>
      <c r="U41179">
        <v>139</v>
      </c>
      <c r="V41179">
        <v>140</v>
      </c>
      <c r="W41179">
        <v>140</v>
      </c>
      <c r="X41179">
        <v>141</v>
      </c>
      <c r="Y41179">
        <v>142</v>
      </c>
      <c r="Z41179">
        <v>142</v>
      </c>
      <c r="AA41179">
        <v>143</v>
      </c>
      <c r="AB41179">
        <v>144</v>
      </c>
      <c r="AC41179">
        <v>144</v>
      </c>
      <c r="AD41179">
        <v>145</v>
      </c>
      <c r="AE41179">
        <v>146</v>
      </c>
      <c r="AF41179">
        <v>146</v>
      </c>
      <c r="AG41179">
        <v>147</v>
      </c>
      <c r="AH41179">
        <v>147</v>
      </c>
      <c r="AI41179">
        <v>148</v>
      </c>
      <c r="AJ41179">
        <v>149</v>
      </c>
      <c r="AK41179">
        <v>149</v>
      </c>
      <c r="AL41179">
        <v>150</v>
      </c>
      <c r="AM41179">
        <v>150</v>
      </c>
      <c r="AN41179">
        <v>151</v>
      </c>
      <c r="AO41179">
        <v>151</v>
      </c>
      <c r="AP41179">
        <v>152</v>
      </c>
      <c r="AQ41179">
        <v>153</v>
      </c>
    </row>
    <row r="41180" spans="1:43">
      <c r="A41180" t="s">
        <v>25391</v>
      </c>
      <c r="B41180" t="s">
        <v>25392</v>
      </c>
      <c r="C41180" t="s">
        <v>10678</v>
      </c>
      <c r="D41180" t="s">
        <v>10679</v>
      </c>
      <c r="E41180" t="s">
        <v>10448</v>
      </c>
      <c r="F41180" t="s">
        <v>10449</v>
      </c>
      <c r="G41180" t="s">
        <v>10450</v>
      </c>
      <c r="H41180" t="s">
        <v>10451</v>
      </c>
      <c r="I41180" s="2">
        <v>1</v>
      </c>
      <c r="J41180" s="2">
        <v>0</v>
      </c>
      <c r="K41180" s="2">
        <v>0</v>
      </c>
      <c r="L41180" t="s">
        <v>120</v>
      </c>
      <c r="M41180" t="s">
        <v>89</v>
      </c>
      <c r="N41180" t="s">
        <v>90</v>
      </c>
      <c r="O41180" t="s">
        <v>85</v>
      </c>
      <c r="P41180" t="s">
        <v>86</v>
      </c>
      <c r="Q41180">
        <v>136</v>
      </c>
      <c r="R41180">
        <v>139</v>
      </c>
      <c r="S41180">
        <v>142</v>
      </c>
      <c r="T41180">
        <v>145</v>
      </c>
      <c r="U41180">
        <v>148</v>
      </c>
      <c r="V41180">
        <v>151</v>
      </c>
      <c r="W41180">
        <v>154</v>
      </c>
      <c r="X41180">
        <v>156</v>
      </c>
      <c r="Y41180">
        <v>159</v>
      </c>
      <c r="Z41180">
        <v>161</v>
      </c>
      <c r="AA41180">
        <v>164</v>
      </c>
      <c r="AB41180">
        <v>166</v>
      </c>
      <c r="AC41180">
        <v>169</v>
      </c>
      <c r="AD41180">
        <v>171</v>
      </c>
      <c r="AE41180">
        <v>173</v>
      </c>
      <c r="AF41180">
        <v>173</v>
      </c>
      <c r="AG41180">
        <v>173</v>
      </c>
      <c r="AH41180">
        <v>174</v>
      </c>
      <c r="AI41180">
        <v>174</v>
      </c>
      <c r="AJ41180">
        <v>174</v>
      </c>
      <c r="AK41180">
        <v>175</v>
      </c>
      <c r="AL41180">
        <v>175</v>
      </c>
      <c r="AM41180">
        <v>175</v>
      </c>
      <c r="AN41180">
        <v>175</v>
      </c>
      <c r="AO41180">
        <v>175</v>
      </c>
      <c r="AP41180">
        <v>176</v>
      </c>
      <c r="AQ41180">
        <v>176</v>
      </c>
    </row>
    <row r="41181" spans="1:43">
      <c r="A41181" t="s">
        <v>25391</v>
      </c>
      <c r="B41181" t="s">
        <v>25392</v>
      </c>
      <c r="C41181" t="s">
        <v>10678</v>
      </c>
      <c r="D41181" t="s">
        <v>10679</v>
      </c>
      <c r="E41181" t="s">
        <v>10448</v>
      </c>
      <c r="F41181" t="s">
        <v>10449</v>
      </c>
      <c r="G41181" t="s">
        <v>10450</v>
      </c>
      <c r="H41181" t="s">
        <v>10451</v>
      </c>
      <c r="I41181" s="2">
        <v>1</v>
      </c>
      <c r="J41181" s="2">
        <v>0</v>
      </c>
      <c r="K41181" s="2">
        <v>0</v>
      </c>
      <c r="L41181" t="s">
        <v>120</v>
      </c>
      <c r="M41181" t="s">
        <v>83</v>
      </c>
      <c r="N41181" t="s">
        <v>91</v>
      </c>
      <c r="O41181" t="s">
        <v>85</v>
      </c>
      <c r="P41181" t="s">
        <v>86</v>
      </c>
      <c r="Q41181">
        <v>136</v>
      </c>
      <c r="R41181">
        <v>138</v>
      </c>
      <c r="S41181">
        <v>140</v>
      </c>
      <c r="T41181">
        <v>142</v>
      </c>
      <c r="U41181">
        <v>143</v>
      </c>
      <c r="V41181">
        <v>145</v>
      </c>
      <c r="W41181">
        <v>147</v>
      </c>
      <c r="X41181">
        <v>149</v>
      </c>
      <c r="Y41181">
        <v>151</v>
      </c>
      <c r="Z41181">
        <v>153</v>
      </c>
      <c r="AA41181">
        <v>155</v>
      </c>
      <c r="AB41181">
        <v>157</v>
      </c>
      <c r="AC41181">
        <v>158</v>
      </c>
      <c r="AD41181">
        <v>160</v>
      </c>
      <c r="AE41181">
        <v>162</v>
      </c>
      <c r="AF41181">
        <v>164</v>
      </c>
      <c r="AG41181">
        <v>166</v>
      </c>
      <c r="AH41181">
        <v>167</v>
      </c>
      <c r="AI41181">
        <v>169</v>
      </c>
      <c r="AJ41181">
        <v>171</v>
      </c>
      <c r="AK41181">
        <v>173</v>
      </c>
      <c r="AL41181">
        <v>173</v>
      </c>
      <c r="AM41181">
        <v>174</v>
      </c>
      <c r="AN41181">
        <v>174</v>
      </c>
      <c r="AO41181">
        <v>174</v>
      </c>
      <c r="AP41181">
        <v>174</v>
      </c>
      <c r="AQ41181">
        <v>175</v>
      </c>
    </row>
    <row r="41182" spans="1:43">
      <c r="A41182" t="s">
        <v>25393</v>
      </c>
      <c r="B41182" t="s">
        <v>25394</v>
      </c>
      <c r="C41182" t="s">
        <v>10562</v>
      </c>
      <c r="D41182" t="s">
        <v>10563</v>
      </c>
      <c r="E41182" t="s">
        <v>10448</v>
      </c>
      <c r="F41182" t="s">
        <v>10449</v>
      </c>
      <c r="G41182" t="s">
        <v>10450</v>
      </c>
      <c r="H41182" t="s">
        <v>10451</v>
      </c>
      <c r="I41182" s="2">
        <v>1</v>
      </c>
      <c r="J41182" s="2">
        <v>0</v>
      </c>
      <c r="K41182" s="2">
        <v>0</v>
      </c>
      <c r="L41182" t="s">
        <v>120</v>
      </c>
      <c r="M41182" t="s">
        <v>83</v>
      </c>
      <c r="N41182" t="s">
        <v>84</v>
      </c>
      <c r="O41182" t="s">
        <v>85</v>
      </c>
      <c r="P41182" t="s">
        <v>86</v>
      </c>
      <c r="Q41182">
        <v>58</v>
      </c>
      <c r="R41182">
        <v>59</v>
      </c>
      <c r="S41182">
        <v>60</v>
      </c>
      <c r="T41182">
        <v>61</v>
      </c>
      <c r="U41182">
        <v>61</v>
      </c>
      <c r="V41182">
        <v>62</v>
      </c>
      <c r="W41182">
        <v>63</v>
      </c>
      <c r="X41182">
        <v>64</v>
      </c>
      <c r="Y41182">
        <v>65</v>
      </c>
      <c r="Z41182">
        <v>65</v>
      </c>
      <c r="AA41182">
        <v>66</v>
      </c>
      <c r="AB41182">
        <v>67</v>
      </c>
      <c r="AC41182">
        <v>68</v>
      </c>
      <c r="AD41182">
        <v>69</v>
      </c>
      <c r="AE41182">
        <v>69</v>
      </c>
      <c r="AF41182">
        <v>70</v>
      </c>
      <c r="AG41182">
        <v>71</v>
      </c>
      <c r="AH41182">
        <v>72</v>
      </c>
      <c r="AI41182">
        <v>72</v>
      </c>
      <c r="AJ41182">
        <v>73</v>
      </c>
      <c r="AK41182">
        <v>74</v>
      </c>
      <c r="AL41182">
        <v>74</v>
      </c>
      <c r="AM41182">
        <v>74</v>
      </c>
      <c r="AN41182">
        <v>74</v>
      </c>
      <c r="AO41182">
        <v>74</v>
      </c>
      <c r="AP41182">
        <v>74</v>
      </c>
      <c r="AQ41182">
        <v>74</v>
      </c>
    </row>
    <row r="41183" spans="1:43">
      <c r="A41183" t="s">
        <v>25393</v>
      </c>
      <c r="B41183" t="s">
        <v>25394</v>
      </c>
      <c r="C41183" t="s">
        <v>10562</v>
      </c>
      <c r="D41183" t="s">
        <v>10563</v>
      </c>
      <c r="E41183" t="s">
        <v>10448</v>
      </c>
      <c r="F41183" t="s">
        <v>10449</v>
      </c>
      <c r="G41183" t="s">
        <v>10450</v>
      </c>
      <c r="H41183" t="s">
        <v>10451</v>
      </c>
      <c r="I41183" s="2">
        <v>1</v>
      </c>
      <c r="J41183" s="2">
        <v>0</v>
      </c>
      <c r="K41183" s="2">
        <v>0</v>
      </c>
      <c r="L41183" t="s">
        <v>120</v>
      </c>
      <c r="M41183" t="s">
        <v>87</v>
      </c>
      <c r="N41183" t="s">
        <v>88</v>
      </c>
      <c r="O41183" t="s">
        <v>85</v>
      </c>
      <c r="P41183" t="s">
        <v>86</v>
      </c>
      <c r="Q41183">
        <v>58</v>
      </c>
      <c r="R41183">
        <v>58</v>
      </c>
      <c r="S41183">
        <v>58</v>
      </c>
      <c r="T41183">
        <v>58</v>
      </c>
      <c r="U41183">
        <v>59</v>
      </c>
      <c r="V41183">
        <v>59</v>
      </c>
      <c r="W41183">
        <v>59</v>
      </c>
      <c r="X41183">
        <v>60</v>
      </c>
      <c r="Y41183">
        <v>60</v>
      </c>
      <c r="Z41183">
        <v>60</v>
      </c>
      <c r="AA41183">
        <v>60</v>
      </c>
      <c r="AB41183">
        <v>61</v>
      </c>
      <c r="AC41183">
        <v>61</v>
      </c>
      <c r="AD41183">
        <v>61</v>
      </c>
      <c r="AE41183">
        <v>61</v>
      </c>
      <c r="AF41183">
        <v>62</v>
      </c>
      <c r="AG41183">
        <v>62</v>
      </c>
      <c r="AH41183">
        <v>62</v>
      </c>
      <c r="AI41183">
        <v>62</v>
      </c>
      <c r="AJ41183">
        <v>63</v>
      </c>
      <c r="AK41183">
        <v>63</v>
      </c>
      <c r="AL41183">
        <v>63</v>
      </c>
      <c r="AM41183">
        <v>63</v>
      </c>
      <c r="AN41183">
        <v>64</v>
      </c>
      <c r="AO41183">
        <v>64</v>
      </c>
      <c r="AP41183">
        <v>64</v>
      </c>
      <c r="AQ41183">
        <v>64</v>
      </c>
    </row>
    <row r="41184" spans="1:43">
      <c r="A41184" t="s">
        <v>25393</v>
      </c>
      <c r="B41184" t="s">
        <v>25394</v>
      </c>
      <c r="C41184" t="s">
        <v>10562</v>
      </c>
      <c r="D41184" t="s">
        <v>10563</v>
      </c>
      <c r="E41184" t="s">
        <v>10448</v>
      </c>
      <c r="F41184" t="s">
        <v>10449</v>
      </c>
      <c r="G41184" t="s">
        <v>10450</v>
      </c>
      <c r="H41184" t="s">
        <v>10451</v>
      </c>
      <c r="I41184" s="2">
        <v>1</v>
      </c>
      <c r="J41184" s="2">
        <v>0</v>
      </c>
      <c r="K41184" s="2">
        <v>0</v>
      </c>
      <c r="L41184" t="s">
        <v>120</v>
      </c>
      <c r="M41184" t="s">
        <v>89</v>
      </c>
      <c r="N41184" t="s">
        <v>90</v>
      </c>
      <c r="O41184" t="s">
        <v>85</v>
      </c>
      <c r="P41184" t="s">
        <v>86</v>
      </c>
      <c r="Q41184">
        <v>58</v>
      </c>
      <c r="R41184">
        <v>59</v>
      </c>
      <c r="S41184">
        <v>60</v>
      </c>
      <c r="T41184">
        <v>62</v>
      </c>
      <c r="U41184">
        <v>63</v>
      </c>
      <c r="V41184">
        <v>64</v>
      </c>
      <c r="W41184">
        <v>65</v>
      </c>
      <c r="X41184">
        <v>66</v>
      </c>
      <c r="Y41184">
        <v>67</v>
      </c>
      <c r="Z41184">
        <v>69</v>
      </c>
      <c r="AA41184">
        <v>70</v>
      </c>
      <c r="AB41184">
        <v>71</v>
      </c>
      <c r="AC41184">
        <v>72</v>
      </c>
      <c r="AD41184">
        <v>73</v>
      </c>
      <c r="AE41184">
        <v>73</v>
      </c>
      <c r="AF41184">
        <v>73</v>
      </c>
      <c r="AG41184">
        <v>74</v>
      </c>
      <c r="AH41184">
        <v>74</v>
      </c>
      <c r="AI41184">
        <v>74</v>
      </c>
      <c r="AJ41184">
        <v>74</v>
      </c>
      <c r="AK41184">
        <v>74</v>
      </c>
      <c r="AL41184">
        <v>74</v>
      </c>
      <c r="AM41184">
        <v>74</v>
      </c>
      <c r="AN41184">
        <v>74</v>
      </c>
      <c r="AO41184">
        <v>74</v>
      </c>
      <c r="AP41184">
        <v>74</v>
      </c>
      <c r="AQ41184">
        <v>74</v>
      </c>
    </row>
    <row r="41185" spans="1:43">
      <c r="A41185" t="s">
        <v>25393</v>
      </c>
      <c r="B41185" t="s">
        <v>25394</v>
      </c>
      <c r="C41185" t="s">
        <v>10562</v>
      </c>
      <c r="D41185" t="s">
        <v>10563</v>
      </c>
      <c r="E41185" t="s">
        <v>10448</v>
      </c>
      <c r="F41185" t="s">
        <v>10449</v>
      </c>
      <c r="G41185" t="s">
        <v>10450</v>
      </c>
      <c r="H41185" t="s">
        <v>10451</v>
      </c>
      <c r="I41185" s="2">
        <v>1</v>
      </c>
      <c r="J41185" s="2">
        <v>0</v>
      </c>
      <c r="K41185" s="2">
        <v>0</v>
      </c>
      <c r="L41185" t="s">
        <v>120</v>
      </c>
      <c r="M41185" t="s">
        <v>83</v>
      </c>
      <c r="N41185" t="s">
        <v>91</v>
      </c>
      <c r="O41185" t="s">
        <v>85</v>
      </c>
      <c r="P41185" t="s">
        <v>86</v>
      </c>
      <c r="Q41185">
        <v>58</v>
      </c>
      <c r="R41185">
        <v>59</v>
      </c>
      <c r="S41185">
        <v>60</v>
      </c>
      <c r="T41185">
        <v>61</v>
      </c>
      <c r="U41185">
        <v>61</v>
      </c>
      <c r="V41185">
        <v>62</v>
      </c>
      <c r="W41185">
        <v>63</v>
      </c>
      <c r="X41185">
        <v>64</v>
      </c>
      <c r="Y41185">
        <v>65</v>
      </c>
      <c r="Z41185">
        <v>65</v>
      </c>
      <c r="AA41185">
        <v>66</v>
      </c>
      <c r="AB41185">
        <v>67</v>
      </c>
      <c r="AC41185">
        <v>68</v>
      </c>
      <c r="AD41185">
        <v>69</v>
      </c>
      <c r="AE41185">
        <v>69</v>
      </c>
      <c r="AF41185">
        <v>70</v>
      </c>
      <c r="AG41185">
        <v>71</v>
      </c>
      <c r="AH41185">
        <v>72</v>
      </c>
      <c r="AI41185">
        <v>72</v>
      </c>
      <c r="AJ41185">
        <v>73</v>
      </c>
      <c r="AK41185">
        <v>74</v>
      </c>
      <c r="AL41185">
        <v>74</v>
      </c>
      <c r="AM41185">
        <v>74</v>
      </c>
      <c r="AN41185">
        <v>74</v>
      </c>
      <c r="AO41185">
        <v>74</v>
      </c>
      <c r="AP41185">
        <v>74</v>
      </c>
      <c r="AQ41185">
        <v>74</v>
      </c>
    </row>
    <row r="41186" spans="1:43">
      <c r="A41186" t="s">
        <v>25395</v>
      </c>
      <c r="B41186" t="s">
        <v>25396</v>
      </c>
      <c r="C41186" t="s">
        <v>10562</v>
      </c>
      <c r="D41186" t="s">
        <v>10563</v>
      </c>
      <c r="E41186" t="s">
        <v>10448</v>
      </c>
      <c r="F41186" t="s">
        <v>10449</v>
      </c>
      <c r="G41186" t="s">
        <v>10450</v>
      </c>
      <c r="H41186" t="s">
        <v>10451</v>
      </c>
      <c r="I41186" s="2">
        <v>1</v>
      </c>
      <c r="J41186" s="2">
        <v>0</v>
      </c>
      <c r="K41186" s="2">
        <v>0</v>
      </c>
      <c r="L41186" t="s">
        <v>120</v>
      </c>
      <c r="M41186" t="s">
        <v>83</v>
      </c>
      <c r="N41186" t="s">
        <v>84</v>
      </c>
      <c r="O41186" t="s">
        <v>85</v>
      </c>
      <c r="P41186" t="s">
        <v>86</v>
      </c>
      <c r="Q41186">
        <v>46</v>
      </c>
      <c r="R41186">
        <v>46</v>
      </c>
      <c r="S41186">
        <v>47</v>
      </c>
      <c r="T41186">
        <v>48</v>
      </c>
      <c r="U41186">
        <v>48</v>
      </c>
      <c r="V41186">
        <v>49</v>
      </c>
      <c r="W41186">
        <v>50</v>
      </c>
      <c r="X41186">
        <v>50</v>
      </c>
      <c r="Y41186">
        <v>51</v>
      </c>
      <c r="Z41186">
        <v>52</v>
      </c>
      <c r="AA41186">
        <v>52</v>
      </c>
      <c r="AB41186">
        <v>53</v>
      </c>
      <c r="AC41186">
        <v>53</v>
      </c>
      <c r="AD41186">
        <v>54</v>
      </c>
      <c r="AE41186">
        <v>55</v>
      </c>
      <c r="AF41186">
        <v>55</v>
      </c>
      <c r="AG41186">
        <v>56</v>
      </c>
      <c r="AH41186">
        <v>56</v>
      </c>
      <c r="AI41186">
        <v>57</v>
      </c>
      <c r="AJ41186">
        <v>58</v>
      </c>
      <c r="AK41186">
        <v>58</v>
      </c>
      <c r="AL41186">
        <v>58</v>
      </c>
      <c r="AM41186">
        <v>58</v>
      </c>
      <c r="AN41186">
        <v>58</v>
      </c>
      <c r="AO41186">
        <v>58</v>
      </c>
      <c r="AP41186">
        <v>59</v>
      </c>
      <c r="AQ41186">
        <v>59</v>
      </c>
    </row>
    <row r="41187" spans="1:43">
      <c r="A41187" t="s">
        <v>25395</v>
      </c>
      <c r="B41187" t="s">
        <v>25396</v>
      </c>
      <c r="C41187" t="s">
        <v>10562</v>
      </c>
      <c r="D41187" t="s">
        <v>10563</v>
      </c>
      <c r="E41187" t="s">
        <v>10448</v>
      </c>
      <c r="F41187" t="s">
        <v>10449</v>
      </c>
      <c r="G41187" t="s">
        <v>10450</v>
      </c>
      <c r="H41187" t="s">
        <v>10451</v>
      </c>
      <c r="I41187" s="2">
        <v>1</v>
      </c>
      <c r="J41187" s="2">
        <v>0</v>
      </c>
      <c r="K41187" s="2">
        <v>0</v>
      </c>
      <c r="L41187" t="s">
        <v>120</v>
      </c>
      <c r="M41187" t="s">
        <v>87</v>
      </c>
      <c r="N41187" t="s">
        <v>88</v>
      </c>
      <c r="O41187" t="s">
        <v>85</v>
      </c>
      <c r="P41187" t="s">
        <v>86</v>
      </c>
      <c r="Q41187">
        <v>46</v>
      </c>
      <c r="R41187">
        <v>47</v>
      </c>
      <c r="S41187">
        <v>47</v>
      </c>
      <c r="T41187">
        <v>47</v>
      </c>
      <c r="U41187">
        <v>47</v>
      </c>
      <c r="V41187">
        <v>47</v>
      </c>
      <c r="W41187">
        <v>48</v>
      </c>
      <c r="X41187">
        <v>48</v>
      </c>
      <c r="Y41187">
        <v>48</v>
      </c>
      <c r="Z41187">
        <v>48</v>
      </c>
      <c r="AA41187">
        <v>49</v>
      </c>
      <c r="AB41187">
        <v>49</v>
      </c>
      <c r="AC41187">
        <v>49</v>
      </c>
      <c r="AD41187">
        <v>49</v>
      </c>
      <c r="AE41187">
        <v>49</v>
      </c>
      <c r="AF41187">
        <v>50</v>
      </c>
      <c r="AG41187">
        <v>50</v>
      </c>
      <c r="AH41187">
        <v>50</v>
      </c>
      <c r="AI41187">
        <v>50</v>
      </c>
      <c r="AJ41187">
        <v>50</v>
      </c>
      <c r="AK41187">
        <v>51</v>
      </c>
      <c r="AL41187">
        <v>51</v>
      </c>
      <c r="AM41187">
        <v>51</v>
      </c>
      <c r="AN41187">
        <v>51</v>
      </c>
      <c r="AO41187">
        <v>51</v>
      </c>
      <c r="AP41187">
        <v>52</v>
      </c>
      <c r="AQ41187">
        <v>52</v>
      </c>
    </row>
    <row r="41188" spans="1:43">
      <c r="A41188" t="s">
        <v>25395</v>
      </c>
      <c r="B41188" t="s">
        <v>25396</v>
      </c>
      <c r="C41188" t="s">
        <v>10562</v>
      </c>
      <c r="D41188" t="s">
        <v>10563</v>
      </c>
      <c r="E41188" t="s">
        <v>10448</v>
      </c>
      <c r="F41188" t="s">
        <v>10449</v>
      </c>
      <c r="G41188" t="s">
        <v>10450</v>
      </c>
      <c r="H41188" t="s">
        <v>10451</v>
      </c>
      <c r="I41188" s="2">
        <v>1</v>
      </c>
      <c r="J41188" s="2">
        <v>0</v>
      </c>
      <c r="K41188" s="2">
        <v>0</v>
      </c>
      <c r="L41188" t="s">
        <v>120</v>
      </c>
      <c r="M41188" t="s">
        <v>89</v>
      </c>
      <c r="N41188" t="s">
        <v>90</v>
      </c>
      <c r="O41188" t="s">
        <v>85</v>
      </c>
      <c r="P41188" t="s">
        <v>86</v>
      </c>
      <c r="Q41188">
        <v>46</v>
      </c>
      <c r="R41188">
        <v>47</v>
      </c>
      <c r="S41188">
        <v>48</v>
      </c>
      <c r="T41188">
        <v>49</v>
      </c>
      <c r="U41188">
        <v>50</v>
      </c>
      <c r="V41188">
        <v>51</v>
      </c>
      <c r="W41188">
        <v>52</v>
      </c>
      <c r="X41188">
        <v>53</v>
      </c>
      <c r="Y41188">
        <v>54</v>
      </c>
      <c r="Z41188">
        <v>55</v>
      </c>
      <c r="AA41188">
        <v>56</v>
      </c>
      <c r="AB41188">
        <v>56</v>
      </c>
      <c r="AC41188">
        <v>57</v>
      </c>
      <c r="AD41188">
        <v>58</v>
      </c>
      <c r="AE41188">
        <v>59</v>
      </c>
      <c r="AF41188">
        <v>59</v>
      </c>
      <c r="AG41188">
        <v>59</v>
      </c>
      <c r="AH41188">
        <v>59</v>
      </c>
      <c r="AI41188">
        <v>59</v>
      </c>
      <c r="AJ41188">
        <v>59</v>
      </c>
      <c r="AK41188">
        <v>59</v>
      </c>
      <c r="AL41188">
        <v>59</v>
      </c>
      <c r="AM41188">
        <v>59</v>
      </c>
      <c r="AN41188">
        <v>59</v>
      </c>
      <c r="AO41188">
        <v>59</v>
      </c>
      <c r="AP41188">
        <v>59</v>
      </c>
      <c r="AQ41188">
        <v>59</v>
      </c>
    </row>
    <row r="41189" spans="1:43">
      <c r="A41189" t="s">
        <v>25395</v>
      </c>
      <c r="B41189" t="s">
        <v>25396</v>
      </c>
      <c r="C41189" t="s">
        <v>10562</v>
      </c>
      <c r="D41189" t="s">
        <v>10563</v>
      </c>
      <c r="E41189" t="s">
        <v>10448</v>
      </c>
      <c r="F41189" t="s">
        <v>10449</v>
      </c>
      <c r="G41189" t="s">
        <v>10450</v>
      </c>
      <c r="H41189" t="s">
        <v>10451</v>
      </c>
      <c r="I41189" s="2">
        <v>1</v>
      </c>
      <c r="J41189" s="2">
        <v>0</v>
      </c>
      <c r="K41189" s="2">
        <v>0</v>
      </c>
      <c r="L41189" t="s">
        <v>120</v>
      </c>
      <c r="M41189" t="s">
        <v>83</v>
      </c>
      <c r="N41189" t="s">
        <v>91</v>
      </c>
      <c r="O41189" t="s">
        <v>85</v>
      </c>
      <c r="P41189" t="s">
        <v>86</v>
      </c>
      <c r="Q41189">
        <v>46</v>
      </c>
      <c r="R41189">
        <v>46</v>
      </c>
      <c r="S41189">
        <v>47</v>
      </c>
      <c r="T41189">
        <v>48</v>
      </c>
      <c r="U41189">
        <v>48</v>
      </c>
      <c r="V41189">
        <v>49</v>
      </c>
      <c r="W41189">
        <v>50</v>
      </c>
      <c r="X41189">
        <v>50</v>
      </c>
      <c r="Y41189">
        <v>51</v>
      </c>
      <c r="Z41189">
        <v>52</v>
      </c>
      <c r="AA41189">
        <v>52</v>
      </c>
      <c r="AB41189">
        <v>53</v>
      </c>
      <c r="AC41189">
        <v>53</v>
      </c>
      <c r="AD41189">
        <v>54</v>
      </c>
      <c r="AE41189">
        <v>55</v>
      </c>
      <c r="AF41189">
        <v>55</v>
      </c>
      <c r="AG41189">
        <v>56</v>
      </c>
      <c r="AH41189">
        <v>56</v>
      </c>
      <c r="AI41189">
        <v>57</v>
      </c>
      <c r="AJ41189">
        <v>58</v>
      </c>
      <c r="AK41189">
        <v>58</v>
      </c>
      <c r="AL41189">
        <v>58</v>
      </c>
      <c r="AM41189">
        <v>58</v>
      </c>
      <c r="AN41189">
        <v>58</v>
      </c>
      <c r="AO41189">
        <v>58</v>
      </c>
      <c r="AP41189">
        <v>59</v>
      </c>
      <c r="AQ41189">
        <v>59</v>
      </c>
    </row>
    <row r="41190" spans="1:43">
      <c r="A41190" t="s">
        <v>25397</v>
      </c>
      <c r="B41190" t="s">
        <v>25398</v>
      </c>
      <c r="C41190" t="s">
        <v>12032</v>
      </c>
      <c r="D41190" t="s">
        <v>12033</v>
      </c>
      <c r="E41190" t="s">
        <v>12006</v>
      </c>
      <c r="F41190" t="s">
        <v>12007</v>
      </c>
      <c r="G41190" t="s">
        <v>10450</v>
      </c>
      <c r="H41190" t="s">
        <v>10451</v>
      </c>
      <c r="I41190" s="2">
        <v>1</v>
      </c>
      <c r="J41190" s="2">
        <v>0</v>
      </c>
      <c r="K41190" s="2">
        <v>0</v>
      </c>
      <c r="L41190" t="s">
        <v>120</v>
      </c>
      <c r="M41190" t="s">
        <v>83</v>
      </c>
      <c r="N41190" t="s">
        <v>84</v>
      </c>
      <c r="O41190" t="s">
        <v>85</v>
      </c>
      <c r="P41190" t="s">
        <v>86</v>
      </c>
      <c r="Q41190">
        <v>2</v>
      </c>
      <c r="R41190">
        <v>2</v>
      </c>
      <c r="S41190">
        <v>2</v>
      </c>
      <c r="T41190">
        <v>2</v>
      </c>
      <c r="U41190">
        <v>2</v>
      </c>
      <c r="V41190">
        <v>2</v>
      </c>
      <c r="W41190">
        <v>2</v>
      </c>
      <c r="X41190">
        <v>2</v>
      </c>
      <c r="Y41190">
        <v>2</v>
      </c>
      <c r="Z41190">
        <v>2</v>
      </c>
      <c r="AA41190">
        <v>2</v>
      </c>
      <c r="AB41190">
        <v>2</v>
      </c>
      <c r="AC41190">
        <v>2</v>
      </c>
      <c r="AD41190">
        <v>2</v>
      </c>
      <c r="AE41190">
        <v>2</v>
      </c>
      <c r="AF41190">
        <v>2</v>
      </c>
      <c r="AG41190">
        <v>2</v>
      </c>
      <c r="AH41190">
        <v>2</v>
      </c>
      <c r="AI41190">
        <v>2</v>
      </c>
      <c r="AJ41190">
        <v>2</v>
      </c>
      <c r="AK41190">
        <v>2</v>
      </c>
      <c r="AL41190">
        <v>2</v>
      </c>
      <c r="AM41190">
        <v>2</v>
      </c>
      <c r="AN41190">
        <v>2</v>
      </c>
      <c r="AO41190">
        <v>2</v>
      </c>
      <c r="AP41190">
        <v>2</v>
      </c>
      <c r="AQ41190">
        <v>2</v>
      </c>
    </row>
    <row r="41191" spans="1:43">
      <c r="A41191" t="s">
        <v>25397</v>
      </c>
      <c r="B41191" t="s">
        <v>25398</v>
      </c>
      <c r="C41191" t="s">
        <v>12032</v>
      </c>
      <c r="D41191" t="s">
        <v>12033</v>
      </c>
      <c r="E41191" t="s">
        <v>12006</v>
      </c>
      <c r="F41191" t="s">
        <v>12007</v>
      </c>
      <c r="G41191" t="s">
        <v>10450</v>
      </c>
      <c r="H41191" t="s">
        <v>10451</v>
      </c>
      <c r="I41191" s="2">
        <v>1</v>
      </c>
      <c r="J41191" s="2">
        <v>0</v>
      </c>
      <c r="K41191" s="2">
        <v>0</v>
      </c>
      <c r="L41191" t="s">
        <v>120</v>
      </c>
      <c r="M41191" t="s">
        <v>87</v>
      </c>
      <c r="N41191" t="s">
        <v>88</v>
      </c>
      <c r="O41191" t="s">
        <v>85</v>
      </c>
      <c r="P41191" t="s">
        <v>86</v>
      </c>
      <c r="Q41191">
        <v>2</v>
      </c>
      <c r="R41191">
        <v>2</v>
      </c>
      <c r="S41191">
        <v>2</v>
      </c>
      <c r="T41191">
        <v>2</v>
      </c>
      <c r="U41191">
        <v>2</v>
      </c>
      <c r="V41191">
        <v>2</v>
      </c>
      <c r="W41191">
        <v>2</v>
      </c>
      <c r="X41191">
        <v>2</v>
      </c>
      <c r="Y41191">
        <v>2</v>
      </c>
      <c r="Z41191">
        <v>2</v>
      </c>
      <c r="AA41191">
        <v>2</v>
      </c>
      <c r="AB41191">
        <v>2</v>
      </c>
      <c r="AC41191">
        <v>2</v>
      </c>
      <c r="AD41191">
        <v>2</v>
      </c>
      <c r="AE41191">
        <v>2</v>
      </c>
      <c r="AF41191">
        <v>2</v>
      </c>
      <c r="AG41191">
        <v>2</v>
      </c>
      <c r="AH41191">
        <v>2</v>
      </c>
      <c r="AI41191">
        <v>2</v>
      </c>
      <c r="AJ41191">
        <v>2</v>
      </c>
      <c r="AK41191">
        <v>2</v>
      </c>
      <c r="AL41191">
        <v>2</v>
      </c>
      <c r="AM41191">
        <v>2</v>
      </c>
      <c r="AN41191">
        <v>2</v>
      </c>
      <c r="AO41191">
        <v>2</v>
      </c>
      <c r="AP41191">
        <v>2</v>
      </c>
      <c r="AQ41191">
        <v>2</v>
      </c>
    </row>
    <row r="41192" spans="1:43">
      <c r="A41192" t="s">
        <v>25397</v>
      </c>
      <c r="B41192" t="s">
        <v>25398</v>
      </c>
      <c r="C41192" t="s">
        <v>12032</v>
      </c>
      <c r="D41192" t="s">
        <v>12033</v>
      </c>
      <c r="E41192" t="s">
        <v>12006</v>
      </c>
      <c r="F41192" t="s">
        <v>12007</v>
      </c>
      <c r="G41192" t="s">
        <v>10450</v>
      </c>
      <c r="H41192" t="s">
        <v>10451</v>
      </c>
      <c r="I41192" s="2">
        <v>1</v>
      </c>
      <c r="J41192" s="2">
        <v>0</v>
      </c>
      <c r="K41192" s="2">
        <v>0</v>
      </c>
      <c r="L41192" t="s">
        <v>120</v>
      </c>
      <c r="M41192" t="s">
        <v>89</v>
      </c>
      <c r="N41192" t="s">
        <v>90</v>
      </c>
      <c r="O41192" t="s">
        <v>85</v>
      </c>
      <c r="P41192" t="s">
        <v>86</v>
      </c>
      <c r="Q41192">
        <v>2</v>
      </c>
      <c r="R41192">
        <v>2</v>
      </c>
      <c r="S41192">
        <v>2</v>
      </c>
      <c r="T41192">
        <v>2</v>
      </c>
      <c r="U41192">
        <v>2</v>
      </c>
      <c r="V41192">
        <v>2</v>
      </c>
      <c r="W41192">
        <v>2</v>
      </c>
      <c r="X41192">
        <v>2</v>
      </c>
      <c r="Y41192">
        <v>2</v>
      </c>
      <c r="Z41192">
        <v>2</v>
      </c>
      <c r="AA41192">
        <v>2</v>
      </c>
      <c r="AB41192">
        <v>2</v>
      </c>
      <c r="AC41192">
        <v>2</v>
      </c>
      <c r="AD41192">
        <v>2</v>
      </c>
      <c r="AE41192">
        <v>2</v>
      </c>
      <c r="AF41192">
        <v>2</v>
      </c>
      <c r="AG41192">
        <v>2</v>
      </c>
      <c r="AH41192">
        <v>2</v>
      </c>
      <c r="AI41192">
        <v>2</v>
      </c>
      <c r="AJ41192">
        <v>2</v>
      </c>
      <c r="AK41192">
        <v>2</v>
      </c>
      <c r="AL41192">
        <v>2</v>
      </c>
      <c r="AM41192">
        <v>2</v>
      </c>
      <c r="AN41192">
        <v>2</v>
      </c>
      <c r="AO41192">
        <v>2</v>
      </c>
      <c r="AP41192">
        <v>2</v>
      </c>
      <c r="AQ41192">
        <v>2</v>
      </c>
    </row>
    <row r="41193" spans="1:43">
      <c r="A41193" t="s">
        <v>25397</v>
      </c>
      <c r="B41193" t="s">
        <v>25398</v>
      </c>
      <c r="C41193" t="s">
        <v>12032</v>
      </c>
      <c r="D41193" t="s">
        <v>12033</v>
      </c>
      <c r="E41193" t="s">
        <v>12006</v>
      </c>
      <c r="F41193" t="s">
        <v>12007</v>
      </c>
      <c r="G41193" t="s">
        <v>10450</v>
      </c>
      <c r="H41193" t="s">
        <v>10451</v>
      </c>
      <c r="I41193" s="2">
        <v>1</v>
      </c>
      <c r="J41193" s="2">
        <v>0</v>
      </c>
      <c r="K41193" s="2">
        <v>0</v>
      </c>
      <c r="L41193" t="s">
        <v>120</v>
      </c>
      <c r="M41193" t="s">
        <v>83</v>
      </c>
      <c r="N41193" t="s">
        <v>91</v>
      </c>
      <c r="O41193" t="s">
        <v>85</v>
      </c>
      <c r="P41193" t="s">
        <v>86</v>
      </c>
      <c r="Q41193">
        <v>2</v>
      </c>
      <c r="R41193">
        <v>2</v>
      </c>
      <c r="S41193">
        <v>2</v>
      </c>
      <c r="T41193">
        <v>2</v>
      </c>
      <c r="U41193">
        <v>2</v>
      </c>
      <c r="V41193">
        <v>2</v>
      </c>
      <c r="W41193">
        <v>2</v>
      </c>
      <c r="X41193">
        <v>2</v>
      </c>
      <c r="Y41193">
        <v>2</v>
      </c>
      <c r="Z41193">
        <v>2</v>
      </c>
      <c r="AA41193">
        <v>2</v>
      </c>
      <c r="AB41193">
        <v>2</v>
      </c>
      <c r="AC41193">
        <v>2</v>
      </c>
      <c r="AD41193">
        <v>2</v>
      </c>
      <c r="AE41193">
        <v>2</v>
      </c>
      <c r="AF41193">
        <v>2</v>
      </c>
      <c r="AG41193">
        <v>2</v>
      </c>
      <c r="AH41193">
        <v>2</v>
      </c>
      <c r="AI41193">
        <v>2</v>
      </c>
      <c r="AJ41193">
        <v>2</v>
      </c>
      <c r="AK41193">
        <v>2</v>
      </c>
      <c r="AL41193">
        <v>2</v>
      </c>
      <c r="AM41193">
        <v>2</v>
      </c>
      <c r="AN41193">
        <v>2</v>
      </c>
      <c r="AO41193">
        <v>2</v>
      </c>
      <c r="AP41193">
        <v>2</v>
      </c>
      <c r="AQ41193">
        <v>2</v>
      </c>
    </row>
    <row r="41194" spans="1:43">
      <c r="A41194" t="s">
        <v>25399</v>
      </c>
      <c r="B41194" t="s">
        <v>25400</v>
      </c>
      <c r="C41194" t="s">
        <v>12032</v>
      </c>
      <c r="D41194" t="s">
        <v>12033</v>
      </c>
      <c r="E41194" t="s">
        <v>12006</v>
      </c>
      <c r="F41194" t="s">
        <v>12007</v>
      </c>
      <c r="G41194" t="s">
        <v>10450</v>
      </c>
      <c r="H41194" t="s">
        <v>10451</v>
      </c>
      <c r="I41194" s="2">
        <v>1</v>
      </c>
      <c r="J41194" s="2">
        <v>0</v>
      </c>
      <c r="K41194" s="2">
        <v>0</v>
      </c>
      <c r="L41194" t="s">
        <v>120</v>
      </c>
      <c r="M41194" t="s">
        <v>83</v>
      </c>
      <c r="N41194" t="s">
        <v>84</v>
      </c>
      <c r="O41194" t="s">
        <v>85</v>
      </c>
      <c r="P41194" t="s">
        <v>86</v>
      </c>
      <c r="Q41194">
        <v>0</v>
      </c>
      <c r="R41194">
        <v>0</v>
      </c>
      <c r="S41194">
        <v>0</v>
      </c>
      <c r="T41194">
        <v>0</v>
      </c>
      <c r="U41194">
        <v>0</v>
      </c>
      <c r="V41194">
        <v>0</v>
      </c>
      <c r="W41194">
        <v>0</v>
      </c>
      <c r="X41194">
        <v>0</v>
      </c>
      <c r="Y41194">
        <v>0</v>
      </c>
      <c r="Z41194">
        <v>0</v>
      </c>
      <c r="AA41194">
        <v>0</v>
      </c>
      <c r="AB41194">
        <v>0</v>
      </c>
      <c r="AC41194">
        <v>0</v>
      </c>
      <c r="AD41194">
        <v>0</v>
      </c>
      <c r="AE41194">
        <v>0</v>
      </c>
      <c r="AF41194">
        <v>0</v>
      </c>
      <c r="AG41194">
        <v>0</v>
      </c>
      <c r="AH41194">
        <v>0</v>
      </c>
      <c r="AI41194">
        <v>0</v>
      </c>
      <c r="AJ41194">
        <v>0</v>
      </c>
      <c r="AK41194">
        <v>0</v>
      </c>
      <c r="AL41194">
        <v>0</v>
      </c>
      <c r="AM41194">
        <v>0</v>
      </c>
      <c r="AN41194">
        <v>0</v>
      </c>
      <c r="AO41194">
        <v>0</v>
      </c>
      <c r="AP41194">
        <v>0</v>
      </c>
      <c r="AQ41194">
        <v>0</v>
      </c>
    </row>
    <row r="41195" spans="1:43">
      <c r="A41195" t="s">
        <v>25399</v>
      </c>
      <c r="B41195" t="s">
        <v>25400</v>
      </c>
      <c r="C41195" t="s">
        <v>12032</v>
      </c>
      <c r="D41195" t="s">
        <v>12033</v>
      </c>
      <c r="E41195" t="s">
        <v>12006</v>
      </c>
      <c r="F41195" t="s">
        <v>12007</v>
      </c>
      <c r="G41195" t="s">
        <v>10450</v>
      </c>
      <c r="H41195" t="s">
        <v>10451</v>
      </c>
      <c r="I41195" s="2">
        <v>1</v>
      </c>
      <c r="J41195" s="2">
        <v>0</v>
      </c>
      <c r="K41195" s="2">
        <v>0</v>
      </c>
      <c r="L41195" t="s">
        <v>120</v>
      </c>
      <c r="M41195" t="s">
        <v>87</v>
      </c>
      <c r="N41195" t="s">
        <v>88</v>
      </c>
      <c r="O41195" t="s">
        <v>85</v>
      </c>
      <c r="P41195" t="s">
        <v>86</v>
      </c>
      <c r="Q41195">
        <v>0</v>
      </c>
      <c r="R41195">
        <v>0</v>
      </c>
      <c r="S41195">
        <v>0</v>
      </c>
      <c r="T41195">
        <v>0</v>
      </c>
      <c r="U41195">
        <v>0</v>
      </c>
      <c r="V41195">
        <v>0</v>
      </c>
      <c r="W41195">
        <v>0</v>
      </c>
      <c r="X41195">
        <v>0</v>
      </c>
      <c r="Y41195">
        <v>0</v>
      </c>
      <c r="Z41195">
        <v>0</v>
      </c>
      <c r="AA41195">
        <v>0</v>
      </c>
      <c r="AB41195">
        <v>0</v>
      </c>
      <c r="AC41195">
        <v>0</v>
      </c>
      <c r="AD41195">
        <v>0</v>
      </c>
      <c r="AE41195">
        <v>0</v>
      </c>
      <c r="AF41195">
        <v>0</v>
      </c>
      <c r="AG41195">
        <v>0</v>
      </c>
      <c r="AH41195">
        <v>0</v>
      </c>
      <c r="AI41195">
        <v>0</v>
      </c>
      <c r="AJ41195">
        <v>0</v>
      </c>
      <c r="AK41195">
        <v>0</v>
      </c>
      <c r="AL41195">
        <v>0</v>
      </c>
      <c r="AM41195">
        <v>0</v>
      </c>
      <c r="AN41195">
        <v>0</v>
      </c>
      <c r="AO41195">
        <v>0</v>
      </c>
      <c r="AP41195">
        <v>0</v>
      </c>
      <c r="AQ41195">
        <v>0</v>
      </c>
    </row>
    <row r="41196" spans="1:43">
      <c r="A41196" t="s">
        <v>25399</v>
      </c>
      <c r="B41196" t="s">
        <v>25400</v>
      </c>
      <c r="C41196" t="s">
        <v>12032</v>
      </c>
      <c r="D41196" t="s">
        <v>12033</v>
      </c>
      <c r="E41196" t="s">
        <v>12006</v>
      </c>
      <c r="F41196" t="s">
        <v>12007</v>
      </c>
      <c r="G41196" t="s">
        <v>10450</v>
      </c>
      <c r="H41196" t="s">
        <v>10451</v>
      </c>
      <c r="I41196" s="2">
        <v>1</v>
      </c>
      <c r="J41196" s="2">
        <v>0</v>
      </c>
      <c r="K41196" s="2">
        <v>0</v>
      </c>
      <c r="L41196" t="s">
        <v>120</v>
      </c>
      <c r="M41196" t="s">
        <v>89</v>
      </c>
      <c r="N41196" t="s">
        <v>90</v>
      </c>
      <c r="O41196" t="s">
        <v>85</v>
      </c>
      <c r="P41196" t="s">
        <v>86</v>
      </c>
      <c r="Q41196">
        <v>0</v>
      </c>
      <c r="R41196">
        <v>0</v>
      </c>
      <c r="S41196">
        <v>0</v>
      </c>
      <c r="T41196">
        <v>0</v>
      </c>
      <c r="U41196">
        <v>0</v>
      </c>
      <c r="V41196">
        <v>0</v>
      </c>
      <c r="W41196">
        <v>0</v>
      </c>
      <c r="X41196">
        <v>0</v>
      </c>
      <c r="Y41196">
        <v>0</v>
      </c>
      <c r="Z41196">
        <v>0</v>
      </c>
      <c r="AA41196">
        <v>0</v>
      </c>
      <c r="AB41196">
        <v>0</v>
      </c>
      <c r="AC41196">
        <v>0</v>
      </c>
      <c r="AD41196">
        <v>0</v>
      </c>
      <c r="AE41196">
        <v>0</v>
      </c>
      <c r="AF41196">
        <v>0</v>
      </c>
      <c r="AG41196">
        <v>0</v>
      </c>
      <c r="AH41196">
        <v>0</v>
      </c>
      <c r="AI41196">
        <v>0</v>
      </c>
      <c r="AJ41196">
        <v>0</v>
      </c>
      <c r="AK41196">
        <v>0</v>
      </c>
      <c r="AL41196">
        <v>0</v>
      </c>
      <c r="AM41196">
        <v>0</v>
      </c>
      <c r="AN41196">
        <v>0</v>
      </c>
      <c r="AO41196">
        <v>0</v>
      </c>
      <c r="AP41196">
        <v>0</v>
      </c>
      <c r="AQ41196">
        <v>0</v>
      </c>
    </row>
    <row r="41197" spans="1:43">
      <c r="A41197" t="s">
        <v>25399</v>
      </c>
      <c r="B41197" t="s">
        <v>25400</v>
      </c>
      <c r="C41197" t="s">
        <v>12032</v>
      </c>
      <c r="D41197" t="s">
        <v>12033</v>
      </c>
      <c r="E41197" t="s">
        <v>12006</v>
      </c>
      <c r="F41197" t="s">
        <v>12007</v>
      </c>
      <c r="G41197" t="s">
        <v>10450</v>
      </c>
      <c r="H41197" t="s">
        <v>10451</v>
      </c>
      <c r="I41197" s="2">
        <v>1</v>
      </c>
      <c r="J41197" s="2">
        <v>0</v>
      </c>
      <c r="K41197" s="2">
        <v>0</v>
      </c>
      <c r="L41197" t="s">
        <v>120</v>
      </c>
      <c r="M41197" t="s">
        <v>83</v>
      </c>
      <c r="N41197" t="s">
        <v>91</v>
      </c>
      <c r="O41197" t="s">
        <v>85</v>
      </c>
      <c r="P41197" t="s">
        <v>86</v>
      </c>
      <c r="Q41197">
        <v>0</v>
      </c>
      <c r="R41197">
        <v>0</v>
      </c>
      <c r="S41197">
        <v>0</v>
      </c>
      <c r="T41197">
        <v>0</v>
      </c>
      <c r="U41197">
        <v>0</v>
      </c>
      <c r="V41197">
        <v>0</v>
      </c>
      <c r="W41197">
        <v>0</v>
      </c>
      <c r="X41197">
        <v>0</v>
      </c>
      <c r="Y41197">
        <v>0</v>
      </c>
      <c r="Z41197">
        <v>0</v>
      </c>
      <c r="AA41197">
        <v>0</v>
      </c>
      <c r="AB41197">
        <v>0</v>
      </c>
      <c r="AC41197">
        <v>0</v>
      </c>
      <c r="AD41197">
        <v>0</v>
      </c>
      <c r="AE41197">
        <v>0</v>
      </c>
      <c r="AF41197">
        <v>0</v>
      </c>
      <c r="AG41197">
        <v>0</v>
      </c>
      <c r="AH41197">
        <v>0</v>
      </c>
      <c r="AI41197">
        <v>0</v>
      </c>
      <c r="AJ41197">
        <v>0</v>
      </c>
      <c r="AK41197">
        <v>0</v>
      </c>
      <c r="AL41197">
        <v>0</v>
      </c>
      <c r="AM41197">
        <v>0</v>
      </c>
      <c r="AN41197">
        <v>0</v>
      </c>
      <c r="AO41197">
        <v>0</v>
      </c>
      <c r="AP41197">
        <v>0</v>
      </c>
      <c r="AQ41197">
        <v>0</v>
      </c>
    </row>
    <row r="41198" spans="1:43">
      <c r="A41198" t="s">
        <v>25401</v>
      </c>
      <c r="B41198" t="s">
        <v>25402</v>
      </c>
      <c r="C41198" t="s">
        <v>12032</v>
      </c>
      <c r="D41198" t="s">
        <v>12033</v>
      </c>
      <c r="E41198" t="s">
        <v>12006</v>
      </c>
      <c r="F41198" t="s">
        <v>12007</v>
      </c>
      <c r="G41198" t="s">
        <v>10450</v>
      </c>
      <c r="H41198" t="s">
        <v>10451</v>
      </c>
      <c r="I41198" s="2">
        <v>1</v>
      </c>
      <c r="J41198" s="2">
        <v>0</v>
      </c>
      <c r="K41198" s="2">
        <v>0</v>
      </c>
      <c r="L41198" t="s">
        <v>120</v>
      </c>
      <c r="M41198" t="s">
        <v>83</v>
      </c>
      <c r="N41198" t="s">
        <v>84</v>
      </c>
      <c r="O41198" t="s">
        <v>85</v>
      </c>
      <c r="P41198" t="s">
        <v>86</v>
      </c>
      <c r="Q41198">
        <v>35</v>
      </c>
      <c r="R41198">
        <v>36</v>
      </c>
      <c r="S41198">
        <v>36</v>
      </c>
      <c r="T41198">
        <v>37</v>
      </c>
      <c r="U41198">
        <v>37</v>
      </c>
      <c r="V41198">
        <v>38</v>
      </c>
      <c r="W41198">
        <v>38</v>
      </c>
      <c r="X41198">
        <v>38</v>
      </c>
      <c r="Y41198">
        <v>39</v>
      </c>
      <c r="Z41198">
        <v>39</v>
      </c>
      <c r="AA41198">
        <v>40</v>
      </c>
      <c r="AB41198">
        <v>40</v>
      </c>
      <c r="AC41198">
        <v>41</v>
      </c>
      <c r="AD41198">
        <v>41</v>
      </c>
      <c r="AE41198">
        <v>42</v>
      </c>
      <c r="AF41198">
        <v>42</v>
      </c>
      <c r="AG41198">
        <v>43</v>
      </c>
      <c r="AH41198">
        <v>43</v>
      </c>
      <c r="AI41198">
        <v>44</v>
      </c>
      <c r="AJ41198">
        <v>44</v>
      </c>
      <c r="AK41198">
        <v>44</v>
      </c>
      <c r="AL41198">
        <v>45</v>
      </c>
      <c r="AM41198">
        <v>45</v>
      </c>
      <c r="AN41198">
        <v>45</v>
      </c>
      <c r="AO41198">
        <v>45</v>
      </c>
      <c r="AP41198">
        <v>45</v>
      </c>
      <c r="AQ41198">
        <v>45</v>
      </c>
    </row>
    <row r="41199" spans="1:43">
      <c r="A41199" t="s">
        <v>25401</v>
      </c>
      <c r="B41199" t="s">
        <v>25402</v>
      </c>
      <c r="C41199" t="s">
        <v>12032</v>
      </c>
      <c r="D41199" t="s">
        <v>12033</v>
      </c>
      <c r="E41199" t="s">
        <v>12006</v>
      </c>
      <c r="F41199" t="s">
        <v>12007</v>
      </c>
      <c r="G41199" t="s">
        <v>10450</v>
      </c>
      <c r="H41199" t="s">
        <v>10451</v>
      </c>
      <c r="I41199" s="2">
        <v>1</v>
      </c>
      <c r="J41199" s="2">
        <v>0</v>
      </c>
      <c r="K41199" s="2">
        <v>0</v>
      </c>
      <c r="L41199" t="s">
        <v>120</v>
      </c>
      <c r="M41199" t="s">
        <v>87</v>
      </c>
      <c r="N41199" t="s">
        <v>88</v>
      </c>
      <c r="O41199" t="s">
        <v>85</v>
      </c>
      <c r="P41199" t="s">
        <v>86</v>
      </c>
      <c r="Q41199">
        <v>35</v>
      </c>
      <c r="R41199">
        <v>35</v>
      </c>
      <c r="S41199">
        <v>35</v>
      </c>
      <c r="T41199">
        <v>35</v>
      </c>
      <c r="U41199">
        <v>35</v>
      </c>
      <c r="V41199">
        <v>36</v>
      </c>
      <c r="W41199">
        <v>36</v>
      </c>
      <c r="X41199">
        <v>36</v>
      </c>
      <c r="Y41199">
        <v>36</v>
      </c>
      <c r="Z41199">
        <v>36</v>
      </c>
      <c r="AA41199">
        <v>36</v>
      </c>
      <c r="AB41199">
        <v>37</v>
      </c>
      <c r="AC41199">
        <v>37</v>
      </c>
      <c r="AD41199">
        <v>37</v>
      </c>
      <c r="AE41199">
        <v>37</v>
      </c>
      <c r="AF41199">
        <v>37</v>
      </c>
      <c r="AG41199">
        <v>37</v>
      </c>
      <c r="AH41199">
        <v>37</v>
      </c>
      <c r="AI41199">
        <v>38</v>
      </c>
      <c r="AJ41199">
        <v>38</v>
      </c>
      <c r="AK41199">
        <v>38</v>
      </c>
      <c r="AL41199">
        <v>38</v>
      </c>
      <c r="AM41199">
        <v>38</v>
      </c>
      <c r="AN41199">
        <v>38</v>
      </c>
      <c r="AO41199">
        <v>39</v>
      </c>
      <c r="AP41199">
        <v>39</v>
      </c>
      <c r="AQ41199">
        <v>39</v>
      </c>
    </row>
    <row r="41200" spans="1:43">
      <c r="A41200" t="s">
        <v>25401</v>
      </c>
      <c r="B41200" t="s">
        <v>25402</v>
      </c>
      <c r="C41200" t="s">
        <v>12032</v>
      </c>
      <c r="D41200" t="s">
        <v>12033</v>
      </c>
      <c r="E41200" t="s">
        <v>12006</v>
      </c>
      <c r="F41200" t="s">
        <v>12007</v>
      </c>
      <c r="G41200" t="s">
        <v>10450</v>
      </c>
      <c r="H41200" t="s">
        <v>10451</v>
      </c>
      <c r="I41200" s="2">
        <v>1</v>
      </c>
      <c r="J41200" s="2">
        <v>0</v>
      </c>
      <c r="K41200" s="2">
        <v>0</v>
      </c>
      <c r="L41200" t="s">
        <v>120</v>
      </c>
      <c r="M41200" t="s">
        <v>89</v>
      </c>
      <c r="N41200" t="s">
        <v>90</v>
      </c>
      <c r="O41200" t="s">
        <v>85</v>
      </c>
      <c r="P41200" t="s">
        <v>86</v>
      </c>
      <c r="Q41200">
        <v>35</v>
      </c>
      <c r="R41200">
        <v>36</v>
      </c>
      <c r="S41200">
        <v>37</v>
      </c>
      <c r="T41200">
        <v>38</v>
      </c>
      <c r="U41200">
        <v>38</v>
      </c>
      <c r="V41200">
        <v>39</v>
      </c>
      <c r="W41200">
        <v>40</v>
      </c>
      <c r="X41200">
        <v>41</v>
      </c>
      <c r="Y41200">
        <v>41</v>
      </c>
      <c r="Z41200">
        <v>42</v>
      </c>
      <c r="AA41200">
        <v>42</v>
      </c>
      <c r="AB41200">
        <v>43</v>
      </c>
      <c r="AC41200">
        <v>44</v>
      </c>
      <c r="AD41200">
        <v>44</v>
      </c>
      <c r="AE41200">
        <v>45</v>
      </c>
      <c r="AF41200">
        <v>45</v>
      </c>
      <c r="AG41200">
        <v>45</v>
      </c>
      <c r="AH41200">
        <v>45</v>
      </c>
      <c r="AI41200">
        <v>45</v>
      </c>
      <c r="AJ41200">
        <v>45</v>
      </c>
      <c r="AK41200">
        <v>45</v>
      </c>
      <c r="AL41200">
        <v>45</v>
      </c>
      <c r="AM41200">
        <v>45</v>
      </c>
      <c r="AN41200">
        <v>45</v>
      </c>
      <c r="AO41200">
        <v>45</v>
      </c>
      <c r="AP41200">
        <v>45</v>
      </c>
      <c r="AQ41200">
        <v>45</v>
      </c>
    </row>
    <row r="41201" spans="1:43">
      <c r="A41201" t="s">
        <v>25401</v>
      </c>
      <c r="B41201" t="s">
        <v>25402</v>
      </c>
      <c r="C41201" t="s">
        <v>12032</v>
      </c>
      <c r="D41201" t="s">
        <v>12033</v>
      </c>
      <c r="E41201" t="s">
        <v>12006</v>
      </c>
      <c r="F41201" t="s">
        <v>12007</v>
      </c>
      <c r="G41201" t="s">
        <v>10450</v>
      </c>
      <c r="H41201" t="s">
        <v>10451</v>
      </c>
      <c r="I41201" s="2">
        <v>1</v>
      </c>
      <c r="J41201" s="2">
        <v>0</v>
      </c>
      <c r="K41201" s="2">
        <v>0</v>
      </c>
      <c r="L41201" t="s">
        <v>120</v>
      </c>
      <c r="M41201" t="s">
        <v>83</v>
      </c>
      <c r="N41201" t="s">
        <v>91</v>
      </c>
      <c r="O41201" t="s">
        <v>85</v>
      </c>
      <c r="P41201" t="s">
        <v>86</v>
      </c>
      <c r="Q41201">
        <v>35</v>
      </c>
      <c r="R41201">
        <v>36</v>
      </c>
      <c r="S41201">
        <v>36</v>
      </c>
      <c r="T41201">
        <v>37</v>
      </c>
      <c r="U41201">
        <v>37</v>
      </c>
      <c r="V41201">
        <v>38</v>
      </c>
      <c r="W41201">
        <v>38</v>
      </c>
      <c r="X41201">
        <v>38</v>
      </c>
      <c r="Y41201">
        <v>39</v>
      </c>
      <c r="Z41201">
        <v>39</v>
      </c>
      <c r="AA41201">
        <v>40</v>
      </c>
      <c r="AB41201">
        <v>40</v>
      </c>
      <c r="AC41201">
        <v>41</v>
      </c>
      <c r="AD41201">
        <v>41</v>
      </c>
      <c r="AE41201">
        <v>42</v>
      </c>
      <c r="AF41201">
        <v>42</v>
      </c>
      <c r="AG41201">
        <v>43</v>
      </c>
      <c r="AH41201">
        <v>43</v>
      </c>
      <c r="AI41201">
        <v>44</v>
      </c>
      <c r="AJ41201">
        <v>44</v>
      </c>
      <c r="AK41201">
        <v>44</v>
      </c>
      <c r="AL41201">
        <v>45</v>
      </c>
      <c r="AM41201">
        <v>45</v>
      </c>
      <c r="AN41201">
        <v>45</v>
      </c>
      <c r="AO41201">
        <v>45</v>
      </c>
      <c r="AP41201">
        <v>45</v>
      </c>
      <c r="AQ41201">
        <v>45</v>
      </c>
    </row>
    <row r="41202" spans="1:43">
      <c r="A41202" t="s">
        <v>25403</v>
      </c>
      <c r="B41202" t="s">
        <v>25404</v>
      </c>
      <c r="C41202" t="s">
        <v>12032</v>
      </c>
      <c r="D41202" t="s">
        <v>12033</v>
      </c>
      <c r="E41202" t="s">
        <v>12006</v>
      </c>
      <c r="F41202" t="s">
        <v>12007</v>
      </c>
      <c r="G41202" t="s">
        <v>10450</v>
      </c>
      <c r="H41202" t="s">
        <v>10451</v>
      </c>
      <c r="I41202" s="2">
        <v>1</v>
      </c>
      <c r="J41202" s="2">
        <v>0</v>
      </c>
      <c r="K41202" s="2">
        <v>0</v>
      </c>
      <c r="L41202" t="s">
        <v>120</v>
      </c>
      <c r="M41202" t="s">
        <v>83</v>
      </c>
      <c r="N41202" t="s">
        <v>84</v>
      </c>
      <c r="O41202" t="s">
        <v>85</v>
      </c>
      <c r="P41202" t="s">
        <v>86</v>
      </c>
      <c r="Q41202">
        <v>3</v>
      </c>
      <c r="R41202">
        <v>3</v>
      </c>
      <c r="S41202">
        <v>3</v>
      </c>
      <c r="T41202">
        <v>3</v>
      </c>
      <c r="U41202">
        <v>3</v>
      </c>
      <c r="V41202">
        <v>3</v>
      </c>
      <c r="W41202">
        <v>3</v>
      </c>
      <c r="X41202">
        <v>3</v>
      </c>
      <c r="Y41202">
        <v>3</v>
      </c>
      <c r="Z41202">
        <v>3</v>
      </c>
      <c r="AA41202">
        <v>3</v>
      </c>
      <c r="AB41202">
        <v>3</v>
      </c>
      <c r="AC41202">
        <v>3</v>
      </c>
      <c r="AD41202">
        <v>3</v>
      </c>
      <c r="AE41202">
        <v>3</v>
      </c>
      <c r="AF41202">
        <v>3</v>
      </c>
      <c r="AG41202">
        <v>3</v>
      </c>
      <c r="AH41202">
        <v>3</v>
      </c>
      <c r="AI41202">
        <v>4</v>
      </c>
      <c r="AJ41202">
        <v>4</v>
      </c>
      <c r="AK41202">
        <v>4</v>
      </c>
      <c r="AL41202">
        <v>4</v>
      </c>
      <c r="AM41202">
        <v>4</v>
      </c>
      <c r="AN41202">
        <v>4</v>
      </c>
      <c r="AO41202">
        <v>4</v>
      </c>
      <c r="AP41202">
        <v>4</v>
      </c>
      <c r="AQ41202">
        <v>4</v>
      </c>
    </row>
    <row r="41203" spans="1:43">
      <c r="A41203" t="s">
        <v>25403</v>
      </c>
      <c r="B41203" t="s">
        <v>25404</v>
      </c>
      <c r="C41203" t="s">
        <v>12032</v>
      </c>
      <c r="D41203" t="s">
        <v>12033</v>
      </c>
      <c r="E41203" t="s">
        <v>12006</v>
      </c>
      <c r="F41203" t="s">
        <v>12007</v>
      </c>
      <c r="G41203" t="s">
        <v>10450</v>
      </c>
      <c r="H41203" t="s">
        <v>10451</v>
      </c>
      <c r="I41203" s="2">
        <v>1</v>
      </c>
      <c r="J41203" s="2">
        <v>0</v>
      </c>
      <c r="K41203" s="2">
        <v>0</v>
      </c>
      <c r="L41203" t="s">
        <v>120</v>
      </c>
      <c r="M41203" t="s">
        <v>87</v>
      </c>
      <c r="N41203" t="s">
        <v>88</v>
      </c>
      <c r="O41203" t="s">
        <v>85</v>
      </c>
      <c r="P41203" t="s">
        <v>86</v>
      </c>
      <c r="Q41203">
        <v>3</v>
      </c>
      <c r="R41203">
        <v>3</v>
      </c>
      <c r="S41203">
        <v>3</v>
      </c>
      <c r="T41203">
        <v>3</v>
      </c>
      <c r="U41203">
        <v>3</v>
      </c>
      <c r="V41203">
        <v>3</v>
      </c>
      <c r="W41203">
        <v>3</v>
      </c>
      <c r="X41203">
        <v>3</v>
      </c>
      <c r="Y41203">
        <v>3</v>
      </c>
      <c r="Z41203">
        <v>3</v>
      </c>
      <c r="AA41203">
        <v>3</v>
      </c>
      <c r="AB41203">
        <v>3</v>
      </c>
      <c r="AC41203">
        <v>3</v>
      </c>
      <c r="AD41203">
        <v>3</v>
      </c>
      <c r="AE41203">
        <v>3</v>
      </c>
      <c r="AF41203">
        <v>3</v>
      </c>
      <c r="AG41203">
        <v>3</v>
      </c>
      <c r="AH41203">
        <v>3</v>
      </c>
      <c r="AI41203">
        <v>3</v>
      </c>
      <c r="AJ41203">
        <v>3</v>
      </c>
      <c r="AK41203">
        <v>3</v>
      </c>
      <c r="AL41203">
        <v>3</v>
      </c>
      <c r="AM41203">
        <v>3</v>
      </c>
      <c r="AN41203">
        <v>3</v>
      </c>
      <c r="AO41203">
        <v>3</v>
      </c>
      <c r="AP41203">
        <v>3</v>
      </c>
      <c r="AQ41203">
        <v>3</v>
      </c>
    </row>
    <row r="41204" spans="1:43">
      <c r="A41204" t="s">
        <v>25403</v>
      </c>
      <c r="B41204" t="s">
        <v>25404</v>
      </c>
      <c r="C41204" t="s">
        <v>12032</v>
      </c>
      <c r="D41204" t="s">
        <v>12033</v>
      </c>
      <c r="E41204" t="s">
        <v>12006</v>
      </c>
      <c r="F41204" t="s">
        <v>12007</v>
      </c>
      <c r="G41204" t="s">
        <v>10450</v>
      </c>
      <c r="H41204" t="s">
        <v>10451</v>
      </c>
      <c r="I41204" s="2">
        <v>1</v>
      </c>
      <c r="J41204" s="2">
        <v>0</v>
      </c>
      <c r="K41204" s="2">
        <v>0</v>
      </c>
      <c r="L41204" t="s">
        <v>120</v>
      </c>
      <c r="M41204" t="s">
        <v>89</v>
      </c>
      <c r="N41204" t="s">
        <v>90</v>
      </c>
      <c r="O41204" t="s">
        <v>85</v>
      </c>
      <c r="P41204" t="s">
        <v>86</v>
      </c>
      <c r="Q41204">
        <v>3</v>
      </c>
      <c r="R41204">
        <v>3</v>
      </c>
      <c r="S41204">
        <v>3</v>
      </c>
      <c r="T41204">
        <v>3</v>
      </c>
      <c r="U41204">
        <v>3</v>
      </c>
      <c r="V41204">
        <v>3</v>
      </c>
      <c r="W41204">
        <v>3</v>
      </c>
      <c r="X41204">
        <v>3</v>
      </c>
      <c r="Y41204">
        <v>3</v>
      </c>
      <c r="Z41204">
        <v>3</v>
      </c>
      <c r="AA41204">
        <v>3</v>
      </c>
      <c r="AB41204">
        <v>3</v>
      </c>
      <c r="AC41204">
        <v>4</v>
      </c>
      <c r="AD41204">
        <v>4</v>
      </c>
      <c r="AE41204">
        <v>4</v>
      </c>
      <c r="AF41204">
        <v>4</v>
      </c>
      <c r="AG41204">
        <v>4</v>
      </c>
      <c r="AH41204">
        <v>4</v>
      </c>
      <c r="AI41204">
        <v>4</v>
      </c>
      <c r="AJ41204">
        <v>4</v>
      </c>
      <c r="AK41204">
        <v>4</v>
      </c>
      <c r="AL41204">
        <v>4</v>
      </c>
      <c r="AM41204">
        <v>4</v>
      </c>
      <c r="AN41204">
        <v>4</v>
      </c>
      <c r="AO41204">
        <v>4</v>
      </c>
      <c r="AP41204">
        <v>4</v>
      </c>
      <c r="AQ41204">
        <v>4</v>
      </c>
    </row>
    <row r="41205" spans="1:43">
      <c r="A41205" t="s">
        <v>25403</v>
      </c>
      <c r="B41205" t="s">
        <v>25404</v>
      </c>
      <c r="C41205" t="s">
        <v>12032</v>
      </c>
      <c r="D41205" t="s">
        <v>12033</v>
      </c>
      <c r="E41205" t="s">
        <v>12006</v>
      </c>
      <c r="F41205" t="s">
        <v>12007</v>
      </c>
      <c r="G41205" t="s">
        <v>10450</v>
      </c>
      <c r="H41205" t="s">
        <v>10451</v>
      </c>
      <c r="I41205" s="2">
        <v>1</v>
      </c>
      <c r="J41205" s="2">
        <v>0</v>
      </c>
      <c r="K41205" s="2">
        <v>0</v>
      </c>
      <c r="L41205" t="s">
        <v>120</v>
      </c>
      <c r="M41205" t="s">
        <v>83</v>
      </c>
      <c r="N41205" t="s">
        <v>91</v>
      </c>
      <c r="O41205" t="s">
        <v>85</v>
      </c>
      <c r="P41205" t="s">
        <v>86</v>
      </c>
      <c r="Q41205">
        <v>3</v>
      </c>
      <c r="R41205">
        <v>3</v>
      </c>
      <c r="S41205">
        <v>3</v>
      </c>
      <c r="T41205">
        <v>3</v>
      </c>
      <c r="U41205">
        <v>3</v>
      </c>
      <c r="V41205">
        <v>3</v>
      </c>
      <c r="W41205">
        <v>3</v>
      </c>
      <c r="X41205">
        <v>3</v>
      </c>
      <c r="Y41205">
        <v>3</v>
      </c>
      <c r="Z41205">
        <v>3</v>
      </c>
      <c r="AA41205">
        <v>3</v>
      </c>
      <c r="AB41205">
        <v>3</v>
      </c>
      <c r="AC41205">
        <v>3</v>
      </c>
      <c r="AD41205">
        <v>3</v>
      </c>
      <c r="AE41205">
        <v>3</v>
      </c>
      <c r="AF41205">
        <v>3</v>
      </c>
      <c r="AG41205">
        <v>3</v>
      </c>
      <c r="AH41205">
        <v>3</v>
      </c>
      <c r="AI41205">
        <v>4</v>
      </c>
      <c r="AJ41205">
        <v>4</v>
      </c>
      <c r="AK41205">
        <v>4</v>
      </c>
      <c r="AL41205">
        <v>4</v>
      </c>
      <c r="AM41205">
        <v>4</v>
      </c>
      <c r="AN41205">
        <v>4</v>
      </c>
      <c r="AO41205">
        <v>4</v>
      </c>
      <c r="AP41205">
        <v>4</v>
      </c>
      <c r="AQ41205">
        <v>4</v>
      </c>
    </row>
    <row r="41206" spans="1:43">
      <c r="A41206" t="s">
        <v>25405</v>
      </c>
      <c r="B41206" t="s">
        <v>25406</v>
      </c>
      <c r="C41206" t="s">
        <v>12032</v>
      </c>
      <c r="D41206" t="s">
        <v>12033</v>
      </c>
      <c r="E41206" t="s">
        <v>12006</v>
      </c>
      <c r="F41206" t="s">
        <v>12007</v>
      </c>
      <c r="G41206" t="s">
        <v>10450</v>
      </c>
      <c r="H41206" t="s">
        <v>10451</v>
      </c>
      <c r="I41206" s="2">
        <v>1</v>
      </c>
      <c r="J41206" s="2">
        <v>0</v>
      </c>
      <c r="K41206" s="2">
        <v>0</v>
      </c>
      <c r="L41206" t="s">
        <v>120</v>
      </c>
      <c r="M41206" t="s">
        <v>83</v>
      </c>
      <c r="N41206" t="s">
        <v>84</v>
      </c>
      <c r="O41206" t="s">
        <v>85</v>
      </c>
      <c r="P41206" t="s">
        <v>86</v>
      </c>
      <c r="Q41206">
        <v>3</v>
      </c>
      <c r="R41206">
        <v>3</v>
      </c>
      <c r="S41206">
        <v>3</v>
      </c>
      <c r="T41206">
        <v>3</v>
      </c>
      <c r="U41206">
        <v>3</v>
      </c>
      <c r="V41206">
        <v>3</v>
      </c>
      <c r="W41206">
        <v>3</v>
      </c>
      <c r="X41206">
        <v>3</v>
      </c>
      <c r="Y41206">
        <v>3</v>
      </c>
      <c r="Z41206">
        <v>3</v>
      </c>
      <c r="AA41206">
        <v>3</v>
      </c>
      <c r="AB41206">
        <v>3</v>
      </c>
      <c r="AC41206">
        <v>3</v>
      </c>
      <c r="AD41206">
        <v>3</v>
      </c>
      <c r="AE41206">
        <v>3</v>
      </c>
      <c r="AF41206">
        <v>3</v>
      </c>
      <c r="AG41206">
        <v>3</v>
      </c>
      <c r="AH41206">
        <v>3</v>
      </c>
      <c r="AI41206">
        <v>3</v>
      </c>
      <c r="AJ41206">
        <v>3</v>
      </c>
      <c r="AK41206">
        <v>3</v>
      </c>
      <c r="AL41206">
        <v>3</v>
      </c>
      <c r="AM41206">
        <v>3</v>
      </c>
      <c r="AN41206">
        <v>3</v>
      </c>
      <c r="AO41206">
        <v>3</v>
      </c>
      <c r="AP41206">
        <v>3</v>
      </c>
      <c r="AQ41206">
        <v>3</v>
      </c>
    </row>
    <row r="41207" spans="1:43">
      <c r="A41207" t="s">
        <v>25405</v>
      </c>
      <c r="B41207" t="s">
        <v>25406</v>
      </c>
      <c r="C41207" t="s">
        <v>12032</v>
      </c>
      <c r="D41207" t="s">
        <v>12033</v>
      </c>
      <c r="E41207" t="s">
        <v>12006</v>
      </c>
      <c r="F41207" t="s">
        <v>12007</v>
      </c>
      <c r="G41207" t="s">
        <v>10450</v>
      </c>
      <c r="H41207" t="s">
        <v>10451</v>
      </c>
      <c r="I41207" s="2">
        <v>1</v>
      </c>
      <c r="J41207" s="2">
        <v>0</v>
      </c>
      <c r="K41207" s="2">
        <v>0</v>
      </c>
      <c r="L41207" t="s">
        <v>120</v>
      </c>
      <c r="M41207" t="s">
        <v>87</v>
      </c>
      <c r="N41207" t="s">
        <v>88</v>
      </c>
      <c r="O41207" t="s">
        <v>85</v>
      </c>
      <c r="P41207" t="s">
        <v>86</v>
      </c>
      <c r="Q41207">
        <v>3</v>
      </c>
      <c r="R41207">
        <v>3</v>
      </c>
      <c r="S41207">
        <v>3</v>
      </c>
      <c r="T41207">
        <v>3</v>
      </c>
      <c r="U41207">
        <v>3</v>
      </c>
      <c r="V41207">
        <v>3</v>
      </c>
      <c r="W41207">
        <v>3</v>
      </c>
      <c r="X41207">
        <v>3</v>
      </c>
      <c r="Y41207">
        <v>3</v>
      </c>
      <c r="Z41207">
        <v>3</v>
      </c>
      <c r="AA41207">
        <v>3</v>
      </c>
      <c r="AB41207">
        <v>3</v>
      </c>
      <c r="AC41207">
        <v>3</v>
      </c>
      <c r="AD41207">
        <v>3</v>
      </c>
      <c r="AE41207">
        <v>3</v>
      </c>
      <c r="AF41207">
        <v>3</v>
      </c>
      <c r="AG41207">
        <v>3</v>
      </c>
      <c r="AH41207">
        <v>3</v>
      </c>
      <c r="AI41207">
        <v>3</v>
      </c>
      <c r="AJ41207">
        <v>3</v>
      </c>
      <c r="AK41207">
        <v>3</v>
      </c>
      <c r="AL41207">
        <v>3</v>
      </c>
      <c r="AM41207">
        <v>3</v>
      </c>
      <c r="AN41207">
        <v>3</v>
      </c>
      <c r="AO41207">
        <v>3</v>
      </c>
      <c r="AP41207">
        <v>3</v>
      </c>
      <c r="AQ41207">
        <v>3</v>
      </c>
    </row>
    <row r="41208" spans="1:43">
      <c r="A41208" t="s">
        <v>25405</v>
      </c>
      <c r="B41208" t="s">
        <v>25406</v>
      </c>
      <c r="C41208" t="s">
        <v>12032</v>
      </c>
      <c r="D41208" t="s">
        <v>12033</v>
      </c>
      <c r="E41208" t="s">
        <v>12006</v>
      </c>
      <c r="F41208" t="s">
        <v>12007</v>
      </c>
      <c r="G41208" t="s">
        <v>10450</v>
      </c>
      <c r="H41208" t="s">
        <v>10451</v>
      </c>
      <c r="I41208" s="2">
        <v>1</v>
      </c>
      <c r="J41208" s="2">
        <v>0</v>
      </c>
      <c r="K41208" s="2">
        <v>0</v>
      </c>
      <c r="L41208" t="s">
        <v>120</v>
      </c>
      <c r="M41208" t="s">
        <v>89</v>
      </c>
      <c r="N41208" t="s">
        <v>90</v>
      </c>
      <c r="O41208" t="s">
        <v>85</v>
      </c>
      <c r="P41208" t="s">
        <v>86</v>
      </c>
      <c r="Q41208">
        <v>3</v>
      </c>
      <c r="R41208">
        <v>3</v>
      </c>
      <c r="S41208">
        <v>3</v>
      </c>
      <c r="T41208">
        <v>3</v>
      </c>
      <c r="U41208">
        <v>3</v>
      </c>
      <c r="V41208">
        <v>3</v>
      </c>
      <c r="W41208">
        <v>3</v>
      </c>
      <c r="X41208">
        <v>3</v>
      </c>
      <c r="Y41208">
        <v>3</v>
      </c>
      <c r="Z41208">
        <v>3</v>
      </c>
      <c r="AA41208">
        <v>3</v>
      </c>
      <c r="AB41208">
        <v>3</v>
      </c>
      <c r="AC41208">
        <v>3</v>
      </c>
      <c r="AD41208">
        <v>3</v>
      </c>
      <c r="AE41208">
        <v>3</v>
      </c>
      <c r="AF41208">
        <v>3</v>
      </c>
      <c r="AG41208">
        <v>3</v>
      </c>
      <c r="AH41208">
        <v>3</v>
      </c>
      <c r="AI41208">
        <v>3</v>
      </c>
      <c r="AJ41208">
        <v>3</v>
      </c>
      <c r="AK41208">
        <v>3</v>
      </c>
      <c r="AL41208">
        <v>3</v>
      </c>
      <c r="AM41208">
        <v>3</v>
      </c>
      <c r="AN41208">
        <v>3</v>
      </c>
      <c r="AO41208">
        <v>3</v>
      </c>
      <c r="AP41208">
        <v>3</v>
      </c>
      <c r="AQ41208">
        <v>3</v>
      </c>
    </row>
    <row r="41209" spans="1:43">
      <c r="A41209" t="s">
        <v>25405</v>
      </c>
      <c r="B41209" t="s">
        <v>25406</v>
      </c>
      <c r="C41209" t="s">
        <v>12032</v>
      </c>
      <c r="D41209" t="s">
        <v>12033</v>
      </c>
      <c r="E41209" t="s">
        <v>12006</v>
      </c>
      <c r="F41209" t="s">
        <v>12007</v>
      </c>
      <c r="G41209" t="s">
        <v>10450</v>
      </c>
      <c r="H41209" t="s">
        <v>10451</v>
      </c>
      <c r="I41209" s="2">
        <v>1</v>
      </c>
      <c r="J41209" s="2">
        <v>0</v>
      </c>
      <c r="K41209" s="2">
        <v>0</v>
      </c>
      <c r="L41209" t="s">
        <v>120</v>
      </c>
      <c r="M41209" t="s">
        <v>83</v>
      </c>
      <c r="N41209" t="s">
        <v>91</v>
      </c>
      <c r="O41209" t="s">
        <v>85</v>
      </c>
      <c r="P41209" t="s">
        <v>86</v>
      </c>
      <c r="Q41209">
        <v>3</v>
      </c>
      <c r="R41209">
        <v>3</v>
      </c>
      <c r="S41209">
        <v>3</v>
      </c>
      <c r="T41209">
        <v>3</v>
      </c>
      <c r="U41209">
        <v>3</v>
      </c>
      <c r="V41209">
        <v>3</v>
      </c>
      <c r="W41209">
        <v>3</v>
      </c>
      <c r="X41209">
        <v>3</v>
      </c>
      <c r="Y41209">
        <v>3</v>
      </c>
      <c r="Z41209">
        <v>3</v>
      </c>
      <c r="AA41209">
        <v>3</v>
      </c>
      <c r="AB41209">
        <v>3</v>
      </c>
      <c r="AC41209">
        <v>3</v>
      </c>
      <c r="AD41209">
        <v>3</v>
      </c>
      <c r="AE41209">
        <v>3</v>
      </c>
      <c r="AF41209">
        <v>3</v>
      </c>
      <c r="AG41209">
        <v>3</v>
      </c>
      <c r="AH41209">
        <v>3</v>
      </c>
      <c r="AI41209">
        <v>3</v>
      </c>
      <c r="AJ41209">
        <v>3</v>
      </c>
      <c r="AK41209">
        <v>3</v>
      </c>
      <c r="AL41209">
        <v>3</v>
      </c>
      <c r="AM41209">
        <v>3</v>
      </c>
      <c r="AN41209">
        <v>3</v>
      </c>
      <c r="AO41209">
        <v>3</v>
      </c>
      <c r="AP41209">
        <v>3</v>
      </c>
      <c r="AQ41209">
        <v>3</v>
      </c>
    </row>
    <row r="41210" spans="1:43">
      <c r="A41210" t="s">
        <v>25407</v>
      </c>
      <c r="B41210" t="s">
        <v>25408</v>
      </c>
      <c r="C41210" t="s">
        <v>12032</v>
      </c>
      <c r="D41210" t="s">
        <v>12033</v>
      </c>
      <c r="E41210" t="s">
        <v>12006</v>
      </c>
      <c r="F41210" t="s">
        <v>12007</v>
      </c>
      <c r="G41210" t="s">
        <v>10450</v>
      </c>
      <c r="H41210" t="s">
        <v>10451</v>
      </c>
      <c r="I41210" s="2">
        <v>1</v>
      </c>
      <c r="J41210" s="2">
        <v>0</v>
      </c>
      <c r="K41210" s="2">
        <v>0</v>
      </c>
      <c r="L41210" t="s">
        <v>120</v>
      </c>
      <c r="M41210" t="s">
        <v>83</v>
      </c>
      <c r="N41210" t="s">
        <v>84</v>
      </c>
      <c r="O41210" t="s">
        <v>85</v>
      </c>
      <c r="P41210" t="s">
        <v>86</v>
      </c>
      <c r="Q41210">
        <v>8</v>
      </c>
      <c r="R41210">
        <v>8</v>
      </c>
      <c r="S41210">
        <v>8</v>
      </c>
      <c r="T41210">
        <v>9</v>
      </c>
      <c r="U41210">
        <v>9</v>
      </c>
      <c r="V41210">
        <v>9</v>
      </c>
      <c r="W41210">
        <v>9</v>
      </c>
      <c r="X41210">
        <v>9</v>
      </c>
      <c r="Y41210">
        <v>9</v>
      </c>
      <c r="Z41210">
        <v>9</v>
      </c>
      <c r="AA41210">
        <v>9</v>
      </c>
      <c r="AB41210">
        <v>9</v>
      </c>
      <c r="AC41210">
        <v>10</v>
      </c>
      <c r="AD41210">
        <v>10</v>
      </c>
      <c r="AE41210">
        <v>10</v>
      </c>
      <c r="AF41210">
        <v>10</v>
      </c>
      <c r="AG41210">
        <v>10</v>
      </c>
      <c r="AH41210">
        <v>10</v>
      </c>
      <c r="AI41210">
        <v>10</v>
      </c>
      <c r="AJ41210">
        <v>10</v>
      </c>
      <c r="AK41210">
        <v>10</v>
      </c>
      <c r="AL41210">
        <v>10</v>
      </c>
      <c r="AM41210">
        <v>10</v>
      </c>
      <c r="AN41210">
        <v>10</v>
      </c>
      <c r="AO41210">
        <v>10</v>
      </c>
      <c r="AP41210">
        <v>10</v>
      </c>
      <c r="AQ41210">
        <v>10</v>
      </c>
    </row>
    <row r="41211" spans="1:43">
      <c r="A41211" t="s">
        <v>25407</v>
      </c>
      <c r="B41211" t="s">
        <v>25408</v>
      </c>
      <c r="C41211" t="s">
        <v>12032</v>
      </c>
      <c r="D41211" t="s">
        <v>12033</v>
      </c>
      <c r="E41211" t="s">
        <v>12006</v>
      </c>
      <c r="F41211" t="s">
        <v>12007</v>
      </c>
      <c r="G41211" t="s">
        <v>10450</v>
      </c>
      <c r="H41211" t="s">
        <v>10451</v>
      </c>
      <c r="I41211" s="2">
        <v>1</v>
      </c>
      <c r="J41211" s="2">
        <v>0</v>
      </c>
      <c r="K41211" s="2">
        <v>0</v>
      </c>
      <c r="L41211" t="s">
        <v>120</v>
      </c>
      <c r="M41211" t="s">
        <v>87</v>
      </c>
      <c r="N41211" t="s">
        <v>88</v>
      </c>
      <c r="O41211" t="s">
        <v>85</v>
      </c>
      <c r="P41211" t="s">
        <v>86</v>
      </c>
      <c r="Q41211">
        <v>8</v>
      </c>
      <c r="R41211">
        <v>8</v>
      </c>
      <c r="S41211">
        <v>8</v>
      </c>
      <c r="T41211">
        <v>8</v>
      </c>
      <c r="U41211">
        <v>8</v>
      </c>
      <c r="V41211">
        <v>8</v>
      </c>
      <c r="W41211">
        <v>8</v>
      </c>
      <c r="X41211">
        <v>8</v>
      </c>
      <c r="Y41211">
        <v>8</v>
      </c>
      <c r="Z41211">
        <v>8</v>
      </c>
      <c r="AA41211">
        <v>8</v>
      </c>
      <c r="AB41211">
        <v>9</v>
      </c>
      <c r="AC41211">
        <v>9</v>
      </c>
      <c r="AD41211">
        <v>9</v>
      </c>
      <c r="AE41211">
        <v>9</v>
      </c>
      <c r="AF41211">
        <v>9</v>
      </c>
      <c r="AG41211">
        <v>9</v>
      </c>
      <c r="AH41211">
        <v>9</v>
      </c>
      <c r="AI41211">
        <v>9</v>
      </c>
      <c r="AJ41211">
        <v>9</v>
      </c>
      <c r="AK41211">
        <v>9</v>
      </c>
      <c r="AL41211">
        <v>9</v>
      </c>
      <c r="AM41211">
        <v>9</v>
      </c>
      <c r="AN41211">
        <v>9</v>
      </c>
      <c r="AO41211">
        <v>9</v>
      </c>
      <c r="AP41211">
        <v>9</v>
      </c>
      <c r="AQ41211">
        <v>9</v>
      </c>
    </row>
    <row r="41212" spans="1:43">
      <c r="A41212" t="s">
        <v>25407</v>
      </c>
      <c r="B41212" t="s">
        <v>25408</v>
      </c>
      <c r="C41212" t="s">
        <v>12032</v>
      </c>
      <c r="D41212" t="s">
        <v>12033</v>
      </c>
      <c r="E41212" t="s">
        <v>12006</v>
      </c>
      <c r="F41212" t="s">
        <v>12007</v>
      </c>
      <c r="G41212" t="s">
        <v>10450</v>
      </c>
      <c r="H41212" t="s">
        <v>10451</v>
      </c>
      <c r="I41212" s="2">
        <v>1</v>
      </c>
      <c r="J41212" s="2">
        <v>0</v>
      </c>
      <c r="K41212" s="2">
        <v>0</v>
      </c>
      <c r="L41212" t="s">
        <v>120</v>
      </c>
      <c r="M41212" t="s">
        <v>89</v>
      </c>
      <c r="N41212" t="s">
        <v>90</v>
      </c>
      <c r="O41212" t="s">
        <v>85</v>
      </c>
      <c r="P41212" t="s">
        <v>86</v>
      </c>
      <c r="Q41212">
        <v>8</v>
      </c>
      <c r="R41212">
        <v>8</v>
      </c>
      <c r="S41212">
        <v>9</v>
      </c>
      <c r="T41212">
        <v>9</v>
      </c>
      <c r="U41212">
        <v>9</v>
      </c>
      <c r="V41212">
        <v>9</v>
      </c>
      <c r="W41212">
        <v>9</v>
      </c>
      <c r="X41212">
        <v>9</v>
      </c>
      <c r="Y41212">
        <v>10</v>
      </c>
      <c r="Z41212">
        <v>10</v>
      </c>
      <c r="AA41212">
        <v>10</v>
      </c>
      <c r="AB41212">
        <v>10</v>
      </c>
      <c r="AC41212">
        <v>10</v>
      </c>
      <c r="AD41212">
        <v>10</v>
      </c>
      <c r="AE41212">
        <v>10</v>
      </c>
      <c r="AF41212">
        <v>10</v>
      </c>
      <c r="AG41212">
        <v>10</v>
      </c>
      <c r="AH41212">
        <v>10</v>
      </c>
      <c r="AI41212">
        <v>10</v>
      </c>
      <c r="AJ41212">
        <v>10</v>
      </c>
      <c r="AK41212">
        <v>10</v>
      </c>
      <c r="AL41212">
        <v>11</v>
      </c>
      <c r="AM41212">
        <v>11</v>
      </c>
      <c r="AN41212">
        <v>11</v>
      </c>
      <c r="AO41212">
        <v>11</v>
      </c>
      <c r="AP41212">
        <v>11</v>
      </c>
      <c r="AQ41212">
        <v>11</v>
      </c>
    </row>
    <row r="41213" spans="1:43">
      <c r="A41213" t="s">
        <v>25407</v>
      </c>
      <c r="B41213" t="s">
        <v>25408</v>
      </c>
      <c r="C41213" t="s">
        <v>12032</v>
      </c>
      <c r="D41213" t="s">
        <v>12033</v>
      </c>
      <c r="E41213" t="s">
        <v>12006</v>
      </c>
      <c r="F41213" t="s">
        <v>12007</v>
      </c>
      <c r="G41213" t="s">
        <v>10450</v>
      </c>
      <c r="H41213" t="s">
        <v>10451</v>
      </c>
      <c r="I41213" s="2">
        <v>1</v>
      </c>
      <c r="J41213" s="2">
        <v>0</v>
      </c>
      <c r="K41213" s="2">
        <v>0</v>
      </c>
      <c r="L41213" t="s">
        <v>120</v>
      </c>
      <c r="M41213" t="s">
        <v>83</v>
      </c>
      <c r="N41213" t="s">
        <v>91</v>
      </c>
      <c r="O41213" t="s">
        <v>85</v>
      </c>
      <c r="P41213" t="s">
        <v>86</v>
      </c>
      <c r="Q41213">
        <v>8</v>
      </c>
      <c r="R41213">
        <v>8</v>
      </c>
      <c r="S41213">
        <v>8</v>
      </c>
      <c r="T41213">
        <v>9</v>
      </c>
      <c r="U41213">
        <v>9</v>
      </c>
      <c r="V41213">
        <v>9</v>
      </c>
      <c r="W41213">
        <v>9</v>
      </c>
      <c r="X41213">
        <v>9</v>
      </c>
      <c r="Y41213">
        <v>9</v>
      </c>
      <c r="Z41213">
        <v>9</v>
      </c>
      <c r="AA41213">
        <v>9</v>
      </c>
      <c r="AB41213">
        <v>9</v>
      </c>
      <c r="AC41213">
        <v>10</v>
      </c>
      <c r="AD41213">
        <v>10</v>
      </c>
      <c r="AE41213">
        <v>10</v>
      </c>
      <c r="AF41213">
        <v>10</v>
      </c>
      <c r="AG41213">
        <v>10</v>
      </c>
      <c r="AH41213">
        <v>10</v>
      </c>
      <c r="AI41213">
        <v>10</v>
      </c>
      <c r="AJ41213">
        <v>10</v>
      </c>
      <c r="AK41213">
        <v>10</v>
      </c>
      <c r="AL41213">
        <v>10</v>
      </c>
      <c r="AM41213">
        <v>10</v>
      </c>
      <c r="AN41213">
        <v>10</v>
      </c>
      <c r="AO41213">
        <v>10</v>
      </c>
      <c r="AP41213">
        <v>10</v>
      </c>
      <c r="AQ41213">
        <v>10</v>
      </c>
    </row>
    <row r="41214" spans="1:43">
      <c r="A41214" t="s">
        <v>25409</v>
      </c>
      <c r="B41214" t="s">
        <v>25410</v>
      </c>
      <c r="C41214" t="s">
        <v>12026</v>
      </c>
      <c r="D41214" t="s">
        <v>12027</v>
      </c>
      <c r="E41214" t="s">
        <v>12006</v>
      </c>
      <c r="F41214" t="s">
        <v>12007</v>
      </c>
      <c r="G41214" t="s">
        <v>10450</v>
      </c>
      <c r="H41214" t="s">
        <v>10451</v>
      </c>
      <c r="I41214" s="2">
        <v>0.82</v>
      </c>
      <c r="J41214" s="2">
        <v>0</v>
      </c>
      <c r="K41214" s="2">
        <v>0</v>
      </c>
      <c r="L41214" t="s">
        <v>120</v>
      </c>
      <c r="M41214" t="s">
        <v>83</v>
      </c>
      <c r="N41214" t="s">
        <v>84</v>
      </c>
      <c r="O41214" t="s">
        <v>85</v>
      </c>
      <c r="P41214" t="s">
        <v>86</v>
      </c>
      <c r="Q41214">
        <v>38</v>
      </c>
      <c r="R41214">
        <v>38</v>
      </c>
      <c r="S41214">
        <v>39</v>
      </c>
      <c r="T41214">
        <v>40</v>
      </c>
      <c r="U41214">
        <v>40</v>
      </c>
      <c r="V41214">
        <v>41</v>
      </c>
      <c r="W41214">
        <v>41</v>
      </c>
      <c r="X41214">
        <v>42</v>
      </c>
      <c r="Y41214">
        <v>42</v>
      </c>
      <c r="Z41214">
        <v>43</v>
      </c>
      <c r="AA41214">
        <v>43</v>
      </c>
      <c r="AB41214">
        <v>44</v>
      </c>
      <c r="AC41214">
        <v>44</v>
      </c>
      <c r="AD41214">
        <v>45</v>
      </c>
      <c r="AE41214">
        <v>45</v>
      </c>
      <c r="AF41214">
        <v>46</v>
      </c>
      <c r="AG41214">
        <v>46</v>
      </c>
      <c r="AH41214">
        <v>47</v>
      </c>
      <c r="AI41214">
        <v>47</v>
      </c>
      <c r="AJ41214">
        <v>48</v>
      </c>
      <c r="AK41214">
        <v>48</v>
      </c>
      <c r="AL41214">
        <v>48</v>
      </c>
      <c r="AM41214">
        <v>48</v>
      </c>
      <c r="AN41214">
        <v>48</v>
      </c>
      <c r="AO41214">
        <v>48</v>
      </c>
      <c r="AP41214">
        <v>48</v>
      </c>
      <c r="AQ41214">
        <v>48</v>
      </c>
    </row>
    <row r="41215" spans="1:43">
      <c r="A41215" t="s">
        <v>25409</v>
      </c>
      <c r="B41215" t="s">
        <v>25410</v>
      </c>
      <c r="C41215" t="s">
        <v>12026</v>
      </c>
      <c r="D41215" t="s">
        <v>12027</v>
      </c>
      <c r="E41215" t="s">
        <v>12006</v>
      </c>
      <c r="F41215" t="s">
        <v>12007</v>
      </c>
      <c r="G41215" t="s">
        <v>10450</v>
      </c>
      <c r="H41215" t="s">
        <v>10451</v>
      </c>
      <c r="I41215" s="2">
        <v>0.82</v>
      </c>
      <c r="J41215" s="2">
        <v>0</v>
      </c>
      <c r="K41215" s="2">
        <v>0</v>
      </c>
      <c r="L41215" t="s">
        <v>120</v>
      </c>
      <c r="M41215" t="s">
        <v>87</v>
      </c>
      <c r="N41215" t="s">
        <v>88</v>
      </c>
      <c r="O41215" t="s">
        <v>85</v>
      </c>
      <c r="P41215" t="s">
        <v>86</v>
      </c>
      <c r="Q41215">
        <v>38</v>
      </c>
      <c r="R41215">
        <v>38</v>
      </c>
      <c r="S41215">
        <v>38</v>
      </c>
      <c r="T41215">
        <v>38</v>
      </c>
      <c r="U41215">
        <v>38</v>
      </c>
      <c r="V41215">
        <v>39</v>
      </c>
      <c r="W41215">
        <v>39</v>
      </c>
      <c r="X41215">
        <v>39</v>
      </c>
      <c r="Y41215">
        <v>39</v>
      </c>
      <c r="Z41215">
        <v>39</v>
      </c>
      <c r="AA41215">
        <v>39</v>
      </c>
      <c r="AB41215">
        <v>40</v>
      </c>
      <c r="AC41215">
        <v>40</v>
      </c>
      <c r="AD41215">
        <v>40</v>
      </c>
      <c r="AE41215">
        <v>40</v>
      </c>
      <c r="AF41215">
        <v>40</v>
      </c>
      <c r="AG41215">
        <v>40</v>
      </c>
      <c r="AH41215">
        <v>41</v>
      </c>
      <c r="AI41215">
        <v>41</v>
      </c>
      <c r="AJ41215">
        <v>41</v>
      </c>
      <c r="AK41215">
        <v>41</v>
      </c>
      <c r="AL41215">
        <v>41</v>
      </c>
      <c r="AM41215">
        <v>41</v>
      </c>
      <c r="AN41215">
        <v>42</v>
      </c>
      <c r="AO41215">
        <v>42</v>
      </c>
      <c r="AP41215">
        <v>42</v>
      </c>
      <c r="AQ41215">
        <v>42</v>
      </c>
    </row>
    <row r="41216" spans="1:43">
      <c r="A41216" t="s">
        <v>25409</v>
      </c>
      <c r="B41216" t="s">
        <v>25410</v>
      </c>
      <c r="C41216" t="s">
        <v>12026</v>
      </c>
      <c r="D41216" t="s">
        <v>12027</v>
      </c>
      <c r="E41216" t="s">
        <v>12006</v>
      </c>
      <c r="F41216" t="s">
        <v>12007</v>
      </c>
      <c r="G41216" t="s">
        <v>10450</v>
      </c>
      <c r="H41216" t="s">
        <v>10451</v>
      </c>
      <c r="I41216" s="2">
        <v>0.82</v>
      </c>
      <c r="J41216" s="2">
        <v>0</v>
      </c>
      <c r="K41216" s="2">
        <v>0</v>
      </c>
      <c r="L41216" t="s">
        <v>120</v>
      </c>
      <c r="M41216" t="s">
        <v>89</v>
      </c>
      <c r="N41216" t="s">
        <v>90</v>
      </c>
      <c r="O41216" t="s">
        <v>85</v>
      </c>
      <c r="P41216" t="s">
        <v>86</v>
      </c>
      <c r="Q41216">
        <v>38</v>
      </c>
      <c r="R41216">
        <v>39</v>
      </c>
      <c r="S41216">
        <v>40</v>
      </c>
      <c r="T41216">
        <v>41</v>
      </c>
      <c r="U41216">
        <v>42</v>
      </c>
      <c r="V41216">
        <v>42</v>
      </c>
      <c r="W41216">
        <v>43</v>
      </c>
      <c r="X41216">
        <v>44</v>
      </c>
      <c r="Y41216">
        <v>45</v>
      </c>
      <c r="Z41216">
        <v>45</v>
      </c>
      <c r="AA41216">
        <v>46</v>
      </c>
      <c r="AB41216">
        <v>47</v>
      </c>
      <c r="AC41216">
        <v>47</v>
      </c>
      <c r="AD41216">
        <v>48</v>
      </c>
      <c r="AE41216">
        <v>49</v>
      </c>
      <c r="AF41216">
        <v>49</v>
      </c>
      <c r="AG41216">
        <v>49</v>
      </c>
      <c r="AH41216">
        <v>49</v>
      </c>
      <c r="AI41216">
        <v>49</v>
      </c>
      <c r="AJ41216">
        <v>49</v>
      </c>
      <c r="AK41216">
        <v>49</v>
      </c>
      <c r="AL41216">
        <v>49</v>
      </c>
      <c r="AM41216">
        <v>49</v>
      </c>
      <c r="AN41216">
        <v>49</v>
      </c>
      <c r="AO41216">
        <v>49</v>
      </c>
      <c r="AP41216">
        <v>49</v>
      </c>
      <c r="AQ41216">
        <v>49</v>
      </c>
    </row>
    <row r="41217" spans="1:43">
      <c r="A41217" t="s">
        <v>25409</v>
      </c>
      <c r="B41217" t="s">
        <v>25410</v>
      </c>
      <c r="C41217" t="s">
        <v>12026</v>
      </c>
      <c r="D41217" t="s">
        <v>12027</v>
      </c>
      <c r="E41217" t="s">
        <v>12006</v>
      </c>
      <c r="F41217" t="s">
        <v>12007</v>
      </c>
      <c r="G41217" t="s">
        <v>10450</v>
      </c>
      <c r="H41217" t="s">
        <v>10451</v>
      </c>
      <c r="I41217" s="2">
        <v>0.82</v>
      </c>
      <c r="J41217" s="2">
        <v>0</v>
      </c>
      <c r="K41217" s="2">
        <v>0</v>
      </c>
      <c r="L41217" t="s">
        <v>120</v>
      </c>
      <c r="M41217" t="s">
        <v>83</v>
      </c>
      <c r="N41217" t="s">
        <v>91</v>
      </c>
      <c r="O41217" t="s">
        <v>85</v>
      </c>
      <c r="P41217" t="s">
        <v>86</v>
      </c>
      <c r="Q41217">
        <v>38</v>
      </c>
      <c r="R41217">
        <v>38</v>
      </c>
      <c r="S41217">
        <v>39</v>
      </c>
      <c r="T41217">
        <v>40</v>
      </c>
      <c r="U41217">
        <v>40</v>
      </c>
      <c r="V41217">
        <v>41</v>
      </c>
      <c r="W41217">
        <v>41</v>
      </c>
      <c r="X41217">
        <v>42</v>
      </c>
      <c r="Y41217">
        <v>42</v>
      </c>
      <c r="Z41217">
        <v>43</v>
      </c>
      <c r="AA41217">
        <v>43</v>
      </c>
      <c r="AB41217">
        <v>44</v>
      </c>
      <c r="AC41217">
        <v>44</v>
      </c>
      <c r="AD41217">
        <v>45</v>
      </c>
      <c r="AE41217">
        <v>45</v>
      </c>
      <c r="AF41217">
        <v>46</v>
      </c>
      <c r="AG41217">
        <v>46</v>
      </c>
      <c r="AH41217">
        <v>47</v>
      </c>
      <c r="AI41217">
        <v>47</v>
      </c>
      <c r="AJ41217">
        <v>48</v>
      </c>
      <c r="AK41217">
        <v>48</v>
      </c>
      <c r="AL41217">
        <v>48</v>
      </c>
      <c r="AM41217">
        <v>48</v>
      </c>
      <c r="AN41217">
        <v>48</v>
      </c>
      <c r="AO41217">
        <v>48</v>
      </c>
      <c r="AP41217">
        <v>48</v>
      </c>
      <c r="AQ41217">
        <v>48</v>
      </c>
    </row>
    <row r="41218" spans="1:43">
      <c r="A41218" t="s">
        <v>25411</v>
      </c>
      <c r="B41218" t="s">
        <v>25412</v>
      </c>
      <c r="C41218" t="s">
        <v>12026</v>
      </c>
      <c r="D41218" t="s">
        <v>12027</v>
      </c>
      <c r="E41218" t="s">
        <v>12006</v>
      </c>
      <c r="F41218" t="s">
        <v>12007</v>
      </c>
      <c r="G41218" t="s">
        <v>10450</v>
      </c>
      <c r="H41218" t="s">
        <v>10451</v>
      </c>
      <c r="I41218" s="2">
        <v>0.56999999999999995</v>
      </c>
      <c r="J41218" s="2">
        <v>0</v>
      </c>
      <c r="K41218" s="2">
        <v>0</v>
      </c>
      <c r="L41218" t="s">
        <v>120</v>
      </c>
      <c r="M41218" t="s">
        <v>83</v>
      </c>
      <c r="N41218" t="s">
        <v>84</v>
      </c>
      <c r="O41218" t="s">
        <v>85</v>
      </c>
      <c r="P41218" t="s">
        <v>86</v>
      </c>
      <c r="Q41218">
        <v>19</v>
      </c>
      <c r="R41218">
        <v>19</v>
      </c>
      <c r="S41218">
        <v>19</v>
      </c>
      <c r="T41218">
        <v>20</v>
      </c>
      <c r="U41218">
        <v>20</v>
      </c>
      <c r="V41218">
        <v>20</v>
      </c>
      <c r="W41218">
        <v>21</v>
      </c>
      <c r="X41218">
        <v>21</v>
      </c>
      <c r="Y41218">
        <v>21</v>
      </c>
      <c r="Z41218">
        <v>21</v>
      </c>
      <c r="AA41218">
        <v>22</v>
      </c>
      <c r="AB41218">
        <v>22</v>
      </c>
      <c r="AC41218">
        <v>22</v>
      </c>
      <c r="AD41218">
        <v>22</v>
      </c>
      <c r="AE41218">
        <v>23</v>
      </c>
      <c r="AF41218">
        <v>23</v>
      </c>
      <c r="AG41218">
        <v>23</v>
      </c>
      <c r="AH41218">
        <v>23</v>
      </c>
      <c r="AI41218">
        <v>23</v>
      </c>
      <c r="AJ41218">
        <v>24</v>
      </c>
      <c r="AK41218">
        <v>24</v>
      </c>
      <c r="AL41218">
        <v>24</v>
      </c>
      <c r="AM41218">
        <v>24</v>
      </c>
      <c r="AN41218">
        <v>24</v>
      </c>
      <c r="AO41218">
        <v>24</v>
      </c>
      <c r="AP41218">
        <v>24</v>
      </c>
      <c r="AQ41218">
        <v>24</v>
      </c>
    </row>
    <row r="41219" spans="1:43">
      <c r="A41219" t="s">
        <v>25411</v>
      </c>
      <c r="B41219" t="s">
        <v>25412</v>
      </c>
      <c r="C41219" t="s">
        <v>12026</v>
      </c>
      <c r="D41219" t="s">
        <v>12027</v>
      </c>
      <c r="E41219" t="s">
        <v>12006</v>
      </c>
      <c r="F41219" t="s">
        <v>12007</v>
      </c>
      <c r="G41219" t="s">
        <v>10450</v>
      </c>
      <c r="H41219" t="s">
        <v>10451</v>
      </c>
      <c r="I41219" s="2">
        <v>0.56999999999999995</v>
      </c>
      <c r="J41219" s="2">
        <v>0</v>
      </c>
      <c r="K41219" s="2">
        <v>0</v>
      </c>
      <c r="L41219" t="s">
        <v>120</v>
      </c>
      <c r="M41219" t="s">
        <v>87</v>
      </c>
      <c r="N41219" t="s">
        <v>88</v>
      </c>
      <c r="O41219" t="s">
        <v>85</v>
      </c>
      <c r="P41219" t="s">
        <v>86</v>
      </c>
      <c r="Q41219">
        <v>19</v>
      </c>
      <c r="R41219">
        <v>19</v>
      </c>
      <c r="S41219">
        <v>19</v>
      </c>
      <c r="T41219">
        <v>19</v>
      </c>
      <c r="U41219">
        <v>19</v>
      </c>
      <c r="V41219">
        <v>19</v>
      </c>
      <c r="W41219">
        <v>19</v>
      </c>
      <c r="X41219">
        <v>19</v>
      </c>
      <c r="Y41219">
        <v>19</v>
      </c>
      <c r="Z41219">
        <v>20</v>
      </c>
      <c r="AA41219">
        <v>20</v>
      </c>
      <c r="AB41219">
        <v>20</v>
      </c>
      <c r="AC41219">
        <v>20</v>
      </c>
      <c r="AD41219">
        <v>20</v>
      </c>
      <c r="AE41219">
        <v>20</v>
      </c>
      <c r="AF41219">
        <v>20</v>
      </c>
      <c r="AG41219">
        <v>20</v>
      </c>
      <c r="AH41219">
        <v>20</v>
      </c>
      <c r="AI41219">
        <v>20</v>
      </c>
      <c r="AJ41219">
        <v>20</v>
      </c>
      <c r="AK41219">
        <v>20</v>
      </c>
      <c r="AL41219">
        <v>21</v>
      </c>
      <c r="AM41219">
        <v>21</v>
      </c>
      <c r="AN41219">
        <v>21</v>
      </c>
      <c r="AO41219">
        <v>21</v>
      </c>
      <c r="AP41219">
        <v>21</v>
      </c>
      <c r="AQ41219">
        <v>21</v>
      </c>
    </row>
    <row r="41220" spans="1:43">
      <c r="A41220" t="s">
        <v>25411</v>
      </c>
      <c r="B41220" t="s">
        <v>25412</v>
      </c>
      <c r="C41220" t="s">
        <v>12026</v>
      </c>
      <c r="D41220" t="s">
        <v>12027</v>
      </c>
      <c r="E41220" t="s">
        <v>12006</v>
      </c>
      <c r="F41220" t="s">
        <v>12007</v>
      </c>
      <c r="G41220" t="s">
        <v>10450</v>
      </c>
      <c r="H41220" t="s">
        <v>10451</v>
      </c>
      <c r="I41220" s="2">
        <v>0.56999999999999995</v>
      </c>
      <c r="J41220" s="2">
        <v>0</v>
      </c>
      <c r="K41220" s="2">
        <v>0</v>
      </c>
      <c r="L41220" t="s">
        <v>120</v>
      </c>
      <c r="M41220" t="s">
        <v>89</v>
      </c>
      <c r="N41220" t="s">
        <v>90</v>
      </c>
      <c r="O41220" t="s">
        <v>85</v>
      </c>
      <c r="P41220" t="s">
        <v>86</v>
      </c>
      <c r="Q41220">
        <v>19</v>
      </c>
      <c r="R41220">
        <v>20</v>
      </c>
      <c r="S41220">
        <v>20</v>
      </c>
      <c r="T41220">
        <v>20</v>
      </c>
      <c r="U41220">
        <v>21</v>
      </c>
      <c r="V41220">
        <v>21</v>
      </c>
      <c r="W41220">
        <v>22</v>
      </c>
      <c r="X41220">
        <v>22</v>
      </c>
      <c r="Y41220">
        <v>22</v>
      </c>
      <c r="Z41220">
        <v>23</v>
      </c>
      <c r="AA41220">
        <v>23</v>
      </c>
      <c r="AB41220">
        <v>23</v>
      </c>
      <c r="AC41220">
        <v>24</v>
      </c>
      <c r="AD41220">
        <v>24</v>
      </c>
      <c r="AE41220">
        <v>24</v>
      </c>
      <c r="AF41220">
        <v>24</v>
      </c>
      <c r="AG41220">
        <v>24</v>
      </c>
      <c r="AH41220">
        <v>24</v>
      </c>
      <c r="AI41220">
        <v>24</v>
      </c>
      <c r="AJ41220">
        <v>24</v>
      </c>
      <c r="AK41220">
        <v>24</v>
      </c>
      <c r="AL41220">
        <v>24</v>
      </c>
      <c r="AM41220">
        <v>24</v>
      </c>
      <c r="AN41220">
        <v>24</v>
      </c>
      <c r="AO41220">
        <v>24</v>
      </c>
      <c r="AP41220">
        <v>24</v>
      </c>
      <c r="AQ41220">
        <v>24</v>
      </c>
    </row>
    <row r="41221" spans="1:43">
      <c r="A41221" t="s">
        <v>25411</v>
      </c>
      <c r="B41221" t="s">
        <v>25412</v>
      </c>
      <c r="C41221" t="s">
        <v>12026</v>
      </c>
      <c r="D41221" t="s">
        <v>12027</v>
      </c>
      <c r="E41221" t="s">
        <v>12006</v>
      </c>
      <c r="F41221" t="s">
        <v>12007</v>
      </c>
      <c r="G41221" t="s">
        <v>10450</v>
      </c>
      <c r="H41221" t="s">
        <v>10451</v>
      </c>
      <c r="I41221" s="2">
        <v>0.56999999999999995</v>
      </c>
      <c r="J41221" s="2">
        <v>0</v>
      </c>
      <c r="K41221" s="2">
        <v>0</v>
      </c>
      <c r="L41221" t="s">
        <v>120</v>
      </c>
      <c r="M41221" t="s">
        <v>83</v>
      </c>
      <c r="N41221" t="s">
        <v>91</v>
      </c>
      <c r="O41221" t="s">
        <v>85</v>
      </c>
      <c r="P41221" t="s">
        <v>86</v>
      </c>
      <c r="Q41221">
        <v>19</v>
      </c>
      <c r="R41221">
        <v>19</v>
      </c>
      <c r="S41221">
        <v>19</v>
      </c>
      <c r="T41221">
        <v>20</v>
      </c>
      <c r="U41221">
        <v>20</v>
      </c>
      <c r="V41221">
        <v>20</v>
      </c>
      <c r="W41221">
        <v>21</v>
      </c>
      <c r="X41221">
        <v>21</v>
      </c>
      <c r="Y41221">
        <v>21</v>
      </c>
      <c r="Z41221">
        <v>21</v>
      </c>
      <c r="AA41221">
        <v>22</v>
      </c>
      <c r="AB41221">
        <v>22</v>
      </c>
      <c r="AC41221">
        <v>22</v>
      </c>
      <c r="AD41221">
        <v>22</v>
      </c>
      <c r="AE41221">
        <v>23</v>
      </c>
      <c r="AF41221">
        <v>23</v>
      </c>
      <c r="AG41221">
        <v>23</v>
      </c>
      <c r="AH41221">
        <v>23</v>
      </c>
      <c r="AI41221">
        <v>23</v>
      </c>
      <c r="AJ41221">
        <v>24</v>
      </c>
      <c r="AK41221">
        <v>24</v>
      </c>
      <c r="AL41221">
        <v>24</v>
      </c>
      <c r="AM41221">
        <v>24</v>
      </c>
      <c r="AN41221">
        <v>24</v>
      </c>
      <c r="AO41221">
        <v>24</v>
      </c>
      <c r="AP41221">
        <v>24</v>
      </c>
      <c r="AQ41221">
        <v>24</v>
      </c>
    </row>
    <row r="41222" spans="1:43">
      <c r="A41222" t="s">
        <v>25413</v>
      </c>
      <c r="B41222" t="s">
        <v>25414</v>
      </c>
      <c r="C41222" t="s">
        <v>12026</v>
      </c>
      <c r="D41222" t="s">
        <v>12027</v>
      </c>
      <c r="E41222" t="s">
        <v>12006</v>
      </c>
      <c r="F41222" t="s">
        <v>12007</v>
      </c>
      <c r="G41222" t="s">
        <v>10450</v>
      </c>
      <c r="H41222" t="s">
        <v>10451</v>
      </c>
      <c r="I41222" s="2">
        <v>1</v>
      </c>
      <c r="J41222" s="2">
        <v>0</v>
      </c>
      <c r="K41222" s="2">
        <v>0</v>
      </c>
      <c r="L41222" t="s">
        <v>120</v>
      </c>
      <c r="M41222" t="s">
        <v>83</v>
      </c>
      <c r="N41222" t="s">
        <v>84</v>
      </c>
      <c r="O41222" t="s">
        <v>85</v>
      </c>
      <c r="P41222" t="s">
        <v>86</v>
      </c>
      <c r="Q41222">
        <v>1</v>
      </c>
      <c r="R41222">
        <v>1</v>
      </c>
      <c r="S41222">
        <v>1</v>
      </c>
      <c r="T41222">
        <v>1</v>
      </c>
      <c r="U41222">
        <v>1</v>
      </c>
      <c r="V41222">
        <v>1</v>
      </c>
      <c r="W41222">
        <v>1</v>
      </c>
      <c r="X41222">
        <v>1</v>
      </c>
      <c r="Y41222">
        <v>1</v>
      </c>
      <c r="Z41222">
        <v>1</v>
      </c>
      <c r="AA41222">
        <v>1</v>
      </c>
      <c r="AB41222">
        <v>1</v>
      </c>
      <c r="AC41222">
        <v>1</v>
      </c>
      <c r="AD41222">
        <v>1</v>
      </c>
      <c r="AE41222">
        <v>1</v>
      </c>
      <c r="AF41222">
        <v>1</v>
      </c>
      <c r="AG41222">
        <v>1</v>
      </c>
      <c r="AH41222">
        <v>1</v>
      </c>
      <c r="AI41222">
        <v>1</v>
      </c>
      <c r="AJ41222">
        <v>1</v>
      </c>
      <c r="AK41222">
        <v>1</v>
      </c>
      <c r="AL41222">
        <v>1</v>
      </c>
      <c r="AM41222">
        <v>1</v>
      </c>
      <c r="AN41222">
        <v>1</v>
      </c>
      <c r="AO41222">
        <v>1</v>
      </c>
      <c r="AP41222">
        <v>1</v>
      </c>
      <c r="AQ41222">
        <v>1</v>
      </c>
    </row>
    <row r="41223" spans="1:43">
      <c r="A41223" t="s">
        <v>25413</v>
      </c>
      <c r="B41223" t="s">
        <v>25414</v>
      </c>
      <c r="C41223" t="s">
        <v>12026</v>
      </c>
      <c r="D41223" t="s">
        <v>12027</v>
      </c>
      <c r="E41223" t="s">
        <v>12006</v>
      </c>
      <c r="F41223" t="s">
        <v>12007</v>
      </c>
      <c r="G41223" t="s">
        <v>10450</v>
      </c>
      <c r="H41223" t="s">
        <v>10451</v>
      </c>
      <c r="I41223" s="2">
        <v>1</v>
      </c>
      <c r="J41223" s="2">
        <v>0</v>
      </c>
      <c r="K41223" s="2">
        <v>0</v>
      </c>
      <c r="L41223" t="s">
        <v>120</v>
      </c>
      <c r="M41223" t="s">
        <v>87</v>
      </c>
      <c r="N41223" t="s">
        <v>88</v>
      </c>
      <c r="O41223" t="s">
        <v>85</v>
      </c>
      <c r="P41223" t="s">
        <v>86</v>
      </c>
      <c r="Q41223">
        <v>1</v>
      </c>
      <c r="R41223">
        <v>1</v>
      </c>
      <c r="S41223">
        <v>1</v>
      </c>
      <c r="T41223">
        <v>1</v>
      </c>
      <c r="U41223">
        <v>1</v>
      </c>
      <c r="V41223">
        <v>1</v>
      </c>
      <c r="W41223">
        <v>1</v>
      </c>
      <c r="X41223">
        <v>1</v>
      </c>
      <c r="Y41223">
        <v>1</v>
      </c>
      <c r="Z41223">
        <v>1</v>
      </c>
      <c r="AA41223">
        <v>1</v>
      </c>
      <c r="AB41223">
        <v>1</v>
      </c>
      <c r="AC41223">
        <v>1</v>
      </c>
      <c r="AD41223">
        <v>1</v>
      </c>
      <c r="AE41223">
        <v>1</v>
      </c>
      <c r="AF41223">
        <v>1</v>
      </c>
      <c r="AG41223">
        <v>1</v>
      </c>
      <c r="AH41223">
        <v>1</v>
      </c>
      <c r="AI41223">
        <v>1</v>
      </c>
      <c r="AJ41223">
        <v>1</v>
      </c>
      <c r="AK41223">
        <v>1</v>
      </c>
      <c r="AL41223">
        <v>1</v>
      </c>
      <c r="AM41223">
        <v>1</v>
      </c>
      <c r="AN41223">
        <v>1</v>
      </c>
      <c r="AO41223">
        <v>1</v>
      </c>
      <c r="AP41223">
        <v>1</v>
      </c>
      <c r="AQ41223">
        <v>1</v>
      </c>
    </row>
    <row r="41224" spans="1:43">
      <c r="A41224" t="s">
        <v>25413</v>
      </c>
      <c r="B41224" t="s">
        <v>25414</v>
      </c>
      <c r="C41224" t="s">
        <v>12026</v>
      </c>
      <c r="D41224" t="s">
        <v>12027</v>
      </c>
      <c r="E41224" t="s">
        <v>12006</v>
      </c>
      <c r="F41224" t="s">
        <v>12007</v>
      </c>
      <c r="G41224" t="s">
        <v>10450</v>
      </c>
      <c r="H41224" t="s">
        <v>10451</v>
      </c>
      <c r="I41224" s="2">
        <v>1</v>
      </c>
      <c r="J41224" s="2">
        <v>0</v>
      </c>
      <c r="K41224" s="2">
        <v>0</v>
      </c>
      <c r="L41224" t="s">
        <v>120</v>
      </c>
      <c r="M41224" t="s">
        <v>89</v>
      </c>
      <c r="N41224" t="s">
        <v>90</v>
      </c>
      <c r="O41224" t="s">
        <v>85</v>
      </c>
      <c r="P41224" t="s">
        <v>86</v>
      </c>
      <c r="Q41224">
        <v>1</v>
      </c>
      <c r="R41224">
        <v>1</v>
      </c>
      <c r="S41224">
        <v>1</v>
      </c>
      <c r="T41224">
        <v>1</v>
      </c>
      <c r="U41224">
        <v>1</v>
      </c>
      <c r="V41224">
        <v>1</v>
      </c>
      <c r="W41224">
        <v>1</v>
      </c>
      <c r="X41224">
        <v>1</v>
      </c>
      <c r="Y41224">
        <v>1</v>
      </c>
      <c r="Z41224">
        <v>1</v>
      </c>
      <c r="AA41224">
        <v>1</v>
      </c>
      <c r="AB41224">
        <v>1</v>
      </c>
      <c r="AC41224">
        <v>1</v>
      </c>
      <c r="AD41224">
        <v>1</v>
      </c>
      <c r="AE41224">
        <v>1</v>
      </c>
      <c r="AF41224">
        <v>1</v>
      </c>
      <c r="AG41224">
        <v>1</v>
      </c>
      <c r="AH41224">
        <v>1</v>
      </c>
      <c r="AI41224">
        <v>1</v>
      </c>
      <c r="AJ41224">
        <v>1</v>
      </c>
      <c r="AK41224">
        <v>1</v>
      </c>
      <c r="AL41224">
        <v>1</v>
      </c>
      <c r="AM41224">
        <v>1</v>
      </c>
      <c r="AN41224">
        <v>1</v>
      </c>
      <c r="AO41224">
        <v>1</v>
      </c>
      <c r="AP41224">
        <v>1</v>
      </c>
      <c r="AQ41224">
        <v>1</v>
      </c>
    </row>
    <row r="41225" spans="1:43">
      <c r="A41225" t="s">
        <v>25413</v>
      </c>
      <c r="B41225" t="s">
        <v>25414</v>
      </c>
      <c r="C41225" t="s">
        <v>12026</v>
      </c>
      <c r="D41225" t="s">
        <v>12027</v>
      </c>
      <c r="E41225" t="s">
        <v>12006</v>
      </c>
      <c r="F41225" t="s">
        <v>12007</v>
      </c>
      <c r="G41225" t="s">
        <v>10450</v>
      </c>
      <c r="H41225" t="s">
        <v>10451</v>
      </c>
      <c r="I41225" s="2">
        <v>1</v>
      </c>
      <c r="J41225" s="2">
        <v>0</v>
      </c>
      <c r="K41225" s="2">
        <v>0</v>
      </c>
      <c r="L41225" t="s">
        <v>120</v>
      </c>
      <c r="M41225" t="s">
        <v>83</v>
      </c>
      <c r="N41225" t="s">
        <v>91</v>
      </c>
      <c r="O41225" t="s">
        <v>85</v>
      </c>
      <c r="P41225" t="s">
        <v>86</v>
      </c>
      <c r="Q41225">
        <v>1</v>
      </c>
      <c r="R41225">
        <v>1</v>
      </c>
      <c r="S41225">
        <v>1</v>
      </c>
      <c r="T41225">
        <v>1</v>
      </c>
      <c r="U41225">
        <v>1</v>
      </c>
      <c r="V41225">
        <v>1</v>
      </c>
      <c r="W41225">
        <v>1</v>
      </c>
      <c r="X41225">
        <v>1</v>
      </c>
      <c r="Y41225">
        <v>1</v>
      </c>
      <c r="Z41225">
        <v>1</v>
      </c>
      <c r="AA41225">
        <v>1</v>
      </c>
      <c r="AB41225">
        <v>1</v>
      </c>
      <c r="AC41225">
        <v>1</v>
      </c>
      <c r="AD41225">
        <v>1</v>
      </c>
      <c r="AE41225">
        <v>1</v>
      </c>
      <c r="AF41225">
        <v>1</v>
      </c>
      <c r="AG41225">
        <v>1</v>
      </c>
      <c r="AH41225">
        <v>1</v>
      </c>
      <c r="AI41225">
        <v>1</v>
      </c>
      <c r="AJ41225">
        <v>1</v>
      </c>
      <c r="AK41225">
        <v>1</v>
      </c>
      <c r="AL41225">
        <v>1</v>
      </c>
      <c r="AM41225">
        <v>1</v>
      </c>
      <c r="AN41225">
        <v>1</v>
      </c>
      <c r="AO41225">
        <v>1</v>
      </c>
      <c r="AP41225">
        <v>1</v>
      </c>
      <c r="AQ41225">
        <v>1</v>
      </c>
    </row>
    <row r="41226" spans="1:43">
      <c r="A41226" t="s">
        <v>25415</v>
      </c>
      <c r="B41226" t="s">
        <v>25416</v>
      </c>
      <c r="C41226" t="s">
        <v>12094</v>
      </c>
      <c r="D41226" t="s">
        <v>12095</v>
      </c>
      <c r="E41226" t="s">
        <v>12006</v>
      </c>
      <c r="F41226" t="s">
        <v>12007</v>
      </c>
      <c r="G41226" t="s">
        <v>10450</v>
      </c>
      <c r="H41226" t="s">
        <v>10451</v>
      </c>
      <c r="I41226" s="2">
        <v>1</v>
      </c>
      <c r="J41226" s="2">
        <v>0</v>
      </c>
      <c r="K41226" s="2">
        <v>0</v>
      </c>
      <c r="L41226" t="s">
        <v>120</v>
      </c>
      <c r="M41226" t="s">
        <v>83</v>
      </c>
      <c r="N41226" t="s">
        <v>84</v>
      </c>
      <c r="O41226" t="s">
        <v>85</v>
      </c>
      <c r="P41226" t="s">
        <v>86</v>
      </c>
      <c r="Q41226">
        <v>17</v>
      </c>
      <c r="R41226">
        <v>17</v>
      </c>
      <c r="S41226">
        <v>18</v>
      </c>
      <c r="T41226">
        <v>18</v>
      </c>
      <c r="U41226">
        <v>18</v>
      </c>
      <c r="V41226">
        <v>18</v>
      </c>
      <c r="W41226">
        <v>19</v>
      </c>
      <c r="X41226">
        <v>19</v>
      </c>
      <c r="Y41226">
        <v>19</v>
      </c>
      <c r="Z41226">
        <v>19</v>
      </c>
      <c r="AA41226">
        <v>20</v>
      </c>
      <c r="AB41226">
        <v>20</v>
      </c>
      <c r="AC41226">
        <v>20</v>
      </c>
      <c r="AD41226">
        <v>20</v>
      </c>
      <c r="AE41226">
        <v>21</v>
      </c>
      <c r="AF41226">
        <v>21</v>
      </c>
      <c r="AG41226">
        <v>21</v>
      </c>
      <c r="AH41226">
        <v>21</v>
      </c>
      <c r="AI41226">
        <v>21</v>
      </c>
      <c r="AJ41226">
        <v>22</v>
      </c>
      <c r="AK41226">
        <v>22</v>
      </c>
      <c r="AL41226">
        <v>22</v>
      </c>
      <c r="AM41226">
        <v>22</v>
      </c>
      <c r="AN41226">
        <v>22</v>
      </c>
      <c r="AO41226">
        <v>22</v>
      </c>
      <c r="AP41226">
        <v>22</v>
      </c>
      <c r="AQ41226">
        <v>22</v>
      </c>
    </row>
    <row r="41227" spans="1:43">
      <c r="A41227" t="s">
        <v>25415</v>
      </c>
      <c r="B41227" t="s">
        <v>25416</v>
      </c>
      <c r="C41227" t="s">
        <v>12094</v>
      </c>
      <c r="D41227" t="s">
        <v>12095</v>
      </c>
      <c r="E41227" t="s">
        <v>12006</v>
      </c>
      <c r="F41227" t="s">
        <v>12007</v>
      </c>
      <c r="G41227" t="s">
        <v>10450</v>
      </c>
      <c r="H41227" t="s">
        <v>10451</v>
      </c>
      <c r="I41227" s="2">
        <v>1</v>
      </c>
      <c r="J41227" s="2">
        <v>0</v>
      </c>
      <c r="K41227" s="2">
        <v>0</v>
      </c>
      <c r="L41227" t="s">
        <v>120</v>
      </c>
      <c r="M41227" t="s">
        <v>87</v>
      </c>
      <c r="N41227" t="s">
        <v>88</v>
      </c>
      <c r="O41227" t="s">
        <v>85</v>
      </c>
      <c r="P41227" t="s">
        <v>86</v>
      </c>
      <c r="Q41227">
        <v>17</v>
      </c>
      <c r="R41227">
        <v>17</v>
      </c>
      <c r="S41227">
        <v>17</v>
      </c>
      <c r="T41227">
        <v>17</v>
      </c>
      <c r="U41227">
        <v>17</v>
      </c>
      <c r="V41227">
        <v>17</v>
      </c>
      <c r="W41227">
        <v>18</v>
      </c>
      <c r="X41227">
        <v>18</v>
      </c>
      <c r="Y41227">
        <v>18</v>
      </c>
      <c r="Z41227">
        <v>18</v>
      </c>
      <c r="AA41227">
        <v>18</v>
      </c>
      <c r="AB41227">
        <v>18</v>
      </c>
      <c r="AC41227">
        <v>18</v>
      </c>
      <c r="AD41227">
        <v>18</v>
      </c>
      <c r="AE41227">
        <v>18</v>
      </c>
      <c r="AF41227">
        <v>18</v>
      </c>
      <c r="AG41227">
        <v>18</v>
      </c>
      <c r="AH41227">
        <v>18</v>
      </c>
      <c r="AI41227">
        <v>18</v>
      </c>
      <c r="AJ41227">
        <v>19</v>
      </c>
      <c r="AK41227">
        <v>19</v>
      </c>
      <c r="AL41227">
        <v>19</v>
      </c>
      <c r="AM41227">
        <v>19</v>
      </c>
      <c r="AN41227">
        <v>19</v>
      </c>
      <c r="AO41227">
        <v>19</v>
      </c>
      <c r="AP41227">
        <v>19</v>
      </c>
      <c r="AQ41227">
        <v>19</v>
      </c>
    </row>
    <row r="41228" spans="1:43">
      <c r="A41228" t="s">
        <v>25415</v>
      </c>
      <c r="B41228" t="s">
        <v>25416</v>
      </c>
      <c r="C41228" t="s">
        <v>12094</v>
      </c>
      <c r="D41228" t="s">
        <v>12095</v>
      </c>
      <c r="E41228" t="s">
        <v>12006</v>
      </c>
      <c r="F41228" t="s">
        <v>12007</v>
      </c>
      <c r="G41228" t="s">
        <v>10450</v>
      </c>
      <c r="H41228" t="s">
        <v>10451</v>
      </c>
      <c r="I41228" s="2">
        <v>1</v>
      </c>
      <c r="J41228" s="2">
        <v>0</v>
      </c>
      <c r="K41228" s="2">
        <v>0</v>
      </c>
      <c r="L41228" t="s">
        <v>120</v>
      </c>
      <c r="M41228" t="s">
        <v>89</v>
      </c>
      <c r="N41228" t="s">
        <v>90</v>
      </c>
      <c r="O41228" t="s">
        <v>85</v>
      </c>
      <c r="P41228" t="s">
        <v>86</v>
      </c>
      <c r="Q41228">
        <v>17</v>
      </c>
      <c r="R41228">
        <v>18</v>
      </c>
      <c r="S41228">
        <v>18</v>
      </c>
      <c r="T41228">
        <v>19</v>
      </c>
      <c r="U41228">
        <v>19</v>
      </c>
      <c r="V41228">
        <v>19</v>
      </c>
      <c r="W41228">
        <v>20</v>
      </c>
      <c r="X41228">
        <v>20</v>
      </c>
      <c r="Y41228">
        <v>20</v>
      </c>
      <c r="Z41228">
        <v>21</v>
      </c>
      <c r="AA41228">
        <v>21</v>
      </c>
      <c r="AB41228">
        <v>21</v>
      </c>
      <c r="AC41228">
        <v>22</v>
      </c>
      <c r="AD41228">
        <v>22</v>
      </c>
      <c r="AE41228">
        <v>22</v>
      </c>
      <c r="AF41228">
        <v>22</v>
      </c>
      <c r="AG41228">
        <v>22</v>
      </c>
      <c r="AH41228">
        <v>22</v>
      </c>
      <c r="AI41228">
        <v>22</v>
      </c>
      <c r="AJ41228">
        <v>22</v>
      </c>
      <c r="AK41228">
        <v>22</v>
      </c>
      <c r="AL41228">
        <v>22</v>
      </c>
      <c r="AM41228">
        <v>22</v>
      </c>
      <c r="AN41228">
        <v>22</v>
      </c>
      <c r="AO41228">
        <v>22</v>
      </c>
      <c r="AP41228">
        <v>22</v>
      </c>
      <c r="AQ41228">
        <v>22</v>
      </c>
    </row>
    <row r="41229" spans="1:43">
      <c r="A41229" t="s">
        <v>25415</v>
      </c>
      <c r="B41229" t="s">
        <v>25416</v>
      </c>
      <c r="C41229" t="s">
        <v>12094</v>
      </c>
      <c r="D41229" t="s">
        <v>12095</v>
      </c>
      <c r="E41229" t="s">
        <v>12006</v>
      </c>
      <c r="F41229" t="s">
        <v>12007</v>
      </c>
      <c r="G41229" t="s">
        <v>10450</v>
      </c>
      <c r="H41229" t="s">
        <v>10451</v>
      </c>
      <c r="I41229" s="2">
        <v>1</v>
      </c>
      <c r="J41229" s="2">
        <v>0</v>
      </c>
      <c r="K41229" s="2">
        <v>0</v>
      </c>
      <c r="L41229" t="s">
        <v>120</v>
      </c>
      <c r="M41229" t="s">
        <v>83</v>
      </c>
      <c r="N41229" t="s">
        <v>91</v>
      </c>
      <c r="O41229" t="s">
        <v>85</v>
      </c>
      <c r="P41229" t="s">
        <v>86</v>
      </c>
      <c r="Q41229">
        <v>17</v>
      </c>
      <c r="R41229">
        <v>17</v>
      </c>
      <c r="S41229">
        <v>18</v>
      </c>
      <c r="T41229">
        <v>18</v>
      </c>
      <c r="U41229">
        <v>18</v>
      </c>
      <c r="V41229">
        <v>18</v>
      </c>
      <c r="W41229">
        <v>19</v>
      </c>
      <c r="X41229">
        <v>19</v>
      </c>
      <c r="Y41229">
        <v>19</v>
      </c>
      <c r="Z41229">
        <v>19</v>
      </c>
      <c r="AA41229">
        <v>20</v>
      </c>
      <c r="AB41229">
        <v>20</v>
      </c>
      <c r="AC41229">
        <v>20</v>
      </c>
      <c r="AD41229">
        <v>20</v>
      </c>
      <c r="AE41229">
        <v>21</v>
      </c>
      <c r="AF41229">
        <v>21</v>
      </c>
      <c r="AG41229">
        <v>21</v>
      </c>
      <c r="AH41229">
        <v>21</v>
      </c>
      <c r="AI41229">
        <v>21</v>
      </c>
      <c r="AJ41229">
        <v>22</v>
      </c>
      <c r="AK41229">
        <v>22</v>
      </c>
      <c r="AL41229">
        <v>22</v>
      </c>
      <c r="AM41229">
        <v>22</v>
      </c>
      <c r="AN41229">
        <v>22</v>
      </c>
      <c r="AO41229">
        <v>22</v>
      </c>
      <c r="AP41229">
        <v>22</v>
      </c>
      <c r="AQ41229">
        <v>22</v>
      </c>
    </row>
    <row r="41230" spans="1:43">
      <c r="A41230" t="s">
        <v>25417</v>
      </c>
      <c r="B41230" t="s">
        <v>25418</v>
      </c>
      <c r="C41230" t="s">
        <v>12094</v>
      </c>
      <c r="D41230" t="s">
        <v>12095</v>
      </c>
      <c r="E41230" t="s">
        <v>12006</v>
      </c>
      <c r="F41230" t="s">
        <v>12007</v>
      </c>
      <c r="G41230" t="s">
        <v>10450</v>
      </c>
      <c r="H41230" t="s">
        <v>10451</v>
      </c>
      <c r="I41230" s="2">
        <v>1</v>
      </c>
      <c r="J41230" s="2">
        <v>0</v>
      </c>
      <c r="K41230" s="2">
        <v>0</v>
      </c>
      <c r="L41230" t="s">
        <v>120</v>
      </c>
      <c r="M41230" t="s">
        <v>83</v>
      </c>
      <c r="N41230" t="s">
        <v>84</v>
      </c>
      <c r="O41230" t="s">
        <v>85</v>
      </c>
      <c r="P41230" t="s">
        <v>86</v>
      </c>
      <c r="Q41230">
        <v>3</v>
      </c>
      <c r="R41230">
        <v>3</v>
      </c>
      <c r="S41230">
        <v>3</v>
      </c>
      <c r="T41230">
        <v>3</v>
      </c>
      <c r="U41230">
        <v>3</v>
      </c>
      <c r="V41230">
        <v>3</v>
      </c>
      <c r="W41230">
        <v>3</v>
      </c>
      <c r="X41230">
        <v>3</v>
      </c>
      <c r="Y41230">
        <v>3</v>
      </c>
      <c r="Z41230">
        <v>3</v>
      </c>
      <c r="AA41230">
        <v>3</v>
      </c>
      <c r="AB41230">
        <v>3</v>
      </c>
      <c r="AC41230">
        <v>3</v>
      </c>
      <c r="AD41230">
        <v>3</v>
      </c>
      <c r="AE41230">
        <v>3</v>
      </c>
      <c r="AF41230">
        <v>3</v>
      </c>
      <c r="AG41230">
        <v>4</v>
      </c>
      <c r="AH41230">
        <v>4</v>
      </c>
      <c r="AI41230">
        <v>4</v>
      </c>
      <c r="AJ41230">
        <v>4</v>
      </c>
      <c r="AK41230">
        <v>4</v>
      </c>
      <c r="AL41230">
        <v>4</v>
      </c>
      <c r="AM41230">
        <v>4</v>
      </c>
      <c r="AN41230">
        <v>4</v>
      </c>
      <c r="AO41230">
        <v>4</v>
      </c>
      <c r="AP41230">
        <v>4</v>
      </c>
      <c r="AQ41230">
        <v>4</v>
      </c>
    </row>
    <row r="41231" spans="1:43">
      <c r="A41231" t="s">
        <v>25417</v>
      </c>
      <c r="B41231" t="s">
        <v>25418</v>
      </c>
      <c r="C41231" t="s">
        <v>12094</v>
      </c>
      <c r="D41231" t="s">
        <v>12095</v>
      </c>
      <c r="E41231" t="s">
        <v>12006</v>
      </c>
      <c r="F41231" t="s">
        <v>12007</v>
      </c>
      <c r="G41231" t="s">
        <v>10450</v>
      </c>
      <c r="H41231" t="s">
        <v>10451</v>
      </c>
      <c r="I41231" s="2">
        <v>1</v>
      </c>
      <c r="J41231" s="2">
        <v>0</v>
      </c>
      <c r="K41231" s="2">
        <v>0</v>
      </c>
      <c r="L41231" t="s">
        <v>120</v>
      </c>
      <c r="M41231" t="s">
        <v>87</v>
      </c>
      <c r="N41231" t="s">
        <v>88</v>
      </c>
      <c r="O41231" t="s">
        <v>85</v>
      </c>
      <c r="P41231" t="s">
        <v>86</v>
      </c>
      <c r="Q41231">
        <v>3</v>
      </c>
      <c r="R41231">
        <v>3</v>
      </c>
      <c r="S41231">
        <v>3</v>
      </c>
      <c r="T41231">
        <v>3</v>
      </c>
      <c r="U41231">
        <v>3</v>
      </c>
      <c r="V41231">
        <v>3</v>
      </c>
      <c r="W41231">
        <v>3</v>
      </c>
      <c r="X41231">
        <v>3</v>
      </c>
      <c r="Y41231">
        <v>3</v>
      </c>
      <c r="Z41231">
        <v>3</v>
      </c>
      <c r="AA41231">
        <v>3</v>
      </c>
      <c r="AB41231">
        <v>3</v>
      </c>
      <c r="AC41231">
        <v>3</v>
      </c>
      <c r="AD41231">
        <v>3</v>
      </c>
      <c r="AE41231">
        <v>3</v>
      </c>
      <c r="AF41231">
        <v>3</v>
      </c>
      <c r="AG41231">
        <v>3</v>
      </c>
      <c r="AH41231">
        <v>3</v>
      </c>
      <c r="AI41231">
        <v>3</v>
      </c>
      <c r="AJ41231">
        <v>3</v>
      </c>
      <c r="AK41231">
        <v>3</v>
      </c>
      <c r="AL41231">
        <v>3</v>
      </c>
      <c r="AM41231">
        <v>3</v>
      </c>
      <c r="AN41231">
        <v>3</v>
      </c>
      <c r="AO41231">
        <v>3</v>
      </c>
      <c r="AP41231">
        <v>3</v>
      </c>
      <c r="AQ41231">
        <v>3</v>
      </c>
    </row>
    <row r="41232" spans="1:43">
      <c r="A41232" t="s">
        <v>25417</v>
      </c>
      <c r="B41232" t="s">
        <v>25418</v>
      </c>
      <c r="C41232" t="s">
        <v>12094</v>
      </c>
      <c r="D41232" t="s">
        <v>12095</v>
      </c>
      <c r="E41232" t="s">
        <v>12006</v>
      </c>
      <c r="F41232" t="s">
        <v>12007</v>
      </c>
      <c r="G41232" t="s">
        <v>10450</v>
      </c>
      <c r="H41232" t="s">
        <v>10451</v>
      </c>
      <c r="I41232" s="2">
        <v>1</v>
      </c>
      <c r="J41232" s="2">
        <v>0</v>
      </c>
      <c r="K41232" s="2">
        <v>0</v>
      </c>
      <c r="L41232" t="s">
        <v>120</v>
      </c>
      <c r="M41232" t="s">
        <v>89</v>
      </c>
      <c r="N41232" t="s">
        <v>90</v>
      </c>
      <c r="O41232" t="s">
        <v>85</v>
      </c>
      <c r="P41232" t="s">
        <v>86</v>
      </c>
      <c r="Q41232">
        <v>3</v>
      </c>
      <c r="R41232">
        <v>3</v>
      </c>
      <c r="S41232">
        <v>3</v>
      </c>
      <c r="T41232">
        <v>3</v>
      </c>
      <c r="U41232">
        <v>3</v>
      </c>
      <c r="V41232">
        <v>3</v>
      </c>
      <c r="W41232">
        <v>3</v>
      </c>
      <c r="X41232">
        <v>3</v>
      </c>
      <c r="Y41232">
        <v>3</v>
      </c>
      <c r="Z41232">
        <v>3</v>
      </c>
      <c r="AA41232">
        <v>4</v>
      </c>
      <c r="AB41232">
        <v>4</v>
      </c>
      <c r="AC41232">
        <v>4</v>
      </c>
      <c r="AD41232">
        <v>4</v>
      </c>
      <c r="AE41232">
        <v>4</v>
      </c>
      <c r="AF41232">
        <v>4</v>
      </c>
      <c r="AG41232">
        <v>4</v>
      </c>
      <c r="AH41232">
        <v>4</v>
      </c>
      <c r="AI41232">
        <v>4</v>
      </c>
      <c r="AJ41232">
        <v>4</v>
      </c>
      <c r="AK41232">
        <v>4</v>
      </c>
      <c r="AL41232">
        <v>4</v>
      </c>
      <c r="AM41232">
        <v>4</v>
      </c>
      <c r="AN41232">
        <v>4</v>
      </c>
      <c r="AO41232">
        <v>4</v>
      </c>
      <c r="AP41232">
        <v>4</v>
      </c>
      <c r="AQ41232">
        <v>4</v>
      </c>
    </row>
    <row r="41233" spans="1:43">
      <c r="A41233" t="s">
        <v>25417</v>
      </c>
      <c r="B41233" t="s">
        <v>25418</v>
      </c>
      <c r="C41233" t="s">
        <v>12094</v>
      </c>
      <c r="D41233" t="s">
        <v>12095</v>
      </c>
      <c r="E41233" t="s">
        <v>12006</v>
      </c>
      <c r="F41233" t="s">
        <v>12007</v>
      </c>
      <c r="G41233" t="s">
        <v>10450</v>
      </c>
      <c r="H41233" t="s">
        <v>10451</v>
      </c>
      <c r="I41233" s="2">
        <v>1</v>
      </c>
      <c r="J41233" s="2">
        <v>0</v>
      </c>
      <c r="K41233" s="2">
        <v>0</v>
      </c>
      <c r="L41233" t="s">
        <v>120</v>
      </c>
      <c r="M41233" t="s">
        <v>83</v>
      </c>
      <c r="N41233" t="s">
        <v>91</v>
      </c>
      <c r="O41233" t="s">
        <v>85</v>
      </c>
      <c r="P41233" t="s">
        <v>86</v>
      </c>
      <c r="Q41233">
        <v>3</v>
      </c>
      <c r="R41233">
        <v>3</v>
      </c>
      <c r="S41233">
        <v>3</v>
      </c>
      <c r="T41233">
        <v>3</v>
      </c>
      <c r="U41233">
        <v>3</v>
      </c>
      <c r="V41233">
        <v>3</v>
      </c>
      <c r="W41233">
        <v>3</v>
      </c>
      <c r="X41233">
        <v>3</v>
      </c>
      <c r="Y41233">
        <v>3</v>
      </c>
      <c r="Z41233">
        <v>3</v>
      </c>
      <c r="AA41233">
        <v>3</v>
      </c>
      <c r="AB41233">
        <v>3</v>
      </c>
      <c r="AC41233">
        <v>3</v>
      </c>
      <c r="AD41233">
        <v>3</v>
      </c>
      <c r="AE41233">
        <v>3</v>
      </c>
      <c r="AF41233">
        <v>3</v>
      </c>
      <c r="AG41233">
        <v>4</v>
      </c>
      <c r="AH41233">
        <v>4</v>
      </c>
      <c r="AI41233">
        <v>4</v>
      </c>
      <c r="AJ41233">
        <v>4</v>
      </c>
      <c r="AK41233">
        <v>4</v>
      </c>
      <c r="AL41233">
        <v>4</v>
      </c>
      <c r="AM41233">
        <v>4</v>
      </c>
      <c r="AN41233">
        <v>4</v>
      </c>
      <c r="AO41233">
        <v>4</v>
      </c>
      <c r="AP41233">
        <v>4</v>
      </c>
      <c r="AQ41233">
        <v>4</v>
      </c>
    </row>
    <row r="41234" spans="1:43">
      <c r="A41234" t="s">
        <v>25419</v>
      </c>
      <c r="B41234" t="s">
        <v>25420</v>
      </c>
      <c r="C41234" t="s">
        <v>12108</v>
      </c>
      <c r="D41234" t="s">
        <v>12109</v>
      </c>
      <c r="E41234" t="s">
        <v>12006</v>
      </c>
      <c r="F41234" t="s">
        <v>12007</v>
      </c>
      <c r="G41234" t="s">
        <v>10450</v>
      </c>
      <c r="H41234" t="s">
        <v>10451</v>
      </c>
      <c r="I41234" s="2">
        <v>1</v>
      </c>
      <c r="J41234" s="2">
        <v>0</v>
      </c>
      <c r="K41234" s="2">
        <v>0</v>
      </c>
      <c r="L41234" t="s">
        <v>120</v>
      </c>
      <c r="M41234" t="s">
        <v>83</v>
      </c>
      <c r="N41234" t="s">
        <v>84</v>
      </c>
      <c r="O41234" t="s">
        <v>85</v>
      </c>
      <c r="P41234" t="s">
        <v>86</v>
      </c>
      <c r="Q41234">
        <v>1</v>
      </c>
      <c r="R41234">
        <v>1</v>
      </c>
      <c r="S41234">
        <v>1</v>
      </c>
      <c r="T41234">
        <v>1</v>
      </c>
      <c r="U41234">
        <v>1</v>
      </c>
      <c r="V41234">
        <v>1</v>
      </c>
      <c r="W41234">
        <v>1</v>
      </c>
      <c r="X41234">
        <v>1</v>
      </c>
      <c r="Y41234">
        <v>1</v>
      </c>
      <c r="Z41234">
        <v>1</v>
      </c>
      <c r="AA41234">
        <v>1</v>
      </c>
      <c r="AB41234">
        <v>1</v>
      </c>
      <c r="AC41234">
        <v>1</v>
      </c>
      <c r="AD41234">
        <v>1</v>
      </c>
      <c r="AE41234">
        <v>2</v>
      </c>
      <c r="AF41234">
        <v>2</v>
      </c>
      <c r="AG41234">
        <v>2</v>
      </c>
      <c r="AH41234">
        <v>2</v>
      </c>
      <c r="AI41234">
        <v>2</v>
      </c>
      <c r="AJ41234">
        <v>2</v>
      </c>
      <c r="AK41234">
        <v>2</v>
      </c>
      <c r="AL41234">
        <v>2</v>
      </c>
      <c r="AM41234">
        <v>2</v>
      </c>
      <c r="AN41234">
        <v>2</v>
      </c>
      <c r="AO41234">
        <v>2</v>
      </c>
      <c r="AP41234">
        <v>2</v>
      </c>
      <c r="AQ41234">
        <v>2</v>
      </c>
    </row>
    <row r="41235" spans="1:43">
      <c r="A41235" t="s">
        <v>25419</v>
      </c>
      <c r="B41235" t="s">
        <v>25420</v>
      </c>
      <c r="C41235" t="s">
        <v>12108</v>
      </c>
      <c r="D41235" t="s">
        <v>12109</v>
      </c>
      <c r="E41235" t="s">
        <v>12006</v>
      </c>
      <c r="F41235" t="s">
        <v>12007</v>
      </c>
      <c r="G41235" t="s">
        <v>10450</v>
      </c>
      <c r="H41235" t="s">
        <v>10451</v>
      </c>
      <c r="I41235" s="2">
        <v>1</v>
      </c>
      <c r="J41235" s="2">
        <v>0</v>
      </c>
      <c r="K41235" s="2">
        <v>0</v>
      </c>
      <c r="L41235" t="s">
        <v>120</v>
      </c>
      <c r="M41235" t="s">
        <v>87</v>
      </c>
      <c r="N41235" t="s">
        <v>88</v>
      </c>
      <c r="O41235" t="s">
        <v>85</v>
      </c>
      <c r="P41235" t="s">
        <v>86</v>
      </c>
      <c r="Q41235">
        <v>1</v>
      </c>
      <c r="R41235">
        <v>1</v>
      </c>
      <c r="S41235">
        <v>1</v>
      </c>
      <c r="T41235">
        <v>1</v>
      </c>
      <c r="U41235">
        <v>1</v>
      </c>
      <c r="V41235">
        <v>1</v>
      </c>
      <c r="W41235">
        <v>1</v>
      </c>
      <c r="X41235">
        <v>1</v>
      </c>
      <c r="Y41235">
        <v>1</v>
      </c>
      <c r="Z41235">
        <v>1</v>
      </c>
      <c r="AA41235">
        <v>1</v>
      </c>
      <c r="AB41235">
        <v>1</v>
      </c>
      <c r="AC41235">
        <v>1</v>
      </c>
      <c r="AD41235">
        <v>1</v>
      </c>
      <c r="AE41235">
        <v>1</v>
      </c>
      <c r="AF41235">
        <v>1</v>
      </c>
      <c r="AG41235">
        <v>1</v>
      </c>
      <c r="AH41235">
        <v>1</v>
      </c>
      <c r="AI41235">
        <v>1</v>
      </c>
      <c r="AJ41235">
        <v>1</v>
      </c>
      <c r="AK41235">
        <v>1</v>
      </c>
      <c r="AL41235">
        <v>1</v>
      </c>
      <c r="AM41235">
        <v>1</v>
      </c>
      <c r="AN41235">
        <v>1</v>
      </c>
      <c r="AO41235">
        <v>1</v>
      </c>
      <c r="AP41235">
        <v>1</v>
      </c>
      <c r="AQ41235">
        <v>1</v>
      </c>
    </row>
    <row r="41236" spans="1:43">
      <c r="A41236" t="s">
        <v>25419</v>
      </c>
      <c r="B41236" t="s">
        <v>25420</v>
      </c>
      <c r="C41236" t="s">
        <v>12108</v>
      </c>
      <c r="D41236" t="s">
        <v>12109</v>
      </c>
      <c r="E41236" t="s">
        <v>12006</v>
      </c>
      <c r="F41236" t="s">
        <v>12007</v>
      </c>
      <c r="G41236" t="s">
        <v>10450</v>
      </c>
      <c r="H41236" t="s">
        <v>10451</v>
      </c>
      <c r="I41236" s="2">
        <v>1</v>
      </c>
      <c r="J41236" s="2">
        <v>0</v>
      </c>
      <c r="K41236" s="2">
        <v>0</v>
      </c>
      <c r="L41236" t="s">
        <v>120</v>
      </c>
      <c r="M41236" t="s">
        <v>89</v>
      </c>
      <c r="N41236" t="s">
        <v>90</v>
      </c>
      <c r="O41236" t="s">
        <v>85</v>
      </c>
      <c r="P41236" t="s">
        <v>86</v>
      </c>
      <c r="Q41236">
        <v>1</v>
      </c>
      <c r="R41236">
        <v>1</v>
      </c>
      <c r="S41236">
        <v>1</v>
      </c>
      <c r="T41236">
        <v>1</v>
      </c>
      <c r="U41236">
        <v>1</v>
      </c>
      <c r="V41236">
        <v>1</v>
      </c>
      <c r="W41236">
        <v>1</v>
      </c>
      <c r="X41236">
        <v>1</v>
      </c>
      <c r="Y41236">
        <v>1</v>
      </c>
      <c r="Z41236">
        <v>2</v>
      </c>
      <c r="AA41236">
        <v>2</v>
      </c>
      <c r="AB41236">
        <v>2</v>
      </c>
      <c r="AC41236">
        <v>2</v>
      </c>
      <c r="AD41236">
        <v>2</v>
      </c>
      <c r="AE41236">
        <v>2</v>
      </c>
      <c r="AF41236">
        <v>2</v>
      </c>
      <c r="AG41236">
        <v>2</v>
      </c>
      <c r="AH41236">
        <v>2</v>
      </c>
      <c r="AI41236">
        <v>2</v>
      </c>
      <c r="AJ41236">
        <v>2</v>
      </c>
      <c r="AK41236">
        <v>2</v>
      </c>
      <c r="AL41236">
        <v>2</v>
      </c>
      <c r="AM41236">
        <v>2</v>
      </c>
      <c r="AN41236">
        <v>2</v>
      </c>
      <c r="AO41236">
        <v>2</v>
      </c>
      <c r="AP41236">
        <v>2</v>
      </c>
      <c r="AQ41236">
        <v>2</v>
      </c>
    </row>
    <row r="41237" spans="1:43">
      <c r="A41237" t="s">
        <v>25419</v>
      </c>
      <c r="B41237" t="s">
        <v>25420</v>
      </c>
      <c r="C41237" t="s">
        <v>12108</v>
      </c>
      <c r="D41237" t="s">
        <v>12109</v>
      </c>
      <c r="E41237" t="s">
        <v>12006</v>
      </c>
      <c r="F41237" t="s">
        <v>12007</v>
      </c>
      <c r="G41237" t="s">
        <v>10450</v>
      </c>
      <c r="H41237" t="s">
        <v>10451</v>
      </c>
      <c r="I41237" s="2">
        <v>1</v>
      </c>
      <c r="J41237" s="2">
        <v>0</v>
      </c>
      <c r="K41237" s="2">
        <v>0</v>
      </c>
      <c r="L41237" t="s">
        <v>120</v>
      </c>
      <c r="M41237" t="s">
        <v>83</v>
      </c>
      <c r="N41237" t="s">
        <v>91</v>
      </c>
      <c r="O41237" t="s">
        <v>85</v>
      </c>
      <c r="P41237" t="s">
        <v>86</v>
      </c>
      <c r="Q41237">
        <v>1</v>
      </c>
      <c r="R41237">
        <v>1</v>
      </c>
      <c r="S41237">
        <v>1</v>
      </c>
      <c r="T41237">
        <v>1</v>
      </c>
      <c r="U41237">
        <v>1</v>
      </c>
      <c r="V41237">
        <v>1</v>
      </c>
      <c r="W41237">
        <v>1</v>
      </c>
      <c r="X41237">
        <v>1</v>
      </c>
      <c r="Y41237">
        <v>1</v>
      </c>
      <c r="Z41237">
        <v>1</v>
      </c>
      <c r="AA41237">
        <v>1</v>
      </c>
      <c r="AB41237">
        <v>1</v>
      </c>
      <c r="AC41237">
        <v>1</v>
      </c>
      <c r="AD41237">
        <v>1</v>
      </c>
      <c r="AE41237">
        <v>2</v>
      </c>
      <c r="AF41237">
        <v>2</v>
      </c>
      <c r="AG41237">
        <v>2</v>
      </c>
      <c r="AH41237">
        <v>2</v>
      </c>
      <c r="AI41237">
        <v>2</v>
      </c>
      <c r="AJ41237">
        <v>2</v>
      </c>
      <c r="AK41237">
        <v>2</v>
      </c>
      <c r="AL41237">
        <v>2</v>
      </c>
      <c r="AM41237">
        <v>2</v>
      </c>
      <c r="AN41237">
        <v>2</v>
      </c>
      <c r="AO41237">
        <v>2</v>
      </c>
      <c r="AP41237">
        <v>2</v>
      </c>
      <c r="AQ41237">
        <v>2</v>
      </c>
    </row>
    <row r="41238" spans="1:43">
      <c r="A41238" t="s">
        <v>25421</v>
      </c>
      <c r="B41238" t="s">
        <v>25422</v>
      </c>
      <c r="C41238" t="s">
        <v>12108</v>
      </c>
      <c r="D41238" t="s">
        <v>12109</v>
      </c>
      <c r="E41238" t="s">
        <v>12006</v>
      </c>
      <c r="F41238" t="s">
        <v>12007</v>
      </c>
      <c r="G41238" t="s">
        <v>10450</v>
      </c>
      <c r="H41238" t="s">
        <v>10451</v>
      </c>
      <c r="I41238" s="2">
        <v>1</v>
      </c>
      <c r="J41238" s="2">
        <v>0</v>
      </c>
      <c r="K41238" s="2">
        <v>0</v>
      </c>
      <c r="L41238" t="s">
        <v>120</v>
      </c>
      <c r="M41238" t="s">
        <v>83</v>
      </c>
      <c r="N41238" t="s">
        <v>84</v>
      </c>
      <c r="O41238" t="s">
        <v>85</v>
      </c>
      <c r="P41238" t="s">
        <v>86</v>
      </c>
      <c r="Q41238">
        <v>22</v>
      </c>
      <c r="R41238">
        <v>23</v>
      </c>
      <c r="S41238">
        <v>23</v>
      </c>
      <c r="T41238">
        <v>23</v>
      </c>
      <c r="U41238">
        <v>24</v>
      </c>
      <c r="V41238">
        <v>24</v>
      </c>
      <c r="W41238">
        <v>24</v>
      </c>
      <c r="X41238">
        <v>25</v>
      </c>
      <c r="Y41238">
        <v>25</v>
      </c>
      <c r="Z41238">
        <v>25</v>
      </c>
      <c r="AA41238">
        <v>26</v>
      </c>
      <c r="AB41238">
        <v>26</v>
      </c>
      <c r="AC41238">
        <v>26</v>
      </c>
      <c r="AD41238">
        <v>26</v>
      </c>
      <c r="AE41238">
        <v>27</v>
      </c>
      <c r="AF41238">
        <v>27</v>
      </c>
      <c r="AG41238">
        <v>27</v>
      </c>
      <c r="AH41238">
        <v>28</v>
      </c>
      <c r="AI41238">
        <v>28</v>
      </c>
      <c r="AJ41238">
        <v>28</v>
      </c>
      <c r="AK41238">
        <v>28</v>
      </c>
      <c r="AL41238">
        <v>29</v>
      </c>
      <c r="AM41238">
        <v>29</v>
      </c>
      <c r="AN41238">
        <v>29</v>
      </c>
      <c r="AO41238">
        <v>29</v>
      </c>
      <c r="AP41238">
        <v>29</v>
      </c>
      <c r="AQ41238">
        <v>29</v>
      </c>
    </row>
    <row r="41239" spans="1:43">
      <c r="A41239" t="s">
        <v>25421</v>
      </c>
      <c r="B41239" t="s">
        <v>25422</v>
      </c>
      <c r="C41239" t="s">
        <v>12108</v>
      </c>
      <c r="D41239" t="s">
        <v>12109</v>
      </c>
      <c r="E41239" t="s">
        <v>12006</v>
      </c>
      <c r="F41239" t="s">
        <v>12007</v>
      </c>
      <c r="G41239" t="s">
        <v>10450</v>
      </c>
      <c r="H41239" t="s">
        <v>10451</v>
      </c>
      <c r="I41239" s="2">
        <v>1</v>
      </c>
      <c r="J41239" s="2">
        <v>0</v>
      </c>
      <c r="K41239" s="2">
        <v>0</v>
      </c>
      <c r="L41239" t="s">
        <v>120</v>
      </c>
      <c r="M41239" t="s">
        <v>87</v>
      </c>
      <c r="N41239" t="s">
        <v>88</v>
      </c>
      <c r="O41239" t="s">
        <v>85</v>
      </c>
      <c r="P41239" t="s">
        <v>86</v>
      </c>
      <c r="Q41239">
        <v>22</v>
      </c>
      <c r="R41239">
        <v>22</v>
      </c>
      <c r="S41239">
        <v>22</v>
      </c>
      <c r="T41239">
        <v>23</v>
      </c>
      <c r="U41239">
        <v>23</v>
      </c>
      <c r="V41239">
        <v>23</v>
      </c>
      <c r="W41239">
        <v>23</v>
      </c>
      <c r="X41239">
        <v>23</v>
      </c>
      <c r="Y41239">
        <v>23</v>
      </c>
      <c r="Z41239">
        <v>23</v>
      </c>
      <c r="AA41239">
        <v>23</v>
      </c>
      <c r="AB41239">
        <v>23</v>
      </c>
      <c r="AC41239">
        <v>23</v>
      </c>
      <c r="AD41239">
        <v>24</v>
      </c>
      <c r="AE41239">
        <v>24</v>
      </c>
      <c r="AF41239">
        <v>24</v>
      </c>
      <c r="AG41239">
        <v>24</v>
      </c>
      <c r="AH41239">
        <v>24</v>
      </c>
      <c r="AI41239">
        <v>24</v>
      </c>
      <c r="AJ41239">
        <v>24</v>
      </c>
      <c r="AK41239">
        <v>24</v>
      </c>
      <c r="AL41239">
        <v>24</v>
      </c>
      <c r="AM41239">
        <v>24</v>
      </c>
      <c r="AN41239">
        <v>25</v>
      </c>
      <c r="AO41239">
        <v>25</v>
      </c>
      <c r="AP41239">
        <v>25</v>
      </c>
      <c r="AQ41239">
        <v>25</v>
      </c>
    </row>
    <row r="41240" spans="1:43">
      <c r="A41240" t="s">
        <v>25421</v>
      </c>
      <c r="B41240" t="s">
        <v>25422</v>
      </c>
      <c r="C41240" t="s">
        <v>12108</v>
      </c>
      <c r="D41240" t="s">
        <v>12109</v>
      </c>
      <c r="E41240" t="s">
        <v>12006</v>
      </c>
      <c r="F41240" t="s">
        <v>12007</v>
      </c>
      <c r="G41240" t="s">
        <v>10450</v>
      </c>
      <c r="H41240" t="s">
        <v>10451</v>
      </c>
      <c r="I41240" s="2">
        <v>1</v>
      </c>
      <c r="J41240" s="2">
        <v>0</v>
      </c>
      <c r="K41240" s="2">
        <v>0</v>
      </c>
      <c r="L41240" t="s">
        <v>120</v>
      </c>
      <c r="M41240" t="s">
        <v>89</v>
      </c>
      <c r="N41240" t="s">
        <v>90</v>
      </c>
      <c r="O41240" t="s">
        <v>85</v>
      </c>
      <c r="P41240" t="s">
        <v>86</v>
      </c>
      <c r="Q41240">
        <v>22</v>
      </c>
      <c r="R41240">
        <v>22</v>
      </c>
      <c r="S41240">
        <v>23</v>
      </c>
      <c r="T41240">
        <v>23</v>
      </c>
      <c r="U41240">
        <v>24</v>
      </c>
      <c r="V41240">
        <v>24</v>
      </c>
      <c r="W41240">
        <v>25</v>
      </c>
      <c r="X41240">
        <v>25</v>
      </c>
      <c r="Y41240">
        <v>25</v>
      </c>
      <c r="Z41240">
        <v>26</v>
      </c>
      <c r="AA41240">
        <v>26</v>
      </c>
      <c r="AB41240">
        <v>27</v>
      </c>
      <c r="AC41240">
        <v>27</v>
      </c>
      <c r="AD41240">
        <v>27</v>
      </c>
      <c r="AE41240">
        <v>28</v>
      </c>
      <c r="AF41240">
        <v>28</v>
      </c>
      <c r="AG41240">
        <v>28</v>
      </c>
      <c r="AH41240">
        <v>28</v>
      </c>
      <c r="AI41240">
        <v>28</v>
      </c>
      <c r="AJ41240">
        <v>28</v>
      </c>
      <c r="AK41240">
        <v>28</v>
      </c>
      <c r="AL41240">
        <v>28</v>
      </c>
      <c r="AM41240">
        <v>28</v>
      </c>
      <c r="AN41240">
        <v>28</v>
      </c>
      <c r="AO41240">
        <v>28</v>
      </c>
      <c r="AP41240">
        <v>28</v>
      </c>
      <c r="AQ41240">
        <v>28</v>
      </c>
    </row>
    <row r="41241" spans="1:43">
      <c r="A41241" t="s">
        <v>25421</v>
      </c>
      <c r="B41241" t="s">
        <v>25422</v>
      </c>
      <c r="C41241" t="s">
        <v>12108</v>
      </c>
      <c r="D41241" t="s">
        <v>12109</v>
      </c>
      <c r="E41241" t="s">
        <v>12006</v>
      </c>
      <c r="F41241" t="s">
        <v>12007</v>
      </c>
      <c r="G41241" t="s">
        <v>10450</v>
      </c>
      <c r="H41241" t="s">
        <v>10451</v>
      </c>
      <c r="I41241" s="2">
        <v>1</v>
      </c>
      <c r="J41241" s="2">
        <v>0</v>
      </c>
      <c r="K41241" s="2">
        <v>0</v>
      </c>
      <c r="L41241" t="s">
        <v>120</v>
      </c>
      <c r="M41241" t="s">
        <v>83</v>
      </c>
      <c r="N41241" t="s">
        <v>91</v>
      </c>
      <c r="O41241" t="s">
        <v>85</v>
      </c>
      <c r="P41241" t="s">
        <v>86</v>
      </c>
      <c r="Q41241">
        <v>22</v>
      </c>
      <c r="R41241">
        <v>23</v>
      </c>
      <c r="S41241">
        <v>23</v>
      </c>
      <c r="T41241">
        <v>23</v>
      </c>
      <c r="U41241">
        <v>24</v>
      </c>
      <c r="V41241">
        <v>24</v>
      </c>
      <c r="W41241">
        <v>24</v>
      </c>
      <c r="X41241">
        <v>25</v>
      </c>
      <c r="Y41241">
        <v>25</v>
      </c>
      <c r="Z41241">
        <v>25</v>
      </c>
      <c r="AA41241">
        <v>26</v>
      </c>
      <c r="AB41241">
        <v>26</v>
      </c>
      <c r="AC41241">
        <v>26</v>
      </c>
      <c r="AD41241">
        <v>26</v>
      </c>
      <c r="AE41241">
        <v>27</v>
      </c>
      <c r="AF41241">
        <v>27</v>
      </c>
      <c r="AG41241">
        <v>27</v>
      </c>
      <c r="AH41241">
        <v>28</v>
      </c>
      <c r="AI41241">
        <v>28</v>
      </c>
      <c r="AJ41241">
        <v>28</v>
      </c>
      <c r="AK41241">
        <v>28</v>
      </c>
      <c r="AL41241">
        <v>29</v>
      </c>
      <c r="AM41241">
        <v>29</v>
      </c>
      <c r="AN41241">
        <v>29</v>
      </c>
      <c r="AO41241">
        <v>29</v>
      </c>
      <c r="AP41241">
        <v>29</v>
      </c>
      <c r="AQ41241">
        <v>29</v>
      </c>
    </row>
    <row r="41242" spans="1:43">
      <c r="A41242" t="s">
        <v>25423</v>
      </c>
      <c r="B41242" t="s">
        <v>25424</v>
      </c>
      <c r="C41242" t="s">
        <v>12108</v>
      </c>
      <c r="D41242" t="s">
        <v>12109</v>
      </c>
      <c r="E41242" t="s">
        <v>12006</v>
      </c>
      <c r="F41242" t="s">
        <v>12007</v>
      </c>
      <c r="G41242" t="s">
        <v>10450</v>
      </c>
      <c r="H41242" t="s">
        <v>10451</v>
      </c>
      <c r="I41242" s="2">
        <v>1</v>
      </c>
      <c r="J41242" s="2">
        <v>0</v>
      </c>
      <c r="K41242" s="2">
        <v>0</v>
      </c>
      <c r="L41242" t="s">
        <v>120</v>
      </c>
      <c r="M41242" t="s">
        <v>83</v>
      </c>
      <c r="N41242" t="s">
        <v>84</v>
      </c>
      <c r="O41242" t="s">
        <v>85</v>
      </c>
      <c r="P41242" t="s">
        <v>86</v>
      </c>
      <c r="Q41242">
        <v>15</v>
      </c>
      <c r="R41242">
        <v>15</v>
      </c>
      <c r="S41242">
        <v>16</v>
      </c>
      <c r="T41242">
        <v>16</v>
      </c>
      <c r="U41242">
        <v>16</v>
      </c>
      <c r="V41242">
        <v>16</v>
      </c>
      <c r="W41242">
        <v>17</v>
      </c>
      <c r="X41242">
        <v>17</v>
      </c>
      <c r="Y41242">
        <v>17</v>
      </c>
      <c r="Z41242">
        <v>17</v>
      </c>
      <c r="AA41242">
        <v>17</v>
      </c>
      <c r="AB41242">
        <v>18</v>
      </c>
      <c r="AC41242">
        <v>18</v>
      </c>
      <c r="AD41242">
        <v>18</v>
      </c>
      <c r="AE41242">
        <v>18</v>
      </c>
      <c r="AF41242">
        <v>18</v>
      </c>
      <c r="AG41242">
        <v>19</v>
      </c>
      <c r="AH41242">
        <v>19</v>
      </c>
      <c r="AI41242">
        <v>19</v>
      </c>
      <c r="AJ41242">
        <v>19</v>
      </c>
      <c r="AK41242">
        <v>19</v>
      </c>
      <c r="AL41242">
        <v>19</v>
      </c>
      <c r="AM41242">
        <v>19</v>
      </c>
      <c r="AN41242">
        <v>19</v>
      </c>
      <c r="AO41242">
        <v>19</v>
      </c>
      <c r="AP41242">
        <v>19</v>
      </c>
      <c r="AQ41242">
        <v>19</v>
      </c>
    </row>
    <row r="41243" spans="1:43">
      <c r="A41243" t="s">
        <v>25423</v>
      </c>
      <c r="B41243" t="s">
        <v>25424</v>
      </c>
      <c r="C41243" t="s">
        <v>12108</v>
      </c>
      <c r="D41243" t="s">
        <v>12109</v>
      </c>
      <c r="E41243" t="s">
        <v>12006</v>
      </c>
      <c r="F41243" t="s">
        <v>12007</v>
      </c>
      <c r="G41243" t="s">
        <v>10450</v>
      </c>
      <c r="H41243" t="s">
        <v>10451</v>
      </c>
      <c r="I41243" s="2">
        <v>1</v>
      </c>
      <c r="J41243" s="2">
        <v>0</v>
      </c>
      <c r="K41243" s="2">
        <v>0</v>
      </c>
      <c r="L41243" t="s">
        <v>120</v>
      </c>
      <c r="M41243" t="s">
        <v>87</v>
      </c>
      <c r="N41243" t="s">
        <v>88</v>
      </c>
      <c r="O41243" t="s">
        <v>85</v>
      </c>
      <c r="P41243" t="s">
        <v>86</v>
      </c>
      <c r="Q41243">
        <v>15</v>
      </c>
      <c r="R41243">
        <v>15</v>
      </c>
      <c r="S41243">
        <v>15</v>
      </c>
      <c r="T41243">
        <v>15</v>
      </c>
      <c r="U41243">
        <v>15</v>
      </c>
      <c r="V41243">
        <v>15</v>
      </c>
      <c r="W41243">
        <v>16</v>
      </c>
      <c r="X41243">
        <v>16</v>
      </c>
      <c r="Y41243">
        <v>16</v>
      </c>
      <c r="Z41243">
        <v>16</v>
      </c>
      <c r="AA41243">
        <v>16</v>
      </c>
      <c r="AB41243">
        <v>16</v>
      </c>
      <c r="AC41243">
        <v>16</v>
      </c>
      <c r="AD41243">
        <v>16</v>
      </c>
      <c r="AE41243">
        <v>16</v>
      </c>
      <c r="AF41243">
        <v>16</v>
      </c>
      <c r="AG41243">
        <v>16</v>
      </c>
      <c r="AH41243">
        <v>16</v>
      </c>
      <c r="AI41243">
        <v>16</v>
      </c>
      <c r="AJ41243">
        <v>16</v>
      </c>
      <c r="AK41243">
        <v>16</v>
      </c>
      <c r="AL41243">
        <v>17</v>
      </c>
      <c r="AM41243">
        <v>17</v>
      </c>
      <c r="AN41243">
        <v>17</v>
      </c>
      <c r="AO41243">
        <v>17</v>
      </c>
      <c r="AP41243">
        <v>17</v>
      </c>
      <c r="AQ41243">
        <v>17</v>
      </c>
    </row>
    <row r="41244" spans="1:43">
      <c r="A41244" t="s">
        <v>25423</v>
      </c>
      <c r="B41244" t="s">
        <v>25424</v>
      </c>
      <c r="C41244" t="s">
        <v>12108</v>
      </c>
      <c r="D41244" t="s">
        <v>12109</v>
      </c>
      <c r="E41244" t="s">
        <v>12006</v>
      </c>
      <c r="F41244" t="s">
        <v>12007</v>
      </c>
      <c r="G41244" t="s">
        <v>10450</v>
      </c>
      <c r="H41244" t="s">
        <v>10451</v>
      </c>
      <c r="I41244" s="2">
        <v>1</v>
      </c>
      <c r="J41244" s="2">
        <v>0</v>
      </c>
      <c r="K41244" s="2">
        <v>0</v>
      </c>
      <c r="L41244" t="s">
        <v>120</v>
      </c>
      <c r="M41244" t="s">
        <v>89</v>
      </c>
      <c r="N41244" t="s">
        <v>90</v>
      </c>
      <c r="O41244" t="s">
        <v>85</v>
      </c>
      <c r="P41244" t="s">
        <v>86</v>
      </c>
      <c r="Q41244">
        <v>15</v>
      </c>
      <c r="R41244">
        <v>16</v>
      </c>
      <c r="S41244">
        <v>16</v>
      </c>
      <c r="T41244">
        <v>16</v>
      </c>
      <c r="U41244">
        <v>17</v>
      </c>
      <c r="V41244">
        <v>17</v>
      </c>
      <c r="W41244">
        <v>17</v>
      </c>
      <c r="X41244">
        <v>18</v>
      </c>
      <c r="Y41244">
        <v>18</v>
      </c>
      <c r="Z41244">
        <v>18</v>
      </c>
      <c r="AA41244">
        <v>18</v>
      </c>
      <c r="AB41244">
        <v>19</v>
      </c>
      <c r="AC41244">
        <v>19</v>
      </c>
      <c r="AD41244">
        <v>19</v>
      </c>
      <c r="AE41244">
        <v>19</v>
      </c>
      <c r="AF41244">
        <v>19</v>
      </c>
      <c r="AG41244">
        <v>19</v>
      </c>
      <c r="AH41244">
        <v>19</v>
      </c>
      <c r="AI41244">
        <v>19</v>
      </c>
      <c r="AJ41244">
        <v>19</v>
      </c>
      <c r="AK41244">
        <v>19</v>
      </c>
      <c r="AL41244">
        <v>19</v>
      </c>
      <c r="AM41244">
        <v>19</v>
      </c>
      <c r="AN41244">
        <v>19</v>
      </c>
      <c r="AO41244">
        <v>19</v>
      </c>
      <c r="AP41244">
        <v>19</v>
      </c>
      <c r="AQ41244">
        <v>19</v>
      </c>
    </row>
    <row r="41245" spans="1:43">
      <c r="A41245" t="s">
        <v>25423</v>
      </c>
      <c r="B41245" t="s">
        <v>25424</v>
      </c>
      <c r="C41245" t="s">
        <v>12108</v>
      </c>
      <c r="D41245" t="s">
        <v>12109</v>
      </c>
      <c r="E41245" t="s">
        <v>12006</v>
      </c>
      <c r="F41245" t="s">
        <v>12007</v>
      </c>
      <c r="G41245" t="s">
        <v>10450</v>
      </c>
      <c r="H41245" t="s">
        <v>10451</v>
      </c>
      <c r="I41245" s="2">
        <v>1</v>
      </c>
      <c r="J41245" s="2">
        <v>0</v>
      </c>
      <c r="K41245" s="2">
        <v>0</v>
      </c>
      <c r="L41245" t="s">
        <v>120</v>
      </c>
      <c r="M41245" t="s">
        <v>83</v>
      </c>
      <c r="N41245" t="s">
        <v>91</v>
      </c>
      <c r="O41245" t="s">
        <v>85</v>
      </c>
      <c r="P41245" t="s">
        <v>86</v>
      </c>
      <c r="Q41245">
        <v>15</v>
      </c>
      <c r="R41245">
        <v>15</v>
      </c>
      <c r="S41245">
        <v>16</v>
      </c>
      <c r="T41245">
        <v>16</v>
      </c>
      <c r="U41245">
        <v>16</v>
      </c>
      <c r="V41245">
        <v>16</v>
      </c>
      <c r="W41245">
        <v>17</v>
      </c>
      <c r="X41245">
        <v>17</v>
      </c>
      <c r="Y41245">
        <v>17</v>
      </c>
      <c r="Z41245">
        <v>17</v>
      </c>
      <c r="AA41245">
        <v>17</v>
      </c>
      <c r="AB41245">
        <v>18</v>
      </c>
      <c r="AC41245">
        <v>18</v>
      </c>
      <c r="AD41245">
        <v>18</v>
      </c>
      <c r="AE41245">
        <v>18</v>
      </c>
      <c r="AF41245">
        <v>18</v>
      </c>
      <c r="AG41245">
        <v>19</v>
      </c>
      <c r="AH41245">
        <v>19</v>
      </c>
      <c r="AI41245">
        <v>19</v>
      </c>
      <c r="AJ41245">
        <v>19</v>
      </c>
      <c r="AK41245">
        <v>19</v>
      </c>
      <c r="AL41245">
        <v>19</v>
      </c>
      <c r="AM41245">
        <v>19</v>
      </c>
      <c r="AN41245">
        <v>19</v>
      </c>
      <c r="AO41245">
        <v>19</v>
      </c>
      <c r="AP41245">
        <v>19</v>
      </c>
      <c r="AQ41245">
        <v>19</v>
      </c>
    </row>
    <row r="41246" spans="1:43">
      <c r="A41246" t="s">
        <v>25425</v>
      </c>
      <c r="B41246" t="s">
        <v>25426</v>
      </c>
      <c r="C41246" t="s">
        <v>12108</v>
      </c>
      <c r="D41246" t="s">
        <v>12109</v>
      </c>
      <c r="E41246" t="s">
        <v>12006</v>
      </c>
      <c r="F41246" t="s">
        <v>12007</v>
      </c>
      <c r="G41246" t="s">
        <v>10450</v>
      </c>
      <c r="H41246" t="s">
        <v>10451</v>
      </c>
      <c r="I41246" s="2">
        <v>1</v>
      </c>
      <c r="J41246" s="2">
        <v>0</v>
      </c>
      <c r="K41246" s="2">
        <v>0</v>
      </c>
      <c r="L41246" t="s">
        <v>120</v>
      </c>
      <c r="M41246" t="s">
        <v>83</v>
      </c>
      <c r="N41246" t="s">
        <v>84</v>
      </c>
      <c r="O41246" t="s">
        <v>85</v>
      </c>
      <c r="P41246" t="s">
        <v>86</v>
      </c>
      <c r="Q41246">
        <v>3</v>
      </c>
      <c r="R41246">
        <v>3</v>
      </c>
      <c r="S41246">
        <v>3</v>
      </c>
      <c r="T41246">
        <v>3</v>
      </c>
      <c r="U41246">
        <v>3</v>
      </c>
      <c r="V41246">
        <v>3</v>
      </c>
      <c r="W41246">
        <v>3</v>
      </c>
      <c r="X41246">
        <v>3</v>
      </c>
      <c r="Y41246">
        <v>3</v>
      </c>
      <c r="Z41246">
        <v>3</v>
      </c>
      <c r="AA41246">
        <v>3</v>
      </c>
      <c r="AB41246">
        <v>3</v>
      </c>
      <c r="AC41246">
        <v>3</v>
      </c>
      <c r="AD41246">
        <v>3</v>
      </c>
      <c r="AE41246">
        <v>3</v>
      </c>
      <c r="AF41246">
        <v>3</v>
      </c>
      <c r="AG41246">
        <v>3</v>
      </c>
      <c r="AH41246">
        <v>3</v>
      </c>
      <c r="AI41246">
        <v>3</v>
      </c>
      <c r="AJ41246">
        <v>3</v>
      </c>
      <c r="AK41246">
        <v>3</v>
      </c>
      <c r="AL41246">
        <v>3</v>
      </c>
      <c r="AM41246">
        <v>3</v>
      </c>
      <c r="AN41246">
        <v>3</v>
      </c>
      <c r="AO41246">
        <v>3</v>
      </c>
      <c r="AP41246">
        <v>3</v>
      </c>
      <c r="AQ41246">
        <v>3</v>
      </c>
    </row>
    <row r="41247" spans="1:43">
      <c r="A41247" t="s">
        <v>25425</v>
      </c>
      <c r="B41247" t="s">
        <v>25426</v>
      </c>
      <c r="C41247" t="s">
        <v>12108</v>
      </c>
      <c r="D41247" t="s">
        <v>12109</v>
      </c>
      <c r="E41247" t="s">
        <v>12006</v>
      </c>
      <c r="F41247" t="s">
        <v>12007</v>
      </c>
      <c r="G41247" t="s">
        <v>10450</v>
      </c>
      <c r="H41247" t="s">
        <v>10451</v>
      </c>
      <c r="I41247" s="2">
        <v>1</v>
      </c>
      <c r="J41247" s="2">
        <v>0</v>
      </c>
      <c r="K41247" s="2">
        <v>0</v>
      </c>
      <c r="L41247" t="s">
        <v>120</v>
      </c>
      <c r="M41247" t="s">
        <v>87</v>
      </c>
      <c r="N41247" t="s">
        <v>88</v>
      </c>
      <c r="O41247" t="s">
        <v>85</v>
      </c>
      <c r="P41247" t="s">
        <v>86</v>
      </c>
      <c r="Q41247">
        <v>3</v>
      </c>
      <c r="R41247">
        <v>3</v>
      </c>
      <c r="S41247">
        <v>3</v>
      </c>
      <c r="T41247">
        <v>3</v>
      </c>
      <c r="U41247">
        <v>3</v>
      </c>
      <c r="V41247">
        <v>3</v>
      </c>
      <c r="W41247">
        <v>3</v>
      </c>
      <c r="X41247">
        <v>3</v>
      </c>
      <c r="Y41247">
        <v>3</v>
      </c>
      <c r="Z41247">
        <v>3</v>
      </c>
      <c r="AA41247">
        <v>3</v>
      </c>
      <c r="AB41247">
        <v>3</v>
      </c>
      <c r="AC41247">
        <v>3</v>
      </c>
      <c r="AD41247">
        <v>3</v>
      </c>
      <c r="AE41247">
        <v>3</v>
      </c>
      <c r="AF41247">
        <v>3</v>
      </c>
      <c r="AG41247">
        <v>3</v>
      </c>
      <c r="AH41247">
        <v>3</v>
      </c>
      <c r="AI41247">
        <v>3</v>
      </c>
      <c r="AJ41247">
        <v>3</v>
      </c>
      <c r="AK41247">
        <v>3</v>
      </c>
      <c r="AL41247">
        <v>3</v>
      </c>
      <c r="AM41247">
        <v>3</v>
      </c>
      <c r="AN41247">
        <v>3</v>
      </c>
      <c r="AO41247">
        <v>3</v>
      </c>
      <c r="AP41247">
        <v>3</v>
      </c>
      <c r="AQ41247">
        <v>3</v>
      </c>
    </row>
    <row r="41248" spans="1:43">
      <c r="A41248" t="s">
        <v>25425</v>
      </c>
      <c r="B41248" t="s">
        <v>25426</v>
      </c>
      <c r="C41248" t="s">
        <v>12108</v>
      </c>
      <c r="D41248" t="s">
        <v>12109</v>
      </c>
      <c r="E41248" t="s">
        <v>12006</v>
      </c>
      <c r="F41248" t="s">
        <v>12007</v>
      </c>
      <c r="G41248" t="s">
        <v>10450</v>
      </c>
      <c r="H41248" t="s">
        <v>10451</v>
      </c>
      <c r="I41248" s="2">
        <v>1</v>
      </c>
      <c r="J41248" s="2">
        <v>0</v>
      </c>
      <c r="K41248" s="2">
        <v>0</v>
      </c>
      <c r="L41248" t="s">
        <v>120</v>
      </c>
      <c r="M41248" t="s">
        <v>89</v>
      </c>
      <c r="N41248" t="s">
        <v>90</v>
      </c>
      <c r="O41248" t="s">
        <v>85</v>
      </c>
      <c r="P41248" t="s">
        <v>86</v>
      </c>
      <c r="Q41248">
        <v>3</v>
      </c>
      <c r="R41248">
        <v>3</v>
      </c>
      <c r="S41248">
        <v>3</v>
      </c>
      <c r="T41248">
        <v>3</v>
      </c>
      <c r="U41248">
        <v>3</v>
      </c>
      <c r="V41248">
        <v>3</v>
      </c>
      <c r="W41248">
        <v>3</v>
      </c>
      <c r="X41248">
        <v>3</v>
      </c>
      <c r="Y41248">
        <v>3</v>
      </c>
      <c r="Z41248">
        <v>3</v>
      </c>
      <c r="AA41248">
        <v>3</v>
      </c>
      <c r="AB41248">
        <v>3</v>
      </c>
      <c r="AC41248">
        <v>3</v>
      </c>
      <c r="AD41248">
        <v>3</v>
      </c>
      <c r="AE41248">
        <v>3</v>
      </c>
      <c r="AF41248">
        <v>3</v>
      </c>
      <c r="AG41248">
        <v>3</v>
      </c>
      <c r="AH41248">
        <v>3</v>
      </c>
      <c r="AI41248">
        <v>3</v>
      </c>
      <c r="AJ41248">
        <v>3</v>
      </c>
      <c r="AK41248">
        <v>3</v>
      </c>
      <c r="AL41248">
        <v>3</v>
      </c>
      <c r="AM41248">
        <v>3</v>
      </c>
      <c r="AN41248">
        <v>3</v>
      </c>
      <c r="AO41248">
        <v>3</v>
      </c>
      <c r="AP41248">
        <v>3</v>
      </c>
      <c r="AQ41248">
        <v>3</v>
      </c>
    </row>
    <row r="41249" spans="1:43">
      <c r="A41249" t="s">
        <v>25425</v>
      </c>
      <c r="B41249" t="s">
        <v>25426</v>
      </c>
      <c r="C41249" t="s">
        <v>12108</v>
      </c>
      <c r="D41249" t="s">
        <v>12109</v>
      </c>
      <c r="E41249" t="s">
        <v>12006</v>
      </c>
      <c r="F41249" t="s">
        <v>12007</v>
      </c>
      <c r="G41249" t="s">
        <v>10450</v>
      </c>
      <c r="H41249" t="s">
        <v>10451</v>
      </c>
      <c r="I41249" s="2">
        <v>1</v>
      </c>
      <c r="J41249" s="2">
        <v>0</v>
      </c>
      <c r="K41249" s="2">
        <v>0</v>
      </c>
      <c r="L41249" t="s">
        <v>120</v>
      </c>
      <c r="M41249" t="s">
        <v>83</v>
      </c>
      <c r="N41249" t="s">
        <v>91</v>
      </c>
      <c r="O41249" t="s">
        <v>85</v>
      </c>
      <c r="P41249" t="s">
        <v>86</v>
      </c>
      <c r="Q41249">
        <v>3</v>
      </c>
      <c r="R41249">
        <v>3</v>
      </c>
      <c r="S41249">
        <v>3</v>
      </c>
      <c r="T41249">
        <v>3</v>
      </c>
      <c r="U41249">
        <v>3</v>
      </c>
      <c r="V41249">
        <v>3</v>
      </c>
      <c r="W41249">
        <v>3</v>
      </c>
      <c r="X41249">
        <v>3</v>
      </c>
      <c r="Y41249">
        <v>3</v>
      </c>
      <c r="Z41249">
        <v>3</v>
      </c>
      <c r="AA41249">
        <v>3</v>
      </c>
      <c r="AB41249">
        <v>3</v>
      </c>
      <c r="AC41249">
        <v>3</v>
      </c>
      <c r="AD41249">
        <v>3</v>
      </c>
      <c r="AE41249">
        <v>3</v>
      </c>
      <c r="AF41249">
        <v>3</v>
      </c>
      <c r="AG41249">
        <v>3</v>
      </c>
      <c r="AH41249">
        <v>3</v>
      </c>
      <c r="AI41249">
        <v>3</v>
      </c>
      <c r="AJ41249">
        <v>3</v>
      </c>
      <c r="AK41249">
        <v>3</v>
      </c>
      <c r="AL41249">
        <v>3</v>
      </c>
      <c r="AM41249">
        <v>3</v>
      </c>
      <c r="AN41249">
        <v>3</v>
      </c>
      <c r="AO41249">
        <v>3</v>
      </c>
      <c r="AP41249">
        <v>3</v>
      </c>
      <c r="AQ41249">
        <v>3</v>
      </c>
    </row>
    <row r="41250" spans="1:43">
      <c r="A41250" t="s">
        <v>25427</v>
      </c>
      <c r="B41250" t="s">
        <v>25428</v>
      </c>
      <c r="C41250" t="s">
        <v>12108</v>
      </c>
      <c r="D41250" t="s">
        <v>12109</v>
      </c>
      <c r="E41250" t="s">
        <v>12006</v>
      </c>
      <c r="F41250" t="s">
        <v>12007</v>
      </c>
      <c r="G41250" t="s">
        <v>10450</v>
      </c>
      <c r="H41250" t="s">
        <v>10451</v>
      </c>
      <c r="I41250" s="2">
        <v>1</v>
      </c>
      <c r="J41250" s="2">
        <v>0</v>
      </c>
      <c r="K41250" s="2">
        <v>0</v>
      </c>
      <c r="L41250" t="s">
        <v>120</v>
      </c>
      <c r="M41250" t="s">
        <v>83</v>
      </c>
      <c r="N41250" t="s">
        <v>84</v>
      </c>
      <c r="O41250" t="s">
        <v>85</v>
      </c>
      <c r="P41250" t="s">
        <v>86</v>
      </c>
      <c r="Q41250">
        <v>6</v>
      </c>
      <c r="R41250">
        <v>6</v>
      </c>
      <c r="S41250">
        <v>6</v>
      </c>
      <c r="T41250">
        <v>6</v>
      </c>
      <c r="U41250">
        <v>6</v>
      </c>
      <c r="V41250">
        <v>6</v>
      </c>
      <c r="W41250">
        <v>6</v>
      </c>
      <c r="X41250">
        <v>6</v>
      </c>
      <c r="Y41250">
        <v>6</v>
      </c>
      <c r="Z41250">
        <v>6</v>
      </c>
      <c r="AA41250">
        <v>7</v>
      </c>
      <c r="AB41250">
        <v>7</v>
      </c>
      <c r="AC41250">
        <v>7</v>
      </c>
      <c r="AD41250">
        <v>7</v>
      </c>
      <c r="AE41250">
        <v>7</v>
      </c>
      <c r="AF41250">
        <v>7</v>
      </c>
      <c r="AG41250">
        <v>7</v>
      </c>
      <c r="AH41250">
        <v>7</v>
      </c>
      <c r="AI41250">
        <v>7</v>
      </c>
      <c r="AJ41250">
        <v>7</v>
      </c>
      <c r="AK41250">
        <v>7</v>
      </c>
      <c r="AL41250">
        <v>7</v>
      </c>
      <c r="AM41250">
        <v>7</v>
      </c>
      <c r="AN41250">
        <v>7</v>
      </c>
      <c r="AO41250">
        <v>7</v>
      </c>
      <c r="AP41250">
        <v>7</v>
      </c>
      <c r="AQ41250">
        <v>7</v>
      </c>
    </row>
    <row r="41251" spans="1:43">
      <c r="A41251" t="s">
        <v>25427</v>
      </c>
      <c r="B41251" t="s">
        <v>25428</v>
      </c>
      <c r="C41251" t="s">
        <v>12108</v>
      </c>
      <c r="D41251" t="s">
        <v>12109</v>
      </c>
      <c r="E41251" t="s">
        <v>12006</v>
      </c>
      <c r="F41251" t="s">
        <v>12007</v>
      </c>
      <c r="G41251" t="s">
        <v>10450</v>
      </c>
      <c r="H41251" t="s">
        <v>10451</v>
      </c>
      <c r="I41251" s="2">
        <v>1</v>
      </c>
      <c r="J41251" s="2">
        <v>0</v>
      </c>
      <c r="K41251" s="2">
        <v>0</v>
      </c>
      <c r="L41251" t="s">
        <v>120</v>
      </c>
      <c r="M41251" t="s">
        <v>87</v>
      </c>
      <c r="N41251" t="s">
        <v>88</v>
      </c>
      <c r="O41251" t="s">
        <v>85</v>
      </c>
      <c r="P41251" t="s">
        <v>86</v>
      </c>
      <c r="Q41251">
        <v>6</v>
      </c>
      <c r="R41251">
        <v>6</v>
      </c>
      <c r="S41251">
        <v>6</v>
      </c>
      <c r="T41251">
        <v>6</v>
      </c>
      <c r="U41251">
        <v>6</v>
      </c>
      <c r="V41251">
        <v>6</v>
      </c>
      <c r="W41251">
        <v>6</v>
      </c>
      <c r="X41251">
        <v>6</v>
      </c>
      <c r="Y41251">
        <v>6</v>
      </c>
      <c r="Z41251">
        <v>6</v>
      </c>
      <c r="AA41251">
        <v>6</v>
      </c>
      <c r="AB41251">
        <v>6</v>
      </c>
      <c r="AC41251">
        <v>6</v>
      </c>
      <c r="AD41251">
        <v>6</v>
      </c>
      <c r="AE41251">
        <v>6</v>
      </c>
      <c r="AF41251">
        <v>6</v>
      </c>
      <c r="AG41251">
        <v>6</v>
      </c>
      <c r="AH41251">
        <v>6</v>
      </c>
      <c r="AI41251">
        <v>6</v>
      </c>
      <c r="AJ41251">
        <v>6</v>
      </c>
      <c r="AK41251">
        <v>6</v>
      </c>
      <c r="AL41251">
        <v>6</v>
      </c>
      <c r="AM41251">
        <v>6</v>
      </c>
      <c r="AN41251">
        <v>6</v>
      </c>
      <c r="AO41251">
        <v>6</v>
      </c>
      <c r="AP41251">
        <v>6</v>
      </c>
      <c r="AQ41251">
        <v>6</v>
      </c>
    </row>
    <row r="41252" spans="1:43">
      <c r="A41252" t="s">
        <v>25427</v>
      </c>
      <c r="B41252" t="s">
        <v>25428</v>
      </c>
      <c r="C41252" t="s">
        <v>12108</v>
      </c>
      <c r="D41252" t="s">
        <v>12109</v>
      </c>
      <c r="E41252" t="s">
        <v>12006</v>
      </c>
      <c r="F41252" t="s">
        <v>12007</v>
      </c>
      <c r="G41252" t="s">
        <v>10450</v>
      </c>
      <c r="H41252" t="s">
        <v>10451</v>
      </c>
      <c r="I41252" s="2">
        <v>1</v>
      </c>
      <c r="J41252" s="2">
        <v>0</v>
      </c>
      <c r="K41252" s="2">
        <v>0</v>
      </c>
      <c r="L41252" t="s">
        <v>120</v>
      </c>
      <c r="M41252" t="s">
        <v>89</v>
      </c>
      <c r="N41252" t="s">
        <v>90</v>
      </c>
      <c r="O41252" t="s">
        <v>85</v>
      </c>
      <c r="P41252" t="s">
        <v>86</v>
      </c>
      <c r="Q41252">
        <v>6</v>
      </c>
      <c r="R41252">
        <v>6</v>
      </c>
      <c r="S41252">
        <v>6</v>
      </c>
      <c r="T41252">
        <v>6</v>
      </c>
      <c r="U41252">
        <v>6</v>
      </c>
      <c r="V41252">
        <v>6</v>
      </c>
      <c r="W41252">
        <v>7</v>
      </c>
      <c r="X41252">
        <v>7</v>
      </c>
      <c r="Y41252">
        <v>7</v>
      </c>
      <c r="Z41252">
        <v>7</v>
      </c>
      <c r="AA41252">
        <v>7</v>
      </c>
      <c r="AB41252">
        <v>7</v>
      </c>
      <c r="AC41252">
        <v>7</v>
      </c>
      <c r="AD41252">
        <v>7</v>
      </c>
      <c r="AE41252">
        <v>7</v>
      </c>
      <c r="AF41252">
        <v>7</v>
      </c>
      <c r="AG41252">
        <v>7</v>
      </c>
      <c r="AH41252">
        <v>7</v>
      </c>
      <c r="AI41252">
        <v>7</v>
      </c>
      <c r="AJ41252">
        <v>7</v>
      </c>
      <c r="AK41252">
        <v>7</v>
      </c>
      <c r="AL41252">
        <v>7</v>
      </c>
      <c r="AM41252">
        <v>7</v>
      </c>
      <c r="AN41252">
        <v>7</v>
      </c>
      <c r="AO41252">
        <v>7</v>
      </c>
      <c r="AP41252">
        <v>7</v>
      </c>
      <c r="AQ41252">
        <v>7</v>
      </c>
    </row>
    <row r="41253" spans="1:43">
      <c r="A41253" t="s">
        <v>25427</v>
      </c>
      <c r="B41253" t="s">
        <v>25428</v>
      </c>
      <c r="C41253" t="s">
        <v>12108</v>
      </c>
      <c r="D41253" t="s">
        <v>12109</v>
      </c>
      <c r="E41253" t="s">
        <v>12006</v>
      </c>
      <c r="F41253" t="s">
        <v>12007</v>
      </c>
      <c r="G41253" t="s">
        <v>10450</v>
      </c>
      <c r="H41253" t="s">
        <v>10451</v>
      </c>
      <c r="I41253" s="2">
        <v>1</v>
      </c>
      <c r="J41253" s="2">
        <v>0</v>
      </c>
      <c r="K41253" s="2">
        <v>0</v>
      </c>
      <c r="L41253" t="s">
        <v>120</v>
      </c>
      <c r="M41253" t="s">
        <v>83</v>
      </c>
      <c r="N41253" t="s">
        <v>91</v>
      </c>
      <c r="O41253" t="s">
        <v>85</v>
      </c>
      <c r="P41253" t="s">
        <v>86</v>
      </c>
      <c r="Q41253">
        <v>6</v>
      </c>
      <c r="R41253">
        <v>6</v>
      </c>
      <c r="S41253">
        <v>6</v>
      </c>
      <c r="T41253">
        <v>6</v>
      </c>
      <c r="U41253">
        <v>6</v>
      </c>
      <c r="V41253">
        <v>6</v>
      </c>
      <c r="W41253">
        <v>6</v>
      </c>
      <c r="X41253">
        <v>6</v>
      </c>
      <c r="Y41253">
        <v>6</v>
      </c>
      <c r="Z41253">
        <v>6</v>
      </c>
      <c r="AA41253">
        <v>7</v>
      </c>
      <c r="AB41253">
        <v>7</v>
      </c>
      <c r="AC41253">
        <v>7</v>
      </c>
      <c r="AD41253">
        <v>7</v>
      </c>
      <c r="AE41253">
        <v>7</v>
      </c>
      <c r="AF41253">
        <v>7</v>
      </c>
      <c r="AG41253">
        <v>7</v>
      </c>
      <c r="AH41253">
        <v>7</v>
      </c>
      <c r="AI41253">
        <v>7</v>
      </c>
      <c r="AJ41253">
        <v>7</v>
      </c>
      <c r="AK41253">
        <v>7</v>
      </c>
      <c r="AL41253">
        <v>7</v>
      </c>
      <c r="AM41253">
        <v>7</v>
      </c>
      <c r="AN41253">
        <v>7</v>
      </c>
      <c r="AO41253">
        <v>7</v>
      </c>
      <c r="AP41253">
        <v>7</v>
      </c>
      <c r="AQ41253">
        <v>7</v>
      </c>
    </row>
    <row r="41254" spans="1:43">
      <c r="A41254" t="s">
        <v>25429</v>
      </c>
      <c r="B41254" t="s">
        <v>25430</v>
      </c>
      <c r="C41254" t="s">
        <v>12064</v>
      </c>
      <c r="D41254" t="s">
        <v>12065</v>
      </c>
      <c r="E41254" t="s">
        <v>12006</v>
      </c>
      <c r="F41254" t="s">
        <v>12007</v>
      </c>
      <c r="G41254" t="s">
        <v>10450</v>
      </c>
      <c r="H41254" t="s">
        <v>10451</v>
      </c>
      <c r="I41254" s="2">
        <v>1</v>
      </c>
      <c r="J41254" s="2">
        <v>0</v>
      </c>
      <c r="K41254" s="2">
        <v>0</v>
      </c>
      <c r="L41254" t="s">
        <v>120</v>
      </c>
      <c r="M41254" t="s">
        <v>83</v>
      </c>
      <c r="N41254" t="s">
        <v>84</v>
      </c>
      <c r="O41254" t="s">
        <v>85</v>
      </c>
      <c r="P41254" t="s">
        <v>86</v>
      </c>
      <c r="Q41254">
        <v>12</v>
      </c>
      <c r="R41254">
        <v>12</v>
      </c>
      <c r="S41254">
        <v>12</v>
      </c>
      <c r="T41254">
        <v>12</v>
      </c>
      <c r="U41254">
        <v>12</v>
      </c>
      <c r="V41254">
        <v>12</v>
      </c>
      <c r="W41254">
        <v>13</v>
      </c>
      <c r="X41254">
        <v>13</v>
      </c>
      <c r="Y41254">
        <v>13</v>
      </c>
      <c r="Z41254">
        <v>13</v>
      </c>
      <c r="AA41254">
        <v>13</v>
      </c>
      <c r="AB41254">
        <v>13</v>
      </c>
      <c r="AC41254">
        <v>14</v>
      </c>
      <c r="AD41254">
        <v>14</v>
      </c>
      <c r="AE41254">
        <v>14</v>
      </c>
      <c r="AF41254">
        <v>14</v>
      </c>
      <c r="AG41254">
        <v>14</v>
      </c>
      <c r="AH41254">
        <v>14</v>
      </c>
      <c r="AI41254">
        <v>14</v>
      </c>
      <c r="AJ41254">
        <v>15</v>
      </c>
      <c r="AK41254">
        <v>15</v>
      </c>
      <c r="AL41254">
        <v>15</v>
      </c>
      <c r="AM41254">
        <v>15</v>
      </c>
      <c r="AN41254">
        <v>15</v>
      </c>
      <c r="AO41254">
        <v>15</v>
      </c>
      <c r="AP41254">
        <v>15</v>
      </c>
      <c r="AQ41254">
        <v>15</v>
      </c>
    </row>
    <row r="41255" spans="1:43">
      <c r="A41255" t="s">
        <v>25429</v>
      </c>
      <c r="B41255" t="s">
        <v>25430</v>
      </c>
      <c r="C41255" t="s">
        <v>12064</v>
      </c>
      <c r="D41255" t="s">
        <v>12065</v>
      </c>
      <c r="E41255" t="s">
        <v>12006</v>
      </c>
      <c r="F41255" t="s">
        <v>12007</v>
      </c>
      <c r="G41255" t="s">
        <v>10450</v>
      </c>
      <c r="H41255" t="s">
        <v>10451</v>
      </c>
      <c r="I41255" s="2">
        <v>1</v>
      </c>
      <c r="J41255" s="2">
        <v>0</v>
      </c>
      <c r="K41255" s="2">
        <v>0</v>
      </c>
      <c r="L41255" t="s">
        <v>120</v>
      </c>
      <c r="M41255" t="s">
        <v>87</v>
      </c>
      <c r="N41255" t="s">
        <v>88</v>
      </c>
      <c r="O41255" t="s">
        <v>85</v>
      </c>
      <c r="P41255" t="s">
        <v>86</v>
      </c>
      <c r="Q41255">
        <v>12</v>
      </c>
      <c r="R41255">
        <v>12</v>
      </c>
      <c r="S41255">
        <v>12</v>
      </c>
      <c r="T41255">
        <v>12</v>
      </c>
      <c r="U41255">
        <v>12</v>
      </c>
      <c r="V41255">
        <v>12</v>
      </c>
      <c r="W41255">
        <v>12</v>
      </c>
      <c r="X41255">
        <v>12</v>
      </c>
      <c r="Y41255">
        <v>12</v>
      </c>
      <c r="Z41255">
        <v>12</v>
      </c>
      <c r="AA41255">
        <v>12</v>
      </c>
      <c r="AB41255">
        <v>12</v>
      </c>
      <c r="AC41255">
        <v>12</v>
      </c>
      <c r="AD41255">
        <v>12</v>
      </c>
      <c r="AE41255">
        <v>12</v>
      </c>
      <c r="AF41255">
        <v>12</v>
      </c>
      <c r="AG41255">
        <v>12</v>
      </c>
      <c r="AH41255">
        <v>12</v>
      </c>
      <c r="AI41255">
        <v>12</v>
      </c>
      <c r="AJ41255">
        <v>13</v>
      </c>
      <c r="AK41255">
        <v>13</v>
      </c>
      <c r="AL41255">
        <v>13</v>
      </c>
      <c r="AM41255">
        <v>13</v>
      </c>
      <c r="AN41255">
        <v>13</v>
      </c>
      <c r="AO41255">
        <v>13</v>
      </c>
      <c r="AP41255">
        <v>13</v>
      </c>
      <c r="AQ41255">
        <v>13</v>
      </c>
    </row>
    <row r="41256" spans="1:43">
      <c r="A41256" t="s">
        <v>25429</v>
      </c>
      <c r="B41256" t="s">
        <v>25430</v>
      </c>
      <c r="C41256" t="s">
        <v>12064</v>
      </c>
      <c r="D41256" t="s">
        <v>12065</v>
      </c>
      <c r="E41256" t="s">
        <v>12006</v>
      </c>
      <c r="F41256" t="s">
        <v>12007</v>
      </c>
      <c r="G41256" t="s">
        <v>10450</v>
      </c>
      <c r="H41256" t="s">
        <v>10451</v>
      </c>
      <c r="I41256" s="2">
        <v>1</v>
      </c>
      <c r="J41256" s="2">
        <v>0</v>
      </c>
      <c r="K41256" s="2">
        <v>0</v>
      </c>
      <c r="L41256" t="s">
        <v>120</v>
      </c>
      <c r="M41256" t="s">
        <v>89</v>
      </c>
      <c r="N41256" t="s">
        <v>90</v>
      </c>
      <c r="O41256" t="s">
        <v>85</v>
      </c>
      <c r="P41256" t="s">
        <v>86</v>
      </c>
      <c r="Q41256">
        <v>12</v>
      </c>
      <c r="R41256">
        <v>12</v>
      </c>
      <c r="S41256">
        <v>12</v>
      </c>
      <c r="T41256">
        <v>13</v>
      </c>
      <c r="U41256">
        <v>13</v>
      </c>
      <c r="V41256">
        <v>13</v>
      </c>
      <c r="W41256">
        <v>13</v>
      </c>
      <c r="X41256">
        <v>13</v>
      </c>
      <c r="Y41256">
        <v>14</v>
      </c>
      <c r="Z41256">
        <v>14</v>
      </c>
      <c r="AA41256">
        <v>14</v>
      </c>
      <c r="AB41256">
        <v>14</v>
      </c>
      <c r="AC41256">
        <v>15</v>
      </c>
      <c r="AD41256">
        <v>15</v>
      </c>
      <c r="AE41256">
        <v>15</v>
      </c>
      <c r="AF41256">
        <v>15</v>
      </c>
      <c r="AG41256">
        <v>15</v>
      </c>
      <c r="AH41256">
        <v>15</v>
      </c>
      <c r="AI41256">
        <v>15</v>
      </c>
      <c r="AJ41256">
        <v>15</v>
      </c>
      <c r="AK41256">
        <v>15</v>
      </c>
      <c r="AL41256">
        <v>15</v>
      </c>
      <c r="AM41256">
        <v>15</v>
      </c>
      <c r="AN41256">
        <v>15</v>
      </c>
      <c r="AO41256">
        <v>15</v>
      </c>
      <c r="AP41256">
        <v>15</v>
      </c>
      <c r="AQ41256">
        <v>15</v>
      </c>
    </row>
    <row r="41257" spans="1:43">
      <c r="A41257" t="s">
        <v>25429</v>
      </c>
      <c r="B41257" t="s">
        <v>25430</v>
      </c>
      <c r="C41257" t="s">
        <v>12064</v>
      </c>
      <c r="D41257" t="s">
        <v>12065</v>
      </c>
      <c r="E41257" t="s">
        <v>12006</v>
      </c>
      <c r="F41257" t="s">
        <v>12007</v>
      </c>
      <c r="G41257" t="s">
        <v>10450</v>
      </c>
      <c r="H41257" t="s">
        <v>10451</v>
      </c>
      <c r="I41257" s="2">
        <v>1</v>
      </c>
      <c r="J41257" s="2">
        <v>0</v>
      </c>
      <c r="K41257" s="2">
        <v>0</v>
      </c>
      <c r="L41257" t="s">
        <v>120</v>
      </c>
      <c r="M41257" t="s">
        <v>83</v>
      </c>
      <c r="N41257" t="s">
        <v>91</v>
      </c>
      <c r="O41257" t="s">
        <v>85</v>
      </c>
      <c r="P41257" t="s">
        <v>86</v>
      </c>
      <c r="Q41257">
        <v>12</v>
      </c>
      <c r="R41257">
        <v>12</v>
      </c>
      <c r="S41257">
        <v>12</v>
      </c>
      <c r="T41257">
        <v>12</v>
      </c>
      <c r="U41257">
        <v>12</v>
      </c>
      <c r="V41257">
        <v>12</v>
      </c>
      <c r="W41257">
        <v>13</v>
      </c>
      <c r="X41257">
        <v>13</v>
      </c>
      <c r="Y41257">
        <v>13</v>
      </c>
      <c r="Z41257">
        <v>13</v>
      </c>
      <c r="AA41257">
        <v>13</v>
      </c>
      <c r="AB41257">
        <v>13</v>
      </c>
      <c r="AC41257">
        <v>14</v>
      </c>
      <c r="AD41257">
        <v>14</v>
      </c>
      <c r="AE41257">
        <v>14</v>
      </c>
      <c r="AF41257">
        <v>14</v>
      </c>
      <c r="AG41257">
        <v>14</v>
      </c>
      <c r="AH41257">
        <v>14</v>
      </c>
      <c r="AI41257">
        <v>14</v>
      </c>
      <c r="AJ41257">
        <v>15</v>
      </c>
      <c r="AK41257">
        <v>15</v>
      </c>
      <c r="AL41257">
        <v>15</v>
      </c>
      <c r="AM41257">
        <v>15</v>
      </c>
      <c r="AN41257">
        <v>15</v>
      </c>
      <c r="AO41257">
        <v>15</v>
      </c>
      <c r="AP41257">
        <v>15</v>
      </c>
      <c r="AQ41257">
        <v>15</v>
      </c>
    </row>
    <row r="41258" spans="1:43">
      <c r="A41258" t="s">
        <v>25431</v>
      </c>
      <c r="B41258" t="s">
        <v>25432</v>
      </c>
      <c r="C41258" t="s">
        <v>12064</v>
      </c>
      <c r="D41258" t="s">
        <v>12065</v>
      </c>
      <c r="E41258" t="s">
        <v>12006</v>
      </c>
      <c r="F41258" t="s">
        <v>12007</v>
      </c>
      <c r="G41258" t="s">
        <v>10450</v>
      </c>
      <c r="H41258" t="s">
        <v>10451</v>
      </c>
      <c r="I41258" s="2">
        <v>1</v>
      </c>
      <c r="J41258" s="2">
        <v>0</v>
      </c>
      <c r="K41258" s="2">
        <v>0</v>
      </c>
      <c r="L41258" t="s">
        <v>120</v>
      </c>
      <c r="M41258" t="s">
        <v>83</v>
      </c>
      <c r="N41258" t="s">
        <v>84</v>
      </c>
      <c r="O41258" t="s">
        <v>85</v>
      </c>
      <c r="P41258" t="s">
        <v>86</v>
      </c>
      <c r="Q41258">
        <v>15</v>
      </c>
      <c r="R41258">
        <v>15</v>
      </c>
      <c r="S41258">
        <v>16</v>
      </c>
      <c r="T41258">
        <v>16</v>
      </c>
      <c r="U41258">
        <v>16</v>
      </c>
      <c r="V41258">
        <v>16</v>
      </c>
      <c r="W41258">
        <v>16</v>
      </c>
      <c r="X41258">
        <v>17</v>
      </c>
      <c r="Y41258">
        <v>17</v>
      </c>
      <c r="Z41258">
        <v>17</v>
      </c>
      <c r="AA41258">
        <v>17</v>
      </c>
      <c r="AB41258">
        <v>17</v>
      </c>
      <c r="AC41258">
        <v>18</v>
      </c>
      <c r="AD41258">
        <v>18</v>
      </c>
      <c r="AE41258">
        <v>18</v>
      </c>
      <c r="AF41258">
        <v>18</v>
      </c>
      <c r="AG41258">
        <v>18</v>
      </c>
      <c r="AH41258">
        <v>19</v>
      </c>
      <c r="AI41258">
        <v>19</v>
      </c>
      <c r="AJ41258">
        <v>19</v>
      </c>
      <c r="AK41258">
        <v>19</v>
      </c>
      <c r="AL41258">
        <v>19</v>
      </c>
      <c r="AM41258">
        <v>19</v>
      </c>
      <c r="AN41258">
        <v>19</v>
      </c>
      <c r="AO41258">
        <v>19</v>
      </c>
      <c r="AP41258">
        <v>19</v>
      </c>
      <c r="AQ41258">
        <v>19</v>
      </c>
    </row>
    <row r="41259" spans="1:43">
      <c r="A41259" t="s">
        <v>25431</v>
      </c>
      <c r="B41259" t="s">
        <v>25432</v>
      </c>
      <c r="C41259" t="s">
        <v>12064</v>
      </c>
      <c r="D41259" t="s">
        <v>12065</v>
      </c>
      <c r="E41259" t="s">
        <v>12006</v>
      </c>
      <c r="F41259" t="s">
        <v>12007</v>
      </c>
      <c r="G41259" t="s">
        <v>10450</v>
      </c>
      <c r="H41259" t="s">
        <v>10451</v>
      </c>
      <c r="I41259" s="2">
        <v>1</v>
      </c>
      <c r="J41259" s="2">
        <v>0</v>
      </c>
      <c r="K41259" s="2">
        <v>0</v>
      </c>
      <c r="L41259" t="s">
        <v>120</v>
      </c>
      <c r="M41259" t="s">
        <v>87</v>
      </c>
      <c r="N41259" t="s">
        <v>88</v>
      </c>
      <c r="O41259" t="s">
        <v>85</v>
      </c>
      <c r="P41259" t="s">
        <v>86</v>
      </c>
      <c r="Q41259">
        <v>15</v>
      </c>
      <c r="R41259">
        <v>15</v>
      </c>
      <c r="S41259">
        <v>15</v>
      </c>
      <c r="T41259">
        <v>15</v>
      </c>
      <c r="U41259">
        <v>15</v>
      </c>
      <c r="V41259">
        <v>15</v>
      </c>
      <c r="W41259">
        <v>15</v>
      </c>
      <c r="X41259">
        <v>15</v>
      </c>
      <c r="Y41259">
        <v>16</v>
      </c>
      <c r="Z41259">
        <v>16</v>
      </c>
      <c r="AA41259">
        <v>16</v>
      </c>
      <c r="AB41259">
        <v>16</v>
      </c>
      <c r="AC41259">
        <v>16</v>
      </c>
      <c r="AD41259">
        <v>16</v>
      </c>
      <c r="AE41259">
        <v>16</v>
      </c>
      <c r="AF41259">
        <v>16</v>
      </c>
      <c r="AG41259">
        <v>16</v>
      </c>
      <c r="AH41259">
        <v>16</v>
      </c>
      <c r="AI41259">
        <v>16</v>
      </c>
      <c r="AJ41259">
        <v>16</v>
      </c>
      <c r="AK41259">
        <v>16</v>
      </c>
      <c r="AL41259">
        <v>16</v>
      </c>
      <c r="AM41259">
        <v>16</v>
      </c>
      <c r="AN41259">
        <v>17</v>
      </c>
      <c r="AO41259">
        <v>17</v>
      </c>
      <c r="AP41259">
        <v>17</v>
      </c>
      <c r="AQ41259">
        <v>17</v>
      </c>
    </row>
    <row r="41260" spans="1:43">
      <c r="A41260" t="s">
        <v>25431</v>
      </c>
      <c r="B41260" t="s">
        <v>25432</v>
      </c>
      <c r="C41260" t="s">
        <v>12064</v>
      </c>
      <c r="D41260" t="s">
        <v>12065</v>
      </c>
      <c r="E41260" t="s">
        <v>12006</v>
      </c>
      <c r="F41260" t="s">
        <v>12007</v>
      </c>
      <c r="G41260" t="s">
        <v>10450</v>
      </c>
      <c r="H41260" t="s">
        <v>10451</v>
      </c>
      <c r="I41260" s="2">
        <v>1</v>
      </c>
      <c r="J41260" s="2">
        <v>0</v>
      </c>
      <c r="K41260" s="2">
        <v>0</v>
      </c>
      <c r="L41260" t="s">
        <v>120</v>
      </c>
      <c r="M41260" t="s">
        <v>89</v>
      </c>
      <c r="N41260" t="s">
        <v>90</v>
      </c>
      <c r="O41260" t="s">
        <v>85</v>
      </c>
      <c r="P41260" t="s">
        <v>86</v>
      </c>
      <c r="Q41260">
        <v>15</v>
      </c>
      <c r="R41260">
        <v>16</v>
      </c>
      <c r="S41260">
        <v>16</v>
      </c>
      <c r="T41260">
        <v>16</v>
      </c>
      <c r="U41260">
        <v>17</v>
      </c>
      <c r="V41260">
        <v>17</v>
      </c>
      <c r="W41260">
        <v>17</v>
      </c>
      <c r="X41260">
        <v>18</v>
      </c>
      <c r="Y41260">
        <v>18</v>
      </c>
      <c r="Z41260">
        <v>18</v>
      </c>
      <c r="AA41260">
        <v>18</v>
      </c>
      <c r="AB41260">
        <v>19</v>
      </c>
      <c r="AC41260">
        <v>19</v>
      </c>
      <c r="AD41260">
        <v>19</v>
      </c>
      <c r="AE41260">
        <v>19</v>
      </c>
      <c r="AF41260">
        <v>19</v>
      </c>
      <c r="AG41260">
        <v>19</v>
      </c>
      <c r="AH41260">
        <v>19</v>
      </c>
      <c r="AI41260">
        <v>19</v>
      </c>
      <c r="AJ41260">
        <v>19</v>
      </c>
      <c r="AK41260">
        <v>19</v>
      </c>
      <c r="AL41260">
        <v>19</v>
      </c>
      <c r="AM41260">
        <v>19</v>
      </c>
      <c r="AN41260">
        <v>19</v>
      </c>
      <c r="AO41260">
        <v>19</v>
      </c>
      <c r="AP41260">
        <v>19</v>
      </c>
      <c r="AQ41260">
        <v>19</v>
      </c>
    </row>
    <row r="41261" spans="1:43">
      <c r="A41261" t="s">
        <v>25431</v>
      </c>
      <c r="B41261" t="s">
        <v>25432</v>
      </c>
      <c r="C41261" t="s">
        <v>12064</v>
      </c>
      <c r="D41261" t="s">
        <v>12065</v>
      </c>
      <c r="E41261" t="s">
        <v>12006</v>
      </c>
      <c r="F41261" t="s">
        <v>12007</v>
      </c>
      <c r="G41261" t="s">
        <v>10450</v>
      </c>
      <c r="H41261" t="s">
        <v>10451</v>
      </c>
      <c r="I41261" s="2">
        <v>1</v>
      </c>
      <c r="J41261" s="2">
        <v>0</v>
      </c>
      <c r="K41261" s="2">
        <v>0</v>
      </c>
      <c r="L41261" t="s">
        <v>120</v>
      </c>
      <c r="M41261" t="s">
        <v>83</v>
      </c>
      <c r="N41261" t="s">
        <v>91</v>
      </c>
      <c r="O41261" t="s">
        <v>85</v>
      </c>
      <c r="P41261" t="s">
        <v>86</v>
      </c>
      <c r="Q41261">
        <v>15</v>
      </c>
      <c r="R41261">
        <v>15</v>
      </c>
      <c r="S41261">
        <v>16</v>
      </c>
      <c r="T41261">
        <v>16</v>
      </c>
      <c r="U41261">
        <v>16</v>
      </c>
      <c r="V41261">
        <v>16</v>
      </c>
      <c r="W41261">
        <v>16</v>
      </c>
      <c r="X41261">
        <v>17</v>
      </c>
      <c r="Y41261">
        <v>17</v>
      </c>
      <c r="Z41261">
        <v>17</v>
      </c>
      <c r="AA41261">
        <v>17</v>
      </c>
      <c r="AB41261">
        <v>17</v>
      </c>
      <c r="AC41261">
        <v>18</v>
      </c>
      <c r="AD41261">
        <v>18</v>
      </c>
      <c r="AE41261">
        <v>18</v>
      </c>
      <c r="AF41261">
        <v>18</v>
      </c>
      <c r="AG41261">
        <v>18</v>
      </c>
      <c r="AH41261">
        <v>19</v>
      </c>
      <c r="AI41261">
        <v>19</v>
      </c>
      <c r="AJ41261">
        <v>19</v>
      </c>
      <c r="AK41261">
        <v>19</v>
      </c>
      <c r="AL41261">
        <v>19</v>
      </c>
      <c r="AM41261">
        <v>19</v>
      </c>
      <c r="AN41261">
        <v>19</v>
      </c>
      <c r="AO41261">
        <v>19</v>
      </c>
      <c r="AP41261">
        <v>19</v>
      </c>
      <c r="AQ41261">
        <v>19</v>
      </c>
    </row>
    <row r="41262" spans="1:43">
      <c r="A41262" t="s">
        <v>25433</v>
      </c>
      <c r="B41262" t="s">
        <v>25434</v>
      </c>
      <c r="C41262" t="s">
        <v>12464</v>
      </c>
      <c r="D41262" t="s">
        <v>12465</v>
      </c>
      <c r="E41262" t="s">
        <v>12006</v>
      </c>
      <c r="F41262" t="s">
        <v>12007</v>
      </c>
      <c r="G41262" t="s">
        <v>10450</v>
      </c>
      <c r="H41262" t="s">
        <v>10451</v>
      </c>
      <c r="I41262" s="2">
        <v>1</v>
      </c>
      <c r="J41262" s="2">
        <v>0</v>
      </c>
      <c r="K41262" s="2">
        <v>0</v>
      </c>
      <c r="L41262" t="s">
        <v>120</v>
      </c>
      <c r="M41262" t="s">
        <v>83</v>
      </c>
      <c r="N41262" t="s">
        <v>84</v>
      </c>
      <c r="O41262" t="s">
        <v>85</v>
      </c>
      <c r="P41262" t="s">
        <v>86</v>
      </c>
      <c r="Q41262">
        <v>11</v>
      </c>
      <c r="R41262">
        <v>11</v>
      </c>
      <c r="S41262">
        <v>11</v>
      </c>
      <c r="T41262">
        <v>12</v>
      </c>
      <c r="U41262">
        <v>12</v>
      </c>
      <c r="V41262">
        <v>12</v>
      </c>
      <c r="W41262">
        <v>12</v>
      </c>
      <c r="X41262">
        <v>12</v>
      </c>
      <c r="Y41262">
        <v>12</v>
      </c>
      <c r="Z41262">
        <v>12</v>
      </c>
      <c r="AA41262">
        <v>13</v>
      </c>
      <c r="AB41262">
        <v>13</v>
      </c>
      <c r="AC41262">
        <v>13</v>
      </c>
      <c r="AD41262">
        <v>13</v>
      </c>
      <c r="AE41262">
        <v>13</v>
      </c>
      <c r="AF41262">
        <v>13</v>
      </c>
      <c r="AG41262">
        <v>14</v>
      </c>
      <c r="AH41262">
        <v>14</v>
      </c>
      <c r="AI41262">
        <v>14</v>
      </c>
      <c r="AJ41262">
        <v>14</v>
      </c>
      <c r="AK41262">
        <v>14</v>
      </c>
      <c r="AL41262">
        <v>14</v>
      </c>
      <c r="AM41262">
        <v>14</v>
      </c>
      <c r="AN41262">
        <v>14</v>
      </c>
      <c r="AO41262">
        <v>14</v>
      </c>
      <c r="AP41262">
        <v>14</v>
      </c>
      <c r="AQ41262">
        <v>14</v>
      </c>
    </row>
    <row r="41263" spans="1:43">
      <c r="A41263" t="s">
        <v>25433</v>
      </c>
      <c r="B41263" t="s">
        <v>25434</v>
      </c>
      <c r="C41263" t="s">
        <v>12464</v>
      </c>
      <c r="D41263" t="s">
        <v>12465</v>
      </c>
      <c r="E41263" t="s">
        <v>12006</v>
      </c>
      <c r="F41263" t="s">
        <v>12007</v>
      </c>
      <c r="G41263" t="s">
        <v>10450</v>
      </c>
      <c r="H41263" t="s">
        <v>10451</v>
      </c>
      <c r="I41263" s="2">
        <v>1</v>
      </c>
      <c r="J41263" s="2">
        <v>0</v>
      </c>
      <c r="K41263" s="2">
        <v>0</v>
      </c>
      <c r="L41263" t="s">
        <v>120</v>
      </c>
      <c r="M41263" t="s">
        <v>87</v>
      </c>
      <c r="N41263" t="s">
        <v>88</v>
      </c>
      <c r="O41263" t="s">
        <v>85</v>
      </c>
      <c r="P41263" t="s">
        <v>86</v>
      </c>
      <c r="Q41263">
        <v>11</v>
      </c>
      <c r="R41263">
        <v>11</v>
      </c>
      <c r="S41263">
        <v>11</v>
      </c>
      <c r="T41263">
        <v>11</v>
      </c>
      <c r="U41263">
        <v>11</v>
      </c>
      <c r="V41263">
        <v>11</v>
      </c>
      <c r="W41263">
        <v>11</v>
      </c>
      <c r="X41263">
        <v>11</v>
      </c>
      <c r="Y41263">
        <v>11</v>
      </c>
      <c r="Z41263">
        <v>11</v>
      </c>
      <c r="AA41263">
        <v>12</v>
      </c>
      <c r="AB41263">
        <v>12</v>
      </c>
      <c r="AC41263">
        <v>12</v>
      </c>
      <c r="AD41263">
        <v>12</v>
      </c>
      <c r="AE41263">
        <v>12</v>
      </c>
      <c r="AF41263">
        <v>12</v>
      </c>
      <c r="AG41263">
        <v>12</v>
      </c>
      <c r="AH41263">
        <v>12</v>
      </c>
      <c r="AI41263">
        <v>12</v>
      </c>
      <c r="AJ41263">
        <v>12</v>
      </c>
      <c r="AK41263">
        <v>12</v>
      </c>
      <c r="AL41263">
        <v>12</v>
      </c>
      <c r="AM41263">
        <v>12</v>
      </c>
      <c r="AN41263">
        <v>12</v>
      </c>
      <c r="AO41263">
        <v>12</v>
      </c>
      <c r="AP41263">
        <v>12</v>
      </c>
      <c r="AQ41263">
        <v>12</v>
      </c>
    </row>
    <row r="41264" spans="1:43">
      <c r="A41264" t="s">
        <v>25433</v>
      </c>
      <c r="B41264" t="s">
        <v>25434</v>
      </c>
      <c r="C41264" t="s">
        <v>12464</v>
      </c>
      <c r="D41264" t="s">
        <v>12465</v>
      </c>
      <c r="E41264" t="s">
        <v>12006</v>
      </c>
      <c r="F41264" t="s">
        <v>12007</v>
      </c>
      <c r="G41264" t="s">
        <v>10450</v>
      </c>
      <c r="H41264" t="s">
        <v>10451</v>
      </c>
      <c r="I41264" s="2">
        <v>1</v>
      </c>
      <c r="J41264" s="2">
        <v>0</v>
      </c>
      <c r="K41264" s="2">
        <v>0</v>
      </c>
      <c r="L41264" t="s">
        <v>120</v>
      </c>
      <c r="M41264" t="s">
        <v>89</v>
      </c>
      <c r="N41264" t="s">
        <v>90</v>
      </c>
      <c r="O41264" t="s">
        <v>85</v>
      </c>
      <c r="P41264" t="s">
        <v>86</v>
      </c>
      <c r="Q41264">
        <v>11</v>
      </c>
      <c r="R41264">
        <v>11</v>
      </c>
      <c r="S41264">
        <v>12</v>
      </c>
      <c r="T41264">
        <v>12</v>
      </c>
      <c r="U41264">
        <v>12</v>
      </c>
      <c r="V41264">
        <v>12</v>
      </c>
      <c r="W41264">
        <v>13</v>
      </c>
      <c r="X41264">
        <v>13</v>
      </c>
      <c r="Y41264">
        <v>13</v>
      </c>
      <c r="Z41264">
        <v>13</v>
      </c>
      <c r="AA41264">
        <v>13</v>
      </c>
      <c r="AB41264">
        <v>14</v>
      </c>
      <c r="AC41264">
        <v>14</v>
      </c>
      <c r="AD41264">
        <v>14</v>
      </c>
      <c r="AE41264">
        <v>14</v>
      </c>
      <c r="AF41264">
        <v>14</v>
      </c>
      <c r="AG41264">
        <v>14</v>
      </c>
      <c r="AH41264">
        <v>14</v>
      </c>
      <c r="AI41264">
        <v>14</v>
      </c>
      <c r="AJ41264">
        <v>14</v>
      </c>
      <c r="AK41264">
        <v>14</v>
      </c>
      <c r="AL41264">
        <v>14</v>
      </c>
      <c r="AM41264">
        <v>14</v>
      </c>
      <c r="AN41264">
        <v>14</v>
      </c>
      <c r="AO41264">
        <v>14</v>
      </c>
      <c r="AP41264">
        <v>14</v>
      </c>
      <c r="AQ41264">
        <v>14</v>
      </c>
    </row>
    <row r="41265" spans="1:43">
      <c r="A41265" t="s">
        <v>25433</v>
      </c>
      <c r="B41265" t="s">
        <v>25434</v>
      </c>
      <c r="C41265" t="s">
        <v>12464</v>
      </c>
      <c r="D41265" t="s">
        <v>12465</v>
      </c>
      <c r="E41265" t="s">
        <v>12006</v>
      </c>
      <c r="F41265" t="s">
        <v>12007</v>
      </c>
      <c r="G41265" t="s">
        <v>10450</v>
      </c>
      <c r="H41265" t="s">
        <v>10451</v>
      </c>
      <c r="I41265" s="2">
        <v>1</v>
      </c>
      <c r="J41265" s="2">
        <v>0</v>
      </c>
      <c r="K41265" s="2">
        <v>0</v>
      </c>
      <c r="L41265" t="s">
        <v>120</v>
      </c>
      <c r="M41265" t="s">
        <v>83</v>
      </c>
      <c r="N41265" t="s">
        <v>91</v>
      </c>
      <c r="O41265" t="s">
        <v>85</v>
      </c>
      <c r="P41265" t="s">
        <v>86</v>
      </c>
      <c r="Q41265">
        <v>11</v>
      </c>
      <c r="R41265">
        <v>11</v>
      </c>
      <c r="S41265">
        <v>11</v>
      </c>
      <c r="T41265">
        <v>12</v>
      </c>
      <c r="U41265">
        <v>12</v>
      </c>
      <c r="V41265">
        <v>12</v>
      </c>
      <c r="W41265">
        <v>12</v>
      </c>
      <c r="X41265">
        <v>12</v>
      </c>
      <c r="Y41265">
        <v>12</v>
      </c>
      <c r="Z41265">
        <v>12</v>
      </c>
      <c r="AA41265">
        <v>13</v>
      </c>
      <c r="AB41265">
        <v>13</v>
      </c>
      <c r="AC41265">
        <v>13</v>
      </c>
      <c r="AD41265">
        <v>13</v>
      </c>
      <c r="AE41265">
        <v>13</v>
      </c>
      <c r="AF41265">
        <v>13</v>
      </c>
      <c r="AG41265">
        <v>14</v>
      </c>
      <c r="AH41265">
        <v>14</v>
      </c>
      <c r="AI41265">
        <v>14</v>
      </c>
      <c r="AJ41265">
        <v>14</v>
      </c>
      <c r="AK41265">
        <v>14</v>
      </c>
      <c r="AL41265">
        <v>14</v>
      </c>
      <c r="AM41265">
        <v>14</v>
      </c>
      <c r="AN41265">
        <v>14</v>
      </c>
      <c r="AO41265">
        <v>14</v>
      </c>
      <c r="AP41265">
        <v>14</v>
      </c>
      <c r="AQ41265">
        <v>14</v>
      </c>
    </row>
    <row r="41266" spans="1:43">
      <c r="A41266" t="s">
        <v>25435</v>
      </c>
      <c r="B41266" t="s">
        <v>25436</v>
      </c>
      <c r="C41266" t="s">
        <v>12464</v>
      </c>
      <c r="D41266" t="s">
        <v>12465</v>
      </c>
      <c r="E41266" t="s">
        <v>12006</v>
      </c>
      <c r="F41266" t="s">
        <v>12007</v>
      </c>
      <c r="G41266" t="s">
        <v>10450</v>
      </c>
      <c r="H41266" t="s">
        <v>10451</v>
      </c>
      <c r="I41266" s="2">
        <v>1</v>
      </c>
      <c r="J41266" s="2">
        <v>0</v>
      </c>
      <c r="K41266" s="2">
        <v>0</v>
      </c>
      <c r="L41266" t="s">
        <v>120</v>
      </c>
      <c r="M41266" t="s">
        <v>83</v>
      </c>
      <c r="N41266" t="s">
        <v>84</v>
      </c>
      <c r="O41266" t="s">
        <v>85</v>
      </c>
      <c r="P41266" t="s">
        <v>86</v>
      </c>
      <c r="Q41266">
        <v>48</v>
      </c>
      <c r="R41266">
        <v>49</v>
      </c>
      <c r="S41266">
        <v>49</v>
      </c>
      <c r="T41266">
        <v>50</v>
      </c>
      <c r="U41266">
        <v>51</v>
      </c>
      <c r="V41266">
        <v>51</v>
      </c>
      <c r="W41266">
        <v>52</v>
      </c>
      <c r="X41266">
        <v>53</v>
      </c>
      <c r="Y41266">
        <v>53</v>
      </c>
      <c r="Z41266">
        <v>54</v>
      </c>
      <c r="AA41266">
        <v>55</v>
      </c>
      <c r="AB41266">
        <v>55</v>
      </c>
      <c r="AC41266">
        <v>56</v>
      </c>
      <c r="AD41266">
        <v>57</v>
      </c>
      <c r="AE41266">
        <v>57</v>
      </c>
      <c r="AF41266">
        <v>58</v>
      </c>
      <c r="AG41266">
        <v>58</v>
      </c>
      <c r="AH41266">
        <v>59</v>
      </c>
      <c r="AI41266">
        <v>60</v>
      </c>
      <c r="AJ41266">
        <v>60</v>
      </c>
      <c r="AK41266">
        <v>61</v>
      </c>
      <c r="AL41266">
        <v>61</v>
      </c>
      <c r="AM41266">
        <v>61</v>
      </c>
      <c r="AN41266">
        <v>61</v>
      </c>
      <c r="AO41266">
        <v>61</v>
      </c>
      <c r="AP41266">
        <v>61</v>
      </c>
      <c r="AQ41266">
        <v>61</v>
      </c>
    </row>
    <row r="41267" spans="1:43">
      <c r="A41267" t="s">
        <v>25435</v>
      </c>
      <c r="B41267" t="s">
        <v>25436</v>
      </c>
      <c r="C41267" t="s">
        <v>12464</v>
      </c>
      <c r="D41267" t="s">
        <v>12465</v>
      </c>
      <c r="E41267" t="s">
        <v>12006</v>
      </c>
      <c r="F41267" t="s">
        <v>12007</v>
      </c>
      <c r="G41267" t="s">
        <v>10450</v>
      </c>
      <c r="H41267" t="s">
        <v>10451</v>
      </c>
      <c r="I41267" s="2">
        <v>1</v>
      </c>
      <c r="J41267" s="2">
        <v>0</v>
      </c>
      <c r="K41267" s="2">
        <v>0</v>
      </c>
      <c r="L41267" t="s">
        <v>120</v>
      </c>
      <c r="M41267" t="s">
        <v>87</v>
      </c>
      <c r="N41267" t="s">
        <v>88</v>
      </c>
      <c r="O41267" t="s">
        <v>85</v>
      </c>
      <c r="P41267" t="s">
        <v>86</v>
      </c>
      <c r="Q41267">
        <v>48</v>
      </c>
      <c r="R41267">
        <v>49</v>
      </c>
      <c r="S41267">
        <v>49</v>
      </c>
      <c r="T41267">
        <v>49</v>
      </c>
      <c r="U41267">
        <v>49</v>
      </c>
      <c r="V41267">
        <v>50</v>
      </c>
      <c r="W41267">
        <v>50</v>
      </c>
      <c r="X41267">
        <v>50</v>
      </c>
      <c r="Y41267">
        <v>50</v>
      </c>
      <c r="Z41267">
        <v>51</v>
      </c>
      <c r="AA41267">
        <v>51</v>
      </c>
      <c r="AB41267">
        <v>51</v>
      </c>
      <c r="AC41267">
        <v>51</v>
      </c>
      <c r="AD41267">
        <v>51</v>
      </c>
      <c r="AE41267">
        <v>52</v>
      </c>
      <c r="AF41267">
        <v>52</v>
      </c>
      <c r="AG41267">
        <v>52</v>
      </c>
      <c r="AH41267">
        <v>52</v>
      </c>
      <c r="AI41267">
        <v>52</v>
      </c>
      <c r="AJ41267">
        <v>53</v>
      </c>
      <c r="AK41267">
        <v>53</v>
      </c>
      <c r="AL41267">
        <v>53</v>
      </c>
      <c r="AM41267">
        <v>53</v>
      </c>
      <c r="AN41267">
        <v>53</v>
      </c>
      <c r="AO41267">
        <v>54</v>
      </c>
      <c r="AP41267">
        <v>54</v>
      </c>
      <c r="AQ41267">
        <v>54</v>
      </c>
    </row>
    <row r="41268" spans="1:43">
      <c r="A41268" t="s">
        <v>25435</v>
      </c>
      <c r="B41268" t="s">
        <v>25436</v>
      </c>
      <c r="C41268" t="s">
        <v>12464</v>
      </c>
      <c r="D41268" t="s">
        <v>12465</v>
      </c>
      <c r="E41268" t="s">
        <v>12006</v>
      </c>
      <c r="F41268" t="s">
        <v>12007</v>
      </c>
      <c r="G41268" t="s">
        <v>10450</v>
      </c>
      <c r="H41268" t="s">
        <v>10451</v>
      </c>
      <c r="I41268" s="2">
        <v>1</v>
      </c>
      <c r="J41268" s="2">
        <v>0</v>
      </c>
      <c r="K41268" s="2">
        <v>0</v>
      </c>
      <c r="L41268" t="s">
        <v>120</v>
      </c>
      <c r="M41268" t="s">
        <v>89</v>
      </c>
      <c r="N41268" t="s">
        <v>90</v>
      </c>
      <c r="O41268" t="s">
        <v>85</v>
      </c>
      <c r="P41268" t="s">
        <v>86</v>
      </c>
      <c r="Q41268">
        <v>48</v>
      </c>
      <c r="R41268">
        <v>49</v>
      </c>
      <c r="S41268">
        <v>51</v>
      </c>
      <c r="T41268">
        <v>52</v>
      </c>
      <c r="U41268">
        <v>53</v>
      </c>
      <c r="V41268">
        <v>54</v>
      </c>
      <c r="W41268">
        <v>55</v>
      </c>
      <c r="X41268">
        <v>56</v>
      </c>
      <c r="Y41268">
        <v>56</v>
      </c>
      <c r="Z41268">
        <v>57</v>
      </c>
      <c r="AA41268">
        <v>58</v>
      </c>
      <c r="AB41268">
        <v>59</v>
      </c>
      <c r="AC41268">
        <v>60</v>
      </c>
      <c r="AD41268">
        <v>61</v>
      </c>
      <c r="AE41268">
        <v>61</v>
      </c>
      <c r="AF41268">
        <v>61</v>
      </c>
      <c r="AG41268">
        <v>61</v>
      </c>
      <c r="AH41268">
        <v>62</v>
      </c>
      <c r="AI41268">
        <v>62</v>
      </c>
      <c r="AJ41268">
        <v>62</v>
      </c>
      <c r="AK41268">
        <v>62</v>
      </c>
      <c r="AL41268">
        <v>62</v>
      </c>
      <c r="AM41268">
        <v>62</v>
      </c>
      <c r="AN41268">
        <v>62</v>
      </c>
      <c r="AO41268">
        <v>62</v>
      </c>
      <c r="AP41268">
        <v>62</v>
      </c>
      <c r="AQ41268">
        <v>62</v>
      </c>
    </row>
    <row r="41269" spans="1:43">
      <c r="A41269" t="s">
        <v>25435</v>
      </c>
      <c r="B41269" t="s">
        <v>25436</v>
      </c>
      <c r="C41269" t="s">
        <v>12464</v>
      </c>
      <c r="D41269" t="s">
        <v>12465</v>
      </c>
      <c r="E41269" t="s">
        <v>12006</v>
      </c>
      <c r="F41269" t="s">
        <v>12007</v>
      </c>
      <c r="G41269" t="s">
        <v>10450</v>
      </c>
      <c r="H41269" t="s">
        <v>10451</v>
      </c>
      <c r="I41269" s="2">
        <v>1</v>
      </c>
      <c r="J41269" s="2">
        <v>0</v>
      </c>
      <c r="K41269" s="2">
        <v>0</v>
      </c>
      <c r="L41269" t="s">
        <v>120</v>
      </c>
      <c r="M41269" t="s">
        <v>83</v>
      </c>
      <c r="N41269" t="s">
        <v>91</v>
      </c>
      <c r="O41269" t="s">
        <v>85</v>
      </c>
      <c r="P41269" t="s">
        <v>86</v>
      </c>
      <c r="Q41269">
        <v>48</v>
      </c>
      <c r="R41269">
        <v>49</v>
      </c>
      <c r="S41269">
        <v>49</v>
      </c>
      <c r="T41269">
        <v>50</v>
      </c>
      <c r="U41269">
        <v>51</v>
      </c>
      <c r="V41269">
        <v>51</v>
      </c>
      <c r="W41269">
        <v>52</v>
      </c>
      <c r="X41269">
        <v>53</v>
      </c>
      <c r="Y41269">
        <v>53</v>
      </c>
      <c r="Z41269">
        <v>54</v>
      </c>
      <c r="AA41269">
        <v>55</v>
      </c>
      <c r="AB41269">
        <v>55</v>
      </c>
      <c r="AC41269">
        <v>56</v>
      </c>
      <c r="AD41269">
        <v>57</v>
      </c>
      <c r="AE41269">
        <v>57</v>
      </c>
      <c r="AF41269">
        <v>58</v>
      </c>
      <c r="AG41269">
        <v>58</v>
      </c>
      <c r="AH41269">
        <v>59</v>
      </c>
      <c r="AI41269">
        <v>60</v>
      </c>
      <c r="AJ41269">
        <v>60</v>
      </c>
      <c r="AK41269">
        <v>61</v>
      </c>
      <c r="AL41269">
        <v>61</v>
      </c>
      <c r="AM41269">
        <v>61</v>
      </c>
      <c r="AN41269">
        <v>61</v>
      </c>
      <c r="AO41269">
        <v>61</v>
      </c>
      <c r="AP41269">
        <v>61</v>
      </c>
      <c r="AQ41269">
        <v>61</v>
      </c>
    </row>
    <row r="41270" spans="1:43">
      <c r="A41270" t="s">
        <v>25437</v>
      </c>
      <c r="B41270" t="s">
        <v>25438</v>
      </c>
      <c r="C41270" t="s">
        <v>12458</v>
      </c>
      <c r="D41270" t="s">
        <v>12459</v>
      </c>
      <c r="E41270" t="s">
        <v>12006</v>
      </c>
      <c r="F41270" t="s">
        <v>12007</v>
      </c>
      <c r="G41270" t="s">
        <v>10450</v>
      </c>
      <c r="H41270" t="s">
        <v>10451</v>
      </c>
      <c r="I41270" s="2">
        <v>1</v>
      </c>
      <c r="J41270" s="2">
        <v>0</v>
      </c>
      <c r="K41270" s="2">
        <v>0</v>
      </c>
      <c r="L41270" t="s">
        <v>120</v>
      </c>
      <c r="M41270" t="s">
        <v>83</v>
      </c>
      <c r="N41270" t="s">
        <v>84</v>
      </c>
      <c r="O41270" t="s">
        <v>85</v>
      </c>
      <c r="P41270" t="s">
        <v>86</v>
      </c>
      <c r="Q41270">
        <v>45</v>
      </c>
      <c r="R41270">
        <v>46</v>
      </c>
      <c r="S41270">
        <v>47</v>
      </c>
      <c r="T41270">
        <v>47</v>
      </c>
      <c r="U41270">
        <v>48</v>
      </c>
      <c r="V41270">
        <v>49</v>
      </c>
      <c r="W41270">
        <v>49</v>
      </c>
      <c r="X41270">
        <v>50</v>
      </c>
      <c r="Y41270">
        <v>51</v>
      </c>
      <c r="Z41270">
        <v>51</v>
      </c>
      <c r="AA41270">
        <v>52</v>
      </c>
      <c r="AB41270">
        <v>52</v>
      </c>
      <c r="AC41270">
        <v>53</v>
      </c>
      <c r="AD41270">
        <v>54</v>
      </c>
      <c r="AE41270">
        <v>54</v>
      </c>
      <c r="AF41270">
        <v>55</v>
      </c>
      <c r="AG41270">
        <v>55</v>
      </c>
      <c r="AH41270">
        <v>56</v>
      </c>
      <c r="AI41270">
        <v>57</v>
      </c>
      <c r="AJ41270">
        <v>57</v>
      </c>
      <c r="AK41270">
        <v>58</v>
      </c>
      <c r="AL41270">
        <v>58</v>
      </c>
      <c r="AM41270">
        <v>58</v>
      </c>
      <c r="AN41270">
        <v>58</v>
      </c>
      <c r="AO41270">
        <v>58</v>
      </c>
      <c r="AP41270">
        <v>58</v>
      </c>
      <c r="AQ41270">
        <v>58</v>
      </c>
    </row>
    <row r="41271" spans="1:43">
      <c r="A41271" t="s">
        <v>25437</v>
      </c>
      <c r="B41271" t="s">
        <v>25438</v>
      </c>
      <c r="C41271" t="s">
        <v>12458</v>
      </c>
      <c r="D41271" t="s">
        <v>12459</v>
      </c>
      <c r="E41271" t="s">
        <v>12006</v>
      </c>
      <c r="F41271" t="s">
        <v>12007</v>
      </c>
      <c r="G41271" t="s">
        <v>10450</v>
      </c>
      <c r="H41271" t="s">
        <v>10451</v>
      </c>
      <c r="I41271" s="2">
        <v>1</v>
      </c>
      <c r="J41271" s="2">
        <v>0</v>
      </c>
      <c r="K41271" s="2">
        <v>0</v>
      </c>
      <c r="L41271" t="s">
        <v>120</v>
      </c>
      <c r="M41271" t="s">
        <v>87</v>
      </c>
      <c r="N41271" t="s">
        <v>88</v>
      </c>
      <c r="O41271" t="s">
        <v>85</v>
      </c>
      <c r="P41271" t="s">
        <v>86</v>
      </c>
      <c r="Q41271">
        <v>45</v>
      </c>
      <c r="R41271">
        <v>45</v>
      </c>
      <c r="S41271">
        <v>45</v>
      </c>
      <c r="T41271">
        <v>46</v>
      </c>
      <c r="U41271">
        <v>46</v>
      </c>
      <c r="V41271">
        <v>46</v>
      </c>
      <c r="W41271">
        <v>46</v>
      </c>
      <c r="X41271">
        <v>47</v>
      </c>
      <c r="Y41271">
        <v>47</v>
      </c>
      <c r="Z41271">
        <v>47</v>
      </c>
      <c r="AA41271">
        <v>47</v>
      </c>
      <c r="AB41271">
        <v>47</v>
      </c>
      <c r="AC41271">
        <v>48</v>
      </c>
      <c r="AD41271">
        <v>48</v>
      </c>
      <c r="AE41271">
        <v>48</v>
      </c>
      <c r="AF41271">
        <v>48</v>
      </c>
      <c r="AG41271">
        <v>48</v>
      </c>
      <c r="AH41271">
        <v>49</v>
      </c>
      <c r="AI41271">
        <v>49</v>
      </c>
      <c r="AJ41271">
        <v>49</v>
      </c>
      <c r="AK41271">
        <v>49</v>
      </c>
      <c r="AL41271">
        <v>49</v>
      </c>
      <c r="AM41271">
        <v>50</v>
      </c>
      <c r="AN41271">
        <v>50</v>
      </c>
      <c r="AO41271">
        <v>50</v>
      </c>
      <c r="AP41271">
        <v>50</v>
      </c>
      <c r="AQ41271">
        <v>50</v>
      </c>
    </row>
    <row r="41272" spans="1:43">
      <c r="A41272" t="s">
        <v>25437</v>
      </c>
      <c r="B41272" t="s">
        <v>25438</v>
      </c>
      <c r="C41272" t="s">
        <v>12458</v>
      </c>
      <c r="D41272" t="s">
        <v>12459</v>
      </c>
      <c r="E41272" t="s">
        <v>12006</v>
      </c>
      <c r="F41272" t="s">
        <v>12007</v>
      </c>
      <c r="G41272" t="s">
        <v>10450</v>
      </c>
      <c r="H41272" t="s">
        <v>10451</v>
      </c>
      <c r="I41272" s="2">
        <v>1</v>
      </c>
      <c r="J41272" s="2">
        <v>0</v>
      </c>
      <c r="K41272" s="2">
        <v>0</v>
      </c>
      <c r="L41272" t="s">
        <v>120</v>
      </c>
      <c r="M41272" t="s">
        <v>89</v>
      </c>
      <c r="N41272" t="s">
        <v>90</v>
      </c>
      <c r="O41272" t="s">
        <v>85</v>
      </c>
      <c r="P41272" t="s">
        <v>86</v>
      </c>
      <c r="Q41272">
        <v>45</v>
      </c>
      <c r="R41272">
        <v>46</v>
      </c>
      <c r="S41272">
        <v>47</v>
      </c>
      <c r="T41272">
        <v>48</v>
      </c>
      <c r="U41272">
        <v>49</v>
      </c>
      <c r="V41272">
        <v>50</v>
      </c>
      <c r="W41272">
        <v>51</v>
      </c>
      <c r="X41272">
        <v>52</v>
      </c>
      <c r="Y41272">
        <v>53</v>
      </c>
      <c r="Z41272">
        <v>53</v>
      </c>
      <c r="AA41272">
        <v>54</v>
      </c>
      <c r="AB41272">
        <v>55</v>
      </c>
      <c r="AC41272">
        <v>56</v>
      </c>
      <c r="AD41272">
        <v>57</v>
      </c>
      <c r="AE41272">
        <v>57</v>
      </c>
      <c r="AF41272">
        <v>57</v>
      </c>
      <c r="AG41272">
        <v>57</v>
      </c>
      <c r="AH41272">
        <v>58</v>
      </c>
      <c r="AI41272">
        <v>58</v>
      </c>
      <c r="AJ41272">
        <v>58</v>
      </c>
      <c r="AK41272">
        <v>58</v>
      </c>
      <c r="AL41272">
        <v>58</v>
      </c>
      <c r="AM41272">
        <v>58</v>
      </c>
      <c r="AN41272">
        <v>58</v>
      </c>
      <c r="AO41272">
        <v>58</v>
      </c>
      <c r="AP41272">
        <v>58</v>
      </c>
      <c r="AQ41272">
        <v>58</v>
      </c>
    </row>
    <row r="41273" spans="1:43">
      <c r="A41273" t="s">
        <v>25437</v>
      </c>
      <c r="B41273" t="s">
        <v>25438</v>
      </c>
      <c r="C41273" t="s">
        <v>12458</v>
      </c>
      <c r="D41273" t="s">
        <v>12459</v>
      </c>
      <c r="E41273" t="s">
        <v>12006</v>
      </c>
      <c r="F41273" t="s">
        <v>12007</v>
      </c>
      <c r="G41273" t="s">
        <v>10450</v>
      </c>
      <c r="H41273" t="s">
        <v>10451</v>
      </c>
      <c r="I41273" s="2">
        <v>1</v>
      </c>
      <c r="J41273" s="2">
        <v>0</v>
      </c>
      <c r="K41273" s="2">
        <v>0</v>
      </c>
      <c r="L41273" t="s">
        <v>120</v>
      </c>
      <c r="M41273" t="s">
        <v>83</v>
      </c>
      <c r="N41273" t="s">
        <v>91</v>
      </c>
      <c r="O41273" t="s">
        <v>85</v>
      </c>
      <c r="P41273" t="s">
        <v>86</v>
      </c>
      <c r="Q41273">
        <v>45</v>
      </c>
      <c r="R41273">
        <v>46</v>
      </c>
      <c r="S41273">
        <v>47</v>
      </c>
      <c r="T41273">
        <v>47</v>
      </c>
      <c r="U41273">
        <v>48</v>
      </c>
      <c r="V41273">
        <v>49</v>
      </c>
      <c r="W41273">
        <v>49</v>
      </c>
      <c r="X41273">
        <v>50</v>
      </c>
      <c r="Y41273">
        <v>51</v>
      </c>
      <c r="Z41273">
        <v>51</v>
      </c>
      <c r="AA41273">
        <v>52</v>
      </c>
      <c r="AB41273">
        <v>52</v>
      </c>
      <c r="AC41273">
        <v>53</v>
      </c>
      <c r="AD41273">
        <v>54</v>
      </c>
      <c r="AE41273">
        <v>54</v>
      </c>
      <c r="AF41273">
        <v>55</v>
      </c>
      <c r="AG41273">
        <v>55</v>
      </c>
      <c r="AH41273">
        <v>56</v>
      </c>
      <c r="AI41273">
        <v>57</v>
      </c>
      <c r="AJ41273">
        <v>57</v>
      </c>
      <c r="AK41273">
        <v>58</v>
      </c>
      <c r="AL41273">
        <v>58</v>
      </c>
      <c r="AM41273">
        <v>58</v>
      </c>
      <c r="AN41273">
        <v>58</v>
      </c>
      <c r="AO41273">
        <v>58</v>
      </c>
      <c r="AP41273">
        <v>58</v>
      </c>
      <c r="AQ41273">
        <v>58</v>
      </c>
    </row>
    <row r="41274" spans="1:43">
      <c r="A41274" t="s">
        <v>25439</v>
      </c>
      <c r="B41274" t="s">
        <v>25440</v>
      </c>
      <c r="C41274" t="s">
        <v>12458</v>
      </c>
      <c r="D41274" t="s">
        <v>12459</v>
      </c>
      <c r="E41274" t="s">
        <v>12006</v>
      </c>
      <c r="F41274" t="s">
        <v>12007</v>
      </c>
      <c r="G41274" t="s">
        <v>10450</v>
      </c>
      <c r="H41274" t="s">
        <v>10451</v>
      </c>
      <c r="I41274" s="2">
        <v>1</v>
      </c>
      <c r="J41274" s="2">
        <v>0</v>
      </c>
      <c r="K41274" s="2">
        <v>0</v>
      </c>
      <c r="L41274" t="s">
        <v>120</v>
      </c>
      <c r="M41274" t="s">
        <v>83</v>
      </c>
      <c r="N41274" t="s">
        <v>84</v>
      </c>
      <c r="O41274" t="s">
        <v>85</v>
      </c>
      <c r="P41274" t="s">
        <v>86</v>
      </c>
      <c r="Q41274">
        <v>49</v>
      </c>
      <c r="R41274">
        <v>50</v>
      </c>
      <c r="S41274">
        <v>50</v>
      </c>
      <c r="T41274">
        <v>51</v>
      </c>
      <c r="U41274">
        <v>52</v>
      </c>
      <c r="V41274">
        <v>52</v>
      </c>
      <c r="W41274">
        <v>53</v>
      </c>
      <c r="X41274">
        <v>54</v>
      </c>
      <c r="Y41274">
        <v>54</v>
      </c>
      <c r="Z41274">
        <v>55</v>
      </c>
      <c r="AA41274">
        <v>56</v>
      </c>
      <c r="AB41274">
        <v>56</v>
      </c>
      <c r="AC41274">
        <v>57</v>
      </c>
      <c r="AD41274">
        <v>58</v>
      </c>
      <c r="AE41274">
        <v>58</v>
      </c>
      <c r="AF41274">
        <v>59</v>
      </c>
      <c r="AG41274">
        <v>60</v>
      </c>
      <c r="AH41274">
        <v>60</v>
      </c>
      <c r="AI41274">
        <v>61</v>
      </c>
      <c r="AJ41274">
        <v>62</v>
      </c>
      <c r="AK41274">
        <v>62</v>
      </c>
      <c r="AL41274">
        <v>62</v>
      </c>
      <c r="AM41274">
        <v>62</v>
      </c>
      <c r="AN41274">
        <v>62</v>
      </c>
      <c r="AO41274">
        <v>63</v>
      </c>
      <c r="AP41274">
        <v>63</v>
      </c>
      <c r="AQ41274">
        <v>63</v>
      </c>
    </row>
    <row r="41275" spans="1:43">
      <c r="A41275" t="s">
        <v>25439</v>
      </c>
      <c r="B41275" t="s">
        <v>25440</v>
      </c>
      <c r="C41275" t="s">
        <v>12458</v>
      </c>
      <c r="D41275" t="s">
        <v>12459</v>
      </c>
      <c r="E41275" t="s">
        <v>12006</v>
      </c>
      <c r="F41275" t="s">
        <v>12007</v>
      </c>
      <c r="G41275" t="s">
        <v>10450</v>
      </c>
      <c r="H41275" t="s">
        <v>10451</v>
      </c>
      <c r="I41275" s="2">
        <v>1</v>
      </c>
      <c r="J41275" s="2">
        <v>0</v>
      </c>
      <c r="K41275" s="2">
        <v>0</v>
      </c>
      <c r="L41275" t="s">
        <v>120</v>
      </c>
      <c r="M41275" t="s">
        <v>87</v>
      </c>
      <c r="N41275" t="s">
        <v>88</v>
      </c>
      <c r="O41275" t="s">
        <v>85</v>
      </c>
      <c r="P41275" t="s">
        <v>86</v>
      </c>
      <c r="Q41275">
        <v>49</v>
      </c>
      <c r="R41275">
        <v>50</v>
      </c>
      <c r="S41275">
        <v>50</v>
      </c>
      <c r="T41275">
        <v>50</v>
      </c>
      <c r="U41275">
        <v>50</v>
      </c>
      <c r="V41275">
        <v>51</v>
      </c>
      <c r="W41275">
        <v>51</v>
      </c>
      <c r="X41275">
        <v>51</v>
      </c>
      <c r="Y41275">
        <v>51</v>
      </c>
      <c r="Z41275">
        <v>51</v>
      </c>
      <c r="AA41275">
        <v>52</v>
      </c>
      <c r="AB41275">
        <v>52</v>
      </c>
      <c r="AC41275">
        <v>52</v>
      </c>
      <c r="AD41275">
        <v>52</v>
      </c>
      <c r="AE41275">
        <v>53</v>
      </c>
      <c r="AF41275">
        <v>53</v>
      </c>
      <c r="AG41275">
        <v>53</v>
      </c>
      <c r="AH41275">
        <v>53</v>
      </c>
      <c r="AI41275">
        <v>53</v>
      </c>
      <c r="AJ41275">
        <v>54</v>
      </c>
      <c r="AK41275">
        <v>54</v>
      </c>
      <c r="AL41275">
        <v>54</v>
      </c>
      <c r="AM41275">
        <v>54</v>
      </c>
      <c r="AN41275">
        <v>54</v>
      </c>
      <c r="AO41275">
        <v>55</v>
      </c>
      <c r="AP41275">
        <v>55</v>
      </c>
      <c r="AQ41275">
        <v>55</v>
      </c>
    </row>
    <row r="41276" spans="1:43">
      <c r="A41276" t="s">
        <v>25439</v>
      </c>
      <c r="B41276" t="s">
        <v>25440</v>
      </c>
      <c r="C41276" t="s">
        <v>12458</v>
      </c>
      <c r="D41276" t="s">
        <v>12459</v>
      </c>
      <c r="E41276" t="s">
        <v>12006</v>
      </c>
      <c r="F41276" t="s">
        <v>12007</v>
      </c>
      <c r="G41276" t="s">
        <v>10450</v>
      </c>
      <c r="H41276" t="s">
        <v>10451</v>
      </c>
      <c r="I41276" s="2">
        <v>1</v>
      </c>
      <c r="J41276" s="2">
        <v>0</v>
      </c>
      <c r="K41276" s="2">
        <v>0</v>
      </c>
      <c r="L41276" t="s">
        <v>120</v>
      </c>
      <c r="M41276" t="s">
        <v>89</v>
      </c>
      <c r="N41276" t="s">
        <v>90</v>
      </c>
      <c r="O41276" t="s">
        <v>85</v>
      </c>
      <c r="P41276" t="s">
        <v>86</v>
      </c>
      <c r="Q41276">
        <v>49</v>
      </c>
      <c r="R41276">
        <v>50</v>
      </c>
      <c r="S41276">
        <v>51</v>
      </c>
      <c r="T41276">
        <v>53</v>
      </c>
      <c r="U41276">
        <v>54</v>
      </c>
      <c r="V41276">
        <v>55</v>
      </c>
      <c r="W41276">
        <v>56</v>
      </c>
      <c r="X41276">
        <v>57</v>
      </c>
      <c r="Y41276">
        <v>58</v>
      </c>
      <c r="Z41276">
        <v>58</v>
      </c>
      <c r="AA41276">
        <v>59</v>
      </c>
      <c r="AB41276">
        <v>60</v>
      </c>
      <c r="AC41276">
        <v>61</v>
      </c>
      <c r="AD41276">
        <v>62</v>
      </c>
      <c r="AE41276">
        <v>63</v>
      </c>
      <c r="AF41276">
        <v>63</v>
      </c>
      <c r="AG41276">
        <v>63</v>
      </c>
      <c r="AH41276">
        <v>63</v>
      </c>
      <c r="AI41276">
        <v>63</v>
      </c>
      <c r="AJ41276">
        <v>63</v>
      </c>
      <c r="AK41276">
        <v>63</v>
      </c>
      <c r="AL41276">
        <v>63</v>
      </c>
      <c r="AM41276">
        <v>63</v>
      </c>
      <c r="AN41276">
        <v>63</v>
      </c>
      <c r="AO41276">
        <v>63</v>
      </c>
      <c r="AP41276">
        <v>63</v>
      </c>
      <c r="AQ41276">
        <v>63</v>
      </c>
    </row>
    <row r="41277" spans="1:43">
      <c r="A41277" t="s">
        <v>25439</v>
      </c>
      <c r="B41277" t="s">
        <v>25440</v>
      </c>
      <c r="C41277" t="s">
        <v>12458</v>
      </c>
      <c r="D41277" t="s">
        <v>12459</v>
      </c>
      <c r="E41277" t="s">
        <v>12006</v>
      </c>
      <c r="F41277" t="s">
        <v>12007</v>
      </c>
      <c r="G41277" t="s">
        <v>10450</v>
      </c>
      <c r="H41277" t="s">
        <v>10451</v>
      </c>
      <c r="I41277" s="2">
        <v>1</v>
      </c>
      <c r="J41277" s="2">
        <v>0</v>
      </c>
      <c r="K41277" s="2">
        <v>0</v>
      </c>
      <c r="L41277" t="s">
        <v>120</v>
      </c>
      <c r="M41277" t="s">
        <v>83</v>
      </c>
      <c r="N41277" t="s">
        <v>91</v>
      </c>
      <c r="O41277" t="s">
        <v>85</v>
      </c>
      <c r="P41277" t="s">
        <v>86</v>
      </c>
      <c r="Q41277">
        <v>49</v>
      </c>
      <c r="R41277">
        <v>50</v>
      </c>
      <c r="S41277">
        <v>50</v>
      </c>
      <c r="T41277">
        <v>51</v>
      </c>
      <c r="U41277">
        <v>52</v>
      </c>
      <c r="V41277">
        <v>52</v>
      </c>
      <c r="W41277">
        <v>53</v>
      </c>
      <c r="X41277">
        <v>54</v>
      </c>
      <c r="Y41277">
        <v>54</v>
      </c>
      <c r="Z41277">
        <v>55</v>
      </c>
      <c r="AA41277">
        <v>56</v>
      </c>
      <c r="AB41277">
        <v>56</v>
      </c>
      <c r="AC41277">
        <v>57</v>
      </c>
      <c r="AD41277">
        <v>58</v>
      </c>
      <c r="AE41277">
        <v>58</v>
      </c>
      <c r="AF41277">
        <v>59</v>
      </c>
      <c r="AG41277">
        <v>60</v>
      </c>
      <c r="AH41277">
        <v>60</v>
      </c>
      <c r="AI41277">
        <v>61</v>
      </c>
      <c r="AJ41277">
        <v>62</v>
      </c>
      <c r="AK41277">
        <v>62</v>
      </c>
      <c r="AL41277">
        <v>62</v>
      </c>
      <c r="AM41277">
        <v>62</v>
      </c>
      <c r="AN41277">
        <v>62</v>
      </c>
      <c r="AO41277">
        <v>63</v>
      </c>
      <c r="AP41277">
        <v>63</v>
      </c>
      <c r="AQ41277">
        <v>63</v>
      </c>
    </row>
    <row r="41278" spans="1:43">
      <c r="A41278" t="s">
        <v>25441</v>
      </c>
      <c r="B41278" t="s">
        <v>25442</v>
      </c>
      <c r="C41278" t="s">
        <v>12458</v>
      </c>
      <c r="D41278" t="s">
        <v>12459</v>
      </c>
      <c r="E41278" t="s">
        <v>12006</v>
      </c>
      <c r="F41278" t="s">
        <v>12007</v>
      </c>
      <c r="G41278" t="s">
        <v>10450</v>
      </c>
      <c r="H41278" t="s">
        <v>10451</v>
      </c>
      <c r="I41278" s="2">
        <v>1</v>
      </c>
      <c r="J41278" s="2">
        <v>0</v>
      </c>
      <c r="K41278" s="2">
        <v>0</v>
      </c>
      <c r="L41278" t="s">
        <v>120</v>
      </c>
      <c r="M41278" t="s">
        <v>83</v>
      </c>
      <c r="N41278" t="s">
        <v>84</v>
      </c>
      <c r="O41278" t="s">
        <v>85</v>
      </c>
      <c r="P41278" t="s">
        <v>86</v>
      </c>
      <c r="Q41278">
        <v>5</v>
      </c>
      <c r="R41278">
        <v>5</v>
      </c>
      <c r="S41278">
        <v>5</v>
      </c>
      <c r="T41278">
        <v>5</v>
      </c>
      <c r="U41278">
        <v>5</v>
      </c>
      <c r="V41278">
        <v>5</v>
      </c>
      <c r="W41278">
        <v>5</v>
      </c>
      <c r="X41278">
        <v>5</v>
      </c>
      <c r="Y41278">
        <v>5</v>
      </c>
      <c r="Z41278">
        <v>5</v>
      </c>
      <c r="AA41278">
        <v>5</v>
      </c>
      <c r="AB41278">
        <v>5</v>
      </c>
      <c r="AC41278">
        <v>6</v>
      </c>
      <c r="AD41278">
        <v>6</v>
      </c>
      <c r="AE41278">
        <v>6</v>
      </c>
      <c r="AF41278">
        <v>6</v>
      </c>
      <c r="AG41278">
        <v>6</v>
      </c>
      <c r="AH41278">
        <v>6</v>
      </c>
      <c r="AI41278">
        <v>6</v>
      </c>
      <c r="AJ41278">
        <v>6</v>
      </c>
      <c r="AK41278">
        <v>6</v>
      </c>
      <c r="AL41278">
        <v>6</v>
      </c>
      <c r="AM41278">
        <v>6</v>
      </c>
      <c r="AN41278">
        <v>6</v>
      </c>
      <c r="AO41278">
        <v>6</v>
      </c>
      <c r="AP41278">
        <v>6</v>
      </c>
      <c r="AQ41278">
        <v>6</v>
      </c>
    </row>
    <row r="41279" spans="1:43">
      <c r="A41279" t="s">
        <v>25441</v>
      </c>
      <c r="B41279" t="s">
        <v>25442</v>
      </c>
      <c r="C41279" t="s">
        <v>12458</v>
      </c>
      <c r="D41279" t="s">
        <v>12459</v>
      </c>
      <c r="E41279" t="s">
        <v>12006</v>
      </c>
      <c r="F41279" t="s">
        <v>12007</v>
      </c>
      <c r="G41279" t="s">
        <v>10450</v>
      </c>
      <c r="H41279" t="s">
        <v>10451</v>
      </c>
      <c r="I41279" s="2">
        <v>1</v>
      </c>
      <c r="J41279" s="2">
        <v>0</v>
      </c>
      <c r="K41279" s="2">
        <v>0</v>
      </c>
      <c r="L41279" t="s">
        <v>120</v>
      </c>
      <c r="M41279" t="s">
        <v>87</v>
      </c>
      <c r="N41279" t="s">
        <v>88</v>
      </c>
      <c r="O41279" t="s">
        <v>85</v>
      </c>
      <c r="P41279" t="s">
        <v>86</v>
      </c>
      <c r="Q41279">
        <v>5</v>
      </c>
      <c r="R41279">
        <v>5</v>
      </c>
      <c r="S41279">
        <v>5</v>
      </c>
      <c r="T41279">
        <v>5</v>
      </c>
      <c r="U41279">
        <v>5</v>
      </c>
      <c r="V41279">
        <v>5</v>
      </c>
      <c r="W41279">
        <v>5</v>
      </c>
      <c r="X41279">
        <v>5</v>
      </c>
      <c r="Y41279">
        <v>5</v>
      </c>
      <c r="Z41279">
        <v>5</v>
      </c>
      <c r="AA41279">
        <v>5</v>
      </c>
      <c r="AB41279">
        <v>5</v>
      </c>
      <c r="AC41279">
        <v>5</v>
      </c>
      <c r="AD41279">
        <v>5</v>
      </c>
      <c r="AE41279">
        <v>5</v>
      </c>
      <c r="AF41279">
        <v>5</v>
      </c>
      <c r="AG41279">
        <v>5</v>
      </c>
      <c r="AH41279">
        <v>5</v>
      </c>
      <c r="AI41279">
        <v>5</v>
      </c>
      <c r="AJ41279">
        <v>5</v>
      </c>
      <c r="AK41279">
        <v>5</v>
      </c>
      <c r="AL41279">
        <v>5</v>
      </c>
      <c r="AM41279">
        <v>5</v>
      </c>
      <c r="AN41279">
        <v>5</v>
      </c>
      <c r="AO41279">
        <v>5</v>
      </c>
      <c r="AP41279">
        <v>5</v>
      </c>
      <c r="AQ41279">
        <v>5</v>
      </c>
    </row>
    <row r="41280" spans="1:43">
      <c r="A41280" t="s">
        <v>25441</v>
      </c>
      <c r="B41280" t="s">
        <v>25442</v>
      </c>
      <c r="C41280" t="s">
        <v>12458</v>
      </c>
      <c r="D41280" t="s">
        <v>12459</v>
      </c>
      <c r="E41280" t="s">
        <v>12006</v>
      </c>
      <c r="F41280" t="s">
        <v>12007</v>
      </c>
      <c r="G41280" t="s">
        <v>10450</v>
      </c>
      <c r="H41280" t="s">
        <v>10451</v>
      </c>
      <c r="I41280" s="2">
        <v>1</v>
      </c>
      <c r="J41280" s="2">
        <v>0</v>
      </c>
      <c r="K41280" s="2">
        <v>0</v>
      </c>
      <c r="L41280" t="s">
        <v>120</v>
      </c>
      <c r="M41280" t="s">
        <v>89</v>
      </c>
      <c r="N41280" t="s">
        <v>90</v>
      </c>
      <c r="O41280" t="s">
        <v>85</v>
      </c>
      <c r="P41280" t="s">
        <v>86</v>
      </c>
      <c r="Q41280">
        <v>5</v>
      </c>
      <c r="R41280">
        <v>5</v>
      </c>
      <c r="S41280">
        <v>5</v>
      </c>
      <c r="T41280">
        <v>5</v>
      </c>
      <c r="U41280">
        <v>5</v>
      </c>
      <c r="V41280">
        <v>5</v>
      </c>
      <c r="W41280">
        <v>5</v>
      </c>
      <c r="X41280">
        <v>5</v>
      </c>
      <c r="Y41280">
        <v>6</v>
      </c>
      <c r="Z41280">
        <v>6</v>
      </c>
      <c r="AA41280">
        <v>6</v>
      </c>
      <c r="AB41280">
        <v>6</v>
      </c>
      <c r="AC41280">
        <v>6</v>
      </c>
      <c r="AD41280">
        <v>6</v>
      </c>
      <c r="AE41280">
        <v>6</v>
      </c>
      <c r="AF41280">
        <v>6</v>
      </c>
      <c r="AG41280">
        <v>6</v>
      </c>
      <c r="AH41280">
        <v>6</v>
      </c>
      <c r="AI41280">
        <v>6</v>
      </c>
      <c r="AJ41280">
        <v>6</v>
      </c>
      <c r="AK41280">
        <v>6</v>
      </c>
      <c r="AL41280">
        <v>6</v>
      </c>
      <c r="AM41280">
        <v>6</v>
      </c>
      <c r="AN41280">
        <v>6</v>
      </c>
      <c r="AO41280">
        <v>6</v>
      </c>
      <c r="AP41280">
        <v>6</v>
      </c>
      <c r="AQ41280">
        <v>6</v>
      </c>
    </row>
    <row r="41281" spans="1:43">
      <c r="A41281" t="s">
        <v>25441</v>
      </c>
      <c r="B41281" t="s">
        <v>25442</v>
      </c>
      <c r="C41281" t="s">
        <v>12458</v>
      </c>
      <c r="D41281" t="s">
        <v>12459</v>
      </c>
      <c r="E41281" t="s">
        <v>12006</v>
      </c>
      <c r="F41281" t="s">
        <v>12007</v>
      </c>
      <c r="G41281" t="s">
        <v>10450</v>
      </c>
      <c r="H41281" t="s">
        <v>10451</v>
      </c>
      <c r="I41281" s="2">
        <v>1</v>
      </c>
      <c r="J41281" s="2">
        <v>0</v>
      </c>
      <c r="K41281" s="2">
        <v>0</v>
      </c>
      <c r="L41281" t="s">
        <v>120</v>
      </c>
      <c r="M41281" t="s">
        <v>83</v>
      </c>
      <c r="N41281" t="s">
        <v>91</v>
      </c>
      <c r="O41281" t="s">
        <v>85</v>
      </c>
      <c r="P41281" t="s">
        <v>86</v>
      </c>
      <c r="Q41281">
        <v>5</v>
      </c>
      <c r="R41281">
        <v>5</v>
      </c>
      <c r="S41281">
        <v>5</v>
      </c>
      <c r="T41281">
        <v>5</v>
      </c>
      <c r="U41281">
        <v>5</v>
      </c>
      <c r="V41281">
        <v>5</v>
      </c>
      <c r="W41281">
        <v>5</v>
      </c>
      <c r="X41281">
        <v>5</v>
      </c>
      <c r="Y41281">
        <v>5</v>
      </c>
      <c r="Z41281">
        <v>5</v>
      </c>
      <c r="AA41281">
        <v>5</v>
      </c>
      <c r="AB41281">
        <v>5</v>
      </c>
      <c r="AC41281">
        <v>6</v>
      </c>
      <c r="AD41281">
        <v>6</v>
      </c>
      <c r="AE41281">
        <v>6</v>
      </c>
      <c r="AF41281">
        <v>6</v>
      </c>
      <c r="AG41281">
        <v>6</v>
      </c>
      <c r="AH41281">
        <v>6</v>
      </c>
      <c r="AI41281">
        <v>6</v>
      </c>
      <c r="AJ41281">
        <v>6</v>
      </c>
      <c r="AK41281">
        <v>6</v>
      </c>
      <c r="AL41281">
        <v>6</v>
      </c>
      <c r="AM41281">
        <v>6</v>
      </c>
      <c r="AN41281">
        <v>6</v>
      </c>
      <c r="AO41281">
        <v>6</v>
      </c>
      <c r="AP41281">
        <v>6</v>
      </c>
      <c r="AQ41281">
        <v>6</v>
      </c>
    </row>
    <row r="41282" spans="1:43">
      <c r="A41282" t="s">
        <v>25443</v>
      </c>
      <c r="B41282" t="s">
        <v>25444</v>
      </c>
      <c r="C41282" t="s">
        <v>12458</v>
      </c>
      <c r="D41282" t="s">
        <v>12459</v>
      </c>
      <c r="E41282" t="s">
        <v>12006</v>
      </c>
      <c r="F41282" t="s">
        <v>12007</v>
      </c>
      <c r="G41282" t="s">
        <v>10450</v>
      </c>
      <c r="H41282" t="s">
        <v>10451</v>
      </c>
      <c r="I41282" s="2">
        <v>1</v>
      </c>
      <c r="J41282" s="2">
        <v>0</v>
      </c>
      <c r="K41282" s="2">
        <v>0</v>
      </c>
      <c r="L41282" t="s">
        <v>120</v>
      </c>
      <c r="M41282" t="s">
        <v>83</v>
      </c>
      <c r="N41282" t="s">
        <v>84</v>
      </c>
      <c r="O41282" t="s">
        <v>85</v>
      </c>
      <c r="P41282" t="s">
        <v>86</v>
      </c>
      <c r="Q41282">
        <v>61</v>
      </c>
      <c r="R41282">
        <v>62</v>
      </c>
      <c r="S41282">
        <v>63</v>
      </c>
      <c r="T41282">
        <v>64</v>
      </c>
      <c r="U41282">
        <v>65</v>
      </c>
      <c r="V41282">
        <v>66</v>
      </c>
      <c r="W41282">
        <v>66</v>
      </c>
      <c r="X41282">
        <v>67</v>
      </c>
      <c r="Y41282">
        <v>68</v>
      </c>
      <c r="Z41282">
        <v>69</v>
      </c>
      <c r="AA41282">
        <v>70</v>
      </c>
      <c r="AB41282">
        <v>71</v>
      </c>
      <c r="AC41282">
        <v>71</v>
      </c>
      <c r="AD41282">
        <v>72</v>
      </c>
      <c r="AE41282">
        <v>73</v>
      </c>
      <c r="AF41282">
        <v>74</v>
      </c>
      <c r="AG41282">
        <v>75</v>
      </c>
      <c r="AH41282">
        <v>75</v>
      </c>
      <c r="AI41282">
        <v>76</v>
      </c>
      <c r="AJ41282">
        <v>77</v>
      </c>
      <c r="AK41282">
        <v>78</v>
      </c>
      <c r="AL41282">
        <v>78</v>
      </c>
      <c r="AM41282">
        <v>78</v>
      </c>
      <c r="AN41282">
        <v>78</v>
      </c>
      <c r="AO41282">
        <v>78</v>
      </c>
      <c r="AP41282">
        <v>78</v>
      </c>
      <c r="AQ41282">
        <v>78</v>
      </c>
    </row>
    <row r="41283" spans="1:43">
      <c r="A41283" t="s">
        <v>25443</v>
      </c>
      <c r="B41283" t="s">
        <v>25444</v>
      </c>
      <c r="C41283" t="s">
        <v>12458</v>
      </c>
      <c r="D41283" t="s">
        <v>12459</v>
      </c>
      <c r="E41283" t="s">
        <v>12006</v>
      </c>
      <c r="F41283" t="s">
        <v>12007</v>
      </c>
      <c r="G41283" t="s">
        <v>10450</v>
      </c>
      <c r="H41283" t="s">
        <v>10451</v>
      </c>
      <c r="I41283" s="2">
        <v>1</v>
      </c>
      <c r="J41283" s="2">
        <v>0</v>
      </c>
      <c r="K41283" s="2">
        <v>0</v>
      </c>
      <c r="L41283" t="s">
        <v>120</v>
      </c>
      <c r="M41283" t="s">
        <v>87</v>
      </c>
      <c r="N41283" t="s">
        <v>88</v>
      </c>
      <c r="O41283" t="s">
        <v>85</v>
      </c>
      <c r="P41283" t="s">
        <v>86</v>
      </c>
      <c r="Q41283">
        <v>61</v>
      </c>
      <c r="R41283">
        <v>61</v>
      </c>
      <c r="S41283">
        <v>61</v>
      </c>
      <c r="T41283">
        <v>61</v>
      </c>
      <c r="U41283">
        <v>62</v>
      </c>
      <c r="V41283">
        <v>62</v>
      </c>
      <c r="W41283">
        <v>62</v>
      </c>
      <c r="X41283">
        <v>63</v>
      </c>
      <c r="Y41283">
        <v>63</v>
      </c>
      <c r="Z41283">
        <v>63</v>
      </c>
      <c r="AA41283">
        <v>63</v>
      </c>
      <c r="AB41283">
        <v>64</v>
      </c>
      <c r="AC41283">
        <v>64</v>
      </c>
      <c r="AD41283">
        <v>64</v>
      </c>
      <c r="AE41283">
        <v>65</v>
      </c>
      <c r="AF41283">
        <v>65</v>
      </c>
      <c r="AG41283">
        <v>65</v>
      </c>
      <c r="AH41283">
        <v>65</v>
      </c>
      <c r="AI41283">
        <v>66</v>
      </c>
      <c r="AJ41283">
        <v>66</v>
      </c>
      <c r="AK41283">
        <v>66</v>
      </c>
      <c r="AL41283">
        <v>66</v>
      </c>
      <c r="AM41283">
        <v>67</v>
      </c>
      <c r="AN41283">
        <v>67</v>
      </c>
      <c r="AO41283">
        <v>67</v>
      </c>
      <c r="AP41283">
        <v>67</v>
      </c>
      <c r="AQ41283">
        <v>68</v>
      </c>
    </row>
    <row r="41284" spans="1:43">
      <c r="A41284" t="s">
        <v>25443</v>
      </c>
      <c r="B41284" t="s">
        <v>25444</v>
      </c>
      <c r="C41284" t="s">
        <v>12458</v>
      </c>
      <c r="D41284" t="s">
        <v>12459</v>
      </c>
      <c r="E41284" t="s">
        <v>12006</v>
      </c>
      <c r="F41284" t="s">
        <v>12007</v>
      </c>
      <c r="G41284" t="s">
        <v>10450</v>
      </c>
      <c r="H41284" t="s">
        <v>10451</v>
      </c>
      <c r="I41284" s="2">
        <v>1</v>
      </c>
      <c r="J41284" s="2">
        <v>0</v>
      </c>
      <c r="K41284" s="2">
        <v>0</v>
      </c>
      <c r="L41284" t="s">
        <v>120</v>
      </c>
      <c r="M41284" t="s">
        <v>89</v>
      </c>
      <c r="N41284" t="s">
        <v>90</v>
      </c>
      <c r="O41284" t="s">
        <v>85</v>
      </c>
      <c r="P41284" t="s">
        <v>86</v>
      </c>
      <c r="Q41284">
        <v>61</v>
      </c>
      <c r="R41284">
        <v>62</v>
      </c>
      <c r="S41284">
        <v>63</v>
      </c>
      <c r="T41284">
        <v>65</v>
      </c>
      <c r="U41284">
        <v>66</v>
      </c>
      <c r="V41284">
        <v>67</v>
      </c>
      <c r="W41284">
        <v>69</v>
      </c>
      <c r="X41284">
        <v>70</v>
      </c>
      <c r="Y41284">
        <v>71</v>
      </c>
      <c r="Z41284">
        <v>72</v>
      </c>
      <c r="AA41284">
        <v>73</v>
      </c>
      <c r="AB41284">
        <v>74</v>
      </c>
      <c r="AC41284">
        <v>76</v>
      </c>
      <c r="AD41284">
        <v>77</v>
      </c>
      <c r="AE41284">
        <v>77</v>
      </c>
      <c r="AF41284">
        <v>77</v>
      </c>
      <c r="AG41284">
        <v>78</v>
      </c>
      <c r="AH41284">
        <v>78</v>
      </c>
      <c r="AI41284">
        <v>78</v>
      </c>
      <c r="AJ41284">
        <v>78</v>
      </c>
      <c r="AK41284">
        <v>78</v>
      </c>
      <c r="AL41284">
        <v>78</v>
      </c>
      <c r="AM41284">
        <v>78</v>
      </c>
      <c r="AN41284">
        <v>78</v>
      </c>
      <c r="AO41284">
        <v>78</v>
      </c>
      <c r="AP41284">
        <v>78</v>
      </c>
      <c r="AQ41284">
        <v>78</v>
      </c>
    </row>
    <row r="41285" spans="1:43">
      <c r="A41285" t="s">
        <v>25443</v>
      </c>
      <c r="B41285" t="s">
        <v>25444</v>
      </c>
      <c r="C41285" t="s">
        <v>12458</v>
      </c>
      <c r="D41285" t="s">
        <v>12459</v>
      </c>
      <c r="E41285" t="s">
        <v>12006</v>
      </c>
      <c r="F41285" t="s">
        <v>12007</v>
      </c>
      <c r="G41285" t="s">
        <v>10450</v>
      </c>
      <c r="H41285" t="s">
        <v>10451</v>
      </c>
      <c r="I41285" s="2">
        <v>1</v>
      </c>
      <c r="J41285" s="2">
        <v>0</v>
      </c>
      <c r="K41285" s="2">
        <v>0</v>
      </c>
      <c r="L41285" t="s">
        <v>120</v>
      </c>
      <c r="M41285" t="s">
        <v>83</v>
      </c>
      <c r="N41285" t="s">
        <v>91</v>
      </c>
      <c r="O41285" t="s">
        <v>85</v>
      </c>
      <c r="P41285" t="s">
        <v>86</v>
      </c>
      <c r="Q41285">
        <v>61</v>
      </c>
      <c r="R41285">
        <v>62</v>
      </c>
      <c r="S41285">
        <v>63</v>
      </c>
      <c r="T41285">
        <v>64</v>
      </c>
      <c r="U41285">
        <v>65</v>
      </c>
      <c r="V41285">
        <v>66</v>
      </c>
      <c r="W41285">
        <v>66</v>
      </c>
      <c r="X41285">
        <v>67</v>
      </c>
      <c r="Y41285">
        <v>68</v>
      </c>
      <c r="Z41285">
        <v>69</v>
      </c>
      <c r="AA41285">
        <v>70</v>
      </c>
      <c r="AB41285">
        <v>71</v>
      </c>
      <c r="AC41285">
        <v>71</v>
      </c>
      <c r="AD41285">
        <v>72</v>
      </c>
      <c r="AE41285">
        <v>73</v>
      </c>
      <c r="AF41285">
        <v>74</v>
      </c>
      <c r="AG41285">
        <v>75</v>
      </c>
      <c r="AH41285">
        <v>75</v>
      </c>
      <c r="AI41285">
        <v>76</v>
      </c>
      <c r="AJ41285">
        <v>77</v>
      </c>
      <c r="AK41285">
        <v>78</v>
      </c>
      <c r="AL41285">
        <v>78</v>
      </c>
      <c r="AM41285">
        <v>78</v>
      </c>
      <c r="AN41285">
        <v>78</v>
      </c>
      <c r="AO41285">
        <v>78</v>
      </c>
      <c r="AP41285">
        <v>78</v>
      </c>
      <c r="AQ41285">
        <v>78</v>
      </c>
    </row>
    <row r="41286" spans="1:43">
      <c r="A41286" t="s">
        <v>25445</v>
      </c>
      <c r="B41286" t="s">
        <v>25446</v>
      </c>
      <c r="C41286" t="s">
        <v>12458</v>
      </c>
      <c r="D41286" t="s">
        <v>12459</v>
      </c>
      <c r="E41286" t="s">
        <v>12006</v>
      </c>
      <c r="F41286" t="s">
        <v>12007</v>
      </c>
      <c r="G41286" t="s">
        <v>10450</v>
      </c>
      <c r="H41286" t="s">
        <v>10451</v>
      </c>
      <c r="I41286" s="2">
        <v>1</v>
      </c>
      <c r="J41286" s="2">
        <v>0</v>
      </c>
      <c r="K41286" s="2">
        <v>0</v>
      </c>
      <c r="L41286" t="s">
        <v>120</v>
      </c>
      <c r="M41286" t="s">
        <v>83</v>
      </c>
      <c r="N41286" t="s">
        <v>84</v>
      </c>
      <c r="O41286" t="s">
        <v>85</v>
      </c>
      <c r="P41286" t="s">
        <v>86</v>
      </c>
      <c r="Q41286">
        <v>6</v>
      </c>
      <c r="R41286">
        <v>6</v>
      </c>
      <c r="S41286">
        <v>7</v>
      </c>
      <c r="T41286">
        <v>7</v>
      </c>
      <c r="U41286">
        <v>7</v>
      </c>
      <c r="V41286">
        <v>7</v>
      </c>
      <c r="W41286">
        <v>7</v>
      </c>
      <c r="X41286">
        <v>7</v>
      </c>
      <c r="Y41286">
        <v>7</v>
      </c>
      <c r="Z41286">
        <v>7</v>
      </c>
      <c r="AA41286">
        <v>7</v>
      </c>
      <c r="AB41286">
        <v>7</v>
      </c>
      <c r="AC41286">
        <v>7</v>
      </c>
      <c r="AD41286">
        <v>8</v>
      </c>
      <c r="AE41286">
        <v>8</v>
      </c>
      <c r="AF41286">
        <v>8</v>
      </c>
      <c r="AG41286">
        <v>8</v>
      </c>
      <c r="AH41286">
        <v>8</v>
      </c>
      <c r="AI41286">
        <v>8</v>
      </c>
      <c r="AJ41286">
        <v>8</v>
      </c>
      <c r="AK41286">
        <v>8</v>
      </c>
      <c r="AL41286">
        <v>8</v>
      </c>
      <c r="AM41286">
        <v>8</v>
      </c>
      <c r="AN41286">
        <v>8</v>
      </c>
      <c r="AO41286">
        <v>8</v>
      </c>
      <c r="AP41286">
        <v>8</v>
      </c>
      <c r="AQ41286">
        <v>8</v>
      </c>
    </row>
    <row r="41287" spans="1:43">
      <c r="A41287" t="s">
        <v>25445</v>
      </c>
      <c r="B41287" t="s">
        <v>25446</v>
      </c>
      <c r="C41287" t="s">
        <v>12458</v>
      </c>
      <c r="D41287" t="s">
        <v>12459</v>
      </c>
      <c r="E41287" t="s">
        <v>12006</v>
      </c>
      <c r="F41287" t="s">
        <v>12007</v>
      </c>
      <c r="G41287" t="s">
        <v>10450</v>
      </c>
      <c r="H41287" t="s">
        <v>10451</v>
      </c>
      <c r="I41287" s="2">
        <v>1</v>
      </c>
      <c r="J41287" s="2">
        <v>0</v>
      </c>
      <c r="K41287" s="2">
        <v>0</v>
      </c>
      <c r="L41287" t="s">
        <v>120</v>
      </c>
      <c r="M41287" t="s">
        <v>87</v>
      </c>
      <c r="N41287" t="s">
        <v>88</v>
      </c>
      <c r="O41287" t="s">
        <v>85</v>
      </c>
      <c r="P41287" t="s">
        <v>86</v>
      </c>
      <c r="Q41287">
        <v>6</v>
      </c>
      <c r="R41287">
        <v>6</v>
      </c>
      <c r="S41287">
        <v>6</v>
      </c>
      <c r="T41287">
        <v>6</v>
      </c>
      <c r="U41287">
        <v>6</v>
      </c>
      <c r="V41287">
        <v>6</v>
      </c>
      <c r="W41287">
        <v>7</v>
      </c>
      <c r="X41287">
        <v>7</v>
      </c>
      <c r="Y41287">
        <v>7</v>
      </c>
      <c r="Z41287">
        <v>7</v>
      </c>
      <c r="AA41287">
        <v>7</v>
      </c>
      <c r="AB41287">
        <v>7</v>
      </c>
      <c r="AC41287">
        <v>7</v>
      </c>
      <c r="AD41287">
        <v>7</v>
      </c>
      <c r="AE41287">
        <v>7</v>
      </c>
      <c r="AF41287">
        <v>7</v>
      </c>
      <c r="AG41287">
        <v>7</v>
      </c>
      <c r="AH41287">
        <v>7</v>
      </c>
      <c r="AI41287">
        <v>7</v>
      </c>
      <c r="AJ41287">
        <v>7</v>
      </c>
      <c r="AK41287">
        <v>7</v>
      </c>
      <c r="AL41287">
        <v>7</v>
      </c>
      <c r="AM41287">
        <v>7</v>
      </c>
      <c r="AN41287">
        <v>7</v>
      </c>
      <c r="AO41287">
        <v>7</v>
      </c>
      <c r="AP41287">
        <v>7</v>
      </c>
      <c r="AQ41287">
        <v>7</v>
      </c>
    </row>
    <row r="41288" spans="1:43">
      <c r="A41288" t="s">
        <v>25445</v>
      </c>
      <c r="B41288" t="s">
        <v>25446</v>
      </c>
      <c r="C41288" t="s">
        <v>12458</v>
      </c>
      <c r="D41288" t="s">
        <v>12459</v>
      </c>
      <c r="E41288" t="s">
        <v>12006</v>
      </c>
      <c r="F41288" t="s">
        <v>12007</v>
      </c>
      <c r="G41288" t="s">
        <v>10450</v>
      </c>
      <c r="H41288" t="s">
        <v>10451</v>
      </c>
      <c r="I41288" s="2">
        <v>1</v>
      </c>
      <c r="J41288" s="2">
        <v>0</v>
      </c>
      <c r="K41288" s="2">
        <v>0</v>
      </c>
      <c r="L41288" t="s">
        <v>120</v>
      </c>
      <c r="M41288" t="s">
        <v>89</v>
      </c>
      <c r="N41288" t="s">
        <v>90</v>
      </c>
      <c r="O41288" t="s">
        <v>85</v>
      </c>
      <c r="P41288" t="s">
        <v>86</v>
      </c>
      <c r="Q41288">
        <v>6</v>
      </c>
      <c r="R41288">
        <v>7</v>
      </c>
      <c r="S41288">
        <v>7</v>
      </c>
      <c r="T41288">
        <v>7</v>
      </c>
      <c r="U41288">
        <v>7</v>
      </c>
      <c r="V41288">
        <v>7</v>
      </c>
      <c r="W41288">
        <v>7</v>
      </c>
      <c r="X41288">
        <v>7</v>
      </c>
      <c r="Y41288">
        <v>8</v>
      </c>
      <c r="Z41288">
        <v>8</v>
      </c>
      <c r="AA41288">
        <v>8</v>
      </c>
      <c r="AB41288">
        <v>8</v>
      </c>
      <c r="AC41288">
        <v>8</v>
      </c>
      <c r="AD41288">
        <v>8</v>
      </c>
      <c r="AE41288">
        <v>8</v>
      </c>
      <c r="AF41288">
        <v>8</v>
      </c>
      <c r="AG41288">
        <v>8</v>
      </c>
      <c r="AH41288">
        <v>8</v>
      </c>
      <c r="AI41288">
        <v>8</v>
      </c>
      <c r="AJ41288">
        <v>8</v>
      </c>
      <c r="AK41288">
        <v>8</v>
      </c>
      <c r="AL41288">
        <v>8</v>
      </c>
      <c r="AM41288">
        <v>8</v>
      </c>
      <c r="AN41288">
        <v>8</v>
      </c>
      <c r="AO41288">
        <v>8</v>
      </c>
      <c r="AP41288">
        <v>8</v>
      </c>
      <c r="AQ41288">
        <v>8</v>
      </c>
    </row>
    <row r="41289" spans="1:43">
      <c r="A41289" t="s">
        <v>25445</v>
      </c>
      <c r="B41289" t="s">
        <v>25446</v>
      </c>
      <c r="C41289" t="s">
        <v>12458</v>
      </c>
      <c r="D41289" t="s">
        <v>12459</v>
      </c>
      <c r="E41289" t="s">
        <v>12006</v>
      </c>
      <c r="F41289" t="s">
        <v>12007</v>
      </c>
      <c r="G41289" t="s">
        <v>10450</v>
      </c>
      <c r="H41289" t="s">
        <v>10451</v>
      </c>
      <c r="I41289" s="2">
        <v>1</v>
      </c>
      <c r="J41289" s="2">
        <v>0</v>
      </c>
      <c r="K41289" s="2">
        <v>0</v>
      </c>
      <c r="L41289" t="s">
        <v>120</v>
      </c>
      <c r="M41289" t="s">
        <v>83</v>
      </c>
      <c r="N41289" t="s">
        <v>91</v>
      </c>
      <c r="O41289" t="s">
        <v>85</v>
      </c>
      <c r="P41289" t="s">
        <v>86</v>
      </c>
      <c r="Q41289">
        <v>6</v>
      </c>
      <c r="R41289">
        <v>6</v>
      </c>
      <c r="S41289">
        <v>7</v>
      </c>
      <c r="T41289">
        <v>7</v>
      </c>
      <c r="U41289">
        <v>7</v>
      </c>
      <c r="V41289">
        <v>7</v>
      </c>
      <c r="W41289">
        <v>7</v>
      </c>
      <c r="X41289">
        <v>7</v>
      </c>
      <c r="Y41289">
        <v>7</v>
      </c>
      <c r="Z41289">
        <v>7</v>
      </c>
      <c r="AA41289">
        <v>7</v>
      </c>
      <c r="AB41289">
        <v>7</v>
      </c>
      <c r="AC41289">
        <v>7</v>
      </c>
      <c r="AD41289">
        <v>8</v>
      </c>
      <c r="AE41289">
        <v>8</v>
      </c>
      <c r="AF41289">
        <v>8</v>
      </c>
      <c r="AG41289">
        <v>8</v>
      </c>
      <c r="AH41289">
        <v>8</v>
      </c>
      <c r="AI41289">
        <v>8</v>
      </c>
      <c r="AJ41289">
        <v>8</v>
      </c>
      <c r="AK41289">
        <v>8</v>
      </c>
      <c r="AL41289">
        <v>8</v>
      </c>
      <c r="AM41289">
        <v>8</v>
      </c>
      <c r="AN41289">
        <v>8</v>
      </c>
      <c r="AO41289">
        <v>8</v>
      </c>
      <c r="AP41289">
        <v>8</v>
      </c>
      <c r="AQ41289">
        <v>8</v>
      </c>
    </row>
    <row r="41290" spans="1:43">
      <c r="A41290" t="s">
        <v>25447</v>
      </c>
      <c r="B41290" t="s">
        <v>25448</v>
      </c>
      <c r="C41290" t="s">
        <v>12458</v>
      </c>
      <c r="D41290" t="s">
        <v>12459</v>
      </c>
      <c r="E41290" t="s">
        <v>12006</v>
      </c>
      <c r="F41290" t="s">
        <v>12007</v>
      </c>
      <c r="G41290" t="s">
        <v>10450</v>
      </c>
      <c r="H41290" t="s">
        <v>10451</v>
      </c>
      <c r="I41290" s="2">
        <v>1</v>
      </c>
      <c r="J41290" s="2">
        <v>0</v>
      </c>
      <c r="K41290" s="2">
        <v>0</v>
      </c>
      <c r="L41290" t="s">
        <v>120</v>
      </c>
      <c r="M41290" t="s">
        <v>83</v>
      </c>
      <c r="N41290" t="s">
        <v>84</v>
      </c>
      <c r="O41290" t="s">
        <v>85</v>
      </c>
      <c r="P41290" t="s">
        <v>86</v>
      </c>
      <c r="Q41290">
        <v>7</v>
      </c>
      <c r="R41290">
        <v>7</v>
      </c>
      <c r="S41290">
        <v>7</v>
      </c>
      <c r="T41290">
        <v>7</v>
      </c>
      <c r="U41290">
        <v>7</v>
      </c>
      <c r="V41290">
        <v>8</v>
      </c>
      <c r="W41290">
        <v>8</v>
      </c>
      <c r="X41290">
        <v>8</v>
      </c>
      <c r="Y41290">
        <v>8</v>
      </c>
      <c r="Z41290">
        <v>8</v>
      </c>
      <c r="AA41290">
        <v>8</v>
      </c>
      <c r="AB41290">
        <v>8</v>
      </c>
      <c r="AC41290">
        <v>8</v>
      </c>
      <c r="AD41290">
        <v>8</v>
      </c>
      <c r="AE41290">
        <v>8</v>
      </c>
      <c r="AF41290">
        <v>9</v>
      </c>
      <c r="AG41290">
        <v>9</v>
      </c>
      <c r="AH41290">
        <v>9</v>
      </c>
      <c r="AI41290">
        <v>9</v>
      </c>
      <c r="AJ41290">
        <v>9</v>
      </c>
      <c r="AK41290">
        <v>9</v>
      </c>
      <c r="AL41290">
        <v>9</v>
      </c>
      <c r="AM41290">
        <v>9</v>
      </c>
      <c r="AN41290">
        <v>9</v>
      </c>
      <c r="AO41290">
        <v>9</v>
      </c>
      <c r="AP41290">
        <v>9</v>
      </c>
      <c r="AQ41290">
        <v>9</v>
      </c>
    </row>
    <row r="41291" spans="1:43">
      <c r="A41291" t="s">
        <v>25447</v>
      </c>
      <c r="B41291" t="s">
        <v>25448</v>
      </c>
      <c r="C41291" t="s">
        <v>12458</v>
      </c>
      <c r="D41291" t="s">
        <v>12459</v>
      </c>
      <c r="E41291" t="s">
        <v>12006</v>
      </c>
      <c r="F41291" t="s">
        <v>12007</v>
      </c>
      <c r="G41291" t="s">
        <v>10450</v>
      </c>
      <c r="H41291" t="s">
        <v>10451</v>
      </c>
      <c r="I41291" s="2">
        <v>1</v>
      </c>
      <c r="J41291" s="2">
        <v>0</v>
      </c>
      <c r="K41291" s="2">
        <v>0</v>
      </c>
      <c r="L41291" t="s">
        <v>120</v>
      </c>
      <c r="M41291" t="s">
        <v>87</v>
      </c>
      <c r="N41291" t="s">
        <v>88</v>
      </c>
      <c r="O41291" t="s">
        <v>85</v>
      </c>
      <c r="P41291" t="s">
        <v>86</v>
      </c>
      <c r="Q41291">
        <v>7</v>
      </c>
      <c r="R41291">
        <v>7</v>
      </c>
      <c r="S41291">
        <v>7</v>
      </c>
      <c r="T41291">
        <v>7</v>
      </c>
      <c r="U41291">
        <v>7</v>
      </c>
      <c r="V41291">
        <v>7</v>
      </c>
      <c r="W41291">
        <v>7</v>
      </c>
      <c r="X41291">
        <v>7</v>
      </c>
      <c r="Y41291">
        <v>7</v>
      </c>
      <c r="Z41291">
        <v>7</v>
      </c>
      <c r="AA41291">
        <v>7</v>
      </c>
      <c r="AB41291">
        <v>7</v>
      </c>
      <c r="AC41291">
        <v>7</v>
      </c>
      <c r="AD41291">
        <v>7</v>
      </c>
      <c r="AE41291">
        <v>7</v>
      </c>
      <c r="AF41291">
        <v>8</v>
      </c>
      <c r="AG41291">
        <v>8</v>
      </c>
      <c r="AH41291">
        <v>8</v>
      </c>
      <c r="AI41291">
        <v>8</v>
      </c>
      <c r="AJ41291">
        <v>8</v>
      </c>
      <c r="AK41291">
        <v>8</v>
      </c>
      <c r="AL41291">
        <v>8</v>
      </c>
      <c r="AM41291">
        <v>8</v>
      </c>
      <c r="AN41291">
        <v>8</v>
      </c>
      <c r="AO41291">
        <v>8</v>
      </c>
      <c r="AP41291">
        <v>8</v>
      </c>
      <c r="AQ41291">
        <v>8</v>
      </c>
    </row>
    <row r="41292" spans="1:43">
      <c r="A41292" t="s">
        <v>25447</v>
      </c>
      <c r="B41292" t="s">
        <v>25448</v>
      </c>
      <c r="C41292" t="s">
        <v>12458</v>
      </c>
      <c r="D41292" t="s">
        <v>12459</v>
      </c>
      <c r="E41292" t="s">
        <v>12006</v>
      </c>
      <c r="F41292" t="s">
        <v>12007</v>
      </c>
      <c r="G41292" t="s">
        <v>10450</v>
      </c>
      <c r="H41292" t="s">
        <v>10451</v>
      </c>
      <c r="I41292" s="2">
        <v>1</v>
      </c>
      <c r="J41292" s="2">
        <v>0</v>
      </c>
      <c r="K41292" s="2">
        <v>0</v>
      </c>
      <c r="L41292" t="s">
        <v>120</v>
      </c>
      <c r="M41292" t="s">
        <v>89</v>
      </c>
      <c r="N41292" t="s">
        <v>90</v>
      </c>
      <c r="O41292" t="s">
        <v>85</v>
      </c>
      <c r="P41292" t="s">
        <v>86</v>
      </c>
      <c r="Q41292">
        <v>7</v>
      </c>
      <c r="R41292">
        <v>7</v>
      </c>
      <c r="S41292">
        <v>7</v>
      </c>
      <c r="T41292">
        <v>8</v>
      </c>
      <c r="U41292">
        <v>8</v>
      </c>
      <c r="V41292">
        <v>8</v>
      </c>
      <c r="W41292">
        <v>8</v>
      </c>
      <c r="X41292">
        <v>8</v>
      </c>
      <c r="Y41292">
        <v>8</v>
      </c>
      <c r="Z41292">
        <v>8</v>
      </c>
      <c r="AA41292">
        <v>9</v>
      </c>
      <c r="AB41292">
        <v>9</v>
      </c>
      <c r="AC41292">
        <v>9</v>
      </c>
      <c r="AD41292">
        <v>9</v>
      </c>
      <c r="AE41292">
        <v>9</v>
      </c>
      <c r="AF41292">
        <v>9</v>
      </c>
      <c r="AG41292">
        <v>9</v>
      </c>
      <c r="AH41292">
        <v>9</v>
      </c>
      <c r="AI41292">
        <v>9</v>
      </c>
      <c r="AJ41292">
        <v>9</v>
      </c>
      <c r="AK41292">
        <v>9</v>
      </c>
      <c r="AL41292">
        <v>9</v>
      </c>
      <c r="AM41292">
        <v>9</v>
      </c>
      <c r="AN41292">
        <v>9</v>
      </c>
      <c r="AO41292">
        <v>9</v>
      </c>
      <c r="AP41292">
        <v>9</v>
      </c>
      <c r="AQ41292">
        <v>9</v>
      </c>
    </row>
    <row r="41293" spans="1:43">
      <c r="A41293" t="s">
        <v>25447</v>
      </c>
      <c r="B41293" t="s">
        <v>25448</v>
      </c>
      <c r="C41293" t="s">
        <v>12458</v>
      </c>
      <c r="D41293" t="s">
        <v>12459</v>
      </c>
      <c r="E41293" t="s">
        <v>12006</v>
      </c>
      <c r="F41293" t="s">
        <v>12007</v>
      </c>
      <c r="G41293" t="s">
        <v>10450</v>
      </c>
      <c r="H41293" t="s">
        <v>10451</v>
      </c>
      <c r="I41293" s="2">
        <v>1</v>
      </c>
      <c r="J41293" s="2">
        <v>0</v>
      </c>
      <c r="K41293" s="2">
        <v>0</v>
      </c>
      <c r="L41293" t="s">
        <v>120</v>
      </c>
      <c r="M41293" t="s">
        <v>83</v>
      </c>
      <c r="N41293" t="s">
        <v>91</v>
      </c>
      <c r="O41293" t="s">
        <v>85</v>
      </c>
      <c r="P41293" t="s">
        <v>86</v>
      </c>
      <c r="Q41293">
        <v>7</v>
      </c>
      <c r="R41293">
        <v>7</v>
      </c>
      <c r="S41293">
        <v>7</v>
      </c>
      <c r="T41293">
        <v>7</v>
      </c>
      <c r="U41293">
        <v>7</v>
      </c>
      <c r="V41293">
        <v>8</v>
      </c>
      <c r="W41293">
        <v>8</v>
      </c>
      <c r="X41293">
        <v>8</v>
      </c>
      <c r="Y41293">
        <v>8</v>
      </c>
      <c r="Z41293">
        <v>8</v>
      </c>
      <c r="AA41293">
        <v>8</v>
      </c>
      <c r="AB41293">
        <v>8</v>
      </c>
      <c r="AC41293">
        <v>8</v>
      </c>
      <c r="AD41293">
        <v>8</v>
      </c>
      <c r="AE41293">
        <v>8</v>
      </c>
      <c r="AF41293">
        <v>9</v>
      </c>
      <c r="AG41293">
        <v>9</v>
      </c>
      <c r="AH41293">
        <v>9</v>
      </c>
      <c r="AI41293">
        <v>9</v>
      </c>
      <c r="AJ41293">
        <v>9</v>
      </c>
      <c r="AK41293">
        <v>9</v>
      </c>
      <c r="AL41293">
        <v>9</v>
      </c>
      <c r="AM41293">
        <v>9</v>
      </c>
      <c r="AN41293">
        <v>9</v>
      </c>
      <c r="AO41293">
        <v>9</v>
      </c>
      <c r="AP41293">
        <v>9</v>
      </c>
      <c r="AQ41293">
        <v>9</v>
      </c>
    </row>
    <row r="41294" spans="1:43">
      <c r="A41294" t="s">
        <v>25449</v>
      </c>
      <c r="B41294" t="s">
        <v>25450</v>
      </c>
      <c r="C41294" t="s">
        <v>12442</v>
      </c>
      <c r="D41294" t="s">
        <v>12443</v>
      </c>
      <c r="E41294" t="s">
        <v>12006</v>
      </c>
      <c r="F41294" t="s">
        <v>12007</v>
      </c>
      <c r="G41294" t="s">
        <v>10450</v>
      </c>
      <c r="H41294" t="s">
        <v>10451</v>
      </c>
      <c r="I41294" s="2">
        <v>1</v>
      </c>
      <c r="J41294" s="2">
        <v>0</v>
      </c>
      <c r="K41294" s="2">
        <v>0</v>
      </c>
      <c r="L41294" t="s">
        <v>120</v>
      </c>
      <c r="M41294" t="s">
        <v>83</v>
      </c>
      <c r="N41294" t="s">
        <v>84</v>
      </c>
      <c r="O41294" t="s">
        <v>85</v>
      </c>
      <c r="P41294" t="s">
        <v>86</v>
      </c>
      <c r="Q41294">
        <v>8</v>
      </c>
      <c r="R41294">
        <v>8</v>
      </c>
      <c r="S41294">
        <v>8</v>
      </c>
      <c r="T41294">
        <v>8</v>
      </c>
      <c r="U41294">
        <v>8</v>
      </c>
      <c r="V41294">
        <v>8</v>
      </c>
      <c r="W41294">
        <v>8</v>
      </c>
      <c r="X41294">
        <v>8</v>
      </c>
      <c r="Y41294">
        <v>9</v>
      </c>
      <c r="Z41294">
        <v>9</v>
      </c>
      <c r="AA41294">
        <v>9</v>
      </c>
      <c r="AB41294">
        <v>9</v>
      </c>
      <c r="AC41294">
        <v>9</v>
      </c>
      <c r="AD41294">
        <v>9</v>
      </c>
      <c r="AE41294">
        <v>9</v>
      </c>
      <c r="AF41294">
        <v>9</v>
      </c>
      <c r="AG41294">
        <v>9</v>
      </c>
      <c r="AH41294">
        <v>10</v>
      </c>
      <c r="AI41294">
        <v>10</v>
      </c>
      <c r="AJ41294">
        <v>10</v>
      </c>
      <c r="AK41294">
        <v>10</v>
      </c>
      <c r="AL41294">
        <v>10</v>
      </c>
      <c r="AM41294">
        <v>10</v>
      </c>
      <c r="AN41294">
        <v>10</v>
      </c>
      <c r="AO41294">
        <v>10</v>
      </c>
      <c r="AP41294">
        <v>10</v>
      </c>
      <c r="AQ41294">
        <v>10</v>
      </c>
    </row>
    <row r="41295" spans="1:43">
      <c r="A41295" t="s">
        <v>25449</v>
      </c>
      <c r="B41295" t="s">
        <v>25450</v>
      </c>
      <c r="C41295" t="s">
        <v>12442</v>
      </c>
      <c r="D41295" t="s">
        <v>12443</v>
      </c>
      <c r="E41295" t="s">
        <v>12006</v>
      </c>
      <c r="F41295" t="s">
        <v>12007</v>
      </c>
      <c r="G41295" t="s">
        <v>10450</v>
      </c>
      <c r="H41295" t="s">
        <v>10451</v>
      </c>
      <c r="I41295" s="2">
        <v>1</v>
      </c>
      <c r="J41295" s="2">
        <v>0</v>
      </c>
      <c r="K41295" s="2">
        <v>0</v>
      </c>
      <c r="L41295" t="s">
        <v>120</v>
      </c>
      <c r="M41295" t="s">
        <v>87</v>
      </c>
      <c r="N41295" t="s">
        <v>88</v>
      </c>
      <c r="O41295" t="s">
        <v>85</v>
      </c>
      <c r="P41295" t="s">
        <v>86</v>
      </c>
      <c r="Q41295">
        <v>8</v>
      </c>
      <c r="R41295">
        <v>8</v>
      </c>
      <c r="S41295">
        <v>8</v>
      </c>
      <c r="T41295">
        <v>8</v>
      </c>
      <c r="U41295">
        <v>8</v>
      </c>
      <c r="V41295">
        <v>8</v>
      </c>
      <c r="W41295">
        <v>8</v>
      </c>
      <c r="X41295">
        <v>8</v>
      </c>
      <c r="Y41295">
        <v>8</v>
      </c>
      <c r="Z41295">
        <v>8</v>
      </c>
      <c r="AA41295">
        <v>8</v>
      </c>
      <c r="AB41295">
        <v>8</v>
      </c>
      <c r="AC41295">
        <v>8</v>
      </c>
      <c r="AD41295">
        <v>8</v>
      </c>
      <c r="AE41295">
        <v>8</v>
      </c>
      <c r="AF41295">
        <v>8</v>
      </c>
      <c r="AG41295">
        <v>8</v>
      </c>
      <c r="AH41295">
        <v>8</v>
      </c>
      <c r="AI41295">
        <v>8</v>
      </c>
      <c r="AJ41295">
        <v>8</v>
      </c>
      <c r="AK41295">
        <v>8</v>
      </c>
      <c r="AL41295">
        <v>8</v>
      </c>
      <c r="AM41295">
        <v>8</v>
      </c>
      <c r="AN41295">
        <v>8</v>
      </c>
      <c r="AO41295">
        <v>8</v>
      </c>
      <c r="AP41295">
        <v>9</v>
      </c>
      <c r="AQ41295">
        <v>9</v>
      </c>
    </row>
    <row r="41296" spans="1:43">
      <c r="A41296" t="s">
        <v>25449</v>
      </c>
      <c r="B41296" t="s">
        <v>25450</v>
      </c>
      <c r="C41296" t="s">
        <v>12442</v>
      </c>
      <c r="D41296" t="s">
        <v>12443</v>
      </c>
      <c r="E41296" t="s">
        <v>12006</v>
      </c>
      <c r="F41296" t="s">
        <v>12007</v>
      </c>
      <c r="G41296" t="s">
        <v>10450</v>
      </c>
      <c r="H41296" t="s">
        <v>10451</v>
      </c>
      <c r="I41296" s="2">
        <v>1</v>
      </c>
      <c r="J41296" s="2">
        <v>0</v>
      </c>
      <c r="K41296" s="2">
        <v>0</v>
      </c>
      <c r="L41296" t="s">
        <v>120</v>
      </c>
      <c r="M41296" t="s">
        <v>89</v>
      </c>
      <c r="N41296" t="s">
        <v>90</v>
      </c>
      <c r="O41296" t="s">
        <v>85</v>
      </c>
      <c r="P41296" t="s">
        <v>86</v>
      </c>
      <c r="Q41296">
        <v>8</v>
      </c>
      <c r="R41296">
        <v>8</v>
      </c>
      <c r="S41296">
        <v>8</v>
      </c>
      <c r="T41296">
        <v>8</v>
      </c>
      <c r="U41296">
        <v>8</v>
      </c>
      <c r="V41296">
        <v>9</v>
      </c>
      <c r="W41296">
        <v>9</v>
      </c>
      <c r="X41296">
        <v>9</v>
      </c>
      <c r="Y41296">
        <v>9</v>
      </c>
      <c r="Z41296">
        <v>9</v>
      </c>
      <c r="AA41296">
        <v>9</v>
      </c>
      <c r="AB41296">
        <v>10</v>
      </c>
      <c r="AC41296">
        <v>10</v>
      </c>
      <c r="AD41296">
        <v>10</v>
      </c>
      <c r="AE41296">
        <v>10</v>
      </c>
      <c r="AF41296">
        <v>10</v>
      </c>
      <c r="AG41296">
        <v>10</v>
      </c>
      <c r="AH41296">
        <v>10</v>
      </c>
      <c r="AI41296">
        <v>10</v>
      </c>
      <c r="AJ41296">
        <v>10</v>
      </c>
      <c r="AK41296">
        <v>10</v>
      </c>
      <c r="AL41296">
        <v>10</v>
      </c>
      <c r="AM41296">
        <v>10</v>
      </c>
      <c r="AN41296">
        <v>10</v>
      </c>
      <c r="AO41296">
        <v>10</v>
      </c>
      <c r="AP41296">
        <v>10</v>
      </c>
      <c r="AQ41296">
        <v>10</v>
      </c>
    </row>
    <row r="41297" spans="1:43">
      <c r="A41297" t="s">
        <v>25449</v>
      </c>
      <c r="B41297" t="s">
        <v>25450</v>
      </c>
      <c r="C41297" t="s">
        <v>12442</v>
      </c>
      <c r="D41297" t="s">
        <v>12443</v>
      </c>
      <c r="E41297" t="s">
        <v>12006</v>
      </c>
      <c r="F41297" t="s">
        <v>12007</v>
      </c>
      <c r="G41297" t="s">
        <v>10450</v>
      </c>
      <c r="H41297" t="s">
        <v>10451</v>
      </c>
      <c r="I41297" s="2">
        <v>1</v>
      </c>
      <c r="J41297" s="2">
        <v>0</v>
      </c>
      <c r="K41297" s="2">
        <v>0</v>
      </c>
      <c r="L41297" t="s">
        <v>120</v>
      </c>
      <c r="M41297" t="s">
        <v>83</v>
      </c>
      <c r="N41297" t="s">
        <v>91</v>
      </c>
      <c r="O41297" t="s">
        <v>85</v>
      </c>
      <c r="P41297" t="s">
        <v>86</v>
      </c>
      <c r="Q41297">
        <v>8</v>
      </c>
      <c r="R41297">
        <v>8</v>
      </c>
      <c r="S41297">
        <v>8</v>
      </c>
      <c r="T41297">
        <v>8</v>
      </c>
      <c r="U41297">
        <v>8</v>
      </c>
      <c r="V41297">
        <v>8</v>
      </c>
      <c r="W41297">
        <v>8</v>
      </c>
      <c r="X41297">
        <v>8</v>
      </c>
      <c r="Y41297">
        <v>9</v>
      </c>
      <c r="Z41297">
        <v>9</v>
      </c>
      <c r="AA41297">
        <v>9</v>
      </c>
      <c r="AB41297">
        <v>9</v>
      </c>
      <c r="AC41297">
        <v>9</v>
      </c>
      <c r="AD41297">
        <v>9</v>
      </c>
      <c r="AE41297">
        <v>9</v>
      </c>
      <c r="AF41297">
        <v>9</v>
      </c>
      <c r="AG41297">
        <v>9</v>
      </c>
      <c r="AH41297">
        <v>10</v>
      </c>
      <c r="AI41297">
        <v>10</v>
      </c>
      <c r="AJ41297">
        <v>10</v>
      </c>
      <c r="AK41297">
        <v>10</v>
      </c>
      <c r="AL41297">
        <v>10</v>
      </c>
      <c r="AM41297">
        <v>10</v>
      </c>
      <c r="AN41297">
        <v>10</v>
      </c>
      <c r="AO41297">
        <v>10</v>
      </c>
      <c r="AP41297">
        <v>10</v>
      </c>
      <c r="AQ41297">
        <v>10</v>
      </c>
    </row>
    <row r="41298" spans="1:43">
      <c r="A41298" t="s">
        <v>25451</v>
      </c>
      <c r="B41298" t="s">
        <v>25452</v>
      </c>
      <c r="C41298" t="s">
        <v>12442</v>
      </c>
      <c r="D41298" t="s">
        <v>12443</v>
      </c>
      <c r="E41298" t="s">
        <v>12006</v>
      </c>
      <c r="F41298" t="s">
        <v>12007</v>
      </c>
      <c r="G41298" t="s">
        <v>10450</v>
      </c>
      <c r="H41298" t="s">
        <v>10451</v>
      </c>
      <c r="I41298" s="2">
        <v>1</v>
      </c>
      <c r="J41298" s="2">
        <v>0</v>
      </c>
      <c r="K41298" s="2">
        <v>0</v>
      </c>
      <c r="L41298" t="s">
        <v>120</v>
      </c>
      <c r="M41298" t="s">
        <v>83</v>
      </c>
      <c r="N41298" t="s">
        <v>84</v>
      </c>
      <c r="O41298" t="s">
        <v>85</v>
      </c>
      <c r="P41298" t="s">
        <v>86</v>
      </c>
      <c r="Q41298">
        <v>5</v>
      </c>
      <c r="R41298">
        <v>6</v>
      </c>
      <c r="S41298">
        <v>6</v>
      </c>
      <c r="T41298">
        <v>6</v>
      </c>
      <c r="U41298">
        <v>6</v>
      </c>
      <c r="V41298">
        <v>6</v>
      </c>
      <c r="W41298">
        <v>6</v>
      </c>
      <c r="X41298">
        <v>6</v>
      </c>
      <c r="Y41298">
        <v>6</v>
      </c>
      <c r="Z41298">
        <v>6</v>
      </c>
      <c r="AA41298">
        <v>6</v>
      </c>
      <c r="AB41298">
        <v>6</v>
      </c>
      <c r="AC41298">
        <v>6</v>
      </c>
      <c r="AD41298">
        <v>6</v>
      </c>
      <c r="AE41298">
        <v>7</v>
      </c>
      <c r="AF41298">
        <v>7</v>
      </c>
      <c r="AG41298">
        <v>7</v>
      </c>
      <c r="AH41298">
        <v>7</v>
      </c>
      <c r="AI41298">
        <v>7</v>
      </c>
      <c r="AJ41298">
        <v>7</v>
      </c>
      <c r="AK41298">
        <v>7</v>
      </c>
      <c r="AL41298">
        <v>7</v>
      </c>
      <c r="AM41298">
        <v>7</v>
      </c>
      <c r="AN41298">
        <v>7</v>
      </c>
      <c r="AO41298">
        <v>7</v>
      </c>
      <c r="AP41298">
        <v>7</v>
      </c>
      <c r="AQ41298">
        <v>7</v>
      </c>
    </row>
    <row r="41299" spans="1:43">
      <c r="A41299" t="s">
        <v>25451</v>
      </c>
      <c r="B41299" t="s">
        <v>25452</v>
      </c>
      <c r="C41299" t="s">
        <v>12442</v>
      </c>
      <c r="D41299" t="s">
        <v>12443</v>
      </c>
      <c r="E41299" t="s">
        <v>12006</v>
      </c>
      <c r="F41299" t="s">
        <v>12007</v>
      </c>
      <c r="G41299" t="s">
        <v>10450</v>
      </c>
      <c r="H41299" t="s">
        <v>10451</v>
      </c>
      <c r="I41299" s="2">
        <v>1</v>
      </c>
      <c r="J41299" s="2">
        <v>0</v>
      </c>
      <c r="K41299" s="2">
        <v>0</v>
      </c>
      <c r="L41299" t="s">
        <v>120</v>
      </c>
      <c r="M41299" t="s">
        <v>87</v>
      </c>
      <c r="N41299" t="s">
        <v>88</v>
      </c>
      <c r="O41299" t="s">
        <v>85</v>
      </c>
      <c r="P41299" t="s">
        <v>86</v>
      </c>
      <c r="Q41299">
        <v>5</v>
      </c>
      <c r="R41299">
        <v>5</v>
      </c>
      <c r="S41299">
        <v>5</v>
      </c>
      <c r="T41299">
        <v>6</v>
      </c>
      <c r="U41299">
        <v>6</v>
      </c>
      <c r="V41299">
        <v>6</v>
      </c>
      <c r="W41299">
        <v>6</v>
      </c>
      <c r="X41299">
        <v>6</v>
      </c>
      <c r="Y41299">
        <v>6</v>
      </c>
      <c r="Z41299">
        <v>6</v>
      </c>
      <c r="AA41299">
        <v>6</v>
      </c>
      <c r="AB41299">
        <v>6</v>
      </c>
      <c r="AC41299">
        <v>6</v>
      </c>
      <c r="AD41299">
        <v>6</v>
      </c>
      <c r="AE41299">
        <v>6</v>
      </c>
      <c r="AF41299">
        <v>6</v>
      </c>
      <c r="AG41299">
        <v>6</v>
      </c>
      <c r="AH41299">
        <v>6</v>
      </c>
      <c r="AI41299">
        <v>6</v>
      </c>
      <c r="AJ41299">
        <v>6</v>
      </c>
      <c r="AK41299">
        <v>6</v>
      </c>
      <c r="AL41299">
        <v>6</v>
      </c>
      <c r="AM41299">
        <v>6</v>
      </c>
      <c r="AN41299">
        <v>6</v>
      </c>
      <c r="AO41299">
        <v>6</v>
      </c>
      <c r="AP41299">
        <v>6</v>
      </c>
      <c r="AQ41299">
        <v>6</v>
      </c>
    </row>
    <row r="41300" spans="1:43">
      <c r="A41300" t="s">
        <v>25451</v>
      </c>
      <c r="B41300" t="s">
        <v>25452</v>
      </c>
      <c r="C41300" t="s">
        <v>12442</v>
      </c>
      <c r="D41300" t="s">
        <v>12443</v>
      </c>
      <c r="E41300" t="s">
        <v>12006</v>
      </c>
      <c r="F41300" t="s">
        <v>12007</v>
      </c>
      <c r="G41300" t="s">
        <v>10450</v>
      </c>
      <c r="H41300" t="s">
        <v>10451</v>
      </c>
      <c r="I41300" s="2">
        <v>1</v>
      </c>
      <c r="J41300" s="2">
        <v>0</v>
      </c>
      <c r="K41300" s="2">
        <v>0</v>
      </c>
      <c r="L41300" t="s">
        <v>120</v>
      </c>
      <c r="M41300" t="s">
        <v>89</v>
      </c>
      <c r="N41300" t="s">
        <v>90</v>
      </c>
      <c r="O41300" t="s">
        <v>85</v>
      </c>
      <c r="P41300" t="s">
        <v>86</v>
      </c>
      <c r="Q41300">
        <v>5</v>
      </c>
      <c r="R41300">
        <v>5</v>
      </c>
      <c r="S41300">
        <v>5</v>
      </c>
      <c r="T41300">
        <v>5</v>
      </c>
      <c r="U41300">
        <v>5</v>
      </c>
      <c r="V41300">
        <v>5</v>
      </c>
      <c r="W41300">
        <v>5</v>
      </c>
      <c r="X41300">
        <v>5</v>
      </c>
      <c r="Y41300">
        <v>5</v>
      </c>
      <c r="Z41300">
        <v>6</v>
      </c>
      <c r="AA41300">
        <v>6</v>
      </c>
      <c r="AB41300">
        <v>6</v>
      </c>
      <c r="AC41300">
        <v>6</v>
      </c>
      <c r="AD41300">
        <v>6</v>
      </c>
      <c r="AE41300">
        <v>6</v>
      </c>
      <c r="AF41300">
        <v>6</v>
      </c>
      <c r="AG41300">
        <v>6</v>
      </c>
      <c r="AH41300">
        <v>6</v>
      </c>
      <c r="AI41300">
        <v>6</v>
      </c>
      <c r="AJ41300">
        <v>6</v>
      </c>
      <c r="AK41300">
        <v>6</v>
      </c>
      <c r="AL41300">
        <v>6</v>
      </c>
      <c r="AM41300">
        <v>6</v>
      </c>
      <c r="AN41300">
        <v>6</v>
      </c>
      <c r="AO41300">
        <v>6</v>
      </c>
      <c r="AP41300">
        <v>6</v>
      </c>
      <c r="AQ41300">
        <v>6</v>
      </c>
    </row>
    <row r="41301" spans="1:43">
      <c r="A41301" t="s">
        <v>25451</v>
      </c>
      <c r="B41301" t="s">
        <v>25452</v>
      </c>
      <c r="C41301" t="s">
        <v>12442</v>
      </c>
      <c r="D41301" t="s">
        <v>12443</v>
      </c>
      <c r="E41301" t="s">
        <v>12006</v>
      </c>
      <c r="F41301" t="s">
        <v>12007</v>
      </c>
      <c r="G41301" t="s">
        <v>10450</v>
      </c>
      <c r="H41301" t="s">
        <v>10451</v>
      </c>
      <c r="I41301" s="2">
        <v>1</v>
      </c>
      <c r="J41301" s="2">
        <v>0</v>
      </c>
      <c r="K41301" s="2">
        <v>0</v>
      </c>
      <c r="L41301" t="s">
        <v>120</v>
      </c>
      <c r="M41301" t="s">
        <v>83</v>
      </c>
      <c r="N41301" t="s">
        <v>91</v>
      </c>
      <c r="O41301" t="s">
        <v>85</v>
      </c>
      <c r="P41301" t="s">
        <v>86</v>
      </c>
      <c r="Q41301">
        <v>5</v>
      </c>
      <c r="R41301">
        <v>6</v>
      </c>
      <c r="S41301">
        <v>6</v>
      </c>
      <c r="T41301">
        <v>6</v>
      </c>
      <c r="U41301">
        <v>6</v>
      </c>
      <c r="V41301">
        <v>6</v>
      </c>
      <c r="W41301">
        <v>6</v>
      </c>
      <c r="X41301">
        <v>6</v>
      </c>
      <c r="Y41301">
        <v>6</v>
      </c>
      <c r="Z41301">
        <v>6</v>
      </c>
      <c r="AA41301">
        <v>6</v>
      </c>
      <c r="AB41301">
        <v>6</v>
      </c>
      <c r="AC41301">
        <v>6</v>
      </c>
      <c r="AD41301">
        <v>6</v>
      </c>
      <c r="AE41301">
        <v>7</v>
      </c>
      <c r="AF41301">
        <v>7</v>
      </c>
      <c r="AG41301">
        <v>7</v>
      </c>
      <c r="AH41301">
        <v>7</v>
      </c>
      <c r="AI41301">
        <v>7</v>
      </c>
      <c r="AJ41301">
        <v>7</v>
      </c>
      <c r="AK41301">
        <v>7</v>
      </c>
      <c r="AL41301">
        <v>7</v>
      </c>
      <c r="AM41301">
        <v>7</v>
      </c>
      <c r="AN41301">
        <v>7</v>
      </c>
      <c r="AO41301">
        <v>7</v>
      </c>
      <c r="AP41301">
        <v>7</v>
      </c>
      <c r="AQ41301">
        <v>7</v>
      </c>
    </row>
    <row r="41302" spans="1:43">
      <c r="A41302" t="s">
        <v>25453</v>
      </c>
      <c r="B41302" t="s">
        <v>25454</v>
      </c>
      <c r="C41302" t="s">
        <v>12438</v>
      </c>
      <c r="D41302" t="s">
        <v>12439</v>
      </c>
      <c r="E41302" t="s">
        <v>12006</v>
      </c>
      <c r="F41302" t="s">
        <v>12007</v>
      </c>
      <c r="G41302" t="s">
        <v>10450</v>
      </c>
      <c r="H41302" t="s">
        <v>10451</v>
      </c>
      <c r="I41302" s="2">
        <v>1</v>
      </c>
      <c r="J41302" s="2">
        <v>0</v>
      </c>
      <c r="K41302" s="2">
        <v>0</v>
      </c>
      <c r="L41302" t="s">
        <v>120</v>
      </c>
      <c r="M41302" t="s">
        <v>83</v>
      </c>
      <c r="N41302" t="s">
        <v>84</v>
      </c>
      <c r="O41302" t="s">
        <v>85</v>
      </c>
      <c r="P41302" t="s">
        <v>86</v>
      </c>
      <c r="Q41302">
        <v>10</v>
      </c>
      <c r="R41302">
        <v>10</v>
      </c>
      <c r="S41302">
        <v>11</v>
      </c>
      <c r="T41302">
        <v>11</v>
      </c>
      <c r="U41302">
        <v>11</v>
      </c>
      <c r="V41302">
        <v>11</v>
      </c>
      <c r="W41302">
        <v>11</v>
      </c>
      <c r="X41302">
        <v>11</v>
      </c>
      <c r="Y41302">
        <v>11</v>
      </c>
      <c r="Z41302">
        <v>12</v>
      </c>
      <c r="AA41302">
        <v>12</v>
      </c>
      <c r="AB41302">
        <v>12</v>
      </c>
      <c r="AC41302">
        <v>12</v>
      </c>
      <c r="AD41302">
        <v>12</v>
      </c>
      <c r="AE41302">
        <v>12</v>
      </c>
      <c r="AF41302">
        <v>12</v>
      </c>
      <c r="AG41302">
        <v>13</v>
      </c>
      <c r="AH41302">
        <v>13</v>
      </c>
      <c r="AI41302">
        <v>13</v>
      </c>
      <c r="AJ41302">
        <v>13</v>
      </c>
      <c r="AK41302">
        <v>13</v>
      </c>
      <c r="AL41302">
        <v>13</v>
      </c>
      <c r="AM41302">
        <v>13</v>
      </c>
      <c r="AN41302">
        <v>13</v>
      </c>
      <c r="AO41302">
        <v>13</v>
      </c>
      <c r="AP41302">
        <v>13</v>
      </c>
      <c r="AQ41302">
        <v>13</v>
      </c>
    </row>
    <row r="41303" spans="1:43">
      <c r="A41303" t="s">
        <v>25453</v>
      </c>
      <c r="B41303" t="s">
        <v>25454</v>
      </c>
      <c r="C41303" t="s">
        <v>12438</v>
      </c>
      <c r="D41303" t="s">
        <v>12439</v>
      </c>
      <c r="E41303" t="s">
        <v>12006</v>
      </c>
      <c r="F41303" t="s">
        <v>12007</v>
      </c>
      <c r="G41303" t="s">
        <v>10450</v>
      </c>
      <c r="H41303" t="s">
        <v>10451</v>
      </c>
      <c r="I41303" s="2">
        <v>1</v>
      </c>
      <c r="J41303" s="2">
        <v>0</v>
      </c>
      <c r="K41303" s="2">
        <v>0</v>
      </c>
      <c r="L41303" t="s">
        <v>120</v>
      </c>
      <c r="M41303" t="s">
        <v>87</v>
      </c>
      <c r="N41303" t="s">
        <v>88</v>
      </c>
      <c r="O41303" t="s">
        <v>85</v>
      </c>
      <c r="P41303" t="s">
        <v>86</v>
      </c>
      <c r="Q41303">
        <v>10</v>
      </c>
      <c r="R41303">
        <v>10</v>
      </c>
      <c r="S41303">
        <v>10</v>
      </c>
      <c r="T41303">
        <v>10</v>
      </c>
      <c r="U41303">
        <v>10</v>
      </c>
      <c r="V41303">
        <v>10</v>
      </c>
      <c r="W41303">
        <v>10</v>
      </c>
      <c r="X41303">
        <v>11</v>
      </c>
      <c r="Y41303">
        <v>11</v>
      </c>
      <c r="Z41303">
        <v>11</v>
      </c>
      <c r="AA41303">
        <v>11</v>
      </c>
      <c r="AB41303">
        <v>11</v>
      </c>
      <c r="AC41303">
        <v>11</v>
      </c>
      <c r="AD41303">
        <v>11</v>
      </c>
      <c r="AE41303">
        <v>11</v>
      </c>
      <c r="AF41303">
        <v>11</v>
      </c>
      <c r="AG41303">
        <v>11</v>
      </c>
      <c r="AH41303">
        <v>11</v>
      </c>
      <c r="AI41303">
        <v>11</v>
      </c>
      <c r="AJ41303">
        <v>11</v>
      </c>
      <c r="AK41303">
        <v>11</v>
      </c>
      <c r="AL41303">
        <v>11</v>
      </c>
      <c r="AM41303">
        <v>11</v>
      </c>
      <c r="AN41303">
        <v>11</v>
      </c>
      <c r="AO41303">
        <v>11</v>
      </c>
      <c r="AP41303">
        <v>11</v>
      </c>
      <c r="AQ41303">
        <v>11</v>
      </c>
    </row>
    <row r="41304" spans="1:43">
      <c r="A41304" t="s">
        <v>25453</v>
      </c>
      <c r="B41304" t="s">
        <v>25454</v>
      </c>
      <c r="C41304" t="s">
        <v>12438</v>
      </c>
      <c r="D41304" t="s">
        <v>12439</v>
      </c>
      <c r="E41304" t="s">
        <v>12006</v>
      </c>
      <c r="F41304" t="s">
        <v>12007</v>
      </c>
      <c r="G41304" t="s">
        <v>10450</v>
      </c>
      <c r="H41304" t="s">
        <v>10451</v>
      </c>
      <c r="I41304" s="2">
        <v>1</v>
      </c>
      <c r="J41304" s="2">
        <v>0</v>
      </c>
      <c r="K41304" s="2">
        <v>0</v>
      </c>
      <c r="L41304" t="s">
        <v>120</v>
      </c>
      <c r="M41304" t="s">
        <v>89</v>
      </c>
      <c r="N41304" t="s">
        <v>90</v>
      </c>
      <c r="O41304" t="s">
        <v>85</v>
      </c>
      <c r="P41304" t="s">
        <v>86</v>
      </c>
      <c r="Q41304">
        <v>10</v>
      </c>
      <c r="R41304">
        <v>11</v>
      </c>
      <c r="S41304">
        <v>11</v>
      </c>
      <c r="T41304">
        <v>11</v>
      </c>
      <c r="U41304">
        <v>11</v>
      </c>
      <c r="V41304">
        <v>12</v>
      </c>
      <c r="W41304">
        <v>12</v>
      </c>
      <c r="X41304">
        <v>12</v>
      </c>
      <c r="Y41304">
        <v>12</v>
      </c>
      <c r="Z41304">
        <v>12</v>
      </c>
      <c r="AA41304">
        <v>12</v>
      </c>
      <c r="AB41304">
        <v>13</v>
      </c>
      <c r="AC41304">
        <v>13</v>
      </c>
      <c r="AD41304">
        <v>13</v>
      </c>
      <c r="AE41304">
        <v>13</v>
      </c>
      <c r="AF41304">
        <v>13</v>
      </c>
      <c r="AG41304">
        <v>13</v>
      </c>
      <c r="AH41304">
        <v>13</v>
      </c>
      <c r="AI41304">
        <v>13</v>
      </c>
      <c r="AJ41304">
        <v>13</v>
      </c>
      <c r="AK41304">
        <v>13</v>
      </c>
      <c r="AL41304">
        <v>13</v>
      </c>
      <c r="AM41304">
        <v>13</v>
      </c>
      <c r="AN41304">
        <v>13</v>
      </c>
      <c r="AO41304">
        <v>13</v>
      </c>
      <c r="AP41304">
        <v>13</v>
      </c>
      <c r="AQ41304">
        <v>13</v>
      </c>
    </row>
    <row r="41305" spans="1:43">
      <c r="A41305" t="s">
        <v>25453</v>
      </c>
      <c r="B41305" t="s">
        <v>25454</v>
      </c>
      <c r="C41305" t="s">
        <v>12438</v>
      </c>
      <c r="D41305" t="s">
        <v>12439</v>
      </c>
      <c r="E41305" t="s">
        <v>12006</v>
      </c>
      <c r="F41305" t="s">
        <v>12007</v>
      </c>
      <c r="G41305" t="s">
        <v>10450</v>
      </c>
      <c r="H41305" t="s">
        <v>10451</v>
      </c>
      <c r="I41305" s="2">
        <v>1</v>
      </c>
      <c r="J41305" s="2">
        <v>0</v>
      </c>
      <c r="K41305" s="2">
        <v>0</v>
      </c>
      <c r="L41305" t="s">
        <v>120</v>
      </c>
      <c r="M41305" t="s">
        <v>83</v>
      </c>
      <c r="N41305" t="s">
        <v>91</v>
      </c>
      <c r="O41305" t="s">
        <v>85</v>
      </c>
      <c r="P41305" t="s">
        <v>86</v>
      </c>
      <c r="Q41305">
        <v>10</v>
      </c>
      <c r="R41305">
        <v>10</v>
      </c>
      <c r="S41305">
        <v>11</v>
      </c>
      <c r="T41305">
        <v>11</v>
      </c>
      <c r="U41305">
        <v>11</v>
      </c>
      <c r="V41305">
        <v>11</v>
      </c>
      <c r="W41305">
        <v>11</v>
      </c>
      <c r="X41305">
        <v>11</v>
      </c>
      <c r="Y41305">
        <v>11</v>
      </c>
      <c r="Z41305">
        <v>12</v>
      </c>
      <c r="AA41305">
        <v>12</v>
      </c>
      <c r="AB41305">
        <v>12</v>
      </c>
      <c r="AC41305">
        <v>12</v>
      </c>
      <c r="AD41305">
        <v>12</v>
      </c>
      <c r="AE41305">
        <v>12</v>
      </c>
      <c r="AF41305">
        <v>12</v>
      </c>
      <c r="AG41305">
        <v>13</v>
      </c>
      <c r="AH41305">
        <v>13</v>
      </c>
      <c r="AI41305">
        <v>13</v>
      </c>
      <c r="AJ41305">
        <v>13</v>
      </c>
      <c r="AK41305">
        <v>13</v>
      </c>
      <c r="AL41305">
        <v>13</v>
      </c>
      <c r="AM41305">
        <v>13</v>
      </c>
      <c r="AN41305">
        <v>13</v>
      </c>
      <c r="AO41305">
        <v>13</v>
      </c>
      <c r="AP41305">
        <v>13</v>
      </c>
      <c r="AQ41305">
        <v>13</v>
      </c>
    </row>
    <row r="41306" spans="1:43">
      <c r="A41306" t="s">
        <v>25455</v>
      </c>
      <c r="B41306" t="s">
        <v>25456</v>
      </c>
      <c r="C41306" t="s">
        <v>12438</v>
      </c>
      <c r="D41306" t="s">
        <v>12439</v>
      </c>
      <c r="E41306" t="s">
        <v>12006</v>
      </c>
      <c r="F41306" t="s">
        <v>12007</v>
      </c>
      <c r="G41306" t="s">
        <v>10450</v>
      </c>
      <c r="H41306" t="s">
        <v>10451</v>
      </c>
      <c r="I41306" s="2">
        <v>1</v>
      </c>
      <c r="J41306" s="2">
        <v>0</v>
      </c>
      <c r="K41306" s="2">
        <v>0</v>
      </c>
      <c r="L41306" t="s">
        <v>120</v>
      </c>
      <c r="M41306" t="s">
        <v>83</v>
      </c>
      <c r="N41306" t="s">
        <v>84</v>
      </c>
      <c r="O41306" t="s">
        <v>85</v>
      </c>
      <c r="P41306" t="s">
        <v>86</v>
      </c>
      <c r="Q41306">
        <v>34</v>
      </c>
      <c r="R41306">
        <v>34</v>
      </c>
      <c r="S41306">
        <v>35</v>
      </c>
      <c r="T41306">
        <v>35</v>
      </c>
      <c r="U41306">
        <v>36</v>
      </c>
      <c r="V41306">
        <v>36</v>
      </c>
      <c r="W41306">
        <v>37</v>
      </c>
      <c r="X41306">
        <v>37</v>
      </c>
      <c r="Y41306">
        <v>38</v>
      </c>
      <c r="Z41306">
        <v>38</v>
      </c>
      <c r="AA41306">
        <v>39</v>
      </c>
      <c r="AB41306">
        <v>39</v>
      </c>
      <c r="AC41306">
        <v>39</v>
      </c>
      <c r="AD41306">
        <v>40</v>
      </c>
      <c r="AE41306">
        <v>40</v>
      </c>
      <c r="AF41306">
        <v>41</v>
      </c>
      <c r="AG41306">
        <v>41</v>
      </c>
      <c r="AH41306">
        <v>42</v>
      </c>
      <c r="AI41306">
        <v>42</v>
      </c>
      <c r="AJ41306">
        <v>43</v>
      </c>
      <c r="AK41306">
        <v>43</v>
      </c>
      <c r="AL41306">
        <v>43</v>
      </c>
      <c r="AM41306">
        <v>43</v>
      </c>
      <c r="AN41306">
        <v>43</v>
      </c>
      <c r="AO41306">
        <v>43</v>
      </c>
      <c r="AP41306">
        <v>43</v>
      </c>
      <c r="AQ41306">
        <v>43</v>
      </c>
    </row>
    <row r="41307" spans="1:43">
      <c r="A41307" t="s">
        <v>25455</v>
      </c>
      <c r="B41307" t="s">
        <v>25456</v>
      </c>
      <c r="C41307" t="s">
        <v>12438</v>
      </c>
      <c r="D41307" t="s">
        <v>12439</v>
      </c>
      <c r="E41307" t="s">
        <v>12006</v>
      </c>
      <c r="F41307" t="s">
        <v>12007</v>
      </c>
      <c r="G41307" t="s">
        <v>10450</v>
      </c>
      <c r="H41307" t="s">
        <v>10451</v>
      </c>
      <c r="I41307" s="2">
        <v>1</v>
      </c>
      <c r="J41307" s="2">
        <v>0</v>
      </c>
      <c r="K41307" s="2">
        <v>0</v>
      </c>
      <c r="L41307" t="s">
        <v>120</v>
      </c>
      <c r="M41307" t="s">
        <v>87</v>
      </c>
      <c r="N41307" t="s">
        <v>88</v>
      </c>
      <c r="O41307" t="s">
        <v>85</v>
      </c>
      <c r="P41307" t="s">
        <v>86</v>
      </c>
      <c r="Q41307">
        <v>34</v>
      </c>
      <c r="R41307">
        <v>34</v>
      </c>
      <c r="S41307">
        <v>34</v>
      </c>
      <c r="T41307">
        <v>34</v>
      </c>
      <c r="U41307">
        <v>34</v>
      </c>
      <c r="V41307">
        <v>34</v>
      </c>
      <c r="W41307">
        <v>35</v>
      </c>
      <c r="X41307">
        <v>35</v>
      </c>
      <c r="Y41307">
        <v>35</v>
      </c>
      <c r="Z41307">
        <v>35</v>
      </c>
      <c r="AA41307">
        <v>35</v>
      </c>
      <c r="AB41307">
        <v>35</v>
      </c>
      <c r="AC41307">
        <v>35</v>
      </c>
      <c r="AD41307">
        <v>36</v>
      </c>
      <c r="AE41307">
        <v>36</v>
      </c>
      <c r="AF41307">
        <v>36</v>
      </c>
      <c r="AG41307">
        <v>36</v>
      </c>
      <c r="AH41307">
        <v>36</v>
      </c>
      <c r="AI41307">
        <v>36</v>
      </c>
      <c r="AJ41307">
        <v>37</v>
      </c>
      <c r="AK41307">
        <v>37</v>
      </c>
      <c r="AL41307">
        <v>37</v>
      </c>
      <c r="AM41307">
        <v>37</v>
      </c>
      <c r="AN41307">
        <v>37</v>
      </c>
      <c r="AO41307">
        <v>37</v>
      </c>
      <c r="AP41307">
        <v>37</v>
      </c>
      <c r="AQ41307">
        <v>38</v>
      </c>
    </row>
    <row r="41308" spans="1:43">
      <c r="A41308" t="s">
        <v>25455</v>
      </c>
      <c r="B41308" t="s">
        <v>25456</v>
      </c>
      <c r="C41308" t="s">
        <v>12438</v>
      </c>
      <c r="D41308" t="s">
        <v>12439</v>
      </c>
      <c r="E41308" t="s">
        <v>12006</v>
      </c>
      <c r="F41308" t="s">
        <v>12007</v>
      </c>
      <c r="G41308" t="s">
        <v>10450</v>
      </c>
      <c r="H41308" t="s">
        <v>10451</v>
      </c>
      <c r="I41308" s="2">
        <v>1</v>
      </c>
      <c r="J41308" s="2">
        <v>0</v>
      </c>
      <c r="K41308" s="2">
        <v>0</v>
      </c>
      <c r="L41308" t="s">
        <v>120</v>
      </c>
      <c r="M41308" t="s">
        <v>89</v>
      </c>
      <c r="N41308" t="s">
        <v>90</v>
      </c>
      <c r="O41308" t="s">
        <v>85</v>
      </c>
      <c r="P41308" t="s">
        <v>86</v>
      </c>
      <c r="Q41308">
        <v>34</v>
      </c>
      <c r="R41308">
        <v>35</v>
      </c>
      <c r="S41308">
        <v>36</v>
      </c>
      <c r="T41308">
        <v>36</v>
      </c>
      <c r="U41308">
        <v>37</v>
      </c>
      <c r="V41308">
        <v>38</v>
      </c>
      <c r="W41308">
        <v>39</v>
      </c>
      <c r="X41308">
        <v>39</v>
      </c>
      <c r="Y41308">
        <v>40</v>
      </c>
      <c r="Z41308">
        <v>40</v>
      </c>
      <c r="AA41308">
        <v>41</v>
      </c>
      <c r="AB41308">
        <v>42</v>
      </c>
      <c r="AC41308">
        <v>42</v>
      </c>
      <c r="AD41308">
        <v>43</v>
      </c>
      <c r="AE41308">
        <v>43</v>
      </c>
      <c r="AF41308">
        <v>43</v>
      </c>
      <c r="AG41308">
        <v>43</v>
      </c>
      <c r="AH41308">
        <v>43</v>
      </c>
      <c r="AI41308">
        <v>44</v>
      </c>
      <c r="AJ41308">
        <v>44</v>
      </c>
      <c r="AK41308">
        <v>44</v>
      </c>
      <c r="AL41308">
        <v>44</v>
      </c>
      <c r="AM41308">
        <v>44</v>
      </c>
      <c r="AN41308">
        <v>44</v>
      </c>
      <c r="AO41308">
        <v>44</v>
      </c>
      <c r="AP41308">
        <v>44</v>
      </c>
      <c r="AQ41308">
        <v>44</v>
      </c>
    </row>
    <row r="41309" spans="1:43">
      <c r="A41309" t="s">
        <v>25455</v>
      </c>
      <c r="B41309" t="s">
        <v>25456</v>
      </c>
      <c r="C41309" t="s">
        <v>12438</v>
      </c>
      <c r="D41309" t="s">
        <v>12439</v>
      </c>
      <c r="E41309" t="s">
        <v>12006</v>
      </c>
      <c r="F41309" t="s">
        <v>12007</v>
      </c>
      <c r="G41309" t="s">
        <v>10450</v>
      </c>
      <c r="H41309" t="s">
        <v>10451</v>
      </c>
      <c r="I41309" s="2">
        <v>1</v>
      </c>
      <c r="J41309" s="2">
        <v>0</v>
      </c>
      <c r="K41309" s="2">
        <v>0</v>
      </c>
      <c r="L41309" t="s">
        <v>120</v>
      </c>
      <c r="M41309" t="s">
        <v>83</v>
      </c>
      <c r="N41309" t="s">
        <v>91</v>
      </c>
      <c r="O41309" t="s">
        <v>85</v>
      </c>
      <c r="P41309" t="s">
        <v>86</v>
      </c>
      <c r="Q41309">
        <v>34</v>
      </c>
      <c r="R41309">
        <v>34</v>
      </c>
      <c r="S41309">
        <v>35</v>
      </c>
      <c r="T41309">
        <v>35</v>
      </c>
      <c r="U41309">
        <v>36</v>
      </c>
      <c r="V41309">
        <v>36</v>
      </c>
      <c r="W41309">
        <v>37</v>
      </c>
      <c r="X41309">
        <v>37</v>
      </c>
      <c r="Y41309">
        <v>38</v>
      </c>
      <c r="Z41309">
        <v>38</v>
      </c>
      <c r="AA41309">
        <v>39</v>
      </c>
      <c r="AB41309">
        <v>39</v>
      </c>
      <c r="AC41309">
        <v>39</v>
      </c>
      <c r="AD41309">
        <v>40</v>
      </c>
      <c r="AE41309">
        <v>40</v>
      </c>
      <c r="AF41309">
        <v>41</v>
      </c>
      <c r="AG41309">
        <v>41</v>
      </c>
      <c r="AH41309">
        <v>42</v>
      </c>
      <c r="AI41309">
        <v>42</v>
      </c>
      <c r="AJ41309">
        <v>43</v>
      </c>
      <c r="AK41309">
        <v>43</v>
      </c>
      <c r="AL41309">
        <v>43</v>
      </c>
      <c r="AM41309">
        <v>43</v>
      </c>
      <c r="AN41309">
        <v>43</v>
      </c>
      <c r="AO41309">
        <v>43</v>
      </c>
      <c r="AP41309">
        <v>43</v>
      </c>
      <c r="AQ41309">
        <v>43</v>
      </c>
    </row>
    <row r="41310" spans="1:43">
      <c r="A41310" t="s">
        <v>25457</v>
      </c>
      <c r="B41310" t="s">
        <v>25458</v>
      </c>
      <c r="C41310" t="s">
        <v>6398</v>
      </c>
      <c r="D41310" t="s">
        <v>6399</v>
      </c>
      <c r="E41310" t="s">
        <v>6174</v>
      </c>
      <c r="F41310" t="s">
        <v>6175</v>
      </c>
      <c r="G41310" t="s">
        <v>80</v>
      </c>
      <c r="H41310" t="s">
        <v>81</v>
      </c>
      <c r="I41310" s="2">
        <v>0</v>
      </c>
      <c r="J41310" s="2">
        <v>1</v>
      </c>
      <c r="K41310" s="2">
        <v>0</v>
      </c>
      <c r="L41310" t="s">
        <v>82</v>
      </c>
      <c r="M41310" t="s">
        <v>83</v>
      </c>
      <c r="N41310" t="s">
        <v>84</v>
      </c>
      <c r="O41310" t="s">
        <v>85</v>
      </c>
      <c r="P41310" t="s">
        <v>86</v>
      </c>
      <c r="Q41310">
        <v>87</v>
      </c>
      <c r="R41310">
        <v>88</v>
      </c>
      <c r="S41310">
        <v>89</v>
      </c>
      <c r="T41310">
        <v>90</v>
      </c>
      <c r="U41310">
        <v>91</v>
      </c>
      <c r="V41310">
        <v>92</v>
      </c>
      <c r="W41310">
        <v>93</v>
      </c>
      <c r="X41310">
        <v>94</v>
      </c>
      <c r="Y41310">
        <v>95</v>
      </c>
      <c r="Z41310">
        <v>96</v>
      </c>
      <c r="AA41310">
        <v>97</v>
      </c>
      <c r="AB41310">
        <v>98</v>
      </c>
      <c r="AC41310">
        <v>98</v>
      </c>
      <c r="AD41310">
        <v>99</v>
      </c>
      <c r="AE41310">
        <v>100</v>
      </c>
      <c r="AF41310">
        <v>101</v>
      </c>
      <c r="AG41310">
        <v>102</v>
      </c>
      <c r="AH41310">
        <v>103</v>
      </c>
      <c r="AI41310">
        <v>103</v>
      </c>
      <c r="AJ41310">
        <v>104</v>
      </c>
      <c r="AK41310">
        <v>105</v>
      </c>
      <c r="AL41310">
        <v>105</v>
      </c>
      <c r="AM41310">
        <v>105</v>
      </c>
      <c r="AN41310">
        <v>104</v>
      </c>
      <c r="AO41310">
        <v>104</v>
      </c>
      <c r="AP41310">
        <v>104</v>
      </c>
      <c r="AQ41310">
        <v>104</v>
      </c>
    </row>
    <row r="41311" spans="1:43">
      <c r="A41311" t="s">
        <v>25457</v>
      </c>
      <c r="B41311" t="s">
        <v>25458</v>
      </c>
      <c r="C41311" t="s">
        <v>6398</v>
      </c>
      <c r="D41311" t="s">
        <v>6399</v>
      </c>
      <c r="E41311" t="s">
        <v>6174</v>
      </c>
      <c r="F41311" t="s">
        <v>6175</v>
      </c>
      <c r="G41311" t="s">
        <v>80</v>
      </c>
      <c r="H41311" t="s">
        <v>81</v>
      </c>
      <c r="I41311" s="2">
        <v>0</v>
      </c>
      <c r="J41311" s="2">
        <v>1</v>
      </c>
      <c r="K41311" s="2">
        <v>0</v>
      </c>
      <c r="L41311" t="s">
        <v>82</v>
      </c>
      <c r="M41311" t="s">
        <v>87</v>
      </c>
      <c r="N41311" t="s">
        <v>88</v>
      </c>
      <c r="O41311" t="s">
        <v>85</v>
      </c>
      <c r="P41311" t="s">
        <v>86</v>
      </c>
      <c r="Q41311">
        <v>87</v>
      </c>
      <c r="R41311">
        <v>88</v>
      </c>
      <c r="S41311">
        <v>88</v>
      </c>
      <c r="T41311">
        <v>88</v>
      </c>
      <c r="U41311">
        <v>88</v>
      </c>
      <c r="V41311">
        <v>88</v>
      </c>
      <c r="W41311">
        <v>88</v>
      </c>
      <c r="X41311">
        <v>89</v>
      </c>
      <c r="Y41311">
        <v>89</v>
      </c>
      <c r="Z41311">
        <v>89</v>
      </c>
      <c r="AA41311">
        <v>89</v>
      </c>
      <c r="AB41311">
        <v>89</v>
      </c>
      <c r="AC41311">
        <v>89</v>
      </c>
      <c r="AD41311">
        <v>89</v>
      </c>
      <c r="AE41311">
        <v>90</v>
      </c>
      <c r="AF41311">
        <v>90</v>
      </c>
      <c r="AG41311">
        <v>90</v>
      </c>
      <c r="AH41311">
        <v>90</v>
      </c>
      <c r="AI41311">
        <v>90</v>
      </c>
      <c r="AJ41311">
        <v>90</v>
      </c>
      <c r="AK41311">
        <v>90</v>
      </c>
      <c r="AL41311">
        <v>90</v>
      </c>
      <c r="AM41311">
        <v>90</v>
      </c>
      <c r="AN41311">
        <v>90</v>
      </c>
      <c r="AO41311">
        <v>90</v>
      </c>
      <c r="AP41311">
        <v>91</v>
      </c>
      <c r="AQ41311">
        <v>91</v>
      </c>
    </row>
    <row r="41312" spans="1:43">
      <c r="A41312" t="s">
        <v>25457</v>
      </c>
      <c r="B41312" t="s">
        <v>25458</v>
      </c>
      <c r="C41312" t="s">
        <v>6398</v>
      </c>
      <c r="D41312" t="s">
        <v>6399</v>
      </c>
      <c r="E41312" t="s">
        <v>6174</v>
      </c>
      <c r="F41312" t="s">
        <v>6175</v>
      </c>
      <c r="G41312" t="s">
        <v>80</v>
      </c>
      <c r="H41312" t="s">
        <v>81</v>
      </c>
      <c r="I41312" s="2">
        <v>0</v>
      </c>
      <c r="J41312" s="2">
        <v>1</v>
      </c>
      <c r="K41312" s="2">
        <v>0</v>
      </c>
      <c r="L41312" t="s">
        <v>82</v>
      </c>
      <c r="M41312" t="s">
        <v>89</v>
      </c>
      <c r="N41312" t="s">
        <v>90</v>
      </c>
      <c r="O41312" t="s">
        <v>85</v>
      </c>
      <c r="P41312" t="s">
        <v>86</v>
      </c>
      <c r="Q41312">
        <v>87</v>
      </c>
      <c r="R41312">
        <v>89</v>
      </c>
      <c r="S41312">
        <v>90</v>
      </c>
      <c r="T41312">
        <v>92</v>
      </c>
      <c r="U41312">
        <v>94</v>
      </c>
      <c r="V41312">
        <v>95</v>
      </c>
      <c r="W41312">
        <v>97</v>
      </c>
      <c r="X41312">
        <v>98</v>
      </c>
      <c r="Y41312">
        <v>100</v>
      </c>
      <c r="Z41312">
        <v>101</v>
      </c>
      <c r="AA41312">
        <v>102</v>
      </c>
      <c r="AB41312">
        <v>103</v>
      </c>
      <c r="AC41312">
        <v>105</v>
      </c>
      <c r="AD41312">
        <v>106</v>
      </c>
      <c r="AE41312">
        <v>107</v>
      </c>
      <c r="AF41312">
        <v>106</v>
      </c>
      <c r="AG41312">
        <v>106</v>
      </c>
      <c r="AH41312">
        <v>106</v>
      </c>
      <c r="AI41312">
        <v>106</v>
      </c>
      <c r="AJ41312">
        <v>105</v>
      </c>
      <c r="AK41312">
        <v>105</v>
      </c>
      <c r="AL41312">
        <v>105</v>
      </c>
      <c r="AM41312">
        <v>104</v>
      </c>
      <c r="AN41312">
        <v>104</v>
      </c>
      <c r="AO41312">
        <v>104</v>
      </c>
      <c r="AP41312">
        <v>104</v>
      </c>
      <c r="AQ41312">
        <v>103</v>
      </c>
    </row>
    <row r="41313" spans="1:43">
      <c r="A41313" t="s">
        <v>25457</v>
      </c>
      <c r="B41313" t="s">
        <v>25458</v>
      </c>
      <c r="C41313" t="s">
        <v>6398</v>
      </c>
      <c r="D41313" t="s">
        <v>6399</v>
      </c>
      <c r="E41313" t="s">
        <v>6174</v>
      </c>
      <c r="F41313" t="s">
        <v>6175</v>
      </c>
      <c r="G41313" t="s">
        <v>80</v>
      </c>
      <c r="H41313" t="s">
        <v>81</v>
      </c>
      <c r="I41313" s="2">
        <v>0</v>
      </c>
      <c r="J41313" s="2">
        <v>1</v>
      </c>
      <c r="K41313" s="2">
        <v>0</v>
      </c>
      <c r="L41313" t="s">
        <v>82</v>
      </c>
      <c r="M41313" t="s">
        <v>83</v>
      </c>
      <c r="N41313" t="s">
        <v>91</v>
      </c>
      <c r="O41313" t="s">
        <v>85</v>
      </c>
      <c r="P41313" t="s">
        <v>86</v>
      </c>
      <c r="Q41313">
        <v>87</v>
      </c>
      <c r="R41313">
        <v>88</v>
      </c>
      <c r="S41313">
        <v>89</v>
      </c>
      <c r="T41313">
        <v>90</v>
      </c>
      <c r="U41313">
        <v>91</v>
      </c>
      <c r="V41313">
        <v>92</v>
      </c>
      <c r="W41313">
        <v>93</v>
      </c>
      <c r="X41313">
        <v>94</v>
      </c>
      <c r="Y41313">
        <v>95</v>
      </c>
      <c r="Z41313">
        <v>96</v>
      </c>
      <c r="AA41313">
        <v>97</v>
      </c>
      <c r="AB41313">
        <v>98</v>
      </c>
      <c r="AC41313">
        <v>98</v>
      </c>
      <c r="AD41313">
        <v>99</v>
      </c>
      <c r="AE41313">
        <v>100</v>
      </c>
      <c r="AF41313">
        <v>101</v>
      </c>
      <c r="AG41313">
        <v>102</v>
      </c>
      <c r="AH41313">
        <v>103</v>
      </c>
      <c r="AI41313">
        <v>103</v>
      </c>
      <c r="AJ41313">
        <v>104</v>
      </c>
      <c r="AK41313">
        <v>105</v>
      </c>
      <c r="AL41313">
        <v>105</v>
      </c>
      <c r="AM41313">
        <v>105</v>
      </c>
      <c r="AN41313">
        <v>104</v>
      </c>
      <c r="AO41313">
        <v>104</v>
      </c>
      <c r="AP41313">
        <v>104</v>
      </c>
      <c r="AQ41313">
        <v>104</v>
      </c>
    </row>
    <row r="41314" spans="1:43">
      <c r="A41314" t="s">
        <v>25459</v>
      </c>
      <c r="B41314" t="s">
        <v>25460</v>
      </c>
      <c r="C41314" t="s">
        <v>6398</v>
      </c>
      <c r="D41314" t="s">
        <v>6399</v>
      </c>
      <c r="E41314" t="s">
        <v>6174</v>
      </c>
      <c r="F41314" t="s">
        <v>6175</v>
      </c>
      <c r="G41314" t="s">
        <v>80</v>
      </c>
      <c r="H41314" t="s">
        <v>81</v>
      </c>
      <c r="I41314" s="2">
        <v>0</v>
      </c>
      <c r="J41314" s="2">
        <v>1</v>
      </c>
      <c r="K41314" s="2">
        <v>0</v>
      </c>
      <c r="L41314" t="s">
        <v>82</v>
      </c>
      <c r="M41314" t="s">
        <v>83</v>
      </c>
      <c r="N41314" t="s">
        <v>84</v>
      </c>
      <c r="O41314" t="s">
        <v>85</v>
      </c>
      <c r="P41314" t="s">
        <v>86</v>
      </c>
      <c r="Q41314">
        <v>36</v>
      </c>
      <c r="R41314">
        <v>37</v>
      </c>
      <c r="S41314">
        <v>37</v>
      </c>
      <c r="T41314">
        <v>38</v>
      </c>
      <c r="U41314">
        <v>38</v>
      </c>
      <c r="V41314">
        <v>38</v>
      </c>
      <c r="W41314">
        <v>39</v>
      </c>
      <c r="X41314">
        <v>39</v>
      </c>
      <c r="Y41314">
        <v>40</v>
      </c>
      <c r="Z41314">
        <v>40</v>
      </c>
      <c r="AA41314">
        <v>40</v>
      </c>
      <c r="AB41314">
        <v>41</v>
      </c>
      <c r="AC41314">
        <v>41</v>
      </c>
      <c r="AD41314">
        <v>41</v>
      </c>
      <c r="AE41314">
        <v>42</v>
      </c>
      <c r="AF41314">
        <v>42</v>
      </c>
      <c r="AG41314">
        <v>43</v>
      </c>
      <c r="AH41314">
        <v>43</v>
      </c>
      <c r="AI41314">
        <v>43</v>
      </c>
      <c r="AJ41314">
        <v>43</v>
      </c>
      <c r="AK41314">
        <v>44</v>
      </c>
      <c r="AL41314">
        <v>44</v>
      </c>
      <c r="AM41314">
        <v>44</v>
      </c>
      <c r="AN41314">
        <v>44</v>
      </c>
      <c r="AO41314">
        <v>43</v>
      </c>
      <c r="AP41314">
        <v>43</v>
      </c>
      <c r="AQ41314">
        <v>43</v>
      </c>
    </row>
    <row r="41315" spans="1:43">
      <c r="A41315" t="s">
        <v>25459</v>
      </c>
      <c r="B41315" t="s">
        <v>25460</v>
      </c>
      <c r="C41315" t="s">
        <v>6398</v>
      </c>
      <c r="D41315" t="s">
        <v>6399</v>
      </c>
      <c r="E41315" t="s">
        <v>6174</v>
      </c>
      <c r="F41315" t="s">
        <v>6175</v>
      </c>
      <c r="G41315" t="s">
        <v>80</v>
      </c>
      <c r="H41315" t="s">
        <v>81</v>
      </c>
      <c r="I41315" s="2">
        <v>0</v>
      </c>
      <c r="J41315" s="2">
        <v>1</v>
      </c>
      <c r="K41315" s="2">
        <v>0</v>
      </c>
      <c r="L41315" t="s">
        <v>82</v>
      </c>
      <c r="M41315" t="s">
        <v>87</v>
      </c>
      <c r="N41315" t="s">
        <v>88</v>
      </c>
      <c r="O41315" t="s">
        <v>85</v>
      </c>
      <c r="P41315" t="s">
        <v>86</v>
      </c>
      <c r="Q41315">
        <v>36</v>
      </c>
      <c r="R41315">
        <v>36</v>
      </c>
      <c r="S41315">
        <v>36</v>
      </c>
      <c r="T41315">
        <v>36</v>
      </c>
      <c r="U41315">
        <v>36</v>
      </c>
      <c r="V41315">
        <v>36</v>
      </c>
      <c r="W41315">
        <v>37</v>
      </c>
      <c r="X41315">
        <v>37</v>
      </c>
      <c r="Y41315">
        <v>37</v>
      </c>
      <c r="Z41315">
        <v>37</v>
      </c>
      <c r="AA41315">
        <v>37</v>
      </c>
      <c r="AB41315">
        <v>37</v>
      </c>
      <c r="AC41315">
        <v>37</v>
      </c>
      <c r="AD41315">
        <v>37</v>
      </c>
      <c r="AE41315">
        <v>37</v>
      </c>
      <c r="AF41315">
        <v>37</v>
      </c>
      <c r="AG41315">
        <v>37</v>
      </c>
      <c r="AH41315">
        <v>37</v>
      </c>
      <c r="AI41315">
        <v>37</v>
      </c>
      <c r="AJ41315">
        <v>37</v>
      </c>
      <c r="AK41315">
        <v>37</v>
      </c>
      <c r="AL41315">
        <v>37</v>
      </c>
      <c r="AM41315">
        <v>37</v>
      </c>
      <c r="AN41315">
        <v>37</v>
      </c>
      <c r="AO41315">
        <v>37</v>
      </c>
      <c r="AP41315">
        <v>37</v>
      </c>
      <c r="AQ41315">
        <v>37</v>
      </c>
    </row>
    <row r="41316" spans="1:43">
      <c r="A41316" t="s">
        <v>25459</v>
      </c>
      <c r="B41316" t="s">
        <v>25460</v>
      </c>
      <c r="C41316" t="s">
        <v>6398</v>
      </c>
      <c r="D41316" t="s">
        <v>6399</v>
      </c>
      <c r="E41316" t="s">
        <v>6174</v>
      </c>
      <c r="F41316" t="s">
        <v>6175</v>
      </c>
      <c r="G41316" t="s">
        <v>80</v>
      </c>
      <c r="H41316" t="s">
        <v>81</v>
      </c>
      <c r="I41316" s="2">
        <v>0</v>
      </c>
      <c r="J41316" s="2">
        <v>1</v>
      </c>
      <c r="K41316" s="2">
        <v>0</v>
      </c>
      <c r="L41316" t="s">
        <v>82</v>
      </c>
      <c r="M41316" t="s">
        <v>89</v>
      </c>
      <c r="N41316" t="s">
        <v>90</v>
      </c>
      <c r="O41316" t="s">
        <v>85</v>
      </c>
      <c r="P41316" t="s">
        <v>86</v>
      </c>
      <c r="Q41316">
        <v>36</v>
      </c>
      <c r="R41316">
        <v>36</v>
      </c>
      <c r="S41316">
        <v>37</v>
      </c>
      <c r="T41316">
        <v>38</v>
      </c>
      <c r="U41316">
        <v>39</v>
      </c>
      <c r="V41316">
        <v>39</v>
      </c>
      <c r="W41316">
        <v>40</v>
      </c>
      <c r="X41316">
        <v>40</v>
      </c>
      <c r="Y41316">
        <v>41</v>
      </c>
      <c r="Z41316">
        <v>42</v>
      </c>
      <c r="AA41316">
        <v>42</v>
      </c>
      <c r="AB41316">
        <v>43</v>
      </c>
      <c r="AC41316">
        <v>43</v>
      </c>
      <c r="AD41316">
        <v>44</v>
      </c>
      <c r="AE41316">
        <v>44</v>
      </c>
      <c r="AF41316">
        <v>44</v>
      </c>
      <c r="AG41316">
        <v>44</v>
      </c>
      <c r="AH41316">
        <v>44</v>
      </c>
      <c r="AI41316">
        <v>44</v>
      </c>
      <c r="AJ41316">
        <v>43</v>
      </c>
      <c r="AK41316">
        <v>43</v>
      </c>
      <c r="AL41316">
        <v>43</v>
      </c>
      <c r="AM41316">
        <v>43</v>
      </c>
      <c r="AN41316">
        <v>43</v>
      </c>
      <c r="AO41316">
        <v>43</v>
      </c>
      <c r="AP41316">
        <v>43</v>
      </c>
      <c r="AQ41316">
        <v>43</v>
      </c>
    </row>
    <row r="41317" spans="1:43">
      <c r="A41317" t="s">
        <v>25459</v>
      </c>
      <c r="B41317" t="s">
        <v>25460</v>
      </c>
      <c r="C41317" t="s">
        <v>6398</v>
      </c>
      <c r="D41317" t="s">
        <v>6399</v>
      </c>
      <c r="E41317" t="s">
        <v>6174</v>
      </c>
      <c r="F41317" t="s">
        <v>6175</v>
      </c>
      <c r="G41317" t="s">
        <v>80</v>
      </c>
      <c r="H41317" t="s">
        <v>81</v>
      </c>
      <c r="I41317" s="2">
        <v>0</v>
      </c>
      <c r="J41317" s="2">
        <v>1</v>
      </c>
      <c r="K41317" s="2">
        <v>0</v>
      </c>
      <c r="L41317" t="s">
        <v>82</v>
      </c>
      <c r="M41317" t="s">
        <v>83</v>
      </c>
      <c r="N41317" t="s">
        <v>91</v>
      </c>
      <c r="O41317" t="s">
        <v>85</v>
      </c>
      <c r="P41317" t="s">
        <v>86</v>
      </c>
      <c r="Q41317">
        <v>36</v>
      </c>
      <c r="R41317">
        <v>37</v>
      </c>
      <c r="S41317">
        <v>37</v>
      </c>
      <c r="T41317">
        <v>38</v>
      </c>
      <c r="U41317">
        <v>38</v>
      </c>
      <c r="V41317">
        <v>38</v>
      </c>
      <c r="W41317">
        <v>39</v>
      </c>
      <c r="X41317">
        <v>39</v>
      </c>
      <c r="Y41317">
        <v>40</v>
      </c>
      <c r="Z41317">
        <v>40</v>
      </c>
      <c r="AA41317">
        <v>40</v>
      </c>
      <c r="AB41317">
        <v>41</v>
      </c>
      <c r="AC41317">
        <v>41</v>
      </c>
      <c r="AD41317">
        <v>41</v>
      </c>
      <c r="AE41317">
        <v>42</v>
      </c>
      <c r="AF41317">
        <v>42</v>
      </c>
      <c r="AG41317">
        <v>43</v>
      </c>
      <c r="AH41317">
        <v>43</v>
      </c>
      <c r="AI41317">
        <v>43</v>
      </c>
      <c r="AJ41317">
        <v>43</v>
      </c>
      <c r="AK41317">
        <v>44</v>
      </c>
      <c r="AL41317">
        <v>44</v>
      </c>
      <c r="AM41317">
        <v>44</v>
      </c>
      <c r="AN41317">
        <v>44</v>
      </c>
      <c r="AO41317">
        <v>43</v>
      </c>
      <c r="AP41317">
        <v>43</v>
      </c>
      <c r="AQ41317">
        <v>43</v>
      </c>
    </row>
    <row r="41318" spans="1:43">
      <c r="A41318" t="s">
        <v>25461</v>
      </c>
      <c r="B41318" t="s">
        <v>25462</v>
      </c>
      <c r="C41318" t="s">
        <v>6402</v>
      </c>
      <c r="D41318" t="s">
        <v>6403</v>
      </c>
      <c r="E41318" t="s">
        <v>6174</v>
      </c>
      <c r="F41318" t="s">
        <v>6175</v>
      </c>
      <c r="G41318" t="s">
        <v>80</v>
      </c>
      <c r="H41318" t="s">
        <v>81</v>
      </c>
      <c r="I41318" s="2">
        <v>0</v>
      </c>
      <c r="J41318" s="2">
        <v>1</v>
      </c>
      <c r="K41318" s="2">
        <v>0</v>
      </c>
      <c r="L41318" t="s">
        <v>82</v>
      </c>
      <c r="M41318" t="s">
        <v>83</v>
      </c>
      <c r="N41318" t="s">
        <v>84</v>
      </c>
      <c r="O41318" t="s">
        <v>85</v>
      </c>
      <c r="P41318" t="s">
        <v>86</v>
      </c>
      <c r="Q41318">
        <v>42</v>
      </c>
      <c r="R41318">
        <v>42</v>
      </c>
      <c r="S41318">
        <v>43</v>
      </c>
      <c r="T41318">
        <v>43</v>
      </c>
      <c r="U41318">
        <v>44</v>
      </c>
      <c r="V41318">
        <v>44</v>
      </c>
      <c r="W41318">
        <v>45</v>
      </c>
      <c r="X41318">
        <v>45</v>
      </c>
      <c r="Y41318">
        <v>46</v>
      </c>
      <c r="Z41318">
        <v>46</v>
      </c>
      <c r="AA41318">
        <v>47</v>
      </c>
      <c r="AB41318">
        <v>47</v>
      </c>
      <c r="AC41318">
        <v>48</v>
      </c>
      <c r="AD41318">
        <v>48</v>
      </c>
      <c r="AE41318">
        <v>48</v>
      </c>
      <c r="AF41318">
        <v>49</v>
      </c>
      <c r="AG41318">
        <v>49</v>
      </c>
      <c r="AH41318">
        <v>50</v>
      </c>
      <c r="AI41318">
        <v>50</v>
      </c>
      <c r="AJ41318">
        <v>51</v>
      </c>
      <c r="AK41318">
        <v>51</v>
      </c>
      <c r="AL41318">
        <v>51</v>
      </c>
      <c r="AM41318">
        <v>51</v>
      </c>
      <c r="AN41318">
        <v>51</v>
      </c>
      <c r="AO41318">
        <v>51</v>
      </c>
      <c r="AP41318">
        <v>51</v>
      </c>
      <c r="AQ41318">
        <v>51</v>
      </c>
    </row>
    <row r="41319" spans="1:43">
      <c r="A41319" t="s">
        <v>25461</v>
      </c>
      <c r="B41319" t="s">
        <v>25462</v>
      </c>
      <c r="C41319" t="s">
        <v>6402</v>
      </c>
      <c r="D41319" t="s">
        <v>6403</v>
      </c>
      <c r="E41319" t="s">
        <v>6174</v>
      </c>
      <c r="F41319" t="s">
        <v>6175</v>
      </c>
      <c r="G41319" t="s">
        <v>80</v>
      </c>
      <c r="H41319" t="s">
        <v>81</v>
      </c>
      <c r="I41319" s="2">
        <v>0</v>
      </c>
      <c r="J41319" s="2">
        <v>1</v>
      </c>
      <c r="K41319" s="2">
        <v>0</v>
      </c>
      <c r="L41319" t="s">
        <v>82</v>
      </c>
      <c r="M41319" t="s">
        <v>87</v>
      </c>
      <c r="N41319" t="s">
        <v>88</v>
      </c>
      <c r="O41319" t="s">
        <v>85</v>
      </c>
      <c r="P41319" t="s">
        <v>86</v>
      </c>
      <c r="Q41319">
        <v>42</v>
      </c>
      <c r="R41319">
        <v>42</v>
      </c>
      <c r="S41319">
        <v>43</v>
      </c>
      <c r="T41319">
        <v>43</v>
      </c>
      <c r="U41319">
        <v>43</v>
      </c>
      <c r="V41319">
        <v>43</v>
      </c>
      <c r="W41319">
        <v>43</v>
      </c>
      <c r="X41319">
        <v>43</v>
      </c>
      <c r="Y41319">
        <v>43</v>
      </c>
      <c r="Z41319">
        <v>43</v>
      </c>
      <c r="AA41319">
        <v>44</v>
      </c>
      <c r="AB41319">
        <v>44</v>
      </c>
      <c r="AC41319">
        <v>44</v>
      </c>
      <c r="AD41319">
        <v>44</v>
      </c>
      <c r="AE41319">
        <v>44</v>
      </c>
      <c r="AF41319">
        <v>44</v>
      </c>
      <c r="AG41319">
        <v>44</v>
      </c>
      <c r="AH41319">
        <v>44</v>
      </c>
      <c r="AI41319">
        <v>44</v>
      </c>
      <c r="AJ41319">
        <v>44</v>
      </c>
      <c r="AK41319">
        <v>44</v>
      </c>
      <c r="AL41319">
        <v>45</v>
      </c>
      <c r="AM41319">
        <v>45</v>
      </c>
      <c r="AN41319">
        <v>45</v>
      </c>
      <c r="AO41319">
        <v>45</v>
      </c>
      <c r="AP41319">
        <v>45</v>
      </c>
      <c r="AQ41319">
        <v>45</v>
      </c>
    </row>
    <row r="41320" spans="1:43">
      <c r="A41320" t="s">
        <v>25461</v>
      </c>
      <c r="B41320" t="s">
        <v>25462</v>
      </c>
      <c r="C41320" t="s">
        <v>6402</v>
      </c>
      <c r="D41320" t="s">
        <v>6403</v>
      </c>
      <c r="E41320" t="s">
        <v>6174</v>
      </c>
      <c r="F41320" t="s">
        <v>6175</v>
      </c>
      <c r="G41320" t="s">
        <v>80</v>
      </c>
      <c r="H41320" t="s">
        <v>81</v>
      </c>
      <c r="I41320" s="2">
        <v>0</v>
      </c>
      <c r="J41320" s="2">
        <v>1</v>
      </c>
      <c r="K41320" s="2">
        <v>0</v>
      </c>
      <c r="L41320" t="s">
        <v>82</v>
      </c>
      <c r="M41320" t="s">
        <v>89</v>
      </c>
      <c r="N41320" t="s">
        <v>90</v>
      </c>
      <c r="O41320" t="s">
        <v>85</v>
      </c>
      <c r="P41320" t="s">
        <v>86</v>
      </c>
      <c r="Q41320">
        <v>42</v>
      </c>
      <c r="R41320">
        <v>43</v>
      </c>
      <c r="S41320">
        <v>44</v>
      </c>
      <c r="T41320">
        <v>45</v>
      </c>
      <c r="U41320">
        <v>45</v>
      </c>
      <c r="V41320">
        <v>46</v>
      </c>
      <c r="W41320">
        <v>47</v>
      </c>
      <c r="X41320">
        <v>48</v>
      </c>
      <c r="Y41320">
        <v>48</v>
      </c>
      <c r="Z41320">
        <v>49</v>
      </c>
      <c r="AA41320">
        <v>50</v>
      </c>
      <c r="AB41320">
        <v>50</v>
      </c>
      <c r="AC41320">
        <v>51</v>
      </c>
      <c r="AD41320">
        <v>52</v>
      </c>
      <c r="AE41320">
        <v>52</v>
      </c>
      <c r="AF41320">
        <v>52</v>
      </c>
      <c r="AG41320">
        <v>52</v>
      </c>
      <c r="AH41320">
        <v>52</v>
      </c>
      <c r="AI41320">
        <v>52</v>
      </c>
      <c r="AJ41320">
        <v>52</v>
      </c>
      <c r="AK41320">
        <v>52</v>
      </c>
      <c r="AL41320">
        <v>51</v>
      </c>
      <c r="AM41320">
        <v>51</v>
      </c>
      <c r="AN41320">
        <v>51</v>
      </c>
      <c r="AO41320">
        <v>51</v>
      </c>
      <c r="AP41320">
        <v>51</v>
      </c>
      <c r="AQ41320">
        <v>51</v>
      </c>
    </row>
    <row r="41321" spans="1:43">
      <c r="A41321" t="s">
        <v>25461</v>
      </c>
      <c r="B41321" t="s">
        <v>25462</v>
      </c>
      <c r="C41321" t="s">
        <v>6402</v>
      </c>
      <c r="D41321" t="s">
        <v>6403</v>
      </c>
      <c r="E41321" t="s">
        <v>6174</v>
      </c>
      <c r="F41321" t="s">
        <v>6175</v>
      </c>
      <c r="G41321" t="s">
        <v>80</v>
      </c>
      <c r="H41321" t="s">
        <v>81</v>
      </c>
      <c r="I41321" s="2">
        <v>0</v>
      </c>
      <c r="J41321" s="2">
        <v>1</v>
      </c>
      <c r="K41321" s="2">
        <v>0</v>
      </c>
      <c r="L41321" t="s">
        <v>82</v>
      </c>
      <c r="M41321" t="s">
        <v>83</v>
      </c>
      <c r="N41321" t="s">
        <v>91</v>
      </c>
      <c r="O41321" t="s">
        <v>85</v>
      </c>
      <c r="P41321" t="s">
        <v>86</v>
      </c>
      <c r="Q41321">
        <v>42</v>
      </c>
      <c r="R41321">
        <v>42</v>
      </c>
      <c r="S41321">
        <v>43</v>
      </c>
      <c r="T41321">
        <v>43</v>
      </c>
      <c r="U41321">
        <v>44</v>
      </c>
      <c r="V41321">
        <v>44</v>
      </c>
      <c r="W41321">
        <v>45</v>
      </c>
      <c r="X41321">
        <v>45</v>
      </c>
      <c r="Y41321">
        <v>46</v>
      </c>
      <c r="Z41321">
        <v>46</v>
      </c>
      <c r="AA41321">
        <v>47</v>
      </c>
      <c r="AB41321">
        <v>47</v>
      </c>
      <c r="AC41321">
        <v>48</v>
      </c>
      <c r="AD41321">
        <v>48</v>
      </c>
      <c r="AE41321">
        <v>48</v>
      </c>
      <c r="AF41321">
        <v>49</v>
      </c>
      <c r="AG41321">
        <v>49</v>
      </c>
      <c r="AH41321">
        <v>50</v>
      </c>
      <c r="AI41321">
        <v>50</v>
      </c>
      <c r="AJ41321">
        <v>51</v>
      </c>
      <c r="AK41321">
        <v>51</v>
      </c>
      <c r="AL41321">
        <v>51</v>
      </c>
      <c r="AM41321">
        <v>51</v>
      </c>
      <c r="AN41321">
        <v>51</v>
      </c>
      <c r="AO41321">
        <v>51</v>
      </c>
      <c r="AP41321">
        <v>51</v>
      </c>
      <c r="AQ41321">
        <v>51</v>
      </c>
    </row>
    <row r="41322" spans="1:43">
      <c r="A41322" t="s">
        <v>25463</v>
      </c>
      <c r="B41322" t="s">
        <v>25464</v>
      </c>
      <c r="C41322" t="s">
        <v>6402</v>
      </c>
      <c r="D41322" t="s">
        <v>6403</v>
      </c>
      <c r="E41322" t="s">
        <v>6174</v>
      </c>
      <c r="F41322" t="s">
        <v>6175</v>
      </c>
      <c r="G41322" t="s">
        <v>80</v>
      </c>
      <c r="H41322" t="s">
        <v>81</v>
      </c>
      <c r="I41322" s="2">
        <v>0</v>
      </c>
      <c r="J41322" s="2">
        <v>1</v>
      </c>
      <c r="K41322" s="2">
        <v>0</v>
      </c>
      <c r="L41322" t="s">
        <v>82</v>
      </c>
      <c r="M41322" t="s">
        <v>83</v>
      </c>
      <c r="N41322" t="s">
        <v>84</v>
      </c>
      <c r="O41322" t="s">
        <v>85</v>
      </c>
      <c r="P41322" t="s">
        <v>86</v>
      </c>
      <c r="Q41322">
        <v>47</v>
      </c>
      <c r="R41322">
        <v>47</v>
      </c>
      <c r="S41322">
        <v>48</v>
      </c>
      <c r="T41322">
        <v>48</v>
      </c>
      <c r="U41322">
        <v>49</v>
      </c>
      <c r="V41322">
        <v>49</v>
      </c>
      <c r="W41322">
        <v>50</v>
      </c>
      <c r="X41322">
        <v>50</v>
      </c>
      <c r="Y41322">
        <v>51</v>
      </c>
      <c r="Z41322">
        <v>52</v>
      </c>
      <c r="AA41322">
        <v>52</v>
      </c>
      <c r="AB41322">
        <v>53</v>
      </c>
      <c r="AC41322">
        <v>53</v>
      </c>
      <c r="AD41322">
        <v>54</v>
      </c>
      <c r="AE41322">
        <v>54</v>
      </c>
      <c r="AF41322">
        <v>55</v>
      </c>
      <c r="AG41322">
        <v>55</v>
      </c>
      <c r="AH41322">
        <v>55</v>
      </c>
      <c r="AI41322">
        <v>56</v>
      </c>
      <c r="AJ41322">
        <v>56</v>
      </c>
      <c r="AK41322">
        <v>57</v>
      </c>
      <c r="AL41322">
        <v>57</v>
      </c>
      <c r="AM41322">
        <v>57</v>
      </c>
      <c r="AN41322">
        <v>57</v>
      </c>
      <c r="AO41322">
        <v>57</v>
      </c>
      <c r="AP41322">
        <v>57</v>
      </c>
      <c r="AQ41322">
        <v>56</v>
      </c>
    </row>
    <row r="41323" spans="1:43">
      <c r="A41323" t="s">
        <v>25463</v>
      </c>
      <c r="B41323" t="s">
        <v>25464</v>
      </c>
      <c r="C41323" t="s">
        <v>6402</v>
      </c>
      <c r="D41323" t="s">
        <v>6403</v>
      </c>
      <c r="E41323" t="s">
        <v>6174</v>
      </c>
      <c r="F41323" t="s">
        <v>6175</v>
      </c>
      <c r="G41323" t="s">
        <v>80</v>
      </c>
      <c r="H41323" t="s">
        <v>81</v>
      </c>
      <c r="I41323" s="2">
        <v>0</v>
      </c>
      <c r="J41323" s="2">
        <v>1</v>
      </c>
      <c r="K41323" s="2">
        <v>0</v>
      </c>
      <c r="L41323" t="s">
        <v>82</v>
      </c>
      <c r="M41323" t="s">
        <v>87</v>
      </c>
      <c r="N41323" t="s">
        <v>88</v>
      </c>
      <c r="O41323" t="s">
        <v>85</v>
      </c>
      <c r="P41323" t="s">
        <v>86</v>
      </c>
      <c r="Q41323">
        <v>47</v>
      </c>
      <c r="R41323">
        <v>47</v>
      </c>
      <c r="S41323">
        <v>47</v>
      </c>
      <c r="T41323">
        <v>47</v>
      </c>
      <c r="U41323">
        <v>48</v>
      </c>
      <c r="V41323">
        <v>48</v>
      </c>
      <c r="W41323">
        <v>48</v>
      </c>
      <c r="X41323">
        <v>48</v>
      </c>
      <c r="Y41323">
        <v>48</v>
      </c>
      <c r="Z41323">
        <v>48</v>
      </c>
      <c r="AA41323">
        <v>48</v>
      </c>
      <c r="AB41323">
        <v>49</v>
      </c>
      <c r="AC41323">
        <v>49</v>
      </c>
      <c r="AD41323">
        <v>49</v>
      </c>
      <c r="AE41323">
        <v>49</v>
      </c>
      <c r="AF41323">
        <v>49</v>
      </c>
      <c r="AG41323">
        <v>49</v>
      </c>
      <c r="AH41323">
        <v>49</v>
      </c>
      <c r="AI41323">
        <v>49</v>
      </c>
      <c r="AJ41323">
        <v>49</v>
      </c>
      <c r="AK41323">
        <v>49</v>
      </c>
      <c r="AL41323">
        <v>50</v>
      </c>
      <c r="AM41323">
        <v>50</v>
      </c>
      <c r="AN41323">
        <v>50</v>
      </c>
      <c r="AO41323">
        <v>50</v>
      </c>
      <c r="AP41323">
        <v>50</v>
      </c>
      <c r="AQ41323">
        <v>50</v>
      </c>
    </row>
    <row r="41324" spans="1:43">
      <c r="A41324" t="s">
        <v>25463</v>
      </c>
      <c r="B41324" t="s">
        <v>25464</v>
      </c>
      <c r="C41324" t="s">
        <v>6402</v>
      </c>
      <c r="D41324" t="s">
        <v>6403</v>
      </c>
      <c r="E41324" t="s">
        <v>6174</v>
      </c>
      <c r="F41324" t="s">
        <v>6175</v>
      </c>
      <c r="G41324" t="s">
        <v>80</v>
      </c>
      <c r="H41324" t="s">
        <v>81</v>
      </c>
      <c r="I41324" s="2">
        <v>0</v>
      </c>
      <c r="J41324" s="2">
        <v>1</v>
      </c>
      <c r="K41324" s="2">
        <v>0</v>
      </c>
      <c r="L41324" t="s">
        <v>82</v>
      </c>
      <c r="M41324" t="s">
        <v>89</v>
      </c>
      <c r="N41324" t="s">
        <v>90</v>
      </c>
      <c r="O41324" t="s">
        <v>85</v>
      </c>
      <c r="P41324" t="s">
        <v>86</v>
      </c>
      <c r="Q41324">
        <v>47</v>
      </c>
      <c r="R41324">
        <v>48</v>
      </c>
      <c r="S41324">
        <v>49</v>
      </c>
      <c r="T41324">
        <v>50</v>
      </c>
      <c r="U41324">
        <v>51</v>
      </c>
      <c r="V41324">
        <v>52</v>
      </c>
      <c r="W41324">
        <v>52</v>
      </c>
      <c r="X41324">
        <v>53</v>
      </c>
      <c r="Y41324">
        <v>54</v>
      </c>
      <c r="Z41324">
        <v>55</v>
      </c>
      <c r="AA41324">
        <v>55</v>
      </c>
      <c r="AB41324">
        <v>56</v>
      </c>
      <c r="AC41324">
        <v>57</v>
      </c>
      <c r="AD41324">
        <v>58</v>
      </c>
      <c r="AE41324">
        <v>58</v>
      </c>
      <c r="AF41324">
        <v>58</v>
      </c>
      <c r="AG41324">
        <v>58</v>
      </c>
      <c r="AH41324">
        <v>58</v>
      </c>
      <c r="AI41324">
        <v>58</v>
      </c>
      <c r="AJ41324">
        <v>58</v>
      </c>
      <c r="AK41324">
        <v>57</v>
      </c>
      <c r="AL41324">
        <v>57</v>
      </c>
      <c r="AM41324">
        <v>57</v>
      </c>
      <c r="AN41324">
        <v>57</v>
      </c>
      <c r="AO41324">
        <v>57</v>
      </c>
      <c r="AP41324">
        <v>57</v>
      </c>
      <c r="AQ41324">
        <v>57</v>
      </c>
    </row>
    <row r="41325" spans="1:43">
      <c r="A41325" t="s">
        <v>25463</v>
      </c>
      <c r="B41325" t="s">
        <v>25464</v>
      </c>
      <c r="C41325" t="s">
        <v>6402</v>
      </c>
      <c r="D41325" t="s">
        <v>6403</v>
      </c>
      <c r="E41325" t="s">
        <v>6174</v>
      </c>
      <c r="F41325" t="s">
        <v>6175</v>
      </c>
      <c r="G41325" t="s">
        <v>80</v>
      </c>
      <c r="H41325" t="s">
        <v>81</v>
      </c>
      <c r="I41325" s="2">
        <v>0</v>
      </c>
      <c r="J41325" s="2">
        <v>1</v>
      </c>
      <c r="K41325" s="2">
        <v>0</v>
      </c>
      <c r="L41325" t="s">
        <v>82</v>
      </c>
      <c r="M41325" t="s">
        <v>83</v>
      </c>
      <c r="N41325" t="s">
        <v>91</v>
      </c>
      <c r="O41325" t="s">
        <v>85</v>
      </c>
      <c r="P41325" t="s">
        <v>86</v>
      </c>
      <c r="Q41325">
        <v>47</v>
      </c>
      <c r="R41325">
        <v>47</v>
      </c>
      <c r="S41325">
        <v>48</v>
      </c>
      <c r="T41325">
        <v>48</v>
      </c>
      <c r="U41325">
        <v>49</v>
      </c>
      <c r="V41325">
        <v>49</v>
      </c>
      <c r="W41325">
        <v>50</v>
      </c>
      <c r="X41325">
        <v>50</v>
      </c>
      <c r="Y41325">
        <v>51</v>
      </c>
      <c r="Z41325">
        <v>52</v>
      </c>
      <c r="AA41325">
        <v>52</v>
      </c>
      <c r="AB41325">
        <v>53</v>
      </c>
      <c r="AC41325">
        <v>53</v>
      </c>
      <c r="AD41325">
        <v>54</v>
      </c>
      <c r="AE41325">
        <v>54</v>
      </c>
      <c r="AF41325">
        <v>55</v>
      </c>
      <c r="AG41325">
        <v>55</v>
      </c>
      <c r="AH41325">
        <v>55</v>
      </c>
      <c r="AI41325">
        <v>56</v>
      </c>
      <c r="AJ41325">
        <v>56</v>
      </c>
      <c r="AK41325">
        <v>57</v>
      </c>
      <c r="AL41325">
        <v>57</v>
      </c>
      <c r="AM41325">
        <v>57</v>
      </c>
      <c r="AN41325">
        <v>57</v>
      </c>
      <c r="AO41325">
        <v>57</v>
      </c>
      <c r="AP41325">
        <v>57</v>
      </c>
      <c r="AQ41325">
        <v>56</v>
      </c>
    </row>
    <row r="41326" spans="1:43">
      <c r="A41326" t="s">
        <v>25465</v>
      </c>
      <c r="B41326" t="s">
        <v>25466</v>
      </c>
      <c r="C41326" t="s">
        <v>6402</v>
      </c>
      <c r="D41326" t="s">
        <v>6403</v>
      </c>
      <c r="E41326" t="s">
        <v>6174</v>
      </c>
      <c r="F41326" t="s">
        <v>6175</v>
      </c>
      <c r="G41326" t="s">
        <v>80</v>
      </c>
      <c r="H41326" t="s">
        <v>81</v>
      </c>
      <c r="I41326" s="2">
        <v>0</v>
      </c>
      <c r="J41326" s="2">
        <v>1</v>
      </c>
      <c r="K41326" s="2">
        <v>0</v>
      </c>
      <c r="L41326" t="s">
        <v>82</v>
      </c>
      <c r="M41326" t="s">
        <v>83</v>
      </c>
      <c r="N41326" t="s">
        <v>84</v>
      </c>
      <c r="O41326" t="s">
        <v>85</v>
      </c>
      <c r="P41326" t="s">
        <v>86</v>
      </c>
      <c r="Q41326">
        <v>38</v>
      </c>
      <c r="R41326">
        <v>38</v>
      </c>
      <c r="S41326">
        <v>39</v>
      </c>
      <c r="T41326">
        <v>39</v>
      </c>
      <c r="U41326">
        <v>40</v>
      </c>
      <c r="V41326">
        <v>40</v>
      </c>
      <c r="W41326">
        <v>40</v>
      </c>
      <c r="X41326">
        <v>41</v>
      </c>
      <c r="Y41326">
        <v>41</v>
      </c>
      <c r="Z41326">
        <v>42</v>
      </c>
      <c r="AA41326">
        <v>42</v>
      </c>
      <c r="AB41326">
        <v>43</v>
      </c>
      <c r="AC41326">
        <v>43</v>
      </c>
      <c r="AD41326">
        <v>43</v>
      </c>
      <c r="AE41326">
        <v>44</v>
      </c>
      <c r="AF41326">
        <v>44</v>
      </c>
      <c r="AG41326">
        <v>45</v>
      </c>
      <c r="AH41326">
        <v>45</v>
      </c>
      <c r="AI41326">
        <v>45</v>
      </c>
      <c r="AJ41326">
        <v>46</v>
      </c>
      <c r="AK41326">
        <v>46</v>
      </c>
      <c r="AL41326">
        <v>46</v>
      </c>
      <c r="AM41326">
        <v>46</v>
      </c>
      <c r="AN41326">
        <v>46</v>
      </c>
      <c r="AO41326">
        <v>46</v>
      </c>
      <c r="AP41326">
        <v>46</v>
      </c>
      <c r="AQ41326">
        <v>46</v>
      </c>
    </row>
    <row r="41327" spans="1:43">
      <c r="A41327" t="s">
        <v>25465</v>
      </c>
      <c r="B41327" t="s">
        <v>25466</v>
      </c>
      <c r="C41327" t="s">
        <v>6402</v>
      </c>
      <c r="D41327" t="s">
        <v>6403</v>
      </c>
      <c r="E41327" t="s">
        <v>6174</v>
      </c>
      <c r="F41327" t="s">
        <v>6175</v>
      </c>
      <c r="G41327" t="s">
        <v>80</v>
      </c>
      <c r="H41327" t="s">
        <v>81</v>
      </c>
      <c r="I41327" s="2">
        <v>0</v>
      </c>
      <c r="J41327" s="2">
        <v>1</v>
      </c>
      <c r="K41327" s="2">
        <v>0</v>
      </c>
      <c r="L41327" t="s">
        <v>82</v>
      </c>
      <c r="M41327" t="s">
        <v>87</v>
      </c>
      <c r="N41327" t="s">
        <v>88</v>
      </c>
      <c r="O41327" t="s">
        <v>85</v>
      </c>
      <c r="P41327" t="s">
        <v>86</v>
      </c>
      <c r="Q41327">
        <v>38</v>
      </c>
      <c r="R41327">
        <v>38</v>
      </c>
      <c r="S41327">
        <v>39</v>
      </c>
      <c r="T41327">
        <v>39</v>
      </c>
      <c r="U41327">
        <v>39</v>
      </c>
      <c r="V41327">
        <v>39</v>
      </c>
      <c r="W41327">
        <v>39</v>
      </c>
      <c r="X41327">
        <v>39</v>
      </c>
      <c r="Y41327">
        <v>39</v>
      </c>
      <c r="Z41327">
        <v>39</v>
      </c>
      <c r="AA41327">
        <v>39</v>
      </c>
      <c r="AB41327">
        <v>39</v>
      </c>
      <c r="AC41327">
        <v>40</v>
      </c>
      <c r="AD41327">
        <v>40</v>
      </c>
      <c r="AE41327">
        <v>40</v>
      </c>
      <c r="AF41327">
        <v>40</v>
      </c>
      <c r="AG41327">
        <v>40</v>
      </c>
      <c r="AH41327">
        <v>40</v>
      </c>
      <c r="AI41327">
        <v>40</v>
      </c>
      <c r="AJ41327">
        <v>40</v>
      </c>
      <c r="AK41327">
        <v>40</v>
      </c>
      <c r="AL41327">
        <v>40</v>
      </c>
      <c r="AM41327">
        <v>40</v>
      </c>
      <c r="AN41327">
        <v>40</v>
      </c>
      <c r="AO41327">
        <v>41</v>
      </c>
      <c r="AP41327">
        <v>41</v>
      </c>
      <c r="AQ41327">
        <v>41</v>
      </c>
    </row>
    <row r="41328" spans="1:43">
      <c r="A41328" t="s">
        <v>25465</v>
      </c>
      <c r="B41328" t="s">
        <v>25466</v>
      </c>
      <c r="C41328" t="s">
        <v>6402</v>
      </c>
      <c r="D41328" t="s">
        <v>6403</v>
      </c>
      <c r="E41328" t="s">
        <v>6174</v>
      </c>
      <c r="F41328" t="s">
        <v>6175</v>
      </c>
      <c r="G41328" t="s">
        <v>80</v>
      </c>
      <c r="H41328" t="s">
        <v>81</v>
      </c>
      <c r="I41328" s="2">
        <v>0</v>
      </c>
      <c r="J41328" s="2">
        <v>1</v>
      </c>
      <c r="K41328" s="2">
        <v>0</v>
      </c>
      <c r="L41328" t="s">
        <v>82</v>
      </c>
      <c r="M41328" t="s">
        <v>89</v>
      </c>
      <c r="N41328" t="s">
        <v>90</v>
      </c>
      <c r="O41328" t="s">
        <v>85</v>
      </c>
      <c r="P41328" t="s">
        <v>86</v>
      </c>
      <c r="Q41328">
        <v>38</v>
      </c>
      <c r="R41328">
        <v>39</v>
      </c>
      <c r="S41328">
        <v>40</v>
      </c>
      <c r="T41328">
        <v>40</v>
      </c>
      <c r="U41328">
        <v>41</v>
      </c>
      <c r="V41328">
        <v>42</v>
      </c>
      <c r="W41328">
        <v>43</v>
      </c>
      <c r="X41328">
        <v>43</v>
      </c>
      <c r="Y41328">
        <v>44</v>
      </c>
      <c r="Z41328">
        <v>44</v>
      </c>
      <c r="AA41328">
        <v>45</v>
      </c>
      <c r="AB41328">
        <v>45</v>
      </c>
      <c r="AC41328">
        <v>46</v>
      </c>
      <c r="AD41328">
        <v>47</v>
      </c>
      <c r="AE41328">
        <v>47</v>
      </c>
      <c r="AF41328">
        <v>47</v>
      </c>
      <c r="AG41328">
        <v>47</v>
      </c>
      <c r="AH41328">
        <v>47</v>
      </c>
      <c r="AI41328">
        <v>47</v>
      </c>
      <c r="AJ41328">
        <v>47</v>
      </c>
      <c r="AK41328">
        <v>47</v>
      </c>
      <c r="AL41328">
        <v>47</v>
      </c>
      <c r="AM41328">
        <v>46</v>
      </c>
      <c r="AN41328">
        <v>46</v>
      </c>
      <c r="AO41328">
        <v>46</v>
      </c>
      <c r="AP41328">
        <v>46</v>
      </c>
      <c r="AQ41328">
        <v>46</v>
      </c>
    </row>
    <row r="41329" spans="1:43">
      <c r="A41329" t="s">
        <v>25465</v>
      </c>
      <c r="B41329" t="s">
        <v>25466</v>
      </c>
      <c r="C41329" t="s">
        <v>6402</v>
      </c>
      <c r="D41329" t="s">
        <v>6403</v>
      </c>
      <c r="E41329" t="s">
        <v>6174</v>
      </c>
      <c r="F41329" t="s">
        <v>6175</v>
      </c>
      <c r="G41329" t="s">
        <v>80</v>
      </c>
      <c r="H41329" t="s">
        <v>81</v>
      </c>
      <c r="I41329" s="2">
        <v>0</v>
      </c>
      <c r="J41329" s="2">
        <v>1</v>
      </c>
      <c r="K41329" s="2">
        <v>0</v>
      </c>
      <c r="L41329" t="s">
        <v>82</v>
      </c>
      <c r="M41329" t="s">
        <v>83</v>
      </c>
      <c r="N41329" t="s">
        <v>91</v>
      </c>
      <c r="O41329" t="s">
        <v>85</v>
      </c>
      <c r="P41329" t="s">
        <v>86</v>
      </c>
      <c r="Q41329">
        <v>38</v>
      </c>
      <c r="R41329">
        <v>38</v>
      </c>
      <c r="S41329">
        <v>39</v>
      </c>
      <c r="T41329">
        <v>39</v>
      </c>
      <c r="U41329">
        <v>40</v>
      </c>
      <c r="V41329">
        <v>40</v>
      </c>
      <c r="W41329">
        <v>40</v>
      </c>
      <c r="X41329">
        <v>41</v>
      </c>
      <c r="Y41329">
        <v>41</v>
      </c>
      <c r="Z41329">
        <v>42</v>
      </c>
      <c r="AA41329">
        <v>42</v>
      </c>
      <c r="AB41329">
        <v>43</v>
      </c>
      <c r="AC41329">
        <v>43</v>
      </c>
      <c r="AD41329">
        <v>43</v>
      </c>
      <c r="AE41329">
        <v>44</v>
      </c>
      <c r="AF41329">
        <v>44</v>
      </c>
      <c r="AG41329">
        <v>45</v>
      </c>
      <c r="AH41329">
        <v>45</v>
      </c>
      <c r="AI41329">
        <v>45</v>
      </c>
      <c r="AJ41329">
        <v>46</v>
      </c>
      <c r="AK41329">
        <v>46</v>
      </c>
      <c r="AL41329">
        <v>46</v>
      </c>
      <c r="AM41329">
        <v>46</v>
      </c>
      <c r="AN41329">
        <v>46</v>
      </c>
      <c r="AO41329">
        <v>46</v>
      </c>
      <c r="AP41329">
        <v>46</v>
      </c>
      <c r="AQ41329">
        <v>46</v>
      </c>
    </row>
    <row r="41330" spans="1:43">
      <c r="A41330" t="s">
        <v>25467</v>
      </c>
      <c r="B41330" t="s">
        <v>25468</v>
      </c>
      <c r="C41330" t="s">
        <v>8338</v>
      </c>
      <c r="D41330" t="s">
        <v>8339</v>
      </c>
      <c r="E41330" t="s">
        <v>8296</v>
      </c>
      <c r="F41330" t="s">
        <v>8297</v>
      </c>
      <c r="G41330" t="s">
        <v>80</v>
      </c>
      <c r="H41330" t="s">
        <v>81</v>
      </c>
      <c r="I41330" s="2">
        <v>0</v>
      </c>
      <c r="J41330" s="2">
        <v>1</v>
      </c>
      <c r="K41330" s="2">
        <v>0</v>
      </c>
      <c r="L41330" t="s">
        <v>82</v>
      </c>
      <c r="M41330" t="s">
        <v>83</v>
      </c>
      <c r="N41330" t="s">
        <v>84</v>
      </c>
      <c r="O41330" t="s">
        <v>85</v>
      </c>
      <c r="P41330" t="s">
        <v>86</v>
      </c>
      <c r="Q41330">
        <v>225</v>
      </c>
      <c r="R41330">
        <v>229</v>
      </c>
      <c r="S41330">
        <v>234</v>
      </c>
      <c r="T41330">
        <v>238</v>
      </c>
      <c r="U41330">
        <v>243</v>
      </c>
      <c r="V41330">
        <v>247</v>
      </c>
      <c r="W41330">
        <v>251</v>
      </c>
      <c r="X41330">
        <v>256</v>
      </c>
      <c r="Y41330">
        <v>260</v>
      </c>
      <c r="Z41330">
        <v>265</v>
      </c>
      <c r="AA41330">
        <v>269</v>
      </c>
      <c r="AB41330">
        <v>274</v>
      </c>
      <c r="AC41330">
        <v>278</v>
      </c>
      <c r="AD41330">
        <v>283</v>
      </c>
      <c r="AE41330">
        <v>287</v>
      </c>
      <c r="AF41330">
        <v>291</v>
      </c>
      <c r="AG41330">
        <v>296</v>
      </c>
      <c r="AH41330">
        <v>300</v>
      </c>
      <c r="AI41330">
        <v>305</v>
      </c>
      <c r="AJ41330">
        <v>309</v>
      </c>
      <c r="AK41330">
        <v>313</v>
      </c>
      <c r="AL41330">
        <v>316</v>
      </c>
      <c r="AM41330">
        <v>317</v>
      </c>
      <c r="AN41330">
        <v>318</v>
      </c>
      <c r="AO41330">
        <v>319</v>
      </c>
      <c r="AP41330">
        <v>320</v>
      </c>
      <c r="AQ41330">
        <v>321</v>
      </c>
    </row>
    <row r="41331" spans="1:43">
      <c r="A41331" t="s">
        <v>25467</v>
      </c>
      <c r="B41331" t="s">
        <v>25468</v>
      </c>
      <c r="C41331" t="s">
        <v>8338</v>
      </c>
      <c r="D41331" t="s">
        <v>8339</v>
      </c>
      <c r="E41331" t="s">
        <v>8296</v>
      </c>
      <c r="F41331" t="s">
        <v>8297</v>
      </c>
      <c r="G41331" t="s">
        <v>80</v>
      </c>
      <c r="H41331" t="s">
        <v>81</v>
      </c>
      <c r="I41331" s="2">
        <v>0</v>
      </c>
      <c r="J41331" s="2">
        <v>1</v>
      </c>
      <c r="K41331" s="2">
        <v>0</v>
      </c>
      <c r="L41331" t="s">
        <v>82</v>
      </c>
      <c r="M41331" t="s">
        <v>87</v>
      </c>
      <c r="N41331" t="s">
        <v>88</v>
      </c>
      <c r="O41331" t="s">
        <v>85</v>
      </c>
      <c r="P41331" t="s">
        <v>86</v>
      </c>
      <c r="Q41331">
        <v>225</v>
      </c>
      <c r="R41331">
        <v>227</v>
      </c>
      <c r="S41331">
        <v>229</v>
      </c>
      <c r="T41331">
        <v>232</v>
      </c>
      <c r="U41331">
        <v>234</v>
      </c>
      <c r="V41331">
        <v>236</v>
      </c>
      <c r="W41331">
        <v>238</v>
      </c>
      <c r="X41331">
        <v>241</v>
      </c>
      <c r="Y41331">
        <v>243</v>
      </c>
      <c r="Z41331">
        <v>245</v>
      </c>
      <c r="AA41331">
        <v>247</v>
      </c>
      <c r="AB41331">
        <v>249</v>
      </c>
      <c r="AC41331">
        <v>251</v>
      </c>
      <c r="AD41331">
        <v>254</v>
      </c>
      <c r="AE41331">
        <v>256</v>
      </c>
      <c r="AF41331">
        <v>258</v>
      </c>
      <c r="AG41331">
        <v>260</v>
      </c>
      <c r="AH41331">
        <v>262</v>
      </c>
      <c r="AI41331">
        <v>264</v>
      </c>
      <c r="AJ41331">
        <v>266</v>
      </c>
      <c r="AK41331">
        <v>268</v>
      </c>
      <c r="AL41331">
        <v>270</v>
      </c>
      <c r="AM41331">
        <v>272</v>
      </c>
      <c r="AN41331">
        <v>274</v>
      </c>
      <c r="AO41331">
        <v>276</v>
      </c>
      <c r="AP41331">
        <v>278</v>
      </c>
      <c r="AQ41331">
        <v>280</v>
      </c>
    </row>
    <row r="41332" spans="1:43">
      <c r="A41332" t="s">
        <v>25467</v>
      </c>
      <c r="B41332" t="s">
        <v>25468</v>
      </c>
      <c r="C41332" t="s">
        <v>8338</v>
      </c>
      <c r="D41332" t="s">
        <v>8339</v>
      </c>
      <c r="E41332" t="s">
        <v>8296</v>
      </c>
      <c r="F41332" t="s">
        <v>8297</v>
      </c>
      <c r="G41332" t="s">
        <v>80</v>
      </c>
      <c r="H41332" t="s">
        <v>81</v>
      </c>
      <c r="I41332" s="2">
        <v>0</v>
      </c>
      <c r="J41332" s="2">
        <v>1</v>
      </c>
      <c r="K41332" s="2">
        <v>0</v>
      </c>
      <c r="L41332" t="s">
        <v>82</v>
      </c>
      <c r="M41332" t="s">
        <v>89</v>
      </c>
      <c r="N41332" t="s">
        <v>90</v>
      </c>
      <c r="O41332" t="s">
        <v>85</v>
      </c>
      <c r="P41332" t="s">
        <v>86</v>
      </c>
      <c r="Q41332">
        <v>225</v>
      </c>
      <c r="R41332">
        <v>231</v>
      </c>
      <c r="S41332">
        <v>238</v>
      </c>
      <c r="T41332">
        <v>244</v>
      </c>
      <c r="U41332">
        <v>250</v>
      </c>
      <c r="V41332">
        <v>256</v>
      </c>
      <c r="W41332">
        <v>262</v>
      </c>
      <c r="X41332">
        <v>268</v>
      </c>
      <c r="Y41332">
        <v>274</v>
      </c>
      <c r="Z41332">
        <v>280</v>
      </c>
      <c r="AA41332">
        <v>285</v>
      </c>
      <c r="AB41332">
        <v>291</v>
      </c>
      <c r="AC41332">
        <v>297</v>
      </c>
      <c r="AD41332">
        <v>303</v>
      </c>
      <c r="AE41332">
        <v>307</v>
      </c>
      <c r="AF41332">
        <v>308</v>
      </c>
      <c r="AG41332">
        <v>309</v>
      </c>
      <c r="AH41332">
        <v>310</v>
      </c>
      <c r="AI41332">
        <v>311</v>
      </c>
      <c r="AJ41332">
        <v>313</v>
      </c>
      <c r="AK41332">
        <v>314</v>
      </c>
      <c r="AL41332">
        <v>315</v>
      </c>
      <c r="AM41332">
        <v>316</v>
      </c>
      <c r="AN41332">
        <v>317</v>
      </c>
      <c r="AO41332">
        <v>318</v>
      </c>
      <c r="AP41332">
        <v>319</v>
      </c>
      <c r="AQ41332">
        <v>320</v>
      </c>
    </row>
    <row r="41333" spans="1:43">
      <c r="A41333" t="s">
        <v>25467</v>
      </c>
      <c r="B41333" t="s">
        <v>25468</v>
      </c>
      <c r="C41333" t="s">
        <v>8338</v>
      </c>
      <c r="D41333" t="s">
        <v>8339</v>
      </c>
      <c r="E41333" t="s">
        <v>8296</v>
      </c>
      <c r="F41333" t="s">
        <v>8297</v>
      </c>
      <c r="G41333" t="s">
        <v>80</v>
      </c>
      <c r="H41333" t="s">
        <v>81</v>
      </c>
      <c r="I41333" s="2">
        <v>0</v>
      </c>
      <c r="J41333" s="2">
        <v>1</v>
      </c>
      <c r="K41333" s="2">
        <v>0</v>
      </c>
      <c r="L41333" t="s">
        <v>82</v>
      </c>
      <c r="M41333" t="s">
        <v>83</v>
      </c>
      <c r="N41333" t="s">
        <v>91</v>
      </c>
      <c r="O41333" t="s">
        <v>85</v>
      </c>
      <c r="P41333" t="s">
        <v>86</v>
      </c>
      <c r="Q41333">
        <v>225</v>
      </c>
      <c r="R41333">
        <v>229</v>
      </c>
      <c r="S41333">
        <v>234</v>
      </c>
      <c r="T41333">
        <v>238</v>
      </c>
      <c r="U41333">
        <v>243</v>
      </c>
      <c r="V41333">
        <v>247</v>
      </c>
      <c r="W41333">
        <v>251</v>
      </c>
      <c r="X41333">
        <v>256</v>
      </c>
      <c r="Y41333">
        <v>260</v>
      </c>
      <c r="Z41333">
        <v>265</v>
      </c>
      <c r="AA41333">
        <v>269</v>
      </c>
      <c r="AB41333">
        <v>274</v>
      </c>
      <c r="AC41333">
        <v>278</v>
      </c>
      <c r="AD41333">
        <v>283</v>
      </c>
      <c r="AE41333">
        <v>287</v>
      </c>
      <c r="AF41333">
        <v>291</v>
      </c>
      <c r="AG41333">
        <v>296</v>
      </c>
      <c r="AH41333">
        <v>300</v>
      </c>
      <c r="AI41333">
        <v>305</v>
      </c>
      <c r="AJ41333">
        <v>309</v>
      </c>
      <c r="AK41333">
        <v>313</v>
      </c>
      <c r="AL41333">
        <v>316</v>
      </c>
      <c r="AM41333">
        <v>317</v>
      </c>
      <c r="AN41333">
        <v>318</v>
      </c>
      <c r="AO41333">
        <v>319</v>
      </c>
      <c r="AP41333">
        <v>320</v>
      </c>
      <c r="AQ41333">
        <v>321</v>
      </c>
    </row>
    <row r="41334" spans="1:43">
      <c r="A41334" t="s">
        <v>25469</v>
      </c>
      <c r="B41334" t="s">
        <v>25470</v>
      </c>
      <c r="C41334" t="s">
        <v>8338</v>
      </c>
      <c r="D41334" t="s">
        <v>8339</v>
      </c>
      <c r="E41334" t="s">
        <v>8296</v>
      </c>
      <c r="F41334" t="s">
        <v>8297</v>
      </c>
      <c r="G41334" t="s">
        <v>80</v>
      </c>
      <c r="H41334" t="s">
        <v>81</v>
      </c>
      <c r="I41334" s="2">
        <v>0</v>
      </c>
      <c r="J41334" s="2">
        <v>1</v>
      </c>
      <c r="K41334" s="2">
        <v>0</v>
      </c>
      <c r="L41334" t="s">
        <v>82</v>
      </c>
      <c r="M41334" t="s">
        <v>83</v>
      </c>
      <c r="N41334" t="s">
        <v>84</v>
      </c>
      <c r="O41334" t="s">
        <v>85</v>
      </c>
      <c r="P41334" t="s">
        <v>86</v>
      </c>
      <c r="Q41334">
        <v>133</v>
      </c>
      <c r="R41334">
        <v>135</v>
      </c>
      <c r="S41334">
        <v>138</v>
      </c>
      <c r="T41334">
        <v>140</v>
      </c>
      <c r="U41334">
        <v>143</v>
      </c>
      <c r="V41334">
        <v>146</v>
      </c>
      <c r="W41334">
        <v>148</v>
      </c>
      <c r="X41334">
        <v>151</v>
      </c>
      <c r="Y41334">
        <v>154</v>
      </c>
      <c r="Z41334">
        <v>156</v>
      </c>
      <c r="AA41334">
        <v>159</v>
      </c>
      <c r="AB41334">
        <v>161</v>
      </c>
      <c r="AC41334">
        <v>164</v>
      </c>
      <c r="AD41334">
        <v>167</v>
      </c>
      <c r="AE41334">
        <v>169</v>
      </c>
      <c r="AF41334">
        <v>172</v>
      </c>
      <c r="AG41334">
        <v>174</v>
      </c>
      <c r="AH41334">
        <v>177</v>
      </c>
      <c r="AI41334">
        <v>180</v>
      </c>
      <c r="AJ41334">
        <v>182</v>
      </c>
      <c r="AK41334">
        <v>185</v>
      </c>
      <c r="AL41334">
        <v>186</v>
      </c>
      <c r="AM41334">
        <v>187</v>
      </c>
      <c r="AN41334">
        <v>187</v>
      </c>
      <c r="AO41334">
        <v>188</v>
      </c>
      <c r="AP41334">
        <v>189</v>
      </c>
      <c r="AQ41334">
        <v>189</v>
      </c>
    </row>
    <row r="41335" spans="1:43">
      <c r="A41335" t="s">
        <v>25469</v>
      </c>
      <c r="B41335" t="s">
        <v>25470</v>
      </c>
      <c r="C41335" t="s">
        <v>8338</v>
      </c>
      <c r="D41335" t="s">
        <v>8339</v>
      </c>
      <c r="E41335" t="s">
        <v>8296</v>
      </c>
      <c r="F41335" t="s">
        <v>8297</v>
      </c>
      <c r="G41335" t="s">
        <v>80</v>
      </c>
      <c r="H41335" t="s">
        <v>81</v>
      </c>
      <c r="I41335" s="2">
        <v>0</v>
      </c>
      <c r="J41335" s="2">
        <v>1</v>
      </c>
      <c r="K41335" s="2">
        <v>0</v>
      </c>
      <c r="L41335" t="s">
        <v>82</v>
      </c>
      <c r="M41335" t="s">
        <v>87</v>
      </c>
      <c r="N41335" t="s">
        <v>88</v>
      </c>
      <c r="O41335" t="s">
        <v>85</v>
      </c>
      <c r="P41335" t="s">
        <v>86</v>
      </c>
      <c r="Q41335">
        <v>133</v>
      </c>
      <c r="R41335">
        <v>135</v>
      </c>
      <c r="S41335">
        <v>136</v>
      </c>
      <c r="T41335">
        <v>137</v>
      </c>
      <c r="U41335">
        <v>139</v>
      </c>
      <c r="V41335">
        <v>140</v>
      </c>
      <c r="W41335">
        <v>141</v>
      </c>
      <c r="X41335">
        <v>143</v>
      </c>
      <c r="Y41335">
        <v>144</v>
      </c>
      <c r="Z41335">
        <v>145</v>
      </c>
      <c r="AA41335">
        <v>147</v>
      </c>
      <c r="AB41335">
        <v>148</v>
      </c>
      <c r="AC41335">
        <v>149</v>
      </c>
      <c r="AD41335">
        <v>150</v>
      </c>
      <c r="AE41335">
        <v>152</v>
      </c>
      <c r="AF41335">
        <v>153</v>
      </c>
      <c r="AG41335">
        <v>154</v>
      </c>
      <c r="AH41335">
        <v>155</v>
      </c>
      <c r="AI41335">
        <v>156</v>
      </c>
      <c r="AJ41335">
        <v>158</v>
      </c>
      <c r="AK41335">
        <v>159</v>
      </c>
      <c r="AL41335">
        <v>160</v>
      </c>
      <c r="AM41335">
        <v>161</v>
      </c>
      <c r="AN41335">
        <v>162</v>
      </c>
      <c r="AO41335">
        <v>164</v>
      </c>
      <c r="AP41335">
        <v>165</v>
      </c>
      <c r="AQ41335">
        <v>166</v>
      </c>
    </row>
    <row r="41336" spans="1:43">
      <c r="A41336" t="s">
        <v>25469</v>
      </c>
      <c r="B41336" t="s">
        <v>25470</v>
      </c>
      <c r="C41336" t="s">
        <v>8338</v>
      </c>
      <c r="D41336" t="s">
        <v>8339</v>
      </c>
      <c r="E41336" t="s">
        <v>8296</v>
      </c>
      <c r="F41336" t="s">
        <v>8297</v>
      </c>
      <c r="G41336" t="s">
        <v>80</v>
      </c>
      <c r="H41336" t="s">
        <v>81</v>
      </c>
      <c r="I41336" s="2">
        <v>0</v>
      </c>
      <c r="J41336" s="2">
        <v>1</v>
      </c>
      <c r="K41336" s="2">
        <v>0</v>
      </c>
      <c r="L41336" t="s">
        <v>82</v>
      </c>
      <c r="M41336" t="s">
        <v>89</v>
      </c>
      <c r="N41336" t="s">
        <v>90</v>
      </c>
      <c r="O41336" t="s">
        <v>85</v>
      </c>
      <c r="P41336" t="s">
        <v>86</v>
      </c>
      <c r="Q41336">
        <v>133</v>
      </c>
      <c r="R41336">
        <v>137</v>
      </c>
      <c r="S41336">
        <v>140</v>
      </c>
      <c r="T41336">
        <v>144</v>
      </c>
      <c r="U41336">
        <v>148</v>
      </c>
      <c r="V41336">
        <v>151</v>
      </c>
      <c r="W41336">
        <v>155</v>
      </c>
      <c r="X41336">
        <v>158</v>
      </c>
      <c r="Y41336">
        <v>162</v>
      </c>
      <c r="Z41336">
        <v>165</v>
      </c>
      <c r="AA41336">
        <v>169</v>
      </c>
      <c r="AB41336">
        <v>172</v>
      </c>
      <c r="AC41336">
        <v>175</v>
      </c>
      <c r="AD41336">
        <v>179</v>
      </c>
      <c r="AE41336">
        <v>181</v>
      </c>
      <c r="AF41336">
        <v>182</v>
      </c>
      <c r="AG41336">
        <v>182</v>
      </c>
      <c r="AH41336">
        <v>183</v>
      </c>
      <c r="AI41336">
        <v>184</v>
      </c>
      <c r="AJ41336">
        <v>184</v>
      </c>
      <c r="AK41336">
        <v>185</v>
      </c>
      <c r="AL41336">
        <v>186</v>
      </c>
      <c r="AM41336">
        <v>186</v>
      </c>
      <c r="AN41336">
        <v>187</v>
      </c>
      <c r="AO41336">
        <v>188</v>
      </c>
      <c r="AP41336">
        <v>188</v>
      </c>
      <c r="AQ41336">
        <v>189</v>
      </c>
    </row>
    <row r="41337" spans="1:43">
      <c r="A41337" t="s">
        <v>25469</v>
      </c>
      <c r="B41337" t="s">
        <v>25470</v>
      </c>
      <c r="C41337" t="s">
        <v>8338</v>
      </c>
      <c r="D41337" t="s">
        <v>8339</v>
      </c>
      <c r="E41337" t="s">
        <v>8296</v>
      </c>
      <c r="F41337" t="s">
        <v>8297</v>
      </c>
      <c r="G41337" t="s">
        <v>80</v>
      </c>
      <c r="H41337" t="s">
        <v>81</v>
      </c>
      <c r="I41337" s="2">
        <v>0</v>
      </c>
      <c r="J41337" s="2">
        <v>1</v>
      </c>
      <c r="K41337" s="2">
        <v>0</v>
      </c>
      <c r="L41337" t="s">
        <v>82</v>
      </c>
      <c r="M41337" t="s">
        <v>83</v>
      </c>
      <c r="N41337" t="s">
        <v>91</v>
      </c>
      <c r="O41337" t="s">
        <v>85</v>
      </c>
      <c r="P41337" t="s">
        <v>86</v>
      </c>
      <c r="Q41337">
        <v>133</v>
      </c>
      <c r="R41337">
        <v>135</v>
      </c>
      <c r="S41337">
        <v>138</v>
      </c>
      <c r="T41337">
        <v>140</v>
      </c>
      <c r="U41337">
        <v>143</v>
      </c>
      <c r="V41337">
        <v>146</v>
      </c>
      <c r="W41337">
        <v>148</v>
      </c>
      <c r="X41337">
        <v>151</v>
      </c>
      <c r="Y41337">
        <v>154</v>
      </c>
      <c r="Z41337">
        <v>156</v>
      </c>
      <c r="AA41337">
        <v>159</v>
      </c>
      <c r="AB41337">
        <v>161</v>
      </c>
      <c r="AC41337">
        <v>164</v>
      </c>
      <c r="AD41337">
        <v>167</v>
      </c>
      <c r="AE41337">
        <v>169</v>
      </c>
      <c r="AF41337">
        <v>172</v>
      </c>
      <c r="AG41337">
        <v>174</v>
      </c>
      <c r="AH41337">
        <v>177</v>
      </c>
      <c r="AI41337">
        <v>180</v>
      </c>
      <c r="AJ41337">
        <v>182</v>
      </c>
      <c r="AK41337">
        <v>185</v>
      </c>
      <c r="AL41337">
        <v>186</v>
      </c>
      <c r="AM41337">
        <v>187</v>
      </c>
      <c r="AN41337">
        <v>187</v>
      </c>
      <c r="AO41337">
        <v>188</v>
      </c>
      <c r="AP41337">
        <v>189</v>
      </c>
      <c r="AQ41337">
        <v>189</v>
      </c>
    </row>
    <row r="41338" spans="1:43">
      <c r="A41338" t="s">
        <v>25471</v>
      </c>
      <c r="B41338" t="s">
        <v>25472</v>
      </c>
      <c r="C41338" t="s">
        <v>8432</v>
      </c>
      <c r="D41338" t="s">
        <v>8433</v>
      </c>
      <c r="E41338" t="s">
        <v>8296</v>
      </c>
      <c r="F41338" t="s">
        <v>8297</v>
      </c>
      <c r="G41338" t="s">
        <v>80</v>
      </c>
      <c r="H41338" t="s">
        <v>81</v>
      </c>
      <c r="I41338" s="2">
        <v>0</v>
      </c>
      <c r="J41338" s="2">
        <v>1</v>
      </c>
      <c r="K41338" s="2">
        <v>0</v>
      </c>
      <c r="L41338" t="s">
        <v>82</v>
      </c>
      <c r="M41338" t="s">
        <v>83</v>
      </c>
      <c r="N41338" t="s">
        <v>84</v>
      </c>
      <c r="O41338" t="s">
        <v>85</v>
      </c>
      <c r="P41338" t="s">
        <v>86</v>
      </c>
      <c r="Q41338">
        <v>18</v>
      </c>
      <c r="R41338">
        <v>18</v>
      </c>
      <c r="S41338">
        <v>19</v>
      </c>
      <c r="T41338">
        <v>19</v>
      </c>
      <c r="U41338">
        <v>20</v>
      </c>
      <c r="V41338">
        <v>20</v>
      </c>
      <c r="W41338">
        <v>20</v>
      </c>
      <c r="X41338">
        <v>21</v>
      </c>
      <c r="Y41338">
        <v>21</v>
      </c>
      <c r="Z41338">
        <v>21</v>
      </c>
      <c r="AA41338">
        <v>22</v>
      </c>
      <c r="AB41338">
        <v>22</v>
      </c>
      <c r="AC41338">
        <v>22</v>
      </c>
      <c r="AD41338">
        <v>23</v>
      </c>
      <c r="AE41338">
        <v>23</v>
      </c>
      <c r="AF41338">
        <v>23</v>
      </c>
      <c r="AG41338">
        <v>24</v>
      </c>
      <c r="AH41338">
        <v>24</v>
      </c>
      <c r="AI41338">
        <v>24</v>
      </c>
      <c r="AJ41338">
        <v>25</v>
      </c>
      <c r="AK41338">
        <v>25</v>
      </c>
      <c r="AL41338">
        <v>25</v>
      </c>
      <c r="AM41338">
        <v>25</v>
      </c>
      <c r="AN41338">
        <v>25</v>
      </c>
      <c r="AO41338">
        <v>25</v>
      </c>
      <c r="AP41338">
        <v>26</v>
      </c>
      <c r="AQ41338">
        <v>26</v>
      </c>
    </row>
    <row r="41339" spans="1:43">
      <c r="A41339" t="s">
        <v>25471</v>
      </c>
      <c r="B41339" t="s">
        <v>25472</v>
      </c>
      <c r="C41339" t="s">
        <v>8432</v>
      </c>
      <c r="D41339" t="s">
        <v>8433</v>
      </c>
      <c r="E41339" t="s">
        <v>8296</v>
      </c>
      <c r="F41339" t="s">
        <v>8297</v>
      </c>
      <c r="G41339" t="s">
        <v>80</v>
      </c>
      <c r="H41339" t="s">
        <v>81</v>
      </c>
      <c r="I41339" s="2">
        <v>0</v>
      </c>
      <c r="J41339" s="2">
        <v>1</v>
      </c>
      <c r="K41339" s="2">
        <v>0</v>
      </c>
      <c r="L41339" t="s">
        <v>82</v>
      </c>
      <c r="M41339" t="s">
        <v>87</v>
      </c>
      <c r="N41339" t="s">
        <v>88</v>
      </c>
      <c r="O41339" t="s">
        <v>85</v>
      </c>
      <c r="P41339" t="s">
        <v>86</v>
      </c>
      <c r="Q41339">
        <v>18</v>
      </c>
      <c r="R41339">
        <v>18</v>
      </c>
      <c r="S41339">
        <v>18</v>
      </c>
      <c r="T41339">
        <v>18</v>
      </c>
      <c r="U41339">
        <v>19</v>
      </c>
      <c r="V41339">
        <v>19</v>
      </c>
      <c r="W41339">
        <v>19</v>
      </c>
      <c r="X41339">
        <v>19</v>
      </c>
      <c r="Y41339">
        <v>19</v>
      </c>
      <c r="Z41339">
        <v>20</v>
      </c>
      <c r="AA41339">
        <v>20</v>
      </c>
      <c r="AB41339">
        <v>20</v>
      </c>
      <c r="AC41339">
        <v>20</v>
      </c>
      <c r="AD41339">
        <v>20</v>
      </c>
      <c r="AE41339">
        <v>20</v>
      </c>
      <c r="AF41339">
        <v>21</v>
      </c>
      <c r="AG41339">
        <v>21</v>
      </c>
      <c r="AH41339">
        <v>21</v>
      </c>
      <c r="AI41339">
        <v>21</v>
      </c>
      <c r="AJ41339">
        <v>21</v>
      </c>
      <c r="AK41339">
        <v>21</v>
      </c>
      <c r="AL41339">
        <v>21</v>
      </c>
      <c r="AM41339">
        <v>22</v>
      </c>
      <c r="AN41339">
        <v>22</v>
      </c>
      <c r="AO41339">
        <v>22</v>
      </c>
      <c r="AP41339">
        <v>22</v>
      </c>
      <c r="AQ41339">
        <v>22</v>
      </c>
    </row>
    <row r="41340" spans="1:43">
      <c r="A41340" t="s">
        <v>25471</v>
      </c>
      <c r="B41340" t="s">
        <v>25472</v>
      </c>
      <c r="C41340" t="s">
        <v>8432</v>
      </c>
      <c r="D41340" t="s">
        <v>8433</v>
      </c>
      <c r="E41340" t="s">
        <v>8296</v>
      </c>
      <c r="F41340" t="s">
        <v>8297</v>
      </c>
      <c r="G41340" t="s">
        <v>80</v>
      </c>
      <c r="H41340" t="s">
        <v>81</v>
      </c>
      <c r="I41340" s="2">
        <v>0</v>
      </c>
      <c r="J41340" s="2">
        <v>1</v>
      </c>
      <c r="K41340" s="2">
        <v>0</v>
      </c>
      <c r="L41340" t="s">
        <v>82</v>
      </c>
      <c r="M41340" t="s">
        <v>89</v>
      </c>
      <c r="N41340" t="s">
        <v>90</v>
      </c>
      <c r="O41340" t="s">
        <v>85</v>
      </c>
      <c r="P41340" t="s">
        <v>86</v>
      </c>
      <c r="Q41340">
        <v>18</v>
      </c>
      <c r="R41340">
        <v>19</v>
      </c>
      <c r="S41340">
        <v>19</v>
      </c>
      <c r="T41340">
        <v>20</v>
      </c>
      <c r="U41340">
        <v>20</v>
      </c>
      <c r="V41340">
        <v>21</v>
      </c>
      <c r="W41340">
        <v>21</v>
      </c>
      <c r="X41340">
        <v>22</v>
      </c>
      <c r="Y41340">
        <v>22</v>
      </c>
      <c r="Z41340">
        <v>23</v>
      </c>
      <c r="AA41340">
        <v>23</v>
      </c>
      <c r="AB41340">
        <v>23</v>
      </c>
      <c r="AC41340">
        <v>24</v>
      </c>
      <c r="AD41340">
        <v>24</v>
      </c>
      <c r="AE41340">
        <v>25</v>
      </c>
      <c r="AF41340">
        <v>25</v>
      </c>
      <c r="AG41340">
        <v>25</v>
      </c>
      <c r="AH41340">
        <v>25</v>
      </c>
      <c r="AI41340">
        <v>25</v>
      </c>
      <c r="AJ41340">
        <v>25</v>
      </c>
      <c r="AK41340">
        <v>25</v>
      </c>
      <c r="AL41340">
        <v>25</v>
      </c>
      <c r="AM41340">
        <v>25</v>
      </c>
      <c r="AN41340">
        <v>26</v>
      </c>
      <c r="AO41340">
        <v>26</v>
      </c>
      <c r="AP41340">
        <v>26</v>
      </c>
      <c r="AQ41340">
        <v>26</v>
      </c>
    </row>
    <row r="41341" spans="1:43">
      <c r="A41341" t="s">
        <v>25471</v>
      </c>
      <c r="B41341" t="s">
        <v>25472</v>
      </c>
      <c r="C41341" t="s">
        <v>8432</v>
      </c>
      <c r="D41341" t="s">
        <v>8433</v>
      </c>
      <c r="E41341" t="s">
        <v>8296</v>
      </c>
      <c r="F41341" t="s">
        <v>8297</v>
      </c>
      <c r="G41341" t="s">
        <v>80</v>
      </c>
      <c r="H41341" t="s">
        <v>81</v>
      </c>
      <c r="I41341" s="2">
        <v>0</v>
      </c>
      <c r="J41341" s="2">
        <v>1</v>
      </c>
      <c r="K41341" s="2">
        <v>0</v>
      </c>
      <c r="L41341" t="s">
        <v>82</v>
      </c>
      <c r="M41341" t="s">
        <v>83</v>
      </c>
      <c r="N41341" t="s">
        <v>91</v>
      </c>
      <c r="O41341" t="s">
        <v>85</v>
      </c>
      <c r="P41341" t="s">
        <v>86</v>
      </c>
      <c r="Q41341">
        <v>18</v>
      </c>
      <c r="R41341">
        <v>18</v>
      </c>
      <c r="S41341">
        <v>19</v>
      </c>
      <c r="T41341">
        <v>19</v>
      </c>
      <c r="U41341">
        <v>20</v>
      </c>
      <c r="V41341">
        <v>20</v>
      </c>
      <c r="W41341">
        <v>20</v>
      </c>
      <c r="X41341">
        <v>21</v>
      </c>
      <c r="Y41341">
        <v>21</v>
      </c>
      <c r="Z41341">
        <v>21</v>
      </c>
      <c r="AA41341">
        <v>22</v>
      </c>
      <c r="AB41341">
        <v>22</v>
      </c>
      <c r="AC41341">
        <v>22</v>
      </c>
      <c r="AD41341">
        <v>23</v>
      </c>
      <c r="AE41341">
        <v>23</v>
      </c>
      <c r="AF41341">
        <v>23</v>
      </c>
      <c r="AG41341">
        <v>24</v>
      </c>
      <c r="AH41341">
        <v>24</v>
      </c>
      <c r="AI41341">
        <v>24</v>
      </c>
      <c r="AJ41341">
        <v>25</v>
      </c>
      <c r="AK41341">
        <v>25</v>
      </c>
      <c r="AL41341">
        <v>25</v>
      </c>
      <c r="AM41341">
        <v>25</v>
      </c>
      <c r="AN41341">
        <v>25</v>
      </c>
      <c r="AO41341">
        <v>25</v>
      </c>
      <c r="AP41341">
        <v>26</v>
      </c>
      <c r="AQ41341">
        <v>26</v>
      </c>
    </row>
    <row r="41342" spans="1:43">
      <c r="A41342" t="s">
        <v>25473</v>
      </c>
      <c r="B41342" t="s">
        <v>25474</v>
      </c>
      <c r="C41342" t="s">
        <v>8432</v>
      </c>
      <c r="D41342" t="s">
        <v>8433</v>
      </c>
      <c r="E41342" t="s">
        <v>8296</v>
      </c>
      <c r="F41342" t="s">
        <v>8297</v>
      </c>
      <c r="G41342" t="s">
        <v>80</v>
      </c>
      <c r="H41342" t="s">
        <v>81</v>
      </c>
      <c r="I41342" s="2">
        <v>0</v>
      </c>
      <c r="J41342" s="2">
        <v>1</v>
      </c>
      <c r="K41342" s="2">
        <v>0</v>
      </c>
      <c r="L41342" t="s">
        <v>82</v>
      </c>
      <c r="M41342" t="s">
        <v>83</v>
      </c>
      <c r="N41342" t="s">
        <v>84</v>
      </c>
      <c r="O41342" t="s">
        <v>85</v>
      </c>
      <c r="P41342" t="s">
        <v>86</v>
      </c>
      <c r="Q41342">
        <v>28</v>
      </c>
      <c r="R41342">
        <v>28</v>
      </c>
      <c r="S41342">
        <v>29</v>
      </c>
      <c r="T41342">
        <v>29</v>
      </c>
      <c r="U41342">
        <v>30</v>
      </c>
      <c r="V41342">
        <v>31</v>
      </c>
      <c r="W41342">
        <v>31</v>
      </c>
      <c r="X41342">
        <v>32</v>
      </c>
      <c r="Y41342">
        <v>32</v>
      </c>
      <c r="Z41342">
        <v>33</v>
      </c>
      <c r="AA41342">
        <v>33</v>
      </c>
      <c r="AB41342">
        <v>34</v>
      </c>
      <c r="AC41342">
        <v>34</v>
      </c>
      <c r="AD41342">
        <v>35</v>
      </c>
      <c r="AE41342">
        <v>35</v>
      </c>
      <c r="AF41342">
        <v>36</v>
      </c>
      <c r="AG41342">
        <v>37</v>
      </c>
      <c r="AH41342">
        <v>37</v>
      </c>
      <c r="AI41342">
        <v>38</v>
      </c>
      <c r="AJ41342">
        <v>38</v>
      </c>
      <c r="AK41342">
        <v>39</v>
      </c>
      <c r="AL41342">
        <v>39</v>
      </c>
      <c r="AM41342">
        <v>39</v>
      </c>
      <c r="AN41342">
        <v>39</v>
      </c>
      <c r="AO41342">
        <v>39</v>
      </c>
      <c r="AP41342">
        <v>39</v>
      </c>
      <c r="AQ41342">
        <v>40</v>
      </c>
    </row>
    <row r="41343" spans="1:43">
      <c r="A41343" t="s">
        <v>25473</v>
      </c>
      <c r="B41343" t="s">
        <v>25474</v>
      </c>
      <c r="C41343" t="s">
        <v>8432</v>
      </c>
      <c r="D41343" t="s">
        <v>8433</v>
      </c>
      <c r="E41343" t="s">
        <v>8296</v>
      </c>
      <c r="F41343" t="s">
        <v>8297</v>
      </c>
      <c r="G41343" t="s">
        <v>80</v>
      </c>
      <c r="H41343" t="s">
        <v>81</v>
      </c>
      <c r="I41343" s="2">
        <v>0</v>
      </c>
      <c r="J41343" s="2">
        <v>1</v>
      </c>
      <c r="K41343" s="2">
        <v>0</v>
      </c>
      <c r="L41343" t="s">
        <v>82</v>
      </c>
      <c r="M41343" t="s">
        <v>87</v>
      </c>
      <c r="N41343" t="s">
        <v>88</v>
      </c>
      <c r="O41343" t="s">
        <v>85</v>
      </c>
      <c r="P41343" t="s">
        <v>86</v>
      </c>
      <c r="Q41343">
        <v>28</v>
      </c>
      <c r="R41343">
        <v>28</v>
      </c>
      <c r="S41343">
        <v>28</v>
      </c>
      <c r="T41343">
        <v>28</v>
      </c>
      <c r="U41343">
        <v>29</v>
      </c>
      <c r="V41343">
        <v>29</v>
      </c>
      <c r="W41343">
        <v>29</v>
      </c>
      <c r="X41343">
        <v>30</v>
      </c>
      <c r="Y41343">
        <v>30</v>
      </c>
      <c r="Z41343">
        <v>30</v>
      </c>
      <c r="AA41343">
        <v>30</v>
      </c>
      <c r="AB41343">
        <v>31</v>
      </c>
      <c r="AC41343">
        <v>31</v>
      </c>
      <c r="AD41343">
        <v>31</v>
      </c>
      <c r="AE41343">
        <v>31</v>
      </c>
      <c r="AF41343">
        <v>32</v>
      </c>
      <c r="AG41343">
        <v>32</v>
      </c>
      <c r="AH41343">
        <v>32</v>
      </c>
      <c r="AI41343">
        <v>32</v>
      </c>
      <c r="AJ41343">
        <v>33</v>
      </c>
      <c r="AK41343">
        <v>33</v>
      </c>
      <c r="AL41343">
        <v>33</v>
      </c>
      <c r="AM41343">
        <v>33</v>
      </c>
      <c r="AN41343">
        <v>34</v>
      </c>
      <c r="AO41343">
        <v>34</v>
      </c>
      <c r="AP41343">
        <v>34</v>
      </c>
      <c r="AQ41343">
        <v>34</v>
      </c>
    </row>
    <row r="41344" spans="1:43">
      <c r="A41344" t="s">
        <v>25473</v>
      </c>
      <c r="B41344" t="s">
        <v>25474</v>
      </c>
      <c r="C41344" t="s">
        <v>8432</v>
      </c>
      <c r="D41344" t="s">
        <v>8433</v>
      </c>
      <c r="E41344" t="s">
        <v>8296</v>
      </c>
      <c r="F41344" t="s">
        <v>8297</v>
      </c>
      <c r="G41344" t="s">
        <v>80</v>
      </c>
      <c r="H41344" t="s">
        <v>81</v>
      </c>
      <c r="I41344" s="2">
        <v>0</v>
      </c>
      <c r="J41344" s="2">
        <v>1</v>
      </c>
      <c r="K41344" s="2">
        <v>0</v>
      </c>
      <c r="L41344" t="s">
        <v>82</v>
      </c>
      <c r="M41344" t="s">
        <v>89</v>
      </c>
      <c r="N41344" t="s">
        <v>90</v>
      </c>
      <c r="O41344" t="s">
        <v>85</v>
      </c>
      <c r="P41344" t="s">
        <v>86</v>
      </c>
      <c r="Q41344">
        <v>28</v>
      </c>
      <c r="R41344">
        <v>29</v>
      </c>
      <c r="S41344">
        <v>30</v>
      </c>
      <c r="T41344">
        <v>30</v>
      </c>
      <c r="U41344">
        <v>31</v>
      </c>
      <c r="V41344">
        <v>32</v>
      </c>
      <c r="W41344">
        <v>33</v>
      </c>
      <c r="X41344">
        <v>33</v>
      </c>
      <c r="Y41344">
        <v>34</v>
      </c>
      <c r="Z41344">
        <v>35</v>
      </c>
      <c r="AA41344">
        <v>36</v>
      </c>
      <c r="AB41344">
        <v>36</v>
      </c>
      <c r="AC41344">
        <v>37</v>
      </c>
      <c r="AD41344">
        <v>38</v>
      </c>
      <c r="AE41344">
        <v>38</v>
      </c>
      <c r="AF41344">
        <v>38</v>
      </c>
      <c r="AG41344">
        <v>38</v>
      </c>
      <c r="AH41344">
        <v>39</v>
      </c>
      <c r="AI41344">
        <v>39</v>
      </c>
      <c r="AJ41344">
        <v>39</v>
      </c>
      <c r="AK41344">
        <v>39</v>
      </c>
      <c r="AL41344">
        <v>39</v>
      </c>
      <c r="AM41344">
        <v>39</v>
      </c>
      <c r="AN41344">
        <v>39</v>
      </c>
      <c r="AO41344">
        <v>39</v>
      </c>
      <c r="AP41344">
        <v>40</v>
      </c>
      <c r="AQ41344">
        <v>40</v>
      </c>
    </row>
    <row r="41345" spans="1:43">
      <c r="A41345" t="s">
        <v>25473</v>
      </c>
      <c r="B41345" t="s">
        <v>25474</v>
      </c>
      <c r="C41345" t="s">
        <v>8432</v>
      </c>
      <c r="D41345" t="s">
        <v>8433</v>
      </c>
      <c r="E41345" t="s">
        <v>8296</v>
      </c>
      <c r="F41345" t="s">
        <v>8297</v>
      </c>
      <c r="G41345" t="s">
        <v>80</v>
      </c>
      <c r="H41345" t="s">
        <v>81</v>
      </c>
      <c r="I41345" s="2">
        <v>0</v>
      </c>
      <c r="J41345" s="2">
        <v>1</v>
      </c>
      <c r="K41345" s="2">
        <v>0</v>
      </c>
      <c r="L41345" t="s">
        <v>82</v>
      </c>
      <c r="M41345" t="s">
        <v>83</v>
      </c>
      <c r="N41345" t="s">
        <v>91</v>
      </c>
      <c r="O41345" t="s">
        <v>85</v>
      </c>
      <c r="P41345" t="s">
        <v>86</v>
      </c>
      <c r="Q41345">
        <v>28</v>
      </c>
      <c r="R41345">
        <v>28</v>
      </c>
      <c r="S41345">
        <v>29</v>
      </c>
      <c r="T41345">
        <v>29</v>
      </c>
      <c r="U41345">
        <v>30</v>
      </c>
      <c r="V41345">
        <v>31</v>
      </c>
      <c r="W41345">
        <v>31</v>
      </c>
      <c r="X41345">
        <v>32</v>
      </c>
      <c r="Y41345">
        <v>32</v>
      </c>
      <c r="Z41345">
        <v>33</v>
      </c>
      <c r="AA41345">
        <v>33</v>
      </c>
      <c r="AB41345">
        <v>34</v>
      </c>
      <c r="AC41345">
        <v>34</v>
      </c>
      <c r="AD41345">
        <v>35</v>
      </c>
      <c r="AE41345">
        <v>35</v>
      </c>
      <c r="AF41345">
        <v>36</v>
      </c>
      <c r="AG41345">
        <v>37</v>
      </c>
      <c r="AH41345">
        <v>37</v>
      </c>
      <c r="AI41345">
        <v>38</v>
      </c>
      <c r="AJ41345">
        <v>38</v>
      </c>
      <c r="AK41345">
        <v>39</v>
      </c>
      <c r="AL41345">
        <v>39</v>
      </c>
      <c r="AM41345">
        <v>39</v>
      </c>
      <c r="AN41345">
        <v>39</v>
      </c>
      <c r="AO41345">
        <v>39</v>
      </c>
      <c r="AP41345">
        <v>39</v>
      </c>
      <c r="AQ41345">
        <v>40</v>
      </c>
    </row>
    <row r="41346" spans="1:43">
      <c r="A41346" t="s">
        <v>25475</v>
      </c>
      <c r="B41346" t="s">
        <v>25476</v>
      </c>
      <c r="C41346" t="s">
        <v>8432</v>
      </c>
      <c r="D41346" t="s">
        <v>8433</v>
      </c>
      <c r="E41346" t="s">
        <v>8296</v>
      </c>
      <c r="F41346" t="s">
        <v>8297</v>
      </c>
      <c r="G41346" t="s">
        <v>80</v>
      </c>
      <c r="H41346" t="s">
        <v>81</v>
      </c>
      <c r="I41346" s="2">
        <v>0</v>
      </c>
      <c r="J41346" s="2">
        <v>1</v>
      </c>
      <c r="K41346" s="2">
        <v>0</v>
      </c>
      <c r="L41346" t="s">
        <v>82</v>
      </c>
      <c r="M41346" t="s">
        <v>83</v>
      </c>
      <c r="N41346" t="s">
        <v>84</v>
      </c>
      <c r="O41346" t="s">
        <v>85</v>
      </c>
      <c r="P41346" t="s">
        <v>86</v>
      </c>
      <c r="Q41346">
        <v>19</v>
      </c>
      <c r="R41346">
        <v>19</v>
      </c>
      <c r="S41346">
        <v>20</v>
      </c>
      <c r="T41346">
        <v>20</v>
      </c>
      <c r="U41346">
        <v>21</v>
      </c>
      <c r="V41346">
        <v>21</v>
      </c>
      <c r="W41346">
        <v>21</v>
      </c>
      <c r="X41346">
        <v>22</v>
      </c>
      <c r="Y41346">
        <v>22</v>
      </c>
      <c r="Z41346">
        <v>22</v>
      </c>
      <c r="AA41346">
        <v>23</v>
      </c>
      <c r="AB41346">
        <v>23</v>
      </c>
      <c r="AC41346">
        <v>24</v>
      </c>
      <c r="AD41346">
        <v>24</v>
      </c>
      <c r="AE41346">
        <v>24</v>
      </c>
      <c r="AF41346">
        <v>25</v>
      </c>
      <c r="AG41346">
        <v>25</v>
      </c>
      <c r="AH41346">
        <v>25</v>
      </c>
      <c r="AI41346">
        <v>26</v>
      </c>
      <c r="AJ41346">
        <v>26</v>
      </c>
      <c r="AK41346">
        <v>26</v>
      </c>
      <c r="AL41346">
        <v>27</v>
      </c>
      <c r="AM41346">
        <v>27</v>
      </c>
      <c r="AN41346">
        <v>27</v>
      </c>
      <c r="AO41346">
        <v>27</v>
      </c>
      <c r="AP41346">
        <v>27</v>
      </c>
      <c r="AQ41346">
        <v>27</v>
      </c>
    </row>
    <row r="41347" spans="1:43">
      <c r="A41347" t="s">
        <v>25475</v>
      </c>
      <c r="B41347" t="s">
        <v>25476</v>
      </c>
      <c r="C41347" t="s">
        <v>8432</v>
      </c>
      <c r="D41347" t="s">
        <v>8433</v>
      </c>
      <c r="E41347" t="s">
        <v>8296</v>
      </c>
      <c r="F41347" t="s">
        <v>8297</v>
      </c>
      <c r="G41347" t="s">
        <v>80</v>
      </c>
      <c r="H41347" t="s">
        <v>81</v>
      </c>
      <c r="I41347" s="2">
        <v>0</v>
      </c>
      <c r="J41347" s="2">
        <v>1</v>
      </c>
      <c r="K41347" s="2">
        <v>0</v>
      </c>
      <c r="L41347" t="s">
        <v>82</v>
      </c>
      <c r="M41347" t="s">
        <v>87</v>
      </c>
      <c r="N41347" t="s">
        <v>88</v>
      </c>
      <c r="O41347" t="s">
        <v>85</v>
      </c>
      <c r="P41347" t="s">
        <v>86</v>
      </c>
      <c r="Q41347">
        <v>19</v>
      </c>
      <c r="R41347">
        <v>19</v>
      </c>
      <c r="S41347">
        <v>19</v>
      </c>
      <c r="T41347">
        <v>19</v>
      </c>
      <c r="U41347">
        <v>20</v>
      </c>
      <c r="V41347">
        <v>20</v>
      </c>
      <c r="W41347">
        <v>20</v>
      </c>
      <c r="X41347">
        <v>20</v>
      </c>
      <c r="Y41347">
        <v>20</v>
      </c>
      <c r="Z41347">
        <v>21</v>
      </c>
      <c r="AA41347">
        <v>21</v>
      </c>
      <c r="AB41347">
        <v>21</v>
      </c>
      <c r="AC41347">
        <v>21</v>
      </c>
      <c r="AD41347">
        <v>21</v>
      </c>
      <c r="AE41347">
        <v>21</v>
      </c>
      <c r="AF41347">
        <v>22</v>
      </c>
      <c r="AG41347">
        <v>22</v>
      </c>
      <c r="AH41347">
        <v>22</v>
      </c>
      <c r="AI41347">
        <v>22</v>
      </c>
      <c r="AJ41347">
        <v>22</v>
      </c>
      <c r="AK41347">
        <v>22</v>
      </c>
      <c r="AL41347">
        <v>23</v>
      </c>
      <c r="AM41347">
        <v>23</v>
      </c>
      <c r="AN41347">
        <v>23</v>
      </c>
      <c r="AO41347">
        <v>23</v>
      </c>
      <c r="AP41347">
        <v>23</v>
      </c>
      <c r="AQ41347">
        <v>23</v>
      </c>
    </row>
    <row r="41348" spans="1:43">
      <c r="A41348" t="s">
        <v>25475</v>
      </c>
      <c r="B41348" t="s">
        <v>25476</v>
      </c>
      <c r="C41348" t="s">
        <v>8432</v>
      </c>
      <c r="D41348" t="s">
        <v>8433</v>
      </c>
      <c r="E41348" t="s">
        <v>8296</v>
      </c>
      <c r="F41348" t="s">
        <v>8297</v>
      </c>
      <c r="G41348" t="s">
        <v>80</v>
      </c>
      <c r="H41348" t="s">
        <v>81</v>
      </c>
      <c r="I41348" s="2">
        <v>0</v>
      </c>
      <c r="J41348" s="2">
        <v>1</v>
      </c>
      <c r="K41348" s="2">
        <v>0</v>
      </c>
      <c r="L41348" t="s">
        <v>82</v>
      </c>
      <c r="M41348" t="s">
        <v>89</v>
      </c>
      <c r="N41348" t="s">
        <v>90</v>
      </c>
      <c r="O41348" t="s">
        <v>85</v>
      </c>
      <c r="P41348" t="s">
        <v>86</v>
      </c>
      <c r="Q41348">
        <v>19</v>
      </c>
      <c r="R41348">
        <v>20</v>
      </c>
      <c r="S41348">
        <v>20</v>
      </c>
      <c r="T41348">
        <v>21</v>
      </c>
      <c r="U41348">
        <v>21</v>
      </c>
      <c r="V41348">
        <v>22</v>
      </c>
      <c r="W41348">
        <v>22</v>
      </c>
      <c r="X41348">
        <v>23</v>
      </c>
      <c r="Y41348">
        <v>23</v>
      </c>
      <c r="Z41348">
        <v>24</v>
      </c>
      <c r="AA41348">
        <v>24</v>
      </c>
      <c r="AB41348">
        <v>25</v>
      </c>
      <c r="AC41348">
        <v>25</v>
      </c>
      <c r="AD41348">
        <v>26</v>
      </c>
      <c r="AE41348">
        <v>26</v>
      </c>
      <c r="AF41348">
        <v>26</v>
      </c>
      <c r="AG41348">
        <v>26</v>
      </c>
      <c r="AH41348">
        <v>26</v>
      </c>
      <c r="AI41348">
        <v>26</v>
      </c>
      <c r="AJ41348">
        <v>27</v>
      </c>
      <c r="AK41348">
        <v>27</v>
      </c>
      <c r="AL41348">
        <v>27</v>
      </c>
      <c r="AM41348">
        <v>27</v>
      </c>
      <c r="AN41348">
        <v>27</v>
      </c>
      <c r="AO41348">
        <v>27</v>
      </c>
      <c r="AP41348">
        <v>27</v>
      </c>
      <c r="AQ41348">
        <v>27</v>
      </c>
    </row>
    <row r="41349" spans="1:43">
      <c r="A41349" t="s">
        <v>25475</v>
      </c>
      <c r="B41349" t="s">
        <v>25476</v>
      </c>
      <c r="C41349" t="s">
        <v>8432</v>
      </c>
      <c r="D41349" t="s">
        <v>8433</v>
      </c>
      <c r="E41349" t="s">
        <v>8296</v>
      </c>
      <c r="F41349" t="s">
        <v>8297</v>
      </c>
      <c r="G41349" t="s">
        <v>80</v>
      </c>
      <c r="H41349" t="s">
        <v>81</v>
      </c>
      <c r="I41349" s="2">
        <v>0</v>
      </c>
      <c r="J41349" s="2">
        <v>1</v>
      </c>
      <c r="K41349" s="2">
        <v>0</v>
      </c>
      <c r="L41349" t="s">
        <v>82</v>
      </c>
      <c r="M41349" t="s">
        <v>83</v>
      </c>
      <c r="N41349" t="s">
        <v>91</v>
      </c>
      <c r="O41349" t="s">
        <v>85</v>
      </c>
      <c r="P41349" t="s">
        <v>86</v>
      </c>
      <c r="Q41349">
        <v>19</v>
      </c>
      <c r="R41349">
        <v>19</v>
      </c>
      <c r="S41349">
        <v>20</v>
      </c>
      <c r="T41349">
        <v>20</v>
      </c>
      <c r="U41349">
        <v>21</v>
      </c>
      <c r="V41349">
        <v>21</v>
      </c>
      <c r="W41349">
        <v>21</v>
      </c>
      <c r="X41349">
        <v>22</v>
      </c>
      <c r="Y41349">
        <v>22</v>
      </c>
      <c r="Z41349">
        <v>22</v>
      </c>
      <c r="AA41349">
        <v>23</v>
      </c>
      <c r="AB41349">
        <v>23</v>
      </c>
      <c r="AC41349">
        <v>24</v>
      </c>
      <c r="AD41349">
        <v>24</v>
      </c>
      <c r="AE41349">
        <v>24</v>
      </c>
      <c r="AF41349">
        <v>25</v>
      </c>
      <c r="AG41349">
        <v>25</v>
      </c>
      <c r="AH41349">
        <v>25</v>
      </c>
      <c r="AI41349">
        <v>26</v>
      </c>
      <c r="AJ41349">
        <v>26</v>
      </c>
      <c r="AK41349">
        <v>26</v>
      </c>
      <c r="AL41349">
        <v>27</v>
      </c>
      <c r="AM41349">
        <v>27</v>
      </c>
      <c r="AN41349">
        <v>27</v>
      </c>
      <c r="AO41349">
        <v>27</v>
      </c>
      <c r="AP41349">
        <v>27</v>
      </c>
      <c r="AQ41349">
        <v>27</v>
      </c>
    </row>
    <row r="41350" spans="1:43">
      <c r="A41350" t="s">
        <v>25477</v>
      </c>
      <c r="B41350" t="s">
        <v>25478</v>
      </c>
      <c r="C41350" t="s">
        <v>8432</v>
      </c>
      <c r="D41350" t="s">
        <v>8433</v>
      </c>
      <c r="E41350" t="s">
        <v>8296</v>
      </c>
      <c r="F41350" t="s">
        <v>8297</v>
      </c>
      <c r="G41350" t="s">
        <v>80</v>
      </c>
      <c r="H41350" t="s">
        <v>81</v>
      </c>
      <c r="I41350" s="2">
        <v>0</v>
      </c>
      <c r="J41350" s="2">
        <v>1</v>
      </c>
      <c r="K41350" s="2">
        <v>0</v>
      </c>
      <c r="L41350" t="s">
        <v>82</v>
      </c>
      <c r="M41350" t="s">
        <v>83</v>
      </c>
      <c r="N41350" t="s">
        <v>84</v>
      </c>
      <c r="O41350" t="s">
        <v>85</v>
      </c>
      <c r="P41350" t="s">
        <v>86</v>
      </c>
      <c r="Q41350">
        <v>18</v>
      </c>
      <c r="R41350">
        <v>18</v>
      </c>
      <c r="S41350">
        <v>18</v>
      </c>
      <c r="T41350">
        <v>19</v>
      </c>
      <c r="U41350">
        <v>19</v>
      </c>
      <c r="V41350">
        <v>19</v>
      </c>
      <c r="W41350">
        <v>20</v>
      </c>
      <c r="X41350">
        <v>20</v>
      </c>
      <c r="Y41350">
        <v>20</v>
      </c>
      <c r="Z41350">
        <v>21</v>
      </c>
      <c r="AA41350">
        <v>21</v>
      </c>
      <c r="AB41350">
        <v>21</v>
      </c>
      <c r="AC41350">
        <v>22</v>
      </c>
      <c r="AD41350">
        <v>22</v>
      </c>
      <c r="AE41350">
        <v>22</v>
      </c>
      <c r="AF41350">
        <v>23</v>
      </c>
      <c r="AG41350">
        <v>23</v>
      </c>
      <c r="AH41350">
        <v>23</v>
      </c>
      <c r="AI41350">
        <v>24</v>
      </c>
      <c r="AJ41350">
        <v>24</v>
      </c>
      <c r="AK41350">
        <v>24</v>
      </c>
      <c r="AL41350">
        <v>25</v>
      </c>
      <c r="AM41350">
        <v>25</v>
      </c>
      <c r="AN41350">
        <v>25</v>
      </c>
      <c r="AO41350">
        <v>25</v>
      </c>
      <c r="AP41350">
        <v>25</v>
      </c>
      <c r="AQ41350">
        <v>25</v>
      </c>
    </row>
    <row r="41351" spans="1:43">
      <c r="A41351" t="s">
        <v>25477</v>
      </c>
      <c r="B41351" t="s">
        <v>25478</v>
      </c>
      <c r="C41351" t="s">
        <v>8432</v>
      </c>
      <c r="D41351" t="s">
        <v>8433</v>
      </c>
      <c r="E41351" t="s">
        <v>8296</v>
      </c>
      <c r="F41351" t="s">
        <v>8297</v>
      </c>
      <c r="G41351" t="s">
        <v>80</v>
      </c>
      <c r="H41351" t="s">
        <v>81</v>
      </c>
      <c r="I41351" s="2">
        <v>0</v>
      </c>
      <c r="J41351" s="2">
        <v>1</v>
      </c>
      <c r="K41351" s="2">
        <v>0</v>
      </c>
      <c r="L41351" t="s">
        <v>82</v>
      </c>
      <c r="M41351" t="s">
        <v>87</v>
      </c>
      <c r="N41351" t="s">
        <v>88</v>
      </c>
      <c r="O41351" t="s">
        <v>85</v>
      </c>
      <c r="P41351" t="s">
        <v>86</v>
      </c>
      <c r="Q41351">
        <v>18</v>
      </c>
      <c r="R41351">
        <v>19</v>
      </c>
      <c r="S41351">
        <v>19</v>
      </c>
      <c r="T41351">
        <v>19</v>
      </c>
      <c r="U41351">
        <v>19</v>
      </c>
      <c r="V41351">
        <v>19</v>
      </c>
      <c r="W41351">
        <v>19</v>
      </c>
      <c r="X41351">
        <v>20</v>
      </c>
      <c r="Y41351">
        <v>20</v>
      </c>
      <c r="Z41351">
        <v>20</v>
      </c>
      <c r="AA41351">
        <v>20</v>
      </c>
      <c r="AB41351">
        <v>20</v>
      </c>
      <c r="AC41351">
        <v>20</v>
      </c>
      <c r="AD41351">
        <v>21</v>
      </c>
      <c r="AE41351">
        <v>21</v>
      </c>
      <c r="AF41351">
        <v>21</v>
      </c>
      <c r="AG41351">
        <v>21</v>
      </c>
      <c r="AH41351">
        <v>21</v>
      </c>
      <c r="AI41351">
        <v>21</v>
      </c>
      <c r="AJ41351">
        <v>22</v>
      </c>
      <c r="AK41351">
        <v>22</v>
      </c>
      <c r="AL41351">
        <v>22</v>
      </c>
      <c r="AM41351">
        <v>22</v>
      </c>
      <c r="AN41351">
        <v>22</v>
      </c>
      <c r="AO41351">
        <v>22</v>
      </c>
      <c r="AP41351">
        <v>23</v>
      </c>
      <c r="AQ41351">
        <v>23</v>
      </c>
    </row>
    <row r="41352" spans="1:43">
      <c r="A41352" t="s">
        <v>25477</v>
      </c>
      <c r="B41352" t="s">
        <v>25478</v>
      </c>
      <c r="C41352" t="s">
        <v>8432</v>
      </c>
      <c r="D41352" t="s">
        <v>8433</v>
      </c>
      <c r="E41352" t="s">
        <v>8296</v>
      </c>
      <c r="F41352" t="s">
        <v>8297</v>
      </c>
      <c r="G41352" t="s">
        <v>80</v>
      </c>
      <c r="H41352" t="s">
        <v>81</v>
      </c>
      <c r="I41352" s="2">
        <v>0</v>
      </c>
      <c r="J41352" s="2">
        <v>1</v>
      </c>
      <c r="K41352" s="2">
        <v>0</v>
      </c>
      <c r="L41352" t="s">
        <v>82</v>
      </c>
      <c r="M41352" t="s">
        <v>89</v>
      </c>
      <c r="N41352" t="s">
        <v>90</v>
      </c>
      <c r="O41352" t="s">
        <v>85</v>
      </c>
      <c r="P41352" t="s">
        <v>86</v>
      </c>
      <c r="Q41352">
        <v>18</v>
      </c>
      <c r="R41352">
        <v>18</v>
      </c>
      <c r="S41352">
        <v>19</v>
      </c>
      <c r="T41352">
        <v>19</v>
      </c>
      <c r="U41352">
        <v>20</v>
      </c>
      <c r="V41352">
        <v>20</v>
      </c>
      <c r="W41352">
        <v>21</v>
      </c>
      <c r="X41352">
        <v>21</v>
      </c>
      <c r="Y41352">
        <v>22</v>
      </c>
      <c r="Z41352">
        <v>22</v>
      </c>
      <c r="AA41352">
        <v>22</v>
      </c>
      <c r="AB41352">
        <v>23</v>
      </c>
      <c r="AC41352">
        <v>23</v>
      </c>
      <c r="AD41352">
        <v>24</v>
      </c>
      <c r="AE41352">
        <v>24</v>
      </c>
      <c r="AF41352">
        <v>24</v>
      </c>
      <c r="AG41352">
        <v>24</v>
      </c>
      <c r="AH41352">
        <v>24</v>
      </c>
      <c r="AI41352">
        <v>24</v>
      </c>
      <c r="AJ41352">
        <v>25</v>
      </c>
      <c r="AK41352">
        <v>25</v>
      </c>
      <c r="AL41352">
        <v>25</v>
      </c>
      <c r="AM41352">
        <v>25</v>
      </c>
      <c r="AN41352">
        <v>25</v>
      </c>
      <c r="AO41352">
        <v>25</v>
      </c>
      <c r="AP41352">
        <v>25</v>
      </c>
      <c r="AQ41352">
        <v>25</v>
      </c>
    </row>
    <row r="41353" spans="1:43">
      <c r="A41353" t="s">
        <v>25477</v>
      </c>
      <c r="B41353" t="s">
        <v>25478</v>
      </c>
      <c r="C41353" t="s">
        <v>8432</v>
      </c>
      <c r="D41353" t="s">
        <v>8433</v>
      </c>
      <c r="E41353" t="s">
        <v>8296</v>
      </c>
      <c r="F41353" t="s">
        <v>8297</v>
      </c>
      <c r="G41353" t="s">
        <v>80</v>
      </c>
      <c r="H41353" t="s">
        <v>81</v>
      </c>
      <c r="I41353" s="2">
        <v>0</v>
      </c>
      <c r="J41353" s="2">
        <v>1</v>
      </c>
      <c r="K41353" s="2">
        <v>0</v>
      </c>
      <c r="L41353" t="s">
        <v>82</v>
      </c>
      <c r="M41353" t="s">
        <v>83</v>
      </c>
      <c r="N41353" t="s">
        <v>91</v>
      </c>
      <c r="O41353" t="s">
        <v>85</v>
      </c>
      <c r="P41353" t="s">
        <v>86</v>
      </c>
      <c r="Q41353">
        <v>18</v>
      </c>
      <c r="R41353">
        <v>18</v>
      </c>
      <c r="S41353">
        <v>18</v>
      </c>
      <c r="T41353">
        <v>19</v>
      </c>
      <c r="U41353">
        <v>19</v>
      </c>
      <c r="V41353">
        <v>19</v>
      </c>
      <c r="W41353">
        <v>20</v>
      </c>
      <c r="X41353">
        <v>20</v>
      </c>
      <c r="Y41353">
        <v>20</v>
      </c>
      <c r="Z41353">
        <v>21</v>
      </c>
      <c r="AA41353">
        <v>21</v>
      </c>
      <c r="AB41353">
        <v>21</v>
      </c>
      <c r="AC41353">
        <v>22</v>
      </c>
      <c r="AD41353">
        <v>22</v>
      </c>
      <c r="AE41353">
        <v>22</v>
      </c>
      <c r="AF41353">
        <v>23</v>
      </c>
      <c r="AG41353">
        <v>23</v>
      </c>
      <c r="AH41353">
        <v>23</v>
      </c>
      <c r="AI41353">
        <v>24</v>
      </c>
      <c r="AJ41353">
        <v>24</v>
      </c>
      <c r="AK41353">
        <v>24</v>
      </c>
      <c r="AL41353">
        <v>25</v>
      </c>
      <c r="AM41353">
        <v>25</v>
      </c>
      <c r="AN41353">
        <v>25</v>
      </c>
      <c r="AO41353">
        <v>25</v>
      </c>
      <c r="AP41353">
        <v>25</v>
      </c>
      <c r="AQ41353">
        <v>25</v>
      </c>
    </row>
    <row r="41354" spans="1:43">
      <c r="A41354" t="s">
        <v>25479</v>
      </c>
      <c r="B41354" t="s">
        <v>25480</v>
      </c>
      <c r="C41354" t="s">
        <v>8354</v>
      </c>
      <c r="D41354" t="s">
        <v>8355</v>
      </c>
      <c r="E41354" t="s">
        <v>8296</v>
      </c>
      <c r="F41354" t="s">
        <v>8297</v>
      </c>
      <c r="G41354" t="s">
        <v>80</v>
      </c>
      <c r="H41354" t="s">
        <v>81</v>
      </c>
      <c r="I41354" s="2">
        <v>0</v>
      </c>
      <c r="J41354" s="2">
        <v>1</v>
      </c>
      <c r="K41354" s="2">
        <v>0</v>
      </c>
      <c r="L41354" t="s">
        <v>82</v>
      </c>
      <c r="M41354" t="s">
        <v>83</v>
      </c>
      <c r="N41354" t="s">
        <v>84</v>
      </c>
      <c r="O41354" t="s">
        <v>85</v>
      </c>
      <c r="P41354" t="s">
        <v>86</v>
      </c>
      <c r="Q41354">
        <v>45</v>
      </c>
      <c r="R41354">
        <v>46</v>
      </c>
      <c r="S41354">
        <v>47</v>
      </c>
      <c r="T41354">
        <v>47</v>
      </c>
      <c r="U41354">
        <v>48</v>
      </c>
      <c r="V41354">
        <v>49</v>
      </c>
      <c r="W41354">
        <v>50</v>
      </c>
      <c r="X41354">
        <v>51</v>
      </c>
      <c r="Y41354">
        <v>52</v>
      </c>
      <c r="Z41354">
        <v>53</v>
      </c>
      <c r="AA41354">
        <v>54</v>
      </c>
      <c r="AB41354">
        <v>54</v>
      </c>
      <c r="AC41354">
        <v>55</v>
      </c>
      <c r="AD41354">
        <v>56</v>
      </c>
      <c r="AE41354">
        <v>57</v>
      </c>
      <c r="AF41354">
        <v>58</v>
      </c>
      <c r="AG41354">
        <v>59</v>
      </c>
      <c r="AH41354">
        <v>59</v>
      </c>
      <c r="AI41354">
        <v>60</v>
      </c>
      <c r="AJ41354">
        <v>61</v>
      </c>
      <c r="AK41354">
        <v>62</v>
      </c>
      <c r="AL41354">
        <v>62</v>
      </c>
      <c r="AM41354">
        <v>63</v>
      </c>
      <c r="AN41354">
        <v>63</v>
      </c>
      <c r="AO41354">
        <v>63</v>
      </c>
      <c r="AP41354">
        <v>63</v>
      </c>
      <c r="AQ41354">
        <v>63</v>
      </c>
    </row>
    <row r="41355" spans="1:43">
      <c r="A41355" t="s">
        <v>25479</v>
      </c>
      <c r="B41355" t="s">
        <v>25480</v>
      </c>
      <c r="C41355" t="s">
        <v>8354</v>
      </c>
      <c r="D41355" t="s">
        <v>8355</v>
      </c>
      <c r="E41355" t="s">
        <v>8296</v>
      </c>
      <c r="F41355" t="s">
        <v>8297</v>
      </c>
      <c r="G41355" t="s">
        <v>80</v>
      </c>
      <c r="H41355" t="s">
        <v>81</v>
      </c>
      <c r="I41355" s="2">
        <v>0</v>
      </c>
      <c r="J41355" s="2">
        <v>1</v>
      </c>
      <c r="K41355" s="2">
        <v>0</v>
      </c>
      <c r="L41355" t="s">
        <v>82</v>
      </c>
      <c r="M41355" t="s">
        <v>87</v>
      </c>
      <c r="N41355" t="s">
        <v>88</v>
      </c>
      <c r="O41355" t="s">
        <v>85</v>
      </c>
      <c r="P41355" t="s">
        <v>86</v>
      </c>
      <c r="Q41355">
        <v>45</v>
      </c>
      <c r="R41355">
        <v>46</v>
      </c>
      <c r="S41355">
        <v>46</v>
      </c>
      <c r="T41355">
        <v>47</v>
      </c>
      <c r="U41355">
        <v>47</v>
      </c>
      <c r="V41355">
        <v>48</v>
      </c>
      <c r="W41355">
        <v>48</v>
      </c>
      <c r="X41355">
        <v>48</v>
      </c>
      <c r="Y41355">
        <v>49</v>
      </c>
      <c r="Z41355">
        <v>49</v>
      </c>
      <c r="AA41355">
        <v>50</v>
      </c>
      <c r="AB41355">
        <v>50</v>
      </c>
      <c r="AC41355">
        <v>51</v>
      </c>
      <c r="AD41355">
        <v>51</v>
      </c>
      <c r="AE41355">
        <v>51</v>
      </c>
      <c r="AF41355">
        <v>52</v>
      </c>
      <c r="AG41355">
        <v>52</v>
      </c>
      <c r="AH41355">
        <v>53</v>
      </c>
      <c r="AI41355">
        <v>53</v>
      </c>
      <c r="AJ41355">
        <v>53</v>
      </c>
      <c r="AK41355">
        <v>54</v>
      </c>
      <c r="AL41355">
        <v>54</v>
      </c>
      <c r="AM41355">
        <v>55</v>
      </c>
      <c r="AN41355">
        <v>55</v>
      </c>
      <c r="AO41355">
        <v>55</v>
      </c>
      <c r="AP41355">
        <v>56</v>
      </c>
      <c r="AQ41355">
        <v>56</v>
      </c>
    </row>
    <row r="41356" spans="1:43">
      <c r="A41356" t="s">
        <v>25479</v>
      </c>
      <c r="B41356" t="s">
        <v>25480</v>
      </c>
      <c r="C41356" t="s">
        <v>8354</v>
      </c>
      <c r="D41356" t="s">
        <v>8355</v>
      </c>
      <c r="E41356" t="s">
        <v>8296</v>
      </c>
      <c r="F41356" t="s">
        <v>8297</v>
      </c>
      <c r="G41356" t="s">
        <v>80</v>
      </c>
      <c r="H41356" t="s">
        <v>81</v>
      </c>
      <c r="I41356" s="2">
        <v>0</v>
      </c>
      <c r="J41356" s="2">
        <v>1</v>
      </c>
      <c r="K41356" s="2">
        <v>0</v>
      </c>
      <c r="L41356" t="s">
        <v>82</v>
      </c>
      <c r="M41356" t="s">
        <v>89</v>
      </c>
      <c r="N41356" t="s">
        <v>90</v>
      </c>
      <c r="O41356" t="s">
        <v>85</v>
      </c>
      <c r="P41356" t="s">
        <v>86</v>
      </c>
      <c r="Q41356">
        <v>45</v>
      </c>
      <c r="R41356">
        <v>47</v>
      </c>
      <c r="S41356">
        <v>48</v>
      </c>
      <c r="T41356">
        <v>49</v>
      </c>
      <c r="U41356">
        <v>50</v>
      </c>
      <c r="V41356">
        <v>51</v>
      </c>
      <c r="W41356">
        <v>53</v>
      </c>
      <c r="X41356">
        <v>54</v>
      </c>
      <c r="Y41356">
        <v>55</v>
      </c>
      <c r="Z41356">
        <v>56</v>
      </c>
      <c r="AA41356">
        <v>57</v>
      </c>
      <c r="AB41356">
        <v>58</v>
      </c>
      <c r="AC41356">
        <v>59</v>
      </c>
      <c r="AD41356">
        <v>60</v>
      </c>
      <c r="AE41356">
        <v>61</v>
      </c>
      <c r="AF41356">
        <v>61</v>
      </c>
      <c r="AG41356">
        <v>62</v>
      </c>
      <c r="AH41356">
        <v>62</v>
      </c>
      <c r="AI41356">
        <v>62</v>
      </c>
      <c r="AJ41356">
        <v>62</v>
      </c>
      <c r="AK41356">
        <v>63</v>
      </c>
      <c r="AL41356">
        <v>63</v>
      </c>
      <c r="AM41356">
        <v>63</v>
      </c>
      <c r="AN41356">
        <v>63</v>
      </c>
      <c r="AO41356">
        <v>63</v>
      </c>
      <c r="AP41356">
        <v>64</v>
      </c>
      <c r="AQ41356">
        <v>64</v>
      </c>
    </row>
    <row r="41357" spans="1:43">
      <c r="A41357" t="s">
        <v>25479</v>
      </c>
      <c r="B41357" t="s">
        <v>25480</v>
      </c>
      <c r="C41357" t="s">
        <v>8354</v>
      </c>
      <c r="D41357" t="s">
        <v>8355</v>
      </c>
      <c r="E41357" t="s">
        <v>8296</v>
      </c>
      <c r="F41357" t="s">
        <v>8297</v>
      </c>
      <c r="G41357" t="s">
        <v>80</v>
      </c>
      <c r="H41357" t="s">
        <v>81</v>
      </c>
      <c r="I41357" s="2">
        <v>0</v>
      </c>
      <c r="J41357" s="2">
        <v>1</v>
      </c>
      <c r="K41357" s="2">
        <v>0</v>
      </c>
      <c r="L41357" t="s">
        <v>82</v>
      </c>
      <c r="M41357" t="s">
        <v>83</v>
      </c>
      <c r="N41357" t="s">
        <v>91</v>
      </c>
      <c r="O41357" t="s">
        <v>85</v>
      </c>
      <c r="P41357" t="s">
        <v>86</v>
      </c>
      <c r="Q41357">
        <v>45</v>
      </c>
      <c r="R41357">
        <v>46</v>
      </c>
      <c r="S41357">
        <v>47</v>
      </c>
      <c r="T41357">
        <v>47</v>
      </c>
      <c r="U41357">
        <v>48</v>
      </c>
      <c r="V41357">
        <v>49</v>
      </c>
      <c r="W41357">
        <v>50</v>
      </c>
      <c r="X41357">
        <v>51</v>
      </c>
      <c r="Y41357">
        <v>52</v>
      </c>
      <c r="Z41357">
        <v>53</v>
      </c>
      <c r="AA41357">
        <v>54</v>
      </c>
      <c r="AB41357">
        <v>54</v>
      </c>
      <c r="AC41357">
        <v>55</v>
      </c>
      <c r="AD41357">
        <v>56</v>
      </c>
      <c r="AE41357">
        <v>57</v>
      </c>
      <c r="AF41357">
        <v>58</v>
      </c>
      <c r="AG41357">
        <v>59</v>
      </c>
      <c r="AH41357">
        <v>59</v>
      </c>
      <c r="AI41357">
        <v>60</v>
      </c>
      <c r="AJ41357">
        <v>61</v>
      </c>
      <c r="AK41357">
        <v>62</v>
      </c>
      <c r="AL41357">
        <v>62</v>
      </c>
      <c r="AM41357">
        <v>63</v>
      </c>
      <c r="AN41357">
        <v>63</v>
      </c>
      <c r="AO41357">
        <v>63</v>
      </c>
      <c r="AP41357">
        <v>63</v>
      </c>
      <c r="AQ41357">
        <v>63</v>
      </c>
    </row>
    <row r="41358" spans="1:43">
      <c r="A41358" t="s">
        <v>25481</v>
      </c>
      <c r="B41358" t="s">
        <v>25482</v>
      </c>
      <c r="C41358" t="s">
        <v>8354</v>
      </c>
      <c r="D41358" t="s">
        <v>8355</v>
      </c>
      <c r="E41358" t="s">
        <v>8296</v>
      </c>
      <c r="F41358" t="s">
        <v>8297</v>
      </c>
      <c r="G41358" t="s">
        <v>80</v>
      </c>
      <c r="H41358" t="s">
        <v>81</v>
      </c>
      <c r="I41358" s="2">
        <v>0</v>
      </c>
      <c r="J41358" s="2">
        <v>1</v>
      </c>
      <c r="K41358" s="2">
        <v>0</v>
      </c>
      <c r="L41358" t="s">
        <v>82</v>
      </c>
      <c r="M41358" t="s">
        <v>83</v>
      </c>
      <c r="N41358" t="s">
        <v>84</v>
      </c>
      <c r="O41358" t="s">
        <v>85</v>
      </c>
      <c r="P41358" t="s">
        <v>86</v>
      </c>
      <c r="Q41358">
        <v>0</v>
      </c>
      <c r="R41358">
        <v>0</v>
      </c>
      <c r="S41358">
        <v>0</v>
      </c>
      <c r="T41358">
        <v>0</v>
      </c>
      <c r="U41358">
        <v>0</v>
      </c>
      <c r="V41358">
        <v>0</v>
      </c>
      <c r="W41358">
        <v>0</v>
      </c>
      <c r="X41358">
        <v>0</v>
      </c>
      <c r="Y41358">
        <v>0</v>
      </c>
      <c r="Z41358">
        <v>0</v>
      </c>
      <c r="AA41358">
        <v>0</v>
      </c>
      <c r="AB41358">
        <v>0</v>
      </c>
      <c r="AC41358">
        <v>0</v>
      </c>
      <c r="AD41358">
        <v>0</v>
      </c>
      <c r="AE41358">
        <v>0</v>
      </c>
      <c r="AF41358">
        <v>0</v>
      </c>
      <c r="AG41358">
        <v>0</v>
      </c>
      <c r="AH41358">
        <v>0</v>
      </c>
      <c r="AI41358">
        <v>0</v>
      </c>
      <c r="AJ41358">
        <v>0</v>
      </c>
      <c r="AK41358">
        <v>0</v>
      </c>
      <c r="AL41358">
        <v>0</v>
      </c>
      <c r="AM41358">
        <v>0</v>
      </c>
      <c r="AN41358">
        <v>0</v>
      </c>
      <c r="AO41358">
        <v>0</v>
      </c>
      <c r="AP41358">
        <v>0</v>
      </c>
      <c r="AQ41358">
        <v>0</v>
      </c>
    </row>
    <row r="41359" spans="1:43">
      <c r="A41359" t="s">
        <v>25481</v>
      </c>
      <c r="B41359" t="s">
        <v>25482</v>
      </c>
      <c r="C41359" t="s">
        <v>8354</v>
      </c>
      <c r="D41359" t="s">
        <v>8355</v>
      </c>
      <c r="E41359" t="s">
        <v>8296</v>
      </c>
      <c r="F41359" t="s">
        <v>8297</v>
      </c>
      <c r="G41359" t="s">
        <v>80</v>
      </c>
      <c r="H41359" t="s">
        <v>81</v>
      </c>
      <c r="I41359" s="2">
        <v>0</v>
      </c>
      <c r="J41359" s="2">
        <v>1</v>
      </c>
      <c r="K41359" s="2">
        <v>0</v>
      </c>
      <c r="L41359" t="s">
        <v>82</v>
      </c>
      <c r="M41359" t="s">
        <v>87</v>
      </c>
      <c r="N41359" t="s">
        <v>88</v>
      </c>
      <c r="O41359" t="s">
        <v>85</v>
      </c>
      <c r="P41359" t="s">
        <v>86</v>
      </c>
      <c r="Q41359">
        <v>0</v>
      </c>
      <c r="R41359">
        <v>0</v>
      </c>
      <c r="S41359">
        <v>0</v>
      </c>
      <c r="T41359">
        <v>0</v>
      </c>
      <c r="U41359">
        <v>0</v>
      </c>
      <c r="V41359">
        <v>0</v>
      </c>
      <c r="W41359">
        <v>0</v>
      </c>
      <c r="X41359">
        <v>0</v>
      </c>
      <c r="Y41359">
        <v>0</v>
      </c>
      <c r="Z41359">
        <v>0</v>
      </c>
      <c r="AA41359">
        <v>0</v>
      </c>
      <c r="AB41359">
        <v>0</v>
      </c>
      <c r="AC41359">
        <v>0</v>
      </c>
      <c r="AD41359">
        <v>0</v>
      </c>
      <c r="AE41359">
        <v>0</v>
      </c>
      <c r="AF41359">
        <v>0</v>
      </c>
      <c r="AG41359">
        <v>0</v>
      </c>
      <c r="AH41359">
        <v>0</v>
      </c>
      <c r="AI41359">
        <v>0</v>
      </c>
      <c r="AJ41359">
        <v>0</v>
      </c>
      <c r="AK41359">
        <v>0</v>
      </c>
      <c r="AL41359">
        <v>0</v>
      </c>
      <c r="AM41359">
        <v>0</v>
      </c>
      <c r="AN41359">
        <v>0</v>
      </c>
      <c r="AO41359">
        <v>0</v>
      </c>
      <c r="AP41359">
        <v>0</v>
      </c>
      <c r="AQ41359">
        <v>0</v>
      </c>
    </row>
    <row r="41360" spans="1:43">
      <c r="A41360" t="s">
        <v>25481</v>
      </c>
      <c r="B41360" t="s">
        <v>25482</v>
      </c>
      <c r="C41360" t="s">
        <v>8354</v>
      </c>
      <c r="D41360" t="s">
        <v>8355</v>
      </c>
      <c r="E41360" t="s">
        <v>8296</v>
      </c>
      <c r="F41360" t="s">
        <v>8297</v>
      </c>
      <c r="G41360" t="s">
        <v>80</v>
      </c>
      <c r="H41360" t="s">
        <v>81</v>
      </c>
      <c r="I41360" s="2">
        <v>0</v>
      </c>
      <c r="J41360" s="2">
        <v>1</v>
      </c>
      <c r="K41360" s="2">
        <v>0</v>
      </c>
      <c r="L41360" t="s">
        <v>82</v>
      </c>
      <c r="M41360" t="s">
        <v>89</v>
      </c>
      <c r="N41360" t="s">
        <v>90</v>
      </c>
      <c r="O41360" t="s">
        <v>85</v>
      </c>
      <c r="P41360" t="s">
        <v>86</v>
      </c>
      <c r="Q41360">
        <v>0</v>
      </c>
      <c r="R41360">
        <v>0</v>
      </c>
      <c r="S41360">
        <v>0</v>
      </c>
      <c r="T41360">
        <v>0</v>
      </c>
      <c r="U41360">
        <v>0</v>
      </c>
      <c r="V41360">
        <v>0</v>
      </c>
      <c r="W41360">
        <v>0</v>
      </c>
      <c r="X41360">
        <v>0</v>
      </c>
      <c r="Y41360">
        <v>0</v>
      </c>
      <c r="Z41360">
        <v>0</v>
      </c>
      <c r="AA41360">
        <v>0</v>
      </c>
      <c r="AB41360">
        <v>0</v>
      </c>
      <c r="AC41360">
        <v>0</v>
      </c>
      <c r="AD41360">
        <v>0</v>
      </c>
      <c r="AE41360">
        <v>0</v>
      </c>
      <c r="AF41360">
        <v>0</v>
      </c>
      <c r="AG41360">
        <v>0</v>
      </c>
      <c r="AH41360">
        <v>0</v>
      </c>
      <c r="AI41360">
        <v>0</v>
      </c>
      <c r="AJ41360">
        <v>0</v>
      </c>
      <c r="AK41360">
        <v>0</v>
      </c>
      <c r="AL41360">
        <v>0</v>
      </c>
      <c r="AM41360">
        <v>0</v>
      </c>
      <c r="AN41360">
        <v>0</v>
      </c>
      <c r="AO41360">
        <v>0</v>
      </c>
      <c r="AP41360">
        <v>0</v>
      </c>
      <c r="AQ41360">
        <v>0</v>
      </c>
    </row>
    <row r="41361" spans="1:43">
      <c r="A41361" t="s">
        <v>25481</v>
      </c>
      <c r="B41361" t="s">
        <v>25482</v>
      </c>
      <c r="C41361" t="s">
        <v>8354</v>
      </c>
      <c r="D41361" t="s">
        <v>8355</v>
      </c>
      <c r="E41361" t="s">
        <v>8296</v>
      </c>
      <c r="F41361" t="s">
        <v>8297</v>
      </c>
      <c r="G41361" t="s">
        <v>80</v>
      </c>
      <c r="H41361" t="s">
        <v>81</v>
      </c>
      <c r="I41361" s="2">
        <v>0</v>
      </c>
      <c r="J41361" s="2">
        <v>1</v>
      </c>
      <c r="K41361" s="2">
        <v>0</v>
      </c>
      <c r="L41361" t="s">
        <v>82</v>
      </c>
      <c r="M41361" t="s">
        <v>83</v>
      </c>
      <c r="N41361" t="s">
        <v>91</v>
      </c>
      <c r="O41361" t="s">
        <v>85</v>
      </c>
      <c r="P41361" t="s">
        <v>86</v>
      </c>
      <c r="Q41361">
        <v>0</v>
      </c>
      <c r="R41361">
        <v>0</v>
      </c>
      <c r="S41361">
        <v>0</v>
      </c>
      <c r="T41361">
        <v>0</v>
      </c>
      <c r="U41361">
        <v>0</v>
      </c>
      <c r="V41361">
        <v>0</v>
      </c>
      <c r="W41361">
        <v>0</v>
      </c>
      <c r="X41361">
        <v>0</v>
      </c>
      <c r="Y41361">
        <v>0</v>
      </c>
      <c r="Z41361">
        <v>0</v>
      </c>
      <c r="AA41361">
        <v>0</v>
      </c>
      <c r="AB41361">
        <v>0</v>
      </c>
      <c r="AC41361">
        <v>0</v>
      </c>
      <c r="AD41361">
        <v>0</v>
      </c>
      <c r="AE41361">
        <v>0</v>
      </c>
      <c r="AF41361">
        <v>0</v>
      </c>
      <c r="AG41361">
        <v>0</v>
      </c>
      <c r="AH41361">
        <v>0</v>
      </c>
      <c r="AI41361">
        <v>0</v>
      </c>
      <c r="AJ41361">
        <v>0</v>
      </c>
      <c r="AK41361">
        <v>0</v>
      </c>
      <c r="AL41361">
        <v>0</v>
      </c>
      <c r="AM41361">
        <v>0</v>
      </c>
      <c r="AN41361">
        <v>0</v>
      </c>
      <c r="AO41361">
        <v>0</v>
      </c>
      <c r="AP41361">
        <v>0</v>
      </c>
      <c r="AQ41361">
        <v>0</v>
      </c>
    </row>
    <row r="41362" spans="1:43">
      <c r="A41362" t="s">
        <v>25483</v>
      </c>
      <c r="B41362" t="s">
        <v>25484</v>
      </c>
      <c r="C41362" t="s">
        <v>8410</v>
      </c>
      <c r="D41362" t="s">
        <v>8411</v>
      </c>
      <c r="E41362" t="s">
        <v>8296</v>
      </c>
      <c r="F41362" t="s">
        <v>8297</v>
      </c>
      <c r="G41362" t="s">
        <v>80</v>
      </c>
      <c r="H41362" t="s">
        <v>81</v>
      </c>
      <c r="I41362" s="2">
        <v>0</v>
      </c>
      <c r="J41362" s="2">
        <v>1</v>
      </c>
      <c r="K41362" s="2">
        <v>0</v>
      </c>
      <c r="L41362" t="s">
        <v>82</v>
      </c>
      <c r="M41362" t="s">
        <v>83</v>
      </c>
      <c r="N41362" t="s">
        <v>84</v>
      </c>
      <c r="O41362" t="s">
        <v>85</v>
      </c>
      <c r="P41362" t="s">
        <v>86</v>
      </c>
      <c r="Q41362">
        <v>34</v>
      </c>
      <c r="R41362">
        <v>35</v>
      </c>
      <c r="S41362">
        <v>36</v>
      </c>
      <c r="T41362">
        <v>36</v>
      </c>
      <c r="U41362">
        <v>37</v>
      </c>
      <c r="V41362">
        <v>38</v>
      </c>
      <c r="W41362">
        <v>38</v>
      </c>
      <c r="X41362">
        <v>39</v>
      </c>
      <c r="Y41362">
        <v>40</v>
      </c>
      <c r="Z41362">
        <v>40</v>
      </c>
      <c r="AA41362">
        <v>41</v>
      </c>
      <c r="AB41362">
        <v>42</v>
      </c>
      <c r="AC41362">
        <v>42</v>
      </c>
      <c r="AD41362">
        <v>43</v>
      </c>
      <c r="AE41362">
        <v>43</v>
      </c>
      <c r="AF41362">
        <v>44</v>
      </c>
      <c r="AG41362">
        <v>45</v>
      </c>
      <c r="AH41362">
        <v>45</v>
      </c>
      <c r="AI41362">
        <v>46</v>
      </c>
      <c r="AJ41362">
        <v>47</v>
      </c>
      <c r="AK41362">
        <v>47</v>
      </c>
      <c r="AL41362">
        <v>48</v>
      </c>
      <c r="AM41362">
        <v>48</v>
      </c>
      <c r="AN41362">
        <v>48</v>
      </c>
      <c r="AO41362">
        <v>48</v>
      </c>
      <c r="AP41362">
        <v>48</v>
      </c>
      <c r="AQ41362">
        <v>48</v>
      </c>
    </row>
    <row r="41363" spans="1:43">
      <c r="A41363" t="s">
        <v>25483</v>
      </c>
      <c r="B41363" t="s">
        <v>25484</v>
      </c>
      <c r="C41363" t="s">
        <v>8410</v>
      </c>
      <c r="D41363" t="s">
        <v>8411</v>
      </c>
      <c r="E41363" t="s">
        <v>8296</v>
      </c>
      <c r="F41363" t="s">
        <v>8297</v>
      </c>
      <c r="G41363" t="s">
        <v>80</v>
      </c>
      <c r="H41363" t="s">
        <v>81</v>
      </c>
      <c r="I41363" s="2">
        <v>0</v>
      </c>
      <c r="J41363" s="2">
        <v>1</v>
      </c>
      <c r="K41363" s="2">
        <v>0</v>
      </c>
      <c r="L41363" t="s">
        <v>82</v>
      </c>
      <c r="M41363" t="s">
        <v>87</v>
      </c>
      <c r="N41363" t="s">
        <v>88</v>
      </c>
      <c r="O41363" t="s">
        <v>85</v>
      </c>
      <c r="P41363" t="s">
        <v>86</v>
      </c>
      <c r="Q41363">
        <v>34</v>
      </c>
      <c r="R41363">
        <v>34</v>
      </c>
      <c r="S41363">
        <v>35</v>
      </c>
      <c r="T41363">
        <v>35</v>
      </c>
      <c r="U41363">
        <v>35</v>
      </c>
      <c r="V41363">
        <v>36</v>
      </c>
      <c r="W41363">
        <v>36</v>
      </c>
      <c r="X41363">
        <v>36</v>
      </c>
      <c r="Y41363">
        <v>37</v>
      </c>
      <c r="Z41363">
        <v>37</v>
      </c>
      <c r="AA41363">
        <v>37</v>
      </c>
      <c r="AB41363">
        <v>38</v>
      </c>
      <c r="AC41363">
        <v>38</v>
      </c>
      <c r="AD41363">
        <v>38</v>
      </c>
      <c r="AE41363">
        <v>38</v>
      </c>
      <c r="AF41363">
        <v>39</v>
      </c>
      <c r="AG41363">
        <v>39</v>
      </c>
      <c r="AH41363">
        <v>39</v>
      </c>
      <c r="AI41363">
        <v>40</v>
      </c>
      <c r="AJ41363">
        <v>40</v>
      </c>
      <c r="AK41363">
        <v>40</v>
      </c>
      <c r="AL41363">
        <v>41</v>
      </c>
      <c r="AM41363">
        <v>41</v>
      </c>
      <c r="AN41363">
        <v>41</v>
      </c>
      <c r="AO41363">
        <v>41</v>
      </c>
      <c r="AP41363">
        <v>42</v>
      </c>
      <c r="AQ41363">
        <v>42</v>
      </c>
    </row>
    <row r="41364" spans="1:43">
      <c r="A41364" t="s">
        <v>25483</v>
      </c>
      <c r="B41364" t="s">
        <v>25484</v>
      </c>
      <c r="C41364" t="s">
        <v>8410</v>
      </c>
      <c r="D41364" t="s">
        <v>8411</v>
      </c>
      <c r="E41364" t="s">
        <v>8296</v>
      </c>
      <c r="F41364" t="s">
        <v>8297</v>
      </c>
      <c r="G41364" t="s">
        <v>80</v>
      </c>
      <c r="H41364" t="s">
        <v>81</v>
      </c>
      <c r="I41364" s="2">
        <v>0</v>
      </c>
      <c r="J41364" s="2">
        <v>1</v>
      </c>
      <c r="K41364" s="2">
        <v>0</v>
      </c>
      <c r="L41364" t="s">
        <v>82</v>
      </c>
      <c r="M41364" t="s">
        <v>89</v>
      </c>
      <c r="N41364" t="s">
        <v>90</v>
      </c>
      <c r="O41364" t="s">
        <v>85</v>
      </c>
      <c r="P41364" t="s">
        <v>86</v>
      </c>
      <c r="Q41364">
        <v>34</v>
      </c>
      <c r="R41364">
        <v>35</v>
      </c>
      <c r="S41364">
        <v>36</v>
      </c>
      <c r="T41364">
        <v>36</v>
      </c>
      <c r="U41364">
        <v>37</v>
      </c>
      <c r="V41364">
        <v>38</v>
      </c>
      <c r="W41364">
        <v>39</v>
      </c>
      <c r="X41364">
        <v>40</v>
      </c>
      <c r="Y41364">
        <v>41</v>
      </c>
      <c r="Z41364">
        <v>42</v>
      </c>
      <c r="AA41364">
        <v>43</v>
      </c>
      <c r="AB41364">
        <v>43</v>
      </c>
      <c r="AC41364">
        <v>44</v>
      </c>
      <c r="AD41364">
        <v>45</v>
      </c>
      <c r="AE41364">
        <v>46</v>
      </c>
      <c r="AF41364">
        <v>46</v>
      </c>
      <c r="AG41364">
        <v>46</v>
      </c>
      <c r="AH41364">
        <v>46</v>
      </c>
      <c r="AI41364">
        <v>46</v>
      </c>
      <c r="AJ41364">
        <v>47</v>
      </c>
      <c r="AK41364">
        <v>47</v>
      </c>
      <c r="AL41364">
        <v>47</v>
      </c>
      <c r="AM41364">
        <v>47</v>
      </c>
      <c r="AN41364">
        <v>47</v>
      </c>
      <c r="AO41364">
        <v>47</v>
      </c>
      <c r="AP41364">
        <v>48</v>
      </c>
      <c r="AQ41364">
        <v>48</v>
      </c>
    </row>
    <row r="41365" spans="1:43">
      <c r="A41365" t="s">
        <v>25483</v>
      </c>
      <c r="B41365" t="s">
        <v>25484</v>
      </c>
      <c r="C41365" t="s">
        <v>8410</v>
      </c>
      <c r="D41365" t="s">
        <v>8411</v>
      </c>
      <c r="E41365" t="s">
        <v>8296</v>
      </c>
      <c r="F41365" t="s">
        <v>8297</v>
      </c>
      <c r="G41365" t="s">
        <v>80</v>
      </c>
      <c r="H41365" t="s">
        <v>81</v>
      </c>
      <c r="I41365" s="2">
        <v>0</v>
      </c>
      <c r="J41365" s="2">
        <v>1</v>
      </c>
      <c r="K41365" s="2">
        <v>0</v>
      </c>
      <c r="L41365" t="s">
        <v>82</v>
      </c>
      <c r="M41365" t="s">
        <v>83</v>
      </c>
      <c r="N41365" t="s">
        <v>91</v>
      </c>
      <c r="O41365" t="s">
        <v>85</v>
      </c>
      <c r="P41365" t="s">
        <v>86</v>
      </c>
      <c r="Q41365">
        <v>34</v>
      </c>
      <c r="R41365">
        <v>35</v>
      </c>
      <c r="S41365">
        <v>36</v>
      </c>
      <c r="T41365">
        <v>36</v>
      </c>
      <c r="U41365">
        <v>37</v>
      </c>
      <c r="V41365">
        <v>38</v>
      </c>
      <c r="W41365">
        <v>38</v>
      </c>
      <c r="X41365">
        <v>39</v>
      </c>
      <c r="Y41365">
        <v>40</v>
      </c>
      <c r="Z41365">
        <v>40</v>
      </c>
      <c r="AA41365">
        <v>41</v>
      </c>
      <c r="AB41365">
        <v>42</v>
      </c>
      <c r="AC41365">
        <v>42</v>
      </c>
      <c r="AD41365">
        <v>43</v>
      </c>
      <c r="AE41365">
        <v>43</v>
      </c>
      <c r="AF41365">
        <v>44</v>
      </c>
      <c r="AG41365">
        <v>45</v>
      </c>
      <c r="AH41365">
        <v>45</v>
      </c>
      <c r="AI41365">
        <v>46</v>
      </c>
      <c r="AJ41365">
        <v>47</v>
      </c>
      <c r="AK41365">
        <v>47</v>
      </c>
      <c r="AL41365">
        <v>48</v>
      </c>
      <c r="AM41365">
        <v>48</v>
      </c>
      <c r="AN41365">
        <v>48</v>
      </c>
      <c r="AO41365">
        <v>48</v>
      </c>
      <c r="AP41365">
        <v>48</v>
      </c>
      <c r="AQ41365">
        <v>48</v>
      </c>
    </row>
    <row r="41366" spans="1:43">
      <c r="A41366" t="s">
        <v>25485</v>
      </c>
      <c r="B41366" t="s">
        <v>25486</v>
      </c>
      <c r="C41366" t="s">
        <v>8410</v>
      </c>
      <c r="D41366" t="s">
        <v>8411</v>
      </c>
      <c r="E41366" t="s">
        <v>8296</v>
      </c>
      <c r="F41366" t="s">
        <v>8297</v>
      </c>
      <c r="G41366" t="s">
        <v>80</v>
      </c>
      <c r="H41366" t="s">
        <v>81</v>
      </c>
      <c r="I41366" s="2">
        <v>0</v>
      </c>
      <c r="J41366" s="2">
        <v>1</v>
      </c>
      <c r="K41366" s="2">
        <v>0</v>
      </c>
      <c r="L41366" t="s">
        <v>82</v>
      </c>
      <c r="M41366" t="s">
        <v>83</v>
      </c>
      <c r="N41366" t="s">
        <v>84</v>
      </c>
      <c r="O41366" t="s">
        <v>85</v>
      </c>
      <c r="P41366" t="s">
        <v>86</v>
      </c>
      <c r="Q41366">
        <v>18</v>
      </c>
      <c r="R41366">
        <v>18</v>
      </c>
      <c r="S41366">
        <v>19</v>
      </c>
      <c r="T41366">
        <v>19</v>
      </c>
      <c r="U41366">
        <v>19</v>
      </c>
      <c r="V41366">
        <v>20</v>
      </c>
      <c r="W41366">
        <v>20</v>
      </c>
      <c r="X41366">
        <v>21</v>
      </c>
      <c r="Y41366">
        <v>21</v>
      </c>
      <c r="Z41366">
        <v>21</v>
      </c>
      <c r="AA41366">
        <v>22</v>
      </c>
      <c r="AB41366">
        <v>22</v>
      </c>
      <c r="AC41366">
        <v>22</v>
      </c>
      <c r="AD41366">
        <v>23</v>
      </c>
      <c r="AE41366">
        <v>23</v>
      </c>
      <c r="AF41366">
        <v>23</v>
      </c>
      <c r="AG41366">
        <v>24</v>
      </c>
      <c r="AH41366">
        <v>24</v>
      </c>
      <c r="AI41366">
        <v>24</v>
      </c>
      <c r="AJ41366">
        <v>25</v>
      </c>
      <c r="AK41366">
        <v>25</v>
      </c>
      <c r="AL41366">
        <v>25</v>
      </c>
      <c r="AM41366">
        <v>25</v>
      </c>
      <c r="AN41366">
        <v>25</v>
      </c>
      <c r="AO41366">
        <v>25</v>
      </c>
      <c r="AP41366">
        <v>25</v>
      </c>
      <c r="AQ41366">
        <v>26</v>
      </c>
    </row>
    <row r="41367" spans="1:43">
      <c r="A41367" t="s">
        <v>25485</v>
      </c>
      <c r="B41367" t="s">
        <v>25486</v>
      </c>
      <c r="C41367" t="s">
        <v>8410</v>
      </c>
      <c r="D41367" t="s">
        <v>8411</v>
      </c>
      <c r="E41367" t="s">
        <v>8296</v>
      </c>
      <c r="F41367" t="s">
        <v>8297</v>
      </c>
      <c r="G41367" t="s">
        <v>80</v>
      </c>
      <c r="H41367" t="s">
        <v>81</v>
      </c>
      <c r="I41367" s="2">
        <v>0</v>
      </c>
      <c r="J41367" s="2">
        <v>1</v>
      </c>
      <c r="K41367" s="2">
        <v>0</v>
      </c>
      <c r="L41367" t="s">
        <v>82</v>
      </c>
      <c r="M41367" t="s">
        <v>87</v>
      </c>
      <c r="N41367" t="s">
        <v>88</v>
      </c>
      <c r="O41367" t="s">
        <v>85</v>
      </c>
      <c r="P41367" t="s">
        <v>86</v>
      </c>
      <c r="Q41367">
        <v>18</v>
      </c>
      <c r="R41367">
        <v>18</v>
      </c>
      <c r="S41367">
        <v>18</v>
      </c>
      <c r="T41367">
        <v>18</v>
      </c>
      <c r="U41367">
        <v>19</v>
      </c>
      <c r="V41367">
        <v>19</v>
      </c>
      <c r="W41367">
        <v>19</v>
      </c>
      <c r="X41367">
        <v>19</v>
      </c>
      <c r="Y41367">
        <v>19</v>
      </c>
      <c r="Z41367">
        <v>19</v>
      </c>
      <c r="AA41367">
        <v>20</v>
      </c>
      <c r="AB41367">
        <v>20</v>
      </c>
      <c r="AC41367">
        <v>20</v>
      </c>
      <c r="AD41367">
        <v>20</v>
      </c>
      <c r="AE41367">
        <v>20</v>
      </c>
      <c r="AF41367">
        <v>20</v>
      </c>
      <c r="AG41367">
        <v>21</v>
      </c>
      <c r="AH41367">
        <v>21</v>
      </c>
      <c r="AI41367">
        <v>21</v>
      </c>
      <c r="AJ41367">
        <v>21</v>
      </c>
      <c r="AK41367">
        <v>21</v>
      </c>
      <c r="AL41367">
        <v>21</v>
      </c>
      <c r="AM41367">
        <v>22</v>
      </c>
      <c r="AN41367">
        <v>22</v>
      </c>
      <c r="AO41367">
        <v>22</v>
      </c>
      <c r="AP41367">
        <v>22</v>
      </c>
      <c r="AQ41367">
        <v>22</v>
      </c>
    </row>
    <row r="41368" spans="1:43">
      <c r="A41368" t="s">
        <v>25485</v>
      </c>
      <c r="B41368" t="s">
        <v>25486</v>
      </c>
      <c r="C41368" t="s">
        <v>8410</v>
      </c>
      <c r="D41368" t="s">
        <v>8411</v>
      </c>
      <c r="E41368" t="s">
        <v>8296</v>
      </c>
      <c r="F41368" t="s">
        <v>8297</v>
      </c>
      <c r="G41368" t="s">
        <v>80</v>
      </c>
      <c r="H41368" t="s">
        <v>81</v>
      </c>
      <c r="I41368" s="2">
        <v>0</v>
      </c>
      <c r="J41368" s="2">
        <v>1</v>
      </c>
      <c r="K41368" s="2">
        <v>0</v>
      </c>
      <c r="L41368" t="s">
        <v>82</v>
      </c>
      <c r="M41368" t="s">
        <v>89</v>
      </c>
      <c r="N41368" t="s">
        <v>90</v>
      </c>
      <c r="O41368" t="s">
        <v>85</v>
      </c>
      <c r="P41368" t="s">
        <v>86</v>
      </c>
      <c r="Q41368">
        <v>18</v>
      </c>
      <c r="R41368">
        <v>19</v>
      </c>
      <c r="S41368">
        <v>19</v>
      </c>
      <c r="T41368">
        <v>20</v>
      </c>
      <c r="U41368">
        <v>20</v>
      </c>
      <c r="V41368">
        <v>21</v>
      </c>
      <c r="W41368">
        <v>21</v>
      </c>
      <c r="X41368">
        <v>22</v>
      </c>
      <c r="Y41368">
        <v>22</v>
      </c>
      <c r="Z41368">
        <v>23</v>
      </c>
      <c r="AA41368">
        <v>23</v>
      </c>
      <c r="AB41368">
        <v>23</v>
      </c>
      <c r="AC41368">
        <v>24</v>
      </c>
      <c r="AD41368">
        <v>24</v>
      </c>
      <c r="AE41368">
        <v>25</v>
      </c>
      <c r="AF41368">
        <v>25</v>
      </c>
      <c r="AG41368">
        <v>25</v>
      </c>
      <c r="AH41368">
        <v>25</v>
      </c>
      <c r="AI41368">
        <v>25</v>
      </c>
      <c r="AJ41368">
        <v>25</v>
      </c>
      <c r="AK41368">
        <v>25</v>
      </c>
      <c r="AL41368">
        <v>25</v>
      </c>
      <c r="AM41368">
        <v>25</v>
      </c>
      <c r="AN41368">
        <v>25</v>
      </c>
      <c r="AO41368">
        <v>26</v>
      </c>
      <c r="AP41368">
        <v>26</v>
      </c>
      <c r="AQ41368">
        <v>26</v>
      </c>
    </row>
    <row r="41369" spans="1:43">
      <c r="A41369" t="s">
        <v>25485</v>
      </c>
      <c r="B41369" t="s">
        <v>25486</v>
      </c>
      <c r="C41369" t="s">
        <v>8410</v>
      </c>
      <c r="D41369" t="s">
        <v>8411</v>
      </c>
      <c r="E41369" t="s">
        <v>8296</v>
      </c>
      <c r="F41369" t="s">
        <v>8297</v>
      </c>
      <c r="G41369" t="s">
        <v>80</v>
      </c>
      <c r="H41369" t="s">
        <v>81</v>
      </c>
      <c r="I41369" s="2">
        <v>0</v>
      </c>
      <c r="J41369" s="2">
        <v>1</v>
      </c>
      <c r="K41369" s="2">
        <v>0</v>
      </c>
      <c r="L41369" t="s">
        <v>82</v>
      </c>
      <c r="M41369" t="s">
        <v>83</v>
      </c>
      <c r="N41369" t="s">
        <v>91</v>
      </c>
      <c r="O41369" t="s">
        <v>85</v>
      </c>
      <c r="P41369" t="s">
        <v>86</v>
      </c>
      <c r="Q41369">
        <v>18</v>
      </c>
      <c r="R41369">
        <v>18</v>
      </c>
      <c r="S41369">
        <v>19</v>
      </c>
      <c r="T41369">
        <v>19</v>
      </c>
      <c r="U41369">
        <v>19</v>
      </c>
      <c r="V41369">
        <v>20</v>
      </c>
      <c r="W41369">
        <v>20</v>
      </c>
      <c r="X41369">
        <v>21</v>
      </c>
      <c r="Y41369">
        <v>21</v>
      </c>
      <c r="Z41369">
        <v>21</v>
      </c>
      <c r="AA41369">
        <v>22</v>
      </c>
      <c r="AB41369">
        <v>22</v>
      </c>
      <c r="AC41369">
        <v>22</v>
      </c>
      <c r="AD41369">
        <v>23</v>
      </c>
      <c r="AE41369">
        <v>23</v>
      </c>
      <c r="AF41369">
        <v>23</v>
      </c>
      <c r="AG41369">
        <v>24</v>
      </c>
      <c r="AH41369">
        <v>24</v>
      </c>
      <c r="AI41369">
        <v>24</v>
      </c>
      <c r="AJ41369">
        <v>25</v>
      </c>
      <c r="AK41369">
        <v>25</v>
      </c>
      <c r="AL41369">
        <v>25</v>
      </c>
      <c r="AM41369">
        <v>25</v>
      </c>
      <c r="AN41369">
        <v>25</v>
      </c>
      <c r="AO41369">
        <v>25</v>
      </c>
      <c r="AP41369">
        <v>25</v>
      </c>
      <c r="AQ41369">
        <v>26</v>
      </c>
    </row>
    <row r="41370" spans="1:43">
      <c r="A41370" t="s">
        <v>25487</v>
      </c>
      <c r="B41370" t="s">
        <v>25488</v>
      </c>
      <c r="C41370" t="s">
        <v>8410</v>
      </c>
      <c r="D41370" t="s">
        <v>8411</v>
      </c>
      <c r="E41370" t="s">
        <v>8296</v>
      </c>
      <c r="F41370" t="s">
        <v>8297</v>
      </c>
      <c r="G41370" t="s">
        <v>80</v>
      </c>
      <c r="H41370" t="s">
        <v>81</v>
      </c>
      <c r="I41370" s="2">
        <v>0</v>
      </c>
      <c r="J41370" s="2">
        <v>1</v>
      </c>
      <c r="K41370" s="2">
        <v>0</v>
      </c>
      <c r="L41370" t="s">
        <v>82</v>
      </c>
      <c r="M41370" t="s">
        <v>83</v>
      </c>
      <c r="N41370" t="s">
        <v>84</v>
      </c>
      <c r="O41370" t="s">
        <v>85</v>
      </c>
      <c r="P41370" t="s">
        <v>86</v>
      </c>
      <c r="Q41370">
        <v>29</v>
      </c>
      <c r="R41370">
        <v>29</v>
      </c>
      <c r="S41370">
        <v>30</v>
      </c>
      <c r="T41370">
        <v>30</v>
      </c>
      <c r="U41370">
        <v>31</v>
      </c>
      <c r="V41370">
        <v>32</v>
      </c>
      <c r="W41370">
        <v>32</v>
      </c>
      <c r="X41370">
        <v>33</v>
      </c>
      <c r="Y41370">
        <v>33</v>
      </c>
      <c r="Z41370">
        <v>34</v>
      </c>
      <c r="AA41370">
        <v>34</v>
      </c>
      <c r="AB41370">
        <v>35</v>
      </c>
      <c r="AC41370">
        <v>35</v>
      </c>
      <c r="AD41370">
        <v>36</v>
      </c>
      <c r="AE41370">
        <v>36</v>
      </c>
      <c r="AF41370">
        <v>37</v>
      </c>
      <c r="AG41370">
        <v>38</v>
      </c>
      <c r="AH41370">
        <v>38</v>
      </c>
      <c r="AI41370">
        <v>39</v>
      </c>
      <c r="AJ41370">
        <v>39</v>
      </c>
      <c r="AK41370">
        <v>40</v>
      </c>
      <c r="AL41370">
        <v>40</v>
      </c>
      <c r="AM41370">
        <v>40</v>
      </c>
      <c r="AN41370">
        <v>40</v>
      </c>
      <c r="AO41370">
        <v>40</v>
      </c>
      <c r="AP41370">
        <v>41</v>
      </c>
      <c r="AQ41370">
        <v>41</v>
      </c>
    </row>
    <row r="41371" spans="1:43">
      <c r="A41371" t="s">
        <v>25487</v>
      </c>
      <c r="B41371" t="s">
        <v>25488</v>
      </c>
      <c r="C41371" t="s">
        <v>8410</v>
      </c>
      <c r="D41371" t="s">
        <v>8411</v>
      </c>
      <c r="E41371" t="s">
        <v>8296</v>
      </c>
      <c r="F41371" t="s">
        <v>8297</v>
      </c>
      <c r="G41371" t="s">
        <v>80</v>
      </c>
      <c r="H41371" t="s">
        <v>81</v>
      </c>
      <c r="I41371" s="2">
        <v>0</v>
      </c>
      <c r="J41371" s="2">
        <v>1</v>
      </c>
      <c r="K41371" s="2">
        <v>0</v>
      </c>
      <c r="L41371" t="s">
        <v>82</v>
      </c>
      <c r="M41371" t="s">
        <v>87</v>
      </c>
      <c r="N41371" t="s">
        <v>88</v>
      </c>
      <c r="O41371" t="s">
        <v>85</v>
      </c>
      <c r="P41371" t="s">
        <v>86</v>
      </c>
      <c r="Q41371">
        <v>29</v>
      </c>
      <c r="R41371">
        <v>29</v>
      </c>
      <c r="S41371">
        <v>29</v>
      </c>
      <c r="T41371">
        <v>29</v>
      </c>
      <c r="U41371">
        <v>30</v>
      </c>
      <c r="V41371">
        <v>30</v>
      </c>
      <c r="W41371">
        <v>30</v>
      </c>
      <c r="X41371">
        <v>30</v>
      </c>
      <c r="Y41371">
        <v>31</v>
      </c>
      <c r="Z41371">
        <v>31</v>
      </c>
      <c r="AA41371">
        <v>31</v>
      </c>
      <c r="AB41371">
        <v>32</v>
      </c>
      <c r="AC41371">
        <v>32</v>
      </c>
      <c r="AD41371">
        <v>32</v>
      </c>
      <c r="AE41371">
        <v>32</v>
      </c>
      <c r="AF41371">
        <v>33</v>
      </c>
      <c r="AG41371">
        <v>33</v>
      </c>
      <c r="AH41371">
        <v>33</v>
      </c>
      <c r="AI41371">
        <v>33</v>
      </c>
      <c r="AJ41371">
        <v>34</v>
      </c>
      <c r="AK41371">
        <v>34</v>
      </c>
      <c r="AL41371">
        <v>34</v>
      </c>
      <c r="AM41371">
        <v>34</v>
      </c>
      <c r="AN41371">
        <v>35</v>
      </c>
      <c r="AO41371">
        <v>35</v>
      </c>
      <c r="AP41371">
        <v>35</v>
      </c>
      <c r="AQ41371">
        <v>35</v>
      </c>
    </row>
    <row r="41372" spans="1:43">
      <c r="A41372" t="s">
        <v>25487</v>
      </c>
      <c r="B41372" t="s">
        <v>25488</v>
      </c>
      <c r="C41372" t="s">
        <v>8410</v>
      </c>
      <c r="D41372" t="s">
        <v>8411</v>
      </c>
      <c r="E41372" t="s">
        <v>8296</v>
      </c>
      <c r="F41372" t="s">
        <v>8297</v>
      </c>
      <c r="G41372" t="s">
        <v>80</v>
      </c>
      <c r="H41372" t="s">
        <v>81</v>
      </c>
      <c r="I41372" s="2">
        <v>0</v>
      </c>
      <c r="J41372" s="2">
        <v>1</v>
      </c>
      <c r="K41372" s="2">
        <v>0</v>
      </c>
      <c r="L41372" t="s">
        <v>82</v>
      </c>
      <c r="M41372" t="s">
        <v>89</v>
      </c>
      <c r="N41372" t="s">
        <v>90</v>
      </c>
      <c r="O41372" t="s">
        <v>85</v>
      </c>
      <c r="P41372" t="s">
        <v>86</v>
      </c>
      <c r="Q41372">
        <v>29</v>
      </c>
      <c r="R41372">
        <v>30</v>
      </c>
      <c r="S41372">
        <v>31</v>
      </c>
      <c r="T41372">
        <v>31</v>
      </c>
      <c r="U41372">
        <v>32</v>
      </c>
      <c r="V41372">
        <v>33</v>
      </c>
      <c r="W41372">
        <v>34</v>
      </c>
      <c r="X41372">
        <v>35</v>
      </c>
      <c r="Y41372">
        <v>35</v>
      </c>
      <c r="Z41372">
        <v>36</v>
      </c>
      <c r="AA41372">
        <v>37</v>
      </c>
      <c r="AB41372">
        <v>37</v>
      </c>
      <c r="AC41372">
        <v>38</v>
      </c>
      <c r="AD41372">
        <v>39</v>
      </c>
      <c r="AE41372">
        <v>39</v>
      </c>
      <c r="AF41372">
        <v>39</v>
      </c>
      <c r="AG41372">
        <v>39</v>
      </c>
      <c r="AH41372">
        <v>40</v>
      </c>
      <c r="AI41372">
        <v>40</v>
      </c>
      <c r="AJ41372">
        <v>40</v>
      </c>
      <c r="AK41372">
        <v>40</v>
      </c>
      <c r="AL41372">
        <v>40</v>
      </c>
      <c r="AM41372">
        <v>40</v>
      </c>
      <c r="AN41372">
        <v>41</v>
      </c>
      <c r="AO41372">
        <v>41</v>
      </c>
      <c r="AP41372">
        <v>41</v>
      </c>
      <c r="AQ41372">
        <v>41</v>
      </c>
    </row>
    <row r="41373" spans="1:43">
      <c r="A41373" t="s">
        <v>25487</v>
      </c>
      <c r="B41373" t="s">
        <v>25488</v>
      </c>
      <c r="C41373" t="s">
        <v>8410</v>
      </c>
      <c r="D41373" t="s">
        <v>8411</v>
      </c>
      <c r="E41373" t="s">
        <v>8296</v>
      </c>
      <c r="F41373" t="s">
        <v>8297</v>
      </c>
      <c r="G41373" t="s">
        <v>80</v>
      </c>
      <c r="H41373" t="s">
        <v>81</v>
      </c>
      <c r="I41373" s="2">
        <v>0</v>
      </c>
      <c r="J41373" s="2">
        <v>1</v>
      </c>
      <c r="K41373" s="2">
        <v>0</v>
      </c>
      <c r="L41373" t="s">
        <v>82</v>
      </c>
      <c r="M41373" t="s">
        <v>83</v>
      </c>
      <c r="N41373" t="s">
        <v>91</v>
      </c>
      <c r="O41373" t="s">
        <v>85</v>
      </c>
      <c r="P41373" t="s">
        <v>86</v>
      </c>
      <c r="Q41373">
        <v>29</v>
      </c>
      <c r="R41373">
        <v>29</v>
      </c>
      <c r="S41373">
        <v>30</v>
      </c>
      <c r="T41373">
        <v>30</v>
      </c>
      <c r="U41373">
        <v>31</v>
      </c>
      <c r="V41373">
        <v>32</v>
      </c>
      <c r="W41373">
        <v>32</v>
      </c>
      <c r="X41373">
        <v>33</v>
      </c>
      <c r="Y41373">
        <v>33</v>
      </c>
      <c r="Z41373">
        <v>34</v>
      </c>
      <c r="AA41373">
        <v>34</v>
      </c>
      <c r="AB41373">
        <v>35</v>
      </c>
      <c r="AC41373">
        <v>35</v>
      </c>
      <c r="AD41373">
        <v>36</v>
      </c>
      <c r="AE41373">
        <v>36</v>
      </c>
      <c r="AF41373">
        <v>37</v>
      </c>
      <c r="AG41373">
        <v>38</v>
      </c>
      <c r="AH41373">
        <v>38</v>
      </c>
      <c r="AI41373">
        <v>39</v>
      </c>
      <c r="AJ41373">
        <v>39</v>
      </c>
      <c r="AK41373">
        <v>40</v>
      </c>
      <c r="AL41373">
        <v>40</v>
      </c>
      <c r="AM41373">
        <v>40</v>
      </c>
      <c r="AN41373">
        <v>40</v>
      </c>
      <c r="AO41373">
        <v>40</v>
      </c>
      <c r="AP41373">
        <v>41</v>
      </c>
      <c r="AQ41373">
        <v>41</v>
      </c>
    </row>
    <row r="41374" spans="1:43">
      <c r="A41374" t="s">
        <v>25489</v>
      </c>
      <c r="B41374" t="s">
        <v>25490</v>
      </c>
      <c r="C41374" t="s">
        <v>8420</v>
      </c>
      <c r="D41374" t="s">
        <v>8421</v>
      </c>
      <c r="E41374" t="s">
        <v>8296</v>
      </c>
      <c r="F41374" t="s">
        <v>8297</v>
      </c>
      <c r="G41374" t="s">
        <v>80</v>
      </c>
      <c r="H41374" t="s">
        <v>81</v>
      </c>
      <c r="I41374" s="2">
        <v>0</v>
      </c>
      <c r="J41374" s="2">
        <v>1</v>
      </c>
      <c r="K41374" s="2">
        <v>0</v>
      </c>
      <c r="L41374" t="s">
        <v>82</v>
      </c>
      <c r="M41374" t="s">
        <v>83</v>
      </c>
      <c r="N41374" t="s">
        <v>84</v>
      </c>
      <c r="O41374" t="s">
        <v>85</v>
      </c>
      <c r="P41374" t="s">
        <v>86</v>
      </c>
      <c r="Q41374">
        <v>12</v>
      </c>
      <c r="R41374">
        <v>13</v>
      </c>
      <c r="S41374">
        <v>13</v>
      </c>
      <c r="T41374">
        <v>13</v>
      </c>
      <c r="U41374">
        <v>13</v>
      </c>
      <c r="V41374">
        <v>14</v>
      </c>
      <c r="W41374">
        <v>14</v>
      </c>
      <c r="X41374">
        <v>14</v>
      </c>
      <c r="Y41374">
        <v>14</v>
      </c>
      <c r="Z41374">
        <v>15</v>
      </c>
      <c r="AA41374">
        <v>15</v>
      </c>
      <c r="AB41374">
        <v>15</v>
      </c>
      <c r="AC41374">
        <v>15</v>
      </c>
      <c r="AD41374">
        <v>16</v>
      </c>
      <c r="AE41374">
        <v>16</v>
      </c>
      <c r="AF41374">
        <v>16</v>
      </c>
      <c r="AG41374">
        <v>16</v>
      </c>
      <c r="AH41374">
        <v>16</v>
      </c>
      <c r="AI41374">
        <v>17</v>
      </c>
      <c r="AJ41374">
        <v>17</v>
      </c>
      <c r="AK41374">
        <v>17</v>
      </c>
      <c r="AL41374">
        <v>17</v>
      </c>
      <c r="AM41374">
        <v>17</v>
      </c>
      <c r="AN41374">
        <v>17</v>
      </c>
      <c r="AO41374">
        <v>17</v>
      </c>
      <c r="AP41374">
        <v>18</v>
      </c>
      <c r="AQ41374">
        <v>18</v>
      </c>
    </row>
    <row r="41375" spans="1:43">
      <c r="A41375" t="s">
        <v>25489</v>
      </c>
      <c r="B41375" t="s">
        <v>25490</v>
      </c>
      <c r="C41375" t="s">
        <v>8420</v>
      </c>
      <c r="D41375" t="s">
        <v>8421</v>
      </c>
      <c r="E41375" t="s">
        <v>8296</v>
      </c>
      <c r="F41375" t="s">
        <v>8297</v>
      </c>
      <c r="G41375" t="s">
        <v>80</v>
      </c>
      <c r="H41375" t="s">
        <v>81</v>
      </c>
      <c r="I41375" s="2">
        <v>0</v>
      </c>
      <c r="J41375" s="2">
        <v>1</v>
      </c>
      <c r="K41375" s="2">
        <v>0</v>
      </c>
      <c r="L41375" t="s">
        <v>82</v>
      </c>
      <c r="M41375" t="s">
        <v>87</v>
      </c>
      <c r="N41375" t="s">
        <v>88</v>
      </c>
      <c r="O41375" t="s">
        <v>85</v>
      </c>
      <c r="P41375" t="s">
        <v>86</v>
      </c>
      <c r="Q41375">
        <v>12</v>
      </c>
      <c r="R41375">
        <v>12</v>
      </c>
      <c r="S41375">
        <v>13</v>
      </c>
      <c r="T41375">
        <v>13</v>
      </c>
      <c r="U41375">
        <v>13</v>
      </c>
      <c r="V41375">
        <v>13</v>
      </c>
      <c r="W41375">
        <v>13</v>
      </c>
      <c r="X41375">
        <v>13</v>
      </c>
      <c r="Y41375">
        <v>13</v>
      </c>
      <c r="Z41375">
        <v>13</v>
      </c>
      <c r="AA41375">
        <v>14</v>
      </c>
      <c r="AB41375">
        <v>14</v>
      </c>
      <c r="AC41375">
        <v>14</v>
      </c>
      <c r="AD41375">
        <v>14</v>
      </c>
      <c r="AE41375">
        <v>14</v>
      </c>
      <c r="AF41375">
        <v>14</v>
      </c>
      <c r="AG41375">
        <v>14</v>
      </c>
      <c r="AH41375">
        <v>14</v>
      </c>
      <c r="AI41375">
        <v>14</v>
      </c>
      <c r="AJ41375">
        <v>15</v>
      </c>
      <c r="AK41375">
        <v>15</v>
      </c>
      <c r="AL41375">
        <v>15</v>
      </c>
      <c r="AM41375">
        <v>15</v>
      </c>
      <c r="AN41375">
        <v>15</v>
      </c>
      <c r="AO41375">
        <v>15</v>
      </c>
      <c r="AP41375">
        <v>15</v>
      </c>
      <c r="AQ41375">
        <v>15</v>
      </c>
    </row>
    <row r="41376" spans="1:43">
      <c r="A41376" t="s">
        <v>25489</v>
      </c>
      <c r="B41376" t="s">
        <v>25490</v>
      </c>
      <c r="C41376" t="s">
        <v>8420</v>
      </c>
      <c r="D41376" t="s">
        <v>8421</v>
      </c>
      <c r="E41376" t="s">
        <v>8296</v>
      </c>
      <c r="F41376" t="s">
        <v>8297</v>
      </c>
      <c r="G41376" t="s">
        <v>80</v>
      </c>
      <c r="H41376" t="s">
        <v>81</v>
      </c>
      <c r="I41376" s="2">
        <v>0</v>
      </c>
      <c r="J41376" s="2">
        <v>1</v>
      </c>
      <c r="K41376" s="2">
        <v>0</v>
      </c>
      <c r="L41376" t="s">
        <v>82</v>
      </c>
      <c r="M41376" t="s">
        <v>89</v>
      </c>
      <c r="N41376" t="s">
        <v>90</v>
      </c>
      <c r="O41376" t="s">
        <v>85</v>
      </c>
      <c r="P41376" t="s">
        <v>86</v>
      </c>
      <c r="Q41376">
        <v>12</v>
      </c>
      <c r="R41376">
        <v>12</v>
      </c>
      <c r="S41376">
        <v>12</v>
      </c>
      <c r="T41376">
        <v>13</v>
      </c>
      <c r="U41376">
        <v>13</v>
      </c>
      <c r="V41376">
        <v>13</v>
      </c>
      <c r="W41376">
        <v>14</v>
      </c>
      <c r="X41376">
        <v>14</v>
      </c>
      <c r="Y41376">
        <v>14</v>
      </c>
      <c r="Z41376">
        <v>15</v>
      </c>
      <c r="AA41376">
        <v>15</v>
      </c>
      <c r="AB41376">
        <v>15</v>
      </c>
      <c r="AC41376">
        <v>15</v>
      </c>
      <c r="AD41376">
        <v>16</v>
      </c>
      <c r="AE41376">
        <v>16</v>
      </c>
      <c r="AF41376">
        <v>16</v>
      </c>
      <c r="AG41376">
        <v>16</v>
      </c>
      <c r="AH41376">
        <v>16</v>
      </c>
      <c r="AI41376">
        <v>16</v>
      </c>
      <c r="AJ41376">
        <v>16</v>
      </c>
      <c r="AK41376">
        <v>16</v>
      </c>
      <c r="AL41376">
        <v>16</v>
      </c>
      <c r="AM41376">
        <v>16</v>
      </c>
      <c r="AN41376">
        <v>17</v>
      </c>
      <c r="AO41376">
        <v>17</v>
      </c>
      <c r="AP41376">
        <v>17</v>
      </c>
      <c r="AQ41376">
        <v>17</v>
      </c>
    </row>
    <row r="41377" spans="1:43">
      <c r="A41377" t="s">
        <v>25489</v>
      </c>
      <c r="B41377" t="s">
        <v>25490</v>
      </c>
      <c r="C41377" t="s">
        <v>8420</v>
      </c>
      <c r="D41377" t="s">
        <v>8421</v>
      </c>
      <c r="E41377" t="s">
        <v>8296</v>
      </c>
      <c r="F41377" t="s">
        <v>8297</v>
      </c>
      <c r="G41377" t="s">
        <v>80</v>
      </c>
      <c r="H41377" t="s">
        <v>81</v>
      </c>
      <c r="I41377" s="2">
        <v>0</v>
      </c>
      <c r="J41377" s="2">
        <v>1</v>
      </c>
      <c r="K41377" s="2">
        <v>0</v>
      </c>
      <c r="L41377" t="s">
        <v>82</v>
      </c>
      <c r="M41377" t="s">
        <v>83</v>
      </c>
      <c r="N41377" t="s">
        <v>91</v>
      </c>
      <c r="O41377" t="s">
        <v>85</v>
      </c>
      <c r="P41377" t="s">
        <v>86</v>
      </c>
      <c r="Q41377">
        <v>12</v>
      </c>
      <c r="R41377">
        <v>13</v>
      </c>
      <c r="S41377">
        <v>13</v>
      </c>
      <c r="T41377">
        <v>13</v>
      </c>
      <c r="U41377">
        <v>13</v>
      </c>
      <c r="V41377">
        <v>14</v>
      </c>
      <c r="W41377">
        <v>14</v>
      </c>
      <c r="X41377">
        <v>14</v>
      </c>
      <c r="Y41377">
        <v>14</v>
      </c>
      <c r="Z41377">
        <v>15</v>
      </c>
      <c r="AA41377">
        <v>15</v>
      </c>
      <c r="AB41377">
        <v>15</v>
      </c>
      <c r="AC41377">
        <v>15</v>
      </c>
      <c r="AD41377">
        <v>16</v>
      </c>
      <c r="AE41377">
        <v>16</v>
      </c>
      <c r="AF41377">
        <v>16</v>
      </c>
      <c r="AG41377">
        <v>16</v>
      </c>
      <c r="AH41377">
        <v>16</v>
      </c>
      <c r="AI41377">
        <v>17</v>
      </c>
      <c r="AJ41377">
        <v>17</v>
      </c>
      <c r="AK41377">
        <v>17</v>
      </c>
      <c r="AL41377">
        <v>17</v>
      </c>
      <c r="AM41377">
        <v>17</v>
      </c>
      <c r="AN41377">
        <v>17</v>
      </c>
      <c r="AO41377">
        <v>17</v>
      </c>
      <c r="AP41377">
        <v>18</v>
      </c>
      <c r="AQ41377">
        <v>18</v>
      </c>
    </row>
    <row r="41378" spans="1:43">
      <c r="A41378" t="s">
        <v>25491</v>
      </c>
      <c r="B41378" t="s">
        <v>25492</v>
      </c>
      <c r="C41378" t="s">
        <v>8420</v>
      </c>
      <c r="D41378" t="s">
        <v>8421</v>
      </c>
      <c r="E41378" t="s">
        <v>8296</v>
      </c>
      <c r="F41378" t="s">
        <v>8297</v>
      </c>
      <c r="G41378" t="s">
        <v>80</v>
      </c>
      <c r="H41378" t="s">
        <v>81</v>
      </c>
      <c r="I41378" s="2">
        <v>0</v>
      </c>
      <c r="J41378" s="2">
        <v>1</v>
      </c>
      <c r="K41378" s="2">
        <v>0</v>
      </c>
      <c r="L41378" t="s">
        <v>82</v>
      </c>
      <c r="M41378" t="s">
        <v>83</v>
      </c>
      <c r="N41378" t="s">
        <v>84</v>
      </c>
      <c r="O41378" t="s">
        <v>85</v>
      </c>
      <c r="P41378" t="s">
        <v>86</v>
      </c>
      <c r="Q41378">
        <v>22</v>
      </c>
      <c r="R41378">
        <v>22</v>
      </c>
      <c r="S41378">
        <v>23</v>
      </c>
      <c r="T41378">
        <v>23</v>
      </c>
      <c r="U41378">
        <v>24</v>
      </c>
      <c r="V41378">
        <v>24</v>
      </c>
      <c r="W41378">
        <v>25</v>
      </c>
      <c r="X41378">
        <v>25</v>
      </c>
      <c r="Y41378">
        <v>25</v>
      </c>
      <c r="Z41378">
        <v>26</v>
      </c>
      <c r="AA41378">
        <v>26</v>
      </c>
      <c r="AB41378">
        <v>27</v>
      </c>
      <c r="AC41378">
        <v>27</v>
      </c>
      <c r="AD41378">
        <v>27</v>
      </c>
      <c r="AE41378">
        <v>28</v>
      </c>
      <c r="AF41378">
        <v>28</v>
      </c>
      <c r="AG41378">
        <v>29</v>
      </c>
      <c r="AH41378">
        <v>29</v>
      </c>
      <c r="AI41378">
        <v>29</v>
      </c>
      <c r="AJ41378">
        <v>30</v>
      </c>
      <c r="AK41378">
        <v>30</v>
      </c>
      <c r="AL41378">
        <v>30</v>
      </c>
      <c r="AM41378">
        <v>31</v>
      </c>
      <c r="AN41378">
        <v>31</v>
      </c>
      <c r="AO41378">
        <v>31</v>
      </c>
      <c r="AP41378">
        <v>31</v>
      </c>
      <c r="AQ41378">
        <v>31</v>
      </c>
    </row>
    <row r="41379" spans="1:43">
      <c r="A41379" t="s">
        <v>25491</v>
      </c>
      <c r="B41379" t="s">
        <v>25492</v>
      </c>
      <c r="C41379" t="s">
        <v>8420</v>
      </c>
      <c r="D41379" t="s">
        <v>8421</v>
      </c>
      <c r="E41379" t="s">
        <v>8296</v>
      </c>
      <c r="F41379" t="s">
        <v>8297</v>
      </c>
      <c r="G41379" t="s">
        <v>80</v>
      </c>
      <c r="H41379" t="s">
        <v>81</v>
      </c>
      <c r="I41379" s="2">
        <v>0</v>
      </c>
      <c r="J41379" s="2">
        <v>1</v>
      </c>
      <c r="K41379" s="2">
        <v>0</v>
      </c>
      <c r="L41379" t="s">
        <v>82</v>
      </c>
      <c r="M41379" t="s">
        <v>87</v>
      </c>
      <c r="N41379" t="s">
        <v>88</v>
      </c>
      <c r="O41379" t="s">
        <v>85</v>
      </c>
      <c r="P41379" t="s">
        <v>86</v>
      </c>
      <c r="Q41379">
        <v>22</v>
      </c>
      <c r="R41379">
        <v>22</v>
      </c>
      <c r="S41379">
        <v>22</v>
      </c>
      <c r="T41379">
        <v>22</v>
      </c>
      <c r="U41379">
        <v>23</v>
      </c>
      <c r="V41379">
        <v>23</v>
      </c>
      <c r="W41379">
        <v>23</v>
      </c>
      <c r="X41379">
        <v>23</v>
      </c>
      <c r="Y41379">
        <v>23</v>
      </c>
      <c r="Z41379">
        <v>24</v>
      </c>
      <c r="AA41379">
        <v>24</v>
      </c>
      <c r="AB41379">
        <v>24</v>
      </c>
      <c r="AC41379">
        <v>24</v>
      </c>
      <c r="AD41379">
        <v>24</v>
      </c>
      <c r="AE41379">
        <v>25</v>
      </c>
      <c r="AF41379">
        <v>25</v>
      </c>
      <c r="AG41379">
        <v>25</v>
      </c>
      <c r="AH41379">
        <v>25</v>
      </c>
      <c r="AI41379">
        <v>25</v>
      </c>
      <c r="AJ41379">
        <v>26</v>
      </c>
      <c r="AK41379">
        <v>26</v>
      </c>
      <c r="AL41379">
        <v>26</v>
      </c>
      <c r="AM41379">
        <v>26</v>
      </c>
      <c r="AN41379">
        <v>26</v>
      </c>
      <c r="AO41379">
        <v>27</v>
      </c>
      <c r="AP41379">
        <v>27</v>
      </c>
      <c r="AQ41379">
        <v>27</v>
      </c>
    </row>
    <row r="41380" spans="1:43">
      <c r="A41380" t="s">
        <v>25491</v>
      </c>
      <c r="B41380" t="s">
        <v>25492</v>
      </c>
      <c r="C41380" t="s">
        <v>8420</v>
      </c>
      <c r="D41380" t="s">
        <v>8421</v>
      </c>
      <c r="E41380" t="s">
        <v>8296</v>
      </c>
      <c r="F41380" t="s">
        <v>8297</v>
      </c>
      <c r="G41380" t="s">
        <v>80</v>
      </c>
      <c r="H41380" t="s">
        <v>81</v>
      </c>
      <c r="I41380" s="2">
        <v>0</v>
      </c>
      <c r="J41380" s="2">
        <v>1</v>
      </c>
      <c r="K41380" s="2">
        <v>0</v>
      </c>
      <c r="L41380" t="s">
        <v>82</v>
      </c>
      <c r="M41380" t="s">
        <v>89</v>
      </c>
      <c r="N41380" t="s">
        <v>90</v>
      </c>
      <c r="O41380" t="s">
        <v>85</v>
      </c>
      <c r="P41380" t="s">
        <v>86</v>
      </c>
      <c r="Q41380">
        <v>22</v>
      </c>
      <c r="R41380">
        <v>23</v>
      </c>
      <c r="S41380">
        <v>23</v>
      </c>
      <c r="T41380">
        <v>24</v>
      </c>
      <c r="U41380">
        <v>25</v>
      </c>
      <c r="V41380">
        <v>25</v>
      </c>
      <c r="W41380">
        <v>26</v>
      </c>
      <c r="X41380">
        <v>26</v>
      </c>
      <c r="Y41380">
        <v>27</v>
      </c>
      <c r="Z41380">
        <v>27</v>
      </c>
      <c r="AA41380">
        <v>28</v>
      </c>
      <c r="AB41380">
        <v>28</v>
      </c>
      <c r="AC41380">
        <v>29</v>
      </c>
      <c r="AD41380">
        <v>30</v>
      </c>
      <c r="AE41380">
        <v>30</v>
      </c>
      <c r="AF41380">
        <v>30</v>
      </c>
      <c r="AG41380">
        <v>30</v>
      </c>
      <c r="AH41380">
        <v>30</v>
      </c>
      <c r="AI41380">
        <v>30</v>
      </c>
      <c r="AJ41380">
        <v>31</v>
      </c>
      <c r="AK41380">
        <v>31</v>
      </c>
      <c r="AL41380">
        <v>31</v>
      </c>
      <c r="AM41380">
        <v>31</v>
      </c>
      <c r="AN41380">
        <v>31</v>
      </c>
      <c r="AO41380">
        <v>31</v>
      </c>
      <c r="AP41380">
        <v>31</v>
      </c>
      <c r="AQ41380">
        <v>31</v>
      </c>
    </row>
    <row r="41381" spans="1:43">
      <c r="A41381" t="s">
        <v>25491</v>
      </c>
      <c r="B41381" t="s">
        <v>25492</v>
      </c>
      <c r="C41381" t="s">
        <v>8420</v>
      </c>
      <c r="D41381" t="s">
        <v>8421</v>
      </c>
      <c r="E41381" t="s">
        <v>8296</v>
      </c>
      <c r="F41381" t="s">
        <v>8297</v>
      </c>
      <c r="G41381" t="s">
        <v>80</v>
      </c>
      <c r="H41381" t="s">
        <v>81</v>
      </c>
      <c r="I41381" s="2">
        <v>0</v>
      </c>
      <c r="J41381" s="2">
        <v>1</v>
      </c>
      <c r="K41381" s="2">
        <v>0</v>
      </c>
      <c r="L41381" t="s">
        <v>82</v>
      </c>
      <c r="M41381" t="s">
        <v>83</v>
      </c>
      <c r="N41381" t="s">
        <v>91</v>
      </c>
      <c r="O41381" t="s">
        <v>85</v>
      </c>
      <c r="P41381" t="s">
        <v>86</v>
      </c>
      <c r="Q41381">
        <v>22</v>
      </c>
      <c r="R41381">
        <v>22</v>
      </c>
      <c r="S41381">
        <v>23</v>
      </c>
      <c r="T41381">
        <v>23</v>
      </c>
      <c r="U41381">
        <v>24</v>
      </c>
      <c r="V41381">
        <v>24</v>
      </c>
      <c r="W41381">
        <v>25</v>
      </c>
      <c r="X41381">
        <v>25</v>
      </c>
      <c r="Y41381">
        <v>25</v>
      </c>
      <c r="Z41381">
        <v>26</v>
      </c>
      <c r="AA41381">
        <v>26</v>
      </c>
      <c r="AB41381">
        <v>27</v>
      </c>
      <c r="AC41381">
        <v>27</v>
      </c>
      <c r="AD41381">
        <v>27</v>
      </c>
      <c r="AE41381">
        <v>28</v>
      </c>
      <c r="AF41381">
        <v>28</v>
      </c>
      <c r="AG41381">
        <v>29</v>
      </c>
      <c r="AH41381">
        <v>29</v>
      </c>
      <c r="AI41381">
        <v>29</v>
      </c>
      <c r="AJ41381">
        <v>30</v>
      </c>
      <c r="AK41381">
        <v>30</v>
      </c>
      <c r="AL41381">
        <v>30</v>
      </c>
      <c r="AM41381">
        <v>31</v>
      </c>
      <c r="AN41381">
        <v>31</v>
      </c>
      <c r="AO41381">
        <v>31</v>
      </c>
      <c r="AP41381">
        <v>31</v>
      </c>
      <c r="AQ41381">
        <v>31</v>
      </c>
    </row>
    <row r="41382" spans="1:43">
      <c r="A41382" t="s">
        <v>25493</v>
      </c>
      <c r="B41382" t="s">
        <v>25494</v>
      </c>
      <c r="C41382" t="s">
        <v>8420</v>
      </c>
      <c r="D41382" t="s">
        <v>8421</v>
      </c>
      <c r="E41382" t="s">
        <v>8296</v>
      </c>
      <c r="F41382" t="s">
        <v>8297</v>
      </c>
      <c r="G41382" t="s">
        <v>80</v>
      </c>
      <c r="H41382" t="s">
        <v>81</v>
      </c>
      <c r="I41382" s="2">
        <v>0</v>
      </c>
      <c r="J41382" s="2">
        <v>1</v>
      </c>
      <c r="K41382" s="2">
        <v>0</v>
      </c>
      <c r="L41382" t="s">
        <v>82</v>
      </c>
      <c r="M41382" t="s">
        <v>83</v>
      </c>
      <c r="N41382" t="s">
        <v>84</v>
      </c>
      <c r="O41382" t="s">
        <v>85</v>
      </c>
      <c r="P41382" t="s">
        <v>86</v>
      </c>
      <c r="Q41382">
        <v>35</v>
      </c>
      <c r="R41382">
        <v>35</v>
      </c>
      <c r="S41382">
        <v>36</v>
      </c>
      <c r="T41382">
        <v>37</v>
      </c>
      <c r="U41382">
        <v>37</v>
      </c>
      <c r="V41382">
        <v>38</v>
      </c>
      <c r="W41382">
        <v>39</v>
      </c>
      <c r="X41382">
        <v>39</v>
      </c>
      <c r="Y41382">
        <v>40</v>
      </c>
      <c r="Z41382">
        <v>41</v>
      </c>
      <c r="AA41382">
        <v>41</v>
      </c>
      <c r="AB41382">
        <v>42</v>
      </c>
      <c r="AC41382">
        <v>43</v>
      </c>
      <c r="AD41382">
        <v>43</v>
      </c>
      <c r="AE41382">
        <v>44</v>
      </c>
      <c r="AF41382">
        <v>45</v>
      </c>
      <c r="AG41382">
        <v>45</v>
      </c>
      <c r="AH41382">
        <v>46</v>
      </c>
      <c r="AI41382">
        <v>47</v>
      </c>
      <c r="AJ41382">
        <v>47</v>
      </c>
      <c r="AK41382">
        <v>48</v>
      </c>
      <c r="AL41382">
        <v>48</v>
      </c>
      <c r="AM41382">
        <v>48</v>
      </c>
      <c r="AN41382">
        <v>48</v>
      </c>
      <c r="AO41382">
        <v>49</v>
      </c>
      <c r="AP41382">
        <v>49</v>
      </c>
      <c r="AQ41382">
        <v>49</v>
      </c>
    </row>
    <row r="41383" spans="1:43">
      <c r="A41383" t="s">
        <v>25493</v>
      </c>
      <c r="B41383" t="s">
        <v>25494</v>
      </c>
      <c r="C41383" t="s">
        <v>8420</v>
      </c>
      <c r="D41383" t="s">
        <v>8421</v>
      </c>
      <c r="E41383" t="s">
        <v>8296</v>
      </c>
      <c r="F41383" t="s">
        <v>8297</v>
      </c>
      <c r="G41383" t="s">
        <v>80</v>
      </c>
      <c r="H41383" t="s">
        <v>81</v>
      </c>
      <c r="I41383" s="2">
        <v>0</v>
      </c>
      <c r="J41383" s="2">
        <v>1</v>
      </c>
      <c r="K41383" s="2">
        <v>0</v>
      </c>
      <c r="L41383" t="s">
        <v>82</v>
      </c>
      <c r="M41383" t="s">
        <v>87</v>
      </c>
      <c r="N41383" t="s">
        <v>88</v>
      </c>
      <c r="O41383" t="s">
        <v>85</v>
      </c>
      <c r="P41383" t="s">
        <v>86</v>
      </c>
      <c r="Q41383">
        <v>35</v>
      </c>
      <c r="R41383">
        <v>36</v>
      </c>
      <c r="S41383">
        <v>36</v>
      </c>
      <c r="T41383">
        <v>36</v>
      </c>
      <c r="U41383">
        <v>37</v>
      </c>
      <c r="V41383">
        <v>37</v>
      </c>
      <c r="W41383">
        <v>37</v>
      </c>
      <c r="X41383">
        <v>38</v>
      </c>
      <c r="Y41383">
        <v>38</v>
      </c>
      <c r="Z41383">
        <v>38</v>
      </c>
      <c r="AA41383">
        <v>39</v>
      </c>
      <c r="AB41383">
        <v>39</v>
      </c>
      <c r="AC41383">
        <v>39</v>
      </c>
      <c r="AD41383">
        <v>40</v>
      </c>
      <c r="AE41383">
        <v>40</v>
      </c>
      <c r="AF41383">
        <v>40</v>
      </c>
      <c r="AG41383">
        <v>41</v>
      </c>
      <c r="AH41383">
        <v>41</v>
      </c>
      <c r="AI41383">
        <v>41</v>
      </c>
      <c r="AJ41383">
        <v>41</v>
      </c>
      <c r="AK41383">
        <v>42</v>
      </c>
      <c r="AL41383">
        <v>42</v>
      </c>
      <c r="AM41383">
        <v>42</v>
      </c>
      <c r="AN41383">
        <v>43</v>
      </c>
      <c r="AO41383">
        <v>43</v>
      </c>
      <c r="AP41383">
        <v>43</v>
      </c>
      <c r="AQ41383">
        <v>44</v>
      </c>
    </row>
    <row r="41384" spans="1:43">
      <c r="A41384" t="s">
        <v>25493</v>
      </c>
      <c r="B41384" t="s">
        <v>25494</v>
      </c>
      <c r="C41384" t="s">
        <v>8420</v>
      </c>
      <c r="D41384" t="s">
        <v>8421</v>
      </c>
      <c r="E41384" t="s">
        <v>8296</v>
      </c>
      <c r="F41384" t="s">
        <v>8297</v>
      </c>
      <c r="G41384" t="s">
        <v>80</v>
      </c>
      <c r="H41384" t="s">
        <v>81</v>
      </c>
      <c r="I41384" s="2">
        <v>0</v>
      </c>
      <c r="J41384" s="2">
        <v>1</v>
      </c>
      <c r="K41384" s="2">
        <v>0</v>
      </c>
      <c r="L41384" t="s">
        <v>82</v>
      </c>
      <c r="M41384" t="s">
        <v>89</v>
      </c>
      <c r="N41384" t="s">
        <v>90</v>
      </c>
      <c r="O41384" t="s">
        <v>85</v>
      </c>
      <c r="P41384" t="s">
        <v>86</v>
      </c>
      <c r="Q41384">
        <v>35</v>
      </c>
      <c r="R41384">
        <v>36</v>
      </c>
      <c r="S41384">
        <v>37</v>
      </c>
      <c r="T41384">
        <v>38</v>
      </c>
      <c r="U41384">
        <v>39</v>
      </c>
      <c r="V41384">
        <v>40</v>
      </c>
      <c r="W41384">
        <v>41</v>
      </c>
      <c r="X41384">
        <v>42</v>
      </c>
      <c r="Y41384">
        <v>42</v>
      </c>
      <c r="Z41384">
        <v>43</v>
      </c>
      <c r="AA41384">
        <v>44</v>
      </c>
      <c r="AB41384">
        <v>45</v>
      </c>
      <c r="AC41384">
        <v>46</v>
      </c>
      <c r="AD41384">
        <v>47</v>
      </c>
      <c r="AE41384">
        <v>47</v>
      </c>
      <c r="AF41384">
        <v>47</v>
      </c>
      <c r="AG41384">
        <v>48</v>
      </c>
      <c r="AH41384">
        <v>48</v>
      </c>
      <c r="AI41384">
        <v>48</v>
      </c>
      <c r="AJ41384">
        <v>48</v>
      </c>
      <c r="AK41384">
        <v>48</v>
      </c>
      <c r="AL41384">
        <v>49</v>
      </c>
      <c r="AM41384">
        <v>49</v>
      </c>
      <c r="AN41384">
        <v>49</v>
      </c>
      <c r="AO41384">
        <v>49</v>
      </c>
      <c r="AP41384">
        <v>49</v>
      </c>
      <c r="AQ41384">
        <v>49</v>
      </c>
    </row>
    <row r="41385" spans="1:43">
      <c r="A41385" t="s">
        <v>25493</v>
      </c>
      <c r="B41385" t="s">
        <v>25494</v>
      </c>
      <c r="C41385" t="s">
        <v>8420</v>
      </c>
      <c r="D41385" t="s">
        <v>8421</v>
      </c>
      <c r="E41385" t="s">
        <v>8296</v>
      </c>
      <c r="F41385" t="s">
        <v>8297</v>
      </c>
      <c r="G41385" t="s">
        <v>80</v>
      </c>
      <c r="H41385" t="s">
        <v>81</v>
      </c>
      <c r="I41385" s="2">
        <v>0</v>
      </c>
      <c r="J41385" s="2">
        <v>1</v>
      </c>
      <c r="K41385" s="2">
        <v>0</v>
      </c>
      <c r="L41385" t="s">
        <v>82</v>
      </c>
      <c r="M41385" t="s">
        <v>83</v>
      </c>
      <c r="N41385" t="s">
        <v>91</v>
      </c>
      <c r="O41385" t="s">
        <v>85</v>
      </c>
      <c r="P41385" t="s">
        <v>86</v>
      </c>
      <c r="Q41385">
        <v>35</v>
      </c>
      <c r="R41385">
        <v>35</v>
      </c>
      <c r="S41385">
        <v>36</v>
      </c>
      <c r="T41385">
        <v>37</v>
      </c>
      <c r="U41385">
        <v>37</v>
      </c>
      <c r="V41385">
        <v>38</v>
      </c>
      <c r="W41385">
        <v>39</v>
      </c>
      <c r="X41385">
        <v>39</v>
      </c>
      <c r="Y41385">
        <v>40</v>
      </c>
      <c r="Z41385">
        <v>41</v>
      </c>
      <c r="AA41385">
        <v>41</v>
      </c>
      <c r="AB41385">
        <v>42</v>
      </c>
      <c r="AC41385">
        <v>43</v>
      </c>
      <c r="AD41385">
        <v>43</v>
      </c>
      <c r="AE41385">
        <v>44</v>
      </c>
      <c r="AF41385">
        <v>45</v>
      </c>
      <c r="AG41385">
        <v>45</v>
      </c>
      <c r="AH41385">
        <v>46</v>
      </c>
      <c r="AI41385">
        <v>47</v>
      </c>
      <c r="AJ41385">
        <v>47</v>
      </c>
      <c r="AK41385">
        <v>48</v>
      </c>
      <c r="AL41385">
        <v>48</v>
      </c>
      <c r="AM41385">
        <v>48</v>
      </c>
      <c r="AN41385">
        <v>48</v>
      </c>
      <c r="AO41385">
        <v>49</v>
      </c>
      <c r="AP41385">
        <v>49</v>
      </c>
      <c r="AQ41385">
        <v>49</v>
      </c>
    </row>
    <row r="41386" spans="1:43">
      <c r="A41386" t="s">
        <v>25495</v>
      </c>
      <c r="B41386" t="s">
        <v>25496</v>
      </c>
      <c r="C41386" t="s">
        <v>8416</v>
      </c>
      <c r="D41386" t="s">
        <v>8417</v>
      </c>
      <c r="E41386" t="s">
        <v>8296</v>
      </c>
      <c r="F41386" t="s">
        <v>8297</v>
      </c>
      <c r="G41386" t="s">
        <v>80</v>
      </c>
      <c r="H41386" t="s">
        <v>81</v>
      </c>
      <c r="I41386" s="2">
        <v>0</v>
      </c>
      <c r="J41386" s="2">
        <v>1</v>
      </c>
      <c r="K41386" s="2">
        <v>0</v>
      </c>
      <c r="L41386" t="s">
        <v>82</v>
      </c>
      <c r="M41386" t="s">
        <v>83</v>
      </c>
      <c r="N41386" t="s">
        <v>84</v>
      </c>
      <c r="O41386" t="s">
        <v>85</v>
      </c>
      <c r="P41386" t="s">
        <v>86</v>
      </c>
      <c r="Q41386">
        <v>38</v>
      </c>
      <c r="R41386">
        <v>38</v>
      </c>
      <c r="S41386">
        <v>39</v>
      </c>
      <c r="T41386">
        <v>40</v>
      </c>
      <c r="U41386">
        <v>41</v>
      </c>
      <c r="V41386">
        <v>41</v>
      </c>
      <c r="W41386">
        <v>42</v>
      </c>
      <c r="X41386">
        <v>43</v>
      </c>
      <c r="Y41386">
        <v>43</v>
      </c>
      <c r="Z41386">
        <v>44</v>
      </c>
      <c r="AA41386">
        <v>45</v>
      </c>
      <c r="AB41386">
        <v>46</v>
      </c>
      <c r="AC41386">
        <v>46</v>
      </c>
      <c r="AD41386">
        <v>47</v>
      </c>
      <c r="AE41386">
        <v>48</v>
      </c>
      <c r="AF41386">
        <v>48</v>
      </c>
      <c r="AG41386">
        <v>49</v>
      </c>
      <c r="AH41386">
        <v>50</v>
      </c>
      <c r="AI41386">
        <v>50</v>
      </c>
      <c r="AJ41386">
        <v>51</v>
      </c>
      <c r="AK41386">
        <v>52</v>
      </c>
      <c r="AL41386">
        <v>52</v>
      </c>
      <c r="AM41386">
        <v>52</v>
      </c>
      <c r="AN41386">
        <v>53</v>
      </c>
      <c r="AO41386">
        <v>53</v>
      </c>
      <c r="AP41386">
        <v>53</v>
      </c>
      <c r="AQ41386">
        <v>53</v>
      </c>
    </row>
    <row r="41387" spans="1:43">
      <c r="A41387" t="s">
        <v>25495</v>
      </c>
      <c r="B41387" t="s">
        <v>25496</v>
      </c>
      <c r="C41387" t="s">
        <v>8416</v>
      </c>
      <c r="D41387" t="s">
        <v>8417</v>
      </c>
      <c r="E41387" t="s">
        <v>8296</v>
      </c>
      <c r="F41387" t="s">
        <v>8297</v>
      </c>
      <c r="G41387" t="s">
        <v>80</v>
      </c>
      <c r="H41387" t="s">
        <v>81</v>
      </c>
      <c r="I41387" s="2">
        <v>0</v>
      </c>
      <c r="J41387" s="2">
        <v>1</v>
      </c>
      <c r="K41387" s="2">
        <v>0</v>
      </c>
      <c r="L41387" t="s">
        <v>82</v>
      </c>
      <c r="M41387" t="s">
        <v>87</v>
      </c>
      <c r="N41387" t="s">
        <v>88</v>
      </c>
      <c r="O41387" t="s">
        <v>85</v>
      </c>
      <c r="P41387" t="s">
        <v>86</v>
      </c>
      <c r="Q41387">
        <v>38</v>
      </c>
      <c r="R41387">
        <v>39</v>
      </c>
      <c r="S41387">
        <v>39</v>
      </c>
      <c r="T41387">
        <v>39</v>
      </c>
      <c r="U41387">
        <v>40</v>
      </c>
      <c r="V41387">
        <v>40</v>
      </c>
      <c r="W41387">
        <v>41</v>
      </c>
      <c r="X41387">
        <v>41</v>
      </c>
      <c r="Y41387">
        <v>41</v>
      </c>
      <c r="Z41387">
        <v>42</v>
      </c>
      <c r="AA41387">
        <v>42</v>
      </c>
      <c r="AB41387">
        <v>42</v>
      </c>
      <c r="AC41387">
        <v>43</v>
      </c>
      <c r="AD41387">
        <v>43</v>
      </c>
      <c r="AE41387">
        <v>43</v>
      </c>
      <c r="AF41387">
        <v>44</v>
      </c>
      <c r="AG41387">
        <v>44</v>
      </c>
      <c r="AH41387">
        <v>44</v>
      </c>
      <c r="AI41387">
        <v>44</v>
      </c>
      <c r="AJ41387">
        <v>45</v>
      </c>
      <c r="AK41387">
        <v>45</v>
      </c>
      <c r="AL41387">
        <v>45</v>
      </c>
      <c r="AM41387">
        <v>46</v>
      </c>
      <c r="AN41387">
        <v>46</v>
      </c>
      <c r="AO41387">
        <v>46</v>
      </c>
      <c r="AP41387">
        <v>47</v>
      </c>
      <c r="AQ41387">
        <v>47</v>
      </c>
    </row>
    <row r="41388" spans="1:43">
      <c r="A41388" t="s">
        <v>25495</v>
      </c>
      <c r="B41388" t="s">
        <v>25496</v>
      </c>
      <c r="C41388" t="s">
        <v>8416</v>
      </c>
      <c r="D41388" t="s">
        <v>8417</v>
      </c>
      <c r="E41388" t="s">
        <v>8296</v>
      </c>
      <c r="F41388" t="s">
        <v>8297</v>
      </c>
      <c r="G41388" t="s">
        <v>80</v>
      </c>
      <c r="H41388" t="s">
        <v>81</v>
      </c>
      <c r="I41388" s="2">
        <v>0</v>
      </c>
      <c r="J41388" s="2">
        <v>1</v>
      </c>
      <c r="K41388" s="2">
        <v>0</v>
      </c>
      <c r="L41388" t="s">
        <v>82</v>
      </c>
      <c r="M41388" t="s">
        <v>89</v>
      </c>
      <c r="N41388" t="s">
        <v>90</v>
      </c>
      <c r="O41388" t="s">
        <v>85</v>
      </c>
      <c r="P41388" t="s">
        <v>86</v>
      </c>
      <c r="Q41388">
        <v>38</v>
      </c>
      <c r="R41388">
        <v>39</v>
      </c>
      <c r="S41388">
        <v>40</v>
      </c>
      <c r="T41388">
        <v>41</v>
      </c>
      <c r="U41388">
        <v>42</v>
      </c>
      <c r="V41388">
        <v>43</v>
      </c>
      <c r="W41388">
        <v>44</v>
      </c>
      <c r="X41388">
        <v>45</v>
      </c>
      <c r="Y41388">
        <v>46</v>
      </c>
      <c r="Z41388">
        <v>47</v>
      </c>
      <c r="AA41388">
        <v>48</v>
      </c>
      <c r="AB41388">
        <v>49</v>
      </c>
      <c r="AC41388">
        <v>50</v>
      </c>
      <c r="AD41388">
        <v>50</v>
      </c>
      <c r="AE41388">
        <v>51</v>
      </c>
      <c r="AF41388">
        <v>51</v>
      </c>
      <c r="AG41388">
        <v>52</v>
      </c>
      <c r="AH41388">
        <v>52</v>
      </c>
      <c r="AI41388">
        <v>52</v>
      </c>
      <c r="AJ41388">
        <v>52</v>
      </c>
      <c r="AK41388">
        <v>53</v>
      </c>
      <c r="AL41388">
        <v>53</v>
      </c>
      <c r="AM41388">
        <v>53</v>
      </c>
      <c r="AN41388">
        <v>53</v>
      </c>
      <c r="AO41388">
        <v>53</v>
      </c>
      <c r="AP41388">
        <v>54</v>
      </c>
      <c r="AQ41388">
        <v>54</v>
      </c>
    </row>
    <row r="41389" spans="1:43">
      <c r="A41389" t="s">
        <v>25495</v>
      </c>
      <c r="B41389" t="s">
        <v>25496</v>
      </c>
      <c r="C41389" t="s">
        <v>8416</v>
      </c>
      <c r="D41389" t="s">
        <v>8417</v>
      </c>
      <c r="E41389" t="s">
        <v>8296</v>
      </c>
      <c r="F41389" t="s">
        <v>8297</v>
      </c>
      <c r="G41389" t="s">
        <v>80</v>
      </c>
      <c r="H41389" t="s">
        <v>81</v>
      </c>
      <c r="I41389" s="2">
        <v>0</v>
      </c>
      <c r="J41389" s="2">
        <v>1</v>
      </c>
      <c r="K41389" s="2">
        <v>0</v>
      </c>
      <c r="L41389" t="s">
        <v>82</v>
      </c>
      <c r="M41389" t="s">
        <v>83</v>
      </c>
      <c r="N41389" t="s">
        <v>91</v>
      </c>
      <c r="O41389" t="s">
        <v>85</v>
      </c>
      <c r="P41389" t="s">
        <v>86</v>
      </c>
      <c r="Q41389">
        <v>38</v>
      </c>
      <c r="R41389">
        <v>38</v>
      </c>
      <c r="S41389">
        <v>39</v>
      </c>
      <c r="T41389">
        <v>40</v>
      </c>
      <c r="U41389">
        <v>41</v>
      </c>
      <c r="V41389">
        <v>41</v>
      </c>
      <c r="W41389">
        <v>42</v>
      </c>
      <c r="X41389">
        <v>43</v>
      </c>
      <c r="Y41389">
        <v>43</v>
      </c>
      <c r="Z41389">
        <v>44</v>
      </c>
      <c r="AA41389">
        <v>45</v>
      </c>
      <c r="AB41389">
        <v>46</v>
      </c>
      <c r="AC41389">
        <v>46</v>
      </c>
      <c r="AD41389">
        <v>47</v>
      </c>
      <c r="AE41389">
        <v>48</v>
      </c>
      <c r="AF41389">
        <v>48</v>
      </c>
      <c r="AG41389">
        <v>49</v>
      </c>
      <c r="AH41389">
        <v>50</v>
      </c>
      <c r="AI41389">
        <v>50</v>
      </c>
      <c r="AJ41389">
        <v>51</v>
      </c>
      <c r="AK41389">
        <v>52</v>
      </c>
      <c r="AL41389">
        <v>52</v>
      </c>
      <c r="AM41389">
        <v>52</v>
      </c>
      <c r="AN41389">
        <v>53</v>
      </c>
      <c r="AO41389">
        <v>53</v>
      </c>
      <c r="AP41389">
        <v>53</v>
      </c>
      <c r="AQ41389">
        <v>53</v>
      </c>
    </row>
    <row r="41390" spans="1:43">
      <c r="A41390" t="s">
        <v>25497</v>
      </c>
      <c r="B41390" t="s">
        <v>25498</v>
      </c>
      <c r="C41390" t="s">
        <v>8510</v>
      </c>
      <c r="D41390" t="s">
        <v>8511</v>
      </c>
      <c r="E41390" t="s">
        <v>8296</v>
      </c>
      <c r="F41390" t="s">
        <v>8297</v>
      </c>
      <c r="G41390" t="s">
        <v>80</v>
      </c>
      <c r="H41390" t="s">
        <v>81</v>
      </c>
      <c r="I41390" s="2">
        <v>0</v>
      </c>
      <c r="J41390" s="2">
        <v>1</v>
      </c>
      <c r="K41390" s="2">
        <v>0</v>
      </c>
      <c r="L41390" t="s">
        <v>82</v>
      </c>
      <c r="M41390" t="s">
        <v>83</v>
      </c>
      <c r="N41390" t="s">
        <v>84</v>
      </c>
      <c r="O41390" t="s">
        <v>85</v>
      </c>
      <c r="P41390" t="s">
        <v>86</v>
      </c>
      <c r="Q41390">
        <v>14</v>
      </c>
      <c r="R41390">
        <v>14</v>
      </c>
      <c r="S41390">
        <v>14</v>
      </c>
      <c r="T41390">
        <v>15</v>
      </c>
      <c r="U41390">
        <v>15</v>
      </c>
      <c r="V41390">
        <v>15</v>
      </c>
      <c r="W41390">
        <v>15</v>
      </c>
      <c r="X41390">
        <v>16</v>
      </c>
      <c r="Y41390">
        <v>16</v>
      </c>
      <c r="Z41390">
        <v>16</v>
      </c>
      <c r="AA41390">
        <v>16</v>
      </c>
      <c r="AB41390">
        <v>17</v>
      </c>
      <c r="AC41390">
        <v>17</v>
      </c>
      <c r="AD41390">
        <v>17</v>
      </c>
      <c r="AE41390">
        <v>17</v>
      </c>
      <c r="AF41390">
        <v>18</v>
      </c>
      <c r="AG41390">
        <v>18</v>
      </c>
      <c r="AH41390">
        <v>18</v>
      </c>
      <c r="AI41390">
        <v>18</v>
      </c>
      <c r="AJ41390">
        <v>19</v>
      </c>
      <c r="AK41390">
        <v>19</v>
      </c>
      <c r="AL41390">
        <v>19</v>
      </c>
      <c r="AM41390">
        <v>19</v>
      </c>
      <c r="AN41390">
        <v>19</v>
      </c>
      <c r="AO41390">
        <v>19</v>
      </c>
      <c r="AP41390">
        <v>19</v>
      </c>
      <c r="AQ41390">
        <v>19</v>
      </c>
    </row>
    <row r="41391" spans="1:43">
      <c r="A41391" t="s">
        <v>25497</v>
      </c>
      <c r="B41391" t="s">
        <v>25498</v>
      </c>
      <c r="C41391" t="s">
        <v>8510</v>
      </c>
      <c r="D41391" t="s">
        <v>8511</v>
      </c>
      <c r="E41391" t="s">
        <v>8296</v>
      </c>
      <c r="F41391" t="s">
        <v>8297</v>
      </c>
      <c r="G41391" t="s">
        <v>80</v>
      </c>
      <c r="H41391" t="s">
        <v>81</v>
      </c>
      <c r="I41391" s="2">
        <v>0</v>
      </c>
      <c r="J41391" s="2">
        <v>1</v>
      </c>
      <c r="K41391" s="2">
        <v>0</v>
      </c>
      <c r="L41391" t="s">
        <v>82</v>
      </c>
      <c r="M41391" t="s">
        <v>87</v>
      </c>
      <c r="N41391" t="s">
        <v>88</v>
      </c>
      <c r="O41391" t="s">
        <v>85</v>
      </c>
      <c r="P41391" t="s">
        <v>86</v>
      </c>
      <c r="Q41391">
        <v>14</v>
      </c>
      <c r="R41391">
        <v>14</v>
      </c>
      <c r="S41391">
        <v>14</v>
      </c>
      <c r="T41391">
        <v>14</v>
      </c>
      <c r="U41391">
        <v>14</v>
      </c>
      <c r="V41391">
        <v>14</v>
      </c>
      <c r="W41391">
        <v>14</v>
      </c>
      <c r="X41391">
        <v>15</v>
      </c>
      <c r="Y41391">
        <v>15</v>
      </c>
      <c r="Z41391">
        <v>15</v>
      </c>
      <c r="AA41391">
        <v>15</v>
      </c>
      <c r="AB41391">
        <v>15</v>
      </c>
      <c r="AC41391">
        <v>15</v>
      </c>
      <c r="AD41391">
        <v>15</v>
      </c>
      <c r="AE41391">
        <v>15</v>
      </c>
      <c r="AF41391">
        <v>16</v>
      </c>
      <c r="AG41391">
        <v>16</v>
      </c>
      <c r="AH41391">
        <v>16</v>
      </c>
      <c r="AI41391">
        <v>16</v>
      </c>
      <c r="AJ41391">
        <v>16</v>
      </c>
      <c r="AK41391">
        <v>16</v>
      </c>
      <c r="AL41391">
        <v>16</v>
      </c>
      <c r="AM41391">
        <v>16</v>
      </c>
      <c r="AN41391">
        <v>16</v>
      </c>
      <c r="AO41391">
        <v>17</v>
      </c>
      <c r="AP41391">
        <v>17</v>
      </c>
      <c r="AQ41391">
        <v>17</v>
      </c>
    </row>
    <row r="41392" spans="1:43">
      <c r="A41392" t="s">
        <v>25497</v>
      </c>
      <c r="B41392" t="s">
        <v>25498</v>
      </c>
      <c r="C41392" t="s">
        <v>8510</v>
      </c>
      <c r="D41392" t="s">
        <v>8511</v>
      </c>
      <c r="E41392" t="s">
        <v>8296</v>
      </c>
      <c r="F41392" t="s">
        <v>8297</v>
      </c>
      <c r="G41392" t="s">
        <v>80</v>
      </c>
      <c r="H41392" t="s">
        <v>81</v>
      </c>
      <c r="I41392" s="2">
        <v>0</v>
      </c>
      <c r="J41392" s="2">
        <v>1</v>
      </c>
      <c r="K41392" s="2">
        <v>0</v>
      </c>
      <c r="L41392" t="s">
        <v>82</v>
      </c>
      <c r="M41392" t="s">
        <v>89</v>
      </c>
      <c r="N41392" t="s">
        <v>90</v>
      </c>
      <c r="O41392" t="s">
        <v>85</v>
      </c>
      <c r="P41392" t="s">
        <v>86</v>
      </c>
      <c r="Q41392">
        <v>14</v>
      </c>
      <c r="R41392">
        <v>14</v>
      </c>
      <c r="S41392">
        <v>15</v>
      </c>
      <c r="T41392">
        <v>15</v>
      </c>
      <c r="U41392">
        <v>15</v>
      </c>
      <c r="V41392">
        <v>16</v>
      </c>
      <c r="W41392">
        <v>16</v>
      </c>
      <c r="X41392">
        <v>16</v>
      </c>
      <c r="Y41392">
        <v>17</v>
      </c>
      <c r="Z41392">
        <v>17</v>
      </c>
      <c r="AA41392">
        <v>17</v>
      </c>
      <c r="AB41392">
        <v>18</v>
      </c>
      <c r="AC41392">
        <v>18</v>
      </c>
      <c r="AD41392">
        <v>18</v>
      </c>
      <c r="AE41392">
        <v>19</v>
      </c>
      <c r="AF41392">
        <v>19</v>
      </c>
      <c r="AG41392">
        <v>19</v>
      </c>
      <c r="AH41392">
        <v>19</v>
      </c>
      <c r="AI41392">
        <v>19</v>
      </c>
      <c r="AJ41392">
        <v>19</v>
      </c>
      <c r="AK41392">
        <v>19</v>
      </c>
      <c r="AL41392">
        <v>19</v>
      </c>
      <c r="AM41392">
        <v>19</v>
      </c>
      <c r="AN41392">
        <v>19</v>
      </c>
      <c r="AO41392">
        <v>19</v>
      </c>
      <c r="AP41392">
        <v>19</v>
      </c>
      <c r="AQ41392">
        <v>20</v>
      </c>
    </row>
    <row r="41393" spans="1:43">
      <c r="A41393" t="s">
        <v>25497</v>
      </c>
      <c r="B41393" t="s">
        <v>25498</v>
      </c>
      <c r="C41393" t="s">
        <v>8510</v>
      </c>
      <c r="D41393" t="s">
        <v>8511</v>
      </c>
      <c r="E41393" t="s">
        <v>8296</v>
      </c>
      <c r="F41393" t="s">
        <v>8297</v>
      </c>
      <c r="G41393" t="s">
        <v>80</v>
      </c>
      <c r="H41393" t="s">
        <v>81</v>
      </c>
      <c r="I41393" s="2">
        <v>0</v>
      </c>
      <c r="J41393" s="2">
        <v>1</v>
      </c>
      <c r="K41393" s="2">
        <v>0</v>
      </c>
      <c r="L41393" t="s">
        <v>82</v>
      </c>
      <c r="M41393" t="s">
        <v>83</v>
      </c>
      <c r="N41393" t="s">
        <v>91</v>
      </c>
      <c r="O41393" t="s">
        <v>85</v>
      </c>
      <c r="P41393" t="s">
        <v>86</v>
      </c>
      <c r="Q41393">
        <v>14</v>
      </c>
      <c r="R41393">
        <v>14</v>
      </c>
      <c r="S41393">
        <v>14</v>
      </c>
      <c r="T41393">
        <v>15</v>
      </c>
      <c r="U41393">
        <v>15</v>
      </c>
      <c r="V41393">
        <v>15</v>
      </c>
      <c r="W41393">
        <v>15</v>
      </c>
      <c r="X41393">
        <v>16</v>
      </c>
      <c r="Y41393">
        <v>16</v>
      </c>
      <c r="Z41393">
        <v>16</v>
      </c>
      <c r="AA41393">
        <v>16</v>
      </c>
      <c r="AB41393">
        <v>17</v>
      </c>
      <c r="AC41393">
        <v>17</v>
      </c>
      <c r="AD41393">
        <v>17</v>
      </c>
      <c r="AE41393">
        <v>17</v>
      </c>
      <c r="AF41393">
        <v>18</v>
      </c>
      <c r="AG41393">
        <v>18</v>
      </c>
      <c r="AH41393">
        <v>18</v>
      </c>
      <c r="AI41393">
        <v>18</v>
      </c>
      <c r="AJ41393">
        <v>19</v>
      </c>
      <c r="AK41393">
        <v>19</v>
      </c>
      <c r="AL41393">
        <v>19</v>
      </c>
      <c r="AM41393">
        <v>19</v>
      </c>
      <c r="AN41393">
        <v>19</v>
      </c>
      <c r="AO41393">
        <v>19</v>
      </c>
      <c r="AP41393">
        <v>19</v>
      </c>
      <c r="AQ41393">
        <v>19</v>
      </c>
    </row>
    <row r="41394" spans="1:43">
      <c r="A41394" t="s">
        <v>25499</v>
      </c>
      <c r="B41394" t="s">
        <v>25500</v>
      </c>
      <c r="C41394" t="s">
        <v>8510</v>
      </c>
      <c r="D41394" t="s">
        <v>8511</v>
      </c>
      <c r="E41394" t="s">
        <v>8296</v>
      </c>
      <c r="F41394" t="s">
        <v>8297</v>
      </c>
      <c r="G41394" t="s">
        <v>80</v>
      </c>
      <c r="H41394" t="s">
        <v>81</v>
      </c>
      <c r="I41394" s="2">
        <v>0</v>
      </c>
      <c r="J41394" s="2">
        <v>1</v>
      </c>
      <c r="K41394" s="2">
        <v>0</v>
      </c>
      <c r="L41394" t="s">
        <v>82</v>
      </c>
      <c r="M41394" t="s">
        <v>83</v>
      </c>
      <c r="N41394" t="s">
        <v>84</v>
      </c>
      <c r="O41394" t="s">
        <v>85</v>
      </c>
      <c r="P41394" t="s">
        <v>86</v>
      </c>
      <c r="Q41394">
        <v>26</v>
      </c>
      <c r="R41394">
        <v>26</v>
      </c>
      <c r="S41394">
        <v>27</v>
      </c>
      <c r="T41394">
        <v>27</v>
      </c>
      <c r="U41394">
        <v>28</v>
      </c>
      <c r="V41394">
        <v>28</v>
      </c>
      <c r="W41394">
        <v>29</v>
      </c>
      <c r="X41394">
        <v>29</v>
      </c>
      <c r="Y41394">
        <v>30</v>
      </c>
      <c r="Z41394">
        <v>30</v>
      </c>
      <c r="AA41394">
        <v>31</v>
      </c>
      <c r="AB41394">
        <v>31</v>
      </c>
      <c r="AC41394">
        <v>32</v>
      </c>
      <c r="AD41394">
        <v>32</v>
      </c>
      <c r="AE41394">
        <v>33</v>
      </c>
      <c r="AF41394">
        <v>33</v>
      </c>
      <c r="AG41394">
        <v>34</v>
      </c>
      <c r="AH41394">
        <v>34</v>
      </c>
      <c r="AI41394">
        <v>35</v>
      </c>
      <c r="AJ41394">
        <v>35</v>
      </c>
      <c r="AK41394">
        <v>35</v>
      </c>
      <c r="AL41394">
        <v>36</v>
      </c>
      <c r="AM41394">
        <v>36</v>
      </c>
      <c r="AN41394">
        <v>36</v>
      </c>
      <c r="AO41394">
        <v>36</v>
      </c>
      <c r="AP41394">
        <v>36</v>
      </c>
      <c r="AQ41394">
        <v>36</v>
      </c>
    </row>
    <row r="41395" spans="1:43">
      <c r="A41395" t="s">
        <v>25499</v>
      </c>
      <c r="B41395" t="s">
        <v>25500</v>
      </c>
      <c r="C41395" t="s">
        <v>8510</v>
      </c>
      <c r="D41395" t="s">
        <v>8511</v>
      </c>
      <c r="E41395" t="s">
        <v>8296</v>
      </c>
      <c r="F41395" t="s">
        <v>8297</v>
      </c>
      <c r="G41395" t="s">
        <v>80</v>
      </c>
      <c r="H41395" t="s">
        <v>81</v>
      </c>
      <c r="I41395" s="2">
        <v>0</v>
      </c>
      <c r="J41395" s="2">
        <v>1</v>
      </c>
      <c r="K41395" s="2">
        <v>0</v>
      </c>
      <c r="L41395" t="s">
        <v>82</v>
      </c>
      <c r="M41395" t="s">
        <v>87</v>
      </c>
      <c r="N41395" t="s">
        <v>88</v>
      </c>
      <c r="O41395" t="s">
        <v>85</v>
      </c>
      <c r="P41395" t="s">
        <v>86</v>
      </c>
      <c r="Q41395">
        <v>26</v>
      </c>
      <c r="R41395">
        <v>27</v>
      </c>
      <c r="S41395">
        <v>27</v>
      </c>
      <c r="T41395">
        <v>27</v>
      </c>
      <c r="U41395">
        <v>27</v>
      </c>
      <c r="V41395">
        <v>28</v>
      </c>
      <c r="W41395">
        <v>28</v>
      </c>
      <c r="X41395">
        <v>28</v>
      </c>
      <c r="Y41395">
        <v>28</v>
      </c>
      <c r="Z41395">
        <v>29</v>
      </c>
      <c r="AA41395">
        <v>29</v>
      </c>
      <c r="AB41395">
        <v>29</v>
      </c>
      <c r="AC41395">
        <v>29</v>
      </c>
      <c r="AD41395">
        <v>30</v>
      </c>
      <c r="AE41395">
        <v>30</v>
      </c>
      <c r="AF41395">
        <v>30</v>
      </c>
      <c r="AG41395">
        <v>30</v>
      </c>
      <c r="AH41395">
        <v>31</v>
      </c>
      <c r="AI41395">
        <v>31</v>
      </c>
      <c r="AJ41395">
        <v>31</v>
      </c>
      <c r="AK41395">
        <v>31</v>
      </c>
      <c r="AL41395">
        <v>31</v>
      </c>
      <c r="AM41395">
        <v>32</v>
      </c>
      <c r="AN41395">
        <v>32</v>
      </c>
      <c r="AO41395">
        <v>32</v>
      </c>
      <c r="AP41395">
        <v>32</v>
      </c>
      <c r="AQ41395">
        <v>32</v>
      </c>
    </row>
    <row r="41396" spans="1:43">
      <c r="A41396" t="s">
        <v>25499</v>
      </c>
      <c r="B41396" t="s">
        <v>25500</v>
      </c>
      <c r="C41396" t="s">
        <v>8510</v>
      </c>
      <c r="D41396" t="s">
        <v>8511</v>
      </c>
      <c r="E41396" t="s">
        <v>8296</v>
      </c>
      <c r="F41396" t="s">
        <v>8297</v>
      </c>
      <c r="G41396" t="s">
        <v>80</v>
      </c>
      <c r="H41396" t="s">
        <v>81</v>
      </c>
      <c r="I41396" s="2">
        <v>0</v>
      </c>
      <c r="J41396" s="2">
        <v>1</v>
      </c>
      <c r="K41396" s="2">
        <v>0</v>
      </c>
      <c r="L41396" t="s">
        <v>82</v>
      </c>
      <c r="M41396" t="s">
        <v>89</v>
      </c>
      <c r="N41396" t="s">
        <v>90</v>
      </c>
      <c r="O41396" t="s">
        <v>85</v>
      </c>
      <c r="P41396" t="s">
        <v>86</v>
      </c>
      <c r="Q41396">
        <v>26</v>
      </c>
      <c r="R41396">
        <v>27</v>
      </c>
      <c r="S41396">
        <v>27</v>
      </c>
      <c r="T41396">
        <v>28</v>
      </c>
      <c r="U41396">
        <v>29</v>
      </c>
      <c r="V41396">
        <v>29</v>
      </c>
      <c r="W41396">
        <v>30</v>
      </c>
      <c r="X41396">
        <v>31</v>
      </c>
      <c r="Y41396">
        <v>31</v>
      </c>
      <c r="Z41396">
        <v>32</v>
      </c>
      <c r="AA41396">
        <v>33</v>
      </c>
      <c r="AB41396">
        <v>33</v>
      </c>
      <c r="AC41396">
        <v>34</v>
      </c>
      <c r="AD41396">
        <v>35</v>
      </c>
      <c r="AE41396">
        <v>35</v>
      </c>
      <c r="AF41396">
        <v>35</v>
      </c>
      <c r="AG41396">
        <v>35</v>
      </c>
      <c r="AH41396">
        <v>35</v>
      </c>
      <c r="AI41396">
        <v>36</v>
      </c>
      <c r="AJ41396">
        <v>36</v>
      </c>
      <c r="AK41396">
        <v>36</v>
      </c>
      <c r="AL41396">
        <v>36</v>
      </c>
      <c r="AM41396">
        <v>36</v>
      </c>
      <c r="AN41396">
        <v>36</v>
      </c>
      <c r="AO41396">
        <v>36</v>
      </c>
      <c r="AP41396">
        <v>37</v>
      </c>
      <c r="AQ41396">
        <v>37</v>
      </c>
    </row>
    <row r="41397" spans="1:43">
      <c r="A41397" t="s">
        <v>25499</v>
      </c>
      <c r="B41397" t="s">
        <v>25500</v>
      </c>
      <c r="C41397" t="s">
        <v>8510</v>
      </c>
      <c r="D41397" t="s">
        <v>8511</v>
      </c>
      <c r="E41397" t="s">
        <v>8296</v>
      </c>
      <c r="F41397" t="s">
        <v>8297</v>
      </c>
      <c r="G41397" t="s">
        <v>80</v>
      </c>
      <c r="H41397" t="s">
        <v>81</v>
      </c>
      <c r="I41397" s="2">
        <v>0</v>
      </c>
      <c r="J41397" s="2">
        <v>1</v>
      </c>
      <c r="K41397" s="2">
        <v>0</v>
      </c>
      <c r="L41397" t="s">
        <v>82</v>
      </c>
      <c r="M41397" t="s">
        <v>83</v>
      </c>
      <c r="N41397" t="s">
        <v>91</v>
      </c>
      <c r="O41397" t="s">
        <v>85</v>
      </c>
      <c r="P41397" t="s">
        <v>86</v>
      </c>
      <c r="Q41397">
        <v>26</v>
      </c>
      <c r="R41397">
        <v>26</v>
      </c>
      <c r="S41397">
        <v>27</v>
      </c>
      <c r="T41397">
        <v>27</v>
      </c>
      <c r="U41397">
        <v>28</v>
      </c>
      <c r="V41397">
        <v>28</v>
      </c>
      <c r="W41397">
        <v>29</v>
      </c>
      <c r="X41397">
        <v>29</v>
      </c>
      <c r="Y41397">
        <v>30</v>
      </c>
      <c r="Z41397">
        <v>30</v>
      </c>
      <c r="AA41397">
        <v>31</v>
      </c>
      <c r="AB41397">
        <v>31</v>
      </c>
      <c r="AC41397">
        <v>32</v>
      </c>
      <c r="AD41397">
        <v>32</v>
      </c>
      <c r="AE41397">
        <v>33</v>
      </c>
      <c r="AF41397">
        <v>33</v>
      </c>
      <c r="AG41397">
        <v>34</v>
      </c>
      <c r="AH41397">
        <v>34</v>
      </c>
      <c r="AI41397">
        <v>35</v>
      </c>
      <c r="AJ41397">
        <v>35</v>
      </c>
      <c r="AK41397">
        <v>35</v>
      </c>
      <c r="AL41397">
        <v>36</v>
      </c>
      <c r="AM41397">
        <v>36</v>
      </c>
      <c r="AN41397">
        <v>36</v>
      </c>
      <c r="AO41397">
        <v>36</v>
      </c>
      <c r="AP41397">
        <v>36</v>
      </c>
      <c r="AQ41397">
        <v>36</v>
      </c>
    </row>
    <row r="41398" spans="1:43">
      <c r="A41398" t="s">
        <v>25501</v>
      </c>
      <c r="B41398" t="s">
        <v>25502</v>
      </c>
      <c r="C41398" t="s">
        <v>24739</v>
      </c>
      <c r="D41398" t="s">
        <v>24740</v>
      </c>
      <c r="E41398" t="s">
        <v>8296</v>
      </c>
      <c r="F41398" t="s">
        <v>8297</v>
      </c>
      <c r="G41398" t="s">
        <v>80</v>
      </c>
      <c r="H41398" t="s">
        <v>81</v>
      </c>
      <c r="I41398" s="2">
        <v>0</v>
      </c>
      <c r="J41398" s="2">
        <v>1</v>
      </c>
      <c r="K41398" s="2">
        <v>0</v>
      </c>
      <c r="L41398" t="s">
        <v>82</v>
      </c>
      <c r="M41398" t="s">
        <v>83</v>
      </c>
      <c r="N41398" t="s">
        <v>84</v>
      </c>
      <c r="O41398" t="s">
        <v>85</v>
      </c>
      <c r="P41398" t="s">
        <v>86</v>
      </c>
      <c r="Q41398">
        <v>148</v>
      </c>
      <c r="R41398">
        <v>151</v>
      </c>
      <c r="S41398">
        <v>154</v>
      </c>
      <c r="T41398">
        <v>157</v>
      </c>
      <c r="U41398">
        <v>160</v>
      </c>
      <c r="V41398">
        <v>163</v>
      </c>
      <c r="W41398">
        <v>166</v>
      </c>
      <c r="X41398">
        <v>168</v>
      </c>
      <c r="Y41398">
        <v>171</v>
      </c>
      <c r="Z41398">
        <v>174</v>
      </c>
      <c r="AA41398">
        <v>177</v>
      </c>
      <c r="AB41398">
        <v>180</v>
      </c>
      <c r="AC41398">
        <v>183</v>
      </c>
      <c r="AD41398">
        <v>186</v>
      </c>
      <c r="AE41398">
        <v>188</v>
      </c>
      <c r="AF41398">
        <v>191</v>
      </c>
      <c r="AG41398">
        <v>194</v>
      </c>
      <c r="AH41398">
        <v>197</v>
      </c>
      <c r="AI41398">
        <v>200</v>
      </c>
      <c r="AJ41398">
        <v>202</v>
      </c>
      <c r="AK41398">
        <v>205</v>
      </c>
      <c r="AL41398">
        <v>207</v>
      </c>
      <c r="AM41398">
        <v>207</v>
      </c>
      <c r="AN41398">
        <v>208</v>
      </c>
      <c r="AO41398">
        <v>209</v>
      </c>
      <c r="AP41398">
        <v>209</v>
      </c>
      <c r="AQ41398">
        <v>210</v>
      </c>
    </row>
    <row r="41399" spans="1:43">
      <c r="A41399" t="s">
        <v>25501</v>
      </c>
      <c r="B41399" t="s">
        <v>25502</v>
      </c>
      <c r="C41399" t="s">
        <v>24739</v>
      </c>
      <c r="D41399" t="s">
        <v>24740</v>
      </c>
      <c r="E41399" t="s">
        <v>8296</v>
      </c>
      <c r="F41399" t="s">
        <v>8297</v>
      </c>
      <c r="G41399" t="s">
        <v>80</v>
      </c>
      <c r="H41399" t="s">
        <v>81</v>
      </c>
      <c r="I41399" s="2">
        <v>0</v>
      </c>
      <c r="J41399" s="2">
        <v>1</v>
      </c>
      <c r="K41399" s="2">
        <v>0</v>
      </c>
      <c r="L41399" t="s">
        <v>82</v>
      </c>
      <c r="M41399" t="s">
        <v>87</v>
      </c>
      <c r="N41399" t="s">
        <v>88</v>
      </c>
      <c r="O41399" t="s">
        <v>85</v>
      </c>
      <c r="P41399" t="s">
        <v>86</v>
      </c>
      <c r="Q41399">
        <v>148</v>
      </c>
      <c r="R41399">
        <v>149</v>
      </c>
      <c r="S41399">
        <v>151</v>
      </c>
      <c r="T41399">
        <v>152</v>
      </c>
      <c r="U41399">
        <v>154</v>
      </c>
      <c r="V41399">
        <v>155</v>
      </c>
      <c r="W41399">
        <v>157</v>
      </c>
      <c r="X41399">
        <v>158</v>
      </c>
      <c r="Y41399">
        <v>159</v>
      </c>
      <c r="Z41399">
        <v>161</v>
      </c>
      <c r="AA41399">
        <v>162</v>
      </c>
      <c r="AB41399">
        <v>164</v>
      </c>
      <c r="AC41399">
        <v>165</v>
      </c>
      <c r="AD41399">
        <v>166</v>
      </c>
      <c r="AE41399">
        <v>168</v>
      </c>
      <c r="AF41399">
        <v>169</v>
      </c>
      <c r="AG41399">
        <v>171</v>
      </c>
      <c r="AH41399">
        <v>172</v>
      </c>
      <c r="AI41399">
        <v>173</v>
      </c>
      <c r="AJ41399">
        <v>175</v>
      </c>
      <c r="AK41399">
        <v>176</v>
      </c>
      <c r="AL41399">
        <v>177</v>
      </c>
      <c r="AM41399">
        <v>179</v>
      </c>
      <c r="AN41399">
        <v>180</v>
      </c>
      <c r="AO41399">
        <v>181</v>
      </c>
      <c r="AP41399">
        <v>182</v>
      </c>
      <c r="AQ41399">
        <v>184</v>
      </c>
    </row>
    <row r="41400" spans="1:43">
      <c r="A41400" t="s">
        <v>25501</v>
      </c>
      <c r="B41400" t="s">
        <v>25502</v>
      </c>
      <c r="C41400" t="s">
        <v>24739</v>
      </c>
      <c r="D41400" t="s">
        <v>24740</v>
      </c>
      <c r="E41400" t="s">
        <v>8296</v>
      </c>
      <c r="F41400" t="s">
        <v>8297</v>
      </c>
      <c r="G41400" t="s">
        <v>80</v>
      </c>
      <c r="H41400" t="s">
        <v>81</v>
      </c>
      <c r="I41400" s="2">
        <v>0</v>
      </c>
      <c r="J41400" s="2">
        <v>1</v>
      </c>
      <c r="K41400" s="2">
        <v>0</v>
      </c>
      <c r="L41400" t="s">
        <v>82</v>
      </c>
      <c r="M41400" t="s">
        <v>89</v>
      </c>
      <c r="N41400" t="s">
        <v>90</v>
      </c>
      <c r="O41400" t="s">
        <v>85</v>
      </c>
      <c r="P41400" t="s">
        <v>86</v>
      </c>
      <c r="Q41400">
        <v>148</v>
      </c>
      <c r="R41400">
        <v>153</v>
      </c>
      <c r="S41400">
        <v>157</v>
      </c>
      <c r="T41400">
        <v>161</v>
      </c>
      <c r="U41400">
        <v>165</v>
      </c>
      <c r="V41400">
        <v>169</v>
      </c>
      <c r="W41400">
        <v>173</v>
      </c>
      <c r="X41400">
        <v>177</v>
      </c>
      <c r="Y41400">
        <v>181</v>
      </c>
      <c r="Z41400">
        <v>184</v>
      </c>
      <c r="AA41400">
        <v>188</v>
      </c>
      <c r="AB41400">
        <v>191</v>
      </c>
      <c r="AC41400">
        <v>195</v>
      </c>
      <c r="AD41400">
        <v>199</v>
      </c>
      <c r="AE41400">
        <v>201</v>
      </c>
      <c r="AF41400">
        <v>202</v>
      </c>
      <c r="AG41400">
        <v>203</v>
      </c>
      <c r="AH41400">
        <v>204</v>
      </c>
      <c r="AI41400">
        <v>204</v>
      </c>
      <c r="AJ41400">
        <v>205</v>
      </c>
      <c r="AK41400">
        <v>206</v>
      </c>
      <c r="AL41400">
        <v>207</v>
      </c>
      <c r="AM41400">
        <v>207</v>
      </c>
      <c r="AN41400">
        <v>208</v>
      </c>
      <c r="AO41400">
        <v>209</v>
      </c>
      <c r="AP41400">
        <v>209</v>
      </c>
      <c r="AQ41400">
        <v>210</v>
      </c>
    </row>
    <row r="41401" spans="1:43">
      <c r="A41401" t="s">
        <v>25501</v>
      </c>
      <c r="B41401" t="s">
        <v>25502</v>
      </c>
      <c r="C41401" t="s">
        <v>24739</v>
      </c>
      <c r="D41401" t="s">
        <v>24740</v>
      </c>
      <c r="E41401" t="s">
        <v>8296</v>
      </c>
      <c r="F41401" t="s">
        <v>8297</v>
      </c>
      <c r="G41401" t="s">
        <v>80</v>
      </c>
      <c r="H41401" t="s">
        <v>81</v>
      </c>
      <c r="I41401" s="2">
        <v>0</v>
      </c>
      <c r="J41401" s="2">
        <v>1</v>
      </c>
      <c r="K41401" s="2">
        <v>0</v>
      </c>
      <c r="L41401" t="s">
        <v>82</v>
      </c>
      <c r="M41401" t="s">
        <v>83</v>
      </c>
      <c r="N41401" t="s">
        <v>91</v>
      </c>
      <c r="O41401" t="s">
        <v>85</v>
      </c>
      <c r="P41401" t="s">
        <v>86</v>
      </c>
      <c r="Q41401">
        <v>148</v>
      </c>
      <c r="R41401">
        <v>151</v>
      </c>
      <c r="S41401">
        <v>154</v>
      </c>
      <c r="T41401">
        <v>157</v>
      </c>
      <c r="U41401">
        <v>160</v>
      </c>
      <c r="V41401">
        <v>163</v>
      </c>
      <c r="W41401">
        <v>166</v>
      </c>
      <c r="X41401">
        <v>168</v>
      </c>
      <c r="Y41401">
        <v>171</v>
      </c>
      <c r="Z41401">
        <v>174</v>
      </c>
      <c r="AA41401">
        <v>177</v>
      </c>
      <c r="AB41401">
        <v>180</v>
      </c>
      <c r="AC41401">
        <v>183</v>
      </c>
      <c r="AD41401">
        <v>186</v>
      </c>
      <c r="AE41401">
        <v>188</v>
      </c>
      <c r="AF41401">
        <v>191</v>
      </c>
      <c r="AG41401">
        <v>194</v>
      </c>
      <c r="AH41401">
        <v>197</v>
      </c>
      <c r="AI41401">
        <v>200</v>
      </c>
      <c r="AJ41401">
        <v>202</v>
      </c>
      <c r="AK41401">
        <v>205</v>
      </c>
      <c r="AL41401">
        <v>207</v>
      </c>
      <c r="AM41401">
        <v>207</v>
      </c>
      <c r="AN41401">
        <v>208</v>
      </c>
      <c r="AO41401">
        <v>209</v>
      </c>
      <c r="AP41401">
        <v>209</v>
      </c>
      <c r="AQ41401">
        <v>210</v>
      </c>
    </row>
    <row r="41402" spans="1:43">
      <c r="A41402" t="s">
        <v>25503</v>
      </c>
      <c r="B41402" t="s">
        <v>25504</v>
      </c>
      <c r="C41402" t="s">
        <v>8436</v>
      </c>
      <c r="D41402" t="s">
        <v>8437</v>
      </c>
      <c r="E41402" t="s">
        <v>8296</v>
      </c>
      <c r="F41402" t="s">
        <v>8297</v>
      </c>
      <c r="G41402" t="s">
        <v>80</v>
      </c>
      <c r="H41402" t="s">
        <v>81</v>
      </c>
      <c r="I41402" s="2">
        <v>0</v>
      </c>
      <c r="J41402" s="2">
        <v>1</v>
      </c>
      <c r="K41402" s="2">
        <v>0</v>
      </c>
      <c r="L41402" t="s">
        <v>82</v>
      </c>
      <c r="M41402" t="s">
        <v>83</v>
      </c>
      <c r="N41402" t="s">
        <v>84</v>
      </c>
      <c r="O41402" t="s">
        <v>85</v>
      </c>
      <c r="P41402" t="s">
        <v>86</v>
      </c>
      <c r="Q41402">
        <v>31</v>
      </c>
      <c r="R41402">
        <v>31</v>
      </c>
      <c r="S41402">
        <v>32</v>
      </c>
      <c r="T41402">
        <v>32</v>
      </c>
      <c r="U41402">
        <v>33</v>
      </c>
      <c r="V41402">
        <v>34</v>
      </c>
      <c r="W41402">
        <v>34</v>
      </c>
      <c r="X41402">
        <v>35</v>
      </c>
      <c r="Y41402">
        <v>35</v>
      </c>
      <c r="Z41402">
        <v>36</v>
      </c>
      <c r="AA41402">
        <v>37</v>
      </c>
      <c r="AB41402">
        <v>37</v>
      </c>
      <c r="AC41402">
        <v>38</v>
      </c>
      <c r="AD41402">
        <v>38</v>
      </c>
      <c r="AE41402">
        <v>39</v>
      </c>
      <c r="AF41402">
        <v>39</v>
      </c>
      <c r="AG41402">
        <v>40</v>
      </c>
      <c r="AH41402">
        <v>41</v>
      </c>
      <c r="AI41402">
        <v>41</v>
      </c>
      <c r="AJ41402">
        <v>42</v>
      </c>
      <c r="AK41402">
        <v>42</v>
      </c>
      <c r="AL41402">
        <v>43</v>
      </c>
      <c r="AM41402">
        <v>43</v>
      </c>
      <c r="AN41402">
        <v>43</v>
      </c>
      <c r="AO41402">
        <v>43</v>
      </c>
      <c r="AP41402">
        <v>43</v>
      </c>
      <c r="AQ41402">
        <v>43</v>
      </c>
    </row>
    <row r="41403" spans="1:43">
      <c r="A41403" t="s">
        <v>25503</v>
      </c>
      <c r="B41403" t="s">
        <v>25504</v>
      </c>
      <c r="C41403" t="s">
        <v>8436</v>
      </c>
      <c r="D41403" t="s">
        <v>8437</v>
      </c>
      <c r="E41403" t="s">
        <v>8296</v>
      </c>
      <c r="F41403" t="s">
        <v>8297</v>
      </c>
      <c r="G41403" t="s">
        <v>80</v>
      </c>
      <c r="H41403" t="s">
        <v>81</v>
      </c>
      <c r="I41403" s="2">
        <v>0</v>
      </c>
      <c r="J41403" s="2">
        <v>1</v>
      </c>
      <c r="K41403" s="2">
        <v>0</v>
      </c>
      <c r="L41403" t="s">
        <v>82</v>
      </c>
      <c r="M41403" t="s">
        <v>87</v>
      </c>
      <c r="N41403" t="s">
        <v>88</v>
      </c>
      <c r="O41403" t="s">
        <v>85</v>
      </c>
      <c r="P41403" t="s">
        <v>86</v>
      </c>
      <c r="Q41403">
        <v>31</v>
      </c>
      <c r="R41403">
        <v>32</v>
      </c>
      <c r="S41403">
        <v>32</v>
      </c>
      <c r="T41403">
        <v>32</v>
      </c>
      <c r="U41403">
        <v>32</v>
      </c>
      <c r="V41403">
        <v>33</v>
      </c>
      <c r="W41403">
        <v>33</v>
      </c>
      <c r="X41403">
        <v>33</v>
      </c>
      <c r="Y41403">
        <v>34</v>
      </c>
      <c r="Z41403">
        <v>34</v>
      </c>
      <c r="AA41403">
        <v>34</v>
      </c>
      <c r="AB41403">
        <v>35</v>
      </c>
      <c r="AC41403">
        <v>35</v>
      </c>
      <c r="AD41403">
        <v>35</v>
      </c>
      <c r="AE41403">
        <v>35</v>
      </c>
      <c r="AF41403">
        <v>36</v>
      </c>
      <c r="AG41403">
        <v>36</v>
      </c>
      <c r="AH41403">
        <v>36</v>
      </c>
      <c r="AI41403">
        <v>37</v>
      </c>
      <c r="AJ41403">
        <v>37</v>
      </c>
      <c r="AK41403">
        <v>37</v>
      </c>
      <c r="AL41403">
        <v>37</v>
      </c>
      <c r="AM41403">
        <v>38</v>
      </c>
      <c r="AN41403">
        <v>38</v>
      </c>
      <c r="AO41403">
        <v>38</v>
      </c>
      <c r="AP41403">
        <v>38</v>
      </c>
      <c r="AQ41403">
        <v>39</v>
      </c>
    </row>
    <row r="41404" spans="1:43">
      <c r="A41404" t="s">
        <v>25503</v>
      </c>
      <c r="B41404" t="s">
        <v>25504</v>
      </c>
      <c r="C41404" t="s">
        <v>8436</v>
      </c>
      <c r="D41404" t="s">
        <v>8437</v>
      </c>
      <c r="E41404" t="s">
        <v>8296</v>
      </c>
      <c r="F41404" t="s">
        <v>8297</v>
      </c>
      <c r="G41404" t="s">
        <v>80</v>
      </c>
      <c r="H41404" t="s">
        <v>81</v>
      </c>
      <c r="I41404" s="2">
        <v>0</v>
      </c>
      <c r="J41404" s="2">
        <v>1</v>
      </c>
      <c r="K41404" s="2">
        <v>0</v>
      </c>
      <c r="L41404" t="s">
        <v>82</v>
      </c>
      <c r="M41404" t="s">
        <v>89</v>
      </c>
      <c r="N41404" t="s">
        <v>90</v>
      </c>
      <c r="O41404" t="s">
        <v>85</v>
      </c>
      <c r="P41404" t="s">
        <v>86</v>
      </c>
      <c r="Q41404">
        <v>31</v>
      </c>
      <c r="R41404">
        <v>32</v>
      </c>
      <c r="S41404">
        <v>33</v>
      </c>
      <c r="T41404">
        <v>33</v>
      </c>
      <c r="U41404">
        <v>34</v>
      </c>
      <c r="V41404">
        <v>35</v>
      </c>
      <c r="W41404">
        <v>36</v>
      </c>
      <c r="X41404">
        <v>37</v>
      </c>
      <c r="Y41404">
        <v>37</v>
      </c>
      <c r="Z41404">
        <v>38</v>
      </c>
      <c r="AA41404">
        <v>39</v>
      </c>
      <c r="AB41404">
        <v>40</v>
      </c>
      <c r="AC41404">
        <v>40</v>
      </c>
      <c r="AD41404">
        <v>41</v>
      </c>
      <c r="AE41404">
        <v>42</v>
      </c>
      <c r="AF41404">
        <v>42</v>
      </c>
      <c r="AG41404">
        <v>42</v>
      </c>
      <c r="AH41404">
        <v>42</v>
      </c>
      <c r="AI41404">
        <v>42</v>
      </c>
      <c r="AJ41404">
        <v>43</v>
      </c>
      <c r="AK41404">
        <v>43</v>
      </c>
      <c r="AL41404">
        <v>43</v>
      </c>
      <c r="AM41404">
        <v>43</v>
      </c>
      <c r="AN41404">
        <v>43</v>
      </c>
      <c r="AO41404">
        <v>43</v>
      </c>
      <c r="AP41404">
        <v>43</v>
      </c>
      <c r="AQ41404">
        <v>44</v>
      </c>
    </row>
    <row r="41405" spans="1:43">
      <c r="A41405" t="s">
        <v>25503</v>
      </c>
      <c r="B41405" t="s">
        <v>25504</v>
      </c>
      <c r="C41405" t="s">
        <v>8436</v>
      </c>
      <c r="D41405" t="s">
        <v>8437</v>
      </c>
      <c r="E41405" t="s">
        <v>8296</v>
      </c>
      <c r="F41405" t="s">
        <v>8297</v>
      </c>
      <c r="G41405" t="s">
        <v>80</v>
      </c>
      <c r="H41405" t="s">
        <v>81</v>
      </c>
      <c r="I41405" s="2">
        <v>0</v>
      </c>
      <c r="J41405" s="2">
        <v>1</v>
      </c>
      <c r="K41405" s="2">
        <v>0</v>
      </c>
      <c r="L41405" t="s">
        <v>82</v>
      </c>
      <c r="M41405" t="s">
        <v>83</v>
      </c>
      <c r="N41405" t="s">
        <v>91</v>
      </c>
      <c r="O41405" t="s">
        <v>85</v>
      </c>
      <c r="P41405" t="s">
        <v>86</v>
      </c>
      <c r="Q41405">
        <v>31</v>
      </c>
      <c r="R41405">
        <v>31</v>
      </c>
      <c r="S41405">
        <v>32</v>
      </c>
      <c r="T41405">
        <v>32</v>
      </c>
      <c r="U41405">
        <v>33</v>
      </c>
      <c r="V41405">
        <v>34</v>
      </c>
      <c r="W41405">
        <v>34</v>
      </c>
      <c r="X41405">
        <v>35</v>
      </c>
      <c r="Y41405">
        <v>35</v>
      </c>
      <c r="Z41405">
        <v>36</v>
      </c>
      <c r="AA41405">
        <v>37</v>
      </c>
      <c r="AB41405">
        <v>37</v>
      </c>
      <c r="AC41405">
        <v>38</v>
      </c>
      <c r="AD41405">
        <v>38</v>
      </c>
      <c r="AE41405">
        <v>39</v>
      </c>
      <c r="AF41405">
        <v>39</v>
      </c>
      <c r="AG41405">
        <v>40</v>
      </c>
      <c r="AH41405">
        <v>41</v>
      </c>
      <c r="AI41405">
        <v>41</v>
      </c>
      <c r="AJ41405">
        <v>42</v>
      </c>
      <c r="AK41405">
        <v>42</v>
      </c>
      <c r="AL41405">
        <v>43</v>
      </c>
      <c r="AM41405">
        <v>43</v>
      </c>
      <c r="AN41405">
        <v>43</v>
      </c>
      <c r="AO41405">
        <v>43</v>
      </c>
      <c r="AP41405">
        <v>43</v>
      </c>
      <c r="AQ41405">
        <v>43</v>
      </c>
    </row>
    <row r="41406" spans="1:43">
      <c r="A41406" t="s">
        <v>25505</v>
      </c>
      <c r="B41406" t="s">
        <v>25506</v>
      </c>
      <c r="C41406" t="s">
        <v>689</v>
      </c>
      <c r="D41406" t="s">
        <v>690</v>
      </c>
      <c r="E41406" t="s">
        <v>353</v>
      </c>
      <c r="F41406" t="s">
        <v>354</v>
      </c>
      <c r="G41406" t="s">
        <v>80</v>
      </c>
      <c r="H41406" t="s">
        <v>81</v>
      </c>
      <c r="I41406" s="2">
        <v>1</v>
      </c>
      <c r="J41406" s="2">
        <v>0</v>
      </c>
      <c r="K41406" s="2">
        <v>0</v>
      </c>
      <c r="L41406" t="s">
        <v>120</v>
      </c>
      <c r="M41406" t="s">
        <v>83</v>
      </c>
      <c r="N41406" t="s">
        <v>84</v>
      </c>
      <c r="O41406" t="s">
        <v>85</v>
      </c>
      <c r="P41406" t="s">
        <v>86</v>
      </c>
      <c r="Q41406">
        <v>12</v>
      </c>
      <c r="R41406">
        <v>12</v>
      </c>
      <c r="S41406">
        <v>12</v>
      </c>
      <c r="T41406">
        <v>12</v>
      </c>
      <c r="U41406">
        <v>12</v>
      </c>
      <c r="V41406">
        <v>12</v>
      </c>
      <c r="W41406">
        <v>12</v>
      </c>
      <c r="X41406">
        <v>13</v>
      </c>
      <c r="Y41406">
        <v>13</v>
      </c>
      <c r="Z41406">
        <v>13</v>
      </c>
      <c r="AA41406">
        <v>13</v>
      </c>
      <c r="AB41406">
        <v>13</v>
      </c>
      <c r="AC41406">
        <v>13</v>
      </c>
      <c r="AD41406">
        <v>13</v>
      </c>
      <c r="AE41406">
        <v>13</v>
      </c>
      <c r="AF41406">
        <v>13</v>
      </c>
      <c r="AG41406">
        <v>13</v>
      </c>
      <c r="AH41406">
        <v>14</v>
      </c>
      <c r="AI41406">
        <v>14</v>
      </c>
      <c r="AJ41406">
        <v>14</v>
      </c>
      <c r="AK41406">
        <v>14</v>
      </c>
      <c r="AL41406">
        <v>14</v>
      </c>
      <c r="AM41406">
        <v>14</v>
      </c>
      <c r="AN41406">
        <v>14</v>
      </c>
      <c r="AO41406">
        <v>14</v>
      </c>
      <c r="AP41406">
        <v>14</v>
      </c>
      <c r="AQ41406">
        <v>14</v>
      </c>
    </row>
    <row r="41407" spans="1:43">
      <c r="A41407" t="s">
        <v>25505</v>
      </c>
      <c r="B41407" t="s">
        <v>25506</v>
      </c>
      <c r="C41407" t="s">
        <v>689</v>
      </c>
      <c r="D41407" t="s">
        <v>690</v>
      </c>
      <c r="E41407" t="s">
        <v>353</v>
      </c>
      <c r="F41407" t="s">
        <v>354</v>
      </c>
      <c r="G41407" t="s">
        <v>80</v>
      </c>
      <c r="H41407" t="s">
        <v>81</v>
      </c>
      <c r="I41407" s="2">
        <v>1</v>
      </c>
      <c r="J41407" s="2">
        <v>0</v>
      </c>
      <c r="K41407" s="2">
        <v>0</v>
      </c>
      <c r="L41407" t="s">
        <v>120</v>
      </c>
      <c r="M41407" t="s">
        <v>87</v>
      </c>
      <c r="N41407" t="s">
        <v>88</v>
      </c>
      <c r="O41407" t="s">
        <v>85</v>
      </c>
      <c r="P41407" t="s">
        <v>86</v>
      </c>
      <c r="Q41407">
        <v>12</v>
      </c>
      <c r="R41407">
        <v>12</v>
      </c>
      <c r="S41407">
        <v>12</v>
      </c>
      <c r="T41407">
        <v>12</v>
      </c>
      <c r="U41407">
        <v>12</v>
      </c>
      <c r="V41407">
        <v>12</v>
      </c>
      <c r="W41407">
        <v>12</v>
      </c>
      <c r="X41407">
        <v>12</v>
      </c>
      <c r="Y41407">
        <v>12</v>
      </c>
      <c r="Z41407">
        <v>12</v>
      </c>
      <c r="AA41407">
        <v>12</v>
      </c>
      <c r="AB41407">
        <v>12</v>
      </c>
      <c r="AC41407">
        <v>12</v>
      </c>
      <c r="AD41407">
        <v>12</v>
      </c>
      <c r="AE41407">
        <v>12</v>
      </c>
      <c r="AF41407">
        <v>12</v>
      </c>
      <c r="AG41407">
        <v>12</v>
      </c>
      <c r="AH41407">
        <v>12</v>
      </c>
      <c r="AI41407">
        <v>12</v>
      </c>
      <c r="AJ41407">
        <v>12</v>
      </c>
      <c r="AK41407">
        <v>12</v>
      </c>
      <c r="AL41407">
        <v>12</v>
      </c>
      <c r="AM41407">
        <v>12</v>
      </c>
      <c r="AN41407">
        <v>12</v>
      </c>
      <c r="AO41407">
        <v>12</v>
      </c>
      <c r="AP41407">
        <v>12</v>
      </c>
      <c r="AQ41407">
        <v>12</v>
      </c>
    </row>
    <row r="41408" spans="1:43">
      <c r="A41408" t="s">
        <v>25505</v>
      </c>
      <c r="B41408" t="s">
        <v>25506</v>
      </c>
      <c r="C41408" t="s">
        <v>689</v>
      </c>
      <c r="D41408" t="s">
        <v>690</v>
      </c>
      <c r="E41408" t="s">
        <v>353</v>
      </c>
      <c r="F41408" t="s">
        <v>354</v>
      </c>
      <c r="G41408" t="s">
        <v>80</v>
      </c>
      <c r="H41408" t="s">
        <v>81</v>
      </c>
      <c r="I41408" s="2">
        <v>1</v>
      </c>
      <c r="J41408" s="2">
        <v>0</v>
      </c>
      <c r="K41408" s="2">
        <v>0</v>
      </c>
      <c r="L41408" t="s">
        <v>120</v>
      </c>
      <c r="M41408" t="s">
        <v>89</v>
      </c>
      <c r="N41408" t="s">
        <v>90</v>
      </c>
      <c r="O41408" t="s">
        <v>85</v>
      </c>
      <c r="P41408" t="s">
        <v>86</v>
      </c>
      <c r="Q41408">
        <v>12</v>
      </c>
      <c r="R41408">
        <v>12</v>
      </c>
      <c r="S41408">
        <v>12</v>
      </c>
      <c r="T41408">
        <v>12</v>
      </c>
      <c r="U41408">
        <v>13</v>
      </c>
      <c r="V41408">
        <v>13</v>
      </c>
      <c r="W41408">
        <v>13</v>
      </c>
      <c r="X41408">
        <v>13</v>
      </c>
      <c r="Y41408">
        <v>13</v>
      </c>
      <c r="Z41408">
        <v>14</v>
      </c>
      <c r="AA41408">
        <v>14</v>
      </c>
      <c r="AB41408">
        <v>14</v>
      </c>
      <c r="AC41408">
        <v>14</v>
      </c>
      <c r="AD41408">
        <v>14</v>
      </c>
      <c r="AE41408">
        <v>14</v>
      </c>
      <c r="AF41408">
        <v>14</v>
      </c>
      <c r="AG41408">
        <v>14</v>
      </c>
      <c r="AH41408">
        <v>14</v>
      </c>
      <c r="AI41408">
        <v>14</v>
      </c>
      <c r="AJ41408">
        <v>14</v>
      </c>
      <c r="AK41408">
        <v>14</v>
      </c>
      <c r="AL41408">
        <v>14</v>
      </c>
      <c r="AM41408">
        <v>14</v>
      </c>
      <c r="AN41408">
        <v>14</v>
      </c>
      <c r="AO41408">
        <v>14</v>
      </c>
      <c r="AP41408">
        <v>14</v>
      </c>
      <c r="AQ41408">
        <v>14</v>
      </c>
    </row>
    <row r="41409" spans="1:43">
      <c r="A41409" t="s">
        <v>25505</v>
      </c>
      <c r="B41409" t="s">
        <v>25506</v>
      </c>
      <c r="C41409" t="s">
        <v>689</v>
      </c>
      <c r="D41409" t="s">
        <v>690</v>
      </c>
      <c r="E41409" t="s">
        <v>353</v>
      </c>
      <c r="F41409" t="s">
        <v>354</v>
      </c>
      <c r="G41409" t="s">
        <v>80</v>
      </c>
      <c r="H41409" t="s">
        <v>81</v>
      </c>
      <c r="I41409" s="2">
        <v>1</v>
      </c>
      <c r="J41409" s="2">
        <v>0</v>
      </c>
      <c r="K41409" s="2">
        <v>0</v>
      </c>
      <c r="L41409" t="s">
        <v>120</v>
      </c>
      <c r="M41409" t="s">
        <v>83</v>
      </c>
      <c r="N41409" t="s">
        <v>91</v>
      </c>
      <c r="O41409" t="s">
        <v>85</v>
      </c>
      <c r="P41409" t="s">
        <v>86</v>
      </c>
      <c r="Q41409">
        <v>12</v>
      </c>
      <c r="R41409">
        <v>12</v>
      </c>
      <c r="S41409">
        <v>12</v>
      </c>
      <c r="T41409">
        <v>12</v>
      </c>
      <c r="U41409">
        <v>12</v>
      </c>
      <c r="V41409">
        <v>12</v>
      </c>
      <c r="W41409">
        <v>12</v>
      </c>
      <c r="X41409">
        <v>13</v>
      </c>
      <c r="Y41409">
        <v>13</v>
      </c>
      <c r="Z41409">
        <v>13</v>
      </c>
      <c r="AA41409">
        <v>13</v>
      </c>
      <c r="AB41409">
        <v>13</v>
      </c>
      <c r="AC41409">
        <v>13</v>
      </c>
      <c r="AD41409">
        <v>13</v>
      </c>
      <c r="AE41409">
        <v>13</v>
      </c>
      <c r="AF41409">
        <v>13</v>
      </c>
      <c r="AG41409">
        <v>13</v>
      </c>
      <c r="AH41409">
        <v>14</v>
      </c>
      <c r="AI41409">
        <v>14</v>
      </c>
      <c r="AJ41409">
        <v>14</v>
      </c>
      <c r="AK41409">
        <v>14</v>
      </c>
      <c r="AL41409">
        <v>14</v>
      </c>
      <c r="AM41409">
        <v>14</v>
      </c>
      <c r="AN41409">
        <v>14</v>
      </c>
      <c r="AO41409">
        <v>14</v>
      </c>
      <c r="AP41409">
        <v>14</v>
      </c>
      <c r="AQ41409">
        <v>14</v>
      </c>
    </row>
    <row r="41410" spans="1:43">
      <c r="A41410" t="s">
        <v>25507</v>
      </c>
      <c r="B41410" t="s">
        <v>25508</v>
      </c>
      <c r="C41410" t="s">
        <v>689</v>
      </c>
      <c r="D41410" t="s">
        <v>690</v>
      </c>
      <c r="E41410" t="s">
        <v>353</v>
      </c>
      <c r="F41410" t="s">
        <v>354</v>
      </c>
      <c r="G41410" t="s">
        <v>80</v>
      </c>
      <c r="H41410" t="s">
        <v>81</v>
      </c>
      <c r="I41410" s="2">
        <v>1</v>
      </c>
      <c r="J41410" s="2">
        <v>0</v>
      </c>
      <c r="K41410" s="2">
        <v>0</v>
      </c>
      <c r="L41410" t="s">
        <v>120</v>
      </c>
      <c r="M41410" t="s">
        <v>83</v>
      </c>
      <c r="N41410" t="s">
        <v>84</v>
      </c>
      <c r="O41410" t="s">
        <v>85</v>
      </c>
      <c r="P41410" t="s">
        <v>86</v>
      </c>
      <c r="Q41410">
        <v>12</v>
      </c>
      <c r="R41410">
        <v>12</v>
      </c>
      <c r="S41410">
        <v>12</v>
      </c>
      <c r="T41410">
        <v>12</v>
      </c>
      <c r="U41410">
        <v>13</v>
      </c>
      <c r="V41410">
        <v>13</v>
      </c>
      <c r="W41410">
        <v>13</v>
      </c>
      <c r="X41410">
        <v>13</v>
      </c>
      <c r="Y41410">
        <v>13</v>
      </c>
      <c r="Z41410">
        <v>13</v>
      </c>
      <c r="AA41410">
        <v>13</v>
      </c>
      <c r="AB41410">
        <v>13</v>
      </c>
      <c r="AC41410">
        <v>14</v>
      </c>
      <c r="AD41410">
        <v>14</v>
      </c>
      <c r="AE41410">
        <v>14</v>
      </c>
      <c r="AF41410">
        <v>14</v>
      </c>
      <c r="AG41410">
        <v>14</v>
      </c>
      <c r="AH41410">
        <v>14</v>
      </c>
      <c r="AI41410">
        <v>14</v>
      </c>
      <c r="AJ41410">
        <v>14</v>
      </c>
      <c r="AK41410">
        <v>14</v>
      </c>
      <c r="AL41410">
        <v>14</v>
      </c>
      <c r="AM41410">
        <v>14</v>
      </c>
      <c r="AN41410">
        <v>14</v>
      </c>
      <c r="AO41410">
        <v>14</v>
      </c>
      <c r="AP41410">
        <v>14</v>
      </c>
      <c r="AQ41410">
        <v>14</v>
      </c>
    </row>
    <row r="41411" spans="1:43">
      <c r="A41411" t="s">
        <v>25507</v>
      </c>
      <c r="B41411" t="s">
        <v>25508</v>
      </c>
      <c r="C41411" t="s">
        <v>689</v>
      </c>
      <c r="D41411" t="s">
        <v>690</v>
      </c>
      <c r="E41411" t="s">
        <v>353</v>
      </c>
      <c r="F41411" t="s">
        <v>354</v>
      </c>
      <c r="G41411" t="s">
        <v>80</v>
      </c>
      <c r="H41411" t="s">
        <v>81</v>
      </c>
      <c r="I41411" s="2">
        <v>1</v>
      </c>
      <c r="J41411" s="2">
        <v>0</v>
      </c>
      <c r="K41411" s="2">
        <v>0</v>
      </c>
      <c r="L41411" t="s">
        <v>120</v>
      </c>
      <c r="M41411" t="s">
        <v>87</v>
      </c>
      <c r="N41411" t="s">
        <v>88</v>
      </c>
      <c r="O41411" t="s">
        <v>85</v>
      </c>
      <c r="P41411" t="s">
        <v>86</v>
      </c>
      <c r="Q41411">
        <v>12</v>
      </c>
      <c r="R41411">
        <v>12</v>
      </c>
      <c r="S41411">
        <v>12</v>
      </c>
      <c r="T41411">
        <v>12</v>
      </c>
      <c r="U41411">
        <v>12</v>
      </c>
      <c r="V41411">
        <v>12</v>
      </c>
      <c r="W41411">
        <v>12</v>
      </c>
      <c r="X41411">
        <v>12</v>
      </c>
      <c r="Y41411">
        <v>12</v>
      </c>
      <c r="Z41411">
        <v>12</v>
      </c>
      <c r="AA41411">
        <v>12</v>
      </c>
      <c r="AB41411">
        <v>12</v>
      </c>
      <c r="AC41411">
        <v>12</v>
      </c>
      <c r="AD41411">
        <v>12</v>
      </c>
      <c r="AE41411">
        <v>12</v>
      </c>
      <c r="AF41411">
        <v>12</v>
      </c>
      <c r="AG41411">
        <v>12</v>
      </c>
      <c r="AH41411">
        <v>12</v>
      </c>
      <c r="AI41411">
        <v>12</v>
      </c>
      <c r="AJ41411">
        <v>12</v>
      </c>
      <c r="AK41411">
        <v>12</v>
      </c>
      <c r="AL41411">
        <v>12</v>
      </c>
      <c r="AM41411">
        <v>12</v>
      </c>
      <c r="AN41411">
        <v>12</v>
      </c>
      <c r="AO41411">
        <v>12</v>
      </c>
      <c r="AP41411">
        <v>12</v>
      </c>
      <c r="AQ41411">
        <v>12</v>
      </c>
    </row>
    <row r="41412" spans="1:43">
      <c r="A41412" t="s">
        <v>25507</v>
      </c>
      <c r="B41412" t="s">
        <v>25508</v>
      </c>
      <c r="C41412" t="s">
        <v>689</v>
      </c>
      <c r="D41412" t="s">
        <v>690</v>
      </c>
      <c r="E41412" t="s">
        <v>353</v>
      </c>
      <c r="F41412" t="s">
        <v>354</v>
      </c>
      <c r="G41412" t="s">
        <v>80</v>
      </c>
      <c r="H41412" t="s">
        <v>81</v>
      </c>
      <c r="I41412" s="2">
        <v>1</v>
      </c>
      <c r="J41412" s="2">
        <v>0</v>
      </c>
      <c r="K41412" s="2">
        <v>0</v>
      </c>
      <c r="L41412" t="s">
        <v>120</v>
      </c>
      <c r="M41412" t="s">
        <v>89</v>
      </c>
      <c r="N41412" t="s">
        <v>90</v>
      </c>
      <c r="O41412" t="s">
        <v>85</v>
      </c>
      <c r="P41412" t="s">
        <v>86</v>
      </c>
      <c r="Q41412">
        <v>12</v>
      </c>
      <c r="R41412">
        <v>12</v>
      </c>
      <c r="S41412">
        <v>13</v>
      </c>
      <c r="T41412">
        <v>13</v>
      </c>
      <c r="U41412">
        <v>13</v>
      </c>
      <c r="V41412">
        <v>13</v>
      </c>
      <c r="W41412">
        <v>13</v>
      </c>
      <c r="X41412">
        <v>14</v>
      </c>
      <c r="Y41412">
        <v>14</v>
      </c>
      <c r="Z41412">
        <v>14</v>
      </c>
      <c r="AA41412">
        <v>14</v>
      </c>
      <c r="AB41412">
        <v>14</v>
      </c>
      <c r="AC41412">
        <v>14</v>
      </c>
      <c r="AD41412">
        <v>15</v>
      </c>
      <c r="AE41412">
        <v>15</v>
      </c>
      <c r="AF41412">
        <v>15</v>
      </c>
      <c r="AG41412">
        <v>15</v>
      </c>
      <c r="AH41412">
        <v>15</v>
      </c>
      <c r="AI41412">
        <v>15</v>
      </c>
      <c r="AJ41412">
        <v>15</v>
      </c>
      <c r="AK41412">
        <v>15</v>
      </c>
      <c r="AL41412">
        <v>14</v>
      </c>
      <c r="AM41412">
        <v>14</v>
      </c>
      <c r="AN41412">
        <v>14</v>
      </c>
      <c r="AO41412">
        <v>14</v>
      </c>
      <c r="AP41412">
        <v>14</v>
      </c>
      <c r="AQ41412">
        <v>14</v>
      </c>
    </row>
    <row r="41413" spans="1:43">
      <c r="A41413" t="s">
        <v>25507</v>
      </c>
      <c r="B41413" t="s">
        <v>25508</v>
      </c>
      <c r="C41413" t="s">
        <v>689</v>
      </c>
      <c r="D41413" t="s">
        <v>690</v>
      </c>
      <c r="E41413" t="s">
        <v>353</v>
      </c>
      <c r="F41413" t="s">
        <v>354</v>
      </c>
      <c r="G41413" t="s">
        <v>80</v>
      </c>
      <c r="H41413" t="s">
        <v>81</v>
      </c>
      <c r="I41413" s="2">
        <v>1</v>
      </c>
      <c r="J41413" s="2">
        <v>0</v>
      </c>
      <c r="K41413" s="2">
        <v>0</v>
      </c>
      <c r="L41413" t="s">
        <v>120</v>
      </c>
      <c r="M41413" t="s">
        <v>83</v>
      </c>
      <c r="N41413" t="s">
        <v>91</v>
      </c>
      <c r="O41413" t="s">
        <v>85</v>
      </c>
      <c r="P41413" t="s">
        <v>86</v>
      </c>
      <c r="Q41413">
        <v>12</v>
      </c>
      <c r="R41413">
        <v>12</v>
      </c>
      <c r="S41413">
        <v>12</v>
      </c>
      <c r="T41413">
        <v>12</v>
      </c>
      <c r="U41413">
        <v>13</v>
      </c>
      <c r="V41413">
        <v>13</v>
      </c>
      <c r="W41413">
        <v>13</v>
      </c>
      <c r="X41413">
        <v>13</v>
      </c>
      <c r="Y41413">
        <v>13</v>
      </c>
      <c r="Z41413">
        <v>13</v>
      </c>
      <c r="AA41413">
        <v>13</v>
      </c>
      <c r="AB41413">
        <v>13</v>
      </c>
      <c r="AC41413">
        <v>14</v>
      </c>
      <c r="AD41413">
        <v>14</v>
      </c>
      <c r="AE41413">
        <v>14</v>
      </c>
      <c r="AF41413">
        <v>14</v>
      </c>
      <c r="AG41413">
        <v>14</v>
      </c>
      <c r="AH41413">
        <v>14</v>
      </c>
      <c r="AI41413">
        <v>14</v>
      </c>
      <c r="AJ41413">
        <v>14</v>
      </c>
      <c r="AK41413">
        <v>14</v>
      </c>
      <c r="AL41413">
        <v>14</v>
      </c>
      <c r="AM41413">
        <v>14</v>
      </c>
      <c r="AN41413">
        <v>14</v>
      </c>
      <c r="AO41413">
        <v>14</v>
      </c>
      <c r="AP41413">
        <v>14</v>
      </c>
      <c r="AQ41413">
        <v>14</v>
      </c>
    </row>
    <row r="41414" spans="1:43">
      <c r="A41414" t="s">
        <v>25509</v>
      </c>
      <c r="B41414" t="s">
        <v>25510</v>
      </c>
      <c r="C41414" t="s">
        <v>381</v>
      </c>
      <c r="D41414" t="s">
        <v>382</v>
      </c>
      <c r="E41414" t="s">
        <v>353</v>
      </c>
      <c r="F41414" t="s">
        <v>354</v>
      </c>
      <c r="G41414" t="s">
        <v>80</v>
      </c>
      <c r="H41414" t="s">
        <v>81</v>
      </c>
      <c r="I41414" s="2">
        <v>1</v>
      </c>
      <c r="J41414" s="2">
        <v>0</v>
      </c>
      <c r="K41414" s="2">
        <v>0</v>
      </c>
      <c r="L41414" t="s">
        <v>120</v>
      </c>
      <c r="M41414" t="s">
        <v>83</v>
      </c>
      <c r="N41414" t="s">
        <v>84</v>
      </c>
      <c r="O41414" t="s">
        <v>85</v>
      </c>
      <c r="P41414" t="s">
        <v>86</v>
      </c>
      <c r="Q41414">
        <v>13</v>
      </c>
      <c r="R41414">
        <v>13</v>
      </c>
      <c r="S41414">
        <v>13</v>
      </c>
      <c r="T41414">
        <v>13</v>
      </c>
      <c r="U41414">
        <v>13</v>
      </c>
      <c r="V41414">
        <v>14</v>
      </c>
      <c r="W41414">
        <v>14</v>
      </c>
      <c r="X41414">
        <v>14</v>
      </c>
      <c r="Y41414">
        <v>14</v>
      </c>
      <c r="Z41414">
        <v>14</v>
      </c>
      <c r="AA41414">
        <v>14</v>
      </c>
      <c r="AB41414">
        <v>14</v>
      </c>
      <c r="AC41414">
        <v>14</v>
      </c>
      <c r="AD41414">
        <v>15</v>
      </c>
      <c r="AE41414">
        <v>15</v>
      </c>
      <c r="AF41414">
        <v>15</v>
      </c>
      <c r="AG41414">
        <v>15</v>
      </c>
      <c r="AH41414">
        <v>15</v>
      </c>
      <c r="AI41414">
        <v>15</v>
      </c>
      <c r="AJ41414">
        <v>15</v>
      </c>
      <c r="AK41414">
        <v>15</v>
      </c>
      <c r="AL41414">
        <v>15</v>
      </c>
      <c r="AM41414">
        <v>15</v>
      </c>
      <c r="AN41414">
        <v>15</v>
      </c>
      <c r="AO41414">
        <v>15</v>
      </c>
      <c r="AP41414">
        <v>15</v>
      </c>
      <c r="AQ41414">
        <v>15</v>
      </c>
    </row>
    <row r="41415" spans="1:43">
      <c r="A41415" t="s">
        <v>25509</v>
      </c>
      <c r="B41415" t="s">
        <v>25510</v>
      </c>
      <c r="C41415" t="s">
        <v>381</v>
      </c>
      <c r="D41415" t="s">
        <v>382</v>
      </c>
      <c r="E41415" t="s">
        <v>353</v>
      </c>
      <c r="F41415" t="s">
        <v>354</v>
      </c>
      <c r="G41415" t="s">
        <v>80</v>
      </c>
      <c r="H41415" t="s">
        <v>81</v>
      </c>
      <c r="I41415" s="2">
        <v>1</v>
      </c>
      <c r="J41415" s="2">
        <v>0</v>
      </c>
      <c r="K41415" s="2">
        <v>0</v>
      </c>
      <c r="L41415" t="s">
        <v>120</v>
      </c>
      <c r="M41415" t="s">
        <v>87</v>
      </c>
      <c r="N41415" t="s">
        <v>88</v>
      </c>
      <c r="O41415" t="s">
        <v>85</v>
      </c>
      <c r="P41415" t="s">
        <v>86</v>
      </c>
      <c r="Q41415">
        <v>13</v>
      </c>
      <c r="R41415">
        <v>13</v>
      </c>
      <c r="S41415">
        <v>13</v>
      </c>
      <c r="T41415">
        <v>13</v>
      </c>
      <c r="U41415">
        <v>13</v>
      </c>
      <c r="V41415">
        <v>13</v>
      </c>
      <c r="W41415">
        <v>13</v>
      </c>
      <c r="X41415">
        <v>13</v>
      </c>
      <c r="Y41415">
        <v>13</v>
      </c>
      <c r="Z41415">
        <v>13</v>
      </c>
      <c r="AA41415">
        <v>13</v>
      </c>
      <c r="AB41415">
        <v>13</v>
      </c>
      <c r="AC41415">
        <v>13</v>
      </c>
      <c r="AD41415">
        <v>13</v>
      </c>
      <c r="AE41415">
        <v>13</v>
      </c>
      <c r="AF41415">
        <v>13</v>
      </c>
      <c r="AG41415">
        <v>13</v>
      </c>
      <c r="AH41415">
        <v>13</v>
      </c>
      <c r="AI41415">
        <v>13</v>
      </c>
      <c r="AJ41415">
        <v>13</v>
      </c>
      <c r="AK41415">
        <v>13</v>
      </c>
      <c r="AL41415">
        <v>13</v>
      </c>
      <c r="AM41415">
        <v>13</v>
      </c>
      <c r="AN41415">
        <v>13</v>
      </c>
      <c r="AO41415">
        <v>13</v>
      </c>
      <c r="AP41415">
        <v>13</v>
      </c>
      <c r="AQ41415">
        <v>13</v>
      </c>
    </row>
    <row r="41416" spans="1:43">
      <c r="A41416" t="s">
        <v>25509</v>
      </c>
      <c r="B41416" t="s">
        <v>25510</v>
      </c>
      <c r="C41416" t="s">
        <v>381</v>
      </c>
      <c r="D41416" t="s">
        <v>382</v>
      </c>
      <c r="E41416" t="s">
        <v>353</v>
      </c>
      <c r="F41416" t="s">
        <v>354</v>
      </c>
      <c r="G41416" t="s">
        <v>80</v>
      </c>
      <c r="H41416" t="s">
        <v>81</v>
      </c>
      <c r="I41416" s="2">
        <v>1</v>
      </c>
      <c r="J41416" s="2">
        <v>0</v>
      </c>
      <c r="K41416" s="2">
        <v>0</v>
      </c>
      <c r="L41416" t="s">
        <v>120</v>
      </c>
      <c r="M41416" t="s">
        <v>89</v>
      </c>
      <c r="N41416" t="s">
        <v>90</v>
      </c>
      <c r="O41416" t="s">
        <v>85</v>
      </c>
      <c r="P41416" t="s">
        <v>86</v>
      </c>
      <c r="Q41416">
        <v>13</v>
      </c>
      <c r="R41416">
        <v>13</v>
      </c>
      <c r="S41416">
        <v>13</v>
      </c>
      <c r="T41416">
        <v>14</v>
      </c>
      <c r="U41416">
        <v>14</v>
      </c>
      <c r="V41416">
        <v>14</v>
      </c>
      <c r="W41416">
        <v>14</v>
      </c>
      <c r="X41416">
        <v>15</v>
      </c>
      <c r="Y41416">
        <v>15</v>
      </c>
      <c r="Z41416">
        <v>15</v>
      </c>
      <c r="AA41416">
        <v>15</v>
      </c>
      <c r="AB41416">
        <v>15</v>
      </c>
      <c r="AC41416">
        <v>15</v>
      </c>
      <c r="AD41416">
        <v>16</v>
      </c>
      <c r="AE41416">
        <v>16</v>
      </c>
      <c r="AF41416">
        <v>16</v>
      </c>
      <c r="AG41416">
        <v>16</v>
      </c>
      <c r="AH41416">
        <v>16</v>
      </c>
      <c r="AI41416">
        <v>16</v>
      </c>
      <c r="AJ41416">
        <v>16</v>
      </c>
      <c r="AK41416">
        <v>16</v>
      </c>
      <c r="AL41416">
        <v>16</v>
      </c>
      <c r="AM41416">
        <v>16</v>
      </c>
      <c r="AN41416">
        <v>16</v>
      </c>
      <c r="AO41416">
        <v>15</v>
      </c>
      <c r="AP41416">
        <v>15</v>
      </c>
      <c r="AQ41416">
        <v>15</v>
      </c>
    </row>
    <row r="41417" spans="1:43">
      <c r="A41417" t="s">
        <v>25509</v>
      </c>
      <c r="B41417" t="s">
        <v>25510</v>
      </c>
      <c r="C41417" t="s">
        <v>381</v>
      </c>
      <c r="D41417" t="s">
        <v>382</v>
      </c>
      <c r="E41417" t="s">
        <v>353</v>
      </c>
      <c r="F41417" t="s">
        <v>354</v>
      </c>
      <c r="G41417" t="s">
        <v>80</v>
      </c>
      <c r="H41417" t="s">
        <v>81</v>
      </c>
      <c r="I41417" s="2">
        <v>1</v>
      </c>
      <c r="J41417" s="2">
        <v>0</v>
      </c>
      <c r="K41417" s="2">
        <v>0</v>
      </c>
      <c r="L41417" t="s">
        <v>120</v>
      </c>
      <c r="M41417" t="s">
        <v>83</v>
      </c>
      <c r="N41417" t="s">
        <v>91</v>
      </c>
      <c r="O41417" t="s">
        <v>85</v>
      </c>
      <c r="P41417" t="s">
        <v>86</v>
      </c>
      <c r="Q41417">
        <v>13</v>
      </c>
      <c r="R41417">
        <v>13</v>
      </c>
      <c r="S41417">
        <v>13</v>
      </c>
      <c r="T41417">
        <v>13</v>
      </c>
      <c r="U41417">
        <v>13</v>
      </c>
      <c r="V41417">
        <v>14</v>
      </c>
      <c r="W41417">
        <v>14</v>
      </c>
      <c r="X41417">
        <v>14</v>
      </c>
      <c r="Y41417">
        <v>14</v>
      </c>
      <c r="Z41417">
        <v>14</v>
      </c>
      <c r="AA41417">
        <v>14</v>
      </c>
      <c r="AB41417">
        <v>14</v>
      </c>
      <c r="AC41417">
        <v>14</v>
      </c>
      <c r="AD41417">
        <v>15</v>
      </c>
      <c r="AE41417">
        <v>15</v>
      </c>
      <c r="AF41417">
        <v>15</v>
      </c>
      <c r="AG41417">
        <v>15</v>
      </c>
      <c r="AH41417">
        <v>15</v>
      </c>
      <c r="AI41417">
        <v>15</v>
      </c>
      <c r="AJ41417">
        <v>15</v>
      </c>
      <c r="AK41417">
        <v>15</v>
      </c>
      <c r="AL41417">
        <v>15</v>
      </c>
      <c r="AM41417">
        <v>15</v>
      </c>
      <c r="AN41417">
        <v>15</v>
      </c>
      <c r="AO41417">
        <v>15</v>
      </c>
      <c r="AP41417">
        <v>15</v>
      </c>
      <c r="AQ41417">
        <v>15</v>
      </c>
    </row>
    <row r="41418" spans="1:43">
      <c r="A41418" t="s">
        <v>25511</v>
      </c>
      <c r="B41418" t="s">
        <v>25512</v>
      </c>
      <c r="C41418" t="s">
        <v>381</v>
      </c>
      <c r="D41418" t="s">
        <v>382</v>
      </c>
      <c r="E41418" t="s">
        <v>353</v>
      </c>
      <c r="F41418" t="s">
        <v>354</v>
      </c>
      <c r="G41418" t="s">
        <v>80</v>
      </c>
      <c r="H41418" t="s">
        <v>81</v>
      </c>
      <c r="I41418" s="2">
        <v>1</v>
      </c>
      <c r="J41418" s="2">
        <v>0</v>
      </c>
      <c r="K41418" s="2">
        <v>0</v>
      </c>
      <c r="L41418" t="s">
        <v>120</v>
      </c>
      <c r="M41418" t="s">
        <v>83</v>
      </c>
      <c r="N41418" t="s">
        <v>84</v>
      </c>
      <c r="O41418" t="s">
        <v>85</v>
      </c>
      <c r="P41418" t="s">
        <v>86</v>
      </c>
      <c r="Q41418">
        <v>21</v>
      </c>
      <c r="R41418">
        <v>21</v>
      </c>
      <c r="S41418">
        <v>21</v>
      </c>
      <c r="T41418">
        <v>22</v>
      </c>
      <c r="U41418">
        <v>22</v>
      </c>
      <c r="V41418">
        <v>22</v>
      </c>
      <c r="W41418">
        <v>22</v>
      </c>
      <c r="X41418">
        <v>22</v>
      </c>
      <c r="Y41418">
        <v>23</v>
      </c>
      <c r="Z41418">
        <v>23</v>
      </c>
      <c r="AA41418">
        <v>23</v>
      </c>
      <c r="AB41418">
        <v>23</v>
      </c>
      <c r="AC41418">
        <v>23</v>
      </c>
      <c r="AD41418">
        <v>24</v>
      </c>
      <c r="AE41418">
        <v>24</v>
      </c>
      <c r="AF41418">
        <v>24</v>
      </c>
      <c r="AG41418">
        <v>24</v>
      </c>
      <c r="AH41418">
        <v>24</v>
      </c>
      <c r="AI41418">
        <v>25</v>
      </c>
      <c r="AJ41418">
        <v>25</v>
      </c>
      <c r="AK41418">
        <v>25</v>
      </c>
      <c r="AL41418">
        <v>25</v>
      </c>
      <c r="AM41418">
        <v>25</v>
      </c>
      <c r="AN41418">
        <v>25</v>
      </c>
      <c r="AO41418">
        <v>25</v>
      </c>
      <c r="AP41418">
        <v>25</v>
      </c>
      <c r="AQ41418">
        <v>25</v>
      </c>
    </row>
    <row r="41419" spans="1:43">
      <c r="A41419" t="s">
        <v>25511</v>
      </c>
      <c r="B41419" t="s">
        <v>25512</v>
      </c>
      <c r="C41419" t="s">
        <v>381</v>
      </c>
      <c r="D41419" t="s">
        <v>382</v>
      </c>
      <c r="E41419" t="s">
        <v>353</v>
      </c>
      <c r="F41419" t="s">
        <v>354</v>
      </c>
      <c r="G41419" t="s">
        <v>80</v>
      </c>
      <c r="H41419" t="s">
        <v>81</v>
      </c>
      <c r="I41419" s="2">
        <v>1</v>
      </c>
      <c r="J41419" s="2">
        <v>0</v>
      </c>
      <c r="K41419" s="2">
        <v>0</v>
      </c>
      <c r="L41419" t="s">
        <v>120</v>
      </c>
      <c r="M41419" t="s">
        <v>87</v>
      </c>
      <c r="N41419" t="s">
        <v>88</v>
      </c>
      <c r="O41419" t="s">
        <v>85</v>
      </c>
      <c r="P41419" t="s">
        <v>86</v>
      </c>
      <c r="Q41419">
        <v>21</v>
      </c>
      <c r="R41419">
        <v>21</v>
      </c>
      <c r="S41419">
        <v>21</v>
      </c>
      <c r="T41419">
        <v>21</v>
      </c>
      <c r="U41419">
        <v>21</v>
      </c>
      <c r="V41419">
        <v>21</v>
      </c>
      <c r="W41419">
        <v>21</v>
      </c>
      <c r="X41419">
        <v>21</v>
      </c>
      <c r="Y41419">
        <v>21</v>
      </c>
      <c r="Z41419">
        <v>21</v>
      </c>
      <c r="AA41419">
        <v>21</v>
      </c>
      <c r="AB41419">
        <v>21</v>
      </c>
      <c r="AC41419">
        <v>21</v>
      </c>
      <c r="AD41419">
        <v>21</v>
      </c>
      <c r="AE41419">
        <v>21</v>
      </c>
      <c r="AF41419">
        <v>21</v>
      </c>
      <c r="AG41419">
        <v>21</v>
      </c>
      <c r="AH41419">
        <v>21</v>
      </c>
      <c r="AI41419">
        <v>21</v>
      </c>
      <c r="AJ41419">
        <v>21</v>
      </c>
      <c r="AK41419">
        <v>21</v>
      </c>
      <c r="AL41419">
        <v>21</v>
      </c>
      <c r="AM41419">
        <v>22</v>
      </c>
      <c r="AN41419">
        <v>22</v>
      </c>
      <c r="AO41419">
        <v>22</v>
      </c>
      <c r="AP41419">
        <v>22</v>
      </c>
      <c r="AQ41419">
        <v>22</v>
      </c>
    </row>
    <row r="41420" spans="1:43">
      <c r="A41420" t="s">
        <v>25511</v>
      </c>
      <c r="B41420" t="s">
        <v>25512</v>
      </c>
      <c r="C41420" t="s">
        <v>381</v>
      </c>
      <c r="D41420" t="s">
        <v>382</v>
      </c>
      <c r="E41420" t="s">
        <v>353</v>
      </c>
      <c r="F41420" t="s">
        <v>354</v>
      </c>
      <c r="G41420" t="s">
        <v>80</v>
      </c>
      <c r="H41420" t="s">
        <v>81</v>
      </c>
      <c r="I41420" s="2">
        <v>1</v>
      </c>
      <c r="J41420" s="2">
        <v>0</v>
      </c>
      <c r="K41420" s="2">
        <v>0</v>
      </c>
      <c r="L41420" t="s">
        <v>120</v>
      </c>
      <c r="M41420" t="s">
        <v>89</v>
      </c>
      <c r="N41420" t="s">
        <v>90</v>
      </c>
      <c r="O41420" t="s">
        <v>85</v>
      </c>
      <c r="P41420" t="s">
        <v>86</v>
      </c>
      <c r="Q41420">
        <v>21</v>
      </c>
      <c r="R41420">
        <v>21</v>
      </c>
      <c r="S41420">
        <v>22</v>
      </c>
      <c r="T41420">
        <v>22</v>
      </c>
      <c r="U41420">
        <v>23</v>
      </c>
      <c r="V41420">
        <v>23</v>
      </c>
      <c r="W41420">
        <v>23</v>
      </c>
      <c r="X41420">
        <v>24</v>
      </c>
      <c r="Y41420">
        <v>24</v>
      </c>
      <c r="Z41420">
        <v>24</v>
      </c>
      <c r="AA41420">
        <v>24</v>
      </c>
      <c r="AB41420">
        <v>25</v>
      </c>
      <c r="AC41420">
        <v>25</v>
      </c>
      <c r="AD41420">
        <v>25</v>
      </c>
      <c r="AE41420">
        <v>25</v>
      </c>
      <c r="AF41420">
        <v>25</v>
      </c>
      <c r="AG41420">
        <v>25</v>
      </c>
      <c r="AH41420">
        <v>25</v>
      </c>
      <c r="AI41420">
        <v>25</v>
      </c>
      <c r="AJ41420">
        <v>25</v>
      </c>
      <c r="AK41420">
        <v>25</v>
      </c>
      <c r="AL41420">
        <v>25</v>
      </c>
      <c r="AM41420">
        <v>25</v>
      </c>
      <c r="AN41420">
        <v>25</v>
      </c>
      <c r="AO41420">
        <v>25</v>
      </c>
      <c r="AP41420">
        <v>25</v>
      </c>
      <c r="AQ41420">
        <v>25</v>
      </c>
    </row>
    <row r="41421" spans="1:43">
      <c r="A41421" t="s">
        <v>25511</v>
      </c>
      <c r="B41421" t="s">
        <v>25512</v>
      </c>
      <c r="C41421" t="s">
        <v>381</v>
      </c>
      <c r="D41421" t="s">
        <v>382</v>
      </c>
      <c r="E41421" t="s">
        <v>353</v>
      </c>
      <c r="F41421" t="s">
        <v>354</v>
      </c>
      <c r="G41421" t="s">
        <v>80</v>
      </c>
      <c r="H41421" t="s">
        <v>81</v>
      </c>
      <c r="I41421" s="2">
        <v>1</v>
      </c>
      <c r="J41421" s="2">
        <v>0</v>
      </c>
      <c r="K41421" s="2">
        <v>0</v>
      </c>
      <c r="L41421" t="s">
        <v>120</v>
      </c>
      <c r="M41421" t="s">
        <v>83</v>
      </c>
      <c r="N41421" t="s">
        <v>91</v>
      </c>
      <c r="O41421" t="s">
        <v>85</v>
      </c>
      <c r="P41421" t="s">
        <v>86</v>
      </c>
      <c r="Q41421">
        <v>21</v>
      </c>
      <c r="R41421">
        <v>21</v>
      </c>
      <c r="S41421">
        <v>21</v>
      </c>
      <c r="T41421">
        <v>22</v>
      </c>
      <c r="U41421">
        <v>22</v>
      </c>
      <c r="V41421">
        <v>22</v>
      </c>
      <c r="W41421">
        <v>22</v>
      </c>
      <c r="X41421">
        <v>22</v>
      </c>
      <c r="Y41421">
        <v>23</v>
      </c>
      <c r="Z41421">
        <v>23</v>
      </c>
      <c r="AA41421">
        <v>23</v>
      </c>
      <c r="AB41421">
        <v>23</v>
      </c>
      <c r="AC41421">
        <v>23</v>
      </c>
      <c r="AD41421">
        <v>24</v>
      </c>
      <c r="AE41421">
        <v>24</v>
      </c>
      <c r="AF41421">
        <v>24</v>
      </c>
      <c r="AG41421">
        <v>24</v>
      </c>
      <c r="AH41421">
        <v>24</v>
      </c>
      <c r="AI41421">
        <v>25</v>
      </c>
      <c r="AJ41421">
        <v>25</v>
      </c>
      <c r="AK41421">
        <v>25</v>
      </c>
      <c r="AL41421">
        <v>25</v>
      </c>
      <c r="AM41421">
        <v>25</v>
      </c>
      <c r="AN41421">
        <v>25</v>
      </c>
      <c r="AO41421">
        <v>25</v>
      </c>
      <c r="AP41421">
        <v>25</v>
      </c>
      <c r="AQ41421">
        <v>25</v>
      </c>
    </row>
    <row r="41422" spans="1:43">
      <c r="A41422" t="s">
        <v>25513</v>
      </c>
      <c r="B41422" t="s">
        <v>25514</v>
      </c>
      <c r="C41422" t="s">
        <v>25515</v>
      </c>
      <c r="D41422" t="s">
        <v>25516</v>
      </c>
      <c r="E41422" t="s">
        <v>353</v>
      </c>
      <c r="F41422" t="s">
        <v>354</v>
      </c>
      <c r="G41422" t="s">
        <v>80</v>
      </c>
      <c r="H41422" t="s">
        <v>81</v>
      </c>
      <c r="I41422" s="2">
        <v>1</v>
      </c>
      <c r="J41422" s="2">
        <v>0</v>
      </c>
      <c r="K41422" s="2">
        <v>0</v>
      </c>
      <c r="L41422" t="s">
        <v>120</v>
      </c>
      <c r="M41422" t="s">
        <v>83</v>
      </c>
      <c r="N41422" t="s">
        <v>84</v>
      </c>
      <c r="O41422" t="s">
        <v>85</v>
      </c>
      <c r="P41422" t="s">
        <v>86</v>
      </c>
      <c r="Q41422">
        <v>5</v>
      </c>
      <c r="R41422">
        <v>5</v>
      </c>
      <c r="S41422">
        <v>5</v>
      </c>
      <c r="T41422">
        <v>5</v>
      </c>
      <c r="U41422">
        <v>5</v>
      </c>
      <c r="V41422">
        <v>5</v>
      </c>
      <c r="W41422">
        <v>5</v>
      </c>
      <c r="X41422">
        <v>5</v>
      </c>
      <c r="Y41422">
        <v>6</v>
      </c>
      <c r="Z41422">
        <v>6</v>
      </c>
      <c r="AA41422">
        <v>6</v>
      </c>
      <c r="AB41422">
        <v>6</v>
      </c>
      <c r="AC41422">
        <v>6</v>
      </c>
      <c r="AD41422">
        <v>6</v>
      </c>
      <c r="AE41422">
        <v>6</v>
      </c>
      <c r="AF41422">
        <v>6</v>
      </c>
      <c r="AG41422">
        <v>6</v>
      </c>
      <c r="AH41422">
        <v>6</v>
      </c>
      <c r="AI41422">
        <v>6</v>
      </c>
      <c r="AJ41422">
        <v>6</v>
      </c>
      <c r="AK41422">
        <v>6</v>
      </c>
      <c r="AL41422">
        <v>6</v>
      </c>
      <c r="AM41422">
        <v>6</v>
      </c>
      <c r="AN41422">
        <v>6</v>
      </c>
      <c r="AO41422">
        <v>6</v>
      </c>
      <c r="AP41422">
        <v>6</v>
      </c>
      <c r="AQ41422">
        <v>6</v>
      </c>
    </row>
    <row r="41423" spans="1:43">
      <c r="A41423" t="s">
        <v>25513</v>
      </c>
      <c r="B41423" t="s">
        <v>25514</v>
      </c>
      <c r="C41423" t="s">
        <v>25515</v>
      </c>
      <c r="D41423" t="s">
        <v>25516</v>
      </c>
      <c r="E41423" t="s">
        <v>353</v>
      </c>
      <c r="F41423" t="s">
        <v>354</v>
      </c>
      <c r="G41423" t="s">
        <v>80</v>
      </c>
      <c r="H41423" t="s">
        <v>81</v>
      </c>
      <c r="I41423" s="2">
        <v>1</v>
      </c>
      <c r="J41423" s="2">
        <v>0</v>
      </c>
      <c r="K41423" s="2">
        <v>0</v>
      </c>
      <c r="L41423" t="s">
        <v>120</v>
      </c>
      <c r="M41423" t="s">
        <v>87</v>
      </c>
      <c r="N41423" t="s">
        <v>88</v>
      </c>
      <c r="O41423" t="s">
        <v>85</v>
      </c>
      <c r="P41423" t="s">
        <v>86</v>
      </c>
      <c r="Q41423">
        <v>5</v>
      </c>
      <c r="R41423">
        <v>5</v>
      </c>
      <c r="S41423">
        <v>5</v>
      </c>
      <c r="T41423">
        <v>5</v>
      </c>
      <c r="U41423">
        <v>5</v>
      </c>
      <c r="V41423">
        <v>5</v>
      </c>
      <c r="W41423">
        <v>5</v>
      </c>
      <c r="X41423">
        <v>5</v>
      </c>
      <c r="Y41423">
        <v>5</v>
      </c>
      <c r="Z41423">
        <v>5</v>
      </c>
      <c r="AA41423">
        <v>5</v>
      </c>
      <c r="AB41423">
        <v>5</v>
      </c>
      <c r="AC41423">
        <v>5</v>
      </c>
      <c r="AD41423">
        <v>5</v>
      </c>
      <c r="AE41423">
        <v>5</v>
      </c>
      <c r="AF41423">
        <v>5</v>
      </c>
      <c r="AG41423">
        <v>5</v>
      </c>
      <c r="AH41423">
        <v>5</v>
      </c>
      <c r="AI41423">
        <v>5</v>
      </c>
      <c r="AJ41423">
        <v>5</v>
      </c>
      <c r="AK41423">
        <v>5</v>
      </c>
      <c r="AL41423">
        <v>5</v>
      </c>
      <c r="AM41423">
        <v>5</v>
      </c>
      <c r="AN41423">
        <v>5</v>
      </c>
      <c r="AO41423">
        <v>5</v>
      </c>
      <c r="AP41423">
        <v>5</v>
      </c>
      <c r="AQ41423">
        <v>5</v>
      </c>
    </row>
    <row r="41424" spans="1:43">
      <c r="A41424" t="s">
        <v>25513</v>
      </c>
      <c r="B41424" t="s">
        <v>25514</v>
      </c>
      <c r="C41424" t="s">
        <v>25515</v>
      </c>
      <c r="D41424" t="s">
        <v>25516</v>
      </c>
      <c r="E41424" t="s">
        <v>353</v>
      </c>
      <c r="F41424" t="s">
        <v>354</v>
      </c>
      <c r="G41424" t="s">
        <v>80</v>
      </c>
      <c r="H41424" t="s">
        <v>81</v>
      </c>
      <c r="I41424" s="2">
        <v>1</v>
      </c>
      <c r="J41424" s="2">
        <v>0</v>
      </c>
      <c r="K41424" s="2">
        <v>0</v>
      </c>
      <c r="L41424" t="s">
        <v>120</v>
      </c>
      <c r="M41424" t="s">
        <v>89</v>
      </c>
      <c r="N41424" t="s">
        <v>90</v>
      </c>
      <c r="O41424" t="s">
        <v>85</v>
      </c>
      <c r="P41424" t="s">
        <v>86</v>
      </c>
      <c r="Q41424">
        <v>5</v>
      </c>
      <c r="R41424">
        <v>5</v>
      </c>
      <c r="S41424">
        <v>5</v>
      </c>
      <c r="T41424">
        <v>5</v>
      </c>
      <c r="U41424">
        <v>6</v>
      </c>
      <c r="V41424">
        <v>6</v>
      </c>
      <c r="W41424">
        <v>6</v>
      </c>
      <c r="X41424">
        <v>6</v>
      </c>
      <c r="Y41424">
        <v>6</v>
      </c>
      <c r="Z41424">
        <v>6</v>
      </c>
      <c r="AA41424">
        <v>6</v>
      </c>
      <c r="AB41424">
        <v>6</v>
      </c>
      <c r="AC41424">
        <v>6</v>
      </c>
      <c r="AD41424">
        <v>6</v>
      </c>
      <c r="AE41424">
        <v>6</v>
      </c>
      <c r="AF41424">
        <v>6</v>
      </c>
      <c r="AG41424">
        <v>6</v>
      </c>
      <c r="AH41424">
        <v>6</v>
      </c>
      <c r="AI41424">
        <v>6</v>
      </c>
      <c r="AJ41424">
        <v>6</v>
      </c>
      <c r="AK41424">
        <v>6</v>
      </c>
      <c r="AL41424">
        <v>6</v>
      </c>
      <c r="AM41424">
        <v>6</v>
      </c>
      <c r="AN41424">
        <v>6</v>
      </c>
      <c r="AO41424">
        <v>6</v>
      </c>
      <c r="AP41424">
        <v>6</v>
      </c>
      <c r="AQ41424">
        <v>6</v>
      </c>
    </row>
    <row r="41425" spans="1:43">
      <c r="A41425" t="s">
        <v>25513</v>
      </c>
      <c r="B41425" t="s">
        <v>25514</v>
      </c>
      <c r="C41425" t="s">
        <v>25515</v>
      </c>
      <c r="D41425" t="s">
        <v>25516</v>
      </c>
      <c r="E41425" t="s">
        <v>353</v>
      </c>
      <c r="F41425" t="s">
        <v>354</v>
      </c>
      <c r="G41425" t="s">
        <v>80</v>
      </c>
      <c r="H41425" t="s">
        <v>81</v>
      </c>
      <c r="I41425" s="2">
        <v>1</v>
      </c>
      <c r="J41425" s="2">
        <v>0</v>
      </c>
      <c r="K41425" s="2">
        <v>0</v>
      </c>
      <c r="L41425" t="s">
        <v>120</v>
      </c>
      <c r="M41425" t="s">
        <v>83</v>
      </c>
      <c r="N41425" t="s">
        <v>91</v>
      </c>
      <c r="O41425" t="s">
        <v>85</v>
      </c>
      <c r="P41425" t="s">
        <v>86</v>
      </c>
      <c r="Q41425">
        <v>5</v>
      </c>
      <c r="R41425">
        <v>5</v>
      </c>
      <c r="S41425">
        <v>5</v>
      </c>
      <c r="T41425">
        <v>5</v>
      </c>
      <c r="U41425">
        <v>5</v>
      </c>
      <c r="V41425">
        <v>5</v>
      </c>
      <c r="W41425">
        <v>5</v>
      </c>
      <c r="X41425">
        <v>5</v>
      </c>
      <c r="Y41425">
        <v>6</v>
      </c>
      <c r="Z41425">
        <v>6</v>
      </c>
      <c r="AA41425">
        <v>6</v>
      </c>
      <c r="AB41425">
        <v>6</v>
      </c>
      <c r="AC41425">
        <v>6</v>
      </c>
      <c r="AD41425">
        <v>6</v>
      </c>
      <c r="AE41425">
        <v>6</v>
      </c>
      <c r="AF41425">
        <v>6</v>
      </c>
      <c r="AG41425">
        <v>6</v>
      </c>
      <c r="AH41425">
        <v>6</v>
      </c>
      <c r="AI41425">
        <v>6</v>
      </c>
      <c r="AJ41425">
        <v>6</v>
      </c>
      <c r="AK41425">
        <v>6</v>
      </c>
      <c r="AL41425">
        <v>6</v>
      </c>
      <c r="AM41425">
        <v>6</v>
      </c>
      <c r="AN41425">
        <v>6</v>
      </c>
      <c r="AO41425">
        <v>6</v>
      </c>
      <c r="AP41425">
        <v>6</v>
      </c>
      <c r="AQ41425">
        <v>6</v>
      </c>
    </row>
    <row r="41426" spans="1:43">
      <c r="A41426" t="s">
        <v>25517</v>
      </c>
      <c r="B41426" t="s">
        <v>25518</v>
      </c>
      <c r="C41426" t="s">
        <v>25515</v>
      </c>
      <c r="D41426" t="s">
        <v>25516</v>
      </c>
      <c r="E41426" t="s">
        <v>353</v>
      </c>
      <c r="F41426" t="s">
        <v>354</v>
      </c>
      <c r="G41426" t="s">
        <v>80</v>
      </c>
      <c r="H41426" t="s">
        <v>81</v>
      </c>
      <c r="I41426" s="2">
        <v>1</v>
      </c>
      <c r="J41426" s="2">
        <v>0</v>
      </c>
      <c r="K41426" s="2">
        <v>0</v>
      </c>
      <c r="L41426" t="s">
        <v>120</v>
      </c>
      <c r="M41426" t="s">
        <v>83</v>
      </c>
      <c r="N41426" t="s">
        <v>84</v>
      </c>
      <c r="O41426" t="s">
        <v>85</v>
      </c>
      <c r="P41426" t="s">
        <v>86</v>
      </c>
      <c r="Q41426">
        <v>32</v>
      </c>
      <c r="R41426">
        <v>32</v>
      </c>
      <c r="S41426">
        <v>32</v>
      </c>
      <c r="T41426">
        <v>33</v>
      </c>
      <c r="U41426">
        <v>33</v>
      </c>
      <c r="V41426">
        <v>33</v>
      </c>
      <c r="W41426">
        <v>34</v>
      </c>
      <c r="X41426">
        <v>34</v>
      </c>
      <c r="Y41426">
        <v>34</v>
      </c>
      <c r="Z41426">
        <v>35</v>
      </c>
      <c r="AA41426">
        <v>35</v>
      </c>
      <c r="AB41426">
        <v>35</v>
      </c>
      <c r="AC41426">
        <v>35</v>
      </c>
      <c r="AD41426">
        <v>36</v>
      </c>
      <c r="AE41426">
        <v>36</v>
      </c>
      <c r="AF41426">
        <v>36</v>
      </c>
      <c r="AG41426">
        <v>37</v>
      </c>
      <c r="AH41426">
        <v>37</v>
      </c>
      <c r="AI41426">
        <v>37</v>
      </c>
      <c r="AJ41426">
        <v>37</v>
      </c>
      <c r="AK41426">
        <v>38</v>
      </c>
      <c r="AL41426">
        <v>38</v>
      </c>
      <c r="AM41426">
        <v>37</v>
      </c>
      <c r="AN41426">
        <v>37</v>
      </c>
      <c r="AO41426">
        <v>37</v>
      </c>
      <c r="AP41426">
        <v>37</v>
      </c>
      <c r="AQ41426">
        <v>37</v>
      </c>
    </row>
    <row r="41427" spans="1:43">
      <c r="A41427" t="s">
        <v>25517</v>
      </c>
      <c r="B41427" t="s">
        <v>25518</v>
      </c>
      <c r="C41427" t="s">
        <v>25515</v>
      </c>
      <c r="D41427" t="s">
        <v>25516</v>
      </c>
      <c r="E41427" t="s">
        <v>353</v>
      </c>
      <c r="F41427" t="s">
        <v>354</v>
      </c>
      <c r="G41427" t="s">
        <v>80</v>
      </c>
      <c r="H41427" t="s">
        <v>81</v>
      </c>
      <c r="I41427" s="2">
        <v>1</v>
      </c>
      <c r="J41427" s="2">
        <v>0</v>
      </c>
      <c r="K41427" s="2">
        <v>0</v>
      </c>
      <c r="L41427" t="s">
        <v>120</v>
      </c>
      <c r="M41427" t="s">
        <v>87</v>
      </c>
      <c r="N41427" t="s">
        <v>88</v>
      </c>
      <c r="O41427" t="s">
        <v>85</v>
      </c>
      <c r="P41427" t="s">
        <v>86</v>
      </c>
      <c r="Q41427">
        <v>32</v>
      </c>
      <c r="R41427">
        <v>32</v>
      </c>
      <c r="S41427">
        <v>32</v>
      </c>
      <c r="T41427">
        <v>32</v>
      </c>
      <c r="U41427">
        <v>33</v>
      </c>
      <c r="V41427">
        <v>33</v>
      </c>
      <c r="W41427">
        <v>33</v>
      </c>
      <c r="X41427">
        <v>33</v>
      </c>
      <c r="Y41427">
        <v>33</v>
      </c>
      <c r="Z41427">
        <v>33</v>
      </c>
      <c r="AA41427">
        <v>33</v>
      </c>
      <c r="AB41427">
        <v>33</v>
      </c>
      <c r="AC41427">
        <v>33</v>
      </c>
      <c r="AD41427">
        <v>33</v>
      </c>
      <c r="AE41427">
        <v>33</v>
      </c>
      <c r="AF41427">
        <v>33</v>
      </c>
      <c r="AG41427">
        <v>33</v>
      </c>
      <c r="AH41427">
        <v>33</v>
      </c>
      <c r="AI41427">
        <v>33</v>
      </c>
      <c r="AJ41427">
        <v>33</v>
      </c>
      <c r="AK41427">
        <v>33</v>
      </c>
      <c r="AL41427">
        <v>33</v>
      </c>
      <c r="AM41427">
        <v>33</v>
      </c>
      <c r="AN41427">
        <v>33</v>
      </c>
      <c r="AO41427">
        <v>33</v>
      </c>
      <c r="AP41427">
        <v>33</v>
      </c>
      <c r="AQ41427">
        <v>33</v>
      </c>
    </row>
    <row r="41428" spans="1:43">
      <c r="A41428" t="s">
        <v>25517</v>
      </c>
      <c r="B41428" t="s">
        <v>25518</v>
      </c>
      <c r="C41428" t="s">
        <v>25515</v>
      </c>
      <c r="D41428" t="s">
        <v>25516</v>
      </c>
      <c r="E41428" t="s">
        <v>353</v>
      </c>
      <c r="F41428" t="s">
        <v>354</v>
      </c>
      <c r="G41428" t="s">
        <v>80</v>
      </c>
      <c r="H41428" t="s">
        <v>81</v>
      </c>
      <c r="I41428" s="2">
        <v>1</v>
      </c>
      <c r="J41428" s="2">
        <v>0</v>
      </c>
      <c r="K41428" s="2">
        <v>0</v>
      </c>
      <c r="L41428" t="s">
        <v>120</v>
      </c>
      <c r="M41428" t="s">
        <v>89</v>
      </c>
      <c r="N41428" t="s">
        <v>90</v>
      </c>
      <c r="O41428" t="s">
        <v>85</v>
      </c>
      <c r="P41428" t="s">
        <v>86</v>
      </c>
      <c r="Q41428">
        <v>32</v>
      </c>
      <c r="R41428">
        <v>32</v>
      </c>
      <c r="S41428">
        <v>33</v>
      </c>
      <c r="T41428">
        <v>34</v>
      </c>
      <c r="U41428">
        <v>34</v>
      </c>
      <c r="V41428">
        <v>35</v>
      </c>
      <c r="W41428">
        <v>35</v>
      </c>
      <c r="X41428">
        <v>36</v>
      </c>
      <c r="Y41428">
        <v>36</v>
      </c>
      <c r="Z41428">
        <v>37</v>
      </c>
      <c r="AA41428">
        <v>37</v>
      </c>
      <c r="AB41428">
        <v>38</v>
      </c>
      <c r="AC41428">
        <v>38</v>
      </c>
      <c r="AD41428">
        <v>38</v>
      </c>
      <c r="AE41428">
        <v>39</v>
      </c>
      <c r="AF41428">
        <v>38</v>
      </c>
      <c r="AG41428">
        <v>38</v>
      </c>
      <c r="AH41428">
        <v>38</v>
      </c>
      <c r="AI41428">
        <v>38</v>
      </c>
      <c r="AJ41428">
        <v>38</v>
      </c>
      <c r="AK41428">
        <v>38</v>
      </c>
      <c r="AL41428">
        <v>38</v>
      </c>
      <c r="AM41428">
        <v>38</v>
      </c>
      <c r="AN41428">
        <v>38</v>
      </c>
      <c r="AO41428">
        <v>38</v>
      </c>
      <c r="AP41428">
        <v>38</v>
      </c>
      <c r="AQ41428">
        <v>37</v>
      </c>
    </row>
    <row r="41429" spans="1:43">
      <c r="A41429" t="s">
        <v>25517</v>
      </c>
      <c r="B41429" t="s">
        <v>25518</v>
      </c>
      <c r="C41429" t="s">
        <v>25515</v>
      </c>
      <c r="D41429" t="s">
        <v>25516</v>
      </c>
      <c r="E41429" t="s">
        <v>353</v>
      </c>
      <c r="F41429" t="s">
        <v>354</v>
      </c>
      <c r="G41429" t="s">
        <v>80</v>
      </c>
      <c r="H41429" t="s">
        <v>81</v>
      </c>
      <c r="I41429" s="2">
        <v>1</v>
      </c>
      <c r="J41429" s="2">
        <v>0</v>
      </c>
      <c r="K41429" s="2">
        <v>0</v>
      </c>
      <c r="L41429" t="s">
        <v>120</v>
      </c>
      <c r="M41429" t="s">
        <v>83</v>
      </c>
      <c r="N41429" t="s">
        <v>91</v>
      </c>
      <c r="O41429" t="s">
        <v>85</v>
      </c>
      <c r="P41429" t="s">
        <v>86</v>
      </c>
      <c r="Q41429">
        <v>32</v>
      </c>
      <c r="R41429">
        <v>32</v>
      </c>
      <c r="S41429">
        <v>32</v>
      </c>
      <c r="T41429">
        <v>33</v>
      </c>
      <c r="U41429">
        <v>33</v>
      </c>
      <c r="V41429">
        <v>33</v>
      </c>
      <c r="W41429">
        <v>34</v>
      </c>
      <c r="X41429">
        <v>34</v>
      </c>
      <c r="Y41429">
        <v>34</v>
      </c>
      <c r="Z41429">
        <v>35</v>
      </c>
      <c r="AA41429">
        <v>35</v>
      </c>
      <c r="AB41429">
        <v>35</v>
      </c>
      <c r="AC41429">
        <v>35</v>
      </c>
      <c r="AD41429">
        <v>36</v>
      </c>
      <c r="AE41429">
        <v>36</v>
      </c>
      <c r="AF41429">
        <v>36</v>
      </c>
      <c r="AG41429">
        <v>37</v>
      </c>
      <c r="AH41429">
        <v>37</v>
      </c>
      <c r="AI41429">
        <v>37</v>
      </c>
      <c r="AJ41429">
        <v>37</v>
      </c>
      <c r="AK41429">
        <v>38</v>
      </c>
      <c r="AL41429">
        <v>38</v>
      </c>
      <c r="AM41429">
        <v>37</v>
      </c>
      <c r="AN41429">
        <v>37</v>
      </c>
      <c r="AO41429">
        <v>37</v>
      </c>
      <c r="AP41429">
        <v>37</v>
      </c>
      <c r="AQ41429">
        <v>37</v>
      </c>
    </row>
    <row r="41430" spans="1:43">
      <c r="A41430" t="s">
        <v>25519</v>
      </c>
      <c r="B41430" t="s">
        <v>25520</v>
      </c>
      <c r="C41430" t="s">
        <v>25515</v>
      </c>
      <c r="D41430" t="s">
        <v>25516</v>
      </c>
      <c r="E41430" t="s">
        <v>353</v>
      </c>
      <c r="F41430" t="s">
        <v>354</v>
      </c>
      <c r="G41430" t="s">
        <v>80</v>
      </c>
      <c r="H41430" t="s">
        <v>81</v>
      </c>
      <c r="I41430" s="2">
        <v>1</v>
      </c>
      <c r="J41430" s="2">
        <v>0</v>
      </c>
      <c r="K41430" s="2">
        <v>0</v>
      </c>
      <c r="L41430" t="s">
        <v>120</v>
      </c>
      <c r="M41430" t="s">
        <v>83</v>
      </c>
      <c r="N41430" t="s">
        <v>84</v>
      </c>
      <c r="O41430" t="s">
        <v>85</v>
      </c>
      <c r="P41430" t="s">
        <v>86</v>
      </c>
      <c r="Q41430">
        <v>3</v>
      </c>
      <c r="R41430">
        <v>3</v>
      </c>
      <c r="S41430">
        <v>3</v>
      </c>
      <c r="T41430">
        <v>3</v>
      </c>
      <c r="U41430">
        <v>3</v>
      </c>
      <c r="V41430">
        <v>4</v>
      </c>
      <c r="W41430">
        <v>4</v>
      </c>
      <c r="X41430">
        <v>4</v>
      </c>
      <c r="Y41430">
        <v>4</v>
      </c>
      <c r="Z41430">
        <v>4</v>
      </c>
      <c r="AA41430">
        <v>4</v>
      </c>
      <c r="AB41430">
        <v>4</v>
      </c>
      <c r="AC41430">
        <v>4</v>
      </c>
      <c r="AD41430">
        <v>4</v>
      </c>
      <c r="AE41430">
        <v>4</v>
      </c>
      <c r="AF41430">
        <v>4</v>
      </c>
      <c r="AG41430">
        <v>4</v>
      </c>
      <c r="AH41430">
        <v>4</v>
      </c>
      <c r="AI41430">
        <v>4</v>
      </c>
      <c r="AJ41430">
        <v>4</v>
      </c>
      <c r="AK41430">
        <v>4</v>
      </c>
      <c r="AL41430">
        <v>4</v>
      </c>
      <c r="AM41430">
        <v>4</v>
      </c>
      <c r="AN41430">
        <v>4</v>
      </c>
      <c r="AO41430">
        <v>4</v>
      </c>
      <c r="AP41430">
        <v>4</v>
      </c>
      <c r="AQ41430">
        <v>4</v>
      </c>
    </row>
    <row r="41431" spans="1:43">
      <c r="A41431" t="s">
        <v>25519</v>
      </c>
      <c r="B41431" t="s">
        <v>25520</v>
      </c>
      <c r="C41431" t="s">
        <v>25515</v>
      </c>
      <c r="D41431" t="s">
        <v>25516</v>
      </c>
      <c r="E41431" t="s">
        <v>353</v>
      </c>
      <c r="F41431" t="s">
        <v>354</v>
      </c>
      <c r="G41431" t="s">
        <v>80</v>
      </c>
      <c r="H41431" t="s">
        <v>81</v>
      </c>
      <c r="I41431" s="2">
        <v>1</v>
      </c>
      <c r="J41431" s="2">
        <v>0</v>
      </c>
      <c r="K41431" s="2">
        <v>0</v>
      </c>
      <c r="L41431" t="s">
        <v>120</v>
      </c>
      <c r="M41431" t="s">
        <v>87</v>
      </c>
      <c r="N41431" t="s">
        <v>88</v>
      </c>
      <c r="O41431" t="s">
        <v>85</v>
      </c>
      <c r="P41431" t="s">
        <v>86</v>
      </c>
      <c r="Q41431">
        <v>3</v>
      </c>
      <c r="R41431">
        <v>3</v>
      </c>
      <c r="S41431">
        <v>3</v>
      </c>
      <c r="T41431">
        <v>3</v>
      </c>
      <c r="U41431">
        <v>3</v>
      </c>
      <c r="V41431">
        <v>3</v>
      </c>
      <c r="W41431">
        <v>3</v>
      </c>
      <c r="X41431">
        <v>3</v>
      </c>
      <c r="Y41431">
        <v>3</v>
      </c>
      <c r="Z41431">
        <v>3</v>
      </c>
      <c r="AA41431">
        <v>3</v>
      </c>
      <c r="AB41431">
        <v>3</v>
      </c>
      <c r="AC41431">
        <v>3</v>
      </c>
      <c r="AD41431">
        <v>3</v>
      </c>
      <c r="AE41431">
        <v>3</v>
      </c>
      <c r="AF41431">
        <v>3</v>
      </c>
      <c r="AG41431">
        <v>3</v>
      </c>
      <c r="AH41431">
        <v>3</v>
      </c>
      <c r="AI41431">
        <v>3</v>
      </c>
      <c r="AJ41431">
        <v>3</v>
      </c>
      <c r="AK41431">
        <v>3</v>
      </c>
      <c r="AL41431">
        <v>3</v>
      </c>
      <c r="AM41431">
        <v>3</v>
      </c>
      <c r="AN41431">
        <v>3</v>
      </c>
      <c r="AO41431">
        <v>3</v>
      </c>
      <c r="AP41431">
        <v>3</v>
      </c>
      <c r="AQ41431">
        <v>3</v>
      </c>
    </row>
    <row r="41432" spans="1:43">
      <c r="A41432" t="s">
        <v>25519</v>
      </c>
      <c r="B41432" t="s">
        <v>25520</v>
      </c>
      <c r="C41432" t="s">
        <v>25515</v>
      </c>
      <c r="D41432" t="s">
        <v>25516</v>
      </c>
      <c r="E41432" t="s">
        <v>353</v>
      </c>
      <c r="F41432" t="s">
        <v>354</v>
      </c>
      <c r="G41432" t="s">
        <v>80</v>
      </c>
      <c r="H41432" t="s">
        <v>81</v>
      </c>
      <c r="I41432" s="2">
        <v>1</v>
      </c>
      <c r="J41432" s="2">
        <v>0</v>
      </c>
      <c r="K41432" s="2">
        <v>0</v>
      </c>
      <c r="L41432" t="s">
        <v>120</v>
      </c>
      <c r="M41432" t="s">
        <v>89</v>
      </c>
      <c r="N41432" t="s">
        <v>90</v>
      </c>
      <c r="O41432" t="s">
        <v>85</v>
      </c>
      <c r="P41432" t="s">
        <v>86</v>
      </c>
      <c r="Q41432">
        <v>3</v>
      </c>
      <c r="R41432">
        <v>3</v>
      </c>
      <c r="S41432">
        <v>3</v>
      </c>
      <c r="T41432">
        <v>4</v>
      </c>
      <c r="U41432">
        <v>4</v>
      </c>
      <c r="V41432">
        <v>4</v>
      </c>
      <c r="W41432">
        <v>4</v>
      </c>
      <c r="X41432">
        <v>4</v>
      </c>
      <c r="Y41432">
        <v>4</v>
      </c>
      <c r="Z41432">
        <v>4</v>
      </c>
      <c r="AA41432">
        <v>4</v>
      </c>
      <c r="AB41432">
        <v>4</v>
      </c>
      <c r="AC41432">
        <v>4</v>
      </c>
      <c r="AD41432">
        <v>4</v>
      </c>
      <c r="AE41432">
        <v>4</v>
      </c>
      <c r="AF41432">
        <v>4</v>
      </c>
      <c r="AG41432">
        <v>4</v>
      </c>
      <c r="AH41432">
        <v>4</v>
      </c>
      <c r="AI41432">
        <v>4</v>
      </c>
      <c r="AJ41432">
        <v>4</v>
      </c>
      <c r="AK41432">
        <v>4</v>
      </c>
      <c r="AL41432">
        <v>4</v>
      </c>
      <c r="AM41432">
        <v>4</v>
      </c>
      <c r="AN41432">
        <v>4</v>
      </c>
      <c r="AO41432">
        <v>4</v>
      </c>
      <c r="AP41432">
        <v>4</v>
      </c>
      <c r="AQ41432">
        <v>4</v>
      </c>
    </row>
    <row r="41433" spans="1:43">
      <c r="A41433" t="s">
        <v>25519</v>
      </c>
      <c r="B41433" t="s">
        <v>25520</v>
      </c>
      <c r="C41433" t="s">
        <v>25515</v>
      </c>
      <c r="D41433" t="s">
        <v>25516</v>
      </c>
      <c r="E41433" t="s">
        <v>353</v>
      </c>
      <c r="F41433" t="s">
        <v>354</v>
      </c>
      <c r="G41433" t="s">
        <v>80</v>
      </c>
      <c r="H41433" t="s">
        <v>81</v>
      </c>
      <c r="I41433" s="2">
        <v>1</v>
      </c>
      <c r="J41433" s="2">
        <v>0</v>
      </c>
      <c r="K41433" s="2">
        <v>0</v>
      </c>
      <c r="L41433" t="s">
        <v>120</v>
      </c>
      <c r="M41433" t="s">
        <v>83</v>
      </c>
      <c r="N41433" t="s">
        <v>91</v>
      </c>
      <c r="O41433" t="s">
        <v>85</v>
      </c>
      <c r="P41433" t="s">
        <v>86</v>
      </c>
      <c r="Q41433">
        <v>3</v>
      </c>
      <c r="R41433">
        <v>3</v>
      </c>
      <c r="S41433">
        <v>3</v>
      </c>
      <c r="T41433">
        <v>3</v>
      </c>
      <c r="U41433">
        <v>3</v>
      </c>
      <c r="V41433">
        <v>4</v>
      </c>
      <c r="W41433">
        <v>4</v>
      </c>
      <c r="X41433">
        <v>4</v>
      </c>
      <c r="Y41433">
        <v>4</v>
      </c>
      <c r="Z41433">
        <v>4</v>
      </c>
      <c r="AA41433">
        <v>4</v>
      </c>
      <c r="AB41433">
        <v>4</v>
      </c>
      <c r="AC41433">
        <v>4</v>
      </c>
      <c r="AD41433">
        <v>4</v>
      </c>
      <c r="AE41433">
        <v>4</v>
      </c>
      <c r="AF41433">
        <v>4</v>
      </c>
      <c r="AG41433">
        <v>4</v>
      </c>
      <c r="AH41433">
        <v>4</v>
      </c>
      <c r="AI41433">
        <v>4</v>
      </c>
      <c r="AJ41433">
        <v>4</v>
      </c>
      <c r="AK41433">
        <v>4</v>
      </c>
      <c r="AL41433">
        <v>4</v>
      </c>
      <c r="AM41433">
        <v>4</v>
      </c>
      <c r="AN41433">
        <v>4</v>
      </c>
      <c r="AO41433">
        <v>4</v>
      </c>
      <c r="AP41433">
        <v>4</v>
      </c>
      <c r="AQ41433">
        <v>4</v>
      </c>
    </row>
    <row r="41434" spans="1:43">
      <c r="A41434" t="s">
        <v>25521</v>
      </c>
      <c r="B41434" t="s">
        <v>25522</v>
      </c>
      <c r="C41434" t="s">
        <v>25515</v>
      </c>
      <c r="D41434" t="s">
        <v>25516</v>
      </c>
      <c r="E41434" t="s">
        <v>353</v>
      </c>
      <c r="F41434" t="s">
        <v>354</v>
      </c>
      <c r="G41434" t="s">
        <v>80</v>
      </c>
      <c r="H41434" t="s">
        <v>81</v>
      </c>
      <c r="I41434" s="2">
        <v>1</v>
      </c>
      <c r="J41434" s="2">
        <v>0</v>
      </c>
      <c r="K41434" s="2">
        <v>0</v>
      </c>
      <c r="L41434" t="s">
        <v>120</v>
      </c>
      <c r="M41434" t="s">
        <v>83</v>
      </c>
      <c r="N41434" t="s">
        <v>84</v>
      </c>
      <c r="O41434" t="s">
        <v>85</v>
      </c>
      <c r="P41434" t="s">
        <v>86</v>
      </c>
      <c r="Q41434">
        <v>19</v>
      </c>
      <c r="R41434">
        <v>19</v>
      </c>
      <c r="S41434">
        <v>19</v>
      </c>
      <c r="T41434">
        <v>19</v>
      </c>
      <c r="U41434">
        <v>20</v>
      </c>
      <c r="V41434">
        <v>20</v>
      </c>
      <c r="W41434">
        <v>20</v>
      </c>
      <c r="X41434">
        <v>20</v>
      </c>
      <c r="Y41434">
        <v>20</v>
      </c>
      <c r="Z41434">
        <v>21</v>
      </c>
      <c r="AA41434">
        <v>21</v>
      </c>
      <c r="AB41434">
        <v>21</v>
      </c>
      <c r="AC41434">
        <v>21</v>
      </c>
      <c r="AD41434">
        <v>21</v>
      </c>
      <c r="AE41434">
        <v>21</v>
      </c>
      <c r="AF41434">
        <v>22</v>
      </c>
      <c r="AG41434">
        <v>22</v>
      </c>
      <c r="AH41434">
        <v>22</v>
      </c>
      <c r="AI41434">
        <v>22</v>
      </c>
      <c r="AJ41434">
        <v>22</v>
      </c>
      <c r="AK41434">
        <v>22</v>
      </c>
      <c r="AL41434">
        <v>22</v>
      </c>
      <c r="AM41434">
        <v>22</v>
      </c>
      <c r="AN41434">
        <v>22</v>
      </c>
      <c r="AO41434">
        <v>22</v>
      </c>
      <c r="AP41434">
        <v>22</v>
      </c>
      <c r="AQ41434">
        <v>22</v>
      </c>
    </row>
    <row r="41435" spans="1:43">
      <c r="A41435" t="s">
        <v>25521</v>
      </c>
      <c r="B41435" t="s">
        <v>25522</v>
      </c>
      <c r="C41435" t="s">
        <v>25515</v>
      </c>
      <c r="D41435" t="s">
        <v>25516</v>
      </c>
      <c r="E41435" t="s">
        <v>353</v>
      </c>
      <c r="F41435" t="s">
        <v>354</v>
      </c>
      <c r="G41435" t="s">
        <v>80</v>
      </c>
      <c r="H41435" t="s">
        <v>81</v>
      </c>
      <c r="I41435" s="2">
        <v>1</v>
      </c>
      <c r="J41435" s="2">
        <v>0</v>
      </c>
      <c r="K41435" s="2">
        <v>0</v>
      </c>
      <c r="L41435" t="s">
        <v>120</v>
      </c>
      <c r="M41435" t="s">
        <v>87</v>
      </c>
      <c r="N41435" t="s">
        <v>88</v>
      </c>
      <c r="O41435" t="s">
        <v>85</v>
      </c>
      <c r="P41435" t="s">
        <v>86</v>
      </c>
      <c r="Q41435">
        <v>19</v>
      </c>
      <c r="R41435">
        <v>19</v>
      </c>
      <c r="S41435">
        <v>19</v>
      </c>
      <c r="T41435">
        <v>19</v>
      </c>
      <c r="U41435">
        <v>19</v>
      </c>
      <c r="V41435">
        <v>19</v>
      </c>
      <c r="W41435">
        <v>19</v>
      </c>
      <c r="X41435">
        <v>19</v>
      </c>
      <c r="Y41435">
        <v>19</v>
      </c>
      <c r="Z41435">
        <v>19</v>
      </c>
      <c r="AA41435">
        <v>19</v>
      </c>
      <c r="AB41435">
        <v>19</v>
      </c>
      <c r="AC41435">
        <v>19</v>
      </c>
      <c r="AD41435">
        <v>19</v>
      </c>
      <c r="AE41435">
        <v>19</v>
      </c>
      <c r="AF41435">
        <v>19</v>
      </c>
      <c r="AG41435">
        <v>19</v>
      </c>
      <c r="AH41435">
        <v>19</v>
      </c>
      <c r="AI41435">
        <v>19</v>
      </c>
      <c r="AJ41435">
        <v>19</v>
      </c>
      <c r="AK41435">
        <v>19</v>
      </c>
      <c r="AL41435">
        <v>19</v>
      </c>
      <c r="AM41435">
        <v>19</v>
      </c>
      <c r="AN41435">
        <v>19</v>
      </c>
      <c r="AO41435">
        <v>19</v>
      </c>
      <c r="AP41435">
        <v>19</v>
      </c>
      <c r="AQ41435">
        <v>19</v>
      </c>
    </row>
    <row r="41436" spans="1:43">
      <c r="A41436" t="s">
        <v>25521</v>
      </c>
      <c r="B41436" t="s">
        <v>25522</v>
      </c>
      <c r="C41436" t="s">
        <v>25515</v>
      </c>
      <c r="D41436" t="s">
        <v>25516</v>
      </c>
      <c r="E41436" t="s">
        <v>353</v>
      </c>
      <c r="F41436" t="s">
        <v>354</v>
      </c>
      <c r="G41436" t="s">
        <v>80</v>
      </c>
      <c r="H41436" t="s">
        <v>81</v>
      </c>
      <c r="I41436" s="2">
        <v>1</v>
      </c>
      <c r="J41436" s="2">
        <v>0</v>
      </c>
      <c r="K41436" s="2">
        <v>0</v>
      </c>
      <c r="L41436" t="s">
        <v>120</v>
      </c>
      <c r="M41436" t="s">
        <v>89</v>
      </c>
      <c r="N41436" t="s">
        <v>90</v>
      </c>
      <c r="O41436" t="s">
        <v>85</v>
      </c>
      <c r="P41436" t="s">
        <v>86</v>
      </c>
      <c r="Q41436">
        <v>19</v>
      </c>
      <c r="R41436">
        <v>19</v>
      </c>
      <c r="S41436">
        <v>20</v>
      </c>
      <c r="T41436">
        <v>20</v>
      </c>
      <c r="U41436">
        <v>20</v>
      </c>
      <c r="V41436">
        <v>21</v>
      </c>
      <c r="W41436">
        <v>21</v>
      </c>
      <c r="X41436">
        <v>21</v>
      </c>
      <c r="Y41436">
        <v>22</v>
      </c>
      <c r="Z41436">
        <v>22</v>
      </c>
      <c r="AA41436">
        <v>22</v>
      </c>
      <c r="AB41436">
        <v>22</v>
      </c>
      <c r="AC41436">
        <v>23</v>
      </c>
      <c r="AD41436">
        <v>23</v>
      </c>
      <c r="AE41436">
        <v>23</v>
      </c>
      <c r="AF41436">
        <v>23</v>
      </c>
      <c r="AG41436">
        <v>23</v>
      </c>
      <c r="AH41436">
        <v>23</v>
      </c>
      <c r="AI41436">
        <v>23</v>
      </c>
      <c r="AJ41436">
        <v>23</v>
      </c>
      <c r="AK41436">
        <v>23</v>
      </c>
      <c r="AL41436">
        <v>23</v>
      </c>
      <c r="AM41436">
        <v>23</v>
      </c>
      <c r="AN41436">
        <v>23</v>
      </c>
      <c r="AO41436">
        <v>22</v>
      </c>
      <c r="AP41436">
        <v>22</v>
      </c>
      <c r="AQ41436">
        <v>22</v>
      </c>
    </row>
    <row r="41437" spans="1:43">
      <c r="A41437" t="s">
        <v>25521</v>
      </c>
      <c r="B41437" t="s">
        <v>25522</v>
      </c>
      <c r="C41437" t="s">
        <v>25515</v>
      </c>
      <c r="D41437" t="s">
        <v>25516</v>
      </c>
      <c r="E41437" t="s">
        <v>353</v>
      </c>
      <c r="F41437" t="s">
        <v>354</v>
      </c>
      <c r="G41437" t="s">
        <v>80</v>
      </c>
      <c r="H41437" t="s">
        <v>81</v>
      </c>
      <c r="I41437" s="2">
        <v>1</v>
      </c>
      <c r="J41437" s="2">
        <v>0</v>
      </c>
      <c r="K41437" s="2">
        <v>0</v>
      </c>
      <c r="L41437" t="s">
        <v>120</v>
      </c>
      <c r="M41437" t="s">
        <v>83</v>
      </c>
      <c r="N41437" t="s">
        <v>91</v>
      </c>
      <c r="O41437" t="s">
        <v>85</v>
      </c>
      <c r="P41437" t="s">
        <v>86</v>
      </c>
      <c r="Q41437">
        <v>19</v>
      </c>
      <c r="R41437">
        <v>19</v>
      </c>
      <c r="S41437">
        <v>19</v>
      </c>
      <c r="T41437">
        <v>19</v>
      </c>
      <c r="U41437">
        <v>20</v>
      </c>
      <c r="V41437">
        <v>20</v>
      </c>
      <c r="W41437">
        <v>20</v>
      </c>
      <c r="X41437">
        <v>20</v>
      </c>
      <c r="Y41437">
        <v>20</v>
      </c>
      <c r="Z41437">
        <v>21</v>
      </c>
      <c r="AA41437">
        <v>21</v>
      </c>
      <c r="AB41437">
        <v>21</v>
      </c>
      <c r="AC41437">
        <v>21</v>
      </c>
      <c r="AD41437">
        <v>21</v>
      </c>
      <c r="AE41437">
        <v>21</v>
      </c>
      <c r="AF41437">
        <v>22</v>
      </c>
      <c r="AG41437">
        <v>22</v>
      </c>
      <c r="AH41437">
        <v>22</v>
      </c>
      <c r="AI41437">
        <v>22</v>
      </c>
      <c r="AJ41437">
        <v>22</v>
      </c>
      <c r="AK41437">
        <v>22</v>
      </c>
      <c r="AL41437">
        <v>22</v>
      </c>
      <c r="AM41437">
        <v>22</v>
      </c>
      <c r="AN41437">
        <v>22</v>
      </c>
      <c r="AO41437">
        <v>22</v>
      </c>
      <c r="AP41437">
        <v>22</v>
      </c>
      <c r="AQ41437">
        <v>22</v>
      </c>
    </row>
    <row r="41438" spans="1:43">
      <c r="A41438" t="s">
        <v>25523</v>
      </c>
      <c r="B41438" t="s">
        <v>25524</v>
      </c>
      <c r="C41438" t="s">
        <v>25515</v>
      </c>
      <c r="D41438" t="s">
        <v>25516</v>
      </c>
      <c r="E41438" t="s">
        <v>353</v>
      </c>
      <c r="F41438" t="s">
        <v>354</v>
      </c>
      <c r="G41438" t="s">
        <v>80</v>
      </c>
      <c r="H41438" t="s">
        <v>81</v>
      </c>
      <c r="I41438" s="2">
        <v>1</v>
      </c>
      <c r="J41438" s="2">
        <v>0</v>
      </c>
      <c r="K41438" s="2">
        <v>0</v>
      </c>
      <c r="L41438" t="s">
        <v>120</v>
      </c>
      <c r="M41438" t="s">
        <v>83</v>
      </c>
      <c r="N41438" t="s">
        <v>84</v>
      </c>
      <c r="O41438" t="s">
        <v>85</v>
      </c>
      <c r="P41438" t="s">
        <v>86</v>
      </c>
      <c r="Q41438">
        <v>3</v>
      </c>
      <c r="R41438">
        <v>3</v>
      </c>
      <c r="S41438">
        <v>3</v>
      </c>
      <c r="T41438">
        <v>3</v>
      </c>
      <c r="U41438">
        <v>3</v>
      </c>
      <c r="V41438">
        <v>3</v>
      </c>
      <c r="W41438">
        <v>3</v>
      </c>
      <c r="X41438">
        <v>3</v>
      </c>
      <c r="Y41438">
        <v>3</v>
      </c>
      <c r="Z41438">
        <v>3</v>
      </c>
      <c r="AA41438">
        <v>3</v>
      </c>
      <c r="AB41438">
        <v>3</v>
      </c>
      <c r="AC41438">
        <v>3</v>
      </c>
      <c r="AD41438">
        <v>3</v>
      </c>
      <c r="AE41438">
        <v>3</v>
      </c>
      <c r="AF41438">
        <v>3</v>
      </c>
      <c r="AG41438">
        <v>3</v>
      </c>
      <c r="AH41438">
        <v>4</v>
      </c>
      <c r="AI41438">
        <v>4</v>
      </c>
      <c r="AJ41438">
        <v>4</v>
      </c>
      <c r="AK41438">
        <v>4</v>
      </c>
      <c r="AL41438">
        <v>4</v>
      </c>
      <c r="AM41438">
        <v>4</v>
      </c>
      <c r="AN41438">
        <v>4</v>
      </c>
      <c r="AO41438">
        <v>4</v>
      </c>
      <c r="AP41438">
        <v>4</v>
      </c>
      <c r="AQ41438">
        <v>4</v>
      </c>
    </row>
    <row r="41439" spans="1:43">
      <c r="A41439" t="s">
        <v>25523</v>
      </c>
      <c r="B41439" t="s">
        <v>25524</v>
      </c>
      <c r="C41439" t="s">
        <v>25515</v>
      </c>
      <c r="D41439" t="s">
        <v>25516</v>
      </c>
      <c r="E41439" t="s">
        <v>353</v>
      </c>
      <c r="F41439" t="s">
        <v>354</v>
      </c>
      <c r="G41439" t="s">
        <v>80</v>
      </c>
      <c r="H41439" t="s">
        <v>81</v>
      </c>
      <c r="I41439" s="2">
        <v>1</v>
      </c>
      <c r="J41439" s="2">
        <v>0</v>
      </c>
      <c r="K41439" s="2">
        <v>0</v>
      </c>
      <c r="L41439" t="s">
        <v>120</v>
      </c>
      <c r="M41439" t="s">
        <v>87</v>
      </c>
      <c r="N41439" t="s">
        <v>88</v>
      </c>
      <c r="O41439" t="s">
        <v>85</v>
      </c>
      <c r="P41439" t="s">
        <v>86</v>
      </c>
      <c r="Q41439">
        <v>3</v>
      </c>
      <c r="R41439">
        <v>3</v>
      </c>
      <c r="S41439">
        <v>3</v>
      </c>
      <c r="T41439">
        <v>3</v>
      </c>
      <c r="U41439">
        <v>3</v>
      </c>
      <c r="V41439">
        <v>3</v>
      </c>
      <c r="W41439">
        <v>3</v>
      </c>
      <c r="X41439">
        <v>3</v>
      </c>
      <c r="Y41439">
        <v>3</v>
      </c>
      <c r="Z41439">
        <v>3</v>
      </c>
      <c r="AA41439">
        <v>3</v>
      </c>
      <c r="AB41439">
        <v>3</v>
      </c>
      <c r="AC41439">
        <v>3</v>
      </c>
      <c r="AD41439">
        <v>3</v>
      </c>
      <c r="AE41439">
        <v>3</v>
      </c>
      <c r="AF41439">
        <v>3</v>
      </c>
      <c r="AG41439">
        <v>3</v>
      </c>
      <c r="AH41439">
        <v>3</v>
      </c>
      <c r="AI41439">
        <v>3</v>
      </c>
      <c r="AJ41439">
        <v>3</v>
      </c>
      <c r="AK41439">
        <v>3</v>
      </c>
      <c r="AL41439">
        <v>3</v>
      </c>
      <c r="AM41439">
        <v>3</v>
      </c>
      <c r="AN41439">
        <v>3</v>
      </c>
      <c r="AO41439">
        <v>3</v>
      </c>
      <c r="AP41439">
        <v>3</v>
      </c>
      <c r="AQ41439">
        <v>3</v>
      </c>
    </row>
    <row r="41440" spans="1:43">
      <c r="A41440" t="s">
        <v>25523</v>
      </c>
      <c r="B41440" t="s">
        <v>25524</v>
      </c>
      <c r="C41440" t="s">
        <v>25515</v>
      </c>
      <c r="D41440" t="s">
        <v>25516</v>
      </c>
      <c r="E41440" t="s">
        <v>353</v>
      </c>
      <c r="F41440" t="s">
        <v>354</v>
      </c>
      <c r="G41440" t="s">
        <v>80</v>
      </c>
      <c r="H41440" t="s">
        <v>81</v>
      </c>
      <c r="I41440" s="2">
        <v>1</v>
      </c>
      <c r="J41440" s="2">
        <v>0</v>
      </c>
      <c r="K41440" s="2">
        <v>0</v>
      </c>
      <c r="L41440" t="s">
        <v>120</v>
      </c>
      <c r="M41440" t="s">
        <v>89</v>
      </c>
      <c r="N41440" t="s">
        <v>90</v>
      </c>
      <c r="O41440" t="s">
        <v>85</v>
      </c>
      <c r="P41440" t="s">
        <v>86</v>
      </c>
      <c r="Q41440">
        <v>3</v>
      </c>
      <c r="R41440">
        <v>3</v>
      </c>
      <c r="S41440">
        <v>3</v>
      </c>
      <c r="T41440">
        <v>3</v>
      </c>
      <c r="U41440">
        <v>3</v>
      </c>
      <c r="V41440">
        <v>3</v>
      </c>
      <c r="W41440">
        <v>3</v>
      </c>
      <c r="X41440">
        <v>3</v>
      </c>
      <c r="Y41440">
        <v>3</v>
      </c>
      <c r="Z41440">
        <v>3</v>
      </c>
      <c r="AA41440">
        <v>4</v>
      </c>
      <c r="AB41440">
        <v>4</v>
      </c>
      <c r="AC41440">
        <v>4</v>
      </c>
      <c r="AD41440">
        <v>4</v>
      </c>
      <c r="AE41440">
        <v>4</v>
      </c>
      <c r="AF41440">
        <v>4</v>
      </c>
      <c r="AG41440">
        <v>4</v>
      </c>
      <c r="AH41440">
        <v>4</v>
      </c>
      <c r="AI41440">
        <v>4</v>
      </c>
      <c r="AJ41440">
        <v>4</v>
      </c>
      <c r="AK41440">
        <v>4</v>
      </c>
      <c r="AL41440">
        <v>4</v>
      </c>
      <c r="AM41440">
        <v>4</v>
      </c>
      <c r="AN41440">
        <v>4</v>
      </c>
      <c r="AO41440">
        <v>4</v>
      </c>
      <c r="AP41440">
        <v>4</v>
      </c>
      <c r="AQ41440">
        <v>4</v>
      </c>
    </row>
    <row r="41441" spans="1:43">
      <c r="A41441" t="s">
        <v>25523</v>
      </c>
      <c r="B41441" t="s">
        <v>25524</v>
      </c>
      <c r="C41441" t="s">
        <v>25515</v>
      </c>
      <c r="D41441" t="s">
        <v>25516</v>
      </c>
      <c r="E41441" t="s">
        <v>353</v>
      </c>
      <c r="F41441" t="s">
        <v>354</v>
      </c>
      <c r="G41441" t="s">
        <v>80</v>
      </c>
      <c r="H41441" t="s">
        <v>81</v>
      </c>
      <c r="I41441" s="2">
        <v>1</v>
      </c>
      <c r="J41441" s="2">
        <v>0</v>
      </c>
      <c r="K41441" s="2">
        <v>0</v>
      </c>
      <c r="L41441" t="s">
        <v>120</v>
      </c>
      <c r="M41441" t="s">
        <v>83</v>
      </c>
      <c r="N41441" t="s">
        <v>91</v>
      </c>
      <c r="O41441" t="s">
        <v>85</v>
      </c>
      <c r="P41441" t="s">
        <v>86</v>
      </c>
      <c r="Q41441">
        <v>3</v>
      </c>
      <c r="R41441">
        <v>3</v>
      </c>
      <c r="S41441">
        <v>3</v>
      </c>
      <c r="T41441">
        <v>3</v>
      </c>
      <c r="U41441">
        <v>3</v>
      </c>
      <c r="V41441">
        <v>3</v>
      </c>
      <c r="W41441">
        <v>3</v>
      </c>
      <c r="X41441">
        <v>3</v>
      </c>
      <c r="Y41441">
        <v>3</v>
      </c>
      <c r="Z41441">
        <v>3</v>
      </c>
      <c r="AA41441">
        <v>3</v>
      </c>
      <c r="AB41441">
        <v>3</v>
      </c>
      <c r="AC41441">
        <v>3</v>
      </c>
      <c r="AD41441">
        <v>3</v>
      </c>
      <c r="AE41441">
        <v>3</v>
      </c>
      <c r="AF41441">
        <v>3</v>
      </c>
      <c r="AG41441">
        <v>3</v>
      </c>
      <c r="AH41441">
        <v>4</v>
      </c>
      <c r="AI41441">
        <v>4</v>
      </c>
      <c r="AJ41441">
        <v>4</v>
      </c>
      <c r="AK41441">
        <v>4</v>
      </c>
      <c r="AL41441">
        <v>4</v>
      </c>
      <c r="AM41441">
        <v>4</v>
      </c>
      <c r="AN41441">
        <v>4</v>
      </c>
      <c r="AO41441">
        <v>4</v>
      </c>
      <c r="AP41441">
        <v>4</v>
      </c>
      <c r="AQ41441">
        <v>4</v>
      </c>
    </row>
    <row r="41442" spans="1:43">
      <c r="A41442" t="s">
        <v>25525</v>
      </c>
      <c r="B41442" t="s">
        <v>25526</v>
      </c>
      <c r="C41442" t="s">
        <v>25515</v>
      </c>
      <c r="D41442" t="s">
        <v>25516</v>
      </c>
      <c r="E41442" t="s">
        <v>353</v>
      </c>
      <c r="F41442" t="s">
        <v>354</v>
      </c>
      <c r="G41442" t="s">
        <v>80</v>
      </c>
      <c r="H41442" t="s">
        <v>81</v>
      </c>
      <c r="I41442" s="2">
        <v>1</v>
      </c>
      <c r="J41442" s="2">
        <v>0</v>
      </c>
      <c r="K41442" s="2">
        <v>0</v>
      </c>
      <c r="L41442" t="s">
        <v>120</v>
      </c>
      <c r="M41442" t="s">
        <v>83</v>
      </c>
      <c r="N41442" t="s">
        <v>84</v>
      </c>
      <c r="O41442" t="s">
        <v>85</v>
      </c>
      <c r="P41442" t="s">
        <v>86</v>
      </c>
      <c r="Q41442">
        <v>1</v>
      </c>
      <c r="R41442">
        <v>1</v>
      </c>
      <c r="S41442">
        <v>1</v>
      </c>
      <c r="T41442">
        <v>1</v>
      </c>
      <c r="U41442">
        <v>1</v>
      </c>
      <c r="V41442">
        <v>1</v>
      </c>
      <c r="W41442">
        <v>1</v>
      </c>
      <c r="X41442">
        <v>1</v>
      </c>
      <c r="Y41442">
        <v>1</v>
      </c>
      <c r="Z41442">
        <v>1</v>
      </c>
      <c r="AA41442">
        <v>1</v>
      </c>
      <c r="AB41442">
        <v>1</v>
      </c>
      <c r="AC41442">
        <v>1</v>
      </c>
      <c r="AD41442">
        <v>1</v>
      </c>
      <c r="AE41442">
        <v>1</v>
      </c>
      <c r="AF41442">
        <v>1</v>
      </c>
      <c r="AG41442">
        <v>1</v>
      </c>
      <c r="AH41442">
        <v>1</v>
      </c>
      <c r="AI41442">
        <v>1</v>
      </c>
      <c r="AJ41442">
        <v>1</v>
      </c>
      <c r="AK41442">
        <v>1</v>
      </c>
      <c r="AL41442">
        <v>1</v>
      </c>
      <c r="AM41442">
        <v>1</v>
      </c>
      <c r="AN41442">
        <v>1</v>
      </c>
      <c r="AO41442">
        <v>1</v>
      </c>
      <c r="AP41442">
        <v>1</v>
      </c>
      <c r="AQ41442">
        <v>1</v>
      </c>
    </row>
    <row r="41443" spans="1:43">
      <c r="A41443" t="s">
        <v>25525</v>
      </c>
      <c r="B41443" t="s">
        <v>25526</v>
      </c>
      <c r="C41443" t="s">
        <v>25515</v>
      </c>
      <c r="D41443" t="s">
        <v>25516</v>
      </c>
      <c r="E41443" t="s">
        <v>353</v>
      </c>
      <c r="F41443" t="s">
        <v>354</v>
      </c>
      <c r="G41443" t="s">
        <v>80</v>
      </c>
      <c r="H41443" t="s">
        <v>81</v>
      </c>
      <c r="I41443" s="2">
        <v>1</v>
      </c>
      <c r="J41443" s="2">
        <v>0</v>
      </c>
      <c r="K41443" s="2">
        <v>0</v>
      </c>
      <c r="L41443" t="s">
        <v>120</v>
      </c>
      <c r="M41443" t="s">
        <v>87</v>
      </c>
      <c r="N41443" t="s">
        <v>88</v>
      </c>
      <c r="O41443" t="s">
        <v>85</v>
      </c>
      <c r="P41443" t="s">
        <v>86</v>
      </c>
      <c r="Q41443">
        <v>1</v>
      </c>
      <c r="R41443">
        <v>1</v>
      </c>
      <c r="S41443">
        <v>1</v>
      </c>
      <c r="T41443">
        <v>1</v>
      </c>
      <c r="U41443">
        <v>1</v>
      </c>
      <c r="V41443">
        <v>1</v>
      </c>
      <c r="W41443">
        <v>1</v>
      </c>
      <c r="X41443">
        <v>1</v>
      </c>
      <c r="Y41443">
        <v>1</v>
      </c>
      <c r="Z41443">
        <v>1</v>
      </c>
      <c r="AA41443">
        <v>1</v>
      </c>
      <c r="AB41443">
        <v>1</v>
      </c>
      <c r="AC41443">
        <v>1</v>
      </c>
      <c r="AD41443">
        <v>1</v>
      </c>
      <c r="AE41443">
        <v>1</v>
      </c>
      <c r="AF41443">
        <v>1</v>
      </c>
      <c r="AG41443">
        <v>1</v>
      </c>
      <c r="AH41443">
        <v>1</v>
      </c>
      <c r="AI41443">
        <v>1</v>
      </c>
      <c r="AJ41443">
        <v>1</v>
      </c>
      <c r="AK41443">
        <v>1</v>
      </c>
      <c r="AL41443">
        <v>1</v>
      </c>
      <c r="AM41443">
        <v>1</v>
      </c>
      <c r="AN41443">
        <v>1</v>
      </c>
      <c r="AO41443">
        <v>1</v>
      </c>
      <c r="AP41443">
        <v>1</v>
      </c>
      <c r="AQ41443">
        <v>1</v>
      </c>
    </row>
    <row r="41444" spans="1:43">
      <c r="A41444" t="s">
        <v>25525</v>
      </c>
      <c r="B41444" t="s">
        <v>25526</v>
      </c>
      <c r="C41444" t="s">
        <v>25515</v>
      </c>
      <c r="D41444" t="s">
        <v>25516</v>
      </c>
      <c r="E41444" t="s">
        <v>353</v>
      </c>
      <c r="F41444" t="s">
        <v>354</v>
      </c>
      <c r="G41444" t="s">
        <v>80</v>
      </c>
      <c r="H41444" t="s">
        <v>81</v>
      </c>
      <c r="I41444" s="2">
        <v>1</v>
      </c>
      <c r="J41444" s="2">
        <v>0</v>
      </c>
      <c r="K41444" s="2">
        <v>0</v>
      </c>
      <c r="L41444" t="s">
        <v>120</v>
      </c>
      <c r="M41444" t="s">
        <v>89</v>
      </c>
      <c r="N41444" t="s">
        <v>90</v>
      </c>
      <c r="O41444" t="s">
        <v>85</v>
      </c>
      <c r="P41444" t="s">
        <v>86</v>
      </c>
      <c r="Q41444">
        <v>1</v>
      </c>
      <c r="R41444">
        <v>1</v>
      </c>
      <c r="S41444">
        <v>1</v>
      </c>
      <c r="T41444">
        <v>1</v>
      </c>
      <c r="U41444">
        <v>1</v>
      </c>
      <c r="V41444">
        <v>1</v>
      </c>
      <c r="W41444">
        <v>1</v>
      </c>
      <c r="X41444">
        <v>1</v>
      </c>
      <c r="Y41444">
        <v>1</v>
      </c>
      <c r="Z41444">
        <v>1</v>
      </c>
      <c r="AA41444">
        <v>1</v>
      </c>
      <c r="AB41444">
        <v>1</v>
      </c>
      <c r="AC41444">
        <v>1</v>
      </c>
      <c r="AD41444">
        <v>1</v>
      </c>
      <c r="AE41444">
        <v>1</v>
      </c>
      <c r="AF41444">
        <v>1</v>
      </c>
      <c r="AG41444">
        <v>1</v>
      </c>
      <c r="AH41444">
        <v>1</v>
      </c>
      <c r="AI41444">
        <v>1</v>
      </c>
      <c r="AJ41444">
        <v>1</v>
      </c>
      <c r="AK41444">
        <v>1</v>
      </c>
      <c r="AL41444">
        <v>1</v>
      </c>
      <c r="AM41444">
        <v>1</v>
      </c>
      <c r="AN41444">
        <v>1</v>
      </c>
      <c r="AO41444">
        <v>1</v>
      </c>
      <c r="AP41444">
        <v>1</v>
      </c>
      <c r="AQ41444">
        <v>1</v>
      </c>
    </row>
    <row r="41445" spans="1:43">
      <c r="A41445" t="s">
        <v>25525</v>
      </c>
      <c r="B41445" t="s">
        <v>25526</v>
      </c>
      <c r="C41445" t="s">
        <v>25515</v>
      </c>
      <c r="D41445" t="s">
        <v>25516</v>
      </c>
      <c r="E41445" t="s">
        <v>353</v>
      </c>
      <c r="F41445" t="s">
        <v>354</v>
      </c>
      <c r="G41445" t="s">
        <v>80</v>
      </c>
      <c r="H41445" t="s">
        <v>81</v>
      </c>
      <c r="I41445" s="2">
        <v>1</v>
      </c>
      <c r="J41445" s="2">
        <v>0</v>
      </c>
      <c r="K41445" s="2">
        <v>0</v>
      </c>
      <c r="L41445" t="s">
        <v>120</v>
      </c>
      <c r="M41445" t="s">
        <v>83</v>
      </c>
      <c r="N41445" t="s">
        <v>91</v>
      </c>
      <c r="O41445" t="s">
        <v>85</v>
      </c>
      <c r="P41445" t="s">
        <v>86</v>
      </c>
      <c r="Q41445">
        <v>1</v>
      </c>
      <c r="R41445">
        <v>1</v>
      </c>
      <c r="S41445">
        <v>1</v>
      </c>
      <c r="T41445">
        <v>1</v>
      </c>
      <c r="U41445">
        <v>1</v>
      </c>
      <c r="V41445">
        <v>1</v>
      </c>
      <c r="W41445">
        <v>1</v>
      </c>
      <c r="X41445">
        <v>1</v>
      </c>
      <c r="Y41445">
        <v>1</v>
      </c>
      <c r="Z41445">
        <v>1</v>
      </c>
      <c r="AA41445">
        <v>1</v>
      </c>
      <c r="AB41445">
        <v>1</v>
      </c>
      <c r="AC41445">
        <v>1</v>
      </c>
      <c r="AD41445">
        <v>1</v>
      </c>
      <c r="AE41445">
        <v>1</v>
      </c>
      <c r="AF41445">
        <v>1</v>
      </c>
      <c r="AG41445">
        <v>1</v>
      </c>
      <c r="AH41445">
        <v>1</v>
      </c>
      <c r="AI41445">
        <v>1</v>
      </c>
      <c r="AJ41445">
        <v>1</v>
      </c>
      <c r="AK41445">
        <v>1</v>
      </c>
      <c r="AL41445">
        <v>1</v>
      </c>
      <c r="AM41445">
        <v>1</v>
      </c>
      <c r="AN41445">
        <v>1</v>
      </c>
      <c r="AO41445">
        <v>1</v>
      </c>
      <c r="AP41445">
        <v>1</v>
      </c>
      <c r="AQ41445">
        <v>1</v>
      </c>
    </row>
    <row r="41446" spans="1:43">
      <c r="A41446" t="s">
        <v>25527</v>
      </c>
      <c r="B41446" t="s">
        <v>25528</v>
      </c>
      <c r="C41446" t="s">
        <v>435</v>
      </c>
      <c r="D41446" t="s">
        <v>436</v>
      </c>
      <c r="E41446" t="s">
        <v>353</v>
      </c>
      <c r="F41446" t="s">
        <v>354</v>
      </c>
      <c r="G41446" t="s">
        <v>80</v>
      </c>
      <c r="H41446" t="s">
        <v>81</v>
      </c>
      <c r="I41446" s="2">
        <v>1</v>
      </c>
      <c r="J41446" s="2">
        <v>0</v>
      </c>
      <c r="K41446" s="2">
        <v>0</v>
      </c>
      <c r="L41446" t="s">
        <v>120</v>
      </c>
      <c r="M41446" t="s">
        <v>83</v>
      </c>
      <c r="N41446" t="s">
        <v>84</v>
      </c>
      <c r="O41446" t="s">
        <v>85</v>
      </c>
      <c r="P41446" t="s">
        <v>86</v>
      </c>
      <c r="Q41446">
        <v>22</v>
      </c>
      <c r="R41446">
        <v>23</v>
      </c>
      <c r="S41446">
        <v>23</v>
      </c>
      <c r="T41446">
        <v>23</v>
      </c>
      <c r="U41446">
        <v>23</v>
      </c>
      <c r="V41446">
        <v>24</v>
      </c>
      <c r="W41446">
        <v>24</v>
      </c>
      <c r="X41446">
        <v>24</v>
      </c>
      <c r="Y41446">
        <v>24</v>
      </c>
      <c r="Z41446">
        <v>25</v>
      </c>
      <c r="AA41446">
        <v>25</v>
      </c>
      <c r="AB41446">
        <v>25</v>
      </c>
      <c r="AC41446">
        <v>25</v>
      </c>
      <c r="AD41446">
        <v>25</v>
      </c>
      <c r="AE41446">
        <v>26</v>
      </c>
      <c r="AF41446">
        <v>26</v>
      </c>
      <c r="AG41446">
        <v>26</v>
      </c>
      <c r="AH41446">
        <v>26</v>
      </c>
      <c r="AI41446">
        <v>26</v>
      </c>
      <c r="AJ41446">
        <v>26</v>
      </c>
      <c r="AK41446">
        <v>27</v>
      </c>
      <c r="AL41446">
        <v>27</v>
      </c>
      <c r="AM41446">
        <v>27</v>
      </c>
      <c r="AN41446">
        <v>27</v>
      </c>
      <c r="AO41446">
        <v>26</v>
      </c>
      <c r="AP41446">
        <v>26</v>
      </c>
      <c r="AQ41446">
        <v>26</v>
      </c>
    </row>
    <row r="41447" spans="1:43">
      <c r="A41447" t="s">
        <v>25527</v>
      </c>
      <c r="B41447" t="s">
        <v>25528</v>
      </c>
      <c r="C41447" t="s">
        <v>435</v>
      </c>
      <c r="D41447" t="s">
        <v>436</v>
      </c>
      <c r="E41447" t="s">
        <v>353</v>
      </c>
      <c r="F41447" t="s">
        <v>354</v>
      </c>
      <c r="G41447" t="s">
        <v>80</v>
      </c>
      <c r="H41447" t="s">
        <v>81</v>
      </c>
      <c r="I41447" s="2">
        <v>1</v>
      </c>
      <c r="J41447" s="2">
        <v>0</v>
      </c>
      <c r="K41447" s="2">
        <v>0</v>
      </c>
      <c r="L41447" t="s">
        <v>120</v>
      </c>
      <c r="M41447" t="s">
        <v>87</v>
      </c>
      <c r="N41447" t="s">
        <v>88</v>
      </c>
      <c r="O41447" t="s">
        <v>85</v>
      </c>
      <c r="P41447" t="s">
        <v>86</v>
      </c>
      <c r="Q41447">
        <v>22</v>
      </c>
      <c r="R41447">
        <v>22</v>
      </c>
      <c r="S41447">
        <v>22</v>
      </c>
      <c r="T41447">
        <v>22</v>
      </c>
      <c r="U41447">
        <v>22</v>
      </c>
      <c r="V41447">
        <v>22</v>
      </c>
      <c r="W41447">
        <v>22</v>
      </c>
      <c r="X41447">
        <v>22</v>
      </c>
      <c r="Y41447">
        <v>22</v>
      </c>
      <c r="Z41447">
        <v>23</v>
      </c>
      <c r="AA41447">
        <v>23</v>
      </c>
      <c r="AB41447">
        <v>23</v>
      </c>
      <c r="AC41447">
        <v>23</v>
      </c>
      <c r="AD41447">
        <v>23</v>
      </c>
      <c r="AE41447">
        <v>23</v>
      </c>
      <c r="AF41447">
        <v>23</v>
      </c>
      <c r="AG41447">
        <v>23</v>
      </c>
      <c r="AH41447">
        <v>23</v>
      </c>
      <c r="AI41447">
        <v>23</v>
      </c>
      <c r="AJ41447">
        <v>23</v>
      </c>
      <c r="AK41447">
        <v>23</v>
      </c>
      <c r="AL41447">
        <v>23</v>
      </c>
      <c r="AM41447">
        <v>23</v>
      </c>
      <c r="AN41447">
        <v>23</v>
      </c>
      <c r="AO41447">
        <v>23</v>
      </c>
      <c r="AP41447">
        <v>23</v>
      </c>
      <c r="AQ41447">
        <v>23</v>
      </c>
    </row>
    <row r="41448" spans="1:43">
      <c r="A41448" t="s">
        <v>25527</v>
      </c>
      <c r="B41448" t="s">
        <v>25528</v>
      </c>
      <c r="C41448" t="s">
        <v>435</v>
      </c>
      <c r="D41448" t="s">
        <v>436</v>
      </c>
      <c r="E41448" t="s">
        <v>353</v>
      </c>
      <c r="F41448" t="s">
        <v>354</v>
      </c>
      <c r="G41448" t="s">
        <v>80</v>
      </c>
      <c r="H41448" t="s">
        <v>81</v>
      </c>
      <c r="I41448" s="2">
        <v>1</v>
      </c>
      <c r="J41448" s="2">
        <v>0</v>
      </c>
      <c r="K41448" s="2">
        <v>0</v>
      </c>
      <c r="L41448" t="s">
        <v>120</v>
      </c>
      <c r="M41448" t="s">
        <v>89</v>
      </c>
      <c r="N41448" t="s">
        <v>90</v>
      </c>
      <c r="O41448" t="s">
        <v>85</v>
      </c>
      <c r="P41448" t="s">
        <v>86</v>
      </c>
      <c r="Q41448">
        <v>22</v>
      </c>
      <c r="R41448">
        <v>22</v>
      </c>
      <c r="S41448">
        <v>22</v>
      </c>
      <c r="T41448">
        <v>23</v>
      </c>
      <c r="U41448">
        <v>23</v>
      </c>
      <c r="V41448">
        <v>24</v>
      </c>
      <c r="W41448">
        <v>24</v>
      </c>
      <c r="X41448">
        <v>24</v>
      </c>
      <c r="Y41448">
        <v>25</v>
      </c>
      <c r="Z41448">
        <v>25</v>
      </c>
      <c r="AA41448">
        <v>25</v>
      </c>
      <c r="AB41448">
        <v>26</v>
      </c>
      <c r="AC41448">
        <v>26</v>
      </c>
      <c r="AD41448">
        <v>26</v>
      </c>
      <c r="AE41448">
        <v>26</v>
      </c>
      <c r="AF41448">
        <v>26</v>
      </c>
      <c r="AG41448">
        <v>26</v>
      </c>
      <c r="AH41448">
        <v>26</v>
      </c>
      <c r="AI41448">
        <v>26</v>
      </c>
      <c r="AJ41448">
        <v>26</v>
      </c>
      <c r="AK41448">
        <v>26</v>
      </c>
      <c r="AL41448">
        <v>26</v>
      </c>
      <c r="AM41448">
        <v>26</v>
      </c>
      <c r="AN41448">
        <v>26</v>
      </c>
      <c r="AO41448">
        <v>26</v>
      </c>
      <c r="AP41448">
        <v>26</v>
      </c>
      <c r="AQ41448">
        <v>26</v>
      </c>
    </row>
    <row r="41449" spans="1:43">
      <c r="A41449" t="s">
        <v>25527</v>
      </c>
      <c r="B41449" t="s">
        <v>25528</v>
      </c>
      <c r="C41449" t="s">
        <v>435</v>
      </c>
      <c r="D41449" t="s">
        <v>436</v>
      </c>
      <c r="E41449" t="s">
        <v>353</v>
      </c>
      <c r="F41449" t="s">
        <v>354</v>
      </c>
      <c r="G41449" t="s">
        <v>80</v>
      </c>
      <c r="H41449" t="s">
        <v>81</v>
      </c>
      <c r="I41449" s="2">
        <v>1</v>
      </c>
      <c r="J41449" s="2">
        <v>0</v>
      </c>
      <c r="K41449" s="2">
        <v>0</v>
      </c>
      <c r="L41449" t="s">
        <v>120</v>
      </c>
      <c r="M41449" t="s">
        <v>83</v>
      </c>
      <c r="N41449" t="s">
        <v>91</v>
      </c>
      <c r="O41449" t="s">
        <v>85</v>
      </c>
      <c r="P41449" t="s">
        <v>86</v>
      </c>
      <c r="Q41449">
        <v>22</v>
      </c>
      <c r="R41449">
        <v>23</v>
      </c>
      <c r="S41449">
        <v>23</v>
      </c>
      <c r="T41449">
        <v>23</v>
      </c>
      <c r="U41449">
        <v>23</v>
      </c>
      <c r="V41449">
        <v>24</v>
      </c>
      <c r="W41449">
        <v>24</v>
      </c>
      <c r="X41449">
        <v>24</v>
      </c>
      <c r="Y41449">
        <v>24</v>
      </c>
      <c r="Z41449">
        <v>25</v>
      </c>
      <c r="AA41449">
        <v>25</v>
      </c>
      <c r="AB41449">
        <v>25</v>
      </c>
      <c r="AC41449">
        <v>25</v>
      </c>
      <c r="AD41449">
        <v>25</v>
      </c>
      <c r="AE41449">
        <v>26</v>
      </c>
      <c r="AF41449">
        <v>26</v>
      </c>
      <c r="AG41449">
        <v>26</v>
      </c>
      <c r="AH41449">
        <v>26</v>
      </c>
      <c r="AI41449">
        <v>26</v>
      </c>
      <c r="AJ41449">
        <v>26</v>
      </c>
      <c r="AK41449">
        <v>27</v>
      </c>
      <c r="AL41449">
        <v>27</v>
      </c>
      <c r="AM41449">
        <v>27</v>
      </c>
      <c r="AN41449">
        <v>27</v>
      </c>
      <c r="AO41449">
        <v>26</v>
      </c>
      <c r="AP41449">
        <v>26</v>
      </c>
      <c r="AQ41449">
        <v>26</v>
      </c>
    </row>
    <row r="41450" spans="1:43">
      <c r="A41450" t="s">
        <v>25529</v>
      </c>
      <c r="B41450" t="s">
        <v>25530</v>
      </c>
      <c r="C41450" t="s">
        <v>435</v>
      </c>
      <c r="D41450" t="s">
        <v>436</v>
      </c>
      <c r="E41450" t="s">
        <v>353</v>
      </c>
      <c r="F41450" t="s">
        <v>354</v>
      </c>
      <c r="G41450" t="s">
        <v>80</v>
      </c>
      <c r="H41450" t="s">
        <v>81</v>
      </c>
      <c r="I41450" s="2">
        <v>1</v>
      </c>
      <c r="J41450" s="2">
        <v>0</v>
      </c>
      <c r="K41450" s="2">
        <v>0</v>
      </c>
      <c r="L41450" t="s">
        <v>120</v>
      </c>
      <c r="M41450" t="s">
        <v>83</v>
      </c>
      <c r="N41450" t="s">
        <v>84</v>
      </c>
      <c r="O41450" t="s">
        <v>85</v>
      </c>
      <c r="P41450" t="s">
        <v>86</v>
      </c>
      <c r="Q41450">
        <v>21</v>
      </c>
      <c r="R41450">
        <v>21</v>
      </c>
      <c r="S41450">
        <v>21</v>
      </c>
      <c r="T41450">
        <v>21</v>
      </c>
      <c r="U41450">
        <v>21</v>
      </c>
      <c r="V41450">
        <v>22</v>
      </c>
      <c r="W41450">
        <v>22</v>
      </c>
      <c r="X41450">
        <v>22</v>
      </c>
      <c r="Y41450">
        <v>22</v>
      </c>
      <c r="Z41450">
        <v>22</v>
      </c>
      <c r="AA41450">
        <v>23</v>
      </c>
      <c r="AB41450">
        <v>23</v>
      </c>
      <c r="AC41450">
        <v>23</v>
      </c>
      <c r="AD41450">
        <v>23</v>
      </c>
      <c r="AE41450">
        <v>23</v>
      </c>
      <c r="AF41450">
        <v>24</v>
      </c>
      <c r="AG41450">
        <v>24</v>
      </c>
      <c r="AH41450">
        <v>24</v>
      </c>
      <c r="AI41450">
        <v>24</v>
      </c>
      <c r="AJ41450">
        <v>24</v>
      </c>
      <c r="AK41450">
        <v>24</v>
      </c>
      <c r="AL41450">
        <v>24</v>
      </c>
      <c r="AM41450">
        <v>24</v>
      </c>
      <c r="AN41450">
        <v>24</v>
      </c>
      <c r="AO41450">
        <v>24</v>
      </c>
      <c r="AP41450">
        <v>24</v>
      </c>
      <c r="AQ41450">
        <v>24</v>
      </c>
    </row>
    <row r="41451" spans="1:43">
      <c r="A41451" t="s">
        <v>25529</v>
      </c>
      <c r="B41451" t="s">
        <v>25530</v>
      </c>
      <c r="C41451" t="s">
        <v>435</v>
      </c>
      <c r="D41451" t="s">
        <v>436</v>
      </c>
      <c r="E41451" t="s">
        <v>353</v>
      </c>
      <c r="F41451" t="s">
        <v>354</v>
      </c>
      <c r="G41451" t="s">
        <v>80</v>
      </c>
      <c r="H41451" t="s">
        <v>81</v>
      </c>
      <c r="I41451" s="2">
        <v>1</v>
      </c>
      <c r="J41451" s="2">
        <v>0</v>
      </c>
      <c r="K41451" s="2">
        <v>0</v>
      </c>
      <c r="L41451" t="s">
        <v>120</v>
      </c>
      <c r="M41451" t="s">
        <v>87</v>
      </c>
      <c r="N41451" t="s">
        <v>88</v>
      </c>
      <c r="O41451" t="s">
        <v>85</v>
      </c>
      <c r="P41451" t="s">
        <v>86</v>
      </c>
      <c r="Q41451">
        <v>21</v>
      </c>
      <c r="R41451">
        <v>21</v>
      </c>
      <c r="S41451">
        <v>21</v>
      </c>
      <c r="T41451">
        <v>21</v>
      </c>
      <c r="U41451">
        <v>21</v>
      </c>
      <c r="V41451">
        <v>22</v>
      </c>
      <c r="W41451">
        <v>22</v>
      </c>
      <c r="X41451">
        <v>22</v>
      </c>
      <c r="Y41451">
        <v>22</v>
      </c>
      <c r="Z41451">
        <v>22</v>
      </c>
      <c r="AA41451">
        <v>22</v>
      </c>
      <c r="AB41451">
        <v>22</v>
      </c>
      <c r="AC41451">
        <v>22</v>
      </c>
      <c r="AD41451">
        <v>22</v>
      </c>
      <c r="AE41451">
        <v>22</v>
      </c>
      <c r="AF41451">
        <v>22</v>
      </c>
      <c r="AG41451">
        <v>22</v>
      </c>
      <c r="AH41451">
        <v>22</v>
      </c>
      <c r="AI41451">
        <v>22</v>
      </c>
      <c r="AJ41451">
        <v>22</v>
      </c>
      <c r="AK41451">
        <v>22</v>
      </c>
      <c r="AL41451">
        <v>22</v>
      </c>
      <c r="AM41451">
        <v>22</v>
      </c>
      <c r="AN41451">
        <v>22</v>
      </c>
      <c r="AO41451">
        <v>22</v>
      </c>
      <c r="AP41451">
        <v>22</v>
      </c>
      <c r="AQ41451">
        <v>22</v>
      </c>
    </row>
    <row r="41452" spans="1:43">
      <c r="A41452" t="s">
        <v>25529</v>
      </c>
      <c r="B41452" t="s">
        <v>25530</v>
      </c>
      <c r="C41452" t="s">
        <v>435</v>
      </c>
      <c r="D41452" t="s">
        <v>436</v>
      </c>
      <c r="E41452" t="s">
        <v>353</v>
      </c>
      <c r="F41452" t="s">
        <v>354</v>
      </c>
      <c r="G41452" t="s">
        <v>80</v>
      </c>
      <c r="H41452" t="s">
        <v>81</v>
      </c>
      <c r="I41452" s="2">
        <v>1</v>
      </c>
      <c r="J41452" s="2">
        <v>0</v>
      </c>
      <c r="K41452" s="2">
        <v>0</v>
      </c>
      <c r="L41452" t="s">
        <v>120</v>
      </c>
      <c r="M41452" t="s">
        <v>89</v>
      </c>
      <c r="N41452" t="s">
        <v>90</v>
      </c>
      <c r="O41452" t="s">
        <v>85</v>
      </c>
      <c r="P41452" t="s">
        <v>86</v>
      </c>
      <c r="Q41452">
        <v>21</v>
      </c>
      <c r="R41452">
        <v>21</v>
      </c>
      <c r="S41452">
        <v>22</v>
      </c>
      <c r="T41452">
        <v>22</v>
      </c>
      <c r="U41452">
        <v>22</v>
      </c>
      <c r="V41452">
        <v>23</v>
      </c>
      <c r="W41452">
        <v>23</v>
      </c>
      <c r="X41452">
        <v>23</v>
      </c>
      <c r="Y41452">
        <v>24</v>
      </c>
      <c r="Z41452">
        <v>24</v>
      </c>
      <c r="AA41452">
        <v>24</v>
      </c>
      <c r="AB41452">
        <v>24</v>
      </c>
      <c r="AC41452">
        <v>25</v>
      </c>
      <c r="AD41452">
        <v>25</v>
      </c>
      <c r="AE41452">
        <v>25</v>
      </c>
      <c r="AF41452">
        <v>25</v>
      </c>
      <c r="AG41452">
        <v>25</v>
      </c>
      <c r="AH41452">
        <v>25</v>
      </c>
      <c r="AI41452">
        <v>25</v>
      </c>
      <c r="AJ41452">
        <v>25</v>
      </c>
      <c r="AK41452">
        <v>25</v>
      </c>
      <c r="AL41452">
        <v>25</v>
      </c>
      <c r="AM41452">
        <v>25</v>
      </c>
      <c r="AN41452">
        <v>25</v>
      </c>
      <c r="AO41452">
        <v>24</v>
      </c>
      <c r="AP41452">
        <v>24</v>
      </c>
      <c r="AQ41452">
        <v>24</v>
      </c>
    </row>
    <row r="41453" spans="1:43">
      <c r="A41453" t="s">
        <v>25529</v>
      </c>
      <c r="B41453" t="s">
        <v>25530</v>
      </c>
      <c r="C41453" t="s">
        <v>435</v>
      </c>
      <c r="D41453" t="s">
        <v>436</v>
      </c>
      <c r="E41453" t="s">
        <v>353</v>
      </c>
      <c r="F41453" t="s">
        <v>354</v>
      </c>
      <c r="G41453" t="s">
        <v>80</v>
      </c>
      <c r="H41453" t="s">
        <v>81</v>
      </c>
      <c r="I41453" s="2">
        <v>1</v>
      </c>
      <c r="J41453" s="2">
        <v>0</v>
      </c>
      <c r="K41453" s="2">
        <v>0</v>
      </c>
      <c r="L41453" t="s">
        <v>120</v>
      </c>
      <c r="M41453" t="s">
        <v>83</v>
      </c>
      <c r="N41453" t="s">
        <v>91</v>
      </c>
      <c r="O41453" t="s">
        <v>85</v>
      </c>
      <c r="P41453" t="s">
        <v>86</v>
      </c>
      <c r="Q41453">
        <v>21</v>
      </c>
      <c r="R41453">
        <v>21</v>
      </c>
      <c r="S41453">
        <v>21</v>
      </c>
      <c r="T41453">
        <v>21</v>
      </c>
      <c r="U41453">
        <v>21</v>
      </c>
      <c r="V41453">
        <v>22</v>
      </c>
      <c r="W41453">
        <v>22</v>
      </c>
      <c r="X41453">
        <v>22</v>
      </c>
      <c r="Y41453">
        <v>22</v>
      </c>
      <c r="Z41453">
        <v>22</v>
      </c>
      <c r="AA41453">
        <v>23</v>
      </c>
      <c r="AB41453">
        <v>23</v>
      </c>
      <c r="AC41453">
        <v>23</v>
      </c>
      <c r="AD41453">
        <v>23</v>
      </c>
      <c r="AE41453">
        <v>23</v>
      </c>
      <c r="AF41453">
        <v>24</v>
      </c>
      <c r="AG41453">
        <v>24</v>
      </c>
      <c r="AH41453">
        <v>24</v>
      </c>
      <c r="AI41453">
        <v>24</v>
      </c>
      <c r="AJ41453">
        <v>24</v>
      </c>
      <c r="AK41453">
        <v>24</v>
      </c>
      <c r="AL41453">
        <v>24</v>
      </c>
      <c r="AM41453">
        <v>24</v>
      </c>
      <c r="AN41453">
        <v>24</v>
      </c>
      <c r="AO41453">
        <v>24</v>
      </c>
      <c r="AP41453">
        <v>24</v>
      </c>
      <c r="AQ41453">
        <v>24</v>
      </c>
    </row>
    <row r="41454" spans="1:43">
      <c r="A41454" t="s">
        <v>25531</v>
      </c>
      <c r="B41454" t="s">
        <v>25532</v>
      </c>
      <c r="C41454" t="s">
        <v>435</v>
      </c>
      <c r="D41454" t="s">
        <v>436</v>
      </c>
      <c r="E41454" t="s">
        <v>353</v>
      </c>
      <c r="F41454" t="s">
        <v>354</v>
      </c>
      <c r="G41454" t="s">
        <v>80</v>
      </c>
      <c r="H41454" t="s">
        <v>81</v>
      </c>
      <c r="I41454" s="2">
        <v>1</v>
      </c>
      <c r="J41454" s="2">
        <v>0</v>
      </c>
      <c r="K41454" s="2">
        <v>0</v>
      </c>
      <c r="L41454" t="s">
        <v>120</v>
      </c>
      <c r="M41454" t="s">
        <v>83</v>
      </c>
      <c r="N41454" t="s">
        <v>84</v>
      </c>
      <c r="O41454" t="s">
        <v>85</v>
      </c>
      <c r="P41454" t="s">
        <v>86</v>
      </c>
      <c r="Q41454">
        <v>19</v>
      </c>
      <c r="R41454">
        <v>19</v>
      </c>
      <c r="S41454">
        <v>19</v>
      </c>
      <c r="T41454">
        <v>20</v>
      </c>
      <c r="U41454">
        <v>20</v>
      </c>
      <c r="V41454">
        <v>20</v>
      </c>
      <c r="W41454">
        <v>20</v>
      </c>
      <c r="X41454">
        <v>20</v>
      </c>
      <c r="Y41454">
        <v>21</v>
      </c>
      <c r="Z41454">
        <v>21</v>
      </c>
      <c r="AA41454">
        <v>21</v>
      </c>
      <c r="AB41454">
        <v>21</v>
      </c>
      <c r="AC41454">
        <v>21</v>
      </c>
      <c r="AD41454">
        <v>22</v>
      </c>
      <c r="AE41454">
        <v>22</v>
      </c>
      <c r="AF41454">
        <v>22</v>
      </c>
      <c r="AG41454">
        <v>22</v>
      </c>
      <c r="AH41454">
        <v>22</v>
      </c>
      <c r="AI41454">
        <v>22</v>
      </c>
      <c r="AJ41454">
        <v>23</v>
      </c>
      <c r="AK41454">
        <v>23</v>
      </c>
      <c r="AL41454">
        <v>23</v>
      </c>
      <c r="AM41454">
        <v>23</v>
      </c>
      <c r="AN41454">
        <v>23</v>
      </c>
      <c r="AO41454">
        <v>23</v>
      </c>
      <c r="AP41454">
        <v>23</v>
      </c>
      <c r="AQ41454">
        <v>22</v>
      </c>
    </row>
    <row r="41455" spans="1:43">
      <c r="A41455" t="s">
        <v>25531</v>
      </c>
      <c r="B41455" t="s">
        <v>25532</v>
      </c>
      <c r="C41455" t="s">
        <v>435</v>
      </c>
      <c r="D41455" t="s">
        <v>436</v>
      </c>
      <c r="E41455" t="s">
        <v>353</v>
      </c>
      <c r="F41455" t="s">
        <v>354</v>
      </c>
      <c r="G41455" t="s">
        <v>80</v>
      </c>
      <c r="H41455" t="s">
        <v>81</v>
      </c>
      <c r="I41455" s="2">
        <v>1</v>
      </c>
      <c r="J41455" s="2">
        <v>0</v>
      </c>
      <c r="K41455" s="2">
        <v>0</v>
      </c>
      <c r="L41455" t="s">
        <v>120</v>
      </c>
      <c r="M41455" t="s">
        <v>87</v>
      </c>
      <c r="N41455" t="s">
        <v>88</v>
      </c>
      <c r="O41455" t="s">
        <v>85</v>
      </c>
      <c r="P41455" t="s">
        <v>86</v>
      </c>
      <c r="Q41455">
        <v>19</v>
      </c>
      <c r="R41455">
        <v>19</v>
      </c>
      <c r="S41455">
        <v>19</v>
      </c>
      <c r="T41455">
        <v>19</v>
      </c>
      <c r="U41455">
        <v>19</v>
      </c>
      <c r="V41455">
        <v>19</v>
      </c>
      <c r="W41455">
        <v>19</v>
      </c>
      <c r="X41455">
        <v>19</v>
      </c>
      <c r="Y41455">
        <v>19</v>
      </c>
      <c r="Z41455">
        <v>19</v>
      </c>
      <c r="AA41455">
        <v>19</v>
      </c>
      <c r="AB41455">
        <v>19</v>
      </c>
      <c r="AC41455">
        <v>19</v>
      </c>
      <c r="AD41455">
        <v>19</v>
      </c>
      <c r="AE41455">
        <v>19</v>
      </c>
      <c r="AF41455">
        <v>19</v>
      </c>
      <c r="AG41455">
        <v>19</v>
      </c>
      <c r="AH41455">
        <v>19</v>
      </c>
      <c r="AI41455">
        <v>19</v>
      </c>
      <c r="AJ41455">
        <v>19</v>
      </c>
      <c r="AK41455">
        <v>19</v>
      </c>
      <c r="AL41455">
        <v>19</v>
      </c>
      <c r="AM41455">
        <v>19</v>
      </c>
      <c r="AN41455">
        <v>19</v>
      </c>
      <c r="AO41455">
        <v>19</v>
      </c>
      <c r="AP41455">
        <v>19</v>
      </c>
      <c r="AQ41455">
        <v>19</v>
      </c>
    </row>
    <row r="41456" spans="1:43">
      <c r="A41456" t="s">
        <v>25531</v>
      </c>
      <c r="B41456" t="s">
        <v>25532</v>
      </c>
      <c r="C41456" t="s">
        <v>435</v>
      </c>
      <c r="D41456" t="s">
        <v>436</v>
      </c>
      <c r="E41456" t="s">
        <v>353</v>
      </c>
      <c r="F41456" t="s">
        <v>354</v>
      </c>
      <c r="G41456" t="s">
        <v>80</v>
      </c>
      <c r="H41456" t="s">
        <v>81</v>
      </c>
      <c r="I41456" s="2">
        <v>1</v>
      </c>
      <c r="J41456" s="2">
        <v>0</v>
      </c>
      <c r="K41456" s="2">
        <v>0</v>
      </c>
      <c r="L41456" t="s">
        <v>120</v>
      </c>
      <c r="M41456" t="s">
        <v>89</v>
      </c>
      <c r="N41456" t="s">
        <v>90</v>
      </c>
      <c r="O41456" t="s">
        <v>85</v>
      </c>
      <c r="P41456" t="s">
        <v>86</v>
      </c>
      <c r="Q41456">
        <v>19</v>
      </c>
      <c r="R41456">
        <v>20</v>
      </c>
      <c r="S41456">
        <v>20</v>
      </c>
      <c r="T41456">
        <v>20</v>
      </c>
      <c r="U41456">
        <v>21</v>
      </c>
      <c r="V41456">
        <v>21</v>
      </c>
      <c r="W41456">
        <v>21</v>
      </c>
      <c r="X41456">
        <v>22</v>
      </c>
      <c r="Y41456">
        <v>22</v>
      </c>
      <c r="Z41456">
        <v>22</v>
      </c>
      <c r="AA41456">
        <v>22</v>
      </c>
      <c r="AB41456">
        <v>23</v>
      </c>
      <c r="AC41456">
        <v>23</v>
      </c>
      <c r="AD41456">
        <v>23</v>
      </c>
      <c r="AE41456">
        <v>23</v>
      </c>
      <c r="AF41456">
        <v>23</v>
      </c>
      <c r="AG41456">
        <v>23</v>
      </c>
      <c r="AH41456">
        <v>23</v>
      </c>
      <c r="AI41456">
        <v>23</v>
      </c>
      <c r="AJ41456">
        <v>23</v>
      </c>
      <c r="AK41456">
        <v>23</v>
      </c>
      <c r="AL41456">
        <v>23</v>
      </c>
      <c r="AM41456">
        <v>23</v>
      </c>
      <c r="AN41456">
        <v>23</v>
      </c>
      <c r="AO41456">
        <v>23</v>
      </c>
      <c r="AP41456">
        <v>23</v>
      </c>
      <c r="AQ41456">
        <v>23</v>
      </c>
    </row>
    <row r="41457" spans="1:43">
      <c r="A41457" t="s">
        <v>25531</v>
      </c>
      <c r="B41457" t="s">
        <v>25532</v>
      </c>
      <c r="C41457" t="s">
        <v>435</v>
      </c>
      <c r="D41457" t="s">
        <v>436</v>
      </c>
      <c r="E41457" t="s">
        <v>353</v>
      </c>
      <c r="F41457" t="s">
        <v>354</v>
      </c>
      <c r="G41457" t="s">
        <v>80</v>
      </c>
      <c r="H41457" t="s">
        <v>81</v>
      </c>
      <c r="I41457" s="2">
        <v>1</v>
      </c>
      <c r="J41457" s="2">
        <v>0</v>
      </c>
      <c r="K41457" s="2">
        <v>0</v>
      </c>
      <c r="L41457" t="s">
        <v>120</v>
      </c>
      <c r="M41457" t="s">
        <v>83</v>
      </c>
      <c r="N41457" t="s">
        <v>91</v>
      </c>
      <c r="O41457" t="s">
        <v>85</v>
      </c>
      <c r="P41457" t="s">
        <v>86</v>
      </c>
      <c r="Q41457">
        <v>19</v>
      </c>
      <c r="R41457">
        <v>19</v>
      </c>
      <c r="S41457">
        <v>19</v>
      </c>
      <c r="T41457">
        <v>20</v>
      </c>
      <c r="U41457">
        <v>20</v>
      </c>
      <c r="V41457">
        <v>20</v>
      </c>
      <c r="W41457">
        <v>20</v>
      </c>
      <c r="X41457">
        <v>20</v>
      </c>
      <c r="Y41457">
        <v>21</v>
      </c>
      <c r="Z41457">
        <v>21</v>
      </c>
      <c r="AA41457">
        <v>21</v>
      </c>
      <c r="AB41457">
        <v>21</v>
      </c>
      <c r="AC41457">
        <v>21</v>
      </c>
      <c r="AD41457">
        <v>22</v>
      </c>
      <c r="AE41457">
        <v>22</v>
      </c>
      <c r="AF41457">
        <v>22</v>
      </c>
      <c r="AG41457">
        <v>22</v>
      </c>
      <c r="AH41457">
        <v>22</v>
      </c>
      <c r="AI41457">
        <v>22</v>
      </c>
      <c r="AJ41457">
        <v>23</v>
      </c>
      <c r="AK41457">
        <v>23</v>
      </c>
      <c r="AL41457">
        <v>23</v>
      </c>
      <c r="AM41457">
        <v>23</v>
      </c>
      <c r="AN41457">
        <v>23</v>
      </c>
      <c r="AO41457">
        <v>23</v>
      </c>
      <c r="AP41457">
        <v>23</v>
      </c>
      <c r="AQ41457">
        <v>22</v>
      </c>
    </row>
    <row r="41458" spans="1:43">
      <c r="A41458" t="s">
        <v>25533</v>
      </c>
      <c r="B41458" t="s">
        <v>25534</v>
      </c>
      <c r="C41458" t="s">
        <v>435</v>
      </c>
      <c r="D41458" t="s">
        <v>436</v>
      </c>
      <c r="E41458" t="s">
        <v>353</v>
      </c>
      <c r="F41458" t="s">
        <v>354</v>
      </c>
      <c r="G41458" t="s">
        <v>80</v>
      </c>
      <c r="H41458" t="s">
        <v>81</v>
      </c>
      <c r="I41458" s="2">
        <v>1</v>
      </c>
      <c r="J41458" s="2">
        <v>0</v>
      </c>
      <c r="K41458" s="2">
        <v>0</v>
      </c>
      <c r="L41458" t="s">
        <v>120</v>
      </c>
      <c r="M41458" t="s">
        <v>83</v>
      </c>
      <c r="N41458" t="s">
        <v>84</v>
      </c>
      <c r="O41458" t="s">
        <v>85</v>
      </c>
      <c r="P41458" t="s">
        <v>86</v>
      </c>
      <c r="Q41458">
        <v>27</v>
      </c>
      <c r="R41458">
        <v>27</v>
      </c>
      <c r="S41458">
        <v>28</v>
      </c>
      <c r="T41458">
        <v>28</v>
      </c>
      <c r="U41458">
        <v>28</v>
      </c>
      <c r="V41458">
        <v>29</v>
      </c>
      <c r="W41458">
        <v>29</v>
      </c>
      <c r="X41458">
        <v>29</v>
      </c>
      <c r="Y41458">
        <v>29</v>
      </c>
      <c r="Z41458">
        <v>30</v>
      </c>
      <c r="AA41458">
        <v>30</v>
      </c>
      <c r="AB41458">
        <v>30</v>
      </c>
      <c r="AC41458">
        <v>30</v>
      </c>
      <c r="AD41458">
        <v>31</v>
      </c>
      <c r="AE41458">
        <v>31</v>
      </c>
      <c r="AF41458">
        <v>31</v>
      </c>
      <c r="AG41458">
        <v>31</v>
      </c>
      <c r="AH41458">
        <v>32</v>
      </c>
      <c r="AI41458">
        <v>32</v>
      </c>
      <c r="AJ41458">
        <v>32</v>
      </c>
      <c r="AK41458">
        <v>32</v>
      </c>
      <c r="AL41458">
        <v>32</v>
      </c>
      <c r="AM41458">
        <v>32</v>
      </c>
      <c r="AN41458">
        <v>32</v>
      </c>
      <c r="AO41458">
        <v>32</v>
      </c>
      <c r="AP41458">
        <v>32</v>
      </c>
      <c r="AQ41458">
        <v>32</v>
      </c>
    </row>
    <row r="41459" spans="1:43">
      <c r="A41459" t="s">
        <v>25533</v>
      </c>
      <c r="B41459" t="s">
        <v>25534</v>
      </c>
      <c r="C41459" t="s">
        <v>435</v>
      </c>
      <c r="D41459" t="s">
        <v>436</v>
      </c>
      <c r="E41459" t="s">
        <v>353</v>
      </c>
      <c r="F41459" t="s">
        <v>354</v>
      </c>
      <c r="G41459" t="s">
        <v>80</v>
      </c>
      <c r="H41459" t="s">
        <v>81</v>
      </c>
      <c r="I41459" s="2">
        <v>1</v>
      </c>
      <c r="J41459" s="2">
        <v>0</v>
      </c>
      <c r="K41459" s="2">
        <v>0</v>
      </c>
      <c r="L41459" t="s">
        <v>120</v>
      </c>
      <c r="M41459" t="s">
        <v>87</v>
      </c>
      <c r="N41459" t="s">
        <v>88</v>
      </c>
      <c r="O41459" t="s">
        <v>85</v>
      </c>
      <c r="P41459" t="s">
        <v>86</v>
      </c>
      <c r="Q41459">
        <v>27</v>
      </c>
      <c r="R41459">
        <v>27</v>
      </c>
      <c r="S41459">
        <v>27</v>
      </c>
      <c r="T41459">
        <v>27</v>
      </c>
      <c r="U41459">
        <v>27</v>
      </c>
      <c r="V41459">
        <v>27</v>
      </c>
      <c r="W41459">
        <v>27</v>
      </c>
      <c r="X41459">
        <v>27</v>
      </c>
      <c r="Y41459">
        <v>27</v>
      </c>
      <c r="Z41459">
        <v>27</v>
      </c>
      <c r="AA41459">
        <v>27</v>
      </c>
      <c r="AB41459">
        <v>27</v>
      </c>
      <c r="AC41459">
        <v>27</v>
      </c>
      <c r="AD41459">
        <v>27</v>
      </c>
      <c r="AE41459">
        <v>27</v>
      </c>
      <c r="AF41459">
        <v>27</v>
      </c>
      <c r="AG41459">
        <v>28</v>
      </c>
      <c r="AH41459">
        <v>28</v>
      </c>
      <c r="AI41459">
        <v>28</v>
      </c>
      <c r="AJ41459">
        <v>28</v>
      </c>
      <c r="AK41459">
        <v>28</v>
      </c>
      <c r="AL41459">
        <v>28</v>
      </c>
      <c r="AM41459">
        <v>28</v>
      </c>
      <c r="AN41459">
        <v>28</v>
      </c>
      <c r="AO41459">
        <v>28</v>
      </c>
      <c r="AP41459">
        <v>28</v>
      </c>
      <c r="AQ41459">
        <v>28</v>
      </c>
    </row>
    <row r="41460" spans="1:43">
      <c r="A41460" t="s">
        <v>25533</v>
      </c>
      <c r="B41460" t="s">
        <v>25534</v>
      </c>
      <c r="C41460" t="s">
        <v>435</v>
      </c>
      <c r="D41460" t="s">
        <v>436</v>
      </c>
      <c r="E41460" t="s">
        <v>353</v>
      </c>
      <c r="F41460" t="s">
        <v>354</v>
      </c>
      <c r="G41460" t="s">
        <v>80</v>
      </c>
      <c r="H41460" t="s">
        <v>81</v>
      </c>
      <c r="I41460" s="2">
        <v>1</v>
      </c>
      <c r="J41460" s="2">
        <v>0</v>
      </c>
      <c r="K41460" s="2">
        <v>0</v>
      </c>
      <c r="L41460" t="s">
        <v>120</v>
      </c>
      <c r="M41460" t="s">
        <v>89</v>
      </c>
      <c r="N41460" t="s">
        <v>90</v>
      </c>
      <c r="O41460" t="s">
        <v>85</v>
      </c>
      <c r="P41460" t="s">
        <v>86</v>
      </c>
      <c r="Q41460">
        <v>27</v>
      </c>
      <c r="R41460">
        <v>28</v>
      </c>
      <c r="S41460">
        <v>28</v>
      </c>
      <c r="T41460">
        <v>29</v>
      </c>
      <c r="U41460">
        <v>29</v>
      </c>
      <c r="V41460">
        <v>30</v>
      </c>
      <c r="W41460">
        <v>30</v>
      </c>
      <c r="X41460">
        <v>31</v>
      </c>
      <c r="Y41460">
        <v>31</v>
      </c>
      <c r="Z41460">
        <v>31</v>
      </c>
      <c r="AA41460">
        <v>32</v>
      </c>
      <c r="AB41460">
        <v>32</v>
      </c>
      <c r="AC41460">
        <v>33</v>
      </c>
      <c r="AD41460">
        <v>33</v>
      </c>
      <c r="AE41460">
        <v>33</v>
      </c>
      <c r="AF41460">
        <v>33</v>
      </c>
      <c r="AG41460">
        <v>33</v>
      </c>
      <c r="AH41460">
        <v>33</v>
      </c>
      <c r="AI41460">
        <v>33</v>
      </c>
      <c r="AJ41460">
        <v>33</v>
      </c>
      <c r="AK41460">
        <v>33</v>
      </c>
      <c r="AL41460">
        <v>33</v>
      </c>
      <c r="AM41460">
        <v>33</v>
      </c>
      <c r="AN41460">
        <v>33</v>
      </c>
      <c r="AO41460">
        <v>32</v>
      </c>
      <c r="AP41460">
        <v>32</v>
      </c>
      <c r="AQ41460">
        <v>32</v>
      </c>
    </row>
    <row r="41461" spans="1:43">
      <c r="A41461" t="s">
        <v>25533</v>
      </c>
      <c r="B41461" t="s">
        <v>25534</v>
      </c>
      <c r="C41461" t="s">
        <v>435</v>
      </c>
      <c r="D41461" t="s">
        <v>436</v>
      </c>
      <c r="E41461" t="s">
        <v>353</v>
      </c>
      <c r="F41461" t="s">
        <v>354</v>
      </c>
      <c r="G41461" t="s">
        <v>80</v>
      </c>
      <c r="H41461" t="s">
        <v>81</v>
      </c>
      <c r="I41461" s="2">
        <v>1</v>
      </c>
      <c r="J41461" s="2">
        <v>0</v>
      </c>
      <c r="K41461" s="2">
        <v>0</v>
      </c>
      <c r="L41461" t="s">
        <v>120</v>
      </c>
      <c r="M41461" t="s">
        <v>83</v>
      </c>
      <c r="N41461" t="s">
        <v>91</v>
      </c>
      <c r="O41461" t="s">
        <v>85</v>
      </c>
      <c r="P41461" t="s">
        <v>86</v>
      </c>
      <c r="Q41461">
        <v>27</v>
      </c>
      <c r="R41461">
        <v>27</v>
      </c>
      <c r="S41461">
        <v>28</v>
      </c>
      <c r="T41461">
        <v>28</v>
      </c>
      <c r="U41461">
        <v>28</v>
      </c>
      <c r="V41461">
        <v>29</v>
      </c>
      <c r="W41461">
        <v>29</v>
      </c>
      <c r="X41461">
        <v>29</v>
      </c>
      <c r="Y41461">
        <v>29</v>
      </c>
      <c r="Z41461">
        <v>30</v>
      </c>
      <c r="AA41461">
        <v>30</v>
      </c>
      <c r="AB41461">
        <v>30</v>
      </c>
      <c r="AC41461">
        <v>30</v>
      </c>
      <c r="AD41461">
        <v>31</v>
      </c>
      <c r="AE41461">
        <v>31</v>
      </c>
      <c r="AF41461">
        <v>31</v>
      </c>
      <c r="AG41461">
        <v>31</v>
      </c>
      <c r="AH41461">
        <v>32</v>
      </c>
      <c r="AI41461">
        <v>32</v>
      </c>
      <c r="AJ41461">
        <v>32</v>
      </c>
      <c r="AK41461">
        <v>32</v>
      </c>
      <c r="AL41461">
        <v>32</v>
      </c>
      <c r="AM41461">
        <v>32</v>
      </c>
      <c r="AN41461">
        <v>32</v>
      </c>
      <c r="AO41461">
        <v>32</v>
      </c>
      <c r="AP41461">
        <v>32</v>
      </c>
      <c r="AQ41461">
        <v>32</v>
      </c>
    </row>
    <row r="41462" spans="1:43">
      <c r="A41462" t="s">
        <v>25535</v>
      </c>
      <c r="B41462" t="s">
        <v>25536</v>
      </c>
      <c r="C41462" t="s">
        <v>435</v>
      </c>
      <c r="D41462" t="s">
        <v>436</v>
      </c>
      <c r="E41462" t="s">
        <v>353</v>
      </c>
      <c r="F41462" t="s">
        <v>354</v>
      </c>
      <c r="G41462" t="s">
        <v>80</v>
      </c>
      <c r="H41462" t="s">
        <v>81</v>
      </c>
      <c r="I41462" s="2">
        <v>1</v>
      </c>
      <c r="J41462" s="2">
        <v>0</v>
      </c>
      <c r="K41462" s="2">
        <v>0</v>
      </c>
      <c r="L41462" t="s">
        <v>120</v>
      </c>
      <c r="M41462" t="s">
        <v>83</v>
      </c>
      <c r="N41462" t="s">
        <v>84</v>
      </c>
      <c r="O41462" t="s">
        <v>85</v>
      </c>
      <c r="P41462" t="s">
        <v>86</v>
      </c>
      <c r="Q41462">
        <v>16</v>
      </c>
      <c r="R41462">
        <v>17</v>
      </c>
      <c r="S41462">
        <v>17</v>
      </c>
      <c r="T41462">
        <v>17</v>
      </c>
      <c r="U41462">
        <v>17</v>
      </c>
      <c r="V41462">
        <v>17</v>
      </c>
      <c r="W41462">
        <v>18</v>
      </c>
      <c r="X41462">
        <v>18</v>
      </c>
      <c r="Y41462">
        <v>18</v>
      </c>
      <c r="Z41462">
        <v>18</v>
      </c>
      <c r="AA41462">
        <v>18</v>
      </c>
      <c r="AB41462">
        <v>18</v>
      </c>
      <c r="AC41462">
        <v>18</v>
      </c>
      <c r="AD41462">
        <v>19</v>
      </c>
      <c r="AE41462">
        <v>19</v>
      </c>
      <c r="AF41462">
        <v>19</v>
      </c>
      <c r="AG41462">
        <v>19</v>
      </c>
      <c r="AH41462">
        <v>19</v>
      </c>
      <c r="AI41462">
        <v>19</v>
      </c>
      <c r="AJ41462">
        <v>20</v>
      </c>
      <c r="AK41462">
        <v>20</v>
      </c>
      <c r="AL41462">
        <v>20</v>
      </c>
      <c r="AM41462">
        <v>20</v>
      </c>
      <c r="AN41462">
        <v>20</v>
      </c>
      <c r="AO41462">
        <v>20</v>
      </c>
      <c r="AP41462">
        <v>20</v>
      </c>
      <c r="AQ41462">
        <v>19</v>
      </c>
    </row>
    <row r="41463" spans="1:43">
      <c r="A41463" t="s">
        <v>25535</v>
      </c>
      <c r="B41463" t="s">
        <v>25536</v>
      </c>
      <c r="C41463" t="s">
        <v>435</v>
      </c>
      <c r="D41463" t="s">
        <v>436</v>
      </c>
      <c r="E41463" t="s">
        <v>353</v>
      </c>
      <c r="F41463" t="s">
        <v>354</v>
      </c>
      <c r="G41463" t="s">
        <v>80</v>
      </c>
      <c r="H41463" t="s">
        <v>81</v>
      </c>
      <c r="I41463" s="2">
        <v>1</v>
      </c>
      <c r="J41463" s="2">
        <v>0</v>
      </c>
      <c r="K41463" s="2">
        <v>0</v>
      </c>
      <c r="L41463" t="s">
        <v>120</v>
      </c>
      <c r="M41463" t="s">
        <v>87</v>
      </c>
      <c r="N41463" t="s">
        <v>88</v>
      </c>
      <c r="O41463" t="s">
        <v>85</v>
      </c>
      <c r="P41463" t="s">
        <v>86</v>
      </c>
      <c r="Q41463">
        <v>16</v>
      </c>
      <c r="R41463">
        <v>16</v>
      </c>
      <c r="S41463">
        <v>16</v>
      </c>
      <c r="T41463">
        <v>16</v>
      </c>
      <c r="U41463">
        <v>16</v>
      </c>
      <c r="V41463">
        <v>16</v>
      </c>
      <c r="W41463">
        <v>16</v>
      </c>
      <c r="X41463">
        <v>17</v>
      </c>
      <c r="Y41463">
        <v>17</v>
      </c>
      <c r="Z41463">
        <v>17</v>
      </c>
      <c r="AA41463">
        <v>17</v>
      </c>
      <c r="AB41463">
        <v>17</v>
      </c>
      <c r="AC41463">
        <v>17</v>
      </c>
      <c r="AD41463">
        <v>17</v>
      </c>
      <c r="AE41463">
        <v>17</v>
      </c>
      <c r="AF41463">
        <v>17</v>
      </c>
      <c r="AG41463">
        <v>17</v>
      </c>
      <c r="AH41463">
        <v>17</v>
      </c>
      <c r="AI41463">
        <v>17</v>
      </c>
      <c r="AJ41463">
        <v>17</v>
      </c>
      <c r="AK41463">
        <v>17</v>
      </c>
      <c r="AL41463">
        <v>17</v>
      </c>
      <c r="AM41463">
        <v>17</v>
      </c>
      <c r="AN41463">
        <v>17</v>
      </c>
      <c r="AO41463">
        <v>17</v>
      </c>
      <c r="AP41463">
        <v>17</v>
      </c>
      <c r="AQ41463">
        <v>17</v>
      </c>
    </row>
    <row r="41464" spans="1:43">
      <c r="A41464" t="s">
        <v>25535</v>
      </c>
      <c r="B41464" t="s">
        <v>25536</v>
      </c>
      <c r="C41464" t="s">
        <v>435</v>
      </c>
      <c r="D41464" t="s">
        <v>436</v>
      </c>
      <c r="E41464" t="s">
        <v>353</v>
      </c>
      <c r="F41464" t="s">
        <v>354</v>
      </c>
      <c r="G41464" t="s">
        <v>80</v>
      </c>
      <c r="H41464" t="s">
        <v>81</v>
      </c>
      <c r="I41464" s="2">
        <v>1</v>
      </c>
      <c r="J41464" s="2">
        <v>0</v>
      </c>
      <c r="K41464" s="2">
        <v>0</v>
      </c>
      <c r="L41464" t="s">
        <v>120</v>
      </c>
      <c r="M41464" t="s">
        <v>89</v>
      </c>
      <c r="N41464" t="s">
        <v>90</v>
      </c>
      <c r="O41464" t="s">
        <v>85</v>
      </c>
      <c r="P41464" t="s">
        <v>86</v>
      </c>
      <c r="Q41464">
        <v>16</v>
      </c>
      <c r="R41464">
        <v>16</v>
      </c>
      <c r="S41464">
        <v>16</v>
      </c>
      <c r="T41464">
        <v>17</v>
      </c>
      <c r="U41464">
        <v>17</v>
      </c>
      <c r="V41464">
        <v>17</v>
      </c>
      <c r="W41464">
        <v>17</v>
      </c>
      <c r="X41464">
        <v>18</v>
      </c>
      <c r="Y41464">
        <v>18</v>
      </c>
      <c r="Z41464">
        <v>18</v>
      </c>
      <c r="AA41464">
        <v>18</v>
      </c>
      <c r="AB41464">
        <v>19</v>
      </c>
      <c r="AC41464">
        <v>19</v>
      </c>
      <c r="AD41464">
        <v>19</v>
      </c>
      <c r="AE41464">
        <v>19</v>
      </c>
      <c r="AF41464">
        <v>19</v>
      </c>
      <c r="AG41464">
        <v>19</v>
      </c>
      <c r="AH41464">
        <v>19</v>
      </c>
      <c r="AI41464">
        <v>19</v>
      </c>
      <c r="AJ41464">
        <v>19</v>
      </c>
      <c r="AK41464">
        <v>19</v>
      </c>
      <c r="AL41464">
        <v>19</v>
      </c>
      <c r="AM41464">
        <v>19</v>
      </c>
      <c r="AN41464">
        <v>19</v>
      </c>
      <c r="AO41464">
        <v>19</v>
      </c>
      <c r="AP41464">
        <v>19</v>
      </c>
      <c r="AQ41464">
        <v>19</v>
      </c>
    </row>
    <row r="41465" spans="1:43">
      <c r="A41465" t="s">
        <v>25535</v>
      </c>
      <c r="B41465" t="s">
        <v>25536</v>
      </c>
      <c r="C41465" t="s">
        <v>435</v>
      </c>
      <c r="D41465" t="s">
        <v>436</v>
      </c>
      <c r="E41465" t="s">
        <v>353</v>
      </c>
      <c r="F41465" t="s">
        <v>354</v>
      </c>
      <c r="G41465" t="s">
        <v>80</v>
      </c>
      <c r="H41465" t="s">
        <v>81</v>
      </c>
      <c r="I41465" s="2">
        <v>1</v>
      </c>
      <c r="J41465" s="2">
        <v>0</v>
      </c>
      <c r="K41465" s="2">
        <v>0</v>
      </c>
      <c r="L41465" t="s">
        <v>120</v>
      </c>
      <c r="M41465" t="s">
        <v>83</v>
      </c>
      <c r="N41465" t="s">
        <v>91</v>
      </c>
      <c r="O41465" t="s">
        <v>85</v>
      </c>
      <c r="P41465" t="s">
        <v>86</v>
      </c>
      <c r="Q41465">
        <v>16</v>
      </c>
      <c r="R41465">
        <v>17</v>
      </c>
      <c r="S41465">
        <v>17</v>
      </c>
      <c r="T41465">
        <v>17</v>
      </c>
      <c r="U41465">
        <v>17</v>
      </c>
      <c r="V41465">
        <v>17</v>
      </c>
      <c r="W41465">
        <v>18</v>
      </c>
      <c r="X41465">
        <v>18</v>
      </c>
      <c r="Y41465">
        <v>18</v>
      </c>
      <c r="Z41465">
        <v>18</v>
      </c>
      <c r="AA41465">
        <v>18</v>
      </c>
      <c r="AB41465">
        <v>18</v>
      </c>
      <c r="AC41465">
        <v>18</v>
      </c>
      <c r="AD41465">
        <v>19</v>
      </c>
      <c r="AE41465">
        <v>19</v>
      </c>
      <c r="AF41465">
        <v>19</v>
      </c>
      <c r="AG41465">
        <v>19</v>
      </c>
      <c r="AH41465">
        <v>19</v>
      </c>
      <c r="AI41465">
        <v>19</v>
      </c>
      <c r="AJ41465">
        <v>20</v>
      </c>
      <c r="AK41465">
        <v>20</v>
      </c>
      <c r="AL41465">
        <v>20</v>
      </c>
      <c r="AM41465">
        <v>20</v>
      </c>
      <c r="AN41465">
        <v>20</v>
      </c>
      <c r="AO41465">
        <v>20</v>
      </c>
      <c r="AP41465">
        <v>20</v>
      </c>
      <c r="AQ41465">
        <v>19</v>
      </c>
    </row>
    <row r="41466" spans="1:43">
      <c r="A41466" t="s">
        <v>25537</v>
      </c>
      <c r="B41466" t="s">
        <v>25538</v>
      </c>
      <c r="C41466" t="s">
        <v>3054</v>
      </c>
      <c r="D41466" t="s">
        <v>3055</v>
      </c>
      <c r="E41466" t="s">
        <v>2928</v>
      </c>
      <c r="F41466" t="s">
        <v>2929</v>
      </c>
      <c r="G41466" t="s">
        <v>80</v>
      </c>
      <c r="H41466" t="s">
        <v>81</v>
      </c>
      <c r="I41466" s="2">
        <v>1</v>
      </c>
      <c r="J41466" s="2">
        <v>0</v>
      </c>
      <c r="K41466" s="2">
        <v>0</v>
      </c>
      <c r="L41466" t="s">
        <v>120</v>
      </c>
      <c r="M41466" t="s">
        <v>83</v>
      </c>
      <c r="N41466" t="s">
        <v>84</v>
      </c>
      <c r="O41466" t="s">
        <v>85</v>
      </c>
      <c r="P41466" t="s">
        <v>86</v>
      </c>
      <c r="Q41466">
        <v>63</v>
      </c>
      <c r="R41466">
        <v>63</v>
      </c>
      <c r="S41466">
        <v>63</v>
      </c>
      <c r="T41466">
        <v>64</v>
      </c>
      <c r="U41466">
        <v>64</v>
      </c>
      <c r="V41466">
        <v>64</v>
      </c>
      <c r="W41466">
        <v>65</v>
      </c>
      <c r="X41466">
        <v>65</v>
      </c>
      <c r="Y41466">
        <v>65</v>
      </c>
      <c r="Z41466">
        <v>65</v>
      </c>
      <c r="AA41466">
        <v>65</v>
      </c>
      <c r="AB41466">
        <v>66</v>
      </c>
      <c r="AC41466">
        <v>66</v>
      </c>
      <c r="AD41466">
        <v>66</v>
      </c>
      <c r="AE41466">
        <v>66</v>
      </c>
      <c r="AF41466">
        <v>66</v>
      </c>
      <c r="AG41466">
        <v>67</v>
      </c>
      <c r="AH41466">
        <v>67</v>
      </c>
      <c r="AI41466">
        <v>67</v>
      </c>
      <c r="AJ41466">
        <v>67</v>
      </c>
      <c r="AK41466">
        <v>67</v>
      </c>
      <c r="AL41466">
        <v>67</v>
      </c>
      <c r="AM41466">
        <v>66</v>
      </c>
      <c r="AN41466">
        <v>66</v>
      </c>
      <c r="AO41466">
        <v>66</v>
      </c>
      <c r="AP41466">
        <v>65</v>
      </c>
      <c r="AQ41466">
        <v>65</v>
      </c>
    </row>
    <row r="41467" spans="1:43">
      <c r="A41467" t="s">
        <v>25537</v>
      </c>
      <c r="B41467" t="s">
        <v>25538</v>
      </c>
      <c r="C41467" t="s">
        <v>3054</v>
      </c>
      <c r="D41467" t="s">
        <v>3055</v>
      </c>
      <c r="E41467" t="s">
        <v>2928</v>
      </c>
      <c r="F41467" t="s">
        <v>2929</v>
      </c>
      <c r="G41467" t="s">
        <v>80</v>
      </c>
      <c r="H41467" t="s">
        <v>81</v>
      </c>
      <c r="I41467" s="2">
        <v>1</v>
      </c>
      <c r="J41467" s="2">
        <v>0</v>
      </c>
      <c r="K41467" s="2">
        <v>0</v>
      </c>
      <c r="L41467" t="s">
        <v>120</v>
      </c>
      <c r="M41467" t="s">
        <v>87</v>
      </c>
      <c r="N41467" t="s">
        <v>88</v>
      </c>
      <c r="O41467" t="s">
        <v>85</v>
      </c>
      <c r="P41467" t="s">
        <v>86</v>
      </c>
      <c r="Q41467">
        <v>63</v>
      </c>
      <c r="R41467">
        <v>63</v>
      </c>
      <c r="S41467">
        <v>63</v>
      </c>
      <c r="T41467">
        <v>62</v>
      </c>
      <c r="U41467">
        <v>62</v>
      </c>
      <c r="V41467">
        <v>62</v>
      </c>
      <c r="W41467">
        <v>62</v>
      </c>
      <c r="X41467">
        <v>61</v>
      </c>
      <c r="Y41467">
        <v>61</v>
      </c>
      <c r="Z41467">
        <v>61</v>
      </c>
      <c r="AA41467">
        <v>61</v>
      </c>
      <c r="AB41467">
        <v>60</v>
      </c>
      <c r="AC41467">
        <v>60</v>
      </c>
      <c r="AD41467">
        <v>60</v>
      </c>
      <c r="AE41467">
        <v>60</v>
      </c>
      <c r="AF41467">
        <v>60</v>
      </c>
      <c r="AG41467">
        <v>59</v>
      </c>
      <c r="AH41467">
        <v>59</v>
      </c>
      <c r="AI41467">
        <v>59</v>
      </c>
      <c r="AJ41467">
        <v>59</v>
      </c>
      <c r="AK41467">
        <v>58</v>
      </c>
      <c r="AL41467">
        <v>58</v>
      </c>
      <c r="AM41467">
        <v>58</v>
      </c>
      <c r="AN41467">
        <v>58</v>
      </c>
      <c r="AO41467">
        <v>57</v>
      </c>
      <c r="AP41467">
        <v>57</v>
      </c>
      <c r="AQ41467">
        <v>57</v>
      </c>
    </row>
    <row r="41468" spans="1:43">
      <c r="A41468" t="s">
        <v>25537</v>
      </c>
      <c r="B41468" t="s">
        <v>25538</v>
      </c>
      <c r="C41468" t="s">
        <v>3054</v>
      </c>
      <c r="D41468" t="s">
        <v>3055</v>
      </c>
      <c r="E41468" t="s">
        <v>2928</v>
      </c>
      <c r="F41468" t="s">
        <v>2929</v>
      </c>
      <c r="G41468" t="s">
        <v>80</v>
      </c>
      <c r="H41468" t="s">
        <v>81</v>
      </c>
      <c r="I41468" s="2">
        <v>1</v>
      </c>
      <c r="J41468" s="2">
        <v>0</v>
      </c>
      <c r="K41468" s="2">
        <v>0</v>
      </c>
      <c r="L41468" t="s">
        <v>120</v>
      </c>
      <c r="M41468" t="s">
        <v>89</v>
      </c>
      <c r="N41468" t="s">
        <v>90</v>
      </c>
      <c r="O41468" t="s">
        <v>85</v>
      </c>
      <c r="P41468" t="s">
        <v>86</v>
      </c>
      <c r="Q41468">
        <v>63</v>
      </c>
      <c r="R41468">
        <v>64</v>
      </c>
      <c r="S41468">
        <v>65</v>
      </c>
      <c r="T41468">
        <v>66</v>
      </c>
      <c r="U41468">
        <v>67</v>
      </c>
      <c r="V41468">
        <v>67</v>
      </c>
      <c r="W41468">
        <v>68</v>
      </c>
      <c r="X41468">
        <v>68</v>
      </c>
      <c r="Y41468">
        <v>69</v>
      </c>
      <c r="Z41468">
        <v>69</v>
      </c>
      <c r="AA41468">
        <v>70</v>
      </c>
      <c r="AB41468">
        <v>70</v>
      </c>
      <c r="AC41468">
        <v>71</v>
      </c>
      <c r="AD41468">
        <v>71</v>
      </c>
      <c r="AE41468">
        <v>71</v>
      </c>
      <c r="AF41468">
        <v>71</v>
      </c>
      <c r="AG41468">
        <v>70</v>
      </c>
      <c r="AH41468">
        <v>70</v>
      </c>
      <c r="AI41468">
        <v>69</v>
      </c>
      <c r="AJ41468">
        <v>69</v>
      </c>
      <c r="AK41468">
        <v>68</v>
      </c>
      <c r="AL41468">
        <v>68</v>
      </c>
      <c r="AM41468">
        <v>68</v>
      </c>
      <c r="AN41468">
        <v>67</v>
      </c>
      <c r="AO41468">
        <v>67</v>
      </c>
      <c r="AP41468">
        <v>66</v>
      </c>
      <c r="AQ41468">
        <v>66</v>
      </c>
    </row>
    <row r="41469" spans="1:43">
      <c r="A41469" t="s">
        <v>25537</v>
      </c>
      <c r="B41469" t="s">
        <v>25538</v>
      </c>
      <c r="C41469" t="s">
        <v>3054</v>
      </c>
      <c r="D41469" t="s">
        <v>3055</v>
      </c>
      <c r="E41469" t="s">
        <v>2928</v>
      </c>
      <c r="F41469" t="s">
        <v>2929</v>
      </c>
      <c r="G41469" t="s">
        <v>80</v>
      </c>
      <c r="H41469" t="s">
        <v>81</v>
      </c>
      <c r="I41469" s="2">
        <v>1</v>
      </c>
      <c r="J41469" s="2">
        <v>0</v>
      </c>
      <c r="K41469" s="2">
        <v>0</v>
      </c>
      <c r="L41469" t="s">
        <v>120</v>
      </c>
      <c r="M41469" t="s">
        <v>83</v>
      </c>
      <c r="N41469" t="s">
        <v>91</v>
      </c>
      <c r="O41469" t="s">
        <v>85</v>
      </c>
      <c r="P41469" t="s">
        <v>86</v>
      </c>
      <c r="Q41469">
        <v>63</v>
      </c>
      <c r="R41469">
        <v>63</v>
      </c>
      <c r="S41469">
        <v>63</v>
      </c>
      <c r="T41469">
        <v>64</v>
      </c>
      <c r="U41469">
        <v>64</v>
      </c>
      <c r="V41469">
        <v>64</v>
      </c>
      <c r="W41469">
        <v>65</v>
      </c>
      <c r="X41469">
        <v>65</v>
      </c>
      <c r="Y41469">
        <v>65</v>
      </c>
      <c r="Z41469">
        <v>65</v>
      </c>
      <c r="AA41469">
        <v>65</v>
      </c>
      <c r="AB41469">
        <v>66</v>
      </c>
      <c r="AC41469">
        <v>66</v>
      </c>
      <c r="AD41469">
        <v>66</v>
      </c>
      <c r="AE41469">
        <v>66</v>
      </c>
      <c r="AF41469">
        <v>66</v>
      </c>
      <c r="AG41469">
        <v>67</v>
      </c>
      <c r="AH41469">
        <v>67</v>
      </c>
      <c r="AI41469">
        <v>67</v>
      </c>
      <c r="AJ41469">
        <v>67</v>
      </c>
      <c r="AK41469">
        <v>67</v>
      </c>
      <c r="AL41469">
        <v>67</v>
      </c>
      <c r="AM41469">
        <v>66</v>
      </c>
      <c r="AN41469">
        <v>66</v>
      </c>
      <c r="AO41469">
        <v>66</v>
      </c>
      <c r="AP41469">
        <v>65</v>
      </c>
      <c r="AQ41469">
        <v>65</v>
      </c>
    </row>
    <row r="41470" spans="1:43">
      <c r="A41470" t="s">
        <v>25539</v>
      </c>
      <c r="B41470" t="s">
        <v>25540</v>
      </c>
      <c r="C41470" t="s">
        <v>3008</v>
      </c>
      <c r="D41470" t="s">
        <v>3009</v>
      </c>
      <c r="E41470" t="s">
        <v>2928</v>
      </c>
      <c r="F41470" t="s">
        <v>2929</v>
      </c>
      <c r="G41470" t="s">
        <v>80</v>
      </c>
      <c r="H41470" t="s">
        <v>81</v>
      </c>
      <c r="I41470" s="2">
        <v>1</v>
      </c>
      <c r="J41470" s="2">
        <v>0</v>
      </c>
      <c r="K41470" s="2">
        <v>0</v>
      </c>
      <c r="L41470" t="s">
        <v>120</v>
      </c>
      <c r="M41470" t="s">
        <v>83</v>
      </c>
      <c r="N41470" t="s">
        <v>84</v>
      </c>
      <c r="O41470" t="s">
        <v>85</v>
      </c>
      <c r="P41470" t="s">
        <v>86</v>
      </c>
      <c r="Q41470">
        <v>137</v>
      </c>
      <c r="R41470">
        <v>138</v>
      </c>
      <c r="S41470">
        <v>138</v>
      </c>
      <c r="T41470">
        <v>139</v>
      </c>
      <c r="U41470">
        <v>139</v>
      </c>
      <c r="V41470">
        <v>140</v>
      </c>
      <c r="W41470">
        <v>140</v>
      </c>
      <c r="X41470">
        <v>141</v>
      </c>
      <c r="Y41470">
        <v>141</v>
      </c>
      <c r="Z41470">
        <v>141</v>
      </c>
      <c r="AA41470">
        <v>141</v>
      </c>
      <c r="AB41470">
        <v>142</v>
      </c>
      <c r="AC41470">
        <v>142</v>
      </c>
      <c r="AD41470">
        <v>142</v>
      </c>
      <c r="AE41470">
        <v>142</v>
      </c>
      <c r="AF41470">
        <v>142</v>
      </c>
      <c r="AG41470">
        <v>143</v>
      </c>
      <c r="AH41470">
        <v>143</v>
      </c>
      <c r="AI41470">
        <v>143</v>
      </c>
      <c r="AJ41470">
        <v>143</v>
      </c>
      <c r="AK41470">
        <v>143</v>
      </c>
      <c r="AL41470">
        <v>142</v>
      </c>
      <c r="AM41470">
        <v>141</v>
      </c>
      <c r="AN41470">
        <v>140</v>
      </c>
      <c r="AO41470">
        <v>139</v>
      </c>
      <c r="AP41470">
        <v>138</v>
      </c>
      <c r="AQ41470">
        <v>137</v>
      </c>
    </row>
    <row r="41471" spans="1:43">
      <c r="A41471" t="s">
        <v>25539</v>
      </c>
      <c r="B41471" t="s">
        <v>25540</v>
      </c>
      <c r="C41471" t="s">
        <v>3008</v>
      </c>
      <c r="D41471" t="s">
        <v>3009</v>
      </c>
      <c r="E41471" t="s">
        <v>2928</v>
      </c>
      <c r="F41471" t="s">
        <v>2929</v>
      </c>
      <c r="G41471" t="s">
        <v>80</v>
      </c>
      <c r="H41471" t="s">
        <v>81</v>
      </c>
      <c r="I41471" s="2">
        <v>1</v>
      </c>
      <c r="J41471" s="2">
        <v>0</v>
      </c>
      <c r="K41471" s="2">
        <v>0</v>
      </c>
      <c r="L41471" t="s">
        <v>120</v>
      </c>
      <c r="M41471" t="s">
        <v>87</v>
      </c>
      <c r="N41471" t="s">
        <v>88</v>
      </c>
      <c r="O41471" t="s">
        <v>85</v>
      </c>
      <c r="P41471" t="s">
        <v>86</v>
      </c>
      <c r="Q41471">
        <v>137</v>
      </c>
      <c r="R41471">
        <v>136</v>
      </c>
      <c r="S41471">
        <v>136</v>
      </c>
      <c r="T41471">
        <v>135</v>
      </c>
      <c r="U41471">
        <v>134</v>
      </c>
      <c r="V41471">
        <v>133</v>
      </c>
      <c r="W41471">
        <v>133</v>
      </c>
      <c r="X41471">
        <v>132</v>
      </c>
      <c r="Y41471">
        <v>131</v>
      </c>
      <c r="Z41471">
        <v>131</v>
      </c>
      <c r="AA41471">
        <v>130</v>
      </c>
      <c r="AB41471">
        <v>129</v>
      </c>
      <c r="AC41471">
        <v>129</v>
      </c>
      <c r="AD41471">
        <v>128</v>
      </c>
      <c r="AE41471">
        <v>127</v>
      </c>
      <c r="AF41471">
        <v>127</v>
      </c>
      <c r="AG41471">
        <v>126</v>
      </c>
      <c r="AH41471">
        <v>125</v>
      </c>
      <c r="AI41471">
        <v>125</v>
      </c>
      <c r="AJ41471">
        <v>124</v>
      </c>
      <c r="AK41471">
        <v>123</v>
      </c>
      <c r="AL41471">
        <v>123</v>
      </c>
      <c r="AM41471">
        <v>122</v>
      </c>
      <c r="AN41471">
        <v>121</v>
      </c>
      <c r="AO41471">
        <v>121</v>
      </c>
      <c r="AP41471">
        <v>120</v>
      </c>
      <c r="AQ41471">
        <v>120</v>
      </c>
    </row>
    <row r="41472" spans="1:43">
      <c r="A41472" t="s">
        <v>25539</v>
      </c>
      <c r="B41472" t="s">
        <v>25540</v>
      </c>
      <c r="C41472" t="s">
        <v>3008</v>
      </c>
      <c r="D41472" t="s">
        <v>3009</v>
      </c>
      <c r="E41472" t="s">
        <v>2928</v>
      </c>
      <c r="F41472" t="s">
        <v>2929</v>
      </c>
      <c r="G41472" t="s">
        <v>80</v>
      </c>
      <c r="H41472" t="s">
        <v>81</v>
      </c>
      <c r="I41472" s="2">
        <v>1</v>
      </c>
      <c r="J41472" s="2">
        <v>0</v>
      </c>
      <c r="K41472" s="2">
        <v>0</v>
      </c>
      <c r="L41472" t="s">
        <v>120</v>
      </c>
      <c r="M41472" t="s">
        <v>89</v>
      </c>
      <c r="N41472" t="s">
        <v>90</v>
      </c>
      <c r="O41472" t="s">
        <v>85</v>
      </c>
      <c r="P41472" t="s">
        <v>86</v>
      </c>
      <c r="Q41472">
        <v>137</v>
      </c>
      <c r="R41472">
        <v>139</v>
      </c>
      <c r="S41472">
        <v>141</v>
      </c>
      <c r="T41472">
        <v>142</v>
      </c>
      <c r="U41472">
        <v>144</v>
      </c>
      <c r="V41472">
        <v>145</v>
      </c>
      <c r="W41472">
        <v>146</v>
      </c>
      <c r="X41472">
        <v>147</v>
      </c>
      <c r="Y41472">
        <v>148</v>
      </c>
      <c r="Z41472">
        <v>149</v>
      </c>
      <c r="AA41472">
        <v>149</v>
      </c>
      <c r="AB41472">
        <v>150</v>
      </c>
      <c r="AC41472">
        <v>151</v>
      </c>
      <c r="AD41472">
        <v>152</v>
      </c>
      <c r="AE41472">
        <v>151</v>
      </c>
      <c r="AF41472">
        <v>150</v>
      </c>
      <c r="AG41472">
        <v>149</v>
      </c>
      <c r="AH41472">
        <v>148</v>
      </c>
      <c r="AI41472">
        <v>146</v>
      </c>
      <c r="AJ41472">
        <v>145</v>
      </c>
      <c r="AK41472">
        <v>144</v>
      </c>
      <c r="AL41472">
        <v>143</v>
      </c>
      <c r="AM41472">
        <v>142</v>
      </c>
      <c r="AN41472">
        <v>140</v>
      </c>
      <c r="AO41472">
        <v>139</v>
      </c>
      <c r="AP41472">
        <v>138</v>
      </c>
      <c r="AQ41472">
        <v>137</v>
      </c>
    </row>
    <row r="41473" spans="1:43">
      <c r="A41473" t="s">
        <v>25539</v>
      </c>
      <c r="B41473" t="s">
        <v>25540</v>
      </c>
      <c r="C41473" t="s">
        <v>3008</v>
      </c>
      <c r="D41473" t="s">
        <v>3009</v>
      </c>
      <c r="E41473" t="s">
        <v>2928</v>
      </c>
      <c r="F41473" t="s">
        <v>2929</v>
      </c>
      <c r="G41473" t="s">
        <v>80</v>
      </c>
      <c r="H41473" t="s">
        <v>81</v>
      </c>
      <c r="I41473" s="2">
        <v>1</v>
      </c>
      <c r="J41473" s="2">
        <v>0</v>
      </c>
      <c r="K41473" s="2">
        <v>0</v>
      </c>
      <c r="L41473" t="s">
        <v>120</v>
      </c>
      <c r="M41473" t="s">
        <v>83</v>
      </c>
      <c r="N41473" t="s">
        <v>91</v>
      </c>
      <c r="O41473" t="s">
        <v>85</v>
      </c>
      <c r="P41473" t="s">
        <v>86</v>
      </c>
      <c r="Q41473">
        <v>137</v>
      </c>
      <c r="R41473">
        <v>138</v>
      </c>
      <c r="S41473">
        <v>138</v>
      </c>
      <c r="T41473">
        <v>139</v>
      </c>
      <c r="U41473">
        <v>139</v>
      </c>
      <c r="V41473">
        <v>140</v>
      </c>
      <c r="W41473">
        <v>140</v>
      </c>
      <c r="X41473">
        <v>141</v>
      </c>
      <c r="Y41473">
        <v>141</v>
      </c>
      <c r="Z41473">
        <v>141</v>
      </c>
      <c r="AA41473">
        <v>141</v>
      </c>
      <c r="AB41473">
        <v>142</v>
      </c>
      <c r="AC41473">
        <v>142</v>
      </c>
      <c r="AD41473">
        <v>142</v>
      </c>
      <c r="AE41473">
        <v>142</v>
      </c>
      <c r="AF41473">
        <v>142</v>
      </c>
      <c r="AG41473">
        <v>143</v>
      </c>
      <c r="AH41473">
        <v>143</v>
      </c>
      <c r="AI41473">
        <v>143</v>
      </c>
      <c r="AJ41473">
        <v>143</v>
      </c>
      <c r="AK41473">
        <v>143</v>
      </c>
      <c r="AL41473">
        <v>142</v>
      </c>
      <c r="AM41473">
        <v>141</v>
      </c>
      <c r="AN41473">
        <v>140</v>
      </c>
      <c r="AO41473">
        <v>139</v>
      </c>
      <c r="AP41473">
        <v>138</v>
      </c>
      <c r="AQ41473">
        <v>137</v>
      </c>
    </row>
    <row r="41474" spans="1:43">
      <c r="A41474" t="s">
        <v>25541</v>
      </c>
      <c r="B41474" t="s">
        <v>25542</v>
      </c>
      <c r="C41474" t="s">
        <v>3008</v>
      </c>
      <c r="D41474" t="s">
        <v>3009</v>
      </c>
      <c r="E41474" t="s">
        <v>2928</v>
      </c>
      <c r="F41474" t="s">
        <v>2929</v>
      </c>
      <c r="G41474" t="s">
        <v>80</v>
      </c>
      <c r="H41474" t="s">
        <v>81</v>
      </c>
      <c r="I41474" s="2">
        <v>1</v>
      </c>
      <c r="J41474" s="2">
        <v>0</v>
      </c>
      <c r="K41474" s="2">
        <v>0</v>
      </c>
      <c r="L41474" t="s">
        <v>120</v>
      </c>
      <c r="M41474" t="s">
        <v>83</v>
      </c>
      <c r="N41474" t="s">
        <v>84</v>
      </c>
      <c r="O41474" t="s">
        <v>85</v>
      </c>
      <c r="P41474" t="s">
        <v>86</v>
      </c>
      <c r="Q41474">
        <v>58</v>
      </c>
      <c r="R41474">
        <v>58</v>
      </c>
      <c r="S41474">
        <v>58</v>
      </c>
      <c r="T41474">
        <v>59</v>
      </c>
      <c r="U41474">
        <v>59</v>
      </c>
      <c r="V41474">
        <v>59</v>
      </c>
      <c r="W41474">
        <v>59</v>
      </c>
      <c r="X41474">
        <v>59</v>
      </c>
      <c r="Y41474">
        <v>59</v>
      </c>
      <c r="Z41474">
        <v>60</v>
      </c>
      <c r="AA41474">
        <v>60</v>
      </c>
      <c r="AB41474">
        <v>60</v>
      </c>
      <c r="AC41474">
        <v>60</v>
      </c>
      <c r="AD41474">
        <v>60</v>
      </c>
      <c r="AE41474">
        <v>60</v>
      </c>
      <c r="AF41474">
        <v>60</v>
      </c>
      <c r="AG41474">
        <v>60</v>
      </c>
      <c r="AH41474">
        <v>60</v>
      </c>
      <c r="AI41474">
        <v>60</v>
      </c>
      <c r="AJ41474">
        <v>60</v>
      </c>
      <c r="AK41474">
        <v>60</v>
      </c>
      <c r="AL41474">
        <v>60</v>
      </c>
      <c r="AM41474">
        <v>60</v>
      </c>
      <c r="AN41474">
        <v>59</v>
      </c>
      <c r="AO41474">
        <v>59</v>
      </c>
      <c r="AP41474">
        <v>58</v>
      </c>
      <c r="AQ41474">
        <v>58</v>
      </c>
    </row>
    <row r="41475" spans="1:43">
      <c r="A41475" t="s">
        <v>25541</v>
      </c>
      <c r="B41475" t="s">
        <v>25542</v>
      </c>
      <c r="C41475" t="s">
        <v>3008</v>
      </c>
      <c r="D41475" t="s">
        <v>3009</v>
      </c>
      <c r="E41475" t="s">
        <v>2928</v>
      </c>
      <c r="F41475" t="s">
        <v>2929</v>
      </c>
      <c r="G41475" t="s">
        <v>80</v>
      </c>
      <c r="H41475" t="s">
        <v>81</v>
      </c>
      <c r="I41475" s="2">
        <v>1</v>
      </c>
      <c r="J41475" s="2">
        <v>0</v>
      </c>
      <c r="K41475" s="2">
        <v>0</v>
      </c>
      <c r="L41475" t="s">
        <v>120</v>
      </c>
      <c r="M41475" t="s">
        <v>87</v>
      </c>
      <c r="N41475" t="s">
        <v>88</v>
      </c>
      <c r="O41475" t="s">
        <v>85</v>
      </c>
      <c r="P41475" t="s">
        <v>86</v>
      </c>
      <c r="Q41475">
        <v>58</v>
      </c>
      <c r="R41475">
        <v>58</v>
      </c>
      <c r="S41475">
        <v>58</v>
      </c>
      <c r="T41475">
        <v>57</v>
      </c>
      <c r="U41475">
        <v>57</v>
      </c>
      <c r="V41475">
        <v>57</v>
      </c>
      <c r="W41475">
        <v>57</v>
      </c>
      <c r="X41475">
        <v>56</v>
      </c>
      <c r="Y41475">
        <v>56</v>
      </c>
      <c r="Z41475">
        <v>56</v>
      </c>
      <c r="AA41475">
        <v>55</v>
      </c>
      <c r="AB41475">
        <v>55</v>
      </c>
      <c r="AC41475">
        <v>55</v>
      </c>
      <c r="AD41475">
        <v>55</v>
      </c>
      <c r="AE41475">
        <v>54</v>
      </c>
      <c r="AF41475">
        <v>54</v>
      </c>
      <c r="AG41475">
        <v>54</v>
      </c>
      <c r="AH41475">
        <v>53</v>
      </c>
      <c r="AI41475">
        <v>53</v>
      </c>
      <c r="AJ41475">
        <v>53</v>
      </c>
      <c r="AK41475">
        <v>53</v>
      </c>
      <c r="AL41475">
        <v>52</v>
      </c>
      <c r="AM41475">
        <v>52</v>
      </c>
      <c r="AN41475">
        <v>52</v>
      </c>
      <c r="AO41475">
        <v>52</v>
      </c>
      <c r="AP41475">
        <v>51</v>
      </c>
      <c r="AQ41475">
        <v>51</v>
      </c>
    </row>
    <row r="41476" spans="1:43">
      <c r="A41476" t="s">
        <v>25541</v>
      </c>
      <c r="B41476" t="s">
        <v>25542</v>
      </c>
      <c r="C41476" t="s">
        <v>3008</v>
      </c>
      <c r="D41476" t="s">
        <v>3009</v>
      </c>
      <c r="E41476" t="s">
        <v>2928</v>
      </c>
      <c r="F41476" t="s">
        <v>2929</v>
      </c>
      <c r="G41476" t="s">
        <v>80</v>
      </c>
      <c r="H41476" t="s">
        <v>81</v>
      </c>
      <c r="I41476" s="2">
        <v>1</v>
      </c>
      <c r="J41476" s="2">
        <v>0</v>
      </c>
      <c r="K41476" s="2">
        <v>0</v>
      </c>
      <c r="L41476" t="s">
        <v>120</v>
      </c>
      <c r="M41476" t="s">
        <v>89</v>
      </c>
      <c r="N41476" t="s">
        <v>90</v>
      </c>
      <c r="O41476" t="s">
        <v>85</v>
      </c>
      <c r="P41476" t="s">
        <v>86</v>
      </c>
      <c r="Q41476">
        <v>58</v>
      </c>
      <c r="R41476">
        <v>59</v>
      </c>
      <c r="S41476">
        <v>60</v>
      </c>
      <c r="T41476">
        <v>60</v>
      </c>
      <c r="U41476">
        <v>61</v>
      </c>
      <c r="V41476">
        <v>62</v>
      </c>
      <c r="W41476">
        <v>62</v>
      </c>
      <c r="X41476">
        <v>62</v>
      </c>
      <c r="Y41476">
        <v>63</v>
      </c>
      <c r="Z41476">
        <v>63</v>
      </c>
      <c r="AA41476">
        <v>64</v>
      </c>
      <c r="AB41476">
        <v>64</v>
      </c>
      <c r="AC41476">
        <v>64</v>
      </c>
      <c r="AD41476">
        <v>64</v>
      </c>
      <c r="AE41476">
        <v>64</v>
      </c>
      <c r="AF41476">
        <v>64</v>
      </c>
      <c r="AG41476">
        <v>63</v>
      </c>
      <c r="AH41476">
        <v>63</v>
      </c>
      <c r="AI41476">
        <v>62</v>
      </c>
      <c r="AJ41476">
        <v>62</v>
      </c>
      <c r="AK41476">
        <v>61</v>
      </c>
      <c r="AL41476">
        <v>61</v>
      </c>
      <c r="AM41476">
        <v>60</v>
      </c>
      <c r="AN41476">
        <v>60</v>
      </c>
      <c r="AO41476">
        <v>59</v>
      </c>
      <c r="AP41476">
        <v>59</v>
      </c>
      <c r="AQ41476">
        <v>58</v>
      </c>
    </row>
    <row r="41477" spans="1:43">
      <c r="A41477" t="s">
        <v>25541</v>
      </c>
      <c r="B41477" t="s">
        <v>25542</v>
      </c>
      <c r="C41477" t="s">
        <v>3008</v>
      </c>
      <c r="D41477" t="s">
        <v>3009</v>
      </c>
      <c r="E41477" t="s">
        <v>2928</v>
      </c>
      <c r="F41477" t="s">
        <v>2929</v>
      </c>
      <c r="G41477" t="s">
        <v>80</v>
      </c>
      <c r="H41477" t="s">
        <v>81</v>
      </c>
      <c r="I41477" s="2">
        <v>1</v>
      </c>
      <c r="J41477" s="2">
        <v>0</v>
      </c>
      <c r="K41477" s="2">
        <v>0</v>
      </c>
      <c r="L41477" t="s">
        <v>120</v>
      </c>
      <c r="M41477" t="s">
        <v>83</v>
      </c>
      <c r="N41477" t="s">
        <v>91</v>
      </c>
      <c r="O41477" t="s">
        <v>85</v>
      </c>
      <c r="P41477" t="s">
        <v>86</v>
      </c>
      <c r="Q41477">
        <v>58</v>
      </c>
      <c r="R41477">
        <v>58</v>
      </c>
      <c r="S41477">
        <v>58</v>
      </c>
      <c r="T41477">
        <v>59</v>
      </c>
      <c r="U41477">
        <v>59</v>
      </c>
      <c r="V41477">
        <v>59</v>
      </c>
      <c r="W41477">
        <v>59</v>
      </c>
      <c r="X41477">
        <v>59</v>
      </c>
      <c r="Y41477">
        <v>59</v>
      </c>
      <c r="Z41477">
        <v>60</v>
      </c>
      <c r="AA41477">
        <v>60</v>
      </c>
      <c r="AB41477">
        <v>60</v>
      </c>
      <c r="AC41477">
        <v>60</v>
      </c>
      <c r="AD41477">
        <v>60</v>
      </c>
      <c r="AE41477">
        <v>60</v>
      </c>
      <c r="AF41477">
        <v>60</v>
      </c>
      <c r="AG41477">
        <v>60</v>
      </c>
      <c r="AH41477">
        <v>60</v>
      </c>
      <c r="AI41477">
        <v>60</v>
      </c>
      <c r="AJ41477">
        <v>60</v>
      </c>
      <c r="AK41477">
        <v>60</v>
      </c>
      <c r="AL41477">
        <v>60</v>
      </c>
      <c r="AM41477">
        <v>60</v>
      </c>
      <c r="AN41477">
        <v>59</v>
      </c>
      <c r="AO41477">
        <v>59</v>
      </c>
      <c r="AP41477">
        <v>58</v>
      </c>
      <c r="AQ41477">
        <v>58</v>
      </c>
    </row>
    <row r="41478" spans="1:43">
      <c r="A41478" t="s">
        <v>25543</v>
      </c>
      <c r="B41478" t="s">
        <v>25544</v>
      </c>
      <c r="C41478" t="s">
        <v>1294</v>
      </c>
      <c r="D41478" t="s">
        <v>1295</v>
      </c>
      <c r="E41478" t="s">
        <v>1192</v>
      </c>
      <c r="F41478" t="s">
        <v>1193</v>
      </c>
      <c r="G41478" t="s">
        <v>80</v>
      </c>
      <c r="H41478" t="s">
        <v>81</v>
      </c>
      <c r="I41478" s="2">
        <v>1</v>
      </c>
      <c r="J41478" s="2">
        <v>0</v>
      </c>
      <c r="K41478" s="2">
        <v>0</v>
      </c>
      <c r="L41478" t="s">
        <v>120</v>
      </c>
      <c r="M41478" t="s">
        <v>83</v>
      </c>
      <c r="N41478" t="s">
        <v>84</v>
      </c>
      <c r="O41478" t="s">
        <v>85</v>
      </c>
      <c r="P41478" t="s">
        <v>86</v>
      </c>
      <c r="Q41478">
        <v>27</v>
      </c>
      <c r="R41478">
        <v>28</v>
      </c>
      <c r="S41478">
        <v>29</v>
      </c>
      <c r="T41478">
        <v>29</v>
      </c>
      <c r="U41478">
        <v>30</v>
      </c>
      <c r="V41478">
        <v>31</v>
      </c>
      <c r="W41478">
        <v>32</v>
      </c>
      <c r="X41478">
        <v>33</v>
      </c>
      <c r="Y41478">
        <v>33</v>
      </c>
      <c r="Z41478">
        <v>34</v>
      </c>
      <c r="AA41478">
        <v>35</v>
      </c>
      <c r="AB41478">
        <v>36</v>
      </c>
      <c r="AC41478">
        <v>37</v>
      </c>
      <c r="AD41478">
        <v>38</v>
      </c>
      <c r="AE41478">
        <v>39</v>
      </c>
      <c r="AF41478">
        <v>39</v>
      </c>
      <c r="AG41478">
        <v>40</v>
      </c>
      <c r="AH41478">
        <v>41</v>
      </c>
      <c r="AI41478">
        <v>42</v>
      </c>
      <c r="AJ41478">
        <v>43</v>
      </c>
      <c r="AK41478">
        <v>44</v>
      </c>
      <c r="AL41478">
        <v>45</v>
      </c>
      <c r="AM41478">
        <v>46</v>
      </c>
      <c r="AN41478">
        <v>46</v>
      </c>
      <c r="AO41478">
        <v>47</v>
      </c>
      <c r="AP41478">
        <v>47</v>
      </c>
      <c r="AQ41478">
        <v>48</v>
      </c>
    </row>
    <row r="41479" spans="1:43">
      <c r="A41479" t="s">
        <v>25543</v>
      </c>
      <c r="B41479" t="s">
        <v>25544</v>
      </c>
      <c r="C41479" t="s">
        <v>1294</v>
      </c>
      <c r="D41479" t="s">
        <v>1295</v>
      </c>
      <c r="E41479" t="s">
        <v>1192</v>
      </c>
      <c r="F41479" t="s">
        <v>1193</v>
      </c>
      <c r="G41479" t="s">
        <v>80</v>
      </c>
      <c r="H41479" t="s">
        <v>81</v>
      </c>
      <c r="I41479" s="2">
        <v>1</v>
      </c>
      <c r="J41479" s="2">
        <v>0</v>
      </c>
      <c r="K41479" s="2">
        <v>0</v>
      </c>
      <c r="L41479" t="s">
        <v>120</v>
      </c>
      <c r="M41479" t="s">
        <v>87</v>
      </c>
      <c r="N41479" t="s">
        <v>88</v>
      </c>
      <c r="O41479" t="s">
        <v>85</v>
      </c>
      <c r="P41479" t="s">
        <v>86</v>
      </c>
      <c r="Q41479">
        <v>27</v>
      </c>
      <c r="R41479">
        <v>27</v>
      </c>
      <c r="S41479">
        <v>28</v>
      </c>
      <c r="T41479">
        <v>28</v>
      </c>
      <c r="U41479">
        <v>29</v>
      </c>
      <c r="V41479">
        <v>29</v>
      </c>
      <c r="W41479">
        <v>30</v>
      </c>
      <c r="X41479">
        <v>30</v>
      </c>
      <c r="Y41479">
        <v>31</v>
      </c>
      <c r="Z41479">
        <v>31</v>
      </c>
      <c r="AA41479">
        <v>32</v>
      </c>
      <c r="AB41479">
        <v>32</v>
      </c>
      <c r="AC41479">
        <v>33</v>
      </c>
      <c r="AD41479">
        <v>34</v>
      </c>
      <c r="AE41479">
        <v>34</v>
      </c>
      <c r="AF41479">
        <v>35</v>
      </c>
      <c r="AG41479">
        <v>35</v>
      </c>
      <c r="AH41479">
        <v>36</v>
      </c>
      <c r="AI41479">
        <v>36</v>
      </c>
      <c r="AJ41479">
        <v>37</v>
      </c>
      <c r="AK41479">
        <v>38</v>
      </c>
      <c r="AL41479">
        <v>38</v>
      </c>
      <c r="AM41479">
        <v>39</v>
      </c>
      <c r="AN41479">
        <v>40</v>
      </c>
      <c r="AO41479">
        <v>40</v>
      </c>
      <c r="AP41479">
        <v>41</v>
      </c>
      <c r="AQ41479">
        <v>42</v>
      </c>
    </row>
    <row r="41480" spans="1:43">
      <c r="A41480" t="s">
        <v>25543</v>
      </c>
      <c r="B41480" t="s">
        <v>25544</v>
      </c>
      <c r="C41480" t="s">
        <v>1294</v>
      </c>
      <c r="D41480" t="s">
        <v>1295</v>
      </c>
      <c r="E41480" t="s">
        <v>1192</v>
      </c>
      <c r="F41480" t="s">
        <v>1193</v>
      </c>
      <c r="G41480" t="s">
        <v>80</v>
      </c>
      <c r="H41480" t="s">
        <v>81</v>
      </c>
      <c r="I41480" s="2">
        <v>1</v>
      </c>
      <c r="J41480" s="2">
        <v>0</v>
      </c>
      <c r="K41480" s="2">
        <v>0</v>
      </c>
      <c r="L41480" t="s">
        <v>120</v>
      </c>
      <c r="M41480" t="s">
        <v>89</v>
      </c>
      <c r="N41480" t="s">
        <v>90</v>
      </c>
      <c r="O41480" t="s">
        <v>85</v>
      </c>
      <c r="P41480" t="s">
        <v>86</v>
      </c>
      <c r="Q41480">
        <v>27</v>
      </c>
      <c r="R41480">
        <v>28</v>
      </c>
      <c r="S41480">
        <v>29</v>
      </c>
      <c r="T41480">
        <v>30</v>
      </c>
      <c r="U41480">
        <v>31</v>
      </c>
      <c r="V41480">
        <v>32</v>
      </c>
      <c r="W41480">
        <v>33</v>
      </c>
      <c r="X41480">
        <v>34</v>
      </c>
      <c r="Y41480">
        <v>35</v>
      </c>
      <c r="Z41480">
        <v>36</v>
      </c>
      <c r="AA41480">
        <v>37</v>
      </c>
      <c r="AB41480">
        <v>38</v>
      </c>
      <c r="AC41480">
        <v>39</v>
      </c>
      <c r="AD41480">
        <v>40</v>
      </c>
      <c r="AE41480">
        <v>41</v>
      </c>
      <c r="AF41480">
        <v>42</v>
      </c>
      <c r="AG41480">
        <v>42</v>
      </c>
      <c r="AH41480">
        <v>43</v>
      </c>
      <c r="AI41480">
        <v>44</v>
      </c>
      <c r="AJ41480">
        <v>44</v>
      </c>
      <c r="AK41480">
        <v>45</v>
      </c>
      <c r="AL41480">
        <v>45</v>
      </c>
      <c r="AM41480">
        <v>46</v>
      </c>
      <c r="AN41480">
        <v>46</v>
      </c>
      <c r="AO41480">
        <v>47</v>
      </c>
      <c r="AP41480">
        <v>48</v>
      </c>
      <c r="AQ41480">
        <v>48</v>
      </c>
    </row>
    <row r="41481" spans="1:43">
      <c r="A41481" t="s">
        <v>25543</v>
      </c>
      <c r="B41481" t="s">
        <v>25544</v>
      </c>
      <c r="C41481" t="s">
        <v>1294</v>
      </c>
      <c r="D41481" t="s">
        <v>1295</v>
      </c>
      <c r="E41481" t="s">
        <v>1192</v>
      </c>
      <c r="F41481" t="s">
        <v>1193</v>
      </c>
      <c r="G41481" t="s">
        <v>80</v>
      </c>
      <c r="H41481" t="s">
        <v>81</v>
      </c>
      <c r="I41481" s="2">
        <v>1</v>
      </c>
      <c r="J41481" s="2">
        <v>0</v>
      </c>
      <c r="K41481" s="2">
        <v>0</v>
      </c>
      <c r="L41481" t="s">
        <v>120</v>
      </c>
      <c r="M41481" t="s">
        <v>83</v>
      </c>
      <c r="N41481" t="s">
        <v>91</v>
      </c>
      <c r="O41481" t="s">
        <v>85</v>
      </c>
      <c r="P41481" t="s">
        <v>86</v>
      </c>
      <c r="Q41481">
        <v>27</v>
      </c>
      <c r="R41481">
        <v>28</v>
      </c>
      <c r="S41481">
        <v>29</v>
      </c>
      <c r="T41481">
        <v>29</v>
      </c>
      <c r="U41481">
        <v>30</v>
      </c>
      <c r="V41481">
        <v>31</v>
      </c>
      <c r="W41481">
        <v>32</v>
      </c>
      <c r="X41481">
        <v>33</v>
      </c>
      <c r="Y41481">
        <v>33</v>
      </c>
      <c r="Z41481">
        <v>34</v>
      </c>
      <c r="AA41481">
        <v>35</v>
      </c>
      <c r="AB41481">
        <v>36</v>
      </c>
      <c r="AC41481">
        <v>37</v>
      </c>
      <c r="AD41481">
        <v>38</v>
      </c>
      <c r="AE41481">
        <v>39</v>
      </c>
      <c r="AF41481">
        <v>39</v>
      </c>
      <c r="AG41481">
        <v>40</v>
      </c>
      <c r="AH41481">
        <v>41</v>
      </c>
      <c r="AI41481">
        <v>42</v>
      </c>
      <c r="AJ41481">
        <v>43</v>
      </c>
      <c r="AK41481">
        <v>44</v>
      </c>
      <c r="AL41481">
        <v>45</v>
      </c>
      <c r="AM41481">
        <v>46</v>
      </c>
      <c r="AN41481">
        <v>46</v>
      </c>
      <c r="AO41481">
        <v>47</v>
      </c>
      <c r="AP41481">
        <v>47</v>
      </c>
      <c r="AQ41481">
        <v>48</v>
      </c>
    </row>
    <row r="41482" spans="1:43">
      <c r="A41482" t="s">
        <v>25545</v>
      </c>
      <c r="B41482" t="s">
        <v>25546</v>
      </c>
      <c r="C41482" t="s">
        <v>1294</v>
      </c>
      <c r="D41482" t="s">
        <v>1295</v>
      </c>
      <c r="E41482" t="s">
        <v>1192</v>
      </c>
      <c r="F41482" t="s">
        <v>1193</v>
      </c>
      <c r="G41482" t="s">
        <v>80</v>
      </c>
      <c r="H41482" t="s">
        <v>81</v>
      </c>
      <c r="I41482" s="2">
        <v>1</v>
      </c>
      <c r="J41482" s="2">
        <v>0</v>
      </c>
      <c r="K41482" s="2">
        <v>0</v>
      </c>
      <c r="L41482" t="s">
        <v>120</v>
      </c>
      <c r="M41482" t="s">
        <v>83</v>
      </c>
      <c r="N41482" t="s">
        <v>84</v>
      </c>
      <c r="O41482" t="s">
        <v>85</v>
      </c>
      <c r="P41482" t="s">
        <v>86</v>
      </c>
      <c r="Q41482">
        <v>19</v>
      </c>
      <c r="R41482">
        <v>19</v>
      </c>
      <c r="S41482">
        <v>20</v>
      </c>
      <c r="T41482">
        <v>21</v>
      </c>
      <c r="U41482">
        <v>21</v>
      </c>
      <c r="V41482">
        <v>22</v>
      </c>
      <c r="W41482">
        <v>22</v>
      </c>
      <c r="X41482">
        <v>23</v>
      </c>
      <c r="Y41482">
        <v>23</v>
      </c>
      <c r="Z41482">
        <v>24</v>
      </c>
      <c r="AA41482">
        <v>24</v>
      </c>
      <c r="AB41482">
        <v>25</v>
      </c>
      <c r="AC41482">
        <v>26</v>
      </c>
      <c r="AD41482">
        <v>26</v>
      </c>
      <c r="AE41482">
        <v>27</v>
      </c>
      <c r="AF41482">
        <v>28</v>
      </c>
      <c r="AG41482">
        <v>28</v>
      </c>
      <c r="AH41482">
        <v>29</v>
      </c>
      <c r="AI41482">
        <v>30</v>
      </c>
      <c r="AJ41482">
        <v>30</v>
      </c>
      <c r="AK41482">
        <v>31</v>
      </c>
      <c r="AL41482">
        <v>31</v>
      </c>
      <c r="AM41482">
        <v>32</v>
      </c>
      <c r="AN41482">
        <v>32</v>
      </c>
      <c r="AO41482">
        <v>33</v>
      </c>
      <c r="AP41482">
        <v>33</v>
      </c>
      <c r="AQ41482">
        <v>33</v>
      </c>
    </row>
    <row r="41483" spans="1:43">
      <c r="A41483" t="s">
        <v>25545</v>
      </c>
      <c r="B41483" t="s">
        <v>25546</v>
      </c>
      <c r="C41483" t="s">
        <v>1294</v>
      </c>
      <c r="D41483" t="s">
        <v>1295</v>
      </c>
      <c r="E41483" t="s">
        <v>1192</v>
      </c>
      <c r="F41483" t="s">
        <v>1193</v>
      </c>
      <c r="G41483" t="s">
        <v>80</v>
      </c>
      <c r="H41483" t="s">
        <v>81</v>
      </c>
      <c r="I41483" s="2">
        <v>1</v>
      </c>
      <c r="J41483" s="2">
        <v>0</v>
      </c>
      <c r="K41483" s="2">
        <v>0</v>
      </c>
      <c r="L41483" t="s">
        <v>120</v>
      </c>
      <c r="M41483" t="s">
        <v>87</v>
      </c>
      <c r="N41483" t="s">
        <v>88</v>
      </c>
      <c r="O41483" t="s">
        <v>85</v>
      </c>
      <c r="P41483" t="s">
        <v>86</v>
      </c>
      <c r="Q41483">
        <v>19</v>
      </c>
      <c r="R41483">
        <v>19</v>
      </c>
      <c r="S41483">
        <v>19</v>
      </c>
      <c r="T41483">
        <v>20</v>
      </c>
      <c r="U41483">
        <v>20</v>
      </c>
      <c r="V41483">
        <v>20</v>
      </c>
      <c r="W41483">
        <v>21</v>
      </c>
      <c r="X41483">
        <v>21</v>
      </c>
      <c r="Y41483">
        <v>22</v>
      </c>
      <c r="Z41483">
        <v>22</v>
      </c>
      <c r="AA41483">
        <v>22</v>
      </c>
      <c r="AB41483">
        <v>23</v>
      </c>
      <c r="AC41483">
        <v>23</v>
      </c>
      <c r="AD41483">
        <v>23</v>
      </c>
      <c r="AE41483">
        <v>24</v>
      </c>
      <c r="AF41483">
        <v>24</v>
      </c>
      <c r="AG41483">
        <v>25</v>
      </c>
      <c r="AH41483">
        <v>25</v>
      </c>
      <c r="AI41483">
        <v>25</v>
      </c>
      <c r="AJ41483">
        <v>26</v>
      </c>
      <c r="AK41483">
        <v>26</v>
      </c>
      <c r="AL41483">
        <v>27</v>
      </c>
      <c r="AM41483">
        <v>27</v>
      </c>
      <c r="AN41483">
        <v>28</v>
      </c>
      <c r="AO41483">
        <v>28</v>
      </c>
      <c r="AP41483">
        <v>29</v>
      </c>
      <c r="AQ41483">
        <v>29</v>
      </c>
    </row>
    <row r="41484" spans="1:43">
      <c r="A41484" t="s">
        <v>25545</v>
      </c>
      <c r="B41484" t="s">
        <v>25546</v>
      </c>
      <c r="C41484" t="s">
        <v>1294</v>
      </c>
      <c r="D41484" t="s">
        <v>1295</v>
      </c>
      <c r="E41484" t="s">
        <v>1192</v>
      </c>
      <c r="F41484" t="s">
        <v>1193</v>
      </c>
      <c r="G41484" t="s">
        <v>80</v>
      </c>
      <c r="H41484" t="s">
        <v>81</v>
      </c>
      <c r="I41484" s="2">
        <v>1</v>
      </c>
      <c r="J41484" s="2">
        <v>0</v>
      </c>
      <c r="K41484" s="2">
        <v>0</v>
      </c>
      <c r="L41484" t="s">
        <v>120</v>
      </c>
      <c r="M41484" t="s">
        <v>89</v>
      </c>
      <c r="N41484" t="s">
        <v>90</v>
      </c>
      <c r="O41484" t="s">
        <v>85</v>
      </c>
      <c r="P41484" t="s">
        <v>86</v>
      </c>
      <c r="Q41484">
        <v>19</v>
      </c>
      <c r="R41484">
        <v>20</v>
      </c>
      <c r="S41484">
        <v>20</v>
      </c>
      <c r="T41484">
        <v>21</v>
      </c>
      <c r="U41484">
        <v>22</v>
      </c>
      <c r="V41484">
        <v>23</v>
      </c>
      <c r="W41484">
        <v>23</v>
      </c>
      <c r="X41484">
        <v>24</v>
      </c>
      <c r="Y41484">
        <v>25</v>
      </c>
      <c r="Z41484">
        <v>25</v>
      </c>
      <c r="AA41484">
        <v>26</v>
      </c>
      <c r="AB41484">
        <v>27</v>
      </c>
      <c r="AC41484">
        <v>28</v>
      </c>
      <c r="AD41484">
        <v>28</v>
      </c>
      <c r="AE41484">
        <v>29</v>
      </c>
      <c r="AF41484">
        <v>29</v>
      </c>
      <c r="AG41484">
        <v>30</v>
      </c>
      <c r="AH41484">
        <v>30</v>
      </c>
      <c r="AI41484">
        <v>30</v>
      </c>
      <c r="AJ41484">
        <v>31</v>
      </c>
      <c r="AK41484">
        <v>31</v>
      </c>
      <c r="AL41484">
        <v>32</v>
      </c>
      <c r="AM41484">
        <v>32</v>
      </c>
      <c r="AN41484">
        <v>32</v>
      </c>
      <c r="AO41484">
        <v>33</v>
      </c>
      <c r="AP41484">
        <v>33</v>
      </c>
      <c r="AQ41484">
        <v>34</v>
      </c>
    </row>
    <row r="41485" spans="1:43">
      <c r="A41485" t="s">
        <v>25545</v>
      </c>
      <c r="B41485" t="s">
        <v>25546</v>
      </c>
      <c r="C41485" t="s">
        <v>1294</v>
      </c>
      <c r="D41485" t="s">
        <v>1295</v>
      </c>
      <c r="E41485" t="s">
        <v>1192</v>
      </c>
      <c r="F41485" t="s">
        <v>1193</v>
      </c>
      <c r="G41485" t="s">
        <v>80</v>
      </c>
      <c r="H41485" t="s">
        <v>81</v>
      </c>
      <c r="I41485" s="2">
        <v>1</v>
      </c>
      <c r="J41485" s="2">
        <v>0</v>
      </c>
      <c r="K41485" s="2">
        <v>0</v>
      </c>
      <c r="L41485" t="s">
        <v>120</v>
      </c>
      <c r="M41485" t="s">
        <v>83</v>
      </c>
      <c r="N41485" t="s">
        <v>91</v>
      </c>
      <c r="O41485" t="s">
        <v>85</v>
      </c>
      <c r="P41485" t="s">
        <v>86</v>
      </c>
      <c r="Q41485">
        <v>19</v>
      </c>
      <c r="R41485">
        <v>19</v>
      </c>
      <c r="S41485">
        <v>20</v>
      </c>
      <c r="T41485">
        <v>21</v>
      </c>
      <c r="U41485">
        <v>21</v>
      </c>
      <c r="V41485">
        <v>22</v>
      </c>
      <c r="W41485">
        <v>22</v>
      </c>
      <c r="X41485">
        <v>23</v>
      </c>
      <c r="Y41485">
        <v>23</v>
      </c>
      <c r="Z41485">
        <v>24</v>
      </c>
      <c r="AA41485">
        <v>24</v>
      </c>
      <c r="AB41485">
        <v>25</v>
      </c>
      <c r="AC41485">
        <v>26</v>
      </c>
      <c r="AD41485">
        <v>26</v>
      </c>
      <c r="AE41485">
        <v>27</v>
      </c>
      <c r="AF41485">
        <v>28</v>
      </c>
      <c r="AG41485">
        <v>28</v>
      </c>
      <c r="AH41485">
        <v>29</v>
      </c>
      <c r="AI41485">
        <v>30</v>
      </c>
      <c r="AJ41485">
        <v>30</v>
      </c>
      <c r="AK41485">
        <v>31</v>
      </c>
      <c r="AL41485">
        <v>31</v>
      </c>
      <c r="AM41485">
        <v>32</v>
      </c>
      <c r="AN41485">
        <v>32</v>
      </c>
      <c r="AO41485">
        <v>33</v>
      </c>
      <c r="AP41485">
        <v>33</v>
      </c>
      <c r="AQ41485">
        <v>33</v>
      </c>
    </row>
    <row r="41486" spans="1:43">
      <c r="A41486" t="s">
        <v>25547</v>
      </c>
      <c r="B41486" t="s">
        <v>25548</v>
      </c>
      <c r="C41486" t="s">
        <v>1212</v>
      </c>
      <c r="D41486" t="s">
        <v>1213</v>
      </c>
      <c r="E41486" t="s">
        <v>1192</v>
      </c>
      <c r="F41486" t="s">
        <v>1193</v>
      </c>
      <c r="G41486" t="s">
        <v>80</v>
      </c>
      <c r="H41486" t="s">
        <v>81</v>
      </c>
      <c r="I41486" s="2">
        <v>1</v>
      </c>
      <c r="J41486" s="2">
        <v>0</v>
      </c>
      <c r="K41486" s="2">
        <v>0</v>
      </c>
      <c r="L41486" t="s">
        <v>120</v>
      </c>
      <c r="M41486" t="s">
        <v>83</v>
      </c>
      <c r="N41486" t="s">
        <v>84</v>
      </c>
      <c r="O41486" t="s">
        <v>85</v>
      </c>
      <c r="P41486" t="s">
        <v>86</v>
      </c>
      <c r="Q41486">
        <v>40</v>
      </c>
      <c r="R41486">
        <v>41</v>
      </c>
      <c r="S41486">
        <v>42</v>
      </c>
      <c r="T41486">
        <v>43</v>
      </c>
      <c r="U41486">
        <v>44</v>
      </c>
      <c r="V41486">
        <v>45</v>
      </c>
      <c r="W41486">
        <v>46</v>
      </c>
      <c r="X41486">
        <v>48</v>
      </c>
      <c r="Y41486">
        <v>49</v>
      </c>
      <c r="Z41486">
        <v>50</v>
      </c>
      <c r="AA41486">
        <v>51</v>
      </c>
      <c r="AB41486">
        <v>52</v>
      </c>
      <c r="AC41486">
        <v>54</v>
      </c>
      <c r="AD41486">
        <v>55</v>
      </c>
      <c r="AE41486">
        <v>56</v>
      </c>
      <c r="AF41486">
        <v>57</v>
      </c>
      <c r="AG41486">
        <v>59</v>
      </c>
      <c r="AH41486">
        <v>60</v>
      </c>
      <c r="AI41486">
        <v>61</v>
      </c>
      <c r="AJ41486">
        <v>63</v>
      </c>
      <c r="AK41486">
        <v>64</v>
      </c>
      <c r="AL41486">
        <v>65</v>
      </c>
      <c r="AM41486">
        <v>66</v>
      </c>
      <c r="AN41486">
        <v>67</v>
      </c>
      <c r="AO41486">
        <v>68</v>
      </c>
      <c r="AP41486">
        <v>69</v>
      </c>
      <c r="AQ41486">
        <v>69</v>
      </c>
    </row>
    <row r="41487" spans="1:43">
      <c r="A41487" t="s">
        <v>25547</v>
      </c>
      <c r="B41487" t="s">
        <v>25548</v>
      </c>
      <c r="C41487" t="s">
        <v>1212</v>
      </c>
      <c r="D41487" t="s">
        <v>1213</v>
      </c>
      <c r="E41487" t="s">
        <v>1192</v>
      </c>
      <c r="F41487" t="s">
        <v>1193</v>
      </c>
      <c r="G41487" t="s">
        <v>80</v>
      </c>
      <c r="H41487" t="s">
        <v>81</v>
      </c>
      <c r="I41487" s="2">
        <v>1</v>
      </c>
      <c r="J41487" s="2">
        <v>0</v>
      </c>
      <c r="K41487" s="2">
        <v>0</v>
      </c>
      <c r="L41487" t="s">
        <v>120</v>
      </c>
      <c r="M41487" t="s">
        <v>87</v>
      </c>
      <c r="N41487" t="s">
        <v>88</v>
      </c>
      <c r="O41487" t="s">
        <v>85</v>
      </c>
      <c r="P41487" t="s">
        <v>86</v>
      </c>
      <c r="Q41487">
        <v>40</v>
      </c>
      <c r="R41487">
        <v>41</v>
      </c>
      <c r="S41487">
        <v>42</v>
      </c>
      <c r="T41487">
        <v>42</v>
      </c>
      <c r="U41487">
        <v>43</v>
      </c>
      <c r="V41487">
        <v>44</v>
      </c>
      <c r="W41487">
        <v>45</v>
      </c>
      <c r="X41487">
        <v>45</v>
      </c>
      <c r="Y41487">
        <v>46</v>
      </c>
      <c r="Z41487">
        <v>47</v>
      </c>
      <c r="AA41487">
        <v>48</v>
      </c>
      <c r="AB41487">
        <v>48</v>
      </c>
      <c r="AC41487">
        <v>49</v>
      </c>
      <c r="AD41487">
        <v>50</v>
      </c>
      <c r="AE41487">
        <v>51</v>
      </c>
      <c r="AF41487">
        <v>52</v>
      </c>
      <c r="AG41487">
        <v>52</v>
      </c>
      <c r="AH41487">
        <v>53</v>
      </c>
      <c r="AI41487">
        <v>54</v>
      </c>
      <c r="AJ41487">
        <v>55</v>
      </c>
      <c r="AK41487">
        <v>56</v>
      </c>
      <c r="AL41487">
        <v>57</v>
      </c>
      <c r="AM41487">
        <v>58</v>
      </c>
      <c r="AN41487">
        <v>59</v>
      </c>
      <c r="AO41487">
        <v>60</v>
      </c>
      <c r="AP41487">
        <v>61</v>
      </c>
      <c r="AQ41487">
        <v>61</v>
      </c>
    </row>
    <row r="41488" spans="1:43">
      <c r="A41488" t="s">
        <v>25547</v>
      </c>
      <c r="B41488" t="s">
        <v>25548</v>
      </c>
      <c r="C41488" t="s">
        <v>1212</v>
      </c>
      <c r="D41488" t="s">
        <v>1213</v>
      </c>
      <c r="E41488" t="s">
        <v>1192</v>
      </c>
      <c r="F41488" t="s">
        <v>1193</v>
      </c>
      <c r="G41488" t="s">
        <v>80</v>
      </c>
      <c r="H41488" t="s">
        <v>81</v>
      </c>
      <c r="I41488" s="2">
        <v>1</v>
      </c>
      <c r="J41488" s="2">
        <v>0</v>
      </c>
      <c r="K41488" s="2">
        <v>0</v>
      </c>
      <c r="L41488" t="s">
        <v>120</v>
      </c>
      <c r="M41488" t="s">
        <v>89</v>
      </c>
      <c r="N41488" t="s">
        <v>90</v>
      </c>
      <c r="O41488" t="s">
        <v>85</v>
      </c>
      <c r="P41488" t="s">
        <v>86</v>
      </c>
      <c r="Q41488">
        <v>40</v>
      </c>
      <c r="R41488">
        <v>41</v>
      </c>
      <c r="S41488">
        <v>43</v>
      </c>
      <c r="T41488">
        <v>44</v>
      </c>
      <c r="U41488">
        <v>46</v>
      </c>
      <c r="V41488">
        <v>47</v>
      </c>
      <c r="W41488">
        <v>49</v>
      </c>
      <c r="X41488">
        <v>50</v>
      </c>
      <c r="Y41488">
        <v>51</v>
      </c>
      <c r="Z41488">
        <v>53</v>
      </c>
      <c r="AA41488">
        <v>54</v>
      </c>
      <c r="AB41488">
        <v>56</v>
      </c>
      <c r="AC41488">
        <v>57</v>
      </c>
      <c r="AD41488">
        <v>59</v>
      </c>
      <c r="AE41488">
        <v>60</v>
      </c>
      <c r="AF41488">
        <v>61</v>
      </c>
      <c r="AG41488">
        <v>62</v>
      </c>
      <c r="AH41488">
        <v>62</v>
      </c>
      <c r="AI41488">
        <v>63</v>
      </c>
      <c r="AJ41488">
        <v>64</v>
      </c>
      <c r="AK41488">
        <v>65</v>
      </c>
      <c r="AL41488">
        <v>66</v>
      </c>
      <c r="AM41488">
        <v>66</v>
      </c>
      <c r="AN41488">
        <v>67</v>
      </c>
      <c r="AO41488">
        <v>68</v>
      </c>
      <c r="AP41488">
        <v>69</v>
      </c>
      <c r="AQ41488">
        <v>70</v>
      </c>
    </row>
    <row r="41489" spans="1:43">
      <c r="A41489" t="s">
        <v>25547</v>
      </c>
      <c r="B41489" t="s">
        <v>25548</v>
      </c>
      <c r="C41489" t="s">
        <v>1212</v>
      </c>
      <c r="D41489" t="s">
        <v>1213</v>
      </c>
      <c r="E41489" t="s">
        <v>1192</v>
      </c>
      <c r="F41489" t="s">
        <v>1193</v>
      </c>
      <c r="G41489" t="s">
        <v>80</v>
      </c>
      <c r="H41489" t="s">
        <v>81</v>
      </c>
      <c r="I41489" s="2">
        <v>1</v>
      </c>
      <c r="J41489" s="2">
        <v>0</v>
      </c>
      <c r="K41489" s="2">
        <v>0</v>
      </c>
      <c r="L41489" t="s">
        <v>120</v>
      </c>
      <c r="M41489" t="s">
        <v>83</v>
      </c>
      <c r="N41489" t="s">
        <v>91</v>
      </c>
      <c r="O41489" t="s">
        <v>85</v>
      </c>
      <c r="P41489" t="s">
        <v>86</v>
      </c>
      <c r="Q41489">
        <v>40</v>
      </c>
      <c r="R41489">
        <v>41</v>
      </c>
      <c r="S41489">
        <v>42</v>
      </c>
      <c r="T41489">
        <v>43</v>
      </c>
      <c r="U41489">
        <v>44</v>
      </c>
      <c r="V41489">
        <v>45</v>
      </c>
      <c r="W41489">
        <v>46</v>
      </c>
      <c r="X41489">
        <v>48</v>
      </c>
      <c r="Y41489">
        <v>49</v>
      </c>
      <c r="Z41489">
        <v>50</v>
      </c>
      <c r="AA41489">
        <v>51</v>
      </c>
      <c r="AB41489">
        <v>52</v>
      </c>
      <c r="AC41489">
        <v>54</v>
      </c>
      <c r="AD41489">
        <v>55</v>
      </c>
      <c r="AE41489">
        <v>56</v>
      </c>
      <c r="AF41489">
        <v>57</v>
      </c>
      <c r="AG41489">
        <v>59</v>
      </c>
      <c r="AH41489">
        <v>60</v>
      </c>
      <c r="AI41489">
        <v>61</v>
      </c>
      <c r="AJ41489">
        <v>63</v>
      </c>
      <c r="AK41489">
        <v>64</v>
      </c>
      <c r="AL41489">
        <v>65</v>
      </c>
      <c r="AM41489">
        <v>66</v>
      </c>
      <c r="AN41489">
        <v>67</v>
      </c>
      <c r="AO41489">
        <v>68</v>
      </c>
      <c r="AP41489">
        <v>69</v>
      </c>
      <c r="AQ41489">
        <v>69</v>
      </c>
    </row>
    <row r="41490" spans="1:43">
      <c r="A41490" t="s">
        <v>25549</v>
      </c>
      <c r="B41490" t="s">
        <v>25550</v>
      </c>
      <c r="C41490" t="s">
        <v>1212</v>
      </c>
      <c r="D41490" t="s">
        <v>1213</v>
      </c>
      <c r="E41490" t="s">
        <v>1192</v>
      </c>
      <c r="F41490" t="s">
        <v>1193</v>
      </c>
      <c r="G41490" t="s">
        <v>80</v>
      </c>
      <c r="H41490" t="s">
        <v>81</v>
      </c>
      <c r="I41490" s="2">
        <v>1</v>
      </c>
      <c r="J41490" s="2">
        <v>0</v>
      </c>
      <c r="K41490" s="2">
        <v>0</v>
      </c>
      <c r="L41490" t="s">
        <v>120</v>
      </c>
      <c r="M41490" t="s">
        <v>83</v>
      </c>
      <c r="N41490" t="s">
        <v>84</v>
      </c>
      <c r="O41490" t="s">
        <v>85</v>
      </c>
      <c r="P41490" t="s">
        <v>86</v>
      </c>
      <c r="Q41490">
        <v>18</v>
      </c>
      <c r="R41490">
        <v>18</v>
      </c>
      <c r="S41490">
        <v>19</v>
      </c>
      <c r="T41490">
        <v>19</v>
      </c>
      <c r="U41490">
        <v>20</v>
      </c>
      <c r="V41490">
        <v>20</v>
      </c>
      <c r="W41490">
        <v>21</v>
      </c>
      <c r="X41490">
        <v>21</v>
      </c>
      <c r="Y41490">
        <v>22</v>
      </c>
      <c r="Z41490">
        <v>22</v>
      </c>
      <c r="AA41490">
        <v>23</v>
      </c>
      <c r="AB41490">
        <v>23</v>
      </c>
      <c r="AC41490">
        <v>24</v>
      </c>
      <c r="AD41490">
        <v>24</v>
      </c>
      <c r="AE41490">
        <v>25</v>
      </c>
      <c r="AF41490">
        <v>25</v>
      </c>
      <c r="AG41490">
        <v>26</v>
      </c>
      <c r="AH41490">
        <v>27</v>
      </c>
      <c r="AI41490">
        <v>27</v>
      </c>
      <c r="AJ41490">
        <v>28</v>
      </c>
      <c r="AK41490">
        <v>28</v>
      </c>
      <c r="AL41490">
        <v>29</v>
      </c>
      <c r="AM41490">
        <v>29</v>
      </c>
      <c r="AN41490">
        <v>30</v>
      </c>
      <c r="AO41490">
        <v>30</v>
      </c>
      <c r="AP41490">
        <v>30</v>
      </c>
      <c r="AQ41490">
        <v>31</v>
      </c>
    </row>
    <row r="41491" spans="1:43">
      <c r="A41491" t="s">
        <v>25549</v>
      </c>
      <c r="B41491" t="s">
        <v>25550</v>
      </c>
      <c r="C41491" t="s">
        <v>1212</v>
      </c>
      <c r="D41491" t="s">
        <v>1213</v>
      </c>
      <c r="E41491" t="s">
        <v>1192</v>
      </c>
      <c r="F41491" t="s">
        <v>1193</v>
      </c>
      <c r="G41491" t="s">
        <v>80</v>
      </c>
      <c r="H41491" t="s">
        <v>81</v>
      </c>
      <c r="I41491" s="2">
        <v>1</v>
      </c>
      <c r="J41491" s="2">
        <v>0</v>
      </c>
      <c r="K41491" s="2">
        <v>0</v>
      </c>
      <c r="L41491" t="s">
        <v>120</v>
      </c>
      <c r="M41491" t="s">
        <v>87</v>
      </c>
      <c r="N41491" t="s">
        <v>88</v>
      </c>
      <c r="O41491" t="s">
        <v>85</v>
      </c>
      <c r="P41491" t="s">
        <v>86</v>
      </c>
      <c r="Q41491">
        <v>18</v>
      </c>
      <c r="R41491">
        <v>19</v>
      </c>
      <c r="S41491">
        <v>19</v>
      </c>
      <c r="T41491">
        <v>19</v>
      </c>
      <c r="U41491">
        <v>20</v>
      </c>
      <c r="V41491">
        <v>20</v>
      </c>
      <c r="W41491">
        <v>20</v>
      </c>
      <c r="X41491">
        <v>21</v>
      </c>
      <c r="Y41491">
        <v>21</v>
      </c>
      <c r="Z41491">
        <v>21</v>
      </c>
      <c r="AA41491">
        <v>22</v>
      </c>
      <c r="AB41491">
        <v>22</v>
      </c>
      <c r="AC41491">
        <v>22</v>
      </c>
      <c r="AD41491">
        <v>23</v>
      </c>
      <c r="AE41491">
        <v>23</v>
      </c>
      <c r="AF41491">
        <v>23</v>
      </c>
      <c r="AG41491">
        <v>24</v>
      </c>
      <c r="AH41491">
        <v>24</v>
      </c>
      <c r="AI41491">
        <v>25</v>
      </c>
      <c r="AJ41491">
        <v>25</v>
      </c>
      <c r="AK41491">
        <v>25</v>
      </c>
      <c r="AL41491">
        <v>26</v>
      </c>
      <c r="AM41491">
        <v>26</v>
      </c>
      <c r="AN41491">
        <v>27</v>
      </c>
      <c r="AO41491">
        <v>27</v>
      </c>
      <c r="AP41491">
        <v>27</v>
      </c>
      <c r="AQ41491">
        <v>28</v>
      </c>
    </row>
    <row r="41492" spans="1:43">
      <c r="A41492" t="s">
        <v>25549</v>
      </c>
      <c r="B41492" t="s">
        <v>25550</v>
      </c>
      <c r="C41492" t="s">
        <v>1212</v>
      </c>
      <c r="D41492" t="s">
        <v>1213</v>
      </c>
      <c r="E41492" t="s">
        <v>1192</v>
      </c>
      <c r="F41492" t="s">
        <v>1193</v>
      </c>
      <c r="G41492" t="s">
        <v>80</v>
      </c>
      <c r="H41492" t="s">
        <v>81</v>
      </c>
      <c r="I41492" s="2">
        <v>1</v>
      </c>
      <c r="J41492" s="2">
        <v>0</v>
      </c>
      <c r="K41492" s="2">
        <v>0</v>
      </c>
      <c r="L41492" t="s">
        <v>120</v>
      </c>
      <c r="M41492" t="s">
        <v>89</v>
      </c>
      <c r="N41492" t="s">
        <v>90</v>
      </c>
      <c r="O41492" t="s">
        <v>85</v>
      </c>
      <c r="P41492" t="s">
        <v>86</v>
      </c>
      <c r="Q41492">
        <v>18</v>
      </c>
      <c r="R41492">
        <v>18</v>
      </c>
      <c r="S41492">
        <v>19</v>
      </c>
      <c r="T41492">
        <v>20</v>
      </c>
      <c r="U41492">
        <v>20</v>
      </c>
      <c r="V41492">
        <v>21</v>
      </c>
      <c r="W41492">
        <v>22</v>
      </c>
      <c r="X41492">
        <v>22</v>
      </c>
      <c r="Y41492">
        <v>23</v>
      </c>
      <c r="Z41492">
        <v>23</v>
      </c>
      <c r="AA41492">
        <v>24</v>
      </c>
      <c r="AB41492">
        <v>25</v>
      </c>
      <c r="AC41492">
        <v>25</v>
      </c>
      <c r="AD41492">
        <v>26</v>
      </c>
      <c r="AE41492">
        <v>27</v>
      </c>
      <c r="AF41492">
        <v>27</v>
      </c>
      <c r="AG41492">
        <v>27</v>
      </c>
      <c r="AH41492">
        <v>28</v>
      </c>
      <c r="AI41492">
        <v>28</v>
      </c>
      <c r="AJ41492">
        <v>28</v>
      </c>
      <c r="AK41492">
        <v>29</v>
      </c>
      <c r="AL41492">
        <v>29</v>
      </c>
      <c r="AM41492">
        <v>29</v>
      </c>
      <c r="AN41492">
        <v>30</v>
      </c>
      <c r="AO41492">
        <v>30</v>
      </c>
      <c r="AP41492">
        <v>31</v>
      </c>
      <c r="AQ41492">
        <v>31</v>
      </c>
    </row>
    <row r="41493" spans="1:43">
      <c r="A41493" t="s">
        <v>25549</v>
      </c>
      <c r="B41493" t="s">
        <v>25550</v>
      </c>
      <c r="C41493" t="s">
        <v>1212</v>
      </c>
      <c r="D41493" t="s">
        <v>1213</v>
      </c>
      <c r="E41493" t="s">
        <v>1192</v>
      </c>
      <c r="F41493" t="s">
        <v>1193</v>
      </c>
      <c r="G41493" t="s">
        <v>80</v>
      </c>
      <c r="H41493" t="s">
        <v>81</v>
      </c>
      <c r="I41493" s="2">
        <v>1</v>
      </c>
      <c r="J41493" s="2">
        <v>0</v>
      </c>
      <c r="K41493" s="2">
        <v>0</v>
      </c>
      <c r="L41493" t="s">
        <v>120</v>
      </c>
      <c r="M41493" t="s">
        <v>83</v>
      </c>
      <c r="N41493" t="s">
        <v>91</v>
      </c>
      <c r="O41493" t="s">
        <v>85</v>
      </c>
      <c r="P41493" t="s">
        <v>86</v>
      </c>
      <c r="Q41493">
        <v>18</v>
      </c>
      <c r="R41493">
        <v>18</v>
      </c>
      <c r="S41493">
        <v>19</v>
      </c>
      <c r="T41493">
        <v>19</v>
      </c>
      <c r="U41493">
        <v>20</v>
      </c>
      <c r="V41493">
        <v>20</v>
      </c>
      <c r="W41493">
        <v>21</v>
      </c>
      <c r="X41493">
        <v>21</v>
      </c>
      <c r="Y41493">
        <v>22</v>
      </c>
      <c r="Z41493">
        <v>22</v>
      </c>
      <c r="AA41493">
        <v>23</v>
      </c>
      <c r="AB41493">
        <v>23</v>
      </c>
      <c r="AC41493">
        <v>24</v>
      </c>
      <c r="AD41493">
        <v>24</v>
      </c>
      <c r="AE41493">
        <v>25</v>
      </c>
      <c r="AF41493">
        <v>25</v>
      </c>
      <c r="AG41493">
        <v>26</v>
      </c>
      <c r="AH41493">
        <v>27</v>
      </c>
      <c r="AI41493">
        <v>27</v>
      </c>
      <c r="AJ41493">
        <v>28</v>
      </c>
      <c r="AK41493">
        <v>28</v>
      </c>
      <c r="AL41493">
        <v>29</v>
      </c>
      <c r="AM41493">
        <v>29</v>
      </c>
      <c r="AN41493">
        <v>30</v>
      </c>
      <c r="AO41493">
        <v>30</v>
      </c>
      <c r="AP41493">
        <v>30</v>
      </c>
      <c r="AQ41493">
        <v>31</v>
      </c>
    </row>
    <row r="41494" spans="1:43">
      <c r="A41494" t="s">
        <v>25551</v>
      </c>
      <c r="B41494" t="s">
        <v>25552</v>
      </c>
      <c r="C41494" t="s">
        <v>1258</v>
      </c>
      <c r="D41494" t="s">
        <v>1259</v>
      </c>
      <c r="E41494" t="s">
        <v>1192</v>
      </c>
      <c r="F41494" t="s">
        <v>1193</v>
      </c>
      <c r="G41494" t="s">
        <v>80</v>
      </c>
      <c r="H41494" t="s">
        <v>81</v>
      </c>
      <c r="I41494" s="2">
        <v>0</v>
      </c>
      <c r="J41494" s="2">
        <v>1</v>
      </c>
      <c r="K41494" s="2">
        <v>0</v>
      </c>
      <c r="L41494" t="s">
        <v>82</v>
      </c>
      <c r="M41494" t="s">
        <v>83</v>
      </c>
      <c r="N41494" t="s">
        <v>84</v>
      </c>
      <c r="O41494" t="s">
        <v>85</v>
      </c>
      <c r="P41494" t="s">
        <v>86</v>
      </c>
      <c r="Q41494">
        <v>8</v>
      </c>
      <c r="R41494">
        <v>8</v>
      </c>
      <c r="S41494">
        <v>8</v>
      </c>
      <c r="T41494">
        <v>8</v>
      </c>
      <c r="U41494">
        <v>9</v>
      </c>
      <c r="V41494">
        <v>9</v>
      </c>
      <c r="W41494">
        <v>9</v>
      </c>
      <c r="X41494">
        <v>9</v>
      </c>
      <c r="Y41494">
        <v>10</v>
      </c>
      <c r="Z41494">
        <v>10</v>
      </c>
      <c r="AA41494">
        <v>10</v>
      </c>
      <c r="AB41494">
        <v>10</v>
      </c>
      <c r="AC41494">
        <v>11</v>
      </c>
      <c r="AD41494">
        <v>11</v>
      </c>
      <c r="AE41494">
        <v>11</v>
      </c>
      <c r="AF41494">
        <v>11</v>
      </c>
      <c r="AG41494">
        <v>12</v>
      </c>
      <c r="AH41494">
        <v>12</v>
      </c>
      <c r="AI41494">
        <v>12</v>
      </c>
      <c r="AJ41494">
        <v>13</v>
      </c>
      <c r="AK41494">
        <v>13</v>
      </c>
      <c r="AL41494">
        <v>13</v>
      </c>
      <c r="AM41494">
        <v>13</v>
      </c>
      <c r="AN41494">
        <v>13</v>
      </c>
      <c r="AO41494">
        <v>14</v>
      </c>
      <c r="AP41494">
        <v>14</v>
      </c>
      <c r="AQ41494">
        <v>14</v>
      </c>
    </row>
    <row r="41495" spans="1:43">
      <c r="A41495" t="s">
        <v>25551</v>
      </c>
      <c r="B41495" t="s">
        <v>25552</v>
      </c>
      <c r="C41495" t="s">
        <v>1258</v>
      </c>
      <c r="D41495" t="s">
        <v>1259</v>
      </c>
      <c r="E41495" t="s">
        <v>1192</v>
      </c>
      <c r="F41495" t="s">
        <v>1193</v>
      </c>
      <c r="G41495" t="s">
        <v>80</v>
      </c>
      <c r="H41495" t="s">
        <v>81</v>
      </c>
      <c r="I41495" s="2">
        <v>0</v>
      </c>
      <c r="J41495" s="2">
        <v>1</v>
      </c>
      <c r="K41495" s="2">
        <v>0</v>
      </c>
      <c r="L41495" t="s">
        <v>82</v>
      </c>
      <c r="M41495" t="s">
        <v>87</v>
      </c>
      <c r="N41495" t="s">
        <v>88</v>
      </c>
      <c r="O41495" t="s">
        <v>85</v>
      </c>
      <c r="P41495" t="s">
        <v>86</v>
      </c>
      <c r="Q41495">
        <v>8</v>
      </c>
      <c r="R41495">
        <v>8</v>
      </c>
      <c r="S41495">
        <v>8</v>
      </c>
      <c r="T41495">
        <v>8</v>
      </c>
      <c r="U41495">
        <v>8</v>
      </c>
      <c r="V41495">
        <v>8</v>
      </c>
      <c r="W41495">
        <v>9</v>
      </c>
      <c r="X41495">
        <v>9</v>
      </c>
      <c r="Y41495">
        <v>9</v>
      </c>
      <c r="Z41495">
        <v>9</v>
      </c>
      <c r="AA41495">
        <v>9</v>
      </c>
      <c r="AB41495">
        <v>9</v>
      </c>
      <c r="AC41495">
        <v>10</v>
      </c>
      <c r="AD41495">
        <v>10</v>
      </c>
      <c r="AE41495">
        <v>10</v>
      </c>
      <c r="AF41495">
        <v>10</v>
      </c>
      <c r="AG41495">
        <v>10</v>
      </c>
      <c r="AH41495">
        <v>10</v>
      </c>
      <c r="AI41495">
        <v>11</v>
      </c>
      <c r="AJ41495">
        <v>11</v>
      </c>
      <c r="AK41495">
        <v>11</v>
      </c>
      <c r="AL41495">
        <v>11</v>
      </c>
      <c r="AM41495">
        <v>11</v>
      </c>
      <c r="AN41495">
        <v>11</v>
      </c>
      <c r="AO41495">
        <v>12</v>
      </c>
      <c r="AP41495">
        <v>12</v>
      </c>
      <c r="AQ41495">
        <v>12</v>
      </c>
    </row>
    <row r="41496" spans="1:43">
      <c r="A41496" t="s">
        <v>25551</v>
      </c>
      <c r="B41496" t="s">
        <v>25552</v>
      </c>
      <c r="C41496" t="s">
        <v>1258</v>
      </c>
      <c r="D41496" t="s">
        <v>1259</v>
      </c>
      <c r="E41496" t="s">
        <v>1192</v>
      </c>
      <c r="F41496" t="s">
        <v>1193</v>
      </c>
      <c r="G41496" t="s">
        <v>80</v>
      </c>
      <c r="H41496" t="s">
        <v>81</v>
      </c>
      <c r="I41496" s="2">
        <v>0</v>
      </c>
      <c r="J41496" s="2">
        <v>1</v>
      </c>
      <c r="K41496" s="2">
        <v>0</v>
      </c>
      <c r="L41496" t="s">
        <v>82</v>
      </c>
      <c r="M41496" t="s">
        <v>89</v>
      </c>
      <c r="N41496" t="s">
        <v>90</v>
      </c>
      <c r="O41496" t="s">
        <v>85</v>
      </c>
      <c r="P41496" t="s">
        <v>86</v>
      </c>
      <c r="Q41496">
        <v>8</v>
      </c>
      <c r="R41496">
        <v>8</v>
      </c>
      <c r="S41496">
        <v>8</v>
      </c>
      <c r="T41496">
        <v>9</v>
      </c>
      <c r="U41496">
        <v>9</v>
      </c>
      <c r="V41496">
        <v>9</v>
      </c>
      <c r="W41496">
        <v>10</v>
      </c>
      <c r="X41496">
        <v>10</v>
      </c>
      <c r="Y41496">
        <v>10</v>
      </c>
      <c r="Z41496">
        <v>11</v>
      </c>
      <c r="AA41496">
        <v>11</v>
      </c>
      <c r="AB41496">
        <v>11</v>
      </c>
      <c r="AC41496">
        <v>11</v>
      </c>
      <c r="AD41496">
        <v>12</v>
      </c>
      <c r="AE41496">
        <v>12</v>
      </c>
      <c r="AF41496">
        <v>12</v>
      </c>
      <c r="AG41496">
        <v>12</v>
      </c>
      <c r="AH41496">
        <v>12</v>
      </c>
      <c r="AI41496">
        <v>13</v>
      </c>
      <c r="AJ41496">
        <v>13</v>
      </c>
      <c r="AK41496">
        <v>13</v>
      </c>
      <c r="AL41496">
        <v>13</v>
      </c>
      <c r="AM41496">
        <v>13</v>
      </c>
      <c r="AN41496">
        <v>14</v>
      </c>
      <c r="AO41496">
        <v>14</v>
      </c>
      <c r="AP41496">
        <v>14</v>
      </c>
      <c r="AQ41496">
        <v>14</v>
      </c>
    </row>
    <row r="41497" spans="1:43">
      <c r="A41497" t="s">
        <v>25551</v>
      </c>
      <c r="B41497" t="s">
        <v>25552</v>
      </c>
      <c r="C41497" t="s">
        <v>1258</v>
      </c>
      <c r="D41497" t="s">
        <v>1259</v>
      </c>
      <c r="E41497" t="s">
        <v>1192</v>
      </c>
      <c r="F41497" t="s">
        <v>1193</v>
      </c>
      <c r="G41497" t="s">
        <v>80</v>
      </c>
      <c r="H41497" t="s">
        <v>81</v>
      </c>
      <c r="I41497" s="2">
        <v>0</v>
      </c>
      <c r="J41497" s="2">
        <v>1</v>
      </c>
      <c r="K41497" s="2">
        <v>0</v>
      </c>
      <c r="L41497" t="s">
        <v>82</v>
      </c>
      <c r="M41497" t="s">
        <v>83</v>
      </c>
      <c r="N41497" t="s">
        <v>91</v>
      </c>
      <c r="O41497" t="s">
        <v>85</v>
      </c>
      <c r="P41497" t="s">
        <v>86</v>
      </c>
      <c r="Q41497">
        <v>8</v>
      </c>
      <c r="R41497">
        <v>8</v>
      </c>
      <c r="S41497">
        <v>8</v>
      </c>
      <c r="T41497">
        <v>8</v>
      </c>
      <c r="U41497">
        <v>9</v>
      </c>
      <c r="V41497">
        <v>9</v>
      </c>
      <c r="W41497">
        <v>9</v>
      </c>
      <c r="X41497">
        <v>9</v>
      </c>
      <c r="Y41497">
        <v>10</v>
      </c>
      <c r="Z41497">
        <v>10</v>
      </c>
      <c r="AA41497">
        <v>10</v>
      </c>
      <c r="AB41497">
        <v>10</v>
      </c>
      <c r="AC41497">
        <v>11</v>
      </c>
      <c r="AD41497">
        <v>11</v>
      </c>
      <c r="AE41497">
        <v>11</v>
      </c>
      <c r="AF41497">
        <v>11</v>
      </c>
      <c r="AG41497">
        <v>12</v>
      </c>
      <c r="AH41497">
        <v>12</v>
      </c>
      <c r="AI41497">
        <v>12</v>
      </c>
      <c r="AJ41497">
        <v>13</v>
      </c>
      <c r="AK41497">
        <v>13</v>
      </c>
      <c r="AL41497">
        <v>13</v>
      </c>
      <c r="AM41497">
        <v>13</v>
      </c>
      <c r="AN41497">
        <v>13</v>
      </c>
      <c r="AO41497">
        <v>14</v>
      </c>
      <c r="AP41497">
        <v>14</v>
      </c>
      <c r="AQ41497">
        <v>14</v>
      </c>
    </row>
    <row r="41498" spans="1:43">
      <c r="A41498" t="s">
        <v>25553</v>
      </c>
      <c r="B41498" t="s">
        <v>25554</v>
      </c>
      <c r="C41498" t="s">
        <v>1258</v>
      </c>
      <c r="D41498" t="s">
        <v>1259</v>
      </c>
      <c r="E41498" t="s">
        <v>1192</v>
      </c>
      <c r="F41498" t="s">
        <v>1193</v>
      </c>
      <c r="G41498" t="s">
        <v>80</v>
      </c>
      <c r="H41498" t="s">
        <v>81</v>
      </c>
      <c r="I41498" s="2">
        <v>0</v>
      </c>
      <c r="J41498" s="2">
        <v>1</v>
      </c>
      <c r="K41498" s="2">
        <v>0</v>
      </c>
      <c r="L41498" t="s">
        <v>82</v>
      </c>
      <c r="M41498" t="s">
        <v>83</v>
      </c>
      <c r="N41498" t="s">
        <v>84</v>
      </c>
      <c r="O41498" t="s">
        <v>85</v>
      </c>
      <c r="P41498" t="s">
        <v>86</v>
      </c>
      <c r="Q41498">
        <v>9</v>
      </c>
      <c r="R41498">
        <v>9</v>
      </c>
      <c r="S41498">
        <v>10</v>
      </c>
      <c r="T41498">
        <v>10</v>
      </c>
      <c r="U41498">
        <v>10</v>
      </c>
      <c r="V41498">
        <v>10</v>
      </c>
      <c r="W41498">
        <v>11</v>
      </c>
      <c r="X41498">
        <v>11</v>
      </c>
      <c r="Y41498">
        <v>11</v>
      </c>
      <c r="Z41498">
        <v>11</v>
      </c>
      <c r="AA41498">
        <v>12</v>
      </c>
      <c r="AB41498">
        <v>12</v>
      </c>
      <c r="AC41498">
        <v>12</v>
      </c>
      <c r="AD41498">
        <v>13</v>
      </c>
      <c r="AE41498">
        <v>13</v>
      </c>
      <c r="AF41498">
        <v>13</v>
      </c>
      <c r="AG41498">
        <v>14</v>
      </c>
      <c r="AH41498">
        <v>14</v>
      </c>
      <c r="AI41498">
        <v>14</v>
      </c>
      <c r="AJ41498">
        <v>15</v>
      </c>
      <c r="AK41498">
        <v>15</v>
      </c>
      <c r="AL41498">
        <v>15</v>
      </c>
      <c r="AM41498">
        <v>15</v>
      </c>
      <c r="AN41498">
        <v>16</v>
      </c>
      <c r="AO41498">
        <v>16</v>
      </c>
      <c r="AP41498">
        <v>16</v>
      </c>
      <c r="AQ41498">
        <v>16</v>
      </c>
    </row>
    <row r="41499" spans="1:43">
      <c r="A41499" t="s">
        <v>25553</v>
      </c>
      <c r="B41499" t="s">
        <v>25554</v>
      </c>
      <c r="C41499" t="s">
        <v>1258</v>
      </c>
      <c r="D41499" t="s">
        <v>1259</v>
      </c>
      <c r="E41499" t="s">
        <v>1192</v>
      </c>
      <c r="F41499" t="s">
        <v>1193</v>
      </c>
      <c r="G41499" t="s">
        <v>80</v>
      </c>
      <c r="H41499" t="s">
        <v>81</v>
      </c>
      <c r="I41499" s="2">
        <v>0</v>
      </c>
      <c r="J41499" s="2">
        <v>1</v>
      </c>
      <c r="K41499" s="2">
        <v>0</v>
      </c>
      <c r="L41499" t="s">
        <v>82</v>
      </c>
      <c r="M41499" t="s">
        <v>87</v>
      </c>
      <c r="N41499" t="s">
        <v>88</v>
      </c>
      <c r="O41499" t="s">
        <v>85</v>
      </c>
      <c r="P41499" t="s">
        <v>86</v>
      </c>
      <c r="Q41499">
        <v>9</v>
      </c>
      <c r="R41499">
        <v>9</v>
      </c>
      <c r="S41499">
        <v>9</v>
      </c>
      <c r="T41499">
        <v>9</v>
      </c>
      <c r="U41499">
        <v>10</v>
      </c>
      <c r="V41499">
        <v>10</v>
      </c>
      <c r="W41499">
        <v>10</v>
      </c>
      <c r="X41499">
        <v>10</v>
      </c>
      <c r="Y41499">
        <v>10</v>
      </c>
      <c r="Z41499">
        <v>10</v>
      </c>
      <c r="AA41499">
        <v>11</v>
      </c>
      <c r="AB41499">
        <v>11</v>
      </c>
      <c r="AC41499">
        <v>11</v>
      </c>
      <c r="AD41499">
        <v>11</v>
      </c>
      <c r="AE41499">
        <v>11</v>
      </c>
      <c r="AF41499">
        <v>12</v>
      </c>
      <c r="AG41499">
        <v>12</v>
      </c>
      <c r="AH41499">
        <v>12</v>
      </c>
      <c r="AI41499">
        <v>12</v>
      </c>
      <c r="AJ41499">
        <v>12</v>
      </c>
      <c r="AK41499">
        <v>13</v>
      </c>
      <c r="AL41499">
        <v>13</v>
      </c>
      <c r="AM41499">
        <v>13</v>
      </c>
      <c r="AN41499">
        <v>13</v>
      </c>
      <c r="AO41499">
        <v>13</v>
      </c>
      <c r="AP41499">
        <v>14</v>
      </c>
      <c r="AQ41499">
        <v>14</v>
      </c>
    </row>
    <row r="41500" spans="1:43">
      <c r="A41500" t="s">
        <v>25553</v>
      </c>
      <c r="B41500" t="s">
        <v>25554</v>
      </c>
      <c r="C41500" t="s">
        <v>1258</v>
      </c>
      <c r="D41500" t="s">
        <v>1259</v>
      </c>
      <c r="E41500" t="s">
        <v>1192</v>
      </c>
      <c r="F41500" t="s">
        <v>1193</v>
      </c>
      <c r="G41500" t="s">
        <v>80</v>
      </c>
      <c r="H41500" t="s">
        <v>81</v>
      </c>
      <c r="I41500" s="2">
        <v>0</v>
      </c>
      <c r="J41500" s="2">
        <v>1</v>
      </c>
      <c r="K41500" s="2">
        <v>0</v>
      </c>
      <c r="L41500" t="s">
        <v>82</v>
      </c>
      <c r="M41500" t="s">
        <v>89</v>
      </c>
      <c r="N41500" t="s">
        <v>90</v>
      </c>
      <c r="O41500" t="s">
        <v>85</v>
      </c>
      <c r="P41500" t="s">
        <v>86</v>
      </c>
      <c r="Q41500">
        <v>9</v>
      </c>
      <c r="R41500">
        <v>9</v>
      </c>
      <c r="S41500">
        <v>10</v>
      </c>
      <c r="T41500">
        <v>10</v>
      </c>
      <c r="U41500">
        <v>10</v>
      </c>
      <c r="V41500">
        <v>11</v>
      </c>
      <c r="W41500">
        <v>11</v>
      </c>
      <c r="X41500">
        <v>11</v>
      </c>
      <c r="Y41500">
        <v>12</v>
      </c>
      <c r="Z41500">
        <v>12</v>
      </c>
      <c r="AA41500">
        <v>13</v>
      </c>
      <c r="AB41500">
        <v>13</v>
      </c>
      <c r="AC41500">
        <v>13</v>
      </c>
      <c r="AD41500">
        <v>14</v>
      </c>
      <c r="AE41500">
        <v>14</v>
      </c>
      <c r="AF41500">
        <v>14</v>
      </c>
      <c r="AG41500">
        <v>14</v>
      </c>
      <c r="AH41500">
        <v>14</v>
      </c>
      <c r="AI41500">
        <v>15</v>
      </c>
      <c r="AJ41500">
        <v>15</v>
      </c>
      <c r="AK41500">
        <v>15</v>
      </c>
      <c r="AL41500">
        <v>15</v>
      </c>
      <c r="AM41500">
        <v>15</v>
      </c>
      <c r="AN41500">
        <v>16</v>
      </c>
      <c r="AO41500">
        <v>16</v>
      </c>
      <c r="AP41500">
        <v>16</v>
      </c>
      <c r="AQ41500">
        <v>16</v>
      </c>
    </row>
    <row r="41501" spans="1:43">
      <c r="A41501" t="s">
        <v>25553</v>
      </c>
      <c r="B41501" t="s">
        <v>25554</v>
      </c>
      <c r="C41501" t="s">
        <v>1258</v>
      </c>
      <c r="D41501" t="s">
        <v>1259</v>
      </c>
      <c r="E41501" t="s">
        <v>1192</v>
      </c>
      <c r="F41501" t="s">
        <v>1193</v>
      </c>
      <c r="G41501" t="s">
        <v>80</v>
      </c>
      <c r="H41501" t="s">
        <v>81</v>
      </c>
      <c r="I41501" s="2">
        <v>0</v>
      </c>
      <c r="J41501" s="2">
        <v>1</v>
      </c>
      <c r="K41501" s="2">
        <v>0</v>
      </c>
      <c r="L41501" t="s">
        <v>82</v>
      </c>
      <c r="M41501" t="s">
        <v>83</v>
      </c>
      <c r="N41501" t="s">
        <v>91</v>
      </c>
      <c r="O41501" t="s">
        <v>85</v>
      </c>
      <c r="P41501" t="s">
        <v>86</v>
      </c>
      <c r="Q41501">
        <v>9</v>
      </c>
      <c r="R41501">
        <v>9</v>
      </c>
      <c r="S41501">
        <v>10</v>
      </c>
      <c r="T41501">
        <v>10</v>
      </c>
      <c r="U41501">
        <v>10</v>
      </c>
      <c r="V41501">
        <v>10</v>
      </c>
      <c r="W41501">
        <v>11</v>
      </c>
      <c r="X41501">
        <v>11</v>
      </c>
      <c r="Y41501">
        <v>11</v>
      </c>
      <c r="Z41501">
        <v>11</v>
      </c>
      <c r="AA41501">
        <v>12</v>
      </c>
      <c r="AB41501">
        <v>12</v>
      </c>
      <c r="AC41501">
        <v>12</v>
      </c>
      <c r="AD41501">
        <v>13</v>
      </c>
      <c r="AE41501">
        <v>13</v>
      </c>
      <c r="AF41501">
        <v>13</v>
      </c>
      <c r="AG41501">
        <v>14</v>
      </c>
      <c r="AH41501">
        <v>14</v>
      </c>
      <c r="AI41501">
        <v>14</v>
      </c>
      <c r="AJ41501">
        <v>15</v>
      </c>
      <c r="AK41501">
        <v>15</v>
      </c>
      <c r="AL41501">
        <v>15</v>
      </c>
      <c r="AM41501">
        <v>15</v>
      </c>
      <c r="AN41501">
        <v>16</v>
      </c>
      <c r="AO41501">
        <v>16</v>
      </c>
      <c r="AP41501">
        <v>16</v>
      </c>
      <c r="AQ41501">
        <v>16</v>
      </c>
    </row>
    <row r="41502" spans="1:43">
      <c r="A41502" t="s">
        <v>25555</v>
      </c>
      <c r="B41502" t="s">
        <v>25556</v>
      </c>
      <c r="C41502" t="s">
        <v>1524</v>
      </c>
      <c r="D41502" t="s">
        <v>1525</v>
      </c>
      <c r="E41502" t="s">
        <v>1192</v>
      </c>
      <c r="F41502" t="s">
        <v>1193</v>
      </c>
      <c r="G41502" t="s">
        <v>80</v>
      </c>
      <c r="H41502" t="s">
        <v>81</v>
      </c>
      <c r="I41502" s="2">
        <v>1</v>
      </c>
      <c r="J41502" s="2">
        <v>0</v>
      </c>
      <c r="K41502" s="2">
        <v>0</v>
      </c>
      <c r="L41502" t="s">
        <v>120</v>
      </c>
      <c r="M41502" t="s">
        <v>83</v>
      </c>
      <c r="N41502" t="s">
        <v>84</v>
      </c>
      <c r="O41502" t="s">
        <v>85</v>
      </c>
      <c r="P41502" t="s">
        <v>86</v>
      </c>
      <c r="Q41502">
        <v>29</v>
      </c>
      <c r="R41502">
        <v>30</v>
      </c>
      <c r="S41502">
        <v>31</v>
      </c>
      <c r="T41502">
        <v>32</v>
      </c>
      <c r="U41502">
        <v>32</v>
      </c>
      <c r="V41502">
        <v>33</v>
      </c>
      <c r="W41502">
        <v>34</v>
      </c>
      <c r="X41502">
        <v>35</v>
      </c>
      <c r="Y41502">
        <v>36</v>
      </c>
      <c r="Z41502">
        <v>37</v>
      </c>
      <c r="AA41502">
        <v>38</v>
      </c>
      <c r="AB41502">
        <v>39</v>
      </c>
      <c r="AC41502">
        <v>40</v>
      </c>
      <c r="AD41502">
        <v>40</v>
      </c>
      <c r="AE41502">
        <v>41</v>
      </c>
      <c r="AF41502">
        <v>42</v>
      </c>
      <c r="AG41502">
        <v>43</v>
      </c>
      <c r="AH41502">
        <v>44</v>
      </c>
      <c r="AI41502">
        <v>45</v>
      </c>
      <c r="AJ41502">
        <v>46</v>
      </c>
      <c r="AK41502">
        <v>48</v>
      </c>
      <c r="AL41502">
        <v>48</v>
      </c>
      <c r="AM41502">
        <v>49</v>
      </c>
      <c r="AN41502">
        <v>50</v>
      </c>
      <c r="AO41502">
        <v>50</v>
      </c>
      <c r="AP41502">
        <v>51</v>
      </c>
      <c r="AQ41502">
        <v>52</v>
      </c>
    </row>
    <row r="41503" spans="1:43">
      <c r="A41503" t="s">
        <v>25555</v>
      </c>
      <c r="B41503" t="s">
        <v>25556</v>
      </c>
      <c r="C41503" t="s">
        <v>1524</v>
      </c>
      <c r="D41503" t="s">
        <v>1525</v>
      </c>
      <c r="E41503" t="s">
        <v>1192</v>
      </c>
      <c r="F41503" t="s">
        <v>1193</v>
      </c>
      <c r="G41503" t="s">
        <v>80</v>
      </c>
      <c r="H41503" t="s">
        <v>81</v>
      </c>
      <c r="I41503" s="2">
        <v>1</v>
      </c>
      <c r="J41503" s="2">
        <v>0</v>
      </c>
      <c r="K41503" s="2">
        <v>0</v>
      </c>
      <c r="L41503" t="s">
        <v>120</v>
      </c>
      <c r="M41503" t="s">
        <v>87</v>
      </c>
      <c r="N41503" t="s">
        <v>88</v>
      </c>
      <c r="O41503" t="s">
        <v>85</v>
      </c>
      <c r="P41503" t="s">
        <v>86</v>
      </c>
      <c r="Q41503">
        <v>29</v>
      </c>
      <c r="R41503">
        <v>29</v>
      </c>
      <c r="S41503">
        <v>30</v>
      </c>
      <c r="T41503">
        <v>30</v>
      </c>
      <c r="U41503">
        <v>31</v>
      </c>
      <c r="V41503">
        <v>32</v>
      </c>
      <c r="W41503">
        <v>32</v>
      </c>
      <c r="X41503">
        <v>33</v>
      </c>
      <c r="Y41503">
        <v>33</v>
      </c>
      <c r="Z41503">
        <v>34</v>
      </c>
      <c r="AA41503">
        <v>34</v>
      </c>
      <c r="AB41503">
        <v>35</v>
      </c>
      <c r="AC41503">
        <v>36</v>
      </c>
      <c r="AD41503">
        <v>36</v>
      </c>
      <c r="AE41503">
        <v>37</v>
      </c>
      <c r="AF41503">
        <v>37</v>
      </c>
      <c r="AG41503">
        <v>38</v>
      </c>
      <c r="AH41503">
        <v>39</v>
      </c>
      <c r="AI41503">
        <v>39</v>
      </c>
      <c r="AJ41503">
        <v>40</v>
      </c>
      <c r="AK41503">
        <v>41</v>
      </c>
      <c r="AL41503">
        <v>41</v>
      </c>
      <c r="AM41503">
        <v>42</v>
      </c>
      <c r="AN41503">
        <v>43</v>
      </c>
      <c r="AO41503">
        <v>43</v>
      </c>
      <c r="AP41503">
        <v>44</v>
      </c>
      <c r="AQ41503">
        <v>45</v>
      </c>
    </row>
    <row r="41504" spans="1:43">
      <c r="A41504" t="s">
        <v>25555</v>
      </c>
      <c r="B41504" t="s">
        <v>25556</v>
      </c>
      <c r="C41504" t="s">
        <v>1524</v>
      </c>
      <c r="D41504" t="s">
        <v>1525</v>
      </c>
      <c r="E41504" t="s">
        <v>1192</v>
      </c>
      <c r="F41504" t="s">
        <v>1193</v>
      </c>
      <c r="G41504" t="s">
        <v>80</v>
      </c>
      <c r="H41504" t="s">
        <v>81</v>
      </c>
      <c r="I41504" s="2">
        <v>1</v>
      </c>
      <c r="J41504" s="2">
        <v>0</v>
      </c>
      <c r="K41504" s="2">
        <v>0</v>
      </c>
      <c r="L41504" t="s">
        <v>120</v>
      </c>
      <c r="M41504" t="s">
        <v>89</v>
      </c>
      <c r="N41504" t="s">
        <v>90</v>
      </c>
      <c r="O41504" t="s">
        <v>85</v>
      </c>
      <c r="P41504" t="s">
        <v>86</v>
      </c>
      <c r="Q41504">
        <v>29</v>
      </c>
      <c r="R41504">
        <v>30</v>
      </c>
      <c r="S41504">
        <v>32</v>
      </c>
      <c r="T41504">
        <v>33</v>
      </c>
      <c r="U41504">
        <v>34</v>
      </c>
      <c r="V41504">
        <v>35</v>
      </c>
      <c r="W41504">
        <v>36</v>
      </c>
      <c r="X41504">
        <v>37</v>
      </c>
      <c r="Y41504">
        <v>38</v>
      </c>
      <c r="Z41504">
        <v>39</v>
      </c>
      <c r="AA41504">
        <v>40</v>
      </c>
      <c r="AB41504">
        <v>41</v>
      </c>
      <c r="AC41504">
        <v>42</v>
      </c>
      <c r="AD41504">
        <v>43</v>
      </c>
      <c r="AE41504">
        <v>44</v>
      </c>
      <c r="AF41504">
        <v>45</v>
      </c>
      <c r="AG41504">
        <v>46</v>
      </c>
      <c r="AH41504">
        <v>46</v>
      </c>
      <c r="AI41504">
        <v>47</v>
      </c>
      <c r="AJ41504">
        <v>48</v>
      </c>
      <c r="AK41504">
        <v>48</v>
      </c>
      <c r="AL41504">
        <v>49</v>
      </c>
      <c r="AM41504">
        <v>50</v>
      </c>
      <c r="AN41504">
        <v>50</v>
      </c>
      <c r="AO41504">
        <v>51</v>
      </c>
      <c r="AP41504">
        <v>52</v>
      </c>
      <c r="AQ41504">
        <v>52</v>
      </c>
    </row>
    <row r="41505" spans="1:43">
      <c r="A41505" t="s">
        <v>25555</v>
      </c>
      <c r="B41505" t="s">
        <v>25556</v>
      </c>
      <c r="C41505" t="s">
        <v>1524</v>
      </c>
      <c r="D41505" t="s">
        <v>1525</v>
      </c>
      <c r="E41505" t="s">
        <v>1192</v>
      </c>
      <c r="F41505" t="s">
        <v>1193</v>
      </c>
      <c r="G41505" t="s">
        <v>80</v>
      </c>
      <c r="H41505" t="s">
        <v>81</v>
      </c>
      <c r="I41505" s="2">
        <v>1</v>
      </c>
      <c r="J41505" s="2">
        <v>0</v>
      </c>
      <c r="K41505" s="2">
        <v>0</v>
      </c>
      <c r="L41505" t="s">
        <v>120</v>
      </c>
      <c r="M41505" t="s">
        <v>83</v>
      </c>
      <c r="N41505" t="s">
        <v>91</v>
      </c>
      <c r="O41505" t="s">
        <v>85</v>
      </c>
      <c r="P41505" t="s">
        <v>86</v>
      </c>
      <c r="Q41505">
        <v>29</v>
      </c>
      <c r="R41505">
        <v>30</v>
      </c>
      <c r="S41505">
        <v>31</v>
      </c>
      <c r="T41505">
        <v>32</v>
      </c>
      <c r="U41505">
        <v>32</v>
      </c>
      <c r="V41505">
        <v>33</v>
      </c>
      <c r="W41505">
        <v>34</v>
      </c>
      <c r="X41505">
        <v>35</v>
      </c>
      <c r="Y41505">
        <v>36</v>
      </c>
      <c r="Z41505">
        <v>37</v>
      </c>
      <c r="AA41505">
        <v>38</v>
      </c>
      <c r="AB41505">
        <v>39</v>
      </c>
      <c r="AC41505">
        <v>40</v>
      </c>
      <c r="AD41505">
        <v>40</v>
      </c>
      <c r="AE41505">
        <v>41</v>
      </c>
      <c r="AF41505">
        <v>42</v>
      </c>
      <c r="AG41505">
        <v>43</v>
      </c>
      <c r="AH41505">
        <v>44</v>
      </c>
      <c r="AI41505">
        <v>45</v>
      </c>
      <c r="AJ41505">
        <v>46</v>
      </c>
      <c r="AK41505">
        <v>48</v>
      </c>
      <c r="AL41505">
        <v>48</v>
      </c>
      <c r="AM41505">
        <v>49</v>
      </c>
      <c r="AN41505">
        <v>50</v>
      </c>
      <c r="AO41505">
        <v>50</v>
      </c>
      <c r="AP41505">
        <v>51</v>
      </c>
      <c r="AQ41505">
        <v>52</v>
      </c>
    </row>
    <row r="41506" spans="1:43">
      <c r="A41506" t="s">
        <v>25557</v>
      </c>
      <c r="B41506" t="s">
        <v>25558</v>
      </c>
      <c r="C41506" t="s">
        <v>1524</v>
      </c>
      <c r="D41506" t="s">
        <v>1525</v>
      </c>
      <c r="E41506" t="s">
        <v>1192</v>
      </c>
      <c r="F41506" t="s">
        <v>1193</v>
      </c>
      <c r="G41506" t="s">
        <v>80</v>
      </c>
      <c r="H41506" t="s">
        <v>81</v>
      </c>
      <c r="I41506" s="2">
        <v>1</v>
      </c>
      <c r="J41506" s="2">
        <v>0</v>
      </c>
      <c r="K41506" s="2">
        <v>0</v>
      </c>
      <c r="L41506" t="s">
        <v>120</v>
      </c>
      <c r="M41506" t="s">
        <v>83</v>
      </c>
      <c r="N41506" t="s">
        <v>84</v>
      </c>
      <c r="O41506" t="s">
        <v>85</v>
      </c>
      <c r="P41506" t="s">
        <v>86</v>
      </c>
      <c r="Q41506">
        <v>57</v>
      </c>
      <c r="R41506">
        <v>59</v>
      </c>
      <c r="S41506">
        <v>60</v>
      </c>
      <c r="T41506">
        <v>62</v>
      </c>
      <c r="U41506">
        <v>64</v>
      </c>
      <c r="V41506">
        <v>65</v>
      </c>
      <c r="W41506">
        <v>67</v>
      </c>
      <c r="X41506">
        <v>69</v>
      </c>
      <c r="Y41506">
        <v>70</v>
      </c>
      <c r="Z41506">
        <v>72</v>
      </c>
      <c r="AA41506">
        <v>74</v>
      </c>
      <c r="AB41506">
        <v>76</v>
      </c>
      <c r="AC41506">
        <v>77</v>
      </c>
      <c r="AD41506">
        <v>79</v>
      </c>
      <c r="AE41506">
        <v>81</v>
      </c>
      <c r="AF41506">
        <v>83</v>
      </c>
      <c r="AG41506">
        <v>85</v>
      </c>
      <c r="AH41506">
        <v>87</v>
      </c>
      <c r="AI41506">
        <v>89</v>
      </c>
      <c r="AJ41506">
        <v>91</v>
      </c>
      <c r="AK41506">
        <v>93</v>
      </c>
      <c r="AL41506">
        <v>95</v>
      </c>
      <c r="AM41506">
        <v>96</v>
      </c>
      <c r="AN41506">
        <v>97</v>
      </c>
      <c r="AO41506">
        <v>99</v>
      </c>
      <c r="AP41506">
        <v>100</v>
      </c>
      <c r="AQ41506">
        <v>101</v>
      </c>
    </row>
    <row r="41507" spans="1:43">
      <c r="A41507" t="s">
        <v>25557</v>
      </c>
      <c r="B41507" t="s">
        <v>25558</v>
      </c>
      <c r="C41507" t="s">
        <v>1524</v>
      </c>
      <c r="D41507" t="s">
        <v>1525</v>
      </c>
      <c r="E41507" t="s">
        <v>1192</v>
      </c>
      <c r="F41507" t="s">
        <v>1193</v>
      </c>
      <c r="G41507" t="s">
        <v>80</v>
      </c>
      <c r="H41507" t="s">
        <v>81</v>
      </c>
      <c r="I41507" s="2">
        <v>1</v>
      </c>
      <c r="J41507" s="2">
        <v>0</v>
      </c>
      <c r="K41507" s="2">
        <v>0</v>
      </c>
      <c r="L41507" t="s">
        <v>120</v>
      </c>
      <c r="M41507" t="s">
        <v>87</v>
      </c>
      <c r="N41507" t="s">
        <v>88</v>
      </c>
      <c r="O41507" t="s">
        <v>85</v>
      </c>
      <c r="P41507" t="s">
        <v>86</v>
      </c>
      <c r="Q41507">
        <v>57</v>
      </c>
      <c r="R41507">
        <v>58</v>
      </c>
      <c r="S41507">
        <v>59</v>
      </c>
      <c r="T41507">
        <v>60</v>
      </c>
      <c r="U41507">
        <v>61</v>
      </c>
      <c r="V41507">
        <v>62</v>
      </c>
      <c r="W41507">
        <v>63</v>
      </c>
      <c r="X41507">
        <v>64</v>
      </c>
      <c r="Y41507">
        <v>65</v>
      </c>
      <c r="Z41507">
        <v>66</v>
      </c>
      <c r="AA41507">
        <v>67</v>
      </c>
      <c r="AB41507">
        <v>68</v>
      </c>
      <c r="AC41507">
        <v>70</v>
      </c>
      <c r="AD41507">
        <v>71</v>
      </c>
      <c r="AE41507">
        <v>72</v>
      </c>
      <c r="AF41507">
        <v>73</v>
      </c>
      <c r="AG41507">
        <v>74</v>
      </c>
      <c r="AH41507">
        <v>76</v>
      </c>
      <c r="AI41507">
        <v>77</v>
      </c>
      <c r="AJ41507">
        <v>78</v>
      </c>
      <c r="AK41507">
        <v>79</v>
      </c>
      <c r="AL41507">
        <v>81</v>
      </c>
      <c r="AM41507">
        <v>82</v>
      </c>
      <c r="AN41507">
        <v>83</v>
      </c>
      <c r="AO41507">
        <v>85</v>
      </c>
      <c r="AP41507">
        <v>86</v>
      </c>
      <c r="AQ41507">
        <v>87</v>
      </c>
    </row>
    <row r="41508" spans="1:43">
      <c r="A41508" t="s">
        <v>25557</v>
      </c>
      <c r="B41508" t="s">
        <v>25558</v>
      </c>
      <c r="C41508" t="s">
        <v>1524</v>
      </c>
      <c r="D41508" t="s">
        <v>1525</v>
      </c>
      <c r="E41508" t="s">
        <v>1192</v>
      </c>
      <c r="F41508" t="s">
        <v>1193</v>
      </c>
      <c r="G41508" t="s">
        <v>80</v>
      </c>
      <c r="H41508" t="s">
        <v>81</v>
      </c>
      <c r="I41508" s="2">
        <v>1</v>
      </c>
      <c r="J41508" s="2">
        <v>0</v>
      </c>
      <c r="K41508" s="2">
        <v>0</v>
      </c>
      <c r="L41508" t="s">
        <v>120</v>
      </c>
      <c r="M41508" t="s">
        <v>89</v>
      </c>
      <c r="N41508" t="s">
        <v>90</v>
      </c>
      <c r="O41508" t="s">
        <v>85</v>
      </c>
      <c r="P41508" t="s">
        <v>86</v>
      </c>
      <c r="Q41508">
        <v>57</v>
      </c>
      <c r="R41508">
        <v>59</v>
      </c>
      <c r="S41508">
        <v>61</v>
      </c>
      <c r="T41508">
        <v>63</v>
      </c>
      <c r="U41508">
        <v>65</v>
      </c>
      <c r="V41508">
        <v>67</v>
      </c>
      <c r="W41508">
        <v>69</v>
      </c>
      <c r="X41508">
        <v>71</v>
      </c>
      <c r="Y41508">
        <v>73</v>
      </c>
      <c r="Z41508">
        <v>75</v>
      </c>
      <c r="AA41508">
        <v>78</v>
      </c>
      <c r="AB41508">
        <v>80</v>
      </c>
      <c r="AC41508">
        <v>82</v>
      </c>
      <c r="AD41508">
        <v>84</v>
      </c>
      <c r="AE41508">
        <v>86</v>
      </c>
      <c r="AF41508">
        <v>87</v>
      </c>
      <c r="AG41508">
        <v>89</v>
      </c>
      <c r="AH41508">
        <v>90</v>
      </c>
      <c r="AI41508">
        <v>91</v>
      </c>
      <c r="AJ41508">
        <v>92</v>
      </c>
      <c r="AK41508">
        <v>94</v>
      </c>
      <c r="AL41508">
        <v>95</v>
      </c>
      <c r="AM41508">
        <v>96</v>
      </c>
      <c r="AN41508">
        <v>98</v>
      </c>
      <c r="AO41508">
        <v>99</v>
      </c>
      <c r="AP41508">
        <v>100</v>
      </c>
      <c r="AQ41508">
        <v>101</v>
      </c>
    </row>
    <row r="41509" spans="1:43">
      <c r="A41509" t="s">
        <v>25557</v>
      </c>
      <c r="B41509" t="s">
        <v>25558</v>
      </c>
      <c r="C41509" t="s">
        <v>1524</v>
      </c>
      <c r="D41509" t="s">
        <v>1525</v>
      </c>
      <c r="E41509" t="s">
        <v>1192</v>
      </c>
      <c r="F41509" t="s">
        <v>1193</v>
      </c>
      <c r="G41509" t="s">
        <v>80</v>
      </c>
      <c r="H41509" t="s">
        <v>81</v>
      </c>
      <c r="I41509" s="2">
        <v>1</v>
      </c>
      <c r="J41509" s="2">
        <v>0</v>
      </c>
      <c r="K41509" s="2">
        <v>0</v>
      </c>
      <c r="L41509" t="s">
        <v>120</v>
      </c>
      <c r="M41509" t="s">
        <v>83</v>
      </c>
      <c r="N41509" t="s">
        <v>91</v>
      </c>
      <c r="O41509" t="s">
        <v>85</v>
      </c>
      <c r="P41509" t="s">
        <v>86</v>
      </c>
      <c r="Q41509">
        <v>57</v>
      </c>
      <c r="R41509">
        <v>59</v>
      </c>
      <c r="S41509">
        <v>60</v>
      </c>
      <c r="T41509">
        <v>62</v>
      </c>
      <c r="U41509">
        <v>64</v>
      </c>
      <c r="V41509">
        <v>65</v>
      </c>
      <c r="W41509">
        <v>67</v>
      </c>
      <c r="X41509">
        <v>69</v>
      </c>
      <c r="Y41509">
        <v>70</v>
      </c>
      <c r="Z41509">
        <v>72</v>
      </c>
      <c r="AA41509">
        <v>74</v>
      </c>
      <c r="AB41509">
        <v>76</v>
      </c>
      <c r="AC41509">
        <v>77</v>
      </c>
      <c r="AD41509">
        <v>79</v>
      </c>
      <c r="AE41509">
        <v>81</v>
      </c>
      <c r="AF41509">
        <v>83</v>
      </c>
      <c r="AG41509">
        <v>85</v>
      </c>
      <c r="AH41509">
        <v>87</v>
      </c>
      <c r="AI41509">
        <v>89</v>
      </c>
      <c r="AJ41509">
        <v>91</v>
      </c>
      <c r="AK41509">
        <v>93</v>
      </c>
      <c r="AL41509">
        <v>95</v>
      </c>
      <c r="AM41509">
        <v>96</v>
      </c>
      <c r="AN41509">
        <v>97</v>
      </c>
      <c r="AO41509">
        <v>99</v>
      </c>
      <c r="AP41509">
        <v>100</v>
      </c>
      <c r="AQ41509">
        <v>101</v>
      </c>
    </row>
    <row r="41510" spans="1:43">
      <c r="A41510" t="s">
        <v>25559</v>
      </c>
      <c r="B41510" t="s">
        <v>25560</v>
      </c>
      <c r="C41510" t="s">
        <v>1482</v>
      </c>
      <c r="D41510" t="s">
        <v>1483</v>
      </c>
      <c r="E41510" t="s">
        <v>1192</v>
      </c>
      <c r="F41510" t="s">
        <v>1193</v>
      </c>
      <c r="G41510" t="s">
        <v>80</v>
      </c>
      <c r="H41510" t="s">
        <v>81</v>
      </c>
      <c r="I41510" s="2">
        <v>0</v>
      </c>
      <c r="J41510" s="2">
        <v>1</v>
      </c>
      <c r="K41510" s="2">
        <v>0</v>
      </c>
      <c r="L41510" t="s">
        <v>82</v>
      </c>
      <c r="M41510" t="s">
        <v>83</v>
      </c>
      <c r="N41510" t="s">
        <v>84</v>
      </c>
      <c r="O41510" t="s">
        <v>85</v>
      </c>
      <c r="P41510" t="s">
        <v>86</v>
      </c>
      <c r="Q41510">
        <v>25</v>
      </c>
      <c r="R41510">
        <v>25</v>
      </c>
      <c r="S41510">
        <v>26</v>
      </c>
      <c r="T41510">
        <v>27</v>
      </c>
      <c r="U41510">
        <v>27</v>
      </c>
      <c r="V41510">
        <v>28</v>
      </c>
      <c r="W41510">
        <v>29</v>
      </c>
      <c r="X41510">
        <v>29</v>
      </c>
      <c r="Y41510">
        <v>30</v>
      </c>
      <c r="Z41510">
        <v>31</v>
      </c>
      <c r="AA41510">
        <v>32</v>
      </c>
      <c r="AB41510">
        <v>33</v>
      </c>
      <c r="AC41510">
        <v>33</v>
      </c>
      <c r="AD41510">
        <v>34</v>
      </c>
      <c r="AE41510">
        <v>35</v>
      </c>
      <c r="AF41510">
        <v>36</v>
      </c>
      <c r="AG41510">
        <v>37</v>
      </c>
      <c r="AH41510">
        <v>38</v>
      </c>
      <c r="AI41510">
        <v>38</v>
      </c>
      <c r="AJ41510">
        <v>39</v>
      </c>
      <c r="AK41510">
        <v>40</v>
      </c>
      <c r="AL41510">
        <v>41</v>
      </c>
      <c r="AM41510">
        <v>41</v>
      </c>
      <c r="AN41510">
        <v>42</v>
      </c>
      <c r="AO41510">
        <v>43</v>
      </c>
      <c r="AP41510">
        <v>43</v>
      </c>
      <c r="AQ41510">
        <v>44</v>
      </c>
    </row>
    <row r="41511" spans="1:43">
      <c r="A41511" t="s">
        <v>25559</v>
      </c>
      <c r="B41511" t="s">
        <v>25560</v>
      </c>
      <c r="C41511" t="s">
        <v>1482</v>
      </c>
      <c r="D41511" t="s">
        <v>1483</v>
      </c>
      <c r="E41511" t="s">
        <v>1192</v>
      </c>
      <c r="F41511" t="s">
        <v>1193</v>
      </c>
      <c r="G41511" t="s">
        <v>80</v>
      </c>
      <c r="H41511" t="s">
        <v>81</v>
      </c>
      <c r="I41511" s="2">
        <v>0</v>
      </c>
      <c r="J41511" s="2">
        <v>1</v>
      </c>
      <c r="K41511" s="2">
        <v>0</v>
      </c>
      <c r="L41511" t="s">
        <v>82</v>
      </c>
      <c r="M41511" t="s">
        <v>87</v>
      </c>
      <c r="N41511" t="s">
        <v>88</v>
      </c>
      <c r="O41511" t="s">
        <v>85</v>
      </c>
      <c r="P41511" t="s">
        <v>86</v>
      </c>
      <c r="Q41511">
        <v>25</v>
      </c>
      <c r="R41511">
        <v>26</v>
      </c>
      <c r="S41511">
        <v>26</v>
      </c>
      <c r="T41511">
        <v>27</v>
      </c>
      <c r="U41511">
        <v>27</v>
      </c>
      <c r="V41511">
        <v>28</v>
      </c>
      <c r="W41511">
        <v>28</v>
      </c>
      <c r="X41511">
        <v>28</v>
      </c>
      <c r="Y41511">
        <v>29</v>
      </c>
      <c r="Z41511">
        <v>29</v>
      </c>
      <c r="AA41511">
        <v>30</v>
      </c>
      <c r="AB41511">
        <v>30</v>
      </c>
      <c r="AC41511">
        <v>31</v>
      </c>
      <c r="AD41511">
        <v>31</v>
      </c>
      <c r="AE41511">
        <v>32</v>
      </c>
      <c r="AF41511">
        <v>32</v>
      </c>
      <c r="AG41511">
        <v>33</v>
      </c>
      <c r="AH41511">
        <v>34</v>
      </c>
      <c r="AI41511">
        <v>34</v>
      </c>
      <c r="AJ41511">
        <v>35</v>
      </c>
      <c r="AK41511">
        <v>35</v>
      </c>
      <c r="AL41511">
        <v>36</v>
      </c>
      <c r="AM41511">
        <v>36</v>
      </c>
      <c r="AN41511">
        <v>37</v>
      </c>
      <c r="AO41511">
        <v>37</v>
      </c>
      <c r="AP41511">
        <v>38</v>
      </c>
      <c r="AQ41511">
        <v>39</v>
      </c>
    </row>
    <row r="41512" spans="1:43">
      <c r="A41512" t="s">
        <v>25559</v>
      </c>
      <c r="B41512" t="s">
        <v>25560</v>
      </c>
      <c r="C41512" t="s">
        <v>1482</v>
      </c>
      <c r="D41512" t="s">
        <v>1483</v>
      </c>
      <c r="E41512" t="s">
        <v>1192</v>
      </c>
      <c r="F41512" t="s">
        <v>1193</v>
      </c>
      <c r="G41512" t="s">
        <v>80</v>
      </c>
      <c r="H41512" t="s">
        <v>81</v>
      </c>
      <c r="I41512" s="2">
        <v>0</v>
      </c>
      <c r="J41512" s="2">
        <v>1</v>
      </c>
      <c r="K41512" s="2">
        <v>0</v>
      </c>
      <c r="L41512" t="s">
        <v>82</v>
      </c>
      <c r="M41512" t="s">
        <v>89</v>
      </c>
      <c r="N41512" t="s">
        <v>90</v>
      </c>
      <c r="O41512" t="s">
        <v>85</v>
      </c>
      <c r="P41512" t="s">
        <v>86</v>
      </c>
      <c r="Q41512">
        <v>25</v>
      </c>
      <c r="R41512">
        <v>26</v>
      </c>
      <c r="S41512">
        <v>27</v>
      </c>
      <c r="T41512">
        <v>27</v>
      </c>
      <c r="U41512">
        <v>28</v>
      </c>
      <c r="V41512">
        <v>29</v>
      </c>
      <c r="W41512">
        <v>30</v>
      </c>
      <c r="X41512">
        <v>31</v>
      </c>
      <c r="Y41512">
        <v>32</v>
      </c>
      <c r="Z41512">
        <v>33</v>
      </c>
      <c r="AA41512">
        <v>34</v>
      </c>
      <c r="AB41512">
        <v>35</v>
      </c>
      <c r="AC41512">
        <v>36</v>
      </c>
      <c r="AD41512">
        <v>37</v>
      </c>
      <c r="AE41512">
        <v>38</v>
      </c>
      <c r="AF41512">
        <v>38</v>
      </c>
      <c r="AG41512">
        <v>39</v>
      </c>
      <c r="AH41512">
        <v>39</v>
      </c>
      <c r="AI41512">
        <v>40</v>
      </c>
      <c r="AJ41512">
        <v>40</v>
      </c>
      <c r="AK41512">
        <v>41</v>
      </c>
      <c r="AL41512">
        <v>41</v>
      </c>
      <c r="AM41512">
        <v>42</v>
      </c>
      <c r="AN41512">
        <v>42</v>
      </c>
      <c r="AO41512">
        <v>43</v>
      </c>
      <c r="AP41512">
        <v>43</v>
      </c>
      <c r="AQ41512">
        <v>44</v>
      </c>
    </row>
    <row r="41513" spans="1:43">
      <c r="A41513" t="s">
        <v>25559</v>
      </c>
      <c r="B41513" t="s">
        <v>25560</v>
      </c>
      <c r="C41513" t="s">
        <v>1482</v>
      </c>
      <c r="D41513" t="s">
        <v>1483</v>
      </c>
      <c r="E41513" t="s">
        <v>1192</v>
      </c>
      <c r="F41513" t="s">
        <v>1193</v>
      </c>
      <c r="G41513" t="s">
        <v>80</v>
      </c>
      <c r="H41513" t="s">
        <v>81</v>
      </c>
      <c r="I41513" s="2">
        <v>0</v>
      </c>
      <c r="J41513" s="2">
        <v>1</v>
      </c>
      <c r="K41513" s="2">
        <v>0</v>
      </c>
      <c r="L41513" t="s">
        <v>82</v>
      </c>
      <c r="M41513" t="s">
        <v>83</v>
      </c>
      <c r="N41513" t="s">
        <v>91</v>
      </c>
      <c r="O41513" t="s">
        <v>85</v>
      </c>
      <c r="P41513" t="s">
        <v>86</v>
      </c>
      <c r="Q41513">
        <v>25</v>
      </c>
      <c r="R41513">
        <v>25</v>
      </c>
      <c r="S41513">
        <v>26</v>
      </c>
      <c r="T41513">
        <v>27</v>
      </c>
      <c r="U41513">
        <v>27</v>
      </c>
      <c r="V41513">
        <v>28</v>
      </c>
      <c r="W41513">
        <v>29</v>
      </c>
      <c r="X41513">
        <v>29</v>
      </c>
      <c r="Y41513">
        <v>30</v>
      </c>
      <c r="Z41513">
        <v>31</v>
      </c>
      <c r="AA41513">
        <v>32</v>
      </c>
      <c r="AB41513">
        <v>33</v>
      </c>
      <c r="AC41513">
        <v>33</v>
      </c>
      <c r="AD41513">
        <v>34</v>
      </c>
      <c r="AE41513">
        <v>35</v>
      </c>
      <c r="AF41513">
        <v>36</v>
      </c>
      <c r="AG41513">
        <v>37</v>
      </c>
      <c r="AH41513">
        <v>38</v>
      </c>
      <c r="AI41513">
        <v>38</v>
      </c>
      <c r="AJ41513">
        <v>39</v>
      </c>
      <c r="AK41513">
        <v>40</v>
      </c>
      <c r="AL41513">
        <v>41</v>
      </c>
      <c r="AM41513">
        <v>41</v>
      </c>
      <c r="AN41513">
        <v>42</v>
      </c>
      <c r="AO41513">
        <v>43</v>
      </c>
      <c r="AP41513">
        <v>43</v>
      </c>
      <c r="AQ41513">
        <v>44</v>
      </c>
    </row>
    <row r="41514" spans="1:43">
      <c r="A41514" t="s">
        <v>25561</v>
      </c>
      <c r="B41514" t="s">
        <v>25562</v>
      </c>
      <c r="C41514" t="s">
        <v>1482</v>
      </c>
      <c r="D41514" t="s">
        <v>1483</v>
      </c>
      <c r="E41514" t="s">
        <v>1192</v>
      </c>
      <c r="F41514" t="s">
        <v>1193</v>
      </c>
      <c r="G41514" t="s">
        <v>80</v>
      </c>
      <c r="H41514" t="s">
        <v>81</v>
      </c>
      <c r="I41514" s="2">
        <v>0</v>
      </c>
      <c r="J41514" s="2">
        <v>1</v>
      </c>
      <c r="K41514" s="2">
        <v>0</v>
      </c>
      <c r="L41514" t="s">
        <v>82</v>
      </c>
      <c r="M41514" t="s">
        <v>83</v>
      </c>
      <c r="N41514" t="s">
        <v>84</v>
      </c>
      <c r="O41514" t="s">
        <v>85</v>
      </c>
      <c r="P41514" t="s">
        <v>86</v>
      </c>
      <c r="Q41514">
        <v>224</v>
      </c>
      <c r="R41514">
        <v>230</v>
      </c>
      <c r="S41514">
        <v>236</v>
      </c>
      <c r="T41514">
        <v>243</v>
      </c>
      <c r="U41514">
        <v>249</v>
      </c>
      <c r="V41514">
        <v>256</v>
      </c>
      <c r="W41514">
        <v>262</v>
      </c>
      <c r="X41514">
        <v>269</v>
      </c>
      <c r="Y41514">
        <v>276</v>
      </c>
      <c r="Z41514">
        <v>283</v>
      </c>
      <c r="AA41514">
        <v>290</v>
      </c>
      <c r="AB41514">
        <v>297</v>
      </c>
      <c r="AC41514">
        <v>304</v>
      </c>
      <c r="AD41514">
        <v>312</v>
      </c>
      <c r="AE41514">
        <v>319</v>
      </c>
      <c r="AF41514">
        <v>327</v>
      </c>
      <c r="AG41514">
        <v>335</v>
      </c>
      <c r="AH41514">
        <v>343</v>
      </c>
      <c r="AI41514">
        <v>351</v>
      </c>
      <c r="AJ41514">
        <v>359</v>
      </c>
      <c r="AK41514">
        <v>367</v>
      </c>
      <c r="AL41514">
        <v>373</v>
      </c>
      <c r="AM41514">
        <v>378</v>
      </c>
      <c r="AN41514">
        <v>383</v>
      </c>
      <c r="AO41514">
        <v>388</v>
      </c>
      <c r="AP41514">
        <v>393</v>
      </c>
      <c r="AQ41514">
        <v>398</v>
      </c>
    </row>
    <row r="41515" spans="1:43">
      <c r="A41515" t="s">
        <v>25561</v>
      </c>
      <c r="B41515" t="s">
        <v>25562</v>
      </c>
      <c r="C41515" t="s">
        <v>1482</v>
      </c>
      <c r="D41515" t="s">
        <v>1483</v>
      </c>
      <c r="E41515" t="s">
        <v>1192</v>
      </c>
      <c r="F41515" t="s">
        <v>1193</v>
      </c>
      <c r="G41515" t="s">
        <v>80</v>
      </c>
      <c r="H41515" t="s">
        <v>81</v>
      </c>
      <c r="I41515" s="2">
        <v>0</v>
      </c>
      <c r="J41515" s="2">
        <v>1</v>
      </c>
      <c r="K41515" s="2">
        <v>0</v>
      </c>
      <c r="L41515" t="s">
        <v>82</v>
      </c>
      <c r="M41515" t="s">
        <v>87</v>
      </c>
      <c r="N41515" t="s">
        <v>88</v>
      </c>
      <c r="O41515" t="s">
        <v>85</v>
      </c>
      <c r="P41515" t="s">
        <v>86</v>
      </c>
      <c r="Q41515">
        <v>224</v>
      </c>
      <c r="R41515">
        <v>228</v>
      </c>
      <c r="S41515">
        <v>232</v>
      </c>
      <c r="T41515">
        <v>236</v>
      </c>
      <c r="U41515">
        <v>240</v>
      </c>
      <c r="V41515">
        <v>244</v>
      </c>
      <c r="W41515">
        <v>248</v>
      </c>
      <c r="X41515">
        <v>253</v>
      </c>
      <c r="Y41515">
        <v>257</v>
      </c>
      <c r="Z41515">
        <v>261</v>
      </c>
      <c r="AA41515">
        <v>266</v>
      </c>
      <c r="AB41515">
        <v>270</v>
      </c>
      <c r="AC41515">
        <v>275</v>
      </c>
      <c r="AD41515">
        <v>280</v>
      </c>
      <c r="AE41515">
        <v>284</v>
      </c>
      <c r="AF41515">
        <v>289</v>
      </c>
      <c r="AG41515">
        <v>294</v>
      </c>
      <c r="AH41515">
        <v>299</v>
      </c>
      <c r="AI41515">
        <v>304</v>
      </c>
      <c r="AJ41515">
        <v>309</v>
      </c>
      <c r="AK41515">
        <v>314</v>
      </c>
      <c r="AL41515">
        <v>319</v>
      </c>
      <c r="AM41515">
        <v>324</v>
      </c>
      <c r="AN41515">
        <v>330</v>
      </c>
      <c r="AO41515">
        <v>335</v>
      </c>
      <c r="AP41515">
        <v>340</v>
      </c>
      <c r="AQ41515">
        <v>346</v>
      </c>
    </row>
    <row r="41516" spans="1:43">
      <c r="A41516" t="s">
        <v>25561</v>
      </c>
      <c r="B41516" t="s">
        <v>25562</v>
      </c>
      <c r="C41516" t="s">
        <v>1482</v>
      </c>
      <c r="D41516" t="s">
        <v>1483</v>
      </c>
      <c r="E41516" t="s">
        <v>1192</v>
      </c>
      <c r="F41516" t="s">
        <v>1193</v>
      </c>
      <c r="G41516" t="s">
        <v>80</v>
      </c>
      <c r="H41516" t="s">
        <v>81</v>
      </c>
      <c r="I41516" s="2">
        <v>0</v>
      </c>
      <c r="J41516" s="2">
        <v>1</v>
      </c>
      <c r="K41516" s="2">
        <v>0</v>
      </c>
      <c r="L41516" t="s">
        <v>82</v>
      </c>
      <c r="M41516" t="s">
        <v>89</v>
      </c>
      <c r="N41516" t="s">
        <v>90</v>
      </c>
      <c r="O41516" t="s">
        <v>85</v>
      </c>
      <c r="P41516" t="s">
        <v>86</v>
      </c>
      <c r="Q41516">
        <v>224</v>
      </c>
      <c r="R41516">
        <v>232</v>
      </c>
      <c r="S41516">
        <v>240</v>
      </c>
      <c r="T41516">
        <v>249</v>
      </c>
      <c r="U41516">
        <v>257</v>
      </c>
      <c r="V41516">
        <v>265</v>
      </c>
      <c r="W41516">
        <v>274</v>
      </c>
      <c r="X41516">
        <v>282</v>
      </c>
      <c r="Y41516">
        <v>291</v>
      </c>
      <c r="Z41516">
        <v>299</v>
      </c>
      <c r="AA41516">
        <v>307</v>
      </c>
      <c r="AB41516">
        <v>316</v>
      </c>
      <c r="AC41516">
        <v>325</v>
      </c>
      <c r="AD41516">
        <v>334</v>
      </c>
      <c r="AE41516">
        <v>341</v>
      </c>
      <c r="AF41516">
        <v>346</v>
      </c>
      <c r="AG41516">
        <v>351</v>
      </c>
      <c r="AH41516">
        <v>355</v>
      </c>
      <c r="AI41516">
        <v>360</v>
      </c>
      <c r="AJ41516">
        <v>365</v>
      </c>
      <c r="AK41516">
        <v>370</v>
      </c>
      <c r="AL41516">
        <v>375</v>
      </c>
      <c r="AM41516">
        <v>380</v>
      </c>
      <c r="AN41516">
        <v>385</v>
      </c>
      <c r="AO41516">
        <v>390</v>
      </c>
      <c r="AP41516">
        <v>395</v>
      </c>
      <c r="AQ41516">
        <v>400</v>
      </c>
    </row>
    <row r="41517" spans="1:43">
      <c r="A41517" t="s">
        <v>25561</v>
      </c>
      <c r="B41517" t="s">
        <v>25562</v>
      </c>
      <c r="C41517" t="s">
        <v>1482</v>
      </c>
      <c r="D41517" t="s">
        <v>1483</v>
      </c>
      <c r="E41517" t="s">
        <v>1192</v>
      </c>
      <c r="F41517" t="s">
        <v>1193</v>
      </c>
      <c r="G41517" t="s">
        <v>80</v>
      </c>
      <c r="H41517" t="s">
        <v>81</v>
      </c>
      <c r="I41517" s="2">
        <v>0</v>
      </c>
      <c r="J41517" s="2">
        <v>1</v>
      </c>
      <c r="K41517" s="2">
        <v>0</v>
      </c>
      <c r="L41517" t="s">
        <v>82</v>
      </c>
      <c r="M41517" t="s">
        <v>83</v>
      </c>
      <c r="N41517" t="s">
        <v>91</v>
      </c>
      <c r="O41517" t="s">
        <v>85</v>
      </c>
      <c r="P41517" t="s">
        <v>86</v>
      </c>
      <c r="Q41517">
        <v>224</v>
      </c>
      <c r="R41517">
        <v>230</v>
      </c>
      <c r="S41517">
        <v>236</v>
      </c>
      <c r="T41517">
        <v>243</v>
      </c>
      <c r="U41517">
        <v>249</v>
      </c>
      <c r="V41517">
        <v>256</v>
      </c>
      <c r="W41517">
        <v>262</v>
      </c>
      <c r="X41517">
        <v>269</v>
      </c>
      <c r="Y41517">
        <v>276</v>
      </c>
      <c r="Z41517">
        <v>283</v>
      </c>
      <c r="AA41517">
        <v>290</v>
      </c>
      <c r="AB41517">
        <v>297</v>
      </c>
      <c r="AC41517">
        <v>304</v>
      </c>
      <c r="AD41517">
        <v>312</v>
      </c>
      <c r="AE41517">
        <v>319</v>
      </c>
      <c r="AF41517">
        <v>327</v>
      </c>
      <c r="AG41517">
        <v>335</v>
      </c>
      <c r="AH41517">
        <v>343</v>
      </c>
      <c r="AI41517">
        <v>351</v>
      </c>
      <c r="AJ41517">
        <v>359</v>
      </c>
      <c r="AK41517">
        <v>367</v>
      </c>
      <c r="AL41517">
        <v>373</v>
      </c>
      <c r="AM41517">
        <v>378</v>
      </c>
      <c r="AN41517">
        <v>383</v>
      </c>
      <c r="AO41517">
        <v>388</v>
      </c>
      <c r="AP41517">
        <v>393</v>
      </c>
      <c r="AQ41517">
        <v>398</v>
      </c>
    </row>
    <row r="41518" spans="1:43">
      <c r="A41518" t="s">
        <v>25563</v>
      </c>
      <c r="B41518" t="s">
        <v>25564</v>
      </c>
      <c r="C41518" t="s">
        <v>1482</v>
      </c>
      <c r="D41518" t="s">
        <v>1483</v>
      </c>
      <c r="E41518" t="s">
        <v>1192</v>
      </c>
      <c r="F41518" t="s">
        <v>1193</v>
      </c>
      <c r="G41518" t="s">
        <v>80</v>
      </c>
      <c r="H41518" t="s">
        <v>81</v>
      </c>
      <c r="I41518" s="2">
        <v>0</v>
      </c>
      <c r="J41518" s="2">
        <v>1</v>
      </c>
      <c r="K41518" s="2">
        <v>0</v>
      </c>
      <c r="L41518" t="s">
        <v>82</v>
      </c>
      <c r="M41518" t="s">
        <v>83</v>
      </c>
      <c r="N41518" t="s">
        <v>84</v>
      </c>
      <c r="O41518" t="s">
        <v>85</v>
      </c>
      <c r="P41518" t="s">
        <v>86</v>
      </c>
      <c r="Q41518">
        <v>1</v>
      </c>
      <c r="R41518">
        <v>1</v>
      </c>
      <c r="S41518">
        <v>1</v>
      </c>
      <c r="T41518">
        <v>1</v>
      </c>
      <c r="U41518">
        <v>1</v>
      </c>
      <c r="V41518">
        <v>1</v>
      </c>
      <c r="W41518">
        <v>1</v>
      </c>
      <c r="X41518">
        <v>1</v>
      </c>
      <c r="Y41518">
        <v>1</v>
      </c>
      <c r="Z41518">
        <v>2</v>
      </c>
      <c r="AA41518">
        <v>2</v>
      </c>
      <c r="AB41518">
        <v>2</v>
      </c>
      <c r="AC41518">
        <v>2</v>
      </c>
      <c r="AD41518">
        <v>2</v>
      </c>
      <c r="AE41518">
        <v>2</v>
      </c>
      <c r="AF41518">
        <v>2</v>
      </c>
      <c r="AG41518">
        <v>2</v>
      </c>
      <c r="AH41518">
        <v>2</v>
      </c>
      <c r="AI41518">
        <v>2</v>
      </c>
      <c r="AJ41518">
        <v>2</v>
      </c>
      <c r="AK41518">
        <v>2</v>
      </c>
      <c r="AL41518">
        <v>2</v>
      </c>
      <c r="AM41518">
        <v>2</v>
      </c>
      <c r="AN41518">
        <v>2</v>
      </c>
      <c r="AO41518">
        <v>2</v>
      </c>
      <c r="AP41518">
        <v>2</v>
      </c>
      <c r="AQ41518">
        <v>2</v>
      </c>
    </row>
    <row r="41519" spans="1:43">
      <c r="A41519" t="s">
        <v>25563</v>
      </c>
      <c r="B41519" t="s">
        <v>25564</v>
      </c>
      <c r="C41519" t="s">
        <v>1482</v>
      </c>
      <c r="D41519" t="s">
        <v>1483</v>
      </c>
      <c r="E41519" t="s">
        <v>1192</v>
      </c>
      <c r="F41519" t="s">
        <v>1193</v>
      </c>
      <c r="G41519" t="s">
        <v>80</v>
      </c>
      <c r="H41519" t="s">
        <v>81</v>
      </c>
      <c r="I41519" s="2">
        <v>0</v>
      </c>
      <c r="J41519" s="2">
        <v>1</v>
      </c>
      <c r="K41519" s="2">
        <v>0</v>
      </c>
      <c r="L41519" t="s">
        <v>82</v>
      </c>
      <c r="M41519" t="s">
        <v>87</v>
      </c>
      <c r="N41519" t="s">
        <v>88</v>
      </c>
      <c r="O41519" t="s">
        <v>85</v>
      </c>
      <c r="P41519" t="s">
        <v>86</v>
      </c>
      <c r="Q41519">
        <v>1</v>
      </c>
      <c r="R41519">
        <v>1</v>
      </c>
      <c r="S41519">
        <v>1</v>
      </c>
      <c r="T41519">
        <v>1</v>
      </c>
      <c r="U41519">
        <v>1</v>
      </c>
      <c r="V41519">
        <v>1</v>
      </c>
      <c r="W41519">
        <v>1</v>
      </c>
      <c r="X41519">
        <v>1</v>
      </c>
      <c r="Y41519">
        <v>1</v>
      </c>
      <c r="Z41519">
        <v>1</v>
      </c>
      <c r="AA41519">
        <v>1</v>
      </c>
      <c r="AB41519">
        <v>1</v>
      </c>
      <c r="AC41519">
        <v>1</v>
      </c>
      <c r="AD41519">
        <v>1</v>
      </c>
      <c r="AE41519">
        <v>2</v>
      </c>
      <c r="AF41519">
        <v>2</v>
      </c>
      <c r="AG41519">
        <v>2</v>
      </c>
      <c r="AH41519">
        <v>2</v>
      </c>
      <c r="AI41519">
        <v>2</v>
      </c>
      <c r="AJ41519">
        <v>2</v>
      </c>
      <c r="AK41519">
        <v>2</v>
      </c>
      <c r="AL41519">
        <v>2</v>
      </c>
      <c r="AM41519">
        <v>2</v>
      </c>
      <c r="AN41519">
        <v>2</v>
      </c>
      <c r="AO41519">
        <v>2</v>
      </c>
      <c r="AP41519">
        <v>2</v>
      </c>
      <c r="AQ41519">
        <v>2</v>
      </c>
    </row>
    <row r="41520" spans="1:43">
      <c r="A41520" t="s">
        <v>25563</v>
      </c>
      <c r="B41520" t="s">
        <v>25564</v>
      </c>
      <c r="C41520" t="s">
        <v>1482</v>
      </c>
      <c r="D41520" t="s">
        <v>1483</v>
      </c>
      <c r="E41520" t="s">
        <v>1192</v>
      </c>
      <c r="F41520" t="s">
        <v>1193</v>
      </c>
      <c r="G41520" t="s">
        <v>80</v>
      </c>
      <c r="H41520" t="s">
        <v>81</v>
      </c>
      <c r="I41520" s="2">
        <v>0</v>
      </c>
      <c r="J41520" s="2">
        <v>1</v>
      </c>
      <c r="K41520" s="2">
        <v>0</v>
      </c>
      <c r="L41520" t="s">
        <v>82</v>
      </c>
      <c r="M41520" t="s">
        <v>89</v>
      </c>
      <c r="N41520" t="s">
        <v>90</v>
      </c>
      <c r="O41520" t="s">
        <v>85</v>
      </c>
      <c r="P41520" t="s">
        <v>86</v>
      </c>
      <c r="Q41520">
        <v>1</v>
      </c>
      <c r="R41520">
        <v>1</v>
      </c>
      <c r="S41520">
        <v>1</v>
      </c>
      <c r="T41520">
        <v>1</v>
      </c>
      <c r="U41520">
        <v>1</v>
      </c>
      <c r="V41520">
        <v>1</v>
      </c>
      <c r="W41520">
        <v>1</v>
      </c>
      <c r="X41520">
        <v>2</v>
      </c>
      <c r="Y41520">
        <v>2</v>
      </c>
      <c r="Z41520">
        <v>2</v>
      </c>
      <c r="AA41520">
        <v>2</v>
      </c>
      <c r="AB41520">
        <v>2</v>
      </c>
      <c r="AC41520">
        <v>2</v>
      </c>
      <c r="AD41520">
        <v>2</v>
      </c>
      <c r="AE41520">
        <v>2</v>
      </c>
      <c r="AF41520">
        <v>2</v>
      </c>
      <c r="AG41520">
        <v>2</v>
      </c>
      <c r="AH41520">
        <v>2</v>
      </c>
      <c r="AI41520">
        <v>2</v>
      </c>
      <c r="AJ41520">
        <v>2</v>
      </c>
      <c r="AK41520">
        <v>2</v>
      </c>
      <c r="AL41520">
        <v>2</v>
      </c>
      <c r="AM41520">
        <v>2</v>
      </c>
      <c r="AN41520">
        <v>2</v>
      </c>
      <c r="AO41520">
        <v>2</v>
      </c>
      <c r="AP41520">
        <v>2</v>
      </c>
      <c r="AQ41520">
        <v>2</v>
      </c>
    </row>
    <row r="41521" spans="1:43">
      <c r="A41521" t="s">
        <v>25563</v>
      </c>
      <c r="B41521" t="s">
        <v>25564</v>
      </c>
      <c r="C41521" t="s">
        <v>1482</v>
      </c>
      <c r="D41521" t="s">
        <v>1483</v>
      </c>
      <c r="E41521" t="s">
        <v>1192</v>
      </c>
      <c r="F41521" t="s">
        <v>1193</v>
      </c>
      <c r="G41521" t="s">
        <v>80</v>
      </c>
      <c r="H41521" t="s">
        <v>81</v>
      </c>
      <c r="I41521" s="2">
        <v>0</v>
      </c>
      <c r="J41521" s="2">
        <v>1</v>
      </c>
      <c r="K41521" s="2">
        <v>0</v>
      </c>
      <c r="L41521" t="s">
        <v>82</v>
      </c>
      <c r="M41521" t="s">
        <v>83</v>
      </c>
      <c r="N41521" t="s">
        <v>91</v>
      </c>
      <c r="O41521" t="s">
        <v>85</v>
      </c>
      <c r="P41521" t="s">
        <v>86</v>
      </c>
      <c r="Q41521">
        <v>1</v>
      </c>
      <c r="R41521">
        <v>1</v>
      </c>
      <c r="S41521">
        <v>1</v>
      </c>
      <c r="T41521">
        <v>1</v>
      </c>
      <c r="U41521">
        <v>1</v>
      </c>
      <c r="V41521">
        <v>1</v>
      </c>
      <c r="W41521">
        <v>1</v>
      </c>
      <c r="X41521">
        <v>1</v>
      </c>
      <c r="Y41521">
        <v>1</v>
      </c>
      <c r="Z41521">
        <v>2</v>
      </c>
      <c r="AA41521">
        <v>2</v>
      </c>
      <c r="AB41521">
        <v>2</v>
      </c>
      <c r="AC41521">
        <v>2</v>
      </c>
      <c r="AD41521">
        <v>2</v>
      </c>
      <c r="AE41521">
        <v>2</v>
      </c>
      <c r="AF41521">
        <v>2</v>
      </c>
      <c r="AG41521">
        <v>2</v>
      </c>
      <c r="AH41521">
        <v>2</v>
      </c>
      <c r="AI41521">
        <v>2</v>
      </c>
      <c r="AJ41521">
        <v>2</v>
      </c>
      <c r="AK41521">
        <v>2</v>
      </c>
      <c r="AL41521">
        <v>2</v>
      </c>
      <c r="AM41521">
        <v>2</v>
      </c>
      <c r="AN41521">
        <v>2</v>
      </c>
      <c r="AO41521">
        <v>2</v>
      </c>
      <c r="AP41521">
        <v>2</v>
      </c>
      <c r="AQ41521">
        <v>2</v>
      </c>
    </row>
    <row r="41522" spans="1:43">
      <c r="A41522" t="s">
        <v>25565</v>
      </c>
      <c r="B41522" t="s">
        <v>25566</v>
      </c>
      <c r="C41522" t="s">
        <v>25191</v>
      </c>
      <c r="D41522" t="s">
        <v>25192</v>
      </c>
      <c r="E41522" t="s">
        <v>1192</v>
      </c>
      <c r="F41522" t="s">
        <v>1193</v>
      </c>
      <c r="G41522" t="s">
        <v>80</v>
      </c>
      <c r="H41522" t="s">
        <v>81</v>
      </c>
      <c r="I41522" s="2">
        <v>1</v>
      </c>
      <c r="J41522" s="2">
        <v>0</v>
      </c>
      <c r="K41522" s="2">
        <v>0</v>
      </c>
      <c r="L41522" t="s">
        <v>120</v>
      </c>
      <c r="M41522" t="s">
        <v>83</v>
      </c>
      <c r="N41522" t="s">
        <v>84</v>
      </c>
      <c r="O41522" t="s">
        <v>85</v>
      </c>
      <c r="P41522" t="s">
        <v>86</v>
      </c>
      <c r="Q41522">
        <v>15</v>
      </c>
      <c r="R41522">
        <v>16</v>
      </c>
      <c r="S41522">
        <v>16</v>
      </c>
      <c r="T41522">
        <v>17</v>
      </c>
      <c r="U41522">
        <v>17</v>
      </c>
      <c r="V41522">
        <v>18</v>
      </c>
      <c r="W41522">
        <v>18</v>
      </c>
      <c r="X41522">
        <v>19</v>
      </c>
      <c r="Y41522">
        <v>19</v>
      </c>
      <c r="Z41522">
        <v>19</v>
      </c>
      <c r="AA41522">
        <v>20</v>
      </c>
      <c r="AB41522">
        <v>20</v>
      </c>
      <c r="AC41522">
        <v>21</v>
      </c>
      <c r="AD41522">
        <v>21</v>
      </c>
      <c r="AE41522">
        <v>22</v>
      </c>
      <c r="AF41522">
        <v>23</v>
      </c>
      <c r="AG41522">
        <v>23</v>
      </c>
      <c r="AH41522">
        <v>24</v>
      </c>
      <c r="AI41522">
        <v>24</v>
      </c>
      <c r="AJ41522">
        <v>25</v>
      </c>
      <c r="AK41522">
        <v>25</v>
      </c>
      <c r="AL41522">
        <v>26</v>
      </c>
      <c r="AM41522">
        <v>26</v>
      </c>
      <c r="AN41522">
        <v>26</v>
      </c>
      <c r="AO41522">
        <v>27</v>
      </c>
      <c r="AP41522">
        <v>27</v>
      </c>
      <c r="AQ41522">
        <v>28</v>
      </c>
    </row>
    <row r="41523" spans="1:43">
      <c r="A41523" t="s">
        <v>25565</v>
      </c>
      <c r="B41523" t="s">
        <v>25566</v>
      </c>
      <c r="C41523" t="s">
        <v>25191</v>
      </c>
      <c r="D41523" t="s">
        <v>25192</v>
      </c>
      <c r="E41523" t="s">
        <v>1192</v>
      </c>
      <c r="F41523" t="s">
        <v>1193</v>
      </c>
      <c r="G41523" t="s">
        <v>80</v>
      </c>
      <c r="H41523" t="s">
        <v>81</v>
      </c>
      <c r="I41523" s="2">
        <v>1</v>
      </c>
      <c r="J41523" s="2">
        <v>0</v>
      </c>
      <c r="K41523" s="2">
        <v>0</v>
      </c>
      <c r="L41523" t="s">
        <v>120</v>
      </c>
      <c r="M41523" t="s">
        <v>87</v>
      </c>
      <c r="N41523" t="s">
        <v>88</v>
      </c>
      <c r="O41523" t="s">
        <v>85</v>
      </c>
      <c r="P41523" t="s">
        <v>86</v>
      </c>
      <c r="Q41523">
        <v>15</v>
      </c>
      <c r="R41523">
        <v>16</v>
      </c>
      <c r="S41523">
        <v>16</v>
      </c>
      <c r="T41523">
        <v>16</v>
      </c>
      <c r="U41523">
        <v>16</v>
      </c>
      <c r="V41523">
        <v>17</v>
      </c>
      <c r="W41523">
        <v>17</v>
      </c>
      <c r="X41523">
        <v>17</v>
      </c>
      <c r="Y41523">
        <v>18</v>
      </c>
      <c r="Z41523">
        <v>18</v>
      </c>
      <c r="AA41523">
        <v>18</v>
      </c>
      <c r="AB41523">
        <v>18</v>
      </c>
      <c r="AC41523">
        <v>19</v>
      </c>
      <c r="AD41523">
        <v>19</v>
      </c>
      <c r="AE41523">
        <v>19</v>
      </c>
      <c r="AF41523">
        <v>20</v>
      </c>
      <c r="AG41523">
        <v>20</v>
      </c>
      <c r="AH41523">
        <v>20</v>
      </c>
      <c r="AI41523">
        <v>21</v>
      </c>
      <c r="AJ41523">
        <v>21</v>
      </c>
      <c r="AK41523">
        <v>22</v>
      </c>
      <c r="AL41523">
        <v>22</v>
      </c>
      <c r="AM41523">
        <v>22</v>
      </c>
      <c r="AN41523">
        <v>23</v>
      </c>
      <c r="AO41523">
        <v>23</v>
      </c>
      <c r="AP41523">
        <v>23</v>
      </c>
      <c r="AQ41523">
        <v>24</v>
      </c>
    </row>
    <row r="41524" spans="1:43">
      <c r="A41524" t="s">
        <v>25565</v>
      </c>
      <c r="B41524" t="s">
        <v>25566</v>
      </c>
      <c r="C41524" t="s">
        <v>25191</v>
      </c>
      <c r="D41524" t="s">
        <v>25192</v>
      </c>
      <c r="E41524" t="s">
        <v>1192</v>
      </c>
      <c r="F41524" t="s">
        <v>1193</v>
      </c>
      <c r="G41524" t="s">
        <v>80</v>
      </c>
      <c r="H41524" t="s">
        <v>81</v>
      </c>
      <c r="I41524" s="2">
        <v>1</v>
      </c>
      <c r="J41524" s="2">
        <v>0</v>
      </c>
      <c r="K41524" s="2">
        <v>0</v>
      </c>
      <c r="L41524" t="s">
        <v>120</v>
      </c>
      <c r="M41524" t="s">
        <v>89</v>
      </c>
      <c r="N41524" t="s">
        <v>90</v>
      </c>
      <c r="O41524" t="s">
        <v>85</v>
      </c>
      <c r="P41524" t="s">
        <v>86</v>
      </c>
      <c r="Q41524">
        <v>15</v>
      </c>
      <c r="R41524">
        <v>15</v>
      </c>
      <c r="S41524">
        <v>16</v>
      </c>
      <c r="T41524">
        <v>16</v>
      </c>
      <c r="U41524">
        <v>17</v>
      </c>
      <c r="V41524">
        <v>17</v>
      </c>
      <c r="W41524">
        <v>18</v>
      </c>
      <c r="X41524">
        <v>19</v>
      </c>
      <c r="Y41524">
        <v>19</v>
      </c>
      <c r="Z41524">
        <v>20</v>
      </c>
      <c r="AA41524">
        <v>20</v>
      </c>
      <c r="AB41524">
        <v>21</v>
      </c>
      <c r="AC41524">
        <v>22</v>
      </c>
      <c r="AD41524">
        <v>22</v>
      </c>
      <c r="AE41524">
        <v>23</v>
      </c>
      <c r="AF41524">
        <v>23</v>
      </c>
      <c r="AG41524">
        <v>23</v>
      </c>
      <c r="AH41524">
        <v>24</v>
      </c>
      <c r="AI41524">
        <v>24</v>
      </c>
      <c r="AJ41524">
        <v>24</v>
      </c>
      <c r="AK41524">
        <v>25</v>
      </c>
      <c r="AL41524">
        <v>25</v>
      </c>
      <c r="AM41524">
        <v>25</v>
      </c>
      <c r="AN41524">
        <v>26</v>
      </c>
      <c r="AO41524">
        <v>26</v>
      </c>
      <c r="AP41524">
        <v>26</v>
      </c>
      <c r="AQ41524">
        <v>27</v>
      </c>
    </row>
    <row r="41525" spans="1:43">
      <c r="A41525" t="s">
        <v>25565</v>
      </c>
      <c r="B41525" t="s">
        <v>25566</v>
      </c>
      <c r="C41525" t="s">
        <v>25191</v>
      </c>
      <c r="D41525" t="s">
        <v>25192</v>
      </c>
      <c r="E41525" t="s">
        <v>1192</v>
      </c>
      <c r="F41525" t="s">
        <v>1193</v>
      </c>
      <c r="G41525" t="s">
        <v>80</v>
      </c>
      <c r="H41525" t="s">
        <v>81</v>
      </c>
      <c r="I41525" s="2">
        <v>1</v>
      </c>
      <c r="J41525" s="2">
        <v>0</v>
      </c>
      <c r="K41525" s="2">
        <v>0</v>
      </c>
      <c r="L41525" t="s">
        <v>120</v>
      </c>
      <c r="M41525" t="s">
        <v>83</v>
      </c>
      <c r="N41525" t="s">
        <v>91</v>
      </c>
      <c r="O41525" t="s">
        <v>85</v>
      </c>
      <c r="P41525" t="s">
        <v>86</v>
      </c>
      <c r="Q41525">
        <v>15</v>
      </c>
      <c r="R41525">
        <v>16</v>
      </c>
      <c r="S41525">
        <v>16</v>
      </c>
      <c r="T41525">
        <v>17</v>
      </c>
      <c r="U41525">
        <v>17</v>
      </c>
      <c r="V41525">
        <v>18</v>
      </c>
      <c r="W41525">
        <v>18</v>
      </c>
      <c r="X41525">
        <v>19</v>
      </c>
      <c r="Y41525">
        <v>19</v>
      </c>
      <c r="Z41525">
        <v>19</v>
      </c>
      <c r="AA41525">
        <v>20</v>
      </c>
      <c r="AB41525">
        <v>20</v>
      </c>
      <c r="AC41525">
        <v>21</v>
      </c>
      <c r="AD41525">
        <v>21</v>
      </c>
      <c r="AE41525">
        <v>22</v>
      </c>
      <c r="AF41525">
        <v>23</v>
      </c>
      <c r="AG41525">
        <v>23</v>
      </c>
      <c r="AH41525">
        <v>24</v>
      </c>
      <c r="AI41525">
        <v>24</v>
      </c>
      <c r="AJ41525">
        <v>25</v>
      </c>
      <c r="AK41525">
        <v>25</v>
      </c>
      <c r="AL41525">
        <v>26</v>
      </c>
      <c r="AM41525">
        <v>26</v>
      </c>
      <c r="AN41525">
        <v>26</v>
      </c>
      <c r="AO41525">
        <v>27</v>
      </c>
      <c r="AP41525">
        <v>27</v>
      </c>
      <c r="AQ41525">
        <v>28</v>
      </c>
    </row>
    <row r="41526" spans="1:43">
      <c r="A41526" t="s">
        <v>25567</v>
      </c>
      <c r="B41526" t="s">
        <v>25568</v>
      </c>
      <c r="C41526" t="s">
        <v>25191</v>
      </c>
      <c r="D41526" t="s">
        <v>25192</v>
      </c>
      <c r="E41526" t="s">
        <v>1192</v>
      </c>
      <c r="F41526" t="s">
        <v>1193</v>
      </c>
      <c r="G41526" t="s">
        <v>80</v>
      </c>
      <c r="H41526" t="s">
        <v>81</v>
      </c>
      <c r="I41526" s="2">
        <v>1</v>
      </c>
      <c r="J41526" s="2">
        <v>0</v>
      </c>
      <c r="K41526" s="2">
        <v>0</v>
      </c>
      <c r="L41526" t="s">
        <v>120</v>
      </c>
      <c r="M41526" t="s">
        <v>83</v>
      </c>
      <c r="N41526" t="s">
        <v>84</v>
      </c>
      <c r="O41526" t="s">
        <v>85</v>
      </c>
      <c r="P41526" t="s">
        <v>86</v>
      </c>
      <c r="Q41526">
        <v>12</v>
      </c>
      <c r="R41526">
        <v>12</v>
      </c>
      <c r="S41526">
        <v>12</v>
      </c>
      <c r="T41526">
        <v>12</v>
      </c>
      <c r="U41526">
        <v>13</v>
      </c>
      <c r="V41526">
        <v>13</v>
      </c>
      <c r="W41526">
        <v>14</v>
      </c>
      <c r="X41526">
        <v>14</v>
      </c>
      <c r="Y41526">
        <v>14</v>
      </c>
      <c r="Z41526">
        <v>15</v>
      </c>
      <c r="AA41526">
        <v>15</v>
      </c>
      <c r="AB41526">
        <v>15</v>
      </c>
      <c r="AC41526">
        <v>16</v>
      </c>
      <c r="AD41526">
        <v>16</v>
      </c>
      <c r="AE41526">
        <v>16</v>
      </c>
      <c r="AF41526">
        <v>17</v>
      </c>
      <c r="AG41526">
        <v>17</v>
      </c>
      <c r="AH41526">
        <v>18</v>
      </c>
      <c r="AI41526">
        <v>18</v>
      </c>
      <c r="AJ41526">
        <v>19</v>
      </c>
      <c r="AK41526">
        <v>19</v>
      </c>
      <c r="AL41526">
        <v>19</v>
      </c>
      <c r="AM41526">
        <v>20</v>
      </c>
      <c r="AN41526">
        <v>20</v>
      </c>
      <c r="AO41526">
        <v>20</v>
      </c>
      <c r="AP41526">
        <v>20</v>
      </c>
      <c r="AQ41526">
        <v>21</v>
      </c>
    </row>
    <row r="41527" spans="1:43">
      <c r="A41527" t="s">
        <v>25567</v>
      </c>
      <c r="B41527" t="s">
        <v>25568</v>
      </c>
      <c r="C41527" t="s">
        <v>25191</v>
      </c>
      <c r="D41527" t="s">
        <v>25192</v>
      </c>
      <c r="E41527" t="s">
        <v>1192</v>
      </c>
      <c r="F41527" t="s">
        <v>1193</v>
      </c>
      <c r="G41527" t="s">
        <v>80</v>
      </c>
      <c r="H41527" t="s">
        <v>81</v>
      </c>
      <c r="I41527" s="2">
        <v>1</v>
      </c>
      <c r="J41527" s="2">
        <v>0</v>
      </c>
      <c r="K41527" s="2">
        <v>0</v>
      </c>
      <c r="L41527" t="s">
        <v>120</v>
      </c>
      <c r="M41527" t="s">
        <v>87</v>
      </c>
      <c r="N41527" t="s">
        <v>88</v>
      </c>
      <c r="O41527" t="s">
        <v>85</v>
      </c>
      <c r="P41527" t="s">
        <v>86</v>
      </c>
      <c r="Q41527">
        <v>12</v>
      </c>
      <c r="R41527">
        <v>13</v>
      </c>
      <c r="S41527">
        <v>13</v>
      </c>
      <c r="T41527">
        <v>13</v>
      </c>
      <c r="U41527">
        <v>13</v>
      </c>
      <c r="V41527">
        <v>13</v>
      </c>
      <c r="W41527">
        <v>14</v>
      </c>
      <c r="X41527">
        <v>14</v>
      </c>
      <c r="Y41527">
        <v>14</v>
      </c>
      <c r="Z41527">
        <v>14</v>
      </c>
      <c r="AA41527">
        <v>15</v>
      </c>
      <c r="AB41527">
        <v>15</v>
      </c>
      <c r="AC41527">
        <v>15</v>
      </c>
      <c r="AD41527">
        <v>15</v>
      </c>
      <c r="AE41527">
        <v>16</v>
      </c>
      <c r="AF41527">
        <v>16</v>
      </c>
      <c r="AG41527">
        <v>16</v>
      </c>
      <c r="AH41527">
        <v>16</v>
      </c>
      <c r="AI41527">
        <v>17</v>
      </c>
      <c r="AJ41527">
        <v>17</v>
      </c>
      <c r="AK41527">
        <v>17</v>
      </c>
      <c r="AL41527">
        <v>17</v>
      </c>
      <c r="AM41527">
        <v>18</v>
      </c>
      <c r="AN41527">
        <v>18</v>
      </c>
      <c r="AO41527">
        <v>18</v>
      </c>
      <c r="AP41527">
        <v>18</v>
      </c>
      <c r="AQ41527">
        <v>19</v>
      </c>
    </row>
    <row r="41528" spans="1:43">
      <c r="A41528" t="s">
        <v>25567</v>
      </c>
      <c r="B41528" t="s">
        <v>25568</v>
      </c>
      <c r="C41528" t="s">
        <v>25191</v>
      </c>
      <c r="D41528" t="s">
        <v>25192</v>
      </c>
      <c r="E41528" t="s">
        <v>1192</v>
      </c>
      <c r="F41528" t="s">
        <v>1193</v>
      </c>
      <c r="G41528" t="s">
        <v>80</v>
      </c>
      <c r="H41528" t="s">
        <v>81</v>
      </c>
      <c r="I41528" s="2">
        <v>1</v>
      </c>
      <c r="J41528" s="2">
        <v>0</v>
      </c>
      <c r="K41528" s="2">
        <v>0</v>
      </c>
      <c r="L41528" t="s">
        <v>120</v>
      </c>
      <c r="M41528" t="s">
        <v>89</v>
      </c>
      <c r="N41528" t="s">
        <v>90</v>
      </c>
      <c r="O41528" t="s">
        <v>85</v>
      </c>
      <c r="P41528" t="s">
        <v>86</v>
      </c>
      <c r="Q41528">
        <v>12</v>
      </c>
      <c r="R41528">
        <v>12</v>
      </c>
      <c r="S41528">
        <v>12</v>
      </c>
      <c r="T41528">
        <v>13</v>
      </c>
      <c r="U41528">
        <v>13</v>
      </c>
      <c r="V41528">
        <v>14</v>
      </c>
      <c r="W41528">
        <v>14</v>
      </c>
      <c r="X41528">
        <v>15</v>
      </c>
      <c r="Y41528">
        <v>15</v>
      </c>
      <c r="Z41528">
        <v>15</v>
      </c>
      <c r="AA41528">
        <v>16</v>
      </c>
      <c r="AB41528">
        <v>16</v>
      </c>
      <c r="AC41528">
        <v>17</v>
      </c>
      <c r="AD41528">
        <v>17</v>
      </c>
      <c r="AE41528">
        <v>18</v>
      </c>
      <c r="AF41528">
        <v>18</v>
      </c>
      <c r="AG41528">
        <v>18</v>
      </c>
      <c r="AH41528">
        <v>18</v>
      </c>
      <c r="AI41528">
        <v>19</v>
      </c>
      <c r="AJ41528">
        <v>19</v>
      </c>
      <c r="AK41528">
        <v>19</v>
      </c>
      <c r="AL41528">
        <v>19</v>
      </c>
      <c r="AM41528">
        <v>20</v>
      </c>
      <c r="AN41528">
        <v>20</v>
      </c>
      <c r="AO41528">
        <v>20</v>
      </c>
      <c r="AP41528">
        <v>20</v>
      </c>
      <c r="AQ41528">
        <v>21</v>
      </c>
    </row>
    <row r="41529" spans="1:43">
      <c r="A41529" t="s">
        <v>25567</v>
      </c>
      <c r="B41529" t="s">
        <v>25568</v>
      </c>
      <c r="C41529" t="s">
        <v>25191</v>
      </c>
      <c r="D41529" t="s">
        <v>25192</v>
      </c>
      <c r="E41529" t="s">
        <v>1192</v>
      </c>
      <c r="F41529" t="s">
        <v>1193</v>
      </c>
      <c r="G41529" t="s">
        <v>80</v>
      </c>
      <c r="H41529" t="s">
        <v>81</v>
      </c>
      <c r="I41529" s="2">
        <v>1</v>
      </c>
      <c r="J41529" s="2">
        <v>0</v>
      </c>
      <c r="K41529" s="2">
        <v>0</v>
      </c>
      <c r="L41529" t="s">
        <v>120</v>
      </c>
      <c r="M41529" t="s">
        <v>83</v>
      </c>
      <c r="N41529" t="s">
        <v>91</v>
      </c>
      <c r="O41529" t="s">
        <v>85</v>
      </c>
      <c r="P41529" t="s">
        <v>86</v>
      </c>
      <c r="Q41529">
        <v>12</v>
      </c>
      <c r="R41529">
        <v>12</v>
      </c>
      <c r="S41529">
        <v>12</v>
      </c>
      <c r="T41529">
        <v>12</v>
      </c>
      <c r="U41529">
        <v>13</v>
      </c>
      <c r="V41529">
        <v>13</v>
      </c>
      <c r="W41529">
        <v>14</v>
      </c>
      <c r="X41529">
        <v>14</v>
      </c>
      <c r="Y41529">
        <v>14</v>
      </c>
      <c r="Z41529">
        <v>15</v>
      </c>
      <c r="AA41529">
        <v>15</v>
      </c>
      <c r="AB41529">
        <v>15</v>
      </c>
      <c r="AC41529">
        <v>16</v>
      </c>
      <c r="AD41529">
        <v>16</v>
      </c>
      <c r="AE41529">
        <v>16</v>
      </c>
      <c r="AF41529">
        <v>17</v>
      </c>
      <c r="AG41529">
        <v>17</v>
      </c>
      <c r="AH41529">
        <v>18</v>
      </c>
      <c r="AI41529">
        <v>18</v>
      </c>
      <c r="AJ41529">
        <v>19</v>
      </c>
      <c r="AK41529">
        <v>19</v>
      </c>
      <c r="AL41529">
        <v>19</v>
      </c>
      <c r="AM41529">
        <v>20</v>
      </c>
      <c r="AN41529">
        <v>20</v>
      </c>
      <c r="AO41529">
        <v>20</v>
      </c>
      <c r="AP41529">
        <v>20</v>
      </c>
      <c r="AQ41529">
        <v>21</v>
      </c>
    </row>
    <row r="41530" spans="1:43">
      <c r="A41530" t="s">
        <v>25569</v>
      </c>
      <c r="B41530" t="s">
        <v>25570</v>
      </c>
      <c r="C41530" t="s">
        <v>25191</v>
      </c>
      <c r="D41530" t="s">
        <v>25192</v>
      </c>
      <c r="E41530" t="s">
        <v>1192</v>
      </c>
      <c r="F41530" t="s">
        <v>1193</v>
      </c>
      <c r="G41530" t="s">
        <v>80</v>
      </c>
      <c r="H41530" t="s">
        <v>81</v>
      </c>
      <c r="I41530" s="2">
        <v>1</v>
      </c>
      <c r="J41530" s="2">
        <v>0</v>
      </c>
      <c r="K41530" s="2">
        <v>0</v>
      </c>
      <c r="L41530" t="s">
        <v>120</v>
      </c>
      <c r="M41530" t="s">
        <v>83</v>
      </c>
      <c r="N41530" t="s">
        <v>84</v>
      </c>
      <c r="O41530" t="s">
        <v>85</v>
      </c>
      <c r="P41530" t="s">
        <v>86</v>
      </c>
      <c r="Q41530">
        <v>15</v>
      </c>
      <c r="R41530">
        <v>16</v>
      </c>
      <c r="S41530">
        <v>16</v>
      </c>
      <c r="T41530">
        <v>16</v>
      </c>
      <c r="U41530">
        <v>17</v>
      </c>
      <c r="V41530">
        <v>17</v>
      </c>
      <c r="W41530">
        <v>18</v>
      </c>
      <c r="X41530">
        <v>18</v>
      </c>
      <c r="Y41530">
        <v>19</v>
      </c>
      <c r="Z41530">
        <v>19</v>
      </c>
      <c r="AA41530">
        <v>20</v>
      </c>
      <c r="AB41530">
        <v>20</v>
      </c>
      <c r="AC41530">
        <v>21</v>
      </c>
      <c r="AD41530">
        <v>21</v>
      </c>
      <c r="AE41530">
        <v>22</v>
      </c>
      <c r="AF41530">
        <v>22</v>
      </c>
      <c r="AG41530">
        <v>23</v>
      </c>
      <c r="AH41530">
        <v>23</v>
      </c>
      <c r="AI41530">
        <v>24</v>
      </c>
      <c r="AJ41530">
        <v>24</v>
      </c>
      <c r="AK41530">
        <v>25</v>
      </c>
      <c r="AL41530">
        <v>25</v>
      </c>
      <c r="AM41530">
        <v>26</v>
      </c>
      <c r="AN41530">
        <v>26</v>
      </c>
      <c r="AO41530">
        <v>26</v>
      </c>
      <c r="AP41530">
        <v>27</v>
      </c>
      <c r="AQ41530">
        <v>27</v>
      </c>
    </row>
    <row r="41531" spans="1:43">
      <c r="A41531" t="s">
        <v>25569</v>
      </c>
      <c r="B41531" t="s">
        <v>25570</v>
      </c>
      <c r="C41531" t="s">
        <v>25191</v>
      </c>
      <c r="D41531" t="s">
        <v>25192</v>
      </c>
      <c r="E41531" t="s">
        <v>1192</v>
      </c>
      <c r="F41531" t="s">
        <v>1193</v>
      </c>
      <c r="G41531" t="s">
        <v>80</v>
      </c>
      <c r="H41531" t="s">
        <v>81</v>
      </c>
      <c r="I41531" s="2">
        <v>1</v>
      </c>
      <c r="J41531" s="2">
        <v>0</v>
      </c>
      <c r="K41531" s="2">
        <v>0</v>
      </c>
      <c r="L41531" t="s">
        <v>120</v>
      </c>
      <c r="M41531" t="s">
        <v>87</v>
      </c>
      <c r="N41531" t="s">
        <v>88</v>
      </c>
      <c r="O41531" t="s">
        <v>85</v>
      </c>
      <c r="P41531" t="s">
        <v>86</v>
      </c>
      <c r="Q41531">
        <v>15</v>
      </c>
      <c r="R41531">
        <v>15</v>
      </c>
      <c r="S41531">
        <v>16</v>
      </c>
      <c r="T41531">
        <v>16</v>
      </c>
      <c r="U41531">
        <v>16</v>
      </c>
      <c r="V41531">
        <v>16</v>
      </c>
      <c r="W41531">
        <v>17</v>
      </c>
      <c r="X41531">
        <v>17</v>
      </c>
      <c r="Y41531">
        <v>17</v>
      </c>
      <c r="Z41531">
        <v>18</v>
      </c>
      <c r="AA41531">
        <v>18</v>
      </c>
      <c r="AB41531">
        <v>18</v>
      </c>
      <c r="AC41531">
        <v>18</v>
      </c>
      <c r="AD41531">
        <v>19</v>
      </c>
      <c r="AE41531">
        <v>19</v>
      </c>
      <c r="AF41531">
        <v>19</v>
      </c>
      <c r="AG41531">
        <v>20</v>
      </c>
      <c r="AH41531">
        <v>20</v>
      </c>
      <c r="AI41531">
        <v>20</v>
      </c>
      <c r="AJ41531">
        <v>21</v>
      </c>
      <c r="AK41531">
        <v>21</v>
      </c>
      <c r="AL41531">
        <v>21</v>
      </c>
      <c r="AM41531">
        <v>22</v>
      </c>
      <c r="AN41531">
        <v>22</v>
      </c>
      <c r="AO41531">
        <v>23</v>
      </c>
      <c r="AP41531">
        <v>23</v>
      </c>
      <c r="AQ41531">
        <v>23</v>
      </c>
    </row>
    <row r="41532" spans="1:43">
      <c r="A41532" t="s">
        <v>25569</v>
      </c>
      <c r="B41532" t="s">
        <v>25570</v>
      </c>
      <c r="C41532" t="s">
        <v>25191</v>
      </c>
      <c r="D41532" t="s">
        <v>25192</v>
      </c>
      <c r="E41532" t="s">
        <v>1192</v>
      </c>
      <c r="F41532" t="s">
        <v>1193</v>
      </c>
      <c r="G41532" t="s">
        <v>80</v>
      </c>
      <c r="H41532" t="s">
        <v>81</v>
      </c>
      <c r="I41532" s="2">
        <v>1</v>
      </c>
      <c r="J41532" s="2">
        <v>0</v>
      </c>
      <c r="K41532" s="2">
        <v>0</v>
      </c>
      <c r="L41532" t="s">
        <v>120</v>
      </c>
      <c r="M41532" t="s">
        <v>89</v>
      </c>
      <c r="N41532" t="s">
        <v>90</v>
      </c>
      <c r="O41532" t="s">
        <v>85</v>
      </c>
      <c r="P41532" t="s">
        <v>86</v>
      </c>
      <c r="Q41532">
        <v>15</v>
      </c>
      <c r="R41532">
        <v>16</v>
      </c>
      <c r="S41532">
        <v>16</v>
      </c>
      <c r="T41532">
        <v>17</v>
      </c>
      <c r="U41532">
        <v>17</v>
      </c>
      <c r="V41532">
        <v>18</v>
      </c>
      <c r="W41532">
        <v>19</v>
      </c>
      <c r="X41532">
        <v>19</v>
      </c>
      <c r="Y41532">
        <v>20</v>
      </c>
      <c r="Z41532">
        <v>20</v>
      </c>
      <c r="AA41532">
        <v>21</v>
      </c>
      <c r="AB41532">
        <v>21</v>
      </c>
      <c r="AC41532">
        <v>22</v>
      </c>
      <c r="AD41532">
        <v>23</v>
      </c>
      <c r="AE41532">
        <v>23</v>
      </c>
      <c r="AF41532">
        <v>24</v>
      </c>
      <c r="AG41532">
        <v>24</v>
      </c>
      <c r="AH41532">
        <v>24</v>
      </c>
      <c r="AI41532">
        <v>25</v>
      </c>
      <c r="AJ41532">
        <v>25</v>
      </c>
      <c r="AK41532">
        <v>25</v>
      </c>
      <c r="AL41532">
        <v>26</v>
      </c>
      <c r="AM41532">
        <v>26</v>
      </c>
      <c r="AN41532">
        <v>26</v>
      </c>
      <c r="AO41532">
        <v>27</v>
      </c>
      <c r="AP41532">
        <v>27</v>
      </c>
      <c r="AQ41532">
        <v>27</v>
      </c>
    </row>
    <row r="41533" spans="1:43">
      <c r="A41533" t="s">
        <v>25569</v>
      </c>
      <c r="B41533" t="s">
        <v>25570</v>
      </c>
      <c r="C41533" t="s">
        <v>25191</v>
      </c>
      <c r="D41533" t="s">
        <v>25192</v>
      </c>
      <c r="E41533" t="s">
        <v>1192</v>
      </c>
      <c r="F41533" t="s">
        <v>1193</v>
      </c>
      <c r="G41533" t="s">
        <v>80</v>
      </c>
      <c r="H41533" t="s">
        <v>81</v>
      </c>
      <c r="I41533" s="2">
        <v>1</v>
      </c>
      <c r="J41533" s="2">
        <v>0</v>
      </c>
      <c r="K41533" s="2">
        <v>0</v>
      </c>
      <c r="L41533" t="s">
        <v>120</v>
      </c>
      <c r="M41533" t="s">
        <v>83</v>
      </c>
      <c r="N41533" t="s">
        <v>91</v>
      </c>
      <c r="O41533" t="s">
        <v>85</v>
      </c>
      <c r="P41533" t="s">
        <v>86</v>
      </c>
      <c r="Q41533">
        <v>15</v>
      </c>
      <c r="R41533">
        <v>16</v>
      </c>
      <c r="S41533">
        <v>16</v>
      </c>
      <c r="T41533">
        <v>16</v>
      </c>
      <c r="U41533">
        <v>17</v>
      </c>
      <c r="V41533">
        <v>17</v>
      </c>
      <c r="W41533">
        <v>18</v>
      </c>
      <c r="X41533">
        <v>18</v>
      </c>
      <c r="Y41533">
        <v>19</v>
      </c>
      <c r="Z41533">
        <v>19</v>
      </c>
      <c r="AA41533">
        <v>20</v>
      </c>
      <c r="AB41533">
        <v>20</v>
      </c>
      <c r="AC41533">
        <v>21</v>
      </c>
      <c r="AD41533">
        <v>21</v>
      </c>
      <c r="AE41533">
        <v>22</v>
      </c>
      <c r="AF41533">
        <v>22</v>
      </c>
      <c r="AG41533">
        <v>23</v>
      </c>
      <c r="AH41533">
        <v>23</v>
      </c>
      <c r="AI41533">
        <v>24</v>
      </c>
      <c r="AJ41533">
        <v>24</v>
      </c>
      <c r="AK41533">
        <v>25</v>
      </c>
      <c r="AL41533">
        <v>25</v>
      </c>
      <c r="AM41533">
        <v>26</v>
      </c>
      <c r="AN41533">
        <v>26</v>
      </c>
      <c r="AO41533">
        <v>26</v>
      </c>
      <c r="AP41533">
        <v>27</v>
      </c>
      <c r="AQ41533">
        <v>27</v>
      </c>
    </row>
    <row r="41534" spans="1:43">
      <c r="A41534" t="s">
        <v>25571</v>
      </c>
      <c r="B41534" t="s">
        <v>25572</v>
      </c>
      <c r="C41534" t="s">
        <v>4516</v>
      </c>
      <c r="D41534" t="s">
        <v>4517</v>
      </c>
      <c r="E41534" t="s">
        <v>4236</v>
      </c>
      <c r="F41534" t="s">
        <v>4237</v>
      </c>
      <c r="G41534" t="s">
        <v>80</v>
      </c>
      <c r="H41534" t="s">
        <v>81</v>
      </c>
      <c r="I41534" s="2">
        <v>1</v>
      </c>
      <c r="J41534" s="2">
        <v>0</v>
      </c>
      <c r="K41534" s="2">
        <v>0</v>
      </c>
      <c r="L41534" t="s">
        <v>120</v>
      </c>
      <c r="M41534" t="s">
        <v>83</v>
      </c>
      <c r="N41534" t="s">
        <v>84</v>
      </c>
      <c r="O41534" t="s">
        <v>85</v>
      </c>
      <c r="P41534" t="s">
        <v>86</v>
      </c>
      <c r="Q41534">
        <v>55</v>
      </c>
      <c r="R41534">
        <v>56</v>
      </c>
      <c r="S41534">
        <v>56</v>
      </c>
      <c r="T41534">
        <v>57</v>
      </c>
      <c r="U41534">
        <v>57</v>
      </c>
      <c r="V41534">
        <v>58</v>
      </c>
      <c r="W41534">
        <v>58</v>
      </c>
      <c r="X41534">
        <v>59</v>
      </c>
      <c r="Y41534">
        <v>59</v>
      </c>
      <c r="Z41534">
        <v>60</v>
      </c>
      <c r="AA41534">
        <v>60</v>
      </c>
      <c r="AB41534">
        <v>60</v>
      </c>
      <c r="AC41534">
        <v>61</v>
      </c>
      <c r="AD41534">
        <v>61</v>
      </c>
      <c r="AE41534">
        <v>61</v>
      </c>
      <c r="AF41534">
        <v>62</v>
      </c>
      <c r="AG41534">
        <v>62</v>
      </c>
      <c r="AH41534">
        <v>62</v>
      </c>
      <c r="AI41534">
        <v>62</v>
      </c>
      <c r="AJ41534">
        <v>62</v>
      </c>
      <c r="AK41534">
        <v>62</v>
      </c>
      <c r="AL41534">
        <v>62</v>
      </c>
      <c r="AM41534">
        <v>62</v>
      </c>
      <c r="AN41534">
        <v>61</v>
      </c>
      <c r="AO41534">
        <v>61</v>
      </c>
      <c r="AP41534">
        <v>60</v>
      </c>
      <c r="AQ41534">
        <v>60</v>
      </c>
    </row>
    <row r="41535" spans="1:43">
      <c r="A41535" t="s">
        <v>25571</v>
      </c>
      <c r="B41535" t="s">
        <v>25572</v>
      </c>
      <c r="C41535" t="s">
        <v>4516</v>
      </c>
      <c r="D41535" t="s">
        <v>4517</v>
      </c>
      <c r="E41535" t="s">
        <v>4236</v>
      </c>
      <c r="F41535" t="s">
        <v>4237</v>
      </c>
      <c r="G41535" t="s">
        <v>80</v>
      </c>
      <c r="H41535" t="s">
        <v>81</v>
      </c>
      <c r="I41535" s="2">
        <v>1</v>
      </c>
      <c r="J41535" s="2">
        <v>0</v>
      </c>
      <c r="K41535" s="2">
        <v>0</v>
      </c>
      <c r="L41535" t="s">
        <v>120</v>
      </c>
      <c r="M41535" t="s">
        <v>87</v>
      </c>
      <c r="N41535" t="s">
        <v>88</v>
      </c>
      <c r="O41535" t="s">
        <v>85</v>
      </c>
      <c r="P41535" t="s">
        <v>86</v>
      </c>
      <c r="Q41535">
        <v>55</v>
      </c>
      <c r="R41535">
        <v>56</v>
      </c>
      <c r="S41535">
        <v>56</v>
      </c>
      <c r="T41535">
        <v>56</v>
      </c>
      <c r="U41535">
        <v>56</v>
      </c>
      <c r="V41535">
        <v>56</v>
      </c>
      <c r="W41535">
        <v>56</v>
      </c>
      <c r="X41535">
        <v>56</v>
      </c>
      <c r="Y41535">
        <v>56</v>
      </c>
      <c r="Z41535">
        <v>56</v>
      </c>
      <c r="AA41535">
        <v>56</v>
      </c>
      <c r="AB41535">
        <v>56</v>
      </c>
      <c r="AC41535">
        <v>56</v>
      </c>
      <c r="AD41535">
        <v>55</v>
      </c>
      <c r="AE41535">
        <v>55</v>
      </c>
      <c r="AF41535">
        <v>55</v>
      </c>
      <c r="AG41535">
        <v>55</v>
      </c>
      <c r="AH41535">
        <v>55</v>
      </c>
      <c r="AI41535">
        <v>55</v>
      </c>
      <c r="AJ41535">
        <v>55</v>
      </c>
      <c r="AK41535">
        <v>54</v>
      </c>
      <c r="AL41535">
        <v>54</v>
      </c>
      <c r="AM41535">
        <v>54</v>
      </c>
      <c r="AN41535">
        <v>54</v>
      </c>
      <c r="AO41535">
        <v>53</v>
      </c>
      <c r="AP41535">
        <v>53</v>
      </c>
      <c r="AQ41535">
        <v>53</v>
      </c>
    </row>
    <row r="41536" spans="1:43">
      <c r="A41536" t="s">
        <v>25571</v>
      </c>
      <c r="B41536" t="s">
        <v>25572</v>
      </c>
      <c r="C41536" t="s">
        <v>4516</v>
      </c>
      <c r="D41536" t="s">
        <v>4517</v>
      </c>
      <c r="E41536" t="s">
        <v>4236</v>
      </c>
      <c r="F41536" t="s">
        <v>4237</v>
      </c>
      <c r="G41536" t="s">
        <v>80</v>
      </c>
      <c r="H41536" t="s">
        <v>81</v>
      </c>
      <c r="I41536" s="2">
        <v>1</v>
      </c>
      <c r="J41536" s="2">
        <v>0</v>
      </c>
      <c r="K41536" s="2">
        <v>0</v>
      </c>
      <c r="L41536" t="s">
        <v>120</v>
      </c>
      <c r="M41536" t="s">
        <v>89</v>
      </c>
      <c r="N41536" t="s">
        <v>90</v>
      </c>
      <c r="O41536" t="s">
        <v>85</v>
      </c>
      <c r="P41536" t="s">
        <v>86</v>
      </c>
      <c r="Q41536">
        <v>55</v>
      </c>
      <c r="R41536">
        <v>57</v>
      </c>
      <c r="S41536">
        <v>58</v>
      </c>
      <c r="T41536">
        <v>59</v>
      </c>
      <c r="U41536">
        <v>60</v>
      </c>
      <c r="V41536">
        <v>60</v>
      </c>
      <c r="W41536">
        <v>61</v>
      </c>
      <c r="X41536">
        <v>62</v>
      </c>
      <c r="Y41536">
        <v>63</v>
      </c>
      <c r="Z41536">
        <v>63</v>
      </c>
      <c r="AA41536">
        <v>64</v>
      </c>
      <c r="AB41536">
        <v>64</v>
      </c>
      <c r="AC41536">
        <v>65</v>
      </c>
      <c r="AD41536">
        <v>66</v>
      </c>
      <c r="AE41536">
        <v>66</v>
      </c>
      <c r="AF41536">
        <v>65</v>
      </c>
      <c r="AG41536">
        <v>65</v>
      </c>
      <c r="AH41536">
        <v>65</v>
      </c>
      <c r="AI41536">
        <v>64</v>
      </c>
      <c r="AJ41536">
        <v>64</v>
      </c>
      <c r="AK41536">
        <v>63</v>
      </c>
      <c r="AL41536">
        <v>63</v>
      </c>
      <c r="AM41536">
        <v>62</v>
      </c>
      <c r="AN41536">
        <v>62</v>
      </c>
      <c r="AO41536">
        <v>61</v>
      </c>
      <c r="AP41536">
        <v>61</v>
      </c>
      <c r="AQ41536">
        <v>61</v>
      </c>
    </row>
    <row r="41537" spans="1:43">
      <c r="A41537" t="s">
        <v>25571</v>
      </c>
      <c r="B41537" t="s">
        <v>25572</v>
      </c>
      <c r="C41537" t="s">
        <v>4516</v>
      </c>
      <c r="D41537" t="s">
        <v>4517</v>
      </c>
      <c r="E41537" t="s">
        <v>4236</v>
      </c>
      <c r="F41537" t="s">
        <v>4237</v>
      </c>
      <c r="G41537" t="s">
        <v>80</v>
      </c>
      <c r="H41537" t="s">
        <v>81</v>
      </c>
      <c r="I41537" s="2">
        <v>1</v>
      </c>
      <c r="J41537" s="2">
        <v>0</v>
      </c>
      <c r="K41537" s="2">
        <v>0</v>
      </c>
      <c r="L41537" t="s">
        <v>120</v>
      </c>
      <c r="M41537" t="s">
        <v>83</v>
      </c>
      <c r="N41537" t="s">
        <v>91</v>
      </c>
      <c r="O41537" t="s">
        <v>85</v>
      </c>
      <c r="P41537" t="s">
        <v>86</v>
      </c>
      <c r="Q41537">
        <v>55</v>
      </c>
      <c r="R41537">
        <v>56</v>
      </c>
      <c r="S41537">
        <v>56</v>
      </c>
      <c r="T41537">
        <v>57</v>
      </c>
      <c r="U41537">
        <v>57</v>
      </c>
      <c r="V41537">
        <v>58</v>
      </c>
      <c r="W41537">
        <v>58</v>
      </c>
      <c r="X41537">
        <v>59</v>
      </c>
      <c r="Y41537">
        <v>59</v>
      </c>
      <c r="Z41537">
        <v>60</v>
      </c>
      <c r="AA41537">
        <v>60</v>
      </c>
      <c r="AB41537">
        <v>60</v>
      </c>
      <c r="AC41537">
        <v>61</v>
      </c>
      <c r="AD41537">
        <v>61</v>
      </c>
      <c r="AE41537">
        <v>61</v>
      </c>
      <c r="AF41537">
        <v>62</v>
      </c>
      <c r="AG41537">
        <v>62</v>
      </c>
      <c r="AH41537">
        <v>62</v>
      </c>
      <c r="AI41537">
        <v>62</v>
      </c>
      <c r="AJ41537">
        <v>62</v>
      </c>
      <c r="AK41537">
        <v>62</v>
      </c>
      <c r="AL41537">
        <v>62</v>
      </c>
      <c r="AM41537">
        <v>62</v>
      </c>
      <c r="AN41537">
        <v>61</v>
      </c>
      <c r="AO41537">
        <v>61</v>
      </c>
      <c r="AP41537">
        <v>60</v>
      </c>
      <c r="AQ41537">
        <v>60</v>
      </c>
    </row>
    <row r="41538" spans="1:43">
      <c r="A41538" t="s">
        <v>25573</v>
      </c>
      <c r="B41538" t="s">
        <v>25574</v>
      </c>
      <c r="C41538" t="s">
        <v>4516</v>
      </c>
      <c r="D41538" t="s">
        <v>4517</v>
      </c>
      <c r="E41538" t="s">
        <v>4236</v>
      </c>
      <c r="F41538" t="s">
        <v>4237</v>
      </c>
      <c r="G41538" t="s">
        <v>80</v>
      </c>
      <c r="H41538" t="s">
        <v>81</v>
      </c>
      <c r="I41538" s="2">
        <v>1</v>
      </c>
      <c r="J41538" s="2">
        <v>0</v>
      </c>
      <c r="K41538" s="2">
        <v>0</v>
      </c>
      <c r="L41538" t="s">
        <v>120</v>
      </c>
      <c r="M41538" t="s">
        <v>83</v>
      </c>
      <c r="N41538" t="s">
        <v>84</v>
      </c>
      <c r="O41538" t="s">
        <v>85</v>
      </c>
      <c r="P41538" t="s">
        <v>86</v>
      </c>
      <c r="Q41538">
        <v>10</v>
      </c>
      <c r="R41538">
        <v>10</v>
      </c>
      <c r="S41538">
        <v>10</v>
      </c>
      <c r="T41538">
        <v>10</v>
      </c>
      <c r="U41538">
        <v>10</v>
      </c>
      <c r="V41538">
        <v>10</v>
      </c>
      <c r="W41538">
        <v>10</v>
      </c>
      <c r="X41538">
        <v>10</v>
      </c>
      <c r="Y41538">
        <v>10</v>
      </c>
      <c r="Z41538">
        <v>10</v>
      </c>
      <c r="AA41538">
        <v>10</v>
      </c>
      <c r="AB41538">
        <v>11</v>
      </c>
      <c r="AC41538">
        <v>11</v>
      </c>
      <c r="AD41538">
        <v>11</v>
      </c>
      <c r="AE41538">
        <v>11</v>
      </c>
      <c r="AF41538">
        <v>11</v>
      </c>
      <c r="AG41538">
        <v>11</v>
      </c>
      <c r="AH41538">
        <v>11</v>
      </c>
      <c r="AI41538">
        <v>11</v>
      </c>
      <c r="AJ41538">
        <v>11</v>
      </c>
      <c r="AK41538">
        <v>11</v>
      </c>
      <c r="AL41538">
        <v>11</v>
      </c>
      <c r="AM41538">
        <v>11</v>
      </c>
      <c r="AN41538">
        <v>11</v>
      </c>
      <c r="AO41538">
        <v>11</v>
      </c>
      <c r="AP41538">
        <v>11</v>
      </c>
      <c r="AQ41538">
        <v>10</v>
      </c>
    </row>
    <row r="41539" spans="1:43">
      <c r="A41539" t="s">
        <v>25573</v>
      </c>
      <c r="B41539" t="s">
        <v>25574</v>
      </c>
      <c r="C41539" t="s">
        <v>4516</v>
      </c>
      <c r="D41539" t="s">
        <v>4517</v>
      </c>
      <c r="E41539" t="s">
        <v>4236</v>
      </c>
      <c r="F41539" t="s">
        <v>4237</v>
      </c>
      <c r="G41539" t="s">
        <v>80</v>
      </c>
      <c r="H41539" t="s">
        <v>81</v>
      </c>
      <c r="I41539" s="2">
        <v>1</v>
      </c>
      <c r="J41539" s="2">
        <v>0</v>
      </c>
      <c r="K41539" s="2">
        <v>0</v>
      </c>
      <c r="L41539" t="s">
        <v>120</v>
      </c>
      <c r="M41539" t="s">
        <v>87</v>
      </c>
      <c r="N41539" t="s">
        <v>88</v>
      </c>
      <c r="O41539" t="s">
        <v>85</v>
      </c>
      <c r="P41539" t="s">
        <v>86</v>
      </c>
      <c r="Q41539">
        <v>10</v>
      </c>
      <c r="R41539">
        <v>11</v>
      </c>
      <c r="S41539">
        <v>11</v>
      </c>
      <c r="T41539">
        <v>11</v>
      </c>
      <c r="U41539">
        <v>11</v>
      </c>
      <c r="V41539">
        <v>11</v>
      </c>
      <c r="W41539">
        <v>11</v>
      </c>
      <c r="X41539">
        <v>11</v>
      </c>
      <c r="Y41539">
        <v>11</v>
      </c>
      <c r="Z41539">
        <v>11</v>
      </c>
      <c r="AA41539">
        <v>11</v>
      </c>
      <c r="AB41539">
        <v>11</v>
      </c>
      <c r="AC41539">
        <v>11</v>
      </c>
      <c r="AD41539">
        <v>11</v>
      </c>
      <c r="AE41539">
        <v>10</v>
      </c>
      <c r="AF41539">
        <v>10</v>
      </c>
      <c r="AG41539">
        <v>10</v>
      </c>
      <c r="AH41539">
        <v>10</v>
      </c>
      <c r="AI41539">
        <v>10</v>
      </c>
      <c r="AJ41539">
        <v>10</v>
      </c>
      <c r="AK41539">
        <v>10</v>
      </c>
      <c r="AL41539">
        <v>10</v>
      </c>
      <c r="AM41539">
        <v>10</v>
      </c>
      <c r="AN41539">
        <v>10</v>
      </c>
      <c r="AO41539">
        <v>10</v>
      </c>
      <c r="AP41539">
        <v>10</v>
      </c>
      <c r="AQ41539">
        <v>10</v>
      </c>
    </row>
    <row r="41540" spans="1:43">
      <c r="A41540" t="s">
        <v>25573</v>
      </c>
      <c r="B41540" t="s">
        <v>25574</v>
      </c>
      <c r="C41540" t="s">
        <v>4516</v>
      </c>
      <c r="D41540" t="s">
        <v>4517</v>
      </c>
      <c r="E41540" t="s">
        <v>4236</v>
      </c>
      <c r="F41540" t="s">
        <v>4237</v>
      </c>
      <c r="G41540" t="s">
        <v>80</v>
      </c>
      <c r="H41540" t="s">
        <v>81</v>
      </c>
      <c r="I41540" s="2">
        <v>1</v>
      </c>
      <c r="J41540" s="2">
        <v>0</v>
      </c>
      <c r="K41540" s="2">
        <v>0</v>
      </c>
      <c r="L41540" t="s">
        <v>120</v>
      </c>
      <c r="M41540" t="s">
        <v>89</v>
      </c>
      <c r="N41540" t="s">
        <v>90</v>
      </c>
      <c r="O41540" t="s">
        <v>85</v>
      </c>
      <c r="P41540" t="s">
        <v>86</v>
      </c>
      <c r="Q41540">
        <v>10</v>
      </c>
      <c r="R41540">
        <v>10</v>
      </c>
      <c r="S41540">
        <v>10</v>
      </c>
      <c r="T41540">
        <v>10</v>
      </c>
      <c r="U41540">
        <v>10</v>
      </c>
      <c r="V41540">
        <v>11</v>
      </c>
      <c r="W41540">
        <v>11</v>
      </c>
      <c r="X41540">
        <v>11</v>
      </c>
      <c r="Y41540">
        <v>11</v>
      </c>
      <c r="Z41540">
        <v>11</v>
      </c>
      <c r="AA41540">
        <v>11</v>
      </c>
      <c r="AB41540">
        <v>11</v>
      </c>
      <c r="AC41540">
        <v>11</v>
      </c>
      <c r="AD41540">
        <v>11</v>
      </c>
      <c r="AE41540">
        <v>11</v>
      </c>
      <c r="AF41540">
        <v>11</v>
      </c>
      <c r="AG41540">
        <v>11</v>
      </c>
      <c r="AH41540">
        <v>11</v>
      </c>
      <c r="AI41540">
        <v>11</v>
      </c>
      <c r="AJ41540">
        <v>11</v>
      </c>
      <c r="AK41540">
        <v>11</v>
      </c>
      <c r="AL41540">
        <v>11</v>
      </c>
      <c r="AM41540">
        <v>11</v>
      </c>
      <c r="AN41540">
        <v>11</v>
      </c>
      <c r="AO41540">
        <v>11</v>
      </c>
      <c r="AP41540">
        <v>11</v>
      </c>
      <c r="AQ41540">
        <v>11</v>
      </c>
    </row>
    <row r="41541" spans="1:43">
      <c r="A41541" t="s">
        <v>25573</v>
      </c>
      <c r="B41541" t="s">
        <v>25574</v>
      </c>
      <c r="C41541" t="s">
        <v>4516</v>
      </c>
      <c r="D41541" t="s">
        <v>4517</v>
      </c>
      <c r="E41541" t="s">
        <v>4236</v>
      </c>
      <c r="F41541" t="s">
        <v>4237</v>
      </c>
      <c r="G41541" t="s">
        <v>80</v>
      </c>
      <c r="H41541" t="s">
        <v>81</v>
      </c>
      <c r="I41541" s="2">
        <v>1</v>
      </c>
      <c r="J41541" s="2">
        <v>0</v>
      </c>
      <c r="K41541" s="2">
        <v>0</v>
      </c>
      <c r="L41541" t="s">
        <v>120</v>
      </c>
      <c r="M41541" t="s">
        <v>83</v>
      </c>
      <c r="N41541" t="s">
        <v>91</v>
      </c>
      <c r="O41541" t="s">
        <v>85</v>
      </c>
      <c r="P41541" t="s">
        <v>86</v>
      </c>
      <c r="Q41541">
        <v>10</v>
      </c>
      <c r="R41541">
        <v>10</v>
      </c>
      <c r="S41541">
        <v>10</v>
      </c>
      <c r="T41541">
        <v>10</v>
      </c>
      <c r="U41541">
        <v>10</v>
      </c>
      <c r="V41541">
        <v>10</v>
      </c>
      <c r="W41541">
        <v>10</v>
      </c>
      <c r="X41541">
        <v>10</v>
      </c>
      <c r="Y41541">
        <v>10</v>
      </c>
      <c r="Z41541">
        <v>10</v>
      </c>
      <c r="AA41541">
        <v>10</v>
      </c>
      <c r="AB41541">
        <v>11</v>
      </c>
      <c r="AC41541">
        <v>11</v>
      </c>
      <c r="AD41541">
        <v>11</v>
      </c>
      <c r="AE41541">
        <v>11</v>
      </c>
      <c r="AF41541">
        <v>11</v>
      </c>
      <c r="AG41541">
        <v>11</v>
      </c>
      <c r="AH41541">
        <v>11</v>
      </c>
      <c r="AI41541">
        <v>11</v>
      </c>
      <c r="AJ41541">
        <v>11</v>
      </c>
      <c r="AK41541">
        <v>11</v>
      </c>
      <c r="AL41541">
        <v>11</v>
      </c>
      <c r="AM41541">
        <v>11</v>
      </c>
      <c r="AN41541">
        <v>11</v>
      </c>
      <c r="AO41541">
        <v>11</v>
      </c>
      <c r="AP41541">
        <v>11</v>
      </c>
      <c r="AQ41541">
        <v>10</v>
      </c>
    </row>
    <row r="41542" spans="1:43">
      <c r="A41542" t="s">
        <v>25575</v>
      </c>
      <c r="B41542" t="s">
        <v>25576</v>
      </c>
      <c r="C41542" t="s">
        <v>4366</v>
      </c>
      <c r="D41542" t="s">
        <v>4367</v>
      </c>
      <c r="E41542" t="s">
        <v>4236</v>
      </c>
      <c r="F41542" t="s">
        <v>4237</v>
      </c>
      <c r="G41542" t="s">
        <v>80</v>
      </c>
      <c r="H41542" t="s">
        <v>81</v>
      </c>
      <c r="I41542" s="2">
        <v>1</v>
      </c>
      <c r="J41542" s="2">
        <v>0</v>
      </c>
      <c r="K41542" s="2">
        <v>0</v>
      </c>
      <c r="L41542" t="s">
        <v>120</v>
      </c>
      <c r="M41542" t="s">
        <v>83</v>
      </c>
      <c r="N41542" t="s">
        <v>84</v>
      </c>
      <c r="O41542" t="s">
        <v>85</v>
      </c>
      <c r="P41542" t="s">
        <v>86</v>
      </c>
      <c r="Q41542">
        <v>12</v>
      </c>
      <c r="R41542">
        <v>12</v>
      </c>
      <c r="S41542">
        <v>12</v>
      </c>
      <c r="T41542">
        <v>13</v>
      </c>
      <c r="U41542">
        <v>13</v>
      </c>
      <c r="V41542">
        <v>13</v>
      </c>
      <c r="W41542">
        <v>13</v>
      </c>
      <c r="X41542">
        <v>13</v>
      </c>
      <c r="Y41542">
        <v>13</v>
      </c>
      <c r="Z41542">
        <v>13</v>
      </c>
      <c r="AA41542">
        <v>13</v>
      </c>
      <c r="AB41542">
        <v>13</v>
      </c>
      <c r="AC41542">
        <v>13</v>
      </c>
      <c r="AD41542">
        <v>14</v>
      </c>
      <c r="AE41542">
        <v>14</v>
      </c>
      <c r="AF41542">
        <v>14</v>
      </c>
      <c r="AG41542">
        <v>14</v>
      </c>
      <c r="AH41542">
        <v>14</v>
      </c>
      <c r="AI41542">
        <v>14</v>
      </c>
      <c r="AJ41542">
        <v>14</v>
      </c>
      <c r="AK41542">
        <v>14</v>
      </c>
      <c r="AL41542">
        <v>14</v>
      </c>
      <c r="AM41542">
        <v>14</v>
      </c>
      <c r="AN41542">
        <v>14</v>
      </c>
      <c r="AO41542">
        <v>13</v>
      </c>
      <c r="AP41542">
        <v>13</v>
      </c>
      <c r="AQ41542">
        <v>13</v>
      </c>
    </row>
    <row r="41543" spans="1:43">
      <c r="A41543" t="s">
        <v>25575</v>
      </c>
      <c r="B41543" t="s">
        <v>25576</v>
      </c>
      <c r="C41543" t="s">
        <v>4366</v>
      </c>
      <c r="D41543" t="s">
        <v>4367</v>
      </c>
      <c r="E41543" t="s">
        <v>4236</v>
      </c>
      <c r="F41543" t="s">
        <v>4237</v>
      </c>
      <c r="G41543" t="s">
        <v>80</v>
      </c>
      <c r="H41543" t="s">
        <v>81</v>
      </c>
      <c r="I41543" s="2">
        <v>1</v>
      </c>
      <c r="J41543" s="2">
        <v>0</v>
      </c>
      <c r="K41543" s="2">
        <v>0</v>
      </c>
      <c r="L41543" t="s">
        <v>120</v>
      </c>
      <c r="M41543" t="s">
        <v>87</v>
      </c>
      <c r="N41543" t="s">
        <v>88</v>
      </c>
      <c r="O41543" t="s">
        <v>85</v>
      </c>
      <c r="P41543" t="s">
        <v>86</v>
      </c>
      <c r="Q41543">
        <v>12</v>
      </c>
      <c r="R41543">
        <v>12</v>
      </c>
      <c r="S41543">
        <v>12</v>
      </c>
      <c r="T41543">
        <v>12</v>
      </c>
      <c r="U41543">
        <v>12</v>
      </c>
      <c r="V41543">
        <v>12</v>
      </c>
      <c r="W41543">
        <v>12</v>
      </c>
      <c r="X41543">
        <v>12</v>
      </c>
      <c r="Y41543">
        <v>12</v>
      </c>
      <c r="Z41543">
        <v>12</v>
      </c>
      <c r="AA41543">
        <v>12</v>
      </c>
      <c r="AB41543">
        <v>12</v>
      </c>
      <c r="AC41543">
        <v>12</v>
      </c>
      <c r="AD41543">
        <v>12</v>
      </c>
      <c r="AE41543">
        <v>12</v>
      </c>
      <c r="AF41543">
        <v>12</v>
      </c>
      <c r="AG41543">
        <v>12</v>
      </c>
      <c r="AH41543">
        <v>12</v>
      </c>
      <c r="AI41543">
        <v>12</v>
      </c>
      <c r="AJ41543">
        <v>12</v>
      </c>
      <c r="AK41543">
        <v>12</v>
      </c>
      <c r="AL41543">
        <v>12</v>
      </c>
      <c r="AM41543">
        <v>12</v>
      </c>
      <c r="AN41543">
        <v>12</v>
      </c>
      <c r="AO41543">
        <v>12</v>
      </c>
      <c r="AP41543">
        <v>12</v>
      </c>
      <c r="AQ41543">
        <v>11</v>
      </c>
    </row>
    <row r="41544" spans="1:43">
      <c r="A41544" t="s">
        <v>25575</v>
      </c>
      <c r="B41544" t="s">
        <v>25576</v>
      </c>
      <c r="C41544" t="s">
        <v>4366</v>
      </c>
      <c r="D41544" t="s">
        <v>4367</v>
      </c>
      <c r="E41544" t="s">
        <v>4236</v>
      </c>
      <c r="F41544" t="s">
        <v>4237</v>
      </c>
      <c r="G41544" t="s">
        <v>80</v>
      </c>
      <c r="H41544" t="s">
        <v>81</v>
      </c>
      <c r="I41544" s="2">
        <v>1</v>
      </c>
      <c r="J41544" s="2">
        <v>0</v>
      </c>
      <c r="K41544" s="2">
        <v>0</v>
      </c>
      <c r="L41544" t="s">
        <v>120</v>
      </c>
      <c r="M41544" t="s">
        <v>89</v>
      </c>
      <c r="N41544" t="s">
        <v>90</v>
      </c>
      <c r="O41544" t="s">
        <v>85</v>
      </c>
      <c r="P41544" t="s">
        <v>86</v>
      </c>
      <c r="Q41544">
        <v>12</v>
      </c>
      <c r="R41544">
        <v>13</v>
      </c>
      <c r="S41544">
        <v>13</v>
      </c>
      <c r="T41544">
        <v>13</v>
      </c>
      <c r="U41544">
        <v>13</v>
      </c>
      <c r="V41544">
        <v>13</v>
      </c>
      <c r="W41544">
        <v>14</v>
      </c>
      <c r="X41544">
        <v>14</v>
      </c>
      <c r="Y41544">
        <v>14</v>
      </c>
      <c r="Z41544">
        <v>14</v>
      </c>
      <c r="AA41544">
        <v>14</v>
      </c>
      <c r="AB41544">
        <v>14</v>
      </c>
      <c r="AC41544">
        <v>14</v>
      </c>
      <c r="AD41544">
        <v>15</v>
      </c>
      <c r="AE41544">
        <v>15</v>
      </c>
      <c r="AF41544">
        <v>14</v>
      </c>
      <c r="AG41544">
        <v>14</v>
      </c>
      <c r="AH41544">
        <v>14</v>
      </c>
      <c r="AI41544">
        <v>14</v>
      </c>
      <c r="AJ41544">
        <v>14</v>
      </c>
      <c r="AK41544">
        <v>14</v>
      </c>
      <c r="AL41544">
        <v>14</v>
      </c>
      <c r="AM41544">
        <v>14</v>
      </c>
      <c r="AN41544">
        <v>14</v>
      </c>
      <c r="AO41544">
        <v>14</v>
      </c>
      <c r="AP41544">
        <v>13</v>
      </c>
      <c r="AQ41544">
        <v>13</v>
      </c>
    </row>
    <row r="41545" spans="1:43">
      <c r="A41545" t="s">
        <v>25575</v>
      </c>
      <c r="B41545" t="s">
        <v>25576</v>
      </c>
      <c r="C41545" t="s">
        <v>4366</v>
      </c>
      <c r="D41545" t="s">
        <v>4367</v>
      </c>
      <c r="E41545" t="s">
        <v>4236</v>
      </c>
      <c r="F41545" t="s">
        <v>4237</v>
      </c>
      <c r="G41545" t="s">
        <v>80</v>
      </c>
      <c r="H41545" t="s">
        <v>81</v>
      </c>
      <c r="I41545" s="2">
        <v>1</v>
      </c>
      <c r="J41545" s="2">
        <v>0</v>
      </c>
      <c r="K41545" s="2">
        <v>0</v>
      </c>
      <c r="L41545" t="s">
        <v>120</v>
      </c>
      <c r="M41545" t="s">
        <v>83</v>
      </c>
      <c r="N41545" t="s">
        <v>91</v>
      </c>
      <c r="O41545" t="s">
        <v>85</v>
      </c>
      <c r="P41545" t="s">
        <v>86</v>
      </c>
      <c r="Q41545">
        <v>12</v>
      </c>
      <c r="R41545">
        <v>12</v>
      </c>
      <c r="S41545">
        <v>12</v>
      </c>
      <c r="T41545">
        <v>13</v>
      </c>
      <c r="U41545">
        <v>13</v>
      </c>
      <c r="V41545">
        <v>13</v>
      </c>
      <c r="W41545">
        <v>13</v>
      </c>
      <c r="X41545">
        <v>13</v>
      </c>
      <c r="Y41545">
        <v>13</v>
      </c>
      <c r="Z41545">
        <v>13</v>
      </c>
      <c r="AA41545">
        <v>13</v>
      </c>
      <c r="AB41545">
        <v>13</v>
      </c>
      <c r="AC41545">
        <v>13</v>
      </c>
      <c r="AD41545">
        <v>14</v>
      </c>
      <c r="AE41545">
        <v>14</v>
      </c>
      <c r="AF41545">
        <v>14</v>
      </c>
      <c r="AG41545">
        <v>14</v>
      </c>
      <c r="AH41545">
        <v>14</v>
      </c>
      <c r="AI41545">
        <v>14</v>
      </c>
      <c r="AJ41545">
        <v>14</v>
      </c>
      <c r="AK41545">
        <v>14</v>
      </c>
      <c r="AL41545">
        <v>14</v>
      </c>
      <c r="AM41545">
        <v>14</v>
      </c>
      <c r="AN41545">
        <v>14</v>
      </c>
      <c r="AO41545">
        <v>13</v>
      </c>
      <c r="AP41545">
        <v>13</v>
      </c>
      <c r="AQ41545">
        <v>13</v>
      </c>
    </row>
    <row r="41546" spans="1:43">
      <c r="A41546" t="s">
        <v>25577</v>
      </c>
      <c r="B41546" t="s">
        <v>25578</v>
      </c>
      <c r="C41546" t="s">
        <v>4366</v>
      </c>
      <c r="D41546" t="s">
        <v>4367</v>
      </c>
      <c r="E41546" t="s">
        <v>4236</v>
      </c>
      <c r="F41546" t="s">
        <v>4237</v>
      </c>
      <c r="G41546" t="s">
        <v>80</v>
      </c>
      <c r="H41546" t="s">
        <v>81</v>
      </c>
      <c r="I41546" s="2">
        <v>1</v>
      </c>
      <c r="J41546" s="2">
        <v>0</v>
      </c>
      <c r="K41546" s="2">
        <v>0</v>
      </c>
      <c r="L41546" t="s">
        <v>120</v>
      </c>
      <c r="M41546" t="s">
        <v>83</v>
      </c>
      <c r="N41546" t="s">
        <v>84</v>
      </c>
      <c r="O41546" t="s">
        <v>85</v>
      </c>
      <c r="P41546" t="s">
        <v>86</v>
      </c>
      <c r="Q41546">
        <v>27</v>
      </c>
      <c r="R41546">
        <v>27</v>
      </c>
      <c r="S41546">
        <v>27</v>
      </c>
      <c r="T41546">
        <v>28</v>
      </c>
      <c r="U41546">
        <v>28</v>
      </c>
      <c r="V41546">
        <v>28</v>
      </c>
      <c r="W41546">
        <v>28</v>
      </c>
      <c r="X41546">
        <v>29</v>
      </c>
      <c r="Y41546">
        <v>29</v>
      </c>
      <c r="Z41546">
        <v>29</v>
      </c>
      <c r="AA41546">
        <v>29</v>
      </c>
      <c r="AB41546">
        <v>29</v>
      </c>
      <c r="AC41546">
        <v>29</v>
      </c>
      <c r="AD41546">
        <v>30</v>
      </c>
      <c r="AE41546">
        <v>30</v>
      </c>
      <c r="AF41546">
        <v>30</v>
      </c>
      <c r="AG41546">
        <v>30</v>
      </c>
      <c r="AH41546">
        <v>30</v>
      </c>
      <c r="AI41546">
        <v>30</v>
      </c>
      <c r="AJ41546">
        <v>30</v>
      </c>
      <c r="AK41546">
        <v>30</v>
      </c>
      <c r="AL41546">
        <v>30</v>
      </c>
      <c r="AM41546">
        <v>30</v>
      </c>
      <c r="AN41546">
        <v>30</v>
      </c>
      <c r="AO41546">
        <v>29</v>
      </c>
      <c r="AP41546">
        <v>29</v>
      </c>
      <c r="AQ41546">
        <v>29</v>
      </c>
    </row>
    <row r="41547" spans="1:43">
      <c r="A41547" t="s">
        <v>25577</v>
      </c>
      <c r="B41547" t="s">
        <v>25578</v>
      </c>
      <c r="C41547" t="s">
        <v>4366</v>
      </c>
      <c r="D41547" t="s">
        <v>4367</v>
      </c>
      <c r="E41547" t="s">
        <v>4236</v>
      </c>
      <c r="F41547" t="s">
        <v>4237</v>
      </c>
      <c r="G41547" t="s">
        <v>80</v>
      </c>
      <c r="H41547" t="s">
        <v>81</v>
      </c>
      <c r="I41547" s="2">
        <v>1</v>
      </c>
      <c r="J41547" s="2">
        <v>0</v>
      </c>
      <c r="K41547" s="2">
        <v>0</v>
      </c>
      <c r="L41547" t="s">
        <v>120</v>
      </c>
      <c r="M41547" t="s">
        <v>87</v>
      </c>
      <c r="N41547" t="s">
        <v>88</v>
      </c>
      <c r="O41547" t="s">
        <v>85</v>
      </c>
      <c r="P41547" t="s">
        <v>86</v>
      </c>
      <c r="Q41547">
        <v>27</v>
      </c>
      <c r="R41547">
        <v>27</v>
      </c>
      <c r="S41547">
        <v>28</v>
      </c>
      <c r="T41547">
        <v>28</v>
      </c>
      <c r="U41547">
        <v>28</v>
      </c>
      <c r="V41547">
        <v>28</v>
      </c>
      <c r="W41547">
        <v>28</v>
      </c>
      <c r="X41547">
        <v>28</v>
      </c>
      <c r="Y41547">
        <v>28</v>
      </c>
      <c r="Z41547">
        <v>28</v>
      </c>
      <c r="AA41547">
        <v>28</v>
      </c>
      <c r="AB41547">
        <v>27</v>
      </c>
      <c r="AC41547">
        <v>27</v>
      </c>
      <c r="AD41547">
        <v>27</v>
      </c>
      <c r="AE41547">
        <v>27</v>
      </c>
      <c r="AF41547">
        <v>27</v>
      </c>
      <c r="AG41547">
        <v>27</v>
      </c>
      <c r="AH41547">
        <v>27</v>
      </c>
      <c r="AI41547">
        <v>27</v>
      </c>
      <c r="AJ41547">
        <v>27</v>
      </c>
      <c r="AK41547">
        <v>27</v>
      </c>
      <c r="AL41547">
        <v>27</v>
      </c>
      <c r="AM41547">
        <v>27</v>
      </c>
      <c r="AN41547">
        <v>26</v>
      </c>
      <c r="AO41547">
        <v>26</v>
      </c>
      <c r="AP41547">
        <v>26</v>
      </c>
      <c r="AQ41547">
        <v>26</v>
      </c>
    </row>
    <row r="41548" spans="1:43">
      <c r="A41548" t="s">
        <v>25577</v>
      </c>
      <c r="B41548" t="s">
        <v>25578</v>
      </c>
      <c r="C41548" t="s">
        <v>4366</v>
      </c>
      <c r="D41548" t="s">
        <v>4367</v>
      </c>
      <c r="E41548" t="s">
        <v>4236</v>
      </c>
      <c r="F41548" t="s">
        <v>4237</v>
      </c>
      <c r="G41548" t="s">
        <v>80</v>
      </c>
      <c r="H41548" t="s">
        <v>81</v>
      </c>
      <c r="I41548" s="2">
        <v>1</v>
      </c>
      <c r="J41548" s="2">
        <v>0</v>
      </c>
      <c r="K41548" s="2">
        <v>0</v>
      </c>
      <c r="L41548" t="s">
        <v>120</v>
      </c>
      <c r="M41548" t="s">
        <v>89</v>
      </c>
      <c r="N41548" t="s">
        <v>90</v>
      </c>
      <c r="O41548" t="s">
        <v>85</v>
      </c>
      <c r="P41548" t="s">
        <v>86</v>
      </c>
      <c r="Q41548">
        <v>27</v>
      </c>
      <c r="R41548">
        <v>27</v>
      </c>
      <c r="S41548">
        <v>28</v>
      </c>
      <c r="T41548">
        <v>28</v>
      </c>
      <c r="U41548">
        <v>29</v>
      </c>
      <c r="V41548">
        <v>29</v>
      </c>
      <c r="W41548">
        <v>30</v>
      </c>
      <c r="X41548">
        <v>30</v>
      </c>
      <c r="Y41548">
        <v>30</v>
      </c>
      <c r="Z41548">
        <v>31</v>
      </c>
      <c r="AA41548">
        <v>31</v>
      </c>
      <c r="AB41548">
        <v>31</v>
      </c>
      <c r="AC41548">
        <v>32</v>
      </c>
      <c r="AD41548">
        <v>32</v>
      </c>
      <c r="AE41548">
        <v>32</v>
      </c>
      <c r="AF41548">
        <v>32</v>
      </c>
      <c r="AG41548">
        <v>31</v>
      </c>
      <c r="AH41548">
        <v>31</v>
      </c>
      <c r="AI41548">
        <v>31</v>
      </c>
      <c r="AJ41548">
        <v>31</v>
      </c>
      <c r="AK41548">
        <v>31</v>
      </c>
      <c r="AL41548">
        <v>30</v>
      </c>
      <c r="AM41548">
        <v>30</v>
      </c>
      <c r="AN41548">
        <v>30</v>
      </c>
      <c r="AO41548">
        <v>30</v>
      </c>
      <c r="AP41548">
        <v>29</v>
      </c>
      <c r="AQ41548">
        <v>29</v>
      </c>
    </row>
    <row r="41549" spans="1:43">
      <c r="A41549" t="s">
        <v>25577</v>
      </c>
      <c r="B41549" t="s">
        <v>25578</v>
      </c>
      <c r="C41549" t="s">
        <v>4366</v>
      </c>
      <c r="D41549" t="s">
        <v>4367</v>
      </c>
      <c r="E41549" t="s">
        <v>4236</v>
      </c>
      <c r="F41549" t="s">
        <v>4237</v>
      </c>
      <c r="G41549" t="s">
        <v>80</v>
      </c>
      <c r="H41549" t="s">
        <v>81</v>
      </c>
      <c r="I41549" s="2">
        <v>1</v>
      </c>
      <c r="J41549" s="2">
        <v>0</v>
      </c>
      <c r="K41549" s="2">
        <v>0</v>
      </c>
      <c r="L41549" t="s">
        <v>120</v>
      </c>
      <c r="M41549" t="s">
        <v>83</v>
      </c>
      <c r="N41549" t="s">
        <v>91</v>
      </c>
      <c r="O41549" t="s">
        <v>85</v>
      </c>
      <c r="P41549" t="s">
        <v>86</v>
      </c>
      <c r="Q41549">
        <v>27</v>
      </c>
      <c r="R41549">
        <v>27</v>
      </c>
      <c r="S41549">
        <v>27</v>
      </c>
      <c r="T41549">
        <v>28</v>
      </c>
      <c r="U41549">
        <v>28</v>
      </c>
      <c r="V41549">
        <v>28</v>
      </c>
      <c r="W41549">
        <v>28</v>
      </c>
      <c r="X41549">
        <v>29</v>
      </c>
      <c r="Y41549">
        <v>29</v>
      </c>
      <c r="Z41549">
        <v>29</v>
      </c>
      <c r="AA41549">
        <v>29</v>
      </c>
      <c r="AB41549">
        <v>29</v>
      </c>
      <c r="AC41549">
        <v>29</v>
      </c>
      <c r="AD41549">
        <v>30</v>
      </c>
      <c r="AE41549">
        <v>30</v>
      </c>
      <c r="AF41549">
        <v>30</v>
      </c>
      <c r="AG41549">
        <v>30</v>
      </c>
      <c r="AH41549">
        <v>30</v>
      </c>
      <c r="AI41549">
        <v>30</v>
      </c>
      <c r="AJ41549">
        <v>30</v>
      </c>
      <c r="AK41549">
        <v>30</v>
      </c>
      <c r="AL41549">
        <v>30</v>
      </c>
      <c r="AM41549">
        <v>30</v>
      </c>
      <c r="AN41549">
        <v>30</v>
      </c>
      <c r="AO41549">
        <v>29</v>
      </c>
      <c r="AP41549">
        <v>29</v>
      </c>
      <c r="AQ41549">
        <v>29</v>
      </c>
    </row>
    <row r="41550" spans="1:43">
      <c r="A41550" t="s">
        <v>25579</v>
      </c>
      <c r="B41550" t="s">
        <v>25580</v>
      </c>
      <c r="C41550" t="s">
        <v>12775</v>
      </c>
      <c r="D41550" t="s">
        <v>12776</v>
      </c>
      <c r="E41550" t="s">
        <v>12580</v>
      </c>
      <c r="F41550" t="s">
        <v>12581</v>
      </c>
      <c r="G41550" t="s">
        <v>12582</v>
      </c>
      <c r="H41550" t="s">
        <v>12581</v>
      </c>
      <c r="I41550" s="2">
        <v>1</v>
      </c>
      <c r="J41550" s="2">
        <v>0</v>
      </c>
      <c r="K41550" s="2">
        <v>0</v>
      </c>
      <c r="L41550" t="s">
        <v>120</v>
      </c>
      <c r="M41550" t="s">
        <v>83</v>
      </c>
      <c r="N41550" t="s">
        <v>84</v>
      </c>
      <c r="O41550" t="s">
        <v>85</v>
      </c>
      <c r="P41550" t="s">
        <v>86</v>
      </c>
      <c r="Q41550">
        <v>15</v>
      </c>
      <c r="R41550">
        <v>15</v>
      </c>
      <c r="S41550">
        <v>15</v>
      </c>
      <c r="T41550">
        <v>16</v>
      </c>
      <c r="U41550">
        <v>16</v>
      </c>
      <c r="V41550">
        <v>16</v>
      </c>
      <c r="W41550">
        <v>16</v>
      </c>
      <c r="X41550">
        <v>17</v>
      </c>
      <c r="Y41550">
        <v>17</v>
      </c>
      <c r="Z41550">
        <v>17</v>
      </c>
      <c r="AA41550">
        <v>17</v>
      </c>
      <c r="AB41550">
        <v>18</v>
      </c>
      <c r="AC41550">
        <v>18</v>
      </c>
      <c r="AD41550">
        <v>18</v>
      </c>
      <c r="AE41550">
        <v>18</v>
      </c>
      <c r="AF41550">
        <v>19</v>
      </c>
      <c r="AG41550">
        <v>19</v>
      </c>
      <c r="AH41550">
        <v>19</v>
      </c>
      <c r="AI41550">
        <v>19</v>
      </c>
      <c r="AJ41550">
        <v>20</v>
      </c>
      <c r="AK41550">
        <v>20</v>
      </c>
      <c r="AL41550">
        <v>20</v>
      </c>
      <c r="AM41550">
        <v>20</v>
      </c>
      <c r="AN41550">
        <v>20</v>
      </c>
      <c r="AO41550">
        <v>20</v>
      </c>
      <c r="AP41550">
        <v>20</v>
      </c>
      <c r="AQ41550">
        <v>20</v>
      </c>
    </row>
    <row r="41551" spans="1:43">
      <c r="A41551" t="s">
        <v>25579</v>
      </c>
      <c r="B41551" t="s">
        <v>25580</v>
      </c>
      <c r="C41551" t="s">
        <v>12775</v>
      </c>
      <c r="D41551" t="s">
        <v>12776</v>
      </c>
      <c r="E41551" t="s">
        <v>12580</v>
      </c>
      <c r="F41551" t="s">
        <v>12581</v>
      </c>
      <c r="G41551" t="s">
        <v>12582</v>
      </c>
      <c r="H41551" t="s">
        <v>12581</v>
      </c>
      <c r="I41551" s="2">
        <v>1</v>
      </c>
      <c r="J41551" s="2">
        <v>0</v>
      </c>
      <c r="K41551" s="2">
        <v>0</v>
      </c>
      <c r="L41551" t="s">
        <v>120</v>
      </c>
      <c r="M41551" t="s">
        <v>87</v>
      </c>
      <c r="N41551" t="s">
        <v>88</v>
      </c>
      <c r="O41551" t="s">
        <v>85</v>
      </c>
      <c r="P41551" t="s">
        <v>86</v>
      </c>
      <c r="Q41551">
        <v>15</v>
      </c>
      <c r="R41551">
        <v>15</v>
      </c>
      <c r="S41551">
        <v>15</v>
      </c>
      <c r="T41551">
        <v>15</v>
      </c>
      <c r="U41551">
        <v>15</v>
      </c>
      <c r="V41551">
        <v>15</v>
      </c>
      <c r="W41551">
        <v>15</v>
      </c>
      <c r="X41551">
        <v>15</v>
      </c>
      <c r="Y41551">
        <v>16</v>
      </c>
      <c r="Z41551">
        <v>16</v>
      </c>
      <c r="AA41551">
        <v>16</v>
      </c>
      <c r="AB41551">
        <v>16</v>
      </c>
      <c r="AC41551">
        <v>16</v>
      </c>
      <c r="AD41551">
        <v>16</v>
      </c>
      <c r="AE41551">
        <v>16</v>
      </c>
      <c r="AF41551">
        <v>16</v>
      </c>
      <c r="AG41551">
        <v>16</v>
      </c>
      <c r="AH41551">
        <v>17</v>
      </c>
      <c r="AI41551">
        <v>17</v>
      </c>
      <c r="AJ41551">
        <v>17</v>
      </c>
      <c r="AK41551">
        <v>17</v>
      </c>
      <c r="AL41551">
        <v>17</v>
      </c>
      <c r="AM41551">
        <v>17</v>
      </c>
      <c r="AN41551">
        <v>17</v>
      </c>
      <c r="AO41551">
        <v>17</v>
      </c>
      <c r="AP41551">
        <v>18</v>
      </c>
      <c r="AQ41551">
        <v>18</v>
      </c>
    </row>
    <row r="41552" spans="1:43">
      <c r="A41552" t="s">
        <v>25579</v>
      </c>
      <c r="B41552" t="s">
        <v>25580</v>
      </c>
      <c r="C41552" t="s">
        <v>12775</v>
      </c>
      <c r="D41552" t="s">
        <v>12776</v>
      </c>
      <c r="E41552" t="s">
        <v>12580</v>
      </c>
      <c r="F41552" t="s">
        <v>12581</v>
      </c>
      <c r="G41552" t="s">
        <v>12582</v>
      </c>
      <c r="H41552" t="s">
        <v>12581</v>
      </c>
      <c r="I41552" s="2">
        <v>1</v>
      </c>
      <c r="J41552" s="2">
        <v>0</v>
      </c>
      <c r="K41552" s="2">
        <v>0</v>
      </c>
      <c r="L41552" t="s">
        <v>120</v>
      </c>
      <c r="M41552" t="s">
        <v>89</v>
      </c>
      <c r="N41552" t="s">
        <v>90</v>
      </c>
      <c r="O41552" t="s">
        <v>85</v>
      </c>
      <c r="P41552" t="s">
        <v>86</v>
      </c>
      <c r="Q41552">
        <v>15</v>
      </c>
      <c r="R41552">
        <v>15</v>
      </c>
      <c r="S41552">
        <v>16</v>
      </c>
      <c r="T41552">
        <v>16</v>
      </c>
      <c r="U41552">
        <v>16</v>
      </c>
      <c r="V41552">
        <v>17</v>
      </c>
      <c r="W41552">
        <v>17</v>
      </c>
      <c r="X41552">
        <v>17</v>
      </c>
      <c r="Y41552">
        <v>18</v>
      </c>
      <c r="Z41552">
        <v>18</v>
      </c>
      <c r="AA41552">
        <v>18</v>
      </c>
      <c r="AB41552">
        <v>19</v>
      </c>
      <c r="AC41552">
        <v>19</v>
      </c>
      <c r="AD41552">
        <v>19</v>
      </c>
      <c r="AE41552">
        <v>20</v>
      </c>
      <c r="AF41552">
        <v>20</v>
      </c>
      <c r="AG41552">
        <v>20</v>
      </c>
      <c r="AH41552">
        <v>20</v>
      </c>
      <c r="AI41552">
        <v>20</v>
      </c>
      <c r="AJ41552">
        <v>20</v>
      </c>
      <c r="AK41552">
        <v>20</v>
      </c>
      <c r="AL41552">
        <v>20</v>
      </c>
      <c r="AM41552">
        <v>20</v>
      </c>
      <c r="AN41552">
        <v>20</v>
      </c>
      <c r="AO41552">
        <v>20</v>
      </c>
      <c r="AP41552">
        <v>20</v>
      </c>
      <c r="AQ41552">
        <v>20</v>
      </c>
    </row>
    <row r="41553" spans="1:43">
      <c r="A41553" t="s">
        <v>25579</v>
      </c>
      <c r="B41553" t="s">
        <v>25580</v>
      </c>
      <c r="C41553" t="s">
        <v>12775</v>
      </c>
      <c r="D41553" t="s">
        <v>12776</v>
      </c>
      <c r="E41553" t="s">
        <v>12580</v>
      </c>
      <c r="F41553" t="s">
        <v>12581</v>
      </c>
      <c r="G41553" t="s">
        <v>12582</v>
      </c>
      <c r="H41553" t="s">
        <v>12581</v>
      </c>
      <c r="I41553" s="2">
        <v>1</v>
      </c>
      <c r="J41553" s="2">
        <v>0</v>
      </c>
      <c r="K41553" s="2">
        <v>0</v>
      </c>
      <c r="L41553" t="s">
        <v>120</v>
      </c>
      <c r="M41553" t="s">
        <v>83</v>
      </c>
      <c r="N41553" t="s">
        <v>91</v>
      </c>
      <c r="O41553" t="s">
        <v>85</v>
      </c>
      <c r="P41553" t="s">
        <v>86</v>
      </c>
      <c r="Q41553">
        <v>15</v>
      </c>
      <c r="R41553">
        <v>15</v>
      </c>
      <c r="S41553">
        <v>15</v>
      </c>
      <c r="T41553">
        <v>16</v>
      </c>
      <c r="U41553">
        <v>16</v>
      </c>
      <c r="V41553">
        <v>16</v>
      </c>
      <c r="W41553">
        <v>16</v>
      </c>
      <c r="X41553">
        <v>17</v>
      </c>
      <c r="Y41553">
        <v>17</v>
      </c>
      <c r="Z41553">
        <v>17</v>
      </c>
      <c r="AA41553">
        <v>17</v>
      </c>
      <c r="AB41553">
        <v>18</v>
      </c>
      <c r="AC41553">
        <v>18</v>
      </c>
      <c r="AD41553">
        <v>18</v>
      </c>
      <c r="AE41553">
        <v>18</v>
      </c>
      <c r="AF41553">
        <v>19</v>
      </c>
      <c r="AG41553">
        <v>19</v>
      </c>
      <c r="AH41553">
        <v>19</v>
      </c>
      <c r="AI41553">
        <v>19</v>
      </c>
      <c r="AJ41553">
        <v>20</v>
      </c>
      <c r="AK41553">
        <v>20</v>
      </c>
      <c r="AL41553">
        <v>20</v>
      </c>
      <c r="AM41553">
        <v>20</v>
      </c>
      <c r="AN41553">
        <v>20</v>
      </c>
      <c r="AO41553">
        <v>20</v>
      </c>
      <c r="AP41553">
        <v>20</v>
      </c>
      <c r="AQ41553">
        <v>20</v>
      </c>
    </row>
    <row r="41554" spans="1:43">
      <c r="A41554" t="s">
        <v>25581</v>
      </c>
      <c r="B41554" t="s">
        <v>25582</v>
      </c>
      <c r="C41554" t="s">
        <v>12775</v>
      </c>
      <c r="D41554" t="s">
        <v>12776</v>
      </c>
      <c r="E41554" t="s">
        <v>12580</v>
      </c>
      <c r="F41554" t="s">
        <v>12581</v>
      </c>
      <c r="G41554" t="s">
        <v>12582</v>
      </c>
      <c r="H41554" t="s">
        <v>12581</v>
      </c>
      <c r="I41554" s="2">
        <v>1</v>
      </c>
      <c r="J41554" s="2">
        <v>0</v>
      </c>
      <c r="K41554" s="2">
        <v>0</v>
      </c>
      <c r="L41554" t="s">
        <v>120</v>
      </c>
      <c r="M41554" t="s">
        <v>83</v>
      </c>
      <c r="N41554" t="s">
        <v>84</v>
      </c>
      <c r="O41554" t="s">
        <v>85</v>
      </c>
      <c r="P41554" t="s">
        <v>86</v>
      </c>
      <c r="Q41554">
        <v>9</v>
      </c>
      <c r="R41554">
        <v>9</v>
      </c>
      <c r="S41554">
        <v>10</v>
      </c>
      <c r="T41554">
        <v>10</v>
      </c>
      <c r="U41554">
        <v>10</v>
      </c>
      <c r="V41554">
        <v>10</v>
      </c>
      <c r="W41554">
        <v>10</v>
      </c>
      <c r="X41554">
        <v>10</v>
      </c>
      <c r="Y41554">
        <v>11</v>
      </c>
      <c r="Z41554">
        <v>11</v>
      </c>
      <c r="AA41554">
        <v>11</v>
      </c>
      <c r="AB41554">
        <v>11</v>
      </c>
      <c r="AC41554">
        <v>11</v>
      </c>
      <c r="AD41554">
        <v>11</v>
      </c>
      <c r="AE41554">
        <v>11</v>
      </c>
      <c r="AF41554">
        <v>12</v>
      </c>
      <c r="AG41554">
        <v>12</v>
      </c>
      <c r="AH41554">
        <v>12</v>
      </c>
      <c r="AI41554">
        <v>12</v>
      </c>
      <c r="AJ41554">
        <v>12</v>
      </c>
      <c r="AK41554">
        <v>12</v>
      </c>
      <c r="AL41554">
        <v>12</v>
      </c>
      <c r="AM41554">
        <v>12</v>
      </c>
      <c r="AN41554">
        <v>13</v>
      </c>
      <c r="AO41554">
        <v>13</v>
      </c>
      <c r="AP41554">
        <v>13</v>
      </c>
      <c r="AQ41554">
        <v>13</v>
      </c>
    </row>
    <row r="41555" spans="1:43">
      <c r="A41555" t="s">
        <v>25581</v>
      </c>
      <c r="B41555" t="s">
        <v>25582</v>
      </c>
      <c r="C41555" t="s">
        <v>12775</v>
      </c>
      <c r="D41555" t="s">
        <v>12776</v>
      </c>
      <c r="E41555" t="s">
        <v>12580</v>
      </c>
      <c r="F41555" t="s">
        <v>12581</v>
      </c>
      <c r="G41555" t="s">
        <v>12582</v>
      </c>
      <c r="H41555" t="s">
        <v>12581</v>
      </c>
      <c r="I41555" s="2">
        <v>1</v>
      </c>
      <c r="J41555" s="2">
        <v>0</v>
      </c>
      <c r="K41555" s="2">
        <v>0</v>
      </c>
      <c r="L41555" t="s">
        <v>120</v>
      </c>
      <c r="M41555" t="s">
        <v>87</v>
      </c>
      <c r="N41555" t="s">
        <v>88</v>
      </c>
      <c r="O41555" t="s">
        <v>85</v>
      </c>
      <c r="P41555" t="s">
        <v>86</v>
      </c>
      <c r="Q41555">
        <v>9</v>
      </c>
      <c r="R41555">
        <v>9</v>
      </c>
      <c r="S41555">
        <v>9</v>
      </c>
      <c r="T41555">
        <v>9</v>
      </c>
      <c r="U41555">
        <v>9</v>
      </c>
      <c r="V41555">
        <v>10</v>
      </c>
      <c r="W41555">
        <v>10</v>
      </c>
      <c r="X41555">
        <v>10</v>
      </c>
      <c r="Y41555">
        <v>10</v>
      </c>
      <c r="Z41555">
        <v>10</v>
      </c>
      <c r="AA41555">
        <v>10</v>
      </c>
      <c r="AB41555">
        <v>10</v>
      </c>
      <c r="AC41555">
        <v>10</v>
      </c>
      <c r="AD41555">
        <v>10</v>
      </c>
      <c r="AE41555">
        <v>10</v>
      </c>
      <c r="AF41555">
        <v>10</v>
      </c>
      <c r="AG41555">
        <v>10</v>
      </c>
      <c r="AH41555">
        <v>10</v>
      </c>
      <c r="AI41555">
        <v>10</v>
      </c>
      <c r="AJ41555">
        <v>11</v>
      </c>
      <c r="AK41555">
        <v>11</v>
      </c>
      <c r="AL41555">
        <v>11</v>
      </c>
      <c r="AM41555">
        <v>11</v>
      </c>
      <c r="AN41555">
        <v>11</v>
      </c>
      <c r="AO41555">
        <v>11</v>
      </c>
      <c r="AP41555">
        <v>11</v>
      </c>
      <c r="AQ41555">
        <v>11</v>
      </c>
    </row>
    <row r="41556" spans="1:43">
      <c r="A41556" t="s">
        <v>25581</v>
      </c>
      <c r="B41556" t="s">
        <v>25582</v>
      </c>
      <c r="C41556" t="s">
        <v>12775</v>
      </c>
      <c r="D41556" t="s">
        <v>12776</v>
      </c>
      <c r="E41556" t="s">
        <v>12580</v>
      </c>
      <c r="F41556" t="s">
        <v>12581</v>
      </c>
      <c r="G41556" t="s">
        <v>12582</v>
      </c>
      <c r="H41556" t="s">
        <v>12581</v>
      </c>
      <c r="I41556" s="2">
        <v>1</v>
      </c>
      <c r="J41556" s="2">
        <v>0</v>
      </c>
      <c r="K41556" s="2">
        <v>0</v>
      </c>
      <c r="L41556" t="s">
        <v>120</v>
      </c>
      <c r="M41556" t="s">
        <v>89</v>
      </c>
      <c r="N41556" t="s">
        <v>90</v>
      </c>
      <c r="O41556" t="s">
        <v>85</v>
      </c>
      <c r="P41556" t="s">
        <v>86</v>
      </c>
      <c r="Q41556">
        <v>9</v>
      </c>
      <c r="R41556">
        <v>10</v>
      </c>
      <c r="S41556">
        <v>10</v>
      </c>
      <c r="T41556">
        <v>10</v>
      </c>
      <c r="U41556">
        <v>10</v>
      </c>
      <c r="V41556">
        <v>11</v>
      </c>
      <c r="W41556">
        <v>11</v>
      </c>
      <c r="X41556">
        <v>11</v>
      </c>
      <c r="Y41556">
        <v>11</v>
      </c>
      <c r="Z41556">
        <v>11</v>
      </c>
      <c r="AA41556">
        <v>12</v>
      </c>
      <c r="AB41556">
        <v>12</v>
      </c>
      <c r="AC41556">
        <v>12</v>
      </c>
      <c r="AD41556">
        <v>12</v>
      </c>
      <c r="AE41556">
        <v>12</v>
      </c>
      <c r="AF41556">
        <v>12</v>
      </c>
      <c r="AG41556">
        <v>12</v>
      </c>
      <c r="AH41556">
        <v>12</v>
      </c>
      <c r="AI41556">
        <v>12</v>
      </c>
      <c r="AJ41556">
        <v>12</v>
      </c>
      <c r="AK41556">
        <v>13</v>
      </c>
      <c r="AL41556">
        <v>13</v>
      </c>
      <c r="AM41556">
        <v>13</v>
      </c>
      <c r="AN41556">
        <v>13</v>
      </c>
      <c r="AO41556">
        <v>13</v>
      </c>
      <c r="AP41556">
        <v>13</v>
      </c>
      <c r="AQ41556">
        <v>13</v>
      </c>
    </row>
    <row r="41557" spans="1:43">
      <c r="A41557" t="s">
        <v>25581</v>
      </c>
      <c r="B41557" t="s">
        <v>25582</v>
      </c>
      <c r="C41557" t="s">
        <v>12775</v>
      </c>
      <c r="D41557" t="s">
        <v>12776</v>
      </c>
      <c r="E41557" t="s">
        <v>12580</v>
      </c>
      <c r="F41557" t="s">
        <v>12581</v>
      </c>
      <c r="G41557" t="s">
        <v>12582</v>
      </c>
      <c r="H41557" t="s">
        <v>12581</v>
      </c>
      <c r="I41557" s="2">
        <v>1</v>
      </c>
      <c r="J41557" s="2">
        <v>0</v>
      </c>
      <c r="K41557" s="2">
        <v>0</v>
      </c>
      <c r="L41557" t="s">
        <v>120</v>
      </c>
      <c r="M41557" t="s">
        <v>83</v>
      </c>
      <c r="N41557" t="s">
        <v>91</v>
      </c>
      <c r="O41557" t="s">
        <v>85</v>
      </c>
      <c r="P41557" t="s">
        <v>86</v>
      </c>
      <c r="Q41557">
        <v>9</v>
      </c>
      <c r="R41557">
        <v>9</v>
      </c>
      <c r="S41557">
        <v>10</v>
      </c>
      <c r="T41557">
        <v>10</v>
      </c>
      <c r="U41557">
        <v>10</v>
      </c>
      <c r="V41557">
        <v>10</v>
      </c>
      <c r="W41557">
        <v>10</v>
      </c>
      <c r="X41557">
        <v>10</v>
      </c>
      <c r="Y41557">
        <v>11</v>
      </c>
      <c r="Z41557">
        <v>11</v>
      </c>
      <c r="AA41557">
        <v>11</v>
      </c>
      <c r="AB41557">
        <v>11</v>
      </c>
      <c r="AC41557">
        <v>11</v>
      </c>
      <c r="AD41557">
        <v>11</v>
      </c>
      <c r="AE41557">
        <v>11</v>
      </c>
      <c r="AF41557">
        <v>12</v>
      </c>
      <c r="AG41557">
        <v>12</v>
      </c>
      <c r="AH41557">
        <v>12</v>
      </c>
      <c r="AI41557">
        <v>12</v>
      </c>
      <c r="AJ41557">
        <v>12</v>
      </c>
      <c r="AK41557">
        <v>12</v>
      </c>
      <c r="AL41557">
        <v>12</v>
      </c>
      <c r="AM41557">
        <v>12</v>
      </c>
      <c r="AN41557">
        <v>13</v>
      </c>
      <c r="AO41557">
        <v>13</v>
      </c>
      <c r="AP41557">
        <v>13</v>
      </c>
      <c r="AQ41557">
        <v>13</v>
      </c>
    </row>
    <row r="41558" spans="1:43">
      <c r="A41558" t="s">
        <v>25583</v>
      </c>
      <c r="B41558" t="s">
        <v>25584</v>
      </c>
      <c r="C41558" t="s">
        <v>12775</v>
      </c>
      <c r="D41558" t="s">
        <v>12776</v>
      </c>
      <c r="E41558" t="s">
        <v>12580</v>
      </c>
      <c r="F41558" t="s">
        <v>12581</v>
      </c>
      <c r="G41558" t="s">
        <v>12582</v>
      </c>
      <c r="H41558" t="s">
        <v>12581</v>
      </c>
      <c r="I41558" s="2">
        <v>1</v>
      </c>
      <c r="J41558" s="2">
        <v>0</v>
      </c>
      <c r="K41558" s="2">
        <v>0</v>
      </c>
      <c r="L41558" t="s">
        <v>120</v>
      </c>
      <c r="M41558" t="s">
        <v>83</v>
      </c>
      <c r="N41558" t="s">
        <v>84</v>
      </c>
      <c r="O41558" t="s">
        <v>85</v>
      </c>
      <c r="P41558" t="s">
        <v>86</v>
      </c>
      <c r="Q41558">
        <v>2</v>
      </c>
      <c r="R41558">
        <v>2</v>
      </c>
      <c r="S41558">
        <v>2</v>
      </c>
      <c r="T41558">
        <v>2</v>
      </c>
      <c r="U41558">
        <v>2</v>
      </c>
      <c r="V41558">
        <v>2</v>
      </c>
      <c r="W41558">
        <v>2</v>
      </c>
      <c r="X41558">
        <v>2</v>
      </c>
      <c r="Y41558">
        <v>2</v>
      </c>
      <c r="Z41558">
        <v>2</v>
      </c>
      <c r="AA41558">
        <v>2</v>
      </c>
      <c r="AB41558">
        <v>2</v>
      </c>
      <c r="AC41558">
        <v>2</v>
      </c>
      <c r="AD41558">
        <v>2</v>
      </c>
      <c r="AE41558">
        <v>2</v>
      </c>
      <c r="AF41558">
        <v>2</v>
      </c>
      <c r="AG41558">
        <v>2</v>
      </c>
      <c r="AH41558">
        <v>2</v>
      </c>
      <c r="AI41558">
        <v>2</v>
      </c>
      <c r="AJ41558">
        <v>2</v>
      </c>
      <c r="AK41558">
        <v>2</v>
      </c>
      <c r="AL41558">
        <v>2</v>
      </c>
      <c r="AM41558">
        <v>2</v>
      </c>
      <c r="AN41558">
        <v>2</v>
      </c>
      <c r="AO41558">
        <v>2</v>
      </c>
      <c r="AP41558">
        <v>2</v>
      </c>
      <c r="AQ41558">
        <v>2</v>
      </c>
    </row>
    <row r="41559" spans="1:43">
      <c r="A41559" t="s">
        <v>25583</v>
      </c>
      <c r="B41559" t="s">
        <v>25584</v>
      </c>
      <c r="C41559" t="s">
        <v>12775</v>
      </c>
      <c r="D41559" t="s">
        <v>12776</v>
      </c>
      <c r="E41559" t="s">
        <v>12580</v>
      </c>
      <c r="F41559" t="s">
        <v>12581</v>
      </c>
      <c r="G41559" t="s">
        <v>12582</v>
      </c>
      <c r="H41559" t="s">
        <v>12581</v>
      </c>
      <c r="I41559" s="2">
        <v>1</v>
      </c>
      <c r="J41559" s="2">
        <v>0</v>
      </c>
      <c r="K41559" s="2">
        <v>0</v>
      </c>
      <c r="L41559" t="s">
        <v>120</v>
      </c>
      <c r="M41559" t="s">
        <v>87</v>
      </c>
      <c r="N41559" t="s">
        <v>88</v>
      </c>
      <c r="O41559" t="s">
        <v>85</v>
      </c>
      <c r="P41559" t="s">
        <v>86</v>
      </c>
      <c r="Q41559">
        <v>2</v>
      </c>
      <c r="R41559">
        <v>2</v>
      </c>
      <c r="S41559">
        <v>2</v>
      </c>
      <c r="T41559">
        <v>2</v>
      </c>
      <c r="U41559">
        <v>2</v>
      </c>
      <c r="V41559">
        <v>2</v>
      </c>
      <c r="W41559">
        <v>2</v>
      </c>
      <c r="X41559">
        <v>2</v>
      </c>
      <c r="Y41559">
        <v>2</v>
      </c>
      <c r="Z41559">
        <v>2</v>
      </c>
      <c r="AA41559">
        <v>2</v>
      </c>
      <c r="AB41559">
        <v>2</v>
      </c>
      <c r="AC41559">
        <v>2</v>
      </c>
      <c r="AD41559">
        <v>2</v>
      </c>
      <c r="AE41559">
        <v>2</v>
      </c>
      <c r="AF41559">
        <v>2</v>
      </c>
      <c r="AG41559">
        <v>2</v>
      </c>
      <c r="AH41559">
        <v>2</v>
      </c>
      <c r="AI41559">
        <v>2</v>
      </c>
      <c r="AJ41559">
        <v>2</v>
      </c>
      <c r="AK41559">
        <v>2</v>
      </c>
      <c r="AL41559">
        <v>2</v>
      </c>
      <c r="AM41559">
        <v>2</v>
      </c>
      <c r="AN41559">
        <v>2</v>
      </c>
      <c r="AO41559">
        <v>2</v>
      </c>
      <c r="AP41559">
        <v>2</v>
      </c>
      <c r="AQ41559">
        <v>2</v>
      </c>
    </row>
    <row r="41560" spans="1:43">
      <c r="A41560" t="s">
        <v>25583</v>
      </c>
      <c r="B41560" t="s">
        <v>25584</v>
      </c>
      <c r="C41560" t="s">
        <v>12775</v>
      </c>
      <c r="D41560" t="s">
        <v>12776</v>
      </c>
      <c r="E41560" t="s">
        <v>12580</v>
      </c>
      <c r="F41560" t="s">
        <v>12581</v>
      </c>
      <c r="G41560" t="s">
        <v>12582</v>
      </c>
      <c r="H41560" t="s">
        <v>12581</v>
      </c>
      <c r="I41560" s="2">
        <v>1</v>
      </c>
      <c r="J41560" s="2">
        <v>0</v>
      </c>
      <c r="K41560" s="2">
        <v>0</v>
      </c>
      <c r="L41560" t="s">
        <v>120</v>
      </c>
      <c r="M41560" t="s">
        <v>89</v>
      </c>
      <c r="N41560" t="s">
        <v>90</v>
      </c>
      <c r="O41560" t="s">
        <v>85</v>
      </c>
      <c r="P41560" t="s">
        <v>86</v>
      </c>
      <c r="Q41560">
        <v>2</v>
      </c>
      <c r="R41560">
        <v>2</v>
      </c>
      <c r="S41560">
        <v>2</v>
      </c>
      <c r="T41560">
        <v>2</v>
      </c>
      <c r="U41560">
        <v>2</v>
      </c>
      <c r="V41560">
        <v>2</v>
      </c>
      <c r="W41560">
        <v>2</v>
      </c>
      <c r="X41560">
        <v>2</v>
      </c>
      <c r="Y41560">
        <v>2</v>
      </c>
      <c r="Z41560">
        <v>2</v>
      </c>
      <c r="AA41560">
        <v>2</v>
      </c>
      <c r="AB41560">
        <v>2</v>
      </c>
      <c r="AC41560">
        <v>2</v>
      </c>
      <c r="AD41560">
        <v>2</v>
      </c>
      <c r="AE41560">
        <v>2</v>
      </c>
      <c r="AF41560">
        <v>2</v>
      </c>
      <c r="AG41560">
        <v>2</v>
      </c>
      <c r="AH41560">
        <v>2</v>
      </c>
      <c r="AI41560">
        <v>2</v>
      </c>
      <c r="AJ41560">
        <v>2</v>
      </c>
      <c r="AK41560">
        <v>2</v>
      </c>
      <c r="AL41560">
        <v>2</v>
      </c>
      <c r="AM41560">
        <v>2</v>
      </c>
      <c r="AN41560">
        <v>2</v>
      </c>
      <c r="AO41560">
        <v>2</v>
      </c>
      <c r="AP41560">
        <v>2</v>
      </c>
      <c r="AQ41560">
        <v>2</v>
      </c>
    </row>
    <row r="41561" spans="1:43">
      <c r="A41561" t="s">
        <v>25583</v>
      </c>
      <c r="B41561" t="s">
        <v>25584</v>
      </c>
      <c r="C41561" t="s">
        <v>12775</v>
      </c>
      <c r="D41561" t="s">
        <v>12776</v>
      </c>
      <c r="E41561" t="s">
        <v>12580</v>
      </c>
      <c r="F41561" t="s">
        <v>12581</v>
      </c>
      <c r="G41561" t="s">
        <v>12582</v>
      </c>
      <c r="H41561" t="s">
        <v>12581</v>
      </c>
      <c r="I41561" s="2">
        <v>1</v>
      </c>
      <c r="J41561" s="2">
        <v>0</v>
      </c>
      <c r="K41561" s="2">
        <v>0</v>
      </c>
      <c r="L41561" t="s">
        <v>120</v>
      </c>
      <c r="M41561" t="s">
        <v>83</v>
      </c>
      <c r="N41561" t="s">
        <v>91</v>
      </c>
      <c r="O41561" t="s">
        <v>85</v>
      </c>
      <c r="P41561" t="s">
        <v>86</v>
      </c>
      <c r="Q41561">
        <v>2</v>
      </c>
      <c r="R41561">
        <v>2</v>
      </c>
      <c r="S41561">
        <v>2</v>
      </c>
      <c r="T41561">
        <v>2</v>
      </c>
      <c r="U41561">
        <v>2</v>
      </c>
      <c r="V41561">
        <v>2</v>
      </c>
      <c r="W41561">
        <v>2</v>
      </c>
      <c r="X41561">
        <v>2</v>
      </c>
      <c r="Y41561">
        <v>2</v>
      </c>
      <c r="Z41561">
        <v>2</v>
      </c>
      <c r="AA41561">
        <v>2</v>
      </c>
      <c r="AB41561">
        <v>2</v>
      </c>
      <c r="AC41561">
        <v>2</v>
      </c>
      <c r="AD41561">
        <v>2</v>
      </c>
      <c r="AE41561">
        <v>2</v>
      </c>
      <c r="AF41561">
        <v>2</v>
      </c>
      <c r="AG41561">
        <v>2</v>
      </c>
      <c r="AH41561">
        <v>2</v>
      </c>
      <c r="AI41561">
        <v>2</v>
      </c>
      <c r="AJ41561">
        <v>2</v>
      </c>
      <c r="AK41561">
        <v>2</v>
      </c>
      <c r="AL41561">
        <v>2</v>
      </c>
      <c r="AM41561">
        <v>2</v>
      </c>
      <c r="AN41561">
        <v>2</v>
      </c>
      <c r="AO41561">
        <v>2</v>
      </c>
      <c r="AP41561">
        <v>2</v>
      </c>
      <c r="AQ41561">
        <v>2</v>
      </c>
    </row>
    <row r="41562" spans="1:43">
      <c r="A41562" t="s">
        <v>25585</v>
      </c>
      <c r="B41562" t="s">
        <v>25586</v>
      </c>
      <c r="C41562" t="s">
        <v>12721</v>
      </c>
      <c r="D41562" t="s">
        <v>12722</v>
      </c>
      <c r="E41562" t="s">
        <v>12580</v>
      </c>
      <c r="F41562" t="s">
        <v>12581</v>
      </c>
      <c r="G41562" t="s">
        <v>12582</v>
      </c>
      <c r="H41562" t="s">
        <v>12581</v>
      </c>
      <c r="I41562" s="2">
        <v>1</v>
      </c>
      <c r="J41562" s="2">
        <v>0</v>
      </c>
      <c r="K41562" s="2">
        <v>0</v>
      </c>
      <c r="L41562" t="s">
        <v>120</v>
      </c>
      <c r="M41562" t="s">
        <v>83</v>
      </c>
      <c r="N41562" t="s">
        <v>84</v>
      </c>
      <c r="O41562" t="s">
        <v>85</v>
      </c>
      <c r="P41562" t="s">
        <v>86</v>
      </c>
      <c r="Q41562">
        <v>9</v>
      </c>
      <c r="R41562">
        <v>9</v>
      </c>
      <c r="S41562">
        <v>9</v>
      </c>
      <c r="T41562">
        <v>9</v>
      </c>
      <c r="U41562">
        <v>10</v>
      </c>
      <c r="V41562">
        <v>10</v>
      </c>
      <c r="W41562">
        <v>10</v>
      </c>
      <c r="X41562">
        <v>10</v>
      </c>
      <c r="Y41562">
        <v>10</v>
      </c>
      <c r="Z41562">
        <v>10</v>
      </c>
      <c r="AA41562">
        <v>10</v>
      </c>
      <c r="AB41562">
        <v>11</v>
      </c>
      <c r="AC41562">
        <v>11</v>
      </c>
      <c r="AD41562">
        <v>11</v>
      </c>
      <c r="AE41562">
        <v>11</v>
      </c>
      <c r="AF41562">
        <v>11</v>
      </c>
      <c r="AG41562">
        <v>11</v>
      </c>
      <c r="AH41562">
        <v>11</v>
      </c>
      <c r="AI41562">
        <v>12</v>
      </c>
      <c r="AJ41562">
        <v>12</v>
      </c>
      <c r="AK41562">
        <v>12</v>
      </c>
      <c r="AL41562">
        <v>12</v>
      </c>
      <c r="AM41562">
        <v>12</v>
      </c>
      <c r="AN41562">
        <v>12</v>
      </c>
      <c r="AO41562">
        <v>12</v>
      </c>
      <c r="AP41562">
        <v>12</v>
      </c>
      <c r="AQ41562">
        <v>12</v>
      </c>
    </row>
    <row r="41563" spans="1:43">
      <c r="A41563" t="s">
        <v>25585</v>
      </c>
      <c r="B41563" t="s">
        <v>25586</v>
      </c>
      <c r="C41563" t="s">
        <v>12721</v>
      </c>
      <c r="D41563" t="s">
        <v>12722</v>
      </c>
      <c r="E41563" t="s">
        <v>12580</v>
      </c>
      <c r="F41563" t="s">
        <v>12581</v>
      </c>
      <c r="G41563" t="s">
        <v>12582</v>
      </c>
      <c r="H41563" t="s">
        <v>12581</v>
      </c>
      <c r="I41563" s="2">
        <v>1</v>
      </c>
      <c r="J41563" s="2">
        <v>0</v>
      </c>
      <c r="K41563" s="2">
        <v>0</v>
      </c>
      <c r="L41563" t="s">
        <v>120</v>
      </c>
      <c r="M41563" t="s">
        <v>87</v>
      </c>
      <c r="N41563" t="s">
        <v>88</v>
      </c>
      <c r="O41563" t="s">
        <v>85</v>
      </c>
      <c r="P41563" t="s">
        <v>86</v>
      </c>
      <c r="Q41563">
        <v>9</v>
      </c>
      <c r="R41563">
        <v>9</v>
      </c>
      <c r="S41563">
        <v>9</v>
      </c>
      <c r="T41563">
        <v>9</v>
      </c>
      <c r="U41563">
        <v>9</v>
      </c>
      <c r="V41563">
        <v>9</v>
      </c>
      <c r="W41563">
        <v>9</v>
      </c>
      <c r="X41563">
        <v>9</v>
      </c>
      <c r="Y41563">
        <v>9</v>
      </c>
      <c r="Z41563">
        <v>9</v>
      </c>
      <c r="AA41563">
        <v>9</v>
      </c>
      <c r="AB41563">
        <v>10</v>
      </c>
      <c r="AC41563">
        <v>10</v>
      </c>
      <c r="AD41563">
        <v>10</v>
      </c>
      <c r="AE41563">
        <v>10</v>
      </c>
      <c r="AF41563">
        <v>10</v>
      </c>
      <c r="AG41563">
        <v>10</v>
      </c>
      <c r="AH41563">
        <v>10</v>
      </c>
      <c r="AI41563">
        <v>10</v>
      </c>
      <c r="AJ41563">
        <v>10</v>
      </c>
      <c r="AK41563">
        <v>10</v>
      </c>
      <c r="AL41563">
        <v>10</v>
      </c>
      <c r="AM41563">
        <v>10</v>
      </c>
      <c r="AN41563">
        <v>10</v>
      </c>
      <c r="AO41563">
        <v>10</v>
      </c>
      <c r="AP41563">
        <v>11</v>
      </c>
      <c r="AQ41563">
        <v>11</v>
      </c>
    </row>
    <row r="41564" spans="1:43">
      <c r="A41564" t="s">
        <v>25585</v>
      </c>
      <c r="B41564" t="s">
        <v>25586</v>
      </c>
      <c r="C41564" t="s">
        <v>12721</v>
      </c>
      <c r="D41564" t="s">
        <v>12722</v>
      </c>
      <c r="E41564" t="s">
        <v>12580</v>
      </c>
      <c r="F41564" t="s">
        <v>12581</v>
      </c>
      <c r="G41564" t="s">
        <v>12582</v>
      </c>
      <c r="H41564" t="s">
        <v>12581</v>
      </c>
      <c r="I41564" s="2">
        <v>1</v>
      </c>
      <c r="J41564" s="2">
        <v>0</v>
      </c>
      <c r="K41564" s="2">
        <v>0</v>
      </c>
      <c r="L41564" t="s">
        <v>120</v>
      </c>
      <c r="M41564" t="s">
        <v>89</v>
      </c>
      <c r="N41564" t="s">
        <v>90</v>
      </c>
      <c r="O41564" t="s">
        <v>85</v>
      </c>
      <c r="P41564" t="s">
        <v>86</v>
      </c>
      <c r="Q41564">
        <v>9</v>
      </c>
      <c r="R41564">
        <v>9</v>
      </c>
      <c r="S41564">
        <v>9</v>
      </c>
      <c r="T41564">
        <v>10</v>
      </c>
      <c r="U41564">
        <v>10</v>
      </c>
      <c r="V41564">
        <v>10</v>
      </c>
      <c r="W41564">
        <v>10</v>
      </c>
      <c r="X41564">
        <v>10</v>
      </c>
      <c r="Y41564">
        <v>11</v>
      </c>
      <c r="Z41564">
        <v>11</v>
      </c>
      <c r="AA41564">
        <v>11</v>
      </c>
      <c r="AB41564">
        <v>11</v>
      </c>
      <c r="AC41564">
        <v>11</v>
      </c>
      <c r="AD41564">
        <v>12</v>
      </c>
      <c r="AE41564">
        <v>12</v>
      </c>
      <c r="AF41564">
        <v>12</v>
      </c>
      <c r="AG41564">
        <v>12</v>
      </c>
      <c r="AH41564">
        <v>12</v>
      </c>
      <c r="AI41564">
        <v>12</v>
      </c>
      <c r="AJ41564">
        <v>12</v>
      </c>
      <c r="AK41564">
        <v>12</v>
      </c>
      <c r="AL41564">
        <v>12</v>
      </c>
      <c r="AM41564">
        <v>12</v>
      </c>
      <c r="AN41564">
        <v>12</v>
      </c>
      <c r="AO41564">
        <v>12</v>
      </c>
      <c r="AP41564">
        <v>12</v>
      </c>
      <c r="AQ41564">
        <v>12</v>
      </c>
    </row>
    <row r="41565" spans="1:43">
      <c r="A41565" t="s">
        <v>25585</v>
      </c>
      <c r="B41565" t="s">
        <v>25586</v>
      </c>
      <c r="C41565" t="s">
        <v>12721</v>
      </c>
      <c r="D41565" t="s">
        <v>12722</v>
      </c>
      <c r="E41565" t="s">
        <v>12580</v>
      </c>
      <c r="F41565" t="s">
        <v>12581</v>
      </c>
      <c r="G41565" t="s">
        <v>12582</v>
      </c>
      <c r="H41565" t="s">
        <v>12581</v>
      </c>
      <c r="I41565" s="2">
        <v>1</v>
      </c>
      <c r="J41565" s="2">
        <v>0</v>
      </c>
      <c r="K41565" s="2">
        <v>0</v>
      </c>
      <c r="L41565" t="s">
        <v>120</v>
      </c>
      <c r="M41565" t="s">
        <v>83</v>
      </c>
      <c r="N41565" t="s">
        <v>91</v>
      </c>
      <c r="O41565" t="s">
        <v>85</v>
      </c>
      <c r="P41565" t="s">
        <v>86</v>
      </c>
      <c r="Q41565">
        <v>9</v>
      </c>
      <c r="R41565">
        <v>9</v>
      </c>
      <c r="S41565">
        <v>9</v>
      </c>
      <c r="T41565">
        <v>9</v>
      </c>
      <c r="U41565">
        <v>10</v>
      </c>
      <c r="V41565">
        <v>10</v>
      </c>
      <c r="W41565">
        <v>10</v>
      </c>
      <c r="X41565">
        <v>10</v>
      </c>
      <c r="Y41565">
        <v>10</v>
      </c>
      <c r="Z41565">
        <v>10</v>
      </c>
      <c r="AA41565">
        <v>10</v>
      </c>
      <c r="AB41565">
        <v>11</v>
      </c>
      <c r="AC41565">
        <v>11</v>
      </c>
      <c r="AD41565">
        <v>11</v>
      </c>
      <c r="AE41565">
        <v>11</v>
      </c>
      <c r="AF41565">
        <v>11</v>
      </c>
      <c r="AG41565">
        <v>11</v>
      </c>
      <c r="AH41565">
        <v>11</v>
      </c>
      <c r="AI41565">
        <v>12</v>
      </c>
      <c r="AJ41565">
        <v>12</v>
      </c>
      <c r="AK41565">
        <v>12</v>
      </c>
      <c r="AL41565">
        <v>12</v>
      </c>
      <c r="AM41565">
        <v>12</v>
      </c>
      <c r="AN41565">
        <v>12</v>
      </c>
      <c r="AO41565">
        <v>12</v>
      </c>
      <c r="AP41565">
        <v>12</v>
      </c>
      <c r="AQ41565">
        <v>12</v>
      </c>
    </row>
    <row r="41566" spans="1:43">
      <c r="A41566" t="s">
        <v>25587</v>
      </c>
      <c r="B41566" t="s">
        <v>25588</v>
      </c>
      <c r="C41566" t="s">
        <v>12721</v>
      </c>
      <c r="D41566" t="s">
        <v>12722</v>
      </c>
      <c r="E41566" t="s">
        <v>12580</v>
      </c>
      <c r="F41566" t="s">
        <v>12581</v>
      </c>
      <c r="G41566" t="s">
        <v>12582</v>
      </c>
      <c r="H41566" t="s">
        <v>12581</v>
      </c>
      <c r="I41566" s="2">
        <v>1</v>
      </c>
      <c r="J41566" s="2">
        <v>0</v>
      </c>
      <c r="K41566" s="2">
        <v>0</v>
      </c>
      <c r="L41566" t="s">
        <v>120</v>
      </c>
      <c r="M41566" t="s">
        <v>83</v>
      </c>
      <c r="N41566" t="s">
        <v>84</v>
      </c>
      <c r="O41566" t="s">
        <v>85</v>
      </c>
      <c r="P41566" t="s">
        <v>86</v>
      </c>
      <c r="Q41566">
        <v>20</v>
      </c>
      <c r="R41566">
        <v>20</v>
      </c>
      <c r="S41566">
        <v>20</v>
      </c>
      <c r="T41566">
        <v>21</v>
      </c>
      <c r="U41566">
        <v>21</v>
      </c>
      <c r="V41566">
        <v>21</v>
      </c>
      <c r="W41566">
        <v>22</v>
      </c>
      <c r="X41566">
        <v>22</v>
      </c>
      <c r="Y41566">
        <v>22</v>
      </c>
      <c r="Z41566">
        <v>23</v>
      </c>
      <c r="AA41566">
        <v>23</v>
      </c>
      <c r="AB41566">
        <v>23</v>
      </c>
      <c r="AC41566">
        <v>24</v>
      </c>
      <c r="AD41566">
        <v>24</v>
      </c>
      <c r="AE41566">
        <v>24</v>
      </c>
      <c r="AF41566">
        <v>24</v>
      </c>
      <c r="AG41566">
        <v>25</v>
      </c>
      <c r="AH41566">
        <v>25</v>
      </c>
      <c r="AI41566">
        <v>25</v>
      </c>
      <c r="AJ41566">
        <v>26</v>
      </c>
      <c r="AK41566">
        <v>26</v>
      </c>
      <c r="AL41566">
        <v>26</v>
      </c>
      <c r="AM41566">
        <v>26</v>
      </c>
      <c r="AN41566">
        <v>26</v>
      </c>
      <c r="AO41566">
        <v>27</v>
      </c>
      <c r="AP41566">
        <v>27</v>
      </c>
      <c r="AQ41566">
        <v>27</v>
      </c>
    </row>
    <row r="41567" spans="1:43">
      <c r="A41567" t="s">
        <v>25587</v>
      </c>
      <c r="B41567" t="s">
        <v>25588</v>
      </c>
      <c r="C41567" t="s">
        <v>12721</v>
      </c>
      <c r="D41567" t="s">
        <v>12722</v>
      </c>
      <c r="E41567" t="s">
        <v>12580</v>
      </c>
      <c r="F41567" t="s">
        <v>12581</v>
      </c>
      <c r="G41567" t="s">
        <v>12582</v>
      </c>
      <c r="H41567" t="s">
        <v>12581</v>
      </c>
      <c r="I41567" s="2">
        <v>1</v>
      </c>
      <c r="J41567" s="2">
        <v>0</v>
      </c>
      <c r="K41567" s="2">
        <v>0</v>
      </c>
      <c r="L41567" t="s">
        <v>120</v>
      </c>
      <c r="M41567" t="s">
        <v>87</v>
      </c>
      <c r="N41567" t="s">
        <v>88</v>
      </c>
      <c r="O41567" t="s">
        <v>85</v>
      </c>
      <c r="P41567" t="s">
        <v>86</v>
      </c>
      <c r="Q41567">
        <v>20</v>
      </c>
      <c r="R41567">
        <v>21</v>
      </c>
      <c r="S41567">
        <v>21</v>
      </c>
      <c r="T41567">
        <v>21</v>
      </c>
      <c r="U41567">
        <v>21</v>
      </c>
      <c r="V41567">
        <v>21</v>
      </c>
      <c r="W41567">
        <v>21</v>
      </c>
      <c r="X41567">
        <v>21</v>
      </c>
      <c r="Y41567">
        <v>22</v>
      </c>
      <c r="Z41567">
        <v>22</v>
      </c>
      <c r="AA41567">
        <v>22</v>
      </c>
      <c r="AB41567">
        <v>22</v>
      </c>
      <c r="AC41567">
        <v>22</v>
      </c>
      <c r="AD41567">
        <v>22</v>
      </c>
      <c r="AE41567">
        <v>23</v>
      </c>
      <c r="AF41567">
        <v>23</v>
      </c>
      <c r="AG41567">
        <v>23</v>
      </c>
      <c r="AH41567">
        <v>23</v>
      </c>
      <c r="AI41567">
        <v>23</v>
      </c>
      <c r="AJ41567">
        <v>23</v>
      </c>
      <c r="AK41567">
        <v>23</v>
      </c>
      <c r="AL41567">
        <v>24</v>
      </c>
      <c r="AM41567">
        <v>24</v>
      </c>
      <c r="AN41567">
        <v>24</v>
      </c>
      <c r="AO41567">
        <v>24</v>
      </c>
      <c r="AP41567">
        <v>24</v>
      </c>
      <c r="AQ41567">
        <v>24</v>
      </c>
    </row>
    <row r="41568" spans="1:43">
      <c r="A41568" t="s">
        <v>25587</v>
      </c>
      <c r="B41568" t="s">
        <v>25588</v>
      </c>
      <c r="C41568" t="s">
        <v>12721</v>
      </c>
      <c r="D41568" t="s">
        <v>12722</v>
      </c>
      <c r="E41568" t="s">
        <v>12580</v>
      </c>
      <c r="F41568" t="s">
        <v>12581</v>
      </c>
      <c r="G41568" t="s">
        <v>12582</v>
      </c>
      <c r="H41568" t="s">
        <v>12581</v>
      </c>
      <c r="I41568" s="2">
        <v>1</v>
      </c>
      <c r="J41568" s="2">
        <v>0</v>
      </c>
      <c r="K41568" s="2">
        <v>0</v>
      </c>
      <c r="L41568" t="s">
        <v>120</v>
      </c>
      <c r="M41568" t="s">
        <v>89</v>
      </c>
      <c r="N41568" t="s">
        <v>90</v>
      </c>
      <c r="O41568" t="s">
        <v>85</v>
      </c>
      <c r="P41568" t="s">
        <v>86</v>
      </c>
      <c r="Q41568">
        <v>20</v>
      </c>
      <c r="R41568">
        <v>20</v>
      </c>
      <c r="S41568">
        <v>21</v>
      </c>
      <c r="T41568">
        <v>21</v>
      </c>
      <c r="U41568">
        <v>22</v>
      </c>
      <c r="V41568">
        <v>22</v>
      </c>
      <c r="W41568">
        <v>23</v>
      </c>
      <c r="X41568">
        <v>23</v>
      </c>
      <c r="Y41568">
        <v>23</v>
      </c>
      <c r="Z41568">
        <v>24</v>
      </c>
      <c r="AA41568">
        <v>24</v>
      </c>
      <c r="AB41568">
        <v>25</v>
      </c>
      <c r="AC41568">
        <v>25</v>
      </c>
      <c r="AD41568">
        <v>26</v>
      </c>
      <c r="AE41568">
        <v>26</v>
      </c>
      <c r="AF41568">
        <v>26</v>
      </c>
      <c r="AG41568">
        <v>26</v>
      </c>
      <c r="AH41568">
        <v>26</v>
      </c>
      <c r="AI41568">
        <v>26</v>
      </c>
      <c r="AJ41568">
        <v>26</v>
      </c>
      <c r="AK41568">
        <v>26</v>
      </c>
      <c r="AL41568">
        <v>26</v>
      </c>
      <c r="AM41568">
        <v>27</v>
      </c>
      <c r="AN41568">
        <v>27</v>
      </c>
      <c r="AO41568">
        <v>27</v>
      </c>
      <c r="AP41568">
        <v>27</v>
      </c>
      <c r="AQ41568">
        <v>27</v>
      </c>
    </row>
    <row r="41569" spans="1:43">
      <c r="A41569" t="s">
        <v>25587</v>
      </c>
      <c r="B41569" t="s">
        <v>25588</v>
      </c>
      <c r="C41569" t="s">
        <v>12721</v>
      </c>
      <c r="D41569" t="s">
        <v>12722</v>
      </c>
      <c r="E41569" t="s">
        <v>12580</v>
      </c>
      <c r="F41569" t="s">
        <v>12581</v>
      </c>
      <c r="G41569" t="s">
        <v>12582</v>
      </c>
      <c r="H41569" t="s">
        <v>12581</v>
      </c>
      <c r="I41569" s="2">
        <v>1</v>
      </c>
      <c r="J41569" s="2">
        <v>0</v>
      </c>
      <c r="K41569" s="2">
        <v>0</v>
      </c>
      <c r="L41569" t="s">
        <v>120</v>
      </c>
      <c r="M41569" t="s">
        <v>83</v>
      </c>
      <c r="N41569" t="s">
        <v>91</v>
      </c>
      <c r="O41569" t="s">
        <v>85</v>
      </c>
      <c r="P41569" t="s">
        <v>86</v>
      </c>
      <c r="Q41569">
        <v>20</v>
      </c>
      <c r="R41569">
        <v>20</v>
      </c>
      <c r="S41569">
        <v>20</v>
      </c>
      <c r="T41569">
        <v>21</v>
      </c>
      <c r="U41569">
        <v>21</v>
      </c>
      <c r="V41569">
        <v>21</v>
      </c>
      <c r="W41569">
        <v>22</v>
      </c>
      <c r="X41569">
        <v>22</v>
      </c>
      <c r="Y41569">
        <v>22</v>
      </c>
      <c r="Z41569">
        <v>23</v>
      </c>
      <c r="AA41569">
        <v>23</v>
      </c>
      <c r="AB41569">
        <v>23</v>
      </c>
      <c r="AC41569">
        <v>24</v>
      </c>
      <c r="AD41569">
        <v>24</v>
      </c>
      <c r="AE41569">
        <v>24</v>
      </c>
      <c r="AF41569">
        <v>24</v>
      </c>
      <c r="AG41569">
        <v>25</v>
      </c>
      <c r="AH41569">
        <v>25</v>
      </c>
      <c r="AI41569">
        <v>25</v>
      </c>
      <c r="AJ41569">
        <v>26</v>
      </c>
      <c r="AK41569">
        <v>26</v>
      </c>
      <c r="AL41569">
        <v>26</v>
      </c>
      <c r="AM41569">
        <v>26</v>
      </c>
      <c r="AN41569">
        <v>26</v>
      </c>
      <c r="AO41569">
        <v>27</v>
      </c>
      <c r="AP41569">
        <v>27</v>
      </c>
      <c r="AQ41569">
        <v>27</v>
      </c>
    </row>
    <row r="41570" spans="1:43">
      <c r="A41570" t="s">
        <v>25589</v>
      </c>
      <c r="B41570" t="s">
        <v>25590</v>
      </c>
      <c r="C41570" t="s">
        <v>12727</v>
      </c>
      <c r="D41570" t="s">
        <v>12728</v>
      </c>
      <c r="E41570" t="s">
        <v>12580</v>
      </c>
      <c r="F41570" t="s">
        <v>12581</v>
      </c>
      <c r="G41570" t="s">
        <v>12582</v>
      </c>
      <c r="H41570" t="s">
        <v>12581</v>
      </c>
      <c r="I41570" s="2">
        <v>1</v>
      </c>
      <c r="J41570" s="2">
        <v>0</v>
      </c>
      <c r="K41570" s="2">
        <v>0</v>
      </c>
      <c r="L41570" t="s">
        <v>120</v>
      </c>
      <c r="M41570" t="s">
        <v>83</v>
      </c>
      <c r="N41570" t="s">
        <v>84</v>
      </c>
      <c r="O41570" t="s">
        <v>85</v>
      </c>
      <c r="P41570" t="s">
        <v>86</v>
      </c>
      <c r="Q41570">
        <v>0</v>
      </c>
      <c r="R41570">
        <v>0</v>
      </c>
      <c r="S41570">
        <v>0</v>
      </c>
      <c r="T41570">
        <v>1</v>
      </c>
      <c r="U41570">
        <v>1</v>
      </c>
      <c r="V41570">
        <v>1</v>
      </c>
      <c r="W41570">
        <v>1</v>
      </c>
      <c r="X41570">
        <v>1</v>
      </c>
      <c r="Y41570">
        <v>1</v>
      </c>
      <c r="Z41570">
        <v>1</v>
      </c>
      <c r="AA41570">
        <v>1</v>
      </c>
      <c r="AB41570">
        <v>1</v>
      </c>
      <c r="AC41570">
        <v>1</v>
      </c>
      <c r="AD41570">
        <v>1</v>
      </c>
      <c r="AE41570">
        <v>1</v>
      </c>
      <c r="AF41570">
        <v>1</v>
      </c>
      <c r="AG41570">
        <v>1</v>
      </c>
      <c r="AH41570">
        <v>1</v>
      </c>
      <c r="AI41570">
        <v>1</v>
      </c>
      <c r="AJ41570">
        <v>1</v>
      </c>
      <c r="AK41570">
        <v>1</v>
      </c>
      <c r="AL41570">
        <v>1</v>
      </c>
      <c r="AM41570">
        <v>1</v>
      </c>
      <c r="AN41570">
        <v>1</v>
      </c>
      <c r="AO41570">
        <v>1</v>
      </c>
      <c r="AP41570">
        <v>1</v>
      </c>
      <c r="AQ41570">
        <v>1</v>
      </c>
    </row>
    <row r="41571" spans="1:43">
      <c r="A41571" t="s">
        <v>25589</v>
      </c>
      <c r="B41571" t="s">
        <v>25590</v>
      </c>
      <c r="C41571" t="s">
        <v>12727</v>
      </c>
      <c r="D41571" t="s">
        <v>12728</v>
      </c>
      <c r="E41571" t="s">
        <v>12580</v>
      </c>
      <c r="F41571" t="s">
        <v>12581</v>
      </c>
      <c r="G41571" t="s">
        <v>12582</v>
      </c>
      <c r="H41571" t="s">
        <v>12581</v>
      </c>
      <c r="I41571" s="2">
        <v>1</v>
      </c>
      <c r="J41571" s="2">
        <v>0</v>
      </c>
      <c r="K41571" s="2">
        <v>0</v>
      </c>
      <c r="L41571" t="s">
        <v>120</v>
      </c>
      <c r="M41571" t="s">
        <v>87</v>
      </c>
      <c r="N41571" t="s">
        <v>88</v>
      </c>
      <c r="O41571" t="s">
        <v>85</v>
      </c>
      <c r="P41571" t="s">
        <v>86</v>
      </c>
      <c r="Q41571">
        <v>0</v>
      </c>
      <c r="R41571">
        <v>0</v>
      </c>
      <c r="S41571">
        <v>0</v>
      </c>
      <c r="T41571">
        <v>0</v>
      </c>
      <c r="U41571">
        <v>0</v>
      </c>
      <c r="V41571">
        <v>0</v>
      </c>
      <c r="W41571">
        <v>0</v>
      </c>
      <c r="X41571">
        <v>1</v>
      </c>
      <c r="Y41571">
        <v>1</v>
      </c>
      <c r="Z41571">
        <v>1</v>
      </c>
      <c r="AA41571">
        <v>1</v>
      </c>
      <c r="AB41571">
        <v>1</v>
      </c>
      <c r="AC41571">
        <v>1</v>
      </c>
      <c r="AD41571">
        <v>1</v>
      </c>
      <c r="AE41571">
        <v>1</v>
      </c>
      <c r="AF41571">
        <v>1</v>
      </c>
      <c r="AG41571">
        <v>1</v>
      </c>
      <c r="AH41571">
        <v>1</v>
      </c>
      <c r="AI41571">
        <v>1</v>
      </c>
      <c r="AJ41571">
        <v>1</v>
      </c>
      <c r="AK41571">
        <v>1</v>
      </c>
      <c r="AL41571">
        <v>1</v>
      </c>
      <c r="AM41571">
        <v>1</v>
      </c>
      <c r="AN41571">
        <v>1</v>
      </c>
      <c r="AO41571">
        <v>1</v>
      </c>
      <c r="AP41571">
        <v>1</v>
      </c>
      <c r="AQ41571">
        <v>1</v>
      </c>
    </row>
    <row r="41572" spans="1:43">
      <c r="A41572" t="s">
        <v>25589</v>
      </c>
      <c r="B41572" t="s">
        <v>25590</v>
      </c>
      <c r="C41572" t="s">
        <v>12727</v>
      </c>
      <c r="D41572" t="s">
        <v>12728</v>
      </c>
      <c r="E41572" t="s">
        <v>12580</v>
      </c>
      <c r="F41572" t="s">
        <v>12581</v>
      </c>
      <c r="G41572" t="s">
        <v>12582</v>
      </c>
      <c r="H41572" t="s">
        <v>12581</v>
      </c>
      <c r="I41572" s="2">
        <v>1</v>
      </c>
      <c r="J41572" s="2">
        <v>0</v>
      </c>
      <c r="K41572" s="2">
        <v>0</v>
      </c>
      <c r="L41572" t="s">
        <v>120</v>
      </c>
      <c r="M41572" t="s">
        <v>89</v>
      </c>
      <c r="N41572" t="s">
        <v>90</v>
      </c>
      <c r="O41572" t="s">
        <v>85</v>
      </c>
      <c r="P41572" t="s">
        <v>86</v>
      </c>
      <c r="Q41572">
        <v>0</v>
      </c>
      <c r="R41572">
        <v>1</v>
      </c>
      <c r="S41572">
        <v>1</v>
      </c>
      <c r="T41572">
        <v>1</v>
      </c>
      <c r="U41572">
        <v>1</v>
      </c>
      <c r="V41572">
        <v>1</v>
      </c>
      <c r="W41572">
        <v>1</v>
      </c>
      <c r="X41572">
        <v>1</v>
      </c>
      <c r="Y41572">
        <v>1</v>
      </c>
      <c r="Z41572">
        <v>1</v>
      </c>
      <c r="AA41572">
        <v>1</v>
      </c>
      <c r="AB41572">
        <v>1</v>
      </c>
      <c r="AC41572">
        <v>1</v>
      </c>
      <c r="AD41572">
        <v>1</v>
      </c>
      <c r="AE41572">
        <v>1</v>
      </c>
      <c r="AF41572">
        <v>1</v>
      </c>
      <c r="AG41572">
        <v>1</v>
      </c>
      <c r="AH41572">
        <v>1</v>
      </c>
      <c r="AI41572">
        <v>1</v>
      </c>
      <c r="AJ41572">
        <v>1</v>
      </c>
      <c r="AK41572">
        <v>1</v>
      </c>
      <c r="AL41572">
        <v>1</v>
      </c>
      <c r="AM41572">
        <v>1</v>
      </c>
      <c r="AN41572">
        <v>1</v>
      </c>
      <c r="AO41572">
        <v>1</v>
      </c>
      <c r="AP41572">
        <v>1</v>
      </c>
      <c r="AQ41572">
        <v>1</v>
      </c>
    </row>
    <row r="41573" spans="1:43">
      <c r="A41573" t="s">
        <v>25589</v>
      </c>
      <c r="B41573" t="s">
        <v>25590</v>
      </c>
      <c r="C41573" t="s">
        <v>12727</v>
      </c>
      <c r="D41573" t="s">
        <v>12728</v>
      </c>
      <c r="E41573" t="s">
        <v>12580</v>
      </c>
      <c r="F41573" t="s">
        <v>12581</v>
      </c>
      <c r="G41573" t="s">
        <v>12582</v>
      </c>
      <c r="H41573" t="s">
        <v>12581</v>
      </c>
      <c r="I41573" s="2">
        <v>1</v>
      </c>
      <c r="J41573" s="2">
        <v>0</v>
      </c>
      <c r="K41573" s="2">
        <v>0</v>
      </c>
      <c r="L41573" t="s">
        <v>120</v>
      </c>
      <c r="M41573" t="s">
        <v>83</v>
      </c>
      <c r="N41573" t="s">
        <v>91</v>
      </c>
      <c r="O41573" t="s">
        <v>85</v>
      </c>
      <c r="P41573" t="s">
        <v>86</v>
      </c>
      <c r="Q41573">
        <v>0</v>
      </c>
      <c r="R41573">
        <v>0</v>
      </c>
      <c r="S41573">
        <v>0</v>
      </c>
      <c r="T41573">
        <v>1</v>
      </c>
      <c r="U41573">
        <v>1</v>
      </c>
      <c r="V41573">
        <v>1</v>
      </c>
      <c r="W41573">
        <v>1</v>
      </c>
      <c r="X41573">
        <v>1</v>
      </c>
      <c r="Y41573">
        <v>1</v>
      </c>
      <c r="Z41573">
        <v>1</v>
      </c>
      <c r="AA41573">
        <v>1</v>
      </c>
      <c r="AB41573">
        <v>1</v>
      </c>
      <c r="AC41573">
        <v>1</v>
      </c>
      <c r="AD41573">
        <v>1</v>
      </c>
      <c r="AE41573">
        <v>1</v>
      </c>
      <c r="AF41573">
        <v>1</v>
      </c>
      <c r="AG41573">
        <v>1</v>
      </c>
      <c r="AH41573">
        <v>1</v>
      </c>
      <c r="AI41573">
        <v>1</v>
      </c>
      <c r="AJ41573">
        <v>1</v>
      </c>
      <c r="AK41573">
        <v>1</v>
      </c>
      <c r="AL41573">
        <v>1</v>
      </c>
      <c r="AM41573">
        <v>1</v>
      </c>
      <c r="AN41573">
        <v>1</v>
      </c>
      <c r="AO41573">
        <v>1</v>
      </c>
      <c r="AP41573">
        <v>1</v>
      </c>
      <c r="AQ41573">
        <v>1</v>
      </c>
    </row>
    <row r="41574" spans="1:43">
      <c r="A41574" t="s">
        <v>25591</v>
      </c>
      <c r="B41574" t="s">
        <v>25592</v>
      </c>
      <c r="C41574" t="s">
        <v>12727</v>
      </c>
      <c r="D41574" t="s">
        <v>12728</v>
      </c>
      <c r="E41574" t="s">
        <v>12580</v>
      </c>
      <c r="F41574" t="s">
        <v>12581</v>
      </c>
      <c r="G41574" t="s">
        <v>12582</v>
      </c>
      <c r="H41574" t="s">
        <v>12581</v>
      </c>
      <c r="I41574" s="2">
        <v>1</v>
      </c>
      <c r="J41574" s="2">
        <v>0</v>
      </c>
      <c r="K41574" s="2">
        <v>0</v>
      </c>
      <c r="L41574" t="s">
        <v>120</v>
      </c>
      <c r="M41574" t="s">
        <v>83</v>
      </c>
      <c r="N41574" t="s">
        <v>84</v>
      </c>
      <c r="O41574" t="s">
        <v>85</v>
      </c>
      <c r="P41574" t="s">
        <v>86</v>
      </c>
      <c r="Q41574">
        <v>0</v>
      </c>
      <c r="R41574">
        <v>0</v>
      </c>
      <c r="S41574">
        <v>0</v>
      </c>
      <c r="T41574">
        <v>1</v>
      </c>
      <c r="U41574">
        <v>1</v>
      </c>
      <c r="V41574">
        <v>1</v>
      </c>
      <c r="W41574">
        <v>1</v>
      </c>
      <c r="X41574">
        <v>1</v>
      </c>
      <c r="Y41574">
        <v>1</v>
      </c>
      <c r="Z41574">
        <v>1</v>
      </c>
      <c r="AA41574">
        <v>1</v>
      </c>
      <c r="AB41574">
        <v>1</v>
      </c>
      <c r="AC41574">
        <v>1</v>
      </c>
      <c r="AD41574">
        <v>1</v>
      </c>
      <c r="AE41574">
        <v>1</v>
      </c>
      <c r="AF41574">
        <v>1</v>
      </c>
      <c r="AG41574">
        <v>1</v>
      </c>
      <c r="AH41574">
        <v>1</v>
      </c>
      <c r="AI41574">
        <v>1</v>
      </c>
      <c r="AJ41574">
        <v>1</v>
      </c>
      <c r="AK41574">
        <v>1</v>
      </c>
      <c r="AL41574">
        <v>1</v>
      </c>
      <c r="AM41574">
        <v>1</v>
      </c>
      <c r="AN41574">
        <v>1</v>
      </c>
      <c r="AO41574">
        <v>1</v>
      </c>
      <c r="AP41574">
        <v>1</v>
      </c>
      <c r="AQ41574">
        <v>1</v>
      </c>
    </row>
    <row r="41575" spans="1:43">
      <c r="A41575" t="s">
        <v>25591</v>
      </c>
      <c r="B41575" t="s">
        <v>25592</v>
      </c>
      <c r="C41575" t="s">
        <v>12727</v>
      </c>
      <c r="D41575" t="s">
        <v>12728</v>
      </c>
      <c r="E41575" t="s">
        <v>12580</v>
      </c>
      <c r="F41575" t="s">
        <v>12581</v>
      </c>
      <c r="G41575" t="s">
        <v>12582</v>
      </c>
      <c r="H41575" t="s">
        <v>12581</v>
      </c>
      <c r="I41575" s="2">
        <v>1</v>
      </c>
      <c r="J41575" s="2">
        <v>0</v>
      </c>
      <c r="K41575" s="2">
        <v>0</v>
      </c>
      <c r="L41575" t="s">
        <v>120</v>
      </c>
      <c r="M41575" t="s">
        <v>87</v>
      </c>
      <c r="N41575" t="s">
        <v>88</v>
      </c>
      <c r="O41575" t="s">
        <v>85</v>
      </c>
      <c r="P41575" t="s">
        <v>86</v>
      </c>
      <c r="Q41575">
        <v>0</v>
      </c>
      <c r="R41575">
        <v>0</v>
      </c>
      <c r="S41575">
        <v>0</v>
      </c>
      <c r="T41575">
        <v>0</v>
      </c>
      <c r="U41575">
        <v>0</v>
      </c>
      <c r="V41575">
        <v>0</v>
      </c>
      <c r="W41575">
        <v>0</v>
      </c>
      <c r="X41575">
        <v>1</v>
      </c>
      <c r="Y41575">
        <v>1</v>
      </c>
      <c r="Z41575">
        <v>1</v>
      </c>
      <c r="AA41575">
        <v>1</v>
      </c>
      <c r="AB41575">
        <v>1</v>
      </c>
      <c r="AC41575">
        <v>1</v>
      </c>
      <c r="AD41575">
        <v>1</v>
      </c>
      <c r="AE41575">
        <v>1</v>
      </c>
      <c r="AF41575">
        <v>1</v>
      </c>
      <c r="AG41575">
        <v>1</v>
      </c>
      <c r="AH41575">
        <v>1</v>
      </c>
      <c r="AI41575">
        <v>1</v>
      </c>
      <c r="AJ41575">
        <v>1</v>
      </c>
      <c r="AK41575">
        <v>1</v>
      </c>
      <c r="AL41575">
        <v>1</v>
      </c>
      <c r="AM41575">
        <v>1</v>
      </c>
      <c r="AN41575">
        <v>1</v>
      </c>
      <c r="AO41575">
        <v>1</v>
      </c>
      <c r="AP41575">
        <v>1</v>
      </c>
      <c r="AQ41575">
        <v>1</v>
      </c>
    </row>
    <row r="41576" spans="1:43">
      <c r="A41576" t="s">
        <v>25591</v>
      </c>
      <c r="B41576" t="s">
        <v>25592</v>
      </c>
      <c r="C41576" t="s">
        <v>12727</v>
      </c>
      <c r="D41576" t="s">
        <v>12728</v>
      </c>
      <c r="E41576" t="s">
        <v>12580</v>
      </c>
      <c r="F41576" t="s">
        <v>12581</v>
      </c>
      <c r="G41576" t="s">
        <v>12582</v>
      </c>
      <c r="H41576" t="s">
        <v>12581</v>
      </c>
      <c r="I41576" s="2">
        <v>1</v>
      </c>
      <c r="J41576" s="2">
        <v>0</v>
      </c>
      <c r="K41576" s="2">
        <v>0</v>
      </c>
      <c r="L41576" t="s">
        <v>120</v>
      </c>
      <c r="M41576" t="s">
        <v>89</v>
      </c>
      <c r="N41576" t="s">
        <v>90</v>
      </c>
      <c r="O41576" t="s">
        <v>85</v>
      </c>
      <c r="P41576" t="s">
        <v>86</v>
      </c>
      <c r="Q41576">
        <v>0</v>
      </c>
      <c r="R41576">
        <v>1</v>
      </c>
      <c r="S41576">
        <v>1</v>
      </c>
      <c r="T41576">
        <v>1</v>
      </c>
      <c r="U41576">
        <v>1</v>
      </c>
      <c r="V41576">
        <v>1</v>
      </c>
      <c r="W41576">
        <v>1</v>
      </c>
      <c r="X41576">
        <v>1</v>
      </c>
      <c r="Y41576">
        <v>1</v>
      </c>
      <c r="Z41576">
        <v>1</v>
      </c>
      <c r="AA41576">
        <v>1</v>
      </c>
      <c r="AB41576">
        <v>1</v>
      </c>
      <c r="AC41576">
        <v>1</v>
      </c>
      <c r="AD41576">
        <v>1</v>
      </c>
      <c r="AE41576">
        <v>1</v>
      </c>
      <c r="AF41576">
        <v>1</v>
      </c>
      <c r="AG41576">
        <v>1</v>
      </c>
      <c r="AH41576">
        <v>1</v>
      </c>
      <c r="AI41576">
        <v>1</v>
      </c>
      <c r="AJ41576">
        <v>1</v>
      </c>
      <c r="AK41576">
        <v>1</v>
      </c>
      <c r="AL41576">
        <v>1</v>
      </c>
      <c r="AM41576">
        <v>1</v>
      </c>
      <c r="AN41576">
        <v>1</v>
      </c>
      <c r="AO41576">
        <v>1</v>
      </c>
      <c r="AP41576">
        <v>1</v>
      </c>
      <c r="AQ41576">
        <v>1</v>
      </c>
    </row>
    <row r="41577" spans="1:43">
      <c r="A41577" t="s">
        <v>25591</v>
      </c>
      <c r="B41577" t="s">
        <v>25592</v>
      </c>
      <c r="C41577" t="s">
        <v>12727</v>
      </c>
      <c r="D41577" t="s">
        <v>12728</v>
      </c>
      <c r="E41577" t="s">
        <v>12580</v>
      </c>
      <c r="F41577" t="s">
        <v>12581</v>
      </c>
      <c r="G41577" t="s">
        <v>12582</v>
      </c>
      <c r="H41577" t="s">
        <v>12581</v>
      </c>
      <c r="I41577" s="2">
        <v>1</v>
      </c>
      <c r="J41577" s="2">
        <v>0</v>
      </c>
      <c r="K41577" s="2">
        <v>0</v>
      </c>
      <c r="L41577" t="s">
        <v>120</v>
      </c>
      <c r="M41577" t="s">
        <v>83</v>
      </c>
      <c r="N41577" t="s">
        <v>91</v>
      </c>
      <c r="O41577" t="s">
        <v>85</v>
      </c>
      <c r="P41577" t="s">
        <v>86</v>
      </c>
      <c r="Q41577">
        <v>0</v>
      </c>
      <c r="R41577">
        <v>0</v>
      </c>
      <c r="S41577">
        <v>0</v>
      </c>
      <c r="T41577">
        <v>1</v>
      </c>
      <c r="U41577">
        <v>1</v>
      </c>
      <c r="V41577">
        <v>1</v>
      </c>
      <c r="W41577">
        <v>1</v>
      </c>
      <c r="X41577">
        <v>1</v>
      </c>
      <c r="Y41577">
        <v>1</v>
      </c>
      <c r="Z41577">
        <v>1</v>
      </c>
      <c r="AA41577">
        <v>1</v>
      </c>
      <c r="AB41577">
        <v>1</v>
      </c>
      <c r="AC41577">
        <v>1</v>
      </c>
      <c r="AD41577">
        <v>1</v>
      </c>
      <c r="AE41577">
        <v>1</v>
      </c>
      <c r="AF41577">
        <v>1</v>
      </c>
      <c r="AG41577">
        <v>1</v>
      </c>
      <c r="AH41577">
        <v>1</v>
      </c>
      <c r="AI41577">
        <v>1</v>
      </c>
      <c r="AJ41577">
        <v>1</v>
      </c>
      <c r="AK41577">
        <v>1</v>
      </c>
      <c r="AL41577">
        <v>1</v>
      </c>
      <c r="AM41577">
        <v>1</v>
      </c>
      <c r="AN41577">
        <v>1</v>
      </c>
      <c r="AO41577">
        <v>1</v>
      </c>
      <c r="AP41577">
        <v>1</v>
      </c>
      <c r="AQ41577">
        <v>1</v>
      </c>
    </row>
    <row r="41578" spans="1:43">
      <c r="A41578" t="s">
        <v>25593</v>
      </c>
      <c r="B41578" t="s">
        <v>25594</v>
      </c>
      <c r="C41578" t="s">
        <v>12727</v>
      </c>
      <c r="D41578" t="s">
        <v>12728</v>
      </c>
      <c r="E41578" t="s">
        <v>12580</v>
      </c>
      <c r="F41578" t="s">
        <v>12581</v>
      </c>
      <c r="G41578" t="s">
        <v>12582</v>
      </c>
      <c r="H41578" t="s">
        <v>12581</v>
      </c>
      <c r="I41578" s="2">
        <v>1</v>
      </c>
      <c r="J41578" s="2">
        <v>0</v>
      </c>
      <c r="K41578" s="2">
        <v>0</v>
      </c>
      <c r="L41578" t="s">
        <v>120</v>
      </c>
      <c r="M41578" t="s">
        <v>83</v>
      </c>
      <c r="N41578" t="s">
        <v>84</v>
      </c>
      <c r="O41578" t="s">
        <v>85</v>
      </c>
      <c r="P41578" t="s">
        <v>86</v>
      </c>
      <c r="Q41578">
        <v>0</v>
      </c>
      <c r="R41578">
        <v>0</v>
      </c>
      <c r="S41578">
        <v>0</v>
      </c>
      <c r="T41578">
        <v>0</v>
      </c>
      <c r="U41578">
        <v>0</v>
      </c>
      <c r="V41578">
        <v>0</v>
      </c>
      <c r="W41578">
        <v>0</v>
      </c>
      <c r="X41578">
        <v>0</v>
      </c>
      <c r="Y41578">
        <v>0</v>
      </c>
      <c r="Z41578">
        <v>0</v>
      </c>
      <c r="AA41578">
        <v>0</v>
      </c>
      <c r="AB41578">
        <v>0</v>
      </c>
      <c r="AC41578">
        <v>0</v>
      </c>
      <c r="AD41578">
        <v>0</v>
      </c>
      <c r="AE41578">
        <v>0</v>
      </c>
      <c r="AF41578">
        <v>0</v>
      </c>
      <c r="AG41578">
        <v>0</v>
      </c>
      <c r="AH41578">
        <v>0</v>
      </c>
      <c r="AI41578">
        <v>0</v>
      </c>
      <c r="AJ41578">
        <v>0</v>
      </c>
      <c r="AK41578">
        <v>0</v>
      </c>
      <c r="AL41578">
        <v>0</v>
      </c>
      <c r="AM41578">
        <v>0</v>
      </c>
      <c r="AN41578">
        <v>0</v>
      </c>
      <c r="AO41578">
        <v>0</v>
      </c>
      <c r="AP41578">
        <v>0</v>
      </c>
      <c r="AQ41578">
        <v>0</v>
      </c>
    </row>
    <row r="41579" spans="1:43">
      <c r="A41579" t="s">
        <v>25593</v>
      </c>
      <c r="B41579" t="s">
        <v>25594</v>
      </c>
      <c r="C41579" t="s">
        <v>12727</v>
      </c>
      <c r="D41579" t="s">
        <v>12728</v>
      </c>
      <c r="E41579" t="s">
        <v>12580</v>
      </c>
      <c r="F41579" t="s">
        <v>12581</v>
      </c>
      <c r="G41579" t="s">
        <v>12582</v>
      </c>
      <c r="H41579" t="s">
        <v>12581</v>
      </c>
      <c r="I41579" s="2">
        <v>1</v>
      </c>
      <c r="J41579" s="2">
        <v>0</v>
      </c>
      <c r="K41579" s="2">
        <v>0</v>
      </c>
      <c r="L41579" t="s">
        <v>120</v>
      </c>
      <c r="M41579" t="s">
        <v>87</v>
      </c>
      <c r="N41579" t="s">
        <v>88</v>
      </c>
      <c r="O41579" t="s">
        <v>85</v>
      </c>
      <c r="P41579" t="s">
        <v>86</v>
      </c>
      <c r="Q41579">
        <v>0</v>
      </c>
      <c r="R41579">
        <v>0</v>
      </c>
      <c r="S41579">
        <v>0</v>
      </c>
      <c r="T41579">
        <v>0</v>
      </c>
      <c r="U41579">
        <v>0</v>
      </c>
      <c r="V41579">
        <v>0</v>
      </c>
      <c r="W41579">
        <v>0</v>
      </c>
      <c r="X41579">
        <v>0</v>
      </c>
      <c r="Y41579">
        <v>0</v>
      </c>
      <c r="Z41579">
        <v>0</v>
      </c>
      <c r="AA41579">
        <v>0</v>
      </c>
      <c r="AB41579">
        <v>0</v>
      </c>
      <c r="AC41579">
        <v>0</v>
      </c>
      <c r="AD41579">
        <v>0</v>
      </c>
      <c r="AE41579">
        <v>0</v>
      </c>
      <c r="AF41579">
        <v>0</v>
      </c>
      <c r="AG41579">
        <v>0</v>
      </c>
      <c r="AH41579">
        <v>0</v>
      </c>
      <c r="AI41579">
        <v>0</v>
      </c>
      <c r="AJ41579">
        <v>0</v>
      </c>
      <c r="AK41579">
        <v>0</v>
      </c>
      <c r="AL41579">
        <v>0</v>
      </c>
      <c r="AM41579">
        <v>0</v>
      </c>
      <c r="AN41579">
        <v>0</v>
      </c>
      <c r="AO41579">
        <v>0</v>
      </c>
      <c r="AP41579">
        <v>0</v>
      </c>
      <c r="AQ41579">
        <v>0</v>
      </c>
    </row>
    <row r="41580" spans="1:43">
      <c r="A41580" t="s">
        <v>25593</v>
      </c>
      <c r="B41580" t="s">
        <v>25594</v>
      </c>
      <c r="C41580" t="s">
        <v>12727</v>
      </c>
      <c r="D41580" t="s">
        <v>12728</v>
      </c>
      <c r="E41580" t="s">
        <v>12580</v>
      </c>
      <c r="F41580" t="s">
        <v>12581</v>
      </c>
      <c r="G41580" t="s">
        <v>12582</v>
      </c>
      <c r="H41580" t="s">
        <v>12581</v>
      </c>
      <c r="I41580" s="2">
        <v>1</v>
      </c>
      <c r="J41580" s="2">
        <v>0</v>
      </c>
      <c r="K41580" s="2">
        <v>0</v>
      </c>
      <c r="L41580" t="s">
        <v>120</v>
      </c>
      <c r="M41580" t="s">
        <v>89</v>
      </c>
      <c r="N41580" t="s">
        <v>90</v>
      </c>
      <c r="O41580" t="s">
        <v>85</v>
      </c>
      <c r="P41580" t="s">
        <v>86</v>
      </c>
      <c r="Q41580">
        <v>0</v>
      </c>
      <c r="R41580">
        <v>0</v>
      </c>
      <c r="S41580">
        <v>0</v>
      </c>
      <c r="T41580">
        <v>0</v>
      </c>
      <c r="U41580">
        <v>0</v>
      </c>
      <c r="V41580">
        <v>0</v>
      </c>
      <c r="W41580">
        <v>0</v>
      </c>
      <c r="X41580">
        <v>0</v>
      </c>
      <c r="Y41580">
        <v>0</v>
      </c>
      <c r="Z41580">
        <v>0</v>
      </c>
      <c r="AA41580">
        <v>0</v>
      </c>
      <c r="AB41580">
        <v>0</v>
      </c>
      <c r="AC41580">
        <v>0</v>
      </c>
      <c r="AD41580">
        <v>0</v>
      </c>
      <c r="AE41580">
        <v>0</v>
      </c>
      <c r="AF41580">
        <v>0</v>
      </c>
      <c r="AG41580">
        <v>0</v>
      </c>
      <c r="AH41580">
        <v>0</v>
      </c>
      <c r="AI41580">
        <v>0</v>
      </c>
      <c r="AJ41580">
        <v>0</v>
      </c>
      <c r="AK41580">
        <v>0</v>
      </c>
      <c r="AL41580">
        <v>0</v>
      </c>
      <c r="AM41580">
        <v>0</v>
      </c>
      <c r="AN41580">
        <v>0</v>
      </c>
      <c r="AO41580">
        <v>0</v>
      </c>
      <c r="AP41580">
        <v>0</v>
      </c>
      <c r="AQ41580">
        <v>0</v>
      </c>
    </row>
    <row r="41581" spans="1:43">
      <c r="A41581" t="s">
        <v>25593</v>
      </c>
      <c r="B41581" t="s">
        <v>25594</v>
      </c>
      <c r="C41581" t="s">
        <v>12727</v>
      </c>
      <c r="D41581" t="s">
        <v>12728</v>
      </c>
      <c r="E41581" t="s">
        <v>12580</v>
      </c>
      <c r="F41581" t="s">
        <v>12581</v>
      </c>
      <c r="G41581" t="s">
        <v>12582</v>
      </c>
      <c r="H41581" t="s">
        <v>12581</v>
      </c>
      <c r="I41581" s="2">
        <v>1</v>
      </c>
      <c r="J41581" s="2">
        <v>0</v>
      </c>
      <c r="K41581" s="2">
        <v>0</v>
      </c>
      <c r="L41581" t="s">
        <v>120</v>
      </c>
      <c r="M41581" t="s">
        <v>83</v>
      </c>
      <c r="N41581" t="s">
        <v>91</v>
      </c>
      <c r="O41581" t="s">
        <v>85</v>
      </c>
      <c r="P41581" t="s">
        <v>86</v>
      </c>
      <c r="Q41581">
        <v>0</v>
      </c>
      <c r="R41581">
        <v>0</v>
      </c>
      <c r="S41581">
        <v>0</v>
      </c>
      <c r="T41581">
        <v>0</v>
      </c>
      <c r="U41581">
        <v>0</v>
      </c>
      <c r="V41581">
        <v>0</v>
      </c>
      <c r="W41581">
        <v>0</v>
      </c>
      <c r="X41581">
        <v>0</v>
      </c>
      <c r="Y41581">
        <v>0</v>
      </c>
      <c r="Z41581">
        <v>0</v>
      </c>
      <c r="AA41581">
        <v>0</v>
      </c>
      <c r="AB41581">
        <v>0</v>
      </c>
      <c r="AC41581">
        <v>0</v>
      </c>
      <c r="AD41581">
        <v>0</v>
      </c>
      <c r="AE41581">
        <v>0</v>
      </c>
      <c r="AF41581">
        <v>0</v>
      </c>
      <c r="AG41581">
        <v>0</v>
      </c>
      <c r="AH41581">
        <v>0</v>
      </c>
      <c r="AI41581">
        <v>0</v>
      </c>
      <c r="AJ41581">
        <v>0</v>
      </c>
      <c r="AK41581">
        <v>0</v>
      </c>
      <c r="AL41581">
        <v>0</v>
      </c>
      <c r="AM41581">
        <v>0</v>
      </c>
      <c r="AN41581">
        <v>0</v>
      </c>
      <c r="AO41581">
        <v>0</v>
      </c>
      <c r="AP41581">
        <v>0</v>
      </c>
      <c r="AQ41581">
        <v>0</v>
      </c>
    </row>
    <row r="41582" spans="1:43">
      <c r="A41582" t="s">
        <v>25595</v>
      </c>
      <c r="B41582" t="s">
        <v>25596</v>
      </c>
      <c r="C41582" t="s">
        <v>12727</v>
      </c>
      <c r="D41582" t="s">
        <v>12728</v>
      </c>
      <c r="E41582" t="s">
        <v>12580</v>
      </c>
      <c r="F41582" t="s">
        <v>12581</v>
      </c>
      <c r="G41582" t="s">
        <v>12582</v>
      </c>
      <c r="H41582" t="s">
        <v>12581</v>
      </c>
      <c r="I41582" s="2">
        <v>1</v>
      </c>
      <c r="J41582" s="2">
        <v>0</v>
      </c>
      <c r="K41582" s="2">
        <v>0</v>
      </c>
      <c r="L41582" t="s">
        <v>120</v>
      </c>
      <c r="M41582" t="s">
        <v>83</v>
      </c>
      <c r="N41582" t="s">
        <v>84</v>
      </c>
      <c r="O41582" t="s">
        <v>85</v>
      </c>
      <c r="P41582" t="s">
        <v>86</v>
      </c>
      <c r="Q41582">
        <v>0</v>
      </c>
      <c r="R41582">
        <v>0</v>
      </c>
      <c r="S41582">
        <v>0</v>
      </c>
      <c r="T41582">
        <v>0</v>
      </c>
      <c r="U41582">
        <v>0</v>
      </c>
      <c r="V41582">
        <v>0</v>
      </c>
      <c r="W41582">
        <v>0</v>
      </c>
      <c r="X41582">
        <v>0</v>
      </c>
      <c r="Y41582">
        <v>0</v>
      </c>
      <c r="Z41582">
        <v>0</v>
      </c>
      <c r="AA41582">
        <v>0</v>
      </c>
      <c r="AB41582">
        <v>0</v>
      </c>
      <c r="AC41582">
        <v>0</v>
      </c>
      <c r="AD41582">
        <v>0</v>
      </c>
      <c r="AE41582">
        <v>0</v>
      </c>
      <c r="AF41582">
        <v>0</v>
      </c>
      <c r="AG41582">
        <v>0</v>
      </c>
      <c r="AH41582">
        <v>0</v>
      </c>
      <c r="AI41582">
        <v>0</v>
      </c>
      <c r="AJ41582">
        <v>0</v>
      </c>
      <c r="AK41582">
        <v>0</v>
      </c>
      <c r="AL41582">
        <v>0</v>
      </c>
      <c r="AM41582">
        <v>0</v>
      </c>
      <c r="AN41582">
        <v>0</v>
      </c>
      <c r="AO41582">
        <v>0</v>
      </c>
      <c r="AP41582">
        <v>0</v>
      </c>
      <c r="AQ41582">
        <v>0</v>
      </c>
    </row>
    <row r="41583" spans="1:43">
      <c r="A41583" t="s">
        <v>25595</v>
      </c>
      <c r="B41583" t="s">
        <v>25596</v>
      </c>
      <c r="C41583" t="s">
        <v>12727</v>
      </c>
      <c r="D41583" t="s">
        <v>12728</v>
      </c>
      <c r="E41583" t="s">
        <v>12580</v>
      </c>
      <c r="F41583" t="s">
        <v>12581</v>
      </c>
      <c r="G41583" t="s">
        <v>12582</v>
      </c>
      <c r="H41583" t="s">
        <v>12581</v>
      </c>
      <c r="I41583" s="2">
        <v>1</v>
      </c>
      <c r="J41583" s="2">
        <v>0</v>
      </c>
      <c r="K41583" s="2">
        <v>0</v>
      </c>
      <c r="L41583" t="s">
        <v>120</v>
      </c>
      <c r="M41583" t="s">
        <v>87</v>
      </c>
      <c r="N41583" t="s">
        <v>88</v>
      </c>
      <c r="O41583" t="s">
        <v>85</v>
      </c>
      <c r="P41583" t="s">
        <v>86</v>
      </c>
      <c r="Q41583">
        <v>0</v>
      </c>
      <c r="R41583">
        <v>0</v>
      </c>
      <c r="S41583">
        <v>0</v>
      </c>
      <c r="T41583">
        <v>0</v>
      </c>
      <c r="U41583">
        <v>0</v>
      </c>
      <c r="V41583">
        <v>0</v>
      </c>
      <c r="W41583">
        <v>0</v>
      </c>
      <c r="X41583">
        <v>0</v>
      </c>
      <c r="Y41583">
        <v>0</v>
      </c>
      <c r="Z41583">
        <v>0</v>
      </c>
      <c r="AA41583">
        <v>0</v>
      </c>
      <c r="AB41583">
        <v>0</v>
      </c>
      <c r="AC41583">
        <v>0</v>
      </c>
      <c r="AD41583">
        <v>0</v>
      </c>
      <c r="AE41583">
        <v>0</v>
      </c>
      <c r="AF41583">
        <v>0</v>
      </c>
      <c r="AG41583">
        <v>0</v>
      </c>
      <c r="AH41583">
        <v>0</v>
      </c>
      <c r="AI41583">
        <v>0</v>
      </c>
      <c r="AJ41583">
        <v>0</v>
      </c>
      <c r="AK41583">
        <v>0</v>
      </c>
      <c r="AL41583">
        <v>0</v>
      </c>
      <c r="AM41583">
        <v>0</v>
      </c>
      <c r="AN41583">
        <v>0</v>
      </c>
      <c r="AO41583">
        <v>0</v>
      </c>
      <c r="AP41583">
        <v>0</v>
      </c>
      <c r="AQ41583">
        <v>0</v>
      </c>
    </row>
    <row r="41584" spans="1:43">
      <c r="A41584" t="s">
        <v>25595</v>
      </c>
      <c r="B41584" t="s">
        <v>25596</v>
      </c>
      <c r="C41584" t="s">
        <v>12727</v>
      </c>
      <c r="D41584" t="s">
        <v>12728</v>
      </c>
      <c r="E41584" t="s">
        <v>12580</v>
      </c>
      <c r="F41584" t="s">
        <v>12581</v>
      </c>
      <c r="G41584" t="s">
        <v>12582</v>
      </c>
      <c r="H41584" t="s">
        <v>12581</v>
      </c>
      <c r="I41584" s="2">
        <v>1</v>
      </c>
      <c r="J41584" s="2">
        <v>0</v>
      </c>
      <c r="K41584" s="2">
        <v>0</v>
      </c>
      <c r="L41584" t="s">
        <v>120</v>
      </c>
      <c r="M41584" t="s">
        <v>89</v>
      </c>
      <c r="N41584" t="s">
        <v>90</v>
      </c>
      <c r="O41584" t="s">
        <v>85</v>
      </c>
      <c r="P41584" t="s">
        <v>86</v>
      </c>
      <c r="Q41584">
        <v>0</v>
      </c>
      <c r="R41584">
        <v>0</v>
      </c>
      <c r="S41584">
        <v>0</v>
      </c>
      <c r="T41584">
        <v>0</v>
      </c>
      <c r="U41584">
        <v>0</v>
      </c>
      <c r="V41584">
        <v>0</v>
      </c>
      <c r="W41584">
        <v>0</v>
      </c>
      <c r="X41584">
        <v>0</v>
      </c>
      <c r="Y41584">
        <v>0</v>
      </c>
      <c r="Z41584">
        <v>0</v>
      </c>
      <c r="AA41584">
        <v>0</v>
      </c>
      <c r="AB41584">
        <v>0</v>
      </c>
      <c r="AC41584">
        <v>0</v>
      </c>
      <c r="AD41584">
        <v>0</v>
      </c>
      <c r="AE41584">
        <v>0</v>
      </c>
      <c r="AF41584">
        <v>0</v>
      </c>
      <c r="AG41584">
        <v>0</v>
      </c>
      <c r="AH41584">
        <v>0</v>
      </c>
      <c r="AI41584">
        <v>0</v>
      </c>
      <c r="AJ41584">
        <v>0</v>
      </c>
      <c r="AK41584">
        <v>0</v>
      </c>
      <c r="AL41584">
        <v>0</v>
      </c>
      <c r="AM41584">
        <v>0</v>
      </c>
      <c r="AN41584">
        <v>0</v>
      </c>
      <c r="AO41584">
        <v>0</v>
      </c>
      <c r="AP41584">
        <v>0</v>
      </c>
      <c r="AQ41584">
        <v>0</v>
      </c>
    </row>
    <row r="41585" spans="1:43">
      <c r="A41585" t="s">
        <v>25595</v>
      </c>
      <c r="B41585" t="s">
        <v>25596</v>
      </c>
      <c r="C41585" t="s">
        <v>12727</v>
      </c>
      <c r="D41585" t="s">
        <v>12728</v>
      </c>
      <c r="E41585" t="s">
        <v>12580</v>
      </c>
      <c r="F41585" t="s">
        <v>12581</v>
      </c>
      <c r="G41585" t="s">
        <v>12582</v>
      </c>
      <c r="H41585" t="s">
        <v>12581</v>
      </c>
      <c r="I41585" s="2">
        <v>1</v>
      </c>
      <c r="J41585" s="2">
        <v>0</v>
      </c>
      <c r="K41585" s="2">
        <v>0</v>
      </c>
      <c r="L41585" t="s">
        <v>120</v>
      </c>
      <c r="M41585" t="s">
        <v>83</v>
      </c>
      <c r="N41585" t="s">
        <v>91</v>
      </c>
      <c r="O41585" t="s">
        <v>85</v>
      </c>
      <c r="P41585" t="s">
        <v>86</v>
      </c>
      <c r="Q41585">
        <v>0</v>
      </c>
      <c r="R41585">
        <v>0</v>
      </c>
      <c r="S41585">
        <v>0</v>
      </c>
      <c r="T41585">
        <v>0</v>
      </c>
      <c r="U41585">
        <v>0</v>
      </c>
      <c r="V41585">
        <v>0</v>
      </c>
      <c r="W41585">
        <v>0</v>
      </c>
      <c r="X41585">
        <v>0</v>
      </c>
      <c r="Y41585">
        <v>0</v>
      </c>
      <c r="Z41585">
        <v>0</v>
      </c>
      <c r="AA41585">
        <v>0</v>
      </c>
      <c r="AB41585">
        <v>0</v>
      </c>
      <c r="AC41585">
        <v>0</v>
      </c>
      <c r="AD41585">
        <v>0</v>
      </c>
      <c r="AE41585">
        <v>0</v>
      </c>
      <c r="AF41585">
        <v>0</v>
      </c>
      <c r="AG41585">
        <v>0</v>
      </c>
      <c r="AH41585">
        <v>0</v>
      </c>
      <c r="AI41585">
        <v>0</v>
      </c>
      <c r="AJ41585">
        <v>0</v>
      </c>
      <c r="AK41585">
        <v>0</v>
      </c>
      <c r="AL41585">
        <v>0</v>
      </c>
      <c r="AM41585">
        <v>0</v>
      </c>
      <c r="AN41585">
        <v>0</v>
      </c>
      <c r="AO41585">
        <v>0</v>
      </c>
      <c r="AP41585">
        <v>0</v>
      </c>
      <c r="AQ41585">
        <v>0</v>
      </c>
    </row>
    <row r="41586" spans="1:43">
      <c r="A41586" t="s">
        <v>25597</v>
      </c>
      <c r="B41586" t="s">
        <v>25598</v>
      </c>
      <c r="C41586" t="s">
        <v>12727</v>
      </c>
      <c r="D41586" t="s">
        <v>12728</v>
      </c>
      <c r="E41586" t="s">
        <v>12580</v>
      </c>
      <c r="F41586" t="s">
        <v>12581</v>
      </c>
      <c r="G41586" t="s">
        <v>12582</v>
      </c>
      <c r="H41586" t="s">
        <v>12581</v>
      </c>
      <c r="I41586" s="2">
        <v>1</v>
      </c>
      <c r="J41586" s="2">
        <v>0</v>
      </c>
      <c r="K41586" s="2">
        <v>0</v>
      </c>
      <c r="L41586" t="s">
        <v>120</v>
      </c>
      <c r="M41586" t="s">
        <v>83</v>
      </c>
      <c r="N41586" t="s">
        <v>84</v>
      </c>
      <c r="O41586" t="s">
        <v>85</v>
      </c>
      <c r="P41586" t="s">
        <v>86</v>
      </c>
      <c r="Q41586">
        <v>0</v>
      </c>
      <c r="R41586">
        <v>0</v>
      </c>
      <c r="S41586">
        <v>0</v>
      </c>
      <c r="T41586">
        <v>0</v>
      </c>
      <c r="U41586">
        <v>0</v>
      </c>
      <c r="V41586">
        <v>0</v>
      </c>
      <c r="W41586">
        <v>0</v>
      </c>
      <c r="X41586">
        <v>0</v>
      </c>
      <c r="Y41586">
        <v>0</v>
      </c>
      <c r="Z41586">
        <v>0</v>
      </c>
      <c r="AA41586">
        <v>0</v>
      </c>
      <c r="AB41586">
        <v>0</v>
      </c>
      <c r="AC41586">
        <v>0</v>
      </c>
      <c r="AD41586">
        <v>0</v>
      </c>
      <c r="AE41586">
        <v>0</v>
      </c>
      <c r="AF41586">
        <v>0</v>
      </c>
      <c r="AG41586">
        <v>0</v>
      </c>
      <c r="AH41586">
        <v>0</v>
      </c>
      <c r="AI41586">
        <v>0</v>
      </c>
      <c r="AJ41586">
        <v>0</v>
      </c>
      <c r="AK41586">
        <v>0</v>
      </c>
      <c r="AL41586">
        <v>0</v>
      </c>
      <c r="AM41586">
        <v>0</v>
      </c>
      <c r="AN41586">
        <v>0</v>
      </c>
      <c r="AO41586">
        <v>0</v>
      </c>
      <c r="AP41586">
        <v>0</v>
      </c>
      <c r="AQ41586">
        <v>0</v>
      </c>
    </row>
    <row r="41587" spans="1:43">
      <c r="A41587" t="s">
        <v>25597</v>
      </c>
      <c r="B41587" t="s">
        <v>25598</v>
      </c>
      <c r="C41587" t="s">
        <v>12727</v>
      </c>
      <c r="D41587" t="s">
        <v>12728</v>
      </c>
      <c r="E41587" t="s">
        <v>12580</v>
      </c>
      <c r="F41587" t="s">
        <v>12581</v>
      </c>
      <c r="G41587" t="s">
        <v>12582</v>
      </c>
      <c r="H41587" t="s">
        <v>12581</v>
      </c>
      <c r="I41587" s="2">
        <v>1</v>
      </c>
      <c r="J41587" s="2">
        <v>0</v>
      </c>
      <c r="K41587" s="2">
        <v>0</v>
      </c>
      <c r="L41587" t="s">
        <v>120</v>
      </c>
      <c r="M41587" t="s">
        <v>87</v>
      </c>
      <c r="N41587" t="s">
        <v>88</v>
      </c>
      <c r="O41587" t="s">
        <v>85</v>
      </c>
      <c r="P41587" t="s">
        <v>86</v>
      </c>
      <c r="Q41587">
        <v>0</v>
      </c>
      <c r="R41587">
        <v>0</v>
      </c>
      <c r="S41587">
        <v>0</v>
      </c>
      <c r="T41587">
        <v>0</v>
      </c>
      <c r="U41587">
        <v>0</v>
      </c>
      <c r="V41587">
        <v>0</v>
      </c>
      <c r="W41587">
        <v>0</v>
      </c>
      <c r="X41587">
        <v>0</v>
      </c>
      <c r="Y41587">
        <v>0</v>
      </c>
      <c r="Z41587">
        <v>0</v>
      </c>
      <c r="AA41587">
        <v>0</v>
      </c>
      <c r="AB41587">
        <v>0</v>
      </c>
      <c r="AC41587">
        <v>0</v>
      </c>
      <c r="AD41587">
        <v>0</v>
      </c>
      <c r="AE41587">
        <v>0</v>
      </c>
      <c r="AF41587">
        <v>0</v>
      </c>
      <c r="AG41587">
        <v>0</v>
      </c>
      <c r="AH41587">
        <v>0</v>
      </c>
      <c r="AI41587">
        <v>0</v>
      </c>
      <c r="AJ41587">
        <v>0</v>
      </c>
      <c r="AK41587">
        <v>0</v>
      </c>
      <c r="AL41587">
        <v>0</v>
      </c>
      <c r="AM41587">
        <v>0</v>
      </c>
      <c r="AN41587">
        <v>0</v>
      </c>
      <c r="AO41587">
        <v>0</v>
      </c>
      <c r="AP41587">
        <v>0</v>
      </c>
      <c r="AQ41587">
        <v>0</v>
      </c>
    </row>
    <row r="41588" spans="1:43">
      <c r="A41588" t="s">
        <v>25597</v>
      </c>
      <c r="B41588" t="s">
        <v>25598</v>
      </c>
      <c r="C41588" t="s">
        <v>12727</v>
      </c>
      <c r="D41588" t="s">
        <v>12728</v>
      </c>
      <c r="E41588" t="s">
        <v>12580</v>
      </c>
      <c r="F41588" t="s">
        <v>12581</v>
      </c>
      <c r="G41588" t="s">
        <v>12582</v>
      </c>
      <c r="H41588" t="s">
        <v>12581</v>
      </c>
      <c r="I41588" s="2">
        <v>1</v>
      </c>
      <c r="J41588" s="2">
        <v>0</v>
      </c>
      <c r="K41588" s="2">
        <v>0</v>
      </c>
      <c r="L41588" t="s">
        <v>120</v>
      </c>
      <c r="M41588" t="s">
        <v>89</v>
      </c>
      <c r="N41588" t="s">
        <v>90</v>
      </c>
      <c r="O41588" t="s">
        <v>85</v>
      </c>
      <c r="P41588" t="s">
        <v>86</v>
      </c>
      <c r="Q41588">
        <v>0</v>
      </c>
      <c r="R41588">
        <v>0</v>
      </c>
      <c r="S41588">
        <v>0</v>
      </c>
      <c r="T41588">
        <v>0</v>
      </c>
      <c r="U41588">
        <v>0</v>
      </c>
      <c r="V41588">
        <v>0</v>
      </c>
      <c r="W41588">
        <v>0</v>
      </c>
      <c r="X41588">
        <v>0</v>
      </c>
      <c r="Y41588">
        <v>0</v>
      </c>
      <c r="Z41588">
        <v>0</v>
      </c>
      <c r="AA41588">
        <v>0</v>
      </c>
      <c r="AB41588">
        <v>0</v>
      </c>
      <c r="AC41588">
        <v>0</v>
      </c>
      <c r="AD41588">
        <v>0</v>
      </c>
      <c r="AE41588">
        <v>0</v>
      </c>
      <c r="AF41588">
        <v>0</v>
      </c>
      <c r="AG41588">
        <v>0</v>
      </c>
      <c r="AH41588">
        <v>0</v>
      </c>
      <c r="AI41588">
        <v>0</v>
      </c>
      <c r="AJ41588">
        <v>0</v>
      </c>
      <c r="AK41588">
        <v>0</v>
      </c>
      <c r="AL41588">
        <v>0</v>
      </c>
      <c r="AM41588">
        <v>0</v>
      </c>
      <c r="AN41588">
        <v>0</v>
      </c>
      <c r="AO41588">
        <v>0</v>
      </c>
      <c r="AP41588">
        <v>0</v>
      </c>
      <c r="AQ41588">
        <v>0</v>
      </c>
    </row>
    <row r="41589" spans="1:43">
      <c r="A41589" t="s">
        <v>25597</v>
      </c>
      <c r="B41589" t="s">
        <v>25598</v>
      </c>
      <c r="C41589" t="s">
        <v>12727</v>
      </c>
      <c r="D41589" t="s">
        <v>12728</v>
      </c>
      <c r="E41589" t="s">
        <v>12580</v>
      </c>
      <c r="F41589" t="s">
        <v>12581</v>
      </c>
      <c r="G41589" t="s">
        <v>12582</v>
      </c>
      <c r="H41589" t="s">
        <v>12581</v>
      </c>
      <c r="I41589" s="2">
        <v>1</v>
      </c>
      <c r="J41589" s="2">
        <v>0</v>
      </c>
      <c r="K41589" s="2">
        <v>0</v>
      </c>
      <c r="L41589" t="s">
        <v>120</v>
      </c>
      <c r="M41589" t="s">
        <v>83</v>
      </c>
      <c r="N41589" t="s">
        <v>91</v>
      </c>
      <c r="O41589" t="s">
        <v>85</v>
      </c>
      <c r="P41589" t="s">
        <v>86</v>
      </c>
      <c r="Q41589">
        <v>0</v>
      </c>
      <c r="R41589">
        <v>0</v>
      </c>
      <c r="S41589">
        <v>0</v>
      </c>
      <c r="T41589">
        <v>0</v>
      </c>
      <c r="U41589">
        <v>0</v>
      </c>
      <c r="V41589">
        <v>0</v>
      </c>
      <c r="W41589">
        <v>0</v>
      </c>
      <c r="X41589">
        <v>0</v>
      </c>
      <c r="Y41589">
        <v>0</v>
      </c>
      <c r="Z41589">
        <v>0</v>
      </c>
      <c r="AA41589">
        <v>0</v>
      </c>
      <c r="AB41589">
        <v>0</v>
      </c>
      <c r="AC41589">
        <v>0</v>
      </c>
      <c r="AD41589">
        <v>0</v>
      </c>
      <c r="AE41589">
        <v>0</v>
      </c>
      <c r="AF41589">
        <v>0</v>
      </c>
      <c r="AG41589">
        <v>0</v>
      </c>
      <c r="AH41589">
        <v>0</v>
      </c>
      <c r="AI41589">
        <v>0</v>
      </c>
      <c r="AJ41589">
        <v>0</v>
      </c>
      <c r="AK41589">
        <v>0</v>
      </c>
      <c r="AL41589">
        <v>0</v>
      </c>
      <c r="AM41589">
        <v>0</v>
      </c>
      <c r="AN41589">
        <v>0</v>
      </c>
      <c r="AO41589">
        <v>0</v>
      </c>
      <c r="AP41589">
        <v>0</v>
      </c>
      <c r="AQ41589">
        <v>0</v>
      </c>
    </row>
    <row r="41590" spans="1:43">
      <c r="A41590" t="s">
        <v>25599</v>
      </c>
      <c r="B41590" t="s">
        <v>25600</v>
      </c>
      <c r="C41590" t="s">
        <v>12578</v>
      </c>
      <c r="D41590" t="s">
        <v>12579</v>
      </c>
      <c r="E41590" t="s">
        <v>12580</v>
      </c>
      <c r="F41590" t="s">
        <v>12581</v>
      </c>
      <c r="G41590" t="s">
        <v>12582</v>
      </c>
      <c r="H41590" t="s">
        <v>12581</v>
      </c>
      <c r="I41590" s="2">
        <v>1</v>
      </c>
      <c r="J41590" s="2">
        <v>0</v>
      </c>
      <c r="K41590" s="2">
        <v>0</v>
      </c>
      <c r="L41590" t="s">
        <v>120</v>
      </c>
      <c r="M41590" t="s">
        <v>83</v>
      </c>
      <c r="N41590" t="s">
        <v>84</v>
      </c>
      <c r="O41590" t="s">
        <v>85</v>
      </c>
      <c r="P41590" t="s">
        <v>86</v>
      </c>
      <c r="Q41590">
        <v>10</v>
      </c>
      <c r="R41590">
        <v>10</v>
      </c>
      <c r="S41590">
        <v>11</v>
      </c>
      <c r="T41590">
        <v>11</v>
      </c>
      <c r="U41590">
        <v>11</v>
      </c>
      <c r="V41590">
        <v>11</v>
      </c>
      <c r="W41590">
        <v>11</v>
      </c>
      <c r="X41590">
        <v>11</v>
      </c>
      <c r="Y41590">
        <v>12</v>
      </c>
      <c r="Z41590">
        <v>12</v>
      </c>
      <c r="AA41590">
        <v>12</v>
      </c>
      <c r="AB41590">
        <v>12</v>
      </c>
      <c r="AC41590">
        <v>12</v>
      </c>
      <c r="AD41590">
        <v>12</v>
      </c>
      <c r="AE41590">
        <v>13</v>
      </c>
      <c r="AF41590">
        <v>13</v>
      </c>
      <c r="AG41590">
        <v>13</v>
      </c>
      <c r="AH41590">
        <v>13</v>
      </c>
      <c r="AI41590">
        <v>13</v>
      </c>
      <c r="AJ41590">
        <v>13</v>
      </c>
      <c r="AK41590">
        <v>14</v>
      </c>
      <c r="AL41590">
        <v>14</v>
      </c>
      <c r="AM41590">
        <v>14</v>
      </c>
      <c r="AN41590">
        <v>14</v>
      </c>
      <c r="AO41590">
        <v>14</v>
      </c>
      <c r="AP41590">
        <v>14</v>
      </c>
      <c r="AQ41590">
        <v>14</v>
      </c>
    </row>
    <row r="41591" spans="1:43">
      <c r="A41591" t="s">
        <v>25599</v>
      </c>
      <c r="B41591" t="s">
        <v>25600</v>
      </c>
      <c r="C41591" t="s">
        <v>12578</v>
      </c>
      <c r="D41591" t="s">
        <v>12579</v>
      </c>
      <c r="E41591" t="s">
        <v>12580</v>
      </c>
      <c r="F41591" t="s">
        <v>12581</v>
      </c>
      <c r="G41591" t="s">
        <v>12582</v>
      </c>
      <c r="H41591" t="s">
        <v>12581</v>
      </c>
      <c r="I41591" s="2">
        <v>1</v>
      </c>
      <c r="J41591" s="2">
        <v>0</v>
      </c>
      <c r="K41591" s="2">
        <v>0</v>
      </c>
      <c r="L41591" t="s">
        <v>120</v>
      </c>
      <c r="M41591" t="s">
        <v>87</v>
      </c>
      <c r="N41591" t="s">
        <v>88</v>
      </c>
      <c r="O41591" t="s">
        <v>85</v>
      </c>
      <c r="P41591" t="s">
        <v>86</v>
      </c>
      <c r="Q41591">
        <v>10</v>
      </c>
      <c r="R41591">
        <v>10</v>
      </c>
      <c r="S41591">
        <v>10</v>
      </c>
      <c r="T41591">
        <v>10</v>
      </c>
      <c r="U41591">
        <v>10</v>
      </c>
      <c r="V41591">
        <v>11</v>
      </c>
      <c r="W41591">
        <v>11</v>
      </c>
      <c r="X41591">
        <v>11</v>
      </c>
      <c r="Y41591">
        <v>11</v>
      </c>
      <c r="Z41591">
        <v>11</v>
      </c>
      <c r="AA41591">
        <v>11</v>
      </c>
      <c r="AB41591">
        <v>11</v>
      </c>
      <c r="AC41591">
        <v>11</v>
      </c>
      <c r="AD41591">
        <v>11</v>
      </c>
      <c r="AE41591">
        <v>11</v>
      </c>
      <c r="AF41591">
        <v>11</v>
      </c>
      <c r="AG41591">
        <v>11</v>
      </c>
      <c r="AH41591">
        <v>11</v>
      </c>
      <c r="AI41591">
        <v>11</v>
      </c>
      <c r="AJ41591">
        <v>12</v>
      </c>
      <c r="AK41591">
        <v>12</v>
      </c>
      <c r="AL41591">
        <v>12</v>
      </c>
      <c r="AM41591">
        <v>12</v>
      </c>
      <c r="AN41591">
        <v>12</v>
      </c>
      <c r="AO41591">
        <v>12</v>
      </c>
      <c r="AP41591">
        <v>12</v>
      </c>
      <c r="AQ41591">
        <v>12</v>
      </c>
    </row>
    <row r="41592" spans="1:43">
      <c r="A41592" t="s">
        <v>25599</v>
      </c>
      <c r="B41592" t="s">
        <v>25600</v>
      </c>
      <c r="C41592" t="s">
        <v>12578</v>
      </c>
      <c r="D41592" t="s">
        <v>12579</v>
      </c>
      <c r="E41592" t="s">
        <v>12580</v>
      </c>
      <c r="F41592" t="s">
        <v>12581</v>
      </c>
      <c r="G41592" t="s">
        <v>12582</v>
      </c>
      <c r="H41592" t="s">
        <v>12581</v>
      </c>
      <c r="I41592" s="2">
        <v>1</v>
      </c>
      <c r="J41592" s="2">
        <v>0</v>
      </c>
      <c r="K41592" s="2">
        <v>0</v>
      </c>
      <c r="L41592" t="s">
        <v>120</v>
      </c>
      <c r="M41592" t="s">
        <v>89</v>
      </c>
      <c r="N41592" t="s">
        <v>90</v>
      </c>
      <c r="O41592" t="s">
        <v>85</v>
      </c>
      <c r="P41592" t="s">
        <v>86</v>
      </c>
      <c r="Q41592">
        <v>10</v>
      </c>
      <c r="R41592">
        <v>11</v>
      </c>
      <c r="S41592">
        <v>11</v>
      </c>
      <c r="T41592">
        <v>11</v>
      </c>
      <c r="U41592">
        <v>11</v>
      </c>
      <c r="V41592">
        <v>12</v>
      </c>
      <c r="W41592">
        <v>12</v>
      </c>
      <c r="X41592">
        <v>12</v>
      </c>
      <c r="Y41592">
        <v>12</v>
      </c>
      <c r="Z41592">
        <v>12</v>
      </c>
      <c r="AA41592">
        <v>13</v>
      </c>
      <c r="AB41592">
        <v>13</v>
      </c>
      <c r="AC41592">
        <v>13</v>
      </c>
      <c r="AD41592">
        <v>13</v>
      </c>
      <c r="AE41592">
        <v>13</v>
      </c>
      <c r="AF41592">
        <v>14</v>
      </c>
      <c r="AG41592">
        <v>14</v>
      </c>
      <c r="AH41592">
        <v>14</v>
      </c>
      <c r="AI41592">
        <v>14</v>
      </c>
      <c r="AJ41592">
        <v>14</v>
      </c>
      <c r="AK41592">
        <v>14</v>
      </c>
      <c r="AL41592">
        <v>14</v>
      </c>
      <c r="AM41592">
        <v>14</v>
      </c>
      <c r="AN41592">
        <v>14</v>
      </c>
      <c r="AO41592">
        <v>14</v>
      </c>
      <c r="AP41592">
        <v>14</v>
      </c>
      <c r="AQ41592">
        <v>14</v>
      </c>
    </row>
    <row r="41593" spans="1:43">
      <c r="A41593" t="s">
        <v>25599</v>
      </c>
      <c r="B41593" t="s">
        <v>25600</v>
      </c>
      <c r="C41593" t="s">
        <v>12578</v>
      </c>
      <c r="D41593" t="s">
        <v>12579</v>
      </c>
      <c r="E41593" t="s">
        <v>12580</v>
      </c>
      <c r="F41593" t="s">
        <v>12581</v>
      </c>
      <c r="G41593" t="s">
        <v>12582</v>
      </c>
      <c r="H41593" t="s">
        <v>12581</v>
      </c>
      <c r="I41593" s="2">
        <v>1</v>
      </c>
      <c r="J41593" s="2">
        <v>0</v>
      </c>
      <c r="K41593" s="2">
        <v>0</v>
      </c>
      <c r="L41593" t="s">
        <v>120</v>
      </c>
      <c r="M41593" t="s">
        <v>83</v>
      </c>
      <c r="N41593" t="s">
        <v>91</v>
      </c>
      <c r="O41593" t="s">
        <v>85</v>
      </c>
      <c r="P41593" t="s">
        <v>86</v>
      </c>
      <c r="Q41593">
        <v>10</v>
      </c>
      <c r="R41593">
        <v>10</v>
      </c>
      <c r="S41593">
        <v>11</v>
      </c>
      <c r="T41593">
        <v>11</v>
      </c>
      <c r="U41593">
        <v>11</v>
      </c>
      <c r="V41593">
        <v>11</v>
      </c>
      <c r="W41593">
        <v>11</v>
      </c>
      <c r="X41593">
        <v>11</v>
      </c>
      <c r="Y41593">
        <v>12</v>
      </c>
      <c r="Z41593">
        <v>12</v>
      </c>
      <c r="AA41593">
        <v>12</v>
      </c>
      <c r="AB41593">
        <v>12</v>
      </c>
      <c r="AC41593">
        <v>12</v>
      </c>
      <c r="AD41593">
        <v>12</v>
      </c>
      <c r="AE41593">
        <v>13</v>
      </c>
      <c r="AF41593">
        <v>13</v>
      </c>
      <c r="AG41593">
        <v>13</v>
      </c>
      <c r="AH41593">
        <v>13</v>
      </c>
      <c r="AI41593">
        <v>13</v>
      </c>
      <c r="AJ41593">
        <v>13</v>
      </c>
      <c r="AK41593">
        <v>14</v>
      </c>
      <c r="AL41593">
        <v>14</v>
      </c>
      <c r="AM41593">
        <v>14</v>
      </c>
      <c r="AN41593">
        <v>14</v>
      </c>
      <c r="AO41593">
        <v>14</v>
      </c>
      <c r="AP41593">
        <v>14</v>
      </c>
      <c r="AQ41593">
        <v>14</v>
      </c>
    </row>
    <row r="41594" spans="1:43">
      <c r="A41594" t="s">
        <v>25601</v>
      </c>
      <c r="B41594" t="s">
        <v>25602</v>
      </c>
      <c r="C41594" t="s">
        <v>12578</v>
      </c>
      <c r="D41594" t="s">
        <v>12579</v>
      </c>
      <c r="E41594" t="s">
        <v>12580</v>
      </c>
      <c r="F41594" t="s">
        <v>12581</v>
      </c>
      <c r="G41594" t="s">
        <v>12582</v>
      </c>
      <c r="H41594" t="s">
        <v>12581</v>
      </c>
      <c r="I41594" s="2">
        <v>1</v>
      </c>
      <c r="J41594" s="2">
        <v>0</v>
      </c>
      <c r="K41594" s="2">
        <v>0</v>
      </c>
      <c r="L41594" t="s">
        <v>120</v>
      </c>
      <c r="M41594" t="s">
        <v>83</v>
      </c>
      <c r="N41594" t="s">
        <v>84</v>
      </c>
      <c r="O41594" t="s">
        <v>85</v>
      </c>
      <c r="P41594" t="s">
        <v>86</v>
      </c>
      <c r="Q41594">
        <v>13</v>
      </c>
      <c r="R41594">
        <v>13</v>
      </c>
      <c r="S41594">
        <v>14</v>
      </c>
      <c r="T41594">
        <v>14</v>
      </c>
      <c r="U41594">
        <v>14</v>
      </c>
      <c r="V41594">
        <v>14</v>
      </c>
      <c r="W41594">
        <v>14</v>
      </c>
      <c r="X41594">
        <v>15</v>
      </c>
      <c r="Y41594">
        <v>15</v>
      </c>
      <c r="Z41594">
        <v>15</v>
      </c>
      <c r="AA41594">
        <v>15</v>
      </c>
      <c r="AB41594">
        <v>16</v>
      </c>
      <c r="AC41594">
        <v>16</v>
      </c>
      <c r="AD41594">
        <v>16</v>
      </c>
      <c r="AE41594">
        <v>16</v>
      </c>
      <c r="AF41594">
        <v>16</v>
      </c>
      <c r="AG41594">
        <v>17</v>
      </c>
      <c r="AH41594">
        <v>17</v>
      </c>
      <c r="AI41594">
        <v>17</v>
      </c>
      <c r="AJ41594">
        <v>17</v>
      </c>
      <c r="AK41594">
        <v>17</v>
      </c>
      <c r="AL41594">
        <v>18</v>
      </c>
      <c r="AM41594">
        <v>18</v>
      </c>
      <c r="AN41594">
        <v>18</v>
      </c>
      <c r="AO41594">
        <v>18</v>
      </c>
      <c r="AP41594">
        <v>18</v>
      </c>
      <c r="AQ41594">
        <v>18</v>
      </c>
    </row>
    <row r="41595" spans="1:43">
      <c r="A41595" t="s">
        <v>25601</v>
      </c>
      <c r="B41595" t="s">
        <v>25602</v>
      </c>
      <c r="C41595" t="s">
        <v>12578</v>
      </c>
      <c r="D41595" t="s">
        <v>12579</v>
      </c>
      <c r="E41595" t="s">
        <v>12580</v>
      </c>
      <c r="F41595" t="s">
        <v>12581</v>
      </c>
      <c r="G41595" t="s">
        <v>12582</v>
      </c>
      <c r="H41595" t="s">
        <v>12581</v>
      </c>
      <c r="I41595" s="2">
        <v>1</v>
      </c>
      <c r="J41595" s="2">
        <v>0</v>
      </c>
      <c r="K41595" s="2">
        <v>0</v>
      </c>
      <c r="L41595" t="s">
        <v>120</v>
      </c>
      <c r="M41595" t="s">
        <v>87</v>
      </c>
      <c r="N41595" t="s">
        <v>88</v>
      </c>
      <c r="O41595" t="s">
        <v>85</v>
      </c>
      <c r="P41595" t="s">
        <v>86</v>
      </c>
      <c r="Q41595">
        <v>13</v>
      </c>
      <c r="R41595">
        <v>13</v>
      </c>
      <c r="S41595">
        <v>13</v>
      </c>
      <c r="T41595">
        <v>13</v>
      </c>
      <c r="U41595">
        <v>13</v>
      </c>
      <c r="V41595">
        <v>14</v>
      </c>
      <c r="W41595">
        <v>14</v>
      </c>
      <c r="X41595">
        <v>14</v>
      </c>
      <c r="Y41595">
        <v>14</v>
      </c>
      <c r="Z41595">
        <v>14</v>
      </c>
      <c r="AA41595">
        <v>14</v>
      </c>
      <c r="AB41595">
        <v>14</v>
      </c>
      <c r="AC41595">
        <v>14</v>
      </c>
      <c r="AD41595">
        <v>14</v>
      </c>
      <c r="AE41595">
        <v>14</v>
      </c>
      <c r="AF41595">
        <v>14</v>
      </c>
      <c r="AG41595">
        <v>15</v>
      </c>
      <c r="AH41595">
        <v>15</v>
      </c>
      <c r="AI41595">
        <v>15</v>
      </c>
      <c r="AJ41595">
        <v>15</v>
      </c>
      <c r="AK41595">
        <v>15</v>
      </c>
      <c r="AL41595">
        <v>15</v>
      </c>
      <c r="AM41595">
        <v>15</v>
      </c>
      <c r="AN41595">
        <v>15</v>
      </c>
      <c r="AO41595">
        <v>15</v>
      </c>
      <c r="AP41595">
        <v>15</v>
      </c>
      <c r="AQ41595">
        <v>16</v>
      </c>
    </row>
    <row r="41596" spans="1:43">
      <c r="A41596" t="s">
        <v>25601</v>
      </c>
      <c r="B41596" t="s">
        <v>25602</v>
      </c>
      <c r="C41596" t="s">
        <v>12578</v>
      </c>
      <c r="D41596" t="s">
        <v>12579</v>
      </c>
      <c r="E41596" t="s">
        <v>12580</v>
      </c>
      <c r="F41596" t="s">
        <v>12581</v>
      </c>
      <c r="G41596" t="s">
        <v>12582</v>
      </c>
      <c r="H41596" t="s">
        <v>12581</v>
      </c>
      <c r="I41596" s="2">
        <v>1</v>
      </c>
      <c r="J41596" s="2">
        <v>0</v>
      </c>
      <c r="K41596" s="2">
        <v>0</v>
      </c>
      <c r="L41596" t="s">
        <v>120</v>
      </c>
      <c r="M41596" t="s">
        <v>89</v>
      </c>
      <c r="N41596" t="s">
        <v>90</v>
      </c>
      <c r="O41596" t="s">
        <v>85</v>
      </c>
      <c r="P41596" t="s">
        <v>86</v>
      </c>
      <c r="Q41596">
        <v>13</v>
      </c>
      <c r="R41596">
        <v>14</v>
      </c>
      <c r="S41596">
        <v>14</v>
      </c>
      <c r="T41596">
        <v>14</v>
      </c>
      <c r="U41596">
        <v>15</v>
      </c>
      <c r="V41596">
        <v>15</v>
      </c>
      <c r="W41596">
        <v>15</v>
      </c>
      <c r="X41596">
        <v>15</v>
      </c>
      <c r="Y41596">
        <v>16</v>
      </c>
      <c r="Z41596">
        <v>16</v>
      </c>
      <c r="AA41596">
        <v>16</v>
      </c>
      <c r="AB41596">
        <v>17</v>
      </c>
      <c r="AC41596">
        <v>17</v>
      </c>
      <c r="AD41596">
        <v>17</v>
      </c>
      <c r="AE41596">
        <v>17</v>
      </c>
      <c r="AF41596">
        <v>17</v>
      </c>
      <c r="AG41596">
        <v>17</v>
      </c>
      <c r="AH41596">
        <v>18</v>
      </c>
      <c r="AI41596">
        <v>18</v>
      </c>
      <c r="AJ41596">
        <v>18</v>
      </c>
      <c r="AK41596">
        <v>18</v>
      </c>
      <c r="AL41596">
        <v>18</v>
      </c>
      <c r="AM41596">
        <v>18</v>
      </c>
      <c r="AN41596">
        <v>18</v>
      </c>
      <c r="AO41596">
        <v>18</v>
      </c>
      <c r="AP41596">
        <v>18</v>
      </c>
      <c r="AQ41596">
        <v>18</v>
      </c>
    </row>
    <row r="41597" spans="1:43">
      <c r="A41597" t="s">
        <v>25601</v>
      </c>
      <c r="B41597" t="s">
        <v>25602</v>
      </c>
      <c r="C41597" t="s">
        <v>12578</v>
      </c>
      <c r="D41597" t="s">
        <v>12579</v>
      </c>
      <c r="E41597" t="s">
        <v>12580</v>
      </c>
      <c r="F41597" t="s">
        <v>12581</v>
      </c>
      <c r="G41597" t="s">
        <v>12582</v>
      </c>
      <c r="H41597" t="s">
        <v>12581</v>
      </c>
      <c r="I41597" s="2">
        <v>1</v>
      </c>
      <c r="J41597" s="2">
        <v>0</v>
      </c>
      <c r="K41597" s="2">
        <v>0</v>
      </c>
      <c r="L41597" t="s">
        <v>120</v>
      </c>
      <c r="M41597" t="s">
        <v>83</v>
      </c>
      <c r="N41597" t="s">
        <v>91</v>
      </c>
      <c r="O41597" t="s">
        <v>85</v>
      </c>
      <c r="P41597" t="s">
        <v>86</v>
      </c>
      <c r="Q41597">
        <v>13</v>
      </c>
      <c r="R41597">
        <v>13</v>
      </c>
      <c r="S41597">
        <v>14</v>
      </c>
      <c r="T41597">
        <v>14</v>
      </c>
      <c r="U41597">
        <v>14</v>
      </c>
      <c r="V41597">
        <v>14</v>
      </c>
      <c r="W41597">
        <v>14</v>
      </c>
      <c r="X41597">
        <v>15</v>
      </c>
      <c r="Y41597">
        <v>15</v>
      </c>
      <c r="Z41597">
        <v>15</v>
      </c>
      <c r="AA41597">
        <v>15</v>
      </c>
      <c r="AB41597">
        <v>16</v>
      </c>
      <c r="AC41597">
        <v>16</v>
      </c>
      <c r="AD41597">
        <v>16</v>
      </c>
      <c r="AE41597">
        <v>16</v>
      </c>
      <c r="AF41597">
        <v>16</v>
      </c>
      <c r="AG41597">
        <v>17</v>
      </c>
      <c r="AH41597">
        <v>17</v>
      </c>
      <c r="AI41597">
        <v>17</v>
      </c>
      <c r="AJ41597">
        <v>17</v>
      </c>
      <c r="AK41597">
        <v>17</v>
      </c>
      <c r="AL41597">
        <v>18</v>
      </c>
      <c r="AM41597">
        <v>18</v>
      </c>
      <c r="AN41597">
        <v>18</v>
      </c>
      <c r="AO41597">
        <v>18</v>
      </c>
      <c r="AP41597">
        <v>18</v>
      </c>
      <c r="AQ41597">
        <v>18</v>
      </c>
    </row>
    <row r="41598" spans="1:43">
      <c r="A41598" t="s">
        <v>25603</v>
      </c>
      <c r="B41598" t="s">
        <v>25604</v>
      </c>
      <c r="C41598" t="s">
        <v>12727</v>
      </c>
      <c r="D41598" t="s">
        <v>12728</v>
      </c>
      <c r="E41598" t="s">
        <v>12580</v>
      </c>
      <c r="F41598" t="s">
        <v>12581</v>
      </c>
      <c r="G41598" t="s">
        <v>12582</v>
      </c>
      <c r="H41598" t="s">
        <v>12581</v>
      </c>
      <c r="I41598" s="2">
        <v>1</v>
      </c>
      <c r="J41598" s="2">
        <v>0</v>
      </c>
      <c r="K41598" s="2">
        <v>0</v>
      </c>
      <c r="L41598" t="s">
        <v>120</v>
      </c>
      <c r="M41598" t="s">
        <v>83</v>
      </c>
      <c r="N41598" t="s">
        <v>84</v>
      </c>
      <c r="O41598" t="s">
        <v>85</v>
      </c>
      <c r="P41598" t="s">
        <v>86</v>
      </c>
      <c r="Q41598">
        <v>98</v>
      </c>
      <c r="R41598">
        <v>99</v>
      </c>
      <c r="S41598">
        <v>101</v>
      </c>
      <c r="T41598">
        <v>102</v>
      </c>
      <c r="U41598">
        <v>104</v>
      </c>
      <c r="V41598">
        <v>106</v>
      </c>
      <c r="W41598">
        <v>107</v>
      </c>
      <c r="X41598">
        <v>109</v>
      </c>
      <c r="Y41598">
        <v>110</v>
      </c>
      <c r="Z41598">
        <v>112</v>
      </c>
      <c r="AA41598">
        <v>114</v>
      </c>
      <c r="AB41598">
        <v>115</v>
      </c>
      <c r="AC41598">
        <v>117</v>
      </c>
      <c r="AD41598">
        <v>118</v>
      </c>
      <c r="AE41598">
        <v>120</v>
      </c>
      <c r="AF41598">
        <v>122</v>
      </c>
      <c r="AG41598">
        <v>123</v>
      </c>
      <c r="AH41598">
        <v>125</v>
      </c>
      <c r="AI41598">
        <v>127</v>
      </c>
      <c r="AJ41598">
        <v>128</v>
      </c>
      <c r="AK41598">
        <v>130</v>
      </c>
      <c r="AL41598">
        <v>131</v>
      </c>
      <c r="AM41598">
        <v>132</v>
      </c>
      <c r="AN41598">
        <v>132</v>
      </c>
      <c r="AO41598">
        <v>133</v>
      </c>
      <c r="AP41598">
        <v>133</v>
      </c>
      <c r="AQ41598">
        <v>134</v>
      </c>
    </row>
    <row r="41599" spans="1:43">
      <c r="A41599" t="s">
        <v>25603</v>
      </c>
      <c r="B41599" t="s">
        <v>25604</v>
      </c>
      <c r="C41599" t="s">
        <v>12727</v>
      </c>
      <c r="D41599" t="s">
        <v>12728</v>
      </c>
      <c r="E41599" t="s">
        <v>12580</v>
      </c>
      <c r="F41599" t="s">
        <v>12581</v>
      </c>
      <c r="G41599" t="s">
        <v>12582</v>
      </c>
      <c r="H41599" t="s">
        <v>12581</v>
      </c>
      <c r="I41599" s="2">
        <v>1</v>
      </c>
      <c r="J41599" s="2">
        <v>0</v>
      </c>
      <c r="K41599" s="2">
        <v>0</v>
      </c>
      <c r="L41599" t="s">
        <v>120</v>
      </c>
      <c r="M41599" t="s">
        <v>87</v>
      </c>
      <c r="N41599" t="s">
        <v>88</v>
      </c>
      <c r="O41599" t="s">
        <v>85</v>
      </c>
      <c r="P41599" t="s">
        <v>86</v>
      </c>
      <c r="Q41599">
        <v>98</v>
      </c>
      <c r="R41599">
        <v>98</v>
      </c>
      <c r="S41599">
        <v>99</v>
      </c>
      <c r="T41599">
        <v>100</v>
      </c>
      <c r="U41599">
        <v>100</v>
      </c>
      <c r="V41599">
        <v>101</v>
      </c>
      <c r="W41599">
        <v>102</v>
      </c>
      <c r="X41599">
        <v>102</v>
      </c>
      <c r="Y41599">
        <v>103</v>
      </c>
      <c r="Z41599">
        <v>104</v>
      </c>
      <c r="AA41599">
        <v>105</v>
      </c>
      <c r="AB41599">
        <v>105</v>
      </c>
      <c r="AC41599">
        <v>106</v>
      </c>
      <c r="AD41599">
        <v>107</v>
      </c>
      <c r="AE41599">
        <v>108</v>
      </c>
      <c r="AF41599">
        <v>108</v>
      </c>
      <c r="AG41599">
        <v>109</v>
      </c>
      <c r="AH41599">
        <v>110</v>
      </c>
      <c r="AI41599">
        <v>111</v>
      </c>
      <c r="AJ41599">
        <v>112</v>
      </c>
      <c r="AK41599">
        <v>112</v>
      </c>
      <c r="AL41599">
        <v>113</v>
      </c>
      <c r="AM41599">
        <v>114</v>
      </c>
      <c r="AN41599">
        <v>115</v>
      </c>
      <c r="AO41599">
        <v>116</v>
      </c>
      <c r="AP41599">
        <v>117</v>
      </c>
      <c r="AQ41599">
        <v>117</v>
      </c>
    </row>
    <row r="41600" spans="1:43">
      <c r="A41600" t="s">
        <v>25603</v>
      </c>
      <c r="B41600" t="s">
        <v>25604</v>
      </c>
      <c r="C41600" t="s">
        <v>12727</v>
      </c>
      <c r="D41600" t="s">
        <v>12728</v>
      </c>
      <c r="E41600" t="s">
        <v>12580</v>
      </c>
      <c r="F41600" t="s">
        <v>12581</v>
      </c>
      <c r="G41600" t="s">
        <v>12582</v>
      </c>
      <c r="H41600" t="s">
        <v>12581</v>
      </c>
      <c r="I41600" s="2">
        <v>1</v>
      </c>
      <c r="J41600" s="2">
        <v>0</v>
      </c>
      <c r="K41600" s="2">
        <v>0</v>
      </c>
      <c r="L41600" t="s">
        <v>120</v>
      </c>
      <c r="M41600" t="s">
        <v>89</v>
      </c>
      <c r="N41600" t="s">
        <v>90</v>
      </c>
      <c r="O41600" t="s">
        <v>85</v>
      </c>
      <c r="P41600" t="s">
        <v>86</v>
      </c>
      <c r="Q41600">
        <v>98</v>
      </c>
      <c r="R41600">
        <v>101</v>
      </c>
      <c r="S41600">
        <v>103</v>
      </c>
      <c r="T41600">
        <v>106</v>
      </c>
      <c r="U41600">
        <v>108</v>
      </c>
      <c r="V41600">
        <v>110</v>
      </c>
      <c r="W41600">
        <v>112</v>
      </c>
      <c r="X41600">
        <v>115</v>
      </c>
      <c r="Y41600">
        <v>117</v>
      </c>
      <c r="Z41600">
        <v>119</v>
      </c>
      <c r="AA41600">
        <v>121</v>
      </c>
      <c r="AB41600">
        <v>123</v>
      </c>
      <c r="AC41600">
        <v>125</v>
      </c>
      <c r="AD41600">
        <v>127</v>
      </c>
      <c r="AE41600">
        <v>129</v>
      </c>
      <c r="AF41600">
        <v>129</v>
      </c>
      <c r="AG41600">
        <v>130</v>
      </c>
      <c r="AH41600">
        <v>130</v>
      </c>
      <c r="AI41600">
        <v>131</v>
      </c>
      <c r="AJ41600">
        <v>131</v>
      </c>
      <c r="AK41600">
        <v>132</v>
      </c>
      <c r="AL41600">
        <v>132</v>
      </c>
      <c r="AM41600">
        <v>133</v>
      </c>
      <c r="AN41600">
        <v>134</v>
      </c>
      <c r="AO41600">
        <v>134</v>
      </c>
      <c r="AP41600">
        <v>135</v>
      </c>
      <c r="AQ41600">
        <v>135</v>
      </c>
    </row>
    <row r="41601" spans="1:43">
      <c r="A41601" t="s">
        <v>25603</v>
      </c>
      <c r="B41601" t="s">
        <v>25604</v>
      </c>
      <c r="C41601" t="s">
        <v>12727</v>
      </c>
      <c r="D41601" t="s">
        <v>12728</v>
      </c>
      <c r="E41601" t="s">
        <v>12580</v>
      </c>
      <c r="F41601" t="s">
        <v>12581</v>
      </c>
      <c r="G41601" t="s">
        <v>12582</v>
      </c>
      <c r="H41601" t="s">
        <v>12581</v>
      </c>
      <c r="I41601" s="2">
        <v>1</v>
      </c>
      <c r="J41601" s="2">
        <v>0</v>
      </c>
      <c r="K41601" s="2">
        <v>0</v>
      </c>
      <c r="L41601" t="s">
        <v>120</v>
      </c>
      <c r="M41601" t="s">
        <v>83</v>
      </c>
      <c r="N41601" t="s">
        <v>91</v>
      </c>
      <c r="O41601" t="s">
        <v>85</v>
      </c>
      <c r="P41601" t="s">
        <v>86</v>
      </c>
      <c r="Q41601">
        <v>98</v>
      </c>
      <c r="R41601">
        <v>99</v>
      </c>
      <c r="S41601">
        <v>101</v>
      </c>
      <c r="T41601">
        <v>102</v>
      </c>
      <c r="U41601">
        <v>104</v>
      </c>
      <c r="V41601">
        <v>106</v>
      </c>
      <c r="W41601">
        <v>107</v>
      </c>
      <c r="X41601">
        <v>109</v>
      </c>
      <c r="Y41601">
        <v>110</v>
      </c>
      <c r="Z41601">
        <v>112</v>
      </c>
      <c r="AA41601">
        <v>114</v>
      </c>
      <c r="AB41601">
        <v>115</v>
      </c>
      <c r="AC41601">
        <v>117</v>
      </c>
      <c r="AD41601">
        <v>118</v>
      </c>
      <c r="AE41601">
        <v>120</v>
      </c>
      <c r="AF41601">
        <v>122</v>
      </c>
      <c r="AG41601">
        <v>123</v>
      </c>
      <c r="AH41601">
        <v>125</v>
      </c>
      <c r="AI41601">
        <v>127</v>
      </c>
      <c r="AJ41601">
        <v>128</v>
      </c>
      <c r="AK41601">
        <v>130</v>
      </c>
      <c r="AL41601">
        <v>131</v>
      </c>
      <c r="AM41601">
        <v>132</v>
      </c>
      <c r="AN41601">
        <v>132</v>
      </c>
      <c r="AO41601">
        <v>133</v>
      </c>
      <c r="AP41601">
        <v>133</v>
      </c>
      <c r="AQ41601">
        <v>134</v>
      </c>
    </row>
    <row r="41602" spans="1:43">
      <c r="A41602" t="s">
        <v>25605</v>
      </c>
      <c r="B41602" t="s">
        <v>25606</v>
      </c>
      <c r="C41602" t="s">
        <v>12765</v>
      </c>
      <c r="D41602" t="s">
        <v>12766</v>
      </c>
      <c r="E41602" t="s">
        <v>12580</v>
      </c>
      <c r="F41602" t="s">
        <v>12581</v>
      </c>
      <c r="G41602" t="s">
        <v>12582</v>
      </c>
      <c r="H41602" t="s">
        <v>12581</v>
      </c>
      <c r="I41602" s="2">
        <v>1</v>
      </c>
      <c r="J41602" s="2">
        <v>0</v>
      </c>
      <c r="K41602" s="2">
        <v>0</v>
      </c>
      <c r="L41602" t="s">
        <v>120</v>
      </c>
      <c r="M41602" t="s">
        <v>83</v>
      </c>
      <c r="N41602" t="s">
        <v>84</v>
      </c>
      <c r="O41602" t="s">
        <v>85</v>
      </c>
      <c r="P41602" t="s">
        <v>86</v>
      </c>
      <c r="Q41602">
        <v>10</v>
      </c>
      <c r="R41602">
        <v>10</v>
      </c>
      <c r="S41602">
        <v>10</v>
      </c>
      <c r="T41602">
        <v>10</v>
      </c>
      <c r="U41602">
        <v>11</v>
      </c>
      <c r="V41602">
        <v>11</v>
      </c>
      <c r="W41602">
        <v>11</v>
      </c>
      <c r="X41602">
        <v>11</v>
      </c>
      <c r="Y41602">
        <v>11</v>
      </c>
      <c r="Z41602">
        <v>11</v>
      </c>
      <c r="AA41602">
        <v>12</v>
      </c>
      <c r="AB41602">
        <v>12</v>
      </c>
      <c r="AC41602">
        <v>12</v>
      </c>
      <c r="AD41602">
        <v>12</v>
      </c>
      <c r="AE41602">
        <v>12</v>
      </c>
      <c r="AF41602">
        <v>12</v>
      </c>
      <c r="AG41602">
        <v>13</v>
      </c>
      <c r="AH41602">
        <v>13</v>
      </c>
      <c r="AI41602">
        <v>13</v>
      </c>
      <c r="AJ41602">
        <v>13</v>
      </c>
      <c r="AK41602">
        <v>13</v>
      </c>
      <c r="AL41602">
        <v>13</v>
      </c>
      <c r="AM41602">
        <v>13</v>
      </c>
      <c r="AN41602">
        <v>13</v>
      </c>
      <c r="AO41602">
        <v>14</v>
      </c>
      <c r="AP41602">
        <v>14</v>
      </c>
      <c r="AQ41602">
        <v>14</v>
      </c>
    </row>
    <row r="41603" spans="1:43">
      <c r="A41603" t="s">
        <v>25605</v>
      </c>
      <c r="B41603" t="s">
        <v>25606</v>
      </c>
      <c r="C41603" t="s">
        <v>12765</v>
      </c>
      <c r="D41603" t="s">
        <v>12766</v>
      </c>
      <c r="E41603" t="s">
        <v>12580</v>
      </c>
      <c r="F41603" t="s">
        <v>12581</v>
      </c>
      <c r="G41603" t="s">
        <v>12582</v>
      </c>
      <c r="H41603" t="s">
        <v>12581</v>
      </c>
      <c r="I41603" s="2">
        <v>1</v>
      </c>
      <c r="J41603" s="2">
        <v>0</v>
      </c>
      <c r="K41603" s="2">
        <v>0</v>
      </c>
      <c r="L41603" t="s">
        <v>120</v>
      </c>
      <c r="M41603" t="s">
        <v>87</v>
      </c>
      <c r="N41603" t="s">
        <v>88</v>
      </c>
      <c r="O41603" t="s">
        <v>85</v>
      </c>
      <c r="P41603" t="s">
        <v>86</v>
      </c>
      <c r="Q41603">
        <v>10</v>
      </c>
      <c r="R41603">
        <v>10</v>
      </c>
      <c r="S41603">
        <v>10</v>
      </c>
      <c r="T41603">
        <v>10</v>
      </c>
      <c r="U41603">
        <v>10</v>
      </c>
      <c r="V41603">
        <v>10</v>
      </c>
      <c r="W41603">
        <v>10</v>
      </c>
      <c r="X41603">
        <v>10</v>
      </c>
      <c r="Y41603">
        <v>10</v>
      </c>
      <c r="Z41603">
        <v>11</v>
      </c>
      <c r="AA41603">
        <v>11</v>
      </c>
      <c r="AB41603">
        <v>11</v>
      </c>
      <c r="AC41603">
        <v>11</v>
      </c>
      <c r="AD41603">
        <v>11</v>
      </c>
      <c r="AE41603">
        <v>11</v>
      </c>
      <c r="AF41603">
        <v>11</v>
      </c>
      <c r="AG41603">
        <v>11</v>
      </c>
      <c r="AH41603">
        <v>11</v>
      </c>
      <c r="AI41603">
        <v>11</v>
      </c>
      <c r="AJ41603">
        <v>11</v>
      </c>
      <c r="AK41603">
        <v>11</v>
      </c>
      <c r="AL41603">
        <v>11</v>
      </c>
      <c r="AM41603">
        <v>12</v>
      </c>
      <c r="AN41603">
        <v>12</v>
      </c>
      <c r="AO41603">
        <v>12</v>
      </c>
      <c r="AP41603">
        <v>12</v>
      </c>
      <c r="AQ41603">
        <v>12</v>
      </c>
    </row>
    <row r="41604" spans="1:43">
      <c r="A41604" t="s">
        <v>25605</v>
      </c>
      <c r="B41604" t="s">
        <v>25606</v>
      </c>
      <c r="C41604" t="s">
        <v>12765</v>
      </c>
      <c r="D41604" t="s">
        <v>12766</v>
      </c>
      <c r="E41604" t="s">
        <v>12580</v>
      </c>
      <c r="F41604" t="s">
        <v>12581</v>
      </c>
      <c r="G41604" t="s">
        <v>12582</v>
      </c>
      <c r="H41604" t="s">
        <v>12581</v>
      </c>
      <c r="I41604" s="2">
        <v>1</v>
      </c>
      <c r="J41604" s="2">
        <v>0</v>
      </c>
      <c r="K41604" s="2">
        <v>0</v>
      </c>
      <c r="L41604" t="s">
        <v>120</v>
      </c>
      <c r="M41604" t="s">
        <v>89</v>
      </c>
      <c r="N41604" t="s">
        <v>90</v>
      </c>
      <c r="O41604" t="s">
        <v>85</v>
      </c>
      <c r="P41604" t="s">
        <v>86</v>
      </c>
      <c r="Q41604">
        <v>10</v>
      </c>
      <c r="R41604">
        <v>10</v>
      </c>
      <c r="S41604">
        <v>11</v>
      </c>
      <c r="T41604">
        <v>11</v>
      </c>
      <c r="U41604">
        <v>11</v>
      </c>
      <c r="V41604">
        <v>11</v>
      </c>
      <c r="W41604">
        <v>12</v>
      </c>
      <c r="X41604">
        <v>12</v>
      </c>
      <c r="Y41604">
        <v>12</v>
      </c>
      <c r="Z41604">
        <v>12</v>
      </c>
      <c r="AA41604">
        <v>12</v>
      </c>
      <c r="AB41604">
        <v>13</v>
      </c>
      <c r="AC41604">
        <v>13</v>
      </c>
      <c r="AD41604">
        <v>13</v>
      </c>
      <c r="AE41604">
        <v>13</v>
      </c>
      <c r="AF41604">
        <v>13</v>
      </c>
      <c r="AG41604">
        <v>13</v>
      </c>
      <c r="AH41604">
        <v>13</v>
      </c>
      <c r="AI41604">
        <v>13</v>
      </c>
      <c r="AJ41604">
        <v>13</v>
      </c>
      <c r="AK41604">
        <v>13</v>
      </c>
      <c r="AL41604">
        <v>13</v>
      </c>
      <c r="AM41604">
        <v>14</v>
      </c>
      <c r="AN41604">
        <v>14</v>
      </c>
      <c r="AO41604">
        <v>14</v>
      </c>
      <c r="AP41604">
        <v>14</v>
      </c>
      <c r="AQ41604">
        <v>14</v>
      </c>
    </row>
    <row r="41605" spans="1:43">
      <c r="A41605" t="s">
        <v>25605</v>
      </c>
      <c r="B41605" t="s">
        <v>25606</v>
      </c>
      <c r="C41605" t="s">
        <v>12765</v>
      </c>
      <c r="D41605" t="s">
        <v>12766</v>
      </c>
      <c r="E41605" t="s">
        <v>12580</v>
      </c>
      <c r="F41605" t="s">
        <v>12581</v>
      </c>
      <c r="G41605" t="s">
        <v>12582</v>
      </c>
      <c r="H41605" t="s">
        <v>12581</v>
      </c>
      <c r="I41605" s="2">
        <v>1</v>
      </c>
      <c r="J41605" s="2">
        <v>0</v>
      </c>
      <c r="K41605" s="2">
        <v>0</v>
      </c>
      <c r="L41605" t="s">
        <v>120</v>
      </c>
      <c r="M41605" t="s">
        <v>83</v>
      </c>
      <c r="N41605" t="s">
        <v>91</v>
      </c>
      <c r="O41605" t="s">
        <v>85</v>
      </c>
      <c r="P41605" t="s">
        <v>86</v>
      </c>
      <c r="Q41605">
        <v>10</v>
      </c>
      <c r="R41605">
        <v>10</v>
      </c>
      <c r="S41605">
        <v>10</v>
      </c>
      <c r="T41605">
        <v>10</v>
      </c>
      <c r="U41605">
        <v>11</v>
      </c>
      <c r="V41605">
        <v>11</v>
      </c>
      <c r="W41605">
        <v>11</v>
      </c>
      <c r="X41605">
        <v>11</v>
      </c>
      <c r="Y41605">
        <v>11</v>
      </c>
      <c r="Z41605">
        <v>11</v>
      </c>
      <c r="AA41605">
        <v>12</v>
      </c>
      <c r="AB41605">
        <v>12</v>
      </c>
      <c r="AC41605">
        <v>12</v>
      </c>
      <c r="AD41605">
        <v>12</v>
      </c>
      <c r="AE41605">
        <v>12</v>
      </c>
      <c r="AF41605">
        <v>12</v>
      </c>
      <c r="AG41605">
        <v>13</v>
      </c>
      <c r="AH41605">
        <v>13</v>
      </c>
      <c r="AI41605">
        <v>13</v>
      </c>
      <c r="AJ41605">
        <v>13</v>
      </c>
      <c r="AK41605">
        <v>13</v>
      </c>
      <c r="AL41605">
        <v>13</v>
      </c>
      <c r="AM41605">
        <v>13</v>
      </c>
      <c r="AN41605">
        <v>13</v>
      </c>
      <c r="AO41605">
        <v>14</v>
      </c>
      <c r="AP41605">
        <v>14</v>
      </c>
      <c r="AQ41605">
        <v>14</v>
      </c>
    </row>
    <row r="41606" spans="1:43">
      <c r="A41606" t="s">
        <v>25607</v>
      </c>
      <c r="B41606" t="s">
        <v>25608</v>
      </c>
      <c r="C41606" t="s">
        <v>12765</v>
      </c>
      <c r="D41606" t="s">
        <v>12766</v>
      </c>
      <c r="E41606" t="s">
        <v>12580</v>
      </c>
      <c r="F41606" t="s">
        <v>12581</v>
      </c>
      <c r="G41606" t="s">
        <v>12582</v>
      </c>
      <c r="H41606" t="s">
        <v>12581</v>
      </c>
      <c r="I41606" s="2">
        <v>1</v>
      </c>
      <c r="J41606" s="2">
        <v>0</v>
      </c>
      <c r="K41606" s="2">
        <v>0</v>
      </c>
      <c r="L41606" t="s">
        <v>120</v>
      </c>
      <c r="M41606" t="s">
        <v>83</v>
      </c>
      <c r="N41606" t="s">
        <v>84</v>
      </c>
      <c r="O41606" t="s">
        <v>85</v>
      </c>
      <c r="P41606" t="s">
        <v>86</v>
      </c>
      <c r="Q41606">
        <v>2</v>
      </c>
      <c r="R41606">
        <v>2</v>
      </c>
      <c r="S41606">
        <v>2</v>
      </c>
      <c r="T41606">
        <v>2</v>
      </c>
      <c r="U41606">
        <v>2</v>
      </c>
      <c r="V41606">
        <v>2</v>
      </c>
      <c r="W41606">
        <v>3</v>
      </c>
      <c r="X41606">
        <v>3</v>
      </c>
      <c r="Y41606">
        <v>3</v>
      </c>
      <c r="Z41606">
        <v>3</v>
      </c>
      <c r="AA41606">
        <v>3</v>
      </c>
      <c r="AB41606">
        <v>3</v>
      </c>
      <c r="AC41606">
        <v>3</v>
      </c>
      <c r="AD41606">
        <v>3</v>
      </c>
      <c r="AE41606">
        <v>3</v>
      </c>
      <c r="AF41606">
        <v>3</v>
      </c>
      <c r="AG41606">
        <v>3</v>
      </c>
      <c r="AH41606">
        <v>3</v>
      </c>
      <c r="AI41606">
        <v>3</v>
      </c>
      <c r="AJ41606">
        <v>3</v>
      </c>
      <c r="AK41606">
        <v>3</v>
      </c>
      <c r="AL41606">
        <v>3</v>
      </c>
      <c r="AM41606">
        <v>3</v>
      </c>
      <c r="AN41606">
        <v>3</v>
      </c>
      <c r="AO41606">
        <v>3</v>
      </c>
      <c r="AP41606">
        <v>3</v>
      </c>
      <c r="AQ41606">
        <v>3</v>
      </c>
    </row>
    <row r="41607" spans="1:43">
      <c r="A41607" t="s">
        <v>25607</v>
      </c>
      <c r="B41607" t="s">
        <v>25608</v>
      </c>
      <c r="C41607" t="s">
        <v>12765</v>
      </c>
      <c r="D41607" t="s">
        <v>12766</v>
      </c>
      <c r="E41607" t="s">
        <v>12580</v>
      </c>
      <c r="F41607" t="s">
        <v>12581</v>
      </c>
      <c r="G41607" t="s">
        <v>12582</v>
      </c>
      <c r="H41607" t="s">
        <v>12581</v>
      </c>
      <c r="I41607" s="2">
        <v>1</v>
      </c>
      <c r="J41607" s="2">
        <v>0</v>
      </c>
      <c r="K41607" s="2">
        <v>0</v>
      </c>
      <c r="L41607" t="s">
        <v>120</v>
      </c>
      <c r="M41607" t="s">
        <v>87</v>
      </c>
      <c r="N41607" t="s">
        <v>88</v>
      </c>
      <c r="O41607" t="s">
        <v>85</v>
      </c>
      <c r="P41607" t="s">
        <v>86</v>
      </c>
      <c r="Q41607">
        <v>2</v>
      </c>
      <c r="R41607">
        <v>2</v>
      </c>
      <c r="S41607">
        <v>2</v>
      </c>
      <c r="T41607">
        <v>2</v>
      </c>
      <c r="U41607">
        <v>2</v>
      </c>
      <c r="V41607">
        <v>2</v>
      </c>
      <c r="W41607">
        <v>2</v>
      </c>
      <c r="X41607">
        <v>2</v>
      </c>
      <c r="Y41607">
        <v>2</v>
      </c>
      <c r="Z41607">
        <v>2</v>
      </c>
      <c r="AA41607">
        <v>2</v>
      </c>
      <c r="AB41607">
        <v>2</v>
      </c>
      <c r="AC41607">
        <v>2</v>
      </c>
      <c r="AD41607">
        <v>2</v>
      </c>
      <c r="AE41607">
        <v>2</v>
      </c>
      <c r="AF41607">
        <v>3</v>
      </c>
      <c r="AG41607">
        <v>3</v>
      </c>
      <c r="AH41607">
        <v>3</v>
      </c>
      <c r="AI41607">
        <v>3</v>
      </c>
      <c r="AJ41607">
        <v>3</v>
      </c>
      <c r="AK41607">
        <v>3</v>
      </c>
      <c r="AL41607">
        <v>3</v>
      </c>
      <c r="AM41607">
        <v>3</v>
      </c>
      <c r="AN41607">
        <v>3</v>
      </c>
      <c r="AO41607">
        <v>3</v>
      </c>
      <c r="AP41607">
        <v>3</v>
      </c>
      <c r="AQ41607">
        <v>3</v>
      </c>
    </row>
    <row r="41608" spans="1:43">
      <c r="A41608" t="s">
        <v>25607</v>
      </c>
      <c r="B41608" t="s">
        <v>25608</v>
      </c>
      <c r="C41608" t="s">
        <v>12765</v>
      </c>
      <c r="D41608" t="s">
        <v>12766</v>
      </c>
      <c r="E41608" t="s">
        <v>12580</v>
      </c>
      <c r="F41608" t="s">
        <v>12581</v>
      </c>
      <c r="G41608" t="s">
        <v>12582</v>
      </c>
      <c r="H41608" t="s">
        <v>12581</v>
      </c>
      <c r="I41608" s="2">
        <v>1</v>
      </c>
      <c r="J41608" s="2">
        <v>0</v>
      </c>
      <c r="K41608" s="2">
        <v>0</v>
      </c>
      <c r="L41608" t="s">
        <v>120</v>
      </c>
      <c r="M41608" t="s">
        <v>89</v>
      </c>
      <c r="N41608" t="s">
        <v>90</v>
      </c>
      <c r="O41608" t="s">
        <v>85</v>
      </c>
      <c r="P41608" t="s">
        <v>86</v>
      </c>
      <c r="Q41608">
        <v>2</v>
      </c>
      <c r="R41608">
        <v>2</v>
      </c>
      <c r="S41608">
        <v>2</v>
      </c>
      <c r="T41608">
        <v>2</v>
      </c>
      <c r="U41608">
        <v>3</v>
      </c>
      <c r="V41608">
        <v>3</v>
      </c>
      <c r="W41608">
        <v>3</v>
      </c>
      <c r="X41608">
        <v>3</v>
      </c>
      <c r="Y41608">
        <v>3</v>
      </c>
      <c r="Z41608">
        <v>3</v>
      </c>
      <c r="AA41608">
        <v>3</v>
      </c>
      <c r="AB41608">
        <v>3</v>
      </c>
      <c r="AC41608">
        <v>3</v>
      </c>
      <c r="AD41608">
        <v>3</v>
      </c>
      <c r="AE41608">
        <v>3</v>
      </c>
      <c r="AF41608">
        <v>3</v>
      </c>
      <c r="AG41608">
        <v>3</v>
      </c>
      <c r="AH41608">
        <v>3</v>
      </c>
      <c r="AI41608">
        <v>3</v>
      </c>
      <c r="AJ41608">
        <v>3</v>
      </c>
      <c r="AK41608">
        <v>3</v>
      </c>
      <c r="AL41608">
        <v>3</v>
      </c>
      <c r="AM41608">
        <v>3</v>
      </c>
      <c r="AN41608">
        <v>3</v>
      </c>
      <c r="AO41608">
        <v>3</v>
      </c>
      <c r="AP41608">
        <v>3</v>
      </c>
      <c r="AQ41608">
        <v>3</v>
      </c>
    </row>
    <row r="41609" spans="1:43">
      <c r="A41609" t="s">
        <v>25607</v>
      </c>
      <c r="B41609" t="s">
        <v>25608</v>
      </c>
      <c r="C41609" t="s">
        <v>12765</v>
      </c>
      <c r="D41609" t="s">
        <v>12766</v>
      </c>
      <c r="E41609" t="s">
        <v>12580</v>
      </c>
      <c r="F41609" t="s">
        <v>12581</v>
      </c>
      <c r="G41609" t="s">
        <v>12582</v>
      </c>
      <c r="H41609" t="s">
        <v>12581</v>
      </c>
      <c r="I41609" s="2">
        <v>1</v>
      </c>
      <c r="J41609" s="2">
        <v>0</v>
      </c>
      <c r="K41609" s="2">
        <v>0</v>
      </c>
      <c r="L41609" t="s">
        <v>120</v>
      </c>
      <c r="M41609" t="s">
        <v>83</v>
      </c>
      <c r="N41609" t="s">
        <v>91</v>
      </c>
      <c r="O41609" t="s">
        <v>85</v>
      </c>
      <c r="P41609" t="s">
        <v>86</v>
      </c>
      <c r="Q41609">
        <v>2</v>
      </c>
      <c r="R41609">
        <v>2</v>
      </c>
      <c r="S41609">
        <v>2</v>
      </c>
      <c r="T41609">
        <v>2</v>
      </c>
      <c r="U41609">
        <v>2</v>
      </c>
      <c r="V41609">
        <v>2</v>
      </c>
      <c r="W41609">
        <v>3</v>
      </c>
      <c r="X41609">
        <v>3</v>
      </c>
      <c r="Y41609">
        <v>3</v>
      </c>
      <c r="Z41609">
        <v>3</v>
      </c>
      <c r="AA41609">
        <v>3</v>
      </c>
      <c r="AB41609">
        <v>3</v>
      </c>
      <c r="AC41609">
        <v>3</v>
      </c>
      <c r="AD41609">
        <v>3</v>
      </c>
      <c r="AE41609">
        <v>3</v>
      </c>
      <c r="AF41609">
        <v>3</v>
      </c>
      <c r="AG41609">
        <v>3</v>
      </c>
      <c r="AH41609">
        <v>3</v>
      </c>
      <c r="AI41609">
        <v>3</v>
      </c>
      <c r="AJ41609">
        <v>3</v>
      </c>
      <c r="AK41609">
        <v>3</v>
      </c>
      <c r="AL41609">
        <v>3</v>
      </c>
      <c r="AM41609">
        <v>3</v>
      </c>
      <c r="AN41609">
        <v>3</v>
      </c>
      <c r="AO41609">
        <v>3</v>
      </c>
      <c r="AP41609">
        <v>3</v>
      </c>
      <c r="AQ41609">
        <v>3</v>
      </c>
    </row>
    <row r="41610" spans="1:43">
      <c r="A41610" t="s">
        <v>25609</v>
      </c>
      <c r="B41610" t="s">
        <v>25610</v>
      </c>
      <c r="C41610" t="s">
        <v>25611</v>
      </c>
      <c r="D41610" t="s">
        <v>25612</v>
      </c>
      <c r="E41610" t="s">
        <v>12580</v>
      </c>
      <c r="F41610" t="s">
        <v>12581</v>
      </c>
      <c r="G41610" t="s">
        <v>12582</v>
      </c>
      <c r="H41610" t="s">
        <v>12581</v>
      </c>
      <c r="I41610" s="2">
        <v>0.89</v>
      </c>
      <c r="J41610" s="2">
        <v>0</v>
      </c>
      <c r="K41610" s="2">
        <v>0</v>
      </c>
      <c r="L41610" t="s">
        <v>120</v>
      </c>
      <c r="M41610" t="s">
        <v>83</v>
      </c>
      <c r="N41610" t="s">
        <v>84</v>
      </c>
      <c r="O41610" t="s">
        <v>85</v>
      </c>
      <c r="P41610" t="s">
        <v>86</v>
      </c>
      <c r="Q41610">
        <v>34</v>
      </c>
      <c r="R41610">
        <v>34</v>
      </c>
      <c r="S41610">
        <v>35</v>
      </c>
      <c r="T41610">
        <v>35</v>
      </c>
      <c r="U41610">
        <v>36</v>
      </c>
      <c r="V41610">
        <v>36</v>
      </c>
      <c r="W41610">
        <v>37</v>
      </c>
      <c r="X41610">
        <v>37</v>
      </c>
      <c r="Y41610">
        <v>38</v>
      </c>
      <c r="Z41610">
        <v>38</v>
      </c>
      <c r="AA41610">
        <v>39</v>
      </c>
      <c r="AB41610">
        <v>39</v>
      </c>
      <c r="AC41610">
        <v>40</v>
      </c>
      <c r="AD41610">
        <v>40</v>
      </c>
      <c r="AE41610">
        <v>41</v>
      </c>
      <c r="AF41610">
        <v>41</v>
      </c>
      <c r="AG41610">
        <v>42</v>
      </c>
      <c r="AH41610">
        <v>43</v>
      </c>
      <c r="AI41610">
        <v>43</v>
      </c>
      <c r="AJ41610">
        <v>44</v>
      </c>
      <c r="AK41610">
        <v>44</v>
      </c>
      <c r="AL41610">
        <v>44</v>
      </c>
      <c r="AM41610">
        <v>45</v>
      </c>
      <c r="AN41610">
        <v>45</v>
      </c>
      <c r="AO41610">
        <v>45</v>
      </c>
      <c r="AP41610">
        <v>45</v>
      </c>
      <c r="AQ41610">
        <v>45</v>
      </c>
    </row>
    <row r="41611" spans="1:43">
      <c r="A41611" t="s">
        <v>25609</v>
      </c>
      <c r="B41611" t="s">
        <v>25610</v>
      </c>
      <c r="C41611" t="s">
        <v>25611</v>
      </c>
      <c r="D41611" t="s">
        <v>25612</v>
      </c>
      <c r="E41611" t="s">
        <v>12580</v>
      </c>
      <c r="F41611" t="s">
        <v>12581</v>
      </c>
      <c r="G41611" t="s">
        <v>12582</v>
      </c>
      <c r="H41611" t="s">
        <v>12581</v>
      </c>
      <c r="I41611" s="2">
        <v>0.89</v>
      </c>
      <c r="J41611" s="2">
        <v>0</v>
      </c>
      <c r="K41611" s="2">
        <v>0</v>
      </c>
      <c r="L41611" t="s">
        <v>120</v>
      </c>
      <c r="M41611" t="s">
        <v>87</v>
      </c>
      <c r="N41611" t="s">
        <v>88</v>
      </c>
      <c r="O41611" t="s">
        <v>85</v>
      </c>
      <c r="P41611" t="s">
        <v>86</v>
      </c>
      <c r="Q41611">
        <v>34</v>
      </c>
      <c r="R41611">
        <v>35</v>
      </c>
      <c r="S41611">
        <v>35</v>
      </c>
      <c r="T41611">
        <v>35</v>
      </c>
      <c r="U41611">
        <v>35</v>
      </c>
      <c r="V41611">
        <v>35</v>
      </c>
      <c r="W41611">
        <v>36</v>
      </c>
      <c r="X41611">
        <v>36</v>
      </c>
      <c r="Y41611">
        <v>36</v>
      </c>
      <c r="Z41611">
        <v>36</v>
      </c>
      <c r="AA41611">
        <v>36</v>
      </c>
      <c r="AB41611">
        <v>37</v>
      </c>
      <c r="AC41611">
        <v>37</v>
      </c>
      <c r="AD41611">
        <v>37</v>
      </c>
      <c r="AE41611">
        <v>37</v>
      </c>
      <c r="AF41611">
        <v>37</v>
      </c>
      <c r="AG41611">
        <v>38</v>
      </c>
      <c r="AH41611">
        <v>38</v>
      </c>
      <c r="AI41611">
        <v>38</v>
      </c>
      <c r="AJ41611">
        <v>38</v>
      </c>
      <c r="AK41611">
        <v>39</v>
      </c>
      <c r="AL41611">
        <v>39</v>
      </c>
      <c r="AM41611">
        <v>39</v>
      </c>
      <c r="AN41611">
        <v>39</v>
      </c>
      <c r="AO41611">
        <v>40</v>
      </c>
      <c r="AP41611">
        <v>40</v>
      </c>
      <c r="AQ41611">
        <v>40</v>
      </c>
    </row>
    <row r="41612" spans="1:43">
      <c r="A41612" t="s">
        <v>25609</v>
      </c>
      <c r="B41612" t="s">
        <v>25610</v>
      </c>
      <c r="C41612" t="s">
        <v>25611</v>
      </c>
      <c r="D41612" t="s">
        <v>25612</v>
      </c>
      <c r="E41612" t="s">
        <v>12580</v>
      </c>
      <c r="F41612" t="s">
        <v>12581</v>
      </c>
      <c r="G41612" t="s">
        <v>12582</v>
      </c>
      <c r="H41612" t="s">
        <v>12581</v>
      </c>
      <c r="I41612" s="2">
        <v>0.89</v>
      </c>
      <c r="J41612" s="2">
        <v>0</v>
      </c>
      <c r="K41612" s="2">
        <v>0</v>
      </c>
      <c r="L41612" t="s">
        <v>120</v>
      </c>
      <c r="M41612" t="s">
        <v>89</v>
      </c>
      <c r="N41612" t="s">
        <v>90</v>
      </c>
      <c r="O41612" t="s">
        <v>85</v>
      </c>
      <c r="P41612" t="s">
        <v>86</v>
      </c>
      <c r="Q41612">
        <v>34</v>
      </c>
      <c r="R41612">
        <v>35</v>
      </c>
      <c r="S41612">
        <v>36</v>
      </c>
      <c r="T41612">
        <v>36</v>
      </c>
      <c r="U41612">
        <v>37</v>
      </c>
      <c r="V41612">
        <v>38</v>
      </c>
      <c r="W41612">
        <v>39</v>
      </c>
      <c r="X41612">
        <v>39</v>
      </c>
      <c r="Y41612">
        <v>40</v>
      </c>
      <c r="Z41612">
        <v>41</v>
      </c>
      <c r="AA41612">
        <v>41</v>
      </c>
      <c r="AB41612">
        <v>42</v>
      </c>
      <c r="AC41612">
        <v>43</v>
      </c>
      <c r="AD41612">
        <v>43</v>
      </c>
      <c r="AE41612">
        <v>44</v>
      </c>
      <c r="AF41612">
        <v>44</v>
      </c>
      <c r="AG41612">
        <v>44</v>
      </c>
      <c r="AH41612">
        <v>44</v>
      </c>
      <c r="AI41612">
        <v>44</v>
      </c>
      <c r="AJ41612">
        <v>45</v>
      </c>
      <c r="AK41612">
        <v>45</v>
      </c>
      <c r="AL41612">
        <v>45</v>
      </c>
      <c r="AM41612">
        <v>45</v>
      </c>
      <c r="AN41612">
        <v>45</v>
      </c>
      <c r="AO41612">
        <v>45</v>
      </c>
      <c r="AP41612">
        <v>45</v>
      </c>
      <c r="AQ41612">
        <v>45</v>
      </c>
    </row>
    <row r="41613" spans="1:43">
      <c r="A41613" t="s">
        <v>25609</v>
      </c>
      <c r="B41613" t="s">
        <v>25610</v>
      </c>
      <c r="C41613" t="s">
        <v>25611</v>
      </c>
      <c r="D41613" t="s">
        <v>25612</v>
      </c>
      <c r="E41613" t="s">
        <v>12580</v>
      </c>
      <c r="F41613" t="s">
        <v>12581</v>
      </c>
      <c r="G41613" t="s">
        <v>12582</v>
      </c>
      <c r="H41613" t="s">
        <v>12581</v>
      </c>
      <c r="I41613" s="2">
        <v>0.89</v>
      </c>
      <c r="J41613" s="2">
        <v>0</v>
      </c>
      <c r="K41613" s="2">
        <v>0</v>
      </c>
      <c r="L41613" t="s">
        <v>120</v>
      </c>
      <c r="M41613" t="s">
        <v>83</v>
      </c>
      <c r="N41613" t="s">
        <v>91</v>
      </c>
      <c r="O41613" t="s">
        <v>85</v>
      </c>
      <c r="P41613" t="s">
        <v>86</v>
      </c>
      <c r="Q41613">
        <v>34</v>
      </c>
      <c r="R41613">
        <v>34</v>
      </c>
      <c r="S41613">
        <v>35</v>
      </c>
      <c r="T41613">
        <v>35</v>
      </c>
      <c r="U41613">
        <v>36</v>
      </c>
      <c r="V41613">
        <v>36</v>
      </c>
      <c r="W41613">
        <v>37</v>
      </c>
      <c r="X41613">
        <v>37</v>
      </c>
      <c r="Y41613">
        <v>38</v>
      </c>
      <c r="Z41613">
        <v>38</v>
      </c>
      <c r="AA41613">
        <v>39</v>
      </c>
      <c r="AB41613">
        <v>39</v>
      </c>
      <c r="AC41613">
        <v>40</v>
      </c>
      <c r="AD41613">
        <v>40</v>
      </c>
      <c r="AE41613">
        <v>41</v>
      </c>
      <c r="AF41613">
        <v>41</v>
      </c>
      <c r="AG41613">
        <v>42</v>
      </c>
      <c r="AH41613">
        <v>43</v>
      </c>
      <c r="AI41613">
        <v>43</v>
      </c>
      <c r="AJ41613">
        <v>44</v>
      </c>
      <c r="AK41613">
        <v>44</v>
      </c>
      <c r="AL41613">
        <v>44</v>
      </c>
      <c r="AM41613">
        <v>45</v>
      </c>
      <c r="AN41613">
        <v>45</v>
      </c>
      <c r="AO41613">
        <v>45</v>
      </c>
      <c r="AP41613">
        <v>45</v>
      </c>
      <c r="AQ41613">
        <v>45</v>
      </c>
    </row>
    <row r="41614" spans="1:43">
      <c r="A41614" t="s">
        <v>25613</v>
      </c>
      <c r="B41614" t="s">
        <v>25614</v>
      </c>
      <c r="C41614" t="s">
        <v>25611</v>
      </c>
      <c r="D41614" t="s">
        <v>25612</v>
      </c>
      <c r="E41614" t="s">
        <v>12580</v>
      </c>
      <c r="F41614" t="s">
        <v>12581</v>
      </c>
      <c r="G41614" t="s">
        <v>12582</v>
      </c>
      <c r="H41614" t="s">
        <v>12581</v>
      </c>
      <c r="I41614" s="2">
        <v>1</v>
      </c>
      <c r="J41614" s="2">
        <v>0</v>
      </c>
      <c r="K41614" s="2">
        <v>0</v>
      </c>
      <c r="L41614" t="s">
        <v>120</v>
      </c>
      <c r="M41614" t="s">
        <v>83</v>
      </c>
      <c r="N41614" t="s">
        <v>84</v>
      </c>
      <c r="O41614" t="s">
        <v>85</v>
      </c>
      <c r="P41614" t="s">
        <v>86</v>
      </c>
      <c r="Q41614">
        <v>32</v>
      </c>
      <c r="R41614">
        <v>33</v>
      </c>
      <c r="S41614">
        <v>33</v>
      </c>
      <c r="T41614">
        <v>34</v>
      </c>
      <c r="U41614">
        <v>34</v>
      </c>
      <c r="V41614">
        <v>35</v>
      </c>
      <c r="W41614">
        <v>35</v>
      </c>
      <c r="X41614">
        <v>36</v>
      </c>
      <c r="Y41614">
        <v>36</v>
      </c>
      <c r="Z41614">
        <v>37</v>
      </c>
      <c r="AA41614">
        <v>37</v>
      </c>
      <c r="AB41614">
        <v>38</v>
      </c>
      <c r="AC41614">
        <v>38</v>
      </c>
      <c r="AD41614">
        <v>39</v>
      </c>
      <c r="AE41614">
        <v>39</v>
      </c>
      <c r="AF41614">
        <v>40</v>
      </c>
      <c r="AG41614">
        <v>40</v>
      </c>
      <c r="AH41614">
        <v>41</v>
      </c>
      <c r="AI41614">
        <v>41</v>
      </c>
      <c r="AJ41614">
        <v>42</v>
      </c>
      <c r="AK41614">
        <v>42</v>
      </c>
      <c r="AL41614">
        <v>43</v>
      </c>
      <c r="AM41614">
        <v>43</v>
      </c>
      <c r="AN41614">
        <v>43</v>
      </c>
      <c r="AO41614">
        <v>43</v>
      </c>
      <c r="AP41614">
        <v>43</v>
      </c>
      <c r="AQ41614">
        <v>43</v>
      </c>
    </row>
    <row r="41615" spans="1:43">
      <c r="A41615" t="s">
        <v>25613</v>
      </c>
      <c r="B41615" t="s">
        <v>25614</v>
      </c>
      <c r="C41615" t="s">
        <v>25611</v>
      </c>
      <c r="D41615" t="s">
        <v>25612</v>
      </c>
      <c r="E41615" t="s">
        <v>12580</v>
      </c>
      <c r="F41615" t="s">
        <v>12581</v>
      </c>
      <c r="G41615" t="s">
        <v>12582</v>
      </c>
      <c r="H41615" t="s">
        <v>12581</v>
      </c>
      <c r="I41615" s="2">
        <v>1</v>
      </c>
      <c r="J41615" s="2">
        <v>0</v>
      </c>
      <c r="K41615" s="2">
        <v>0</v>
      </c>
      <c r="L41615" t="s">
        <v>120</v>
      </c>
      <c r="M41615" t="s">
        <v>87</v>
      </c>
      <c r="N41615" t="s">
        <v>88</v>
      </c>
      <c r="O41615" t="s">
        <v>85</v>
      </c>
      <c r="P41615" t="s">
        <v>86</v>
      </c>
      <c r="Q41615">
        <v>32</v>
      </c>
      <c r="R41615">
        <v>32</v>
      </c>
      <c r="S41615">
        <v>32</v>
      </c>
      <c r="T41615">
        <v>32</v>
      </c>
      <c r="U41615">
        <v>33</v>
      </c>
      <c r="V41615">
        <v>33</v>
      </c>
      <c r="W41615">
        <v>33</v>
      </c>
      <c r="X41615">
        <v>33</v>
      </c>
      <c r="Y41615">
        <v>33</v>
      </c>
      <c r="Z41615">
        <v>34</v>
      </c>
      <c r="AA41615">
        <v>34</v>
      </c>
      <c r="AB41615">
        <v>34</v>
      </c>
      <c r="AC41615">
        <v>34</v>
      </c>
      <c r="AD41615">
        <v>34</v>
      </c>
      <c r="AE41615">
        <v>35</v>
      </c>
      <c r="AF41615">
        <v>35</v>
      </c>
      <c r="AG41615">
        <v>35</v>
      </c>
      <c r="AH41615">
        <v>35</v>
      </c>
      <c r="AI41615">
        <v>36</v>
      </c>
      <c r="AJ41615">
        <v>36</v>
      </c>
      <c r="AK41615">
        <v>36</v>
      </c>
      <c r="AL41615">
        <v>36</v>
      </c>
      <c r="AM41615">
        <v>36</v>
      </c>
      <c r="AN41615">
        <v>37</v>
      </c>
      <c r="AO41615">
        <v>37</v>
      </c>
      <c r="AP41615">
        <v>37</v>
      </c>
      <c r="AQ41615">
        <v>37</v>
      </c>
    </row>
    <row r="41616" spans="1:43">
      <c r="A41616" t="s">
        <v>25613</v>
      </c>
      <c r="B41616" t="s">
        <v>25614</v>
      </c>
      <c r="C41616" t="s">
        <v>25611</v>
      </c>
      <c r="D41616" t="s">
        <v>25612</v>
      </c>
      <c r="E41616" t="s">
        <v>12580</v>
      </c>
      <c r="F41616" t="s">
        <v>12581</v>
      </c>
      <c r="G41616" t="s">
        <v>12582</v>
      </c>
      <c r="H41616" t="s">
        <v>12581</v>
      </c>
      <c r="I41616" s="2">
        <v>1</v>
      </c>
      <c r="J41616" s="2">
        <v>0</v>
      </c>
      <c r="K41616" s="2">
        <v>0</v>
      </c>
      <c r="L41616" t="s">
        <v>120</v>
      </c>
      <c r="M41616" t="s">
        <v>89</v>
      </c>
      <c r="N41616" t="s">
        <v>90</v>
      </c>
      <c r="O41616" t="s">
        <v>85</v>
      </c>
      <c r="P41616" t="s">
        <v>86</v>
      </c>
      <c r="Q41616">
        <v>32</v>
      </c>
      <c r="R41616">
        <v>33</v>
      </c>
      <c r="S41616">
        <v>34</v>
      </c>
      <c r="T41616">
        <v>35</v>
      </c>
      <c r="U41616">
        <v>36</v>
      </c>
      <c r="V41616">
        <v>36</v>
      </c>
      <c r="W41616">
        <v>37</v>
      </c>
      <c r="X41616">
        <v>38</v>
      </c>
      <c r="Y41616">
        <v>38</v>
      </c>
      <c r="Z41616">
        <v>39</v>
      </c>
      <c r="AA41616">
        <v>40</v>
      </c>
      <c r="AB41616">
        <v>40</v>
      </c>
      <c r="AC41616">
        <v>41</v>
      </c>
      <c r="AD41616">
        <v>42</v>
      </c>
      <c r="AE41616">
        <v>42</v>
      </c>
      <c r="AF41616">
        <v>42</v>
      </c>
      <c r="AG41616">
        <v>42</v>
      </c>
      <c r="AH41616">
        <v>42</v>
      </c>
      <c r="AI41616">
        <v>43</v>
      </c>
      <c r="AJ41616">
        <v>43</v>
      </c>
      <c r="AK41616">
        <v>43</v>
      </c>
      <c r="AL41616">
        <v>43</v>
      </c>
      <c r="AM41616">
        <v>43</v>
      </c>
      <c r="AN41616">
        <v>43</v>
      </c>
      <c r="AO41616">
        <v>43</v>
      </c>
      <c r="AP41616">
        <v>43</v>
      </c>
      <c r="AQ41616">
        <v>43</v>
      </c>
    </row>
    <row r="41617" spans="1:43">
      <c r="A41617" t="s">
        <v>25613</v>
      </c>
      <c r="B41617" t="s">
        <v>25614</v>
      </c>
      <c r="C41617" t="s">
        <v>25611</v>
      </c>
      <c r="D41617" t="s">
        <v>25612</v>
      </c>
      <c r="E41617" t="s">
        <v>12580</v>
      </c>
      <c r="F41617" t="s">
        <v>12581</v>
      </c>
      <c r="G41617" t="s">
        <v>12582</v>
      </c>
      <c r="H41617" t="s">
        <v>12581</v>
      </c>
      <c r="I41617" s="2">
        <v>1</v>
      </c>
      <c r="J41617" s="2">
        <v>0</v>
      </c>
      <c r="K41617" s="2">
        <v>0</v>
      </c>
      <c r="L41617" t="s">
        <v>120</v>
      </c>
      <c r="M41617" t="s">
        <v>83</v>
      </c>
      <c r="N41617" t="s">
        <v>91</v>
      </c>
      <c r="O41617" t="s">
        <v>85</v>
      </c>
      <c r="P41617" t="s">
        <v>86</v>
      </c>
      <c r="Q41617">
        <v>32</v>
      </c>
      <c r="R41617">
        <v>33</v>
      </c>
      <c r="S41617">
        <v>33</v>
      </c>
      <c r="T41617">
        <v>34</v>
      </c>
      <c r="U41617">
        <v>34</v>
      </c>
      <c r="V41617">
        <v>35</v>
      </c>
      <c r="W41617">
        <v>35</v>
      </c>
      <c r="X41617">
        <v>36</v>
      </c>
      <c r="Y41617">
        <v>36</v>
      </c>
      <c r="Z41617">
        <v>37</v>
      </c>
      <c r="AA41617">
        <v>37</v>
      </c>
      <c r="AB41617">
        <v>38</v>
      </c>
      <c r="AC41617">
        <v>38</v>
      </c>
      <c r="AD41617">
        <v>39</v>
      </c>
      <c r="AE41617">
        <v>39</v>
      </c>
      <c r="AF41617">
        <v>40</v>
      </c>
      <c r="AG41617">
        <v>40</v>
      </c>
      <c r="AH41617">
        <v>41</v>
      </c>
      <c r="AI41617">
        <v>41</v>
      </c>
      <c r="AJ41617">
        <v>42</v>
      </c>
      <c r="AK41617">
        <v>42</v>
      </c>
      <c r="AL41617">
        <v>43</v>
      </c>
      <c r="AM41617">
        <v>43</v>
      </c>
      <c r="AN41617">
        <v>43</v>
      </c>
      <c r="AO41617">
        <v>43</v>
      </c>
      <c r="AP41617">
        <v>43</v>
      </c>
      <c r="AQ41617">
        <v>43</v>
      </c>
    </row>
    <row r="41618" spans="1:43">
      <c r="A41618" t="s">
        <v>25615</v>
      </c>
      <c r="B41618" t="s">
        <v>25616</v>
      </c>
      <c r="C41618" t="s">
        <v>15253</v>
      </c>
      <c r="D41618" t="s">
        <v>15254</v>
      </c>
      <c r="E41618" t="s">
        <v>15241</v>
      </c>
      <c r="F41618" t="s">
        <v>15242</v>
      </c>
      <c r="G41618" t="s">
        <v>10734</v>
      </c>
      <c r="H41618" t="s">
        <v>10735</v>
      </c>
      <c r="I41618" s="2">
        <v>1</v>
      </c>
      <c r="J41618" s="2">
        <v>0</v>
      </c>
      <c r="K41618" s="2">
        <v>0</v>
      </c>
      <c r="L41618" t="s">
        <v>120</v>
      </c>
      <c r="M41618" t="s">
        <v>83</v>
      </c>
      <c r="N41618" t="s">
        <v>84</v>
      </c>
      <c r="O41618" t="s">
        <v>85</v>
      </c>
      <c r="P41618" t="s">
        <v>86</v>
      </c>
      <c r="Q41618">
        <v>13</v>
      </c>
      <c r="R41618">
        <v>13</v>
      </c>
      <c r="S41618">
        <v>13</v>
      </c>
      <c r="T41618">
        <v>13</v>
      </c>
      <c r="U41618">
        <v>13</v>
      </c>
      <c r="V41618">
        <v>14</v>
      </c>
      <c r="W41618">
        <v>14</v>
      </c>
      <c r="X41618">
        <v>14</v>
      </c>
      <c r="Y41618">
        <v>14</v>
      </c>
      <c r="Z41618">
        <v>14</v>
      </c>
      <c r="AA41618">
        <v>14</v>
      </c>
      <c r="AB41618">
        <v>15</v>
      </c>
      <c r="AC41618">
        <v>15</v>
      </c>
      <c r="AD41618">
        <v>15</v>
      </c>
      <c r="AE41618">
        <v>15</v>
      </c>
      <c r="AF41618">
        <v>15</v>
      </c>
      <c r="AG41618">
        <v>15</v>
      </c>
      <c r="AH41618">
        <v>16</v>
      </c>
      <c r="AI41618">
        <v>16</v>
      </c>
      <c r="AJ41618">
        <v>16</v>
      </c>
      <c r="AK41618">
        <v>16</v>
      </c>
      <c r="AL41618">
        <v>16</v>
      </c>
      <c r="AM41618">
        <v>16</v>
      </c>
      <c r="AN41618">
        <v>16</v>
      </c>
      <c r="AO41618">
        <v>16</v>
      </c>
      <c r="AP41618">
        <v>16</v>
      </c>
      <c r="AQ41618">
        <v>16</v>
      </c>
    </row>
    <row r="41619" spans="1:43">
      <c r="A41619" t="s">
        <v>25615</v>
      </c>
      <c r="B41619" t="s">
        <v>25616</v>
      </c>
      <c r="C41619" t="s">
        <v>15253</v>
      </c>
      <c r="D41619" t="s">
        <v>15254</v>
      </c>
      <c r="E41619" t="s">
        <v>15241</v>
      </c>
      <c r="F41619" t="s">
        <v>15242</v>
      </c>
      <c r="G41619" t="s">
        <v>10734</v>
      </c>
      <c r="H41619" t="s">
        <v>10735</v>
      </c>
      <c r="I41619" s="2">
        <v>1</v>
      </c>
      <c r="J41619" s="2">
        <v>0</v>
      </c>
      <c r="K41619" s="2">
        <v>0</v>
      </c>
      <c r="L41619" t="s">
        <v>120</v>
      </c>
      <c r="M41619" t="s">
        <v>87</v>
      </c>
      <c r="N41619" t="s">
        <v>88</v>
      </c>
      <c r="O41619" t="s">
        <v>85</v>
      </c>
      <c r="P41619" t="s">
        <v>86</v>
      </c>
      <c r="Q41619">
        <v>13</v>
      </c>
      <c r="R41619">
        <v>13</v>
      </c>
      <c r="S41619">
        <v>13</v>
      </c>
      <c r="T41619">
        <v>13</v>
      </c>
      <c r="U41619">
        <v>13</v>
      </c>
      <c r="V41619">
        <v>13</v>
      </c>
      <c r="W41619">
        <v>13</v>
      </c>
      <c r="X41619">
        <v>13</v>
      </c>
      <c r="Y41619">
        <v>13</v>
      </c>
      <c r="Z41619">
        <v>13</v>
      </c>
      <c r="AA41619">
        <v>13</v>
      </c>
      <c r="AB41619">
        <v>13</v>
      </c>
      <c r="AC41619">
        <v>13</v>
      </c>
      <c r="AD41619">
        <v>13</v>
      </c>
      <c r="AE41619">
        <v>13</v>
      </c>
      <c r="AF41619">
        <v>14</v>
      </c>
      <c r="AG41619">
        <v>14</v>
      </c>
      <c r="AH41619">
        <v>14</v>
      </c>
      <c r="AI41619">
        <v>14</v>
      </c>
      <c r="AJ41619">
        <v>14</v>
      </c>
      <c r="AK41619">
        <v>14</v>
      </c>
      <c r="AL41619">
        <v>14</v>
      </c>
      <c r="AM41619">
        <v>14</v>
      </c>
      <c r="AN41619">
        <v>14</v>
      </c>
      <c r="AO41619">
        <v>14</v>
      </c>
      <c r="AP41619">
        <v>14</v>
      </c>
      <c r="AQ41619">
        <v>14</v>
      </c>
    </row>
    <row r="41620" spans="1:43">
      <c r="A41620" t="s">
        <v>25615</v>
      </c>
      <c r="B41620" t="s">
        <v>25616</v>
      </c>
      <c r="C41620" t="s">
        <v>15253</v>
      </c>
      <c r="D41620" t="s">
        <v>15254</v>
      </c>
      <c r="E41620" t="s">
        <v>15241</v>
      </c>
      <c r="F41620" t="s">
        <v>15242</v>
      </c>
      <c r="G41620" t="s">
        <v>10734</v>
      </c>
      <c r="H41620" t="s">
        <v>10735</v>
      </c>
      <c r="I41620" s="2">
        <v>1</v>
      </c>
      <c r="J41620" s="2">
        <v>0</v>
      </c>
      <c r="K41620" s="2">
        <v>0</v>
      </c>
      <c r="L41620" t="s">
        <v>120</v>
      </c>
      <c r="M41620" t="s">
        <v>89</v>
      </c>
      <c r="N41620" t="s">
        <v>90</v>
      </c>
      <c r="O41620" t="s">
        <v>85</v>
      </c>
      <c r="P41620" t="s">
        <v>86</v>
      </c>
      <c r="Q41620">
        <v>13</v>
      </c>
      <c r="R41620">
        <v>13</v>
      </c>
      <c r="S41620">
        <v>13</v>
      </c>
      <c r="T41620">
        <v>14</v>
      </c>
      <c r="U41620">
        <v>14</v>
      </c>
      <c r="V41620">
        <v>14</v>
      </c>
      <c r="W41620">
        <v>14</v>
      </c>
      <c r="X41620">
        <v>15</v>
      </c>
      <c r="Y41620">
        <v>15</v>
      </c>
      <c r="Z41620">
        <v>15</v>
      </c>
      <c r="AA41620">
        <v>15</v>
      </c>
      <c r="AB41620">
        <v>16</v>
      </c>
      <c r="AC41620">
        <v>16</v>
      </c>
      <c r="AD41620">
        <v>16</v>
      </c>
      <c r="AE41620">
        <v>16</v>
      </c>
      <c r="AF41620">
        <v>16</v>
      </c>
      <c r="AG41620">
        <v>16</v>
      </c>
      <c r="AH41620">
        <v>16</v>
      </c>
      <c r="AI41620">
        <v>16</v>
      </c>
      <c r="AJ41620">
        <v>16</v>
      </c>
      <c r="AK41620">
        <v>16</v>
      </c>
      <c r="AL41620">
        <v>16</v>
      </c>
      <c r="AM41620">
        <v>16</v>
      </c>
      <c r="AN41620">
        <v>16</v>
      </c>
      <c r="AO41620">
        <v>16</v>
      </c>
      <c r="AP41620">
        <v>16</v>
      </c>
      <c r="AQ41620">
        <v>16</v>
      </c>
    </row>
    <row r="41621" spans="1:43">
      <c r="A41621" t="s">
        <v>25615</v>
      </c>
      <c r="B41621" t="s">
        <v>25616</v>
      </c>
      <c r="C41621" t="s">
        <v>15253</v>
      </c>
      <c r="D41621" t="s">
        <v>15254</v>
      </c>
      <c r="E41621" t="s">
        <v>15241</v>
      </c>
      <c r="F41621" t="s">
        <v>15242</v>
      </c>
      <c r="G41621" t="s">
        <v>10734</v>
      </c>
      <c r="H41621" t="s">
        <v>10735</v>
      </c>
      <c r="I41621" s="2">
        <v>1</v>
      </c>
      <c r="J41621" s="2">
        <v>0</v>
      </c>
      <c r="K41621" s="2">
        <v>0</v>
      </c>
      <c r="L41621" t="s">
        <v>120</v>
      </c>
      <c r="M41621" t="s">
        <v>83</v>
      </c>
      <c r="N41621" t="s">
        <v>91</v>
      </c>
      <c r="O41621" t="s">
        <v>85</v>
      </c>
      <c r="P41621" t="s">
        <v>86</v>
      </c>
      <c r="Q41621">
        <v>13</v>
      </c>
      <c r="R41621">
        <v>13</v>
      </c>
      <c r="S41621">
        <v>13</v>
      </c>
      <c r="T41621">
        <v>13</v>
      </c>
      <c r="U41621">
        <v>13</v>
      </c>
      <c r="V41621">
        <v>14</v>
      </c>
      <c r="W41621">
        <v>14</v>
      </c>
      <c r="X41621">
        <v>14</v>
      </c>
      <c r="Y41621">
        <v>14</v>
      </c>
      <c r="Z41621">
        <v>14</v>
      </c>
      <c r="AA41621">
        <v>14</v>
      </c>
      <c r="AB41621">
        <v>15</v>
      </c>
      <c r="AC41621">
        <v>15</v>
      </c>
      <c r="AD41621">
        <v>15</v>
      </c>
      <c r="AE41621">
        <v>15</v>
      </c>
      <c r="AF41621">
        <v>15</v>
      </c>
      <c r="AG41621">
        <v>15</v>
      </c>
      <c r="AH41621">
        <v>16</v>
      </c>
      <c r="AI41621">
        <v>16</v>
      </c>
      <c r="AJ41621">
        <v>16</v>
      </c>
      <c r="AK41621">
        <v>16</v>
      </c>
      <c r="AL41621">
        <v>16</v>
      </c>
      <c r="AM41621">
        <v>16</v>
      </c>
      <c r="AN41621">
        <v>16</v>
      </c>
      <c r="AO41621">
        <v>16</v>
      </c>
      <c r="AP41621">
        <v>16</v>
      </c>
      <c r="AQ41621">
        <v>16</v>
      </c>
    </row>
    <row r="41622" spans="1:43">
      <c r="A41622" t="s">
        <v>25617</v>
      </c>
      <c r="B41622" t="s">
        <v>25618</v>
      </c>
      <c r="C41622" t="s">
        <v>15253</v>
      </c>
      <c r="D41622" t="s">
        <v>15254</v>
      </c>
      <c r="E41622" t="s">
        <v>15241</v>
      </c>
      <c r="F41622" t="s">
        <v>15242</v>
      </c>
      <c r="G41622" t="s">
        <v>10734</v>
      </c>
      <c r="H41622" t="s">
        <v>10735</v>
      </c>
      <c r="I41622" s="2">
        <v>1</v>
      </c>
      <c r="J41622" s="2">
        <v>0</v>
      </c>
      <c r="K41622" s="2">
        <v>0</v>
      </c>
      <c r="L41622" t="s">
        <v>120</v>
      </c>
      <c r="M41622" t="s">
        <v>83</v>
      </c>
      <c r="N41622" t="s">
        <v>84</v>
      </c>
      <c r="O41622" t="s">
        <v>85</v>
      </c>
      <c r="P41622" t="s">
        <v>86</v>
      </c>
      <c r="Q41622">
        <v>1</v>
      </c>
      <c r="R41622">
        <v>1</v>
      </c>
      <c r="S41622">
        <v>1</v>
      </c>
      <c r="T41622">
        <v>1</v>
      </c>
      <c r="U41622">
        <v>1</v>
      </c>
      <c r="V41622">
        <v>1</v>
      </c>
      <c r="W41622">
        <v>1</v>
      </c>
      <c r="X41622">
        <v>1</v>
      </c>
      <c r="Y41622">
        <v>2</v>
      </c>
      <c r="Z41622">
        <v>2</v>
      </c>
      <c r="AA41622">
        <v>2</v>
      </c>
      <c r="AB41622">
        <v>2</v>
      </c>
      <c r="AC41622">
        <v>2</v>
      </c>
      <c r="AD41622">
        <v>2</v>
      </c>
      <c r="AE41622">
        <v>2</v>
      </c>
      <c r="AF41622">
        <v>2</v>
      </c>
      <c r="AG41622">
        <v>2</v>
      </c>
      <c r="AH41622">
        <v>2</v>
      </c>
      <c r="AI41622">
        <v>2</v>
      </c>
      <c r="AJ41622">
        <v>2</v>
      </c>
      <c r="AK41622">
        <v>2</v>
      </c>
      <c r="AL41622">
        <v>2</v>
      </c>
      <c r="AM41622">
        <v>2</v>
      </c>
      <c r="AN41622">
        <v>2</v>
      </c>
      <c r="AO41622">
        <v>2</v>
      </c>
      <c r="AP41622">
        <v>2</v>
      </c>
      <c r="AQ41622">
        <v>2</v>
      </c>
    </row>
    <row r="41623" spans="1:43">
      <c r="A41623" t="s">
        <v>25617</v>
      </c>
      <c r="B41623" t="s">
        <v>25618</v>
      </c>
      <c r="C41623" t="s">
        <v>15253</v>
      </c>
      <c r="D41623" t="s">
        <v>15254</v>
      </c>
      <c r="E41623" t="s">
        <v>15241</v>
      </c>
      <c r="F41623" t="s">
        <v>15242</v>
      </c>
      <c r="G41623" t="s">
        <v>10734</v>
      </c>
      <c r="H41623" t="s">
        <v>10735</v>
      </c>
      <c r="I41623" s="2">
        <v>1</v>
      </c>
      <c r="J41623" s="2">
        <v>0</v>
      </c>
      <c r="K41623" s="2">
        <v>0</v>
      </c>
      <c r="L41623" t="s">
        <v>120</v>
      </c>
      <c r="M41623" t="s">
        <v>87</v>
      </c>
      <c r="N41623" t="s">
        <v>88</v>
      </c>
      <c r="O41623" t="s">
        <v>85</v>
      </c>
      <c r="P41623" t="s">
        <v>86</v>
      </c>
      <c r="Q41623">
        <v>1</v>
      </c>
      <c r="R41623">
        <v>1</v>
      </c>
      <c r="S41623">
        <v>1</v>
      </c>
      <c r="T41623">
        <v>1</v>
      </c>
      <c r="U41623">
        <v>1</v>
      </c>
      <c r="V41623">
        <v>1</v>
      </c>
      <c r="W41623">
        <v>1</v>
      </c>
      <c r="X41623">
        <v>1</v>
      </c>
      <c r="Y41623">
        <v>1</v>
      </c>
      <c r="Z41623">
        <v>1</v>
      </c>
      <c r="AA41623">
        <v>1</v>
      </c>
      <c r="AB41623">
        <v>1</v>
      </c>
      <c r="AC41623">
        <v>1</v>
      </c>
      <c r="AD41623">
        <v>1</v>
      </c>
      <c r="AE41623">
        <v>1</v>
      </c>
      <c r="AF41623">
        <v>1</v>
      </c>
      <c r="AG41623">
        <v>1</v>
      </c>
      <c r="AH41623">
        <v>1</v>
      </c>
      <c r="AI41623">
        <v>1</v>
      </c>
      <c r="AJ41623">
        <v>1</v>
      </c>
      <c r="AK41623">
        <v>1</v>
      </c>
      <c r="AL41623">
        <v>1</v>
      </c>
      <c r="AM41623">
        <v>1</v>
      </c>
      <c r="AN41623">
        <v>1</v>
      </c>
      <c r="AO41623">
        <v>2</v>
      </c>
      <c r="AP41623">
        <v>2</v>
      </c>
      <c r="AQ41623">
        <v>2</v>
      </c>
    </row>
    <row r="41624" spans="1:43">
      <c r="A41624" t="s">
        <v>25617</v>
      </c>
      <c r="B41624" t="s">
        <v>25618</v>
      </c>
      <c r="C41624" t="s">
        <v>15253</v>
      </c>
      <c r="D41624" t="s">
        <v>15254</v>
      </c>
      <c r="E41624" t="s">
        <v>15241</v>
      </c>
      <c r="F41624" t="s">
        <v>15242</v>
      </c>
      <c r="G41624" t="s">
        <v>10734</v>
      </c>
      <c r="H41624" t="s">
        <v>10735</v>
      </c>
      <c r="I41624" s="2">
        <v>1</v>
      </c>
      <c r="J41624" s="2">
        <v>0</v>
      </c>
      <c r="K41624" s="2">
        <v>0</v>
      </c>
      <c r="L41624" t="s">
        <v>120</v>
      </c>
      <c r="M41624" t="s">
        <v>89</v>
      </c>
      <c r="N41624" t="s">
        <v>90</v>
      </c>
      <c r="O41624" t="s">
        <v>85</v>
      </c>
      <c r="P41624" t="s">
        <v>86</v>
      </c>
      <c r="Q41624">
        <v>1</v>
      </c>
      <c r="R41624">
        <v>1</v>
      </c>
      <c r="S41624">
        <v>1</v>
      </c>
      <c r="T41624">
        <v>1</v>
      </c>
      <c r="U41624">
        <v>1</v>
      </c>
      <c r="V41624">
        <v>2</v>
      </c>
      <c r="W41624">
        <v>2</v>
      </c>
      <c r="X41624">
        <v>2</v>
      </c>
      <c r="Y41624">
        <v>2</v>
      </c>
      <c r="Z41624">
        <v>2</v>
      </c>
      <c r="AA41624">
        <v>2</v>
      </c>
      <c r="AB41624">
        <v>2</v>
      </c>
      <c r="AC41624">
        <v>2</v>
      </c>
      <c r="AD41624">
        <v>2</v>
      </c>
      <c r="AE41624">
        <v>2</v>
      </c>
      <c r="AF41624">
        <v>2</v>
      </c>
      <c r="AG41624">
        <v>2</v>
      </c>
      <c r="AH41624">
        <v>2</v>
      </c>
      <c r="AI41624">
        <v>2</v>
      </c>
      <c r="AJ41624">
        <v>2</v>
      </c>
      <c r="AK41624">
        <v>2</v>
      </c>
      <c r="AL41624">
        <v>2</v>
      </c>
      <c r="AM41624">
        <v>2</v>
      </c>
      <c r="AN41624">
        <v>2</v>
      </c>
      <c r="AO41624">
        <v>2</v>
      </c>
      <c r="AP41624">
        <v>2</v>
      </c>
      <c r="AQ41624">
        <v>2</v>
      </c>
    </row>
    <row r="41625" spans="1:43">
      <c r="A41625" t="s">
        <v>25617</v>
      </c>
      <c r="B41625" t="s">
        <v>25618</v>
      </c>
      <c r="C41625" t="s">
        <v>15253</v>
      </c>
      <c r="D41625" t="s">
        <v>15254</v>
      </c>
      <c r="E41625" t="s">
        <v>15241</v>
      </c>
      <c r="F41625" t="s">
        <v>15242</v>
      </c>
      <c r="G41625" t="s">
        <v>10734</v>
      </c>
      <c r="H41625" t="s">
        <v>10735</v>
      </c>
      <c r="I41625" s="2">
        <v>1</v>
      </c>
      <c r="J41625" s="2">
        <v>0</v>
      </c>
      <c r="K41625" s="2">
        <v>0</v>
      </c>
      <c r="L41625" t="s">
        <v>120</v>
      </c>
      <c r="M41625" t="s">
        <v>83</v>
      </c>
      <c r="N41625" t="s">
        <v>91</v>
      </c>
      <c r="O41625" t="s">
        <v>85</v>
      </c>
      <c r="P41625" t="s">
        <v>86</v>
      </c>
      <c r="Q41625">
        <v>1</v>
      </c>
      <c r="R41625">
        <v>1</v>
      </c>
      <c r="S41625">
        <v>1</v>
      </c>
      <c r="T41625">
        <v>1</v>
      </c>
      <c r="U41625">
        <v>1</v>
      </c>
      <c r="V41625">
        <v>1</v>
      </c>
      <c r="W41625">
        <v>1</v>
      </c>
      <c r="X41625">
        <v>1</v>
      </c>
      <c r="Y41625">
        <v>2</v>
      </c>
      <c r="Z41625">
        <v>2</v>
      </c>
      <c r="AA41625">
        <v>2</v>
      </c>
      <c r="AB41625">
        <v>2</v>
      </c>
      <c r="AC41625">
        <v>2</v>
      </c>
      <c r="AD41625">
        <v>2</v>
      </c>
      <c r="AE41625">
        <v>2</v>
      </c>
      <c r="AF41625">
        <v>2</v>
      </c>
      <c r="AG41625">
        <v>2</v>
      </c>
      <c r="AH41625">
        <v>2</v>
      </c>
      <c r="AI41625">
        <v>2</v>
      </c>
      <c r="AJ41625">
        <v>2</v>
      </c>
      <c r="AK41625">
        <v>2</v>
      </c>
      <c r="AL41625">
        <v>2</v>
      </c>
      <c r="AM41625">
        <v>2</v>
      </c>
      <c r="AN41625">
        <v>2</v>
      </c>
      <c r="AO41625">
        <v>2</v>
      </c>
      <c r="AP41625">
        <v>2</v>
      </c>
      <c r="AQ41625">
        <v>2</v>
      </c>
    </row>
    <row r="41626" spans="1:43">
      <c r="A41626" t="s">
        <v>25619</v>
      </c>
      <c r="B41626" t="s">
        <v>25620</v>
      </c>
      <c r="C41626" t="s">
        <v>15429</v>
      </c>
      <c r="D41626" t="s">
        <v>15430</v>
      </c>
      <c r="E41626" t="s">
        <v>15241</v>
      </c>
      <c r="F41626" t="s">
        <v>15242</v>
      </c>
      <c r="G41626" t="s">
        <v>10734</v>
      </c>
      <c r="H41626" t="s">
        <v>10735</v>
      </c>
      <c r="I41626" s="2">
        <v>1</v>
      </c>
      <c r="J41626" s="2">
        <v>0</v>
      </c>
      <c r="K41626" s="2">
        <v>0</v>
      </c>
      <c r="L41626" t="s">
        <v>120</v>
      </c>
      <c r="M41626" t="s">
        <v>83</v>
      </c>
      <c r="N41626" t="s">
        <v>84</v>
      </c>
      <c r="O41626" t="s">
        <v>85</v>
      </c>
      <c r="P41626" t="s">
        <v>86</v>
      </c>
      <c r="Q41626">
        <v>2</v>
      </c>
      <c r="R41626">
        <v>2</v>
      </c>
      <c r="S41626">
        <v>2</v>
      </c>
      <c r="T41626">
        <v>2</v>
      </c>
      <c r="U41626">
        <v>3</v>
      </c>
      <c r="V41626">
        <v>3</v>
      </c>
      <c r="W41626">
        <v>3</v>
      </c>
      <c r="X41626">
        <v>3</v>
      </c>
      <c r="Y41626">
        <v>3</v>
      </c>
      <c r="Z41626">
        <v>3</v>
      </c>
      <c r="AA41626">
        <v>3</v>
      </c>
      <c r="AB41626">
        <v>3</v>
      </c>
      <c r="AC41626">
        <v>3</v>
      </c>
      <c r="AD41626">
        <v>3</v>
      </c>
      <c r="AE41626">
        <v>3</v>
      </c>
      <c r="AF41626">
        <v>3</v>
      </c>
      <c r="AG41626">
        <v>3</v>
      </c>
      <c r="AH41626">
        <v>3</v>
      </c>
      <c r="AI41626">
        <v>3</v>
      </c>
      <c r="AJ41626">
        <v>3</v>
      </c>
      <c r="AK41626">
        <v>3</v>
      </c>
      <c r="AL41626">
        <v>3</v>
      </c>
      <c r="AM41626">
        <v>3</v>
      </c>
      <c r="AN41626">
        <v>3</v>
      </c>
      <c r="AO41626">
        <v>3</v>
      </c>
      <c r="AP41626">
        <v>3</v>
      </c>
      <c r="AQ41626">
        <v>3</v>
      </c>
    </row>
    <row r="41627" spans="1:43">
      <c r="A41627" t="s">
        <v>25619</v>
      </c>
      <c r="B41627" t="s">
        <v>25620</v>
      </c>
      <c r="C41627" t="s">
        <v>15429</v>
      </c>
      <c r="D41627" t="s">
        <v>15430</v>
      </c>
      <c r="E41627" t="s">
        <v>15241</v>
      </c>
      <c r="F41627" t="s">
        <v>15242</v>
      </c>
      <c r="G41627" t="s">
        <v>10734</v>
      </c>
      <c r="H41627" t="s">
        <v>10735</v>
      </c>
      <c r="I41627" s="2">
        <v>1</v>
      </c>
      <c r="J41627" s="2">
        <v>0</v>
      </c>
      <c r="K41627" s="2">
        <v>0</v>
      </c>
      <c r="L41627" t="s">
        <v>120</v>
      </c>
      <c r="M41627" t="s">
        <v>87</v>
      </c>
      <c r="N41627" t="s">
        <v>88</v>
      </c>
      <c r="O41627" t="s">
        <v>85</v>
      </c>
      <c r="P41627" t="s">
        <v>86</v>
      </c>
      <c r="Q41627">
        <v>2</v>
      </c>
      <c r="R41627">
        <v>2</v>
      </c>
      <c r="S41627">
        <v>2</v>
      </c>
      <c r="T41627">
        <v>2</v>
      </c>
      <c r="U41627">
        <v>2</v>
      </c>
      <c r="V41627">
        <v>2</v>
      </c>
      <c r="W41627">
        <v>2</v>
      </c>
      <c r="X41627">
        <v>2</v>
      </c>
      <c r="Y41627">
        <v>2</v>
      </c>
      <c r="Z41627">
        <v>2</v>
      </c>
      <c r="AA41627">
        <v>2</v>
      </c>
      <c r="AB41627">
        <v>2</v>
      </c>
      <c r="AC41627">
        <v>2</v>
      </c>
      <c r="AD41627">
        <v>3</v>
      </c>
      <c r="AE41627">
        <v>3</v>
      </c>
      <c r="AF41627">
        <v>3</v>
      </c>
      <c r="AG41627">
        <v>3</v>
      </c>
      <c r="AH41627">
        <v>3</v>
      </c>
      <c r="AI41627">
        <v>3</v>
      </c>
      <c r="AJ41627">
        <v>3</v>
      </c>
      <c r="AK41627">
        <v>3</v>
      </c>
      <c r="AL41627">
        <v>3</v>
      </c>
      <c r="AM41627">
        <v>3</v>
      </c>
      <c r="AN41627">
        <v>3</v>
      </c>
      <c r="AO41627">
        <v>3</v>
      </c>
      <c r="AP41627">
        <v>3</v>
      </c>
      <c r="AQ41627">
        <v>3</v>
      </c>
    </row>
    <row r="41628" spans="1:43">
      <c r="A41628" t="s">
        <v>25619</v>
      </c>
      <c r="B41628" t="s">
        <v>25620</v>
      </c>
      <c r="C41628" t="s">
        <v>15429</v>
      </c>
      <c r="D41628" t="s">
        <v>15430</v>
      </c>
      <c r="E41628" t="s">
        <v>15241</v>
      </c>
      <c r="F41628" t="s">
        <v>15242</v>
      </c>
      <c r="G41628" t="s">
        <v>10734</v>
      </c>
      <c r="H41628" t="s">
        <v>10735</v>
      </c>
      <c r="I41628" s="2">
        <v>1</v>
      </c>
      <c r="J41628" s="2">
        <v>0</v>
      </c>
      <c r="K41628" s="2">
        <v>0</v>
      </c>
      <c r="L41628" t="s">
        <v>120</v>
      </c>
      <c r="M41628" t="s">
        <v>89</v>
      </c>
      <c r="N41628" t="s">
        <v>90</v>
      </c>
      <c r="O41628" t="s">
        <v>85</v>
      </c>
      <c r="P41628" t="s">
        <v>86</v>
      </c>
      <c r="Q41628">
        <v>2</v>
      </c>
      <c r="R41628">
        <v>2</v>
      </c>
      <c r="S41628">
        <v>3</v>
      </c>
      <c r="T41628">
        <v>3</v>
      </c>
      <c r="U41628">
        <v>3</v>
      </c>
      <c r="V41628">
        <v>3</v>
      </c>
      <c r="W41628">
        <v>3</v>
      </c>
      <c r="X41628">
        <v>3</v>
      </c>
      <c r="Y41628">
        <v>3</v>
      </c>
      <c r="Z41628">
        <v>3</v>
      </c>
      <c r="AA41628">
        <v>3</v>
      </c>
      <c r="AB41628">
        <v>3</v>
      </c>
      <c r="AC41628">
        <v>3</v>
      </c>
      <c r="AD41628">
        <v>3</v>
      </c>
      <c r="AE41628">
        <v>3</v>
      </c>
      <c r="AF41628">
        <v>3</v>
      </c>
      <c r="AG41628">
        <v>3</v>
      </c>
      <c r="AH41628">
        <v>3</v>
      </c>
      <c r="AI41628">
        <v>3</v>
      </c>
      <c r="AJ41628">
        <v>3</v>
      </c>
      <c r="AK41628">
        <v>3</v>
      </c>
      <c r="AL41628">
        <v>3</v>
      </c>
      <c r="AM41628">
        <v>3</v>
      </c>
      <c r="AN41628">
        <v>3</v>
      </c>
      <c r="AO41628">
        <v>3</v>
      </c>
      <c r="AP41628">
        <v>3</v>
      </c>
      <c r="AQ41628">
        <v>3</v>
      </c>
    </row>
    <row r="41629" spans="1:43">
      <c r="A41629" t="s">
        <v>25619</v>
      </c>
      <c r="B41629" t="s">
        <v>25620</v>
      </c>
      <c r="C41629" t="s">
        <v>15429</v>
      </c>
      <c r="D41629" t="s">
        <v>15430</v>
      </c>
      <c r="E41629" t="s">
        <v>15241</v>
      </c>
      <c r="F41629" t="s">
        <v>15242</v>
      </c>
      <c r="G41629" t="s">
        <v>10734</v>
      </c>
      <c r="H41629" t="s">
        <v>10735</v>
      </c>
      <c r="I41629" s="2">
        <v>1</v>
      </c>
      <c r="J41629" s="2">
        <v>0</v>
      </c>
      <c r="K41629" s="2">
        <v>0</v>
      </c>
      <c r="L41629" t="s">
        <v>120</v>
      </c>
      <c r="M41629" t="s">
        <v>83</v>
      </c>
      <c r="N41629" t="s">
        <v>91</v>
      </c>
      <c r="O41629" t="s">
        <v>85</v>
      </c>
      <c r="P41629" t="s">
        <v>86</v>
      </c>
      <c r="Q41629">
        <v>2</v>
      </c>
      <c r="R41629">
        <v>2</v>
      </c>
      <c r="S41629">
        <v>2</v>
      </c>
      <c r="T41629">
        <v>2</v>
      </c>
      <c r="U41629">
        <v>3</v>
      </c>
      <c r="V41629">
        <v>3</v>
      </c>
      <c r="W41629">
        <v>3</v>
      </c>
      <c r="X41629">
        <v>3</v>
      </c>
      <c r="Y41629">
        <v>3</v>
      </c>
      <c r="Z41629">
        <v>3</v>
      </c>
      <c r="AA41629">
        <v>3</v>
      </c>
      <c r="AB41629">
        <v>3</v>
      </c>
      <c r="AC41629">
        <v>3</v>
      </c>
      <c r="AD41629">
        <v>3</v>
      </c>
      <c r="AE41629">
        <v>3</v>
      </c>
      <c r="AF41629">
        <v>3</v>
      </c>
      <c r="AG41629">
        <v>3</v>
      </c>
      <c r="AH41629">
        <v>3</v>
      </c>
      <c r="AI41629">
        <v>3</v>
      </c>
      <c r="AJ41629">
        <v>3</v>
      </c>
      <c r="AK41629">
        <v>3</v>
      </c>
      <c r="AL41629">
        <v>3</v>
      </c>
      <c r="AM41629">
        <v>3</v>
      </c>
      <c r="AN41629">
        <v>3</v>
      </c>
      <c r="AO41629">
        <v>3</v>
      </c>
      <c r="AP41629">
        <v>3</v>
      </c>
      <c r="AQ41629">
        <v>3</v>
      </c>
    </row>
    <row r="41630" spans="1:43">
      <c r="A41630" t="s">
        <v>25621</v>
      </c>
      <c r="B41630" t="s">
        <v>25622</v>
      </c>
      <c r="C41630" t="s">
        <v>15429</v>
      </c>
      <c r="D41630" t="s">
        <v>15430</v>
      </c>
      <c r="E41630" t="s">
        <v>15241</v>
      </c>
      <c r="F41630" t="s">
        <v>15242</v>
      </c>
      <c r="G41630" t="s">
        <v>10734</v>
      </c>
      <c r="H41630" t="s">
        <v>10735</v>
      </c>
      <c r="I41630" s="2">
        <v>1</v>
      </c>
      <c r="J41630" s="2">
        <v>0</v>
      </c>
      <c r="K41630" s="2">
        <v>0</v>
      </c>
      <c r="L41630" t="s">
        <v>120</v>
      </c>
      <c r="M41630" t="s">
        <v>83</v>
      </c>
      <c r="N41630" t="s">
        <v>84</v>
      </c>
      <c r="O41630" t="s">
        <v>85</v>
      </c>
      <c r="P41630" t="s">
        <v>86</v>
      </c>
      <c r="Q41630">
        <v>9</v>
      </c>
      <c r="R41630">
        <v>9</v>
      </c>
      <c r="S41630">
        <v>9</v>
      </c>
      <c r="T41630">
        <v>9</v>
      </c>
      <c r="U41630">
        <v>9</v>
      </c>
      <c r="V41630">
        <v>9</v>
      </c>
      <c r="W41630">
        <v>9</v>
      </c>
      <c r="X41630">
        <v>9</v>
      </c>
      <c r="Y41630">
        <v>9</v>
      </c>
      <c r="Z41630">
        <v>10</v>
      </c>
      <c r="AA41630">
        <v>10</v>
      </c>
      <c r="AB41630">
        <v>10</v>
      </c>
      <c r="AC41630">
        <v>10</v>
      </c>
      <c r="AD41630">
        <v>10</v>
      </c>
      <c r="AE41630">
        <v>10</v>
      </c>
      <c r="AF41630">
        <v>10</v>
      </c>
      <c r="AG41630">
        <v>10</v>
      </c>
      <c r="AH41630">
        <v>10</v>
      </c>
      <c r="AI41630">
        <v>10</v>
      </c>
      <c r="AJ41630">
        <v>11</v>
      </c>
      <c r="AK41630">
        <v>11</v>
      </c>
      <c r="AL41630">
        <v>11</v>
      </c>
      <c r="AM41630">
        <v>11</v>
      </c>
      <c r="AN41630">
        <v>11</v>
      </c>
      <c r="AO41630">
        <v>11</v>
      </c>
      <c r="AP41630">
        <v>11</v>
      </c>
      <c r="AQ41630">
        <v>11</v>
      </c>
    </row>
    <row r="41631" spans="1:43">
      <c r="A41631" t="s">
        <v>25621</v>
      </c>
      <c r="B41631" t="s">
        <v>25622</v>
      </c>
      <c r="C41631" t="s">
        <v>15429</v>
      </c>
      <c r="D41631" t="s">
        <v>15430</v>
      </c>
      <c r="E41631" t="s">
        <v>15241</v>
      </c>
      <c r="F41631" t="s">
        <v>15242</v>
      </c>
      <c r="G41631" t="s">
        <v>10734</v>
      </c>
      <c r="H41631" t="s">
        <v>10735</v>
      </c>
      <c r="I41631" s="2">
        <v>1</v>
      </c>
      <c r="J41631" s="2">
        <v>0</v>
      </c>
      <c r="K41631" s="2">
        <v>0</v>
      </c>
      <c r="L41631" t="s">
        <v>120</v>
      </c>
      <c r="M41631" t="s">
        <v>87</v>
      </c>
      <c r="N41631" t="s">
        <v>88</v>
      </c>
      <c r="O41631" t="s">
        <v>85</v>
      </c>
      <c r="P41631" t="s">
        <v>86</v>
      </c>
      <c r="Q41631">
        <v>9</v>
      </c>
      <c r="R41631">
        <v>9</v>
      </c>
      <c r="S41631">
        <v>10</v>
      </c>
      <c r="T41631">
        <v>10</v>
      </c>
      <c r="U41631">
        <v>10</v>
      </c>
      <c r="V41631">
        <v>10</v>
      </c>
      <c r="W41631">
        <v>10</v>
      </c>
      <c r="X41631">
        <v>10</v>
      </c>
      <c r="Y41631">
        <v>10</v>
      </c>
      <c r="Z41631">
        <v>10</v>
      </c>
      <c r="AA41631">
        <v>10</v>
      </c>
      <c r="AB41631">
        <v>10</v>
      </c>
      <c r="AC41631">
        <v>10</v>
      </c>
      <c r="AD41631">
        <v>10</v>
      </c>
      <c r="AE41631">
        <v>10</v>
      </c>
      <c r="AF41631">
        <v>10</v>
      </c>
      <c r="AG41631">
        <v>10</v>
      </c>
      <c r="AH41631">
        <v>10</v>
      </c>
      <c r="AI41631">
        <v>10</v>
      </c>
      <c r="AJ41631">
        <v>10</v>
      </c>
      <c r="AK41631">
        <v>10</v>
      </c>
      <c r="AL41631">
        <v>10</v>
      </c>
      <c r="AM41631">
        <v>10</v>
      </c>
      <c r="AN41631">
        <v>10</v>
      </c>
      <c r="AO41631">
        <v>10</v>
      </c>
      <c r="AP41631">
        <v>10</v>
      </c>
      <c r="AQ41631">
        <v>10</v>
      </c>
    </row>
    <row r="41632" spans="1:43">
      <c r="A41632" t="s">
        <v>25621</v>
      </c>
      <c r="B41632" t="s">
        <v>25622</v>
      </c>
      <c r="C41632" t="s">
        <v>15429</v>
      </c>
      <c r="D41632" t="s">
        <v>15430</v>
      </c>
      <c r="E41632" t="s">
        <v>15241</v>
      </c>
      <c r="F41632" t="s">
        <v>15242</v>
      </c>
      <c r="G41632" t="s">
        <v>10734</v>
      </c>
      <c r="H41632" t="s">
        <v>10735</v>
      </c>
      <c r="I41632" s="2">
        <v>1</v>
      </c>
      <c r="J41632" s="2">
        <v>0</v>
      </c>
      <c r="K41632" s="2">
        <v>0</v>
      </c>
      <c r="L41632" t="s">
        <v>120</v>
      </c>
      <c r="M41632" t="s">
        <v>89</v>
      </c>
      <c r="N41632" t="s">
        <v>90</v>
      </c>
      <c r="O41632" t="s">
        <v>85</v>
      </c>
      <c r="P41632" t="s">
        <v>86</v>
      </c>
      <c r="Q41632">
        <v>9</v>
      </c>
      <c r="R41632">
        <v>9</v>
      </c>
      <c r="S41632">
        <v>9</v>
      </c>
      <c r="T41632">
        <v>9</v>
      </c>
      <c r="U41632">
        <v>9</v>
      </c>
      <c r="V41632">
        <v>10</v>
      </c>
      <c r="W41632">
        <v>10</v>
      </c>
      <c r="X41632">
        <v>10</v>
      </c>
      <c r="Y41632">
        <v>10</v>
      </c>
      <c r="Z41632">
        <v>10</v>
      </c>
      <c r="AA41632">
        <v>10</v>
      </c>
      <c r="AB41632">
        <v>10</v>
      </c>
      <c r="AC41632">
        <v>11</v>
      </c>
      <c r="AD41632">
        <v>11</v>
      </c>
      <c r="AE41632">
        <v>11</v>
      </c>
      <c r="AF41632">
        <v>11</v>
      </c>
      <c r="AG41632">
        <v>11</v>
      </c>
      <c r="AH41632">
        <v>11</v>
      </c>
      <c r="AI41632">
        <v>11</v>
      </c>
      <c r="AJ41632">
        <v>11</v>
      </c>
      <c r="AK41632">
        <v>11</v>
      </c>
      <c r="AL41632">
        <v>11</v>
      </c>
      <c r="AM41632">
        <v>11</v>
      </c>
      <c r="AN41632">
        <v>11</v>
      </c>
      <c r="AO41632">
        <v>11</v>
      </c>
      <c r="AP41632">
        <v>11</v>
      </c>
      <c r="AQ41632">
        <v>11</v>
      </c>
    </row>
    <row r="41633" spans="1:43">
      <c r="A41633" t="s">
        <v>25621</v>
      </c>
      <c r="B41633" t="s">
        <v>25622</v>
      </c>
      <c r="C41633" t="s">
        <v>15429</v>
      </c>
      <c r="D41633" t="s">
        <v>15430</v>
      </c>
      <c r="E41633" t="s">
        <v>15241</v>
      </c>
      <c r="F41633" t="s">
        <v>15242</v>
      </c>
      <c r="G41633" t="s">
        <v>10734</v>
      </c>
      <c r="H41633" t="s">
        <v>10735</v>
      </c>
      <c r="I41633" s="2">
        <v>1</v>
      </c>
      <c r="J41633" s="2">
        <v>0</v>
      </c>
      <c r="K41633" s="2">
        <v>0</v>
      </c>
      <c r="L41633" t="s">
        <v>120</v>
      </c>
      <c r="M41633" t="s">
        <v>83</v>
      </c>
      <c r="N41633" t="s">
        <v>91</v>
      </c>
      <c r="O41633" t="s">
        <v>85</v>
      </c>
      <c r="P41633" t="s">
        <v>86</v>
      </c>
      <c r="Q41633">
        <v>9</v>
      </c>
      <c r="R41633">
        <v>9</v>
      </c>
      <c r="S41633">
        <v>9</v>
      </c>
      <c r="T41633">
        <v>9</v>
      </c>
      <c r="U41633">
        <v>9</v>
      </c>
      <c r="V41633">
        <v>9</v>
      </c>
      <c r="W41633">
        <v>9</v>
      </c>
      <c r="X41633">
        <v>9</v>
      </c>
      <c r="Y41633">
        <v>9</v>
      </c>
      <c r="Z41633">
        <v>10</v>
      </c>
      <c r="AA41633">
        <v>10</v>
      </c>
      <c r="AB41633">
        <v>10</v>
      </c>
      <c r="AC41633">
        <v>10</v>
      </c>
      <c r="AD41633">
        <v>10</v>
      </c>
      <c r="AE41633">
        <v>10</v>
      </c>
      <c r="AF41633">
        <v>10</v>
      </c>
      <c r="AG41633">
        <v>10</v>
      </c>
      <c r="AH41633">
        <v>10</v>
      </c>
      <c r="AI41633">
        <v>10</v>
      </c>
      <c r="AJ41633">
        <v>11</v>
      </c>
      <c r="AK41633">
        <v>11</v>
      </c>
      <c r="AL41633">
        <v>11</v>
      </c>
      <c r="AM41633">
        <v>11</v>
      </c>
      <c r="AN41633">
        <v>11</v>
      </c>
      <c r="AO41633">
        <v>11</v>
      </c>
      <c r="AP41633">
        <v>11</v>
      </c>
      <c r="AQ41633">
        <v>11</v>
      </c>
    </row>
    <row r="41634" spans="1:43">
      <c r="A41634" t="s">
        <v>25623</v>
      </c>
      <c r="B41634" t="s">
        <v>25624</v>
      </c>
      <c r="C41634" t="s">
        <v>15397</v>
      </c>
      <c r="D41634" t="s">
        <v>15398</v>
      </c>
      <c r="E41634" t="s">
        <v>15241</v>
      </c>
      <c r="F41634" t="s">
        <v>15242</v>
      </c>
      <c r="G41634" t="s">
        <v>10734</v>
      </c>
      <c r="H41634" t="s">
        <v>10735</v>
      </c>
      <c r="I41634" s="2">
        <v>1</v>
      </c>
      <c r="J41634" s="2">
        <v>0</v>
      </c>
      <c r="K41634" s="2">
        <v>0</v>
      </c>
      <c r="L41634" t="s">
        <v>120</v>
      </c>
      <c r="M41634" t="s">
        <v>83</v>
      </c>
      <c r="N41634" t="s">
        <v>84</v>
      </c>
      <c r="O41634" t="s">
        <v>85</v>
      </c>
      <c r="P41634" t="s">
        <v>86</v>
      </c>
      <c r="Q41634">
        <v>30</v>
      </c>
      <c r="R41634">
        <v>31</v>
      </c>
      <c r="S41634">
        <v>31</v>
      </c>
      <c r="T41634">
        <v>32</v>
      </c>
      <c r="U41634">
        <v>32</v>
      </c>
      <c r="V41634">
        <v>32</v>
      </c>
      <c r="W41634">
        <v>33</v>
      </c>
      <c r="X41634">
        <v>33</v>
      </c>
      <c r="Y41634">
        <v>34</v>
      </c>
      <c r="Z41634">
        <v>34</v>
      </c>
      <c r="AA41634">
        <v>34</v>
      </c>
      <c r="AB41634">
        <v>35</v>
      </c>
      <c r="AC41634">
        <v>35</v>
      </c>
      <c r="AD41634">
        <v>35</v>
      </c>
      <c r="AE41634">
        <v>36</v>
      </c>
      <c r="AF41634">
        <v>36</v>
      </c>
      <c r="AG41634">
        <v>36</v>
      </c>
      <c r="AH41634">
        <v>37</v>
      </c>
      <c r="AI41634">
        <v>37</v>
      </c>
      <c r="AJ41634">
        <v>37</v>
      </c>
      <c r="AK41634">
        <v>38</v>
      </c>
      <c r="AL41634">
        <v>38</v>
      </c>
      <c r="AM41634">
        <v>38</v>
      </c>
      <c r="AN41634">
        <v>38</v>
      </c>
      <c r="AO41634">
        <v>38</v>
      </c>
      <c r="AP41634">
        <v>38</v>
      </c>
      <c r="AQ41634">
        <v>38</v>
      </c>
    </row>
    <row r="41635" spans="1:43">
      <c r="A41635" t="s">
        <v>25623</v>
      </c>
      <c r="B41635" t="s">
        <v>25624</v>
      </c>
      <c r="C41635" t="s">
        <v>15397</v>
      </c>
      <c r="D41635" t="s">
        <v>15398</v>
      </c>
      <c r="E41635" t="s">
        <v>15241</v>
      </c>
      <c r="F41635" t="s">
        <v>15242</v>
      </c>
      <c r="G41635" t="s">
        <v>10734</v>
      </c>
      <c r="H41635" t="s">
        <v>10735</v>
      </c>
      <c r="I41635" s="2">
        <v>1</v>
      </c>
      <c r="J41635" s="2">
        <v>0</v>
      </c>
      <c r="K41635" s="2">
        <v>0</v>
      </c>
      <c r="L41635" t="s">
        <v>120</v>
      </c>
      <c r="M41635" t="s">
        <v>87</v>
      </c>
      <c r="N41635" t="s">
        <v>88</v>
      </c>
      <c r="O41635" t="s">
        <v>85</v>
      </c>
      <c r="P41635" t="s">
        <v>86</v>
      </c>
      <c r="Q41635">
        <v>30</v>
      </c>
      <c r="R41635">
        <v>30</v>
      </c>
      <c r="S41635">
        <v>30</v>
      </c>
      <c r="T41635">
        <v>30</v>
      </c>
      <c r="U41635">
        <v>31</v>
      </c>
      <c r="V41635">
        <v>31</v>
      </c>
      <c r="W41635">
        <v>31</v>
      </c>
      <c r="X41635">
        <v>31</v>
      </c>
      <c r="Y41635">
        <v>31</v>
      </c>
      <c r="Z41635">
        <v>31</v>
      </c>
      <c r="AA41635">
        <v>31</v>
      </c>
      <c r="AB41635">
        <v>31</v>
      </c>
      <c r="AC41635">
        <v>31</v>
      </c>
      <c r="AD41635">
        <v>32</v>
      </c>
      <c r="AE41635">
        <v>32</v>
      </c>
      <c r="AF41635">
        <v>32</v>
      </c>
      <c r="AG41635">
        <v>32</v>
      </c>
      <c r="AH41635">
        <v>32</v>
      </c>
      <c r="AI41635">
        <v>32</v>
      </c>
      <c r="AJ41635">
        <v>32</v>
      </c>
      <c r="AK41635">
        <v>32</v>
      </c>
      <c r="AL41635">
        <v>32</v>
      </c>
      <c r="AM41635">
        <v>32</v>
      </c>
      <c r="AN41635">
        <v>33</v>
      </c>
      <c r="AO41635">
        <v>33</v>
      </c>
      <c r="AP41635">
        <v>33</v>
      </c>
      <c r="AQ41635">
        <v>33</v>
      </c>
    </row>
    <row r="41636" spans="1:43">
      <c r="A41636" t="s">
        <v>25623</v>
      </c>
      <c r="B41636" t="s">
        <v>25624</v>
      </c>
      <c r="C41636" t="s">
        <v>15397</v>
      </c>
      <c r="D41636" t="s">
        <v>15398</v>
      </c>
      <c r="E41636" t="s">
        <v>15241</v>
      </c>
      <c r="F41636" t="s">
        <v>15242</v>
      </c>
      <c r="G41636" t="s">
        <v>10734</v>
      </c>
      <c r="H41636" t="s">
        <v>10735</v>
      </c>
      <c r="I41636" s="2">
        <v>1</v>
      </c>
      <c r="J41636" s="2">
        <v>0</v>
      </c>
      <c r="K41636" s="2">
        <v>0</v>
      </c>
      <c r="L41636" t="s">
        <v>120</v>
      </c>
      <c r="M41636" t="s">
        <v>89</v>
      </c>
      <c r="N41636" t="s">
        <v>90</v>
      </c>
      <c r="O41636" t="s">
        <v>85</v>
      </c>
      <c r="P41636" t="s">
        <v>86</v>
      </c>
      <c r="Q41636">
        <v>30</v>
      </c>
      <c r="R41636">
        <v>30</v>
      </c>
      <c r="S41636">
        <v>31</v>
      </c>
      <c r="T41636">
        <v>32</v>
      </c>
      <c r="U41636">
        <v>32</v>
      </c>
      <c r="V41636">
        <v>33</v>
      </c>
      <c r="W41636">
        <v>33</v>
      </c>
      <c r="X41636">
        <v>34</v>
      </c>
      <c r="Y41636">
        <v>35</v>
      </c>
      <c r="Z41636">
        <v>35</v>
      </c>
      <c r="AA41636">
        <v>36</v>
      </c>
      <c r="AB41636">
        <v>36</v>
      </c>
      <c r="AC41636">
        <v>37</v>
      </c>
      <c r="AD41636">
        <v>37</v>
      </c>
      <c r="AE41636">
        <v>37</v>
      </c>
      <c r="AF41636">
        <v>37</v>
      </c>
      <c r="AG41636">
        <v>37</v>
      </c>
      <c r="AH41636">
        <v>37</v>
      </c>
      <c r="AI41636">
        <v>37</v>
      </c>
      <c r="AJ41636">
        <v>37</v>
      </c>
      <c r="AK41636">
        <v>37</v>
      </c>
      <c r="AL41636">
        <v>37</v>
      </c>
      <c r="AM41636">
        <v>37</v>
      </c>
      <c r="AN41636">
        <v>37</v>
      </c>
      <c r="AO41636">
        <v>37</v>
      </c>
      <c r="AP41636">
        <v>37</v>
      </c>
      <c r="AQ41636">
        <v>37</v>
      </c>
    </row>
    <row r="41637" spans="1:43">
      <c r="A41637" t="s">
        <v>25623</v>
      </c>
      <c r="B41637" t="s">
        <v>25624</v>
      </c>
      <c r="C41637" t="s">
        <v>15397</v>
      </c>
      <c r="D41637" t="s">
        <v>15398</v>
      </c>
      <c r="E41637" t="s">
        <v>15241</v>
      </c>
      <c r="F41637" t="s">
        <v>15242</v>
      </c>
      <c r="G41637" t="s">
        <v>10734</v>
      </c>
      <c r="H41637" t="s">
        <v>10735</v>
      </c>
      <c r="I41637" s="2">
        <v>1</v>
      </c>
      <c r="J41637" s="2">
        <v>0</v>
      </c>
      <c r="K41637" s="2">
        <v>0</v>
      </c>
      <c r="L41637" t="s">
        <v>120</v>
      </c>
      <c r="M41637" t="s">
        <v>83</v>
      </c>
      <c r="N41637" t="s">
        <v>91</v>
      </c>
      <c r="O41637" t="s">
        <v>85</v>
      </c>
      <c r="P41637" t="s">
        <v>86</v>
      </c>
      <c r="Q41637">
        <v>30</v>
      </c>
      <c r="R41637">
        <v>31</v>
      </c>
      <c r="S41637">
        <v>31</v>
      </c>
      <c r="T41637">
        <v>32</v>
      </c>
      <c r="U41637">
        <v>32</v>
      </c>
      <c r="V41637">
        <v>32</v>
      </c>
      <c r="W41637">
        <v>33</v>
      </c>
      <c r="X41637">
        <v>33</v>
      </c>
      <c r="Y41637">
        <v>34</v>
      </c>
      <c r="Z41637">
        <v>34</v>
      </c>
      <c r="AA41637">
        <v>34</v>
      </c>
      <c r="AB41637">
        <v>35</v>
      </c>
      <c r="AC41637">
        <v>35</v>
      </c>
      <c r="AD41637">
        <v>35</v>
      </c>
      <c r="AE41637">
        <v>36</v>
      </c>
      <c r="AF41637">
        <v>36</v>
      </c>
      <c r="AG41637">
        <v>36</v>
      </c>
      <c r="AH41637">
        <v>37</v>
      </c>
      <c r="AI41637">
        <v>37</v>
      </c>
      <c r="AJ41637">
        <v>37</v>
      </c>
      <c r="AK41637">
        <v>38</v>
      </c>
      <c r="AL41637">
        <v>38</v>
      </c>
      <c r="AM41637">
        <v>38</v>
      </c>
      <c r="AN41637">
        <v>38</v>
      </c>
      <c r="AO41637">
        <v>38</v>
      </c>
      <c r="AP41637">
        <v>38</v>
      </c>
      <c r="AQ41637">
        <v>38</v>
      </c>
    </row>
    <row r="41638" spans="1:43">
      <c r="A41638" t="s">
        <v>25625</v>
      </c>
      <c r="B41638" t="s">
        <v>25626</v>
      </c>
      <c r="C41638" t="s">
        <v>15397</v>
      </c>
      <c r="D41638" t="s">
        <v>15398</v>
      </c>
      <c r="E41638" t="s">
        <v>15241</v>
      </c>
      <c r="F41638" t="s">
        <v>15242</v>
      </c>
      <c r="G41638" t="s">
        <v>10734</v>
      </c>
      <c r="H41638" t="s">
        <v>10735</v>
      </c>
      <c r="I41638" s="2">
        <v>1</v>
      </c>
      <c r="J41638" s="2">
        <v>0</v>
      </c>
      <c r="K41638" s="2">
        <v>0</v>
      </c>
      <c r="L41638" t="s">
        <v>120</v>
      </c>
      <c r="M41638" t="s">
        <v>83</v>
      </c>
      <c r="N41638" t="s">
        <v>84</v>
      </c>
      <c r="O41638" t="s">
        <v>85</v>
      </c>
      <c r="P41638" t="s">
        <v>86</v>
      </c>
      <c r="Q41638">
        <v>28</v>
      </c>
      <c r="R41638">
        <v>29</v>
      </c>
      <c r="S41638">
        <v>29</v>
      </c>
      <c r="T41638">
        <v>29</v>
      </c>
      <c r="U41638">
        <v>30</v>
      </c>
      <c r="V41638">
        <v>30</v>
      </c>
      <c r="W41638">
        <v>30</v>
      </c>
      <c r="X41638">
        <v>31</v>
      </c>
      <c r="Y41638">
        <v>31</v>
      </c>
      <c r="Z41638">
        <v>32</v>
      </c>
      <c r="AA41638">
        <v>32</v>
      </c>
      <c r="AB41638">
        <v>32</v>
      </c>
      <c r="AC41638">
        <v>33</v>
      </c>
      <c r="AD41638">
        <v>33</v>
      </c>
      <c r="AE41638">
        <v>33</v>
      </c>
      <c r="AF41638">
        <v>34</v>
      </c>
      <c r="AG41638">
        <v>34</v>
      </c>
      <c r="AH41638">
        <v>34</v>
      </c>
      <c r="AI41638">
        <v>35</v>
      </c>
      <c r="AJ41638">
        <v>35</v>
      </c>
      <c r="AK41638">
        <v>35</v>
      </c>
      <c r="AL41638">
        <v>35</v>
      </c>
      <c r="AM41638">
        <v>35</v>
      </c>
      <c r="AN41638">
        <v>35</v>
      </c>
      <c r="AO41638">
        <v>35</v>
      </c>
      <c r="AP41638">
        <v>35</v>
      </c>
      <c r="AQ41638">
        <v>35</v>
      </c>
    </row>
    <row r="41639" spans="1:43">
      <c r="A41639" t="s">
        <v>25625</v>
      </c>
      <c r="B41639" t="s">
        <v>25626</v>
      </c>
      <c r="C41639" t="s">
        <v>15397</v>
      </c>
      <c r="D41639" t="s">
        <v>15398</v>
      </c>
      <c r="E41639" t="s">
        <v>15241</v>
      </c>
      <c r="F41639" t="s">
        <v>15242</v>
      </c>
      <c r="G41639" t="s">
        <v>10734</v>
      </c>
      <c r="H41639" t="s">
        <v>10735</v>
      </c>
      <c r="I41639" s="2">
        <v>1</v>
      </c>
      <c r="J41639" s="2">
        <v>0</v>
      </c>
      <c r="K41639" s="2">
        <v>0</v>
      </c>
      <c r="L41639" t="s">
        <v>120</v>
      </c>
      <c r="M41639" t="s">
        <v>87</v>
      </c>
      <c r="N41639" t="s">
        <v>88</v>
      </c>
      <c r="O41639" t="s">
        <v>85</v>
      </c>
      <c r="P41639" t="s">
        <v>86</v>
      </c>
      <c r="Q41639">
        <v>28</v>
      </c>
      <c r="R41639">
        <v>28</v>
      </c>
      <c r="S41639">
        <v>28</v>
      </c>
      <c r="T41639">
        <v>28</v>
      </c>
      <c r="U41639">
        <v>28</v>
      </c>
      <c r="V41639">
        <v>29</v>
      </c>
      <c r="W41639">
        <v>29</v>
      </c>
      <c r="X41639">
        <v>29</v>
      </c>
      <c r="Y41639">
        <v>29</v>
      </c>
      <c r="Z41639">
        <v>29</v>
      </c>
      <c r="AA41639">
        <v>29</v>
      </c>
      <c r="AB41639">
        <v>29</v>
      </c>
      <c r="AC41639">
        <v>29</v>
      </c>
      <c r="AD41639">
        <v>29</v>
      </c>
      <c r="AE41639">
        <v>29</v>
      </c>
      <c r="AF41639">
        <v>30</v>
      </c>
      <c r="AG41639">
        <v>30</v>
      </c>
      <c r="AH41639">
        <v>30</v>
      </c>
      <c r="AI41639">
        <v>30</v>
      </c>
      <c r="AJ41639">
        <v>30</v>
      </c>
      <c r="AK41639">
        <v>30</v>
      </c>
      <c r="AL41639">
        <v>30</v>
      </c>
      <c r="AM41639">
        <v>30</v>
      </c>
      <c r="AN41639">
        <v>30</v>
      </c>
      <c r="AO41639">
        <v>30</v>
      </c>
      <c r="AP41639">
        <v>30</v>
      </c>
      <c r="AQ41639">
        <v>31</v>
      </c>
    </row>
    <row r="41640" spans="1:43">
      <c r="A41640" t="s">
        <v>25625</v>
      </c>
      <c r="B41640" t="s">
        <v>25626</v>
      </c>
      <c r="C41640" t="s">
        <v>15397</v>
      </c>
      <c r="D41640" t="s">
        <v>15398</v>
      </c>
      <c r="E41640" t="s">
        <v>15241</v>
      </c>
      <c r="F41640" t="s">
        <v>15242</v>
      </c>
      <c r="G41640" t="s">
        <v>10734</v>
      </c>
      <c r="H41640" t="s">
        <v>10735</v>
      </c>
      <c r="I41640" s="2">
        <v>1</v>
      </c>
      <c r="J41640" s="2">
        <v>0</v>
      </c>
      <c r="K41640" s="2">
        <v>0</v>
      </c>
      <c r="L41640" t="s">
        <v>120</v>
      </c>
      <c r="M41640" t="s">
        <v>89</v>
      </c>
      <c r="N41640" t="s">
        <v>90</v>
      </c>
      <c r="O41640" t="s">
        <v>85</v>
      </c>
      <c r="P41640" t="s">
        <v>86</v>
      </c>
      <c r="Q41640">
        <v>28</v>
      </c>
      <c r="R41640">
        <v>29</v>
      </c>
      <c r="S41640">
        <v>30</v>
      </c>
      <c r="T41640">
        <v>30</v>
      </c>
      <c r="U41640">
        <v>31</v>
      </c>
      <c r="V41640">
        <v>31</v>
      </c>
      <c r="W41640">
        <v>32</v>
      </c>
      <c r="X41640">
        <v>33</v>
      </c>
      <c r="Y41640">
        <v>33</v>
      </c>
      <c r="Z41640">
        <v>34</v>
      </c>
      <c r="AA41640">
        <v>34</v>
      </c>
      <c r="AB41640">
        <v>34</v>
      </c>
      <c r="AC41640">
        <v>35</v>
      </c>
      <c r="AD41640">
        <v>35</v>
      </c>
      <c r="AE41640">
        <v>36</v>
      </c>
      <c r="AF41640">
        <v>36</v>
      </c>
      <c r="AG41640">
        <v>36</v>
      </c>
      <c r="AH41640">
        <v>36</v>
      </c>
      <c r="AI41640">
        <v>36</v>
      </c>
      <c r="AJ41640">
        <v>36</v>
      </c>
      <c r="AK41640">
        <v>36</v>
      </c>
      <c r="AL41640">
        <v>36</v>
      </c>
      <c r="AM41640">
        <v>36</v>
      </c>
      <c r="AN41640">
        <v>36</v>
      </c>
      <c r="AO41640">
        <v>35</v>
      </c>
      <c r="AP41640">
        <v>35</v>
      </c>
      <c r="AQ41640">
        <v>35</v>
      </c>
    </row>
    <row r="41641" spans="1:43">
      <c r="A41641" t="s">
        <v>25625</v>
      </c>
      <c r="B41641" t="s">
        <v>25626</v>
      </c>
      <c r="C41641" t="s">
        <v>15397</v>
      </c>
      <c r="D41641" t="s">
        <v>15398</v>
      </c>
      <c r="E41641" t="s">
        <v>15241</v>
      </c>
      <c r="F41641" t="s">
        <v>15242</v>
      </c>
      <c r="G41641" t="s">
        <v>10734</v>
      </c>
      <c r="H41641" t="s">
        <v>10735</v>
      </c>
      <c r="I41641" s="2">
        <v>1</v>
      </c>
      <c r="J41641" s="2">
        <v>0</v>
      </c>
      <c r="K41641" s="2">
        <v>0</v>
      </c>
      <c r="L41641" t="s">
        <v>120</v>
      </c>
      <c r="M41641" t="s">
        <v>83</v>
      </c>
      <c r="N41641" t="s">
        <v>91</v>
      </c>
      <c r="O41641" t="s">
        <v>85</v>
      </c>
      <c r="P41641" t="s">
        <v>86</v>
      </c>
      <c r="Q41641">
        <v>28</v>
      </c>
      <c r="R41641">
        <v>29</v>
      </c>
      <c r="S41641">
        <v>29</v>
      </c>
      <c r="T41641">
        <v>29</v>
      </c>
      <c r="U41641">
        <v>30</v>
      </c>
      <c r="V41641">
        <v>30</v>
      </c>
      <c r="W41641">
        <v>30</v>
      </c>
      <c r="X41641">
        <v>31</v>
      </c>
      <c r="Y41641">
        <v>31</v>
      </c>
      <c r="Z41641">
        <v>32</v>
      </c>
      <c r="AA41641">
        <v>32</v>
      </c>
      <c r="AB41641">
        <v>32</v>
      </c>
      <c r="AC41641">
        <v>33</v>
      </c>
      <c r="AD41641">
        <v>33</v>
      </c>
      <c r="AE41641">
        <v>33</v>
      </c>
      <c r="AF41641">
        <v>34</v>
      </c>
      <c r="AG41641">
        <v>34</v>
      </c>
      <c r="AH41641">
        <v>34</v>
      </c>
      <c r="AI41641">
        <v>35</v>
      </c>
      <c r="AJ41641">
        <v>35</v>
      </c>
      <c r="AK41641">
        <v>35</v>
      </c>
      <c r="AL41641">
        <v>35</v>
      </c>
      <c r="AM41641">
        <v>35</v>
      </c>
      <c r="AN41641">
        <v>35</v>
      </c>
      <c r="AO41641">
        <v>35</v>
      </c>
      <c r="AP41641">
        <v>35</v>
      </c>
      <c r="AQ41641">
        <v>35</v>
      </c>
    </row>
    <row r="41642" spans="1:43">
      <c r="A41642" t="s">
        <v>25627</v>
      </c>
      <c r="B41642" t="s">
        <v>25628</v>
      </c>
      <c r="C41642" t="s">
        <v>15379</v>
      </c>
      <c r="D41642" t="s">
        <v>15380</v>
      </c>
      <c r="E41642" t="s">
        <v>15241</v>
      </c>
      <c r="F41642" t="s">
        <v>15242</v>
      </c>
      <c r="G41642" t="s">
        <v>10734</v>
      </c>
      <c r="H41642" t="s">
        <v>10735</v>
      </c>
      <c r="I41642" s="2">
        <v>1</v>
      </c>
      <c r="J41642" s="2">
        <v>0</v>
      </c>
      <c r="K41642" s="2">
        <v>0</v>
      </c>
      <c r="L41642" t="s">
        <v>120</v>
      </c>
      <c r="M41642" t="s">
        <v>83</v>
      </c>
      <c r="N41642" t="s">
        <v>84</v>
      </c>
      <c r="O41642" t="s">
        <v>85</v>
      </c>
      <c r="P41642" t="s">
        <v>86</v>
      </c>
      <c r="Q41642">
        <v>40</v>
      </c>
      <c r="R41642">
        <v>41</v>
      </c>
      <c r="S41642">
        <v>41</v>
      </c>
      <c r="T41642">
        <v>42</v>
      </c>
      <c r="U41642">
        <v>42</v>
      </c>
      <c r="V41642">
        <v>43</v>
      </c>
      <c r="W41642">
        <v>43</v>
      </c>
      <c r="X41642">
        <v>44</v>
      </c>
      <c r="Y41642">
        <v>44</v>
      </c>
      <c r="Z41642">
        <v>45</v>
      </c>
      <c r="AA41642">
        <v>45</v>
      </c>
      <c r="AB41642">
        <v>46</v>
      </c>
      <c r="AC41642">
        <v>46</v>
      </c>
      <c r="AD41642">
        <v>47</v>
      </c>
      <c r="AE41642">
        <v>47</v>
      </c>
      <c r="AF41642">
        <v>48</v>
      </c>
      <c r="AG41642">
        <v>48</v>
      </c>
      <c r="AH41642">
        <v>49</v>
      </c>
      <c r="AI41642">
        <v>49</v>
      </c>
      <c r="AJ41642">
        <v>50</v>
      </c>
      <c r="AK41642">
        <v>50</v>
      </c>
      <c r="AL41642">
        <v>50</v>
      </c>
      <c r="AM41642">
        <v>50</v>
      </c>
      <c r="AN41642">
        <v>50</v>
      </c>
      <c r="AO41642">
        <v>50</v>
      </c>
      <c r="AP41642">
        <v>50</v>
      </c>
      <c r="AQ41642">
        <v>50</v>
      </c>
    </row>
    <row r="41643" spans="1:43">
      <c r="A41643" t="s">
        <v>25627</v>
      </c>
      <c r="B41643" t="s">
        <v>25628</v>
      </c>
      <c r="C41643" t="s">
        <v>15379</v>
      </c>
      <c r="D41643" t="s">
        <v>15380</v>
      </c>
      <c r="E41643" t="s">
        <v>15241</v>
      </c>
      <c r="F41643" t="s">
        <v>15242</v>
      </c>
      <c r="G41643" t="s">
        <v>10734</v>
      </c>
      <c r="H41643" t="s">
        <v>10735</v>
      </c>
      <c r="I41643" s="2">
        <v>1</v>
      </c>
      <c r="J41643" s="2">
        <v>0</v>
      </c>
      <c r="K41643" s="2">
        <v>0</v>
      </c>
      <c r="L41643" t="s">
        <v>120</v>
      </c>
      <c r="M41643" t="s">
        <v>87</v>
      </c>
      <c r="N41643" t="s">
        <v>88</v>
      </c>
      <c r="O41643" t="s">
        <v>85</v>
      </c>
      <c r="P41643" t="s">
        <v>86</v>
      </c>
      <c r="Q41643">
        <v>40</v>
      </c>
      <c r="R41643">
        <v>40</v>
      </c>
      <c r="S41643">
        <v>40</v>
      </c>
      <c r="T41643">
        <v>40</v>
      </c>
      <c r="U41643">
        <v>40</v>
      </c>
      <c r="V41643">
        <v>41</v>
      </c>
      <c r="W41643">
        <v>41</v>
      </c>
      <c r="X41643">
        <v>41</v>
      </c>
      <c r="Y41643">
        <v>41</v>
      </c>
      <c r="Z41643">
        <v>41</v>
      </c>
      <c r="AA41643">
        <v>41</v>
      </c>
      <c r="AB41643">
        <v>42</v>
      </c>
      <c r="AC41643">
        <v>42</v>
      </c>
      <c r="AD41643">
        <v>42</v>
      </c>
      <c r="AE41643">
        <v>42</v>
      </c>
      <c r="AF41643">
        <v>42</v>
      </c>
      <c r="AG41643">
        <v>42</v>
      </c>
      <c r="AH41643">
        <v>42</v>
      </c>
      <c r="AI41643">
        <v>43</v>
      </c>
      <c r="AJ41643">
        <v>43</v>
      </c>
      <c r="AK41643">
        <v>43</v>
      </c>
      <c r="AL41643">
        <v>43</v>
      </c>
      <c r="AM41643">
        <v>43</v>
      </c>
      <c r="AN41643">
        <v>43</v>
      </c>
      <c r="AO41643">
        <v>43</v>
      </c>
      <c r="AP41643">
        <v>44</v>
      </c>
      <c r="AQ41643">
        <v>44</v>
      </c>
    </row>
    <row r="41644" spans="1:43">
      <c r="A41644" t="s">
        <v>25627</v>
      </c>
      <c r="B41644" t="s">
        <v>25628</v>
      </c>
      <c r="C41644" t="s">
        <v>15379</v>
      </c>
      <c r="D41644" t="s">
        <v>15380</v>
      </c>
      <c r="E41644" t="s">
        <v>15241</v>
      </c>
      <c r="F41644" t="s">
        <v>15242</v>
      </c>
      <c r="G41644" t="s">
        <v>10734</v>
      </c>
      <c r="H41644" t="s">
        <v>10735</v>
      </c>
      <c r="I41644" s="2">
        <v>1</v>
      </c>
      <c r="J41644" s="2">
        <v>0</v>
      </c>
      <c r="K41644" s="2">
        <v>0</v>
      </c>
      <c r="L41644" t="s">
        <v>120</v>
      </c>
      <c r="M41644" t="s">
        <v>89</v>
      </c>
      <c r="N41644" t="s">
        <v>90</v>
      </c>
      <c r="O41644" t="s">
        <v>85</v>
      </c>
      <c r="P41644" t="s">
        <v>86</v>
      </c>
      <c r="Q41644">
        <v>40</v>
      </c>
      <c r="R41644">
        <v>41</v>
      </c>
      <c r="S41644">
        <v>42</v>
      </c>
      <c r="T41644">
        <v>43</v>
      </c>
      <c r="U41644">
        <v>44</v>
      </c>
      <c r="V41644">
        <v>45</v>
      </c>
      <c r="W41644">
        <v>45</v>
      </c>
      <c r="X41644">
        <v>46</v>
      </c>
      <c r="Y41644">
        <v>47</v>
      </c>
      <c r="Z41644">
        <v>48</v>
      </c>
      <c r="AA41644">
        <v>48</v>
      </c>
      <c r="AB41644">
        <v>49</v>
      </c>
      <c r="AC41644">
        <v>50</v>
      </c>
      <c r="AD41644">
        <v>50</v>
      </c>
      <c r="AE41644">
        <v>51</v>
      </c>
      <c r="AF41644">
        <v>51</v>
      </c>
      <c r="AG41644">
        <v>51</v>
      </c>
      <c r="AH41644">
        <v>51</v>
      </c>
      <c r="AI41644">
        <v>51</v>
      </c>
      <c r="AJ41644">
        <v>51</v>
      </c>
      <c r="AK41644">
        <v>51</v>
      </c>
      <c r="AL41644">
        <v>51</v>
      </c>
      <c r="AM41644">
        <v>51</v>
      </c>
      <c r="AN41644">
        <v>51</v>
      </c>
      <c r="AO41644">
        <v>51</v>
      </c>
      <c r="AP41644">
        <v>51</v>
      </c>
      <c r="AQ41644">
        <v>51</v>
      </c>
    </row>
    <row r="41645" spans="1:43">
      <c r="A41645" t="s">
        <v>25627</v>
      </c>
      <c r="B41645" t="s">
        <v>25628</v>
      </c>
      <c r="C41645" t="s">
        <v>15379</v>
      </c>
      <c r="D41645" t="s">
        <v>15380</v>
      </c>
      <c r="E41645" t="s">
        <v>15241</v>
      </c>
      <c r="F41645" t="s">
        <v>15242</v>
      </c>
      <c r="G41645" t="s">
        <v>10734</v>
      </c>
      <c r="H41645" t="s">
        <v>10735</v>
      </c>
      <c r="I41645" s="2">
        <v>1</v>
      </c>
      <c r="J41645" s="2">
        <v>0</v>
      </c>
      <c r="K41645" s="2">
        <v>0</v>
      </c>
      <c r="L41645" t="s">
        <v>120</v>
      </c>
      <c r="M41645" t="s">
        <v>83</v>
      </c>
      <c r="N41645" t="s">
        <v>91</v>
      </c>
      <c r="O41645" t="s">
        <v>85</v>
      </c>
      <c r="P41645" t="s">
        <v>86</v>
      </c>
      <c r="Q41645">
        <v>40</v>
      </c>
      <c r="R41645">
        <v>41</v>
      </c>
      <c r="S41645">
        <v>41</v>
      </c>
      <c r="T41645">
        <v>42</v>
      </c>
      <c r="U41645">
        <v>42</v>
      </c>
      <c r="V41645">
        <v>43</v>
      </c>
      <c r="W41645">
        <v>43</v>
      </c>
      <c r="X41645">
        <v>44</v>
      </c>
      <c r="Y41645">
        <v>44</v>
      </c>
      <c r="Z41645">
        <v>45</v>
      </c>
      <c r="AA41645">
        <v>45</v>
      </c>
      <c r="AB41645">
        <v>46</v>
      </c>
      <c r="AC41645">
        <v>46</v>
      </c>
      <c r="AD41645">
        <v>47</v>
      </c>
      <c r="AE41645">
        <v>47</v>
      </c>
      <c r="AF41645">
        <v>48</v>
      </c>
      <c r="AG41645">
        <v>48</v>
      </c>
      <c r="AH41645">
        <v>49</v>
      </c>
      <c r="AI41645">
        <v>49</v>
      </c>
      <c r="AJ41645">
        <v>50</v>
      </c>
      <c r="AK41645">
        <v>50</v>
      </c>
      <c r="AL41645">
        <v>50</v>
      </c>
      <c r="AM41645">
        <v>50</v>
      </c>
      <c r="AN41645">
        <v>50</v>
      </c>
      <c r="AO41645">
        <v>50</v>
      </c>
      <c r="AP41645">
        <v>50</v>
      </c>
      <c r="AQ41645">
        <v>50</v>
      </c>
    </row>
    <row r="41646" spans="1:43">
      <c r="A41646" t="s">
        <v>25629</v>
      </c>
      <c r="B41646" t="s">
        <v>25630</v>
      </c>
      <c r="C41646" t="s">
        <v>15379</v>
      </c>
      <c r="D41646" t="s">
        <v>15380</v>
      </c>
      <c r="E41646" t="s">
        <v>15241</v>
      </c>
      <c r="F41646" t="s">
        <v>15242</v>
      </c>
      <c r="G41646" t="s">
        <v>10734</v>
      </c>
      <c r="H41646" t="s">
        <v>10735</v>
      </c>
      <c r="I41646" s="2">
        <v>1</v>
      </c>
      <c r="J41646" s="2">
        <v>0</v>
      </c>
      <c r="K41646" s="2">
        <v>0</v>
      </c>
      <c r="L41646" t="s">
        <v>120</v>
      </c>
      <c r="M41646" t="s">
        <v>83</v>
      </c>
      <c r="N41646" t="s">
        <v>84</v>
      </c>
      <c r="O41646" t="s">
        <v>85</v>
      </c>
      <c r="P41646" t="s">
        <v>86</v>
      </c>
      <c r="Q41646">
        <v>13</v>
      </c>
      <c r="R41646">
        <v>14</v>
      </c>
      <c r="S41646">
        <v>14</v>
      </c>
      <c r="T41646">
        <v>14</v>
      </c>
      <c r="U41646">
        <v>14</v>
      </c>
      <c r="V41646">
        <v>14</v>
      </c>
      <c r="W41646">
        <v>14</v>
      </c>
      <c r="X41646">
        <v>15</v>
      </c>
      <c r="Y41646">
        <v>15</v>
      </c>
      <c r="Z41646">
        <v>15</v>
      </c>
      <c r="AA41646">
        <v>15</v>
      </c>
      <c r="AB41646">
        <v>15</v>
      </c>
      <c r="AC41646">
        <v>15</v>
      </c>
      <c r="AD41646">
        <v>16</v>
      </c>
      <c r="AE41646">
        <v>16</v>
      </c>
      <c r="AF41646">
        <v>16</v>
      </c>
      <c r="AG41646">
        <v>16</v>
      </c>
      <c r="AH41646">
        <v>16</v>
      </c>
      <c r="AI41646">
        <v>16</v>
      </c>
      <c r="AJ41646">
        <v>17</v>
      </c>
      <c r="AK41646">
        <v>17</v>
      </c>
      <c r="AL41646">
        <v>17</v>
      </c>
      <c r="AM41646">
        <v>17</v>
      </c>
      <c r="AN41646">
        <v>17</v>
      </c>
      <c r="AO41646">
        <v>17</v>
      </c>
      <c r="AP41646">
        <v>17</v>
      </c>
      <c r="AQ41646">
        <v>17</v>
      </c>
    </row>
    <row r="41647" spans="1:43">
      <c r="A41647" t="s">
        <v>25629</v>
      </c>
      <c r="B41647" t="s">
        <v>25630</v>
      </c>
      <c r="C41647" t="s">
        <v>15379</v>
      </c>
      <c r="D41647" t="s">
        <v>15380</v>
      </c>
      <c r="E41647" t="s">
        <v>15241</v>
      </c>
      <c r="F41647" t="s">
        <v>15242</v>
      </c>
      <c r="G41647" t="s">
        <v>10734</v>
      </c>
      <c r="H41647" t="s">
        <v>10735</v>
      </c>
      <c r="I41647" s="2">
        <v>1</v>
      </c>
      <c r="J41647" s="2">
        <v>0</v>
      </c>
      <c r="K41647" s="2">
        <v>0</v>
      </c>
      <c r="L41647" t="s">
        <v>120</v>
      </c>
      <c r="M41647" t="s">
        <v>87</v>
      </c>
      <c r="N41647" t="s">
        <v>88</v>
      </c>
      <c r="O41647" t="s">
        <v>85</v>
      </c>
      <c r="P41647" t="s">
        <v>86</v>
      </c>
      <c r="Q41647">
        <v>13</v>
      </c>
      <c r="R41647">
        <v>13</v>
      </c>
      <c r="S41647">
        <v>13</v>
      </c>
      <c r="T41647">
        <v>13</v>
      </c>
      <c r="U41647">
        <v>13</v>
      </c>
      <c r="V41647">
        <v>14</v>
      </c>
      <c r="W41647">
        <v>14</v>
      </c>
      <c r="X41647">
        <v>14</v>
      </c>
      <c r="Y41647">
        <v>14</v>
      </c>
      <c r="Z41647">
        <v>14</v>
      </c>
      <c r="AA41647">
        <v>14</v>
      </c>
      <c r="AB41647">
        <v>14</v>
      </c>
      <c r="AC41647">
        <v>14</v>
      </c>
      <c r="AD41647">
        <v>14</v>
      </c>
      <c r="AE41647">
        <v>14</v>
      </c>
      <c r="AF41647">
        <v>14</v>
      </c>
      <c r="AG41647">
        <v>14</v>
      </c>
      <c r="AH41647">
        <v>14</v>
      </c>
      <c r="AI41647">
        <v>14</v>
      </c>
      <c r="AJ41647">
        <v>14</v>
      </c>
      <c r="AK41647">
        <v>14</v>
      </c>
      <c r="AL41647">
        <v>14</v>
      </c>
      <c r="AM41647">
        <v>14</v>
      </c>
      <c r="AN41647">
        <v>14</v>
      </c>
      <c r="AO41647">
        <v>14</v>
      </c>
      <c r="AP41647">
        <v>15</v>
      </c>
      <c r="AQ41647">
        <v>15</v>
      </c>
    </row>
    <row r="41648" spans="1:43">
      <c r="A41648" t="s">
        <v>25629</v>
      </c>
      <c r="B41648" t="s">
        <v>25630</v>
      </c>
      <c r="C41648" t="s">
        <v>15379</v>
      </c>
      <c r="D41648" t="s">
        <v>15380</v>
      </c>
      <c r="E41648" t="s">
        <v>15241</v>
      </c>
      <c r="F41648" t="s">
        <v>15242</v>
      </c>
      <c r="G41648" t="s">
        <v>10734</v>
      </c>
      <c r="H41648" t="s">
        <v>10735</v>
      </c>
      <c r="I41648" s="2">
        <v>1</v>
      </c>
      <c r="J41648" s="2">
        <v>0</v>
      </c>
      <c r="K41648" s="2">
        <v>0</v>
      </c>
      <c r="L41648" t="s">
        <v>120</v>
      </c>
      <c r="M41648" t="s">
        <v>89</v>
      </c>
      <c r="N41648" t="s">
        <v>90</v>
      </c>
      <c r="O41648" t="s">
        <v>85</v>
      </c>
      <c r="P41648" t="s">
        <v>86</v>
      </c>
      <c r="Q41648">
        <v>13</v>
      </c>
      <c r="R41648">
        <v>14</v>
      </c>
      <c r="S41648">
        <v>14</v>
      </c>
      <c r="T41648">
        <v>14</v>
      </c>
      <c r="U41648">
        <v>15</v>
      </c>
      <c r="V41648">
        <v>15</v>
      </c>
      <c r="W41648">
        <v>15</v>
      </c>
      <c r="X41648">
        <v>15</v>
      </c>
      <c r="Y41648">
        <v>16</v>
      </c>
      <c r="Z41648">
        <v>16</v>
      </c>
      <c r="AA41648">
        <v>16</v>
      </c>
      <c r="AB41648">
        <v>16</v>
      </c>
      <c r="AC41648">
        <v>17</v>
      </c>
      <c r="AD41648">
        <v>17</v>
      </c>
      <c r="AE41648">
        <v>17</v>
      </c>
      <c r="AF41648">
        <v>17</v>
      </c>
      <c r="AG41648">
        <v>17</v>
      </c>
      <c r="AH41648">
        <v>17</v>
      </c>
      <c r="AI41648">
        <v>17</v>
      </c>
      <c r="AJ41648">
        <v>17</v>
      </c>
      <c r="AK41648">
        <v>17</v>
      </c>
      <c r="AL41648">
        <v>17</v>
      </c>
      <c r="AM41648">
        <v>17</v>
      </c>
      <c r="AN41648">
        <v>17</v>
      </c>
      <c r="AO41648">
        <v>17</v>
      </c>
      <c r="AP41648">
        <v>17</v>
      </c>
      <c r="AQ41648">
        <v>17</v>
      </c>
    </row>
    <row r="41649" spans="1:43">
      <c r="A41649" t="s">
        <v>25629</v>
      </c>
      <c r="B41649" t="s">
        <v>25630</v>
      </c>
      <c r="C41649" t="s">
        <v>15379</v>
      </c>
      <c r="D41649" t="s">
        <v>15380</v>
      </c>
      <c r="E41649" t="s">
        <v>15241</v>
      </c>
      <c r="F41649" t="s">
        <v>15242</v>
      </c>
      <c r="G41649" t="s">
        <v>10734</v>
      </c>
      <c r="H41649" t="s">
        <v>10735</v>
      </c>
      <c r="I41649" s="2">
        <v>1</v>
      </c>
      <c r="J41649" s="2">
        <v>0</v>
      </c>
      <c r="K41649" s="2">
        <v>0</v>
      </c>
      <c r="L41649" t="s">
        <v>120</v>
      </c>
      <c r="M41649" t="s">
        <v>83</v>
      </c>
      <c r="N41649" t="s">
        <v>91</v>
      </c>
      <c r="O41649" t="s">
        <v>85</v>
      </c>
      <c r="P41649" t="s">
        <v>86</v>
      </c>
      <c r="Q41649">
        <v>13</v>
      </c>
      <c r="R41649">
        <v>14</v>
      </c>
      <c r="S41649">
        <v>14</v>
      </c>
      <c r="T41649">
        <v>14</v>
      </c>
      <c r="U41649">
        <v>14</v>
      </c>
      <c r="V41649">
        <v>14</v>
      </c>
      <c r="W41649">
        <v>14</v>
      </c>
      <c r="X41649">
        <v>15</v>
      </c>
      <c r="Y41649">
        <v>15</v>
      </c>
      <c r="Z41649">
        <v>15</v>
      </c>
      <c r="AA41649">
        <v>15</v>
      </c>
      <c r="AB41649">
        <v>15</v>
      </c>
      <c r="AC41649">
        <v>15</v>
      </c>
      <c r="AD41649">
        <v>16</v>
      </c>
      <c r="AE41649">
        <v>16</v>
      </c>
      <c r="AF41649">
        <v>16</v>
      </c>
      <c r="AG41649">
        <v>16</v>
      </c>
      <c r="AH41649">
        <v>16</v>
      </c>
      <c r="AI41649">
        <v>16</v>
      </c>
      <c r="AJ41649">
        <v>17</v>
      </c>
      <c r="AK41649">
        <v>17</v>
      </c>
      <c r="AL41649">
        <v>17</v>
      </c>
      <c r="AM41649">
        <v>17</v>
      </c>
      <c r="AN41649">
        <v>17</v>
      </c>
      <c r="AO41649">
        <v>17</v>
      </c>
      <c r="AP41649">
        <v>17</v>
      </c>
      <c r="AQ41649">
        <v>17</v>
      </c>
    </row>
    <row r="41650" spans="1:43">
      <c r="A41650" t="s">
        <v>25631</v>
      </c>
      <c r="B41650" t="s">
        <v>25632</v>
      </c>
      <c r="C41650" t="s">
        <v>15453</v>
      </c>
      <c r="D41650" t="s">
        <v>15454</v>
      </c>
      <c r="E41650" t="s">
        <v>15241</v>
      </c>
      <c r="F41650" t="s">
        <v>15242</v>
      </c>
      <c r="G41650" t="s">
        <v>10734</v>
      </c>
      <c r="H41650" t="s">
        <v>10735</v>
      </c>
      <c r="I41650" s="2">
        <v>1</v>
      </c>
      <c r="J41650" s="2">
        <v>0</v>
      </c>
      <c r="K41650" s="2">
        <v>0</v>
      </c>
      <c r="L41650" t="s">
        <v>120</v>
      </c>
      <c r="M41650" t="s">
        <v>83</v>
      </c>
      <c r="N41650" t="s">
        <v>84</v>
      </c>
      <c r="O41650" t="s">
        <v>85</v>
      </c>
      <c r="P41650" t="s">
        <v>86</v>
      </c>
      <c r="Q41650">
        <v>26</v>
      </c>
      <c r="R41650">
        <v>27</v>
      </c>
      <c r="S41650">
        <v>27</v>
      </c>
      <c r="T41650">
        <v>27</v>
      </c>
      <c r="U41650">
        <v>28</v>
      </c>
      <c r="V41650">
        <v>28</v>
      </c>
      <c r="W41650">
        <v>28</v>
      </c>
      <c r="X41650">
        <v>29</v>
      </c>
      <c r="Y41650">
        <v>29</v>
      </c>
      <c r="Z41650">
        <v>29</v>
      </c>
      <c r="AA41650">
        <v>30</v>
      </c>
      <c r="AB41650">
        <v>30</v>
      </c>
      <c r="AC41650">
        <v>30</v>
      </c>
      <c r="AD41650">
        <v>31</v>
      </c>
      <c r="AE41650">
        <v>31</v>
      </c>
      <c r="AF41650">
        <v>31</v>
      </c>
      <c r="AG41650">
        <v>32</v>
      </c>
      <c r="AH41650">
        <v>32</v>
      </c>
      <c r="AI41650">
        <v>32</v>
      </c>
      <c r="AJ41650">
        <v>33</v>
      </c>
      <c r="AK41650">
        <v>33</v>
      </c>
      <c r="AL41650">
        <v>33</v>
      </c>
      <c r="AM41650">
        <v>33</v>
      </c>
      <c r="AN41650">
        <v>33</v>
      </c>
      <c r="AO41650">
        <v>33</v>
      </c>
      <c r="AP41650">
        <v>33</v>
      </c>
      <c r="AQ41650">
        <v>33</v>
      </c>
    </row>
    <row r="41651" spans="1:43">
      <c r="A41651" t="s">
        <v>25631</v>
      </c>
      <c r="B41651" t="s">
        <v>25632</v>
      </c>
      <c r="C41651" t="s">
        <v>15453</v>
      </c>
      <c r="D41651" t="s">
        <v>15454</v>
      </c>
      <c r="E41651" t="s">
        <v>15241</v>
      </c>
      <c r="F41651" t="s">
        <v>15242</v>
      </c>
      <c r="G41651" t="s">
        <v>10734</v>
      </c>
      <c r="H41651" t="s">
        <v>10735</v>
      </c>
      <c r="I41651" s="2">
        <v>1</v>
      </c>
      <c r="J41651" s="2">
        <v>0</v>
      </c>
      <c r="K41651" s="2">
        <v>0</v>
      </c>
      <c r="L41651" t="s">
        <v>120</v>
      </c>
      <c r="M41651" t="s">
        <v>87</v>
      </c>
      <c r="N41651" t="s">
        <v>88</v>
      </c>
      <c r="O41651" t="s">
        <v>85</v>
      </c>
      <c r="P41651" t="s">
        <v>86</v>
      </c>
      <c r="Q41651">
        <v>26</v>
      </c>
      <c r="R41651">
        <v>26</v>
      </c>
      <c r="S41651">
        <v>26</v>
      </c>
      <c r="T41651">
        <v>26</v>
      </c>
      <c r="U41651">
        <v>26</v>
      </c>
      <c r="V41651">
        <v>27</v>
      </c>
      <c r="W41651">
        <v>27</v>
      </c>
      <c r="X41651">
        <v>27</v>
      </c>
      <c r="Y41651">
        <v>27</v>
      </c>
      <c r="Z41651">
        <v>27</v>
      </c>
      <c r="AA41651">
        <v>27</v>
      </c>
      <c r="AB41651">
        <v>27</v>
      </c>
      <c r="AC41651">
        <v>27</v>
      </c>
      <c r="AD41651">
        <v>28</v>
      </c>
      <c r="AE41651">
        <v>28</v>
      </c>
      <c r="AF41651">
        <v>28</v>
      </c>
      <c r="AG41651">
        <v>28</v>
      </c>
      <c r="AH41651">
        <v>28</v>
      </c>
      <c r="AI41651">
        <v>28</v>
      </c>
      <c r="AJ41651">
        <v>28</v>
      </c>
      <c r="AK41651">
        <v>28</v>
      </c>
      <c r="AL41651">
        <v>28</v>
      </c>
      <c r="AM41651">
        <v>28</v>
      </c>
      <c r="AN41651">
        <v>29</v>
      </c>
      <c r="AO41651">
        <v>29</v>
      </c>
      <c r="AP41651">
        <v>29</v>
      </c>
      <c r="AQ41651">
        <v>29</v>
      </c>
    </row>
    <row r="41652" spans="1:43">
      <c r="A41652" t="s">
        <v>25631</v>
      </c>
      <c r="B41652" t="s">
        <v>25632</v>
      </c>
      <c r="C41652" t="s">
        <v>15453</v>
      </c>
      <c r="D41652" t="s">
        <v>15454</v>
      </c>
      <c r="E41652" t="s">
        <v>15241</v>
      </c>
      <c r="F41652" t="s">
        <v>15242</v>
      </c>
      <c r="G41652" t="s">
        <v>10734</v>
      </c>
      <c r="H41652" t="s">
        <v>10735</v>
      </c>
      <c r="I41652" s="2">
        <v>1</v>
      </c>
      <c r="J41652" s="2">
        <v>0</v>
      </c>
      <c r="K41652" s="2">
        <v>0</v>
      </c>
      <c r="L41652" t="s">
        <v>120</v>
      </c>
      <c r="M41652" t="s">
        <v>89</v>
      </c>
      <c r="N41652" t="s">
        <v>90</v>
      </c>
      <c r="O41652" t="s">
        <v>85</v>
      </c>
      <c r="P41652" t="s">
        <v>86</v>
      </c>
      <c r="Q41652">
        <v>26</v>
      </c>
      <c r="R41652">
        <v>27</v>
      </c>
      <c r="S41652">
        <v>28</v>
      </c>
      <c r="T41652">
        <v>28</v>
      </c>
      <c r="U41652">
        <v>29</v>
      </c>
      <c r="V41652">
        <v>29</v>
      </c>
      <c r="W41652">
        <v>30</v>
      </c>
      <c r="X41652">
        <v>30</v>
      </c>
      <c r="Y41652">
        <v>31</v>
      </c>
      <c r="Z41652">
        <v>31</v>
      </c>
      <c r="AA41652">
        <v>32</v>
      </c>
      <c r="AB41652">
        <v>32</v>
      </c>
      <c r="AC41652">
        <v>33</v>
      </c>
      <c r="AD41652">
        <v>33</v>
      </c>
      <c r="AE41652">
        <v>33</v>
      </c>
      <c r="AF41652">
        <v>33</v>
      </c>
      <c r="AG41652">
        <v>33</v>
      </c>
      <c r="AH41652">
        <v>33</v>
      </c>
      <c r="AI41652">
        <v>34</v>
      </c>
      <c r="AJ41652">
        <v>34</v>
      </c>
      <c r="AK41652">
        <v>34</v>
      </c>
      <c r="AL41652">
        <v>34</v>
      </c>
      <c r="AM41652">
        <v>34</v>
      </c>
      <c r="AN41652">
        <v>34</v>
      </c>
      <c r="AO41652">
        <v>34</v>
      </c>
      <c r="AP41652">
        <v>34</v>
      </c>
      <c r="AQ41652">
        <v>34</v>
      </c>
    </row>
    <row r="41653" spans="1:43">
      <c r="A41653" t="s">
        <v>25631</v>
      </c>
      <c r="B41653" t="s">
        <v>25632</v>
      </c>
      <c r="C41653" t="s">
        <v>15453</v>
      </c>
      <c r="D41653" t="s">
        <v>15454</v>
      </c>
      <c r="E41653" t="s">
        <v>15241</v>
      </c>
      <c r="F41653" t="s">
        <v>15242</v>
      </c>
      <c r="G41653" t="s">
        <v>10734</v>
      </c>
      <c r="H41653" t="s">
        <v>10735</v>
      </c>
      <c r="I41653" s="2">
        <v>1</v>
      </c>
      <c r="J41653" s="2">
        <v>0</v>
      </c>
      <c r="K41653" s="2">
        <v>0</v>
      </c>
      <c r="L41653" t="s">
        <v>120</v>
      </c>
      <c r="M41653" t="s">
        <v>83</v>
      </c>
      <c r="N41653" t="s">
        <v>91</v>
      </c>
      <c r="O41653" t="s">
        <v>85</v>
      </c>
      <c r="P41653" t="s">
        <v>86</v>
      </c>
      <c r="Q41653">
        <v>26</v>
      </c>
      <c r="R41653">
        <v>27</v>
      </c>
      <c r="S41653">
        <v>27</v>
      </c>
      <c r="T41653">
        <v>27</v>
      </c>
      <c r="U41653">
        <v>28</v>
      </c>
      <c r="V41653">
        <v>28</v>
      </c>
      <c r="W41653">
        <v>28</v>
      </c>
      <c r="X41653">
        <v>29</v>
      </c>
      <c r="Y41653">
        <v>29</v>
      </c>
      <c r="Z41653">
        <v>29</v>
      </c>
      <c r="AA41653">
        <v>30</v>
      </c>
      <c r="AB41653">
        <v>30</v>
      </c>
      <c r="AC41653">
        <v>30</v>
      </c>
      <c r="AD41653">
        <v>31</v>
      </c>
      <c r="AE41653">
        <v>31</v>
      </c>
      <c r="AF41653">
        <v>31</v>
      </c>
      <c r="AG41653">
        <v>32</v>
      </c>
      <c r="AH41653">
        <v>32</v>
      </c>
      <c r="AI41653">
        <v>32</v>
      </c>
      <c r="AJ41653">
        <v>33</v>
      </c>
      <c r="AK41653">
        <v>33</v>
      </c>
      <c r="AL41653">
        <v>33</v>
      </c>
      <c r="AM41653">
        <v>33</v>
      </c>
      <c r="AN41653">
        <v>33</v>
      </c>
      <c r="AO41653">
        <v>33</v>
      </c>
      <c r="AP41653">
        <v>33</v>
      </c>
      <c r="AQ41653">
        <v>33</v>
      </c>
    </row>
    <row r="41654" spans="1:43">
      <c r="A41654" t="s">
        <v>25633</v>
      </c>
      <c r="B41654" t="s">
        <v>25634</v>
      </c>
      <c r="C41654" t="s">
        <v>15453</v>
      </c>
      <c r="D41654" t="s">
        <v>15454</v>
      </c>
      <c r="E41654" t="s">
        <v>15241</v>
      </c>
      <c r="F41654" t="s">
        <v>15242</v>
      </c>
      <c r="G41654" t="s">
        <v>10734</v>
      </c>
      <c r="H41654" t="s">
        <v>10735</v>
      </c>
      <c r="I41654" s="2">
        <v>1</v>
      </c>
      <c r="J41654" s="2">
        <v>0</v>
      </c>
      <c r="K41654" s="2">
        <v>0</v>
      </c>
      <c r="L41654" t="s">
        <v>120</v>
      </c>
      <c r="M41654" t="s">
        <v>83</v>
      </c>
      <c r="N41654" t="s">
        <v>84</v>
      </c>
      <c r="O41654" t="s">
        <v>85</v>
      </c>
      <c r="P41654" t="s">
        <v>86</v>
      </c>
      <c r="Q41654">
        <v>97</v>
      </c>
      <c r="R41654">
        <v>98</v>
      </c>
      <c r="S41654">
        <v>99</v>
      </c>
      <c r="T41654">
        <v>101</v>
      </c>
      <c r="U41654">
        <v>102</v>
      </c>
      <c r="V41654">
        <v>104</v>
      </c>
      <c r="W41654">
        <v>105</v>
      </c>
      <c r="X41654">
        <v>106</v>
      </c>
      <c r="Y41654">
        <v>108</v>
      </c>
      <c r="Z41654">
        <v>109</v>
      </c>
      <c r="AA41654">
        <v>110</v>
      </c>
      <c r="AB41654">
        <v>111</v>
      </c>
      <c r="AC41654">
        <v>112</v>
      </c>
      <c r="AD41654">
        <v>114</v>
      </c>
      <c r="AE41654">
        <v>115</v>
      </c>
      <c r="AF41654">
        <v>116</v>
      </c>
      <c r="AG41654">
        <v>117</v>
      </c>
      <c r="AH41654">
        <v>118</v>
      </c>
      <c r="AI41654">
        <v>120</v>
      </c>
      <c r="AJ41654">
        <v>121</v>
      </c>
      <c r="AK41654">
        <v>122</v>
      </c>
      <c r="AL41654">
        <v>122</v>
      </c>
      <c r="AM41654">
        <v>122</v>
      </c>
      <c r="AN41654">
        <v>123</v>
      </c>
      <c r="AO41654">
        <v>123</v>
      </c>
      <c r="AP41654">
        <v>123</v>
      </c>
      <c r="AQ41654">
        <v>123</v>
      </c>
    </row>
    <row r="41655" spans="1:43">
      <c r="A41655" t="s">
        <v>25633</v>
      </c>
      <c r="B41655" t="s">
        <v>25634</v>
      </c>
      <c r="C41655" t="s">
        <v>15453</v>
      </c>
      <c r="D41655" t="s">
        <v>15454</v>
      </c>
      <c r="E41655" t="s">
        <v>15241</v>
      </c>
      <c r="F41655" t="s">
        <v>15242</v>
      </c>
      <c r="G41655" t="s">
        <v>10734</v>
      </c>
      <c r="H41655" t="s">
        <v>10735</v>
      </c>
      <c r="I41655" s="2">
        <v>1</v>
      </c>
      <c r="J41655" s="2">
        <v>0</v>
      </c>
      <c r="K41655" s="2">
        <v>0</v>
      </c>
      <c r="L41655" t="s">
        <v>120</v>
      </c>
      <c r="M41655" t="s">
        <v>87</v>
      </c>
      <c r="N41655" t="s">
        <v>88</v>
      </c>
      <c r="O41655" t="s">
        <v>85</v>
      </c>
      <c r="P41655" t="s">
        <v>86</v>
      </c>
      <c r="Q41655">
        <v>97</v>
      </c>
      <c r="R41655">
        <v>97</v>
      </c>
      <c r="S41655">
        <v>98</v>
      </c>
      <c r="T41655">
        <v>98</v>
      </c>
      <c r="U41655">
        <v>99</v>
      </c>
      <c r="V41655">
        <v>99</v>
      </c>
      <c r="W41655">
        <v>100</v>
      </c>
      <c r="X41655">
        <v>100</v>
      </c>
      <c r="Y41655">
        <v>100</v>
      </c>
      <c r="Z41655">
        <v>101</v>
      </c>
      <c r="AA41655">
        <v>101</v>
      </c>
      <c r="AB41655">
        <v>102</v>
      </c>
      <c r="AC41655">
        <v>102</v>
      </c>
      <c r="AD41655">
        <v>103</v>
      </c>
      <c r="AE41655">
        <v>103</v>
      </c>
      <c r="AF41655">
        <v>103</v>
      </c>
      <c r="AG41655">
        <v>104</v>
      </c>
      <c r="AH41655">
        <v>104</v>
      </c>
      <c r="AI41655">
        <v>105</v>
      </c>
      <c r="AJ41655">
        <v>105</v>
      </c>
      <c r="AK41655">
        <v>105</v>
      </c>
      <c r="AL41655">
        <v>106</v>
      </c>
      <c r="AM41655">
        <v>106</v>
      </c>
      <c r="AN41655">
        <v>106</v>
      </c>
      <c r="AO41655">
        <v>107</v>
      </c>
      <c r="AP41655">
        <v>107</v>
      </c>
      <c r="AQ41655">
        <v>107</v>
      </c>
    </row>
    <row r="41656" spans="1:43">
      <c r="A41656" t="s">
        <v>25633</v>
      </c>
      <c r="B41656" t="s">
        <v>25634</v>
      </c>
      <c r="C41656" t="s">
        <v>15453</v>
      </c>
      <c r="D41656" t="s">
        <v>15454</v>
      </c>
      <c r="E41656" t="s">
        <v>15241</v>
      </c>
      <c r="F41656" t="s">
        <v>15242</v>
      </c>
      <c r="G41656" t="s">
        <v>10734</v>
      </c>
      <c r="H41656" t="s">
        <v>10735</v>
      </c>
      <c r="I41656" s="2">
        <v>1</v>
      </c>
      <c r="J41656" s="2">
        <v>0</v>
      </c>
      <c r="K41656" s="2">
        <v>0</v>
      </c>
      <c r="L41656" t="s">
        <v>120</v>
      </c>
      <c r="M41656" t="s">
        <v>89</v>
      </c>
      <c r="N41656" t="s">
        <v>90</v>
      </c>
      <c r="O41656" t="s">
        <v>85</v>
      </c>
      <c r="P41656" t="s">
        <v>86</v>
      </c>
      <c r="Q41656">
        <v>97</v>
      </c>
      <c r="R41656">
        <v>99</v>
      </c>
      <c r="S41656">
        <v>101</v>
      </c>
      <c r="T41656">
        <v>103</v>
      </c>
      <c r="U41656">
        <v>105</v>
      </c>
      <c r="V41656">
        <v>107</v>
      </c>
      <c r="W41656">
        <v>109</v>
      </c>
      <c r="X41656">
        <v>111</v>
      </c>
      <c r="Y41656">
        <v>113</v>
      </c>
      <c r="Z41656">
        <v>114</v>
      </c>
      <c r="AA41656">
        <v>116</v>
      </c>
      <c r="AB41656">
        <v>118</v>
      </c>
      <c r="AC41656">
        <v>119</v>
      </c>
      <c r="AD41656">
        <v>121</v>
      </c>
      <c r="AE41656">
        <v>122</v>
      </c>
      <c r="AF41656">
        <v>122</v>
      </c>
      <c r="AG41656">
        <v>122</v>
      </c>
      <c r="AH41656">
        <v>123</v>
      </c>
      <c r="AI41656">
        <v>123</v>
      </c>
      <c r="AJ41656">
        <v>123</v>
      </c>
      <c r="AK41656">
        <v>123</v>
      </c>
      <c r="AL41656">
        <v>123</v>
      </c>
      <c r="AM41656">
        <v>123</v>
      </c>
      <c r="AN41656">
        <v>123</v>
      </c>
      <c r="AO41656">
        <v>123</v>
      </c>
      <c r="AP41656">
        <v>123</v>
      </c>
      <c r="AQ41656">
        <v>123</v>
      </c>
    </row>
    <row r="41657" spans="1:43">
      <c r="A41657" t="s">
        <v>25633</v>
      </c>
      <c r="B41657" t="s">
        <v>25634</v>
      </c>
      <c r="C41657" t="s">
        <v>15453</v>
      </c>
      <c r="D41657" t="s">
        <v>15454</v>
      </c>
      <c r="E41657" t="s">
        <v>15241</v>
      </c>
      <c r="F41657" t="s">
        <v>15242</v>
      </c>
      <c r="G41657" t="s">
        <v>10734</v>
      </c>
      <c r="H41657" t="s">
        <v>10735</v>
      </c>
      <c r="I41657" s="2">
        <v>1</v>
      </c>
      <c r="J41657" s="2">
        <v>0</v>
      </c>
      <c r="K41657" s="2">
        <v>0</v>
      </c>
      <c r="L41657" t="s">
        <v>120</v>
      </c>
      <c r="M41657" t="s">
        <v>83</v>
      </c>
      <c r="N41657" t="s">
        <v>91</v>
      </c>
      <c r="O41657" t="s">
        <v>85</v>
      </c>
      <c r="P41657" t="s">
        <v>86</v>
      </c>
      <c r="Q41657">
        <v>97</v>
      </c>
      <c r="R41657">
        <v>98</v>
      </c>
      <c r="S41657">
        <v>99</v>
      </c>
      <c r="T41657">
        <v>101</v>
      </c>
      <c r="U41657">
        <v>102</v>
      </c>
      <c r="V41657">
        <v>104</v>
      </c>
      <c r="W41657">
        <v>105</v>
      </c>
      <c r="X41657">
        <v>106</v>
      </c>
      <c r="Y41657">
        <v>108</v>
      </c>
      <c r="Z41657">
        <v>109</v>
      </c>
      <c r="AA41657">
        <v>110</v>
      </c>
      <c r="AB41657">
        <v>111</v>
      </c>
      <c r="AC41657">
        <v>112</v>
      </c>
      <c r="AD41657">
        <v>114</v>
      </c>
      <c r="AE41657">
        <v>115</v>
      </c>
      <c r="AF41657">
        <v>116</v>
      </c>
      <c r="AG41657">
        <v>117</v>
      </c>
      <c r="AH41657">
        <v>118</v>
      </c>
      <c r="AI41657">
        <v>120</v>
      </c>
      <c r="AJ41657">
        <v>121</v>
      </c>
      <c r="AK41657">
        <v>122</v>
      </c>
      <c r="AL41657">
        <v>122</v>
      </c>
      <c r="AM41657">
        <v>122</v>
      </c>
      <c r="AN41657">
        <v>123</v>
      </c>
      <c r="AO41657">
        <v>123</v>
      </c>
      <c r="AP41657">
        <v>123</v>
      </c>
      <c r="AQ41657">
        <v>123</v>
      </c>
    </row>
    <row r="41658" spans="1:43">
      <c r="A41658" t="s">
        <v>25635</v>
      </c>
      <c r="B41658" t="s">
        <v>25636</v>
      </c>
      <c r="C41658" t="s">
        <v>15349</v>
      </c>
      <c r="D41658" t="s">
        <v>15350</v>
      </c>
      <c r="E41658" t="s">
        <v>15241</v>
      </c>
      <c r="F41658" t="s">
        <v>15242</v>
      </c>
      <c r="G41658" t="s">
        <v>10734</v>
      </c>
      <c r="H41658" t="s">
        <v>10735</v>
      </c>
      <c r="I41658" s="2">
        <v>1</v>
      </c>
      <c r="J41658" s="2">
        <v>0</v>
      </c>
      <c r="K41658" s="2">
        <v>0</v>
      </c>
      <c r="L41658" t="s">
        <v>120</v>
      </c>
      <c r="M41658" t="s">
        <v>83</v>
      </c>
      <c r="N41658" t="s">
        <v>84</v>
      </c>
      <c r="O41658" t="s">
        <v>85</v>
      </c>
      <c r="P41658" t="s">
        <v>86</v>
      </c>
      <c r="Q41658">
        <v>93</v>
      </c>
      <c r="R41658">
        <v>95</v>
      </c>
      <c r="S41658">
        <v>96</v>
      </c>
      <c r="T41658">
        <v>97</v>
      </c>
      <c r="U41658">
        <v>99</v>
      </c>
      <c r="V41658">
        <v>100</v>
      </c>
      <c r="W41658">
        <v>101</v>
      </c>
      <c r="X41658">
        <v>103</v>
      </c>
      <c r="Y41658">
        <v>104</v>
      </c>
      <c r="Z41658">
        <v>105</v>
      </c>
      <c r="AA41658">
        <v>106</v>
      </c>
      <c r="AB41658">
        <v>108</v>
      </c>
      <c r="AC41658">
        <v>109</v>
      </c>
      <c r="AD41658">
        <v>110</v>
      </c>
      <c r="AE41658">
        <v>111</v>
      </c>
      <c r="AF41658">
        <v>112</v>
      </c>
      <c r="AG41658">
        <v>113</v>
      </c>
      <c r="AH41658">
        <v>114</v>
      </c>
      <c r="AI41658">
        <v>116</v>
      </c>
      <c r="AJ41658">
        <v>117</v>
      </c>
      <c r="AK41658">
        <v>118</v>
      </c>
      <c r="AL41658">
        <v>118</v>
      </c>
      <c r="AM41658">
        <v>118</v>
      </c>
      <c r="AN41658">
        <v>118</v>
      </c>
      <c r="AO41658">
        <v>119</v>
      </c>
      <c r="AP41658">
        <v>119</v>
      </c>
      <c r="AQ41658">
        <v>119</v>
      </c>
    </row>
    <row r="41659" spans="1:43">
      <c r="A41659" t="s">
        <v>25635</v>
      </c>
      <c r="B41659" t="s">
        <v>25636</v>
      </c>
      <c r="C41659" t="s">
        <v>15349</v>
      </c>
      <c r="D41659" t="s">
        <v>15350</v>
      </c>
      <c r="E41659" t="s">
        <v>15241</v>
      </c>
      <c r="F41659" t="s">
        <v>15242</v>
      </c>
      <c r="G41659" t="s">
        <v>10734</v>
      </c>
      <c r="H41659" t="s">
        <v>10735</v>
      </c>
      <c r="I41659" s="2">
        <v>1</v>
      </c>
      <c r="J41659" s="2">
        <v>0</v>
      </c>
      <c r="K41659" s="2">
        <v>0</v>
      </c>
      <c r="L41659" t="s">
        <v>120</v>
      </c>
      <c r="M41659" t="s">
        <v>87</v>
      </c>
      <c r="N41659" t="s">
        <v>88</v>
      </c>
      <c r="O41659" t="s">
        <v>85</v>
      </c>
      <c r="P41659" t="s">
        <v>86</v>
      </c>
      <c r="Q41659">
        <v>93</v>
      </c>
      <c r="R41659">
        <v>93</v>
      </c>
      <c r="S41659">
        <v>93</v>
      </c>
      <c r="T41659">
        <v>94</v>
      </c>
      <c r="U41659">
        <v>94</v>
      </c>
      <c r="V41659">
        <v>95</v>
      </c>
      <c r="W41659">
        <v>95</v>
      </c>
      <c r="X41659">
        <v>96</v>
      </c>
      <c r="Y41659">
        <v>96</v>
      </c>
      <c r="Z41659">
        <v>97</v>
      </c>
      <c r="AA41659">
        <v>97</v>
      </c>
      <c r="AB41659">
        <v>97</v>
      </c>
      <c r="AC41659">
        <v>98</v>
      </c>
      <c r="AD41659">
        <v>98</v>
      </c>
      <c r="AE41659">
        <v>99</v>
      </c>
      <c r="AF41659">
        <v>99</v>
      </c>
      <c r="AG41659">
        <v>99</v>
      </c>
      <c r="AH41659">
        <v>100</v>
      </c>
      <c r="AI41659">
        <v>100</v>
      </c>
      <c r="AJ41659">
        <v>101</v>
      </c>
      <c r="AK41659">
        <v>101</v>
      </c>
      <c r="AL41659">
        <v>101</v>
      </c>
      <c r="AM41659">
        <v>102</v>
      </c>
      <c r="AN41659">
        <v>102</v>
      </c>
      <c r="AO41659">
        <v>102</v>
      </c>
      <c r="AP41659">
        <v>103</v>
      </c>
      <c r="AQ41659">
        <v>103</v>
      </c>
    </row>
    <row r="41660" spans="1:43">
      <c r="A41660" t="s">
        <v>25635</v>
      </c>
      <c r="B41660" t="s">
        <v>25636</v>
      </c>
      <c r="C41660" t="s">
        <v>15349</v>
      </c>
      <c r="D41660" t="s">
        <v>15350</v>
      </c>
      <c r="E41660" t="s">
        <v>15241</v>
      </c>
      <c r="F41660" t="s">
        <v>15242</v>
      </c>
      <c r="G41660" t="s">
        <v>10734</v>
      </c>
      <c r="H41660" t="s">
        <v>10735</v>
      </c>
      <c r="I41660" s="2">
        <v>1</v>
      </c>
      <c r="J41660" s="2">
        <v>0</v>
      </c>
      <c r="K41660" s="2">
        <v>0</v>
      </c>
      <c r="L41660" t="s">
        <v>120</v>
      </c>
      <c r="M41660" t="s">
        <v>89</v>
      </c>
      <c r="N41660" t="s">
        <v>90</v>
      </c>
      <c r="O41660" t="s">
        <v>85</v>
      </c>
      <c r="P41660" t="s">
        <v>86</v>
      </c>
      <c r="Q41660">
        <v>93</v>
      </c>
      <c r="R41660">
        <v>95</v>
      </c>
      <c r="S41660">
        <v>98</v>
      </c>
      <c r="T41660">
        <v>100</v>
      </c>
      <c r="U41660">
        <v>102</v>
      </c>
      <c r="V41660">
        <v>104</v>
      </c>
      <c r="W41660">
        <v>105</v>
      </c>
      <c r="X41660">
        <v>107</v>
      </c>
      <c r="Y41660">
        <v>109</v>
      </c>
      <c r="Z41660">
        <v>110</v>
      </c>
      <c r="AA41660">
        <v>112</v>
      </c>
      <c r="AB41660">
        <v>114</v>
      </c>
      <c r="AC41660">
        <v>115</v>
      </c>
      <c r="AD41660">
        <v>117</v>
      </c>
      <c r="AE41660">
        <v>118</v>
      </c>
      <c r="AF41660">
        <v>118</v>
      </c>
      <c r="AG41660">
        <v>118</v>
      </c>
      <c r="AH41660">
        <v>118</v>
      </c>
      <c r="AI41660">
        <v>119</v>
      </c>
      <c r="AJ41660">
        <v>119</v>
      </c>
      <c r="AK41660">
        <v>119</v>
      </c>
      <c r="AL41660">
        <v>119</v>
      </c>
      <c r="AM41660">
        <v>119</v>
      </c>
      <c r="AN41660">
        <v>119</v>
      </c>
      <c r="AO41660">
        <v>119</v>
      </c>
      <c r="AP41660">
        <v>119</v>
      </c>
      <c r="AQ41660">
        <v>119</v>
      </c>
    </row>
    <row r="41661" spans="1:43">
      <c r="A41661" t="s">
        <v>25635</v>
      </c>
      <c r="B41661" t="s">
        <v>25636</v>
      </c>
      <c r="C41661" t="s">
        <v>15349</v>
      </c>
      <c r="D41661" t="s">
        <v>15350</v>
      </c>
      <c r="E41661" t="s">
        <v>15241</v>
      </c>
      <c r="F41661" t="s">
        <v>15242</v>
      </c>
      <c r="G41661" t="s">
        <v>10734</v>
      </c>
      <c r="H41661" t="s">
        <v>10735</v>
      </c>
      <c r="I41661" s="2">
        <v>1</v>
      </c>
      <c r="J41661" s="2">
        <v>0</v>
      </c>
      <c r="K41661" s="2">
        <v>0</v>
      </c>
      <c r="L41661" t="s">
        <v>120</v>
      </c>
      <c r="M41661" t="s">
        <v>83</v>
      </c>
      <c r="N41661" t="s">
        <v>91</v>
      </c>
      <c r="O41661" t="s">
        <v>85</v>
      </c>
      <c r="P41661" t="s">
        <v>86</v>
      </c>
      <c r="Q41661">
        <v>93</v>
      </c>
      <c r="R41661">
        <v>95</v>
      </c>
      <c r="S41661">
        <v>96</v>
      </c>
      <c r="T41661">
        <v>97</v>
      </c>
      <c r="U41661">
        <v>99</v>
      </c>
      <c r="V41661">
        <v>100</v>
      </c>
      <c r="W41661">
        <v>101</v>
      </c>
      <c r="X41661">
        <v>103</v>
      </c>
      <c r="Y41661">
        <v>104</v>
      </c>
      <c r="Z41661">
        <v>105</v>
      </c>
      <c r="AA41661">
        <v>106</v>
      </c>
      <c r="AB41661">
        <v>108</v>
      </c>
      <c r="AC41661">
        <v>109</v>
      </c>
      <c r="AD41661">
        <v>110</v>
      </c>
      <c r="AE41661">
        <v>111</v>
      </c>
      <c r="AF41661">
        <v>112</v>
      </c>
      <c r="AG41661">
        <v>113</v>
      </c>
      <c r="AH41661">
        <v>114</v>
      </c>
      <c r="AI41661">
        <v>116</v>
      </c>
      <c r="AJ41661">
        <v>117</v>
      </c>
      <c r="AK41661">
        <v>118</v>
      </c>
      <c r="AL41661">
        <v>118</v>
      </c>
      <c r="AM41661">
        <v>118</v>
      </c>
      <c r="AN41661">
        <v>118</v>
      </c>
      <c r="AO41661">
        <v>119</v>
      </c>
      <c r="AP41661">
        <v>119</v>
      </c>
      <c r="AQ41661">
        <v>119</v>
      </c>
    </row>
    <row r="41662" spans="1:43">
      <c r="A41662" t="s">
        <v>25637</v>
      </c>
      <c r="B41662" t="s">
        <v>25638</v>
      </c>
      <c r="C41662" t="s">
        <v>15349</v>
      </c>
      <c r="D41662" t="s">
        <v>15350</v>
      </c>
      <c r="E41662" t="s">
        <v>15241</v>
      </c>
      <c r="F41662" t="s">
        <v>15242</v>
      </c>
      <c r="G41662" t="s">
        <v>10734</v>
      </c>
      <c r="H41662" t="s">
        <v>10735</v>
      </c>
      <c r="I41662" s="2">
        <v>1</v>
      </c>
      <c r="J41662" s="2">
        <v>0</v>
      </c>
      <c r="K41662" s="2">
        <v>0</v>
      </c>
      <c r="L41662" t="s">
        <v>120</v>
      </c>
      <c r="M41662" t="s">
        <v>83</v>
      </c>
      <c r="N41662" t="s">
        <v>84</v>
      </c>
      <c r="O41662" t="s">
        <v>85</v>
      </c>
      <c r="P41662" t="s">
        <v>86</v>
      </c>
      <c r="Q41662">
        <v>101</v>
      </c>
      <c r="R41662">
        <v>103</v>
      </c>
      <c r="S41662">
        <v>104</v>
      </c>
      <c r="T41662">
        <v>105</v>
      </c>
      <c r="U41662">
        <v>107</v>
      </c>
      <c r="V41662">
        <v>108</v>
      </c>
      <c r="W41662">
        <v>110</v>
      </c>
      <c r="X41662">
        <v>111</v>
      </c>
      <c r="Y41662">
        <v>112</v>
      </c>
      <c r="Z41662">
        <v>114</v>
      </c>
      <c r="AA41662">
        <v>115</v>
      </c>
      <c r="AB41662">
        <v>116</v>
      </c>
      <c r="AC41662">
        <v>118</v>
      </c>
      <c r="AD41662">
        <v>119</v>
      </c>
      <c r="AE41662">
        <v>120</v>
      </c>
      <c r="AF41662">
        <v>121</v>
      </c>
      <c r="AG41662">
        <v>123</v>
      </c>
      <c r="AH41662">
        <v>124</v>
      </c>
      <c r="AI41662">
        <v>125</v>
      </c>
      <c r="AJ41662">
        <v>126</v>
      </c>
      <c r="AK41662">
        <v>127</v>
      </c>
      <c r="AL41662">
        <v>128</v>
      </c>
      <c r="AM41662">
        <v>128</v>
      </c>
      <c r="AN41662">
        <v>128</v>
      </c>
      <c r="AO41662">
        <v>128</v>
      </c>
      <c r="AP41662">
        <v>128</v>
      </c>
      <c r="AQ41662">
        <v>128</v>
      </c>
    </row>
    <row r="41663" spans="1:43">
      <c r="A41663" t="s">
        <v>25637</v>
      </c>
      <c r="B41663" t="s">
        <v>25638</v>
      </c>
      <c r="C41663" t="s">
        <v>15349</v>
      </c>
      <c r="D41663" t="s">
        <v>15350</v>
      </c>
      <c r="E41663" t="s">
        <v>15241</v>
      </c>
      <c r="F41663" t="s">
        <v>15242</v>
      </c>
      <c r="G41663" t="s">
        <v>10734</v>
      </c>
      <c r="H41663" t="s">
        <v>10735</v>
      </c>
      <c r="I41663" s="2">
        <v>1</v>
      </c>
      <c r="J41663" s="2">
        <v>0</v>
      </c>
      <c r="K41663" s="2">
        <v>0</v>
      </c>
      <c r="L41663" t="s">
        <v>120</v>
      </c>
      <c r="M41663" t="s">
        <v>87</v>
      </c>
      <c r="N41663" t="s">
        <v>88</v>
      </c>
      <c r="O41663" t="s">
        <v>85</v>
      </c>
      <c r="P41663" t="s">
        <v>86</v>
      </c>
      <c r="Q41663">
        <v>101</v>
      </c>
      <c r="R41663">
        <v>102</v>
      </c>
      <c r="S41663">
        <v>102</v>
      </c>
      <c r="T41663">
        <v>103</v>
      </c>
      <c r="U41663">
        <v>103</v>
      </c>
      <c r="V41663">
        <v>104</v>
      </c>
      <c r="W41663">
        <v>104</v>
      </c>
      <c r="X41663">
        <v>104</v>
      </c>
      <c r="Y41663">
        <v>105</v>
      </c>
      <c r="Z41663">
        <v>105</v>
      </c>
      <c r="AA41663">
        <v>106</v>
      </c>
      <c r="AB41663">
        <v>106</v>
      </c>
      <c r="AC41663">
        <v>107</v>
      </c>
      <c r="AD41663">
        <v>107</v>
      </c>
      <c r="AE41663">
        <v>108</v>
      </c>
      <c r="AF41663">
        <v>108</v>
      </c>
      <c r="AG41663">
        <v>108</v>
      </c>
      <c r="AH41663">
        <v>109</v>
      </c>
      <c r="AI41663">
        <v>109</v>
      </c>
      <c r="AJ41663">
        <v>110</v>
      </c>
      <c r="AK41663">
        <v>110</v>
      </c>
      <c r="AL41663">
        <v>110</v>
      </c>
      <c r="AM41663">
        <v>111</v>
      </c>
      <c r="AN41663">
        <v>111</v>
      </c>
      <c r="AO41663">
        <v>112</v>
      </c>
      <c r="AP41663">
        <v>112</v>
      </c>
      <c r="AQ41663">
        <v>112</v>
      </c>
    </row>
    <row r="41664" spans="1:43">
      <c r="A41664" t="s">
        <v>25637</v>
      </c>
      <c r="B41664" t="s">
        <v>25638</v>
      </c>
      <c r="C41664" t="s">
        <v>15349</v>
      </c>
      <c r="D41664" t="s">
        <v>15350</v>
      </c>
      <c r="E41664" t="s">
        <v>15241</v>
      </c>
      <c r="F41664" t="s">
        <v>15242</v>
      </c>
      <c r="G41664" t="s">
        <v>10734</v>
      </c>
      <c r="H41664" t="s">
        <v>10735</v>
      </c>
      <c r="I41664" s="2">
        <v>1</v>
      </c>
      <c r="J41664" s="2">
        <v>0</v>
      </c>
      <c r="K41664" s="2">
        <v>0</v>
      </c>
      <c r="L41664" t="s">
        <v>120</v>
      </c>
      <c r="M41664" t="s">
        <v>89</v>
      </c>
      <c r="N41664" t="s">
        <v>90</v>
      </c>
      <c r="O41664" t="s">
        <v>85</v>
      </c>
      <c r="P41664" t="s">
        <v>86</v>
      </c>
      <c r="Q41664">
        <v>101</v>
      </c>
      <c r="R41664">
        <v>103</v>
      </c>
      <c r="S41664">
        <v>106</v>
      </c>
      <c r="T41664">
        <v>108</v>
      </c>
      <c r="U41664">
        <v>110</v>
      </c>
      <c r="V41664">
        <v>112</v>
      </c>
      <c r="W41664">
        <v>114</v>
      </c>
      <c r="X41664">
        <v>116</v>
      </c>
      <c r="Y41664">
        <v>118</v>
      </c>
      <c r="Z41664">
        <v>120</v>
      </c>
      <c r="AA41664">
        <v>121</v>
      </c>
      <c r="AB41664">
        <v>123</v>
      </c>
      <c r="AC41664">
        <v>125</v>
      </c>
      <c r="AD41664">
        <v>127</v>
      </c>
      <c r="AE41664">
        <v>128</v>
      </c>
      <c r="AF41664">
        <v>128</v>
      </c>
      <c r="AG41664">
        <v>128</v>
      </c>
      <c r="AH41664">
        <v>128</v>
      </c>
      <c r="AI41664">
        <v>128</v>
      </c>
      <c r="AJ41664">
        <v>128</v>
      </c>
      <c r="AK41664">
        <v>129</v>
      </c>
      <c r="AL41664">
        <v>129</v>
      </c>
      <c r="AM41664">
        <v>129</v>
      </c>
      <c r="AN41664">
        <v>129</v>
      </c>
      <c r="AO41664">
        <v>129</v>
      </c>
      <c r="AP41664">
        <v>129</v>
      </c>
      <c r="AQ41664">
        <v>129</v>
      </c>
    </row>
    <row r="41665" spans="1:43">
      <c r="A41665" t="s">
        <v>25637</v>
      </c>
      <c r="B41665" t="s">
        <v>25638</v>
      </c>
      <c r="C41665" t="s">
        <v>15349</v>
      </c>
      <c r="D41665" t="s">
        <v>15350</v>
      </c>
      <c r="E41665" t="s">
        <v>15241</v>
      </c>
      <c r="F41665" t="s">
        <v>15242</v>
      </c>
      <c r="G41665" t="s">
        <v>10734</v>
      </c>
      <c r="H41665" t="s">
        <v>10735</v>
      </c>
      <c r="I41665" s="2">
        <v>1</v>
      </c>
      <c r="J41665" s="2">
        <v>0</v>
      </c>
      <c r="K41665" s="2">
        <v>0</v>
      </c>
      <c r="L41665" t="s">
        <v>120</v>
      </c>
      <c r="M41665" t="s">
        <v>83</v>
      </c>
      <c r="N41665" t="s">
        <v>91</v>
      </c>
      <c r="O41665" t="s">
        <v>85</v>
      </c>
      <c r="P41665" t="s">
        <v>86</v>
      </c>
      <c r="Q41665">
        <v>101</v>
      </c>
      <c r="R41665">
        <v>103</v>
      </c>
      <c r="S41665">
        <v>104</v>
      </c>
      <c r="T41665">
        <v>105</v>
      </c>
      <c r="U41665">
        <v>107</v>
      </c>
      <c r="V41665">
        <v>108</v>
      </c>
      <c r="W41665">
        <v>110</v>
      </c>
      <c r="X41665">
        <v>111</v>
      </c>
      <c r="Y41665">
        <v>112</v>
      </c>
      <c r="Z41665">
        <v>114</v>
      </c>
      <c r="AA41665">
        <v>115</v>
      </c>
      <c r="AB41665">
        <v>116</v>
      </c>
      <c r="AC41665">
        <v>118</v>
      </c>
      <c r="AD41665">
        <v>119</v>
      </c>
      <c r="AE41665">
        <v>120</v>
      </c>
      <c r="AF41665">
        <v>121</v>
      </c>
      <c r="AG41665">
        <v>123</v>
      </c>
      <c r="AH41665">
        <v>124</v>
      </c>
      <c r="AI41665">
        <v>125</v>
      </c>
      <c r="AJ41665">
        <v>126</v>
      </c>
      <c r="AK41665">
        <v>127</v>
      </c>
      <c r="AL41665">
        <v>128</v>
      </c>
      <c r="AM41665">
        <v>128</v>
      </c>
      <c r="AN41665">
        <v>128</v>
      </c>
      <c r="AO41665">
        <v>128</v>
      </c>
      <c r="AP41665">
        <v>128</v>
      </c>
      <c r="AQ41665">
        <v>128</v>
      </c>
    </row>
    <row r="41666" spans="1:43">
      <c r="A41666" t="s">
        <v>25639</v>
      </c>
      <c r="B41666" t="s">
        <v>25640</v>
      </c>
      <c r="C41666" t="s">
        <v>16027</v>
      </c>
      <c r="D41666" t="s">
        <v>16028</v>
      </c>
      <c r="E41666" t="s">
        <v>16019</v>
      </c>
      <c r="F41666" t="s">
        <v>16020</v>
      </c>
      <c r="G41666" t="s">
        <v>10734</v>
      </c>
      <c r="H41666" t="s">
        <v>10735</v>
      </c>
      <c r="I41666" s="2">
        <v>1</v>
      </c>
      <c r="J41666" s="2">
        <v>0</v>
      </c>
      <c r="K41666" s="2">
        <v>0</v>
      </c>
      <c r="L41666" t="s">
        <v>120</v>
      </c>
      <c r="M41666" t="s">
        <v>83</v>
      </c>
      <c r="N41666" t="s">
        <v>84</v>
      </c>
      <c r="O41666" t="s">
        <v>85</v>
      </c>
      <c r="P41666" t="s">
        <v>86</v>
      </c>
      <c r="Q41666">
        <v>38</v>
      </c>
      <c r="R41666">
        <v>39</v>
      </c>
      <c r="S41666">
        <v>40</v>
      </c>
      <c r="T41666">
        <v>41</v>
      </c>
      <c r="U41666">
        <v>42</v>
      </c>
      <c r="V41666">
        <v>43</v>
      </c>
      <c r="W41666">
        <v>44</v>
      </c>
      <c r="X41666">
        <v>45</v>
      </c>
      <c r="Y41666">
        <v>46</v>
      </c>
      <c r="Z41666">
        <v>47</v>
      </c>
      <c r="AA41666">
        <v>48</v>
      </c>
      <c r="AB41666">
        <v>49</v>
      </c>
      <c r="AC41666">
        <v>50</v>
      </c>
      <c r="AD41666">
        <v>51</v>
      </c>
      <c r="AE41666">
        <v>53</v>
      </c>
      <c r="AF41666">
        <v>54</v>
      </c>
      <c r="AG41666">
        <v>55</v>
      </c>
      <c r="AH41666">
        <v>56</v>
      </c>
      <c r="AI41666">
        <v>58</v>
      </c>
      <c r="AJ41666">
        <v>59</v>
      </c>
      <c r="AK41666">
        <v>60</v>
      </c>
      <c r="AL41666">
        <v>61</v>
      </c>
      <c r="AM41666">
        <v>62</v>
      </c>
      <c r="AN41666">
        <v>63</v>
      </c>
      <c r="AO41666">
        <v>64</v>
      </c>
      <c r="AP41666">
        <v>65</v>
      </c>
      <c r="AQ41666">
        <v>66</v>
      </c>
    </row>
    <row r="41667" spans="1:43">
      <c r="A41667" t="s">
        <v>25639</v>
      </c>
      <c r="B41667" t="s">
        <v>25640</v>
      </c>
      <c r="C41667" t="s">
        <v>16027</v>
      </c>
      <c r="D41667" t="s">
        <v>16028</v>
      </c>
      <c r="E41667" t="s">
        <v>16019</v>
      </c>
      <c r="F41667" t="s">
        <v>16020</v>
      </c>
      <c r="G41667" t="s">
        <v>10734</v>
      </c>
      <c r="H41667" t="s">
        <v>10735</v>
      </c>
      <c r="I41667" s="2">
        <v>1</v>
      </c>
      <c r="J41667" s="2">
        <v>0</v>
      </c>
      <c r="K41667" s="2">
        <v>0</v>
      </c>
      <c r="L41667" t="s">
        <v>120</v>
      </c>
      <c r="M41667" t="s">
        <v>87</v>
      </c>
      <c r="N41667" t="s">
        <v>88</v>
      </c>
      <c r="O41667" t="s">
        <v>85</v>
      </c>
      <c r="P41667" t="s">
        <v>86</v>
      </c>
      <c r="Q41667">
        <v>38</v>
      </c>
      <c r="R41667">
        <v>38</v>
      </c>
      <c r="S41667">
        <v>39</v>
      </c>
      <c r="T41667">
        <v>40</v>
      </c>
      <c r="U41667">
        <v>40</v>
      </c>
      <c r="V41667">
        <v>41</v>
      </c>
      <c r="W41667">
        <v>41</v>
      </c>
      <c r="X41667">
        <v>42</v>
      </c>
      <c r="Y41667">
        <v>43</v>
      </c>
      <c r="Z41667">
        <v>43</v>
      </c>
      <c r="AA41667">
        <v>44</v>
      </c>
      <c r="AB41667">
        <v>44</v>
      </c>
      <c r="AC41667">
        <v>45</v>
      </c>
      <c r="AD41667">
        <v>46</v>
      </c>
      <c r="AE41667">
        <v>47</v>
      </c>
      <c r="AF41667">
        <v>47</v>
      </c>
      <c r="AG41667">
        <v>48</v>
      </c>
      <c r="AH41667">
        <v>49</v>
      </c>
      <c r="AI41667">
        <v>50</v>
      </c>
      <c r="AJ41667">
        <v>50</v>
      </c>
      <c r="AK41667">
        <v>51</v>
      </c>
      <c r="AL41667">
        <v>52</v>
      </c>
      <c r="AM41667">
        <v>53</v>
      </c>
      <c r="AN41667">
        <v>54</v>
      </c>
      <c r="AO41667">
        <v>55</v>
      </c>
      <c r="AP41667">
        <v>56</v>
      </c>
      <c r="AQ41667">
        <v>57</v>
      </c>
    </row>
    <row r="41668" spans="1:43">
      <c r="A41668" t="s">
        <v>25639</v>
      </c>
      <c r="B41668" t="s">
        <v>25640</v>
      </c>
      <c r="C41668" t="s">
        <v>16027</v>
      </c>
      <c r="D41668" t="s">
        <v>16028</v>
      </c>
      <c r="E41668" t="s">
        <v>16019</v>
      </c>
      <c r="F41668" t="s">
        <v>16020</v>
      </c>
      <c r="G41668" t="s">
        <v>10734</v>
      </c>
      <c r="H41668" t="s">
        <v>10735</v>
      </c>
      <c r="I41668" s="2">
        <v>1</v>
      </c>
      <c r="J41668" s="2">
        <v>0</v>
      </c>
      <c r="K41668" s="2">
        <v>0</v>
      </c>
      <c r="L41668" t="s">
        <v>120</v>
      </c>
      <c r="M41668" t="s">
        <v>89</v>
      </c>
      <c r="N41668" t="s">
        <v>90</v>
      </c>
      <c r="O41668" t="s">
        <v>85</v>
      </c>
      <c r="P41668" t="s">
        <v>86</v>
      </c>
      <c r="Q41668">
        <v>38</v>
      </c>
      <c r="R41668">
        <v>40</v>
      </c>
      <c r="S41668">
        <v>41</v>
      </c>
      <c r="T41668">
        <v>42</v>
      </c>
      <c r="U41668">
        <v>44</v>
      </c>
      <c r="V41668">
        <v>45</v>
      </c>
      <c r="W41668">
        <v>46</v>
      </c>
      <c r="X41668">
        <v>47</v>
      </c>
      <c r="Y41668">
        <v>49</v>
      </c>
      <c r="Z41668">
        <v>50</v>
      </c>
      <c r="AA41668">
        <v>51</v>
      </c>
      <c r="AB41668">
        <v>52</v>
      </c>
      <c r="AC41668">
        <v>54</v>
      </c>
      <c r="AD41668">
        <v>55</v>
      </c>
      <c r="AE41668">
        <v>56</v>
      </c>
      <c r="AF41668">
        <v>57</v>
      </c>
      <c r="AG41668">
        <v>58</v>
      </c>
      <c r="AH41668">
        <v>59</v>
      </c>
      <c r="AI41668">
        <v>59</v>
      </c>
      <c r="AJ41668">
        <v>60</v>
      </c>
      <c r="AK41668">
        <v>61</v>
      </c>
      <c r="AL41668">
        <v>62</v>
      </c>
      <c r="AM41668">
        <v>63</v>
      </c>
      <c r="AN41668">
        <v>63</v>
      </c>
      <c r="AO41668">
        <v>64</v>
      </c>
      <c r="AP41668">
        <v>65</v>
      </c>
      <c r="AQ41668">
        <v>66</v>
      </c>
    </row>
    <row r="41669" spans="1:43">
      <c r="A41669" t="s">
        <v>25639</v>
      </c>
      <c r="B41669" t="s">
        <v>25640</v>
      </c>
      <c r="C41669" t="s">
        <v>16027</v>
      </c>
      <c r="D41669" t="s">
        <v>16028</v>
      </c>
      <c r="E41669" t="s">
        <v>16019</v>
      </c>
      <c r="F41669" t="s">
        <v>16020</v>
      </c>
      <c r="G41669" t="s">
        <v>10734</v>
      </c>
      <c r="H41669" t="s">
        <v>10735</v>
      </c>
      <c r="I41669" s="2">
        <v>1</v>
      </c>
      <c r="J41669" s="2">
        <v>0</v>
      </c>
      <c r="K41669" s="2">
        <v>0</v>
      </c>
      <c r="L41669" t="s">
        <v>120</v>
      </c>
      <c r="M41669" t="s">
        <v>83</v>
      </c>
      <c r="N41669" t="s">
        <v>91</v>
      </c>
      <c r="O41669" t="s">
        <v>85</v>
      </c>
      <c r="P41669" t="s">
        <v>86</v>
      </c>
      <c r="Q41669">
        <v>38</v>
      </c>
      <c r="R41669">
        <v>39</v>
      </c>
      <c r="S41669">
        <v>40</v>
      </c>
      <c r="T41669">
        <v>41</v>
      </c>
      <c r="U41669">
        <v>42</v>
      </c>
      <c r="V41669">
        <v>43</v>
      </c>
      <c r="W41669">
        <v>44</v>
      </c>
      <c r="X41669">
        <v>45</v>
      </c>
      <c r="Y41669">
        <v>46</v>
      </c>
      <c r="Z41669">
        <v>47</v>
      </c>
      <c r="AA41669">
        <v>48</v>
      </c>
      <c r="AB41669">
        <v>49</v>
      </c>
      <c r="AC41669">
        <v>50</v>
      </c>
      <c r="AD41669">
        <v>51</v>
      </c>
      <c r="AE41669">
        <v>53</v>
      </c>
      <c r="AF41669">
        <v>54</v>
      </c>
      <c r="AG41669">
        <v>55</v>
      </c>
      <c r="AH41669">
        <v>56</v>
      </c>
      <c r="AI41669">
        <v>58</v>
      </c>
      <c r="AJ41669">
        <v>59</v>
      </c>
      <c r="AK41669">
        <v>60</v>
      </c>
      <c r="AL41669">
        <v>61</v>
      </c>
      <c r="AM41669">
        <v>62</v>
      </c>
      <c r="AN41669">
        <v>63</v>
      </c>
      <c r="AO41669">
        <v>64</v>
      </c>
      <c r="AP41669">
        <v>65</v>
      </c>
      <c r="AQ41669">
        <v>66</v>
      </c>
    </row>
    <row r="41670" spans="1:43">
      <c r="A41670" t="s">
        <v>25641</v>
      </c>
      <c r="B41670" t="s">
        <v>25642</v>
      </c>
      <c r="C41670" t="s">
        <v>16027</v>
      </c>
      <c r="D41670" t="s">
        <v>16028</v>
      </c>
      <c r="E41670" t="s">
        <v>16019</v>
      </c>
      <c r="F41670" t="s">
        <v>16020</v>
      </c>
      <c r="G41670" t="s">
        <v>10734</v>
      </c>
      <c r="H41670" t="s">
        <v>10735</v>
      </c>
      <c r="I41670" s="2">
        <v>1</v>
      </c>
      <c r="J41670" s="2">
        <v>0</v>
      </c>
      <c r="K41670" s="2">
        <v>0</v>
      </c>
      <c r="L41670" t="s">
        <v>120</v>
      </c>
      <c r="M41670" t="s">
        <v>83</v>
      </c>
      <c r="N41670" t="s">
        <v>84</v>
      </c>
      <c r="O41670" t="s">
        <v>85</v>
      </c>
      <c r="P41670" t="s">
        <v>86</v>
      </c>
      <c r="Q41670">
        <v>18</v>
      </c>
      <c r="R41670">
        <v>19</v>
      </c>
      <c r="S41670">
        <v>19</v>
      </c>
      <c r="T41670">
        <v>20</v>
      </c>
      <c r="U41670">
        <v>20</v>
      </c>
      <c r="V41670">
        <v>21</v>
      </c>
      <c r="W41670">
        <v>21</v>
      </c>
      <c r="X41670">
        <v>22</v>
      </c>
      <c r="Y41670">
        <v>22</v>
      </c>
      <c r="Z41670">
        <v>23</v>
      </c>
      <c r="AA41670">
        <v>23</v>
      </c>
      <c r="AB41670">
        <v>24</v>
      </c>
      <c r="AC41670">
        <v>24</v>
      </c>
      <c r="AD41670">
        <v>25</v>
      </c>
      <c r="AE41670">
        <v>25</v>
      </c>
      <c r="AF41670">
        <v>26</v>
      </c>
      <c r="AG41670">
        <v>26</v>
      </c>
      <c r="AH41670">
        <v>27</v>
      </c>
      <c r="AI41670">
        <v>28</v>
      </c>
      <c r="AJ41670">
        <v>28</v>
      </c>
      <c r="AK41670">
        <v>29</v>
      </c>
      <c r="AL41670">
        <v>29</v>
      </c>
      <c r="AM41670">
        <v>30</v>
      </c>
      <c r="AN41670">
        <v>30</v>
      </c>
      <c r="AO41670">
        <v>31</v>
      </c>
      <c r="AP41670">
        <v>31</v>
      </c>
      <c r="AQ41670">
        <v>32</v>
      </c>
    </row>
    <row r="41671" spans="1:43">
      <c r="A41671" t="s">
        <v>25641</v>
      </c>
      <c r="B41671" t="s">
        <v>25642</v>
      </c>
      <c r="C41671" t="s">
        <v>16027</v>
      </c>
      <c r="D41671" t="s">
        <v>16028</v>
      </c>
      <c r="E41671" t="s">
        <v>16019</v>
      </c>
      <c r="F41671" t="s">
        <v>16020</v>
      </c>
      <c r="G41671" t="s">
        <v>10734</v>
      </c>
      <c r="H41671" t="s">
        <v>10735</v>
      </c>
      <c r="I41671" s="2">
        <v>1</v>
      </c>
      <c r="J41671" s="2">
        <v>0</v>
      </c>
      <c r="K41671" s="2">
        <v>0</v>
      </c>
      <c r="L41671" t="s">
        <v>120</v>
      </c>
      <c r="M41671" t="s">
        <v>87</v>
      </c>
      <c r="N41671" t="s">
        <v>88</v>
      </c>
      <c r="O41671" t="s">
        <v>85</v>
      </c>
      <c r="P41671" t="s">
        <v>86</v>
      </c>
      <c r="Q41671">
        <v>18</v>
      </c>
      <c r="R41671">
        <v>18</v>
      </c>
      <c r="S41671">
        <v>19</v>
      </c>
      <c r="T41671">
        <v>19</v>
      </c>
      <c r="U41671">
        <v>19</v>
      </c>
      <c r="V41671">
        <v>20</v>
      </c>
      <c r="W41671">
        <v>20</v>
      </c>
      <c r="X41671">
        <v>20</v>
      </c>
      <c r="Y41671">
        <v>20</v>
      </c>
      <c r="Z41671">
        <v>21</v>
      </c>
      <c r="AA41671">
        <v>21</v>
      </c>
      <c r="AB41671">
        <v>21</v>
      </c>
      <c r="AC41671">
        <v>22</v>
      </c>
      <c r="AD41671">
        <v>22</v>
      </c>
      <c r="AE41671">
        <v>22</v>
      </c>
      <c r="AF41671">
        <v>23</v>
      </c>
      <c r="AG41671">
        <v>23</v>
      </c>
      <c r="AH41671">
        <v>23</v>
      </c>
      <c r="AI41671">
        <v>24</v>
      </c>
      <c r="AJ41671">
        <v>24</v>
      </c>
      <c r="AK41671">
        <v>25</v>
      </c>
      <c r="AL41671">
        <v>25</v>
      </c>
      <c r="AM41671">
        <v>26</v>
      </c>
      <c r="AN41671">
        <v>26</v>
      </c>
      <c r="AO41671">
        <v>26</v>
      </c>
      <c r="AP41671">
        <v>27</v>
      </c>
      <c r="AQ41671">
        <v>27</v>
      </c>
    </row>
    <row r="41672" spans="1:43">
      <c r="A41672" t="s">
        <v>25641</v>
      </c>
      <c r="B41672" t="s">
        <v>25642</v>
      </c>
      <c r="C41672" t="s">
        <v>16027</v>
      </c>
      <c r="D41672" t="s">
        <v>16028</v>
      </c>
      <c r="E41672" t="s">
        <v>16019</v>
      </c>
      <c r="F41672" t="s">
        <v>16020</v>
      </c>
      <c r="G41672" t="s">
        <v>10734</v>
      </c>
      <c r="H41672" t="s">
        <v>10735</v>
      </c>
      <c r="I41672" s="2">
        <v>1</v>
      </c>
      <c r="J41672" s="2">
        <v>0</v>
      </c>
      <c r="K41672" s="2">
        <v>0</v>
      </c>
      <c r="L41672" t="s">
        <v>120</v>
      </c>
      <c r="M41672" t="s">
        <v>89</v>
      </c>
      <c r="N41672" t="s">
        <v>90</v>
      </c>
      <c r="O41672" t="s">
        <v>85</v>
      </c>
      <c r="P41672" t="s">
        <v>86</v>
      </c>
      <c r="Q41672">
        <v>18</v>
      </c>
      <c r="R41672">
        <v>19</v>
      </c>
      <c r="S41672">
        <v>20</v>
      </c>
      <c r="T41672">
        <v>20</v>
      </c>
      <c r="U41672">
        <v>21</v>
      </c>
      <c r="V41672">
        <v>22</v>
      </c>
      <c r="W41672">
        <v>22</v>
      </c>
      <c r="X41672">
        <v>23</v>
      </c>
      <c r="Y41672">
        <v>23</v>
      </c>
      <c r="Z41672">
        <v>24</v>
      </c>
      <c r="AA41672">
        <v>25</v>
      </c>
      <c r="AB41672">
        <v>25</v>
      </c>
      <c r="AC41672">
        <v>26</v>
      </c>
      <c r="AD41672">
        <v>27</v>
      </c>
      <c r="AE41672">
        <v>27</v>
      </c>
      <c r="AF41672">
        <v>27</v>
      </c>
      <c r="AG41672">
        <v>28</v>
      </c>
      <c r="AH41672">
        <v>28</v>
      </c>
      <c r="AI41672">
        <v>29</v>
      </c>
      <c r="AJ41672">
        <v>29</v>
      </c>
      <c r="AK41672">
        <v>29</v>
      </c>
      <c r="AL41672">
        <v>30</v>
      </c>
      <c r="AM41672">
        <v>30</v>
      </c>
      <c r="AN41672">
        <v>31</v>
      </c>
      <c r="AO41672">
        <v>31</v>
      </c>
      <c r="AP41672">
        <v>31</v>
      </c>
      <c r="AQ41672">
        <v>32</v>
      </c>
    </row>
    <row r="41673" spans="1:43">
      <c r="A41673" t="s">
        <v>25641</v>
      </c>
      <c r="B41673" t="s">
        <v>25642</v>
      </c>
      <c r="C41673" t="s">
        <v>16027</v>
      </c>
      <c r="D41673" t="s">
        <v>16028</v>
      </c>
      <c r="E41673" t="s">
        <v>16019</v>
      </c>
      <c r="F41673" t="s">
        <v>16020</v>
      </c>
      <c r="G41673" t="s">
        <v>10734</v>
      </c>
      <c r="H41673" t="s">
        <v>10735</v>
      </c>
      <c r="I41673" s="2">
        <v>1</v>
      </c>
      <c r="J41673" s="2">
        <v>0</v>
      </c>
      <c r="K41673" s="2">
        <v>0</v>
      </c>
      <c r="L41673" t="s">
        <v>120</v>
      </c>
      <c r="M41673" t="s">
        <v>83</v>
      </c>
      <c r="N41673" t="s">
        <v>91</v>
      </c>
      <c r="O41673" t="s">
        <v>85</v>
      </c>
      <c r="P41673" t="s">
        <v>86</v>
      </c>
      <c r="Q41673">
        <v>18</v>
      </c>
      <c r="R41673">
        <v>19</v>
      </c>
      <c r="S41673">
        <v>19</v>
      </c>
      <c r="T41673">
        <v>20</v>
      </c>
      <c r="U41673">
        <v>20</v>
      </c>
      <c r="V41673">
        <v>21</v>
      </c>
      <c r="W41673">
        <v>21</v>
      </c>
      <c r="X41673">
        <v>22</v>
      </c>
      <c r="Y41673">
        <v>22</v>
      </c>
      <c r="Z41673">
        <v>23</v>
      </c>
      <c r="AA41673">
        <v>23</v>
      </c>
      <c r="AB41673">
        <v>24</v>
      </c>
      <c r="AC41673">
        <v>24</v>
      </c>
      <c r="AD41673">
        <v>25</v>
      </c>
      <c r="AE41673">
        <v>25</v>
      </c>
      <c r="AF41673">
        <v>26</v>
      </c>
      <c r="AG41673">
        <v>26</v>
      </c>
      <c r="AH41673">
        <v>27</v>
      </c>
      <c r="AI41673">
        <v>28</v>
      </c>
      <c r="AJ41673">
        <v>28</v>
      </c>
      <c r="AK41673">
        <v>29</v>
      </c>
      <c r="AL41673">
        <v>29</v>
      </c>
      <c r="AM41673">
        <v>30</v>
      </c>
      <c r="AN41673">
        <v>30</v>
      </c>
      <c r="AO41673">
        <v>31</v>
      </c>
      <c r="AP41673">
        <v>31</v>
      </c>
      <c r="AQ41673">
        <v>32</v>
      </c>
    </row>
    <row r="41674" spans="1:43">
      <c r="A41674" t="s">
        <v>25643</v>
      </c>
      <c r="B41674" t="s">
        <v>25644</v>
      </c>
      <c r="C41674" t="s">
        <v>10922</v>
      </c>
      <c r="D41674" t="s">
        <v>10923</v>
      </c>
      <c r="E41674" t="s">
        <v>10732</v>
      </c>
      <c r="F41674" t="s">
        <v>10733</v>
      </c>
      <c r="G41674" t="s">
        <v>10734</v>
      </c>
      <c r="H41674" t="s">
        <v>10735</v>
      </c>
      <c r="I41674" s="2">
        <v>1</v>
      </c>
      <c r="J41674" s="2">
        <v>0</v>
      </c>
      <c r="K41674" s="2">
        <v>0</v>
      </c>
      <c r="L41674" t="s">
        <v>120</v>
      </c>
      <c r="M41674" t="s">
        <v>83</v>
      </c>
      <c r="N41674" t="s">
        <v>84</v>
      </c>
      <c r="O41674" t="s">
        <v>85</v>
      </c>
      <c r="P41674" t="s">
        <v>86</v>
      </c>
      <c r="Q41674">
        <v>44</v>
      </c>
      <c r="R41674">
        <v>45</v>
      </c>
      <c r="S41674">
        <v>45</v>
      </c>
      <c r="T41674">
        <v>46</v>
      </c>
      <c r="U41674">
        <v>46</v>
      </c>
      <c r="V41674">
        <v>47</v>
      </c>
      <c r="W41674">
        <v>48</v>
      </c>
      <c r="X41674">
        <v>48</v>
      </c>
      <c r="Y41674">
        <v>49</v>
      </c>
      <c r="Z41674">
        <v>49</v>
      </c>
      <c r="AA41674">
        <v>50</v>
      </c>
      <c r="AB41674">
        <v>50</v>
      </c>
      <c r="AC41674">
        <v>51</v>
      </c>
      <c r="AD41674">
        <v>51</v>
      </c>
      <c r="AE41674">
        <v>52</v>
      </c>
      <c r="AF41674">
        <v>53</v>
      </c>
      <c r="AG41674">
        <v>53</v>
      </c>
      <c r="AH41674">
        <v>54</v>
      </c>
      <c r="AI41674">
        <v>54</v>
      </c>
      <c r="AJ41674">
        <v>55</v>
      </c>
      <c r="AK41674">
        <v>55</v>
      </c>
      <c r="AL41674">
        <v>56</v>
      </c>
      <c r="AM41674">
        <v>56</v>
      </c>
      <c r="AN41674">
        <v>56</v>
      </c>
      <c r="AO41674">
        <v>56</v>
      </c>
      <c r="AP41674">
        <v>56</v>
      </c>
      <c r="AQ41674">
        <v>56</v>
      </c>
    </row>
    <row r="41675" spans="1:43">
      <c r="A41675" t="s">
        <v>25643</v>
      </c>
      <c r="B41675" t="s">
        <v>25644</v>
      </c>
      <c r="C41675" t="s">
        <v>10922</v>
      </c>
      <c r="D41675" t="s">
        <v>10923</v>
      </c>
      <c r="E41675" t="s">
        <v>10732</v>
      </c>
      <c r="F41675" t="s">
        <v>10733</v>
      </c>
      <c r="G41675" t="s">
        <v>10734</v>
      </c>
      <c r="H41675" t="s">
        <v>10735</v>
      </c>
      <c r="I41675" s="2">
        <v>1</v>
      </c>
      <c r="J41675" s="2">
        <v>0</v>
      </c>
      <c r="K41675" s="2">
        <v>0</v>
      </c>
      <c r="L41675" t="s">
        <v>120</v>
      </c>
      <c r="M41675" t="s">
        <v>87</v>
      </c>
      <c r="N41675" t="s">
        <v>88</v>
      </c>
      <c r="O41675" t="s">
        <v>85</v>
      </c>
      <c r="P41675" t="s">
        <v>86</v>
      </c>
      <c r="Q41675">
        <v>44</v>
      </c>
      <c r="R41675">
        <v>44</v>
      </c>
      <c r="S41675">
        <v>44</v>
      </c>
      <c r="T41675">
        <v>44</v>
      </c>
      <c r="U41675">
        <v>44</v>
      </c>
      <c r="V41675">
        <v>44</v>
      </c>
      <c r="W41675">
        <v>45</v>
      </c>
      <c r="X41675">
        <v>45</v>
      </c>
      <c r="Y41675">
        <v>45</v>
      </c>
      <c r="Z41675">
        <v>45</v>
      </c>
      <c r="AA41675">
        <v>45</v>
      </c>
      <c r="AB41675">
        <v>46</v>
      </c>
      <c r="AC41675">
        <v>46</v>
      </c>
      <c r="AD41675">
        <v>46</v>
      </c>
      <c r="AE41675">
        <v>46</v>
      </c>
      <c r="AF41675">
        <v>46</v>
      </c>
      <c r="AG41675">
        <v>47</v>
      </c>
      <c r="AH41675">
        <v>47</v>
      </c>
      <c r="AI41675">
        <v>47</v>
      </c>
      <c r="AJ41675">
        <v>47</v>
      </c>
      <c r="AK41675">
        <v>47</v>
      </c>
      <c r="AL41675">
        <v>47</v>
      </c>
      <c r="AM41675">
        <v>48</v>
      </c>
      <c r="AN41675">
        <v>48</v>
      </c>
      <c r="AO41675">
        <v>48</v>
      </c>
      <c r="AP41675">
        <v>48</v>
      </c>
      <c r="AQ41675">
        <v>48</v>
      </c>
    </row>
    <row r="41676" spans="1:43">
      <c r="A41676" t="s">
        <v>25643</v>
      </c>
      <c r="B41676" t="s">
        <v>25644</v>
      </c>
      <c r="C41676" t="s">
        <v>10922</v>
      </c>
      <c r="D41676" t="s">
        <v>10923</v>
      </c>
      <c r="E41676" t="s">
        <v>10732</v>
      </c>
      <c r="F41676" t="s">
        <v>10733</v>
      </c>
      <c r="G41676" t="s">
        <v>10734</v>
      </c>
      <c r="H41676" t="s">
        <v>10735</v>
      </c>
      <c r="I41676" s="2">
        <v>1</v>
      </c>
      <c r="J41676" s="2">
        <v>0</v>
      </c>
      <c r="K41676" s="2">
        <v>0</v>
      </c>
      <c r="L41676" t="s">
        <v>120</v>
      </c>
      <c r="M41676" t="s">
        <v>89</v>
      </c>
      <c r="N41676" t="s">
        <v>90</v>
      </c>
      <c r="O41676" t="s">
        <v>85</v>
      </c>
      <c r="P41676" t="s">
        <v>86</v>
      </c>
      <c r="Q41676">
        <v>44</v>
      </c>
      <c r="R41676">
        <v>45</v>
      </c>
      <c r="S41676">
        <v>46</v>
      </c>
      <c r="T41676">
        <v>47</v>
      </c>
      <c r="U41676">
        <v>48</v>
      </c>
      <c r="V41676">
        <v>49</v>
      </c>
      <c r="W41676">
        <v>50</v>
      </c>
      <c r="X41676">
        <v>51</v>
      </c>
      <c r="Y41676">
        <v>51</v>
      </c>
      <c r="Z41676">
        <v>52</v>
      </c>
      <c r="AA41676">
        <v>53</v>
      </c>
      <c r="AB41676">
        <v>54</v>
      </c>
      <c r="AC41676">
        <v>55</v>
      </c>
      <c r="AD41676">
        <v>55</v>
      </c>
      <c r="AE41676">
        <v>56</v>
      </c>
      <c r="AF41676">
        <v>56</v>
      </c>
      <c r="AG41676">
        <v>56</v>
      </c>
      <c r="AH41676">
        <v>56</v>
      </c>
      <c r="AI41676">
        <v>56</v>
      </c>
      <c r="AJ41676">
        <v>56</v>
      </c>
      <c r="AK41676">
        <v>56</v>
      </c>
      <c r="AL41676">
        <v>56</v>
      </c>
      <c r="AM41676">
        <v>56</v>
      </c>
      <c r="AN41676">
        <v>56</v>
      </c>
      <c r="AO41676">
        <v>56</v>
      </c>
      <c r="AP41676">
        <v>56</v>
      </c>
      <c r="AQ41676">
        <v>56</v>
      </c>
    </row>
    <row r="41677" spans="1:43">
      <c r="A41677" t="s">
        <v>25643</v>
      </c>
      <c r="B41677" t="s">
        <v>25644</v>
      </c>
      <c r="C41677" t="s">
        <v>10922</v>
      </c>
      <c r="D41677" t="s">
        <v>10923</v>
      </c>
      <c r="E41677" t="s">
        <v>10732</v>
      </c>
      <c r="F41677" t="s">
        <v>10733</v>
      </c>
      <c r="G41677" t="s">
        <v>10734</v>
      </c>
      <c r="H41677" t="s">
        <v>10735</v>
      </c>
      <c r="I41677" s="2">
        <v>1</v>
      </c>
      <c r="J41677" s="2">
        <v>0</v>
      </c>
      <c r="K41677" s="2">
        <v>0</v>
      </c>
      <c r="L41677" t="s">
        <v>120</v>
      </c>
      <c r="M41677" t="s">
        <v>83</v>
      </c>
      <c r="N41677" t="s">
        <v>91</v>
      </c>
      <c r="O41677" t="s">
        <v>85</v>
      </c>
      <c r="P41677" t="s">
        <v>86</v>
      </c>
      <c r="Q41677">
        <v>44</v>
      </c>
      <c r="R41677">
        <v>45</v>
      </c>
      <c r="S41677">
        <v>45</v>
      </c>
      <c r="T41677">
        <v>46</v>
      </c>
      <c r="U41677">
        <v>46</v>
      </c>
      <c r="V41677">
        <v>47</v>
      </c>
      <c r="W41677">
        <v>48</v>
      </c>
      <c r="X41677">
        <v>48</v>
      </c>
      <c r="Y41677">
        <v>49</v>
      </c>
      <c r="Z41677">
        <v>49</v>
      </c>
      <c r="AA41677">
        <v>50</v>
      </c>
      <c r="AB41677">
        <v>50</v>
      </c>
      <c r="AC41677">
        <v>51</v>
      </c>
      <c r="AD41677">
        <v>51</v>
      </c>
      <c r="AE41677">
        <v>52</v>
      </c>
      <c r="AF41677">
        <v>53</v>
      </c>
      <c r="AG41677">
        <v>53</v>
      </c>
      <c r="AH41677">
        <v>54</v>
      </c>
      <c r="AI41677">
        <v>54</v>
      </c>
      <c r="AJ41677">
        <v>55</v>
      </c>
      <c r="AK41677">
        <v>55</v>
      </c>
      <c r="AL41677">
        <v>56</v>
      </c>
      <c r="AM41677">
        <v>56</v>
      </c>
      <c r="AN41677">
        <v>56</v>
      </c>
      <c r="AO41677">
        <v>56</v>
      </c>
      <c r="AP41677">
        <v>56</v>
      </c>
      <c r="AQ41677">
        <v>56</v>
      </c>
    </row>
    <row r="41678" spans="1:43">
      <c r="A41678" t="s">
        <v>25645</v>
      </c>
      <c r="B41678" t="s">
        <v>25646</v>
      </c>
      <c r="C41678" t="s">
        <v>10922</v>
      </c>
      <c r="D41678" t="s">
        <v>10923</v>
      </c>
      <c r="E41678" t="s">
        <v>10732</v>
      </c>
      <c r="F41678" t="s">
        <v>10733</v>
      </c>
      <c r="G41678" t="s">
        <v>10734</v>
      </c>
      <c r="H41678" t="s">
        <v>10735</v>
      </c>
      <c r="I41678" s="2">
        <v>1</v>
      </c>
      <c r="J41678" s="2">
        <v>0</v>
      </c>
      <c r="K41678" s="2">
        <v>0</v>
      </c>
      <c r="L41678" t="s">
        <v>120</v>
      </c>
      <c r="M41678" t="s">
        <v>83</v>
      </c>
      <c r="N41678" t="s">
        <v>84</v>
      </c>
      <c r="O41678" t="s">
        <v>85</v>
      </c>
      <c r="P41678" t="s">
        <v>86</v>
      </c>
      <c r="Q41678">
        <v>74</v>
      </c>
      <c r="R41678">
        <v>75</v>
      </c>
      <c r="S41678">
        <v>76</v>
      </c>
      <c r="T41678">
        <v>77</v>
      </c>
      <c r="U41678">
        <v>78</v>
      </c>
      <c r="V41678">
        <v>79</v>
      </c>
      <c r="W41678">
        <v>80</v>
      </c>
      <c r="X41678">
        <v>81</v>
      </c>
      <c r="Y41678">
        <v>82</v>
      </c>
      <c r="Z41678">
        <v>83</v>
      </c>
      <c r="AA41678">
        <v>83</v>
      </c>
      <c r="AB41678">
        <v>84</v>
      </c>
      <c r="AC41678">
        <v>85</v>
      </c>
      <c r="AD41678">
        <v>86</v>
      </c>
      <c r="AE41678">
        <v>87</v>
      </c>
      <c r="AF41678">
        <v>88</v>
      </c>
      <c r="AG41678">
        <v>89</v>
      </c>
      <c r="AH41678">
        <v>90</v>
      </c>
      <c r="AI41678">
        <v>91</v>
      </c>
      <c r="AJ41678">
        <v>92</v>
      </c>
      <c r="AK41678">
        <v>93</v>
      </c>
      <c r="AL41678">
        <v>93</v>
      </c>
      <c r="AM41678">
        <v>93</v>
      </c>
      <c r="AN41678">
        <v>93</v>
      </c>
      <c r="AO41678">
        <v>93</v>
      </c>
      <c r="AP41678">
        <v>94</v>
      </c>
      <c r="AQ41678">
        <v>94</v>
      </c>
    </row>
    <row r="41679" spans="1:43">
      <c r="A41679" t="s">
        <v>25645</v>
      </c>
      <c r="B41679" t="s">
        <v>25646</v>
      </c>
      <c r="C41679" t="s">
        <v>10922</v>
      </c>
      <c r="D41679" t="s">
        <v>10923</v>
      </c>
      <c r="E41679" t="s">
        <v>10732</v>
      </c>
      <c r="F41679" t="s">
        <v>10733</v>
      </c>
      <c r="G41679" t="s">
        <v>10734</v>
      </c>
      <c r="H41679" t="s">
        <v>10735</v>
      </c>
      <c r="I41679" s="2">
        <v>1</v>
      </c>
      <c r="J41679" s="2">
        <v>0</v>
      </c>
      <c r="K41679" s="2">
        <v>0</v>
      </c>
      <c r="L41679" t="s">
        <v>120</v>
      </c>
      <c r="M41679" t="s">
        <v>87</v>
      </c>
      <c r="N41679" t="s">
        <v>88</v>
      </c>
      <c r="O41679" t="s">
        <v>85</v>
      </c>
      <c r="P41679" t="s">
        <v>86</v>
      </c>
      <c r="Q41679">
        <v>74</v>
      </c>
      <c r="R41679">
        <v>74</v>
      </c>
      <c r="S41679">
        <v>75</v>
      </c>
      <c r="T41679">
        <v>75</v>
      </c>
      <c r="U41679">
        <v>75</v>
      </c>
      <c r="V41679">
        <v>76</v>
      </c>
      <c r="W41679">
        <v>76</v>
      </c>
      <c r="X41679">
        <v>76</v>
      </c>
      <c r="Y41679">
        <v>76</v>
      </c>
      <c r="Z41679">
        <v>77</v>
      </c>
      <c r="AA41679">
        <v>77</v>
      </c>
      <c r="AB41679">
        <v>77</v>
      </c>
      <c r="AC41679">
        <v>78</v>
      </c>
      <c r="AD41679">
        <v>78</v>
      </c>
      <c r="AE41679">
        <v>78</v>
      </c>
      <c r="AF41679">
        <v>79</v>
      </c>
      <c r="AG41679">
        <v>79</v>
      </c>
      <c r="AH41679">
        <v>79</v>
      </c>
      <c r="AI41679">
        <v>80</v>
      </c>
      <c r="AJ41679">
        <v>80</v>
      </c>
      <c r="AK41679">
        <v>80</v>
      </c>
      <c r="AL41679">
        <v>81</v>
      </c>
      <c r="AM41679">
        <v>81</v>
      </c>
      <c r="AN41679">
        <v>81</v>
      </c>
      <c r="AO41679">
        <v>81</v>
      </c>
      <c r="AP41679">
        <v>82</v>
      </c>
      <c r="AQ41679">
        <v>82</v>
      </c>
    </row>
    <row r="41680" spans="1:43">
      <c r="A41680" t="s">
        <v>25645</v>
      </c>
      <c r="B41680" t="s">
        <v>25646</v>
      </c>
      <c r="C41680" t="s">
        <v>10922</v>
      </c>
      <c r="D41680" t="s">
        <v>10923</v>
      </c>
      <c r="E41680" t="s">
        <v>10732</v>
      </c>
      <c r="F41680" t="s">
        <v>10733</v>
      </c>
      <c r="G41680" t="s">
        <v>10734</v>
      </c>
      <c r="H41680" t="s">
        <v>10735</v>
      </c>
      <c r="I41680" s="2">
        <v>1</v>
      </c>
      <c r="J41680" s="2">
        <v>0</v>
      </c>
      <c r="K41680" s="2">
        <v>0</v>
      </c>
      <c r="L41680" t="s">
        <v>120</v>
      </c>
      <c r="M41680" t="s">
        <v>89</v>
      </c>
      <c r="N41680" t="s">
        <v>90</v>
      </c>
      <c r="O41680" t="s">
        <v>85</v>
      </c>
      <c r="P41680" t="s">
        <v>86</v>
      </c>
      <c r="Q41680">
        <v>74</v>
      </c>
      <c r="R41680">
        <v>76</v>
      </c>
      <c r="S41680">
        <v>78</v>
      </c>
      <c r="T41680">
        <v>79</v>
      </c>
      <c r="U41680">
        <v>81</v>
      </c>
      <c r="V41680">
        <v>82</v>
      </c>
      <c r="W41680">
        <v>84</v>
      </c>
      <c r="X41680">
        <v>85</v>
      </c>
      <c r="Y41680">
        <v>86</v>
      </c>
      <c r="Z41680">
        <v>88</v>
      </c>
      <c r="AA41680">
        <v>89</v>
      </c>
      <c r="AB41680">
        <v>90</v>
      </c>
      <c r="AC41680">
        <v>91</v>
      </c>
      <c r="AD41680">
        <v>93</v>
      </c>
      <c r="AE41680">
        <v>93</v>
      </c>
      <c r="AF41680">
        <v>94</v>
      </c>
      <c r="AG41680">
        <v>94</v>
      </c>
      <c r="AH41680">
        <v>94</v>
      </c>
      <c r="AI41680">
        <v>94</v>
      </c>
      <c r="AJ41680">
        <v>94</v>
      </c>
      <c r="AK41680">
        <v>94</v>
      </c>
      <c r="AL41680">
        <v>94</v>
      </c>
      <c r="AM41680">
        <v>94</v>
      </c>
      <c r="AN41680">
        <v>94</v>
      </c>
      <c r="AO41680">
        <v>94</v>
      </c>
      <c r="AP41680">
        <v>95</v>
      </c>
      <c r="AQ41680">
        <v>95</v>
      </c>
    </row>
    <row r="41681" spans="1:43">
      <c r="A41681" t="s">
        <v>25645</v>
      </c>
      <c r="B41681" t="s">
        <v>25646</v>
      </c>
      <c r="C41681" t="s">
        <v>10922</v>
      </c>
      <c r="D41681" t="s">
        <v>10923</v>
      </c>
      <c r="E41681" t="s">
        <v>10732</v>
      </c>
      <c r="F41681" t="s">
        <v>10733</v>
      </c>
      <c r="G41681" t="s">
        <v>10734</v>
      </c>
      <c r="H41681" t="s">
        <v>10735</v>
      </c>
      <c r="I41681" s="2">
        <v>1</v>
      </c>
      <c r="J41681" s="2">
        <v>0</v>
      </c>
      <c r="K41681" s="2">
        <v>0</v>
      </c>
      <c r="L41681" t="s">
        <v>120</v>
      </c>
      <c r="M41681" t="s">
        <v>83</v>
      </c>
      <c r="N41681" t="s">
        <v>91</v>
      </c>
      <c r="O41681" t="s">
        <v>85</v>
      </c>
      <c r="P41681" t="s">
        <v>86</v>
      </c>
      <c r="Q41681">
        <v>74</v>
      </c>
      <c r="R41681">
        <v>75</v>
      </c>
      <c r="S41681">
        <v>76</v>
      </c>
      <c r="T41681">
        <v>77</v>
      </c>
      <c r="U41681">
        <v>78</v>
      </c>
      <c r="V41681">
        <v>79</v>
      </c>
      <c r="W41681">
        <v>80</v>
      </c>
      <c r="X41681">
        <v>81</v>
      </c>
      <c r="Y41681">
        <v>82</v>
      </c>
      <c r="Z41681">
        <v>83</v>
      </c>
      <c r="AA41681">
        <v>83</v>
      </c>
      <c r="AB41681">
        <v>84</v>
      </c>
      <c r="AC41681">
        <v>85</v>
      </c>
      <c r="AD41681">
        <v>86</v>
      </c>
      <c r="AE41681">
        <v>87</v>
      </c>
      <c r="AF41681">
        <v>88</v>
      </c>
      <c r="AG41681">
        <v>89</v>
      </c>
      <c r="AH41681">
        <v>90</v>
      </c>
      <c r="AI41681">
        <v>91</v>
      </c>
      <c r="AJ41681">
        <v>92</v>
      </c>
      <c r="AK41681">
        <v>93</v>
      </c>
      <c r="AL41681">
        <v>93</v>
      </c>
      <c r="AM41681">
        <v>93</v>
      </c>
      <c r="AN41681">
        <v>93</v>
      </c>
      <c r="AO41681">
        <v>93</v>
      </c>
      <c r="AP41681">
        <v>94</v>
      </c>
      <c r="AQ41681">
        <v>94</v>
      </c>
    </row>
    <row r="41682" spans="1:43">
      <c r="A41682" t="s">
        <v>25647</v>
      </c>
      <c r="B41682" t="s">
        <v>25648</v>
      </c>
      <c r="C41682" t="s">
        <v>2426</v>
      </c>
      <c r="D41682" t="s">
        <v>2427</v>
      </c>
      <c r="E41682" t="s">
        <v>2352</v>
      </c>
      <c r="F41682" t="s">
        <v>2353</v>
      </c>
      <c r="G41682" t="s">
        <v>80</v>
      </c>
      <c r="H41682" t="s">
        <v>81</v>
      </c>
      <c r="I41682" s="2">
        <v>0</v>
      </c>
      <c r="J41682" s="2">
        <v>0</v>
      </c>
      <c r="K41682" s="2">
        <v>1</v>
      </c>
      <c r="L41682" t="s">
        <v>995</v>
      </c>
      <c r="M41682" t="s">
        <v>83</v>
      </c>
      <c r="N41682" t="s">
        <v>84</v>
      </c>
      <c r="O41682" t="s">
        <v>85</v>
      </c>
      <c r="P41682" t="s">
        <v>86</v>
      </c>
      <c r="Q41682">
        <v>18</v>
      </c>
      <c r="R41682">
        <v>18</v>
      </c>
      <c r="S41682">
        <v>18</v>
      </c>
      <c r="T41682">
        <v>18</v>
      </c>
      <c r="U41682">
        <v>18</v>
      </c>
      <c r="V41682">
        <v>19</v>
      </c>
      <c r="W41682">
        <v>19</v>
      </c>
      <c r="X41682">
        <v>19</v>
      </c>
      <c r="Y41682">
        <v>19</v>
      </c>
      <c r="Z41682">
        <v>19</v>
      </c>
      <c r="AA41682">
        <v>19</v>
      </c>
      <c r="AB41682">
        <v>19</v>
      </c>
      <c r="AC41682">
        <v>19</v>
      </c>
      <c r="AD41682">
        <v>19</v>
      </c>
      <c r="AE41682">
        <v>19</v>
      </c>
      <c r="AF41682">
        <v>19</v>
      </c>
      <c r="AG41682">
        <v>19</v>
      </c>
      <c r="AH41682">
        <v>19</v>
      </c>
      <c r="AI41682">
        <v>19</v>
      </c>
      <c r="AJ41682">
        <v>19</v>
      </c>
      <c r="AK41682">
        <v>19</v>
      </c>
      <c r="AL41682">
        <v>19</v>
      </c>
      <c r="AM41682">
        <v>19</v>
      </c>
      <c r="AN41682">
        <v>19</v>
      </c>
      <c r="AO41682">
        <v>18</v>
      </c>
      <c r="AP41682">
        <v>18</v>
      </c>
      <c r="AQ41682">
        <v>18</v>
      </c>
    </row>
    <row r="41683" spans="1:43">
      <c r="A41683" t="s">
        <v>25647</v>
      </c>
      <c r="B41683" t="s">
        <v>25648</v>
      </c>
      <c r="C41683" t="s">
        <v>2426</v>
      </c>
      <c r="D41683" t="s">
        <v>2427</v>
      </c>
      <c r="E41683" t="s">
        <v>2352</v>
      </c>
      <c r="F41683" t="s">
        <v>2353</v>
      </c>
      <c r="G41683" t="s">
        <v>80</v>
      </c>
      <c r="H41683" t="s">
        <v>81</v>
      </c>
      <c r="I41683" s="2">
        <v>0</v>
      </c>
      <c r="J41683" s="2">
        <v>0</v>
      </c>
      <c r="K41683" s="2">
        <v>1</v>
      </c>
      <c r="L41683" t="s">
        <v>995</v>
      </c>
      <c r="M41683" t="s">
        <v>87</v>
      </c>
      <c r="N41683" t="s">
        <v>88</v>
      </c>
      <c r="O41683" t="s">
        <v>85</v>
      </c>
      <c r="P41683" t="s">
        <v>86</v>
      </c>
      <c r="Q41683">
        <v>18</v>
      </c>
      <c r="R41683">
        <v>18</v>
      </c>
      <c r="S41683">
        <v>18</v>
      </c>
      <c r="T41683">
        <v>18</v>
      </c>
      <c r="U41683">
        <v>18</v>
      </c>
      <c r="V41683">
        <v>18</v>
      </c>
      <c r="W41683">
        <v>17</v>
      </c>
      <c r="X41683">
        <v>17</v>
      </c>
      <c r="Y41683">
        <v>17</v>
      </c>
      <c r="Z41683">
        <v>17</v>
      </c>
      <c r="AA41683">
        <v>17</v>
      </c>
      <c r="AB41683">
        <v>17</v>
      </c>
      <c r="AC41683">
        <v>17</v>
      </c>
      <c r="AD41683">
        <v>17</v>
      </c>
      <c r="AE41683">
        <v>17</v>
      </c>
      <c r="AF41683">
        <v>17</v>
      </c>
      <c r="AG41683">
        <v>17</v>
      </c>
      <c r="AH41683">
        <v>16</v>
      </c>
      <c r="AI41683">
        <v>16</v>
      </c>
      <c r="AJ41683">
        <v>16</v>
      </c>
      <c r="AK41683">
        <v>16</v>
      </c>
      <c r="AL41683">
        <v>16</v>
      </c>
      <c r="AM41683">
        <v>16</v>
      </c>
      <c r="AN41683">
        <v>16</v>
      </c>
      <c r="AO41683">
        <v>16</v>
      </c>
      <c r="AP41683">
        <v>16</v>
      </c>
      <c r="AQ41683">
        <v>16</v>
      </c>
    </row>
    <row r="41684" spans="1:43">
      <c r="A41684" t="s">
        <v>25647</v>
      </c>
      <c r="B41684" t="s">
        <v>25648</v>
      </c>
      <c r="C41684" t="s">
        <v>2426</v>
      </c>
      <c r="D41684" t="s">
        <v>2427</v>
      </c>
      <c r="E41684" t="s">
        <v>2352</v>
      </c>
      <c r="F41684" t="s">
        <v>2353</v>
      </c>
      <c r="G41684" t="s">
        <v>80</v>
      </c>
      <c r="H41684" t="s">
        <v>81</v>
      </c>
      <c r="I41684" s="2">
        <v>0</v>
      </c>
      <c r="J41684" s="2">
        <v>0</v>
      </c>
      <c r="K41684" s="2">
        <v>1</v>
      </c>
      <c r="L41684" t="s">
        <v>995</v>
      </c>
      <c r="M41684" t="s">
        <v>89</v>
      </c>
      <c r="N41684" t="s">
        <v>90</v>
      </c>
      <c r="O41684" t="s">
        <v>85</v>
      </c>
      <c r="P41684" t="s">
        <v>86</v>
      </c>
      <c r="Q41684">
        <v>18</v>
      </c>
      <c r="R41684">
        <v>19</v>
      </c>
      <c r="S41684">
        <v>19</v>
      </c>
      <c r="T41684">
        <v>19</v>
      </c>
      <c r="U41684">
        <v>19</v>
      </c>
      <c r="V41684">
        <v>19</v>
      </c>
      <c r="W41684">
        <v>20</v>
      </c>
      <c r="X41684">
        <v>20</v>
      </c>
      <c r="Y41684">
        <v>20</v>
      </c>
      <c r="Z41684">
        <v>20</v>
      </c>
      <c r="AA41684">
        <v>20</v>
      </c>
      <c r="AB41684">
        <v>20</v>
      </c>
      <c r="AC41684">
        <v>20</v>
      </c>
      <c r="AD41684">
        <v>20</v>
      </c>
      <c r="AE41684">
        <v>20</v>
      </c>
      <c r="AF41684">
        <v>20</v>
      </c>
      <c r="AG41684">
        <v>20</v>
      </c>
      <c r="AH41684">
        <v>20</v>
      </c>
      <c r="AI41684">
        <v>20</v>
      </c>
      <c r="AJ41684">
        <v>19</v>
      </c>
      <c r="AK41684">
        <v>19</v>
      </c>
      <c r="AL41684">
        <v>19</v>
      </c>
      <c r="AM41684">
        <v>19</v>
      </c>
      <c r="AN41684">
        <v>19</v>
      </c>
      <c r="AO41684">
        <v>19</v>
      </c>
      <c r="AP41684">
        <v>19</v>
      </c>
      <c r="AQ41684">
        <v>18</v>
      </c>
    </row>
    <row r="41685" spans="1:43">
      <c r="A41685" t="s">
        <v>25647</v>
      </c>
      <c r="B41685" t="s">
        <v>25648</v>
      </c>
      <c r="C41685" t="s">
        <v>2426</v>
      </c>
      <c r="D41685" t="s">
        <v>2427</v>
      </c>
      <c r="E41685" t="s">
        <v>2352</v>
      </c>
      <c r="F41685" t="s">
        <v>2353</v>
      </c>
      <c r="G41685" t="s">
        <v>80</v>
      </c>
      <c r="H41685" t="s">
        <v>81</v>
      </c>
      <c r="I41685" s="2">
        <v>0</v>
      </c>
      <c r="J41685" s="2">
        <v>0</v>
      </c>
      <c r="K41685" s="2">
        <v>1</v>
      </c>
      <c r="L41685" t="s">
        <v>995</v>
      </c>
      <c r="M41685" t="s">
        <v>83</v>
      </c>
      <c r="N41685" t="s">
        <v>91</v>
      </c>
      <c r="O41685" t="s">
        <v>85</v>
      </c>
      <c r="P41685" t="s">
        <v>86</v>
      </c>
      <c r="Q41685">
        <v>18</v>
      </c>
      <c r="R41685">
        <v>18</v>
      </c>
      <c r="S41685">
        <v>18</v>
      </c>
      <c r="T41685">
        <v>18</v>
      </c>
      <c r="U41685">
        <v>18</v>
      </c>
      <c r="V41685">
        <v>19</v>
      </c>
      <c r="W41685">
        <v>19</v>
      </c>
      <c r="X41685">
        <v>19</v>
      </c>
      <c r="Y41685">
        <v>19</v>
      </c>
      <c r="Z41685">
        <v>19</v>
      </c>
      <c r="AA41685">
        <v>19</v>
      </c>
      <c r="AB41685">
        <v>19</v>
      </c>
      <c r="AC41685">
        <v>19</v>
      </c>
      <c r="AD41685">
        <v>19</v>
      </c>
      <c r="AE41685">
        <v>19</v>
      </c>
      <c r="AF41685">
        <v>19</v>
      </c>
      <c r="AG41685">
        <v>19</v>
      </c>
      <c r="AH41685">
        <v>19</v>
      </c>
      <c r="AI41685">
        <v>19</v>
      </c>
      <c r="AJ41685">
        <v>19</v>
      </c>
      <c r="AK41685">
        <v>19</v>
      </c>
      <c r="AL41685">
        <v>19</v>
      </c>
      <c r="AM41685">
        <v>19</v>
      </c>
      <c r="AN41685">
        <v>19</v>
      </c>
      <c r="AO41685">
        <v>18</v>
      </c>
      <c r="AP41685">
        <v>18</v>
      </c>
      <c r="AQ41685">
        <v>18</v>
      </c>
    </row>
    <row r="41686" spans="1:43">
      <c r="A41686" t="s">
        <v>25649</v>
      </c>
      <c r="B41686" t="s">
        <v>25650</v>
      </c>
      <c r="C41686" t="s">
        <v>2426</v>
      </c>
      <c r="D41686" t="s">
        <v>2427</v>
      </c>
      <c r="E41686" t="s">
        <v>2352</v>
      </c>
      <c r="F41686" t="s">
        <v>2353</v>
      </c>
      <c r="G41686" t="s">
        <v>80</v>
      </c>
      <c r="H41686" t="s">
        <v>81</v>
      </c>
      <c r="I41686" s="2">
        <v>0</v>
      </c>
      <c r="J41686" s="2">
        <v>0</v>
      </c>
      <c r="K41686" s="2">
        <v>1</v>
      </c>
      <c r="L41686" t="s">
        <v>995</v>
      </c>
      <c r="M41686" t="s">
        <v>83</v>
      </c>
      <c r="N41686" t="s">
        <v>84</v>
      </c>
      <c r="O41686" t="s">
        <v>85</v>
      </c>
      <c r="P41686" t="s">
        <v>86</v>
      </c>
      <c r="Q41686">
        <v>18</v>
      </c>
      <c r="R41686">
        <v>18</v>
      </c>
      <c r="S41686">
        <v>18</v>
      </c>
      <c r="T41686">
        <v>18</v>
      </c>
      <c r="U41686">
        <v>18</v>
      </c>
      <c r="V41686">
        <v>18</v>
      </c>
      <c r="W41686">
        <v>18</v>
      </c>
      <c r="X41686">
        <v>19</v>
      </c>
      <c r="Y41686">
        <v>19</v>
      </c>
      <c r="Z41686">
        <v>19</v>
      </c>
      <c r="AA41686">
        <v>19</v>
      </c>
      <c r="AB41686">
        <v>19</v>
      </c>
      <c r="AC41686">
        <v>19</v>
      </c>
      <c r="AD41686">
        <v>19</v>
      </c>
      <c r="AE41686">
        <v>19</v>
      </c>
      <c r="AF41686">
        <v>19</v>
      </c>
      <c r="AG41686">
        <v>19</v>
      </c>
      <c r="AH41686">
        <v>19</v>
      </c>
      <c r="AI41686">
        <v>19</v>
      </c>
      <c r="AJ41686">
        <v>19</v>
      </c>
      <c r="AK41686">
        <v>19</v>
      </c>
      <c r="AL41686">
        <v>19</v>
      </c>
      <c r="AM41686">
        <v>19</v>
      </c>
      <c r="AN41686">
        <v>19</v>
      </c>
      <c r="AO41686">
        <v>18</v>
      </c>
      <c r="AP41686">
        <v>18</v>
      </c>
      <c r="AQ41686">
        <v>18</v>
      </c>
    </row>
    <row r="41687" spans="1:43">
      <c r="A41687" t="s">
        <v>25649</v>
      </c>
      <c r="B41687" t="s">
        <v>25650</v>
      </c>
      <c r="C41687" t="s">
        <v>2426</v>
      </c>
      <c r="D41687" t="s">
        <v>2427</v>
      </c>
      <c r="E41687" t="s">
        <v>2352</v>
      </c>
      <c r="F41687" t="s">
        <v>2353</v>
      </c>
      <c r="G41687" t="s">
        <v>80</v>
      </c>
      <c r="H41687" t="s">
        <v>81</v>
      </c>
      <c r="I41687" s="2">
        <v>0</v>
      </c>
      <c r="J41687" s="2">
        <v>0</v>
      </c>
      <c r="K41687" s="2">
        <v>1</v>
      </c>
      <c r="L41687" t="s">
        <v>995</v>
      </c>
      <c r="M41687" t="s">
        <v>87</v>
      </c>
      <c r="N41687" t="s">
        <v>88</v>
      </c>
      <c r="O41687" t="s">
        <v>85</v>
      </c>
      <c r="P41687" t="s">
        <v>86</v>
      </c>
      <c r="Q41687">
        <v>18</v>
      </c>
      <c r="R41687">
        <v>18</v>
      </c>
      <c r="S41687">
        <v>18</v>
      </c>
      <c r="T41687">
        <v>18</v>
      </c>
      <c r="U41687">
        <v>18</v>
      </c>
      <c r="V41687">
        <v>17</v>
      </c>
      <c r="W41687">
        <v>17</v>
      </c>
      <c r="X41687">
        <v>17</v>
      </c>
      <c r="Y41687">
        <v>17</v>
      </c>
      <c r="Z41687">
        <v>17</v>
      </c>
      <c r="AA41687">
        <v>17</v>
      </c>
      <c r="AB41687">
        <v>17</v>
      </c>
      <c r="AC41687">
        <v>17</v>
      </c>
      <c r="AD41687">
        <v>17</v>
      </c>
      <c r="AE41687">
        <v>17</v>
      </c>
      <c r="AF41687">
        <v>17</v>
      </c>
      <c r="AG41687">
        <v>16</v>
      </c>
      <c r="AH41687">
        <v>16</v>
      </c>
      <c r="AI41687">
        <v>16</v>
      </c>
      <c r="AJ41687">
        <v>16</v>
      </c>
      <c r="AK41687">
        <v>16</v>
      </c>
      <c r="AL41687">
        <v>16</v>
      </c>
      <c r="AM41687">
        <v>16</v>
      </c>
      <c r="AN41687">
        <v>16</v>
      </c>
      <c r="AO41687">
        <v>16</v>
      </c>
      <c r="AP41687">
        <v>16</v>
      </c>
      <c r="AQ41687">
        <v>16</v>
      </c>
    </row>
    <row r="41688" spans="1:43">
      <c r="A41688" t="s">
        <v>25649</v>
      </c>
      <c r="B41688" t="s">
        <v>25650</v>
      </c>
      <c r="C41688" t="s">
        <v>2426</v>
      </c>
      <c r="D41688" t="s">
        <v>2427</v>
      </c>
      <c r="E41688" t="s">
        <v>2352</v>
      </c>
      <c r="F41688" t="s">
        <v>2353</v>
      </c>
      <c r="G41688" t="s">
        <v>80</v>
      </c>
      <c r="H41688" t="s">
        <v>81</v>
      </c>
      <c r="I41688" s="2">
        <v>0</v>
      </c>
      <c r="J41688" s="2">
        <v>0</v>
      </c>
      <c r="K41688" s="2">
        <v>1</v>
      </c>
      <c r="L41688" t="s">
        <v>995</v>
      </c>
      <c r="M41688" t="s">
        <v>89</v>
      </c>
      <c r="N41688" t="s">
        <v>90</v>
      </c>
      <c r="O41688" t="s">
        <v>85</v>
      </c>
      <c r="P41688" t="s">
        <v>86</v>
      </c>
      <c r="Q41688">
        <v>18</v>
      </c>
      <c r="R41688">
        <v>18</v>
      </c>
      <c r="S41688">
        <v>19</v>
      </c>
      <c r="T41688">
        <v>19</v>
      </c>
      <c r="U41688">
        <v>19</v>
      </c>
      <c r="V41688">
        <v>19</v>
      </c>
      <c r="W41688">
        <v>19</v>
      </c>
      <c r="X41688">
        <v>20</v>
      </c>
      <c r="Y41688">
        <v>20</v>
      </c>
      <c r="Z41688">
        <v>20</v>
      </c>
      <c r="AA41688">
        <v>20</v>
      </c>
      <c r="AB41688">
        <v>20</v>
      </c>
      <c r="AC41688">
        <v>20</v>
      </c>
      <c r="AD41688">
        <v>20</v>
      </c>
      <c r="AE41688">
        <v>20</v>
      </c>
      <c r="AF41688">
        <v>20</v>
      </c>
      <c r="AG41688">
        <v>20</v>
      </c>
      <c r="AH41688">
        <v>20</v>
      </c>
      <c r="AI41688">
        <v>19</v>
      </c>
      <c r="AJ41688">
        <v>19</v>
      </c>
      <c r="AK41688">
        <v>19</v>
      </c>
      <c r="AL41688">
        <v>19</v>
      </c>
      <c r="AM41688">
        <v>19</v>
      </c>
      <c r="AN41688">
        <v>19</v>
      </c>
      <c r="AO41688">
        <v>19</v>
      </c>
      <c r="AP41688">
        <v>18</v>
      </c>
      <c r="AQ41688">
        <v>18</v>
      </c>
    </row>
    <row r="41689" spans="1:43">
      <c r="A41689" t="s">
        <v>25649</v>
      </c>
      <c r="B41689" t="s">
        <v>25650</v>
      </c>
      <c r="C41689" t="s">
        <v>2426</v>
      </c>
      <c r="D41689" t="s">
        <v>2427</v>
      </c>
      <c r="E41689" t="s">
        <v>2352</v>
      </c>
      <c r="F41689" t="s">
        <v>2353</v>
      </c>
      <c r="G41689" t="s">
        <v>80</v>
      </c>
      <c r="H41689" t="s">
        <v>81</v>
      </c>
      <c r="I41689" s="2">
        <v>0</v>
      </c>
      <c r="J41689" s="2">
        <v>0</v>
      </c>
      <c r="K41689" s="2">
        <v>1</v>
      </c>
      <c r="L41689" t="s">
        <v>995</v>
      </c>
      <c r="M41689" t="s">
        <v>83</v>
      </c>
      <c r="N41689" t="s">
        <v>91</v>
      </c>
      <c r="O41689" t="s">
        <v>85</v>
      </c>
      <c r="P41689" t="s">
        <v>86</v>
      </c>
      <c r="Q41689">
        <v>18</v>
      </c>
      <c r="R41689">
        <v>18</v>
      </c>
      <c r="S41689">
        <v>18</v>
      </c>
      <c r="T41689">
        <v>18</v>
      </c>
      <c r="U41689">
        <v>18</v>
      </c>
      <c r="V41689">
        <v>18</v>
      </c>
      <c r="W41689">
        <v>18</v>
      </c>
      <c r="X41689">
        <v>19</v>
      </c>
      <c r="Y41689">
        <v>19</v>
      </c>
      <c r="Z41689">
        <v>19</v>
      </c>
      <c r="AA41689">
        <v>19</v>
      </c>
      <c r="AB41689">
        <v>19</v>
      </c>
      <c r="AC41689">
        <v>19</v>
      </c>
      <c r="AD41689">
        <v>19</v>
      </c>
      <c r="AE41689">
        <v>19</v>
      </c>
      <c r="AF41689">
        <v>19</v>
      </c>
      <c r="AG41689">
        <v>19</v>
      </c>
      <c r="AH41689">
        <v>19</v>
      </c>
      <c r="AI41689">
        <v>19</v>
      </c>
      <c r="AJ41689">
        <v>19</v>
      </c>
      <c r="AK41689">
        <v>19</v>
      </c>
      <c r="AL41689">
        <v>19</v>
      </c>
      <c r="AM41689">
        <v>19</v>
      </c>
      <c r="AN41689">
        <v>19</v>
      </c>
      <c r="AO41689">
        <v>18</v>
      </c>
      <c r="AP41689">
        <v>18</v>
      </c>
      <c r="AQ41689">
        <v>18</v>
      </c>
    </row>
    <row r="41690" spans="1:43">
      <c r="A41690" t="s">
        <v>25651</v>
      </c>
      <c r="B41690" t="s">
        <v>25652</v>
      </c>
      <c r="C41690" t="s">
        <v>2448</v>
      </c>
      <c r="D41690" t="s">
        <v>2449</v>
      </c>
      <c r="E41690" t="s">
        <v>2352</v>
      </c>
      <c r="F41690" t="s">
        <v>2353</v>
      </c>
      <c r="G41690" t="s">
        <v>80</v>
      </c>
      <c r="H41690" t="s">
        <v>81</v>
      </c>
      <c r="I41690" s="2">
        <v>0</v>
      </c>
      <c r="J41690" s="2">
        <v>0</v>
      </c>
      <c r="K41690" s="2">
        <v>1</v>
      </c>
      <c r="L41690" t="s">
        <v>995</v>
      </c>
      <c r="M41690" t="s">
        <v>83</v>
      </c>
      <c r="N41690" t="s">
        <v>84</v>
      </c>
      <c r="O41690" t="s">
        <v>85</v>
      </c>
      <c r="P41690" t="s">
        <v>86</v>
      </c>
      <c r="Q41690">
        <v>26</v>
      </c>
      <c r="R41690">
        <v>26</v>
      </c>
      <c r="S41690">
        <v>26</v>
      </c>
      <c r="T41690">
        <v>27</v>
      </c>
      <c r="U41690">
        <v>27</v>
      </c>
      <c r="V41690">
        <v>27</v>
      </c>
      <c r="W41690">
        <v>27</v>
      </c>
      <c r="X41690">
        <v>27</v>
      </c>
      <c r="Y41690">
        <v>27</v>
      </c>
      <c r="Z41690">
        <v>27</v>
      </c>
      <c r="AA41690">
        <v>27</v>
      </c>
      <c r="AB41690">
        <v>27</v>
      </c>
      <c r="AC41690">
        <v>27</v>
      </c>
      <c r="AD41690">
        <v>28</v>
      </c>
      <c r="AE41690">
        <v>28</v>
      </c>
      <c r="AF41690">
        <v>28</v>
      </c>
      <c r="AG41690">
        <v>28</v>
      </c>
      <c r="AH41690">
        <v>28</v>
      </c>
      <c r="AI41690">
        <v>28</v>
      </c>
      <c r="AJ41690">
        <v>28</v>
      </c>
      <c r="AK41690">
        <v>28</v>
      </c>
      <c r="AL41690">
        <v>28</v>
      </c>
      <c r="AM41690">
        <v>28</v>
      </c>
      <c r="AN41690">
        <v>28</v>
      </c>
      <c r="AO41690">
        <v>27</v>
      </c>
      <c r="AP41690">
        <v>27</v>
      </c>
      <c r="AQ41690">
        <v>27</v>
      </c>
    </row>
    <row r="41691" spans="1:43">
      <c r="A41691" t="s">
        <v>25651</v>
      </c>
      <c r="B41691" t="s">
        <v>25652</v>
      </c>
      <c r="C41691" t="s">
        <v>2448</v>
      </c>
      <c r="D41691" t="s">
        <v>2449</v>
      </c>
      <c r="E41691" t="s">
        <v>2352</v>
      </c>
      <c r="F41691" t="s">
        <v>2353</v>
      </c>
      <c r="G41691" t="s">
        <v>80</v>
      </c>
      <c r="H41691" t="s">
        <v>81</v>
      </c>
      <c r="I41691" s="2">
        <v>0</v>
      </c>
      <c r="J41691" s="2">
        <v>0</v>
      </c>
      <c r="K41691" s="2">
        <v>1</v>
      </c>
      <c r="L41691" t="s">
        <v>995</v>
      </c>
      <c r="M41691" t="s">
        <v>87</v>
      </c>
      <c r="N41691" t="s">
        <v>88</v>
      </c>
      <c r="O41691" t="s">
        <v>85</v>
      </c>
      <c r="P41691" t="s">
        <v>86</v>
      </c>
      <c r="Q41691">
        <v>26</v>
      </c>
      <c r="R41691">
        <v>26</v>
      </c>
      <c r="S41691">
        <v>26</v>
      </c>
      <c r="T41691">
        <v>26</v>
      </c>
      <c r="U41691">
        <v>26</v>
      </c>
      <c r="V41691">
        <v>25</v>
      </c>
      <c r="W41691">
        <v>25</v>
      </c>
      <c r="X41691">
        <v>25</v>
      </c>
      <c r="Y41691">
        <v>25</v>
      </c>
      <c r="Z41691">
        <v>25</v>
      </c>
      <c r="AA41691">
        <v>25</v>
      </c>
      <c r="AB41691">
        <v>25</v>
      </c>
      <c r="AC41691">
        <v>25</v>
      </c>
      <c r="AD41691">
        <v>25</v>
      </c>
      <c r="AE41691">
        <v>24</v>
      </c>
      <c r="AF41691">
        <v>24</v>
      </c>
      <c r="AG41691">
        <v>24</v>
      </c>
      <c r="AH41691">
        <v>24</v>
      </c>
      <c r="AI41691">
        <v>24</v>
      </c>
      <c r="AJ41691">
        <v>24</v>
      </c>
      <c r="AK41691">
        <v>24</v>
      </c>
      <c r="AL41691">
        <v>24</v>
      </c>
      <c r="AM41691">
        <v>24</v>
      </c>
      <c r="AN41691">
        <v>24</v>
      </c>
      <c r="AO41691">
        <v>24</v>
      </c>
      <c r="AP41691">
        <v>23</v>
      </c>
      <c r="AQ41691">
        <v>23</v>
      </c>
    </row>
    <row r="41692" spans="1:43">
      <c r="A41692" t="s">
        <v>25651</v>
      </c>
      <c r="B41692" t="s">
        <v>25652</v>
      </c>
      <c r="C41692" t="s">
        <v>2448</v>
      </c>
      <c r="D41692" t="s">
        <v>2449</v>
      </c>
      <c r="E41692" t="s">
        <v>2352</v>
      </c>
      <c r="F41692" t="s">
        <v>2353</v>
      </c>
      <c r="G41692" t="s">
        <v>80</v>
      </c>
      <c r="H41692" t="s">
        <v>81</v>
      </c>
      <c r="I41692" s="2">
        <v>0</v>
      </c>
      <c r="J41692" s="2">
        <v>0</v>
      </c>
      <c r="K41692" s="2">
        <v>1</v>
      </c>
      <c r="L41692" t="s">
        <v>995</v>
      </c>
      <c r="M41692" t="s">
        <v>89</v>
      </c>
      <c r="N41692" t="s">
        <v>90</v>
      </c>
      <c r="O41692" t="s">
        <v>85</v>
      </c>
      <c r="P41692" t="s">
        <v>86</v>
      </c>
      <c r="Q41692">
        <v>26</v>
      </c>
      <c r="R41692">
        <v>27</v>
      </c>
      <c r="S41692">
        <v>27</v>
      </c>
      <c r="T41692">
        <v>27</v>
      </c>
      <c r="U41692">
        <v>28</v>
      </c>
      <c r="V41692">
        <v>28</v>
      </c>
      <c r="W41692">
        <v>28</v>
      </c>
      <c r="X41692">
        <v>29</v>
      </c>
      <c r="Y41692">
        <v>29</v>
      </c>
      <c r="Z41692">
        <v>29</v>
      </c>
      <c r="AA41692">
        <v>29</v>
      </c>
      <c r="AB41692">
        <v>29</v>
      </c>
      <c r="AC41692">
        <v>29</v>
      </c>
      <c r="AD41692">
        <v>30</v>
      </c>
      <c r="AE41692">
        <v>30</v>
      </c>
      <c r="AF41692">
        <v>29</v>
      </c>
      <c r="AG41692">
        <v>29</v>
      </c>
      <c r="AH41692">
        <v>29</v>
      </c>
      <c r="AI41692">
        <v>29</v>
      </c>
      <c r="AJ41692">
        <v>29</v>
      </c>
      <c r="AK41692">
        <v>29</v>
      </c>
      <c r="AL41692">
        <v>28</v>
      </c>
      <c r="AM41692">
        <v>28</v>
      </c>
      <c r="AN41692">
        <v>28</v>
      </c>
      <c r="AO41692">
        <v>28</v>
      </c>
      <c r="AP41692">
        <v>28</v>
      </c>
      <c r="AQ41692">
        <v>28</v>
      </c>
    </row>
    <row r="41693" spans="1:43">
      <c r="A41693" t="s">
        <v>25651</v>
      </c>
      <c r="B41693" t="s">
        <v>25652</v>
      </c>
      <c r="C41693" t="s">
        <v>2448</v>
      </c>
      <c r="D41693" t="s">
        <v>2449</v>
      </c>
      <c r="E41693" t="s">
        <v>2352</v>
      </c>
      <c r="F41693" t="s">
        <v>2353</v>
      </c>
      <c r="G41693" t="s">
        <v>80</v>
      </c>
      <c r="H41693" t="s">
        <v>81</v>
      </c>
      <c r="I41693" s="2">
        <v>0</v>
      </c>
      <c r="J41693" s="2">
        <v>0</v>
      </c>
      <c r="K41693" s="2">
        <v>1</v>
      </c>
      <c r="L41693" t="s">
        <v>995</v>
      </c>
      <c r="M41693" t="s">
        <v>83</v>
      </c>
      <c r="N41693" t="s">
        <v>91</v>
      </c>
      <c r="O41693" t="s">
        <v>85</v>
      </c>
      <c r="P41693" t="s">
        <v>86</v>
      </c>
      <c r="Q41693">
        <v>26</v>
      </c>
      <c r="R41693">
        <v>26</v>
      </c>
      <c r="S41693">
        <v>26</v>
      </c>
      <c r="T41693">
        <v>27</v>
      </c>
      <c r="U41693">
        <v>27</v>
      </c>
      <c r="V41693">
        <v>27</v>
      </c>
      <c r="W41693">
        <v>27</v>
      </c>
      <c r="X41693">
        <v>27</v>
      </c>
      <c r="Y41693">
        <v>27</v>
      </c>
      <c r="Z41693">
        <v>27</v>
      </c>
      <c r="AA41693">
        <v>27</v>
      </c>
      <c r="AB41693">
        <v>27</v>
      </c>
      <c r="AC41693">
        <v>27</v>
      </c>
      <c r="AD41693">
        <v>28</v>
      </c>
      <c r="AE41693">
        <v>28</v>
      </c>
      <c r="AF41693">
        <v>28</v>
      </c>
      <c r="AG41693">
        <v>28</v>
      </c>
      <c r="AH41693">
        <v>28</v>
      </c>
      <c r="AI41693">
        <v>28</v>
      </c>
      <c r="AJ41693">
        <v>28</v>
      </c>
      <c r="AK41693">
        <v>28</v>
      </c>
      <c r="AL41693">
        <v>28</v>
      </c>
      <c r="AM41693">
        <v>28</v>
      </c>
      <c r="AN41693">
        <v>28</v>
      </c>
      <c r="AO41693">
        <v>27</v>
      </c>
      <c r="AP41693">
        <v>27</v>
      </c>
      <c r="AQ41693">
        <v>27</v>
      </c>
    </row>
    <row r="41694" spans="1:43">
      <c r="A41694" t="s">
        <v>25653</v>
      </c>
      <c r="B41694" t="s">
        <v>25654</v>
      </c>
      <c r="C41694" t="s">
        <v>2448</v>
      </c>
      <c r="D41694" t="s">
        <v>2449</v>
      </c>
      <c r="E41694" t="s">
        <v>2352</v>
      </c>
      <c r="F41694" t="s">
        <v>2353</v>
      </c>
      <c r="G41694" t="s">
        <v>80</v>
      </c>
      <c r="H41694" t="s">
        <v>81</v>
      </c>
      <c r="I41694" s="2">
        <v>0</v>
      </c>
      <c r="J41694" s="2">
        <v>0</v>
      </c>
      <c r="K41694" s="2">
        <v>1</v>
      </c>
      <c r="L41694" t="s">
        <v>995</v>
      </c>
      <c r="M41694" t="s">
        <v>83</v>
      </c>
      <c r="N41694" t="s">
        <v>84</v>
      </c>
      <c r="O41694" t="s">
        <v>85</v>
      </c>
      <c r="P41694" t="s">
        <v>86</v>
      </c>
      <c r="Q41694">
        <v>27</v>
      </c>
      <c r="R41694">
        <v>27</v>
      </c>
      <c r="S41694">
        <v>27</v>
      </c>
      <c r="T41694">
        <v>27</v>
      </c>
      <c r="U41694">
        <v>27</v>
      </c>
      <c r="V41694">
        <v>28</v>
      </c>
      <c r="W41694">
        <v>28</v>
      </c>
      <c r="X41694">
        <v>28</v>
      </c>
      <c r="Y41694">
        <v>28</v>
      </c>
      <c r="Z41694">
        <v>28</v>
      </c>
      <c r="AA41694">
        <v>28</v>
      </c>
      <c r="AB41694">
        <v>28</v>
      </c>
      <c r="AC41694">
        <v>28</v>
      </c>
      <c r="AD41694">
        <v>28</v>
      </c>
      <c r="AE41694">
        <v>28</v>
      </c>
      <c r="AF41694">
        <v>28</v>
      </c>
      <c r="AG41694">
        <v>29</v>
      </c>
      <c r="AH41694">
        <v>29</v>
      </c>
      <c r="AI41694">
        <v>29</v>
      </c>
      <c r="AJ41694">
        <v>29</v>
      </c>
      <c r="AK41694">
        <v>29</v>
      </c>
      <c r="AL41694">
        <v>29</v>
      </c>
      <c r="AM41694">
        <v>29</v>
      </c>
      <c r="AN41694">
        <v>28</v>
      </c>
      <c r="AO41694">
        <v>28</v>
      </c>
      <c r="AP41694">
        <v>28</v>
      </c>
      <c r="AQ41694">
        <v>28</v>
      </c>
    </row>
    <row r="41695" spans="1:43">
      <c r="A41695" t="s">
        <v>25653</v>
      </c>
      <c r="B41695" t="s">
        <v>25654</v>
      </c>
      <c r="C41695" t="s">
        <v>2448</v>
      </c>
      <c r="D41695" t="s">
        <v>2449</v>
      </c>
      <c r="E41695" t="s">
        <v>2352</v>
      </c>
      <c r="F41695" t="s">
        <v>2353</v>
      </c>
      <c r="G41695" t="s">
        <v>80</v>
      </c>
      <c r="H41695" t="s">
        <v>81</v>
      </c>
      <c r="I41695" s="2">
        <v>0</v>
      </c>
      <c r="J41695" s="2">
        <v>0</v>
      </c>
      <c r="K41695" s="2">
        <v>1</v>
      </c>
      <c r="L41695" t="s">
        <v>995</v>
      </c>
      <c r="M41695" t="s">
        <v>87</v>
      </c>
      <c r="N41695" t="s">
        <v>88</v>
      </c>
      <c r="O41695" t="s">
        <v>85</v>
      </c>
      <c r="P41695" t="s">
        <v>86</v>
      </c>
      <c r="Q41695">
        <v>27</v>
      </c>
      <c r="R41695">
        <v>27</v>
      </c>
      <c r="S41695">
        <v>26</v>
      </c>
      <c r="T41695">
        <v>26</v>
      </c>
      <c r="U41695">
        <v>26</v>
      </c>
      <c r="V41695">
        <v>26</v>
      </c>
      <c r="W41695">
        <v>26</v>
      </c>
      <c r="X41695">
        <v>26</v>
      </c>
      <c r="Y41695">
        <v>26</v>
      </c>
      <c r="Z41695">
        <v>26</v>
      </c>
      <c r="AA41695">
        <v>26</v>
      </c>
      <c r="AB41695">
        <v>25</v>
      </c>
      <c r="AC41695">
        <v>25</v>
      </c>
      <c r="AD41695">
        <v>25</v>
      </c>
      <c r="AE41695">
        <v>25</v>
      </c>
      <c r="AF41695">
        <v>25</v>
      </c>
      <c r="AG41695">
        <v>25</v>
      </c>
      <c r="AH41695">
        <v>25</v>
      </c>
      <c r="AI41695">
        <v>25</v>
      </c>
      <c r="AJ41695">
        <v>25</v>
      </c>
      <c r="AK41695">
        <v>25</v>
      </c>
      <c r="AL41695">
        <v>24</v>
      </c>
      <c r="AM41695">
        <v>24</v>
      </c>
      <c r="AN41695">
        <v>24</v>
      </c>
      <c r="AO41695">
        <v>24</v>
      </c>
      <c r="AP41695">
        <v>24</v>
      </c>
      <c r="AQ41695">
        <v>24</v>
      </c>
    </row>
    <row r="41696" spans="1:43">
      <c r="A41696" t="s">
        <v>25653</v>
      </c>
      <c r="B41696" t="s">
        <v>25654</v>
      </c>
      <c r="C41696" t="s">
        <v>2448</v>
      </c>
      <c r="D41696" t="s">
        <v>2449</v>
      </c>
      <c r="E41696" t="s">
        <v>2352</v>
      </c>
      <c r="F41696" t="s">
        <v>2353</v>
      </c>
      <c r="G41696" t="s">
        <v>80</v>
      </c>
      <c r="H41696" t="s">
        <v>81</v>
      </c>
      <c r="I41696" s="2">
        <v>0</v>
      </c>
      <c r="J41696" s="2">
        <v>0</v>
      </c>
      <c r="K41696" s="2">
        <v>1</v>
      </c>
      <c r="L41696" t="s">
        <v>995</v>
      </c>
      <c r="M41696" t="s">
        <v>89</v>
      </c>
      <c r="N41696" t="s">
        <v>90</v>
      </c>
      <c r="O41696" t="s">
        <v>85</v>
      </c>
      <c r="P41696" t="s">
        <v>86</v>
      </c>
      <c r="Q41696">
        <v>27</v>
      </c>
      <c r="R41696">
        <v>28</v>
      </c>
      <c r="S41696">
        <v>28</v>
      </c>
      <c r="T41696">
        <v>28</v>
      </c>
      <c r="U41696">
        <v>29</v>
      </c>
      <c r="V41696">
        <v>29</v>
      </c>
      <c r="W41696">
        <v>29</v>
      </c>
      <c r="X41696">
        <v>29</v>
      </c>
      <c r="Y41696">
        <v>30</v>
      </c>
      <c r="Z41696">
        <v>30</v>
      </c>
      <c r="AA41696">
        <v>30</v>
      </c>
      <c r="AB41696">
        <v>30</v>
      </c>
      <c r="AC41696">
        <v>30</v>
      </c>
      <c r="AD41696">
        <v>30</v>
      </c>
      <c r="AE41696">
        <v>30</v>
      </c>
      <c r="AF41696">
        <v>30</v>
      </c>
      <c r="AG41696">
        <v>30</v>
      </c>
      <c r="AH41696">
        <v>30</v>
      </c>
      <c r="AI41696">
        <v>30</v>
      </c>
      <c r="AJ41696">
        <v>29</v>
      </c>
      <c r="AK41696">
        <v>29</v>
      </c>
      <c r="AL41696">
        <v>29</v>
      </c>
      <c r="AM41696">
        <v>29</v>
      </c>
      <c r="AN41696">
        <v>29</v>
      </c>
      <c r="AO41696">
        <v>29</v>
      </c>
      <c r="AP41696">
        <v>28</v>
      </c>
      <c r="AQ41696">
        <v>28</v>
      </c>
    </row>
    <row r="41697" spans="1:43">
      <c r="A41697" t="s">
        <v>25653</v>
      </c>
      <c r="B41697" t="s">
        <v>25654</v>
      </c>
      <c r="C41697" t="s">
        <v>2448</v>
      </c>
      <c r="D41697" t="s">
        <v>2449</v>
      </c>
      <c r="E41697" t="s">
        <v>2352</v>
      </c>
      <c r="F41697" t="s">
        <v>2353</v>
      </c>
      <c r="G41697" t="s">
        <v>80</v>
      </c>
      <c r="H41697" t="s">
        <v>81</v>
      </c>
      <c r="I41697" s="2">
        <v>0</v>
      </c>
      <c r="J41697" s="2">
        <v>0</v>
      </c>
      <c r="K41697" s="2">
        <v>1</v>
      </c>
      <c r="L41697" t="s">
        <v>995</v>
      </c>
      <c r="M41697" t="s">
        <v>83</v>
      </c>
      <c r="N41697" t="s">
        <v>91</v>
      </c>
      <c r="O41697" t="s">
        <v>85</v>
      </c>
      <c r="P41697" t="s">
        <v>86</v>
      </c>
      <c r="Q41697">
        <v>27</v>
      </c>
      <c r="R41697">
        <v>27</v>
      </c>
      <c r="S41697">
        <v>27</v>
      </c>
      <c r="T41697">
        <v>27</v>
      </c>
      <c r="U41697">
        <v>27</v>
      </c>
      <c r="V41697">
        <v>28</v>
      </c>
      <c r="W41697">
        <v>28</v>
      </c>
      <c r="X41697">
        <v>28</v>
      </c>
      <c r="Y41697">
        <v>28</v>
      </c>
      <c r="Z41697">
        <v>28</v>
      </c>
      <c r="AA41697">
        <v>28</v>
      </c>
      <c r="AB41697">
        <v>28</v>
      </c>
      <c r="AC41697">
        <v>28</v>
      </c>
      <c r="AD41697">
        <v>28</v>
      </c>
      <c r="AE41697">
        <v>28</v>
      </c>
      <c r="AF41697">
        <v>28</v>
      </c>
      <c r="AG41697">
        <v>29</v>
      </c>
      <c r="AH41697">
        <v>29</v>
      </c>
      <c r="AI41697">
        <v>29</v>
      </c>
      <c r="AJ41697">
        <v>29</v>
      </c>
      <c r="AK41697">
        <v>29</v>
      </c>
      <c r="AL41697">
        <v>29</v>
      </c>
      <c r="AM41697">
        <v>29</v>
      </c>
      <c r="AN41697">
        <v>28</v>
      </c>
      <c r="AO41697">
        <v>28</v>
      </c>
      <c r="AP41697">
        <v>28</v>
      </c>
      <c r="AQ41697">
        <v>28</v>
      </c>
    </row>
    <row r="41698" spans="1:43">
      <c r="A41698" t="s">
        <v>25655</v>
      </c>
      <c r="B41698" t="s">
        <v>25656</v>
      </c>
      <c r="C41698" t="s">
        <v>2448</v>
      </c>
      <c r="D41698" t="s">
        <v>2449</v>
      </c>
      <c r="E41698" t="s">
        <v>2352</v>
      </c>
      <c r="F41698" t="s">
        <v>2353</v>
      </c>
      <c r="G41698" t="s">
        <v>80</v>
      </c>
      <c r="H41698" t="s">
        <v>81</v>
      </c>
      <c r="I41698" s="2">
        <v>0</v>
      </c>
      <c r="J41698" s="2">
        <v>0</v>
      </c>
      <c r="K41698" s="2">
        <v>1</v>
      </c>
      <c r="L41698" t="s">
        <v>995</v>
      </c>
      <c r="M41698" t="s">
        <v>83</v>
      </c>
      <c r="N41698" t="s">
        <v>84</v>
      </c>
      <c r="O41698" t="s">
        <v>85</v>
      </c>
      <c r="P41698" t="s">
        <v>86</v>
      </c>
      <c r="Q41698">
        <v>164</v>
      </c>
      <c r="R41698">
        <v>165</v>
      </c>
      <c r="S41698">
        <v>165</v>
      </c>
      <c r="T41698">
        <v>166</v>
      </c>
      <c r="U41698">
        <v>167</v>
      </c>
      <c r="V41698">
        <v>167</v>
      </c>
      <c r="W41698">
        <v>168</v>
      </c>
      <c r="X41698">
        <v>169</v>
      </c>
      <c r="Y41698">
        <v>169</v>
      </c>
      <c r="Z41698">
        <v>170</v>
      </c>
      <c r="AA41698">
        <v>171</v>
      </c>
      <c r="AB41698">
        <v>171</v>
      </c>
      <c r="AC41698">
        <v>172</v>
      </c>
      <c r="AD41698">
        <v>172</v>
      </c>
      <c r="AE41698">
        <v>173</v>
      </c>
      <c r="AF41698">
        <v>173</v>
      </c>
      <c r="AG41698">
        <v>173</v>
      </c>
      <c r="AH41698">
        <v>174</v>
      </c>
      <c r="AI41698">
        <v>174</v>
      </c>
      <c r="AJ41698">
        <v>175</v>
      </c>
      <c r="AK41698">
        <v>175</v>
      </c>
      <c r="AL41698">
        <v>174</v>
      </c>
      <c r="AM41698">
        <v>173</v>
      </c>
      <c r="AN41698">
        <v>172</v>
      </c>
      <c r="AO41698">
        <v>171</v>
      </c>
      <c r="AP41698">
        <v>170</v>
      </c>
      <c r="AQ41698">
        <v>170</v>
      </c>
    </row>
    <row r="41699" spans="1:43">
      <c r="A41699" t="s">
        <v>25655</v>
      </c>
      <c r="B41699" t="s">
        <v>25656</v>
      </c>
      <c r="C41699" t="s">
        <v>2448</v>
      </c>
      <c r="D41699" t="s">
        <v>2449</v>
      </c>
      <c r="E41699" t="s">
        <v>2352</v>
      </c>
      <c r="F41699" t="s">
        <v>2353</v>
      </c>
      <c r="G41699" t="s">
        <v>80</v>
      </c>
      <c r="H41699" t="s">
        <v>81</v>
      </c>
      <c r="I41699" s="2">
        <v>0</v>
      </c>
      <c r="J41699" s="2">
        <v>0</v>
      </c>
      <c r="K41699" s="2">
        <v>1</v>
      </c>
      <c r="L41699" t="s">
        <v>995</v>
      </c>
      <c r="M41699" t="s">
        <v>87</v>
      </c>
      <c r="N41699" t="s">
        <v>88</v>
      </c>
      <c r="O41699" t="s">
        <v>85</v>
      </c>
      <c r="P41699" t="s">
        <v>86</v>
      </c>
      <c r="Q41699">
        <v>164</v>
      </c>
      <c r="R41699">
        <v>164</v>
      </c>
      <c r="S41699">
        <v>163</v>
      </c>
      <c r="T41699">
        <v>162</v>
      </c>
      <c r="U41699">
        <v>161</v>
      </c>
      <c r="V41699">
        <v>161</v>
      </c>
      <c r="W41699">
        <v>160</v>
      </c>
      <c r="X41699">
        <v>159</v>
      </c>
      <c r="Y41699">
        <v>159</v>
      </c>
      <c r="Z41699">
        <v>158</v>
      </c>
      <c r="AA41699">
        <v>157</v>
      </c>
      <c r="AB41699">
        <v>157</v>
      </c>
      <c r="AC41699">
        <v>156</v>
      </c>
      <c r="AD41699">
        <v>155</v>
      </c>
      <c r="AE41699">
        <v>155</v>
      </c>
      <c r="AF41699">
        <v>154</v>
      </c>
      <c r="AG41699">
        <v>154</v>
      </c>
      <c r="AH41699">
        <v>153</v>
      </c>
      <c r="AI41699">
        <v>152</v>
      </c>
      <c r="AJ41699">
        <v>152</v>
      </c>
      <c r="AK41699">
        <v>151</v>
      </c>
      <c r="AL41699">
        <v>151</v>
      </c>
      <c r="AM41699">
        <v>150</v>
      </c>
      <c r="AN41699">
        <v>150</v>
      </c>
      <c r="AO41699">
        <v>149</v>
      </c>
      <c r="AP41699">
        <v>149</v>
      </c>
      <c r="AQ41699">
        <v>148</v>
      </c>
    </row>
    <row r="41700" spans="1:43">
      <c r="A41700" t="s">
        <v>25655</v>
      </c>
      <c r="B41700" t="s">
        <v>25656</v>
      </c>
      <c r="C41700" t="s">
        <v>2448</v>
      </c>
      <c r="D41700" t="s">
        <v>2449</v>
      </c>
      <c r="E41700" t="s">
        <v>2352</v>
      </c>
      <c r="F41700" t="s">
        <v>2353</v>
      </c>
      <c r="G41700" t="s">
        <v>80</v>
      </c>
      <c r="H41700" t="s">
        <v>81</v>
      </c>
      <c r="I41700" s="2">
        <v>0</v>
      </c>
      <c r="J41700" s="2">
        <v>0</v>
      </c>
      <c r="K41700" s="2">
        <v>1</v>
      </c>
      <c r="L41700" t="s">
        <v>995</v>
      </c>
      <c r="M41700" t="s">
        <v>89</v>
      </c>
      <c r="N41700" t="s">
        <v>90</v>
      </c>
      <c r="O41700" t="s">
        <v>85</v>
      </c>
      <c r="P41700" t="s">
        <v>86</v>
      </c>
      <c r="Q41700">
        <v>164</v>
      </c>
      <c r="R41700">
        <v>166</v>
      </c>
      <c r="S41700">
        <v>169</v>
      </c>
      <c r="T41700">
        <v>171</v>
      </c>
      <c r="U41700">
        <v>172</v>
      </c>
      <c r="V41700">
        <v>174</v>
      </c>
      <c r="W41700">
        <v>176</v>
      </c>
      <c r="X41700">
        <v>177</v>
      </c>
      <c r="Y41700">
        <v>179</v>
      </c>
      <c r="Z41700">
        <v>180</v>
      </c>
      <c r="AA41700">
        <v>181</v>
      </c>
      <c r="AB41700">
        <v>182</v>
      </c>
      <c r="AC41700">
        <v>183</v>
      </c>
      <c r="AD41700">
        <v>184</v>
      </c>
      <c r="AE41700">
        <v>184</v>
      </c>
      <c r="AF41700">
        <v>183</v>
      </c>
      <c r="AG41700">
        <v>182</v>
      </c>
      <c r="AH41700">
        <v>180</v>
      </c>
      <c r="AI41700">
        <v>179</v>
      </c>
      <c r="AJ41700">
        <v>178</v>
      </c>
      <c r="AK41700">
        <v>177</v>
      </c>
      <c r="AL41700">
        <v>176</v>
      </c>
      <c r="AM41700">
        <v>175</v>
      </c>
      <c r="AN41700">
        <v>174</v>
      </c>
      <c r="AO41700">
        <v>173</v>
      </c>
      <c r="AP41700">
        <v>172</v>
      </c>
      <c r="AQ41700">
        <v>171</v>
      </c>
    </row>
    <row r="41701" spans="1:43">
      <c r="A41701" t="s">
        <v>25655</v>
      </c>
      <c r="B41701" t="s">
        <v>25656</v>
      </c>
      <c r="C41701" t="s">
        <v>2448</v>
      </c>
      <c r="D41701" t="s">
        <v>2449</v>
      </c>
      <c r="E41701" t="s">
        <v>2352</v>
      </c>
      <c r="F41701" t="s">
        <v>2353</v>
      </c>
      <c r="G41701" t="s">
        <v>80</v>
      </c>
      <c r="H41701" t="s">
        <v>81</v>
      </c>
      <c r="I41701" s="2">
        <v>0</v>
      </c>
      <c r="J41701" s="2">
        <v>0</v>
      </c>
      <c r="K41701" s="2">
        <v>1</v>
      </c>
      <c r="L41701" t="s">
        <v>995</v>
      </c>
      <c r="M41701" t="s">
        <v>83</v>
      </c>
      <c r="N41701" t="s">
        <v>91</v>
      </c>
      <c r="O41701" t="s">
        <v>85</v>
      </c>
      <c r="P41701" t="s">
        <v>86</v>
      </c>
      <c r="Q41701">
        <v>164</v>
      </c>
      <c r="R41701">
        <v>165</v>
      </c>
      <c r="S41701">
        <v>165</v>
      </c>
      <c r="T41701">
        <v>166</v>
      </c>
      <c r="U41701">
        <v>167</v>
      </c>
      <c r="V41701">
        <v>167</v>
      </c>
      <c r="W41701">
        <v>168</v>
      </c>
      <c r="X41701">
        <v>169</v>
      </c>
      <c r="Y41701">
        <v>169</v>
      </c>
      <c r="Z41701">
        <v>170</v>
      </c>
      <c r="AA41701">
        <v>171</v>
      </c>
      <c r="AB41701">
        <v>171</v>
      </c>
      <c r="AC41701">
        <v>172</v>
      </c>
      <c r="AD41701">
        <v>172</v>
      </c>
      <c r="AE41701">
        <v>173</v>
      </c>
      <c r="AF41701">
        <v>173</v>
      </c>
      <c r="AG41701">
        <v>173</v>
      </c>
      <c r="AH41701">
        <v>174</v>
      </c>
      <c r="AI41701">
        <v>174</v>
      </c>
      <c r="AJ41701">
        <v>175</v>
      </c>
      <c r="AK41701">
        <v>175</v>
      </c>
      <c r="AL41701">
        <v>174</v>
      </c>
      <c r="AM41701">
        <v>173</v>
      </c>
      <c r="AN41701">
        <v>172</v>
      </c>
      <c r="AO41701">
        <v>171</v>
      </c>
      <c r="AP41701">
        <v>170</v>
      </c>
      <c r="AQ41701">
        <v>170</v>
      </c>
    </row>
    <row r="41702" spans="1:43">
      <c r="A41702" t="s">
        <v>25657</v>
      </c>
      <c r="B41702" t="s">
        <v>25658</v>
      </c>
      <c r="C41702" t="s">
        <v>2524</v>
      </c>
      <c r="D41702" t="s">
        <v>2525</v>
      </c>
      <c r="E41702" t="s">
        <v>2352</v>
      </c>
      <c r="F41702" t="s">
        <v>2353</v>
      </c>
      <c r="G41702" t="s">
        <v>80</v>
      </c>
      <c r="H41702" t="s">
        <v>81</v>
      </c>
      <c r="I41702" s="2">
        <v>0</v>
      </c>
      <c r="J41702" s="2">
        <v>0</v>
      </c>
      <c r="K41702" s="2">
        <v>1</v>
      </c>
      <c r="L41702" t="s">
        <v>995</v>
      </c>
      <c r="M41702" t="s">
        <v>83</v>
      </c>
      <c r="N41702" t="s">
        <v>84</v>
      </c>
      <c r="O41702" t="s">
        <v>85</v>
      </c>
      <c r="P41702" t="s">
        <v>86</v>
      </c>
      <c r="Q41702">
        <v>10</v>
      </c>
      <c r="R41702">
        <v>10</v>
      </c>
      <c r="S41702">
        <v>10</v>
      </c>
      <c r="T41702">
        <v>10</v>
      </c>
      <c r="U41702">
        <v>10</v>
      </c>
      <c r="V41702">
        <v>10</v>
      </c>
      <c r="W41702">
        <v>10</v>
      </c>
      <c r="X41702">
        <v>10</v>
      </c>
      <c r="Y41702">
        <v>10</v>
      </c>
      <c r="Z41702">
        <v>10</v>
      </c>
      <c r="AA41702">
        <v>10</v>
      </c>
      <c r="AB41702">
        <v>10</v>
      </c>
      <c r="AC41702">
        <v>10</v>
      </c>
      <c r="AD41702">
        <v>10</v>
      </c>
      <c r="AE41702">
        <v>10</v>
      </c>
      <c r="AF41702">
        <v>11</v>
      </c>
      <c r="AG41702">
        <v>11</v>
      </c>
      <c r="AH41702">
        <v>11</v>
      </c>
      <c r="AI41702">
        <v>11</v>
      </c>
      <c r="AJ41702">
        <v>11</v>
      </c>
      <c r="AK41702">
        <v>11</v>
      </c>
      <c r="AL41702">
        <v>11</v>
      </c>
      <c r="AM41702">
        <v>11</v>
      </c>
      <c r="AN41702">
        <v>11</v>
      </c>
      <c r="AO41702">
        <v>11</v>
      </c>
      <c r="AP41702">
        <v>10</v>
      </c>
      <c r="AQ41702">
        <v>10</v>
      </c>
    </row>
    <row r="41703" spans="1:43">
      <c r="A41703" t="s">
        <v>25657</v>
      </c>
      <c r="B41703" t="s">
        <v>25658</v>
      </c>
      <c r="C41703" t="s">
        <v>2524</v>
      </c>
      <c r="D41703" t="s">
        <v>2525</v>
      </c>
      <c r="E41703" t="s">
        <v>2352</v>
      </c>
      <c r="F41703" t="s">
        <v>2353</v>
      </c>
      <c r="G41703" t="s">
        <v>80</v>
      </c>
      <c r="H41703" t="s">
        <v>81</v>
      </c>
      <c r="I41703" s="2">
        <v>0</v>
      </c>
      <c r="J41703" s="2">
        <v>0</v>
      </c>
      <c r="K41703" s="2">
        <v>1</v>
      </c>
      <c r="L41703" t="s">
        <v>995</v>
      </c>
      <c r="M41703" t="s">
        <v>87</v>
      </c>
      <c r="N41703" t="s">
        <v>88</v>
      </c>
      <c r="O41703" t="s">
        <v>85</v>
      </c>
      <c r="P41703" t="s">
        <v>86</v>
      </c>
      <c r="Q41703">
        <v>10</v>
      </c>
      <c r="R41703">
        <v>10</v>
      </c>
      <c r="S41703">
        <v>10</v>
      </c>
      <c r="T41703">
        <v>10</v>
      </c>
      <c r="U41703">
        <v>10</v>
      </c>
      <c r="V41703">
        <v>10</v>
      </c>
      <c r="W41703">
        <v>10</v>
      </c>
      <c r="X41703">
        <v>10</v>
      </c>
      <c r="Y41703">
        <v>9</v>
      </c>
      <c r="Z41703">
        <v>9</v>
      </c>
      <c r="AA41703">
        <v>9</v>
      </c>
      <c r="AB41703">
        <v>9</v>
      </c>
      <c r="AC41703">
        <v>9</v>
      </c>
      <c r="AD41703">
        <v>9</v>
      </c>
      <c r="AE41703">
        <v>9</v>
      </c>
      <c r="AF41703">
        <v>9</v>
      </c>
      <c r="AG41703">
        <v>9</v>
      </c>
      <c r="AH41703">
        <v>9</v>
      </c>
      <c r="AI41703">
        <v>9</v>
      </c>
      <c r="AJ41703">
        <v>9</v>
      </c>
      <c r="AK41703">
        <v>9</v>
      </c>
      <c r="AL41703">
        <v>9</v>
      </c>
      <c r="AM41703">
        <v>9</v>
      </c>
      <c r="AN41703">
        <v>9</v>
      </c>
      <c r="AO41703">
        <v>9</v>
      </c>
      <c r="AP41703">
        <v>9</v>
      </c>
      <c r="AQ41703">
        <v>9</v>
      </c>
    </row>
    <row r="41704" spans="1:43">
      <c r="A41704" t="s">
        <v>25657</v>
      </c>
      <c r="B41704" t="s">
        <v>25658</v>
      </c>
      <c r="C41704" t="s">
        <v>2524</v>
      </c>
      <c r="D41704" t="s">
        <v>2525</v>
      </c>
      <c r="E41704" t="s">
        <v>2352</v>
      </c>
      <c r="F41704" t="s">
        <v>2353</v>
      </c>
      <c r="G41704" t="s">
        <v>80</v>
      </c>
      <c r="H41704" t="s">
        <v>81</v>
      </c>
      <c r="I41704" s="2">
        <v>0</v>
      </c>
      <c r="J41704" s="2">
        <v>0</v>
      </c>
      <c r="K41704" s="2">
        <v>1</v>
      </c>
      <c r="L41704" t="s">
        <v>995</v>
      </c>
      <c r="M41704" t="s">
        <v>89</v>
      </c>
      <c r="N41704" t="s">
        <v>90</v>
      </c>
      <c r="O41704" t="s">
        <v>85</v>
      </c>
      <c r="P41704" t="s">
        <v>86</v>
      </c>
      <c r="Q41704">
        <v>10</v>
      </c>
      <c r="R41704">
        <v>10</v>
      </c>
      <c r="S41704">
        <v>10</v>
      </c>
      <c r="T41704">
        <v>10</v>
      </c>
      <c r="U41704">
        <v>10</v>
      </c>
      <c r="V41704">
        <v>11</v>
      </c>
      <c r="W41704">
        <v>11</v>
      </c>
      <c r="X41704">
        <v>11</v>
      </c>
      <c r="Y41704">
        <v>11</v>
      </c>
      <c r="Z41704">
        <v>11</v>
      </c>
      <c r="AA41704">
        <v>11</v>
      </c>
      <c r="AB41704">
        <v>11</v>
      </c>
      <c r="AC41704">
        <v>11</v>
      </c>
      <c r="AD41704">
        <v>11</v>
      </c>
      <c r="AE41704">
        <v>11</v>
      </c>
      <c r="AF41704">
        <v>11</v>
      </c>
      <c r="AG41704">
        <v>11</v>
      </c>
      <c r="AH41704">
        <v>11</v>
      </c>
      <c r="AI41704">
        <v>11</v>
      </c>
      <c r="AJ41704">
        <v>11</v>
      </c>
      <c r="AK41704">
        <v>11</v>
      </c>
      <c r="AL41704">
        <v>11</v>
      </c>
      <c r="AM41704">
        <v>11</v>
      </c>
      <c r="AN41704">
        <v>11</v>
      </c>
      <c r="AO41704">
        <v>11</v>
      </c>
      <c r="AP41704">
        <v>11</v>
      </c>
      <c r="AQ41704">
        <v>11</v>
      </c>
    </row>
    <row r="41705" spans="1:43">
      <c r="A41705" t="s">
        <v>25657</v>
      </c>
      <c r="B41705" t="s">
        <v>25658</v>
      </c>
      <c r="C41705" t="s">
        <v>2524</v>
      </c>
      <c r="D41705" t="s">
        <v>2525</v>
      </c>
      <c r="E41705" t="s">
        <v>2352</v>
      </c>
      <c r="F41705" t="s">
        <v>2353</v>
      </c>
      <c r="G41705" t="s">
        <v>80</v>
      </c>
      <c r="H41705" t="s">
        <v>81</v>
      </c>
      <c r="I41705" s="2">
        <v>0</v>
      </c>
      <c r="J41705" s="2">
        <v>0</v>
      </c>
      <c r="K41705" s="2">
        <v>1</v>
      </c>
      <c r="L41705" t="s">
        <v>995</v>
      </c>
      <c r="M41705" t="s">
        <v>83</v>
      </c>
      <c r="N41705" t="s">
        <v>91</v>
      </c>
      <c r="O41705" t="s">
        <v>85</v>
      </c>
      <c r="P41705" t="s">
        <v>86</v>
      </c>
      <c r="Q41705">
        <v>10</v>
      </c>
      <c r="R41705">
        <v>10</v>
      </c>
      <c r="S41705">
        <v>10</v>
      </c>
      <c r="T41705">
        <v>10</v>
      </c>
      <c r="U41705">
        <v>10</v>
      </c>
      <c r="V41705">
        <v>10</v>
      </c>
      <c r="W41705">
        <v>10</v>
      </c>
      <c r="X41705">
        <v>10</v>
      </c>
      <c r="Y41705">
        <v>10</v>
      </c>
      <c r="Z41705">
        <v>10</v>
      </c>
      <c r="AA41705">
        <v>10</v>
      </c>
      <c r="AB41705">
        <v>10</v>
      </c>
      <c r="AC41705">
        <v>10</v>
      </c>
      <c r="AD41705">
        <v>10</v>
      </c>
      <c r="AE41705">
        <v>10</v>
      </c>
      <c r="AF41705">
        <v>11</v>
      </c>
      <c r="AG41705">
        <v>11</v>
      </c>
      <c r="AH41705">
        <v>11</v>
      </c>
      <c r="AI41705">
        <v>11</v>
      </c>
      <c r="AJ41705">
        <v>11</v>
      </c>
      <c r="AK41705">
        <v>11</v>
      </c>
      <c r="AL41705">
        <v>11</v>
      </c>
      <c r="AM41705">
        <v>11</v>
      </c>
      <c r="AN41705">
        <v>11</v>
      </c>
      <c r="AO41705">
        <v>11</v>
      </c>
      <c r="AP41705">
        <v>10</v>
      </c>
      <c r="AQ41705">
        <v>10</v>
      </c>
    </row>
    <row r="41706" spans="1:43">
      <c r="A41706" t="s">
        <v>25659</v>
      </c>
      <c r="B41706" t="s">
        <v>25660</v>
      </c>
      <c r="C41706" t="s">
        <v>2524</v>
      </c>
      <c r="D41706" t="s">
        <v>2525</v>
      </c>
      <c r="E41706" t="s">
        <v>2352</v>
      </c>
      <c r="F41706" t="s">
        <v>2353</v>
      </c>
      <c r="G41706" t="s">
        <v>80</v>
      </c>
      <c r="H41706" t="s">
        <v>81</v>
      </c>
      <c r="I41706" s="2">
        <v>0</v>
      </c>
      <c r="J41706" s="2">
        <v>0</v>
      </c>
      <c r="K41706" s="2">
        <v>1</v>
      </c>
      <c r="L41706" t="s">
        <v>995</v>
      </c>
      <c r="M41706" t="s">
        <v>83</v>
      </c>
      <c r="N41706" t="s">
        <v>84</v>
      </c>
      <c r="O41706" t="s">
        <v>85</v>
      </c>
      <c r="P41706" t="s">
        <v>86</v>
      </c>
      <c r="Q41706">
        <v>145</v>
      </c>
      <c r="R41706">
        <v>146</v>
      </c>
      <c r="S41706">
        <v>147</v>
      </c>
      <c r="T41706">
        <v>148</v>
      </c>
      <c r="U41706">
        <v>148</v>
      </c>
      <c r="V41706">
        <v>149</v>
      </c>
      <c r="W41706">
        <v>150</v>
      </c>
      <c r="X41706">
        <v>150</v>
      </c>
      <c r="Y41706">
        <v>151</v>
      </c>
      <c r="Z41706">
        <v>152</v>
      </c>
      <c r="AA41706">
        <v>152</v>
      </c>
      <c r="AB41706">
        <v>153</v>
      </c>
      <c r="AC41706">
        <v>154</v>
      </c>
      <c r="AD41706">
        <v>154</v>
      </c>
      <c r="AE41706">
        <v>155</v>
      </c>
      <c r="AF41706">
        <v>155</v>
      </c>
      <c r="AG41706">
        <v>155</v>
      </c>
      <c r="AH41706">
        <v>156</v>
      </c>
      <c r="AI41706">
        <v>156</v>
      </c>
      <c r="AJ41706">
        <v>157</v>
      </c>
      <c r="AK41706">
        <v>157</v>
      </c>
      <c r="AL41706">
        <v>157</v>
      </c>
      <c r="AM41706">
        <v>156</v>
      </c>
      <c r="AN41706">
        <v>155</v>
      </c>
      <c r="AO41706">
        <v>155</v>
      </c>
      <c r="AP41706">
        <v>154</v>
      </c>
      <c r="AQ41706">
        <v>153</v>
      </c>
    </row>
    <row r="41707" spans="1:43">
      <c r="A41707" t="s">
        <v>25659</v>
      </c>
      <c r="B41707" t="s">
        <v>25660</v>
      </c>
      <c r="C41707" t="s">
        <v>2524</v>
      </c>
      <c r="D41707" t="s">
        <v>2525</v>
      </c>
      <c r="E41707" t="s">
        <v>2352</v>
      </c>
      <c r="F41707" t="s">
        <v>2353</v>
      </c>
      <c r="G41707" t="s">
        <v>80</v>
      </c>
      <c r="H41707" t="s">
        <v>81</v>
      </c>
      <c r="I41707" s="2">
        <v>0</v>
      </c>
      <c r="J41707" s="2">
        <v>0</v>
      </c>
      <c r="K41707" s="2">
        <v>1</v>
      </c>
      <c r="L41707" t="s">
        <v>995</v>
      </c>
      <c r="M41707" t="s">
        <v>87</v>
      </c>
      <c r="N41707" t="s">
        <v>88</v>
      </c>
      <c r="O41707" t="s">
        <v>85</v>
      </c>
      <c r="P41707" t="s">
        <v>86</v>
      </c>
      <c r="Q41707">
        <v>145</v>
      </c>
      <c r="R41707">
        <v>144</v>
      </c>
      <c r="S41707">
        <v>144</v>
      </c>
      <c r="T41707">
        <v>143</v>
      </c>
      <c r="U41707">
        <v>143</v>
      </c>
      <c r="V41707">
        <v>142</v>
      </c>
      <c r="W41707">
        <v>142</v>
      </c>
      <c r="X41707">
        <v>141</v>
      </c>
      <c r="Y41707">
        <v>141</v>
      </c>
      <c r="Z41707">
        <v>140</v>
      </c>
      <c r="AA41707">
        <v>140</v>
      </c>
      <c r="AB41707">
        <v>139</v>
      </c>
      <c r="AC41707">
        <v>139</v>
      </c>
      <c r="AD41707">
        <v>138</v>
      </c>
      <c r="AE41707">
        <v>138</v>
      </c>
      <c r="AF41707">
        <v>137</v>
      </c>
      <c r="AG41707">
        <v>137</v>
      </c>
      <c r="AH41707">
        <v>136</v>
      </c>
      <c r="AI41707">
        <v>136</v>
      </c>
      <c r="AJ41707">
        <v>136</v>
      </c>
      <c r="AK41707">
        <v>135</v>
      </c>
      <c r="AL41707">
        <v>135</v>
      </c>
      <c r="AM41707">
        <v>134</v>
      </c>
      <c r="AN41707">
        <v>134</v>
      </c>
      <c r="AO41707">
        <v>134</v>
      </c>
      <c r="AP41707">
        <v>133</v>
      </c>
      <c r="AQ41707">
        <v>133</v>
      </c>
    </row>
    <row r="41708" spans="1:43">
      <c r="A41708" t="s">
        <v>25659</v>
      </c>
      <c r="B41708" t="s">
        <v>25660</v>
      </c>
      <c r="C41708" t="s">
        <v>2524</v>
      </c>
      <c r="D41708" t="s">
        <v>2525</v>
      </c>
      <c r="E41708" t="s">
        <v>2352</v>
      </c>
      <c r="F41708" t="s">
        <v>2353</v>
      </c>
      <c r="G41708" t="s">
        <v>80</v>
      </c>
      <c r="H41708" t="s">
        <v>81</v>
      </c>
      <c r="I41708" s="2">
        <v>0</v>
      </c>
      <c r="J41708" s="2">
        <v>0</v>
      </c>
      <c r="K41708" s="2">
        <v>1</v>
      </c>
      <c r="L41708" t="s">
        <v>995</v>
      </c>
      <c r="M41708" t="s">
        <v>89</v>
      </c>
      <c r="N41708" t="s">
        <v>90</v>
      </c>
      <c r="O41708" t="s">
        <v>85</v>
      </c>
      <c r="P41708" t="s">
        <v>86</v>
      </c>
      <c r="Q41708">
        <v>145</v>
      </c>
      <c r="R41708">
        <v>147</v>
      </c>
      <c r="S41708">
        <v>149</v>
      </c>
      <c r="T41708">
        <v>150</v>
      </c>
      <c r="U41708">
        <v>152</v>
      </c>
      <c r="V41708">
        <v>154</v>
      </c>
      <c r="W41708">
        <v>156</v>
      </c>
      <c r="X41708">
        <v>157</v>
      </c>
      <c r="Y41708">
        <v>158</v>
      </c>
      <c r="Z41708">
        <v>159</v>
      </c>
      <c r="AA41708">
        <v>160</v>
      </c>
      <c r="AB41708">
        <v>161</v>
      </c>
      <c r="AC41708">
        <v>162</v>
      </c>
      <c r="AD41708">
        <v>163</v>
      </c>
      <c r="AE41708">
        <v>164</v>
      </c>
      <c r="AF41708">
        <v>163</v>
      </c>
      <c r="AG41708">
        <v>162</v>
      </c>
      <c r="AH41708">
        <v>161</v>
      </c>
      <c r="AI41708">
        <v>160</v>
      </c>
      <c r="AJ41708">
        <v>159</v>
      </c>
      <c r="AK41708">
        <v>159</v>
      </c>
      <c r="AL41708">
        <v>158</v>
      </c>
      <c r="AM41708">
        <v>157</v>
      </c>
      <c r="AN41708">
        <v>156</v>
      </c>
      <c r="AO41708">
        <v>156</v>
      </c>
      <c r="AP41708">
        <v>155</v>
      </c>
      <c r="AQ41708">
        <v>154</v>
      </c>
    </row>
    <row r="41709" spans="1:43">
      <c r="A41709" t="s">
        <v>25659</v>
      </c>
      <c r="B41709" t="s">
        <v>25660</v>
      </c>
      <c r="C41709" t="s">
        <v>2524</v>
      </c>
      <c r="D41709" t="s">
        <v>2525</v>
      </c>
      <c r="E41709" t="s">
        <v>2352</v>
      </c>
      <c r="F41709" t="s">
        <v>2353</v>
      </c>
      <c r="G41709" t="s">
        <v>80</v>
      </c>
      <c r="H41709" t="s">
        <v>81</v>
      </c>
      <c r="I41709" s="2">
        <v>0</v>
      </c>
      <c r="J41709" s="2">
        <v>0</v>
      </c>
      <c r="K41709" s="2">
        <v>1</v>
      </c>
      <c r="L41709" t="s">
        <v>995</v>
      </c>
      <c r="M41709" t="s">
        <v>83</v>
      </c>
      <c r="N41709" t="s">
        <v>91</v>
      </c>
      <c r="O41709" t="s">
        <v>85</v>
      </c>
      <c r="P41709" t="s">
        <v>86</v>
      </c>
      <c r="Q41709">
        <v>145</v>
      </c>
      <c r="R41709">
        <v>146</v>
      </c>
      <c r="S41709">
        <v>147</v>
      </c>
      <c r="T41709">
        <v>148</v>
      </c>
      <c r="U41709">
        <v>148</v>
      </c>
      <c r="V41709">
        <v>149</v>
      </c>
      <c r="W41709">
        <v>150</v>
      </c>
      <c r="X41709">
        <v>150</v>
      </c>
      <c r="Y41709">
        <v>151</v>
      </c>
      <c r="Z41709">
        <v>152</v>
      </c>
      <c r="AA41709">
        <v>152</v>
      </c>
      <c r="AB41709">
        <v>153</v>
      </c>
      <c r="AC41709">
        <v>154</v>
      </c>
      <c r="AD41709">
        <v>154</v>
      </c>
      <c r="AE41709">
        <v>155</v>
      </c>
      <c r="AF41709">
        <v>155</v>
      </c>
      <c r="AG41709">
        <v>155</v>
      </c>
      <c r="AH41709">
        <v>156</v>
      </c>
      <c r="AI41709">
        <v>156</v>
      </c>
      <c r="AJ41709">
        <v>157</v>
      </c>
      <c r="AK41709">
        <v>157</v>
      </c>
      <c r="AL41709">
        <v>157</v>
      </c>
      <c r="AM41709">
        <v>156</v>
      </c>
      <c r="AN41709">
        <v>155</v>
      </c>
      <c r="AO41709">
        <v>155</v>
      </c>
      <c r="AP41709">
        <v>154</v>
      </c>
      <c r="AQ41709">
        <v>153</v>
      </c>
    </row>
    <row r="41710" spans="1:43">
      <c r="A41710" t="s">
        <v>25661</v>
      </c>
      <c r="B41710" t="s">
        <v>25662</v>
      </c>
      <c r="C41710" t="s">
        <v>2524</v>
      </c>
      <c r="D41710" t="s">
        <v>2525</v>
      </c>
      <c r="E41710" t="s">
        <v>2352</v>
      </c>
      <c r="F41710" t="s">
        <v>2353</v>
      </c>
      <c r="G41710" t="s">
        <v>80</v>
      </c>
      <c r="H41710" t="s">
        <v>81</v>
      </c>
      <c r="I41710" s="2">
        <v>0</v>
      </c>
      <c r="J41710" s="2">
        <v>0</v>
      </c>
      <c r="K41710" s="2">
        <v>1</v>
      </c>
      <c r="L41710" t="s">
        <v>995</v>
      </c>
      <c r="M41710" t="s">
        <v>83</v>
      </c>
      <c r="N41710" t="s">
        <v>84</v>
      </c>
      <c r="O41710" t="s">
        <v>85</v>
      </c>
      <c r="P41710" t="s">
        <v>86</v>
      </c>
      <c r="Q41710">
        <v>32</v>
      </c>
      <c r="R41710">
        <v>32</v>
      </c>
      <c r="S41710">
        <v>32</v>
      </c>
      <c r="T41710">
        <v>32</v>
      </c>
      <c r="U41710">
        <v>32</v>
      </c>
      <c r="V41710">
        <v>33</v>
      </c>
      <c r="W41710">
        <v>33</v>
      </c>
      <c r="X41710">
        <v>33</v>
      </c>
      <c r="Y41710">
        <v>33</v>
      </c>
      <c r="Z41710">
        <v>33</v>
      </c>
      <c r="AA41710">
        <v>33</v>
      </c>
      <c r="AB41710">
        <v>34</v>
      </c>
      <c r="AC41710">
        <v>34</v>
      </c>
      <c r="AD41710">
        <v>34</v>
      </c>
      <c r="AE41710">
        <v>34</v>
      </c>
      <c r="AF41710">
        <v>34</v>
      </c>
      <c r="AG41710">
        <v>34</v>
      </c>
      <c r="AH41710">
        <v>34</v>
      </c>
      <c r="AI41710">
        <v>34</v>
      </c>
      <c r="AJ41710">
        <v>34</v>
      </c>
      <c r="AK41710">
        <v>34</v>
      </c>
      <c r="AL41710">
        <v>34</v>
      </c>
      <c r="AM41710">
        <v>34</v>
      </c>
      <c r="AN41710">
        <v>34</v>
      </c>
      <c r="AO41710">
        <v>34</v>
      </c>
      <c r="AP41710">
        <v>34</v>
      </c>
      <c r="AQ41710">
        <v>34</v>
      </c>
    </row>
    <row r="41711" spans="1:43">
      <c r="A41711" t="s">
        <v>25661</v>
      </c>
      <c r="B41711" t="s">
        <v>25662</v>
      </c>
      <c r="C41711" t="s">
        <v>2524</v>
      </c>
      <c r="D41711" t="s">
        <v>2525</v>
      </c>
      <c r="E41711" t="s">
        <v>2352</v>
      </c>
      <c r="F41711" t="s">
        <v>2353</v>
      </c>
      <c r="G41711" t="s">
        <v>80</v>
      </c>
      <c r="H41711" t="s">
        <v>81</v>
      </c>
      <c r="I41711" s="2">
        <v>0</v>
      </c>
      <c r="J41711" s="2">
        <v>0</v>
      </c>
      <c r="K41711" s="2">
        <v>1</v>
      </c>
      <c r="L41711" t="s">
        <v>995</v>
      </c>
      <c r="M41711" t="s">
        <v>87</v>
      </c>
      <c r="N41711" t="s">
        <v>88</v>
      </c>
      <c r="O41711" t="s">
        <v>85</v>
      </c>
      <c r="P41711" t="s">
        <v>86</v>
      </c>
      <c r="Q41711">
        <v>32</v>
      </c>
      <c r="R41711">
        <v>31</v>
      </c>
      <c r="S41711">
        <v>31</v>
      </c>
      <c r="T41711">
        <v>31</v>
      </c>
      <c r="U41711">
        <v>31</v>
      </c>
      <c r="V41711">
        <v>31</v>
      </c>
      <c r="W41711">
        <v>31</v>
      </c>
      <c r="X41711">
        <v>31</v>
      </c>
      <c r="Y41711">
        <v>31</v>
      </c>
      <c r="Z41711">
        <v>30</v>
      </c>
      <c r="AA41711">
        <v>30</v>
      </c>
      <c r="AB41711">
        <v>30</v>
      </c>
      <c r="AC41711">
        <v>30</v>
      </c>
      <c r="AD41711">
        <v>30</v>
      </c>
      <c r="AE41711">
        <v>30</v>
      </c>
      <c r="AF41711">
        <v>30</v>
      </c>
      <c r="AG41711">
        <v>30</v>
      </c>
      <c r="AH41711">
        <v>30</v>
      </c>
      <c r="AI41711">
        <v>30</v>
      </c>
      <c r="AJ41711">
        <v>29</v>
      </c>
      <c r="AK41711">
        <v>29</v>
      </c>
      <c r="AL41711">
        <v>29</v>
      </c>
      <c r="AM41711">
        <v>29</v>
      </c>
      <c r="AN41711">
        <v>29</v>
      </c>
      <c r="AO41711">
        <v>29</v>
      </c>
      <c r="AP41711">
        <v>29</v>
      </c>
      <c r="AQ41711">
        <v>29</v>
      </c>
    </row>
    <row r="41712" spans="1:43">
      <c r="A41712" t="s">
        <v>25661</v>
      </c>
      <c r="B41712" t="s">
        <v>25662</v>
      </c>
      <c r="C41712" t="s">
        <v>2524</v>
      </c>
      <c r="D41712" t="s">
        <v>2525</v>
      </c>
      <c r="E41712" t="s">
        <v>2352</v>
      </c>
      <c r="F41712" t="s">
        <v>2353</v>
      </c>
      <c r="G41712" t="s">
        <v>80</v>
      </c>
      <c r="H41712" t="s">
        <v>81</v>
      </c>
      <c r="I41712" s="2">
        <v>0</v>
      </c>
      <c r="J41712" s="2">
        <v>0</v>
      </c>
      <c r="K41712" s="2">
        <v>1</v>
      </c>
      <c r="L41712" t="s">
        <v>995</v>
      </c>
      <c r="M41712" t="s">
        <v>89</v>
      </c>
      <c r="N41712" t="s">
        <v>90</v>
      </c>
      <c r="O41712" t="s">
        <v>85</v>
      </c>
      <c r="P41712" t="s">
        <v>86</v>
      </c>
      <c r="Q41712">
        <v>32</v>
      </c>
      <c r="R41712">
        <v>33</v>
      </c>
      <c r="S41712">
        <v>33</v>
      </c>
      <c r="T41712">
        <v>33</v>
      </c>
      <c r="U41712">
        <v>34</v>
      </c>
      <c r="V41712">
        <v>34</v>
      </c>
      <c r="W41712">
        <v>35</v>
      </c>
      <c r="X41712">
        <v>35</v>
      </c>
      <c r="Y41712">
        <v>35</v>
      </c>
      <c r="Z41712">
        <v>35</v>
      </c>
      <c r="AA41712">
        <v>36</v>
      </c>
      <c r="AB41712">
        <v>36</v>
      </c>
      <c r="AC41712">
        <v>36</v>
      </c>
      <c r="AD41712">
        <v>36</v>
      </c>
      <c r="AE41712">
        <v>36</v>
      </c>
      <c r="AF41712">
        <v>36</v>
      </c>
      <c r="AG41712">
        <v>36</v>
      </c>
      <c r="AH41712">
        <v>36</v>
      </c>
      <c r="AI41712">
        <v>36</v>
      </c>
      <c r="AJ41712">
        <v>35</v>
      </c>
      <c r="AK41712">
        <v>35</v>
      </c>
      <c r="AL41712">
        <v>35</v>
      </c>
      <c r="AM41712">
        <v>35</v>
      </c>
      <c r="AN41712">
        <v>35</v>
      </c>
      <c r="AO41712">
        <v>35</v>
      </c>
      <c r="AP41712">
        <v>34</v>
      </c>
      <c r="AQ41712">
        <v>34</v>
      </c>
    </row>
    <row r="41713" spans="1:43">
      <c r="A41713" t="s">
        <v>25661</v>
      </c>
      <c r="B41713" t="s">
        <v>25662</v>
      </c>
      <c r="C41713" t="s">
        <v>2524</v>
      </c>
      <c r="D41713" t="s">
        <v>2525</v>
      </c>
      <c r="E41713" t="s">
        <v>2352</v>
      </c>
      <c r="F41713" t="s">
        <v>2353</v>
      </c>
      <c r="G41713" t="s">
        <v>80</v>
      </c>
      <c r="H41713" t="s">
        <v>81</v>
      </c>
      <c r="I41713" s="2">
        <v>0</v>
      </c>
      <c r="J41713" s="2">
        <v>0</v>
      </c>
      <c r="K41713" s="2">
        <v>1</v>
      </c>
      <c r="L41713" t="s">
        <v>995</v>
      </c>
      <c r="M41713" t="s">
        <v>83</v>
      </c>
      <c r="N41713" t="s">
        <v>91</v>
      </c>
      <c r="O41713" t="s">
        <v>85</v>
      </c>
      <c r="P41713" t="s">
        <v>86</v>
      </c>
      <c r="Q41713">
        <v>32</v>
      </c>
      <c r="R41713">
        <v>32</v>
      </c>
      <c r="S41713">
        <v>32</v>
      </c>
      <c r="T41713">
        <v>32</v>
      </c>
      <c r="U41713">
        <v>32</v>
      </c>
      <c r="V41713">
        <v>33</v>
      </c>
      <c r="W41713">
        <v>33</v>
      </c>
      <c r="X41713">
        <v>33</v>
      </c>
      <c r="Y41713">
        <v>33</v>
      </c>
      <c r="Z41713">
        <v>33</v>
      </c>
      <c r="AA41713">
        <v>33</v>
      </c>
      <c r="AB41713">
        <v>34</v>
      </c>
      <c r="AC41713">
        <v>34</v>
      </c>
      <c r="AD41713">
        <v>34</v>
      </c>
      <c r="AE41713">
        <v>34</v>
      </c>
      <c r="AF41713">
        <v>34</v>
      </c>
      <c r="AG41713">
        <v>34</v>
      </c>
      <c r="AH41713">
        <v>34</v>
      </c>
      <c r="AI41713">
        <v>34</v>
      </c>
      <c r="AJ41713">
        <v>34</v>
      </c>
      <c r="AK41713">
        <v>34</v>
      </c>
      <c r="AL41713">
        <v>34</v>
      </c>
      <c r="AM41713">
        <v>34</v>
      </c>
      <c r="AN41713">
        <v>34</v>
      </c>
      <c r="AO41713">
        <v>34</v>
      </c>
      <c r="AP41713">
        <v>34</v>
      </c>
      <c r="AQ41713">
        <v>34</v>
      </c>
    </row>
    <row r="41714" spans="1:43">
      <c r="A41714" t="s">
        <v>25663</v>
      </c>
      <c r="B41714" t="s">
        <v>25664</v>
      </c>
      <c r="C41714" t="s">
        <v>25665</v>
      </c>
      <c r="D41714" t="s">
        <v>25666</v>
      </c>
      <c r="E41714" t="s">
        <v>2352</v>
      </c>
      <c r="F41714" t="s">
        <v>2353</v>
      </c>
      <c r="G41714" t="s">
        <v>80</v>
      </c>
      <c r="H41714" t="s">
        <v>81</v>
      </c>
      <c r="I41714" s="2">
        <v>0</v>
      </c>
      <c r="J41714" s="2">
        <v>0</v>
      </c>
      <c r="K41714" s="2">
        <v>1</v>
      </c>
      <c r="L41714" t="s">
        <v>995</v>
      </c>
      <c r="M41714" t="s">
        <v>83</v>
      </c>
      <c r="N41714" t="s">
        <v>84</v>
      </c>
      <c r="O41714" t="s">
        <v>85</v>
      </c>
      <c r="P41714" t="s">
        <v>86</v>
      </c>
      <c r="Q41714">
        <v>0</v>
      </c>
      <c r="R41714">
        <v>0</v>
      </c>
      <c r="S41714">
        <v>0</v>
      </c>
      <c r="T41714">
        <v>0</v>
      </c>
      <c r="U41714">
        <v>0</v>
      </c>
      <c r="V41714">
        <v>0</v>
      </c>
      <c r="W41714">
        <v>0</v>
      </c>
      <c r="X41714">
        <v>0</v>
      </c>
      <c r="Y41714">
        <v>0</v>
      </c>
      <c r="Z41714">
        <v>0</v>
      </c>
      <c r="AA41714">
        <v>0</v>
      </c>
      <c r="AB41714">
        <v>0</v>
      </c>
      <c r="AC41714">
        <v>0</v>
      </c>
      <c r="AD41714">
        <v>0</v>
      </c>
      <c r="AE41714">
        <v>0</v>
      </c>
      <c r="AF41714">
        <v>0</v>
      </c>
      <c r="AG41714">
        <v>0</v>
      </c>
      <c r="AH41714">
        <v>0</v>
      </c>
      <c r="AI41714">
        <v>0</v>
      </c>
      <c r="AJ41714">
        <v>0</v>
      </c>
      <c r="AK41714">
        <v>0</v>
      </c>
      <c r="AL41714">
        <v>0</v>
      </c>
      <c r="AM41714">
        <v>0</v>
      </c>
      <c r="AN41714">
        <v>0</v>
      </c>
      <c r="AO41714">
        <v>0</v>
      </c>
      <c r="AP41714">
        <v>0</v>
      </c>
      <c r="AQ41714">
        <v>0</v>
      </c>
    </row>
    <row r="41715" spans="1:43">
      <c r="A41715" t="s">
        <v>25663</v>
      </c>
      <c r="B41715" t="s">
        <v>25664</v>
      </c>
      <c r="C41715" t="s">
        <v>25665</v>
      </c>
      <c r="D41715" t="s">
        <v>25666</v>
      </c>
      <c r="E41715" t="s">
        <v>2352</v>
      </c>
      <c r="F41715" t="s">
        <v>2353</v>
      </c>
      <c r="G41715" t="s">
        <v>80</v>
      </c>
      <c r="H41715" t="s">
        <v>81</v>
      </c>
      <c r="I41715" s="2">
        <v>0</v>
      </c>
      <c r="J41715" s="2">
        <v>0</v>
      </c>
      <c r="K41715" s="2">
        <v>1</v>
      </c>
      <c r="L41715" t="s">
        <v>995</v>
      </c>
      <c r="M41715" t="s">
        <v>87</v>
      </c>
      <c r="N41715" t="s">
        <v>88</v>
      </c>
      <c r="O41715" t="s">
        <v>85</v>
      </c>
      <c r="P41715" t="s">
        <v>86</v>
      </c>
      <c r="Q41715">
        <v>0</v>
      </c>
      <c r="R41715">
        <v>0</v>
      </c>
      <c r="S41715">
        <v>0</v>
      </c>
      <c r="T41715">
        <v>0</v>
      </c>
      <c r="U41715">
        <v>0</v>
      </c>
      <c r="V41715">
        <v>0</v>
      </c>
      <c r="W41715">
        <v>0</v>
      </c>
      <c r="X41715">
        <v>0</v>
      </c>
      <c r="Y41715">
        <v>0</v>
      </c>
      <c r="Z41715">
        <v>0</v>
      </c>
      <c r="AA41715">
        <v>0</v>
      </c>
      <c r="AB41715">
        <v>0</v>
      </c>
      <c r="AC41715">
        <v>0</v>
      </c>
      <c r="AD41715">
        <v>0</v>
      </c>
      <c r="AE41715">
        <v>0</v>
      </c>
      <c r="AF41715">
        <v>0</v>
      </c>
      <c r="AG41715">
        <v>0</v>
      </c>
      <c r="AH41715">
        <v>0</v>
      </c>
      <c r="AI41715">
        <v>0</v>
      </c>
      <c r="AJ41715">
        <v>0</v>
      </c>
      <c r="AK41715">
        <v>0</v>
      </c>
      <c r="AL41715">
        <v>0</v>
      </c>
      <c r="AM41715">
        <v>0</v>
      </c>
      <c r="AN41715">
        <v>0</v>
      </c>
      <c r="AO41715">
        <v>0</v>
      </c>
      <c r="AP41715">
        <v>0</v>
      </c>
      <c r="AQ41715">
        <v>0</v>
      </c>
    </row>
    <row r="41716" spans="1:43">
      <c r="A41716" t="s">
        <v>25663</v>
      </c>
      <c r="B41716" t="s">
        <v>25664</v>
      </c>
      <c r="C41716" t="s">
        <v>25665</v>
      </c>
      <c r="D41716" t="s">
        <v>25666</v>
      </c>
      <c r="E41716" t="s">
        <v>2352</v>
      </c>
      <c r="F41716" t="s">
        <v>2353</v>
      </c>
      <c r="G41716" t="s">
        <v>80</v>
      </c>
      <c r="H41716" t="s">
        <v>81</v>
      </c>
      <c r="I41716" s="2">
        <v>0</v>
      </c>
      <c r="J41716" s="2">
        <v>0</v>
      </c>
      <c r="K41716" s="2">
        <v>1</v>
      </c>
      <c r="L41716" t="s">
        <v>995</v>
      </c>
      <c r="M41716" t="s">
        <v>89</v>
      </c>
      <c r="N41716" t="s">
        <v>90</v>
      </c>
      <c r="O41716" t="s">
        <v>85</v>
      </c>
      <c r="P41716" t="s">
        <v>86</v>
      </c>
      <c r="Q41716">
        <v>0</v>
      </c>
      <c r="R41716">
        <v>0</v>
      </c>
      <c r="S41716">
        <v>0</v>
      </c>
      <c r="T41716">
        <v>0</v>
      </c>
      <c r="U41716">
        <v>0</v>
      </c>
      <c r="V41716">
        <v>0</v>
      </c>
      <c r="W41716">
        <v>0</v>
      </c>
      <c r="X41716">
        <v>0</v>
      </c>
      <c r="Y41716">
        <v>0</v>
      </c>
      <c r="Z41716">
        <v>0</v>
      </c>
      <c r="AA41716">
        <v>0</v>
      </c>
      <c r="AB41716">
        <v>0</v>
      </c>
      <c r="AC41716">
        <v>0</v>
      </c>
      <c r="AD41716">
        <v>0</v>
      </c>
      <c r="AE41716">
        <v>0</v>
      </c>
      <c r="AF41716">
        <v>0</v>
      </c>
      <c r="AG41716">
        <v>0</v>
      </c>
      <c r="AH41716">
        <v>0</v>
      </c>
      <c r="AI41716">
        <v>0</v>
      </c>
      <c r="AJ41716">
        <v>0</v>
      </c>
      <c r="AK41716">
        <v>0</v>
      </c>
      <c r="AL41716">
        <v>0</v>
      </c>
      <c r="AM41716">
        <v>0</v>
      </c>
      <c r="AN41716">
        <v>0</v>
      </c>
      <c r="AO41716">
        <v>0</v>
      </c>
      <c r="AP41716">
        <v>0</v>
      </c>
      <c r="AQ41716">
        <v>0</v>
      </c>
    </row>
    <row r="41717" spans="1:43">
      <c r="A41717" t="s">
        <v>25663</v>
      </c>
      <c r="B41717" t="s">
        <v>25664</v>
      </c>
      <c r="C41717" t="s">
        <v>25665</v>
      </c>
      <c r="D41717" t="s">
        <v>25666</v>
      </c>
      <c r="E41717" t="s">
        <v>2352</v>
      </c>
      <c r="F41717" t="s">
        <v>2353</v>
      </c>
      <c r="G41717" t="s">
        <v>80</v>
      </c>
      <c r="H41717" t="s">
        <v>81</v>
      </c>
      <c r="I41717" s="2">
        <v>0</v>
      </c>
      <c r="J41717" s="2">
        <v>0</v>
      </c>
      <c r="K41717" s="2">
        <v>1</v>
      </c>
      <c r="L41717" t="s">
        <v>995</v>
      </c>
      <c r="M41717" t="s">
        <v>83</v>
      </c>
      <c r="N41717" t="s">
        <v>91</v>
      </c>
      <c r="O41717" t="s">
        <v>85</v>
      </c>
      <c r="P41717" t="s">
        <v>86</v>
      </c>
      <c r="Q41717">
        <v>0</v>
      </c>
      <c r="R41717">
        <v>0</v>
      </c>
      <c r="S41717">
        <v>0</v>
      </c>
      <c r="T41717">
        <v>0</v>
      </c>
      <c r="U41717">
        <v>0</v>
      </c>
      <c r="V41717">
        <v>0</v>
      </c>
      <c r="W41717">
        <v>0</v>
      </c>
      <c r="X41717">
        <v>0</v>
      </c>
      <c r="Y41717">
        <v>0</v>
      </c>
      <c r="Z41717">
        <v>0</v>
      </c>
      <c r="AA41717">
        <v>0</v>
      </c>
      <c r="AB41717">
        <v>0</v>
      </c>
      <c r="AC41717">
        <v>0</v>
      </c>
      <c r="AD41717">
        <v>0</v>
      </c>
      <c r="AE41717">
        <v>0</v>
      </c>
      <c r="AF41717">
        <v>0</v>
      </c>
      <c r="AG41717">
        <v>0</v>
      </c>
      <c r="AH41717">
        <v>0</v>
      </c>
      <c r="AI41717">
        <v>0</v>
      </c>
      <c r="AJ41717">
        <v>0</v>
      </c>
      <c r="AK41717">
        <v>0</v>
      </c>
      <c r="AL41717">
        <v>0</v>
      </c>
      <c r="AM41717">
        <v>0</v>
      </c>
      <c r="AN41717">
        <v>0</v>
      </c>
      <c r="AO41717">
        <v>0</v>
      </c>
      <c r="AP41717">
        <v>0</v>
      </c>
      <c r="AQ41717">
        <v>0</v>
      </c>
    </row>
    <row r="41718" spans="1:43">
      <c r="A41718" t="s">
        <v>25667</v>
      </c>
      <c r="B41718" t="s">
        <v>25668</v>
      </c>
      <c r="C41718" t="s">
        <v>25665</v>
      </c>
      <c r="D41718" t="s">
        <v>25666</v>
      </c>
      <c r="E41718" t="s">
        <v>2352</v>
      </c>
      <c r="F41718" t="s">
        <v>2353</v>
      </c>
      <c r="G41718" t="s">
        <v>80</v>
      </c>
      <c r="H41718" t="s">
        <v>81</v>
      </c>
      <c r="I41718" s="2">
        <v>0</v>
      </c>
      <c r="J41718" s="2">
        <v>0</v>
      </c>
      <c r="K41718" s="2">
        <v>1</v>
      </c>
      <c r="L41718" t="s">
        <v>995</v>
      </c>
      <c r="M41718" t="s">
        <v>83</v>
      </c>
      <c r="N41718" t="s">
        <v>84</v>
      </c>
      <c r="O41718" t="s">
        <v>85</v>
      </c>
      <c r="P41718" t="s">
        <v>86</v>
      </c>
      <c r="Q41718">
        <v>82</v>
      </c>
      <c r="R41718">
        <v>82</v>
      </c>
      <c r="S41718">
        <v>83</v>
      </c>
      <c r="T41718">
        <v>83</v>
      </c>
      <c r="U41718">
        <v>83</v>
      </c>
      <c r="V41718">
        <v>83</v>
      </c>
      <c r="W41718">
        <v>84</v>
      </c>
      <c r="X41718">
        <v>84</v>
      </c>
      <c r="Y41718">
        <v>84</v>
      </c>
      <c r="Z41718">
        <v>85</v>
      </c>
      <c r="AA41718">
        <v>85</v>
      </c>
      <c r="AB41718">
        <v>85</v>
      </c>
      <c r="AC41718">
        <v>85</v>
      </c>
      <c r="AD41718">
        <v>85</v>
      </c>
      <c r="AE41718">
        <v>86</v>
      </c>
      <c r="AF41718">
        <v>86</v>
      </c>
      <c r="AG41718">
        <v>86</v>
      </c>
      <c r="AH41718">
        <v>86</v>
      </c>
      <c r="AI41718">
        <v>86</v>
      </c>
      <c r="AJ41718">
        <v>86</v>
      </c>
      <c r="AK41718">
        <v>86</v>
      </c>
      <c r="AL41718">
        <v>86</v>
      </c>
      <c r="AM41718">
        <v>85</v>
      </c>
      <c r="AN41718">
        <v>85</v>
      </c>
      <c r="AO41718">
        <v>84</v>
      </c>
      <c r="AP41718">
        <v>84</v>
      </c>
      <c r="AQ41718">
        <v>83</v>
      </c>
    </row>
    <row r="41719" spans="1:43">
      <c r="A41719" t="s">
        <v>25667</v>
      </c>
      <c r="B41719" t="s">
        <v>25668</v>
      </c>
      <c r="C41719" t="s">
        <v>25665</v>
      </c>
      <c r="D41719" t="s">
        <v>25666</v>
      </c>
      <c r="E41719" t="s">
        <v>2352</v>
      </c>
      <c r="F41719" t="s">
        <v>2353</v>
      </c>
      <c r="G41719" t="s">
        <v>80</v>
      </c>
      <c r="H41719" t="s">
        <v>81</v>
      </c>
      <c r="I41719" s="2">
        <v>0</v>
      </c>
      <c r="J41719" s="2">
        <v>0</v>
      </c>
      <c r="K41719" s="2">
        <v>1</v>
      </c>
      <c r="L41719" t="s">
        <v>995</v>
      </c>
      <c r="M41719" t="s">
        <v>87</v>
      </c>
      <c r="N41719" t="s">
        <v>88</v>
      </c>
      <c r="O41719" t="s">
        <v>85</v>
      </c>
      <c r="P41719" t="s">
        <v>86</v>
      </c>
      <c r="Q41719">
        <v>82</v>
      </c>
      <c r="R41719">
        <v>82</v>
      </c>
      <c r="S41719">
        <v>81</v>
      </c>
      <c r="T41719">
        <v>81</v>
      </c>
      <c r="U41719">
        <v>80</v>
      </c>
      <c r="V41719">
        <v>80</v>
      </c>
      <c r="W41719">
        <v>80</v>
      </c>
      <c r="X41719">
        <v>79</v>
      </c>
      <c r="Y41719">
        <v>79</v>
      </c>
      <c r="Z41719">
        <v>79</v>
      </c>
      <c r="AA41719">
        <v>78</v>
      </c>
      <c r="AB41719">
        <v>78</v>
      </c>
      <c r="AC41719">
        <v>77</v>
      </c>
      <c r="AD41719">
        <v>77</v>
      </c>
      <c r="AE41719">
        <v>77</v>
      </c>
      <c r="AF41719">
        <v>76</v>
      </c>
      <c r="AG41719">
        <v>76</v>
      </c>
      <c r="AH41719">
        <v>76</v>
      </c>
      <c r="AI41719">
        <v>75</v>
      </c>
      <c r="AJ41719">
        <v>75</v>
      </c>
      <c r="AK41719">
        <v>75</v>
      </c>
      <c r="AL41719">
        <v>74</v>
      </c>
      <c r="AM41719">
        <v>74</v>
      </c>
      <c r="AN41719">
        <v>74</v>
      </c>
      <c r="AO41719">
        <v>73</v>
      </c>
      <c r="AP41719">
        <v>73</v>
      </c>
      <c r="AQ41719">
        <v>73</v>
      </c>
    </row>
    <row r="41720" spans="1:43">
      <c r="A41720" t="s">
        <v>25667</v>
      </c>
      <c r="B41720" t="s">
        <v>25668</v>
      </c>
      <c r="C41720" t="s">
        <v>25665</v>
      </c>
      <c r="D41720" t="s">
        <v>25666</v>
      </c>
      <c r="E41720" t="s">
        <v>2352</v>
      </c>
      <c r="F41720" t="s">
        <v>2353</v>
      </c>
      <c r="G41720" t="s">
        <v>80</v>
      </c>
      <c r="H41720" t="s">
        <v>81</v>
      </c>
      <c r="I41720" s="2">
        <v>0</v>
      </c>
      <c r="J41720" s="2">
        <v>0</v>
      </c>
      <c r="K41720" s="2">
        <v>1</v>
      </c>
      <c r="L41720" t="s">
        <v>995</v>
      </c>
      <c r="M41720" t="s">
        <v>89</v>
      </c>
      <c r="N41720" t="s">
        <v>90</v>
      </c>
      <c r="O41720" t="s">
        <v>85</v>
      </c>
      <c r="P41720" t="s">
        <v>86</v>
      </c>
      <c r="Q41720">
        <v>82</v>
      </c>
      <c r="R41720">
        <v>83</v>
      </c>
      <c r="S41720">
        <v>84</v>
      </c>
      <c r="T41720">
        <v>85</v>
      </c>
      <c r="U41720">
        <v>85</v>
      </c>
      <c r="V41720">
        <v>86</v>
      </c>
      <c r="W41720">
        <v>87</v>
      </c>
      <c r="X41720">
        <v>88</v>
      </c>
      <c r="Y41720">
        <v>88</v>
      </c>
      <c r="Z41720">
        <v>89</v>
      </c>
      <c r="AA41720">
        <v>89</v>
      </c>
      <c r="AB41720">
        <v>90</v>
      </c>
      <c r="AC41720">
        <v>90</v>
      </c>
      <c r="AD41720">
        <v>91</v>
      </c>
      <c r="AE41720">
        <v>91</v>
      </c>
      <c r="AF41720">
        <v>90</v>
      </c>
      <c r="AG41720">
        <v>89</v>
      </c>
      <c r="AH41720">
        <v>89</v>
      </c>
      <c r="AI41720">
        <v>88</v>
      </c>
      <c r="AJ41720">
        <v>87</v>
      </c>
      <c r="AK41720">
        <v>87</v>
      </c>
      <c r="AL41720">
        <v>86</v>
      </c>
      <c r="AM41720">
        <v>86</v>
      </c>
      <c r="AN41720">
        <v>85</v>
      </c>
      <c r="AO41720">
        <v>84</v>
      </c>
      <c r="AP41720">
        <v>84</v>
      </c>
      <c r="AQ41720">
        <v>83</v>
      </c>
    </row>
    <row r="41721" spans="1:43">
      <c r="A41721" t="s">
        <v>25667</v>
      </c>
      <c r="B41721" t="s">
        <v>25668</v>
      </c>
      <c r="C41721" t="s">
        <v>25665</v>
      </c>
      <c r="D41721" t="s">
        <v>25666</v>
      </c>
      <c r="E41721" t="s">
        <v>2352</v>
      </c>
      <c r="F41721" t="s">
        <v>2353</v>
      </c>
      <c r="G41721" t="s">
        <v>80</v>
      </c>
      <c r="H41721" t="s">
        <v>81</v>
      </c>
      <c r="I41721" s="2">
        <v>0</v>
      </c>
      <c r="J41721" s="2">
        <v>0</v>
      </c>
      <c r="K41721" s="2">
        <v>1</v>
      </c>
      <c r="L41721" t="s">
        <v>995</v>
      </c>
      <c r="M41721" t="s">
        <v>83</v>
      </c>
      <c r="N41721" t="s">
        <v>91</v>
      </c>
      <c r="O41721" t="s">
        <v>85</v>
      </c>
      <c r="P41721" t="s">
        <v>86</v>
      </c>
      <c r="Q41721">
        <v>82</v>
      </c>
      <c r="R41721">
        <v>82</v>
      </c>
      <c r="S41721">
        <v>83</v>
      </c>
      <c r="T41721">
        <v>83</v>
      </c>
      <c r="U41721">
        <v>83</v>
      </c>
      <c r="V41721">
        <v>83</v>
      </c>
      <c r="W41721">
        <v>84</v>
      </c>
      <c r="X41721">
        <v>84</v>
      </c>
      <c r="Y41721">
        <v>84</v>
      </c>
      <c r="Z41721">
        <v>85</v>
      </c>
      <c r="AA41721">
        <v>85</v>
      </c>
      <c r="AB41721">
        <v>85</v>
      </c>
      <c r="AC41721">
        <v>85</v>
      </c>
      <c r="AD41721">
        <v>85</v>
      </c>
      <c r="AE41721">
        <v>86</v>
      </c>
      <c r="AF41721">
        <v>86</v>
      </c>
      <c r="AG41721">
        <v>86</v>
      </c>
      <c r="AH41721">
        <v>86</v>
      </c>
      <c r="AI41721">
        <v>86</v>
      </c>
      <c r="AJ41721">
        <v>86</v>
      </c>
      <c r="AK41721">
        <v>86</v>
      </c>
      <c r="AL41721">
        <v>86</v>
      </c>
      <c r="AM41721">
        <v>85</v>
      </c>
      <c r="AN41721">
        <v>85</v>
      </c>
      <c r="AO41721">
        <v>84</v>
      </c>
      <c r="AP41721">
        <v>84</v>
      </c>
      <c r="AQ41721">
        <v>83</v>
      </c>
    </row>
    <row r="41722" spans="1:43">
      <c r="A41722" t="s">
        <v>25669</v>
      </c>
      <c r="B41722" t="s">
        <v>25670</v>
      </c>
      <c r="C41722" t="s">
        <v>25665</v>
      </c>
      <c r="D41722" t="s">
        <v>25666</v>
      </c>
      <c r="E41722" t="s">
        <v>2352</v>
      </c>
      <c r="F41722" t="s">
        <v>2353</v>
      </c>
      <c r="G41722" t="s">
        <v>80</v>
      </c>
      <c r="H41722" t="s">
        <v>81</v>
      </c>
      <c r="I41722" s="2">
        <v>0</v>
      </c>
      <c r="J41722" s="2">
        <v>0</v>
      </c>
      <c r="K41722" s="2">
        <v>1</v>
      </c>
      <c r="L41722" t="s">
        <v>995</v>
      </c>
      <c r="M41722" t="s">
        <v>83</v>
      </c>
      <c r="N41722" t="s">
        <v>84</v>
      </c>
      <c r="O41722" t="s">
        <v>85</v>
      </c>
      <c r="P41722" t="s">
        <v>86</v>
      </c>
      <c r="Q41722">
        <v>115</v>
      </c>
      <c r="R41722">
        <v>116</v>
      </c>
      <c r="S41722">
        <v>116</v>
      </c>
      <c r="T41722">
        <v>117</v>
      </c>
      <c r="U41722">
        <v>117</v>
      </c>
      <c r="V41722">
        <v>118</v>
      </c>
      <c r="W41722">
        <v>118</v>
      </c>
      <c r="X41722">
        <v>118</v>
      </c>
      <c r="Y41722">
        <v>119</v>
      </c>
      <c r="Z41722">
        <v>119</v>
      </c>
      <c r="AA41722">
        <v>120</v>
      </c>
      <c r="AB41722">
        <v>120</v>
      </c>
      <c r="AC41722">
        <v>120</v>
      </c>
      <c r="AD41722">
        <v>120</v>
      </c>
      <c r="AE41722">
        <v>121</v>
      </c>
      <c r="AF41722">
        <v>121</v>
      </c>
      <c r="AG41722">
        <v>121</v>
      </c>
      <c r="AH41722">
        <v>121</v>
      </c>
      <c r="AI41722">
        <v>121</v>
      </c>
      <c r="AJ41722">
        <v>122</v>
      </c>
      <c r="AK41722">
        <v>122</v>
      </c>
      <c r="AL41722">
        <v>121</v>
      </c>
      <c r="AM41722">
        <v>120</v>
      </c>
      <c r="AN41722">
        <v>120</v>
      </c>
      <c r="AO41722">
        <v>119</v>
      </c>
      <c r="AP41722">
        <v>118</v>
      </c>
      <c r="AQ41722">
        <v>117</v>
      </c>
    </row>
    <row r="41723" spans="1:43">
      <c r="A41723" t="s">
        <v>25669</v>
      </c>
      <c r="B41723" t="s">
        <v>25670</v>
      </c>
      <c r="C41723" t="s">
        <v>25665</v>
      </c>
      <c r="D41723" t="s">
        <v>25666</v>
      </c>
      <c r="E41723" t="s">
        <v>2352</v>
      </c>
      <c r="F41723" t="s">
        <v>2353</v>
      </c>
      <c r="G41723" t="s">
        <v>80</v>
      </c>
      <c r="H41723" t="s">
        <v>81</v>
      </c>
      <c r="I41723" s="2">
        <v>0</v>
      </c>
      <c r="J41723" s="2">
        <v>0</v>
      </c>
      <c r="K41723" s="2">
        <v>1</v>
      </c>
      <c r="L41723" t="s">
        <v>995</v>
      </c>
      <c r="M41723" t="s">
        <v>87</v>
      </c>
      <c r="N41723" t="s">
        <v>88</v>
      </c>
      <c r="O41723" t="s">
        <v>85</v>
      </c>
      <c r="P41723" t="s">
        <v>86</v>
      </c>
      <c r="Q41723">
        <v>115</v>
      </c>
      <c r="R41723">
        <v>115</v>
      </c>
      <c r="S41723">
        <v>114</v>
      </c>
      <c r="T41723">
        <v>114</v>
      </c>
      <c r="U41723">
        <v>113</v>
      </c>
      <c r="V41723">
        <v>112</v>
      </c>
      <c r="W41723">
        <v>112</v>
      </c>
      <c r="X41723">
        <v>111</v>
      </c>
      <c r="Y41723">
        <v>111</v>
      </c>
      <c r="Z41723">
        <v>110</v>
      </c>
      <c r="AA41723">
        <v>110</v>
      </c>
      <c r="AB41723">
        <v>109</v>
      </c>
      <c r="AC41723">
        <v>109</v>
      </c>
      <c r="AD41723">
        <v>108</v>
      </c>
      <c r="AE41723">
        <v>108</v>
      </c>
      <c r="AF41723">
        <v>107</v>
      </c>
      <c r="AG41723">
        <v>107</v>
      </c>
      <c r="AH41723">
        <v>106</v>
      </c>
      <c r="AI41723">
        <v>106</v>
      </c>
      <c r="AJ41723">
        <v>105</v>
      </c>
      <c r="AK41723">
        <v>105</v>
      </c>
      <c r="AL41723">
        <v>104</v>
      </c>
      <c r="AM41723">
        <v>104</v>
      </c>
      <c r="AN41723">
        <v>104</v>
      </c>
      <c r="AO41723">
        <v>103</v>
      </c>
      <c r="AP41723">
        <v>103</v>
      </c>
      <c r="AQ41723">
        <v>102</v>
      </c>
    </row>
    <row r="41724" spans="1:43">
      <c r="A41724" t="s">
        <v>25669</v>
      </c>
      <c r="B41724" t="s">
        <v>25670</v>
      </c>
      <c r="C41724" t="s">
        <v>25665</v>
      </c>
      <c r="D41724" t="s">
        <v>25666</v>
      </c>
      <c r="E41724" t="s">
        <v>2352</v>
      </c>
      <c r="F41724" t="s">
        <v>2353</v>
      </c>
      <c r="G41724" t="s">
        <v>80</v>
      </c>
      <c r="H41724" t="s">
        <v>81</v>
      </c>
      <c r="I41724" s="2">
        <v>0</v>
      </c>
      <c r="J41724" s="2">
        <v>0</v>
      </c>
      <c r="K41724" s="2">
        <v>1</v>
      </c>
      <c r="L41724" t="s">
        <v>995</v>
      </c>
      <c r="M41724" t="s">
        <v>89</v>
      </c>
      <c r="N41724" t="s">
        <v>90</v>
      </c>
      <c r="O41724" t="s">
        <v>85</v>
      </c>
      <c r="P41724" t="s">
        <v>86</v>
      </c>
      <c r="Q41724">
        <v>115</v>
      </c>
      <c r="R41724">
        <v>117</v>
      </c>
      <c r="S41724">
        <v>118</v>
      </c>
      <c r="T41724">
        <v>120</v>
      </c>
      <c r="U41724">
        <v>121</v>
      </c>
      <c r="V41724">
        <v>122</v>
      </c>
      <c r="W41724">
        <v>123</v>
      </c>
      <c r="X41724">
        <v>124</v>
      </c>
      <c r="Y41724">
        <v>125</v>
      </c>
      <c r="Z41724">
        <v>126</v>
      </c>
      <c r="AA41724">
        <v>126</v>
      </c>
      <c r="AB41724">
        <v>127</v>
      </c>
      <c r="AC41724">
        <v>128</v>
      </c>
      <c r="AD41724">
        <v>128</v>
      </c>
      <c r="AE41724">
        <v>128</v>
      </c>
      <c r="AF41724">
        <v>127</v>
      </c>
      <c r="AG41724">
        <v>126</v>
      </c>
      <c r="AH41724">
        <v>125</v>
      </c>
      <c r="AI41724">
        <v>125</v>
      </c>
      <c r="AJ41724">
        <v>124</v>
      </c>
      <c r="AK41724">
        <v>123</v>
      </c>
      <c r="AL41724">
        <v>122</v>
      </c>
      <c r="AM41724">
        <v>121</v>
      </c>
      <c r="AN41724">
        <v>120</v>
      </c>
      <c r="AO41724">
        <v>119</v>
      </c>
      <c r="AP41724">
        <v>119</v>
      </c>
      <c r="AQ41724">
        <v>118</v>
      </c>
    </row>
    <row r="41725" spans="1:43">
      <c r="A41725" t="s">
        <v>25669</v>
      </c>
      <c r="B41725" t="s">
        <v>25670</v>
      </c>
      <c r="C41725" t="s">
        <v>25665</v>
      </c>
      <c r="D41725" t="s">
        <v>25666</v>
      </c>
      <c r="E41725" t="s">
        <v>2352</v>
      </c>
      <c r="F41725" t="s">
        <v>2353</v>
      </c>
      <c r="G41725" t="s">
        <v>80</v>
      </c>
      <c r="H41725" t="s">
        <v>81</v>
      </c>
      <c r="I41725" s="2">
        <v>0</v>
      </c>
      <c r="J41725" s="2">
        <v>0</v>
      </c>
      <c r="K41725" s="2">
        <v>1</v>
      </c>
      <c r="L41725" t="s">
        <v>995</v>
      </c>
      <c r="M41725" t="s">
        <v>83</v>
      </c>
      <c r="N41725" t="s">
        <v>91</v>
      </c>
      <c r="O41725" t="s">
        <v>85</v>
      </c>
      <c r="P41725" t="s">
        <v>86</v>
      </c>
      <c r="Q41725">
        <v>115</v>
      </c>
      <c r="R41725">
        <v>116</v>
      </c>
      <c r="S41725">
        <v>116</v>
      </c>
      <c r="T41725">
        <v>117</v>
      </c>
      <c r="U41725">
        <v>117</v>
      </c>
      <c r="V41725">
        <v>118</v>
      </c>
      <c r="W41725">
        <v>118</v>
      </c>
      <c r="X41725">
        <v>118</v>
      </c>
      <c r="Y41725">
        <v>119</v>
      </c>
      <c r="Z41725">
        <v>119</v>
      </c>
      <c r="AA41725">
        <v>120</v>
      </c>
      <c r="AB41725">
        <v>120</v>
      </c>
      <c r="AC41725">
        <v>120</v>
      </c>
      <c r="AD41725">
        <v>120</v>
      </c>
      <c r="AE41725">
        <v>121</v>
      </c>
      <c r="AF41725">
        <v>121</v>
      </c>
      <c r="AG41725">
        <v>121</v>
      </c>
      <c r="AH41725">
        <v>121</v>
      </c>
      <c r="AI41725">
        <v>121</v>
      </c>
      <c r="AJ41725">
        <v>122</v>
      </c>
      <c r="AK41725">
        <v>122</v>
      </c>
      <c r="AL41725">
        <v>121</v>
      </c>
      <c r="AM41725">
        <v>120</v>
      </c>
      <c r="AN41725">
        <v>120</v>
      </c>
      <c r="AO41725">
        <v>119</v>
      </c>
      <c r="AP41725">
        <v>118</v>
      </c>
      <c r="AQ41725">
        <v>117</v>
      </c>
    </row>
    <row r="41726" spans="1:43">
      <c r="A41726" t="s">
        <v>25671</v>
      </c>
      <c r="B41726" t="s">
        <v>25672</v>
      </c>
      <c r="C41726" t="s">
        <v>25665</v>
      </c>
      <c r="D41726" t="s">
        <v>25666</v>
      </c>
      <c r="E41726" t="s">
        <v>2352</v>
      </c>
      <c r="F41726" t="s">
        <v>2353</v>
      </c>
      <c r="G41726" t="s">
        <v>80</v>
      </c>
      <c r="H41726" t="s">
        <v>81</v>
      </c>
      <c r="I41726" s="2">
        <v>0</v>
      </c>
      <c r="J41726" s="2">
        <v>0</v>
      </c>
      <c r="K41726" s="2">
        <v>1</v>
      </c>
      <c r="L41726" t="s">
        <v>995</v>
      </c>
      <c r="M41726" t="s">
        <v>83</v>
      </c>
      <c r="N41726" t="s">
        <v>84</v>
      </c>
      <c r="O41726" t="s">
        <v>85</v>
      </c>
      <c r="P41726" t="s">
        <v>86</v>
      </c>
      <c r="Q41726">
        <v>225</v>
      </c>
      <c r="R41726">
        <v>226</v>
      </c>
      <c r="S41726">
        <v>227</v>
      </c>
      <c r="T41726">
        <v>228</v>
      </c>
      <c r="U41726">
        <v>230</v>
      </c>
      <c r="V41726">
        <v>231</v>
      </c>
      <c r="W41726">
        <v>232</v>
      </c>
      <c r="X41726">
        <v>233</v>
      </c>
      <c r="Y41726">
        <v>234</v>
      </c>
      <c r="Z41726">
        <v>235</v>
      </c>
      <c r="AA41726">
        <v>236</v>
      </c>
      <c r="AB41726">
        <v>237</v>
      </c>
      <c r="AC41726">
        <v>238</v>
      </c>
      <c r="AD41726">
        <v>239</v>
      </c>
      <c r="AE41726">
        <v>240</v>
      </c>
      <c r="AF41726">
        <v>240</v>
      </c>
      <c r="AG41726">
        <v>241</v>
      </c>
      <c r="AH41726">
        <v>242</v>
      </c>
      <c r="AI41726">
        <v>243</v>
      </c>
      <c r="AJ41726">
        <v>244</v>
      </c>
      <c r="AK41726">
        <v>244</v>
      </c>
      <c r="AL41726">
        <v>244</v>
      </c>
      <c r="AM41726">
        <v>243</v>
      </c>
      <c r="AN41726">
        <v>242</v>
      </c>
      <c r="AO41726">
        <v>241</v>
      </c>
      <c r="AP41726">
        <v>240</v>
      </c>
      <c r="AQ41726">
        <v>239</v>
      </c>
    </row>
    <row r="41727" spans="1:43">
      <c r="A41727" t="s">
        <v>25671</v>
      </c>
      <c r="B41727" t="s">
        <v>25672</v>
      </c>
      <c r="C41727" t="s">
        <v>25665</v>
      </c>
      <c r="D41727" t="s">
        <v>25666</v>
      </c>
      <c r="E41727" t="s">
        <v>2352</v>
      </c>
      <c r="F41727" t="s">
        <v>2353</v>
      </c>
      <c r="G41727" t="s">
        <v>80</v>
      </c>
      <c r="H41727" t="s">
        <v>81</v>
      </c>
      <c r="I41727" s="2">
        <v>0</v>
      </c>
      <c r="J41727" s="2">
        <v>0</v>
      </c>
      <c r="K41727" s="2">
        <v>1</v>
      </c>
      <c r="L41727" t="s">
        <v>995</v>
      </c>
      <c r="M41727" t="s">
        <v>87</v>
      </c>
      <c r="N41727" t="s">
        <v>88</v>
      </c>
      <c r="O41727" t="s">
        <v>85</v>
      </c>
      <c r="P41727" t="s">
        <v>86</v>
      </c>
      <c r="Q41727">
        <v>225</v>
      </c>
      <c r="R41727">
        <v>224</v>
      </c>
      <c r="S41727">
        <v>223</v>
      </c>
      <c r="T41727">
        <v>222</v>
      </c>
      <c r="U41727">
        <v>221</v>
      </c>
      <c r="V41727">
        <v>221</v>
      </c>
      <c r="W41727">
        <v>220</v>
      </c>
      <c r="X41727">
        <v>219</v>
      </c>
      <c r="Y41727">
        <v>218</v>
      </c>
      <c r="Z41727">
        <v>218</v>
      </c>
      <c r="AA41727">
        <v>217</v>
      </c>
      <c r="AB41727">
        <v>216</v>
      </c>
      <c r="AC41727">
        <v>216</v>
      </c>
      <c r="AD41727">
        <v>215</v>
      </c>
      <c r="AE41727">
        <v>214</v>
      </c>
      <c r="AF41727">
        <v>214</v>
      </c>
      <c r="AG41727">
        <v>213</v>
      </c>
      <c r="AH41727">
        <v>212</v>
      </c>
      <c r="AI41727">
        <v>212</v>
      </c>
      <c r="AJ41727">
        <v>211</v>
      </c>
      <c r="AK41727">
        <v>210</v>
      </c>
      <c r="AL41727">
        <v>210</v>
      </c>
      <c r="AM41727">
        <v>209</v>
      </c>
      <c r="AN41727">
        <v>209</v>
      </c>
      <c r="AO41727">
        <v>208</v>
      </c>
      <c r="AP41727">
        <v>208</v>
      </c>
      <c r="AQ41727">
        <v>207</v>
      </c>
    </row>
    <row r="41728" spans="1:43">
      <c r="A41728" t="s">
        <v>25671</v>
      </c>
      <c r="B41728" t="s">
        <v>25672</v>
      </c>
      <c r="C41728" t="s">
        <v>25665</v>
      </c>
      <c r="D41728" t="s">
        <v>25666</v>
      </c>
      <c r="E41728" t="s">
        <v>2352</v>
      </c>
      <c r="F41728" t="s">
        <v>2353</v>
      </c>
      <c r="G41728" t="s">
        <v>80</v>
      </c>
      <c r="H41728" t="s">
        <v>81</v>
      </c>
      <c r="I41728" s="2">
        <v>0</v>
      </c>
      <c r="J41728" s="2">
        <v>0</v>
      </c>
      <c r="K41728" s="2">
        <v>1</v>
      </c>
      <c r="L41728" t="s">
        <v>995</v>
      </c>
      <c r="M41728" t="s">
        <v>89</v>
      </c>
      <c r="N41728" t="s">
        <v>90</v>
      </c>
      <c r="O41728" t="s">
        <v>85</v>
      </c>
      <c r="P41728" t="s">
        <v>86</v>
      </c>
      <c r="Q41728">
        <v>225</v>
      </c>
      <c r="R41728">
        <v>228</v>
      </c>
      <c r="S41728">
        <v>231</v>
      </c>
      <c r="T41728">
        <v>234</v>
      </c>
      <c r="U41728">
        <v>237</v>
      </c>
      <c r="V41728">
        <v>239</v>
      </c>
      <c r="W41728">
        <v>242</v>
      </c>
      <c r="X41728">
        <v>244</v>
      </c>
      <c r="Y41728">
        <v>246</v>
      </c>
      <c r="Z41728">
        <v>248</v>
      </c>
      <c r="AA41728">
        <v>249</v>
      </c>
      <c r="AB41728">
        <v>251</v>
      </c>
      <c r="AC41728">
        <v>253</v>
      </c>
      <c r="AD41728">
        <v>254</v>
      </c>
      <c r="AE41728">
        <v>255</v>
      </c>
      <c r="AF41728">
        <v>254</v>
      </c>
      <c r="AG41728">
        <v>252</v>
      </c>
      <c r="AH41728">
        <v>251</v>
      </c>
      <c r="AI41728">
        <v>250</v>
      </c>
      <c r="AJ41728">
        <v>249</v>
      </c>
      <c r="AK41728">
        <v>248</v>
      </c>
      <c r="AL41728">
        <v>247</v>
      </c>
      <c r="AM41728">
        <v>245</v>
      </c>
      <c r="AN41728">
        <v>244</v>
      </c>
      <c r="AO41728">
        <v>243</v>
      </c>
      <c r="AP41728">
        <v>242</v>
      </c>
      <c r="AQ41728">
        <v>241</v>
      </c>
    </row>
    <row r="41729" spans="1:43">
      <c r="A41729" t="s">
        <v>25671</v>
      </c>
      <c r="B41729" t="s">
        <v>25672</v>
      </c>
      <c r="C41729" t="s">
        <v>25665</v>
      </c>
      <c r="D41729" t="s">
        <v>25666</v>
      </c>
      <c r="E41729" t="s">
        <v>2352</v>
      </c>
      <c r="F41729" t="s">
        <v>2353</v>
      </c>
      <c r="G41729" t="s">
        <v>80</v>
      </c>
      <c r="H41729" t="s">
        <v>81</v>
      </c>
      <c r="I41729" s="2">
        <v>0</v>
      </c>
      <c r="J41729" s="2">
        <v>0</v>
      </c>
      <c r="K41729" s="2">
        <v>1</v>
      </c>
      <c r="L41729" t="s">
        <v>995</v>
      </c>
      <c r="M41729" t="s">
        <v>83</v>
      </c>
      <c r="N41729" t="s">
        <v>91</v>
      </c>
      <c r="O41729" t="s">
        <v>85</v>
      </c>
      <c r="P41729" t="s">
        <v>86</v>
      </c>
      <c r="Q41729">
        <v>225</v>
      </c>
      <c r="R41729">
        <v>226</v>
      </c>
      <c r="S41729">
        <v>227</v>
      </c>
      <c r="T41729">
        <v>228</v>
      </c>
      <c r="U41729">
        <v>230</v>
      </c>
      <c r="V41729">
        <v>231</v>
      </c>
      <c r="W41729">
        <v>232</v>
      </c>
      <c r="X41729">
        <v>233</v>
      </c>
      <c r="Y41729">
        <v>234</v>
      </c>
      <c r="Z41729">
        <v>235</v>
      </c>
      <c r="AA41729">
        <v>236</v>
      </c>
      <c r="AB41729">
        <v>237</v>
      </c>
      <c r="AC41729">
        <v>238</v>
      </c>
      <c r="AD41729">
        <v>239</v>
      </c>
      <c r="AE41729">
        <v>240</v>
      </c>
      <c r="AF41729">
        <v>240</v>
      </c>
      <c r="AG41729">
        <v>241</v>
      </c>
      <c r="AH41729">
        <v>242</v>
      </c>
      <c r="AI41729">
        <v>243</v>
      </c>
      <c r="AJ41729">
        <v>244</v>
      </c>
      <c r="AK41729">
        <v>244</v>
      </c>
      <c r="AL41729">
        <v>244</v>
      </c>
      <c r="AM41729">
        <v>243</v>
      </c>
      <c r="AN41729">
        <v>242</v>
      </c>
      <c r="AO41729">
        <v>241</v>
      </c>
      <c r="AP41729">
        <v>240</v>
      </c>
      <c r="AQ41729">
        <v>239</v>
      </c>
    </row>
    <row r="41730" spans="1:43">
      <c r="A41730" t="s">
        <v>25673</v>
      </c>
      <c r="B41730" t="s">
        <v>25674</v>
      </c>
      <c r="C41730" t="s">
        <v>25665</v>
      </c>
      <c r="D41730" t="s">
        <v>25666</v>
      </c>
      <c r="E41730" t="s">
        <v>2352</v>
      </c>
      <c r="F41730" t="s">
        <v>2353</v>
      </c>
      <c r="G41730" t="s">
        <v>80</v>
      </c>
      <c r="H41730" t="s">
        <v>81</v>
      </c>
      <c r="I41730" s="2">
        <v>0</v>
      </c>
      <c r="J41730" s="2">
        <v>0</v>
      </c>
      <c r="K41730" s="2">
        <v>1</v>
      </c>
      <c r="L41730" t="s">
        <v>995</v>
      </c>
      <c r="M41730" t="s">
        <v>83</v>
      </c>
      <c r="N41730" t="s">
        <v>84</v>
      </c>
      <c r="O41730" t="s">
        <v>85</v>
      </c>
      <c r="P41730" t="s">
        <v>86</v>
      </c>
      <c r="Q41730">
        <v>39</v>
      </c>
      <c r="R41730">
        <v>39</v>
      </c>
      <c r="S41730">
        <v>39</v>
      </c>
      <c r="T41730">
        <v>39</v>
      </c>
      <c r="U41730">
        <v>40</v>
      </c>
      <c r="V41730">
        <v>40</v>
      </c>
      <c r="W41730">
        <v>40</v>
      </c>
      <c r="X41730">
        <v>40</v>
      </c>
      <c r="Y41730">
        <v>40</v>
      </c>
      <c r="Z41730">
        <v>40</v>
      </c>
      <c r="AA41730">
        <v>41</v>
      </c>
      <c r="AB41730">
        <v>41</v>
      </c>
      <c r="AC41730">
        <v>41</v>
      </c>
      <c r="AD41730">
        <v>41</v>
      </c>
      <c r="AE41730">
        <v>41</v>
      </c>
      <c r="AF41730">
        <v>41</v>
      </c>
      <c r="AG41730">
        <v>42</v>
      </c>
      <c r="AH41730">
        <v>42</v>
      </c>
      <c r="AI41730">
        <v>42</v>
      </c>
      <c r="AJ41730">
        <v>42</v>
      </c>
      <c r="AK41730">
        <v>42</v>
      </c>
      <c r="AL41730">
        <v>42</v>
      </c>
      <c r="AM41730">
        <v>42</v>
      </c>
      <c r="AN41730">
        <v>42</v>
      </c>
      <c r="AO41730">
        <v>41</v>
      </c>
      <c r="AP41730">
        <v>41</v>
      </c>
      <c r="AQ41730">
        <v>41</v>
      </c>
    </row>
    <row r="41731" spans="1:43">
      <c r="A41731" t="s">
        <v>25673</v>
      </c>
      <c r="B41731" t="s">
        <v>25674</v>
      </c>
      <c r="C41731" t="s">
        <v>25665</v>
      </c>
      <c r="D41731" t="s">
        <v>25666</v>
      </c>
      <c r="E41731" t="s">
        <v>2352</v>
      </c>
      <c r="F41731" t="s">
        <v>2353</v>
      </c>
      <c r="G41731" t="s">
        <v>80</v>
      </c>
      <c r="H41731" t="s">
        <v>81</v>
      </c>
      <c r="I41731" s="2">
        <v>0</v>
      </c>
      <c r="J41731" s="2">
        <v>0</v>
      </c>
      <c r="K41731" s="2">
        <v>1</v>
      </c>
      <c r="L41731" t="s">
        <v>995</v>
      </c>
      <c r="M41731" t="s">
        <v>87</v>
      </c>
      <c r="N41731" t="s">
        <v>88</v>
      </c>
      <c r="O41731" t="s">
        <v>85</v>
      </c>
      <c r="P41731" t="s">
        <v>86</v>
      </c>
      <c r="Q41731">
        <v>39</v>
      </c>
      <c r="R41731">
        <v>39</v>
      </c>
      <c r="S41731">
        <v>39</v>
      </c>
      <c r="T41731">
        <v>39</v>
      </c>
      <c r="U41731">
        <v>39</v>
      </c>
      <c r="V41731">
        <v>39</v>
      </c>
      <c r="W41731">
        <v>39</v>
      </c>
      <c r="X41731">
        <v>38</v>
      </c>
      <c r="Y41731">
        <v>38</v>
      </c>
      <c r="Z41731">
        <v>38</v>
      </c>
      <c r="AA41731">
        <v>38</v>
      </c>
      <c r="AB41731">
        <v>38</v>
      </c>
      <c r="AC41731">
        <v>38</v>
      </c>
      <c r="AD41731">
        <v>38</v>
      </c>
      <c r="AE41731">
        <v>38</v>
      </c>
      <c r="AF41731">
        <v>37</v>
      </c>
      <c r="AG41731">
        <v>37</v>
      </c>
      <c r="AH41731">
        <v>37</v>
      </c>
      <c r="AI41731">
        <v>37</v>
      </c>
      <c r="AJ41731">
        <v>37</v>
      </c>
      <c r="AK41731">
        <v>37</v>
      </c>
      <c r="AL41731">
        <v>37</v>
      </c>
      <c r="AM41731">
        <v>37</v>
      </c>
      <c r="AN41731">
        <v>37</v>
      </c>
      <c r="AO41731">
        <v>37</v>
      </c>
      <c r="AP41731">
        <v>36</v>
      </c>
      <c r="AQ41731">
        <v>36</v>
      </c>
    </row>
    <row r="41732" spans="1:43">
      <c r="A41732" t="s">
        <v>25673</v>
      </c>
      <c r="B41732" t="s">
        <v>25674</v>
      </c>
      <c r="C41732" t="s">
        <v>25665</v>
      </c>
      <c r="D41732" t="s">
        <v>25666</v>
      </c>
      <c r="E41732" t="s">
        <v>2352</v>
      </c>
      <c r="F41732" t="s">
        <v>2353</v>
      </c>
      <c r="G41732" t="s">
        <v>80</v>
      </c>
      <c r="H41732" t="s">
        <v>81</v>
      </c>
      <c r="I41732" s="2">
        <v>0</v>
      </c>
      <c r="J41732" s="2">
        <v>0</v>
      </c>
      <c r="K41732" s="2">
        <v>1</v>
      </c>
      <c r="L41732" t="s">
        <v>995</v>
      </c>
      <c r="M41732" t="s">
        <v>89</v>
      </c>
      <c r="N41732" t="s">
        <v>90</v>
      </c>
      <c r="O41732" t="s">
        <v>85</v>
      </c>
      <c r="P41732" t="s">
        <v>86</v>
      </c>
      <c r="Q41732">
        <v>39</v>
      </c>
      <c r="R41732">
        <v>40</v>
      </c>
      <c r="S41732">
        <v>40</v>
      </c>
      <c r="T41732">
        <v>41</v>
      </c>
      <c r="U41732">
        <v>41</v>
      </c>
      <c r="V41732">
        <v>42</v>
      </c>
      <c r="W41732">
        <v>42</v>
      </c>
      <c r="X41732">
        <v>42</v>
      </c>
      <c r="Y41732">
        <v>43</v>
      </c>
      <c r="Z41732">
        <v>43</v>
      </c>
      <c r="AA41732">
        <v>43</v>
      </c>
      <c r="AB41732">
        <v>44</v>
      </c>
      <c r="AC41732">
        <v>44</v>
      </c>
      <c r="AD41732">
        <v>44</v>
      </c>
      <c r="AE41732">
        <v>44</v>
      </c>
      <c r="AF41732">
        <v>44</v>
      </c>
      <c r="AG41732">
        <v>44</v>
      </c>
      <c r="AH41732">
        <v>44</v>
      </c>
      <c r="AI41732">
        <v>43</v>
      </c>
      <c r="AJ41732">
        <v>43</v>
      </c>
      <c r="AK41732">
        <v>43</v>
      </c>
      <c r="AL41732">
        <v>43</v>
      </c>
      <c r="AM41732">
        <v>43</v>
      </c>
      <c r="AN41732">
        <v>42</v>
      </c>
      <c r="AO41732">
        <v>42</v>
      </c>
      <c r="AP41732">
        <v>42</v>
      </c>
      <c r="AQ41732">
        <v>42</v>
      </c>
    </row>
    <row r="41733" spans="1:43">
      <c r="A41733" t="s">
        <v>25673</v>
      </c>
      <c r="B41733" t="s">
        <v>25674</v>
      </c>
      <c r="C41733" t="s">
        <v>25665</v>
      </c>
      <c r="D41733" t="s">
        <v>25666</v>
      </c>
      <c r="E41733" t="s">
        <v>2352</v>
      </c>
      <c r="F41733" t="s">
        <v>2353</v>
      </c>
      <c r="G41733" t="s">
        <v>80</v>
      </c>
      <c r="H41733" t="s">
        <v>81</v>
      </c>
      <c r="I41733" s="2">
        <v>0</v>
      </c>
      <c r="J41733" s="2">
        <v>0</v>
      </c>
      <c r="K41733" s="2">
        <v>1</v>
      </c>
      <c r="L41733" t="s">
        <v>995</v>
      </c>
      <c r="M41733" t="s">
        <v>83</v>
      </c>
      <c r="N41733" t="s">
        <v>91</v>
      </c>
      <c r="O41733" t="s">
        <v>85</v>
      </c>
      <c r="P41733" t="s">
        <v>86</v>
      </c>
      <c r="Q41733">
        <v>39</v>
      </c>
      <c r="R41733">
        <v>39</v>
      </c>
      <c r="S41733">
        <v>39</v>
      </c>
      <c r="T41733">
        <v>39</v>
      </c>
      <c r="U41733">
        <v>40</v>
      </c>
      <c r="V41733">
        <v>40</v>
      </c>
      <c r="W41733">
        <v>40</v>
      </c>
      <c r="X41733">
        <v>40</v>
      </c>
      <c r="Y41733">
        <v>40</v>
      </c>
      <c r="Z41733">
        <v>40</v>
      </c>
      <c r="AA41733">
        <v>41</v>
      </c>
      <c r="AB41733">
        <v>41</v>
      </c>
      <c r="AC41733">
        <v>41</v>
      </c>
      <c r="AD41733">
        <v>41</v>
      </c>
      <c r="AE41733">
        <v>41</v>
      </c>
      <c r="AF41733">
        <v>41</v>
      </c>
      <c r="AG41733">
        <v>42</v>
      </c>
      <c r="AH41733">
        <v>42</v>
      </c>
      <c r="AI41733">
        <v>42</v>
      </c>
      <c r="AJ41733">
        <v>42</v>
      </c>
      <c r="AK41733">
        <v>42</v>
      </c>
      <c r="AL41733">
        <v>42</v>
      </c>
      <c r="AM41733">
        <v>42</v>
      </c>
      <c r="AN41733">
        <v>42</v>
      </c>
      <c r="AO41733">
        <v>41</v>
      </c>
      <c r="AP41733">
        <v>41</v>
      </c>
      <c r="AQ41733">
        <v>41</v>
      </c>
    </row>
    <row r="41734" spans="1:43">
      <c r="A41734" t="s">
        <v>25675</v>
      </c>
      <c r="B41734" t="s">
        <v>25676</v>
      </c>
      <c r="C41734" t="s">
        <v>2506</v>
      </c>
      <c r="D41734" t="s">
        <v>2507</v>
      </c>
      <c r="E41734" t="s">
        <v>2352</v>
      </c>
      <c r="F41734" t="s">
        <v>2353</v>
      </c>
      <c r="G41734" t="s">
        <v>80</v>
      </c>
      <c r="H41734" t="s">
        <v>81</v>
      </c>
      <c r="I41734" s="2">
        <v>0</v>
      </c>
      <c r="J41734" s="2">
        <v>0</v>
      </c>
      <c r="K41734" s="2">
        <v>1</v>
      </c>
      <c r="L41734" t="s">
        <v>995</v>
      </c>
      <c r="M41734" t="s">
        <v>83</v>
      </c>
      <c r="N41734" t="s">
        <v>84</v>
      </c>
      <c r="O41734" t="s">
        <v>85</v>
      </c>
      <c r="P41734" t="s">
        <v>86</v>
      </c>
      <c r="Q41734">
        <v>187</v>
      </c>
      <c r="R41734">
        <v>188</v>
      </c>
      <c r="S41734">
        <v>189</v>
      </c>
      <c r="T41734">
        <v>190</v>
      </c>
      <c r="U41734">
        <v>191</v>
      </c>
      <c r="V41734">
        <v>192</v>
      </c>
      <c r="W41734">
        <v>193</v>
      </c>
      <c r="X41734">
        <v>194</v>
      </c>
      <c r="Y41734">
        <v>195</v>
      </c>
      <c r="Z41734">
        <v>196</v>
      </c>
      <c r="AA41734">
        <v>197</v>
      </c>
      <c r="AB41734">
        <v>197</v>
      </c>
      <c r="AC41734">
        <v>198</v>
      </c>
      <c r="AD41734">
        <v>199</v>
      </c>
      <c r="AE41734">
        <v>200</v>
      </c>
      <c r="AF41734">
        <v>200</v>
      </c>
      <c r="AG41734">
        <v>201</v>
      </c>
      <c r="AH41734">
        <v>202</v>
      </c>
      <c r="AI41734">
        <v>202</v>
      </c>
      <c r="AJ41734">
        <v>203</v>
      </c>
      <c r="AK41734">
        <v>203</v>
      </c>
      <c r="AL41734">
        <v>203</v>
      </c>
      <c r="AM41734">
        <v>202</v>
      </c>
      <c r="AN41734">
        <v>201</v>
      </c>
      <c r="AO41734">
        <v>200</v>
      </c>
      <c r="AP41734">
        <v>200</v>
      </c>
      <c r="AQ41734">
        <v>199</v>
      </c>
    </row>
    <row r="41735" spans="1:43">
      <c r="A41735" t="s">
        <v>25675</v>
      </c>
      <c r="B41735" t="s">
        <v>25676</v>
      </c>
      <c r="C41735" t="s">
        <v>2506</v>
      </c>
      <c r="D41735" t="s">
        <v>2507</v>
      </c>
      <c r="E41735" t="s">
        <v>2352</v>
      </c>
      <c r="F41735" t="s">
        <v>2353</v>
      </c>
      <c r="G41735" t="s">
        <v>80</v>
      </c>
      <c r="H41735" t="s">
        <v>81</v>
      </c>
      <c r="I41735" s="2">
        <v>0</v>
      </c>
      <c r="J41735" s="2">
        <v>0</v>
      </c>
      <c r="K41735" s="2">
        <v>1</v>
      </c>
      <c r="L41735" t="s">
        <v>995</v>
      </c>
      <c r="M41735" t="s">
        <v>87</v>
      </c>
      <c r="N41735" t="s">
        <v>88</v>
      </c>
      <c r="O41735" t="s">
        <v>85</v>
      </c>
      <c r="P41735" t="s">
        <v>86</v>
      </c>
      <c r="Q41735">
        <v>187</v>
      </c>
      <c r="R41735">
        <v>187</v>
      </c>
      <c r="S41735">
        <v>186</v>
      </c>
      <c r="T41735">
        <v>185</v>
      </c>
      <c r="U41735">
        <v>185</v>
      </c>
      <c r="V41735">
        <v>184</v>
      </c>
      <c r="W41735">
        <v>183</v>
      </c>
      <c r="X41735">
        <v>183</v>
      </c>
      <c r="Y41735">
        <v>182</v>
      </c>
      <c r="Z41735">
        <v>182</v>
      </c>
      <c r="AA41735">
        <v>181</v>
      </c>
      <c r="AB41735">
        <v>180</v>
      </c>
      <c r="AC41735">
        <v>180</v>
      </c>
      <c r="AD41735">
        <v>179</v>
      </c>
      <c r="AE41735">
        <v>179</v>
      </c>
      <c r="AF41735">
        <v>178</v>
      </c>
      <c r="AG41735">
        <v>178</v>
      </c>
      <c r="AH41735">
        <v>177</v>
      </c>
      <c r="AI41735">
        <v>177</v>
      </c>
      <c r="AJ41735">
        <v>176</v>
      </c>
      <c r="AK41735">
        <v>176</v>
      </c>
      <c r="AL41735">
        <v>175</v>
      </c>
      <c r="AM41735">
        <v>175</v>
      </c>
      <c r="AN41735">
        <v>174</v>
      </c>
      <c r="AO41735">
        <v>174</v>
      </c>
      <c r="AP41735">
        <v>173</v>
      </c>
      <c r="AQ41735">
        <v>173</v>
      </c>
    </row>
    <row r="41736" spans="1:43">
      <c r="A41736" t="s">
        <v>25675</v>
      </c>
      <c r="B41736" t="s">
        <v>25676</v>
      </c>
      <c r="C41736" t="s">
        <v>2506</v>
      </c>
      <c r="D41736" t="s">
        <v>2507</v>
      </c>
      <c r="E41736" t="s">
        <v>2352</v>
      </c>
      <c r="F41736" t="s">
        <v>2353</v>
      </c>
      <c r="G41736" t="s">
        <v>80</v>
      </c>
      <c r="H41736" t="s">
        <v>81</v>
      </c>
      <c r="I41736" s="2">
        <v>0</v>
      </c>
      <c r="J41736" s="2">
        <v>0</v>
      </c>
      <c r="K41736" s="2">
        <v>1</v>
      </c>
      <c r="L41736" t="s">
        <v>995</v>
      </c>
      <c r="M41736" t="s">
        <v>89</v>
      </c>
      <c r="N41736" t="s">
        <v>90</v>
      </c>
      <c r="O41736" t="s">
        <v>85</v>
      </c>
      <c r="P41736" t="s">
        <v>86</v>
      </c>
      <c r="Q41736">
        <v>187</v>
      </c>
      <c r="R41736">
        <v>189</v>
      </c>
      <c r="S41736">
        <v>192</v>
      </c>
      <c r="T41736">
        <v>194</v>
      </c>
      <c r="U41736">
        <v>197</v>
      </c>
      <c r="V41736">
        <v>199</v>
      </c>
      <c r="W41736">
        <v>201</v>
      </c>
      <c r="X41736">
        <v>203</v>
      </c>
      <c r="Y41736">
        <v>204</v>
      </c>
      <c r="Z41736">
        <v>206</v>
      </c>
      <c r="AA41736">
        <v>207</v>
      </c>
      <c r="AB41736">
        <v>209</v>
      </c>
      <c r="AC41736">
        <v>210</v>
      </c>
      <c r="AD41736">
        <v>212</v>
      </c>
      <c r="AE41736">
        <v>212</v>
      </c>
      <c r="AF41736">
        <v>211</v>
      </c>
      <c r="AG41736">
        <v>210</v>
      </c>
      <c r="AH41736">
        <v>209</v>
      </c>
      <c r="AI41736">
        <v>208</v>
      </c>
      <c r="AJ41736">
        <v>207</v>
      </c>
      <c r="AK41736">
        <v>206</v>
      </c>
      <c r="AL41736">
        <v>205</v>
      </c>
      <c r="AM41736">
        <v>204</v>
      </c>
      <c r="AN41736">
        <v>203</v>
      </c>
      <c r="AO41736">
        <v>202</v>
      </c>
      <c r="AP41736">
        <v>201</v>
      </c>
      <c r="AQ41736">
        <v>200</v>
      </c>
    </row>
    <row r="41737" spans="1:43">
      <c r="A41737" t="s">
        <v>25675</v>
      </c>
      <c r="B41737" t="s">
        <v>25676</v>
      </c>
      <c r="C41737" t="s">
        <v>2506</v>
      </c>
      <c r="D41737" t="s">
        <v>2507</v>
      </c>
      <c r="E41737" t="s">
        <v>2352</v>
      </c>
      <c r="F41737" t="s">
        <v>2353</v>
      </c>
      <c r="G41737" t="s">
        <v>80</v>
      </c>
      <c r="H41737" t="s">
        <v>81</v>
      </c>
      <c r="I41737" s="2">
        <v>0</v>
      </c>
      <c r="J41737" s="2">
        <v>0</v>
      </c>
      <c r="K41737" s="2">
        <v>1</v>
      </c>
      <c r="L41737" t="s">
        <v>995</v>
      </c>
      <c r="M41737" t="s">
        <v>83</v>
      </c>
      <c r="N41737" t="s">
        <v>91</v>
      </c>
      <c r="O41737" t="s">
        <v>85</v>
      </c>
      <c r="P41737" t="s">
        <v>86</v>
      </c>
      <c r="Q41737">
        <v>187</v>
      </c>
      <c r="R41737">
        <v>188</v>
      </c>
      <c r="S41737">
        <v>189</v>
      </c>
      <c r="T41737">
        <v>190</v>
      </c>
      <c r="U41737">
        <v>191</v>
      </c>
      <c r="V41737">
        <v>192</v>
      </c>
      <c r="W41737">
        <v>193</v>
      </c>
      <c r="X41737">
        <v>194</v>
      </c>
      <c r="Y41737">
        <v>195</v>
      </c>
      <c r="Z41737">
        <v>196</v>
      </c>
      <c r="AA41737">
        <v>197</v>
      </c>
      <c r="AB41737">
        <v>197</v>
      </c>
      <c r="AC41737">
        <v>198</v>
      </c>
      <c r="AD41737">
        <v>199</v>
      </c>
      <c r="AE41737">
        <v>200</v>
      </c>
      <c r="AF41737">
        <v>200</v>
      </c>
      <c r="AG41737">
        <v>201</v>
      </c>
      <c r="AH41737">
        <v>202</v>
      </c>
      <c r="AI41737">
        <v>202</v>
      </c>
      <c r="AJ41737">
        <v>203</v>
      </c>
      <c r="AK41737">
        <v>203</v>
      </c>
      <c r="AL41737">
        <v>203</v>
      </c>
      <c r="AM41737">
        <v>202</v>
      </c>
      <c r="AN41737">
        <v>201</v>
      </c>
      <c r="AO41737">
        <v>200</v>
      </c>
      <c r="AP41737">
        <v>200</v>
      </c>
      <c r="AQ41737">
        <v>199</v>
      </c>
    </row>
    <row r="41738" spans="1:43">
      <c r="A41738" t="s">
        <v>25677</v>
      </c>
      <c r="B41738" t="s">
        <v>25678</v>
      </c>
      <c r="C41738" t="s">
        <v>8868</v>
      </c>
      <c r="D41738" t="s">
        <v>8869</v>
      </c>
      <c r="E41738" t="s">
        <v>8652</v>
      </c>
      <c r="F41738" t="s">
        <v>8653</v>
      </c>
      <c r="G41738" t="s">
        <v>80</v>
      </c>
      <c r="H41738" t="s">
        <v>81</v>
      </c>
      <c r="I41738" s="2">
        <v>0</v>
      </c>
      <c r="J41738" s="2">
        <v>0</v>
      </c>
      <c r="K41738" s="2">
        <v>1</v>
      </c>
      <c r="L41738" t="s">
        <v>995</v>
      </c>
      <c r="M41738" t="s">
        <v>83</v>
      </c>
      <c r="N41738" t="s">
        <v>84</v>
      </c>
      <c r="O41738" t="s">
        <v>85</v>
      </c>
      <c r="P41738" t="s">
        <v>86</v>
      </c>
      <c r="Q41738">
        <v>23</v>
      </c>
      <c r="R41738">
        <v>23</v>
      </c>
      <c r="S41738">
        <v>23</v>
      </c>
      <c r="T41738">
        <v>23</v>
      </c>
      <c r="U41738">
        <v>23</v>
      </c>
      <c r="V41738">
        <v>23</v>
      </c>
      <c r="W41738">
        <v>23</v>
      </c>
      <c r="X41738">
        <v>23</v>
      </c>
      <c r="Y41738">
        <v>23</v>
      </c>
      <c r="Z41738">
        <v>24</v>
      </c>
      <c r="AA41738">
        <v>24</v>
      </c>
      <c r="AB41738">
        <v>24</v>
      </c>
      <c r="AC41738">
        <v>24</v>
      </c>
      <c r="AD41738">
        <v>24</v>
      </c>
      <c r="AE41738">
        <v>24</v>
      </c>
      <c r="AF41738">
        <v>24</v>
      </c>
      <c r="AG41738">
        <v>24</v>
      </c>
      <c r="AH41738">
        <v>24</v>
      </c>
      <c r="AI41738">
        <v>24</v>
      </c>
      <c r="AJ41738">
        <v>24</v>
      </c>
      <c r="AK41738">
        <v>24</v>
      </c>
      <c r="AL41738">
        <v>24</v>
      </c>
      <c r="AM41738">
        <v>24</v>
      </c>
      <c r="AN41738">
        <v>23</v>
      </c>
      <c r="AO41738">
        <v>23</v>
      </c>
      <c r="AP41738">
        <v>23</v>
      </c>
      <c r="AQ41738">
        <v>23</v>
      </c>
    </row>
    <row r="41739" spans="1:43">
      <c r="A41739" t="s">
        <v>25677</v>
      </c>
      <c r="B41739" t="s">
        <v>25678</v>
      </c>
      <c r="C41739" t="s">
        <v>8868</v>
      </c>
      <c r="D41739" t="s">
        <v>8869</v>
      </c>
      <c r="E41739" t="s">
        <v>8652</v>
      </c>
      <c r="F41739" t="s">
        <v>8653</v>
      </c>
      <c r="G41739" t="s">
        <v>80</v>
      </c>
      <c r="H41739" t="s">
        <v>81</v>
      </c>
      <c r="I41739" s="2">
        <v>0</v>
      </c>
      <c r="J41739" s="2">
        <v>0</v>
      </c>
      <c r="K41739" s="2">
        <v>1</v>
      </c>
      <c r="L41739" t="s">
        <v>995</v>
      </c>
      <c r="M41739" t="s">
        <v>87</v>
      </c>
      <c r="N41739" t="s">
        <v>88</v>
      </c>
      <c r="O41739" t="s">
        <v>85</v>
      </c>
      <c r="P41739" t="s">
        <v>86</v>
      </c>
      <c r="Q41739">
        <v>23</v>
      </c>
      <c r="R41739">
        <v>23</v>
      </c>
      <c r="S41739">
        <v>22</v>
      </c>
      <c r="T41739">
        <v>22</v>
      </c>
      <c r="U41739">
        <v>22</v>
      </c>
      <c r="V41739">
        <v>22</v>
      </c>
      <c r="W41739">
        <v>22</v>
      </c>
      <c r="X41739">
        <v>22</v>
      </c>
      <c r="Y41739">
        <v>22</v>
      </c>
      <c r="Z41739">
        <v>22</v>
      </c>
      <c r="AA41739">
        <v>21</v>
      </c>
      <c r="AB41739">
        <v>21</v>
      </c>
      <c r="AC41739">
        <v>21</v>
      </c>
      <c r="AD41739">
        <v>21</v>
      </c>
      <c r="AE41739">
        <v>21</v>
      </c>
      <c r="AF41739">
        <v>21</v>
      </c>
      <c r="AG41739">
        <v>21</v>
      </c>
      <c r="AH41739">
        <v>21</v>
      </c>
      <c r="AI41739">
        <v>21</v>
      </c>
      <c r="AJ41739">
        <v>21</v>
      </c>
      <c r="AK41739">
        <v>20</v>
      </c>
      <c r="AL41739">
        <v>20</v>
      </c>
      <c r="AM41739">
        <v>20</v>
      </c>
      <c r="AN41739">
        <v>20</v>
      </c>
      <c r="AO41739">
        <v>20</v>
      </c>
      <c r="AP41739">
        <v>20</v>
      </c>
      <c r="AQ41739">
        <v>20</v>
      </c>
    </row>
    <row r="41740" spans="1:43">
      <c r="A41740" t="s">
        <v>25677</v>
      </c>
      <c r="B41740" t="s">
        <v>25678</v>
      </c>
      <c r="C41740" t="s">
        <v>8868</v>
      </c>
      <c r="D41740" t="s">
        <v>8869</v>
      </c>
      <c r="E41740" t="s">
        <v>8652</v>
      </c>
      <c r="F41740" t="s">
        <v>8653</v>
      </c>
      <c r="G41740" t="s">
        <v>80</v>
      </c>
      <c r="H41740" t="s">
        <v>81</v>
      </c>
      <c r="I41740" s="2">
        <v>0</v>
      </c>
      <c r="J41740" s="2">
        <v>0</v>
      </c>
      <c r="K41740" s="2">
        <v>1</v>
      </c>
      <c r="L41740" t="s">
        <v>995</v>
      </c>
      <c r="M41740" t="s">
        <v>89</v>
      </c>
      <c r="N41740" t="s">
        <v>90</v>
      </c>
      <c r="O41740" t="s">
        <v>85</v>
      </c>
      <c r="P41740" t="s">
        <v>86</v>
      </c>
      <c r="Q41740">
        <v>23</v>
      </c>
      <c r="R41740">
        <v>23</v>
      </c>
      <c r="S41740">
        <v>24</v>
      </c>
      <c r="T41740">
        <v>24</v>
      </c>
      <c r="U41740">
        <v>24</v>
      </c>
      <c r="V41740">
        <v>24</v>
      </c>
      <c r="W41740">
        <v>25</v>
      </c>
      <c r="X41740">
        <v>25</v>
      </c>
      <c r="Y41740">
        <v>25</v>
      </c>
      <c r="Z41740">
        <v>25</v>
      </c>
      <c r="AA41740">
        <v>25</v>
      </c>
      <c r="AB41740">
        <v>25</v>
      </c>
      <c r="AC41740">
        <v>25</v>
      </c>
      <c r="AD41740">
        <v>25</v>
      </c>
      <c r="AE41740">
        <v>25</v>
      </c>
      <c r="AF41740">
        <v>25</v>
      </c>
      <c r="AG41740">
        <v>25</v>
      </c>
      <c r="AH41740">
        <v>25</v>
      </c>
      <c r="AI41740">
        <v>25</v>
      </c>
      <c r="AJ41740">
        <v>24</v>
      </c>
      <c r="AK41740">
        <v>24</v>
      </c>
      <c r="AL41740">
        <v>24</v>
      </c>
      <c r="AM41740">
        <v>24</v>
      </c>
      <c r="AN41740">
        <v>24</v>
      </c>
      <c r="AO41740">
        <v>23</v>
      </c>
      <c r="AP41740">
        <v>23</v>
      </c>
      <c r="AQ41740">
        <v>23</v>
      </c>
    </row>
    <row r="41741" spans="1:43">
      <c r="A41741" t="s">
        <v>25677</v>
      </c>
      <c r="B41741" t="s">
        <v>25678</v>
      </c>
      <c r="C41741" t="s">
        <v>8868</v>
      </c>
      <c r="D41741" t="s">
        <v>8869</v>
      </c>
      <c r="E41741" t="s">
        <v>8652</v>
      </c>
      <c r="F41741" t="s">
        <v>8653</v>
      </c>
      <c r="G41741" t="s">
        <v>80</v>
      </c>
      <c r="H41741" t="s">
        <v>81</v>
      </c>
      <c r="I41741" s="2">
        <v>0</v>
      </c>
      <c r="J41741" s="2">
        <v>0</v>
      </c>
      <c r="K41741" s="2">
        <v>1</v>
      </c>
      <c r="L41741" t="s">
        <v>995</v>
      </c>
      <c r="M41741" t="s">
        <v>83</v>
      </c>
      <c r="N41741" t="s">
        <v>91</v>
      </c>
      <c r="O41741" t="s">
        <v>85</v>
      </c>
      <c r="P41741" t="s">
        <v>86</v>
      </c>
      <c r="Q41741">
        <v>23</v>
      </c>
      <c r="R41741">
        <v>23</v>
      </c>
      <c r="S41741">
        <v>23</v>
      </c>
      <c r="T41741">
        <v>23</v>
      </c>
      <c r="U41741">
        <v>23</v>
      </c>
      <c r="V41741">
        <v>23</v>
      </c>
      <c r="W41741">
        <v>23</v>
      </c>
      <c r="X41741">
        <v>23</v>
      </c>
      <c r="Y41741">
        <v>23</v>
      </c>
      <c r="Z41741">
        <v>24</v>
      </c>
      <c r="AA41741">
        <v>24</v>
      </c>
      <c r="AB41741">
        <v>24</v>
      </c>
      <c r="AC41741">
        <v>24</v>
      </c>
      <c r="AD41741">
        <v>24</v>
      </c>
      <c r="AE41741">
        <v>24</v>
      </c>
      <c r="AF41741">
        <v>24</v>
      </c>
      <c r="AG41741">
        <v>24</v>
      </c>
      <c r="AH41741">
        <v>24</v>
      </c>
      <c r="AI41741">
        <v>24</v>
      </c>
      <c r="AJ41741">
        <v>24</v>
      </c>
      <c r="AK41741">
        <v>24</v>
      </c>
      <c r="AL41741">
        <v>24</v>
      </c>
      <c r="AM41741">
        <v>24</v>
      </c>
      <c r="AN41741">
        <v>23</v>
      </c>
      <c r="AO41741">
        <v>23</v>
      </c>
      <c r="AP41741">
        <v>23</v>
      </c>
      <c r="AQ41741">
        <v>23</v>
      </c>
    </row>
    <row r="41742" spans="1:43">
      <c r="A41742" t="s">
        <v>25679</v>
      </c>
      <c r="B41742" t="s">
        <v>25680</v>
      </c>
      <c r="C41742" t="s">
        <v>8868</v>
      </c>
      <c r="D41742" t="s">
        <v>8869</v>
      </c>
      <c r="E41742" t="s">
        <v>8652</v>
      </c>
      <c r="F41742" t="s">
        <v>8653</v>
      </c>
      <c r="G41742" t="s">
        <v>80</v>
      </c>
      <c r="H41742" t="s">
        <v>81</v>
      </c>
      <c r="I41742" s="2">
        <v>0</v>
      </c>
      <c r="J41742" s="2">
        <v>0</v>
      </c>
      <c r="K41742" s="2">
        <v>1</v>
      </c>
      <c r="L41742" t="s">
        <v>995</v>
      </c>
      <c r="M41742" t="s">
        <v>83</v>
      </c>
      <c r="N41742" t="s">
        <v>84</v>
      </c>
      <c r="O41742" t="s">
        <v>85</v>
      </c>
      <c r="P41742" t="s">
        <v>86</v>
      </c>
      <c r="Q41742">
        <v>27</v>
      </c>
      <c r="R41742">
        <v>27</v>
      </c>
      <c r="S41742">
        <v>27</v>
      </c>
      <c r="T41742">
        <v>27</v>
      </c>
      <c r="U41742">
        <v>27</v>
      </c>
      <c r="V41742">
        <v>27</v>
      </c>
      <c r="W41742">
        <v>27</v>
      </c>
      <c r="X41742">
        <v>27</v>
      </c>
      <c r="Y41742">
        <v>27</v>
      </c>
      <c r="Z41742">
        <v>28</v>
      </c>
      <c r="AA41742">
        <v>28</v>
      </c>
      <c r="AB41742">
        <v>28</v>
      </c>
      <c r="AC41742">
        <v>28</v>
      </c>
      <c r="AD41742">
        <v>28</v>
      </c>
      <c r="AE41742">
        <v>28</v>
      </c>
      <c r="AF41742">
        <v>28</v>
      </c>
      <c r="AG41742">
        <v>28</v>
      </c>
      <c r="AH41742">
        <v>28</v>
      </c>
      <c r="AI41742">
        <v>28</v>
      </c>
      <c r="AJ41742">
        <v>28</v>
      </c>
      <c r="AK41742">
        <v>28</v>
      </c>
      <c r="AL41742">
        <v>28</v>
      </c>
      <c r="AM41742">
        <v>28</v>
      </c>
      <c r="AN41742">
        <v>27</v>
      </c>
      <c r="AO41742">
        <v>27</v>
      </c>
      <c r="AP41742">
        <v>27</v>
      </c>
      <c r="AQ41742">
        <v>27</v>
      </c>
    </row>
    <row r="41743" spans="1:43">
      <c r="A41743" t="s">
        <v>25679</v>
      </c>
      <c r="B41743" t="s">
        <v>25680</v>
      </c>
      <c r="C41743" t="s">
        <v>8868</v>
      </c>
      <c r="D41743" t="s">
        <v>8869</v>
      </c>
      <c r="E41743" t="s">
        <v>8652</v>
      </c>
      <c r="F41743" t="s">
        <v>8653</v>
      </c>
      <c r="G41743" t="s">
        <v>80</v>
      </c>
      <c r="H41743" t="s">
        <v>81</v>
      </c>
      <c r="I41743" s="2">
        <v>0</v>
      </c>
      <c r="J41743" s="2">
        <v>0</v>
      </c>
      <c r="K41743" s="2">
        <v>1</v>
      </c>
      <c r="L41743" t="s">
        <v>995</v>
      </c>
      <c r="M41743" t="s">
        <v>87</v>
      </c>
      <c r="N41743" t="s">
        <v>88</v>
      </c>
      <c r="O41743" t="s">
        <v>85</v>
      </c>
      <c r="P41743" t="s">
        <v>86</v>
      </c>
      <c r="Q41743">
        <v>27</v>
      </c>
      <c r="R41743">
        <v>26</v>
      </c>
      <c r="S41743">
        <v>26</v>
      </c>
      <c r="T41743">
        <v>26</v>
      </c>
      <c r="U41743">
        <v>26</v>
      </c>
      <c r="V41743">
        <v>26</v>
      </c>
      <c r="W41743">
        <v>26</v>
      </c>
      <c r="X41743">
        <v>26</v>
      </c>
      <c r="Y41743">
        <v>25</v>
      </c>
      <c r="Z41743">
        <v>25</v>
      </c>
      <c r="AA41743">
        <v>25</v>
      </c>
      <c r="AB41743">
        <v>25</v>
      </c>
      <c r="AC41743">
        <v>25</v>
      </c>
      <c r="AD41743">
        <v>25</v>
      </c>
      <c r="AE41743">
        <v>25</v>
      </c>
      <c r="AF41743">
        <v>24</v>
      </c>
      <c r="AG41743">
        <v>24</v>
      </c>
      <c r="AH41743">
        <v>24</v>
      </c>
      <c r="AI41743">
        <v>24</v>
      </c>
      <c r="AJ41743">
        <v>24</v>
      </c>
      <c r="AK41743">
        <v>24</v>
      </c>
      <c r="AL41743">
        <v>24</v>
      </c>
      <c r="AM41743">
        <v>24</v>
      </c>
      <c r="AN41743">
        <v>24</v>
      </c>
      <c r="AO41743">
        <v>23</v>
      </c>
      <c r="AP41743">
        <v>23</v>
      </c>
      <c r="AQ41743">
        <v>23</v>
      </c>
    </row>
    <row r="41744" spans="1:43">
      <c r="A41744" t="s">
        <v>25679</v>
      </c>
      <c r="B41744" t="s">
        <v>25680</v>
      </c>
      <c r="C41744" t="s">
        <v>8868</v>
      </c>
      <c r="D41744" t="s">
        <v>8869</v>
      </c>
      <c r="E41744" t="s">
        <v>8652</v>
      </c>
      <c r="F41744" t="s">
        <v>8653</v>
      </c>
      <c r="G41744" t="s">
        <v>80</v>
      </c>
      <c r="H41744" t="s">
        <v>81</v>
      </c>
      <c r="I41744" s="2">
        <v>0</v>
      </c>
      <c r="J41744" s="2">
        <v>0</v>
      </c>
      <c r="K41744" s="2">
        <v>1</v>
      </c>
      <c r="L41744" t="s">
        <v>995</v>
      </c>
      <c r="M41744" t="s">
        <v>89</v>
      </c>
      <c r="N41744" t="s">
        <v>90</v>
      </c>
      <c r="O41744" t="s">
        <v>85</v>
      </c>
      <c r="P41744" t="s">
        <v>86</v>
      </c>
      <c r="Q41744">
        <v>27</v>
      </c>
      <c r="R41744">
        <v>27</v>
      </c>
      <c r="S41744">
        <v>28</v>
      </c>
      <c r="T41744">
        <v>28</v>
      </c>
      <c r="U41744">
        <v>28</v>
      </c>
      <c r="V41744">
        <v>28</v>
      </c>
      <c r="W41744">
        <v>29</v>
      </c>
      <c r="X41744">
        <v>29</v>
      </c>
      <c r="Y41744">
        <v>29</v>
      </c>
      <c r="Z41744">
        <v>29</v>
      </c>
      <c r="AA41744">
        <v>29</v>
      </c>
      <c r="AB41744">
        <v>30</v>
      </c>
      <c r="AC41744">
        <v>30</v>
      </c>
      <c r="AD41744">
        <v>30</v>
      </c>
      <c r="AE41744">
        <v>30</v>
      </c>
      <c r="AF41744">
        <v>30</v>
      </c>
      <c r="AG41744">
        <v>29</v>
      </c>
      <c r="AH41744">
        <v>29</v>
      </c>
      <c r="AI41744">
        <v>29</v>
      </c>
      <c r="AJ41744">
        <v>28</v>
      </c>
      <c r="AK41744">
        <v>28</v>
      </c>
      <c r="AL41744">
        <v>28</v>
      </c>
      <c r="AM41744">
        <v>28</v>
      </c>
      <c r="AN41744">
        <v>28</v>
      </c>
      <c r="AO41744">
        <v>27</v>
      </c>
      <c r="AP41744">
        <v>27</v>
      </c>
      <c r="AQ41744">
        <v>27</v>
      </c>
    </row>
    <row r="41745" spans="1:43">
      <c r="A41745" t="s">
        <v>25679</v>
      </c>
      <c r="B41745" t="s">
        <v>25680</v>
      </c>
      <c r="C41745" t="s">
        <v>8868</v>
      </c>
      <c r="D41745" t="s">
        <v>8869</v>
      </c>
      <c r="E41745" t="s">
        <v>8652</v>
      </c>
      <c r="F41745" t="s">
        <v>8653</v>
      </c>
      <c r="G41745" t="s">
        <v>80</v>
      </c>
      <c r="H41745" t="s">
        <v>81</v>
      </c>
      <c r="I41745" s="2">
        <v>0</v>
      </c>
      <c r="J41745" s="2">
        <v>0</v>
      </c>
      <c r="K41745" s="2">
        <v>1</v>
      </c>
      <c r="L41745" t="s">
        <v>995</v>
      </c>
      <c r="M41745" t="s">
        <v>83</v>
      </c>
      <c r="N41745" t="s">
        <v>91</v>
      </c>
      <c r="O41745" t="s">
        <v>85</v>
      </c>
      <c r="P41745" t="s">
        <v>86</v>
      </c>
      <c r="Q41745">
        <v>27</v>
      </c>
      <c r="R41745">
        <v>27</v>
      </c>
      <c r="S41745">
        <v>27</v>
      </c>
      <c r="T41745">
        <v>27</v>
      </c>
      <c r="U41745">
        <v>27</v>
      </c>
      <c r="V41745">
        <v>27</v>
      </c>
      <c r="W41745">
        <v>27</v>
      </c>
      <c r="X41745">
        <v>27</v>
      </c>
      <c r="Y41745">
        <v>27</v>
      </c>
      <c r="Z41745">
        <v>28</v>
      </c>
      <c r="AA41745">
        <v>28</v>
      </c>
      <c r="AB41745">
        <v>28</v>
      </c>
      <c r="AC41745">
        <v>28</v>
      </c>
      <c r="AD41745">
        <v>28</v>
      </c>
      <c r="AE41745">
        <v>28</v>
      </c>
      <c r="AF41745">
        <v>28</v>
      </c>
      <c r="AG41745">
        <v>28</v>
      </c>
      <c r="AH41745">
        <v>28</v>
      </c>
      <c r="AI41745">
        <v>28</v>
      </c>
      <c r="AJ41745">
        <v>28</v>
      </c>
      <c r="AK41745">
        <v>28</v>
      </c>
      <c r="AL41745">
        <v>28</v>
      </c>
      <c r="AM41745">
        <v>28</v>
      </c>
      <c r="AN41745">
        <v>27</v>
      </c>
      <c r="AO41745">
        <v>27</v>
      </c>
      <c r="AP41745">
        <v>27</v>
      </c>
      <c r="AQ41745">
        <v>27</v>
      </c>
    </row>
    <row r="41746" spans="1:43">
      <c r="A41746" t="s">
        <v>25681</v>
      </c>
      <c r="B41746" t="s">
        <v>25682</v>
      </c>
      <c r="C41746" t="s">
        <v>8808</v>
      </c>
      <c r="D41746" t="s">
        <v>8809</v>
      </c>
      <c r="E41746" t="s">
        <v>8652</v>
      </c>
      <c r="F41746" t="s">
        <v>8653</v>
      </c>
      <c r="G41746" t="s">
        <v>80</v>
      </c>
      <c r="H41746" t="s">
        <v>81</v>
      </c>
      <c r="I41746" s="2">
        <v>0</v>
      </c>
      <c r="J41746" s="2">
        <v>0</v>
      </c>
      <c r="K41746" s="2">
        <v>1</v>
      </c>
      <c r="L41746" t="s">
        <v>995</v>
      </c>
      <c r="M41746" t="s">
        <v>83</v>
      </c>
      <c r="N41746" t="s">
        <v>84</v>
      </c>
      <c r="O41746" t="s">
        <v>85</v>
      </c>
      <c r="P41746" t="s">
        <v>86</v>
      </c>
      <c r="Q41746">
        <v>38</v>
      </c>
      <c r="R41746">
        <v>38</v>
      </c>
      <c r="S41746">
        <v>38</v>
      </c>
      <c r="T41746">
        <v>39</v>
      </c>
      <c r="U41746">
        <v>39</v>
      </c>
      <c r="V41746">
        <v>39</v>
      </c>
      <c r="W41746">
        <v>39</v>
      </c>
      <c r="X41746">
        <v>39</v>
      </c>
      <c r="Y41746">
        <v>40</v>
      </c>
      <c r="Z41746">
        <v>40</v>
      </c>
      <c r="AA41746">
        <v>40</v>
      </c>
      <c r="AB41746">
        <v>40</v>
      </c>
      <c r="AC41746">
        <v>40</v>
      </c>
      <c r="AD41746">
        <v>41</v>
      </c>
      <c r="AE41746">
        <v>41</v>
      </c>
      <c r="AF41746">
        <v>41</v>
      </c>
      <c r="AG41746">
        <v>41</v>
      </c>
      <c r="AH41746">
        <v>41</v>
      </c>
      <c r="AI41746">
        <v>41</v>
      </c>
      <c r="AJ41746">
        <v>41</v>
      </c>
      <c r="AK41746">
        <v>42</v>
      </c>
      <c r="AL41746">
        <v>42</v>
      </c>
      <c r="AM41746">
        <v>41</v>
      </c>
      <c r="AN41746">
        <v>41</v>
      </c>
      <c r="AO41746">
        <v>41</v>
      </c>
      <c r="AP41746">
        <v>41</v>
      </c>
      <c r="AQ41746">
        <v>41</v>
      </c>
    </row>
    <row r="41747" spans="1:43">
      <c r="A41747" t="s">
        <v>25681</v>
      </c>
      <c r="B41747" t="s">
        <v>25682</v>
      </c>
      <c r="C41747" t="s">
        <v>8808</v>
      </c>
      <c r="D41747" t="s">
        <v>8809</v>
      </c>
      <c r="E41747" t="s">
        <v>8652</v>
      </c>
      <c r="F41747" t="s">
        <v>8653</v>
      </c>
      <c r="G41747" t="s">
        <v>80</v>
      </c>
      <c r="H41747" t="s">
        <v>81</v>
      </c>
      <c r="I41747" s="2">
        <v>0</v>
      </c>
      <c r="J41747" s="2">
        <v>0</v>
      </c>
      <c r="K41747" s="2">
        <v>1</v>
      </c>
      <c r="L41747" t="s">
        <v>995</v>
      </c>
      <c r="M41747" t="s">
        <v>87</v>
      </c>
      <c r="N41747" t="s">
        <v>88</v>
      </c>
      <c r="O41747" t="s">
        <v>85</v>
      </c>
      <c r="P41747" t="s">
        <v>86</v>
      </c>
      <c r="Q41747">
        <v>38</v>
      </c>
      <c r="R41747">
        <v>38</v>
      </c>
      <c r="S41747">
        <v>38</v>
      </c>
      <c r="T41747">
        <v>38</v>
      </c>
      <c r="U41747">
        <v>38</v>
      </c>
      <c r="V41747">
        <v>38</v>
      </c>
      <c r="W41747">
        <v>38</v>
      </c>
      <c r="X41747">
        <v>38</v>
      </c>
      <c r="Y41747">
        <v>38</v>
      </c>
      <c r="Z41747">
        <v>38</v>
      </c>
      <c r="AA41747">
        <v>37</v>
      </c>
      <c r="AB41747">
        <v>37</v>
      </c>
      <c r="AC41747">
        <v>37</v>
      </c>
      <c r="AD41747">
        <v>37</v>
      </c>
      <c r="AE41747">
        <v>37</v>
      </c>
      <c r="AF41747">
        <v>37</v>
      </c>
      <c r="AG41747">
        <v>37</v>
      </c>
      <c r="AH41747">
        <v>37</v>
      </c>
      <c r="AI41747">
        <v>37</v>
      </c>
      <c r="AJ41747">
        <v>37</v>
      </c>
      <c r="AK41747">
        <v>36</v>
      </c>
      <c r="AL41747">
        <v>36</v>
      </c>
      <c r="AM41747">
        <v>36</v>
      </c>
      <c r="AN41747">
        <v>36</v>
      </c>
      <c r="AO41747">
        <v>36</v>
      </c>
      <c r="AP41747">
        <v>36</v>
      </c>
      <c r="AQ41747">
        <v>36</v>
      </c>
    </row>
    <row r="41748" spans="1:43">
      <c r="A41748" t="s">
        <v>25681</v>
      </c>
      <c r="B41748" t="s">
        <v>25682</v>
      </c>
      <c r="C41748" t="s">
        <v>8808</v>
      </c>
      <c r="D41748" t="s">
        <v>8809</v>
      </c>
      <c r="E41748" t="s">
        <v>8652</v>
      </c>
      <c r="F41748" t="s">
        <v>8653</v>
      </c>
      <c r="G41748" t="s">
        <v>80</v>
      </c>
      <c r="H41748" t="s">
        <v>81</v>
      </c>
      <c r="I41748" s="2">
        <v>0</v>
      </c>
      <c r="J41748" s="2">
        <v>0</v>
      </c>
      <c r="K41748" s="2">
        <v>1</v>
      </c>
      <c r="L41748" t="s">
        <v>995</v>
      </c>
      <c r="M41748" t="s">
        <v>89</v>
      </c>
      <c r="N41748" t="s">
        <v>90</v>
      </c>
      <c r="O41748" t="s">
        <v>85</v>
      </c>
      <c r="P41748" t="s">
        <v>86</v>
      </c>
      <c r="Q41748">
        <v>38</v>
      </c>
      <c r="R41748">
        <v>39</v>
      </c>
      <c r="S41748">
        <v>39</v>
      </c>
      <c r="T41748">
        <v>40</v>
      </c>
      <c r="U41748">
        <v>40</v>
      </c>
      <c r="V41748">
        <v>41</v>
      </c>
      <c r="W41748">
        <v>41</v>
      </c>
      <c r="X41748">
        <v>42</v>
      </c>
      <c r="Y41748">
        <v>42</v>
      </c>
      <c r="Z41748">
        <v>42</v>
      </c>
      <c r="AA41748">
        <v>43</v>
      </c>
      <c r="AB41748">
        <v>43</v>
      </c>
      <c r="AC41748">
        <v>43</v>
      </c>
      <c r="AD41748">
        <v>44</v>
      </c>
      <c r="AE41748">
        <v>44</v>
      </c>
      <c r="AF41748">
        <v>43</v>
      </c>
      <c r="AG41748">
        <v>43</v>
      </c>
      <c r="AH41748">
        <v>43</v>
      </c>
      <c r="AI41748">
        <v>43</v>
      </c>
      <c r="AJ41748">
        <v>43</v>
      </c>
      <c r="AK41748">
        <v>43</v>
      </c>
      <c r="AL41748">
        <v>42</v>
      </c>
      <c r="AM41748">
        <v>42</v>
      </c>
      <c r="AN41748">
        <v>42</v>
      </c>
      <c r="AO41748">
        <v>42</v>
      </c>
      <c r="AP41748">
        <v>42</v>
      </c>
      <c r="AQ41748">
        <v>42</v>
      </c>
    </row>
    <row r="41749" spans="1:43">
      <c r="A41749" t="s">
        <v>25681</v>
      </c>
      <c r="B41749" t="s">
        <v>25682</v>
      </c>
      <c r="C41749" t="s">
        <v>8808</v>
      </c>
      <c r="D41749" t="s">
        <v>8809</v>
      </c>
      <c r="E41749" t="s">
        <v>8652</v>
      </c>
      <c r="F41749" t="s">
        <v>8653</v>
      </c>
      <c r="G41749" t="s">
        <v>80</v>
      </c>
      <c r="H41749" t="s">
        <v>81</v>
      </c>
      <c r="I41749" s="2">
        <v>0</v>
      </c>
      <c r="J41749" s="2">
        <v>0</v>
      </c>
      <c r="K41749" s="2">
        <v>1</v>
      </c>
      <c r="L41749" t="s">
        <v>995</v>
      </c>
      <c r="M41749" t="s">
        <v>83</v>
      </c>
      <c r="N41749" t="s">
        <v>91</v>
      </c>
      <c r="O41749" t="s">
        <v>85</v>
      </c>
      <c r="P41749" t="s">
        <v>86</v>
      </c>
      <c r="Q41749">
        <v>38</v>
      </c>
      <c r="R41749">
        <v>38</v>
      </c>
      <c r="S41749">
        <v>38</v>
      </c>
      <c r="T41749">
        <v>39</v>
      </c>
      <c r="U41749">
        <v>39</v>
      </c>
      <c r="V41749">
        <v>39</v>
      </c>
      <c r="W41749">
        <v>39</v>
      </c>
      <c r="X41749">
        <v>39</v>
      </c>
      <c r="Y41749">
        <v>40</v>
      </c>
      <c r="Z41749">
        <v>40</v>
      </c>
      <c r="AA41749">
        <v>40</v>
      </c>
      <c r="AB41749">
        <v>40</v>
      </c>
      <c r="AC41749">
        <v>40</v>
      </c>
      <c r="AD41749">
        <v>41</v>
      </c>
      <c r="AE41749">
        <v>41</v>
      </c>
      <c r="AF41749">
        <v>41</v>
      </c>
      <c r="AG41749">
        <v>41</v>
      </c>
      <c r="AH41749">
        <v>41</v>
      </c>
      <c r="AI41749">
        <v>41</v>
      </c>
      <c r="AJ41749">
        <v>41</v>
      </c>
      <c r="AK41749">
        <v>42</v>
      </c>
      <c r="AL41749">
        <v>42</v>
      </c>
      <c r="AM41749">
        <v>41</v>
      </c>
      <c r="AN41749">
        <v>41</v>
      </c>
      <c r="AO41749">
        <v>41</v>
      </c>
      <c r="AP41749">
        <v>41</v>
      </c>
      <c r="AQ41749">
        <v>41</v>
      </c>
    </row>
    <row r="41750" spans="1:43">
      <c r="A41750" t="s">
        <v>25683</v>
      </c>
      <c r="B41750" t="s">
        <v>25684</v>
      </c>
      <c r="C41750" t="s">
        <v>8808</v>
      </c>
      <c r="D41750" t="s">
        <v>8809</v>
      </c>
      <c r="E41750" t="s">
        <v>8652</v>
      </c>
      <c r="F41750" t="s">
        <v>8653</v>
      </c>
      <c r="G41750" t="s">
        <v>80</v>
      </c>
      <c r="H41750" t="s">
        <v>81</v>
      </c>
      <c r="I41750" s="2">
        <v>0</v>
      </c>
      <c r="J41750" s="2">
        <v>0</v>
      </c>
      <c r="K41750" s="2">
        <v>1</v>
      </c>
      <c r="L41750" t="s">
        <v>995</v>
      </c>
      <c r="M41750" t="s">
        <v>83</v>
      </c>
      <c r="N41750" t="s">
        <v>84</v>
      </c>
      <c r="O41750" t="s">
        <v>85</v>
      </c>
      <c r="P41750" t="s">
        <v>86</v>
      </c>
      <c r="Q41750">
        <v>163</v>
      </c>
      <c r="R41750">
        <v>164</v>
      </c>
      <c r="S41750">
        <v>165</v>
      </c>
      <c r="T41750">
        <v>166</v>
      </c>
      <c r="U41750">
        <v>166</v>
      </c>
      <c r="V41750">
        <v>167</v>
      </c>
      <c r="W41750">
        <v>168</v>
      </c>
      <c r="X41750">
        <v>169</v>
      </c>
      <c r="Y41750">
        <v>170</v>
      </c>
      <c r="Z41750">
        <v>171</v>
      </c>
      <c r="AA41750">
        <v>172</v>
      </c>
      <c r="AB41750">
        <v>173</v>
      </c>
      <c r="AC41750">
        <v>173</v>
      </c>
      <c r="AD41750">
        <v>174</v>
      </c>
      <c r="AE41750">
        <v>175</v>
      </c>
      <c r="AF41750">
        <v>175</v>
      </c>
      <c r="AG41750">
        <v>176</v>
      </c>
      <c r="AH41750">
        <v>177</v>
      </c>
      <c r="AI41750">
        <v>177</v>
      </c>
      <c r="AJ41750">
        <v>178</v>
      </c>
      <c r="AK41750">
        <v>179</v>
      </c>
      <c r="AL41750">
        <v>178</v>
      </c>
      <c r="AM41750">
        <v>178</v>
      </c>
      <c r="AN41750">
        <v>177</v>
      </c>
      <c r="AO41750">
        <v>176</v>
      </c>
      <c r="AP41750">
        <v>176</v>
      </c>
      <c r="AQ41750">
        <v>175</v>
      </c>
    </row>
    <row r="41751" spans="1:43">
      <c r="A41751" t="s">
        <v>25683</v>
      </c>
      <c r="B41751" t="s">
        <v>25684</v>
      </c>
      <c r="C41751" t="s">
        <v>8808</v>
      </c>
      <c r="D41751" t="s">
        <v>8809</v>
      </c>
      <c r="E41751" t="s">
        <v>8652</v>
      </c>
      <c r="F41751" t="s">
        <v>8653</v>
      </c>
      <c r="G41751" t="s">
        <v>80</v>
      </c>
      <c r="H41751" t="s">
        <v>81</v>
      </c>
      <c r="I41751" s="2">
        <v>0</v>
      </c>
      <c r="J41751" s="2">
        <v>0</v>
      </c>
      <c r="K41751" s="2">
        <v>1</v>
      </c>
      <c r="L41751" t="s">
        <v>995</v>
      </c>
      <c r="M41751" t="s">
        <v>87</v>
      </c>
      <c r="N41751" t="s">
        <v>88</v>
      </c>
      <c r="O41751" t="s">
        <v>85</v>
      </c>
      <c r="P41751" t="s">
        <v>86</v>
      </c>
      <c r="Q41751">
        <v>163</v>
      </c>
      <c r="R41751">
        <v>163</v>
      </c>
      <c r="S41751">
        <v>162</v>
      </c>
      <c r="T41751">
        <v>162</v>
      </c>
      <c r="U41751">
        <v>161</v>
      </c>
      <c r="V41751">
        <v>161</v>
      </c>
      <c r="W41751">
        <v>160</v>
      </c>
      <c r="X41751">
        <v>160</v>
      </c>
      <c r="Y41751">
        <v>159</v>
      </c>
      <c r="Z41751">
        <v>159</v>
      </c>
      <c r="AA41751">
        <v>158</v>
      </c>
      <c r="AB41751">
        <v>158</v>
      </c>
      <c r="AC41751">
        <v>158</v>
      </c>
      <c r="AD41751">
        <v>157</v>
      </c>
      <c r="AE41751">
        <v>157</v>
      </c>
      <c r="AF41751">
        <v>156</v>
      </c>
      <c r="AG41751">
        <v>156</v>
      </c>
      <c r="AH41751">
        <v>156</v>
      </c>
      <c r="AI41751">
        <v>155</v>
      </c>
      <c r="AJ41751">
        <v>155</v>
      </c>
      <c r="AK41751">
        <v>154</v>
      </c>
      <c r="AL41751">
        <v>154</v>
      </c>
      <c r="AM41751">
        <v>154</v>
      </c>
      <c r="AN41751">
        <v>153</v>
      </c>
      <c r="AO41751">
        <v>153</v>
      </c>
      <c r="AP41751">
        <v>153</v>
      </c>
      <c r="AQ41751">
        <v>152</v>
      </c>
    </row>
    <row r="41752" spans="1:43">
      <c r="A41752" t="s">
        <v>25683</v>
      </c>
      <c r="B41752" t="s">
        <v>25684</v>
      </c>
      <c r="C41752" t="s">
        <v>8808</v>
      </c>
      <c r="D41752" t="s">
        <v>8809</v>
      </c>
      <c r="E41752" t="s">
        <v>8652</v>
      </c>
      <c r="F41752" t="s">
        <v>8653</v>
      </c>
      <c r="G41752" t="s">
        <v>80</v>
      </c>
      <c r="H41752" t="s">
        <v>81</v>
      </c>
      <c r="I41752" s="2">
        <v>0</v>
      </c>
      <c r="J41752" s="2">
        <v>0</v>
      </c>
      <c r="K41752" s="2">
        <v>1</v>
      </c>
      <c r="L41752" t="s">
        <v>995</v>
      </c>
      <c r="M41752" t="s">
        <v>89</v>
      </c>
      <c r="N41752" t="s">
        <v>90</v>
      </c>
      <c r="O41752" t="s">
        <v>85</v>
      </c>
      <c r="P41752" t="s">
        <v>86</v>
      </c>
      <c r="Q41752">
        <v>163</v>
      </c>
      <c r="R41752">
        <v>165</v>
      </c>
      <c r="S41752">
        <v>168</v>
      </c>
      <c r="T41752">
        <v>170</v>
      </c>
      <c r="U41752">
        <v>172</v>
      </c>
      <c r="V41752">
        <v>174</v>
      </c>
      <c r="W41752">
        <v>176</v>
      </c>
      <c r="X41752">
        <v>178</v>
      </c>
      <c r="Y41752">
        <v>179</v>
      </c>
      <c r="Z41752">
        <v>181</v>
      </c>
      <c r="AA41752">
        <v>182</v>
      </c>
      <c r="AB41752">
        <v>183</v>
      </c>
      <c r="AC41752">
        <v>185</v>
      </c>
      <c r="AD41752">
        <v>186</v>
      </c>
      <c r="AE41752">
        <v>186</v>
      </c>
      <c r="AF41752">
        <v>186</v>
      </c>
      <c r="AG41752">
        <v>185</v>
      </c>
      <c r="AH41752">
        <v>184</v>
      </c>
      <c r="AI41752">
        <v>183</v>
      </c>
      <c r="AJ41752">
        <v>183</v>
      </c>
      <c r="AK41752">
        <v>182</v>
      </c>
      <c r="AL41752">
        <v>181</v>
      </c>
      <c r="AM41752">
        <v>180</v>
      </c>
      <c r="AN41752">
        <v>180</v>
      </c>
      <c r="AO41752">
        <v>179</v>
      </c>
      <c r="AP41752">
        <v>178</v>
      </c>
      <c r="AQ41752">
        <v>177</v>
      </c>
    </row>
    <row r="41753" spans="1:43">
      <c r="A41753" t="s">
        <v>25683</v>
      </c>
      <c r="B41753" t="s">
        <v>25684</v>
      </c>
      <c r="C41753" t="s">
        <v>8808</v>
      </c>
      <c r="D41753" t="s">
        <v>8809</v>
      </c>
      <c r="E41753" t="s">
        <v>8652</v>
      </c>
      <c r="F41753" t="s">
        <v>8653</v>
      </c>
      <c r="G41753" t="s">
        <v>80</v>
      </c>
      <c r="H41753" t="s">
        <v>81</v>
      </c>
      <c r="I41753" s="2">
        <v>0</v>
      </c>
      <c r="J41753" s="2">
        <v>0</v>
      </c>
      <c r="K41753" s="2">
        <v>1</v>
      </c>
      <c r="L41753" t="s">
        <v>995</v>
      </c>
      <c r="M41753" t="s">
        <v>83</v>
      </c>
      <c r="N41753" t="s">
        <v>91</v>
      </c>
      <c r="O41753" t="s">
        <v>85</v>
      </c>
      <c r="P41753" t="s">
        <v>86</v>
      </c>
      <c r="Q41753">
        <v>163</v>
      </c>
      <c r="R41753">
        <v>164</v>
      </c>
      <c r="S41753">
        <v>165</v>
      </c>
      <c r="T41753">
        <v>166</v>
      </c>
      <c r="U41753">
        <v>166</v>
      </c>
      <c r="V41753">
        <v>167</v>
      </c>
      <c r="W41753">
        <v>168</v>
      </c>
      <c r="X41753">
        <v>169</v>
      </c>
      <c r="Y41753">
        <v>170</v>
      </c>
      <c r="Z41753">
        <v>171</v>
      </c>
      <c r="AA41753">
        <v>172</v>
      </c>
      <c r="AB41753">
        <v>173</v>
      </c>
      <c r="AC41753">
        <v>173</v>
      </c>
      <c r="AD41753">
        <v>174</v>
      </c>
      <c r="AE41753">
        <v>175</v>
      </c>
      <c r="AF41753">
        <v>175</v>
      </c>
      <c r="AG41753">
        <v>176</v>
      </c>
      <c r="AH41753">
        <v>177</v>
      </c>
      <c r="AI41753">
        <v>177</v>
      </c>
      <c r="AJ41753">
        <v>178</v>
      </c>
      <c r="AK41753">
        <v>179</v>
      </c>
      <c r="AL41753">
        <v>178</v>
      </c>
      <c r="AM41753">
        <v>178</v>
      </c>
      <c r="AN41753">
        <v>177</v>
      </c>
      <c r="AO41753">
        <v>176</v>
      </c>
      <c r="AP41753">
        <v>176</v>
      </c>
      <c r="AQ41753">
        <v>175</v>
      </c>
    </row>
    <row r="41754" spans="1:43">
      <c r="A41754" t="s">
        <v>25685</v>
      </c>
      <c r="B41754" t="s">
        <v>25686</v>
      </c>
      <c r="C41754" t="s">
        <v>3646</v>
      </c>
      <c r="D41754" t="s">
        <v>3647</v>
      </c>
      <c r="E41754" t="s">
        <v>3352</v>
      </c>
      <c r="F41754" t="s">
        <v>3353</v>
      </c>
      <c r="G41754" t="s">
        <v>80</v>
      </c>
      <c r="H41754" t="s">
        <v>81</v>
      </c>
      <c r="I41754" s="2">
        <v>0</v>
      </c>
      <c r="J41754" s="2">
        <v>1</v>
      </c>
      <c r="K41754" s="2">
        <v>0</v>
      </c>
      <c r="L41754" t="s">
        <v>82</v>
      </c>
      <c r="M41754" t="s">
        <v>83</v>
      </c>
      <c r="N41754" t="s">
        <v>84</v>
      </c>
      <c r="O41754" t="s">
        <v>85</v>
      </c>
      <c r="P41754" t="s">
        <v>86</v>
      </c>
      <c r="Q41754">
        <v>34</v>
      </c>
      <c r="R41754">
        <v>35</v>
      </c>
      <c r="S41754">
        <v>36</v>
      </c>
      <c r="T41754">
        <v>36</v>
      </c>
      <c r="U41754">
        <v>37</v>
      </c>
      <c r="V41754">
        <v>38</v>
      </c>
      <c r="W41754">
        <v>39</v>
      </c>
      <c r="X41754">
        <v>40</v>
      </c>
      <c r="Y41754">
        <v>41</v>
      </c>
      <c r="Z41754">
        <v>42</v>
      </c>
      <c r="AA41754">
        <v>42</v>
      </c>
      <c r="AB41754">
        <v>43</v>
      </c>
      <c r="AC41754">
        <v>44</v>
      </c>
      <c r="AD41754">
        <v>45</v>
      </c>
      <c r="AE41754">
        <v>46</v>
      </c>
      <c r="AF41754">
        <v>47</v>
      </c>
      <c r="AG41754">
        <v>48</v>
      </c>
      <c r="AH41754">
        <v>49</v>
      </c>
      <c r="AI41754">
        <v>49</v>
      </c>
      <c r="AJ41754">
        <v>50</v>
      </c>
      <c r="AK41754">
        <v>51</v>
      </c>
      <c r="AL41754">
        <v>52</v>
      </c>
      <c r="AM41754">
        <v>52</v>
      </c>
      <c r="AN41754">
        <v>53</v>
      </c>
      <c r="AO41754">
        <v>53</v>
      </c>
      <c r="AP41754">
        <v>54</v>
      </c>
      <c r="AQ41754">
        <v>54</v>
      </c>
    </row>
    <row r="41755" spans="1:43">
      <c r="A41755" t="s">
        <v>25685</v>
      </c>
      <c r="B41755" t="s">
        <v>25686</v>
      </c>
      <c r="C41755" t="s">
        <v>3646</v>
      </c>
      <c r="D41755" t="s">
        <v>3647</v>
      </c>
      <c r="E41755" t="s">
        <v>3352</v>
      </c>
      <c r="F41755" t="s">
        <v>3353</v>
      </c>
      <c r="G41755" t="s">
        <v>80</v>
      </c>
      <c r="H41755" t="s">
        <v>81</v>
      </c>
      <c r="I41755" s="2">
        <v>0</v>
      </c>
      <c r="J41755" s="2">
        <v>1</v>
      </c>
      <c r="K41755" s="2">
        <v>0</v>
      </c>
      <c r="L41755" t="s">
        <v>82</v>
      </c>
      <c r="M41755" t="s">
        <v>87</v>
      </c>
      <c r="N41755" t="s">
        <v>88</v>
      </c>
      <c r="O41755" t="s">
        <v>85</v>
      </c>
      <c r="P41755" t="s">
        <v>86</v>
      </c>
      <c r="Q41755">
        <v>34</v>
      </c>
      <c r="R41755">
        <v>34</v>
      </c>
      <c r="S41755">
        <v>35</v>
      </c>
      <c r="T41755">
        <v>35</v>
      </c>
      <c r="U41755">
        <v>36</v>
      </c>
      <c r="V41755">
        <v>36</v>
      </c>
      <c r="W41755">
        <v>37</v>
      </c>
      <c r="X41755">
        <v>37</v>
      </c>
      <c r="Y41755">
        <v>38</v>
      </c>
      <c r="Z41755">
        <v>38</v>
      </c>
      <c r="AA41755">
        <v>39</v>
      </c>
      <c r="AB41755">
        <v>39</v>
      </c>
      <c r="AC41755">
        <v>40</v>
      </c>
      <c r="AD41755">
        <v>40</v>
      </c>
      <c r="AE41755">
        <v>41</v>
      </c>
      <c r="AF41755">
        <v>41</v>
      </c>
      <c r="AG41755">
        <v>42</v>
      </c>
      <c r="AH41755">
        <v>42</v>
      </c>
      <c r="AI41755">
        <v>43</v>
      </c>
      <c r="AJ41755">
        <v>43</v>
      </c>
      <c r="AK41755">
        <v>44</v>
      </c>
      <c r="AL41755">
        <v>44</v>
      </c>
      <c r="AM41755">
        <v>45</v>
      </c>
      <c r="AN41755">
        <v>46</v>
      </c>
      <c r="AO41755">
        <v>46</v>
      </c>
      <c r="AP41755">
        <v>47</v>
      </c>
      <c r="AQ41755">
        <v>47</v>
      </c>
    </row>
    <row r="41756" spans="1:43">
      <c r="A41756" t="s">
        <v>25685</v>
      </c>
      <c r="B41756" t="s">
        <v>25686</v>
      </c>
      <c r="C41756" t="s">
        <v>3646</v>
      </c>
      <c r="D41756" t="s">
        <v>3647</v>
      </c>
      <c r="E41756" t="s">
        <v>3352</v>
      </c>
      <c r="F41756" t="s">
        <v>3353</v>
      </c>
      <c r="G41756" t="s">
        <v>80</v>
      </c>
      <c r="H41756" t="s">
        <v>81</v>
      </c>
      <c r="I41756" s="2">
        <v>0</v>
      </c>
      <c r="J41756" s="2">
        <v>1</v>
      </c>
      <c r="K41756" s="2">
        <v>0</v>
      </c>
      <c r="L41756" t="s">
        <v>82</v>
      </c>
      <c r="M41756" t="s">
        <v>89</v>
      </c>
      <c r="N41756" t="s">
        <v>90</v>
      </c>
      <c r="O41756" t="s">
        <v>85</v>
      </c>
      <c r="P41756" t="s">
        <v>86</v>
      </c>
      <c r="Q41756">
        <v>34</v>
      </c>
      <c r="R41756">
        <v>35</v>
      </c>
      <c r="S41756">
        <v>37</v>
      </c>
      <c r="T41756">
        <v>38</v>
      </c>
      <c r="U41756">
        <v>39</v>
      </c>
      <c r="V41756">
        <v>40</v>
      </c>
      <c r="W41756">
        <v>41</v>
      </c>
      <c r="X41756">
        <v>42</v>
      </c>
      <c r="Y41756">
        <v>43</v>
      </c>
      <c r="Z41756">
        <v>44</v>
      </c>
      <c r="AA41756">
        <v>45</v>
      </c>
      <c r="AB41756">
        <v>46</v>
      </c>
      <c r="AC41756">
        <v>47</v>
      </c>
      <c r="AD41756">
        <v>48</v>
      </c>
      <c r="AE41756">
        <v>49</v>
      </c>
      <c r="AF41756">
        <v>50</v>
      </c>
      <c r="AG41756">
        <v>50</v>
      </c>
      <c r="AH41756">
        <v>50</v>
      </c>
      <c r="AI41756">
        <v>51</v>
      </c>
      <c r="AJ41756">
        <v>51</v>
      </c>
      <c r="AK41756">
        <v>52</v>
      </c>
      <c r="AL41756">
        <v>52</v>
      </c>
      <c r="AM41756">
        <v>53</v>
      </c>
      <c r="AN41756">
        <v>53</v>
      </c>
      <c r="AO41756">
        <v>54</v>
      </c>
      <c r="AP41756">
        <v>54</v>
      </c>
      <c r="AQ41756">
        <v>55</v>
      </c>
    </row>
    <row r="41757" spans="1:43">
      <c r="A41757" t="s">
        <v>25685</v>
      </c>
      <c r="B41757" t="s">
        <v>25686</v>
      </c>
      <c r="C41757" t="s">
        <v>3646</v>
      </c>
      <c r="D41757" t="s">
        <v>3647</v>
      </c>
      <c r="E41757" t="s">
        <v>3352</v>
      </c>
      <c r="F41757" t="s">
        <v>3353</v>
      </c>
      <c r="G41757" t="s">
        <v>80</v>
      </c>
      <c r="H41757" t="s">
        <v>81</v>
      </c>
      <c r="I41757" s="2">
        <v>0</v>
      </c>
      <c r="J41757" s="2">
        <v>1</v>
      </c>
      <c r="K41757" s="2">
        <v>0</v>
      </c>
      <c r="L41757" t="s">
        <v>82</v>
      </c>
      <c r="M41757" t="s">
        <v>83</v>
      </c>
      <c r="N41757" t="s">
        <v>91</v>
      </c>
      <c r="O41757" t="s">
        <v>85</v>
      </c>
      <c r="P41757" t="s">
        <v>86</v>
      </c>
      <c r="Q41757">
        <v>34</v>
      </c>
      <c r="R41757">
        <v>35</v>
      </c>
      <c r="S41757">
        <v>36</v>
      </c>
      <c r="T41757">
        <v>36</v>
      </c>
      <c r="U41757">
        <v>37</v>
      </c>
      <c r="V41757">
        <v>38</v>
      </c>
      <c r="W41757">
        <v>39</v>
      </c>
      <c r="X41757">
        <v>40</v>
      </c>
      <c r="Y41757">
        <v>41</v>
      </c>
      <c r="Z41757">
        <v>42</v>
      </c>
      <c r="AA41757">
        <v>42</v>
      </c>
      <c r="AB41757">
        <v>43</v>
      </c>
      <c r="AC41757">
        <v>44</v>
      </c>
      <c r="AD41757">
        <v>45</v>
      </c>
      <c r="AE41757">
        <v>46</v>
      </c>
      <c r="AF41757">
        <v>47</v>
      </c>
      <c r="AG41757">
        <v>48</v>
      </c>
      <c r="AH41757">
        <v>49</v>
      </c>
      <c r="AI41757">
        <v>49</v>
      </c>
      <c r="AJ41757">
        <v>50</v>
      </c>
      <c r="AK41757">
        <v>51</v>
      </c>
      <c r="AL41757">
        <v>52</v>
      </c>
      <c r="AM41757">
        <v>52</v>
      </c>
      <c r="AN41757">
        <v>53</v>
      </c>
      <c r="AO41757">
        <v>53</v>
      </c>
      <c r="AP41757">
        <v>54</v>
      </c>
      <c r="AQ41757">
        <v>54</v>
      </c>
    </row>
    <row r="41758" spans="1:43">
      <c r="A41758" t="s">
        <v>25687</v>
      </c>
      <c r="B41758" t="s">
        <v>25688</v>
      </c>
      <c r="C41758" t="s">
        <v>3540</v>
      </c>
      <c r="D41758" t="s">
        <v>3541</v>
      </c>
      <c r="E41758" t="s">
        <v>3352</v>
      </c>
      <c r="F41758" t="s">
        <v>3353</v>
      </c>
      <c r="G41758" t="s">
        <v>80</v>
      </c>
      <c r="H41758" t="s">
        <v>81</v>
      </c>
      <c r="I41758" s="2">
        <v>0</v>
      </c>
      <c r="J41758" s="2">
        <v>1</v>
      </c>
      <c r="K41758" s="2">
        <v>0</v>
      </c>
      <c r="L41758" t="s">
        <v>82</v>
      </c>
      <c r="M41758" t="s">
        <v>83</v>
      </c>
      <c r="N41758" t="s">
        <v>84</v>
      </c>
      <c r="O41758" t="s">
        <v>85</v>
      </c>
      <c r="P41758" t="s">
        <v>86</v>
      </c>
      <c r="Q41758">
        <v>27</v>
      </c>
      <c r="R41758">
        <v>28</v>
      </c>
      <c r="S41758">
        <v>29</v>
      </c>
      <c r="T41758">
        <v>29</v>
      </c>
      <c r="U41758">
        <v>30</v>
      </c>
      <c r="V41758">
        <v>31</v>
      </c>
      <c r="W41758">
        <v>31</v>
      </c>
      <c r="X41758">
        <v>32</v>
      </c>
      <c r="Y41758">
        <v>33</v>
      </c>
      <c r="Z41758">
        <v>33</v>
      </c>
      <c r="AA41758">
        <v>34</v>
      </c>
      <c r="AB41758">
        <v>35</v>
      </c>
      <c r="AC41758">
        <v>35</v>
      </c>
      <c r="AD41758">
        <v>36</v>
      </c>
      <c r="AE41758">
        <v>37</v>
      </c>
      <c r="AF41758">
        <v>38</v>
      </c>
      <c r="AG41758">
        <v>38</v>
      </c>
      <c r="AH41758">
        <v>39</v>
      </c>
      <c r="AI41758">
        <v>40</v>
      </c>
      <c r="AJ41758">
        <v>41</v>
      </c>
      <c r="AK41758">
        <v>41</v>
      </c>
      <c r="AL41758">
        <v>42</v>
      </c>
      <c r="AM41758">
        <v>42</v>
      </c>
      <c r="AN41758">
        <v>43</v>
      </c>
      <c r="AO41758">
        <v>43</v>
      </c>
      <c r="AP41758">
        <v>43</v>
      </c>
      <c r="AQ41758">
        <v>44</v>
      </c>
    </row>
    <row r="41759" spans="1:43">
      <c r="A41759" t="s">
        <v>25687</v>
      </c>
      <c r="B41759" t="s">
        <v>25688</v>
      </c>
      <c r="C41759" t="s">
        <v>3540</v>
      </c>
      <c r="D41759" t="s">
        <v>3541</v>
      </c>
      <c r="E41759" t="s">
        <v>3352</v>
      </c>
      <c r="F41759" t="s">
        <v>3353</v>
      </c>
      <c r="G41759" t="s">
        <v>80</v>
      </c>
      <c r="H41759" t="s">
        <v>81</v>
      </c>
      <c r="I41759" s="2">
        <v>0</v>
      </c>
      <c r="J41759" s="2">
        <v>1</v>
      </c>
      <c r="K41759" s="2">
        <v>0</v>
      </c>
      <c r="L41759" t="s">
        <v>82</v>
      </c>
      <c r="M41759" t="s">
        <v>87</v>
      </c>
      <c r="N41759" t="s">
        <v>88</v>
      </c>
      <c r="O41759" t="s">
        <v>85</v>
      </c>
      <c r="P41759" t="s">
        <v>86</v>
      </c>
      <c r="Q41759">
        <v>27</v>
      </c>
      <c r="R41759">
        <v>27</v>
      </c>
      <c r="S41759">
        <v>28</v>
      </c>
      <c r="T41759">
        <v>28</v>
      </c>
      <c r="U41759">
        <v>29</v>
      </c>
      <c r="V41759">
        <v>29</v>
      </c>
      <c r="W41759">
        <v>29</v>
      </c>
      <c r="X41759">
        <v>30</v>
      </c>
      <c r="Y41759">
        <v>30</v>
      </c>
      <c r="Z41759">
        <v>31</v>
      </c>
      <c r="AA41759">
        <v>31</v>
      </c>
      <c r="AB41759">
        <v>31</v>
      </c>
      <c r="AC41759">
        <v>32</v>
      </c>
      <c r="AD41759">
        <v>32</v>
      </c>
      <c r="AE41759">
        <v>33</v>
      </c>
      <c r="AF41759">
        <v>33</v>
      </c>
      <c r="AG41759">
        <v>34</v>
      </c>
      <c r="AH41759">
        <v>34</v>
      </c>
      <c r="AI41759">
        <v>34</v>
      </c>
      <c r="AJ41759">
        <v>35</v>
      </c>
      <c r="AK41759">
        <v>35</v>
      </c>
      <c r="AL41759">
        <v>36</v>
      </c>
      <c r="AM41759">
        <v>36</v>
      </c>
      <c r="AN41759">
        <v>37</v>
      </c>
      <c r="AO41759">
        <v>37</v>
      </c>
      <c r="AP41759">
        <v>38</v>
      </c>
      <c r="AQ41759">
        <v>38</v>
      </c>
    </row>
    <row r="41760" spans="1:43">
      <c r="A41760" t="s">
        <v>25687</v>
      </c>
      <c r="B41760" t="s">
        <v>25688</v>
      </c>
      <c r="C41760" t="s">
        <v>3540</v>
      </c>
      <c r="D41760" t="s">
        <v>3541</v>
      </c>
      <c r="E41760" t="s">
        <v>3352</v>
      </c>
      <c r="F41760" t="s">
        <v>3353</v>
      </c>
      <c r="G41760" t="s">
        <v>80</v>
      </c>
      <c r="H41760" t="s">
        <v>81</v>
      </c>
      <c r="I41760" s="2">
        <v>0</v>
      </c>
      <c r="J41760" s="2">
        <v>1</v>
      </c>
      <c r="K41760" s="2">
        <v>0</v>
      </c>
      <c r="L41760" t="s">
        <v>82</v>
      </c>
      <c r="M41760" t="s">
        <v>89</v>
      </c>
      <c r="N41760" t="s">
        <v>90</v>
      </c>
      <c r="O41760" t="s">
        <v>85</v>
      </c>
      <c r="P41760" t="s">
        <v>86</v>
      </c>
      <c r="Q41760">
        <v>27</v>
      </c>
      <c r="R41760">
        <v>27</v>
      </c>
      <c r="S41760">
        <v>28</v>
      </c>
      <c r="T41760">
        <v>29</v>
      </c>
      <c r="U41760">
        <v>30</v>
      </c>
      <c r="V41760">
        <v>31</v>
      </c>
      <c r="W41760">
        <v>32</v>
      </c>
      <c r="X41760">
        <v>33</v>
      </c>
      <c r="Y41760">
        <v>34</v>
      </c>
      <c r="Z41760">
        <v>34</v>
      </c>
      <c r="AA41760">
        <v>35</v>
      </c>
      <c r="AB41760">
        <v>36</v>
      </c>
      <c r="AC41760">
        <v>37</v>
      </c>
      <c r="AD41760">
        <v>38</v>
      </c>
      <c r="AE41760">
        <v>39</v>
      </c>
      <c r="AF41760">
        <v>39</v>
      </c>
      <c r="AG41760">
        <v>39</v>
      </c>
      <c r="AH41760">
        <v>40</v>
      </c>
      <c r="AI41760">
        <v>40</v>
      </c>
      <c r="AJ41760">
        <v>40</v>
      </c>
      <c r="AK41760">
        <v>41</v>
      </c>
      <c r="AL41760">
        <v>41</v>
      </c>
      <c r="AM41760">
        <v>41</v>
      </c>
      <c r="AN41760">
        <v>42</v>
      </c>
      <c r="AO41760">
        <v>42</v>
      </c>
      <c r="AP41760">
        <v>43</v>
      </c>
      <c r="AQ41760">
        <v>43</v>
      </c>
    </row>
    <row r="41761" spans="1:43">
      <c r="A41761" t="s">
        <v>25687</v>
      </c>
      <c r="B41761" t="s">
        <v>25688</v>
      </c>
      <c r="C41761" t="s">
        <v>3540</v>
      </c>
      <c r="D41761" t="s">
        <v>3541</v>
      </c>
      <c r="E41761" t="s">
        <v>3352</v>
      </c>
      <c r="F41761" t="s">
        <v>3353</v>
      </c>
      <c r="G41761" t="s">
        <v>80</v>
      </c>
      <c r="H41761" t="s">
        <v>81</v>
      </c>
      <c r="I41761" s="2">
        <v>0</v>
      </c>
      <c r="J41761" s="2">
        <v>1</v>
      </c>
      <c r="K41761" s="2">
        <v>0</v>
      </c>
      <c r="L41761" t="s">
        <v>82</v>
      </c>
      <c r="M41761" t="s">
        <v>83</v>
      </c>
      <c r="N41761" t="s">
        <v>91</v>
      </c>
      <c r="O41761" t="s">
        <v>85</v>
      </c>
      <c r="P41761" t="s">
        <v>86</v>
      </c>
      <c r="Q41761">
        <v>27</v>
      </c>
      <c r="R41761">
        <v>28</v>
      </c>
      <c r="S41761">
        <v>29</v>
      </c>
      <c r="T41761">
        <v>29</v>
      </c>
      <c r="U41761">
        <v>30</v>
      </c>
      <c r="V41761">
        <v>31</v>
      </c>
      <c r="W41761">
        <v>31</v>
      </c>
      <c r="X41761">
        <v>32</v>
      </c>
      <c r="Y41761">
        <v>33</v>
      </c>
      <c r="Z41761">
        <v>33</v>
      </c>
      <c r="AA41761">
        <v>34</v>
      </c>
      <c r="AB41761">
        <v>35</v>
      </c>
      <c r="AC41761">
        <v>35</v>
      </c>
      <c r="AD41761">
        <v>36</v>
      </c>
      <c r="AE41761">
        <v>37</v>
      </c>
      <c r="AF41761">
        <v>38</v>
      </c>
      <c r="AG41761">
        <v>38</v>
      </c>
      <c r="AH41761">
        <v>39</v>
      </c>
      <c r="AI41761">
        <v>40</v>
      </c>
      <c r="AJ41761">
        <v>41</v>
      </c>
      <c r="AK41761">
        <v>41</v>
      </c>
      <c r="AL41761">
        <v>42</v>
      </c>
      <c r="AM41761">
        <v>42</v>
      </c>
      <c r="AN41761">
        <v>43</v>
      </c>
      <c r="AO41761">
        <v>43</v>
      </c>
      <c r="AP41761">
        <v>43</v>
      </c>
      <c r="AQ41761">
        <v>44</v>
      </c>
    </row>
    <row r="41762" spans="1:43">
      <c r="A41762" t="s">
        <v>25689</v>
      </c>
      <c r="B41762" t="s">
        <v>25690</v>
      </c>
      <c r="C41762" t="s">
        <v>3540</v>
      </c>
      <c r="D41762" t="s">
        <v>3541</v>
      </c>
      <c r="E41762" t="s">
        <v>3352</v>
      </c>
      <c r="F41762" t="s">
        <v>3353</v>
      </c>
      <c r="G41762" t="s">
        <v>80</v>
      </c>
      <c r="H41762" t="s">
        <v>81</v>
      </c>
      <c r="I41762" s="2">
        <v>0</v>
      </c>
      <c r="J41762" s="2">
        <v>1</v>
      </c>
      <c r="K41762" s="2">
        <v>0</v>
      </c>
      <c r="L41762" t="s">
        <v>82</v>
      </c>
      <c r="M41762" t="s">
        <v>83</v>
      </c>
      <c r="N41762" t="s">
        <v>84</v>
      </c>
      <c r="O41762" t="s">
        <v>85</v>
      </c>
      <c r="P41762" t="s">
        <v>86</v>
      </c>
      <c r="Q41762">
        <v>0</v>
      </c>
      <c r="R41762">
        <v>0</v>
      </c>
      <c r="S41762">
        <v>0</v>
      </c>
      <c r="T41762">
        <v>0</v>
      </c>
      <c r="U41762">
        <v>0</v>
      </c>
      <c r="V41762">
        <v>0</v>
      </c>
      <c r="W41762">
        <v>0</v>
      </c>
      <c r="X41762">
        <v>0</v>
      </c>
      <c r="Y41762">
        <v>0</v>
      </c>
      <c r="Z41762">
        <v>0</v>
      </c>
      <c r="AA41762">
        <v>0</v>
      </c>
      <c r="AB41762">
        <v>0</v>
      </c>
      <c r="AC41762">
        <v>0</v>
      </c>
      <c r="AD41762">
        <v>0</v>
      </c>
      <c r="AE41762">
        <v>0</v>
      </c>
      <c r="AF41762">
        <v>0</v>
      </c>
      <c r="AG41762">
        <v>0</v>
      </c>
      <c r="AH41762">
        <v>0</v>
      </c>
      <c r="AI41762">
        <v>0</v>
      </c>
      <c r="AJ41762">
        <v>0</v>
      </c>
      <c r="AK41762">
        <v>0</v>
      </c>
      <c r="AL41762">
        <v>0</v>
      </c>
      <c r="AM41762">
        <v>0</v>
      </c>
      <c r="AN41762">
        <v>0</v>
      </c>
      <c r="AO41762">
        <v>0</v>
      </c>
      <c r="AP41762">
        <v>0</v>
      </c>
      <c r="AQ41762">
        <v>0</v>
      </c>
    </row>
    <row r="41763" spans="1:43">
      <c r="A41763" t="s">
        <v>25689</v>
      </c>
      <c r="B41763" t="s">
        <v>25690</v>
      </c>
      <c r="C41763" t="s">
        <v>3540</v>
      </c>
      <c r="D41763" t="s">
        <v>3541</v>
      </c>
      <c r="E41763" t="s">
        <v>3352</v>
      </c>
      <c r="F41763" t="s">
        <v>3353</v>
      </c>
      <c r="G41763" t="s">
        <v>80</v>
      </c>
      <c r="H41763" t="s">
        <v>81</v>
      </c>
      <c r="I41763" s="2">
        <v>0</v>
      </c>
      <c r="J41763" s="2">
        <v>1</v>
      </c>
      <c r="K41763" s="2">
        <v>0</v>
      </c>
      <c r="L41763" t="s">
        <v>82</v>
      </c>
      <c r="M41763" t="s">
        <v>87</v>
      </c>
      <c r="N41763" t="s">
        <v>88</v>
      </c>
      <c r="O41763" t="s">
        <v>85</v>
      </c>
      <c r="P41763" t="s">
        <v>86</v>
      </c>
      <c r="Q41763">
        <v>0</v>
      </c>
      <c r="R41763">
        <v>0</v>
      </c>
      <c r="S41763">
        <v>0</v>
      </c>
      <c r="T41763">
        <v>0</v>
      </c>
      <c r="U41763">
        <v>0</v>
      </c>
      <c r="V41763">
        <v>0</v>
      </c>
      <c r="W41763">
        <v>0</v>
      </c>
      <c r="X41763">
        <v>0</v>
      </c>
      <c r="Y41763">
        <v>0</v>
      </c>
      <c r="Z41763">
        <v>0</v>
      </c>
      <c r="AA41763">
        <v>0</v>
      </c>
      <c r="AB41763">
        <v>0</v>
      </c>
      <c r="AC41763">
        <v>0</v>
      </c>
      <c r="AD41763">
        <v>0</v>
      </c>
      <c r="AE41763">
        <v>0</v>
      </c>
      <c r="AF41763">
        <v>0</v>
      </c>
      <c r="AG41763">
        <v>0</v>
      </c>
      <c r="AH41763">
        <v>0</v>
      </c>
      <c r="AI41763">
        <v>0</v>
      </c>
      <c r="AJ41763">
        <v>0</v>
      </c>
      <c r="AK41763">
        <v>0</v>
      </c>
      <c r="AL41763">
        <v>0</v>
      </c>
      <c r="AM41763">
        <v>0</v>
      </c>
      <c r="AN41763">
        <v>0</v>
      </c>
      <c r="AO41763">
        <v>0</v>
      </c>
      <c r="AP41763">
        <v>0</v>
      </c>
      <c r="AQ41763">
        <v>0</v>
      </c>
    </row>
    <row r="41764" spans="1:43">
      <c r="A41764" t="s">
        <v>25689</v>
      </c>
      <c r="B41764" t="s">
        <v>25690</v>
      </c>
      <c r="C41764" t="s">
        <v>3540</v>
      </c>
      <c r="D41764" t="s">
        <v>3541</v>
      </c>
      <c r="E41764" t="s">
        <v>3352</v>
      </c>
      <c r="F41764" t="s">
        <v>3353</v>
      </c>
      <c r="G41764" t="s">
        <v>80</v>
      </c>
      <c r="H41764" t="s">
        <v>81</v>
      </c>
      <c r="I41764" s="2">
        <v>0</v>
      </c>
      <c r="J41764" s="2">
        <v>1</v>
      </c>
      <c r="K41764" s="2">
        <v>0</v>
      </c>
      <c r="L41764" t="s">
        <v>82</v>
      </c>
      <c r="M41764" t="s">
        <v>89</v>
      </c>
      <c r="N41764" t="s">
        <v>90</v>
      </c>
      <c r="O41764" t="s">
        <v>85</v>
      </c>
      <c r="P41764" t="s">
        <v>86</v>
      </c>
      <c r="Q41764">
        <v>0</v>
      </c>
      <c r="R41764">
        <v>0</v>
      </c>
      <c r="S41764">
        <v>0</v>
      </c>
      <c r="T41764">
        <v>0</v>
      </c>
      <c r="U41764">
        <v>0</v>
      </c>
      <c r="V41764">
        <v>0</v>
      </c>
      <c r="W41764">
        <v>0</v>
      </c>
      <c r="X41764">
        <v>0</v>
      </c>
      <c r="Y41764">
        <v>0</v>
      </c>
      <c r="Z41764">
        <v>0</v>
      </c>
      <c r="AA41764">
        <v>0</v>
      </c>
      <c r="AB41764">
        <v>0</v>
      </c>
      <c r="AC41764">
        <v>0</v>
      </c>
      <c r="AD41764">
        <v>0</v>
      </c>
      <c r="AE41764">
        <v>0</v>
      </c>
      <c r="AF41764">
        <v>0</v>
      </c>
      <c r="AG41764">
        <v>0</v>
      </c>
      <c r="AH41764">
        <v>0</v>
      </c>
      <c r="AI41764">
        <v>0</v>
      </c>
      <c r="AJ41764">
        <v>0</v>
      </c>
      <c r="AK41764">
        <v>0</v>
      </c>
      <c r="AL41764">
        <v>0</v>
      </c>
      <c r="AM41764">
        <v>0</v>
      </c>
      <c r="AN41764">
        <v>0</v>
      </c>
      <c r="AO41764">
        <v>0</v>
      </c>
      <c r="AP41764">
        <v>0</v>
      </c>
      <c r="AQ41764">
        <v>0</v>
      </c>
    </row>
    <row r="41765" spans="1:43">
      <c r="A41765" t="s">
        <v>25689</v>
      </c>
      <c r="B41765" t="s">
        <v>25690</v>
      </c>
      <c r="C41765" t="s">
        <v>3540</v>
      </c>
      <c r="D41765" t="s">
        <v>3541</v>
      </c>
      <c r="E41765" t="s">
        <v>3352</v>
      </c>
      <c r="F41765" t="s">
        <v>3353</v>
      </c>
      <c r="G41765" t="s">
        <v>80</v>
      </c>
      <c r="H41765" t="s">
        <v>81</v>
      </c>
      <c r="I41765" s="2">
        <v>0</v>
      </c>
      <c r="J41765" s="2">
        <v>1</v>
      </c>
      <c r="K41765" s="2">
        <v>0</v>
      </c>
      <c r="L41765" t="s">
        <v>82</v>
      </c>
      <c r="M41765" t="s">
        <v>83</v>
      </c>
      <c r="N41765" t="s">
        <v>91</v>
      </c>
      <c r="O41765" t="s">
        <v>85</v>
      </c>
      <c r="P41765" t="s">
        <v>86</v>
      </c>
      <c r="Q41765">
        <v>0</v>
      </c>
      <c r="R41765">
        <v>0</v>
      </c>
      <c r="S41765">
        <v>0</v>
      </c>
      <c r="T41765">
        <v>0</v>
      </c>
      <c r="U41765">
        <v>0</v>
      </c>
      <c r="V41765">
        <v>0</v>
      </c>
      <c r="W41765">
        <v>0</v>
      </c>
      <c r="X41765">
        <v>0</v>
      </c>
      <c r="Y41765">
        <v>0</v>
      </c>
      <c r="Z41765">
        <v>0</v>
      </c>
      <c r="AA41765">
        <v>0</v>
      </c>
      <c r="AB41765">
        <v>0</v>
      </c>
      <c r="AC41765">
        <v>0</v>
      </c>
      <c r="AD41765">
        <v>0</v>
      </c>
      <c r="AE41765">
        <v>0</v>
      </c>
      <c r="AF41765">
        <v>0</v>
      </c>
      <c r="AG41765">
        <v>0</v>
      </c>
      <c r="AH41765">
        <v>0</v>
      </c>
      <c r="AI41765">
        <v>0</v>
      </c>
      <c r="AJ41765">
        <v>0</v>
      </c>
      <c r="AK41765">
        <v>0</v>
      </c>
      <c r="AL41765">
        <v>0</v>
      </c>
      <c r="AM41765">
        <v>0</v>
      </c>
      <c r="AN41765">
        <v>0</v>
      </c>
      <c r="AO41765">
        <v>0</v>
      </c>
      <c r="AP41765">
        <v>0</v>
      </c>
      <c r="AQ41765">
        <v>0</v>
      </c>
    </row>
    <row r="41766" spans="1:43">
      <c r="A41766" t="s">
        <v>25691</v>
      </c>
      <c r="B41766" t="s">
        <v>25692</v>
      </c>
      <c r="C41766" t="s">
        <v>3540</v>
      </c>
      <c r="D41766" t="s">
        <v>3541</v>
      </c>
      <c r="E41766" t="s">
        <v>3352</v>
      </c>
      <c r="F41766" t="s">
        <v>3353</v>
      </c>
      <c r="G41766" t="s">
        <v>80</v>
      </c>
      <c r="H41766" t="s">
        <v>81</v>
      </c>
      <c r="I41766" s="2">
        <v>0</v>
      </c>
      <c r="J41766" s="2">
        <v>1</v>
      </c>
      <c r="K41766" s="2">
        <v>0</v>
      </c>
      <c r="L41766" t="s">
        <v>82</v>
      </c>
      <c r="M41766" t="s">
        <v>83</v>
      </c>
      <c r="N41766" t="s">
        <v>84</v>
      </c>
      <c r="O41766" t="s">
        <v>85</v>
      </c>
      <c r="P41766" t="s">
        <v>86</v>
      </c>
      <c r="Q41766">
        <v>27</v>
      </c>
      <c r="R41766">
        <v>27</v>
      </c>
      <c r="S41766">
        <v>28</v>
      </c>
      <c r="T41766">
        <v>29</v>
      </c>
      <c r="U41766">
        <v>29</v>
      </c>
      <c r="V41766">
        <v>30</v>
      </c>
      <c r="W41766">
        <v>30</v>
      </c>
      <c r="X41766">
        <v>31</v>
      </c>
      <c r="Y41766">
        <v>32</v>
      </c>
      <c r="Z41766">
        <v>33</v>
      </c>
      <c r="AA41766">
        <v>33</v>
      </c>
      <c r="AB41766">
        <v>34</v>
      </c>
      <c r="AC41766">
        <v>35</v>
      </c>
      <c r="AD41766">
        <v>35</v>
      </c>
      <c r="AE41766">
        <v>36</v>
      </c>
      <c r="AF41766">
        <v>37</v>
      </c>
      <c r="AG41766">
        <v>37</v>
      </c>
      <c r="AH41766">
        <v>38</v>
      </c>
      <c r="AI41766">
        <v>39</v>
      </c>
      <c r="AJ41766">
        <v>40</v>
      </c>
      <c r="AK41766">
        <v>40</v>
      </c>
      <c r="AL41766">
        <v>41</v>
      </c>
      <c r="AM41766">
        <v>41</v>
      </c>
      <c r="AN41766">
        <v>42</v>
      </c>
      <c r="AO41766">
        <v>42</v>
      </c>
      <c r="AP41766">
        <v>42</v>
      </c>
      <c r="AQ41766">
        <v>43</v>
      </c>
    </row>
    <row r="41767" spans="1:43">
      <c r="A41767" t="s">
        <v>25691</v>
      </c>
      <c r="B41767" t="s">
        <v>25692</v>
      </c>
      <c r="C41767" t="s">
        <v>3540</v>
      </c>
      <c r="D41767" t="s">
        <v>3541</v>
      </c>
      <c r="E41767" t="s">
        <v>3352</v>
      </c>
      <c r="F41767" t="s">
        <v>3353</v>
      </c>
      <c r="G41767" t="s">
        <v>80</v>
      </c>
      <c r="H41767" t="s">
        <v>81</v>
      </c>
      <c r="I41767" s="2">
        <v>0</v>
      </c>
      <c r="J41767" s="2">
        <v>1</v>
      </c>
      <c r="K41767" s="2">
        <v>0</v>
      </c>
      <c r="L41767" t="s">
        <v>82</v>
      </c>
      <c r="M41767" t="s">
        <v>87</v>
      </c>
      <c r="N41767" t="s">
        <v>88</v>
      </c>
      <c r="O41767" t="s">
        <v>85</v>
      </c>
      <c r="P41767" t="s">
        <v>86</v>
      </c>
      <c r="Q41767">
        <v>27</v>
      </c>
      <c r="R41767">
        <v>28</v>
      </c>
      <c r="S41767">
        <v>28</v>
      </c>
      <c r="T41767">
        <v>28</v>
      </c>
      <c r="U41767">
        <v>29</v>
      </c>
      <c r="V41767">
        <v>29</v>
      </c>
      <c r="W41767">
        <v>30</v>
      </c>
      <c r="X41767">
        <v>30</v>
      </c>
      <c r="Y41767">
        <v>30</v>
      </c>
      <c r="Z41767">
        <v>31</v>
      </c>
      <c r="AA41767">
        <v>31</v>
      </c>
      <c r="AB41767">
        <v>32</v>
      </c>
      <c r="AC41767">
        <v>32</v>
      </c>
      <c r="AD41767">
        <v>32</v>
      </c>
      <c r="AE41767">
        <v>33</v>
      </c>
      <c r="AF41767">
        <v>33</v>
      </c>
      <c r="AG41767">
        <v>34</v>
      </c>
      <c r="AH41767">
        <v>34</v>
      </c>
      <c r="AI41767">
        <v>35</v>
      </c>
      <c r="AJ41767">
        <v>35</v>
      </c>
      <c r="AK41767">
        <v>35</v>
      </c>
      <c r="AL41767">
        <v>36</v>
      </c>
      <c r="AM41767">
        <v>36</v>
      </c>
      <c r="AN41767">
        <v>37</v>
      </c>
      <c r="AO41767">
        <v>37</v>
      </c>
      <c r="AP41767">
        <v>38</v>
      </c>
      <c r="AQ41767">
        <v>38</v>
      </c>
    </row>
    <row r="41768" spans="1:43">
      <c r="A41768" t="s">
        <v>25691</v>
      </c>
      <c r="B41768" t="s">
        <v>25692</v>
      </c>
      <c r="C41768" t="s">
        <v>3540</v>
      </c>
      <c r="D41768" t="s">
        <v>3541</v>
      </c>
      <c r="E41768" t="s">
        <v>3352</v>
      </c>
      <c r="F41768" t="s">
        <v>3353</v>
      </c>
      <c r="G41768" t="s">
        <v>80</v>
      </c>
      <c r="H41768" t="s">
        <v>81</v>
      </c>
      <c r="I41768" s="2">
        <v>0</v>
      </c>
      <c r="J41768" s="2">
        <v>1</v>
      </c>
      <c r="K41768" s="2">
        <v>0</v>
      </c>
      <c r="L41768" t="s">
        <v>82</v>
      </c>
      <c r="M41768" t="s">
        <v>89</v>
      </c>
      <c r="N41768" t="s">
        <v>90</v>
      </c>
      <c r="O41768" t="s">
        <v>85</v>
      </c>
      <c r="P41768" t="s">
        <v>86</v>
      </c>
      <c r="Q41768">
        <v>27</v>
      </c>
      <c r="R41768">
        <v>28</v>
      </c>
      <c r="S41768">
        <v>29</v>
      </c>
      <c r="T41768">
        <v>29</v>
      </c>
      <c r="U41768">
        <v>30</v>
      </c>
      <c r="V41768">
        <v>31</v>
      </c>
      <c r="W41768">
        <v>32</v>
      </c>
      <c r="X41768">
        <v>33</v>
      </c>
      <c r="Y41768">
        <v>34</v>
      </c>
      <c r="Z41768">
        <v>35</v>
      </c>
      <c r="AA41768">
        <v>35</v>
      </c>
      <c r="AB41768">
        <v>36</v>
      </c>
      <c r="AC41768">
        <v>37</v>
      </c>
      <c r="AD41768">
        <v>38</v>
      </c>
      <c r="AE41768">
        <v>39</v>
      </c>
      <c r="AF41768">
        <v>39</v>
      </c>
      <c r="AG41768">
        <v>39</v>
      </c>
      <c r="AH41768">
        <v>40</v>
      </c>
      <c r="AI41768">
        <v>40</v>
      </c>
      <c r="AJ41768">
        <v>40</v>
      </c>
      <c r="AK41768">
        <v>41</v>
      </c>
      <c r="AL41768">
        <v>41</v>
      </c>
      <c r="AM41768">
        <v>41</v>
      </c>
      <c r="AN41768">
        <v>42</v>
      </c>
      <c r="AO41768">
        <v>42</v>
      </c>
      <c r="AP41768">
        <v>42</v>
      </c>
      <c r="AQ41768">
        <v>43</v>
      </c>
    </row>
    <row r="41769" spans="1:43">
      <c r="A41769" t="s">
        <v>25691</v>
      </c>
      <c r="B41769" t="s">
        <v>25692</v>
      </c>
      <c r="C41769" t="s">
        <v>3540</v>
      </c>
      <c r="D41769" t="s">
        <v>3541</v>
      </c>
      <c r="E41769" t="s">
        <v>3352</v>
      </c>
      <c r="F41769" t="s">
        <v>3353</v>
      </c>
      <c r="G41769" t="s">
        <v>80</v>
      </c>
      <c r="H41769" t="s">
        <v>81</v>
      </c>
      <c r="I41769" s="2">
        <v>0</v>
      </c>
      <c r="J41769" s="2">
        <v>1</v>
      </c>
      <c r="K41769" s="2">
        <v>0</v>
      </c>
      <c r="L41769" t="s">
        <v>82</v>
      </c>
      <c r="M41769" t="s">
        <v>83</v>
      </c>
      <c r="N41769" t="s">
        <v>91</v>
      </c>
      <c r="O41769" t="s">
        <v>85</v>
      </c>
      <c r="P41769" t="s">
        <v>86</v>
      </c>
      <c r="Q41769">
        <v>27</v>
      </c>
      <c r="R41769">
        <v>27</v>
      </c>
      <c r="S41769">
        <v>28</v>
      </c>
      <c r="T41769">
        <v>29</v>
      </c>
      <c r="U41769">
        <v>29</v>
      </c>
      <c r="V41769">
        <v>30</v>
      </c>
      <c r="W41769">
        <v>30</v>
      </c>
      <c r="X41769">
        <v>31</v>
      </c>
      <c r="Y41769">
        <v>32</v>
      </c>
      <c r="Z41769">
        <v>33</v>
      </c>
      <c r="AA41769">
        <v>33</v>
      </c>
      <c r="AB41769">
        <v>34</v>
      </c>
      <c r="AC41769">
        <v>35</v>
      </c>
      <c r="AD41769">
        <v>35</v>
      </c>
      <c r="AE41769">
        <v>36</v>
      </c>
      <c r="AF41769">
        <v>37</v>
      </c>
      <c r="AG41769">
        <v>37</v>
      </c>
      <c r="AH41769">
        <v>38</v>
      </c>
      <c r="AI41769">
        <v>39</v>
      </c>
      <c r="AJ41769">
        <v>40</v>
      </c>
      <c r="AK41769">
        <v>40</v>
      </c>
      <c r="AL41769">
        <v>41</v>
      </c>
      <c r="AM41769">
        <v>41</v>
      </c>
      <c r="AN41769">
        <v>42</v>
      </c>
      <c r="AO41769">
        <v>42</v>
      </c>
      <c r="AP41769">
        <v>42</v>
      </c>
      <c r="AQ41769">
        <v>43</v>
      </c>
    </row>
    <row r="41770" spans="1:43">
      <c r="A41770" t="s">
        <v>25693</v>
      </c>
      <c r="B41770" t="s">
        <v>25694</v>
      </c>
      <c r="C41770" t="s">
        <v>3540</v>
      </c>
      <c r="D41770" t="s">
        <v>3541</v>
      </c>
      <c r="E41770" t="s">
        <v>3352</v>
      </c>
      <c r="F41770" t="s">
        <v>3353</v>
      </c>
      <c r="G41770" t="s">
        <v>80</v>
      </c>
      <c r="H41770" t="s">
        <v>81</v>
      </c>
      <c r="I41770" s="2">
        <v>0</v>
      </c>
      <c r="J41770" s="2">
        <v>1</v>
      </c>
      <c r="K41770" s="2">
        <v>0</v>
      </c>
      <c r="L41770" t="s">
        <v>82</v>
      </c>
      <c r="M41770" t="s">
        <v>83</v>
      </c>
      <c r="N41770" t="s">
        <v>84</v>
      </c>
      <c r="O41770" t="s">
        <v>85</v>
      </c>
      <c r="P41770" t="s">
        <v>86</v>
      </c>
      <c r="Q41770">
        <v>0</v>
      </c>
      <c r="R41770">
        <v>0</v>
      </c>
      <c r="S41770">
        <v>0</v>
      </c>
      <c r="T41770">
        <v>0</v>
      </c>
      <c r="U41770">
        <v>0</v>
      </c>
      <c r="V41770">
        <v>0</v>
      </c>
      <c r="W41770">
        <v>0</v>
      </c>
      <c r="X41770">
        <v>0</v>
      </c>
      <c r="Y41770">
        <v>0</v>
      </c>
      <c r="Z41770">
        <v>0</v>
      </c>
      <c r="AA41770">
        <v>0</v>
      </c>
      <c r="AB41770">
        <v>0</v>
      </c>
      <c r="AC41770">
        <v>0</v>
      </c>
      <c r="AD41770">
        <v>0</v>
      </c>
      <c r="AE41770">
        <v>0</v>
      </c>
      <c r="AF41770">
        <v>0</v>
      </c>
      <c r="AG41770">
        <v>0</v>
      </c>
      <c r="AH41770">
        <v>0</v>
      </c>
      <c r="AI41770">
        <v>0</v>
      </c>
      <c r="AJ41770">
        <v>0</v>
      </c>
      <c r="AK41770">
        <v>0</v>
      </c>
      <c r="AL41770">
        <v>0</v>
      </c>
      <c r="AM41770">
        <v>0</v>
      </c>
      <c r="AN41770">
        <v>0</v>
      </c>
      <c r="AO41770">
        <v>0</v>
      </c>
      <c r="AP41770">
        <v>0</v>
      </c>
      <c r="AQ41770">
        <v>0</v>
      </c>
    </row>
    <row r="41771" spans="1:43">
      <c r="A41771" t="s">
        <v>25693</v>
      </c>
      <c r="B41771" t="s">
        <v>25694</v>
      </c>
      <c r="C41771" t="s">
        <v>3540</v>
      </c>
      <c r="D41771" t="s">
        <v>3541</v>
      </c>
      <c r="E41771" t="s">
        <v>3352</v>
      </c>
      <c r="F41771" t="s">
        <v>3353</v>
      </c>
      <c r="G41771" t="s">
        <v>80</v>
      </c>
      <c r="H41771" t="s">
        <v>81</v>
      </c>
      <c r="I41771" s="2">
        <v>0</v>
      </c>
      <c r="J41771" s="2">
        <v>1</v>
      </c>
      <c r="K41771" s="2">
        <v>0</v>
      </c>
      <c r="L41771" t="s">
        <v>82</v>
      </c>
      <c r="M41771" t="s">
        <v>87</v>
      </c>
      <c r="N41771" t="s">
        <v>88</v>
      </c>
      <c r="O41771" t="s">
        <v>85</v>
      </c>
      <c r="P41771" t="s">
        <v>86</v>
      </c>
      <c r="Q41771">
        <v>0</v>
      </c>
      <c r="R41771">
        <v>0</v>
      </c>
      <c r="S41771">
        <v>0</v>
      </c>
      <c r="T41771">
        <v>0</v>
      </c>
      <c r="U41771">
        <v>0</v>
      </c>
      <c r="V41771">
        <v>0</v>
      </c>
      <c r="W41771">
        <v>0</v>
      </c>
      <c r="X41771">
        <v>0</v>
      </c>
      <c r="Y41771">
        <v>0</v>
      </c>
      <c r="Z41771">
        <v>0</v>
      </c>
      <c r="AA41771">
        <v>0</v>
      </c>
      <c r="AB41771">
        <v>0</v>
      </c>
      <c r="AC41771">
        <v>0</v>
      </c>
      <c r="AD41771">
        <v>0</v>
      </c>
      <c r="AE41771">
        <v>0</v>
      </c>
      <c r="AF41771">
        <v>0</v>
      </c>
      <c r="AG41771">
        <v>0</v>
      </c>
      <c r="AH41771">
        <v>0</v>
      </c>
      <c r="AI41771">
        <v>0</v>
      </c>
      <c r="AJ41771">
        <v>0</v>
      </c>
      <c r="AK41771">
        <v>0</v>
      </c>
      <c r="AL41771">
        <v>0</v>
      </c>
      <c r="AM41771">
        <v>0</v>
      </c>
      <c r="AN41771">
        <v>0</v>
      </c>
      <c r="AO41771">
        <v>0</v>
      </c>
      <c r="AP41771">
        <v>0</v>
      </c>
      <c r="AQ41771">
        <v>0</v>
      </c>
    </row>
    <row r="41772" spans="1:43">
      <c r="A41772" t="s">
        <v>25693</v>
      </c>
      <c r="B41772" t="s">
        <v>25694</v>
      </c>
      <c r="C41772" t="s">
        <v>3540</v>
      </c>
      <c r="D41772" t="s">
        <v>3541</v>
      </c>
      <c r="E41772" t="s">
        <v>3352</v>
      </c>
      <c r="F41772" t="s">
        <v>3353</v>
      </c>
      <c r="G41772" t="s">
        <v>80</v>
      </c>
      <c r="H41772" t="s">
        <v>81</v>
      </c>
      <c r="I41772" s="2">
        <v>0</v>
      </c>
      <c r="J41772" s="2">
        <v>1</v>
      </c>
      <c r="K41772" s="2">
        <v>0</v>
      </c>
      <c r="L41772" t="s">
        <v>82</v>
      </c>
      <c r="M41772" t="s">
        <v>89</v>
      </c>
      <c r="N41772" t="s">
        <v>90</v>
      </c>
      <c r="O41772" t="s">
        <v>85</v>
      </c>
      <c r="P41772" t="s">
        <v>86</v>
      </c>
      <c r="Q41772">
        <v>0</v>
      </c>
      <c r="R41772">
        <v>0</v>
      </c>
      <c r="S41772">
        <v>0</v>
      </c>
      <c r="T41772">
        <v>0</v>
      </c>
      <c r="U41772">
        <v>0</v>
      </c>
      <c r="V41772">
        <v>0</v>
      </c>
      <c r="W41772">
        <v>0</v>
      </c>
      <c r="X41772">
        <v>0</v>
      </c>
      <c r="Y41772">
        <v>0</v>
      </c>
      <c r="Z41772">
        <v>0</v>
      </c>
      <c r="AA41772">
        <v>0</v>
      </c>
      <c r="AB41772">
        <v>0</v>
      </c>
      <c r="AC41772">
        <v>0</v>
      </c>
      <c r="AD41772">
        <v>0</v>
      </c>
      <c r="AE41772">
        <v>0</v>
      </c>
      <c r="AF41772">
        <v>0</v>
      </c>
      <c r="AG41772">
        <v>0</v>
      </c>
      <c r="AH41772">
        <v>0</v>
      </c>
      <c r="AI41772">
        <v>0</v>
      </c>
      <c r="AJ41772">
        <v>0</v>
      </c>
      <c r="AK41772">
        <v>0</v>
      </c>
      <c r="AL41772">
        <v>0</v>
      </c>
      <c r="AM41772">
        <v>0</v>
      </c>
      <c r="AN41772">
        <v>0</v>
      </c>
      <c r="AO41772">
        <v>0</v>
      </c>
      <c r="AP41772">
        <v>0</v>
      </c>
      <c r="AQ41772">
        <v>0</v>
      </c>
    </row>
    <row r="41773" spans="1:43">
      <c r="A41773" t="s">
        <v>25693</v>
      </c>
      <c r="B41773" t="s">
        <v>25694</v>
      </c>
      <c r="C41773" t="s">
        <v>3540</v>
      </c>
      <c r="D41773" t="s">
        <v>3541</v>
      </c>
      <c r="E41773" t="s">
        <v>3352</v>
      </c>
      <c r="F41773" t="s">
        <v>3353</v>
      </c>
      <c r="G41773" t="s">
        <v>80</v>
      </c>
      <c r="H41773" t="s">
        <v>81</v>
      </c>
      <c r="I41773" s="2">
        <v>0</v>
      </c>
      <c r="J41773" s="2">
        <v>1</v>
      </c>
      <c r="K41773" s="2">
        <v>0</v>
      </c>
      <c r="L41773" t="s">
        <v>82</v>
      </c>
      <c r="M41773" t="s">
        <v>83</v>
      </c>
      <c r="N41773" t="s">
        <v>91</v>
      </c>
      <c r="O41773" t="s">
        <v>85</v>
      </c>
      <c r="P41773" t="s">
        <v>86</v>
      </c>
      <c r="Q41773">
        <v>0</v>
      </c>
      <c r="R41773">
        <v>0</v>
      </c>
      <c r="S41773">
        <v>0</v>
      </c>
      <c r="T41773">
        <v>0</v>
      </c>
      <c r="U41773">
        <v>0</v>
      </c>
      <c r="V41773">
        <v>0</v>
      </c>
      <c r="W41773">
        <v>0</v>
      </c>
      <c r="X41773">
        <v>0</v>
      </c>
      <c r="Y41773">
        <v>0</v>
      </c>
      <c r="Z41773">
        <v>0</v>
      </c>
      <c r="AA41773">
        <v>0</v>
      </c>
      <c r="AB41773">
        <v>0</v>
      </c>
      <c r="AC41773">
        <v>0</v>
      </c>
      <c r="AD41773">
        <v>0</v>
      </c>
      <c r="AE41773">
        <v>0</v>
      </c>
      <c r="AF41773">
        <v>0</v>
      </c>
      <c r="AG41773">
        <v>0</v>
      </c>
      <c r="AH41773">
        <v>0</v>
      </c>
      <c r="AI41773">
        <v>0</v>
      </c>
      <c r="AJ41773">
        <v>0</v>
      </c>
      <c r="AK41773">
        <v>0</v>
      </c>
      <c r="AL41773">
        <v>0</v>
      </c>
      <c r="AM41773">
        <v>0</v>
      </c>
      <c r="AN41773">
        <v>0</v>
      </c>
      <c r="AO41773">
        <v>0</v>
      </c>
      <c r="AP41773">
        <v>0</v>
      </c>
      <c r="AQ41773">
        <v>0</v>
      </c>
    </row>
    <row r="41774" spans="1:43">
      <c r="A41774" t="s">
        <v>25695</v>
      </c>
      <c r="B41774" t="s">
        <v>25696</v>
      </c>
      <c r="C41774" t="s">
        <v>25329</v>
      </c>
      <c r="D41774" t="s">
        <v>25330</v>
      </c>
      <c r="E41774" t="s">
        <v>3352</v>
      </c>
      <c r="F41774" t="s">
        <v>3353</v>
      </c>
      <c r="G41774" t="s">
        <v>80</v>
      </c>
      <c r="H41774" t="s">
        <v>81</v>
      </c>
      <c r="I41774" s="2">
        <v>0</v>
      </c>
      <c r="J41774" s="2">
        <v>1</v>
      </c>
      <c r="K41774" s="2">
        <v>0</v>
      </c>
      <c r="L41774" t="s">
        <v>82</v>
      </c>
      <c r="M41774" t="s">
        <v>83</v>
      </c>
      <c r="N41774" t="s">
        <v>84</v>
      </c>
      <c r="O41774" t="s">
        <v>85</v>
      </c>
      <c r="P41774" t="s">
        <v>86</v>
      </c>
      <c r="Q41774">
        <v>0</v>
      </c>
      <c r="R41774">
        <v>0</v>
      </c>
      <c r="S41774">
        <v>0</v>
      </c>
      <c r="T41774">
        <v>0</v>
      </c>
      <c r="U41774">
        <v>0</v>
      </c>
      <c r="V41774">
        <v>0</v>
      </c>
      <c r="W41774">
        <v>0</v>
      </c>
      <c r="X41774">
        <v>0</v>
      </c>
      <c r="Y41774">
        <v>0</v>
      </c>
      <c r="Z41774">
        <v>0</v>
      </c>
      <c r="AA41774">
        <v>0</v>
      </c>
      <c r="AB41774">
        <v>0</v>
      </c>
      <c r="AC41774">
        <v>0</v>
      </c>
      <c r="AD41774">
        <v>0</v>
      </c>
      <c r="AE41774">
        <v>0</v>
      </c>
      <c r="AF41774">
        <v>0</v>
      </c>
      <c r="AG41774">
        <v>0</v>
      </c>
      <c r="AH41774">
        <v>0</v>
      </c>
      <c r="AI41774">
        <v>0</v>
      </c>
      <c r="AJ41774">
        <v>0</v>
      </c>
      <c r="AK41774">
        <v>0</v>
      </c>
      <c r="AL41774">
        <v>0</v>
      </c>
      <c r="AM41774">
        <v>0</v>
      </c>
      <c r="AN41774">
        <v>0</v>
      </c>
      <c r="AO41774">
        <v>0</v>
      </c>
      <c r="AP41774">
        <v>0</v>
      </c>
      <c r="AQ41774">
        <v>0</v>
      </c>
    </row>
    <row r="41775" spans="1:43">
      <c r="A41775" t="s">
        <v>25695</v>
      </c>
      <c r="B41775" t="s">
        <v>25696</v>
      </c>
      <c r="C41775" t="s">
        <v>25329</v>
      </c>
      <c r="D41775" t="s">
        <v>25330</v>
      </c>
      <c r="E41775" t="s">
        <v>3352</v>
      </c>
      <c r="F41775" t="s">
        <v>3353</v>
      </c>
      <c r="G41775" t="s">
        <v>80</v>
      </c>
      <c r="H41775" t="s">
        <v>81</v>
      </c>
      <c r="I41775" s="2">
        <v>0</v>
      </c>
      <c r="J41775" s="2">
        <v>1</v>
      </c>
      <c r="K41775" s="2">
        <v>0</v>
      </c>
      <c r="L41775" t="s">
        <v>82</v>
      </c>
      <c r="M41775" t="s">
        <v>87</v>
      </c>
      <c r="N41775" t="s">
        <v>88</v>
      </c>
      <c r="O41775" t="s">
        <v>85</v>
      </c>
      <c r="P41775" t="s">
        <v>86</v>
      </c>
      <c r="Q41775">
        <v>0</v>
      </c>
      <c r="R41775">
        <v>0</v>
      </c>
      <c r="S41775">
        <v>0</v>
      </c>
      <c r="T41775">
        <v>0</v>
      </c>
      <c r="U41775">
        <v>0</v>
      </c>
      <c r="V41775">
        <v>0</v>
      </c>
      <c r="W41775">
        <v>0</v>
      </c>
      <c r="X41775">
        <v>0</v>
      </c>
      <c r="Y41775">
        <v>0</v>
      </c>
      <c r="Z41775">
        <v>0</v>
      </c>
      <c r="AA41775">
        <v>0</v>
      </c>
      <c r="AB41775">
        <v>0</v>
      </c>
      <c r="AC41775">
        <v>0</v>
      </c>
      <c r="AD41775">
        <v>0</v>
      </c>
      <c r="AE41775">
        <v>0</v>
      </c>
      <c r="AF41775">
        <v>0</v>
      </c>
      <c r="AG41775">
        <v>0</v>
      </c>
      <c r="AH41775">
        <v>0</v>
      </c>
      <c r="AI41775">
        <v>0</v>
      </c>
      <c r="AJ41775">
        <v>0</v>
      </c>
      <c r="AK41775">
        <v>0</v>
      </c>
      <c r="AL41775">
        <v>0</v>
      </c>
      <c r="AM41775">
        <v>0</v>
      </c>
      <c r="AN41775">
        <v>0</v>
      </c>
      <c r="AO41775">
        <v>0</v>
      </c>
      <c r="AP41775">
        <v>0</v>
      </c>
      <c r="AQ41775">
        <v>0</v>
      </c>
    </row>
    <row r="41776" spans="1:43">
      <c r="A41776" t="s">
        <v>25695</v>
      </c>
      <c r="B41776" t="s">
        <v>25696</v>
      </c>
      <c r="C41776" t="s">
        <v>25329</v>
      </c>
      <c r="D41776" t="s">
        <v>25330</v>
      </c>
      <c r="E41776" t="s">
        <v>3352</v>
      </c>
      <c r="F41776" t="s">
        <v>3353</v>
      </c>
      <c r="G41776" t="s">
        <v>80</v>
      </c>
      <c r="H41776" t="s">
        <v>81</v>
      </c>
      <c r="I41776" s="2">
        <v>0</v>
      </c>
      <c r="J41776" s="2">
        <v>1</v>
      </c>
      <c r="K41776" s="2">
        <v>0</v>
      </c>
      <c r="L41776" t="s">
        <v>82</v>
      </c>
      <c r="M41776" t="s">
        <v>89</v>
      </c>
      <c r="N41776" t="s">
        <v>90</v>
      </c>
      <c r="O41776" t="s">
        <v>85</v>
      </c>
      <c r="P41776" t="s">
        <v>86</v>
      </c>
      <c r="Q41776">
        <v>0</v>
      </c>
      <c r="R41776">
        <v>0</v>
      </c>
      <c r="S41776">
        <v>0</v>
      </c>
      <c r="T41776">
        <v>0</v>
      </c>
      <c r="U41776">
        <v>0</v>
      </c>
      <c r="V41776">
        <v>0</v>
      </c>
      <c r="W41776">
        <v>0</v>
      </c>
      <c r="X41776">
        <v>0</v>
      </c>
      <c r="Y41776">
        <v>0</v>
      </c>
      <c r="Z41776">
        <v>0</v>
      </c>
      <c r="AA41776">
        <v>0</v>
      </c>
      <c r="AB41776">
        <v>0</v>
      </c>
      <c r="AC41776">
        <v>0</v>
      </c>
      <c r="AD41776">
        <v>0</v>
      </c>
      <c r="AE41776">
        <v>0</v>
      </c>
      <c r="AF41776">
        <v>0</v>
      </c>
      <c r="AG41776">
        <v>0</v>
      </c>
      <c r="AH41776">
        <v>0</v>
      </c>
      <c r="AI41776">
        <v>0</v>
      </c>
      <c r="AJ41776">
        <v>0</v>
      </c>
      <c r="AK41776">
        <v>0</v>
      </c>
      <c r="AL41776">
        <v>0</v>
      </c>
      <c r="AM41776">
        <v>0</v>
      </c>
      <c r="AN41776">
        <v>0</v>
      </c>
      <c r="AO41776">
        <v>0</v>
      </c>
      <c r="AP41776">
        <v>0</v>
      </c>
      <c r="AQ41776">
        <v>0</v>
      </c>
    </row>
    <row r="41777" spans="1:43">
      <c r="A41777" t="s">
        <v>25695</v>
      </c>
      <c r="B41777" t="s">
        <v>25696</v>
      </c>
      <c r="C41777" t="s">
        <v>25329</v>
      </c>
      <c r="D41777" t="s">
        <v>25330</v>
      </c>
      <c r="E41777" t="s">
        <v>3352</v>
      </c>
      <c r="F41777" t="s">
        <v>3353</v>
      </c>
      <c r="G41777" t="s">
        <v>80</v>
      </c>
      <c r="H41777" t="s">
        <v>81</v>
      </c>
      <c r="I41777" s="2">
        <v>0</v>
      </c>
      <c r="J41777" s="2">
        <v>1</v>
      </c>
      <c r="K41777" s="2">
        <v>0</v>
      </c>
      <c r="L41777" t="s">
        <v>82</v>
      </c>
      <c r="M41777" t="s">
        <v>83</v>
      </c>
      <c r="N41777" t="s">
        <v>91</v>
      </c>
      <c r="O41777" t="s">
        <v>85</v>
      </c>
      <c r="P41777" t="s">
        <v>86</v>
      </c>
      <c r="Q41777">
        <v>0</v>
      </c>
      <c r="R41777">
        <v>0</v>
      </c>
      <c r="S41777">
        <v>0</v>
      </c>
      <c r="T41777">
        <v>0</v>
      </c>
      <c r="U41777">
        <v>0</v>
      </c>
      <c r="V41777">
        <v>0</v>
      </c>
      <c r="W41777">
        <v>0</v>
      </c>
      <c r="X41777">
        <v>0</v>
      </c>
      <c r="Y41777">
        <v>0</v>
      </c>
      <c r="Z41777">
        <v>0</v>
      </c>
      <c r="AA41777">
        <v>0</v>
      </c>
      <c r="AB41777">
        <v>0</v>
      </c>
      <c r="AC41777">
        <v>0</v>
      </c>
      <c r="AD41777">
        <v>0</v>
      </c>
      <c r="AE41777">
        <v>0</v>
      </c>
      <c r="AF41777">
        <v>0</v>
      </c>
      <c r="AG41777">
        <v>0</v>
      </c>
      <c r="AH41777">
        <v>0</v>
      </c>
      <c r="AI41777">
        <v>0</v>
      </c>
      <c r="AJ41777">
        <v>0</v>
      </c>
      <c r="AK41777">
        <v>0</v>
      </c>
      <c r="AL41777">
        <v>0</v>
      </c>
      <c r="AM41777">
        <v>0</v>
      </c>
      <c r="AN41777">
        <v>0</v>
      </c>
      <c r="AO41777">
        <v>0</v>
      </c>
      <c r="AP41777">
        <v>0</v>
      </c>
      <c r="AQ41777">
        <v>0</v>
      </c>
    </row>
    <row r="41778" spans="1:43">
      <c r="A41778" t="s">
        <v>25697</v>
      </c>
      <c r="B41778" t="s">
        <v>25698</v>
      </c>
      <c r="C41778" t="s">
        <v>25329</v>
      </c>
      <c r="D41778" t="s">
        <v>25330</v>
      </c>
      <c r="E41778" t="s">
        <v>3352</v>
      </c>
      <c r="F41778" t="s">
        <v>3353</v>
      </c>
      <c r="G41778" t="s">
        <v>80</v>
      </c>
      <c r="H41778" t="s">
        <v>81</v>
      </c>
      <c r="I41778" s="2">
        <v>0</v>
      </c>
      <c r="J41778" s="2">
        <v>1</v>
      </c>
      <c r="K41778" s="2">
        <v>0</v>
      </c>
      <c r="L41778" t="s">
        <v>82</v>
      </c>
      <c r="M41778" t="s">
        <v>83</v>
      </c>
      <c r="N41778" t="s">
        <v>84</v>
      </c>
      <c r="O41778" t="s">
        <v>85</v>
      </c>
      <c r="P41778" t="s">
        <v>86</v>
      </c>
      <c r="Q41778">
        <v>15</v>
      </c>
      <c r="R41778">
        <v>15</v>
      </c>
      <c r="S41778">
        <v>15</v>
      </c>
      <c r="T41778">
        <v>16</v>
      </c>
      <c r="U41778">
        <v>16</v>
      </c>
      <c r="V41778">
        <v>17</v>
      </c>
      <c r="W41778">
        <v>17</v>
      </c>
      <c r="X41778">
        <v>17</v>
      </c>
      <c r="Y41778">
        <v>18</v>
      </c>
      <c r="Z41778">
        <v>18</v>
      </c>
      <c r="AA41778">
        <v>18</v>
      </c>
      <c r="AB41778">
        <v>19</v>
      </c>
      <c r="AC41778">
        <v>19</v>
      </c>
      <c r="AD41778">
        <v>20</v>
      </c>
      <c r="AE41778">
        <v>20</v>
      </c>
      <c r="AF41778">
        <v>20</v>
      </c>
      <c r="AG41778">
        <v>21</v>
      </c>
      <c r="AH41778">
        <v>21</v>
      </c>
      <c r="AI41778">
        <v>22</v>
      </c>
      <c r="AJ41778">
        <v>22</v>
      </c>
      <c r="AK41778">
        <v>22</v>
      </c>
      <c r="AL41778">
        <v>23</v>
      </c>
      <c r="AM41778">
        <v>23</v>
      </c>
      <c r="AN41778">
        <v>23</v>
      </c>
      <c r="AO41778">
        <v>23</v>
      </c>
      <c r="AP41778">
        <v>24</v>
      </c>
      <c r="AQ41778">
        <v>24</v>
      </c>
    </row>
    <row r="41779" spans="1:43">
      <c r="A41779" t="s">
        <v>25697</v>
      </c>
      <c r="B41779" t="s">
        <v>25698</v>
      </c>
      <c r="C41779" t="s">
        <v>25329</v>
      </c>
      <c r="D41779" t="s">
        <v>25330</v>
      </c>
      <c r="E41779" t="s">
        <v>3352</v>
      </c>
      <c r="F41779" t="s">
        <v>3353</v>
      </c>
      <c r="G41779" t="s">
        <v>80</v>
      </c>
      <c r="H41779" t="s">
        <v>81</v>
      </c>
      <c r="I41779" s="2">
        <v>0</v>
      </c>
      <c r="J41779" s="2">
        <v>1</v>
      </c>
      <c r="K41779" s="2">
        <v>0</v>
      </c>
      <c r="L41779" t="s">
        <v>82</v>
      </c>
      <c r="M41779" t="s">
        <v>87</v>
      </c>
      <c r="N41779" t="s">
        <v>88</v>
      </c>
      <c r="O41779" t="s">
        <v>85</v>
      </c>
      <c r="P41779" t="s">
        <v>86</v>
      </c>
      <c r="Q41779">
        <v>15</v>
      </c>
      <c r="R41779">
        <v>15</v>
      </c>
      <c r="S41779">
        <v>15</v>
      </c>
      <c r="T41779">
        <v>15</v>
      </c>
      <c r="U41779">
        <v>15</v>
      </c>
      <c r="V41779">
        <v>16</v>
      </c>
      <c r="W41779">
        <v>16</v>
      </c>
      <c r="X41779">
        <v>16</v>
      </c>
      <c r="Y41779">
        <v>16</v>
      </c>
      <c r="Z41779">
        <v>17</v>
      </c>
      <c r="AA41779">
        <v>17</v>
      </c>
      <c r="AB41779">
        <v>17</v>
      </c>
      <c r="AC41779">
        <v>17</v>
      </c>
      <c r="AD41779">
        <v>17</v>
      </c>
      <c r="AE41779">
        <v>18</v>
      </c>
      <c r="AF41779">
        <v>18</v>
      </c>
      <c r="AG41779">
        <v>18</v>
      </c>
      <c r="AH41779">
        <v>18</v>
      </c>
      <c r="AI41779">
        <v>19</v>
      </c>
      <c r="AJ41779">
        <v>19</v>
      </c>
      <c r="AK41779">
        <v>19</v>
      </c>
      <c r="AL41779">
        <v>19</v>
      </c>
      <c r="AM41779">
        <v>20</v>
      </c>
      <c r="AN41779">
        <v>20</v>
      </c>
      <c r="AO41779">
        <v>20</v>
      </c>
      <c r="AP41779">
        <v>20</v>
      </c>
      <c r="AQ41779">
        <v>21</v>
      </c>
    </row>
    <row r="41780" spans="1:43">
      <c r="A41780" t="s">
        <v>25697</v>
      </c>
      <c r="B41780" t="s">
        <v>25698</v>
      </c>
      <c r="C41780" t="s">
        <v>25329</v>
      </c>
      <c r="D41780" t="s">
        <v>25330</v>
      </c>
      <c r="E41780" t="s">
        <v>3352</v>
      </c>
      <c r="F41780" t="s">
        <v>3353</v>
      </c>
      <c r="G41780" t="s">
        <v>80</v>
      </c>
      <c r="H41780" t="s">
        <v>81</v>
      </c>
      <c r="I41780" s="2">
        <v>0</v>
      </c>
      <c r="J41780" s="2">
        <v>1</v>
      </c>
      <c r="K41780" s="2">
        <v>0</v>
      </c>
      <c r="L41780" t="s">
        <v>82</v>
      </c>
      <c r="M41780" t="s">
        <v>89</v>
      </c>
      <c r="N41780" t="s">
        <v>90</v>
      </c>
      <c r="O41780" t="s">
        <v>85</v>
      </c>
      <c r="P41780" t="s">
        <v>86</v>
      </c>
      <c r="Q41780">
        <v>15</v>
      </c>
      <c r="R41780">
        <v>15</v>
      </c>
      <c r="S41780">
        <v>16</v>
      </c>
      <c r="T41780">
        <v>16</v>
      </c>
      <c r="U41780">
        <v>17</v>
      </c>
      <c r="V41780">
        <v>17</v>
      </c>
      <c r="W41780">
        <v>18</v>
      </c>
      <c r="X41780">
        <v>18</v>
      </c>
      <c r="Y41780">
        <v>19</v>
      </c>
      <c r="Z41780">
        <v>19</v>
      </c>
      <c r="AA41780">
        <v>20</v>
      </c>
      <c r="AB41780">
        <v>20</v>
      </c>
      <c r="AC41780">
        <v>21</v>
      </c>
      <c r="AD41780">
        <v>21</v>
      </c>
      <c r="AE41780">
        <v>21</v>
      </c>
      <c r="AF41780">
        <v>22</v>
      </c>
      <c r="AG41780">
        <v>22</v>
      </c>
      <c r="AH41780">
        <v>22</v>
      </c>
      <c r="AI41780">
        <v>22</v>
      </c>
      <c r="AJ41780">
        <v>22</v>
      </c>
      <c r="AK41780">
        <v>23</v>
      </c>
      <c r="AL41780">
        <v>23</v>
      </c>
      <c r="AM41780">
        <v>23</v>
      </c>
      <c r="AN41780">
        <v>23</v>
      </c>
      <c r="AO41780">
        <v>24</v>
      </c>
      <c r="AP41780">
        <v>24</v>
      </c>
      <c r="AQ41780">
        <v>24</v>
      </c>
    </row>
    <row r="41781" spans="1:43">
      <c r="A41781" t="s">
        <v>25697</v>
      </c>
      <c r="B41781" t="s">
        <v>25698</v>
      </c>
      <c r="C41781" t="s">
        <v>25329</v>
      </c>
      <c r="D41781" t="s">
        <v>25330</v>
      </c>
      <c r="E41781" t="s">
        <v>3352</v>
      </c>
      <c r="F41781" t="s">
        <v>3353</v>
      </c>
      <c r="G41781" t="s">
        <v>80</v>
      </c>
      <c r="H41781" t="s">
        <v>81</v>
      </c>
      <c r="I41781" s="2">
        <v>0</v>
      </c>
      <c r="J41781" s="2">
        <v>1</v>
      </c>
      <c r="K41781" s="2">
        <v>0</v>
      </c>
      <c r="L41781" t="s">
        <v>82</v>
      </c>
      <c r="M41781" t="s">
        <v>83</v>
      </c>
      <c r="N41781" t="s">
        <v>91</v>
      </c>
      <c r="O41781" t="s">
        <v>85</v>
      </c>
      <c r="P41781" t="s">
        <v>86</v>
      </c>
      <c r="Q41781">
        <v>15</v>
      </c>
      <c r="R41781">
        <v>15</v>
      </c>
      <c r="S41781">
        <v>15</v>
      </c>
      <c r="T41781">
        <v>16</v>
      </c>
      <c r="U41781">
        <v>16</v>
      </c>
      <c r="V41781">
        <v>17</v>
      </c>
      <c r="W41781">
        <v>17</v>
      </c>
      <c r="X41781">
        <v>17</v>
      </c>
      <c r="Y41781">
        <v>18</v>
      </c>
      <c r="Z41781">
        <v>18</v>
      </c>
      <c r="AA41781">
        <v>18</v>
      </c>
      <c r="AB41781">
        <v>19</v>
      </c>
      <c r="AC41781">
        <v>19</v>
      </c>
      <c r="AD41781">
        <v>20</v>
      </c>
      <c r="AE41781">
        <v>20</v>
      </c>
      <c r="AF41781">
        <v>20</v>
      </c>
      <c r="AG41781">
        <v>21</v>
      </c>
      <c r="AH41781">
        <v>21</v>
      </c>
      <c r="AI41781">
        <v>22</v>
      </c>
      <c r="AJ41781">
        <v>22</v>
      </c>
      <c r="AK41781">
        <v>22</v>
      </c>
      <c r="AL41781">
        <v>23</v>
      </c>
      <c r="AM41781">
        <v>23</v>
      </c>
      <c r="AN41781">
        <v>23</v>
      </c>
      <c r="AO41781">
        <v>23</v>
      </c>
      <c r="AP41781">
        <v>24</v>
      </c>
      <c r="AQ41781">
        <v>24</v>
      </c>
    </row>
    <row r="41782" spans="1:43">
      <c r="A41782" t="s">
        <v>25699</v>
      </c>
      <c r="B41782" t="s">
        <v>25700</v>
      </c>
      <c r="C41782" t="s">
        <v>25329</v>
      </c>
      <c r="D41782" t="s">
        <v>25330</v>
      </c>
      <c r="E41782" t="s">
        <v>3352</v>
      </c>
      <c r="F41782" t="s">
        <v>3353</v>
      </c>
      <c r="G41782" t="s">
        <v>80</v>
      </c>
      <c r="H41782" t="s">
        <v>81</v>
      </c>
      <c r="I41782" s="2">
        <v>0</v>
      </c>
      <c r="J41782" s="2">
        <v>1</v>
      </c>
      <c r="K41782" s="2">
        <v>0</v>
      </c>
      <c r="L41782" t="s">
        <v>82</v>
      </c>
      <c r="M41782" t="s">
        <v>83</v>
      </c>
      <c r="N41782" t="s">
        <v>84</v>
      </c>
      <c r="O41782" t="s">
        <v>85</v>
      </c>
      <c r="P41782" t="s">
        <v>86</v>
      </c>
      <c r="Q41782">
        <v>34</v>
      </c>
      <c r="R41782">
        <v>35</v>
      </c>
      <c r="S41782">
        <v>35</v>
      </c>
      <c r="T41782">
        <v>36</v>
      </c>
      <c r="U41782">
        <v>37</v>
      </c>
      <c r="V41782">
        <v>38</v>
      </c>
      <c r="W41782">
        <v>39</v>
      </c>
      <c r="X41782">
        <v>39</v>
      </c>
      <c r="Y41782">
        <v>40</v>
      </c>
      <c r="Z41782">
        <v>41</v>
      </c>
      <c r="AA41782">
        <v>42</v>
      </c>
      <c r="AB41782">
        <v>43</v>
      </c>
      <c r="AC41782">
        <v>44</v>
      </c>
      <c r="AD41782">
        <v>45</v>
      </c>
      <c r="AE41782">
        <v>46</v>
      </c>
      <c r="AF41782">
        <v>47</v>
      </c>
      <c r="AG41782">
        <v>47</v>
      </c>
      <c r="AH41782">
        <v>48</v>
      </c>
      <c r="AI41782">
        <v>49</v>
      </c>
      <c r="AJ41782">
        <v>50</v>
      </c>
      <c r="AK41782">
        <v>51</v>
      </c>
      <c r="AL41782">
        <v>52</v>
      </c>
      <c r="AM41782">
        <v>52</v>
      </c>
      <c r="AN41782">
        <v>53</v>
      </c>
      <c r="AO41782">
        <v>53</v>
      </c>
      <c r="AP41782">
        <v>54</v>
      </c>
      <c r="AQ41782">
        <v>54</v>
      </c>
    </row>
    <row r="41783" spans="1:43">
      <c r="A41783" t="s">
        <v>25699</v>
      </c>
      <c r="B41783" t="s">
        <v>25700</v>
      </c>
      <c r="C41783" t="s">
        <v>25329</v>
      </c>
      <c r="D41783" t="s">
        <v>25330</v>
      </c>
      <c r="E41783" t="s">
        <v>3352</v>
      </c>
      <c r="F41783" t="s">
        <v>3353</v>
      </c>
      <c r="G41783" t="s">
        <v>80</v>
      </c>
      <c r="H41783" t="s">
        <v>81</v>
      </c>
      <c r="I41783" s="2">
        <v>0</v>
      </c>
      <c r="J41783" s="2">
        <v>1</v>
      </c>
      <c r="K41783" s="2">
        <v>0</v>
      </c>
      <c r="L41783" t="s">
        <v>82</v>
      </c>
      <c r="M41783" t="s">
        <v>87</v>
      </c>
      <c r="N41783" t="s">
        <v>88</v>
      </c>
      <c r="O41783" t="s">
        <v>85</v>
      </c>
      <c r="P41783" t="s">
        <v>86</v>
      </c>
      <c r="Q41783">
        <v>34</v>
      </c>
      <c r="R41783">
        <v>35</v>
      </c>
      <c r="S41783">
        <v>35</v>
      </c>
      <c r="T41783">
        <v>36</v>
      </c>
      <c r="U41783">
        <v>36</v>
      </c>
      <c r="V41783">
        <v>37</v>
      </c>
      <c r="W41783">
        <v>37</v>
      </c>
      <c r="X41783">
        <v>38</v>
      </c>
      <c r="Y41783">
        <v>38</v>
      </c>
      <c r="Z41783">
        <v>39</v>
      </c>
      <c r="AA41783">
        <v>39</v>
      </c>
      <c r="AB41783">
        <v>40</v>
      </c>
      <c r="AC41783">
        <v>40</v>
      </c>
      <c r="AD41783">
        <v>41</v>
      </c>
      <c r="AE41783">
        <v>41</v>
      </c>
      <c r="AF41783">
        <v>42</v>
      </c>
      <c r="AG41783">
        <v>42</v>
      </c>
      <c r="AH41783">
        <v>43</v>
      </c>
      <c r="AI41783">
        <v>43</v>
      </c>
      <c r="AJ41783">
        <v>44</v>
      </c>
      <c r="AK41783">
        <v>45</v>
      </c>
      <c r="AL41783">
        <v>45</v>
      </c>
      <c r="AM41783">
        <v>46</v>
      </c>
      <c r="AN41783">
        <v>46</v>
      </c>
      <c r="AO41783">
        <v>47</v>
      </c>
      <c r="AP41783">
        <v>47</v>
      </c>
      <c r="AQ41783">
        <v>48</v>
      </c>
    </row>
    <row r="41784" spans="1:43">
      <c r="A41784" t="s">
        <v>25699</v>
      </c>
      <c r="B41784" t="s">
        <v>25700</v>
      </c>
      <c r="C41784" t="s">
        <v>25329</v>
      </c>
      <c r="D41784" t="s">
        <v>25330</v>
      </c>
      <c r="E41784" t="s">
        <v>3352</v>
      </c>
      <c r="F41784" t="s">
        <v>3353</v>
      </c>
      <c r="G41784" t="s">
        <v>80</v>
      </c>
      <c r="H41784" t="s">
        <v>81</v>
      </c>
      <c r="I41784" s="2">
        <v>0</v>
      </c>
      <c r="J41784" s="2">
        <v>1</v>
      </c>
      <c r="K41784" s="2">
        <v>0</v>
      </c>
      <c r="L41784" t="s">
        <v>82</v>
      </c>
      <c r="M41784" t="s">
        <v>89</v>
      </c>
      <c r="N41784" t="s">
        <v>90</v>
      </c>
      <c r="O41784" t="s">
        <v>85</v>
      </c>
      <c r="P41784" t="s">
        <v>86</v>
      </c>
      <c r="Q41784">
        <v>34</v>
      </c>
      <c r="R41784">
        <v>35</v>
      </c>
      <c r="S41784">
        <v>36</v>
      </c>
      <c r="T41784">
        <v>37</v>
      </c>
      <c r="U41784">
        <v>38</v>
      </c>
      <c r="V41784">
        <v>40</v>
      </c>
      <c r="W41784">
        <v>41</v>
      </c>
      <c r="X41784">
        <v>42</v>
      </c>
      <c r="Y41784">
        <v>43</v>
      </c>
      <c r="Z41784">
        <v>44</v>
      </c>
      <c r="AA41784">
        <v>45</v>
      </c>
      <c r="AB41784">
        <v>46</v>
      </c>
      <c r="AC41784">
        <v>47</v>
      </c>
      <c r="AD41784">
        <v>48</v>
      </c>
      <c r="AE41784">
        <v>49</v>
      </c>
      <c r="AF41784">
        <v>50</v>
      </c>
      <c r="AG41784">
        <v>50</v>
      </c>
      <c r="AH41784">
        <v>50</v>
      </c>
      <c r="AI41784">
        <v>51</v>
      </c>
      <c r="AJ41784">
        <v>51</v>
      </c>
      <c r="AK41784">
        <v>52</v>
      </c>
      <c r="AL41784">
        <v>52</v>
      </c>
      <c r="AM41784">
        <v>53</v>
      </c>
      <c r="AN41784">
        <v>53</v>
      </c>
      <c r="AO41784">
        <v>54</v>
      </c>
      <c r="AP41784">
        <v>54</v>
      </c>
      <c r="AQ41784">
        <v>55</v>
      </c>
    </row>
    <row r="41785" spans="1:43">
      <c r="A41785" t="s">
        <v>25699</v>
      </c>
      <c r="B41785" t="s">
        <v>25700</v>
      </c>
      <c r="C41785" t="s">
        <v>25329</v>
      </c>
      <c r="D41785" t="s">
        <v>25330</v>
      </c>
      <c r="E41785" t="s">
        <v>3352</v>
      </c>
      <c r="F41785" t="s">
        <v>3353</v>
      </c>
      <c r="G41785" t="s">
        <v>80</v>
      </c>
      <c r="H41785" t="s">
        <v>81</v>
      </c>
      <c r="I41785" s="2">
        <v>0</v>
      </c>
      <c r="J41785" s="2">
        <v>1</v>
      </c>
      <c r="K41785" s="2">
        <v>0</v>
      </c>
      <c r="L41785" t="s">
        <v>82</v>
      </c>
      <c r="M41785" t="s">
        <v>83</v>
      </c>
      <c r="N41785" t="s">
        <v>91</v>
      </c>
      <c r="O41785" t="s">
        <v>85</v>
      </c>
      <c r="P41785" t="s">
        <v>86</v>
      </c>
      <c r="Q41785">
        <v>34</v>
      </c>
      <c r="R41785">
        <v>35</v>
      </c>
      <c r="S41785">
        <v>35</v>
      </c>
      <c r="T41785">
        <v>36</v>
      </c>
      <c r="U41785">
        <v>37</v>
      </c>
      <c r="V41785">
        <v>38</v>
      </c>
      <c r="W41785">
        <v>39</v>
      </c>
      <c r="X41785">
        <v>39</v>
      </c>
      <c r="Y41785">
        <v>40</v>
      </c>
      <c r="Z41785">
        <v>41</v>
      </c>
      <c r="AA41785">
        <v>42</v>
      </c>
      <c r="AB41785">
        <v>43</v>
      </c>
      <c r="AC41785">
        <v>44</v>
      </c>
      <c r="AD41785">
        <v>45</v>
      </c>
      <c r="AE41785">
        <v>46</v>
      </c>
      <c r="AF41785">
        <v>47</v>
      </c>
      <c r="AG41785">
        <v>47</v>
      </c>
      <c r="AH41785">
        <v>48</v>
      </c>
      <c r="AI41785">
        <v>49</v>
      </c>
      <c r="AJ41785">
        <v>50</v>
      </c>
      <c r="AK41785">
        <v>51</v>
      </c>
      <c r="AL41785">
        <v>52</v>
      </c>
      <c r="AM41785">
        <v>52</v>
      </c>
      <c r="AN41785">
        <v>53</v>
      </c>
      <c r="AO41785">
        <v>53</v>
      </c>
      <c r="AP41785">
        <v>54</v>
      </c>
      <c r="AQ41785">
        <v>54</v>
      </c>
    </row>
    <row r="41786" spans="1:43">
      <c r="A41786" t="s">
        <v>25701</v>
      </c>
      <c r="B41786" t="s">
        <v>25702</v>
      </c>
      <c r="C41786" t="s">
        <v>25329</v>
      </c>
      <c r="D41786" t="s">
        <v>25330</v>
      </c>
      <c r="E41786" t="s">
        <v>3352</v>
      </c>
      <c r="F41786" t="s">
        <v>3353</v>
      </c>
      <c r="G41786" t="s">
        <v>80</v>
      </c>
      <c r="H41786" t="s">
        <v>81</v>
      </c>
      <c r="I41786" s="2">
        <v>0</v>
      </c>
      <c r="J41786" s="2">
        <v>1</v>
      </c>
      <c r="K41786" s="2">
        <v>0</v>
      </c>
      <c r="L41786" t="s">
        <v>82</v>
      </c>
      <c r="M41786" t="s">
        <v>83</v>
      </c>
      <c r="N41786" t="s">
        <v>84</v>
      </c>
      <c r="O41786" t="s">
        <v>85</v>
      </c>
      <c r="P41786" t="s">
        <v>86</v>
      </c>
      <c r="Q41786">
        <v>30</v>
      </c>
      <c r="R41786">
        <v>31</v>
      </c>
      <c r="S41786">
        <v>31</v>
      </c>
      <c r="T41786">
        <v>32</v>
      </c>
      <c r="U41786">
        <v>33</v>
      </c>
      <c r="V41786">
        <v>33</v>
      </c>
      <c r="W41786">
        <v>34</v>
      </c>
      <c r="X41786">
        <v>35</v>
      </c>
      <c r="Y41786">
        <v>36</v>
      </c>
      <c r="Z41786">
        <v>37</v>
      </c>
      <c r="AA41786">
        <v>37</v>
      </c>
      <c r="AB41786">
        <v>38</v>
      </c>
      <c r="AC41786">
        <v>39</v>
      </c>
      <c r="AD41786">
        <v>40</v>
      </c>
      <c r="AE41786">
        <v>40</v>
      </c>
      <c r="AF41786">
        <v>41</v>
      </c>
      <c r="AG41786">
        <v>42</v>
      </c>
      <c r="AH41786">
        <v>43</v>
      </c>
      <c r="AI41786">
        <v>44</v>
      </c>
      <c r="AJ41786">
        <v>45</v>
      </c>
      <c r="AK41786">
        <v>45</v>
      </c>
      <c r="AL41786">
        <v>46</v>
      </c>
      <c r="AM41786">
        <v>46</v>
      </c>
      <c r="AN41786">
        <v>47</v>
      </c>
      <c r="AO41786">
        <v>47</v>
      </c>
      <c r="AP41786">
        <v>48</v>
      </c>
      <c r="AQ41786">
        <v>48</v>
      </c>
    </row>
    <row r="41787" spans="1:43">
      <c r="A41787" t="s">
        <v>25701</v>
      </c>
      <c r="B41787" t="s">
        <v>25702</v>
      </c>
      <c r="C41787" t="s">
        <v>25329</v>
      </c>
      <c r="D41787" t="s">
        <v>25330</v>
      </c>
      <c r="E41787" t="s">
        <v>3352</v>
      </c>
      <c r="F41787" t="s">
        <v>3353</v>
      </c>
      <c r="G41787" t="s">
        <v>80</v>
      </c>
      <c r="H41787" t="s">
        <v>81</v>
      </c>
      <c r="I41787" s="2">
        <v>0</v>
      </c>
      <c r="J41787" s="2">
        <v>1</v>
      </c>
      <c r="K41787" s="2">
        <v>0</v>
      </c>
      <c r="L41787" t="s">
        <v>82</v>
      </c>
      <c r="M41787" t="s">
        <v>87</v>
      </c>
      <c r="N41787" t="s">
        <v>88</v>
      </c>
      <c r="O41787" t="s">
        <v>85</v>
      </c>
      <c r="P41787" t="s">
        <v>86</v>
      </c>
      <c r="Q41787">
        <v>30</v>
      </c>
      <c r="R41787">
        <v>30</v>
      </c>
      <c r="S41787">
        <v>30</v>
      </c>
      <c r="T41787">
        <v>31</v>
      </c>
      <c r="U41787">
        <v>31</v>
      </c>
      <c r="V41787">
        <v>32</v>
      </c>
      <c r="W41787">
        <v>32</v>
      </c>
      <c r="X41787">
        <v>33</v>
      </c>
      <c r="Y41787">
        <v>33</v>
      </c>
      <c r="Z41787">
        <v>33</v>
      </c>
      <c r="AA41787">
        <v>34</v>
      </c>
      <c r="AB41787">
        <v>34</v>
      </c>
      <c r="AC41787">
        <v>35</v>
      </c>
      <c r="AD41787">
        <v>35</v>
      </c>
      <c r="AE41787">
        <v>36</v>
      </c>
      <c r="AF41787">
        <v>36</v>
      </c>
      <c r="AG41787">
        <v>37</v>
      </c>
      <c r="AH41787">
        <v>37</v>
      </c>
      <c r="AI41787">
        <v>38</v>
      </c>
      <c r="AJ41787">
        <v>38</v>
      </c>
      <c r="AK41787">
        <v>39</v>
      </c>
      <c r="AL41787">
        <v>39</v>
      </c>
      <c r="AM41787">
        <v>40</v>
      </c>
      <c r="AN41787">
        <v>40</v>
      </c>
      <c r="AO41787">
        <v>41</v>
      </c>
      <c r="AP41787">
        <v>41</v>
      </c>
      <c r="AQ41787">
        <v>42</v>
      </c>
    </row>
    <row r="41788" spans="1:43">
      <c r="A41788" t="s">
        <v>25701</v>
      </c>
      <c r="B41788" t="s">
        <v>25702</v>
      </c>
      <c r="C41788" t="s">
        <v>25329</v>
      </c>
      <c r="D41788" t="s">
        <v>25330</v>
      </c>
      <c r="E41788" t="s">
        <v>3352</v>
      </c>
      <c r="F41788" t="s">
        <v>3353</v>
      </c>
      <c r="G41788" t="s">
        <v>80</v>
      </c>
      <c r="H41788" t="s">
        <v>81</v>
      </c>
      <c r="I41788" s="2">
        <v>0</v>
      </c>
      <c r="J41788" s="2">
        <v>1</v>
      </c>
      <c r="K41788" s="2">
        <v>0</v>
      </c>
      <c r="L41788" t="s">
        <v>82</v>
      </c>
      <c r="M41788" t="s">
        <v>89</v>
      </c>
      <c r="N41788" t="s">
        <v>90</v>
      </c>
      <c r="O41788" t="s">
        <v>85</v>
      </c>
      <c r="P41788" t="s">
        <v>86</v>
      </c>
      <c r="Q41788">
        <v>30</v>
      </c>
      <c r="R41788">
        <v>31</v>
      </c>
      <c r="S41788">
        <v>32</v>
      </c>
      <c r="T41788">
        <v>33</v>
      </c>
      <c r="U41788">
        <v>34</v>
      </c>
      <c r="V41788">
        <v>35</v>
      </c>
      <c r="W41788">
        <v>36</v>
      </c>
      <c r="X41788">
        <v>37</v>
      </c>
      <c r="Y41788">
        <v>38</v>
      </c>
      <c r="Z41788">
        <v>39</v>
      </c>
      <c r="AA41788">
        <v>40</v>
      </c>
      <c r="AB41788">
        <v>41</v>
      </c>
      <c r="AC41788">
        <v>42</v>
      </c>
      <c r="AD41788">
        <v>43</v>
      </c>
      <c r="AE41788">
        <v>43</v>
      </c>
      <c r="AF41788">
        <v>44</v>
      </c>
      <c r="AG41788">
        <v>44</v>
      </c>
      <c r="AH41788">
        <v>45</v>
      </c>
      <c r="AI41788">
        <v>45</v>
      </c>
      <c r="AJ41788">
        <v>45</v>
      </c>
      <c r="AK41788">
        <v>46</v>
      </c>
      <c r="AL41788">
        <v>46</v>
      </c>
      <c r="AM41788">
        <v>47</v>
      </c>
      <c r="AN41788">
        <v>47</v>
      </c>
      <c r="AO41788">
        <v>48</v>
      </c>
      <c r="AP41788">
        <v>48</v>
      </c>
      <c r="AQ41788">
        <v>48</v>
      </c>
    </row>
    <row r="41789" spans="1:43">
      <c r="A41789" t="s">
        <v>25701</v>
      </c>
      <c r="B41789" t="s">
        <v>25702</v>
      </c>
      <c r="C41789" t="s">
        <v>25329</v>
      </c>
      <c r="D41789" t="s">
        <v>25330</v>
      </c>
      <c r="E41789" t="s">
        <v>3352</v>
      </c>
      <c r="F41789" t="s">
        <v>3353</v>
      </c>
      <c r="G41789" t="s">
        <v>80</v>
      </c>
      <c r="H41789" t="s">
        <v>81</v>
      </c>
      <c r="I41789" s="2">
        <v>0</v>
      </c>
      <c r="J41789" s="2">
        <v>1</v>
      </c>
      <c r="K41789" s="2">
        <v>0</v>
      </c>
      <c r="L41789" t="s">
        <v>82</v>
      </c>
      <c r="M41789" t="s">
        <v>83</v>
      </c>
      <c r="N41789" t="s">
        <v>91</v>
      </c>
      <c r="O41789" t="s">
        <v>85</v>
      </c>
      <c r="P41789" t="s">
        <v>86</v>
      </c>
      <c r="Q41789">
        <v>30</v>
      </c>
      <c r="R41789">
        <v>31</v>
      </c>
      <c r="S41789">
        <v>31</v>
      </c>
      <c r="T41789">
        <v>32</v>
      </c>
      <c r="U41789">
        <v>33</v>
      </c>
      <c r="V41789">
        <v>33</v>
      </c>
      <c r="W41789">
        <v>34</v>
      </c>
      <c r="X41789">
        <v>35</v>
      </c>
      <c r="Y41789">
        <v>36</v>
      </c>
      <c r="Z41789">
        <v>37</v>
      </c>
      <c r="AA41789">
        <v>37</v>
      </c>
      <c r="AB41789">
        <v>38</v>
      </c>
      <c r="AC41789">
        <v>39</v>
      </c>
      <c r="AD41789">
        <v>40</v>
      </c>
      <c r="AE41789">
        <v>40</v>
      </c>
      <c r="AF41789">
        <v>41</v>
      </c>
      <c r="AG41789">
        <v>42</v>
      </c>
      <c r="AH41789">
        <v>43</v>
      </c>
      <c r="AI41789">
        <v>44</v>
      </c>
      <c r="AJ41789">
        <v>45</v>
      </c>
      <c r="AK41789">
        <v>45</v>
      </c>
      <c r="AL41789">
        <v>46</v>
      </c>
      <c r="AM41789">
        <v>46</v>
      </c>
      <c r="AN41789">
        <v>47</v>
      </c>
      <c r="AO41789">
        <v>47</v>
      </c>
      <c r="AP41789">
        <v>48</v>
      </c>
      <c r="AQ41789">
        <v>48</v>
      </c>
    </row>
    <row r="41790" spans="1:43">
      <c r="A41790" t="s">
        <v>25703</v>
      </c>
      <c r="B41790" t="s">
        <v>25704</v>
      </c>
      <c r="C41790" t="s">
        <v>25329</v>
      </c>
      <c r="D41790" t="s">
        <v>25330</v>
      </c>
      <c r="E41790" t="s">
        <v>3352</v>
      </c>
      <c r="F41790" t="s">
        <v>3353</v>
      </c>
      <c r="G41790" t="s">
        <v>80</v>
      </c>
      <c r="H41790" t="s">
        <v>81</v>
      </c>
      <c r="I41790" s="2">
        <v>0</v>
      </c>
      <c r="J41790" s="2">
        <v>1</v>
      </c>
      <c r="K41790" s="2">
        <v>0</v>
      </c>
      <c r="L41790" t="s">
        <v>82</v>
      </c>
      <c r="M41790" t="s">
        <v>83</v>
      </c>
      <c r="N41790" t="s">
        <v>84</v>
      </c>
      <c r="O41790" t="s">
        <v>85</v>
      </c>
      <c r="P41790" t="s">
        <v>86</v>
      </c>
      <c r="Q41790">
        <v>40</v>
      </c>
      <c r="R41790">
        <v>41</v>
      </c>
      <c r="S41790">
        <v>42</v>
      </c>
      <c r="T41790">
        <v>43</v>
      </c>
      <c r="U41790">
        <v>44</v>
      </c>
      <c r="V41790">
        <v>45</v>
      </c>
      <c r="W41790">
        <v>46</v>
      </c>
      <c r="X41790">
        <v>47</v>
      </c>
      <c r="Y41790">
        <v>48</v>
      </c>
      <c r="Z41790">
        <v>49</v>
      </c>
      <c r="AA41790">
        <v>50</v>
      </c>
      <c r="AB41790">
        <v>51</v>
      </c>
      <c r="AC41790">
        <v>52</v>
      </c>
      <c r="AD41790">
        <v>53</v>
      </c>
      <c r="AE41790">
        <v>54</v>
      </c>
      <c r="AF41790">
        <v>55</v>
      </c>
      <c r="AG41790">
        <v>56</v>
      </c>
      <c r="AH41790">
        <v>57</v>
      </c>
      <c r="AI41790">
        <v>59</v>
      </c>
      <c r="AJ41790">
        <v>60</v>
      </c>
      <c r="AK41790">
        <v>61</v>
      </c>
      <c r="AL41790">
        <v>62</v>
      </c>
      <c r="AM41790">
        <v>62</v>
      </c>
      <c r="AN41790">
        <v>63</v>
      </c>
      <c r="AO41790">
        <v>63</v>
      </c>
      <c r="AP41790">
        <v>64</v>
      </c>
      <c r="AQ41790">
        <v>64</v>
      </c>
    </row>
    <row r="41791" spans="1:43">
      <c r="A41791" t="s">
        <v>25703</v>
      </c>
      <c r="B41791" t="s">
        <v>25704</v>
      </c>
      <c r="C41791" t="s">
        <v>25329</v>
      </c>
      <c r="D41791" t="s">
        <v>25330</v>
      </c>
      <c r="E41791" t="s">
        <v>3352</v>
      </c>
      <c r="F41791" t="s">
        <v>3353</v>
      </c>
      <c r="G41791" t="s">
        <v>80</v>
      </c>
      <c r="H41791" t="s">
        <v>81</v>
      </c>
      <c r="I41791" s="2">
        <v>0</v>
      </c>
      <c r="J41791" s="2">
        <v>1</v>
      </c>
      <c r="K41791" s="2">
        <v>0</v>
      </c>
      <c r="L41791" t="s">
        <v>82</v>
      </c>
      <c r="M41791" t="s">
        <v>87</v>
      </c>
      <c r="N41791" t="s">
        <v>88</v>
      </c>
      <c r="O41791" t="s">
        <v>85</v>
      </c>
      <c r="P41791" t="s">
        <v>86</v>
      </c>
      <c r="Q41791">
        <v>40</v>
      </c>
      <c r="R41791">
        <v>40</v>
      </c>
      <c r="S41791">
        <v>41</v>
      </c>
      <c r="T41791">
        <v>41</v>
      </c>
      <c r="U41791">
        <v>42</v>
      </c>
      <c r="V41791">
        <v>43</v>
      </c>
      <c r="W41791">
        <v>43</v>
      </c>
      <c r="X41791">
        <v>44</v>
      </c>
      <c r="Y41791">
        <v>44</v>
      </c>
      <c r="Z41791">
        <v>45</v>
      </c>
      <c r="AA41791">
        <v>46</v>
      </c>
      <c r="AB41791">
        <v>46</v>
      </c>
      <c r="AC41791">
        <v>47</v>
      </c>
      <c r="AD41791">
        <v>47</v>
      </c>
      <c r="AE41791">
        <v>48</v>
      </c>
      <c r="AF41791">
        <v>49</v>
      </c>
      <c r="AG41791">
        <v>49</v>
      </c>
      <c r="AH41791">
        <v>50</v>
      </c>
      <c r="AI41791">
        <v>51</v>
      </c>
      <c r="AJ41791">
        <v>51</v>
      </c>
      <c r="AK41791">
        <v>52</v>
      </c>
      <c r="AL41791">
        <v>52</v>
      </c>
      <c r="AM41791">
        <v>53</v>
      </c>
      <c r="AN41791">
        <v>54</v>
      </c>
      <c r="AO41791">
        <v>54</v>
      </c>
      <c r="AP41791">
        <v>55</v>
      </c>
      <c r="AQ41791">
        <v>56</v>
      </c>
    </row>
    <row r="41792" spans="1:43">
      <c r="A41792" t="s">
        <v>25703</v>
      </c>
      <c r="B41792" t="s">
        <v>25704</v>
      </c>
      <c r="C41792" t="s">
        <v>25329</v>
      </c>
      <c r="D41792" t="s">
        <v>25330</v>
      </c>
      <c r="E41792" t="s">
        <v>3352</v>
      </c>
      <c r="F41792" t="s">
        <v>3353</v>
      </c>
      <c r="G41792" t="s">
        <v>80</v>
      </c>
      <c r="H41792" t="s">
        <v>81</v>
      </c>
      <c r="I41792" s="2">
        <v>0</v>
      </c>
      <c r="J41792" s="2">
        <v>1</v>
      </c>
      <c r="K41792" s="2">
        <v>0</v>
      </c>
      <c r="L41792" t="s">
        <v>82</v>
      </c>
      <c r="M41792" t="s">
        <v>89</v>
      </c>
      <c r="N41792" t="s">
        <v>90</v>
      </c>
      <c r="O41792" t="s">
        <v>85</v>
      </c>
      <c r="P41792" t="s">
        <v>86</v>
      </c>
      <c r="Q41792">
        <v>40</v>
      </c>
      <c r="R41792">
        <v>42</v>
      </c>
      <c r="S41792">
        <v>43</v>
      </c>
      <c r="T41792">
        <v>44</v>
      </c>
      <c r="U41792">
        <v>46</v>
      </c>
      <c r="V41792">
        <v>47</v>
      </c>
      <c r="W41792">
        <v>48</v>
      </c>
      <c r="X41792">
        <v>50</v>
      </c>
      <c r="Y41792">
        <v>51</v>
      </c>
      <c r="Z41792">
        <v>52</v>
      </c>
      <c r="AA41792">
        <v>53</v>
      </c>
      <c r="AB41792">
        <v>55</v>
      </c>
      <c r="AC41792">
        <v>56</v>
      </c>
      <c r="AD41792">
        <v>57</v>
      </c>
      <c r="AE41792">
        <v>58</v>
      </c>
      <c r="AF41792">
        <v>59</v>
      </c>
      <c r="AG41792">
        <v>59</v>
      </c>
      <c r="AH41792">
        <v>60</v>
      </c>
      <c r="AI41792">
        <v>60</v>
      </c>
      <c r="AJ41792">
        <v>61</v>
      </c>
      <c r="AK41792">
        <v>62</v>
      </c>
      <c r="AL41792">
        <v>62</v>
      </c>
      <c r="AM41792">
        <v>63</v>
      </c>
      <c r="AN41792">
        <v>63</v>
      </c>
      <c r="AO41792">
        <v>64</v>
      </c>
      <c r="AP41792">
        <v>64</v>
      </c>
      <c r="AQ41792">
        <v>65</v>
      </c>
    </row>
    <row r="41793" spans="1:43">
      <c r="A41793" t="s">
        <v>25703</v>
      </c>
      <c r="B41793" t="s">
        <v>25704</v>
      </c>
      <c r="C41793" t="s">
        <v>25329</v>
      </c>
      <c r="D41793" t="s">
        <v>25330</v>
      </c>
      <c r="E41793" t="s">
        <v>3352</v>
      </c>
      <c r="F41793" t="s">
        <v>3353</v>
      </c>
      <c r="G41793" t="s">
        <v>80</v>
      </c>
      <c r="H41793" t="s">
        <v>81</v>
      </c>
      <c r="I41793" s="2">
        <v>0</v>
      </c>
      <c r="J41793" s="2">
        <v>1</v>
      </c>
      <c r="K41793" s="2">
        <v>0</v>
      </c>
      <c r="L41793" t="s">
        <v>82</v>
      </c>
      <c r="M41793" t="s">
        <v>83</v>
      </c>
      <c r="N41793" t="s">
        <v>91</v>
      </c>
      <c r="O41793" t="s">
        <v>85</v>
      </c>
      <c r="P41793" t="s">
        <v>86</v>
      </c>
      <c r="Q41793">
        <v>40</v>
      </c>
      <c r="R41793">
        <v>41</v>
      </c>
      <c r="S41793">
        <v>42</v>
      </c>
      <c r="T41793">
        <v>43</v>
      </c>
      <c r="U41793">
        <v>44</v>
      </c>
      <c r="V41793">
        <v>45</v>
      </c>
      <c r="W41793">
        <v>46</v>
      </c>
      <c r="X41793">
        <v>47</v>
      </c>
      <c r="Y41793">
        <v>48</v>
      </c>
      <c r="Z41793">
        <v>49</v>
      </c>
      <c r="AA41793">
        <v>50</v>
      </c>
      <c r="AB41793">
        <v>51</v>
      </c>
      <c r="AC41793">
        <v>52</v>
      </c>
      <c r="AD41793">
        <v>53</v>
      </c>
      <c r="AE41793">
        <v>54</v>
      </c>
      <c r="AF41793">
        <v>55</v>
      </c>
      <c r="AG41793">
        <v>56</v>
      </c>
      <c r="AH41793">
        <v>57</v>
      </c>
      <c r="AI41793">
        <v>59</v>
      </c>
      <c r="AJ41793">
        <v>60</v>
      </c>
      <c r="AK41793">
        <v>61</v>
      </c>
      <c r="AL41793">
        <v>62</v>
      </c>
      <c r="AM41793">
        <v>62</v>
      </c>
      <c r="AN41793">
        <v>63</v>
      </c>
      <c r="AO41793">
        <v>63</v>
      </c>
      <c r="AP41793">
        <v>64</v>
      </c>
      <c r="AQ41793">
        <v>64</v>
      </c>
    </row>
    <row r="41794" spans="1:43">
      <c r="A41794" t="s">
        <v>25705</v>
      </c>
      <c r="B41794" t="s">
        <v>25706</v>
      </c>
      <c r="C41794" t="s">
        <v>3554</v>
      </c>
      <c r="D41794" t="s">
        <v>3555</v>
      </c>
      <c r="E41794" t="s">
        <v>3352</v>
      </c>
      <c r="F41794" t="s">
        <v>3353</v>
      </c>
      <c r="G41794" t="s">
        <v>80</v>
      </c>
      <c r="H41794" t="s">
        <v>81</v>
      </c>
      <c r="I41794" s="2">
        <v>0</v>
      </c>
      <c r="J41794" s="2">
        <v>1</v>
      </c>
      <c r="K41794" s="2">
        <v>0</v>
      </c>
      <c r="L41794" t="s">
        <v>82</v>
      </c>
      <c r="M41794" t="s">
        <v>83</v>
      </c>
      <c r="N41794" t="s">
        <v>84</v>
      </c>
      <c r="O41794" t="s">
        <v>85</v>
      </c>
      <c r="P41794" t="s">
        <v>86</v>
      </c>
      <c r="Q41794">
        <v>0</v>
      </c>
      <c r="R41794">
        <v>0</v>
      </c>
      <c r="S41794">
        <v>0</v>
      </c>
      <c r="T41794">
        <v>0</v>
      </c>
      <c r="U41794">
        <v>0</v>
      </c>
      <c r="V41794">
        <v>0</v>
      </c>
      <c r="W41794">
        <v>0</v>
      </c>
      <c r="X41794">
        <v>0</v>
      </c>
      <c r="Y41794">
        <v>0</v>
      </c>
      <c r="Z41794">
        <v>0</v>
      </c>
      <c r="AA41794">
        <v>0</v>
      </c>
      <c r="AB41794">
        <v>0</v>
      </c>
      <c r="AC41794">
        <v>0</v>
      </c>
      <c r="AD41794">
        <v>0</v>
      </c>
      <c r="AE41794">
        <v>0</v>
      </c>
      <c r="AF41794">
        <v>0</v>
      </c>
      <c r="AG41794">
        <v>0</v>
      </c>
      <c r="AH41794">
        <v>0</v>
      </c>
      <c r="AI41794">
        <v>0</v>
      </c>
      <c r="AJ41794">
        <v>0</v>
      </c>
      <c r="AK41794">
        <v>0</v>
      </c>
      <c r="AL41794">
        <v>0</v>
      </c>
      <c r="AM41794">
        <v>0</v>
      </c>
      <c r="AN41794">
        <v>0</v>
      </c>
      <c r="AO41794">
        <v>0</v>
      </c>
      <c r="AP41794">
        <v>0</v>
      </c>
      <c r="AQ41794">
        <v>0</v>
      </c>
    </row>
    <row r="41795" spans="1:43">
      <c r="A41795" t="s">
        <v>25705</v>
      </c>
      <c r="B41795" t="s">
        <v>25706</v>
      </c>
      <c r="C41795" t="s">
        <v>3554</v>
      </c>
      <c r="D41795" t="s">
        <v>3555</v>
      </c>
      <c r="E41795" t="s">
        <v>3352</v>
      </c>
      <c r="F41795" t="s">
        <v>3353</v>
      </c>
      <c r="G41795" t="s">
        <v>80</v>
      </c>
      <c r="H41795" t="s">
        <v>81</v>
      </c>
      <c r="I41795" s="2">
        <v>0</v>
      </c>
      <c r="J41795" s="2">
        <v>1</v>
      </c>
      <c r="K41795" s="2">
        <v>0</v>
      </c>
      <c r="L41795" t="s">
        <v>82</v>
      </c>
      <c r="M41795" t="s">
        <v>87</v>
      </c>
      <c r="N41795" t="s">
        <v>88</v>
      </c>
      <c r="O41795" t="s">
        <v>85</v>
      </c>
      <c r="P41795" t="s">
        <v>86</v>
      </c>
      <c r="Q41795">
        <v>0</v>
      </c>
      <c r="R41795">
        <v>0</v>
      </c>
      <c r="S41795">
        <v>0</v>
      </c>
      <c r="T41795">
        <v>0</v>
      </c>
      <c r="U41795">
        <v>0</v>
      </c>
      <c r="V41795">
        <v>0</v>
      </c>
      <c r="W41795">
        <v>0</v>
      </c>
      <c r="X41795">
        <v>0</v>
      </c>
      <c r="Y41795">
        <v>0</v>
      </c>
      <c r="Z41795">
        <v>0</v>
      </c>
      <c r="AA41795">
        <v>0</v>
      </c>
      <c r="AB41795">
        <v>0</v>
      </c>
      <c r="AC41795">
        <v>0</v>
      </c>
      <c r="AD41795">
        <v>0</v>
      </c>
      <c r="AE41795">
        <v>0</v>
      </c>
      <c r="AF41795">
        <v>0</v>
      </c>
      <c r="AG41795">
        <v>0</v>
      </c>
      <c r="AH41795">
        <v>0</v>
      </c>
      <c r="AI41795">
        <v>0</v>
      </c>
      <c r="AJ41795">
        <v>0</v>
      </c>
      <c r="AK41795">
        <v>0</v>
      </c>
      <c r="AL41795">
        <v>0</v>
      </c>
      <c r="AM41795">
        <v>0</v>
      </c>
      <c r="AN41795">
        <v>0</v>
      </c>
      <c r="AO41795">
        <v>0</v>
      </c>
      <c r="AP41795">
        <v>0</v>
      </c>
      <c r="AQ41795">
        <v>0</v>
      </c>
    </row>
    <row r="41796" spans="1:43">
      <c r="A41796" t="s">
        <v>25705</v>
      </c>
      <c r="B41796" t="s">
        <v>25706</v>
      </c>
      <c r="C41796" t="s">
        <v>3554</v>
      </c>
      <c r="D41796" t="s">
        <v>3555</v>
      </c>
      <c r="E41796" t="s">
        <v>3352</v>
      </c>
      <c r="F41796" t="s">
        <v>3353</v>
      </c>
      <c r="G41796" t="s">
        <v>80</v>
      </c>
      <c r="H41796" t="s">
        <v>81</v>
      </c>
      <c r="I41796" s="2">
        <v>0</v>
      </c>
      <c r="J41796" s="2">
        <v>1</v>
      </c>
      <c r="K41796" s="2">
        <v>0</v>
      </c>
      <c r="L41796" t="s">
        <v>82</v>
      </c>
      <c r="M41796" t="s">
        <v>89</v>
      </c>
      <c r="N41796" t="s">
        <v>90</v>
      </c>
      <c r="O41796" t="s">
        <v>85</v>
      </c>
      <c r="P41796" t="s">
        <v>86</v>
      </c>
      <c r="Q41796">
        <v>0</v>
      </c>
      <c r="R41796">
        <v>0</v>
      </c>
      <c r="S41796">
        <v>0</v>
      </c>
      <c r="T41796">
        <v>0</v>
      </c>
      <c r="U41796">
        <v>0</v>
      </c>
      <c r="V41796">
        <v>0</v>
      </c>
      <c r="W41796">
        <v>0</v>
      </c>
      <c r="X41796">
        <v>0</v>
      </c>
      <c r="Y41796">
        <v>0</v>
      </c>
      <c r="Z41796">
        <v>0</v>
      </c>
      <c r="AA41796">
        <v>0</v>
      </c>
      <c r="AB41796">
        <v>0</v>
      </c>
      <c r="AC41796">
        <v>0</v>
      </c>
      <c r="AD41796">
        <v>0</v>
      </c>
      <c r="AE41796">
        <v>0</v>
      </c>
      <c r="AF41796">
        <v>0</v>
      </c>
      <c r="AG41796">
        <v>0</v>
      </c>
      <c r="AH41796">
        <v>0</v>
      </c>
      <c r="AI41796">
        <v>0</v>
      </c>
      <c r="AJ41796">
        <v>0</v>
      </c>
      <c r="AK41796">
        <v>0</v>
      </c>
      <c r="AL41796">
        <v>0</v>
      </c>
      <c r="AM41796">
        <v>0</v>
      </c>
      <c r="AN41796">
        <v>0</v>
      </c>
      <c r="AO41796">
        <v>0</v>
      </c>
      <c r="AP41796">
        <v>0</v>
      </c>
      <c r="AQ41796">
        <v>0</v>
      </c>
    </row>
    <row r="41797" spans="1:43">
      <c r="A41797" t="s">
        <v>25705</v>
      </c>
      <c r="B41797" t="s">
        <v>25706</v>
      </c>
      <c r="C41797" t="s">
        <v>3554</v>
      </c>
      <c r="D41797" t="s">
        <v>3555</v>
      </c>
      <c r="E41797" t="s">
        <v>3352</v>
      </c>
      <c r="F41797" t="s">
        <v>3353</v>
      </c>
      <c r="G41797" t="s">
        <v>80</v>
      </c>
      <c r="H41797" t="s">
        <v>81</v>
      </c>
      <c r="I41797" s="2">
        <v>0</v>
      </c>
      <c r="J41797" s="2">
        <v>1</v>
      </c>
      <c r="K41797" s="2">
        <v>0</v>
      </c>
      <c r="L41797" t="s">
        <v>82</v>
      </c>
      <c r="M41797" t="s">
        <v>83</v>
      </c>
      <c r="N41797" t="s">
        <v>91</v>
      </c>
      <c r="O41797" t="s">
        <v>85</v>
      </c>
      <c r="P41797" t="s">
        <v>86</v>
      </c>
      <c r="Q41797">
        <v>0</v>
      </c>
      <c r="R41797">
        <v>0</v>
      </c>
      <c r="S41797">
        <v>0</v>
      </c>
      <c r="T41797">
        <v>0</v>
      </c>
      <c r="U41797">
        <v>0</v>
      </c>
      <c r="V41797">
        <v>0</v>
      </c>
      <c r="W41797">
        <v>0</v>
      </c>
      <c r="X41797">
        <v>0</v>
      </c>
      <c r="Y41797">
        <v>0</v>
      </c>
      <c r="Z41797">
        <v>0</v>
      </c>
      <c r="AA41797">
        <v>0</v>
      </c>
      <c r="AB41797">
        <v>0</v>
      </c>
      <c r="AC41797">
        <v>0</v>
      </c>
      <c r="AD41797">
        <v>0</v>
      </c>
      <c r="AE41797">
        <v>0</v>
      </c>
      <c r="AF41797">
        <v>0</v>
      </c>
      <c r="AG41797">
        <v>0</v>
      </c>
      <c r="AH41797">
        <v>0</v>
      </c>
      <c r="AI41797">
        <v>0</v>
      </c>
      <c r="AJ41797">
        <v>0</v>
      </c>
      <c r="AK41797">
        <v>0</v>
      </c>
      <c r="AL41797">
        <v>0</v>
      </c>
      <c r="AM41797">
        <v>0</v>
      </c>
      <c r="AN41797">
        <v>0</v>
      </c>
      <c r="AO41797">
        <v>0</v>
      </c>
      <c r="AP41797">
        <v>0</v>
      </c>
      <c r="AQ41797">
        <v>0</v>
      </c>
    </row>
    <row r="41798" spans="1:43">
      <c r="A41798" t="s">
        <v>25707</v>
      </c>
      <c r="B41798" t="s">
        <v>25708</v>
      </c>
      <c r="C41798" t="s">
        <v>3554</v>
      </c>
      <c r="D41798" t="s">
        <v>3555</v>
      </c>
      <c r="E41798" t="s">
        <v>3352</v>
      </c>
      <c r="F41798" t="s">
        <v>3353</v>
      </c>
      <c r="G41798" t="s">
        <v>80</v>
      </c>
      <c r="H41798" t="s">
        <v>81</v>
      </c>
      <c r="I41798" s="2">
        <v>0</v>
      </c>
      <c r="J41798" s="2">
        <v>1</v>
      </c>
      <c r="K41798" s="2">
        <v>0</v>
      </c>
      <c r="L41798" t="s">
        <v>82</v>
      </c>
      <c r="M41798" t="s">
        <v>83</v>
      </c>
      <c r="N41798" t="s">
        <v>84</v>
      </c>
      <c r="O41798" t="s">
        <v>85</v>
      </c>
      <c r="P41798" t="s">
        <v>86</v>
      </c>
      <c r="Q41798">
        <v>1</v>
      </c>
      <c r="R41798">
        <v>1</v>
      </c>
      <c r="S41798">
        <v>1</v>
      </c>
      <c r="T41798">
        <v>1</v>
      </c>
      <c r="U41798">
        <v>1</v>
      </c>
      <c r="V41798">
        <v>1</v>
      </c>
      <c r="W41798">
        <v>1</v>
      </c>
      <c r="X41798">
        <v>1</v>
      </c>
      <c r="Y41798">
        <v>1</v>
      </c>
      <c r="Z41798">
        <v>1</v>
      </c>
      <c r="AA41798">
        <v>1</v>
      </c>
      <c r="AB41798">
        <v>1</v>
      </c>
      <c r="AC41798">
        <v>1</v>
      </c>
      <c r="AD41798">
        <v>1</v>
      </c>
      <c r="AE41798">
        <v>1</v>
      </c>
      <c r="AF41798">
        <v>1</v>
      </c>
      <c r="AG41798">
        <v>1</v>
      </c>
      <c r="AH41798">
        <v>1</v>
      </c>
      <c r="AI41798">
        <v>1</v>
      </c>
      <c r="AJ41798">
        <v>1</v>
      </c>
      <c r="AK41798">
        <v>1</v>
      </c>
      <c r="AL41798">
        <v>1</v>
      </c>
      <c r="AM41798">
        <v>1</v>
      </c>
      <c r="AN41798">
        <v>1</v>
      </c>
      <c r="AO41798">
        <v>1</v>
      </c>
      <c r="AP41798">
        <v>1</v>
      </c>
      <c r="AQ41798">
        <v>1</v>
      </c>
    </row>
    <row r="41799" spans="1:43">
      <c r="A41799" t="s">
        <v>25707</v>
      </c>
      <c r="B41799" t="s">
        <v>25708</v>
      </c>
      <c r="C41799" t="s">
        <v>3554</v>
      </c>
      <c r="D41799" t="s">
        <v>3555</v>
      </c>
      <c r="E41799" t="s">
        <v>3352</v>
      </c>
      <c r="F41799" t="s">
        <v>3353</v>
      </c>
      <c r="G41799" t="s">
        <v>80</v>
      </c>
      <c r="H41799" t="s">
        <v>81</v>
      </c>
      <c r="I41799" s="2">
        <v>0</v>
      </c>
      <c r="J41799" s="2">
        <v>1</v>
      </c>
      <c r="K41799" s="2">
        <v>0</v>
      </c>
      <c r="L41799" t="s">
        <v>82</v>
      </c>
      <c r="M41799" t="s">
        <v>87</v>
      </c>
      <c r="N41799" t="s">
        <v>88</v>
      </c>
      <c r="O41799" t="s">
        <v>85</v>
      </c>
      <c r="P41799" t="s">
        <v>86</v>
      </c>
      <c r="Q41799">
        <v>1</v>
      </c>
      <c r="R41799">
        <v>1</v>
      </c>
      <c r="S41799">
        <v>1</v>
      </c>
      <c r="T41799">
        <v>1</v>
      </c>
      <c r="U41799">
        <v>1</v>
      </c>
      <c r="V41799">
        <v>1</v>
      </c>
      <c r="W41799">
        <v>1</v>
      </c>
      <c r="X41799">
        <v>1</v>
      </c>
      <c r="Y41799">
        <v>1</v>
      </c>
      <c r="Z41799">
        <v>1</v>
      </c>
      <c r="AA41799">
        <v>1</v>
      </c>
      <c r="AB41799">
        <v>1</v>
      </c>
      <c r="AC41799">
        <v>1</v>
      </c>
      <c r="AD41799">
        <v>1</v>
      </c>
      <c r="AE41799">
        <v>1</v>
      </c>
      <c r="AF41799">
        <v>1</v>
      </c>
      <c r="AG41799">
        <v>1</v>
      </c>
      <c r="AH41799">
        <v>1</v>
      </c>
      <c r="AI41799">
        <v>1</v>
      </c>
      <c r="AJ41799">
        <v>1</v>
      </c>
      <c r="AK41799">
        <v>1</v>
      </c>
      <c r="AL41799">
        <v>1</v>
      </c>
      <c r="AM41799">
        <v>1</v>
      </c>
      <c r="AN41799">
        <v>1</v>
      </c>
      <c r="AO41799">
        <v>1</v>
      </c>
      <c r="AP41799">
        <v>1</v>
      </c>
      <c r="AQ41799">
        <v>1</v>
      </c>
    </row>
    <row r="41800" spans="1:43">
      <c r="A41800" t="s">
        <v>25707</v>
      </c>
      <c r="B41800" t="s">
        <v>25708</v>
      </c>
      <c r="C41800" t="s">
        <v>3554</v>
      </c>
      <c r="D41800" t="s">
        <v>3555</v>
      </c>
      <c r="E41800" t="s">
        <v>3352</v>
      </c>
      <c r="F41800" t="s">
        <v>3353</v>
      </c>
      <c r="G41800" t="s">
        <v>80</v>
      </c>
      <c r="H41800" t="s">
        <v>81</v>
      </c>
      <c r="I41800" s="2">
        <v>0</v>
      </c>
      <c r="J41800" s="2">
        <v>1</v>
      </c>
      <c r="K41800" s="2">
        <v>0</v>
      </c>
      <c r="L41800" t="s">
        <v>82</v>
      </c>
      <c r="M41800" t="s">
        <v>89</v>
      </c>
      <c r="N41800" t="s">
        <v>90</v>
      </c>
      <c r="O41800" t="s">
        <v>85</v>
      </c>
      <c r="P41800" t="s">
        <v>86</v>
      </c>
      <c r="Q41800">
        <v>1</v>
      </c>
      <c r="R41800">
        <v>1</v>
      </c>
      <c r="S41800">
        <v>1</v>
      </c>
      <c r="T41800">
        <v>1</v>
      </c>
      <c r="U41800">
        <v>1</v>
      </c>
      <c r="V41800">
        <v>1</v>
      </c>
      <c r="W41800">
        <v>1</v>
      </c>
      <c r="X41800">
        <v>1</v>
      </c>
      <c r="Y41800">
        <v>1</v>
      </c>
      <c r="Z41800">
        <v>1</v>
      </c>
      <c r="AA41800">
        <v>1</v>
      </c>
      <c r="AB41800">
        <v>1</v>
      </c>
      <c r="AC41800">
        <v>1</v>
      </c>
      <c r="AD41800">
        <v>1</v>
      </c>
      <c r="AE41800">
        <v>1</v>
      </c>
      <c r="AF41800">
        <v>1</v>
      </c>
      <c r="AG41800">
        <v>1</v>
      </c>
      <c r="AH41800">
        <v>1</v>
      </c>
      <c r="AI41800">
        <v>1</v>
      </c>
      <c r="AJ41800">
        <v>1</v>
      </c>
      <c r="AK41800">
        <v>1</v>
      </c>
      <c r="AL41800">
        <v>1</v>
      </c>
      <c r="AM41800">
        <v>1</v>
      </c>
      <c r="AN41800">
        <v>1</v>
      </c>
      <c r="AO41800">
        <v>1</v>
      </c>
      <c r="AP41800">
        <v>1</v>
      </c>
      <c r="AQ41800">
        <v>1</v>
      </c>
    </row>
    <row r="41801" spans="1:43">
      <c r="A41801" t="s">
        <v>25707</v>
      </c>
      <c r="B41801" t="s">
        <v>25708</v>
      </c>
      <c r="C41801" t="s">
        <v>3554</v>
      </c>
      <c r="D41801" t="s">
        <v>3555</v>
      </c>
      <c r="E41801" t="s">
        <v>3352</v>
      </c>
      <c r="F41801" t="s">
        <v>3353</v>
      </c>
      <c r="G41801" t="s">
        <v>80</v>
      </c>
      <c r="H41801" t="s">
        <v>81</v>
      </c>
      <c r="I41801" s="2">
        <v>0</v>
      </c>
      <c r="J41801" s="2">
        <v>1</v>
      </c>
      <c r="K41801" s="2">
        <v>0</v>
      </c>
      <c r="L41801" t="s">
        <v>82</v>
      </c>
      <c r="M41801" t="s">
        <v>83</v>
      </c>
      <c r="N41801" t="s">
        <v>91</v>
      </c>
      <c r="O41801" t="s">
        <v>85</v>
      </c>
      <c r="P41801" t="s">
        <v>86</v>
      </c>
      <c r="Q41801">
        <v>1</v>
      </c>
      <c r="R41801">
        <v>1</v>
      </c>
      <c r="S41801">
        <v>1</v>
      </c>
      <c r="T41801">
        <v>1</v>
      </c>
      <c r="U41801">
        <v>1</v>
      </c>
      <c r="V41801">
        <v>1</v>
      </c>
      <c r="W41801">
        <v>1</v>
      </c>
      <c r="X41801">
        <v>1</v>
      </c>
      <c r="Y41801">
        <v>1</v>
      </c>
      <c r="Z41801">
        <v>1</v>
      </c>
      <c r="AA41801">
        <v>1</v>
      </c>
      <c r="AB41801">
        <v>1</v>
      </c>
      <c r="AC41801">
        <v>1</v>
      </c>
      <c r="AD41801">
        <v>1</v>
      </c>
      <c r="AE41801">
        <v>1</v>
      </c>
      <c r="AF41801">
        <v>1</v>
      </c>
      <c r="AG41801">
        <v>1</v>
      </c>
      <c r="AH41801">
        <v>1</v>
      </c>
      <c r="AI41801">
        <v>1</v>
      </c>
      <c r="AJ41801">
        <v>1</v>
      </c>
      <c r="AK41801">
        <v>1</v>
      </c>
      <c r="AL41801">
        <v>1</v>
      </c>
      <c r="AM41801">
        <v>1</v>
      </c>
      <c r="AN41801">
        <v>1</v>
      </c>
      <c r="AO41801">
        <v>1</v>
      </c>
      <c r="AP41801">
        <v>1</v>
      </c>
      <c r="AQ41801">
        <v>1</v>
      </c>
    </row>
    <row r="41802" spans="1:43">
      <c r="A41802" t="s">
        <v>25709</v>
      </c>
      <c r="B41802" t="s">
        <v>25710</v>
      </c>
      <c r="C41802" t="s">
        <v>3554</v>
      </c>
      <c r="D41802" t="s">
        <v>3555</v>
      </c>
      <c r="E41802" t="s">
        <v>3352</v>
      </c>
      <c r="F41802" t="s">
        <v>3353</v>
      </c>
      <c r="G41802" t="s">
        <v>80</v>
      </c>
      <c r="H41802" t="s">
        <v>81</v>
      </c>
      <c r="I41802" s="2">
        <v>0</v>
      </c>
      <c r="J41802" s="2">
        <v>1</v>
      </c>
      <c r="K41802" s="2">
        <v>0</v>
      </c>
      <c r="L41802" t="s">
        <v>82</v>
      </c>
      <c r="M41802" t="s">
        <v>83</v>
      </c>
      <c r="N41802" t="s">
        <v>84</v>
      </c>
      <c r="O41802" t="s">
        <v>85</v>
      </c>
      <c r="P41802" t="s">
        <v>86</v>
      </c>
      <c r="Q41802">
        <v>45</v>
      </c>
      <c r="R41802">
        <v>46</v>
      </c>
      <c r="S41802">
        <v>47</v>
      </c>
      <c r="T41802">
        <v>48</v>
      </c>
      <c r="U41802">
        <v>49</v>
      </c>
      <c r="V41802">
        <v>50</v>
      </c>
      <c r="W41802">
        <v>52</v>
      </c>
      <c r="X41802">
        <v>53</v>
      </c>
      <c r="Y41802">
        <v>54</v>
      </c>
      <c r="Z41802">
        <v>55</v>
      </c>
      <c r="AA41802">
        <v>56</v>
      </c>
      <c r="AB41802">
        <v>57</v>
      </c>
      <c r="AC41802">
        <v>59</v>
      </c>
      <c r="AD41802">
        <v>60</v>
      </c>
      <c r="AE41802">
        <v>61</v>
      </c>
      <c r="AF41802">
        <v>62</v>
      </c>
      <c r="AG41802">
        <v>63</v>
      </c>
      <c r="AH41802">
        <v>65</v>
      </c>
      <c r="AI41802">
        <v>66</v>
      </c>
      <c r="AJ41802">
        <v>67</v>
      </c>
      <c r="AK41802">
        <v>69</v>
      </c>
      <c r="AL41802">
        <v>69</v>
      </c>
      <c r="AM41802">
        <v>70</v>
      </c>
      <c r="AN41802">
        <v>71</v>
      </c>
      <c r="AO41802">
        <v>71</v>
      </c>
      <c r="AP41802">
        <v>72</v>
      </c>
      <c r="AQ41802">
        <v>73</v>
      </c>
    </row>
    <row r="41803" spans="1:43">
      <c r="A41803" t="s">
        <v>25709</v>
      </c>
      <c r="B41803" t="s">
        <v>25710</v>
      </c>
      <c r="C41803" t="s">
        <v>3554</v>
      </c>
      <c r="D41803" t="s">
        <v>3555</v>
      </c>
      <c r="E41803" t="s">
        <v>3352</v>
      </c>
      <c r="F41803" t="s">
        <v>3353</v>
      </c>
      <c r="G41803" t="s">
        <v>80</v>
      </c>
      <c r="H41803" t="s">
        <v>81</v>
      </c>
      <c r="I41803" s="2">
        <v>0</v>
      </c>
      <c r="J41803" s="2">
        <v>1</v>
      </c>
      <c r="K41803" s="2">
        <v>0</v>
      </c>
      <c r="L41803" t="s">
        <v>82</v>
      </c>
      <c r="M41803" t="s">
        <v>87</v>
      </c>
      <c r="N41803" t="s">
        <v>88</v>
      </c>
      <c r="O41803" t="s">
        <v>85</v>
      </c>
      <c r="P41803" t="s">
        <v>86</v>
      </c>
      <c r="Q41803">
        <v>45</v>
      </c>
      <c r="R41803">
        <v>45</v>
      </c>
      <c r="S41803">
        <v>46</v>
      </c>
      <c r="T41803">
        <v>47</v>
      </c>
      <c r="U41803">
        <v>47</v>
      </c>
      <c r="V41803">
        <v>48</v>
      </c>
      <c r="W41803">
        <v>49</v>
      </c>
      <c r="X41803">
        <v>49</v>
      </c>
      <c r="Y41803">
        <v>50</v>
      </c>
      <c r="Z41803">
        <v>50</v>
      </c>
      <c r="AA41803">
        <v>51</v>
      </c>
      <c r="AB41803">
        <v>52</v>
      </c>
      <c r="AC41803">
        <v>53</v>
      </c>
      <c r="AD41803">
        <v>53</v>
      </c>
      <c r="AE41803">
        <v>54</v>
      </c>
      <c r="AF41803">
        <v>55</v>
      </c>
      <c r="AG41803">
        <v>55</v>
      </c>
      <c r="AH41803">
        <v>56</v>
      </c>
      <c r="AI41803">
        <v>57</v>
      </c>
      <c r="AJ41803">
        <v>58</v>
      </c>
      <c r="AK41803">
        <v>58</v>
      </c>
      <c r="AL41803">
        <v>59</v>
      </c>
      <c r="AM41803">
        <v>60</v>
      </c>
      <c r="AN41803">
        <v>61</v>
      </c>
      <c r="AO41803">
        <v>61</v>
      </c>
      <c r="AP41803">
        <v>62</v>
      </c>
      <c r="AQ41803">
        <v>63</v>
      </c>
    </row>
    <row r="41804" spans="1:43">
      <c r="A41804" t="s">
        <v>25709</v>
      </c>
      <c r="B41804" t="s">
        <v>25710</v>
      </c>
      <c r="C41804" t="s">
        <v>3554</v>
      </c>
      <c r="D41804" t="s">
        <v>3555</v>
      </c>
      <c r="E41804" t="s">
        <v>3352</v>
      </c>
      <c r="F41804" t="s">
        <v>3353</v>
      </c>
      <c r="G41804" t="s">
        <v>80</v>
      </c>
      <c r="H41804" t="s">
        <v>81</v>
      </c>
      <c r="I41804" s="2">
        <v>0</v>
      </c>
      <c r="J41804" s="2">
        <v>1</v>
      </c>
      <c r="K41804" s="2">
        <v>0</v>
      </c>
      <c r="L41804" t="s">
        <v>82</v>
      </c>
      <c r="M41804" t="s">
        <v>89</v>
      </c>
      <c r="N41804" t="s">
        <v>90</v>
      </c>
      <c r="O41804" t="s">
        <v>85</v>
      </c>
      <c r="P41804" t="s">
        <v>86</v>
      </c>
      <c r="Q41804">
        <v>45</v>
      </c>
      <c r="R41804">
        <v>47</v>
      </c>
      <c r="S41804">
        <v>48</v>
      </c>
      <c r="T41804">
        <v>50</v>
      </c>
      <c r="U41804">
        <v>51</v>
      </c>
      <c r="V41804">
        <v>53</v>
      </c>
      <c r="W41804">
        <v>54</v>
      </c>
      <c r="X41804">
        <v>56</v>
      </c>
      <c r="Y41804">
        <v>57</v>
      </c>
      <c r="Z41804">
        <v>59</v>
      </c>
      <c r="AA41804">
        <v>60</v>
      </c>
      <c r="AB41804">
        <v>61</v>
      </c>
      <c r="AC41804">
        <v>63</v>
      </c>
      <c r="AD41804">
        <v>64</v>
      </c>
      <c r="AE41804">
        <v>66</v>
      </c>
      <c r="AF41804">
        <v>66</v>
      </c>
      <c r="AG41804">
        <v>67</v>
      </c>
      <c r="AH41804">
        <v>67</v>
      </c>
      <c r="AI41804">
        <v>68</v>
      </c>
      <c r="AJ41804">
        <v>69</v>
      </c>
      <c r="AK41804">
        <v>69</v>
      </c>
      <c r="AL41804">
        <v>70</v>
      </c>
      <c r="AM41804">
        <v>71</v>
      </c>
      <c r="AN41804">
        <v>71</v>
      </c>
      <c r="AO41804">
        <v>72</v>
      </c>
      <c r="AP41804">
        <v>72</v>
      </c>
      <c r="AQ41804">
        <v>73</v>
      </c>
    </row>
    <row r="41805" spans="1:43">
      <c r="A41805" t="s">
        <v>25709</v>
      </c>
      <c r="B41805" t="s">
        <v>25710</v>
      </c>
      <c r="C41805" t="s">
        <v>3554</v>
      </c>
      <c r="D41805" t="s">
        <v>3555</v>
      </c>
      <c r="E41805" t="s">
        <v>3352</v>
      </c>
      <c r="F41805" t="s">
        <v>3353</v>
      </c>
      <c r="G41805" t="s">
        <v>80</v>
      </c>
      <c r="H41805" t="s">
        <v>81</v>
      </c>
      <c r="I41805" s="2">
        <v>0</v>
      </c>
      <c r="J41805" s="2">
        <v>1</v>
      </c>
      <c r="K41805" s="2">
        <v>0</v>
      </c>
      <c r="L41805" t="s">
        <v>82</v>
      </c>
      <c r="M41805" t="s">
        <v>83</v>
      </c>
      <c r="N41805" t="s">
        <v>91</v>
      </c>
      <c r="O41805" t="s">
        <v>85</v>
      </c>
      <c r="P41805" t="s">
        <v>86</v>
      </c>
      <c r="Q41805">
        <v>45</v>
      </c>
      <c r="R41805">
        <v>46</v>
      </c>
      <c r="S41805">
        <v>47</v>
      </c>
      <c r="T41805">
        <v>48</v>
      </c>
      <c r="U41805">
        <v>49</v>
      </c>
      <c r="V41805">
        <v>50</v>
      </c>
      <c r="W41805">
        <v>52</v>
      </c>
      <c r="X41805">
        <v>53</v>
      </c>
      <c r="Y41805">
        <v>54</v>
      </c>
      <c r="Z41805">
        <v>55</v>
      </c>
      <c r="AA41805">
        <v>56</v>
      </c>
      <c r="AB41805">
        <v>57</v>
      </c>
      <c r="AC41805">
        <v>59</v>
      </c>
      <c r="AD41805">
        <v>60</v>
      </c>
      <c r="AE41805">
        <v>61</v>
      </c>
      <c r="AF41805">
        <v>62</v>
      </c>
      <c r="AG41805">
        <v>63</v>
      </c>
      <c r="AH41805">
        <v>65</v>
      </c>
      <c r="AI41805">
        <v>66</v>
      </c>
      <c r="AJ41805">
        <v>67</v>
      </c>
      <c r="AK41805">
        <v>69</v>
      </c>
      <c r="AL41805">
        <v>69</v>
      </c>
      <c r="AM41805">
        <v>70</v>
      </c>
      <c r="AN41805">
        <v>71</v>
      </c>
      <c r="AO41805">
        <v>71</v>
      </c>
      <c r="AP41805">
        <v>72</v>
      </c>
      <c r="AQ41805">
        <v>73</v>
      </c>
    </row>
    <row r="41806" spans="1:43">
      <c r="A41806" t="s">
        <v>25711</v>
      </c>
      <c r="B41806" t="s">
        <v>25712</v>
      </c>
      <c r="C41806" t="s">
        <v>25339</v>
      </c>
      <c r="D41806" t="s">
        <v>25340</v>
      </c>
      <c r="E41806" t="s">
        <v>3352</v>
      </c>
      <c r="F41806" t="s">
        <v>3353</v>
      </c>
      <c r="G41806" t="s">
        <v>80</v>
      </c>
      <c r="H41806" t="s">
        <v>81</v>
      </c>
      <c r="I41806" s="2">
        <v>0</v>
      </c>
      <c r="J41806" s="2">
        <v>1</v>
      </c>
      <c r="K41806" s="2">
        <v>0</v>
      </c>
      <c r="L41806" t="s">
        <v>82</v>
      </c>
      <c r="M41806" t="s">
        <v>83</v>
      </c>
      <c r="N41806" t="s">
        <v>84</v>
      </c>
      <c r="O41806" t="s">
        <v>85</v>
      </c>
      <c r="P41806" t="s">
        <v>86</v>
      </c>
      <c r="Q41806">
        <v>21</v>
      </c>
      <c r="R41806">
        <v>21</v>
      </c>
      <c r="S41806">
        <v>22</v>
      </c>
      <c r="T41806">
        <v>22</v>
      </c>
      <c r="U41806">
        <v>23</v>
      </c>
      <c r="V41806">
        <v>23</v>
      </c>
      <c r="W41806">
        <v>24</v>
      </c>
      <c r="X41806">
        <v>24</v>
      </c>
      <c r="Y41806">
        <v>25</v>
      </c>
      <c r="Z41806">
        <v>25</v>
      </c>
      <c r="AA41806">
        <v>26</v>
      </c>
      <c r="AB41806">
        <v>26</v>
      </c>
      <c r="AC41806">
        <v>27</v>
      </c>
      <c r="AD41806">
        <v>27</v>
      </c>
      <c r="AE41806">
        <v>28</v>
      </c>
      <c r="AF41806">
        <v>29</v>
      </c>
      <c r="AG41806">
        <v>29</v>
      </c>
      <c r="AH41806">
        <v>30</v>
      </c>
      <c r="AI41806">
        <v>30</v>
      </c>
      <c r="AJ41806">
        <v>31</v>
      </c>
      <c r="AK41806">
        <v>31</v>
      </c>
      <c r="AL41806">
        <v>32</v>
      </c>
      <c r="AM41806">
        <v>32</v>
      </c>
      <c r="AN41806">
        <v>32</v>
      </c>
      <c r="AO41806">
        <v>33</v>
      </c>
      <c r="AP41806">
        <v>33</v>
      </c>
      <c r="AQ41806">
        <v>33</v>
      </c>
    </row>
    <row r="41807" spans="1:43">
      <c r="A41807" t="s">
        <v>25711</v>
      </c>
      <c r="B41807" t="s">
        <v>25712</v>
      </c>
      <c r="C41807" t="s">
        <v>25339</v>
      </c>
      <c r="D41807" t="s">
        <v>25340</v>
      </c>
      <c r="E41807" t="s">
        <v>3352</v>
      </c>
      <c r="F41807" t="s">
        <v>3353</v>
      </c>
      <c r="G41807" t="s">
        <v>80</v>
      </c>
      <c r="H41807" t="s">
        <v>81</v>
      </c>
      <c r="I41807" s="2">
        <v>0</v>
      </c>
      <c r="J41807" s="2">
        <v>1</v>
      </c>
      <c r="K41807" s="2">
        <v>0</v>
      </c>
      <c r="L41807" t="s">
        <v>82</v>
      </c>
      <c r="M41807" t="s">
        <v>87</v>
      </c>
      <c r="N41807" t="s">
        <v>88</v>
      </c>
      <c r="O41807" t="s">
        <v>85</v>
      </c>
      <c r="P41807" t="s">
        <v>86</v>
      </c>
      <c r="Q41807">
        <v>21</v>
      </c>
      <c r="R41807">
        <v>22</v>
      </c>
      <c r="S41807">
        <v>22</v>
      </c>
      <c r="T41807">
        <v>22</v>
      </c>
      <c r="U41807">
        <v>23</v>
      </c>
      <c r="V41807">
        <v>23</v>
      </c>
      <c r="W41807">
        <v>23</v>
      </c>
      <c r="X41807">
        <v>24</v>
      </c>
      <c r="Y41807">
        <v>24</v>
      </c>
      <c r="Z41807">
        <v>24</v>
      </c>
      <c r="AA41807">
        <v>25</v>
      </c>
      <c r="AB41807">
        <v>25</v>
      </c>
      <c r="AC41807">
        <v>25</v>
      </c>
      <c r="AD41807">
        <v>25</v>
      </c>
      <c r="AE41807">
        <v>26</v>
      </c>
      <c r="AF41807">
        <v>26</v>
      </c>
      <c r="AG41807">
        <v>26</v>
      </c>
      <c r="AH41807">
        <v>27</v>
      </c>
      <c r="AI41807">
        <v>27</v>
      </c>
      <c r="AJ41807">
        <v>27</v>
      </c>
      <c r="AK41807">
        <v>28</v>
      </c>
      <c r="AL41807">
        <v>28</v>
      </c>
      <c r="AM41807">
        <v>28</v>
      </c>
      <c r="AN41807">
        <v>29</v>
      </c>
      <c r="AO41807">
        <v>29</v>
      </c>
      <c r="AP41807">
        <v>29</v>
      </c>
      <c r="AQ41807">
        <v>30</v>
      </c>
    </row>
    <row r="41808" spans="1:43">
      <c r="A41808" t="s">
        <v>25711</v>
      </c>
      <c r="B41808" t="s">
        <v>25712</v>
      </c>
      <c r="C41808" t="s">
        <v>25339</v>
      </c>
      <c r="D41808" t="s">
        <v>25340</v>
      </c>
      <c r="E41808" t="s">
        <v>3352</v>
      </c>
      <c r="F41808" t="s">
        <v>3353</v>
      </c>
      <c r="G41808" t="s">
        <v>80</v>
      </c>
      <c r="H41808" t="s">
        <v>81</v>
      </c>
      <c r="I41808" s="2">
        <v>0</v>
      </c>
      <c r="J41808" s="2">
        <v>1</v>
      </c>
      <c r="K41808" s="2">
        <v>0</v>
      </c>
      <c r="L41808" t="s">
        <v>82</v>
      </c>
      <c r="M41808" t="s">
        <v>89</v>
      </c>
      <c r="N41808" t="s">
        <v>90</v>
      </c>
      <c r="O41808" t="s">
        <v>85</v>
      </c>
      <c r="P41808" t="s">
        <v>86</v>
      </c>
      <c r="Q41808">
        <v>21</v>
      </c>
      <c r="R41808">
        <v>22</v>
      </c>
      <c r="S41808">
        <v>22</v>
      </c>
      <c r="T41808">
        <v>23</v>
      </c>
      <c r="U41808">
        <v>24</v>
      </c>
      <c r="V41808">
        <v>24</v>
      </c>
      <c r="W41808">
        <v>25</v>
      </c>
      <c r="X41808">
        <v>26</v>
      </c>
      <c r="Y41808">
        <v>26</v>
      </c>
      <c r="Z41808">
        <v>27</v>
      </c>
      <c r="AA41808">
        <v>28</v>
      </c>
      <c r="AB41808">
        <v>28</v>
      </c>
      <c r="AC41808">
        <v>29</v>
      </c>
      <c r="AD41808">
        <v>30</v>
      </c>
      <c r="AE41808">
        <v>30</v>
      </c>
      <c r="AF41808">
        <v>30</v>
      </c>
      <c r="AG41808">
        <v>31</v>
      </c>
      <c r="AH41808">
        <v>31</v>
      </c>
      <c r="AI41808">
        <v>31</v>
      </c>
      <c r="AJ41808">
        <v>31</v>
      </c>
      <c r="AK41808">
        <v>32</v>
      </c>
      <c r="AL41808">
        <v>32</v>
      </c>
      <c r="AM41808">
        <v>32</v>
      </c>
      <c r="AN41808">
        <v>33</v>
      </c>
      <c r="AO41808">
        <v>33</v>
      </c>
      <c r="AP41808">
        <v>33</v>
      </c>
      <c r="AQ41808">
        <v>34</v>
      </c>
    </row>
    <row r="41809" spans="1:43">
      <c r="A41809" t="s">
        <v>25711</v>
      </c>
      <c r="B41809" t="s">
        <v>25712</v>
      </c>
      <c r="C41809" t="s">
        <v>25339</v>
      </c>
      <c r="D41809" t="s">
        <v>25340</v>
      </c>
      <c r="E41809" t="s">
        <v>3352</v>
      </c>
      <c r="F41809" t="s">
        <v>3353</v>
      </c>
      <c r="G41809" t="s">
        <v>80</v>
      </c>
      <c r="H41809" t="s">
        <v>81</v>
      </c>
      <c r="I41809" s="2">
        <v>0</v>
      </c>
      <c r="J41809" s="2">
        <v>1</v>
      </c>
      <c r="K41809" s="2">
        <v>0</v>
      </c>
      <c r="L41809" t="s">
        <v>82</v>
      </c>
      <c r="M41809" t="s">
        <v>83</v>
      </c>
      <c r="N41809" t="s">
        <v>91</v>
      </c>
      <c r="O41809" t="s">
        <v>85</v>
      </c>
      <c r="P41809" t="s">
        <v>86</v>
      </c>
      <c r="Q41809">
        <v>21</v>
      </c>
      <c r="R41809">
        <v>21</v>
      </c>
      <c r="S41809">
        <v>22</v>
      </c>
      <c r="T41809">
        <v>22</v>
      </c>
      <c r="U41809">
        <v>23</v>
      </c>
      <c r="V41809">
        <v>23</v>
      </c>
      <c r="W41809">
        <v>24</v>
      </c>
      <c r="X41809">
        <v>24</v>
      </c>
      <c r="Y41809">
        <v>25</v>
      </c>
      <c r="Z41809">
        <v>25</v>
      </c>
      <c r="AA41809">
        <v>26</v>
      </c>
      <c r="AB41809">
        <v>26</v>
      </c>
      <c r="AC41809">
        <v>27</v>
      </c>
      <c r="AD41809">
        <v>27</v>
      </c>
      <c r="AE41809">
        <v>28</v>
      </c>
      <c r="AF41809">
        <v>29</v>
      </c>
      <c r="AG41809">
        <v>29</v>
      </c>
      <c r="AH41809">
        <v>30</v>
      </c>
      <c r="AI41809">
        <v>30</v>
      </c>
      <c r="AJ41809">
        <v>31</v>
      </c>
      <c r="AK41809">
        <v>31</v>
      </c>
      <c r="AL41809">
        <v>32</v>
      </c>
      <c r="AM41809">
        <v>32</v>
      </c>
      <c r="AN41809">
        <v>32</v>
      </c>
      <c r="AO41809">
        <v>33</v>
      </c>
      <c r="AP41809">
        <v>33</v>
      </c>
      <c r="AQ41809">
        <v>33</v>
      </c>
    </row>
    <row r="41810" spans="1:43">
      <c r="A41810" t="s">
        <v>25713</v>
      </c>
      <c r="B41810" t="s">
        <v>25714</v>
      </c>
      <c r="C41810" t="s">
        <v>25339</v>
      </c>
      <c r="D41810" t="s">
        <v>25340</v>
      </c>
      <c r="E41810" t="s">
        <v>3352</v>
      </c>
      <c r="F41810" t="s">
        <v>3353</v>
      </c>
      <c r="G41810" t="s">
        <v>80</v>
      </c>
      <c r="H41810" t="s">
        <v>81</v>
      </c>
      <c r="I41810" s="2">
        <v>0</v>
      </c>
      <c r="J41810" s="2">
        <v>1</v>
      </c>
      <c r="K41810" s="2">
        <v>0</v>
      </c>
      <c r="L41810" t="s">
        <v>82</v>
      </c>
      <c r="M41810" t="s">
        <v>83</v>
      </c>
      <c r="N41810" t="s">
        <v>84</v>
      </c>
      <c r="O41810" t="s">
        <v>85</v>
      </c>
      <c r="P41810" t="s">
        <v>86</v>
      </c>
      <c r="Q41810">
        <v>60</v>
      </c>
      <c r="R41810">
        <v>61</v>
      </c>
      <c r="S41810">
        <v>63</v>
      </c>
      <c r="T41810">
        <v>64</v>
      </c>
      <c r="U41810">
        <v>65</v>
      </c>
      <c r="V41810">
        <v>67</v>
      </c>
      <c r="W41810">
        <v>68</v>
      </c>
      <c r="X41810">
        <v>70</v>
      </c>
      <c r="Y41810">
        <v>71</v>
      </c>
      <c r="Z41810">
        <v>73</v>
      </c>
      <c r="AA41810">
        <v>75</v>
      </c>
      <c r="AB41810">
        <v>76</v>
      </c>
      <c r="AC41810">
        <v>78</v>
      </c>
      <c r="AD41810">
        <v>79</v>
      </c>
      <c r="AE41810">
        <v>81</v>
      </c>
      <c r="AF41810">
        <v>82</v>
      </c>
      <c r="AG41810">
        <v>84</v>
      </c>
      <c r="AH41810">
        <v>86</v>
      </c>
      <c r="AI41810">
        <v>87</v>
      </c>
      <c r="AJ41810">
        <v>89</v>
      </c>
      <c r="AK41810">
        <v>91</v>
      </c>
      <c r="AL41810">
        <v>92</v>
      </c>
      <c r="AM41810">
        <v>93</v>
      </c>
      <c r="AN41810">
        <v>93</v>
      </c>
      <c r="AO41810">
        <v>94</v>
      </c>
      <c r="AP41810">
        <v>95</v>
      </c>
      <c r="AQ41810">
        <v>96</v>
      </c>
    </row>
    <row r="41811" spans="1:43">
      <c r="A41811" t="s">
        <v>25713</v>
      </c>
      <c r="B41811" t="s">
        <v>25714</v>
      </c>
      <c r="C41811" t="s">
        <v>25339</v>
      </c>
      <c r="D41811" t="s">
        <v>25340</v>
      </c>
      <c r="E41811" t="s">
        <v>3352</v>
      </c>
      <c r="F41811" t="s">
        <v>3353</v>
      </c>
      <c r="G41811" t="s">
        <v>80</v>
      </c>
      <c r="H41811" t="s">
        <v>81</v>
      </c>
      <c r="I41811" s="2">
        <v>0</v>
      </c>
      <c r="J41811" s="2">
        <v>1</v>
      </c>
      <c r="K41811" s="2">
        <v>0</v>
      </c>
      <c r="L41811" t="s">
        <v>82</v>
      </c>
      <c r="M41811" t="s">
        <v>87</v>
      </c>
      <c r="N41811" t="s">
        <v>88</v>
      </c>
      <c r="O41811" t="s">
        <v>85</v>
      </c>
      <c r="P41811" t="s">
        <v>86</v>
      </c>
      <c r="Q41811">
        <v>60</v>
      </c>
      <c r="R41811">
        <v>61</v>
      </c>
      <c r="S41811">
        <v>62</v>
      </c>
      <c r="T41811">
        <v>63</v>
      </c>
      <c r="U41811">
        <v>64</v>
      </c>
      <c r="V41811">
        <v>64</v>
      </c>
      <c r="W41811">
        <v>65</v>
      </c>
      <c r="X41811">
        <v>66</v>
      </c>
      <c r="Y41811">
        <v>67</v>
      </c>
      <c r="Z41811">
        <v>68</v>
      </c>
      <c r="AA41811">
        <v>69</v>
      </c>
      <c r="AB41811">
        <v>70</v>
      </c>
      <c r="AC41811">
        <v>71</v>
      </c>
      <c r="AD41811">
        <v>72</v>
      </c>
      <c r="AE41811">
        <v>72</v>
      </c>
      <c r="AF41811">
        <v>73</v>
      </c>
      <c r="AG41811">
        <v>74</v>
      </c>
      <c r="AH41811">
        <v>75</v>
      </c>
      <c r="AI41811">
        <v>76</v>
      </c>
      <c r="AJ41811">
        <v>77</v>
      </c>
      <c r="AK41811">
        <v>78</v>
      </c>
      <c r="AL41811">
        <v>79</v>
      </c>
      <c r="AM41811">
        <v>80</v>
      </c>
      <c r="AN41811">
        <v>81</v>
      </c>
      <c r="AO41811">
        <v>82</v>
      </c>
      <c r="AP41811">
        <v>83</v>
      </c>
      <c r="AQ41811">
        <v>84</v>
      </c>
    </row>
    <row r="41812" spans="1:43">
      <c r="A41812" t="s">
        <v>25713</v>
      </c>
      <c r="B41812" t="s">
        <v>25714</v>
      </c>
      <c r="C41812" t="s">
        <v>25339</v>
      </c>
      <c r="D41812" t="s">
        <v>25340</v>
      </c>
      <c r="E41812" t="s">
        <v>3352</v>
      </c>
      <c r="F41812" t="s">
        <v>3353</v>
      </c>
      <c r="G41812" t="s">
        <v>80</v>
      </c>
      <c r="H41812" t="s">
        <v>81</v>
      </c>
      <c r="I41812" s="2">
        <v>0</v>
      </c>
      <c r="J41812" s="2">
        <v>1</v>
      </c>
      <c r="K41812" s="2">
        <v>0</v>
      </c>
      <c r="L41812" t="s">
        <v>82</v>
      </c>
      <c r="M41812" t="s">
        <v>89</v>
      </c>
      <c r="N41812" t="s">
        <v>90</v>
      </c>
      <c r="O41812" t="s">
        <v>85</v>
      </c>
      <c r="P41812" t="s">
        <v>86</v>
      </c>
      <c r="Q41812">
        <v>60</v>
      </c>
      <c r="R41812">
        <v>62</v>
      </c>
      <c r="S41812">
        <v>64</v>
      </c>
      <c r="T41812">
        <v>66</v>
      </c>
      <c r="U41812">
        <v>68</v>
      </c>
      <c r="V41812">
        <v>70</v>
      </c>
      <c r="W41812">
        <v>72</v>
      </c>
      <c r="X41812">
        <v>74</v>
      </c>
      <c r="Y41812">
        <v>76</v>
      </c>
      <c r="Z41812">
        <v>78</v>
      </c>
      <c r="AA41812">
        <v>79</v>
      </c>
      <c r="AB41812">
        <v>81</v>
      </c>
      <c r="AC41812">
        <v>83</v>
      </c>
      <c r="AD41812">
        <v>85</v>
      </c>
      <c r="AE41812">
        <v>87</v>
      </c>
      <c r="AF41812">
        <v>87</v>
      </c>
      <c r="AG41812">
        <v>88</v>
      </c>
      <c r="AH41812">
        <v>89</v>
      </c>
      <c r="AI41812">
        <v>90</v>
      </c>
      <c r="AJ41812">
        <v>91</v>
      </c>
      <c r="AK41812">
        <v>92</v>
      </c>
      <c r="AL41812">
        <v>92</v>
      </c>
      <c r="AM41812">
        <v>93</v>
      </c>
      <c r="AN41812">
        <v>94</v>
      </c>
      <c r="AO41812">
        <v>95</v>
      </c>
      <c r="AP41812">
        <v>96</v>
      </c>
      <c r="AQ41812">
        <v>97</v>
      </c>
    </row>
    <row r="41813" spans="1:43">
      <c r="A41813" t="s">
        <v>25713</v>
      </c>
      <c r="B41813" t="s">
        <v>25714</v>
      </c>
      <c r="C41813" t="s">
        <v>25339</v>
      </c>
      <c r="D41813" t="s">
        <v>25340</v>
      </c>
      <c r="E41813" t="s">
        <v>3352</v>
      </c>
      <c r="F41813" t="s">
        <v>3353</v>
      </c>
      <c r="G41813" t="s">
        <v>80</v>
      </c>
      <c r="H41813" t="s">
        <v>81</v>
      </c>
      <c r="I41813" s="2">
        <v>0</v>
      </c>
      <c r="J41813" s="2">
        <v>1</v>
      </c>
      <c r="K41813" s="2">
        <v>0</v>
      </c>
      <c r="L41813" t="s">
        <v>82</v>
      </c>
      <c r="M41813" t="s">
        <v>83</v>
      </c>
      <c r="N41813" t="s">
        <v>91</v>
      </c>
      <c r="O41813" t="s">
        <v>85</v>
      </c>
      <c r="P41813" t="s">
        <v>86</v>
      </c>
      <c r="Q41813">
        <v>60</v>
      </c>
      <c r="R41813">
        <v>61</v>
      </c>
      <c r="S41813">
        <v>63</v>
      </c>
      <c r="T41813">
        <v>64</v>
      </c>
      <c r="U41813">
        <v>65</v>
      </c>
      <c r="V41813">
        <v>67</v>
      </c>
      <c r="W41813">
        <v>68</v>
      </c>
      <c r="X41813">
        <v>70</v>
      </c>
      <c r="Y41813">
        <v>71</v>
      </c>
      <c r="Z41813">
        <v>73</v>
      </c>
      <c r="AA41813">
        <v>75</v>
      </c>
      <c r="AB41813">
        <v>76</v>
      </c>
      <c r="AC41813">
        <v>78</v>
      </c>
      <c r="AD41813">
        <v>79</v>
      </c>
      <c r="AE41813">
        <v>81</v>
      </c>
      <c r="AF41813">
        <v>82</v>
      </c>
      <c r="AG41813">
        <v>84</v>
      </c>
      <c r="AH41813">
        <v>86</v>
      </c>
      <c r="AI41813">
        <v>87</v>
      </c>
      <c r="AJ41813">
        <v>89</v>
      </c>
      <c r="AK41813">
        <v>91</v>
      </c>
      <c r="AL41813">
        <v>92</v>
      </c>
      <c r="AM41813">
        <v>93</v>
      </c>
      <c r="AN41813">
        <v>93</v>
      </c>
      <c r="AO41813">
        <v>94</v>
      </c>
      <c r="AP41813">
        <v>95</v>
      </c>
      <c r="AQ41813">
        <v>96</v>
      </c>
    </row>
    <row r="41814" spans="1:43">
      <c r="A41814" t="s">
        <v>25715</v>
      </c>
      <c r="B41814" t="s">
        <v>25716</v>
      </c>
      <c r="C41814" t="s">
        <v>25717</v>
      </c>
      <c r="D41814" t="s">
        <v>25718</v>
      </c>
      <c r="E41814" t="s">
        <v>3352</v>
      </c>
      <c r="F41814" t="s">
        <v>3353</v>
      </c>
      <c r="G41814" t="s">
        <v>80</v>
      </c>
      <c r="H41814" t="s">
        <v>81</v>
      </c>
      <c r="I41814" s="2">
        <v>0</v>
      </c>
      <c r="J41814" s="2">
        <v>1</v>
      </c>
      <c r="K41814" s="2">
        <v>0</v>
      </c>
      <c r="L41814" t="s">
        <v>82</v>
      </c>
      <c r="M41814" t="s">
        <v>83</v>
      </c>
      <c r="N41814" t="s">
        <v>84</v>
      </c>
      <c r="O41814" t="s">
        <v>85</v>
      </c>
      <c r="P41814" t="s">
        <v>86</v>
      </c>
      <c r="Q41814">
        <v>34</v>
      </c>
      <c r="R41814">
        <v>34</v>
      </c>
      <c r="S41814">
        <v>35</v>
      </c>
      <c r="T41814">
        <v>36</v>
      </c>
      <c r="U41814">
        <v>37</v>
      </c>
      <c r="V41814">
        <v>38</v>
      </c>
      <c r="W41814">
        <v>38</v>
      </c>
      <c r="X41814">
        <v>39</v>
      </c>
      <c r="Y41814">
        <v>40</v>
      </c>
      <c r="Z41814">
        <v>41</v>
      </c>
      <c r="AA41814">
        <v>42</v>
      </c>
      <c r="AB41814">
        <v>43</v>
      </c>
      <c r="AC41814">
        <v>44</v>
      </c>
      <c r="AD41814">
        <v>44</v>
      </c>
      <c r="AE41814">
        <v>45</v>
      </c>
      <c r="AF41814">
        <v>46</v>
      </c>
      <c r="AG41814">
        <v>47</v>
      </c>
      <c r="AH41814">
        <v>48</v>
      </c>
      <c r="AI41814">
        <v>49</v>
      </c>
      <c r="AJ41814">
        <v>50</v>
      </c>
      <c r="AK41814">
        <v>51</v>
      </c>
      <c r="AL41814">
        <v>52</v>
      </c>
      <c r="AM41814">
        <v>52</v>
      </c>
      <c r="AN41814">
        <v>53</v>
      </c>
      <c r="AO41814">
        <v>53</v>
      </c>
      <c r="AP41814">
        <v>53</v>
      </c>
      <c r="AQ41814">
        <v>54</v>
      </c>
    </row>
    <row r="41815" spans="1:43">
      <c r="A41815" t="s">
        <v>25715</v>
      </c>
      <c r="B41815" t="s">
        <v>25716</v>
      </c>
      <c r="C41815" t="s">
        <v>25717</v>
      </c>
      <c r="D41815" t="s">
        <v>25718</v>
      </c>
      <c r="E41815" t="s">
        <v>3352</v>
      </c>
      <c r="F41815" t="s">
        <v>3353</v>
      </c>
      <c r="G41815" t="s">
        <v>80</v>
      </c>
      <c r="H41815" t="s">
        <v>81</v>
      </c>
      <c r="I41815" s="2">
        <v>0</v>
      </c>
      <c r="J41815" s="2">
        <v>1</v>
      </c>
      <c r="K41815" s="2">
        <v>0</v>
      </c>
      <c r="L41815" t="s">
        <v>82</v>
      </c>
      <c r="M41815" t="s">
        <v>87</v>
      </c>
      <c r="N41815" t="s">
        <v>88</v>
      </c>
      <c r="O41815" t="s">
        <v>85</v>
      </c>
      <c r="P41815" t="s">
        <v>86</v>
      </c>
      <c r="Q41815">
        <v>34</v>
      </c>
      <c r="R41815">
        <v>35</v>
      </c>
      <c r="S41815">
        <v>35</v>
      </c>
      <c r="T41815">
        <v>36</v>
      </c>
      <c r="U41815">
        <v>36</v>
      </c>
      <c r="V41815">
        <v>37</v>
      </c>
      <c r="W41815">
        <v>37</v>
      </c>
      <c r="X41815">
        <v>38</v>
      </c>
      <c r="Y41815">
        <v>38</v>
      </c>
      <c r="Z41815">
        <v>39</v>
      </c>
      <c r="AA41815">
        <v>39</v>
      </c>
      <c r="AB41815">
        <v>40</v>
      </c>
      <c r="AC41815">
        <v>40</v>
      </c>
      <c r="AD41815">
        <v>41</v>
      </c>
      <c r="AE41815">
        <v>41</v>
      </c>
      <c r="AF41815">
        <v>42</v>
      </c>
      <c r="AG41815">
        <v>42</v>
      </c>
      <c r="AH41815">
        <v>43</v>
      </c>
      <c r="AI41815">
        <v>43</v>
      </c>
      <c r="AJ41815">
        <v>44</v>
      </c>
      <c r="AK41815">
        <v>44</v>
      </c>
      <c r="AL41815">
        <v>45</v>
      </c>
      <c r="AM41815">
        <v>45</v>
      </c>
      <c r="AN41815">
        <v>46</v>
      </c>
      <c r="AO41815">
        <v>47</v>
      </c>
      <c r="AP41815">
        <v>47</v>
      </c>
      <c r="AQ41815">
        <v>48</v>
      </c>
    </row>
    <row r="41816" spans="1:43">
      <c r="A41816" t="s">
        <v>25715</v>
      </c>
      <c r="B41816" t="s">
        <v>25716</v>
      </c>
      <c r="C41816" t="s">
        <v>25717</v>
      </c>
      <c r="D41816" t="s">
        <v>25718</v>
      </c>
      <c r="E41816" t="s">
        <v>3352</v>
      </c>
      <c r="F41816" t="s">
        <v>3353</v>
      </c>
      <c r="G41816" t="s">
        <v>80</v>
      </c>
      <c r="H41816" t="s">
        <v>81</v>
      </c>
      <c r="I41816" s="2">
        <v>0</v>
      </c>
      <c r="J41816" s="2">
        <v>1</v>
      </c>
      <c r="K41816" s="2">
        <v>0</v>
      </c>
      <c r="L41816" t="s">
        <v>82</v>
      </c>
      <c r="M41816" t="s">
        <v>89</v>
      </c>
      <c r="N41816" t="s">
        <v>90</v>
      </c>
      <c r="O41816" t="s">
        <v>85</v>
      </c>
      <c r="P41816" t="s">
        <v>86</v>
      </c>
      <c r="Q41816">
        <v>34</v>
      </c>
      <c r="R41816">
        <v>35</v>
      </c>
      <c r="S41816">
        <v>36</v>
      </c>
      <c r="T41816">
        <v>37</v>
      </c>
      <c r="U41816">
        <v>38</v>
      </c>
      <c r="V41816">
        <v>39</v>
      </c>
      <c r="W41816">
        <v>40</v>
      </c>
      <c r="X41816">
        <v>41</v>
      </c>
      <c r="Y41816">
        <v>43</v>
      </c>
      <c r="Z41816">
        <v>44</v>
      </c>
      <c r="AA41816">
        <v>45</v>
      </c>
      <c r="AB41816">
        <v>46</v>
      </c>
      <c r="AC41816">
        <v>47</v>
      </c>
      <c r="AD41816">
        <v>48</v>
      </c>
      <c r="AE41816">
        <v>49</v>
      </c>
      <c r="AF41816">
        <v>49</v>
      </c>
      <c r="AG41816">
        <v>50</v>
      </c>
      <c r="AH41816">
        <v>50</v>
      </c>
      <c r="AI41816">
        <v>51</v>
      </c>
      <c r="AJ41816">
        <v>51</v>
      </c>
      <c r="AK41816">
        <v>51</v>
      </c>
      <c r="AL41816">
        <v>52</v>
      </c>
      <c r="AM41816">
        <v>52</v>
      </c>
      <c r="AN41816">
        <v>53</v>
      </c>
      <c r="AO41816">
        <v>53</v>
      </c>
      <c r="AP41816">
        <v>54</v>
      </c>
      <c r="AQ41816">
        <v>54</v>
      </c>
    </row>
    <row r="41817" spans="1:43">
      <c r="A41817" t="s">
        <v>25715</v>
      </c>
      <c r="B41817" t="s">
        <v>25716</v>
      </c>
      <c r="C41817" t="s">
        <v>25717</v>
      </c>
      <c r="D41817" t="s">
        <v>25718</v>
      </c>
      <c r="E41817" t="s">
        <v>3352</v>
      </c>
      <c r="F41817" t="s">
        <v>3353</v>
      </c>
      <c r="G41817" t="s">
        <v>80</v>
      </c>
      <c r="H41817" t="s">
        <v>81</v>
      </c>
      <c r="I41817" s="2">
        <v>0</v>
      </c>
      <c r="J41817" s="2">
        <v>1</v>
      </c>
      <c r="K41817" s="2">
        <v>0</v>
      </c>
      <c r="L41817" t="s">
        <v>82</v>
      </c>
      <c r="M41817" t="s">
        <v>83</v>
      </c>
      <c r="N41817" t="s">
        <v>91</v>
      </c>
      <c r="O41817" t="s">
        <v>85</v>
      </c>
      <c r="P41817" t="s">
        <v>86</v>
      </c>
      <c r="Q41817">
        <v>34</v>
      </c>
      <c r="R41817">
        <v>34</v>
      </c>
      <c r="S41817">
        <v>35</v>
      </c>
      <c r="T41817">
        <v>36</v>
      </c>
      <c r="U41817">
        <v>37</v>
      </c>
      <c r="V41817">
        <v>38</v>
      </c>
      <c r="W41817">
        <v>38</v>
      </c>
      <c r="X41817">
        <v>39</v>
      </c>
      <c r="Y41817">
        <v>40</v>
      </c>
      <c r="Z41817">
        <v>41</v>
      </c>
      <c r="AA41817">
        <v>42</v>
      </c>
      <c r="AB41817">
        <v>43</v>
      </c>
      <c r="AC41817">
        <v>44</v>
      </c>
      <c r="AD41817">
        <v>44</v>
      </c>
      <c r="AE41817">
        <v>45</v>
      </c>
      <c r="AF41817">
        <v>46</v>
      </c>
      <c r="AG41817">
        <v>47</v>
      </c>
      <c r="AH41817">
        <v>48</v>
      </c>
      <c r="AI41817">
        <v>49</v>
      </c>
      <c r="AJ41817">
        <v>50</v>
      </c>
      <c r="AK41817">
        <v>51</v>
      </c>
      <c r="AL41817">
        <v>52</v>
      </c>
      <c r="AM41817">
        <v>52</v>
      </c>
      <c r="AN41817">
        <v>53</v>
      </c>
      <c r="AO41817">
        <v>53</v>
      </c>
      <c r="AP41817">
        <v>53</v>
      </c>
      <c r="AQ41817">
        <v>54</v>
      </c>
    </row>
    <row r="41818" spans="1:43">
      <c r="A41818" t="s">
        <v>25719</v>
      </c>
      <c r="B41818" t="s">
        <v>25720</v>
      </c>
      <c r="C41818" t="s">
        <v>25717</v>
      </c>
      <c r="D41818" t="s">
        <v>25718</v>
      </c>
      <c r="E41818" t="s">
        <v>3352</v>
      </c>
      <c r="F41818" t="s">
        <v>3353</v>
      </c>
      <c r="G41818" t="s">
        <v>80</v>
      </c>
      <c r="H41818" t="s">
        <v>81</v>
      </c>
      <c r="I41818" s="2">
        <v>0</v>
      </c>
      <c r="J41818" s="2">
        <v>1</v>
      </c>
      <c r="K41818" s="2">
        <v>0</v>
      </c>
      <c r="L41818" t="s">
        <v>82</v>
      </c>
      <c r="M41818" t="s">
        <v>83</v>
      </c>
      <c r="N41818" t="s">
        <v>84</v>
      </c>
      <c r="O41818" t="s">
        <v>85</v>
      </c>
      <c r="P41818" t="s">
        <v>86</v>
      </c>
      <c r="Q41818">
        <v>5</v>
      </c>
      <c r="R41818">
        <v>5</v>
      </c>
      <c r="S41818">
        <v>6</v>
      </c>
      <c r="T41818">
        <v>6</v>
      </c>
      <c r="U41818">
        <v>6</v>
      </c>
      <c r="V41818">
        <v>6</v>
      </c>
      <c r="W41818">
        <v>6</v>
      </c>
      <c r="X41818">
        <v>6</v>
      </c>
      <c r="Y41818">
        <v>6</v>
      </c>
      <c r="Z41818">
        <v>6</v>
      </c>
      <c r="AA41818">
        <v>7</v>
      </c>
      <c r="AB41818">
        <v>7</v>
      </c>
      <c r="AC41818">
        <v>7</v>
      </c>
      <c r="AD41818">
        <v>7</v>
      </c>
      <c r="AE41818">
        <v>7</v>
      </c>
      <c r="AF41818">
        <v>7</v>
      </c>
      <c r="AG41818">
        <v>7</v>
      </c>
      <c r="AH41818">
        <v>8</v>
      </c>
      <c r="AI41818">
        <v>8</v>
      </c>
      <c r="AJ41818">
        <v>8</v>
      </c>
      <c r="AK41818">
        <v>8</v>
      </c>
      <c r="AL41818">
        <v>8</v>
      </c>
      <c r="AM41818">
        <v>8</v>
      </c>
      <c r="AN41818">
        <v>8</v>
      </c>
      <c r="AO41818">
        <v>8</v>
      </c>
      <c r="AP41818">
        <v>8</v>
      </c>
      <c r="AQ41818">
        <v>9</v>
      </c>
    </row>
    <row r="41819" spans="1:43">
      <c r="A41819" t="s">
        <v>25719</v>
      </c>
      <c r="B41819" t="s">
        <v>25720</v>
      </c>
      <c r="C41819" t="s">
        <v>25717</v>
      </c>
      <c r="D41819" t="s">
        <v>25718</v>
      </c>
      <c r="E41819" t="s">
        <v>3352</v>
      </c>
      <c r="F41819" t="s">
        <v>3353</v>
      </c>
      <c r="G41819" t="s">
        <v>80</v>
      </c>
      <c r="H41819" t="s">
        <v>81</v>
      </c>
      <c r="I41819" s="2">
        <v>0</v>
      </c>
      <c r="J41819" s="2">
        <v>1</v>
      </c>
      <c r="K41819" s="2">
        <v>0</v>
      </c>
      <c r="L41819" t="s">
        <v>82</v>
      </c>
      <c r="M41819" t="s">
        <v>87</v>
      </c>
      <c r="N41819" t="s">
        <v>88</v>
      </c>
      <c r="O41819" t="s">
        <v>85</v>
      </c>
      <c r="P41819" t="s">
        <v>86</v>
      </c>
      <c r="Q41819">
        <v>5</v>
      </c>
      <c r="R41819">
        <v>5</v>
      </c>
      <c r="S41819">
        <v>5</v>
      </c>
      <c r="T41819">
        <v>5</v>
      </c>
      <c r="U41819">
        <v>6</v>
      </c>
      <c r="V41819">
        <v>6</v>
      </c>
      <c r="W41819">
        <v>6</v>
      </c>
      <c r="X41819">
        <v>6</v>
      </c>
      <c r="Y41819">
        <v>6</v>
      </c>
      <c r="Z41819">
        <v>6</v>
      </c>
      <c r="AA41819">
        <v>6</v>
      </c>
      <c r="AB41819">
        <v>6</v>
      </c>
      <c r="AC41819">
        <v>6</v>
      </c>
      <c r="AD41819">
        <v>6</v>
      </c>
      <c r="AE41819">
        <v>6</v>
      </c>
      <c r="AF41819">
        <v>6</v>
      </c>
      <c r="AG41819">
        <v>7</v>
      </c>
      <c r="AH41819">
        <v>7</v>
      </c>
      <c r="AI41819">
        <v>7</v>
      </c>
      <c r="AJ41819">
        <v>7</v>
      </c>
      <c r="AK41819">
        <v>7</v>
      </c>
      <c r="AL41819">
        <v>7</v>
      </c>
      <c r="AM41819">
        <v>7</v>
      </c>
      <c r="AN41819">
        <v>7</v>
      </c>
      <c r="AO41819">
        <v>7</v>
      </c>
      <c r="AP41819">
        <v>7</v>
      </c>
      <c r="AQ41819">
        <v>7</v>
      </c>
    </row>
    <row r="41820" spans="1:43">
      <c r="A41820" t="s">
        <v>25719</v>
      </c>
      <c r="B41820" t="s">
        <v>25720</v>
      </c>
      <c r="C41820" t="s">
        <v>25717</v>
      </c>
      <c r="D41820" t="s">
        <v>25718</v>
      </c>
      <c r="E41820" t="s">
        <v>3352</v>
      </c>
      <c r="F41820" t="s">
        <v>3353</v>
      </c>
      <c r="G41820" t="s">
        <v>80</v>
      </c>
      <c r="H41820" t="s">
        <v>81</v>
      </c>
      <c r="I41820" s="2">
        <v>0</v>
      </c>
      <c r="J41820" s="2">
        <v>1</v>
      </c>
      <c r="K41820" s="2">
        <v>0</v>
      </c>
      <c r="L41820" t="s">
        <v>82</v>
      </c>
      <c r="M41820" t="s">
        <v>89</v>
      </c>
      <c r="N41820" t="s">
        <v>90</v>
      </c>
      <c r="O41820" t="s">
        <v>85</v>
      </c>
      <c r="P41820" t="s">
        <v>86</v>
      </c>
      <c r="Q41820">
        <v>5</v>
      </c>
      <c r="R41820">
        <v>6</v>
      </c>
      <c r="S41820">
        <v>6</v>
      </c>
      <c r="T41820">
        <v>6</v>
      </c>
      <c r="U41820">
        <v>6</v>
      </c>
      <c r="V41820">
        <v>6</v>
      </c>
      <c r="W41820">
        <v>6</v>
      </c>
      <c r="X41820">
        <v>7</v>
      </c>
      <c r="Y41820">
        <v>7</v>
      </c>
      <c r="Z41820">
        <v>7</v>
      </c>
      <c r="AA41820">
        <v>7</v>
      </c>
      <c r="AB41820">
        <v>7</v>
      </c>
      <c r="AC41820">
        <v>7</v>
      </c>
      <c r="AD41820">
        <v>8</v>
      </c>
      <c r="AE41820">
        <v>8</v>
      </c>
      <c r="AF41820">
        <v>8</v>
      </c>
      <c r="AG41820">
        <v>8</v>
      </c>
      <c r="AH41820">
        <v>8</v>
      </c>
      <c r="AI41820">
        <v>8</v>
      </c>
      <c r="AJ41820">
        <v>8</v>
      </c>
      <c r="AK41820">
        <v>8</v>
      </c>
      <c r="AL41820">
        <v>8</v>
      </c>
      <c r="AM41820">
        <v>8</v>
      </c>
      <c r="AN41820">
        <v>8</v>
      </c>
      <c r="AO41820">
        <v>8</v>
      </c>
      <c r="AP41820">
        <v>9</v>
      </c>
      <c r="AQ41820">
        <v>9</v>
      </c>
    </row>
    <row r="41821" spans="1:43">
      <c r="A41821" t="s">
        <v>25719</v>
      </c>
      <c r="B41821" t="s">
        <v>25720</v>
      </c>
      <c r="C41821" t="s">
        <v>25717</v>
      </c>
      <c r="D41821" t="s">
        <v>25718</v>
      </c>
      <c r="E41821" t="s">
        <v>3352</v>
      </c>
      <c r="F41821" t="s">
        <v>3353</v>
      </c>
      <c r="G41821" t="s">
        <v>80</v>
      </c>
      <c r="H41821" t="s">
        <v>81</v>
      </c>
      <c r="I41821" s="2">
        <v>0</v>
      </c>
      <c r="J41821" s="2">
        <v>1</v>
      </c>
      <c r="K41821" s="2">
        <v>0</v>
      </c>
      <c r="L41821" t="s">
        <v>82</v>
      </c>
      <c r="M41821" t="s">
        <v>83</v>
      </c>
      <c r="N41821" t="s">
        <v>91</v>
      </c>
      <c r="O41821" t="s">
        <v>85</v>
      </c>
      <c r="P41821" t="s">
        <v>86</v>
      </c>
      <c r="Q41821">
        <v>5</v>
      </c>
      <c r="R41821">
        <v>5</v>
      </c>
      <c r="S41821">
        <v>6</v>
      </c>
      <c r="T41821">
        <v>6</v>
      </c>
      <c r="U41821">
        <v>6</v>
      </c>
      <c r="V41821">
        <v>6</v>
      </c>
      <c r="W41821">
        <v>6</v>
      </c>
      <c r="X41821">
        <v>6</v>
      </c>
      <c r="Y41821">
        <v>6</v>
      </c>
      <c r="Z41821">
        <v>6</v>
      </c>
      <c r="AA41821">
        <v>7</v>
      </c>
      <c r="AB41821">
        <v>7</v>
      </c>
      <c r="AC41821">
        <v>7</v>
      </c>
      <c r="AD41821">
        <v>7</v>
      </c>
      <c r="AE41821">
        <v>7</v>
      </c>
      <c r="AF41821">
        <v>7</v>
      </c>
      <c r="AG41821">
        <v>7</v>
      </c>
      <c r="AH41821">
        <v>8</v>
      </c>
      <c r="AI41821">
        <v>8</v>
      </c>
      <c r="AJ41821">
        <v>8</v>
      </c>
      <c r="AK41821">
        <v>8</v>
      </c>
      <c r="AL41821">
        <v>8</v>
      </c>
      <c r="AM41821">
        <v>8</v>
      </c>
      <c r="AN41821">
        <v>8</v>
      </c>
      <c r="AO41821">
        <v>8</v>
      </c>
      <c r="AP41821">
        <v>8</v>
      </c>
      <c r="AQ41821">
        <v>9</v>
      </c>
    </row>
    <row r="41822" spans="1:43">
      <c r="A41822" t="s">
        <v>25721</v>
      </c>
      <c r="B41822" t="s">
        <v>25722</v>
      </c>
      <c r="C41822" t="s">
        <v>25717</v>
      </c>
      <c r="D41822" t="s">
        <v>25718</v>
      </c>
      <c r="E41822" t="s">
        <v>3352</v>
      </c>
      <c r="F41822" t="s">
        <v>3353</v>
      </c>
      <c r="G41822" t="s">
        <v>80</v>
      </c>
      <c r="H41822" t="s">
        <v>81</v>
      </c>
      <c r="I41822" s="2">
        <v>0</v>
      </c>
      <c r="J41822" s="2">
        <v>1</v>
      </c>
      <c r="K41822" s="2">
        <v>0</v>
      </c>
      <c r="L41822" t="s">
        <v>82</v>
      </c>
      <c r="M41822" t="s">
        <v>83</v>
      </c>
      <c r="N41822" t="s">
        <v>84</v>
      </c>
      <c r="O41822" t="s">
        <v>85</v>
      </c>
      <c r="P41822" t="s">
        <v>86</v>
      </c>
      <c r="Q41822">
        <v>34</v>
      </c>
      <c r="R41822">
        <v>35</v>
      </c>
      <c r="S41822">
        <v>36</v>
      </c>
      <c r="T41822">
        <v>37</v>
      </c>
      <c r="U41822">
        <v>38</v>
      </c>
      <c r="V41822">
        <v>39</v>
      </c>
      <c r="W41822">
        <v>39</v>
      </c>
      <c r="X41822">
        <v>40</v>
      </c>
      <c r="Y41822">
        <v>41</v>
      </c>
      <c r="Z41822">
        <v>42</v>
      </c>
      <c r="AA41822">
        <v>43</v>
      </c>
      <c r="AB41822">
        <v>44</v>
      </c>
      <c r="AC41822">
        <v>45</v>
      </c>
      <c r="AD41822">
        <v>46</v>
      </c>
      <c r="AE41822">
        <v>47</v>
      </c>
      <c r="AF41822">
        <v>48</v>
      </c>
      <c r="AG41822">
        <v>49</v>
      </c>
      <c r="AH41822">
        <v>49</v>
      </c>
      <c r="AI41822">
        <v>50</v>
      </c>
      <c r="AJ41822">
        <v>51</v>
      </c>
      <c r="AK41822">
        <v>52</v>
      </c>
      <c r="AL41822">
        <v>53</v>
      </c>
      <c r="AM41822">
        <v>54</v>
      </c>
      <c r="AN41822">
        <v>54</v>
      </c>
      <c r="AO41822">
        <v>54</v>
      </c>
      <c r="AP41822">
        <v>55</v>
      </c>
      <c r="AQ41822">
        <v>55</v>
      </c>
    </row>
    <row r="41823" spans="1:43">
      <c r="A41823" t="s">
        <v>25721</v>
      </c>
      <c r="B41823" t="s">
        <v>25722</v>
      </c>
      <c r="C41823" t="s">
        <v>25717</v>
      </c>
      <c r="D41823" t="s">
        <v>25718</v>
      </c>
      <c r="E41823" t="s">
        <v>3352</v>
      </c>
      <c r="F41823" t="s">
        <v>3353</v>
      </c>
      <c r="G41823" t="s">
        <v>80</v>
      </c>
      <c r="H41823" t="s">
        <v>81</v>
      </c>
      <c r="I41823" s="2">
        <v>0</v>
      </c>
      <c r="J41823" s="2">
        <v>1</v>
      </c>
      <c r="K41823" s="2">
        <v>0</v>
      </c>
      <c r="L41823" t="s">
        <v>82</v>
      </c>
      <c r="M41823" t="s">
        <v>87</v>
      </c>
      <c r="N41823" t="s">
        <v>88</v>
      </c>
      <c r="O41823" t="s">
        <v>85</v>
      </c>
      <c r="P41823" t="s">
        <v>86</v>
      </c>
      <c r="Q41823">
        <v>34</v>
      </c>
      <c r="R41823">
        <v>35</v>
      </c>
      <c r="S41823">
        <v>35</v>
      </c>
      <c r="T41823">
        <v>36</v>
      </c>
      <c r="U41823">
        <v>36</v>
      </c>
      <c r="V41823">
        <v>37</v>
      </c>
      <c r="W41823">
        <v>37</v>
      </c>
      <c r="X41823">
        <v>38</v>
      </c>
      <c r="Y41823">
        <v>38</v>
      </c>
      <c r="Z41823">
        <v>39</v>
      </c>
      <c r="AA41823">
        <v>39</v>
      </c>
      <c r="AB41823">
        <v>40</v>
      </c>
      <c r="AC41823">
        <v>40</v>
      </c>
      <c r="AD41823">
        <v>41</v>
      </c>
      <c r="AE41823">
        <v>41</v>
      </c>
      <c r="AF41823">
        <v>42</v>
      </c>
      <c r="AG41823">
        <v>42</v>
      </c>
      <c r="AH41823">
        <v>43</v>
      </c>
      <c r="AI41823">
        <v>43</v>
      </c>
      <c r="AJ41823">
        <v>44</v>
      </c>
      <c r="AK41823">
        <v>45</v>
      </c>
      <c r="AL41823">
        <v>45</v>
      </c>
      <c r="AM41823">
        <v>46</v>
      </c>
      <c r="AN41823">
        <v>46</v>
      </c>
      <c r="AO41823">
        <v>47</v>
      </c>
      <c r="AP41823">
        <v>47</v>
      </c>
      <c r="AQ41823">
        <v>48</v>
      </c>
    </row>
    <row r="41824" spans="1:43">
      <c r="A41824" t="s">
        <v>25721</v>
      </c>
      <c r="B41824" t="s">
        <v>25722</v>
      </c>
      <c r="C41824" t="s">
        <v>25717</v>
      </c>
      <c r="D41824" t="s">
        <v>25718</v>
      </c>
      <c r="E41824" t="s">
        <v>3352</v>
      </c>
      <c r="F41824" t="s">
        <v>3353</v>
      </c>
      <c r="G41824" t="s">
        <v>80</v>
      </c>
      <c r="H41824" t="s">
        <v>81</v>
      </c>
      <c r="I41824" s="2">
        <v>0</v>
      </c>
      <c r="J41824" s="2">
        <v>1</v>
      </c>
      <c r="K41824" s="2">
        <v>0</v>
      </c>
      <c r="L41824" t="s">
        <v>82</v>
      </c>
      <c r="M41824" t="s">
        <v>89</v>
      </c>
      <c r="N41824" t="s">
        <v>90</v>
      </c>
      <c r="O41824" t="s">
        <v>85</v>
      </c>
      <c r="P41824" t="s">
        <v>86</v>
      </c>
      <c r="Q41824">
        <v>34</v>
      </c>
      <c r="R41824">
        <v>35</v>
      </c>
      <c r="S41824">
        <v>36</v>
      </c>
      <c r="T41824">
        <v>37</v>
      </c>
      <c r="U41824">
        <v>38</v>
      </c>
      <c r="V41824">
        <v>39</v>
      </c>
      <c r="W41824">
        <v>41</v>
      </c>
      <c r="X41824">
        <v>42</v>
      </c>
      <c r="Y41824">
        <v>43</v>
      </c>
      <c r="Z41824">
        <v>44</v>
      </c>
      <c r="AA41824">
        <v>45</v>
      </c>
      <c r="AB41824">
        <v>46</v>
      </c>
      <c r="AC41824">
        <v>47</v>
      </c>
      <c r="AD41824">
        <v>48</v>
      </c>
      <c r="AE41824">
        <v>49</v>
      </c>
      <c r="AF41824">
        <v>50</v>
      </c>
      <c r="AG41824">
        <v>50</v>
      </c>
      <c r="AH41824">
        <v>50</v>
      </c>
      <c r="AI41824">
        <v>51</v>
      </c>
      <c r="AJ41824">
        <v>51</v>
      </c>
      <c r="AK41824">
        <v>52</v>
      </c>
      <c r="AL41824">
        <v>52</v>
      </c>
      <c r="AM41824">
        <v>53</v>
      </c>
      <c r="AN41824">
        <v>53</v>
      </c>
      <c r="AO41824">
        <v>54</v>
      </c>
      <c r="AP41824">
        <v>54</v>
      </c>
      <c r="AQ41824">
        <v>55</v>
      </c>
    </row>
    <row r="41825" spans="1:43">
      <c r="A41825" t="s">
        <v>25721</v>
      </c>
      <c r="B41825" t="s">
        <v>25722</v>
      </c>
      <c r="C41825" t="s">
        <v>25717</v>
      </c>
      <c r="D41825" t="s">
        <v>25718</v>
      </c>
      <c r="E41825" t="s">
        <v>3352</v>
      </c>
      <c r="F41825" t="s">
        <v>3353</v>
      </c>
      <c r="G41825" t="s">
        <v>80</v>
      </c>
      <c r="H41825" t="s">
        <v>81</v>
      </c>
      <c r="I41825" s="2">
        <v>0</v>
      </c>
      <c r="J41825" s="2">
        <v>1</v>
      </c>
      <c r="K41825" s="2">
        <v>0</v>
      </c>
      <c r="L41825" t="s">
        <v>82</v>
      </c>
      <c r="M41825" t="s">
        <v>83</v>
      </c>
      <c r="N41825" t="s">
        <v>91</v>
      </c>
      <c r="O41825" t="s">
        <v>85</v>
      </c>
      <c r="P41825" t="s">
        <v>86</v>
      </c>
      <c r="Q41825">
        <v>34</v>
      </c>
      <c r="R41825">
        <v>35</v>
      </c>
      <c r="S41825">
        <v>36</v>
      </c>
      <c r="T41825">
        <v>37</v>
      </c>
      <c r="U41825">
        <v>38</v>
      </c>
      <c r="V41825">
        <v>39</v>
      </c>
      <c r="W41825">
        <v>39</v>
      </c>
      <c r="X41825">
        <v>40</v>
      </c>
      <c r="Y41825">
        <v>41</v>
      </c>
      <c r="Z41825">
        <v>42</v>
      </c>
      <c r="AA41825">
        <v>43</v>
      </c>
      <c r="AB41825">
        <v>44</v>
      </c>
      <c r="AC41825">
        <v>45</v>
      </c>
      <c r="AD41825">
        <v>46</v>
      </c>
      <c r="AE41825">
        <v>47</v>
      </c>
      <c r="AF41825">
        <v>48</v>
      </c>
      <c r="AG41825">
        <v>49</v>
      </c>
      <c r="AH41825">
        <v>49</v>
      </c>
      <c r="AI41825">
        <v>50</v>
      </c>
      <c r="AJ41825">
        <v>51</v>
      </c>
      <c r="AK41825">
        <v>52</v>
      </c>
      <c r="AL41825">
        <v>53</v>
      </c>
      <c r="AM41825">
        <v>54</v>
      </c>
      <c r="AN41825">
        <v>54</v>
      </c>
      <c r="AO41825">
        <v>54</v>
      </c>
      <c r="AP41825">
        <v>55</v>
      </c>
      <c r="AQ41825">
        <v>55</v>
      </c>
    </row>
    <row r="41826" spans="1:43">
      <c r="A41826" t="s">
        <v>25723</v>
      </c>
      <c r="B41826" t="s">
        <v>25724</v>
      </c>
      <c r="C41826" t="s">
        <v>25717</v>
      </c>
      <c r="D41826" t="s">
        <v>25718</v>
      </c>
      <c r="E41826" t="s">
        <v>3352</v>
      </c>
      <c r="F41826" t="s">
        <v>3353</v>
      </c>
      <c r="G41826" t="s">
        <v>80</v>
      </c>
      <c r="H41826" t="s">
        <v>81</v>
      </c>
      <c r="I41826" s="2">
        <v>0</v>
      </c>
      <c r="J41826" s="2">
        <v>1</v>
      </c>
      <c r="K41826" s="2">
        <v>0</v>
      </c>
      <c r="L41826" t="s">
        <v>82</v>
      </c>
      <c r="M41826" t="s">
        <v>83</v>
      </c>
      <c r="N41826" t="s">
        <v>84</v>
      </c>
      <c r="O41826" t="s">
        <v>85</v>
      </c>
      <c r="P41826" t="s">
        <v>86</v>
      </c>
      <c r="Q41826">
        <v>18</v>
      </c>
      <c r="R41826">
        <v>19</v>
      </c>
      <c r="S41826">
        <v>19</v>
      </c>
      <c r="T41826">
        <v>19</v>
      </c>
      <c r="U41826">
        <v>20</v>
      </c>
      <c r="V41826">
        <v>20</v>
      </c>
      <c r="W41826">
        <v>21</v>
      </c>
      <c r="X41826">
        <v>21</v>
      </c>
      <c r="Y41826">
        <v>22</v>
      </c>
      <c r="Z41826">
        <v>22</v>
      </c>
      <c r="AA41826">
        <v>22</v>
      </c>
      <c r="AB41826">
        <v>23</v>
      </c>
      <c r="AC41826">
        <v>23</v>
      </c>
      <c r="AD41826">
        <v>24</v>
      </c>
      <c r="AE41826">
        <v>24</v>
      </c>
      <c r="AF41826">
        <v>25</v>
      </c>
      <c r="AG41826">
        <v>25</v>
      </c>
      <c r="AH41826">
        <v>26</v>
      </c>
      <c r="AI41826">
        <v>26</v>
      </c>
      <c r="AJ41826">
        <v>27</v>
      </c>
      <c r="AK41826">
        <v>27</v>
      </c>
      <c r="AL41826">
        <v>28</v>
      </c>
      <c r="AM41826">
        <v>28</v>
      </c>
      <c r="AN41826">
        <v>28</v>
      </c>
      <c r="AO41826">
        <v>28</v>
      </c>
      <c r="AP41826">
        <v>29</v>
      </c>
      <c r="AQ41826">
        <v>29</v>
      </c>
    </row>
    <row r="41827" spans="1:43">
      <c r="A41827" t="s">
        <v>25723</v>
      </c>
      <c r="B41827" t="s">
        <v>25724</v>
      </c>
      <c r="C41827" t="s">
        <v>25717</v>
      </c>
      <c r="D41827" t="s">
        <v>25718</v>
      </c>
      <c r="E41827" t="s">
        <v>3352</v>
      </c>
      <c r="F41827" t="s">
        <v>3353</v>
      </c>
      <c r="G41827" t="s">
        <v>80</v>
      </c>
      <c r="H41827" t="s">
        <v>81</v>
      </c>
      <c r="I41827" s="2">
        <v>0</v>
      </c>
      <c r="J41827" s="2">
        <v>1</v>
      </c>
      <c r="K41827" s="2">
        <v>0</v>
      </c>
      <c r="L41827" t="s">
        <v>82</v>
      </c>
      <c r="M41827" t="s">
        <v>87</v>
      </c>
      <c r="N41827" t="s">
        <v>88</v>
      </c>
      <c r="O41827" t="s">
        <v>85</v>
      </c>
      <c r="P41827" t="s">
        <v>86</v>
      </c>
      <c r="Q41827">
        <v>18</v>
      </c>
      <c r="R41827">
        <v>18</v>
      </c>
      <c r="S41827">
        <v>18</v>
      </c>
      <c r="T41827">
        <v>19</v>
      </c>
      <c r="U41827">
        <v>19</v>
      </c>
      <c r="V41827">
        <v>19</v>
      </c>
      <c r="W41827">
        <v>19</v>
      </c>
      <c r="X41827">
        <v>20</v>
      </c>
      <c r="Y41827">
        <v>20</v>
      </c>
      <c r="Z41827">
        <v>20</v>
      </c>
      <c r="AA41827">
        <v>20</v>
      </c>
      <c r="AB41827">
        <v>21</v>
      </c>
      <c r="AC41827">
        <v>21</v>
      </c>
      <c r="AD41827">
        <v>21</v>
      </c>
      <c r="AE41827">
        <v>22</v>
      </c>
      <c r="AF41827">
        <v>22</v>
      </c>
      <c r="AG41827">
        <v>22</v>
      </c>
      <c r="AH41827">
        <v>22</v>
      </c>
      <c r="AI41827">
        <v>23</v>
      </c>
      <c r="AJ41827">
        <v>23</v>
      </c>
      <c r="AK41827">
        <v>23</v>
      </c>
      <c r="AL41827">
        <v>24</v>
      </c>
      <c r="AM41827">
        <v>24</v>
      </c>
      <c r="AN41827">
        <v>24</v>
      </c>
      <c r="AO41827">
        <v>24</v>
      </c>
      <c r="AP41827">
        <v>25</v>
      </c>
      <c r="AQ41827">
        <v>25</v>
      </c>
    </row>
    <row r="41828" spans="1:43">
      <c r="A41828" t="s">
        <v>25723</v>
      </c>
      <c r="B41828" t="s">
        <v>25724</v>
      </c>
      <c r="C41828" t="s">
        <v>25717</v>
      </c>
      <c r="D41828" t="s">
        <v>25718</v>
      </c>
      <c r="E41828" t="s">
        <v>3352</v>
      </c>
      <c r="F41828" t="s">
        <v>3353</v>
      </c>
      <c r="G41828" t="s">
        <v>80</v>
      </c>
      <c r="H41828" t="s">
        <v>81</v>
      </c>
      <c r="I41828" s="2">
        <v>0</v>
      </c>
      <c r="J41828" s="2">
        <v>1</v>
      </c>
      <c r="K41828" s="2">
        <v>0</v>
      </c>
      <c r="L41828" t="s">
        <v>82</v>
      </c>
      <c r="M41828" t="s">
        <v>89</v>
      </c>
      <c r="N41828" t="s">
        <v>90</v>
      </c>
      <c r="O41828" t="s">
        <v>85</v>
      </c>
      <c r="P41828" t="s">
        <v>86</v>
      </c>
      <c r="Q41828">
        <v>18</v>
      </c>
      <c r="R41828">
        <v>19</v>
      </c>
      <c r="S41828">
        <v>19</v>
      </c>
      <c r="T41828">
        <v>20</v>
      </c>
      <c r="U41828">
        <v>21</v>
      </c>
      <c r="V41828">
        <v>21</v>
      </c>
      <c r="W41828">
        <v>22</v>
      </c>
      <c r="X41828">
        <v>22</v>
      </c>
      <c r="Y41828">
        <v>23</v>
      </c>
      <c r="Z41828">
        <v>23</v>
      </c>
      <c r="AA41828">
        <v>24</v>
      </c>
      <c r="AB41828">
        <v>25</v>
      </c>
      <c r="AC41828">
        <v>25</v>
      </c>
      <c r="AD41828">
        <v>26</v>
      </c>
      <c r="AE41828">
        <v>26</v>
      </c>
      <c r="AF41828">
        <v>26</v>
      </c>
      <c r="AG41828">
        <v>27</v>
      </c>
      <c r="AH41828">
        <v>27</v>
      </c>
      <c r="AI41828">
        <v>27</v>
      </c>
      <c r="AJ41828">
        <v>27</v>
      </c>
      <c r="AK41828">
        <v>28</v>
      </c>
      <c r="AL41828">
        <v>28</v>
      </c>
      <c r="AM41828">
        <v>28</v>
      </c>
      <c r="AN41828">
        <v>28</v>
      </c>
      <c r="AO41828">
        <v>29</v>
      </c>
      <c r="AP41828">
        <v>29</v>
      </c>
      <c r="AQ41828">
        <v>29</v>
      </c>
    </row>
    <row r="41829" spans="1:43">
      <c r="A41829" t="s">
        <v>25723</v>
      </c>
      <c r="B41829" t="s">
        <v>25724</v>
      </c>
      <c r="C41829" t="s">
        <v>25717</v>
      </c>
      <c r="D41829" t="s">
        <v>25718</v>
      </c>
      <c r="E41829" t="s">
        <v>3352</v>
      </c>
      <c r="F41829" t="s">
        <v>3353</v>
      </c>
      <c r="G41829" t="s">
        <v>80</v>
      </c>
      <c r="H41829" t="s">
        <v>81</v>
      </c>
      <c r="I41829" s="2">
        <v>0</v>
      </c>
      <c r="J41829" s="2">
        <v>1</v>
      </c>
      <c r="K41829" s="2">
        <v>0</v>
      </c>
      <c r="L41829" t="s">
        <v>82</v>
      </c>
      <c r="M41829" t="s">
        <v>83</v>
      </c>
      <c r="N41829" t="s">
        <v>91</v>
      </c>
      <c r="O41829" t="s">
        <v>85</v>
      </c>
      <c r="P41829" t="s">
        <v>86</v>
      </c>
      <c r="Q41829">
        <v>18</v>
      </c>
      <c r="R41829">
        <v>19</v>
      </c>
      <c r="S41829">
        <v>19</v>
      </c>
      <c r="T41829">
        <v>19</v>
      </c>
      <c r="U41829">
        <v>20</v>
      </c>
      <c r="V41829">
        <v>20</v>
      </c>
      <c r="W41829">
        <v>21</v>
      </c>
      <c r="X41829">
        <v>21</v>
      </c>
      <c r="Y41829">
        <v>22</v>
      </c>
      <c r="Z41829">
        <v>22</v>
      </c>
      <c r="AA41829">
        <v>22</v>
      </c>
      <c r="AB41829">
        <v>23</v>
      </c>
      <c r="AC41829">
        <v>23</v>
      </c>
      <c r="AD41829">
        <v>24</v>
      </c>
      <c r="AE41829">
        <v>24</v>
      </c>
      <c r="AF41829">
        <v>25</v>
      </c>
      <c r="AG41829">
        <v>25</v>
      </c>
      <c r="AH41829">
        <v>26</v>
      </c>
      <c r="AI41829">
        <v>26</v>
      </c>
      <c r="AJ41829">
        <v>27</v>
      </c>
      <c r="AK41829">
        <v>27</v>
      </c>
      <c r="AL41829">
        <v>28</v>
      </c>
      <c r="AM41829">
        <v>28</v>
      </c>
      <c r="AN41829">
        <v>28</v>
      </c>
      <c r="AO41829">
        <v>28</v>
      </c>
      <c r="AP41829">
        <v>29</v>
      </c>
      <c r="AQ41829">
        <v>29</v>
      </c>
    </row>
    <row r="41830" spans="1:43">
      <c r="A41830" t="s">
        <v>25725</v>
      </c>
      <c r="B41830" t="s">
        <v>25726</v>
      </c>
      <c r="C41830" t="s">
        <v>25717</v>
      </c>
      <c r="D41830" t="s">
        <v>25718</v>
      </c>
      <c r="E41830" t="s">
        <v>3352</v>
      </c>
      <c r="F41830" t="s">
        <v>3353</v>
      </c>
      <c r="G41830" t="s">
        <v>80</v>
      </c>
      <c r="H41830" t="s">
        <v>81</v>
      </c>
      <c r="I41830" s="2">
        <v>0</v>
      </c>
      <c r="J41830" s="2">
        <v>1</v>
      </c>
      <c r="K41830" s="2">
        <v>0</v>
      </c>
      <c r="L41830" t="s">
        <v>82</v>
      </c>
      <c r="M41830" t="s">
        <v>83</v>
      </c>
      <c r="N41830" t="s">
        <v>84</v>
      </c>
      <c r="O41830" t="s">
        <v>85</v>
      </c>
      <c r="P41830" t="s">
        <v>86</v>
      </c>
      <c r="Q41830">
        <v>80</v>
      </c>
      <c r="R41830">
        <v>82</v>
      </c>
      <c r="S41830">
        <v>84</v>
      </c>
      <c r="T41830">
        <v>86</v>
      </c>
      <c r="U41830">
        <v>88</v>
      </c>
      <c r="V41830">
        <v>90</v>
      </c>
      <c r="W41830">
        <v>92</v>
      </c>
      <c r="X41830">
        <v>94</v>
      </c>
      <c r="Y41830">
        <v>96</v>
      </c>
      <c r="Z41830">
        <v>98</v>
      </c>
      <c r="AA41830">
        <v>100</v>
      </c>
      <c r="AB41830">
        <v>102</v>
      </c>
      <c r="AC41830">
        <v>104</v>
      </c>
      <c r="AD41830">
        <v>106</v>
      </c>
      <c r="AE41830">
        <v>108</v>
      </c>
      <c r="AF41830">
        <v>110</v>
      </c>
      <c r="AG41830">
        <v>112</v>
      </c>
      <c r="AH41830">
        <v>115</v>
      </c>
      <c r="AI41830">
        <v>117</v>
      </c>
      <c r="AJ41830">
        <v>119</v>
      </c>
      <c r="AK41830">
        <v>121</v>
      </c>
      <c r="AL41830">
        <v>123</v>
      </c>
      <c r="AM41830">
        <v>124</v>
      </c>
      <c r="AN41830">
        <v>125</v>
      </c>
      <c r="AO41830">
        <v>126</v>
      </c>
      <c r="AP41830">
        <v>127</v>
      </c>
      <c r="AQ41830">
        <v>128</v>
      </c>
    </row>
    <row r="41831" spans="1:43">
      <c r="A41831" t="s">
        <v>25725</v>
      </c>
      <c r="B41831" t="s">
        <v>25726</v>
      </c>
      <c r="C41831" t="s">
        <v>25717</v>
      </c>
      <c r="D41831" t="s">
        <v>25718</v>
      </c>
      <c r="E41831" t="s">
        <v>3352</v>
      </c>
      <c r="F41831" t="s">
        <v>3353</v>
      </c>
      <c r="G41831" t="s">
        <v>80</v>
      </c>
      <c r="H41831" t="s">
        <v>81</v>
      </c>
      <c r="I41831" s="2">
        <v>0</v>
      </c>
      <c r="J41831" s="2">
        <v>1</v>
      </c>
      <c r="K41831" s="2">
        <v>0</v>
      </c>
      <c r="L41831" t="s">
        <v>82</v>
      </c>
      <c r="M41831" t="s">
        <v>87</v>
      </c>
      <c r="N41831" t="s">
        <v>88</v>
      </c>
      <c r="O41831" t="s">
        <v>85</v>
      </c>
      <c r="P41831" t="s">
        <v>86</v>
      </c>
      <c r="Q41831">
        <v>80</v>
      </c>
      <c r="R41831">
        <v>81</v>
      </c>
      <c r="S41831">
        <v>82</v>
      </c>
      <c r="T41831">
        <v>83</v>
      </c>
      <c r="U41831">
        <v>84</v>
      </c>
      <c r="V41831">
        <v>85</v>
      </c>
      <c r="W41831">
        <v>86</v>
      </c>
      <c r="X41831">
        <v>87</v>
      </c>
      <c r="Y41831">
        <v>88</v>
      </c>
      <c r="Z41831">
        <v>90</v>
      </c>
      <c r="AA41831">
        <v>91</v>
      </c>
      <c r="AB41831">
        <v>92</v>
      </c>
      <c r="AC41831">
        <v>93</v>
      </c>
      <c r="AD41831">
        <v>94</v>
      </c>
      <c r="AE41831">
        <v>96</v>
      </c>
      <c r="AF41831">
        <v>97</v>
      </c>
      <c r="AG41831">
        <v>98</v>
      </c>
      <c r="AH41831">
        <v>99</v>
      </c>
      <c r="AI41831">
        <v>101</v>
      </c>
      <c r="AJ41831">
        <v>102</v>
      </c>
      <c r="AK41831">
        <v>103</v>
      </c>
      <c r="AL41831">
        <v>104</v>
      </c>
      <c r="AM41831">
        <v>106</v>
      </c>
      <c r="AN41831">
        <v>107</v>
      </c>
      <c r="AO41831">
        <v>108</v>
      </c>
      <c r="AP41831">
        <v>110</v>
      </c>
      <c r="AQ41831">
        <v>111</v>
      </c>
    </row>
    <row r="41832" spans="1:43">
      <c r="A41832" t="s">
        <v>25725</v>
      </c>
      <c r="B41832" t="s">
        <v>25726</v>
      </c>
      <c r="C41832" t="s">
        <v>25717</v>
      </c>
      <c r="D41832" t="s">
        <v>25718</v>
      </c>
      <c r="E41832" t="s">
        <v>3352</v>
      </c>
      <c r="F41832" t="s">
        <v>3353</v>
      </c>
      <c r="G41832" t="s">
        <v>80</v>
      </c>
      <c r="H41832" t="s">
        <v>81</v>
      </c>
      <c r="I41832" s="2">
        <v>0</v>
      </c>
      <c r="J41832" s="2">
        <v>1</v>
      </c>
      <c r="K41832" s="2">
        <v>0</v>
      </c>
      <c r="L41832" t="s">
        <v>82</v>
      </c>
      <c r="M41832" t="s">
        <v>89</v>
      </c>
      <c r="N41832" t="s">
        <v>90</v>
      </c>
      <c r="O41832" t="s">
        <v>85</v>
      </c>
      <c r="P41832" t="s">
        <v>86</v>
      </c>
      <c r="Q41832">
        <v>80</v>
      </c>
      <c r="R41832">
        <v>83</v>
      </c>
      <c r="S41832">
        <v>85</v>
      </c>
      <c r="T41832">
        <v>88</v>
      </c>
      <c r="U41832">
        <v>90</v>
      </c>
      <c r="V41832">
        <v>93</v>
      </c>
      <c r="W41832">
        <v>95</v>
      </c>
      <c r="X41832">
        <v>98</v>
      </c>
      <c r="Y41832">
        <v>100</v>
      </c>
      <c r="Z41832">
        <v>103</v>
      </c>
      <c r="AA41832">
        <v>105</v>
      </c>
      <c r="AB41832">
        <v>108</v>
      </c>
      <c r="AC41832">
        <v>111</v>
      </c>
      <c r="AD41832">
        <v>113</v>
      </c>
      <c r="AE41832">
        <v>115</v>
      </c>
      <c r="AF41832">
        <v>116</v>
      </c>
      <c r="AG41832">
        <v>117</v>
      </c>
      <c r="AH41832">
        <v>118</v>
      </c>
      <c r="AI41832">
        <v>120</v>
      </c>
      <c r="AJ41832">
        <v>121</v>
      </c>
      <c r="AK41832">
        <v>122</v>
      </c>
      <c r="AL41832">
        <v>123</v>
      </c>
      <c r="AM41832">
        <v>124</v>
      </c>
      <c r="AN41832">
        <v>125</v>
      </c>
      <c r="AO41832">
        <v>126</v>
      </c>
      <c r="AP41832">
        <v>127</v>
      </c>
      <c r="AQ41832">
        <v>128</v>
      </c>
    </row>
    <row r="41833" spans="1:43">
      <c r="A41833" t="s">
        <v>25725</v>
      </c>
      <c r="B41833" t="s">
        <v>25726</v>
      </c>
      <c r="C41833" t="s">
        <v>25717</v>
      </c>
      <c r="D41833" t="s">
        <v>25718</v>
      </c>
      <c r="E41833" t="s">
        <v>3352</v>
      </c>
      <c r="F41833" t="s">
        <v>3353</v>
      </c>
      <c r="G41833" t="s">
        <v>80</v>
      </c>
      <c r="H41833" t="s">
        <v>81</v>
      </c>
      <c r="I41833" s="2">
        <v>0</v>
      </c>
      <c r="J41833" s="2">
        <v>1</v>
      </c>
      <c r="K41833" s="2">
        <v>0</v>
      </c>
      <c r="L41833" t="s">
        <v>82</v>
      </c>
      <c r="M41833" t="s">
        <v>83</v>
      </c>
      <c r="N41833" t="s">
        <v>91</v>
      </c>
      <c r="O41833" t="s">
        <v>85</v>
      </c>
      <c r="P41833" t="s">
        <v>86</v>
      </c>
      <c r="Q41833">
        <v>80</v>
      </c>
      <c r="R41833">
        <v>82</v>
      </c>
      <c r="S41833">
        <v>84</v>
      </c>
      <c r="T41833">
        <v>86</v>
      </c>
      <c r="U41833">
        <v>88</v>
      </c>
      <c r="V41833">
        <v>90</v>
      </c>
      <c r="W41833">
        <v>92</v>
      </c>
      <c r="X41833">
        <v>94</v>
      </c>
      <c r="Y41833">
        <v>96</v>
      </c>
      <c r="Z41833">
        <v>98</v>
      </c>
      <c r="AA41833">
        <v>100</v>
      </c>
      <c r="AB41833">
        <v>102</v>
      </c>
      <c r="AC41833">
        <v>104</v>
      </c>
      <c r="AD41833">
        <v>106</v>
      </c>
      <c r="AE41833">
        <v>108</v>
      </c>
      <c r="AF41833">
        <v>110</v>
      </c>
      <c r="AG41833">
        <v>112</v>
      </c>
      <c r="AH41833">
        <v>115</v>
      </c>
      <c r="AI41833">
        <v>117</v>
      </c>
      <c r="AJ41833">
        <v>119</v>
      </c>
      <c r="AK41833">
        <v>121</v>
      </c>
      <c r="AL41833">
        <v>123</v>
      </c>
      <c r="AM41833">
        <v>124</v>
      </c>
      <c r="AN41833">
        <v>125</v>
      </c>
      <c r="AO41833">
        <v>126</v>
      </c>
      <c r="AP41833">
        <v>127</v>
      </c>
      <c r="AQ41833">
        <v>128</v>
      </c>
    </row>
    <row r="41834" spans="1:43">
      <c r="A41834" t="s">
        <v>25727</v>
      </c>
      <c r="B41834" t="s">
        <v>25728</v>
      </c>
      <c r="C41834" t="s">
        <v>3560</v>
      </c>
      <c r="D41834" t="s">
        <v>3561</v>
      </c>
      <c r="E41834" t="s">
        <v>3352</v>
      </c>
      <c r="F41834" t="s">
        <v>3353</v>
      </c>
      <c r="G41834" t="s">
        <v>80</v>
      </c>
      <c r="H41834" t="s">
        <v>81</v>
      </c>
      <c r="I41834" s="2">
        <v>0</v>
      </c>
      <c r="J41834" s="2">
        <v>1</v>
      </c>
      <c r="K41834" s="2">
        <v>0</v>
      </c>
      <c r="L41834" t="s">
        <v>82</v>
      </c>
      <c r="M41834" t="s">
        <v>83</v>
      </c>
      <c r="N41834" t="s">
        <v>84</v>
      </c>
      <c r="O41834" t="s">
        <v>85</v>
      </c>
      <c r="P41834" t="s">
        <v>86</v>
      </c>
      <c r="Q41834">
        <v>2</v>
      </c>
      <c r="R41834">
        <v>2</v>
      </c>
      <c r="S41834">
        <v>2</v>
      </c>
      <c r="T41834">
        <v>2</v>
      </c>
      <c r="U41834">
        <v>3</v>
      </c>
      <c r="V41834">
        <v>3</v>
      </c>
      <c r="W41834">
        <v>3</v>
      </c>
      <c r="X41834">
        <v>3</v>
      </c>
      <c r="Y41834">
        <v>3</v>
      </c>
      <c r="Z41834">
        <v>3</v>
      </c>
      <c r="AA41834">
        <v>3</v>
      </c>
      <c r="AB41834">
        <v>3</v>
      </c>
      <c r="AC41834">
        <v>3</v>
      </c>
      <c r="AD41834">
        <v>3</v>
      </c>
      <c r="AE41834">
        <v>3</v>
      </c>
      <c r="AF41834">
        <v>3</v>
      </c>
      <c r="AG41834">
        <v>3</v>
      </c>
      <c r="AH41834">
        <v>3</v>
      </c>
      <c r="AI41834">
        <v>3</v>
      </c>
      <c r="AJ41834">
        <v>3</v>
      </c>
      <c r="AK41834">
        <v>3</v>
      </c>
      <c r="AL41834">
        <v>4</v>
      </c>
      <c r="AM41834">
        <v>4</v>
      </c>
      <c r="AN41834">
        <v>4</v>
      </c>
      <c r="AO41834">
        <v>4</v>
      </c>
      <c r="AP41834">
        <v>4</v>
      </c>
      <c r="AQ41834">
        <v>4</v>
      </c>
    </row>
    <row r="41835" spans="1:43">
      <c r="A41835" t="s">
        <v>25727</v>
      </c>
      <c r="B41835" t="s">
        <v>25728</v>
      </c>
      <c r="C41835" t="s">
        <v>3560</v>
      </c>
      <c r="D41835" t="s">
        <v>3561</v>
      </c>
      <c r="E41835" t="s">
        <v>3352</v>
      </c>
      <c r="F41835" t="s">
        <v>3353</v>
      </c>
      <c r="G41835" t="s">
        <v>80</v>
      </c>
      <c r="H41835" t="s">
        <v>81</v>
      </c>
      <c r="I41835" s="2">
        <v>0</v>
      </c>
      <c r="J41835" s="2">
        <v>1</v>
      </c>
      <c r="K41835" s="2">
        <v>0</v>
      </c>
      <c r="L41835" t="s">
        <v>82</v>
      </c>
      <c r="M41835" t="s">
        <v>87</v>
      </c>
      <c r="N41835" t="s">
        <v>88</v>
      </c>
      <c r="O41835" t="s">
        <v>85</v>
      </c>
      <c r="P41835" t="s">
        <v>86</v>
      </c>
      <c r="Q41835">
        <v>2</v>
      </c>
      <c r="R41835">
        <v>2</v>
      </c>
      <c r="S41835">
        <v>2</v>
      </c>
      <c r="T41835">
        <v>2</v>
      </c>
      <c r="U41835">
        <v>2</v>
      </c>
      <c r="V41835">
        <v>2</v>
      </c>
      <c r="W41835">
        <v>2</v>
      </c>
      <c r="X41835">
        <v>3</v>
      </c>
      <c r="Y41835">
        <v>3</v>
      </c>
      <c r="Z41835">
        <v>3</v>
      </c>
      <c r="AA41835">
        <v>3</v>
      </c>
      <c r="AB41835">
        <v>3</v>
      </c>
      <c r="AC41835">
        <v>3</v>
      </c>
      <c r="AD41835">
        <v>3</v>
      </c>
      <c r="AE41835">
        <v>3</v>
      </c>
      <c r="AF41835">
        <v>3</v>
      </c>
      <c r="AG41835">
        <v>3</v>
      </c>
      <c r="AH41835">
        <v>3</v>
      </c>
      <c r="AI41835">
        <v>3</v>
      </c>
      <c r="AJ41835">
        <v>3</v>
      </c>
      <c r="AK41835">
        <v>3</v>
      </c>
      <c r="AL41835">
        <v>3</v>
      </c>
      <c r="AM41835">
        <v>3</v>
      </c>
      <c r="AN41835">
        <v>3</v>
      </c>
      <c r="AO41835">
        <v>3</v>
      </c>
      <c r="AP41835">
        <v>3</v>
      </c>
      <c r="AQ41835">
        <v>3</v>
      </c>
    </row>
    <row r="41836" spans="1:43">
      <c r="A41836" t="s">
        <v>25727</v>
      </c>
      <c r="B41836" t="s">
        <v>25728</v>
      </c>
      <c r="C41836" t="s">
        <v>3560</v>
      </c>
      <c r="D41836" t="s">
        <v>3561</v>
      </c>
      <c r="E41836" t="s">
        <v>3352</v>
      </c>
      <c r="F41836" t="s">
        <v>3353</v>
      </c>
      <c r="G41836" t="s">
        <v>80</v>
      </c>
      <c r="H41836" t="s">
        <v>81</v>
      </c>
      <c r="I41836" s="2">
        <v>0</v>
      </c>
      <c r="J41836" s="2">
        <v>1</v>
      </c>
      <c r="K41836" s="2">
        <v>0</v>
      </c>
      <c r="L41836" t="s">
        <v>82</v>
      </c>
      <c r="M41836" t="s">
        <v>89</v>
      </c>
      <c r="N41836" t="s">
        <v>90</v>
      </c>
      <c r="O41836" t="s">
        <v>85</v>
      </c>
      <c r="P41836" t="s">
        <v>86</v>
      </c>
      <c r="Q41836">
        <v>2</v>
      </c>
      <c r="R41836">
        <v>2</v>
      </c>
      <c r="S41836">
        <v>2</v>
      </c>
      <c r="T41836">
        <v>3</v>
      </c>
      <c r="U41836">
        <v>3</v>
      </c>
      <c r="V41836">
        <v>3</v>
      </c>
      <c r="W41836">
        <v>3</v>
      </c>
      <c r="X41836">
        <v>3</v>
      </c>
      <c r="Y41836">
        <v>3</v>
      </c>
      <c r="Z41836">
        <v>3</v>
      </c>
      <c r="AA41836">
        <v>3</v>
      </c>
      <c r="AB41836">
        <v>3</v>
      </c>
      <c r="AC41836">
        <v>3</v>
      </c>
      <c r="AD41836">
        <v>3</v>
      </c>
      <c r="AE41836">
        <v>3</v>
      </c>
      <c r="AF41836">
        <v>3</v>
      </c>
      <c r="AG41836">
        <v>3</v>
      </c>
      <c r="AH41836">
        <v>3</v>
      </c>
      <c r="AI41836">
        <v>3</v>
      </c>
      <c r="AJ41836">
        <v>3</v>
      </c>
      <c r="AK41836">
        <v>4</v>
      </c>
      <c r="AL41836">
        <v>4</v>
      </c>
      <c r="AM41836">
        <v>4</v>
      </c>
      <c r="AN41836">
        <v>4</v>
      </c>
      <c r="AO41836">
        <v>4</v>
      </c>
      <c r="AP41836">
        <v>4</v>
      </c>
      <c r="AQ41836">
        <v>4</v>
      </c>
    </row>
    <row r="41837" spans="1:43">
      <c r="A41837" t="s">
        <v>25727</v>
      </c>
      <c r="B41837" t="s">
        <v>25728</v>
      </c>
      <c r="C41837" t="s">
        <v>3560</v>
      </c>
      <c r="D41837" t="s">
        <v>3561</v>
      </c>
      <c r="E41837" t="s">
        <v>3352</v>
      </c>
      <c r="F41837" t="s">
        <v>3353</v>
      </c>
      <c r="G41837" t="s">
        <v>80</v>
      </c>
      <c r="H41837" t="s">
        <v>81</v>
      </c>
      <c r="I41837" s="2">
        <v>0</v>
      </c>
      <c r="J41837" s="2">
        <v>1</v>
      </c>
      <c r="K41837" s="2">
        <v>0</v>
      </c>
      <c r="L41837" t="s">
        <v>82</v>
      </c>
      <c r="M41837" t="s">
        <v>83</v>
      </c>
      <c r="N41837" t="s">
        <v>91</v>
      </c>
      <c r="O41837" t="s">
        <v>85</v>
      </c>
      <c r="P41837" t="s">
        <v>86</v>
      </c>
      <c r="Q41837">
        <v>2</v>
      </c>
      <c r="R41837">
        <v>2</v>
      </c>
      <c r="S41837">
        <v>2</v>
      </c>
      <c r="T41837">
        <v>2</v>
      </c>
      <c r="U41837">
        <v>3</v>
      </c>
      <c r="V41837">
        <v>3</v>
      </c>
      <c r="W41837">
        <v>3</v>
      </c>
      <c r="X41837">
        <v>3</v>
      </c>
      <c r="Y41837">
        <v>3</v>
      </c>
      <c r="Z41837">
        <v>3</v>
      </c>
      <c r="AA41837">
        <v>3</v>
      </c>
      <c r="AB41837">
        <v>3</v>
      </c>
      <c r="AC41837">
        <v>3</v>
      </c>
      <c r="AD41837">
        <v>3</v>
      </c>
      <c r="AE41837">
        <v>3</v>
      </c>
      <c r="AF41837">
        <v>3</v>
      </c>
      <c r="AG41837">
        <v>3</v>
      </c>
      <c r="AH41837">
        <v>3</v>
      </c>
      <c r="AI41837">
        <v>3</v>
      </c>
      <c r="AJ41837">
        <v>3</v>
      </c>
      <c r="AK41837">
        <v>3</v>
      </c>
      <c r="AL41837">
        <v>4</v>
      </c>
      <c r="AM41837">
        <v>4</v>
      </c>
      <c r="AN41837">
        <v>4</v>
      </c>
      <c r="AO41837">
        <v>4</v>
      </c>
      <c r="AP41837">
        <v>4</v>
      </c>
      <c r="AQ41837">
        <v>4</v>
      </c>
    </row>
    <row r="41838" spans="1:43">
      <c r="A41838" t="s">
        <v>25729</v>
      </c>
      <c r="B41838" t="s">
        <v>25730</v>
      </c>
      <c r="C41838" t="s">
        <v>3560</v>
      </c>
      <c r="D41838" t="s">
        <v>3561</v>
      </c>
      <c r="E41838" t="s">
        <v>3352</v>
      </c>
      <c r="F41838" t="s">
        <v>3353</v>
      </c>
      <c r="G41838" t="s">
        <v>80</v>
      </c>
      <c r="H41838" t="s">
        <v>81</v>
      </c>
      <c r="I41838" s="2">
        <v>0</v>
      </c>
      <c r="J41838" s="2">
        <v>1</v>
      </c>
      <c r="K41838" s="2">
        <v>0</v>
      </c>
      <c r="L41838" t="s">
        <v>82</v>
      </c>
      <c r="M41838" t="s">
        <v>83</v>
      </c>
      <c r="N41838" t="s">
        <v>84</v>
      </c>
      <c r="O41838" t="s">
        <v>85</v>
      </c>
      <c r="P41838" t="s">
        <v>86</v>
      </c>
      <c r="Q41838">
        <v>1</v>
      </c>
      <c r="R41838">
        <v>1</v>
      </c>
      <c r="S41838">
        <v>1</v>
      </c>
      <c r="T41838">
        <v>2</v>
      </c>
      <c r="U41838">
        <v>2</v>
      </c>
      <c r="V41838">
        <v>2</v>
      </c>
      <c r="W41838">
        <v>2</v>
      </c>
      <c r="X41838">
        <v>2</v>
      </c>
      <c r="Y41838">
        <v>2</v>
      </c>
      <c r="Z41838">
        <v>2</v>
      </c>
      <c r="AA41838">
        <v>2</v>
      </c>
      <c r="AB41838">
        <v>2</v>
      </c>
      <c r="AC41838">
        <v>2</v>
      </c>
      <c r="AD41838">
        <v>2</v>
      </c>
      <c r="AE41838">
        <v>2</v>
      </c>
      <c r="AF41838">
        <v>2</v>
      </c>
      <c r="AG41838">
        <v>2</v>
      </c>
      <c r="AH41838">
        <v>2</v>
      </c>
      <c r="AI41838">
        <v>2</v>
      </c>
      <c r="AJ41838">
        <v>2</v>
      </c>
      <c r="AK41838">
        <v>2</v>
      </c>
      <c r="AL41838">
        <v>2</v>
      </c>
      <c r="AM41838">
        <v>2</v>
      </c>
      <c r="AN41838">
        <v>2</v>
      </c>
      <c r="AO41838">
        <v>2</v>
      </c>
      <c r="AP41838">
        <v>2</v>
      </c>
      <c r="AQ41838">
        <v>2</v>
      </c>
    </row>
    <row r="41839" spans="1:43">
      <c r="A41839" t="s">
        <v>25729</v>
      </c>
      <c r="B41839" t="s">
        <v>25730</v>
      </c>
      <c r="C41839" t="s">
        <v>3560</v>
      </c>
      <c r="D41839" t="s">
        <v>3561</v>
      </c>
      <c r="E41839" t="s">
        <v>3352</v>
      </c>
      <c r="F41839" t="s">
        <v>3353</v>
      </c>
      <c r="G41839" t="s">
        <v>80</v>
      </c>
      <c r="H41839" t="s">
        <v>81</v>
      </c>
      <c r="I41839" s="2">
        <v>0</v>
      </c>
      <c r="J41839" s="2">
        <v>1</v>
      </c>
      <c r="K41839" s="2">
        <v>0</v>
      </c>
      <c r="L41839" t="s">
        <v>82</v>
      </c>
      <c r="M41839" t="s">
        <v>87</v>
      </c>
      <c r="N41839" t="s">
        <v>88</v>
      </c>
      <c r="O41839" t="s">
        <v>85</v>
      </c>
      <c r="P41839" t="s">
        <v>86</v>
      </c>
      <c r="Q41839">
        <v>1</v>
      </c>
      <c r="R41839">
        <v>1</v>
      </c>
      <c r="S41839">
        <v>1</v>
      </c>
      <c r="T41839">
        <v>1</v>
      </c>
      <c r="U41839">
        <v>1</v>
      </c>
      <c r="V41839">
        <v>1</v>
      </c>
      <c r="W41839">
        <v>2</v>
      </c>
      <c r="X41839">
        <v>2</v>
      </c>
      <c r="Y41839">
        <v>2</v>
      </c>
      <c r="Z41839">
        <v>2</v>
      </c>
      <c r="AA41839">
        <v>2</v>
      </c>
      <c r="AB41839">
        <v>2</v>
      </c>
      <c r="AC41839">
        <v>2</v>
      </c>
      <c r="AD41839">
        <v>2</v>
      </c>
      <c r="AE41839">
        <v>2</v>
      </c>
      <c r="AF41839">
        <v>2</v>
      </c>
      <c r="AG41839">
        <v>2</v>
      </c>
      <c r="AH41839">
        <v>2</v>
      </c>
      <c r="AI41839">
        <v>2</v>
      </c>
      <c r="AJ41839">
        <v>2</v>
      </c>
      <c r="AK41839">
        <v>2</v>
      </c>
      <c r="AL41839">
        <v>2</v>
      </c>
      <c r="AM41839">
        <v>2</v>
      </c>
      <c r="AN41839">
        <v>2</v>
      </c>
      <c r="AO41839">
        <v>2</v>
      </c>
      <c r="AP41839">
        <v>2</v>
      </c>
      <c r="AQ41839">
        <v>2</v>
      </c>
    </row>
    <row r="41840" spans="1:43">
      <c r="A41840" t="s">
        <v>25729</v>
      </c>
      <c r="B41840" t="s">
        <v>25730</v>
      </c>
      <c r="C41840" t="s">
        <v>3560</v>
      </c>
      <c r="D41840" t="s">
        <v>3561</v>
      </c>
      <c r="E41840" t="s">
        <v>3352</v>
      </c>
      <c r="F41840" t="s">
        <v>3353</v>
      </c>
      <c r="G41840" t="s">
        <v>80</v>
      </c>
      <c r="H41840" t="s">
        <v>81</v>
      </c>
      <c r="I41840" s="2">
        <v>0</v>
      </c>
      <c r="J41840" s="2">
        <v>1</v>
      </c>
      <c r="K41840" s="2">
        <v>0</v>
      </c>
      <c r="L41840" t="s">
        <v>82</v>
      </c>
      <c r="M41840" t="s">
        <v>89</v>
      </c>
      <c r="N41840" t="s">
        <v>90</v>
      </c>
      <c r="O41840" t="s">
        <v>85</v>
      </c>
      <c r="P41840" t="s">
        <v>86</v>
      </c>
      <c r="Q41840">
        <v>1</v>
      </c>
      <c r="R41840">
        <v>1</v>
      </c>
      <c r="S41840">
        <v>2</v>
      </c>
      <c r="T41840">
        <v>2</v>
      </c>
      <c r="U41840">
        <v>2</v>
      </c>
      <c r="V41840">
        <v>2</v>
      </c>
      <c r="W41840">
        <v>2</v>
      </c>
      <c r="X41840">
        <v>2</v>
      </c>
      <c r="Y41840">
        <v>2</v>
      </c>
      <c r="Z41840">
        <v>2</v>
      </c>
      <c r="AA41840">
        <v>2</v>
      </c>
      <c r="AB41840">
        <v>2</v>
      </c>
      <c r="AC41840">
        <v>2</v>
      </c>
      <c r="AD41840">
        <v>2</v>
      </c>
      <c r="AE41840">
        <v>2</v>
      </c>
      <c r="AF41840">
        <v>2</v>
      </c>
      <c r="AG41840">
        <v>2</v>
      </c>
      <c r="AH41840">
        <v>2</v>
      </c>
      <c r="AI41840">
        <v>2</v>
      </c>
      <c r="AJ41840">
        <v>2</v>
      </c>
      <c r="AK41840">
        <v>2</v>
      </c>
      <c r="AL41840">
        <v>2</v>
      </c>
      <c r="AM41840">
        <v>2</v>
      </c>
      <c r="AN41840">
        <v>2</v>
      </c>
      <c r="AO41840">
        <v>2</v>
      </c>
      <c r="AP41840">
        <v>2</v>
      </c>
      <c r="AQ41840">
        <v>2</v>
      </c>
    </row>
    <row r="41841" spans="1:43">
      <c r="A41841" t="s">
        <v>25729</v>
      </c>
      <c r="B41841" t="s">
        <v>25730</v>
      </c>
      <c r="C41841" t="s">
        <v>3560</v>
      </c>
      <c r="D41841" t="s">
        <v>3561</v>
      </c>
      <c r="E41841" t="s">
        <v>3352</v>
      </c>
      <c r="F41841" t="s">
        <v>3353</v>
      </c>
      <c r="G41841" t="s">
        <v>80</v>
      </c>
      <c r="H41841" t="s">
        <v>81</v>
      </c>
      <c r="I41841" s="2">
        <v>0</v>
      </c>
      <c r="J41841" s="2">
        <v>1</v>
      </c>
      <c r="K41841" s="2">
        <v>0</v>
      </c>
      <c r="L41841" t="s">
        <v>82</v>
      </c>
      <c r="M41841" t="s">
        <v>83</v>
      </c>
      <c r="N41841" t="s">
        <v>91</v>
      </c>
      <c r="O41841" t="s">
        <v>85</v>
      </c>
      <c r="P41841" t="s">
        <v>86</v>
      </c>
      <c r="Q41841">
        <v>1</v>
      </c>
      <c r="R41841">
        <v>1</v>
      </c>
      <c r="S41841">
        <v>1</v>
      </c>
      <c r="T41841">
        <v>2</v>
      </c>
      <c r="U41841">
        <v>2</v>
      </c>
      <c r="V41841">
        <v>2</v>
      </c>
      <c r="W41841">
        <v>2</v>
      </c>
      <c r="X41841">
        <v>2</v>
      </c>
      <c r="Y41841">
        <v>2</v>
      </c>
      <c r="Z41841">
        <v>2</v>
      </c>
      <c r="AA41841">
        <v>2</v>
      </c>
      <c r="AB41841">
        <v>2</v>
      </c>
      <c r="AC41841">
        <v>2</v>
      </c>
      <c r="AD41841">
        <v>2</v>
      </c>
      <c r="AE41841">
        <v>2</v>
      </c>
      <c r="AF41841">
        <v>2</v>
      </c>
      <c r="AG41841">
        <v>2</v>
      </c>
      <c r="AH41841">
        <v>2</v>
      </c>
      <c r="AI41841">
        <v>2</v>
      </c>
      <c r="AJ41841">
        <v>2</v>
      </c>
      <c r="AK41841">
        <v>2</v>
      </c>
      <c r="AL41841">
        <v>2</v>
      </c>
      <c r="AM41841">
        <v>2</v>
      </c>
      <c r="AN41841">
        <v>2</v>
      </c>
      <c r="AO41841">
        <v>2</v>
      </c>
      <c r="AP41841">
        <v>2</v>
      </c>
      <c r="AQ41841">
        <v>2</v>
      </c>
    </row>
    <row r="41842" spans="1:43">
      <c r="A41842" t="s">
        <v>25731</v>
      </c>
      <c r="B41842" t="s">
        <v>25732</v>
      </c>
      <c r="C41842" t="s">
        <v>3560</v>
      </c>
      <c r="D41842" t="s">
        <v>3561</v>
      </c>
      <c r="E41842" t="s">
        <v>3352</v>
      </c>
      <c r="F41842" t="s">
        <v>3353</v>
      </c>
      <c r="G41842" t="s">
        <v>80</v>
      </c>
      <c r="H41842" t="s">
        <v>81</v>
      </c>
      <c r="I41842" s="2">
        <v>0</v>
      </c>
      <c r="J41842" s="2">
        <v>1</v>
      </c>
      <c r="K41842" s="2">
        <v>0</v>
      </c>
      <c r="L41842" t="s">
        <v>82</v>
      </c>
      <c r="M41842" t="s">
        <v>83</v>
      </c>
      <c r="N41842" t="s">
        <v>84</v>
      </c>
      <c r="O41842" t="s">
        <v>85</v>
      </c>
      <c r="P41842" t="s">
        <v>86</v>
      </c>
      <c r="Q41842">
        <v>8</v>
      </c>
      <c r="R41842">
        <v>8</v>
      </c>
      <c r="S41842">
        <v>8</v>
      </c>
      <c r="T41842">
        <v>8</v>
      </c>
      <c r="U41842">
        <v>9</v>
      </c>
      <c r="V41842">
        <v>9</v>
      </c>
      <c r="W41842">
        <v>9</v>
      </c>
      <c r="X41842">
        <v>9</v>
      </c>
      <c r="Y41842">
        <v>9</v>
      </c>
      <c r="Z41842">
        <v>10</v>
      </c>
      <c r="AA41842">
        <v>10</v>
      </c>
      <c r="AB41842">
        <v>10</v>
      </c>
      <c r="AC41842">
        <v>10</v>
      </c>
      <c r="AD41842">
        <v>10</v>
      </c>
      <c r="AE41842">
        <v>11</v>
      </c>
      <c r="AF41842">
        <v>11</v>
      </c>
      <c r="AG41842">
        <v>11</v>
      </c>
      <c r="AH41842">
        <v>11</v>
      </c>
      <c r="AI41842">
        <v>11</v>
      </c>
      <c r="AJ41842">
        <v>12</v>
      </c>
      <c r="AK41842">
        <v>12</v>
      </c>
      <c r="AL41842">
        <v>12</v>
      </c>
      <c r="AM41842">
        <v>12</v>
      </c>
      <c r="AN41842">
        <v>12</v>
      </c>
      <c r="AO41842">
        <v>12</v>
      </c>
      <c r="AP41842">
        <v>12</v>
      </c>
      <c r="AQ41842">
        <v>13</v>
      </c>
    </row>
    <row r="41843" spans="1:43">
      <c r="A41843" t="s">
        <v>25731</v>
      </c>
      <c r="B41843" t="s">
        <v>25732</v>
      </c>
      <c r="C41843" t="s">
        <v>3560</v>
      </c>
      <c r="D41843" t="s">
        <v>3561</v>
      </c>
      <c r="E41843" t="s">
        <v>3352</v>
      </c>
      <c r="F41843" t="s">
        <v>3353</v>
      </c>
      <c r="G41843" t="s">
        <v>80</v>
      </c>
      <c r="H41843" t="s">
        <v>81</v>
      </c>
      <c r="I41843" s="2">
        <v>0</v>
      </c>
      <c r="J41843" s="2">
        <v>1</v>
      </c>
      <c r="K41843" s="2">
        <v>0</v>
      </c>
      <c r="L41843" t="s">
        <v>82</v>
      </c>
      <c r="M41843" t="s">
        <v>87</v>
      </c>
      <c r="N41843" t="s">
        <v>88</v>
      </c>
      <c r="O41843" t="s">
        <v>85</v>
      </c>
      <c r="P41843" t="s">
        <v>86</v>
      </c>
      <c r="Q41843">
        <v>8</v>
      </c>
      <c r="R41843">
        <v>8</v>
      </c>
      <c r="S41843">
        <v>8</v>
      </c>
      <c r="T41843">
        <v>8</v>
      </c>
      <c r="U41843">
        <v>8</v>
      </c>
      <c r="V41843">
        <v>8</v>
      </c>
      <c r="W41843">
        <v>8</v>
      </c>
      <c r="X41843">
        <v>9</v>
      </c>
      <c r="Y41843">
        <v>9</v>
      </c>
      <c r="Z41843">
        <v>9</v>
      </c>
      <c r="AA41843">
        <v>9</v>
      </c>
      <c r="AB41843">
        <v>9</v>
      </c>
      <c r="AC41843">
        <v>9</v>
      </c>
      <c r="AD41843">
        <v>9</v>
      </c>
      <c r="AE41843">
        <v>9</v>
      </c>
      <c r="AF41843">
        <v>9</v>
      </c>
      <c r="AG41843">
        <v>10</v>
      </c>
      <c r="AH41843">
        <v>10</v>
      </c>
      <c r="AI41843">
        <v>10</v>
      </c>
      <c r="AJ41843">
        <v>10</v>
      </c>
      <c r="AK41843">
        <v>10</v>
      </c>
      <c r="AL41843">
        <v>10</v>
      </c>
      <c r="AM41843">
        <v>10</v>
      </c>
      <c r="AN41843">
        <v>10</v>
      </c>
      <c r="AO41843">
        <v>11</v>
      </c>
      <c r="AP41843">
        <v>11</v>
      </c>
      <c r="AQ41843">
        <v>11</v>
      </c>
    </row>
    <row r="41844" spans="1:43">
      <c r="A41844" t="s">
        <v>25731</v>
      </c>
      <c r="B41844" t="s">
        <v>25732</v>
      </c>
      <c r="C41844" t="s">
        <v>3560</v>
      </c>
      <c r="D41844" t="s">
        <v>3561</v>
      </c>
      <c r="E41844" t="s">
        <v>3352</v>
      </c>
      <c r="F41844" t="s">
        <v>3353</v>
      </c>
      <c r="G41844" t="s">
        <v>80</v>
      </c>
      <c r="H41844" t="s">
        <v>81</v>
      </c>
      <c r="I41844" s="2">
        <v>0</v>
      </c>
      <c r="J41844" s="2">
        <v>1</v>
      </c>
      <c r="K41844" s="2">
        <v>0</v>
      </c>
      <c r="L41844" t="s">
        <v>82</v>
      </c>
      <c r="M41844" t="s">
        <v>89</v>
      </c>
      <c r="N41844" t="s">
        <v>90</v>
      </c>
      <c r="O41844" t="s">
        <v>85</v>
      </c>
      <c r="P41844" t="s">
        <v>86</v>
      </c>
      <c r="Q41844">
        <v>8</v>
      </c>
      <c r="R41844">
        <v>8</v>
      </c>
      <c r="S41844">
        <v>8</v>
      </c>
      <c r="T41844">
        <v>9</v>
      </c>
      <c r="U41844">
        <v>9</v>
      </c>
      <c r="V41844">
        <v>9</v>
      </c>
      <c r="W41844">
        <v>9</v>
      </c>
      <c r="X41844">
        <v>10</v>
      </c>
      <c r="Y41844">
        <v>10</v>
      </c>
      <c r="Z41844">
        <v>10</v>
      </c>
      <c r="AA41844">
        <v>10</v>
      </c>
      <c r="AB41844">
        <v>11</v>
      </c>
      <c r="AC41844">
        <v>11</v>
      </c>
      <c r="AD41844">
        <v>11</v>
      </c>
      <c r="AE41844">
        <v>11</v>
      </c>
      <c r="AF41844">
        <v>11</v>
      </c>
      <c r="AG41844">
        <v>12</v>
      </c>
      <c r="AH41844">
        <v>12</v>
      </c>
      <c r="AI41844">
        <v>12</v>
      </c>
      <c r="AJ41844">
        <v>12</v>
      </c>
      <c r="AK41844">
        <v>12</v>
      </c>
      <c r="AL41844">
        <v>12</v>
      </c>
      <c r="AM41844">
        <v>12</v>
      </c>
      <c r="AN41844">
        <v>12</v>
      </c>
      <c r="AO41844">
        <v>12</v>
      </c>
      <c r="AP41844">
        <v>12</v>
      </c>
      <c r="AQ41844">
        <v>13</v>
      </c>
    </row>
    <row r="41845" spans="1:43">
      <c r="A41845" t="s">
        <v>25731</v>
      </c>
      <c r="B41845" t="s">
        <v>25732</v>
      </c>
      <c r="C41845" t="s">
        <v>3560</v>
      </c>
      <c r="D41845" t="s">
        <v>3561</v>
      </c>
      <c r="E41845" t="s">
        <v>3352</v>
      </c>
      <c r="F41845" t="s">
        <v>3353</v>
      </c>
      <c r="G41845" t="s">
        <v>80</v>
      </c>
      <c r="H41845" t="s">
        <v>81</v>
      </c>
      <c r="I41845" s="2">
        <v>0</v>
      </c>
      <c r="J41845" s="2">
        <v>1</v>
      </c>
      <c r="K41845" s="2">
        <v>0</v>
      </c>
      <c r="L41845" t="s">
        <v>82</v>
      </c>
      <c r="M41845" t="s">
        <v>83</v>
      </c>
      <c r="N41845" t="s">
        <v>91</v>
      </c>
      <c r="O41845" t="s">
        <v>85</v>
      </c>
      <c r="P41845" t="s">
        <v>86</v>
      </c>
      <c r="Q41845">
        <v>8</v>
      </c>
      <c r="R41845">
        <v>8</v>
      </c>
      <c r="S41845">
        <v>8</v>
      </c>
      <c r="T41845">
        <v>8</v>
      </c>
      <c r="U41845">
        <v>9</v>
      </c>
      <c r="V41845">
        <v>9</v>
      </c>
      <c r="W41845">
        <v>9</v>
      </c>
      <c r="X41845">
        <v>9</v>
      </c>
      <c r="Y41845">
        <v>9</v>
      </c>
      <c r="Z41845">
        <v>10</v>
      </c>
      <c r="AA41845">
        <v>10</v>
      </c>
      <c r="AB41845">
        <v>10</v>
      </c>
      <c r="AC41845">
        <v>10</v>
      </c>
      <c r="AD41845">
        <v>10</v>
      </c>
      <c r="AE41845">
        <v>11</v>
      </c>
      <c r="AF41845">
        <v>11</v>
      </c>
      <c r="AG41845">
        <v>11</v>
      </c>
      <c r="AH41845">
        <v>11</v>
      </c>
      <c r="AI41845">
        <v>11</v>
      </c>
      <c r="AJ41845">
        <v>12</v>
      </c>
      <c r="AK41845">
        <v>12</v>
      </c>
      <c r="AL41845">
        <v>12</v>
      </c>
      <c r="AM41845">
        <v>12</v>
      </c>
      <c r="AN41845">
        <v>12</v>
      </c>
      <c r="AO41845">
        <v>12</v>
      </c>
      <c r="AP41845">
        <v>12</v>
      </c>
      <c r="AQ41845">
        <v>13</v>
      </c>
    </row>
    <row r="41846" spans="1:43">
      <c r="A41846" t="s">
        <v>25733</v>
      </c>
      <c r="B41846" t="s">
        <v>25734</v>
      </c>
      <c r="C41846" t="s">
        <v>3560</v>
      </c>
      <c r="D41846" t="s">
        <v>3561</v>
      </c>
      <c r="E41846" t="s">
        <v>3352</v>
      </c>
      <c r="F41846" t="s">
        <v>3353</v>
      </c>
      <c r="G41846" t="s">
        <v>80</v>
      </c>
      <c r="H41846" t="s">
        <v>81</v>
      </c>
      <c r="I41846" s="2">
        <v>0</v>
      </c>
      <c r="J41846" s="2">
        <v>1</v>
      </c>
      <c r="K41846" s="2">
        <v>0</v>
      </c>
      <c r="L41846" t="s">
        <v>82</v>
      </c>
      <c r="M41846" t="s">
        <v>83</v>
      </c>
      <c r="N41846" t="s">
        <v>84</v>
      </c>
      <c r="O41846" t="s">
        <v>85</v>
      </c>
      <c r="P41846" t="s">
        <v>86</v>
      </c>
      <c r="Q41846">
        <v>9</v>
      </c>
      <c r="R41846">
        <v>9</v>
      </c>
      <c r="S41846">
        <v>9</v>
      </c>
      <c r="T41846">
        <v>9</v>
      </c>
      <c r="U41846">
        <v>10</v>
      </c>
      <c r="V41846">
        <v>10</v>
      </c>
      <c r="W41846">
        <v>10</v>
      </c>
      <c r="X41846">
        <v>10</v>
      </c>
      <c r="Y41846">
        <v>10</v>
      </c>
      <c r="Z41846">
        <v>11</v>
      </c>
      <c r="AA41846">
        <v>11</v>
      </c>
      <c r="AB41846">
        <v>11</v>
      </c>
      <c r="AC41846">
        <v>11</v>
      </c>
      <c r="AD41846">
        <v>12</v>
      </c>
      <c r="AE41846">
        <v>12</v>
      </c>
      <c r="AF41846">
        <v>12</v>
      </c>
      <c r="AG41846">
        <v>12</v>
      </c>
      <c r="AH41846">
        <v>12</v>
      </c>
      <c r="AI41846">
        <v>13</v>
      </c>
      <c r="AJ41846">
        <v>13</v>
      </c>
      <c r="AK41846">
        <v>13</v>
      </c>
      <c r="AL41846">
        <v>13</v>
      </c>
      <c r="AM41846">
        <v>14</v>
      </c>
      <c r="AN41846">
        <v>14</v>
      </c>
      <c r="AO41846">
        <v>14</v>
      </c>
      <c r="AP41846">
        <v>14</v>
      </c>
      <c r="AQ41846">
        <v>14</v>
      </c>
    </row>
    <row r="41847" spans="1:43">
      <c r="A41847" t="s">
        <v>25733</v>
      </c>
      <c r="B41847" t="s">
        <v>25734</v>
      </c>
      <c r="C41847" t="s">
        <v>3560</v>
      </c>
      <c r="D41847" t="s">
        <v>3561</v>
      </c>
      <c r="E41847" t="s">
        <v>3352</v>
      </c>
      <c r="F41847" t="s">
        <v>3353</v>
      </c>
      <c r="G41847" t="s">
        <v>80</v>
      </c>
      <c r="H41847" t="s">
        <v>81</v>
      </c>
      <c r="I41847" s="2">
        <v>0</v>
      </c>
      <c r="J41847" s="2">
        <v>1</v>
      </c>
      <c r="K41847" s="2">
        <v>0</v>
      </c>
      <c r="L41847" t="s">
        <v>82</v>
      </c>
      <c r="M41847" t="s">
        <v>87</v>
      </c>
      <c r="N41847" t="s">
        <v>88</v>
      </c>
      <c r="O41847" t="s">
        <v>85</v>
      </c>
      <c r="P41847" t="s">
        <v>86</v>
      </c>
      <c r="Q41847">
        <v>9</v>
      </c>
      <c r="R41847">
        <v>9</v>
      </c>
      <c r="S41847">
        <v>9</v>
      </c>
      <c r="T41847">
        <v>9</v>
      </c>
      <c r="U41847">
        <v>9</v>
      </c>
      <c r="V41847">
        <v>9</v>
      </c>
      <c r="W41847">
        <v>9</v>
      </c>
      <c r="X41847">
        <v>9</v>
      </c>
      <c r="Y41847">
        <v>10</v>
      </c>
      <c r="Z41847">
        <v>10</v>
      </c>
      <c r="AA41847">
        <v>10</v>
      </c>
      <c r="AB41847">
        <v>10</v>
      </c>
      <c r="AC41847">
        <v>10</v>
      </c>
      <c r="AD41847">
        <v>10</v>
      </c>
      <c r="AE41847">
        <v>10</v>
      </c>
      <c r="AF41847">
        <v>11</v>
      </c>
      <c r="AG41847">
        <v>11</v>
      </c>
      <c r="AH41847">
        <v>11</v>
      </c>
      <c r="AI41847">
        <v>11</v>
      </c>
      <c r="AJ41847">
        <v>11</v>
      </c>
      <c r="AK41847">
        <v>11</v>
      </c>
      <c r="AL41847">
        <v>11</v>
      </c>
      <c r="AM41847">
        <v>12</v>
      </c>
      <c r="AN41847">
        <v>12</v>
      </c>
      <c r="AO41847">
        <v>12</v>
      </c>
      <c r="AP41847">
        <v>12</v>
      </c>
      <c r="AQ41847">
        <v>12</v>
      </c>
    </row>
    <row r="41848" spans="1:43">
      <c r="A41848" t="s">
        <v>25733</v>
      </c>
      <c r="B41848" t="s">
        <v>25734</v>
      </c>
      <c r="C41848" t="s">
        <v>3560</v>
      </c>
      <c r="D41848" t="s">
        <v>3561</v>
      </c>
      <c r="E41848" t="s">
        <v>3352</v>
      </c>
      <c r="F41848" t="s">
        <v>3353</v>
      </c>
      <c r="G41848" t="s">
        <v>80</v>
      </c>
      <c r="H41848" t="s">
        <v>81</v>
      </c>
      <c r="I41848" s="2">
        <v>0</v>
      </c>
      <c r="J41848" s="2">
        <v>1</v>
      </c>
      <c r="K41848" s="2">
        <v>0</v>
      </c>
      <c r="L41848" t="s">
        <v>82</v>
      </c>
      <c r="M41848" t="s">
        <v>89</v>
      </c>
      <c r="N41848" t="s">
        <v>90</v>
      </c>
      <c r="O41848" t="s">
        <v>85</v>
      </c>
      <c r="P41848" t="s">
        <v>86</v>
      </c>
      <c r="Q41848">
        <v>9</v>
      </c>
      <c r="R41848">
        <v>9</v>
      </c>
      <c r="S41848">
        <v>9</v>
      </c>
      <c r="T41848">
        <v>10</v>
      </c>
      <c r="U41848">
        <v>10</v>
      </c>
      <c r="V41848">
        <v>10</v>
      </c>
      <c r="W41848">
        <v>10</v>
      </c>
      <c r="X41848">
        <v>11</v>
      </c>
      <c r="Y41848">
        <v>11</v>
      </c>
      <c r="Z41848">
        <v>11</v>
      </c>
      <c r="AA41848">
        <v>12</v>
      </c>
      <c r="AB41848">
        <v>12</v>
      </c>
      <c r="AC41848">
        <v>12</v>
      </c>
      <c r="AD41848">
        <v>12</v>
      </c>
      <c r="AE41848">
        <v>13</v>
      </c>
      <c r="AF41848">
        <v>13</v>
      </c>
      <c r="AG41848">
        <v>13</v>
      </c>
      <c r="AH41848">
        <v>13</v>
      </c>
      <c r="AI41848">
        <v>13</v>
      </c>
      <c r="AJ41848">
        <v>13</v>
      </c>
      <c r="AK41848">
        <v>13</v>
      </c>
      <c r="AL41848">
        <v>13</v>
      </c>
      <c r="AM41848">
        <v>14</v>
      </c>
      <c r="AN41848">
        <v>14</v>
      </c>
      <c r="AO41848">
        <v>14</v>
      </c>
      <c r="AP41848">
        <v>14</v>
      </c>
      <c r="AQ41848">
        <v>14</v>
      </c>
    </row>
    <row r="41849" spans="1:43">
      <c r="A41849" t="s">
        <v>25733</v>
      </c>
      <c r="B41849" t="s">
        <v>25734</v>
      </c>
      <c r="C41849" t="s">
        <v>3560</v>
      </c>
      <c r="D41849" t="s">
        <v>3561</v>
      </c>
      <c r="E41849" t="s">
        <v>3352</v>
      </c>
      <c r="F41849" t="s">
        <v>3353</v>
      </c>
      <c r="G41849" t="s">
        <v>80</v>
      </c>
      <c r="H41849" t="s">
        <v>81</v>
      </c>
      <c r="I41849" s="2">
        <v>0</v>
      </c>
      <c r="J41849" s="2">
        <v>1</v>
      </c>
      <c r="K41849" s="2">
        <v>0</v>
      </c>
      <c r="L41849" t="s">
        <v>82</v>
      </c>
      <c r="M41849" t="s">
        <v>83</v>
      </c>
      <c r="N41849" t="s">
        <v>91</v>
      </c>
      <c r="O41849" t="s">
        <v>85</v>
      </c>
      <c r="P41849" t="s">
        <v>86</v>
      </c>
      <c r="Q41849">
        <v>9</v>
      </c>
      <c r="R41849">
        <v>9</v>
      </c>
      <c r="S41849">
        <v>9</v>
      </c>
      <c r="T41849">
        <v>9</v>
      </c>
      <c r="U41849">
        <v>10</v>
      </c>
      <c r="V41849">
        <v>10</v>
      </c>
      <c r="W41849">
        <v>10</v>
      </c>
      <c r="X41849">
        <v>10</v>
      </c>
      <c r="Y41849">
        <v>10</v>
      </c>
      <c r="Z41849">
        <v>11</v>
      </c>
      <c r="AA41849">
        <v>11</v>
      </c>
      <c r="AB41849">
        <v>11</v>
      </c>
      <c r="AC41849">
        <v>11</v>
      </c>
      <c r="AD41849">
        <v>12</v>
      </c>
      <c r="AE41849">
        <v>12</v>
      </c>
      <c r="AF41849">
        <v>12</v>
      </c>
      <c r="AG41849">
        <v>12</v>
      </c>
      <c r="AH41849">
        <v>12</v>
      </c>
      <c r="AI41849">
        <v>13</v>
      </c>
      <c r="AJ41849">
        <v>13</v>
      </c>
      <c r="AK41849">
        <v>13</v>
      </c>
      <c r="AL41849">
        <v>13</v>
      </c>
      <c r="AM41849">
        <v>14</v>
      </c>
      <c r="AN41849">
        <v>14</v>
      </c>
      <c r="AO41849">
        <v>14</v>
      </c>
      <c r="AP41849">
        <v>14</v>
      </c>
      <c r="AQ41849">
        <v>14</v>
      </c>
    </row>
    <row r="41850" spans="1:43">
      <c r="A41850" t="s">
        <v>25735</v>
      </c>
      <c r="B41850" t="s">
        <v>25736</v>
      </c>
      <c r="C41850" t="s">
        <v>3654</v>
      </c>
      <c r="D41850" t="s">
        <v>3655</v>
      </c>
      <c r="E41850" t="s">
        <v>3352</v>
      </c>
      <c r="F41850" t="s">
        <v>3353</v>
      </c>
      <c r="G41850" t="s">
        <v>80</v>
      </c>
      <c r="H41850" t="s">
        <v>81</v>
      </c>
      <c r="I41850" s="2">
        <v>0</v>
      </c>
      <c r="J41850" s="2">
        <v>1</v>
      </c>
      <c r="K41850" s="2">
        <v>0</v>
      </c>
      <c r="L41850" t="s">
        <v>82</v>
      </c>
      <c r="M41850" t="s">
        <v>83</v>
      </c>
      <c r="N41850" t="s">
        <v>84</v>
      </c>
      <c r="O41850" t="s">
        <v>85</v>
      </c>
      <c r="P41850" t="s">
        <v>86</v>
      </c>
      <c r="Q41850">
        <v>158</v>
      </c>
      <c r="R41850">
        <v>162</v>
      </c>
      <c r="S41850">
        <v>166</v>
      </c>
      <c r="T41850">
        <v>170</v>
      </c>
      <c r="U41850">
        <v>174</v>
      </c>
      <c r="V41850">
        <v>177</v>
      </c>
      <c r="W41850">
        <v>181</v>
      </c>
      <c r="X41850">
        <v>185</v>
      </c>
      <c r="Y41850">
        <v>189</v>
      </c>
      <c r="Z41850">
        <v>193</v>
      </c>
      <c r="AA41850">
        <v>198</v>
      </c>
      <c r="AB41850">
        <v>202</v>
      </c>
      <c r="AC41850">
        <v>206</v>
      </c>
      <c r="AD41850">
        <v>210</v>
      </c>
      <c r="AE41850">
        <v>214</v>
      </c>
      <c r="AF41850">
        <v>218</v>
      </c>
      <c r="AG41850">
        <v>222</v>
      </c>
      <c r="AH41850">
        <v>226</v>
      </c>
      <c r="AI41850">
        <v>230</v>
      </c>
      <c r="AJ41850">
        <v>234</v>
      </c>
      <c r="AK41850">
        <v>239</v>
      </c>
      <c r="AL41850">
        <v>242</v>
      </c>
      <c r="AM41850">
        <v>244</v>
      </c>
      <c r="AN41850">
        <v>246</v>
      </c>
      <c r="AO41850">
        <v>248</v>
      </c>
      <c r="AP41850">
        <v>250</v>
      </c>
      <c r="AQ41850">
        <v>252</v>
      </c>
    </row>
    <row r="41851" spans="1:43">
      <c r="A41851" t="s">
        <v>25735</v>
      </c>
      <c r="B41851" t="s">
        <v>25736</v>
      </c>
      <c r="C41851" t="s">
        <v>3654</v>
      </c>
      <c r="D41851" t="s">
        <v>3655</v>
      </c>
      <c r="E41851" t="s">
        <v>3352</v>
      </c>
      <c r="F41851" t="s">
        <v>3353</v>
      </c>
      <c r="G41851" t="s">
        <v>80</v>
      </c>
      <c r="H41851" t="s">
        <v>81</v>
      </c>
      <c r="I41851" s="2">
        <v>0</v>
      </c>
      <c r="J41851" s="2">
        <v>1</v>
      </c>
      <c r="K41851" s="2">
        <v>0</v>
      </c>
      <c r="L41851" t="s">
        <v>82</v>
      </c>
      <c r="M41851" t="s">
        <v>87</v>
      </c>
      <c r="N41851" t="s">
        <v>88</v>
      </c>
      <c r="O41851" t="s">
        <v>85</v>
      </c>
      <c r="P41851" t="s">
        <v>86</v>
      </c>
      <c r="Q41851">
        <v>158</v>
      </c>
      <c r="R41851">
        <v>160</v>
      </c>
      <c r="S41851">
        <v>162</v>
      </c>
      <c r="T41851">
        <v>165</v>
      </c>
      <c r="U41851">
        <v>167</v>
      </c>
      <c r="V41851">
        <v>169</v>
      </c>
      <c r="W41851">
        <v>171</v>
      </c>
      <c r="X41851">
        <v>174</v>
      </c>
      <c r="Y41851">
        <v>176</v>
      </c>
      <c r="Z41851">
        <v>178</v>
      </c>
      <c r="AA41851">
        <v>181</v>
      </c>
      <c r="AB41851">
        <v>183</v>
      </c>
      <c r="AC41851">
        <v>186</v>
      </c>
      <c r="AD41851">
        <v>188</v>
      </c>
      <c r="AE41851">
        <v>190</v>
      </c>
      <c r="AF41851">
        <v>193</v>
      </c>
      <c r="AG41851">
        <v>195</v>
      </c>
      <c r="AH41851">
        <v>198</v>
      </c>
      <c r="AI41851">
        <v>200</v>
      </c>
      <c r="AJ41851">
        <v>203</v>
      </c>
      <c r="AK41851">
        <v>205</v>
      </c>
      <c r="AL41851">
        <v>208</v>
      </c>
      <c r="AM41851">
        <v>211</v>
      </c>
      <c r="AN41851">
        <v>213</v>
      </c>
      <c r="AO41851">
        <v>216</v>
      </c>
      <c r="AP41851">
        <v>218</v>
      </c>
      <c r="AQ41851">
        <v>221</v>
      </c>
    </row>
    <row r="41852" spans="1:43">
      <c r="A41852" t="s">
        <v>25735</v>
      </c>
      <c r="B41852" t="s">
        <v>25736</v>
      </c>
      <c r="C41852" t="s">
        <v>3654</v>
      </c>
      <c r="D41852" t="s">
        <v>3655</v>
      </c>
      <c r="E41852" t="s">
        <v>3352</v>
      </c>
      <c r="F41852" t="s">
        <v>3353</v>
      </c>
      <c r="G41852" t="s">
        <v>80</v>
      </c>
      <c r="H41852" t="s">
        <v>81</v>
      </c>
      <c r="I41852" s="2">
        <v>0</v>
      </c>
      <c r="J41852" s="2">
        <v>1</v>
      </c>
      <c r="K41852" s="2">
        <v>0</v>
      </c>
      <c r="L41852" t="s">
        <v>82</v>
      </c>
      <c r="M41852" t="s">
        <v>89</v>
      </c>
      <c r="N41852" t="s">
        <v>90</v>
      </c>
      <c r="O41852" t="s">
        <v>85</v>
      </c>
      <c r="P41852" t="s">
        <v>86</v>
      </c>
      <c r="Q41852">
        <v>158</v>
      </c>
      <c r="R41852">
        <v>163</v>
      </c>
      <c r="S41852">
        <v>168</v>
      </c>
      <c r="T41852">
        <v>173</v>
      </c>
      <c r="U41852">
        <v>178</v>
      </c>
      <c r="V41852">
        <v>184</v>
      </c>
      <c r="W41852">
        <v>189</v>
      </c>
      <c r="X41852">
        <v>194</v>
      </c>
      <c r="Y41852">
        <v>198</v>
      </c>
      <c r="Z41852">
        <v>203</v>
      </c>
      <c r="AA41852">
        <v>208</v>
      </c>
      <c r="AB41852">
        <v>213</v>
      </c>
      <c r="AC41852">
        <v>218</v>
      </c>
      <c r="AD41852">
        <v>223</v>
      </c>
      <c r="AE41852">
        <v>226</v>
      </c>
      <c r="AF41852">
        <v>229</v>
      </c>
      <c r="AG41852">
        <v>231</v>
      </c>
      <c r="AH41852">
        <v>233</v>
      </c>
      <c r="AI41852">
        <v>235</v>
      </c>
      <c r="AJ41852">
        <v>237</v>
      </c>
      <c r="AK41852">
        <v>239</v>
      </c>
      <c r="AL41852">
        <v>241</v>
      </c>
      <c r="AM41852">
        <v>244</v>
      </c>
      <c r="AN41852">
        <v>246</v>
      </c>
      <c r="AO41852">
        <v>248</v>
      </c>
      <c r="AP41852">
        <v>250</v>
      </c>
      <c r="AQ41852">
        <v>252</v>
      </c>
    </row>
    <row r="41853" spans="1:43">
      <c r="A41853" t="s">
        <v>25735</v>
      </c>
      <c r="B41853" t="s">
        <v>25736</v>
      </c>
      <c r="C41853" t="s">
        <v>3654</v>
      </c>
      <c r="D41853" t="s">
        <v>3655</v>
      </c>
      <c r="E41853" t="s">
        <v>3352</v>
      </c>
      <c r="F41853" t="s">
        <v>3353</v>
      </c>
      <c r="G41853" t="s">
        <v>80</v>
      </c>
      <c r="H41853" t="s">
        <v>81</v>
      </c>
      <c r="I41853" s="2">
        <v>0</v>
      </c>
      <c r="J41853" s="2">
        <v>1</v>
      </c>
      <c r="K41853" s="2">
        <v>0</v>
      </c>
      <c r="L41853" t="s">
        <v>82</v>
      </c>
      <c r="M41853" t="s">
        <v>83</v>
      </c>
      <c r="N41853" t="s">
        <v>91</v>
      </c>
      <c r="O41853" t="s">
        <v>85</v>
      </c>
      <c r="P41853" t="s">
        <v>86</v>
      </c>
      <c r="Q41853">
        <v>158</v>
      </c>
      <c r="R41853">
        <v>162</v>
      </c>
      <c r="S41853">
        <v>166</v>
      </c>
      <c r="T41853">
        <v>170</v>
      </c>
      <c r="U41853">
        <v>174</v>
      </c>
      <c r="V41853">
        <v>177</v>
      </c>
      <c r="W41853">
        <v>181</v>
      </c>
      <c r="X41853">
        <v>185</v>
      </c>
      <c r="Y41853">
        <v>189</v>
      </c>
      <c r="Z41853">
        <v>193</v>
      </c>
      <c r="AA41853">
        <v>198</v>
      </c>
      <c r="AB41853">
        <v>202</v>
      </c>
      <c r="AC41853">
        <v>206</v>
      </c>
      <c r="AD41853">
        <v>210</v>
      </c>
      <c r="AE41853">
        <v>214</v>
      </c>
      <c r="AF41853">
        <v>218</v>
      </c>
      <c r="AG41853">
        <v>222</v>
      </c>
      <c r="AH41853">
        <v>226</v>
      </c>
      <c r="AI41853">
        <v>230</v>
      </c>
      <c r="AJ41853">
        <v>234</v>
      </c>
      <c r="AK41853">
        <v>239</v>
      </c>
      <c r="AL41853">
        <v>242</v>
      </c>
      <c r="AM41853">
        <v>244</v>
      </c>
      <c r="AN41853">
        <v>246</v>
      </c>
      <c r="AO41853">
        <v>248</v>
      </c>
      <c r="AP41853">
        <v>250</v>
      </c>
      <c r="AQ41853">
        <v>252</v>
      </c>
    </row>
    <row r="41854" spans="1:43">
      <c r="A41854" t="s">
        <v>25737</v>
      </c>
      <c r="B41854" t="s">
        <v>25738</v>
      </c>
      <c r="C41854" t="s">
        <v>7598</v>
      </c>
      <c r="D41854" t="s">
        <v>7599</v>
      </c>
      <c r="E41854" t="s">
        <v>7278</v>
      </c>
      <c r="F41854" t="s">
        <v>7279</v>
      </c>
      <c r="G41854" t="s">
        <v>80</v>
      </c>
      <c r="H41854" t="s">
        <v>81</v>
      </c>
      <c r="I41854" s="2">
        <v>0</v>
      </c>
      <c r="J41854" s="2">
        <v>1</v>
      </c>
      <c r="K41854" s="2">
        <v>0</v>
      </c>
      <c r="L41854" t="s">
        <v>82</v>
      </c>
      <c r="M41854" t="s">
        <v>83</v>
      </c>
      <c r="N41854" t="s">
        <v>84</v>
      </c>
      <c r="O41854" t="s">
        <v>85</v>
      </c>
      <c r="P41854" t="s">
        <v>86</v>
      </c>
      <c r="Q41854">
        <v>53</v>
      </c>
      <c r="R41854">
        <v>54</v>
      </c>
      <c r="S41854">
        <v>55</v>
      </c>
      <c r="T41854">
        <v>55</v>
      </c>
      <c r="U41854">
        <v>56</v>
      </c>
      <c r="V41854">
        <v>56</v>
      </c>
      <c r="W41854">
        <v>57</v>
      </c>
      <c r="X41854">
        <v>57</v>
      </c>
      <c r="Y41854">
        <v>58</v>
      </c>
      <c r="Z41854">
        <v>58</v>
      </c>
      <c r="AA41854">
        <v>59</v>
      </c>
      <c r="AB41854">
        <v>59</v>
      </c>
      <c r="AC41854">
        <v>60</v>
      </c>
      <c r="AD41854">
        <v>60</v>
      </c>
      <c r="AE41854">
        <v>61</v>
      </c>
      <c r="AF41854">
        <v>61</v>
      </c>
      <c r="AG41854">
        <v>61</v>
      </c>
      <c r="AH41854">
        <v>62</v>
      </c>
      <c r="AI41854">
        <v>62</v>
      </c>
      <c r="AJ41854">
        <v>63</v>
      </c>
      <c r="AK41854">
        <v>63</v>
      </c>
      <c r="AL41854">
        <v>63</v>
      </c>
      <c r="AM41854">
        <v>63</v>
      </c>
      <c r="AN41854">
        <v>63</v>
      </c>
      <c r="AO41854">
        <v>63</v>
      </c>
      <c r="AP41854">
        <v>63</v>
      </c>
      <c r="AQ41854">
        <v>63</v>
      </c>
    </row>
    <row r="41855" spans="1:43">
      <c r="A41855" t="s">
        <v>25737</v>
      </c>
      <c r="B41855" t="s">
        <v>25738</v>
      </c>
      <c r="C41855" t="s">
        <v>7598</v>
      </c>
      <c r="D41855" t="s">
        <v>7599</v>
      </c>
      <c r="E41855" t="s">
        <v>7278</v>
      </c>
      <c r="F41855" t="s">
        <v>7279</v>
      </c>
      <c r="G41855" t="s">
        <v>80</v>
      </c>
      <c r="H41855" t="s">
        <v>81</v>
      </c>
      <c r="I41855" s="2">
        <v>0</v>
      </c>
      <c r="J41855" s="2">
        <v>1</v>
      </c>
      <c r="K41855" s="2">
        <v>0</v>
      </c>
      <c r="L41855" t="s">
        <v>82</v>
      </c>
      <c r="M41855" t="s">
        <v>87</v>
      </c>
      <c r="N41855" t="s">
        <v>88</v>
      </c>
      <c r="O41855" t="s">
        <v>85</v>
      </c>
      <c r="P41855" t="s">
        <v>86</v>
      </c>
      <c r="Q41855">
        <v>53</v>
      </c>
      <c r="R41855">
        <v>53</v>
      </c>
      <c r="S41855">
        <v>53</v>
      </c>
      <c r="T41855">
        <v>53</v>
      </c>
      <c r="U41855">
        <v>53</v>
      </c>
      <c r="V41855">
        <v>53</v>
      </c>
      <c r="W41855">
        <v>53</v>
      </c>
      <c r="X41855">
        <v>53</v>
      </c>
      <c r="Y41855">
        <v>53</v>
      </c>
      <c r="Z41855">
        <v>54</v>
      </c>
      <c r="AA41855">
        <v>54</v>
      </c>
      <c r="AB41855">
        <v>54</v>
      </c>
      <c r="AC41855">
        <v>54</v>
      </c>
      <c r="AD41855">
        <v>54</v>
      </c>
      <c r="AE41855">
        <v>54</v>
      </c>
      <c r="AF41855">
        <v>54</v>
      </c>
      <c r="AG41855">
        <v>54</v>
      </c>
      <c r="AH41855">
        <v>54</v>
      </c>
      <c r="AI41855">
        <v>54</v>
      </c>
      <c r="AJ41855">
        <v>54</v>
      </c>
      <c r="AK41855">
        <v>54</v>
      </c>
      <c r="AL41855">
        <v>54</v>
      </c>
      <c r="AM41855">
        <v>54</v>
      </c>
      <c r="AN41855">
        <v>54</v>
      </c>
      <c r="AO41855">
        <v>54</v>
      </c>
      <c r="AP41855">
        <v>54</v>
      </c>
      <c r="AQ41855">
        <v>54</v>
      </c>
    </row>
    <row r="41856" spans="1:43">
      <c r="A41856" t="s">
        <v>25737</v>
      </c>
      <c r="B41856" t="s">
        <v>25738</v>
      </c>
      <c r="C41856" t="s">
        <v>7598</v>
      </c>
      <c r="D41856" t="s">
        <v>7599</v>
      </c>
      <c r="E41856" t="s">
        <v>7278</v>
      </c>
      <c r="F41856" t="s">
        <v>7279</v>
      </c>
      <c r="G41856" t="s">
        <v>80</v>
      </c>
      <c r="H41856" t="s">
        <v>81</v>
      </c>
      <c r="I41856" s="2">
        <v>0</v>
      </c>
      <c r="J41856" s="2">
        <v>1</v>
      </c>
      <c r="K41856" s="2">
        <v>0</v>
      </c>
      <c r="L41856" t="s">
        <v>82</v>
      </c>
      <c r="M41856" t="s">
        <v>89</v>
      </c>
      <c r="N41856" t="s">
        <v>90</v>
      </c>
      <c r="O41856" t="s">
        <v>85</v>
      </c>
      <c r="P41856" t="s">
        <v>86</v>
      </c>
      <c r="Q41856">
        <v>53</v>
      </c>
      <c r="R41856">
        <v>54</v>
      </c>
      <c r="S41856">
        <v>55</v>
      </c>
      <c r="T41856">
        <v>56</v>
      </c>
      <c r="U41856">
        <v>57</v>
      </c>
      <c r="V41856">
        <v>58</v>
      </c>
      <c r="W41856">
        <v>59</v>
      </c>
      <c r="X41856">
        <v>60</v>
      </c>
      <c r="Y41856">
        <v>60</v>
      </c>
      <c r="Z41856">
        <v>61</v>
      </c>
      <c r="AA41856">
        <v>62</v>
      </c>
      <c r="AB41856">
        <v>62</v>
      </c>
      <c r="AC41856">
        <v>63</v>
      </c>
      <c r="AD41856">
        <v>64</v>
      </c>
      <c r="AE41856">
        <v>64</v>
      </c>
      <c r="AF41856">
        <v>64</v>
      </c>
      <c r="AG41856">
        <v>64</v>
      </c>
      <c r="AH41856">
        <v>64</v>
      </c>
      <c r="AI41856">
        <v>64</v>
      </c>
      <c r="AJ41856">
        <v>63</v>
      </c>
      <c r="AK41856">
        <v>63</v>
      </c>
      <c r="AL41856">
        <v>63</v>
      </c>
      <c r="AM41856">
        <v>63</v>
      </c>
      <c r="AN41856">
        <v>63</v>
      </c>
      <c r="AO41856">
        <v>63</v>
      </c>
      <c r="AP41856">
        <v>63</v>
      </c>
      <c r="AQ41856">
        <v>62</v>
      </c>
    </row>
    <row r="41857" spans="1:43">
      <c r="A41857" t="s">
        <v>25737</v>
      </c>
      <c r="B41857" t="s">
        <v>25738</v>
      </c>
      <c r="C41857" t="s">
        <v>7598</v>
      </c>
      <c r="D41857" t="s">
        <v>7599</v>
      </c>
      <c r="E41857" t="s">
        <v>7278</v>
      </c>
      <c r="F41857" t="s">
        <v>7279</v>
      </c>
      <c r="G41857" t="s">
        <v>80</v>
      </c>
      <c r="H41857" t="s">
        <v>81</v>
      </c>
      <c r="I41857" s="2">
        <v>0</v>
      </c>
      <c r="J41857" s="2">
        <v>1</v>
      </c>
      <c r="K41857" s="2">
        <v>0</v>
      </c>
      <c r="L41857" t="s">
        <v>82</v>
      </c>
      <c r="M41857" t="s">
        <v>83</v>
      </c>
      <c r="N41857" t="s">
        <v>91</v>
      </c>
      <c r="O41857" t="s">
        <v>85</v>
      </c>
      <c r="P41857" t="s">
        <v>86</v>
      </c>
      <c r="Q41857">
        <v>53</v>
      </c>
      <c r="R41857">
        <v>54</v>
      </c>
      <c r="S41857">
        <v>55</v>
      </c>
      <c r="T41857">
        <v>55</v>
      </c>
      <c r="U41857">
        <v>56</v>
      </c>
      <c r="V41857">
        <v>56</v>
      </c>
      <c r="W41857">
        <v>57</v>
      </c>
      <c r="X41857">
        <v>57</v>
      </c>
      <c r="Y41857">
        <v>58</v>
      </c>
      <c r="Z41857">
        <v>58</v>
      </c>
      <c r="AA41857">
        <v>59</v>
      </c>
      <c r="AB41857">
        <v>59</v>
      </c>
      <c r="AC41857">
        <v>60</v>
      </c>
      <c r="AD41857">
        <v>60</v>
      </c>
      <c r="AE41857">
        <v>61</v>
      </c>
      <c r="AF41857">
        <v>61</v>
      </c>
      <c r="AG41857">
        <v>61</v>
      </c>
      <c r="AH41857">
        <v>62</v>
      </c>
      <c r="AI41857">
        <v>62</v>
      </c>
      <c r="AJ41857">
        <v>63</v>
      </c>
      <c r="AK41857">
        <v>63</v>
      </c>
      <c r="AL41857">
        <v>63</v>
      </c>
      <c r="AM41857">
        <v>63</v>
      </c>
      <c r="AN41857">
        <v>63</v>
      </c>
      <c r="AO41857">
        <v>63</v>
      </c>
      <c r="AP41857">
        <v>63</v>
      </c>
      <c r="AQ41857">
        <v>63</v>
      </c>
    </row>
    <row r="41858" spans="1:43">
      <c r="A41858" t="s">
        <v>25739</v>
      </c>
      <c r="B41858" t="s">
        <v>25740</v>
      </c>
      <c r="C41858" t="s">
        <v>7598</v>
      </c>
      <c r="D41858" t="s">
        <v>7599</v>
      </c>
      <c r="E41858" t="s">
        <v>7278</v>
      </c>
      <c r="F41858" t="s">
        <v>7279</v>
      </c>
      <c r="G41858" t="s">
        <v>80</v>
      </c>
      <c r="H41858" t="s">
        <v>81</v>
      </c>
      <c r="I41858" s="2">
        <v>0</v>
      </c>
      <c r="J41858" s="2">
        <v>1</v>
      </c>
      <c r="K41858" s="2">
        <v>0</v>
      </c>
      <c r="L41858" t="s">
        <v>82</v>
      </c>
      <c r="M41858" t="s">
        <v>83</v>
      </c>
      <c r="N41858" t="s">
        <v>84</v>
      </c>
      <c r="O41858" t="s">
        <v>85</v>
      </c>
      <c r="P41858" t="s">
        <v>86</v>
      </c>
      <c r="Q41858">
        <v>76</v>
      </c>
      <c r="R41858">
        <v>77</v>
      </c>
      <c r="S41858">
        <v>78</v>
      </c>
      <c r="T41858">
        <v>79</v>
      </c>
      <c r="U41858">
        <v>79</v>
      </c>
      <c r="V41858">
        <v>80</v>
      </c>
      <c r="W41858">
        <v>81</v>
      </c>
      <c r="X41858">
        <v>82</v>
      </c>
      <c r="Y41858">
        <v>82</v>
      </c>
      <c r="Z41858">
        <v>83</v>
      </c>
      <c r="AA41858">
        <v>84</v>
      </c>
      <c r="AB41858">
        <v>85</v>
      </c>
      <c r="AC41858">
        <v>85</v>
      </c>
      <c r="AD41858">
        <v>86</v>
      </c>
      <c r="AE41858">
        <v>86</v>
      </c>
      <c r="AF41858">
        <v>87</v>
      </c>
      <c r="AG41858">
        <v>88</v>
      </c>
      <c r="AH41858">
        <v>88</v>
      </c>
      <c r="AI41858">
        <v>89</v>
      </c>
      <c r="AJ41858">
        <v>89</v>
      </c>
      <c r="AK41858">
        <v>90</v>
      </c>
      <c r="AL41858">
        <v>90</v>
      </c>
      <c r="AM41858">
        <v>90</v>
      </c>
      <c r="AN41858">
        <v>90</v>
      </c>
      <c r="AO41858">
        <v>90</v>
      </c>
      <c r="AP41858">
        <v>89</v>
      </c>
      <c r="AQ41858">
        <v>89</v>
      </c>
    </row>
    <row r="41859" spans="1:43">
      <c r="A41859" t="s">
        <v>25739</v>
      </c>
      <c r="B41859" t="s">
        <v>25740</v>
      </c>
      <c r="C41859" t="s">
        <v>7598</v>
      </c>
      <c r="D41859" t="s">
        <v>7599</v>
      </c>
      <c r="E41859" t="s">
        <v>7278</v>
      </c>
      <c r="F41859" t="s">
        <v>7279</v>
      </c>
      <c r="G41859" t="s">
        <v>80</v>
      </c>
      <c r="H41859" t="s">
        <v>81</v>
      </c>
      <c r="I41859" s="2">
        <v>0</v>
      </c>
      <c r="J41859" s="2">
        <v>1</v>
      </c>
      <c r="K41859" s="2">
        <v>0</v>
      </c>
      <c r="L41859" t="s">
        <v>82</v>
      </c>
      <c r="M41859" t="s">
        <v>87</v>
      </c>
      <c r="N41859" t="s">
        <v>88</v>
      </c>
      <c r="O41859" t="s">
        <v>85</v>
      </c>
      <c r="P41859" t="s">
        <v>86</v>
      </c>
      <c r="Q41859">
        <v>76</v>
      </c>
      <c r="R41859">
        <v>77</v>
      </c>
      <c r="S41859">
        <v>77</v>
      </c>
      <c r="T41859">
        <v>77</v>
      </c>
      <c r="U41859">
        <v>77</v>
      </c>
      <c r="V41859">
        <v>77</v>
      </c>
      <c r="W41859">
        <v>77</v>
      </c>
      <c r="X41859">
        <v>77</v>
      </c>
      <c r="Y41859">
        <v>77</v>
      </c>
      <c r="Z41859">
        <v>77</v>
      </c>
      <c r="AA41859">
        <v>77</v>
      </c>
      <c r="AB41859">
        <v>77</v>
      </c>
      <c r="AC41859">
        <v>77</v>
      </c>
      <c r="AD41859">
        <v>77</v>
      </c>
      <c r="AE41859">
        <v>78</v>
      </c>
      <c r="AF41859">
        <v>78</v>
      </c>
      <c r="AG41859">
        <v>78</v>
      </c>
      <c r="AH41859">
        <v>78</v>
      </c>
      <c r="AI41859">
        <v>78</v>
      </c>
      <c r="AJ41859">
        <v>78</v>
      </c>
      <c r="AK41859">
        <v>78</v>
      </c>
      <c r="AL41859">
        <v>78</v>
      </c>
      <c r="AM41859">
        <v>78</v>
      </c>
      <c r="AN41859">
        <v>78</v>
      </c>
      <c r="AO41859">
        <v>78</v>
      </c>
      <c r="AP41859">
        <v>78</v>
      </c>
      <c r="AQ41859">
        <v>78</v>
      </c>
    </row>
    <row r="41860" spans="1:43">
      <c r="A41860" t="s">
        <v>25739</v>
      </c>
      <c r="B41860" t="s">
        <v>25740</v>
      </c>
      <c r="C41860" t="s">
        <v>7598</v>
      </c>
      <c r="D41860" t="s">
        <v>7599</v>
      </c>
      <c r="E41860" t="s">
        <v>7278</v>
      </c>
      <c r="F41860" t="s">
        <v>7279</v>
      </c>
      <c r="G41860" t="s">
        <v>80</v>
      </c>
      <c r="H41860" t="s">
        <v>81</v>
      </c>
      <c r="I41860" s="2">
        <v>0</v>
      </c>
      <c r="J41860" s="2">
        <v>1</v>
      </c>
      <c r="K41860" s="2">
        <v>0</v>
      </c>
      <c r="L41860" t="s">
        <v>82</v>
      </c>
      <c r="M41860" t="s">
        <v>89</v>
      </c>
      <c r="N41860" t="s">
        <v>90</v>
      </c>
      <c r="O41860" t="s">
        <v>85</v>
      </c>
      <c r="P41860" t="s">
        <v>86</v>
      </c>
      <c r="Q41860">
        <v>76</v>
      </c>
      <c r="R41860">
        <v>77</v>
      </c>
      <c r="S41860">
        <v>79</v>
      </c>
      <c r="T41860">
        <v>80</v>
      </c>
      <c r="U41860">
        <v>82</v>
      </c>
      <c r="V41860">
        <v>83</v>
      </c>
      <c r="W41860">
        <v>84</v>
      </c>
      <c r="X41860">
        <v>85</v>
      </c>
      <c r="Y41860">
        <v>86</v>
      </c>
      <c r="Z41860">
        <v>87</v>
      </c>
      <c r="AA41860">
        <v>88</v>
      </c>
      <c r="AB41860">
        <v>89</v>
      </c>
      <c r="AC41860">
        <v>90</v>
      </c>
      <c r="AD41860">
        <v>91</v>
      </c>
      <c r="AE41860">
        <v>92</v>
      </c>
      <c r="AF41860">
        <v>92</v>
      </c>
      <c r="AG41860">
        <v>91</v>
      </c>
      <c r="AH41860">
        <v>91</v>
      </c>
      <c r="AI41860">
        <v>91</v>
      </c>
      <c r="AJ41860">
        <v>91</v>
      </c>
      <c r="AK41860">
        <v>91</v>
      </c>
      <c r="AL41860">
        <v>90</v>
      </c>
      <c r="AM41860">
        <v>90</v>
      </c>
      <c r="AN41860">
        <v>90</v>
      </c>
      <c r="AO41860">
        <v>90</v>
      </c>
      <c r="AP41860">
        <v>90</v>
      </c>
      <c r="AQ41860">
        <v>90</v>
      </c>
    </row>
    <row r="41861" spans="1:43">
      <c r="A41861" t="s">
        <v>25739</v>
      </c>
      <c r="B41861" t="s">
        <v>25740</v>
      </c>
      <c r="C41861" t="s">
        <v>7598</v>
      </c>
      <c r="D41861" t="s">
        <v>7599</v>
      </c>
      <c r="E41861" t="s">
        <v>7278</v>
      </c>
      <c r="F41861" t="s">
        <v>7279</v>
      </c>
      <c r="G41861" t="s">
        <v>80</v>
      </c>
      <c r="H41861" t="s">
        <v>81</v>
      </c>
      <c r="I41861" s="2">
        <v>0</v>
      </c>
      <c r="J41861" s="2">
        <v>1</v>
      </c>
      <c r="K41861" s="2">
        <v>0</v>
      </c>
      <c r="L41861" t="s">
        <v>82</v>
      </c>
      <c r="M41861" t="s">
        <v>83</v>
      </c>
      <c r="N41861" t="s">
        <v>91</v>
      </c>
      <c r="O41861" t="s">
        <v>85</v>
      </c>
      <c r="P41861" t="s">
        <v>86</v>
      </c>
      <c r="Q41861">
        <v>76</v>
      </c>
      <c r="R41861">
        <v>77</v>
      </c>
      <c r="S41861">
        <v>78</v>
      </c>
      <c r="T41861">
        <v>79</v>
      </c>
      <c r="U41861">
        <v>79</v>
      </c>
      <c r="V41861">
        <v>80</v>
      </c>
      <c r="W41861">
        <v>81</v>
      </c>
      <c r="X41861">
        <v>82</v>
      </c>
      <c r="Y41861">
        <v>82</v>
      </c>
      <c r="Z41861">
        <v>83</v>
      </c>
      <c r="AA41861">
        <v>84</v>
      </c>
      <c r="AB41861">
        <v>85</v>
      </c>
      <c r="AC41861">
        <v>85</v>
      </c>
      <c r="AD41861">
        <v>86</v>
      </c>
      <c r="AE41861">
        <v>86</v>
      </c>
      <c r="AF41861">
        <v>87</v>
      </c>
      <c r="AG41861">
        <v>88</v>
      </c>
      <c r="AH41861">
        <v>88</v>
      </c>
      <c r="AI41861">
        <v>89</v>
      </c>
      <c r="AJ41861">
        <v>89</v>
      </c>
      <c r="AK41861">
        <v>90</v>
      </c>
      <c r="AL41861">
        <v>90</v>
      </c>
      <c r="AM41861">
        <v>90</v>
      </c>
      <c r="AN41861">
        <v>90</v>
      </c>
      <c r="AO41861">
        <v>90</v>
      </c>
      <c r="AP41861">
        <v>89</v>
      </c>
      <c r="AQ41861">
        <v>89</v>
      </c>
    </row>
    <row r="41862" spans="1:43">
      <c r="A41862" t="s">
        <v>25741</v>
      </c>
      <c r="B41862" t="s">
        <v>25742</v>
      </c>
      <c r="C41862" t="s">
        <v>7308</v>
      </c>
      <c r="D41862" t="s">
        <v>7309</v>
      </c>
      <c r="E41862" t="s">
        <v>7278</v>
      </c>
      <c r="F41862" t="s">
        <v>7279</v>
      </c>
      <c r="G41862" t="s">
        <v>80</v>
      </c>
      <c r="H41862" t="s">
        <v>81</v>
      </c>
      <c r="I41862" s="2">
        <v>0</v>
      </c>
      <c r="J41862" s="2">
        <v>1</v>
      </c>
      <c r="K41862" s="2">
        <v>0</v>
      </c>
      <c r="L41862" t="s">
        <v>82</v>
      </c>
      <c r="M41862" t="s">
        <v>83</v>
      </c>
      <c r="N41862" t="s">
        <v>84</v>
      </c>
      <c r="O41862" t="s">
        <v>85</v>
      </c>
      <c r="P41862" t="s">
        <v>86</v>
      </c>
      <c r="Q41862">
        <v>44</v>
      </c>
      <c r="R41862">
        <v>44</v>
      </c>
      <c r="S41862">
        <v>45</v>
      </c>
      <c r="T41862">
        <v>45</v>
      </c>
      <c r="U41862">
        <v>46</v>
      </c>
      <c r="V41862">
        <v>46</v>
      </c>
      <c r="W41862">
        <v>46</v>
      </c>
      <c r="X41862">
        <v>47</v>
      </c>
      <c r="Y41862">
        <v>47</v>
      </c>
      <c r="Z41862">
        <v>48</v>
      </c>
      <c r="AA41862">
        <v>48</v>
      </c>
      <c r="AB41862">
        <v>49</v>
      </c>
      <c r="AC41862">
        <v>49</v>
      </c>
      <c r="AD41862">
        <v>49</v>
      </c>
      <c r="AE41862">
        <v>50</v>
      </c>
      <c r="AF41862">
        <v>50</v>
      </c>
      <c r="AG41862">
        <v>50</v>
      </c>
      <c r="AH41862">
        <v>51</v>
      </c>
      <c r="AI41862">
        <v>51</v>
      </c>
      <c r="AJ41862">
        <v>51</v>
      </c>
      <c r="AK41862">
        <v>52</v>
      </c>
      <c r="AL41862">
        <v>52</v>
      </c>
      <c r="AM41862">
        <v>52</v>
      </c>
      <c r="AN41862">
        <v>52</v>
      </c>
      <c r="AO41862">
        <v>52</v>
      </c>
      <c r="AP41862">
        <v>52</v>
      </c>
      <c r="AQ41862">
        <v>52</v>
      </c>
    </row>
    <row r="41863" spans="1:43">
      <c r="A41863" t="s">
        <v>25741</v>
      </c>
      <c r="B41863" t="s">
        <v>25742</v>
      </c>
      <c r="C41863" t="s">
        <v>7308</v>
      </c>
      <c r="D41863" t="s">
        <v>7309</v>
      </c>
      <c r="E41863" t="s">
        <v>7278</v>
      </c>
      <c r="F41863" t="s">
        <v>7279</v>
      </c>
      <c r="G41863" t="s">
        <v>80</v>
      </c>
      <c r="H41863" t="s">
        <v>81</v>
      </c>
      <c r="I41863" s="2">
        <v>0</v>
      </c>
      <c r="J41863" s="2">
        <v>1</v>
      </c>
      <c r="K41863" s="2">
        <v>0</v>
      </c>
      <c r="L41863" t="s">
        <v>82</v>
      </c>
      <c r="M41863" t="s">
        <v>87</v>
      </c>
      <c r="N41863" t="s">
        <v>88</v>
      </c>
      <c r="O41863" t="s">
        <v>85</v>
      </c>
      <c r="P41863" t="s">
        <v>86</v>
      </c>
      <c r="Q41863">
        <v>44</v>
      </c>
      <c r="R41863">
        <v>44</v>
      </c>
      <c r="S41863">
        <v>44</v>
      </c>
      <c r="T41863">
        <v>44</v>
      </c>
      <c r="U41863">
        <v>45</v>
      </c>
      <c r="V41863">
        <v>45</v>
      </c>
      <c r="W41863">
        <v>45</v>
      </c>
      <c r="X41863">
        <v>45</v>
      </c>
      <c r="Y41863">
        <v>45</v>
      </c>
      <c r="Z41863">
        <v>45</v>
      </c>
      <c r="AA41863">
        <v>45</v>
      </c>
      <c r="AB41863">
        <v>45</v>
      </c>
      <c r="AC41863">
        <v>45</v>
      </c>
      <c r="AD41863">
        <v>45</v>
      </c>
      <c r="AE41863">
        <v>45</v>
      </c>
      <c r="AF41863">
        <v>45</v>
      </c>
      <c r="AG41863">
        <v>45</v>
      </c>
      <c r="AH41863">
        <v>45</v>
      </c>
      <c r="AI41863">
        <v>45</v>
      </c>
      <c r="AJ41863">
        <v>45</v>
      </c>
      <c r="AK41863">
        <v>45</v>
      </c>
      <c r="AL41863">
        <v>45</v>
      </c>
      <c r="AM41863">
        <v>45</v>
      </c>
      <c r="AN41863">
        <v>45</v>
      </c>
      <c r="AO41863">
        <v>45</v>
      </c>
      <c r="AP41863">
        <v>45</v>
      </c>
      <c r="AQ41863">
        <v>45</v>
      </c>
    </row>
    <row r="41864" spans="1:43">
      <c r="A41864" t="s">
        <v>25741</v>
      </c>
      <c r="B41864" t="s">
        <v>25742</v>
      </c>
      <c r="C41864" t="s">
        <v>7308</v>
      </c>
      <c r="D41864" t="s">
        <v>7309</v>
      </c>
      <c r="E41864" t="s">
        <v>7278</v>
      </c>
      <c r="F41864" t="s">
        <v>7279</v>
      </c>
      <c r="G41864" t="s">
        <v>80</v>
      </c>
      <c r="H41864" t="s">
        <v>81</v>
      </c>
      <c r="I41864" s="2">
        <v>0</v>
      </c>
      <c r="J41864" s="2">
        <v>1</v>
      </c>
      <c r="K41864" s="2">
        <v>0</v>
      </c>
      <c r="L41864" t="s">
        <v>82</v>
      </c>
      <c r="M41864" t="s">
        <v>89</v>
      </c>
      <c r="N41864" t="s">
        <v>90</v>
      </c>
      <c r="O41864" t="s">
        <v>85</v>
      </c>
      <c r="P41864" t="s">
        <v>86</v>
      </c>
      <c r="Q41864">
        <v>44</v>
      </c>
      <c r="R41864">
        <v>45</v>
      </c>
      <c r="S41864">
        <v>46</v>
      </c>
      <c r="T41864">
        <v>47</v>
      </c>
      <c r="U41864">
        <v>47</v>
      </c>
      <c r="V41864">
        <v>48</v>
      </c>
      <c r="W41864">
        <v>49</v>
      </c>
      <c r="X41864">
        <v>50</v>
      </c>
      <c r="Y41864">
        <v>50</v>
      </c>
      <c r="Z41864">
        <v>51</v>
      </c>
      <c r="AA41864">
        <v>51</v>
      </c>
      <c r="AB41864">
        <v>52</v>
      </c>
      <c r="AC41864">
        <v>52</v>
      </c>
      <c r="AD41864">
        <v>53</v>
      </c>
      <c r="AE41864">
        <v>53</v>
      </c>
      <c r="AF41864">
        <v>53</v>
      </c>
      <c r="AG41864">
        <v>53</v>
      </c>
      <c r="AH41864">
        <v>53</v>
      </c>
      <c r="AI41864">
        <v>53</v>
      </c>
      <c r="AJ41864">
        <v>53</v>
      </c>
      <c r="AK41864">
        <v>53</v>
      </c>
      <c r="AL41864">
        <v>53</v>
      </c>
      <c r="AM41864">
        <v>53</v>
      </c>
      <c r="AN41864">
        <v>53</v>
      </c>
      <c r="AO41864">
        <v>53</v>
      </c>
      <c r="AP41864">
        <v>53</v>
      </c>
      <c r="AQ41864">
        <v>53</v>
      </c>
    </row>
    <row r="41865" spans="1:43">
      <c r="A41865" t="s">
        <v>25741</v>
      </c>
      <c r="B41865" t="s">
        <v>25742</v>
      </c>
      <c r="C41865" t="s">
        <v>7308</v>
      </c>
      <c r="D41865" t="s">
        <v>7309</v>
      </c>
      <c r="E41865" t="s">
        <v>7278</v>
      </c>
      <c r="F41865" t="s">
        <v>7279</v>
      </c>
      <c r="G41865" t="s">
        <v>80</v>
      </c>
      <c r="H41865" t="s">
        <v>81</v>
      </c>
      <c r="I41865" s="2">
        <v>0</v>
      </c>
      <c r="J41865" s="2">
        <v>1</v>
      </c>
      <c r="K41865" s="2">
        <v>0</v>
      </c>
      <c r="L41865" t="s">
        <v>82</v>
      </c>
      <c r="M41865" t="s">
        <v>83</v>
      </c>
      <c r="N41865" t="s">
        <v>91</v>
      </c>
      <c r="O41865" t="s">
        <v>85</v>
      </c>
      <c r="P41865" t="s">
        <v>86</v>
      </c>
      <c r="Q41865">
        <v>44</v>
      </c>
      <c r="R41865">
        <v>44</v>
      </c>
      <c r="S41865">
        <v>45</v>
      </c>
      <c r="T41865">
        <v>45</v>
      </c>
      <c r="U41865">
        <v>46</v>
      </c>
      <c r="V41865">
        <v>46</v>
      </c>
      <c r="W41865">
        <v>46</v>
      </c>
      <c r="X41865">
        <v>47</v>
      </c>
      <c r="Y41865">
        <v>47</v>
      </c>
      <c r="Z41865">
        <v>48</v>
      </c>
      <c r="AA41865">
        <v>48</v>
      </c>
      <c r="AB41865">
        <v>49</v>
      </c>
      <c r="AC41865">
        <v>49</v>
      </c>
      <c r="AD41865">
        <v>49</v>
      </c>
      <c r="AE41865">
        <v>50</v>
      </c>
      <c r="AF41865">
        <v>50</v>
      </c>
      <c r="AG41865">
        <v>50</v>
      </c>
      <c r="AH41865">
        <v>51</v>
      </c>
      <c r="AI41865">
        <v>51</v>
      </c>
      <c r="AJ41865">
        <v>51</v>
      </c>
      <c r="AK41865">
        <v>52</v>
      </c>
      <c r="AL41865">
        <v>52</v>
      </c>
      <c r="AM41865">
        <v>52</v>
      </c>
      <c r="AN41865">
        <v>52</v>
      </c>
      <c r="AO41865">
        <v>52</v>
      </c>
      <c r="AP41865">
        <v>52</v>
      </c>
      <c r="AQ41865">
        <v>52</v>
      </c>
    </row>
    <row r="41866" spans="1:43">
      <c r="A41866" t="s">
        <v>25743</v>
      </c>
      <c r="B41866" t="s">
        <v>25744</v>
      </c>
      <c r="C41866" t="s">
        <v>7308</v>
      </c>
      <c r="D41866" t="s">
        <v>7309</v>
      </c>
      <c r="E41866" t="s">
        <v>7278</v>
      </c>
      <c r="F41866" t="s">
        <v>7279</v>
      </c>
      <c r="G41866" t="s">
        <v>80</v>
      </c>
      <c r="H41866" t="s">
        <v>81</v>
      </c>
      <c r="I41866" s="2">
        <v>0</v>
      </c>
      <c r="J41866" s="2">
        <v>1</v>
      </c>
      <c r="K41866" s="2">
        <v>0</v>
      </c>
      <c r="L41866" t="s">
        <v>82</v>
      </c>
      <c r="M41866" t="s">
        <v>83</v>
      </c>
      <c r="N41866" t="s">
        <v>84</v>
      </c>
      <c r="O41866" t="s">
        <v>85</v>
      </c>
      <c r="P41866" t="s">
        <v>86</v>
      </c>
      <c r="Q41866">
        <v>12</v>
      </c>
      <c r="R41866">
        <v>12</v>
      </c>
      <c r="S41866">
        <v>12</v>
      </c>
      <c r="T41866">
        <v>12</v>
      </c>
      <c r="U41866">
        <v>13</v>
      </c>
      <c r="V41866">
        <v>13</v>
      </c>
      <c r="W41866">
        <v>13</v>
      </c>
      <c r="X41866">
        <v>13</v>
      </c>
      <c r="Y41866">
        <v>13</v>
      </c>
      <c r="Z41866">
        <v>13</v>
      </c>
      <c r="AA41866">
        <v>13</v>
      </c>
      <c r="AB41866">
        <v>13</v>
      </c>
      <c r="AC41866">
        <v>13</v>
      </c>
      <c r="AD41866">
        <v>14</v>
      </c>
      <c r="AE41866">
        <v>14</v>
      </c>
      <c r="AF41866">
        <v>14</v>
      </c>
      <c r="AG41866">
        <v>14</v>
      </c>
      <c r="AH41866">
        <v>14</v>
      </c>
      <c r="AI41866">
        <v>14</v>
      </c>
      <c r="AJ41866">
        <v>14</v>
      </c>
      <c r="AK41866">
        <v>14</v>
      </c>
      <c r="AL41866">
        <v>14</v>
      </c>
      <c r="AM41866">
        <v>14</v>
      </c>
      <c r="AN41866">
        <v>14</v>
      </c>
      <c r="AO41866">
        <v>14</v>
      </c>
      <c r="AP41866">
        <v>14</v>
      </c>
      <c r="AQ41866">
        <v>14</v>
      </c>
    </row>
    <row r="41867" spans="1:43">
      <c r="A41867" t="s">
        <v>25743</v>
      </c>
      <c r="B41867" t="s">
        <v>25744</v>
      </c>
      <c r="C41867" t="s">
        <v>7308</v>
      </c>
      <c r="D41867" t="s">
        <v>7309</v>
      </c>
      <c r="E41867" t="s">
        <v>7278</v>
      </c>
      <c r="F41867" t="s">
        <v>7279</v>
      </c>
      <c r="G41867" t="s">
        <v>80</v>
      </c>
      <c r="H41867" t="s">
        <v>81</v>
      </c>
      <c r="I41867" s="2">
        <v>0</v>
      </c>
      <c r="J41867" s="2">
        <v>1</v>
      </c>
      <c r="K41867" s="2">
        <v>0</v>
      </c>
      <c r="L41867" t="s">
        <v>82</v>
      </c>
      <c r="M41867" t="s">
        <v>87</v>
      </c>
      <c r="N41867" t="s">
        <v>88</v>
      </c>
      <c r="O41867" t="s">
        <v>85</v>
      </c>
      <c r="P41867" t="s">
        <v>86</v>
      </c>
      <c r="Q41867">
        <v>12</v>
      </c>
      <c r="R41867">
        <v>12</v>
      </c>
      <c r="S41867">
        <v>12</v>
      </c>
      <c r="T41867">
        <v>12</v>
      </c>
      <c r="U41867">
        <v>12</v>
      </c>
      <c r="V41867">
        <v>12</v>
      </c>
      <c r="W41867">
        <v>12</v>
      </c>
      <c r="X41867">
        <v>12</v>
      </c>
      <c r="Y41867">
        <v>12</v>
      </c>
      <c r="Z41867">
        <v>12</v>
      </c>
      <c r="AA41867">
        <v>12</v>
      </c>
      <c r="AB41867">
        <v>12</v>
      </c>
      <c r="AC41867">
        <v>12</v>
      </c>
      <c r="AD41867">
        <v>12</v>
      </c>
      <c r="AE41867">
        <v>12</v>
      </c>
      <c r="AF41867">
        <v>12</v>
      </c>
      <c r="AG41867">
        <v>12</v>
      </c>
      <c r="AH41867">
        <v>12</v>
      </c>
      <c r="AI41867">
        <v>12</v>
      </c>
      <c r="AJ41867">
        <v>12</v>
      </c>
      <c r="AK41867">
        <v>12</v>
      </c>
      <c r="AL41867">
        <v>12</v>
      </c>
      <c r="AM41867">
        <v>12</v>
      </c>
      <c r="AN41867">
        <v>12</v>
      </c>
      <c r="AO41867">
        <v>12</v>
      </c>
      <c r="AP41867">
        <v>12</v>
      </c>
      <c r="AQ41867">
        <v>12</v>
      </c>
    </row>
    <row r="41868" spans="1:43">
      <c r="A41868" t="s">
        <v>25743</v>
      </c>
      <c r="B41868" t="s">
        <v>25744</v>
      </c>
      <c r="C41868" t="s">
        <v>7308</v>
      </c>
      <c r="D41868" t="s">
        <v>7309</v>
      </c>
      <c r="E41868" t="s">
        <v>7278</v>
      </c>
      <c r="F41868" t="s">
        <v>7279</v>
      </c>
      <c r="G41868" t="s">
        <v>80</v>
      </c>
      <c r="H41868" t="s">
        <v>81</v>
      </c>
      <c r="I41868" s="2">
        <v>0</v>
      </c>
      <c r="J41868" s="2">
        <v>1</v>
      </c>
      <c r="K41868" s="2">
        <v>0</v>
      </c>
      <c r="L41868" t="s">
        <v>82</v>
      </c>
      <c r="M41868" t="s">
        <v>89</v>
      </c>
      <c r="N41868" t="s">
        <v>90</v>
      </c>
      <c r="O41868" t="s">
        <v>85</v>
      </c>
      <c r="P41868" t="s">
        <v>86</v>
      </c>
      <c r="Q41868">
        <v>12</v>
      </c>
      <c r="R41868">
        <v>12</v>
      </c>
      <c r="S41868">
        <v>13</v>
      </c>
      <c r="T41868">
        <v>13</v>
      </c>
      <c r="U41868">
        <v>13</v>
      </c>
      <c r="V41868">
        <v>13</v>
      </c>
      <c r="W41868">
        <v>13</v>
      </c>
      <c r="X41868">
        <v>14</v>
      </c>
      <c r="Y41868">
        <v>14</v>
      </c>
      <c r="Z41868">
        <v>14</v>
      </c>
      <c r="AA41868">
        <v>14</v>
      </c>
      <c r="AB41868">
        <v>14</v>
      </c>
      <c r="AC41868">
        <v>14</v>
      </c>
      <c r="AD41868">
        <v>15</v>
      </c>
      <c r="AE41868">
        <v>15</v>
      </c>
      <c r="AF41868">
        <v>15</v>
      </c>
      <c r="AG41868">
        <v>15</v>
      </c>
      <c r="AH41868">
        <v>15</v>
      </c>
      <c r="AI41868">
        <v>15</v>
      </c>
      <c r="AJ41868">
        <v>15</v>
      </c>
      <c r="AK41868">
        <v>15</v>
      </c>
      <c r="AL41868">
        <v>15</v>
      </c>
      <c r="AM41868">
        <v>15</v>
      </c>
      <c r="AN41868">
        <v>14</v>
      </c>
      <c r="AO41868">
        <v>14</v>
      </c>
      <c r="AP41868">
        <v>14</v>
      </c>
      <c r="AQ41868">
        <v>14</v>
      </c>
    </row>
    <row r="41869" spans="1:43">
      <c r="A41869" t="s">
        <v>25743</v>
      </c>
      <c r="B41869" t="s">
        <v>25744</v>
      </c>
      <c r="C41869" t="s">
        <v>7308</v>
      </c>
      <c r="D41869" t="s">
        <v>7309</v>
      </c>
      <c r="E41869" t="s">
        <v>7278</v>
      </c>
      <c r="F41869" t="s">
        <v>7279</v>
      </c>
      <c r="G41869" t="s">
        <v>80</v>
      </c>
      <c r="H41869" t="s">
        <v>81</v>
      </c>
      <c r="I41869" s="2">
        <v>0</v>
      </c>
      <c r="J41869" s="2">
        <v>1</v>
      </c>
      <c r="K41869" s="2">
        <v>0</v>
      </c>
      <c r="L41869" t="s">
        <v>82</v>
      </c>
      <c r="M41869" t="s">
        <v>83</v>
      </c>
      <c r="N41869" t="s">
        <v>91</v>
      </c>
      <c r="O41869" t="s">
        <v>85</v>
      </c>
      <c r="P41869" t="s">
        <v>86</v>
      </c>
      <c r="Q41869">
        <v>12</v>
      </c>
      <c r="R41869">
        <v>12</v>
      </c>
      <c r="S41869">
        <v>12</v>
      </c>
      <c r="T41869">
        <v>12</v>
      </c>
      <c r="U41869">
        <v>13</v>
      </c>
      <c r="V41869">
        <v>13</v>
      </c>
      <c r="W41869">
        <v>13</v>
      </c>
      <c r="X41869">
        <v>13</v>
      </c>
      <c r="Y41869">
        <v>13</v>
      </c>
      <c r="Z41869">
        <v>13</v>
      </c>
      <c r="AA41869">
        <v>13</v>
      </c>
      <c r="AB41869">
        <v>13</v>
      </c>
      <c r="AC41869">
        <v>13</v>
      </c>
      <c r="AD41869">
        <v>14</v>
      </c>
      <c r="AE41869">
        <v>14</v>
      </c>
      <c r="AF41869">
        <v>14</v>
      </c>
      <c r="AG41869">
        <v>14</v>
      </c>
      <c r="AH41869">
        <v>14</v>
      </c>
      <c r="AI41869">
        <v>14</v>
      </c>
      <c r="AJ41869">
        <v>14</v>
      </c>
      <c r="AK41869">
        <v>14</v>
      </c>
      <c r="AL41869">
        <v>14</v>
      </c>
      <c r="AM41869">
        <v>14</v>
      </c>
      <c r="AN41869">
        <v>14</v>
      </c>
      <c r="AO41869">
        <v>14</v>
      </c>
      <c r="AP41869">
        <v>14</v>
      </c>
      <c r="AQ41869">
        <v>14</v>
      </c>
    </row>
    <row r="41870" spans="1:43">
      <c r="A41870" t="s">
        <v>25745</v>
      </c>
      <c r="B41870" t="s">
        <v>25746</v>
      </c>
      <c r="C41870" t="s">
        <v>7312</v>
      </c>
      <c r="D41870" t="s">
        <v>7313</v>
      </c>
      <c r="E41870" t="s">
        <v>7278</v>
      </c>
      <c r="F41870" t="s">
        <v>7279</v>
      </c>
      <c r="G41870" t="s">
        <v>80</v>
      </c>
      <c r="H41870" t="s">
        <v>81</v>
      </c>
      <c r="I41870" s="2">
        <v>0</v>
      </c>
      <c r="J41870" s="2">
        <v>1</v>
      </c>
      <c r="K41870" s="2">
        <v>0</v>
      </c>
      <c r="L41870" t="s">
        <v>82</v>
      </c>
      <c r="M41870" t="s">
        <v>83</v>
      </c>
      <c r="N41870" t="s">
        <v>84</v>
      </c>
      <c r="O41870" t="s">
        <v>85</v>
      </c>
      <c r="P41870" t="s">
        <v>86</v>
      </c>
      <c r="Q41870">
        <v>50</v>
      </c>
      <c r="R41870">
        <v>51</v>
      </c>
      <c r="S41870">
        <v>51</v>
      </c>
      <c r="T41870">
        <v>52</v>
      </c>
      <c r="U41870">
        <v>52</v>
      </c>
      <c r="V41870">
        <v>53</v>
      </c>
      <c r="W41870">
        <v>53</v>
      </c>
      <c r="X41870">
        <v>54</v>
      </c>
      <c r="Y41870">
        <v>54</v>
      </c>
      <c r="Z41870">
        <v>55</v>
      </c>
      <c r="AA41870">
        <v>55</v>
      </c>
      <c r="AB41870">
        <v>56</v>
      </c>
      <c r="AC41870">
        <v>56</v>
      </c>
      <c r="AD41870">
        <v>57</v>
      </c>
      <c r="AE41870">
        <v>57</v>
      </c>
      <c r="AF41870">
        <v>57</v>
      </c>
      <c r="AG41870">
        <v>58</v>
      </c>
      <c r="AH41870">
        <v>58</v>
      </c>
      <c r="AI41870">
        <v>58</v>
      </c>
      <c r="AJ41870">
        <v>59</v>
      </c>
      <c r="AK41870">
        <v>59</v>
      </c>
      <c r="AL41870">
        <v>59</v>
      </c>
      <c r="AM41870">
        <v>59</v>
      </c>
      <c r="AN41870">
        <v>59</v>
      </c>
      <c r="AO41870">
        <v>59</v>
      </c>
      <c r="AP41870">
        <v>59</v>
      </c>
      <c r="AQ41870">
        <v>59</v>
      </c>
    </row>
    <row r="41871" spans="1:43">
      <c r="A41871" t="s">
        <v>25745</v>
      </c>
      <c r="B41871" t="s">
        <v>25746</v>
      </c>
      <c r="C41871" t="s">
        <v>7312</v>
      </c>
      <c r="D41871" t="s">
        <v>7313</v>
      </c>
      <c r="E41871" t="s">
        <v>7278</v>
      </c>
      <c r="F41871" t="s">
        <v>7279</v>
      </c>
      <c r="G41871" t="s">
        <v>80</v>
      </c>
      <c r="H41871" t="s">
        <v>81</v>
      </c>
      <c r="I41871" s="2">
        <v>0</v>
      </c>
      <c r="J41871" s="2">
        <v>1</v>
      </c>
      <c r="K41871" s="2">
        <v>0</v>
      </c>
      <c r="L41871" t="s">
        <v>82</v>
      </c>
      <c r="M41871" t="s">
        <v>87</v>
      </c>
      <c r="N41871" t="s">
        <v>88</v>
      </c>
      <c r="O41871" t="s">
        <v>85</v>
      </c>
      <c r="P41871" t="s">
        <v>86</v>
      </c>
      <c r="Q41871">
        <v>50</v>
      </c>
      <c r="R41871">
        <v>50</v>
      </c>
      <c r="S41871">
        <v>50</v>
      </c>
      <c r="T41871">
        <v>50</v>
      </c>
      <c r="U41871">
        <v>50</v>
      </c>
      <c r="V41871">
        <v>50</v>
      </c>
      <c r="W41871">
        <v>50</v>
      </c>
      <c r="X41871">
        <v>50</v>
      </c>
      <c r="Y41871">
        <v>50</v>
      </c>
      <c r="Z41871">
        <v>50</v>
      </c>
      <c r="AA41871">
        <v>50</v>
      </c>
      <c r="AB41871">
        <v>50</v>
      </c>
      <c r="AC41871">
        <v>50</v>
      </c>
      <c r="AD41871">
        <v>50</v>
      </c>
      <c r="AE41871">
        <v>50</v>
      </c>
      <c r="AF41871">
        <v>50</v>
      </c>
      <c r="AG41871">
        <v>50</v>
      </c>
      <c r="AH41871">
        <v>50</v>
      </c>
      <c r="AI41871">
        <v>50</v>
      </c>
      <c r="AJ41871">
        <v>50</v>
      </c>
      <c r="AK41871">
        <v>50</v>
      </c>
      <c r="AL41871">
        <v>51</v>
      </c>
      <c r="AM41871">
        <v>51</v>
      </c>
      <c r="AN41871">
        <v>51</v>
      </c>
      <c r="AO41871">
        <v>51</v>
      </c>
      <c r="AP41871">
        <v>51</v>
      </c>
      <c r="AQ41871">
        <v>51</v>
      </c>
    </row>
    <row r="41872" spans="1:43">
      <c r="A41872" t="s">
        <v>25745</v>
      </c>
      <c r="B41872" t="s">
        <v>25746</v>
      </c>
      <c r="C41872" t="s">
        <v>7312</v>
      </c>
      <c r="D41872" t="s">
        <v>7313</v>
      </c>
      <c r="E41872" t="s">
        <v>7278</v>
      </c>
      <c r="F41872" t="s">
        <v>7279</v>
      </c>
      <c r="G41872" t="s">
        <v>80</v>
      </c>
      <c r="H41872" t="s">
        <v>81</v>
      </c>
      <c r="I41872" s="2">
        <v>0</v>
      </c>
      <c r="J41872" s="2">
        <v>1</v>
      </c>
      <c r="K41872" s="2">
        <v>0</v>
      </c>
      <c r="L41872" t="s">
        <v>82</v>
      </c>
      <c r="M41872" t="s">
        <v>89</v>
      </c>
      <c r="N41872" t="s">
        <v>90</v>
      </c>
      <c r="O41872" t="s">
        <v>85</v>
      </c>
      <c r="P41872" t="s">
        <v>86</v>
      </c>
      <c r="Q41872">
        <v>50</v>
      </c>
      <c r="R41872">
        <v>51</v>
      </c>
      <c r="S41872">
        <v>52</v>
      </c>
      <c r="T41872">
        <v>52</v>
      </c>
      <c r="U41872">
        <v>53</v>
      </c>
      <c r="V41872">
        <v>54</v>
      </c>
      <c r="W41872">
        <v>55</v>
      </c>
      <c r="X41872">
        <v>56</v>
      </c>
      <c r="Y41872">
        <v>57</v>
      </c>
      <c r="Z41872">
        <v>57</v>
      </c>
      <c r="AA41872">
        <v>58</v>
      </c>
      <c r="AB41872">
        <v>58</v>
      </c>
      <c r="AC41872">
        <v>59</v>
      </c>
      <c r="AD41872">
        <v>60</v>
      </c>
      <c r="AE41872">
        <v>60</v>
      </c>
      <c r="AF41872">
        <v>60</v>
      </c>
      <c r="AG41872">
        <v>60</v>
      </c>
      <c r="AH41872">
        <v>60</v>
      </c>
      <c r="AI41872">
        <v>60</v>
      </c>
      <c r="AJ41872">
        <v>59</v>
      </c>
      <c r="AK41872">
        <v>59</v>
      </c>
      <c r="AL41872">
        <v>59</v>
      </c>
      <c r="AM41872">
        <v>59</v>
      </c>
      <c r="AN41872">
        <v>59</v>
      </c>
      <c r="AO41872">
        <v>59</v>
      </c>
      <c r="AP41872">
        <v>59</v>
      </c>
      <c r="AQ41872">
        <v>58</v>
      </c>
    </row>
    <row r="41873" spans="1:43">
      <c r="A41873" t="s">
        <v>25745</v>
      </c>
      <c r="B41873" t="s">
        <v>25746</v>
      </c>
      <c r="C41873" t="s">
        <v>7312</v>
      </c>
      <c r="D41873" t="s">
        <v>7313</v>
      </c>
      <c r="E41873" t="s">
        <v>7278</v>
      </c>
      <c r="F41873" t="s">
        <v>7279</v>
      </c>
      <c r="G41873" t="s">
        <v>80</v>
      </c>
      <c r="H41873" t="s">
        <v>81</v>
      </c>
      <c r="I41873" s="2">
        <v>0</v>
      </c>
      <c r="J41873" s="2">
        <v>1</v>
      </c>
      <c r="K41873" s="2">
        <v>0</v>
      </c>
      <c r="L41873" t="s">
        <v>82</v>
      </c>
      <c r="M41873" t="s">
        <v>83</v>
      </c>
      <c r="N41873" t="s">
        <v>91</v>
      </c>
      <c r="O41873" t="s">
        <v>85</v>
      </c>
      <c r="P41873" t="s">
        <v>86</v>
      </c>
      <c r="Q41873">
        <v>50</v>
      </c>
      <c r="R41873">
        <v>51</v>
      </c>
      <c r="S41873">
        <v>51</v>
      </c>
      <c r="T41873">
        <v>52</v>
      </c>
      <c r="U41873">
        <v>52</v>
      </c>
      <c r="V41873">
        <v>53</v>
      </c>
      <c r="W41873">
        <v>53</v>
      </c>
      <c r="X41873">
        <v>54</v>
      </c>
      <c r="Y41873">
        <v>54</v>
      </c>
      <c r="Z41873">
        <v>55</v>
      </c>
      <c r="AA41873">
        <v>55</v>
      </c>
      <c r="AB41873">
        <v>56</v>
      </c>
      <c r="AC41873">
        <v>56</v>
      </c>
      <c r="AD41873">
        <v>57</v>
      </c>
      <c r="AE41873">
        <v>57</v>
      </c>
      <c r="AF41873">
        <v>57</v>
      </c>
      <c r="AG41873">
        <v>58</v>
      </c>
      <c r="AH41873">
        <v>58</v>
      </c>
      <c r="AI41873">
        <v>58</v>
      </c>
      <c r="AJ41873">
        <v>59</v>
      </c>
      <c r="AK41873">
        <v>59</v>
      </c>
      <c r="AL41873">
        <v>59</v>
      </c>
      <c r="AM41873">
        <v>59</v>
      </c>
      <c r="AN41873">
        <v>59</v>
      </c>
      <c r="AO41873">
        <v>59</v>
      </c>
      <c r="AP41873">
        <v>59</v>
      </c>
      <c r="AQ41873">
        <v>59</v>
      </c>
    </row>
    <row r="41874" spans="1:43">
      <c r="A41874" t="s">
        <v>25747</v>
      </c>
      <c r="B41874" t="s">
        <v>25748</v>
      </c>
      <c r="C41874" t="s">
        <v>7312</v>
      </c>
      <c r="D41874" t="s">
        <v>7313</v>
      </c>
      <c r="E41874" t="s">
        <v>7278</v>
      </c>
      <c r="F41874" t="s">
        <v>7279</v>
      </c>
      <c r="G41874" t="s">
        <v>80</v>
      </c>
      <c r="H41874" t="s">
        <v>81</v>
      </c>
      <c r="I41874" s="2">
        <v>0</v>
      </c>
      <c r="J41874" s="2">
        <v>1</v>
      </c>
      <c r="K41874" s="2">
        <v>0</v>
      </c>
      <c r="L41874" t="s">
        <v>82</v>
      </c>
      <c r="M41874" t="s">
        <v>83</v>
      </c>
      <c r="N41874" t="s">
        <v>84</v>
      </c>
      <c r="O41874" t="s">
        <v>85</v>
      </c>
      <c r="P41874" t="s">
        <v>86</v>
      </c>
      <c r="Q41874">
        <v>0</v>
      </c>
      <c r="R41874">
        <v>0</v>
      </c>
      <c r="S41874">
        <v>0</v>
      </c>
      <c r="T41874">
        <v>0</v>
      </c>
      <c r="U41874">
        <v>0</v>
      </c>
      <c r="V41874">
        <v>0</v>
      </c>
      <c r="W41874">
        <v>0</v>
      </c>
      <c r="X41874">
        <v>0</v>
      </c>
      <c r="Y41874">
        <v>0</v>
      </c>
      <c r="Z41874">
        <v>0</v>
      </c>
      <c r="AA41874">
        <v>0</v>
      </c>
      <c r="AB41874">
        <v>0</v>
      </c>
      <c r="AC41874">
        <v>0</v>
      </c>
      <c r="AD41874">
        <v>0</v>
      </c>
      <c r="AE41874">
        <v>0</v>
      </c>
      <c r="AF41874">
        <v>0</v>
      </c>
      <c r="AG41874">
        <v>0</v>
      </c>
      <c r="AH41874">
        <v>0</v>
      </c>
      <c r="AI41874">
        <v>0</v>
      </c>
      <c r="AJ41874">
        <v>0</v>
      </c>
      <c r="AK41874">
        <v>0</v>
      </c>
      <c r="AL41874">
        <v>0</v>
      </c>
      <c r="AM41874">
        <v>0</v>
      </c>
      <c r="AN41874">
        <v>0</v>
      </c>
      <c r="AO41874">
        <v>0</v>
      </c>
      <c r="AP41874">
        <v>0</v>
      </c>
      <c r="AQ41874">
        <v>0</v>
      </c>
    </row>
    <row r="41875" spans="1:43">
      <c r="A41875" t="s">
        <v>25747</v>
      </c>
      <c r="B41875" t="s">
        <v>25748</v>
      </c>
      <c r="C41875" t="s">
        <v>7312</v>
      </c>
      <c r="D41875" t="s">
        <v>7313</v>
      </c>
      <c r="E41875" t="s">
        <v>7278</v>
      </c>
      <c r="F41875" t="s">
        <v>7279</v>
      </c>
      <c r="G41875" t="s">
        <v>80</v>
      </c>
      <c r="H41875" t="s">
        <v>81</v>
      </c>
      <c r="I41875" s="2">
        <v>0</v>
      </c>
      <c r="J41875" s="2">
        <v>1</v>
      </c>
      <c r="K41875" s="2">
        <v>0</v>
      </c>
      <c r="L41875" t="s">
        <v>82</v>
      </c>
      <c r="M41875" t="s">
        <v>87</v>
      </c>
      <c r="N41875" t="s">
        <v>88</v>
      </c>
      <c r="O41875" t="s">
        <v>85</v>
      </c>
      <c r="P41875" t="s">
        <v>86</v>
      </c>
      <c r="Q41875">
        <v>0</v>
      </c>
      <c r="R41875">
        <v>0</v>
      </c>
      <c r="S41875">
        <v>0</v>
      </c>
      <c r="T41875">
        <v>0</v>
      </c>
      <c r="U41875">
        <v>0</v>
      </c>
      <c r="V41875">
        <v>0</v>
      </c>
      <c r="W41875">
        <v>0</v>
      </c>
      <c r="X41875">
        <v>0</v>
      </c>
      <c r="Y41875">
        <v>0</v>
      </c>
      <c r="Z41875">
        <v>0</v>
      </c>
      <c r="AA41875">
        <v>0</v>
      </c>
      <c r="AB41875">
        <v>0</v>
      </c>
      <c r="AC41875">
        <v>0</v>
      </c>
      <c r="AD41875">
        <v>0</v>
      </c>
      <c r="AE41875">
        <v>0</v>
      </c>
      <c r="AF41875">
        <v>0</v>
      </c>
      <c r="AG41875">
        <v>0</v>
      </c>
      <c r="AH41875">
        <v>0</v>
      </c>
      <c r="AI41875">
        <v>0</v>
      </c>
      <c r="AJ41875">
        <v>0</v>
      </c>
      <c r="AK41875">
        <v>0</v>
      </c>
      <c r="AL41875">
        <v>0</v>
      </c>
      <c r="AM41875">
        <v>0</v>
      </c>
      <c r="AN41875">
        <v>0</v>
      </c>
      <c r="AO41875">
        <v>0</v>
      </c>
      <c r="AP41875">
        <v>0</v>
      </c>
      <c r="AQ41875">
        <v>0</v>
      </c>
    </row>
    <row r="41876" spans="1:43">
      <c r="A41876" t="s">
        <v>25747</v>
      </c>
      <c r="B41876" t="s">
        <v>25748</v>
      </c>
      <c r="C41876" t="s">
        <v>7312</v>
      </c>
      <c r="D41876" t="s">
        <v>7313</v>
      </c>
      <c r="E41876" t="s">
        <v>7278</v>
      </c>
      <c r="F41876" t="s">
        <v>7279</v>
      </c>
      <c r="G41876" t="s">
        <v>80</v>
      </c>
      <c r="H41876" t="s">
        <v>81</v>
      </c>
      <c r="I41876" s="2">
        <v>0</v>
      </c>
      <c r="J41876" s="2">
        <v>1</v>
      </c>
      <c r="K41876" s="2">
        <v>0</v>
      </c>
      <c r="L41876" t="s">
        <v>82</v>
      </c>
      <c r="M41876" t="s">
        <v>89</v>
      </c>
      <c r="N41876" t="s">
        <v>90</v>
      </c>
      <c r="O41876" t="s">
        <v>85</v>
      </c>
      <c r="P41876" t="s">
        <v>86</v>
      </c>
      <c r="Q41876">
        <v>0</v>
      </c>
      <c r="R41876">
        <v>0</v>
      </c>
      <c r="S41876">
        <v>0</v>
      </c>
      <c r="T41876">
        <v>0</v>
      </c>
      <c r="U41876">
        <v>0</v>
      </c>
      <c r="V41876">
        <v>0</v>
      </c>
      <c r="W41876">
        <v>0</v>
      </c>
      <c r="X41876">
        <v>0</v>
      </c>
      <c r="Y41876">
        <v>0</v>
      </c>
      <c r="Z41876">
        <v>0</v>
      </c>
      <c r="AA41876">
        <v>0</v>
      </c>
      <c r="AB41876">
        <v>0</v>
      </c>
      <c r="AC41876">
        <v>0</v>
      </c>
      <c r="AD41876">
        <v>0</v>
      </c>
      <c r="AE41876">
        <v>0</v>
      </c>
      <c r="AF41876">
        <v>0</v>
      </c>
      <c r="AG41876">
        <v>0</v>
      </c>
      <c r="AH41876">
        <v>0</v>
      </c>
      <c r="AI41876">
        <v>0</v>
      </c>
      <c r="AJ41876">
        <v>0</v>
      </c>
      <c r="AK41876">
        <v>0</v>
      </c>
      <c r="AL41876">
        <v>0</v>
      </c>
      <c r="AM41876">
        <v>0</v>
      </c>
      <c r="AN41876">
        <v>0</v>
      </c>
      <c r="AO41876">
        <v>0</v>
      </c>
      <c r="AP41876">
        <v>0</v>
      </c>
      <c r="AQ41876">
        <v>0</v>
      </c>
    </row>
    <row r="41877" spans="1:43">
      <c r="A41877" t="s">
        <v>25747</v>
      </c>
      <c r="B41877" t="s">
        <v>25748</v>
      </c>
      <c r="C41877" t="s">
        <v>7312</v>
      </c>
      <c r="D41877" t="s">
        <v>7313</v>
      </c>
      <c r="E41877" t="s">
        <v>7278</v>
      </c>
      <c r="F41877" t="s">
        <v>7279</v>
      </c>
      <c r="G41877" t="s">
        <v>80</v>
      </c>
      <c r="H41877" t="s">
        <v>81</v>
      </c>
      <c r="I41877" s="2">
        <v>0</v>
      </c>
      <c r="J41877" s="2">
        <v>1</v>
      </c>
      <c r="K41877" s="2">
        <v>0</v>
      </c>
      <c r="L41877" t="s">
        <v>82</v>
      </c>
      <c r="M41877" t="s">
        <v>83</v>
      </c>
      <c r="N41877" t="s">
        <v>91</v>
      </c>
      <c r="O41877" t="s">
        <v>85</v>
      </c>
      <c r="P41877" t="s">
        <v>86</v>
      </c>
      <c r="Q41877">
        <v>0</v>
      </c>
      <c r="R41877">
        <v>0</v>
      </c>
      <c r="S41877">
        <v>0</v>
      </c>
      <c r="T41877">
        <v>0</v>
      </c>
      <c r="U41877">
        <v>0</v>
      </c>
      <c r="V41877">
        <v>0</v>
      </c>
      <c r="W41877">
        <v>0</v>
      </c>
      <c r="X41877">
        <v>0</v>
      </c>
      <c r="Y41877">
        <v>0</v>
      </c>
      <c r="Z41877">
        <v>0</v>
      </c>
      <c r="AA41877">
        <v>0</v>
      </c>
      <c r="AB41877">
        <v>0</v>
      </c>
      <c r="AC41877">
        <v>0</v>
      </c>
      <c r="AD41877">
        <v>0</v>
      </c>
      <c r="AE41877">
        <v>0</v>
      </c>
      <c r="AF41877">
        <v>0</v>
      </c>
      <c r="AG41877">
        <v>0</v>
      </c>
      <c r="AH41877">
        <v>0</v>
      </c>
      <c r="AI41877">
        <v>0</v>
      </c>
      <c r="AJ41877">
        <v>0</v>
      </c>
      <c r="AK41877">
        <v>0</v>
      </c>
      <c r="AL41877">
        <v>0</v>
      </c>
      <c r="AM41877">
        <v>0</v>
      </c>
      <c r="AN41877">
        <v>0</v>
      </c>
      <c r="AO41877">
        <v>0</v>
      </c>
      <c r="AP41877">
        <v>0</v>
      </c>
      <c r="AQ41877">
        <v>0</v>
      </c>
    </row>
    <row r="41878" spans="1:43">
      <c r="A41878" t="s">
        <v>25749</v>
      </c>
      <c r="B41878" t="s">
        <v>25750</v>
      </c>
      <c r="C41878" t="s">
        <v>7282</v>
      </c>
      <c r="D41878" t="s">
        <v>7283</v>
      </c>
      <c r="E41878" t="s">
        <v>7278</v>
      </c>
      <c r="F41878" t="s">
        <v>7279</v>
      </c>
      <c r="G41878" t="s">
        <v>80</v>
      </c>
      <c r="H41878" t="s">
        <v>81</v>
      </c>
      <c r="I41878" s="2">
        <v>0</v>
      </c>
      <c r="J41878" s="2">
        <v>1</v>
      </c>
      <c r="K41878" s="2">
        <v>0</v>
      </c>
      <c r="L41878" t="s">
        <v>82</v>
      </c>
      <c r="M41878" t="s">
        <v>83</v>
      </c>
      <c r="N41878" t="s">
        <v>84</v>
      </c>
      <c r="O41878" t="s">
        <v>85</v>
      </c>
      <c r="P41878" t="s">
        <v>86</v>
      </c>
      <c r="Q41878">
        <v>48</v>
      </c>
      <c r="R41878">
        <v>49</v>
      </c>
      <c r="S41878">
        <v>49</v>
      </c>
      <c r="T41878">
        <v>50</v>
      </c>
      <c r="U41878">
        <v>50</v>
      </c>
      <c r="V41878">
        <v>51</v>
      </c>
      <c r="W41878">
        <v>52</v>
      </c>
      <c r="X41878">
        <v>52</v>
      </c>
      <c r="Y41878">
        <v>53</v>
      </c>
      <c r="Z41878">
        <v>53</v>
      </c>
      <c r="AA41878">
        <v>54</v>
      </c>
      <c r="AB41878">
        <v>54</v>
      </c>
      <c r="AC41878">
        <v>55</v>
      </c>
      <c r="AD41878">
        <v>55</v>
      </c>
      <c r="AE41878">
        <v>56</v>
      </c>
      <c r="AF41878">
        <v>56</v>
      </c>
      <c r="AG41878">
        <v>57</v>
      </c>
      <c r="AH41878">
        <v>57</v>
      </c>
      <c r="AI41878">
        <v>58</v>
      </c>
      <c r="AJ41878">
        <v>58</v>
      </c>
      <c r="AK41878">
        <v>59</v>
      </c>
      <c r="AL41878">
        <v>59</v>
      </c>
      <c r="AM41878">
        <v>59</v>
      </c>
      <c r="AN41878">
        <v>59</v>
      </c>
      <c r="AO41878">
        <v>59</v>
      </c>
      <c r="AP41878">
        <v>59</v>
      </c>
      <c r="AQ41878">
        <v>59</v>
      </c>
    </row>
    <row r="41879" spans="1:43">
      <c r="A41879" t="s">
        <v>25749</v>
      </c>
      <c r="B41879" t="s">
        <v>25750</v>
      </c>
      <c r="C41879" t="s">
        <v>7282</v>
      </c>
      <c r="D41879" t="s">
        <v>7283</v>
      </c>
      <c r="E41879" t="s">
        <v>7278</v>
      </c>
      <c r="F41879" t="s">
        <v>7279</v>
      </c>
      <c r="G41879" t="s">
        <v>80</v>
      </c>
      <c r="H41879" t="s">
        <v>81</v>
      </c>
      <c r="I41879" s="2">
        <v>0</v>
      </c>
      <c r="J41879" s="2">
        <v>1</v>
      </c>
      <c r="K41879" s="2">
        <v>0</v>
      </c>
      <c r="L41879" t="s">
        <v>82</v>
      </c>
      <c r="M41879" t="s">
        <v>87</v>
      </c>
      <c r="N41879" t="s">
        <v>88</v>
      </c>
      <c r="O41879" t="s">
        <v>85</v>
      </c>
      <c r="P41879" t="s">
        <v>86</v>
      </c>
      <c r="Q41879">
        <v>48</v>
      </c>
      <c r="R41879">
        <v>48</v>
      </c>
      <c r="S41879">
        <v>48</v>
      </c>
      <c r="T41879">
        <v>48</v>
      </c>
      <c r="U41879">
        <v>48</v>
      </c>
      <c r="V41879">
        <v>48</v>
      </c>
      <c r="W41879">
        <v>48</v>
      </c>
      <c r="X41879">
        <v>49</v>
      </c>
      <c r="Y41879">
        <v>49</v>
      </c>
      <c r="Z41879">
        <v>49</v>
      </c>
      <c r="AA41879">
        <v>49</v>
      </c>
      <c r="AB41879">
        <v>49</v>
      </c>
      <c r="AC41879">
        <v>49</v>
      </c>
      <c r="AD41879">
        <v>49</v>
      </c>
      <c r="AE41879">
        <v>49</v>
      </c>
      <c r="AF41879">
        <v>49</v>
      </c>
      <c r="AG41879">
        <v>50</v>
      </c>
      <c r="AH41879">
        <v>50</v>
      </c>
      <c r="AI41879">
        <v>50</v>
      </c>
      <c r="AJ41879">
        <v>50</v>
      </c>
      <c r="AK41879">
        <v>50</v>
      </c>
      <c r="AL41879">
        <v>50</v>
      </c>
      <c r="AM41879">
        <v>50</v>
      </c>
      <c r="AN41879">
        <v>50</v>
      </c>
      <c r="AO41879">
        <v>50</v>
      </c>
      <c r="AP41879">
        <v>51</v>
      </c>
      <c r="AQ41879">
        <v>51</v>
      </c>
    </row>
    <row r="41880" spans="1:43">
      <c r="A41880" t="s">
        <v>25749</v>
      </c>
      <c r="B41880" t="s">
        <v>25750</v>
      </c>
      <c r="C41880" t="s">
        <v>7282</v>
      </c>
      <c r="D41880" t="s">
        <v>7283</v>
      </c>
      <c r="E41880" t="s">
        <v>7278</v>
      </c>
      <c r="F41880" t="s">
        <v>7279</v>
      </c>
      <c r="G41880" t="s">
        <v>80</v>
      </c>
      <c r="H41880" t="s">
        <v>81</v>
      </c>
      <c r="I41880" s="2">
        <v>0</v>
      </c>
      <c r="J41880" s="2">
        <v>1</v>
      </c>
      <c r="K41880" s="2">
        <v>0</v>
      </c>
      <c r="L41880" t="s">
        <v>82</v>
      </c>
      <c r="M41880" t="s">
        <v>89</v>
      </c>
      <c r="N41880" t="s">
        <v>90</v>
      </c>
      <c r="O41880" t="s">
        <v>85</v>
      </c>
      <c r="P41880" t="s">
        <v>86</v>
      </c>
      <c r="Q41880">
        <v>48</v>
      </c>
      <c r="R41880">
        <v>49</v>
      </c>
      <c r="S41880">
        <v>50</v>
      </c>
      <c r="T41880">
        <v>51</v>
      </c>
      <c r="U41880">
        <v>52</v>
      </c>
      <c r="V41880">
        <v>53</v>
      </c>
      <c r="W41880">
        <v>54</v>
      </c>
      <c r="X41880">
        <v>55</v>
      </c>
      <c r="Y41880">
        <v>56</v>
      </c>
      <c r="Z41880">
        <v>57</v>
      </c>
      <c r="AA41880">
        <v>57</v>
      </c>
      <c r="AB41880">
        <v>58</v>
      </c>
      <c r="AC41880">
        <v>59</v>
      </c>
      <c r="AD41880">
        <v>59</v>
      </c>
      <c r="AE41880">
        <v>60</v>
      </c>
      <c r="AF41880">
        <v>60</v>
      </c>
      <c r="AG41880">
        <v>60</v>
      </c>
      <c r="AH41880">
        <v>60</v>
      </c>
      <c r="AI41880">
        <v>60</v>
      </c>
      <c r="AJ41880">
        <v>60</v>
      </c>
      <c r="AK41880">
        <v>60</v>
      </c>
      <c r="AL41880">
        <v>60</v>
      </c>
      <c r="AM41880">
        <v>60</v>
      </c>
      <c r="AN41880">
        <v>60</v>
      </c>
      <c r="AO41880">
        <v>60</v>
      </c>
      <c r="AP41880">
        <v>60</v>
      </c>
      <c r="AQ41880">
        <v>60</v>
      </c>
    </row>
    <row r="41881" spans="1:43">
      <c r="A41881" t="s">
        <v>25749</v>
      </c>
      <c r="B41881" t="s">
        <v>25750</v>
      </c>
      <c r="C41881" t="s">
        <v>7282</v>
      </c>
      <c r="D41881" t="s">
        <v>7283</v>
      </c>
      <c r="E41881" t="s">
        <v>7278</v>
      </c>
      <c r="F41881" t="s">
        <v>7279</v>
      </c>
      <c r="G41881" t="s">
        <v>80</v>
      </c>
      <c r="H41881" t="s">
        <v>81</v>
      </c>
      <c r="I41881" s="2">
        <v>0</v>
      </c>
      <c r="J41881" s="2">
        <v>1</v>
      </c>
      <c r="K41881" s="2">
        <v>0</v>
      </c>
      <c r="L41881" t="s">
        <v>82</v>
      </c>
      <c r="M41881" t="s">
        <v>83</v>
      </c>
      <c r="N41881" t="s">
        <v>91</v>
      </c>
      <c r="O41881" t="s">
        <v>85</v>
      </c>
      <c r="P41881" t="s">
        <v>86</v>
      </c>
      <c r="Q41881">
        <v>48</v>
      </c>
      <c r="R41881">
        <v>49</v>
      </c>
      <c r="S41881">
        <v>49</v>
      </c>
      <c r="T41881">
        <v>50</v>
      </c>
      <c r="U41881">
        <v>50</v>
      </c>
      <c r="V41881">
        <v>51</v>
      </c>
      <c r="W41881">
        <v>52</v>
      </c>
      <c r="X41881">
        <v>52</v>
      </c>
      <c r="Y41881">
        <v>53</v>
      </c>
      <c r="Z41881">
        <v>53</v>
      </c>
      <c r="AA41881">
        <v>54</v>
      </c>
      <c r="AB41881">
        <v>54</v>
      </c>
      <c r="AC41881">
        <v>55</v>
      </c>
      <c r="AD41881">
        <v>55</v>
      </c>
      <c r="AE41881">
        <v>56</v>
      </c>
      <c r="AF41881">
        <v>56</v>
      </c>
      <c r="AG41881">
        <v>57</v>
      </c>
      <c r="AH41881">
        <v>57</v>
      </c>
      <c r="AI41881">
        <v>58</v>
      </c>
      <c r="AJ41881">
        <v>58</v>
      </c>
      <c r="AK41881">
        <v>59</v>
      </c>
      <c r="AL41881">
        <v>59</v>
      </c>
      <c r="AM41881">
        <v>59</v>
      </c>
      <c r="AN41881">
        <v>59</v>
      </c>
      <c r="AO41881">
        <v>59</v>
      </c>
      <c r="AP41881">
        <v>59</v>
      </c>
      <c r="AQ41881">
        <v>59</v>
      </c>
    </row>
    <row r="41882" spans="1:43">
      <c r="A41882" t="s">
        <v>25751</v>
      </c>
      <c r="B41882" t="s">
        <v>25752</v>
      </c>
      <c r="C41882" t="s">
        <v>7282</v>
      </c>
      <c r="D41882" t="s">
        <v>7283</v>
      </c>
      <c r="E41882" t="s">
        <v>7278</v>
      </c>
      <c r="F41882" t="s">
        <v>7279</v>
      </c>
      <c r="G41882" t="s">
        <v>80</v>
      </c>
      <c r="H41882" t="s">
        <v>81</v>
      </c>
      <c r="I41882" s="2">
        <v>0</v>
      </c>
      <c r="J41882" s="2">
        <v>1</v>
      </c>
      <c r="K41882" s="2">
        <v>0</v>
      </c>
      <c r="L41882" t="s">
        <v>82</v>
      </c>
      <c r="M41882" t="s">
        <v>83</v>
      </c>
      <c r="N41882" t="s">
        <v>84</v>
      </c>
      <c r="O41882" t="s">
        <v>85</v>
      </c>
      <c r="P41882" t="s">
        <v>86</v>
      </c>
      <c r="Q41882">
        <v>17</v>
      </c>
      <c r="R41882">
        <v>17</v>
      </c>
      <c r="S41882">
        <v>17</v>
      </c>
      <c r="T41882">
        <v>17</v>
      </c>
      <c r="U41882">
        <v>17</v>
      </c>
      <c r="V41882">
        <v>18</v>
      </c>
      <c r="W41882">
        <v>18</v>
      </c>
      <c r="X41882">
        <v>18</v>
      </c>
      <c r="Y41882">
        <v>18</v>
      </c>
      <c r="Z41882">
        <v>18</v>
      </c>
      <c r="AA41882">
        <v>19</v>
      </c>
      <c r="AB41882">
        <v>19</v>
      </c>
      <c r="AC41882">
        <v>19</v>
      </c>
      <c r="AD41882">
        <v>19</v>
      </c>
      <c r="AE41882">
        <v>19</v>
      </c>
      <c r="AF41882">
        <v>19</v>
      </c>
      <c r="AG41882">
        <v>20</v>
      </c>
      <c r="AH41882">
        <v>20</v>
      </c>
      <c r="AI41882">
        <v>20</v>
      </c>
      <c r="AJ41882">
        <v>20</v>
      </c>
      <c r="AK41882">
        <v>20</v>
      </c>
      <c r="AL41882">
        <v>20</v>
      </c>
      <c r="AM41882">
        <v>20</v>
      </c>
      <c r="AN41882">
        <v>20</v>
      </c>
      <c r="AO41882">
        <v>20</v>
      </c>
      <c r="AP41882">
        <v>20</v>
      </c>
      <c r="AQ41882">
        <v>20</v>
      </c>
    </row>
    <row r="41883" spans="1:43">
      <c r="A41883" t="s">
        <v>25751</v>
      </c>
      <c r="B41883" t="s">
        <v>25752</v>
      </c>
      <c r="C41883" t="s">
        <v>7282</v>
      </c>
      <c r="D41883" t="s">
        <v>7283</v>
      </c>
      <c r="E41883" t="s">
        <v>7278</v>
      </c>
      <c r="F41883" t="s">
        <v>7279</v>
      </c>
      <c r="G41883" t="s">
        <v>80</v>
      </c>
      <c r="H41883" t="s">
        <v>81</v>
      </c>
      <c r="I41883" s="2">
        <v>0</v>
      </c>
      <c r="J41883" s="2">
        <v>1</v>
      </c>
      <c r="K41883" s="2">
        <v>0</v>
      </c>
      <c r="L41883" t="s">
        <v>82</v>
      </c>
      <c r="M41883" t="s">
        <v>87</v>
      </c>
      <c r="N41883" t="s">
        <v>88</v>
      </c>
      <c r="O41883" t="s">
        <v>85</v>
      </c>
      <c r="P41883" t="s">
        <v>86</v>
      </c>
      <c r="Q41883">
        <v>17</v>
      </c>
      <c r="R41883">
        <v>17</v>
      </c>
      <c r="S41883">
        <v>17</v>
      </c>
      <c r="T41883">
        <v>18</v>
      </c>
      <c r="U41883">
        <v>18</v>
      </c>
      <c r="V41883">
        <v>18</v>
      </c>
      <c r="W41883">
        <v>18</v>
      </c>
      <c r="X41883">
        <v>18</v>
      </c>
      <c r="Y41883">
        <v>18</v>
      </c>
      <c r="Z41883">
        <v>18</v>
      </c>
      <c r="AA41883">
        <v>18</v>
      </c>
      <c r="AB41883">
        <v>18</v>
      </c>
      <c r="AC41883">
        <v>18</v>
      </c>
      <c r="AD41883">
        <v>18</v>
      </c>
      <c r="AE41883">
        <v>18</v>
      </c>
      <c r="AF41883">
        <v>18</v>
      </c>
      <c r="AG41883">
        <v>18</v>
      </c>
      <c r="AH41883">
        <v>18</v>
      </c>
      <c r="AI41883">
        <v>18</v>
      </c>
      <c r="AJ41883">
        <v>18</v>
      </c>
      <c r="AK41883">
        <v>18</v>
      </c>
      <c r="AL41883">
        <v>18</v>
      </c>
      <c r="AM41883">
        <v>18</v>
      </c>
      <c r="AN41883">
        <v>18</v>
      </c>
      <c r="AO41883">
        <v>18</v>
      </c>
      <c r="AP41883">
        <v>18</v>
      </c>
      <c r="AQ41883">
        <v>18</v>
      </c>
    </row>
    <row r="41884" spans="1:43">
      <c r="A41884" t="s">
        <v>25751</v>
      </c>
      <c r="B41884" t="s">
        <v>25752</v>
      </c>
      <c r="C41884" t="s">
        <v>7282</v>
      </c>
      <c r="D41884" t="s">
        <v>7283</v>
      </c>
      <c r="E41884" t="s">
        <v>7278</v>
      </c>
      <c r="F41884" t="s">
        <v>7279</v>
      </c>
      <c r="G41884" t="s">
        <v>80</v>
      </c>
      <c r="H41884" t="s">
        <v>81</v>
      </c>
      <c r="I41884" s="2">
        <v>0</v>
      </c>
      <c r="J41884" s="2">
        <v>1</v>
      </c>
      <c r="K41884" s="2">
        <v>0</v>
      </c>
      <c r="L41884" t="s">
        <v>82</v>
      </c>
      <c r="M41884" t="s">
        <v>89</v>
      </c>
      <c r="N41884" t="s">
        <v>90</v>
      </c>
      <c r="O41884" t="s">
        <v>85</v>
      </c>
      <c r="P41884" t="s">
        <v>86</v>
      </c>
      <c r="Q41884">
        <v>17</v>
      </c>
      <c r="R41884">
        <v>17</v>
      </c>
      <c r="S41884">
        <v>17</v>
      </c>
      <c r="T41884">
        <v>18</v>
      </c>
      <c r="U41884">
        <v>18</v>
      </c>
      <c r="V41884">
        <v>18</v>
      </c>
      <c r="W41884">
        <v>19</v>
      </c>
      <c r="X41884">
        <v>19</v>
      </c>
      <c r="Y41884">
        <v>19</v>
      </c>
      <c r="Z41884">
        <v>19</v>
      </c>
      <c r="AA41884">
        <v>20</v>
      </c>
      <c r="AB41884">
        <v>20</v>
      </c>
      <c r="AC41884">
        <v>20</v>
      </c>
      <c r="AD41884">
        <v>20</v>
      </c>
      <c r="AE41884">
        <v>21</v>
      </c>
      <c r="AF41884">
        <v>21</v>
      </c>
      <c r="AG41884">
        <v>21</v>
      </c>
      <c r="AH41884">
        <v>21</v>
      </c>
      <c r="AI41884">
        <v>21</v>
      </c>
      <c r="AJ41884">
        <v>21</v>
      </c>
      <c r="AK41884">
        <v>21</v>
      </c>
      <c r="AL41884">
        <v>21</v>
      </c>
      <c r="AM41884">
        <v>21</v>
      </c>
      <c r="AN41884">
        <v>21</v>
      </c>
      <c r="AO41884">
        <v>21</v>
      </c>
      <c r="AP41884">
        <v>21</v>
      </c>
      <c r="AQ41884">
        <v>21</v>
      </c>
    </row>
    <row r="41885" spans="1:43">
      <c r="A41885" t="s">
        <v>25751</v>
      </c>
      <c r="B41885" t="s">
        <v>25752</v>
      </c>
      <c r="C41885" t="s">
        <v>7282</v>
      </c>
      <c r="D41885" t="s">
        <v>7283</v>
      </c>
      <c r="E41885" t="s">
        <v>7278</v>
      </c>
      <c r="F41885" t="s">
        <v>7279</v>
      </c>
      <c r="G41885" t="s">
        <v>80</v>
      </c>
      <c r="H41885" t="s">
        <v>81</v>
      </c>
      <c r="I41885" s="2">
        <v>0</v>
      </c>
      <c r="J41885" s="2">
        <v>1</v>
      </c>
      <c r="K41885" s="2">
        <v>0</v>
      </c>
      <c r="L41885" t="s">
        <v>82</v>
      </c>
      <c r="M41885" t="s">
        <v>83</v>
      </c>
      <c r="N41885" t="s">
        <v>91</v>
      </c>
      <c r="O41885" t="s">
        <v>85</v>
      </c>
      <c r="P41885" t="s">
        <v>86</v>
      </c>
      <c r="Q41885">
        <v>17</v>
      </c>
      <c r="R41885">
        <v>17</v>
      </c>
      <c r="S41885">
        <v>17</v>
      </c>
      <c r="T41885">
        <v>17</v>
      </c>
      <c r="U41885">
        <v>17</v>
      </c>
      <c r="V41885">
        <v>18</v>
      </c>
      <c r="W41885">
        <v>18</v>
      </c>
      <c r="X41885">
        <v>18</v>
      </c>
      <c r="Y41885">
        <v>18</v>
      </c>
      <c r="Z41885">
        <v>18</v>
      </c>
      <c r="AA41885">
        <v>19</v>
      </c>
      <c r="AB41885">
        <v>19</v>
      </c>
      <c r="AC41885">
        <v>19</v>
      </c>
      <c r="AD41885">
        <v>19</v>
      </c>
      <c r="AE41885">
        <v>19</v>
      </c>
      <c r="AF41885">
        <v>19</v>
      </c>
      <c r="AG41885">
        <v>20</v>
      </c>
      <c r="AH41885">
        <v>20</v>
      </c>
      <c r="AI41885">
        <v>20</v>
      </c>
      <c r="AJ41885">
        <v>20</v>
      </c>
      <c r="AK41885">
        <v>20</v>
      </c>
      <c r="AL41885">
        <v>20</v>
      </c>
      <c r="AM41885">
        <v>20</v>
      </c>
      <c r="AN41885">
        <v>20</v>
      </c>
      <c r="AO41885">
        <v>20</v>
      </c>
      <c r="AP41885">
        <v>20</v>
      </c>
      <c r="AQ41885">
        <v>20</v>
      </c>
    </row>
    <row r="41886" spans="1:43">
      <c r="A41886" t="s">
        <v>25753</v>
      </c>
      <c r="B41886" t="s">
        <v>25754</v>
      </c>
      <c r="C41886" t="s">
        <v>7282</v>
      </c>
      <c r="D41886" t="s">
        <v>7283</v>
      </c>
      <c r="E41886" t="s">
        <v>7278</v>
      </c>
      <c r="F41886" t="s">
        <v>7279</v>
      </c>
      <c r="G41886" t="s">
        <v>80</v>
      </c>
      <c r="H41886" t="s">
        <v>81</v>
      </c>
      <c r="I41886" s="2">
        <v>0</v>
      </c>
      <c r="J41886" s="2">
        <v>1</v>
      </c>
      <c r="K41886" s="2">
        <v>0</v>
      </c>
      <c r="L41886" t="s">
        <v>82</v>
      </c>
      <c r="M41886" t="s">
        <v>83</v>
      </c>
      <c r="N41886" t="s">
        <v>84</v>
      </c>
      <c r="O41886" t="s">
        <v>85</v>
      </c>
      <c r="P41886" t="s">
        <v>86</v>
      </c>
      <c r="Q41886">
        <v>0</v>
      </c>
      <c r="R41886">
        <v>0</v>
      </c>
      <c r="S41886">
        <v>0</v>
      </c>
      <c r="T41886">
        <v>0</v>
      </c>
      <c r="U41886">
        <v>0</v>
      </c>
      <c r="V41886">
        <v>0</v>
      </c>
      <c r="W41886">
        <v>0</v>
      </c>
      <c r="X41886">
        <v>0</v>
      </c>
      <c r="Y41886">
        <v>0</v>
      </c>
      <c r="Z41886">
        <v>0</v>
      </c>
      <c r="AA41886">
        <v>0</v>
      </c>
      <c r="AB41886">
        <v>0</v>
      </c>
      <c r="AC41886">
        <v>0</v>
      </c>
      <c r="AD41886">
        <v>0</v>
      </c>
      <c r="AE41886">
        <v>0</v>
      </c>
      <c r="AF41886">
        <v>0</v>
      </c>
      <c r="AG41886">
        <v>0</v>
      </c>
      <c r="AH41886">
        <v>0</v>
      </c>
      <c r="AI41886">
        <v>0</v>
      </c>
      <c r="AJ41886">
        <v>0</v>
      </c>
      <c r="AK41886">
        <v>0</v>
      </c>
      <c r="AL41886">
        <v>0</v>
      </c>
      <c r="AM41886">
        <v>0</v>
      </c>
      <c r="AN41886">
        <v>0</v>
      </c>
      <c r="AO41886">
        <v>0</v>
      </c>
      <c r="AP41886">
        <v>0</v>
      </c>
      <c r="AQ41886">
        <v>0</v>
      </c>
    </row>
    <row r="41887" spans="1:43">
      <c r="A41887" t="s">
        <v>25753</v>
      </c>
      <c r="B41887" t="s">
        <v>25754</v>
      </c>
      <c r="C41887" t="s">
        <v>7282</v>
      </c>
      <c r="D41887" t="s">
        <v>7283</v>
      </c>
      <c r="E41887" t="s">
        <v>7278</v>
      </c>
      <c r="F41887" t="s">
        <v>7279</v>
      </c>
      <c r="G41887" t="s">
        <v>80</v>
      </c>
      <c r="H41887" t="s">
        <v>81</v>
      </c>
      <c r="I41887" s="2">
        <v>0</v>
      </c>
      <c r="J41887" s="2">
        <v>1</v>
      </c>
      <c r="K41887" s="2">
        <v>0</v>
      </c>
      <c r="L41887" t="s">
        <v>82</v>
      </c>
      <c r="M41887" t="s">
        <v>87</v>
      </c>
      <c r="N41887" t="s">
        <v>88</v>
      </c>
      <c r="O41887" t="s">
        <v>85</v>
      </c>
      <c r="P41887" t="s">
        <v>86</v>
      </c>
      <c r="Q41887">
        <v>0</v>
      </c>
      <c r="R41887">
        <v>0</v>
      </c>
      <c r="S41887">
        <v>0</v>
      </c>
      <c r="T41887">
        <v>0</v>
      </c>
      <c r="U41887">
        <v>0</v>
      </c>
      <c r="V41887">
        <v>0</v>
      </c>
      <c r="W41887">
        <v>0</v>
      </c>
      <c r="X41887">
        <v>0</v>
      </c>
      <c r="Y41887">
        <v>0</v>
      </c>
      <c r="Z41887">
        <v>0</v>
      </c>
      <c r="AA41887">
        <v>0</v>
      </c>
      <c r="AB41887">
        <v>0</v>
      </c>
      <c r="AC41887">
        <v>0</v>
      </c>
      <c r="AD41887">
        <v>0</v>
      </c>
      <c r="AE41887">
        <v>0</v>
      </c>
      <c r="AF41887">
        <v>0</v>
      </c>
      <c r="AG41887">
        <v>0</v>
      </c>
      <c r="AH41887">
        <v>0</v>
      </c>
      <c r="AI41887">
        <v>0</v>
      </c>
      <c r="AJ41887">
        <v>0</v>
      </c>
      <c r="AK41887">
        <v>0</v>
      </c>
      <c r="AL41887">
        <v>0</v>
      </c>
      <c r="AM41887">
        <v>0</v>
      </c>
      <c r="AN41887">
        <v>0</v>
      </c>
      <c r="AO41887">
        <v>0</v>
      </c>
      <c r="AP41887">
        <v>0</v>
      </c>
      <c r="AQ41887">
        <v>0</v>
      </c>
    </row>
    <row r="41888" spans="1:43">
      <c r="A41888" t="s">
        <v>25753</v>
      </c>
      <c r="B41888" t="s">
        <v>25754</v>
      </c>
      <c r="C41888" t="s">
        <v>7282</v>
      </c>
      <c r="D41888" t="s">
        <v>7283</v>
      </c>
      <c r="E41888" t="s">
        <v>7278</v>
      </c>
      <c r="F41888" t="s">
        <v>7279</v>
      </c>
      <c r="G41888" t="s">
        <v>80</v>
      </c>
      <c r="H41888" t="s">
        <v>81</v>
      </c>
      <c r="I41888" s="2">
        <v>0</v>
      </c>
      <c r="J41888" s="2">
        <v>1</v>
      </c>
      <c r="K41888" s="2">
        <v>0</v>
      </c>
      <c r="L41888" t="s">
        <v>82</v>
      </c>
      <c r="M41888" t="s">
        <v>89</v>
      </c>
      <c r="N41888" t="s">
        <v>90</v>
      </c>
      <c r="O41888" t="s">
        <v>85</v>
      </c>
      <c r="P41888" t="s">
        <v>86</v>
      </c>
      <c r="Q41888">
        <v>0</v>
      </c>
      <c r="R41888">
        <v>0</v>
      </c>
      <c r="S41888">
        <v>0</v>
      </c>
      <c r="T41888">
        <v>0</v>
      </c>
      <c r="U41888">
        <v>0</v>
      </c>
      <c r="V41888">
        <v>0</v>
      </c>
      <c r="W41888">
        <v>0</v>
      </c>
      <c r="X41888">
        <v>0</v>
      </c>
      <c r="Y41888">
        <v>0</v>
      </c>
      <c r="Z41888">
        <v>0</v>
      </c>
      <c r="AA41888">
        <v>0</v>
      </c>
      <c r="AB41888">
        <v>0</v>
      </c>
      <c r="AC41888">
        <v>0</v>
      </c>
      <c r="AD41888">
        <v>0</v>
      </c>
      <c r="AE41888">
        <v>0</v>
      </c>
      <c r="AF41888">
        <v>0</v>
      </c>
      <c r="AG41888">
        <v>0</v>
      </c>
      <c r="AH41888">
        <v>0</v>
      </c>
      <c r="AI41888">
        <v>0</v>
      </c>
      <c r="AJ41888">
        <v>0</v>
      </c>
      <c r="AK41888">
        <v>0</v>
      </c>
      <c r="AL41888">
        <v>0</v>
      </c>
      <c r="AM41888">
        <v>0</v>
      </c>
      <c r="AN41888">
        <v>0</v>
      </c>
      <c r="AO41888">
        <v>0</v>
      </c>
      <c r="AP41888">
        <v>0</v>
      </c>
      <c r="AQ41888">
        <v>0</v>
      </c>
    </row>
    <row r="41889" spans="1:43">
      <c r="A41889" t="s">
        <v>25753</v>
      </c>
      <c r="B41889" t="s">
        <v>25754</v>
      </c>
      <c r="C41889" t="s">
        <v>7282</v>
      </c>
      <c r="D41889" t="s">
        <v>7283</v>
      </c>
      <c r="E41889" t="s">
        <v>7278</v>
      </c>
      <c r="F41889" t="s">
        <v>7279</v>
      </c>
      <c r="G41889" t="s">
        <v>80</v>
      </c>
      <c r="H41889" t="s">
        <v>81</v>
      </c>
      <c r="I41889" s="2">
        <v>0</v>
      </c>
      <c r="J41889" s="2">
        <v>1</v>
      </c>
      <c r="K41889" s="2">
        <v>0</v>
      </c>
      <c r="L41889" t="s">
        <v>82</v>
      </c>
      <c r="M41889" t="s">
        <v>83</v>
      </c>
      <c r="N41889" t="s">
        <v>91</v>
      </c>
      <c r="O41889" t="s">
        <v>85</v>
      </c>
      <c r="P41889" t="s">
        <v>86</v>
      </c>
      <c r="Q41889">
        <v>0</v>
      </c>
      <c r="R41889">
        <v>0</v>
      </c>
      <c r="S41889">
        <v>0</v>
      </c>
      <c r="T41889">
        <v>0</v>
      </c>
      <c r="U41889">
        <v>0</v>
      </c>
      <c r="V41889">
        <v>0</v>
      </c>
      <c r="W41889">
        <v>0</v>
      </c>
      <c r="X41889">
        <v>0</v>
      </c>
      <c r="Y41889">
        <v>0</v>
      </c>
      <c r="Z41889">
        <v>0</v>
      </c>
      <c r="AA41889">
        <v>0</v>
      </c>
      <c r="AB41889">
        <v>0</v>
      </c>
      <c r="AC41889">
        <v>0</v>
      </c>
      <c r="AD41889">
        <v>0</v>
      </c>
      <c r="AE41889">
        <v>0</v>
      </c>
      <c r="AF41889">
        <v>0</v>
      </c>
      <c r="AG41889">
        <v>0</v>
      </c>
      <c r="AH41889">
        <v>0</v>
      </c>
      <c r="AI41889">
        <v>0</v>
      </c>
      <c r="AJ41889">
        <v>0</v>
      </c>
      <c r="AK41889">
        <v>0</v>
      </c>
      <c r="AL41889">
        <v>0</v>
      </c>
      <c r="AM41889">
        <v>0</v>
      </c>
      <c r="AN41889">
        <v>0</v>
      </c>
      <c r="AO41889">
        <v>0</v>
      </c>
      <c r="AP41889">
        <v>0</v>
      </c>
      <c r="AQ41889">
        <v>0</v>
      </c>
    </row>
    <row r="41890" spans="1:43">
      <c r="A41890" t="s">
        <v>25755</v>
      </c>
      <c r="B41890" t="s">
        <v>25756</v>
      </c>
      <c r="C41890" t="s">
        <v>7324</v>
      </c>
      <c r="D41890" t="s">
        <v>7325</v>
      </c>
      <c r="E41890" t="s">
        <v>7278</v>
      </c>
      <c r="F41890" t="s">
        <v>7279</v>
      </c>
      <c r="G41890" t="s">
        <v>80</v>
      </c>
      <c r="H41890" t="s">
        <v>81</v>
      </c>
      <c r="I41890" s="2">
        <v>0</v>
      </c>
      <c r="J41890" s="2">
        <v>1</v>
      </c>
      <c r="K41890" s="2">
        <v>0</v>
      </c>
      <c r="L41890" t="s">
        <v>82</v>
      </c>
      <c r="M41890" t="s">
        <v>83</v>
      </c>
      <c r="N41890" t="s">
        <v>84</v>
      </c>
      <c r="O41890" t="s">
        <v>85</v>
      </c>
      <c r="P41890" t="s">
        <v>86</v>
      </c>
      <c r="Q41890">
        <v>54</v>
      </c>
      <c r="R41890">
        <v>54</v>
      </c>
      <c r="S41890">
        <v>55</v>
      </c>
      <c r="T41890">
        <v>55</v>
      </c>
      <c r="U41890">
        <v>56</v>
      </c>
      <c r="V41890">
        <v>56</v>
      </c>
      <c r="W41890">
        <v>57</v>
      </c>
      <c r="X41890">
        <v>57</v>
      </c>
      <c r="Y41890">
        <v>57</v>
      </c>
      <c r="Z41890">
        <v>58</v>
      </c>
      <c r="AA41890">
        <v>58</v>
      </c>
      <c r="AB41890">
        <v>59</v>
      </c>
      <c r="AC41890">
        <v>59</v>
      </c>
      <c r="AD41890">
        <v>59</v>
      </c>
      <c r="AE41890">
        <v>60</v>
      </c>
      <c r="AF41890">
        <v>60</v>
      </c>
      <c r="AG41890">
        <v>60</v>
      </c>
      <c r="AH41890">
        <v>61</v>
      </c>
      <c r="AI41890">
        <v>61</v>
      </c>
      <c r="AJ41890">
        <v>61</v>
      </c>
      <c r="AK41890">
        <v>61</v>
      </c>
      <c r="AL41890">
        <v>61</v>
      </c>
      <c r="AM41890">
        <v>61</v>
      </c>
      <c r="AN41890">
        <v>61</v>
      </c>
      <c r="AO41890">
        <v>60</v>
      </c>
      <c r="AP41890">
        <v>60</v>
      </c>
      <c r="AQ41890">
        <v>60</v>
      </c>
    </row>
    <row r="41891" spans="1:43">
      <c r="A41891" t="s">
        <v>25755</v>
      </c>
      <c r="B41891" t="s">
        <v>25756</v>
      </c>
      <c r="C41891" t="s">
        <v>7324</v>
      </c>
      <c r="D41891" t="s">
        <v>7325</v>
      </c>
      <c r="E41891" t="s">
        <v>7278</v>
      </c>
      <c r="F41891" t="s">
        <v>7279</v>
      </c>
      <c r="G41891" t="s">
        <v>80</v>
      </c>
      <c r="H41891" t="s">
        <v>81</v>
      </c>
      <c r="I41891" s="2">
        <v>0</v>
      </c>
      <c r="J41891" s="2">
        <v>1</v>
      </c>
      <c r="K41891" s="2">
        <v>0</v>
      </c>
      <c r="L41891" t="s">
        <v>82</v>
      </c>
      <c r="M41891" t="s">
        <v>87</v>
      </c>
      <c r="N41891" t="s">
        <v>88</v>
      </c>
      <c r="O41891" t="s">
        <v>85</v>
      </c>
      <c r="P41891" t="s">
        <v>86</v>
      </c>
      <c r="Q41891">
        <v>54</v>
      </c>
      <c r="R41891">
        <v>54</v>
      </c>
      <c r="S41891">
        <v>54</v>
      </c>
      <c r="T41891">
        <v>54</v>
      </c>
      <c r="U41891">
        <v>54</v>
      </c>
      <c r="V41891">
        <v>54</v>
      </c>
      <c r="W41891">
        <v>54</v>
      </c>
      <c r="X41891">
        <v>54</v>
      </c>
      <c r="Y41891">
        <v>54</v>
      </c>
      <c r="Z41891">
        <v>54</v>
      </c>
      <c r="AA41891">
        <v>54</v>
      </c>
      <c r="AB41891">
        <v>54</v>
      </c>
      <c r="AC41891">
        <v>54</v>
      </c>
      <c r="AD41891">
        <v>54</v>
      </c>
      <c r="AE41891">
        <v>54</v>
      </c>
      <c r="AF41891">
        <v>54</v>
      </c>
      <c r="AG41891">
        <v>54</v>
      </c>
      <c r="AH41891">
        <v>54</v>
      </c>
      <c r="AI41891">
        <v>54</v>
      </c>
      <c r="AJ41891">
        <v>53</v>
      </c>
      <c r="AK41891">
        <v>53</v>
      </c>
      <c r="AL41891">
        <v>53</v>
      </c>
      <c r="AM41891">
        <v>53</v>
      </c>
      <c r="AN41891">
        <v>53</v>
      </c>
      <c r="AO41891">
        <v>53</v>
      </c>
      <c r="AP41891">
        <v>53</v>
      </c>
      <c r="AQ41891">
        <v>53</v>
      </c>
    </row>
    <row r="41892" spans="1:43">
      <c r="A41892" t="s">
        <v>25755</v>
      </c>
      <c r="B41892" t="s">
        <v>25756</v>
      </c>
      <c r="C41892" t="s">
        <v>7324</v>
      </c>
      <c r="D41892" t="s">
        <v>7325</v>
      </c>
      <c r="E41892" t="s">
        <v>7278</v>
      </c>
      <c r="F41892" t="s">
        <v>7279</v>
      </c>
      <c r="G41892" t="s">
        <v>80</v>
      </c>
      <c r="H41892" t="s">
        <v>81</v>
      </c>
      <c r="I41892" s="2">
        <v>0</v>
      </c>
      <c r="J41892" s="2">
        <v>1</v>
      </c>
      <c r="K41892" s="2">
        <v>0</v>
      </c>
      <c r="L41892" t="s">
        <v>82</v>
      </c>
      <c r="M41892" t="s">
        <v>89</v>
      </c>
      <c r="N41892" t="s">
        <v>90</v>
      </c>
      <c r="O41892" t="s">
        <v>85</v>
      </c>
      <c r="P41892" t="s">
        <v>86</v>
      </c>
      <c r="Q41892">
        <v>54</v>
      </c>
      <c r="R41892">
        <v>55</v>
      </c>
      <c r="S41892">
        <v>56</v>
      </c>
      <c r="T41892">
        <v>57</v>
      </c>
      <c r="U41892">
        <v>58</v>
      </c>
      <c r="V41892">
        <v>59</v>
      </c>
      <c r="W41892">
        <v>60</v>
      </c>
      <c r="X41892">
        <v>60</v>
      </c>
      <c r="Y41892">
        <v>61</v>
      </c>
      <c r="Z41892">
        <v>62</v>
      </c>
      <c r="AA41892">
        <v>62</v>
      </c>
      <c r="AB41892">
        <v>63</v>
      </c>
      <c r="AC41892">
        <v>63</v>
      </c>
      <c r="AD41892">
        <v>64</v>
      </c>
      <c r="AE41892">
        <v>64</v>
      </c>
      <c r="AF41892">
        <v>64</v>
      </c>
      <c r="AG41892">
        <v>63</v>
      </c>
      <c r="AH41892">
        <v>63</v>
      </c>
      <c r="AI41892">
        <v>63</v>
      </c>
      <c r="AJ41892">
        <v>63</v>
      </c>
      <c r="AK41892">
        <v>62</v>
      </c>
      <c r="AL41892">
        <v>62</v>
      </c>
      <c r="AM41892">
        <v>62</v>
      </c>
      <c r="AN41892">
        <v>61</v>
      </c>
      <c r="AO41892">
        <v>61</v>
      </c>
      <c r="AP41892">
        <v>61</v>
      </c>
      <c r="AQ41892">
        <v>60</v>
      </c>
    </row>
    <row r="41893" spans="1:43">
      <c r="A41893" t="s">
        <v>25755</v>
      </c>
      <c r="B41893" t="s">
        <v>25756</v>
      </c>
      <c r="C41893" t="s">
        <v>7324</v>
      </c>
      <c r="D41893" t="s">
        <v>7325</v>
      </c>
      <c r="E41893" t="s">
        <v>7278</v>
      </c>
      <c r="F41893" t="s">
        <v>7279</v>
      </c>
      <c r="G41893" t="s">
        <v>80</v>
      </c>
      <c r="H41893" t="s">
        <v>81</v>
      </c>
      <c r="I41893" s="2">
        <v>0</v>
      </c>
      <c r="J41893" s="2">
        <v>1</v>
      </c>
      <c r="K41893" s="2">
        <v>0</v>
      </c>
      <c r="L41893" t="s">
        <v>82</v>
      </c>
      <c r="M41893" t="s">
        <v>83</v>
      </c>
      <c r="N41893" t="s">
        <v>91</v>
      </c>
      <c r="O41893" t="s">
        <v>85</v>
      </c>
      <c r="P41893" t="s">
        <v>86</v>
      </c>
      <c r="Q41893">
        <v>54</v>
      </c>
      <c r="R41893">
        <v>54</v>
      </c>
      <c r="S41893">
        <v>55</v>
      </c>
      <c r="T41893">
        <v>55</v>
      </c>
      <c r="U41893">
        <v>56</v>
      </c>
      <c r="V41893">
        <v>56</v>
      </c>
      <c r="W41893">
        <v>57</v>
      </c>
      <c r="X41893">
        <v>57</v>
      </c>
      <c r="Y41893">
        <v>57</v>
      </c>
      <c r="Z41893">
        <v>58</v>
      </c>
      <c r="AA41893">
        <v>58</v>
      </c>
      <c r="AB41893">
        <v>59</v>
      </c>
      <c r="AC41893">
        <v>59</v>
      </c>
      <c r="AD41893">
        <v>59</v>
      </c>
      <c r="AE41893">
        <v>60</v>
      </c>
      <c r="AF41893">
        <v>60</v>
      </c>
      <c r="AG41893">
        <v>60</v>
      </c>
      <c r="AH41893">
        <v>61</v>
      </c>
      <c r="AI41893">
        <v>61</v>
      </c>
      <c r="AJ41893">
        <v>61</v>
      </c>
      <c r="AK41893">
        <v>61</v>
      </c>
      <c r="AL41893">
        <v>61</v>
      </c>
      <c r="AM41893">
        <v>61</v>
      </c>
      <c r="AN41893">
        <v>61</v>
      </c>
      <c r="AO41893">
        <v>60</v>
      </c>
      <c r="AP41893">
        <v>60</v>
      </c>
      <c r="AQ41893">
        <v>60</v>
      </c>
    </row>
    <row r="41894" spans="1:43">
      <c r="A41894" t="s">
        <v>25757</v>
      </c>
      <c r="B41894" t="s">
        <v>25758</v>
      </c>
      <c r="C41894" t="s">
        <v>7324</v>
      </c>
      <c r="D41894" t="s">
        <v>7325</v>
      </c>
      <c r="E41894" t="s">
        <v>7278</v>
      </c>
      <c r="F41894" t="s">
        <v>7279</v>
      </c>
      <c r="G41894" t="s">
        <v>80</v>
      </c>
      <c r="H41894" t="s">
        <v>81</v>
      </c>
      <c r="I41894" s="2">
        <v>0</v>
      </c>
      <c r="J41894" s="2">
        <v>1</v>
      </c>
      <c r="K41894" s="2">
        <v>0</v>
      </c>
      <c r="L41894" t="s">
        <v>82</v>
      </c>
      <c r="M41894" t="s">
        <v>83</v>
      </c>
      <c r="N41894" t="s">
        <v>84</v>
      </c>
      <c r="O41894" t="s">
        <v>85</v>
      </c>
      <c r="P41894" t="s">
        <v>86</v>
      </c>
      <c r="Q41894">
        <v>33</v>
      </c>
      <c r="R41894">
        <v>34</v>
      </c>
      <c r="S41894">
        <v>34</v>
      </c>
      <c r="T41894">
        <v>34</v>
      </c>
      <c r="U41894">
        <v>35</v>
      </c>
      <c r="V41894">
        <v>35</v>
      </c>
      <c r="W41894">
        <v>35</v>
      </c>
      <c r="X41894">
        <v>36</v>
      </c>
      <c r="Y41894">
        <v>36</v>
      </c>
      <c r="Z41894">
        <v>36</v>
      </c>
      <c r="AA41894">
        <v>36</v>
      </c>
      <c r="AB41894">
        <v>37</v>
      </c>
      <c r="AC41894">
        <v>37</v>
      </c>
      <c r="AD41894">
        <v>37</v>
      </c>
      <c r="AE41894">
        <v>37</v>
      </c>
      <c r="AF41894">
        <v>37</v>
      </c>
      <c r="AG41894">
        <v>38</v>
      </c>
      <c r="AH41894">
        <v>38</v>
      </c>
      <c r="AI41894">
        <v>38</v>
      </c>
      <c r="AJ41894">
        <v>38</v>
      </c>
      <c r="AK41894">
        <v>38</v>
      </c>
      <c r="AL41894">
        <v>38</v>
      </c>
      <c r="AM41894">
        <v>38</v>
      </c>
      <c r="AN41894">
        <v>38</v>
      </c>
      <c r="AO41894">
        <v>38</v>
      </c>
      <c r="AP41894">
        <v>38</v>
      </c>
      <c r="AQ41894">
        <v>37</v>
      </c>
    </row>
    <row r="41895" spans="1:43">
      <c r="A41895" t="s">
        <v>25757</v>
      </c>
      <c r="B41895" t="s">
        <v>25758</v>
      </c>
      <c r="C41895" t="s">
        <v>7324</v>
      </c>
      <c r="D41895" t="s">
        <v>7325</v>
      </c>
      <c r="E41895" t="s">
        <v>7278</v>
      </c>
      <c r="F41895" t="s">
        <v>7279</v>
      </c>
      <c r="G41895" t="s">
        <v>80</v>
      </c>
      <c r="H41895" t="s">
        <v>81</v>
      </c>
      <c r="I41895" s="2">
        <v>0</v>
      </c>
      <c r="J41895" s="2">
        <v>1</v>
      </c>
      <c r="K41895" s="2">
        <v>0</v>
      </c>
      <c r="L41895" t="s">
        <v>82</v>
      </c>
      <c r="M41895" t="s">
        <v>87</v>
      </c>
      <c r="N41895" t="s">
        <v>88</v>
      </c>
      <c r="O41895" t="s">
        <v>85</v>
      </c>
      <c r="P41895" t="s">
        <v>86</v>
      </c>
      <c r="Q41895">
        <v>33</v>
      </c>
      <c r="R41895">
        <v>33</v>
      </c>
      <c r="S41895">
        <v>33</v>
      </c>
      <c r="T41895">
        <v>33</v>
      </c>
      <c r="U41895">
        <v>33</v>
      </c>
      <c r="V41895">
        <v>33</v>
      </c>
      <c r="W41895">
        <v>33</v>
      </c>
      <c r="X41895">
        <v>33</v>
      </c>
      <c r="Y41895">
        <v>33</v>
      </c>
      <c r="Z41895">
        <v>33</v>
      </c>
      <c r="AA41895">
        <v>33</v>
      </c>
      <c r="AB41895">
        <v>33</v>
      </c>
      <c r="AC41895">
        <v>33</v>
      </c>
      <c r="AD41895">
        <v>33</v>
      </c>
      <c r="AE41895">
        <v>33</v>
      </c>
      <c r="AF41895">
        <v>33</v>
      </c>
      <c r="AG41895">
        <v>33</v>
      </c>
      <c r="AH41895">
        <v>33</v>
      </c>
      <c r="AI41895">
        <v>33</v>
      </c>
      <c r="AJ41895">
        <v>33</v>
      </c>
      <c r="AK41895">
        <v>33</v>
      </c>
      <c r="AL41895">
        <v>33</v>
      </c>
      <c r="AM41895">
        <v>33</v>
      </c>
      <c r="AN41895">
        <v>33</v>
      </c>
      <c r="AO41895">
        <v>32</v>
      </c>
      <c r="AP41895">
        <v>32</v>
      </c>
      <c r="AQ41895">
        <v>32</v>
      </c>
    </row>
    <row r="41896" spans="1:43">
      <c r="A41896" t="s">
        <v>25757</v>
      </c>
      <c r="B41896" t="s">
        <v>25758</v>
      </c>
      <c r="C41896" t="s">
        <v>7324</v>
      </c>
      <c r="D41896" t="s">
        <v>7325</v>
      </c>
      <c r="E41896" t="s">
        <v>7278</v>
      </c>
      <c r="F41896" t="s">
        <v>7279</v>
      </c>
      <c r="G41896" t="s">
        <v>80</v>
      </c>
      <c r="H41896" t="s">
        <v>81</v>
      </c>
      <c r="I41896" s="2">
        <v>0</v>
      </c>
      <c r="J41896" s="2">
        <v>1</v>
      </c>
      <c r="K41896" s="2">
        <v>0</v>
      </c>
      <c r="L41896" t="s">
        <v>82</v>
      </c>
      <c r="M41896" t="s">
        <v>89</v>
      </c>
      <c r="N41896" t="s">
        <v>90</v>
      </c>
      <c r="O41896" t="s">
        <v>85</v>
      </c>
      <c r="P41896" t="s">
        <v>86</v>
      </c>
      <c r="Q41896">
        <v>33</v>
      </c>
      <c r="R41896">
        <v>33</v>
      </c>
      <c r="S41896">
        <v>34</v>
      </c>
      <c r="T41896">
        <v>35</v>
      </c>
      <c r="U41896">
        <v>35</v>
      </c>
      <c r="V41896">
        <v>36</v>
      </c>
      <c r="W41896">
        <v>36</v>
      </c>
      <c r="X41896">
        <v>37</v>
      </c>
      <c r="Y41896">
        <v>37</v>
      </c>
      <c r="Z41896">
        <v>37</v>
      </c>
      <c r="AA41896">
        <v>38</v>
      </c>
      <c r="AB41896">
        <v>38</v>
      </c>
      <c r="AC41896">
        <v>39</v>
      </c>
      <c r="AD41896">
        <v>39</v>
      </c>
      <c r="AE41896">
        <v>39</v>
      </c>
      <c r="AF41896">
        <v>39</v>
      </c>
      <c r="AG41896">
        <v>39</v>
      </c>
      <c r="AH41896">
        <v>38</v>
      </c>
      <c r="AI41896">
        <v>38</v>
      </c>
      <c r="AJ41896">
        <v>38</v>
      </c>
      <c r="AK41896">
        <v>38</v>
      </c>
      <c r="AL41896">
        <v>38</v>
      </c>
      <c r="AM41896">
        <v>37</v>
      </c>
      <c r="AN41896">
        <v>37</v>
      </c>
      <c r="AO41896">
        <v>37</v>
      </c>
      <c r="AP41896">
        <v>37</v>
      </c>
      <c r="AQ41896">
        <v>37</v>
      </c>
    </row>
    <row r="41897" spans="1:43">
      <c r="A41897" t="s">
        <v>25757</v>
      </c>
      <c r="B41897" t="s">
        <v>25758</v>
      </c>
      <c r="C41897" t="s">
        <v>7324</v>
      </c>
      <c r="D41897" t="s">
        <v>7325</v>
      </c>
      <c r="E41897" t="s">
        <v>7278</v>
      </c>
      <c r="F41897" t="s">
        <v>7279</v>
      </c>
      <c r="G41897" t="s">
        <v>80</v>
      </c>
      <c r="H41897" t="s">
        <v>81</v>
      </c>
      <c r="I41897" s="2">
        <v>0</v>
      </c>
      <c r="J41897" s="2">
        <v>1</v>
      </c>
      <c r="K41897" s="2">
        <v>0</v>
      </c>
      <c r="L41897" t="s">
        <v>82</v>
      </c>
      <c r="M41897" t="s">
        <v>83</v>
      </c>
      <c r="N41897" t="s">
        <v>91</v>
      </c>
      <c r="O41897" t="s">
        <v>85</v>
      </c>
      <c r="P41897" t="s">
        <v>86</v>
      </c>
      <c r="Q41897">
        <v>33</v>
      </c>
      <c r="R41897">
        <v>34</v>
      </c>
      <c r="S41897">
        <v>34</v>
      </c>
      <c r="T41897">
        <v>34</v>
      </c>
      <c r="U41897">
        <v>35</v>
      </c>
      <c r="V41897">
        <v>35</v>
      </c>
      <c r="W41897">
        <v>35</v>
      </c>
      <c r="X41897">
        <v>36</v>
      </c>
      <c r="Y41897">
        <v>36</v>
      </c>
      <c r="Z41897">
        <v>36</v>
      </c>
      <c r="AA41897">
        <v>36</v>
      </c>
      <c r="AB41897">
        <v>37</v>
      </c>
      <c r="AC41897">
        <v>37</v>
      </c>
      <c r="AD41897">
        <v>37</v>
      </c>
      <c r="AE41897">
        <v>37</v>
      </c>
      <c r="AF41897">
        <v>37</v>
      </c>
      <c r="AG41897">
        <v>38</v>
      </c>
      <c r="AH41897">
        <v>38</v>
      </c>
      <c r="AI41897">
        <v>38</v>
      </c>
      <c r="AJ41897">
        <v>38</v>
      </c>
      <c r="AK41897">
        <v>38</v>
      </c>
      <c r="AL41897">
        <v>38</v>
      </c>
      <c r="AM41897">
        <v>38</v>
      </c>
      <c r="AN41897">
        <v>38</v>
      </c>
      <c r="AO41897">
        <v>38</v>
      </c>
      <c r="AP41897">
        <v>38</v>
      </c>
      <c r="AQ41897">
        <v>37</v>
      </c>
    </row>
    <row r="41898" spans="1:43">
      <c r="A41898" t="s">
        <v>25759</v>
      </c>
      <c r="B41898" t="s">
        <v>25760</v>
      </c>
      <c r="C41898" t="s">
        <v>7324</v>
      </c>
      <c r="D41898" t="s">
        <v>7325</v>
      </c>
      <c r="E41898" t="s">
        <v>7278</v>
      </c>
      <c r="F41898" t="s">
        <v>7279</v>
      </c>
      <c r="G41898" t="s">
        <v>80</v>
      </c>
      <c r="H41898" t="s">
        <v>81</v>
      </c>
      <c r="I41898" s="2">
        <v>0</v>
      </c>
      <c r="J41898" s="2">
        <v>1</v>
      </c>
      <c r="K41898" s="2">
        <v>0</v>
      </c>
      <c r="L41898" t="s">
        <v>82</v>
      </c>
      <c r="M41898" t="s">
        <v>83</v>
      </c>
      <c r="N41898" t="s">
        <v>84</v>
      </c>
      <c r="O41898" t="s">
        <v>85</v>
      </c>
      <c r="P41898" t="s">
        <v>86</v>
      </c>
      <c r="Q41898">
        <v>11</v>
      </c>
      <c r="R41898">
        <v>11</v>
      </c>
      <c r="S41898">
        <v>12</v>
      </c>
      <c r="T41898">
        <v>12</v>
      </c>
      <c r="U41898">
        <v>12</v>
      </c>
      <c r="V41898">
        <v>12</v>
      </c>
      <c r="W41898">
        <v>12</v>
      </c>
      <c r="X41898">
        <v>12</v>
      </c>
      <c r="Y41898">
        <v>12</v>
      </c>
      <c r="Z41898">
        <v>12</v>
      </c>
      <c r="AA41898">
        <v>12</v>
      </c>
      <c r="AB41898">
        <v>12</v>
      </c>
      <c r="AC41898">
        <v>12</v>
      </c>
      <c r="AD41898">
        <v>13</v>
      </c>
      <c r="AE41898">
        <v>13</v>
      </c>
      <c r="AF41898">
        <v>13</v>
      </c>
      <c r="AG41898">
        <v>13</v>
      </c>
      <c r="AH41898">
        <v>13</v>
      </c>
      <c r="AI41898">
        <v>13</v>
      </c>
      <c r="AJ41898">
        <v>13</v>
      </c>
      <c r="AK41898">
        <v>13</v>
      </c>
      <c r="AL41898">
        <v>13</v>
      </c>
      <c r="AM41898">
        <v>13</v>
      </c>
      <c r="AN41898">
        <v>13</v>
      </c>
      <c r="AO41898">
        <v>13</v>
      </c>
      <c r="AP41898">
        <v>13</v>
      </c>
      <c r="AQ41898">
        <v>13</v>
      </c>
    </row>
    <row r="41899" spans="1:43">
      <c r="A41899" t="s">
        <v>25759</v>
      </c>
      <c r="B41899" t="s">
        <v>25760</v>
      </c>
      <c r="C41899" t="s">
        <v>7324</v>
      </c>
      <c r="D41899" t="s">
        <v>7325</v>
      </c>
      <c r="E41899" t="s">
        <v>7278</v>
      </c>
      <c r="F41899" t="s">
        <v>7279</v>
      </c>
      <c r="G41899" t="s">
        <v>80</v>
      </c>
      <c r="H41899" t="s">
        <v>81</v>
      </c>
      <c r="I41899" s="2">
        <v>0</v>
      </c>
      <c r="J41899" s="2">
        <v>1</v>
      </c>
      <c r="K41899" s="2">
        <v>0</v>
      </c>
      <c r="L41899" t="s">
        <v>82</v>
      </c>
      <c r="M41899" t="s">
        <v>87</v>
      </c>
      <c r="N41899" t="s">
        <v>88</v>
      </c>
      <c r="O41899" t="s">
        <v>85</v>
      </c>
      <c r="P41899" t="s">
        <v>86</v>
      </c>
      <c r="Q41899">
        <v>11</v>
      </c>
      <c r="R41899">
        <v>11</v>
      </c>
      <c r="S41899">
        <v>11</v>
      </c>
      <c r="T41899">
        <v>11</v>
      </c>
      <c r="U41899">
        <v>11</v>
      </c>
      <c r="V41899">
        <v>11</v>
      </c>
      <c r="W41899">
        <v>11</v>
      </c>
      <c r="X41899">
        <v>11</v>
      </c>
      <c r="Y41899">
        <v>11</v>
      </c>
      <c r="Z41899">
        <v>11</v>
      </c>
      <c r="AA41899">
        <v>11</v>
      </c>
      <c r="AB41899">
        <v>11</v>
      </c>
      <c r="AC41899">
        <v>11</v>
      </c>
      <c r="AD41899">
        <v>11</v>
      </c>
      <c r="AE41899">
        <v>11</v>
      </c>
      <c r="AF41899">
        <v>11</v>
      </c>
      <c r="AG41899">
        <v>11</v>
      </c>
      <c r="AH41899">
        <v>11</v>
      </c>
      <c r="AI41899">
        <v>11</v>
      </c>
      <c r="AJ41899">
        <v>11</v>
      </c>
      <c r="AK41899">
        <v>11</v>
      </c>
      <c r="AL41899">
        <v>11</v>
      </c>
      <c r="AM41899">
        <v>11</v>
      </c>
      <c r="AN41899">
        <v>11</v>
      </c>
      <c r="AO41899">
        <v>11</v>
      </c>
      <c r="AP41899">
        <v>11</v>
      </c>
      <c r="AQ41899">
        <v>11</v>
      </c>
    </row>
    <row r="41900" spans="1:43">
      <c r="A41900" t="s">
        <v>25759</v>
      </c>
      <c r="B41900" t="s">
        <v>25760</v>
      </c>
      <c r="C41900" t="s">
        <v>7324</v>
      </c>
      <c r="D41900" t="s">
        <v>7325</v>
      </c>
      <c r="E41900" t="s">
        <v>7278</v>
      </c>
      <c r="F41900" t="s">
        <v>7279</v>
      </c>
      <c r="G41900" t="s">
        <v>80</v>
      </c>
      <c r="H41900" t="s">
        <v>81</v>
      </c>
      <c r="I41900" s="2">
        <v>0</v>
      </c>
      <c r="J41900" s="2">
        <v>1</v>
      </c>
      <c r="K41900" s="2">
        <v>0</v>
      </c>
      <c r="L41900" t="s">
        <v>82</v>
      </c>
      <c r="M41900" t="s">
        <v>89</v>
      </c>
      <c r="N41900" t="s">
        <v>90</v>
      </c>
      <c r="O41900" t="s">
        <v>85</v>
      </c>
      <c r="P41900" t="s">
        <v>86</v>
      </c>
      <c r="Q41900">
        <v>11</v>
      </c>
      <c r="R41900">
        <v>12</v>
      </c>
      <c r="S41900">
        <v>12</v>
      </c>
      <c r="T41900">
        <v>12</v>
      </c>
      <c r="U41900">
        <v>12</v>
      </c>
      <c r="V41900">
        <v>12</v>
      </c>
      <c r="W41900">
        <v>13</v>
      </c>
      <c r="X41900">
        <v>13</v>
      </c>
      <c r="Y41900">
        <v>13</v>
      </c>
      <c r="Z41900">
        <v>13</v>
      </c>
      <c r="AA41900">
        <v>13</v>
      </c>
      <c r="AB41900">
        <v>13</v>
      </c>
      <c r="AC41900">
        <v>13</v>
      </c>
      <c r="AD41900">
        <v>13</v>
      </c>
      <c r="AE41900">
        <v>14</v>
      </c>
      <c r="AF41900">
        <v>13</v>
      </c>
      <c r="AG41900">
        <v>13</v>
      </c>
      <c r="AH41900">
        <v>13</v>
      </c>
      <c r="AI41900">
        <v>13</v>
      </c>
      <c r="AJ41900">
        <v>13</v>
      </c>
      <c r="AK41900">
        <v>13</v>
      </c>
      <c r="AL41900">
        <v>13</v>
      </c>
      <c r="AM41900">
        <v>13</v>
      </c>
      <c r="AN41900">
        <v>13</v>
      </c>
      <c r="AO41900">
        <v>13</v>
      </c>
      <c r="AP41900">
        <v>13</v>
      </c>
      <c r="AQ41900">
        <v>13</v>
      </c>
    </row>
    <row r="41901" spans="1:43">
      <c r="A41901" t="s">
        <v>25759</v>
      </c>
      <c r="B41901" t="s">
        <v>25760</v>
      </c>
      <c r="C41901" t="s">
        <v>7324</v>
      </c>
      <c r="D41901" t="s">
        <v>7325</v>
      </c>
      <c r="E41901" t="s">
        <v>7278</v>
      </c>
      <c r="F41901" t="s">
        <v>7279</v>
      </c>
      <c r="G41901" t="s">
        <v>80</v>
      </c>
      <c r="H41901" t="s">
        <v>81</v>
      </c>
      <c r="I41901" s="2">
        <v>0</v>
      </c>
      <c r="J41901" s="2">
        <v>1</v>
      </c>
      <c r="K41901" s="2">
        <v>0</v>
      </c>
      <c r="L41901" t="s">
        <v>82</v>
      </c>
      <c r="M41901" t="s">
        <v>83</v>
      </c>
      <c r="N41901" t="s">
        <v>91</v>
      </c>
      <c r="O41901" t="s">
        <v>85</v>
      </c>
      <c r="P41901" t="s">
        <v>86</v>
      </c>
      <c r="Q41901">
        <v>11</v>
      </c>
      <c r="R41901">
        <v>11</v>
      </c>
      <c r="S41901">
        <v>12</v>
      </c>
      <c r="T41901">
        <v>12</v>
      </c>
      <c r="U41901">
        <v>12</v>
      </c>
      <c r="V41901">
        <v>12</v>
      </c>
      <c r="W41901">
        <v>12</v>
      </c>
      <c r="X41901">
        <v>12</v>
      </c>
      <c r="Y41901">
        <v>12</v>
      </c>
      <c r="Z41901">
        <v>12</v>
      </c>
      <c r="AA41901">
        <v>12</v>
      </c>
      <c r="AB41901">
        <v>12</v>
      </c>
      <c r="AC41901">
        <v>12</v>
      </c>
      <c r="AD41901">
        <v>13</v>
      </c>
      <c r="AE41901">
        <v>13</v>
      </c>
      <c r="AF41901">
        <v>13</v>
      </c>
      <c r="AG41901">
        <v>13</v>
      </c>
      <c r="AH41901">
        <v>13</v>
      </c>
      <c r="AI41901">
        <v>13</v>
      </c>
      <c r="AJ41901">
        <v>13</v>
      </c>
      <c r="AK41901">
        <v>13</v>
      </c>
      <c r="AL41901">
        <v>13</v>
      </c>
      <c r="AM41901">
        <v>13</v>
      </c>
      <c r="AN41901">
        <v>13</v>
      </c>
      <c r="AO41901">
        <v>13</v>
      </c>
      <c r="AP41901">
        <v>13</v>
      </c>
      <c r="AQ41901">
        <v>13</v>
      </c>
    </row>
    <row r="41902" spans="1:43">
      <c r="A41902" t="s">
        <v>25761</v>
      </c>
      <c r="B41902" t="s">
        <v>25762</v>
      </c>
      <c r="C41902" t="s">
        <v>7324</v>
      </c>
      <c r="D41902" t="s">
        <v>7325</v>
      </c>
      <c r="E41902" t="s">
        <v>7278</v>
      </c>
      <c r="F41902" t="s">
        <v>7279</v>
      </c>
      <c r="G41902" t="s">
        <v>80</v>
      </c>
      <c r="H41902" t="s">
        <v>81</v>
      </c>
      <c r="I41902" s="2">
        <v>0</v>
      </c>
      <c r="J41902" s="2">
        <v>1</v>
      </c>
      <c r="K41902" s="2">
        <v>0</v>
      </c>
      <c r="L41902" t="s">
        <v>82</v>
      </c>
      <c r="M41902" t="s">
        <v>83</v>
      </c>
      <c r="N41902" t="s">
        <v>84</v>
      </c>
      <c r="O41902" t="s">
        <v>85</v>
      </c>
      <c r="P41902" t="s">
        <v>86</v>
      </c>
      <c r="Q41902">
        <v>27</v>
      </c>
      <c r="R41902">
        <v>28</v>
      </c>
      <c r="S41902">
        <v>28</v>
      </c>
      <c r="T41902">
        <v>28</v>
      </c>
      <c r="U41902">
        <v>28</v>
      </c>
      <c r="V41902">
        <v>29</v>
      </c>
      <c r="W41902">
        <v>29</v>
      </c>
      <c r="X41902">
        <v>29</v>
      </c>
      <c r="Y41902">
        <v>29</v>
      </c>
      <c r="Z41902">
        <v>30</v>
      </c>
      <c r="AA41902">
        <v>30</v>
      </c>
      <c r="AB41902">
        <v>30</v>
      </c>
      <c r="AC41902">
        <v>30</v>
      </c>
      <c r="AD41902">
        <v>30</v>
      </c>
      <c r="AE41902">
        <v>31</v>
      </c>
      <c r="AF41902">
        <v>31</v>
      </c>
      <c r="AG41902">
        <v>31</v>
      </c>
      <c r="AH41902">
        <v>31</v>
      </c>
      <c r="AI41902">
        <v>31</v>
      </c>
      <c r="AJ41902">
        <v>31</v>
      </c>
      <c r="AK41902">
        <v>31</v>
      </c>
      <c r="AL41902">
        <v>31</v>
      </c>
      <c r="AM41902">
        <v>31</v>
      </c>
      <c r="AN41902">
        <v>31</v>
      </c>
      <c r="AO41902">
        <v>31</v>
      </c>
      <c r="AP41902">
        <v>31</v>
      </c>
      <c r="AQ41902">
        <v>31</v>
      </c>
    </row>
    <row r="41903" spans="1:43">
      <c r="A41903" t="s">
        <v>25761</v>
      </c>
      <c r="B41903" t="s">
        <v>25762</v>
      </c>
      <c r="C41903" t="s">
        <v>7324</v>
      </c>
      <c r="D41903" t="s">
        <v>7325</v>
      </c>
      <c r="E41903" t="s">
        <v>7278</v>
      </c>
      <c r="F41903" t="s">
        <v>7279</v>
      </c>
      <c r="G41903" t="s">
        <v>80</v>
      </c>
      <c r="H41903" t="s">
        <v>81</v>
      </c>
      <c r="I41903" s="2">
        <v>0</v>
      </c>
      <c r="J41903" s="2">
        <v>1</v>
      </c>
      <c r="K41903" s="2">
        <v>0</v>
      </c>
      <c r="L41903" t="s">
        <v>82</v>
      </c>
      <c r="M41903" t="s">
        <v>87</v>
      </c>
      <c r="N41903" t="s">
        <v>88</v>
      </c>
      <c r="O41903" t="s">
        <v>85</v>
      </c>
      <c r="P41903" t="s">
        <v>86</v>
      </c>
      <c r="Q41903">
        <v>27</v>
      </c>
      <c r="R41903">
        <v>27</v>
      </c>
      <c r="S41903">
        <v>27</v>
      </c>
      <c r="T41903">
        <v>27</v>
      </c>
      <c r="U41903">
        <v>27</v>
      </c>
      <c r="V41903">
        <v>27</v>
      </c>
      <c r="W41903">
        <v>27</v>
      </c>
      <c r="X41903">
        <v>27</v>
      </c>
      <c r="Y41903">
        <v>27</v>
      </c>
      <c r="Z41903">
        <v>27</v>
      </c>
      <c r="AA41903">
        <v>27</v>
      </c>
      <c r="AB41903">
        <v>27</v>
      </c>
      <c r="AC41903">
        <v>27</v>
      </c>
      <c r="AD41903">
        <v>27</v>
      </c>
      <c r="AE41903">
        <v>27</v>
      </c>
      <c r="AF41903">
        <v>27</v>
      </c>
      <c r="AG41903">
        <v>27</v>
      </c>
      <c r="AH41903">
        <v>27</v>
      </c>
      <c r="AI41903">
        <v>27</v>
      </c>
      <c r="AJ41903">
        <v>27</v>
      </c>
      <c r="AK41903">
        <v>27</v>
      </c>
      <c r="AL41903">
        <v>27</v>
      </c>
      <c r="AM41903">
        <v>27</v>
      </c>
      <c r="AN41903">
        <v>27</v>
      </c>
      <c r="AO41903">
        <v>27</v>
      </c>
      <c r="AP41903">
        <v>27</v>
      </c>
      <c r="AQ41903">
        <v>26</v>
      </c>
    </row>
    <row r="41904" spans="1:43">
      <c r="A41904" t="s">
        <v>25761</v>
      </c>
      <c r="B41904" t="s">
        <v>25762</v>
      </c>
      <c r="C41904" t="s">
        <v>7324</v>
      </c>
      <c r="D41904" t="s">
        <v>7325</v>
      </c>
      <c r="E41904" t="s">
        <v>7278</v>
      </c>
      <c r="F41904" t="s">
        <v>7279</v>
      </c>
      <c r="G41904" t="s">
        <v>80</v>
      </c>
      <c r="H41904" t="s">
        <v>81</v>
      </c>
      <c r="I41904" s="2">
        <v>0</v>
      </c>
      <c r="J41904" s="2">
        <v>1</v>
      </c>
      <c r="K41904" s="2">
        <v>0</v>
      </c>
      <c r="L41904" t="s">
        <v>82</v>
      </c>
      <c r="M41904" t="s">
        <v>89</v>
      </c>
      <c r="N41904" t="s">
        <v>90</v>
      </c>
      <c r="O41904" t="s">
        <v>85</v>
      </c>
      <c r="P41904" t="s">
        <v>86</v>
      </c>
      <c r="Q41904">
        <v>27</v>
      </c>
      <c r="R41904">
        <v>27</v>
      </c>
      <c r="S41904">
        <v>28</v>
      </c>
      <c r="T41904">
        <v>28</v>
      </c>
      <c r="U41904">
        <v>29</v>
      </c>
      <c r="V41904">
        <v>29</v>
      </c>
      <c r="W41904">
        <v>29</v>
      </c>
      <c r="X41904">
        <v>30</v>
      </c>
      <c r="Y41904">
        <v>30</v>
      </c>
      <c r="Z41904">
        <v>30</v>
      </c>
      <c r="AA41904">
        <v>31</v>
      </c>
      <c r="AB41904">
        <v>31</v>
      </c>
      <c r="AC41904">
        <v>31</v>
      </c>
      <c r="AD41904">
        <v>32</v>
      </c>
      <c r="AE41904">
        <v>32</v>
      </c>
      <c r="AF41904">
        <v>32</v>
      </c>
      <c r="AG41904">
        <v>31</v>
      </c>
      <c r="AH41904">
        <v>31</v>
      </c>
      <c r="AI41904">
        <v>31</v>
      </c>
      <c r="AJ41904">
        <v>31</v>
      </c>
      <c r="AK41904">
        <v>31</v>
      </c>
      <c r="AL41904">
        <v>31</v>
      </c>
      <c r="AM41904">
        <v>30</v>
      </c>
      <c r="AN41904">
        <v>30</v>
      </c>
      <c r="AO41904">
        <v>30</v>
      </c>
      <c r="AP41904">
        <v>30</v>
      </c>
      <c r="AQ41904">
        <v>30</v>
      </c>
    </row>
    <row r="41905" spans="1:43">
      <c r="A41905" t="s">
        <v>25761</v>
      </c>
      <c r="B41905" t="s">
        <v>25762</v>
      </c>
      <c r="C41905" t="s">
        <v>7324</v>
      </c>
      <c r="D41905" t="s">
        <v>7325</v>
      </c>
      <c r="E41905" t="s">
        <v>7278</v>
      </c>
      <c r="F41905" t="s">
        <v>7279</v>
      </c>
      <c r="G41905" t="s">
        <v>80</v>
      </c>
      <c r="H41905" t="s">
        <v>81</v>
      </c>
      <c r="I41905" s="2">
        <v>0</v>
      </c>
      <c r="J41905" s="2">
        <v>1</v>
      </c>
      <c r="K41905" s="2">
        <v>0</v>
      </c>
      <c r="L41905" t="s">
        <v>82</v>
      </c>
      <c r="M41905" t="s">
        <v>83</v>
      </c>
      <c r="N41905" t="s">
        <v>91</v>
      </c>
      <c r="O41905" t="s">
        <v>85</v>
      </c>
      <c r="P41905" t="s">
        <v>86</v>
      </c>
      <c r="Q41905">
        <v>27</v>
      </c>
      <c r="R41905">
        <v>28</v>
      </c>
      <c r="S41905">
        <v>28</v>
      </c>
      <c r="T41905">
        <v>28</v>
      </c>
      <c r="U41905">
        <v>28</v>
      </c>
      <c r="V41905">
        <v>29</v>
      </c>
      <c r="W41905">
        <v>29</v>
      </c>
      <c r="X41905">
        <v>29</v>
      </c>
      <c r="Y41905">
        <v>29</v>
      </c>
      <c r="Z41905">
        <v>30</v>
      </c>
      <c r="AA41905">
        <v>30</v>
      </c>
      <c r="AB41905">
        <v>30</v>
      </c>
      <c r="AC41905">
        <v>30</v>
      </c>
      <c r="AD41905">
        <v>30</v>
      </c>
      <c r="AE41905">
        <v>31</v>
      </c>
      <c r="AF41905">
        <v>31</v>
      </c>
      <c r="AG41905">
        <v>31</v>
      </c>
      <c r="AH41905">
        <v>31</v>
      </c>
      <c r="AI41905">
        <v>31</v>
      </c>
      <c r="AJ41905">
        <v>31</v>
      </c>
      <c r="AK41905">
        <v>31</v>
      </c>
      <c r="AL41905">
        <v>31</v>
      </c>
      <c r="AM41905">
        <v>31</v>
      </c>
      <c r="AN41905">
        <v>31</v>
      </c>
      <c r="AO41905">
        <v>31</v>
      </c>
      <c r="AP41905">
        <v>31</v>
      </c>
      <c r="AQ41905">
        <v>31</v>
      </c>
    </row>
    <row r="41906" spans="1:43">
      <c r="A41906" t="s">
        <v>25763</v>
      </c>
      <c r="B41906" t="s">
        <v>25764</v>
      </c>
      <c r="C41906" t="s">
        <v>7324</v>
      </c>
      <c r="D41906" t="s">
        <v>7325</v>
      </c>
      <c r="E41906" t="s">
        <v>7278</v>
      </c>
      <c r="F41906" t="s">
        <v>7279</v>
      </c>
      <c r="G41906" t="s">
        <v>80</v>
      </c>
      <c r="H41906" t="s">
        <v>81</v>
      </c>
      <c r="I41906" s="2">
        <v>0</v>
      </c>
      <c r="J41906" s="2">
        <v>1</v>
      </c>
      <c r="K41906" s="2">
        <v>0</v>
      </c>
      <c r="L41906" t="s">
        <v>82</v>
      </c>
      <c r="M41906" t="s">
        <v>83</v>
      </c>
      <c r="N41906" t="s">
        <v>84</v>
      </c>
      <c r="O41906" t="s">
        <v>85</v>
      </c>
      <c r="P41906" t="s">
        <v>86</v>
      </c>
      <c r="Q41906">
        <v>0</v>
      </c>
      <c r="R41906">
        <v>0</v>
      </c>
      <c r="S41906">
        <v>0</v>
      </c>
      <c r="T41906">
        <v>0</v>
      </c>
      <c r="U41906">
        <v>0</v>
      </c>
      <c r="V41906">
        <v>0</v>
      </c>
      <c r="W41906">
        <v>0</v>
      </c>
      <c r="X41906">
        <v>0</v>
      </c>
      <c r="Y41906">
        <v>0</v>
      </c>
      <c r="Z41906">
        <v>0</v>
      </c>
      <c r="AA41906">
        <v>0</v>
      </c>
      <c r="AB41906">
        <v>0</v>
      </c>
      <c r="AC41906">
        <v>0</v>
      </c>
      <c r="AD41906">
        <v>0</v>
      </c>
      <c r="AE41906">
        <v>0</v>
      </c>
      <c r="AF41906">
        <v>0</v>
      </c>
      <c r="AG41906">
        <v>0</v>
      </c>
      <c r="AH41906">
        <v>0</v>
      </c>
      <c r="AI41906">
        <v>0</v>
      </c>
      <c r="AJ41906">
        <v>0</v>
      </c>
      <c r="AK41906">
        <v>0</v>
      </c>
      <c r="AL41906">
        <v>0</v>
      </c>
      <c r="AM41906">
        <v>0</v>
      </c>
      <c r="AN41906">
        <v>0</v>
      </c>
      <c r="AO41906">
        <v>0</v>
      </c>
      <c r="AP41906">
        <v>0</v>
      </c>
      <c r="AQ41906">
        <v>0</v>
      </c>
    </row>
    <row r="41907" spans="1:43">
      <c r="A41907" t="s">
        <v>25763</v>
      </c>
      <c r="B41907" t="s">
        <v>25764</v>
      </c>
      <c r="C41907" t="s">
        <v>7324</v>
      </c>
      <c r="D41907" t="s">
        <v>7325</v>
      </c>
      <c r="E41907" t="s">
        <v>7278</v>
      </c>
      <c r="F41907" t="s">
        <v>7279</v>
      </c>
      <c r="G41907" t="s">
        <v>80</v>
      </c>
      <c r="H41907" t="s">
        <v>81</v>
      </c>
      <c r="I41907" s="2">
        <v>0</v>
      </c>
      <c r="J41907" s="2">
        <v>1</v>
      </c>
      <c r="K41907" s="2">
        <v>0</v>
      </c>
      <c r="L41907" t="s">
        <v>82</v>
      </c>
      <c r="M41907" t="s">
        <v>87</v>
      </c>
      <c r="N41907" t="s">
        <v>88</v>
      </c>
      <c r="O41907" t="s">
        <v>85</v>
      </c>
      <c r="P41907" t="s">
        <v>86</v>
      </c>
      <c r="Q41907">
        <v>0</v>
      </c>
      <c r="R41907">
        <v>0</v>
      </c>
      <c r="S41907">
        <v>0</v>
      </c>
      <c r="T41907">
        <v>0</v>
      </c>
      <c r="U41907">
        <v>0</v>
      </c>
      <c r="V41907">
        <v>0</v>
      </c>
      <c r="W41907">
        <v>0</v>
      </c>
      <c r="X41907">
        <v>0</v>
      </c>
      <c r="Y41907">
        <v>0</v>
      </c>
      <c r="Z41907">
        <v>0</v>
      </c>
      <c r="AA41907">
        <v>0</v>
      </c>
      <c r="AB41907">
        <v>0</v>
      </c>
      <c r="AC41907">
        <v>0</v>
      </c>
      <c r="AD41907">
        <v>0</v>
      </c>
      <c r="AE41907">
        <v>0</v>
      </c>
      <c r="AF41907">
        <v>0</v>
      </c>
      <c r="AG41907">
        <v>0</v>
      </c>
      <c r="AH41907">
        <v>0</v>
      </c>
      <c r="AI41907">
        <v>0</v>
      </c>
      <c r="AJ41907">
        <v>0</v>
      </c>
      <c r="AK41907">
        <v>0</v>
      </c>
      <c r="AL41907">
        <v>0</v>
      </c>
      <c r="AM41907">
        <v>0</v>
      </c>
      <c r="AN41907">
        <v>0</v>
      </c>
      <c r="AO41907">
        <v>0</v>
      </c>
      <c r="AP41907">
        <v>0</v>
      </c>
      <c r="AQ41907">
        <v>0</v>
      </c>
    </row>
    <row r="41908" spans="1:43">
      <c r="A41908" t="s">
        <v>25763</v>
      </c>
      <c r="B41908" t="s">
        <v>25764</v>
      </c>
      <c r="C41908" t="s">
        <v>7324</v>
      </c>
      <c r="D41908" t="s">
        <v>7325</v>
      </c>
      <c r="E41908" t="s">
        <v>7278</v>
      </c>
      <c r="F41908" t="s">
        <v>7279</v>
      </c>
      <c r="G41908" t="s">
        <v>80</v>
      </c>
      <c r="H41908" t="s">
        <v>81</v>
      </c>
      <c r="I41908" s="2">
        <v>0</v>
      </c>
      <c r="J41908" s="2">
        <v>1</v>
      </c>
      <c r="K41908" s="2">
        <v>0</v>
      </c>
      <c r="L41908" t="s">
        <v>82</v>
      </c>
      <c r="M41908" t="s">
        <v>89</v>
      </c>
      <c r="N41908" t="s">
        <v>90</v>
      </c>
      <c r="O41908" t="s">
        <v>85</v>
      </c>
      <c r="P41908" t="s">
        <v>86</v>
      </c>
      <c r="Q41908">
        <v>0</v>
      </c>
      <c r="R41908">
        <v>0</v>
      </c>
      <c r="S41908">
        <v>0</v>
      </c>
      <c r="T41908">
        <v>0</v>
      </c>
      <c r="U41908">
        <v>0</v>
      </c>
      <c r="V41908">
        <v>0</v>
      </c>
      <c r="W41908">
        <v>0</v>
      </c>
      <c r="X41908">
        <v>0</v>
      </c>
      <c r="Y41908">
        <v>0</v>
      </c>
      <c r="Z41908">
        <v>0</v>
      </c>
      <c r="AA41908">
        <v>0</v>
      </c>
      <c r="AB41908">
        <v>0</v>
      </c>
      <c r="AC41908">
        <v>0</v>
      </c>
      <c r="AD41908">
        <v>0</v>
      </c>
      <c r="AE41908">
        <v>0</v>
      </c>
      <c r="AF41908">
        <v>0</v>
      </c>
      <c r="AG41908">
        <v>0</v>
      </c>
      <c r="AH41908">
        <v>0</v>
      </c>
      <c r="AI41908">
        <v>0</v>
      </c>
      <c r="AJ41908">
        <v>0</v>
      </c>
      <c r="AK41908">
        <v>0</v>
      </c>
      <c r="AL41908">
        <v>0</v>
      </c>
      <c r="AM41908">
        <v>0</v>
      </c>
      <c r="AN41908">
        <v>0</v>
      </c>
      <c r="AO41908">
        <v>0</v>
      </c>
      <c r="AP41908">
        <v>0</v>
      </c>
      <c r="AQ41908">
        <v>0</v>
      </c>
    </row>
    <row r="41909" spans="1:43">
      <c r="A41909" t="s">
        <v>25763</v>
      </c>
      <c r="B41909" t="s">
        <v>25764</v>
      </c>
      <c r="C41909" t="s">
        <v>7324</v>
      </c>
      <c r="D41909" t="s">
        <v>7325</v>
      </c>
      <c r="E41909" t="s">
        <v>7278</v>
      </c>
      <c r="F41909" t="s">
        <v>7279</v>
      </c>
      <c r="G41909" t="s">
        <v>80</v>
      </c>
      <c r="H41909" t="s">
        <v>81</v>
      </c>
      <c r="I41909" s="2">
        <v>0</v>
      </c>
      <c r="J41909" s="2">
        <v>1</v>
      </c>
      <c r="K41909" s="2">
        <v>0</v>
      </c>
      <c r="L41909" t="s">
        <v>82</v>
      </c>
      <c r="M41909" t="s">
        <v>83</v>
      </c>
      <c r="N41909" t="s">
        <v>91</v>
      </c>
      <c r="O41909" t="s">
        <v>85</v>
      </c>
      <c r="P41909" t="s">
        <v>86</v>
      </c>
      <c r="Q41909">
        <v>0</v>
      </c>
      <c r="R41909">
        <v>0</v>
      </c>
      <c r="S41909">
        <v>0</v>
      </c>
      <c r="T41909">
        <v>0</v>
      </c>
      <c r="U41909">
        <v>0</v>
      </c>
      <c r="V41909">
        <v>0</v>
      </c>
      <c r="W41909">
        <v>0</v>
      </c>
      <c r="X41909">
        <v>0</v>
      </c>
      <c r="Y41909">
        <v>0</v>
      </c>
      <c r="Z41909">
        <v>0</v>
      </c>
      <c r="AA41909">
        <v>0</v>
      </c>
      <c r="AB41909">
        <v>0</v>
      </c>
      <c r="AC41909">
        <v>0</v>
      </c>
      <c r="AD41909">
        <v>0</v>
      </c>
      <c r="AE41909">
        <v>0</v>
      </c>
      <c r="AF41909">
        <v>0</v>
      </c>
      <c r="AG41909">
        <v>0</v>
      </c>
      <c r="AH41909">
        <v>0</v>
      </c>
      <c r="AI41909">
        <v>0</v>
      </c>
      <c r="AJ41909">
        <v>0</v>
      </c>
      <c r="AK41909">
        <v>0</v>
      </c>
      <c r="AL41909">
        <v>0</v>
      </c>
      <c r="AM41909">
        <v>0</v>
      </c>
      <c r="AN41909">
        <v>0</v>
      </c>
      <c r="AO41909">
        <v>0</v>
      </c>
      <c r="AP41909">
        <v>0</v>
      </c>
      <c r="AQ41909">
        <v>0</v>
      </c>
    </row>
    <row r="41910" spans="1:43">
      <c r="A41910" t="s">
        <v>25765</v>
      </c>
      <c r="B41910" t="s">
        <v>25766</v>
      </c>
      <c r="C41910" t="s">
        <v>25767</v>
      </c>
      <c r="D41910" t="s">
        <v>25768</v>
      </c>
      <c r="E41910" t="s">
        <v>7278</v>
      </c>
      <c r="F41910" t="s">
        <v>7279</v>
      </c>
      <c r="G41910" t="s">
        <v>80</v>
      </c>
      <c r="H41910" t="s">
        <v>81</v>
      </c>
      <c r="I41910" s="2">
        <v>0</v>
      </c>
      <c r="J41910" s="2">
        <v>1</v>
      </c>
      <c r="K41910" s="2">
        <v>0</v>
      </c>
      <c r="L41910" t="s">
        <v>82</v>
      </c>
      <c r="M41910" t="s">
        <v>83</v>
      </c>
      <c r="N41910" t="s">
        <v>84</v>
      </c>
      <c r="O41910" t="s">
        <v>85</v>
      </c>
      <c r="P41910" t="s">
        <v>86</v>
      </c>
      <c r="Q41910">
        <v>1</v>
      </c>
      <c r="R41910">
        <v>1</v>
      </c>
      <c r="S41910">
        <v>1</v>
      </c>
      <c r="T41910">
        <v>1</v>
      </c>
      <c r="U41910">
        <v>1</v>
      </c>
      <c r="V41910">
        <v>1</v>
      </c>
      <c r="W41910">
        <v>1</v>
      </c>
      <c r="X41910">
        <v>1</v>
      </c>
      <c r="Y41910">
        <v>1</v>
      </c>
      <c r="Z41910">
        <v>1</v>
      </c>
      <c r="AA41910">
        <v>1</v>
      </c>
      <c r="AB41910">
        <v>1</v>
      </c>
      <c r="AC41910">
        <v>1</v>
      </c>
      <c r="AD41910">
        <v>1</v>
      </c>
      <c r="AE41910">
        <v>1</v>
      </c>
      <c r="AF41910">
        <v>1</v>
      </c>
      <c r="AG41910">
        <v>1</v>
      </c>
      <c r="AH41910">
        <v>1</v>
      </c>
      <c r="AI41910">
        <v>1</v>
      </c>
      <c r="AJ41910">
        <v>1</v>
      </c>
      <c r="AK41910">
        <v>1</v>
      </c>
      <c r="AL41910">
        <v>1</v>
      </c>
      <c r="AM41910">
        <v>1</v>
      </c>
      <c r="AN41910">
        <v>1</v>
      </c>
      <c r="AO41910">
        <v>1</v>
      </c>
      <c r="AP41910">
        <v>1</v>
      </c>
      <c r="AQ41910">
        <v>1</v>
      </c>
    </row>
    <row r="41911" spans="1:43">
      <c r="A41911" t="s">
        <v>25765</v>
      </c>
      <c r="B41911" t="s">
        <v>25766</v>
      </c>
      <c r="C41911" t="s">
        <v>25767</v>
      </c>
      <c r="D41911" t="s">
        <v>25768</v>
      </c>
      <c r="E41911" t="s">
        <v>7278</v>
      </c>
      <c r="F41911" t="s">
        <v>7279</v>
      </c>
      <c r="G41911" t="s">
        <v>80</v>
      </c>
      <c r="H41911" t="s">
        <v>81</v>
      </c>
      <c r="I41911" s="2">
        <v>0</v>
      </c>
      <c r="J41911" s="2">
        <v>1</v>
      </c>
      <c r="K41911" s="2">
        <v>0</v>
      </c>
      <c r="L41911" t="s">
        <v>82</v>
      </c>
      <c r="M41911" t="s">
        <v>87</v>
      </c>
      <c r="N41911" t="s">
        <v>88</v>
      </c>
      <c r="O41911" t="s">
        <v>85</v>
      </c>
      <c r="P41911" t="s">
        <v>86</v>
      </c>
      <c r="Q41911">
        <v>1</v>
      </c>
      <c r="R41911">
        <v>1</v>
      </c>
      <c r="S41911">
        <v>1</v>
      </c>
      <c r="T41911">
        <v>1</v>
      </c>
      <c r="U41911">
        <v>1</v>
      </c>
      <c r="V41911">
        <v>1</v>
      </c>
      <c r="W41911">
        <v>1</v>
      </c>
      <c r="X41911">
        <v>1</v>
      </c>
      <c r="Y41911">
        <v>1</v>
      </c>
      <c r="Z41911">
        <v>1</v>
      </c>
      <c r="AA41911">
        <v>1</v>
      </c>
      <c r="AB41911">
        <v>1</v>
      </c>
      <c r="AC41911">
        <v>1</v>
      </c>
      <c r="AD41911">
        <v>1</v>
      </c>
      <c r="AE41911">
        <v>1</v>
      </c>
      <c r="AF41911">
        <v>1</v>
      </c>
      <c r="AG41911">
        <v>1</v>
      </c>
      <c r="AH41911">
        <v>1</v>
      </c>
      <c r="AI41911">
        <v>1</v>
      </c>
      <c r="AJ41911">
        <v>1</v>
      </c>
      <c r="AK41911">
        <v>1</v>
      </c>
      <c r="AL41911">
        <v>1</v>
      </c>
      <c r="AM41911">
        <v>1</v>
      </c>
      <c r="AN41911">
        <v>1</v>
      </c>
      <c r="AO41911">
        <v>1</v>
      </c>
      <c r="AP41911">
        <v>1</v>
      </c>
      <c r="AQ41911">
        <v>1</v>
      </c>
    </row>
    <row r="41912" spans="1:43">
      <c r="A41912" t="s">
        <v>25765</v>
      </c>
      <c r="B41912" t="s">
        <v>25766</v>
      </c>
      <c r="C41912" t="s">
        <v>25767</v>
      </c>
      <c r="D41912" t="s">
        <v>25768</v>
      </c>
      <c r="E41912" t="s">
        <v>7278</v>
      </c>
      <c r="F41912" t="s">
        <v>7279</v>
      </c>
      <c r="G41912" t="s">
        <v>80</v>
      </c>
      <c r="H41912" t="s">
        <v>81</v>
      </c>
      <c r="I41912" s="2">
        <v>0</v>
      </c>
      <c r="J41912" s="2">
        <v>1</v>
      </c>
      <c r="K41912" s="2">
        <v>0</v>
      </c>
      <c r="L41912" t="s">
        <v>82</v>
      </c>
      <c r="M41912" t="s">
        <v>89</v>
      </c>
      <c r="N41912" t="s">
        <v>90</v>
      </c>
      <c r="O41912" t="s">
        <v>85</v>
      </c>
      <c r="P41912" t="s">
        <v>86</v>
      </c>
      <c r="Q41912">
        <v>1</v>
      </c>
      <c r="R41912">
        <v>1</v>
      </c>
      <c r="S41912">
        <v>1</v>
      </c>
      <c r="T41912">
        <v>1</v>
      </c>
      <c r="U41912">
        <v>1</v>
      </c>
      <c r="V41912">
        <v>1</v>
      </c>
      <c r="W41912">
        <v>1</v>
      </c>
      <c r="X41912">
        <v>1</v>
      </c>
      <c r="Y41912">
        <v>1</v>
      </c>
      <c r="Z41912">
        <v>1</v>
      </c>
      <c r="AA41912">
        <v>1</v>
      </c>
      <c r="AB41912">
        <v>1</v>
      </c>
      <c r="AC41912">
        <v>1</v>
      </c>
      <c r="AD41912">
        <v>1</v>
      </c>
      <c r="AE41912">
        <v>1</v>
      </c>
      <c r="AF41912">
        <v>1</v>
      </c>
      <c r="AG41912">
        <v>1</v>
      </c>
      <c r="AH41912">
        <v>1</v>
      </c>
      <c r="AI41912">
        <v>1</v>
      </c>
      <c r="AJ41912">
        <v>1</v>
      </c>
      <c r="AK41912">
        <v>1</v>
      </c>
      <c r="AL41912">
        <v>1</v>
      </c>
      <c r="AM41912">
        <v>1</v>
      </c>
      <c r="AN41912">
        <v>1</v>
      </c>
      <c r="AO41912">
        <v>1</v>
      </c>
      <c r="AP41912">
        <v>1</v>
      </c>
      <c r="AQ41912">
        <v>1</v>
      </c>
    </row>
    <row r="41913" spans="1:43">
      <c r="A41913" t="s">
        <v>25765</v>
      </c>
      <c r="B41913" t="s">
        <v>25766</v>
      </c>
      <c r="C41913" t="s">
        <v>25767</v>
      </c>
      <c r="D41913" t="s">
        <v>25768</v>
      </c>
      <c r="E41913" t="s">
        <v>7278</v>
      </c>
      <c r="F41913" t="s">
        <v>7279</v>
      </c>
      <c r="G41913" t="s">
        <v>80</v>
      </c>
      <c r="H41913" t="s">
        <v>81</v>
      </c>
      <c r="I41913" s="2">
        <v>0</v>
      </c>
      <c r="J41913" s="2">
        <v>1</v>
      </c>
      <c r="K41913" s="2">
        <v>0</v>
      </c>
      <c r="L41913" t="s">
        <v>82</v>
      </c>
      <c r="M41913" t="s">
        <v>83</v>
      </c>
      <c r="N41913" t="s">
        <v>91</v>
      </c>
      <c r="O41913" t="s">
        <v>85</v>
      </c>
      <c r="P41913" t="s">
        <v>86</v>
      </c>
      <c r="Q41913">
        <v>1</v>
      </c>
      <c r="R41913">
        <v>1</v>
      </c>
      <c r="S41913">
        <v>1</v>
      </c>
      <c r="T41913">
        <v>1</v>
      </c>
      <c r="U41913">
        <v>1</v>
      </c>
      <c r="V41913">
        <v>1</v>
      </c>
      <c r="W41913">
        <v>1</v>
      </c>
      <c r="X41913">
        <v>1</v>
      </c>
      <c r="Y41913">
        <v>1</v>
      </c>
      <c r="Z41913">
        <v>1</v>
      </c>
      <c r="AA41913">
        <v>1</v>
      </c>
      <c r="AB41913">
        <v>1</v>
      </c>
      <c r="AC41913">
        <v>1</v>
      </c>
      <c r="AD41913">
        <v>1</v>
      </c>
      <c r="AE41913">
        <v>1</v>
      </c>
      <c r="AF41913">
        <v>1</v>
      </c>
      <c r="AG41913">
        <v>1</v>
      </c>
      <c r="AH41913">
        <v>1</v>
      </c>
      <c r="AI41913">
        <v>1</v>
      </c>
      <c r="AJ41913">
        <v>1</v>
      </c>
      <c r="AK41913">
        <v>1</v>
      </c>
      <c r="AL41913">
        <v>1</v>
      </c>
      <c r="AM41913">
        <v>1</v>
      </c>
      <c r="AN41913">
        <v>1</v>
      </c>
      <c r="AO41913">
        <v>1</v>
      </c>
      <c r="AP41913">
        <v>1</v>
      </c>
      <c r="AQ41913">
        <v>1</v>
      </c>
    </row>
    <row r="41914" spans="1:43">
      <c r="A41914" t="s">
        <v>25769</v>
      </c>
      <c r="B41914" t="s">
        <v>25770</v>
      </c>
      <c r="C41914" t="s">
        <v>25767</v>
      </c>
      <c r="D41914" t="s">
        <v>25768</v>
      </c>
      <c r="E41914" t="s">
        <v>7278</v>
      </c>
      <c r="F41914" t="s">
        <v>7279</v>
      </c>
      <c r="G41914" t="s">
        <v>80</v>
      </c>
      <c r="H41914" t="s">
        <v>81</v>
      </c>
      <c r="I41914" s="2">
        <v>0</v>
      </c>
      <c r="J41914" s="2">
        <v>1</v>
      </c>
      <c r="K41914" s="2">
        <v>0</v>
      </c>
      <c r="L41914" t="s">
        <v>82</v>
      </c>
      <c r="M41914" t="s">
        <v>83</v>
      </c>
      <c r="N41914" t="s">
        <v>84</v>
      </c>
      <c r="O41914" t="s">
        <v>85</v>
      </c>
      <c r="P41914" t="s">
        <v>86</v>
      </c>
      <c r="Q41914">
        <v>27</v>
      </c>
      <c r="R41914">
        <v>27</v>
      </c>
      <c r="S41914">
        <v>27</v>
      </c>
      <c r="T41914">
        <v>27</v>
      </c>
      <c r="U41914">
        <v>28</v>
      </c>
      <c r="V41914">
        <v>28</v>
      </c>
      <c r="W41914">
        <v>28</v>
      </c>
      <c r="X41914">
        <v>28</v>
      </c>
      <c r="Y41914">
        <v>29</v>
      </c>
      <c r="Z41914">
        <v>29</v>
      </c>
      <c r="AA41914">
        <v>29</v>
      </c>
      <c r="AB41914">
        <v>29</v>
      </c>
      <c r="AC41914">
        <v>30</v>
      </c>
      <c r="AD41914">
        <v>30</v>
      </c>
      <c r="AE41914">
        <v>30</v>
      </c>
      <c r="AF41914">
        <v>30</v>
      </c>
      <c r="AG41914">
        <v>30</v>
      </c>
      <c r="AH41914">
        <v>31</v>
      </c>
      <c r="AI41914">
        <v>31</v>
      </c>
      <c r="AJ41914">
        <v>31</v>
      </c>
      <c r="AK41914">
        <v>31</v>
      </c>
      <c r="AL41914">
        <v>31</v>
      </c>
      <c r="AM41914">
        <v>31</v>
      </c>
      <c r="AN41914">
        <v>31</v>
      </c>
      <c r="AO41914">
        <v>31</v>
      </c>
      <c r="AP41914">
        <v>31</v>
      </c>
      <c r="AQ41914">
        <v>31</v>
      </c>
    </row>
    <row r="41915" spans="1:43">
      <c r="A41915" t="s">
        <v>25769</v>
      </c>
      <c r="B41915" t="s">
        <v>25770</v>
      </c>
      <c r="C41915" t="s">
        <v>25767</v>
      </c>
      <c r="D41915" t="s">
        <v>25768</v>
      </c>
      <c r="E41915" t="s">
        <v>7278</v>
      </c>
      <c r="F41915" t="s">
        <v>7279</v>
      </c>
      <c r="G41915" t="s">
        <v>80</v>
      </c>
      <c r="H41915" t="s">
        <v>81</v>
      </c>
      <c r="I41915" s="2">
        <v>0</v>
      </c>
      <c r="J41915" s="2">
        <v>1</v>
      </c>
      <c r="K41915" s="2">
        <v>0</v>
      </c>
      <c r="L41915" t="s">
        <v>82</v>
      </c>
      <c r="M41915" t="s">
        <v>87</v>
      </c>
      <c r="N41915" t="s">
        <v>88</v>
      </c>
      <c r="O41915" t="s">
        <v>85</v>
      </c>
      <c r="P41915" t="s">
        <v>86</v>
      </c>
      <c r="Q41915">
        <v>27</v>
      </c>
      <c r="R41915">
        <v>27</v>
      </c>
      <c r="S41915">
        <v>27</v>
      </c>
      <c r="T41915">
        <v>27</v>
      </c>
      <c r="U41915">
        <v>27</v>
      </c>
      <c r="V41915">
        <v>27</v>
      </c>
      <c r="W41915">
        <v>27</v>
      </c>
      <c r="X41915">
        <v>28</v>
      </c>
      <c r="Y41915">
        <v>28</v>
      </c>
      <c r="Z41915">
        <v>28</v>
      </c>
      <c r="AA41915">
        <v>28</v>
      </c>
      <c r="AB41915">
        <v>28</v>
      </c>
      <c r="AC41915">
        <v>28</v>
      </c>
      <c r="AD41915">
        <v>28</v>
      </c>
      <c r="AE41915">
        <v>28</v>
      </c>
      <c r="AF41915">
        <v>28</v>
      </c>
      <c r="AG41915">
        <v>28</v>
      </c>
      <c r="AH41915">
        <v>28</v>
      </c>
      <c r="AI41915">
        <v>28</v>
      </c>
      <c r="AJ41915">
        <v>28</v>
      </c>
      <c r="AK41915">
        <v>28</v>
      </c>
      <c r="AL41915">
        <v>28</v>
      </c>
      <c r="AM41915">
        <v>28</v>
      </c>
      <c r="AN41915">
        <v>28</v>
      </c>
      <c r="AO41915">
        <v>28</v>
      </c>
      <c r="AP41915">
        <v>28</v>
      </c>
      <c r="AQ41915">
        <v>28</v>
      </c>
    </row>
    <row r="41916" spans="1:43">
      <c r="A41916" t="s">
        <v>25769</v>
      </c>
      <c r="B41916" t="s">
        <v>25770</v>
      </c>
      <c r="C41916" t="s">
        <v>25767</v>
      </c>
      <c r="D41916" t="s">
        <v>25768</v>
      </c>
      <c r="E41916" t="s">
        <v>7278</v>
      </c>
      <c r="F41916" t="s">
        <v>7279</v>
      </c>
      <c r="G41916" t="s">
        <v>80</v>
      </c>
      <c r="H41916" t="s">
        <v>81</v>
      </c>
      <c r="I41916" s="2">
        <v>0</v>
      </c>
      <c r="J41916" s="2">
        <v>1</v>
      </c>
      <c r="K41916" s="2">
        <v>0</v>
      </c>
      <c r="L41916" t="s">
        <v>82</v>
      </c>
      <c r="M41916" t="s">
        <v>89</v>
      </c>
      <c r="N41916" t="s">
        <v>90</v>
      </c>
      <c r="O41916" t="s">
        <v>85</v>
      </c>
      <c r="P41916" t="s">
        <v>86</v>
      </c>
      <c r="Q41916">
        <v>27</v>
      </c>
      <c r="R41916">
        <v>27</v>
      </c>
      <c r="S41916">
        <v>28</v>
      </c>
      <c r="T41916">
        <v>28</v>
      </c>
      <c r="U41916">
        <v>29</v>
      </c>
      <c r="V41916">
        <v>29</v>
      </c>
      <c r="W41916">
        <v>30</v>
      </c>
      <c r="X41916">
        <v>30</v>
      </c>
      <c r="Y41916">
        <v>30</v>
      </c>
      <c r="Z41916">
        <v>31</v>
      </c>
      <c r="AA41916">
        <v>31</v>
      </c>
      <c r="AB41916">
        <v>31</v>
      </c>
      <c r="AC41916">
        <v>32</v>
      </c>
      <c r="AD41916">
        <v>32</v>
      </c>
      <c r="AE41916">
        <v>32</v>
      </c>
      <c r="AF41916">
        <v>32</v>
      </c>
      <c r="AG41916">
        <v>32</v>
      </c>
      <c r="AH41916">
        <v>32</v>
      </c>
      <c r="AI41916">
        <v>32</v>
      </c>
      <c r="AJ41916">
        <v>32</v>
      </c>
      <c r="AK41916">
        <v>32</v>
      </c>
      <c r="AL41916">
        <v>32</v>
      </c>
      <c r="AM41916">
        <v>32</v>
      </c>
      <c r="AN41916">
        <v>31</v>
      </c>
      <c r="AO41916">
        <v>31</v>
      </c>
      <c r="AP41916">
        <v>31</v>
      </c>
      <c r="AQ41916">
        <v>31</v>
      </c>
    </row>
    <row r="41917" spans="1:43">
      <c r="A41917" t="s">
        <v>25769</v>
      </c>
      <c r="B41917" t="s">
        <v>25770</v>
      </c>
      <c r="C41917" t="s">
        <v>25767</v>
      </c>
      <c r="D41917" t="s">
        <v>25768</v>
      </c>
      <c r="E41917" t="s">
        <v>7278</v>
      </c>
      <c r="F41917" t="s">
        <v>7279</v>
      </c>
      <c r="G41917" t="s">
        <v>80</v>
      </c>
      <c r="H41917" t="s">
        <v>81</v>
      </c>
      <c r="I41917" s="2">
        <v>0</v>
      </c>
      <c r="J41917" s="2">
        <v>1</v>
      </c>
      <c r="K41917" s="2">
        <v>0</v>
      </c>
      <c r="L41917" t="s">
        <v>82</v>
      </c>
      <c r="M41917" t="s">
        <v>83</v>
      </c>
      <c r="N41917" t="s">
        <v>91</v>
      </c>
      <c r="O41917" t="s">
        <v>85</v>
      </c>
      <c r="P41917" t="s">
        <v>86</v>
      </c>
      <c r="Q41917">
        <v>27</v>
      </c>
      <c r="R41917">
        <v>27</v>
      </c>
      <c r="S41917">
        <v>27</v>
      </c>
      <c r="T41917">
        <v>27</v>
      </c>
      <c r="U41917">
        <v>28</v>
      </c>
      <c r="V41917">
        <v>28</v>
      </c>
      <c r="W41917">
        <v>28</v>
      </c>
      <c r="X41917">
        <v>28</v>
      </c>
      <c r="Y41917">
        <v>29</v>
      </c>
      <c r="Z41917">
        <v>29</v>
      </c>
      <c r="AA41917">
        <v>29</v>
      </c>
      <c r="AB41917">
        <v>29</v>
      </c>
      <c r="AC41917">
        <v>30</v>
      </c>
      <c r="AD41917">
        <v>30</v>
      </c>
      <c r="AE41917">
        <v>30</v>
      </c>
      <c r="AF41917">
        <v>30</v>
      </c>
      <c r="AG41917">
        <v>30</v>
      </c>
      <c r="AH41917">
        <v>31</v>
      </c>
      <c r="AI41917">
        <v>31</v>
      </c>
      <c r="AJ41917">
        <v>31</v>
      </c>
      <c r="AK41917">
        <v>31</v>
      </c>
      <c r="AL41917">
        <v>31</v>
      </c>
      <c r="AM41917">
        <v>31</v>
      </c>
      <c r="AN41917">
        <v>31</v>
      </c>
      <c r="AO41917">
        <v>31</v>
      </c>
      <c r="AP41917">
        <v>31</v>
      </c>
      <c r="AQ41917">
        <v>31</v>
      </c>
    </row>
    <row r="41918" spans="1:43">
      <c r="A41918" t="s">
        <v>25771</v>
      </c>
      <c r="B41918" t="s">
        <v>25772</v>
      </c>
      <c r="C41918" t="s">
        <v>25767</v>
      </c>
      <c r="D41918" t="s">
        <v>25768</v>
      </c>
      <c r="E41918" t="s">
        <v>7278</v>
      </c>
      <c r="F41918" t="s">
        <v>7279</v>
      </c>
      <c r="G41918" t="s">
        <v>80</v>
      </c>
      <c r="H41918" t="s">
        <v>81</v>
      </c>
      <c r="I41918" s="2">
        <v>0</v>
      </c>
      <c r="J41918" s="2">
        <v>1</v>
      </c>
      <c r="K41918" s="2">
        <v>0</v>
      </c>
      <c r="L41918" t="s">
        <v>82</v>
      </c>
      <c r="M41918" t="s">
        <v>83</v>
      </c>
      <c r="N41918" t="s">
        <v>84</v>
      </c>
      <c r="O41918" t="s">
        <v>85</v>
      </c>
      <c r="P41918" t="s">
        <v>86</v>
      </c>
      <c r="Q41918">
        <v>3</v>
      </c>
      <c r="R41918">
        <v>3</v>
      </c>
      <c r="S41918">
        <v>3</v>
      </c>
      <c r="T41918">
        <v>3</v>
      </c>
      <c r="U41918">
        <v>3</v>
      </c>
      <c r="V41918">
        <v>3</v>
      </c>
      <c r="W41918">
        <v>3</v>
      </c>
      <c r="X41918">
        <v>3</v>
      </c>
      <c r="Y41918">
        <v>3</v>
      </c>
      <c r="Z41918">
        <v>3</v>
      </c>
      <c r="AA41918">
        <v>3</v>
      </c>
      <c r="AB41918">
        <v>3</v>
      </c>
      <c r="AC41918">
        <v>3</v>
      </c>
      <c r="AD41918">
        <v>3</v>
      </c>
      <c r="AE41918">
        <v>3</v>
      </c>
      <c r="AF41918">
        <v>3</v>
      </c>
      <c r="AG41918">
        <v>3</v>
      </c>
      <c r="AH41918">
        <v>3</v>
      </c>
      <c r="AI41918">
        <v>3</v>
      </c>
      <c r="AJ41918">
        <v>3</v>
      </c>
      <c r="AK41918">
        <v>3</v>
      </c>
      <c r="AL41918">
        <v>3</v>
      </c>
      <c r="AM41918">
        <v>3</v>
      </c>
      <c r="AN41918">
        <v>3</v>
      </c>
      <c r="AO41918">
        <v>3</v>
      </c>
      <c r="AP41918">
        <v>3</v>
      </c>
      <c r="AQ41918">
        <v>3</v>
      </c>
    </row>
    <row r="41919" spans="1:43">
      <c r="A41919" t="s">
        <v>25771</v>
      </c>
      <c r="B41919" t="s">
        <v>25772</v>
      </c>
      <c r="C41919" t="s">
        <v>25767</v>
      </c>
      <c r="D41919" t="s">
        <v>25768</v>
      </c>
      <c r="E41919" t="s">
        <v>7278</v>
      </c>
      <c r="F41919" t="s">
        <v>7279</v>
      </c>
      <c r="G41919" t="s">
        <v>80</v>
      </c>
      <c r="H41919" t="s">
        <v>81</v>
      </c>
      <c r="I41919" s="2">
        <v>0</v>
      </c>
      <c r="J41919" s="2">
        <v>1</v>
      </c>
      <c r="K41919" s="2">
        <v>0</v>
      </c>
      <c r="L41919" t="s">
        <v>82</v>
      </c>
      <c r="M41919" t="s">
        <v>87</v>
      </c>
      <c r="N41919" t="s">
        <v>88</v>
      </c>
      <c r="O41919" t="s">
        <v>85</v>
      </c>
      <c r="P41919" t="s">
        <v>86</v>
      </c>
      <c r="Q41919">
        <v>3</v>
      </c>
      <c r="R41919">
        <v>3</v>
      </c>
      <c r="S41919">
        <v>3</v>
      </c>
      <c r="T41919">
        <v>3</v>
      </c>
      <c r="U41919">
        <v>3</v>
      </c>
      <c r="V41919">
        <v>3</v>
      </c>
      <c r="W41919">
        <v>3</v>
      </c>
      <c r="X41919">
        <v>3</v>
      </c>
      <c r="Y41919">
        <v>3</v>
      </c>
      <c r="Z41919">
        <v>3</v>
      </c>
      <c r="AA41919">
        <v>3</v>
      </c>
      <c r="AB41919">
        <v>3</v>
      </c>
      <c r="AC41919">
        <v>3</v>
      </c>
      <c r="AD41919">
        <v>3</v>
      </c>
      <c r="AE41919">
        <v>3</v>
      </c>
      <c r="AF41919">
        <v>3</v>
      </c>
      <c r="AG41919">
        <v>3</v>
      </c>
      <c r="AH41919">
        <v>3</v>
      </c>
      <c r="AI41919">
        <v>3</v>
      </c>
      <c r="AJ41919">
        <v>3</v>
      </c>
      <c r="AK41919">
        <v>3</v>
      </c>
      <c r="AL41919">
        <v>3</v>
      </c>
      <c r="AM41919">
        <v>3</v>
      </c>
      <c r="AN41919">
        <v>3</v>
      </c>
      <c r="AO41919">
        <v>3</v>
      </c>
      <c r="AP41919">
        <v>3</v>
      </c>
      <c r="AQ41919">
        <v>3</v>
      </c>
    </row>
    <row r="41920" spans="1:43">
      <c r="A41920" t="s">
        <v>25771</v>
      </c>
      <c r="B41920" t="s">
        <v>25772</v>
      </c>
      <c r="C41920" t="s">
        <v>25767</v>
      </c>
      <c r="D41920" t="s">
        <v>25768</v>
      </c>
      <c r="E41920" t="s">
        <v>7278</v>
      </c>
      <c r="F41920" t="s">
        <v>7279</v>
      </c>
      <c r="G41920" t="s">
        <v>80</v>
      </c>
      <c r="H41920" t="s">
        <v>81</v>
      </c>
      <c r="I41920" s="2">
        <v>0</v>
      </c>
      <c r="J41920" s="2">
        <v>1</v>
      </c>
      <c r="K41920" s="2">
        <v>0</v>
      </c>
      <c r="L41920" t="s">
        <v>82</v>
      </c>
      <c r="M41920" t="s">
        <v>89</v>
      </c>
      <c r="N41920" t="s">
        <v>90</v>
      </c>
      <c r="O41920" t="s">
        <v>85</v>
      </c>
      <c r="P41920" t="s">
        <v>86</v>
      </c>
      <c r="Q41920">
        <v>3</v>
      </c>
      <c r="R41920">
        <v>3</v>
      </c>
      <c r="S41920">
        <v>3</v>
      </c>
      <c r="T41920">
        <v>3</v>
      </c>
      <c r="U41920">
        <v>3</v>
      </c>
      <c r="V41920">
        <v>3</v>
      </c>
      <c r="W41920">
        <v>3</v>
      </c>
      <c r="X41920">
        <v>3</v>
      </c>
      <c r="Y41920">
        <v>3</v>
      </c>
      <c r="Z41920">
        <v>3</v>
      </c>
      <c r="AA41920">
        <v>3</v>
      </c>
      <c r="AB41920">
        <v>3</v>
      </c>
      <c r="AC41920">
        <v>3</v>
      </c>
      <c r="AD41920">
        <v>3</v>
      </c>
      <c r="AE41920">
        <v>3</v>
      </c>
      <c r="AF41920">
        <v>3</v>
      </c>
      <c r="AG41920">
        <v>3</v>
      </c>
      <c r="AH41920">
        <v>3</v>
      </c>
      <c r="AI41920">
        <v>3</v>
      </c>
      <c r="AJ41920">
        <v>3</v>
      </c>
      <c r="AK41920">
        <v>3</v>
      </c>
      <c r="AL41920">
        <v>3</v>
      </c>
      <c r="AM41920">
        <v>3</v>
      </c>
      <c r="AN41920">
        <v>3</v>
      </c>
      <c r="AO41920">
        <v>3</v>
      </c>
      <c r="AP41920">
        <v>3</v>
      </c>
      <c r="AQ41920">
        <v>3</v>
      </c>
    </row>
    <row r="41921" spans="1:43">
      <c r="A41921" t="s">
        <v>25771</v>
      </c>
      <c r="B41921" t="s">
        <v>25772</v>
      </c>
      <c r="C41921" t="s">
        <v>25767</v>
      </c>
      <c r="D41921" t="s">
        <v>25768</v>
      </c>
      <c r="E41921" t="s">
        <v>7278</v>
      </c>
      <c r="F41921" t="s">
        <v>7279</v>
      </c>
      <c r="G41921" t="s">
        <v>80</v>
      </c>
      <c r="H41921" t="s">
        <v>81</v>
      </c>
      <c r="I41921" s="2">
        <v>0</v>
      </c>
      <c r="J41921" s="2">
        <v>1</v>
      </c>
      <c r="K41921" s="2">
        <v>0</v>
      </c>
      <c r="L41921" t="s">
        <v>82</v>
      </c>
      <c r="M41921" t="s">
        <v>83</v>
      </c>
      <c r="N41921" t="s">
        <v>91</v>
      </c>
      <c r="O41921" t="s">
        <v>85</v>
      </c>
      <c r="P41921" t="s">
        <v>86</v>
      </c>
      <c r="Q41921">
        <v>3</v>
      </c>
      <c r="R41921">
        <v>3</v>
      </c>
      <c r="S41921">
        <v>3</v>
      </c>
      <c r="T41921">
        <v>3</v>
      </c>
      <c r="U41921">
        <v>3</v>
      </c>
      <c r="V41921">
        <v>3</v>
      </c>
      <c r="W41921">
        <v>3</v>
      </c>
      <c r="X41921">
        <v>3</v>
      </c>
      <c r="Y41921">
        <v>3</v>
      </c>
      <c r="Z41921">
        <v>3</v>
      </c>
      <c r="AA41921">
        <v>3</v>
      </c>
      <c r="AB41921">
        <v>3</v>
      </c>
      <c r="AC41921">
        <v>3</v>
      </c>
      <c r="AD41921">
        <v>3</v>
      </c>
      <c r="AE41921">
        <v>3</v>
      </c>
      <c r="AF41921">
        <v>3</v>
      </c>
      <c r="AG41921">
        <v>3</v>
      </c>
      <c r="AH41921">
        <v>3</v>
      </c>
      <c r="AI41921">
        <v>3</v>
      </c>
      <c r="AJ41921">
        <v>3</v>
      </c>
      <c r="AK41921">
        <v>3</v>
      </c>
      <c r="AL41921">
        <v>3</v>
      </c>
      <c r="AM41921">
        <v>3</v>
      </c>
      <c r="AN41921">
        <v>3</v>
      </c>
      <c r="AO41921">
        <v>3</v>
      </c>
      <c r="AP41921">
        <v>3</v>
      </c>
      <c r="AQ41921">
        <v>3</v>
      </c>
    </row>
    <row r="41922" spans="1:43">
      <c r="A41922" t="s">
        <v>25773</v>
      </c>
      <c r="B41922" t="s">
        <v>25774</v>
      </c>
      <c r="C41922" t="s">
        <v>25767</v>
      </c>
      <c r="D41922" t="s">
        <v>25768</v>
      </c>
      <c r="E41922" t="s">
        <v>7278</v>
      </c>
      <c r="F41922" t="s">
        <v>7279</v>
      </c>
      <c r="G41922" t="s">
        <v>80</v>
      </c>
      <c r="H41922" t="s">
        <v>81</v>
      </c>
      <c r="I41922" s="2">
        <v>0</v>
      </c>
      <c r="J41922" s="2">
        <v>1</v>
      </c>
      <c r="K41922" s="2">
        <v>0</v>
      </c>
      <c r="L41922" t="s">
        <v>82</v>
      </c>
      <c r="M41922" t="s">
        <v>83</v>
      </c>
      <c r="N41922" t="s">
        <v>84</v>
      </c>
      <c r="O41922" t="s">
        <v>85</v>
      </c>
      <c r="P41922" t="s">
        <v>86</v>
      </c>
      <c r="Q41922">
        <v>13</v>
      </c>
      <c r="R41922">
        <v>13</v>
      </c>
      <c r="S41922">
        <v>13</v>
      </c>
      <c r="T41922">
        <v>13</v>
      </c>
      <c r="U41922">
        <v>14</v>
      </c>
      <c r="V41922">
        <v>14</v>
      </c>
      <c r="W41922">
        <v>14</v>
      </c>
      <c r="X41922">
        <v>14</v>
      </c>
      <c r="Y41922">
        <v>14</v>
      </c>
      <c r="Z41922">
        <v>14</v>
      </c>
      <c r="AA41922">
        <v>14</v>
      </c>
      <c r="AB41922">
        <v>14</v>
      </c>
      <c r="AC41922">
        <v>15</v>
      </c>
      <c r="AD41922">
        <v>15</v>
      </c>
      <c r="AE41922">
        <v>15</v>
      </c>
      <c r="AF41922">
        <v>15</v>
      </c>
      <c r="AG41922">
        <v>15</v>
      </c>
      <c r="AH41922">
        <v>15</v>
      </c>
      <c r="AI41922">
        <v>15</v>
      </c>
      <c r="AJ41922">
        <v>15</v>
      </c>
      <c r="AK41922">
        <v>15</v>
      </c>
      <c r="AL41922">
        <v>15</v>
      </c>
      <c r="AM41922">
        <v>15</v>
      </c>
      <c r="AN41922">
        <v>15</v>
      </c>
      <c r="AO41922">
        <v>15</v>
      </c>
      <c r="AP41922">
        <v>15</v>
      </c>
      <c r="AQ41922">
        <v>15</v>
      </c>
    </row>
    <row r="41923" spans="1:43">
      <c r="A41923" t="s">
        <v>25773</v>
      </c>
      <c r="B41923" t="s">
        <v>25774</v>
      </c>
      <c r="C41923" t="s">
        <v>25767</v>
      </c>
      <c r="D41923" t="s">
        <v>25768</v>
      </c>
      <c r="E41923" t="s">
        <v>7278</v>
      </c>
      <c r="F41923" t="s">
        <v>7279</v>
      </c>
      <c r="G41923" t="s">
        <v>80</v>
      </c>
      <c r="H41923" t="s">
        <v>81</v>
      </c>
      <c r="I41923" s="2">
        <v>0</v>
      </c>
      <c r="J41923" s="2">
        <v>1</v>
      </c>
      <c r="K41923" s="2">
        <v>0</v>
      </c>
      <c r="L41923" t="s">
        <v>82</v>
      </c>
      <c r="M41923" t="s">
        <v>87</v>
      </c>
      <c r="N41923" t="s">
        <v>88</v>
      </c>
      <c r="O41923" t="s">
        <v>85</v>
      </c>
      <c r="P41923" t="s">
        <v>86</v>
      </c>
      <c r="Q41923">
        <v>13</v>
      </c>
      <c r="R41923">
        <v>13</v>
      </c>
      <c r="S41923">
        <v>13</v>
      </c>
      <c r="T41923">
        <v>13</v>
      </c>
      <c r="U41923">
        <v>13</v>
      </c>
      <c r="V41923">
        <v>13</v>
      </c>
      <c r="W41923">
        <v>13</v>
      </c>
      <c r="X41923">
        <v>13</v>
      </c>
      <c r="Y41923">
        <v>13</v>
      </c>
      <c r="Z41923">
        <v>13</v>
      </c>
      <c r="AA41923">
        <v>13</v>
      </c>
      <c r="AB41923">
        <v>13</v>
      </c>
      <c r="AC41923">
        <v>13</v>
      </c>
      <c r="AD41923">
        <v>13</v>
      </c>
      <c r="AE41923">
        <v>13</v>
      </c>
      <c r="AF41923">
        <v>13</v>
      </c>
      <c r="AG41923">
        <v>13</v>
      </c>
      <c r="AH41923">
        <v>13</v>
      </c>
      <c r="AI41923">
        <v>13</v>
      </c>
      <c r="AJ41923">
        <v>13</v>
      </c>
      <c r="AK41923">
        <v>13</v>
      </c>
      <c r="AL41923">
        <v>13</v>
      </c>
      <c r="AM41923">
        <v>13</v>
      </c>
      <c r="AN41923">
        <v>13</v>
      </c>
      <c r="AO41923">
        <v>13</v>
      </c>
      <c r="AP41923">
        <v>13</v>
      </c>
      <c r="AQ41923">
        <v>13</v>
      </c>
    </row>
    <row r="41924" spans="1:43">
      <c r="A41924" t="s">
        <v>25773</v>
      </c>
      <c r="B41924" t="s">
        <v>25774</v>
      </c>
      <c r="C41924" t="s">
        <v>25767</v>
      </c>
      <c r="D41924" t="s">
        <v>25768</v>
      </c>
      <c r="E41924" t="s">
        <v>7278</v>
      </c>
      <c r="F41924" t="s">
        <v>7279</v>
      </c>
      <c r="G41924" t="s">
        <v>80</v>
      </c>
      <c r="H41924" t="s">
        <v>81</v>
      </c>
      <c r="I41924" s="2">
        <v>0</v>
      </c>
      <c r="J41924" s="2">
        <v>1</v>
      </c>
      <c r="K41924" s="2">
        <v>0</v>
      </c>
      <c r="L41924" t="s">
        <v>82</v>
      </c>
      <c r="M41924" t="s">
        <v>89</v>
      </c>
      <c r="N41924" t="s">
        <v>90</v>
      </c>
      <c r="O41924" t="s">
        <v>85</v>
      </c>
      <c r="P41924" t="s">
        <v>86</v>
      </c>
      <c r="Q41924">
        <v>13</v>
      </c>
      <c r="R41924">
        <v>13</v>
      </c>
      <c r="S41924">
        <v>14</v>
      </c>
      <c r="T41924">
        <v>14</v>
      </c>
      <c r="U41924">
        <v>14</v>
      </c>
      <c r="V41924">
        <v>14</v>
      </c>
      <c r="W41924">
        <v>15</v>
      </c>
      <c r="X41924">
        <v>15</v>
      </c>
      <c r="Y41924">
        <v>15</v>
      </c>
      <c r="Z41924">
        <v>15</v>
      </c>
      <c r="AA41924">
        <v>15</v>
      </c>
      <c r="AB41924">
        <v>15</v>
      </c>
      <c r="AC41924">
        <v>16</v>
      </c>
      <c r="AD41924">
        <v>16</v>
      </c>
      <c r="AE41924">
        <v>16</v>
      </c>
      <c r="AF41924">
        <v>16</v>
      </c>
      <c r="AG41924">
        <v>16</v>
      </c>
      <c r="AH41924">
        <v>16</v>
      </c>
      <c r="AI41924">
        <v>16</v>
      </c>
      <c r="AJ41924">
        <v>16</v>
      </c>
      <c r="AK41924">
        <v>16</v>
      </c>
      <c r="AL41924">
        <v>16</v>
      </c>
      <c r="AM41924">
        <v>16</v>
      </c>
      <c r="AN41924">
        <v>15</v>
      </c>
      <c r="AO41924">
        <v>15</v>
      </c>
      <c r="AP41924">
        <v>15</v>
      </c>
      <c r="AQ41924">
        <v>15</v>
      </c>
    </row>
    <row r="41925" spans="1:43">
      <c r="A41925" t="s">
        <v>25773</v>
      </c>
      <c r="B41925" t="s">
        <v>25774</v>
      </c>
      <c r="C41925" t="s">
        <v>25767</v>
      </c>
      <c r="D41925" t="s">
        <v>25768</v>
      </c>
      <c r="E41925" t="s">
        <v>7278</v>
      </c>
      <c r="F41925" t="s">
        <v>7279</v>
      </c>
      <c r="G41925" t="s">
        <v>80</v>
      </c>
      <c r="H41925" t="s">
        <v>81</v>
      </c>
      <c r="I41925" s="2">
        <v>0</v>
      </c>
      <c r="J41925" s="2">
        <v>1</v>
      </c>
      <c r="K41925" s="2">
        <v>0</v>
      </c>
      <c r="L41925" t="s">
        <v>82</v>
      </c>
      <c r="M41925" t="s">
        <v>83</v>
      </c>
      <c r="N41925" t="s">
        <v>91</v>
      </c>
      <c r="O41925" t="s">
        <v>85</v>
      </c>
      <c r="P41925" t="s">
        <v>86</v>
      </c>
      <c r="Q41925">
        <v>13</v>
      </c>
      <c r="R41925">
        <v>13</v>
      </c>
      <c r="S41925">
        <v>13</v>
      </c>
      <c r="T41925">
        <v>13</v>
      </c>
      <c r="U41925">
        <v>14</v>
      </c>
      <c r="V41925">
        <v>14</v>
      </c>
      <c r="W41925">
        <v>14</v>
      </c>
      <c r="X41925">
        <v>14</v>
      </c>
      <c r="Y41925">
        <v>14</v>
      </c>
      <c r="Z41925">
        <v>14</v>
      </c>
      <c r="AA41925">
        <v>14</v>
      </c>
      <c r="AB41925">
        <v>14</v>
      </c>
      <c r="AC41925">
        <v>15</v>
      </c>
      <c r="AD41925">
        <v>15</v>
      </c>
      <c r="AE41925">
        <v>15</v>
      </c>
      <c r="AF41925">
        <v>15</v>
      </c>
      <c r="AG41925">
        <v>15</v>
      </c>
      <c r="AH41925">
        <v>15</v>
      </c>
      <c r="AI41925">
        <v>15</v>
      </c>
      <c r="AJ41925">
        <v>15</v>
      </c>
      <c r="AK41925">
        <v>15</v>
      </c>
      <c r="AL41925">
        <v>15</v>
      </c>
      <c r="AM41925">
        <v>15</v>
      </c>
      <c r="AN41925">
        <v>15</v>
      </c>
      <c r="AO41925">
        <v>15</v>
      </c>
      <c r="AP41925">
        <v>15</v>
      </c>
      <c r="AQ41925">
        <v>15</v>
      </c>
    </row>
    <row r="41926" spans="1:43">
      <c r="A41926" t="s">
        <v>25775</v>
      </c>
      <c r="B41926" t="s">
        <v>25776</v>
      </c>
      <c r="C41926" t="s">
        <v>25767</v>
      </c>
      <c r="D41926" t="s">
        <v>25768</v>
      </c>
      <c r="E41926" t="s">
        <v>7278</v>
      </c>
      <c r="F41926" t="s">
        <v>7279</v>
      </c>
      <c r="G41926" t="s">
        <v>80</v>
      </c>
      <c r="H41926" t="s">
        <v>81</v>
      </c>
      <c r="I41926" s="2">
        <v>0</v>
      </c>
      <c r="J41926" s="2">
        <v>1</v>
      </c>
      <c r="K41926" s="2">
        <v>0</v>
      </c>
      <c r="L41926" t="s">
        <v>82</v>
      </c>
      <c r="M41926" t="s">
        <v>83</v>
      </c>
      <c r="N41926" t="s">
        <v>84</v>
      </c>
      <c r="O41926" t="s">
        <v>85</v>
      </c>
      <c r="P41926" t="s">
        <v>86</v>
      </c>
      <c r="Q41926">
        <v>7</v>
      </c>
      <c r="R41926">
        <v>7</v>
      </c>
      <c r="S41926">
        <v>7</v>
      </c>
      <c r="T41926">
        <v>7</v>
      </c>
      <c r="U41926">
        <v>8</v>
      </c>
      <c r="V41926">
        <v>8</v>
      </c>
      <c r="W41926">
        <v>8</v>
      </c>
      <c r="X41926">
        <v>8</v>
      </c>
      <c r="Y41926">
        <v>8</v>
      </c>
      <c r="Z41926">
        <v>8</v>
      </c>
      <c r="AA41926">
        <v>8</v>
      </c>
      <c r="AB41926">
        <v>8</v>
      </c>
      <c r="AC41926">
        <v>8</v>
      </c>
      <c r="AD41926">
        <v>8</v>
      </c>
      <c r="AE41926">
        <v>8</v>
      </c>
      <c r="AF41926">
        <v>8</v>
      </c>
      <c r="AG41926">
        <v>8</v>
      </c>
      <c r="AH41926">
        <v>8</v>
      </c>
      <c r="AI41926">
        <v>8</v>
      </c>
      <c r="AJ41926">
        <v>8</v>
      </c>
      <c r="AK41926">
        <v>9</v>
      </c>
      <c r="AL41926">
        <v>9</v>
      </c>
      <c r="AM41926">
        <v>8</v>
      </c>
      <c r="AN41926">
        <v>8</v>
      </c>
      <c r="AO41926">
        <v>8</v>
      </c>
      <c r="AP41926">
        <v>8</v>
      </c>
      <c r="AQ41926">
        <v>8</v>
      </c>
    </row>
    <row r="41927" spans="1:43">
      <c r="A41927" t="s">
        <v>25775</v>
      </c>
      <c r="B41927" t="s">
        <v>25776</v>
      </c>
      <c r="C41927" t="s">
        <v>25767</v>
      </c>
      <c r="D41927" t="s">
        <v>25768</v>
      </c>
      <c r="E41927" t="s">
        <v>7278</v>
      </c>
      <c r="F41927" t="s">
        <v>7279</v>
      </c>
      <c r="G41927" t="s">
        <v>80</v>
      </c>
      <c r="H41927" t="s">
        <v>81</v>
      </c>
      <c r="I41927" s="2">
        <v>0</v>
      </c>
      <c r="J41927" s="2">
        <v>1</v>
      </c>
      <c r="K41927" s="2">
        <v>0</v>
      </c>
      <c r="L41927" t="s">
        <v>82</v>
      </c>
      <c r="M41927" t="s">
        <v>87</v>
      </c>
      <c r="N41927" t="s">
        <v>88</v>
      </c>
      <c r="O41927" t="s">
        <v>85</v>
      </c>
      <c r="P41927" t="s">
        <v>86</v>
      </c>
      <c r="Q41927">
        <v>7</v>
      </c>
      <c r="R41927">
        <v>7</v>
      </c>
      <c r="S41927">
        <v>7</v>
      </c>
      <c r="T41927">
        <v>7</v>
      </c>
      <c r="U41927">
        <v>7</v>
      </c>
      <c r="V41927">
        <v>7</v>
      </c>
      <c r="W41927">
        <v>7</v>
      </c>
      <c r="X41927">
        <v>7</v>
      </c>
      <c r="Y41927">
        <v>7</v>
      </c>
      <c r="Z41927">
        <v>7</v>
      </c>
      <c r="AA41927">
        <v>7</v>
      </c>
      <c r="AB41927">
        <v>7</v>
      </c>
      <c r="AC41927">
        <v>7</v>
      </c>
      <c r="AD41927">
        <v>7</v>
      </c>
      <c r="AE41927">
        <v>7</v>
      </c>
      <c r="AF41927">
        <v>7</v>
      </c>
      <c r="AG41927">
        <v>7</v>
      </c>
      <c r="AH41927">
        <v>7</v>
      </c>
      <c r="AI41927">
        <v>7</v>
      </c>
      <c r="AJ41927">
        <v>7</v>
      </c>
      <c r="AK41927">
        <v>7</v>
      </c>
      <c r="AL41927">
        <v>7</v>
      </c>
      <c r="AM41927">
        <v>7</v>
      </c>
      <c r="AN41927">
        <v>7</v>
      </c>
      <c r="AO41927">
        <v>7</v>
      </c>
      <c r="AP41927">
        <v>7</v>
      </c>
      <c r="AQ41927">
        <v>7</v>
      </c>
    </row>
    <row r="41928" spans="1:43">
      <c r="A41928" t="s">
        <v>25775</v>
      </c>
      <c r="B41928" t="s">
        <v>25776</v>
      </c>
      <c r="C41928" t="s">
        <v>25767</v>
      </c>
      <c r="D41928" t="s">
        <v>25768</v>
      </c>
      <c r="E41928" t="s">
        <v>7278</v>
      </c>
      <c r="F41928" t="s">
        <v>7279</v>
      </c>
      <c r="G41928" t="s">
        <v>80</v>
      </c>
      <c r="H41928" t="s">
        <v>81</v>
      </c>
      <c r="I41928" s="2">
        <v>0</v>
      </c>
      <c r="J41928" s="2">
        <v>1</v>
      </c>
      <c r="K41928" s="2">
        <v>0</v>
      </c>
      <c r="L41928" t="s">
        <v>82</v>
      </c>
      <c r="M41928" t="s">
        <v>89</v>
      </c>
      <c r="N41928" t="s">
        <v>90</v>
      </c>
      <c r="O41928" t="s">
        <v>85</v>
      </c>
      <c r="P41928" t="s">
        <v>86</v>
      </c>
      <c r="Q41928">
        <v>7</v>
      </c>
      <c r="R41928">
        <v>7</v>
      </c>
      <c r="S41928">
        <v>8</v>
      </c>
      <c r="T41928">
        <v>8</v>
      </c>
      <c r="U41928">
        <v>8</v>
      </c>
      <c r="V41928">
        <v>8</v>
      </c>
      <c r="W41928">
        <v>8</v>
      </c>
      <c r="X41928">
        <v>8</v>
      </c>
      <c r="Y41928">
        <v>8</v>
      </c>
      <c r="Z41928">
        <v>8</v>
      </c>
      <c r="AA41928">
        <v>8</v>
      </c>
      <c r="AB41928">
        <v>9</v>
      </c>
      <c r="AC41928">
        <v>9</v>
      </c>
      <c r="AD41928">
        <v>9</v>
      </c>
      <c r="AE41928">
        <v>9</v>
      </c>
      <c r="AF41928">
        <v>9</v>
      </c>
      <c r="AG41928">
        <v>9</v>
      </c>
      <c r="AH41928">
        <v>9</v>
      </c>
      <c r="AI41928">
        <v>9</v>
      </c>
      <c r="AJ41928">
        <v>9</v>
      </c>
      <c r="AK41928">
        <v>9</v>
      </c>
      <c r="AL41928">
        <v>9</v>
      </c>
      <c r="AM41928">
        <v>9</v>
      </c>
      <c r="AN41928">
        <v>9</v>
      </c>
      <c r="AO41928">
        <v>9</v>
      </c>
      <c r="AP41928">
        <v>9</v>
      </c>
      <c r="AQ41928">
        <v>9</v>
      </c>
    </row>
    <row r="41929" spans="1:43">
      <c r="A41929" t="s">
        <v>25775</v>
      </c>
      <c r="B41929" t="s">
        <v>25776</v>
      </c>
      <c r="C41929" t="s">
        <v>25767</v>
      </c>
      <c r="D41929" t="s">
        <v>25768</v>
      </c>
      <c r="E41929" t="s">
        <v>7278</v>
      </c>
      <c r="F41929" t="s">
        <v>7279</v>
      </c>
      <c r="G41929" t="s">
        <v>80</v>
      </c>
      <c r="H41929" t="s">
        <v>81</v>
      </c>
      <c r="I41929" s="2">
        <v>0</v>
      </c>
      <c r="J41929" s="2">
        <v>1</v>
      </c>
      <c r="K41929" s="2">
        <v>0</v>
      </c>
      <c r="L41929" t="s">
        <v>82</v>
      </c>
      <c r="M41929" t="s">
        <v>83</v>
      </c>
      <c r="N41929" t="s">
        <v>91</v>
      </c>
      <c r="O41929" t="s">
        <v>85</v>
      </c>
      <c r="P41929" t="s">
        <v>86</v>
      </c>
      <c r="Q41929">
        <v>7</v>
      </c>
      <c r="R41929">
        <v>7</v>
      </c>
      <c r="S41929">
        <v>7</v>
      </c>
      <c r="T41929">
        <v>7</v>
      </c>
      <c r="U41929">
        <v>8</v>
      </c>
      <c r="V41929">
        <v>8</v>
      </c>
      <c r="W41929">
        <v>8</v>
      </c>
      <c r="X41929">
        <v>8</v>
      </c>
      <c r="Y41929">
        <v>8</v>
      </c>
      <c r="Z41929">
        <v>8</v>
      </c>
      <c r="AA41929">
        <v>8</v>
      </c>
      <c r="AB41929">
        <v>8</v>
      </c>
      <c r="AC41929">
        <v>8</v>
      </c>
      <c r="AD41929">
        <v>8</v>
      </c>
      <c r="AE41929">
        <v>8</v>
      </c>
      <c r="AF41929">
        <v>8</v>
      </c>
      <c r="AG41929">
        <v>8</v>
      </c>
      <c r="AH41929">
        <v>8</v>
      </c>
      <c r="AI41929">
        <v>8</v>
      </c>
      <c r="AJ41929">
        <v>8</v>
      </c>
      <c r="AK41929">
        <v>9</v>
      </c>
      <c r="AL41929">
        <v>9</v>
      </c>
      <c r="AM41929">
        <v>8</v>
      </c>
      <c r="AN41929">
        <v>8</v>
      </c>
      <c r="AO41929">
        <v>8</v>
      </c>
      <c r="AP41929">
        <v>8</v>
      </c>
      <c r="AQ41929">
        <v>8</v>
      </c>
    </row>
    <row r="41930" spans="1:43">
      <c r="A41930" t="s">
        <v>25777</v>
      </c>
      <c r="B41930" t="s">
        <v>25778</v>
      </c>
      <c r="C41930" t="s">
        <v>7594</v>
      </c>
      <c r="D41930" t="s">
        <v>7595</v>
      </c>
      <c r="E41930" t="s">
        <v>7278</v>
      </c>
      <c r="F41930" t="s">
        <v>7279</v>
      </c>
      <c r="G41930" t="s">
        <v>80</v>
      </c>
      <c r="H41930" t="s">
        <v>81</v>
      </c>
      <c r="I41930" s="2">
        <v>0</v>
      </c>
      <c r="J41930" s="2">
        <v>1</v>
      </c>
      <c r="K41930" s="2">
        <v>0</v>
      </c>
      <c r="L41930" t="s">
        <v>82</v>
      </c>
      <c r="M41930" t="s">
        <v>83</v>
      </c>
      <c r="N41930" t="s">
        <v>84</v>
      </c>
      <c r="O41930" t="s">
        <v>85</v>
      </c>
      <c r="P41930" t="s">
        <v>86</v>
      </c>
      <c r="Q41930">
        <v>14</v>
      </c>
      <c r="R41930">
        <v>14</v>
      </c>
      <c r="S41930">
        <v>14</v>
      </c>
      <c r="T41930">
        <v>14</v>
      </c>
      <c r="U41930">
        <v>14</v>
      </c>
      <c r="V41930">
        <v>14</v>
      </c>
      <c r="W41930">
        <v>14</v>
      </c>
      <c r="X41930">
        <v>15</v>
      </c>
      <c r="Y41930">
        <v>15</v>
      </c>
      <c r="Z41930">
        <v>15</v>
      </c>
      <c r="AA41930">
        <v>15</v>
      </c>
      <c r="AB41930">
        <v>15</v>
      </c>
      <c r="AC41930">
        <v>15</v>
      </c>
      <c r="AD41930">
        <v>15</v>
      </c>
      <c r="AE41930">
        <v>15</v>
      </c>
      <c r="AF41930">
        <v>15</v>
      </c>
      <c r="AG41930">
        <v>16</v>
      </c>
      <c r="AH41930">
        <v>16</v>
      </c>
      <c r="AI41930">
        <v>16</v>
      </c>
      <c r="AJ41930">
        <v>16</v>
      </c>
      <c r="AK41930">
        <v>16</v>
      </c>
      <c r="AL41930">
        <v>16</v>
      </c>
      <c r="AM41930">
        <v>16</v>
      </c>
      <c r="AN41930">
        <v>16</v>
      </c>
      <c r="AO41930">
        <v>16</v>
      </c>
      <c r="AP41930">
        <v>16</v>
      </c>
      <c r="AQ41930">
        <v>16</v>
      </c>
    </row>
    <row r="41931" spans="1:43">
      <c r="A41931" t="s">
        <v>25777</v>
      </c>
      <c r="B41931" t="s">
        <v>25778</v>
      </c>
      <c r="C41931" t="s">
        <v>7594</v>
      </c>
      <c r="D41931" t="s">
        <v>7595</v>
      </c>
      <c r="E41931" t="s">
        <v>7278</v>
      </c>
      <c r="F41931" t="s">
        <v>7279</v>
      </c>
      <c r="G41931" t="s">
        <v>80</v>
      </c>
      <c r="H41931" t="s">
        <v>81</v>
      </c>
      <c r="I41931" s="2">
        <v>0</v>
      </c>
      <c r="J41931" s="2">
        <v>1</v>
      </c>
      <c r="K41931" s="2">
        <v>0</v>
      </c>
      <c r="L41931" t="s">
        <v>82</v>
      </c>
      <c r="M41931" t="s">
        <v>87</v>
      </c>
      <c r="N41931" t="s">
        <v>88</v>
      </c>
      <c r="O41931" t="s">
        <v>85</v>
      </c>
      <c r="P41931" t="s">
        <v>86</v>
      </c>
      <c r="Q41931">
        <v>14</v>
      </c>
      <c r="R41931">
        <v>14</v>
      </c>
      <c r="S41931">
        <v>14</v>
      </c>
      <c r="T41931">
        <v>15</v>
      </c>
      <c r="U41931">
        <v>15</v>
      </c>
      <c r="V41931">
        <v>15</v>
      </c>
      <c r="W41931">
        <v>15</v>
      </c>
      <c r="X41931">
        <v>15</v>
      </c>
      <c r="Y41931">
        <v>15</v>
      </c>
      <c r="Z41931">
        <v>15</v>
      </c>
      <c r="AA41931">
        <v>15</v>
      </c>
      <c r="AB41931">
        <v>15</v>
      </c>
      <c r="AC41931">
        <v>15</v>
      </c>
      <c r="AD41931">
        <v>15</v>
      </c>
      <c r="AE41931">
        <v>15</v>
      </c>
      <c r="AF41931">
        <v>15</v>
      </c>
      <c r="AG41931">
        <v>15</v>
      </c>
      <c r="AH41931">
        <v>15</v>
      </c>
      <c r="AI41931">
        <v>15</v>
      </c>
      <c r="AJ41931">
        <v>15</v>
      </c>
      <c r="AK41931">
        <v>15</v>
      </c>
      <c r="AL41931">
        <v>15</v>
      </c>
      <c r="AM41931">
        <v>15</v>
      </c>
      <c r="AN41931">
        <v>15</v>
      </c>
      <c r="AO41931">
        <v>15</v>
      </c>
      <c r="AP41931">
        <v>15</v>
      </c>
      <c r="AQ41931">
        <v>15</v>
      </c>
    </row>
    <row r="41932" spans="1:43">
      <c r="A41932" t="s">
        <v>25777</v>
      </c>
      <c r="B41932" t="s">
        <v>25778</v>
      </c>
      <c r="C41932" t="s">
        <v>7594</v>
      </c>
      <c r="D41932" t="s">
        <v>7595</v>
      </c>
      <c r="E41932" t="s">
        <v>7278</v>
      </c>
      <c r="F41932" t="s">
        <v>7279</v>
      </c>
      <c r="G41932" t="s">
        <v>80</v>
      </c>
      <c r="H41932" t="s">
        <v>81</v>
      </c>
      <c r="I41932" s="2">
        <v>0</v>
      </c>
      <c r="J41932" s="2">
        <v>1</v>
      </c>
      <c r="K41932" s="2">
        <v>0</v>
      </c>
      <c r="L41932" t="s">
        <v>82</v>
      </c>
      <c r="M41932" t="s">
        <v>89</v>
      </c>
      <c r="N41932" t="s">
        <v>90</v>
      </c>
      <c r="O41932" t="s">
        <v>85</v>
      </c>
      <c r="P41932" t="s">
        <v>86</v>
      </c>
      <c r="Q41932">
        <v>14</v>
      </c>
      <c r="R41932">
        <v>14</v>
      </c>
      <c r="S41932">
        <v>14</v>
      </c>
      <c r="T41932">
        <v>14</v>
      </c>
      <c r="U41932">
        <v>15</v>
      </c>
      <c r="V41932">
        <v>15</v>
      </c>
      <c r="W41932">
        <v>15</v>
      </c>
      <c r="X41932">
        <v>15</v>
      </c>
      <c r="Y41932">
        <v>16</v>
      </c>
      <c r="Z41932">
        <v>16</v>
      </c>
      <c r="AA41932">
        <v>16</v>
      </c>
      <c r="AB41932">
        <v>16</v>
      </c>
      <c r="AC41932">
        <v>16</v>
      </c>
      <c r="AD41932">
        <v>16</v>
      </c>
      <c r="AE41932">
        <v>16</v>
      </c>
      <c r="AF41932">
        <v>16</v>
      </c>
      <c r="AG41932">
        <v>16</v>
      </c>
      <c r="AH41932">
        <v>16</v>
      </c>
      <c r="AI41932">
        <v>16</v>
      </c>
      <c r="AJ41932">
        <v>16</v>
      </c>
      <c r="AK41932">
        <v>16</v>
      </c>
      <c r="AL41932">
        <v>16</v>
      </c>
      <c r="AM41932">
        <v>16</v>
      </c>
      <c r="AN41932">
        <v>16</v>
      </c>
      <c r="AO41932">
        <v>16</v>
      </c>
      <c r="AP41932">
        <v>16</v>
      </c>
      <c r="AQ41932">
        <v>16</v>
      </c>
    </row>
    <row r="41933" spans="1:43">
      <c r="A41933" t="s">
        <v>25777</v>
      </c>
      <c r="B41933" t="s">
        <v>25778</v>
      </c>
      <c r="C41933" t="s">
        <v>7594</v>
      </c>
      <c r="D41933" t="s">
        <v>7595</v>
      </c>
      <c r="E41933" t="s">
        <v>7278</v>
      </c>
      <c r="F41933" t="s">
        <v>7279</v>
      </c>
      <c r="G41933" t="s">
        <v>80</v>
      </c>
      <c r="H41933" t="s">
        <v>81</v>
      </c>
      <c r="I41933" s="2">
        <v>0</v>
      </c>
      <c r="J41933" s="2">
        <v>1</v>
      </c>
      <c r="K41933" s="2">
        <v>0</v>
      </c>
      <c r="L41933" t="s">
        <v>82</v>
      </c>
      <c r="M41933" t="s">
        <v>83</v>
      </c>
      <c r="N41933" t="s">
        <v>91</v>
      </c>
      <c r="O41933" t="s">
        <v>85</v>
      </c>
      <c r="P41933" t="s">
        <v>86</v>
      </c>
      <c r="Q41933">
        <v>14</v>
      </c>
      <c r="R41933">
        <v>14</v>
      </c>
      <c r="S41933">
        <v>14</v>
      </c>
      <c r="T41933">
        <v>14</v>
      </c>
      <c r="U41933">
        <v>14</v>
      </c>
      <c r="V41933">
        <v>14</v>
      </c>
      <c r="W41933">
        <v>14</v>
      </c>
      <c r="X41933">
        <v>15</v>
      </c>
      <c r="Y41933">
        <v>15</v>
      </c>
      <c r="Z41933">
        <v>15</v>
      </c>
      <c r="AA41933">
        <v>15</v>
      </c>
      <c r="AB41933">
        <v>15</v>
      </c>
      <c r="AC41933">
        <v>15</v>
      </c>
      <c r="AD41933">
        <v>15</v>
      </c>
      <c r="AE41933">
        <v>15</v>
      </c>
      <c r="AF41933">
        <v>15</v>
      </c>
      <c r="AG41933">
        <v>16</v>
      </c>
      <c r="AH41933">
        <v>16</v>
      </c>
      <c r="AI41933">
        <v>16</v>
      </c>
      <c r="AJ41933">
        <v>16</v>
      </c>
      <c r="AK41933">
        <v>16</v>
      </c>
      <c r="AL41933">
        <v>16</v>
      </c>
      <c r="AM41933">
        <v>16</v>
      </c>
      <c r="AN41933">
        <v>16</v>
      </c>
      <c r="AO41933">
        <v>16</v>
      </c>
      <c r="AP41933">
        <v>16</v>
      </c>
      <c r="AQ41933">
        <v>16</v>
      </c>
    </row>
    <row r="41934" spans="1:43">
      <c r="A41934" t="s">
        <v>25779</v>
      </c>
      <c r="B41934" t="s">
        <v>25780</v>
      </c>
      <c r="C41934" t="s">
        <v>7594</v>
      </c>
      <c r="D41934" t="s">
        <v>7595</v>
      </c>
      <c r="E41934" t="s">
        <v>7278</v>
      </c>
      <c r="F41934" t="s">
        <v>7279</v>
      </c>
      <c r="G41934" t="s">
        <v>80</v>
      </c>
      <c r="H41934" t="s">
        <v>81</v>
      </c>
      <c r="I41934" s="2">
        <v>0</v>
      </c>
      <c r="J41934" s="2">
        <v>1</v>
      </c>
      <c r="K41934" s="2">
        <v>0</v>
      </c>
      <c r="L41934" t="s">
        <v>82</v>
      </c>
      <c r="M41934" t="s">
        <v>83</v>
      </c>
      <c r="N41934" t="s">
        <v>84</v>
      </c>
      <c r="O41934" t="s">
        <v>85</v>
      </c>
      <c r="P41934" t="s">
        <v>86</v>
      </c>
      <c r="Q41934">
        <v>7</v>
      </c>
      <c r="R41934">
        <v>7</v>
      </c>
      <c r="S41934">
        <v>7</v>
      </c>
      <c r="T41934">
        <v>7</v>
      </c>
      <c r="U41934">
        <v>7</v>
      </c>
      <c r="V41934">
        <v>7</v>
      </c>
      <c r="W41934">
        <v>7</v>
      </c>
      <c r="X41934">
        <v>7</v>
      </c>
      <c r="Y41934">
        <v>7</v>
      </c>
      <c r="Z41934">
        <v>7</v>
      </c>
      <c r="AA41934">
        <v>7</v>
      </c>
      <c r="AB41934">
        <v>7</v>
      </c>
      <c r="AC41934">
        <v>7</v>
      </c>
      <c r="AD41934">
        <v>8</v>
      </c>
      <c r="AE41934">
        <v>8</v>
      </c>
      <c r="AF41934">
        <v>8</v>
      </c>
      <c r="AG41934">
        <v>8</v>
      </c>
      <c r="AH41934">
        <v>8</v>
      </c>
      <c r="AI41934">
        <v>8</v>
      </c>
      <c r="AJ41934">
        <v>8</v>
      </c>
      <c r="AK41934">
        <v>8</v>
      </c>
      <c r="AL41934">
        <v>8</v>
      </c>
      <c r="AM41934">
        <v>8</v>
      </c>
      <c r="AN41934">
        <v>8</v>
      </c>
      <c r="AO41934">
        <v>8</v>
      </c>
      <c r="AP41934">
        <v>8</v>
      </c>
      <c r="AQ41934">
        <v>8</v>
      </c>
    </row>
    <row r="41935" spans="1:43">
      <c r="A41935" t="s">
        <v>25779</v>
      </c>
      <c r="B41935" t="s">
        <v>25780</v>
      </c>
      <c r="C41935" t="s">
        <v>7594</v>
      </c>
      <c r="D41935" t="s">
        <v>7595</v>
      </c>
      <c r="E41935" t="s">
        <v>7278</v>
      </c>
      <c r="F41935" t="s">
        <v>7279</v>
      </c>
      <c r="G41935" t="s">
        <v>80</v>
      </c>
      <c r="H41935" t="s">
        <v>81</v>
      </c>
      <c r="I41935" s="2">
        <v>0</v>
      </c>
      <c r="J41935" s="2">
        <v>1</v>
      </c>
      <c r="K41935" s="2">
        <v>0</v>
      </c>
      <c r="L41935" t="s">
        <v>82</v>
      </c>
      <c r="M41935" t="s">
        <v>87</v>
      </c>
      <c r="N41935" t="s">
        <v>88</v>
      </c>
      <c r="O41935" t="s">
        <v>85</v>
      </c>
      <c r="P41935" t="s">
        <v>86</v>
      </c>
      <c r="Q41935">
        <v>7</v>
      </c>
      <c r="R41935">
        <v>7</v>
      </c>
      <c r="S41935">
        <v>7</v>
      </c>
      <c r="T41935">
        <v>7</v>
      </c>
      <c r="U41935">
        <v>7</v>
      </c>
      <c r="V41935">
        <v>7</v>
      </c>
      <c r="W41935">
        <v>7</v>
      </c>
      <c r="X41935">
        <v>7</v>
      </c>
      <c r="Y41935">
        <v>7</v>
      </c>
      <c r="Z41935">
        <v>7</v>
      </c>
      <c r="AA41935">
        <v>7</v>
      </c>
      <c r="AB41935">
        <v>7</v>
      </c>
      <c r="AC41935">
        <v>7</v>
      </c>
      <c r="AD41935">
        <v>7</v>
      </c>
      <c r="AE41935">
        <v>7</v>
      </c>
      <c r="AF41935">
        <v>7</v>
      </c>
      <c r="AG41935">
        <v>7</v>
      </c>
      <c r="AH41935">
        <v>7</v>
      </c>
      <c r="AI41935">
        <v>7</v>
      </c>
      <c r="AJ41935">
        <v>7</v>
      </c>
      <c r="AK41935">
        <v>7</v>
      </c>
      <c r="AL41935">
        <v>7</v>
      </c>
      <c r="AM41935">
        <v>7</v>
      </c>
      <c r="AN41935">
        <v>7</v>
      </c>
      <c r="AO41935">
        <v>7</v>
      </c>
      <c r="AP41935">
        <v>7</v>
      </c>
      <c r="AQ41935">
        <v>7</v>
      </c>
    </row>
    <row r="41936" spans="1:43">
      <c r="A41936" t="s">
        <v>25779</v>
      </c>
      <c r="B41936" t="s">
        <v>25780</v>
      </c>
      <c r="C41936" t="s">
        <v>7594</v>
      </c>
      <c r="D41936" t="s">
        <v>7595</v>
      </c>
      <c r="E41936" t="s">
        <v>7278</v>
      </c>
      <c r="F41936" t="s">
        <v>7279</v>
      </c>
      <c r="G41936" t="s">
        <v>80</v>
      </c>
      <c r="H41936" t="s">
        <v>81</v>
      </c>
      <c r="I41936" s="2">
        <v>0</v>
      </c>
      <c r="J41936" s="2">
        <v>1</v>
      </c>
      <c r="K41936" s="2">
        <v>0</v>
      </c>
      <c r="L41936" t="s">
        <v>82</v>
      </c>
      <c r="M41936" t="s">
        <v>89</v>
      </c>
      <c r="N41936" t="s">
        <v>90</v>
      </c>
      <c r="O41936" t="s">
        <v>85</v>
      </c>
      <c r="P41936" t="s">
        <v>86</v>
      </c>
      <c r="Q41936">
        <v>7</v>
      </c>
      <c r="R41936">
        <v>7</v>
      </c>
      <c r="S41936">
        <v>7</v>
      </c>
      <c r="T41936">
        <v>7</v>
      </c>
      <c r="U41936">
        <v>7</v>
      </c>
      <c r="V41936">
        <v>7</v>
      </c>
      <c r="W41936">
        <v>7</v>
      </c>
      <c r="X41936">
        <v>8</v>
      </c>
      <c r="Y41936">
        <v>8</v>
      </c>
      <c r="Z41936">
        <v>8</v>
      </c>
      <c r="AA41936">
        <v>8</v>
      </c>
      <c r="AB41936">
        <v>8</v>
      </c>
      <c r="AC41936">
        <v>8</v>
      </c>
      <c r="AD41936">
        <v>8</v>
      </c>
      <c r="AE41936">
        <v>8</v>
      </c>
      <c r="AF41936">
        <v>8</v>
      </c>
      <c r="AG41936">
        <v>8</v>
      </c>
      <c r="AH41936">
        <v>8</v>
      </c>
      <c r="AI41936">
        <v>8</v>
      </c>
      <c r="AJ41936">
        <v>8</v>
      </c>
      <c r="AK41936">
        <v>8</v>
      </c>
      <c r="AL41936">
        <v>8</v>
      </c>
      <c r="AM41936">
        <v>8</v>
      </c>
      <c r="AN41936">
        <v>8</v>
      </c>
      <c r="AO41936">
        <v>8</v>
      </c>
      <c r="AP41936">
        <v>8</v>
      </c>
      <c r="AQ41936">
        <v>8</v>
      </c>
    </row>
    <row r="41937" spans="1:43">
      <c r="A41937" t="s">
        <v>25779</v>
      </c>
      <c r="B41937" t="s">
        <v>25780</v>
      </c>
      <c r="C41937" t="s">
        <v>7594</v>
      </c>
      <c r="D41937" t="s">
        <v>7595</v>
      </c>
      <c r="E41937" t="s">
        <v>7278</v>
      </c>
      <c r="F41937" t="s">
        <v>7279</v>
      </c>
      <c r="G41937" t="s">
        <v>80</v>
      </c>
      <c r="H41937" t="s">
        <v>81</v>
      </c>
      <c r="I41937" s="2">
        <v>0</v>
      </c>
      <c r="J41937" s="2">
        <v>1</v>
      </c>
      <c r="K41937" s="2">
        <v>0</v>
      </c>
      <c r="L41937" t="s">
        <v>82</v>
      </c>
      <c r="M41937" t="s">
        <v>83</v>
      </c>
      <c r="N41937" t="s">
        <v>91</v>
      </c>
      <c r="O41937" t="s">
        <v>85</v>
      </c>
      <c r="P41937" t="s">
        <v>86</v>
      </c>
      <c r="Q41937">
        <v>7</v>
      </c>
      <c r="R41937">
        <v>7</v>
      </c>
      <c r="S41937">
        <v>7</v>
      </c>
      <c r="T41937">
        <v>7</v>
      </c>
      <c r="U41937">
        <v>7</v>
      </c>
      <c r="V41937">
        <v>7</v>
      </c>
      <c r="W41937">
        <v>7</v>
      </c>
      <c r="X41937">
        <v>7</v>
      </c>
      <c r="Y41937">
        <v>7</v>
      </c>
      <c r="Z41937">
        <v>7</v>
      </c>
      <c r="AA41937">
        <v>7</v>
      </c>
      <c r="AB41937">
        <v>7</v>
      </c>
      <c r="AC41937">
        <v>7</v>
      </c>
      <c r="AD41937">
        <v>8</v>
      </c>
      <c r="AE41937">
        <v>8</v>
      </c>
      <c r="AF41937">
        <v>8</v>
      </c>
      <c r="AG41937">
        <v>8</v>
      </c>
      <c r="AH41937">
        <v>8</v>
      </c>
      <c r="AI41937">
        <v>8</v>
      </c>
      <c r="AJ41937">
        <v>8</v>
      </c>
      <c r="AK41937">
        <v>8</v>
      </c>
      <c r="AL41937">
        <v>8</v>
      </c>
      <c r="AM41937">
        <v>8</v>
      </c>
      <c r="AN41937">
        <v>8</v>
      </c>
      <c r="AO41937">
        <v>8</v>
      </c>
      <c r="AP41937">
        <v>8</v>
      </c>
      <c r="AQ41937">
        <v>8</v>
      </c>
    </row>
    <row r="41938" spans="1:43">
      <c r="A41938" t="s">
        <v>25781</v>
      </c>
      <c r="B41938" t="s">
        <v>25782</v>
      </c>
      <c r="C41938" t="s">
        <v>7594</v>
      </c>
      <c r="D41938" t="s">
        <v>7595</v>
      </c>
      <c r="E41938" t="s">
        <v>7278</v>
      </c>
      <c r="F41938" t="s">
        <v>7279</v>
      </c>
      <c r="G41938" t="s">
        <v>80</v>
      </c>
      <c r="H41938" t="s">
        <v>81</v>
      </c>
      <c r="I41938" s="2">
        <v>0</v>
      </c>
      <c r="J41938" s="2">
        <v>1</v>
      </c>
      <c r="K41938" s="2">
        <v>0</v>
      </c>
      <c r="L41938" t="s">
        <v>82</v>
      </c>
      <c r="M41938" t="s">
        <v>83</v>
      </c>
      <c r="N41938" t="s">
        <v>84</v>
      </c>
      <c r="O41938" t="s">
        <v>85</v>
      </c>
      <c r="P41938" t="s">
        <v>86</v>
      </c>
      <c r="Q41938">
        <v>20</v>
      </c>
      <c r="R41938">
        <v>20</v>
      </c>
      <c r="S41938">
        <v>20</v>
      </c>
      <c r="T41938">
        <v>20</v>
      </c>
      <c r="U41938">
        <v>20</v>
      </c>
      <c r="V41938">
        <v>21</v>
      </c>
      <c r="W41938">
        <v>21</v>
      </c>
      <c r="X41938">
        <v>21</v>
      </c>
      <c r="Y41938">
        <v>21</v>
      </c>
      <c r="Z41938">
        <v>21</v>
      </c>
      <c r="AA41938">
        <v>22</v>
      </c>
      <c r="AB41938">
        <v>22</v>
      </c>
      <c r="AC41938">
        <v>22</v>
      </c>
      <c r="AD41938">
        <v>22</v>
      </c>
      <c r="AE41938">
        <v>22</v>
      </c>
      <c r="AF41938">
        <v>22</v>
      </c>
      <c r="AG41938">
        <v>22</v>
      </c>
      <c r="AH41938">
        <v>23</v>
      </c>
      <c r="AI41938">
        <v>23</v>
      </c>
      <c r="AJ41938">
        <v>23</v>
      </c>
      <c r="AK41938">
        <v>23</v>
      </c>
      <c r="AL41938">
        <v>23</v>
      </c>
      <c r="AM41938">
        <v>23</v>
      </c>
      <c r="AN41938">
        <v>23</v>
      </c>
      <c r="AO41938">
        <v>23</v>
      </c>
      <c r="AP41938">
        <v>23</v>
      </c>
      <c r="AQ41938">
        <v>23</v>
      </c>
    </row>
    <row r="41939" spans="1:43">
      <c r="A41939" t="s">
        <v>25781</v>
      </c>
      <c r="B41939" t="s">
        <v>25782</v>
      </c>
      <c r="C41939" t="s">
        <v>7594</v>
      </c>
      <c r="D41939" t="s">
        <v>7595</v>
      </c>
      <c r="E41939" t="s">
        <v>7278</v>
      </c>
      <c r="F41939" t="s">
        <v>7279</v>
      </c>
      <c r="G41939" t="s">
        <v>80</v>
      </c>
      <c r="H41939" t="s">
        <v>81</v>
      </c>
      <c r="I41939" s="2">
        <v>0</v>
      </c>
      <c r="J41939" s="2">
        <v>1</v>
      </c>
      <c r="K41939" s="2">
        <v>0</v>
      </c>
      <c r="L41939" t="s">
        <v>82</v>
      </c>
      <c r="M41939" t="s">
        <v>87</v>
      </c>
      <c r="N41939" t="s">
        <v>88</v>
      </c>
      <c r="O41939" t="s">
        <v>85</v>
      </c>
      <c r="P41939" t="s">
        <v>86</v>
      </c>
      <c r="Q41939">
        <v>20</v>
      </c>
      <c r="R41939">
        <v>20</v>
      </c>
      <c r="S41939">
        <v>20</v>
      </c>
      <c r="T41939">
        <v>20</v>
      </c>
      <c r="U41939">
        <v>21</v>
      </c>
      <c r="V41939">
        <v>21</v>
      </c>
      <c r="W41939">
        <v>21</v>
      </c>
      <c r="X41939">
        <v>21</v>
      </c>
      <c r="Y41939">
        <v>21</v>
      </c>
      <c r="Z41939">
        <v>21</v>
      </c>
      <c r="AA41939">
        <v>21</v>
      </c>
      <c r="AB41939">
        <v>21</v>
      </c>
      <c r="AC41939">
        <v>21</v>
      </c>
      <c r="AD41939">
        <v>21</v>
      </c>
      <c r="AE41939">
        <v>21</v>
      </c>
      <c r="AF41939">
        <v>21</v>
      </c>
      <c r="AG41939">
        <v>21</v>
      </c>
      <c r="AH41939">
        <v>21</v>
      </c>
      <c r="AI41939">
        <v>21</v>
      </c>
      <c r="AJ41939">
        <v>21</v>
      </c>
      <c r="AK41939">
        <v>21</v>
      </c>
      <c r="AL41939">
        <v>21</v>
      </c>
      <c r="AM41939">
        <v>21</v>
      </c>
      <c r="AN41939">
        <v>21</v>
      </c>
      <c r="AO41939">
        <v>21</v>
      </c>
      <c r="AP41939">
        <v>21</v>
      </c>
      <c r="AQ41939">
        <v>21</v>
      </c>
    </row>
    <row r="41940" spans="1:43">
      <c r="A41940" t="s">
        <v>25781</v>
      </c>
      <c r="B41940" t="s">
        <v>25782</v>
      </c>
      <c r="C41940" t="s">
        <v>7594</v>
      </c>
      <c r="D41940" t="s">
        <v>7595</v>
      </c>
      <c r="E41940" t="s">
        <v>7278</v>
      </c>
      <c r="F41940" t="s">
        <v>7279</v>
      </c>
      <c r="G41940" t="s">
        <v>80</v>
      </c>
      <c r="H41940" t="s">
        <v>81</v>
      </c>
      <c r="I41940" s="2">
        <v>0</v>
      </c>
      <c r="J41940" s="2">
        <v>1</v>
      </c>
      <c r="K41940" s="2">
        <v>0</v>
      </c>
      <c r="L41940" t="s">
        <v>82</v>
      </c>
      <c r="M41940" t="s">
        <v>89</v>
      </c>
      <c r="N41940" t="s">
        <v>90</v>
      </c>
      <c r="O41940" t="s">
        <v>85</v>
      </c>
      <c r="P41940" t="s">
        <v>86</v>
      </c>
      <c r="Q41940">
        <v>20</v>
      </c>
      <c r="R41940">
        <v>20</v>
      </c>
      <c r="S41940">
        <v>21</v>
      </c>
      <c r="T41940">
        <v>21</v>
      </c>
      <c r="U41940">
        <v>21</v>
      </c>
      <c r="V41940">
        <v>22</v>
      </c>
      <c r="W41940">
        <v>22</v>
      </c>
      <c r="X41940">
        <v>22</v>
      </c>
      <c r="Y41940">
        <v>22</v>
      </c>
      <c r="Z41940">
        <v>23</v>
      </c>
      <c r="AA41940">
        <v>23</v>
      </c>
      <c r="AB41940">
        <v>23</v>
      </c>
      <c r="AC41940">
        <v>23</v>
      </c>
      <c r="AD41940">
        <v>24</v>
      </c>
      <c r="AE41940">
        <v>24</v>
      </c>
      <c r="AF41940">
        <v>24</v>
      </c>
      <c r="AG41940">
        <v>24</v>
      </c>
      <c r="AH41940">
        <v>24</v>
      </c>
      <c r="AI41940">
        <v>24</v>
      </c>
      <c r="AJ41940">
        <v>23</v>
      </c>
      <c r="AK41940">
        <v>23</v>
      </c>
      <c r="AL41940">
        <v>23</v>
      </c>
      <c r="AM41940">
        <v>23</v>
      </c>
      <c r="AN41940">
        <v>23</v>
      </c>
      <c r="AO41940">
        <v>23</v>
      </c>
      <c r="AP41940">
        <v>23</v>
      </c>
      <c r="AQ41940">
        <v>23</v>
      </c>
    </row>
    <row r="41941" spans="1:43">
      <c r="A41941" t="s">
        <v>25781</v>
      </c>
      <c r="B41941" t="s">
        <v>25782</v>
      </c>
      <c r="C41941" t="s">
        <v>7594</v>
      </c>
      <c r="D41941" t="s">
        <v>7595</v>
      </c>
      <c r="E41941" t="s">
        <v>7278</v>
      </c>
      <c r="F41941" t="s">
        <v>7279</v>
      </c>
      <c r="G41941" t="s">
        <v>80</v>
      </c>
      <c r="H41941" t="s">
        <v>81</v>
      </c>
      <c r="I41941" s="2">
        <v>0</v>
      </c>
      <c r="J41941" s="2">
        <v>1</v>
      </c>
      <c r="K41941" s="2">
        <v>0</v>
      </c>
      <c r="L41941" t="s">
        <v>82</v>
      </c>
      <c r="M41941" t="s">
        <v>83</v>
      </c>
      <c r="N41941" t="s">
        <v>91</v>
      </c>
      <c r="O41941" t="s">
        <v>85</v>
      </c>
      <c r="P41941" t="s">
        <v>86</v>
      </c>
      <c r="Q41941">
        <v>20</v>
      </c>
      <c r="R41941">
        <v>20</v>
      </c>
      <c r="S41941">
        <v>20</v>
      </c>
      <c r="T41941">
        <v>20</v>
      </c>
      <c r="U41941">
        <v>20</v>
      </c>
      <c r="V41941">
        <v>21</v>
      </c>
      <c r="W41941">
        <v>21</v>
      </c>
      <c r="X41941">
        <v>21</v>
      </c>
      <c r="Y41941">
        <v>21</v>
      </c>
      <c r="Z41941">
        <v>21</v>
      </c>
      <c r="AA41941">
        <v>22</v>
      </c>
      <c r="AB41941">
        <v>22</v>
      </c>
      <c r="AC41941">
        <v>22</v>
      </c>
      <c r="AD41941">
        <v>22</v>
      </c>
      <c r="AE41941">
        <v>22</v>
      </c>
      <c r="AF41941">
        <v>22</v>
      </c>
      <c r="AG41941">
        <v>22</v>
      </c>
      <c r="AH41941">
        <v>23</v>
      </c>
      <c r="AI41941">
        <v>23</v>
      </c>
      <c r="AJ41941">
        <v>23</v>
      </c>
      <c r="AK41941">
        <v>23</v>
      </c>
      <c r="AL41941">
        <v>23</v>
      </c>
      <c r="AM41941">
        <v>23</v>
      </c>
      <c r="AN41941">
        <v>23</v>
      </c>
      <c r="AO41941">
        <v>23</v>
      </c>
      <c r="AP41941">
        <v>23</v>
      </c>
      <c r="AQ41941">
        <v>23</v>
      </c>
    </row>
    <row r="41942" spans="1:43">
      <c r="A41942" t="s">
        <v>25783</v>
      </c>
      <c r="B41942" t="s">
        <v>25784</v>
      </c>
      <c r="C41942" t="s">
        <v>7594</v>
      </c>
      <c r="D41942" t="s">
        <v>7595</v>
      </c>
      <c r="E41942" t="s">
        <v>7278</v>
      </c>
      <c r="F41942" t="s">
        <v>7279</v>
      </c>
      <c r="G41942" t="s">
        <v>80</v>
      </c>
      <c r="H41942" t="s">
        <v>81</v>
      </c>
      <c r="I41942" s="2">
        <v>0</v>
      </c>
      <c r="J41942" s="2">
        <v>1</v>
      </c>
      <c r="K41942" s="2">
        <v>0</v>
      </c>
      <c r="L41942" t="s">
        <v>82</v>
      </c>
      <c r="M41942" t="s">
        <v>83</v>
      </c>
      <c r="N41942" t="s">
        <v>84</v>
      </c>
      <c r="O41942" t="s">
        <v>85</v>
      </c>
      <c r="P41942" t="s">
        <v>86</v>
      </c>
      <c r="Q41942">
        <v>39</v>
      </c>
      <c r="R41942">
        <v>40</v>
      </c>
      <c r="S41942">
        <v>40</v>
      </c>
      <c r="T41942">
        <v>40</v>
      </c>
      <c r="U41942">
        <v>41</v>
      </c>
      <c r="V41942">
        <v>41</v>
      </c>
      <c r="W41942">
        <v>42</v>
      </c>
      <c r="X41942">
        <v>42</v>
      </c>
      <c r="Y41942">
        <v>42</v>
      </c>
      <c r="Z41942">
        <v>43</v>
      </c>
      <c r="AA41942">
        <v>43</v>
      </c>
      <c r="AB41942">
        <v>43</v>
      </c>
      <c r="AC41942">
        <v>44</v>
      </c>
      <c r="AD41942">
        <v>44</v>
      </c>
      <c r="AE41942">
        <v>44</v>
      </c>
      <c r="AF41942">
        <v>45</v>
      </c>
      <c r="AG41942">
        <v>45</v>
      </c>
      <c r="AH41942">
        <v>45</v>
      </c>
      <c r="AI41942">
        <v>45</v>
      </c>
      <c r="AJ41942">
        <v>46</v>
      </c>
      <c r="AK41942">
        <v>46</v>
      </c>
      <c r="AL41942">
        <v>46</v>
      </c>
      <c r="AM41942">
        <v>46</v>
      </c>
      <c r="AN41942">
        <v>46</v>
      </c>
      <c r="AO41942">
        <v>46</v>
      </c>
      <c r="AP41942">
        <v>46</v>
      </c>
      <c r="AQ41942">
        <v>45</v>
      </c>
    </row>
    <row r="41943" spans="1:43">
      <c r="A41943" t="s">
        <v>25783</v>
      </c>
      <c r="B41943" t="s">
        <v>25784</v>
      </c>
      <c r="C41943" t="s">
        <v>7594</v>
      </c>
      <c r="D41943" t="s">
        <v>7595</v>
      </c>
      <c r="E41943" t="s">
        <v>7278</v>
      </c>
      <c r="F41943" t="s">
        <v>7279</v>
      </c>
      <c r="G41943" t="s">
        <v>80</v>
      </c>
      <c r="H41943" t="s">
        <v>81</v>
      </c>
      <c r="I41943" s="2">
        <v>0</v>
      </c>
      <c r="J41943" s="2">
        <v>1</v>
      </c>
      <c r="K41943" s="2">
        <v>0</v>
      </c>
      <c r="L41943" t="s">
        <v>82</v>
      </c>
      <c r="M41943" t="s">
        <v>87</v>
      </c>
      <c r="N41943" t="s">
        <v>88</v>
      </c>
      <c r="O41943" t="s">
        <v>85</v>
      </c>
      <c r="P41943" t="s">
        <v>86</v>
      </c>
      <c r="Q41943">
        <v>39</v>
      </c>
      <c r="R41943">
        <v>39</v>
      </c>
      <c r="S41943">
        <v>39</v>
      </c>
      <c r="T41943">
        <v>39</v>
      </c>
      <c r="U41943">
        <v>39</v>
      </c>
      <c r="V41943">
        <v>39</v>
      </c>
      <c r="W41943">
        <v>39</v>
      </c>
      <c r="X41943">
        <v>39</v>
      </c>
      <c r="Y41943">
        <v>39</v>
      </c>
      <c r="Z41943">
        <v>39</v>
      </c>
      <c r="AA41943">
        <v>39</v>
      </c>
      <c r="AB41943">
        <v>39</v>
      </c>
      <c r="AC41943">
        <v>39</v>
      </c>
      <c r="AD41943">
        <v>39</v>
      </c>
      <c r="AE41943">
        <v>39</v>
      </c>
      <c r="AF41943">
        <v>39</v>
      </c>
      <c r="AG41943">
        <v>39</v>
      </c>
      <c r="AH41943">
        <v>39</v>
      </c>
      <c r="AI41943">
        <v>39</v>
      </c>
      <c r="AJ41943">
        <v>39</v>
      </c>
      <c r="AK41943">
        <v>39</v>
      </c>
      <c r="AL41943">
        <v>39</v>
      </c>
      <c r="AM41943">
        <v>39</v>
      </c>
      <c r="AN41943">
        <v>39</v>
      </c>
      <c r="AO41943">
        <v>39</v>
      </c>
      <c r="AP41943">
        <v>39</v>
      </c>
      <c r="AQ41943">
        <v>39</v>
      </c>
    </row>
    <row r="41944" spans="1:43">
      <c r="A41944" t="s">
        <v>25783</v>
      </c>
      <c r="B41944" t="s">
        <v>25784</v>
      </c>
      <c r="C41944" t="s">
        <v>7594</v>
      </c>
      <c r="D41944" t="s">
        <v>7595</v>
      </c>
      <c r="E41944" t="s">
        <v>7278</v>
      </c>
      <c r="F41944" t="s">
        <v>7279</v>
      </c>
      <c r="G41944" t="s">
        <v>80</v>
      </c>
      <c r="H41944" t="s">
        <v>81</v>
      </c>
      <c r="I41944" s="2">
        <v>0</v>
      </c>
      <c r="J41944" s="2">
        <v>1</v>
      </c>
      <c r="K41944" s="2">
        <v>0</v>
      </c>
      <c r="L41944" t="s">
        <v>82</v>
      </c>
      <c r="M41944" t="s">
        <v>89</v>
      </c>
      <c r="N41944" t="s">
        <v>90</v>
      </c>
      <c r="O41944" t="s">
        <v>85</v>
      </c>
      <c r="P41944" t="s">
        <v>86</v>
      </c>
      <c r="Q41944">
        <v>39</v>
      </c>
      <c r="R41944">
        <v>40</v>
      </c>
      <c r="S41944">
        <v>41</v>
      </c>
      <c r="T41944">
        <v>42</v>
      </c>
      <c r="U41944">
        <v>42</v>
      </c>
      <c r="V41944">
        <v>43</v>
      </c>
      <c r="W41944">
        <v>44</v>
      </c>
      <c r="X41944">
        <v>44</v>
      </c>
      <c r="Y41944">
        <v>45</v>
      </c>
      <c r="Z41944">
        <v>45</v>
      </c>
      <c r="AA41944">
        <v>46</v>
      </c>
      <c r="AB41944">
        <v>46</v>
      </c>
      <c r="AC41944">
        <v>47</v>
      </c>
      <c r="AD41944">
        <v>47</v>
      </c>
      <c r="AE41944">
        <v>48</v>
      </c>
      <c r="AF41944">
        <v>47</v>
      </c>
      <c r="AG41944">
        <v>47</v>
      </c>
      <c r="AH41944">
        <v>47</v>
      </c>
      <c r="AI41944">
        <v>47</v>
      </c>
      <c r="AJ41944">
        <v>47</v>
      </c>
      <c r="AK41944">
        <v>47</v>
      </c>
      <c r="AL41944">
        <v>47</v>
      </c>
      <c r="AM41944">
        <v>47</v>
      </c>
      <c r="AN41944">
        <v>46</v>
      </c>
      <c r="AO41944">
        <v>46</v>
      </c>
      <c r="AP41944">
        <v>46</v>
      </c>
      <c r="AQ41944">
        <v>46</v>
      </c>
    </row>
    <row r="41945" spans="1:43">
      <c r="A41945" t="s">
        <v>25783</v>
      </c>
      <c r="B41945" t="s">
        <v>25784</v>
      </c>
      <c r="C41945" t="s">
        <v>7594</v>
      </c>
      <c r="D41945" t="s">
        <v>7595</v>
      </c>
      <c r="E41945" t="s">
        <v>7278</v>
      </c>
      <c r="F41945" t="s">
        <v>7279</v>
      </c>
      <c r="G41945" t="s">
        <v>80</v>
      </c>
      <c r="H41945" t="s">
        <v>81</v>
      </c>
      <c r="I41945" s="2">
        <v>0</v>
      </c>
      <c r="J41945" s="2">
        <v>1</v>
      </c>
      <c r="K41945" s="2">
        <v>0</v>
      </c>
      <c r="L41945" t="s">
        <v>82</v>
      </c>
      <c r="M41945" t="s">
        <v>83</v>
      </c>
      <c r="N41945" t="s">
        <v>91</v>
      </c>
      <c r="O41945" t="s">
        <v>85</v>
      </c>
      <c r="P41945" t="s">
        <v>86</v>
      </c>
      <c r="Q41945">
        <v>39</v>
      </c>
      <c r="R41945">
        <v>40</v>
      </c>
      <c r="S41945">
        <v>40</v>
      </c>
      <c r="T41945">
        <v>40</v>
      </c>
      <c r="U41945">
        <v>41</v>
      </c>
      <c r="V41945">
        <v>41</v>
      </c>
      <c r="W41945">
        <v>42</v>
      </c>
      <c r="X41945">
        <v>42</v>
      </c>
      <c r="Y41945">
        <v>42</v>
      </c>
      <c r="Z41945">
        <v>43</v>
      </c>
      <c r="AA41945">
        <v>43</v>
      </c>
      <c r="AB41945">
        <v>43</v>
      </c>
      <c r="AC41945">
        <v>44</v>
      </c>
      <c r="AD41945">
        <v>44</v>
      </c>
      <c r="AE41945">
        <v>44</v>
      </c>
      <c r="AF41945">
        <v>45</v>
      </c>
      <c r="AG41945">
        <v>45</v>
      </c>
      <c r="AH41945">
        <v>45</v>
      </c>
      <c r="AI41945">
        <v>45</v>
      </c>
      <c r="AJ41945">
        <v>46</v>
      </c>
      <c r="AK41945">
        <v>46</v>
      </c>
      <c r="AL41945">
        <v>46</v>
      </c>
      <c r="AM41945">
        <v>46</v>
      </c>
      <c r="AN41945">
        <v>46</v>
      </c>
      <c r="AO41945">
        <v>46</v>
      </c>
      <c r="AP41945">
        <v>46</v>
      </c>
      <c r="AQ41945">
        <v>45</v>
      </c>
    </row>
    <row r="41946" spans="1:43">
      <c r="A41946" t="s">
        <v>25785</v>
      </c>
      <c r="B41946" t="s">
        <v>25786</v>
      </c>
      <c r="C41946" t="s">
        <v>25237</v>
      </c>
      <c r="D41946" t="s">
        <v>25238</v>
      </c>
      <c r="E41946" t="s">
        <v>7278</v>
      </c>
      <c r="F41946" t="s">
        <v>7279</v>
      </c>
      <c r="G41946" t="s">
        <v>80</v>
      </c>
      <c r="H41946" t="s">
        <v>81</v>
      </c>
      <c r="I41946" s="2">
        <v>0</v>
      </c>
      <c r="J41946" s="2">
        <v>1</v>
      </c>
      <c r="K41946" s="2">
        <v>0</v>
      </c>
      <c r="L41946" t="s">
        <v>82</v>
      </c>
      <c r="M41946" t="s">
        <v>83</v>
      </c>
      <c r="N41946" t="s">
        <v>84</v>
      </c>
      <c r="O41946" t="s">
        <v>85</v>
      </c>
      <c r="P41946" t="s">
        <v>86</v>
      </c>
      <c r="Q41946">
        <v>22</v>
      </c>
      <c r="R41946">
        <v>22</v>
      </c>
      <c r="S41946">
        <v>23</v>
      </c>
      <c r="T41946">
        <v>23</v>
      </c>
      <c r="U41946">
        <v>23</v>
      </c>
      <c r="V41946">
        <v>23</v>
      </c>
      <c r="W41946">
        <v>23</v>
      </c>
      <c r="X41946">
        <v>24</v>
      </c>
      <c r="Y41946">
        <v>24</v>
      </c>
      <c r="Z41946">
        <v>24</v>
      </c>
      <c r="AA41946">
        <v>24</v>
      </c>
      <c r="AB41946">
        <v>24</v>
      </c>
      <c r="AC41946">
        <v>25</v>
      </c>
      <c r="AD41946">
        <v>25</v>
      </c>
      <c r="AE41946">
        <v>25</v>
      </c>
      <c r="AF41946">
        <v>25</v>
      </c>
      <c r="AG41946">
        <v>25</v>
      </c>
      <c r="AH41946">
        <v>25</v>
      </c>
      <c r="AI41946">
        <v>25</v>
      </c>
      <c r="AJ41946">
        <v>25</v>
      </c>
      <c r="AK41946">
        <v>26</v>
      </c>
      <c r="AL41946">
        <v>25</v>
      </c>
      <c r="AM41946">
        <v>25</v>
      </c>
      <c r="AN41946">
        <v>25</v>
      </c>
      <c r="AO41946">
        <v>25</v>
      </c>
      <c r="AP41946">
        <v>25</v>
      </c>
      <c r="AQ41946">
        <v>25</v>
      </c>
    </row>
    <row r="41947" spans="1:43">
      <c r="A41947" t="s">
        <v>25785</v>
      </c>
      <c r="B41947" t="s">
        <v>25786</v>
      </c>
      <c r="C41947" t="s">
        <v>25237</v>
      </c>
      <c r="D41947" t="s">
        <v>25238</v>
      </c>
      <c r="E41947" t="s">
        <v>7278</v>
      </c>
      <c r="F41947" t="s">
        <v>7279</v>
      </c>
      <c r="G41947" t="s">
        <v>80</v>
      </c>
      <c r="H41947" t="s">
        <v>81</v>
      </c>
      <c r="I41947" s="2">
        <v>0</v>
      </c>
      <c r="J41947" s="2">
        <v>1</v>
      </c>
      <c r="K41947" s="2">
        <v>0</v>
      </c>
      <c r="L41947" t="s">
        <v>82</v>
      </c>
      <c r="M41947" t="s">
        <v>87</v>
      </c>
      <c r="N41947" t="s">
        <v>88</v>
      </c>
      <c r="O41947" t="s">
        <v>85</v>
      </c>
      <c r="P41947" t="s">
        <v>86</v>
      </c>
      <c r="Q41947">
        <v>22</v>
      </c>
      <c r="R41947">
        <v>22</v>
      </c>
      <c r="S41947">
        <v>22</v>
      </c>
      <c r="T41947">
        <v>22</v>
      </c>
      <c r="U41947">
        <v>22</v>
      </c>
      <c r="V41947">
        <v>22</v>
      </c>
      <c r="W41947">
        <v>22</v>
      </c>
      <c r="X41947">
        <v>22</v>
      </c>
      <c r="Y41947">
        <v>22</v>
      </c>
      <c r="Z41947">
        <v>22</v>
      </c>
      <c r="AA41947">
        <v>22</v>
      </c>
      <c r="AB41947">
        <v>22</v>
      </c>
      <c r="AC41947">
        <v>22</v>
      </c>
      <c r="AD41947">
        <v>22</v>
      </c>
      <c r="AE41947">
        <v>22</v>
      </c>
      <c r="AF41947">
        <v>22</v>
      </c>
      <c r="AG41947">
        <v>22</v>
      </c>
      <c r="AH41947">
        <v>22</v>
      </c>
      <c r="AI41947">
        <v>22</v>
      </c>
      <c r="AJ41947">
        <v>22</v>
      </c>
      <c r="AK41947">
        <v>22</v>
      </c>
      <c r="AL41947">
        <v>22</v>
      </c>
      <c r="AM41947">
        <v>22</v>
      </c>
      <c r="AN41947">
        <v>22</v>
      </c>
      <c r="AO41947">
        <v>22</v>
      </c>
      <c r="AP41947">
        <v>22</v>
      </c>
      <c r="AQ41947">
        <v>22</v>
      </c>
    </row>
    <row r="41948" spans="1:43">
      <c r="A41948" t="s">
        <v>25785</v>
      </c>
      <c r="B41948" t="s">
        <v>25786</v>
      </c>
      <c r="C41948" t="s">
        <v>25237</v>
      </c>
      <c r="D41948" t="s">
        <v>25238</v>
      </c>
      <c r="E41948" t="s">
        <v>7278</v>
      </c>
      <c r="F41948" t="s">
        <v>7279</v>
      </c>
      <c r="G41948" t="s">
        <v>80</v>
      </c>
      <c r="H41948" t="s">
        <v>81</v>
      </c>
      <c r="I41948" s="2">
        <v>0</v>
      </c>
      <c r="J41948" s="2">
        <v>1</v>
      </c>
      <c r="K41948" s="2">
        <v>0</v>
      </c>
      <c r="L41948" t="s">
        <v>82</v>
      </c>
      <c r="M41948" t="s">
        <v>89</v>
      </c>
      <c r="N41948" t="s">
        <v>90</v>
      </c>
      <c r="O41948" t="s">
        <v>85</v>
      </c>
      <c r="P41948" t="s">
        <v>86</v>
      </c>
      <c r="Q41948">
        <v>22</v>
      </c>
      <c r="R41948">
        <v>23</v>
      </c>
      <c r="S41948">
        <v>23</v>
      </c>
      <c r="T41948">
        <v>24</v>
      </c>
      <c r="U41948">
        <v>24</v>
      </c>
      <c r="V41948">
        <v>24</v>
      </c>
      <c r="W41948">
        <v>25</v>
      </c>
      <c r="X41948">
        <v>25</v>
      </c>
      <c r="Y41948">
        <v>25</v>
      </c>
      <c r="Z41948">
        <v>26</v>
      </c>
      <c r="AA41948">
        <v>26</v>
      </c>
      <c r="AB41948">
        <v>26</v>
      </c>
      <c r="AC41948">
        <v>26</v>
      </c>
      <c r="AD41948">
        <v>26</v>
      </c>
      <c r="AE41948">
        <v>27</v>
      </c>
      <c r="AF41948">
        <v>26</v>
      </c>
      <c r="AG41948">
        <v>26</v>
      </c>
      <c r="AH41948">
        <v>26</v>
      </c>
      <c r="AI41948">
        <v>26</v>
      </c>
      <c r="AJ41948">
        <v>26</v>
      </c>
      <c r="AK41948">
        <v>26</v>
      </c>
      <c r="AL41948">
        <v>26</v>
      </c>
      <c r="AM41948">
        <v>26</v>
      </c>
      <c r="AN41948">
        <v>25</v>
      </c>
      <c r="AO41948">
        <v>25</v>
      </c>
      <c r="AP41948">
        <v>25</v>
      </c>
      <c r="AQ41948">
        <v>25</v>
      </c>
    </row>
    <row r="41949" spans="1:43">
      <c r="A41949" t="s">
        <v>25785</v>
      </c>
      <c r="B41949" t="s">
        <v>25786</v>
      </c>
      <c r="C41949" t="s">
        <v>25237</v>
      </c>
      <c r="D41949" t="s">
        <v>25238</v>
      </c>
      <c r="E41949" t="s">
        <v>7278</v>
      </c>
      <c r="F41949" t="s">
        <v>7279</v>
      </c>
      <c r="G41949" t="s">
        <v>80</v>
      </c>
      <c r="H41949" t="s">
        <v>81</v>
      </c>
      <c r="I41949" s="2">
        <v>0</v>
      </c>
      <c r="J41949" s="2">
        <v>1</v>
      </c>
      <c r="K41949" s="2">
        <v>0</v>
      </c>
      <c r="L41949" t="s">
        <v>82</v>
      </c>
      <c r="M41949" t="s">
        <v>83</v>
      </c>
      <c r="N41949" t="s">
        <v>91</v>
      </c>
      <c r="O41949" t="s">
        <v>85</v>
      </c>
      <c r="P41949" t="s">
        <v>86</v>
      </c>
      <c r="Q41949">
        <v>22</v>
      </c>
      <c r="R41949">
        <v>22</v>
      </c>
      <c r="S41949">
        <v>23</v>
      </c>
      <c r="T41949">
        <v>23</v>
      </c>
      <c r="U41949">
        <v>23</v>
      </c>
      <c r="V41949">
        <v>23</v>
      </c>
      <c r="W41949">
        <v>23</v>
      </c>
      <c r="X41949">
        <v>24</v>
      </c>
      <c r="Y41949">
        <v>24</v>
      </c>
      <c r="Z41949">
        <v>24</v>
      </c>
      <c r="AA41949">
        <v>24</v>
      </c>
      <c r="AB41949">
        <v>24</v>
      </c>
      <c r="AC41949">
        <v>25</v>
      </c>
      <c r="AD41949">
        <v>25</v>
      </c>
      <c r="AE41949">
        <v>25</v>
      </c>
      <c r="AF41949">
        <v>25</v>
      </c>
      <c r="AG41949">
        <v>25</v>
      </c>
      <c r="AH41949">
        <v>25</v>
      </c>
      <c r="AI41949">
        <v>25</v>
      </c>
      <c r="AJ41949">
        <v>25</v>
      </c>
      <c r="AK41949">
        <v>26</v>
      </c>
      <c r="AL41949">
        <v>25</v>
      </c>
      <c r="AM41949">
        <v>25</v>
      </c>
      <c r="AN41949">
        <v>25</v>
      </c>
      <c r="AO41949">
        <v>25</v>
      </c>
      <c r="AP41949">
        <v>25</v>
      </c>
      <c r="AQ41949">
        <v>25</v>
      </c>
    </row>
    <row r="41950" spans="1:43">
      <c r="A41950" t="s">
        <v>25787</v>
      </c>
      <c r="B41950" t="s">
        <v>25788</v>
      </c>
      <c r="C41950" t="s">
        <v>25237</v>
      </c>
      <c r="D41950" t="s">
        <v>25238</v>
      </c>
      <c r="E41950" t="s">
        <v>7278</v>
      </c>
      <c r="F41950" t="s">
        <v>7279</v>
      </c>
      <c r="G41950" t="s">
        <v>80</v>
      </c>
      <c r="H41950" t="s">
        <v>81</v>
      </c>
      <c r="I41950" s="2">
        <v>0</v>
      </c>
      <c r="J41950" s="2">
        <v>1</v>
      </c>
      <c r="K41950" s="2">
        <v>0</v>
      </c>
      <c r="L41950" t="s">
        <v>82</v>
      </c>
      <c r="M41950" t="s">
        <v>83</v>
      </c>
      <c r="N41950" t="s">
        <v>84</v>
      </c>
      <c r="O41950" t="s">
        <v>85</v>
      </c>
      <c r="P41950" t="s">
        <v>86</v>
      </c>
      <c r="Q41950">
        <v>18</v>
      </c>
      <c r="R41950">
        <v>18</v>
      </c>
      <c r="S41950">
        <v>18</v>
      </c>
      <c r="T41950">
        <v>18</v>
      </c>
      <c r="U41950">
        <v>18</v>
      </c>
      <c r="V41950">
        <v>18</v>
      </c>
      <c r="W41950">
        <v>19</v>
      </c>
      <c r="X41950">
        <v>19</v>
      </c>
      <c r="Y41950">
        <v>19</v>
      </c>
      <c r="Z41950">
        <v>19</v>
      </c>
      <c r="AA41950">
        <v>19</v>
      </c>
      <c r="AB41950">
        <v>19</v>
      </c>
      <c r="AC41950">
        <v>19</v>
      </c>
      <c r="AD41950">
        <v>19</v>
      </c>
      <c r="AE41950">
        <v>20</v>
      </c>
      <c r="AF41950">
        <v>20</v>
      </c>
      <c r="AG41950">
        <v>20</v>
      </c>
      <c r="AH41950">
        <v>20</v>
      </c>
      <c r="AI41950">
        <v>20</v>
      </c>
      <c r="AJ41950">
        <v>20</v>
      </c>
      <c r="AK41950">
        <v>20</v>
      </c>
      <c r="AL41950">
        <v>20</v>
      </c>
      <c r="AM41950">
        <v>20</v>
      </c>
      <c r="AN41950">
        <v>20</v>
      </c>
      <c r="AO41950">
        <v>20</v>
      </c>
      <c r="AP41950">
        <v>20</v>
      </c>
      <c r="AQ41950">
        <v>20</v>
      </c>
    </row>
    <row r="41951" spans="1:43">
      <c r="A41951" t="s">
        <v>25787</v>
      </c>
      <c r="B41951" t="s">
        <v>25788</v>
      </c>
      <c r="C41951" t="s">
        <v>25237</v>
      </c>
      <c r="D41951" t="s">
        <v>25238</v>
      </c>
      <c r="E41951" t="s">
        <v>7278</v>
      </c>
      <c r="F41951" t="s">
        <v>7279</v>
      </c>
      <c r="G41951" t="s">
        <v>80</v>
      </c>
      <c r="H41951" t="s">
        <v>81</v>
      </c>
      <c r="I41951" s="2">
        <v>0</v>
      </c>
      <c r="J41951" s="2">
        <v>1</v>
      </c>
      <c r="K41951" s="2">
        <v>0</v>
      </c>
      <c r="L41951" t="s">
        <v>82</v>
      </c>
      <c r="M41951" t="s">
        <v>87</v>
      </c>
      <c r="N41951" t="s">
        <v>88</v>
      </c>
      <c r="O41951" t="s">
        <v>85</v>
      </c>
      <c r="P41951" t="s">
        <v>86</v>
      </c>
      <c r="Q41951">
        <v>18</v>
      </c>
      <c r="R41951">
        <v>18</v>
      </c>
      <c r="S41951">
        <v>18</v>
      </c>
      <c r="T41951">
        <v>18</v>
      </c>
      <c r="U41951">
        <v>18</v>
      </c>
      <c r="V41951">
        <v>18</v>
      </c>
      <c r="W41951">
        <v>18</v>
      </c>
      <c r="X41951">
        <v>18</v>
      </c>
      <c r="Y41951">
        <v>18</v>
      </c>
      <c r="Z41951">
        <v>18</v>
      </c>
      <c r="AA41951">
        <v>18</v>
      </c>
      <c r="AB41951">
        <v>18</v>
      </c>
      <c r="AC41951">
        <v>18</v>
      </c>
      <c r="AD41951">
        <v>18</v>
      </c>
      <c r="AE41951">
        <v>18</v>
      </c>
      <c r="AF41951">
        <v>18</v>
      </c>
      <c r="AG41951">
        <v>18</v>
      </c>
      <c r="AH41951">
        <v>18</v>
      </c>
      <c r="AI41951">
        <v>18</v>
      </c>
      <c r="AJ41951">
        <v>18</v>
      </c>
      <c r="AK41951">
        <v>18</v>
      </c>
      <c r="AL41951">
        <v>18</v>
      </c>
      <c r="AM41951">
        <v>18</v>
      </c>
      <c r="AN41951">
        <v>18</v>
      </c>
      <c r="AO41951">
        <v>18</v>
      </c>
      <c r="AP41951">
        <v>18</v>
      </c>
      <c r="AQ41951">
        <v>18</v>
      </c>
    </row>
    <row r="41952" spans="1:43">
      <c r="A41952" t="s">
        <v>25787</v>
      </c>
      <c r="B41952" t="s">
        <v>25788</v>
      </c>
      <c r="C41952" t="s">
        <v>25237</v>
      </c>
      <c r="D41952" t="s">
        <v>25238</v>
      </c>
      <c r="E41952" t="s">
        <v>7278</v>
      </c>
      <c r="F41952" t="s">
        <v>7279</v>
      </c>
      <c r="G41952" t="s">
        <v>80</v>
      </c>
      <c r="H41952" t="s">
        <v>81</v>
      </c>
      <c r="I41952" s="2">
        <v>0</v>
      </c>
      <c r="J41952" s="2">
        <v>1</v>
      </c>
      <c r="K41952" s="2">
        <v>0</v>
      </c>
      <c r="L41952" t="s">
        <v>82</v>
      </c>
      <c r="M41952" t="s">
        <v>89</v>
      </c>
      <c r="N41952" t="s">
        <v>90</v>
      </c>
      <c r="O41952" t="s">
        <v>85</v>
      </c>
      <c r="P41952" t="s">
        <v>86</v>
      </c>
      <c r="Q41952">
        <v>18</v>
      </c>
      <c r="R41952">
        <v>18</v>
      </c>
      <c r="S41952">
        <v>18</v>
      </c>
      <c r="T41952">
        <v>19</v>
      </c>
      <c r="U41952">
        <v>19</v>
      </c>
      <c r="V41952">
        <v>19</v>
      </c>
      <c r="W41952">
        <v>19</v>
      </c>
      <c r="X41952">
        <v>20</v>
      </c>
      <c r="Y41952">
        <v>20</v>
      </c>
      <c r="Z41952">
        <v>20</v>
      </c>
      <c r="AA41952">
        <v>20</v>
      </c>
      <c r="AB41952">
        <v>21</v>
      </c>
      <c r="AC41952">
        <v>21</v>
      </c>
      <c r="AD41952">
        <v>21</v>
      </c>
      <c r="AE41952">
        <v>21</v>
      </c>
      <c r="AF41952">
        <v>21</v>
      </c>
      <c r="AG41952">
        <v>21</v>
      </c>
      <c r="AH41952">
        <v>21</v>
      </c>
      <c r="AI41952">
        <v>21</v>
      </c>
      <c r="AJ41952">
        <v>20</v>
      </c>
      <c r="AK41952">
        <v>20</v>
      </c>
      <c r="AL41952">
        <v>20</v>
      </c>
      <c r="AM41952">
        <v>20</v>
      </c>
      <c r="AN41952">
        <v>20</v>
      </c>
      <c r="AO41952">
        <v>20</v>
      </c>
      <c r="AP41952">
        <v>20</v>
      </c>
      <c r="AQ41952">
        <v>20</v>
      </c>
    </row>
    <row r="41953" spans="1:43">
      <c r="A41953" t="s">
        <v>25787</v>
      </c>
      <c r="B41953" t="s">
        <v>25788</v>
      </c>
      <c r="C41953" t="s">
        <v>25237</v>
      </c>
      <c r="D41953" t="s">
        <v>25238</v>
      </c>
      <c r="E41953" t="s">
        <v>7278</v>
      </c>
      <c r="F41953" t="s">
        <v>7279</v>
      </c>
      <c r="G41953" t="s">
        <v>80</v>
      </c>
      <c r="H41953" t="s">
        <v>81</v>
      </c>
      <c r="I41953" s="2">
        <v>0</v>
      </c>
      <c r="J41953" s="2">
        <v>1</v>
      </c>
      <c r="K41953" s="2">
        <v>0</v>
      </c>
      <c r="L41953" t="s">
        <v>82</v>
      </c>
      <c r="M41953" t="s">
        <v>83</v>
      </c>
      <c r="N41953" t="s">
        <v>91</v>
      </c>
      <c r="O41953" t="s">
        <v>85</v>
      </c>
      <c r="P41953" t="s">
        <v>86</v>
      </c>
      <c r="Q41953">
        <v>18</v>
      </c>
      <c r="R41953">
        <v>18</v>
      </c>
      <c r="S41953">
        <v>18</v>
      </c>
      <c r="T41953">
        <v>18</v>
      </c>
      <c r="U41953">
        <v>18</v>
      </c>
      <c r="V41953">
        <v>18</v>
      </c>
      <c r="W41953">
        <v>19</v>
      </c>
      <c r="X41953">
        <v>19</v>
      </c>
      <c r="Y41953">
        <v>19</v>
      </c>
      <c r="Z41953">
        <v>19</v>
      </c>
      <c r="AA41953">
        <v>19</v>
      </c>
      <c r="AB41953">
        <v>19</v>
      </c>
      <c r="AC41953">
        <v>19</v>
      </c>
      <c r="AD41953">
        <v>19</v>
      </c>
      <c r="AE41953">
        <v>20</v>
      </c>
      <c r="AF41953">
        <v>20</v>
      </c>
      <c r="AG41953">
        <v>20</v>
      </c>
      <c r="AH41953">
        <v>20</v>
      </c>
      <c r="AI41953">
        <v>20</v>
      </c>
      <c r="AJ41953">
        <v>20</v>
      </c>
      <c r="AK41953">
        <v>20</v>
      </c>
      <c r="AL41953">
        <v>20</v>
      </c>
      <c r="AM41953">
        <v>20</v>
      </c>
      <c r="AN41953">
        <v>20</v>
      </c>
      <c r="AO41953">
        <v>20</v>
      </c>
      <c r="AP41953">
        <v>20</v>
      </c>
      <c r="AQ41953">
        <v>20</v>
      </c>
    </row>
    <row r="41954" spans="1:43">
      <c r="A41954" t="s">
        <v>25789</v>
      </c>
      <c r="B41954" t="s">
        <v>25790</v>
      </c>
      <c r="C41954" t="s">
        <v>7590</v>
      </c>
      <c r="D41954" t="s">
        <v>7591</v>
      </c>
      <c r="E41954" t="s">
        <v>7278</v>
      </c>
      <c r="F41954" t="s">
        <v>7279</v>
      </c>
      <c r="G41954" t="s">
        <v>80</v>
      </c>
      <c r="H41954" t="s">
        <v>81</v>
      </c>
      <c r="I41954" s="2">
        <v>0</v>
      </c>
      <c r="J41954" s="2">
        <v>1</v>
      </c>
      <c r="K41954" s="2">
        <v>0</v>
      </c>
      <c r="L41954" t="s">
        <v>82</v>
      </c>
      <c r="M41954" t="s">
        <v>83</v>
      </c>
      <c r="N41954" t="s">
        <v>84</v>
      </c>
      <c r="O41954" t="s">
        <v>85</v>
      </c>
      <c r="P41954" t="s">
        <v>86</v>
      </c>
      <c r="Q41954">
        <v>42</v>
      </c>
      <c r="R41954">
        <v>42</v>
      </c>
      <c r="S41954">
        <v>42</v>
      </c>
      <c r="T41954">
        <v>43</v>
      </c>
      <c r="U41954">
        <v>43</v>
      </c>
      <c r="V41954">
        <v>43</v>
      </c>
      <c r="W41954">
        <v>44</v>
      </c>
      <c r="X41954">
        <v>44</v>
      </c>
      <c r="Y41954">
        <v>45</v>
      </c>
      <c r="Z41954">
        <v>45</v>
      </c>
      <c r="AA41954">
        <v>45</v>
      </c>
      <c r="AB41954">
        <v>45</v>
      </c>
      <c r="AC41954">
        <v>46</v>
      </c>
      <c r="AD41954">
        <v>46</v>
      </c>
      <c r="AE41954">
        <v>46</v>
      </c>
      <c r="AF41954">
        <v>47</v>
      </c>
      <c r="AG41954">
        <v>47</v>
      </c>
      <c r="AH41954">
        <v>47</v>
      </c>
      <c r="AI41954">
        <v>47</v>
      </c>
      <c r="AJ41954">
        <v>47</v>
      </c>
      <c r="AK41954">
        <v>48</v>
      </c>
      <c r="AL41954">
        <v>48</v>
      </c>
      <c r="AM41954">
        <v>47</v>
      </c>
      <c r="AN41954">
        <v>47</v>
      </c>
      <c r="AO41954">
        <v>47</v>
      </c>
      <c r="AP41954">
        <v>47</v>
      </c>
      <c r="AQ41954">
        <v>47</v>
      </c>
    </row>
    <row r="41955" spans="1:43">
      <c r="A41955" t="s">
        <v>25789</v>
      </c>
      <c r="B41955" t="s">
        <v>25790</v>
      </c>
      <c r="C41955" t="s">
        <v>7590</v>
      </c>
      <c r="D41955" t="s">
        <v>7591</v>
      </c>
      <c r="E41955" t="s">
        <v>7278</v>
      </c>
      <c r="F41955" t="s">
        <v>7279</v>
      </c>
      <c r="G41955" t="s">
        <v>80</v>
      </c>
      <c r="H41955" t="s">
        <v>81</v>
      </c>
      <c r="I41955" s="2">
        <v>0</v>
      </c>
      <c r="J41955" s="2">
        <v>1</v>
      </c>
      <c r="K41955" s="2">
        <v>0</v>
      </c>
      <c r="L41955" t="s">
        <v>82</v>
      </c>
      <c r="M41955" t="s">
        <v>87</v>
      </c>
      <c r="N41955" t="s">
        <v>88</v>
      </c>
      <c r="O41955" t="s">
        <v>85</v>
      </c>
      <c r="P41955" t="s">
        <v>86</v>
      </c>
      <c r="Q41955">
        <v>42</v>
      </c>
      <c r="R41955">
        <v>42</v>
      </c>
      <c r="S41955">
        <v>42</v>
      </c>
      <c r="T41955">
        <v>42</v>
      </c>
      <c r="U41955">
        <v>42</v>
      </c>
      <c r="V41955">
        <v>42</v>
      </c>
      <c r="W41955">
        <v>42</v>
      </c>
      <c r="X41955">
        <v>42</v>
      </c>
      <c r="Y41955">
        <v>42</v>
      </c>
      <c r="Z41955">
        <v>42</v>
      </c>
      <c r="AA41955">
        <v>42</v>
      </c>
      <c r="AB41955">
        <v>42</v>
      </c>
      <c r="AC41955">
        <v>42</v>
      </c>
      <c r="AD41955">
        <v>42</v>
      </c>
      <c r="AE41955">
        <v>42</v>
      </c>
      <c r="AF41955">
        <v>42</v>
      </c>
      <c r="AG41955">
        <v>42</v>
      </c>
      <c r="AH41955">
        <v>42</v>
      </c>
      <c r="AI41955">
        <v>42</v>
      </c>
      <c r="AJ41955">
        <v>42</v>
      </c>
      <c r="AK41955">
        <v>42</v>
      </c>
      <c r="AL41955">
        <v>42</v>
      </c>
      <c r="AM41955">
        <v>41</v>
      </c>
      <c r="AN41955">
        <v>41</v>
      </c>
      <c r="AO41955">
        <v>41</v>
      </c>
      <c r="AP41955">
        <v>41</v>
      </c>
      <c r="AQ41955">
        <v>41</v>
      </c>
    </row>
    <row r="41956" spans="1:43">
      <c r="A41956" t="s">
        <v>25789</v>
      </c>
      <c r="B41956" t="s">
        <v>25790</v>
      </c>
      <c r="C41956" t="s">
        <v>7590</v>
      </c>
      <c r="D41956" t="s">
        <v>7591</v>
      </c>
      <c r="E41956" t="s">
        <v>7278</v>
      </c>
      <c r="F41956" t="s">
        <v>7279</v>
      </c>
      <c r="G41956" t="s">
        <v>80</v>
      </c>
      <c r="H41956" t="s">
        <v>81</v>
      </c>
      <c r="I41956" s="2">
        <v>0</v>
      </c>
      <c r="J41956" s="2">
        <v>1</v>
      </c>
      <c r="K41956" s="2">
        <v>0</v>
      </c>
      <c r="L41956" t="s">
        <v>82</v>
      </c>
      <c r="M41956" t="s">
        <v>89</v>
      </c>
      <c r="N41956" t="s">
        <v>90</v>
      </c>
      <c r="O41956" t="s">
        <v>85</v>
      </c>
      <c r="P41956" t="s">
        <v>86</v>
      </c>
      <c r="Q41956">
        <v>42</v>
      </c>
      <c r="R41956">
        <v>43</v>
      </c>
      <c r="S41956">
        <v>43</v>
      </c>
      <c r="T41956">
        <v>44</v>
      </c>
      <c r="U41956">
        <v>45</v>
      </c>
      <c r="V41956">
        <v>45</v>
      </c>
      <c r="W41956">
        <v>46</v>
      </c>
      <c r="X41956">
        <v>47</v>
      </c>
      <c r="Y41956">
        <v>47</v>
      </c>
      <c r="Z41956">
        <v>48</v>
      </c>
      <c r="AA41956">
        <v>48</v>
      </c>
      <c r="AB41956">
        <v>49</v>
      </c>
      <c r="AC41956">
        <v>49</v>
      </c>
      <c r="AD41956">
        <v>49</v>
      </c>
      <c r="AE41956">
        <v>50</v>
      </c>
      <c r="AF41956">
        <v>49</v>
      </c>
      <c r="AG41956">
        <v>49</v>
      </c>
      <c r="AH41956">
        <v>49</v>
      </c>
      <c r="AI41956">
        <v>49</v>
      </c>
      <c r="AJ41956">
        <v>49</v>
      </c>
      <c r="AK41956">
        <v>48</v>
      </c>
      <c r="AL41956">
        <v>48</v>
      </c>
      <c r="AM41956">
        <v>48</v>
      </c>
      <c r="AN41956">
        <v>48</v>
      </c>
      <c r="AO41956">
        <v>47</v>
      </c>
      <c r="AP41956">
        <v>47</v>
      </c>
      <c r="AQ41956">
        <v>47</v>
      </c>
    </row>
    <row r="41957" spans="1:43">
      <c r="A41957" t="s">
        <v>25789</v>
      </c>
      <c r="B41957" t="s">
        <v>25790</v>
      </c>
      <c r="C41957" t="s">
        <v>7590</v>
      </c>
      <c r="D41957" t="s">
        <v>7591</v>
      </c>
      <c r="E41957" t="s">
        <v>7278</v>
      </c>
      <c r="F41957" t="s">
        <v>7279</v>
      </c>
      <c r="G41957" t="s">
        <v>80</v>
      </c>
      <c r="H41957" t="s">
        <v>81</v>
      </c>
      <c r="I41957" s="2">
        <v>0</v>
      </c>
      <c r="J41957" s="2">
        <v>1</v>
      </c>
      <c r="K41957" s="2">
        <v>0</v>
      </c>
      <c r="L41957" t="s">
        <v>82</v>
      </c>
      <c r="M41957" t="s">
        <v>83</v>
      </c>
      <c r="N41957" t="s">
        <v>91</v>
      </c>
      <c r="O41957" t="s">
        <v>85</v>
      </c>
      <c r="P41957" t="s">
        <v>86</v>
      </c>
      <c r="Q41957">
        <v>42</v>
      </c>
      <c r="R41957">
        <v>42</v>
      </c>
      <c r="S41957">
        <v>42</v>
      </c>
      <c r="T41957">
        <v>43</v>
      </c>
      <c r="U41957">
        <v>43</v>
      </c>
      <c r="V41957">
        <v>43</v>
      </c>
      <c r="W41957">
        <v>44</v>
      </c>
      <c r="X41957">
        <v>44</v>
      </c>
      <c r="Y41957">
        <v>45</v>
      </c>
      <c r="Z41957">
        <v>45</v>
      </c>
      <c r="AA41957">
        <v>45</v>
      </c>
      <c r="AB41957">
        <v>45</v>
      </c>
      <c r="AC41957">
        <v>46</v>
      </c>
      <c r="AD41957">
        <v>46</v>
      </c>
      <c r="AE41957">
        <v>46</v>
      </c>
      <c r="AF41957">
        <v>47</v>
      </c>
      <c r="AG41957">
        <v>47</v>
      </c>
      <c r="AH41957">
        <v>47</v>
      </c>
      <c r="AI41957">
        <v>47</v>
      </c>
      <c r="AJ41957">
        <v>47</v>
      </c>
      <c r="AK41957">
        <v>48</v>
      </c>
      <c r="AL41957">
        <v>48</v>
      </c>
      <c r="AM41957">
        <v>47</v>
      </c>
      <c r="AN41957">
        <v>47</v>
      </c>
      <c r="AO41957">
        <v>47</v>
      </c>
      <c r="AP41957">
        <v>47</v>
      </c>
      <c r="AQ41957">
        <v>47</v>
      </c>
    </row>
    <row r="41958" spans="1:43">
      <c r="A41958" t="s">
        <v>25791</v>
      </c>
      <c r="B41958" t="s">
        <v>25792</v>
      </c>
      <c r="C41958" t="s">
        <v>25241</v>
      </c>
      <c r="D41958" t="s">
        <v>25242</v>
      </c>
      <c r="E41958" t="s">
        <v>7278</v>
      </c>
      <c r="F41958" t="s">
        <v>7279</v>
      </c>
      <c r="G41958" t="s">
        <v>80</v>
      </c>
      <c r="H41958" t="s">
        <v>81</v>
      </c>
      <c r="I41958" s="2">
        <v>0</v>
      </c>
      <c r="J41958" s="2">
        <v>1</v>
      </c>
      <c r="K41958" s="2">
        <v>0</v>
      </c>
      <c r="L41958" t="s">
        <v>82</v>
      </c>
      <c r="M41958" t="s">
        <v>83</v>
      </c>
      <c r="N41958" t="s">
        <v>84</v>
      </c>
      <c r="O41958" t="s">
        <v>85</v>
      </c>
      <c r="P41958" t="s">
        <v>86</v>
      </c>
      <c r="Q41958">
        <v>39</v>
      </c>
      <c r="R41958">
        <v>40</v>
      </c>
      <c r="S41958">
        <v>40</v>
      </c>
      <c r="T41958">
        <v>40</v>
      </c>
      <c r="U41958">
        <v>41</v>
      </c>
      <c r="V41958">
        <v>41</v>
      </c>
      <c r="W41958">
        <v>41</v>
      </c>
      <c r="X41958">
        <v>42</v>
      </c>
      <c r="Y41958">
        <v>42</v>
      </c>
      <c r="Z41958">
        <v>42</v>
      </c>
      <c r="AA41958">
        <v>43</v>
      </c>
      <c r="AB41958">
        <v>43</v>
      </c>
      <c r="AC41958">
        <v>43</v>
      </c>
      <c r="AD41958">
        <v>44</v>
      </c>
      <c r="AE41958">
        <v>44</v>
      </c>
      <c r="AF41958">
        <v>44</v>
      </c>
      <c r="AG41958">
        <v>44</v>
      </c>
      <c r="AH41958">
        <v>44</v>
      </c>
      <c r="AI41958">
        <v>45</v>
      </c>
      <c r="AJ41958">
        <v>45</v>
      </c>
      <c r="AK41958">
        <v>45</v>
      </c>
      <c r="AL41958">
        <v>45</v>
      </c>
      <c r="AM41958">
        <v>45</v>
      </c>
      <c r="AN41958">
        <v>45</v>
      </c>
      <c r="AO41958">
        <v>44</v>
      </c>
      <c r="AP41958">
        <v>44</v>
      </c>
      <c r="AQ41958">
        <v>44</v>
      </c>
    </row>
    <row r="41959" spans="1:43">
      <c r="A41959" t="s">
        <v>25791</v>
      </c>
      <c r="B41959" t="s">
        <v>25792</v>
      </c>
      <c r="C41959" t="s">
        <v>25241</v>
      </c>
      <c r="D41959" t="s">
        <v>25242</v>
      </c>
      <c r="E41959" t="s">
        <v>7278</v>
      </c>
      <c r="F41959" t="s">
        <v>7279</v>
      </c>
      <c r="G41959" t="s">
        <v>80</v>
      </c>
      <c r="H41959" t="s">
        <v>81</v>
      </c>
      <c r="I41959" s="2">
        <v>0</v>
      </c>
      <c r="J41959" s="2">
        <v>1</v>
      </c>
      <c r="K41959" s="2">
        <v>0</v>
      </c>
      <c r="L41959" t="s">
        <v>82</v>
      </c>
      <c r="M41959" t="s">
        <v>87</v>
      </c>
      <c r="N41959" t="s">
        <v>88</v>
      </c>
      <c r="O41959" t="s">
        <v>85</v>
      </c>
      <c r="P41959" t="s">
        <v>86</v>
      </c>
      <c r="Q41959">
        <v>39</v>
      </c>
      <c r="R41959">
        <v>39</v>
      </c>
      <c r="S41959">
        <v>39</v>
      </c>
      <c r="T41959">
        <v>39</v>
      </c>
      <c r="U41959">
        <v>39</v>
      </c>
      <c r="V41959">
        <v>39</v>
      </c>
      <c r="W41959">
        <v>39</v>
      </c>
      <c r="X41959">
        <v>39</v>
      </c>
      <c r="Y41959">
        <v>39</v>
      </c>
      <c r="Z41959">
        <v>39</v>
      </c>
      <c r="AA41959">
        <v>39</v>
      </c>
      <c r="AB41959">
        <v>39</v>
      </c>
      <c r="AC41959">
        <v>39</v>
      </c>
      <c r="AD41959">
        <v>39</v>
      </c>
      <c r="AE41959">
        <v>39</v>
      </c>
      <c r="AF41959">
        <v>39</v>
      </c>
      <c r="AG41959">
        <v>39</v>
      </c>
      <c r="AH41959">
        <v>39</v>
      </c>
      <c r="AI41959">
        <v>39</v>
      </c>
      <c r="AJ41959">
        <v>38</v>
      </c>
      <c r="AK41959">
        <v>38</v>
      </c>
      <c r="AL41959">
        <v>38</v>
      </c>
      <c r="AM41959">
        <v>38</v>
      </c>
      <c r="AN41959">
        <v>38</v>
      </c>
      <c r="AO41959">
        <v>38</v>
      </c>
      <c r="AP41959">
        <v>38</v>
      </c>
      <c r="AQ41959">
        <v>38</v>
      </c>
    </row>
    <row r="41960" spans="1:43">
      <c r="A41960" t="s">
        <v>25791</v>
      </c>
      <c r="B41960" t="s">
        <v>25792</v>
      </c>
      <c r="C41960" t="s">
        <v>25241</v>
      </c>
      <c r="D41960" t="s">
        <v>25242</v>
      </c>
      <c r="E41960" t="s">
        <v>7278</v>
      </c>
      <c r="F41960" t="s">
        <v>7279</v>
      </c>
      <c r="G41960" t="s">
        <v>80</v>
      </c>
      <c r="H41960" t="s">
        <v>81</v>
      </c>
      <c r="I41960" s="2">
        <v>0</v>
      </c>
      <c r="J41960" s="2">
        <v>1</v>
      </c>
      <c r="K41960" s="2">
        <v>0</v>
      </c>
      <c r="L41960" t="s">
        <v>82</v>
      </c>
      <c r="M41960" t="s">
        <v>89</v>
      </c>
      <c r="N41960" t="s">
        <v>90</v>
      </c>
      <c r="O41960" t="s">
        <v>85</v>
      </c>
      <c r="P41960" t="s">
        <v>86</v>
      </c>
      <c r="Q41960">
        <v>39</v>
      </c>
      <c r="R41960">
        <v>39</v>
      </c>
      <c r="S41960">
        <v>40</v>
      </c>
      <c r="T41960">
        <v>41</v>
      </c>
      <c r="U41960">
        <v>41</v>
      </c>
      <c r="V41960">
        <v>42</v>
      </c>
      <c r="W41960">
        <v>43</v>
      </c>
      <c r="X41960">
        <v>43</v>
      </c>
      <c r="Y41960">
        <v>44</v>
      </c>
      <c r="Z41960">
        <v>44</v>
      </c>
      <c r="AA41960">
        <v>45</v>
      </c>
      <c r="AB41960">
        <v>45</v>
      </c>
      <c r="AC41960">
        <v>45</v>
      </c>
      <c r="AD41960">
        <v>46</v>
      </c>
      <c r="AE41960">
        <v>46</v>
      </c>
      <c r="AF41960">
        <v>46</v>
      </c>
      <c r="AG41960">
        <v>46</v>
      </c>
      <c r="AH41960">
        <v>45</v>
      </c>
      <c r="AI41960">
        <v>45</v>
      </c>
      <c r="AJ41960">
        <v>45</v>
      </c>
      <c r="AK41960">
        <v>45</v>
      </c>
      <c r="AL41960">
        <v>45</v>
      </c>
      <c r="AM41960">
        <v>44</v>
      </c>
      <c r="AN41960">
        <v>44</v>
      </c>
      <c r="AO41960">
        <v>44</v>
      </c>
      <c r="AP41960">
        <v>44</v>
      </c>
      <c r="AQ41960">
        <v>43</v>
      </c>
    </row>
    <row r="41961" spans="1:43">
      <c r="A41961" t="s">
        <v>25791</v>
      </c>
      <c r="B41961" t="s">
        <v>25792</v>
      </c>
      <c r="C41961" t="s">
        <v>25241</v>
      </c>
      <c r="D41961" t="s">
        <v>25242</v>
      </c>
      <c r="E41961" t="s">
        <v>7278</v>
      </c>
      <c r="F41961" t="s">
        <v>7279</v>
      </c>
      <c r="G41961" t="s">
        <v>80</v>
      </c>
      <c r="H41961" t="s">
        <v>81</v>
      </c>
      <c r="I41961" s="2">
        <v>0</v>
      </c>
      <c r="J41961" s="2">
        <v>1</v>
      </c>
      <c r="K41961" s="2">
        <v>0</v>
      </c>
      <c r="L41961" t="s">
        <v>82</v>
      </c>
      <c r="M41961" t="s">
        <v>83</v>
      </c>
      <c r="N41961" t="s">
        <v>91</v>
      </c>
      <c r="O41961" t="s">
        <v>85</v>
      </c>
      <c r="P41961" t="s">
        <v>86</v>
      </c>
      <c r="Q41961">
        <v>39</v>
      </c>
      <c r="R41961">
        <v>40</v>
      </c>
      <c r="S41961">
        <v>40</v>
      </c>
      <c r="T41961">
        <v>40</v>
      </c>
      <c r="U41961">
        <v>41</v>
      </c>
      <c r="V41961">
        <v>41</v>
      </c>
      <c r="W41961">
        <v>41</v>
      </c>
      <c r="X41961">
        <v>42</v>
      </c>
      <c r="Y41961">
        <v>42</v>
      </c>
      <c r="Z41961">
        <v>42</v>
      </c>
      <c r="AA41961">
        <v>43</v>
      </c>
      <c r="AB41961">
        <v>43</v>
      </c>
      <c r="AC41961">
        <v>43</v>
      </c>
      <c r="AD41961">
        <v>44</v>
      </c>
      <c r="AE41961">
        <v>44</v>
      </c>
      <c r="AF41961">
        <v>44</v>
      </c>
      <c r="AG41961">
        <v>44</v>
      </c>
      <c r="AH41961">
        <v>44</v>
      </c>
      <c r="AI41961">
        <v>45</v>
      </c>
      <c r="AJ41961">
        <v>45</v>
      </c>
      <c r="AK41961">
        <v>45</v>
      </c>
      <c r="AL41961">
        <v>45</v>
      </c>
      <c r="AM41961">
        <v>45</v>
      </c>
      <c r="AN41961">
        <v>45</v>
      </c>
      <c r="AO41961">
        <v>44</v>
      </c>
      <c r="AP41961">
        <v>44</v>
      </c>
      <c r="AQ41961">
        <v>44</v>
      </c>
    </row>
    <row r="41962" spans="1:43">
      <c r="A41962" t="s">
        <v>25793</v>
      </c>
      <c r="B41962" t="s">
        <v>25794</v>
      </c>
      <c r="C41962" t="s">
        <v>25241</v>
      </c>
      <c r="D41962" t="s">
        <v>25242</v>
      </c>
      <c r="E41962" t="s">
        <v>7278</v>
      </c>
      <c r="F41962" t="s">
        <v>7279</v>
      </c>
      <c r="G41962" t="s">
        <v>80</v>
      </c>
      <c r="H41962" t="s">
        <v>81</v>
      </c>
      <c r="I41962" s="2">
        <v>0</v>
      </c>
      <c r="J41962" s="2">
        <v>1</v>
      </c>
      <c r="K41962" s="2">
        <v>0</v>
      </c>
      <c r="L41962" t="s">
        <v>82</v>
      </c>
      <c r="M41962" t="s">
        <v>83</v>
      </c>
      <c r="N41962" t="s">
        <v>84</v>
      </c>
      <c r="O41962" t="s">
        <v>85</v>
      </c>
      <c r="P41962" t="s">
        <v>86</v>
      </c>
      <c r="Q41962">
        <v>0</v>
      </c>
      <c r="R41962">
        <v>0</v>
      </c>
      <c r="S41962">
        <v>0</v>
      </c>
      <c r="T41962">
        <v>0</v>
      </c>
      <c r="U41962">
        <v>0</v>
      </c>
      <c r="V41962">
        <v>0</v>
      </c>
      <c r="W41962">
        <v>0</v>
      </c>
      <c r="X41962">
        <v>0</v>
      </c>
      <c r="Y41962">
        <v>0</v>
      </c>
      <c r="Z41962">
        <v>0</v>
      </c>
      <c r="AA41962">
        <v>0</v>
      </c>
      <c r="AB41962">
        <v>0</v>
      </c>
      <c r="AC41962">
        <v>0</v>
      </c>
      <c r="AD41962">
        <v>0</v>
      </c>
      <c r="AE41962">
        <v>0</v>
      </c>
      <c r="AF41962">
        <v>0</v>
      </c>
      <c r="AG41962">
        <v>0</v>
      </c>
      <c r="AH41962">
        <v>0</v>
      </c>
      <c r="AI41962">
        <v>0</v>
      </c>
      <c r="AJ41962">
        <v>0</v>
      </c>
      <c r="AK41962">
        <v>0</v>
      </c>
      <c r="AL41962">
        <v>0</v>
      </c>
      <c r="AM41962">
        <v>0</v>
      </c>
      <c r="AN41962">
        <v>0</v>
      </c>
      <c r="AO41962">
        <v>0</v>
      </c>
      <c r="AP41962">
        <v>0</v>
      </c>
      <c r="AQ41962">
        <v>0</v>
      </c>
    </row>
    <row r="41963" spans="1:43">
      <c r="A41963" t="s">
        <v>25793</v>
      </c>
      <c r="B41963" t="s">
        <v>25794</v>
      </c>
      <c r="C41963" t="s">
        <v>25241</v>
      </c>
      <c r="D41963" t="s">
        <v>25242</v>
      </c>
      <c r="E41963" t="s">
        <v>7278</v>
      </c>
      <c r="F41963" t="s">
        <v>7279</v>
      </c>
      <c r="G41963" t="s">
        <v>80</v>
      </c>
      <c r="H41963" t="s">
        <v>81</v>
      </c>
      <c r="I41963" s="2">
        <v>0</v>
      </c>
      <c r="J41963" s="2">
        <v>1</v>
      </c>
      <c r="K41963" s="2">
        <v>0</v>
      </c>
      <c r="L41963" t="s">
        <v>82</v>
      </c>
      <c r="M41963" t="s">
        <v>87</v>
      </c>
      <c r="N41963" t="s">
        <v>88</v>
      </c>
      <c r="O41963" t="s">
        <v>85</v>
      </c>
      <c r="P41963" t="s">
        <v>86</v>
      </c>
      <c r="Q41963">
        <v>0</v>
      </c>
      <c r="R41963">
        <v>0</v>
      </c>
      <c r="S41963">
        <v>0</v>
      </c>
      <c r="T41963">
        <v>0</v>
      </c>
      <c r="U41963">
        <v>0</v>
      </c>
      <c r="V41963">
        <v>0</v>
      </c>
      <c r="W41963">
        <v>0</v>
      </c>
      <c r="X41963">
        <v>0</v>
      </c>
      <c r="Y41963">
        <v>0</v>
      </c>
      <c r="Z41963">
        <v>0</v>
      </c>
      <c r="AA41963">
        <v>0</v>
      </c>
      <c r="AB41963">
        <v>0</v>
      </c>
      <c r="AC41963">
        <v>0</v>
      </c>
      <c r="AD41963">
        <v>0</v>
      </c>
      <c r="AE41963">
        <v>0</v>
      </c>
      <c r="AF41963">
        <v>0</v>
      </c>
      <c r="AG41963">
        <v>0</v>
      </c>
      <c r="AH41963">
        <v>0</v>
      </c>
      <c r="AI41963">
        <v>0</v>
      </c>
      <c r="AJ41963">
        <v>0</v>
      </c>
      <c r="AK41963">
        <v>0</v>
      </c>
      <c r="AL41963">
        <v>0</v>
      </c>
      <c r="AM41963">
        <v>0</v>
      </c>
      <c r="AN41963">
        <v>0</v>
      </c>
      <c r="AO41963">
        <v>0</v>
      </c>
      <c r="AP41963">
        <v>0</v>
      </c>
      <c r="AQ41963">
        <v>0</v>
      </c>
    </row>
    <row r="41964" spans="1:43">
      <c r="A41964" t="s">
        <v>25793</v>
      </c>
      <c r="B41964" t="s">
        <v>25794</v>
      </c>
      <c r="C41964" t="s">
        <v>25241</v>
      </c>
      <c r="D41964" t="s">
        <v>25242</v>
      </c>
      <c r="E41964" t="s">
        <v>7278</v>
      </c>
      <c r="F41964" t="s">
        <v>7279</v>
      </c>
      <c r="G41964" t="s">
        <v>80</v>
      </c>
      <c r="H41964" t="s">
        <v>81</v>
      </c>
      <c r="I41964" s="2">
        <v>0</v>
      </c>
      <c r="J41964" s="2">
        <v>1</v>
      </c>
      <c r="K41964" s="2">
        <v>0</v>
      </c>
      <c r="L41964" t="s">
        <v>82</v>
      </c>
      <c r="M41964" t="s">
        <v>89</v>
      </c>
      <c r="N41964" t="s">
        <v>90</v>
      </c>
      <c r="O41964" t="s">
        <v>85</v>
      </c>
      <c r="P41964" t="s">
        <v>86</v>
      </c>
      <c r="Q41964">
        <v>0</v>
      </c>
      <c r="R41964">
        <v>0</v>
      </c>
      <c r="S41964">
        <v>0</v>
      </c>
      <c r="T41964">
        <v>0</v>
      </c>
      <c r="U41964">
        <v>0</v>
      </c>
      <c r="V41964">
        <v>0</v>
      </c>
      <c r="W41964">
        <v>0</v>
      </c>
      <c r="X41964">
        <v>0</v>
      </c>
      <c r="Y41964">
        <v>0</v>
      </c>
      <c r="Z41964">
        <v>0</v>
      </c>
      <c r="AA41964">
        <v>0</v>
      </c>
      <c r="AB41964">
        <v>0</v>
      </c>
      <c r="AC41964">
        <v>0</v>
      </c>
      <c r="AD41964">
        <v>0</v>
      </c>
      <c r="AE41964">
        <v>0</v>
      </c>
      <c r="AF41964">
        <v>0</v>
      </c>
      <c r="AG41964">
        <v>0</v>
      </c>
      <c r="AH41964">
        <v>0</v>
      </c>
      <c r="AI41964">
        <v>0</v>
      </c>
      <c r="AJ41964">
        <v>0</v>
      </c>
      <c r="AK41964">
        <v>0</v>
      </c>
      <c r="AL41964">
        <v>0</v>
      </c>
      <c r="AM41964">
        <v>0</v>
      </c>
      <c r="AN41964">
        <v>0</v>
      </c>
      <c r="AO41964">
        <v>0</v>
      </c>
      <c r="AP41964">
        <v>0</v>
      </c>
      <c r="AQ41964">
        <v>0</v>
      </c>
    </row>
    <row r="41965" spans="1:43">
      <c r="A41965" t="s">
        <v>25793</v>
      </c>
      <c r="B41965" t="s">
        <v>25794</v>
      </c>
      <c r="C41965" t="s">
        <v>25241</v>
      </c>
      <c r="D41965" t="s">
        <v>25242</v>
      </c>
      <c r="E41965" t="s">
        <v>7278</v>
      </c>
      <c r="F41965" t="s">
        <v>7279</v>
      </c>
      <c r="G41965" t="s">
        <v>80</v>
      </c>
      <c r="H41965" t="s">
        <v>81</v>
      </c>
      <c r="I41965" s="2">
        <v>0</v>
      </c>
      <c r="J41965" s="2">
        <v>1</v>
      </c>
      <c r="K41965" s="2">
        <v>0</v>
      </c>
      <c r="L41965" t="s">
        <v>82</v>
      </c>
      <c r="M41965" t="s">
        <v>83</v>
      </c>
      <c r="N41965" t="s">
        <v>91</v>
      </c>
      <c r="O41965" t="s">
        <v>85</v>
      </c>
      <c r="P41965" t="s">
        <v>86</v>
      </c>
      <c r="Q41965">
        <v>0</v>
      </c>
      <c r="R41965">
        <v>0</v>
      </c>
      <c r="S41965">
        <v>0</v>
      </c>
      <c r="T41965">
        <v>0</v>
      </c>
      <c r="U41965">
        <v>0</v>
      </c>
      <c r="V41965">
        <v>0</v>
      </c>
      <c r="W41965">
        <v>0</v>
      </c>
      <c r="X41965">
        <v>0</v>
      </c>
      <c r="Y41965">
        <v>0</v>
      </c>
      <c r="Z41965">
        <v>0</v>
      </c>
      <c r="AA41965">
        <v>0</v>
      </c>
      <c r="AB41965">
        <v>0</v>
      </c>
      <c r="AC41965">
        <v>0</v>
      </c>
      <c r="AD41965">
        <v>0</v>
      </c>
      <c r="AE41965">
        <v>0</v>
      </c>
      <c r="AF41965">
        <v>0</v>
      </c>
      <c r="AG41965">
        <v>0</v>
      </c>
      <c r="AH41965">
        <v>0</v>
      </c>
      <c r="AI41965">
        <v>0</v>
      </c>
      <c r="AJ41965">
        <v>0</v>
      </c>
      <c r="AK41965">
        <v>0</v>
      </c>
      <c r="AL41965">
        <v>0</v>
      </c>
      <c r="AM41965">
        <v>0</v>
      </c>
      <c r="AN41965">
        <v>0</v>
      </c>
      <c r="AO41965">
        <v>0</v>
      </c>
      <c r="AP41965">
        <v>0</v>
      </c>
      <c r="AQ41965">
        <v>0</v>
      </c>
    </row>
    <row r="41966" spans="1:43">
      <c r="A41966" t="s">
        <v>25795</v>
      </c>
      <c r="B41966" t="s">
        <v>25796</v>
      </c>
      <c r="C41966" t="s">
        <v>25241</v>
      </c>
      <c r="D41966" t="s">
        <v>25242</v>
      </c>
      <c r="E41966" t="s">
        <v>7278</v>
      </c>
      <c r="F41966" t="s">
        <v>7279</v>
      </c>
      <c r="G41966" t="s">
        <v>80</v>
      </c>
      <c r="H41966" t="s">
        <v>81</v>
      </c>
      <c r="I41966" s="2">
        <v>0</v>
      </c>
      <c r="J41966" s="2">
        <v>1</v>
      </c>
      <c r="K41966" s="2">
        <v>0</v>
      </c>
      <c r="L41966" t="s">
        <v>82</v>
      </c>
      <c r="M41966" t="s">
        <v>83</v>
      </c>
      <c r="N41966" t="s">
        <v>84</v>
      </c>
      <c r="O41966" t="s">
        <v>85</v>
      </c>
      <c r="P41966" t="s">
        <v>86</v>
      </c>
      <c r="Q41966">
        <v>11</v>
      </c>
      <c r="R41966">
        <v>11</v>
      </c>
      <c r="S41966">
        <v>11</v>
      </c>
      <c r="T41966">
        <v>11</v>
      </c>
      <c r="U41966">
        <v>11</v>
      </c>
      <c r="V41966">
        <v>11</v>
      </c>
      <c r="W41966">
        <v>11</v>
      </c>
      <c r="X41966">
        <v>11</v>
      </c>
      <c r="Y41966">
        <v>11</v>
      </c>
      <c r="Z41966">
        <v>11</v>
      </c>
      <c r="AA41966">
        <v>11</v>
      </c>
      <c r="AB41966">
        <v>12</v>
      </c>
      <c r="AC41966">
        <v>12</v>
      </c>
      <c r="AD41966">
        <v>12</v>
      </c>
      <c r="AE41966">
        <v>12</v>
      </c>
      <c r="AF41966">
        <v>12</v>
      </c>
      <c r="AG41966">
        <v>12</v>
      </c>
      <c r="AH41966">
        <v>12</v>
      </c>
      <c r="AI41966">
        <v>12</v>
      </c>
      <c r="AJ41966">
        <v>12</v>
      </c>
      <c r="AK41966">
        <v>12</v>
      </c>
      <c r="AL41966">
        <v>12</v>
      </c>
      <c r="AM41966">
        <v>12</v>
      </c>
      <c r="AN41966">
        <v>12</v>
      </c>
      <c r="AO41966">
        <v>12</v>
      </c>
      <c r="AP41966">
        <v>12</v>
      </c>
      <c r="AQ41966">
        <v>12</v>
      </c>
    </row>
    <row r="41967" spans="1:43">
      <c r="A41967" t="s">
        <v>25795</v>
      </c>
      <c r="B41967" t="s">
        <v>25796</v>
      </c>
      <c r="C41967" t="s">
        <v>25241</v>
      </c>
      <c r="D41967" t="s">
        <v>25242</v>
      </c>
      <c r="E41967" t="s">
        <v>7278</v>
      </c>
      <c r="F41967" t="s">
        <v>7279</v>
      </c>
      <c r="G41967" t="s">
        <v>80</v>
      </c>
      <c r="H41967" t="s">
        <v>81</v>
      </c>
      <c r="I41967" s="2">
        <v>0</v>
      </c>
      <c r="J41967" s="2">
        <v>1</v>
      </c>
      <c r="K41967" s="2">
        <v>0</v>
      </c>
      <c r="L41967" t="s">
        <v>82</v>
      </c>
      <c r="M41967" t="s">
        <v>87</v>
      </c>
      <c r="N41967" t="s">
        <v>88</v>
      </c>
      <c r="O41967" t="s">
        <v>85</v>
      </c>
      <c r="P41967" t="s">
        <v>86</v>
      </c>
      <c r="Q41967">
        <v>11</v>
      </c>
      <c r="R41967">
        <v>11</v>
      </c>
      <c r="S41967">
        <v>11</v>
      </c>
      <c r="T41967">
        <v>11</v>
      </c>
      <c r="U41967">
        <v>11</v>
      </c>
      <c r="V41967">
        <v>11</v>
      </c>
      <c r="W41967">
        <v>11</v>
      </c>
      <c r="X41967">
        <v>11</v>
      </c>
      <c r="Y41967">
        <v>11</v>
      </c>
      <c r="Z41967">
        <v>11</v>
      </c>
      <c r="AA41967">
        <v>11</v>
      </c>
      <c r="AB41967">
        <v>11</v>
      </c>
      <c r="AC41967">
        <v>11</v>
      </c>
      <c r="AD41967">
        <v>11</v>
      </c>
      <c r="AE41967">
        <v>11</v>
      </c>
      <c r="AF41967">
        <v>11</v>
      </c>
      <c r="AG41967">
        <v>11</v>
      </c>
      <c r="AH41967">
        <v>11</v>
      </c>
      <c r="AI41967">
        <v>11</v>
      </c>
      <c r="AJ41967">
        <v>11</v>
      </c>
      <c r="AK41967">
        <v>11</v>
      </c>
      <c r="AL41967">
        <v>11</v>
      </c>
      <c r="AM41967">
        <v>11</v>
      </c>
      <c r="AN41967">
        <v>11</v>
      </c>
      <c r="AO41967">
        <v>11</v>
      </c>
      <c r="AP41967">
        <v>11</v>
      </c>
      <c r="AQ41967">
        <v>11</v>
      </c>
    </row>
    <row r="41968" spans="1:43">
      <c r="A41968" t="s">
        <v>25795</v>
      </c>
      <c r="B41968" t="s">
        <v>25796</v>
      </c>
      <c r="C41968" t="s">
        <v>25241</v>
      </c>
      <c r="D41968" t="s">
        <v>25242</v>
      </c>
      <c r="E41968" t="s">
        <v>7278</v>
      </c>
      <c r="F41968" t="s">
        <v>7279</v>
      </c>
      <c r="G41968" t="s">
        <v>80</v>
      </c>
      <c r="H41968" t="s">
        <v>81</v>
      </c>
      <c r="I41968" s="2">
        <v>0</v>
      </c>
      <c r="J41968" s="2">
        <v>1</v>
      </c>
      <c r="K41968" s="2">
        <v>0</v>
      </c>
      <c r="L41968" t="s">
        <v>82</v>
      </c>
      <c r="M41968" t="s">
        <v>89</v>
      </c>
      <c r="N41968" t="s">
        <v>90</v>
      </c>
      <c r="O41968" t="s">
        <v>85</v>
      </c>
      <c r="P41968" t="s">
        <v>86</v>
      </c>
      <c r="Q41968">
        <v>11</v>
      </c>
      <c r="R41968">
        <v>11</v>
      </c>
      <c r="S41968">
        <v>11</v>
      </c>
      <c r="T41968">
        <v>11</v>
      </c>
      <c r="U41968">
        <v>11</v>
      </c>
      <c r="V41968">
        <v>12</v>
      </c>
      <c r="W41968">
        <v>12</v>
      </c>
      <c r="X41968">
        <v>12</v>
      </c>
      <c r="Y41968">
        <v>12</v>
      </c>
      <c r="Z41968">
        <v>12</v>
      </c>
      <c r="AA41968">
        <v>12</v>
      </c>
      <c r="AB41968">
        <v>12</v>
      </c>
      <c r="AC41968">
        <v>12</v>
      </c>
      <c r="AD41968">
        <v>13</v>
      </c>
      <c r="AE41968">
        <v>13</v>
      </c>
      <c r="AF41968">
        <v>13</v>
      </c>
      <c r="AG41968">
        <v>12</v>
      </c>
      <c r="AH41968">
        <v>12</v>
      </c>
      <c r="AI41968">
        <v>12</v>
      </c>
      <c r="AJ41968">
        <v>12</v>
      </c>
      <c r="AK41968">
        <v>12</v>
      </c>
      <c r="AL41968">
        <v>12</v>
      </c>
      <c r="AM41968">
        <v>12</v>
      </c>
      <c r="AN41968">
        <v>12</v>
      </c>
      <c r="AO41968">
        <v>12</v>
      </c>
      <c r="AP41968">
        <v>12</v>
      </c>
      <c r="AQ41968">
        <v>12</v>
      </c>
    </row>
    <row r="41969" spans="1:43">
      <c r="A41969" t="s">
        <v>25795</v>
      </c>
      <c r="B41969" t="s">
        <v>25796</v>
      </c>
      <c r="C41969" t="s">
        <v>25241</v>
      </c>
      <c r="D41969" t="s">
        <v>25242</v>
      </c>
      <c r="E41969" t="s">
        <v>7278</v>
      </c>
      <c r="F41969" t="s">
        <v>7279</v>
      </c>
      <c r="G41969" t="s">
        <v>80</v>
      </c>
      <c r="H41969" t="s">
        <v>81</v>
      </c>
      <c r="I41969" s="2">
        <v>0</v>
      </c>
      <c r="J41969" s="2">
        <v>1</v>
      </c>
      <c r="K41969" s="2">
        <v>0</v>
      </c>
      <c r="L41969" t="s">
        <v>82</v>
      </c>
      <c r="M41969" t="s">
        <v>83</v>
      </c>
      <c r="N41969" t="s">
        <v>91</v>
      </c>
      <c r="O41969" t="s">
        <v>85</v>
      </c>
      <c r="P41969" t="s">
        <v>86</v>
      </c>
      <c r="Q41969">
        <v>11</v>
      </c>
      <c r="R41969">
        <v>11</v>
      </c>
      <c r="S41969">
        <v>11</v>
      </c>
      <c r="T41969">
        <v>11</v>
      </c>
      <c r="U41969">
        <v>11</v>
      </c>
      <c r="V41969">
        <v>11</v>
      </c>
      <c r="W41969">
        <v>11</v>
      </c>
      <c r="X41969">
        <v>11</v>
      </c>
      <c r="Y41969">
        <v>11</v>
      </c>
      <c r="Z41969">
        <v>11</v>
      </c>
      <c r="AA41969">
        <v>11</v>
      </c>
      <c r="AB41969">
        <v>12</v>
      </c>
      <c r="AC41969">
        <v>12</v>
      </c>
      <c r="AD41969">
        <v>12</v>
      </c>
      <c r="AE41969">
        <v>12</v>
      </c>
      <c r="AF41969">
        <v>12</v>
      </c>
      <c r="AG41969">
        <v>12</v>
      </c>
      <c r="AH41969">
        <v>12</v>
      </c>
      <c r="AI41969">
        <v>12</v>
      </c>
      <c r="AJ41969">
        <v>12</v>
      </c>
      <c r="AK41969">
        <v>12</v>
      </c>
      <c r="AL41969">
        <v>12</v>
      </c>
      <c r="AM41969">
        <v>12</v>
      </c>
      <c r="AN41969">
        <v>12</v>
      </c>
      <c r="AO41969">
        <v>12</v>
      </c>
      <c r="AP41969">
        <v>12</v>
      </c>
      <c r="AQ41969">
        <v>12</v>
      </c>
    </row>
    <row r="41970" spans="1:43">
      <c r="A41970" t="s">
        <v>25797</v>
      </c>
      <c r="B41970" t="s">
        <v>25798</v>
      </c>
      <c r="C41970" t="s">
        <v>25241</v>
      </c>
      <c r="D41970" t="s">
        <v>25242</v>
      </c>
      <c r="E41970" t="s">
        <v>7278</v>
      </c>
      <c r="F41970" t="s">
        <v>7279</v>
      </c>
      <c r="G41970" t="s">
        <v>80</v>
      </c>
      <c r="H41970" t="s">
        <v>81</v>
      </c>
      <c r="I41970" s="2">
        <v>0</v>
      </c>
      <c r="J41970" s="2">
        <v>1</v>
      </c>
      <c r="K41970" s="2">
        <v>0</v>
      </c>
      <c r="L41970" t="s">
        <v>82</v>
      </c>
      <c r="M41970" t="s">
        <v>83</v>
      </c>
      <c r="N41970" t="s">
        <v>84</v>
      </c>
      <c r="O41970" t="s">
        <v>85</v>
      </c>
      <c r="P41970" t="s">
        <v>86</v>
      </c>
      <c r="Q41970">
        <v>0</v>
      </c>
      <c r="R41970">
        <v>0</v>
      </c>
      <c r="S41970">
        <v>0</v>
      </c>
      <c r="T41970">
        <v>0</v>
      </c>
      <c r="U41970">
        <v>0</v>
      </c>
      <c r="V41970">
        <v>0</v>
      </c>
      <c r="W41970">
        <v>0</v>
      </c>
      <c r="X41970">
        <v>0</v>
      </c>
      <c r="Y41970">
        <v>0</v>
      </c>
      <c r="Z41970">
        <v>0</v>
      </c>
      <c r="AA41970">
        <v>0</v>
      </c>
      <c r="AB41970">
        <v>0</v>
      </c>
      <c r="AC41970">
        <v>0</v>
      </c>
      <c r="AD41970">
        <v>0</v>
      </c>
      <c r="AE41970">
        <v>0</v>
      </c>
      <c r="AF41970">
        <v>0</v>
      </c>
      <c r="AG41970">
        <v>0</v>
      </c>
      <c r="AH41970">
        <v>0</v>
      </c>
      <c r="AI41970">
        <v>0</v>
      </c>
      <c r="AJ41970">
        <v>0</v>
      </c>
      <c r="AK41970">
        <v>0</v>
      </c>
      <c r="AL41970">
        <v>0</v>
      </c>
      <c r="AM41970">
        <v>0</v>
      </c>
      <c r="AN41970">
        <v>0</v>
      </c>
      <c r="AO41970">
        <v>0</v>
      </c>
      <c r="AP41970">
        <v>0</v>
      </c>
      <c r="AQ41970">
        <v>0</v>
      </c>
    </row>
    <row r="41971" spans="1:43">
      <c r="A41971" t="s">
        <v>25797</v>
      </c>
      <c r="B41971" t="s">
        <v>25798</v>
      </c>
      <c r="C41971" t="s">
        <v>25241</v>
      </c>
      <c r="D41971" t="s">
        <v>25242</v>
      </c>
      <c r="E41971" t="s">
        <v>7278</v>
      </c>
      <c r="F41971" t="s">
        <v>7279</v>
      </c>
      <c r="G41971" t="s">
        <v>80</v>
      </c>
      <c r="H41971" t="s">
        <v>81</v>
      </c>
      <c r="I41971" s="2">
        <v>0</v>
      </c>
      <c r="J41971" s="2">
        <v>1</v>
      </c>
      <c r="K41971" s="2">
        <v>0</v>
      </c>
      <c r="L41971" t="s">
        <v>82</v>
      </c>
      <c r="M41971" t="s">
        <v>87</v>
      </c>
      <c r="N41971" t="s">
        <v>88</v>
      </c>
      <c r="O41971" t="s">
        <v>85</v>
      </c>
      <c r="P41971" t="s">
        <v>86</v>
      </c>
      <c r="Q41971">
        <v>0</v>
      </c>
      <c r="R41971">
        <v>0</v>
      </c>
      <c r="S41971">
        <v>0</v>
      </c>
      <c r="T41971">
        <v>0</v>
      </c>
      <c r="U41971">
        <v>0</v>
      </c>
      <c r="V41971">
        <v>0</v>
      </c>
      <c r="W41971">
        <v>0</v>
      </c>
      <c r="X41971">
        <v>0</v>
      </c>
      <c r="Y41971">
        <v>0</v>
      </c>
      <c r="Z41971">
        <v>0</v>
      </c>
      <c r="AA41971">
        <v>0</v>
      </c>
      <c r="AB41971">
        <v>0</v>
      </c>
      <c r="AC41971">
        <v>0</v>
      </c>
      <c r="AD41971">
        <v>0</v>
      </c>
      <c r="AE41971">
        <v>0</v>
      </c>
      <c r="AF41971">
        <v>0</v>
      </c>
      <c r="AG41971">
        <v>0</v>
      </c>
      <c r="AH41971">
        <v>0</v>
      </c>
      <c r="AI41971">
        <v>0</v>
      </c>
      <c r="AJ41971">
        <v>0</v>
      </c>
      <c r="AK41971">
        <v>0</v>
      </c>
      <c r="AL41971">
        <v>0</v>
      </c>
      <c r="AM41971">
        <v>0</v>
      </c>
      <c r="AN41971">
        <v>0</v>
      </c>
      <c r="AO41971">
        <v>0</v>
      </c>
      <c r="AP41971">
        <v>0</v>
      </c>
      <c r="AQ41971">
        <v>0</v>
      </c>
    </row>
    <row r="41972" spans="1:43">
      <c r="A41972" t="s">
        <v>25797</v>
      </c>
      <c r="B41972" t="s">
        <v>25798</v>
      </c>
      <c r="C41972" t="s">
        <v>25241</v>
      </c>
      <c r="D41972" t="s">
        <v>25242</v>
      </c>
      <c r="E41972" t="s">
        <v>7278</v>
      </c>
      <c r="F41972" t="s">
        <v>7279</v>
      </c>
      <c r="G41972" t="s">
        <v>80</v>
      </c>
      <c r="H41972" t="s">
        <v>81</v>
      </c>
      <c r="I41972" s="2">
        <v>0</v>
      </c>
      <c r="J41972" s="2">
        <v>1</v>
      </c>
      <c r="K41972" s="2">
        <v>0</v>
      </c>
      <c r="L41972" t="s">
        <v>82</v>
      </c>
      <c r="M41972" t="s">
        <v>89</v>
      </c>
      <c r="N41972" t="s">
        <v>90</v>
      </c>
      <c r="O41972" t="s">
        <v>85</v>
      </c>
      <c r="P41972" t="s">
        <v>86</v>
      </c>
      <c r="Q41972">
        <v>0</v>
      </c>
      <c r="R41972">
        <v>0</v>
      </c>
      <c r="S41972">
        <v>0</v>
      </c>
      <c r="T41972">
        <v>0</v>
      </c>
      <c r="U41972">
        <v>0</v>
      </c>
      <c r="V41972">
        <v>0</v>
      </c>
      <c r="W41972">
        <v>0</v>
      </c>
      <c r="X41972">
        <v>0</v>
      </c>
      <c r="Y41972">
        <v>0</v>
      </c>
      <c r="Z41972">
        <v>0</v>
      </c>
      <c r="AA41972">
        <v>0</v>
      </c>
      <c r="AB41972">
        <v>0</v>
      </c>
      <c r="AC41972">
        <v>0</v>
      </c>
      <c r="AD41972">
        <v>0</v>
      </c>
      <c r="AE41972">
        <v>0</v>
      </c>
      <c r="AF41972">
        <v>0</v>
      </c>
      <c r="AG41972">
        <v>0</v>
      </c>
      <c r="AH41972">
        <v>0</v>
      </c>
      <c r="AI41972">
        <v>0</v>
      </c>
      <c r="AJ41972">
        <v>0</v>
      </c>
      <c r="AK41972">
        <v>0</v>
      </c>
      <c r="AL41972">
        <v>0</v>
      </c>
      <c r="AM41972">
        <v>0</v>
      </c>
      <c r="AN41972">
        <v>0</v>
      </c>
      <c r="AO41972">
        <v>0</v>
      </c>
      <c r="AP41972">
        <v>0</v>
      </c>
      <c r="AQ41972">
        <v>0</v>
      </c>
    </row>
    <row r="41973" spans="1:43">
      <c r="A41973" t="s">
        <v>25797</v>
      </c>
      <c r="B41973" t="s">
        <v>25798</v>
      </c>
      <c r="C41973" t="s">
        <v>25241</v>
      </c>
      <c r="D41973" t="s">
        <v>25242</v>
      </c>
      <c r="E41973" t="s">
        <v>7278</v>
      </c>
      <c r="F41973" t="s">
        <v>7279</v>
      </c>
      <c r="G41973" t="s">
        <v>80</v>
      </c>
      <c r="H41973" t="s">
        <v>81</v>
      </c>
      <c r="I41973" s="2">
        <v>0</v>
      </c>
      <c r="J41973" s="2">
        <v>1</v>
      </c>
      <c r="K41973" s="2">
        <v>0</v>
      </c>
      <c r="L41973" t="s">
        <v>82</v>
      </c>
      <c r="M41973" t="s">
        <v>83</v>
      </c>
      <c r="N41973" t="s">
        <v>91</v>
      </c>
      <c r="O41973" t="s">
        <v>85</v>
      </c>
      <c r="P41973" t="s">
        <v>86</v>
      </c>
      <c r="Q41973">
        <v>0</v>
      </c>
      <c r="R41973">
        <v>0</v>
      </c>
      <c r="S41973">
        <v>0</v>
      </c>
      <c r="T41973">
        <v>0</v>
      </c>
      <c r="U41973">
        <v>0</v>
      </c>
      <c r="V41973">
        <v>0</v>
      </c>
      <c r="W41973">
        <v>0</v>
      </c>
      <c r="X41973">
        <v>0</v>
      </c>
      <c r="Y41973">
        <v>0</v>
      </c>
      <c r="Z41973">
        <v>0</v>
      </c>
      <c r="AA41973">
        <v>0</v>
      </c>
      <c r="AB41973">
        <v>0</v>
      </c>
      <c r="AC41973">
        <v>0</v>
      </c>
      <c r="AD41973">
        <v>0</v>
      </c>
      <c r="AE41973">
        <v>0</v>
      </c>
      <c r="AF41973">
        <v>0</v>
      </c>
      <c r="AG41973">
        <v>0</v>
      </c>
      <c r="AH41973">
        <v>0</v>
      </c>
      <c r="AI41973">
        <v>0</v>
      </c>
      <c r="AJ41973">
        <v>0</v>
      </c>
      <c r="AK41973">
        <v>0</v>
      </c>
      <c r="AL41973">
        <v>0</v>
      </c>
      <c r="AM41973">
        <v>0</v>
      </c>
      <c r="AN41973">
        <v>0</v>
      </c>
      <c r="AO41973">
        <v>0</v>
      </c>
      <c r="AP41973">
        <v>0</v>
      </c>
      <c r="AQ41973">
        <v>0</v>
      </c>
    </row>
    <row r="41974" spans="1:43">
      <c r="A41974" t="s">
        <v>25799</v>
      </c>
      <c r="B41974" t="s">
        <v>25800</v>
      </c>
      <c r="C41974" t="s">
        <v>25241</v>
      </c>
      <c r="D41974" t="s">
        <v>25242</v>
      </c>
      <c r="E41974" t="s">
        <v>7278</v>
      </c>
      <c r="F41974" t="s">
        <v>7279</v>
      </c>
      <c r="G41974" t="s">
        <v>80</v>
      </c>
      <c r="H41974" t="s">
        <v>81</v>
      </c>
      <c r="I41974" s="2">
        <v>0</v>
      </c>
      <c r="J41974" s="2">
        <v>1</v>
      </c>
      <c r="K41974" s="2">
        <v>0</v>
      </c>
      <c r="L41974" t="s">
        <v>82</v>
      </c>
      <c r="M41974" t="s">
        <v>83</v>
      </c>
      <c r="N41974" t="s">
        <v>84</v>
      </c>
      <c r="O41974" t="s">
        <v>85</v>
      </c>
      <c r="P41974" t="s">
        <v>86</v>
      </c>
      <c r="Q41974">
        <v>42</v>
      </c>
      <c r="R41974">
        <v>42</v>
      </c>
      <c r="S41974">
        <v>43</v>
      </c>
      <c r="T41974">
        <v>43</v>
      </c>
      <c r="U41974">
        <v>44</v>
      </c>
      <c r="V41974">
        <v>44</v>
      </c>
      <c r="W41974">
        <v>44</v>
      </c>
      <c r="X41974">
        <v>45</v>
      </c>
      <c r="Y41974">
        <v>45</v>
      </c>
      <c r="Z41974">
        <v>45</v>
      </c>
      <c r="AA41974">
        <v>46</v>
      </c>
      <c r="AB41974">
        <v>46</v>
      </c>
      <c r="AC41974">
        <v>46</v>
      </c>
      <c r="AD41974">
        <v>46</v>
      </c>
      <c r="AE41974">
        <v>47</v>
      </c>
      <c r="AF41974">
        <v>47</v>
      </c>
      <c r="AG41974">
        <v>47</v>
      </c>
      <c r="AH41974">
        <v>47</v>
      </c>
      <c r="AI41974">
        <v>48</v>
      </c>
      <c r="AJ41974">
        <v>48</v>
      </c>
      <c r="AK41974">
        <v>48</v>
      </c>
      <c r="AL41974">
        <v>48</v>
      </c>
      <c r="AM41974">
        <v>48</v>
      </c>
      <c r="AN41974">
        <v>48</v>
      </c>
      <c r="AO41974">
        <v>47</v>
      </c>
      <c r="AP41974">
        <v>47</v>
      </c>
      <c r="AQ41974">
        <v>47</v>
      </c>
    </row>
    <row r="41975" spans="1:43">
      <c r="A41975" t="s">
        <v>25799</v>
      </c>
      <c r="B41975" t="s">
        <v>25800</v>
      </c>
      <c r="C41975" t="s">
        <v>25241</v>
      </c>
      <c r="D41975" t="s">
        <v>25242</v>
      </c>
      <c r="E41975" t="s">
        <v>7278</v>
      </c>
      <c r="F41975" t="s">
        <v>7279</v>
      </c>
      <c r="G41975" t="s">
        <v>80</v>
      </c>
      <c r="H41975" t="s">
        <v>81</v>
      </c>
      <c r="I41975" s="2">
        <v>0</v>
      </c>
      <c r="J41975" s="2">
        <v>1</v>
      </c>
      <c r="K41975" s="2">
        <v>0</v>
      </c>
      <c r="L41975" t="s">
        <v>82</v>
      </c>
      <c r="M41975" t="s">
        <v>87</v>
      </c>
      <c r="N41975" t="s">
        <v>88</v>
      </c>
      <c r="O41975" t="s">
        <v>85</v>
      </c>
      <c r="P41975" t="s">
        <v>86</v>
      </c>
      <c r="Q41975">
        <v>42</v>
      </c>
      <c r="R41975">
        <v>42</v>
      </c>
      <c r="S41975">
        <v>42</v>
      </c>
      <c r="T41975">
        <v>42</v>
      </c>
      <c r="U41975">
        <v>42</v>
      </c>
      <c r="V41975">
        <v>42</v>
      </c>
      <c r="W41975">
        <v>42</v>
      </c>
      <c r="X41975">
        <v>42</v>
      </c>
      <c r="Y41975">
        <v>42</v>
      </c>
      <c r="Z41975">
        <v>42</v>
      </c>
      <c r="AA41975">
        <v>42</v>
      </c>
      <c r="AB41975">
        <v>41</v>
      </c>
      <c r="AC41975">
        <v>41</v>
      </c>
      <c r="AD41975">
        <v>41</v>
      </c>
      <c r="AE41975">
        <v>41</v>
      </c>
      <c r="AF41975">
        <v>41</v>
      </c>
      <c r="AG41975">
        <v>41</v>
      </c>
      <c r="AH41975">
        <v>41</v>
      </c>
      <c r="AI41975">
        <v>41</v>
      </c>
      <c r="AJ41975">
        <v>41</v>
      </c>
      <c r="AK41975">
        <v>41</v>
      </c>
      <c r="AL41975">
        <v>41</v>
      </c>
      <c r="AM41975">
        <v>41</v>
      </c>
      <c r="AN41975">
        <v>41</v>
      </c>
      <c r="AO41975">
        <v>41</v>
      </c>
      <c r="AP41975">
        <v>41</v>
      </c>
      <c r="AQ41975">
        <v>41</v>
      </c>
    </row>
    <row r="41976" spans="1:43">
      <c r="A41976" t="s">
        <v>25799</v>
      </c>
      <c r="B41976" t="s">
        <v>25800</v>
      </c>
      <c r="C41976" t="s">
        <v>25241</v>
      </c>
      <c r="D41976" t="s">
        <v>25242</v>
      </c>
      <c r="E41976" t="s">
        <v>7278</v>
      </c>
      <c r="F41976" t="s">
        <v>7279</v>
      </c>
      <c r="G41976" t="s">
        <v>80</v>
      </c>
      <c r="H41976" t="s">
        <v>81</v>
      </c>
      <c r="I41976" s="2">
        <v>0</v>
      </c>
      <c r="J41976" s="2">
        <v>1</v>
      </c>
      <c r="K41976" s="2">
        <v>0</v>
      </c>
      <c r="L41976" t="s">
        <v>82</v>
      </c>
      <c r="M41976" t="s">
        <v>89</v>
      </c>
      <c r="N41976" t="s">
        <v>90</v>
      </c>
      <c r="O41976" t="s">
        <v>85</v>
      </c>
      <c r="P41976" t="s">
        <v>86</v>
      </c>
      <c r="Q41976">
        <v>42</v>
      </c>
      <c r="R41976">
        <v>43</v>
      </c>
      <c r="S41976">
        <v>44</v>
      </c>
      <c r="T41976">
        <v>45</v>
      </c>
      <c r="U41976">
        <v>45</v>
      </c>
      <c r="V41976">
        <v>46</v>
      </c>
      <c r="W41976">
        <v>47</v>
      </c>
      <c r="X41976">
        <v>47</v>
      </c>
      <c r="Y41976">
        <v>48</v>
      </c>
      <c r="Z41976">
        <v>48</v>
      </c>
      <c r="AA41976">
        <v>49</v>
      </c>
      <c r="AB41976">
        <v>49</v>
      </c>
      <c r="AC41976">
        <v>50</v>
      </c>
      <c r="AD41976">
        <v>50</v>
      </c>
      <c r="AE41976">
        <v>50</v>
      </c>
      <c r="AF41976">
        <v>50</v>
      </c>
      <c r="AG41976">
        <v>50</v>
      </c>
      <c r="AH41976">
        <v>49</v>
      </c>
      <c r="AI41976">
        <v>49</v>
      </c>
      <c r="AJ41976">
        <v>49</v>
      </c>
      <c r="AK41976">
        <v>49</v>
      </c>
      <c r="AL41976">
        <v>49</v>
      </c>
      <c r="AM41976">
        <v>48</v>
      </c>
      <c r="AN41976">
        <v>48</v>
      </c>
      <c r="AO41976">
        <v>48</v>
      </c>
      <c r="AP41976">
        <v>48</v>
      </c>
      <c r="AQ41976">
        <v>47</v>
      </c>
    </row>
    <row r="41977" spans="1:43">
      <c r="A41977" t="s">
        <v>25799</v>
      </c>
      <c r="B41977" t="s">
        <v>25800</v>
      </c>
      <c r="C41977" t="s">
        <v>25241</v>
      </c>
      <c r="D41977" t="s">
        <v>25242</v>
      </c>
      <c r="E41977" t="s">
        <v>7278</v>
      </c>
      <c r="F41977" t="s">
        <v>7279</v>
      </c>
      <c r="G41977" t="s">
        <v>80</v>
      </c>
      <c r="H41977" t="s">
        <v>81</v>
      </c>
      <c r="I41977" s="2">
        <v>0</v>
      </c>
      <c r="J41977" s="2">
        <v>1</v>
      </c>
      <c r="K41977" s="2">
        <v>0</v>
      </c>
      <c r="L41977" t="s">
        <v>82</v>
      </c>
      <c r="M41977" t="s">
        <v>83</v>
      </c>
      <c r="N41977" t="s">
        <v>91</v>
      </c>
      <c r="O41977" t="s">
        <v>85</v>
      </c>
      <c r="P41977" t="s">
        <v>86</v>
      </c>
      <c r="Q41977">
        <v>42</v>
      </c>
      <c r="R41977">
        <v>42</v>
      </c>
      <c r="S41977">
        <v>43</v>
      </c>
      <c r="T41977">
        <v>43</v>
      </c>
      <c r="U41977">
        <v>44</v>
      </c>
      <c r="V41977">
        <v>44</v>
      </c>
      <c r="W41977">
        <v>44</v>
      </c>
      <c r="X41977">
        <v>45</v>
      </c>
      <c r="Y41977">
        <v>45</v>
      </c>
      <c r="Z41977">
        <v>45</v>
      </c>
      <c r="AA41977">
        <v>46</v>
      </c>
      <c r="AB41977">
        <v>46</v>
      </c>
      <c r="AC41977">
        <v>46</v>
      </c>
      <c r="AD41977">
        <v>46</v>
      </c>
      <c r="AE41977">
        <v>47</v>
      </c>
      <c r="AF41977">
        <v>47</v>
      </c>
      <c r="AG41977">
        <v>47</v>
      </c>
      <c r="AH41977">
        <v>47</v>
      </c>
      <c r="AI41977">
        <v>48</v>
      </c>
      <c r="AJ41977">
        <v>48</v>
      </c>
      <c r="AK41977">
        <v>48</v>
      </c>
      <c r="AL41977">
        <v>48</v>
      </c>
      <c r="AM41977">
        <v>48</v>
      </c>
      <c r="AN41977">
        <v>48</v>
      </c>
      <c r="AO41977">
        <v>47</v>
      </c>
      <c r="AP41977">
        <v>47</v>
      </c>
      <c r="AQ41977">
        <v>47</v>
      </c>
    </row>
    <row r="41978" spans="1:43">
      <c r="A41978" t="s">
        <v>25801</v>
      </c>
      <c r="B41978" t="s">
        <v>25802</v>
      </c>
      <c r="C41978" t="s">
        <v>25241</v>
      </c>
      <c r="D41978" t="s">
        <v>25242</v>
      </c>
      <c r="E41978" t="s">
        <v>7278</v>
      </c>
      <c r="F41978" t="s">
        <v>7279</v>
      </c>
      <c r="G41978" t="s">
        <v>80</v>
      </c>
      <c r="H41978" t="s">
        <v>81</v>
      </c>
      <c r="I41978" s="2">
        <v>0</v>
      </c>
      <c r="J41978" s="2">
        <v>1</v>
      </c>
      <c r="K41978" s="2">
        <v>0</v>
      </c>
      <c r="L41978" t="s">
        <v>82</v>
      </c>
      <c r="M41978" t="s">
        <v>83</v>
      </c>
      <c r="N41978" t="s">
        <v>84</v>
      </c>
      <c r="O41978" t="s">
        <v>85</v>
      </c>
      <c r="P41978" t="s">
        <v>86</v>
      </c>
      <c r="Q41978">
        <v>0</v>
      </c>
      <c r="R41978">
        <v>0</v>
      </c>
      <c r="S41978">
        <v>0</v>
      </c>
      <c r="T41978">
        <v>0</v>
      </c>
      <c r="U41978">
        <v>0</v>
      </c>
      <c r="V41978">
        <v>0</v>
      </c>
      <c r="W41978">
        <v>0</v>
      </c>
      <c r="X41978">
        <v>0</v>
      </c>
      <c r="Y41978">
        <v>0</v>
      </c>
      <c r="Z41978">
        <v>0</v>
      </c>
      <c r="AA41978">
        <v>0</v>
      </c>
      <c r="AB41978">
        <v>0</v>
      </c>
      <c r="AC41978">
        <v>0</v>
      </c>
      <c r="AD41978">
        <v>0</v>
      </c>
      <c r="AE41978">
        <v>0</v>
      </c>
      <c r="AF41978">
        <v>0</v>
      </c>
      <c r="AG41978">
        <v>0</v>
      </c>
      <c r="AH41978">
        <v>0</v>
      </c>
      <c r="AI41978">
        <v>0</v>
      </c>
      <c r="AJ41978">
        <v>0</v>
      </c>
      <c r="AK41978">
        <v>0</v>
      </c>
      <c r="AL41978">
        <v>0</v>
      </c>
      <c r="AM41978">
        <v>0</v>
      </c>
      <c r="AN41978">
        <v>0</v>
      </c>
      <c r="AO41978">
        <v>0</v>
      </c>
      <c r="AP41978">
        <v>0</v>
      </c>
      <c r="AQ41978">
        <v>0</v>
      </c>
    </row>
    <row r="41979" spans="1:43">
      <c r="A41979" t="s">
        <v>25801</v>
      </c>
      <c r="B41979" t="s">
        <v>25802</v>
      </c>
      <c r="C41979" t="s">
        <v>25241</v>
      </c>
      <c r="D41979" t="s">
        <v>25242</v>
      </c>
      <c r="E41979" t="s">
        <v>7278</v>
      </c>
      <c r="F41979" t="s">
        <v>7279</v>
      </c>
      <c r="G41979" t="s">
        <v>80</v>
      </c>
      <c r="H41979" t="s">
        <v>81</v>
      </c>
      <c r="I41979" s="2">
        <v>0</v>
      </c>
      <c r="J41979" s="2">
        <v>1</v>
      </c>
      <c r="K41979" s="2">
        <v>0</v>
      </c>
      <c r="L41979" t="s">
        <v>82</v>
      </c>
      <c r="M41979" t="s">
        <v>87</v>
      </c>
      <c r="N41979" t="s">
        <v>88</v>
      </c>
      <c r="O41979" t="s">
        <v>85</v>
      </c>
      <c r="P41979" t="s">
        <v>86</v>
      </c>
      <c r="Q41979">
        <v>0</v>
      </c>
      <c r="R41979">
        <v>0</v>
      </c>
      <c r="S41979">
        <v>0</v>
      </c>
      <c r="T41979">
        <v>0</v>
      </c>
      <c r="U41979">
        <v>0</v>
      </c>
      <c r="V41979">
        <v>0</v>
      </c>
      <c r="W41979">
        <v>0</v>
      </c>
      <c r="X41979">
        <v>0</v>
      </c>
      <c r="Y41979">
        <v>0</v>
      </c>
      <c r="Z41979">
        <v>0</v>
      </c>
      <c r="AA41979">
        <v>0</v>
      </c>
      <c r="AB41979">
        <v>0</v>
      </c>
      <c r="AC41979">
        <v>0</v>
      </c>
      <c r="AD41979">
        <v>0</v>
      </c>
      <c r="AE41979">
        <v>0</v>
      </c>
      <c r="AF41979">
        <v>0</v>
      </c>
      <c r="AG41979">
        <v>0</v>
      </c>
      <c r="AH41979">
        <v>0</v>
      </c>
      <c r="AI41979">
        <v>0</v>
      </c>
      <c r="AJ41979">
        <v>0</v>
      </c>
      <c r="AK41979">
        <v>0</v>
      </c>
      <c r="AL41979">
        <v>0</v>
      </c>
      <c r="AM41979">
        <v>0</v>
      </c>
      <c r="AN41979">
        <v>0</v>
      </c>
      <c r="AO41979">
        <v>0</v>
      </c>
      <c r="AP41979">
        <v>0</v>
      </c>
      <c r="AQ41979">
        <v>0</v>
      </c>
    </row>
    <row r="41980" spans="1:43">
      <c r="A41980" t="s">
        <v>25801</v>
      </c>
      <c r="B41980" t="s">
        <v>25802</v>
      </c>
      <c r="C41980" t="s">
        <v>25241</v>
      </c>
      <c r="D41980" t="s">
        <v>25242</v>
      </c>
      <c r="E41980" t="s">
        <v>7278</v>
      </c>
      <c r="F41980" t="s">
        <v>7279</v>
      </c>
      <c r="G41980" t="s">
        <v>80</v>
      </c>
      <c r="H41980" t="s">
        <v>81</v>
      </c>
      <c r="I41980" s="2">
        <v>0</v>
      </c>
      <c r="J41980" s="2">
        <v>1</v>
      </c>
      <c r="K41980" s="2">
        <v>0</v>
      </c>
      <c r="L41980" t="s">
        <v>82</v>
      </c>
      <c r="M41980" t="s">
        <v>89</v>
      </c>
      <c r="N41980" t="s">
        <v>90</v>
      </c>
      <c r="O41980" t="s">
        <v>85</v>
      </c>
      <c r="P41980" t="s">
        <v>86</v>
      </c>
      <c r="Q41980">
        <v>0</v>
      </c>
      <c r="R41980">
        <v>0</v>
      </c>
      <c r="S41980">
        <v>0</v>
      </c>
      <c r="T41980">
        <v>0</v>
      </c>
      <c r="U41980">
        <v>0</v>
      </c>
      <c r="V41980">
        <v>0</v>
      </c>
      <c r="W41980">
        <v>0</v>
      </c>
      <c r="X41980">
        <v>0</v>
      </c>
      <c r="Y41980">
        <v>0</v>
      </c>
      <c r="Z41980">
        <v>0</v>
      </c>
      <c r="AA41980">
        <v>0</v>
      </c>
      <c r="AB41980">
        <v>0</v>
      </c>
      <c r="AC41980">
        <v>0</v>
      </c>
      <c r="AD41980">
        <v>0</v>
      </c>
      <c r="AE41980">
        <v>0</v>
      </c>
      <c r="AF41980">
        <v>0</v>
      </c>
      <c r="AG41980">
        <v>0</v>
      </c>
      <c r="AH41980">
        <v>0</v>
      </c>
      <c r="AI41980">
        <v>0</v>
      </c>
      <c r="AJ41980">
        <v>0</v>
      </c>
      <c r="AK41980">
        <v>0</v>
      </c>
      <c r="AL41980">
        <v>0</v>
      </c>
      <c r="AM41980">
        <v>0</v>
      </c>
      <c r="AN41980">
        <v>0</v>
      </c>
      <c r="AO41980">
        <v>0</v>
      </c>
      <c r="AP41980">
        <v>0</v>
      </c>
      <c r="AQ41980">
        <v>0</v>
      </c>
    </row>
    <row r="41981" spans="1:43">
      <c r="A41981" t="s">
        <v>25801</v>
      </c>
      <c r="B41981" t="s">
        <v>25802</v>
      </c>
      <c r="C41981" t="s">
        <v>25241</v>
      </c>
      <c r="D41981" t="s">
        <v>25242</v>
      </c>
      <c r="E41981" t="s">
        <v>7278</v>
      </c>
      <c r="F41981" t="s">
        <v>7279</v>
      </c>
      <c r="G41981" t="s">
        <v>80</v>
      </c>
      <c r="H41981" t="s">
        <v>81</v>
      </c>
      <c r="I41981" s="2">
        <v>0</v>
      </c>
      <c r="J41981" s="2">
        <v>1</v>
      </c>
      <c r="K41981" s="2">
        <v>0</v>
      </c>
      <c r="L41981" t="s">
        <v>82</v>
      </c>
      <c r="M41981" t="s">
        <v>83</v>
      </c>
      <c r="N41981" t="s">
        <v>91</v>
      </c>
      <c r="O41981" t="s">
        <v>85</v>
      </c>
      <c r="P41981" t="s">
        <v>86</v>
      </c>
      <c r="Q41981">
        <v>0</v>
      </c>
      <c r="R41981">
        <v>0</v>
      </c>
      <c r="S41981">
        <v>0</v>
      </c>
      <c r="T41981">
        <v>0</v>
      </c>
      <c r="U41981">
        <v>0</v>
      </c>
      <c r="V41981">
        <v>0</v>
      </c>
      <c r="W41981">
        <v>0</v>
      </c>
      <c r="X41981">
        <v>0</v>
      </c>
      <c r="Y41981">
        <v>0</v>
      </c>
      <c r="Z41981">
        <v>0</v>
      </c>
      <c r="AA41981">
        <v>0</v>
      </c>
      <c r="AB41981">
        <v>0</v>
      </c>
      <c r="AC41981">
        <v>0</v>
      </c>
      <c r="AD41981">
        <v>0</v>
      </c>
      <c r="AE41981">
        <v>0</v>
      </c>
      <c r="AF41981">
        <v>0</v>
      </c>
      <c r="AG41981">
        <v>0</v>
      </c>
      <c r="AH41981">
        <v>0</v>
      </c>
      <c r="AI41981">
        <v>0</v>
      </c>
      <c r="AJ41981">
        <v>0</v>
      </c>
      <c r="AK41981">
        <v>0</v>
      </c>
      <c r="AL41981">
        <v>0</v>
      </c>
      <c r="AM41981">
        <v>0</v>
      </c>
      <c r="AN41981">
        <v>0</v>
      </c>
      <c r="AO41981">
        <v>0</v>
      </c>
      <c r="AP41981">
        <v>0</v>
      </c>
      <c r="AQ41981">
        <v>0</v>
      </c>
    </row>
    <row r="41982" spans="1:43">
      <c r="A41982" t="s">
        <v>25803</v>
      </c>
      <c r="B41982" t="s">
        <v>25804</v>
      </c>
      <c r="C41982" t="s">
        <v>25241</v>
      </c>
      <c r="D41982" t="s">
        <v>25242</v>
      </c>
      <c r="E41982" t="s">
        <v>7278</v>
      </c>
      <c r="F41982" t="s">
        <v>7279</v>
      </c>
      <c r="G41982" t="s">
        <v>80</v>
      </c>
      <c r="H41982" t="s">
        <v>81</v>
      </c>
      <c r="I41982" s="2">
        <v>0</v>
      </c>
      <c r="J41982" s="2">
        <v>1</v>
      </c>
      <c r="K41982" s="2">
        <v>0</v>
      </c>
      <c r="L41982" t="s">
        <v>82</v>
      </c>
      <c r="M41982" t="s">
        <v>83</v>
      </c>
      <c r="N41982" t="s">
        <v>84</v>
      </c>
      <c r="O41982" t="s">
        <v>85</v>
      </c>
      <c r="P41982" t="s">
        <v>86</v>
      </c>
      <c r="Q41982">
        <v>0</v>
      </c>
      <c r="R41982">
        <v>0</v>
      </c>
      <c r="S41982">
        <v>0</v>
      </c>
      <c r="T41982">
        <v>0</v>
      </c>
      <c r="U41982">
        <v>0</v>
      </c>
      <c r="V41982">
        <v>0</v>
      </c>
      <c r="W41982">
        <v>0</v>
      </c>
      <c r="X41982">
        <v>0</v>
      </c>
      <c r="Y41982">
        <v>0</v>
      </c>
      <c r="Z41982">
        <v>0</v>
      </c>
      <c r="AA41982">
        <v>0</v>
      </c>
      <c r="AB41982">
        <v>0</v>
      </c>
      <c r="AC41982">
        <v>0</v>
      </c>
      <c r="AD41982">
        <v>0</v>
      </c>
      <c r="AE41982">
        <v>0</v>
      </c>
      <c r="AF41982">
        <v>0</v>
      </c>
      <c r="AG41982">
        <v>0</v>
      </c>
      <c r="AH41982">
        <v>0</v>
      </c>
      <c r="AI41982">
        <v>0</v>
      </c>
      <c r="AJ41982">
        <v>0</v>
      </c>
      <c r="AK41982">
        <v>0</v>
      </c>
      <c r="AL41982">
        <v>0</v>
      </c>
      <c r="AM41982">
        <v>0</v>
      </c>
      <c r="AN41982">
        <v>0</v>
      </c>
      <c r="AO41982">
        <v>0</v>
      </c>
      <c r="AP41982">
        <v>0</v>
      </c>
      <c r="AQ41982">
        <v>0</v>
      </c>
    </row>
    <row r="41983" spans="1:43">
      <c r="A41983" t="s">
        <v>25803</v>
      </c>
      <c r="B41983" t="s">
        <v>25804</v>
      </c>
      <c r="C41983" t="s">
        <v>25241</v>
      </c>
      <c r="D41983" t="s">
        <v>25242</v>
      </c>
      <c r="E41983" t="s">
        <v>7278</v>
      </c>
      <c r="F41983" t="s">
        <v>7279</v>
      </c>
      <c r="G41983" t="s">
        <v>80</v>
      </c>
      <c r="H41983" t="s">
        <v>81</v>
      </c>
      <c r="I41983" s="2">
        <v>0</v>
      </c>
      <c r="J41983" s="2">
        <v>1</v>
      </c>
      <c r="K41983" s="2">
        <v>0</v>
      </c>
      <c r="L41983" t="s">
        <v>82</v>
      </c>
      <c r="M41983" t="s">
        <v>87</v>
      </c>
      <c r="N41983" t="s">
        <v>88</v>
      </c>
      <c r="O41983" t="s">
        <v>85</v>
      </c>
      <c r="P41983" t="s">
        <v>86</v>
      </c>
      <c r="Q41983">
        <v>0</v>
      </c>
      <c r="R41983">
        <v>0</v>
      </c>
      <c r="S41983">
        <v>0</v>
      </c>
      <c r="T41983">
        <v>0</v>
      </c>
      <c r="U41983">
        <v>0</v>
      </c>
      <c r="V41983">
        <v>0</v>
      </c>
      <c r="W41983">
        <v>0</v>
      </c>
      <c r="X41983">
        <v>0</v>
      </c>
      <c r="Y41983">
        <v>0</v>
      </c>
      <c r="Z41983">
        <v>0</v>
      </c>
      <c r="AA41983">
        <v>0</v>
      </c>
      <c r="AB41983">
        <v>0</v>
      </c>
      <c r="AC41983">
        <v>0</v>
      </c>
      <c r="AD41983">
        <v>0</v>
      </c>
      <c r="AE41983">
        <v>0</v>
      </c>
      <c r="AF41983">
        <v>0</v>
      </c>
      <c r="AG41983">
        <v>0</v>
      </c>
      <c r="AH41983">
        <v>0</v>
      </c>
      <c r="AI41983">
        <v>0</v>
      </c>
      <c r="AJ41983">
        <v>0</v>
      </c>
      <c r="AK41983">
        <v>0</v>
      </c>
      <c r="AL41983">
        <v>0</v>
      </c>
      <c r="AM41983">
        <v>0</v>
      </c>
      <c r="AN41983">
        <v>0</v>
      </c>
      <c r="AO41983">
        <v>0</v>
      </c>
      <c r="AP41983">
        <v>0</v>
      </c>
      <c r="AQ41983">
        <v>0</v>
      </c>
    </row>
    <row r="41984" spans="1:43">
      <c r="A41984" t="s">
        <v>25803</v>
      </c>
      <c r="B41984" t="s">
        <v>25804</v>
      </c>
      <c r="C41984" t="s">
        <v>25241</v>
      </c>
      <c r="D41984" t="s">
        <v>25242</v>
      </c>
      <c r="E41984" t="s">
        <v>7278</v>
      </c>
      <c r="F41984" t="s">
        <v>7279</v>
      </c>
      <c r="G41984" t="s">
        <v>80</v>
      </c>
      <c r="H41984" t="s">
        <v>81</v>
      </c>
      <c r="I41984" s="2">
        <v>0</v>
      </c>
      <c r="J41984" s="2">
        <v>1</v>
      </c>
      <c r="K41984" s="2">
        <v>0</v>
      </c>
      <c r="L41984" t="s">
        <v>82</v>
      </c>
      <c r="M41984" t="s">
        <v>89</v>
      </c>
      <c r="N41984" t="s">
        <v>90</v>
      </c>
      <c r="O41984" t="s">
        <v>85</v>
      </c>
      <c r="P41984" t="s">
        <v>86</v>
      </c>
      <c r="Q41984">
        <v>0</v>
      </c>
      <c r="R41984">
        <v>0</v>
      </c>
      <c r="S41984">
        <v>0</v>
      </c>
      <c r="T41984">
        <v>0</v>
      </c>
      <c r="U41984">
        <v>0</v>
      </c>
      <c r="V41984">
        <v>0</v>
      </c>
      <c r="W41984">
        <v>0</v>
      </c>
      <c r="X41984">
        <v>0</v>
      </c>
      <c r="Y41984">
        <v>0</v>
      </c>
      <c r="Z41984">
        <v>0</v>
      </c>
      <c r="AA41984">
        <v>0</v>
      </c>
      <c r="AB41984">
        <v>0</v>
      </c>
      <c r="AC41984">
        <v>0</v>
      </c>
      <c r="AD41984">
        <v>0</v>
      </c>
      <c r="AE41984">
        <v>0</v>
      </c>
      <c r="AF41984">
        <v>0</v>
      </c>
      <c r="AG41984">
        <v>0</v>
      </c>
      <c r="AH41984">
        <v>0</v>
      </c>
      <c r="AI41984">
        <v>0</v>
      </c>
      <c r="AJ41984">
        <v>0</v>
      </c>
      <c r="AK41984">
        <v>0</v>
      </c>
      <c r="AL41984">
        <v>0</v>
      </c>
      <c r="AM41984">
        <v>0</v>
      </c>
      <c r="AN41984">
        <v>0</v>
      </c>
      <c r="AO41984">
        <v>0</v>
      </c>
      <c r="AP41984">
        <v>0</v>
      </c>
      <c r="AQ41984">
        <v>0</v>
      </c>
    </row>
    <row r="41985" spans="1:43">
      <c r="A41985" t="s">
        <v>25803</v>
      </c>
      <c r="B41985" t="s">
        <v>25804</v>
      </c>
      <c r="C41985" t="s">
        <v>25241</v>
      </c>
      <c r="D41985" t="s">
        <v>25242</v>
      </c>
      <c r="E41985" t="s">
        <v>7278</v>
      </c>
      <c r="F41985" t="s">
        <v>7279</v>
      </c>
      <c r="G41985" t="s">
        <v>80</v>
      </c>
      <c r="H41985" t="s">
        <v>81</v>
      </c>
      <c r="I41985" s="2">
        <v>0</v>
      </c>
      <c r="J41985" s="2">
        <v>1</v>
      </c>
      <c r="K41985" s="2">
        <v>0</v>
      </c>
      <c r="L41985" t="s">
        <v>82</v>
      </c>
      <c r="M41985" t="s">
        <v>83</v>
      </c>
      <c r="N41985" t="s">
        <v>91</v>
      </c>
      <c r="O41985" t="s">
        <v>85</v>
      </c>
      <c r="P41985" t="s">
        <v>86</v>
      </c>
      <c r="Q41985">
        <v>0</v>
      </c>
      <c r="R41985">
        <v>0</v>
      </c>
      <c r="S41985">
        <v>0</v>
      </c>
      <c r="T41985">
        <v>0</v>
      </c>
      <c r="U41985">
        <v>0</v>
      </c>
      <c r="V41985">
        <v>0</v>
      </c>
      <c r="W41985">
        <v>0</v>
      </c>
      <c r="X41985">
        <v>0</v>
      </c>
      <c r="Y41985">
        <v>0</v>
      </c>
      <c r="Z41985">
        <v>0</v>
      </c>
      <c r="AA41985">
        <v>0</v>
      </c>
      <c r="AB41985">
        <v>0</v>
      </c>
      <c r="AC41985">
        <v>0</v>
      </c>
      <c r="AD41985">
        <v>0</v>
      </c>
      <c r="AE41985">
        <v>0</v>
      </c>
      <c r="AF41985">
        <v>0</v>
      </c>
      <c r="AG41985">
        <v>0</v>
      </c>
      <c r="AH41985">
        <v>0</v>
      </c>
      <c r="AI41985">
        <v>0</v>
      </c>
      <c r="AJ41985">
        <v>0</v>
      </c>
      <c r="AK41985">
        <v>0</v>
      </c>
      <c r="AL41985">
        <v>0</v>
      </c>
      <c r="AM41985">
        <v>0</v>
      </c>
      <c r="AN41985">
        <v>0</v>
      </c>
      <c r="AO41985">
        <v>0</v>
      </c>
      <c r="AP41985">
        <v>0</v>
      </c>
      <c r="AQ41985">
        <v>0</v>
      </c>
    </row>
    <row r="41986" spans="1:43">
      <c r="A41986" t="s">
        <v>25805</v>
      </c>
      <c r="B41986" t="s">
        <v>25806</v>
      </c>
      <c r="C41986" t="s">
        <v>22691</v>
      </c>
      <c r="D41986" t="s">
        <v>22692</v>
      </c>
      <c r="E41986" t="s">
        <v>22537</v>
      </c>
      <c r="F41986" t="s">
        <v>22538</v>
      </c>
      <c r="G41986" t="s">
        <v>22539</v>
      </c>
      <c r="H41986" t="s">
        <v>22540</v>
      </c>
      <c r="I41986" s="2">
        <v>0</v>
      </c>
      <c r="J41986" s="2">
        <v>0</v>
      </c>
      <c r="K41986" s="2">
        <v>1</v>
      </c>
      <c r="L41986" t="s">
        <v>995</v>
      </c>
      <c r="M41986" t="s">
        <v>83</v>
      </c>
      <c r="N41986" t="s">
        <v>84</v>
      </c>
      <c r="O41986" t="s">
        <v>85</v>
      </c>
      <c r="P41986" t="s">
        <v>86</v>
      </c>
      <c r="Q41986">
        <v>52</v>
      </c>
      <c r="R41986">
        <v>53</v>
      </c>
      <c r="S41986">
        <v>54</v>
      </c>
      <c r="T41986">
        <v>55</v>
      </c>
      <c r="U41986">
        <v>55</v>
      </c>
      <c r="V41986">
        <v>56</v>
      </c>
      <c r="W41986">
        <v>57</v>
      </c>
      <c r="X41986">
        <v>57</v>
      </c>
      <c r="Y41986">
        <v>58</v>
      </c>
      <c r="Z41986">
        <v>59</v>
      </c>
      <c r="AA41986">
        <v>59</v>
      </c>
      <c r="AB41986">
        <v>60</v>
      </c>
      <c r="AC41986">
        <v>60</v>
      </c>
      <c r="AD41986">
        <v>61</v>
      </c>
      <c r="AE41986">
        <v>61</v>
      </c>
      <c r="AF41986">
        <v>62</v>
      </c>
      <c r="AG41986">
        <v>63</v>
      </c>
      <c r="AH41986">
        <v>63</v>
      </c>
      <c r="AI41986">
        <v>64</v>
      </c>
      <c r="AJ41986">
        <v>64</v>
      </c>
      <c r="AK41986">
        <v>65</v>
      </c>
      <c r="AL41986">
        <v>65</v>
      </c>
      <c r="AM41986">
        <v>65</v>
      </c>
      <c r="AN41986">
        <v>65</v>
      </c>
      <c r="AO41986">
        <v>65</v>
      </c>
      <c r="AP41986">
        <v>65</v>
      </c>
      <c r="AQ41986">
        <v>64</v>
      </c>
    </row>
    <row r="41987" spans="1:43">
      <c r="A41987" t="s">
        <v>25805</v>
      </c>
      <c r="B41987" t="s">
        <v>25806</v>
      </c>
      <c r="C41987" t="s">
        <v>22691</v>
      </c>
      <c r="D41987" t="s">
        <v>22692</v>
      </c>
      <c r="E41987" t="s">
        <v>22537</v>
      </c>
      <c r="F41987" t="s">
        <v>22538</v>
      </c>
      <c r="G41987" t="s">
        <v>22539</v>
      </c>
      <c r="H41987" t="s">
        <v>22540</v>
      </c>
      <c r="I41987" s="2">
        <v>0</v>
      </c>
      <c r="J41987" s="2">
        <v>0</v>
      </c>
      <c r="K41987" s="2">
        <v>1</v>
      </c>
      <c r="L41987" t="s">
        <v>995</v>
      </c>
      <c r="M41987" t="s">
        <v>87</v>
      </c>
      <c r="N41987" t="s">
        <v>88</v>
      </c>
      <c r="O41987" t="s">
        <v>85</v>
      </c>
      <c r="P41987" t="s">
        <v>86</v>
      </c>
      <c r="Q41987">
        <v>52</v>
      </c>
      <c r="R41987">
        <v>52</v>
      </c>
      <c r="S41987">
        <v>52</v>
      </c>
      <c r="T41987">
        <v>53</v>
      </c>
      <c r="U41987">
        <v>53</v>
      </c>
      <c r="V41987">
        <v>53</v>
      </c>
      <c r="W41987">
        <v>53</v>
      </c>
      <c r="X41987">
        <v>53</v>
      </c>
      <c r="Y41987">
        <v>54</v>
      </c>
      <c r="Z41987">
        <v>54</v>
      </c>
      <c r="AA41987">
        <v>54</v>
      </c>
      <c r="AB41987">
        <v>54</v>
      </c>
      <c r="AC41987">
        <v>54</v>
      </c>
      <c r="AD41987">
        <v>54</v>
      </c>
      <c r="AE41987">
        <v>54</v>
      </c>
      <c r="AF41987">
        <v>55</v>
      </c>
      <c r="AG41987">
        <v>55</v>
      </c>
      <c r="AH41987">
        <v>55</v>
      </c>
      <c r="AI41987">
        <v>55</v>
      </c>
      <c r="AJ41987">
        <v>55</v>
      </c>
      <c r="AK41987">
        <v>55</v>
      </c>
      <c r="AL41987">
        <v>55</v>
      </c>
      <c r="AM41987">
        <v>55</v>
      </c>
      <c r="AN41987">
        <v>56</v>
      </c>
      <c r="AO41987">
        <v>56</v>
      </c>
      <c r="AP41987">
        <v>56</v>
      </c>
      <c r="AQ41987">
        <v>56</v>
      </c>
    </row>
    <row r="41988" spans="1:43">
      <c r="A41988" t="s">
        <v>25805</v>
      </c>
      <c r="B41988" t="s">
        <v>25806</v>
      </c>
      <c r="C41988" t="s">
        <v>22691</v>
      </c>
      <c r="D41988" t="s">
        <v>22692</v>
      </c>
      <c r="E41988" t="s">
        <v>22537</v>
      </c>
      <c r="F41988" t="s">
        <v>22538</v>
      </c>
      <c r="G41988" t="s">
        <v>22539</v>
      </c>
      <c r="H41988" t="s">
        <v>22540</v>
      </c>
      <c r="I41988" s="2">
        <v>0</v>
      </c>
      <c r="J41988" s="2">
        <v>0</v>
      </c>
      <c r="K41988" s="2">
        <v>1</v>
      </c>
      <c r="L41988" t="s">
        <v>995</v>
      </c>
      <c r="M41988" t="s">
        <v>89</v>
      </c>
      <c r="N41988" t="s">
        <v>90</v>
      </c>
      <c r="O41988" t="s">
        <v>85</v>
      </c>
      <c r="P41988" t="s">
        <v>86</v>
      </c>
      <c r="Q41988">
        <v>52</v>
      </c>
      <c r="R41988">
        <v>53</v>
      </c>
      <c r="S41988">
        <v>54</v>
      </c>
      <c r="T41988">
        <v>55</v>
      </c>
      <c r="U41988">
        <v>56</v>
      </c>
      <c r="V41988">
        <v>57</v>
      </c>
      <c r="W41988">
        <v>58</v>
      </c>
      <c r="X41988">
        <v>59</v>
      </c>
      <c r="Y41988">
        <v>60</v>
      </c>
      <c r="Z41988">
        <v>61</v>
      </c>
      <c r="AA41988">
        <v>62</v>
      </c>
      <c r="AB41988">
        <v>63</v>
      </c>
      <c r="AC41988">
        <v>64</v>
      </c>
      <c r="AD41988">
        <v>64</v>
      </c>
      <c r="AE41988">
        <v>65</v>
      </c>
      <c r="AF41988">
        <v>65</v>
      </c>
      <c r="AG41988">
        <v>65</v>
      </c>
      <c r="AH41988">
        <v>65</v>
      </c>
      <c r="AI41988">
        <v>65</v>
      </c>
      <c r="AJ41988">
        <v>65</v>
      </c>
      <c r="AK41988">
        <v>65</v>
      </c>
      <c r="AL41988">
        <v>65</v>
      </c>
      <c r="AM41988">
        <v>65</v>
      </c>
      <c r="AN41988">
        <v>64</v>
      </c>
      <c r="AO41988">
        <v>64</v>
      </c>
      <c r="AP41988">
        <v>64</v>
      </c>
      <c r="AQ41988">
        <v>64</v>
      </c>
    </row>
    <row r="41989" spans="1:43">
      <c r="A41989" t="s">
        <v>25805</v>
      </c>
      <c r="B41989" t="s">
        <v>25806</v>
      </c>
      <c r="C41989" t="s">
        <v>22691</v>
      </c>
      <c r="D41989" t="s">
        <v>22692</v>
      </c>
      <c r="E41989" t="s">
        <v>22537</v>
      </c>
      <c r="F41989" t="s">
        <v>22538</v>
      </c>
      <c r="G41989" t="s">
        <v>22539</v>
      </c>
      <c r="H41989" t="s">
        <v>22540</v>
      </c>
      <c r="I41989" s="2">
        <v>0</v>
      </c>
      <c r="J41989" s="2">
        <v>0</v>
      </c>
      <c r="K41989" s="2">
        <v>1</v>
      </c>
      <c r="L41989" t="s">
        <v>995</v>
      </c>
      <c r="M41989" t="s">
        <v>83</v>
      </c>
      <c r="N41989" t="s">
        <v>91</v>
      </c>
      <c r="O41989" t="s">
        <v>85</v>
      </c>
      <c r="P41989" t="s">
        <v>86</v>
      </c>
      <c r="Q41989">
        <v>52</v>
      </c>
      <c r="R41989">
        <v>53</v>
      </c>
      <c r="S41989">
        <v>54</v>
      </c>
      <c r="T41989">
        <v>55</v>
      </c>
      <c r="U41989">
        <v>55</v>
      </c>
      <c r="V41989">
        <v>56</v>
      </c>
      <c r="W41989">
        <v>57</v>
      </c>
      <c r="X41989">
        <v>57</v>
      </c>
      <c r="Y41989">
        <v>58</v>
      </c>
      <c r="Z41989">
        <v>59</v>
      </c>
      <c r="AA41989">
        <v>59</v>
      </c>
      <c r="AB41989">
        <v>60</v>
      </c>
      <c r="AC41989">
        <v>60</v>
      </c>
      <c r="AD41989">
        <v>61</v>
      </c>
      <c r="AE41989">
        <v>61</v>
      </c>
      <c r="AF41989">
        <v>62</v>
      </c>
      <c r="AG41989">
        <v>63</v>
      </c>
      <c r="AH41989">
        <v>63</v>
      </c>
      <c r="AI41989">
        <v>64</v>
      </c>
      <c r="AJ41989">
        <v>64</v>
      </c>
      <c r="AK41989">
        <v>65</v>
      </c>
      <c r="AL41989">
        <v>65</v>
      </c>
      <c r="AM41989">
        <v>65</v>
      </c>
      <c r="AN41989">
        <v>65</v>
      </c>
      <c r="AO41989">
        <v>65</v>
      </c>
      <c r="AP41989">
        <v>65</v>
      </c>
      <c r="AQ41989">
        <v>64</v>
      </c>
    </row>
    <row r="41990" spans="1:43">
      <c r="A41990" t="s">
        <v>25807</v>
      </c>
      <c r="B41990" t="s">
        <v>25808</v>
      </c>
      <c r="C41990" t="s">
        <v>22691</v>
      </c>
      <c r="D41990" t="s">
        <v>22692</v>
      </c>
      <c r="E41990" t="s">
        <v>22537</v>
      </c>
      <c r="F41990" t="s">
        <v>22538</v>
      </c>
      <c r="G41990" t="s">
        <v>22539</v>
      </c>
      <c r="H41990" t="s">
        <v>22540</v>
      </c>
      <c r="I41990" s="2">
        <v>0</v>
      </c>
      <c r="J41990" s="2">
        <v>0</v>
      </c>
      <c r="K41990" s="2">
        <v>1</v>
      </c>
      <c r="L41990" t="s">
        <v>995</v>
      </c>
      <c r="M41990" t="s">
        <v>83</v>
      </c>
      <c r="N41990" t="s">
        <v>84</v>
      </c>
      <c r="O41990" t="s">
        <v>85</v>
      </c>
      <c r="P41990" t="s">
        <v>86</v>
      </c>
      <c r="Q41990">
        <v>32</v>
      </c>
      <c r="R41990">
        <v>33</v>
      </c>
      <c r="S41990">
        <v>33</v>
      </c>
      <c r="T41990">
        <v>34</v>
      </c>
      <c r="U41990">
        <v>34</v>
      </c>
      <c r="V41990">
        <v>35</v>
      </c>
      <c r="W41990">
        <v>35</v>
      </c>
      <c r="X41990">
        <v>35</v>
      </c>
      <c r="Y41990">
        <v>36</v>
      </c>
      <c r="Z41990">
        <v>36</v>
      </c>
      <c r="AA41990">
        <v>37</v>
      </c>
      <c r="AB41990">
        <v>37</v>
      </c>
      <c r="AC41990">
        <v>37</v>
      </c>
      <c r="AD41990">
        <v>38</v>
      </c>
      <c r="AE41990">
        <v>38</v>
      </c>
      <c r="AF41990">
        <v>38</v>
      </c>
      <c r="AG41990">
        <v>39</v>
      </c>
      <c r="AH41990">
        <v>39</v>
      </c>
      <c r="AI41990">
        <v>39</v>
      </c>
      <c r="AJ41990">
        <v>40</v>
      </c>
      <c r="AK41990">
        <v>40</v>
      </c>
      <c r="AL41990">
        <v>40</v>
      </c>
      <c r="AM41990">
        <v>40</v>
      </c>
      <c r="AN41990">
        <v>40</v>
      </c>
      <c r="AO41990">
        <v>40</v>
      </c>
      <c r="AP41990">
        <v>40</v>
      </c>
      <c r="AQ41990">
        <v>40</v>
      </c>
    </row>
    <row r="41991" spans="1:43">
      <c r="A41991" t="s">
        <v>25807</v>
      </c>
      <c r="B41991" t="s">
        <v>25808</v>
      </c>
      <c r="C41991" t="s">
        <v>22691</v>
      </c>
      <c r="D41991" t="s">
        <v>22692</v>
      </c>
      <c r="E41991" t="s">
        <v>22537</v>
      </c>
      <c r="F41991" t="s">
        <v>22538</v>
      </c>
      <c r="G41991" t="s">
        <v>22539</v>
      </c>
      <c r="H41991" t="s">
        <v>22540</v>
      </c>
      <c r="I41991" s="2">
        <v>0</v>
      </c>
      <c r="J41991" s="2">
        <v>0</v>
      </c>
      <c r="K41991" s="2">
        <v>1</v>
      </c>
      <c r="L41991" t="s">
        <v>995</v>
      </c>
      <c r="M41991" t="s">
        <v>87</v>
      </c>
      <c r="N41991" t="s">
        <v>88</v>
      </c>
      <c r="O41991" t="s">
        <v>85</v>
      </c>
      <c r="P41991" t="s">
        <v>86</v>
      </c>
      <c r="Q41991">
        <v>32</v>
      </c>
      <c r="R41991">
        <v>32</v>
      </c>
      <c r="S41991">
        <v>32</v>
      </c>
      <c r="T41991">
        <v>33</v>
      </c>
      <c r="U41991">
        <v>33</v>
      </c>
      <c r="V41991">
        <v>33</v>
      </c>
      <c r="W41991">
        <v>33</v>
      </c>
      <c r="X41991">
        <v>33</v>
      </c>
      <c r="Y41991">
        <v>33</v>
      </c>
      <c r="Z41991">
        <v>33</v>
      </c>
      <c r="AA41991">
        <v>33</v>
      </c>
      <c r="AB41991">
        <v>33</v>
      </c>
      <c r="AC41991">
        <v>34</v>
      </c>
      <c r="AD41991">
        <v>34</v>
      </c>
      <c r="AE41991">
        <v>34</v>
      </c>
      <c r="AF41991">
        <v>34</v>
      </c>
      <c r="AG41991">
        <v>34</v>
      </c>
      <c r="AH41991">
        <v>34</v>
      </c>
      <c r="AI41991">
        <v>34</v>
      </c>
      <c r="AJ41991">
        <v>34</v>
      </c>
      <c r="AK41991">
        <v>34</v>
      </c>
      <c r="AL41991">
        <v>34</v>
      </c>
      <c r="AM41991">
        <v>34</v>
      </c>
      <c r="AN41991">
        <v>34</v>
      </c>
      <c r="AO41991">
        <v>34</v>
      </c>
      <c r="AP41991">
        <v>34</v>
      </c>
      <c r="AQ41991">
        <v>35</v>
      </c>
    </row>
    <row r="41992" spans="1:43">
      <c r="A41992" t="s">
        <v>25807</v>
      </c>
      <c r="B41992" t="s">
        <v>25808</v>
      </c>
      <c r="C41992" t="s">
        <v>22691</v>
      </c>
      <c r="D41992" t="s">
        <v>22692</v>
      </c>
      <c r="E41992" t="s">
        <v>22537</v>
      </c>
      <c r="F41992" t="s">
        <v>22538</v>
      </c>
      <c r="G41992" t="s">
        <v>22539</v>
      </c>
      <c r="H41992" t="s">
        <v>22540</v>
      </c>
      <c r="I41992" s="2">
        <v>0</v>
      </c>
      <c r="J41992" s="2">
        <v>0</v>
      </c>
      <c r="K41992" s="2">
        <v>1</v>
      </c>
      <c r="L41992" t="s">
        <v>995</v>
      </c>
      <c r="M41992" t="s">
        <v>89</v>
      </c>
      <c r="N41992" t="s">
        <v>90</v>
      </c>
      <c r="O41992" t="s">
        <v>85</v>
      </c>
      <c r="P41992" t="s">
        <v>86</v>
      </c>
      <c r="Q41992">
        <v>32</v>
      </c>
      <c r="R41992">
        <v>32</v>
      </c>
      <c r="S41992">
        <v>33</v>
      </c>
      <c r="T41992">
        <v>34</v>
      </c>
      <c r="U41992">
        <v>35</v>
      </c>
      <c r="V41992">
        <v>35</v>
      </c>
      <c r="W41992">
        <v>36</v>
      </c>
      <c r="X41992">
        <v>36</v>
      </c>
      <c r="Y41992">
        <v>37</v>
      </c>
      <c r="Z41992">
        <v>37</v>
      </c>
      <c r="AA41992">
        <v>38</v>
      </c>
      <c r="AB41992">
        <v>38</v>
      </c>
      <c r="AC41992">
        <v>39</v>
      </c>
      <c r="AD41992">
        <v>39</v>
      </c>
      <c r="AE41992">
        <v>40</v>
      </c>
      <c r="AF41992">
        <v>40</v>
      </c>
      <c r="AG41992">
        <v>40</v>
      </c>
      <c r="AH41992">
        <v>40</v>
      </c>
      <c r="AI41992">
        <v>40</v>
      </c>
      <c r="AJ41992">
        <v>40</v>
      </c>
      <c r="AK41992">
        <v>40</v>
      </c>
      <c r="AL41992">
        <v>40</v>
      </c>
      <c r="AM41992">
        <v>40</v>
      </c>
      <c r="AN41992">
        <v>40</v>
      </c>
      <c r="AO41992">
        <v>39</v>
      </c>
      <c r="AP41992">
        <v>39</v>
      </c>
      <c r="AQ41992">
        <v>39</v>
      </c>
    </row>
    <row r="41993" spans="1:43">
      <c r="A41993" t="s">
        <v>25807</v>
      </c>
      <c r="B41993" t="s">
        <v>25808</v>
      </c>
      <c r="C41993" t="s">
        <v>22691</v>
      </c>
      <c r="D41993" t="s">
        <v>22692</v>
      </c>
      <c r="E41993" t="s">
        <v>22537</v>
      </c>
      <c r="F41993" t="s">
        <v>22538</v>
      </c>
      <c r="G41993" t="s">
        <v>22539</v>
      </c>
      <c r="H41993" t="s">
        <v>22540</v>
      </c>
      <c r="I41993" s="2">
        <v>0</v>
      </c>
      <c r="J41993" s="2">
        <v>0</v>
      </c>
      <c r="K41993" s="2">
        <v>1</v>
      </c>
      <c r="L41993" t="s">
        <v>995</v>
      </c>
      <c r="M41993" t="s">
        <v>83</v>
      </c>
      <c r="N41993" t="s">
        <v>91</v>
      </c>
      <c r="O41993" t="s">
        <v>85</v>
      </c>
      <c r="P41993" t="s">
        <v>86</v>
      </c>
      <c r="Q41993">
        <v>32</v>
      </c>
      <c r="R41993">
        <v>33</v>
      </c>
      <c r="S41993">
        <v>33</v>
      </c>
      <c r="T41993">
        <v>34</v>
      </c>
      <c r="U41993">
        <v>34</v>
      </c>
      <c r="V41993">
        <v>35</v>
      </c>
      <c r="W41993">
        <v>35</v>
      </c>
      <c r="X41993">
        <v>35</v>
      </c>
      <c r="Y41993">
        <v>36</v>
      </c>
      <c r="Z41993">
        <v>36</v>
      </c>
      <c r="AA41993">
        <v>37</v>
      </c>
      <c r="AB41993">
        <v>37</v>
      </c>
      <c r="AC41993">
        <v>37</v>
      </c>
      <c r="AD41993">
        <v>38</v>
      </c>
      <c r="AE41993">
        <v>38</v>
      </c>
      <c r="AF41993">
        <v>38</v>
      </c>
      <c r="AG41993">
        <v>39</v>
      </c>
      <c r="AH41993">
        <v>39</v>
      </c>
      <c r="AI41993">
        <v>39</v>
      </c>
      <c r="AJ41993">
        <v>40</v>
      </c>
      <c r="AK41993">
        <v>40</v>
      </c>
      <c r="AL41993">
        <v>40</v>
      </c>
      <c r="AM41993">
        <v>40</v>
      </c>
      <c r="AN41993">
        <v>40</v>
      </c>
      <c r="AO41993">
        <v>40</v>
      </c>
      <c r="AP41993">
        <v>40</v>
      </c>
      <c r="AQ41993">
        <v>40</v>
      </c>
    </row>
    <row r="41994" spans="1:43">
      <c r="A41994" t="s">
        <v>25809</v>
      </c>
      <c r="B41994" t="s">
        <v>25810</v>
      </c>
      <c r="C41994" t="s">
        <v>22757</v>
      </c>
      <c r="D41994" t="s">
        <v>22758</v>
      </c>
      <c r="E41994" t="s">
        <v>22737</v>
      </c>
      <c r="F41994" t="s">
        <v>22738</v>
      </c>
      <c r="G41994" t="s">
        <v>11612</v>
      </c>
      <c r="H41994" t="s">
        <v>11613</v>
      </c>
      <c r="I41994" s="2">
        <v>0</v>
      </c>
      <c r="J41994" s="2">
        <v>0</v>
      </c>
      <c r="K41994" s="2">
        <v>1</v>
      </c>
      <c r="L41994" t="s">
        <v>995</v>
      </c>
      <c r="M41994" t="s">
        <v>83</v>
      </c>
      <c r="N41994" t="s">
        <v>84</v>
      </c>
      <c r="O41994" t="s">
        <v>85</v>
      </c>
      <c r="P41994" t="s">
        <v>86</v>
      </c>
      <c r="Q41994">
        <v>23</v>
      </c>
      <c r="R41994">
        <v>23</v>
      </c>
      <c r="S41994">
        <v>23</v>
      </c>
      <c r="T41994">
        <v>23</v>
      </c>
      <c r="U41994">
        <v>24</v>
      </c>
      <c r="V41994">
        <v>24</v>
      </c>
      <c r="W41994">
        <v>24</v>
      </c>
      <c r="X41994">
        <v>24</v>
      </c>
      <c r="Y41994">
        <v>24</v>
      </c>
      <c r="Z41994">
        <v>24</v>
      </c>
      <c r="AA41994">
        <v>25</v>
      </c>
      <c r="AB41994">
        <v>25</v>
      </c>
      <c r="AC41994">
        <v>25</v>
      </c>
      <c r="AD41994">
        <v>25</v>
      </c>
      <c r="AE41994">
        <v>25</v>
      </c>
      <c r="AF41994">
        <v>25</v>
      </c>
      <c r="AG41994">
        <v>25</v>
      </c>
      <c r="AH41994">
        <v>25</v>
      </c>
      <c r="AI41994">
        <v>25</v>
      </c>
      <c r="AJ41994">
        <v>26</v>
      </c>
      <c r="AK41994">
        <v>26</v>
      </c>
      <c r="AL41994">
        <v>26</v>
      </c>
      <c r="AM41994">
        <v>25</v>
      </c>
      <c r="AN41994">
        <v>25</v>
      </c>
      <c r="AO41994">
        <v>25</v>
      </c>
      <c r="AP41994">
        <v>25</v>
      </c>
      <c r="AQ41994">
        <v>25</v>
      </c>
    </row>
    <row r="41995" spans="1:43">
      <c r="A41995" t="s">
        <v>25809</v>
      </c>
      <c r="B41995" t="s">
        <v>25810</v>
      </c>
      <c r="C41995" t="s">
        <v>22757</v>
      </c>
      <c r="D41995" t="s">
        <v>22758</v>
      </c>
      <c r="E41995" t="s">
        <v>22737</v>
      </c>
      <c r="F41995" t="s">
        <v>22738</v>
      </c>
      <c r="G41995" t="s">
        <v>11612</v>
      </c>
      <c r="H41995" t="s">
        <v>11613</v>
      </c>
      <c r="I41995" s="2">
        <v>0</v>
      </c>
      <c r="J41995" s="2">
        <v>0</v>
      </c>
      <c r="K41995" s="2">
        <v>1</v>
      </c>
      <c r="L41995" t="s">
        <v>995</v>
      </c>
      <c r="M41995" t="s">
        <v>87</v>
      </c>
      <c r="N41995" t="s">
        <v>88</v>
      </c>
      <c r="O41995" t="s">
        <v>85</v>
      </c>
      <c r="P41995" t="s">
        <v>86</v>
      </c>
      <c r="Q41995">
        <v>23</v>
      </c>
      <c r="R41995">
        <v>23</v>
      </c>
      <c r="S41995">
        <v>23</v>
      </c>
      <c r="T41995">
        <v>23</v>
      </c>
      <c r="U41995">
        <v>23</v>
      </c>
      <c r="V41995">
        <v>23</v>
      </c>
      <c r="W41995">
        <v>22</v>
      </c>
      <c r="X41995">
        <v>22</v>
      </c>
      <c r="Y41995">
        <v>22</v>
      </c>
      <c r="Z41995">
        <v>22</v>
      </c>
      <c r="AA41995">
        <v>22</v>
      </c>
      <c r="AB41995">
        <v>22</v>
      </c>
      <c r="AC41995">
        <v>22</v>
      </c>
      <c r="AD41995">
        <v>22</v>
      </c>
      <c r="AE41995">
        <v>22</v>
      </c>
      <c r="AF41995">
        <v>22</v>
      </c>
      <c r="AG41995">
        <v>22</v>
      </c>
      <c r="AH41995">
        <v>22</v>
      </c>
      <c r="AI41995">
        <v>22</v>
      </c>
      <c r="AJ41995">
        <v>22</v>
      </c>
      <c r="AK41995">
        <v>22</v>
      </c>
      <c r="AL41995">
        <v>22</v>
      </c>
      <c r="AM41995">
        <v>22</v>
      </c>
      <c r="AN41995">
        <v>22</v>
      </c>
      <c r="AO41995">
        <v>22</v>
      </c>
      <c r="AP41995">
        <v>22</v>
      </c>
      <c r="AQ41995">
        <v>22</v>
      </c>
    </row>
    <row r="41996" spans="1:43">
      <c r="A41996" t="s">
        <v>25809</v>
      </c>
      <c r="B41996" t="s">
        <v>25810</v>
      </c>
      <c r="C41996" t="s">
        <v>22757</v>
      </c>
      <c r="D41996" t="s">
        <v>22758</v>
      </c>
      <c r="E41996" t="s">
        <v>22737</v>
      </c>
      <c r="F41996" t="s">
        <v>22738</v>
      </c>
      <c r="G41996" t="s">
        <v>11612</v>
      </c>
      <c r="H41996" t="s">
        <v>11613</v>
      </c>
      <c r="I41996" s="2">
        <v>0</v>
      </c>
      <c r="J41996" s="2">
        <v>0</v>
      </c>
      <c r="K41996" s="2">
        <v>1</v>
      </c>
      <c r="L41996" t="s">
        <v>995</v>
      </c>
      <c r="M41996" t="s">
        <v>89</v>
      </c>
      <c r="N41996" t="s">
        <v>90</v>
      </c>
      <c r="O41996" t="s">
        <v>85</v>
      </c>
      <c r="P41996" t="s">
        <v>86</v>
      </c>
      <c r="Q41996">
        <v>23</v>
      </c>
      <c r="R41996">
        <v>23</v>
      </c>
      <c r="S41996">
        <v>24</v>
      </c>
      <c r="T41996">
        <v>24</v>
      </c>
      <c r="U41996">
        <v>25</v>
      </c>
      <c r="V41996">
        <v>25</v>
      </c>
      <c r="W41996">
        <v>25</v>
      </c>
      <c r="X41996">
        <v>25</v>
      </c>
      <c r="Y41996">
        <v>26</v>
      </c>
      <c r="Z41996">
        <v>26</v>
      </c>
      <c r="AA41996">
        <v>26</v>
      </c>
      <c r="AB41996">
        <v>26</v>
      </c>
      <c r="AC41996">
        <v>27</v>
      </c>
      <c r="AD41996">
        <v>27</v>
      </c>
      <c r="AE41996">
        <v>27</v>
      </c>
      <c r="AF41996">
        <v>27</v>
      </c>
      <c r="AG41996">
        <v>27</v>
      </c>
      <c r="AH41996">
        <v>26</v>
      </c>
      <c r="AI41996">
        <v>26</v>
      </c>
      <c r="AJ41996">
        <v>26</v>
      </c>
      <c r="AK41996">
        <v>26</v>
      </c>
      <c r="AL41996">
        <v>26</v>
      </c>
      <c r="AM41996">
        <v>26</v>
      </c>
      <c r="AN41996">
        <v>26</v>
      </c>
      <c r="AO41996">
        <v>25</v>
      </c>
      <c r="AP41996">
        <v>25</v>
      </c>
      <c r="AQ41996">
        <v>25</v>
      </c>
    </row>
    <row r="41997" spans="1:43">
      <c r="A41997" t="s">
        <v>25809</v>
      </c>
      <c r="B41997" t="s">
        <v>25810</v>
      </c>
      <c r="C41997" t="s">
        <v>22757</v>
      </c>
      <c r="D41997" t="s">
        <v>22758</v>
      </c>
      <c r="E41997" t="s">
        <v>22737</v>
      </c>
      <c r="F41997" t="s">
        <v>22738</v>
      </c>
      <c r="G41997" t="s">
        <v>11612</v>
      </c>
      <c r="H41997" t="s">
        <v>11613</v>
      </c>
      <c r="I41997" s="2">
        <v>0</v>
      </c>
      <c r="J41997" s="2">
        <v>0</v>
      </c>
      <c r="K41997" s="2">
        <v>1</v>
      </c>
      <c r="L41997" t="s">
        <v>995</v>
      </c>
      <c r="M41997" t="s">
        <v>83</v>
      </c>
      <c r="N41997" t="s">
        <v>91</v>
      </c>
      <c r="O41997" t="s">
        <v>85</v>
      </c>
      <c r="P41997" t="s">
        <v>86</v>
      </c>
      <c r="Q41997">
        <v>23</v>
      </c>
      <c r="R41997">
        <v>23</v>
      </c>
      <c r="S41997">
        <v>23</v>
      </c>
      <c r="T41997">
        <v>23</v>
      </c>
      <c r="U41997">
        <v>24</v>
      </c>
      <c r="V41997">
        <v>24</v>
      </c>
      <c r="W41997">
        <v>24</v>
      </c>
      <c r="X41997">
        <v>24</v>
      </c>
      <c r="Y41997">
        <v>24</v>
      </c>
      <c r="Z41997">
        <v>24</v>
      </c>
      <c r="AA41997">
        <v>25</v>
      </c>
      <c r="AB41997">
        <v>25</v>
      </c>
      <c r="AC41997">
        <v>25</v>
      </c>
      <c r="AD41997">
        <v>25</v>
      </c>
      <c r="AE41997">
        <v>25</v>
      </c>
      <c r="AF41997">
        <v>25</v>
      </c>
      <c r="AG41997">
        <v>25</v>
      </c>
      <c r="AH41997">
        <v>25</v>
      </c>
      <c r="AI41997">
        <v>25</v>
      </c>
      <c r="AJ41997">
        <v>26</v>
      </c>
      <c r="AK41997">
        <v>26</v>
      </c>
      <c r="AL41997">
        <v>26</v>
      </c>
      <c r="AM41997">
        <v>25</v>
      </c>
      <c r="AN41997">
        <v>25</v>
      </c>
      <c r="AO41997">
        <v>25</v>
      </c>
      <c r="AP41997">
        <v>25</v>
      </c>
      <c r="AQ41997">
        <v>25</v>
      </c>
    </row>
    <row r="41998" spans="1:43">
      <c r="A41998" t="s">
        <v>25811</v>
      </c>
      <c r="B41998" t="s">
        <v>25812</v>
      </c>
      <c r="C41998" t="s">
        <v>22757</v>
      </c>
      <c r="D41998" t="s">
        <v>22758</v>
      </c>
      <c r="E41998" t="s">
        <v>22737</v>
      </c>
      <c r="F41998" t="s">
        <v>22738</v>
      </c>
      <c r="G41998" t="s">
        <v>11612</v>
      </c>
      <c r="H41998" t="s">
        <v>11613</v>
      </c>
      <c r="I41998" s="2">
        <v>0</v>
      </c>
      <c r="J41998" s="2">
        <v>0</v>
      </c>
      <c r="K41998" s="2">
        <v>1</v>
      </c>
      <c r="L41998" t="s">
        <v>995</v>
      </c>
      <c r="M41998" t="s">
        <v>83</v>
      </c>
      <c r="N41998" t="s">
        <v>84</v>
      </c>
      <c r="O41998" t="s">
        <v>85</v>
      </c>
      <c r="P41998" t="s">
        <v>86</v>
      </c>
      <c r="Q41998">
        <v>3</v>
      </c>
      <c r="R41998">
        <v>3</v>
      </c>
      <c r="S41998">
        <v>3</v>
      </c>
      <c r="T41998">
        <v>3</v>
      </c>
      <c r="U41998">
        <v>3</v>
      </c>
      <c r="V41998">
        <v>3</v>
      </c>
      <c r="W41998">
        <v>3</v>
      </c>
      <c r="X41998">
        <v>3</v>
      </c>
      <c r="Y41998">
        <v>3</v>
      </c>
      <c r="Z41998">
        <v>3</v>
      </c>
      <c r="AA41998">
        <v>3</v>
      </c>
      <c r="AB41998">
        <v>3</v>
      </c>
      <c r="AC41998">
        <v>3</v>
      </c>
      <c r="AD41998">
        <v>3</v>
      </c>
      <c r="AE41998">
        <v>3</v>
      </c>
      <c r="AF41998">
        <v>3</v>
      </c>
      <c r="AG41998">
        <v>3</v>
      </c>
      <c r="AH41998">
        <v>3</v>
      </c>
      <c r="AI41998">
        <v>3</v>
      </c>
      <c r="AJ41998">
        <v>3</v>
      </c>
      <c r="AK41998">
        <v>3</v>
      </c>
      <c r="AL41998">
        <v>3</v>
      </c>
      <c r="AM41998">
        <v>3</v>
      </c>
      <c r="AN41998">
        <v>3</v>
      </c>
      <c r="AO41998">
        <v>3</v>
      </c>
      <c r="AP41998">
        <v>3</v>
      </c>
      <c r="AQ41998">
        <v>3</v>
      </c>
    </row>
    <row r="41999" spans="1:43">
      <c r="A41999" t="s">
        <v>25811</v>
      </c>
      <c r="B41999" t="s">
        <v>25812</v>
      </c>
      <c r="C41999" t="s">
        <v>22757</v>
      </c>
      <c r="D41999" t="s">
        <v>22758</v>
      </c>
      <c r="E41999" t="s">
        <v>22737</v>
      </c>
      <c r="F41999" t="s">
        <v>22738</v>
      </c>
      <c r="G41999" t="s">
        <v>11612</v>
      </c>
      <c r="H41999" t="s">
        <v>11613</v>
      </c>
      <c r="I41999" s="2">
        <v>0</v>
      </c>
      <c r="J41999" s="2">
        <v>0</v>
      </c>
      <c r="K41999" s="2">
        <v>1</v>
      </c>
      <c r="L41999" t="s">
        <v>995</v>
      </c>
      <c r="M41999" t="s">
        <v>87</v>
      </c>
      <c r="N41999" t="s">
        <v>88</v>
      </c>
      <c r="O41999" t="s">
        <v>85</v>
      </c>
      <c r="P41999" t="s">
        <v>86</v>
      </c>
      <c r="Q41999">
        <v>3</v>
      </c>
      <c r="R41999">
        <v>3</v>
      </c>
      <c r="S41999">
        <v>3</v>
      </c>
      <c r="T41999">
        <v>3</v>
      </c>
      <c r="U41999">
        <v>3</v>
      </c>
      <c r="V41999">
        <v>3</v>
      </c>
      <c r="W41999">
        <v>3</v>
      </c>
      <c r="X41999">
        <v>3</v>
      </c>
      <c r="Y41999">
        <v>3</v>
      </c>
      <c r="Z41999">
        <v>3</v>
      </c>
      <c r="AA41999">
        <v>3</v>
      </c>
      <c r="AB41999">
        <v>3</v>
      </c>
      <c r="AC41999">
        <v>3</v>
      </c>
      <c r="AD41999">
        <v>3</v>
      </c>
      <c r="AE41999">
        <v>3</v>
      </c>
      <c r="AF41999">
        <v>3</v>
      </c>
      <c r="AG41999">
        <v>3</v>
      </c>
      <c r="AH41999">
        <v>3</v>
      </c>
      <c r="AI41999">
        <v>3</v>
      </c>
      <c r="AJ41999">
        <v>3</v>
      </c>
      <c r="AK41999">
        <v>3</v>
      </c>
      <c r="AL41999">
        <v>3</v>
      </c>
      <c r="AM41999">
        <v>3</v>
      </c>
      <c r="AN41999">
        <v>3</v>
      </c>
      <c r="AO41999">
        <v>3</v>
      </c>
      <c r="AP41999">
        <v>3</v>
      </c>
      <c r="AQ41999">
        <v>3</v>
      </c>
    </row>
    <row r="42000" spans="1:43">
      <c r="A42000" t="s">
        <v>25811</v>
      </c>
      <c r="B42000" t="s">
        <v>25812</v>
      </c>
      <c r="C42000" t="s">
        <v>22757</v>
      </c>
      <c r="D42000" t="s">
        <v>22758</v>
      </c>
      <c r="E42000" t="s">
        <v>22737</v>
      </c>
      <c r="F42000" t="s">
        <v>22738</v>
      </c>
      <c r="G42000" t="s">
        <v>11612</v>
      </c>
      <c r="H42000" t="s">
        <v>11613</v>
      </c>
      <c r="I42000" s="2">
        <v>0</v>
      </c>
      <c r="J42000" s="2">
        <v>0</v>
      </c>
      <c r="K42000" s="2">
        <v>1</v>
      </c>
      <c r="L42000" t="s">
        <v>995</v>
      </c>
      <c r="M42000" t="s">
        <v>89</v>
      </c>
      <c r="N42000" t="s">
        <v>90</v>
      </c>
      <c r="O42000" t="s">
        <v>85</v>
      </c>
      <c r="P42000" t="s">
        <v>86</v>
      </c>
      <c r="Q42000">
        <v>3</v>
      </c>
      <c r="R42000">
        <v>3</v>
      </c>
      <c r="S42000">
        <v>3</v>
      </c>
      <c r="T42000">
        <v>3</v>
      </c>
      <c r="U42000">
        <v>3</v>
      </c>
      <c r="V42000">
        <v>3</v>
      </c>
      <c r="W42000">
        <v>3</v>
      </c>
      <c r="X42000">
        <v>3</v>
      </c>
      <c r="Y42000">
        <v>3</v>
      </c>
      <c r="Z42000">
        <v>3</v>
      </c>
      <c r="AA42000">
        <v>3</v>
      </c>
      <c r="AB42000">
        <v>3</v>
      </c>
      <c r="AC42000">
        <v>3</v>
      </c>
      <c r="AD42000">
        <v>3</v>
      </c>
      <c r="AE42000">
        <v>3</v>
      </c>
      <c r="AF42000">
        <v>3</v>
      </c>
      <c r="AG42000">
        <v>3</v>
      </c>
      <c r="AH42000">
        <v>3</v>
      </c>
      <c r="AI42000">
        <v>3</v>
      </c>
      <c r="AJ42000">
        <v>3</v>
      </c>
      <c r="AK42000">
        <v>3</v>
      </c>
      <c r="AL42000">
        <v>3</v>
      </c>
      <c r="AM42000">
        <v>3</v>
      </c>
      <c r="AN42000">
        <v>3</v>
      </c>
      <c r="AO42000">
        <v>3</v>
      </c>
      <c r="AP42000">
        <v>3</v>
      </c>
      <c r="AQ42000">
        <v>3</v>
      </c>
    </row>
    <row r="42001" spans="1:43">
      <c r="A42001" t="s">
        <v>25811</v>
      </c>
      <c r="B42001" t="s">
        <v>25812</v>
      </c>
      <c r="C42001" t="s">
        <v>22757</v>
      </c>
      <c r="D42001" t="s">
        <v>22758</v>
      </c>
      <c r="E42001" t="s">
        <v>22737</v>
      </c>
      <c r="F42001" t="s">
        <v>22738</v>
      </c>
      <c r="G42001" t="s">
        <v>11612</v>
      </c>
      <c r="H42001" t="s">
        <v>11613</v>
      </c>
      <c r="I42001" s="2">
        <v>0</v>
      </c>
      <c r="J42001" s="2">
        <v>0</v>
      </c>
      <c r="K42001" s="2">
        <v>1</v>
      </c>
      <c r="L42001" t="s">
        <v>995</v>
      </c>
      <c r="M42001" t="s">
        <v>83</v>
      </c>
      <c r="N42001" t="s">
        <v>91</v>
      </c>
      <c r="O42001" t="s">
        <v>85</v>
      </c>
      <c r="P42001" t="s">
        <v>86</v>
      </c>
      <c r="Q42001">
        <v>3</v>
      </c>
      <c r="R42001">
        <v>3</v>
      </c>
      <c r="S42001">
        <v>3</v>
      </c>
      <c r="T42001">
        <v>3</v>
      </c>
      <c r="U42001">
        <v>3</v>
      </c>
      <c r="V42001">
        <v>3</v>
      </c>
      <c r="W42001">
        <v>3</v>
      </c>
      <c r="X42001">
        <v>3</v>
      </c>
      <c r="Y42001">
        <v>3</v>
      </c>
      <c r="Z42001">
        <v>3</v>
      </c>
      <c r="AA42001">
        <v>3</v>
      </c>
      <c r="AB42001">
        <v>3</v>
      </c>
      <c r="AC42001">
        <v>3</v>
      </c>
      <c r="AD42001">
        <v>3</v>
      </c>
      <c r="AE42001">
        <v>3</v>
      </c>
      <c r="AF42001">
        <v>3</v>
      </c>
      <c r="AG42001">
        <v>3</v>
      </c>
      <c r="AH42001">
        <v>3</v>
      </c>
      <c r="AI42001">
        <v>3</v>
      </c>
      <c r="AJ42001">
        <v>3</v>
      </c>
      <c r="AK42001">
        <v>3</v>
      </c>
      <c r="AL42001">
        <v>3</v>
      </c>
      <c r="AM42001">
        <v>3</v>
      </c>
      <c r="AN42001">
        <v>3</v>
      </c>
      <c r="AO42001">
        <v>3</v>
      </c>
      <c r="AP42001">
        <v>3</v>
      </c>
      <c r="AQ42001">
        <v>3</v>
      </c>
    </row>
    <row r="42002" spans="1:43">
      <c r="A42002" t="s">
        <v>25813</v>
      </c>
      <c r="B42002" t="s">
        <v>25814</v>
      </c>
      <c r="C42002" t="s">
        <v>22749</v>
      </c>
      <c r="D42002" t="s">
        <v>22750</v>
      </c>
      <c r="E42002" t="s">
        <v>22737</v>
      </c>
      <c r="F42002" t="s">
        <v>22738</v>
      </c>
      <c r="G42002" t="s">
        <v>11612</v>
      </c>
      <c r="H42002" t="s">
        <v>11613</v>
      </c>
      <c r="I42002" s="2">
        <v>0</v>
      </c>
      <c r="J42002" s="2">
        <v>0</v>
      </c>
      <c r="K42002" s="2">
        <v>1</v>
      </c>
      <c r="L42002" t="s">
        <v>995</v>
      </c>
      <c r="M42002" t="s">
        <v>83</v>
      </c>
      <c r="N42002" t="s">
        <v>84</v>
      </c>
      <c r="O42002" t="s">
        <v>85</v>
      </c>
      <c r="P42002" t="s">
        <v>86</v>
      </c>
      <c r="Q42002">
        <v>107</v>
      </c>
      <c r="R42002">
        <v>108</v>
      </c>
      <c r="S42002">
        <v>109</v>
      </c>
      <c r="T42002">
        <v>110</v>
      </c>
      <c r="U42002">
        <v>111</v>
      </c>
      <c r="V42002">
        <v>112</v>
      </c>
      <c r="W42002">
        <v>112</v>
      </c>
      <c r="X42002">
        <v>113</v>
      </c>
      <c r="Y42002">
        <v>114</v>
      </c>
      <c r="Z42002">
        <v>115</v>
      </c>
      <c r="AA42002">
        <v>116</v>
      </c>
      <c r="AB42002">
        <v>116</v>
      </c>
      <c r="AC42002">
        <v>117</v>
      </c>
      <c r="AD42002">
        <v>117</v>
      </c>
      <c r="AE42002">
        <v>118</v>
      </c>
      <c r="AF42002">
        <v>118</v>
      </c>
      <c r="AG42002">
        <v>119</v>
      </c>
      <c r="AH42002">
        <v>120</v>
      </c>
      <c r="AI42002">
        <v>120</v>
      </c>
      <c r="AJ42002">
        <v>121</v>
      </c>
      <c r="AK42002">
        <v>121</v>
      </c>
      <c r="AL42002">
        <v>121</v>
      </c>
      <c r="AM42002">
        <v>120</v>
      </c>
      <c r="AN42002">
        <v>120</v>
      </c>
      <c r="AO42002">
        <v>119</v>
      </c>
      <c r="AP42002">
        <v>118</v>
      </c>
      <c r="AQ42002">
        <v>118</v>
      </c>
    </row>
    <row r="42003" spans="1:43">
      <c r="A42003" t="s">
        <v>25813</v>
      </c>
      <c r="B42003" t="s">
        <v>25814</v>
      </c>
      <c r="C42003" t="s">
        <v>22749</v>
      </c>
      <c r="D42003" t="s">
        <v>22750</v>
      </c>
      <c r="E42003" t="s">
        <v>22737</v>
      </c>
      <c r="F42003" t="s">
        <v>22738</v>
      </c>
      <c r="G42003" t="s">
        <v>11612</v>
      </c>
      <c r="H42003" t="s">
        <v>11613</v>
      </c>
      <c r="I42003" s="2">
        <v>0</v>
      </c>
      <c r="J42003" s="2">
        <v>0</v>
      </c>
      <c r="K42003" s="2">
        <v>1</v>
      </c>
      <c r="L42003" t="s">
        <v>995</v>
      </c>
      <c r="M42003" t="s">
        <v>87</v>
      </c>
      <c r="N42003" t="s">
        <v>88</v>
      </c>
      <c r="O42003" t="s">
        <v>85</v>
      </c>
      <c r="P42003" t="s">
        <v>86</v>
      </c>
      <c r="Q42003">
        <v>107</v>
      </c>
      <c r="R42003">
        <v>107</v>
      </c>
      <c r="S42003">
        <v>107</v>
      </c>
      <c r="T42003">
        <v>107</v>
      </c>
      <c r="U42003">
        <v>107</v>
      </c>
      <c r="V42003">
        <v>107</v>
      </c>
      <c r="W42003">
        <v>107</v>
      </c>
      <c r="X42003">
        <v>106</v>
      </c>
      <c r="Y42003">
        <v>106</v>
      </c>
      <c r="Z42003">
        <v>106</v>
      </c>
      <c r="AA42003">
        <v>106</v>
      </c>
      <c r="AB42003">
        <v>106</v>
      </c>
      <c r="AC42003">
        <v>106</v>
      </c>
      <c r="AD42003">
        <v>106</v>
      </c>
      <c r="AE42003">
        <v>106</v>
      </c>
      <c r="AF42003">
        <v>105</v>
      </c>
      <c r="AG42003">
        <v>105</v>
      </c>
      <c r="AH42003">
        <v>105</v>
      </c>
      <c r="AI42003">
        <v>105</v>
      </c>
      <c r="AJ42003">
        <v>105</v>
      </c>
      <c r="AK42003">
        <v>105</v>
      </c>
      <c r="AL42003">
        <v>105</v>
      </c>
      <c r="AM42003">
        <v>104</v>
      </c>
      <c r="AN42003">
        <v>104</v>
      </c>
      <c r="AO42003">
        <v>104</v>
      </c>
      <c r="AP42003">
        <v>104</v>
      </c>
      <c r="AQ42003">
        <v>104</v>
      </c>
    </row>
    <row r="42004" spans="1:43">
      <c r="A42004" t="s">
        <v>25813</v>
      </c>
      <c r="B42004" t="s">
        <v>25814</v>
      </c>
      <c r="C42004" t="s">
        <v>22749</v>
      </c>
      <c r="D42004" t="s">
        <v>22750</v>
      </c>
      <c r="E42004" t="s">
        <v>22737</v>
      </c>
      <c r="F42004" t="s">
        <v>22738</v>
      </c>
      <c r="G42004" t="s">
        <v>11612</v>
      </c>
      <c r="H42004" t="s">
        <v>11613</v>
      </c>
      <c r="I42004" s="2">
        <v>0</v>
      </c>
      <c r="J42004" s="2">
        <v>0</v>
      </c>
      <c r="K42004" s="2">
        <v>1</v>
      </c>
      <c r="L42004" t="s">
        <v>995</v>
      </c>
      <c r="M42004" t="s">
        <v>89</v>
      </c>
      <c r="N42004" t="s">
        <v>90</v>
      </c>
      <c r="O42004" t="s">
        <v>85</v>
      </c>
      <c r="P42004" t="s">
        <v>86</v>
      </c>
      <c r="Q42004">
        <v>107</v>
      </c>
      <c r="R42004">
        <v>109</v>
      </c>
      <c r="S42004">
        <v>111</v>
      </c>
      <c r="T42004">
        <v>112</v>
      </c>
      <c r="U42004">
        <v>114</v>
      </c>
      <c r="V42004">
        <v>116</v>
      </c>
      <c r="W42004">
        <v>117</v>
      </c>
      <c r="X42004">
        <v>118</v>
      </c>
      <c r="Y42004">
        <v>120</v>
      </c>
      <c r="Z42004">
        <v>121</v>
      </c>
      <c r="AA42004">
        <v>122</v>
      </c>
      <c r="AB42004">
        <v>123</v>
      </c>
      <c r="AC42004">
        <v>124</v>
      </c>
      <c r="AD42004">
        <v>125</v>
      </c>
      <c r="AE42004">
        <v>125</v>
      </c>
      <c r="AF42004">
        <v>125</v>
      </c>
      <c r="AG42004">
        <v>124</v>
      </c>
      <c r="AH42004">
        <v>123</v>
      </c>
      <c r="AI42004">
        <v>123</v>
      </c>
      <c r="AJ42004">
        <v>122</v>
      </c>
      <c r="AK42004">
        <v>122</v>
      </c>
      <c r="AL42004">
        <v>121</v>
      </c>
      <c r="AM42004">
        <v>120</v>
      </c>
      <c r="AN42004">
        <v>120</v>
      </c>
      <c r="AO42004">
        <v>119</v>
      </c>
      <c r="AP42004">
        <v>118</v>
      </c>
      <c r="AQ42004">
        <v>118</v>
      </c>
    </row>
    <row r="42005" spans="1:43">
      <c r="A42005" t="s">
        <v>25813</v>
      </c>
      <c r="B42005" t="s">
        <v>25814</v>
      </c>
      <c r="C42005" t="s">
        <v>22749</v>
      </c>
      <c r="D42005" t="s">
        <v>22750</v>
      </c>
      <c r="E42005" t="s">
        <v>22737</v>
      </c>
      <c r="F42005" t="s">
        <v>22738</v>
      </c>
      <c r="G42005" t="s">
        <v>11612</v>
      </c>
      <c r="H42005" t="s">
        <v>11613</v>
      </c>
      <c r="I42005" s="2">
        <v>0</v>
      </c>
      <c r="J42005" s="2">
        <v>0</v>
      </c>
      <c r="K42005" s="2">
        <v>1</v>
      </c>
      <c r="L42005" t="s">
        <v>995</v>
      </c>
      <c r="M42005" t="s">
        <v>83</v>
      </c>
      <c r="N42005" t="s">
        <v>91</v>
      </c>
      <c r="O42005" t="s">
        <v>85</v>
      </c>
      <c r="P42005" t="s">
        <v>86</v>
      </c>
      <c r="Q42005">
        <v>107</v>
      </c>
      <c r="R42005">
        <v>108</v>
      </c>
      <c r="S42005">
        <v>109</v>
      </c>
      <c r="T42005">
        <v>110</v>
      </c>
      <c r="U42005">
        <v>111</v>
      </c>
      <c r="V42005">
        <v>112</v>
      </c>
      <c r="W42005">
        <v>112</v>
      </c>
      <c r="X42005">
        <v>113</v>
      </c>
      <c r="Y42005">
        <v>114</v>
      </c>
      <c r="Z42005">
        <v>115</v>
      </c>
      <c r="AA42005">
        <v>116</v>
      </c>
      <c r="AB42005">
        <v>116</v>
      </c>
      <c r="AC42005">
        <v>117</v>
      </c>
      <c r="AD42005">
        <v>117</v>
      </c>
      <c r="AE42005">
        <v>118</v>
      </c>
      <c r="AF42005">
        <v>118</v>
      </c>
      <c r="AG42005">
        <v>119</v>
      </c>
      <c r="AH42005">
        <v>120</v>
      </c>
      <c r="AI42005">
        <v>120</v>
      </c>
      <c r="AJ42005">
        <v>121</v>
      </c>
      <c r="AK42005">
        <v>121</v>
      </c>
      <c r="AL42005">
        <v>121</v>
      </c>
      <c r="AM42005">
        <v>120</v>
      </c>
      <c r="AN42005">
        <v>120</v>
      </c>
      <c r="AO42005">
        <v>119</v>
      </c>
      <c r="AP42005">
        <v>118</v>
      </c>
      <c r="AQ42005">
        <v>118</v>
      </c>
    </row>
    <row r="42006" spans="1:43">
      <c r="A42006" t="s">
        <v>25815</v>
      </c>
      <c r="B42006" t="s">
        <v>25816</v>
      </c>
      <c r="C42006" t="s">
        <v>22749</v>
      </c>
      <c r="D42006" t="s">
        <v>22750</v>
      </c>
      <c r="E42006" t="s">
        <v>22737</v>
      </c>
      <c r="F42006" t="s">
        <v>22738</v>
      </c>
      <c r="G42006" t="s">
        <v>11612</v>
      </c>
      <c r="H42006" t="s">
        <v>11613</v>
      </c>
      <c r="I42006" s="2">
        <v>0</v>
      </c>
      <c r="J42006" s="2">
        <v>0</v>
      </c>
      <c r="K42006" s="2">
        <v>1</v>
      </c>
      <c r="L42006" t="s">
        <v>995</v>
      </c>
      <c r="M42006" t="s">
        <v>83</v>
      </c>
      <c r="N42006" t="s">
        <v>84</v>
      </c>
      <c r="O42006" t="s">
        <v>85</v>
      </c>
      <c r="P42006" t="s">
        <v>86</v>
      </c>
      <c r="Q42006">
        <v>53</v>
      </c>
      <c r="R42006">
        <v>53</v>
      </c>
      <c r="S42006">
        <v>54</v>
      </c>
      <c r="T42006">
        <v>54</v>
      </c>
      <c r="U42006">
        <v>54</v>
      </c>
      <c r="V42006">
        <v>55</v>
      </c>
      <c r="W42006">
        <v>55</v>
      </c>
      <c r="X42006">
        <v>56</v>
      </c>
      <c r="Y42006">
        <v>56</v>
      </c>
      <c r="Z42006">
        <v>56</v>
      </c>
      <c r="AA42006">
        <v>57</v>
      </c>
      <c r="AB42006">
        <v>57</v>
      </c>
      <c r="AC42006">
        <v>57</v>
      </c>
      <c r="AD42006">
        <v>58</v>
      </c>
      <c r="AE42006">
        <v>58</v>
      </c>
      <c r="AF42006">
        <v>58</v>
      </c>
      <c r="AG42006">
        <v>59</v>
      </c>
      <c r="AH42006">
        <v>59</v>
      </c>
      <c r="AI42006">
        <v>59</v>
      </c>
      <c r="AJ42006">
        <v>59</v>
      </c>
      <c r="AK42006">
        <v>60</v>
      </c>
      <c r="AL42006">
        <v>59</v>
      </c>
      <c r="AM42006">
        <v>59</v>
      </c>
      <c r="AN42006">
        <v>59</v>
      </c>
      <c r="AO42006">
        <v>59</v>
      </c>
      <c r="AP42006">
        <v>58</v>
      </c>
      <c r="AQ42006">
        <v>58</v>
      </c>
    </row>
    <row r="42007" spans="1:43">
      <c r="A42007" t="s">
        <v>25815</v>
      </c>
      <c r="B42007" t="s">
        <v>25816</v>
      </c>
      <c r="C42007" t="s">
        <v>22749</v>
      </c>
      <c r="D42007" t="s">
        <v>22750</v>
      </c>
      <c r="E42007" t="s">
        <v>22737</v>
      </c>
      <c r="F42007" t="s">
        <v>22738</v>
      </c>
      <c r="G42007" t="s">
        <v>11612</v>
      </c>
      <c r="H42007" t="s">
        <v>11613</v>
      </c>
      <c r="I42007" s="2">
        <v>0</v>
      </c>
      <c r="J42007" s="2">
        <v>0</v>
      </c>
      <c r="K42007" s="2">
        <v>1</v>
      </c>
      <c r="L42007" t="s">
        <v>995</v>
      </c>
      <c r="M42007" t="s">
        <v>87</v>
      </c>
      <c r="N42007" t="s">
        <v>88</v>
      </c>
      <c r="O42007" t="s">
        <v>85</v>
      </c>
      <c r="P42007" t="s">
        <v>86</v>
      </c>
      <c r="Q42007">
        <v>53</v>
      </c>
      <c r="R42007">
        <v>53</v>
      </c>
      <c r="S42007">
        <v>53</v>
      </c>
      <c r="T42007">
        <v>53</v>
      </c>
      <c r="U42007">
        <v>53</v>
      </c>
      <c r="V42007">
        <v>53</v>
      </c>
      <c r="W42007">
        <v>53</v>
      </c>
      <c r="X42007">
        <v>53</v>
      </c>
      <c r="Y42007">
        <v>53</v>
      </c>
      <c r="Z42007">
        <v>53</v>
      </c>
      <c r="AA42007">
        <v>53</v>
      </c>
      <c r="AB42007">
        <v>53</v>
      </c>
      <c r="AC42007">
        <v>53</v>
      </c>
      <c r="AD42007">
        <v>53</v>
      </c>
      <c r="AE42007">
        <v>53</v>
      </c>
      <c r="AF42007">
        <v>52</v>
      </c>
      <c r="AG42007">
        <v>52</v>
      </c>
      <c r="AH42007">
        <v>52</v>
      </c>
      <c r="AI42007">
        <v>52</v>
      </c>
      <c r="AJ42007">
        <v>52</v>
      </c>
      <c r="AK42007">
        <v>52</v>
      </c>
      <c r="AL42007">
        <v>52</v>
      </c>
      <c r="AM42007">
        <v>52</v>
      </c>
      <c r="AN42007">
        <v>52</v>
      </c>
      <c r="AO42007">
        <v>52</v>
      </c>
      <c r="AP42007">
        <v>52</v>
      </c>
      <c r="AQ42007">
        <v>52</v>
      </c>
    </row>
    <row r="42008" spans="1:43">
      <c r="A42008" t="s">
        <v>25815</v>
      </c>
      <c r="B42008" t="s">
        <v>25816</v>
      </c>
      <c r="C42008" t="s">
        <v>22749</v>
      </c>
      <c r="D42008" t="s">
        <v>22750</v>
      </c>
      <c r="E42008" t="s">
        <v>22737</v>
      </c>
      <c r="F42008" t="s">
        <v>22738</v>
      </c>
      <c r="G42008" t="s">
        <v>11612</v>
      </c>
      <c r="H42008" t="s">
        <v>11613</v>
      </c>
      <c r="I42008" s="2">
        <v>0</v>
      </c>
      <c r="J42008" s="2">
        <v>0</v>
      </c>
      <c r="K42008" s="2">
        <v>1</v>
      </c>
      <c r="L42008" t="s">
        <v>995</v>
      </c>
      <c r="M42008" t="s">
        <v>89</v>
      </c>
      <c r="N42008" t="s">
        <v>90</v>
      </c>
      <c r="O42008" t="s">
        <v>85</v>
      </c>
      <c r="P42008" t="s">
        <v>86</v>
      </c>
      <c r="Q42008">
        <v>53</v>
      </c>
      <c r="R42008">
        <v>54</v>
      </c>
      <c r="S42008">
        <v>55</v>
      </c>
      <c r="T42008">
        <v>56</v>
      </c>
      <c r="U42008">
        <v>57</v>
      </c>
      <c r="V42008">
        <v>57</v>
      </c>
      <c r="W42008">
        <v>58</v>
      </c>
      <c r="X42008">
        <v>59</v>
      </c>
      <c r="Y42008">
        <v>59</v>
      </c>
      <c r="Z42008">
        <v>60</v>
      </c>
      <c r="AA42008">
        <v>60</v>
      </c>
      <c r="AB42008">
        <v>61</v>
      </c>
      <c r="AC42008">
        <v>61</v>
      </c>
      <c r="AD42008">
        <v>62</v>
      </c>
      <c r="AE42008">
        <v>62</v>
      </c>
      <c r="AF42008">
        <v>62</v>
      </c>
      <c r="AG42008">
        <v>61</v>
      </c>
      <c r="AH42008">
        <v>61</v>
      </c>
      <c r="AI42008">
        <v>61</v>
      </c>
      <c r="AJ42008">
        <v>61</v>
      </c>
      <c r="AK42008">
        <v>60</v>
      </c>
      <c r="AL42008">
        <v>60</v>
      </c>
      <c r="AM42008">
        <v>60</v>
      </c>
      <c r="AN42008">
        <v>59</v>
      </c>
      <c r="AO42008">
        <v>59</v>
      </c>
      <c r="AP42008">
        <v>59</v>
      </c>
      <c r="AQ42008">
        <v>58</v>
      </c>
    </row>
    <row r="42009" spans="1:43">
      <c r="A42009" t="s">
        <v>25815</v>
      </c>
      <c r="B42009" t="s">
        <v>25816</v>
      </c>
      <c r="C42009" t="s">
        <v>22749</v>
      </c>
      <c r="D42009" t="s">
        <v>22750</v>
      </c>
      <c r="E42009" t="s">
        <v>22737</v>
      </c>
      <c r="F42009" t="s">
        <v>22738</v>
      </c>
      <c r="G42009" t="s">
        <v>11612</v>
      </c>
      <c r="H42009" t="s">
        <v>11613</v>
      </c>
      <c r="I42009" s="2">
        <v>0</v>
      </c>
      <c r="J42009" s="2">
        <v>0</v>
      </c>
      <c r="K42009" s="2">
        <v>1</v>
      </c>
      <c r="L42009" t="s">
        <v>995</v>
      </c>
      <c r="M42009" t="s">
        <v>83</v>
      </c>
      <c r="N42009" t="s">
        <v>91</v>
      </c>
      <c r="O42009" t="s">
        <v>85</v>
      </c>
      <c r="P42009" t="s">
        <v>86</v>
      </c>
      <c r="Q42009">
        <v>53</v>
      </c>
      <c r="R42009">
        <v>53</v>
      </c>
      <c r="S42009">
        <v>54</v>
      </c>
      <c r="T42009">
        <v>54</v>
      </c>
      <c r="U42009">
        <v>54</v>
      </c>
      <c r="V42009">
        <v>55</v>
      </c>
      <c r="W42009">
        <v>55</v>
      </c>
      <c r="X42009">
        <v>56</v>
      </c>
      <c r="Y42009">
        <v>56</v>
      </c>
      <c r="Z42009">
        <v>56</v>
      </c>
      <c r="AA42009">
        <v>57</v>
      </c>
      <c r="AB42009">
        <v>57</v>
      </c>
      <c r="AC42009">
        <v>57</v>
      </c>
      <c r="AD42009">
        <v>58</v>
      </c>
      <c r="AE42009">
        <v>58</v>
      </c>
      <c r="AF42009">
        <v>58</v>
      </c>
      <c r="AG42009">
        <v>59</v>
      </c>
      <c r="AH42009">
        <v>59</v>
      </c>
      <c r="AI42009">
        <v>59</v>
      </c>
      <c r="AJ42009">
        <v>59</v>
      </c>
      <c r="AK42009">
        <v>60</v>
      </c>
      <c r="AL42009">
        <v>59</v>
      </c>
      <c r="AM42009">
        <v>59</v>
      </c>
      <c r="AN42009">
        <v>59</v>
      </c>
      <c r="AO42009">
        <v>59</v>
      </c>
      <c r="AP42009">
        <v>58</v>
      </c>
      <c r="AQ42009">
        <v>58</v>
      </c>
    </row>
    <row r="42010" spans="1:43">
      <c r="A42010" t="s">
        <v>25817</v>
      </c>
      <c r="B42010" t="s">
        <v>25818</v>
      </c>
      <c r="C42010" t="s">
        <v>23737</v>
      </c>
      <c r="D42010" t="s">
        <v>23738</v>
      </c>
      <c r="E42010" t="s">
        <v>23649</v>
      </c>
      <c r="F42010" t="s">
        <v>23650</v>
      </c>
      <c r="G42010" t="s">
        <v>22539</v>
      </c>
      <c r="H42010" t="s">
        <v>22540</v>
      </c>
      <c r="I42010" s="2">
        <v>0</v>
      </c>
      <c r="J42010" s="2">
        <v>0</v>
      </c>
      <c r="K42010" s="2">
        <v>1</v>
      </c>
      <c r="L42010" t="s">
        <v>995</v>
      </c>
      <c r="M42010" t="s">
        <v>83</v>
      </c>
      <c r="N42010" t="s">
        <v>84</v>
      </c>
      <c r="O42010" t="s">
        <v>85</v>
      </c>
      <c r="P42010" t="s">
        <v>86</v>
      </c>
      <c r="Q42010">
        <v>63</v>
      </c>
      <c r="R42010">
        <v>64</v>
      </c>
      <c r="S42010">
        <v>65</v>
      </c>
      <c r="T42010">
        <v>67</v>
      </c>
      <c r="U42010">
        <v>68</v>
      </c>
      <c r="V42010">
        <v>69</v>
      </c>
      <c r="W42010">
        <v>70</v>
      </c>
      <c r="X42010">
        <v>71</v>
      </c>
      <c r="Y42010">
        <v>72</v>
      </c>
      <c r="Z42010">
        <v>73</v>
      </c>
      <c r="AA42010">
        <v>74</v>
      </c>
      <c r="AB42010">
        <v>75</v>
      </c>
      <c r="AC42010">
        <v>77</v>
      </c>
      <c r="AD42010">
        <v>78</v>
      </c>
      <c r="AE42010">
        <v>79</v>
      </c>
      <c r="AF42010">
        <v>80</v>
      </c>
      <c r="AG42010">
        <v>81</v>
      </c>
      <c r="AH42010">
        <v>82</v>
      </c>
      <c r="AI42010">
        <v>83</v>
      </c>
      <c r="AJ42010">
        <v>85</v>
      </c>
      <c r="AK42010">
        <v>86</v>
      </c>
      <c r="AL42010">
        <v>86</v>
      </c>
      <c r="AM42010">
        <v>87</v>
      </c>
      <c r="AN42010">
        <v>87</v>
      </c>
      <c r="AO42010">
        <v>88</v>
      </c>
      <c r="AP42010">
        <v>88</v>
      </c>
      <c r="AQ42010">
        <v>89</v>
      </c>
    </row>
    <row r="42011" spans="1:43">
      <c r="A42011" t="s">
        <v>25817</v>
      </c>
      <c r="B42011" t="s">
        <v>25818</v>
      </c>
      <c r="C42011" t="s">
        <v>23737</v>
      </c>
      <c r="D42011" t="s">
        <v>23738</v>
      </c>
      <c r="E42011" t="s">
        <v>23649</v>
      </c>
      <c r="F42011" t="s">
        <v>23650</v>
      </c>
      <c r="G42011" t="s">
        <v>22539</v>
      </c>
      <c r="H42011" t="s">
        <v>22540</v>
      </c>
      <c r="I42011" s="2">
        <v>0</v>
      </c>
      <c r="J42011" s="2">
        <v>0</v>
      </c>
      <c r="K42011" s="2">
        <v>1</v>
      </c>
      <c r="L42011" t="s">
        <v>995</v>
      </c>
      <c r="M42011" t="s">
        <v>87</v>
      </c>
      <c r="N42011" t="s">
        <v>88</v>
      </c>
      <c r="O42011" t="s">
        <v>85</v>
      </c>
      <c r="P42011" t="s">
        <v>86</v>
      </c>
      <c r="Q42011">
        <v>63</v>
      </c>
      <c r="R42011">
        <v>63</v>
      </c>
      <c r="S42011">
        <v>64</v>
      </c>
      <c r="T42011">
        <v>64</v>
      </c>
      <c r="U42011">
        <v>65</v>
      </c>
      <c r="V42011">
        <v>65</v>
      </c>
      <c r="W42011">
        <v>66</v>
      </c>
      <c r="X42011">
        <v>66</v>
      </c>
      <c r="Y42011">
        <v>67</v>
      </c>
      <c r="Z42011">
        <v>67</v>
      </c>
      <c r="AA42011">
        <v>68</v>
      </c>
      <c r="AB42011">
        <v>68</v>
      </c>
      <c r="AC42011">
        <v>69</v>
      </c>
      <c r="AD42011">
        <v>69</v>
      </c>
      <c r="AE42011">
        <v>70</v>
      </c>
      <c r="AF42011">
        <v>70</v>
      </c>
      <c r="AG42011">
        <v>71</v>
      </c>
      <c r="AH42011">
        <v>71</v>
      </c>
      <c r="AI42011">
        <v>72</v>
      </c>
      <c r="AJ42011">
        <v>73</v>
      </c>
      <c r="AK42011">
        <v>73</v>
      </c>
      <c r="AL42011">
        <v>74</v>
      </c>
      <c r="AM42011">
        <v>74</v>
      </c>
      <c r="AN42011">
        <v>75</v>
      </c>
      <c r="AO42011">
        <v>76</v>
      </c>
      <c r="AP42011">
        <v>76</v>
      </c>
      <c r="AQ42011">
        <v>77</v>
      </c>
    </row>
    <row r="42012" spans="1:43">
      <c r="A42012" t="s">
        <v>25817</v>
      </c>
      <c r="B42012" t="s">
        <v>25818</v>
      </c>
      <c r="C42012" t="s">
        <v>23737</v>
      </c>
      <c r="D42012" t="s">
        <v>23738</v>
      </c>
      <c r="E42012" t="s">
        <v>23649</v>
      </c>
      <c r="F42012" t="s">
        <v>23650</v>
      </c>
      <c r="G42012" t="s">
        <v>22539</v>
      </c>
      <c r="H42012" t="s">
        <v>22540</v>
      </c>
      <c r="I42012" s="2">
        <v>0</v>
      </c>
      <c r="J42012" s="2">
        <v>0</v>
      </c>
      <c r="K42012" s="2">
        <v>1</v>
      </c>
      <c r="L42012" t="s">
        <v>995</v>
      </c>
      <c r="M42012" t="s">
        <v>89</v>
      </c>
      <c r="N42012" t="s">
        <v>90</v>
      </c>
      <c r="O42012" t="s">
        <v>85</v>
      </c>
      <c r="P42012" t="s">
        <v>86</v>
      </c>
      <c r="Q42012">
        <v>63</v>
      </c>
      <c r="R42012">
        <v>65</v>
      </c>
      <c r="S42012">
        <v>66</v>
      </c>
      <c r="T42012">
        <v>68</v>
      </c>
      <c r="U42012">
        <v>69</v>
      </c>
      <c r="V42012">
        <v>71</v>
      </c>
      <c r="W42012">
        <v>72</v>
      </c>
      <c r="X42012">
        <v>74</v>
      </c>
      <c r="Y42012">
        <v>75</v>
      </c>
      <c r="Z42012">
        <v>77</v>
      </c>
      <c r="AA42012">
        <v>78</v>
      </c>
      <c r="AB42012">
        <v>80</v>
      </c>
      <c r="AC42012">
        <v>81</v>
      </c>
      <c r="AD42012">
        <v>83</v>
      </c>
      <c r="AE42012">
        <v>84</v>
      </c>
      <c r="AF42012">
        <v>84</v>
      </c>
      <c r="AG42012">
        <v>84</v>
      </c>
      <c r="AH42012">
        <v>85</v>
      </c>
      <c r="AI42012">
        <v>85</v>
      </c>
      <c r="AJ42012">
        <v>85</v>
      </c>
      <c r="AK42012">
        <v>86</v>
      </c>
      <c r="AL42012">
        <v>86</v>
      </c>
      <c r="AM42012">
        <v>87</v>
      </c>
      <c r="AN42012">
        <v>87</v>
      </c>
      <c r="AO42012">
        <v>88</v>
      </c>
      <c r="AP42012">
        <v>88</v>
      </c>
      <c r="AQ42012">
        <v>88</v>
      </c>
    </row>
    <row r="42013" spans="1:43">
      <c r="A42013" t="s">
        <v>25817</v>
      </c>
      <c r="B42013" t="s">
        <v>25818</v>
      </c>
      <c r="C42013" t="s">
        <v>23737</v>
      </c>
      <c r="D42013" t="s">
        <v>23738</v>
      </c>
      <c r="E42013" t="s">
        <v>23649</v>
      </c>
      <c r="F42013" t="s">
        <v>23650</v>
      </c>
      <c r="G42013" t="s">
        <v>22539</v>
      </c>
      <c r="H42013" t="s">
        <v>22540</v>
      </c>
      <c r="I42013" s="2">
        <v>0</v>
      </c>
      <c r="J42013" s="2">
        <v>0</v>
      </c>
      <c r="K42013" s="2">
        <v>1</v>
      </c>
      <c r="L42013" t="s">
        <v>995</v>
      </c>
      <c r="M42013" t="s">
        <v>83</v>
      </c>
      <c r="N42013" t="s">
        <v>91</v>
      </c>
      <c r="O42013" t="s">
        <v>85</v>
      </c>
      <c r="P42013" t="s">
        <v>86</v>
      </c>
      <c r="Q42013">
        <v>63</v>
      </c>
      <c r="R42013">
        <v>64</v>
      </c>
      <c r="S42013">
        <v>65</v>
      </c>
      <c r="T42013">
        <v>67</v>
      </c>
      <c r="U42013">
        <v>68</v>
      </c>
      <c r="V42013">
        <v>69</v>
      </c>
      <c r="W42013">
        <v>70</v>
      </c>
      <c r="X42013">
        <v>71</v>
      </c>
      <c r="Y42013">
        <v>72</v>
      </c>
      <c r="Z42013">
        <v>73</v>
      </c>
      <c r="AA42013">
        <v>74</v>
      </c>
      <c r="AB42013">
        <v>75</v>
      </c>
      <c r="AC42013">
        <v>77</v>
      </c>
      <c r="AD42013">
        <v>78</v>
      </c>
      <c r="AE42013">
        <v>79</v>
      </c>
      <c r="AF42013">
        <v>80</v>
      </c>
      <c r="AG42013">
        <v>81</v>
      </c>
      <c r="AH42013">
        <v>82</v>
      </c>
      <c r="AI42013">
        <v>83</v>
      </c>
      <c r="AJ42013">
        <v>85</v>
      </c>
      <c r="AK42013">
        <v>86</v>
      </c>
      <c r="AL42013">
        <v>86</v>
      </c>
      <c r="AM42013">
        <v>87</v>
      </c>
      <c r="AN42013">
        <v>87</v>
      </c>
      <c r="AO42013">
        <v>88</v>
      </c>
      <c r="AP42013">
        <v>88</v>
      </c>
      <c r="AQ42013">
        <v>89</v>
      </c>
    </row>
    <row r="42014" spans="1:43">
      <c r="A42014" t="s">
        <v>25819</v>
      </c>
      <c r="B42014" t="s">
        <v>25820</v>
      </c>
      <c r="C42014" t="s">
        <v>23675</v>
      </c>
      <c r="D42014" t="s">
        <v>23676</v>
      </c>
      <c r="E42014" t="s">
        <v>23649</v>
      </c>
      <c r="F42014" t="s">
        <v>23650</v>
      </c>
      <c r="G42014" t="s">
        <v>22539</v>
      </c>
      <c r="H42014" t="s">
        <v>22540</v>
      </c>
      <c r="I42014" s="2">
        <v>0</v>
      </c>
      <c r="J42014" s="2">
        <v>0</v>
      </c>
      <c r="K42014" s="2">
        <v>1</v>
      </c>
      <c r="L42014" t="s">
        <v>995</v>
      </c>
      <c r="M42014" t="s">
        <v>83</v>
      </c>
      <c r="N42014" t="s">
        <v>84</v>
      </c>
      <c r="O42014" t="s">
        <v>85</v>
      </c>
      <c r="P42014" t="s">
        <v>86</v>
      </c>
      <c r="Q42014">
        <v>24</v>
      </c>
      <c r="R42014">
        <v>24</v>
      </c>
      <c r="S42014">
        <v>25</v>
      </c>
      <c r="T42014">
        <v>25</v>
      </c>
      <c r="U42014">
        <v>26</v>
      </c>
      <c r="V42014">
        <v>26</v>
      </c>
      <c r="W42014">
        <v>26</v>
      </c>
      <c r="X42014">
        <v>27</v>
      </c>
      <c r="Y42014">
        <v>27</v>
      </c>
      <c r="Z42014">
        <v>28</v>
      </c>
      <c r="AA42014">
        <v>28</v>
      </c>
      <c r="AB42014">
        <v>29</v>
      </c>
      <c r="AC42014">
        <v>29</v>
      </c>
      <c r="AD42014">
        <v>29</v>
      </c>
      <c r="AE42014">
        <v>30</v>
      </c>
      <c r="AF42014">
        <v>30</v>
      </c>
      <c r="AG42014">
        <v>31</v>
      </c>
      <c r="AH42014">
        <v>31</v>
      </c>
      <c r="AI42014">
        <v>31</v>
      </c>
      <c r="AJ42014">
        <v>32</v>
      </c>
      <c r="AK42014">
        <v>32</v>
      </c>
      <c r="AL42014">
        <v>32</v>
      </c>
      <c r="AM42014">
        <v>32</v>
      </c>
      <c r="AN42014">
        <v>33</v>
      </c>
      <c r="AO42014">
        <v>33</v>
      </c>
      <c r="AP42014">
        <v>33</v>
      </c>
      <c r="AQ42014">
        <v>33</v>
      </c>
    </row>
    <row r="42015" spans="1:43">
      <c r="A42015" t="s">
        <v>25819</v>
      </c>
      <c r="B42015" t="s">
        <v>25820</v>
      </c>
      <c r="C42015" t="s">
        <v>23675</v>
      </c>
      <c r="D42015" t="s">
        <v>23676</v>
      </c>
      <c r="E42015" t="s">
        <v>23649</v>
      </c>
      <c r="F42015" t="s">
        <v>23650</v>
      </c>
      <c r="G42015" t="s">
        <v>22539</v>
      </c>
      <c r="H42015" t="s">
        <v>22540</v>
      </c>
      <c r="I42015" s="2">
        <v>0</v>
      </c>
      <c r="J42015" s="2">
        <v>0</v>
      </c>
      <c r="K42015" s="2">
        <v>1</v>
      </c>
      <c r="L42015" t="s">
        <v>995</v>
      </c>
      <c r="M42015" t="s">
        <v>87</v>
      </c>
      <c r="N42015" t="s">
        <v>88</v>
      </c>
      <c r="O42015" t="s">
        <v>85</v>
      </c>
      <c r="P42015" t="s">
        <v>86</v>
      </c>
      <c r="Q42015">
        <v>24</v>
      </c>
      <c r="R42015">
        <v>24</v>
      </c>
      <c r="S42015">
        <v>24</v>
      </c>
      <c r="T42015">
        <v>24</v>
      </c>
      <c r="U42015">
        <v>24</v>
      </c>
      <c r="V42015">
        <v>25</v>
      </c>
      <c r="W42015">
        <v>25</v>
      </c>
      <c r="X42015">
        <v>25</v>
      </c>
      <c r="Y42015">
        <v>25</v>
      </c>
      <c r="Z42015">
        <v>25</v>
      </c>
      <c r="AA42015">
        <v>26</v>
      </c>
      <c r="AB42015">
        <v>26</v>
      </c>
      <c r="AC42015">
        <v>26</v>
      </c>
      <c r="AD42015">
        <v>26</v>
      </c>
      <c r="AE42015">
        <v>26</v>
      </c>
      <c r="AF42015">
        <v>27</v>
      </c>
      <c r="AG42015">
        <v>27</v>
      </c>
      <c r="AH42015">
        <v>27</v>
      </c>
      <c r="AI42015">
        <v>27</v>
      </c>
      <c r="AJ42015">
        <v>27</v>
      </c>
      <c r="AK42015">
        <v>28</v>
      </c>
      <c r="AL42015">
        <v>28</v>
      </c>
      <c r="AM42015">
        <v>28</v>
      </c>
      <c r="AN42015">
        <v>28</v>
      </c>
      <c r="AO42015">
        <v>28</v>
      </c>
      <c r="AP42015">
        <v>29</v>
      </c>
      <c r="AQ42015">
        <v>29</v>
      </c>
    </row>
    <row r="42016" spans="1:43">
      <c r="A42016" t="s">
        <v>25819</v>
      </c>
      <c r="B42016" t="s">
        <v>25820</v>
      </c>
      <c r="C42016" t="s">
        <v>23675</v>
      </c>
      <c r="D42016" t="s">
        <v>23676</v>
      </c>
      <c r="E42016" t="s">
        <v>23649</v>
      </c>
      <c r="F42016" t="s">
        <v>23650</v>
      </c>
      <c r="G42016" t="s">
        <v>22539</v>
      </c>
      <c r="H42016" t="s">
        <v>22540</v>
      </c>
      <c r="I42016" s="2">
        <v>0</v>
      </c>
      <c r="J42016" s="2">
        <v>0</v>
      </c>
      <c r="K42016" s="2">
        <v>1</v>
      </c>
      <c r="L42016" t="s">
        <v>995</v>
      </c>
      <c r="M42016" t="s">
        <v>89</v>
      </c>
      <c r="N42016" t="s">
        <v>90</v>
      </c>
      <c r="O42016" t="s">
        <v>85</v>
      </c>
      <c r="P42016" t="s">
        <v>86</v>
      </c>
      <c r="Q42016">
        <v>24</v>
      </c>
      <c r="R42016">
        <v>25</v>
      </c>
      <c r="S42016">
        <v>25</v>
      </c>
      <c r="T42016">
        <v>26</v>
      </c>
      <c r="U42016">
        <v>27</v>
      </c>
      <c r="V42016">
        <v>27</v>
      </c>
      <c r="W42016">
        <v>28</v>
      </c>
      <c r="X42016">
        <v>28</v>
      </c>
      <c r="Y42016">
        <v>29</v>
      </c>
      <c r="Z42016">
        <v>29</v>
      </c>
      <c r="AA42016">
        <v>30</v>
      </c>
      <c r="AB42016">
        <v>30</v>
      </c>
      <c r="AC42016">
        <v>31</v>
      </c>
      <c r="AD42016">
        <v>31</v>
      </c>
      <c r="AE42016">
        <v>32</v>
      </c>
      <c r="AF42016">
        <v>32</v>
      </c>
      <c r="AG42016">
        <v>32</v>
      </c>
      <c r="AH42016">
        <v>32</v>
      </c>
      <c r="AI42016">
        <v>32</v>
      </c>
      <c r="AJ42016">
        <v>32</v>
      </c>
      <c r="AK42016">
        <v>32</v>
      </c>
      <c r="AL42016">
        <v>33</v>
      </c>
      <c r="AM42016">
        <v>33</v>
      </c>
      <c r="AN42016">
        <v>33</v>
      </c>
      <c r="AO42016">
        <v>33</v>
      </c>
      <c r="AP42016">
        <v>33</v>
      </c>
      <c r="AQ42016">
        <v>33</v>
      </c>
    </row>
    <row r="42017" spans="1:43">
      <c r="A42017" t="s">
        <v>25819</v>
      </c>
      <c r="B42017" t="s">
        <v>25820</v>
      </c>
      <c r="C42017" t="s">
        <v>23675</v>
      </c>
      <c r="D42017" t="s">
        <v>23676</v>
      </c>
      <c r="E42017" t="s">
        <v>23649</v>
      </c>
      <c r="F42017" t="s">
        <v>23650</v>
      </c>
      <c r="G42017" t="s">
        <v>22539</v>
      </c>
      <c r="H42017" t="s">
        <v>22540</v>
      </c>
      <c r="I42017" s="2">
        <v>0</v>
      </c>
      <c r="J42017" s="2">
        <v>0</v>
      </c>
      <c r="K42017" s="2">
        <v>1</v>
      </c>
      <c r="L42017" t="s">
        <v>995</v>
      </c>
      <c r="M42017" t="s">
        <v>83</v>
      </c>
      <c r="N42017" t="s">
        <v>91</v>
      </c>
      <c r="O42017" t="s">
        <v>85</v>
      </c>
      <c r="P42017" t="s">
        <v>86</v>
      </c>
      <c r="Q42017">
        <v>24</v>
      </c>
      <c r="R42017">
        <v>24</v>
      </c>
      <c r="S42017">
        <v>25</v>
      </c>
      <c r="T42017">
        <v>25</v>
      </c>
      <c r="U42017">
        <v>26</v>
      </c>
      <c r="V42017">
        <v>26</v>
      </c>
      <c r="W42017">
        <v>26</v>
      </c>
      <c r="X42017">
        <v>27</v>
      </c>
      <c r="Y42017">
        <v>27</v>
      </c>
      <c r="Z42017">
        <v>28</v>
      </c>
      <c r="AA42017">
        <v>28</v>
      </c>
      <c r="AB42017">
        <v>29</v>
      </c>
      <c r="AC42017">
        <v>29</v>
      </c>
      <c r="AD42017">
        <v>29</v>
      </c>
      <c r="AE42017">
        <v>30</v>
      </c>
      <c r="AF42017">
        <v>30</v>
      </c>
      <c r="AG42017">
        <v>31</v>
      </c>
      <c r="AH42017">
        <v>31</v>
      </c>
      <c r="AI42017">
        <v>31</v>
      </c>
      <c r="AJ42017">
        <v>32</v>
      </c>
      <c r="AK42017">
        <v>32</v>
      </c>
      <c r="AL42017">
        <v>32</v>
      </c>
      <c r="AM42017">
        <v>32</v>
      </c>
      <c r="AN42017">
        <v>33</v>
      </c>
      <c r="AO42017">
        <v>33</v>
      </c>
      <c r="AP42017">
        <v>33</v>
      </c>
      <c r="AQ42017">
        <v>33</v>
      </c>
    </row>
    <row r="42018" spans="1:43">
      <c r="A42018" t="s">
        <v>25821</v>
      </c>
      <c r="B42018" t="s">
        <v>25822</v>
      </c>
      <c r="C42018" t="s">
        <v>23675</v>
      </c>
      <c r="D42018" t="s">
        <v>23676</v>
      </c>
      <c r="E42018" t="s">
        <v>23649</v>
      </c>
      <c r="F42018" t="s">
        <v>23650</v>
      </c>
      <c r="G42018" t="s">
        <v>22539</v>
      </c>
      <c r="H42018" t="s">
        <v>22540</v>
      </c>
      <c r="I42018" s="2">
        <v>0</v>
      </c>
      <c r="J42018" s="2">
        <v>0</v>
      </c>
      <c r="K42018" s="2">
        <v>1</v>
      </c>
      <c r="L42018" t="s">
        <v>995</v>
      </c>
      <c r="M42018" t="s">
        <v>83</v>
      </c>
      <c r="N42018" t="s">
        <v>84</v>
      </c>
      <c r="O42018" t="s">
        <v>85</v>
      </c>
      <c r="P42018" t="s">
        <v>86</v>
      </c>
      <c r="Q42018">
        <v>53</v>
      </c>
      <c r="R42018">
        <v>54</v>
      </c>
      <c r="S42018">
        <v>55</v>
      </c>
      <c r="T42018">
        <v>56</v>
      </c>
      <c r="U42018">
        <v>57</v>
      </c>
      <c r="V42018">
        <v>58</v>
      </c>
      <c r="W42018">
        <v>58</v>
      </c>
      <c r="X42018">
        <v>59</v>
      </c>
      <c r="Y42018">
        <v>60</v>
      </c>
      <c r="Z42018">
        <v>61</v>
      </c>
      <c r="AA42018">
        <v>62</v>
      </c>
      <c r="AB42018">
        <v>63</v>
      </c>
      <c r="AC42018">
        <v>64</v>
      </c>
      <c r="AD42018">
        <v>65</v>
      </c>
      <c r="AE42018">
        <v>66</v>
      </c>
      <c r="AF42018">
        <v>67</v>
      </c>
      <c r="AG42018">
        <v>68</v>
      </c>
      <c r="AH42018">
        <v>68</v>
      </c>
      <c r="AI42018">
        <v>69</v>
      </c>
      <c r="AJ42018">
        <v>70</v>
      </c>
      <c r="AK42018">
        <v>71</v>
      </c>
      <c r="AL42018">
        <v>72</v>
      </c>
      <c r="AM42018">
        <v>72</v>
      </c>
      <c r="AN42018">
        <v>72</v>
      </c>
      <c r="AO42018">
        <v>72</v>
      </c>
      <c r="AP42018">
        <v>73</v>
      </c>
      <c r="AQ42018">
        <v>73</v>
      </c>
    </row>
    <row r="42019" spans="1:43">
      <c r="A42019" t="s">
        <v>25821</v>
      </c>
      <c r="B42019" t="s">
        <v>25822</v>
      </c>
      <c r="C42019" t="s">
        <v>23675</v>
      </c>
      <c r="D42019" t="s">
        <v>23676</v>
      </c>
      <c r="E42019" t="s">
        <v>23649</v>
      </c>
      <c r="F42019" t="s">
        <v>23650</v>
      </c>
      <c r="G42019" t="s">
        <v>22539</v>
      </c>
      <c r="H42019" t="s">
        <v>22540</v>
      </c>
      <c r="I42019" s="2">
        <v>0</v>
      </c>
      <c r="J42019" s="2">
        <v>0</v>
      </c>
      <c r="K42019" s="2">
        <v>1</v>
      </c>
      <c r="L42019" t="s">
        <v>995</v>
      </c>
      <c r="M42019" t="s">
        <v>87</v>
      </c>
      <c r="N42019" t="s">
        <v>88</v>
      </c>
      <c r="O42019" t="s">
        <v>85</v>
      </c>
      <c r="P42019" t="s">
        <v>86</v>
      </c>
      <c r="Q42019">
        <v>53</v>
      </c>
      <c r="R42019">
        <v>53</v>
      </c>
      <c r="S42019">
        <v>53</v>
      </c>
      <c r="T42019">
        <v>54</v>
      </c>
      <c r="U42019">
        <v>54</v>
      </c>
      <c r="V42019">
        <v>55</v>
      </c>
      <c r="W42019">
        <v>55</v>
      </c>
      <c r="X42019">
        <v>55</v>
      </c>
      <c r="Y42019">
        <v>56</v>
      </c>
      <c r="Z42019">
        <v>56</v>
      </c>
      <c r="AA42019">
        <v>57</v>
      </c>
      <c r="AB42019">
        <v>57</v>
      </c>
      <c r="AC42019">
        <v>57</v>
      </c>
      <c r="AD42019">
        <v>58</v>
      </c>
      <c r="AE42019">
        <v>58</v>
      </c>
      <c r="AF42019">
        <v>59</v>
      </c>
      <c r="AG42019">
        <v>59</v>
      </c>
      <c r="AH42019">
        <v>60</v>
      </c>
      <c r="AI42019">
        <v>60</v>
      </c>
      <c r="AJ42019">
        <v>61</v>
      </c>
      <c r="AK42019">
        <v>61</v>
      </c>
      <c r="AL42019">
        <v>62</v>
      </c>
      <c r="AM42019">
        <v>62</v>
      </c>
      <c r="AN42019">
        <v>63</v>
      </c>
      <c r="AO42019">
        <v>63</v>
      </c>
      <c r="AP42019">
        <v>64</v>
      </c>
      <c r="AQ42019">
        <v>64</v>
      </c>
    </row>
    <row r="42020" spans="1:43">
      <c r="A42020" t="s">
        <v>25821</v>
      </c>
      <c r="B42020" t="s">
        <v>25822</v>
      </c>
      <c r="C42020" t="s">
        <v>23675</v>
      </c>
      <c r="D42020" t="s">
        <v>23676</v>
      </c>
      <c r="E42020" t="s">
        <v>23649</v>
      </c>
      <c r="F42020" t="s">
        <v>23650</v>
      </c>
      <c r="G42020" t="s">
        <v>22539</v>
      </c>
      <c r="H42020" t="s">
        <v>22540</v>
      </c>
      <c r="I42020" s="2">
        <v>0</v>
      </c>
      <c r="J42020" s="2">
        <v>0</v>
      </c>
      <c r="K42020" s="2">
        <v>1</v>
      </c>
      <c r="L42020" t="s">
        <v>995</v>
      </c>
      <c r="M42020" t="s">
        <v>89</v>
      </c>
      <c r="N42020" t="s">
        <v>90</v>
      </c>
      <c r="O42020" t="s">
        <v>85</v>
      </c>
      <c r="P42020" t="s">
        <v>86</v>
      </c>
      <c r="Q42020">
        <v>53</v>
      </c>
      <c r="R42020">
        <v>54</v>
      </c>
      <c r="S42020">
        <v>55</v>
      </c>
      <c r="T42020">
        <v>57</v>
      </c>
      <c r="U42020">
        <v>58</v>
      </c>
      <c r="V42020">
        <v>59</v>
      </c>
      <c r="W42020">
        <v>61</v>
      </c>
      <c r="X42020">
        <v>62</v>
      </c>
      <c r="Y42020">
        <v>63</v>
      </c>
      <c r="Z42020">
        <v>64</v>
      </c>
      <c r="AA42020">
        <v>65</v>
      </c>
      <c r="AB42020">
        <v>66</v>
      </c>
      <c r="AC42020">
        <v>67</v>
      </c>
      <c r="AD42020">
        <v>68</v>
      </c>
      <c r="AE42020">
        <v>69</v>
      </c>
      <c r="AF42020">
        <v>69</v>
      </c>
      <c r="AG42020">
        <v>70</v>
      </c>
      <c r="AH42020">
        <v>70</v>
      </c>
      <c r="AI42020">
        <v>70</v>
      </c>
      <c r="AJ42020">
        <v>70</v>
      </c>
      <c r="AK42020">
        <v>71</v>
      </c>
      <c r="AL42020">
        <v>71</v>
      </c>
      <c r="AM42020">
        <v>71</v>
      </c>
      <c r="AN42020">
        <v>71</v>
      </c>
      <c r="AO42020">
        <v>72</v>
      </c>
      <c r="AP42020">
        <v>72</v>
      </c>
      <c r="AQ42020">
        <v>72</v>
      </c>
    </row>
    <row r="42021" spans="1:43">
      <c r="A42021" t="s">
        <v>25821</v>
      </c>
      <c r="B42021" t="s">
        <v>25822</v>
      </c>
      <c r="C42021" t="s">
        <v>23675</v>
      </c>
      <c r="D42021" t="s">
        <v>23676</v>
      </c>
      <c r="E42021" t="s">
        <v>23649</v>
      </c>
      <c r="F42021" t="s">
        <v>23650</v>
      </c>
      <c r="G42021" t="s">
        <v>22539</v>
      </c>
      <c r="H42021" t="s">
        <v>22540</v>
      </c>
      <c r="I42021" s="2">
        <v>0</v>
      </c>
      <c r="J42021" s="2">
        <v>0</v>
      </c>
      <c r="K42021" s="2">
        <v>1</v>
      </c>
      <c r="L42021" t="s">
        <v>995</v>
      </c>
      <c r="M42021" t="s">
        <v>83</v>
      </c>
      <c r="N42021" t="s">
        <v>91</v>
      </c>
      <c r="O42021" t="s">
        <v>85</v>
      </c>
      <c r="P42021" t="s">
        <v>86</v>
      </c>
      <c r="Q42021">
        <v>53</v>
      </c>
      <c r="R42021">
        <v>54</v>
      </c>
      <c r="S42021">
        <v>55</v>
      </c>
      <c r="T42021">
        <v>56</v>
      </c>
      <c r="U42021">
        <v>57</v>
      </c>
      <c r="V42021">
        <v>58</v>
      </c>
      <c r="W42021">
        <v>58</v>
      </c>
      <c r="X42021">
        <v>59</v>
      </c>
      <c r="Y42021">
        <v>60</v>
      </c>
      <c r="Z42021">
        <v>61</v>
      </c>
      <c r="AA42021">
        <v>62</v>
      </c>
      <c r="AB42021">
        <v>63</v>
      </c>
      <c r="AC42021">
        <v>64</v>
      </c>
      <c r="AD42021">
        <v>65</v>
      </c>
      <c r="AE42021">
        <v>66</v>
      </c>
      <c r="AF42021">
        <v>67</v>
      </c>
      <c r="AG42021">
        <v>68</v>
      </c>
      <c r="AH42021">
        <v>68</v>
      </c>
      <c r="AI42021">
        <v>69</v>
      </c>
      <c r="AJ42021">
        <v>70</v>
      </c>
      <c r="AK42021">
        <v>71</v>
      </c>
      <c r="AL42021">
        <v>72</v>
      </c>
      <c r="AM42021">
        <v>72</v>
      </c>
      <c r="AN42021">
        <v>72</v>
      </c>
      <c r="AO42021">
        <v>72</v>
      </c>
      <c r="AP42021">
        <v>73</v>
      </c>
      <c r="AQ42021">
        <v>73</v>
      </c>
    </row>
    <row r="42022" spans="1:43">
      <c r="A42022" t="s">
        <v>25823</v>
      </c>
      <c r="B42022" t="s">
        <v>25824</v>
      </c>
      <c r="C42022" t="s">
        <v>23717</v>
      </c>
      <c r="D42022" t="s">
        <v>23718</v>
      </c>
      <c r="E42022" t="s">
        <v>23649</v>
      </c>
      <c r="F42022" t="s">
        <v>23650</v>
      </c>
      <c r="G42022" t="s">
        <v>22539</v>
      </c>
      <c r="H42022" t="s">
        <v>22540</v>
      </c>
      <c r="I42022" s="2">
        <v>0</v>
      </c>
      <c r="J42022" s="2">
        <v>0</v>
      </c>
      <c r="K42022" s="2">
        <v>1</v>
      </c>
      <c r="L42022" t="s">
        <v>995</v>
      </c>
      <c r="M42022" t="s">
        <v>83</v>
      </c>
      <c r="N42022" t="s">
        <v>84</v>
      </c>
      <c r="O42022" t="s">
        <v>85</v>
      </c>
      <c r="P42022" t="s">
        <v>86</v>
      </c>
      <c r="Q42022">
        <v>22</v>
      </c>
      <c r="R42022">
        <v>23</v>
      </c>
      <c r="S42022">
        <v>23</v>
      </c>
      <c r="T42022">
        <v>23</v>
      </c>
      <c r="U42022">
        <v>24</v>
      </c>
      <c r="V42022">
        <v>24</v>
      </c>
      <c r="W42022">
        <v>25</v>
      </c>
      <c r="X42022">
        <v>25</v>
      </c>
      <c r="Y42022">
        <v>25</v>
      </c>
      <c r="Z42022">
        <v>26</v>
      </c>
      <c r="AA42022">
        <v>26</v>
      </c>
      <c r="AB42022">
        <v>27</v>
      </c>
      <c r="AC42022">
        <v>27</v>
      </c>
      <c r="AD42022">
        <v>27</v>
      </c>
      <c r="AE42022">
        <v>28</v>
      </c>
      <c r="AF42022">
        <v>28</v>
      </c>
      <c r="AG42022">
        <v>29</v>
      </c>
      <c r="AH42022">
        <v>29</v>
      </c>
      <c r="AI42022">
        <v>29</v>
      </c>
      <c r="AJ42022">
        <v>30</v>
      </c>
      <c r="AK42022">
        <v>30</v>
      </c>
      <c r="AL42022">
        <v>30</v>
      </c>
      <c r="AM42022">
        <v>31</v>
      </c>
      <c r="AN42022">
        <v>31</v>
      </c>
      <c r="AO42022">
        <v>31</v>
      </c>
      <c r="AP42022">
        <v>31</v>
      </c>
      <c r="AQ42022">
        <v>31</v>
      </c>
    </row>
    <row r="42023" spans="1:43">
      <c r="A42023" t="s">
        <v>25823</v>
      </c>
      <c r="B42023" t="s">
        <v>25824</v>
      </c>
      <c r="C42023" t="s">
        <v>23717</v>
      </c>
      <c r="D42023" t="s">
        <v>23718</v>
      </c>
      <c r="E42023" t="s">
        <v>23649</v>
      </c>
      <c r="F42023" t="s">
        <v>23650</v>
      </c>
      <c r="G42023" t="s">
        <v>22539</v>
      </c>
      <c r="H42023" t="s">
        <v>22540</v>
      </c>
      <c r="I42023" s="2">
        <v>0</v>
      </c>
      <c r="J42023" s="2">
        <v>0</v>
      </c>
      <c r="K42023" s="2">
        <v>1</v>
      </c>
      <c r="L42023" t="s">
        <v>995</v>
      </c>
      <c r="M42023" t="s">
        <v>87</v>
      </c>
      <c r="N42023" t="s">
        <v>88</v>
      </c>
      <c r="O42023" t="s">
        <v>85</v>
      </c>
      <c r="P42023" t="s">
        <v>86</v>
      </c>
      <c r="Q42023">
        <v>22</v>
      </c>
      <c r="R42023">
        <v>22</v>
      </c>
      <c r="S42023">
        <v>22</v>
      </c>
      <c r="T42023">
        <v>23</v>
      </c>
      <c r="U42023">
        <v>23</v>
      </c>
      <c r="V42023">
        <v>23</v>
      </c>
      <c r="W42023">
        <v>23</v>
      </c>
      <c r="X42023">
        <v>23</v>
      </c>
      <c r="Y42023">
        <v>23</v>
      </c>
      <c r="Z42023">
        <v>24</v>
      </c>
      <c r="AA42023">
        <v>24</v>
      </c>
      <c r="AB42023">
        <v>24</v>
      </c>
      <c r="AC42023">
        <v>24</v>
      </c>
      <c r="AD42023">
        <v>24</v>
      </c>
      <c r="AE42023">
        <v>25</v>
      </c>
      <c r="AF42023">
        <v>25</v>
      </c>
      <c r="AG42023">
        <v>25</v>
      </c>
      <c r="AH42023">
        <v>25</v>
      </c>
      <c r="AI42023">
        <v>25</v>
      </c>
      <c r="AJ42023">
        <v>26</v>
      </c>
      <c r="AK42023">
        <v>26</v>
      </c>
      <c r="AL42023">
        <v>26</v>
      </c>
      <c r="AM42023">
        <v>26</v>
      </c>
      <c r="AN42023">
        <v>26</v>
      </c>
      <c r="AO42023">
        <v>27</v>
      </c>
      <c r="AP42023">
        <v>27</v>
      </c>
      <c r="AQ42023">
        <v>27</v>
      </c>
    </row>
    <row r="42024" spans="1:43">
      <c r="A42024" t="s">
        <v>25823</v>
      </c>
      <c r="B42024" t="s">
        <v>25824</v>
      </c>
      <c r="C42024" t="s">
        <v>23717</v>
      </c>
      <c r="D42024" t="s">
        <v>23718</v>
      </c>
      <c r="E42024" t="s">
        <v>23649</v>
      </c>
      <c r="F42024" t="s">
        <v>23650</v>
      </c>
      <c r="G42024" t="s">
        <v>22539</v>
      </c>
      <c r="H42024" t="s">
        <v>22540</v>
      </c>
      <c r="I42024" s="2">
        <v>0</v>
      </c>
      <c r="J42024" s="2">
        <v>0</v>
      </c>
      <c r="K42024" s="2">
        <v>1</v>
      </c>
      <c r="L42024" t="s">
        <v>995</v>
      </c>
      <c r="M42024" t="s">
        <v>89</v>
      </c>
      <c r="N42024" t="s">
        <v>90</v>
      </c>
      <c r="O42024" t="s">
        <v>85</v>
      </c>
      <c r="P42024" t="s">
        <v>86</v>
      </c>
      <c r="Q42024">
        <v>22</v>
      </c>
      <c r="R42024">
        <v>23</v>
      </c>
      <c r="S42024">
        <v>24</v>
      </c>
      <c r="T42024">
        <v>24</v>
      </c>
      <c r="U42024">
        <v>25</v>
      </c>
      <c r="V42024">
        <v>25</v>
      </c>
      <c r="W42024">
        <v>26</v>
      </c>
      <c r="X42024">
        <v>26</v>
      </c>
      <c r="Y42024">
        <v>27</v>
      </c>
      <c r="Z42024">
        <v>27</v>
      </c>
      <c r="AA42024">
        <v>28</v>
      </c>
      <c r="AB42024">
        <v>28</v>
      </c>
      <c r="AC42024">
        <v>29</v>
      </c>
      <c r="AD42024">
        <v>29</v>
      </c>
      <c r="AE42024">
        <v>30</v>
      </c>
      <c r="AF42024">
        <v>30</v>
      </c>
      <c r="AG42024">
        <v>30</v>
      </c>
      <c r="AH42024">
        <v>30</v>
      </c>
      <c r="AI42024">
        <v>30</v>
      </c>
      <c r="AJ42024">
        <v>30</v>
      </c>
      <c r="AK42024">
        <v>30</v>
      </c>
      <c r="AL42024">
        <v>31</v>
      </c>
      <c r="AM42024">
        <v>31</v>
      </c>
      <c r="AN42024">
        <v>31</v>
      </c>
      <c r="AO42024">
        <v>31</v>
      </c>
      <c r="AP42024">
        <v>31</v>
      </c>
      <c r="AQ42024">
        <v>31</v>
      </c>
    </row>
    <row r="42025" spans="1:43">
      <c r="A42025" t="s">
        <v>25823</v>
      </c>
      <c r="B42025" t="s">
        <v>25824</v>
      </c>
      <c r="C42025" t="s">
        <v>23717</v>
      </c>
      <c r="D42025" t="s">
        <v>23718</v>
      </c>
      <c r="E42025" t="s">
        <v>23649</v>
      </c>
      <c r="F42025" t="s">
        <v>23650</v>
      </c>
      <c r="G42025" t="s">
        <v>22539</v>
      </c>
      <c r="H42025" t="s">
        <v>22540</v>
      </c>
      <c r="I42025" s="2">
        <v>0</v>
      </c>
      <c r="J42025" s="2">
        <v>0</v>
      </c>
      <c r="K42025" s="2">
        <v>1</v>
      </c>
      <c r="L42025" t="s">
        <v>995</v>
      </c>
      <c r="M42025" t="s">
        <v>83</v>
      </c>
      <c r="N42025" t="s">
        <v>91</v>
      </c>
      <c r="O42025" t="s">
        <v>85</v>
      </c>
      <c r="P42025" t="s">
        <v>86</v>
      </c>
      <c r="Q42025">
        <v>22</v>
      </c>
      <c r="R42025">
        <v>23</v>
      </c>
      <c r="S42025">
        <v>23</v>
      </c>
      <c r="T42025">
        <v>23</v>
      </c>
      <c r="U42025">
        <v>24</v>
      </c>
      <c r="V42025">
        <v>24</v>
      </c>
      <c r="W42025">
        <v>25</v>
      </c>
      <c r="X42025">
        <v>25</v>
      </c>
      <c r="Y42025">
        <v>25</v>
      </c>
      <c r="Z42025">
        <v>26</v>
      </c>
      <c r="AA42025">
        <v>26</v>
      </c>
      <c r="AB42025">
        <v>27</v>
      </c>
      <c r="AC42025">
        <v>27</v>
      </c>
      <c r="AD42025">
        <v>27</v>
      </c>
      <c r="AE42025">
        <v>28</v>
      </c>
      <c r="AF42025">
        <v>28</v>
      </c>
      <c r="AG42025">
        <v>29</v>
      </c>
      <c r="AH42025">
        <v>29</v>
      </c>
      <c r="AI42025">
        <v>29</v>
      </c>
      <c r="AJ42025">
        <v>30</v>
      </c>
      <c r="AK42025">
        <v>30</v>
      </c>
      <c r="AL42025">
        <v>30</v>
      </c>
      <c r="AM42025">
        <v>31</v>
      </c>
      <c r="AN42025">
        <v>31</v>
      </c>
      <c r="AO42025">
        <v>31</v>
      </c>
      <c r="AP42025">
        <v>31</v>
      </c>
      <c r="AQ42025">
        <v>31</v>
      </c>
    </row>
    <row r="42026" spans="1:43">
      <c r="A42026" t="s">
        <v>25825</v>
      </c>
      <c r="B42026" t="s">
        <v>25826</v>
      </c>
      <c r="C42026" t="s">
        <v>23717</v>
      </c>
      <c r="D42026" t="s">
        <v>23718</v>
      </c>
      <c r="E42026" t="s">
        <v>23649</v>
      </c>
      <c r="F42026" t="s">
        <v>23650</v>
      </c>
      <c r="G42026" t="s">
        <v>22539</v>
      </c>
      <c r="H42026" t="s">
        <v>22540</v>
      </c>
      <c r="I42026" s="2">
        <v>0</v>
      </c>
      <c r="J42026" s="2">
        <v>0</v>
      </c>
      <c r="K42026" s="2">
        <v>1</v>
      </c>
      <c r="L42026" t="s">
        <v>995</v>
      </c>
      <c r="M42026" t="s">
        <v>83</v>
      </c>
      <c r="N42026" t="s">
        <v>84</v>
      </c>
      <c r="O42026" t="s">
        <v>85</v>
      </c>
      <c r="P42026" t="s">
        <v>86</v>
      </c>
      <c r="Q42026">
        <v>7</v>
      </c>
      <c r="R42026">
        <v>7</v>
      </c>
      <c r="S42026">
        <v>7</v>
      </c>
      <c r="T42026">
        <v>7</v>
      </c>
      <c r="U42026">
        <v>7</v>
      </c>
      <c r="V42026">
        <v>7</v>
      </c>
      <c r="W42026">
        <v>8</v>
      </c>
      <c r="X42026">
        <v>8</v>
      </c>
      <c r="Y42026">
        <v>8</v>
      </c>
      <c r="Z42026">
        <v>8</v>
      </c>
      <c r="AA42026">
        <v>8</v>
      </c>
      <c r="AB42026">
        <v>8</v>
      </c>
      <c r="AC42026">
        <v>8</v>
      </c>
      <c r="AD42026">
        <v>8</v>
      </c>
      <c r="AE42026">
        <v>9</v>
      </c>
      <c r="AF42026">
        <v>9</v>
      </c>
      <c r="AG42026">
        <v>9</v>
      </c>
      <c r="AH42026">
        <v>9</v>
      </c>
      <c r="AI42026">
        <v>9</v>
      </c>
      <c r="AJ42026">
        <v>9</v>
      </c>
      <c r="AK42026">
        <v>9</v>
      </c>
      <c r="AL42026">
        <v>9</v>
      </c>
      <c r="AM42026">
        <v>9</v>
      </c>
      <c r="AN42026">
        <v>9</v>
      </c>
      <c r="AO42026">
        <v>9</v>
      </c>
      <c r="AP42026">
        <v>10</v>
      </c>
      <c r="AQ42026">
        <v>10</v>
      </c>
    </row>
    <row r="42027" spans="1:43">
      <c r="A42027" t="s">
        <v>25825</v>
      </c>
      <c r="B42027" t="s">
        <v>25826</v>
      </c>
      <c r="C42027" t="s">
        <v>23717</v>
      </c>
      <c r="D42027" t="s">
        <v>23718</v>
      </c>
      <c r="E42027" t="s">
        <v>23649</v>
      </c>
      <c r="F42027" t="s">
        <v>23650</v>
      </c>
      <c r="G42027" t="s">
        <v>22539</v>
      </c>
      <c r="H42027" t="s">
        <v>22540</v>
      </c>
      <c r="I42027" s="2">
        <v>0</v>
      </c>
      <c r="J42027" s="2">
        <v>0</v>
      </c>
      <c r="K42027" s="2">
        <v>1</v>
      </c>
      <c r="L42027" t="s">
        <v>995</v>
      </c>
      <c r="M42027" t="s">
        <v>87</v>
      </c>
      <c r="N42027" t="s">
        <v>88</v>
      </c>
      <c r="O42027" t="s">
        <v>85</v>
      </c>
      <c r="P42027" t="s">
        <v>86</v>
      </c>
      <c r="Q42027">
        <v>7</v>
      </c>
      <c r="R42027">
        <v>7</v>
      </c>
      <c r="S42027">
        <v>7</v>
      </c>
      <c r="T42027">
        <v>7</v>
      </c>
      <c r="U42027">
        <v>7</v>
      </c>
      <c r="V42027">
        <v>7</v>
      </c>
      <c r="W42027">
        <v>7</v>
      </c>
      <c r="X42027">
        <v>7</v>
      </c>
      <c r="Y42027">
        <v>7</v>
      </c>
      <c r="Z42027">
        <v>7</v>
      </c>
      <c r="AA42027">
        <v>7</v>
      </c>
      <c r="AB42027">
        <v>7</v>
      </c>
      <c r="AC42027">
        <v>7</v>
      </c>
      <c r="AD42027">
        <v>8</v>
      </c>
      <c r="AE42027">
        <v>8</v>
      </c>
      <c r="AF42027">
        <v>8</v>
      </c>
      <c r="AG42027">
        <v>8</v>
      </c>
      <c r="AH42027">
        <v>8</v>
      </c>
      <c r="AI42027">
        <v>8</v>
      </c>
      <c r="AJ42027">
        <v>8</v>
      </c>
      <c r="AK42027">
        <v>8</v>
      </c>
      <c r="AL42027">
        <v>8</v>
      </c>
      <c r="AM42027">
        <v>8</v>
      </c>
      <c r="AN42027">
        <v>8</v>
      </c>
      <c r="AO42027">
        <v>8</v>
      </c>
      <c r="AP42027">
        <v>8</v>
      </c>
      <c r="AQ42027">
        <v>8</v>
      </c>
    </row>
    <row r="42028" spans="1:43">
      <c r="A42028" t="s">
        <v>25825</v>
      </c>
      <c r="B42028" t="s">
        <v>25826</v>
      </c>
      <c r="C42028" t="s">
        <v>23717</v>
      </c>
      <c r="D42028" t="s">
        <v>23718</v>
      </c>
      <c r="E42028" t="s">
        <v>23649</v>
      </c>
      <c r="F42028" t="s">
        <v>23650</v>
      </c>
      <c r="G42028" t="s">
        <v>22539</v>
      </c>
      <c r="H42028" t="s">
        <v>22540</v>
      </c>
      <c r="I42028" s="2">
        <v>0</v>
      </c>
      <c r="J42028" s="2">
        <v>0</v>
      </c>
      <c r="K42028" s="2">
        <v>1</v>
      </c>
      <c r="L42028" t="s">
        <v>995</v>
      </c>
      <c r="M42028" t="s">
        <v>89</v>
      </c>
      <c r="N42028" t="s">
        <v>90</v>
      </c>
      <c r="O42028" t="s">
        <v>85</v>
      </c>
      <c r="P42028" t="s">
        <v>86</v>
      </c>
      <c r="Q42028">
        <v>7</v>
      </c>
      <c r="R42028">
        <v>7</v>
      </c>
      <c r="S42028">
        <v>7</v>
      </c>
      <c r="T42028">
        <v>7</v>
      </c>
      <c r="U42028">
        <v>8</v>
      </c>
      <c r="V42028">
        <v>8</v>
      </c>
      <c r="W42028">
        <v>8</v>
      </c>
      <c r="X42028">
        <v>8</v>
      </c>
      <c r="Y42028">
        <v>8</v>
      </c>
      <c r="Z42028">
        <v>8</v>
      </c>
      <c r="AA42028">
        <v>9</v>
      </c>
      <c r="AB42028">
        <v>9</v>
      </c>
      <c r="AC42028">
        <v>9</v>
      </c>
      <c r="AD42028">
        <v>9</v>
      </c>
      <c r="AE42028">
        <v>9</v>
      </c>
      <c r="AF42028">
        <v>9</v>
      </c>
      <c r="AG42028">
        <v>9</v>
      </c>
      <c r="AH42028">
        <v>9</v>
      </c>
      <c r="AI42028">
        <v>9</v>
      </c>
      <c r="AJ42028">
        <v>9</v>
      </c>
      <c r="AK42028">
        <v>9</v>
      </c>
      <c r="AL42028">
        <v>9</v>
      </c>
      <c r="AM42028">
        <v>9</v>
      </c>
      <c r="AN42028">
        <v>10</v>
      </c>
      <c r="AO42028">
        <v>10</v>
      </c>
      <c r="AP42028">
        <v>10</v>
      </c>
      <c r="AQ42028">
        <v>10</v>
      </c>
    </row>
    <row r="42029" spans="1:43">
      <c r="A42029" t="s">
        <v>25825</v>
      </c>
      <c r="B42029" t="s">
        <v>25826</v>
      </c>
      <c r="C42029" t="s">
        <v>23717</v>
      </c>
      <c r="D42029" t="s">
        <v>23718</v>
      </c>
      <c r="E42029" t="s">
        <v>23649</v>
      </c>
      <c r="F42029" t="s">
        <v>23650</v>
      </c>
      <c r="G42029" t="s">
        <v>22539</v>
      </c>
      <c r="H42029" t="s">
        <v>22540</v>
      </c>
      <c r="I42029" s="2">
        <v>0</v>
      </c>
      <c r="J42029" s="2">
        <v>0</v>
      </c>
      <c r="K42029" s="2">
        <v>1</v>
      </c>
      <c r="L42029" t="s">
        <v>995</v>
      </c>
      <c r="M42029" t="s">
        <v>83</v>
      </c>
      <c r="N42029" t="s">
        <v>91</v>
      </c>
      <c r="O42029" t="s">
        <v>85</v>
      </c>
      <c r="P42029" t="s">
        <v>86</v>
      </c>
      <c r="Q42029">
        <v>7</v>
      </c>
      <c r="R42029">
        <v>7</v>
      </c>
      <c r="S42029">
        <v>7</v>
      </c>
      <c r="T42029">
        <v>7</v>
      </c>
      <c r="U42029">
        <v>7</v>
      </c>
      <c r="V42029">
        <v>7</v>
      </c>
      <c r="W42029">
        <v>8</v>
      </c>
      <c r="X42029">
        <v>8</v>
      </c>
      <c r="Y42029">
        <v>8</v>
      </c>
      <c r="Z42029">
        <v>8</v>
      </c>
      <c r="AA42029">
        <v>8</v>
      </c>
      <c r="AB42029">
        <v>8</v>
      </c>
      <c r="AC42029">
        <v>8</v>
      </c>
      <c r="AD42029">
        <v>8</v>
      </c>
      <c r="AE42029">
        <v>9</v>
      </c>
      <c r="AF42029">
        <v>9</v>
      </c>
      <c r="AG42029">
        <v>9</v>
      </c>
      <c r="AH42029">
        <v>9</v>
      </c>
      <c r="AI42029">
        <v>9</v>
      </c>
      <c r="AJ42029">
        <v>9</v>
      </c>
      <c r="AK42029">
        <v>9</v>
      </c>
      <c r="AL42029">
        <v>9</v>
      </c>
      <c r="AM42029">
        <v>9</v>
      </c>
      <c r="AN42029">
        <v>9</v>
      </c>
      <c r="AO42029">
        <v>9</v>
      </c>
      <c r="AP42029">
        <v>10</v>
      </c>
      <c r="AQ42029">
        <v>10</v>
      </c>
    </row>
    <row r="42030" spans="1:43">
      <c r="A42030" t="s">
        <v>25827</v>
      </c>
      <c r="B42030" t="s">
        <v>25828</v>
      </c>
      <c r="C42030" t="s">
        <v>13801</v>
      </c>
      <c r="D42030" t="s">
        <v>13802</v>
      </c>
      <c r="E42030" t="s">
        <v>13745</v>
      </c>
      <c r="F42030" t="s">
        <v>13746</v>
      </c>
      <c r="G42030" t="s">
        <v>10734</v>
      </c>
      <c r="H42030" t="s">
        <v>10735</v>
      </c>
      <c r="I42030" s="2">
        <v>0</v>
      </c>
      <c r="J42030" s="2">
        <v>0</v>
      </c>
      <c r="K42030" s="2">
        <v>1</v>
      </c>
      <c r="L42030" t="s">
        <v>995</v>
      </c>
      <c r="M42030" t="s">
        <v>83</v>
      </c>
      <c r="N42030" t="s">
        <v>84</v>
      </c>
      <c r="O42030" t="s">
        <v>85</v>
      </c>
      <c r="P42030" t="s">
        <v>86</v>
      </c>
      <c r="Q42030">
        <v>85</v>
      </c>
      <c r="R42030">
        <v>85</v>
      </c>
      <c r="S42030">
        <v>85</v>
      </c>
      <c r="T42030">
        <v>85</v>
      </c>
      <c r="U42030">
        <v>86</v>
      </c>
      <c r="V42030">
        <v>86</v>
      </c>
      <c r="W42030">
        <v>86</v>
      </c>
      <c r="X42030">
        <v>87</v>
      </c>
      <c r="Y42030">
        <v>87</v>
      </c>
      <c r="Z42030">
        <v>87</v>
      </c>
      <c r="AA42030">
        <v>87</v>
      </c>
      <c r="AB42030">
        <v>87</v>
      </c>
      <c r="AC42030">
        <v>87</v>
      </c>
      <c r="AD42030">
        <v>87</v>
      </c>
      <c r="AE42030">
        <v>87</v>
      </c>
      <c r="AF42030">
        <v>87</v>
      </c>
      <c r="AG42030">
        <v>87</v>
      </c>
      <c r="AH42030">
        <v>87</v>
      </c>
      <c r="AI42030">
        <v>87</v>
      </c>
      <c r="AJ42030">
        <v>87</v>
      </c>
      <c r="AK42030">
        <v>87</v>
      </c>
      <c r="AL42030">
        <v>87</v>
      </c>
      <c r="AM42030">
        <v>86</v>
      </c>
      <c r="AN42030">
        <v>85</v>
      </c>
      <c r="AO42030">
        <v>85</v>
      </c>
      <c r="AP42030">
        <v>84</v>
      </c>
      <c r="AQ42030">
        <v>83</v>
      </c>
    </row>
    <row r="42031" spans="1:43">
      <c r="A42031" t="s">
        <v>25827</v>
      </c>
      <c r="B42031" t="s">
        <v>25828</v>
      </c>
      <c r="C42031" t="s">
        <v>13801</v>
      </c>
      <c r="D42031" t="s">
        <v>13802</v>
      </c>
      <c r="E42031" t="s">
        <v>13745</v>
      </c>
      <c r="F42031" t="s">
        <v>13746</v>
      </c>
      <c r="G42031" t="s">
        <v>10734</v>
      </c>
      <c r="H42031" t="s">
        <v>10735</v>
      </c>
      <c r="I42031" s="2">
        <v>0</v>
      </c>
      <c r="J42031" s="2">
        <v>0</v>
      </c>
      <c r="K42031" s="2">
        <v>1</v>
      </c>
      <c r="L42031" t="s">
        <v>995</v>
      </c>
      <c r="M42031" t="s">
        <v>87</v>
      </c>
      <c r="N42031" t="s">
        <v>88</v>
      </c>
      <c r="O42031" t="s">
        <v>85</v>
      </c>
      <c r="P42031" t="s">
        <v>86</v>
      </c>
      <c r="Q42031">
        <v>85</v>
      </c>
      <c r="R42031">
        <v>84</v>
      </c>
      <c r="S42031">
        <v>84</v>
      </c>
      <c r="T42031">
        <v>83</v>
      </c>
      <c r="U42031">
        <v>83</v>
      </c>
      <c r="V42031">
        <v>83</v>
      </c>
      <c r="W42031">
        <v>82</v>
      </c>
      <c r="X42031">
        <v>82</v>
      </c>
      <c r="Y42031">
        <v>81</v>
      </c>
      <c r="Z42031">
        <v>81</v>
      </c>
      <c r="AA42031">
        <v>81</v>
      </c>
      <c r="AB42031">
        <v>80</v>
      </c>
      <c r="AC42031">
        <v>80</v>
      </c>
      <c r="AD42031">
        <v>79</v>
      </c>
      <c r="AE42031">
        <v>79</v>
      </c>
      <c r="AF42031">
        <v>79</v>
      </c>
      <c r="AG42031">
        <v>78</v>
      </c>
      <c r="AH42031">
        <v>78</v>
      </c>
      <c r="AI42031">
        <v>77</v>
      </c>
      <c r="AJ42031">
        <v>77</v>
      </c>
      <c r="AK42031">
        <v>77</v>
      </c>
      <c r="AL42031">
        <v>76</v>
      </c>
      <c r="AM42031">
        <v>76</v>
      </c>
      <c r="AN42031">
        <v>75</v>
      </c>
      <c r="AO42031">
        <v>75</v>
      </c>
      <c r="AP42031">
        <v>75</v>
      </c>
      <c r="AQ42031">
        <v>74</v>
      </c>
    </row>
    <row r="42032" spans="1:43">
      <c r="A42032" t="s">
        <v>25827</v>
      </c>
      <c r="B42032" t="s">
        <v>25828</v>
      </c>
      <c r="C42032" t="s">
        <v>13801</v>
      </c>
      <c r="D42032" t="s">
        <v>13802</v>
      </c>
      <c r="E42032" t="s">
        <v>13745</v>
      </c>
      <c r="F42032" t="s">
        <v>13746</v>
      </c>
      <c r="G42032" t="s">
        <v>10734</v>
      </c>
      <c r="H42032" t="s">
        <v>10735</v>
      </c>
      <c r="I42032" s="2">
        <v>0</v>
      </c>
      <c r="J42032" s="2">
        <v>0</v>
      </c>
      <c r="K42032" s="2">
        <v>1</v>
      </c>
      <c r="L42032" t="s">
        <v>995</v>
      </c>
      <c r="M42032" t="s">
        <v>89</v>
      </c>
      <c r="N42032" t="s">
        <v>90</v>
      </c>
      <c r="O42032" t="s">
        <v>85</v>
      </c>
      <c r="P42032" t="s">
        <v>86</v>
      </c>
      <c r="Q42032">
        <v>85</v>
      </c>
      <c r="R42032">
        <v>86</v>
      </c>
      <c r="S42032">
        <v>87</v>
      </c>
      <c r="T42032">
        <v>88</v>
      </c>
      <c r="U42032">
        <v>89</v>
      </c>
      <c r="V42032">
        <v>90</v>
      </c>
      <c r="W42032">
        <v>91</v>
      </c>
      <c r="X42032">
        <v>91</v>
      </c>
      <c r="Y42032">
        <v>92</v>
      </c>
      <c r="Z42032">
        <v>92</v>
      </c>
      <c r="AA42032">
        <v>92</v>
      </c>
      <c r="AB42032">
        <v>93</v>
      </c>
      <c r="AC42032">
        <v>93</v>
      </c>
      <c r="AD42032">
        <v>93</v>
      </c>
      <c r="AE42032">
        <v>93</v>
      </c>
      <c r="AF42032">
        <v>92</v>
      </c>
      <c r="AG42032">
        <v>91</v>
      </c>
      <c r="AH42032">
        <v>91</v>
      </c>
      <c r="AI42032">
        <v>90</v>
      </c>
      <c r="AJ42032">
        <v>89</v>
      </c>
      <c r="AK42032">
        <v>88</v>
      </c>
      <c r="AL42032">
        <v>88</v>
      </c>
      <c r="AM42032">
        <v>87</v>
      </c>
      <c r="AN42032">
        <v>86</v>
      </c>
      <c r="AO42032">
        <v>85</v>
      </c>
      <c r="AP42032">
        <v>85</v>
      </c>
      <c r="AQ42032">
        <v>84</v>
      </c>
    </row>
    <row r="42033" spans="1:43">
      <c r="A42033" t="s">
        <v>25827</v>
      </c>
      <c r="B42033" t="s">
        <v>25828</v>
      </c>
      <c r="C42033" t="s">
        <v>13801</v>
      </c>
      <c r="D42033" t="s">
        <v>13802</v>
      </c>
      <c r="E42033" t="s">
        <v>13745</v>
      </c>
      <c r="F42033" t="s">
        <v>13746</v>
      </c>
      <c r="G42033" t="s">
        <v>10734</v>
      </c>
      <c r="H42033" t="s">
        <v>10735</v>
      </c>
      <c r="I42033" s="2">
        <v>0</v>
      </c>
      <c r="J42033" s="2">
        <v>0</v>
      </c>
      <c r="K42033" s="2">
        <v>1</v>
      </c>
      <c r="L42033" t="s">
        <v>995</v>
      </c>
      <c r="M42033" t="s">
        <v>83</v>
      </c>
      <c r="N42033" t="s">
        <v>91</v>
      </c>
      <c r="O42033" t="s">
        <v>85</v>
      </c>
      <c r="P42033" t="s">
        <v>86</v>
      </c>
      <c r="Q42033">
        <v>85</v>
      </c>
      <c r="R42033">
        <v>85</v>
      </c>
      <c r="S42033">
        <v>85</v>
      </c>
      <c r="T42033">
        <v>85</v>
      </c>
      <c r="U42033">
        <v>86</v>
      </c>
      <c r="V42033">
        <v>86</v>
      </c>
      <c r="W42033">
        <v>86</v>
      </c>
      <c r="X42033">
        <v>87</v>
      </c>
      <c r="Y42033">
        <v>87</v>
      </c>
      <c r="Z42033">
        <v>87</v>
      </c>
      <c r="AA42033">
        <v>87</v>
      </c>
      <c r="AB42033">
        <v>87</v>
      </c>
      <c r="AC42033">
        <v>87</v>
      </c>
      <c r="AD42033">
        <v>87</v>
      </c>
      <c r="AE42033">
        <v>87</v>
      </c>
      <c r="AF42033">
        <v>87</v>
      </c>
      <c r="AG42033">
        <v>87</v>
      </c>
      <c r="AH42033">
        <v>87</v>
      </c>
      <c r="AI42033">
        <v>87</v>
      </c>
      <c r="AJ42033">
        <v>87</v>
      </c>
      <c r="AK42033">
        <v>87</v>
      </c>
      <c r="AL42033">
        <v>87</v>
      </c>
      <c r="AM42033">
        <v>86</v>
      </c>
      <c r="AN42033">
        <v>85</v>
      </c>
      <c r="AO42033">
        <v>85</v>
      </c>
      <c r="AP42033">
        <v>84</v>
      </c>
      <c r="AQ42033">
        <v>83</v>
      </c>
    </row>
    <row r="42034" spans="1:43">
      <c r="A42034" t="s">
        <v>25829</v>
      </c>
      <c r="B42034" t="s">
        <v>25830</v>
      </c>
      <c r="C42034" t="s">
        <v>14305</v>
      </c>
      <c r="D42034" t="s">
        <v>14306</v>
      </c>
      <c r="E42034" t="s">
        <v>14307</v>
      </c>
      <c r="F42034" t="s">
        <v>14308</v>
      </c>
      <c r="G42034" t="s">
        <v>10734</v>
      </c>
      <c r="H42034" t="s">
        <v>10735</v>
      </c>
      <c r="I42034" s="2">
        <v>0</v>
      </c>
      <c r="J42034" s="2">
        <v>0</v>
      </c>
      <c r="K42034" s="2">
        <v>1</v>
      </c>
      <c r="L42034" t="s">
        <v>995</v>
      </c>
      <c r="M42034" t="s">
        <v>83</v>
      </c>
      <c r="N42034" t="s">
        <v>84</v>
      </c>
      <c r="O42034" t="s">
        <v>85</v>
      </c>
      <c r="P42034" t="s">
        <v>86</v>
      </c>
      <c r="Q42034">
        <v>30</v>
      </c>
      <c r="R42034">
        <v>31</v>
      </c>
      <c r="S42034">
        <v>32</v>
      </c>
      <c r="T42034">
        <v>33</v>
      </c>
      <c r="U42034">
        <v>34</v>
      </c>
      <c r="V42034">
        <v>35</v>
      </c>
      <c r="W42034">
        <v>36</v>
      </c>
      <c r="X42034">
        <v>37</v>
      </c>
      <c r="Y42034">
        <v>38</v>
      </c>
      <c r="Z42034">
        <v>39</v>
      </c>
      <c r="AA42034">
        <v>40</v>
      </c>
      <c r="AB42034">
        <v>41</v>
      </c>
      <c r="AC42034">
        <v>42</v>
      </c>
      <c r="AD42034">
        <v>43</v>
      </c>
      <c r="AE42034">
        <v>45</v>
      </c>
      <c r="AF42034">
        <v>46</v>
      </c>
      <c r="AG42034">
        <v>47</v>
      </c>
      <c r="AH42034">
        <v>48</v>
      </c>
      <c r="AI42034">
        <v>49</v>
      </c>
      <c r="AJ42034">
        <v>51</v>
      </c>
      <c r="AK42034">
        <v>52</v>
      </c>
      <c r="AL42034">
        <v>53</v>
      </c>
      <c r="AM42034">
        <v>54</v>
      </c>
      <c r="AN42034">
        <v>55</v>
      </c>
      <c r="AO42034">
        <v>56</v>
      </c>
      <c r="AP42034">
        <v>57</v>
      </c>
      <c r="AQ42034">
        <v>58</v>
      </c>
    </row>
    <row r="42035" spans="1:43">
      <c r="A42035" t="s">
        <v>25829</v>
      </c>
      <c r="B42035" t="s">
        <v>25830</v>
      </c>
      <c r="C42035" t="s">
        <v>14305</v>
      </c>
      <c r="D42035" t="s">
        <v>14306</v>
      </c>
      <c r="E42035" t="s">
        <v>14307</v>
      </c>
      <c r="F42035" t="s">
        <v>14308</v>
      </c>
      <c r="G42035" t="s">
        <v>10734</v>
      </c>
      <c r="H42035" t="s">
        <v>10735</v>
      </c>
      <c r="I42035" s="2">
        <v>0</v>
      </c>
      <c r="J42035" s="2">
        <v>0</v>
      </c>
      <c r="K42035" s="2">
        <v>1</v>
      </c>
      <c r="L42035" t="s">
        <v>995</v>
      </c>
      <c r="M42035" t="s">
        <v>87</v>
      </c>
      <c r="N42035" t="s">
        <v>88</v>
      </c>
      <c r="O42035" t="s">
        <v>85</v>
      </c>
      <c r="P42035" t="s">
        <v>86</v>
      </c>
      <c r="Q42035">
        <v>30</v>
      </c>
      <c r="R42035">
        <v>30</v>
      </c>
      <c r="S42035">
        <v>31</v>
      </c>
      <c r="T42035">
        <v>32</v>
      </c>
      <c r="U42035">
        <v>32</v>
      </c>
      <c r="V42035">
        <v>33</v>
      </c>
      <c r="W42035">
        <v>34</v>
      </c>
      <c r="X42035">
        <v>34</v>
      </c>
      <c r="Y42035">
        <v>35</v>
      </c>
      <c r="Z42035">
        <v>36</v>
      </c>
      <c r="AA42035">
        <v>36</v>
      </c>
      <c r="AB42035">
        <v>37</v>
      </c>
      <c r="AC42035">
        <v>38</v>
      </c>
      <c r="AD42035">
        <v>39</v>
      </c>
      <c r="AE42035">
        <v>40</v>
      </c>
      <c r="AF42035">
        <v>40</v>
      </c>
      <c r="AG42035">
        <v>41</v>
      </c>
      <c r="AH42035">
        <v>42</v>
      </c>
      <c r="AI42035">
        <v>43</v>
      </c>
      <c r="AJ42035">
        <v>44</v>
      </c>
      <c r="AK42035">
        <v>45</v>
      </c>
      <c r="AL42035">
        <v>45</v>
      </c>
      <c r="AM42035">
        <v>46</v>
      </c>
      <c r="AN42035">
        <v>47</v>
      </c>
      <c r="AO42035">
        <v>48</v>
      </c>
      <c r="AP42035">
        <v>49</v>
      </c>
      <c r="AQ42035">
        <v>50</v>
      </c>
    </row>
    <row r="42036" spans="1:43">
      <c r="A42036" t="s">
        <v>25829</v>
      </c>
      <c r="B42036" t="s">
        <v>25830</v>
      </c>
      <c r="C42036" t="s">
        <v>14305</v>
      </c>
      <c r="D42036" t="s">
        <v>14306</v>
      </c>
      <c r="E42036" t="s">
        <v>14307</v>
      </c>
      <c r="F42036" t="s">
        <v>14308</v>
      </c>
      <c r="G42036" t="s">
        <v>10734</v>
      </c>
      <c r="H42036" t="s">
        <v>10735</v>
      </c>
      <c r="I42036" s="2">
        <v>0</v>
      </c>
      <c r="J42036" s="2">
        <v>0</v>
      </c>
      <c r="K42036" s="2">
        <v>1</v>
      </c>
      <c r="L42036" t="s">
        <v>995</v>
      </c>
      <c r="M42036" t="s">
        <v>89</v>
      </c>
      <c r="N42036" t="s">
        <v>90</v>
      </c>
      <c r="O42036" t="s">
        <v>85</v>
      </c>
      <c r="P42036" t="s">
        <v>86</v>
      </c>
      <c r="Q42036">
        <v>30</v>
      </c>
      <c r="R42036">
        <v>32</v>
      </c>
      <c r="S42036">
        <v>33</v>
      </c>
      <c r="T42036">
        <v>34</v>
      </c>
      <c r="U42036">
        <v>35</v>
      </c>
      <c r="V42036">
        <v>36</v>
      </c>
      <c r="W42036">
        <v>38</v>
      </c>
      <c r="X42036">
        <v>39</v>
      </c>
      <c r="Y42036">
        <v>40</v>
      </c>
      <c r="Z42036">
        <v>41</v>
      </c>
      <c r="AA42036">
        <v>43</v>
      </c>
      <c r="AB42036">
        <v>44</v>
      </c>
      <c r="AC42036">
        <v>45</v>
      </c>
      <c r="AD42036">
        <v>46</v>
      </c>
      <c r="AE42036">
        <v>48</v>
      </c>
      <c r="AF42036">
        <v>48</v>
      </c>
      <c r="AG42036">
        <v>49</v>
      </c>
      <c r="AH42036">
        <v>50</v>
      </c>
      <c r="AI42036">
        <v>51</v>
      </c>
      <c r="AJ42036">
        <v>52</v>
      </c>
      <c r="AK42036">
        <v>53</v>
      </c>
      <c r="AL42036">
        <v>54</v>
      </c>
      <c r="AM42036">
        <v>55</v>
      </c>
      <c r="AN42036">
        <v>56</v>
      </c>
      <c r="AO42036">
        <v>57</v>
      </c>
      <c r="AP42036">
        <v>58</v>
      </c>
      <c r="AQ42036">
        <v>59</v>
      </c>
    </row>
    <row r="42037" spans="1:43">
      <c r="A42037" t="s">
        <v>25829</v>
      </c>
      <c r="B42037" t="s">
        <v>25830</v>
      </c>
      <c r="C42037" t="s">
        <v>14305</v>
      </c>
      <c r="D42037" t="s">
        <v>14306</v>
      </c>
      <c r="E42037" t="s">
        <v>14307</v>
      </c>
      <c r="F42037" t="s">
        <v>14308</v>
      </c>
      <c r="G42037" t="s">
        <v>10734</v>
      </c>
      <c r="H42037" t="s">
        <v>10735</v>
      </c>
      <c r="I42037" s="2">
        <v>0</v>
      </c>
      <c r="J42037" s="2">
        <v>0</v>
      </c>
      <c r="K42037" s="2">
        <v>1</v>
      </c>
      <c r="L42037" t="s">
        <v>995</v>
      </c>
      <c r="M42037" t="s">
        <v>83</v>
      </c>
      <c r="N42037" t="s">
        <v>91</v>
      </c>
      <c r="O42037" t="s">
        <v>85</v>
      </c>
      <c r="P42037" t="s">
        <v>86</v>
      </c>
      <c r="Q42037">
        <v>30</v>
      </c>
      <c r="R42037">
        <v>31</v>
      </c>
      <c r="S42037">
        <v>32</v>
      </c>
      <c r="T42037">
        <v>33</v>
      </c>
      <c r="U42037">
        <v>34</v>
      </c>
      <c r="V42037">
        <v>35</v>
      </c>
      <c r="W42037">
        <v>36</v>
      </c>
      <c r="X42037">
        <v>37</v>
      </c>
      <c r="Y42037">
        <v>38</v>
      </c>
      <c r="Z42037">
        <v>39</v>
      </c>
      <c r="AA42037">
        <v>40</v>
      </c>
      <c r="AB42037">
        <v>41</v>
      </c>
      <c r="AC42037">
        <v>42</v>
      </c>
      <c r="AD42037">
        <v>43</v>
      </c>
      <c r="AE42037">
        <v>45</v>
      </c>
      <c r="AF42037">
        <v>46</v>
      </c>
      <c r="AG42037">
        <v>47</v>
      </c>
      <c r="AH42037">
        <v>48</v>
      </c>
      <c r="AI42037">
        <v>49</v>
      </c>
      <c r="AJ42037">
        <v>51</v>
      </c>
      <c r="AK42037">
        <v>52</v>
      </c>
      <c r="AL42037">
        <v>53</v>
      </c>
      <c r="AM42037">
        <v>54</v>
      </c>
      <c r="AN42037">
        <v>55</v>
      </c>
      <c r="AO42037">
        <v>56</v>
      </c>
      <c r="AP42037">
        <v>57</v>
      </c>
      <c r="AQ42037">
        <v>58</v>
      </c>
    </row>
    <row r="42038" spans="1:43">
      <c r="A42038" t="s">
        <v>25831</v>
      </c>
      <c r="B42038" t="s">
        <v>25832</v>
      </c>
      <c r="C42038" t="s">
        <v>14305</v>
      </c>
      <c r="D42038" t="s">
        <v>14306</v>
      </c>
      <c r="E42038" t="s">
        <v>14307</v>
      </c>
      <c r="F42038" t="s">
        <v>14308</v>
      </c>
      <c r="G42038" t="s">
        <v>10734</v>
      </c>
      <c r="H42038" t="s">
        <v>10735</v>
      </c>
      <c r="I42038" s="2">
        <v>0</v>
      </c>
      <c r="J42038" s="2">
        <v>0</v>
      </c>
      <c r="K42038" s="2">
        <v>1</v>
      </c>
      <c r="L42038" t="s">
        <v>995</v>
      </c>
      <c r="M42038" t="s">
        <v>83</v>
      </c>
      <c r="N42038" t="s">
        <v>84</v>
      </c>
      <c r="O42038" t="s">
        <v>85</v>
      </c>
      <c r="P42038" t="s">
        <v>86</v>
      </c>
      <c r="Q42038">
        <v>4</v>
      </c>
      <c r="R42038">
        <v>4</v>
      </c>
      <c r="S42038">
        <v>4</v>
      </c>
      <c r="T42038">
        <v>4</v>
      </c>
      <c r="U42038">
        <v>4</v>
      </c>
      <c r="V42038">
        <v>4</v>
      </c>
      <c r="W42038">
        <v>4</v>
      </c>
      <c r="X42038">
        <v>4</v>
      </c>
      <c r="Y42038">
        <v>4</v>
      </c>
      <c r="Z42038">
        <v>5</v>
      </c>
      <c r="AA42038">
        <v>5</v>
      </c>
      <c r="AB42038">
        <v>5</v>
      </c>
      <c r="AC42038">
        <v>5</v>
      </c>
      <c r="AD42038">
        <v>5</v>
      </c>
      <c r="AE42038">
        <v>5</v>
      </c>
      <c r="AF42038">
        <v>5</v>
      </c>
      <c r="AG42038">
        <v>6</v>
      </c>
      <c r="AH42038">
        <v>6</v>
      </c>
      <c r="AI42038">
        <v>6</v>
      </c>
      <c r="AJ42038">
        <v>6</v>
      </c>
      <c r="AK42038">
        <v>6</v>
      </c>
      <c r="AL42038">
        <v>6</v>
      </c>
      <c r="AM42038">
        <v>6</v>
      </c>
      <c r="AN42038">
        <v>6</v>
      </c>
      <c r="AO42038">
        <v>7</v>
      </c>
      <c r="AP42038">
        <v>7</v>
      </c>
      <c r="AQ42038">
        <v>7</v>
      </c>
    </row>
    <row r="42039" spans="1:43">
      <c r="A42039" t="s">
        <v>25831</v>
      </c>
      <c r="B42039" t="s">
        <v>25832</v>
      </c>
      <c r="C42039" t="s">
        <v>14305</v>
      </c>
      <c r="D42039" t="s">
        <v>14306</v>
      </c>
      <c r="E42039" t="s">
        <v>14307</v>
      </c>
      <c r="F42039" t="s">
        <v>14308</v>
      </c>
      <c r="G42039" t="s">
        <v>10734</v>
      </c>
      <c r="H42039" t="s">
        <v>10735</v>
      </c>
      <c r="I42039" s="2">
        <v>0</v>
      </c>
      <c r="J42039" s="2">
        <v>0</v>
      </c>
      <c r="K42039" s="2">
        <v>1</v>
      </c>
      <c r="L42039" t="s">
        <v>995</v>
      </c>
      <c r="M42039" t="s">
        <v>87</v>
      </c>
      <c r="N42039" t="s">
        <v>88</v>
      </c>
      <c r="O42039" t="s">
        <v>85</v>
      </c>
      <c r="P42039" t="s">
        <v>86</v>
      </c>
      <c r="Q42039">
        <v>4</v>
      </c>
      <c r="R42039">
        <v>4</v>
      </c>
      <c r="S42039">
        <v>4</v>
      </c>
      <c r="T42039">
        <v>4</v>
      </c>
      <c r="U42039">
        <v>4</v>
      </c>
      <c r="V42039">
        <v>4</v>
      </c>
      <c r="W42039">
        <v>4</v>
      </c>
      <c r="X42039">
        <v>4</v>
      </c>
      <c r="Y42039">
        <v>4</v>
      </c>
      <c r="Z42039">
        <v>4</v>
      </c>
      <c r="AA42039">
        <v>4</v>
      </c>
      <c r="AB42039">
        <v>4</v>
      </c>
      <c r="AC42039">
        <v>4</v>
      </c>
      <c r="AD42039">
        <v>5</v>
      </c>
      <c r="AE42039">
        <v>5</v>
      </c>
      <c r="AF42039">
        <v>5</v>
      </c>
      <c r="AG42039">
        <v>5</v>
      </c>
      <c r="AH42039">
        <v>5</v>
      </c>
      <c r="AI42039">
        <v>5</v>
      </c>
      <c r="AJ42039">
        <v>5</v>
      </c>
      <c r="AK42039">
        <v>5</v>
      </c>
      <c r="AL42039">
        <v>5</v>
      </c>
      <c r="AM42039">
        <v>5</v>
      </c>
      <c r="AN42039">
        <v>6</v>
      </c>
      <c r="AO42039">
        <v>6</v>
      </c>
      <c r="AP42039">
        <v>6</v>
      </c>
      <c r="AQ42039">
        <v>6</v>
      </c>
    </row>
    <row r="42040" spans="1:43">
      <c r="A42040" t="s">
        <v>25831</v>
      </c>
      <c r="B42040" t="s">
        <v>25832</v>
      </c>
      <c r="C42040" t="s">
        <v>14305</v>
      </c>
      <c r="D42040" t="s">
        <v>14306</v>
      </c>
      <c r="E42040" t="s">
        <v>14307</v>
      </c>
      <c r="F42040" t="s">
        <v>14308</v>
      </c>
      <c r="G42040" t="s">
        <v>10734</v>
      </c>
      <c r="H42040" t="s">
        <v>10735</v>
      </c>
      <c r="I42040" s="2">
        <v>0</v>
      </c>
      <c r="J42040" s="2">
        <v>0</v>
      </c>
      <c r="K42040" s="2">
        <v>1</v>
      </c>
      <c r="L42040" t="s">
        <v>995</v>
      </c>
      <c r="M42040" t="s">
        <v>89</v>
      </c>
      <c r="N42040" t="s">
        <v>90</v>
      </c>
      <c r="O42040" t="s">
        <v>85</v>
      </c>
      <c r="P42040" t="s">
        <v>86</v>
      </c>
      <c r="Q42040">
        <v>4</v>
      </c>
      <c r="R42040">
        <v>4</v>
      </c>
      <c r="S42040">
        <v>4</v>
      </c>
      <c r="T42040">
        <v>4</v>
      </c>
      <c r="U42040">
        <v>4</v>
      </c>
      <c r="V42040">
        <v>4</v>
      </c>
      <c r="W42040">
        <v>4</v>
      </c>
      <c r="X42040">
        <v>5</v>
      </c>
      <c r="Y42040">
        <v>5</v>
      </c>
      <c r="Z42040">
        <v>5</v>
      </c>
      <c r="AA42040">
        <v>5</v>
      </c>
      <c r="AB42040">
        <v>5</v>
      </c>
      <c r="AC42040">
        <v>5</v>
      </c>
      <c r="AD42040">
        <v>5</v>
      </c>
      <c r="AE42040">
        <v>6</v>
      </c>
      <c r="AF42040">
        <v>6</v>
      </c>
      <c r="AG42040">
        <v>6</v>
      </c>
      <c r="AH42040">
        <v>6</v>
      </c>
      <c r="AI42040">
        <v>6</v>
      </c>
      <c r="AJ42040">
        <v>6</v>
      </c>
      <c r="AK42040">
        <v>6</v>
      </c>
      <c r="AL42040">
        <v>6</v>
      </c>
      <c r="AM42040">
        <v>6</v>
      </c>
      <c r="AN42040">
        <v>7</v>
      </c>
      <c r="AO42040">
        <v>7</v>
      </c>
      <c r="AP42040">
        <v>7</v>
      </c>
      <c r="AQ42040">
        <v>7</v>
      </c>
    </row>
    <row r="42041" spans="1:43">
      <c r="A42041" t="s">
        <v>25831</v>
      </c>
      <c r="B42041" t="s">
        <v>25832</v>
      </c>
      <c r="C42041" t="s">
        <v>14305</v>
      </c>
      <c r="D42041" t="s">
        <v>14306</v>
      </c>
      <c r="E42041" t="s">
        <v>14307</v>
      </c>
      <c r="F42041" t="s">
        <v>14308</v>
      </c>
      <c r="G42041" t="s">
        <v>10734</v>
      </c>
      <c r="H42041" t="s">
        <v>10735</v>
      </c>
      <c r="I42041" s="2">
        <v>0</v>
      </c>
      <c r="J42041" s="2">
        <v>0</v>
      </c>
      <c r="K42041" s="2">
        <v>1</v>
      </c>
      <c r="L42041" t="s">
        <v>995</v>
      </c>
      <c r="M42041" t="s">
        <v>83</v>
      </c>
      <c r="N42041" t="s">
        <v>91</v>
      </c>
      <c r="O42041" t="s">
        <v>85</v>
      </c>
      <c r="P42041" t="s">
        <v>86</v>
      </c>
      <c r="Q42041">
        <v>4</v>
      </c>
      <c r="R42041">
        <v>4</v>
      </c>
      <c r="S42041">
        <v>4</v>
      </c>
      <c r="T42041">
        <v>4</v>
      </c>
      <c r="U42041">
        <v>4</v>
      </c>
      <c r="V42041">
        <v>4</v>
      </c>
      <c r="W42041">
        <v>4</v>
      </c>
      <c r="X42041">
        <v>4</v>
      </c>
      <c r="Y42041">
        <v>4</v>
      </c>
      <c r="Z42041">
        <v>5</v>
      </c>
      <c r="AA42041">
        <v>5</v>
      </c>
      <c r="AB42041">
        <v>5</v>
      </c>
      <c r="AC42041">
        <v>5</v>
      </c>
      <c r="AD42041">
        <v>5</v>
      </c>
      <c r="AE42041">
        <v>5</v>
      </c>
      <c r="AF42041">
        <v>5</v>
      </c>
      <c r="AG42041">
        <v>6</v>
      </c>
      <c r="AH42041">
        <v>6</v>
      </c>
      <c r="AI42041">
        <v>6</v>
      </c>
      <c r="AJ42041">
        <v>6</v>
      </c>
      <c r="AK42041">
        <v>6</v>
      </c>
      <c r="AL42041">
        <v>6</v>
      </c>
      <c r="AM42041">
        <v>6</v>
      </c>
      <c r="AN42041">
        <v>6</v>
      </c>
      <c r="AO42041">
        <v>7</v>
      </c>
      <c r="AP42041">
        <v>7</v>
      </c>
      <c r="AQ42041">
        <v>7</v>
      </c>
    </row>
    <row r="42042" spans="1:43">
      <c r="A42042" t="s">
        <v>25833</v>
      </c>
      <c r="B42042" t="s">
        <v>25834</v>
      </c>
      <c r="C42042" t="s">
        <v>14305</v>
      </c>
      <c r="D42042" t="s">
        <v>14306</v>
      </c>
      <c r="E42042" t="s">
        <v>14307</v>
      </c>
      <c r="F42042" t="s">
        <v>14308</v>
      </c>
      <c r="G42042" t="s">
        <v>10734</v>
      </c>
      <c r="H42042" t="s">
        <v>10735</v>
      </c>
      <c r="I42042" s="2">
        <v>0</v>
      </c>
      <c r="J42042" s="2">
        <v>0</v>
      </c>
      <c r="K42042" s="2">
        <v>1</v>
      </c>
      <c r="L42042" t="s">
        <v>995</v>
      </c>
      <c r="M42042" t="s">
        <v>83</v>
      </c>
      <c r="N42042" t="s">
        <v>84</v>
      </c>
      <c r="O42042" t="s">
        <v>85</v>
      </c>
      <c r="P42042" t="s">
        <v>86</v>
      </c>
      <c r="Q42042">
        <v>0</v>
      </c>
      <c r="R42042">
        <v>0</v>
      </c>
      <c r="S42042">
        <v>0</v>
      </c>
      <c r="T42042">
        <v>0</v>
      </c>
      <c r="U42042">
        <v>0</v>
      </c>
      <c r="V42042">
        <v>0</v>
      </c>
      <c r="W42042">
        <v>0</v>
      </c>
      <c r="X42042">
        <v>0</v>
      </c>
      <c r="Y42042">
        <v>0</v>
      </c>
      <c r="Z42042">
        <v>0</v>
      </c>
      <c r="AA42042">
        <v>0</v>
      </c>
      <c r="AB42042">
        <v>0</v>
      </c>
      <c r="AC42042">
        <v>0</v>
      </c>
      <c r="AD42042">
        <v>0</v>
      </c>
      <c r="AE42042">
        <v>0</v>
      </c>
      <c r="AF42042">
        <v>0</v>
      </c>
      <c r="AG42042">
        <v>0</v>
      </c>
      <c r="AH42042">
        <v>0</v>
      </c>
      <c r="AI42042">
        <v>0</v>
      </c>
      <c r="AJ42042">
        <v>0</v>
      </c>
      <c r="AK42042">
        <v>0</v>
      </c>
      <c r="AL42042">
        <v>0</v>
      </c>
      <c r="AM42042">
        <v>0</v>
      </c>
      <c r="AN42042">
        <v>0</v>
      </c>
      <c r="AO42042">
        <v>0</v>
      </c>
      <c r="AP42042">
        <v>0</v>
      </c>
      <c r="AQ42042">
        <v>0</v>
      </c>
    </row>
    <row r="42043" spans="1:43">
      <c r="A42043" t="s">
        <v>25833</v>
      </c>
      <c r="B42043" t="s">
        <v>25834</v>
      </c>
      <c r="C42043" t="s">
        <v>14305</v>
      </c>
      <c r="D42043" t="s">
        <v>14306</v>
      </c>
      <c r="E42043" t="s">
        <v>14307</v>
      </c>
      <c r="F42043" t="s">
        <v>14308</v>
      </c>
      <c r="G42043" t="s">
        <v>10734</v>
      </c>
      <c r="H42043" t="s">
        <v>10735</v>
      </c>
      <c r="I42043" s="2">
        <v>0</v>
      </c>
      <c r="J42043" s="2">
        <v>0</v>
      </c>
      <c r="K42043" s="2">
        <v>1</v>
      </c>
      <c r="L42043" t="s">
        <v>995</v>
      </c>
      <c r="M42043" t="s">
        <v>87</v>
      </c>
      <c r="N42043" t="s">
        <v>88</v>
      </c>
      <c r="O42043" t="s">
        <v>85</v>
      </c>
      <c r="P42043" t="s">
        <v>86</v>
      </c>
      <c r="Q42043">
        <v>0</v>
      </c>
      <c r="R42043">
        <v>0</v>
      </c>
      <c r="S42043">
        <v>0</v>
      </c>
      <c r="T42043">
        <v>0</v>
      </c>
      <c r="U42043">
        <v>0</v>
      </c>
      <c r="V42043">
        <v>0</v>
      </c>
      <c r="W42043">
        <v>0</v>
      </c>
      <c r="X42043">
        <v>0</v>
      </c>
      <c r="Y42043">
        <v>0</v>
      </c>
      <c r="Z42043">
        <v>0</v>
      </c>
      <c r="AA42043">
        <v>0</v>
      </c>
      <c r="AB42043">
        <v>0</v>
      </c>
      <c r="AC42043">
        <v>0</v>
      </c>
      <c r="AD42043">
        <v>0</v>
      </c>
      <c r="AE42043">
        <v>0</v>
      </c>
      <c r="AF42043">
        <v>0</v>
      </c>
      <c r="AG42043">
        <v>0</v>
      </c>
      <c r="AH42043">
        <v>0</v>
      </c>
      <c r="AI42043">
        <v>0</v>
      </c>
      <c r="AJ42043">
        <v>0</v>
      </c>
      <c r="AK42043">
        <v>0</v>
      </c>
      <c r="AL42043">
        <v>0</v>
      </c>
      <c r="AM42043">
        <v>0</v>
      </c>
      <c r="AN42043">
        <v>0</v>
      </c>
      <c r="AO42043">
        <v>0</v>
      </c>
      <c r="AP42043">
        <v>0</v>
      </c>
      <c r="AQ42043">
        <v>0</v>
      </c>
    </row>
    <row r="42044" spans="1:43">
      <c r="A42044" t="s">
        <v>25833</v>
      </c>
      <c r="B42044" t="s">
        <v>25834</v>
      </c>
      <c r="C42044" t="s">
        <v>14305</v>
      </c>
      <c r="D42044" t="s">
        <v>14306</v>
      </c>
      <c r="E42044" t="s">
        <v>14307</v>
      </c>
      <c r="F42044" t="s">
        <v>14308</v>
      </c>
      <c r="G42044" t="s">
        <v>10734</v>
      </c>
      <c r="H42044" t="s">
        <v>10735</v>
      </c>
      <c r="I42044" s="2">
        <v>0</v>
      </c>
      <c r="J42044" s="2">
        <v>0</v>
      </c>
      <c r="K42044" s="2">
        <v>1</v>
      </c>
      <c r="L42044" t="s">
        <v>995</v>
      </c>
      <c r="M42044" t="s">
        <v>89</v>
      </c>
      <c r="N42044" t="s">
        <v>90</v>
      </c>
      <c r="O42044" t="s">
        <v>85</v>
      </c>
      <c r="P42044" t="s">
        <v>86</v>
      </c>
      <c r="Q42044">
        <v>0</v>
      </c>
      <c r="R42044">
        <v>0</v>
      </c>
      <c r="S42044">
        <v>0</v>
      </c>
      <c r="T42044">
        <v>0</v>
      </c>
      <c r="U42044">
        <v>0</v>
      </c>
      <c r="V42044">
        <v>0</v>
      </c>
      <c r="W42044">
        <v>0</v>
      </c>
      <c r="X42044">
        <v>0</v>
      </c>
      <c r="Y42044">
        <v>0</v>
      </c>
      <c r="Z42044">
        <v>0</v>
      </c>
      <c r="AA42044">
        <v>0</v>
      </c>
      <c r="AB42044">
        <v>0</v>
      </c>
      <c r="AC42044">
        <v>0</v>
      </c>
      <c r="AD42044">
        <v>0</v>
      </c>
      <c r="AE42044">
        <v>0</v>
      </c>
      <c r="AF42044">
        <v>0</v>
      </c>
      <c r="AG42044">
        <v>0</v>
      </c>
      <c r="AH42044">
        <v>0</v>
      </c>
      <c r="AI42044">
        <v>0</v>
      </c>
      <c r="AJ42044">
        <v>0</v>
      </c>
      <c r="AK42044">
        <v>0</v>
      </c>
      <c r="AL42044">
        <v>0</v>
      </c>
      <c r="AM42044">
        <v>0</v>
      </c>
      <c r="AN42044">
        <v>0</v>
      </c>
      <c r="AO42044">
        <v>0</v>
      </c>
      <c r="AP42044">
        <v>0</v>
      </c>
      <c r="AQ42044">
        <v>0</v>
      </c>
    </row>
    <row r="42045" spans="1:43">
      <c r="A42045" t="s">
        <v>25833</v>
      </c>
      <c r="B42045" t="s">
        <v>25834</v>
      </c>
      <c r="C42045" t="s">
        <v>14305</v>
      </c>
      <c r="D42045" t="s">
        <v>14306</v>
      </c>
      <c r="E42045" t="s">
        <v>14307</v>
      </c>
      <c r="F42045" t="s">
        <v>14308</v>
      </c>
      <c r="G42045" t="s">
        <v>10734</v>
      </c>
      <c r="H42045" t="s">
        <v>10735</v>
      </c>
      <c r="I42045" s="2">
        <v>0</v>
      </c>
      <c r="J42045" s="2">
        <v>0</v>
      </c>
      <c r="K42045" s="2">
        <v>1</v>
      </c>
      <c r="L42045" t="s">
        <v>995</v>
      </c>
      <c r="M42045" t="s">
        <v>83</v>
      </c>
      <c r="N42045" t="s">
        <v>91</v>
      </c>
      <c r="O42045" t="s">
        <v>85</v>
      </c>
      <c r="P42045" t="s">
        <v>86</v>
      </c>
      <c r="Q42045">
        <v>0</v>
      </c>
      <c r="R42045">
        <v>0</v>
      </c>
      <c r="S42045">
        <v>0</v>
      </c>
      <c r="T42045">
        <v>0</v>
      </c>
      <c r="U42045">
        <v>0</v>
      </c>
      <c r="V42045">
        <v>0</v>
      </c>
      <c r="W42045">
        <v>0</v>
      </c>
      <c r="X42045">
        <v>0</v>
      </c>
      <c r="Y42045">
        <v>0</v>
      </c>
      <c r="Z42045">
        <v>0</v>
      </c>
      <c r="AA42045">
        <v>0</v>
      </c>
      <c r="AB42045">
        <v>0</v>
      </c>
      <c r="AC42045">
        <v>0</v>
      </c>
      <c r="AD42045">
        <v>0</v>
      </c>
      <c r="AE42045">
        <v>0</v>
      </c>
      <c r="AF42045">
        <v>0</v>
      </c>
      <c r="AG42045">
        <v>0</v>
      </c>
      <c r="AH42045">
        <v>0</v>
      </c>
      <c r="AI42045">
        <v>0</v>
      </c>
      <c r="AJ42045">
        <v>0</v>
      </c>
      <c r="AK42045">
        <v>0</v>
      </c>
      <c r="AL42045">
        <v>0</v>
      </c>
      <c r="AM42045">
        <v>0</v>
      </c>
      <c r="AN42045">
        <v>0</v>
      </c>
      <c r="AO42045">
        <v>0</v>
      </c>
      <c r="AP42045">
        <v>0</v>
      </c>
      <c r="AQ42045">
        <v>0</v>
      </c>
    </row>
    <row r="42046" spans="1:43">
      <c r="A42046" t="s">
        <v>25835</v>
      </c>
      <c r="B42046" t="s">
        <v>25836</v>
      </c>
      <c r="C42046" t="s">
        <v>14305</v>
      </c>
      <c r="D42046" t="s">
        <v>14306</v>
      </c>
      <c r="E42046" t="s">
        <v>14307</v>
      </c>
      <c r="F42046" t="s">
        <v>14308</v>
      </c>
      <c r="G42046" t="s">
        <v>10734</v>
      </c>
      <c r="H42046" t="s">
        <v>10735</v>
      </c>
      <c r="I42046" s="2">
        <v>0</v>
      </c>
      <c r="J42046" s="2">
        <v>0</v>
      </c>
      <c r="K42046" s="2">
        <v>1</v>
      </c>
      <c r="L42046" t="s">
        <v>995</v>
      </c>
      <c r="M42046" t="s">
        <v>83</v>
      </c>
      <c r="N42046" t="s">
        <v>84</v>
      </c>
      <c r="O42046" t="s">
        <v>85</v>
      </c>
      <c r="P42046" t="s">
        <v>86</v>
      </c>
      <c r="Q42046">
        <v>3</v>
      </c>
      <c r="R42046">
        <v>3</v>
      </c>
      <c r="S42046">
        <v>3</v>
      </c>
      <c r="T42046">
        <v>3</v>
      </c>
      <c r="U42046">
        <v>3</v>
      </c>
      <c r="V42046">
        <v>4</v>
      </c>
      <c r="W42046">
        <v>4</v>
      </c>
      <c r="X42046">
        <v>4</v>
      </c>
      <c r="Y42046">
        <v>4</v>
      </c>
      <c r="Z42046">
        <v>4</v>
      </c>
      <c r="AA42046">
        <v>4</v>
      </c>
      <c r="AB42046">
        <v>4</v>
      </c>
      <c r="AC42046">
        <v>4</v>
      </c>
      <c r="AD42046">
        <v>4</v>
      </c>
      <c r="AE42046">
        <v>5</v>
      </c>
      <c r="AF42046">
        <v>5</v>
      </c>
      <c r="AG42046">
        <v>5</v>
      </c>
      <c r="AH42046">
        <v>5</v>
      </c>
      <c r="AI42046">
        <v>5</v>
      </c>
      <c r="AJ42046">
        <v>5</v>
      </c>
      <c r="AK42046">
        <v>5</v>
      </c>
      <c r="AL42046">
        <v>5</v>
      </c>
      <c r="AM42046">
        <v>6</v>
      </c>
      <c r="AN42046">
        <v>6</v>
      </c>
      <c r="AO42046">
        <v>6</v>
      </c>
      <c r="AP42046">
        <v>6</v>
      </c>
      <c r="AQ42046">
        <v>6</v>
      </c>
    </row>
    <row r="42047" spans="1:43">
      <c r="A42047" t="s">
        <v>25835</v>
      </c>
      <c r="B42047" t="s">
        <v>25836</v>
      </c>
      <c r="C42047" t="s">
        <v>14305</v>
      </c>
      <c r="D42047" t="s">
        <v>14306</v>
      </c>
      <c r="E42047" t="s">
        <v>14307</v>
      </c>
      <c r="F42047" t="s">
        <v>14308</v>
      </c>
      <c r="G42047" t="s">
        <v>10734</v>
      </c>
      <c r="H42047" t="s">
        <v>10735</v>
      </c>
      <c r="I42047" s="2">
        <v>0</v>
      </c>
      <c r="J42047" s="2">
        <v>0</v>
      </c>
      <c r="K42047" s="2">
        <v>1</v>
      </c>
      <c r="L42047" t="s">
        <v>995</v>
      </c>
      <c r="M42047" t="s">
        <v>87</v>
      </c>
      <c r="N42047" t="s">
        <v>88</v>
      </c>
      <c r="O42047" t="s">
        <v>85</v>
      </c>
      <c r="P42047" t="s">
        <v>86</v>
      </c>
      <c r="Q42047">
        <v>3</v>
      </c>
      <c r="R42047">
        <v>3</v>
      </c>
      <c r="S42047">
        <v>3</v>
      </c>
      <c r="T42047">
        <v>3</v>
      </c>
      <c r="U42047">
        <v>3</v>
      </c>
      <c r="V42047">
        <v>3</v>
      </c>
      <c r="W42047">
        <v>3</v>
      </c>
      <c r="X42047">
        <v>4</v>
      </c>
      <c r="Y42047">
        <v>4</v>
      </c>
      <c r="Z42047">
        <v>4</v>
      </c>
      <c r="AA42047">
        <v>4</v>
      </c>
      <c r="AB42047">
        <v>4</v>
      </c>
      <c r="AC42047">
        <v>4</v>
      </c>
      <c r="AD42047">
        <v>4</v>
      </c>
      <c r="AE42047">
        <v>4</v>
      </c>
      <c r="AF42047">
        <v>4</v>
      </c>
      <c r="AG42047">
        <v>4</v>
      </c>
      <c r="AH42047">
        <v>4</v>
      </c>
      <c r="AI42047">
        <v>4</v>
      </c>
      <c r="AJ42047">
        <v>4</v>
      </c>
      <c r="AK42047">
        <v>5</v>
      </c>
      <c r="AL42047">
        <v>5</v>
      </c>
      <c r="AM42047">
        <v>5</v>
      </c>
      <c r="AN42047">
        <v>5</v>
      </c>
      <c r="AO42047">
        <v>5</v>
      </c>
      <c r="AP42047">
        <v>5</v>
      </c>
      <c r="AQ42047">
        <v>5</v>
      </c>
    </row>
    <row r="42048" spans="1:43">
      <c r="A42048" t="s">
        <v>25835</v>
      </c>
      <c r="B42048" t="s">
        <v>25836</v>
      </c>
      <c r="C42048" t="s">
        <v>14305</v>
      </c>
      <c r="D42048" t="s">
        <v>14306</v>
      </c>
      <c r="E42048" t="s">
        <v>14307</v>
      </c>
      <c r="F42048" t="s">
        <v>14308</v>
      </c>
      <c r="G42048" t="s">
        <v>10734</v>
      </c>
      <c r="H42048" t="s">
        <v>10735</v>
      </c>
      <c r="I42048" s="2">
        <v>0</v>
      </c>
      <c r="J42048" s="2">
        <v>0</v>
      </c>
      <c r="K42048" s="2">
        <v>1</v>
      </c>
      <c r="L42048" t="s">
        <v>995</v>
      </c>
      <c r="M42048" t="s">
        <v>89</v>
      </c>
      <c r="N42048" t="s">
        <v>90</v>
      </c>
      <c r="O42048" t="s">
        <v>85</v>
      </c>
      <c r="P42048" t="s">
        <v>86</v>
      </c>
      <c r="Q42048">
        <v>3</v>
      </c>
      <c r="R42048">
        <v>3</v>
      </c>
      <c r="S42048">
        <v>3</v>
      </c>
      <c r="T42048">
        <v>3</v>
      </c>
      <c r="U42048">
        <v>4</v>
      </c>
      <c r="V42048">
        <v>4</v>
      </c>
      <c r="W42048">
        <v>4</v>
      </c>
      <c r="X42048">
        <v>4</v>
      </c>
      <c r="Y42048">
        <v>4</v>
      </c>
      <c r="Z42048">
        <v>4</v>
      </c>
      <c r="AA42048">
        <v>4</v>
      </c>
      <c r="AB42048">
        <v>4</v>
      </c>
      <c r="AC42048">
        <v>5</v>
      </c>
      <c r="AD42048">
        <v>5</v>
      </c>
      <c r="AE42048">
        <v>5</v>
      </c>
      <c r="AF42048">
        <v>5</v>
      </c>
      <c r="AG42048">
        <v>5</v>
      </c>
      <c r="AH42048">
        <v>5</v>
      </c>
      <c r="AI42048">
        <v>5</v>
      </c>
      <c r="AJ42048">
        <v>5</v>
      </c>
      <c r="AK42048">
        <v>5</v>
      </c>
      <c r="AL42048">
        <v>5</v>
      </c>
      <c r="AM42048">
        <v>6</v>
      </c>
      <c r="AN42048">
        <v>6</v>
      </c>
      <c r="AO42048">
        <v>6</v>
      </c>
      <c r="AP42048">
        <v>6</v>
      </c>
      <c r="AQ42048">
        <v>6</v>
      </c>
    </row>
    <row r="42049" spans="1:43">
      <c r="A42049" t="s">
        <v>25835</v>
      </c>
      <c r="B42049" t="s">
        <v>25836</v>
      </c>
      <c r="C42049" t="s">
        <v>14305</v>
      </c>
      <c r="D42049" t="s">
        <v>14306</v>
      </c>
      <c r="E42049" t="s">
        <v>14307</v>
      </c>
      <c r="F42049" t="s">
        <v>14308</v>
      </c>
      <c r="G42049" t="s">
        <v>10734</v>
      </c>
      <c r="H42049" t="s">
        <v>10735</v>
      </c>
      <c r="I42049" s="2">
        <v>0</v>
      </c>
      <c r="J42049" s="2">
        <v>0</v>
      </c>
      <c r="K42049" s="2">
        <v>1</v>
      </c>
      <c r="L42049" t="s">
        <v>995</v>
      </c>
      <c r="M42049" t="s">
        <v>83</v>
      </c>
      <c r="N42049" t="s">
        <v>91</v>
      </c>
      <c r="O42049" t="s">
        <v>85</v>
      </c>
      <c r="P42049" t="s">
        <v>86</v>
      </c>
      <c r="Q42049">
        <v>3</v>
      </c>
      <c r="R42049">
        <v>3</v>
      </c>
      <c r="S42049">
        <v>3</v>
      </c>
      <c r="T42049">
        <v>3</v>
      </c>
      <c r="U42049">
        <v>3</v>
      </c>
      <c r="V42049">
        <v>4</v>
      </c>
      <c r="W42049">
        <v>4</v>
      </c>
      <c r="X42049">
        <v>4</v>
      </c>
      <c r="Y42049">
        <v>4</v>
      </c>
      <c r="Z42049">
        <v>4</v>
      </c>
      <c r="AA42049">
        <v>4</v>
      </c>
      <c r="AB42049">
        <v>4</v>
      </c>
      <c r="AC42049">
        <v>4</v>
      </c>
      <c r="AD42049">
        <v>4</v>
      </c>
      <c r="AE42049">
        <v>5</v>
      </c>
      <c r="AF42049">
        <v>5</v>
      </c>
      <c r="AG42049">
        <v>5</v>
      </c>
      <c r="AH42049">
        <v>5</v>
      </c>
      <c r="AI42049">
        <v>5</v>
      </c>
      <c r="AJ42049">
        <v>5</v>
      </c>
      <c r="AK42049">
        <v>5</v>
      </c>
      <c r="AL42049">
        <v>5</v>
      </c>
      <c r="AM42049">
        <v>6</v>
      </c>
      <c r="AN42049">
        <v>6</v>
      </c>
      <c r="AO42049">
        <v>6</v>
      </c>
      <c r="AP42049">
        <v>6</v>
      </c>
      <c r="AQ42049">
        <v>6</v>
      </c>
    </row>
    <row r="42050" spans="1:43">
      <c r="A42050" t="s">
        <v>25837</v>
      </c>
      <c r="B42050" t="s">
        <v>25838</v>
      </c>
      <c r="C42050" t="s">
        <v>14305</v>
      </c>
      <c r="D42050" t="s">
        <v>14306</v>
      </c>
      <c r="E42050" t="s">
        <v>14307</v>
      </c>
      <c r="F42050" t="s">
        <v>14308</v>
      </c>
      <c r="G42050" t="s">
        <v>10734</v>
      </c>
      <c r="H42050" t="s">
        <v>10735</v>
      </c>
      <c r="I42050" s="2">
        <v>0</v>
      </c>
      <c r="J42050" s="2">
        <v>0</v>
      </c>
      <c r="K42050" s="2">
        <v>1</v>
      </c>
      <c r="L42050" t="s">
        <v>995</v>
      </c>
      <c r="M42050" t="s">
        <v>83</v>
      </c>
      <c r="N42050" t="s">
        <v>84</v>
      </c>
      <c r="O42050" t="s">
        <v>85</v>
      </c>
      <c r="P42050" t="s">
        <v>86</v>
      </c>
      <c r="Q42050">
        <v>63</v>
      </c>
      <c r="R42050">
        <v>65</v>
      </c>
      <c r="S42050">
        <v>67</v>
      </c>
      <c r="T42050">
        <v>69</v>
      </c>
      <c r="U42050">
        <v>71</v>
      </c>
      <c r="V42050">
        <v>73</v>
      </c>
      <c r="W42050">
        <v>75</v>
      </c>
      <c r="X42050">
        <v>77</v>
      </c>
      <c r="Y42050">
        <v>80</v>
      </c>
      <c r="Z42050">
        <v>82</v>
      </c>
      <c r="AA42050">
        <v>84</v>
      </c>
      <c r="AB42050">
        <v>86</v>
      </c>
      <c r="AC42050">
        <v>89</v>
      </c>
      <c r="AD42050">
        <v>91</v>
      </c>
      <c r="AE42050">
        <v>94</v>
      </c>
      <c r="AF42050">
        <v>96</v>
      </c>
      <c r="AG42050">
        <v>99</v>
      </c>
      <c r="AH42050">
        <v>101</v>
      </c>
      <c r="AI42050">
        <v>104</v>
      </c>
      <c r="AJ42050">
        <v>107</v>
      </c>
      <c r="AK42050">
        <v>109</v>
      </c>
      <c r="AL42050">
        <v>112</v>
      </c>
      <c r="AM42050">
        <v>113</v>
      </c>
      <c r="AN42050">
        <v>115</v>
      </c>
      <c r="AO42050">
        <v>117</v>
      </c>
      <c r="AP42050">
        <v>119</v>
      </c>
      <c r="AQ42050">
        <v>121</v>
      </c>
    </row>
    <row r="42051" spans="1:43">
      <c r="A42051" t="s">
        <v>25837</v>
      </c>
      <c r="B42051" t="s">
        <v>25838</v>
      </c>
      <c r="C42051" t="s">
        <v>14305</v>
      </c>
      <c r="D42051" t="s">
        <v>14306</v>
      </c>
      <c r="E42051" t="s">
        <v>14307</v>
      </c>
      <c r="F42051" t="s">
        <v>14308</v>
      </c>
      <c r="G42051" t="s">
        <v>10734</v>
      </c>
      <c r="H42051" t="s">
        <v>10735</v>
      </c>
      <c r="I42051" s="2">
        <v>0</v>
      </c>
      <c r="J42051" s="2">
        <v>0</v>
      </c>
      <c r="K42051" s="2">
        <v>1</v>
      </c>
      <c r="L42051" t="s">
        <v>995</v>
      </c>
      <c r="M42051" t="s">
        <v>87</v>
      </c>
      <c r="N42051" t="s">
        <v>88</v>
      </c>
      <c r="O42051" t="s">
        <v>85</v>
      </c>
      <c r="P42051" t="s">
        <v>86</v>
      </c>
      <c r="Q42051">
        <v>63</v>
      </c>
      <c r="R42051">
        <v>64</v>
      </c>
      <c r="S42051">
        <v>65</v>
      </c>
      <c r="T42051">
        <v>67</v>
      </c>
      <c r="U42051">
        <v>68</v>
      </c>
      <c r="V42051">
        <v>69</v>
      </c>
      <c r="W42051">
        <v>71</v>
      </c>
      <c r="X42051">
        <v>72</v>
      </c>
      <c r="Y42051">
        <v>74</v>
      </c>
      <c r="Z42051">
        <v>75</v>
      </c>
      <c r="AA42051">
        <v>77</v>
      </c>
      <c r="AB42051">
        <v>78</v>
      </c>
      <c r="AC42051">
        <v>80</v>
      </c>
      <c r="AD42051">
        <v>81</v>
      </c>
      <c r="AE42051">
        <v>83</v>
      </c>
      <c r="AF42051">
        <v>85</v>
      </c>
      <c r="AG42051">
        <v>86</v>
      </c>
      <c r="AH42051">
        <v>88</v>
      </c>
      <c r="AI42051">
        <v>90</v>
      </c>
      <c r="AJ42051">
        <v>92</v>
      </c>
      <c r="AK42051">
        <v>94</v>
      </c>
      <c r="AL42051">
        <v>95</v>
      </c>
      <c r="AM42051">
        <v>97</v>
      </c>
      <c r="AN42051">
        <v>99</v>
      </c>
      <c r="AO42051">
        <v>101</v>
      </c>
      <c r="AP42051">
        <v>103</v>
      </c>
      <c r="AQ42051">
        <v>105</v>
      </c>
    </row>
    <row r="42052" spans="1:43">
      <c r="A42052" t="s">
        <v>25837</v>
      </c>
      <c r="B42052" t="s">
        <v>25838</v>
      </c>
      <c r="C42052" t="s">
        <v>14305</v>
      </c>
      <c r="D42052" t="s">
        <v>14306</v>
      </c>
      <c r="E42052" t="s">
        <v>14307</v>
      </c>
      <c r="F42052" t="s">
        <v>14308</v>
      </c>
      <c r="G42052" t="s">
        <v>10734</v>
      </c>
      <c r="H42052" t="s">
        <v>10735</v>
      </c>
      <c r="I42052" s="2">
        <v>0</v>
      </c>
      <c r="J42052" s="2">
        <v>0</v>
      </c>
      <c r="K42052" s="2">
        <v>1</v>
      </c>
      <c r="L42052" t="s">
        <v>995</v>
      </c>
      <c r="M42052" t="s">
        <v>89</v>
      </c>
      <c r="N42052" t="s">
        <v>90</v>
      </c>
      <c r="O42052" t="s">
        <v>85</v>
      </c>
      <c r="P42052" t="s">
        <v>86</v>
      </c>
      <c r="Q42052">
        <v>63</v>
      </c>
      <c r="R42052">
        <v>65</v>
      </c>
      <c r="S42052">
        <v>68</v>
      </c>
      <c r="T42052">
        <v>70</v>
      </c>
      <c r="U42052">
        <v>73</v>
      </c>
      <c r="V42052">
        <v>75</v>
      </c>
      <c r="W42052">
        <v>78</v>
      </c>
      <c r="X42052">
        <v>81</v>
      </c>
      <c r="Y42052">
        <v>83</v>
      </c>
      <c r="Z42052">
        <v>86</v>
      </c>
      <c r="AA42052">
        <v>88</v>
      </c>
      <c r="AB42052">
        <v>91</v>
      </c>
      <c r="AC42052">
        <v>94</v>
      </c>
      <c r="AD42052">
        <v>97</v>
      </c>
      <c r="AE42052">
        <v>99</v>
      </c>
      <c r="AF42052">
        <v>101</v>
      </c>
      <c r="AG42052">
        <v>103</v>
      </c>
      <c r="AH42052">
        <v>105</v>
      </c>
      <c r="AI42052">
        <v>106</v>
      </c>
      <c r="AJ42052">
        <v>108</v>
      </c>
      <c r="AK42052">
        <v>110</v>
      </c>
      <c r="AL42052">
        <v>112</v>
      </c>
      <c r="AM42052">
        <v>114</v>
      </c>
      <c r="AN42052">
        <v>116</v>
      </c>
      <c r="AO42052">
        <v>118</v>
      </c>
      <c r="AP42052">
        <v>120</v>
      </c>
      <c r="AQ42052">
        <v>122</v>
      </c>
    </row>
    <row r="42053" spans="1:43">
      <c r="A42053" t="s">
        <v>25837</v>
      </c>
      <c r="B42053" t="s">
        <v>25838</v>
      </c>
      <c r="C42053" t="s">
        <v>14305</v>
      </c>
      <c r="D42053" t="s">
        <v>14306</v>
      </c>
      <c r="E42053" t="s">
        <v>14307</v>
      </c>
      <c r="F42053" t="s">
        <v>14308</v>
      </c>
      <c r="G42053" t="s">
        <v>10734</v>
      </c>
      <c r="H42053" t="s">
        <v>10735</v>
      </c>
      <c r="I42053" s="2">
        <v>0</v>
      </c>
      <c r="J42053" s="2">
        <v>0</v>
      </c>
      <c r="K42053" s="2">
        <v>1</v>
      </c>
      <c r="L42053" t="s">
        <v>995</v>
      </c>
      <c r="M42053" t="s">
        <v>83</v>
      </c>
      <c r="N42053" t="s">
        <v>91</v>
      </c>
      <c r="O42053" t="s">
        <v>85</v>
      </c>
      <c r="P42053" t="s">
        <v>86</v>
      </c>
      <c r="Q42053">
        <v>63</v>
      </c>
      <c r="R42053">
        <v>65</v>
      </c>
      <c r="S42053">
        <v>67</v>
      </c>
      <c r="T42053">
        <v>69</v>
      </c>
      <c r="U42053">
        <v>71</v>
      </c>
      <c r="V42053">
        <v>73</v>
      </c>
      <c r="W42053">
        <v>75</v>
      </c>
      <c r="X42053">
        <v>77</v>
      </c>
      <c r="Y42053">
        <v>80</v>
      </c>
      <c r="Z42053">
        <v>82</v>
      </c>
      <c r="AA42053">
        <v>84</v>
      </c>
      <c r="AB42053">
        <v>86</v>
      </c>
      <c r="AC42053">
        <v>89</v>
      </c>
      <c r="AD42053">
        <v>91</v>
      </c>
      <c r="AE42053">
        <v>94</v>
      </c>
      <c r="AF42053">
        <v>96</v>
      </c>
      <c r="AG42053">
        <v>99</v>
      </c>
      <c r="AH42053">
        <v>101</v>
      </c>
      <c r="AI42053">
        <v>104</v>
      </c>
      <c r="AJ42053">
        <v>107</v>
      </c>
      <c r="AK42053">
        <v>109</v>
      </c>
      <c r="AL42053">
        <v>112</v>
      </c>
      <c r="AM42053">
        <v>113</v>
      </c>
      <c r="AN42053">
        <v>115</v>
      </c>
      <c r="AO42053">
        <v>117</v>
      </c>
      <c r="AP42053">
        <v>119</v>
      </c>
      <c r="AQ42053">
        <v>121</v>
      </c>
    </row>
    <row r="42054" spans="1:43">
      <c r="A42054" t="s">
        <v>25839</v>
      </c>
      <c r="B42054" t="s">
        <v>25840</v>
      </c>
      <c r="C42054" t="s">
        <v>14477</v>
      </c>
      <c r="D42054" t="s">
        <v>14478</v>
      </c>
      <c r="E42054" t="s">
        <v>14307</v>
      </c>
      <c r="F42054" t="s">
        <v>14308</v>
      </c>
      <c r="G42054" t="s">
        <v>10734</v>
      </c>
      <c r="H42054" t="s">
        <v>10735</v>
      </c>
      <c r="I42054" s="2">
        <v>0</v>
      </c>
      <c r="J42054" s="2">
        <v>0</v>
      </c>
      <c r="K42054" s="2">
        <v>1</v>
      </c>
      <c r="L42054" t="s">
        <v>995</v>
      </c>
      <c r="M42054" t="s">
        <v>83</v>
      </c>
      <c r="N42054" t="s">
        <v>84</v>
      </c>
      <c r="O42054" t="s">
        <v>85</v>
      </c>
      <c r="P42054" t="s">
        <v>86</v>
      </c>
      <c r="Q42054">
        <v>4</v>
      </c>
      <c r="R42054">
        <v>4</v>
      </c>
      <c r="S42054">
        <v>4</v>
      </c>
      <c r="T42054">
        <v>4</v>
      </c>
      <c r="U42054">
        <v>4</v>
      </c>
      <c r="V42054">
        <v>4</v>
      </c>
      <c r="W42054">
        <v>4</v>
      </c>
      <c r="X42054">
        <v>5</v>
      </c>
      <c r="Y42054">
        <v>5</v>
      </c>
      <c r="Z42054">
        <v>5</v>
      </c>
      <c r="AA42054">
        <v>5</v>
      </c>
      <c r="AB42054">
        <v>5</v>
      </c>
      <c r="AC42054">
        <v>5</v>
      </c>
      <c r="AD42054">
        <v>5</v>
      </c>
      <c r="AE42054">
        <v>6</v>
      </c>
      <c r="AF42054">
        <v>6</v>
      </c>
      <c r="AG42054">
        <v>6</v>
      </c>
      <c r="AH42054">
        <v>6</v>
      </c>
      <c r="AI42054">
        <v>6</v>
      </c>
      <c r="AJ42054">
        <v>6</v>
      </c>
      <c r="AK42054">
        <v>7</v>
      </c>
      <c r="AL42054">
        <v>7</v>
      </c>
      <c r="AM42054">
        <v>7</v>
      </c>
      <c r="AN42054">
        <v>7</v>
      </c>
      <c r="AO42054">
        <v>7</v>
      </c>
      <c r="AP42054">
        <v>7</v>
      </c>
      <c r="AQ42054">
        <v>7</v>
      </c>
    </row>
    <row r="42055" spans="1:43">
      <c r="A42055" t="s">
        <v>25839</v>
      </c>
      <c r="B42055" t="s">
        <v>25840</v>
      </c>
      <c r="C42055" t="s">
        <v>14477</v>
      </c>
      <c r="D42055" t="s">
        <v>14478</v>
      </c>
      <c r="E42055" t="s">
        <v>14307</v>
      </c>
      <c r="F42055" t="s">
        <v>14308</v>
      </c>
      <c r="G42055" t="s">
        <v>10734</v>
      </c>
      <c r="H42055" t="s">
        <v>10735</v>
      </c>
      <c r="I42055" s="2">
        <v>0</v>
      </c>
      <c r="J42055" s="2">
        <v>0</v>
      </c>
      <c r="K42055" s="2">
        <v>1</v>
      </c>
      <c r="L42055" t="s">
        <v>995</v>
      </c>
      <c r="M42055" t="s">
        <v>87</v>
      </c>
      <c r="N42055" t="s">
        <v>88</v>
      </c>
      <c r="O42055" t="s">
        <v>85</v>
      </c>
      <c r="P42055" t="s">
        <v>86</v>
      </c>
      <c r="Q42055">
        <v>4</v>
      </c>
      <c r="R42055">
        <v>4</v>
      </c>
      <c r="S42055">
        <v>4</v>
      </c>
      <c r="T42055">
        <v>4</v>
      </c>
      <c r="U42055">
        <v>4</v>
      </c>
      <c r="V42055">
        <v>4</v>
      </c>
      <c r="W42055">
        <v>4</v>
      </c>
      <c r="X42055">
        <v>4</v>
      </c>
      <c r="Y42055">
        <v>4</v>
      </c>
      <c r="Z42055">
        <v>4</v>
      </c>
      <c r="AA42055">
        <v>5</v>
      </c>
      <c r="AB42055">
        <v>5</v>
      </c>
      <c r="AC42055">
        <v>5</v>
      </c>
      <c r="AD42055">
        <v>5</v>
      </c>
      <c r="AE42055">
        <v>5</v>
      </c>
      <c r="AF42055">
        <v>5</v>
      </c>
      <c r="AG42055">
        <v>5</v>
      </c>
      <c r="AH42055">
        <v>5</v>
      </c>
      <c r="AI42055">
        <v>5</v>
      </c>
      <c r="AJ42055">
        <v>5</v>
      </c>
      <c r="AK42055">
        <v>6</v>
      </c>
      <c r="AL42055">
        <v>6</v>
      </c>
      <c r="AM42055">
        <v>6</v>
      </c>
      <c r="AN42055">
        <v>6</v>
      </c>
      <c r="AO42055">
        <v>6</v>
      </c>
      <c r="AP42055">
        <v>6</v>
      </c>
      <c r="AQ42055">
        <v>6</v>
      </c>
    </row>
    <row r="42056" spans="1:43">
      <c r="A42056" t="s">
        <v>25839</v>
      </c>
      <c r="B42056" t="s">
        <v>25840</v>
      </c>
      <c r="C42056" t="s">
        <v>14477</v>
      </c>
      <c r="D42056" t="s">
        <v>14478</v>
      </c>
      <c r="E42056" t="s">
        <v>14307</v>
      </c>
      <c r="F42056" t="s">
        <v>14308</v>
      </c>
      <c r="G42056" t="s">
        <v>10734</v>
      </c>
      <c r="H42056" t="s">
        <v>10735</v>
      </c>
      <c r="I42056" s="2">
        <v>0</v>
      </c>
      <c r="J42056" s="2">
        <v>0</v>
      </c>
      <c r="K42056" s="2">
        <v>1</v>
      </c>
      <c r="L42056" t="s">
        <v>995</v>
      </c>
      <c r="M42056" t="s">
        <v>89</v>
      </c>
      <c r="N42056" t="s">
        <v>90</v>
      </c>
      <c r="O42056" t="s">
        <v>85</v>
      </c>
      <c r="P42056" t="s">
        <v>86</v>
      </c>
      <c r="Q42056">
        <v>4</v>
      </c>
      <c r="R42056">
        <v>4</v>
      </c>
      <c r="S42056">
        <v>4</v>
      </c>
      <c r="T42056">
        <v>4</v>
      </c>
      <c r="U42056">
        <v>4</v>
      </c>
      <c r="V42056">
        <v>5</v>
      </c>
      <c r="W42056">
        <v>5</v>
      </c>
      <c r="X42056">
        <v>5</v>
      </c>
      <c r="Y42056">
        <v>5</v>
      </c>
      <c r="Z42056">
        <v>5</v>
      </c>
      <c r="AA42056">
        <v>5</v>
      </c>
      <c r="AB42056">
        <v>6</v>
      </c>
      <c r="AC42056">
        <v>6</v>
      </c>
      <c r="AD42056">
        <v>6</v>
      </c>
      <c r="AE42056">
        <v>6</v>
      </c>
      <c r="AF42056">
        <v>6</v>
      </c>
      <c r="AG42056">
        <v>6</v>
      </c>
      <c r="AH42056">
        <v>6</v>
      </c>
      <c r="AI42056">
        <v>6</v>
      </c>
      <c r="AJ42056">
        <v>7</v>
      </c>
      <c r="AK42056">
        <v>7</v>
      </c>
      <c r="AL42056">
        <v>7</v>
      </c>
      <c r="AM42056">
        <v>7</v>
      </c>
      <c r="AN42056">
        <v>7</v>
      </c>
      <c r="AO42056">
        <v>7</v>
      </c>
      <c r="AP42056">
        <v>7</v>
      </c>
      <c r="AQ42056">
        <v>7</v>
      </c>
    </row>
    <row r="42057" spans="1:43">
      <c r="A42057" t="s">
        <v>25839</v>
      </c>
      <c r="B42057" t="s">
        <v>25840</v>
      </c>
      <c r="C42057" t="s">
        <v>14477</v>
      </c>
      <c r="D42057" t="s">
        <v>14478</v>
      </c>
      <c r="E42057" t="s">
        <v>14307</v>
      </c>
      <c r="F42057" t="s">
        <v>14308</v>
      </c>
      <c r="G42057" t="s">
        <v>10734</v>
      </c>
      <c r="H42057" t="s">
        <v>10735</v>
      </c>
      <c r="I42057" s="2">
        <v>0</v>
      </c>
      <c r="J42057" s="2">
        <v>0</v>
      </c>
      <c r="K42057" s="2">
        <v>1</v>
      </c>
      <c r="L42057" t="s">
        <v>995</v>
      </c>
      <c r="M42057" t="s">
        <v>83</v>
      </c>
      <c r="N42057" t="s">
        <v>91</v>
      </c>
      <c r="O42057" t="s">
        <v>85</v>
      </c>
      <c r="P42057" t="s">
        <v>86</v>
      </c>
      <c r="Q42057">
        <v>4</v>
      </c>
      <c r="R42057">
        <v>4</v>
      </c>
      <c r="S42057">
        <v>4</v>
      </c>
      <c r="T42057">
        <v>4</v>
      </c>
      <c r="U42057">
        <v>4</v>
      </c>
      <c r="V42057">
        <v>4</v>
      </c>
      <c r="W42057">
        <v>4</v>
      </c>
      <c r="X42057">
        <v>5</v>
      </c>
      <c r="Y42057">
        <v>5</v>
      </c>
      <c r="Z42057">
        <v>5</v>
      </c>
      <c r="AA42057">
        <v>5</v>
      </c>
      <c r="AB42057">
        <v>5</v>
      </c>
      <c r="AC42057">
        <v>5</v>
      </c>
      <c r="AD42057">
        <v>5</v>
      </c>
      <c r="AE42057">
        <v>6</v>
      </c>
      <c r="AF42057">
        <v>6</v>
      </c>
      <c r="AG42057">
        <v>6</v>
      </c>
      <c r="AH42057">
        <v>6</v>
      </c>
      <c r="AI42057">
        <v>6</v>
      </c>
      <c r="AJ42057">
        <v>6</v>
      </c>
      <c r="AK42057">
        <v>7</v>
      </c>
      <c r="AL42057">
        <v>7</v>
      </c>
      <c r="AM42057">
        <v>7</v>
      </c>
      <c r="AN42057">
        <v>7</v>
      </c>
      <c r="AO42057">
        <v>7</v>
      </c>
      <c r="AP42057">
        <v>7</v>
      </c>
      <c r="AQ42057">
        <v>7</v>
      </c>
    </row>
    <row r="42058" spans="1:43">
      <c r="A42058" t="s">
        <v>25841</v>
      </c>
      <c r="B42058" t="s">
        <v>25842</v>
      </c>
      <c r="C42058" t="s">
        <v>14477</v>
      </c>
      <c r="D42058" t="s">
        <v>14478</v>
      </c>
      <c r="E42058" t="s">
        <v>14307</v>
      </c>
      <c r="F42058" t="s">
        <v>14308</v>
      </c>
      <c r="G42058" t="s">
        <v>10734</v>
      </c>
      <c r="H42058" t="s">
        <v>10735</v>
      </c>
      <c r="I42058" s="2">
        <v>0</v>
      </c>
      <c r="J42058" s="2">
        <v>0</v>
      </c>
      <c r="K42058" s="2">
        <v>1</v>
      </c>
      <c r="L42058" t="s">
        <v>995</v>
      </c>
      <c r="M42058" t="s">
        <v>83</v>
      </c>
      <c r="N42058" t="s">
        <v>84</v>
      </c>
      <c r="O42058" t="s">
        <v>85</v>
      </c>
      <c r="P42058" t="s">
        <v>86</v>
      </c>
      <c r="Q42058">
        <v>22</v>
      </c>
      <c r="R42058">
        <v>23</v>
      </c>
      <c r="S42058">
        <v>24</v>
      </c>
      <c r="T42058">
        <v>25</v>
      </c>
      <c r="U42058">
        <v>25</v>
      </c>
      <c r="V42058">
        <v>26</v>
      </c>
      <c r="W42058">
        <v>27</v>
      </c>
      <c r="X42058">
        <v>27</v>
      </c>
      <c r="Y42058">
        <v>28</v>
      </c>
      <c r="Z42058">
        <v>29</v>
      </c>
      <c r="AA42058">
        <v>30</v>
      </c>
      <c r="AB42058">
        <v>31</v>
      </c>
      <c r="AC42058">
        <v>32</v>
      </c>
      <c r="AD42058">
        <v>32</v>
      </c>
      <c r="AE42058">
        <v>33</v>
      </c>
      <c r="AF42058">
        <v>34</v>
      </c>
      <c r="AG42058">
        <v>35</v>
      </c>
      <c r="AH42058">
        <v>36</v>
      </c>
      <c r="AI42058">
        <v>37</v>
      </c>
      <c r="AJ42058">
        <v>38</v>
      </c>
      <c r="AK42058">
        <v>39</v>
      </c>
      <c r="AL42058">
        <v>40</v>
      </c>
      <c r="AM42058">
        <v>40</v>
      </c>
      <c r="AN42058">
        <v>41</v>
      </c>
      <c r="AO42058">
        <v>42</v>
      </c>
      <c r="AP42058">
        <v>42</v>
      </c>
      <c r="AQ42058">
        <v>43</v>
      </c>
    </row>
    <row r="42059" spans="1:43">
      <c r="A42059" t="s">
        <v>25841</v>
      </c>
      <c r="B42059" t="s">
        <v>25842</v>
      </c>
      <c r="C42059" t="s">
        <v>14477</v>
      </c>
      <c r="D42059" t="s">
        <v>14478</v>
      </c>
      <c r="E42059" t="s">
        <v>14307</v>
      </c>
      <c r="F42059" t="s">
        <v>14308</v>
      </c>
      <c r="G42059" t="s">
        <v>10734</v>
      </c>
      <c r="H42059" t="s">
        <v>10735</v>
      </c>
      <c r="I42059" s="2">
        <v>0</v>
      </c>
      <c r="J42059" s="2">
        <v>0</v>
      </c>
      <c r="K42059" s="2">
        <v>1</v>
      </c>
      <c r="L42059" t="s">
        <v>995</v>
      </c>
      <c r="M42059" t="s">
        <v>87</v>
      </c>
      <c r="N42059" t="s">
        <v>88</v>
      </c>
      <c r="O42059" t="s">
        <v>85</v>
      </c>
      <c r="P42059" t="s">
        <v>86</v>
      </c>
      <c r="Q42059">
        <v>22</v>
      </c>
      <c r="R42059">
        <v>23</v>
      </c>
      <c r="S42059">
        <v>23</v>
      </c>
      <c r="T42059">
        <v>24</v>
      </c>
      <c r="U42059">
        <v>24</v>
      </c>
      <c r="V42059">
        <v>25</v>
      </c>
      <c r="W42059">
        <v>25</v>
      </c>
      <c r="X42059">
        <v>26</v>
      </c>
      <c r="Y42059">
        <v>26</v>
      </c>
      <c r="Z42059">
        <v>27</v>
      </c>
      <c r="AA42059">
        <v>27</v>
      </c>
      <c r="AB42059">
        <v>28</v>
      </c>
      <c r="AC42059">
        <v>28</v>
      </c>
      <c r="AD42059">
        <v>29</v>
      </c>
      <c r="AE42059">
        <v>29</v>
      </c>
      <c r="AF42059">
        <v>30</v>
      </c>
      <c r="AG42059">
        <v>31</v>
      </c>
      <c r="AH42059">
        <v>31</v>
      </c>
      <c r="AI42059">
        <v>32</v>
      </c>
      <c r="AJ42059">
        <v>33</v>
      </c>
      <c r="AK42059">
        <v>33</v>
      </c>
      <c r="AL42059">
        <v>34</v>
      </c>
      <c r="AM42059">
        <v>35</v>
      </c>
      <c r="AN42059">
        <v>35</v>
      </c>
      <c r="AO42059">
        <v>36</v>
      </c>
      <c r="AP42059">
        <v>37</v>
      </c>
      <c r="AQ42059">
        <v>37</v>
      </c>
    </row>
    <row r="42060" spans="1:43">
      <c r="A42060" t="s">
        <v>25841</v>
      </c>
      <c r="B42060" t="s">
        <v>25842</v>
      </c>
      <c r="C42060" t="s">
        <v>14477</v>
      </c>
      <c r="D42060" t="s">
        <v>14478</v>
      </c>
      <c r="E42060" t="s">
        <v>14307</v>
      </c>
      <c r="F42060" t="s">
        <v>14308</v>
      </c>
      <c r="G42060" t="s">
        <v>10734</v>
      </c>
      <c r="H42060" t="s">
        <v>10735</v>
      </c>
      <c r="I42060" s="2">
        <v>0</v>
      </c>
      <c r="J42060" s="2">
        <v>0</v>
      </c>
      <c r="K42060" s="2">
        <v>1</v>
      </c>
      <c r="L42060" t="s">
        <v>995</v>
      </c>
      <c r="M42060" t="s">
        <v>89</v>
      </c>
      <c r="N42060" t="s">
        <v>90</v>
      </c>
      <c r="O42060" t="s">
        <v>85</v>
      </c>
      <c r="P42060" t="s">
        <v>86</v>
      </c>
      <c r="Q42060">
        <v>22</v>
      </c>
      <c r="R42060">
        <v>23</v>
      </c>
      <c r="S42060">
        <v>23</v>
      </c>
      <c r="T42060">
        <v>24</v>
      </c>
      <c r="U42060">
        <v>25</v>
      </c>
      <c r="V42060">
        <v>26</v>
      </c>
      <c r="W42060">
        <v>27</v>
      </c>
      <c r="X42060">
        <v>28</v>
      </c>
      <c r="Y42060">
        <v>29</v>
      </c>
      <c r="Z42060">
        <v>30</v>
      </c>
      <c r="AA42060">
        <v>31</v>
      </c>
      <c r="AB42060">
        <v>32</v>
      </c>
      <c r="AC42060">
        <v>33</v>
      </c>
      <c r="AD42060">
        <v>34</v>
      </c>
      <c r="AE42060">
        <v>35</v>
      </c>
      <c r="AF42060">
        <v>35</v>
      </c>
      <c r="AG42060">
        <v>36</v>
      </c>
      <c r="AH42060">
        <v>36</v>
      </c>
      <c r="AI42060">
        <v>37</v>
      </c>
      <c r="AJ42060">
        <v>38</v>
      </c>
      <c r="AK42060">
        <v>38</v>
      </c>
      <c r="AL42060">
        <v>39</v>
      </c>
      <c r="AM42060">
        <v>40</v>
      </c>
      <c r="AN42060">
        <v>40</v>
      </c>
      <c r="AO42060">
        <v>41</v>
      </c>
      <c r="AP42060">
        <v>42</v>
      </c>
      <c r="AQ42060">
        <v>42</v>
      </c>
    </row>
    <row r="42061" spans="1:43">
      <c r="A42061" t="s">
        <v>25841</v>
      </c>
      <c r="B42061" t="s">
        <v>25842</v>
      </c>
      <c r="C42061" t="s">
        <v>14477</v>
      </c>
      <c r="D42061" t="s">
        <v>14478</v>
      </c>
      <c r="E42061" t="s">
        <v>14307</v>
      </c>
      <c r="F42061" t="s">
        <v>14308</v>
      </c>
      <c r="G42061" t="s">
        <v>10734</v>
      </c>
      <c r="H42061" t="s">
        <v>10735</v>
      </c>
      <c r="I42061" s="2">
        <v>0</v>
      </c>
      <c r="J42061" s="2">
        <v>0</v>
      </c>
      <c r="K42061" s="2">
        <v>1</v>
      </c>
      <c r="L42061" t="s">
        <v>995</v>
      </c>
      <c r="M42061" t="s">
        <v>83</v>
      </c>
      <c r="N42061" t="s">
        <v>91</v>
      </c>
      <c r="O42061" t="s">
        <v>85</v>
      </c>
      <c r="P42061" t="s">
        <v>86</v>
      </c>
      <c r="Q42061">
        <v>22</v>
      </c>
      <c r="R42061">
        <v>23</v>
      </c>
      <c r="S42061">
        <v>24</v>
      </c>
      <c r="T42061">
        <v>25</v>
      </c>
      <c r="U42061">
        <v>25</v>
      </c>
      <c r="V42061">
        <v>26</v>
      </c>
      <c r="W42061">
        <v>27</v>
      </c>
      <c r="X42061">
        <v>27</v>
      </c>
      <c r="Y42061">
        <v>28</v>
      </c>
      <c r="Z42061">
        <v>29</v>
      </c>
      <c r="AA42061">
        <v>30</v>
      </c>
      <c r="AB42061">
        <v>31</v>
      </c>
      <c r="AC42061">
        <v>32</v>
      </c>
      <c r="AD42061">
        <v>32</v>
      </c>
      <c r="AE42061">
        <v>33</v>
      </c>
      <c r="AF42061">
        <v>34</v>
      </c>
      <c r="AG42061">
        <v>35</v>
      </c>
      <c r="AH42061">
        <v>36</v>
      </c>
      <c r="AI42061">
        <v>37</v>
      </c>
      <c r="AJ42061">
        <v>38</v>
      </c>
      <c r="AK42061">
        <v>39</v>
      </c>
      <c r="AL42061">
        <v>40</v>
      </c>
      <c r="AM42061">
        <v>40</v>
      </c>
      <c r="AN42061">
        <v>41</v>
      </c>
      <c r="AO42061">
        <v>42</v>
      </c>
      <c r="AP42061">
        <v>42</v>
      </c>
      <c r="AQ42061">
        <v>43</v>
      </c>
    </row>
    <row r="42062" spans="1:43">
      <c r="A42062" t="s">
        <v>25843</v>
      </c>
      <c r="B42062" t="s">
        <v>25844</v>
      </c>
      <c r="C42062" t="s">
        <v>14627</v>
      </c>
      <c r="D42062" t="s">
        <v>14628</v>
      </c>
      <c r="E42062" t="s">
        <v>14535</v>
      </c>
      <c r="F42062" t="s">
        <v>14536</v>
      </c>
      <c r="G42062" t="s">
        <v>10734</v>
      </c>
      <c r="H42062" t="s">
        <v>10735</v>
      </c>
      <c r="I42062" s="2">
        <v>1</v>
      </c>
      <c r="J42062" s="2">
        <v>0</v>
      </c>
      <c r="K42062" s="2">
        <v>0</v>
      </c>
      <c r="L42062" t="s">
        <v>120</v>
      </c>
      <c r="M42062" t="s">
        <v>83</v>
      </c>
      <c r="N42062" t="s">
        <v>84</v>
      </c>
      <c r="O42062" t="s">
        <v>85</v>
      </c>
      <c r="P42062" t="s">
        <v>86</v>
      </c>
      <c r="Q42062">
        <v>29</v>
      </c>
      <c r="R42062">
        <v>29</v>
      </c>
      <c r="S42062">
        <v>30</v>
      </c>
      <c r="T42062">
        <v>30</v>
      </c>
      <c r="U42062">
        <v>30</v>
      </c>
      <c r="V42062">
        <v>30</v>
      </c>
      <c r="W42062">
        <v>30</v>
      </c>
      <c r="X42062">
        <v>30</v>
      </c>
      <c r="Y42062">
        <v>30</v>
      </c>
      <c r="Z42062">
        <v>30</v>
      </c>
      <c r="AA42062">
        <v>30</v>
      </c>
      <c r="AB42062">
        <v>30</v>
      </c>
      <c r="AC42062">
        <v>30</v>
      </c>
      <c r="AD42062">
        <v>30</v>
      </c>
      <c r="AE42062">
        <v>30</v>
      </c>
      <c r="AF42062">
        <v>30</v>
      </c>
      <c r="AG42062">
        <v>30</v>
      </c>
      <c r="AH42062">
        <v>30</v>
      </c>
      <c r="AI42062">
        <v>30</v>
      </c>
      <c r="AJ42062">
        <v>30</v>
      </c>
      <c r="AK42062">
        <v>30</v>
      </c>
      <c r="AL42062">
        <v>30</v>
      </c>
      <c r="AM42062">
        <v>30</v>
      </c>
      <c r="AN42062">
        <v>30</v>
      </c>
      <c r="AO42062">
        <v>30</v>
      </c>
      <c r="AP42062">
        <v>29</v>
      </c>
      <c r="AQ42062">
        <v>29</v>
      </c>
    </row>
    <row r="42063" spans="1:43">
      <c r="A42063" t="s">
        <v>25843</v>
      </c>
      <c r="B42063" t="s">
        <v>25844</v>
      </c>
      <c r="C42063" t="s">
        <v>14627</v>
      </c>
      <c r="D42063" t="s">
        <v>14628</v>
      </c>
      <c r="E42063" t="s">
        <v>14535</v>
      </c>
      <c r="F42063" t="s">
        <v>14536</v>
      </c>
      <c r="G42063" t="s">
        <v>10734</v>
      </c>
      <c r="H42063" t="s">
        <v>10735</v>
      </c>
      <c r="I42063" s="2">
        <v>1</v>
      </c>
      <c r="J42063" s="2">
        <v>0</v>
      </c>
      <c r="K42063" s="2">
        <v>0</v>
      </c>
      <c r="L42063" t="s">
        <v>120</v>
      </c>
      <c r="M42063" t="s">
        <v>87</v>
      </c>
      <c r="N42063" t="s">
        <v>88</v>
      </c>
      <c r="O42063" t="s">
        <v>85</v>
      </c>
      <c r="P42063" t="s">
        <v>86</v>
      </c>
      <c r="Q42063">
        <v>29</v>
      </c>
      <c r="R42063">
        <v>29</v>
      </c>
      <c r="S42063">
        <v>29</v>
      </c>
      <c r="T42063">
        <v>29</v>
      </c>
      <c r="U42063">
        <v>28</v>
      </c>
      <c r="V42063">
        <v>28</v>
      </c>
      <c r="W42063">
        <v>28</v>
      </c>
      <c r="X42063">
        <v>28</v>
      </c>
      <c r="Y42063">
        <v>28</v>
      </c>
      <c r="Z42063">
        <v>28</v>
      </c>
      <c r="AA42063">
        <v>27</v>
      </c>
      <c r="AB42063">
        <v>27</v>
      </c>
      <c r="AC42063">
        <v>27</v>
      </c>
      <c r="AD42063">
        <v>27</v>
      </c>
      <c r="AE42063">
        <v>27</v>
      </c>
      <c r="AF42063">
        <v>27</v>
      </c>
      <c r="AG42063">
        <v>27</v>
      </c>
      <c r="AH42063">
        <v>27</v>
      </c>
      <c r="AI42063">
        <v>26</v>
      </c>
      <c r="AJ42063">
        <v>26</v>
      </c>
      <c r="AK42063">
        <v>26</v>
      </c>
      <c r="AL42063">
        <v>26</v>
      </c>
      <c r="AM42063">
        <v>26</v>
      </c>
      <c r="AN42063">
        <v>26</v>
      </c>
      <c r="AO42063">
        <v>26</v>
      </c>
      <c r="AP42063">
        <v>26</v>
      </c>
      <c r="AQ42063">
        <v>25</v>
      </c>
    </row>
    <row r="42064" spans="1:43">
      <c r="A42064" t="s">
        <v>25843</v>
      </c>
      <c r="B42064" t="s">
        <v>25844</v>
      </c>
      <c r="C42064" t="s">
        <v>14627</v>
      </c>
      <c r="D42064" t="s">
        <v>14628</v>
      </c>
      <c r="E42064" t="s">
        <v>14535</v>
      </c>
      <c r="F42064" t="s">
        <v>14536</v>
      </c>
      <c r="G42064" t="s">
        <v>10734</v>
      </c>
      <c r="H42064" t="s">
        <v>10735</v>
      </c>
      <c r="I42064" s="2">
        <v>1</v>
      </c>
      <c r="J42064" s="2">
        <v>0</v>
      </c>
      <c r="K42064" s="2">
        <v>0</v>
      </c>
      <c r="L42064" t="s">
        <v>120</v>
      </c>
      <c r="M42064" t="s">
        <v>89</v>
      </c>
      <c r="N42064" t="s">
        <v>90</v>
      </c>
      <c r="O42064" t="s">
        <v>85</v>
      </c>
      <c r="P42064" t="s">
        <v>86</v>
      </c>
      <c r="Q42064">
        <v>29</v>
      </c>
      <c r="R42064">
        <v>29</v>
      </c>
      <c r="S42064">
        <v>29</v>
      </c>
      <c r="T42064">
        <v>30</v>
      </c>
      <c r="U42064">
        <v>30</v>
      </c>
      <c r="V42064">
        <v>30</v>
      </c>
      <c r="W42064">
        <v>30</v>
      </c>
      <c r="X42064">
        <v>31</v>
      </c>
      <c r="Y42064">
        <v>31</v>
      </c>
      <c r="Z42064">
        <v>31</v>
      </c>
      <c r="AA42064">
        <v>31</v>
      </c>
      <c r="AB42064">
        <v>31</v>
      </c>
      <c r="AC42064">
        <v>31</v>
      </c>
      <c r="AD42064">
        <v>31</v>
      </c>
      <c r="AE42064">
        <v>31</v>
      </c>
      <c r="AF42064">
        <v>31</v>
      </c>
      <c r="AG42064">
        <v>31</v>
      </c>
      <c r="AH42064">
        <v>31</v>
      </c>
      <c r="AI42064">
        <v>30</v>
      </c>
      <c r="AJ42064">
        <v>30</v>
      </c>
      <c r="AK42064">
        <v>30</v>
      </c>
      <c r="AL42064">
        <v>30</v>
      </c>
      <c r="AM42064">
        <v>29</v>
      </c>
      <c r="AN42064">
        <v>29</v>
      </c>
      <c r="AO42064">
        <v>29</v>
      </c>
      <c r="AP42064">
        <v>29</v>
      </c>
      <c r="AQ42064">
        <v>29</v>
      </c>
    </row>
    <row r="42065" spans="1:43">
      <c r="A42065" t="s">
        <v>25843</v>
      </c>
      <c r="B42065" t="s">
        <v>25844</v>
      </c>
      <c r="C42065" t="s">
        <v>14627</v>
      </c>
      <c r="D42065" t="s">
        <v>14628</v>
      </c>
      <c r="E42065" t="s">
        <v>14535</v>
      </c>
      <c r="F42065" t="s">
        <v>14536</v>
      </c>
      <c r="G42065" t="s">
        <v>10734</v>
      </c>
      <c r="H42065" t="s">
        <v>10735</v>
      </c>
      <c r="I42065" s="2">
        <v>1</v>
      </c>
      <c r="J42065" s="2">
        <v>0</v>
      </c>
      <c r="K42065" s="2">
        <v>0</v>
      </c>
      <c r="L42065" t="s">
        <v>120</v>
      </c>
      <c r="M42065" t="s">
        <v>83</v>
      </c>
      <c r="N42065" t="s">
        <v>91</v>
      </c>
      <c r="O42065" t="s">
        <v>85</v>
      </c>
      <c r="P42065" t="s">
        <v>86</v>
      </c>
      <c r="Q42065">
        <v>29</v>
      </c>
      <c r="R42065">
        <v>29</v>
      </c>
      <c r="S42065">
        <v>30</v>
      </c>
      <c r="T42065">
        <v>30</v>
      </c>
      <c r="U42065">
        <v>30</v>
      </c>
      <c r="V42065">
        <v>30</v>
      </c>
      <c r="W42065">
        <v>30</v>
      </c>
      <c r="X42065">
        <v>30</v>
      </c>
      <c r="Y42065">
        <v>30</v>
      </c>
      <c r="Z42065">
        <v>30</v>
      </c>
      <c r="AA42065">
        <v>30</v>
      </c>
      <c r="AB42065">
        <v>30</v>
      </c>
      <c r="AC42065">
        <v>30</v>
      </c>
      <c r="AD42065">
        <v>30</v>
      </c>
      <c r="AE42065">
        <v>30</v>
      </c>
      <c r="AF42065">
        <v>30</v>
      </c>
      <c r="AG42065">
        <v>30</v>
      </c>
      <c r="AH42065">
        <v>30</v>
      </c>
      <c r="AI42065">
        <v>30</v>
      </c>
      <c r="AJ42065">
        <v>30</v>
      </c>
      <c r="AK42065">
        <v>30</v>
      </c>
      <c r="AL42065">
        <v>30</v>
      </c>
      <c r="AM42065">
        <v>30</v>
      </c>
      <c r="AN42065">
        <v>30</v>
      </c>
      <c r="AO42065">
        <v>30</v>
      </c>
      <c r="AP42065">
        <v>29</v>
      </c>
      <c r="AQ42065">
        <v>29</v>
      </c>
    </row>
    <row r="42066" spans="1:43">
      <c r="A42066" t="s">
        <v>25845</v>
      </c>
      <c r="B42066" t="s">
        <v>25846</v>
      </c>
      <c r="C42066" t="s">
        <v>14627</v>
      </c>
      <c r="D42066" t="s">
        <v>14628</v>
      </c>
      <c r="E42066" t="s">
        <v>14535</v>
      </c>
      <c r="F42066" t="s">
        <v>14536</v>
      </c>
      <c r="G42066" t="s">
        <v>10734</v>
      </c>
      <c r="H42066" t="s">
        <v>10735</v>
      </c>
      <c r="I42066" s="2">
        <v>1</v>
      </c>
      <c r="J42066" s="2">
        <v>0</v>
      </c>
      <c r="K42066" s="2">
        <v>0</v>
      </c>
      <c r="L42066" t="s">
        <v>120</v>
      </c>
      <c r="M42066" t="s">
        <v>83</v>
      </c>
      <c r="N42066" t="s">
        <v>84</v>
      </c>
      <c r="O42066" t="s">
        <v>85</v>
      </c>
      <c r="P42066" t="s">
        <v>86</v>
      </c>
      <c r="Q42066">
        <v>33</v>
      </c>
      <c r="R42066">
        <v>33</v>
      </c>
      <c r="S42066">
        <v>34</v>
      </c>
      <c r="T42066">
        <v>34</v>
      </c>
      <c r="U42066">
        <v>34</v>
      </c>
      <c r="V42066">
        <v>34</v>
      </c>
      <c r="W42066">
        <v>34</v>
      </c>
      <c r="X42066">
        <v>34</v>
      </c>
      <c r="Y42066">
        <v>34</v>
      </c>
      <c r="Z42066">
        <v>34</v>
      </c>
      <c r="AA42066">
        <v>34</v>
      </c>
      <c r="AB42066">
        <v>34</v>
      </c>
      <c r="AC42066">
        <v>34</v>
      </c>
      <c r="AD42066">
        <v>34</v>
      </c>
      <c r="AE42066">
        <v>34</v>
      </c>
      <c r="AF42066">
        <v>34</v>
      </c>
      <c r="AG42066">
        <v>34</v>
      </c>
      <c r="AH42066">
        <v>34</v>
      </c>
      <c r="AI42066">
        <v>34</v>
      </c>
      <c r="AJ42066">
        <v>35</v>
      </c>
      <c r="AK42066">
        <v>35</v>
      </c>
      <c r="AL42066">
        <v>34</v>
      </c>
      <c r="AM42066">
        <v>34</v>
      </c>
      <c r="AN42066">
        <v>34</v>
      </c>
      <c r="AO42066">
        <v>34</v>
      </c>
      <c r="AP42066">
        <v>33</v>
      </c>
      <c r="AQ42066">
        <v>33</v>
      </c>
    </row>
    <row r="42067" spans="1:43">
      <c r="A42067" t="s">
        <v>25845</v>
      </c>
      <c r="B42067" t="s">
        <v>25846</v>
      </c>
      <c r="C42067" t="s">
        <v>14627</v>
      </c>
      <c r="D42067" t="s">
        <v>14628</v>
      </c>
      <c r="E42067" t="s">
        <v>14535</v>
      </c>
      <c r="F42067" t="s">
        <v>14536</v>
      </c>
      <c r="G42067" t="s">
        <v>10734</v>
      </c>
      <c r="H42067" t="s">
        <v>10735</v>
      </c>
      <c r="I42067" s="2">
        <v>1</v>
      </c>
      <c r="J42067" s="2">
        <v>0</v>
      </c>
      <c r="K42067" s="2">
        <v>0</v>
      </c>
      <c r="L42067" t="s">
        <v>120</v>
      </c>
      <c r="M42067" t="s">
        <v>87</v>
      </c>
      <c r="N42067" t="s">
        <v>88</v>
      </c>
      <c r="O42067" t="s">
        <v>85</v>
      </c>
      <c r="P42067" t="s">
        <v>86</v>
      </c>
      <c r="Q42067">
        <v>33</v>
      </c>
      <c r="R42067">
        <v>33</v>
      </c>
      <c r="S42067">
        <v>33</v>
      </c>
      <c r="T42067">
        <v>32</v>
      </c>
      <c r="U42067">
        <v>32</v>
      </c>
      <c r="V42067">
        <v>32</v>
      </c>
      <c r="W42067">
        <v>32</v>
      </c>
      <c r="X42067">
        <v>32</v>
      </c>
      <c r="Y42067">
        <v>31</v>
      </c>
      <c r="Z42067">
        <v>31</v>
      </c>
      <c r="AA42067">
        <v>31</v>
      </c>
      <c r="AB42067">
        <v>31</v>
      </c>
      <c r="AC42067">
        <v>31</v>
      </c>
      <c r="AD42067">
        <v>31</v>
      </c>
      <c r="AE42067">
        <v>31</v>
      </c>
      <c r="AF42067">
        <v>30</v>
      </c>
      <c r="AG42067">
        <v>30</v>
      </c>
      <c r="AH42067">
        <v>30</v>
      </c>
      <c r="AI42067">
        <v>30</v>
      </c>
      <c r="AJ42067">
        <v>30</v>
      </c>
      <c r="AK42067">
        <v>30</v>
      </c>
      <c r="AL42067">
        <v>30</v>
      </c>
      <c r="AM42067">
        <v>29</v>
      </c>
      <c r="AN42067">
        <v>29</v>
      </c>
      <c r="AO42067">
        <v>29</v>
      </c>
      <c r="AP42067">
        <v>29</v>
      </c>
      <c r="AQ42067">
        <v>29</v>
      </c>
    </row>
    <row r="42068" spans="1:43">
      <c r="A42068" t="s">
        <v>25845</v>
      </c>
      <c r="B42068" t="s">
        <v>25846</v>
      </c>
      <c r="C42068" t="s">
        <v>14627</v>
      </c>
      <c r="D42068" t="s">
        <v>14628</v>
      </c>
      <c r="E42068" t="s">
        <v>14535</v>
      </c>
      <c r="F42068" t="s">
        <v>14536</v>
      </c>
      <c r="G42068" t="s">
        <v>10734</v>
      </c>
      <c r="H42068" t="s">
        <v>10735</v>
      </c>
      <c r="I42068" s="2">
        <v>1</v>
      </c>
      <c r="J42068" s="2">
        <v>0</v>
      </c>
      <c r="K42068" s="2">
        <v>0</v>
      </c>
      <c r="L42068" t="s">
        <v>120</v>
      </c>
      <c r="M42068" t="s">
        <v>89</v>
      </c>
      <c r="N42068" t="s">
        <v>90</v>
      </c>
      <c r="O42068" t="s">
        <v>85</v>
      </c>
      <c r="P42068" t="s">
        <v>86</v>
      </c>
      <c r="Q42068">
        <v>33</v>
      </c>
      <c r="R42068">
        <v>33</v>
      </c>
      <c r="S42068">
        <v>33</v>
      </c>
      <c r="T42068">
        <v>34</v>
      </c>
      <c r="U42068">
        <v>34</v>
      </c>
      <c r="V42068">
        <v>34</v>
      </c>
      <c r="W42068">
        <v>35</v>
      </c>
      <c r="X42068">
        <v>35</v>
      </c>
      <c r="Y42068">
        <v>35</v>
      </c>
      <c r="Z42068">
        <v>35</v>
      </c>
      <c r="AA42068">
        <v>35</v>
      </c>
      <c r="AB42068">
        <v>35</v>
      </c>
      <c r="AC42068">
        <v>36</v>
      </c>
      <c r="AD42068">
        <v>36</v>
      </c>
      <c r="AE42068">
        <v>36</v>
      </c>
      <c r="AF42068">
        <v>35</v>
      </c>
      <c r="AG42068">
        <v>35</v>
      </c>
      <c r="AH42068">
        <v>35</v>
      </c>
      <c r="AI42068">
        <v>35</v>
      </c>
      <c r="AJ42068">
        <v>34</v>
      </c>
      <c r="AK42068">
        <v>34</v>
      </c>
      <c r="AL42068">
        <v>34</v>
      </c>
      <c r="AM42068">
        <v>34</v>
      </c>
      <c r="AN42068">
        <v>33</v>
      </c>
      <c r="AO42068">
        <v>33</v>
      </c>
      <c r="AP42068">
        <v>33</v>
      </c>
      <c r="AQ42068">
        <v>33</v>
      </c>
    </row>
    <row r="42069" spans="1:43">
      <c r="A42069" t="s">
        <v>25845</v>
      </c>
      <c r="B42069" t="s">
        <v>25846</v>
      </c>
      <c r="C42069" t="s">
        <v>14627</v>
      </c>
      <c r="D42069" t="s">
        <v>14628</v>
      </c>
      <c r="E42069" t="s">
        <v>14535</v>
      </c>
      <c r="F42069" t="s">
        <v>14536</v>
      </c>
      <c r="G42069" t="s">
        <v>10734</v>
      </c>
      <c r="H42069" t="s">
        <v>10735</v>
      </c>
      <c r="I42069" s="2">
        <v>1</v>
      </c>
      <c r="J42069" s="2">
        <v>0</v>
      </c>
      <c r="K42069" s="2">
        <v>0</v>
      </c>
      <c r="L42069" t="s">
        <v>120</v>
      </c>
      <c r="M42069" t="s">
        <v>83</v>
      </c>
      <c r="N42069" t="s">
        <v>91</v>
      </c>
      <c r="O42069" t="s">
        <v>85</v>
      </c>
      <c r="P42069" t="s">
        <v>86</v>
      </c>
      <c r="Q42069">
        <v>33</v>
      </c>
      <c r="R42069">
        <v>33</v>
      </c>
      <c r="S42069">
        <v>34</v>
      </c>
      <c r="T42069">
        <v>34</v>
      </c>
      <c r="U42069">
        <v>34</v>
      </c>
      <c r="V42069">
        <v>34</v>
      </c>
      <c r="W42069">
        <v>34</v>
      </c>
      <c r="X42069">
        <v>34</v>
      </c>
      <c r="Y42069">
        <v>34</v>
      </c>
      <c r="Z42069">
        <v>34</v>
      </c>
      <c r="AA42069">
        <v>34</v>
      </c>
      <c r="AB42069">
        <v>34</v>
      </c>
      <c r="AC42069">
        <v>34</v>
      </c>
      <c r="AD42069">
        <v>34</v>
      </c>
      <c r="AE42069">
        <v>34</v>
      </c>
      <c r="AF42069">
        <v>34</v>
      </c>
      <c r="AG42069">
        <v>34</v>
      </c>
      <c r="AH42069">
        <v>34</v>
      </c>
      <c r="AI42069">
        <v>34</v>
      </c>
      <c r="AJ42069">
        <v>35</v>
      </c>
      <c r="AK42069">
        <v>35</v>
      </c>
      <c r="AL42069">
        <v>34</v>
      </c>
      <c r="AM42069">
        <v>34</v>
      </c>
      <c r="AN42069">
        <v>34</v>
      </c>
      <c r="AO42069">
        <v>34</v>
      </c>
      <c r="AP42069">
        <v>33</v>
      </c>
      <c r="AQ42069">
        <v>33</v>
      </c>
    </row>
    <row r="42070" spans="1:43">
      <c r="A42070" t="s">
        <v>25847</v>
      </c>
      <c r="B42070" t="s">
        <v>25848</v>
      </c>
      <c r="C42070" t="s">
        <v>14675</v>
      </c>
      <c r="D42070" t="s">
        <v>14676</v>
      </c>
      <c r="E42070" t="s">
        <v>14535</v>
      </c>
      <c r="F42070" t="s">
        <v>14536</v>
      </c>
      <c r="G42070" t="s">
        <v>10734</v>
      </c>
      <c r="H42070" t="s">
        <v>10735</v>
      </c>
      <c r="I42070" s="2">
        <v>1</v>
      </c>
      <c r="J42070" s="2">
        <v>0</v>
      </c>
      <c r="K42070" s="2">
        <v>0</v>
      </c>
      <c r="L42070" t="s">
        <v>120</v>
      </c>
      <c r="M42070" t="s">
        <v>83</v>
      </c>
      <c r="N42070" t="s">
        <v>84</v>
      </c>
      <c r="O42070" t="s">
        <v>85</v>
      </c>
      <c r="P42070" t="s">
        <v>86</v>
      </c>
      <c r="Q42070">
        <v>8</v>
      </c>
      <c r="R42070">
        <v>8</v>
      </c>
      <c r="S42070">
        <v>8</v>
      </c>
      <c r="T42070">
        <v>8</v>
      </c>
      <c r="U42070">
        <v>8</v>
      </c>
      <c r="V42070">
        <v>9</v>
      </c>
      <c r="W42070">
        <v>9</v>
      </c>
      <c r="X42070">
        <v>9</v>
      </c>
      <c r="Y42070">
        <v>9</v>
      </c>
      <c r="Z42070">
        <v>9</v>
      </c>
      <c r="AA42070">
        <v>9</v>
      </c>
      <c r="AB42070">
        <v>9</v>
      </c>
      <c r="AC42070">
        <v>9</v>
      </c>
      <c r="AD42070">
        <v>9</v>
      </c>
      <c r="AE42070">
        <v>9</v>
      </c>
      <c r="AF42070">
        <v>9</v>
      </c>
      <c r="AG42070">
        <v>9</v>
      </c>
      <c r="AH42070">
        <v>9</v>
      </c>
      <c r="AI42070">
        <v>9</v>
      </c>
      <c r="AJ42070">
        <v>9</v>
      </c>
      <c r="AK42070">
        <v>9</v>
      </c>
      <c r="AL42070">
        <v>9</v>
      </c>
      <c r="AM42070">
        <v>9</v>
      </c>
      <c r="AN42070">
        <v>9</v>
      </c>
      <c r="AO42070">
        <v>9</v>
      </c>
      <c r="AP42070">
        <v>9</v>
      </c>
      <c r="AQ42070">
        <v>9</v>
      </c>
    </row>
    <row r="42071" spans="1:43">
      <c r="A42071" t="s">
        <v>25847</v>
      </c>
      <c r="B42071" t="s">
        <v>25848</v>
      </c>
      <c r="C42071" t="s">
        <v>14675</v>
      </c>
      <c r="D42071" t="s">
        <v>14676</v>
      </c>
      <c r="E42071" t="s">
        <v>14535</v>
      </c>
      <c r="F42071" t="s">
        <v>14536</v>
      </c>
      <c r="G42071" t="s">
        <v>10734</v>
      </c>
      <c r="H42071" t="s">
        <v>10735</v>
      </c>
      <c r="I42071" s="2">
        <v>1</v>
      </c>
      <c r="J42071" s="2">
        <v>0</v>
      </c>
      <c r="K42071" s="2">
        <v>0</v>
      </c>
      <c r="L42071" t="s">
        <v>120</v>
      </c>
      <c r="M42071" t="s">
        <v>87</v>
      </c>
      <c r="N42071" t="s">
        <v>88</v>
      </c>
      <c r="O42071" t="s">
        <v>85</v>
      </c>
      <c r="P42071" t="s">
        <v>86</v>
      </c>
      <c r="Q42071">
        <v>8</v>
      </c>
      <c r="R42071">
        <v>8</v>
      </c>
      <c r="S42071">
        <v>8</v>
      </c>
      <c r="T42071">
        <v>8</v>
      </c>
      <c r="U42071">
        <v>8</v>
      </c>
      <c r="V42071">
        <v>8</v>
      </c>
      <c r="W42071">
        <v>8</v>
      </c>
      <c r="X42071">
        <v>8</v>
      </c>
      <c r="Y42071">
        <v>8</v>
      </c>
      <c r="Z42071">
        <v>8</v>
      </c>
      <c r="AA42071">
        <v>8</v>
      </c>
      <c r="AB42071">
        <v>8</v>
      </c>
      <c r="AC42071">
        <v>8</v>
      </c>
      <c r="AD42071">
        <v>8</v>
      </c>
      <c r="AE42071">
        <v>8</v>
      </c>
      <c r="AF42071">
        <v>8</v>
      </c>
      <c r="AG42071">
        <v>8</v>
      </c>
      <c r="AH42071">
        <v>8</v>
      </c>
      <c r="AI42071">
        <v>8</v>
      </c>
      <c r="AJ42071">
        <v>8</v>
      </c>
      <c r="AK42071">
        <v>8</v>
      </c>
      <c r="AL42071">
        <v>8</v>
      </c>
      <c r="AM42071">
        <v>8</v>
      </c>
      <c r="AN42071">
        <v>8</v>
      </c>
      <c r="AO42071">
        <v>8</v>
      </c>
      <c r="AP42071">
        <v>8</v>
      </c>
      <c r="AQ42071">
        <v>8</v>
      </c>
    </row>
    <row r="42072" spans="1:43">
      <c r="A42072" t="s">
        <v>25847</v>
      </c>
      <c r="B42072" t="s">
        <v>25848</v>
      </c>
      <c r="C42072" t="s">
        <v>14675</v>
      </c>
      <c r="D42072" t="s">
        <v>14676</v>
      </c>
      <c r="E42072" t="s">
        <v>14535</v>
      </c>
      <c r="F42072" t="s">
        <v>14536</v>
      </c>
      <c r="G42072" t="s">
        <v>10734</v>
      </c>
      <c r="H42072" t="s">
        <v>10735</v>
      </c>
      <c r="I42072" s="2">
        <v>1</v>
      </c>
      <c r="J42072" s="2">
        <v>0</v>
      </c>
      <c r="K42072" s="2">
        <v>0</v>
      </c>
      <c r="L42072" t="s">
        <v>120</v>
      </c>
      <c r="M42072" t="s">
        <v>89</v>
      </c>
      <c r="N42072" t="s">
        <v>90</v>
      </c>
      <c r="O42072" t="s">
        <v>85</v>
      </c>
      <c r="P42072" t="s">
        <v>86</v>
      </c>
      <c r="Q42072">
        <v>8</v>
      </c>
      <c r="R42072">
        <v>9</v>
      </c>
      <c r="S42072">
        <v>9</v>
      </c>
      <c r="T42072">
        <v>9</v>
      </c>
      <c r="U42072">
        <v>9</v>
      </c>
      <c r="V42072">
        <v>9</v>
      </c>
      <c r="W42072">
        <v>9</v>
      </c>
      <c r="X42072">
        <v>9</v>
      </c>
      <c r="Y42072">
        <v>9</v>
      </c>
      <c r="Z42072">
        <v>9</v>
      </c>
      <c r="AA42072">
        <v>9</v>
      </c>
      <c r="AB42072">
        <v>9</v>
      </c>
      <c r="AC42072">
        <v>9</v>
      </c>
      <c r="AD42072">
        <v>9</v>
      </c>
      <c r="AE42072">
        <v>9</v>
      </c>
      <c r="AF42072">
        <v>9</v>
      </c>
      <c r="AG42072">
        <v>9</v>
      </c>
      <c r="AH42072">
        <v>9</v>
      </c>
      <c r="AI42072">
        <v>9</v>
      </c>
      <c r="AJ42072">
        <v>9</v>
      </c>
      <c r="AK42072">
        <v>9</v>
      </c>
      <c r="AL42072">
        <v>9</v>
      </c>
      <c r="AM42072">
        <v>9</v>
      </c>
      <c r="AN42072">
        <v>9</v>
      </c>
      <c r="AO42072">
        <v>9</v>
      </c>
      <c r="AP42072">
        <v>9</v>
      </c>
      <c r="AQ42072">
        <v>9</v>
      </c>
    </row>
    <row r="42073" spans="1:43">
      <c r="A42073" t="s">
        <v>25847</v>
      </c>
      <c r="B42073" t="s">
        <v>25848</v>
      </c>
      <c r="C42073" t="s">
        <v>14675</v>
      </c>
      <c r="D42073" t="s">
        <v>14676</v>
      </c>
      <c r="E42073" t="s">
        <v>14535</v>
      </c>
      <c r="F42073" t="s">
        <v>14536</v>
      </c>
      <c r="G42073" t="s">
        <v>10734</v>
      </c>
      <c r="H42073" t="s">
        <v>10735</v>
      </c>
      <c r="I42073" s="2">
        <v>1</v>
      </c>
      <c r="J42073" s="2">
        <v>0</v>
      </c>
      <c r="K42073" s="2">
        <v>0</v>
      </c>
      <c r="L42073" t="s">
        <v>120</v>
      </c>
      <c r="M42073" t="s">
        <v>83</v>
      </c>
      <c r="N42073" t="s">
        <v>91</v>
      </c>
      <c r="O42073" t="s">
        <v>85</v>
      </c>
      <c r="P42073" t="s">
        <v>86</v>
      </c>
      <c r="Q42073">
        <v>8</v>
      </c>
      <c r="R42073">
        <v>8</v>
      </c>
      <c r="S42073">
        <v>8</v>
      </c>
      <c r="T42073">
        <v>8</v>
      </c>
      <c r="U42073">
        <v>8</v>
      </c>
      <c r="V42073">
        <v>9</v>
      </c>
      <c r="W42073">
        <v>9</v>
      </c>
      <c r="X42073">
        <v>9</v>
      </c>
      <c r="Y42073">
        <v>9</v>
      </c>
      <c r="Z42073">
        <v>9</v>
      </c>
      <c r="AA42073">
        <v>9</v>
      </c>
      <c r="AB42073">
        <v>9</v>
      </c>
      <c r="AC42073">
        <v>9</v>
      </c>
      <c r="AD42073">
        <v>9</v>
      </c>
      <c r="AE42073">
        <v>9</v>
      </c>
      <c r="AF42073">
        <v>9</v>
      </c>
      <c r="AG42073">
        <v>9</v>
      </c>
      <c r="AH42073">
        <v>9</v>
      </c>
      <c r="AI42073">
        <v>9</v>
      </c>
      <c r="AJ42073">
        <v>9</v>
      </c>
      <c r="AK42073">
        <v>9</v>
      </c>
      <c r="AL42073">
        <v>9</v>
      </c>
      <c r="AM42073">
        <v>9</v>
      </c>
      <c r="AN42073">
        <v>9</v>
      </c>
      <c r="AO42073">
        <v>9</v>
      </c>
      <c r="AP42073">
        <v>9</v>
      </c>
      <c r="AQ42073">
        <v>9</v>
      </c>
    </row>
    <row r="42074" spans="1:43">
      <c r="A42074" t="s">
        <v>25849</v>
      </c>
      <c r="B42074" t="s">
        <v>25850</v>
      </c>
      <c r="C42074" t="s">
        <v>14675</v>
      </c>
      <c r="D42074" t="s">
        <v>14676</v>
      </c>
      <c r="E42074" t="s">
        <v>14535</v>
      </c>
      <c r="F42074" t="s">
        <v>14536</v>
      </c>
      <c r="G42074" t="s">
        <v>10734</v>
      </c>
      <c r="H42074" t="s">
        <v>10735</v>
      </c>
      <c r="I42074" s="2">
        <v>1</v>
      </c>
      <c r="J42074" s="2">
        <v>0</v>
      </c>
      <c r="K42074" s="2">
        <v>0</v>
      </c>
      <c r="L42074" t="s">
        <v>120</v>
      </c>
      <c r="M42074" t="s">
        <v>83</v>
      </c>
      <c r="N42074" t="s">
        <v>84</v>
      </c>
      <c r="O42074" t="s">
        <v>85</v>
      </c>
      <c r="P42074" t="s">
        <v>86</v>
      </c>
      <c r="Q42074">
        <v>24</v>
      </c>
      <c r="R42074">
        <v>24</v>
      </c>
      <c r="S42074">
        <v>25</v>
      </c>
      <c r="T42074">
        <v>25</v>
      </c>
      <c r="U42074">
        <v>25</v>
      </c>
      <c r="V42074">
        <v>25</v>
      </c>
      <c r="W42074">
        <v>25</v>
      </c>
      <c r="X42074">
        <v>25</v>
      </c>
      <c r="Y42074">
        <v>25</v>
      </c>
      <c r="Z42074">
        <v>25</v>
      </c>
      <c r="AA42074">
        <v>25</v>
      </c>
      <c r="AB42074">
        <v>25</v>
      </c>
      <c r="AC42074">
        <v>25</v>
      </c>
      <c r="AD42074">
        <v>25</v>
      </c>
      <c r="AE42074">
        <v>25</v>
      </c>
      <c r="AF42074">
        <v>25</v>
      </c>
      <c r="AG42074">
        <v>26</v>
      </c>
      <c r="AH42074">
        <v>26</v>
      </c>
      <c r="AI42074">
        <v>26</v>
      </c>
      <c r="AJ42074">
        <v>26</v>
      </c>
      <c r="AK42074">
        <v>26</v>
      </c>
      <c r="AL42074">
        <v>26</v>
      </c>
      <c r="AM42074">
        <v>25</v>
      </c>
      <c r="AN42074">
        <v>25</v>
      </c>
      <c r="AO42074">
        <v>25</v>
      </c>
      <c r="AP42074">
        <v>25</v>
      </c>
      <c r="AQ42074">
        <v>25</v>
      </c>
    </row>
    <row r="42075" spans="1:43">
      <c r="A42075" t="s">
        <v>25849</v>
      </c>
      <c r="B42075" t="s">
        <v>25850</v>
      </c>
      <c r="C42075" t="s">
        <v>14675</v>
      </c>
      <c r="D42075" t="s">
        <v>14676</v>
      </c>
      <c r="E42075" t="s">
        <v>14535</v>
      </c>
      <c r="F42075" t="s">
        <v>14536</v>
      </c>
      <c r="G42075" t="s">
        <v>10734</v>
      </c>
      <c r="H42075" t="s">
        <v>10735</v>
      </c>
      <c r="I42075" s="2">
        <v>1</v>
      </c>
      <c r="J42075" s="2">
        <v>0</v>
      </c>
      <c r="K42075" s="2">
        <v>0</v>
      </c>
      <c r="L42075" t="s">
        <v>120</v>
      </c>
      <c r="M42075" t="s">
        <v>87</v>
      </c>
      <c r="N42075" t="s">
        <v>88</v>
      </c>
      <c r="O42075" t="s">
        <v>85</v>
      </c>
      <c r="P42075" t="s">
        <v>86</v>
      </c>
      <c r="Q42075">
        <v>24</v>
      </c>
      <c r="R42075">
        <v>24</v>
      </c>
      <c r="S42075">
        <v>24</v>
      </c>
      <c r="T42075">
        <v>24</v>
      </c>
      <c r="U42075">
        <v>24</v>
      </c>
      <c r="V42075">
        <v>24</v>
      </c>
      <c r="W42075">
        <v>23</v>
      </c>
      <c r="X42075">
        <v>23</v>
      </c>
      <c r="Y42075">
        <v>23</v>
      </c>
      <c r="Z42075">
        <v>23</v>
      </c>
      <c r="AA42075">
        <v>23</v>
      </c>
      <c r="AB42075">
        <v>23</v>
      </c>
      <c r="AC42075">
        <v>23</v>
      </c>
      <c r="AD42075">
        <v>23</v>
      </c>
      <c r="AE42075">
        <v>23</v>
      </c>
      <c r="AF42075">
        <v>23</v>
      </c>
      <c r="AG42075">
        <v>23</v>
      </c>
      <c r="AH42075">
        <v>22</v>
      </c>
      <c r="AI42075">
        <v>22</v>
      </c>
      <c r="AJ42075">
        <v>22</v>
      </c>
      <c r="AK42075">
        <v>22</v>
      </c>
      <c r="AL42075">
        <v>22</v>
      </c>
      <c r="AM42075">
        <v>22</v>
      </c>
      <c r="AN42075">
        <v>22</v>
      </c>
      <c r="AO42075">
        <v>22</v>
      </c>
      <c r="AP42075">
        <v>22</v>
      </c>
      <c r="AQ42075">
        <v>22</v>
      </c>
    </row>
    <row r="42076" spans="1:43">
      <c r="A42076" t="s">
        <v>25849</v>
      </c>
      <c r="B42076" t="s">
        <v>25850</v>
      </c>
      <c r="C42076" t="s">
        <v>14675</v>
      </c>
      <c r="D42076" t="s">
        <v>14676</v>
      </c>
      <c r="E42076" t="s">
        <v>14535</v>
      </c>
      <c r="F42076" t="s">
        <v>14536</v>
      </c>
      <c r="G42076" t="s">
        <v>10734</v>
      </c>
      <c r="H42076" t="s">
        <v>10735</v>
      </c>
      <c r="I42076" s="2">
        <v>1</v>
      </c>
      <c r="J42076" s="2">
        <v>0</v>
      </c>
      <c r="K42076" s="2">
        <v>0</v>
      </c>
      <c r="L42076" t="s">
        <v>120</v>
      </c>
      <c r="M42076" t="s">
        <v>89</v>
      </c>
      <c r="N42076" t="s">
        <v>90</v>
      </c>
      <c r="O42076" t="s">
        <v>85</v>
      </c>
      <c r="P42076" t="s">
        <v>86</v>
      </c>
      <c r="Q42076">
        <v>24</v>
      </c>
      <c r="R42076">
        <v>24</v>
      </c>
      <c r="S42076">
        <v>24</v>
      </c>
      <c r="T42076">
        <v>24</v>
      </c>
      <c r="U42076">
        <v>25</v>
      </c>
      <c r="V42076">
        <v>25</v>
      </c>
      <c r="W42076">
        <v>25</v>
      </c>
      <c r="X42076">
        <v>25</v>
      </c>
      <c r="Y42076">
        <v>25</v>
      </c>
      <c r="Z42076">
        <v>26</v>
      </c>
      <c r="AA42076">
        <v>26</v>
      </c>
      <c r="AB42076">
        <v>26</v>
      </c>
      <c r="AC42076">
        <v>26</v>
      </c>
      <c r="AD42076">
        <v>26</v>
      </c>
      <c r="AE42076">
        <v>26</v>
      </c>
      <c r="AF42076">
        <v>26</v>
      </c>
      <c r="AG42076">
        <v>26</v>
      </c>
      <c r="AH42076">
        <v>26</v>
      </c>
      <c r="AI42076">
        <v>25</v>
      </c>
      <c r="AJ42076">
        <v>25</v>
      </c>
      <c r="AK42076">
        <v>25</v>
      </c>
      <c r="AL42076">
        <v>25</v>
      </c>
      <c r="AM42076">
        <v>25</v>
      </c>
      <c r="AN42076">
        <v>25</v>
      </c>
      <c r="AO42076">
        <v>24</v>
      </c>
      <c r="AP42076">
        <v>24</v>
      </c>
      <c r="AQ42076">
        <v>24</v>
      </c>
    </row>
    <row r="42077" spans="1:43">
      <c r="A42077" t="s">
        <v>25849</v>
      </c>
      <c r="B42077" t="s">
        <v>25850</v>
      </c>
      <c r="C42077" t="s">
        <v>14675</v>
      </c>
      <c r="D42077" t="s">
        <v>14676</v>
      </c>
      <c r="E42077" t="s">
        <v>14535</v>
      </c>
      <c r="F42077" t="s">
        <v>14536</v>
      </c>
      <c r="G42077" t="s">
        <v>10734</v>
      </c>
      <c r="H42077" t="s">
        <v>10735</v>
      </c>
      <c r="I42077" s="2">
        <v>1</v>
      </c>
      <c r="J42077" s="2">
        <v>0</v>
      </c>
      <c r="K42077" s="2">
        <v>0</v>
      </c>
      <c r="L42077" t="s">
        <v>120</v>
      </c>
      <c r="M42077" t="s">
        <v>83</v>
      </c>
      <c r="N42077" t="s">
        <v>91</v>
      </c>
      <c r="O42077" t="s">
        <v>85</v>
      </c>
      <c r="P42077" t="s">
        <v>86</v>
      </c>
      <c r="Q42077">
        <v>24</v>
      </c>
      <c r="R42077">
        <v>24</v>
      </c>
      <c r="S42077">
        <v>25</v>
      </c>
      <c r="T42077">
        <v>25</v>
      </c>
      <c r="U42077">
        <v>25</v>
      </c>
      <c r="V42077">
        <v>25</v>
      </c>
      <c r="W42077">
        <v>25</v>
      </c>
      <c r="X42077">
        <v>25</v>
      </c>
      <c r="Y42077">
        <v>25</v>
      </c>
      <c r="Z42077">
        <v>25</v>
      </c>
      <c r="AA42077">
        <v>25</v>
      </c>
      <c r="AB42077">
        <v>25</v>
      </c>
      <c r="AC42077">
        <v>25</v>
      </c>
      <c r="AD42077">
        <v>25</v>
      </c>
      <c r="AE42077">
        <v>25</v>
      </c>
      <c r="AF42077">
        <v>25</v>
      </c>
      <c r="AG42077">
        <v>26</v>
      </c>
      <c r="AH42077">
        <v>26</v>
      </c>
      <c r="AI42077">
        <v>26</v>
      </c>
      <c r="AJ42077">
        <v>26</v>
      </c>
      <c r="AK42077">
        <v>26</v>
      </c>
      <c r="AL42077">
        <v>26</v>
      </c>
      <c r="AM42077">
        <v>25</v>
      </c>
      <c r="AN42077">
        <v>25</v>
      </c>
      <c r="AO42077">
        <v>25</v>
      </c>
      <c r="AP42077">
        <v>25</v>
      </c>
      <c r="AQ42077">
        <v>25</v>
      </c>
    </row>
    <row r="42078" spans="1:43">
      <c r="A42078" t="s">
        <v>25851</v>
      </c>
      <c r="B42078" t="s">
        <v>25852</v>
      </c>
      <c r="C42078" t="s">
        <v>15003</v>
      </c>
      <c r="D42078" t="s">
        <v>15004</v>
      </c>
      <c r="E42078" t="s">
        <v>14997</v>
      </c>
      <c r="F42078" t="s">
        <v>14998</v>
      </c>
      <c r="G42078" t="s">
        <v>10734</v>
      </c>
      <c r="H42078" t="s">
        <v>10735</v>
      </c>
      <c r="I42078" s="2">
        <v>1</v>
      </c>
      <c r="J42078" s="2">
        <v>0</v>
      </c>
      <c r="K42078" s="2">
        <v>0</v>
      </c>
      <c r="L42078" t="s">
        <v>120</v>
      </c>
      <c r="M42078" t="s">
        <v>83</v>
      </c>
      <c r="N42078" t="s">
        <v>84</v>
      </c>
      <c r="O42078" t="s">
        <v>85</v>
      </c>
      <c r="P42078" t="s">
        <v>86</v>
      </c>
      <c r="Q42078">
        <v>132</v>
      </c>
      <c r="R42078">
        <v>134</v>
      </c>
      <c r="S42078">
        <v>136</v>
      </c>
      <c r="T42078">
        <v>138</v>
      </c>
      <c r="U42078">
        <v>140</v>
      </c>
      <c r="V42078">
        <v>142</v>
      </c>
      <c r="W42078">
        <v>144</v>
      </c>
      <c r="X42078">
        <v>146</v>
      </c>
      <c r="Y42078">
        <v>148</v>
      </c>
      <c r="Z42078">
        <v>150</v>
      </c>
      <c r="AA42078">
        <v>152</v>
      </c>
      <c r="AB42078">
        <v>154</v>
      </c>
      <c r="AC42078">
        <v>156</v>
      </c>
      <c r="AD42078">
        <v>158</v>
      </c>
      <c r="AE42078">
        <v>160</v>
      </c>
      <c r="AF42078">
        <v>162</v>
      </c>
      <c r="AG42078">
        <v>164</v>
      </c>
      <c r="AH42078">
        <v>166</v>
      </c>
      <c r="AI42078">
        <v>168</v>
      </c>
      <c r="AJ42078">
        <v>170</v>
      </c>
      <c r="AK42078">
        <v>172</v>
      </c>
      <c r="AL42078">
        <v>173</v>
      </c>
      <c r="AM42078">
        <v>174</v>
      </c>
      <c r="AN42078">
        <v>175</v>
      </c>
      <c r="AO42078">
        <v>175</v>
      </c>
      <c r="AP42078">
        <v>176</v>
      </c>
      <c r="AQ42078">
        <v>177</v>
      </c>
    </row>
    <row r="42079" spans="1:43">
      <c r="A42079" t="s">
        <v>25851</v>
      </c>
      <c r="B42079" t="s">
        <v>25852</v>
      </c>
      <c r="C42079" t="s">
        <v>15003</v>
      </c>
      <c r="D42079" t="s">
        <v>15004</v>
      </c>
      <c r="E42079" t="s">
        <v>14997</v>
      </c>
      <c r="F42079" t="s">
        <v>14998</v>
      </c>
      <c r="G42079" t="s">
        <v>10734</v>
      </c>
      <c r="H42079" t="s">
        <v>10735</v>
      </c>
      <c r="I42079" s="2">
        <v>1</v>
      </c>
      <c r="J42079" s="2">
        <v>0</v>
      </c>
      <c r="K42079" s="2">
        <v>0</v>
      </c>
      <c r="L42079" t="s">
        <v>120</v>
      </c>
      <c r="M42079" t="s">
        <v>87</v>
      </c>
      <c r="N42079" t="s">
        <v>88</v>
      </c>
      <c r="O42079" t="s">
        <v>85</v>
      </c>
      <c r="P42079" t="s">
        <v>86</v>
      </c>
      <c r="Q42079">
        <v>132</v>
      </c>
      <c r="R42079">
        <v>132</v>
      </c>
      <c r="S42079">
        <v>133</v>
      </c>
      <c r="T42079">
        <v>134</v>
      </c>
      <c r="U42079">
        <v>135</v>
      </c>
      <c r="V42079">
        <v>136</v>
      </c>
      <c r="W42079">
        <v>136</v>
      </c>
      <c r="X42079">
        <v>137</v>
      </c>
      <c r="Y42079">
        <v>138</v>
      </c>
      <c r="Z42079">
        <v>139</v>
      </c>
      <c r="AA42079">
        <v>140</v>
      </c>
      <c r="AB42079">
        <v>140</v>
      </c>
      <c r="AC42079">
        <v>141</v>
      </c>
      <c r="AD42079">
        <v>142</v>
      </c>
      <c r="AE42079">
        <v>143</v>
      </c>
      <c r="AF42079">
        <v>144</v>
      </c>
      <c r="AG42079">
        <v>145</v>
      </c>
      <c r="AH42079">
        <v>146</v>
      </c>
      <c r="AI42079">
        <v>147</v>
      </c>
      <c r="AJ42079">
        <v>147</v>
      </c>
      <c r="AK42079">
        <v>148</v>
      </c>
      <c r="AL42079">
        <v>149</v>
      </c>
      <c r="AM42079">
        <v>150</v>
      </c>
      <c r="AN42079">
        <v>151</v>
      </c>
      <c r="AO42079">
        <v>152</v>
      </c>
      <c r="AP42079">
        <v>153</v>
      </c>
      <c r="AQ42079">
        <v>154</v>
      </c>
    </row>
    <row r="42080" spans="1:43">
      <c r="A42080" t="s">
        <v>25851</v>
      </c>
      <c r="B42080" t="s">
        <v>25852</v>
      </c>
      <c r="C42080" t="s">
        <v>15003</v>
      </c>
      <c r="D42080" t="s">
        <v>15004</v>
      </c>
      <c r="E42080" t="s">
        <v>14997</v>
      </c>
      <c r="F42080" t="s">
        <v>14998</v>
      </c>
      <c r="G42080" t="s">
        <v>10734</v>
      </c>
      <c r="H42080" t="s">
        <v>10735</v>
      </c>
      <c r="I42080" s="2">
        <v>1</v>
      </c>
      <c r="J42080" s="2">
        <v>0</v>
      </c>
      <c r="K42080" s="2">
        <v>0</v>
      </c>
      <c r="L42080" t="s">
        <v>120</v>
      </c>
      <c r="M42080" t="s">
        <v>89</v>
      </c>
      <c r="N42080" t="s">
        <v>90</v>
      </c>
      <c r="O42080" t="s">
        <v>85</v>
      </c>
      <c r="P42080" t="s">
        <v>86</v>
      </c>
      <c r="Q42080">
        <v>132</v>
      </c>
      <c r="R42080">
        <v>135</v>
      </c>
      <c r="S42080">
        <v>138</v>
      </c>
      <c r="T42080">
        <v>141</v>
      </c>
      <c r="U42080">
        <v>144</v>
      </c>
      <c r="V42080">
        <v>147</v>
      </c>
      <c r="W42080">
        <v>150</v>
      </c>
      <c r="X42080">
        <v>153</v>
      </c>
      <c r="Y42080">
        <v>155</v>
      </c>
      <c r="Z42080">
        <v>158</v>
      </c>
      <c r="AA42080">
        <v>160</v>
      </c>
      <c r="AB42080">
        <v>163</v>
      </c>
      <c r="AC42080">
        <v>166</v>
      </c>
      <c r="AD42080">
        <v>168</v>
      </c>
      <c r="AE42080">
        <v>170</v>
      </c>
      <c r="AF42080">
        <v>171</v>
      </c>
      <c r="AG42080">
        <v>171</v>
      </c>
      <c r="AH42080">
        <v>172</v>
      </c>
      <c r="AI42080">
        <v>173</v>
      </c>
      <c r="AJ42080">
        <v>173</v>
      </c>
      <c r="AK42080">
        <v>174</v>
      </c>
      <c r="AL42080">
        <v>174</v>
      </c>
      <c r="AM42080">
        <v>175</v>
      </c>
      <c r="AN42080">
        <v>176</v>
      </c>
      <c r="AO42080">
        <v>176</v>
      </c>
      <c r="AP42080">
        <v>177</v>
      </c>
      <c r="AQ42080">
        <v>178</v>
      </c>
    </row>
    <row r="42081" spans="1:43">
      <c r="A42081" t="s">
        <v>25851</v>
      </c>
      <c r="B42081" t="s">
        <v>25852</v>
      </c>
      <c r="C42081" t="s">
        <v>15003</v>
      </c>
      <c r="D42081" t="s">
        <v>15004</v>
      </c>
      <c r="E42081" t="s">
        <v>14997</v>
      </c>
      <c r="F42081" t="s">
        <v>14998</v>
      </c>
      <c r="G42081" t="s">
        <v>10734</v>
      </c>
      <c r="H42081" t="s">
        <v>10735</v>
      </c>
      <c r="I42081" s="2">
        <v>1</v>
      </c>
      <c r="J42081" s="2">
        <v>0</v>
      </c>
      <c r="K42081" s="2">
        <v>0</v>
      </c>
      <c r="L42081" t="s">
        <v>120</v>
      </c>
      <c r="M42081" t="s">
        <v>83</v>
      </c>
      <c r="N42081" t="s">
        <v>91</v>
      </c>
      <c r="O42081" t="s">
        <v>85</v>
      </c>
      <c r="P42081" t="s">
        <v>86</v>
      </c>
      <c r="Q42081">
        <v>132</v>
      </c>
      <c r="R42081">
        <v>134</v>
      </c>
      <c r="S42081">
        <v>136</v>
      </c>
      <c r="T42081">
        <v>138</v>
      </c>
      <c r="U42081">
        <v>140</v>
      </c>
      <c r="V42081">
        <v>142</v>
      </c>
      <c r="W42081">
        <v>144</v>
      </c>
      <c r="X42081">
        <v>146</v>
      </c>
      <c r="Y42081">
        <v>148</v>
      </c>
      <c r="Z42081">
        <v>150</v>
      </c>
      <c r="AA42081">
        <v>152</v>
      </c>
      <c r="AB42081">
        <v>154</v>
      </c>
      <c r="AC42081">
        <v>156</v>
      </c>
      <c r="AD42081">
        <v>158</v>
      </c>
      <c r="AE42081">
        <v>160</v>
      </c>
      <c r="AF42081">
        <v>162</v>
      </c>
      <c r="AG42081">
        <v>164</v>
      </c>
      <c r="AH42081">
        <v>166</v>
      </c>
      <c r="AI42081">
        <v>168</v>
      </c>
      <c r="AJ42081">
        <v>170</v>
      </c>
      <c r="AK42081">
        <v>172</v>
      </c>
      <c r="AL42081">
        <v>173</v>
      </c>
      <c r="AM42081">
        <v>174</v>
      </c>
      <c r="AN42081">
        <v>175</v>
      </c>
      <c r="AO42081">
        <v>175</v>
      </c>
      <c r="AP42081">
        <v>176</v>
      </c>
      <c r="AQ42081">
        <v>177</v>
      </c>
    </row>
    <row r="42082" spans="1:43">
      <c r="A42082" t="s">
        <v>25853</v>
      </c>
      <c r="B42082" t="s">
        <v>25854</v>
      </c>
      <c r="C42082" t="s">
        <v>15003</v>
      </c>
      <c r="D42082" t="s">
        <v>15004</v>
      </c>
      <c r="E42082" t="s">
        <v>14997</v>
      </c>
      <c r="F42082" t="s">
        <v>14998</v>
      </c>
      <c r="G42082" t="s">
        <v>10734</v>
      </c>
      <c r="H42082" t="s">
        <v>10735</v>
      </c>
      <c r="I42082" s="2">
        <v>1</v>
      </c>
      <c r="J42082" s="2">
        <v>0</v>
      </c>
      <c r="K42082" s="2">
        <v>0</v>
      </c>
      <c r="L42082" t="s">
        <v>120</v>
      </c>
      <c r="M42082" t="s">
        <v>83</v>
      </c>
      <c r="N42082" t="s">
        <v>84</v>
      </c>
      <c r="O42082" t="s">
        <v>85</v>
      </c>
      <c r="P42082" t="s">
        <v>86</v>
      </c>
      <c r="Q42082">
        <v>20</v>
      </c>
      <c r="R42082">
        <v>20</v>
      </c>
      <c r="S42082">
        <v>21</v>
      </c>
      <c r="T42082">
        <v>21</v>
      </c>
      <c r="U42082">
        <v>21</v>
      </c>
      <c r="V42082">
        <v>21</v>
      </c>
      <c r="W42082">
        <v>22</v>
      </c>
      <c r="X42082">
        <v>22</v>
      </c>
      <c r="Y42082">
        <v>22</v>
      </c>
      <c r="Z42082">
        <v>23</v>
      </c>
      <c r="AA42082">
        <v>23</v>
      </c>
      <c r="AB42082">
        <v>23</v>
      </c>
      <c r="AC42082">
        <v>24</v>
      </c>
      <c r="AD42082">
        <v>24</v>
      </c>
      <c r="AE42082">
        <v>24</v>
      </c>
      <c r="AF42082">
        <v>24</v>
      </c>
      <c r="AG42082">
        <v>25</v>
      </c>
      <c r="AH42082">
        <v>25</v>
      </c>
      <c r="AI42082">
        <v>25</v>
      </c>
      <c r="AJ42082">
        <v>26</v>
      </c>
      <c r="AK42082">
        <v>26</v>
      </c>
      <c r="AL42082">
        <v>26</v>
      </c>
      <c r="AM42082">
        <v>26</v>
      </c>
      <c r="AN42082">
        <v>26</v>
      </c>
      <c r="AO42082">
        <v>26</v>
      </c>
      <c r="AP42082">
        <v>27</v>
      </c>
      <c r="AQ42082">
        <v>27</v>
      </c>
    </row>
    <row r="42083" spans="1:43">
      <c r="A42083" t="s">
        <v>25853</v>
      </c>
      <c r="B42083" t="s">
        <v>25854</v>
      </c>
      <c r="C42083" t="s">
        <v>15003</v>
      </c>
      <c r="D42083" t="s">
        <v>15004</v>
      </c>
      <c r="E42083" t="s">
        <v>14997</v>
      </c>
      <c r="F42083" t="s">
        <v>14998</v>
      </c>
      <c r="G42083" t="s">
        <v>10734</v>
      </c>
      <c r="H42083" t="s">
        <v>10735</v>
      </c>
      <c r="I42083" s="2">
        <v>1</v>
      </c>
      <c r="J42083" s="2">
        <v>0</v>
      </c>
      <c r="K42083" s="2">
        <v>0</v>
      </c>
      <c r="L42083" t="s">
        <v>120</v>
      </c>
      <c r="M42083" t="s">
        <v>87</v>
      </c>
      <c r="N42083" t="s">
        <v>88</v>
      </c>
      <c r="O42083" t="s">
        <v>85</v>
      </c>
      <c r="P42083" t="s">
        <v>86</v>
      </c>
      <c r="Q42083">
        <v>20</v>
      </c>
      <c r="R42083">
        <v>20</v>
      </c>
      <c r="S42083">
        <v>20</v>
      </c>
      <c r="T42083">
        <v>20</v>
      </c>
      <c r="U42083">
        <v>20</v>
      </c>
      <c r="V42083">
        <v>20</v>
      </c>
      <c r="W42083">
        <v>20</v>
      </c>
      <c r="X42083">
        <v>21</v>
      </c>
      <c r="Y42083">
        <v>21</v>
      </c>
      <c r="Z42083">
        <v>21</v>
      </c>
      <c r="AA42083">
        <v>21</v>
      </c>
      <c r="AB42083">
        <v>21</v>
      </c>
      <c r="AC42083">
        <v>21</v>
      </c>
      <c r="AD42083">
        <v>21</v>
      </c>
      <c r="AE42083">
        <v>21</v>
      </c>
      <c r="AF42083">
        <v>22</v>
      </c>
      <c r="AG42083">
        <v>22</v>
      </c>
      <c r="AH42083">
        <v>22</v>
      </c>
      <c r="AI42083">
        <v>22</v>
      </c>
      <c r="AJ42083">
        <v>22</v>
      </c>
      <c r="AK42083">
        <v>22</v>
      </c>
      <c r="AL42083">
        <v>22</v>
      </c>
      <c r="AM42083">
        <v>23</v>
      </c>
      <c r="AN42083">
        <v>23</v>
      </c>
      <c r="AO42083">
        <v>23</v>
      </c>
      <c r="AP42083">
        <v>23</v>
      </c>
      <c r="AQ42083">
        <v>23</v>
      </c>
    </row>
    <row r="42084" spans="1:43">
      <c r="A42084" t="s">
        <v>25853</v>
      </c>
      <c r="B42084" t="s">
        <v>25854</v>
      </c>
      <c r="C42084" t="s">
        <v>15003</v>
      </c>
      <c r="D42084" t="s">
        <v>15004</v>
      </c>
      <c r="E42084" t="s">
        <v>14997</v>
      </c>
      <c r="F42084" t="s">
        <v>14998</v>
      </c>
      <c r="G42084" t="s">
        <v>10734</v>
      </c>
      <c r="H42084" t="s">
        <v>10735</v>
      </c>
      <c r="I42084" s="2">
        <v>1</v>
      </c>
      <c r="J42084" s="2">
        <v>0</v>
      </c>
      <c r="K42084" s="2">
        <v>0</v>
      </c>
      <c r="L42084" t="s">
        <v>120</v>
      </c>
      <c r="M42084" t="s">
        <v>89</v>
      </c>
      <c r="N42084" t="s">
        <v>90</v>
      </c>
      <c r="O42084" t="s">
        <v>85</v>
      </c>
      <c r="P42084" t="s">
        <v>86</v>
      </c>
      <c r="Q42084">
        <v>20</v>
      </c>
      <c r="R42084">
        <v>21</v>
      </c>
      <c r="S42084">
        <v>21</v>
      </c>
      <c r="T42084">
        <v>22</v>
      </c>
      <c r="U42084">
        <v>22</v>
      </c>
      <c r="V42084">
        <v>22</v>
      </c>
      <c r="W42084">
        <v>23</v>
      </c>
      <c r="X42084">
        <v>23</v>
      </c>
      <c r="Y42084">
        <v>24</v>
      </c>
      <c r="Z42084">
        <v>24</v>
      </c>
      <c r="AA42084">
        <v>24</v>
      </c>
      <c r="AB42084">
        <v>25</v>
      </c>
      <c r="AC42084">
        <v>25</v>
      </c>
      <c r="AD42084">
        <v>26</v>
      </c>
      <c r="AE42084">
        <v>26</v>
      </c>
      <c r="AF42084">
        <v>26</v>
      </c>
      <c r="AG42084">
        <v>26</v>
      </c>
      <c r="AH42084">
        <v>26</v>
      </c>
      <c r="AI42084">
        <v>26</v>
      </c>
      <c r="AJ42084">
        <v>26</v>
      </c>
      <c r="AK42084">
        <v>26</v>
      </c>
      <c r="AL42084">
        <v>27</v>
      </c>
      <c r="AM42084">
        <v>27</v>
      </c>
      <c r="AN42084">
        <v>27</v>
      </c>
      <c r="AO42084">
        <v>27</v>
      </c>
      <c r="AP42084">
        <v>27</v>
      </c>
      <c r="AQ42084">
        <v>27</v>
      </c>
    </row>
    <row r="42085" spans="1:43">
      <c r="A42085" t="s">
        <v>25853</v>
      </c>
      <c r="B42085" t="s">
        <v>25854</v>
      </c>
      <c r="C42085" t="s">
        <v>15003</v>
      </c>
      <c r="D42085" t="s">
        <v>15004</v>
      </c>
      <c r="E42085" t="s">
        <v>14997</v>
      </c>
      <c r="F42085" t="s">
        <v>14998</v>
      </c>
      <c r="G42085" t="s">
        <v>10734</v>
      </c>
      <c r="H42085" t="s">
        <v>10735</v>
      </c>
      <c r="I42085" s="2">
        <v>1</v>
      </c>
      <c r="J42085" s="2">
        <v>0</v>
      </c>
      <c r="K42085" s="2">
        <v>0</v>
      </c>
      <c r="L42085" t="s">
        <v>120</v>
      </c>
      <c r="M42085" t="s">
        <v>83</v>
      </c>
      <c r="N42085" t="s">
        <v>91</v>
      </c>
      <c r="O42085" t="s">
        <v>85</v>
      </c>
      <c r="P42085" t="s">
        <v>86</v>
      </c>
      <c r="Q42085">
        <v>20</v>
      </c>
      <c r="R42085">
        <v>20</v>
      </c>
      <c r="S42085">
        <v>21</v>
      </c>
      <c r="T42085">
        <v>21</v>
      </c>
      <c r="U42085">
        <v>21</v>
      </c>
      <c r="V42085">
        <v>21</v>
      </c>
      <c r="W42085">
        <v>22</v>
      </c>
      <c r="X42085">
        <v>22</v>
      </c>
      <c r="Y42085">
        <v>22</v>
      </c>
      <c r="Z42085">
        <v>23</v>
      </c>
      <c r="AA42085">
        <v>23</v>
      </c>
      <c r="AB42085">
        <v>23</v>
      </c>
      <c r="AC42085">
        <v>24</v>
      </c>
      <c r="AD42085">
        <v>24</v>
      </c>
      <c r="AE42085">
        <v>24</v>
      </c>
      <c r="AF42085">
        <v>24</v>
      </c>
      <c r="AG42085">
        <v>25</v>
      </c>
      <c r="AH42085">
        <v>25</v>
      </c>
      <c r="AI42085">
        <v>25</v>
      </c>
      <c r="AJ42085">
        <v>26</v>
      </c>
      <c r="AK42085">
        <v>26</v>
      </c>
      <c r="AL42085">
        <v>26</v>
      </c>
      <c r="AM42085">
        <v>26</v>
      </c>
      <c r="AN42085">
        <v>26</v>
      </c>
      <c r="AO42085">
        <v>26</v>
      </c>
      <c r="AP42085">
        <v>27</v>
      </c>
      <c r="AQ42085">
        <v>27</v>
      </c>
    </row>
    <row r="42086" spans="1:43">
      <c r="A42086" t="s">
        <v>25855</v>
      </c>
      <c r="B42086" t="s">
        <v>25856</v>
      </c>
      <c r="C42086" t="s">
        <v>15003</v>
      </c>
      <c r="D42086" t="s">
        <v>15004</v>
      </c>
      <c r="E42086" t="s">
        <v>14997</v>
      </c>
      <c r="F42086" t="s">
        <v>14998</v>
      </c>
      <c r="G42086" t="s">
        <v>10734</v>
      </c>
      <c r="H42086" t="s">
        <v>10735</v>
      </c>
      <c r="I42086" s="2">
        <v>1</v>
      </c>
      <c r="J42086" s="2">
        <v>0</v>
      </c>
      <c r="K42086" s="2">
        <v>0</v>
      </c>
      <c r="L42086" t="s">
        <v>120</v>
      </c>
      <c r="M42086" t="s">
        <v>83</v>
      </c>
      <c r="N42086" t="s">
        <v>84</v>
      </c>
      <c r="O42086" t="s">
        <v>85</v>
      </c>
      <c r="P42086" t="s">
        <v>86</v>
      </c>
      <c r="Q42086">
        <v>38</v>
      </c>
      <c r="R42086">
        <v>39</v>
      </c>
      <c r="S42086">
        <v>39</v>
      </c>
      <c r="T42086">
        <v>40</v>
      </c>
      <c r="U42086">
        <v>40</v>
      </c>
      <c r="V42086">
        <v>41</v>
      </c>
      <c r="W42086">
        <v>42</v>
      </c>
      <c r="X42086">
        <v>42</v>
      </c>
      <c r="Y42086">
        <v>43</v>
      </c>
      <c r="Z42086">
        <v>43</v>
      </c>
      <c r="AA42086">
        <v>44</v>
      </c>
      <c r="AB42086">
        <v>44</v>
      </c>
      <c r="AC42086">
        <v>45</v>
      </c>
      <c r="AD42086">
        <v>45</v>
      </c>
      <c r="AE42086">
        <v>46</v>
      </c>
      <c r="AF42086">
        <v>47</v>
      </c>
      <c r="AG42086">
        <v>47</v>
      </c>
      <c r="AH42086">
        <v>48</v>
      </c>
      <c r="AI42086">
        <v>48</v>
      </c>
      <c r="AJ42086">
        <v>49</v>
      </c>
      <c r="AK42086">
        <v>50</v>
      </c>
      <c r="AL42086">
        <v>50</v>
      </c>
      <c r="AM42086">
        <v>50</v>
      </c>
      <c r="AN42086">
        <v>50</v>
      </c>
      <c r="AO42086">
        <v>51</v>
      </c>
      <c r="AP42086">
        <v>51</v>
      </c>
      <c r="AQ42086">
        <v>51</v>
      </c>
    </row>
    <row r="42087" spans="1:43">
      <c r="A42087" t="s">
        <v>25855</v>
      </c>
      <c r="B42087" t="s">
        <v>25856</v>
      </c>
      <c r="C42087" t="s">
        <v>15003</v>
      </c>
      <c r="D42087" t="s">
        <v>15004</v>
      </c>
      <c r="E42087" t="s">
        <v>14997</v>
      </c>
      <c r="F42087" t="s">
        <v>14998</v>
      </c>
      <c r="G42087" t="s">
        <v>10734</v>
      </c>
      <c r="H42087" t="s">
        <v>10735</v>
      </c>
      <c r="I42087" s="2">
        <v>1</v>
      </c>
      <c r="J42087" s="2">
        <v>0</v>
      </c>
      <c r="K42087" s="2">
        <v>0</v>
      </c>
      <c r="L42087" t="s">
        <v>120</v>
      </c>
      <c r="M42087" t="s">
        <v>87</v>
      </c>
      <c r="N42087" t="s">
        <v>88</v>
      </c>
      <c r="O42087" t="s">
        <v>85</v>
      </c>
      <c r="P42087" t="s">
        <v>86</v>
      </c>
      <c r="Q42087">
        <v>38</v>
      </c>
      <c r="R42087">
        <v>38</v>
      </c>
      <c r="S42087">
        <v>38</v>
      </c>
      <c r="T42087">
        <v>38</v>
      </c>
      <c r="U42087">
        <v>39</v>
      </c>
      <c r="V42087">
        <v>39</v>
      </c>
      <c r="W42087">
        <v>39</v>
      </c>
      <c r="X42087">
        <v>39</v>
      </c>
      <c r="Y42087">
        <v>39</v>
      </c>
      <c r="Z42087">
        <v>40</v>
      </c>
      <c r="AA42087">
        <v>40</v>
      </c>
      <c r="AB42087">
        <v>40</v>
      </c>
      <c r="AC42087">
        <v>40</v>
      </c>
      <c r="AD42087">
        <v>41</v>
      </c>
      <c r="AE42087">
        <v>41</v>
      </c>
      <c r="AF42087">
        <v>41</v>
      </c>
      <c r="AG42087">
        <v>41</v>
      </c>
      <c r="AH42087">
        <v>42</v>
      </c>
      <c r="AI42087">
        <v>42</v>
      </c>
      <c r="AJ42087">
        <v>42</v>
      </c>
      <c r="AK42087">
        <v>42</v>
      </c>
      <c r="AL42087">
        <v>43</v>
      </c>
      <c r="AM42087">
        <v>43</v>
      </c>
      <c r="AN42087">
        <v>43</v>
      </c>
      <c r="AO42087">
        <v>44</v>
      </c>
      <c r="AP42087">
        <v>44</v>
      </c>
      <c r="AQ42087">
        <v>44</v>
      </c>
    </row>
    <row r="42088" spans="1:43">
      <c r="A42088" t="s">
        <v>25855</v>
      </c>
      <c r="B42088" t="s">
        <v>25856</v>
      </c>
      <c r="C42088" t="s">
        <v>15003</v>
      </c>
      <c r="D42088" t="s">
        <v>15004</v>
      </c>
      <c r="E42088" t="s">
        <v>14997</v>
      </c>
      <c r="F42088" t="s">
        <v>14998</v>
      </c>
      <c r="G42088" t="s">
        <v>10734</v>
      </c>
      <c r="H42088" t="s">
        <v>10735</v>
      </c>
      <c r="I42088" s="2">
        <v>1</v>
      </c>
      <c r="J42088" s="2">
        <v>0</v>
      </c>
      <c r="K42088" s="2">
        <v>0</v>
      </c>
      <c r="L42088" t="s">
        <v>120</v>
      </c>
      <c r="M42088" t="s">
        <v>89</v>
      </c>
      <c r="N42088" t="s">
        <v>90</v>
      </c>
      <c r="O42088" t="s">
        <v>85</v>
      </c>
      <c r="P42088" t="s">
        <v>86</v>
      </c>
      <c r="Q42088">
        <v>38</v>
      </c>
      <c r="R42088">
        <v>39</v>
      </c>
      <c r="S42088">
        <v>40</v>
      </c>
      <c r="T42088">
        <v>41</v>
      </c>
      <c r="U42088">
        <v>42</v>
      </c>
      <c r="V42088">
        <v>43</v>
      </c>
      <c r="W42088">
        <v>44</v>
      </c>
      <c r="X42088">
        <v>44</v>
      </c>
      <c r="Y42088">
        <v>45</v>
      </c>
      <c r="Z42088">
        <v>46</v>
      </c>
      <c r="AA42088">
        <v>47</v>
      </c>
      <c r="AB42088">
        <v>47</v>
      </c>
      <c r="AC42088">
        <v>48</v>
      </c>
      <c r="AD42088">
        <v>49</v>
      </c>
      <c r="AE42088">
        <v>49</v>
      </c>
      <c r="AF42088">
        <v>49</v>
      </c>
      <c r="AG42088">
        <v>50</v>
      </c>
      <c r="AH42088">
        <v>50</v>
      </c>
      <c r="AI42088">
        <v>50</v>
      </c>
      <c r="AJ42088">
        <v>50</v>
      </c>
      <c r="AK42088">
        <v>50</v>
      </c>
      <c r="AL42088">
        <v>51</v>
      </c>
      <c r="AM42088">
        <v>51</v>
      </c>
      <c r="AN42088">
        <v>51</v>
      </c>
      <c r="AO42088">
        <v>51</v>
      </c>
      <c r="AP42088">
        <v>51</v>
      </c>
      <c r="AQ42088">
        <v>51</v>
      </c>
    </row>
    <row r="42089" spans="1:43">
      <c r="A42089" t="s">
        <v>25855</v>
      </c>
      <c r="B42089" t="s">
        <v>25856</v>
      </c>
      <c r="C42089" t="s">
        <v>15003</v>
      </c>
      <c r="D42089" t="s">
        <v>15004</v>
      </c>
      <c r="E42089" t="s">
        <v>14997</v>
      </c>
      <c r="F42089" t="s">
        <v>14998</v>
      </c>
      <c r="G42089" t="s">
        <v>10734</v>
      </c>
      <c r="H42089" t="s">
        <v>10735</v>
      </c>
      <c r="I42089" s="2">
        <v>1</v>
      </c>
      <c r="J42089" s="2">
        <v>0</v>
      </c>
      <c r="K42089" s="2">
        <v>0</v>
      </c>
      <c r="L42089" t="s">
        <v>120</v>
      </c>
      <c r="M42089" t="s">
        <v>83</v>
      </c>
      <c r="N42089" t="s">
        <v>91</v>
      </c>
      <c r="O42089" t="s">
        <v>85</v>
      </c>
      <c r="P42089" t="s">
        <v>86</v>
      </c>
      <c r="Q42089">
        <v>38</v>
      </c>
      <c r="R42089">
        <v>39</v>
      </c>
      <c r="S42089">
        <v>39</v>
      </c>
      <c r="T42089">
        <v>40</v>
      </c>
      <c r="U42089">
        <v>40</v>
      </c>
      <c r="V42089">
        <v>41</v>
      </c>
      <c r="W42089">
        <v>42</v>
      </c>
      <c r="X42089">
        <v>42</v>
      </c>
      <c r="Y42089">
        <v>43</v>
      </c>
      <c r="Z42089">
        <v>43</v>
      </c>
      <c r="AA42089">
        <v>44</v>
      </c>
      <c r="AB42089">
        <v>44</v>
      </c>
      <c r="AC42089">
        <v>45</v>
      </c>
      <c r="AD42089">
        <v>45</v>
      </c>
      <c r="AE42089">
        <v>46</v>
      </c>
      <c r="AF42089">
        <v>47</v>
      </c>
      <c r="AG42089">
        <v>47</v>
      </c>
      <c r="AH42089">
        <v>48</v>
      </c>
      <c r="AI42089">
        <v>48</v>
      </c>
      <c r="AJ42089">
        <v>49</v>
      </c>
      <c r="AK42089">
        <v>50</v>
      </c>
      <c r="AL42089">
        <v>50</v>
      </c>
      <c r="AM42089">
        <v>50</v>
      </c>
      <c r="AN42089">
        <v>50</v>
      </c>
      <c r="AO42089">
        <v>51</v>
      </c>
      <c r="AP42089">
        <v>51</v>
      </c>
      <c r="AQ42089">
        <v>51</v>
      </c>
    </row>
    <row r="42090" spans="1:43">
      <c r="A42090" t="s">
        <v>25857</v>
      </c>
      <c r="B42090" t="s">
        <v>25858</v>
      </c>
      <c r="C42090" t="s">
        <v>15003</v>
      </c>
      <c r="D42090" t="s">
        <v>15004</v>
      </c>
      <c r="E42090" t="s">
        <v>14997</v>
      </c>
      <c r="F42090" t="s">
        <v>14998</v>
      </c>
      <c r="G42090" t="s">
        <v>10734</v>
      </c>
      <c r="H42090" t="s">
        <v>10735</v>
      </c>
      <c r="I42090" s="2">
        <v>1</v>
      </c>
      <c r="J42090" s="2">
        <v>0</v>
      </c>
      <c r="K42090" s="2">
        <v>0</v>
      </c>
      <c r="L42090" t="s">
        <v>120</v>
      </c>
      <c r="M42090" t="s">
        <v>83</v>
      </c>
      <c r="N42090" t="s">
        <v>84</v>
      </c>
      <c r="O42090" t="s">
        <v>85</v>
      </c>
      <c r="P42090" t="s">
        <v>86</v>
      </c>
      <c r="Q42090">
        <v>29</v>
      </c>
      <c r="R42090">
        <v>30</v>
      </c>
      <c r="S42090">
        <v>30</v>
      </c>
      <c r="T42090">
        <v>31</v>
      </c>
      <c r="U42090">
        <v>31</v>
      </c>
      <c r="V42090">
        <v>32</v>
      </c>
      <c r="W42090">
        <v>32</v>
      </c>
      <c r="X42090">
        <v>33</v>
      </c>
      <c r="Y42090">
        <v>33</v>
      </c>
      <c r="Z42090">
        <v>33</v>
      </c>
      <c r="AA42090">
        <v>34</v>
      </c>
      <c r="AB42090">
        <v>34</v>
      </c>
      <c r="AC42090">
        <v>35</v>
      </c>
      <c r="AD42090">
        <v>35</v>
      </c>
      <c r="AE42090">
        <v>36</v>
      </c>
      <c r="AF42090">
        <v>36</v>
      </c>
      <c r="AG42090">
        <v>37</v>
      </c>
      <c r="AH42090">
        <v>37</v>
      </c>
      <c r="AI42090">
        <v>37</v>
      </c>
      <c r="AJ42090">
        <v>38</v>
      </c>
      <c r="AK42090">
        <v>38</v>
      </c>
      <c r="AL42090">
        <v>39</v>
      </c>
      <c r="AM42090">
        <v>39</v>
      </c>
      <c r="AN42090">
        <v>39</v>
      </c>
      <c r="AO42090">
        <v>39</v>
      </c>
      <c r="AP42090">
        <v>39</v>
      </c>
      <c r="AQ42090">
        <v>39</v>
      </c>
    </row>
    <row r="42091" spans="1:43">
      <c r="A42091" t="s">
        <v>25857</v>
      </c>
      <c r="B42091" t="s">
        <v>25858</v>
      </c>
      <c r="C42091" t="s">
        <v>15003</v>
      </c>
      <c r="D42091" t="s">
        <v>15004</v>
      </c>
      <c r="E42091" t="s">
        <v>14997</v>
      </c>
      <c r="F42091" t="s">
        <v>14998</v>
      </c>
      <c r="G42091" t="s">
        <v>10734</v>
      </c>
      <c r="H42091" t="s">
        <v>10735</v>
      </c>
      <c r="I42091" s="2">
        <v>1</v>
      </c>
      <c r="J42091" s="2">
        <v>0</v>
      </c>
      <c r="K42091" s="2">
        <v>0</v>
      </c>
      <c r="L42091" t="s">
        <v>120</v>
      </c>
      <c r="M42091" t="s">
        <v>87</v>
      </c>
      <c r="N42091" t="s">
        <v>88</v>
      </c>
      <c r="O42091" t="s">
        <v>85</v>
      </c>
      <c r="P42091" t="s">
        <v>86</v>
      </c>
      <c r="Q42091">
        <v>29</v>
      </c>
      <c r="R42091">
        <v>29</v>
      </c>
      <c r="S42091">
        <v>29</v>
      </c>
      <c r="T42091">
        <v>30</v>
      </c>
      <c r="U42091">
        <v>30</v>
      </c>
      <c r="V42091">
        <v>30</v>
      </c>
      <c r="W42091">
        <v>30</v>
      </c>
      <c r="X42091">
        <v>30</v>
      </c>
      <c r="Y42091">
        <v>31</v>
      </c>
      <c r="Z42091">
        <v>31</v>
      </c>
      <c r="AA42091">
        <v>31</v>
      </c>
      <c r="AB42091">
        <v>31</v>
      </c>
      <c r="AC42091">
        <v>31</v>
      </c>
      <c r="AD42091">
        <v>31</v>
      </c>
      <c r="AE42091">
        <v>32</v>
      </c>
      <c r="AF42091">
        <v>32</v>
      </c>
      <c r="AG42091">
        <v>32</v>
      </c>
      <c r="AH42091">
        <v>32</v>
      </c>
      <c r="AI42091">
        <v>32</v>
      </c>
      <c r="AJ42091">
        <v>33</v>
      </c>
      <c r="AK42091">
        <v>33</v>
      </c>
      <c r="AL42091">
        <v>33</v>
      </c>
      <c r="AM42091">
        <v>33</v>
      </c>
      <c r="AN42091">
        <v>33</v>
      </c>
      <c r="AO42091">
        <v>34</v>
      </c>
      <c r="AP42091">
        <v>34</v>
      </c>
      <c r="AQ42091">
        <v>34</v>
      </c>
    </row>
    <row r="42092" spans="1:43">
      <c r="A42092" t="s">
        <v>25857</v>
      </c>
      <c r="B42092" t="s">
        <v>25858</v>
      </c>
      <c r="C42092" t="s">
        <v>15003</v>
      </c>
      <c r="D42092" t="s">
        <v>15004</v>
      </c>
      <c r="E42092" t="s">
        <v>14997</v>
      </c>
      <c r="F42092" t="s">
        <v>14998</v>
      </c>
      <c r="G42092" t="s">
        <v>10734</v>
      </c>
      <c r="H42092" t="s">
        <v>10735</v>
      </c>
      <c r="I42092" s="2">
        <v>1</v>
      </c>
      <c r="J42092" s="2">
        <v>0</v>
      </c>
      <c r="K42092" s="2">
        <v>0</v>
      </c>
      <c r="L42092" t="s">
        <v>120</v>
      </c>
      <c r="M42092" t="s">
        <v>89</v>
      </c>
      <c r="N42092" t="s">
        <v>90</v>
      </c>
      <c r="O42092" t="s">
        <v>85</v>
      </c>
      <c r="P42092" t="s">
        <v>86</v>
      </c>
      <c r="Q42092">
        <v>29</v>
      </c>
      <c r="R42092">
        <v>29</v>
      </c>
      <c r="S42092">
        <v>30</v>
      </c>
      <c r="T42092">
        <v>31</v>
      </c>
      <c r="U42092">
        <v>31</v>
      </c>
      <c r="V42092">
        <v>32</v>
      </c>
      <c r="W42092">
        <v>33</v>
      </c>
      <c r="X42092">
        <v>33</v>
      </c>
      <c r="Y42092">
        <v>34</v>
      </c>
      <c r="Z42092">
        <v>34</v>
      </c>
      <c r="AA42092">
        <v>35</v>
      </c>
      <c r="AB42092">
        <v>36</v>
      </c>
      <c r="AC42092">
        <v>36</v>
      </c>
      <c r="AD42092">
        <v>37</v>
      </c>
      <c r="AE42092">
        <v>37</v>
      </c>
      <c r="AF42092">
        <v>37</v>
      </c>
      <c r="AG42092">
        <v>37</v>
      </c>
      <c r="AH42092">
        <v>38</v>
      </c>
      <c r="AI42092">
        <v>38</v>
      </c>
      <c r="AJ42092">
        <v>38</v>
      </c>
      <c r="AK42092">
        <v>38</v>
      </c>
      <c r="AL42092">
        <v>38</v>
      </c>
      <c r="AM42092">
        <v>38</v>
      </c>
      <c r="AN42092">
        <v>38</v>
      </c>
      <c r="AO42092">
        <v>39</v>
      </c>
      <c r="AP42092">
        <v>39</v>
      </c>
      <c r="AQ42092">
        <v>39</v>
      </c>
    </row>
    <row r="42093" spans="1:43">
      <c r="A42093" t="s">
        <v>25857</v>
      </c>
      <c r="B42093" t="s">
        <v>25858</v>
      </c>
      <c r="C42093" t="s">
        <v>15003</v>
      </c>
      <c r="D42093" t="s">
        <v>15004</v>
      </c>
      <c r="E42093" t="s">
        <v>14997</v>
      </c>
      <c r="F42093" t="s">
        <v>14998</v>
      </c>
      <c r="G42093" t="s">
        <v>10734</v>
      </c>
      <c r="H42093" t="s">
        <v>10735</v>
      </c>
      <c r="I42093" s="2">
        <v>1</v>
      </c>
      <c r="J42093" s="2">
        <v>0</v>
      </c>
      <c r="K42093" s="2">
        <v>0</v>
      </c>
      <c r="L42093" t="s">
        <v>120</v>
      </c>
      <c r="M42093" t="s">
        <v>83</v>
      </c>
      <c r="N42093" t="s">
        <v>91</v>
      </c>
      <c r="O42093" t="s">
        <v>85</v>
      </c>
      <c r="P42093" t="s">
        <v>86</v>
      </c>
      <c r="Q42093">
        <v>29</v>
      </c>
      <c r="R42093">
        <v>30</v>
      </c>
      <c r="S42093">
        <v>30</v>
      </c>
      <c r="T42093">
        <v>31</v>
      </c>
      <c r="U42093">
        <v>31</v>
      </c>
      <c r="V42093">
        <v>32</v>
      </c>
      <c r="W42093">
        <v>32</v>
      </c>
      <c r="X42093">
        <v>33</v>
      </c>
      <c r="Y42093">
        <v>33</v>
      </c>
      <c r="Z42093">
        <v>33</v>
      </c>
      <c r="AA42093">
        <v>34</v>
      </c>
      <c r="AB42093">
        <v>34</v>
      </c>
      <c r="AC42093">
        <v>35</v>
      </c>
      <c r="AD42093">
        <v>35</v>
      </c>
      <c r="AE42093">
        <v>36</v>
      </c>
      <c r="AF42093">
        <v>36</v>
      </c>
      <c r="AG42093">
        <v>37</v>
      </c>
      <c r="AH42093">
        <v>37</v>
      </c>
      <c r="AI42093">
        <v>37</v>
      </c>
      <c r="AJ42093">
        <v>38</v>
      </c>
      <c r="AK42093">
        <v>38</v>
      </c>
      <c r="AL42093">
        <v>39</v>
      </c>
      <c r="AM42093">
        <v>39</v>
      </c>
      <c r="AN42093">
        <v>39</v>
      </c>
      <c r="AO42093">
        <v>39</v>
      </c>
      <c r="AP42093">
        <v>39</v>
      </c>
      <c r="AQ42093">
        <v>39</v>
      </c>
    </row>
    <row r="42094" spans="1:43">
      <c r="A42094" t="s">
        <v>25859</v>
      </c>
      <c r="B42094" t="s">
        <v>25860</v>
      </c>
      <c r="C42094" t="s">
        <v>15979</v>
      </c>
      <c r="D42094" t="s">
        <v>15980</v>
      </c>
      <c r="E42094" t="s">
        <v>15891</v>
      </c>
      <c r="F42094" t="s">
        <v>15892</v>
      </c>
      <c r="G42094" t="s">
        <v>10734</v>
      </c>
      <c r="H42094" t="s">
        <v>10735</v>
      </c>
      <c r="I42094" s="2">
        <v>1</v>
      </c>
      <c r="J42094" s="2">
        <v>0</v>
      </c>
      <c r="K42094" s="2">
        <v>0</v>
      </c>
      <c r="L42094" t="s">
        <v>120</v>
      </c>
      <c r="M42094" t="s">
        <v>83</v>
      </c>
      <c r="N42094" t="s">
        <v>84</v>
      </c>
      <c r="O42094" t="s">
        <v>85</v>
      </c>
      <c r="P42094" t="s">
        <v>86</v>
      </c>
      <c r="Q42094">
        <v>2</v>
      </c>
      <c r="R42094">
        <v>2</v>
      </c>
      <c r="S42094">
        <v>2</v>
      </c>
      <c r="T42094">
        <v>2</v>
      </c>
      <c r="U42094">
        <v>2</v>
      </c>
      <c r="V42094">
        <v>2</v>
      </c>
      <c r="W42094">
        <v>2</v>
      </c>
      <c r="X42094">
        <v>2</v>
      </c>
      <c r="Y42094">
        <v>2</v>
      </c>
      <c r="Z42094">
        <v>2</v>
      </c>
      <c r="AA42094">
        <v>2</v>
      </c>
      <c r="AB42094">
        <v>2</v>
      </c>
      <c r="AC42094">
        <v>2</v>
      </c>
      <c r="AD42094">
        <v>2</v>
      </c>
      <c r="AE42094">
        <v>3</v>
      </c>
      <c r="AF42094">
        <v>3</v>
      </c>
      <c r="AG42094">
        <v>3</v>
      </c>
      <c r="AH42094">
        <v>3</v>
      </c>
      <c r="AI42094">
        <v>3</v>
      </c>
      <c r="AJ42094">
        <v>3</v>
      </c>
      <c r="AK42094">
        <v>3</v>
      </c>
      <c r="AL42094">
        <v>3</v>
      </c>
      <c r="AM42094">
        <v>3</v>
      </c>
      <c r="AN42094">
        <v>3</v>
      </c>
      <c r="AO42094">
        <v>3</v>
      </c>
      <c r="AP42094">
        <v>3</v>
      </c>
      <c r="AQ42094">
        <v>3</v>
      </c>
    </row>
    <row r="42095" spans="1:43">
      <c r="A42095" t="s">
        <v>25859</v>
      </c>
      <c r="B42095" t="s">
        <v>25860</v>
      </c>
      <c r="C42095" t="s">
        <v>15979</v>
      </c>
      <c r="D42095" t="s">
        <v>15980</v>
      </c>
      <c r="E42095" t="s">
        <v>15891</v>
      </c>
      <c r="F42095" t="s">
        <v>15892</v>
      </c>
      <c r="G42095" t="s">
        <v>10734</v>
      </c>
      <c r="H42095" t="s">
        <v>10735</v>
      </c>
      <c r="I42095" s="2">
        <v>1</v>
      </c>
      <c r="J42095" s="2">
        <v>0</v>
      </c>
      <c r="K42095" s="2">
        <v>0</v>
      </c>
      <c r="L42095" t="s">
        <v>120</v>
      </c>
      <c r="M42095" t="s">
        <v>87</v>
      </c>
      <c r="N42095" t="s">
        <v>88</v>
      </c>
      <c r="O42095" t="s">
        <v>85</v>
      </c>
      <c r="P42095" t="s">
        <v>86</v>
      </c>
      <c r="Q42095">
        <v>2</v>
      </c>
      <c r="R42095">
        <v>2</v>
      </c>
      <c r="S42095">
        <v>2</v>
      </c>
      <c r="T42095">
        <v>2</v>
      </c>
      <c r="U42095">
        <v>2</v>
      </c>
      <c r="V42095">
        <v>2</v>
      </c>
      <c r="W42095">
        <v>2</v>
      </c>
      <c r="X42095">
        <v>2</v>
      </c>
      <c r="Y42095">
        <v>2</v>
      </c>
      <c r="Z42095">
        <v>2</v>
      </c>
      <c r="AA42095">
        <v>2</v>
      </c>
      <c r="AB42095">
        <v>2</v>
      </c>
      <c r="AC42095">
        <v>2</v>
      </c>
      <c r="AD42095">
        <v>2</v>
      </c>
      <c r="AE42095">
        <v>2</v>
      </c>
      <c r="AF42095">
        <v>2</v>
      </c>
      <c r="AG42095">
        <v>2</v>
      </c>
      <c r="AH42095">
        <v>2</v>
      </c>
      <c r="AI42095">
        <v>2</v>
      </c>
      <c r="AJ42095">
        <v>2</v>
      </c>
      <c r="AK42095">
        <v>2</v>
      </c>
      <c r="AL42095">
        <v>2</v>
      </c>
      <c r="AM42095">
        <v>2</v>
      </c>
      <c r="AN42095">
        <v>2</v>
      </c>
      <c r="AO42095">
        <v>2</v>
      </c>
      <c r="AP42095">
        <v>2</v>
      </c>
      <c r="AQ42095">
        <v>2</v>
      </c>
    </row>
    <row r="42096" spans="1:43">
      <c r="A42096" t="s">
        <v>25859</v>
      </c>
      <c r="B42096" t="s">
        <v>25860</v>
      </c>
      <c r="C42096" t="s">
        <v>15979</v>
      </c>
      <c r="D42096" t="s">
        <v>15980</v>
      </c>
      <c r="E42096" t="s">
        <v>15891</v>
      </c>
      <c r="F42096" t="s">
        <v>15892</v>
      </c>
      <c r="G42096" t="s">
        <v>10734</v>
      </c>
      <c r="H42096" t="s">
        <v>10735</v>
      </c>
      <c r="I42096" s="2">
        <v>1</v>
      </c>
      <c r="J42096" s="2">
        <v>0</v>
      </c>
      <c r="K42096" s="2">
        <v>0</v>
      </c>
      <c r="L42096" t="s">
        <v>120</v>
      </c>
      <c r="M42096" t="s">
        <v>89</v>
      </c>
      <c r="N42096" t="s">
        <v>90</v>
      </c>
      <c r="O42096" t="s">
        <v>85</v>
      </c>
      <c r="P42096" t="s">
        <v>86</v>
      </c>
      <c r="Q42096">
        <v>2</v>
      </c>
      <c r="R42096">
        <v>2</v>
      </c>
      <c r="S42096">
        <v>2</v>
      </c>
      <c r="T42096">
        <v>2</v>
      </c>
      <c r="U42096">
        <v>2</v>
      </c>
      <c r="V42096">
        <v>2</v>
      </c>
      <c r="W42096">
        <v>3</v>
      </c>
      <c r="X42096">
        <v>3</v>
      </c>
      <c r="Y42096">
        <v>3</v>
      </c>
      <c r="Z42096">
        <v>3</v>
      </c>
      <c r="AA42096">
        <v>3</v>
      </c>
      <c r="AB42096">
        <v>3</v>
      </c>
      <c r="AC42096">
        <v>3</v>
      </c>
      <c r="AD42096">
        <v>3</v>
      </c>
      <c r="AE42096">
        <v>3</v>
      </c>
      <c r="AF42096">
        <v>3</v>
      </c>
      <c r="AG42096">
        <v>3</v>
      </c>
      <c r="AH42096">
        <v>3</v>
      </c>
      <c r="AI42096">
        <v>3</v>
      </c>
      <c r="AJ42096">
        <v>3</v>
      </c>
      <c r="AK42096">
        <v>3</v>
      </c>
      <c r="AL42096">
        <v>3</v>
      </c>
      <c r="AM42096">
        <v>3</v>
      </c>
      <c r="AN42096">
        <v>3</v>
      </c>
      <c r="AO42096">
        <v>3</v>
      </c>
      <c r="AP42096">
        <v>3</v>
      </c>
      <c r="AQ42096">
        <v>3</v>
      </c>
    </row>
    <row r="42097" spans="1:43">
      <c r="A42097" t="s">
        <v>25859</v>
      </c>
      <c r="B42097" t="s">
        <v>25860</v>
      </c>
      <c r="C42097" t="s">
        <v>15979</v>
      </c>
      <c r="D42097" t="s">
        <v>15980</v>
      </c>
      <c r="E42097" t="s">
        <v>15891</v>
      </c>
      <c r="F42097" t="s">
        <v>15892</v>
      </c>
      <c r="G42097" t="s">
        <v>10734</v>
      </c>
      <c r="H42097" t="s">
        <v>10735</v>
      </c>
      <c r="I42097" s="2">
        <v>1</v>
      </c>
      <c r="J42097" s="2">
        <v>0</v>
      </c>
      <c r="K42097" s="2">
        <v>0</v>
      </c>
      <c r="L42097" t="s">
        <v>120</v>
      </c>
      <c r="M42097" t="s">
        <v>83</v>
      </c>
      <c r="N42097" t="s">
        <v>91</v>
      </c>
      <c r="O42097" t="s">
        <v>85</v>
      </c>
      <c r="P42097" t="s">
        <v>86</v>
      </c>
      <c r="Q42097">
        <v>2</v>
      </c>
      <c r="R42097">
        <v>2</v>
      </c>
      <c r="S42097">
        <v>2</v>
      </c>
      <c r="T42097">
        <v>2</v>
      </c>
      <c r="U42097">
        <v>2</v>
      </c>
      <c r="V42097">
        <v>2</v>
      </c>
      <c r="W42097">
        <v>2</v>
      </c>
      <c r="X42097">
        <v>2</v>
      </c>
      <c r="Y42097">
        <v>2</v>
      </c>
      <c r="Z42097">
        <v>2</v>
      </c>
      <c r="AA42097">
        <v>2</v>
      </c>
      <c r="AB42097">
        <v>2</v>
      </c>
      <c r="AC42097">
        <v>2</v>
      </c>
      <c r="AD42097">
        <v>2</v>
      </c>
      <c r="AE42097">
        <v>3</v>
      </c>
      <c r="AF42097">
        <v>3</v>
      </c>
      <c r="AG42097">
        <v>3</v>
      </c>
      <c r="AH42097">
        <v>3</v>
      </c>
      <c r="AI42097">
        <v>3</v>
      </c>
      <c r="AJ42097">
        <v>3</v>
      </c>
      <c r="AK42097">
        <v>3</v>
      </c>
      <c r="AL42097">
        <v>3</v>
      </c>
      <c r="AM42097">
        <v>3</v>
      </c>
      <c r="AN42097">
        <v>3</v>
      </c>
      <c r="AO42097">
        <v>3</v>
      </c>
      <c r="AP42097">
        <v>3</v>
      </c>
      <c r="AQ42097">
        <v>3</v>
      </c>
    </row>
    <row r="42098" spans="1:43">
      <c r="A42098" t="s">
        <v>25861</v>
      </c>
      <c r="B42098" t="s">
        <v>25862</v>
      </c>
      <c r="C42098" t="s">
        <v>15979</v>
      </c>
      <c r="D42098" t="s">
        <v>15980</v>
      </c>
      <c r="E42098" t="s">
        <v>15891</v>
      </c>
      <c r="F42098" t="s">
        <v>15892</v>
      </c>
      <c r="G42098" t="s">
        <v>10734</v>
      </c>
      <c r="H42098" t="s">
        <v>10735</v>
      </c>
      <c r="I42098" s="2">
        <v>1</v>
      </c>
      <c r="J42098" s="2">
        <v>0</v>
      </c>
      <c r="K42098" s="2">
        <v>0</v>
      </c>
      <c r="L42098" t="s">
        <v>120</v>
      </c>
      <c r="M42098" t="s">
        <v>83</v>
      </c>
      <c r="N42098" t="s">
        <v>84</v>
      </c>
      <c r="O42098" t="s">
        <v>85</v>
      </c>
      <c r="P42098" t="s">
        <v>86</v>
      </c>
      <c r="Q42098">
        <v>34</v>
      </c>
      <c r="R42098">
        <v>34</v>
      </c>
      <c r="S42098">
        <v>35</v>
      </c>
      <c r="T42098">
        <v>35</v>
      </c>
      <c r="U42098">
        <v>35</v>
      </c>
      <c r="V42098">
        <v>35</v>
      </c>
      <c r="W42098">
        <v>36</v>
      </c>
      <c r="X42098">
        <v>36</v>
      </c>
      <c r="Y42098">
        <v>36</v>
      </c>
      <c r="Z42098">
        <v>36</v>
      </c>
      <c r="AA42098">
        <v>36</v>
      </c>
      <c r="AB42098">
        <v>37</v>
      </c>
      <c r="AC42098">
        <v>37</v>
      </c>
      <c r="AD42098">
        <v>37</v>
      </c>
      <c r="AE42098">
        <v>37</v>
      </c>
      <c r="AF42098">
        <v>37</v>
      </c>
      <c r="AG42098">
        <v>37</v>
      </c>
      <c r="AH42098">
        <v>38</v>
      </c>
      <c r="AI42098">
        <v>38</v>
      </c>
      <c r="AJ42098">
        <v>38</v>
      </c>
      <c r="AK42098">
        <v>38</v>
      </c>
      <c r="AL42098">
        <v>38</v>
      </c>
      <c r="AM42098">
        <v>38</v>
      </c>
      <c r="AN42098">
        <v>38</v>
      </c>
      <c r="AO42098">
        <v>37</v>
      </c>
      <c r="AP42098">
        <v>37</v>
      </c>
      <c r="AQ42098">
        <v>37</v>
      </c>
    </row>
    <row r="42099" spans="1:43">
      <c r="A42099" t="s">
        <v>25861</v>
      </c>
      <c r="B42099" t="s">
        <v>25862</v>
      </c>
      <c r="C42099" t="s">
        <v>15979</v>
      </c>
      <c r="D42099" t="s">
        <v>15980</v>
      </c>
      <c r="E42099" t="s">
        <v>15891</v>
      </c>
      <c r="F42099" t="s">
        <v>15892</v>
      </c>
      <c r="G42099" t="s">
        <v>10734</v>
      </c>
      <c r="H42099" t="s">
        <v>10735</v>
      </c>
      <c r="I42099" s="2">
        <v>1</v>
      </c>
      <c r="J42099" s="2">
        <v>0</v>
      </c>
      <c r="K42099" s="2">
        <v>0</v>
      </c>
      <c r="L42099" t="s">
        <v>120</v>
      </c>
      <c r="M42099" t="s">
        <v>87</v>
      </c>
      <c r="N42099" t="s">
        <v>88</v>
      </c>
      <c r="O42099" t="s">
        <v>85</v>
      </c>
      <c r="P42099" t="s">
        <v>86</v>
      </c>
      <c r="Q42099">
        <v>34</v>
      </c>
      <c r="R42099">
        <v>34</v>
      </c>
      <c r="S42099">
        <v>34</v>
      </c>
      <c r="T42099">
        <v>34</v>
      </c>
      <c r="U42099">
        <v>34</v>
      </c>
      <c r="V42099">
        <v>33</v>
      </c>
      <c r="W42099">
        <v>33</v>
      </c>
      <c r="X42099">
        <v>33</v>
      </c>
      <c r="Y42099">
        <v>33</v>
      </c>
      <c r="Z42099">
        <v>33</v>
      </c>
      <c r="AA42099">
        <v>33</v>
      </c>
      <c r="AB42099">
        <v>33</v>
      </c>
      <c r="AC42099">
        <v>33</v>
      </c>
      <c r="AD42099">
        <v>33</v>
      </c>
      <c r="AE42099">
        <v>33</v>
      </c>
      <c r="AF42099">
        <v>33</v>
      </c>
      <c r="AG42099">
        <v>33</v>
      </c>
      <c r="AH42099">
        <v>33</v>
      </c>
      <c r="AI42099">
        <v>33</v>
      </c>
      <c r="AJ42099">
        <v>33</v>
      </c>
      <c r="AK42099">
        <v>33</v>
      </c>
      <c r="AL42099">
        <v>32</v>
      </c>
      <c r="AM42099">
        <v>32</v>
      </c>
      <c r="AN42099">
        <v>32</v>
      </c>
      <c r="AO42099">
        <v>32</v>
      </c>
      <c r="AP42099">
        <v>32</v>
      </c>
      <c r="AQ42099">
        <v>32</v>
      </c>
    </row>
    <row r="42100" spans="1:43">
      <c r="A42100" t="s">
        <v>25861</v>
      </c>
      <c r="B42100" t="s">
        <v>25862</v>
      </c>
      <c r="C42100" t="s">
        <v>15979</v>
      </c>
      <c r="D42100" t="s">
        <v>15980</v>
      </c>
      <c r="E42100" t="s">
        <v>15891</v>
      </c>
      <c r="F42100" t="s">
        <v>15892</v>
      </c>
      <c r="G42100" t="s">
        <v>10734</v>
      </c>
      <c r="H42100" t="s">
        <v>10735</v>
      </c>
      <c r="I42100" s="2">
        <v>1</v>
      </c>
      <c r="J42100" s="2">
        <v>0</v>
      </c>
      <c r="K42100" s="2">
        <v>0</v>
      </c>
      <c r="L42100" t="s">
        <v>120</v>
      </c>
      <c r="M42100" t="s">
        <v>89</v>
      </c>
      <c r="N42100" t="s">
        <v>90</v>
      </c>
      <c r="O42100" t="s">
        <v>85</v>
      </c>
      <c r="P42100" t="s">
        <v>86</v>
      </c>
      <c r="Q42100">
        <v>34</v>
      </c>
      <c r="R42100">
        <v>35</v>
      </c>
      <c r="S42100">
        <v>35</v>
      </c>
      <c r="T42100">
        <v>36</v>
      </c>
      <c r="U42100">
        <v>36</v>
      </c>
      <c r="V42100">
        <v>37</v>
      </c>
      <c r="W42100">
        <v>37</v>
      </c>
      <c r="X42100">
        <v>38</v>
      </c>
      <c r="Y42100">
        <v>38</v>
      </c>
      <c r="Z42100">
        <v>38</v>
      </c>
      <c r="AA42100">
        <v>39</v>
      </c>
      <c r="AB42100">
        <v>39</v>
      </c>
      <c r="AC42100">
        <v>39</v>
      </c>
      <c r="AD42100">
        <v>40</v>
      </c>
      <c r="AE42100">
        <v>40</v>
      </c>
      <c r="AF42100">
        <v>40</v>
      </c>
      <c r="AG42100">
        <v>39</v>
      </c>
      <c r="AH42100">
        <v>39</v>
      </c>
      <c r="AI42100">
        <v>39</v>
      </c>
      <c r="AJ42100">
        <v>39</v>
      </c>
      <c r="AK42100">
        <v>39</v>
      </c>
      <c r="AL42100">
        <v>38</v>
      </c>
      <c r="AM42100">
        <v>38</v>
      </c>
      <c r="AN42100">
        <v>38</v>
      </c>
      <c r="AO42100">
        <v>38</v>
      </c>
      <c r="AP42100">
        <v>38</v>
      </c>
      <c r="AQ42100">
        <v>37</v>
      </c>
    </row>
    <row r="42101" spans="1:43">
      <c r="A42101" t="s">
        <v>25861</v>
      </c>
      <c r="B42101" t="s">
        <v>25862</v>
      </c>
      <c r="C42101" t="s">
        <v>15979</v>
      </c>
      <c r="D42101" t="s">
        <v>15980</v>
      </c>
      <c r="E42101" t="s">
        <v>15891</v>
      </c>
      <c r="F42101" t="s">
        <v>15892</v>
      </c>
      <c r="G42101" t="s">
        <v>10734</v>
      </c>
      <c r="H42101" t="s">
        <v>10735</v>
      </c>
      <c r="I42101" s="2">
        <v>1</v>
      </c>
      <c r="J42101" s="2">
        <v>0</v>
      </c>
      <c r="K42101" s="2">
        <v>0</v>
      </c>
      <c r="L42101" t="s">
        <v>120</v>
      </c>
      <c r="M42101" t="s">
        <v>83</v>
      </c>
      <c r="N42101" t="s">
        <v>91</v>
      </c>
      <c r="O42101" t="s">
        <v>85</v>
      </c>
      <c r="P42101" t="s">
        <v>86</v>
      </c>
      <c r="Q42101">
        <v>34</v>
      </c>
      <c r="R42101">
        <v>34</v>
      </c>
      <c r="S42101">
        <v>35</v>
      </c>
      <c r="T42101">
        <v>35</v>
      </c>
      <c r="U42101">
        <v>35</v>
      </c>
      <c r="V42101">
        <v>35</v>
      </c>
      <c r="W42101">
        <v>36</v>
      </c>
      <c r="X42101">
        <v>36</v>
      </c>
      <c r="Y42101">
        <v>36</v>
      </c>
      <c r="Z42101">
        <v>36</v>
      </c>
      <c r="AA42101">
        <v>36</v>
      </c>
      <c r="AB42101">
        <v>37</v>
      </c>
      <c r="AC42101">
        <v>37</v>
      </c>
      <c r="AD42101">
        <v>37</v>
      </c>
      <c r="AE42101">
        <v>37</v>
      </c>
      <c r="AF42101">
        <v>37</v>
      </c>
      <c r="AG42101">
        <v>37</v>
      </c>
      <c r="AH42101">
        <v>38</v>
      </c>
      <c r="AI42101">
        <v>38</v>
      </c>
      <c r="AJ42101">
        <v>38</v>
      </c>
      <c r="AK42101">
        <v>38</v>
      </c>
      <c r="AL42101">
        <v>38</v>
      </c>
      <c r="AM42101">
        <v>38</v>
      </c>
      <c r="AN42101">
        <v>38</v>
      </c>
      <c r="AO42101">
        <v>37</v>
      </c>
      <c r="AP42101">
        <v>37</v>
      </c>
      <c r="AQ42101">
        <v>37</v>
      </c>
    </row>
    <row r="42102" spans="1:43">
      <c r="A42102" t="s">
        <v>25863</v>
      </c>
      <c r="B42102" t="s">
        <v>25864</v>
      </c>
      <c r="C42102" t="s">
        <v>15979</v>
      </c>
      <c r="D42102" t="s">
        <v>15980</v>
      </c>
      <c r="E42102" t="s">
        <v>15891</v>
      </c>
      <c r="F42102" t="s">
        <v>15892</v>
      </c>
      <c r="G42102" t="s">
        <v>10734</v>
      </c>
      <c r="H42102" t="s">
        <v>10735</v>
      </c>
      <c r="I42102" s="2">
        <v>1</v>
      </c>
      <c r="J42102" s="2">
        <v>0</v>
      </c>
      <c r="K42102" s="2">
        <v>0</v>
      </c>
      <c r="L42102" t="s">
        <v>120</v>
      </c>
      <c r="M42102" t="s">
        <v>83</v>
      </c>
      <c r="N42102" t="s">
        <v>84</v>
      </c>
      <c r="O42102" t="s">
        <v>85</v>
      </c>
      <c r="P42102" t="s">
        <v>86</v>
      </c>
      <c r="Q42102">
        <v>13</v>
      </c>
      <c r="R42102">
        <v>13</v>
      </c>
      <c r="S42102">
        <v>13</v>
      </c>
      <c r="T42102">
        <v>13</v>
      </c>
      <c r="U42102">
        <v>13</v>
      </c>
      <c r="V42102">
        <v>13</v>
      </c>
      <c r="W42102">
        <v>13</v>
      </c>
      <c r="X42102">
        <v>13</v>
      </c>
      <c r="Y42102">
        <v>13</v>
      </c>
      <c r="Z42102">
        <v>14</v>
      </c>
      <c r="AA42102">
        <v>14</v>
      </c>
      <c r="AB42102">
        <v>14</v>
      </c>
      <c r="AC42102">
        <v>14</v>
      </c>
      <c r="AD42102">
        <v>14</v>
      </c>
      <c r="AE42102">
        <v>14</v>
      </c>
      <c r="AF42102">
        <v>14</v>
      </c>
      <c r="AG42102">
        <v>14</v>
      </c>
      <c r="AH42102">
        <v>14</v>
      </c>
      <c r="AI42102">
        <v>14</v>
      </c>
      <c r="AJ42102">
        <v>14</v>
      </c>
      <c r="AK42102">
        <v>14</v>
      </c>
      <c r="AL42102">
        <v>14</v>
      </c>
      <c r="AM42102">
        <v>14</v>
      </c>
      <c r="AN42102">
        <v>14</v>
      </c>
      <c r="AO42102">
        <v>14</v>
      </c>
      <c r="AP42102">
        <v>14</v>
      </c>
      <c r="AQ42102">
        <v>14</v>
      </c>
    </row>
    <row r="42103" spans="1:43">
      <c r="A42103" t="s">
        <v>25863</v>
      </c>
      <c r="B42103" t="s">
        <v>25864</v>
      </c>
      <c r="C42103" t="s">
        <v>15979</v>
      </c>
      <c r="D42103" t="s">
        <v>15980</v>
      </c>
      <c r="E42103" t="s">
        <v>15891</v>
      </c>
      <c r="F42103" t="s">
        <v>15892</v>
      </c>
      <c r="G42103" t="s">
        <v>10734</v>
      </c>
      <c r="H42103" t="s">
        <v>10735</v>
      </c>
      <c r="I42103" s="2">
        <v>1</v>
      </c>
      <c r="J42103" s="2">
        <v>0</v>
      </c>
      <c r="K42103" s="2">
        <v>0</v>
      </c>
      <c r="L42103" t="s">
        <v>120</v>
      </c>
      <c r="M42103" t="s">
        <v>87</v>
      </c>
      <c r="N42103" t="s">
        <v>88</v>
      </c>
      <c r="O42103" t="s">
        <v>85</v>
      </c>
      <c r="P42103" t="s">
        <v>86</v>
      </c>
      <c r="Q42103">
        <v>13</v>
      </c>
      <c r="R42103">
        <v>13</v>
      </c>
      <c r="S42103">
        <v>13</v>
      </c>
      <c r="T42103">
        <v>13</v>
      </c>
      <c r="U42103">
        <v>13</v>
      </c>
      <c r="V42103">
        <v>13</v>
      </c>
      <c r="W42103">
        <v>13</v>
      </c>
      <c r="X42103">
        <v>12</v>
      </c>
      <c r="Y42103">
        <v>12</v>
      </c>
      <c r="Z42103">
        <v>12</v>
      </c>
      <c r="AA42103">
        <v>12</v>
      </c>
      <c r="AB42103">
        <v>12</v>
      </c>
      <c r="AC42103">
        <v>12</v>
      </c>
      <c r="AD42103">
        <v>12</v>
      </c>
      <c r="AE42103">
        <v>12</v>
      </c>
      <c r="AF42103">
        <v>12</v>
      </c>
      <c r="AG42103">
        <v>12</v>
      </c>
      <c r="AH42103">
        <v>12</v>
      </c>
      <c r="AI42103">
        <v>12</v>
      </c>
      <c r="AJ42103">
        <v>12</v>
      </c>
      <c r="AK42103">
        <v>12</v>
      </c>
      <c r="AL42103">
        <v>12</v>
      </c>
      <c r="AM42103">
        <v>12</v>
      </c>
      <c r="AN42103">
        <v>12</v>
      </c>
      <c r="AO42103">
        <v>12</v>
      </c>
      <c r="AP42103">
        <v>12</v>
      </c>
      <c r="AQ42103">
        <v>12</v>
      </c>
    </row>
    <row r="42104" spans="1:43">
      <c r="A42104" t="s">
        <v>25863</v>
      </c>
      <c r="B42104" t="s">
        <v>25864</v>
      </c>
      <c r="C42104" t="s">
        <v>15979</v>
      </c>
      <c r="D42104" t="s">
        <v>15980</v>
      </c>
      <c r="E42104" t="s">
        <v>15891</v>
      </c>
      <c r="F42104" t="s">
        <v>15892</v>
      </c>
      <c r="G42104" t="s">
        <v>10734</v>
      </c>
      <c r="H42104" t="s">
        <v>10735</v>
      </c>
      <c r="I42104" s="2">
        <v>1</v>
      </c>
      <c r="J42104" s="2">
        <v>0</v>
      </c>
      <c r="K42104" s="2">
        <v>0</v>
      </c>
      <c r="L42104" t="s">
        <v>120</v>
      </c>
      <c r="M42104" t="s">
        <v>89</v>
      </c>
      <c r="N42104" t="s">
        <v>90</v>
      </c>
      <c r="O42104" t="s">
        <v>85</v>
      </c>
      <c r="P42104" t="s">
        <v>86</v>
      </c>
      <c r="Q42104">
        <v>13</v>
      </c>
      <c r="R42104">
        <v>13</v>
      </c>
      <c r="S42104">
        <v>13</v>
      </c>
      <c r="T42104">
        <v>13</v>
      </c>
      <c r="U42104">
        <v>14</v>
      </c>
      <c r="V42104">
        <v>14</v>
      </c>
      <c r="W42104">
        <v>14</v>
      </c>
      <c r="X42104">
        <v>14</v>
      </c>
      <c r="Y42104">
        <v>14</v>
      </c>
      <c r="Z42104">
        <v>14</v>
      </c>
      <c r="AA42104">
        <v>14</v>
      </c>
      <c r="AB42104">
        <v>15</v>
      </c>
      <c r="AC42104">
        <v>15</v>
      </c>
      <c r="AD42104">
        <v>15</v>
      </c>
      <c r="AE42104">
        <v>15</v>
      </c>
      <c r="AF42104">
        <v>15</v>
      </c>
      <c r="AG42104">
        <v>15</v>
      </c>
      <c r="AH42104">
        <v>15</v>
      </c>
      <c r="AI42104">
        <v>15</v>
      </c>
      <c r="AJ42104">
        <v>15</v>
      </c>
      <c r="AK42104">
        <v>14</v>
      </c>
      <c r="AL42104">
        <v>14</v>
      </c>
      <c r="AM42104">
        <v>14</v>
      </c>
      <c r="AN42104">
        <v>14</v>
      </c>
      <c r="AO42104">
        <v>14</v>
      </c>
      <c r="AP42104">
        <v>14</v>
      </c>
      <c r="AQ42104">
        <v>14</v>
      </c>
    </row>
    <row r="42105" spans="1:43">
      <c r="A42105" t="s">
        <v>25863</v>
      </c>
      <c r="B42105" t="s">
        <v>25864</v>
      </c>
      <c r="C42105" t="s">
        <v>15979</v>
      </c>
      <c r="D42105" t="s">
        <v>15980</v>
      </c>
      <c r="E42105" t="s">
        <v>15891</v>
      </c>
      <c r="F42105" t="s">
        <v>15892</v>
      </c>
      <c r="G42105" t="s">
        <v>10734</v>
      </c>
      <c r="H42105" t="s">
        <v>10735</v>
      </c>
      <c r="I42105" s="2">
        <v>1</v>
      </c>
      <c r="J42105" s="2">
        <v>0</v>
      </c>
      <c r="K42105" s="2">
        <v>0</v>
      </c>
      <c r="L42105" t="s">
        <v>120</v>
      </c>
      <c r="M42105" t="s">
        <v>83</v>
      </c>
      <c r="N42105" t="s">
        <v>91</v>
      </c>
      <c r="O42105" t="s">
        <v>85</v>
      </c>
      <c r="P42105" t="s">
        <v>86</v>
      </c>
      <c r="Q42105">
        <v>13</v>
      </c>
      <c r="R42105">
        <v>13</v>
      </c>
      <c r="S42105">
        <v>13</v>
      </c>
      <c r="T42105">
        <v>13</v>
      </c>
      <c r="U42105">
        <v>13</v>
      </c>
      <c r="V42105">
        <v>13</v>
      </c>
      <c r="W42105">
        <v>13</v>
      </c>
      <c r="X42105">
        <v>13</v>
      </c>
      <c r="Y42105">
        <v>13</v>
      </c>
      <c r="Z42105">
        <v>14</v>
      </c>
      <c r="AA42105">
        <v>14</v>
      </c>
      <c r="AB42105">
        <v>14</v>
      </c>
      <c r="AC42105">
        <v>14</v>
      </c>
      <c r="AD42105">
        <v>14</v>
      </c>
      <c r="AE42105">
        <v>14</v>
      </c>
      <c r="AF42105">
        <v>14</v>
      </c>
      <c r="AG42105">
        <v>14</v>
      </c>
      <c r="AH42105">
        <v>14</v>
      </c>
      <c r="AI42105">
        <v>14</v>
      </c>
      <c r="AJ42105">
        <v>14</v>
      </c>
      <c r="AK42105">
        <v>14</v>
      </c>
      <c r="AL42105">
        <v>14</v>
      </c>
      <c r="AM42105">
        <v>14</v>
      </c>
      <c r="AN42105">
        <v>14</v>
      </c>
      <c r="AO42105">
        <v>14</v>
      </c>
      <c r="AP42105">
        <v>14</v>
      </c>
      <c r="AQ42105">
        <v>14</v>
      </c>
    </row>
    <row r="42106" spans="1:43">
      <c r="A42106" t="s">
        <v>25865</v>
      </c>
      <c r="B42106" t="s">
        <v>25866</v>
      </c>
      <c r="C42106" t="s">
        <v>15979</v>
      </c>
      <c r="D42106" t="s">
        <v>15980</v>
      </c>
      <c r="E42106" t="s">
        <v>15891</v>
      </c>
      <c r="F42106" t="s">
        <v>15892</v>
      </c>
      <c r="G42106" t="s">
        <v>10734</v>
      </c>
      <c r="H42106" t="s">
        <v>10735</v>
      </c>
      <c r="I42106" s="2">
        <v>1</v>
      </c>
      <c r="J42106" s="2">
        <v>0</v>
      </c>
      <c r="K42106" s="2">
        <v>0</v>
      </c>
      <c r="L42106" t="s">
        <v>120</v>
      </c>
      <c r="M42106" t="s">
        <v>83</v>
      </c>
      <c r="N42106" t="s">
        <v>84</v>
      </c>
      <c r="O42106" t="s">
        <v>85</v>
      </c>
      <c r="P42106" t="s">
        <v>86</v>
      </c>
      <c r="Q42106">
        <v>6</v>
      </c>
      <c r="R42106">
        <v>6</v>
      </c>
      <c r="S42106">
        <v>6</v>
      </c>
      <c r="T42106">
        <v>7</v>
      </c>
      <c r="U42106">
        <v>7</v>
      </c>
      <c r="V42106">
        <v>7</v>
      </c>
      <c r="W42106">
        <v>7</v>
      </c>
      <c r="X42106">
        <v>7</v>
      </c>
      <c r="Y42106">
        <v>7</v>
      </c>
      <c r="Z42106">
        <v>7</v>
      </c>
      <c r="AA42106">
        <v>7</v>
      </c>
      <c r="AB42106">
        <v>7</v>
      </c>
      <c r="AC42106">
        <v>7</v>
      </c>
      <c r="AD42106">
        <v>7</v>
      </c>
      <c r="AE42106">
        <v>7</v>
      </c>
      <c r="AF42106">
        <v>7</v>
      </c>
      <c r="AG42106">
        <v>7</v>
      </c>
      <c r="AH42106">
        <v>7</v>
      </c>
      <c r="AI42106">
        <v>7</v>
      </c>
      <c r="AJ42106">
        <v>7</v>
      </c>
      <c r="AK42106">
        <v>7</v>
      </c>
      <c r="AL42106">
        <v>7</v>
      </c>
      <c r="AM42106">
        <v>7</v>
      </c>
      <c r="AN42106">
        <v>7</v>
      </c>
      <c r="AO42106">
        <v>7</v>
      </c>
      <c r="AP42106">
        <v>7</v>
      </c>
      <c r="AQ42106">
        <v>7</v>
      </c>
    </row>
    <row r="42107" spans="1:43">
      <c r="A42107" t="s">
        <v>25865</v>
      </c>
      <c r="B42107" t="s">
        <v>25866</v>
      </c>
      <c r="C42107" t="s">
        <v>15979</v>
      </c>
      <c r="D42107" t="s">
        <v>15980</v>
      </c>
      <c r="E42107" t="s">
        <v>15891</v>
      </c>
      <c r="F42107" t="s">
        <v>15892</v>
      </c>
      <c r="G42107" t="s">
        <v>10734</v>
      </c>
      <c r="H42107" t="s">
        <v>10735</v>
      </c>
      <c r="I42107" s="2">
        <v>1</v>
      </c>
      <c r="J42107" s="2">
        <v>0</v>
      </c>
      <c r="K42107" s="2">
        <v>0</v>
      </c>
      <c r="L42107" t="s">
        <v>120</v>
      </c>
      <c r="M42107" t="s">
        <v>87</v>
      </c>
      <c r="N42107" t="s">
        <v>88</v>
      </c>
      <c r="O42107" t="s">
        <v>85</v>
      </c>
      <c r="P42107" t="s">
        <v>86</v>
      </c>
      <c r="Q42107">
        <v>6</v>
      </c>
      <c r="R42107">
        <v>6</v>
      </c>
      <c r="S42107">
        <v>6</v>
      </c>
      <c r="T42107">
        <v>6</v>
      </c>
      <c r="U42107">
        <v>6</v>
      </c>
      <c r="V42107">
        <v>6</v>
      </c>
      <c r="W42107">
        <v>6</v>
      </c>
      <c r="X42107">
        <v>6</v>
      </c>
      <c r="Y42107">
        <v>6</v>
      </c>
      <c r="Z42107">
        <v>6</v>
      </c>
      <c r="AA42107">
        <v>6</v>
      </c>
      <c r="AB42107">
        <v>6</v>
      </c>
      <c r="AC42107">
        <v>6</v>
      </c>
      <c r="AD42107">
        <v>6</v>
      </c>
      <c r="AE42107">
        <v>6</v>
      </c>
      <c r="AF42107">
        <v>6</v>
      </c>
      <c r="AG42107">
        <v>6</v>
      </c>
      <c r="AH42107">
        <v>6</v>
      </c>
      <c r="AI42107">
        <v>6</v>
      </c>
      <c r="AJ42107">
        <v>6</v>
      </c>
      <c r="AK42107">
        <v>6</v>
      </c>
      <c r="AL42107">
        <v>6</v>
      </c>
      <c r="AM42107">
        <v>6</v>
      </c>
      <c r="AN42107">
        <v>6</v>
      </c>
      <c r="AO42107">
        <v>6</v>
      </c>
      <c r="AP42107">
        <v>6</v>
      </c>
      <c r="AQ42107">
        <v>6</v>
      </c>
    </row>
    <row r="42108" spans="1:43">
      <c r="A42108" t="s">
        <v>25865</v>
      </c>
      <c r="B42108" t="s">
        <v>25866</v>
      </c>
      <c r="C42108" t="s">
        <v>15979</v>
      </c>
      <c r="D42108" t="s">
        <v>15980</v>
      </c>
      <c r="E42108" t="s">
        <v>15891</v>
      </c>
      <c r="F42108" t="s">
        <v>15892</v>
      </c>
      <c r="G42108" t="s">
        <v>10734</v>
      </c>
      <c r="H42108" t="s">
        <v>10735</v>
      </c>
      <c r="I42108" s="2">
        <v>1</v>
      </c>
      <c r="J42108" s="2">
        <v>0</v>
      </c>
      <c r="K42108" s="2">
        <v>0</v>
      </c>
      <c r="L42108" t="s">
        <v>120</v>
      </c>
      <c r="M42108" t="s">
        <v>89</v>
      </c>
      <c r="N42108" t="s">
        <v>90</v>
      </c>
      <c r="O42108" t="s">
        <v>85</v>
      </c>
      <c r="P42108" t="s">
        <v>86</v>
      </c>
      <c r="Q42108">
        <v>6</v>
      </c>
      <c r="R42108">
        <v>7</v>
      </c>
      <c r="S42108">
        <v>7</v>
      </c>
      <c r="T42108">
        <v>7</v>
      </c>
      <c r="U42108">
        <v>7</v>
      </c>
      <c r="V42108">
        <v>7</v>
      </c>
      <c r="W42108">
        <v>7</v>
      </c>
      <c r="X42108">
        <v>7</v>
      </c>
      <c r="Y42108">
        <v>7</v>
      </c>
      <c r="Z42108">
        <v>7</v>
      </c>
      <c r="AA42108">
        <v>7</v>
      </c>
      <c r="AB42108">
        <v>7</v>
      </c>
      <c r="AC42108">
        <v>7</v>
      </c>
      <c r="AD42108">
        <v>7</v>
      </c>
      <c r="AE42108">
        <v>7</v>
      </c>
      <c r="AF42108">
        <v>7</v>
      </c>
      <c r="AG42108">
        <v>7</v>
      </c>
      <c r="AH42108">
        <v>7</v>
      </c>
      <c r="AI42108">
        <v>7</v>
      </c>
      <c r="AJ42108">
        <v>7</v>
      </c>
      <c r="AK42108">
        <v>7</v>
      </c>
      <c r="AL42108">
        <v>7</v>
      </c>
      <c r="AM42108">
        <v>7</v>
      </c>
      <c r="AN42108">
        <v>7</v>
      </c>
      <c r="AO42108">
        <v>7</v>
      </c>
      <c r="AP42108">
        <v>7</v>
      </c>
      <c r="AQ42108">
        <v>7</v>
      </c>
    </row>
    <row r="42109" spans="1:43">
      <c r="A42109" t="s">
        <v>25865</v>
      </c>
      <c r="B42109" t="s">
        <v>25866</v>
      </c>
      <c r="C42109" t="s">
        <v>15979</v>
      </c>
      <c r="D42109" t="s">
        <v>15980</v>
      </c>
      <c r="E42109" t="s">
        <v>15891</v>
      </c>
      <c r="F42109" t="s">
        <v>15892</v>
      </c>
      <c r="G42109" t="s">
        <v>10734</v>
      </c>
      <c r="H42109" t="s">
        <v>10735</v>
      </c>
      <c r="I42109" s="2">
        <v>1</v>
      </c>
      <c r="J42109" s="2">
        <v>0</v>
      </c>
      <c r="K42109" s="2">
        <v>0</v>
      </c>
      <c r="L42109" t="s">
        <v>120</v>
      </c>
      <c r="M42109" t="s">
        <v>83</v>
      </c>
      <c r="N42109" t="s">
        <v>91</v>
      </c>
      <c r="O42109" t="s">
        <v>85</v>
      </c>
      <c r="P42109" t="s">
        <v>86</v>
      </c>
      <c r="Q42109">
        <v>6</v>
      </c>
      <c r="R42109">
        <v>6</v>
      </c>
      <c r="S42109">
        <v>6</v>
      </c>
      <c r="T42109">
        <v>7</v>
      </c>
      <c r="U42109">
        <v>7</v>
      </c>
      <c r="V42109">
        <v>7</v>
      </c>
      <c r="W42109">
        <v>7</v>
      </c>
      <c r="X42109">
        <v>7</v>
      </c>
      <c r="Y42109">
        <v>7</v>
      </c>
      <c r="Z42109">
        <v>7</v>
      </c>
      <c r="AA42109">
        <v>7</v>
      </c>
      <c r="AB42109">
        <v>7</v>
      </c>
      <c r="AC42109">
        <v>7</v>
      </c>
      <c r="AD42109">
        <v>7</v>
      </c>
      <c r="AE42109">
        <v>7</v>
      </c>
      <c r="AF42109">
        <v>7</v>
      </c>
      <c r="AG42109">
        <v>7</v>
      </c>
      <c r="AH42109">
        <v>7</v>
      </c>
      <c r="AI42109">
        <v>7</v>
      </c>
      <c r="AJ42109">
        <v>7</v>
      </c>
      <c r="AK42109">
        <v>7</v>
      </c>
      <c r="AL42109">
        <v>7</v>
      </c>
      <c r="AM42109">
        <v>7</v>
      </c>
      <c r="AN42109">
        <v>7</v>
      </c>
      <c r="AO42109">
        <v>7</v>
      </c>
      <c r="AP42109">
        <v>7</v>
      </c>
      <c r="AQ42109">
        <v>7</v>
      </c>
    </row>
    <row r="42110" spans="1:43">
      <c r="A42110" t="s">
        <v>25867</v>
      </c>
      <c r="B42110" t="s">
        <v>25868</v>
      </c>
      <c r="C42110" t="s">
        <v>15923</v>
      </c>
      <c r="D42110" t="s">
        <v>15924</v>
      </c>
      <c r="E42110" t="s">
        <v>15891</v>
      </c>
      <c r="F42110" t="s">
        <v>15892</v>
      </c>
      <c r="G42110" t="s">
        <v>10734</v>
      </c>
      <c r="H42110" t="s">
        <v>10735</v>
      </c>
      <c r="I42110" s="2">
        <v>1</v>
      </c>
      <c r="J42110" s="2">
        <v>0</v>
      </c>
      <c r="K42110" s="2">
        <v>0</v>
      </c>
      <c r="L42110" t="s">
        <v>120</v>
      </c>
      <c r="M42110" t="s">
        <v>83</v>
      </c>
      <c r="N42110" t="s">
        <v>84</v>
      </c>
      <c r="O42110" t="s">
        <v>85</v>
      </c>
      <c r="P42110" t="s">
        <v>86</v>
      </c>
      <c r="Q42110">
        <v>145</v>
      </c>
      <c r="R42110">
        <v>147</v>
      </c>
      <c r="S42110">
        <v>148</v>
      </c>
      <c r="T42110">
        <v>150</v>
      </c>
      <c r="U42110">
        <v>151</v>
      </c>
      <c r="V42110">
        <v>152</v>
      </c>
      <c r="W42110">
        <v>154</v>
      </c>
      <c r="X42110">
        <v>155</v>
      </c>
      <c r="Y42110">
        <v>157</v>
      </c>
      <c r="Z42110">
        <v>158</v>
      </c>
      <c r="AA42110">
        <v>159</v>
      </c>
      <c r="AB42110">
        <v>160</v>
      </c>
      <c r="AC42110">
        <v>161</v>
      </c>
      <c r="AD42110">
        <v>163</v>
      </c>
      <c r="AE42110">
        <v>164</v>
      </c>
      <c r="AF42110">
        <v>165</v>
      </c>
      <c r="AG42110">
        <v>166</v>
      </c>
      <c r="AH42110">
        <v>167</v>
      </c>
      <c r="AI42110">
        <v>168</v>
      </c>
      <c r="AJ42110">
        <v>170</v>
      </c>
      <c r="AK42110">
        <v>171</v>
      </c>
      <c r="AL42110">
        <v>171</v>
      </c>
      <c r="AM42110">
        <v>171</v>
      </c>
      <c r="AN42110">
        <v>171</v>
      </c>
      <c r="AO42110">
        <v>171</v>
      </c>
      <c r="AP42110">
        <v>171</v>
      </c>
      <c r="AQ42110">
        <v>171</v>
      </c>
    </row>
    <row r="42111" spans="1:43">
      <c r="A42111" t="s">
        <v>25867</v>
      </c>
      <c r="B42111" t="s">
        <v>25868</v>
      </c>
      <c r="C42111" t="s">
        <v>15923</v>
      </c>
      <c r="D42111" t="s">
        <v>15924</v>
      </c>
      <c r="E42111" t="s">
        <v>15891</v>
      </c>
      <c r="F42111" t="s">
        <v>15892</v>
      </c>
      <c r="G42111" t="s">
        <v>10734</v>
      </c>
      <c r="H42111" t="s">
        <v>10735</v>
      </c>
      <c r="I42111" s="2">
        <v>1</v>
      </c>
      <c r="J42111" s="2">
        <v>0</v>
      </c>
      <c r="K42111" s="2">
        <v>0</v>
      </c>
      <c r="L42111" t="s">
        <v>120</v>
      </c>
      <c r="M42111" t="s">
        <v>87</v>
      </c>
      <c r="N42111" t="s">
        <v>88</v>
      </c>
      <c r="O42111" t="s">
        <v>85</v>
      </c>
      <c r="P42111" t="s">
        <v>86</v>
      </c>
      <c r="Q42111">
        <v>145</v>
      </c>
      <c r="R42111">
        <v>145</v>
      </c>
      <c r="S42111">
        <v>145</v>
      </c>
      <c r="T42111">
        <v>145</v>
      </c>
      <c r="U42111">
        <v>145</v>
      </c>
      <c r="V42111">
        <v>145</v>
      </c>
      <c r="W42111">
        <v>146</v>
      </c>
      <c r="X42111">
        <v>146</v>
      </c>
      <c r="Y42111">
        <v>146</v>
      </c>
      <c r="Z42111">
        <v>146</v>
      </c>
      <c r="AA42111">
        <v>146</v>
      </c>
      <c r="AB42111">
        <v>146</v>
      </c>
      <c r="AC42111">
        <v>146</v>
      </c>
      <c r="AD42111">
        <v>147</v>
      </c>
      <c r="AE42111">
        <v>147</v>
      </c>
      <c r="AF42111">
        <v>147</v>
      </c>
      <c r="AG42111">
        <v>147</v>
      </c>
      <c r="AH42111">
        <v>147</v>
      </c>
      <c r="AI42111">
        <v>147</v>
      </c>
      <c r="AJ42111">
        <v>147</v>
      </c>
      <c r="AK42111">
        <v>147</v>
      </c>
      <c r="AL42111">
        <v>147</v>
      </c>
      <c r="AM42111">
        <v>148</v>
      </c>
      <c r="AN42111">
        <v>148</v>
      </c>
      <c r="AO42111">
        <v>148</v>
      </c>
      <c r="AP42111">
        <v>148</v>
      </c>
      <c r="AQ42111">
        <v>148</v>
      </c>
    </row>
    <row r="42112" spans="1:43">
      <c r="A42112" t="s">
        <v>25867</v>
      </c>
      <c r="B42112" t="s">
        <v>25868</v>
      </c>
      <c r="C42112" t="s">
        <v>15923</v>
      </c>
      <c r="D42112" t="s">
        <v>15924</v>
      </c>
      <c r="E42112" t="s">
        <v>15891</v>
      </c>
      <c r="F42112" t="s">
        <v>15892</v>
      </c>
      <c r="G42112" t="s">
        <v>10734</v>
      </c>
      <c r="H42112" t="s">
        <v>10735</v>
      </c>
      <c r="I42112" s="2">
        <v>1</v>
      </c>
      <c r="J42112" s="2">
        <v>0</v>
      </c>
      <c r="K42112" s="2">
        <v>0</v>
      </c>
      <c r="L42112" t="s">
        <v>120</v>
      </c>
      <c r="M42112" t="s">
        <v>89</v>
      </c>
      <c r="N42112" t="s">
        <v>90</v>
      </c>
      <c r="O42112" t="s">
        <v>85</v>
      </c>
      <c r="P42112" t="s">
        <v>86</v>
      </c>
      <c r="Q42112">
        <v>145</v>
      </c>
      <c r="R42112">
        <v>148</v>
      </c>
      <c r="S42112">
        <v>151</v>
      </c>
      <c r="T42112">
        <v>153</v>
      </c>
      <c r="U42112">
        <v>156</v>
      </c>
      <c r="V42112">
        <v>158</v>
      </c>
      <c r="W42112">
        <v>160</v>
      </c>
      <c r="X42112">
        <v>162</v>
      </c>
      <c r="Y42112">
        <v>164</v>
      </c>
      <c r="Z42112">
        <v>166</v>
      </c>
      <c r="AA42112">
        <v>168</v>
      </c>
      <c r="AB42112">
        <v>170</v>
      </c>
      <c r="AC42112">
        <v>172</v>
      </c>
      <c r="AD42112">
        <v>173</v>
      </c>
      <c r="AE42112">
        <v>174</v>
      </c>
      <c r="AF42112">
        <v>174</v>
      </c>
      <c r="AG42112">
        <v>174</v>
      </c>
      <c r="AH42112">
        <v>174</v>
      </c>
      <c r="AI42112">
        <v>174</v>
      </c>
      <c r="AJ42112">
        <v>174</v>
      </c>
      <c r="AK42112">
        <v>174</v>
      </c>
      <c r="AL42112">
        <v>174</v>
      </c>
      <c r="AM42112">
        <v>173</v>
      </c>
      <c r="AN42112">
        <v>173</v>
      </c>
      <c r="AO42112">
        <v>173</v>
      </c>
      <c r="AP42112">
        <v>173</v>
      </c>
      <c r="AQ42112">
        <v>173</v>
      </c>
    </row>
    <row r="42113" spans="1:43">
      <c r="A42113" t="s">
        <v>25867</v>
      </c>
      <c r="B42113" t="s">
        <v>25868</v>
      </c>
      <c r="C42113" t="s">
        <v>15923</v>
      </c>
      <c r="D42113" t="s">
        <v>15924</v>
      </c>
      <c r="E42113" t="s">
        <v>15891</v>
      </c>
      <c r="F42113" t="s">
        <v>15892</v>
      </c>
      <c r="G42113" t="s">
        <v>10734</v>
      </c>
      <c r="H42113" t="s">
        <v>10735</v>
      </c>
      <c r="I42113" s="2">
        <v>1</v>
      </c>
      <c r="J42113" s="2">
        <v>0</v>
      </c>
      <c r="K42113" s="2">
        <v>0</v>
      </c>
      <c r="L42113" t="s">
        <v>120</v>
      </c>
      <c r="M42113" t="s">
        <v>83</v>
      </c>
      <c r="N42113" t="s">
        <v>91</v>
      </c>
      <c r="O42113" t="s">
        <v>85</v>
      </c>
      <c r="P42113" t="s">
        <v>86</v>
      </c>
      <c r="Q42113">
        <v>145</v>
      </c>
      <c r="R42113">
        <v>147</v>
      </c>
      <c r="S42113">
        <v>148</v>
      </c>
      <c r="T42113">
        <v>150</v>
      </c>
      <c r="U42113">
        <v>151</v>
      </c>
      <c r="V42113">
        <v>152</v>
      </c>
      <c r="W42113">
        <v>154</v>
      </c>
      <c r="X42113">
        <v>155</v>
      </c>
      <c r="Y42113">
        <v>157</v>
      </c>
      <c r="Z42113">
        <v>158</v>
      </c>
      <c r="AA42113">
        <v>159</v>
      </c>
      <c r="AB42113">
        <v>160</v>
      </c>
      <c r="AC42113">
        <v>161</v>
      </c>
      <c r="AD42113">
        <v>163</v>
      </c>
      <c r="AE42113">
        <v>164</v>
      </c>
      <c r="AF42113">
        <v>165</v>
      </c>
      <c r="AG42113">
        <v>166</v>
      </c>
      <c r="AH42113">
        <v>167</v>
      </c>
      <c r="AI42113">
        <v>168</v>
      </c>
      <c r="AJ42113">
        <v>170</v>
      </c>
      <c r="AK42113">
        <v>171</v>
      </c>
      <c r="AL42113">
        <v>171</v>
      </c>
      <c r="AM42113">
        <v>171</v>
      </c>
      <c r="AN42113">
        <v>171</v>
      </c>
      <c r="AO42113">
        <v>171</v>
      </c>
      <c r="AP42113">
        <v>171</v>
      </c>
      <c r="AQ42113">
        <v>171</v>
      </c>
    </row>
    <row r="42114" spans="1:43">
      <c r="A42114" t="s">
        <v>25869</v>
      </c>
      <c r="B42114" t="s">
        <v>25870</v>
      </c>
      <c r="C42114" t="s">
        <v>15923</v>
      </c>
      <c r="D42114" t="s">
        <v>15924</v>
      </c>
      <c r="E42114" t="s">
        <v>15891</v>
      </c>
      <c r="F42114" t="s">
        <v>15892</v>
      </c>
      <c r="G42114" t="s">
        <v>10734</v>
      </c>
      <c r="H42114" t="s">
        <v>10735</v>
      </c>
      <c r="I42114" s="2">
        <v>1</v>
      </c>
      <c r="J42114" s="2">
        <v>0</v>
      </c>
      <c r="K42114" s="2">
        <v>0</v>
      </c>
      <c r="L42114" t="s">
        <v>120</v>
      </c>
      <c r="M42114" t="s">
        <v>83</v>
      </c>
      <c r="N42114" t="s">
        <v>84</v>
      </c>
      <c r="O42114" t="s">
        <v>85</v>
      </c>
      <c r="P42114" t="s">
        <v>86</v>
      </c>
      <c r="Q42114">
        <v>11</v>
      </c>
      <c r="R42114">
        <v>11</v>
      </c>
      <c r="S42114">
        <v>11</v>
      </c>
      <c r="T42114">
        <v>11</v>
      </c>
      <c r="U42114">
        <v>12</v>
      </c>
      <c r="V42114">
        <v>12</v>
      </c>
      <c r="W42114">
        <v>12</v>
      </c>
      <c r="X42114">
        <v>12</v>
      </c>
      <c r="Y42114">
        <v>12</v>
      </c>
      <c r="Z42114">
        <v>12</v>
      </c>
      <c r="AA42114">
        <v>12</v>
      </c>
      <c r="AB42114">
        <v>12</v>
      </c>
      <c r="AC42114">
        <v>12</v>
      </c>
      <c r="AD42114">
        <v>12</v>
      </c>
      <c r="AE42114">
        <v>12</v>
      </c>
      <c r="AF42114">
        <v>13</v>
      </c>
      <c r="AG42114">
        <v>13</v>
      </c>
      <c r="AH42114">
        <v>13</v>
      </c>
      <c r="AI42114">
        <v>13</v>
      </c>
      <c r="AJ42114">
        <v>13</v>
      </c>
      <c r="AK42114">
        <v>13</v>
      </c>
      <c r="AL42114">
        <v>13</v>
      </c>
      <c r="AM42114">
        <v>13</v>
      </c>
      <c r="AN42114">
        <v>13</v>
      </c>
      <c r="AO42114">
        <v>13</v>
      </c>
      <c r="AP42114">
        <v>13</v>
      </c>
      <c r="AQ42114">
        <v>13</v>
      </c>
    </row>
    <row r="42115" spans="1:43">
      <c r="A42115" t="s">
        <v>25869</v>
      </c>
      <c r="B42115" t="s">
        <v>25870</v>
      </c>
      <c r="C42115" t="s">
        <v>15923</v>
      </c>
      <c r="D42115" t="s">
        <v>15924</v>
      </c>
      <c r="E42115" t="s">
        <v>15891</v>
      </c>
      <c r="F42115" t="s">
        <v>15892</v>
      </c>
      <c r="G42115" t="s">
        <v>10734</v>
      </c>
      <c r="H42115" t="s">
        <v>10735</v>
      </c>
      <c r="I42115" s="2">
        <v>1</v>
      </c>
      <c r="J42115" s="2">
        <v>0</v>
      </c>
      <c r="K42115" s="2">
        <v>0</v>
      </c>
      <c r="L42115" t="s">
        <v>120</v>
      </c>
      <c r="M42115" t="s">
        <v>87</v>
      </c>
      <c r="N42115" t="s">
        <v>88</v>
      </c>
      <c r="O42115" t="s">
        <v>85</v>
      </c>
      <c r="P42115" t="s">
        <v>86</v>
      </c>
      <c r="Q42115">
        <v>11</v>
      </c>
      <c r="R42115">
        <v>11</v>
      </c>
      <c r="S42115">
        <v>11</v>
      </c>
      <c r="T42115">
        <v>11</v>
      </c>
      <c r="U42115">
        <v>11</v>
      </c>
      <c r="V42115">
        <v>11</v>
      </c>
      <c r="W42115">
        <v>11</v>
      </c>
      <c r="X42115">
        <v>11</v>
      </c>
      <c r="Y42115">
        <v>11</v>
      </c>
      <c r="Z42115">
        <v>11</v>
      </c>
      <c r="AA42115">
        <v>11</v>
      </c>
      <c r="AB42115">
        <v>11</v>
      </c>
      <c r="AC42115">
        <v>11</v>
      </c>
      <c r="AD42115">
        <v>11</v>
      </c>
      <c r="AE42115">
        <v>11</v>
      </c>
      <c r="AF42115">
        <v>11</v>
      </c>
      <c r="AG42115">
        <v>11</v>
      </c>
      <c r="AH42115">
        <v>11</v>
      </c>
      <c r="AI42115">
        <v>11</v>
      </c>
      <c r="AJ42115">
        <v>11</v>
      </c>
      <c r="AK42115">
        <v>11</v>
      </c>
      <c r="AL42115">
        <v>11</v>
      </c>
      <c r="AM42115">
        <v>11</v>
      </c>
      <c r="AN42115">
        <v>11</v>
      </c>
      <c r="AO42115">
        <v>11</v>
      </c>
      <c r="AP42115">
        <v>11</v>
      </c>
      <c r="AQ42115">
        <v>11</v>
      </c>
    </row>
    <row r="42116" spans="1:43">
      <c r="A42116" t="s">
        <v>25869</v>
      </c>
      <c r="B42116" t="s">
        <v>25870</v>
      </c>
      <c r="C42116" t="s">
        <v>15923</v>
      </c>
      <c r="D42116" t="s">
        <v>15924</v>
      </c>
      <c r="E42116" t="s">
        <v>15891</v>
      </c>
      <c r="F42116" t="s">
        <v>15892</v>
      </c>
      <c r="G42116" t="s">
        <v>10734</v>
      </c>
      <c r="H42116" t="s">
        <v>10735</v>
      </c>
      <c r="I42116" s="2">
        <v>1</v>
      </c>
      <c r="J42116" s="2">
        <v>0</v>
      </c>
      <c r="K42116" s="2">
        <v>0</v>
      </c>
      <c r="L42116" t="s">
        <v>120</v>
      </c>
      <c r="M42116" t="s">
        <v>89</v>
      </c>
      <c r="N42116" t="s">
        <v>90</v>
      </c>
      <c r="O42116" t="s">
        <v>85</v>
      </c>
      <c r="P42116" t="s">
        <v>86</v>
      </c>
      <c r="Q42116">
        <v>11</v>
      </c>
      <c r="R42116">
        <v>11</v>
      </c>
      <c r="S42116">
        <v>12</v>
      </c>
      <c r="T42116">
        <v>12</v>
      </c>
      <c r="U42116">
        <v>12</v>
      </c>
      <c r="V42116">
        <v>12</v>
      </c>
      <c r="W42116">
        <v>12</v>
      </c>
      <c r="X42116">
        <v>12</v>
      </c>
      <c r="Y42116">
        <v>13</v>
      </c>
      <c r="Z42116">
        <v>13</v>
      </c>
      <c r="AA42116">
        <v>13</v>
      </c>
      <c r="AB42116">
        <v>13</v>
      </c>
      <c r="AC42116">
        <v>13</v>
      </c>
      <c r="AD42116">
        <v>13</v>
      </c>
      <c r="AE42116">
        <v>13</v>
      </c>
      <c r="AF42116">
        <v>13</v>
      </c>
      <c r="AG42116">
        <v>13</v>
      </c>
      <c r="AH42116">
        <v>13</v>
      </c>
      <c r="AI42116">
        <v>13</v>
      </c>
      <c r="AJ42116">
        <v>13</v>
      </c>
      <c r="AK42116">
        <v>13</v>
      </c>
      <c r="AL42116">
        <v>13</v>
      </c>
      <c r="AM42116">
        <v>13</v>
      </c>
      <c r="AN42116">
        <v>13</v>
      </c>
      <c r="AO42116">
        <v>13</v>
      </c>
      <c r="AP42116">
        <v>13</v>
      </c>
      <c r="AQ42116">
        <v>13</v>
      </c>
    </row>
    <row r="42117" spans="1:43">
      <c r="A42117" t="s">
        <v>25869</v>
      </c>
      <c r="B42117" t="s">
        <v>25870</v>
      </c>
      <c r="C42117" t="s">
        <v>15923</v>
      </c>
      <c r="D42117" t="s">
        <v>15924</v>
      </c>
      <c r="E42117" t="s">
        <v>15891</v>
      </c>
      <c r="F42117" t="s">
        <v>15892</v>
      </c>
      <c r="G42117" t="s">
        <v>10734</v>
      </c>
      <c r="H42117" t="s">
        <v>10735</v>
      </c>
      <c r="I42117" s="2">
        <v>1</v>
      </c>
      <c r="J42117" s="2">
        <v>0</v>
      </c>
      <c r="K42117" s="2">
        <v>0</v>
      </c>
      <c r="L42117" t="s">
        <v>120</v>
      </c>
      <c r="M42117" t="s">
        <v>83</v>
      </c>
      <c r="N42117" t="s">
        <v>91</v>
      </c>
      <c r="O42117" t="s">
        <v>85</v>
      </c>
      <c r="P42117" t="s">
        <v>86</v>
      </c>
      <c r="Q42117">
        <v>11</v>
      </c>
      <c r="R42117">
        <v>11</v>
      </c>
      <c r="S42117">
        <v>11</v>
      </c>
      <c r="T42117">
        <v>11</v>
      </c>
      <c r="U42117">
        <v>12</v>
      </c>
      <c r="V42117">
        <v>12</v>
      </c>
      <c r="W42117">
        <v>12</v>
      </c>
      <c r="X42117">
        <v>12</v>
      </c>
      <c r="Y42117">
        <v>12</v>
      </c>
      <c r="Z42117">
        <v>12</v>
      </c>
      <c r="AA42117">
        <v>12</v>
      </c>
      <c r="AB42117">
        <v>12</v>
      </c>
      <c r="AC42117">
        <v>12</v>
      </c>
      <c r="AD42117">
        <v>12</v>
      </c>
      <c r="AE42117">
        <v>12</v>
      </c>
      <c r="AF42117">
        <v>13</v>
      </c>
      <c r="AG42117">
        <v>13</v>
      </c>
      <c r="AH42117">
        <v>13</v>
      </c>
      <c r="AI42117">
        <v>13</v>
      </c>
      <c r="AJ42117">
        <v>13</v>
      </c>
      <c r="AK42117">
        <v>13</v>
      </c>
      <c r="AL42117">
        <v>13</v>
      </c>
      <c r="AM42117">
        <v>13</v>
      </c>
      <c r="AN42117">
        <v>13</v>
      </c>
      <c r="AO42117">
        <v>13</v>
      </c>
      <c r="AP42117">
        <v>13</v>
      </c>
      <c r="AQ42117">
        <v>13</v>
      </c>
    </row>
    <row r="42118" spans="1:43">
      <c r="A42118" t="s">
        <v>25871</v>
      </c>
      <c r="B42118" t="s">
        <v>25872</v>
      </c>
      <c r="C42118" t="s">
        <v>11010</v>
      </c>
      <c r="D42118" t="s">
        <v>11011</v>
      </c>
      <c r="E42118" t="s">
        <v>10982</v>
      </c>
      <c r="F42118" t="s">
        <v>10983</v>
      </c>
      <c r="G42118" t="s">
        <v>10734</v>
      </c>
      <c r="H42118" t="s">
        <v>10735</v>
      </c>
      <c r="I42118" s="2">
        <v>1</v>
      </c>
      <c r="J42118" s="2">
        <v>0</v>
      </c>
      <c r="K42118" s="2">
        <v>0</v>
      </c>
      <c r="L42118" t="s">
        <v>120</v>
      </c>
      <c r="M42118" t="s">
        <v>83</v>
      </c>
      <c r="N42118" t="s">
        <v>84</v>
      </c>
      <c r="O42118" t="s">
        <v>85</v>
      </c>
      <c r="P42118" t="s">
        <v>86</v>
      </c>
      <c r="Q42118">
        <v>0</v>
      </c>
      <c r="R42118">
        <v>0</v>
      </c>
      <c r="S42118">
        <v>0</v>
      </c>
      <c r="T42118">
        <v>0</v>
      </c>
      <c r="U42118">
        <v>0</v>
      </c>
      <c r="V42118">
        <v>0</v>
      </c>
      <c r="W42118">
        <v>0</v>
      </c>
      <c r="X42118">
        <v>0</v>
      </c>
      <c r="Y42118">
        <v>0</v>
      </c>
      <c r="Z42118">
        <v>0</v>
      </c>
      <c r="AA42118">
        <v>0</v>
      </c>
      <c r="AB42118">
        <v>0</v>
      </c>
      <c r="AC42118">
        <v>0</v>
      </c>
      <c r="AD42118">
        <v>0</v>
      </c>
      <c r="AE42118">
        <v>0</v>
      </c>
      <c r="AF42118">
        <v>0</v>
      </c>
      <c r="AG42118">
        <v>0</v>
      </c>
      <c r="AH42118">
        <v>0</v>
      </c>
      <c r="AI42118">
        <v>0</v>
      </c>
      <c r="AJ42118">
        <v>0</v>
      </c>
      <c r="AK42118">
        <v>0</v>
      </c>
      <c r="AL42118">
        <v>0</v>
      </c>
      <c r="AM42118">
        <v>0</v>
      </c>
      <c r="AN42118">
        <v>0</v>
      </c>
      <c r="AO42118">
        <v>0</v>
      </c>
      <c r="AP42118">
        <v>0</v>
      </c>
      <c r="AQ42118">
        <v>0</v>
      </c>
    </row>
    <row r="42119" spans="1:43">
      <c r="A42119" t="s">
        <v>25871</v>
      </c>
      <c r="B42119" t="s">
        <v>25872</v>
      </c>
      <c r="C42119" t="s">
        <v>11010</v>
      </c>
      <c r="D42119" t="s">
        <v>11011</v>
      </c>
      <c r="E42119" t="s">
        <v>10982</v>
      </c>
      <c r="F42119" t="s">
        <v>10983</v>
      </c>
      <c r="G42119" t="s">
        <v>10734</v>
      </c>
      <c r="H42119" t="s">
        <v>10735</v>
      </c>
      <c r="I42119" s="2">
        <v>1</v>
      </c>
      <c r="J42119" s="2">
        <v>0</v>
      </c>
      <c r="K42119" s="2">
        <v>0</v>
      </c>
      <c r="L42119" t="s">
        <v>120</v>
      </c>
      <c r="M42119" t="s">
        <v>87</v>
      </c>
      <c r="N42119" t="s">
        <v>88</v>
      </c>
      <c r="O42119" t="s">
        <v>85</v>
      </c>
      <c r="P42119" t="s">
        <v>86</v>
      </c>
      <c r="Q42119">
        <v>0</v>
      </c>
      <c r="R42119">
        <v>0</v>
      </c>
      <c r="S42119">
        <v>0</v>
      </c>
      <c r="T42119">
        <v>0</v>
      </c>
      <c r="U42119">
        <v>0</v>
      </c>
      <c r="V42119">
        <v>0</v>
      </c>
      <c r="W42119">
        <v>0</v>
      </c>
      <c r="X42119">
        <v>0</v>
      </c>
      <c r="Y42119">
        <v>0</v>
      </c>
      <c r="Z42119">
        <v>0</v>
      </c>
      <c r="AA42119">
        <v>0</v>
      </c>
      <c r="AB42119">
        <v>0</v>
      </c>
      <c r="AC42119">
        <v>0</v>
      </c>
      <c r="AD42119">
        <v>0</v>
      </c>
      <c r="AE42119">
        <v>0</v>
      </c>
      <c r="AF42119">
        <v>0</v>
      </c>
      <c r="AG42119">
        <v>0</v>
      </c>
      <c r="AH42119">
        <v>0</v>
      </c>
      <c r="AI42119">
        <v>0</v>
      </c>
      <c r="AJ42119">
        <v>0</v>
      </c>
      <c r="AK42119">
        <v>0</v>
      </c>
      <c r="AL42119">
        <v>0</v>
      </c>
      <c r="AM42119">
        <v>0</v>
      </c>
      <c r="AN42119">
        <v>0</v>
      </c>
      <c r="AO42119">
        <v>0</v>
      </c>
      <c r="AP42119">
        <v>0</v>
      </c>
      <c r="AQ42119">
        <v>0</v>
      </c>
    </row>
    <row r="42120" spans="1:43">
      <c r="A42120" t="s">
        <v>25871</v>
      </c>
      <c r="B42120" t="s">
        <v>25872</v>
      </c>
      <c r="C42120" t="s">
        <v>11010</v>
      </c>
      <c r="D42120" t="s">
        <v>11011</v>
      </c>
      <c r="E42120" t="s">
        <v>10982</v>
      </c>
      <c r="F42120" t="s">
        <v>10983</v>
      </c>
      <c r="G42120" t="s">
        <v>10734</v>
      </c>
      <c r="H42120" t="s">
        <v>10735</v>
      </c>
      <c r="I42120" s="2">
        <v>1</v>
      </c>
      <c r="J42120" s="2">
        <v>0</v>
      </c>
      <c r="K42120" s="2">
        <v>0</v>
      </c>
      <c r="L42120" t="s">
        <v>120</v>
      </c>
      <c r="M42120" t="s">
        <v>89</v>
      </c>
      <c r="N42120" t="s">
        <v>90</v>
      </c>
      <c r="O42120" t="s">
        <v>85</v>
      </c>
      <c r="P42120" t="s">
        <v>86</v>
      </c>
      <c r="Q42120">
        <v>0</v>
      </c>
      <c r="R42120">
        <v>0</v>
      </c>
      <c r="S42120">
        <v>0</v>
      </c>
      <c r="T42120">
        <v>0</v>
      </c>
      <c r="U42120">
        <v>0</v>
      </c>
      <c r="V42120">
        <v>0</v>
      </c>
      <c r="W42120">
        <v>0</v>
      </c>
      <c r="X42120">
        <v>0</v>
      </c>
      <c r="Y42120">
        <v>0</v>
      </c>
      <c r="Z42120">
        <v>0</v>
      </c>
      <c r="AA42120">
        <v>0</v>
      </c>
      <c r="AB42120">
        <v>0</v>
      </c>
      <c r="AC42120">
        <v>0</v>
      </c>
      <c r="AD42120">
        <v>0</v>
      </c>
      <c r="AE42120">
        <v>0</v>
      </c>
      <c r="AF42120">
        <v>0</v>
      </c>
      <c r="AG42120">
        <v>0</v>
      </c>
      <c r="AH42120">
        <v>0</v>
      </c>
      <c r="AI42120">
        <v>0</v>
      </c>
      <c r="AJ42120">
        <v>0</v>
      </c>
      <c r="AK42120">
        <v>0</v>
      </c>
      <c r="AL42120">
        <v>0</v>
      </c>
      <c r="AM42120">
        <v>0</v>
      </c>
      <c r="AN42120">
        <v>0</v>
      </c>
      <c r="AO42120">
        <v>0</v>
      </c>
      <c r="AP42120">
        <v>0</v>
      </c>
      <c r="AQ42120">
        <v>0</v>
      </c>
    </row>
    <row r="42121" spans="1:43">
      <c r="A42121" t="s">
        <v>25871</v>
      </c>
      <c r="B42121" t="s">
        <v>25872</v>
      </c>
      <c r="C42121" t="s">
        <v>11010</v>
      </c>
      <c r="D42121" t="s">
        <v>11011</v>
      </c>
      <c r="E42121" t="s">
        <v>10982</v>
      </c>
      <c r="F42121" t="s">
        <v>10983</v>
      </c>
      <c r="G42121" t="s">
        <v>10734</v>
      </c>
      <c r="H42121" t="s">
        <v>10735</v>
      </c>
      <c r="I42121" s="2">
        <v>1</v>
      </c>
      <c r="J42121" s="2">
        <v>0</v>
      </c>
      <c r="K42121" s="2">
        <v>0</v>
      </c>
      <c r="L42121" t="s">
        <v>120</v>
      </c>
      <c r="M42121" t="s">
        <v>83</v>
      </c>
      <c r="N42121" t="s">
        <v>91</v>
      </c>
      <c r="O42121" t="s">
        <v>85</v>
      </c>
      <c r="P42121" t="s">
        <v>86</v>
      </c>
      <c r="Q42121">
        <v>0</v>
      </c>
      <c r="R42121">
        <v>0</v>
      </c>
      <c r="S42121">
        <v>0</v>
      </c>
      <c r="T42121">
        <v>0</v>
      </c>
      <c r="U42121">
        <v>0</v>
      </c>
      <c r="V42121">
        <v>0</v>
      </c>
      <c r="W42121">
        <v>0</v>
      </c>
      <c r="X42121">
        <v>0</v>
      </c>
      <c r="Y42121">
        <v>0</v>
      </c>
      <c r="Z42121">
        <v>0</v>
      </c>
      <c r="AA42121">
        <v>0</v>
      </c>
      <c r="AB42121">
        <v>0</v>
      </c>
      <c r="AC42121">
        <v>0</v>
      </c>
      <c r="AD42121">
        <v>0</v>
      </c>
      <c r="AE42121">
        <v>0</v>
      </c>
      <c r="AF42121">
        <v>0</v>
      </c>
      <c r="AG42121">
        <v>0</v>
      </c>
      <c r="AH42121">
        <v>0</v>
      </c>
      <c r="AI42121">
        <v>0</v>
      </c>
      <c r="AJ42121">
        <v>0</v>
      </c>
      <c r="AK42121">
        <v>0</v>
      </c>
      <c r="AL42121">
        <v>0</v>
      </c>
      <c r="AM42121">
        <v>0</v>
      </c>
      <c r="AN42121">
        <v>0</v>
      </c>
      <c r="AO42121">
        <v>0</v>
      </c>
      <c r="AP42121">
        <v>0</v>
      </c>
      <c r="AQ42121">
        <v>0</v>
      </c>
    </row>
    <row r="42122" spans="1:43">
      <c r="A42122" t="s">
        <v>25873</v>
      </c>
      <c r="B42122" t="s">
        <v>25874</v>
      </c>
      <c r="C42122" t="s">
        <v>11010</v>
      </c>
      <c r="D42122" t="s">
        <v>11011</v>
      </c>
      <c r="E42122" t="s">
        <v>10982</v>
      </c>
      <c r="F42122" t="s">
        <v>10983</v>
      </c>
      <c r="G42122" t="s">
        <v>10734</v>
      </c>
      <c r="H42122" t="s">
        <v>10735</v>
      </c>
      <c r="I42122" s="2">
        <v>1</v>
      </c>
      <c r="J42122" s="2">
        <v>0</v>
      </c>
      <c r="K42122" s="2">
        <v>0</v>
      </c>
      <c r="L42122" t="s">
        <v>120</v>
      </c>
      <c r="M42122" t="s">
        <v>83</v>
      </c>
      <c r="N42122" t="s">
        <v>84</v>
      </c>
      <c r="O42122" t="s">
        <v>85</v>
      </c>
      <c r="P42122" t="s">
        <v>86</v>
      </c>
      <c r="Q42122">
        <v>25</v>
      </c>
      <c r="R42122">
        <v>26</v>
      </c>
      <c r="S42122">
        <v>26</v>
      </c>
      <c r="T42122">
        <v>27</v>
      </c>
      <c r="U42122">
        <v>27</v>
      </c>
      <c r="V42122">
        <v>28</v>
      </c>
      <c r="W42122">
        <v>28</v>
      </c>
      <c r="X42122">
        <v>29</v>
      </c>
      <c r="Y42122">
        <v>30</v>
      </c>
      <c r="Z42122">
        <v>30</v>
      </c>
      <c r="AA42122">
        <v>31</v>
      </c>
      <c r="AB42122">
        <v>31</v>
      </c>
      <c r="AC42122">
        <v>32</v>
      </c>
      <c r="AD42122">
        <v>33</v>
      </c>
      <c r="AE42122">
        <v>33</v>
      </c>
      <c r="AF42122">
        <v>34</v>
      </c>
      <c r="AG42122">
        <v>35</v>
      </c>
      <c r="AH42122">
        <v>35</v>
      </c>
      <c r="AI42122">
        <v>36</v>
      </c>
      <c r="AJ42122">
        <v>37</v>
      </c>
      <c r="AK42122">
        <v>37</v>
      </c>
      <c r="AL42122">
        <v>38</v>
      </c>
      <c r="AM42122">
        <v>38</v>
      </c>
      <c r="AN42122">
        <v>39</v>
      </c>
      <c r="AO42122">
        <v>39</v>
      </c>
      <c r="AP42122">
        <v>39</v>
      </c>
      <c r="AQ42122">
        <v>40</v>
      </c>
    </row>
    <row r="42123" spans="1:43">
      <c r="A42123" t="s">
        <v>25873</v>
      </c>
      <c r="B42123" t="s">
        <v>25874</v>
      </c>
      <c r="C42123" t="s">
        <v>11010</v>
      </c>
      <c r="D42123" t="s">
        <v>11011</v>
      </c>
      <c r="E42123" t="s">
        <v>10982</v>
      </c>
      <c r="F42123" t="s">
        <v>10983</v>
      </c>
      <c r="G42123" t="s">
        <v>10734</v>
      </c>
      <c r="H42123" t="s">
        <v>10735</v>
      </c>
      <c r="I42123" s="2">
        <v>1</v>
      </c>
      <c r="J42123" s="2">
        <v>0</v>
      </c>
      <c r="K42123" s="2">
        <v>0</v>
      </c>
      <c r="L42123" t="s">
        <v>120</v>
      </c>
      <c r="M42123" t="s">
        <v>87</v>
      </c>
      <c r="N42123" t="s">
        <v>88</v>
      </c>
      <c r="O42123" t="s">
        <v>85</v>
      </c>
      <c r="P42123" t="s">
        <v>86</v>
      </c>
      <c r="Q42123">
        <v>25</v>
      </c>
      <c r="R42123">
        <v>25</v>
      </c>
      <c r="S42123">
        <v>25</v>
      </c>
      <c r="T42123">
        <v>26</v>
      </c>
      <c r="U42123">
        <v>26</v>
      </c>
      <c r="V42123">
        <v>26</v>
      </c>
      <c r="W42123">
        <v>27</v>
      </c>
      <c r="X42123">
        <v>27</v>
      </c>
      <c r="Y42123">
        <v>27</v>
      </c>
      <c r="Z42123">
        <v>28</v>
      </c>
      <c r="AA42123">
        <v>28</v>
      </c>
      <c r="AB42123">
        <v>28</v>
      </c>
      <c r="AC42123">
        <v>29</v>
      </c>
      <c r="AD42123">
        <v>29</v>
      </c>
      <c r="AE42123">
        <v>30</v>
      </c>
      <c r="AF42123">
        <v>30</v>
      </c>
      <c r="AG42123">
        <v>30</v>
      </c>
      <c r="AH42123">
        <v>31</v>
      </c>
      <c r="AI42123">
        <v>31</v>
      </c>
      <c r="AJ42123">
        <v>32</v>
      </c>
      <c r="AK42123">
        <v>32</v>
      </c>
      <c r="AL42123">
        <v>32</v>
      </c>
      <c r="AM42123">
        <v>33</v>
      </c>
      <c r="AN42123">
        <v>33</v>
      </c>
      <c r="AO42123">
        <v>34</v>
      </c>
      <c r="AP42123">
        <v>34</v>
      </c>
      <c r="AQ42123">
        <v>35</v>
      </c>
    </row>
    <row r="42124" spans="1:43">
      <c r="A42124" t="s">
        <v>25873</v>
      </c>
      <c r="B42124" t="s">
        <v>25874</v>
      </c>
      <c r="C42124" t="s">
        <v>11010</v>
      </c>
      <c r="D42124" t="s">
        <v>11011</v>
      </c>
      <c r="E42124" t="s">
        <v>10982</v>
      </c>
      <c r="F42124" t="s">
        <v>10983</v>
      </c>
      <c r="G42124" t="s">
        <v>10734</v>
      </c>
      <c r="H42124" t="s">
        <v>10735</v>
      </c>
      <c r="I42124" s="2">
        <v>1</v>
      </c>
      <c r="J42124" s="2">
        <v>0</v>
      </c>
      <c r="K42124" s="2">
        <v>0</v>
      </c>
      <c r="L42124" t="s">
        <v>120</v>
      </c>
      <c r="M42124" t="s">
        <v>89</v>
      </c>
      <c r="N42124" t="s">
        <v>90</v>
      </c>
      <c r="O42124" t="s">
        <v>85</v>
      </c>
      <c r="P42124" t="s">
        <v>86</v>
      </c>
      <c r="Q42124">
        <v>25</v>
      </c>
      <c r="R42124">
        <v>26</v>
      </c>
      <c r="S42124">
        <v>27</v>
      </c>
      <c r="T42124">
        <v>28</v>
      </c>
      <c r="U42124">
        <v>28</v>
      </c>
      <c r="V42124">
        <v>29</v>
      </c>
      <c r="W42124">
        <v>30</v>
      </c>
      <c r="X42124">
        <v>31</v>
      </c>
      <c r="Y42124">
        <v>31</v>
      </c>
      <c r="Z42124">
        <v>32</v>
      </c>
      <c r="AA42124">
        <v>33</v>
      </c>
      <c r="AB42124">
        <v>33</v>
      </c>
      <c r="AC42124">
        <v>34</v>
      </c>
      <c r="AD42124">
        <v>35</v>
      </c>
      <c r="AE42124">
        <v>36</v>
      </c>
      <c r="AF42124">
        <v>36</v>
      </c>
      <c r="AG42124">
        <v>36</v>
      </c>
      <c r="AH42124">
        <v>37</v>
      </c>
      <c r="AI42124">
        <v>37</v>
      </c>
      <c r="AJ42124">
        <v>37</v>
      </c>
      <c r="AK42124">
        <v>38</v>
      </c>
      <c r="AL42124">
        <v>38</v>
      </c>
      <c r="AM42124">
        <v>39</v>
      </c>
      <c r="AN42124">
        <v>39</v>
      </c>
      <c r="AO42124">
        <v>39</v>
      </c>
      <c r="AP42124">
        <v>40</v>
      </c>
      <c r="AQ42124">
        <v>40</v>
      </c>
    </row>
    <row r="42125" spans="1:43">
      <c r="A42125" t="s">
        <v>25873</v>
      </c>
      <c r="B42125" t="s">
        <v>25874</v>
      </c>
      <c r="C42125" t="s">
        <v>11010</v>
      </c>
      <c r="D42125" t="s">
        <v>11011</v>
      </c>
      <c r="E42125" t="s">
        <v>10982</v>
      </c>
      <c r="F42125" t="s">
        <v>10983</v>
      </c>
      <c r="G42125" t="s">
        <v>10734</v>
      </c>
      <c r="H42125" t="s">
        <v>10735</v>
      </c>
      <c r="I42125" s="2">
        <v>1</v>
      </c>
      <c r="J42125" s="2">
        <v>0</v>
      </c>
      <c r="K42125" s="2">
        <v>0</v>
      </c>
      <c r="L42125" t="s">
        <v>120</v>
      </c>
      <c r="M42125" t="s">
        <v>83</v>
      </c>
      <c r="N42125" t="s">
        <v>91</v>
      </c>
      <c r="O42125" t="s">
        <v>85</v>
      </c>
      <c r="P42125" t="s">
        <v>86</v>
      </c>
      <c r="Q42125">
        <v>25</v>
      </c>
      <c r="R42125">
        <v>26</v>
      </c>
      <c r="S42125">
        <v>26</v>
      </c>
      <c r="T42125">
        <v>27</v>
      </c>
      <c r="U42125">
        <v>27</v>
      </c>
      <c r="V42125">
        <v>28</v>
      </c>
      <c r="W42125">
        <v>28</v>
      </c>
      <c r="X42125">
        <v>29</v>
      </c>
      <c r="Y42125">
        <v>30</v>
      </c>
      <c r="Z42125">
        <v>30</v>
      </c>
      <c r="AA42125">
        <v>31</v>
      </c>
      <c r="AB42125">
        <v>31</v>
      </c>
      <c r="AC42125">
        <v>32</v>
      </c>
      <c r="AD42125">
        <v>33</v>
      </c>
      <c r="AE42125">
        <v>33</v>
      </c>
      <c r="AF42125">
        <v>34</v>
      </c>
      <c r="AG42125">
        <v>35</v>
      </c>
      <c r="AH42125">
        <v>35</v>
      </c>
      <c r="AI42125">
        <v>36</v>
      </c>
      <c r="AJ42125">
        <v>37</v>
      </c>
      <c r="AK42125">
        <v>37</v>
      </c>
      <c r="AL42125">
        <v>38</v>
      </c>
      <c r="AM42125">
        <v>38</v>
      </c>
      <c r="AN42125">
        <v>39</v>
      </c>
      <c r="AO42125">
        <v>39</v>
      </c>
      <c r="AP42125">
        <v>39</v>
      </c>
      <c r="AQ42125">
        <v>40</v>
      </c>
    </row>
    <row r="42126" spans="1:43">
      <c r="A42126" t="s">
        <v>25875</v>
      </c>
      <c r="B42126" t="s">
        <v>25876</v>
      </c>
      <c r="C42126" t="s">
        <v>11194</v>
      </c>
      <c r="D42126" t="s">
        <v>11195</v>
      </c>
      <c r="E42126" t="s">
        <v>10982</v>
      </c>
      <c r="F42126" t="s">
        <v>10983</v>
      </c>
      <c r="G42126" t="s">
        <v>10734</v>
      </c>
      <c r="H42126" t="s">
        <v>10735</v>
      </c>
      <c r="I42126" s="2">
        <v>1</v>
      </c>
      <c r="J42126" s="2">
        <v>0</v>
      </c>
      <c r="K42126" s="2">
        <v>0</v>
      </c>
      <c r="L42126" t="s">
        <v>120</v>
      </c>
      <c r="M42126" t="s">
        <v>83</v>
      </c>
      <c r="N42126" t="s">
        <v>84</v>
      </c>
      <c r="O42126" t="s">
        <v>85</v>
      </c>
      <c r="P42126" t="s">
        <v>86</v>
      </c>
      <c r="Q42126">
        <v>135</v>
      </c>
      <c r="R42126">
        <v>138</v>
      </c>
      <c r="S42126">
        <v>141</v>
      </c>
      <c r="T42126">
        <v>144</v>
      </c>
      <c r="U42126">
        <v>148</v>
      </c>
      <c r="V42126">
        <v>151</v>
      </c>
      <c r="W42126">
        <v>154</v>
      </c>
      <c r="X42126">
        <v>157</v>
      </c>
      <c r="Y42126">
        <v>160</v>
      </c>
      <c r="Z42126">
        <v>164</v>
      </c>
      <c r="AA42126">
        <v>167</v>
      </c>
      <c r="AB42126">
        <v>170</v>
      </c>
      <c r="AC42126">
        <v>174</v>
      </c>
      <c r="AD42126">
        <v>177</v>
      </c>
      <c r="AE42126">
        <v>181</v>
      </c>
      <c r="AF42126">
        <v>184</v>
      </c>
      <c r="AG42126">
        <v>188</v>
      </c>
      <c r="AH42126">
        <v>192</v>
      </c>
      <c r="AI42126">
        <v>195</v>
      </c>
      <c r="AJ42126">
        <v>199</v>
      </c>
      <c r="AK42126">
        <v>203</v>
      </c>
      <c r="AL42126">
        <v>206</v>
      </c>
      <c r="AM42126">
        <v>208</v>
      </c>
      <c r="AN42126">
        <v>211</v>
      </c>
      <c r="AO42126">
        <v>213</v>
      </c>
      <c r="AP42126">
        <v>216</v>
      </c>
      <c r="AQ42126">
        <v>218</v>
      </c>
    </row>
    <row r="42127" spans="1:43">
      <c r="A42127" t="s">
        <v>25875</v>
      </c>
      <c r="B42127" t="s">
        <v>25876</v>
      </c>
      <c r="C42127" t="s">
        <v>11194</v>
      </c>
      <c r="D42127" t="s">
        <v>11195</v>
      </c>
      <c r="E42127" t="s">
        <v>10982</v>
      </c>
      <c r="F42127" t="s">
        <v>10983</v>
      </c>
      <c r="G42127" t="s">
        <v>10734</v>
      </c>
      <c r="H42127" t="s">
        <v>10735</v>
      </c>
      <c r="I42127" s="2">
        <v>1</v>
      </c>
      <c r="J42127" s="2">
        <v>0</v>
      </c>
      <c r="K42127" s="2">
        <v>0</v>
      </c>
      <c r="L42127" t="s">
        <v>120</v>
      </c>
      <c r="M42127" t="s">
        <v>87</v>
      </c>
      <c r="N42127" t="s">
        <v>88</v>
      </c>
      <c r="O42127" t="s">
        <v>85</v>
      </c>
      <c r="P42127" t="s">
        <v>86</v>
      </c>
      <c r="Q42127">
        <v>135</v>
      </c>
      <c r="R42127">
        <v>137</v>
      </c>
      <c r="S42127">
        <v>138</v>
      </c>
      <c r="T42127">
        <v>140</v>
      </c>
      <c r="U42127">
        <v>142</v>
      </c>
      <c r="V42127">
        <v>144</v>
      </c>
      <c r="W42127">
        <v>146</v>
      </c>
      <c r="X42127">
        <v>147</v>
      </c>
      <c r="Y42127">
        <v>149</v>
      </c>
      <c r="Z42127">
        <v>151</v>
      </c>
      <c r="AA42127">
        <v>153</v>
      </c>
      <c r="AB42127">
        <v>155</v>
      </c>
      <c r="AC42127">
        <v>157</v>
      </c>
      <c r="AD42127">
        <v>159</v>
      </c>
      <c r="AE42127">
        <v>161</v>
      </c>
      <c r="AF42127">
        <v>163</v>
      </c>
      <c r="AG42127">
        <v>165</v>
      </c>
      <c r="AH42127">
        <v>168</v>
      </c>
      <c r="AI42127">
        <v>170</v>
      </c>
      <c r="AJ42127">
        <v>172</v>
      </c>
      <c r="AK42127">
        <v>175</v>
      </c>
      <c r="AL42127">
        <v>177</v>
      </c>
      <c r="AM42127">
        <v>179</v>
      </c>
      <c r="AN42127">
        <v>182</v>
      </c>
      <c r="AO42127">
        <v>184</v>
      </c>
      <c r="AP42127">
        <v>187</v>
      </c>
      <c r="AQ42127">
        <v>189</v>
      </c>
    </row>
    <row r="42128" spans="1:43">
      <c r="A42128" t="s">
        <v>25875</v>
      </c>
      <c r="B42128" t="s">
        <v>25876</v>
      </c>
      <c r="C42128" t="s">
        <v>11194</v>
      </c>
      <c r="D42128" t="s">
        <v>11195</v>
      </c>
      <c r="E42128" t="s">
        <v>10982</v>
      </c>
      <c r="F42128" t="s">
        <v>10983</v>
      </c>
      <c r="G42128" t="s">
        <v>10734</v>
      </c>
      <c r="H42128" t="s">
        <v>10735</v>
      </c>
      <c r="I42128" s="2">
        <v>1</v>
      </c>
      <c r="J42128" s="2">
        <v>0</v>
      </c>
      <c r="K42128" s="2">
        <v>0</v>
      </c>
      <c r="L42128" t="s">
        <v>120</v>
      </c>
      <c r="M42128" t="s">
        <v>89</v>
      </c>
      <c r="N42128" t="s">
        <v>90</v>
      </c>
      <c r="O42128" t="s">
        <v>85</v>
      </c>
      <c r="P42128" t="s">
        <v>86</v>
      </c>
      <c r="Q42128">
        <v>135</v>
      </c>
      <c r="R42128">
        <v>139</v>
      </c>
      <c r="S42128">
        <v>144</v>
      </c>
      <c r="T42128">
        <v>148</v>
      </c>
      <c r="U42128">
        <v>152</v>
      </c>
      <c r="V42128">
        <v>156</v>
      </c>
      <c r="W42128">
        <v>160</v>
      </c>
      <c r="X42128">
        <v>165</v>
      </c>
      <c r="Y42128">
        <v>169</v>
      </c>
      <c r="Z42128">
        <v>173</v>
      </c>
      <c r="AA42128">
        <v>177</v>
      </c>
      <c r="AB42128">
        <v>181</v>
      </c>
      <c r="AC42128">
        <v>185</v>
      </c>
      <c r="AD42128">
        <v>189</v>
      </c>
      <c r="AE42128">
        <v>193</v>
      </c>
      <c r="AF42128">
        <v>195</v>
      </c>
      <c r="AG42128">
        <v>197</v>
      </c>
      <c r="AH42128">
        <v>199</v>
      </c>
      <c r="AI42128">
        <v>201</v>
      </c>
      <c r="AJ42128">
        <v>203</v>
      </c>
      <c r="AK42128">
        <v>206</v>
      </c>
      <c r="AL42128">
        <v>208</v>
      </c>
      <c r="AM42128">
        <v>210</v>
      </c>
      <c r="AN42128">
        <v>213</v>
      </c>
      <c r="AO42128">
        <v>215</v>
      </c>
      <c r="AP42128">
        <v>217</v>
      </c>
      <c r="AQ42128">
        <v>220</v>
      </c>
    </row>
    <row r="42129" spans="1:43">
      <c r="A42129" t="s">
        <v>25875</v>
      </c>
      <c r="B42129" t="s">
        <v>25876</v>
      </c>
      <c r="C42129" t="s">
        <v>11194</v>
      </c>
      <c r="D42129" t="s">
        <v>11195</v>
      </c>
      <c r="E42129" t="s">
        <v>10982</v>
      </c>
      <c r="F42129" t="s">
        <v>10983</v>
      </c>
      <c r="G42129" t="s">
        <v>10734</v>
      </c>
      <c r="H42129" t="s">
        <v>10735</v>
      </c>
      <c r="I42129" s="2">
        <v>1</v>
      </c>
      <c r="J42129" s="2">
        <v>0</v>
      </c>
      <c r="K42129" s="2">
        <v>0</v>
      </c>
      <c r="L42129" t="s">
        <v>120</v>
      </c>
      <c r="M42129" t="s">
        <v>83</v>
      </c>
      <c r="N42129" t="s">
        <v>91</v>
      </c>
      <c r="O42129" t="s">
        <v>85</v>
      </c>
      <c r="P42129" t="s">
        <v>86</v>
      </c>
      <c r="Q42129">
        <v>135</v>
      </c>
      <c r="R42129">
        <v>138</v>
      </c>
      <c r="S42129">
        <v>141</v>
      </c>
      <c r="T42129">
        <v>144</v>
      </c>
      <c r="U42129">
        <v>148</v>
      </c>
      <c r="V42129">
        <v>151</v>
      </c>
      <c r="W42129">
        <v>154</v>
      </c>
      <c r="X42129">
        <v>157</v>
      </c>
      <c r="Y42129">
        <v>160</v>
      </c>
      <c r="Z42129">
        <v>164</v>
      </c>
      <c r="AA42129">
        <v>167</v>
      </c>
      <c r="AB42129">
        <v>170</v>
      </c>
      <c r="AC42129">
        <v>174</v>
      </c>
      <c r="AD42129">
        <v>177</v>
      </c>
      <c r="AE42129">
        <v>181</v>
      </c>
      <c r="AF42129">
        <v>184</v>
      </c>
      <c r="AG42129">
        <v>188</v>
      </c>
      <c r="AH42129">
        <v>192</v>
      </c>
      <c r="AI42129">
        <v>195</v>
      </c>
      <c r="AJ42129">
        <v>199</v>
      </c>
      <c r="AK42129">
        <v>203</v>
      </c>
      <c r="AL42129">
        <v>206</v>
      </c>
      <c r="AM42129">
        <v>208</v>
      </c>
      <c r="AN42129">
        <v>211</v>
      </c>
      <c r="AO42129">
        <v>213</v>
      </c>
      <c r="AP42129">
        <v>216</v>
      </c>
      <c r="AQ42129">
        <v>218</v>
      </c>
    </row>
    <row r="42130" spans="1:43">
      <c r="A42130" t="s">
        <v>25877</v>
      </c>
      <c r="B42130" t="s">
        <v>25878</v>
      </c>
      <c r="C42130" t="s">
        <v>11194</v>
      </c>
      <c r="D42130" t="s">
        <v>11195</v>
      </c>
      <c r="E42130" t="s">
        <v>10982</v>
      </c>
      <c r="F42130" t="s">
        <v>10983</v>
      </c>
      <c r="G42130" t="s">
        <v>10734</v>
      </c>
      <c r="H42130" t="s">
        <v>10735</v>
      </c>
      <c r="I42130" s="2">
        <v>1</v>
      </c>
      <c r="J42130" s="2">
        <v>0</v>
      </c>
      <c r="K42130" s="2">
        <v>0</v>
      </c>
      <c r="L42130" t="s">
        <v>120</v>
      </c>
      <c r="M42130" t="s">
        <v>83</v>
      </c>
      <c r="N42130" t="s">
        <v>84</v>
      </c>
      <c r="O42130" t="s">
        <v>85</v>
      </c>
      <c r="P42130" t="s">
        <v>86</v>
      </c>
      <c r="Q42130">
        <v>27</v>
      </c>
      <c r="R42130">
        <v>28</v>
      </c>
      <c r="S42130">
        <v>28</v>
      </c>
      <c r="T42130">
        <v>29</v>
      </c>
      <c r="U42130">
        <v>30</v>
      </c>
      <c r="V42130">
        <v>30</v>
      </c>
      <c r="W42130">
        <v>31</v>
      </c>
      <c r="X42130">
        <v>31</v>
      </c>
      <c r="Y42130">
        <v>32</v>
      </c>
      <c r="Z42130">
        <v>33</v>
      </c>
      <c r="AA42130">
        <v>33</v>
      </c>
      <c r="AB42130">
        <v>34</v>
      </c>
      <c r="AC42130">
        <v>35</v>
      </c>
      <c r="AD42130">
        <v>35</v>
      </c>
      <c r="AE42130">
        <v>36</v>
      </c>
      <c r="AF42130">
        <v>37</v>
      </c>
      <c r="AG42130">
        <v>38</v>
      </c>
      <c r="AH42130">
        <v>38</v>
      </c>
      <c r="AI42130">
        <v>39</v>
      </c>
      <c r="AJ42130">
        <v>40</v>
      </c>
      <c r="AK42130">
        <v>41</v>
      </c>
      <c r="AL42130">
        <v>41</v>
      </c>
      <c r="AM42130">
        <v>42</v>
      </c>
      <c r="AN42130">
        <v>42</v>
      </c>
      <c r="AO42130">
        <v>43</v>
      </c>
      <c r="AP42130">
        <v>43</v>
      </c>
      <c r="AQ42130">
        <v>44</v>
      </c>
    </row>
    <row r="42131" spans="1:43">
      <c r="A42131" t="s">
        <v>25877</v>
      </c>
      <c r="B42131" t="s">
        <v>25878</v>
      </c>
      <c r="C42131" t="s">
        <v>11194</v>
      </c>
      <c r="D42131" t="s">
        <v>11195</v>
      </c>
      <c r="E42131" t="s">
        <v>10982</v>
      </c>
      <c r="F42131" t="s">
        <v>10983</v>
      </c>
      <c r="G42131" t="s">
        <v>10734</v>
      </c>
      <c r="H42131" t="s">
        <v>10735</v>
      </c>
      <c r="I42131" s="2">
        <v>1</v>
      </c>
      <c r="J42131" s="2">
        <v>0</v>
      </c>
      <c r="K42131" s="2">
        <v>0</v>
      </c>
      <c r="L42131" t="s">
        <v>120</v>
      </c>
      <c r="M42131" t="s">
        <v>87</v>
      </c>
      <c r="N42131" t="s">
        <v>88</v>
      </c>
      <c r="O42131" t="s">
        <v>85</v>
      </c>
      <c r="P42131" t="s">
        <v>86</v>
      </c>
      <c r="Q42131">
        <v>27</v>
      </c>
      <c r="R42131">
        <v>27</v>
      </c>
      <c r="S42131">
        <v>27</v>
      </c>
      <c r="T42131">
        <v>28</v>
      </c>
      <c r="U42131">
        <v>28</v>
      </c>
      <c r="V42131">
        <v>29</v>
      </c>
      <c r="W42131">
        <v>29</v>
      </c>
      <c r="X42131">
        <v>29</v>
      </c>
      <c r="Y42131">
        <v>30</v>
      </c>
      <c r="Z42131">
        <v>30</v>
      </c>
      <c r="AA42131">
        <v>30</v>
      </c>
      <c r="AB42131">
        <v>31</v>
      </c>
      <c r="AC42131">
        <v>31</v>
      </c>
      <c r="AD42131">
        <v>32</v>
      </c>
      <c r="AE42131">
        <v>32</v>
      </c>
      <c r="AF42131">
        <v>32</v>
      </c>
      <c r="AG42131">
        <v>33</v>
      </c>
      <c r="AH42131">
        <v>33</v>
      </c>
      <c r="AI42131">
        <v>34</v>
      </c>
      <c r="AJ42131">
        <v>34</v>
      </c>
      <c r="AK42131">
        <v>35</v>
      </c>
      <c r="AL42131">
        <v>35</v>
      </c>
      <c r="AM42131">
        <v>36</v>
      </c>
      <c r="AN42131">
        <v>36</v>
      </c>
      <c r="AO42131">
        <v>37</v>
      </c>
      <c r="AP42131">
        <v>37</v>
      </c>
      <c r="AQ42131">
        <v>38</v>
      </c>
    </row>
    <row r="42132" spans="1:43">
      <c r="A42132" t="s">
        <v>25877</v>
      </c>
      <c r="B42132" t="s">
        <v>25878</v>
      </c>
      <c r="C42132" t="s">
        <v>11194</v>
      </c>
      <c r="D42132" t="s">
        <v>11195</v>
      </c>
      <c r="E42132" t="s">
        <v>10982</v>
      </c>
      <c r="F42132" t="s">
        <v>10983</v>
      </c>
      <c r="G42132" t="s">
        <v>10734</v>
      </c>
      <c r="H42132" t="s">
        <v>10735</v>
      </c>
      <c r="I42132" s="2">
        <v>1</v>
      </c>
      <c r="J42132" s="2">
        <v>0</v>
      </c>
      <c r="K42132" s="2">
        <v>0</v>
      </c>
      <c r="L42132" t="s">
        <v>120</v>
      </c>
      <c r="M42132" t="s">
        <v>89</v>
      </c>
      <c r="N42132" t="s">
        <v>90</v>
      </c>
      <c r="O42132" t="s">
        <v>85</v>
      </c>
      <c r="P42132" t="s">
        <v>86</v>
      </c>
      <c r="Q42132">
        <v>27</v>
      </c>
      <c r="R42132">
        <v>28</v>
      </c>
      <c r="S42132">
        <v>29</v>
      </c>
      <c r="T42132">
        <v>30</v>
      </c>
      <c r="U42132">
        <v>31</v>
      </c>
      <c r="V42132">
        <v>31</v>
      </c>
      <c r="W42132">
        <v>32</v>
      </c>
      <c r="X42132">
        <v>33</v>
      </c>
      <c r="Y42132">
        <v>34</v>
      </c>
      <c r="Z42132">
        <v>35</v>
      </c>
      <c r="AA42132">
        <v>36</v>
      </c>
      <c r="AB42132">
        <v>36</v>
      </c>
      <c r="AC42132">
        <v>37</v>
      </c>
      <c r="AD42132">
        <v>38</v>
      </c>
      <c r="AE42132">
        <v>39</v>
      </c>
      <c r="AF42132">
        <v>39</v>
      </c>
      <c r="AG42132">
        <v>40</v>
      </c>
      <c r="AH42132">
        <v>40</v>
      </c>
      <c r="AI42132">
        <v>40</v>
      </c>
      <c r="AJ42132">
        <v>41</v>
      </c>
      <c r="AK42132">
        <v>41</v>
      </c>
      <c r="AL42132">
        <v>42</v>
      </c>
      <c r="AM42132">
        <v>42</v>
      </c>
      <c r="AN42132">
        <v>43</v>
      </c>
      <c r="AO42132">
        <v>43</v>
      </c>
      <c r="AP42132">
        <v>44</v>
      </c>
      <c r="AQ42132">
        <v>44</v>
      </c>
    </row>
    <row r="42133" spans="1:43">
      <c r="A42133" t="s">
        <v>25877</v>
      </c>
      <c r="B42133" t="s">
        <v>25878</v>
      </c>
      <c r="C42133" t="s">
        <v>11194</v>
      </c>
      <c r="D42133" t="s">
        <v>11195</v>
      </c>
      <c r="E42133" t="s">
        <v>10982</v>
      </c>
      <c r="F42133" t="s">
        <v>10983</v>
      </c>
      <c r="G42133" t="s">
        <v>10734</v>
      </c>
      <c r="H42133" t="s">
        <v>10735</v>
      </c>
      <c r="I42133" s="2">
        <v>1</v>
      </c>
      <c r="J42133" s="2">
        <v>0</v>
      </c>
      <c r="K42133" s="2">
        <v>0</v>
      </c>
      <c r="L42133" t="s">
        <v>120</v>
      </c>
      <c r="M42133" t="s">
        <v>83</v>
      </c>
      <c r="N42133" t="s">
        <v>91</v>
      </c>
      <c r="O42133" t="s">
        <v>85</v>
      </c>
      <c r="P42133" t="s">
        <v>86</v>
      </c>
      <c r="Q42133">
        <v>27</v>
      </c>
      <c r="R42133">
        <v>28</v>
      </c>
      <c r="S42133">
        <v>28</v>
      </c>
      <c r="T42133">
        <v>29</v>
      </c>
      <c r="U42133">
        <v>30</v>
      </c>
      <c r="V42133">
        <v>30</v>
      </c>
      <c r="W42133">
        <v>31</v>
      </c>
      <c r="X42133">
        <v>31</v>
      </c>
      <c r="Y42133">
        <v>32</v>
      </c>
      <c r="Z42133">
        <v>33</v>
      </c>
      <c r="AA42133">
        <v>33</v>
      </c>
      <c r="AB42133">
        <v>34</v>
      </c>
      <c r="AC42133">
        <v>35</v>
      </c>
      <c r="AD42133">
        <v>35</v>
      </c>
      <c r="AE42133">
        <v>36</v>
      </c>
      <c r="AF42133">
        <v>37</v>
      </c>
      <c r="AG42133">
        <v>38</v>
      </c>
      <c r="AH42133">
        <v>38</v>
      </c>
      <c r="AI42133">
        <v>39</v>
      </c>
      <c r="AJ42133">
        <v>40</v>
      </c>
      <c r="AK42133">
        <v>41</v>
      </c>
      <c r="AL42133">
        <v>41</v>
      </c>
      <c r="AM42133">
        <v>42</v>
      </c>
      <c r="AN42133">
        <v>42</v>
      </c>
      <c r="AO42133">
        <v>43</v>
      </c>
      <c r="AP42133">
        <v>43</v>
      </c>
      <c r="AQ42133">
        <v>44</v>
      </c>
    </row>
    <row r="42134" spans="1:43">
      <c r="A42134" t="s">
        <v>25879</v>
      </c>
      <c r="B42134" t="s">
        <v>25880</v>
      </c>
      <c r="C42134" t="s">
        <v>1822</v>
      </c>
      <c r="D42134" t="s">
        <v>1823</v>
      </c>
      <c r="E42134" t="s">
        <v>1586</v>
      </c>
      <c r="F42134" t="s">
        <v>1587</v>
      </c>
      <c r="G42134" t="s">
        <v>80</v>
      </c>
      <c r="H42134" t="s">
        <v>81</v>
      </c>
      <c r="I42134" s="2">
        <v>0</v>
      </c>
      <c r="J42134" s="2">
        <v>1</v>
      </c>
      <c r="K42134" s="2">
        <v>0</v>
      </c>
      <c r="L42134" t="s">
        <v>82</v>
      </c>
      <c r="M42134" t="s">
        <v>83</v>
      </c>
      <c r="N42134" t="s">
        <v>84</v>
      </c>
      <c r="O42134" t="s">
        <v>85</v>
      </c>
      <c r="P42134" t="s">
        <v>86</v>
      </c>
      <c r="Q42134">
        <v>20</v>
      </c>
      <c r="R42134">
        <v>20</v>
      </c>
      <c r="S42134">
        <v>20</v>
      </c>
      <c r="T42134">
        <v>20</v>
      </c>
      <c r="U42134">
        <v>20</v>
      </c>
      <c r="V42134">
        <v>20</v>
      </c>
      <c r="W42134">
        <v>20</v>
      </c>
      <c r="X42134">
        <v>20</v>
      </c>
      <c r="Y42134">
        <v>20</v>
      </c>
      <c r="Z42134">
        <v>20</v>
      </c>
      <c r="AA42134">
        <v>20</v>
      </c>
      <c r="AB42134">
        <v>20</v>
      </c>
      <c r="AC42134">
        <v>20</v>
      </c>
      <c r="AD42134">
        <v>20</v>
      </c>
      <c r="AE42134">
        <v>20</v>
      </c>
      <c r="AF42134">
        <v>20</v>
      </c>
      <c r="AG42134">
        <v>20</v>
      </c>
      <c r="AH42134">
        <v>20</v>
      </c>
      <c r="AI42134">
        <v>20</v>
      </c>
      <c r="AJ42134">
        <v>20</v>
      </c>
      <c r="AK42134">
        <v>20</v>
      </c>
      <c r="AL42134">
        <v>20</v>
      </c>
      <c r="AM42134">
        <v>20</v>
      </c>
      <c r="AN42134">
        <v>20</v>
      </c>
      <c r="AO42134">
        <v>20</v>
      </c>
      <c r="AP42134">
        <v>19</v>
      </c>
      <c r="AQ42134">
        <v>19</v>
      </c>
    </row>
    <row r="42135" spans="1:43">
      <c r="A42135" t="s">
        <v>25879</v>
      </c>
      <c r="B42135" t="s">
        <v>25880</v>
      </c>
      <c r="C42135" t="s">
        <v>1822</v>
      </c>
      <c r="D42135" t="s">
        <v>1823</v>
      </c>
      <c r="E42135" t="s">
        <v>1586</v>
      </c>
      <c r="F42135" t="s">
        <v>1587</v>
      </c>
      <c r="G42135" t="s">
        <v>80</v>
      </c>
      <c r="H42135" t="s">
        <v>81</v>
      </c>
      <c r="I42135" s="2">
        <v>0</v>
      </c>
      <c r="J42135" s="2">
        <v>1</v>
      </c>
      <c r="K42135" s="2">
        <v>0</v>
      </c>
      <c r="L42135" t="s">
        <v>82</v>
      </c>
      <c r="M42135" t="s">
        <v>87</v>
      </c>
      <c r="N42135" t="s">
        <v>88</v>
      </c>
      <c r="O42135" t="s">
        <v>85</v>
      </c>
      <c r="P42135" t="s">
        <v>86</v>
      </c>
      <c r="Q42135">
        <v>20</v>
      </c>
      <c r="R42135">
        <v>20</v>
      </c>
      <c r="S42135">
        <v>20</v>
      </c>
      <c r="T42135">
        <v>20</v>
      </c>
      <c r="U42135">
        <v>20</v>
      </c>
      <c r="V42135">
        <v>20</v>
      </c>
      <c r="W42135">
        <v>20</v>
      </c>
      <c r="X42135">
        <v>20</v>
      </c>
      <c r="Y42135">
        <v>20</v>
      </c>
      <c r="Z42135">
        <v>19</v>
      </c>
      <c r="AA42135">
        <v>19</v>
      </c>
      <c r="AB42135">
        <v>19</v>
      </c>
      <c r="AC42135">
        <v>19</v>
      </c>
      <c r="AD42135">
        <v>19</v>
      </c>
      <c r="AE42135">
        <v>19</v>
      </c>
      <c r="AF42135">
        <v>19</v>
      </c>
      <c r="AG42135">
        <v>19</v>
      </c>
      <c r="AH42135">
        <v>19</v>
      </c>
      <c r="AI42135">
        <v>19</v>
      </c>
      <c r="AJ42135">
        <v>18</v>
      </c>
      <c r="AK42135">
        <v>18</v>
      </c>
      <c r="AL42135">
        <v>18</v>
      </c>
      <c r="AM42135">
        <v>18</v>
      </c>
      <c r="AN42135">
        <v>18</v>
      </c>
      <c r="AO42135">
        <v>18</v>
      </c>
      <c r="AP42135">
        <v>18</v>
      </c>
      <c r="AQ42135">
        <v>18</v>
      </c>
    </row>
    <row r="42136" spans="1:43">
      <c r="A42136" t="s">
        <v>25879</v>
      </c>
      <c r="B42136" t="s">
        <v>25880</v>
      </c>
      <c r="C42136" t="s">
        <v>1822</v>
      </c>
      <c r="D42136" t="s">
        <v>1823</v>
      </c>
      <c r="E42136" t="s">
        <v>1586</v>
      </c>
      <c r="F42136" t="s">
        <v>1587</v>
      </c>
      <c r="G42136" t="s">
        <v>80</v>
      </c>
      <c r="H42136" t="s">
        <v>81</v>
      </c>
      <c r="I42136" s="2">
        <v>0</v>
      </c>
      <c r="J42136" s="2">
        <v>1</v>
      </c>
      <c r="K42136" s="2">
        <v>0</v>
      </c>
      <c r="L42136" t="s">
        <v>82</v>
      </c>
      <c r="M42136" t="s">
        <v>89</v>
      </c>
      <c r="N42136" t="s">
        <v>90</v>
      </c>
      <c r="O42136" t="s">
        <v>85</v>
      </c>
      <c r="P42136" t="s">
        <v>86</v>
      </c>
      <c r="Q42136">
        <v>20</v>
      </c>
      <c r="R42136">
        <v>20</v>
      </c>
      <c r="S42136">
        <v>20</v>
      </c>
      <c r="T42136">
        <v>20</v>
      </c>
      <c r="U42136">
        <v>21</v>
      </c>
      <c r="V42136">
        <v>21</v>
      </c>
      <c r="W42136">
        <v>21</v>
      </c>
      <c r="X42136">
        <v>21</v>
      </c>
      <c r="Y42136">
        <v>21</v>
      </c>
      <c r="Z42136">
        <v>21</v>
      </c>
      <c r="AA42136">
        <v>21</v>
      </c>
      <c r="AB42136">
        <v>22</v>
      </c>
      <c r="AC42136">
        <v>22</v>
      </c>
      <c r="AD42136">
        <v>22</v>
      </c>
      <c r="AE42136">
        <v>22</v>
      </c>
      <c r="AF42136">
        <v>21</v>
      </c>
      <c r="AG42136">
        <v>21</v>
      </c>
      <c r="AH42136">
        <v>21</v>
      </c>
      <c r="AI42136">
        <v>21</v>
      </c>
      <c r="AJ42136">
        <v>21</v>
      </c>
      <c r="AK42136">
        <v>21</v>
      </c>
      <c r="AL42136">
        <v>20</v>
      </c>
      <c r="AM42136">
        <v>20</v>
      </c>
      <c r="AN42136">
        <v>20</v>
      </c>
      <c r="AO42136">
        <v>20</v>
      </c>
      <c r="AP42136">
        <v>20</v>
      </c>
      <c r="AQ42136">
        <v>19</v>
      </c>
    </row>
    <row r="42137" spans="1:43">
      <c r="A42137" t="s">
        <v>25879</v>
      </c>
      <c r="B42137" t="s">
        <v>25880</v>
      </c>
      <c r="C42137" t="s">
        <v>1822</v>
      </c>
      <c r="D42137" t="s">
        <v>1823</v>
      </c>
      <c r="E42137" t="s">
        <v>1586</v>
      </c>
      <c r="F42137" t="s">
        <v>1587</v>
      </c>
      <c r="G42137" t="s">
        <v>80</v>
      </c>
      <c r="H42137" t="s">
        <v>81</v>
      </c>
      <c r="I42137" s="2">
        <v>0</v>
      </c>
      <c r="J42137" s="2">
        <v>1</v>
      </c>
      <c r="K42137" s="2">
        <v>0</v>
      </c>
      <c r="L42137" t="s">
        <v>82</v>
      </c>
      <c r="M42137" t="s">
        <v>83</v>
      </c>
      <c r="N42137" t="s">
        <v>91</v>
      </c>
      <c r="O42137" t="s">
        <v>85</v>
      </c>
      <c r="P42137" t="s">
        <v>86</v>
      </c>
      <c r="Q42137">
        <v>20</v>
      </c>
      <c r="R42137">
        <v>20</v>
      </c>
      <c r="S42137">
        <v>20</v>
      </c>
      <c r="T42137">
        <v>20</v>
      </c>
      <c r="U42137">
        <v>20</v>
      </c>
      <c r="V42137">
        <v>20</v>
      </c>
      <c r="W42137">
        <v>20</v>
      </c>
      <c r="X42137">
        <v>20</v>
      </c>
      <c r="Y42137">
        <v>20</v>
      </c>
      <c r="Z42137">
        <v>20</v>
      </c>
      <c r="AA42137">
        <v>20</v>
      </c>
      <c r="AB42137">
        <v>20</v>
      </c>
      <c r="AC42137">
        <v>20</v>
      </c>
      <c r="AD42137">
        <v>20</v>
      </c>
      <c r="AE42137">
        <v>20</v>
      </c>
      <c r="AF42137">
        <v>20</v>
      </c>
      <c r="AG42137">
        <v>20</v>
      </c>
      <c r="AH42137">
        <v>20</v>
      </c>
      <c r="AI42137">
        <v>20</v>
      </c>
      <c r="AJ42137">
        <v>20</v>
      </c>
      <c r="AK42137">
        <v>20</v>
      </c>
      <c r="AL42137">
        <v>20</v>
      </c>
      <c r="AM42137">
        <v>20</v>
      </c>
      <c r="AN42137">
        <v>20</v>
      </c>
      <c r="AO42137">
        <v>20</v>
      </c>
      <c r="AP42137">
        <v>19</v>
      </c>
      <c r="AQ42137">
        <v>19</v>
      </c>
    </row>
    <row r="42138" spans="1:43">
      <c r="A42138" t="s">
        <v>25881</v>
      </c>
      <c r="B42138" t="s">
        <v>25882</v>
      </c>
      <c r="C42138" t="s">
        <v>1822</v>
      </c>
      <c r="D42138" t="s">
        <v>1823</v>
      </c>
      <c r="E42138" t="s">
        <v>1586</v>
      </c>
      <c r="F42138" t="s">
        <v>1587</v>
      </c>
      <c r="G42138" t="s">
        <v>80</v>
      </c>
      <c r="H42138" t="s">
        <v>81</v>
      </c>
      <c r="I42138" s="2">
        <v>0</v>
      </c>
      <c r="J42138" s="2">
        <v>1</v>
      </c>
      <c r="K42138" s="2">
        <v>0</v>
      </c>
      <c r="L42138" t="s">
        <v>82</v>
      </c>
      <c r="M42138" t="s">
        <v>83</v>
      </c>
      <c r="N42138" t="s">
        <v>84</v>
      </c>
      <c r="O42138" t="s">
        <v>85</v>
      </c>
      <c r="P42138" t="s">
        <v>86</v>
      </c>
      <c r="Q42138">
        <v>17</v>
      </c>
      <c r="R42138">
        <v>17</v>
      </c>
      <c r="S42138">
        <v>17</v>
      </c>
      <c r="T42138">
        <v>18</v>
      </c>
      <c r="U42138">
        <v>18</v>
      </c>
      <c r="V42138">
        <v>18</v>
      </c>
      <c r="W42138">
        <v>18</v>
      </c>
      <c r="X42138">
        <v>18</v>
      </c>
      <c r="Y42138">
        <v>18</v>
      </c>
      <c r="Z42138">
        <v>18</v>
      </c>
      <c r="AA42138">
        <v>18</v>
      </c>
      <c r="AB42138">
        <v>18</v>
      </c>
      <c r="AC42138">
        <v>18</v>
      </c>
      <c r="AD42138">
        <v>18</v>
      </c>
      <c r="AE42138">
        <v>18</v>
      </c>
      <c r="AF42138">
        <v>18</v>
      </c>
      <c r="AG42138">
        <v>18</v>
      </c>
      <c r="AH42138">
        <v>18</v>
      </c>
      <c r="AI42138">
        <v>18</v>
      </c>
      <c r="AJ42138">
        <v>18</v>
      </c>
      <c r="AK42138">
        <v>18</v>
      </c>
      <c r="AL42138">
        <v>18</v>
      </c>
      <c r="AM42138">
        <v>18</v>
      </c>
      <c r="AN42138">
        <v>18</v>
      </c>
      <c r="AO42138">
        <v>17</v>
      </c>
      <c r="AP42138">
        <v>17</v>
      </c>
      <c r="AQ42138">
        <v>17</v>
      </c>
    </row>
    <row r="42139" spans="1:43">
      <c r="A42139" t="s">
        <v>25881</v>
      </c>
      <c r="B42139" t="s">
        <v>25882</v>
      </c>
      <c r="C42139" t="s">
        <v>1822</v>
      </c>
      <c r="D42139" t="s">
        <v>1823</v>
      </c>
      <c r="E42139" t="s">
        <v>1586</v>
      </c>
      <c r="F42139" t="s">
        <v>1587</v>
      </c>
      <c r="G42139" t="s">
        <v>80</v>
      </c>
      <c r="H42139" t="s">
        <v>81</v>
      </c>
      <c r="I42139" s="2">
        <v>0</v>
      </c>
      <c r="J42139" s="2">
        <v>1</v>
      </c>
      <c r="K42139" s="2">
        <v>0</v>
      </c>
      <c r="L42139" t="s">
        <v>82</v>
      </c>
      <c r="M42139" t="s">
        <v>87</v>
      </c>
      <c r="N42139" t="s">
        <v>88</v>
      </c>
      <c r="O42139" t="s">
        <v>85</v>
      </c>
      <c r="P42139" t="s">
        <v>86</v>
      </c>
      <c r="Q42139">
        <v>17</v>
      </c>
      <c r="R42139">
        <v>17</v>
      </c>
      <c r="S42139">
        <v>17</v>
      </c>
      <c r="T42139">
        <v>17</v>
      </c>
      <c r="U42139">
        <v>17</v>
      </c>
      <c r="V42139">
        <v>17</v>
      </c>
      <c r="W42139">
        <v>17</v>
      </c>
      <c r="X42139">
        <v>17</v>
      </c>
      <c r="Y42139">
        <v>16</v>
      </c>
      <c r="Z42139">
        <v>16</v>
      </c>
      <c r="AA42139">
        <v>16</v>
      </c>
      <c r="AB42139">
        <v>16</v>
      </c>
      <c r="AC42139">
        <v>16</v>
      </c>
      <c r="AD42139">
        <v>16</v>
      </c>
      <c r="AE42139">
        <v>16</v>
      </c>
      <c r="AF42139">
        <v>16</v>
      </c>
      <c r="AG42139">
        <v>16</v>
      </c>
      <c r="AH42139">
        <v>16</v>
      </c>
      <c r="AI42139">
        <v>16</v>
      </c>
      <c r="AJ42139">
        <v>16</v>
      </c>
      <c r="AK42139">
        <v>15</v>
      </c>
      <c r="AL42139">
        <v>15</v>
      </c>
      <c r="AM42139">
        <v>15</v>
      </c>
      <c r="AN42139">
        <v>15</v>
      </c>
      <c r="AO42139">
        <v>15</v>
      </c>
      <c r="AP42139">
        <v>15</v>
      </c>
      <c r="AQ42139">
        <v>15</v>
      </c>
    </row>
    <row r="42140" spans="1:43">
      <c r="A42140" t="s">
        <v>25881</v>
      </c>
      <c r="B42140" t="s">
        <v>25882</v>
      </c>
      <c r="C42140" t="s">
        <v>1822</v>
      </c>
      <c r="D42140" t="s">
        <v>1823</v>
      </c>
      <c r="E42140" t="s">
        <v>1586</v>
      </c>
      <c r="F42140" t="s">
        <v>1587</v>
      </c>
      <c r="G42140" t="s">
        <v>80</v>
      </c>
      <c r="H42140" t="s">
        <v>81</v>
      </c>
      <c r="I42140" s="2">
        <v>0</v>
      </c>
      <c r="J42140" s="2">
        <v>1</v>
      </c>
      <c r="K42140" s="2">
        <v>0</v>
      </c>
      <c r="L42140" t="s">
        <v>82</v>
      </c>
      <c r="M42140" t="s">
        <v>89</v>
      </c>
      <c r="N42140" t="s">
        <v>90</v>
      </c>
      <c r="O42140" t="s">
        <v>85</v>
      </c>
      <c r="P42140" t="s">
        <v>86</v>
      </c>
      <c r="Q42140">
        <v>17</v>
      </c>
      <c r="R42140">
        <v>17</v>
      </c>
      <c r="S42140">
        <v>17</v>
      </c>
      <c r="T42140">
        <v>17</v>
      </c>
      <c r="U42140">
        <v>17</v>
      </c>
      <c r="V42140">
        <v>17</v>
      </c>
      <c r="W42140">
        <v>18</v>
      </c>
      <c r="X42140">
        <v>18</v>
      </c>
      <c r="Y42140">
        <v>18</v>
      </c>
      <c r="Z42140">
        <v>18</v>
      </c>
      <c r="AA42140">
        <v>18</v>
      </c>
      <c r="AB42140">
        <v>18</v>
      </c>
      <c r="AC42140">
        <v>18</v>
      </c>
      <c r="AD42140">
        <v>18</v>
      </c>
      <c r="AE42140">
        <v>18</v>
      </c>
      <c r="AF42140">
        <v>18</v>
      </c>
      <c r="AG42140">
        <v>18</v>
      </c>
      <c r="AH42140">
        <v>18</v>
      </c>
      <c r="AI42140">
        <v>18</v>
      </c>
      <c r="AJ42140">
        <v>17</v>
      </c>
      <c r="AK42140">
        <v>17</v>
      </c>
      <c r="AL42140">
        <v>17</v>
      </c>
      <c r="AM42140">
        <v>17</v>
      </c>
      <c r="AN42140">
        <v>17</v>
      </c>
      <c r="AO42140">
        <v>17</v>
      </c>
      <c r="AP42140">
        <v>16</v>
      </c>
      <c r="AQ42140">
        <v>16</v>
      </c>
    </row>
    <row r="42141" spans="1:43">
      <c r="A42141" t="s">
        <v>25881</v>
      </c>
      <c r="B42141" t="s">
        <v>25882</v>
      </c>
      <c r="C42141" t="s">
        <v>1822</v>
      </c>
      <c r="D42141" t="s">
        <v>1823</v>
      </c>
      <c r="E42141" t="s">
        <v>1586</v>
      </c>
      <c r="F42141" t="s">
        <v>1587</v>
      </c>
      <c r="G42141" t="s">
        <v>80</v>
      </c>
      <c r="H42141" t="s">
        <v>81</v>
      </c>
      <c r="I42141" s="2">
        <v>0</v>
      </c>
      <c r="J42141" s="2">
        <v>1</v>
      </c>
      <c r="K42141" s="2">
        <v>0</v>
      </c>
      <c r="L42141" t="s">
        <v>82</v>
      </c>
      <c r="M42141" t="s">
        <v>83</v>
      </c>
      <c r="N42141" t="s">
        <v>91</v>
      </c>
      <c r="O42141" t="s">
        <v>85</v>
      </c>
      <c r="P42141" t="s">
        <v>86</v>
      </c>
      <c r="Q42141">
        <v>17</v>
      </c>
      <c r="R42141">
        <v>17</v>
      </c>
      <c r="S42141">
        <v>17</v>
      </c>
      <c r="T42141">
        <v>18</v>
      </c>
      <c r="U42141">
        <v>18</v>
      </c>
      <c r="V42141">
        <v>18</v>
      </c>
      <c r="W42141">
        <v>18</v>
      </c>
      <c r="X42141">
        <v>18</v>
      </c>
      <c r="Y42141">
        <v>18</v>
      </c>
      <c r="Z42141">
        <v>18</v>
      </c>
      <c r="AA42141">
        <v>18</v>
      </c>
      <c r="AB42141">
        <v>18</v>
      </c>
      <c r="AC42141">
        <v>18</v>
      </c>
      <c r="AD42141">
        <v>18</v>
      </c>
      <c r="AE42141">
        <v>18</v>
      </c>
      <c r="AF42141">
        <v>18</v>
      </c>
      <c r="AG42141">
        <v>18</v>
      </c>
      <c r="AH42141">
        <v>18</v>
      </c>
      <c r="AI42141">
        <v>18</v>
      </c>
      <c r="AJ42141">
        <v>18</v>
      </c>
      <c r="AK42141">
        <v>18</v>
      </c>
      <c r="AL42141">
        <v>18</v>
      </c>
      <c r="AM42141">
        <v>18</v>
      </c>
      <c r="AN42141">
        <v>18</v>
      </c>
      <c r="AO42141">
        <v>17</v>
      </c>
      <c r="AP42141">
        <v>17</v>
      </c>
      <c r="AQ42141">
        <v>17</v>
      </c>
    </row>
    <row r="42142" spans="1:43">
      <c r="A42142" t="s">
        <v>25883</v>
      </c>
      <c r="B42142" t="s">
        <v>25884</v>
      </c>
      <c r="C42142" t="s">
        <v>1650</v>
      </c>
      <c r="D42142" t="s">
        <v>1651</v>
      </c>
      <c r="E42142" t="s">
        <v>1586</v>
      </c>
      <c r="F42142" t="s">
        <v>1587</v>
      </c>
      <c r="G42142" t="s">
        <v>80</v>
      </c>
      <c r="H42142" t="s">
        <v>81</v>
      </c>
      <c r="I42142" s="2">
        <v>0</v>
      </c>
      <c r="J42142" s="2">
        <v>1</v>
      </c>
      <c r="K42142" s="2">
        <v>0</v>
      </c>
      <c r="L42142" t="s">
        <v>82</v>
      </c>
      <c r="M42142" t="s">
        <v>83</v>
      </c>
      <c r="N42142" t="s">
        <v>84</v>
      </c>
      <c r="O42142" t="s">
        <v>85</v>
      </c>
      <c r="P42142" t="s">
        <v>86</v>
      </c>
      <c r="Q42142">
        <v>125</v>
      </c>
      <c r="R42142">
        <v>126</v>
      </c>
      <c r="S42142">
        <v>126</v>
      </c>
      <c r="T42142">
        <v>127</v>
      </c>
      <c r="U42142">
        <v>127</v>
      </c>
      <c r="V42142">
        <v>128</v>
      </c>
      <c r="W42142">
        <v>128</v>
      </c>
      <c r="X42142">
        <v>129</v>
      </c>
      <c r="Y42142">
        <v>129</v>
      </c>
      <c r="Z42142">
        <v>130</v>
      </c>
      <c r="AA42142">
        <v>130</v>
      </c>
      <c r="AB42142">
        <v>131</v>
      </c>
      <c r="AC42142">
        <v>131</v>
      </c>
      <c r="AD42142">
        <v>132</v>
      </c>
      <c r="AE42142">
        <v>132</v>
      </c>
      <c r="AF42142">
        <v>132</v>
      </c>
      <c r="AG42142">
        <v>133</v>
      </c>
      <c r="AH42142">
        <v>133</v>
      </c>
      <c r="AI42142">
        <v>133</v>
      </c>
      <c r="AJ42142">
        <v>133</v>
      </c>
      <c r="AK42142">
        <v>134</v>
      </c>
      <c r="AL42142">
        <v>133</v>
      </c>
      <c r="AM42142">
        <v>132</v>
      </c>
      <c r="AN42142">
        <v>132</v>
      </c>
      <c r="AO42142">
        <v>131</v>
      </c>
      <c r="AP42142">
        <v>130</v>
      </c>
      <c r="AQ42142">
        <v>129</v>
      </c>
    </row>
    <row r="42143" spans="1:43">
      <c r="A42143" t="s">
        <v>25883</v>
      </c>
      <c r="B42143" t="s">
        <v>25884</v>
      </c>
      <c r="C42143" t="s">
        <v>1650</v>
      </c>
      <c r="D42143" t="s">
        <v>1651</v>
      </c>
      <c r="E42143" t="s">
        <v>1586</v>
      </c>
      <c r="F42143" t="s">
        <v>1587</v>
      </c>
      <c r="G42143" t="s">
        <v>80</v>
      </c>
      <c r="H42143" t="s">
        <v>81</v>
      </c>
      <c r="I42143" s="2">
        <v>0</v>
      </c>
      <c r="J42143" s="2">
        <v>1</v>
      </c>
      <c r="K42143" s="2">
        <v>0</v>
      </c>
      <c r="L42143" t="s">
        <v>82</v>
      </c>
      <c r="M42143" t="s">
        <v>87</v>
      </c>
      <c r="N42143" t="s">
        <v>88</v>
      </c>
      <c r="O42143" t="s">
        <v>85</v>
      </c>
      <c r="P42143" t="s">
        <v>86</v>
      </c>
      <c r="Q42143">
        <v>125</v>
      </c>
      <c r="R42143">
        <v>124</v>
      </c>
      <c r="S42143">
        <v>124</v>
      </c>
      <c r="T42143">
        <v>123</v>
      </c>
      <c r="U42143">
        <v>123</v>
      </c>
      <c r="V42143">
        <v>122</v>
      </c>
      <c r="W42143">
        <v>122</v>
      </c>
      <c r="X42143">
        <v>121</v>
      </c>
      <c r="Y42143">
        <v>121</v>
      </c>
      <c r="Z42143">
        <v>120</v>
      </c>
      <c r="AA42143">
        <v>120</v>
      </c>
      <c r="AB42143">
        <v>119</v>
      </c>
      <c r="AC42143">
        <v>119</v>
      </c>
      <c r="AD42143">
        <v>118</v>
      </c>
      <c r="AE42143">
        <v>118</v>
      </c>
      <c r="AF42143">
        <v>117</v>
      </c>
      <c r="AG42143">
        <v>117</v>
      </c>
      <c r="AH42143">
        <v>116</v>
      </c>
      <c r="AI42143">
        <v>116</v>
      </c>
      <c r="AJ42143">
        <v>115</v>
      </c>
      <c r="AK42143">
        <v>115</v>
      </c>
      <c r="AL42143">
        <v>114</v>
      </c>
      <c r="AM42143">
        <v>114</v>
      </c>
      <c r="AN42143">
        <v>113</v>
      </c>
      <c r="AO42143">
        <v>113</v>
      </c>
      <c r="AP42143">
        <v>113</v>
      </c>
      <c r="AQ42143">
        <v>112</v>
      </c>
    </row>
    <row r="42144" spans="1:43">
      <c r="A42144" t="s">
        <v>25883</v>
      </c>
      <c r="B42144" t="s">
        <v>25884</v>
      </c>
      <c r="C42144" t="s">
        <v>1650</v>
      </c>
      <c r="D42144" t="s">
        <v>1651</v>
      </c>
      <c r="E42144" t="s">
        <v>1586</v>
      </c>
      <c r="F42144" t="s">
        <v>1587</v>
      </c>
      <c r="G42144" t="s">
        <v>80</v>
      </c>
      <c r="H42144" t="s">
        <v>81</v>
      </c>
      <c r="I42144" s="2">
        <v>0</v>
      </c>
      <c r="J42144" s="2">
        <v>1</v>
      </c>
      <c r="K42144" s="2">
        <v>0</v>
      </c>
      <c r="L42144" t="s">
        <v>82</v>
      </c>
      <c r="M42144" t="s">
        <v>89</v>
      </c>
      <c r="N42144" t="s">
        <v>90</v>
      </c>
      <c r="O42144" t="s">
        <v>85</v>
      </c>
      <c r="P42144" t="s">
        <v>86</v>
      </c>
      <c r="Q42144">
        <v>125</v>
      </c>
      <c r="R42144">
        <v>127</v>
      </c>
      <c r="S42144">
        <v>128</v>
      </c>
      <c r="T42144">
        <v>130</v>
      </c>
      <c r="U42144">
        <v>131</v>
      </c>
      <c r="V42144">
        <v>133</v>
      </c>
      <c r="W42144">
        <v>134</v>
      </c>
      <c r="X42144">
        <v>135</v>
      </c>
      <c r="Y42144">
        <v>136</v>
      </c>
      <c r="Z42144">
        <v>137</v>
      </c>
      <c r="AA42144">
        <v>138</v>
      </c>
      <c r="AB42144">
        <v>139</v>
      </c>
      <c r="AC42144">
        <v>140</v>
      </c>
      <c r="AD42144">
        <v>140</v>
      </c>
      <c r="AE42144">
        <v>141</v>
      </c>
      <c r="AF42144">
        <v>140</v>
      </c>
      <c r="AG42144">
        <v>139</v>
      </c>
      <c r="AH42144">
        <v>138</v>
      </c>
      <c r="AI42144">
        <v>137</v>
      </c>
      <c r="AJ42144">
        <v>136</v>
      </c>
      <c r="AK42144">
        <v>135</v>
      </c>
      <c r="AL42144">
        <v>135</v>
      </c>
      <c r="AM42144">
        <v>134</v>
      </c>
      <c r="AN42144">
        <v>133</v>
      </c>
      <c r="AO42144">
        <v>132</v>
      </c>
      <c r="AP42144">
        <v>131</v>
      </c>
      <c r="AQ42144">
        <v>131</v>
      </c>
    </row>
    <row r="42145" spans="1:43">
      <c r="A42145" t="s">
        <v>25883</v>
      </c>
      <c r="B42145" t="s">
        <v>25884</v>
      </c>
      <c r="C42145" t="s">
        <v>1650</v>
      </c>
      <c r="D42145" t="s">
        <v>1651</v>
      </c>
      <c r="E42145" t="s">
        <v>1586</v>
      </c>
      <c r="F42145" t="s">
        <v>1587</v>
      </c>
      <c r="G42145" t="s">
        <v>80</v>
      </c>
      <c r="H42145" t="s">
        <v>81</v>
      </c>
      <c r="I42145" s="2">
        <v>0</v>
      </c>
      <c r="J42145" s="2">
        <v>1</v>
      </c>
      <c r="K42145" s="2">
        <v>0</v>
      </c>
      <c r="L42145" t="s">
        <v>82</v>
      </c>
      <c r="M42145" t="s">
        <v>83</v>
      </c>
      <c r="N42145" t="s">
        <v>91</v>
      </c>
      <c r="O42145" t="s">
        <v>85</v>
      </c>
      <c r="P42145" t="s">
        <v>86</v>
      </c>
      <c r="Q42145">
        <v>125</v>
      </c>
      <c r="R42145">
        <v>126</v>
      </c>
      <c r="S42145">
        <v>126</v>
      </c>
      <c r="T42145">
        <v>127</v>
      </c>
      <c r="U42145">
        <v>127</v>
      </c>
      <c r="V42145">
        <v>128</v>
      </c>
      <c r="W42145">
        <v>128</v>
      </c>
      <c r="X42145">
        <v>129</v>
      </c>
      <c r="Y42145">
        <v>129</v>
      </c>
      <c r="Z42145">
        <v>130</v>
      </c>
      <c r="AA42145">
        <v>130</v>
      </c>
      <c r="AB42145">
        <v>131</v>
      </c>
      <c r="AC42145">
        <v>131</v>
      </c>
      <c r="AD42145">
        <v>132</v>
      </c>
      <c r="AE42145">
        <v>132</v>
      </c>
      <c r="AF42145">
        <v>132</v>
      </c>
      <c r="AG42145">
        <v>133</v>
      </c>
      <c r="AH42145">
        <v>133</v>
      </c>
      <c r="AI42145">
        <v>133</v>
      </c>
      <c r="AJ42145">
        <v>133</v>
      </c>
      <c r="AK42145">
        <v>134</v>
      </c>
      <c r="AL42145">
        <v>133</v>
      </c>
      <c r="AM42145">
        <v>132</v>
      </c>
      <c r="AN42145">
        <v>132</v>
      </c>
      <c r="AO42145">
        <v>131</v>
      </c>
      <c r="AP42145">
        <v>130</v>
      </c>
      <c r="AQ42145">
        <v>129</v>
      </c>
    </row>
    <row r="42146" spans="1:43">
      <c r="A42146" t="s">
        <v>25885</v>
      </c>
      <c r="B42146" t="s">
        <v>25886</v>
      </c>
      <c r="C42146" t="s">
        <v>1650</v>
      </c>
      <c r="D42146" t="s">
        <v>1651</v>
      </c>
      <c r="E42146" t="s">
        <v>1586</v>
      </c>
      <c r="F42146" t="s">
        <v>1587</v>
      </c>
      <c r="G42146" t="s">
        <v>80</v>
      </c>
      <c r="H42146" t="s">
        <v>81</v>
      </c>
      <c r="I42146" s="2">
        <v>0</v>
      </c>
      <c r="J42146" s="2">
        <v>1</v>
      </c>
      <c r="K42146" s="2">
        <v>0</v>
      </c>
      <c r="L42146" t="s">
        <v>82</v>
      </c>
      <c r="M42146" t="s">
        <v>83</v>
      </c>
      <c r="N42146" t="s">
        <v>84</v>
      </c>
      <c r="O42146" t="s">
        <v>85</v>
      </c>
      <c r="P42146" t="s">
        <v>86</v>
      </c>
      <c r="Q42146">
        <v>84</v>
      </c>
      <c r="R42146">
        <v>85</v>
      </c>
      <c r="S42146">
        <v>85</v>
      </c>
      <c r="T42146">
        <v>85</v>
      </c>
      <c r="U42146">
        <v>86</v>
      </c>
      <c r="V42146">
        <v>86</v>
      </c>
      <c r="W42146">
        <v>87</v>
      </c>
      <c r="X42146">
        <v>87</v>
      </c>
      <c r="Y42146">
        <v>87</v>
      </c>
      <c r="Z42146">
        <v>88</v>
      </c>
      <c r="AA42146">
        <v>88</v>
      </c>
      <c r="AB42146">
        <v>88</v>
      </c>
      <c r="AC42146">
        <v>88</v>
      </c>
      <c r="AD42146">
        <v>89</v>
      </c>
      <c r="AE42146">
        <v>89</v>
      </c>
      <c r="AF42146">
        <v>89</v>
      </c>
      <c r="AG42146">
        <v>89</v>
      </c>
      <c r="AH42146">
        <v>89</v>
      </c>
      <c r="AI42146">
        <v>90</v>
      </c>
      <c r="AJ42146">
        <v>90</v>
      </c>
      <c r="AK42146">
        <v>90</v>
      </c>
      <c r="AL42146">
        <v>90</v>
      </c>
      <c r="AM42146">
        <v>89</v>
      </c>
      <c r="AN42146">
        <v>89</v>
      </c>
      <c r="AO42146">
        <v>88</v>
      </c>
      <c r="AP42146">
        <v>88</v>
      </c>
      <c r="AQ42146">
        <v>87</v>
      </c>
    </row>
    <row r="42147" spans="1:43">
      <c r="A42147" t="s">
        <v>25885</v>
      </c>
      <c r="B42147" t="s">
        <v>25886</v>
      </c>
      <c r="C42147" t="s">
        <v>1650</v>
      </c>
      <c r="D42147" t="s">
        <v>1651</v>
      </c>
      <c r="E42147" t="s">
        <v>1586</v>
      </c>
      <c r="F42147" t="s">
        <v>1587</v>
      </c>
      <c r="G42147" t="s">
        <v>80</v>
      </c>
      <c r="H42147" t="s">
        <v>81</v>
      </c>
      <c r="I42147" s="2">
        <v>0</v>
      </c>
      <c r="J42147" s="2">
        <v>1</v>
      </c>
      <c r="K42147" s="2">
        <v>0</v>
      </c>
      <c r="L42147" t="s">
        <v>82</v>
      </c>
      <c r="M42147" t="s">
        <v>87</v>
      </c>
      <c r="N42147" t="s">
        <v>88</v>
      </c>
      <c r="O42147" t="s">
        <v>85</v>
      </c>
      <c r="P42147" t="s">
        <v>86</v>
      </c>
      <c r="Q42147">
        <v>84</v>
      </c>
      <c r="R42147">
        <v>84</v>
      </c>
      <c r="S42147">
        <v>84</v>
      </c>
      <c r="T42147">
        <v>83</v>
      </c>
      <c r="U42147">
        <v>83</v>
      </c>
      <c r="V42147">
        <v>83</v>
      </c>
      <c r="W42147">
        <v>82</v>
      </c>
      <c r="X42147">
        <v>82</v>
      </c>
      <c r="Y42147">
        <v>82</v>
      </c>
      <c r="Z42147">
        <v>81</v>
      </c>
      <c r="AA42147">
        <v>81</v>
      </c>
      <c r="AB42147">
        <v>81</v>
      </c>
      <c r="AC42147">
        <v>80</v>
      </c>
      <c r="AD42147">
        <v>80</v>
      </c>
      <c r="AE42147">
        <v>80</v>
      </c>
      <c r="AF42147">
        <v>79</v>
      </c>
      <c r="AG42147">
        <v>79</v>
      </c>
      <c r="AH42147">
        <v>79</v>
      </c>
      <c r="AI42147">
        <v>78</v>
      </c>
      <c r="AJ42147">
        <v>78</v>
      </c>
      <c r="AK42147">
        <v>78</v>
      </c>
      <c r="AL42147">
        <v>77</v>
      </c>
      <c r="AM42147">
        <v>77</v>
      </c>
      <c r="AN42147">
        <v>77</v>
      </c>
      <c r="AO42147">
        <v>76</v>
      </c>
      <c r="AP42147">
        <v>76</v>
      </c>
      <c r="AQ42147">
        <v>76</v>
      </c>
    </row>
    <row r="42148" spans="1:43">
      <c r="A42148" t="s">
        <v>25885</v>
      </c>
      <c r="B42148" t="s">
        <v>25886</v>
      </c>
      <c r="C42148" t="s">
        <v>1650</v>
      </c>
      <c r="D42148" t="s">
        <v>1651</v>
      </c>
      <c r="E42148" t="s">
        <v>1586</v>
      </c>
      <c r="F42148" t="s">
        <v>1587</v>
      </c>
      <c r="G42148" t="s">
        <v>80</v>
      </c>
      <c r="H42148" t="s">
        <v>81</v>
      </c>
      <c r="I42148" s="2">
        <v>0</v>
      </c>
      <c r="J42148" s="2">
        <v>1</v>
      </c>
      <c r="K42148" s="2">
        <v>0</v>
      </c>
      <c r="L42148" t="s">
        <v>82</v>
      </c>
      <c r="M42148" t="s">
        <v>89</v>
      </c>
      <c r="N42148" t="s">
        <v>90</v>
      </c>
      <c r="O42148" t="s">
        <v>85</v>
      </c>
      <c r="P42148" t="s">
        <v>86</v>
      </c>
      <c r="Q42148">
        <v>84</v>
      </c>
      <c r="R42148">
        <v>85</v>
      </c>
      <c r="S42148">
        <v>86</v>
      </c>
      <c r="T42148">
        <v>87</v>
      </c>
      <c r="U42148">
        <v>88</v>
      </c>
      <c r="V42148">
        <v>89</v>
      </c>
      <c r="W42148">
        <v>90</v>
      </c>
      <c r="X42148">
        <v>91</v>
      </c>
      <c r="Y42148">
        <v>91</v>
      </c>
      <c r="Z42148">
        <v>92</v>
      </c>
      <c r="AA42148">
        <v>93</v>
      </c>
      <c r="AB42148">
        <v>93</v>
      </c>
      <c r="AC42148">
        <v>94</v>
      </c>
      <c r="AD42148">
        <v>94</v>
      </c>
      <c r="AE42148">
        <v>94</v>
      </c>
      <c r="AF42148">
        <v>94</v>
      </c>
      <c r="AG42148">
        <v>93</v>
      </c>
      <c r="AH42148">
        <v>93</v>
      </c>
      <c r="AI42148">
        <v>92</v>
      </c>
      <c r="AJ42148">
        <v>92</v>
      </c>
      <c r="AK42148">
        <v>91</v>
      </c>
      <c r="AL42148">
        <v>90</v>
      </c>
      <c r="AM42148">
        <v>90</v>
      </c>
      <c r="AN42148">
        <v>89</v>
      </c>
      <c r="AO42148">
        <v>89</v>
      </c>
      <c r="AP42148">
        <v>88</v>
      </c>
      <c r="AQ42148">
        <v>88</v>
      </c>
    </row>
    <row r="42149" spans="1:43">
      <c r="A42149" t="s">
        <v>25885</v>
      </c>
      <c r="B42149" t="s">
        <v>25886</v>
      </c>
      <c r="C42149" t="s">
        <v>1650</v>
      </c>
      <c r="D42149" t="s">
        <v>1651</v>
      </c>
      <c r="E42149" t="s">
        <v>1586</v>
      </c>
      <c r="F42149" t="s">
        <v>1587</v>
      </c>
      <c r="G42149" t="s">
        <v>80</v>
      </c>
      <c r="H42149" t="s">
        <v>81</v>
      </c>
      <c r="I42149" s="2">
        <v>0</v>
      </c>
      <c r="J42149" s="2">
        <v>1</v>
      </c>
      <c r="K42149" s="2">
        <v>0</v>
      </c>
      <c r="L42149" t="s">
        <v>82</v>
      </c>
      <c r="M42149" t="s">
        <v>83</v>
      </c>
      <c r="N42149" t="s">
        <v>91</v>
      </c>
      <c r="O42149" t="s">
        <v>85</v>
      </c>
      <c r="P42149" t="s">
        <v>86</v>
      </c>
      <c r="Q42149">
        <v>84</v>
      </c>
      <c r="R42149">
        <v>85</v>
      </c>
      <c r="S42149">
        <v>85</v>
      </c>
      <c r="T42149">
        <v>85</v>
      </c>
      <c r="U42149">
        <v>86</v>
      </c>
      <c r="V42149">
        <v>86</v>
      </c>
      <c r="W42149">
        <v>87</v>
      </c>
      <c r="X42149">
        <v>87</v>
      </c>
      <c r="Y42149">
        <v>87</v>
      </c>
      <c r="Z42149">
        <v>88</v>
      </c>
      <c r="AA42149">
        <v>88</v>
      </c>
      <c r="AB42149">
        <v>88</v>
      </c>
      <c r="AC42149">
        <v>88</v>
      </c>
      <c r="AD42149">
        <v>89</v>
      </c>
      <c r="AE42149">
        <v>89</v>
      </c>
      <c r="AF42149">
        <v>89</v>
      </c>
      <c r="AG42149">
        <v>89</v>
      </c>
      <c r="AH42149">
        <v>89</v>
      </c>
      <c r="AI42149">
        <v>90</v>
      </c>
      <c r="AJ42149">
        <v>90</v>
      </c>
      <c r="AK42149">
        <v>90</v>
      </c>
      <c r="AL42149">
        <v>90</v>
      </c>
      <c r="AM42149">
        <v>89</v>
      </c>
      <c r="AN42149">
        <v>89</v>
      </c>
      <c r="AO42149">
        <v>88</v>
      </c>
      <c r="AP42149">
        <v>88</v>
      </c>
      <c r="AQ42149">
        <v>87</v>
      </c>
    </row>
    <row r="42150" spans="1:43">
      <c r="A42150" t="s">
        <v>25887</v>
      </c>
      <c r="B42150" t="s">
        <v>25888</v>
      </c>
      <c r="C42150" t="s">
        <v>6722</v>
      </c>
      <c r="D42150" t="s">
        <v>6723</v>
      </c>
      <c r="E42150" t="s">
        <v>6594</v>
      </c>
      <c r="F42150" t="s">
        <v>6595</v>
      </c>
      <c r="G42150" t="s">
        <v>80</v>
      </c>
      <c r="H42150" t="s">
        <v>81</v>
      </c>
      <c r="I42150" s="2">
        <v>0</v>
      </c>
      <c r="J42150" s="2">
        <v>1</v>
      </c>
      <c r="K42150" s="2">
        <v>0</v>
      </c>
      <c r="L42150" t="s">
        <v>82</v>
      </c>
      <c r="M42150" t="s">
        <v>83</v>
      </c>
      <c r="N42150" t="s">
        <v>84</v>
      </c>
      <c r="O42150" t="s">
        <v>85</v>
      </c>
      <c r="P42150" t="s">
        <v>86</v>
      </c>
      <c r="Q42150">
        <v>0</v>
      </c>
      <c r="R42150">
        <v>0</v>
      </c>
      <c r="S42150">
        <v>0</v>
      </c>
      <c r="T42150">
        <v>0</v>
      </c>
      <c r="U42150">
        <v>0</v>
      </c>
      <c r="V42150">
        <v>0</v>
      </c>
      <c r="W42150">
        <v>0</v>
      </c>
      <c r="X42150">
        <v>0</v>
      </c>
      <c r="Y42150">
        <v>0</v>
      </c>
      <c r="Z42150">
        <v>0</v>
      </c>
      <c r="AA42150">
        <v>0</v>
      </c>
      <c r="AB42150">
        <v>0</v>
      </c>
      <c r="AC42150">
        <v>0</v>
      </c>
      <c r="AD42150">
        <v>0</v>
      </c>
      <c r="AE42150">
        <v>0</v>
      </c>
      <c r="AF42150">
        <v>0</v>
      </c>
      <c r="AG42150">
        <v>0</v>
      </c>
      <c r="AH42150">
        <v>0</v>
      </c>
      <c r="AI42150">
        <v>0</v>
      </c>
      <c r="AJ42150">
        <v>0</v>
      </c>
      <c r="AK42150">
        <v>0</v>
      </c>
      <c r="AL42150">
        <v>0</v>
      </c>
      <c r="AM42150">
        <v>0</v>
      </c>
      <c r="AN42150">
        <v>0</v>
      </c>
      <c r="AO42150">
        <v>0</v>
      </c>
      <c r="AP42150">
        <v>0</v>
      </c>
      <c r="AQ42150">
        <v>0</v>
      </c>
    </row>
    <row r="42151" spans="1:43">
      <c r="A42151" t="s">
        <v>25887</v>
      </c>
      <c r="B42151" t="s">
        <v>25888</v>
      </c>
      <c r="C42151" t="s">
        <v>6722</v>
      </c>
      <c r="D42151" t="s">
        <v>6723</v>
      </c>
      <c r="E42151" t="s">
        <v>6594</v>
      </c>
      <c r="F42151" t="s">
        <v>6595</v>
      </c>
      <c r="G42151" t="s">
        <v>80</v>
      </c>
      <c r="H42151" t="s">
        <v>81</v>
      </c>
      <c r="I42151" s="2">
        <v>0</v>
      </c>
      <c r="J42151" s="2">
        <v>1</v>
      </c>
      <c r="K42151" s="2">
        <v>0</v>
      </c>
      <c r="L42151" t="s">
        <v>82</v>
      </c>
      <c r="M42151" t="s">
        <v>87</v>
      </c>
      <c r="N42151" t="s">
        <v>88</v>
      </c>
      <c r="O42151" t="s">
        <v>85</v>
      </c>
      <c r="P42151" t="s">
        <v>86</v>
      </c>
      <c r="Q42151">
        <v>0</v>
      </c>
      <c r="R42151">
        <v>0</v>
      </c>
      <c r="S42151">
        <v>0</v>
      </c>
      <c r="T42151">
        <v>0</v>
      </c>
      <c r="U42151">
        <v>0</v>
      </c>
      <c r="V42151">
        <v>0</v>
      </c>
      <c r="W42151">
        <v>0</v>
      </c>
      <c r="X42151">
        <v>0</v>
      </c>
      <c r="Y42151">
        <v>0</v>
      </c>
      <c r="Z42151">
        <v>0</v>
      </c>
      <c r="AA42151">
        <v>0</v>
      </c>
      <c r="AB42151">
        <v>0</v>
      </c>
      <c r="AC42151">
        <v>0</v>
      </c>
      <c r="AD42151">
        <v>0</v>
      </c>
      <c r="AE42151">
        <v>0</v>
      </c>
      <c r="AF42151">
        <v>0</v>
      </c>
      <c r="AG42151">
        <v>0</v>
      </c>
      <c r="AH42151">
        <v>0</v>
      </c>
      <c r="AI42151">
        <v>0</v>
      </c>
      <c r="AJ42151">
        <v>0</v>
      </c>
      <c r="AK42151">
        <v>0</v>
      </c>
      <c r="AL42151">
        <v>0</v>
      </c>
      <c r="AM42151">
        <v>0</v>
      </c>
      <c r="AN42151">
        <v>0</v>
      </c>
      <c r="AO42151">
        <v>0</v>
      </c>
      <c r="AP42151">
        <v>0</v>
      </c>
      <c r="AQ42151">
        <v>0</v>
      </c>
    </row>
    <row r="42152" spans="1:43">
      <c r="A42152" t="s">
        <v>25887</v>
      </c>
      <c r="B42152" t="s">
        <v>25888</v>
      </c>
      <c r="C42152" t="s">
        <v>6722</v>
      </c>
      <c r="D42152" t="s">
        <v>6723</v>
      </c>
      <c r="E42152" t="s">
        <v>6594</v>
      </c>
      <c r="F42152" t="s">
        <v>6595</v>
      </c>
      <c r="G42152" t="s">
        <v>80</v>
      </c>
      <c r="H42152" t="s">
        <v>81</v>
      </c>
      <c r="I42152" s="2">
        <v>0</v>
      </c>
      <c r="J42152" s="2">
        <v>1</v>
      </c>
      <c r="K42152" s="2">
        <v>0</v>
      </c>
      <c r="L42152" t="s">
        <v>82</v>
      </c>
      <c r="M42152" t="s">
        <v>89</v>
      </c>
      <c r="N42152" t="s">
        <v>90</v>
      </c>
      <c r="O42152" t="s">
        <v>85</v>
      </c>
      <c r="P42152" t="s">
        <v>86</v>
      </c>
      <c r="Q42152">
        <v>0</v>
      </c>
      <c r="R42152">
        <v>0</v>
      </c>
      <c r="S42152">
        <v>0</v>
      </c>
      <c r="T42152">
        <v>0</v>
      </c>
      <c r="U42152">
        <v>0</v>
      </c>
      <c r="V42152">
        <v>0</v>
      </c>
      <c r="W42152">
        <v>0</v>
      </c>
      <c r="X42152">
        <v>0</v>
      </c>
      <c r="Y42152">
        <v>0</v>
      </c>
      <c r="Z42152">
        <v>0</v>
      </c>
      <c r="AA42152">
        <v>0</v>
      </c>
      <c r="AB42152">
        <v>0</v>
      </c>
      <c r="AC42152">
        <v>0</v>
      </c>
      <c r="AD42152">
        <v>0</v>
      </c>
      <c r="AE42152">
        <v>0</v>
      </c>
      <c r="AF42152">
        <v>0</v>
      </c>
      <c r="AG42152">
        <v>0</v>
      </c>
      <c r="AH42152">
        <v>0</v>
      </c>
      <c r="AI42152">
        <v>0</v>
      </c>
      <c r="AJ42152">
        <v>0</v>
      </c>
      <c r="AK42152">
        <v>0</v>
      </c>
      <c r="AL42152">
        <v>0</v>
      </c>
      <c r="AM42152">
        <v>0</v>
      </c>
      <c r="AN42152">
        <v>0</v>
      </c>
      <c r="AO42152">
        <v>0</v>
      </c>
      <c r="AP42152">
        <v>0</v>
      </c>
      <c r="AQ42152">
        <v>0</v>
      </c>
    </row>
    <row r="42153" spans="1:43">
      <c r="A42153" t="s">
        <v>25887</v>
      </c>
      <c r="B42153" t="s">
        <v>25888</v>
      </c>
      <c r="C42153" t="s">
        <v>6722</v>
      </c>
      <c r="D42153" t="s">
        <v>6723</v>
      </c>
      <c r="E42153" t="s">
        <v>6594</v>
      </c>
      <c r="F42153" t="s">
        <v>6595</v>
      </c>
      <c r="G42153" t="s">
        <v>80</v>
      </c>
      <c r="H42153" t="s">
        <v>81</v>
      </c>
      <c r="I42153" s="2">
        <v>0</v>
      </c>
      <c r="J42153" s="2">
        <v>1</v>
      </c>
      <c r="K42153" s="2">
        <v>0</v>
      </c>
      <c r="L42153" t="s">
        <v>82</v>
      </c>
      <c r="M42153" t="s">
        <v>83</v>
      </c>
      <c r="N42153" t="s">
        <v>91</v>
      </c>
      <c r="O42153" t="s">
        <v>85</v>
      </c>
      <c r="P42153" t="s">
        <v>86</v>
      </c>
      <c r="Q42153">
        <v>0</v>
      </c>
      <c r="R42153">
        <v>0</v>
      </c>
      <c r="S42153">
        <v>0</v>
      </c>
      <c r="T42153">
        <v>0</v>
      </c>
      <c r="U42153">
        <v>0</v>
      </c>
      <c r="V42153">
        <v>0</v>
      </c>
      <c r="W42153">
        <v>0</v>
      </c>
      <c r="X42153">
        <v>0</v>
      </c>
      <c r="Y42153">
        <v>0</v>
      </c>
      <c r="Z42153">
        <v>0</v>
      </c>
      <c r="AA42153">
        <v>0</v>
      </c>
      <c r="AB42153">
        <v>0</v>
      </c>
      <c r="AC42153">
        <v>0</v>
      </c>
      <c r="AD42153">
        <v>0</v>
      </c>
      <c r="AE42153">
        <v>0</v>
      </c>
      <c r="AF42153">
        <v>0</v>
      </c>
      <c r="AG42153">
        <v>0</v>
      </c>
      <c r="AH42153">
        <v>0</v>
      </c>
      <c r="AI42153">
        <v>0</v>
      </c>
      <c r="AJ42153">
        <v>0</v>
      </c>
      <c r="AK42153">
        <v>0</v>
      </c>
      <c r="AL42153">
        <v>0</v>
      </c>
      <c r="AM42153">
        <v>0</v>
      </c>
      <c r="AN42153">
        <v>0</v>
      </c>
      <c r="AO42153">
        <v>0</v>
      </c>
      <c r="AP42153">
        <v>0</v>
      </c>
      <c r="AQ42153">
        <v>0</v>
      </c>
    </row>
    <row r="42154" spans="1:43">
      <c r="A42154" t="s">
        <v>25889</v>
      </c>
      <c r="B42154" t="s">
        <v>25890</v>
      </c>
      <c r="C42154" t="s">
        <v>6722</v>
      </c>
      <c r="D42154" t="s">
        <v>6723</v>
      </c>
      <c r="E42154" t="s">
        <v>6594</v>
      </c>
      <c r="F42154" t="s">
        <v>6595</v>
      </c>
      <c r="G42154" t="s">
        <v>80</v>
      </c>
      <c r="H42154" t="s">
        <v>81</v>
      </c>
      <c r="I42154" s="2">
        <v>0</v>
      </c>
      <c r="J42154" s="2">
        <v>1</v>
      </c>
      <c r="K42154" s="2">
        <v>0</v>
      </c>
      <c r="L42154" t="s">
        <v>82</v>
      </c>
      <c r="M42154" t="s">
        <v>83</v>
      </c>
      <c r="N42154" t="s">
        <v>84</v>
      </c>
      <c r="O42154" t="s">
        <v>85</v>
      </c>
      <c r="P42154" t="s">
        <v>86</v>
      </c>
      <c r="Q42154">
        <v>22</v>
      </c>
      <c r="R42154">
        <v>22</v>
      </c>
      <c r="S42154">
        <v>22</v>
      </c>
      <c r="T42154">
        <v>22</v>
      </c>
      <c r="U42154">
        <v>22</v>
      </c>
      <c r="V42154">
        <v>22</v>
      </c>
      <c r="W42154">
        <v>23</v>
      </c>
      <c r="X42154">
        <v>23</v>
      </c>
      <c r="Y42154">
        <v>23</v>
      </c>
      <c r="Z42154">
        <v>23</v>
      </c>
      <c r="AA42154">
        <v>23</v>
      </c>
      <c r="AB42154">
        <v>23</v>
      </c>
      <c r="AC42154">
        <v>23</v>
      </c>
      <c r="AD42154">
        <v>23</v>
      </c>
      <c r="AE42154">
        <v>23</v>
      </c>
      <c r="AF42154">
        <v>23</v>
      </c>
      <c r="AG42154">
        <v>23</v>
      </c>
      <c r="AH42154">
        <v>23</v>
      </c>
      <c r="AI42154">
        <v>23</v>
      </c>
      <c r="AJ42154">
        <v>23</v>
      </c>
      <c r="AK42154">
        <v>23</v>
      </c>
      <c r="AL42154">
        <v>23</v>
      </c>
      <c r="AM42154">
        <v>22</v>
      </c>
      <c r="AN42154">
        <v>22</v>
      </c>
      <c r="AO42154">
        <v>22</v>
      </c>
      <c r="AP42154">
        <v>22</v>
      </c>
      <c r="AQ42154">
        <v>22</v>
      </c>
    </row>
    <row r="42155" spans="1:43">
      <c r="A42155" t="s">
        <v>25889</v>
      </c>
      <c r="B42155" t="s">
        <v>25890</v>
      </c>
      <c r="C42155" t="s">
        <v>6722</v>
      </c>
      <c r="D42155" t="s">
        <v>6723</v>
      </c>
      <c r="E42155" t="s">
        <v>6594</v>
      </c>
      <c r="F42155" t="s">
        <v>6595</v>
      </c>
      <c r="G42155" t="s">
        <v>80</v>
      </c>
      <c r="H42155" t="s">
        <v>81</v>
      </c>
      <c r="I42155" s="2">
        <v>0</v>
      </c>
      <c r="J42155" s="2">
        <v>1</v>
      </c>
      <c r="K42155" s="2">
        <v>0</v>
      </c>
      <c r="L42155" t="s">
        <v>82</v>
      </c>
      <c r="M42155" t="s">
        <v>87</v>
      </c>
      <c r="N42155" t="s">
        <v>88</v>
      </c>
      <c r="O42155" t="s">
        <v>85</v>
      </c>
      <c r="P42155" t="s">
        <v>86</v>
      </c>
      <c r="Q42155">
        <v>22</v>
      </c>
      <c r="R42155">
        <v>22</v>
      </c>
      <c r="S42155">
        <v>22</v>
      </c>
      <c r="T42155">
        <v>21</v>
      </c>
      <c r="U42155">
        <v>21</v>
      </c>
      <c r="V42155">
        <v>21</v>
      </c>
      <c r="W42155">
        <v>21</v>
      </c>
      <c r="X42155">
        <v>21</v>
      </c>
      <c r="Y42155">
        <v>21</v>
      </c>
      <c r="Z42155">
        <v>21</v>
      </c>
      <c r="AA42155">
        <v>21</v>
      </c>
      <c r="AB42155">
        <v>21</v>
      </c>
      <c r="AC42155">
        <v>21</v>
      </c>
      <c r="AD42155">
        <v>20</v>
      </c>
      <c r="AE42155">
        <v>20</v>
      </c>
      <c r="AF42155">
        <v>20</v>
      </c>
      <c r="AG42155">
        <v>20</v>
      </c>
      <c r="AH42155">
        <v>20</v>
      </c>
      <c r="AI42155">
        <v>20</v>
      </c>
      <c r="AJ42155">
        <v>20</v>
      </c>
      <c r="AK42155">
        <v>20</v>
      </c>
      <c r="AL42155">
        <v>19</v>
      </c>
      <c r="AM42155">
        <v>19</v>
      </c>
      <c r="AN42155">
        <v>19</v>
      </c>
      <c r="AO42155">
        <v>19</v>
      </c>
      <c r="AP42155">
        <v>19</v>
      </c>
      <c r="AQ42155">
        <v>19</v>
      </c>
    </row>
    <row r="42156" spans="1:43">
      <c r="A42156" t="s">
        <v>25889</v>
      </c>
      <c r="B42156" t="s">
        <v>25890</v>
      </c>
      <c r="C42156" t="s">
        <v>6722</v>
      </c>
      <c r="D42156" t="s">
        <v>6723</v>
      </c>
      <c r="E42156" t="s">
        <v>6594</v>
      </c>
      <c r="F42156" t="s">
        <v>6595</v>
      </c>
      <c r="G42156" t="s">
        <v>80</v>
      </c>
      <c r="H42156" t="s">
        <v>81</v>
      </c>
      <c r="I42156" s="2">
        <v>0</v>
      </c>
      <c r="J42156" s="2">
        <v>1</v>
      </c>
      <c r="K42156" s="2">
        <v>0</v>
      </c>
      <c r="L42156" t="s">
        <v>82</v>
      </c>
      <c r="M42156" t="s">
        <v>89</v>
      </c>
      <c r="N42156" t="s">
        <v>90</v>
      </c>
      <c r="O42156" t="s">
        <v>85</v>
      </c>
      <c r="P42156" t="s">
        <v>86</v>
      </c>
      <c r="Q42156">
        <v>22</v>
      </c>
      <c r="R42156">
        <v>22</v>
      </c>
      <c r="S42156">
        <v>23</v>
      </c>
      <c r="T42156">
        <v>23</v>
      </c>
      <c r="U42156">
        <v>23</v>
      </c>
      <c r="V42156">
        <v>23</v>
      </c>
      <c r="W42156">
        <v>24</v>
      </c>
      <c r="X42156">
        <v>24</v>
      </c>
      <c r="Y42156">
        <v>24</v>
      </c>
      <c r="Z42156">
        <v>24</v>
      </c>
      <c r="AA42156">
        <v>24</v>
      </c>
      <c r="AB42156">
        <v>24</v>
      </c>
      <c r="AC42156">
        <v>24</v>
      </c>
      <c r="AD42156">
        <v>25</v>
      </c>
      <c r="AE42156">
        <v>25</v>
      </c>
      <c r="AF42156">
        <v>24</v>
      </c>
      <c r="AG42156">
        <v>24</v>
      </c>
      <c r="AH42156">
        <v>24</v>
      </c>
      <c r="AI42156">
        <v>24</v>
      </c>
      <c r="AJ42156">
        <v>23</v>
      </c>
      <c r="AK42156">
        <v>23</v>
      </c>
      <c r="AL42156">
        <v>23</v>
      </c>
      <c r="AM42156">
        <v>23</v>
      </c>
      <c r="AN42156">
        <v>22</v>
      </c>
      <c r="AO42156">
        <v>22</v>
      </c>
      <c r="AP42156">
        <v>22</v>
      </c>
      <c r="AQ42156">
        <v>22</v>
      </c>
    </row>
    <row r="42157" spans="1:43">
      <c r="A42157" t="s">
        <v>25889</v>
      </c>
      <c r="B42157" t="s">
        <v>25890</v>
      </c>
      <c r="C42157" t="s">
        <v>6722</v>
      </c>
      <c r="D42157" t="s">
        <v>6723</v>
      </c>
      <c r="E42157" t="s">
        <v>6594</v>
      </c>
      <c r="F42157" t="s">
        <v>6595</v>
      </c>
      <c r="G42157" t="s">
        <v>80</v>
      </c>
      <c r="H42157" t="s">
        <v>81</v>
      </c>
      <c r="I42157" s="2">
        <v>0</v>
      </c>
      <c r="J42157" s="2">
        <v>1</v>
      </c>
      <c r="K42157" s="2">
        <v>0</v>
      </c>
      <c r="L42157" t="s">
        <v>82</v>
      </c>
      <c r="M42157" t="s">
        <v>83</v>
      </c>
      <c r="N42157" t="s">
        <v>91</v>
      </c>
      <c r="O42157" t="s">
        <v>85</v>
      </c>
      <c r="P42157" t="s">
        <v>86</v>
      </c>
      <c r="Q42157">
        <v>22</v>
      </c>
      <c r="R42157">
        <v>22</v>
      </c>
      <c r="S42157">
        <v>22</v>
      </c>
      <c r="T42157">
        <v>22</v>
      </c>
      <c r="U42157">
        <v>22</v>
      </c>
      <c r="V42157">
        <v>22</v>
      </c>
      <c r="W42157">
        <v>23</v>
      </c>
      <c r="X42157">
        <v>23</v>
      </c>
      <c r="Y42157">
        <v>23</v>
      </c>
      <c r="Z42157">
        <v>23</v>
      </c>
      <c r="AA42157">
        <v>23</v>
      </c>
      <c r="AB42157">
        <v>23</v>
      </c>
      <c r="AC42157">
        <v>23</v>
      </c>
      <c r="AD42157">
        <v>23</v>
      </c>
      <c r="AE42157">
        <v>23</v>
      </c>
      <c r="AF42157">
        <v>23</v>
      </c>
      <c r="AG42157">
        <v>23</v>
      </c>
      <c r="AH42157">
        <v>23</v>
      </c>
      <c r="AI42157">
        <v>23</v>
      </c>
      <c r="AJ42157">
        <v>23</v>
      </c>
      <c r="AK42157">
        <v>23</v>
      </c>
      <c r="AL42157">
        <v>23</v>
      </c>
      <c r="AM42157">
        <v>22</v>
      </c>
      <c r="AN42157">
        <v>22</v>
      </c>
      <c r="AO42157">
        <v>22</v>
      </c>
      <c r="AP42157">
        <v>22</v>
      </c>
      <c r="AQ42157">
        <v>22</v>
      </c>
    </row>
    <row r="42158" spans="1:43">
      <c r="A42158" t="s">
        <v>25891</v>
      </c>
      <c r="B42158" t="s">
        <v>25892</v>
      </c>
      <c r="C42158" t="s">
        <v>6722</v>
      </c>
      <c r="D42158" t="s">
        <v>6723</v>
      </c>
      <c r="E42158" t="s">
        <v>6594</v>
      </c>
      <c r="F42158" t="s">
        <v>6595</v>
      </c>
      <c r="G42158" t="s">
        <v>80</v>
      </c>
      <c r="H42158" t="s">
        <v>81</v>
      </c>
      <c r="I42158" s="2">
        <v>0</v>
      </c>
      <c r="J42158" s="2">
        <v>1</v>
      </c>
      <c r="K42158" s="2">
        <v>0</v>
      </c>
      <c r="L42158" t="s">
        <v>82</v>
      </c>
      <c r="M42158" t="s">
        <v>83</v>
      </c>
      <c r="N42158" t="s">
        <v>84</v>
      </c>
      <c r="O42158" t="s">
        <v>85</v>
      </c>
      <c r="P42158" t="s">
        <v>86</v>
      </c>
      <c r="Q42158">
        <v>14</v>
      </c>
      <c r="R42158">
        <v>14</v>
      </c>
      <c r="S42158">
        <v>14</v>
      </c>
      <c r="T42158">
        <v>15</v>
      </c>
      <c r="U42158">
        <v>15</v>
      </c>
      <c r="V42158">
        <v>15</v>
      </c>
      <c r="W42158">
        <v>15</v>
      </c>
      <c r="X42158">
        <v>15</v>
      </c>
      <c r="Y42158">
        <v>15</v>
      </c>
      <c r="Z42158">
        <v>15</v>
      </c>
      <c r="AA42158">
        <v>15</v>
      </c>
      <c r="AB42158">
        <v>15</v>
      </c>
      <c r="AC42158">
        <v>15</v>
      </c>
      <c r="AD42158">
        <v>15</v>
      </c>
      <c r="AE42158">
        <v>15</v>
      </c>
      <c r="AF42158">
        <v>15</v>
      </c>
      <c r="AG42158">
        <v>15</v>
      </c>
      <c r="AH42158">
        <v>15</v>
      </c>
      <c r="AI42158">
        <v>15</v>
      </c>
      <c r="AJ42158">
        <v>15</v>
      </c>
      <c r="AK42158">
        <v>15</v>
      </c>
      <c r="AL42158">
        <v>15</v>
      </c>
      <c r="AM42158">
        <v>15</v>
      </c>
      <c r="AN42158">
        <v>15</v>
      </c>
      <c r="AO42158">
        <v>14</v>
      </c>
      <c r="AP42158">
        <v>14</v>
      </c>
      <c r="AQ42158">
        <v>14</v>
      </c>
    </row>
    <row r="42159" spans="1:43">
      <c r="A42159" t="s">
        <v>25891</v>
      </c>
      <c r="B42159" t="s">
        <v>25892</v>
      </c>
      <c r="C42159" t="s">
        <v>6722</v>
      </c>
      <c r="D42159" t="s">
        <v>6723</v>
      </c>
      <c r="E42159" t="s">
        <v>6594</v>
      </c>
      <c r="F42159" t="s">
        <v>6595</v>
      </c>
      <c r="G42159" t="s">
        <v>80</v>
      </c>
      <c r="H42159" t="s">
        <v>81</v>
      </c>
      <c r="I42159" s="2">
        <v>0</v>
      </c>
      <c r="J42159" s="2">
        <v>1</v>
      </c>
      <c r="K42159" s="2">
        <v>0</v>
      </c>
      <c r="L42159" t="s">
        <v>82</v>
      </c>
      <c r="M42159" t="s">
        <v>87</v>
      </c>
      <c r="N42159" t="s">
        <v>88</v>
      </c>
      <c r="O42159" t="s">
        <v>85</v>
      </c>
      <c r="P42159" t="s">
        <v>86</v>
      </c>
      <c r="Q42159">
        <v>14</v>
      </c>
      <c r="R42159">
        <v>14</v>
      </c>
      <c r="S42159">
        <v>14</v>
      </c>
      <c r="T42159">
        <v>14</v>
      </c>
      <c r="U42159">
        <v>14</v>
      </c>
      <c r="V42159">
        <v>14</v>
      </c>
      <c r="W42159">
        <v>14</v>
      </c>
      <c r="X42159">
        <v>14</v>
      </c>
      <c r="Y42159">
        <v>14</v>
      </c>
      <c r="Z42159">
        <v>14</v>
      </c>
      <c r="AA42159">
        <v>14</v>
      </c>
      <c r="AB42159">
        <v>13</v>
      </c>
      <c r="AC42159">
        <v>13</v>
      </c>
      <c r="AD42159">
        <v>13</v>
      </c>
      <c r="AE42159">
        <v>13</v>
      </c>
      <c r="AF42159">
        <v>13</v>
      </c>
      <c r="AG42159">
        <v>13</v>
      </c>
      <c r="AH42159">
        <v>13</v>
      </c>
      <c r="AI42159">
        <v>13</v>
      </c>
      <c r="AJ42159">
        <v>13</v>
      </c>
      <c r="AK42159">
        <v>13</v>
      </c>
      <c r="AL42159">
        <v>13</v>
      </c>
      <c r="AM42159">
        <v>13</v>
      </c>
      <c r="AN42159">
        <v>13</v>
      </c>
      <c r="AO42159">
        <v>12</v>
      </c>
      <c r="AP42159">
        <v>12</v>
      </c>
      <c r="AQ42159">
        <v>12</v>
      </c>
    </row>
    <row r="42160" spans="1:43">
      <c r="A42160" t="s">
        <v>25891</v>
      </c>
      <c r="B42160" t="s">
        <v>25892</v>
      </c>
      <c r="C42160" t="s">
        <v>6722</v>
      </c>
      <c r="D42160" t="s">
        <v>6723</v>
      </c>
      <c r="E42160" t="s">
        <v>6594</v>
      </c>
      <c r="F42160" t="s">
        <v>6595</v>
      </c>
      <c r="G42160" t="s">
        <v>80</v>
      </c>
      <c r="H42160" t="s">
        <v>81</v>
      </c>
      <c r="I42160" s="2">
        <v>0</v>
      </c>
      <c r="J42160" s="2">
        <v>1</v>
      </c>
      <c r="K42160" s="2">
        <v>0</v>
      </c>
      <c r="L42160" t="s">
        <v>82</v>
      </c>
      <c r="M42160" t="s">
        <v>89</v>
      </c>
      <c r="N42160" t="s">
        <v>90</v>
      </c>
      <c r="O42160" t="s">
        <v>85</v>
      </c>
      <c r="P42160" t="s">
        <v>86</v>
      </c>
      <c r="Q42160">
        <v>14</v>
      </c>
      <c r="R42160">
        <v>15</v>
      </c>
      <c r="S42160">
        <v>15</v>
      </c>
      <c r="T42160">
        <v>15</v>
      </c>
      <c r="U42160">
        <v>15</v>
      </c>
      <c r="V42160">
        <v>15</v>
      </c>
      <c r="W42160">
        <v>16</v>
      </c>
      <c r="X42160">
        <v>16</v>
      </c>
      <c r="Y42160">
        <v>16</v>
      </c>
      <c r="Z42160">
        <v>16</v>
      </c>
      <c r="AA42160">
        <v>16</v>
      </c>
      <c r="AB42160">
        <v>16</v>
      </c>
      <c r="AC42160">
        <v>16</v>
      </c>
      <c r="AD42160">
        <v>16</v>
      </c>
      <c r="AE42160">
        <v>16</v>
      </c>
      <c r="AF42160">
        <v>16</v>
      </c>
      <c r="AG42160">
        <v>16</v>
      </c>
      <c r="AH42160">
        <v>16</v>
      </c>
      <c r="AI42160">
        <v>15</v>
      </c>
      <c r="AJ42160">
        <v>15</v>
      </c>
      <c r="AK42160">
        <v>15</v>
      </c>
      <c r="AL42160">
        <v>15</v>
      </c>
      <c r="AM42160">
        <v>15</v>
      </c>
      <c r="AN42160">
        <v>15</v>
      </c>
      <c r="AO42160">
        <v>15</v>
      </c>
      <c r="AP42160">
        <v>14</v>
      </c>
      <c r="AQ42160">
        <v>14</v>
      </c>
    </row>
    <row r="42161" spans="1:43">
      <c r="A42161" t="s">
        <v>25891</v>
      </c>
      <c r="B42161" t="s">
        <v>25892</v>
      </c>
      <c r="C42161" t="s">
        <v>6722</v>
      </c>
      <c r="D42161" t="s">
        <v>6723</v>
      </c>
      <c r="E42161" t="s">
        <v>6594</v>
      </c>
      <c r="F42161" t="s">
        <v>6595</v>
      </c>
      <c r="G42161" t="s">
        <v>80</v>
      </c>
      <c r="H42161" t="s">
        <v>81</v>
      </c>
      <c r="I42161" s="2">
        <v>0</v>
      </c>
      <c r="J42161" s="2">
        <v>1</v>
      </c>
      <c r="K42161" s="2">
        <v>0</v>
      </c>
      <c r="L42161" t="s">
        <v>82</v>
      </c>
      <c r="M42161" t="s">
        <v>83</v>
      </c>
      <c r="N42161" t="s">
        <v>91</v>
      </c>
      <c r="O42161" t="s">
        <v>85</v>
      </c>
      <c r="P42161" t="s">
        <v>86</v>
      </c>
      <c r="Q42161">
        <v>14</v>
      </c>
      <c r="R42161">
        <v>14</v>
      </c>
      <c r="S42161">
        <v>14</v>
      </c>
      <c r="T42161">
        <v>15</v>
      </c>
      <c r="U42161">
        <v>15</v>
      </c>
      <c r="V42161">
        <v>15</v>
      </c>
      <c r="W42161">
        <v>15</v>
      </c>
      <c r="X42161">
        <v>15</v>
      </c>
      <c r="Y42161">
        <v>15</v>
      </c>
      <c r="Z42161">
        <v>15</v>
      </c>
      <c r="AA42161">
        <v>15</v>
      </c>
      <c r="AB42161">
        <v>15</v>
      </c>
      <c r="AC42161">
        <v>15</v>
      </c>
      <c r="AD42161">
        <v>15</v>
      </c>
      <c r="AE42161">
        <v>15</v>
      </c>
      <c r="AF42161">
        <v>15</v>
      </c>
      <c r="AG42161">
        <v>15</v>
      </c>
      <c r="AH42161">
        <v>15</v>
      </c>
      <c r="AI42161">
        <v>15</v>
      </c>
      <c r="AJ42161">
        <v>15</v>
      </c>
      <c r="AK42161">
        <v>15</v>
      </c>
      <c r="AL42161">
        <v>15</v>
      </c>
      <c r="AM42161">
        <v>15</v>
      </c>
      <c r="AN42161">
        <v>15</v>
      </c>
      <c r="AO42161">
        <v>14</v>
      </c>
      <c r="AP42161">
        <v>14</v>
      </c>
      <c r="AQ42161">
        <v>14</v>
      </c>
    </row>
    <row r="42162" spans="1:43">
      <c r="A42162" t="s">
        <v>25893</v>
      </c>
      <c r="B42162" t="s">
        <v>25894</v>
      </c>
      <c r="C42162" t="s">
        <v>6890</v>
      </c>
      <c r="D42162" t="s">
        <v>6891</v>
      </c>
      <c r="E42162" t="s">
        <v>6594</v>
      </c>
      <c r="F42162" t="s">
        <v>6595</v>
      </c>
      <c r="G42162" t="s">
        <v>80</v>
      </c>
      <c r="H42162" t="s">
        <v>81</v>
      </c>
      <c r="I42162" s="2">
        <v>0</v>
      </c>
      <c r="J42162" s="2">
        <v>1</v>
      </c>
      <c r="K42162" s="2">
        <v>0</v>
      </c>
      <c r="L42162" t="s">
        <v>82</v>
      </c>
      <c r="M42162" t="s">
        <v>83</v>
      </c>
      <c r="N42162" t="s">
        <v>84</v>
      </c>
      <c r="O42162" t="s">
        <v>85</v>
      </c>
      <c r="P42162" t="s">
        <v>86</v>
      </c>
      <c r="Q42162">
        <v>8</v>
      </c>
      <c r="R42162">
        <v>9</v>
      </c>
      <c r="S42162">
        <v>9</v>
      </c>
      <c r="T42162">
        <v>9</v>
      </c>
      <c r="U42162">
        <v>9</v>
      </c>
      <c r="V42162">
        <v>9</v>
      </c>
      <c r="W42162">
        <v>9</v>
      </c>
      <c r="X42162">
        <v>9</v>
      </c>
      <c r="Y42162">
        <v>9</v>
      </c>
      <c r="Z42162">
        <v>9</v>
      </c>
      <c r="AA42162">
        <v>9</v>
      </c>
      <c r="AB42162">
        <v>9</v>
      </c>
      <c r="AC42162">
        <v>9</v>
      </c>
      <c r="AD42162">
        <v>9</v>
      </c>
      <c r="AE42162">
        <v>9</v>
      </c>
      <c r="AF42162">
        <v>9</v>
      </c>
      <c r="AG42162">
        <v>9</v>
      </c>
      <c r="AH42162">
        <v>9</v>
      </c>
      <c r="AI42162">
        <v>9</v>
      </c>
      <c r="AJ42162">
        <v>9</v>
      </c>
      <c r="AK42162">
        <v>9</v>
      </c>
      <c r="AL42162">
        <v>9</v>
      </c>
      <c r="AM42162">
        <v>9</v>
      </c>
      <c r="AN42162">
        <v>9</v>
      </c>
      <c r="AO42162">
        <v>9</v>
      </c>
      <c r="AP42162">
        <v>9</v>
      </c>
      <c r="AQ42162">
        <v>9</v>
      </c>
    </row>
    <row r="42163" spans="1:43">
      <c r="A42163" t="s">
        <v>25893</v>
      </c>
      <c r="B42163" t="s">
        <v>25894</v>
      </c>
      <c r="C42163" t="s">
        <v>6890</v>
      </c>
      <c r="D42163" t="s">
        <v>6891</v>
      </c>
      <c r="E42163" t="s">
        <v>6594</v>
      </c>
      <c r="F42163" t="s">
        <v>6595</v>
      </c>
      <c r="G42163" t="s">
        <v>80</v>
      </c>
      <c r="H42163" t="s">
        <v>81</v>
      </c>
      <c r="I42163" s="2">
        <v>0</v>
      </c>
      <c r="J42163" s="2">
        <v>1</v>
      </c>
      <c r="K42163" s="2">
        <v>0</v>
      </c>
      <c r="L42163" t="s">
        <v>82</v>
      </c>
      <c r="M42163" t="s">
        <v>87</v>
      </c>
      <c r="N42163" t="s">
        <v>88</v>
      </c>
      <c r="O42163" t="s">
        <v>85</v>
      </c>
      <c r="P42163" t="s">
        <v>86</v>
      </c>
      <c r="Q42163">
        <v>8</v>
      </c>
      <c r="R42163">
        <v>8</v>
      </c>
      <c r="S42163">
        <v>8</v>
      </c>
      <c r="T42163">
        <v>8</v>
      </c>
      <c r="U42163">
        <v>8</v>
      </c>
      <c r="V42163">
        <v>8</v>
      </c>
      <c r="W42163">
        <v>8</v>
      </c>
      <c r="X42163">
        <v>8</v>
      </c>
      <c r="Y42163">
        <v>8</v>
      </c>
      <c r="Z42163">
        <v>8</v>
      </c>
      <c r="AA42163">
        <v>8</v>
      </c>
      <c r="AB42163">
        <v>8</v>
      </c>
      <c r="AC42163">
        <v>8</v>
      </c>
      <c r="AD42163">
        <v>8</v>
      </c>
      <c r="AE42163">
        <v>8</v>
      </c>
      <c r="AF42163">
        <v>8</v>
      </c>
      <c r="AG42163">
        <v>8</v>
      </c>
      <c r="AH42163">
        <v>8</v>
      </c>
      <c r="AI42163">
        <v>8</v>
      </c>
      <c r="AJ42163">
        <v>8</v>
      </c>
      <c r="AK42163">
        <v>8</v>
      </c>
      <c r="AL42163">
        <v>8</v>
      </c>
      <c r="AM42163">
        <v>8</v>
      </c>
      <c r="AN42163">
        <v>8</v>
      </c>
      <c r="AO42163">
        <v>7</v>
      </c>
      <c r="AP42163">
        <v>7</v>
      </c>
      <c r="AQ42163">
        <v>7</v>
      </c>
    </row>
    <row r="42164" spans="1:43">
      <c r="A42164" t="s">
        <v>25893</v>
      </c>
      <c r="B42164" t="s">
        <v>25894</v>
      </c>
      <c r="C42164" t="s">
        <v>6890</v>
      </c>
      <c r="D42164" t="s">
        <v>6891</v>
      </c>
      <c r="E42164" t="s">
        <v>6594</v>
      </c>
      <c r="F42164" t="s">
        <v>6595</v>
      </c>
      <c r="G42164" t="s">
        <v>80</v>
      </c>
      <c r="H42164" t="s">
        <v>81</v>
      </c>
      <c r="I42164" s="2">
        <v>0</v>
      </c>
      <c r="J42164" s="2">
        <v>1</v>
      </c>
      <c r="K42164" s="2">
        <v>0</v>
      </c>
      <c r="L42164" t="s">
        <v>82</v>
      </c>
      <c r="M42164" t="s">
        <v>89</v>
      </c>
      <c r="N42164" t="s">
        <v>90</v>
      </c>
      <c r="O42164" t="s">
        <v>85</v>
      </c>
      <c r="P42164" t="s">
        <v>86</v>
      </c>
      <c r="Q42164">
        <v>8</v>
      </c>
      <c r="R42164">
        <v>8</v>
      </c>
      <c r="S42164">
        <v>8</v>
      </c>
      <c r="T42164">
        <v>8</v>
      </c>
      <c r="U42164">
        <v>8</v>
      </c>
      <c r="V42164">
        <v>8</v>
      </c>
      <c r="W42164">
        <v>8</v>
      </c>
      <c r="X42164">
        <v>8</v>
      </c>
      <c r="Y42164">
        <v>8</v>
      </c>
      <c r="Z42164">
        <v>8</v>
      </c>
      <c r="AA42164">
        <v>8</v>
      </c>
      <c r="AB42164">
        <v>9</v>
      </c>
      <c r="AC42164">
        <v>9</v>
      </c>
      <c r="AD42164">
        <v>9</v>
      </c>
      <c r="AE42164">
        <v>9</v>
      </c>
      <c r="AF42164">
        <v>9</v>
      </c>
      <c r="AG42164">
        <v>8</v>
      </c>
      <c r="AH42164">
        <v>8</v>
      </c>
      <c r="AI42164">
        <v>8</v>
      </c>
      <c r="AJ42164">
        <v>8</v>
      </c>
      <c r="AK42164">
        <v>8</v>
      </c>
      <c r="AL42164">
        <v>8</v>
      </c>
      <c r="AM42164">
        <v>8</v>
      </c>
      <c r="AN42164">
        <v>8</v>
      </c>
      <c r="AO42164">
        <v>8</v>
      </c>
      <c r="AP42164">
        <v>8</v>
      </c>
      <c r="AQ42164">
        <v>8</v>
      </c>
    </row>
    <row r="42165" spans="1:43">
      <c r="A42165" t="s">
        <v>25893</v>
      </c>
      <c r="B42165" t="s">
        <v>25894</v>
      </c>
      <c r="C42165" t="s">
        <v>6890</v>
      </c>
      <c r="D42165" t="s">
        <v>6891</v>
      </c>
      <c r="E42165" t="s">
        <v>6594</v>
      </c>
      <c r="F42165" t="s">
        <v>6595</v>
      </c>
      <c r="G42165" t="s">
        <v>80</v>
      </c>
      <c r="H42165" t="s">
        <v>81</v>
      </c>
      <c r="I42165" s="2">
        <v>0</v>
      </c>
      <c r="J42165" s="2">
        <v>1</v>
      </c>
      <c r="K42165" s="2">
        <v>0</v>
      </c>
      <c r="L42165" t="s">
        <v>82</v>
      </c>
      <c r="M42165" t="s">
        <v>83</v>
      </c>
      <c r="N42165" t="s">
        <v>91</v>
      </c>
      <c r="O42165" t="s">
        <v>85</v>
      </c>
      <c r="P42165" t="s">
        <v>86</v>
      </c>
      <c r="Q42165">
        <v>8</v>
      </c>
      <c r="R42165">
        <v>9</v>
      </c>
      <c r="S42165">
        <v>9</v>
      </c>
      <c r="T42165">
        <v>9</v>
      </c>
      <c r="U42165">
        <v>9</v>
      </c>
      <c r="V42165">
        <v>9</v>
      </c>
      <c r="W42165">
        <v>9</v>
      </c>
      <c r="X42165">
        <v>9</v>
      </c>
      <c r="Y42165">
        <v>9</v>
      </c>
      <c r="Z42165">
        <v>9</v>
      </c>
      <c r="AA42165">
        <v>9</v>
      </c>
      <c r="AB42165">
        <v>9</v>
      </c>
      <c r="AC42165">
        <v>9</v>
      </c>
      <c r="AD42165">
        <v>9</v>
      </c>
      <c r="AE42165">
        <v>9</v>
      </c>
      <c r="AF42165">
        <v>9</v>
      </c>
      <c r="AG42165">
        <v>9</v>
      </c>
      <c r="AH42165">
        <v>9</v>
      </c>
      <c r="AI42165">
        <v>9</v>
      </c>
      <c r="AJ42165">
        <v>9</v>
      </c>
      <c r="AK42165">
        <v>9</v>
      </c>
      <c r="AL42165">
        <v>9</v>
      </c>
      <c r="AM42165">
        <v>9</v>
      </c>
      <c r="AN42165">
        <v>9</v>
      </c>
      <c r="AO42165">
        <v>9</v>
      </c>
      <c r="AP42165">
        <v>9</v>
      </c>
      <c r="AQ42165">
        <v>9</v>
      </c>
    </row>
    <row r="42166" spans="1:43">
      <c r="A42166" t="s">
        <v>25895</v>
      </c>
      <c r="B42166" t="s">
        <v>25896</v>
      </c>
      <c r="C42166" t="s">
        <v>6890</v>
      </c>
      <c r="D42166" t="s">
        <v>6891</v>
      </c>
      <c r="E42166" t="s">
        <v>6594</v>
      </c>
      <c r="F42166" t="s">
        <v>6595</v>
      </c>
      <c r="G42166" t="s">
        <v>80</v>
      </c>
      <c r="H42166" t="s">
        <v>81</v>
      </c>
      <c r="I42166" s="2">
        <v>0</v>
      </c>
      <c r="J42166" s="2">
        <v>1</v>
      </c>
      <c r="K42166" s="2">
        <v>0</v>
      </c>
      <c r="L42166" t="s">
        <v>82</v>
      </c>
      <c r="M42166" t="s">
        <v>83</v>
      </c>
      <c r="N42166" t="s">
        <v>84</v>
      </c>
      <c r="O42166" t="s">
        <v>85</v>
      </c>
      <c r="P42166" t="s">
        <v>86</v>
      </c>
      <c r="Q42166">
        <v>39</v>
      </c>
      <c r="R42166">
        <v>39</v>
      </c>
      <c r="S42166">
        <v>39</v>
      </c>
      <c r="T42166">
        <v>39</v>
      </c>
      <c r="U42166">
        <v>40</v>
      </c>
      <c r="V42166">
        <v>40</v>
      </c>
      <c r="W42166">
        <v>40</v>
      </c>
      <c r="X42166">
        <v>40</v>
      </c>
      <c r="Y42166">
        <v>40</v>
      </c>
      <c r="Z42166">
        <v>40</v>
      </c>
      <c r="AA42166">
        <v>41</v>
      </c>
      <c r="AB42166">
        <v>41</v>
      </c>
      <c r="AC42166">
        <v>41</v>
      </c>
      <c r="AD42166">
        <v>41</v>
      </c>
      <c r="AE42166">
        <v>41</v>
      </c>
      <c r="AF42166">
        <v>41</v>
      </c>
      <c r="AG42166">
        <v>41</v>
      </c>
      <c r="AH42166">
        <v>41</v>
      </c>
      <c r="AI42166">
        <v>41</v>
      </c>
      <c r="AJ42166">
        <v>41</v>
      </c>
      <c r="AK42166">
        <v>41</v>
      </c>
      <c r="AL42166">
        <v>41</v>
      </c>
      <c r="AM42166">
        <v>40</v>
      </c>
      <c r="AN42166">
        <v>40</v>
      </c>
      <c r="AO42166">
        <v>40</v>
      </c>
      <c r="AP42166">
        <v>39</v>
      </c>
      <c r="AQ42166">
        <v>39</v>
      </c>
    </row>
    <row r="42167" spans="1:43">
      <c r="A42167" t="s">
        <v>25895</v>
      </c>
      <c r="B42167" t="s">
        <v>25896</v>
      </c>
      <c r="C42167" t="s">
        <v>6890</v>
      </c>
      <c r="D42167" t="s">
        <v>6891</v>
      </c>
      <c r="E42167" t="s">
        <v>6594</v>
      </c>
      <c r="F42167" t="s">
        <v>6595</v>
      </c>
      <c r="G42167" t="s">
        <v>80</v>
      </c>
      <c r="H42167" t="s">
        <v>81</v>
      </c>
      <c r="I42167" s="2">
        <v>0</v>
      </c>
      <c r="J42167" s="2">
        <v>1</v>
      </c>
      <c r="K42167" s="2">
        <v>0</v>
      </c>
      <c r="L42167" t="s">
        <v>82</v>
      </c>
      <c r="M42167" t="s">
        <v>87</v>
      </c>
      <c r="N42167" t="s">
        <v>88</v>
      </c>
      <c r="O42167" t="s">
        <v>85</v>
      </c>
      <c r="P42167" t="s">
        <v>86</v>
      </c>
      <c r="Q42167">
        <v>39</v>
      </c>
      <c r="R42167">
        <v>39</v>
      </c>
      <c r="S42167">
        <v>39</v>
      </c>
      <c r="T42167">
        <v>39</v>
      </c>
      <c r="U42167">
        <v>39</v>
      </c>
      <c r="V42167">
        <v>39</v>
      </c>
      <c r="W42167">
        <v>39</v>
      </c>
      <c r="X42167">
        <v>38</v>
      </c>
      <c r="Y42167">
        <v>38</v>
      </c>
      <c r="Z42167">
        <v>38</v>
      </c>
      <c r="AA42167">
        <v>38</v>
      </c>
      <c r="AB42167">
        <v>38</v>
      </c>
      <c r="AC42167">
        <v>38</v>
      </c>
      <c r="AD42167">
        <v>37</v>
      </c>
      <c r="AE42167">
        <v>37</v>
      </c>
      <c r="AF42167">
        <v>37</v>
      </c>
      <c r="AG42167">
        <v>37</v>
      </c>
      <c r="AH42167">
        <v>37</v>
      </c>
      <c r="AI42167">
        <v>36</v>
      </c>
      <c r="AJ42167">
        <v>36</v>
      </c>
      <c r="AK42167">
        <v>36</v>
      </c>
      <c r="AL42167">
        <v>36</v>
      </c>
      <c r="AM42167">
        <v>36</v>
      </c>
      <c r="AN42167">
        <v>35</v>
      </c>
      <c r="AO42167">
        <v>35</v>
      </c>
      <c r="AP42167">
        <v>35</v>
      </c>
      <c r="AQ42167">
        <v>35</v>
      </c>
    </row>
    <row r="42168" spans="1:43">
      <c r="A42168" t="s">
        <v>25895</v>
      </c>
      <c r="B42168" t="s">
        <v>25896</v>
      </c>
      <c r="C42168" t="s">
        <v>6890</v>
      </c>
      <c r="D42168" t="s">
        <v>6891</v>
      </c>
      <c r="E42168" t="s">
        <v>6594</v>
      </c>
      <c r="F42168" t="s">
        <v>6595</v>
      </c>
      <c r="G42168" t="s">
        <v>80</v>
      </c>
      <c r="H42168" t="s">
        <v>81</v>
      </c>
      <c r="I42168" s="2">
        <v>0</v>
      </c>
      <c r="J42168" s="2">
        <v>1</v>
      </c>
      <c r="K42168" s="2">
        <v>0</v>
      </c>
      <c r="L42168" t="s">
        <v>82</v>
      </c>
      <c r="M42168" t="s">
        <v>89</v>
      </c>
      <c r="N42168" t="s">
        <v>90</v>
      </c>
      <c r="O42168" t="s">
        <v>85</v>
      </c>
      <c r="P42168" t="s">
        <v>86</v>
      </c>
      <c r="Q42168">
        <v>39</v>
      </c>
      <c r="R42168">
        <v>39</v>
      </c>
      <c r="S42168">
        <v>40</v>
      </c>
      <c r="T42168">
        <v>41</v>
      </c>
      <c r="U42168">
        <v>41</v>
      </c>
      <c r="V42168">
        <v>42</v>
      </c>
      <c r="W42168">
        <v>42</v>
      </c>
      <c r="X42168">
        <v>42</v>
      </c>
      <c r="Y42168">
        <v>43</v>
      </c>
      <c r="Z42168">
        <v>43</v>
      </c>
      <c r="AA42168">
        <v>43</v>
      </c>
      <c r="AB42168">
        <v>43</v>
      </c>
      <c r="AC42168">
        <v>44</v>
      </c>
      <c r="AD42168">
        <v>44</v>
      </c>
      <c r="AE42168">
        <v>44</v>
      </c>
      <c r="AF42168">
        <v>43</v>
      </c>
      <c r="AG42168">
        <v>43</v>
      </c>
      <c r="AH42168">
        <v>43</v>
      </c>
      <c r="AI42168">
        <v>42</v>
      </c>
      <c r="AJ42168">
        <v>42</v>
      </c>
      <c r="AK42168">
        <v>42</v>
      </c>
      <c r="AL42168">
        <v>41</v>
      </c>
      <c r="AM42168">
        <v>41</v>
      </c>
      <c r="AN42168">
        <v>41</v>
      </c>
      <c r="AO42168">
        <v>40</v>
      </c>
      <c r="AP42168">
        <v>40</v>
      </c>
      <c r="AQ42168">
        <v>40</v>
      </c>
    </row>
    <row r="42169" spans="1:43">
      <c r="A42169" t="s">
        <v>25895</v>
      </c>
      <c r="B42169" t="s">
        <v>25896</v>
      </c>
      <c r="C42169" t="s">
        <v>6890</v>
      </c>
      <c r="D42169" t="s">
        <v>6891</v>
      </c>
      <c r="E42169" t="s">
        <v>6594</v>
      </c>
      <c r="F42169" t="s">
        <v>6595</v>
      </c>
      <c r="G42169" t="s">
        <v>80</v>
      </c>
      <c r="H42169" t="s">
        <v>81</v>
      </c>
      <c r="I42169" s="2">
        <v>0</v>
      </c>
      <c r="J42169" s="2">
        <v>1</v>
      </c>
      <c r="K42169" s="2">
        <v>0</v>
      </c>
      <c r="L42169" t="s">
        <v>82</v>
      </c>
      <c r="M42169" t="s">
        <v>83</v>
      </c>
      <c r="N42169" t="s">
        <v>91</v>
      </c>
      <c r="O42169" t="s">
        <v>85</v>
      </c>
      <c r="P42169" t="s">
        <v>86</v>
      </c>
      <c r="Q42169">
        <v>39</v>
      </c>
      <c r="R42169">
        <v>39</v>
      </c>
      <c r="S42169">
        <v>39</v>
      </c>
      <c r="T42169">
        <v>39</v>
      </c>
      <c r="U42169">
        <v>40</v>
      </c>
      <c r="V42169">
        <v>40</v>
      </c>
      <c r="W42169">
        <v>40</v>
      </c>
      <c r="X42169">
        <v>40</v>
      </c>
      <c r="Y42169">
        <v>40</v>
      </c>
      <c r="Z42169">
        <v>40</v>
      </c>
      <c r="AA42169">
        <v>41</v>
      </c>
      <c r="AB42169">
        <v>41</v>
      </c>
      <c r="AC42169">
        <v>41</v>
      </c>
      <c r="AD42169">
        <v>41</v>
      </c>
      <c r="AE42169">
        <v>41</v>
      </c>
      <c r="AF42169">
        <v>41</v>
      </c>
      <c r="AG42169">
        <v>41</v>
      </c>
      <c r="AH42169">
        <v>41</v>
      </c>
      <c r="AI42169">
        <v>41</v>
      </c>
      <c r="AJ42169">
        <v>41</v>
      </c>
      <c r="AK42169">
        <v>41</v>
      </c>
      <c r="AL42169">
        <v>41</v>
      </c>
      <c r="AM42169">
        <v>40</v>
      </c>
      <c r="AN42169">
        <v>40</v>
      </c>
      <c r="AO42169">
        <v>40</v>
      </c>
      <c r="AP42169">
        <v>39</v>
      </c>
      <c r="AQ42169">
        <v>39</v>
      </c>
    </row>
    <row r="42170" spans="1:43">
      <c r="A42170" t="s">
        <v>25897</v>
      </c>
      <c r="B42170" t="s">
        <v>25898</v>
      </c>
      <c r="C42170" t="s">
        <v>25899</v>
      </c>
      <c r="D42170" t="s">
        <v>25900</v>
      </c>
      <c r="E42170" t="s">
        <v>6594</v>
      </c>
      <c r="F42170" t="s">
        <v>6595</v>
      </c>
      <c r="G42170" t="s">
        <v>80</v>
      </c>
      <c r="H42170" t="s">
        <v>81</v>
      </c>
      <c r="I42170" s="2">
        <v>0</v>
      </c>
      <c r="J42170" s="2">
        <v>1</v>
      </c>
      <c r="K42170" s="2">
        <v>0</v>
      </c>
      <c r="L42170" t="s">
        <v>82</v>
      </c>
      <c r="M42170" t="s">
        <v>83</v>
      </c>
      <c r="N42170" t="s">
        <v>84</v>
      </c>
      <c r="O42170" t="s">
        <v>85</v>
      </c>
      <c r="P42170" t="s">
        <v>86</v>
      </c>
      <c r="Q42170">
        <v>14</v>
      </c>
      <c r="R42170">
        <v>14</v>
      </c>
      <c r="S42170">
        <v>14</v>
      </c>
      <c r="T42170">
        <v>14</v>
      </c>
      <c r="U42170">
        <v>15</v>
      </c>
      <c r="V42170">
        <v>15</v>
      </c>
      <c r="W42170">
        <v>15</v>
      </c>
      <c r="X42170">
        <v>15</v>
      </c>
      <c r="Y42170">
        <v>15</v>
      </c>
      <c r="Z42170">
        <v>15</v>
      </c>
      <c r="AA42170">
        <v>15</v>
      </c>
      <c r="AB42170">
        <v>15</v>
      </c>
      <c r="AC42170">
        <v>15</v>
      </c>
      <c r="AD42170">
        <v>15</v>
      </c>
      <c r="AE42170">
        <v>15</v>
      </c>
      <c r="AF42170">
        <v>15</v>
      </c>
      <c r="AG42170">
        <v>15</v>
      </c>
      <c r="AH42170">
        <v>15</v>
      </c>
      <c r="AI42170">
        <v>15</v>
      </c>
      <c r="AJ42170">
        <v>15</v>
      </c>
      <c r="AK42170">
        <v>15</v>
      </c>
      <c r="AL42170">
        <v>15</v>
      </c>
      <c r="AM42170">
        <v>15</v>
      </c>
      <c r="AN42170">
        <v>15</v>
      </c>
      <c r="AO42170">
        <v>14</v>
      </c>
      <c r="AP42170">
        <v>14</v>
      </c>
      <c r="AQ42170">
        <v>14</v>
      </c>
    </row>
    <row r="42171" spans="1:43">
      <c r="A42171" t="s">
        <v>25897</v>
      </c>
      <c r="B42171" t="s">
        <v>25898</v>
      </c>
      <c r="C42171" t="s">
        <v>25899</v>
      </c>
      <c r="D42171" t="s">
        <v>25900</v>
      </c>
      <c r="E42171" t="s">
        <v>6594</v>
      </c>
      <c r="F42171" t="s">
        <v>6595</v>
      </c>
      <c r="G42171" t="s">
        <v>80</v>
      </c>
      <c r="H42171" t="s">
        <v>81</v>
      </c>
      <c r="I42171" s="2">
        <v>0</v>
      </c>
      <c r="J42171" s="2">
        <v>1</v>
      </c>
      <c r="K42171" s="2">
        <v>0</v>
      </c>
      <c r="L42171" t="s">
        <v>82</v>
      </c>
      <c r="M42171" t="s">
        <v>87</v>
      </c>
      <c r="N42171" t="s">
        <v>88</v>
      </c>
      <c r="O42171" t="s">
        <v>85</v>
      </c>
      <c r="P42171" t="s">
        <v>86</v>
      </c>
      <c r="Q42171">
        <v>14</v>
      </c>
      <c r="R42171">
        <v>14</v>
      </c>
      <c r="S42171">
        <v>14</v>
      </c>
      <c r="T42171">
        <v>14</v>
      </c>
      <c r="U42171">
        <v>14</v>
      </c>
      <c r="V42171">
        <v>14</v>
      </c>
      <c r="W42171">
        <v>14</v>
      </c>
      <c r="X42171">
        <v>14</v>
      </c>
      <c r="Y42171">
        <v>14</v>
      </c>
      <c r="Z42171">
        <v>14</v>
      </c>
      <c r="AA42171">
        <v>14</v>
      </c>
      <c r="AB42171">
        <v>13</v>
      </c>
      <c r="AC42171">
        <v>13</v>
      </c>
      <c r="AD42171">
        <v>13</v>
      </c>
      <c r="AE42171">
        <v>13</v>
      </c>
      <c r="AF42171">
        <v>13</v>
      </c>
      <c r="AG42171">
        <v>13</v>
      </c>
      <c r="AH42171">
        <v>13</v>
      </c>
      <c r="AI42171">
        <v>13</v>
      </c>
      <c r="AJ42171">
        <v>13</v>
      </c>
      <c r="AK42171">
        <v>13</v>
      </c>
      <c r="AL42171">
        <v>13</v>
      </c>
      <c r="AM42171">
        <v>13</v>
      </c>
      <c r="AN42171">
        <v>13</v>
      </c>
      <c r="AO42171">
        <v>12</v>
      </c>
      <c r="AP42171">
        <v>12</v>
      </c>
      <c r="AQ42171">
        <v>12</v>
      </c>
    </row>
    <row r="42172" spans="1:43">
      <c r="A42172" t="s">
        <v>25897</v>
      </c>
      <c r="B42172" t="s">
        <v>25898</v>
      </c>
      <c r="C42172" t="s">
        <v>25899</v>
      </c>
      <c r="D42172" t="s">
        <v>25900</v>
      </c>
      <c r="E42172" t="s">
        <v>6594</v>
      </c>
      <c r="F42172" t="s">
        <v>6595</v>
      </c>
      <c r="G42172" t="s">
        <v>80</v>
      </c>
      <c r="H42172" t="s">
        <v>81</v>
      </c>
      <c r="I42172" s="2">
        <v>0</v>
      </c>
      <c r="J42172" s="2">
        <v>1</v>
      </c>
      <c r="K42172" s="2">
        <v>0</v>
      </c>
      <c r="L42172" t="s">
        <v>82</v>
      </c>
      <c r="M42172" t="s">
        <v>89</v>
      </c>
      <c r="N42172" t="s">
        <v>90</v>
      </c>
      <c r="O42172" t="s">
        <v>85</v>
      </c>
      <c r="P42172" t="s">
        <v>86</v>
      </c>
      <c r="Q42172">
        <v>14</v>
      </c>
      <c r="R42172">
        <v>14</v>
      </c>
      <c r="S42172">
        <v>15</v>
      </c>
      <c r="T42172">
        <v>15</v>
      </c>
      <c r="U42172">
        <v>15</v>
      </c>
      <c r="V42172">
        <v>15</v>
      </c>
      <c r="W42172">
        <v>15</v>
      </c>
      <c r="X42172">
        <v>16</v>
      </c>
      <c r="Y42172">
        <v>16</v>
      </c>
      <c r="Z42172">
        <v>16</v>
      </c>
      <c r="AA42172">
        <v>16</v>
      </c>
      <c r="AB42172">
        <v>16</v>
      </c>
      <c r="AC42172">
        <v>16</v>
      </c>
      <c r="AD42172">
        <v>16</v>
      </c>
      <c r="AE42172">
        <v>16</v>
      </c>
      <c r="AF42172">
        <v>16</v>
      </c>
      <c r="AG42172">
        <v>16</v>
      </c>
      <c r="AH42172">
        <v>16</v>
      </c>
      <c r="AI42172">
        <v>15</v>
      </c>
      <c r="AJ42172">
        <v>15</v>
      </c>
      <c r="AK42172">
        <v>15</v>
      </c>
      <c r="AL42172">
        <v>15</v>
      </c>
      <c r="AM42172">
        <v>15</v>
      </c>
      <c r="AN42172">
        <v>15</v>
      </c>
      <c r="AO42172">
        <v>15</v>
      </c>
      <c r="AP42172">
        <v>15</v>
      </c>
      <c r="AQ42172">
        <v>14</v>
      </c>
    </row>
    <row r="42173" spans="1:43">
      <c r="A42173" t="s">
        <v>25897</v>
      </c>
      <c r="B42173" t="s">
        <v>25898</v>
      </c>
      <c r="C42173" t="s">
        <v>25899</v>
      </c>
      <c r="D42173" t="s">
        <v>25900</v>
      </c>
      <c r="E42173" t="s">
        <v>6594</v>
      </c>
      <c r="F42173" t="s">
        <v>6595</v>
      </c>
      <c r="G42173" t="s">
        <v>80</v>
      </c>
      <c r="H42173" t="s">
        <v>81</v>
      </c>
      <c r="I42173" s="2">
        <v>0</v>
      </c>
      <c r="J42173" s="2">
        <v>1</v>
      </c>
      <c r="K42173" s="2">
        <v>0</v>
      </c>
      <c r="L42173" t="s">
        <v>82</v>
      </c>
      <c r="M42173" t="s">
        <v>83</v>
      </c>
      <c r="N42173" t="s">
        <v>91</v>
      </c>
      <c r="O42173" t="s">
        <v>85</v>
      </c>
      <c r="P42173" t="s">
        <v>86</v>
      </c>
      <c r="Q42173">
        <v>14</v>
      </c>
      <c r="R42173">
        <v>14</v>
      </c>
      <c r="S42173">
        <v>14</v>
      </c>
      <c r="T42173">
        <v>14</v>
      </c>
      <c r="U42173">
        <v>15</v>
      </c>
      <c r="V42173">
        <v>15</v>
      </c>
      <c r="W42173">
        <v>15</v>
      </c>
      <c r="X42173">
        <v>15</v>
      </c>
      <c r="Y42173">
        <v>15</v>
      </c>
      <c r="Z42173">
        <v>15</v>
      </c>
      <c r="AA42173">
        <v>15</v>
      </c>
      <c r="AB42173">
        <v>15</v>
      </c>
      <c r="AC42173">
        <v>15</v>
      </c>
      <c r="AD42173">
        <v>15</v>
      </c>
      <c r="AE42173">
        <v>15</v>
      </c>
      <c r="AF42173">
        <v>15</v>
      </c>
      <c r="AG42173">
        <v>15</v>
      </c>
      <c r="AH42173">
        <v>15</v>
      </c>
      <c r="AI42173">
        <v>15</v>
      </c>
      <c r="AJ42173">
        <v>15</v>
      </c>
      <c r="AK42173">
        <v>15</v>
      </c>
      <c r="AL42173">
        <v>15</v>
      </c>
      <c r="AM42173">
        <v>15</v>
      </c>
      <c r="AN42173">
        <v>15</v>
      </c>
      <c r="AO42173">
        <v>14</v>
      </c>
      <c r="AP42173">
        <v>14</v>
      </c>
      <c r="AQ42173">
        <v>14</v>
      </c>
    </row>
    <row r="42174" spans="1:43">
      <c r="A42174" t="s">
        <v>25901</v>
      </c>
      <c r="B42174" t="s">
        <v>25902</v>
      </c>
      <c r="C42174" t="s">
        <v>25899</v>
      </c>
      <c r="D42174" t="s">
        <v>25900</v>
      </c>
      <c r="E42174" t="s">
        <v>6594</v>
      </c>
      <c r="F42174" t="s">
        <v>6595</v>
      </c>
      <c r="G42174" t="s">
        <v>80</v>
      </c>
      <c r="H42174" t="s">
        <v>81</v>
      </c>
      <c r="I42174" s="2">
        <v>0</v>
      </c>
      <c r="J42174" s="2">
        <v>1</v>
      </c>
      <c r="K42174" s="2">
        <v>0</v>
      </c>
      <c r="L42174" t="s">
        <v>82</v>
      </c>
      <c r="M42174" t="s">
        <v>83</v>
      </c>
      <c r="N42174" t="s">
        <v>84</v>
      </c>
      <c r="O42174" t="s">
        <v>85</v>
      </c>
      <c r="P42174" t="s">
        <v>86</v>
      </c>
      <c r="Q42174">
        <v>14</v>
      </c>
      <c r="R42174">
        <v>14</v>
      </c>
      <c r="S42174">
        <v>15</v>
      </c>
      <c r="T42174">
        <v>15</v>
      </c>
      <c r="U42174">
        <v>15</v>
      </c>
      <c r="V42174">
        <v>15</v>
      </c>
      <c r="W42174">
        <v>15</v>
      </c>
      <c r="X42174">
        <v>15</v>
      </c>
      <c r="Y42174">
        <v>15</v>
      </c>
      <c r="Z42174">
        <v>15</v>
      </c>
      <c r="AA42174">
        <v>15</v>
      </c>
      <c r="AB42174">
        <v>15</v>
      </c>
      <c r="AC42174">
        <v>15</v>
      </c>
      <c r="AD42174">
        <v>15</v>
      </c>
      <c r="AE42174">
        <v>15</v>
      </c>
      <c r="AF42174">
        <v>15</v>
      </c>
      <c r="AG42174">
        <v>15</v>
      </c>
      <c r="AH42174">
        <v>15</v>
      </c>
      <c r="AI42174">
        <v>15</v>
      </c>
      <c r="AJ42174">
        <v>15</v>
      </c>
      <c r="AK42174">
        <v>15</v>
      </c>
      <c r="AL42174">
        <v>15</v>
      </c>
      <c r="AM42174">
        <v>15</v>
      </c>
      <c r="AN42174">
        <v>15</v>
      </c>
      <c r="AO42174">
        <v>15</v>
      </c>
      <c r="AP42174">
        <v>15</v>
      </c>
      <c r="AQ42174">
        <v>14</v>
      </c>
    </row>
    <row r="42175" spans="1:43">
      <c r="A42175" t="s">
        <v>25901</v>
      </c>
      <c r="B42175" t="s">
        <v>25902</v>
      </c>
      <c r="C42175" t="s">
        <v>25899</v>
      </c>
      <c r="D42175" t="s">
        <v>25900</v>
      </c>
      <c r="E42175" t="s">
        <v>6594</v>
      </c>
      <c r="F42175" t="s">
        <v>6595</v>
      </c>
      <c r="G42175" t="s">
        <v>80</v>
      </c>
      <c r="H42175" t="s">
        <v>81</v>
      </c>
      <c r="I42175" s="2">
        <v>0</v>
      </c>
      <c r="J42175" s="2">
        <v>1</v>
      </c>
      <c r="K42175" s="2">
        <v>0</v>
      </c>
      <c r="L42175" t="s">
        <v>82</v>
      </c>
      <c r="M42175" t="s">
        <v>87</v>
      </c>
      <c r="N42175" t="s">
        <v>88</v>
      </c>
      <c r="O42175" t="s">
        <v>85</v>
      </c>
      <c r="P42175" t="s">
        <v>86</v>
      </c>
      <c r="Q42175">
        <v>14</v>
      </c>
      <c r="R42175">
        <v>14</v>
      </c>
      <c r="S42175">
        <v>14</v>
      </c>
      <c r="T42175">
        <v>14</v>
      </c>
      <c r="U42175">
        <v>14</v>
      </c>
      <c r="V42175">
        <v>14</v>
      </c>
      <c r="W42175">
        <v>14</v>
      </c>
      <c r="X42175">
        <v>14</v>
      </c>
      <c r="Y42175">
        <v>14</v>
      </c>
      <c r="Z42175">
        <v>14</v>
      </c>
      <c r="AA42175">
        <v>14</v>
      </c>
      <c r="AB42175">
        <v>14</v>
      </c>
      <c r="AC42175">
        <v>14</v>
      </c>
      <c r="AD42175">
        <v>14</v>
      </c>
      <c r="AE42175">
        <v>13</v>
      </c>
      <c r="AF42175">
        <v>13</v>
      </c>
      <c r="AG42175">
        <v>13</v>
      </c>
      <c r="AH42175">
        <v>13</v>
      </c>
      <c r="AI42175">
        <v>13</v>
      </c>
      <c r="AJ42175">
        <v>13</v>
      </c>
      <c r="AK42175">
        <v>13</v>
      </c>
      <c r="AL42175">
        <v>13</v>
      </c>
      <c r="AM42175">
        <v>13</v>
      </c>
      <c r="AN42175">
        <v>13</v>
      </c>
      <c r="AO42175">
        <v>13</v>
      </c>
      <c r="AP42175">
        <v>13</v>
      </c>
      <c r="AQ42175">
        <v>13</v>
      </c>
    </row>
    <row r="42176" spans="1:43">
      <c r="A42176" t="s">
        <v>25901</v>
      </c>
      <c r="B42176" t="s">
        <v>25902</v>
      </c>
      <c r="C42176" t="s">
        <v>25899</v>
      </c>
      <c r="D42176" t="s">
        <v>25900</v>
      </c>
      <c r="E42176" t="s">
        <v>6594</v>
      </c>
      <c r="F42176" t="s">
        <v>6595</v>
      </c>
      <c r="G42176" t="s">
        <v>80</v>
      </c>
      <c r="H42176" t="s">
        <v>81</v>
      </c>
      <c r="I42176" s="2">
        <v>0</v>
      </c>
      <c r="J42176" s="2">
        <v>1</v>
      </c>
      <c r="K42176" s="2">
        <v>0</v>
      </c>
      <c r="L42176" t="s">
        <v>82</v>
      </c>
      <c r="M42176" t="s">
        <v>89</v>
      </c>
      <c r="N42176" t="s">
        <v>90</v>
      </c>
      <c r="O42176" t="s">
        <v>85</v>
      </c>
      <c r="P42176" t="s">
        <v>86</v>
      </c>
      <c r="Q42176">
        <v>14</v>
      </c>
      <c r="R42176">
        <v>14</v>
      </c>
      <c r="S42176">
        <v>14</v>
      </c>
      <c r="T42176">
        <v>14</v>
      </c>
      <c r="U42176">
        <v>14</v>
      </c>
      <c r="V42176">
        <v>14</v>
      </c>
      <c r="W42176">
        <v>15</v>
      </c>
      <c r="X42176">
        <v>15</v>
      </c>
      <c r="Y42176">
        <v>15</v>
      </c>
      <c r="Z42176">
        <v>15</v>
      </c>
      <c r="AA42176">
        <v>15</v>
      </c>
      <c r="AB42176">
        <v>15</v>
      </c>
      <c r="AC42176">
        <v>15</v>
      </c>
      <c r="AD42176">
        <v>15</v>
      </c>
      <c r="AE42176">
        <v>15</v>
      </c>
      <c r="AF42176">
        <v>15</v>
      </c>
      <c r="AG42176">
        <v>15</v>
      </c>
      <c r="AH42176">
        <v>15</v>
      </c>
      <c r="AI42176">
        <v>15</v>
      </c>
      <c r="AJ42176">
        <v>15</v>
      </c>
      <c r="AK42176">
        <v>14</v>
      </c>
      <c r="AL42176">
        <v>14</v>
      </c>
      <c r="AM42176">
        <v>14</v>
      </c>
      <c r="AN42176">
        <v>14</v>
      </c>
      <c r="AO42176">
        <v>14</v>
      </c>
      <c r="AP42176">
        <v>14</v>
      </c>
      <c r="AQ42176">
        <v>14</v>
      </c>
    </row>
    <row r="42177" spans="1:43">
      <c r="A42177" t="s">
        <v>25901</v>
      </c>
      <c r="B42177" t="s">
        <v>25902</v>
      </c>
      <c r="C42177" t="s">
        <v>25899</v>
      </c>
      <c r="D42177" t="s">
        <v>25900</v>
      </c>
      <c r="E42177" t="s">
        <v>6594</v>
      </c>
      <c r="F42177" t="s">
        <v>6595</v>
      </c>
      <c r="G42177" t="s">
        <v>80</v>
      </c>
      <c r="H42177" t="s">
        <v>81</v>
      </c>
      <c r="I42177" s="2">
        <v>0</v>
      </c>
      <c r="J42177" s="2">
        <v>1</v>
      </c>
      <c r="K42177" s="2">
        <v>0</v>
      </c>
      <c r="L42177" t="s">
        <v>82</v>
      </c>
      <c r="M42177" t="s">
        <v>83</v>
      </c>
      <c r="N42177" t="s">
        <v>91</v>
      </c>
      <c r="O42177" t="s">
        <v>85</v>
      </c>
      <c r="P42177" t="s">
        <v>86</v>
      </c>
      <c r="Q42177">
        <v>14</v>
      </c>
      <c r="R42177">
        <v>14</v>
      </c>
      <c r="S42177">
        <v>15</v>
      </c>
      <c r="T42177">
        <v>15</v>
      </c>
      <c r="U42177">
        <v>15</v>
      </c>
      <c r="V42177">
        <v>15</v>
      </c>
      <c r="W42177">
        <v>15</v>
      </c>
      <c r="X42177">
        <v>15</v>
      </c>
      <c r="Y42177">
        <v>15</v>
      </c>
      <c r="Z42177">
        <v>15</v>
      </c>
      <c r="AA42177">
        <v>15</v>
      </c>
      <c r="AB42177">
        <v>15</v>
      </c>
      <c r="AC42177">
        <v>15</v>
      </c>
      <c r="AD42177">
        <v>15</v>
      </c>
      <c r="AE42177">
        <v>15</v>
      </c>
      <c r="AF42177">
        <v>15</v>
      </c>
      <c r="AG42177">
        <v>15</v>
      </c>
      <c r="AH42177">
        <v>15</v>
      </c>
      <c r="AI42177">
        <v>15</v>
      </c>
      <c r="AJ42177">
        <v>15</v>
      </c>
      <c r="AK42177">
        <v>15</v>
      </c>
      <c r="AL42177">
        <v>15</v>
      </c>
      <c r="AM42177">
        <v>15</v>
      </c>
      <c r="AN42177">
        <v>15</v>
      </c>
      <c r="AO42177">
        <v>15</v>
      </c>
      <c r="AP42177">
        <v>15</v>
      </c>
      <c r="AQ42177">
        <v>14</v>
      </c>
    </row>
    <row r="42178" spans="1:43">
      <c r="A42178" t="s">
        <v>25903</v>
      </c>
      <c r="B42178" t="s">
        <v>25904</v>
      </c>
      <c r="C42178" t="s">
        <v>25899</v>
      </c>
      <c r="D42178" t="s">
        <v>25900</v>
      </c>
      <c r="E42178" t="s">
        <v>6594</v>
      </c>
      <c r="F42178" t="s">
        <v>6595</v>
      </c>
      <c r="G42178" t="s">
        <v>80</v>
      </c>
      <c r="H42178" t="s">
        <v>81</v>
      </c>
      <c r="I42178" s="2">
        <v>0</v>
      </c>
      <c r="J42178" s="2">
        <v>1</v>
      </c>
      <c r="K42178" s="2">
        <v>0</v>
      </c>
      <c r="L42178" t="s">
        <v>82</v>
      </c>
      <c r="M42178" t="s">
        <v>83</v>
      </c>
      <c r="N42178" t="s">
        <v>84</v>
      </c>
      <c r="O42178" t="s">
        <v>85</v>
      </c>
      <c r="P42178" t="s">
        <v>86</v>
      </c>
      <c r="Q42178">
        <v>86</v>
      </c>
      <c r="R42178">
        <v>86</v>
      </c>
      <c r="S42178">
        <v>87</v>
      </c>
      <c r="T42178">
        <v>87</v>
      </c>
      <c r="U42178">
        <v>88</v>
      </c>
      <c r="V42178">
        <v>88</v>
      </c>
      <c r="W42178">
        <v>89</v>
      </c>
      <c r="X42178">
        <v>89</v>
      </c>
      <c r="Y42178">
        <v>89</v>
      </c>
      <c r="Z42178">
        <v>90</v>
      </c>
      <c r="AA42178">
        <v>90</v>
      </c>
      <c r="AB42178">
        <v>90</v>
      </c>
      <c r="AC42178">
        <v>90</v>
      </c>
      <c r="AD42178">
        <v>90</v>
      </c>
      <c r="AE42178">
        <v>90</v>
      </c>
      <c r="AF42178">
        <v>90</v>
      </c>
      <c r="AG42178">
        <v>91</v>
      </c>
      <c r="AH42178">
        <v>91</v>
      </c>
      <c r="AI42178">
        <v>91</v>
      </c>
      <c r="AJ42178">
        <v>91</v>
      </c>
      <c r="AK42178">
        <v>91</v>
      </c>
      <c r="AL42178">
        <v>90</v>
      </c>
      <c r="AM42178">
        <v>89</v>
      </c>
      <c r="AN42178">
        <v>88</v>
      </c>
      <c r="AO42178">
        <v>88</v>
      </c>
      <c r="AP42178">
        <v>87</v>
      </c>
      <c r="AQ42178">
        <v>86</v>
      </c>
    </row>
    <row r="42179" spans="1:43">
      <c r="A42179" t="s">
        <v>25903</v>
      </c>
      <c r="B42179" t="s">
        <v>25904</v>
      </c>
      <c r="C42179" t="s">
        <v>25899</v>
      </c>
      <c r="D42179" t="s">
        <v>25900</v>
      </c>
      <c r="E42179" t="s">
        <v>6594</v>
      </c>
      <c r="F42179" t="s">
        <v>6595</v>
      </c>
      <c r="G42179" t="s">
        <v>80</v>
      </c>
      <c r="H42179" t="s">
        <v>81</v>
      </c>
      <c r="I42179" s="2">
        <v>0</v>
      </c>
      <c r="J42179" s="2">
        <v>1</v>
      </c>
      <c r="K42179" s="2">
        <v>0</v>
      </c>
      <c r="L42179" t="s">
        <v>82</v>
      </c>
      <c r="M42179" t="s">
        <v>87</v>
      </c>
      <c r="N42179" t="s">
        <v>88</v>
      </c>
      <c r="O42179" t="s">
        <v>85</v>
      </c>
      <c r="P42179" t="s">
        <v>86</v>
      </c>
      <c r="Q42179">
        <v>86</v>
      </c>
      <c r="R42179">
        <v>86</v>
      </c>
      <c r="S42179">
        <v>85</v>
      </c>
      <c r="T42179">
        <v>85</v>
      </c>
      <c r="U42179">
        <v>85</v>
      </c>
      <c r="V42179">
        <v>85</v>
      </c>
      <c r="W42179">
        <v>84</v>
      </c>
      <c r="X42179">
        <v>84</v>
      </c>
      <c r="Y42179">
        <v>84</v>
      </c>
      <c r="Z42179">
        <v>83</v>
      </c>
      <c r="AA42179">
        <v>83</v>
      </c>
      <c r="AB42179">
        <v>82</v>
      </c>
      <c r="AC42179">
        <v>82</v>
      </c>
      <c r="AD42179">
        <v>82</v>
      </c>
      <c r="AE42179">
        <v>81</v>
      </c>
      <c r="AF42179">
        <v>81</v>
      </c>
      <c r="AG42179">
        <v>80</v>
      </c>
      <c r="AH42179">
        <v>80</v>
      </c>
      <c r="AI42179">
        <v>79</v>
      </c>
      <c r="AJ42179">
        <v>79</v>
      </c>
      <c r="AK42179">
        <v>78</v>
      </c>
      <c r="AL42179">
        <v>78</v>
      </c>
      <c r="AM42179">
        <v>77</v>
      </c>
      <c r="AN42179">
        <v>77</v>
      </c>
      <c r="AO42179">
        <v>77</v>
      </c>
      <c r="AP42179">
        <v>76</v>
      </c>
      <c r="AQ42179">
        <v>76</v>
      </c>
    </row>
    <row r="42180" spans="1:43">
      <c r="A42180" t="s">
        <v>25903</v>
      </c>
      <c r="B42180" t="s">
        <v>25904</v>
      </c>
      <c r="C42180" t="s">
        <v>25899</v>
      </c>
      <c r="D42180" t="s">
        <v>25900</v>
      </c>
      <c r="E42180" t="s">
        <v>6594</v>
      </c>
      <c r="F42180" t="s">
        <v>6595</v>
      </c>
      <c r="G42180" t="s">
        <v>80</v>
      </c>
      <c r="H42180" t="s">
        <v>81</v>
      </c>
      <c r="I42180" s="2">
        <v>0</v>
      </c>
      <c r="J42180" s="2">
        <v>1</v>
      </c>
      <c r="K42180" s="2">
        <v>0</v>
      </c>
      <c r="L42180" t="s">
        <v>82</v>
      </c>
      <c r="M42180" t="s">
        <v>89</v>
      </c>
      <c r="N42180" t="s">
        <v>90</v>
      </c>
      <c r="O42180" t="s">
        <v>85</v>
      </c>
      <c r="P42180" t="s">
        <v>86</v>
      </c>
      <c r="Q42180">
        <v>86</v>
      </c>
      <c r="R42180">
        <v>88</v>
      </c>
      <c r="S42180">
        <v>89</v>
      </c>
      <c r="T42180">
        <v>90</v>
      </c>
      <c r="U42180">
        <v>91</v>
      </c>
      <c r="V42180">
        <v>92</v>
      </c>
      <c r="W42180">
        <v>93</v>
      </c>
      <c r="X42180">
        <v>94</v>
      </c>
      <c r="Y42180">
        <v>95</v>
      </c>
      <c r="Z42180">
        <v>95</v>
      </c>
      <c r="AA42180">
        <v>96</v>
      </c>
      <c r="AB42180">
        <v>96</v>
      </c>
      <c r="AC42180">
        <v>97</v>
      </c>
      <c r="AD42180">
        <v>97</v>
      </c>
      <c r="AE42180">
        <v>97</v>
      </c>
      <c r="AF42180">
        <v>96</v>
      </c>
      <c r="AG42180">
        <v>95</v>
      </c>
      <c r="AH42180">
        <v>94</v>
      </c>
      <c r="AI42180">
        <v>94</v>
      </c>
      <c r="AJ42180">
        <v>93</v>
      </c>
      <c r="AK42180">
        <v>92</v>
      </c>
      <c r="AL42180">
        <v>91</v>
      </c>
      <c r="AM42180">
        <v>90</v>
      </c>
      <c r="AN42180">
        <v>90</v>
      </c>
      <c r="AO42180">
        <v>89</v>
      </c>
      <c r="AP42180">
        <v>88</v>
      </c>
      <c r="AQ42180">
        <v>87</v>
      </c>
    </row>
    <row r="42181" spans="1:43">
      <c r="A42181" t="s">
        <v>25903</v>
      </c>
      <c r="B42181" t="s">
        <v>25904</v>
      </c>
      <c r="C42181" t="s">
        <v>25899</v>
      </c>
      <c r="D42181" t="s">
        <v>25900</v>
      </c>
      <c r="E42181" t="s">
        <v>6594</v>
      </c>
      <c r="F42181" t="s">
        <v>6595</v>
      </c>
      <c r="G42181" t="s">
        <v>80</v>
      </c>
      <c r="H42181" t="s">
        <v>81</v>
      </c>
      <c r="I42181" s="2">
        <v>0</v>
      </c>
      <c r="J42181" s="2">
        <v>1</v>
      </c>
      <c r="K42181" s="2">
        <v>0</v>
      </c>
      <c r="L42181" t="s">
        <v>82</v>
      </c>
      <c r="M42181" t="s">
        <v>83</v>
      </c>
      <c r="N42181" t="s">
        <v>91</v>
      </c>
      <c r="O42181" t="s">
        <v>85</v>
      </c>
      <c r="P42181" t="s">
        <v>86</v>
      </c>
      <c r="Q42181">
        <v>86</v>
      </c>
      <c r="R42181">
        <v>86</v>
      </c>
      <c r="S42181">
        <v>87</v>
      </c>
      <c r="T42181">
        <v>87</v>
      </c>
      <c r="U42181">
        <v>88</v>
      </c>
      <c r="V42181">
        <v>88</v>
      </c>
      <c r="W42181">
        <v>89</v>
      </c>
      <c r="X42181">
        <v>89</v>
      </c>
      <c r="Y42181">
        <v>89</v>
      </c>
      <c r="Z42181">
        <v>90</v>
      </c>
      <c r="AA42181">
        <v>90</v>
      </c>
      <c r="AB42181">
        <v>90</v>
      </c>
      <c r="AC42181">
        <v>90</v>
      </c>
      <c r="AD42181">
        <v>90</v>
      </c>
      <c r="AE42181">
        <v>90</v>
      </c>
      <c r="AF42181">
        <v>90</v>
      </c>
      <c r="AG42181">
        <v>91</v>
      </c>
      <c r="AH42181">
        <v>91</v>
      </c>
      <c r="AI42181">
        <v>91</v>
      </c>
      <c r="AJ42181">
        <v>91</v>
      </c>
      <c r="AK42181">
        <v>91</v>
      </c>
      <c r="AL42181">
        <v>90</v>
      </c>
      <c r="AM42181">
        <v>89</v>
      </c>
      <c r="AN42181">
        <v>88</v>
      </c>
      <c r="AO42181">
        <v>88</v>
      </c>
      <c r="AP42181">
        <v>87</v>
      </c>
      <c r="AQ42181">
        <v>86</v>
      </c>
    </row>
    <row r="42182" spans="1:43">
      <c r="A42182" t="s">
        <v>25905</v>
      </c>
      <c r="B42182" t="s">
        <v>25906</v>
      </c>
      <c r="C42182" t="s">
        <v>25899</v>
      </c>
      <c r="D42182" t="s">
        <v>25900</v>
      </c>
      <c r="E42182" t="s">
        <v>6594</v>
      </c>
      <c r="F42182" t="s">
        <v>6595</v>
      </c>
      <c r="G42182" t="s">
        <v>80</v>
      </c>
      <c r="H42182" t="s">
        <v>81</v>
      </c>
      <c r="I42182" s="2">
        <v>0</v>
      </c>
      <c r="J42182" s="2">
        <v>1</v>
      </c>
      <c r="K42182" s="2">
        <v>0</v>
      </c>
      <c r="L42182" t="s">
        <v>82</v>
      </c>
      <c r="M42182" t="s">
        <v>83</v>
      </c>
      <c r="N42182" t="s">
        <v>84</v>
      </c>
      <c r="O42182" t="s">
        <v>85</v>
      </c>
      <c r="P42182" t="s">
        <v>86</v>
      </c>
      <c r="Q42182">
        <v>2</v>
      </c>
      <c r="R42182">
        <v>2</v>
      </c>
      <c r="S42182">
        <v>2</v>
      </c>
      <c r="T42182">
        <v>2</v>
      </c>
      <c r="U42182">
        <v>2</v>
      </c>
      <c r="V42182">
        <v>2</v>
      </c>
      <c r="W42182">
        <v>2</v>
      </c>
      <c r="X42182">
        <v>2</v>
      </c>
      <c r="Y42182">
        <v>2</v>
      </c>
      <c r="Z42182">
        <v>2</v>
      </c>
      <c r="AA42182">
        <v>2</v>
      </c>
      <c r="AB42182">
        <v>2</v>
      </c>
      <c r="AC42182">
        <v>2</v>
      </c>
      <c r="AD42182">
        <v>2</v>
      </c>
      <c r="AE42182">
        <v>2</v>
      </c>
      <c r="AF42182">
        <v>2</v>
      </c>
      <c r="AG42182">
        <v>2</v>
      </c>
      <c r="AH42182">
        <v>2</v>
      </c>
      <c r="AI42182">
        <v>2</v>
      </c>
      <c r="AJ42182">
        <v>2</v>
      </c>
      <c r="AK42182">
        <v>2</v>
      </c>
      <c r="AL42182">
        <v>2</v>
      </c>
      <c r="AM42182">
        <v>2</v>
      </c>
      <c r="AN42182">
        <v>2</v>
      </c>
      <c r="AO42182">
        <v>2</v>
      </c>
      <c r="AP42182">
        <v>2</v>
      </c>
      <c r="AQ42182">
        <v>2</v>
      </c>
    </row>
    <row r="42183" spans="1:43">
      <c r="A42183" t="s">
        <v>25905</v>
      </c>
      <c r="B42183" t="s">
        <v>25906</v>
      </c>
      <c r="C42183" t="s">
        <v>25899</v>
      </c>
      <c r="D42183" t="s">
        <v>25900</v>
      </c>
      <c r="E42183" t="s">
        <v>6594</v>
      </c>
      <c r="F42183" t="s">
        <v>6595</v>
      </c>
      <c r="G42183" t="s">
        <v>80</v>
      </c>
      <c r="H42183" t="s">
        <v>81</v>
      </c>
      <c r="I42183" s="2">
        <v>0</v>
      </c>
      <c r="J42183" s="2">
        <v>1</v>
      </c>
      <c r="K42183" s="2">
        <v>0</v>
      </c>
      <c r="L42183" t="s">
        <v>82</v>
      </c>
      <c r="M42183" t="s">
        <v>87</v>
      </c>
      <c r="N42183" t="s">
        <v>88</v>
      </c>
      <c r="O42183" t="s">
        <v>85</v>
      </c>
      <c r="P42183" t="s">
        <v>86</v>
      </c>
      <c r="Q42183">
        <v>2</v>
      </c>
      <c r="R42183">
        <v>2</v>
      </c>
      <c r="S42183">
        <v>2</v>
      </c>
      <c r="T42183">
        <v>2</v>
      </c>
      <c r="U42183">
        <v>2</v>
      </c>
      <c r="V42183">
        <v>2</v>
      </c>
      <c r="W42183">
        <v>2</v>
      </c>
      <c r="X42183">
        <v>2</v>
      </c>
      <c r="Y42183">
        <v>2</v>
      </c>
      <c r="Z42183">
        <v>2</v>
      </c>
      <c r="AA42183">
        <v>2</v>
      </c>
      <c r="AB42183">
        <v>2</v>
      </c>
      <c r="AC42183">
        <v>2</v>
      </c>
      <c r="AD42183">
        <v>2</v>
      </c>
      <c r="AE42183">
        <v>2</v>
      </c>
      <c r="AF42183">
        <v>2</v>
      </c>
      <c r="AG42183">
        <v>2</v>
      </c>
      <c r="AH42183">
        <v>2</v>
      </c>
      <c r="AI42183">
        <v>2</v>
      </c>
      <c r="AJ42183">
        <v>2</v>
      </c>
      <c r="AK42183">
        <v>2</v>
      </c>
      <c r="AL42183">
        <v>2</v>
      </c>
      <c r="AM42183">
        <v>2</v>
      </c>
      <c r="AN42183">
        <v>2</v>
      </c>
      <c r="AO42183">
        <v>2</v>
      </c>
      <c r="AP42183">
        <v>2</v>
      </c>
      <c r="AQ42183">
        <v>1</v>
      </c>
    </row>
    <row r="42184" spans="1:43">
      <c r="A42184" t="s">
        <v>25905</v>
      </c>
      <c r="B42184" t="s">
        <v>25906</v>
      </c>
      <c r="C42184" t="s">
        <v>25899</v>
      </c>
      <c r="D42184" t="s">
        <v>25900</v>
      </c>
      <c r="E42184" t="s">
        <v>6594</v>
      </c>
      <c r="F42184" t="s">
        <v>6595</v>
      </c>
      <c r="G42184" t="s">
        <v>80</v>
      </c>
      <c r="H42184" t="s">
        <v>81</v>
      </c>
      <c r="I42184" s="2">
        <v>0</v>
      </c>
      <c r="J42184" s="2">
        <v>1</v>
      </c>
      <c r="K42184" s="2">
        <v>0</v>
      </c>
      <c r="L42184" t="s">
        <v>82</v>
      </c>
      <c r="M42184" t="s">
        <v>89</v>
      </c>
      <c r="N42184" t="s">
        <v>90</v>
      </c>
      <c r="O42184" t="s">
        <v>85</v>
      </c>
      <c r="P42184" t="s">
        <v>86</v>
      </c>
      <c r="Q42184">
        <v>2</v>
      </c>
      <c r="R42184">
        <v>2</v>
      </c>
      <c r="S42184">
        <v>2</v>
      </c>
      <c r="T42184">
        <v>2</v>
      </c>
      <c r="U42184">
        <v>2</v>
      </c>
      <c r="V42184">
        <v>2</v>
      </c>
      <c r="W42184">
        <v>2</v>
      </c>
      <c r="X42184">
        <v>2</v>
      </c>
      <c r="Y42184">
        <v>2</v>
      </c>
      <c r="Z42184">
        <v>2</v>
      </c>
      <c r="AA42184">
        <v>2</v>
      </c>
      <c r="AB42184">
        <v>2</v>
      </c>
      <c r="AC42184">
        <v>2</v>
      </c>
      <c r="AD42184">
        <v>2</v>
      </c>
      <c r="AE42184">
        <v>2</v>
      </c>
      <c r="AF42184">
        <v>2</v>
      </c>
      <c r="AG42184">
        <v>2</v>
      </c>
      <c r="AH42184">
        <v>2</v>
      </c>
      <c r="AI42184">
        <v>2</v>
      </c>
      <c r="AJ42184">
        <v>2</v>
      </c>
      <c r="AK42184">
        <v>2</v>
      </c>
      <c r="AL42184">
        <v>2</v>
      </c>
      <c r="AM42184">
        <v>2</v>
      </c>
      <c r="AN42184">
        <v>2</v>
      </c>
      <c r="AO42184">
        <v>2</v>
      </c>
      <c r="AP42184">
        <v>2</v>
      </c>
      <c r="AQ42184">
        <v>2</v>
      </c>
    </row>
    <row r="42185" spans="1:43">
      <c r="A42185" t="s">
        <v>25905</v>
      </c>
      <c r="B42185" t="s">
        <v>25906</v>
      </c>
      <c r="C42185" t="s">
        <v>25899</v>
      </c>
      <c r="D42185" t="s">
        <v>25900</v>
      </c>
      <c r="E42185" t="s">
        <v>6594</v>
      </c>
      <c r="F42185" t="s">
        <v>6595</v>
      </c>
      <c r="G42185" t="s">
        <v>80</v>
      </c>
      <c r="H42185" t="s">
        <v>81</v>
      </c>
      <c r="I42185" s="2">
        <v>0</v>
      </c>
      <c r="J42185" s="2">
        <v>1</v>
      </c>
      <c r="K42185" s="2">
        <v>0</v>
      </c>
      <c r="L42185" t="s">
        <v>82</v>
      </c>
      <c r="M42185" t="s">
        <v>83</v>
      </c>
      <c r="N42185" t="s">
        <v>91</v>
      </c>
      <c r="O42185" t="s">
        <v>85</v>
      </c>
      <c r="P42185" t="s">
        <v>86</v>
      </c>
      <c r="Q42185">
        <v>2</v>
      </c>
      <c r="R42185">
        <v>2</v>
      </c>
      <c r="S42185">
        <v>2</v>
      </c>
      <c r="T42185">
        <v>2</v>
      </c>
      <c r="U42185">
        <v>2</v>
      </c>
      <c r="V42185">
        <v>2</v>
      </c>
      <c r="W42185">
        <v>2</v>
      </c>
      <c r="X42185">
        <v>2</v>
      </c>
      <c r="Y42185">
        <v>2</v>
      </c>
      <c r="Z42185">
        <v>2</v>
      </c>
      <c r="AA42185">
        <v>2</v>
      </c>
      <c r="AB42185">
        <v>2</v>
      </c>
      <c r="AC42185">
        <v>2</v>
      </c>
      <c r="AD42185">
        <v>2</v>
      </c>
      <c r="AE42185">
        <v>2</v>
      </c>
      <c r="AF42185">
        <v>2</v>
      </c>
      <c r="AG42185">
        <v>2</v>
      </c>
      <c r="AH42185">
        <v>2</v>
      </c>
      <c r="AI42185">
        <v>2</v>
      </c>
      <c r="AJ42185">
        <v>2</v>
      </c>
      <c r="AK42185">
        <v>2</v>
      </c>
      <c r="AL42185">
        <v>2</v>
      </c>
      <c r="AM42185">
        <v>2</v>
      </c>
      <c r="AN42185">
        <v>2</v>
      </c>
      <c r="AO42185">
        <v>2</v>
      </c>
      <c r="AP42185">
        <v>2</v>
      </c>
      <c r="AQ42185">
        <v>2</v>
      </c>
    </row>
    <row r="42186" spans="1:43">
      <c r="A42186" t="s">
        <v>25907</v>
      </c>
      <c r="B42186" t="s">
        <v>25908</v>
      </c>
      <c r="C42186" t="s">
        <v>12280</v>
      </c>
      <c r="D42186" t="s">
        <v>12281</v>
      </c>
      <c r="E42186" t="s">
        <v>12188</v>
      </c>
      <c r="F42186" t="s">
        <v>12189</v>
      </c>
      <c r="G42186" t="s">
        <v>10450</v>
      </c>
      <c r="H42186" t="s">
        <v>10451</v>
      </c>
      <c r="I42186" s="2">
        <v>1</v>
      </c>
      <c r="J42186" s="2">
        <v>0</v>
      </c>
      <c r="K42186" s="2">
        <v>0</v>
      </c>
      <c r="L42186" t="s">
        <v>120</v>
      </c>
      <c r="M42186" t="s">
        <v>83</v>
      </c>
      <c r="N42186" t="s">
        <v>84</v>
      </c>
      <c r="O42186" t="s">
        <v>85</v>
      </c>
      <c r="P42186" t="s">
        <v>86</v>
      </c>
      <c r="Q42186">
        <v>24</v>
      </c>
      <c r="R42186">
        <v>25</v>
      </c>
      <c r="S42186">
        <v>25</v>
      </c>
      <c r="T42186">
        <v>26</v>
      </c>
      <c r="U42186">
        <v>26</v>
      </c>
      <c r="V42186">
        <v>27</v>
      </c>
      <c r="W42186">
        <v>27</v>
      </c>
      <c r="X42186">
        <v>28</v>
      </c>
      <c r="Y42186">
        <v>28</v>
      </c>
      <c r="Z42186">
        <v>29</v>
      </c>
      <c r="AA42186">
        <v>29</v>
      </c>
      <c r="AB42186">
        <v>30</v>
      </c>
      <c r="AC42186">
        <v>30</v>
      </c>
      <c r="AD42186">
        <v>31</v>
      </c>
      <c r="AE42186">
        <v>31</v>
      </c>
      <c r="AF42186">
        <v>32</v>
      </c>
      <c r="AG42186">
        <v>32</v>
      </c>
      <c r="AH42186">
        <v>33</v>
      </c>
      <c r="AI42186">
        <v>33</v>
      </c>
      <c r="AJ42186">
        <v>34</v>
      </c>
      <c r="AK42186">
        <v>34</v>
      </c>
      <c r="AL42186">
        <v>34</v>
      </c>
      <c r="AM42186">
        <v>35</v>
      </c>
      <c r="AN42186">
        <v>35</v>
      </c>
      <c r="AO42186">
        <v>35</v>
      </c>
      <c r="AP42186">
        <v>35</v>
      </c>
      <c r="AQ42186">
        <v>36</v>
      </c>
    </row>
    <row r="42187" spans="1:43">
      <c r="A42187" t="s">
        <v>25907</v>
      </c>
      <c r="B42187" t="s">
        <v>25908</v>
      </c>
      <c r="C42187" t="s">
        <v>12280</v>
      </c>
      <c r="D42187" t="s">
        <v>12281</v>
      </c>
      <c r="E42187" t="s">
        <v>12188</v>
      </c>
      <c r="F42187" t="s">
        <v>12189</v>
      </c>
      <c r="G42187" t="s">
        <v>10450</v>
      </c>
      <c r="H42187" t="s">
        <v>10451</v>
      </c>
      <c r="I42187" s="2">
        <v>1</v>
      </c>
      <c r="J42187" s="2">
        <v>0</v>
      </c>
      <c r="K42187" s="2">
        <v>0</v>
      </c>
      <c r="L42187" t="s">
        <v>120</v>
      </c>
      <c r="M42187" t="s">
        <v>87</v>
      </c>
      <c r="N42187" t="s">
        <v>88</v>
      </c>
      <c r="O42187" t="s">
        <v>85</v>
      </c>
      <c r="P42187" t="s">
        <v>86</v>
      </c>
      <c r="Q42187">
        <v>24</v>
      </c>
      <c r="R42187">
        <v>24</v>
      </c>
      <c r="S42187">
        <v>25</v>
      </c>
      <c r="T42187">
        <v>25</v>
      </c>
      <c r="U42187">
        <v>25</v>
      </c>
      <c r="V42187">
        <v>25</v>
      </c>
      <c r="W42187">
        <v>26</v>
      </c>
      <c r="X42187">
        <v>26</v>
      </c>
      <c r="Y42187">
        <v>26</v>
      </c>
      <c r="Z42187">
        <v>26</v>
      </c>
      <c r="AA42187">
        <v>27</v>
      </c>
      <c r="AB42187">
        <v>27</v>
      </c>
      <c r="AC42187">
        <v>27</v>
      </c>
      <c r="AD42187">
        <v>27</v>
      </c>
      <c r="AE42187">
        <v>28</v>
      </c>
      <c r="AF42187">
        <v>28</v>
      </c>
      <c r="AG42187">
        <v>28</v>
      </c>
      <c r="AH42187">
        <v>28</v>
      </c>
      <c r="AI42187">
        <v>29</v>
      </c>
      <c r="AJ42187">
        <v>29</v>
      </c>
      <c r="AK42187">
        <v>29</v>
      </c>
      <c r="AL42187">
        <v>29</v>
      </c>
      <c r="AM42187">
        <v>30</v>
      </c>
      <c r="AN42187">
        <v>30</v>
      </c>
      <c r="AO42187">
        <v>30</v>
      </c>
      <c r="AP42187">
        <v>31</v>
      </c>
      <c r="AQ42187">
        <v>31</v>
      </c>
    </row>
    <row r="42188" spans="1:43">
      <c r="A42188" t="s">
        <v>25907</v>
      </c>
      <c r="B42188" t="s">
        <v>25908</v>
      </c>
      <c r="C42188" t="s">
        <v>12280</v>
      </c>
      <c r="D42188" t="s">
        <v>12281</v>
      </c>
      <c r="E42188" t="s">
        <v>12188</v>
      </c>
      <c r="F42188" t="s">
        <v>12189</v>
      </c>
      <c r="G42188" t="s">
        <v>10450</v>
      </c>
      <c r="H42188" t="s">
        <v>10451</v>
      </c>
      <c r="I42188" s="2">
        <v>1</v>
      </c>
      <c r="J42188" s="2">
        <v>0</v>
      </c>
      <c r="K42188" s="2">
        <v>0</v>
      </c>
      <c r="L42188" t="s">
        <v>120</v>
      </c>
      <c r="M42188" t="s">
        <v>89</v>
      </c>
      <c r="N42188" t="s">
        <v>90</v>
      </c>
      <c r="O42188" t="s">
        <v>85</v>
      </c>
      <c r="P42188" t="s">
        <v>86</v>
      </c>
      <c r="Q42188">
        <v>24</v>
      </c>
      <c r="R42188">
        <v>24</v>
      </c>
      <c r="S42188">
        <v>25</v>
      </c>
      <c r="T42188">
        <v>26</v>
      </c>
      <c r="U42188">
        <v>26</v>
      </c>
      <c r="V42188">
        <v>27</v>
      </c>
      <c r="W42188">
        <v>28</v>
      </c>
      <c r="X42188">
        <v>28</v>
      </c>
      <c r="Y42188">
        <v>29</v>
      </c>
      <c r="Z42188">
        <v>29</v>
      </c>
      <c r="AA42188">
        <v>30</v>
      </c>
      <c r="AB42188">
        <v>31</v>
      </c>
      <c r="AC42188">
        <v>31</v>
      </c>
      <c r="AD42188">
        <v>32</v>
      </c>
      <c r="AE42188">
        <v>32</v>
      </c>
      <c r="AF42188">
        <v>33</v>
      </c>
      <c r="AG42188">
        <v>33</v>
      </c>
      <c r="AH42188">
        <v>33</v>
      </c>
      <c r="AI42188">
        <v>33</v>
      </c>
      <c r="AJ42188">
        <v>33</v>
      </c>
      <c r="AK42188">
        <v>34</v>
      </c>
      <c r="AL42188">
        <v>34</v>
      </c>
      <c r="AM42188">
        <v>34</v>
      </c>
      <c r="AN42188">
        <v>34</v>
      </c>
      <c r="AO42188">
        <v>34</v>
      </c>
      <c r="AP42188">
        <v>35</v>
      </c>
      <c r="AQ42188">
        <v>35</v>
      </c>
    </row>
    <row r="42189" spans="1:43">
      <c r="A42189" t="s">
        <v>25907</v>
      </c>
      <c r="B42189" t="s">
        <v>25908</v>
      </c>
      <c r="C42189" t="s">
        <v>12280</v>
      </c>
      <c r="D42189" t="s">
        <v>12281</v>
      </c>
      <c r="E42189" t="s">
        <v>12188</v>
      </c>
      <c r="F42189" t="s">
        <v>12189</v>
      </c>
      <c r="G42189" t="s">
        <v>10450</v>
      </c>
      <c r="H42189" t="s">
        <v>10451</v>
      </c>
      <c r="I42189" s="2">
        <v>1</v>
      </c>
      <c r="J42189" s="2">
        <v>0</v>
      </c>
      <c r="K42189" s="2">
        <v>0</v>
      </c>
      <c r="L42189" t="s">
        <v>120</v>
      </c>
      <c r="M42189" t="s">
        <v>83</v>
      </c>
      <c r="N42189" t="s">
        <v>91</v>
      </c>
      <c r="O42189" t="s">
        <v>85</v>
      </c>
      <c r="P42189" t="s">
        <v>86</v>
      </c>
      <c r="Q42189">
        <v>24</v>
      </c>
      <c r="R42189">
        <v>25</v>
      </c>
      <c r="S42189">
        <v>25</v>
      </c>
      <c r="T42189">
        <v>26</v>
      </c>
      <c r="U42189">
        <v>26</v>
      </c>
      <c r="V42189">
        <v>27</v>
      </c>
      <c r="W42189">
        <v>27</v>
      </c>
      <c r="X42189">
        <v>28</v>
      </c>
      <c r="Y42189">
        <v>28</v>
      </c>
      <c r="Z42189">
        <v>29</v>
      </c>
      <c r="AA42189">
        <v>29</v>
      </c>
      <c r="AB42189">
        <v>30</v>
      </c>
      <c r="AC42189">
        <v>30</v>
      </c>
      <c r="AD42189">
        <v>31</v>
      </c>
      <c r="AE42189">
        <v>31</v>
      </c>
      <c r="AF42189">
        <v>32</v>
      </c>
      <c r="AG42189">
        <v>32</v>
      </c>
      <c r="AH42189">
        <v>33</v>
      </c>
      <c r="AI42189">
        <v>33</v>
      </c>
      <c r="AJ42189">
        <v>34</v>
      </c>
      <c r="AK42189">
        <v>34</v>
      </c>
      <c r="AL42189">
        <v>34</v>
      </c>
      <c r="AM42189">
        <v>35</v>
      </c>
      <c r="AN42189">
        <v>35</v>
      </c>
      <c r="AO42189">
        <v>35</v>
      </c>
      <c r="AP42189">
        <v>35</v>
      </c>
      <c r="AQ42189">
        <v>36</v>
      </c>
    </row>
    <row r="42190" spans="1:43">
      <c r="A42190" t="s">
        <v>25909</v>
      </c>
      <c r="B42190" t="s">
        <v>25910</v>
      </c>
      <c r="C42190" t="s">
        <v>12280</v>
      </c>
      <c r="D42190" t="s">
        <v>12281</v>
      </c>
      <c r="E42190" t="s">
        <v>12188</v>
      </c>
      <c r="F42190" t="s">
        <v>12189</v>
      </c>
      <c r="G42190" t="s">
        <v>10450</v>
      </c>
      <c r="H42190" t="s">
        <v>10451</v>
      </c>
      <c r="I42190" s="2">
        <v>1</v>
      </c>
      <c r="J42190" s="2">
        <v>0</v>
      </c>
      <c r="K42190" s="2">
        <v>0</v>
      </c>
      <c r="L42190" t="s">
        <v>120</v>
      </c>
      <c r="M42190" t="s">
        <v>83</v>
      </c>
      <c r="N42190" t="s">
        <v>84</v>
      </c>
      <c r="O42190" t="s">
        <v>85</v>
      </c>
      <c r="P42190" t="s">
        <v>86</v>
      </c>
      <c r="Q42190">
        <v>6</v>
      </c>
      <c r="R42190">
        <v>6</v>
      </c>
      <c r="S42190">
        <v>6</v>
      </c>
      <c r="T42190">
        <v>6</v>
      </c>
      <c r="U42190">
        <v>6</v>
      </c>
      <c r="V42190">
        <v>7</v>
      </c>
      <c r="W42190">
        <v>7</v>
      </c>
      <c r="X42190">
        <v>7</v>
      </c>
      <c r="Y42190">
        <v>7</v>
      </c>
      <c r="Z42190">
        <v>7</v>
      </c>
      <c r="AA42190">
        <v>7</v>
      </c>
      <c r="AB42190">
        <v>7</v>
      </c>
      <c r="AC42190">
        <v>7</v>
      </c>
      <c r="AD42190">
        <v>7</v>
      </c>
      <c r="AE42190">
        <v>8</v>
      </c>
      <c r="AF42190">
        <v>8</v>
      </c>
      <c r="AG42190">
        <v>8</v>
      </c>
      <c r="AH42190">
        <v>8</v>
      </c>
      <c r="AI42190">
        <v>8</v>
      </c>
      <c r="AJ42190">
        <v>8</v>
      </c>
      <c r="AK42190">
        <v>8</v>
      </c>
      <c r="AL42190">
        <v>8</v>
      </c>
      <c r="AM42190">
        <v>9</v>
      </c>
      <c r="AN42190">
        <v>9</v>
      </c>
      <c r="AO42190">
        <v>9</v>
      </c>
      <c r="AP42190">
        <v>9</v>
      </c>
      <c r="AQ42190">
        <v>9</v>
      </c>
    </row>
    <row r="42191" spans="1:43">
      <c r="A42191" t="s">
        <v>25909</v>
      </c>
      <c r="B42191" t="s">
        <v>25910</v>
      </c>
      <c r="C42191" t="s">
        <v>12280</v>
      </c>
      <c r="D42191" t="s">
        <v>12281</v>
      </c>
      <c r="E42191" t="s">
        <v>12188</v>
      </c>
      <c r="F42191" t="s">
        <v>12189</v>
      </c>
      <c r="G42191" t="s">
        <v>10450</v>
      </c>
      <c r="H42191" t="s">
        <v>10451</v>
      </c>
      <c r="I42191" s="2">
        <v>1</v>
      </c>
      <c r="J42191" s="2">
        <v>0</v>
      </c>
      <c r="K42191" s="2">
        <v>0</v>
      </c>
      <c r="L42191" t="s">
        <v>120</v>
      </c>
      <c r="M42191" t="s">
        <v>87</v>
      </c>
      <c r="N42191" t="s">
        <v>88</v>
      </c>
      <c r="O42191" t="s">
        <v>85</v>
      </c>
      <c r="P42191" t="s">
        <v>86</v>
      </c>
      <c r="Q42191">
        <v>6</v>
      </c>
      <c r="R42191">
        <v>6</v>
      </c>
      <c r="S42191">
        <v>6</v>
      </c>
      <c r="T42191">
        <v>6</v>
      </c>
      <c r="U42191">
        <v>6</v>
      </c>
      <c r="V42191">
        <v>6</v>
      </c>
      <c r="W42191">
        <v>6</v>
      </c>
      <c r="X42191">
        <v>6</v>
      </c>
      <c r="Y42191">
        <v>6</v>
      </c>
      <c r="Z42191">
        <v>6</v>
      </c>
      <c r="AA42191">
        <v>7</v>
      </c>
      <c r="AB42191">
        <v>7</v>
      </c>
      <c r="AC42191">
        <v>7</v>
      </c>
      <c r="AD42191">
        <v>7</v>
      </c>
      <c r="AE42191">
        <v>7</v>
      </c>
      <c r="AF42191">
        <v>7</v>
      </c>
      <c r="AG42191">
        <v>7</v>
      </c>
      <c r="AH42191">
        <v>7</v>
      </c>
      <c r="AI42191">
        <v>7</v>
      </c>
      <c r="AJ42191">
        <v>7</v>
      </c>
      <c r="AK42191">
        <v>7</v>
      </c>
      <c r="AL42191">
        <v>7</v>
      </c>
      <c r="AM42191">
        <v>7</v>
      </c>
      <c r="AN42191">
        <v>7</v>
      </c>
      <c r="AO42191">
        <v>7</v>
      </c>
      <c r="AP42191">
        <v>8</v>
      </c>
      <c r="AQ42191">
        <v>8</v>
      </c>
    </row>
    <row r="42192" spans="1:43">
      <c r="A42192" t="s">
        <v>25909</v>
      </c>
      <c r="B42192" t="s">
        <v>25910</v>
      </c>
      <c r="C42192" t="s">
        <v>12280</v>
      </c>
      <c r="D42192" t="s">
        <v>12281</v>
      </c>
      <c r="E42192" t="s">
        <v>12188</v>
      </c>
      <c r="F42192" t="s">
        <v>12189</v>
      </c>
      <c r="G42192" t="s">
        <v>10450</v>
      </c>
      <c r="H42192" t="s">
        <v>10451</v>
      </c>
      <c r="I42192" s="2">
        <v>1</v>
      </c>
      <c r="J42192" s="2">
        <v>0</v>
      </c>
      <c r="K42192" s="2">
        <v>0</v>
      </c>
      <c r="L42192" t="s">
        <v>120</v>
      </c>
      <c r="M42192" t="s">
        <v>89</v>
      </c>
      <c r="N42192" t="s">
        <v>90</v>
      </c>
      <c r="O42192" t="s">
        <v>85</v>
      </c>
      <c r="P42192" t="s">
        <v>86</v>
      </c>
      <c r="Q42192">
        <v>6</v>
      </c>
      <c r="R42192">
        <v>6</v>
      </c>
      <c r="S42192">
        <v>6</v>
      </c>
      <c r="T42192">
        <v>7</v>
      </c>
      <c r="U42192">
        <v>7</v>
      </c>
      <c r="V42192">
        <v>7</v>
      </c>
      <c r="W42192">
        <v>7</v>
      </c>
      <c r="X42192">
        <v>7</v>
      </c>
      <c r="Y42192">
        <v>7</v>
      </c>
      <c r="Z42192">
        <v>7</v>
      </c>
      <c r="AA42192">
        <v>8</v>
      </c>
      <c r="AB42192">
        <v>8</v>
      </c>
      <c r="AC42192">
        <v>8</v>
      </c>
      <c r="AD42192">
        <v>8</v>
      </c>
      <c r="AE42192">
        <v>8</v>
      </c>
      <c r="AF42192">
        <v>8</v>
      </c>
      <c r="AG42192">
        <v>8</v>
      </c>
      <c r="AH42192">
        <v>8</v>
      </c>
      <c r="AI42192">
        <v>8</v>
      </c>
      <c r="AJ42192">
        <v>8</v>
      </c>
      <c r="AK42192">
        <v>8</v>
      </c>
      <c r="AL42192">
        <v>9</v>
      </c>
      <c r="AM42192">
        <v>9</v>
      </c>
      <c r="AN42192">
        <v>9</v>
      </c>
      <c r="AO42192">
        <v>9</v>
      </c>
      <c r="AP42192">
        <v>9</v>
      </c>
      <c r="AQ42192">
        <v>9</v>
      </c>
    </row>
    <row r="42193" spans="1:43">
      <c r="A42193" t="s">
        <v>25909</v>
      </c>
      <c r="B42193" t="s">
        <v>25910</v>
      </c>
      <c r="C42193" t="s">
        <v>12280</v>
      </c>
      <c r="D42193" t="s">
        <v>12281</v>
      </c>
      <c r="E42193" t="s">
        <v>12188</v>
      </c>
      <c r="F42193" t="s">
        <v>12189</v>
      </c>
      <c r="G42193" t="s">
        <v>10450</v>
      </c>
      <c r="H42193" t="s">
        <v>10451</v>
      </c>
      <c r="I42193" s="2">
        <v>1</v>
      </c>
      <c r="J42193" s="2">
        <v>0</v>
      </c>
      <c r="K42193" s="2">
        <v>0</v>
      </c>
      <c r="L42193" t="s">
        <v>120</v>
      </c>
      <c r="M42193" t="s">
        <v>83</v>
      </c>
      <c r="N42193" t="s">
        <v>91</v>
      </c>
      <c r="O42193" t="s">
        <v>85</v>
      </c>
      <c r="P42193" t="s">
        <v>86</v>
      </c>
      <c r="Q42193">
        <v>6</v>
      </c>
      <c r="R42193">
        <v>6</v>
      </c>
      <c r="S42193">
        <v>6</v>
      </c>
      <c r="T42193">
        <v>6</v>
      </c>
      <c r="U42193">
        <v>6</v>
      </c>
      <c r="V42193">
        <v>7</v>
      </c>
      <c r="W42193">
        <v>7</v>
      </c>
      <c r="X42193">
        <v>7</v>
      </c>
      <c r="Y42193">
        <v>7</v>
      </c>
      <c r="Z42193">
        <v>7</v>
      </c>
      <c r="AA42193">
        <v>7</v>
      </c>
      <c r="AB42193">
        <v>7</v>
      </c>
      <c r="AC42193">
        <v>7</v>
      </c>
      <c r="AD42193">
        <v>7</v>
      </c>
      <c r="AE42193">
        <v>8</v>
      </c>
      <c r="AF42193">
        <v>8</v>
      </c>
      <c r="AG42193">
        <v>8</v>
      </c>
      <c r="AH42193">
        <v>8</v>
      </c>
      <c r="AI42193">
        <v>8</v>
      </c>
      <c r="AJ42193">
        <v>8</v>
      </c>
      <c r="AK42193">
        <v>8</v>
      </c>
      <c r="AL42193">
        <v>8</v>
      </c>
      <c r="AM42193">
        <v>9</v>
      </c>
      <c r="AN42193">
        <v>9</v>
      </c>
      <c r="AO42193">
        <v>9</v>
      </c>
      <c r="AP42193">
        <v>9</v>
      </c>
      <c r="AQ42193">
        <v>9</v>
      </c>
    </row>
    <row r="42194" spans="1:43">
      <c r="A42194" t="s">
        <v>25911</v>
      </c>
      <c r="B42194" t="s">
        <v>25912</v>
      </c>
      <c r="C42194" t="s">
        <v>12202</v>
      </c>
      <c r="D42194" t="s">
        <v>12203</v>
      </c>
      <c r="E42194" t="s">
        <v>12188</v>
      </c>
      <c r="F42194" t="s">
        <v>12189</v>
      </c>
      <c r="G42194" t="s">
        <v>10450</v>
      </c>
      <c r="H42194" t="s">
        <v>10451</v>
      </c>
      <c r="I42194" s="2">
        <v>1</v>
      </c>
      <c r="J42194" s="2">
        <v>0</v>
      </c>
      <c r="K42194" s="2">
        <v>0</v>
      </c>
      <c r="L42194" t="s">
        <v>120</v>
      </c>
      <c r="M42194" t="s">
        <v>83</v>
      </c>
      <c r="N42194" t="s">
        <v>84</v>
      </c>
      <c r="O42194" t="s">
        <v>85</v>
      </c>
      <c r="P42194" t="s">
        <v>86</v>
      </c>
      <c r="Q42194">
        <v>11</v>
      </c>
      <c r="R42194">
        <v>11</v>
      </c>
      <c r="S42194">
        <v>11</v>
      </c>
      <c r="T42194">
        <v>11</v>
      </c>
      <c r="U42194">
        <v>12</v>
      </c>
      <c r="V42194">
        <v>12</v>
      </c>
      <c r="W42194">
        <v>12</v>
      </c>
      <c r="X42194">
        <v>12</v>
      </c>
      <c r="Y42194">
        <v>12</v>
      </c>
      <c r="Z42194">
        <v>13</v>
      </c>
      <c r="AA42194">
        <v>13</v>
      </c>
      <c r="AB42194">
        <v>13</v>
      </c>
      <c r="AC42194">
        <v>13</v>
      </c>
      <c r="AD42194">
        <v>13</v>
      </c>
      <c r="AE42194">
        <v>14</v>
      </c>
      <c r="AF42194">
        <v>14</v>
      </c>
      <c r="AG42194">
        <v>14</v>
      </c>
      <c r="AH42194">
        <v>14</v>
      </c>
      <c r="AI42194">
        <v>14</v>
      </c>
      <c r="AJ42194">
        <v>15</v>
      </c>
      <c r="AK42194">
        <v>15</v>
      </c>
      <c r="AL42194">
        <v>15</v>
      </c>
      <c r="AM42194">
        <v>15</v>
      </c>
      <c r="AN42194">
        <v>15</v>
      </c>
      <c r="AO42194">
        <v>15</v>
      </c>
      <c r="AP42194">
        <v>15</v>
      </c>
      <c r="AQ42194">
        <v>16</v>
      </c>
    </row>
    <row r="42195" spans="1:43">
      <c r="A42195" t="s">
        <v>25911</v>
      </c>
      <c r="B42195" t="s">
        <v>25912</v>
      </c>
      <c r="C42195" t="s">
        <v>12202</v>
      </c>
      <c r="D42195" t="s">
        <v>12203</v>
      </c>
      <c r="E42195" t="s">
        <v>12188</v>
      </c>
      <c r="F42195" t="s">
        <v>12189</v>
      </c>
      <c r="G42195" t="s">
        <v>10450</v>
      </c>
      <c r="H42195" t="s">
        <v>10451</v>
      </c>
      <c r="I42195" s="2">
        <v>1</v>
      </c>
      <c r="J42195" s="2">
        <v>0</v>
      </c>
      <c r="K42195" s="2">
        <v>0</v>
      </c>
      <c r="L42195" t="s">
        <v>120</v>
      </c>
      <c r="M42195" t="s">
        <v>87</v>
      </c>
      <c r="N42195" t="s">
        <v>88</v>
      </c>
      <c r="O42195" t="s">
        <v>85</v>
      </c>
      <c r="P42195" t="s">
        <v>86</v>
      </c>
      <c r="Q42195">
        <v>11</v>
      </c>
      <c r="R42195">
        <v>11</v>
      </c>
      <c r="S42195">
        <v>11</v>
      </c>
      <c r="T42195">
        <v>11</v>
      </c>
      <c r="U42195">
        <v>11</v>
      </c>
      <c r="V42195">
        <v>11</v>
      </c>
      <c r="W42195">
        <v>11</v>
      </c>
      <c r="X42195">
        <v>11</v>
      </c>
      <c r="Y42195">
        <v>11</v>
      </c>
      <c r="Z42195">
        <v>12</v>
      </c>
      <c r="AA42195">
        <v>12</v>
      </c>
      <c r="AB42195">
        <v>12</v>
      </c>
      <c r="AC42195">
        <v>12</v>
      </c>
      <c r="AD42195">
        <v>12</v>
      </c>
      <c r="AE42195">
        <v>12</v>
      </c>
      <c r="AF42195">
        <v>12</v>
      </c>
      <c r="AG42195">
        <v>12</v>
      </c>
      <c r="AH42195">
        <v>12</v>
      </c>
      <c r="AI42195">
        <v>13</v>
      </c>
      <c r="AJ42195">
        <v>13</v>
      </c>
      <c r="AK42195">
        <v>13</v>
      </c>
      <c r="AL42195">
        <v>13</v>
      </c>
      <c r="AM42195">
        <v>13</v>
      </c>
      <c r="AN42195">
        <v>13</v>
      </c>
      <c r="AO42195">
        <v>13</v>
      </c>
      <c r="AP42195">
        <v>13</v>
      </c>
      <c r="AQ42195">
        <v>14</v>
      </c>
    </row>
    <row r="42196" spans="1:43">
      <c r="A42196" t="s">
        <v>25911</v>
      </c>
      <c r="B42196" t="s">
        <v>25912</v>
      </c>
      <c r="C42196" t="s">
        <v>12202</v>
      </c>
      <c r="D42196" t="s">
        <v>12203</v>
      </c>
      <c r="E42196" t="s">
        <v>12188</v>
      </c>
      <c r="F42196" t="s">
        <v>12189</v>
      </c>
      <c r="G42196" t="s">
        <v>10450</v>
      </c>
      <c r="H42196" t="s">
        <v>10451</v>
      </c>
      <c r="I42196" s="2">
        <v>1</v>
      </c>
      <c r="J42196" s="2">
        <v>0</v>
      </c>
      <c r="K42196" s="2">
        <v>0</v>
      </c>
      <c r="L42196" t="s">
        <v>120</v>
      </c>
      <c r="M42196" t="s">
        <v>89</v>
      </c>
      <c r="N42196" t="s">
        <v>90</v>
      </c>
      <c r="O42196" t="s">
        <v>85</v>
      </c>
      <c r="P42196" t="s">
        <v>86</v>
      </c>
      <c r="Q42196">
        <v>11</v>
      </c>
      <c r="R42196">
        <v>11</v>
      </c>
      <c r="S42196">
        <v>11</v>
      </c>
      <c r="T42196">
        <v>12</v>
      </c>
      <c r="U42196">
        <v>12</v>
      </c>
      <c r="V42196">
        <v>12</v>
      </c>
      <c r="W42196">
        <v>12</v>
      </c>
      <c r="X42196">
        <v>13</v>
      </c>
      <c r="Y42196">
        <v>13</v>
      </c>
      <c r="Z42196">
        <v>13</v>
      </c>
      <c r="AA42196">
        <v>14</v>
      </c>
      <c r="AB42196">
        <v>14</v>
      </c>
      <c r="AC42196">
        <v>14</v>
      </c>
      <c r="AD42196">
        <v>14</v>
      </c>
      <c r="AE42196">
        <v>15</v>
      </c>
      <c r="AF42196">
        <v>15</v>
      </c>
      <c r="AG42196">
        <v>15</v>
      </c>
      <c r="AH42196">
        <v>15</v>
      </c>
      <c r="AI42196">
        <v>15</v>
      </c>
      <c r="AJ42196">
        <v>15</v>
      </c>
      <c r="AK42196">
        <v>15</v>
      </c>
      <c r="AL42196">
        <v>15</v>
      </c>
      <c r="AM42196">
        <v>15</v>
      </c>
      <c r="AN42196">
        <v>15</v>
      </c>
      <c r="AO42196">
        <v>15</v>
      </c>
      <c r="AP42196">
        <v>16</v>
      </c>
      <c r="AQ42196">
        <v>16</v>
      </c>
    </row>
    <row r="42197" spans="1:43">
      <c r="A42197" t="s">
        <v>25911</v>
      </c>
      <c r="B42197" t="s">
        <v>25912</v>
      </c>
      <c r="C42197" t="s">
        <v>12202</v>
      </c>
      <c r="D42197" t="s">
        <v>12203</v>
      </c>
      <c r="E42197" t="s">
        <v>12188</v>
      </c>
      <c r="F42197" t="s">
        <v>12189</v>
      </c>
      <c r="G42197" t="s">
        <v>10450</v>
      </c>
      <c r="H42197" t="s">
        <v>10451</v>
      </c>
      <c r="I42197" s="2">
        <v>1</v>
      </c>
      <c r="J42197" s="2">
        <v>0</v>
      </c>
      <c r="K42197" s="2">
        <v>0</v>
      </c>
      <c r="L42197" t="s">
        <v>120</v>
      </c>
      <c r="M42197" t="s">
        <v>83</v>
      </c>
      <c r="N42197" t="s">
        <v>91</v>
      </c>
      <c r="O42197" t="s">
        <v>85</v>
      </c>
      <c r="P42197" t="s">
        <v>86</v>
      </c>
      <c r="Q42197">
        <v>11</v>
      </c>
      <c r="R42197">
        <v>11</v>
      </c>
      <c r="S42197">
        <v>11</v>
      </c>
      <c r="T42197">
        <v>11</v>
      </c>
      <c r="U42197">
        <v>12</v>
      </c>
      <c r="V42197">
        <v>12</v>
      </c>
      <c r="W42197">
        <v>12</v>
      </c>
      <c r="X42197">
        <v>12</v>
      </c>
      <c r="Y42197">
        <v>12</v>
      </c>
      <c r="Z42197">
        <v>13</v>
      </c>
      <c r="AA42197">
        <v>13</v>
      </c>
      <c r="AB42197">
        <v>13</v>
      </c>
      <c r="AC42197">
        <v>13</v>
      </c>
      <c r="AD42197">
        <v>13</v>
      </c>
      <c r="AE42197">
        <v>14</v>
      </c>
      <c r="AF42197">
        <v>14</v>
      </c>
      <c r="AG42197">
        <v>14</v>
      </c>
      <c r="AH42197">
        <v>14</v>
      </c>
      <c r="AI42197">
        <v>14</v>
      </c>
      <c r="AJ42197">
        <v>15</v>
      </c>
      <c r="AK42197">
        <v>15</v>
      </c>
      <c r="AL42197">
        <v>15</v>
      </c>
      <c r="AM42197">
        <v>15</v>
      </c>
      <c r="AN42197">
        <v>15</v>
      </c>
      <c r="AO42197">
        <v>15</v>
      </c>
      <c r="AP42197">
        <v>15</v>
      </c>
      <c r="AQ42197">
        <v>16</v>
      </c>
    </row>
    <row r="42198" spans="1:43">
      <c r="A42198" t="s">
        <v>25913</v>
      </c>
      <c r="B42198" t="s">
        <v>25914</v>
      </c>
      <c r="C42198" t="s">
        <v>12202</v>
      </c>
      <c r="D42198" t="s">
        <v>12203</v>
      </c>
      <c r="E42198" t="s">
        <v>12188</v>
      </c>
      <c r="F42198" t="s">
        <v>12189</v>
      </c>
      <c r="G42198" t="s">
        <v>10450</v>
      </c>
      <c r="H42198" t="s">
        <v>10451</v>
      </c>
      <c r="I42198" s="2">
        <v>1</v>
      </c>
      <c r="J42198" s="2">
        <v>0</v>
      </c>
      <c r="K42198" s="2">
        <v>0</v>
      </c>
      <c r="L42198" t="s">
        <v>120</v>
      </c>
      <c r="M42198" t="s">
        <v>83</v>
      </c>
      <c r="N42198" t="s">
        <v>84</v>
      </c>
      <c r="O42198" t="s">
        <v>85</v>
      </c>
      <c r="P42198" t="s">
        <v>86</v>
      </c>
      <c r="Q42198">
        <v>1</v>
      </c>
      <c r="R42198">
        <v>1</v>
      </c>
      <c r="S42198">
        <v>1</v>
      </c>
      <c r="T42198">
        <v>1</v>
      </c>
      <c r="U42198">
        <v>1</v>
      </c>
      <c r="V42198">
        <v>1</v>
      </c>
      <c r="W42198">
        <v>1</v>
      </c>
      <c r="X42198">
        <v>1</v>
      </c>
      <c r="Y42198">
        <v>1</v>
      </c>
      <c r="Z42198">
        <v>1</v>
      </c>
      <c r="AA42198">
        <v>1</v>
      </c>
      <c r="AB42198">
        <v>1</v>
      </c>
      <c r="AC42198">
        <v>1</v>
      </c>
      <c r="AD42198">
        <v>1</v>
      </c>
      <c r="AE42198">
        <v>1</v>
      </c>
      <c r="AF42198">
        <v>1</v>
      </c>
      <c r="AG42198">
        <v>1</v>
      </c>
      <c r="AH42198">
        <v>1</v>
      </c>
      <c r="AI42198">
        <v>1</v>
      </c>
      <c r="AJ42198">
        <v>1</v>
      </c>
      <c r="AK42198">
        <v>1</v>
      </c>
      <c r="AL42198">
        <v>1</v>
      </c>
      <c r="AM42198">
        <v>1</v>
      </c>
      <c r="AN42198">
        <v>1</v>
      </c>
      <c r="AO42198">
        <v>1</v>
      </c>
      <c r="AP42198">
        <v>1</v>
      </c>
      <c r="AQ42198">
        <v>1</v>
      </c>
    </row>
    <row r="42199" spans="1:43">
      <c r="A42199" t="s">
        <v>25913</v>
      </c>
      <c r="B42199" t="s">
        <v>25914</v>
      </c>
      <c r="C42199" t="s">
        <v>12202</v>
      </c>
      <c r="D42199" t="s">
        <v>12203</v>
      </c>
      <c r="E42199" t="s">
        <v>12188</v>
      </c>
      <c r="F42199" t="s">
        <v>12189</v>
      </c>
      <c r="G42199" t="s">
        <v>10450</v>
      </c>
      <c r="H42199" t="s">
        <v>10451</v>
      </c>
      <c r="I42199" s="2">
        <v>1</v>
      </c>
      <c r="J42199" s="2">
        <v>0</v>
      </c>
      <c r="K42199" s="2">
        <v>0</v>
      </c>
      <c r="L42199" t="s">
        <v>120</v>
      </c>
      <c r="M42199" t="s">
        <v>87</v>
      </c>
      <c r="N42199" t="s">
        <v>88</v>
      </c>
      <c r="O42199" t="s">
        <v>85</v>
      </c>
      <c r="P42199" t="s">
        <v>86</v>
      </c>
      <c r="Q42199">
        <v>1</v>
      </c>
      <c r="R42199">
        <v>1</v>
      </c>
      <c r="S42199">
        <v>1</v>
      </c>
      <c r="T42199">
        <v>1</v>
      </c>
      <c r="U42199">
        <v>1</v>
      </c>
      <c r="V42199">
        <v>1</v>
      </c>
      <c r="W42199">
        <v>1</v>
      </c>
      <c r="X42199">
        <v>1</v>
      </c>
      <c r="Y42199">
        <v>1</v>
      </c>
      <c r="Z42199">
        <v>1</v>
      </c>
      <c r="AA42199">
        <v>1</v>
      </c>
      <c r="AB42199">
        <v>1</v>
      </c>
      <c r="AC42199">
        <v>1</v>
      </c>
      <c r="AD42199">
        <v>1</v>
      </c>
      <c r="AE42199">
        <v>1</v>
      </c>
      <c r="AF42199">
        <v>1</v>
      </c>
      <c r="AG42199">
        <v>1</v>
      </c>
      <c r="AH42199">
        <v>1</v>
      </c>
      <c r="AI42199">
        <v>1</v>
      </c>
      <c r="AJ42199">
        <v>1</v>
      </c>
      <c r="AK42199">
        <v>1</v>
      </c>
      <c r="AL42199">
        <v>1</v>
      </c>
      <c r="AM42199">
        <v>1</v>
      </c>
      <c r="AN42199">
        <v>1</v>
      </c>
      <c r="AO42199">
        <v>1</v>
      </c>
      <c r="AP42199">
        <v>1</v>
      </c>
      <c r="AQ42199">
        <v>1</v>
      </c>
    </row>
    <row r="42200" spans="1:43">
      <c r="A42200" t="s">
        <v>25913</v>
      </c>
      <c r="B42200" t="s">
        <v>25914</v>
      </c>
      <c r="C42200" t="s">
        <v>12202</v>
      </c>
      <c r="D42200" t="s">
        <v>12203</v>
      </c>
      <c r="E42200" t="s">
        <v>12188</v>
      </c>
      <c r="F42200" t="s">
        <v>12189</v>
      </c>
      <c r="G42200" t="s">
        <v>10450</v>
      </c>
      <c r="H42200" t="s">
        <v>10451</v>
      </c>
      <c r="I42200" s="2">
        <v>1</v>
      </c>
      <c r="J42200" s="2">
        <v>0</v>
      </c>
      <c r="K42200" s="2">
        <v>0</v>
      </c>
      <c r="L42200" t="s">
        <v>120</v>
      </c>
      <c r="M42200" t="s">
        <v>89</v>
      </c>
      <c r="N42200" t="s">
        <v>90</v>
      </c>
      <c r="O42200" t="s">
        <v>85</v>
      </c>
      <c r="P42200" t="s">
        <v>86</v>
      </c>
      <c r="Q42200">
        <v>1</v>
      </c>
      <c r="R42200">
        <v>1</v>
      </c>
      <c r="S42200">
        <v>1</v>
      </c>
      <c r="T42200">
        <v>1</v>
      </c>
      <c r="U42200">
        <v>1</v>
      </c>
      <c r="V42200">
        <v>1</v>
      </c>
      <c r="W42200">
        <v>1</v>
      </c>
      <c r="X42200">
        <v>1</v>
      </c>
      <c r="Y42200">
        <v>1</v>
      </c>
      <c r="Z42200">
        <v>1</v>
      </c>
      <c r="AA42200">
        <v>1</v>
      </c>
      <c r="AB42200">
        <v>1</v>
      </c>
      <c r="AC42200">
        <v>1</v>
      </c>
      <c r="AD42200">
        <v>1</v>
      </c>
      <c r="AE42200">
        <v>1</v>
      </c>
      <c r="AF42200">
        <v>1</v>
      </c>
      <c r="AG42200">
        <v>1</v>
      </c>
      <c r="AH42200">
        <v>1</v>
      </c>
      <c r="AI42200">
        <v>1</v>
      </c>
      <c r="AJ42200">
        <v>1</v>
      </c>
      <c r="AK42200">
        <v>1</v>
      </c>
      <c r="AL42200">
        <v>1</v>
      </c>
      <c r="AM42200">
        <v>1</v>
      </c>
      <c r="AN42200">
        <v>1</v>
      </c>
      <c r="AO42200">
        <v>1</v>
      </c>
      <c r="AP42200">
        <v>1</v>
      </c>
      <c r="AQ42200">
        <v>1</v>
      </c>
    </row>
    <row r="42201" spans="1:43">
      <c r="A42201" t="s">
        <v>25913</v>
      </c>
      <c r="B42201" t="s">
        <v>25914</v>
      </c>
      <c r="C42201" t="s">
        <v>12202</v>
      </c>
      <c r="D42201" t="s">
        <v>12203</v>
      </c>
      <c r="E42201" t="s">
        <v>12188</v>
      </c>
      <c r="F42201" t="s">
        <v>12189</v>
      </c>
      <c r="G42201" t="s">
        <v>10450</v>
      </c>
      <c r="H42201" t="s">
        <v>10451</v>
      </c>
      <c r="I42201" s="2">
        <v>1</v>
      </c>
      <c r="J42201" s="2">
        <v>0</v>
      </c>
      <c r="K42201" s="2">
        <v>0</v>
      </c>
      <c r="L42201" t="s">
        <v>120</v>
      </c>
      <c r="M42201" t="s">
        <v>83</v>
      </c>
      <c r="N42201" t="s">
        <v>91</v>
      </c>
      <c r="O42201" t="s">
        <v>85</v>
      </c>
      <c r="P42201" t="s">
        <v>86</v>
      </c>
      <c r="Q42201">
        <v>1</v>
      </c>
      <c r="R42201">
        <v>1</v>
      </c>
      <c r="S42201">
        <v>1</v>
      </c>
      <c r="T42201">
        <v>1</v>
      </c>
      <c r="U42201">
        <v>1</v>
      </c>
      <c r="V42201">
        <v>1</v>
      </c>
      <c r="W42201">
        <v>1</v>
      </c>
      <c r="X42201">
        <v>1</v>
      </c>
      <c r="Y42201">
        <v>1</v>
      </c>
      <c r="Z42201">
        <v>1</v>
      </c>
      <c r="AA42201">
        <v>1</v>
      </c>
      <c r="AB42201">
        <v>1</v>
      </c>
      <c r="AC42201">
        <v>1</v>
      </c>
      <c r="AD42201">
        <v>1</v>
      </c>
      <c r="AE42201">
        <v>1</v>
      </c>
      <c r="AF42201">
        <v>1</v>
      </c>
      <c r="AG42201">
        <v>1</v>
      </c>
      <c r="AH42201">
        <v>1</v>
      </c>
      <c r="AI42201">
        <v>1</v>
      </c>
      <c r="AJ42201">
        <v>1</v>
      </c>
      <c r="AK42201">
        <v>1</v>
      </c>
      <c r="AL42201">
        <v>1</v>
      </c>
      <c r="AM42201">
        <v>1</v>
      </c>
      <c r="AN42201">
        <v>1</v>
      </c>
      <c r="AO42201">
        <v>1</v>
      </c>
      <c r="AP42201">
        <v>1</v>
      </c>
      <c r="AQ42201">
        <v>1</v>
      </c>
    </row>
    <row r="42202" spans="1:43">
      <c r="A42202" t="s">
        <v>25915</v>
      </c>
      <c r="B42202" t="s">
        <v>25916</v>
      </c>
      <c r="C42202" t="s">
        <v>12202</v>
      </c>
      <c r="D42202" t="s">
        <v>12203</v>
      </c>
      <c r="E42202" t="s">
        <v>12188</v>
      </c>
      <c r="F42202" t="s">
        <v>12189</v>
      </c>
      <c r="G42202" t="s">
        <v>10450</v>
      </c>
      <c r="H42202" t="s">
        <v>10451</v>
      </c>
      <c r="I42202" s="2">
        <v>1</v>
      </c>
      <c r="J42202" s="2">
        <v>0</v>
      </c>
      <c r="K42202" s="2">
        <v>0</v>
      </c>
      <c r="L42202" t="s">
        <v>120</v>
      </c>
      <c r="M42202" t="s">
        <v>83</v>
      </c>
      <c r="N42202" t="s">
        <v>84</v>
      </c>
      <c r="O42202" t="s">
        <v>85</v>
      </c>
      <c r="P42202" t="s">
        <v>86</v>
      </c>
      <c r="Q42202">
        <v>1</v>
      </c>
      <c r="R42202">
        <v>1</v>
      </c>
      <c r="S42202">
        <v>2</v>
      </c>
      <c r="T42202">
        <v>2</v>
      </c>
      <c r="U42202">
        <v>2</v>
      </c>
      <c r="V42202">
        <v>2</v>
      </c>
      <c r="W42202">
        <v>2</v>
      </c>
      <c r="X42202">
        <v>2</v>
      </c>
      <c r="Y42202">
        <v>2</v>
      </c>
      <c r="Z42202">
        <v>2</v>
      </c>
      <c r="AA42202">
        <v>2</v>
      </c>
      <c r="AB42202">
        <v>2</v>
      </c>
      <c r="AC42202">
        <v>2</v>
      </c>
      <c r="AD42202">
        <v>2</v>
      </c>
      <c r="AE42202">
        <v>2</v>
      </c>
      <c r="AF42202">
        <v>2</v>
      </c>
      <c r="AG42202">
        <v>2</v>
      </c>
      <c r="AH42202">
        <v>2</v>
      </c>
      <c r="AI42202">
        <v>2</v>
      </c>
      <c r="AJ42202">
        <v>2</v>
      </c>
      <c r="AK42202">
        <v>2</v>
      </c>
      <c r="AL42202">
        <v>2</v>
      </c>
      <c r="AM42202">
        <v>2</v>
      </c>
      <c r="AN42202">
        <v>2</v>
      </c>
      <c r="AO42202">
        <v>2</v>
      </c>
      <c r="AP42202">
        <v>2</v>
      </c>
      <c r="AQ42202">
        <v>2</v>
      </c>
    </row>
    <row r="42203" spans="1:43">
      <c r="A42203" t="s">
        <v>25915</v>
      </c>
      <c r="B42203" t="s">
        <v>25916</v>
      </c>
      <c r="C42203" t="s">
        <v>12202</v>
      </c>
      <c r="D42203" t="s">
        <v>12203</v>
      </c>
      <c r="E42203" t="s">
        <v>12188</v>
      </c>
      <c r="F42203" t="s">
        <v>12189</v>
      </c>
      <c r="G42203" t="s">
        <v>10450</v>
      </c>
      <c r="H42203" t="s">
        <v>10451</v>
      </c>
      <c r="I42203" s="2">
        <v>1</v>
      </c>
      <c r="J42203" s="2">
        <v>0</v>
      </c>
      <c r="K42203" s="2">
        <v>0</v>
      </c>
      <c r="L42203" t="s">
        <v>120</v>
      </c>
      <c r="M42203" t="s">
        <v>87</v>
      </c>
      <c r="N42203" t="s">
        <v>88</v>
      </c>
      <c r="O42203" t="s">
        <v>85</v>
      </c>
      <c r="P42203" t="s">
        <v>86</v>
      </c>
      <c r="Q42203">
        <v>1</v>
      </c>
      <c r="R42203">
        <v>1</v>
      </c>
      <c r="S42203">
        <v>1</v>
      </c>
      <c r="T42203">
        <v>1</v>
      </c>
      <c r="U42203">
        <v>1</v>
      </c>
      <c r="V42203">
        <v>2</v>
      </c>
      <c r="W42203">
        <v>2</v>
      </c>
      <c r="X42203">
        <v>2</v>
      </c>
      <c r="Y42203">
        <v>2</v>
      </c>
      <c r="Z42203">
        <v>2</v>
      </c>
      <c r="AA42203">
        <v>2</v>
      </c>
      <c r="AB42203">
        <v>2</v>
      </c>
      <c r="AC42203">
        <v>2</v>
      </c>
      <c r="AD42203">
        <v>2</v>
      </c>
      <c r="AE42203">
        <v>2</v>
      </c>
      <c r="AF42203">
        <v>2</v>
      </c>
      <c r="AG42203">
        <v>2</v>
      </c>
      <c r="AH42203">
        <v>2</v>
      </c>
      <c r="AI42203">
        <v>2</v>
      </c>
      <c r="AJ42203">
        <v>2</v>
      </c>
      <c r="AK42203">
        <v>2</v>
      </c>
      <c r="AL42203">
        <v>2</v>
      </c>
      <c r="AM42203">
        <v>2</v>
      </c>
      <c r="AN42203">
        <v>2</v>
      </c>
      <c r="AO42203">
        <v>2</v>
      </c>
      <c r="AP42203">
        <v>2</v>
      </c>
      <c r="AQ42203">
        <v>2</v>
      </c>
    </row>
    <row r="42204" spans="1:43">
      <c r="A42204" t="s">
        <v>25915</v>
      </c>
      <c r="B42204" t="s">
        <v>25916</v>
      </c>
      <c r="C42204" t="s">
        <v>12202</v>
      </c>
      <c r="D42204" t="s">
        <v>12203</v>
      </c>
      <c r="E42204" t="s">
        <v>12188</v>
      </c>
      <c r="F42204" t="s">
        <v>12189</v>
      </c>
      <c r="G42204" t="s">
        <v>10450</v>
      </c>
      <c r="H42204" t="s">
        <v>10451</v>
      </c>
      <c r="I42204" s="2">
        <v>1</v>
      </c>
      <c r="J42204" s="2">
        <v>0</v>
      </c>
      <c r="K42204" s="2">
        <v>0</v>
      </c>
      <c r="L42204" t="s">
        <v>120</v>
      </c>
      <c r="M42204" t="s">
        <v>89</v>
      </c>
      <c r="N42204" t="s">
        <v>90</v>
      </c>
      <c r="O42204" t="s">
        <v>85</v>
      </c>
      <c r="P42204" t="s">
        <v>86</v>
      </c>
      <c r="Q42204">
        <v>1</v>
      </c>
      <c r="R42204">
        <v>2</v>
      </c>
      <c r="S42204">
        <v>2</v>
      </c>
      <c r="T42204">
        <v>2</v>
      </c>
      <c r="U42204">
        <v>2</v>
      </c>
      <c r="V42204">
        <v>2</v>
      </c>
      <c r="W42204">
        <v>2</v>
      </c>
      <c r="X42204">
        <v>2</v>
      </c>
      <c r="Y42204">
        <v>2</v>
      </c>
      <c r="Z42204">
        <v>2</v>
      </c>
      <c r="AA42204">
        <v>2</v>
      </c>
      <c r="AB42204">
        <v>2</v>
      </c>
      <c r="AC42204">
        <v>2</v>
      </c>
      <c r="AD42204">
        <v>2</v>
      </c>
      <c r="AE42204">
        <v>2</v>
      </c>
      <c r="AF42204">
        <v>2</v>
      </c>
      <c r="AG42204">
        <v>2</v>
      </c>
      <c r="AH42204">
        <v>2</v>
      </c>
      <c r="AI42204">
        <v>2</v>
      </c>
      <c r="AJ42204">
        <v>2</v>
      </c>
      <c r="AK42204">
        <v>2</v>
      </c>
      <c r="AL42204">
        <v>2</v>
      </c>
      <c r="AM42204">
        <v>2</v>
      </c>
      <c r="AN42204">
        <v>2</v>
      </c>
      <c r="AO42204">
        <v>2</v>
      </c>
      <c r="AP42204">
        <v>2</v>
      </c>
      <c r="AQ42204">
        <v>2</v>
      </c>
    </row>
    <row r="42205" spans="1:43">
      <c r="A42205" t="s">
        <v>25915</v>
      </c>
      <c r="B42205" t="s">
        <v>25916</v>
      </c>
      <c r="C42205" t="s">
        <v>12202</v>
      </c>
      <c r="D42205" t="s">
        <v>12203</v>
      </c>
      <c r="E42205" t="s">
        <v>12188</v>
      </c>
      <c r="F42205" t="s">
        <v>12189</v>
      </c>
      <c r="G42205" t="s">
        <v>10450</v>
      </c>
      <c r="H42205" t="s">
        <v>10451</v>
      </c>
      <c r="I42205" s="2">
        <v>1</v>
      </c>
      <c r="J42205" s="2">
        <v>0</v>
      </c>
      <c r="K42205" s="2">
        <v>0</v>
      </c>
      <c r="L42205" t="s">
        <v>120</v>
      </c>
      <c r="M42205" t="s">
        <v>83</v>
      </c>
      <c r="N42205" t="s">
        <v>91</v>
      </c>
      <c r="O42205" t="s">
        <v>85</v>
      </c>
      <c r="P42205" t="s">
        <v>86</v>
      </c>
      <c r="Q42205">
        <v>1</v>
      </c>
      <c r="R42205">
        <v>1</v>
      </c>
      <c r="S42205">
        <v>2</v>
      </c>
      <c r="T42205">
        <v>2</v>
      </c>
      <c r="U42205">
        <v>2</v>
      </c>
      <c r="V42205">
        <v>2</v>
      </c>
      <c r="W42205">
        <v>2</v>
      </c>
      <c r="X42205">
        <v>2</v>
      </c>
      <c r="Y42205">
        <v>2</v>
      </c>
      <c r="Z42205">
        <v>2</v>
      </c>
      <c r="AA42205">
        <v>2</v>
      </c>
      <c r="AB42205">
        <v>2</v>
      </c>
      <c r="AC42205">
        <v>2</v>
      </c>
      <c r="AD42205">
        <v>2</v>
      </c>
      <c r="AE42205">
        <v>2</v>
      </c>
      <c r="AF42205">
        <v>2</v>
      </c>
      <c r="AG42205">
        <v>2</v>
      </c>
      <c r="AH42205">
        <v>2</v>
      </c>
      <c r="AI42205">
        <v>2</v>
      </c>
      <c r="AJ42205">
        <v>2</v>
      </c>
      <c r="AK42205">
        <v>2</v>
      </c>
      <c r="AL42205">
        <v>2</v>
      </c>
      <c r="AM42205">
        <v>2</v>
      </c>
      <c r="AN42205">
        <v>2</v>
      </c>
      <c r="AO42205">
        <v>2</v>
      </c>
      <c r="AP42205">
        <v>2</v>
      </c>
      <c r="AQ42205">
        <v>2</v>
      </c>
    </row>
    <row r="42206" spans="1:43">
      <c r="A42206" t="s">
        <v>25917</v>
      </c>
      <c r="B42206" t="s">
        <v>25918</v>
      </c>
      <c r="C42206" t="s">
        <v>12202</v>
      </c>
      <c r="D42206" t="s">
        <v>12203</v>
      </c>
      <c r="E42206" t="s">
        <v>12188</v>
      </c>
      <c r="F42206" t="s">
        <v>12189</v>
      </c>
      <c r="G42206" t="s">
        <v>10450</v>
      </c>
      <c r="H42206" t="s">
        <v>10451</v>
      </c>
      <c r="I42206" s="2">
        <v>1</v>
      </c>
      <c r="J42206" s="2">
        <v>0</v>
      </c>
      <c r="K42206" s="2">
        <v>0</v>
      </c>
      <c r="L42206" t="s">
        <v>120</v>
      </c>
      <c r="M42206" t="s">
        <v>83</v>
      </c>
      <c r="N42206" t="s">
        <v>84</v>
      </c>
      <c r="O42206" t="s">
        <v>85</v>
      </c>
      <c r="P42206" t="s">
        <v>86</v>
      </c>
      <c r="Q42206">
        <v>0</v>
      </c>
      <c r="R42206">
        <v>0</v>
      </c>
      <c r="S42206">
        <v>0</v>
      </c>
      <c r="T42206">
        <v>0</v>
      </c>
      <c r="U42206">
        <v>0</v>
      </c>
      <c r="V42206">
        <v>0</v>
      </c>
      <c r="W42206">
        <v>0</v>
      </c>
      <c r="X42206">
        <v>0</v>
      </c>
      <c r="Y42206">
        <v>0</v>
      </c>
      <c r="Z42206">
        <v>0</v>
      </c>
      <c r="AA42206">
        <v>0</v>
      </c>
      <c r="AB42206">
        <v>0</v>
      </c>
      <c r="AC42206">
        <v>0</v>
      </c>
      <c r="AD42206">
        <v>0</v>
      </c>
      <c r="AE42206">
        <v>0</v>
      </c>
      <c r="AF42206">
        <v>0</v>
      </c>
      <c r="AG42206">
        <v>0</v>
      </c>
      <c r="AH42206">
        <v>0</v>
      </c>
      <c r="AI42206">
        <v>0</v>
      </c>
      <c r="AJ42206">
        <v>0</v>
      </c>
      <c r="AK42206">
        <v>0</v>
      </c>
      <c r="AL42206">
        <v>0</v>
      </c>
      <c r="AM42206">
        <v>0</v>
      </c>
      <c r="AN42206">
        <v>0</v>
      </c>
      <c r="AO42206">
        <v>0</v>
      </c>
      <c r="AP42206">
        <v>0</v>
      </c>
      <c r="AQ42206">
        <v>0</v>
      </c>
    </row>
    <row r="42207" spans="1:43">
      <c r="A42207" t="s">
        <v>25917</v>
      </c>
      <c r="B42207" t="s">
        <v>25918</v>
      </c>
      <c r="C42207" t="s">
        <v>12202</v>
      </c>
      <c r="D42207" t="s">
        <v>12203</v>
      </c>
      <c r="E42207" t="s">
        <v>12188</v>
      </c>
      <c r="F42207" t="s">
        <v>12189</v>
      </c>
      <c r="G42207" t="s">
        <v>10450</v>
      </c>
      <c r="H42207" t="s">
        <v>10451</v>
      </c>
      <c r="I42207" s="2">
        <v>1</v>
      </c>
      <c r="J42207" s="2">
        <v>0</v>
      </c>
      <c r="K42207" s="2">
        <v>0</v>
      </c>
      <c r="L42207" t="s">
        <v>120</v>
      </c>
      <c r="M42207" t="s">
        <v>87</v>
      </c>
      <c r="N42207" t="s">
        <v>88</v>
      </c>
      <c r="O42207" t="s">
        <v>85</v>
      </c>
      <c r="P42207" t="s">
        <v>86</v>
      </c>
      <c r="Q42207">
        <v>0</v>
      </c>
      <c r="R42207">
        <v>0</v>
      </c>
      <c r="S42207">
        <v>0</v>
      </c>
      <c r="T42207">
        <v>0</v>
      </c>
      <c r="U42207">
        <v>0</v>
      </c>
      <c r="V42207">
        <v>0</v>
      </c>
      <c r="W42207">
        <v>0</v>
      </c>
      <c r="X42207">
        <v>0</v>
      </c>
      <c r="Y42207">
        <v>0</v>
      </c>
      <c r="Z42207">
        <v>0</v>
      </c>
      <c r="AA42207">
        <v>0</v>
      </c>
      <c r="AB42207">
        <v>0</v>
      </c>
      <c r="AC42207">
        <v>0</v>
      </c>
      <c r="AD42207">
        <v>0</v>
      </c>
      <c r="AE42207">
        <v>0</v>
      </c>
      <c r="AF42207">
        <v>0</v>
      </c>
      <c r="AG42207">
        <v>0</v>
      </c>
      <c r="AH42207">
        <v>0</v>
      </c>
      <c r="AI42207">
        <v>0</v>
      </c>
      <c r="AJ42207">
        <v>0</v>
      </c>
      <c r="AK42207">
        <v>0</v>
      </c>
      <c r="AL42207">
        <v>0</v>
      </c>
      <c r="AM42207">
        <v>0</v>
      </c>
      <c r="AN42207">
        <v>0</v>
      </c>
      <c r="AO42207">
        <v>0</v>
      </c>
      <c r="AP42207">
        <v>0</v>
      </c>
      <c r="AQ42207">
        <v>0</v>
      </c>
    </row>
    <row r="42208" spans="1:43">
      <c r="A42208" t="s">
        <v>25917</v>
      </c>
      <c r="B42208" t="s">
        <v>25918</v>
      </c>
      <c r="C42208" t="s">
        <v>12202</v>
      </c>
      <c r="D42208" t="s">
        <v>12203</v>
      </c>
      <c r="E42208" t="s">
        <v>12188</v>
      </c>
      <c r="F42208" t="s">
        <v>12189</v>
      </c>
      <c r="G42208" t="s">
        <v>10450</v>
      </c>
      <c r="H42208" t="s">
        <v>10451</v>
      </c>
      <c r="I42208" s="2">
        <v>1</v>
      </c>
      <c r="J42208" s="2">
        <v>0</v>
      </c>
      <c r="K42208" s="2">
        <v>0</v>
      </c>
      <c r="L42208" t="s">
        <v>120</v>
      </c>
      <c r="M42208" t="s">
        <v>89</v>
      </c>
      <c r="N42208" t="s">
        <v>90</v>
      </c>
      <c r="O42208" t="s">
        <v>85</v>
      </c>
      <c r="P42208" t="s">
        <v>86</v>
      </c>
      <c r="Q42208">
        <v>0</v>
      </c>
      <c r="R42208">
        <v>0</v>
      </c>
      <c r="S42208">
        <v>0</v>
      </c>
      <c r="T42208">
        <v>0</v>
      </c>
      <c r="U42208">
        <v>0</v>
      </c>
      <c r="V42208">
        <v>0</v>
      </c>
      <c r="W42208">
        <v>0</v>
      </c>
      <c r="X42208">
        <v>0</v>
      </c>
      <c r="Y42208">
        <v>0</v>
      </c>
      <c r="Z42208">
        <v>0</v>
      </c>
      <c r="AA42208">
        <v>0</v>
      </c>
      <c r="AB42208">
        <v>0</v>
      </c>
      <c r="AC42208">
        <v>0</v>
      </c>
      <c r="AD42208">
        <v>0</v>
      </c>
      <c r="AE42208">
        <v>0</v>
      </c>
      <c r="AF42208">
        <v>0</v>
      </c>
      <c r="AG42208">
        <v>0</v>
      </c>
      <c r="AH42208">
        <v>0</v>
      </c>
      <c r="AI42208">
        <v>0</v>
      </c>
      <c r="AJ42208">
        <v>0</v>
      </c>
      <c r="AK42208">
        <v>0</v>
      </c>
      <c r="AL42208">
        <v>0</v>
      </c>
      <c r="AM42208">
        <v>0</v>
      </c>
      <c r="AN42208">
        <v>0</v>
      </c>
      <c r="AO42208">
        <v>0</v>
      </c>
      <c r="AP42208">
        <v>0</v>
      </c>
      <c r="AQ42208">
        <v>0</v>
      </c>
    </row>
    <row r="42209" spans="1:43">
      <c r="A42209" t="s">
        <v>25917</v>
      </c>
      <c r="B42209" t="s">
        <v>25918</v>
      </c>
      <c r="C42209" t="s">
        <v>12202</v>
      </c>
      <c r="D42209" t="s">
        <v>12203</v>
      </c>
      <c r="E42209" t="s">
        <v>12188</v>
      </c>
      <c r="F42209" t="s">
        <v>12189</v>
      </c>
      <c r="G42209" t="s">
        <v>10450</v>
      </c>
      <c r="H42209" t="s">
        <v>10451</v>
      </c>
      <c r="I42209" s="2">
        <v>1</v>
      </c>
      <c r="J42209" s="2">
        <v>0</v>
      </c>
      <c r="K42209" s="2">
        <v>0</v>
      </c>
      <c r="L42209" t="s">
        <v>120</v>
      </c>
      <c r="M42209" t="s">
        <v>83</v>
      </c>
      <c r="N42209" t="s">
        <v>91</v>
      </c>
      <c r="O42209" t="s">
        <v>85</v>
      </c>
      <c r="P42209" t="s">
        <v>86</v>
      </c>
      <c r="Q42209">
        <v>0</v>
      </c>
      <c r="R42209">
        <v>0</v>
      </c>
      <c r="S42209">
        <v>0</v>
      </c>
      <c r="T42209">
        <v>0</v>
      </c>
      <c r="U42209">
        <v>0</v>
      </c>
      <c r="V42209">
        <v>0</v>
      </c>
      <c r="W42209">
        <v>0</v>
      </c>
      <c r="X42209">
        <v>0</v>
      </c>
      <c r="Y42209">
        <v>0</v>
      </c>
      <c r="Z42209">
        <v>0</v>
      </c>
      <c r="AA42209">
        <v>0</v>
      </c>
      <c r="AB42209">
        <v>0</v>
      </c>
      <c r="AC42209">
        <v>0</v>
      </c>
      <c r="AD42209">
        <v>0</v>
      </c>
      <c r="AE42209">
        <v>0</v>
      </c>
      <c r="AF42209">
        <v>0</v>
      </c>
      <c r="AG42209">
        <v>0</v>
      </c>
      <c r="AH42209">
        <v>0</v>
      </c>
      <c r="AI42209">
        <v>0</v>
      </c>
      <c r="AJ42209">
        <v>0</v>
      </c>
      <c r="AK42209">
        <v>0</v>
      </c>
      <c r="AL42209">
        <v>0</v>
      </c>
      <c r="AM42209">
        <v>0</v>
      </c>
      <c r="AN42209">
        <v>0</v>
      </c>
      <c r="AO42209">
        <v>0</v>
      </c>
      <c r="AP42209">
        <v>0</v>
      </c>
      <c r="AQ42209">
        <v>0</v>
      </c>
    </row>
    <row r="42210" spans="1:43">
      <c r="A42210" t="s">
        <v>25919</v>
      </c>
      <c r="B42210" t="s">
        <v>25920</v>
      </c>
      <c r="C42210" t="s">
        <v>12218</v>
      </c>
      <c r="D42210" t="s">
        <v>12219</v>
      </c>
      <c r="E42210" t="s">
        <v>12188</v>
      </c>
      <c r="F42210" t="s">
        <v>12189</v>
      </c>
      <c r="G42210" t="s">
        <v>10450</v>
      </c>
      <c r="H42210" t="s">
        <v>10451</v>
      </c>
      <c r="I42210" s="2">
        <v>1</v>
      </c>
      <c r="J42210" s="2">
        <v>0</v>
      </c>
      <c r="K42210" s="2">
        <v>0</v>
      </c>
      <c r="L42210" t="s">
        <v>120</v>
      </c>
      <c r="M42210" t="s">
        <v>83</v>
      </c>
      <c r="N42210" t="s">
        <v>84</v>
      </c>
      <c r="O42210" t="s">
        <v>85</v>
      </c>
      <c r="P42210" t="s">
        <v>86</v>
      </c>
      <c r="Q42210">
        <v>55</v>
      </c>
      <c r="R42210">
        <v>56</v>
      </c>
      <c r="S42210">
        <v>57</v>
      </c>
      <c r="T42210">
        <v>59</v>
      </c>
      <c r="U42210">
        <v>60</v>
      </c>
      <c r="V42210">
        <v>61</v>
      </c>
      <c r="W42210">
        <v>62</v>
      </c>
      <c r="X42210">
        <v>63</v>
      </c>
      <c r="Y42210">
        <v>64</v>
      </c>
      <c r="Z42210">
        <v>65</v>
      </c>
      <c r="AA42210">
        <v>66</v>
      </c>
      <c r="AB42210">
        <v>67</v>
      </c>
      <c r="AC42210">
        <v>68</v>
      </c>
      <c r="AD42210">
        <v>69</v>
      </c>
      <c r="AE42210">
        <v>70</v>
      </c>
      <c r="AF42210">
        <v>72</v>
      </c>
      <c r="AG42210">
        <v>73</v>
      </c>
      <c r="AH42210">
        <v>74</v>
      </c>
      <c r="AI42210">
        <v>75</v>
      </c>
      <c r="AJ42210">
        <v>76</v>
      </c>
      <c r="AK42210">
        <v>77</v>
      </c>
      <c r="AL42210">
        <v>78</v>
      </c>
      <c r="AM42210">
        <v>79</v>
      </c>
      <c r="AN42210">
        <v>79</v>
      </c>
      <c r="AO42210">
        <v>80</v>
      </c>
      <c r="AP42210">
        <v>80</v>
      </c>
      <c r="AQ42210">
        <v>81</v>
      </c>
    </row>
    <row r="42211" spans="1:43">
      <c r="A42211" t="s">
        <v>25919</v>
      </c>
      <c r="B42211" t="s">
        <v>25920</v>
      </c>
      <c r="C42211" t="s">
        <v>12218</v>
      </c>
      <c r="D42211" t="s">
        <v>12219</v>
      </c>
      <c r="E42211" t="s">
        <v>12188</v>
      </c>
      <c r="F42211" t="s">
        <v>12189</v>
      </c>
      <c r="G42211" t="s">
        <v>10450</v>
      </c>
      <c r="H42211" t="s">
        <v>10451</v>
      </c>
      <c r="I42211" s="2">
        <v>1</v>
      </c>
      <c r="J42211" s="2">
        <v>0</v>
      </c>
      <c r="K42211" s="2">
        <v>0</v>
      </c>
      <c r="L42211" t="s">
        <v>120</v>
      </c>
      <c r="M42211" t="s">
        <v>87</v>
      </c>
      <c r="N42211" t="s">
        <v>88</v>
      </c>
      <c r="O42211" t="s">
        <v>85</v>
      </c>
      <c r="P42211" t="s">
        <v>86</v>
      </c>
      <c r="Q42211">
        <v>55</v>
      </c>
      <c r="R42211">
        <v>55</v>
      </c>
      <c r="S42211">
        <v>56</v>
      </c>
      <c r="T42211">
        <v>56</v>
      </c>
      <c r="U42211">
        <v>57</v>
      </c>
      <c r="V42211">
        <v>58</v>
      </c>
      <c r="W42211">
        <v>58</v>
      </c>
      <c r="X42211">
        <v>59</v>
      </c>
      <c r="Y42211">
        <v>59</v>
      </c>
      <c r="Z42211">
        <v>60</v>
      </c>
      <c r="AA42211">
        <v>60</v>
      </c>
      <c r="AB42211">
        <v>61</v>
      </c>
      <c r="AC42211">
        <v>61</v>
      </c>
      <c r="AD42211">
        <v>62</v>
      </c>
      <c r="AE42211">
        <v>63</v>
      </c>
      <c r="AF42211">
        <v>63</v>
      </c>
      <c r="AG42211">
        <v>64</v>
      </c>
      <c r="AH42211">
        <v>64</v>
      </c>
      <c r="AI42211">
        <v>65</v>
      </c>
      <c r="AJ42211">
        <v>66</v>
      </c>
      <c r="AK42211">
        <v>66</v>
      </c>
      <c r="AL42211">
        <v>67</v>
      </c>
      <c r="AM42211">
        <v>68</v>
      </c>
      <c r="AN42211">
        <v>68</v>
      </c>
      <c r="AO42211">
        <v>69</v>
      </c>
      <c r="AP42211">
        <v>70</v>
      </c>
      <c r="AQ42211">
        <v>70</v>
      </c>
    </row>
    <row r="42212" spans="1:43">
      <c r="A42212" t="s">
        <v>25919</v>
      </c>
      <c r="B42212" t="s">
        <v>25920</v>
      </c>
      <c r="C42212" t="s">
        <v>12218</v>
      </c>
      <c r="D42212" t="s">
        <v>12219</v>
      </c>
      <c r="E42212" t="s">
        <v>12188</v>
      </c>
      <c r="F42212" t="s">
        <v>12189</v>
      </c>
      <c r="G42212" t="s">
        <v>10450</v>
      </c>
      <c r="H42212" t="s">
        <v>10451</v>
      </c>
      <c r="I42212" s="2">
        <v>1</v>
      </c>
      <c r="J42212" s="2">
        <v>0</v>
      </c>
      <c r="K42212" s="2">
        <v>0</v>
      </c>
      <c r="L42212" t="s">
        <v>120</v>
      </c>
      <c r="M42212" t="s">
        <v>89</v>
      </c>
      <c r="N42212" t="s">
        <v>90</v>
      </c>
      <c r="O42212" t="s">
        <v>85</v>
      </c>
      <c r="P42212" t="s">
        <v>86</v>
      </c>
      <c r="Q42212">
        <v>55</v>
      </c>
      <c r="R42212">
        <v>56</v>
      </c>
      <c r="S42212">
        <v>58</v>
      </c>
      <c r="T42212">
        <v>59</v>
      </c>
      <c r="U42212">
        <v>61</v>
      </c>
      <c r="V42212">
        <v>62</v>
      </c>
      <c r="W42212">
        <v>64</v>
      </c>
      <c r="X42212">
        <v>65</v>
      </c>
      <c r="Y42212">
        <v>67</v>
      </c>
      <c r="Z42212">
        <v>68</v>
      </c>
      <c r="AA42212">
        <v>69</v>
      </c>
      <c r="AB42212">
        <v>71</v>
      </c>
      <c r="AC42212">
        <v>72</v>
      </c>
      <c r="AD42212">
        <v>73</v>
      </c>
      <c r="AE42212">
        <v>74</v>
      </c>
      <c r="AF42212">
        <v>75</v>
      </c>
      <c r="AG42212">
        <v>75</v>
      </c>
      <c r="AH42212">
        <v>76</v>
      </c>
      <c r="AI42212">
        <v>76</v>
      </c>
      <c r="AJ42212">
        <v>77</v>
      </c>
      <c r="AK42212">
        <v>77</v>
      </c>
      <c r="AL42212">
        <v>78</v>
      </c>
      <c r="AM42212">
        <v>79</v>
      </c>
      <c r="AN42212">
        <v>79</v>
      </c>
      <c r="AO42212">
        <v>80</v>
      </c>
      <c r="AP42212">
        <v>80</v>
      </c>
      <c r="AQ42212">
        <v>81</v>
      </c>
    </row>
    <row r="42213" spans="1:43">
      <c r="A42213" t="s">
        <v>25919</v>
      </c>
      <c r="B42213" t="s">
        <v>25920</v>
      </c>
      <c r="C42213" t="s">
        <v>12218</v>
      </c>
      <c r="D42213" t="s">
        <v>12219</v>
      </c>
      <c r="E42213" t="s">
        <v>12188</v>
      </c>
      <c r="F42213" t="s">
        <v>12189</v>
      </c>
      <c r="G42213" t="s">
        <v>10450</v>
      </c>
      <c r="H42213" t="s">
        <v>10451</v>
      </c>
      <c r="I42213" s="2">
        <v>1</v>
      </c>
      <c r="J42213" s="2">
        <v>0</v>
      </c>
      <c r="K42213" s="2">
        <v>0</v>
      </c>
      <c r="L42213" t="s">
        <v>120</v>
      </c>
      <c r="M42213" t="s">
        <v>83</v>
      </c>
      <c r="N42213" t="s">
        <v>91</v>
      </c>
      <c r="O42213" t="s">
        <v>85</v>
      </c>
      <c r="P42213" t="s">
        <v>86</v>
      </c>
      <c r="Q42213">
        <v>55</v>
      </c>
      <c r="R42213">
        <v>56</v>
      </c>
      <c r="S42213">
        <v>57</v>
      </c>
      <c r="T42213">
        <v>59</v>
      </c>
      <c r="U42213">
        <v>60</v>
      </c>
      <c r="V42213">
        <v>61</v>
      </c>
      <c r="W42213">
        <v>62</v>
      </c>
      <c r="X42213">
        <v>63</v>
      </c>
      <c r="Y42213">
        <v>64</v>
      </c>
      <c r="Z42213">
        <v>65</v>
      </c>
      <c r="AA42213">
        <v>66</v>
      </c>
      <c r="AB42213">
        <v>67</v>
      </c>
      <c r="AC42213">
        <v>68</v>
      </c>
      <c r="AD42213">
        <v>69</v>
      </c>
      <c r="AE42213">
        <v>70</v>
      </c>
      <c r="AF42213">
        <v>72</v>
      </c>
      <c r="AG42213">
        <v>73</v>
      </c>
      <c r="AH42213">
        <v>74</v>
      </c>
      <c r="AI42213">
        <v>75</v>
      </c>
      <c r="AJ42213">
        <v>76</v>
      </c>
      <c r="AK42213">
        <v>77</v>
      </c>
      <c r="AL42213">
        <v>78</v>
      </c>
      <c r="AM42213">
        <v>79</v>
      </c>
      <c r="AN42213">
        <v>79</v>
      </c>
      <c r="AO42213">
        <v>80</v>
      </c>
      <c r="AP42213">
        <v>80</v>
      </c>
      <c r="AQ42213">
        <v>81</v>
      </c>
    </row>
    <row r="42214" spans="1:43">
      <c r="A42214" t="s">
        <v>25921</v>
      </c>
      <c r="B42214" t="s">
        <v>25922</v>
      </c>
      <c r="C42214" t="s">
        <v>12218</v>
      </c>
      <c r="D42214" t="s">
        <v>12219</v>
      </c>
      <c r="E42214" t="s">
        <v>12188</v>
      </c>
      <c r="F42214" t="s">
        <v>12189</v>
      </c>
      <c r="G42214" t="s">
        <v>10450</v>
      </c>
      <c r="H42214" t="s">
        <v>10451</v>
      </c>
      <c r="I42214" s="2">
        <v>1</v>
      </c>
      <c r="J42214" s="2">
        <v>0</v>
      </c>
      <c r="K42214" s="2">
        <v>0</v>
      </c>
      <c r="L42214" t="s">
        <v>120</v>
      </c>
      <c r="M42214" t="s">
        <v>83</v>
      </c>
      <c r="N42214" t="s">
        <v>84</v>
      </c>
      <c r="O42214" t="s">
        <v>85</v>
      </c>
      <c r="P42214" t="s">
        <v>86</v>
      </c>
      <c r="Q42214">
        <v>174</v>
      </c>
      <c r="R42214">
        <v>178</v>
      </c>
      <c r="S42214">
        <v>181</v>
      </c>
      <c r="T42214">
        <v>184</v>
      </c>
      <c r="U42214">
        <v>188</v>
      </c>
      <c r="V42214">
        <v>191</v>
      </c>
      <c r="W42214">
        <v>195</v>
      </c>
      <c r="X42214">
        <v>198</v>
      </c>
      <c r="Y42214">
        <v>201</v>
      </c>
      <c r="Z42214">
        <v>205</v>
      </c>
      <c r="AA42214">
        <v>208</v>
      </c>
      <c r="AB42214">
        <v>211</v>
      </c>
      <c r="AC42214">
        <v>215</v>
      </c>
      <c r="AD42214">
        <v>218</v>
      </c>
      <c r="AE42214">
        <v>222</v>
      </c>
      <c r="AF42214">
        <v>225</v>
      </c>
      <c r="AG42214">
        <v>229</v>
      </c>
      <c r="AH42214">
        <v>232</v>
      </c>
      <c r="AI42214">
        <v>236</v>
      </c>
      <c r="AJ42214">
        <v>240</v>
      </c>
      <c r="AK42214">
        <v>243</v>
      </c>
      <c r="AL42214">
        <v>246</v>
      </c>
      <c r="AM42214">
        <v>248</v>
      </c>
      <c r="AN42214">
        <v>249</v>
      </c>
      <c r="AO42214">
        <v>251</v>
      </c>
      <c r="AP42214">
        <v>253</v>
      </c>
      <c r="AQ42214">
        <v>255</v>
      </c>
    </row>
    <row r="42215" spans="1:43">
      <c r="A42215" t="s">
        <v>25921</v>
      </c>
      <c r="B42215" t="s">
        <v>25922</v>
      </c>
      <c r="C42215" t="s">
        <v>12218</v>
      </c>
      <c r="D42215" t="s">
        <v>12219</v>
      </c>
      <c r="E42215" t="s">
        <v>12188</v>
      </c>
      <c r="F42215" t="s">
        <v>12189</v>
      </c>
      <c r="G42215" t="s">
        <v>10450</v>
      </c>
      <c r="H42215" t="s">
        <v>10451</v>
      </c>
      <c r="I42215" s="2">
        <v>1</v>
      </c>
      <c r="J42215" s="2">
        <v>0</v>
      </c>
      <c r="K42215" s="2">
        <v>0</v>
      </c>
      <c r="L42215" t="s">
        <v>120</v>
      </c>
      <c r="M42215" t="s">
        <v>87</v>
      </c>
      <c r="N42215" t="s">
        <v>88</v>
      </c>
      <c r="O42215" t="s">
        <v>85</v>
      </c>
      <c r="P42215" t="s">
        <v>86</v>
      </c>
      <c r="Q42215">
        <v>174</v>
      </c>
      <c r="R42215">
        <v>175</v>
      </c>
      <c r="S42215">
        <v>177</v>
      </c>
      <c r="T42215">
        <v>179</v>
      </c>
      <c r="U42215">
        <v>180</v>
      </c>
      <c r="V42215">
        <v>182</v>
      </c>
      <c r="W42215">
        <v>184</v>
      </c>
      <c r="X42215">
        <v>185</v>
      </c>
      <c r="Y42215">
        <v>187</v>
      </c>
      <c r="Z42215">
        <v>189</v>
      </c>
      <c r="AA42215">
        <v>191</v>
      </c>
      <c r="AB42215">
        <v>193</v>
      </c>
      <c r="AC42215">
        <v>194</v>
      </c>
      <c r="AD42215">
        <v>196</v>
      </c>
      <c r="AE42215">
        <v>198</v>
      </c>
      <c r="AF42215">
        <v>200</v>
      </c>
      <c r="AG42215">
        <v>202</v>
      </c>
      <c r="AH42215">
        <v>204</v>
      </c>
      <c r="AI42215">
        <v>206</v>
      </c>
      <c r="AJ42215">
        <v>208</v>
      </c>
      <c r="AK42215">
        <v>210</v>
      </c>
      <c r="AL42215">
        <v>212</v>
      </c>
      <c r="AM42215">
        <v>214</v>
      </c>
      <c r="AN42215">
        <v>216</v>
      </c>
      <c r="AO42215">
        <v>218</v>
      </c>
      <c r="AP42215">
        <v>220</v>
      </c>
      <c r="AQ42215">
        <v>222</v>
      </c>
    </row>
    <row r="42216" spans="1:43">
      <c r="A42216" t="s">
        <v>25921</v>
      </c>
      <c r="B42216" t="s">
        <v>25922</v>
      </c>
      <c r="C42216" t="s">
        <v>12218</v>
      </c>
      <c r="D42216" t="s">
        <v>12219</v>
      </c>
      <c r="E42216" t="s">
        <v>12188</v>
      </c>
      <c r="F42216" t="s">
        <v>12189</v>
      </c>
      <c r="G42216" t="s">
        <v>10450</v>
      </c>
      <c r="H42216" t="s">
        <v>10451</v>
      </c>
      <c r="I42216" s="2">
        <v>1</v>
      </c>
      <c r="J42216" s="2">
        <v>0</v>
      </c>
      <c r="K42216" s="2">
        <v>0</v>
      </c>
      <c r="L42216" t="s">
        <v>120</v>
      </c>
      <c r="M42216" t="s">
        <v>89</v>
      </c>
      <c r="N42216" t="s">
        <v>90</v>
      </c>
      <c r="O42216" t="s">
        <v>85</v>
      </c>
      <c r="P42216" t="s">
        <v>86</v>
      </c>
      <c r="Q42216">
        <v>174</v>
      </c>
      <c r="R42216">
        <v>179</v>
      </c>
      <c r="S42216">
        <v>184</v>
      </c>
      <c r="T42216">
        <v>188</v>
      </c>
      <c r="U42216">
        <v>193</v>
      </c>
      <c r="V42216">
        <v>198</v>
      </c>
      <c r="W42216">
        <v>202</v>
      </c>
      <c r="X42216">
        <v>206</v>
      </c>
      <c r="Y42216">
        <v>211</v>
      </c>
      <c r="Z42216">
        <v>215</v>
      </c>
      <c r="AA42216">
        <v>219</v>
      </c>
      <c r="AB42216">
        <v>223</v>
      </c>
      <c r="AC42216">
        <v>228</v>
      </c>
      <c r="AD42216">
        <v>232</v>
      </c>
      <c r="AE42216">
        <v>235</v>
      </c>
      <c r="AF42216">
        <v>237</v>
      </c>
      <c r="AG42216">
        <v>238</v>
      </c>
      <c r="AH42216">
        <v>240</v>
      </c>
      <c r="AI42216">
        <v>242</v>
      </c>
      <c r="AJ42216">
        <v>243</v>
      </c>
      <c r="AK42216">
        <v>245</v>
      </c>
      <c r="AL42216">
        <v>247</v>
      </c>
      <c r="AM42216">
        <v>248</v>
      </c>
      <c r="AN42216">
        <v>250</v>
      </c>
      <c r="AO42216">
        <v>252</v>
      </c>
      <c r="AP42216">
        <v>253</v>
      </c>
      <c r="AQ42216">
        <v>255</v>
      </c>
    </row>
    <row r="42217" spans="1:43">
      <c r="A42217" t="s">
        <v>25921</v>
      </c>
      <c r="B42217" t="s">
        <v>25922</v>
      </c>
      <c r="C42217" t="s">
        <v>12218</v>
      </c>
      <c r="D42217" t="s">
        <v>12219</v>
      </c>
      <c r="E42217" t="s">
        <v>12188</v>
      </c>
      <c r="F42217" t="s">
        <v>12189</v>
      </c>
      <c r="G42217" t="s">
        <v>10450</v>
      </c>
      <c r="H42217" t="s">
        <v>10451</v>
      </c>
      <c r="I42217" s="2">
        <v>1</v>
      </c>
      <c r="J42217" s="2">
        <v>0</v>
      </c>
      <c r="K42217" s="2">
        <v>0</v>
      </c>
      <c r="L42217" t="s">
        <v>120</v>
      </c>
      <c r="M42217" t="s">
        <v>83</v>
      </c>
      <c r="N42217" t="s">
        <v>91</v>
      </c>
      <c r="O42217" t="s">
        <v>85</v>
      </c>
      <c r="P42217" t="s">
        <v>86</v>
      </c>
      <c r="Q42217">
        <v>174</v>
      </c>
      <c r="R42217">
        <v>178</v>
      </c>
      <c r="S42217">
        <v>181</v>
      </c>
      <c r="T42217">
        <v>184</v>
      </c>
      <c r="U42217">
        <v>188</v>
      </c>
      <c r="V42217">
        <v>191</v>
      </c>
      <c r="W42217">
        <v>195</v>
      </c>
      <c r="X42217">
        <v>198</v>
      </c>
      <c r="Y42217">
        <v>201</v>
      </c>
      <c r="Z42217">
        <v>205</v>
      </c>
      <c r="AA42217">
        <v>208</v>
      </c>
      <c r="AB42217">
        <v>211</v>
      </c>
      <c r="AC42217">
        <v>215</v>
      </c>
      <c r="AD42217">
        <v>218</v>
      </c>
      <c r="AE42217">
        <v>222</v>
      </c>
      <c r="AF42217">
        <v>225</v>
      </c>
      <c r="AG42217">
        <v>229</v>
      </c>
      <c r="AH42217">
        <v>232</v>
      </c>
      <c r="AI42217">
        <v>236</v>
      </c>
      <c r="AJ42217">
        <v>240</v>
      </c>
      <c r="AK42217">
        <v>243</v>
      </c>
      <c r="AL42217">
        <v>246</v>
      </c>
      <c r="AM42217">
        <v>248</v>
      </c>
      <c r="AN42217">
        <v>249</v>
      </c>
      <c r="AO42217">
        <v>251</v>
      </c>
      <c r="AP42217">
        <v>253</v>
      </c>
      <c r="AQ42217">
        <v>255</v>
      </c>
    </row>
    <row r="42218" spans="1:43">
      <c r="A42218" t="s">
        <v>25923</v>
      </c>
      <c r="B42218" t="s">
        <v>25924</v>
      </c>
      <c r="C42218" t="s">
        <v>12230</v>
      </c>
      <c r="D42218" t="s">
        <v>12231</v>
      </c>
      <c r="E42218" t="s">
        <v>12188</v>
      </c>
      <c r="F42218" t="s">
        <v>12189</v>
      </c>
      <c r="G42218" t="s">
        <v>10450</v>
      </c>
      <c r="H42218" t="s">
        <v>10451</v>
      </c>
      <c r="I42218" s="2">
        <v>1</v>
      </c>
      <c r="J42218" s="2">
        <v>0</v>
      </c>
      <c r="K42218" s="2">
        <v>0</v>
      </c>
      <c r="L42218" t="s">
        <v>120</v>
      </c>
      <c r="M42218" t="s">
        <v>83</v>
      </c>
      <c r="N42218" t="s">
        <v>84</v>
      </c>
      <c r="O42218" t="s">
        <v>85</v>
      </c>
      <c r="P42218" t="s">
        <v>86</v>
      </c>
      <c r="Q42218">
        <v>40</v>
      </c>
      <c r="R42218">
        <v>41</v>
      </c>
      <c r="S42218">
        <v>42</v>
      </c>
      <c r="T42218">
        <v>43</v>
      </c>
      <c r="U42218">
        <v>44</v>
      </c>
      <c r="V42218">
        <v>44</v>
      </c>
      <c r="W42218">
        <v>45</v>
      </c>
      <c r="X42218">
        <v>46</v>
      </c>
      <c r="Y42218">
        <v>47</v>
      </c>
      <c r="Z42218">
        <v>47</v>
      </c>
      <c r="AA42218">
        <v>48</v>
      </c>
      <c r="AB42218">
        <v>49</v>
      </c>
      <c r="AC42218">
        <v>50</v>
      </c>
      <c r="AD42218">
        <v>51</v>
      </c>
      <c r="AE42218">
        <v>51</v>
      </c>
      <c r="AF42218">
        <v>52</v>
      </c>
      <c r="AG42218">
        <v>53</v>
      </c>
      <c r="AH42218">
        <v>54</v>
      </c>
      <c r="AI42218">
        <v>55</v>
      </c>
      <c r="AJ42218">
        <v>56</v>
      </c>
      <c r="AK42218">
        <v>57</v>
      </c>
      <c r="AL42218">
        <v>57</v>
      </c>
      <c r="AM42218">
        <v>57</v>
      </c>
      <c r="AN42218">
        <v>58</v>
      </c>
      <c r="AO42218">
        <v>58</v>
      </c>
      <c r="AP42218">
        <v>59</v>
      </c>
      <c r="AQ42218">
        <v>59</v>
      </c>
    </row>
    <row r="42219" spans="1:43">
      <c r="A42219" t="s">
        <v>25923</v>
      </c>
      <c r="B42219" t="s">
        <v>25924</v>
      </c>
      <c r="C42219" t="s">
        <v>12230</v>
      </c>
      <c r="D42219" t="s">
        <v>12231</v>
      </c>
      <c r="E42219" t="s">
        <v>12188</v>
      </c>
      <c r="F42219" t="s">
        <v>12189</v>
      </c>
      <c r="G42219" t="s">
        <v>10450</v>
      </c>
      <c r="H42219" t="s">
        <v>10451</v>
      </c>
      <c r="I42219" s="2">
        <v>1</v>
      </c>
      <c r="J42219" s="2">
        <v>0</v>
      </c>
      <c r="K42219" s="2">
        <v>0</v>
      </c>
      <c r="L42219" t="s">
        <v>120</v>
      </c>
      <c r="M42219" t="s">
        <v>87</v>
      </c>
      <c r="N42219" t="s">
        <v>88</v>
      </c>
      <c r="O42219" t="s">
        <v>85</v>
      </c>
      <c r="P42219" t="s">
        <v>86</v>
      </c>
      <c r="Q42219">
        <v>40</v>
      </c>
      <c r="R42219">
        <v>40</v>
      </c>
      <c r="S42219">
        <v>41</v>
      </c>
      <c r="T42219">
        <v>41</v>
      </c>
      <c r="U42219">
        <v>42</v>
      </c>
      <c r="V42219">
        <v>42</v>
      </c>
      <c r="W42219">
        <v>42</v>
      </c>
      <c r="X42219">
        <v>43</v>
      </c>
      <c r="Y42219">
        <v>43</v>
      </c>
      <c r="Z42219">
        <v>44</v>
      </c>
      <c r="AA42219">
        <v>44</v>
      </c>
      <c r="AB42219">
        <v>44</v>
      </c>
      <c r="AC42219">
        <v>45</v>
      </c>
      <c r="AD42219">
        <v>45</v>
      </c>
      <c r="AE42219">
        <v>46</v>
      </c>
      <c r="AF42219">
        <v>46</v>
      </c>
      <c r="AG42219">
        <v>47</v>
      </c>
      <c r="AH42219">
        <v>47</v>
      </c>
      <c r="AI42219">
        <v>47</v>
      </c>
      <c r="AJ42219">
        <v>48</v>
      </c>
      <c r="AK42219">
        <v>48</v>
      </c>
      <c r="AL42219">
        <v>49</v>
      </c>
      <c r="AM42219">
        <v>49</v>
      </c>
      <c r="AN42219">
        <v>50</v>
      </c>
      <c r="AO42219">
        <v>50</v>
      </c>
      <c r="AP42219">
        <v>51</v>
      </c>
      <c r="AQ42219">
        <v>51</v>
      </c>
    </row>
    <row r="42220" spans="1:43">
      <c r="A42220" t="s">
        <v>25923</v>
      </c>
      <c r="B42220" t="s">
        <v>25924</v>
      </c>
      <c r="C42220" t="s">
        <v>12230</v>
      </c>
      <c r="D42220" t="s">
        <v>12231</v>
      </c>
      <c r="E42220" t="s">
        <v>12188</v>
      </c>
      <c r="F42220" t="s">
        <v>12189</v>
      </c>
      <c r="G42220" t="s">
        <v>10450</v>
      </c>
      <c r="H42220" t="s">
        <v>10451</v>
      </c>
      <c r="I42220" s="2">
        <v>1</v>
      </c>
      <c r="J42220" s="2">
        <v>0</v>
      </c>
      <c r="K42220" s="2">
        <v>0</v>
      </c>
      <c r="L42220" t="s">
        <v>120</v>
      </c>
      <c r="M42220" t="s">
        <v>89</v>
      </c>
      <c r="N42220" t="s">
        <v>90</v>
      </c>
      <c r="O42220" t="s">
        <v>85</v>
      </c>
      <c r="P42220" t="s">
        <v>86</v>
      </c>
      <c r="Q42220">
        <v>40</v>
      </c>
      <c r="R42220">
        <v>41</v>
      </c>
      <c r="S42220">
        <v>42</v>
      </c>
      <c r="T42220">
        <v>43</v>
      </c>
      <c r="U42220">
        <v>44</v>
      </c>
      <c r="V42220">
        <v>45</v>
      </c>
      <c r="W42220">
        <v>46</v>
      </c>
      <c r="X42220">
        <v>47</v>
      </c>
      <c r="Y42220">
        <v>48</v>
      </c>
      <c r="Z42220">
        <v>49</v>
      </c>
      <c r="AA42220">
        <v>50</v>
      </c>
      <c r="AB42220">
        <v>51</v>
      </c>
      <c r="AC42220">
        <v>52</v>
      </c>
      <c r="AD42220">
        <v>53</v>
      </c>
      <c r="AE42220">
        <v>54</v>
      </c>
      <c r="AF42220">
        <v>54</v>
      </c>
      <c r="AG42220">
        <v>55</v>
      </c>
      <c r="AH42220">
        <v>55</v>
      </c>
      <c r="AI42220">
        <v>56</v>
      </c>
      <c r="AJ42220">
        <v>56</v>
      </c>
      <c r="AK42220">
        <v>56</v>
      </c>
      <c r="AL42220">
        <v>57</v>
      </c>
      <c r="AM42220">
        <v>57</v>
      </c>
      <c r="AN42220">
        <v>57</v>
      </c>
      <c r="AO42220">
        <v>58</v>
      </c>
      <c r="AP42220">
        <v>58</v>
      </c>
      <c r="AQ42220">
        <v>59</v>
      </c>
    </row>
    <row r="42221" spans="1:43">
      <c r="A42221" t="s">
        <v>25923</v>
      </c>
      <c r="B42221" t="s">
        <v>25924</v>
      </c>
      <c r="C42221" t="s">
        <v>12230</v>
      </c>
      <c r="D42221" t="s">
        <v>12231</v>
      </c>
      <c r="E42221" t="s">
        <v>12188</v>
      </c>
      <c r="F42221" t="s">
        <v>12189</v>
      </c>
      <c r="G42221" t="s">
        <v>10450</v>
      </c>
      <c r="H42221" t="s">
        <v>10451</v>
      </c>
      <c r="I42221" s="2">
        <v>1</v>
      </c>
      <c r="J42221" s="2">
        <v>0</v>
      </c>
      <c r="K42221" s="2">
        <v>0</v>
      </c>
      <c r="L42221" t="s">
        <v>120</v>
      </c>
      <c r="M42221" t="s">
        <v>83</v>
      </c>
      <c r="N42221" t="s">
        <v>91</v>
      </c>
      <c r="O42221" t="s">
        <v>85</v>
      </c>
      <c r="P42221" t="s">
        <v>86</v>
      </c>
      <c r="Q42221">
        <v>40</v>
      </c>
      <c r="R42221">
        <v>41</v>
      </c>
      <c r="S42221">
        <v>42</v>
      </c>
      <c r="T42221">
        <v>43</v>
      </c>
      <c r="U42221">
        <v>44</v>
      </c>
      <c r="V42221">
        <v>44</v>
      </c>
      <c r="W42221">
        <v>45</v>
      </c>
      <c r="X42221">
        <v>46</v>
      </c>
      <c r="Y42221">
        <v>47</v>
      </c>
      <c r="Z42221">
        <v>47</v>
      </c>
      <c r="AA42221">
        <v>48</v>
      </c>
      <c r="AB42221">
        <v>49</v>
      </c>
      <c r="AC42221">
        <v>50</v>
      </c>
      <c r="AD42221">
        <v>51</v>
      </c>
      <c r="AE42221">
        <v>51</v>
      </c>
      <c r="AF42221">
        <v>52</v>
      </c>
      <c r="AG42221">
        <v>53</v>
      </c>
      <c r="AH42221">
        <v>54</v>
      </c>
      <c r="AI42221">
        <v>55</v>
      </c>
      <c r="AJ42221">
        <v>56</v>
      </c>
      <c r="AK42221">
        <v>57</v>
      </c>
      <c r="AL42221">
        <v>57</v>
      </c>
      <c r="AM42221">
        <v>57</v>
      </c>
      <c r="AN42221">
        <v>58</v>
      </c>
      <c r="AO42221">
        <v>58</v>
      </c>
      <c r="AP42221">
        <v>59</v>
      </c>
      <c r="AQ42221">
        <v>59</v>
      </c>
    </row>
    <row r="42222" spans="1:43">
      <c r="A42222" t="s">
        <v>25925</v>
      </c>
      <c r="B42222" t="s">
        <v>25926</v>
      </c>
      <c r="C42222" t="s">
        <v>12230</v>
      </c>
      <c r="D42222" t="s">
        <v>12231</v>
      </c>
      <c r="E42222" t="s">
        <v>12188</v>
      </c>
      <c r="F42222" t="s">
        <v>12189</v>
      </c>
      <c r="G42222" t="s">
        <v>10450</v>
      </c>
      <c r="H42222" t="s">
        <v>10451</v>
      </c>
      <c r="I42222" s="2">
        <v>1</v>
      </c>
      <c r="J42222" s="2">
        <v>0</v>
      </c>
      <c r="K42222" s="2">
        <v>0</v>
      </c>
      <c r="L42222" t="s">
        <v>120</v>
      </c>
      <c r="M42222" t="s">
        <v>83</v>
      </c>
      <c r="N42222" t="s">
        <v>84</v>
      </c>
      <c r="O42222" t="s">
        <v>85</v>
      </c>
      <c r="P42222" t="s">
        <v>86</v>
      </c>
      <c r="Q42222">
        <v>24</v>
      </c>
      <c r="R42222">
        <v>24</v>
      </c>
      <c r="S42222">
        <v>25</v>
      </c>
      <c r="T42222">
        <v>25</v>
      </c>
      <c r="U42222">
        <v>26</v>
      </c>
      <c r="V42222">
        <v>26</v>
      </c>
      <c r="W42222">
        <v>27</v>
      </c>
      <c r="X42222">
        <v>27</v>
      </c>
      <c r="Y42222">
        <v>28</v>
      </c>
      <c r="Z42222">
        <v>28</v>
      </c>
      <c r="AA42222">
        <v>29</v>
      </c>
      <c r="AB42222">
        <v>29</v>
      </c>
      <c r="AC42222">
        <v>30</v>
      </c>
      <c r="AD42222">
        <v>30</v>
      </c>
      <c r="AE42222">
        <v>31</v>
      </c>
      <c r="AF42222">
        <v>31</v>
      </c>
      <c r="AG42222">
        <v>31</v>
      </c>
      <c r="AH42222">
        <v>32</v>
      </c>
      <c r="AI42222">
        <v>33</v>
      </c>
      <c r="AJ42222">
        <v>33</v>
      </c>
      <c r="AK42222">
        <v>34</v>
      </c>
      <c r="AL42222">
        <v>34</v>
      </c>
      <c r="AM42222">
        <v>34</v>
      </c>
      <c r="AN42222">
        <v>34</v>
      </c>
      <c r="AO42222">
        <v>35</v>
      </c>
      <c r="AP42222">
        <v>35</v>
      </c>
      <c r="AQ42222">
        <v>35</v>
      </c>
    </row>
    <row r="42223" spans="1:43">
      <c r="A42223" t="s">
        <v>25925</v>
      </c>
      <c r="B42223" t="s">
        <v>25926</v>
      </c>
      <c r="C42223" t="s">
        <v>12230</v>
      </c>
      <c r="D42223" t="s">
        <v>12231</v>
      </c>
      <c r="E42223" t="s">
        <v>12188</v>
      </c>
      <c r="F42223" t="s">
        <v>12189</v>
      </c>
      <c r="G42223" t="s">
        <v>10450</v>
      </c>
      <c r="H42223" t="s">
        <v>10451</v>
      </c>
      <c r="I42223" s="2">
        <v>1</v>
      </c>
      <c r="J42223" s="2">
        <v>0</v>
      </c>
      <c r="K42223" s="2">
        <v>0</v>
      </c>
      <c r="L42223" t="s">
        <v>120</v>
      </c>
      <c r="M42223" t="s">
        <v>87</v>
      </c>
      <c r="N42223" t="s">
        <v>88</v>
      </c>
      <c r="O42223" t="s">
        <v>85</v>
      </c>
      <c r="P42223" t="s">
        <v>86</v>
      </c>
      <c r="Q42223">
        <v>24</v>
      </c>
      <c r="R42223">
        <v>24</v>
      </c>
      <c r="S42223">
        <v>24</v>
      </c>
      <c r="T42223">
        <v>24</v>
      </c>
      <c r="U42223">
        <v>25</v>
      </c>
      <c r="V42223">
        <v>25</v>
      </c>
      <c r="W42223">
        <v>25</v>
      </c>
      <c r="X42223">
        <v>25</v>
      </c>
      <c r="Y42223">
        <v>26</v>
      </c>
      <c r="Z42223">
        <v>26</v>
      </c>
      <c r="AA42223">
        <v>26</v>
      </c>
      <c r="AB42223">
        <v>26</v>
      </c>
      <c r="AC42223">
        <v>27</v>
      </c>
      <c r="AD42223">
        <v>27</v>
      </c>
      <c r="AE42223">
        <v>27</v>
      </c>
      <c r="AF42223">
        <v>27</v>
      </c>
      <c r="AG42223">
        <v>28</v>
      </c>
      <c r="AH42223">
        <v>28</v>
      </c>
      <c r="AI42223">
        <v>28</v>
      </c>
      <c r="AJ42223">
        <v>28</v>
      </c>
      <c r="AK42223">
        <v>29</v>
      </c>
      <c r="AL42223">
        <v>29</v>
      </c>
      <c r="AM42223">
        <v>29</v>
      </c>
      <c r="AN42223">
        <v>30</v>
      </c>
      <c r="AO42223">
        <v>30</v>
      </c>
      <c r="AP42223">
        <v>30</v>
      </c>
      <c r="AQ42223">
        <v>30</v>
      </c>
    </row>
    <row r="42224" spans="1:43">
      <c r="A42224" t="s">
        <v>25925</v>
      </c>
      <c r="B42224" t="s">
        <v>25926</v>
      </c>
      <c r="C42224" t="s">
        <v>12230</v>
      </c>
      <c r="D42224" t="s">
        <v>12231</v>
      </c>
      <c r="E42224" t="s">
        <v>12188</v>
      </c>
      <c r="F42224" t="s">
        <v>12189</v>
      </c>
      <c r="G42224" t="s">
        <v>10450</v>
      </c>
      <c r="H42224" t="s">
        <v>10451</v>
      </c>
      <c r="I42224" s="2">
        <v>1</v>
      </c>
      <c r="J42224" s="2">
        <v>0</v>
      </c>
      <c r="K42224" s="2">
        <v>0</v>
      </c>
      <c r="L42224" t="s">
        <v>120</v>
      </c>
      <c r="M42224" t="s">
        <v>89</v>
      </c>
      <c r="N42224" t="s">
        <v>90</v>
      </c>
      <c r="O42224" t="s">
        <v>85</v>
      </c>
      <c r="P42224" t="s">
        <v>86</v>
      </c>
      <c r="Q42224">
        <v>24</v>
      </c>
      <c r="R42224">
        <v>25</v>
      </c>
      <c r="S42224">
        <v>26</v>
      </c>
      <c r="T42224">
        <v>26</v>
      </c>
      <c r="U42224">
        <v>27</v>
      </c>
      <c r="V42224">
        <v>27</v>
      </c>
      <c r="W42224">
        <v>28</v>
      </c>
      <c r="X42224">
        <v>29</v>
      </c>
      <c r="Y42224">
        <v>29</v>
      </c>
      <c r="Z42224">
        <v>30</v>
      </c>
      <c r="AA42224">
        <v>30</v>
      </c>
      <c r="AB42224">
        <v>31</v>
      </c>
      <c r="AC42224">
        <v>32</v>
      </c>
      <c r="AD42224">
        <v>32</v>
      </c>
      <c r="AE42224">
        <v>33</v>
      </c>
      <c r="AF42224">
        <v>33</v>
      </c>
      <c r="AG42224">
        <v>33</v>
      </c>
      <c r="AH42224">
        <v>33</v>
      </c>
      <c r="AI42224">
        <v>34</v>
      </c>
      <c r="AJ42224">
        <v>34</v>
      </c>
      <c r="AK42224">
        <v>34</v>
      </c>
      <c r="AL42224">
        <v>34</v>
      </c>
      <c r="AM42224">
        <v>34</v>
      </c>
      <c r="AN42224">
        <v>35</v>
      </c>
      <c r="AO42224">
        <v>35</v>
      </c>
      <c r="AP42224">
        <v>35</v>
      </c>
      <c r="AQ42224">
        <v>35</v>
      </c>
    </row>
    <row r="42225" spans="1:43">
      <c r="A42225" t="s">
        <v>25925</v>
      </c>
      <c r="B42225" t="s">
        <v>25926</v>
      </c>
      <c r="C42225" t="s">
        <v>12230</v>
      </c>
      <c r="D42225" t="s">
        <v>12231</v>
      </c>
      <c r="E42225" t="s">
        <v>12188</v>
      </c>
      <c r="F42225" t="s">
        <v>12189</v>
      </c>
      <c r="G42225" t="s">
        <v>10450</v>
      </c>
      <c r="H42225" t="s">
        <v>10451</v>
      </c>
      <c r="I42225" s="2">
        <v>1</v>
      </c>
      <c r="J42225" s="2">
        <v>0</v>
      </c>
      <c r="K42225" s="2">
        <v>0</v>
      </c>
      <c r="L42225" t="s">
        <v>120</v>
      </c>
      <c r="M42225" t="s">
        <v>83</v>
      </c>
      <c r="N42225" t="s">
        <v>91</v>
      </c>
      <c r="O42225" t="s">
        <v>85</v>
      </c>
      <c r="P42225" t="s">
        <v>86</v>
      </c>
      <c r="Q42225">
        <v>24</v>
      </c>
      <c r="R42225">
        <v>24</v>
      </c>
      <c r="S42225">
        <v>25</v>
      </c>
      <c r="T42225">
        <v>25</v>
      </c>
      <c r="U42225">
        <v>26</v>
      </c>
      <c r="V42225">
        <v>26</v>
      </c>
      <c r="W42225">
        <v>27</v>
      </c>
      <c r="X42225">
        <v>27</v>
      </c>
      <c r="Y42225">
        <v>28</v>
      </c>
      <c r="Z42225">
        <v>28</v>
      </c>
      <c r="AA42225">
        <v>29</v>
      </c>
      <c r="AB42225">
        <v>29</v>
      </c>
      <c r="AC42225">
        <v>30</v>
      </c>
      <c r="AD42225">
        <v>30</v>
      </c>
      <c r="AE42225">
        <v>31</v>
      </c>
      <c r="AF42225">
        <v>31</v>
      </c>
      <c r="AG42225">
        <v>31</v>
      </c>
      <c r="AH42225">
        <v>32</v>
      </c>
      <c r="AI42225">
        <v>33</v>
      </c>
      <c r="AJ42225">
        <v>33</v>
      </c>
      <c r="AK42225">
        <v>34</v>
      </c>
      <c r="AL42225">
        <v>34</v>
      </c>
      <c r="AM42225">
        <v>34</v>
      </c>
      <c r="AN42225">
        <v>34</v>
      </c>
      <c r="AO42225">
        <v>35</v>
      </c>
      <c r="AP42225">
        <v>35</v>
      </c>
      <c r="AQ42225">
        <v>35</v>
      </c>
    </row>
    <row r="42226" spans="1:43">
      <c r="A42226" t="s">
        <v>25927</v>
      </c>
      <c r="B42226" t="s">
        <v>25928</v>
      </c>
      <c r="C42226" t="s">
        <v>12322</v>
      </c>
      <c r="D42226" t="s">
        <v>12323</v>
      </c>
      <c r="E42226" t="s">
        <v>12188</v>
      </c>
      <c r="F42226" t="s">
        <v>12189</v>
      </c>
      <c r="G42226" t="s">
        <v>10450</v>
      </c>
      <c r="H42226" t="s">
        <v>10451</v>
      </c>
      <c r="I42226" s="2">
        <v>1</v>
      </c>
      <c r="J42226" s="2">
        <v>0</v>
      </c>
      <c r="K42226" s="2">
        <v>0</v>
      </c>
      <c r="L42226" t="s">
        <v>120</v>
      </c>
      <c r="M42226" t="s">
        <v>83</v>
      </c>
      <c r="N42226" t="s">
        <v>84</v>
      </c>
      <c r="O42226" t="s">
        <v>85</v>
      </c>
      <c r="P42226" t="s">
        <v>86</v>
      </c>
      <c r="Q42226">
        <v>2</v>
      </c>
      <c r="R42226">
        <v>2</v>
      </c>
      <c r="S42226">
        <v>2</v>
      </c>
      <c r="T42226">
        <v>2</v>
      </c>
      <c r="U42226">
        <v>2</v>
      </c>
      <c r="V42226">
        <v>2</v>
      </c>
      <c r="W42226">
        <v>3</v>
      </c>
      <c r="X42226">
        <v>3</v>
      </c>
      <c r="Y42226">
        <v>3</v>
      </c>
      <c r="Z42226">
        <v>3</v>
      </c>
      <c r="AA42226">
        <v>3</v>
      </c>
      <c r="AB42226">
        <v>3</v>
      </c>
      <c r="AC42226">
        <v>3</v>
      </c>
      <c r="AD42226">
        <v>3</v>
      </c>
      <c r="AE42226">
        <v>3</v>
      </c>
      <c r="AF42226">
        <v>3</v>
      </c>
      <c r="AG42226">
        <v>3</v>
      </c>
      <c r="AH42226">
        <v>3</v>
      </c>
      <c r="AI42226">
        <v>3</v>
      </c>
      <c r="AJ42226">
        <v>3</v>
      </c>
      <c r="AK42226">
        <v>3</v>
      </c>
      <c r="AL42226">
        <v>3</v>
      </c>
      <c r="AM42226">
        <v>3</v>
      </c>
      <c r="AN42226">
        <v>3</v>
      </c>
      <c r="AO42226">
        <v>3</v>
      </c>
      <c r="AP42226">
        <v>3</v>
      </c>
      <c r="AQ42226">
        <v>3</v>
      </c>
    </row>
    <row r="42227" spans="1:43">
      <c r="A42227" t="s">
        <v>25927</v>
      </c>
      <c r="B42227" t="s">
        <v>25928</v>
      </c>
      <c r="C42227" t="s">
        <v>12322</v>
      </c>
      <c r="D42227" t="s">
        <v>12323</v>
      </c>
      <c r="E42227" t="s">
        <v>12188</v>
      </c>
      <c r="F42227" t="s">
        <v>12189</v>
      </c>
      <c r="G42227" t="s">
        <v>10450</v>
      </c>
      <c r="H42227" t="s">
        <v>10451</v>
      </c>
      <c r="I42227" s="2">
        <v>1</v>
      </c>
      <c r="J42227" s="2">
        <v>0</v>
      </c>
      <c r="K42227" s="2">
        <v>0</v>
      </c>
      <c r="L42227" t="s">
        <v>120</v>
      </c>
      <c r="M42227" t="s">
        <v>87</v>
      </c>
      <c r="N42227" t="s">
        <v>88</v>
      </c>
      <c r="O42227" t="s">
        <v>85</v>
      </c>
      <c r="P42227" t="s">
        <v>86</v>
      </c>
      <c r="Q42227">
        <v>2</v>
      </c>
      <c r="R42227">
        <v>2</v>
      </c>
      <c r="S42227">
        <v>2</v>
      </c>
      <c r="T42227">
        <v>2</v>
      </c>
      <c r="U42227">
        <v>2</v>
      </c>
      <c r="V42227">
        <v>2</v>
      </c>
      <c r="W42227">
        <v>2</v>
      </c>
      <c r="X42227">
        <v>2</v>
      </c>
      <c r="Y42227">
        <v>2</v>
      </c>
      <c r="Z42227">
        <v>2</v>
      </c>
      <c r="AA42227">
        <v>2</v>
      </c>
      <c r="AB42227">
        <v>2</v>
      </c>
      <c r="AC42227">
        <v>3</v>
      </c>
      <c r="AD42227">
        <v>3</v>
      </c>
      <c r="AE42227">
        <v>3</v>
      </c>
      <c r="AF42227">
        <v>3</v>
      </c>
      <c r="AG42227">
        <v>3</v>
      </c>
      <c r="AH42227">
        <v>3</v>
      </c>
      <c r="AI42227">
        <v>3</v>
      </c>
      <c r="AJ42227">
        <v>3</v>
      </c>
      <c r="AK42227">
        <v>3</v>
      </c>
      <c r="AL42227">
        <v>3</v>
      </c>
      <c r="AM42227">
        <v>3</v>
      </c>
      <c r="AN42227">
        <v>3</v>
      </c>
      <c r="AO42227">
        <v>3</v>
      </c>
      <c r="AP42227">
        <v>3</v>
      </c>
      <c r="AQ42227">
        <v>3</v>
      </c>
    </row>
    <row r="42228" spans="1:43">
      <c r="A42228" t="s">
        <v>25927</v>
      </c>
      <c r="B42228" t="s">
        <v>25928</v>
      </c>
      <c r="C42228" t="s">
        <v>12322</v>
      </c>
      <c r="D42228" t="s">
        <v>12323</v>
      </c>
      <c r="E42228" t="s">
        <v>12188</v>
      </c>
      <c r="F42228" t="s">
        <v>12189</v>
      </c>
      <c r="G42228" t="s">
        <v>10450</v>
      </c>
      <c r="H42228" t="s">
        <v>10451</v>
      </c>
      <c r="I42228" s="2">
        <v>1</v>
      </c>
      <c r="J42228" s="2">
        <v>0</v>
      </c>
      <c r="K42228" s="2">
        <v>0</v>
      </c>
      <c r="L42228" t="s">
        <v>120</v>
      </c>
      <c r="M42228" t="s">
        <v>89</v>
      </c>
      <c r="N42228" t="s">
        <v>90</v>
      </c>
      <c r="O42228" t="s">
        <v>85</v>
      </c>
      <c r="P42228" t="s">
        <v>86</v>
      </c>
      <c r="Q42228">
        <v>2</v>
      </c>
      <c r="R42228">
        <v>2</v>
      </c>
      <c r="S42228">
        <v>2</v>
      </c>
      <c r="T42228">
        <v>2</v>
      </c>
      <c r="U42228">
        <v>3</v>
      </c>
      <c r="V42228">
        <v>3</v>
      </c>
      <c r="W42228">
        <v>3</v>
      </c>
      <c r="X42228">
        <v>3</v>
      </c>
      <c r="Y42228">
        <v>3</v>
      </c>
      <c r="Z42228">
        <v>3</v>
      </c>
      <c r="AA42228">
        <v>3</v>
      </c>
      <c r="AB42228">
        <v>3</v>
      </c>
      <c r="AC42228">
        <v>3</v>
      </c>
      <c r="AD42228">
        <v>3</v>
      </c>
      <c r="AE42228">
        <v>3</v>
      </c>
      <c r="AF42228">
        <v>3</v>
      </c>
      <c r="AG42228">
        <v>3</v>
      </c>
      <c r="AH42228">
        <v>3</v>
      </c>
      <c r="AI42228">
        <v>3</v>
      </c>
      <c r="AJ42228">
        <v>3</v>
      </c>
      <c r="AK42228">
        <v>3</v>
      </c>
      <c r="AL42228">
        <v>3</v>
      </c>
      <c r="AM42228">
        <v>3</v>
      </c>
      <c r="AN42228">
        <v>3</v>
      </c>
      <c r="AO42228">
        <v>3</v>
      </c>
      <c r="AP42228">
        <v>3</v>
      </c>
      <c r="AQ42228">
        <v>3</v>
      </c>
    </row>
    <row r="42229" spans="1:43">
      <c r="A42229" t="s">
        <v>25927</v>
      </c>
      <c r="B42229" t="s">
        <v>25928</v>
      </c>
      <c r="C42229" t="s">
        <v>12322</v>
      </c>
      <c r="D42229" t="s">
        <v>12323</v>
      </c>
      <c r="E42229" t="s">
        <v>12188</v>
      </c>
      <c r="F42229" t="s">
        <v>12189</v>
      </c>
      <c r="G42229" t="s">
        <v>10450</v>
      </c>
      <c r="H42229" t="s">
        <v>10451</v>
      </c>
      <c r="I42229" s="2">
        <v>1</v>
      </c>
      <c r="J42229" s="2">
        <v>0</v>
      </c>
      <c r="K42229" s="2">
        <v>0</v>
      </c>
      <c r="L42229" t="s">
        <v>120</v>
      </c>
      <c r="M42229" t="s">
        <v>83</v>
      </c>
      <c r="N42229" t="s">
        <v>91</v>
      </c>
      <c r="O42229" t="s">
        <v>85</v>
      </c>
      <c r="P42229" t="s">
        <v>86</v>
      </c>
      <c r="Q42229">
        <v>2</v>
      </c>
      <c r="R42229">
        <v>2</v>
      </c>
      <c r="S42229">
        <v>2</v>
      </c>
      <c r="T42229">
        <v>2</v>
      </c>
      <c r="U42229">
        <v>2</v>
      </c>
      <c r="V42229">
        <v>2</v>
      </c>
      <c r="W42229">
        <v>3</v>
      </c>
      <c r="X42229">
        <v>3</v>
      </c>
      <c r="Y42229">
        <v>3</v>
      </c>
      <c r="Z42229">
        <v>3</v>
      </c>
      <c r="AA42229">
        <v>3</v>
      </c>
      <c r="AB42229">
        <v>3</v>
      </c>
      <c r="AC42229">
        <v>3</v>
      </c>
      <c r="AD42229">
        <v>3</v>
      </c>
      <c r="AE42229">
        <v>3</v>
      </c>
      <c r="AF42229">
        <v>3</v>
      </c>
      <c r="AG42229">
        <v>3</v>
      </c>
      <c r="AH42229">
        <v>3</v>
      </c>
      <c r="AI42229">
        <v>3</v>
      </c>
      <c r="AJ42229">
        <v>3</v>
      </c>
      <c r="AK42229">
        <v>3</v>
      </c>
      <c r="AL42229">
        <v>3</v>
      </c>
      <c r="AM42229">
        <v>3</v>
      </c>
      <c r="AN42229">
        <v>3</v>
      </c>
      <c r="AO42229">
        <v>3</v>
      </c>
      <c r="AP42229">
        <v>3</v>
      </c>
      <c r="AQ42229">
        <v>3</v>
      </c>
    </row>
    <row r="42230" spans="1:43">
      <c r="A42230" t="s">
        <v>25929</v>
      </c>
      <c r="B42230" t="s">
        <v>25930</v>
      </c>
      <c r="C42230" t="s">
        <v>12322</v>
      </c>
      <c r="D42230" t="s">
        <v>12323</v>
      </c>
      <c r="E42230" t="s">
        <v>12188</v>
      </c>
      <c r="F42230" t="s">
        <v>12189</v>
      </c>
      <c r="G42230" t="s">
        <v>10450</v>
      </c>
      <c r="H42230" t="s">
        <v>10451</v>
      </c>
      <c r="I42230" s="2">
        <v>1</v>
      </c>
      <c r="J42230" s="2">
        <v>0</v>
      </c>
      <c r="K42230" s="2">
        <v>0</v>
      </c>
      <c r="L42230" t="s">
        <v>120</v>
      </c>
      <c r="M42230" t="s">
        <v>83</v>
      </c>
      <c r="N42230" t="s">
        <v>84</v>
      </c>
      <c r="O42230" t="s">
        <v>85</v>
      </c>
      <c r="P42230" t="s">
        <v>86</v>
      </c>
      <c r="Q42230">
        <v>30</v>
      </c>
      <c r="R42230">
        <v>31</v>
      </c>
      <c r="S42230">
        <v>32</v>
      </c>
      <c r="T42230">
        <v>32</v>
      </c>
      <c r="U42230">
        <v>33</v>
      </c>
      <c r="V42230">
        <v>33</v>
      </c>
      <c r="W42230">
        <v>34</v>
      </c>
      <c r="X42230">
        <v>35</v>
      </c>
      <c r="Y42230">
        <v>35</v>
      </c>
      <c r="Z42230">
        <v>36</v>
      </c>
      <c r="AA42230">
        <v>36</v>
      </c>
      <c r="AB42230">
        <v>37</v>
      </c>
      <c r="AC42230">
        <v>38</v>
      </c>
      <c r="AD42230">
        <v>38</v>
      </c>
      <c r="AE42230">
        <v>39</v>
      </c>
      <c r="AF42230">
        <v>39</v>
      </c>
      <c r="AG42230">
        <v>40</v>
      </c>
      <c r="AH42230">
        <v>41</v>
      </c>
      <c r="AI42230">
        <v>41</v>
      </c>
      <c r="AJ42230">
        <v>42</v>
      </c>
      <c r="AK42230">
        <v>43</v>
      </c>
      <c r="AL42230">
        <v>43</v>
      </c>
      <c r="AM42230">
        <v>43</v>
      </c>
      <c r="AN42230">
        <v>44</v>
      </c>
      <c r="AO42230">
        <v>44</v>
      </c>
      <c r="AP42230">
        <v>44</v>
      </c>
      <c r="AQ42230">
        <v>45</v>
      </c>
    </row>
    <row r="42231" spans="1:43">
      <c r="A42231" t="s">
        <v>25929</v>
      </c>
      <c r="B42231" t="s">
        <v>25930</v>
      </c>
      <c r="C42231" t="s">
        <v>12322</v>
      </c>
      <c r="D42231" t="s">
        <v>12323</v>
      </c>
      <c r="E42231" t="s">
        <v>12188</v>
      </c>
      <c r="F42231" t="s">
        <v>12189</v>
      </c>
      <c r="G42231" t="s">
        <v>10450</v>
      </c>
      <c r="H42231" t="s">
        <v>10451</v>
      </c>
      <c r="I42231" s="2">
        <v>1</v>
      </c>
      <c r="J42231" s="2">
        <v>0</v>
      </c>
      <c r="K42231" s="2">
        <v>0</v>
      </c>
      <c r="L42231" t="s">
        <v>120</v>
      </c>
      <c r="M42231" t="s">
        <v>87</v>
      </c>
      <c r="N42231" t="s">
        <v>88</v>
      </c>
      <c r="O42231" t="s">
        <v>85</v>
      </c>
      <c r="P42231" t="s">
        <v>86</v>
      </c>
      <c r="Q42231">
        <v>30</v>
      </c>
      <c r="R42231">
        <v>30</v>
      </c>
      <c r="S42231">
        <v>31</v>
      </c>
      <c r="T42231">
        <v>31</v>
      </c>
      <c r="U42231">
        <v>31</v>
      </c>
      <c r="V42231">
        <v>32</v>
      </c>
      <c r="W42231">
        <v>32</v>
      </c>
      <c r="X42231">
        <v>32</v>
      </c>
      <c r="Y42231">
        <v>33</v>
      </c>
      <c r="Z42231">
        <v>33</v>
      </c>
      <c r="AA42231">
        <v>33</v>
      </c>
      <c r="AB42231">
        <v>33</v>
      </c>
      <c r="AC42231">
        <v>34</v>
      </c>
      <c r="AD42231">
        <v>34</v>
      </c>
      <c r="AE42231">
        <v>34</v>
      </c>
      <c r="AF42231">
        <v>35</v>
      </c>
      <c r="AG42231">
        <v>35</v>
      </c>
      <c r="AH42231">
        <v>35</v>
      </c>
      <c r="AI42231">
        <v>36</v>
      </c>
      <c r="AJ42231">
        <v>36</v>
      </c>
      <c r="AK42231">
        <v>36</v>
      </c>
      <c r="AL42231">
        <v>37</v>
      </c>
      <c r="AM42231">
        <v>37</v>
      </c>
      <c r="AN42231">
        <v>38</v>
      </c>
      <c r="AO42231">
        <v>38</v>
      </c>
      <c r="AP42231">
        <v>38</v>
      </c>
      <c r="AQ42231">
        <v>39</v>
      </c>
    </row>
    <row r="42232" spans="1:43">
      <c r="A42232" t="s">
        <v>25929</v>
      </c>
      <c r="B42232" t="s">
        <v>25930</v>
      </c>
      <c r="C42232" t="s">
        <v>12322</v>
      </c>
      <c r="D42232" t="s">
        <v>12323</v>
      </c>
      <c r="E42232" t="s">
        <v>12188</v>
      </c>
      <c r="F42232" t="s">
        <v>12189</v>
      </c>
      <c r="G42232" t="s">
        <v>10450</v>
      </c>
      <c r="H42232" t="s">
        <v>10451</v>
      </c>
      <c r="I42232" s="2">
        <v>1</v>
      </c>
      <c r="J42232" s="2">
        <v>0</v>
      </c>
      <c r="K42232" s="2">
        <v>0</v>
      </c>
      <c r="L42232" t="s">
        <v>120</v>
      </c>
      <c r="M42232" t="s">
        <v>89</v>
      </c>
      <c r="N42232" t="s">
        <v>90</v>
      </c>
      <c r="O42232" t="s">
        <v>85</v>
      </c>
      <c r="P42232" t="s">
        <v>86</v>
      </c>
      <c r="Q42232">
        <v>30</v>
      </c>
      <c r="R42232">
        <v>31</v>
      </c>
      <c r="S42232">
        <v>31</v>
      </c>
      <c r="T42232">
        <v>32</v>
      </c>
      <c r="U42232">
        <v>33</v>
      </c>
      <c r="V42232">
        <v>34</v>
      </c>
      <c r="W42232">
        <v>35</v>
      </c>
      <c r="X42232">
        <v>35</v>
      </c>
      <c r="Y42232">
        <v>36</v>
      </c>
      <c r="Z42232">
        <v>37</v>
      </c>
      <c r="AA42232">
        <v>38</v>
      </c>
      <c r="AB42232">
        <v>39</v>
      </c>
      <c r="AC42232">
        <v>39</v>
      </c>
      <c r="AD42232">
        <v>40</v>
      </c>
      <c r="AE42232">
        <v>41</v>
      </c>
      <c r="AF42232">
        <v>41</v>
      </c>
      <c r="AG42232">
        <v>41</v>
      </c>
      <c r="AH42232">
        <v>42</v>
      </c>
      <c r="AI42232">
        <v>42</v>
      </c>
      <c r="AJ42232">
        <v>42</v>
      </c>
      <c r="AK42232">
        <v>42</v>
      </c>
      <c r="AL42232">
        <v>43</v>
      </c>
      <c r="AM42232">
        <v>43</v>
      </c>
      <c r="AN42232">
        <v>43</v>
      </c>
      <c r="AO42232">
        <v>44</v>
      </c>
      <c r="AP42232">
        <v>44</v>
      </c>
      <c r="AQ42232">
        <v>44</v>
      </c>
    </row>
    <row r="42233" spans="1:43">
      <c r="A42233" t="s">
        <v>25929</v>
      </c>
      <c r="B42233" t="s">
        <v>25930</v>
      </c>
      <c r="C42233" t="s">
        <v>12322</v>
      </c>
      <c r="D42233" t="s">
        <v>12323</v>
      </c>
      <c r="E42233" t="s">
        <v>12188</v>
      </c>
      <c r="F42233" t="s">
        <v>12189</v>
      </c>
      <c r="G42233" t="s">
        <v>10450</v>
      </c>
      <c r="H42233" t="s">
        <v>10451</v>
      </c>
      <c r="I42233" s="2">
        <v>1</v>
      </c>
      <c r="J42233" s="2">
        <v>0</v>
      </c>
      <c r="K42233" s="2">
        <v>0</v>
      </c>
      <c r="L42233" t="s">
        <v>120</v>
      </c>
      <c r="M42233" t="s">
        <v>83</v>
      </c>
      <c r="N42233" t="s">
        <v>91</v>
      </c>
      <c r="O42233" t="s">
        <v>85</v>
      </c>
      <c r="P42233" t="s">
        <v>86</v>
      </c>
      <c r="Q42233">
        <v>30</v>
      </c>
      <c r="R42233">
        <v>31</v>
      </c>
      <c r="S42233">
        <v>32</v>
      </c>
      <c r="T42233">
        <v>32</v>
      </c>
      <c r="U42233">
        <v>33</v>
      </c>
      <c r="V42233">
        <v>33</v>
      </c>
      <c r="W42233">
        <v>34</v>
      </c>
      <c r="X42233">
        <v>35</v>
      </c>
      <c r="Y42233">
        <v>35</v>
      </c>
      <c r="Z42233">
        <v>36</v>
      </c>
      <c r="AA42233">
        <v>36</v>
      </c>
      <c r="AB42233">
        <v>37</v>
      </c>
      <c r="AC42233">
        <v>38</v>
      </c>
      <c r="AD42233">
        <v>38</v>
      </c>
      <c r="AE42233">
        <v>39</v>
      </c>
      <c r="AF42233">
        <v>39</v>
      </c>
      <c r="AG42233">
        <v>40</v>
      </c>
      <c r="AH42233">
        <v>41</v>
      </c>
      <c r="AI42233">
        <v>41</v>
      </c>
      <c r="AJ42233">
        <v>42</v>
      </c>
      <c r="AK42233">
        <v>43</v>
      </c>
      <c r="AL42233">
        <v>43</v>
      </c>
      <c r="AM42233">
        <v>43</v>
      </c>
      <c r="AN42233">
        <v>44</v>
      </c>
      <c r="AO42233">
        <v>44</v>
      </c>
      <c r="AP42233">
        <v>44</v>
      </c>
      <c r="AQ42233">
        <v>45</v>
      </c>
    </row>
    <row r="42234" spans="1:43">
      <c r="A42234" t="s">
        <v>25931</v>
      </c>
      <c r="B42234" t="s">
        <v>25932</v>
      </c>
      <c r="C42234" t="s">
        <v>12322</v>
      </c>
      <c r="D42234" t="s">
        <v>12323</v>
      </c>
      <c r="E42234" t="s">
        <v>12188</v>
      </c>
      <c r="F42234" t="s">
        <v>12189</v>
      </c>
      <c r="G42234" t="s">
        <v>10450</v>
      </c>
      <c r="H42234" t="s">
        <v>10451</v>
      </c>
      <c r="I42234" s="2">
        <v>1</v>
      </c>
      <c r="J42234" s="2">
        <v>0</v>
      </c>
      <c r="K42234" s="2">
        <v>0</v>
      </c>
      <c r="L42234" t="s">
        <v>120</v>
      </c>
      <c r="M42234" t="s">
        <v>83</v>
      </c>
      <c r="N42234" t="s">
        <v>84</v>
      </c>
      <c r="O42234" t="s">
        <v>85</v>
      </c>
      <c r="P42234" t="s">
        <v>86</v>
      </c>
      <c r="Q42234">
        <v>57</v>
      </c>
      <c r="R42234">
        <v>58</v>
      </c>
      <c r="S42234">
        <v>59</v>
      </c>
      <c r="T42234">
        <v>60</v>
      </c>
      <c r="U42234">
        <v>61</v>
      </c>
      <c r="V42234">
        <v>62</v>
      </c>
      <c r="W42234">
        <v>63</v>
      </c>
      <c r="X42234">
        <v>64</v>
      </c>
      <c r="Y42234">
        <v>65</v>
      </c>
      <c r="Z42234">
        <v>66</v>
      </c>
      <c r="AA42234">
        <v>68</v>
      </c>
      <c r="AB42234">
        <v>69</v>
      </c>
      <c r="AC42234">
        <v>70</v>
      </c>
      <c r="AD42234">
        <v>71</v>
      </c>
      <c r="AE42234">
        <v>72</v>
      </c>
      <c r="AF42234">
        <v>73</v>
      </c>
      <c r="AG42234">
        <v>74</v>
      </c>
      <c r="AH42234">
        <v>76</v>
      </c>
      <c r="AI42234">
        <v>77</v>
      </c>
      <c r="AJ42234">
        <v>78</v>
      </c>
      <c r="AK42234">
        <v>79</v>
      </c>
      <c r="AL42234">
        <v>80</v>
      </c>
      <c r="AM42234">
        <v>81</v>
      </c>
      <c r="AN42234">
        <v>81</v>
      </c>
      <c r="AO42234">
        <v>82</v>
      </c>
      <c r="AP42234">
        <v>82</v>
      </c>
      <c r="AQ42234">
        <v>83</v>
      </c>
    </row>
    <row r="42235" spans="1:43">
      <c r="A42235" t="s">
        <v>25931</v>
      </c>
      <c r="B42235" t="s">
        <v>25932</v>
      </c>
      <c r="C42235" t="s">
        <v>12322</v>
      </c>
      <c r="D42235" t="s">
        <v>12323</v>
      </c>
      <c r="E42235" t="s">
        <v>12188</v>
      </c>
      <c r="F42235" t="s">
        <v>12189</v>
      </c>
      <c r="G42235" t="s">
        <v>10450</v>
      </c>
      <c r="H42235" t="s">
        <v>10451</v>
      </c>
      <c r="I42235" s="2">
        <v>1</v>
      </c>
      <c r="J42235" s="2">
        <v>0</v>
      </c>
      <c r="K42235" s="2">
        <v>0</v>
      </c>
      <c r="L42235" t="s">
        <v>120</v>
      </c>
      <c r="M42235" t="s">
        <v>87</v>
      </c>
      <c r="N42235" t="s">
        <v>88</v>
      </c>
      <c r="O42235" t="s">
        <v>85</v>
      </c>
      <c r="P42235" t="s">
        <v>86</v>
      </c>
      <c r="Q42235">
        <v>57</v>
      </c>
      <c r="R42235">
        <v>58</v>
      </c>
      <c r="S42235">
        <v>58</v>
      </c>
      <c r="T42235">
        <v>59</v>
      </c>
      <c r="U42235">
        <v>59</v>
      </c>
      <c r="V42235">
        <v>60</v>
      </c>
      <c r="W42235">
        <v>60</v>
      </c>
      <c r="X42235">
        <v>61</v>
      </c>
      <c r="Y42235">
        <v>61</v>
      </c>
      <c r="Z42235">
        <v>62</v>
      </c>
      <c r="AA42235">
        <v>63</v>
      </c>
      <c r="AB42235">
        <v>63</v>
      </c>
      <c r="AC42235">
        <v>64</v>
      </c>
      <c r="AD42235">
        <v>64</v>
      </c>
      <c r="AE42235">
        <v>65</v>
      </c>
      <c r="AF42235">
        <v>65</v>
      </c>
      <c r="AG42235">
        <v>66</v>
      </c>
      <c r="AH42235">
        <v>67</v>
      </c>
      <c r="AI42235">
        <v>67</v>
      </c>
      <c r="AJ42235">
        <v>68</v>
      </c>
      <c r="AK42235">
        <v>69</v>
      </c>
      <c r="AL42235">
        <v>69</v>
      </c>
      <c r="AM42235">
        <v>70</v>
      </c>
      <c r="AN42235">
        <v>71</v>
      </c>
      <c r="AO42235">
        <v>71</v>
      </c>
      <c r="AP42235">
        <v>72</v>
      </c>
      <c r="AQ42235">
        <v>73</v>
      </c>
    </row>
    <row r="42236" spans="1:43">
      <c r="A42236" t="s">
        <v>25931</v>
      </c>
      <c r="B42236" t="s">
        <v>25932</v>
      </c>
      <c r="C42236" t="s">
        <v>12322</v>
      </c>
      <c r="D42236" t="s">
        <v>12323</v>
      </c>
      <c r="E42236" t="s">
        <v>12188</v>
      </c>
      <c r="F42236" t="s">
        <v>12189</v>
      </c>
      <c r="G42236" t="s">
        <v>10450</v>
      </c>
      <c r="H42236" t="s">
        <v>10451</v>
      </c>
      <c r="I42236" s="2">
        <v>1</v>
      </c>
      <c r="J42236" s="2">
        <v>0</v>
      </c>
      <c r="K42236" s="2">
        <v>0</v>
      </c>
      <c r="L42236" t="s">
        <v>120</v>
      </c>
      <c r="M42236" t="s">
        <v>89</v>
      </c>
      <c r="N42236" t="s">
        <v>90</v>
      </c>
      <c r="O42236" t="s">
        <v>85</v>
      </c>
      <c r="P42236" t="s">
        <v>86</v>
      </c>
      <c r="Q42236">
        <v>57</v>
      </c>
      <c r="R42236">
        <v>59</v>
      </c>
      <c r="S42236">
        <v>60</v>
      </c>
      <c r="T42236">
        <v>62</v>
      </c>
      <c r="U42236">
        <v>63</v>
      </c>
      <c r="V42236">
        <v>65</v>
      </c>
      <c r="W42236">
        <v>66</v>
      </c>
      <c r="X42236">
        <v>68</v>
      </c>
      <c r="Y42236">
        <v>69</v>
      </c>
      <c r="Z42236">
        <v>71</v>
      </c>
      <c r="AA42236">
        <v>72</v>
      </c>
      <c r="AB42236">
        <v>73</v>
      </c>
      <c r="AC42236">
        <v>75</v>
      </c>
      <c r="AD42236">
        <v>76</v>
      </c>
      <c r="AE42236">
        <v>77</v>
      </c>
      <c r="AF42236">
        <v>78</v>
      </c>
      <c r="AG42236">
        <v>78</v>
      </c>
      <c r="AH42236">
        <v>79</v>
      </c>
      <c r="AI42236">
        <v>79</v>
      </c>
      <c r="AJ42236">
        <v>80</v>
      </c>
      <c r="AK42236">
        <v>80</v>
      </c>
      <c r="AL42236">
        <v>81</v>
      </c>
      <c r="AM42236">
        <v>82</v>
      </c>
      <c r="AN42236">
        <v>82</v>
      </c>
      <c r="AO42236">
        <v>83</v>
      </c>
      <c r="AP42236">
        <v>83</v>
      </c>
      <c r="AQ42236">
        <v>84</v>
      </c>
    </row>
    <row r="42237" spans="1:43">
      <c r="A42237" t="s">
        <v>25931</v>
      </c>
      <c r="B42237" t="s">
        <v>25932</v>
      </c>
      <c r="C42237" t="s">
        <v>12322</v>
      </c>
      <c r="D42237" t="s">
        <v>12323</v>
      </c>
      <c r="E42237" t="s">
        <v>12188</v>
      </c>
      <c r="F42237" t="s">
        <v>12189</v>
      </c>
      <c r="G42237" t="s">
        <v>10450</v>
      </c>
      <c r="H42237" t="s">
        <v>10451</v>
      </c>
      <c r="I42237" s="2">
        <v>1</v>
      </c>
      <c r="J42237" s="2">
        <v>0</v>
      </c>
      <c r="K42237" s="2">
        <v>0</v>
      </c>
      <c r="L42237" t="s">
        <v>120</v>
      </c>
      <c r="M42237" t="s">
        <v>83</v>
      </c>
      <c r="N42237" t="s">
        <v>91</v>
      </c>
      <c r="O42237" t="s">
        <v>85</v>
      </c>
      <c r="P42237" t="s">
        <v>86</v>
      </c>
      <c r="Q42237">
        <v>57</v>
      </c>
      <c r="R42237">
        <v>58</v>
      </c>
      <c r="S42237">
        <v>59</v>
      </c>
      <c r="T42237">
        <v>60</v>
      </c>
      <c r="U42237">
        <v>61</v>
      </c>
      <c r="V42237">
        <v>62</v>
      </c>
      <c r="W42237">
        <v>63</v>
      </c>
      <c r="X42237">
        <v>64</v>
      </c>
      <c r="Y42237">
        <v>65</v>
      </c>
      <c r="Z42237">
        <v>66</v>
      </c>
      <c r="AA42237">
        <v>68</v>
      </c>
      <c r="AB42237">
        <v>69</v>
      </c>
      <c r="AC42237">
        <v>70</v>
      </c>
      <c r="AD42237">
        <v>71</v>
      </c>
      <c r="AE42237">
        <v>72</v>
      </c>
      <c r="AF42237">
        <v>73</v>
      </c>
      <c r="AG42237">
        <v>74</v>
      </c>
      <c r="AH42237">
        <v>76</v>
      </c>
      <c r="AI42237">
        <v>77</v>
      </c>
      <c r="AJ42237">
        <v>78</v>
      </c>
      <c r="AK42237">
        <v>79</v>
      </c>
      <c r="AL42237">
        <v>80</v>
      </c>
      <c r="AM42237">
        <v>81</v>
      </c>
      <c r="AN42237">
        <v>81</v>
      </c>
      <c r="AO42237">
        <v>82</v>
      </c>
      <c r="AP42237">
        <v>82</v>
      </c>
      <c r="AQ42237">
        <v>83</v>
      </c>
    </row>
    <row r="42238" spans="1:43">
      <c r="A42238" t="s">
        <v>25933</v>
      </c>
      <c r="B42238" t="s">
        <v>25934</v>
      </c>
      <c r="C42238" t="s">
        <v>12404</v>
      </c>
      <c r="D42238" t="s">
        <v>12405</v>
      </c>
      <c r="E42238" t="s">
        <v>12188</v>
      </c>
      <c r="F42238" t="s">
        <v>12189</v>
      </c>
      <c r="G42238" t="s">
        <v>10450</v>
      </c>
      <c r="H42238" t="s">
        <v>10451</v>
      </c>
      <c r="I42238" s="2">
        <v>1</v>
      </c>
      <c r="J42238" s="2">
        <v>0</v>
      </c>
      <c r="K42238" s="2">
        <v>0</v>
      </c>
      <c r="L42238" t="s">
        <v>120</v>
      </c>
      <c r="M42238" t="s">
        <v>83</v>
      </c>
      <c r="N42238" t="s">
        <v>84</v>
      </c>
      <c r="O42238" t="s">
        <v>85</v>
      </c>
      <c r="P42238" t="s">
        <v>86</v>
      </c>
      <c r="Q42238">
        <v>18</v>
      </c>
      <c r="R42238">
        <v>18</v>
      </c>
      <c r="S42238">
        <v>19</v>
      </c>
      <c r="T42238">
        <v>19</v>
      </c>
      <c r="U42238">
        <v>19</v>
      </c>
      <c r="V42238">
        <v>20</v>
      </c>
      <c r="W42238">
        <v>20</v>
      </c>
      <c r="X42238">
        <v>20</v>
      </c>
      <c r="Y42238">
        <v>21</v>
      </c>
      <c r="Z42238">
        <v>21</v>
      </c>
      <c r="AA42238">
        <v>22</v>
      </c>
      <c r="AB42238">
        <v>22</v>
      </c>
      <c r="AC42238">
        <v>22</v>
      </c>
      <c r="AD42238">
        <v>23</v>
      </c>
      <c r="AE42238">
        <v>23</v>
      </c>
      <c r="AF42238">
        <v>23</v>
      </c>
      <c r="AG42238">
        <v>24</v>
      </c>
      <c r="AH42238">
        <v>24</v>
      </c>
      <c r="AI42238">
        <v>25</v>
      </c>
      <c r="AJ42238">
        <v>25</v>
      </c>
      <c r="AK42238">
        <v>25</v>
      </c>
      <c r="AL42238">
        <v>26</v>
      </c>
      <c r="AM42238">
        <v>26</v>
      </c>
      <c r="AN42238">
        <v>26</v>
      </c>
      <c r="AO42238">
        <v>26</v>
      </c>
      <c r="AP42238">
        <v>26</v>
      </c>
      <c r="AQ42238">
        <v>26</v>
      </c>
    </row>
    <row r="42239" spans="1:43">
      <c r="A42239" t="s">
        <v>25933</v>
      </c>
      <c r="B42239" t="s">
        <v>25934</v>
      </c>
      <c r="C42239" t="s">
        <v>12404</v>
      </c>
      <c r="D42239" t="s">
        <v>12405</v>
      </c>
      <c r="E42239" t="s">
        <v>12188</v>
      </c>
      <c r="F42239" t="s">
        <v>12189</v>
      </c>
      <c r="G42239" t="s">
        <v>10450</v>
      </c>
      <c r="H42239" t="s">
        <v>10451</v>
      </c>
      <c r="I42239" s="2">
        <v>1</v>
      </c>
      <c r="J42239" s="2">
        <v>0</v>
      </c>
      <c r="K42239" s="2">
        <v>0</v>
      </c>
      <c r="L42239" t="s">
        <v>120</v>
      </c>
      <c r="M42239" t="s">
        <v>87</v>
      </c>
      <c r="N42239" t="s">
        <v>88</v>
      </c>
      <c r="O42239" t="s">
        <v>85</v>
      </c>
      <c r="P42239" t="s">
        <v>86</v>
      </c>
      <c r="Q42239">
        <v>18</v>
      </c>
      <c r="R42239">
        <v>18</v>
      </c>
      <c r="S42239">
        <v>18</v>
      </c>
      <c r="T42239">
        <v>18</v>
      </c>
      <c r="U42239">
        <v>19</v>
      </c>
      <c r="V42239">
        <v>19</v>
      </c>
      <c r="W42239">
        <v>19</v>
      </c>
      <c r="X42239">
        <v>19</v>
      </c>
      <c r="Y42239">
        <v>19</v>
      </c>
      <c r="Z42239">
        <v>19</v>
      </c>
      <c r="AA42239">
        <v>20</v>
      </c>
      <c r="AB42239">
        <v>20</v>
      </c>
      <c r="AC42239">
        <v>20</v>
      </c>
      <c r="AD42239">
        <v>20</v>
      </c>
      <c r="AE42239">
        <v>20</v>
      </c>
      <c r="AF42239">
        <v>21</v>
      </c>
      <c r="AG42239">
        <v>21</v>
      </c>
      <c r="AH42239">
        <v>21</v>
      </c>
      <c r="AI42239">
        <v>21</v>
      </c>
      <c r="AJ42239">
        <v>21</v>
      </c>
      <c r="AK42239">
        <v>22</v>
      </c>
      <c r="AL42239">
        <v>22</v>
      </c>
      <c r="AM42239">
        <v>22</v>
      </c>
      <c r="AN42239">
        <v>22</v>
      </c>
      <c r="AO42239">
        <v>22</v>
      </c>
      <c r="AP42239">
        <v>23</v>
      </c>
      <c r="AQ42239">
        <v>23</v>
      </c>
    </row>
    <row r="42240" spans="1:43">
      <c r="A42240" t="s">
        <v>25933</v>
      </c>
      <c r="B42240" t="s">
        <v>25934</v>
      </c>
      <c r="C42240" t="s">
        <v>12404</v>
      </c>
      <c r="D42240" t="s">
        <v>12405</v>
      </c>
      <c r="E42240" t="s">
        <v>12188</v>
      </c>
      <c r="F42240" t="s">
        <v>12189</v>
      </c>
      <c r="G42240" t="s">
        <v>10450</v>
      </c>
      <c r="H42240" t="s">
        <v>10451</v>
      </c>
      <c r="I42240" s="2">
        <v>1</v>
      </c>
      <c r="J42240" s="2">
        <v>0</v>
      </c>
      <c r="K42240" s="2">
        <v>0</v>
      </c>
      <c r="L42240" t="s">
        <v>120</v>
      </c>
      <c r="M42240" t="s">
        <v>89</v>
      </c>
      <c r="N42240" t="s">
        <v>90</v>
      </c>
      <c r="O42240" t="s">
        <v>85</v>
      </c>
      <c r="P42240" t="s">
        <v>86</v>
      </c>
      <c r="Q42240">
        <v>18</v>
      </c>
      <c r="R42240">
        <v>19</v>
      </c>
      <c r="S42240">
        <v>19</v>
      </c>
      <c r="T42240">
        <v>20</v>
      </c>
      <c r="U42240">
        <v>20</v>
      </c>
      <c r="V42240">
        <v>21</v>
      </c>
      <c r="W42240">
        <v>21</v>
      </c>
      <c r="X42240">
        <v>22</v>
      </c>
      <c r="Y42240">
        <v>22</v>
      </c>
      <c r="Z42240">
        <v>23</v>
      </c>
      <c r="AA42240">
        <v>23</v>
      </c>
      <c r="AB42240">
        <v>23</v>
      </c>
      <c r="AC42240">
        <v>24</v>
      </c>
      <c r="AD42240">
        <v>24</v>
      </c>
      <c r="AE42240">
        <v>25</v>
      </c>
      <c r="AF42240">
        <v>25</v>
      </c>
      <c r="AG42240">
        <v>25</v>
      </c>
      <c r="AH42240">
        <v>25</v>
      </c>
      <c r="AI42240">
        <v>25</v>
      </c>
      <c r="AJ42240">
        <v>25</v>
      </c>
      <c r="AK42240">
        <v>26</v>
      </c>
      <c r="AL42240">
        <v>26</v>
      </c>
      <c r="AM42240">
        <v>26</v>
      </c>
      <c r="AN42240">
        <v>26</v>
      </c>
      <c r="AO42240">
        <v>26</v>
      </c>
      <c r="AP42240">
        <v>26</v>
      </c>
      <c r="AQ42240">
        <v>26</v>
      </c>
    </row>
    <row r="42241" spans="1:43">
      <c r="A42241" t="s">
        <v>25933</v>
      </c>
      <c r="B42241" t="s">
        <v>25934</v>
      </c>
      <c r="C42241" t="s">
        <v>12404</v>
      </c>
      <c r="D42241" t="s">
        <v>12405</v>
      </c>
      <c r="E42241" t="s">
        <v>12188</v>
      </c>
      <c r="F42241" t="s">
        <v>12189</v>
      </c>
      <c r="G42241" t="s">
        <v>10450</v>
      </c>
      <c r="H42241" t="s">
        <v>10451</v>
      </c>
      <c r="I42241" s="2">
        <v>1</v>
      </c>
      <c r="J42241" s="2">
        <v>0</v>
      </c>
      <c r="K42241" s="2">
        <v>0</v>
      </c>
      <c r="L42241" t="s">
        <v>120</v>
      </c>
      <c r="M42241" t="s">
        <v>83</v>
      </c>
      <c r="N42241" t="s">
        <v>91</v>
      </c>
      <c r="O42241" t="s">
        <v>85</v>
      </c>
      <c r="P42241" t="s">
        <v>86</v>
      </c>
      <c r="Q42241">
        <v>18</v>
      </c>
      <c r="R42241">
        <v>18</v>
      </c>
      <c r="S42241">
        <v>19</v>
      </c>
      <c r="T42241">
        <v>19</v>
      </c>
      <c r="U42241">
        <v>19</v>
      </c>
      <c r="V42241">
        <v>20</v>
      </c>
      <c r="W42241">
        <v>20</v>
      </c>
      <c r="X42241">
        <v>20</v>
      </c>
      <c r="Y42241">
        <v>21</v>
      </c>
      <c r="Z42241">
        <v>21</v>
      </c>
      <c r="AA42241">
        <v>22</v>
      </c>
      <c r="AB42241">
        <v>22</v>
      </c>
      <c r="AC42241">
        <v>22</v>
      </c>
      <c r="AD42241">
        <v>23</v>
      </c>
      <c r="AE42241">
        <v>23</v>
      </c>
      <c r="AF42241">
        <v>23</v>
      </c>
      <c r="AG42241">
        <v>24</v>
      </c>
      <c r="AH42241">
        <v>24</v>
      </c>
      <c r="AI42241">
        <v>25</v>
      </c>
      <c r="AJ42241">
        <v>25</v>
      </c>
      <c r="AK42241">
        <v>25</v>
      </c>
      <c r="AL42241">
        <v>26</v>
      </c>
      <c r="AM42241">
        <v>26</v>
      </c>
      <c r="AN42241">
        <v>26</v>
      </c>
      <c r="AO42241">
        <v>26</v>
      </c>
      <c r="AP42241">
        <v>26</v>
      </c>
      <c r="AQ42241">
        <v>26</v>
      </c>
    </row>
    <row r="42242" spans="1:43">
      <c r="A42242" t="s">
        <v>25935</v>
      </c>
      <c r="B42242" t="s">
        <v>25936</v>
      </c>
      <c r="C42242" t="s">
        <v>12404</v>
      </c>
      <c r="D42242" t="s">
        <v>12405</v>
      </c>
      <c r="E42242" t="s">
        <v>12188</v>
      </c>
      <c r="F42242" t="s">
        <v>12189</v>
      </c>
      <c r="G42242" t="s">
        <v>10450</v>
      </c>
      <c r="H42242" t="s">
        <v>10451</v>
      </c>
      <c r="I42242" s="2">
        <v>1</v>
      </c>
      <c r="J42242" s="2">
        <v>0</v>
      </c>
      <c r="K42242" s="2">
        <v>0</v>
      </c>
      <c r="L42242" t="s">
        <v>120</v>
      </c>
      <c r="M42242" t="s">
        <v>83</v>
      </c>
      <c r="N42242" t="s">
        <v>84</v>
      </c>
      <c r="O42242" t="s">
        <v>85</v>
      </c>
      <c r="P42242" t="s">
        <v>86</v>
      </c>
      <c r="Q42242">
        <v>2</v>
      </c>
      <c r="R42242">
        <v>2</v>
      </c>
      <c r="S42242">
        <v>2</v>
      </c>
      <c r="T42242">
        <v>2</v>
      </c>
      <c r="U42242">
        <v>2</v>
      </c>
      <c r="V42242">
        <v>2</v>
      </c>
      <c r="W42242">
        <v>2</v>
      </c>
      <c r="X42242">
        <v>2</v>
      </c>
      <c r="Y42242">
        <v>2</v>
      </c>
      <c r="Z42242">
        <v>2</v>
      </c>
      <c r="AA42242">
        <v>2</v>
      </c>
      <c r="AB42242">
        <v>2</v>
      </c>
      <c r="AC42242">
        <v>2</v>
      </c>
      <c r="AD42242">
        <v>2</v>
      </c>
      <c r="AE42242">
        <v>2</v>
      </c>
      <c r="AF42242">
        <v>2</v>
      </c>
      <c r="AG42242">
        <v>2</v>
      </c>
      <c r="AH42242">
        <v>2</v>
      </c>
      <c r="AI42242">
        <v>2</v>
      </c>
      <c r="AJ42242">
        <v>3</v>
      </c>
      <c r="AK42242">
        <v>3</v>
      </c>
      <c r="AL42242">
        <v>3</v>
      </c>
      <c r="AM42242">
        <v>3</v>
      </c>
      <c r="AN42242">
        <v>3</v>
      </c>
      <c r="AO42242">
        <v>3</v>
      </c>
      <c r="AP42242">
        <v>3</v>
      </c>
      <c r="AQ42242">
        <v>3</v>
      </c>
    </row>
    <row r="42243" spans="1:43">
      <c r="A42243" t="s">
        <v>25935</v>
      </c>
      <c r="B42243" t="s">
        <v>25936</v>
      </c>
      <c r="C42243" t="s">
        <v>12404</v>
      </c>
      <c r="D42243" t="s">
        <v>12405</v>
      </c>
      <c r="E42243" t="s">
        <v>12188</v>
      </c>
      <c r="F42243" t="s">
        <v>12189</v>
      </c>
      <c r="G42243" t="s">
        <v>10450</v>
      </c>
      <c r="H42243" t="s">
        <v>10451</v>
      </c>
      <c r="I42243" s="2">
        <v>1</v>
      </c>
      <c r="J42243" s="2">
        <v>0</v>
      </c>
      <c r="K42243" s="2">
        <v>0</v>
      </c>
      <c r="L42243" t="s">
        <v>120</v>
      </c>
      <c r="M42243" t="s">
        <v>87</v>
      </c>
      <c r="N42243" t="s">
        <v>88</v>
      </c>
      <c r="O42243" t="s">
        <v>85</v>
      </c>
      <c r="P42243" t="s">
        <v>86</v>
      </c>
      <c r="Q42243">
        <v>2</v>
      </c>
      <c r="R42243">
        <v>2</v>
      </c>
      <c r="S42243">
        <v>2</v>
      </c>
      <c r="T42243">
        <v>2</v>
      </c>
      <c r="U42243">
        <v>2</v>
      </c>
      <c r="V42243">
        <v>2</v>
      </c>
      <c r="W42243">
        <v>2</v>
      </c>
      <c r="X42243">
        <v>2</v>
      </c>
      <c r="Y42243">
        <v>2</v>
      </c>
      <c r="Z42243">
        <v>2</v>
      </c>
      <c r="AA42243">
        <v>2</v>
      </c>
      <c r="AB42243">
        <v>2</v>
      </c>
      <c r="AC42243">
        <v>2</v>
      </c>
      <c r="AD42243">
        <v>2</v>
      </c>
      <c r="AE42243">
        <v>2</v>
      </c>
      <c r="AF42243">
        <v>2</v>
      </c>
      <c r="AG42243">
        <v>2</v>
      </c>
      <c r="AH42243">
        <v>2</v>
      </c>
      <c r="AI42243">
        <v>2</v>
      </c>
      <c r="AJ42243">
        <v>2</v>
      </c>
      <c r="AK42243">
        <v>2</v>
      </c>
      <c r="AL42243">
        <v>2</v>
      </c>
      <c r="AM42243">
        <v>2</v>
      </c>
      <c r="AN42243">
        <v>2</v>
      </c>
      <c r="AO42243">
        <v>2</v>
      </c>
      <c r="AP42243">
        <v>2</v>
      </c>
      <c r="AQ42243">
        <v>2</v>
      </c>
    </row>
    <row r="42244" spans="1:43">
      <c r="A42244" t="s">
        <v>25935</v>
      </c>
      <c r="B42244" t="s">
        <v>25936</v>
      </c>
      <c r="C42244" t="s">
        <v>12404</v>
      </c>
      <c r="D42244" t="s">
        <v>12405</v>
      </c>
      <c r="E42244" t="s">
        <v>12188</v>
      </c>
      <c r="F42244" t="s">
        <v>12189</v>
      </c>
      <c r="G42244" t="s">
        <v>10450</v>
      </c>
      <c r="H42244" t="s">
        <v>10451</v>
      </c>
      <c r="I42244" s="2">
        <v>1</v>
      </c>
      <c r="J42244" s="2">
        <v>0</v>
      </c>
      <c r="K42244" s="2">
        <v>0</v>
      </c>
      <c r="L42244" t="s">
        <v>120</v>
      </c>
      <c r="M42244" t="s">
        <v>89</v>
      </c>
      <c r="N42244" t="s">
        <v>90</v>
      </c>
      <c r="O42244" t="s">
        <v>85</v>
      </c>
      <c r="P42244" t="s">
        <v>86</v>
      </c>
      <c r="Q42244">
        <v>2</v>
      </c>
      <c r="R42244">
        <v>2</v>
      </c>
      <c r="S42244">
        <v>2</v>
      </c>
      <c r="T42244">
        <v>2</v>
      </c>
      <c r="U42244">
        <v>2</v>
      </c>
      <c r="V42244">
        <v>2</v>
      </c>
      <c r="W42244">
        <v>2</v>
      </c>
      <c r="X42244">
        <v>2</v>
      </c>
      <c r="Y42244">
        <v>2</v>
      </c>
      <c r="Z42244">
        <v>2</v>
      </c>
      <c r="AA42244">
        <v>2</v>
      </c>
      <c r="AB42244">
        <v>2</v>
      </c>
      <c r="AC42244">
        <v>2</v>
      </c>
      <c r="AD42244">
        <v>2</v>
      </c>
      <c r="AE42244">
        <v>2</v>
      </c>
      <c r="AF42244">
        <v>3</v>
      </c>
      <c r="AG42244">
        <v>3</v>
      </c>
      <c r="AH42244">
        <v>3</v>
      </c>
      <c r="AI42244">
        <v>3</v>
      </c>
      <c r="AJ42244">
        <v>3</v>
      </c>
      <c r="AK42244">
        <v>3</v>
      </c>
      <c r="AL42244">
        <v>3</v>
      </c>
      <c r="AM42244">
        <v>3</v>
      </c>
      <c r="AN42244">
        <v>3</v>
      </c>
      <c r="AO42244">
        <v>3</v>
      </c>
      <c r="AP42244">
        <v>3</v>
      </c>
      <c r="AQ42244">
        <v>3</v>
      </c>
    </row>
    <row r="42245" spans="1:43">
      <c r="A42245" t="s">
        <v>25935</v>
      </c>
      <c r="B42245" t="s">
        <v>25936</v>
      </c>
      <c r="C42245" t="s">
        <v>12404</v>
      </c>
      <c r="D42245" t="s">
        <v>12405</v>
      </c>
      <c r="E42245" t="s">
        <v>12188</v>
      </c>
      <c r="F42245" t="s">
        <v>12189</v>
      </c>
      <c r="G42245" t="s">
        <v>10450</v>
      </c>
      <c r="H42245" t="s">
        <v>10451</v>
      </c>
      <c r="I42245" s="2">
        <v>1</v>
      </c>
      <c r="J42245" s="2">
        <v>0</v>
      </c>
      <c r="K42245" s="2">
        <v>0</v>
      </c>
      <c r="L42245" t="s">
        <v>120</v>
      </c>
      <c r="M42245" t="s">
        <v>83</v>
      </c>
      <c r="N42245" t="s">
        <v>91</v>
      </c>
      <c r="O42245" t="s">
        <v>85</v>
      </c>
      <c r="P42245" t="s">
        <v>86</v>
      </c>
      <c r="Q42245">
        <v>2</v>
      </c>
      <c r="R42245">
        <v>2</v>
      </c>
      <c r="S42245">
        <v>2</v>
      </c>
      <c r="T42245">
        <v>2</v>
      </c>
      <c r="U42245">
        <v>2</v>
      </c>
      <c r="V42245">
        <v>2</v>
      </c>
      <c r="W42245">
        <v>2</v>
      </c>
      <c r="X42245">
        <v>2</v>
      </c>
      <c r="Y42245">
        <v>2</v>
      </c>
      <c r="Z42245">
        <v>2</v>
      </c>
      <c r="AA42245">
        <v>2</v>
      </c>
      <c r="AB42245">
        <v>2</v>
      </c>
      <c r="AC42245">
        <v>2</v>
      </c>
      <c r="AD42245">
        <v>2</v>
      </c>
      <c r="AE42245">
        <v>2</v>
      </c>
      <c r="AF42245">
        <v>2</v>
      </c>
      <c r="AG42245">
        <v>2</v>
      </c>
      <c r="AH42245">
        <v>2</v>
      </c>
      <c r="AI42245">
        <v>2</v>
      </c>
      <c r="AJ42245">
        <v>3</v>
      </c>
      <c r="AK42245">
        <v>3</v>
      </c>
      <c r="AL42245">
        <v>3</v>
      </c>
      <c r="AM42245">
        <v>3</v>
      </c>
      <c r="AN42245">
        <v>3</v>
      </c>
      <c r="AO42245">
        <v>3</v>
      </c>
      <c r="AP42245">
        <v>3</v>
      </c>
      <c r="AQ42245">
        <v>3</v>
      </c>
    </row>
    <row r="42246" spans="1:43">
      <c r="A42246" t="s">
        <v>25937</v>
      </c>
      <c r="B42246" t="s">
        <v>25938</v>
      </c>
      <c r="C42246" t="s">
        <v>12262</v>
      </c>
      <c r="D42246" t="s">
        <v>12263</v>
      </c>
      <c r="E42246" t="s">
        <v>12188</v>
      </c>
      <c r="F42246" t="s">
        <v>12189</v>
      </c>
      <c r="G42246" t="s">
        <v>10450</v>
      </c>
      <c r="H42246" t="s">
        <v>10451</v>
      </c>
      <c r="I42246" s="2">
        <v>1</v>
      </c>
      <c r="J42246" s="2">
        <v>0</v>
      </c>
      <c r="K42246" s="2">
        <v>0</v>
      </c>
      <c r="L42246" t="s">
        <v>120</v>
      </c>
      <c r="M42246" t="s">
        <v>83</v>
      </c>
      <c r="N42246" t="s">
        <v>84</v>
      </c>
      <c r="O42246" t="s">
        <v>85</v>
      </c>
      <c r="P42246" t="s">
        <v>86</v>
      </c>
      <c r="Q42246">
        <v>1</v>
      </c>
      <c r="R42246">
        <v>1</v>
      </c>
      <c r="S42246">
        <v>1</v>
      </c>
      <c r="T42246">
        <v>1</v>
      </c>
      <c r="U42246">
        <v>1</v>
      </c>
      <c r="V42246">
        <v>1</v>
      </c>
      <c r="W42246">
        <v>1</v>
      </c>
      <c r="X42246">
        <v>1</v>
      </c>
      <c r="Y42246">
        <v>1</v>
      </c>
      <c r="Z42246">
        <v>1</v>
      </c>
      <c r="AA42246">
        <v>1</v>
      </c>
      <c r="AB42246">
        <v>1</v>
      </c>
      <c r="AC42246">
        <v>1</v>
      </c>
      <c r="AD42246">
        <v>1</v>
      </c>
      <c r="AE42246">
        <v>1</v>
      </c>
      <c r="AF42246">
        <v>1</v>
      </c>
      <c r="AG42246">
        <v>1</v>
      </c>
      <c r="AH42246">
        <v>1</v>
      </c>
      <c r="AI42246">
        <v>2</v>
      </c>
      <c r="AJ42246">
        <v>2</v>
      </c>
      <c r="AK42246">
        <v>2</v>
      </c>
      <c r="AL42246">
        <v>2</v>
      </c>
      <c r="AM42246">
        <v>2</v>
      </c>
      <c r="AN42246">
        <v>2</v>
      </c>
      <c r="AO42246">
        <v>2</v>
      </c>
      <c r="AP42246">
        <v>2</v>
      </c>
      <c r="AQ42246">
        <v>2</v>
      </c>
    </row>
    <row r="42247" spans="1:43">
      <c r="A42247" t="s">
        <v>25937</v>
      </c>
      <c r="B42247" t="s">
        <v>25938</v>
      </c>
      <c r="C42247" t="s">
        <v>12262</v>
      </c>
      <c r="D42247" t="s">
        <v>12263</v>
      </c>
      <c r="E42247" t="s">
        <v>12188</v>
      </c>
      <c r="F42247" t="s">
        <v>12189</v>
      </c>
      <c r="G42247" t="s">
        <v>10450</v>
      </c>
      <c r="H42247" t="s">
        <v>10451</v>
      </c>
      <c r="I42247" s="2">
        <v>1</v>
      </c>
      <c r="J42247" s="2">
        <v>0</v>
      </c>
      <c r="K42247" s="2">
        <v>0</v>
      </c>
      <c r="L42247" t="s">
        <v>120</v>
      </c>
      <c r="M42247" t="s">
        <v>87</v>
      </c>
      <c r="N42247" t="s">
        <v>88</v>
      </c>
      <c r="O42247" t="s">
        <v>85</v>
      </c>
      <c r="P42247" t="s">
        <v>86</v>
      </c>
      <c r="Q42247">
        <v>1</v>
      </c>
      <c r="R42247">
        <v>1</v>
      </c>
      <c r="S42247">
        <v>1</v>
      </c>
      <c r="T42247">
        <v>1</v>
      </c>
      <c r="U42247">
        <v>1</v>
      </c>
      <c r="V42247">
        <v>1</v>
      </c>
      <c r="W42247">
        <v>1</v>
      </c>
      <c r="X42247">
        <v>1</v>
      </c>
      <c r="Y42247">
        <v>1</v>
      </c>
      <c r="Z42247">
        <v>1</v>
      </c>
      <c r="AA42247">
        <v>1</v>
      </c>
      <c r="AB42247">
        <v>1</v>
      </c>
      <c r="AC42247">
        <v>1</v>
      </c>
      <c r="AD42247">
        <v>1</v>
      </c>
      <c r="AE42247">
        <v>1</v>
      </c>
      <c r="AF42247">
        <v>1</v>
      </c>
      <c r="AG42247">
        <v>1</v>
      </c>
      <c r="AH42247">
        <v>1</v>
      </c>
      <c r="AI42247">
        <v>1</v>
      </c>
      <c r="AJ42247">
        <v>1</v>
      </c>
      <c r="AK42247">
        <v>1</v>
      </c>
      <c r="AL42247">
        <v>1</v>
      </c>
      <c r="AM42247">
        <v>1</v>
      </c>
      <c r="AN42247">
        <v>1</v>
      </c>
      <c r="AO42247">
        <v>1</v>
      </c>
      <c r="AP42247">
        <v>1</v>
      </c>
      <c r="AQ42247">
        <v>1</v>
      </c>
    </row>
    <row r="42248" spans="1:43">
      <c r="A42248" t="s">
        <v>25937</v>
      </c>
      <c r="B42248" t="s">
        <v>25938</v>
      </c>
      <c r="C42248" t="s">
        <v>12262</v>
      </c>
      <c r="D42248" t="s">
        <v>12263</v>
      </c>
      <c r="E42248" t="s">
        <v>12188</v>
      </c>
      <c r="F42248" t="s">
        <v>12189</v>
      </c>
      <c r="G42248" t="s">
        <v>10450</v>
      </c>
      <c r="H42248" t="s">
        <v>10451</v>
      </c>
      <c r="I42248" s="2">
        <v>1</v>
      </c>
      <c r="J42248" s="2">
        <v>0</v>
      </c>
      <c r="K42248" s="2">
        <v>0</v>
      </c>
      <c r="L42248" t="s">
        <v>120</v>
      </c>
      <c r="M42248" t="s">
        <v>89</v>
      </c>
      <c r="N42248" t="s">
        <v>90</v>
      </c>
      <c r="O42248" t="s">
        <v>85</v>
      </c>
      <c r="P42248" t="s">
        <v>86</v>
      </c>
      <c r="Q42248">
        <v>1</v>
      </c>
      <c r="R42248">
        <v>1</v>
      </c>
      <c r="S42248">
        <v>1</v>
      </c>
      <c r="T42248">
        <v>1</v>
      </c>
      <c r="U42248">
        <v>1</v>
      </c>
      <c r="V42248">
        <v>1</v>
      </c>
      <c r="W42248">
        <v>1</v>
      </c>
      <c r="X42248">
        <v>1</v>
      </c>
      <c r="Y42248">
        <v>1</v>
      </c>
      <c r="Z42248">
        <v>1</v>
      </c>
      <c r="AA42248">
        <v>1</v>
      </c>
      <c r="AB42248">
        <v>1</v>
      </c>
      <c r="AC42248">
        <v>1</v>
      </c>
      <c r="AD42248">
        <v>1</v>
      </c>
      <c r="AE42248">
        <v>2</v>
      </c>
      <c r="AF42248">
        <v>2</v>
      </c>
      <c r="AG42248">
        <v>2</v>
      </c>
      <c r="AH42248">
        <v>2</v>
      </c>
      <c r="AI42248">
        <v>2</v>
      </c>
      <c r="AJ42248">
        <v>2</v>
      </c>
      <c r="AK42248">
        <v>2</v>
      </c>
      <c r="AL42248">
        <v>2</v>
      </c>
      <c r="AM42248">
        <v>2</v>
      </c>
      <c r="AN42248">
        <v>2</v>
      </c>
      <c r="AO42248">
        <v>2</v>
      </c>
      <c r="AP42248">
        <v>2</v>
      </c>
      <c r="AQ42248">
        <v>2</v>
      </c>
    </row>
    <row r="42249" spans="1:43">
      <c r="A42249" t="s">
        <v>25937</v>
      </c>
      <c r="B42249" t="s">
        <v>25938</v>
      </c>
      <c r="C42249" t="s">
        <v>12262</v>
      </c>
      <c r="D42249" t="s">
        <v>12263</v>
      </c>
      <c r="E42249" t="s">
        <v>12188</v>
      </c>
      <c r="F42249" t="s">
        <v>12189</v>
      </c>
      <c r="G42249" t="s">
        <v>10450</v>
      </c>
      <c r="H42249" t="s">
        <v>10451</v>
      </c>
      <c r="I42249" s="2">
        <v>1</v>
      </c>
      <c r="J42249" s="2">
        <v>0</v>
      </c>
      <c r="K42249" s="2">
        <v>0</v>
      </c>
      <c r="L42249" t="s">
        <v>120</v>
      </c>
      <c r="M42249" t="s">
        <v>83</v>
      </c>
      <c r="N42249" t="s">
        <v>91</v>
      </c>
      <c r="O42249" t="s">
        <v>85</v>
      </c>
      <c r="P42249" t="s">
        <v>86</v>
      </c>
      <c r="Q42249">
        <v>1</v>
      </c>
      <c r="R42249">
        <v>1</v>
      </c>
      <c r="S42249">
        <v>1</v>
      </c>
      <c r="T42249">
        <v>1</v>
      </c>
      <c r="U42249">
        <v>1</v>
      </c>
      <c r="V42249">
        <v>1</v>
      </c>
      <c r="W42249">
        <v>1</v>
      </c>
      <c r="X42249">
        <v>1</v>
      </c>
      <c r="Y42249">
        <v>1</v>
      </c>
      <c r="Z42249">
        <v>1</v>
      </c>
      <c r="AA42249">
        <v>1</v>
      </c>
      <c r="AB42249">
        <v>1</v>
      </c>
      <c r="AC42249">
        <v>1</v>
      </c>
      <c r="AD42249">
        <v>1</v>
      </c>
      <c r="AE42249">
        <v>1</v>
      </c>
      <c r="AF42249">
        <v>1</v>
      </c>
      <c r="AG42249">
        <v>1</v>
      </c>
      <c r="AH42249">
        <v>1</v>
      </c>
      <c r="AI42249">
        <v>2</v>
      </c>
      <c r="AJ42249">
        <v>2</v>
      </c>
      <c r="AK42249">
        <v>2</v>
      </c>
      <c r="AL42249">
        <v>2</v>
      </c>
      <c r="AM42249">
        <v>2</v>
      </c>
      <c r="AN42249">
        <v>2</v>
      </c>
      <c r="AO42249">
        <v>2</v>
      </c>
      <c r="AP42249">
        <v>2</v>
      </c>
      <c r="AQ42249">
        <v>2</v>
      </c>
    </row>
    <row r="42250" spans="1:43">
      <c r="A42250" t="s">
        <v>25939</v>
      </c>
      <c r="B42250" t="s">
        <v>25940</v>
      </c>
      <c r="C42250" t="s">
        <v>12262</v>
      </c>
      <c r="D42250" t="s">
        <v>12263</v>
      </c>
      <c r="E42250" t="s">
        <v>12188</v>
      </c>
      <c r="F42250" t="s">
        <v>12189</v>
      </c>
      <c r="G42250" t="s">
        <v>10450</v>
      </c>
      <c r="H42250" t="s">
        <v>10451</v>
      </c>
      <c r="I42250" s="2">
        <v>1</v>
      </c>
      <c r="J42250" s="2">
        <v>0</v>
      </c>
      <c r="K42250" s="2">
        <v>0</v>
      </c>
      <c r="L42250" t="s">
        <v>120</v>
      </c>
      <c r="M42250" t="s">
        <v>83</v>
      </c>
      <c r="N42250" t="s">
        <v>84</v>
      </c>
      <c r="O42250" t="s">
        <v>85</v>
      </c>
      <c r="P42250" t="s">
        <v>86</v>
      </c>
      <c r="Q42250">
        <v>5</v>
      </c>
      <c r="R42250">
        <v>5</v>
      </c>
      <c r="S42250">
        <v>5</v>
      </c>
      <c r="T42250">
        <v>6</v>
      </c>
      <c r="U42250">
        <v>6</v>
      </c>
      <c r="V42250">
        <v>6</v>
      </c>
      <c r="W42250">
        <v>6</v>
      </c>
      <c r="X42250">
        <v>6</v>
      </c>
      <c r="Y42250">
        <v>6</v>
      </c>
      <c r="Z42250">
        <v>6</v>
      </c>
      <c r="AA42250">
        <v>6</v>
      </c>
      <c r="AB42250">
        <v>6</v>
      </c>
      <c r="AC42250">
        <v>6</v>
      </c>
      <c r="AD42250">
        <v>7</v>
      </c>
      <c r="AE42250">
        <v>7</v>
      </c>
      <c r="AF42250">
        <v>7</v>
      </c>
      <c r="AG42250">
        <v>7</v>
      </c>
      <c r="AH42250">
        <v>7</v>
      </c>
      <c r="AI42250">
        <v>7</v>
      </c>
      <c r="AJ42250">
        <v>7</v>
      </c>
      <c r="AK42250">
        <v>7</v>
      </c>
      <c r="AL42250">
        <v>7</v>
      </c>
      <c r="AM42250">
        <v>7</v>
      </c>
      <c r="AN42250">
        <v>8</v>
      </c>
      <c r="AO42250">
        <v>8</v>
      </c>
      <c r="AP42250">
        <v>8</v>
      </c>
      <c r="AQ42250">
        <v>8</v>
      </c>
    </row>
    <row r="42251" spans="1:43">
      <c r="A42251" t="s">
        <v>25939</v>
      </c>
      <c r="B42251" t="s">
        <v>25940</v>
      </c>
      <c r="C42251" t="s">
        <v>12262</v>
      </c>
      <c r="D42251" t="s">
        <v>12263</v>
      </c>
      <c r="E42251" t="s">
        <v>12188</v>
      </c>
      <c r="F42251" t="s">
        <v>12189</v>
      </c>
      <c r="G42251" t="s">
        <v>10450</v>
      </c>
      <c r="H42251" t="s">
        <v>10451</v>
      </c>
      <c r="I42251" s="2">
        <v>1</v>
      </c>
      <c r="J42251" s="2">
        <v>0</v>
      </c>
      <c r="K42251" s="2">
        <v>0</v>
      </c>
      <c r="L42251" t="s">
        <v>120</v>
      </c>
      <c r="M42251" t="s">
        <v>87</v>
      </c>
      <c r="N42251" t="s">
        <v>88</v>
      </c>
      <c r="O42251" t="s">
        <v>85</v>
      </c>
      <c r="P42251" t="s">
        <v>86</v>
      </c>
      <c r="Q42251">
        <v>5</v>
      </c>
      <c r="R42251">
        <v>5</v>
      </c>
      <c r="S42251">
        <v>5</v>
      </c>
      <c r="T42251">
        <v>5</v>
      </c>
      <c r="U42251">
        <v>5</v>
      </c>
      <c r="V42251">
        <v>5</v>
      </c>
      <c r="W42251">
        <v>5</v>
      </c>
      <c r="X42251">
        <v>6</v>
      </c>
      <c r="Y42251">
        <v>6</v>
      </c>
      <c r="Z42251">
        <v>6</v>
      </c>
      <c r="AA42251">
        <v>6</v>
      </c>
      <c r="AB42251">
        <v>6</v>
      </c>
      <c r="AC42251">
        <v>6</v>
      </c>
      <c r="AD42251">
        <v>6</v>
      </c>
      <c r="AE42251">
        <v>6</v>
      </c>
      <c r="AF42251">
        <v>6</v>
      </c>
      <c r="AG42251">
        <v>6</v>
      </c>
      <c r="AH42251">
        <v>6</v>
      </c>
      <c r="AI42251">
        <v>6</v>
      </c>
      <c r="AJ42251">
        <v>6</v>
      </c>
      <c r="AK42251">
        <v>6</v>
      </c>
      <c r="AL42251">
        <v>6</v>
      </c>
      <c r="AM42251">
        <v>6</v>
      </c>
      <c r="AN42251">
        <v>6</v>
      </c>
      <c r="AO42251">
        <v>7</v>
      </c>
      <c r="AP42251">
        <v>7</v>
      </c>
      <c r="AQ42251">
        <v>7</v>
      </c>
    </row>
    <row r="42252" spans="1:43">
      <c r="A42252" t="s">
        <v>25939</v>
      </c>
      <c r="B42252" t="s">
        <v>25940</v>
      </c>
      <c r="C42252" t="s">
        <v>12262</v>
      </c>
      <c r="D42252" t="s">
        <v>12263</v>
      </c>
      <c r="E42252" t="s">
        <v>12188</v>
      </c>
      <c r="F42252" t="s">
        <v>12189</v>
      </c>
      <c r="G42252" t="s">
        <v>10450</v>
      </c>
      <c r="H42252" t="s">
        <v>10451</v>
      </c>
      <c r="I42252" s="2">
        <v>1</v>
      </c>
      <c r="J42252" s="2">
        <v>0</v>
      </c>
      <c r="K42252" s="2">
        <v>0</v>
      </c>
      <c r="L42252" t="s">
        <v>120</v>
      </c>
      <c r="M42252" t="s">
        <v>89</v>
      </c>
      <c r="N42252" t="s">
        <v>90</v>
      </c>
      <c r="O42252" t="s">
        <v>85</v>
      </c>
      <c r="P42252" t="s">
        <v>86</v>
      </c>
      <c r="Q42252">
        <v>5</v>
      </c>
      <c r="R42252">
        <v>5</v>
      </c>
      <c r="S42252">
        <v>6</v>
      </c>
      <c r="T42252">
        <v>6</v>
      </c>
      <c r="U42252">
        <v>6</v>
      </c>
      <c r="V42252">
        <v>6</v>
      </c>
      <c r="W42252">
        <v>6</v>
      </c>
      <c r="X42252">
        <v>6</v>
      </c>
      <c r="Y42252">
        <v>6</v>
      </c>
      <c r="Z42252">
        <v>7</v>
      </c>
      <c r="AA42252">
        <v>7</v>
      </c>
      <c r="AB42252">
        <v>7</v>
      </c>
      <c r="AC42252">
        <v>7</v>
      </c>
      <c r="AD42252">
        <v>7</v>
      </c>
      <c r="AE42252">
        <v>7</v>
      </c>
      <c r="AF42252">
        <v>7</v>
      </c>
      <c r="AG42252">
        <v>7</v>
      </c>
      <c r="AH42252">
        <v>7</v>
      </c>
      <c r="AI42252">
        <v>7</v>
      </c>
      <c r="AJ42252">
        <v>7</v>
      </c>
      <c r="AK42252">
        <v>7</v>
      </c>
      <c r="AL42252">
        <v>7</v>
      </c>
      <c r="AM42252">
        <v>8</v>
      </c>
      <c r="AN42252">
        <v>8</v>
      </c>
      <c r="AO42252">
        <v>8</v>
      </c>
      <c r="AP42252">
        <v>8</v>
      </c>
      <c r="AQ42252">
        <v>8</v>
      </c>
    </row>
    <row r="42253" spans="1:43">
      <c r="A42253" t="s">
        <v>25939</v>
      </c>
      <c r="B42253" t="s">
        <v>25940</v>
      </c>
      <c r="C42253" t="s">
        <v>12262</v>
      </c>
      <c r="D42253" t="s">
        <v>12263</v>
      </c>
      <c r="E42253" t="s">
        <v>12188</v>
      </c>
      <c r="F42253" t="s">
        <v>12189</v>
      </c>
      <c r="G42253" t="s">
        <v>10450</v>
      </c>
      <c r="H42253" t="s">
        <v>10451</v>
      </c>
      <c r="I42253" s="2">
        <v>1</v>
      </c>
      <c r="J42253" s="2">
        <v>0</v>
      </c>
      <c r="K42253" s="2">
        <v>0</v>
      </c>
      <c r="L42253" t="s">
        <v>120</v>
      </c>
      <c r="M42253" t="s">
        <v>83</v>
      </c>
      <c r="N42253" t="s">
        <v>91</v>
      </c>
      <c r="O42253" t="s">
        <v>85</v>
      </c>
      <c r="P42253" t="s">
        <v>86</v>
      </c>
      <c r="Q42253">
        <v>5</v>
      </c>
      <c r="R42253">
        <v>5</v>
      </c>
      <c r="S42253">
        <v>5</v>
      </c>
      <c r="T42253">
        <v>6</v>
      </c>
      <c r="U42253">
        <v>6</v>
      </c>
      <c r="V42253">
        <v>6</v>
      </c>
      <c r="W42253">
        <v>6</v>
      </c>
      <c r="X42253">
        <v>6</v>
      </c>
      <c r="Y42253">
        <v>6</v>
      </c>
      <c r="Z42253">
        <v>6</v>
      </c>
      <c r="AA42253">
        <v>6</v>
      </c>
      <c r="AB42253">
        <v>6</v>
      </c>
      <c r="AC42253">
        <v>6</v>
      </c>
      <c r="AD42253">
        <v>7</v>
      </c>
      <c r="AE42253">
        <v>7</v>
      </c>
      <c r="AF42253">
        <v>7</v>
      </c>
      <c r="AG42253">
        <v>7</v>
      </c>
      <c r="AH42253">
        <v>7</v>
      </c>
      <c r="AI42253">
        <v>7</v>
      </c>
      <c r="AJ42253">
        <v>7</v>
      </c>
      <c r="AK42253">
        <v>7</v>
      </c>
      <c r="AL42253">
        <v>7</v>
      </c>
      <c r="AM42253">
        <v>7</v>
      </c>
      <c r="AN42253">
        <v>8</v>
      </c>
      <c r="AO42253">
        <v>8</v>
      </c>
      <c r="AP42253">
        <v>8</v>
      </c>
      <c r="AQ42253">
        <v>8</v>
      </c>
    </row>
    <row r="42254" spans="1:43">
      <c r="A42254" t="s">
        <v>25941</v>
      </c>
      <c r="B42254" t="s">
        <v>25942</v>
      </c>
      <c r="C42254" t="s">
        <v>12262</v>
      </c>
      <c r="D42254" t="s">
        <v>12263</v>
      </c>
      <c r="E42254" t="s">
        <v>12188</v>
      </c>
      <c r="F42254" t="s">
        <v>12189</v>
      </c>
      <c r="G42254" t="s">
        <v>10450</v>
      </c>
      <c r="H42254" t="s">
        <v>10451</v>
      </c>
      <c r="I42254" s="2">
        <v>1</v>
      </c>
      <c r="J42254" s="2">
        <v>0</v>
      </c>
      <c r="K42254" s="2">
        <v>0</v>
      </c>
      <c r="L42254" t="s">
        <v>120</v>
      </c>
      <c r="M42254" t="s">
        <v>83</v>
      </c>
      <c r="N42254" t="s">
        <v>84</v>
      </c>
      <c r="O42254" t="s">
        <v>85</v>
      </c>
      <c r="P42254" t="s">
        <v>86</v>
      </c>
      <c r="Q42254">
        <v>32</v>
      </c>
      <c r="R42254">
        <v>32</v>
      </c>
      <c r="S42254">
        <v>33</v>
      </c>
      <c r="T42254">
        <v>34</v>
      </c>
      <c r="U42254">
        <v>34</v>
      </c>
      <c r="V42254">
        <v>35</v>
      </c>
      <c r="W42254">
        <v>36</v>
      </c>
      <c r="X42254">
        <v>36</v>
      </c>
      <c r="Y42254">
        <v>37</v>
      </c>
      <c r="Z42254">
        <v>37</v>
      </c>
      <c r="AA42254">
        <v>38</v>
      </c>
      <c r="AB42254">
        <v>39</v>
      </c>
      <c r="AC42254">
        <v>39</v>
      </c>
      <c r="AD42254">
        <v>40</v>
      </c>
      <c r="AE42254">
        <v>41</v>
      </c>
      <c r="AF42254">
        <v>41</v>
      </c>
      <c r="AG42254">
        <v>42</v>
      </c>
      <c r="AH42254">
        <v>43</v>
      </c>
      <c r="AI42254">
        <v>43</v>
      </c>
      <c r="AJ42254">
        <v>44</v>
      </c>
      <c r="AK42254">
        <v>45</v>
      </c>
      <c r="AL42254">
        <v>45</v>
      </c>
      <c r="AM42254">
        <v>45</v>
      </c>
      <c r="AN42254">
        <v>46</v>
      </c>
      <c r="AO42254">
        <v>46</v>
      </c>
      <c r="AP42254">
        <v>46</v>
      </c>
      <c r="AQ42254">
        <v>47</v>
      </c>
    </row>
    <row r="42255" spans="1:43">
      <c r="A42255" t="s">
        <v>25941</v>
      </c>
      <c r="B42255" t="s">
        <v>25942</v>
      </c>
      <c r="C42255" t="s">
        <v>12262</v>
      </c>
      <c r="D42255" t="s">
        <v>12263</v>
      </c>
      <c r="E42255" t="s">
        <v>12188</v>
      </c>
      <c r="F42255" t="s">
        <v>12189</v>
      </c>
      <c r="G42255" t="s">
        <v>10450</v>
      </c>
      <c r="H42255" t="s">
        <v>10451</v>
      </c>
      <c r="I42255" s="2">
        <v>1</v>
      </c>
      <c r="J42255" s="2">
        <v>0</v>
      </c>
      <c r="K42255" s="2">
        <v>0</v>
      </c>
      <c r="L42255" t="s">
        <v>120</v>
      </c>
      <c r="M42255" t="s">
        <v>87</v>
      </c>
      <c r="N42255" t="s">
        <v>88</v>
      </c>
      <c r="O42255" t="s">
        <v>85</v>
      </c>
      <c r="P42255" t="s">
        <v>86</v>
      </c>
      <c r="Q42255">
        <v>32</v>
      </c>
      <c r="R42255">
        <v>32</v>
      </c>
      <c r="S42255">
        <v>32</v>
      </c>
      <c r="T42255">
        <v>32</v>
      </c>
      <c r="U42255">
        <v>33</v>
      </c>
      <c r="V42255">
        <v>33</v>
      </c>
      <c r="W42255">
        <v>33</v>
      </c>
      <c r="X42255">
        <v>34</v>
      </c>
      <c r="Y42255">
        <v>34</v>
      </c>
      <c r="Z42255">
        <v>34</v>
      </c>
      <c r="AA42255">
        <v>35</v>
      </c>
      <c r="AB42255">
        <v>35</v>
      </c>
      <c r="AC42255">
        <v>35</v>
      </c>
      <c r="AD42255">
        <v>36</v>
      </c>
      <c r="AE42255">
        <v>36</v>
      </c>
      <c r="AF42255">
        <v>36</v>
      </c>
      <c r="AG42255">
        <v>37</v>
      </c>
      <c r="AH42255">
        <v>37</v>
      </c>
      <c r="AI42255">
        <v>37</v>
      </c>
      <c r="AJ42255">
        <v>38</v>
      </c>
      <c r="AK42255">
        <v>38</v>
      </c>
      <c r="AL42255">
        <v>38</v>
      </c>
      <c r="AM42255">
        <v>39</v>
      </c>
      <c r="AN42255">
        <v>39</v>
      </c>
      <c r="AO42255">
        <v>40</v>
      </c>
      <c r="AP42255">
        <v>40</v>
      </c>
      <c r="AQ42255">
        <v>40</v>
      </c>
    </row>
    <row r="42256" spans="1:43">
      <c r="A42256" t="s">
        <v>25941</v>
      </c>
      <c r="B42256" t="s">
        <v>25942</v>
      </c>
      <c r="C42256" t="s">
        <v>12262</v>
      </c>
      <c r="D42256" t="s">
        <v>12263</v>
      </c>
      <c r="E42256" t="s">
        <v>12188</v>
      </c>
      <c r="F42256" t="s">
        <v>12189</v>
      </c>
      <c r="G42256" t="s">
        <v>10450</v>
      </c>
      <c r="H42256" t="s">
        <v>10451</v>
      </c>
      <c r="I42256" s="2">
        <v>1</v>
      </c>
      <c r="J42256" s="2">
        <v>0</v>
      </c>
      <c r="K42256" s="2">
        <v>0</v>
      </c>
      <c r="L42256" t="s">
        <v>120</v>
      </c>
      <c r="M42256" t="s">
        <v>89</v>
      </c>
      <c r="N42256" t="s">
        <v>90</v>
      </c>
      <c r="O42256" t="s">
        <v>85</v>
      </c>
      <c r="P42256" t="s">
        <v>86</v>
      </c>
      <c r="Q42256">
        <v>32</v>
      </c>
      <c r="R42256">
        <v>33</v>
      </c>
      <c r="S42256">
        <v>34</v>
      </c>
      <c r="T42256">
        <v>35</v>
      </c>
      <c r="U42256">
        <v>36</v>
      </c>
      <c r="V42256">
        <v>36</v>
      </c>
      <c r="W42256">
        <v>37</v>
      </c>
      <c r="X42256">
        <v>38</v>
      </c>
      <c r="Y42256">
        <v>39</v>
      </c>
      <c r="Z42256">
        <v>40</v>
      </c>
      <c r="AA42256">
        <v>41</v>
      </c>
      <c r="AB42256">
        <v>41</v>
      </c>
      <c r="AC42256">
        <v>42</v>
      </c>
      <c r="AD42256">
        <v>43</v>
      </c>
      <c r="AE42256">
        <v>44</v>
      </c>
      <c r="AF42256">
        <v>44</v>
      </c>
      <c r="AG42256">
        <v>44</v>
      </c>
      <c r="AH42256">
        <v>44</v>
      </c>
      <c r="AI42256">
        <v>45</v>
      </c>
      <c r="AJ42256">
        <v>45</v>
      </c>
      <c r="AK42256">
        <v>45</v>
      </c>
      <c r="AL42256">
        <v>46</v>
      </c>
      <c r="AM42256">
        <v>46</v>
      </c>
      <c r="AN42256">
        <v>46</v>
      </c>
      <c r="AO42256">
        <v>46</v>
      </c>
      <c r="AP42256">
        <v>47</v>
      </c>
      <c r="AQ42256">
        <v>47</v>
      </c>
    </row>
    <row r="42257" spans="1:43">
      <c r="A42257" t="s">
        <v>25941</v>
      </c>
      <c r="B42257" t="s">
        <v>25942</v>
      </c>
      <c r="C42257" t="s">
        <v>12262</v>
      </c>
      <c r="D42257" t="s">
        <v>12263</v>
      </c>
      <c r="E42257" t="s">
        <v>12188</v>
      </c>
      <c r="F42257" t="s">
        <v>12189</v>
      </c>
      <c r="G42257" t="s">
        <v>10450</v>
      </c>
      <c r="H42257" t="s">
        <v>10451</v>
      </c>
      <c r="I42257" s="2">
        <v>1</v>
      </c>
      <c r="J42257" s="2">
        <v>0</v>
      </c>
      <c r="K42257" s="2">
        <v>0</v>
      </c>
      <c r="L42257" t="s">
        <v>120</v>
      </c>
      <c r="M42257" t="s">
        <v>83</v>
      </c>
      <c r="N42257" t="s">
        <v>91</v>
      </c>
      <c r="O42257" t="s">
        <v>85</v>
      </c>
      <c r="P42257" t="s">
        <v>86</v>
      </c>
      <c r="Q42257">
        <v>32</v>
      </c>
      <c r="R42257">
        <v>32</v>
      </c>
      <c r="S42257">
        <v>33</v>
      </c>
      <c r="T42257">
        <v>34</v>
      </c>
      <c r="U42257">
        <v>34</v>
      </c>
      <c r="V42257">
        <v>35</v>
      </c>
      <c r="W42257">
        <v>36</v>
      </c>
      <c r="X42257">
        <v>36</v>
      </c>
      <c r="Y42257">
        <v>37</v>
      </c>
      <c r="Z42257">
        <v>37</v>
      </c>
      <c r="AA42257">
        <v>38</v>
      </c>
      <c r="AB42257">
        <v>39</v>
      </c>
      <c r="AC42257">
        <v>39</v>
      </c>
      <c r="AD42257">
        <v>40</v>
      </c>
      <c r="AE42257">
        <v>41</v>
      </c>
      <c r="AF42257">
        <v>41</v>
      </c>
      <c r="AG42257">
        <v>42</v>
      </c>
      <c r="AH42257">
        <v>43</v>
      </c>
      <c r="AI42257">
        <v>43</v>
      </c>
      <c r="AJ42257">
        <v>44</v>
      </c>
      <c r="AK42257">
        <v>45</v>
      </c>
      <c r="AL42257">
        <v>45</v>
      </c>
      <c r="AM42257">
        <v>45</v>
      </c>
      <c r="AN42257">
        <v>46</v>
      </c>
      <c r="AO42257">
        <v>46</v>
      </c>
      <c r="AP42257">
        <v>46</v>
      </c>
      <c r="AQ42257">
        <v>47</v>
      </c>
    </row>
    <row r="42258" spans="1:43">
      <c r="A42258" t="s">
        <v>25943</v>
      </c>
      <c r="B42258" t="s">
        <v>25944</v>
      </c>
      <c r="C42258" t="s">
        <v>12262</v>
      </c>
      <c r="D42258" t="s">
        <v>12263</v>
      </c>
      <c r="E42258" t="s">
        <v>12188</v>
      </c>
      <c r="F42258" t="s">
        <v>12189</v>
      </c>
      <c r="G42258" t="s">
        <v>10450</v>
      </c>
      <c r="H42258" t="s">
        <v>10451</v>
      </c>
      <c r="I42258" s="2">
        <v>1</v>
      </c>
      <c r="J42258" s="2">
        <v>0</v>
      </c>
      <c r="K42258" s="2">
        <v>0</v>
      </c>
      <c r="L42258" t="s">
        <v>120</v>
      </c>
      <c r="M42258" t="s">
        <v>83</v>
      </c>
      <c r="N42258" t="s">
        <v>84</v>
      </c>
      <c r="O42258" t="s">
        <v>85</v>
      </c>
      <c r="P42258" t="s">
        <v>86</v>
      </c>
      <c r="Q42258">
        <v>9</v>
      </c>
      <c r="R42258">
        <v>10</v>
      </c>
      <c r="S42258">
        <v>10</v>
      </c>
      <c r="T42258">
        <v>10</v>
      </c>
      <c r="U42258">
        <v>10</v>
      </c>
      <c r="V42258">
        <v>10</v>
      </c>
      <c r="W42258">
        <v>10</v>
      </c>
      <c r="X42258">
        <v>11</v>
      </c>
      <c r="Y42258">
        <v>11</v>
      </c>
      <c r="Z42258">
        <v>11</v>
      </c>
      <c r="AA42258">
        <v>11</v>
      </c>
      <c r="AB42258">
        <v>11</v>
      </c>
      <c r="AC42258">
        <v>12</v>
      </c>
      <c r="AD42258">
        <v>12</v>
      </c>
      <c r="AE42258">
        <v>12</v>
      </c>
      <c r="AF42258">
        <v>12</v>
      </c>
      <c r="AG42258">
        <v>12</v>
      </c>
      <c r="AH42258">
        <v>12</v>
      </c>
      <c r="AI42258">
        <v>13</v>
      </c>
      <c r="AJ42258">
        <v>13</v>
      </c>
      <c r="AK42258">
        <v>13</v>
      </c>
      <c r="AL42258">
        <v>13</v>
      </c>
      <c r="AM42258">
        <v>13</v>
      </c>
      <c r="AN42258">
        <v>13</v>
      </c>
      <c r="AO42258">
        <v>13</v>
      </c>
      <c r="AP42258">
        <v>14</v>
      </c>
      <c r="AQ42258">
        <v>14</v>
      </c>
    </row>
    <row r="42259" spans="1:43">
      <c r="A42259" t="s">
        <v>25943</v>
      </c>
      <c r="B42259" t="s">
        <v>25944</v>
      </c>
      <c r="C42259" t="s">
        <v>12262</v>
      </c>
      <c r="D42259" t="s">
        <v>12263</v>
      </c>
      <c r="E42259" t="s">
        <v>12188</v>
      </c>
      <c r="F42259" t="s">
        <v>12189</v>
      </c>
      <c r="G42259" t="s">
        <v>10450</v>
      </c>
      <c r="H42259" t="s">
        <v>10451</v>
      </c>
      <c r="I42259" s="2">
        <v>1</v>
      </c>
      <c r="J42259" s="2">
        <v>0</v>
      </c>
      <c r="K42259" s="2">
        <v>0</v>
      </c>
      <c r="L42259" t="s">
        <v>120</v>
      </c>
      <c r="M42259" t="s">
        <v>87</v>
      </c>
      <c r="N42259" t="s">
        <v>88</v>
      </c>
      <c r="O42259" t="s">
        <v>85</v>
      </c>
      <c r="P42259" t="s">
        <v>86</v>
      </c>
      <c r="Q42259">
        <v>9</v>
      </c>
      <c r="R42259">
        <v>9</v>
      </c>
      <c r="S42259">
        <v>10</v>
      </c>
      <c r="T42259">
        <v>10</v>
      </c>
      <c r="U42259">
        <v>10</v>
      </c>
      <c r="V42259">
        <v>10</v>
      </c>
      <c r="W42259">
        <v>10</v>
      </c>
      <c r="X42259">
        <v>10</v>
      </c>
      <c r="Y42259">
        <v>10</v>
      </c>
      <c r="Z42259">
        <v>10</v>
      </c>
      <c r="AA42259">
        <v>10</v>
      </c>
      <c r="AB42259">
        <v>10</v>
      </c>
      <c r="AC42259">
        <v>10</v>
      </c>
      <c r="AD42259">
        <v>10</v>
      </c>
      <c r="AE42259">
        <v>11</v>
      </c>
      <c r="AF42259">
        <v>11</v>
      </c>
      <c r="AG42259">
        <v>11</v>
      </c>
      <c r="AH42259">
        <v>11</v>
      </c>
      <c r="AI42259">
        <v>11</v>
      </c>
      <c r="AJ42259">
        <v>11</v>
      </c>
      <c r="AK42259">
        <v>11</v>
      </c>
      <c r="AL42259">
        <v>11</v>
      </c>
      <c r="AM42259">
        <v>11</v>
      </c>
      <c r="AN42259">
        <v>11</v>
      </c>
      <c r="AO42259">
        <v>12</v>
      </c>
      <c r="AP42259">
        <v>12</v>
      </c>
      <c r="AQ42259">
        <v>12</v>
      </c>
    </row>
    <row r="42260" spans="1:43">
      <c r="A42260" t="s">
        <v>25943</v>
      </c>
      <c r="B42260" t="s">
        <v>25944</v>
      </c>
      <c r="C42260" t="s">
        <v>12262</v>
      </c>
      <c r="D42260" t="s">
        <v>12263</v>
      </c>
      <c r="E42260" t="s">
        <v>12188</v>
      </c>
      <c r="F42260" t="s">
        <v>12189</v>
      </c>
      <c r="G42260" t="s">
        <v>10450</v>
      </c>
      <c r="H42260" t="s">
        <v>10451</v>
      </c>
      <c r="I42260" s="2">
        <v>1</v>
      </c>
      <c r="J42260" s="2">
        <v>0</v>
      </c>
      <c r="K42260" s="2">
        <v>0</v>
      </c>
      <c r="L42260" t="s">
        <v>120</v>
      </c>
      <c r="M42260" t="s">
        <v>89</v>
      </c>
      <c r="N42260" t="s">
        <v>90</v>
      </c>
      <c r="O42260" t="s">
        <v>85</v>
      </c>
      <c r="P42260" t="s">
        <v>86</v>
      </c>
      <c r="Q42260">
        <v>9</v>
      </c>
      <c r="R42260">
        <v>9</v>
      </c>
      <c r="S42260">
        <v>9</v>
      </c>
      <c r="T42260">
        <v>9</v>
      </c>
      <c r="U42260">
        <v>10</v>
      </c>
      <c r="V42260">
        <v>10</v>
      </c>
      <c r="W42260">
        <v>10</v>
      </c>
      <c r="X42260">
        <v>10</v>
      </c>
      <c r="Y42260">
        <v>10</v>
      </c>
      <c r="Z42260">
        <v>11</v>
      </c>
      <c r="AA42260">
        <v>11</v>
      </c>
      <c r="AB42260">
        <v>11</v>
      </c>
      <c r="AC42260">
        <v>11</v>
      </c>
      <c r="AD42260">
        <v>12</v>
      </c>
      <c r="AE42260">
        <v>12</v>
      </c>
      <c r="AF42260">
        <v>12</v>
      </c>
      <c r="AG42260">
        <v>12</v>
      </c>
      <c r="AH42260">
        <v>12</v>
      </c>
      <c r="AI42260">
        <v>12</v>
      </c>
      <c r="AJ42260">
        <v>12</v>
      </c>
      <c r="AK42260">
        <v>12</v>
      </c>
      <c r="AL42260">
        <v>12</v>
      </c>
      <c r="AM42260">
        <v>12</v>
      </c>
      <c r="AN42260">
        <v>12</v>
      </c>
      <c r="AO42260">
        <v>13</v>
      </c>
      <c r="AP42260">
        <v>13</v>
      </c>
      <c r="AQ42260">
        <v>13</v>
      </c>
    </row>
    <row r="42261" spans="1:43">
      <c r="A42261" t="s">
        <v>25943</v>
      </c>
      <c r="B42261" t="s">
        <v>25944</v>
      </c>
      <c r="C42261" t="s">
        <v>12262</v>
      </c>
      <c r="D42261" t="s">
        <v>12263</v>
      </c>
      <c r="E42261" t="s">
        <v>12188</v>
      </c>
      <c r="F42261" t="s">
        <v>12189</v>
      </c>
      <c r="G42261" t="s">
        <v>10450</v>
      </c>
      <c r="H42261" t="s">
        <v>10451</v>
      </c>
      <c r="I42261" s="2">
        <v>1</v>
      </c>
      <c r="J42261" s="2">
        <v>0</v>
      </c>
      <c r="K42261" s="2">
        <v>0</v>
      </c>
      <c r="L42261" t="s">
        <v>120</v>
      </c>
      <c r="M42261" t="s">
        <v>83</v>
      </c>
      <c r="N42261" t="s">
        <v>91</v>
      </c>
      <c r="O42261" t="s">
        <v>85</v>
      </c>
      <c r="P42261" t="s">
        <v>86</v>
      </c>
      <c r="Q42261">
        <v>9</v>
      </c>
      <c r="R42261">
        <v>10</v>
      </c>
      <c r="S42261">
        <v>10</v>
      </c>
      <c r="T42261">
        <v>10</v>
      </c>
      <c r="U42261">
        <v>10</v>
      </c>
      <c r="V42261">
        <v>10</v>
      </c>
      <c r="W42261">
        <v>10</v>
      </c>
      <c r="X42261">
        <v>11</v>
      </c>
      <c r="Y42261">
        <v>11</v>
      </c>
      <c r="Z42261">
        <v>11</v>
      </c>
      <c r="AA42261">
        <v>11</v>
      </c>
      <c r="AB42261">
        <v>11</v>
      </c>
      <c r="AC42261">
        <v>12</v>
      </c>
      <c r="AD42261">
        <v>12</v>
      </c>
      <c r="AE42261">
        <v>12</v>
      </c>
      <c r="AF42261">
        <v>12</v>
      </c>
      <c r="AG42261">
        <v>12</v>
      </c>
      <c r="AH42261">
        <v>12</v>
      </c>
      <c r="AI42261">
        <v>13</v>
      </c>
      <c r="AJ42261">
        <v>13</v>
      </c>
      <c r="AK42261">
        <v>13</v>
      </c>
      <c r="AL42261">
        <v>13</v>
      </c>
      <c r="AM42261">
        <v>13</v>
      </c>
      <c r="AN42261">
        <v>13</v>
      </c>
      <c r="AO42261">
        <v>13</v>
      </c>
      <c r="AP42261">
        <v>14</v>
      </c>
      <c r="AQ42261">
        <v>14</v>
      </c>
    </row>
    <row r="42262" spans="1:43">
      <c r="A42262" t="s">
        <v>25945</v>
      </c>
      <c r="B42262" t="s">
        <v>25946</v>
      </c>
      <c r="C42262" t="s">
        <v>25947</v>
      </c>
      <c r="D42262" t="s">
        <v>25948</v>
      </c>
      <c r="E42262" t="s">
        <v>12188</v>
      </c>
      <c r="F42262" t="s">
        <v>12189</v>
      </c>
      <c r="G42262" t="s">
        <v>10450</v>
      </c>
      <c r="H42262" t="s">
        <v>10451</v>
      </c>
      <c r="I42262" s="2">
        <v>1</v>
      </c>
      <c r="J42262" s="2">
        <v>0</v>
      </c>
      <c r="K42262" s="2">
        <v>0</v>
      </c>
      <c r="L42262" t="s">
        <v>120</v>
      </c>
      <c r="M42262" t="s">
        <v>83</v>
      </c>
      <c r="N42262" t="s">
        <v>84</v>
      </c>
      <c r="O42262" t="s">
        <v>85</v>
      </c>
      <c r="P42262" t="s">
        <v>86</v>
      </c>
      <c r="Q42262">
        <v>17</v>
      </c>
      <c r="R42262">
        <v>17</v>
      </c>
      <c r="S42262">
        <v>18</v>
      </c>
      <c r="T42262">
        <v>18</v>
      </c>
      <c r="U42262">
        <v>18</v>
      </c>
      <c r="V42262">
        <v>19</v>
      </c>
      <c r="W42262">
        <v>19</v>
      </c>
      <c r="X42262">
        <v>19</v>
      </c>
      <c r="Y42262">
        <v>20</v>
      </c>
      <c r="Z42262">
        <v>20</v>
      </c>
      <c r="AA42262">
        <v>20</v>
      </c>
      <c r="AB42262">
        <v>20</v>
      </c>
      <c r="AC42262">
        <v>21</v>
      </c>
      <c r="AD42262">
        <v>21</v>
      </c>
      <c r="AE42262">
        <v>21</v>
      </c>
      <c r="AF42262">
        <v>22</v>
      </c>
      <c r="AG42262">
        <v>22</v>
      </c>
      <c r="AH42262">
        <v>23</v>
      </c>
      <c r="AI42262">
        <v>23</v>
      </c>
      <c r="AJ42262">
        <v>23</v>
      </c>
      <c r="AK42262">
        <v>24</v>
      </c>
      <c r="AL42262">
        <v>24</v>
      </c>
      <c r="AM42262">
        <v>24</v>
      </c>
      <c r="AN42262">
        <v>24</v>
      </c>
      <c r="AO42262">
        <v>24</v>
      </c>
      <c r="AP42262">
        <v>25</v>
      </c>
      <c r="AQ42262">
        <v>25</v>
      </c>
    </row>
    <row r="42263" spans="1:43">
      <c r="A42263" t="s">
        <v>25945</v>
      </c>
      <c r="B42263" t="s">
        <v>25946</v>
      </c>
      <c r="C42263" t="s">
        <v>25947</v>
      </c>
      <c r="D42263" t="s">
        <v>25948</v>
      </c>
      <c r="E42263" t="s">
        <v>12188</v>
      </c>
      <c r="F42263" t="s">
        <v>12189</v>
      </c>
      <c r="G42263" t="s">
        <v>10450</v>
      </c>
      <c r="H42263" t="s">
        <v>10451</v>
      </c>
      <c r="I42263" s="2">
        <v>1</v>
      </c>
      <c r="J42263" s="2">
        <v>0</v>
      </c>
      <c r="K42263" s="2">
        <v>0</v>
      </c>
      <c r="L42263" t="s">
        <v>120</v>
      </c>
      <c r="M42263" t="s">
        <v>87</v>
      </c>
      <c r="N42263" t="s">
        <v>88</v>
      </c>
      <c r="O42263" t="s">
        <v>85</v>
      </c>
      <c r="P42263" t="s">
        <v>86</v>
      </c>
      <c r="Q42263">
        <v>17</v>
      </c>
      <c r="R42263">
        <v>17</v>
      </c>
      <c r="S42263">
        <v>17</v>
      </c>
      <c r="T42263">
        <v>17</v>
      </c>
      <c r="U42263">
        <v>17</v>
      </c>
      <c r="V42263">
        <v>18</v>
      </c>
      <c r="W42263">
        <v>18</v>
      </c>
      <c r="X42263">
        <v>18</v>
      </c>
      <c r="Y42263">
        <v>18</v>
      </c>
      <c r="Z42263">
        <v>18</v>
      </c>
      <c r="AA42263">
        <v>18</v>
      </c>
      <c r="AB42263">
        <v>19</v>
      </c>
      <c r="AC42263">
        <v>19</v>
      </c>
      <c r="AD42263">
        <v>19</v>
      </c>
      <c r="AE42263">
        <v>19</v>
      </c>
      <c r="AF42263">
        <v>19</v>
      </c>
      <c r="AG42263">
        <v>19</v>
      </c>
      <c r="AH42263">
        <v>20</v>
      </c>
      <c r="AI42263">
        <v>20</v>
      </c>
      <c r="AJ42263">
        <v>20</v>
      </c>
      <c r="AK42263">
        <v>20</v>
      </c>
      <c r="AL42263">
        <v>20</v>
      </c>
      <c r="AM42263">
        <v>21</v>
      </c>
      <c r="AN42263">
        <v>21</v>
      </c>
      <c r="AO42263">
        <v>21</v>
      </c>
      <c r="AP42263">
        <v>21</v>
      </c>
      <c r="AQ42263">
        <v>21</v>
      </c>
    </row>
    <row r="42264" spans="1:43">
      <c r="A42264" t="s">
        <v>25945</v>
      </c>
      <c r="B42264" t="s">
        <v>25946</v>
      </c>
      <c r="C42264" t="s">
        <v>25947</v>
      </c>
      <c r="D42264" t="s">
        <v>25948</v>
      </c>
      <c r="E42264" t="s">
        <v>12188</v>
      </c>
      <c r="F42264" t="s">
        <v>12189</v>
      </c>
      <c r="G42264" t="s">
        <v>10450</v>
      </c>
      <c r="H42264" t="s">
        <v>10451</v>
      </c>
      <c r="I42264" s="2">
        <v>1</v>
      </c>
      <c r="J42264" s="2">
        <v>0</v>
      </c>
      <c r="K42264" s="2">
        <v>0</v>
      </c>
      <c r="L42264" t="s">
        <v>120</v>
      </c>
      <c r="M42264" t="s">
        <v>89</v>
      </c>
      <c r="N42264" t="s">
        <v>90</v>
      </c>
      <c r="O42264" t="s">
        <v>85</v>
      </c>
      <c r="P42264" t="s">
        <v>86</v>
      </c>
      <c r="Q42264">
        <v>17</v>
      </c>
      <c r="R42264">
        <v>18</v>
      </c>
      <c r="S42264">
        <v>18</v>
      </c>
      <c r="T42264">
        <v>18</v>
      </c>
      <c r="U42264">
        <v>19</v>
      </c>
      <c r="V42264">
        <v>19</v>
      </c>
      <c r="W42264">
        <v>20</v>
      </c>
      <c r="X42264">
        <v>20</v>
      </c>
      <c r="Y42264">
        <v>21</v>
      </c>
      <c r="Z42264">
        <v>21</v>
      </c>
      <c r="AA42264">
        <v>21</v>
      </c>
      <c r="AB42264">
        <v>22</v>
      </c>
      <c r="AC42264">
        <v>22</v>
      </c>
      <c r="AD42264">
        <v>23</v>
      </c>
      <c r="AE42264">
        <v>23</v>
      </c>
      <c r="AF42264">
        <v>23</v>
      </c>
      <c r="AG42264">
        <v>23</v>
      </c>
      <c r="AH42264">
        <v>23</v>
      </c>
      <c r="AI42264">
        <v>24</v>
      </c>
      <c r="AJ42264">
        <v>24</v>
      </c>
      <c r="AK42264">
        <v>24</v>
      </c>
      <c r="AL42264">
        <v>24</v>
      </c>
      <c r="AM42264">
        <v>24</v>
      </c>
      <c r="AN42264">
        <v>24</v>
      </c>
      <c r="AO42264">
        <v>25</v>
      </c>
      <c r="AP42264">
        <v>25</v>
      </c>
      <c r="AQ42264">
        <v>25</v>
      </c>
    </row>
    <row r="42265" spans="1:43">
      <c r="A42265" t="s">
        <v>25945</v>
      </c>
      <c r="B42265" t="s">
        <v>25946</v>
      </c>
      <c r="C42265" t="s">
        <v>25947</v>
      </c>
      <c r="D42265" t="s">
        <v>25948</v>
      </c>
      <c r="E42265" t="s">
        <v>12188</v>
      </c>
      <c r="F42265" t="s">
        <v>12189</v>
      </c>
      <c r="G42265" t="s">
        <v>10450</v>
      </c>
      <c r="H42265" t="s">
        <v>10451</v>
      </c>
      <c r="I42265" s="2">
        <v>1</v>
      </c>
      <c r="J42265" s="2">
        <v>0</v>
      </c>
      <c r="K42265" s="2">
        <v>0</v>
      </c>
      <c r="L42265" t="s">
        <v>120</v>
      </c>
      <c r="M42265" t="s">
        <v>83</v>
      </c>
      <c r="N42265" t="s">
        <v>91</v>
      </c>
      <c r="O42265" t="s">
        <v>85</v>
      </c>
      <c r="P42265" t="s">
        <v>86</v>
      </c>
      <c r="Q42265">
        <v>17</v>
      </c>
      <c r="R42265">
        <v>17</v>
      </c>
      <c r="S42265">
        <v>18</v>
      </c>
      <c r="T42265">
        <v>18</v>
      </c>
      <c r="U42265">
        <v>18</v>
      </c>
      <c r="V42265">
        <v>19</v>
      </c>
      <c r="W42265">
        <v>19</v>
      </c>
      <c r="X42265">
        <v>19</v>
      </c>
      <c r="Y42265">
        <v>20</v>
      </c>
      <c r="Z42265">
        <v>20</v>
      </c>
      <c r="AA42265">
        <v>20</v>
      </c>
      <c r="AB42265">
        <v>20</v>
      </c>
      <c r="AC42265">
        <v>21</v>
      </c>
      <c r="AD42265">
        <v>21</v>
      </c>
      <c r="AE42265">
        <v>21</v>
      </c>
      <c r="AF42265">
        <v>22</v>
      </c>
      <c r="AG42265">
        <v>22</v>
      </c>
      <c r="AH42265">
        <v>23</v>
      </c>
      <c r="AI42265">
        <v>23</v>
      </c>
      <c r="AJ42265">
        <v>23</v>
      </c>
      <c r="AK42265">
        <v>24</v>
      </c>
      <c r="AL42265">
        <v>24</v>
      </c>
      <c r="AM42265">
        <v>24</v>
      </c>
      <c r="AN42265">
        <v>24</v>
      </c>
      <c r="AO42265">
        <v>24</v>
      </c>
      <c r="AP42265">
        <v>25</v>
      </c>
      <c r="AQ42265">
        <v>25</v>
      </c>
    </row>
    <row r="42266" spans="1:43">
      <c r="A42266" t="s">
        <v>25949</v>
      </c>
      <c r="B42266" t="s">
        <v>25950</v>
      </c>
      <c r="C42266" t="s">
        <v>25947</v>
      </c>
      <c r="D42266" t="s">
        <v>25948</v>
      </c>
      <c r="E42266" t="s">
        <v>12188</v>
      </c>
      <c r="F42266" t="s">
        <v>12189</v>
      </c>
      <c r="G42266" t="s">
        <v>10450</v>
      </c>
      <c r="H42266" t="s">
        <v>10451</v>
      </c>
      <c r="I42266" s="2">
        <v>1</v>
      </c>
      <c r="J42266" s="2">
        <v>0</v>
      </c>
      <c r="K42266" s="2">
        <v>0</v>
      </c>
      <c r="L42266" t="s">
        <v>120</v>
      </c>
      <c r="M42266" t="s">
        <v>83</v>
      </c>
      <c r="N42266" t="s">
        <v>84</v>
      </c>
      <c r="O42266" t="s">
        <v>85</v>
      </c>
      <c r="P42266" t="s">
        <v>86</v>
      </c>
      <c r="Q42266">
        <v>10</v>
      </c>
      <c r="R42266">
        <v>10</v>
      </c>
      <c r="S42266">
        <v>11</v>
      </c>
      <c r="T42266">
        <v>11</v>
      </c>
      <c r="U42266">
        <v>11</v>
      </c>
      <c r="V42266">
        <v>11</v>
      </c>
      <c r="W42266">
        <v>11</v>
      </c>
      <c r="X42266">
        <v>12</v>
      </c>
      <c r="Y42266">
        <v>12</v>
      </c>
      <c r="Z42266">
        <v>12</v>
      </c>
      <c r="AA42266">
        <v>12</v>
      </c>
      <c r="AB42266">
        <v>12</v>
      </c>
      <c r="AC42266">
        <v>13</v>
      </c>
      <c r="AD42266">
        <v>13</v>
      </c>
      <c r="AE42266">
        <v>13</v>
      </c>
      <c r="AF42266">
        <v>13</v>
      </c>
      <c r="AG42266">
        <v>14</v>
      </c>
      <c r="AH42266">
        <v>14</v>
      </c>
      <c r="AI42266">
        <v>14</v>
      </c>
      <c r="AJ42266">
        <v>14</v>
      </c>
      <c r="AK42266">
        <v>14</v>
      </c>
      <c r="AL42266">
        <v>15</v>
      </c>
      <c r="AM42266">
        <v>15</v>
      </c>
      <c r="AN42266">
        <v>15</v>
      </c>
      <c r="AO42266">
        <v>15</v>
      </c>
      <c r="AP42266">
        <v>15</v>
      </c>
      <c r="AQ42266">
        <v>15</v>
      </c>
    </row>
    <row r="42267" spans="1:43">
      <c r="A42267" t="s">
        <v>25949</v>
      </c>
      <c r="B42267" t="s">
        <v>25950</v>
      </c>
      <c r="C42267" t="s">
        <v>25947</v>
      </c>
      <c r="D42267" t="s">
        <v>25948</v>
      </c>
      <c r="E42267" t="s">
        <v>12188</v>
      </c>
      <c r="F42267" t="s">
        <v>12189</v>
      </c>
      <c r="G42267" t="s">
        <v>10450</v>
      </c>
      <c r="H42267" t="s">
        <v>10451</v>
      </c>
      <c r="I42267" s="2">
        <v>1</v>
      </c>
      <c r="J42267" s="2">
        <v>0</v>
      </c>
      <c r="K42267" s="2">
        <v>0</v>
      </c>
      <c r="L42267" t="s">
        <v>120</v>
      </c>
      <c r="M42267" t="s">
        <v>87</v>
      </c>
      <c r="N42267" t="s">
        <v>88</v>
      </c>
      <c r="O42267" t="s">
        <v>85</v>
      </c>
      <c r="P42267" t="s">
        <v>86</v>
      </c>
      <c r="Q42267">
        <v>10</v>
      </c>
      <c r="R42267">
        <v>10</v>
      </c>
      <c r="S42267">
        <v>10</v>
      </c>
      <c r="T42267">
        <v>11</v>
      </c>
      <c r="U42267">
        <v>11</v>
      </c>
      <c r="V42267">
        <v>11</v>
      </c>
      <c r="W42267">
        <v>11</v>
      </c>
      <c r="X42267">
        <v>11</v>
      </c>
      <c r="Y42267">
        <v>11</v>
      </c>
      <c r="Z42267">
        <v>11</v>
      </c>
      <c r="AA42267">
        <v>11</v>
      </c>
      <c r="AB42267">
        <v>11</v>
      </c>
      <c r="AC42267">
        <v>11</v>
      </c>
      <c r="AD42267">
        <v>12</v>
      </c>
      <c r="AE42267">
        <v>12</v>
      </c>
      <c r="AF42267">
        <v>12</v>
      </c>
      <c r="AG42267">
        <v>12</v>
      </c>
      <c r="AH42267">
        <v>12</v>
      </c>
      <c r="AI42267">
        <v>12</v>
      </c>
      <c r="AJ42267">
        <v>12</v>
      </c>
      <c r="AK42267">
        <v>12</v>
      </c>
      <c r="AL42267">
        <v>12</v>
      </c>
      <c r="AM42267">
        <v>13</v>
      </c>
      <c r="AN42267">
        <v>13</v>
      </c>
      <c r="AO42267">
        <v>13</v>
      </c>
      <c r="AP42267">
        <v>13</v>
      </c>
      <c r="AQ42267">
        <v>13</v>
      </c>
    </row>
    <row r="42268" spans="1:43">
      <c r="A42268" t="s">
        <v>25949</v>
      </c>
      <c r="B42268" t="s">
        <v>25950</v>
      </c>
      <c r="C42268" t="s">
        <v>25947</v>
      </c>
      <c r="D42268" t="s">
        <v>25948</v>
      </c>
      <c r="E42268" t="s">
        <v>12188</v>
      </c>
      <c r="F42268" t="s">
        <v>12189</v>
      </c>
      <c r="G42268" t="s">
        <v>10450</v>
      </c>
      <c r="H42268" t="s">
        <v>10451</v>
      </c>
      <c r="I42268" s="2">
        <v>1</v>
      </c>
      <c r="J42268" s="2">
        <v>0</v>
      </c>
      <c r="K42268" s="2">
        <v>0</v>
      </c>
      <c r="L42268" t="s">
        <v>120</v>
      </c>
      <c r="M42268" t="s">
        <v>89</v>
      </c>
      <c r="N42268" t="s">
        <v>90</v>
      </c>
      <c r="O42268" t="s">
        <v>85</v>
      </c>
      <c r="P42268" t="s">
        <v>86</v>
      </c>
      <c r="Q42268">
        <v>10</v>
      </c>
      <c r="R42268">
        <v>11</v>
      </c>
      <c r="S42268">
        <v>11</v>
      </c>
      <c r="T42268">
        <v>11</v>
      </c>
      <c r="U42268">
        <v>12</v>
      </c>
      <c r="V42268">
        <v>12</v>
      </c>
      <c r="W42268">
        <v>12</v>
      </c>
      <c r="X42268">
        <v>12</v>
      </c>
      <c r="Y42268">
        <v>13</v>
      </c>
      <c r="Z42268">
        <v>13</v>
      </c>
      <c r="AA42268">
        <v>13</v>
      </c>
      <c r="AB42268">
        <v>13</v>
      </c>
      <c r="AC42268">
        <v>14</v>
      </c>
      <c r="AD42268">
        <v>14</v>
      </c>
      <c r="AE42268">
        <v>14</v>
      </c>
      <c r="AF42268">
        <v>14</v>
      </c>
      <c r="AG42268">
        <v>14</v>
      </c>
      <c r="AH42268">
        <v>14</v>
      </c>
      <c r="AI42268">
        <v>14</v>
      </c>
      <c r="AJ42268">
        <v>15</v>
      </c>
      <c r="AK42268">
        <v>15</v>
      </c>
      <c r="AL42268">
        <v>15</v>
      </c>
      <c r="AM42268">
        <v>15</v>
      </c>
      <c r="AN42268">
        <v>15</v>
      </c>
      <c r="AO42268">
        <v>15</v>
      </c>
      <c r="AP42268">
        <v>15</v>
      </c>
      <c r="AQ42268">
        <v>15</v>
      </c>
    </row>
    <row r="42269" spans="1:43">
      <c r="A42269" t="s">
        <v>25949</v>
      </c>
      <c r="B42269" t="s">
        <v>25950</v>
      </c>
      <c r="C42269" t="s">
        <v>25947</v>
      </c>
      <c r="D42269" t="s">
        <v>25948</v>
      </c>
      <c r="E42269" t="s">
        <v>12188</v>
      </c>
      <c r="F42269" t="s">
        <v>12189</v>
      </c>
      <c r="G42269" t="s">
        <v>10450</v>
      </c>
      <c r="H42269" t="s">
        <v>10451</v>
      </c>
      <c r="I42269" s="2">
        <v>1</v>
      </c>
      <c r="J42269" s="2">
        <v>0</v>
      </c>
      <c r="K42269" s="2">
        <v>0</v>
      </c>
      <c r="L42269" t="s">
        <v>120</v>
      </c>
      <c r="M42269" t="s">
        <v>83</v>
      </c>
      <c r="N42269" t="s">
        <v>91</v>
      </c>
      <c r="O42269" t="s">
        <v>85</v>
      </c>
      <c r="P42269" t="s">
        <v>86</v>
      </c>
      <c r="Q42269">
        <v>10</v>
      </c>
      <c r="R42269">
        <v>10</v>
      </c>
      <c r="S42269">
        <v>11</v>
      </c>
      <c r="T42269">
        <v>11</v>
      </c>
      <c r="U42269">
        <v>11</v>
      </c>
      <c r="V42269">
        <v>11</v>
      </c>
      <c r="W42269">
        <v>11</v>
      </c>
      <c r="X42269">
        <v>12</v>
      </c>
      <c r="Y42269">
        <v>12</v>
      </c>
      <c r="Z42269">
        <v>12</v>
      </c>
      <c r="AA42269">
        <v>12</v>
      </c>
      <c r="AB42269">
        <v>12</v>
      </c>
      <c r="AC42269">
        <v>13</v>
      </c>
      <c r="AD42269">
        <v>13</v>
      </c>
      <c r="AE42269">
        <v>13</v>
      </c>
      <c r="AF42269">
        <v>13</v>
      </c>
      <c r="AG42269">
        <v>14</v>
      </c>
      <c r="AH42269">
        <v>14</v>
      </c>
      <c r="AI42269">
        <v>14</v>
      </c>
      <c r="AJ42269">
        <v>14</v>
      </c>
      <c r="AK42269">
        <v>14</v>
      </c>
      <c r="AL42269">
        <v>15</v>
      </c>
      <c r="AM42269">
        <v>15</v>
      </c>
      <c r="AN42269">
        <v>15</v>
      </c>
      <c r="AO42269">
        <v>15</v>
      </c>
      <c r="AP42269">
        <v>15</v>
      </c>
      <c r="AQ42269">
        <v>15</v>
      </c>
    </row>
    <row r="42270" spans="1:43">
      <c r="A42270" t="s">
        <v>25951</v>
      </c>
      <c r="B42270" t="s">
        <v>25952</v>
      </c>
      <c r="C42270" t="s">
        <v>25947</v>
      </c>
      <c r="D42270" t="s">
        <v>25948</v>
      </c>
      <c r="E42270" t="s">
        <v>12188</v>
      </c>
      <c r="F42270" t="s">
        <v>12189</v>
      </c>
      <c r="G42270" t="s">
        <v>10450</v>
      </c>
      <c r="H42270" t="s">
        <v>10451</v>
      </c>
      <c r="I42270" s="2">
        <v>1</v>
      </c>
      <c r="J42270" s="2">
        <v>0</v>
      </c>
      <c r="K42270" s="2">
        <v>0</v>
      </c>
      <c r="L42270" t="s">
        <v>120</v>
      </c>
      <c r="M42270" t="s">
        <v>83</v>
      </c>
      <c r="N42270" t="s">
        <v>84</v>
      </c>
      <c r="O42270" t="s">
        <v>85</v>
      </c>
      <c r="P42270" t="s">
        <v>86</v>
      </c>
      <c r="Q42270">
        <v>20</v>
      </c>
      <c r="R42270">
        <v>21</v>
      </c>
      <c r="S42270">
        <v>21</v>
      </c>
      <c r="T42270">
        <v>22</v>
      </c>
      <c r="U42270">
        <v>22</v>
      </c>
      <c r="V42270">
        <v>22</v>
      </c>
      <c r="W42270">
        <v>23</v>
      </c>
      <c r="X42270">
        <v>23</v>
      </c>
      <c r="Y42270">
        <v>24</v>
      </c>
      <c r="Z42270">
        <v>24</v>
      </c>
      <c r="AA42270">
        <v>24</v>
      </c>
      <c r="AB42270">
        <v>25</v>
      </c>
      <c r="AC42270">
        <v>25</v>
      </c>
      <c r="AD42270">
        <v>26</v>
      </c>
      <c r="AE42270">
        <v>26</v>
      </c>
      <c r="AF42270">
        <v>26</v>
      </c>
      <c r="AG42270">
        <v>27</v>
      </c>
      <c r="AH42270">
        <v>27</v>
      </c>
      <c r="AI42270">
        <v>28</v>
      </c>
      <c r="AJ42270">
        <v>28</v>
      </c>
      <c r="AK42270">
        <v>28</v>
      </c>
      <c r="AL42270">
        <v>29</v>
      </c>
      <c r="AM42270">
        <v>29</v>
      </c>
      <c r="AN42270">
        <v>29</v>
      </c>
      <c r="AO42270">
        <v>29</v>
      </c>
      <c r="AP42270">
        <v>29</v>
      </c>
      <c r="AQ42270">
        <v>30</v>
      </c>
    </row>
    <row r="42271" spans="1:43">
      <c r="A42271" t="s">
        <v>25951</v>
      </c>
      <c r="B42271" t="s">
        <v>25952</v>
      </c>
      <c r="C42271" t="s">
        <v>25947</v>
      </c>
      <c r="D42271" t="s">
        <v>25948</v>
      </c>
      <c r="E42271" t="s">
        <v>12188</v>
      </c>
      <c r="F42271" t="s">
        <v>12189</v>
      </c>
      <c r="G42271" t="s">
        <v>10450</v>
      </c>
      <c r="H42271" t="s">
        <v>10451</v>
      </c>
      <c r="I42271" s="2">
        <v>1</v>
      </c>
      <c r="J42271" s="2">
        <v>0</v>
      </c>
      <c r="K42271" s="2">
        <v>0</v>
      </c>
      <c r="L42271" t="s">
        <v>120</v>
      </c>
      <c r="M42271" t="s">
        <v>87</v>
      </c>
      <c r="N42271" t="s">
        <v>88</v>
      </c>
      <c r="O42271" t="s">
        <v>85</v>
      </c>
      <c r="P42271" t="s">
        <v>86</v>
      </c>
      <c r="Q42271">
        <v>20</v>
      </c>
      <c r="R42271">
        <v>20</v>
      </c>
      <c r="S42271">
        <v>21</v>
      </c>
      <c r="T42271">
        <v>21</v>
      </c>
      <c r="U42271">
        <v>21</v>
      </c>
      <c r="V42271">
        <v>21</v>
      </c>
      <c r="W42271">
        <v>21</v>
      </c>
      <c r="X42271">
        <v>22</v>
      </c>
      <c r="Y42271">
        <v>22</v>
      </c>
      <c r="Z42271">
        <v>22</v>
      </c>
      <c r="AA42271">
        <v>22</v>
      </c>
      <c r="AB42271">
        <v>22</v>
      </c>
      <c r="AC42271">
        <v>23</v>
      </c>
      <c r="AD42271">
        <v>23</v>
      </c>
      <c r="AE42271">
        <v>23</v>
      </c>
      <c r="AF42271">
        <v>23</v>
      </c>
      <c r="AG42271">
        <v>23</v>
      </c>
      <c r="AH42271">
        <v>24</v>
      </c>
      <c r="AI42271">
        <v>24</v>
      </c>
      <c r="AJ42271">
        <v>24</v>
      </c>
      <c r="AK42271">
        <v>24</v>
      </c>
      <c r="AL42271">
        <v>24</v>
      </c>
      <c r="AM42271">
        <v>25</v>
      </c>
      <c r="AN42271">
        <v>25</v>
      </c>
      <c r="AO42271">
        <v>25</v>
      </c>
      <c r="AP42271">
        <v>25</v>
      </c>
      <c r="AQ42271">
        <v>26</v>
      </c>
    </row>
    <row r="42272" spans="1:43">
      <c r="A42272" t="s">
        <v>25951</v>
      </c>
      <c r="B42272" t="s">
        <v>25952</v>
      </c>
      <c r="C42272" t="s">
        <v>25947</v>
      </c>
      <c r="D42272" t="s">
        <v>25948</v>
      </c>
      <c r="E42272" t="s">
        <v>12188</v>
      </c>
      <c r="F42272" t="s">
        <v>12189</v>
      </c>
      <c r="G42272" t="s">
        <v>10450</v>
      </c>
      <c r="H42272" t="s">
        <v>10451</v>
      </c>
      <c r="I42272" s="2">
        <v>1</v>
      </c>
      <c r="J42272" s="2">
        <v>0</v>
      </c>
      <c r="K42272" s="2">
        <v>0</v>
      </c>
      <c r="L42272" t="s">
        <v>120</v>
      </c>
      <c r="M42272" t="s">
        <v>89</v>
      </c>
      <c r="N42272" t="s">
        <v>90</v>
      </c>
      <c r="O42272" t="s">
        <v>85</v>
      </c>
      <c r="P42272" t="s">
        <v>86</v>
      </c>
      <c r="Q42272">
        <v>20</v>
      </c>
      <c r="R42272">
        <v>20</v>
      </c>
      <c r="S42272">
        <v>21</v>
      </c>
      <c r="T42272">
        <v>21</v>
      </c>
      <c r="U42272">
        <v>22</v>
      </c>
      <c r="V42272">
        <v>22</v>
      </c>
      <c r="W42272">
        <v>23</v>
      </c>
      <c r="X42272">
        <v>23</v>
      </c>
      <c r="Y42272">
        <v>24</v>
      </c>
      <c r="Z42272">
        <v>24</v>
      </c>
      <c r="AA42272">
        <v>25</v>
      </c>
      <c r="AB42272">
        <v>25</v>
      </c>
      <c r="AC42272">
        <v>26</v>
      </c>
      <c r="AD42272">
        <v>26</v>
      </c>
      <c r="AE42272">
        <v>27</v>
      </c>
      <c r="AF42272">
        <v>27</v>
      </c>
      <c r="AG42272">
        <v>27</v>
      </c>
      <c r="AH42272">
        <v>27</v>
      </c>
      <c r="AI42272">
        <v>27</v>
      </c>
      <c r="AJ42272">
        <v>28</v>
      </c>
      <c r="AK42272">
        <v>28</v>
      </c>
      <c r="AL42272">
        <v>28</v>
      </c>
      <c r="AM42272">
        <v>28</v>
      </c>
      <c r="AN42272">
        <v>28</v>
      </c>
      <c r="AO42272">
        <v>28</v>
      </c>
      <c r="AP42272">
        <v>29</v>
      </c>
      <c r="AQ42272">
        <v>29</v>
      </c>
    </row>
    <row r="42273" spans="1:43">
      <c r="A42273" t="s">
        <v>25951</v>
      </c>
      <c r="B42273" t="s">
        <v>25952</v>
      </c>
      <c r="C42273" t="s">
        <v>25947</v>
      </c>
      <c r="D42273" t="s">
        <v>25948</v>
      </c>
      <c r="E42273" t="s">
        <v>12188</v>
      </c>
      <c r="F42273" t="s">
        <v>12189</v>
      </c>
      <c r="G42273" t="s">
        <v>10450</v>
      </c>
      <c r="H42273" t="s">
        <v>10451</v>
      </c>
      <c r="I42273" s="2">
        <v>1</v>
      </c>
      <c r="J42273" s="2">
        <v>0</v>
      </c>
      <c r="K42273" s="2">
        <v>0</v>
      </c>
      <c r="L42273" t="s">
        <v>120</v>
      </c>
      <c r="M42273" t="s">
        <v>83</v>
      </c>
      <c r="N42273" t="s">
        <v>91</v>
      </c>
      <c r="O42273" t="s">
        <v>85</v>
      </c>
      <c r="P42273" t="s">
        <v>86</v>
      </c>
      <c r="Q42273">
        <v>20</v>
      </c>
      <c r="R42273">
        <v>21</v>
      </c>
      <c r="S42273">
        <v>21</v>
      </c>
      <c r="T42273">
        <v>22</v>
      </c>
      <c r="U42273">
        <v>22</v>
      </c>
      <c r="V42273">
        <v>22</v>
      </c>
      <c r="W42273">
        <v>23</v>
      </c>
      <c r="X42273">
        <v>23</v>
      </c>
      <c r="Y42273">
        <v>24</v>
      </c>
      <c r="Z42273">
        <v>24</v>
      </c>
      <c r="AA42273">
        <v>24</v>
      </c>
      <c r="AB42273">
        <v>25</v>
      </c>
      <c r="AC42273">
        <v>25</v>
      </c>
      <c r="AD42273">
        <v>26</v>
      </c>
      <c r="AE42273">
        <v>26</v>
      </c>
      <c r="AF42273">
        <v>26</v>
      </c>
      <c r="AG42273">
        <v>27</v>
      </c>
      <c r="AH42273">
        <v>27</v>
      </c>
      <c r="AI42273">
        <v>28</v>
      </c>
      <c r="AJ42273">
        <v>28</v>
      </c>
      <c r="AK42273">
        <v>28</v>
      </c>
      <c r="AL42273">
        <v>29</v>
      </c>
      <c r="AM42273">
        <v>29</v>
      </c>
      <c r="AN42273">
        <v>29</v>
      </c>
      <c r="AO42273">
        <v>29</v>
      </c>
      <c r="AP42273">
        <v>29</v>
      </c>
      <c r="AQ42273">
        <v>30</v>
      </c>
    </row>
    <row r="42274" spans="1:43">
      <c r="A42274" t="s">
        <v>25953</v>
      </c>
      <c r="B42274" t="s">
        <v>25954</v>
      </c>
      <c r="C42274" t="s">
        <v>25947</v>
      </c>
      <c r="D42274" t="s">
        <v>25948</v>
      </c>
      <c r="E42274" t="s">
        <v>12188</v>
      </c>
      <c r="F42274" t="s">
        <v>12189</v>
      </c>
      <c r="G42274" t="s">
        <v>10450</v>
      </c>
      <c r="H42274" t="s">
        <v>10451</v>
      </c>
      <c r="I42274" s="2">
        <v>1</v>
      </c>
      <c r="J42274" s="2">
        <v>0</v>
      </c>
      <c r="K42274" s="2">
        <v>0</v>
      </c>
      <c r="L42274" t="s">
        <v>120</v>
      </c>
      <c r="M42274" t="s">
        <v>83</v>
      </c>
      <c r="N42274" t="s">
        <v>84</v>
      </c>
      <c r="O42274" t="s">
        <v>85</v>
      </c>
      <c r="P42274" t="s">
        <v>86</v>
      </c>
      <c r="Q42274">
        <v>13</v>
      </c>
      <c r="R42274">
        <v>13</v>
      </c>
      <c r="S42274">
        <v>13</v>
      </c>
      <c r="T42274">
        <v>14</v>
      </c>
      <c r="U42274">
        <v>14</v>
      </c>
      <c r="V42274">
        <v>14</v>
      </c>
      <c r="W42274">
        <v>14</v>
      </c>
      <c r="X42274">
        <v>15</v>
      </c>
      <c r="Y42274">
        <v>15</v>
      </c>
      <c r="Z42274">
        <v>15</v>
      </c>
      <c r="AA42274">
        <v>15</v>
      </c>
      <c r="AB42274">
        <v>16</v>
      </c>
      <c r="AC42274">
        <v>16</v>
      </c>
      <c r="AD42274">
        <v>16</v>
      </c>
      <c r="AE42274">
        <v>16</v>
      </c>
      <c r="AF42274">
        <v>17</v>
      </c>
      <c r="AG42274">
        <v>17</v>
      </c>
      <c r="AH42274">
        <v>17</v>
      </c>
      <c r="AI42274">
        <v>17</v>
      </c>
      <c r="AJ42274">
        <v>18</v>
      </c>
      <c r="AK42274">
        <v>18</v>
      </c>
      <c r="AL42274">
        <v>18</v>
      </c>
      <c r="AM42274">
        <v>18</v>
      </c>
      <c r="AN42274">
        <v>18</v>
      </c>
      <c r="AO42274">
        <v>19</v>
      </c>
      <c r="AP42274">
        <v>19</v>
      </c>
      <c r="AQ42274">
        <v>19</v>
      </c>
    </row>
    <row r="42275" spans="1:43">
      <c r="A42275" t="s">
        <v>25953</v>
      </c>
      <c r="B42275" t="s">
        <v>25954</v>
      </c>
      <c r="C42275" t="s">
        <v>25947</v>
      </c>
      <c r="D42275" t="s">
        <v>25948</v>
      </c>
      <c r="E42275" t="s">
        <v>12188</v>
      </c>
      <c r="F42275" t="s">
        <v>12189</v>
      </c>
      <c r="G42275" t="s">
        <v>10450</v>
      </c>
      <c r="H42275" t="s">
        <v>10451</v>
      </c>
      <c r="I42275" s="2">
        <v>1</v>
      </c>
      <c r="J42275" s="2">
        <v>0</v>
      </c>
      <c r="K42275" s="2">
        <v>0</v>
      </c>
      <c r="L42275" t="s">
        <v>120</v>
      </c>
      <c r="M42275" t="s">
        <v>87</v>
      </c>
      <c r="N42275" t="s">
        <v>88</v>
      </c>
      <c r="O42275" t="s">
        <v>85</v>
      </c>
      <c r="P42275" t="s">
        <v>86</v>
      </c>
      <c r="Q42275">
        <v>13</v>
      </c>
      <c r="R42275">
        <v>13</v>
      </c>
      <c r="S42275">
        <v>13</v>
      </c>
      <c r="T42275">
        <v>13</v>
      </c>
      <c r="U42275">
        <v>13</v>
      </c>
      <c r="V42275">
        <v>13</v>
      </c>
      <c r="W42275">
        <v>14</v>
      </c>
      <c r="X42275">
        <v>14</v>
      </c>
      <c r="Y42275">
        <v>14</v>
      </c>
      <c r="Z42275">
        <v>14</v>
      </c>
      <c r="AA42275">
        <v>14</v>
      </c>
      <c r="AB42275">
        <v>14</v>
      </c>
      <c r="AC42275">
        <v>14</v>
      </c>
      <c r="AD42275">
        <v>14</v>
      </c>
      <c r="AE42275">
        <v>15</v>
      </c>
      <c r="AF42275">
        <v>15</v>
      </c>
      <c r="AG42275">
        <v>15</v>
      </c>
      <c r="AH42275">
        <v>15</v>
      </c>
      <c r="AI42275">
        <v>15</v>
      </c>
      <c r="AJ42275">
        <v>15</v>
      </c>
      <c r="AK42275">
        <v>15</v>
      </c>
      <c r="AL42275">
        <v>16</v>
      </c>
      <c r="AM42275">
        <v>16</v>
      </c>
      <c r="AN42275">
        <v>16</v>
      </c>
      <c r="AO42275">
        <v>16</v>
      </c>
      <c r="AP42275">
        <v>16</v>
      </c>
      <c r="AQ42275">
        <v>16</v>
      </c>
    </row>
    <row r="42276" spans="1:43">
      <c r="A42276" t="s">
        <v>25953</v>
      </c>
      <c r="B42276" t="s">
        <v>25954</v>
      </c>
      <c r="C42276" t="s">
        <v>25947</v>
      </c>
      <c r="D42276" t="s">
        <v>25948</v>
      </c>
      <c r="E42276" t="s">
        <v>12188</v>
      </c>
      <c r="F42276" t="s">
        <v>12189</v>
      </c>
      <c r="G42276" t="s">
        <v>10450</v>
      </c>
      <c r="H42276" t="s">
        <v>10451</v>
      </c>
      <c r="I42276" s="2">
        <v>1</v>
      </c>
      <c r="J42276" s="2">
        <v>0</v>
      </c>
      <c r="K42276" s="2">
        <v>0</v>
      </c>
      <c r="L42276" t="s">
        <v>120</v>
      </c>
      <c r="M42276" t="s">
        <v>89</v>
      </c>
      <c r="N42276" t="s">
        <v>90</v>
      </c>
      <c r="O42276" t="s">
        <v>85</v>
      </c>
      <c r="P42276" t="s">
        <v>86</v>
      </c>
      <c r="Q42276">
        <v>13</v>
      </c>
      <c r="R42276">
        <v>13</v>
      </c>
      <c r="S42276">
        <v>14</v>
      </c>
      <c r="T42276">
        <v>14</v>
      </c>
      <c r="U42276">
        <v>15</v>
      </c>
      <c r="V42276">
        <v>15</v>
      </c>
      <c r="W42276">
        <v>15</v>
      </c>
      <c r="X42276">
        <v>15</v>
      </c>
      <c r="Y42276">
        <v>16</v>
      </c>
      <c r="Z42276">
        <v>16</v>
      </c>
      <c r="AA42276">
        <v>16</v>
      </c>
      <c r="AB42276">
        <v>17</v>
      </c>
      <c r="AC42276">
        <v>17</v>
      </c>
      <c r="AD42276">
        <v>17</v>
      </c>
      <c r="AE42276">
        <v>18</v>
      </c>
      <c r="AF42276">
        <v>18</v>
      </c>
      <c r="AG42276">
        <v>18</v>
      </c>
      <c r="AH42276">
        <v>18</v>
      </c>
      <c r="AI42276">
        <v>18</v>
      </c>
      <c r="AJ42276">
        <v>18</v>
      </c>
      <c r="AK42276">
        <v>18</v>
      </c>
      <c r="AL42276">
        <v>18</v>
      </c>
      <c r="AM42276">
        <v>18</v>
      </c>
      <c r="AN42276">
        <v>19</v>
      </c>
      <c r="AO42276">
        <v>19</v>
      </c>
      <c r="AP42276">
        <v>19</v>
      </c>
      <c r="AQ42276">
        <v>19</v>
      </c>
    </row>
    <row r="42277" spans="1:43">
      <c r="A42277" t="s">
        <v>25953</v>
      </c>
      <c r="B42277" t="s">
        <v>25954</v>
      </c>
      <c r="C42277" t="s">
        <v>25947</v>
      </c>
      <c r="D42277" t="s">
        <v>25948</v>
      </c>
      <c r="E42277" t="s">
        <v>12188</v>
      </c>
      <c r="F42277" t="s">
        <v>12189</v>
      </c>
      <c r="G42277" t="s">
        <v>10450</v>
      </c>
      <c r="H42277" t="s">
        <v>10451</v>
      </c>
      <c r="I42277" s="2">
        <v>1</v>
      </c>
      <c r="J42277" s="2">
        <v>0</v>
      </c>
      <c r="K42277" s="2">
        <v>0</v>
      </c>
      <c r="L42277" t="s">
        <v>120</v>
      </c>
      <c r="M42277" t="s">
        <v>83</v>
      </c>
      <c r="N42277" t="s">
        <v>91</v>
      </c>
      <c r="O42277" t="s">
        <v>85</v>
      </c>
      <c r="P42277" t="s">
        <v>86</v>
      </c>
      <c r="Q42277">
        <v>13</v>
      </c>
      <c r="R42277">
        <v>13</v>
      </c>
      <c r="S42277">
        <v>13</v>
      </c>
      <c r="T42277">
        <v>14</v>
      </c>
      <c r="U42277">
        <v>14</v>
      </c>
      <c r="V42277">
        <v>14</v>
      </c>
      <c r="W42277">
        <v>14</v>
      </c>
      <c r="X42277">
        <v>15</v>
      </c>
      <c r="Y42277">
        <v>15</v>
      </c>
      <c r="Z42277">
        <v>15</v>
      </c>
      <c r="AA42277">
        <v>15</v>
      </c>
      <c r="AB42277">
        <v>16</v>
      </c>
      <c r="AC42277">
        <v>16</v>
      </c>
      <c r="AD42277">
        <v>16</v>
      </c>
      <c r="AE42277">
        <v>16</v>
      </c>
      <c r="AF42277">
        <v>17</v>
      </c>
      <c r="AG42277">
        <v>17</v>
      </c>
      <c r="AH42277">
        <v>17</v>
      </c>
      <c r="AI42277">
        <v>17</v>
      </c>
      <c r="AJ42277">
        <v>18</v>
      </c>
      <c r="AK42277">
        <v>18</v>
      </c>
      <c r="AL42277">
        <v>18</v>
      </c>
      <c r="AM42277">
        <v>18</v>
      </c>
      <c r="AN42277">
        <v>18</v>
      </c>
      <c r="AO42277">
        <v>19</v>
      </c>
      <c r="AP42277">
        <v>19</v>
      </c>
      <c r="AQ42277">
        <v>19</v>
      </c>
    </row>
    <row r="42278" spans="1:43">
      <c r="A42278" t="s">
        <v>25955</v>
      </c>
      <c r="B42278" t="s">
        <v>25956</v>
      </c>
      <c r="C42278" t="s">
        <v>13291</v>
      </c>
      <c r="D42278" t="s">
        <v>13292</v>
      </c>
      <c r="E42278" t="s">
        <v>13293</v>
      </c>
      <c r="F42278" t="s">
        <v>13294</v>
      </c>
      <c r="G42278" t="s">
        <v>10214</v>
      </c>
      <c r="H42278" t="s">
        <v>10215</v>
      </c>
      <c r="I42278" s="2">
        <v>1</v>
      </c>
      <c r="J42278" s="2">
        <v>0</v>
      </c>
      <c r="K42278" s="2">
        <v>0</v>
      </c>
      <c r="L42278" t="s">
        <v>120</v>
      </c>
      <c r="M42278" t="s">
        <v>83</v>
      </c>
      <c r="N42278" t="s">
        <v>84</v>
      </c>
      <c r="O42278" t="s">
        <v>85</v>
      </c>
      <c r="P42278" t="s">
        <v>86</v>
      </c>
      <c r="Q42278">
        <v>19</v>
      </c>
      <c r="R42278">
        <v>19</v>
      </c>
      <c r="S42278">
        <v>19</v>
      </c>
      <c r="T42278">
        <v>20</v>
      </c>
      <c r="U42278">
        <v>20</v>
      </c>
      <c r="V42278">
        <v>20</v>
      </c>
      <c r="W42278">
        <v>20</v>
      </c>
      <c r="X42278">
        <v>20</v>
      </c>
      <c r="Y42278">
        <v>20</v>
      </c>
      <c r="Z42278">
        <v>20</v>
      </c>
      <c r="AA42278">
        <v>21</v>
      </c>
      <c r="AB42278">
        <v>21</v>
      </c>
      <c r="AC42278">
        <v>21</v>
      </c>
      <c r="AD42278">
        <v>21</v>
      </c>
      <c r="AE42278">
        <v>21</v>
      </c>
      <c r="AF42278">
        <v>21</v>
      </c>
      <c r="AG42278">
        <v>21</v>
      </c>
      <c r="AH42278">
        <v>21</v>
      </c>
      <c r="AI42278">
        <v>22</v>
      </c>
      <c r="AJ42278">
        <v>22</v>
      </c>
      <c r="AK42278">
        <v>22</v>
      </c>
      <c r="AL42278">
        <v>22</v>
      </c>
      <c r="AM42278">
        <v>22</v>
      </c>
      <c r="AN42278">
        <v>21</v>
      </c>
      <c r="AO42278">
        <v>21</v>
      </c>
      <c r="AP42278">
        <v>21</v>
      </c>
      <c r="AQ42278">
        <v>21</v>
      </c>
    </row>
    <row r="42279" spans="1:43">
      <c r="A42279" t="s">
        <v>25955</v>
      </c>
      <c r="B42279" t="s">
        <v>25956</v>
      </c>
      <c r="C42279" t="s">
        <v>13291</v>
      </c>
      <c r="D42279" t="s">
        <v>13292</v>
      </c>
      <c r="E42279" t="s">
        <v>13293</v>
      </c>
      <c r="F42279" t="s">
        <v>13294</v>
      </c>
      <c r="G42279" t="s">
        <v>10214</v>
      </c>
      <c r="H42279" t="s">
        <v>10215</v>
      </c>
      <c r="I42279" s="2">
        <v>1</v>
      </c>
      <c r="J42279" s="2">
        <v>0</v>
      </c>
      <c r="K42279" s="2">
        <v>0</v>
      </c>
      <c r="L42279" t="s">
        <v>120</v>
      </c>
      <c r="M42279" t="s">
        <v>87</v>
      </c>
      <c r="N42279" t="s">
        <v>88</v>
      </c>
      <c r="O42279" t="s">
        <v>85</v>
      </c>
      <c r="P42279" t="s">
        <v>86</v>
      </c>
      <c r="Q42279">
        <v>19</v>
      </c>
      <c r="R42279">
        <v>19</v>
      </c>
      <c r="S42279">
        <v>19</v>
      </c>
      <c r="T42279">
        <v>19</v>
      </c>
      <c r="U42279">
        <v>19</v>
      </c>
      <c r="V42279">
        <v>19</v>
      </c>
      <c r="W42279">
        <v>19</v>
      </c>
      <c r="X42279">
        <v>19</v>
      </c>
      <c r="Y42279">
        <v>19</v>
      </c>
      <c r="Z42279">
        <v>19</v>
      </c>
      <c r="AA42279">
        <v>19</v>
      </c>
      <c r="AB42279">
        <v>19</v>
      </c>
      <c r="AC42279">
        <v>19</v>
      </c>
      <c r="AD42279">
        <v>19</v>
      </c>
      <c r="AE42279">
        <v>19</v>
      </c>
      <c r="AF42279">
        <v>19</v>
      </c>
      <c r="AG42279">
        <v>19</v>
      </c>
      <c r="AH42279">
        <v>19</v>
      </c>
      <c r="AI42279">
        <v>19</v>
      </c>
      <c r="AJ42279">
        <v>19</v>
      </c>
      <c r="AK42279">
        <v>19</v>
      </c>
      <c r="AL42279">
        <v>19</v>
      </c>
      <c r="AM42279">
        <v>19</v>
      </c>
      <c r="AN42279">
        <v>19</v>
      </c>
      <c r="AO42279">
        <v>19</v>
      </c>
      <c r="AP42279">
        <v>19</v>
      </c>
      <c r="AQ42279">
        <v>18</v>
      </c>
    </row>
    <row r="42280" spans="1:43">
      <c r="A42280" t="s">
        <v>25955</v>
      </c>
      <c r="B42280" t="s">
        <v>25956</v>
      </c>
      <c r="C42280" t="s">
        <v>13291</v>
      </c>
      <c r="D42280" t="s">
        <v>13292</v>
      </c>
      <c r="E42280" t="s">
        <v>13293</v>
      </c>
      <c r="F42280" t="s">
        <v>13294</v>
      </c>
      <c r="G42280" t="s">
        <v>10214</v>
      </c>
      <c r="H42280" t="s">
        <v>10215</v>
      </c>
      <c r="I42280" s="2">
        <v>1</v>
      </c>
      <c r="J42280" s="2">
        <v>0</v>
      </c>
      <c r="K42280" s="2">
        <v>0</v>
      </c>
      <c r="L42280" t="s">
        <v>120</v>
      </c>
      <c r="M42280" t="s">
        <v>89</v>
      </c>
      <c r="N42280" t="s">
        <v>90</v>
      </c>
      <c r="O42280" t="s">
        <v>85</v>
      </c>
      <c r="P42280" t="s">
        <v>86</v>
      </c>
      <c r="Q42280">
        <v>19</v>
      </c>
      <c r="R42280">
        <v>20</v>
      </c>
      <c r="S42280">
        <v>20</v>
      </c>
      <c r="T42280">
        <v>20</v>
      </c>
      <c r="U42280">
        <v>21</v>
      </c>
      <c r="V42280">
        <v>21</v>
      </c>
      <c r="W42280">
        <v>21</v>
      </c>
      <c r="X42280">
        <v>21</v>
      </c>
      <c r="Y42280">
        <v>22</v>
      </c>
      <c r="Z42280">
        <v>22</v>
      </c>
      <c r="AA42280">
        <v>22</v>
      </c>
      <c r="AB42280">
        <v>22</v>
      </c>
      <c r="AC42280">
        <v>22</v>
      </c>
      <c r="AD42280">
        <v>23</v>
      </c>
      <c r="AE42280">
        <v>23</v>
      </c>
      <c r="AF42280">
        <v>22</v>
      </c>
      <c r="AG42280">
        <v>22</v>
      </c>
      <c r="AH42280">
        <v>22</v>
      </c>
      <c r="AI42280">
        <v>22</v>
      </c>
      <c r="AJ42280">
        <v>22</v>
      </c>
      <c r="AK42280">
        <v>22</v>
      </c>
      <c r="AL42280">
        <v>22</v>
      </c>
      <c r="AM42280">
        <v>22</v>
      </c>
      <c r="AN42280">
        <v>22</v>
      </c>
      <c r="AO42280">
        <v>22</v>
      </c>
      <c r="AP42280">
        <v>22</v>
      </c>
      <c r="AQ42280">
        <v>21</v>
      </c>
    </row>
    <row r="42281" spans="1:43">
      <c r="A42281" t="s">
        <v>25955</v>
      </c>
      <c r="B42281" t="s">
        <v>25956</v>
      </c>
      <c r="C42281" t="s">
        <v>13291</v>
      </c>
      <c r="D42281" t="s">
        <v>13292</v>
      </c>
      <c r="E42281" t="s">
        <v>13293</v>
      </c>
      <c r="F42281" t="s">
        <v>13294</v>
      </c>
      <c r="G42281" t="s">
        <v>10214</v>
      </c>
      <c r="H42281" t="s">
        <v>10215</v>
      </c>
      <c r="I42281" s="2">
        <v>1</v>
      </c>
      <c r="J42281" s="2">
        <v>0</v>
      </c>
      <c r="K42281" s="2">
        <v>0</v>
      </c>
      <c r="L42281" t="s">
        <v>120</v>
      </c>
      <c r="M42281" t="s">
        <v>83</v>
      </c>
      <c r="N42281" t="s">
        <v>91</v>
      </c>
      <c r="O42281" t="s">
        <v>85</v>
      </c>
      <c r="P42281" t="s">
        <v>86</v>
      </c>
      <c r="Q42281">
        <v>19</v>
      </c>
      <c r="R42281">
        <v>19</v>
      </c>
      <c r="S42281">
        <v>19</v>
      </c>
      <c r="T42281">
        <v>20</v>
      </c>
      <c r="U42281">
        <v>20</v>
      </c>
      <c r="V42281">
        <v>20</v>
      </c>
      <c r="W42281">
        <v>20</v>
      </c>
      <c r="X42281">
        <v>20</v>
      </c>
      <c r="Y42281">
        <v>20</v>
      </c>
      <c r="Z42281">
        <v>20</v>
      </c>
      <c r="AA42281">
        <v>21</v>
      </c>
      <c r="AB42281">
        <v>21</v>
      </c>
      <c r="AC42281">
        <v>21</v>
      </c>
      <c r="AD42281">
        <v>21</v>
      </c>
      <c r="AE42281">
        <v>21</v>
      </c>
      <c r="AF42281">
        <v>21</v>
      </c>
      <c r="AG42281">
        <v>21</v>
      </c>
      <c r="AH42281">
        <v>21</v>
      </c>
      <c r="AI42281">
        <v>22</v>
      </c>
      <c r="AJ42281">
        <v>22</v>
      </c>
      <c r="AK42281">
        <v>22</v>
      </c>
      <c r="AL42281">
        <v>22</v>
      </c>
      <c r="AM42281">
        <v>22</v>
      </c>
      <c r="AN42281">
        <v>21</v>
      </c>
      <c r="AO42281">
        <v>21</v>
      </c>
      <c r="AP42281">
        <v>21</v>
      </c>
      <c r="AQ42281">
        <v>21</v>
      </c>
    </row>
    <row r="42282" spans="1:43">
      <c r="A42282" t="s">
        <v>25957</v>
      </c>
      <c r="B42282" t="s">
        <v>25958</v>
      </c>
      <c r="C42282" t="s">
        <v>13291</v>
      </c>
      <c r="D42282" t="s">
        <v>13292</v>
      </c>
      <c r="E42282" t="s">
        <v>13293</v>
      </c>
      <c r="F42282" t="s">
        <v>13294</v>
      </c>
      <c r="G42282" t="s">
        <v>10214</v>
      </c>
      <c r="H42282" t="s">
        <v>10215</v>
      </c>
      <c r="I42282" s="2">
        <v>1</v>
      </c>
      <c r="J42282" s="2">
        <v>0</v>
      </c>
      <c r="K42282" s="2">
        <v>0</v>
      </c>
      <c r="L42282" t="s">
        <v>120</v>
      </c>
      <c r="M42282" t="s">
        <v>83</v>
      </c>
      <c r="N42282" t="s">
        <v>84</v>
      </c>
      <c r="O42282" t="s">
        <v>85</v>
      </c>
      <c r="P42282" t="s">
        <v>86</v>
      </c>
      <c r="Q42282">
        <v>65</v>
      </c>
      <c r="R42282">
        <v>66</v>
      </c>
      <c r="S42282">
        <v>66</v>
      </c>
      <c r="T42282">
        <v>67</v>
      </c>
      <c r="U42282">
        <v>67</v>
      </c>
      <c r="V42282">
        <v>68</v>
      </c>
      <c r="W42282">
        <v>68</v>
      </c>
      <c r="X42282">
        <v>69</v>
      </c>
      <c r="Y42282">
        <v>69</v>
      </c>
      <c r="Z42282">
        <v>70</v>
      </c>
      <c r="AA42282">
        <v>70</v>
      </c>
      <c r="AB42282">
        <v>71</v>
      </c>
      <c r="AC42282">
        <v>71</v>
      </c>
      <c r="AD42282">
        <v>71</v>
      </c>
      <c r="AE42282">
        <v>72</v>
      </c>
      <c r="AF42282">
        <v>72</v>
      </c>
      <c r="AG42282">
        <v>73</v>
      </c>
      <c r="AH42282">
        <v>73</v>
      </c>
      <c r="AI42282">
        <v>73</v>
      </c>
      <c r="AJ42282">
        <v>74</v>
      </c>
      <c r="AK42282">
        <v>74</v>
      </c>
      <c r="AL42282">
        <v>74</v>
      </c>
      <c r="AM42282">
        <v>74</v>
      </c>
      <c r="AN42282">
        <v>73</v>
      </c>
      <c r="AO42282">
        <v>73</v>
      </c>
      <c r="AP42282">
        <v>73</v>
      </c>
      <c r="AQ42282">
        <v>72</v>
      </c>
    </row>
    <row r="42283" spans="1:43">
      <c r="A42283" t="s">
        <v>25957</v>
      </c>
      <c r="B42283" t="s">
        <v>25958</v>
      </c>
      <c r="C42283" t="s">
        <v>13291</v>
      </c>
      <c r="D42283" t="s">
        <v>13292</v>
      </c>
      <c r="E42283" t="s">
        <v>13293</v>
      </c>
      <c r="F42283" t="s">
        <v>13294</v>
      </c>
      <c r="G42283" t="s">
        <v>10214</v>
      </c>
      <c r="H42283" t="s">
        <v>10215</v>
      </c>
      <c r="I42283" s="2">
        <v>1</v>
      </c>
      <c r="J42283" s="2">
        <v>0</v>
      </c>
      <c r="K42283" s="2">
        <v>0</v>
      </c>
      <c r="L42283" t="s">
        <v>120</v>
      </c>
      <c r="M42283" t="s">
        <v>87</v>
      </c>
      <c r="N42283" t="s">
        <v>88</v>
      </c>
      <c r="O42283" t="s">
        <v>85</v>
      </c>
      <c r="P42283" t="s">
        <v>86</v>
      </c>
      <c r="Q42283">
        <v>65</v>
      </c>
      <c r="R42283">
        <v>64</v>
      </c>
      <c r="S42283">
        <v>64</v>
      </c>
      <c r="T42283">
        <v>64</v>
      </c>
      <c r="U42283">
        <v>64</v>
      </c>
      <c r="V42283">
        <v>64</v>
      </c>
      <c r="W42283">
        <v>64</v>
      </c>
      <c r="X42283">
        <v>64</v>
      </c>
      <c r="Y42283">
        <v>64</v>
      </c>
      <c r="Z42283">
        <v>64</v>
      </c>
      <c r="AA42283">
        <v>64</v>
      </c>
      <c r="AB42283">
        <v>64</v>
      </c>
      <c r="AC42283">
        <v>64</v>
      </c>
      <c r="AD42283">
        <v>64</v>
      </c>
      <c r="AE42283">
        <v>64</v>
      </c>
      <c r="AF42283">
        <v>64</v>
      </c>
      <c r="AG42283">
        <v>64</v>
      </c>
      <c r="AH42283">
        <v>64</v>
      </c>
      <c r="AI42283">
        <v>64</v>
      </c>
      <c r="AJ42283">
        <v>64</v>
      </c>
      <c r="AK42283">
        <v>63</v>
      </c>
      <c r="AL42283">
        <v>63</v>
      </c>
      <c r="AM42283">
        <v>63</v>
      </c>
      <c r="AN42283">
        <v>63</v>
      </c>
      <c r="AO42283">
        <v>63</v>
      </c>
      <c r="AP42283">
        <v>63</v>
      </c>
      <c r="AQ42283">
        <v>63</v>
      </c>
    </row>
    <row r="42284" spans="1:43">
      <c r="A42284" t="s">
        <v>25957</v>
      </c>
      <c r="B42284" t="s">
        <v>25958</v>
      </c>
      <c r="C42284" t="s">
        <v>13291</v>
      </c>
      <c r="D42284" t="s">
        <v>13292</v>
      </c>
      <c r="E42284" t="s">
        <v>13293</v>
      </c>
      <c r="F42284" t="s">
        <v>13294</v>
      </c>
      <c r="G42284" t="s">
        <v>10214</v>
      </c>
      <c r="H42284" t="s">
        <v>10215</v>
      </c>
      <c r="I42284" s="2">
        <v>1</v>
      </c>
      <c r="J42284" s="2">
        <v>0</v>
      </c>
      <c r="K42284" s="2">
        <v>0</v>
      </c>
      <c r="L42284" t="s">
        <v>120</v>
      </c>
      <c r="M42284" t="s">
        <v>89</v>
      </c>
      <c r="N42284" t="s">
        <v>90</v>
      </c>
      <c r="O42284" t="s">
        <v>85</v>
      </c>
      <c r="P42284" t="s">
        <v>86</v>
      </c>
      <c r="Q42284">
        <v>65</v>
      </c>
      <c r="R42284">
        <v>66</v>
      </c>
      <c r="S42284">
        <v>67</v>
      </c>
      <c r="T42284">
        <v>68</v>
      </c>
      <c r="U42284">
        <v>69</v>
      </c>
      <c r="V42284">
        <v>70</v>
      </c>
      <c r="W42284">
        <v>71</v>
      </c>
      <c r="X42284">
        <v>72</v>
      </c>
      <c r="Y42284">
        <v>72</v>
      </c>
      <c r="Z42284">
        <v>73</v>
      </c>
      <c r="AA42284">
        <v>74</v>
      </c>
      <c r="AB42284">
        <v>74</v>
      </c>
      <c r="AC42284">
        <v>75</v>
      </c>
      <c r="AD42284">
        <v>76</v>
      </c>
      <c r="AE42284">
        <v>76</v>
      </c>
      <c r="AF42284">
        <v>76</v>
      </c>
      <c r="AG42284">
        <v>75</v>
      </c>
      <c r="AH42284">
        <v>75</v>
      </c>
      <c r="AI42284">
        <v>75</v>
      </c>
      <c r="AJ42284">
        <v>74</v>
      </c>
      <c r="AK42284">
        <v>74</v>
      </c>
      <c r="AL42284">
        <v>74</v>
      </c>
      <c r="AM42284">
        <v>73</v>
      </c>
      <c r="AN42284">
        <v>73</v>
      </c>
      <c r="AO42284">
        <v>73</v>
      </c>
      <c r="AP42284">
        <v>72</v>
      </c>
      <c r="AQ42284">
        <v>72</v>
      </c>
    </row>
    <row r="42285" spans="1:43">
      <c r="A42285" t="s">
        <v>25957</v>
      </c>
      <c r="B42285" t="s">
        <v>25958</v>
      </c>
      <c r="C42285" t="s">
        <v>13291</v>
      </c>
      <c r="D42285" t="s">
        <v>13292</v>
      </c>
      <c r="E42285" t="s">
        <v>13293</v>
      </c>
      <c r="F42285" t="s">
        <v>13294</v>
      </c>
      <c r="G42285" t="s">
        <v>10214</v>
      </c>
      <c r="H42285" t="s">
        <v>10215</v>
      </c>
      <c r="I42285" s="2">
        <v>1</v>
      </c>
      <c r="J42285" s="2">
        <v>0</v>
      </c>
      <c r="K42285" s="2">
        <v>0</v>
      </c>
      <c r="L42285" t="s">
        <v>120</v>
      </c>
      <c r="M42285" t="s">
        <v>83</v>
      </c>
      <c r="N42285" t="s">
        <v>91</v>
      </c>
      <c r="O42285" t="s">
        <v>85</v>
      </c>
      <c r="P42285" t="s">
        <v>86</v>
      </c>
      <c r="Q42285">
        <v>65</v>
      </c>
      <c r="R42285">
        <v>66</v>
      </c>
      <c r="S42285">
        <v>66</v>
      </c>
      <c r="T42285">
        <v>67</v>
      </c>
      <c r="U42285">
        <v>67</v>
      </c>
      <c r="V42285">
        <v>68</v>
      </c>
      <c r="W42285">
        <v>68</v>
      </c>
      <c r="X42285">
        <v>69</v>
      </c>
      <c r="Y42285">
        <v>69</v>
      </c>
      <c r="Z42285">
        <v>70</v>
      </c>
      <c r="AA42285">
        <v>70</v>
      </c>
      <c r="AB42285">
        <v>71</v>
      </c>
      <c r="AC42285">
        <v>71</v>
      </c>
      <c r="AD42285">
        <v>71</v>
      </c>
      <c r="AE42285">
        <v>72</v>
      </c>
      <c r="AF42285">
        <v>72</v>
      </c>
      <c r="AG42285">
        <v>73</v>
      </c>
      <c r="AH42285">
        <v>73</v>
      </c>
      <c r="AI42285">
        <v>73</v>
      </c>
      <c r="AJ42285">
        <v>74</v>
      </c>
      <c r="AK42285">
        <v>74</v>
      </c>
      <c r="AL42285">
        <v>74</v>
      </c>
      <c r="AM42285">
        <v>74</v>
      </c>
      <c r="AN42285">
        <v>73</v>
      </c>
      <c r="AO42285">
        <v>73</v>
      </c>
      <c r="AP42285">
        <v>73</v>
      </c>
      <c r="AQ42285">
        <v>72</v>
      </c>
    </row>
    <row r="42286" spans="1:43">
      <c r="A42286" t="s">
        <v>25959</v>
      </c>
      <c r="B42286" t="s">
        <v>25960</v>
      </c>
      <c r="C42286" t="s">
        <v>13353</v>
      </c>
      <c r="D42286" t="s">
        <v>13354</v>
      </c>
      <c r="E42286" t="s">
        <v>13293</v>
      </c>
      <c r="F42286" t="s">
        <v>13294</v>
      </c>
      <c r="G42286" t="s">
        <v>10214</v>
      </c>
      <c r="H42286" t="s">
        <v>10215</v>
      </c>
      <c r="I42286" s="2">
        <v>1</v>
      </c>
      <c r="J42286" s="2">
        <v>0</v>
      </c>
      <c r="K42286" s="2">
        <v>0</v>
      </c>
      <c r="L42286" t="s">
        <v>120</v>
      </c>
      <c r="M42286" t="s">
        <v>83</v>
      </c>
      <c r="N42286" t="s">
        <v>84</v>
      </c>
      <c r="O42286" t="s">
        <v>85</v>
      </c>
      <c r="P42286" t="s">
        <v>86</v>
      </c>
      <c r="Q42286">
        <v>32</v>
      </c>
      <c r="R42286">
        <v>32</v>
      </c>
      <c r="S42286">
        <v>32</v>
      </c>
      <c r="T42286">
        <v>33</v>
      </c>
      <c r="U42286">
        <v>33</v>
      </c>
      <c r="V42286">
        <v>33</v>
      </c>
      <c r="W42286">
        <v>34</v>
      </c>
      <c r="X42286">
        <v>34</v>
      </c>
      <c r="Y42286">
        <v>34</v>
      </c>
      <c r="Z42286">
        <v>35</v>
      </c>
      <c r="AA42286">
        <v>35</v>
      </c>
      <c r="AB42286">
        <v>35</v>
      </c>
      <c r="AC42286">
        <v>35</v>
      </c>
      <c r="AD42286">
        <v>36</v>
      </c>
      <c r="AE42286">
        <v>36</v>
      </c>
      <c r="AF42286">
        <v>36</v>
      </c>
      <c r="AG42286">
        <v>36</v>
      </c>
      <c r="AH42286">
        <v>37</v>
      </c>
      <c r="AI42286">
        <v>37</v>
      </c>
      <c r="AJ42286">
        <v>37</v>
      </c>
      <c r="AK42286">
        <v>37</v>
      </c>
      <c r="AL42286">
        <v>37</v>
      </c>
      <c r="AM42286">
        <v>37</v>
      </c>
      <c r="AN42286">
        <v>37</v>
      </c>
      <c r="AO42286">
        <v>37</v>
      </c>
      <c r="AP42286">
        <v>37</v>
      </c>
      <c r="AQ42286">
        <v>37</v>
      </c>
    </row>
    <row r="42287" spans="1:43">
      <c r="A42287" t="s">
        <v>25959</v>
      </c>
      <c r="B42287" t="s">
        <v>25960</v>
      </c>
      <c r="C42287" t="s">
        <v>13353</v>
      </c>
      <c r="D42287" t="s">
        <v>13354</v>
      </c>
      <c r="E42287" t="s">
        <v>13293</v>
      </c>
      <c r="F42287" t="s">
        <v>13294</v>
      </c>
      <c r="G42287" t="s">
        <v>10214</v>
      </c>
      <c r="H42287" t="s">
        <v>10215</v>
      </c>
      <c r="I42287" s="2">
        <v>1</v>
      </c>
      <c r="J42287" s="2">
        <v>0</v>
      </c>
      <c r="K42287" s="2">
        <v>0</v>
      </c>
      <c r="L42287" t="s">
        <v>120</v>
      </c>
      <c r="M42287" t="s">
        <v>87</v>
      </c>
      <c r="N42287" t="s">
        <v>88</v>
      </c>
      <c r="O42287" t="s">
        <v>85</v>
      </c>
      <c r="P42287" t="s">
        <v>86</v>
      </c>
      <c r="Q42287">
        <v>32</v>
      </c>
      <c r="R42287">
        <v>32</v>
      </c>
      <c r="S42287">
        <v>33</v>
      </c>
      <c r="T42287">
        <v>33</v>
      </c>
      <c r="U42287">
        <v>33</v>
      </c>
      <c r="V42287">
        <v>33</v>
      </c>
      <c r="W42287">
        <v>33</v>
      </c>
      <c r="X42287">
        <v>33</v>
      </c>
      <c r="Y42287">
        <v>33</v>
      </c>
      <c r="Z42287">
        <v>33</v>
      </c>
      <c r="AA42287">
        <v>33</v>
      </c>
      <c r="AB42287">
        <v>33</v>
      </c>
      <c r="AC42287">
        <v>33</v>
      </c>
      <c r="AD42287">
        <v>33</v>
      </c>
      <c r="AE42287">
        <v>33</v>
      </c>
      <c r="AF42287">
        <v>33</v>
      </c>
      <c r="AG42287">
        <v>33</v>
      </c>
      <c r="AH42287">
        <v>33</v>
      </c>
      <c r="AI42287">
        <v>33</v>
      </c>
      <c r="AJ42287">
        <v>33</v>
      </c>
      <c r="AK42287">
        <v>33</v>
      </c>
      <c r="AL42287">
        <v>33</v>
      </c>
      <c r="AM42287">
        <v>33</v>
      </c>
      <c r="AN42287">
        <v>33</v>
      </c>
      <c r="AO42287">
        <v>33</v>
      </c>
      <c r="AP42287">
        <v>33</v>
      </c>
      <c r="AQ42287">
        <v>33</v>
      </c>
    </row>
    <row r="42288" spans="1:43">
      <c r="A42288" t="s">
        <v>25959</v>
      </c>
      <c r="B42288" t="s">
        <v>25960</v>
      </c>
      <c r="C42288" t="s">
        <v>13353</v>
      </c>
      <c r="D42288" t="s">
        <v>13354</v>
      </c>
      <c r="E42288" t="s">
        <v>13293</v>
      </c>
      <c r="F42288" t="s">
        <v>13294</v>
      </c>
      <c r="G42288" t="s">
        <v>10214</v>
      </c>
      <c r="H42288" t="s">
        <v>10215</v>
      </c>
      <c r="I42288" s="2">
        <v>1</v>
      </c>
      <c r="J42288" s="2">
        <v>0</v>
      </c>
      <c r="K42288" s="2">
        <v>0</v>
      </c>
      <c r="L42288" t="s">
        <v>120</v>
      </c>
      <c r="M42288" t="s">
        <v>89</v>
      </c>
      <c r="N42288" t="s">
        <v>90</v>
      </c>
      <c r="O42288" t="s">
        <v>85</v>
      </c>
      <c r="P42288" t="s">
        <v>86</v>
      </c>
      <c r="Q42288">
        <v>32</v>
      </c>
      <c r="R42288">
        <v>33</v>
      </c>
      <c r="S42288">
        <v>33</v>
      </c>
      <c r="T42288">
        <v>34</v>
      </c>
      <c r="U42288">
        <v>34</v>
      </c>
      <c r="V42288">
        <v>35</v>
      </c>
      <c r="W42288">
        <v>35</v>
      </c>
      <c r="X42288">
        <v>36</v>
      </c>
      <c r="Y42288">
        <v>36</v>
      </c>
      <c r="Z42288">
        <v>37</v>
      </c>
      <c r="AA42288">
        <v>37</v>
      </c>
      <c r="AB42288">
        <v>37</v>
      </c>
      <c r="AC42288">
        <v>38</v>
      </c>
      <c r="AD42288">
        <v>38</v>
      </c>
      <c r="AE42288">
        <v>38</v>
      </c>
      <c r="AF42288">
        <v>38</v>
      </c>
      <c r="AG42288">
        <v>38</v>
      </c>
      <c r="AH42288">
        <v>38</v>
      </c>
      <c r="AI42288">
        <v>38</v>
      </c>
      <c r="AJ42288">
        <v>38</v>
      </c>
      <c r="AK42288">
        <v>38</v>
      </c>
      <c r="AL42288">
        <v>38</v>
      </c>
      <c r="AM42288">
        <v>38</v>
      </c>
      <c r="AN42288">
        <v>38</v>
      </c>
      <c r="AO42288">
        <v>38</v>
      </c>
      <c r="AP42288">
        <v>38</v>
      </c>
      <c r="AQ42288">
        <v>38</v>
      </c>
    </row>
    <row r="42289" spans="1:43">
      <c r="A42289" t="s">
        <v>25959</v>
      </c>
      <c r="B42289" t="s">
        <v>25960</v>
      </c>
      <c r="C42289" t="s">
        <v>13353</v>
      </c>
      <c r="D42289" t="s">
        <v>13354</v>
      </c>
      <c r="E42289" t="s">
        <v>13293</v>
      </c>
      <c r="F42289" t="s">
        <v>13294</v>
      </c>
      <c r="G42289" t="s">
        <v>10214</v>
      </c>
      <c r="H42289" t="s">
        <v>10215</v>
      </c>
      <c r="I42289" s="2">
        <v>1</v>
      </c>
      <c r="J42289" s="2">
        <v>0</v>
      </c>
      <c r="K42289" s="2">
        <v>0</v>
      </c>
      <c r="L42289" t="s">
        <v>120</v>
      </c>
      <c r="M42289" t="s">
        <v>83</v>
      </c>
      <c r="N42289" t="s">
        <v>91</v>
      </c>
      <c r="O42289" t="s">
        <v>85</v>
      </c>
      <c r="P42289" t="s">
        <v>86</v>
      </c>
      <c r="Q42289">
        <v>32</v>
      </c>
      <c r="R42289">
        <v>32</v>
      </c>
      <c r="S42289">
        <v>32</v>
      </c>
      <c r="T42289">
        <v>33</v>
      </c>
      <c r="U42289">
        <v>33</v>
      </c>
      <c r="V42289">
        <v>33</v>
      </c>
      <c r="W42289">
        <v>34</v>
      </c>
      <c r="X42289">
        <v>34</v>
      </c>
      <c r="Y42289">
        <v>34</v>
      </c>
      <c r="Z42289">
        <v>35</v>
      </c>
      <c r="AA42289">
        <v>35</v>
      </c>
      <c r="AB42289">
        <v>35</v>
      </c>
      <c r="AC42289">
        <v>35</v>
      </c>
      <c r="AD42289">
        <v>36</v>
      </c>
      <c r="AE42289">
        <v>36</v>
      </c>
      <c r="AF42289">
        <v>36</v>
      </c>
      <c r="AG42289">
        <v>36</v>
      </c>
      <c r="AH42289">
        <v>37</v>
      </c>
      <c r="AI42289">
        <v>37</v>
      </c>
      <c r="AJ42289">
        <v>37</v>
      </c>
      <c r="AK42289">
        <v>37</v>
      </c>
      <c r="AL42289">
        <v>37</v>
      </c>
      <c r="AM42289">
        <v>37</v>
      </c>
      <c r="AN42289">
        <v>37</v>
      </c>
      <c r="AO42289">
        <v>37</v>
      </c>
      <c r="AP42289">
        <v>37</v>
      </c>
      <c r="AQ42289">
        <v>37</v>
      </c>
    </row>
    <row r="42290" spans="1:43">
      <c r="A42290" t="s">
        <v>25961</v>
      </c>
      <c r="B42290" t="s">
        <v>25962</v>
      </c>
      <c r="C42290" t="s">
        <v>13353</v>
      </c>
      <c r="D42290" t="s">
        <v>13354</v>
      </c>
      <c r="E42290" t="s">
        <v>13293</v>
      </c>
      <c r="F42290" t="s">
        <v>13294</v>
      </c>
      <c r="G42290" t="s">
        <v>10214</v>
      </c>
      <c r="H42290" t="s">
        <v>10215</v>
      </c>
      <c r="I42290" s="2">
        <v>1</v>
      </c>
      <c r="J42290" s="2">
        <v>0</v>
      </c>
      <c r="K42290" s="2">
        <v>0</v>
      </c>
      <c r="L42290" t="s">
        <v>120</v>
      </c>
      <c r="M42290" t="s">
        <v>83</v>
      </c>
      <c r="N42290" t="s">
        <v>84</v>
      </c>
      <c r="O42290" t="s">
        <v>85</v>
      </c>
      <c r="P42290" t="s">
        <v>86</v>
      </c>
      <c r="Q42290">
        <v>113</v>
      </c>
      <c r="R42290">
        <v>115</v>
      </c>
      <c r="S42290">
        <v>116</v>
      </c>
      <c r="T42290">
        <v>117</v>
      </c>
      <c r="U42290">
        <v>118</v>
      </c>
      <c r="V42290">
        <v>119</v>
      </c>
      <c r="W42290">
        <v>121</v>
      </c>
      <c r="X42290">
        <v>122</v>
      </c>
      <c r="Y42290">
        <v>123</v>
      </c>
      <c r="Z42290">
        <v>123</v>
      </c>
      <c r="AA42290">
        <v>124</v>
      </c>
      <c r="AB42290">
        <v>125</v>
      </c>
      <c r="AC42290">
        <v>126</v>
      </c>
      <c r="AD42290">
        <v>127</v>
      </c>
      <c r="AE42290">
        <v>128</v>
      </c>
      <c r="AF42290">
        <v>129</v>
      </c>
      <c r="AG42290">
        <v>130</v>
      </c>
      <c r="AH42290">
        <v>131</v>
      </c>
      <c r="AI42290">
        <v>131</v>
      </c>
      <c r="AJ42290">
        <v>132</v>
      </c>
      <c r="AK42290">
        <v>133</v>
      </c>
      <c r="AL42290">
        <v>133</v>
      </c>
      <c r="AM42290">
        <v>133</v>
      </c>
      <c r="AN42290">
        <v>133</v>
      </c>
      <c r="AO42290">
        <v>133</v>
      </c>
      <c r="AP42290">
        <v>132</v>
      </c>
      <c r="AQ42290">
        <v>132</v>
      </c>
    </row>
    <row r="42291" spans="1:43">
      <c r="A42291" t="s">
        <v>25961</v>
      </c>
      <c r="B42291" t="s">
        <v>25962</v>
      </c>
      <c r="C42291" t="s">
        <v>13353</v>
      </c>
      <c r="D42291" t="s">
        <v>13354</v>
      </c>
      <c r="E42291" t="s">
        <v>13293</v>
      </c>
      <c r="F42291" t="s">
        <v>13294</v>
      </c>
      <c r="G42291" t="s">
        <v>10214</v>
      </c>
      <c r="H42291" t="s">
        <v>10215</v>
      </c>
      <c r="I42291" s="2">
        <v>1</v>
      </c>
      <c r="J42291" s="2">
        <v>0</v>
      </c>
      <c r="K42291" s="2">
        <v>0</v>
      </c>
      <c r="L42291" t="s">
        <v>120</v>
      </c>
      <c r="M42291" t="s">
        <v>87</v>
      </c>
      <c r="N42291" t="s">
        <v>88</v>
      </c>
      <c r="O42291" t="s">
        <v>85</v>
      </c>
      <c r="P42291" t="s">
        <v>86</v>
      </c>
      <c r="Q42291">
        <v>113</v>
      </c>
      <c r="R42291">
        <v>113</v>
      </c>
      <c r="S42291">
        <v>114</v>
      </c>
      <c r="T42291">
        <v>114</v>
      </c>
      <c r="U42291">
        <v>114</v>
      </c>
      <c r="V42291">
        <v>114</v>
      </c>
      <c r="W42291">
        <v>114</v>
      </c>
      <c r="X42291">
        <v>114</v>
      </c>
      <c r="Y42291">
        <v>114</v>
      </c>
      <c r="Z42291">
        <v>115</v>
      </c>
      <c r="AA42291">
        <v>115</v>
      </c>
      <c r="AB42291">
        <v>115</v>
      </c>
      <c r="AC42291">
        <v>115</v>
      </c>
      <c r="AD42291">
        <v>115</v>
      </c>
      <c r="AE42291">
        <v>115</v>
      </c>
      <c r="AF42291">
        <v>115</v>
      </c>
      <c r="AG42291">
        <v>115</v>
      </c>
      <c r="AH42291">
        <v>115</v>
      </c>
      <c r="AI42291">
        <v>115</v>
      </c>
      <c r="AJ42291">
        <v>116</v>
      </c>
      <c r="AK42291">
        <v>116</v>
      </c>
      <c r="AL42291">
        <v>116</v>
      </c>
      <c r="AM42291">
        <v>116</v>
      </c>
      <c r="AN42291">
        <v>116</v>
      </c>
      <c r="AO42291">
        <v>116</v>
      </c>
      <c r="AP42291">
        <v>116</v>
      </c>
      <c r="AQ42291">
        <v>116</v>
      </c>
    </row>
    <row r="42292" spans="1:43">
      <c r="A42292" t="s">
        <v>25961</v>
      </c>
      <c r="B42292" t="s">
        <v>25962</v>
      </c>
      <c r="C42292" t="s">
        <v>13353</v>
      </c>
      <c r="D42292" t="s">
        <v>13354</v>
      </c>
      <c r="E42292" t="s">
        <v>13293</v>
      </c>
      <c r="F42292" t="s">
        <v>13294</v>
      </c>
      <c r="G42292" t="s">
        <v>10214</v>
      </c>
      <c r="H42292" t="s">
        <v>10215</v>
      </c>
      <c r="I42292" s="2">
        <v>1</v>
      </c>
      <c r="J42292" s="2">
        <v>0</v>
      </c>
      <c r="K42292" s="2">
        <v>0</v>
      </c>
      <c r="L42292" t="s">
        <v>120</v>
      </c>
      <c r="M42292" t="s">
        <v>89</v>
      </c>
      <c r="N42292" t="s">
        <v>90</v>
      </c>
      <c r="O42292" t="s">
        <v>85</v>
      </c>
      <c r="P42292" t="s">
        <v>86</v>
      </c>
      <c r="Q42292">
        <v>113</v>
      </c>
      <c r="R42292">
        <v>116</v>
      </c>
      <c r="S42292">
        <v>118</v>
      </c>
      <c r="T42292">
        <v>120</v>
      </c>
      <c r="U42292">
        <v>122</v>
      </c>
      <c r="V42292">
        <v>124</v>
      </c>
      <c r="W42292">
        <v>125</v>
      </c>
      <c r="X42292">
        <v>127</v>
      </c>
      <c r="Y42292">
        <v>128</v>
      </c>
      <c r="Z42292">
        <v>130</v>
      </c>
      <c r="AA42292">
        <v>131</v>
      </c>
      <c r="AB42292">
        <v>132</v>
      </c>
      <c r="AC42292">
        <v>134</v>
      </c>
      <c r="AD42292">
        <v>135</v>
      </c>
      <c r="AE42292">
        <v>136</v>
      </c>
      <c r="AF42292">
        <v>136</v>
      </c>
      <c r="AG42292">
        <v>135</v>
      </c>
      <c r="AH42292">
        <v>135</v>
      </c>
      <c r="AI42292">
        <v>135</v>
      </c>
      <c r="AJ42292">
        <v>135</v>
      </c>
      <c r="AK42292">
        <v>135</v>
      </c>
      <c r="AL42292">
        <v>134</v>
      </c>
      <c r="AM42292">
        <v>134</v>
      </c>
      <c r="AN42292">
        <v>134</v>
      </c>
      <c r="AO42292">
        <v>134</v>
      </c>
      <c r="AP42292">
        <v>133</v>
      </c>
      <c r="AQ42292">
        <v>133</v>
      </c>
    </row>
    <row r="42293" spans="1:43">
      <c r="A42293" t="s">
        <v>25961</v>
      </c>
      <c r="B42293" t="s">
        <v>25962</v>
      </c>
      <c r="C42293" t="s">
        <v>13353</v>
      </c>
      <c r="D42293" t="s">
        <v>13354</v>
      </c>
      <c r="E42293" t="s">
        <v>13293</v>
      </c>
      <c r="F42293" t="s">
        <v>13294</v>
      </c>
      <c r="G42293" t="s">
        <v>10214</v>
      </c>
      <c r="H42293" t="s">
        <v>10215</v>
      </c>
      <c r="I42293" s="2">
        <v>1</v>
      </c>
      <c r="J42293" s="2">
        <v>0</v>
      </c>
      <c r="K42293" s="2">
        <v>0</v>
      </c>
      <c r="L42293" t="s">
        <v>120</v>
      </c>
      <c r="M42293" t="s">
        <v>83</v>
      </c>
      <c r="N42293" t="s">
        <v>91</v>
      </c>
      <c r="O42293" t="s">
        <v>85</v>
      </c>
      <c r="P42293" t="s">
        <v>86</v>
      </c>
      <c r="Q42293">
        <v>113</v>
      </c>
      <c r="R42293">
        <v>115</v>
      </c>
      <c r="S42293">
        <v>116</v>
      </c>
      <c r="T42293">
        <v>117</v>
      </c>
      <c r="U42293">
        <v>118</v>
      </c>
      <c r="V42293">
        <v>119</v>
      </c>
      <c r="W42293">
        <v>121</v>
      </c>
      <c r="X42293">
        <v>122</v>
      </c>
      <c r="Y42293">
        <v>123</v>
      </c>
      <c r="Z42293">
        <v>123</v>
      </c>
      <c r="AA42293">
        <v>124</v>
      </c>
      <c r="AB42293">
        <v>125</v>
      </c>
      <c r="AC42293">
        <v>126</v>
      </c>
      <c r="AD42293">
        <v>127</v>
      </c>
      <c r="AE42293">
        <v>128</v>
      </c>
      <c r="AF42293">
        <v>129</v>
      </c>
      <c r="AG42293">
        <v>130</v>
      </c>
      <c r="AH42293">
        <v>131</v>
      </c>
      <c r="AI42293">
        <v>131</v>
      </c>
      <c r="AJ42293">
        <v>132</v>
      </c>
      <c r="AK42293">
        <v>133</v>
      </c>
      <c r="AL42293">
        <v>133</v>
      </c>
      <c r="AM42293">
        <v>133</v>
      </c>
      <c r="AN42293">
        <v>133</v>
      </c>
      <c r="AO42293">
        <v>133</v>
      </c>
      <c r="AP42293">
        <v>132</v>
      </c>
      <c r="AQ42293">
        <v>132</v>
      </c>
    </row>
    <row r="42294" spans="1:43">
      <c r="A42294" t="s">
        <v>25963</v>
      </c>
      <c r="B42294" t="s">
        <v>25964</v>
      </c>
      <c r="C42294" t="s">
        <v>13339</v>
      </c>
      <c r="D42294" t="s">
        <v>13340</v>
      </c>
      <c r="E42294" t="s">
        <v>13293</v>
      </c>
      <c r="F42294" t="s">
        <v>13294</v>
      </c>
      <c r="G42294" t="s">
        <v>10214</v>
      </c>
      <c r="H42294" t="s">
        <v>10215</v>
      </c>
      <c r="I42294" s="2">
        <v>1</v>
      </c>
      <c r="J42294" s="2">
        <v>0</v>
      </c>
      <c r="K42294" s="2">
        <v>0</v>
      </c>
      <c r="L42294" t="s">
        <v>120</v>
      </c>
      <c r="M42294" t="s">
        <v>83</v>
      </c>
      <c r="N42294" t="s">
        <v>84</v>
      </c>
      <c r="O42294" t="s">
        <v>85</v>
      </c>
      <c r="P42294" t="s">
        <v>86</v>
      </c>
      <c r="Q42294">
        <v>37</v>
      </c>
      <c r="R42294">
        <v>37</v>
      </c>
      <c r="S42294">
        <v>38</v>
      </c>
      <c r="T42294">
        <v>38</v>
      </c>
      <c r="U42294">
        <v>39</v>
      </c>
      <c r="V42294">
        <v>39</v>
      </c>
      <c r="W42294">
        <v>39</v>
      </c>
      <c r="X42294">
        <v>40</v>
      </c>
      <c r="Y42294">
        <v>40</v>
      </c>
      <c r="Z42294">
        <v>40</v>
      </c>
      <c r="AA42294">
        <v>40</v>
      </c>
      <c r="AB42294">
        <v>41</v>
      </c>
      <c r="AC42294">
        <v>41</v>
      </c>
      <c r="AD42294">
        <v>41</v>
      </c>
      <c r="AE42294">
        <v>41</v>
      </c>
      <c r="AF42294">
        <v>42</v>
      </c>
      <c r="AG42294">
        <v>42</v>
      </c>
      <c r="AH42294">
        <v>42</v>
      </c>
      <c r="AI42294">
        <v>42</v>
      </c>
      <c r="AJ42294">
        <v>42</v>
      </c>
      <c r="AK42294">
        <v>43</v>
      </c>
      <c r="AL42294">
        <v>43</v>
      </c>
      <c r="AM42294">
        <v>43</v>
      </c>
      <c r="AN42294">
        <v>42</v>
      </c>
      <c r="AO42294">
        <v>42</v>
      </c>
      <c r="AP42294">
        <v>42</v>
      </c>
      <c r="AQ42294">
        <v>42</v>
      </c>
    </row>
    <row r="42295" spans="1:43">
      <c r="A42295" t="s">
        <v>25963</v>
      </c>
      <c r="B42295" t="s">
        <v>25964</v>
      </c>
      <c r="C42295" t="s">
        <v>13339</v>
      </c>
      <c r="D42295" t="s">
        <v>13340</v>
      </c>
      <c r="E42295" t="s">
        <v>13293</v>
      </c>
      <c r="F42295" t="s">
        <v>13294</v>
      </c>
      <c r="G42295" t="s">
        <v>10214</v>
      </c>
      <c r="H42295" t="s">
        <v>10215</v>
      </c>
      <c r="I42295" s="2">
        <v>1</v>
      </c>
      <c r="J42295" s="2">
        <v>0</v>
      </c>
      <c r="K42295" s="2">
        <v>0</v>
      </c>
      <c r="L42295" t="s">
        <v>120</v>
      </c>
      <c r="M42295" t="s">
        <v>87</v>
      </c>
      <c r="N42295" t="s">
        <v>88</v>
      </c>
      <c r="O42295" t="s">
        <v>85</v>
      </c>
      <c r="P42295" t="s">
        <v>86</v>
      </c>
      <c r="Q42295">
        <v>37</v>
      </c>
      <c r="R42295">
        <v>37</v>
      </c>
      <c r="S42295">
        <v>37</v>
      </c>
      <c r="T42295">
        <v>37</v>
      </c>
      <c r="U42295">
        <v>37</v>
      </c>
      <c r="V42295">
        <v>37</v>
      </c>
      <c r="W42295">
        <v>37</v>
      </c>
      <c r="X42295">
        <v>37</v>
      </c>
      <c r="Y42295">
        <v>37</v>
      </c>
      <c r="Z42295">
        <v>37</v>
      </c>
      <c r="AA42295">
        <v>37</v>
      </c>
      <c r="AB42295">
        <v>37</v>
      </c>
      <c r="AC42295">
        <v>37</v>
      </c>
      <c r="AD42295">
        <v>37</v>
      </c>
      <c r="AE42295">
        <v>37</v>
      </c>
      <c r="AF42295">
        <v>37</v>
      </c>
      <c r="AG42295">
        <v>37</v>
      </c>
      <c r="AH42295">
        <v>37</v>
      </c>
      <c r="AI42295">
        <v>37</v>
      </c>
      <c r="AJ42295">
        <v>37</v>
      </c>
      <c r="AK42295">
        <v>37</v>
      </c>
      <c r="AL42295">
        <v>37</v>
      </c>
      <c r="AM42295">
        <v>37</v>
      </c>
      <c r="AN42295">
        <v>37</v>
      </c>
      <c r="AO42295">
        <v>37</v>
      </c>
      <c r="AP42295">
        <v>37</v>
      </c>
      <c r="AQ42295">
        <v>37</v>
      </c>
    </row>
    <row r="42296" spans="1:43">
      <c r="A42296" t="s">
        <v>25963</v>
      </c>
      <c r="B42296" t="s">
        <v>25964</v>
      </c>
      <c r="C42296" t="s">
        <v>13339</v>
      </c>
      <c r="D42296" t="s">
        <v>13340</v>
      </c>
      <c r="E42296" t="s">
        <v>13293</v>
      </c>
      <c r="F42296" t="s">
        <v>13294</v>
      </c>
      <c r="G42296" t="s">
        <v>10214</v>
      </c>
      <c r="H42296" t="s">
        <v>10215</v>
      </c>
      <c r="I42296" s="2">
        <v>1</v>
      </c>
      <c r="J42296" s="2">
        <v>0</v>
      </c>
      <c r="K42296" s="2">
        <v>0</v>
      </c>
      <c r="L42296" t="s">
        <v>120</v>
      </c>
      <c r="M42296" t="s">
        <v>89</v>
      </c>
      <c r="N42296" t="s">
        <v>90</v>
      </c>
      <c r="O42296" t="s">
        <v>85</v>
      </c>
      <c r="P42296" t="s">
        <v>86</v>
      </c>
      <c r="Q42296">
        <v>37</v>
      </c>
      <c r="R42296">
        <v>38</v>
      </c>
      <c r="S42296">
        <v>39</v>
      </c>
      <c r="T42296">
        <v>39</v>
      </c>
      <c r="U42296">
        <v>40</v>
      </c>
      <c r="V42296">
        <v>41</v>
      </c>
      <c r="W42296">
        <v>41</v>
      </c>
      <c r="X42296">
        <v>42</v>
      </c>
      <c r="Y42296">
        <v>42</v>
      </c>
      <c r="Z42296">
        <v>42</v>
      </c>
      <c r="AA42296">
        <v>43</v>
      </c>
      <c r="AB42296">
        <v>43</v>
      </c>
      <c r="AC42296">
        <v>44</v>
      </c>
      <c r="AD42296">
        <v>44</v>
      </c>
      <c r="AE42296">
        <v>44</v>
      </c>
      <c r="AF42296">
        <v>44</v>
      </c>
      <c r="AG42296">
        <v>44</v>
      </c>
      <c r="AH42296">
        <v>44</v>
      </c>
      <c r="AI42296">
        <v>44</v>
      </c>
      <c r="AJ42296">
        <v>43</v>
      </c>
      <c r="AK42296">
        <v>43</v>
      </c>
      <c r="AL42296">
        <v>43</v>
      </c>
      <c r="AM42296">
        <v>43</v>
      </c>
      <c r="AN42296">
        <v>43</v>
      </c>
      <c r="AO42296">
        <v>43</v>
      </c>
      <c r="AP42296">
        <v>43</v>
      </c>
      <c r="AQ42296">
        <v>42</v>
      </c>
    </row>
    <row r="42297" spans="1:43">
      <c r="A42297" t="s">
        <v>25963</v>
      </c>
      <c r="B42297" t="s">
        <v>25964</v>
      </c>
      <c r="C42297" t="s">
        <v>13339</v>
      </c>
      <c r="D42297" t="s">
        <v>13340</v>
      </c>
      <c r="E42297" t="s">
        <v>13293</v>
      </c>
      <c r="F42297" t="s">
        <v>13294</v>
      </c>
      <c r="G42297" t="s">
        <v>10214</v>
      </c>
      <c r="H42297" t="s">
        <v>10215</v>
      </c>
      <c r="I42297" s="2">
        <v>1</v>
      </c>
      <c r="J42297" s="2">
        <v>0</v>
      </c>
      <c r="K42297" s="2">
        <v>0</v>
      </c>
      <c r="L42297" t="s">
        <v>120</v>
      </c>
      <c r="M42297" t="s">
        <v>83</v>
      </c>
      <c r="N42297" t="s">
        <v>91</v>
      </c>
      <c r="O42297" t="s">
        <v>85</v>
      </c>
      <c r="P42297" t="s">
        <v>86</v>
      </c>
      <c r="Q42297">
        <v>37</v>
      </c>
      <c r="R42297">
        <v>37</v>
      </c>
      <c r="S42297">
        <v>38</v>
      </c>
      <c r="T42297">
        <v>38</v>
      </c>
      <c r="U42297">
        <v>39</v>
      </c>
      <c r="V42297">
        <v>39</v>
      </c>
      <c r="W42297">
        <v>39</v>
      </c>
      <c r="X42297">
        <v>40</v>
      </c>
      <c r="Y42297">
        <v>40</v>
      </c>
      <c r="Z42297">
        <v>40</v>
      </c>
      <c r="AA42297">
        <v>40</v>
      </c>
      <c r="AB42297">
        <v>41</v>
      </c>
      <c r="AC42297">
        <v>41</v>
      </c>
      <c r="AD42297">
        <v>41</v>
      </c>
      <c r="AE42297">
        <v>41</v>
      </c>
      <c r="AF42297">
        <v>42</v>
      </c>
      <c r="AG42297">
        <v>42</v>
      </c>
      <c r="AH42297">
        <v>42</v>
      </c>
      <c r="AI42297">
        <v>42</v>
      </c>
      <c r="AJ42297">
        <v>42</v>
      </c>
      <c r="AK42297">
        <v>43</v>
      </c>
      <c r="AL42297">
        <v>43</v>
      </c>
      <c r="AM42297">
        <v>43</v>
      </c>
      <c r="AN42297">
        <v>42</v>
      </c>
      <c r="AO42297">
        <v>42</v>
      </c>
      <c r="AP42297">
        <v>42</v>
      </c>
      <c r="AQ42297">
        <v>42</v>
      </c>
    </row>
    <row r="42298" spans="1:43">
      <c r="A42298" t="s">
        <v>25965</v>
      </c>
      <c r="B42298" t="s">
        <v>25966</v>
      </c>
      <c r="C42298" t="s">
        <v>13339</v>
      </c>
      <c r="D42298" t="s">
        <v>13340</v>
      </c>
      <c r="E42298" t="s">
        <v>13293</v>
      </c>
      <c r="F42298" t="s">
        <v>13294</v>
      </c>
      <c r="G42298" t="s">
        <v>10214</v>
      </c>
      <c r="H42298" t="s">
        <v>10215</v>
      </c>
      <c r="I42298" s="2">
        <v>1</v>
      </c>
      <c r="J42298" s="2">
        <v>0</v>
      </c>
      <c r="K42298" s="2">
        <v>0</v>
      </c>
      <c r="L42298" t="s">
        <v>120</v>
      </c>
      <c r="M42298" t="s">
        <v>83</v>
      </c>
      <c r="N42298" t="s">
        <v>84</v>
      </c>
      <c r="O42298" t="s">
        <v>85</v>
      </c>
      <c r="P42298" t="s">
        <v>86</v>
      </c>
      <c r="Q42298">
        <v>11</v>
      </c>
      <c r="R42298">
        <v>12</v>
      </c>
      <c r="S42298">
        <v>12</v>
      </c>
      <c r="T42298">
        <v>12</v>
      </c>
      <c r="U42298">
        <v>12</v>
      </c>
      <c r="V42298">
        <v>12</v>
      </c>
      <c r="W42298">
        <v>12</v>
      </c>
      <c r="X42298">
        <v>12</v>
      </c>
      <c r="Y42298">
        <v>12</v>
      </c>
      <c r="Z42298">
        <v>12</v>
      </c>
      <c r="AA42298">
        <v>12</v>
      </c>
      <c r="AB42298">
        <v>13</v>
      </c>
      <c r="AC42298">
        <v>13</v>
      </c>
      <c r="AD42298">
        <v>13</v>
      </c>
      <c r="AE42298">
        <v>13</v>
      </c>
      <c r="AF42298">
        <v>13</v>
      </c>
      <c r="AG42298">
        <v>13</v>
      </c>
      <c r="AH42298">
        <v>13</v>
      </c>
      <c r="AI42298">
        <v>13</v>
      </c>
      <c r="AJ42298">
        <v>13</v>
      </c>
      <c r="AK42298">
        <v>13</v>
      </c>
      <c r="AL42298">
        <v>13</v>
      </c>
      <c r="AM42298">
        <v>13</v>
      </c>
      <c r="AN42298">
        <v>13</v>
      </c>
      <c r="AO42298">
        <v>13</v>
      </c>
      <c r="AP42298">
        <v>13</v>
      </c>
      <c r="AQ42298">
        <v>13</v>
      </c>
    </row>
    <row r="42299" spans="1:43">
      <c r="A42299" t="s">
        <v>25965</v>
      </c>
      <c r="B42299" t="s">
        <v>25966</v>
      </c>
      <c r="C42299" t="s">
        <v>13339</v>
      </c>
      <c r="D42299" t="s">
        <v>13340</v>
      </c>
      <c r="E42299" t="s">
        <v>13293</v>
      </c>
      <c r="F42299" t="s">
        <v>13294</v>
      </c>
      <c r="G42299" t="s">
        <v>10214</v>
      </c>
      <c r="H42299" t="s">
        <v>10215</v>
      </c>
      <c r="I42299" s="2">
        <v>1</v>
      </c>
      <c r="J42299" s="2">
        <v>0</v>
      </c>
      <c r="K42299" s="2">
        <v>0</v>
      </c>
      <c r="L42299" t="s">
        <v>120</v>
      </c>
      <c r="M42299" t="s">
        <v>87</v>
      </c>
      <c r="N42299" t="s">
        <v>88</v>
      </c>
      <c r="O42299" t="s">
        <v>85</v>
      </c>
      <c r="P42299" t="s">
        <v>86</v>
      </c>
      <c r="Q42299">
        <v>11</v>
      </c>
      <c r="R42299">
        <v>11</v>
      </c>
      <c r="S42299">
        <v>11</v>
      </c>
      <c r="T42299">
        <v>11</v>
      </c>
      <c r="U42299">
        <v>11</v>
      </c>
      <c r="V42299">
        <v>11</v>
      </c>
      <c r="W42299">
        <v>11</v>
      </c>
      <c r="X42299">
        <v>11</v>
      </c>
      <c r="Y42299">
        <v>11</v>
      </c>
      <c r="Z42299">
        <v>11</v>
      </c>
      <c r="AA42299">
        <v>11</v>
      </c>
      <c r="AB42299">
        <v>11</v>
      </c>
      <c r="AC42299">
        <v>11</v>
      </c>
      <c r="AD42299">
        <v>11</v>
      </c>
      <c r="AE42299">
        <v>11</v>
      </c>
      <c r="AF42299">
        <v>11</v>
      </c>
      <c r="AG42299">
        <v>11</v>
      </c>
      <c r="AH42299">
        <v>11</v>
      </c>
      <c r="AI42299">
        <v>11</v>
      </c>
      <c r="AJ42299">
        <v>11</v>
      </c>
      <c r="AK42299">
        <v>11</v>
      </c>
      <c r="AL42299">
        <v>11</v>
      </c>
      <c r="AM42299">
        <v>11</v>
      </c>
      <c r="AN42299">
        <v>11</v>
      </c>
      <c r="AO42299">
        <v>11</v>
      </c>
      <c r="AP42299">
        <v>11</v>
      </c>
      <c r="AQ42299">
        <v>11</v>
      </c>
    </row>
    <row r="42300" spans="1:43">
      <c r="A42300" t="s">
        <v>25965</v>
      </c>
      <c r="B42300" t="s">
        <v>25966</v>
      </c>
      <c r="C42300" t="s">
        <v>13339</v>
      </c>
      <c r="D42300" t="s">
        <v>13340</v>
      </c>
      <c r="E42300" t="s">
        <v>13293</v>
      </c>
      <c r="F42300" t="s">
        <v>13294</v>
      </c>
      <c r="G42300" t="s">
        <v>10214</v>
      </c>
      <c r="H42300" t="s">
        <v>10215</v>
      </c>
      <c r="I42300" s="2">
        <v>1</v>
      </c>
      <c r="J42300" s="2">
        <v>0</v>
      </c>
      <c r="K42300" s="2">
        <v>0</v>
      </c>
      <c r="L42300" t="s">
        <v>120</v>
      </c>
      <c r="M42300" t="s">
        <v>89</v>
      </c>
      <c r="N42300" t="s">
        <v>90</v>
      </c>
      <c r="O42300" t="s">
        <v>85</v>
      </c>
      <c r="P42300" t="s">
        <v>86</v>
      </c>
      <c r="Q42300">
        <v>11</v>
      </c>
      <c r="R42300">
        <v>11</v>
      </c>
      <c r="S42300">
        <v>11</v>
      </c>
      <c r="T42300">
        <v>11</v>
      </c>
      <c r="U42300">
        <v>11</v>
      </c>
      <c r="V42300">
        <v>12</v>
      </c>
      <c r="W42300">
        <v>12</v>
      </c>
      <c r="X42300">
        <v>12</v>
      </c>
      <c r="Y42300">
        <v>12</v>
      </c>
      <c r="Z42300">
        <v>12</v>
      </c>
      <c r="AA42300">
        <v>12</v>
      </c>
      <c r="AB42300">
        <v>12</v>
      </c>
      <c r="AC42300">
        <v>12</v>
      </c>
      <c r="AD42300">
        <v>13</v>
      </c>
      <c r="AE42300">
        <v>13</v>
      </c>
      <c r="AF42300">
        <v>13</v>
      </c>
      <c r="AG42300">
        <v>13</v>
      </c>
      <c r="AH42300">
        <v>13</v>
      </c>
      <c r="AI42300">
        <v>12</v>
      </c>
      <c r="AJ42300">
        <v>12</v>
      </c>
      <c r="AK42300">
        <v>12</v>
      </c>
      <c r="AL42300">
        <v>12</v>
      </c>
      <c r="AM42300">
        <v>12</v>
      </c>
      <c r="AN42300">
        <v>12</v>
      </c>
      <c r="AO42300">
        <v>12</v>
      </c>
      <c r="AP42300">
        <v>12</v>
      </c>
      <c r="AQ42300">
        <v>12</v>
      </c>
    </row>
    <row r="42301" spans="1:43">
      <c r="A42301" t="s">
        <v>25965</v>
      </c>
      <c r="B42301" t="s">
        <v>25966</v>
      </c>
      <c r="C42301" t="s">
        <v>13339</v>
      </c>
      <c r="D42301" t="s">
        <v>13340</v>
      </c>
      <c r="E42301" t="s">
        <v>13293</v>
      </c>
      <c r="F42301" t="s">
        <v>13294</v>
      </c>
      <c r="G42301" t="s">
        <v>10214</v>
      </c>
      <c r="H42301" t="s">
        <v>10215</v>
      </c>
      <c r="I42301" s="2">
        <v>1</v>
      </c>
      <c r="J42301" s="2">
        <v>0</v>
      </c>
      <c r="K42301" s="2">
        <v>0</v>
      </c>
      <c r="L42301" t="s">
        <v>120</v>
      </c>
      <c r="M42301" t="s">
        <v>83</v>
      </c>
      <c r="N42301" t="s">
        <v>91</v>
      </c>
      <c r="O42301" t="s">
        <v>85</v>
      </c>
      <c r="P42301" t="s">
        <v>86</v>
      </c>
      <c r="Q42301">
        <v>11</v>
      </c>
      <c r="R42301">
        <v>12</v>
      </c>
      <c r="S42301">
        <v>12</v>
      </c>
      <c r="T42301">
        <v>12</v>
      </c>
      <c r="U42301">
        <v>12</v>
      </c>
      <c r="V42301">
        <v>12</v>
      </c>
      <c r="W42301">
        <v>12</v>
      </c>
      <c r="X42301">
        <v>12</v>
      </c>
      <c r="Y42301">
        <v>12</v>
      </c>
      <c r="Z42301">
        <v>12</v>
      </c>
      <c r="AA42301">
        <v>12</v>
      </c>
      <c r="AB42301">
        <v>13</v>
      </c>
      <c r="AC42301">
        <v>13</v>
      </c>
      <c r="AD42301">
        <v>13</v>
      </c>
      <c r="AE42301">
        <v>13</v>
      </c>
      <c r="AF42301">
        <v>13</v>
      </c>
      <c r="AG42301">
        <v>13</v>
      </c>
      <c r="AH42301">
        <v>13</v>
      </c>
      <c r="AI42301">
        <v>13</v>
      </c>
      <c r="AJ42301">
        <v>13</v>
      </c>
      <c r="AK42301">
        <v>13</v>
      </c>
      <c r="AL42301">
        <v>13</v>
      </c>
      <c r="AM42301">
        <v>13</v>
      </c>
      <c r="AN42301">
        <v>13</v>
      </c>
      <c r="AO42301">
        <v>13</v>
      </c>
      <c r="AP42301">
        <v>13</v>
      </c>
      <c r="AQ42301">
        <v>13</v>
      </c>
    </row>
    <row r="42302" spans="1:43">
      <c r="A42302" t="s">
        <v>25967</v>
      </c>
      <c r="B42302" t="s">
        <v>25968</v>
      </c>
      <c r="C42302" t="s">
        <v>13347</v>
      </c>
      <c r="D42302" t="s">
        <v>13348</v>
      </c>
      <c r="E42302" t="s">
        <v>13293</v>
      </c>
      <c r="F42302" t="s">
        <v>13294</v>
      </c>
      <c r="G42302" t="s">
        <v>10214</v>
      </c>
      <c r="H42302" t="s">
        <v>10215</v>
      </c>
      <c r="I42302" s="2">
        <v>1</v>
      </c>
      <c r="J42302" s="2">
        <v>0</v>
      </c>
      <c r="K42302" s="2">
        <v>0</v>
      </c>
      <c r="L42302" t="s">
        <v>120</v>
      </c>
      <c r="M42302" t="s">
        <v>83</v>
      </c>
      <c r="N42302" t="s">
        <v>84</v>
      </c>
      <c r="O42302" t="s">
        <v>85</v>
      </c>
      <c r="P42302" t="s">
        <v>86</v>
      </c>
      <c r="Q42302">
        <v>28</v>
      </c>
      <c r="R42302">
        <v>29</v>
      </c>
      <c r="S42302">
        <v>29</v>
      </c>
      <c r="T42302">
        <v>29</v>
      </c>
      <c r="U42302">
        <v>29</v>
      </c>
      <c r="V42302">
        <v>30</v>
      </c>
      <c r="W42302">
        <v>30</v>
      </c>
      <c r="X42302">
        <v>30</v>
      </c>
      <c r="Y42302">
        <v>30</v>
      </c>
      <c r="Z42302">
        <v>30</v>
      </c>
      <c r="AA42302">
        <v>30</v>
      </c>
      <c r="AB42302">
        <v>31</v>
      </c>
      <c r="AC42302">
        <v>31</v>
      </c>
      <c r="AD42302">
        <v>31</v>
      </c>
      <c r="AE42302">
        <v>31</v>
      </c>
      <c r="AF42302">
        <v>31</v>
      </c>
      <c r="AG42302">
        <v>31</v>
      </c>
      <c r="AH42302">
        <v>32</v>
      </c>
      <c r="AI42302">
        <v>32</v>
      </c>
      <c r="AJ42302">
        <v>32</v>
      </c>
      <c r="AK42302">
        <v>32</v>
      </c>
      <c r="AL42302">
        <v>32</v>
      </c>
      <c r="AM42302">
        <v>32</v>
      </c>
      <c r="AN42302">
        <v>32</v>
      </c>
      <c r="AO42302">
        <v>31</v>
      </c>
      <c r="AP42302">
        <v>31</v>
      </c>
      <c r="AQ42302">
        <v>31</v>
      </c>
    </row>
    <row r="42303" spans="1:43">
      <c r="A42303" t="s">
        <v>25967</v>
      </c>
      <c r="B42303" t="s">
        <v>25968</v>
      </c>
      <c r="C42303" t="s">
        <v>13347</v>
      </c>
      <c r="D42303" t="s">
        <v>13348</v>
      </c>
      <c r="E42303" t="s">
        <v>13293</v>
      </c>
      <c r="F42303" t="s">
        <v>13294</v>
      </c>
      <c r="G42303" t="s">
        <v>10214</v>
      </c>
      <c r="H42303" t="s">
        <v>10215</v>
      </c>
      <c r="I42303" s="2">
        <v>1</v>
      </c>
      <c r="J42303" s="2">
        <v>0</v>
      </c>
      <c r="K42303" s="2">
        <v>0</v>
      </c>
      <c r="L42303" t="s">
        <v>120</v>
      </c>
      <c r="M42303" t="s">
        <v>87</v>
      </c>
      <c r="N42303" t="s">
        <v>88</v>
      </c>
      <c r="O42303" t="s">
        <v>85</v>
      </c>
      <c r="P42303" t="s">
        <v>86</v>
      </c>
      <c r="Q42303">
        <v>28</v>
      </c>
      <c r="R42303">
        <v>28</v>
      </c>
      <c r="S42303">
        <v>28</v>
      </c>
      <c r="T42303">
        <v>28</v>
      </c>
      <c r="U42303">
        <v>28</v>
      </c>
      <c r="V42303">
        <v>28</v>
      </c>
      <c r="W42303">
        <v>28</v>
      </c>
      <c r="X42303">
        <v>28</v>
      </c>
      <c r="Y42303">
        <v>28</v>
      </c>
      <c r="Z42303">
        <v>28</v>
      </c>
      <c r="AA42303">
        <v>28</v>
      </c>
      <c r="AB42303">
        <v>28</v>
      </c>
      <c r="AC42303">
        <v>28</v>
      </c>
      <c r="AD42303">
        <v>28</v>
      </c>
      <c r="AE42303">
        <v>28</v>
      </c>
      <c r="AF42303">
        <v>28</v>
      </c>
      <c r="AG42303">
        <v>28</v>
      </c>
      <c r="AH42303">
        <v>27</v>
      </c>
      <c r="AI42303">
        <v>27</v>
      </c>
      <c r="AJ42303">
        <v>27</v>
      </c>
      <c r="AK42303">
        <v>27</v>
      </c>
      <c r="AL42303">
        <v>27</v>
      </c>
      <c r="AM42303">
        <v>27</v>
      </c>
      <c r="AN42303">
        <v>27</v>
      </c>
      <c r="AO42303">
        <v>27</v>
      </c>
      <c r="AP42303">
        <v>27</v>
      </c>
      <c r="AQ42303">
        <v>27</v>
      </c>
    </row>
    <row r="42304" spans="1:43">
      <c r="A42304" t="s">
        <v>25967</v>
      </c>
      <c r="B42304" t="s">
        <v>25968</v>
      </c>
      <c r="C42304" t="s">
        <v>13347</v>
      </c>
      <c r="D42304" t="s">
        <v>13348</v>
      </c>
      <c r="E42304" t="s">
        <v>13293</v>
      </c>
      <c r="F42304" t="s">
        <v>13294</v>
      </c>
      <c r="G42304" t="s">
        <v>10214</v>
      </c>
      <c r="H42304" t="s">
        <v>10215</v>
      </c>
      <c r="I42304" s="2">
        <v>1</v>
      </c>
      <c r="J42304" s="2">
        <v>0</v>
      </c>
      <c r="K42304" s="2">
        <v>0</v>
      </c>
      <c r="L42304" t="s">
        <v>120</v>
      </c>
      <c r="M42304" t="s">
        <v>89</v>
      </c>
      <c r="N42304" t="s">
        <v>90</v>
      </c>
      <c r="O42304" t="s">
        <v>85</v>
      </c>
      <c r="P42304" t="s">
        <v>86</v>
      </c>
      <c r="Q42304">
        <v>28</v>
      </c>
      <c r="R42304">
        <v>28</v>
      </c>
      <c r="S42304">
        <v>29</v>
      </c>
      <c r="T42304">
        <v>29</v>
      </c>
      <c r="U42304">
        <v>29</v>
      </c>
      <c r="V42304">
        <v>30</v>
      </c>
      <c r="W42304">
        <v>30</v>
      </c>
      <c r="X42304">
        <v>31</v>
      </c>
      <c r="Y42304">
        <v>31</v>
      </c>
      <c r="Z42304">
        <v>31</v>
      </c>
      <c r="AA42304">
        <v>31</v>
      </c>
      <c r="AB42304">
        <v>32</v>
      </c>
      <c r="AC42304">
        <v>32</v>
      </c>
      <c r="AD42304">
        <v>32</v>
      </c>
      <c r="AE42304">
        <v>32</v>
      </c>
      <c r="AF42304">
        <v>32</v>
      </c>
      <c r="AG42304">
        <v>32</v>
      </c>
      <c r="AH42304">
        <v>32</v>
      </c>
      <c r="AI42304">
        <v>32</v>
      </c>
      <c r="AJ42304">
        <v>31</v>
      </c>
      <c r="AK42304">
        <v>31</v>
      </c>
      <c r="AL42304">
        <v>31</v>
      </c>
      <c r="AM42304">
        <v>31</v>
      </c>
      <c r="AN42304">
        <v>31</v>
      </c>
      <c r="AO42304">
        <v>31</v>
      </c>
      <c r="AP42304">
        <v>30</v>
      </c>
      <c r="AQ42304">
        <v>30</v>
      </c>
    </row>
    <row r="42305" spans="1:43">
      <c r="A42305" t="s">
        <v>25967</v>
      </c>
      <c r="B42305" t="s">
        <v>25968</v>
      </c>
      <c r="C42305" t="s">
        <v>13347</v>
      </c>
      <c r="D42305" t="s">
        <v>13348</v>
      </c>
      <c r="E42305" t="s">
        <v>13293</v>
      </c>
      <c r="F42305" t="s">
        <v>13294</v>
      </c>
      <c r="G42305" t="s">
        <v>10214</v>
      </c>
      <c r="H42305" t="s">
        <v>10215</v>
      </c>
      <c r="I42305" s="2">
        <v>1</v>
      </c>
      <c r="J42305" s="2">
        <v>0</v>
      </c>
      <c r="K42305" s="2">
        <v>0</v>
      </c>
      <c r="L42305" t="s">
        <v>120</v>
      </c>
      <c r="M42305" t="s">
        <v>83</v>
      </c>
      <c r="N42305" t="s">
        <v>91</v>
      </c>
      <c r="O42305" t="s">
        <v>85</v>
      </c>
      <c r="P42305" t="s">
        <v>86</v>
      </c>
      <c r="Q42305">
        <v>28</v>
      </c>
      <c r="R42305">
        <v>29</v>
      </c>
      <c r="S42305">
        <v>29</v>
      </c>
      <c r="T42305">
        <v>29</v>
      </c>
      <c r="U42305">
        <v>29</v>
      </c>
      <c r="V42305">
        <v>30</v>
      </c>
      <c r="W42305">
        <v>30</v>
      </c>
      <c r="X42305">
        <v>30</v>
      </c>
      <c r="Y42305">
        <v>30</v>
      </c>
      <c r="Z42305">
        <v>30</v>
      </c>
      <c r="AA42305">
        <v>30</v>
      </c>
      <c r="AB42305">
        <v>31</v>
      </c>
      <c r="AC42305">
        <v>31</v>
      </c>
      <c r="AD42305">
        <v>31</v>
      </c>
      <c r="AE42305">
        <v>31</v>
      </c>
      <c r="AF42305">
        <v>31</v>
      </c>
      <c r="AG42305">
        <v>31</v>
      </c>
      <c r="AH42305">
        <v>32</v>
      </c>
      <c r="AI42305">
        <v>32</v>
      </c>
      <c r="AJ42305">
        <v>32</v>
      </c>
      <c r="AK42305">
        <v>32</v>
      </c>
      <c r="AL42305">
        <v>32</v>
      </c>
      <c r="AM42305">
        <v>32</v>
      </c>
      <c r="AN42305">
        <v>32</v>
      </c>
      <c r="AO42305">
        <v>31</v>
      </c>
      <c r="AP42305">
        <v>31</v>
      </c>
      <c r="AQ42305">
        <v>31</v>
      </c>
    </row>
    <row r="42306" spans="1:43">
      <c r="A42306" t="s">
        <v>25969</v>
      </c>
      <c r="B42306" t="s">
        <v>25970</v>
      </c>
      <c r="C42306" t="s">
        <v>13347</v>
      </c>
      <c r="D42306" t="s">
        <v>13348</v>
      </c>
      <c r="E42306" t="s">
        <v>13293</v>
      </c>
      <c r="F42306" t="s">
        <v>13294</v>
      </c>
      <c r="G42306" t="s">
        <v>10214</v>
      </c>
      <c r="H42306" t="s">
        <v>10215</v>
      </c>
      <c r="I42306" s="2">
        <v>1</v>
      </c>
      <c r="J42306" s="2">
        <v>0</v>
      </c>
      <c r="K42306" s="2">
        <v>0</v>
      </c>
      <c r="L42306" t="s">
        <v>120</v>
      </c>
      <c r="M42306" t="s">
        <v>83</v>
      </c>
      <c r="N42306" t="s">
        <v>84</v>
      </c>
      <c r="O42306" t="s">
        <v>85</v>
      </c>
      <c r="P42306" t="s">
        <v>86</v>
      </c>
      <c r="Q42306">
        <v>0</v>
      </c>
      <c r="R42306">
        <v>0</v>
      </c>
      <c r="S42306">
        <v>0</v>
      </c>
      <c r="T42306">
        <v>0</v>
      </c>
      <c r="U42306">
        <v>0</v>
      </c>
      <c r="V42306">
        <v>0</v>
      </c>
      <c r="W42306">
        <v>0</v>
      </c>
      <c r="X42306">
        <v>0</v>
      </c>
      <c r="Y42306">
        <v>0</v>
      </c>
      <c r="Z42306">
        <v>0</v>
      </c>
      <c r="AA42306">
        <v>0</v>
      </c>
      <c r="AB42306">
        <v>0</v>
      </c>
      <c r="AC42306">
        <v>0</v>
      </c>
      <c r="AD42306">
        <v>0</v>
      </c>
      <c r="AE42306">
        <v>0</v>
      </c>
      <c r="AF42306">
        <v>0</v>
      </c>
      <c r="AG42306">
        <v>0</v>
      </c>
      <c r="AH42306">
        <v>0</v>
      </c>
      <c r="AI42306">
        <v>0</v>
      </c>
      <c r="AJ42306">
        <v>0</v>
      </c>
      <c r="AK42306">
        <v>0</v>
      </c>
      <c r="AL42306">
        <v>0</v>
      </c>
      <c r="AM42306">
        <v>0</v>
      </c>
      <c r="AN42306">
        <v>0</v>
      </c>
      <c r="AO42306">
        <v>0</v>
      </c>
      <c r="AP42306">
        <v>0</v>
      </c>
      <c r="AQ42306">
        <v>0</v>
      </c>
    </row>
    <row r="42307" spans="1:43">
      <c r="A42307" t="s">
        <v>25969</v>
      </c>
      <c r="B42307" t="s">
        <v>25970</v>
      </c>
      <c r="C42307" t="s">
        <v>13347</v>
      </c>
      <c r="D42307" t="s">
        <v>13348</v>
      </c>
      <c r="E42307" t="s">
        <v>13293</v>
      </c>
      <c r="F42307" t="s">
        <v>13294</v>
      </c>
      <c r="G42307" t="s">
        <v>10214</v>
      </c>
      <c r="H42307" t="s">
        <v>10215</v>
      </c>
      <c r="I42307" s="2">
        <v>1</v>
      </c>
      <c r="J42307" s="2">
        <v>0</v>
      </c>
      <c r="K42307" s="2">
        <v>0</v>
      </c>
      <c r="L42307" t="s">
        <v>120</v>
      </c>
      <c r="M42307" t="s">
        <v>87</v>
      </c>
      <c r="N42307" t="s">
        <v>88</v>
      </c>
      <c r="O42307" t="s">
        <v>85</v>
      </c>
      <c r="P42307" t="s">
        <v>86</v>
      </c>
      <c r="Q42307">
        <v>0</v>
      </c>
      <c r="R42307">
        <v>0</v>
      </c>
      <c r="S42307">
        <v>0</v>
      </c>
      <c r="T42307">
        <v>0</v>
      </c>
      <c r="U42307">
        <v>0</v>
      </c>
      <c r="V42307">
        <v>0</v>
      </c>
      <c r="W42307">
        <v>0</v>
      </c>
      <c r="X42307">
        <v>0</v>
      </c>
      <c r="Y42307">
        <v>0</v>
      </c>
      <c r="Z42307">
        <v>0</v>
      </c>
      <c r="AA42307">
        <v>0</v>
      </c>
      <c r="AB42307">
        <v>0</v>
      </c>
      <c r="AC42307">
        <v>0</v>
      </c>
      <c r="AD42307">
        <v>0</v>
      </c>
      <c r="AE42307">
        <v>0</v>
      </c>
      <c r="AF42307">
        <v>0</v>
      </c>
      <c r="AG42307">
        <v>0</v>
      </c>
      <c r="AH42307">
        <v>0</v>
      </c>
      <c r="AI42307">
        <v>0</v>
      </c>
      <c r="AJ42307">
        <v>0</v>
      </c>
      <c r="AK42307">
        <v>0</v>
      </c>
      <c r="AL42307">
        <v>0</v>
      </c>
      <c r="AM42307">
        <v>0</v>
      </c>
      <c r="AN42307">
        <v>0</v>
      </c>
      <c r="AO42307">
        <v>0</v>
      </c>
      <c r="AP42307">
        <v>0</v>
      </c>
      <c r="AQ42307">
        <v>0</v>
      </c>
    </row>
    <row r="42308" spans="1:43">
      <c r="A42308" t="s">
        <v>25969</v>
      </c>
      <c r="B42308" t="s">
        <v>25970</v>
      </c>
      <c r="C42308" t="s">
        <v>13347</v>
      </c>
      <c r="D42308" t="s">
        <v>13348</v>
      </c>
      <c r="E42308" t="s">
        <v>13293</v>
      </c>
      <c r="F42308" t="s">
        <v>13294</v>
      </c>
      <c r="G42308" t="s">
        <v>10214</v>
      </c>
      <c r="H42308" t="s">
        <v>10215</v>
      </c>
      <c r="I42308" s="2">
        <v>1</v>
      </c>
      <c r="J42308" s="2">
        <v>0</v>
      </c>
      <c r="K42308" s="2">
        <v>0</v>
      </c>
      <c r="L42308" t="s">
        <v>120</v>
      </c>
      <c r="M42308" t="s">
        <v>89</v>
      </c>
      <c r="N42308" t="s">
        <v>90</v>
      </c>
      <c r="O42308" t="s">
        <v>85</v>
      </c>
      <c r="P42308" t="s">
        <v>86</v>
      </c>
      <c r="Q42308">
        <v>0</v>
      </c>
      <c r="R42308">
        <v>0</v>
      </c>
      <c r="S42308">
        <v>0</v>
      </c>
      <c r="T42308">
        <v>0</v>
      </c>
      <c r="U42308">
        <v>0</v>
      </c>
      <c r="V42308">
        <v>0</v>
      </c>
      <c r="W42308">
        <v>0</v>
      </c>
      <c r="X42308">
        <v>0</v>
      </c>
      <c r="Y42308">
        <v>0</v>
      </c>
      <c r="Z42308">
        <v>0</v>
      </c>
      <c r="AA42308">
        <v>0</v>
      </c>
      <c r="AB42308">
        <v>0</v>
      </c>
      <c r="AC42308">
        <v>0</v>
      </c>
      <c r="AD42308">
        <v>0</v>
      </c>
      <c r="AE42308">
        <v>0</v>
      </c>
      <c r="AF42308">
        <v>0</v>
      </c>
      <c r="AG42308">
        <v>0</v>
      </c>
      <c r="AH42308">
        <v>0</v>
      </c>
      <c r="AI42308">
        <v>0</v>
      </c>
      <c r="AJ42308">
        <v>0</v>
      </c>
      <c r="AK42308">
        <v>0</v>
      </c>
      <c r="AL42308">
        <v>0</v>
      </c>
      <c r="AM42308">
        <v>0</v>
      </c>
      <c r="AN42308">
        <v>0</v>
      </c>
      <c r="AO42308">
        <v>0</v>
      </c>
      <c r="AP42308">
        <v>0</v>
      </c>
      <c r="AQ42308">
        <v>0</v>
      </c>
    </row>
    <row r="42309" spans="1:43">
      <c r="A42309" t="s">
        <v>25969</v>
      </c>
      <c r="B42309" t="s">
        <v>25970</v>
      </c>
      <c r="C42309" t="s">
        <v>13347</v>
      </c>
      <c r="D42309" t="s">
        <v>13348</v>
      </c>
      <c r="E42309" t="s">
        <v>13293</v>
      </c>
      <c r="F42309" t="s">
        <v>13294</v>
      </c>
      <c r="G42309" t="s">
        <v>10214</v>
      </c>
      <c r="H42309" t="s">
        <v>10215</v>
      </c>
      <c r="I42309" s="2">
        <v>1</v>
      </c>
      <c r="J42309" s="2">
        <v>0</v>
      </c>
      <c r="K42309" s="2">
        <v>0</v>
      </c>
      <c r="L42309" t="s">
        <v>120</v>
      </c>
      <c r="M42309" t="s">
        <v>83</v>
      </c>
      <c r="N42309" t="s">
        <v>91</v>
      </c>
      <c r="O42309" t="s">
        <v>85</v>
      </c>
      <c r="P42309" t="s">
        <v>86</v>
      </c>
      <c r="Q42309">
        <v>0</v>
      </c>
      <c r="R42309">
        <v>0</v>
      </c>
      <c r="S42309">
        <v>0</v>
      </c>
      <c r="T42309">
        <v>0</v>
      </c>
      <c r="U42309">
        <v>0</v>
      </c>
      <c r="V42309">
        <v>0</v>
      </c>
      <c r="W42309">
        <v>0</v>
      </c>
      <c r="X42309">
        <v>0</v>
      </c>
      <c r="Y42309">
        <v>0</v>
      </c>
      <c r="Z42309">
        <v>0</v>
      </c>
      <c r="AA42309">
        <v>0</v>
      </c>
      <c r="AB42309">
        <v>0</v>
      </c>
      <c r="AC42309">
        <v>0</v>
      </c>
      <c r="AD42309">
        <v>0</v>
      </c>
      <c r="AE42309">
        <v>0</v>
      </c>
      <c r="AF42309">
        <v>0</v>
      </c>
      <c r="AG42309">
        <v>0</v>
      </c>
      <c r="AH42309">
        <v>0</v>
      </c>
      <c r="AI42309">
        <v>0</v>
      </c>
      <c r="AJ42309">
        <v>0</v>
      </c>
      <c r="AK42309">
        <v>0</v>
      </c>
      <c r="AL42309">
        <v>0</v>
      </c>
      <c r="AM42309">
        <v>0</v>
      </c>
      <c r="AN42309">
        <v>0</v>
      </c>
      <c r="AO42309">
        <v>0</v>
      </c>
      <c r="AP42309">
        <v>0</v>
      </c>
      <c r="AQ42309">
        <v>0</v>
      </c>
    </row>
    <row r="42310" spans="1:43">
      <c r="A42310" t="s">
        <v>25971</v>
      </c>
      <c r="B42310" t="s">
        <v>25972</v>
      </c>
      <c r="C42310" t="s">
        <v>13347</v>
      </c>
      <c r="D42310" t="s">
        <v>13348</v>
      </c>
      <c r="E42310" t="s">
        <v>13293</v>
      </c>
      <c r="F42310" t="s">
        <v>13294</v>
      </c>
      <c r="G42310" t="s">
        <v>10214</v>
      </c>
      <c r="H42310" t="s">
        <v>10215</v>
      </c>
      <c r="I42310" s="2">
        <v>1</v>
      </c>
      <c r="J42310" s="2">
        <v>0</v>
      </c>
      <c r="K42310" s="2">
        <v>0</v>
      </c>
      <c r="L42310" t="s">
        <v>120</v>
      </c>
      <c r="M42310" t="s">
        <v>83</v>
      </c>
      <c r="N42310" t="s">
        <v>84</v>
      </c>
      <c r="O42310" t="s">
        <v>85</v>
      </c>
      <c r="P42310" t="s">
        <v>86</v>
      </c>
      <c r="Q42310">
        <v>11</v>
      </c>
      <c r="R42310">
        <v>11</v>
      </c>
      <c r="S42310">
        <v>11</v>
      </c>
      <c r="T42310">
        <v>11</v>
      </c>
      <c r="U42310">
        <v>11</v>
      </c>
      <c r="V42310">
        <v>11</v>
      </c>
      <c r="W42310">
        <v>12</v>
      </c>
      <c r="X42310">
        <v>12</v>
      </c>
      <c r="Y42310">
        <v>12</v>
      </c>
      <c r="Z42310">
        <v>12</v>
      </c>
      <c r="AA42310">
        <v>12</v>
      </c>
      <c r="AB42310">
        <v>12</v>
      </c>
      <c r="AC42310">
        <v>12</v>
      </c>
      <c r="AD42310">
        <v>12</v>
      </c>
      <c r="AE42310">
        <v>12</v>
      </c>
      <c r="AF42310">
        <v>12</v>
      </c>
      <c r="AG42310">
        <v>12</v>
      </c>
      <c r="AH42310">
        <v>12</v>
      </c>
      <c r="AI42310">
        <v>12</v>
      </c>
      <c r="AJ42310">
        <v>12</v>
      </c>
      <c r="AK42310">
        <v>12</v>
      </c>
      <c r="AL42310">
        <v>12</v>
      </c>
      <c r="AM42310">
        <v>12</v>
      </c>
      <c r="AN42310">
        <v>12</v>
      </c>
      <c r="AO42310">
        <v>12</v>
      </c>
      <c r="AP42310">
        <v>12</v>
      </c>
      <c r="AQ42310">
        <v>12</v>
      </c>
    </row>
    <row r="42311" spans="1:43">
      <c r="A42311" t="s">
        <v>25971</v>
      </c>
      <c r="B42311" t="s">
        <v>25972</v>
      </c>
      <c r="C42311" t="s">
        <v>13347</v>
      </c>
      <c r="D42311" t="s">
        <v>13348</v>
      </c>
      <c r="E42311" t="s">
        <v>13293</v>
      </c>
      <c r="F42311" t="s">
        <v>13294</v>
      </c>
      <c r="G42311" t="s">
        <v>10214</v>
      </c>
      <c r="H42311" t="s">
        <v>10215</v>
      </c>
      <c r="I42311" s="2">
        <v>1</v>
      </c>
      <c r="J42311" s="2">
        <v>0</v>
      </c>
      <c r="K42311" s="2">
        <v>0</v>
      </c>
      <c r="L42311" t="s">
        <v>120</v>
      </c>
      <c r="M42311" t="s">
        <v>87</v>
      </c>
      <c r="N42311" t="s">
        <v>88</v>
      </c>
      <c r="O42311" t="s">
        <v>85</v>
      </c>
      <c r="P42311" t="s">
        <v>86</v>
      </c>
      <c r="Q42311">
        <v>11</v>
      </c>
      <c r="R42311">
        <v>11</v>
      </c>
      <c r="S42311">
        <v>11</v>
      </c>
      <c r="T42311">
        <v>11</v>
      </c>
      <c r="U42311">
        <v>11</v>
      </c>
      <c r="V42311">
        <v>11</v>
      </c>
      <c r="W42311">
        <v>11</v>
      </c>
      <c r="X42311">
        <v>11</v>
      </c>
      <c r="Y42311">
        <v>11</v>
      </c>
      <c r="Z42311">
        <v>11</v>
      </c>
      <c r="AA42311">
        <v>11</v>
      </c>
      <c r="AB42311">
        <v>11</v>
      </c>
      <c r="AC42311">
        <v>11</v>
      </c>
      <c r="AD42311">
        <v>11</v>
      </c>
      <c r="AE42311">
        <v>11</v>
      </c>
      <c r="AF42311">
        <v>11</v>
      </c>
      <c r="AG42311">
        <v>11</v>
      </c>
      <c r="AH42311">
        <v>11</v>
      </c>
      <c r="AI42311">
        <v>11</v>
      </c>
      <c r="AJ42311">
        <v>11</v>
      </c>
      <c r="AK42311">
        <v>11</v>
      </c>
      <c r="AL42311">
        <v>11</v>
      </c>
      <c r="AM42311">
        <v>11</v>
      </c>
      <c r="AN42311">
        <v>11</v>
      </c>
      <c r="AO42311">
        <v>11</v>
      </c>
      <c r="AP42311">
        <v>11</v>
      </c>
      <c r="AQ42311">
        <v>11</v>
      </c>
    </row>
    <row r="42312" spans="1:43">
      <c r="A42312" t="s">
        <v>25971</v>
      </c>
      <c r="B42312" t="s">
        <v>25972</v>
      </c>
      <c r="C42312" t="s">
        <v>13347</v>
      </c>
      <c r="D42312" t="s">
        <v>13348</v>
      </c>
      <c r="E42312" t="s">
        <v>13293</v>
      </c>
      <c r="F42312" t="s">
        <v>13294</v>
      </c>
      <c r="G42312" t="s">
        <v>10214</v>
      </c>
      <c r="H42312" t="s">
        <v>10215</v>
      </c>
      <c r="I42312" s="2">
        <v>1</v>
      </c>
      <c r="J42312" s="2">
        <v>0</v>
      </c>
      <c r="K42312" s="2">
        <v>0</v>
      </c>
      <c r="L42312" t="s">
        <v>120</v>
      </c>
      <c r="M42312" t="s">
        <v>89</v>
      </c>
      <c r="N42312" t="s">
        <v>90</v>
      </c>
      <c r="O42312" t="s">
        <v>85</v>
      </c>
      <c r="P42312" t="s">
        <v>86</v>
      </c>
      <c r="Q42312">
        <v>11</v>
      </c>
      <c r="R42312">
        <v>11</v>
      </c>
      <c r="S42312">
        <v>12</v>
      </c>
      <c r="T42312">
        <v>12</v>
      </c>
      <c r="U42312">
        <v>12</v>
      </c>
      <c r="V42312">
        <v>12</v>
      </c>
      <c r="W42312">
        <v>12</v>
      </c>
      <c r="X42312">
        <v>12</v>
      </c>
      <c r="Y42312">
        <v>12</v>
      </c>
      <c r="Z42312">
        <v>12</v>
      </c>
      <c r="AA42312">
        <v>13</v>
      </c>
      <c r="AB42312">
        <v>13</v>
      </c>
      <c r="AC42312">
        <v>13</v>
      </c>
      <c r="AD42312">
        <v>13</v>
      </c>
      <c r="AE42312">
        <v>13</v>
      </c>
      <c r="AF42312">
        <v>13</v>
      </c>
      <c r="AG42312">
        <v>13</v>
      </c>
      <c r="AH42312">
        <v>13</v>
      </c>
      <c r="AI42312">
        <v>13</v>
      </c>
      <c r="AJ42312">
        <v>13</v>
      </c>
      <c r="AK42312">
        <v>13</v>
      </c>
      <c r="AL42312">
        <v>13</v>
      </c>
      <c r="AM42312">
        <v>12</v>
      </c>
      <c r="AN42312">
        <v>12</v>
      </c>
      <c r="AO42312">
        <v>12</v>
      </c>
      <c r="AP42312">
        <v>12</v>
      </c>
      <c r="AQ42312">
        <v>12</v>
      </c>
    </row>
    <row r="42313" spans="1:43">
      <c r="A42313" t="s">
        <v>25971</v>
      </c>
      <c r="B42313" t="s">
        <v>25972</v>
      </c>
      <c r="C42313" t="s">
        <v>13347</v>
      </c>
      <c r="D42313" t="s">
        <v>13348</v>
      </c>
      <c r="E42313" t="s">
        <v>13293</v>
      </c>
      <c r="F42313" t="s">
        <v>13294</v>
      </c>
      <c r="G42313" t="s">
        <v>10214</v>
      </c>
      <c r="H42313" t="s">
        <v>10215</v>
      </c>
      <c r="I42313" s="2">
        <v>1</v>
      </c>
      <c r="J42313" s="2">
        <v>0</v>
      </c>
      <c r="K42313" s="2">
        <v>0</v>
      </c>
      <c r="L42313" t="s">
        <v>120</v>
      </c>
      <c r="M42313" t="s">
        <v>83</v>
      </c>
      <c r="N42313" t="s">
        <v>91</v>
      </c>
      <c r="O42313" t="s">
        <v>85</v>
      </c>
      <c r="P42313" t="s">
        <v>86</v>
      </c>
      <c r="Q42313">
        <v>11</v>
      </c>
      <c r="R42313">
        <v>11</v>
      </c>
      <c r="S42313">
        <v>11</v>
      </c>
      <c r="T42313">
        <v>11</v>
      </c>
      <c r="U42313">
        <v>11</v>
      </c>
      <c r="V42313">
        <v>11</v>
      </c>
      <c r="W42313">
        <v>12</v>
      </c>
      <c r="X42313">
        <v>12</v>
      </c>
      <c r="Y42313">
        <v>12</v>
      </c>
      <c r="Z42313">
        <v>12</v>
      </c>
      <c r="AA42313">
        <v>12</v>
      </c>
      <c r="AB42313">
        <v>12</v>
      </c>
      <c r="AC42313">
        <v>12</v>
      </c>
      <c r="AD42313">
        <v>12</v>
      </c>
      <c r="AE42313">
        <v>12</v>
      </c>
      <c r="AF42313">
        <v>12</v>
      </c>
      <c r="AG42313">
        <v>12</v>
      </c>
      <c r="AH42313">
        <v>12</v>
      </c>
      <c r="AI42313">
        <v>12</v>
      </c>
      <c r="AJ42313">
        <v>12</v>
      </c>
      <c r="AK42313">
        <v>12</v>
      </c>
      <c r="AL42313">
        <v>12</v>
      </c>
      <c r="AM42313">
        <v>12</v>
      </c>
      <c r="AN42313">
        <v>12</v>
      </c>
      <c r="AO42313">
        <v>12</v>
      </c>
      <c r="AP42313">
        <v>12</v>
      </c>
      <c r="AQ42313">
        <v>12</v>
      </c>
    </row>
    <row r="42314" spans="1:43">
      <c r="A42314" t="s">
        <v>25973</v>
      </c>
      <c r="B42314" t="s">
        <v>25974</v>
      </c>
      <c r="C42314" t="s">
        <v>13453</v>
      </c>
      <c r="D42314" t="s">
        <v>13454</v>
      </c>
      <c r="E42314" t="s">
        <v>13293</v>
      </c>
      <c r="F42314" t="s">
        <v>13294</v>
      </c>
      <c r="G42314" t="s">
        <v>10214</v>
      </c>
      <c r="H42314" t="s">
        <v>10215</v>
      </c>
      <c r="I42314" s="2">
        <v>1</v>
      </c>
      <c r="J42314" s="2">
        <v>0</v>
      </c>
      <c r="K42314" s="2">
        <v>0</v>
      </c>
      <c r="L42314" t="s">
        <v>120</v>
      </c>
      <c r="M42314" t="s">
        <v>83</v>
      </c>
      <c r="N42314" t="s">
        <v>84</v>
      </c>
      <c r="O42314" t="s">
        <v>85</v>
      </c>
      <c r="P42314" t="s">
        <v>86</v>
      </c>
      <c r="Q42314">
        <v>7</v>
      </c>
      <c r="R42314">
        <v>8</v>
      </c>
      <c r="S42314">
        <v>8</v>
      </c>
      <c r="T42314">
        <v>8</v>
      </c>
      <c r="U42314">
        <v>8</v>
      </c>
      <c r="V42314">
        <v>8</v>
      </c>
      <c r="W42314">
        <v>8</v>
      </c>
      <c r="X42314">
        <v>8</v>
      </c>
      <c r="Y42314">
        <v>8</v>
      </c>
      <c r="Z42314">
        <v>8</v>
      </c>
      <c r="AA42314">
        <v>8</v>
      </c>
      <c r="AB42314">
        <v>8</v>
      </c>
      <c r="AC42314">
        <v>8</v>
      </c>
      <c r="AD42314">
        <v>8</v>
      </c>
      <c r="AE42314">
        <v>8</v>
      </c>
      <c r="AF42314">
        <v>8</v>
      </c>
      <c r="AG42314">
        <v>8</v>
      </c>
      <c r="AH42314">
        <v>8</v>
      </c>
      <c r="AI42314">
        <v>9</v>
      </c>
      <c r="AJ42314">
        <v>9</v>
      </c>
      <c r="AK42314">
        <v>9</v>
      </c>
      <c r="AL42314">
        <v>9</v>
      </c>
      <c r="AM42314">
        <v>9</v>
      </c>
      <c r="AN42314">
        <v>9</v>
      </c>
      <c r="AO42314">
        <v>9</v>
      </c>
      <c r="AP42314">
        <v>8</v>
      </c>
      <c r="AQ42314">
        <v>8</v>
      </c>
    </row>
    <row r="42315" spans="1:43">
      <c r="A42315" t="s">
        <v>25973</v>
      </c>
      <c r="B42315" t="s">
        <v>25974</v>
      </c>
      <c r="C42315" t="s">
        <v>13453</v>
      </c>
      <c r="D42315" t="s">
        <v>13454</v>
      </c>
      <c r="E42315" t="s">
        <v>13293</v>
      </c>
      <c r="F42315" t="s">
        <v>13294</v>
      </c>
      <c r="G42315" t="s">
        <v>10214</v>
      </c>
      <c r="H42315" t="s">
        <v>10215</v>
      </c>
      <c r="I42315" s="2">
        <v>1</v>
      </c>
      <c r="J42315" s="2">
        <v>0</v>
      </c>
      <c r="K42315" s="2">
        <v>0</v>
      </c>
      <c r="L42315" t="s">
        <v>120</v>
      </c>
      <c r="M42315" t="s">
        <v>87</v>
      </c>
      <c r="N42315" t="s">
        <v>88</v>
      </c>
      <c r="O42315" t="s">
        <v>85</v>
      </c>
      <c r="P42315" t="s">
        <v>86</v>
      </c>
      <c r="Q42315">
        <v>7</v>
      </c>
      <c r="R42315">
        <v>7</v>
      </c>
      <c r="S42315">
        <v>7</v>
      </c>
      <c r="T42315">
        <v>7</v>
      </c>
      <c r="U42315">
        <v>7</v>
      </c>
      <c r="V42315">
        <v>7</v>
      </c>
      <c r="W42315">
        <v>7</v>
      </c>
      <c r="X42315">
        <v>7</v>
      </c>
      <c r="Y42315">
        <v>7</v>
      </c>
      <c r="Z42315">
        <v>7</v>
      </c>
      <c r="AA42315">
        <v>7</v>
      </c>
      <c r="AB42315">
        <v>7</v>
      </c>
      <c r="AC42315">
        <v>7</v>
      </c>
      <c r="AD42315">
        <v>7</v>
      </c>
      <c r="AE42315">
        <v>7</v>
      </c>
      <c r="AF42315">
        <v>7</v>
      </c>
      <c r="AG42315">
        <v>7</v>
      </c>
      <c r="AH42315">
        <v>7</v>
      </c>
      <c r="AI42315">
        <v>7</v>
      </c>
      <c r="AJ42315">
        <v>7</v>
      </c>
      <c r="AK42315">
        <v>7</v>
      </c>
      <c r="AL42315">
        <v>7</v>
      </c>
      <c r="AM42315">
        <v>7</v>
      </c>
      <c r="AN42315">
        <v>7</v>
      </c>
      <c r="AO42315">
        <v>7</v>
      </c>
      <c r="AP42315">
        <v>7</v>
      </c>
      <c r="AQ42315">
        <v>7</v>
      </c>
    </row>
    <row r="42316" spans="1:43">
      <c r="A42316" t="s">
        <v>25973</v>
      </c>
      <c r="B42316" t="s">
        <v>25974</v>
      </c>
      <c r="C42316" t="s">
        <v>13453</v>
      </c>
      <c r="D42316" t="s">
        <v>13454</v>
      </c>
      <c r="E42316" t="s">
        <v>13293</v>
      </c>
      <c r="F42316" t="s">
        <v>13294</v>
      </c>
      <c r="G42316" t="s">
        <v>10214</v>
      </c>
      <c r="H42316" t="s">
        <v>10215</v>
      </c>
      <c r="I42316" s="2">
        <v>1</v>
      </c>
      <c r="J42316" s="2">
        <v>0</v>
      </c>
      <c r="K42316" s="2">
        <v>0</v>
      </c>
      <c r="L42316" t="s">
        <v>120</v>
      </c>
      <c r="M42316" t="s">
        <v>89</v>
      </c>
      <c r="N42316" t="s">
        <v>90</v>
      </c>
      <c r="O42316" t="s">
        <v>85</v>
      </c>
      <c r="P42316" t="s">
        <v>86</v>
      </c>
      <c r="Q42316">
        <v>7</v>
      </c>
      <c r="R42316">
        <v>7</v>
      </c>
      <c r="S42316">
        <v>7</v>
      </c>
      <c r="T42316">
        <v>7</v>
      </c>
      <c r="U42316">
        <v>7</v>
      </c>
      <c r="V42316">
        <v>7</v>
      </c>
      <c r="W42316">
        <v>7</v>
      </c>
      <c r="X42316">
        <v>7</v>
      </c>
      <c r="Y42316">
        <v>7</v>
      </c>
      <c r="Z42316">
        <v>8</v>
      </c>
      <c r="AA42316">
        <v>8</v>
      </c>
      <c r="AB42316">
        <v>8</v>
      </c>
      <c r="AC42316">
        <v>8</v>
      </c>
      <c r="AD42316">
        <v>8</v>
      </c>
      <c r="AE42316">
        <v>8</v>
      </c>
      <c r="AF42316">
        <v>8</v>
      </c>
      <c r="AG42316">
        <v>8</v>
      </c>
      <c r="AH42316">
        <v>8</v>
      </c>
      <c r="AI42316">
        <v>8</v>
      </c>
      <c r="AJ42316">
        <v>8</v>
      </c>
      <c r="AK42316">
        <v>8</v>
      </c>
      <c r="AL42316">
        <v>8</v>
      </c>
      <c r="AM42316">
        <v>8</v>
      </c>
      <c r="AN42316">
        <v>8</v>
      </c>
      <c r="AO42316">
        <v>8</v>
      </c>
      <c r="AP42316">
        <v>8</v>
      </c>
      <c r="AQ42316">
        <v>8</v>
      </c>
    </row>
    <row r="42317" spans="1:43">
      <c r="A42317" t="s">
        <v>25973</v>
      </c>
      <c r="B42317" t="s">
        <v>25974</v>
      </c>
      <c r="C42317" t="s">
        <v>13453</v>
      </c>
      <c r="D42317" t="s">
        <v>13454</v>
      </c>
      <c r="E42317" t="s">
        <v>13293</v>
      </c>
      <c r="F42317" t="s">
        <v>13294</v>
      </c>
      <c r="G42317" t="s">
        <v>10214</v>
      </c>
      <c r="H42317" t="s">
        <v>10215</v>
      </c>
      <c r="I42317" s="2">
        <v>1</v>
      </c>
      <c r="J42317" s="2">
        <v>0</v>
      </c>
      <c r="K42317" s="2">
        <v>0</v>
      </c>
      <c r="L42317" t="s">
        <v>120</v>
      </c>
      <c r="M42317" t="s">
        <v>83</v>
      </c>
      <c r="N42317" t="s">
        <v>91</v>
      </c>
      <c r="O42317" t="s">
        <v>85</v>
      </c>
      <c r="P42317" t="s">
        <v>86</v>
      </c>
      <c r="Q42317">
        <v>7</v>
      </c>
      <c r="R42317">
        <v>8</v>
      </c>
      <c r="S42317">
        <v>8</v>
      </c>
      <c r="T42317">
        <v>8</v>
      </c>
      <c r="U42317">
        <v>8</v>
      </c>
      <c r="V42317">
        <v>8</v>
      </c>
      <c r="W42317">
        <v>8</v>
      </c>
      <c r="X42317">
        <v>8</v>
      </c>
      <c r="Y42317">
        <v>8</v>
      </c>
      <c r="Z42317">
        <v>8</v>
      </c>
      <c r="AA42317">
        <v>8</v>
      </c>
      <c r="AB42317">
        <v>8</v>
      </c>
      <c r="AC42317">
        <v>8</v>
      </c>
      <c r="AD42317">
        <v>8</v>
      </c>
      <c r="AE42317">
        <v>8</v>
      </c>
      <c r="AF42317">
        <v>8</v>
      </c>
      <c r="AG42317">
        <v>8</v>
      </c>
      <c r="AH42317">
        <v>8</v>
      </c>
      <c r="AI42317">
        <v>9</v>
      </c>
      <c r="AJ42317">
        <v>9</v>
      </c>
      <c r="AK42317">
        <v>9</v>
      </c>
      <c r="AL42317">
        <v>9</v>
      </c>
      <c r="AM42317">
        <v>9</v>
      </c>
      <c r="AN42317">
        <v>9</v>
      </c>
      <c r="AO42317">
        <v>9</v>
      </c>
      <c r="AP42317">
        <v>8</v>
      </c>
      <c r="AQ42317">
        <v>8</v>
      </c>
    </row>
    <row r="42318" spans="1:43">
      <c r="A42318" t="s">
        <v>25975</v>
      </c>
      <c r="B42318" t="s">
        <v>25976</v>
      </c>
      <c r="C42318" t="s">
        <v>13453</v>
      </c>
      <c r="D42318" t="s">
        <v>13454</v>
      </c>
      <c r="E42318" t="s">
        <v>13293</v>
      </c>
      <c r="F42318" t="s">
        <v>13294</v>
      </c>
      <c r="G42318" t="s">
        <v>10214</v>
      </c>
      <c r="H42318" t="s">
        <v>10215</v>
      </c>
      <c r="I42318" s="2">
        <v>1</v>
      </c>
      <c r="J42318" s="2">
        <v>0</v>
      </c>
      <c r="K42318" s="2">
        <v>0</v>
      </c>
      <c r="L42318" t="s">
        <v>120</v>
      </c>
      <c r="M42318" t="s">
        <v>83</v>
      </c>
      <c r="N42318" t="s">
        <v>84</v>
      </c>
      <c r="O42318" t="s">
        <v>85</v>
      </c>
      <c r="P42318" t="s">
        <v>86</v>
      </c>
      <c r="Q42318">
        <v>9</v>
      </c>
      <c r="R42318">
        <v>9</v>
      </c>
      <c r="S42318">
        <v>9</v>
      </c>
      <c r="T42318">
        <v>10</v>
      </c>
      <c r="U42318">
        <v>10</v>
      </c>
      <c r="V42318">
        <v>10</v>
      </c>
      <c r="W42318">
        <v>10</v>
      </c>
      <c r="X42318">
        <v>10</v>
      </c>
      <c r="Y42318">
        <v>10</v>
      </c>
      <c r="Z42318">
        <v>10</v>
      </c>
      <c r="AA42318">
        <v>10</v>
      </c>
      <c r="AB42318">
        <v>10</v>
      </c>
      <c r="AC42318">
        <v>10</v>
      </c>
      <c r="AD42318">
        <v>10</v>
      </c>
      <c r="AE42318">
        <v>10</v>
      </c>
      <c r="AF42318">
        <v>10</v>
      </c>
      <c r="AG42318">
        <v>11</v>
      </c>
      <c r="AH42318">
        <v>11</v>
      </c>
      <c r="AI42318">
        <v>11</v>
      </c>
      <c r="AJ42318">
        <v>11</v>
      </c>
      <c r="AK42318">
        <v>11</v>
      </c>
      <c r="AL42318">
        <v>11</v>
      </c>
      <c r="AM42318">
        <v>11</v>
      </c>
      <c r="AN42318">
        <v>11</v>
      </c>
      <c r="AO42318">
        <v>11</v>
      </c>
      <c r="AP42318">
        <v>11</v>
      </c>
      <c r="AQ42318">
        <v>11</v>
      </c>
    </row>
    <row r="42319" spans="1:43">
      <c r="A42319" t="s">
        <v>25975</v>
      </c>
      <c r="B42319" t="s">
        <v>25976</v>
      </c>
      <c r="C42319" t="s">
        <v>13453</v>
      </c>
      <c r="D42319" t="s">
        <v>13454</v>
      </c>
      <c r="E42319" t="s">
        <v>13293</v>
      </c>
      <c r="F42319" t="s">
        <v>13294</v>
      </c>
      <c r="G42319" t="s">
        <v>10214</v>
      </c>
      <c r="H42319" t="s">
        <v>10215</v>
      </c>
      <c r="I42319" s="2">
        <v>1</v>
      </c>
      <c r="J42319" s="2">
        <v>0</v>
      </c>
      <c r="K42319" s="2">
        <v>0</v>
      </c>
      <c r="L42319" t="s">
        <v>120</v>
      </c>
      <c r="M42319" t="s">
        <v>87</v>
      </c>
      <c r="N42319" t="s">
        <v>88</v>
      </c>
      <c r="O42319" t="s">
        <v>85</v>
      </c>
      <c r="P42319" t="s">
        <v>86</v>
      </c>
      <c r="Q42319">
        <v>9</v>
      </c>
      <c r="R42319">
        <v>9</v>
      </c>
      <c r="S42319">
        <v>9</v>
      </c>
      <c r="T42319">
        <v>9</v>
      </c>
      <c r="U42319">
        <v>9</v>
      </c>
      <c r="V42319">
        <v>9</v>
      </c>
      <c r="W42319">
        <v>9</v>
      </c>
      <c r="X42319">
        <v>9</v>
      </c>
      <c r="Y42319">
        <v>9</v>
      </c>
      <c r="Z42319">
        <v>9</v>
      </c>
      <c r="AA42319">
        <v>9</v>
      </c>
      <c r="AB42319">
        <v>9</v>
      </c>
      <c r="AC42319">
        <v>9</v>
      </c>
      <c r="AD42319">
        <v>9</v>
      </c>
      <c r="AE42319">
        <v>9</v>
      </c>
      <c r="AF42319">
        <v>9</v>
      </c>
      <c r="AG42319">
        <v>9</v>
      </c>
      <c r="AH42319">
        <v>9</v>
      </c>
      <c r="AI42319">
        <v>9</v>
      </c>
      <c r="AJ42319">
        <v>9</v>
      </c>
      <c r="AK42319">
        <v>9</v>
      </c>
      <c r="AL42319">
        <v>9</v>
      </c>
      <c r="AM42319">
        <v>9</v>
      </c>
      <c r="AN42319">
        <v>9</v>
      </c>
      <c r="AO42319">
        <v>9</v>
      </c>
      <c r="AP42319">
        <v>9</v>
      </c>
      <c r="AQ42319">
        <v>9</v>
      </c>
    </row>
    <row r="42320" spans="1:43">
      <c r="A42320" t="s">
        <v>25975</v>
      </c>
      <c r="B42320" t="s">
        <v>25976</v>
      </c>
      <c r="C42320" t="s">
        <v>13453</v>
      </c>
      <c r="D42320" t="s">
        <v>13454</v>
      </c>
      <c r="E42320" t="s">
        <v>13293</v>
      </c>
      <c r="F42320" t="s">
        <v>13294</v>
      </c>
      <c r="G42320" t="s">
        <v>10214</v>
      </c>
      <c r="H42320" t="s">
        <v>10215</v>
      </c>
      <c r="I42320" s="2">
        <v>1</v>
      </c>
      <c r="J42320" s="2">
        <v>0</v>
      </c>
      <c r="K42320" s="2">
        <v>0</v>
      </c>
      <c r="L42320" t="s">
        <v>120</v>
      </c>
      <c r="M42320" t="s">
        <v>89</v>
      </c>
      <c r="N42320" t="s">
        <v>90</v>
      </c>
      <c r="O42320" t="s">
        <v>85</v>
      </c>
      <c r="P42320" t="s">
        <v>86</v>
      </c>
      <c r="Q42320">
        <v>9</v>
      </c>
      <c r="R42320">
        <v>10</v>
      </c>
      <c r="S42320">
        <v>10</v>
      </c>
      <c r="T42320">
        <v>10</v>
      </c>
      <c r="U42320">
        <v>10</v>
      </c>
      <c r="V42320">
        <v>10</v>
      </c>
      <c r="W42320">
        <v>10</v>
      </c>
      <c r="X42320">
        <v>10</v>
      </c>
      <c r="Y42320">
        <v>11</v>
      </c>
      <c r="Z42320">
        <v>11</v>
      </c>
      <c r="AA42320">
        <v>11</v>
      </c>
      <c r="AB42320">
        <v>11</v>
      </c>
      <c r="AC42320">
        <v>11</v>
      </c>
      <c r="AD42320">
        <v>11</v>
      </c>
      <c r="AE42320">
        <v>11</v>
      </c>
      <c r="AF42320">
        <v>11</v>
      </c>
      <c r="AG42320">
        <v>11</v>
      </c>
      <c r="AH42320">
        <v>11</v>
      </c>
      <c r="AI42320">
        <v>11</v>
      </c>
      <c r="AJ42320">
        <v>11</v>
      </c>
      <c r="AK42320">
        <v>11</v>
      </c>
      <c r="AL42320">
        <v>11</v>
      </c>
      <c r="AM42320">
        <v>11</v>
      </c>
      <c r="AN42320">
        <v>11</v>
      </c>
      <c r="AO42320">
        <v>11</v>
      </c>
      <c r="AP42320">
        <v>11</v>
      </c>
      <c r="AQ42320">
        <v>11</v>
      </c>
    </row>
    <row r="42321" spans="1:43">
      <c r="A42321" t="s">
        <v>25975</v>
      </c>
      <c r="B42321" t="s">
        <v>25976</v>
      </c>
      <c r="C42321" t="s">
        <v>13453</v>
      </c>
      <c r="D42321" t="s">
        <v>13454</v>
      </c>
      <c r="E42321" t="s">
        <v>13293</v>
      </c>
      <c r="F42321" t="s">
        <v>13294</v>
      </c>
      <c r="G42321" t="s">
        <v>10214</v>
      </c>
      <c r="H42321" t="s">
        <v>10215</v>
      </c>
      <c r="I42321" s="2">
        <v>1</v>
      </c>
      <c r="J42321" s="2">
        <v>0</v>
      </c>
      <c r="K42321" s="2">
        <v>0</v>
      </c>
      <c r="L42321" t="s">
        <v>120</v>
      </c>
      <c r="M42321" t="s">
        <v>83</v>
      </c>
      <c r="N42321" t="s">
        <v>91</v>
      </c>
      <c r="O42321" t="s">
        <v>85</v>
      </c>
      <c r="P42321" t="s">
        <v>86</v>
      </c>
      <c r="Q42321">
        <v>9</v>
      </c>
      <c r="R42321">
        <v>9</v>
      </c>
      <c r="S42321">
        <v>9</v>
      </c>
      <c r="T42321">
        <v>10</v>
      </c>
      <c r="U42321">
        <v>10</v>
      </c>
      <c r="V42321">
        <v>10</v>
      </c>
      <c r="W42321">
        <v>10</v>
      </c>
      <c r="X42321">
        <v>10</v>
      </c>
      <c r="Y42321">
        <v>10</v>
      </c>
      <c r="Z42321">
        <v>10</v>
      </c>
      <c r="AA42321">
        <v>10</v>
      </c>
      <c r="AB42321">
        <v>10</v>
      </c>
      <c r="AC42321">
        <v>10</v>
      </c>
      <c r="AD42321">
        <v>10</v>
      </c>
      <c r="AE42321">
        <v>10</v>
      </c>
      <c r="AF42321">
        <v>10</v>
      </c>
      <c r="AG42321">
        <v>11</v>
      </c>
      <c r="AH42321">
        <v>11</v>
      </c>
      <c r="AI42321">
        <v>11</v>
      </c>
      <c r="AJ42321">
        <v>11</v>
      </c>
      <c r="AK42321">
        <v>11</v>
      </c>
      <c r="AL42321">
        <v>11</v>
      </c>
      <c r="AM42321">
        <v>11</v>
      </c>
      <c r="AN42321">
        <v>11</v>
      </c>
      <c r="AO42321">
        <v>11</v>
      </c>
      <c r="AP42321">
        <v>11</v>
      </c>
      <c r="AQ42321">
        <v>11</v>
      </c>
    </row>
    <row r="42322" spans="1:43">
      <c r="A42322" t="s">
        <v>25977</v>
      </c>
      <c r="B42322" t="s">
        <v>25978</v>
      </c>
      <c r="C42322" t="s">
        <v>11596</v>
      </c>
      <c r="D42322" t="s">
        <v>11597</v>
      </c>
      <c r="E42322" t="s">
        <v>11598</v>
      </c>
      <c r="F42322" t="s">
        <v>11599</v>
      </c>
      <c r="G42322" t="s">
        <v>10450</v>
      </c>
      <c r="H42322" t="s">
        <v>10451</v>
      </c>
      <c r="I42322" s="2">
        <v>0</v>
      </c>
      <c r="J42322" s="2">
        <v>0</v>
      </c>
      <c r="K42322" s="2">
        <v>0</v>
      </c>
      <c r="L42322" t="s">
        <v>120</v>
      </c>
      <c r="M42322" t="s">
        <v>83</v>
      </c>
      <c r="N42322" t="s">
        <v>84</v>
      </c>
      <c r="O42322" t="s">
        <v>85</v>
      </c>
      <c r="P42322" t="s">
        <v>86</v>
      </c>
      <c r="Q42322">
        <v>0</v>
      </c>
      <c r="R42322">
        <v>0</v>
      </c>
      <c r="S42322">
        <v>0</v>
      </c>
      <c r="T42322">
        <v>0</v>
      </c>
      <c r="U42322">
        <v>0</v>
      </c>
      <c r="V42322">
        <v>0</v>
      </c>
      <c r="W42322">
        <v>0</v>
      </c>
      <c r="X42322">
        <v>0</v>
      </c>
      <c r="Y42322">
        <v>0</v>
      </c>
      <c r="Z42322">
        <v>0</v>
      </c>
      <c r="AA42322">
        <v>0</v>
      </c>
      <c r="AB42322">
        <v>0</v>
      </c>
      <c r="AC42322">
        <v>0</v>
      </c>
      <c r="AD42322">
        <v>0</v>
      </c>
      <c r="AE42322">
        <v>0</v>
      </c>
      <c r="AF42322">
        <v>0</v>
      </c>
      <c r="AG42322">
        <v>0</v>
      </c>
      <c r="AH42322">
        <v>0</v>
      </c>
      <c r="AI42322">
        <v>0</v>
      </c>
      <c r="AJ42322">
        <v>0</v>
      </c>
      <c r="AK42322">
        <v>0</v>
      </c>
      <c r="AL42322">
        <v>0</v>
      </c>
      <c r="AM42322">
        <v>0</v>
      </c>
      <c r="AN42322">
        <v>0</v>
      </c>
      <c r="AO42322">
        <v>0</v>
      </c>
      <c r="AP42322">
        <v>0</v>
      </c>
      <c r="AQ42322">
        <v>0</v>
      </c>
    </row>
    <row r="42323" spans="1:43">
      <c r="A42323" t="s">
        <v>25977</v>
      </c>
      <c r="B42323" t="s">
        <v>25978</v>
      </c>
      <c r="C42323" t="s">
        <v>11596</v>
      </c>
      <c r="D42323" t="s">
        <v>11597</v>
      </c>
      <c r="E42323" t="s">
        <v>11598</v>
      </c>
      <c r="F42323" t="s">
        <v>11599</v>
      </c>
      <c r="G42323" t="s">
        <v>10450</v>
      </c>
      <c r="H42323" t="s">
        <v>10451</v>
      </c>
      <c r="I42323" s="2">
        <v>0</v>
      </c>
      <c r="J42323" s="2">
        <v>0</v>
      </c>
      <c r="K42323" s="2">
        <v>0</v>
      </c>
      <c r="L42323" t="s">
        <v>120</v>
      </c>
      <c r="M42323" t="s">
        <v>87</v>
      </c>
      <c r="N42323" t="s">
        <v>88</v>
      </c>
      <c r="O42323" t="s">
        <v>85</v>
      </c>
      <c r="P42323" t="s">
        <v>86</v>
      </c>
      <c r="Q42323">
        <v>0</v>
      </c>
      <c r="R42323">
        <v>0</v>
      </c>
      <c r="S42323">
        <v>0</v>
      </c>
      <c r="T42323">
        <v>0</v>
      </c>
      <c r="U42323">
        <v>0</v>
      </c>
      <c r="V42323">
        <v>0</v>
      </c>
      <c r="W42323">
        <v>0</v>
      </c>
      <c r="X42323">
        <v>0</v>
      </c>
      <c r="Y42323">
        <v>0</v>
      </c>
      <c r="Z42323">
        <v>0</v>
      </c>
      <c r="AA42323">
        <v>0</v>
      </c>
      <c r="AB42323">
        <v>0</v>
      </c>
      <c r="AC42323">
        <v>0</v>
      </c>
      <c r="AD42323">
        <v>0</v>
      </c>
      <c r="AE42323">
        <v>0</v>
      </c>
      <c r="AF42323">
        <v>0</v>
      </c>
      <c r="AG42323">
        <v>0</v>
      </c>
      <c r="AH42323">
        <v>0</v>
      </c>
      <c r="AI42323">
        <v>0</v>
      </c>
      <c r="AJ42323">
        <v>0</v>
      </c>
      <c r="AK42323">
        <v>0</v>
      </c>
      <c r="AL42323">
        <v>0</v>
      </c>
      <c r="AM42323">
        <v>0</v>
      </c>
      <c r="AN42323">
        <v>0</v>
      </c>
      <c r="AO42323">
        <v>0</v>
      </c>
      <c r="AP42323">
        <v>0</v>
      </c>
      <c r="AQ42323">
        <v>0</v>
      </c>
    </row>
    <row r="42324" spans="1:43">
      <c r="A42324" t="s">
        <v>25977</v>
      </c>
      <c r="B42324" t="s">
        <v>25978</v>
      </c>
      <c r="C42324" t="s">
        <v>11596</v>
      </c>
      <c r="D42324" t="s">
        <v>11597</v>
      </c>
      <c r="E42324" t="s">
        <v>11598</v>
      </c>
      <c r="F42324" t="s">
        <v>11599</v>
      </c>
      <c r="G42324" t="s">
        <v>10450</v>
      </c>
      <c r="H42324" t="s">
        <v>10451</v>
      </c>
      <c r="I42324" s="2">
        <v>0</v>
      </c>
      <c r="J42324" s="2">
        <v>0</v>
      </c>
      <c r="K42324" s="2">
        <v>0</v>
      </c>
      <c r="L42324" t="s">
        <v>120</v>
      </c>
      <c r="M42324" t="s">
        <v>89</v>
      </c>
      <c r="N42324" t="s">
        <v>90</v>
      </c>
      <c r="O42324" t="s">
        <v>85</v>
      </c>
      <c r="P42324" t="s">
        <v>86</v>
      </c>
      <c r="Q42324">
        <v>0</v>
      </c>
      <c r="R42324">
        <v>0</v>
      </c>
      <c r="S42324">
        <v>0</v>
      </c>
      <c r="T42324">
        <v>0</v>
      </c>
      <c r="U42324">
        <v>0</v>
      </c>
      <c r="V42324">
        <v>0</v>
      </c>
      <c r="W42324">
        <v>0</v>
      </c>
      <c r="X42324">
        <v>0</v>
      </c>
      <c r="Y42324">
        <v>0</v>
      </c>
      <c r="Z42324">
        <v>0</v>
      </c>
      <c r="AA42324">
        <v>0</v>
      </c>
      <c r="AB42324">
        <v>0</v>
      </c>
      <c r="AC42324">
        <v>0</v>
      </c>
      <c r="AD42324">
        <v>0</v>
      </c>
      <c r="AE42324">
        <v>0</v>
      </c>
      <c r="AF42324">
        <v>0</v>
      </c>
      <c r="AG42324">
        <v>0</v>
      </c>
      <c r="AH42324">
        <v>0</v>
      </c>
      <c r="AI42324">
        <v>0</v>
      </c>
      <c r="AJ42324">
        <v>0</v>
      </c>
      <c r="AK42324">
        <v>0</v>
      </c>
      <c r="AL42324">
        <v>0</v>
      </c>
      <c r="AM42324">
        <v>0</v>
      </c>
      <c r="AN42324">
        <v>0</v>
      </c>
      <c r="AO42324">
        <v>0</v>
      </c>
      <c r="AP42324">
        <v>0</v>
      </c>
      <c r="AQ42324">
        <v>0</v>
      </c>
    </row>
    <row r="42325" spans="1:43">
      <c r="A42325" t="s">
        <v>25977</v>
      </c>
      <c r="B42325" t="s">
        <v>25978</v>
      </c>
      <c r="C42325" t="s">
        <v>11596</v>
      </c>
      <c r="D42325" t="s">
        <v>11597</v>
      </c>
      <c r="E42325" t="s">
        <v>11598</v>
      </c>
      <c r="F42325" t="s">
        <v>11599</v>
      </c>
      <c r="G42325" t="s">
        <v>10450</v>
      </c>
      <c r="H42325" t="s">
        <v>10451</v>
      </c>
      <c r="I42325" s="2">
        <v>0</v>
      </c>
      <c r="J42325" s="2">
        <v>0</v>
      </c>
      <c r="K42325" s="2">
        <v>0</v>
      </c>
      <c r="L42325" t="s">
        <v>120</v>
      </c>
      <c r="M42325" t="s">
        <v>83</v>
      </c>
      <c r="N42325" t="s">
        <v>91</v>
      </c>
      <c r="O42325" t="s">
        <v>85</v>
      </c>
      <c r="P42325" t="s">
        <v>86</v>
      </c>
      <c r="Q42325">
        <v>0</v>
      </c>
      <c r="R42325">
        <v>0</v>
      </c>
      <c r="S42325">
        <v>0</v>
      </c>
      <c r="T42325">
        <v>0</v>
      </c>
      <c r="U42325">
        <v>0</v>
      </c>
      <c r="V42325">
        <v>0</v>
      </c>
      <c r="W42325">
        <v>0</v>
      </c>
      <c r="X42325">
        <v>0</v>
      </c>
      <c r="Y42325">
        <v>0</v>
      </c>
      <c r="Z42325">
        <v>0</v>
      </c>
      <c r="AA42325">
        <v>0</v>
      </c>
      <c r="AB42325">
        <v>0</v>
      </c>
      <c r="AC42325">
        <v>0</v>
      </c>
      <c r="AD42325">
        <v>0</v>
      </c>
      <c r="AE42325">
        <v>0</v>
      </c>
      <c r="AF42325">
        <v>0</v>
      </c>
      <c r="AG42325">
        <v>0</v>
      </c>
      <c r="AH42325">
        <v>0</v>
      </c>
      <c r="AI42325">
        <v>0</v>
      </c>
      <c r="AJ42325">
        <v>0</v>
      </c>
      <c r="AK42325">
        <v>0</v>
      </c>
      <c r="AL42325">
        <v>0</v>
      </c>
      <c r="AM42325">
        <v>0</v>
      </c>
      <c r="AN42325">
        <v>0</v>
      </c>
      <c r="AO42325">
        <v>0</v>
      </c>
      <c r="AP42325">
        <v>0</v>
      </c>
      <c r="AQ42325">
        <v>0</v>
      </c>
    </row>
    <row r="42326" spans="1:43">
      <c r="A42326" t="s">
        <v>25979</v>
      </c>
      <c r="B42326" t="s">
        <v>25980</v>
      </c>
      <c r="C42326" t="s">
        <v>11596</v>
      </c>
      <c r="D42326" t="s">
        <v>11597</v>
      </c>
      <c r="E42326" t="s">
        <v>11598</v>
      </c>
      <c r="F42326" t="s">
        <v>11599</v>
      </c>
      <c r="G42326" t="s">
        <v>10450</v>
      </c>
      <c r="H42326" t="s">
        <v>10451</v>
      </c>
      <c r="I42326" s="2">
        <v>0</v>
      </c>
      <c r="J42326" s="2">
        <v>0</v>
      </c>
      <c r="K42326" s="2">
        <v>0</v>
      </c>
      <c r="L42326" t="s">
        <v>120</v>
      </c>
      <c r="M42326" t="s">
        <v>83</v>
      </c>
      <c r="N42326" t="s">
        <v>84</v>
      </c>
      <c r="O42326" t="s">
        <v>85</v>
      </c>
      <c r="P42326" t="s">
        <v>86</v>
      </c>
      <c r="Q42326">
        <v>0</v>
      </c>
      <c r="R42326">
        <v>0</v>
      </c>
      <c r="S42326">
        <v>0</v>
      </c>
      <c r="T42326">
        <v>0</v>
      </c>
      <c r="U42326">
        <v>0</v>
      </c>
      <c r="V42326">
        <v>0</v>
      </c>
      <c r="W42326">
        <v>0</v>
      </c>
      <c r="X42326">
        <v>0</v>
      </c>
      <c r="Y42326">
        <v>0</v>
      </c>
      <c r="Z42326">
        <v>0</v>
      </c>
      <c r="AA42326">
        <v>0</v>
      </c>
      <c r="AB42326">
        <v>0</v>
      </c>
      <c r="AC42326">
        <v>0</v>
      </c>
      <c r="AD42326">
        <v>0</v>
      </c>
      <c r="AE42326">
        <v>0</v>
      </c>
      <c r="AF42326">
        <v>0</v>
      </c>
      <c r="AG42326">
        <v>0</v>
      </c>
      <c r="AH42326">
        <v>0</v>
      </c>
      <c r="AI42326">
        <v>0</v>
      </c>
      <c r="AJ42326">
        <v>0</v>
      </c>
      <c r="AK42326">
        <v>0</v>
      </c>
      <c r="AL42326">
        <v>0</v>
      </c>
      <c r="AM42326">
        <v>0</v>
      </c>
      <c r="AN42326">
        <v>0</v>
      </c>
      <c r="AO42326">
        <v>0</v>
      </c>
      <c r="AP42326">
        <v>0</v>
      </c>
      <c r="AQ42326">
        <v>0</v>
      </c>
    </row>
    <row r="42327" spans="1:43">
      <c r="A42327" t="s">
        <v>25979</v>
      </c>
      <c r="B42327" t="s">
        <v>25980</v>
      </c>
      <c r="C42327" t="s">
        <v>11596</v>
      </c>
      <c r="D42327" t="s">
        <v>11597</v>
      </c>
      <c r="E42327" t="s">
        <v>11598</v>
      </c>
      <c r="F42327" t="s">
        <v>11599</v>
      </c>
      <c r="G42327" t="s">
        <v>10450</v>
      </c>
      <c r="H42327" t="s">
        <v>10451</v>
      </c>
      <c r="I42327" s="2">
        <v>0</v>
      </c>
      <c r="J42327" s="2">
        <v>0</v>
      </c>
      <c r="K42327" s="2">
        <v>0</v>
      </c>
      <c r="L42327" t="s">
        <v>120</v>
      </c>
      <c r="M42327" t="s">
        <v>87</v>
      </c>
      <c r="N42327" t="s">
        <v>88</v>
      </c>
      <c r="O42327" t="s">
        <v>85</v>
      </c>
      <c r="P42327" t="s">
        <v>86</v>
      </c>
      <c r="Q42327">
        <v>0</v>
      </c>
      <c r="R42327">
        <v>0</v>
      </c>
      <c r="S42327">
        <v>0</v>
      </c>
      <c r="T42327">
        <v>0</v>
      </c>
      <c r="U42327">
        <v>0</v>
      </c>
      <c r="V42327">
        <v>0</v>
      </c>
      <c r="W42327">
        <v>0</v>
      </c>
      <c r="X42327">
        <v>0</v>
      </c>
      <c r="Y42327">
        <v>0</v>
      </c>
      <c r="Z42327">
        <v>0</v>
      </c>
      <c r="AA42327">
        <v>0</v>
      </c>
      <c r="AB42327">
        <v>0</v>
      </c>
      <c r="AC42327">
        <v>0</v>
      </c>
      <c r="AD42327">
        <v>0</v>
      </c>
      <c r="AE42327">
        <v>0</v>
      </c>
      <c r="AF42327">
        <v>0</v>
      </c>
      <c r="AG42327">
        <v>0</v>
      </c>
      <c r="AH42327">
        <v>0</v>
      </c>
      <c r="AI42327">
        <v>0</v>
      </c>
      <c r="AJ42327">
        <v>0</v>
      </c>
      <c r="AK42327">
        <v>0</v>
      </c>
      <c r="AL42327">
        <v>0</v>
      </c>
      <c r="AM42327">
        <v>0</v>
      </c>
      <c r="AN42327">
        <v>0</v>
      </c>
      <c r="AO42327">
        <v>0</v>
      </c>
      <c r="AP42327">
        <v>0</v>
      </c>
      <c r="AQ42327">
        <v>0</v>
      </c>
    </row>
    <row r="42328" spans="1:43">
      <c r="A42328" t="s">
        <v>25979</v>
      </c>
      <c r="B42328" t="s">
        <v>25980</v>
      </c>
      <c r="C42328" t="s">
        <v>11596</v>
      </c>
      <c r="D42328" t="s">
        <v>11597</v>
      </c>
      <c r="E42328" t="s">
        <v>11598</v>
      </c>
      <c r="F42328" t="s">
        <v>11599</v>
      </c>
      <c r="G42328" t="s">
        <v>10450</v>
      </c>
      <c r="H42328" t="s">
        <v>10451</v>
      </c>
      <c r="I42328" s="2">
        <v>0</v>
      </c>
      <c r="J42328" s="2">
        <v>0</v>
      </c>
      <c r="K42328" s="2">
        <v>0</v>
      </c>
      <c r="L42328" t="s">
        <v>120</v>
      </c>
      <c r="M42328" t="s">
        <v>89</v>
      </c>
      <c r="N42328" t="s">
        <v>90</v>
      </c>
      <c r="O42328" t="s">
        <v>85</v>
      </c>
      <c r="P42328" t="s">
        <v>86</v>
      </c>
      <c r="Q42328">
        <v>0</v>
      </c>
      <c r="R42328">
        <v>0</v>
      </c>
      <c r="S42328">
        <v>0</v>
      </c>
      <c r="T42328">
        <v>0</v>
      </c>
      <c r="U42328">
        <v>0</v>
      </c>
      <c r="V42328">
        <v>0</v>
      </c>
      <c r="W42328">
        <v>0</v>
      </c>
      <c r="X42328">
        <v>0</v>
      </c>
      <c r="Y42328">
        <v>0</v>
      </c>
      <c r="Z42328">
        <v>0</v>
      </c>
      <c r="AA42328">
        <v>0</v>
      </c>
      <c r="AB42328">
        <v>0</v>
      </c>
      <c r="AC42328">
        <v>0</v>
      </c>
      <c r="AD42328">
        <v>0</v>
      </c>
      <c r="AE42328">
        <v>0</v>
      </c>
      <c r="AF42328">
        <v>0</v>
      </c>
      <c r="AG42328">
        <v>0</v>
      </c>
      <c r="AH42328">
        <v>0</v>
      </c>
      <c r="AI42328">
        <v>0</v>
      </c>
      <c r="AJ42328">
        <v>0</v>
      </c>
      <c r="AK42328">
        <v>0</v>
      </c>
      <c r="AL42328">
        <v>0</v>
      </c>
      <c r="AM42328">
        <v>0</v>
      </c>
      <c r="AN42328">
        <v>0</v>
      </c>
      <c r="AO42328">
        <v>0</v>
      </c>
      <c r="AP42328">
        <v>0</v>
      </c>
      <c r="AQ42328">
        <v>0</v>
      </c>
    </row>
    <row r="42329" spans="1:43">
      <c r="A42329" t="s">
        <v>25979</v>
      </c>
      <c r="B42329" t="s">
        <v>25980</v>
      </c>
      <c r="C42329" t="s">
        <v>11596</v>
      </c>
      <c r="D42329" t="s">
        <v>11597</v>
      </c>
      <c r="E42329" t="s">
        <v>11598</v>
      </c>
      <c r="F42329" t="s">
        <v>11599</v>
      </c>
      <c r="G42329" t="s">
        <v>10450</v>
      </c>
      <c r="H42329" t="s">
        <v>10451</v>
      </c>
      <c r="I42329" s="2">
        <v>0</v>
      </c>
      <c r="J42329" s="2">
        <v>0</v>
      </c>
      <c r="K42329" s="2">
        <v>0</v>
      </c>
      <c r="L42329" t="s">
        <v>120</v>
      </c>
      <c r="M42329" t="s">
        <v>83</v>
      </c>
      <c r="N42329" t="s">
        <v>91</v>
      </c>
      <c r="O42329" t="s">
        <v>85</v>
      </c>
      <c r="P42329" t="s">
        <v>86</v>
      </c>
      <c r="Q42329">
        <v>0</v>
      </c>
      <c r="R42329">
        <v>0</v>
      </c>
      <c r="S42329">
        <v>0</v>
      </c>
      <c r="T42329">
        <v>0</v>
      </c>
      <c r="U42329">
        <v>0</v>
      </c>
      <c r="V42329">
        <v>0</v>
      </c>
      <c r="W42329">
        <v>0</v>
      </c>
      <c r="X42329">
        <v>0</v>
      </c>
      <c r="Y42329">
        <v>0</v>
      </c>
      <c r="Z42329">
        <v>0</v>
      </c>
      <c r="AA42329">
        <v>0</v>
      </c>
      <c r="AB42329">
        <v>0</v>
      </c>
      <c r="AC42329">
        <v>0</v>
      </c>
      <c r="AD42329">
        <v>0</v>
      </c>
      <c r="AE42329">
        <v>0</v>
      </c>
      <c r="AF42329">
        <v>0</v>
      </c>
      <c r="AG42329">
        <v>0</v>
      </c>
      <c r="AH42329">
        <v>0</v>
      </c>
      <c r="AI42329">
        <v>0</v>
      </c>
      <c r="AJ42329">
        <v>0</v>
      </c>
      <c r="AK42329">
        <v>0</v>
      </c>
      <c r="AL42329">
        <v>0</v>
      </c>
      <c r="AM42329">
        <v>0</v>
      </c>
      <c r="AN42329">
        <v>0</v>
      </c>
      <c r="AO42329">
        <v>0</v>
      </c>
      <c r="AP42329">
        <v>0</v>
      </c>
      <c r="AQ42329">
        <v>0</v>
      </c>
    </row>
    <row r="42330" spans="1:43">
      <c r="A42330" t="s">
        <v>25981</v>
      </c>
      <c r="B42330" t="s">
        <v>25982</v>
      </c>
      <c r="C42330" t="s">
        <v>241</v>
      </c>
      <c r="D42330" t="s">
        <v>242</v>
      </c>
      <c r="E42330" t="s">
        <v>102</v>
      </c>
      <c r="F42330" t="s">
        <v>103</v>
      </c>
      <c r="G42330" t="s">
        <v>80</v>
      </c>
      <c r="H42330" t="s">
        <v>81</v>
      </c>
      <c r="I42330" s="2">
        <v>1</v>
      </c>
      <c r="J42330" s="2">
        <v>0</v>
      </c>
      <c r="K42330" s="2">
        <v>0</v>
      </c>
      <c r="L42330" t="s">
        <v>120</v>
      </c>
      <c r="M42330" t="s">
        <v>83</v>
      </c>
      <c r="N42330" t="s">
        <v>84</v>
      </c>
      <c r="O42330" t="s">
        <v>85</v>
      </c>
      <c r="P42330" t="s">
        <v>86</v>
      </c>
      <c r="Q42330">
        <v>13</v>
      </c>
      <c r="R42330">
        <v>13</v>
      </c>
      <c r="S42330">
        <v>13</v>
      </c>
      <c r="T42330">
        <v>14</v>
      </c>
      <c r="U42330">
        <v>14</v>
      </c>
      <c r="V42330">
        <v>14</v>
      </c>
      <c r="W42330">
        <v>14</v>
      </c>
      <c r="X42330">
        <v>14</v>
      </c>
      <c r="Y42330">
        <v>15</v>
      </c>
      <c r="Z42330">
        <v>15</v>
      </c>
      <c r="AA42330">
        <v>15</v>
      </c>
      <c r="AB42330">
        <v>15</v>
      </c>
      <c r="AC42330">
        <v>15</v>
      </c>
      <c r="AD42330">
        <v>16</v>
      </c>
      <c r="AE42330">
        <v>16</v>
      </c>
      <c r="AF42330">
        <v>16</v>
      </c>
      <c r="AG42330">
        <v>16</v>
      </c>
      <c r="AH42330">
        <v>16</v>
      </c>
      <c r="AI42330">
        <v>17</v>
      </c>
      <c r="AJ42330">
        <v>17</v>
      </c>
      <c r="AK42330">
        <v>17</v>
      </c>
      <c r="AL42330">
        <v>17</v>
      </c>
      <c r="AM42330">
        <v>17</v>
      </c>
      <c r="AN42330">
        <v>17</v>
      </c>
      <c r="AO42330">
        <v>17</v>
      </c>
      <c r="AP42330">
        <v>17</v>
      </c>
      <c r="AQ42330">
        <v>17</v>
      </c>
    </row>
    <row r="42331" spans="1:43">
      <c r="A42331" t="s">
        <v>25981</v>
      </c>
      <c r="B42331" t="s">
        <v>25982</v>
      </c>
      <c r="C42331" t="s">
        <v>241</v>
      </c>
      <c r="D42331" t="s">
        <v>242</v>
      </c>
      <c r="E42331" t="s">
        <v>102</v>
      </c>
      <c r="F42331" t="s">
        <v>103</v>
      </c>
      <c r="G42331" t="s">
        <v>80</v>
      </c>
      <c r="H42331" t="s">
        <v>81</v>
      </c>
      <c r="I42331" s="2">
        <v>1</v>
      </c>
      <c r="J42331" s="2">
        <v>0</v>
      </c>
      <c r="K42331" s="2">
        <v>0</v>
      </c>
      <c r="L42331" t="s">
        <v>120</v>
      </c>
      <c r="M42331" t="s">
        <v>87</v>
      </c>
      <c r="N42331" t="s">
        <v>88</v>
      </c>
      <c r="O42331" t="s">
        <v>85</v>
      </c>
      <c r="P42331" t="s">
        <v>86</v>
      </c>
      <c r="Q42331">
        <v>13</v>
      </c>
      <c r="R42331">
        <v>13</v>
      </c>
      <c r="S42331">
        <v>13</v>
      </c>
      <c r="T42331">
        <v>13</v>
      </c>
      <c r="U42331">
        <v>13</v>
      </c>
      <c r="V42331">
        <v>13</v>
      </c>
      <c r="W42331">
        <v>13</v>
      </c>
      <c r="X42331">
        <v>13</v>
      </c>
      <c r="Y42331">
        <v>14</v>
      </c>
      <c r="Z42331">
        <v>14</v>
      </c>
      <c r="AA42331">
        <v>14</v>
      </c>
      <c r="AB42331">
        <v>14</v>
      </c>
      <c r="AC42331">
        <v>14</v>
      </c>
      <c r="AD42331">
        <v>14</v>
      </c>
      <c r="AE42331">
        <v>14</v>
      </c>
      <c r="AF42331">
        <v>14</v>
      </c>
      <c r="AG42331">
        <v>14</v>
      </c>
      <c r="AH42331">
        <v>14</v>
      </c>
      <c r="AI42331">
        <v>14</v>
      </c>
      <c r="AJ42331">
        <v>14</v>
      </c>
      <c r="AK42331">
        <v>15</v>
      </c>
      <c r="AL42331">
        <v>15</v>
      </c>
      <c r="AM42331">
        <v>15</v>
      </c>
      <c r="AN42331">
        <v>15</v>
      </c>
      <c r="AO42331">
        <v>15</v>
      </c>
      <c r="AP42331">
        <v>15</v>
      </c>
      <c r="AQ42331">
        <v>15</v>
      </c>
    </row>
    <row r="42332" spans="1:43">
      <c r="A42332" t="s">
        <v>25981</v>
      </c>
      <c r="B42332" t="s">
        <v>25982</v>
      </c>
      <c r="C42332" t="s">
        <v>241</v>
      </c>
      <c r="D42332" t="s">
        <v>242</v>
      </c>
      <c r="E42332" t="s">
        <v>102</v>
      </c>
      <c r="F42332" t="s">
        <v>103</v>
      </c>
      <c r="G42332" t="s">
        <v>80</v>
      </c>
      <c r="H42332" t="s">
        <v>81</v>
      </c>
      <c r="I42332" s="2">
        <v>1</v>
      </c>
      <c r="J42332" s="2">
        <v>0</v>
      </c>
      <c r="K42332" s="2">
        <v>0</v>
      </c>
      <c r="L42332" t="s">
        <v>120</v>
      </c>
      <c r="M42332" t="s">
        <v>89</v>
      </c>
      <c r="N42332" t="s">
        <v>90</v>
      </c>
      <c r="O42332" t="s">
        <v>85</v>
      </c>
      <c r="P42332" t="s">
        <v>86</v>
      </c>
      <c r="Q42332">
        <v>13</v>
      </c>
      <c r="R42332">
        <v>13</v>
      </c>
      <c r="S42332">
        <v>14</v>
      </c>
      <c r="T42332">
        <v>14</v>
      </c>
      <c r="U42332">
        <v>14</v>
      </c>
      <c r="V42332">
        <v>15</v>
      </c>
      <c r="W42332">
        <v>15</v>
      </c>
      <c r="X42332">
        <v>15</v>
      </c>
      <c r="Y42332">
        <v>15</v>
      </c>
      <c r="Z42332">
        <v>16</v>
      </c>
      <c r="AA42332">
        <v>16</v>
      </c>
      <c r="AB42332">
        <v>16</v>
      </c>
      <c r="AC42332">
        <v>16</v>
      </c>
      <c r="AD42332">
        <v>17</v>
      </c>
      <c r="AE42332">
        <v>17</v>
      </c>
      <c r="AF42332">
        <v>17</v>
      </c>
      <c r="AG42332">
        <v>17</v>
      </c>
      <c r="AH42332">
        <v>17</v>
      </c>
      <c r="AI42332">
        <v>17</v>
      </c>
      <c r="AJ42332">
        <v>17</v>
      </c>
      <c r="AK42332">
        <v>17</v>
      </c>
      <c r="AL42332">
        <v>17</v>
      </c>
      <c r="AM42332">
        <v>17</v>
      </c>
      <c r="AN42332">
        <v>17</v>
      </c>
      <c r="AO42332">
        <v>17</v>
      </c>
      <c r="AP42332">
        <v>17</v>
      </c>
      <c r="AQ42332">
        <v>17</v>
      </c>
    </row>
    <row r="42333" spans="1:43">
      <c r="A42333" t="s">
        <v>25981</v>
      </c>
      <c r="B42333" t="s">
        <v>25982</v>
      </c>
      <c r="C42333" t="s">
        <v>241</v>
      </c>
      <c r="D42333" t="s">
        <v>242</v>
      </c>
      <c r="E42333" t="s">
        <v>102</v>
      </c>
      <c r="F42333" t="s">
        <v>103</v>
      </c>
      <c r="G42333" t="s">
        <v>80</v>
      </c>
      <c r="H42333" t="s">
        <v>81</v>
      </c>
      <c r="I42333" s="2">
        <v>1</v>
      </c>
      <c r="J42333" s="2">
        <v>0</v>
      </c>
      <c r="K42333" s="2">
        <v>0</v>
      </c>
      <c r="L42333" t="s">
        <v>120</v>
      </c>
      <c r="M42333" t="s">
        <v>83</v>
      </c>
      <c r="N42333" t="s">
        <v>91</v>
      </c>
      <c r="O42333" t="s">
        <v>85</v>
      </c>
      <c r="P42333" t="s">
        <v>86</v>
      </c>
      <c r="Q42333">
        <v>13</v>
      </c>
      <c r="R42333">
        <v>13</v>
      </c>
      <c r="S42333">
        <v>13</v>
      </c>
      <c r="T42333">
        <v>14</v>
      </c>
      <c r="U42333">
        <v>14</v>
      </c>
      <c r="V42333">
        <v>14</v>
      </c>
      <c r="W42333">
        <v>14</v>
      </c>
      <c r="X42333">
        <v>14</v>
      </c>
      <c r="Y42333">
        <v>15</v>
      </c>
      <c r="Z42333">
        <v>15</v>
      </c>
      <c r="AA42333">
        <v>15</v>
      </c>
      <c r="AB42333">
        <v>15</v>
      </c>
      <c r="AC42333">
        <v>15</v>
      </c>
      <c r="AD42333">
        <v>16</v>
      </c>
      <c r="AE42333">
        <v>16</v>
      </c>
      <c r="AF42333">
        <v>16</v>
      </c>
      <c r="AG42333">
        <v>16</v>
      </c>
      <c r="AH42333">
        <v>16</v>
      </c>
      <c r="AI42333">
        <v>17</v>
      </c>
      <c r="AJ42333">
        <v>17</v>
      </c>
      <c r="AK42333">
        <v>17</v>
      </c>
      <c r="AL42333">
        <v>17</v>
      </c>
      <c r="AM42333">
        <v>17</v>
      </c>
      <c r="AN42333">
        <v>17</v>
      </c>
      <c r="AO42333">
        <v>17</v>
      </c>
      <c r="AP42333">
        <v>17</v>
      </c>
      <c r="AQ42333">
        <v>17</v>
      </c>
    </row>
    <row r="42334" spans="1:43">
      <c r="A42334" t="s">
        <v>25983</v>
      </c>
      <c r="B42334" t="s">
        <v>25984</v>
      </c>
      <c r="C42334" t="s">
        <v>241</v>
      </c>
      <c r="D42334" t="s">
        <v>242</v>
      </c>
      <c r="E42334" t="s">
        <v>102</v>
      </c>
      <c r="F42334" t="s">
        <v>103</v>
      </c>
      <c r="G42334" t="s">
        <v>80</v>
      </c>
      <c r="H42334" t="s">
        <v>81</v>
      </c>
      <c r="I42334" s="2">
        <v>1</v>
      </c>
      <c r="J42334" s="2">
        <v>0</v>
      </c>
      <c r="K42334" s="2">
        <v>0</v>
      </c>
      <c r="L42334" t="s">
        <v>120</v>
      </c>
      <c r="M42334" t="s">
        <v>83</v>
      </c>
      <c r="N42334" t="s">
        <v>84</v>
      </c>
      <c r="O42334" t="s">
        <v>85</v>
      </c>
      <c r="P42334" t="s">
        <v>86</v>
      </c>
      <c r="Q42334">
        <v>10</v>
      </c>
      <c r="R42334">
        <v>10</v>
      </c>
      <c r="S42334">
        <v>10</v>
      </c>
      <c r="T42334">
        <v>11</v>
      </c>
      <c r="U42334">
        <v>11</v>
      </c>
      <c r="V42334">
        <v>11</v>
      </c>
      <c r="W42334">
        <v>11</v>
      </c>
      <c r="X42334">
        <v>11</v>
      </c>
      <c r="Y42334">
        <v>11</v>
      </c>
      <c r="Z42334">
        <v>12</v>
      </c>
      <c r="AA42334">
        <v>12</v>
      </c>
      <c r="AB42334">
        <v>12</v>
      </c>
      <c r="AC42334">
        <v>12</v>
      </c>
      <c r="AD42334">
        <v>12</v>
      </c>
      <c r="AE42334">
        <v>12</v>
      </c>
      <c r="AF42334">
        <v>13</v>
      </c>
      <c r="AG42334">
        <v>13</v>
      </c>
      <c r="AH42334">
        <v>13</v>
      </c>
      <c r="AI42334">
        <v>13</v>
      </c>
      <c r="AJ42334">
        <v>13</v>
      </c>
      <c r="AK42334">
        <v>13</v>
      </c>
      <c r="AL42334">
        <v>13</v>
      </c>
      <c r="AM42334">
        <v>13</v>
      </c>
      <c r="AN42334">
        <v>13</v>
      </c>
      <c r="AO42334">
        <v>13</v>
      </c>
      <c r="AP42334">
        <v>13</v>
      </c>
      <c r="AQ42334">
        <v>14</v>
      </c>
    </row>
    <row r="42335" spans="1:43">
      <c r="A42335" t="s">
        <v>25983</v>
      </c>
      <c r="B42335" t="s">
        <v>25984</v>
      </c>
      <c r="C42335" t="s">
        <v>241</v>
      </c>
      <c r="D42335" t="s">
        <v>242</v>
      </c>
      <c r="E42335" t="s">
        <v>102</v>
      </c>
      <c r="F42335" t="s">
        <v>103</v>
      </c>
      <c r="G42335" t="s">
        <v>80</v>
      </c>
      <c r="H42335" t="s">
        <v>81</v>
      </c>
      <c r="I42335" s="2">
        <v>1</v>
      </c>
      <c r="J42335" s="2">
        <v>0</v>
      </c>
      <c r="K42335" s="2">
        <v>0</v>
      </c>
      <c r="L42335" t="s">
        <v>120</v>
      </c>
      <c r="M42335" t="s">
        <v>87</v>
      </c>
      <c r="N42335" t="s">
        <v>88</v>
      </c>
      <c r="O42335" t="s">
        <v>85</v>
      </c>
      <c r="P42335" t="s">
        <v>86</v>
      </c>
      <c r="Q42335">
        <v>10</v>
      </c>
      <c r="R42335">
        <v>10</v>
      </c>
      <c r="S42335">
        <v>10</v>
      </c>
      <c r="T42335">
        <v>10</v>
      </c>
      <c r="U42335">
        <v>10</v>
      </c>
      <c r="V42335">
        <v>10</v>
      </c>
      <c r="W42335">
        <v>10</v>
      </c>
      <c r="X42335">
        <v>11</v>
      </c>
      <c r="Y42335">
        <v>11</v>
      </c>
      <c r="Z42335">
        <v>11</v>
      </c>
      <c r="AA42335">
        <v>11</v>
      </c>
      <c r="AB42335">
        <v>11</v>
      </c>
      <c r="AC42335">
        <v>11</v>
      </c>
      <c r="AD42335">
        <v>11</v>
      </c>
      <c r="AE42335">
        <v>11</v>
      </c>
      <c r="AF42335">
        <v>11</v>
      </c>
      <c r="AG42335">
        <v>11</v>
      </c>
      <c r="AH42335">
        <v>11</v>
      </c>
      <c r="AI42335">
        <v>11</v>
      </c>
      <c r="AJ42335">
        <v>11</v>
      </c>
      <c r="AK42335">
        <v>11</v>
      </c>
      <c r="AL42335">
        <v>11</v>
      </c>
      <c r="AM42335">
        <v>12</v>
      </c>
      <c r="AN42335">
        <v>12</v>
      </c>
      <c r="AO42335">
        <v>12</v>
      </c>
      <c r="AP42335">
        <v>12</v>
      </c>
      <c r="AQ42335">
        <v>12</v>
      </c>
    </row>
    <row r="42336" spans="1:43">
      <c r="A42336" t="s">
        <v>25983</v>
      </c>
      <c r="B42336" t="s">
        <v>25984</v>
      </c>
      <c r="C42336" t="s">
        <v>241</v>
      </c>
      <c r="D42336" t="s">
        <v>242</v>
      </c>
      <c r="E42336" t="s">
        <v>102</v>
      </c>
      <c r="F42336" t="s">
        <v>103</v>
      </c>
      <c r="G42336" t="s">
        <v>80</v>
      </c>
      <c r="H42336" t="s">
        <v>81</v>
      </c>
      <c r="I42336" s="2">
        <v>1</v>
      </c>
      <c r="J42336" s="2">
        <v>0</v>
      </c>
      <c r="K42336" s="2">
        <v>0</v>
      </c>
      <c r="L42336" t="s">
        <v>120</v>
      </c>
      <c r="M42336" t="s">
        <v>89</v>
      </c>
      <c r="N42336" t="s">
        <v>90</v>
      </c>
      <c r="O42336" t="s">
        <v>85</v>
      </c>
      <c r="P42336" t="s">
        <v>86</v>
      </c>
      <c r="Q42336">
        <v>10</v>
      </c>
      <c r="R42336">
        <v>11</v>
      </c>
      <c r="S42336">
        <v>11</v>
      </c>
      <c r="T42336">
        <v>11</v>
      </c>
      <c r="U42336">
        <v>11</v>
      </c>
      <c r="V42336">
        <v>11</v>
      </c>
      <c r="W42336">
        <v>12</v>
      </c>
      <c r="X42336">
        <v>12</v>
      </c>
      <c r="Y42336">
        <v>12</v>
      </c>
      <c r="Z42336">
        <v>12</v>
      </c>
      <c r="AA42336">
        <v>13</v>
      </c>
      <c r="AB42336">
        <v>13</v>
      </c>
      <c r="AC42336">
        <v>13</v>
      </c>
      <c r="AD42336">
        <v>13</v>
      </c>
      <c r="AE42336">
        <v>13</v>
      </c>
      <c r="AF42336">
        <v>13</v>
      </c>
      <c r="AG42336">
        <v>13</v>
      </c>
      <c r="AH42336">
        <v>13</v>
      </c>
      <c r="AI42336">
        <v>13</v>
      </c>
      <c r="AJ42336">
        <v>13</v>
      </c>
      <c r="AK42336">
        <v>13</v>
      </c>
      <c r="AL42336">
        <v>13</v>
      </c>
      <c r="AM42336">
        <v>14</v>
      </c>
      <c r="AN42336">
        <v>14</v>
      </c>
      <c r="AO42336">
        <v>14</v>
      </c>
      <c r="AP42336">
        <v>14</v>
      </c>
      <c r="AQ42336">
        <v>14</v>
      </c>
    </row>
    <row r="42337" spans="1:43">
      <c r="A42337" t="s">
        <v>25983</v>
      </c>
      <c r="B42337" t="s">
        <v>25984</v>
      </c>
      <c r="C42337" t="s">
        <v>241</v>
      </c>
      <c r="D42337" t="s">
        <v>242</v>
      </c>
      <c r="E42337" t="s">
        <v>102</v>
      </c>
      <c r="F42337" t="s">
        <v>103</v>
      </c>
      <c r="G42337" t="s">
        <v>80</v>
      </c>
      <c r="H42337" t="s">
        <v>81</v>
      </c>
      <c r="I42337" s="2">
        <v>1</v>
      </c>
      <c r="J42337" s="2">
        <v>0</v>
      </c>
      <c r="K42337" s="2">
        <v>0</v>
      </c>
      <c r="L42337" t="s">
        <v>120</v>
      </c>
      <c r="M42337" t="s">
        <v>83</v>
      </c>
      <c r="N42337" t="s">
        <v>91</v>
      </c>
      <c r="O42337" t="s">
        <v>85</v>
      </c>
      <c r="P42337" t="s">
        <v>86</v>
      </c>
      <c r="Q42337">
        <v>10</v>
      </c>
      <c r="R42337">
        <v>10</v>
      </c>
      <c r="S42337">
        <v>10</v>
      </c>
      <c r="T42337">
        <v>11</v>
      </c>
      <c r="U42337">
        <v>11</v>
      </c>
      <c r="V42337">
        <v>11</v>
      </c>
      <c r="W42337">
        <v>11</v>
      </c>
      <c r="X42337">
        <v>11</v>
      </c>
      <c r="Y42337">
        <v>11</v>
      </c>
      <c r="Z42337">
        <v>12</v>
      </c>
      <c r="AA42337">
        <v>12</v>
      </c>
      <c r="AB42337">
        <v>12</v>
      </c>
      <c r="AC42337">
        <v>12</v>
      </c>
      <c r="AD42337">
        <v>12</v>
      </c>
      <c r="AE42337">
        <v>12</v>
      </c>
      <c r="AF42337">
        <v>13</v>
      </c>
      <c r="AG42337">
        <v>13</v>
      </c>
      <c r="AH42337">
        <v>13</v>
      </c>
      <c r="AI42337">
        <v>13</v>
      </c>
      <c r="AJ42337">
        <v>13</v>
      </c>
      <c r="AK42337">
        <v>13</v>
      </c>
      <c r="AL42337">
        <v>13</v>
      </c>
      <c r="AM42337">
        <v>13</v>
      </c>
      <c r="AN42337">
        <v>13</v>
      </c>
      <c r="AO42337">
        <v>13</v>
      </c>
      <c r="AP42337">
        <v>13</v>
      </c>
      <c r="AQ42337">
        <v>14</v>
      </c>
    </row>
    <row r="42338" spans="1:43">
      <c r="A42338" t="s">
        <v>25985</v>
      </c>
      <c r="B42338" t="s">
        <v>25986</v>
      </c>
      <c r="C42338" t="s">
        <v>141</v>
      </c>
      <c r="D42338" t="s">
        <v>142</v>
      </c>
      <c r="E42338" t="s">
        <v>102</v>
      </c>
      <c r="F42338" t="s">
        <v>103</v>
      </c>
      <c r="G42338" t="s">
        <v>80</v>
      </c>
      <c r="H42338" t="s">
        <v>81</v>
      </c>
      <c r="I42338" s="2">
        <v>0</v>
      </c>
      <c r="J42338" s="2">
        <v>1</v>
      </c>
      <c r="K42338" s="2">
        <v>0</v>
      </c>
      <c r="L42338" t="s">
        <v>82</v>
      </c>
      <c r="M42338" t="s">
        <v>83</v>
      </c>
      <c r="N42338" t="s">
        <v>84</v>
      </c>
      <c r="O42338" t="s">
        <v>85</v>
      </c>
      <c r="P42338" t="s">
        <v>86</v>
      </c>
      <c r="Q42338">
        <v>17</v>
      </c>
      <c r="R42338">
        <v>17</v>
      </c>
      <c r="S42338">
        <v>18</v>
      </c>
      <c r="T42338">
        <v>18</v>
      </c>
      <c r="U42338">
        <v>18</v>
      </c>
      <c r="V42338">
        <v>18</v>
      </c>
      <c r="W42338">
        <v>19</v>
      </c>
      <c r="X42338">
        <v>19</v>
      </c>
      <c r="Y42338">
        <v>19</v>
      </c>
      <c r="Z42338">
        <v>20</v>
      </c>
      <c r="AA42338">
        <v>20</v>
      </c>
      <c r="AB42338">
        <v>20</v>
      </c>
      <c r="AC42338">
        <v>20</v>
      </c>
      <c r="AD42338">
        <v>21</v>
      </c>
      <c r="AE42338">
        <v>21</v>
      </c>
      <c r="AF42338">
        <v>21</v>
      </c>
      <c r="AG42338">
        <v>21</v>
      </c>
      <c r="AH42338">
        <v>22</v>
      </c>
      <c r="AI42338">
        <v>22</v>
      </c>
      <c r="AJ42338">
        <v>22</v>
      </c>
      <c r="AK42338">
        <v>22</v>
      </c>
      <c r="AL42338">
        <v>23</v>
      </c>
      <c r="AM42338">
        <v>23</v>
      </c>
      <c r="AN42338">
        <v>23</v>
      </c>
      <c r="AO42338">
        <v>23</v>
      </c>
      <c r="AP42338">
        <v>23</v>
      </c>
      <c r="AQ42338">
        <v>23</v>
      </c>
    </row>
    <row r="42339" spans="1:43">
      <c r="A42339" t="s">
        <v>25985</v>
      </c>
      <c r="B42339" t="s">
        <v>25986</v>
      </c>
      <c r="C42339" t="s">
        <v>141</v>
      </c>
      <c r="D42339" t="s">
        <v>142</v>
      </c>
      <c r="E42339" t="s">
        <v>102</v>
      </c>
      <c r="F42339" t="s">
        <v>103</v>
      </c>
      <c r="G42339" t="s">
        <v>80</v>
      </c>
      <c r="H42339" t="s">
        <v>81</v>
      </c>
      <c r="I42339" s="2">
        <v>0</v>
      </c>
      <c r="J42339" s="2">
        <v>1</v>
      </c>
      <c r="K42339" s="2">
        <v>0</v>
      </c>
      <c r="L42339" t="s">
        <v>82</v>
      </c>
      <c r="M42339" t="s">
        <v>87</v>
      </c>
      <c r="N42339" t="s">
        <v>88</v>
      </c>
      <c r="O42339" t="s">
        <v>85</v>
      </c>
      <c r="P42339" t="s">
        <v>86</v>
      </c>
      <c r="Q42339">
        <v>17</v>
      </c>
      <c r="R42339">
        <v>17</v>
      </c>
      <c r="S42339">
        <v>17</v>
      </c>
      <c r="T42339">
        <v>17</v>
      </c>
      <c r="U42339">
        <v>17</v>
      </c>
      <c r="V42339">
        <v>17</v>
      </c>
      <c r="W42339">
        <v>18</v>
      </c>
      <c r="X42339">
        <v>18</v>
      </c>
      <c r="Y42339">
        <v>18</v>
      </c>
      <c r="Z42339">
        <v>18</v>
      </c>
      <c r="AA42339">
        <v>18</v>
      </c>
      <c r="AB42339">
        <v>18</v>
      </c>
      <c r="AC42339">
        <v>18</v>
      </c>
      <c r="AD42339">
        <v>18</v>
      </c>
      <c r="AE42339">
        <v>19</v>
      </c>
      <c r="AF42339">
        <v>19</v>
      </c>
      <c r="AG42339">
        <v>19</v>
      </c>
      <c r="AH42339">
        <v>19</v>
      </c>
      <c r="AI42339">
        <v>19</v>
      </c>
      <c r="AJ42339">
        <v>19</v>
      </c>
      <c r="AK42339">
        <v>19</v>
      </c>
      <c r="AL42339">
        <v>19</v>
      </c>
      <c r="AM42339">
        <v>19</v>
      </c>
      <c r="AN42339">
        <v>20</v>
      </c>
      <c r="AO42339">
        <v>20</v>
      </c>
      <c r="AP42339">
        <v>20</v>
      </c>
      <c r="AQ42339">
        <v>20</v>
      </c>
    </row>
    <row r="42340" spans="1:43">
      <c r="A42340" t="s">
        <v>25985</v>
      </c>
      <c r="B42340" t="s">
        <v>25986</v>
      </c>
      <c r="C42340" t="s">
        <v>141</v>
      </c>
      <c r="D42340" t="s">
        <v>142</v>
      </c>
      <c r="E42340" t="s">
        <v>102</v>
      </c>
      <c r="F42340" t="s">
        <v>103</v>
      </c>
      <c r="G42340" t="s">
        <v>80</v>
      </c>
      <c r="H42340" t="s">
        <v>81</v>
      </c>
      <c r="I42340" s="2">
        <v>0</v>
      </c>
      <c r="J42340" s="2">
        <v>1</v>
      </c>
      <c r="K42340" s="2">
        <v>0</v>
      </c>
      <c r="L42340" t="s">
        <v>82</v>
      </c>
      <c r="M42340" t="s">
        <v>89</v>
      </c>
      <c r="N42340" t="s">
        <v>90</v>
      </c>
      <c r="O42340" t="s">
        <v>85</v>
      </c>
      <c r="P42340" t="s">
        <v>86</v>
      </c>
      <c r="Q42340">
        <v>17</v>
      </c>
      <c r="R42340">
        <v>18</v>
      </c>
      <c r="S42340">
        <v>18</v>
      </c>
      <c r="T42340">
        <v>18</v>
      </c>
      <c r="U42340">
        <v>19</v>
      </c>
      <c r="V42340">
        <v>19</v>
      </c>
      <c r="W42340">
        <v>20</v>
      </c>
      <c r="X42340">
        <v>20</v>
      </c>
      <c r="Y42340">
        <v>20</v>
      </c>
      <c r="Z42340">
        <v>21</v>
      </c>
      <c r="AA42340">
        <v>21</v>
      </c>
      <c r="AB42340">
        <v>21</v>
      </c>
      <c r="AC42340">
        <v>22</v>
      </c>
      <c r="AD42340">
        <v>22</v>
      </c>
      <c r="AE42340">
        <v>22</v>
      </c>
      <c r="AF42340">
        <v>22</v>
      </c>
      <c r="AG42340">
        <v>23</v>
      </c>
      <c r="AH42340">
        <v>23</v>
      </c>
      <c r="AI42340">
        <v>23</v>
      </c>
      <c r="AJ42340">
        <v>23</v>
      </c>
      <c r="AK42340">
        <v>23</v>
      </c>
      <c r="AL42340">
        <v>23</v>
      </c>
      <c r="AM42340">
        <v>23</v>
      </c>
      <c r="AN42340">
        <v>23</v>
      </c>
      <c r="AO42340">
        <v>23</v>
      </c>
      <c r="AP42340">
        <v>23</v>
      </c>
      <c r="AQ42340">
        <v>23</v>
      </c>
    </row>
    <row r="42341" spans="1:43">
      <c r="A42341" t="s">
        <v>25985</v>
      </c>
      <c r="B42341" t="s">
        <v>25986</v>
      </c>
      <c r="C42341" t="s">
        <v>141</v>
      </c>
      <c r="D42341" t="s">
        <v>142</v>
      </c>
      <c r="E42341" t="s">
        <v>102</v>
      </c>
      <c r="F42341" t="s">
        <v>103</v>
      </c>
      <c r="G42341" t="s">
        <v>80</v>
      </c>
      <c r="H42341" t="s">
        <v>81</v>
      </c>
      <c r="I42341" s="2">
        <v>0</v>
      </c>
      <c r="J42341" s="2">
        <v>1</v>
      </c>
      <c r="K42341" s="2">
        <v>0</v>
      </c>
      <c r="L42341" t="s">
        <v>82</v>
      </c>
      <c r="M42341" t="s">
        <v>83</v>
      </c>
      <c r="N42341" t="s">
        <v>91</v>
      </c>
      <c r="O42341" t="s">
        <v>85</v>
      </c>
      <c r="P42341" t="s">
        <v>86</v>
      </c>
      <c r="Q42341">
        <v>17</v>
      </c>
      <c r="R42341">
        <v>17</v>
      </c>
      <c r="S42341">
        <v>18</v>
      </c>
      <c r="T42341">
        <v>18</v>
      </c>
      <c r="U42341">
        <v>18</v>
      </c>
      <c r="V42341">
        <v>18</v>
      </c>
      <c r="W42341">
        <v>19</v>
      </c>
      <c r="X42341">
        <v>19</v>
      </c>
      <c r="Y42341">
        <v>19</v>
      </c>
      <c r="Z42341">
        <v>20</v>
      </c>
      <c r="AA42341">
        <v>20</v>
      </c>
      <c r="AB42341">
        <v>20</v>
      </c>
      <c r="AC42341">
        <v>20</v>
      </c>
      <c r="AD42341">
        <v>21</v>
      </c>
      <c r="AE42341">
        <v>21</v>
      </c>
      <c r="AF42341">
        <v>21</v>
      </c>
      <c r="AG42341">
        <v>21</v>
      </c>
      <c r="AH42341">
        <v>22</v>
      </c>
      <c r="AI42341">
        <v>22</v>
      </c>
      <c r="AJ42341">
        <v>22</v>
      </c>
      <c r="AK42341">
        <v>22</v>
      </c>
      <c r="AL42341">
        <v>23</v>
      </c>
      <c r="AM42341">
        <v>23</v>
      </c>
      <c r="AN42341">
        <v>23</v>
      </c>
      <c r="AO42341">
        <v>23</v>
      </c>
      <c r="AP42341">
        <v>23</v>
      </c>
      <c r="AQ42341">
        <v>23</v>
      </c>
    </row>
    <row r="42342" spans="1:43">
      <c r="A42342" t="s">
        <v>25987</v>
      </c>
      <c r="B42342" t="s">
        <v>25988</v>
      </c>
      <c r="C42342" t="s">
        <v>141</v>
      </c>
      <c r="D42342" t="s">
        <v>142</v>
      </c>
      <c r="E42342" t="s">
        <v>102</v>
      </c>
      <c r="F42342" t="s">
        <v>103</v>
      </c>
      <c r="G42342" t="s">
        <v>80</v>
      </c>
      <c r="H42342" t="s">
        <v>81</v>
      </c>
      <c r="I42342" s="2">
        <v>0</v>
      </c>
      <c r="J42342" s="2">
        <v>1</v>
      </c>
      <c r="K42342" s="2">
        <v>0</v>
      </c>
      <c r="L42342" t="s">
        <v>82</v>
      </c>
      <c r="M42342" t="s">
        <v>83</v>
      </c>
      <c r="N42342" t="s">
        <v>84</v>
      </c>
      <c r="O42342" t="s">
        <v>85</v>
      </c>
      <c r="P42342" t="s">
        <v>86</v>
      </c>
      <c r="Q42342">
        <v>16</v>
      </c>
      <c r="R42342">
        <v>16</v>
      </c>
      <c r="S42342">
        <v>16</v>
      </c>
      <c r="T42342">
        <v>16</v>
      </c>
      <c r="U42342">
        <v>17</v>
      </c>
      <c r="V42342">
        <v>17</v>
      </c>
      <c r="W42342">
        <v>17</v>
      </c>
      <c r="X42342">
        <v>17</v>
      </c>
      <c r="Y42342">
        <v>18</v>
      </c>
      <c r="Z42342">
        <v>18</v>
      </c>
      <c r="AA42342">
        <v>18</v>
      </c>
      <c r="AB42342">
        <v>19</v>
      </c>
      <c r="AC42342">
        <v>19</v>
      </c>
      <c r="AD42342">
        <v>19</v>
      </c>
      <c r="AE42342">
        <v>19</v>
      </c>
      <c r="AF42342">
        <v>19</v>
      </c>
      <c r="AG42342">
        <v>20</v>
      </c>
      <c r="AH42342">
        <v>20</v>
      </c>
      <c r="AI42342">
        <v>20</v>
      </c>
      <c r="AJ42342">
        <v>20</v>
      </c>
      <c r="AK42342">
        <v>21</v>
      </c>
      <c r="AL42342">
        <v>21</v>
      </c>
      <c r="AM42342">
        <v>21</v>
      </c>
      <c r="AN42342">
        <v>21</v>
      </c>
      <c r="AO42342">
        <v>21</v>
      </c>
      <c r="AP42342">
        <v>21</v>
      </c>
      <c r="AQ42342">
        <v>21</v>
      </c>
    </row>
    <row r="42343" spans="1:43">
      <c r="A42343" t="s">
        <v>25987</v>
      </c>
      <c r="B42343" t="s">
        <v>25988</v>
      </c>
      <c r="C42343" t="s">
        <v>141</v>
      </c>
      <c r="D42343" t="s">
        <v>142</v>
      </c>
      <c r="E42343" t="s">
        <v>102</v>
      </c>
      <c r="F42343" t="s">
        <v>103</v>
      </c>
      <c r="G42343" t="s">
        <v>80</v>
      </c>
      <c r="H42343" t="s">
        <v>81</v>
      </c>
      <c r="I42343" s="2">
        <v>0</v>
      </c>
      <c r="J42343" s="2">
        <v>1</v>
      </c>
      <c r="K42343" s="2">
        <v>0</v>
      </c>
      <c r="L42343" t="s">
        <v>82</v>
      </c>
      <c r="M42343" t="s">
        <v>87</v>
      </c>
      <c r="N42343" t="s">
        <v>88</v>
      </c>
      <c r="O42343" t="s">
        <v>85</v>
      </c>
      <c r="P42343" t="s">
        <v>86</v>
      </c>
      <c r="Q42343">
        <v>16</v>
      </c>
      <c r="R42343">
        <v>16</v>
      </c>
      <c r="S42343">
        <v>16</v>
      </c>
      <c r="T42343">
        <v>16</v>
      </c>
      <c r="U42343">
        <v>16</v>
      </c>
      <c r="V42343">
        <v>16</v>
      </c>
      <c r="W42343">
        <v>16</v>
      </c>
      <c r="X42343">
        <v>16</v>
      </c>
      <c r="Y42343">
        <v>16</v>
      </c>
      <c r="Z42343">
        <v>17</v>
      </c>
      <c r="AA42343">
        <v>17</v>
      </c>
      <c r="AB42343">
        <v>17</v>
      </c>
      <c r="AC42343">
        <v>17</v>
      </c>
      <c r="AD42343">
        <v>17</v>
      </c>
      <c r="AE42343">
        <v>17</v>
      </c>
      <c r="AF42343">
        <v>17</v>
      </c>
      <c r="AG42343">
        <v>17</v>
      </c>
      <c r="AH42343">
        <v>17</v>
      </c>
      <c r="AI42343">
        <v>17</v>
      </c>
      <c r="AJ42343">
        <v>18</v>
      </c>
      <c r="AK42343">
        <v>18</v>
      </c>
      <c r="AL42343">
        <v>18</v>
      </c>
      <c r="AM42343">
        <v>18</v>
      </c>
      <c r="AN42343">
        <v>18</v>
      </c>
      <c r="AO42343">
        <v>18</v>
      </c>
      <c r="AP42343">
        <v>18</v>
      </c>
      <c r="AQ42343">
        <v>18</v>
      </c>
    </row>
    <row r="42344" spans="1:43">
      <c r="A42344" t="s">
        <v>25987</v>
      </c>
      <c r="B42344" t="s">
        <v>25988</v>
      </c>
      <c r="C42344" t="s">
        <v>141</v>
      </c>
      <c r="D42344" t="s">
        <v>142</v>
      </c>
      <c r="E42344" t="s">
        <v>102</v>
      </c>
      <c r="F42344" t="s">
        <v>103</v>
      </c>
      <c r="G42344" t="s">
        <v>80</v>
      </c>
      <c r="H42344" t="s">
        <v>81</v>
      </c>
      <c r="I42344" s="2">
        <v>0</v>
      </c>
      <c r="J42344" s="2">
        <v>1</v>
      </c>
      <c r="K42344" s="2">
        <v>0</v>
      </c>
      <c r="L42344" t="s">
        <v>82</v>
      </c>
      <c r="M42344" t="s">
        <v>89</v>
      </c>
      <c r="N42344" t="s">
        <v>90</v>
      </c>
      <c r="O42344" t="s">
        <v>85</v>
      </c>
      <c r="P42344" t="s">
        <v>86</v>
      </c>
      <c r="Q42344">
        <v>16</v>
      </c>
      <c r="R42344">
        <v>16</v>
      </c>
      <c r="S42344">
        <v>17</v>
      </c>
      <c r="T42344">
        <v>17</v>
      </c>
      <c r="U42344">
        <v>17</v>
      </c>
      <c r="V42344">
        <v>18</v>
      </c>
      <c r="W42344">
        <v>18</v>
      </c>
      <c r="X42344">
        <v>18</v>
      </c>
      <c r="Y42344">
        <v>19</v>
      </c>
      <c r="Z42344">
        <v>19</v>
      </c>
      <c r="AA42344">
        <v>19</v>
      </c>
      <c r="AB42344">
        <v>20</v>
      </c>
      <c r="AC42344">
        <v>20</v>
      </c>
      <c r="AD42344">
        <v>20</v>
      </c>
      <c r="AE42344">
        <v>21</v>
      </c>
      <c r="AF42344">
        <v>21</v>
      </c>
      <c r="AG42344">
        <v>21</v>
      </c>
      <c r="AH42344">
        <v>21</v>
      </c>
      <c r="AI42344">
        <v>21</v>
      </c>
      <c r="AJ42344">
        <v>21</v>
      </c>
      <c r="AK42344">
        <v>21</v>
      </c>
      <c r="AL42344">
        <v>21</v>
      </c>
      <c r="AM42344">
        <v>21</v>
      </c>
      <c r="AN42344">
        <v>21</v>
      </c>
      <c r="AO42344">
        <v>21</v>
      </c>
      <c r="AP42344">
        <v>21</v>
      </c>
      <c r="AQ42344">
        <v>21</v>
      </c>
    </row>
    <row r="42345" spans="1:43">
      <c r="A42345" t="s">
        <v>25987</v>
      </c>
      <c r="B42345" t="s">
        <v>25988</v>
      </c>
      <c r="C42345" t="s">
        <v>141</v>
      </c>
      <c r="D42345" t="s">
        <v>142</v>
      </c>
      <c r="E42345" t="s">
        <v>102</v>
      </c>
      <c r="F42345" t="s">
        <v>103</v>
      </c>
      <c r="G42345" t="s">
        <v>80</v>
      </c>
      <c r="H42345" t="s">
        <v>81</v>
      </c>
      <c r="I42345" s="2">
        <v>0</v>
      </c>
      <c r="J42345" s="2">
        <v>1</v>
      </c>
      <c r="K42345" s="2">
        <v>0</v>
      </c>
      <c r="L42345" t="s">
        <v>82</v>
      </c>
      <c r="M42345" t="s">
        <v>83</v>
      </c>
      <c r="N42345" t="s">
        <v>91</v>
      </c>
      <c r="O42345" t="s">
        <v>85</v>
      </c>
      <c r="P42345" t="s">
        <v>86</v>
      </c>
      <c r="Q42345">
        <v>16</v>
      </c>
      <c r="R42345">
        <v>16</v>
      </c>
      <c r="S42345">
        <v>16</v>
      </c>
      <c r="T42345">
        <v>16</v>
      </c>
      <c r="U42345">
        <v>17</v>
      </c>
      <c r="V42345">
        <v>17</v>
      </c>
      <c r="W42345">
        <v>17</v>
      </c>
      <c r="X42345">
        <v>17</v>
      </c>
      <c r="Y42345">
        <v>18</v>
      </c>
      <c r="Z42345">
        <v>18</v>
      </c>
      <c r="AA42345">
        <v>18</v>
      </c>
      <c r="AB42345">
        <v>19</v>
      </c>
      <c r="AC42345">
        <v>19</v>
      </c>
      <c r="AD42345">
        <v>19</v>
      </c>
      <c r="AE42345">
        <v>19</v>
      </c>
      <c r="AF42345">
        <v>19</v>
      </c>
      <c r="AG42345">
        <v>20</v>
      </c>
      <c r="AH42345">
        <v>20</v>
      </c>
      <c r="AI42345">
        <v>20</v>
      </c>
      <c r="AJ42345">
        <v>20</v>
      </c>
      <c r="AK42345">
        <v>21</v>
      </c>
      <c r="AL42345">
        <v>21</v>
      </c>
      <c r="AM42345">
        <v>21</v>
      </c>
      <c r="AN42345">
        <v>21</v>
      </c>
      <c r="AO42345">
        <v>21</v>
      </c>
      <c r="AP42345">
        <v>21</v>
      </c>
      <c r="AQ42345">
        <v>21</v>
      </c>
    </row>
    <row r="42346" spans="1:43">
      <c r="A42346" t="s">
        <v>25989</v>
      </c>
      <c r="B42346" t="s">
        <v>25990</v>
      </c>
      <c r="C42346" t="s">
        <v>106</v>
      </c>
      <c r="D42346" t="s">
        <v>107</v>
      </c>
      <c r="E42346" t="s">
        <v>102</v>
      </c>
      <c r="F42346" t="s">
        <v>103</v>
      </c>
      <c r="G42346" t="s">
        <v>80</v>
      </c>
      <c r="H42346" t="s">
        <v>81</v>
      </c>
      <c r="I42346" s="2">
        <v>0</v>
      </c>
      <c r="J42346" s="2">
        <v>1</v>
      </c>
      <c r="K42346" s="2">
        <v>0</v>
      </c>
      <c r="L42346" t="s">
        <v>82</v>
      </c>
      <c r="M42346" t="s">
        <v>83</v>
      </c>
      <c r="N42346" t="s">
        <v>84</v>
      </c>
      <c r="O42346" t="s">
        <v>85</v>
      </c>
      <c r="P42346" t="s">
        <v>86</v>
      </c>
      <c r="Q42346">
        <v>99</v>
      </c>
      <c r="R42346">
        <v>100</v>
      </c>
      <c r="S42346">
        <v>102</v>
      </c>
      <c r="T42346">
        <v>103</v>
      </c>
      <c r="U42346">
        <v>105</v>
      </c>
      <c r="V42346">
        <v>106</v>
      </c>
      <c r="W42346">
        <v>108</v>
      </c>
      <c r="X42346">
        <v>110</v>
      </c>
      <c r="Y42346">
        <v>111</v>
      </c>
      <c r="Z42346">
        <v>113</v>
      </c>
      <c r="AA42346">
        <v>114</v>
      </c>
      <c r="AB42346">
        <v>116</v>
      </c>
      <c r="AC42346">
        <v>118</v>
      </c>
      <c r="AD42346">
        <v>119</v>
      </c>
      <c r="AE42346">
        <v>121</v>
      </c>
      <c r="AF42346">
        <v>122</v>
      </c>
      <c r="AG42346">
        <v>124</v>
      </c>
      <c r="AH42346">
        <v>125</v>
      </c>
      <c r="AI42346">
        <v>126</v>
      </c>
      <c r="AJ42346">
        <v>128</v>
      </c>
      <c r="AK42346">
        <v>129</v>
      </c>
      <c r="AL42346">
        <v>130</v>
      </c>
      <c r="AM42346">
        <v>130</v>
      </c>
      <c r="AN42346">
        <v>131</v>
      </c>
      <c r="AO42346">
        <v>131</v>
      </c>
      <c r="AP42346">
        <v>131</v>
      </c>
      <c r="AQ42346">
        <v>131</v>
      </c>
    </row>
    <row r="42347" spans="1:43">
      <c r="A42347" t="s">
        <v>25989</v>
      </c>
      <c r="B42347" t="s">
        <v>25990</v>
      </c>
      <c r="C42347" t="s">
        <v>106</v>
      </c>
      <c r="D42347" t="s">
        <v>107</v>
      </c>
      <c r="E42347" t="s">
        <v>102</v>
      </c>
      <c r="F42347" t="s">
        <v>103</v>
      </c>
      <c r="G42347" t="s">
        <v>80</v>
      </c>
      <c r="H42347" t="s">
        <v>81</v>
      </c>
      <c r="I42347" s="2">
        <v>0</v>
      </c>
      <c r="J42347" s="2">
        <v>1</v>
      </c>
      <c r="K42347" s="2">
        <v>0</v>
      </c>
      <c r="L42347" t="s">
        <v>82</v>
      </c>
      <c r="M42347" t="s">
        <v>87</v>
      </c>
      <c r="N42347" t="s">
        <v>88</v>
      </c>
      <c r="O42347" t="s">
        <v>85</v>
      </c>
      <c r="P42347" t="s">
        <v>86</v>
      </c>
      <c r="Q42347">
        <v>99</v>
      </c>
      <c r="R42347">
        <v>99</v>
      </c>
      <c r="S42347">
        <v>100</v>
      </c>
      <c r="T42347">
        <v>101</v>
      </c>
      <c r="U42347">
        <v>101</v>
      </c>
      <c r="V42347">
        <v>102</v>
      </c>
      <c r="W42347">
        <v>103</v>
      </c>
      <c r="X42347">
        <v>103</v>
      </c>
      <c r="Y42347">
        <v>104</v>
      </c>
      <c r="Z42347">
        <v>105</v>
      </c>
      <c r="AA42347">
        <v>105</v>
      </c>
      <c r="AB42347">
        <v>106</v>
      </c>
      <c r="AC42347">
        <v>106</v>
      </c>
      <c r="AD42347">
        <v>107</v>
      </c>
      <c r="AE42347">
        <v>108</v>
      </c>
      <c r="AF42347">
        <v>108</v>
      </c>
      <c r="AG42347">
        <v>109</v>
      </c>
      <c r="AH42347">
        <v>110</v>
      </c>
      <c r="AI42347">
        <v>110</v>
      </c>
      <c r="AJ42347">
        <v>111</v>
      </c>
      <c r="AK42347">
        <v>112</v>
      </c>
      <c r="AL42347">
        <v>112</v>
      </c>
      <c r="AM42347">
        <v>113</v>
      </c>
      <c r="AN42347">
        <v>113</v>
      </c>
      <c r="AO42347">
        <v>114</v>
      </c>
      <c r="AP42347">
        <v>115</v>
      </c>
      <c r="AQ42347">
        <v>115</v>
      </c>
    </row>
    <row r="42348" spans="1:43">
      <c r="A42348" t="s">
        <v>25989</v>
      </c>
      <c r="B42348" t="s">
        <v>25990</v>
      </c>
      <c r="C42348" t="s">
        <v>106</v>
      </c>
      <c r="D42348" t="s">
        <v>107</v>
      </c>
      <c r="E42348" t="s">
        <v>102</v>
      </c>
      <c r="F42348" t="s">
        <v>103</v>
      </c>
      <c r="G42348" t="s">
        <v>80</v>
      </c>
      <c r="H42348" t="s">
        <v>81</v>
      </c>
      <c r="I42348" s="2">
        <v>0</v>
      </c>
      <c r="J42348" s="2">
        <v>1</v>
      </c>
      <c r="K42348" s="2">
        <v>0</v>
      </c>
      <c r="L42348" t="s">
        <v>82</v>
      </c>
      <c r="M42348" t="s">
        <v>89</v>
      </c>
      <c r="N42348" t="s">
        <v>90</v>
      </c>
      <c r="O42348" t="s">
        <v>85</v>
      </c>
      <c r="P42348" t="s">
        <v>86</v>
      </c>
      <c r="Q42348">
        <v>99</v>
      </c>
      <c r="R42348">
        <v>102</v>
      </c>
      <c r="S42348">
        <v>104</v>
      </c>
      <c r="T42348">
        <v>107</v>
      </c>
      <c r="U42348">
        <v>109</v>
      </c>
      <c r="V42348">
        <v>111</v>
      </c>
      <c r="W42348">
        <v>114</v>
      </c>
      <c r="X42348">
        <v>116</v>
      </c>
      <c r="Y42348">
        <v>118</v>
      </c>
      <c r="Z42348">
        <v>120</v>
      </c>
      <c r="AA42348">
        <v>122</v>
      </c>
      <c r="AB42348">
        <v>124</v>
      </c>
      <c r="AC42348">
        <v>126</v>
      </c>
      <c r="AD42348">
        <v>128</v>
      </c>
      <c r="AE42348">
        <v>129</v>
      </c>
      <c r="AF42348">
        <v>129</v>
      </c>
      <c r="AG42348">
        <v>130</v>
      </c>
      <c r="AH42348">
        <v>130</v>
      </c>
      <c r="AI42348">
        <v>130</v>
      </c>
      <c r="AJ42348">
        <v>131</v>
      </c>
      <c r="AK42348">
        <v>131</v>
      </c>
      <c r="AL42348">
        <v>131</v>
      </c>
      <c r="AM42348">
        <v>131</v>
      </c>
      <c r="AN42348">
        <v>132</v>
      </c>
      <c r="AO42348">
        <v>132</v>
      </c>
      <c r="AP42348">
        <v>132</v>
      </c>
      <c r="AQ42348">
        <v>132</v>
      </c>
    </row>
    <row r="42349" spans="1:43">
      <c r="A42349" t="s">
        <v>25989</v>
      </c>
      <c r="B42349" t="s">
        <v>25990</v>
      </c>
      <c r="C42349" t="s">
        <v>106</v>
      </c>
      <c r="D42349" t="s">
        <v>107</v>
      </c>
      <c r="E42349" t="s">
        <v>102</v>
      </c>
      <c r="F42349" t="s">
        <v>103</v>
      </c>
      <c r="G42349" t="s">
        <v>80</v>
      </c>
      <c r="H42349" t="s">
        <v>81</v>
      </c>
      <c r="I42349" s="2">
        <v>0</v>
      </c>
      <c r="J42349" s="2">
        <v>1</v>
      </c>
      <c r="K42349" s="2">
        <v>0</v>
      </c>
      <c r="L42349" t="s">
        <v>82</v>
      </c>
      <c r="M42349" t="s">
        <v>83</v>
      </c>
      <c r="N42349" t="s">
        <v>91</v>
      </c>
      <c r="O42349" t="s">
        <v>85</v>
      </c>
      <c r="P42349" t="s">
        <v>86</v>
      </c>
      <c r="Q42349">
        <v>99</v>
      </c>
      <c r="R42349">
        <v>100</v>
      </c>
      <c r="S42349">
        <v>102</v>
      </c>
      <c r="T42349">
        <v>103</v>
      </c>
      <c r="U42349">
        <v>105</v>
      </c>
      <c r="V42349">
        <v>106</v>
      </c>
      <c r="W42349">
        <v>108</v>
      </c>
      <c r="X42349">
        <v>110</v>
      </c>
      <c r="Y42349">
        <v>111</v>
      </c>
      <c r="Z42349">
        <v>113</v>
      </c>
      <c r="AA42349">
        <v>114</v>
      </c>
      <c r="AB42349">
        <v>116</v>
      </c>
      <c r="AC42349">
        <v>118</v>
      </c>
      <c r="AD42349">
        <v>119</v>
      </c>
      <c r="AE42349">
        <v>121</v>
      </c>
      <c r="AF42349">
        <v>122</v>
      </c>
      <c r="AG42349">
        <v>124</v>
      </c>
      <c r="AH42349">
        <v>125</v>
      </c>
      <c r="AI42349">
        <v>126</v>
      </c>
      <c r="AJ42349">
        <v>128</v>
      </c>
      <c r="AK42349">
        <v>129</v>
      </c>
      <c r="AL42349">
        <v>130</v>
      </c>
      <c r="AM42349">
        <v>130</v>
      </c>
      <c r="AN42349">
        <v>131</v>
      </c>
      <c r="AO42349">
        <v>131</v>
      </c>
      <c r="AP42349">
        <v>131</v>
      </c>
      <c r="AQ42349">
        <v>131</v>
      </c>
    </row>
    <row r="42350" spans="1:43">
      <c r="A42350" t="s">
        <v>25991</v>
      </c>
      <c r="B42350" t="s">
        <v>25992</v>
      </c>
      <c r="C42350" t="s">
        <v>106</v>
      </c>
      <c r="D42350" t="s">
        <v>107</v>
      </c>
      <c r="E42350" t="s">
        <v>102</v>
      </c>
      <c r="F42350" t="s">
        <v>103</v>
      </c>
      <c r="G42350" t="s">
        <v>80</v>
      </c>
      <c r="H42350" t="s">
        <v>81</v>
      </c>
      <c r="I42350" s="2">
        <v>0</v>
      </c>
      <c r="J42350" s="2">
        <v>1</v>
      </c>
      <c r="K42350" s="2">
        <v>0</v>
      </c>
      <c r="L42350" t="s">
        <v>82</v>
      </c>
      <c r="M42350" t="s">
        <v>83</v>
      </c>
      <c r="N42350" t="s">
        <v>84</v>
      </c>
      <c r="O42350" t="s">
        <v>85</v>
      </c>
      <c r="P42350" t="s">
        <v>86</v>
      </c>
      <c r="Q42350">
        <v>97</v>
      </c>
      <c r="R42350">
        <v>99</v>
      </c>
      <c r="S42350">
        <v>101</v>
      </c>
      <c r="T42350">
        <v>102</v>
      </c>
      <c r="U42350">
        <v>104</v>
      </c>
      <c r="V42350">
        <v>105</v>
      </c>
      <c r="W42350">
        <v>107</v>
      </c>
      <c r="X42350">
        <v>108</v>
      </c>
      <c r="Y42350">
        <v>110</v>
      </c>
      <c r="Z42350">
        <v>112</v>
      </c>
      <c r="AA42350">
        <v>113</v>
      </c>
      <c r="AB42350">
        <v>115</v>
      </c>
      <c r="AC42350">
        <v>116</v>
      </c>
      <c r="AD42350">
        <v>118</v>
      </c>
      <c r="AE42350">
        <v>119</v>
      </c>
      <c r="AF42350">
        <v>121</v>
      </c>
      <c r="AG42350">
        <v>122</v>
      </c>
      <c r="AH42350">
        <v>124</v>
      </c>
      <c r="AI42350">
        <v>125</v>
      </c>
      <c r="AJ42350">
        <v>127</v>
      </c>
      <c r="AK42350">
        <v>128</v>
      </c>
      <c r="AL42350">
        <v>129</v>
      </c>
      <c r="AM42350">
        <v>129</v>
      </c>
      <c r="AN42350">
        <v>129</v>
      </c>
      <c r="AO42350">
        <v>129</v>
      </c>
      <c r="AP42350">
        <v>130</v>
      </c>
      <c r="AQ42350">
        <v>130</v>
      </c>
    </row>
    <row r="42351" spans="1:43">
      <c r="A42351" t="s">
        <v>25991</v>
      </c>
      <c r="B42351" t="s">
        <v>25992</v>
      </c>
      <c r="C42351" t="s">
        <v>106</v>
      </c>
      <c r="D42351" t="s">
        <v>107</v>
      </c>
      <c r="E42351" t="s">
        <v>102</v>
      </c>
      <c r="F42351" t="s">
        <v>103</v>
      </c>
      <c r="G42351" t="s">
        <v>80</v>
      </c>
      <c r="H42351" t="s">
        <v>81</v>
      </c>
      <c r="I42351" s="2">
        <v>0</v>
      </c>
      <c r="J42351" s="2">
        <v>1</v>
      </c>
      <c r="K42351" s="2">
        <v>0</v>
      </c>
      <c r="L42351" t="s">
        <v>82</v>
      </c>
      <c r="M42351" t="s">
        <v>87</v>
      </c>
      <c r="N42351" t="s">
        <v>88</v>
      </c>
      <c r="O42351" t="s">
        <v>85</v>
      </c>
      <c r="P42351" t="s">
        <v>86</v>
      </c>
      <c r="Q42351">
        <v>97</v>
      </c>
      <c r="R42351">
        <v>97</v>
      </c>
      <c r="S42351">
        <v>98</v>
      </c>
      <c r="T42351">
        <v>98</v>
      </c>
      <c r="U42351">
        <v>99</v>
      </c>
      <c r="V42351">
        <v>100</v>
      </c>
      <c r="W42351">
        <v>100</v>
      </c>
      <c r="X42351">
        <v>101</v>
      </c>
      <c r="Y42351">
        <v>102</v>
      </c>
      <c r="Z42351">
        <v>102</v>
      </c>
      <c r="AA42351">
        <v>103</v>
      </c>
      <c r="AB42351">
        <v>104</v>
      </c>
      <c r="AC42351">
        <v>104</v>
      </c>
      <c r="AD42351">
        <v>105</v>
      </c>
      <c r="AE42351">
        <v>106</v>
      </c>
      <c r="AF42351">
        <v>106</v>
      </c>
      <c r="AG42351">
        <v>107</v>
      </c>
      <c r="AH42351">
        <v>107</v>
      </c>
      <c r="AI42351">
        <v>108</v>
      </c>
      <c r="AJ42351">
        <v>109</v>
      </c>
      <c r="AK42351">
        <v>109</v>
      </c>
      <c r="AL42351">
        <v>110</v>
      </c>
      <c r="AM42351">
        <v>111</v>
      </c>
      <c r="AN42351">
        <v>111</v>
      </c>
      <c r="AO42351">
        <v>112</v>
      </c>
      <c r="AP42351">
        <v>112</v>
      </c>
      <c r="AQ42351">
        <v>113</v>
      </c>
    </row>
    <row r="42352" spans="1:43">
      <c r="A42352" t="s">
        <v>25991</v>
      </c>
      <c r="B42352" t="s">
        <v>25992</v>
      </c>
      <c r="C42352" t="s">
        <v>106</v>
      </c>
      <c r="D42352" t="s">
        <v>107</v>
      </c>
      <c r="E42352" t="s">
        <v>102</v>
      </c>
      <c r="F42352" t="s">
        <v>103</v>
      </c>
      <c r="G42352" t="s">
        <v>80</v>
      </c>
      <c r="H42352" t="s">
        <v>81</v>
      </c>
      <c r="I42352" s="2">
        <v>0</v>
      </c>
      <c r="J42352" s="2">
        <v>1</v>
      </c>
      <c r="K42352" s="2">
        <v>0</v>
      </c>
      <c r="L42352" t="s">
        <v>82</v>
      </c>
      <c r="M42352" t="s">
        <v>89</v>
      </c>
      <c r="N42352" t="s">
        <v>90</v>
      </c>
      <c r="O42352" t="s">
        <v>85</v>
      </c>
      <c r="P42352" t="s">
        <v>86</v>
      </c>
      <c r="Q42352">
        <v>97</v>
      </c>
      <c r="R42352">
        <v>100</v>
      </c>
      <c r="S42352">
        <v>102</v>
      </c>
      <c r="T42352">
        <v>105</v>
      </c>
      <c r="U42352">
        <v>107</v>
      </c>
      <c r="V42352">
        <v>109</v>
      </c>
      <c r="W42352">
        <v>111</v>
      </c>
      <c r="X42352">
        <v>114</v>
      </c>
      <c r="Y42352">
        <v>116</v>
      </c>
      <c r="Z42352">
        <v>118</v>
      </c>
      <c r="AA42352">
        <v>120</v>
      </c>
      <c r="AB42352">
        <v>121</v>
      </c>
      <c r="AC42352">
        <v>123</v>
      </c>
      <c r="AD42352">
        <v>125</v>
      </c>
      <c r="AE42352">
        <v>127</v>
      </c>
      <c r="AF42352">
        <v>127</v>
      </c>
      <c r="AG42352">
        <v>127</v>
      </c>
      <c r="AH42352">
        <v>128</v>
      </c>
      <c r="AI42352">
        <v>128</v>
      </c>
      <c r="AJ42352">
        <v>128</v>
      </c>
      <c r="AK42352">
        <v>129</v>
      </c>
      <c r="AL42352">
        <v>129</v>
      </c>
      <c r="AM42352">
        <v>129</v>
      </c>
      <c r="AN42352">
        <v>129</v>
      </c>
      <c r="AO42352">
        <v>129</v>
      </c>
      <c r="AP42352">
        <v>130</v>
      </c>
      <c r="AQ42352">
        <v>130</v>
      </c>
    </row>
    <row r="42353" spans="1:43">
      <c r="A42353" t="s">
        <v>25991</v>
      </c>
      <c r="B42353" t="s">
        <v>25992</v>
      </c>
      <c r="C42353" t="s">
        <v>106</v>
      </c>
      <c r="D42353" t="s">
        <v>107</v>
      </c>
      <c r="E42353" t="s">
        <v>102</v>
      </c>
      <c r="F42353" t="s">
        <v>103</v>
      </c>
      <c r="G42353" t="s">
        <v>80</v>
      </c>
      <c r="H42353" t="s">
        <v>81</v>
      </c>
      <c r="I42353" s="2">
        <v>0</v>
      </c>
      <c r="J42353" s="2">
        <v>1</v>
      </c>
      <c r="K42353" s="2">
        <v>0</v>
      </c>
      <c r="L42353" t="s">
        <v>82</v>
      </c>
      <c r="M42353" t="s">
        <v>83</v>
      </c>
      <c r="N42353" t="s">
        <v>91</v>
      </c>
      <c r="O42353" t="s">
        <v>85</v>
      </c>
      <c r="P42353" t="s">
        <v>86</v>
      </c>
      <c r="Q42353">
        <v>97</v>
      </c>
      <c r="R42353">
        <v>99</v>
      </c>
      <c r="S42353">
        <v>101</v>
      </c>
      <c r="T42353">
        <v>102</v>
      </c>
      <c r="U42353">
        <v>104</v>
      </c>
      <c r="V42353">
        <v>105</v>
      </c>
      <c r="W42353">
        <v>107</v>
      </c>
      <c r="X42353">
        <v>108</v>
      </c>
      <c r="Y42353">
        <v>110</v>
      </c>
      <c r="Z42353">
        <v>112</v>
      </c>
      <c r="AA42353">
        <v>113</v>
      </c>
      <c r="AB42353">
        <v>115</v>
      </c>
      <c r="AC42353">
        <v>116</v>
      </c>
      <c r="AD42353">
        <v>118</v>
      </c>
      <c r="AE42353">
        <v>119</v>
      </c>
      <c r="AF42353">
        <v>121</v>
      </c>
      <c r="AG42353">
        <v>122</v>
      </c>
      <c r="AH42353">
        <v>124</v>
      </c>
      <c r="AI42353">
        <v>125</v>
      </c>
      <c r="AJ42353">
        <v>127</v>
      </c>
      <c r="AK42353">
        <v>128</v>
      </c>
      <c r="AL42353">
        <v>129</v>
      </c>
      <c r="AM42353">
        <v>129</v>
      </c>
      <c r="AN42353">
        <v>129</v>
      </c>
      <c r="AO42353">
        <v>129</v>
      </c>
      <c r="AP42353">
        <v>130</v>
      </c>
      <c r="AQ42353">
        <v>130</v>
      </c>
    </row>
    <row r="42354" spans="1:43">
      <c r="A42354" t="s">
        <v>25993</v>
      </c>
      <c r="B42354" t="s">
        <v>25994</v>
      </c>
      <c r="C42354" t="s">
        <v>187</v>
      </c>
      <c r="D42354" t="s">
        <v>188</v>
      </c>
      <c r="E42354" t="s">
        <v>102</v>
      </c>
      <c r="F42354" t="s">
        <v>103</v>
      </c>
      <c r="G42354" t="s">
        <v>80</v>
      </c>
      <c r="H42354" t="s">
        <v>81</v>
      </c>
      <c r="I42354" s="2">
        <v>0</v>
      </c>
      <c r="J42354" s="2">
        <v>1</v>
      </c>
      <c r="K42354" s="2">
        <v>0</v>
      </c>
      <c r="L42354" t="s">
        <v>82</v>
      </c>
      <c r="M42354" t="s">
        <v>83</v>
      </c>
      <c r="N42354" t="s">
        <v>84</v>
      </c>
      <c r="O42354" t="s">
        <v>85</v>
      </c>
      <c r="P42354" t="s">
        <v>86</v>
      </c>
      <c r="Q42354">
        <v>38</v>
      </c>
      <c r="R42354">
        <v>39</v>
      </c>
      <c r="S42354">
        <v>39</v>
      </c>
      <c r="T42354">
        <v>40</v>
      </c>
      <c r="U42354">
        <v>40</v>
      </c>
      <c r="V42354">
        <v>41</v>
      </c>
      <c r="W42354">
        <v>42</v>
      </c>
      <c r="X42354">
        <v>42</v>
      </c>
      <c r="Y42354">
        <v>43</v>
      </c>
      <c r="Z42354">
        <v>43</v>
      </c>
      <c r="AA42354">
        <v>44</v>
      </c>
      <c r="AB42354">
        <v>45</v>
      </c>
      <c r="AC42354">
        <v>45</v>
      </c>
      <c r="AD42354">
        <v>46</v>
      </c>
      <c r="AE42354">
        <v>46</v>
      </c>
      <c r="AF42354">
        <v>47</v>
      </c>
      <c r="AG42354">
        <v>48</v>
      </c>
      <c r="AH42354">
        <v>48</v>
      </c>
      <c r="AI42354">
        <v>49</v>
      </c>
      <c r="AJ42354">
        <v>49</v>
      </c>
      <c r="AK42354">
        <v>50</v>
      </c>
      <c r="AL42354">
        <v>50</v>
      </c>
      <c r="AM42354">
        <v>50</v>
      </c>
      <c r="AN42354">
        <v>50</v>
      </c>
      <c r="AO42354">
        <v>50</v>
      </c>
      <c r="AP42354">
        <v>51</v>
      </c>
      <c r="AQ42354">
        <v>51</v>
      </c>
    </row>
    <row r="42355" spans="1:43">
      <c r="A42355" t="s">
        <v>25993</v>
      </c>
      <c r="B42355" t="s">
        <v>25994</v>
      </c>
      <c r="C42355" t="s">
        <v>187</v>
      </c>
      <c r="D42355" t="s">
        <v>188</v>
      </c>
      <c r="E42355" t="s">
        <v>102</v>
      </c>
      <c r="F42355" t="s">
        <v>103</v>
      </c>
      <c r="G42355" t="s">
        <v>80</v>
      </c>
      <c r="H42355" t="s">
        <v>81</v>
      </c>
      <c r="I42355" s="2">
        <v>0</v>
      </c>
      <c r="J42355" s="2">
        <v>1</v>
      </c>
      <c r="K42355" s="2">
        <v>0</v>
      </c>
      <c r="L42355" t="s">
        <v>82</v>
      </c>
      <c r="M42355" t="s">
        <v>87</v>
      </c>
      <c r="N42355" t="s">
        <v>88</v>
      </c>
      <c r="O42355" t="s">
        <v>85</v>
      </c>
      <c r="P42355" t="s">
        <v>86</v>
      </c>
      <c r="Q42355">
        <v>38</v>
      </c>
      <c r="R42355">
        <v>38</v>
      </c>
      <c r="S42355">
        <v>38</v>
      </c>
      <c r="T42355">
        <v>38</v>
      </c>
      <c r="U42355">
        <v>39</v>
      </c>
      <c r="V42355">
        <v>39</v>
      </c>
      <c r="W42355">
        <v>39</v>
      </c>
      <c r="X42355">
        <v>39</v>
      </c>
      <c r="Y42355">
        <v>40</v>
      </c>
      <c r="Z42355">
        <v>40</v>
      </c>
      <c r="AA42355">
        <v>40</v>
      </c>
      <c r="AB42355">
        <v>40</v>
      </c>
      <c r="AC42355">
        <v>41</v>
      </c>
      <c r="AD42355">
        <v>41</v>
      </c>
      <c r="AE42355">
        <v>41</v>
      </c>
      <c r="AF42355">
        <v>41</v>
      </c>
      <c r="AG42355">
        <v>42</v>
      </c>
      <c r="AH42355">
        <v>42</v>
      </c>
      <c r="AI42355">
        <v>42</v>
      </c>
      <c r="AJ42355">
        <v>42</v>
      </c>
      <c r="AK42355">
        <v>43</v>
      </c>
      <c r="AL42355">
        <v>43</v>
      </c>
      <c r="AM42355">
        <v>43</v>
      </c>
      <c r="AN42355">
        <v>43</v>
      </c>
      <c r="AO42355">
        <v>43</v>
      </c>
      <c r="AP42355">
        <v>44</v>
      </c>
      <c r="AQ42355">
        <v>44</v>
      </c>
    </row>
    <row r="42356" spans="1:43">
      <c r="A42356" t="s">
        <v>25993</v>
      </c>
      <c r="B42356" t="s">
        <v>25994</v>
      </c>
      <c r="C42356" t="s">
        <v>187</v>
      </c>
      <c r="D42356" t="s">
        <v>188</v>
      </c>
      <c r="E42356" t="s">
        <v>102</v>
      </c>
      <c r="F42356" t="s">
        <v>103</v>
      </c>
      <c r="G42356" t="s">
        <v>80</v>
      </c>
      <c r="H42356" t="s">
        <v>81</v>
      </c>
      <c r="I42356" s="2">
        <v>0</v>
      </c>
      <c r="J42356" s="2">
        <v>1</v>
      </c>
      <c r="K42356" s="2">
        <v>0</v>
      </c>
      <c r="L42356" t="s">
        <v>82</v>
      </c>
      <c r="M42356" t="s">
        <v>89</v>
      </c>
      <c r="N42356" t="s">
        <v>90</v>
      </c>
      <c r="O42356" t="s">
        <v>85</v>
      </c>
      <c r="P42356" t="s">
        <v>86</v>
      </c>
      <c r="Q42356">
        <v>38</v>
      </c>
      <c r="R42356">
        <v>39</v>
      </c>
      <c r="S42356">
        <v>40</v>
      </c>
      <c r="T42356">
        <v>41</v>
      </c>
      <c r="U42356">
        <v>42</v>
      </c>
      <c r="V42356">
        <v>43</v>
      </c>
      <c r="W42356">
        <v>44</v>
      </c>
      <c r="X42356">
        <v>45</v>
      </c>
      <c r="Y42356">
        <v>45</v>
      </c>
      <c r="Z42356">
        <v>46</v>
      </c>
      <c r="AA42356">
        <v>47</v>
      </c>
      <c r="AB42356">
        <v>48</v>
      </c>
      <c r="AC42356">
        <v>49</v>
      </c>
      <c r="AD42356">
        <v>49</v>
      </c>
      <c r="AE42356">
        <v>50</v>
      </c>
      <c r="AF42356">
        <v>50</v>
      </c>
      <c r="AG42356">
        <v>50</v>
      </c>
      <c r="AH42356">
        <v>50</v>
      </c>
      <c r="AI42356">
        <v>50</v>
      </c>
      <c r="AJ42356">
        <v>50</v>
      </c>
      <c r="AK42356">
        <v>50</v>
      </c>
      <c r="AL42356">
        <v>51</v>
      </c>
      <c r="AM42356">
        <v>51</v>
      </c>
      <c r="AN42356">
        <v>51</v>
      </c>
      <c r="AO42356">
        <v>51</v>
      </c>
      <c r="AP42356">
        <v>51</v>
      </c>
      <c r="AQ42356">
        <v>51</v>
      </c>
    </row>
    <row r="42357" spans="1:43">
      <c r="A42357" t="s">
        <v>25993</v>
      </c>
      <c r="B42357" t="s">
        <v>25994</v>
      </c>
      <c r="C42357" t="s">
        <v>187</v>
      </c>
      <c r="D42357" t="s">
        <v>188</v>
      </c>
      <c r="E42357" t="s">
        <v>102</v>
      </c>
      <c r="F42357" t="s">
        <v>103</v>
      </c>
      <c r="G42357" t="s">
        <v>80</v>
      </c>
      <c r="H42357" t="s">
        <v>81</v>
      </c>
      <c r="I42357" s="2">
        <v>0</v>
      </c>
      <c r="J42357" s="2">
        <v>1</v>
      </c>
      <c r="K42357" s="2">
        <v>0</v>
      </c>
      <c r="L42357" t="s">
        <v>82</v>
      </c>
      <c r="M42357" t="s">
        <v>83</v>
      </c>
      <c r="N42357" t="s">
        <v>91</v>
      </c>
      <c r="O42357" t="s">
        <v>85</v>
      </c>
      <c r="P42357" t="s">
        <v>86</v>
      </c>
      <c r="Q42357">
        <v>38</v>
      </c>
      <c r="R42357">
        <v>39</v>
      </c>
      <c r="S42357">
        <v>39</v>
      </c>
      <c r="T42357">
        <v>40</v>
      </c>
      <c r="U42357">
        <v>40</v>
      </c>
      <c r="V42357">
        <v>41</v>
      </c>
      <c r="W42357">
        <v>42</v>
      </c>
      <c r="X42357">
        <v>42</v>
      </c>
      <c r="Y42357">
        <v>43</v>
      </c>
      <c r="Z42357">
        <v>43</v>
      </c>
      <c r="AA42357">
        <v>44</v>
      </c>
      <c r="AB42357">
        <v>45</v>
      </c>
      <c r="AC42357">
        <v>45</v>
      </c>
      <c r="AD42357">
        <v>46</v>
      </c>
      <c r="AE42357">
        <v>46</v>
      </c>
      <c r="AF42357">
        <v>47</v>
      </c>
      <c r="AG42357">
        <v>48</v>
      </c>
      <c r="AH42357">
        <v>48</v>
      </c>
      <c r="AI42357">
        <v>49</v>
      </c>
      <c r="AJ42357">
        <v>49</v>
      </c>
      <c r="AK42357">
        <v>50</v>
      </c>
      <c r="AL42357">
        <v>50</v>
      </c>
      <c r="AM42357">
        <v>50</v>
      </c>
      <c r="AN42357">
        <v>50</v>
      </c>
      <c r="AO42357">
        <v>50</v>
      </c>
      <c r="AP42357">
        <v>51</v>
      </c>
      <c r="AQ42357">
        <v>51</v>
      </c>
    </row>
    <row r="42358" spans="1:43">
      <c r="A42358" t="s">
        <v>25995</v>
      </c>
      <c r="B42358" t="s">
        <v>25996</v>
      </c>
      <c r="C42358" t="s">
        <v>187</v>
      </c>
      <c r="D42358" t="s">
        <v>188</v>
      </c>
      <c r="E42358" t="s">
        <v>102</v>
      </c>
      <c r="F42358" t="s">
        <v>103</v>
      </c>
      <c r="G42358" t="s">
        <v>80</v>
      </c>
      <c r="H42358" t="s">
        <v>81</v>
      </c>
      <c r="I42358" s="2">
        <v>0</v>
      </c>
      <c r="J42358" s="2">
        <v>1</v>
      </c>
      <c r="K42358" s="2">
        <v>0</v>
      </c>
      <c r="L42358" t="s">
        <v>82</v>
      </c>
      <c r="M42358" t="s">
        <v>83</v>
      </c>
      <c r="N42358" t="s">
        <v>84</v>
      </c>
      <c r="O42358" t="s">
        <v>85</v>
      </c>
      <c r="P42358" t="s">
        <v>86</v>
      </c>
      <c r="Q42358">
        <v>89</v>
      </c>
      <c r="R42358">
        <v>90</v>
      </c>
      <c r="S42358">
        <v>92</v>
      </c>
      <c r="T42358">
        <v>93</v>
      </c>
      <c r="U42358">
        <v>95</v>
      </c>
      <c r="V42358">
        <v>96</v>
      </c>
      <c r="W42358">
        <v>97</v>
      </c>
      <c r="X42358">
        <v>99</v>
      </c>
      <c r="Y42358">
        <v>100</v>
      </c>
      <c r="Z42358">
        <v>102</v>
      </c>
      <c r="AA42358">
        <v>103</v>
      </c>
      <c r="AB42358">
        <v>105</v>
      </c>
      <c r="AC42358">
        <v>106</v>
      </c>
      <c r="AD42358">
        <v>107</v>
      </c>
      <c r="AE42358">
        <v>109</v>
      </c>
      <c r="AF42358">
        <v>110</v>
      </c>
      <c r="AG42358">
        <v>111</v>
      </c>
      <c r="AH42358">
        <v>113</v>
      </c>
      <c r="AI42358">
        <v>114</v>
      </c>
      <c r="AJ42358">
        <v>115</v>
      </c>
      <c r="AK42358">
        <v>117</v>
      </c>
      <c r="AL42358">
        <v>117</v>
      </c>
      <c r="AM42358">
        <v>118</v>
      </c>
      <c r="AN42358">
        <v>118</v>
      </c>
      <c r="AO42358">
        <v>118</v>
      </c>
      <c r="AP42358">
        <v>118</v>
      </c>
      <c r="AQ42358">
        <v>118</v>
      </c>
    </row>
    <row r="42359" spans="1:43">
      <c r="A42359" t="s">
        <v>25995</v>
      </c>
      <c r="B42359" t="s">
        <v>25996</v>
      </c>
      <c r="C42359" t="s">
        <v>187</v>
      </c>
      <c r="D42359" t="s">
        <v>188</v>
      </c>
      <c r="E42359" t="s">
        <v>102</v>
      </c>
      <c r="F42359" t="s">
        <v>103</v>
      </c>
      <c r="G42359" t="s">
        <v>80</v>
      </c>
      <c r="H42359" t="s">
        <v>81</v>
      </c>
      <c r="I42359" s="2">
        <v>0</v>
      </c>
      <c r="J42359" s="2">
        <v>1</v>
      </c>
      <c r="K42359" s="2">
        <v>0</v>
      </c>
      <c r="L42359" t="s">
        <v>82</v>
      </c>
      <c r="M42359" t="s">
        <v>87</v>
      </c>
      <c r="N42359" t="s">
        <v>88</v>
      </c>
      <c r="O42359" t="s">
        <v>85</v>
      </c>
      <c r="P42359" t="s">
        <v>86</v>
      </c>
      <c r="Q42359">
        <v>89</v>
      </c>
      <c r="R42359">
        <v>90</v>
      </c>
      <c r="S42359">
        <v>90</v>
      </c>
      <c r="T42359">
        <v>91</v>
      </c>
      <c r="U42359">
        <v>91</v>
      </c>
      <c r="V42359">
        <v>92</v>
      </c>
      <c r="W42359">
        <v>93</v>
      </c>
      <c r="X42359">
        <v>93</v>
      </c>
      <c r="Y42359">
        <v>94</v>
      </c>
      <c r="Z42359">
        <v>94</v>
      </c>
      <c r="AA42359">
        <v>95</v>
      </c>
      <c r="AB42359">
        <v>95</v>
      </c>
      <c r="AC42359">
        <v>96</v>
      </c>
      <c r="AD42359">
        <v>97</v>
      </c>
      <c r="AE42359">
        <v>97</v>
      </c>
      <c r="AF42359">
        <v>98</v>
      </c>
      <c r="AG42359">
        <v>98</v>
      </c>
      <c r="AH42359">
        <v>99</v>
      </c>
      <c r="AI42359">
        <v>99</v>
      </c>
      <c r="AJ42359">
        <v>100</v>
      </c>
      <c r="AK42359">
        <v>101</v>
      </c>
      <c r="AL42359">
        <v>101</v>
      </c>
      <c r="AM42359">
        <v>102</v>
      </c>
      <c r="AN42359">
        <v>102</v>
      </c>
      <c r="AO42359">
        <v>103</v>
      </c>
      <c r="AP42359">
        <v>103</v>
      </c>
      <c r="AQ42359">
        <v>104</v>
      </c>
    </row>
    <row r="42360" spans="1:43">
      <c r="A42360" t="s">
        <v>25995</v>
      </c>
      <c r="B42360" t="s">
        <v>25996</v>
      </c>
      <c r="C42360" t="s">
        <v>187</v>
      </c>
      <c r="D42360" t="s">
        <v>188</v>
      </c>
      <c r="E42360" t="s">
        <v>102</v>
      </c>
      <c r="F42360" t="s">
        <v>103</v>
      </c>
      <c r="G42360" t="s">
        <v>80</v>
      </c>
      <c r="H42360" t="s">
        <v>81</v>
      </c>
      <c r="I42360" s="2">
        <v>0</v>
      </c>
      <c r="J42360" s="2">
        <v>1</v>
      </c>
      <c r="K42360" s="2">
        <v>0</v>
      </c>
      <c r="L42360" t="s">
        <v>82</v>
      </c>
      <c r="M42360" t="s">
        <v>89</v>
      </c>
      <c r="N42360" t="s">
        <v>90</v>
      </c>
      <c r="O42360" t="s">
        <v>85</v>
      </c>
      <c r="P42360" t="s">
        <v>86</v>
      </c>
      <c r="Q42360">
        <v>89</v>
      </c>
      <c r="R42360">
        <v>91</v>
      </c>
      <c r="S42360">
        <v>93</v>
      </c>
      <c r="T42360">
        <v>95</v>
      </c>
      <c r="U42360">
        <v>97</v>
      </c>
      <c r="V42360">
        <v>99</v>
      </c>
      <c r="W42360">
        <v>101</v>
      </c>
      <c r="X42360">
        <v>103</v>
      </c>
      <c r="Y42360">
        <v>105</v>
      </c>
      <c r="Z42360">
        <v>107</v>
      </c>
      <c r="AA42360">
        <v>109</v>
      </c>
      <c r="AB42360">
        <v>111</v>
      </c>
      <c r="AC42360">
        <v>112</v>
      </c>
      <c r="AD42360">
        <v>114</v>
      </c>
      <c r="AE42360">
        <v>115</v>
      </c>
      <c r="AF42360">
        <v>116</v>
      </c>
      <c r="AG42360">
        <v>116</v>
      </c>
      <c r="AH42360">
        <v>116</v>
      </c>
      <c r="AI42360">
        <v>117</v>
      </c>
      <c r="AJ42360">
        <v>117</v>
      </c>
      <c r="AK42360">
        <v>117</v>
      </c>
      <c r="AL42360">
        <v>117</v>
      </c>
      <c r="AM42360">
        <v>118</v>
      </c>
      <c r="AN42360">
        <v>118</v>
      </c>
      <c r="AO42360">
        <v>118</v>
      </c>
      <c r="AP42360">
        <v>118</v>
      </c>
      <c r="AQ42360">
        <v>118</v>
      </c>
    </row>
    <row r="42361" spans="1:43">
      <c r="A42361" t="s">
        <v>25995</v>
      </c>
      <c r="B42361" t="s">
        <v>25996</v>
      </c>
      <c r="C42361" t="s">
        <v>187</v>
      </c>
      <c r="D42361" t="s">
        <v>188</v>
      </c>
      <c r="E42361" t="s">
        <v>102</v>
      </c>
      <c r="F42361" t="s">
        <v>103</v>
      </c>
      <c r="G42361" t="s">
        <v>80</v>
      </c>
      <c r="H42361" t="s">
        <v>81</v>
      </c>
      <c r="I42361" s="2">
        <v>0</v>
      </c>
      <c r="J42361" s="2">
        <v>1</v>
      </c>
      <c r="K42361" s="2">
        <v>0</v>
      </c>
      <c r="L42361" t="s">
        <v>82</v>
      </c>
      <c r="M42361" t="s">
        <v>83</v>
      </c>
      <c r="N42361" t="s">
        <v>91</v>
      </c>
      <c r="O42361" t="s">
        <v>85</v>
      </c>
      <c r="P42361" t="s">
        <v>86</v>
      </c>
      <c r="Q42361">
        <v>89</v>
      </c>
      <c r="R42361">
        <v>90</v>
      </c>
      <c r="S42361">
        <v>92</v>
      </c>
      <c r="T42361">
        <v>93</v>
      </c>
      <c r="U42361">
        <v>95</v>
      </c>
      <c r="V42361">
        <v>96</v>
      </c>
      <c r="W42361">
        <v>97</v>
      </c>
      <c r="X42361">
        <v>99</v>
      </c>
      <c r="Y42361">
        <v>100</v>
      </c>
      <c r="Z42361">
        <v>102</v>
      </c>
      <c r="AA42361">
        <v>103</v>
      </c>
      <c r="AB42361">
        <v>105</v>
      </c>
      <c r="AC42361">
        <v>106</v>
      </c>
      <c r="AD42361">
        <v>107</v>
      </c>
      <c r="AE42361">
        <v>109</v>
      </c>
      <c r="AF42361">
        <v>110</v>
      </c>
      <c r="AG42361">
        <v>111</v>
      </c>
      <c r="AH42361">
        <v>113</v>
      </c>
      <c r="AI42361">
        <v>114</v>
      </c>
      <c r="AJ42361">
        <v>115</v>
      </c>
      <c r="AK42361">
        <v>117</v>
      </c>
      <c r="AL42361">
        <v>117</v>
      </c>
      <c r="AM42361">
        <v>118</v>
      </c>
      <c r="AN42361">
        <v>118</v>
      </c>
      <c r="AO42361">
        <v>118</v>
      </c>
      <c r="AP42361">
        <v>118</v>
      </c>
      <c r="AQ42361">
        <v>118</v>
      </c>
    </row>
    <row r="42362" spans="1:43">
      <c r="A42362" t="s">
        <v>25997</v>
      </c>
      <c r="B42362" t="s">
        <v>25998</v>
      </c>
      <c r="C42362" t="s">
        <v>187</v>
      </c>
      <c r="D42362" t="s">
        <v>188</v>
      </c>
      <c r="E42362" t="s">
        <v>102</v>
      </c>
      <c r="F42362" t="s">
        <v>103</v>
      </c>
      <c r="G42362" t="s">
        <v>80</v>
      </c>
      <c r="H42362" t="s">
        <v>81</v>
      </c>
      <c r="I42362" s="2">
        <v>0</v>
      </c>
      <c r="J42362" s="2">
        <v>1</v>
      </c>
      <c r="K42362" s="2">
        <v>0</v>
      </c>
      <c r="L42362" t="s">
        <v>82</v>
      </c>
      <c r="M42362" t="s">
        <v>83</v>
      </c>
      <c r="N42362" t="s">
        <v>84</v>
      </c>
      <c r="O42362" t="s">
        <v>85</v>
      </c>
      <c r="P42362" t="s">
        <v>86</v>
      </c>
      <c r="Q42362">
        <v>6</v>
      </c>
      <c r="R42362">
        <v>6</v>
      </c>
      <c r="S42362">
        <v>6</v>
      </c>
      <c r="T42362">
        <v>6</v>
      </c>
      <c r="U42362">
        <v>6</v>
      </c>
      <c r="V42362">
        <v>7</v>
      </c>
      <c r="W42362">
        <v>7</v>
      </c>
      <c r="X42362">
        <v>7</v>
      </c>
      <c r="Y42362">
        <v>7</v>
      </c>
      <c r="Z42362">
        <v>7</v>
      </c>
      <c r="AA42362">
        <v>7</v>
      </c>
      <c r="AB42362">
        <v>7</v>
      </c>
      <c r="AC42362">
        <v>7</v>
      </c>
      <c r="AD42362">
        <v>7</v>
      </c>
      <c r="AE42362">
        <v>7</v>
      </c>
      <c r="AF42362">
        <v>8</v>
      </c>
      <c r="AG42362">
        <v>8</v>
      </c>
      <c r="AH42362">
        <v>8</v>
      </c>
      <c r="AI42362">
        <v>8</v>
      </c>
      <c r="AJ42362">
        <v>8</v>
      </c>
      <c r="AK42362">
        <v>8</v>
      </c>
      <c r="AL42362">
        <v>8</v>
      </c>
      <c r="AM42362">
        <v>8</v>
      </c>
      <c r="AN42362">
        <v>8</v>
      </c>
      <c r="AO42362">
        <v>8</v>
      </c>
      <c r="AP42362">
        <v>8</v>
      </c>
      <c r="AQ42362">
        <v>8</v>
      </c>
    </row>
    <row r="42363" spans="1:43">
      <c r="A42363" t="s">
        <v>25997</v>
      </c>
      <c r="B42363" t="s">
        <v>25998</v>
      </c>
      <c r="C42363" t="s">
        <v>187</v>
      </c>
      <c r="D42363" t="s">
        <v>188</v>
      </c>
      <c r="E42363" t="s">
        <v>102</v>
      </c>
      <c r="F42363" t="s">
        <v>103</v>
      </c>
      <c r="G42363" t="s">
        <v>80</v>
      </c>
      <c r="H42363" t="s">
        <v>81</v>
      </c>
      <c r="I42363" s="2">
        <v>0</v>
      </c>
      <c r="J42363" s="2">
        <v>1</v>
      </c>
      <c r="K42363" s="2">
        <v>0</v>
      </c>
      <c r="L42363" t="s">
        <v>82</v>
      </c>
      <c r="M42363" t="s">
        <v>87</v>
      </c>
      <c r="N42363" t="s">
        <v>88</v>
      </c>
      <c r="O42363" t="s">
        <v>85</v>
      </c>
      <c r="P42363" t="s">
        <v>86</v>
      </c>
      <c r="Q42363">
        <v>6</v>
      </c>
      <c r="R42363">
        <v>6</v>
      </c>
      <c r="S42363">
        <v>6</v>
      </c>
      <c r="T42363">
        <v>6</v>
      </c>
      <c r="U42363">
        <v>6</v>
      </c>
      <c r="V42363">
        <v>6</v>
      </c>
      <c r="W42363">
        <v>6</v>
      </c>
      <c r="X42363">
        <v>6</v>
      </c>
      <c r="Y42363">
        <v>6</v>
      </c>
      <c r="Z42363">
        <v>6</v>
      </c>
      <c r="AA42363">
        <v>6</v>
      </c>
      <c r="AB42363">
        <v>6</v>
      </c>
      <c r="AC42363">
        <v>7</v>
      </c>
      <c r="AD42363">
        <v>7</v>
      </c>
      <c r="AE42363">
        <v>7</v>
      </c>
      <c r="AF42363">
        <v>7</v>
      </c>
      <c r="AG42363">
        <v>7</v>
      </c>
      <c r="AH42363">
        <v>7</v>
      </c>
      <c r="AI42363">
        <v>7</v>
      </c>
      <c r="AJ42363">
        <v>7</v>
      </c>
      <c r="AK42363">
        <v>7</v>
      </c>
      <c r="AL42363">
        <v>7</v>
      </c>
      <c r="AM42363">
        <v>7</v>
      </c>
      <c r="AN42363">
        <v>7</v>
      </c>
      <c r="AO42363">
        <v>7</v>
      </c>
      <c r="AP42363">
        <v>7</v>
      </c>
      <c r="AQ42363">
        <v>7</v>
      </c>
    </row>
    <row r="42364" spans="1:43">
      <c r="A42364" t="s">
        <v>25997</v>
      </c>
      <c r="B42364" t="s">
        <v>25998</v>
      </c>
      <c r="C42364" t="s">
        <v>187</v>
      </c>
      <c r="D42364" t="s">
        <v>188</v>
      </c>
      <c r="E42364" t="s">
        <v>102</v>
      </c>
      <c r="F42364" t="s">
        <v>103</v>
      </c>
      <c r="G42364" t="s">
        <v>80</v>
      </c>
      <c r="H42364" t="s">
        <v>81</v>
      </c>
      <c r="I42364" s="2">
        <v>0</v>
      </c>
      <c r="J42364" s="2">
        <v>1</v>
      </c>
      <c r="K42364" s="2">
        <v>0</v>
      </c>
      <c r="L42364" t="s">
        <v>82</v>
      </c>
      <c r="M42364" t="s">
        <v>89</v>
      </c>
      <c r="N42364" t="s">
        <v>90</v>
      </c>
      <c r="O42364" t="s">
        <v>85</v>
      </c>
      <c r="P42364" t="s">
        <v>86</v>
      </c>
      <c r="Q42364">
        <v>6</v>
      </c>
      <c r="R42364">
        <v>6</v>
      </c>
      <c r="S42364">
        <v>6</v>
      </c>
      <c r="T42364">
        <v>7</v>
      </c>
      <c r="U42364">
        <v>7</v>
      </c>
      <c r="V42364">
        <v>7</v>
      </c>
      <c r="W42364">
        <v>7</v>
      </c>
      <c r="X42364">
        <v>7</v>
      </c>
      <c r="Y42364">
        <v>7</v>
      </c>
      <c r="Z42364">
        <v>7</v>
      </c>
      <c r="AA42364">
        <v>8</v>
      </c>
      <c r="AB42364">
        <v>8</v>
      </c>
      <c r="AC42364">
        <v>8</v>
      </c>
      <c r="AD42364">
        <v>8</v>
      </c>
      <c r="AE42364">
        <v>8</v>
      </c>
      <c r="AF42364">
        <v>8</v>
      </c>
      <c r="AG42364">
        <v>8</v>
      </c>
      <c r="AH42364">
        <v>8</v>
      </c>
      <c r="AI42364">
        <v>8</v>
      </c>
      <c r="AJ42364">
        <v>8</v>
      </c>
      <c r="AK42364">
        <v>8</v>
      </c>
      <c r="AL42364">
        <v>8</v>
      </c>
      <c r="AM42364">
        <v>8</v>
      </c>
      <c r="AN42364">
        <v>8</v>
      </c>
      <c r="AO42364">
        <v>8</v>
      </c>
      <c r="AP42364">
        <v>8</v>
      </c>
      <c r="AQ42364">
        <v>8</v>
      </c>
    </row>
    <row r="42365" spans="1:43">
      <c r="A42365" t="s">
        <v>25997</v>
      </c>
      <c r="B42365" t="s">
        <v>25998</v>
      </c>
      <c r="C42365" t="s">
        <v>187</v>
      </c>
      <c r="D42365" t="s">
        <v>188</v>
      </c>
      <c r="E42365" t="s">
        <v>102</v>
      </c>
      <c r="F42365" t="s">
        <v>103</v>
      </c>
      <c r="G42365" t="s">
        <v>80</v>
      </c>
      <c r="H42365" t="s">
        <v>81</v>
      </c>
      <c r="I42365" s="2">
        <v>0</v>
      </c>
      <c r="J42365" s="2">
        <v>1</v>
      </c>
      <c r="K42365" s="2">
        <v>0</v>
      </c>
      <c r="L42365" t="s">
        <v>82</v>
      </c>
      <c r="M42365" t="s">
        <v>83</v>
      </c>
      <c r="N42365" t="s">
        <v>91</v>
      </c>
      <c r="O42365" t="s">
        <v>85</v>
      </c>
      <c r="P42365" t="s">
        <v>86</v>
      </c>
      <c r="Q42365">
        <v>6</v>
      </c>
      <c r="R42365">
        <v>6</v>
      </c>
      <c r="S42365">
        <v>6</v>
      </c>
      <c r="T42365">
        <v>6</v>
      </c>
      <c r="U42365">
        <v>6</v>
      </c>
      <c r="V42365">
        <v>7</v>
      </c>
      <c r="W42365">
        <v>7</v>
      </c>
      <c r="X42365">
        <v>7</v>
      </c>
      <c r="Y42365">
        <v>7</v>
      </c>
      <c r="Z42365">
        <v>7</v>
      </c>
      <c r="AA42365">
        <v>7</v>
      </c>
      <c r="AB42365">
        <v>7</v>
      </c>
      <c r="AC42365">
        <v>7</v>
      </c>
      <c r="AD42365">
        <v>7</v>
      </c>
      <c r="AE42365">
        <v>7</v>
      </c>
      <c r="AF42365">
        <v>8</v>
      </c>
      <c r="AG42365">
        <v>8</v>
      </c>
      <c r="AH42365">
        <v>8</v>
      </c>
      <c r="AI42365">
        <v>8</v>
      </c>
      <c r="AJ42365">
        <v>8</v>
      </c>
      <c r="AK42365">
        <v>8</v>
      </c>
      <c r="AL42365">
        <v>8</v>
      </c>
      <c r="AM42365">
        <v>8</v>
      </c>
      <c r="AN42365">
        <v>8</v>
      </c>
      <c r="AO42365">
        <v>8</v>
      </c>
      <c r="AP42365">
        <v>8</v>
      </c>
      <c r="AQ42365">
        <v>8</v>
      </c>
    </row>
    <row r="42366" spans="1:43">
      <c r="A42366" t="s">
        <v>25999</v>
      </c>
      <c r="B42366" t="s">
        <v>26000</v>
      </c>
      <c r="C42366" t="s">
        <v>187</v>
      </c>
      <c r="D42366" t="s">
        <v>188</v>
      </c>
      <c r="E42366" t="s">
        <v>102</v>
      </c>
      <c r="F42366" t="s">
        <v>103</v>
      </c>
      <c r="G42366" t="s">
        <v>80</v>
      </c>
      <c r="H42366" t="s">
        <v>81</v>
      </c>
      <c r="I42366" s="2">
        <v>0.04</v>
      </c>
      <c r="J42366" s="2">
        <v>0.96</v>
      </c>
      <c r="K42366" s="2">
        <v>0</v>
      </c>
      <c r="L42366" t="s">
        <v>82</v>
      </c>
      <c r="M42366" t="s">
        <v>83</v>
      </c>
      <c r="N42366" t="s">
        <v>84</v>
      </c>
      <c r="O42366" t="s">
        <v>85</v>
      </c>
      <c r="P42366" t="s">
        <v>86</v>
      </c>
      <c r="Q42366">
        <v>19</v>
      </c>
      <c r="R42366">
        <v>20</v>
      </c>
      <c r="S42366">
        <v>20</v>
      </c>
      <c r="T42366">
        <v>20</v>
      </c>
      <c r="U42366">
        <v>20</v>
      </c>
      <c r="V42366">
        <v>21</v>
      </c>
      <c r="W42366">
        <v>21</v>
      </c>
      <c r="X42366">
        <v>21</v>
      </c>
      <c r="Y42366">
        <v>22</v>
      </c>
      <c r="Z42366">
        <v>22</v>
      </c>
      <c r="AA42366">
        <v>22</v>
      </c>
      <c r="AB42366">
        <v>23</v>
      </c>
      <c r="AC42366">
        <v>23</v>
      </c>
      <c r="AD42366">
        <v>23</v>
      </c>
      <c r="AE42366">
        <v>24</v>
      </c>
      <c r="AF42366">
        <v>24</v>
      </c>
      <c r="AG42366">
        <v>24</v>
      </c>
      <c r="AH42366">
        <v>24</v>
      </c>
      <c r="AI42366">
        <v>25</v>
      </c>
      <c r="AJ42366">
        <v>25</v>
      </c>
      <c r="AK42366">
        <v>25</v>
      </c>
      <c r="AL42366">
        <v>25</v>
      </c>
      <c r="AM42366">
        <v>25</v>
      </c>
      <c r="AN42366">
        <v>25</v>
      </c>
      <c r="AO42366">
        <v>26</v>
      </c>
      <c r="AP42366">
        <v>26</v>
      </c>
      <c r="AQ42366">
        <v>26</v>
      </c>
    </row>
    <row r="42367" spans="1:43">
      <c r="A42367" t="s">
        <v>25999</v>
      </c>
      <c r="B42367" t="s">
        <v>26000</v>
      </c>
      <c r="C42367" t="s">
        <v>187</v>
      </c>
      <c r="D42367" t="s">
        <v>188</v>
      </c>
      <c r="E42367" t="s">
        <v>102</v>
      </c>
      <c r="F42367" t="s">
        <v>103</v>
      </c>
      <c r="G42367" t="s">
        <v>80</v>
      </c>
      <c r="H42367" t="s">
        <v>81</v>
      </c>
      <c r="I42367" s="2">
        <v>0.04</v>
      </c>
      <c r="J42367" s="2">
        <v>0.96</v>
      </c>
      <c r="K42367" s="2">
        <v>0</v>
      </c>
      <c r="L42367" t="s">
        <v>82</v>
      </c>
      <c r="M42367" t="s">
        <v>87</v>
      </c>
      <c r="N42367" t="s">
        <v>88</v>
      </c>
      <c r="O42367" t="s">
        <v>85</v>
      </c>
      <c r="P42367" t="s">
        <v>86</v>
      </c>
      <c r="Q42367">
        <v>19</v>
      </c>
      <c r="R42367">
        <v>19</v>
      </c>
      <c r="S42367">
        <v>19</v>
      </c>
      <c r="T42367">
        <v>19</v>
      </c>
      <c r="U42367">
        <v>20</v>
      </c>
      <c r="V42367">
        <v>20</v>
      </c>
      <c r="W42367">
        <v>20</v>
      </c>
      <c r="X42367">
        <v>20</v>
      </c>
      <c r="Y42367">
        <v>20</v>
      </c>
      <c r="Z42367">
        <v>20</v>
      </c>
      <c r="AA42367">
        <v>20</v>
      </c>
      <c r="AB42367">
        <v>20</v>
      </c>
      <c r="AC42367">
        <v>21</v>
      </c>
      <c r="AD42367">
        <v>21</v>
      </c>
      <c r="AE42367">
        <v>21</v>
      </c>
      <c r="AF42367">
        <v>21</v>
      </c>
      <c r="AG42367">
        <v>21</v>
      </c>
      <c r="AH42367">
        <v>21</v>
      </c>
      <c r="AI42367">
        <v>21</v>
      </c>
      <c r="AJ42367">
        <v>21</v>
      </c>
      <c r="AK42367">
        <v>22</v>
      </c>
      <c r="AL42367">
        <v>22</v>
      </c>
      <c r="AM42367">
        <v>22</v>
      </c>
      <c r="AN42367">
        <v>22</v>
      </c>
      <c r="AO42367">
        <v>22</v>
      </c>
      <c r="AP42367">
        <v>22</v>
      </c>
      <c r="AQ42367">
        <v>22</v>
      </c>
    </row>
    <row r="42368" spans="1:43">
      <c r="A42368" t="s">
        <v>25999</v>
      </c>
      <c r="B42368" t="s">
        <v>26000</v>
      </c>
      <c r="C42368" t="s">
        <v>187</v>
      </c>
      <c r="D42368" t="s">
        <v>188</v>
      </c>
      <c r="E42368" t="s">
        <v>102</v>
      </c>
      <c r="F42368" t="s">
        <v>103</v>
      </c>
      <c r="G42368" t="s">
        <v>80</v>
      </c>
      <c r="H42368" t="s">
        <v>81</v>
      </c>
      <c r="I42368" s="2">
        <v>0.04</v>
      </c>
      <c r="J42368" s="2">
        <v>0.96</v>
      </c>
      <c r="K42368" s="2">
        <v>0</v>
      </c>
      <c r="L42368" t="s">
        <v>82</v>
      </c>
      <c r="M42368" t="s">
        <v>89</v>
      </c>
      <c r="N42368" t="s">
        <v>90</v>
      </c>
      <c r="O42368" t="s">
        <v>85</v>
      </c>
      <c r="P42368" t="s">
        <v>86</v>
      </c>
      <c r="Q42368">
        <v>19</v>
      </c>
      <c r="R42368">
        <v>20</v>
      </c>
      <c r="S42368">
        <v>20</v>
      </c>
      <c r="T42368">
        <v>21</v>
      </c>
      <c r="U42368">
        <v>21</v>
      </c>
      <c r="V42368">
        <v>22</v>
      </c>
      <c r="W42368">
        <v>22</v>
      </c>
      <c r="X42368">
        <v>23</v>
      </c>
      <c r="Y42368">
        <v>23</v>
      </c>
      <c r="Z42368">
        <v>23</v>
      </c>
      <c r="AA42368">
        <v>24</v>
      </c>
      <c r="AB42368">
        <v>24</v>
      </c>
      <c r="AC42368">
        <v>25</v>
      </c>
      <c r="AD42368">
        <v>25</v>
      </c>
      <c r="AE42368">
        <v>25</v>
      </c>
      <c r="AF42368">
        <v>25</v>
      </c>
      <c r="AG42368">
        <v>25</v>
      </c>
      <c r="AH42368">
        <v>25</v>
      </c>
      <c r="AI42368">
        <v>25</v>
      </c>
      <c r="AJ42368">
        <v>25</v>
      </c>
      <c r="AK42368">
        <v>26</v>
      </c>
      <c r="AL42368">
        <v>26</v>
      </c>
      <c r="AM42368">
        <v>26</v>
      </c>
      <c r="AN42368">
        <v>26</v>
      </c>
      <c r="AO42368">
        <v>26</v>
      </c>
      <c r="AP42368">
        <v>26</v>
      </c>
      <c r="AQ42368">
        <v>26</v>
      </c>
    </row>
    <row r="42369" spans="1:43">
      <c r="A42369" t="s">
        <v>25999</v>
      </c>
      <c r="B42369" t="s">
        <v>26000</v>
      </c>
      <c r="C42369" t="s">
        <v>187</v>
      </c>
      <c r="D42369" t="s">
        <v>188</v>
      </c>
      <c r="E42369" t="s">
        <v>102</v>
      </c>
      <c r="F42369" t="s">
        <v>103</v>
      </c>
      <c r="G42369" t="s">
        <v>80</v>
      </c>
      <c r="H42369" t="s">
        <v>81</v>
      </c>
      <c r="I42369" s="2">
        <v>0.04</v>
      </c>
      <c r="J42369" s="2">
        <v>0.96</v>
      </c>
      <c r="K42369" s="2">
        <v>0</v>
      </c>
      <c r="L42369" t="s">
        <v>82</v>
      </c>
      <c r="M42369" t="s">
        <v>83</v>
      </c>
      <c r="N42369" t="s">
        <v>91</v>
      </c>
      <c r="O42369" t="s">
        <v>85</v>
      </c>
      <c r="P42369" t="s">
        <v>86</v>
      </c>
      <c r="Q42369">
        <v>19</v>
      </c>
      <c r="R42369">
        <v>20</v>
      </c>
      <c r="S42369">
        <v>20</v>
      </c>
      <c r="T42369">
        <v>20</v>
      </c>
      <c r="U42369">
        <v>20</v>
      </c>
      <c r="V42369">
        <v>21</v>
      </c>
      <c r="W42369">
        <v>21</v>
      </c>
      <c r="X42369">
        <v>21</v>
      </c>
      <c r="Y42369">
        <v>22</v>
      </c>
      <c r="Z42369">
        <v>22</v>
      </c>
      <c r="AA42369">
        <v>22</v>
      </c>
      <c r="AB42369">
        <v>23</v>
      </c>
      <c r="AC42369">
        <v>23</v>
      </c>
      <c r="AD42369">
        <v>23</v>
      </c>
      <c r="AE42369">
        <v>24</v>
      </c>
      <c r="AF42369">
        <v>24</v>
      </c>
      <c r="AG42369">
        <v>24</v>
      </c>
      <c r="AH42369">
        <v>24</v>
      </c>
      <c r="AI42369">
        <v>25</v>
      </c>
      <c r="AJ42369">
        <v>25</v>
      </c>
      <c r="AK42369">
        <v>25</v>
      </c>
      <c r="AL42369">
        <v>25</v>
      </c>
      <c r="AM42369">
        <v>25</v>
      </c>
      <c r="AN42369">
        <v>25</v>
      </c>
      <c r="AO42369">
        <v>26</v>
      </c>
      <c r="AP42369">
        <v>26</v>
      </c>
      <c r="AQ42369">
        <v>26</v>
      </c>
    </row>
    <row r="42370" spans="1:43">
      <c r="A42370" t="s">
        <v>26001</v>
      </c>
      <c r="B42370" t="s">
        <v>26002</v>
      </c>
      <c r="C42370" t="s">
        <v>205</v>
      </c>
      <c r="D42370" t="s">
        <v>206</v>
      </c>
      <c r="E42370" t="s">
        <v>102</v>
      </c>
      <c r="F42370" t="s">
        <v>103</v>
      </c>
      <c r="G42370" t="s">
        <v>80</v>
      </c>
      <c r="H42370" t="s">
        <v>81</v>
      </c>
      <c r="I42370" s="2">
        <v>0</v>
      </c>
      <c r="J42370" s="2">
        <v>1</v>
      </c>
      <c r="K42370" s="2">
        <v>0</v>
      </c>
      <c r="L42370" t="s">
        <v>82</v>
      </c>
      <c r="M42370" t="s">
        <v>83</v>
      </c>
      <c r="N42370" t="s">
        <v>84</v>
      </c>
      <c r="O42370" t="s">
        <v>85</v>
      </c>
      <c r="P42370" t="s">
        <v>86</v>
      </c>
      <c r="Q42370">
        <v>13</v>
      </c>
      <c r="R42370">
        <v>13</v>
      </c>
      <c r="S42370">
        <v>13</v>
      </c>
      <c r="T42370">
        <v>13</v>
      </c>
      <c r="U42370">
        <v>14</v>
      </c>
      <c r="V42370">
        <v>14</v>
      </c>
      <c r="W42370">
        <v>14</v>
      </c>
      <c r="X42370">
        <v>14</v>
      </c>
      <c r="Y42370">
        <v>14</v>
      </c>
      <c r="Z42370">
        <v>15</v>
      </c>
      <c r="AA42370">
        <v>15</v>
      </c>
      <c r="AB42370">
        <v>15</v>
      </c>
      <c r="AC42370">
        <v>15</v>
      </c>
      <c r="AD42370">
        <v>15</v>
      </c>
      <c r="AE42370">
        <v>16</v>
      </c>
      <c r="AF42370">
        <v>16</v>
      </c>
      <c r="AG42370">
        <v>16</v>
      </c>
      <c r="AH42370">
        <v>16</v>
      </c>
      <c r="AI42370">
        <v>16</v>
      </c>
      <c r="AJ42370">
        <v>17</v>
      </c>
      <c r="AK42370">
        <v>17</v>
      </c>
      <c r="AL42370">
        <v>17</v>
      </c>
      <c r="AM42370">
        <v>17</v>
      </c>
      <c r="AN42370">
        <v>17</v>
      </c>
      <c r="AO42370">
        <v>17</v>
      </c>
      <c r="AP42370">
        <v>17</v>
      </c>
      <c r="AQ42370">
        <v>17</v>
      </c>
    </row>
    <row r="42371" spans="1:43">
      <c r="A42371" t="s">
        <v>26001</v>
      </c>
      <c r="B42371" t="s">
        <v>26002</v>
      </c>
      <c r="C42371" t="s">
        <v>205</v>
      </c>
      <c r="D42371" t="s">
        <v>206</v>
      </c>
      <c r="E42371" t="s">
        <v>102</v>
      </c>
      <c r="F42371" t="s">
        <v>103</v>
      </c>
      <c r="G42371" t="s">
        <v>80</v>
      </c>
      <c r="H42371" t="s">
        <v>81</v>
      </c>
      <c r="I42371" s="2">
        <v>0</v>
      </c>
      <c r="J42371" s="2">
        <v>1</v>
      </c>
      <c r="K42371" s="2">
        <v>0</v>
      </c>
      <c r="L42371" t="s">
        <v>82</v>
      </c>
      <c r="M42371" t="s">
        <v>87</v>
      </c>
      <c r="N42371" t="s">
        <v>88</v>
      </c>
      <c r="O42371" t="s">
        <v>85</v>
      </c>
      <c r="P42371" t="s">
        <v>86</v>
      </c>
      <c r="Q42371">
        <v>13</v>
      </c>
      <c r="R42371">
        <v>13</v>
      </c>
      <c r="S42371">
        <v>13</v>
      </c>
      <c r="T42371">
        <v>13</v>
      </c>
      <c r="U42371">
        <v>13</v>
      </c>
      <c r="V42371">
        <v>13</v>
      </c>
      <c r="W42371">
        <v>13</v>
      </c>
      <c r="X42371">
        <v>13</v>
      </c>
      <c r="Y42371">
        <v>13</v>
      </c>
      <c r="Z42371">
        <v>13</v>
      </c>
      <c r="AA42371">
        <v>13</v>
      </c>
      <c r="AB42371">
        <v>14</v>
      </c>
      <c r="AC42371">
        <v>14</v>
      </c>
      <c r="AD42371">
        <v>14</v>
      </c>
      <c r="AE42371">
        <v>14</v>
      </c>
      <c r="AF42371">
        <v>14</v>
      </c>
      <c r="AG42371">
        <v>14</v>
      </c>
      <c r="AH42371">
        <v>14</v>
      </c>
      <c r="AI42371">
        <v>14</v>
      </c>
      <c r="AJ42371">
        <v>14</v>
      </c>
      <c r="AK42371">
        <v>14</v>
      </c>
      <c r="AL42371">
        <v>14</v>
      </c>
      <c r="AM42371">
        <v>15</v>
      </c>
      <c r="AN42371">
        <v>15</v>
      </c>
      <c r="AO42371">
        <v>15</v>
      </c>
      <c r="AP42371">
        <v>15</v>
      </c>
      <c r="AQ42371">
        <v>15</v>
      </c>
    </row>
    <row r="42372" spans="1:43">
      <c r="A42372" t="s">
        <v>26001</v>
      </c>
      <c r="B42372" t="s">
        <v>26002</v>
      </c>
      <c r="C42372" t="s">
        <v>205</v>
      </c>
      <c r="D42372" t="s">
        <v>206</v>
      </c>
      <c r="E42372" t="s">
        <v>102</v>
      </c>
      <c r="F42372" t="s">
        <v>103</v>
      </c>
      <c r="G42372" t="s">
        <v>80</v>
      </c>
      <c r="H42372" t="s">
        <v>81</v>
      </c>
      <c r="I42372" s="2">
        <v>0</v>
      </c>
      <c r="J42372" s="2">
        <v>1</v>
      </c>
      <c r="K42372" s="2">
        <v>0</v>
      </c>
      <c r="L42372" t="s">
        <v>82</v>
      </c>
      <c r="M42372" t="s">
        <v>89</v>
      </c>
      <c r="N42372" t="s">
        <v>90</v>
      </c>
      <c r="O42372" t="s">
        <v>85</v>
      </c>
      <c r="P42372" t="s">
        <v>86</v>
      </c>
      <c r="Q42372">
        <v>13</v>
      </c>
      <c r="R42372">
        <v>13</v>
      </c>
      <c r="S42372">
        <v>13</v>
      </c>
      <c r="T42372">
        <v>14</v>
      </c>
      <c r="U42372">
        <v>14</v>
      </c>
      <c r="V42372">
        <v>14</v>
      </c>
      <c r="W42372">
        <v>15</v>
      </c>
      <c r="X42372">
        <v>15</v>
      </c>
      <c r="Y42372">
        <v>15</v>
      </c>
      <c r="Z42372">
        <v>16</v>
      </c>
      <c r="AA42372">
        <v>16</v>
      </c>
      <c r="AB42372">
        <v>16</v>
      </c>
      <c r="AC42372">
        <v>16</v>
      </c>
      <c r="AD42372">
        <v>17</v>
      </c>
      <c r="AE42372">
        <v>17</v>
      </c>
      <c r="AF42372">
        <v>17</v>
      </c>
      <c r="AG42372">
        <v>17</v>
      </c>
      <c r="AH42372">
        <v>17</v>
      </c>
      <c r="AI42372">
        <v>17</v>
      </c>
      <c r="AJ42372">
        <v>17</v>
      </c>
      <c r="AK42372">
        <v>17</v>
      </c>
      <c r="AL42372">
        <v>17</v>
      </c>
      <c r="AM42372">
        <v>17</v>
      </c>
      <c r="AN42372">
        <v>17</v>
      </c>
      <c r="AO42372">
        <v>17</v>
      </c>
      <c r="AP42372">
        <v>17</v>
      </c>
      <c r="AQ42372">
        <v>17</v>
      </c>
    </row>
    <row r="42373" spans="1:43">
      <c r="A42373" t="s">
        <v>26001</v>
      </c>
      <c r="B42373" t="s">
        <v>26002</v>
      </c>
      <c r="C42373" t="s">
        <v>205</v>
      </c>
      <c r="D42373" t="s">
        <v>206</v>
      </c>
      <c r="E42373" t="s">
        <v>102</v>
      </c>
      <c r="F42373" t="s">
        <v>103</v>
      </c>
      <c r="G42373" t="s">
        <v>80</v>
      </c>
      <c r="H42373" t="s">
        <v>81</v>
      </c>
      <c r="I42373" s="2">
        <v>0</v>
      </c>
      <c r="J42373" s="2">
        <v>1</v>
      </c>
      <c r="K42373" s="2">
        <v>0</v>
      </c>
      <c r="L42373" t="s">
        <v>82</v>
      </c>
      <c r="M42373" t="s">
        <v>83</v>
      </c>
      <c r="N42373" t="s">
        <v>91</v>
      </c>
      <c r="O42373" t="s">
        <v>85</v>
      </c>
      <c r="P42373" t="s">
        <v>86</v>
      </c>
      <c r="Q42373">
        <v>13</v>
      </c>
      <c r="R42373">
        <v>13</v>
      </c>
      <c r="S42373">
        <v>13</v>
      </c>
      <c r="T42373">
        <v>13</v>
      </c>
      <c r="U42373">
        <v>14</v>
      </c>
      <c r="V42373">
        <v>14</v>
      </c>
      <c r="W42373">
        <v>14</v>
      </c>
      <c r="X42373">
        <v>14</v>
      </c>
      <c r="Y42373">
        <v>14</v>
      </c>
      <c r="Z42373">
        <v>15</v>
      </c>
      <c r="AA42373">
        <v>15</v>
      </c>
      <c r="AB42373">
        <v>15</v>
      </c>
      <c r="AC42373">
        <v>15</v>
      </c>
      <c r="AD42373">
        <v>15</v>
      </c>
      <c r="AE42373">
        <v>16</v>
      </c>
      <c r="AF42373">
        <v>16</v>
      </c>
      <c r="AG42373">
        <v>16</v>
      </c>
      <c r="AH42373">
        <v>16</v>
      </c>
      <c r="AI42373">
        <v>16</v>
      </c>
      <c r="AJ42373">
        <v>17</v>
      </c>
      <c r="AK42373">
        <v>17</v>
      </c>
      <c r="AL42373">
        <v>17</v>
      </c>
      <c r="AM42373">
        <v>17</v>
      </c>
      <c r="AN42373">
        <v>17</v>
      </c>
      <c r="AO42373">
        <v>17</v>
      </c>
      <c r="AP42373">
        <v>17</v>
      </c>
      <c r="AQ42373">
        <v>17</v>
      </c>
    </row>
    <row r="42374" spans="1:43">
      <c r="A42374" t="s">
        <v>26003</v>
      </c>
      <c r="B42374" t="s">
        <v>26004</v>
      </c>
      <c r="C42374" t="s">
        <v>7914</v>
      </c>
      <c r="D42374" t="s">
        <v>7915</v>
      </c>
      <c r="E42374" t="s">
        <v>7646</v>
      </c>
      <c r="F42374" t="s">
        <v>7647</v>
      </c>
      <c r="G42374" t="s">
        <v>80</v>
      </c>
      <c r="H42374" t="s">
        <v>81</v>
      </c>
      <c r="I42374" s="2">
        <v>0</v>
      </c>
      <c r="J42374" s="2">
        <v>1</v>
      </c>
      <c r="K42374" s="2">
        <v>0</v>
      </c>
      <c r="L42374" t="s">
        <v>82</v>
      </c>
      <c r="M42374" t="s">
        <v>83</v>
      </c>
      <c r="N42374" t="s">
        <v>84</v>
      </c>
      <c r="O42374" t="s">
        <v>85</v>
      </c>
      <c r="P42374" t="s">
        <v>86</v>
      </c>
      <c r="Q42374">
        <v>6</v>
      </c>
      <c r="R42374">
        <v>6</v>
      </c>
      <c r="S42374">
        <v>7</v>
      </c>
      <c r="T42374">
        <v>7</v>
      </c>
      <c r="U42374">
        <v>7</v>
      </c>
      <c r="V42374">
        <v>7</v>
      </c>
      <c r="W42374">
        <v>7</v>
      </c>
      <c r="X42374">
        <v>7</v>
      </c>
      <c r="Y42374">
        <v>7</v>
      </c>
      <c r="Z42374">
        <v>7</v>
      </c>
      <c r="AA42374">
        <v>8</v>
      </c>
      <c r="AB42374">
        <v>8</v>
      </c>
      <c r="AC42374">
        <v>8</v>
      </c>
      <c r="AD42374">
        <v>8</v>
      </c>
      <c r="AE42374">
        <v>8</v>
      </c>
      <c r="AF42374">
        <v>8</v>
      </c>
      <c r="AG42374">
        <v>8</v>
      </c>
      <c r="AH42374">
        <v>8</v>
      </c>
      <c r="AI42374">
        <v>8</v>
      </c>
      <c r="AJ42374">
        <v>9</v>
      </c>
      <c r="AK42374">
        <v>9</v>
      </c>
      <c r="AL42374">
        <v>9</v>
      </c>
      <c r="AM42374">
        <v>9</v>
      </c>
      <c r="AN42374">
        <v>9</v>
      </c>
      <c r="AO42374">
        <v>9</v>
      </c>
      <c r="AP42374">
        <v>9</v>
      </c>
      <c r="AQ42374">
        <v>9</v>
      </c>
    </row>
    <row r="42375" spans="1:43">
      <c r="A42375" t="s">
        <v>26003</v>
      </c>
      <c r="B42375" t="s">
        <v>26004</v>
      </c>
      <c r="C42375" t="s">
        <v>7914</v>
      </c>
      <c r="D42375" t="s">
        <v>7915</v>
      </c>
      <c r="E42375" t="s">
        <v>7646</v>
      </c>
      <c r="F42375" t="s">
        <v>7647</v>
      </c>
      <c r="G42375" t="s">
        <v>80</v>
      </c>
      <c r="H42375" t="s">
        <v>81</v>
      </c>
      <c r="I42375" s="2">
        <v>0</v>
      </c>
      <c r="J42375" s="2">
        <v>1</v>
      </c>
      <c r="K42375" s="2">
        <v>0</v>
      </c>
      <c r="L42375" t="s">
        <v>82</v>
      </c>
      <c r="M42375" t="s">
        <v>87</v>
      </c>
      <c r="N42375" t="s">
        <v>88</v>
      </c>
      <c r="O42375" t="s">
        <v>85</v>
      </c>
      <c r="P42375" t="s">
        <v>86</v>
      </c>
      <c r="Q42375">
        <v>6</v>
      </c>
      <c r="R42375">
        <v>6</v>
      </c>
      <c r="S42375">
        <v>6</v>
      </c>
      <c r="T42375">
        <v>6</v>
      </c>
      <c r="U42375">
        <v>7</v>
      </c>
      <c r="V42375">
        <v>7</v>
      </c>
      <c r="W42375">
        <v>7</v>
      </c>
      <c r="X42375">
        <v>7</v>
      </c>
      <c r="Y42375">
        <v>7</v>
      </c>
      <c r="Z42375">
        <v>7</v>
      </c>
      <c r="AA42375">
        <v>7</v>
      </c>
      <c r="AB42375">
        <v>7</v>
      </c>
      <c r="AC42375">
        <v>7</v>
      </c>
      <c r="AD42375">
        <v>7</v>
      </c>
      <c r="AE42375">
        <v>7</v>
      </c>
      <c r="AF42375">
        <v>7</v>
      </c>
      <c r="AG42375">
        <v>7</v>
      </c>
      <c r="AH42375">
        <v>7</v>
      </c>
      <c r="AI42375">
        <v>7</v>
      </c>
      <c r="AJ42375">
        <v>7</v>
      </c>
      <c r="AK42375">
        <v>7</v>
      </c>
      <c r="AL42375">
        <v>8</v>
      </c>
      <c r="AM42375">
        <v>8</v>
      </c>
      <c r="AN42375">
        <v>8</v>
      </c>
      <c r="AO42375">
        <v>8</v>
      </c>
      <c r="AP42375">
        <v>8</v>
      </c>
      <c r="AQ42375">
        <v>8</v>
      </c>
    </row>
    <row r="42376" spans="1:43">
      <c r="A42376" t="s">
        <v>26003</v>
      </c>
      <c r="B42376" t="s">
        <v>26004</v>
      </c>
      <c r="C42376" t="s">
        <v>7914</v>
      </c>
      <c r="D42376" t="s">
        <v>7915</v>
      </c>
      <c r="E42376" t="s">
        <v>7646</v>
      </c>
      <c r="F42376" t="s">
        <v>7647</v>
      </c>
      <c r="G42376" t="s">
        <v>80</v>
      </c>
      <c r="H42376" t="s">
        <v>81</v>
      </c>
      <c r="I42376" s="2">
        <v>0</v>
      </c>
      <c r="J42376" s="2">
        <v>1</v>
      </c>
      <c r="K42376" s="2">
        <v>0</v>
      </c>
      <c r="L42376" t="s">
        <v>82</v>
      </c>
      <c r="M42376" t="s">
        <v>89</v>
      </c>
      <c r="N42376" t="s">
        <v>90</v>
      </c>
      <c r="O42376" t="s">
        <v>85</v>
      </c>
      <c r="P42376" t="s">
        <v>86</v>
      </c>
      <c r="Q42376">
        <v>6</v>
      </c>
      <c r="R42376">
        <v>7</v>
      </c>
      <c r="S42376">
        <v>7</v>
      </c>
      <c r="T42376">
        <v>7</v>
      </c>
      <c r="U42376">
        <v>7</v>
      </c>
      <c r="V42376">
        <v>7</v>
      </c>
      <c r="W42376">
        <v>7</v>
      </c>
      <c r="X42376">
        <v>8</v>
      </c>
      <c r="Y42376">
        <v>8</v>
      </c>
      <c r="Z42376">
        <v>8</v>
      </c>
      <c r="AA42376">
        <v>8</v>
      </c>
      <c r="AB42376">
        <v>8</v>
      </c>
      <c r="AC42376">
        <v>8</v>
      </c>
      <c r="AD42376">
        <v>8</v>
      </c>
      <c r="AE42376">
        <v>9</v>
      </c>
      <c r="AF42376">
        <v>9</v>
      </c>
      <c r="AG42376">
        <v>9</v>
      </c>
      <c r="AH42376">
        <v>9</v>
      </c>
      <c r="AI42376">
        <v>9</v>
      </c>
      <c r="AJ42376">
        <v>9</v>
      </c>
      <c r="AK42376">
        <v>9</v>
      </c>
      <c r="AL42376">
        <v>9</v>
      </c>
      <c r="AM42376">
        <v>9</v>
      </c>
      <c r="AN42376">
        <v>9</v>
      </c>
      <c r="AO42376">
        <v>9</v>
      </c>
      <c r="AP42376">
        <v>9</v>
      </c>
      <c r="AQ42376">
        <v>9</v>
      </c>
    </row>
    <row r="42377" spans="1:43">
      <c r="A42377" t="s">
        <v>26003</v>
      </c>
      <c r="B42377" t="s">
        <v>26004</v>
      </c>
      <c r="C42377" t="s">
        <v>7914</v>
      </c>
      <c r="D42377" t="s">
        <v>7915</v>
      </c>
      <c r="E42377" t="s">
        <v>7646</v>
      </c>
      <c r="F42377" t="s">
        <v>7647</v>
      </c>
      <c r="G42377" t="s">
        <v>80</v>
      </c>
      <c r="H42377" t="s">
        <v>81</v>
      </c>
      <c r="I42377" s="2">
        <v>0</v>
      </c>
      <c r="J42377" s="2">
        <v>1</v>
      </c>
      <c r="K42377" s="2">
        <v>0</v>
      </c>
      <c r="L42377" t="s">
        <v>82</v>
      </c>
      <c r="M42377" t="s">
        <v>83</v>
      </c>
      <c r="N42377" t="s">
        <v>91</v>
      </c>
      <c r="O42377" t="s">
        <v>85</v>
      </c>
      <c r="P42377" t="s">
        <v>86</v>
      </c>
      <c r="Q42377">
        <v>6</v>
      </c>
      <c r="R42377">
        <v>6</v>
      </c>
      <c r="S42377">
        <v>7</v>
      </c>
      <c r="T42377">
        <v>7</v>
      </c>
      <c r="U42377">
        <v>7</v>
      </c>
      <c r="V42377">
        <v>7</v>
      </c>
      <c r="W42377">
        <v>7</v>
      </c>
      <c r="X42377">
        <v>7</v>
      </c>
      <c r="Y42377">
        <v>7</v>
      </c>
      <c r="Z42377">
        <v>7</v>
      </c>
      <c r="AA42377">
        <v>8</v>
      </c>
      <c r="AB42377">
        <v>8</v>
      </c>
      <c r="AC42377">
        <v>8</v>
      </c>
      <c r="AD42377">
        <v>8</v>
      </c>
      <c r="AE42377">
        <v>8</v>
      </c>
      <c r="AF42377">
        <v>8</v>
      </c>
      <c r="AG42377">
        <v>8</v>
      </c>
      <c r="AH42377">
        <v>8</v>
      </c>
      <c r="AI42377">
        <v>8</v>
      </c>
      <c r="AJ42377">
        <v>9</v>
      </c>
      <c r="AK42377">
        <v>9</v>
      </c>
      <c r="AL42377">
        <v>9</v>
      </c>
      <c r="AM42377">
        <v>9</v>
      </c>
      <c r="AN42377">
        <v>9</v>
      </c>
      <c r="AO42377">
        <v>9</v>
      </c>
      <c r="AP42377">
        <v>9</v>
      </c>
      <c r="AQ42377">
        <v>9</v>
      </c>
    </row>
    <row r="42378" spans="1:43">
      <c r="A42378" t="s">
        <v>26005</v>
      </c>
      <c r="B42378" t="s">
        <v>26006</v>
      </c>
      <c r="C42378" t="s">
        <v>7914</v>
      </c>
      <c r="D42378" t="s">
        <v>7915</v>
      </c>
      <c r="E42378" t="s">
        <v>7646</v>
      </c>
      <c r="F42378" t="s">
        <v>7647</v>
      </c>
      <c r="G42378" t="s">
        <v>80</v>
      </c>
      <c r="H42378" t="s">
        <v>81</v>
      </c>
      <c r="I42378" s="2">
        <v>0</v>
      </c>
      <c r="J42378" s="2">
        <v>1</v>
      </c>
      <c r="K42378" s="2">
        <v>0</v>
      </c>
      <c r="L42378" t="s">
        <v>82</v>
      </c>
      <c r="M42378" t="s">
        <v>83</v>
      </c>
      <c r="N42378" t="s">
        <v>84</v>
      </c>
      <c r="O42378" t="s">
        <v>85</v>
      </c>
      <c r="P42378" t="s">
        <v>86</v>
      </c>
      <c r="Q42378">
        <v>26</v>
      </c>
      <c r="R42378">
        <v>26</v>
      </c>
      <c r="S42378">
        <v>27</v>
      </c>
      <c r="T42378">
        <v>27</v>
      </c>
      <c r="U42378">
        <v>28</v>
      </c>
      <c r="V42378">
        <v>28</v>
      </c>
      <c r="W42378">
        <v>29</v>
      </c>
      <c r="X42378">
        <v>29</v>
      </c>
      <c r="Y42378">
        <v>30</v>
      </c>
      <c r="Z42378">
        <v>30</v>
      </c>
      <c r="AA42378">
        <v>31</v>
      </c>
      <c r="AB42378">
        <v>31</v>
      </c>
      <c r="AC42378">
        <v>32</v>
      </c>
      <c r="AD42378">
        <v>32</v>
      </c>
      <c r="AE42378">
        <v>33</v>
      </c>
      <c r="AF42378">
        <v>33</v>
      </c>
      <c r="AG42378">
        <v>34</v>
      </c>
      <c r="AH42378">
        <v>34</v>
      </c>
      <c r="AI42378">
        <v>35</v>
      </c>
      <c r="AJ42378">
        <v>35</v>
      </c>
      <c r="AK42378">
        <v>36</v>
      </c>
      <c r="AL42378">
        <v>36</v>
      </c>
      <c r="AM42378">
        <v>36</v>
      </c>
      <c r="AN42378">
        <v>36</v>
      </c>
      <c r="AO42378">
        <v>36</v>
      </c>
      <c r="AP42378">
        <v>36</v>
      </c>
      <c r="AQ42378">
        <v>37</v>
      </c>
    </row>
    <row r="42379" spans="1:43">
      <c r="A42379" t="s">
        <v>26005</v>
      </c>
      <c r="B42379" t="s">
        <v>26006</v>
      </c>
      <c r="C42379" t="s">
        <v>7914</v>
      </c>
      <c r="D42379" t="s">
        <v>7915</v>
      </c>
      <c r="E42379" t="s">
        <v>7646</v>
      </c>
      <c r="F42379" t="s">
        <v>7647</v>
      </c>
      <c r="G42379" t="s">
        <v>80</v>
      </c>
      <c r="H42379" t="s">
        <v>81</v>
      </c>
      <c r="I42379" s="2">
        <v>0</v>
      </c>
      <c r="J42379" s="2">
        <v>1</v>
      </c>
      <c r="K42379" s="2">
        <v>0</v>
      </c>
      <c r="L42379" t="s">
        <v>82</v>
      </c>
      <c r="M42379" t="s">
        <v>87</v>
      </c>
      <c r="N42379" t="s">
        <v>88</v>
      </c>
      <c r="O42379" t="s">
        <v>85</v>
      </c>
      <c r="P42379" t="s">
        <v>86</v>
      </c>
      <c r="Q42379">
        <v>26</v>
      </c>
      <c r="R42379">
        <v>27</v>
      </c>
      <c r="S42379">
        <v>27</v>
      </c>
      <c r="T42379">
        <v>27</v>
      </c>
      <c r="U42379">
        <v>27</v>
      </c>
      <c r="V42379">
        <v>28</v>
      </c>
      <c r="W42379">
        <v>28</v>
      </c>
      <c r="X42379">
        <v>28</v>
      </c>
      <c r="Y42379">
        <v>28</v>
      </c>
      <c r="Z42379">
        <v>29</v>
      </c>
      <c r="AA42379">
        <v>29</v>
      </c>
      <c r="AB42379">
        <v>29</v>
      </c>
      <c r="AC42379">
        <v>29</v>
      </c>
      <c r="AD42379">
        <v>30</v>
      </c>
      <c r="AE42379">
        <v>30</v>
      </c>
      <c r="AF42379">
        <v>30</v>
      </c>
      <c r="AG42379">
        <v>30</v>
      </c>
      <c r="AH42379">
        <v>31</v>
      </c>
      <c r="AI42379">
        <v>31</v>
      </c>
      <c r="AJ42379">
        <v>31</v>
      </c>
      <c r="AK42379">
        <v>31</v>
      </c>
      <c r="AL42379">
        <v>32</v>
      </c>
      <c r="AM42379">
        <v>32</v>
      </c>
      <c r="AN42379">
        <v>32</v>
      </c>
      <c r="AO42379">
        <v>32</v>
      </c>
      <c r="AP42379">
        <v>32</v>
      </c>
      <c r="AQ42379">
        <v>33</v>
      </c>
    </row>
    <row r="42380" spans="1:43">
      <c r="A42380" t="s">
        <v>26005</v>
      </c>
      <c r="B42380" t="s">
        <v>26006</v>
      </c>
      <c r="C42380" t="s">
        <v>7914</v>
      </c>
      <c r="D42380" t="s">
        <v>7915</v>
      </c>
      <c r="E42380" t="s">
        <v>7646</v>
      </c>
      <c r="F42380" t="s">
        <v>7647</v>
      </c>
      <c r="G42380" t="s">
        <v>80</v>
      </c>
      <c r="H42380" t="s">
        <v>81</v>
      </c>
      <c r="I42380" s="2">
        <v>0</v>
      </c>
      <c r="J42380" s="2">
        <v>1</v>
      </c>
      <c r="K42380" s="2">
        <v>0</v>
      </c>
      <c r="L42380" t="s">
        <v>82</v>
      </c>
      <c r="M42380" t="s">
        <v>89</v>
      </c>
      <c r="N42380" t="s">
        <v>90</v>
      </c>
      <c r="O42380" t="s">
        <v>85</v>
      </c>
      <c r="P42380" t="s">
        <v>86</v>
      </c>
      <c r="Q42380">
        <v>26</v>
      </c>
      <c r="R42380">
        <v>27</v>
      </c>
      <c r="S42380">
        <v>27</v>
      </c>
      <c r="T42380">
        <v>28</v>
      </c>
      <c r="U42380">
        <v>29</v>
      </c>
      <c r="V42380">
        <v>29</v>
      </c>
      <c r="W42380">
        <v>30</v>
      </c>
      <c r="X42380">
        <v>31</v>
      </c>
      <c r="Y42380">
        <v>31</v>
      </c>
      <c r="Z42380">
        <v>32</v>
      </c>
      <c r="AA42380">
        <v>33</v>
      </c>
      <c r="AB42380">
        <v>33</v>
      </c>
      <c r="AC42380">
        <v>34</v>
      </c>
      <c r="AD42380">
        <v>34</v>
      </c>
      <c r="AE42380">
        <v>35</v>
      </c>
      <c r="AF42380">
        <v>35</v>
      </c>
      <c r="AG42380">
        <v>35</v>
      </c>
      <c r="AH42380">
        <v>35</v>
      </c>
      <c r="AI42380">
        <v>36</v>
      </c>
      <c r="AJ42380">
        <v>36</v>
      </c>
      <c r="AK42380">
        <v>36</v>
      </c>
      <c r="AL42380">
        <v>36</v>
      </c>
      <c r="AM42380">
        <v>36</v>
      </c>
      <c r="AN42380">
        <v>36</v>
      </c>
      <c r="AO42380">
        <v>36</v>
      </c>
      <c r="AP42380">
        <v>37</v>
      </c>
      <c r="AQ42380">
        <v>37</v>
      </c>
    </row>
    <row r="42381" spans="1:43">
      <c r="A42381" t="s">
        <v>26005</v>
      </c>
      <c r="B42381" t="s">
        <v>26006</v>
      </c>
      <c r="C42381" t="s">
        <v>7914</v>
      </c>
      <c r="D42381" t="s">
        <v>7915</v>
      </c>
      <c r="E42381" t="s">
        <v>7646</v>
      </c>
      <c r="F42381" t="s">
        <v>7647</v>
      </c>
      <c r="G42381" t="s">
        <v>80</v>
      </c>
      <c r="H42381" t="s">
        <v>81</v>
      </c>
      <c r="I42381" s="2">
        <v>0</v>
      </c>
      <c r="J42381" s="2">
        <v>1</v>
      </c>
      <c r="K42381" s="2">
        <v>0</v>
      </c>
      <c r="L42381" t="s">
        <v>82</v>
      </c>
      <c r="M42381" t="s">
        <v>83</v>
      </c>
      <c r="N42381" t="s">
        <v>91</v>
      </c>
      <c r="O42381" t="s">
        <v>85</v>
      </c>
      <c r="P42381" t="s">
        <v>86</v>
      </c>
      <c r="Q42381">
        <v>26</v>
      </c>
      <c r="R42381">
        <v>26</v>
      </c>
      <c r="S42381">
        <v>27</v>
      </c>
      <c r="T42381">
        <v>27</v>
      </c>
      <c r="U42381">
        <v>28</v>
      </c>
      <c r="V42381">
        <v>28</v>
      </c>
      <c r="W42381">
        <v>29</v>
      </c>
      <c r="X42381">
        <v>29</v>
      </c>
      <c r="Y42381">
        <v>30</v>
      </c>
      <c r="Z42381">
        <v>30</v>
      </c>
      <c r="AA42381">
        <v>31</v>
      </c>
      <c r="AB42381">
        <v>31</v>
      </c>
      <c r="AC42381">
        <v>32</v>
      </c>
      <c r="AD42381">
        <v>32</v>
      </c>
      <c r="AE42381">
        <v>33</v>
      </c>
      <c r="AF42381">
        <v>33</v>
      </c>
      <c r="AG42381">
        <v>34</v>
      </c>
      <c r="AH42381">
        <v>34</v>
      </c>
      <c r="AI42381">
        <v>35</v>
      </c>
      <c r="AJ42381">
        <v>35</v>
      </c>
      <c r="AK42381">
        <v>36</v>
      </c>
      <c r="AL42381">
        <v>36</v>
      </c>
      <c r="AM42381">
        <v>36</v>
      </c>
      <c r="AN42381">
        <v>36</v>
      </c>
      <c r="AO42381">
        <v>36</v>
      </c>
      <c r="AP42381">
        <v>36</v>
      </c>
      <c r="AQ42381">
        <v>37</v>
      </c>
    </row>
    <row r="42382" spans="1:43">
      <c r="A42382" t="s">
        <v>26007</v>
      </c>
      <c r="B42382" t="s">
        <v>26008</v>
      </c>
      <c r="C42382" t="s">
        <v>7858</v>
      </c>
      <c r="D42382" t="s">
        <v>7859</v>
      </c>
      <c r="E42382" t="s">
        <v>7646</v>
      </c>
      <c r="F42382" t="s">
        <v>7647</v>
      </c>
      <c r="G42382" t="s">
        <v>80</v>
      </c>
      <c r="H42382" t="s">
        <v>81</v>
      </c>
      <c r="I42382" s="2">
        <v>0</v>
      </c>
      <c r="J42382" s="2">
        <v>1</v>
      </c>
      <c r="K42382" s="2">
        <v>0</v>
      </c>
      <c r="L42382" t="s">
        <v>82</v>
      </c>
      <c r="M42382" t="s">
        <v>83</v>
      </c>
      <c r="N42382" t="s">
        <v>84</v>
      </c>
      <c r="O42382" t="s">
        <v>85</v>
      </c>
      <c r="P42382" t="s">
        <v>86</v>
      </c>
      <c r="Q42382">
        <v>18</v>
      </c>
      <c r="R42382">
        <v>18</v>
      </c>
      <c r="S42382">
        <v>19</v>
      </c>
      <c r="T42382">
        <v>19</v>
      </c>
      <c r="U42382">
        <v>19</v>
      </c>
      <c r="V42382">
        <v>20</v>
      </c>
      <c r="W42382">
        <v>20</v>
      </c>
      <c r="X42382">
        <v>20</v>
      </c>
      <c r="Y42382">
        <v>21</v>
      </c>
      <c r="Z42382">
        <v>21</v>
      </c>
      <c r="AA42382">
        <v>21</v>
      </c>
      <c r="AB42382">
        <v>22</v>
      </c>
      <c r="AC42382">
        <v>22</v>
      </c>
      <c r="AD42382">
        <v>22</v>
      </c>
      <c r="AE42382">
        <v>23</v>
      </c>
      <c r="AF42382">
        <v>23</v>
      </c>
      <c r="AG42382">
        <v>23</v>
      </c>
      <c r="AH42382">
        <v>24</v>
      </c>
      <c r="AI42382">
        <v>24</v>
      </c>
      <c r="AJ42382">
        <v>24</v>
      </c>
      <c r="AK42382">
        <v>25</v>
      </c>
      <c r="AL42382">
        <v>25</v>
      </c>
      <c r="AM42382">
        <v>25</v>
      </c>
      <c r="AN42382">
        <v>25</v>
      </c>
      <c r="AO42382">
        <v>25</v>
      </c>
      <c r="AP42382">
        <v>25</v>
      </c>
      <c r="AQ42382">
        <v>25</v>
      </c>
    </row>
    <row r="42383" spans="1:43">
      <c r="A42383" t="s">
        <v>26007</v>
      </c>
      <c r="B42383" t="s">
        <v>26008</v>
      </c>
      <c r="C42383" t="s">
        <v>7858</v>
      </c>
      <c r="D42383" t="s">
        <v>7859</v>
      </c>
      <c r="E42383" t="s">
        <v>7646</v>
      </c>
      <c r="F42383" t="s">
        <v>7647</v>
      </c>
      <c r="G42383" t="s">
        <v>80</v>
      </c>
      <c r="H42383" t="s">
        <v>81</v>
      </c>
      <c r="I42383" s="2">
        <v>0</v>
      </c>
      <c r="J42383" s="2">
        <v>1</v>
      </c>
      <c r="K42383" s="2">
        <v>0</v>
      </c>
      <c r="L42383" t="s">
        <v>82</v>
      </c>
      <c r="M42383" t="s">
        <v>87</v>
      </c>
      <c r="N42383" t="s">
        <v>88</v>
      </c>
      <c r="O42383" t="s">
        <v>85</v>
      </c>
      <c r="P42383" t="s">
        <v>86</v>
      </c>
      <c r="Q42383">
        <v>18</v>
      </c>
      <c r="R42383">
        <v>18</v>
      </c>
      <c r="S42383">
        <v>18</v>
      </c>
      <c r="T42383">
        <v>18</v>
      </c>
      <c r="U42383">
        <v>18</v>
      </c>
      <c r="V42383">
        <v>19</v>
      </c>
      <c r="W42383">
        <v>19</v>
      </c>
      <c r="X42383">
        <v>19</v>
      </c>
      <c r="Y42383">
        <v>19</v>
      </c>
      <c r="Z42383">
        <v>19</v>
      </c>
      <c r="AA42383">
        <v>19</v>
      </c>
      <c r="AB42383">
        <v>20</v>
      </c>
      <c r="AC42383">
        <v>20</v>
      </c>
      <c r="AD42383">
        <v>20</v>
      </c>
      <c r="AE42383">
        <v>20</v>
      </c>
      <c r="AF42383">
        <v>20</v>
      </c>
      <c r="AG42383">
        <v>20</v>
      </c>
      <c r="AH42383">
        <v>21</v>
      </c>
      <c r="AI42383">
        <v>21</v>
      </c>
      <c r="AJ42383">
        <v>21</v>
      </c>
      <c r="AK42383">
        <v>21</v>
      </c>
      <c r="AL42383">
        <v>21</v>
      </c>
      <c r="AM42383">
        <v>21</v>
      </c>
      <c r="AN42383">
        <v>21</v>
      </c>
      <c r="AO42383">
        <v>22</v>
      </c>
      <c r="AP42383">
        <v>22</v>
      </c>
      <c r="AQ42383">
        <v>22</v>
      </c>
    </row>
    <row r="42384" spans="1:43">
      <c r="A42384" t="s">
        <v>26007</v>
      </c>
      <c r="B42384" t="s">
        <v>26008</v>
      </c>
      <c r="C42384" t="s">
        <v>7858</v>
      </c>
      <c r="D42384" t="s">
        <v>7859</v>
      </c>
      <c r="E42384" t="s">
        <v>7646</v>
      </c>
      <c r="F42384" t="s">
        <v>7647</v>
      </c>
      <c r="G42384" t="s">
        <v>80</v>
      </c>
      <c r="H42384" t="s">
        <v>81</v>
      </c>
      <c r="I42384" s="2">
        <v>0</v>
      </c>
      <c r="J42384" s="2">
        <v>1</v>
      </c>
      <c r="K42384" s="2">
        <v>0</v>
      </c>
      <c r="L42384" t="s">
        <v>82</v>
      </c>
      <c r="M42384" t="s">
        <v>89</v>
      </c>
      <c r="N42384" t="s">
        <v>90</v>
      </c>
      <c r="O42384" t="s">
        <v>85</v>
      </c>
      <c r="P42384" t="s">
        <v>86</v>
      </c>
      <c r="Q42384">
        <v>18</v>
      </c>
      <c r="R42384">
        <v>19</v>
      </c>
      <c r="S42384">
        <v>19</v>
      </c>
      <c r="T42384">
        <v>20</v>
      </c>
      <c r="U42384">
        <v>20</v>
      </c>
      <c r="V42384">
        <v>21</v>
      </c>
      <c r="W42384">
        <v>21</v>
      </c>
      <c r="X42384">
        <v>21</v>
      </c>
      <c r="Y42384">
        <v>22</v>
      </c>
      <c r="Z42384">
        <v>22</v>
      </c>
      <c r="AA42384">
        <v>23</v>
      </c>
      <c r="AB42384">
        <v>23</v>
      </c>
      <c r="AC42384">
        <v>24</v>
      </c>
      <c r="AD42384">
        <v>24</v>
      </c>
      <c r="AE42384">
        <v>24</v>
      </c>
      <c r="AF42384">
        <v>24</v>
      </c>
      <c r="AG42384">
        <v>25</v>
      </c>
      <c r="AH42384">
        <v>25</v>
      </c>
      <c r="AI42384">
        <v>25</v>
      </c>
      <c r="AJ42384">
        <v>25</v>
      </c>
      <c r="AK42384">
        <v>25</v>
      </c>
      <c r="AL42384">
        <v>25</v>
      </c>
      <c r="AM42384">
        <v>25</v>
      </c>
      <c r="AN42384">
        <v>25</v>
      </c>
      <c r="AO42384">
        <v>25</v>
      </c>
      <c r="AP42384">
        <v>26</v>
      </c>
      <c r="AQ42384">
        <v>26</v>
      </c>
    </row>
    <row r="42385" spans="1:43">
      <c r="A42385" t="s">
        <v>26007</v>
      </c>
      <c r="B42385" t="s">
        <v>26008</v>
      </c>
      <c r="C42385" t="s">
        <v>7858</v>
      </c>
      <c r="D42385" t="s">
        <v>7859</v>
      </c>
      <c r="E42385" t="s">
        <v>7646</v>
      </c>
      <c r="F42385" t="s">
        <v>7647</v>
      </c>
      <c r="G42385" t="s">
        <v>80</v>
      </c>
      <c r="H42385" t="s">
        <v>81</v>
      </c>
      <c r="I42385" s="2">
        <v>0</v>
      </c>
      <c r="J42385" s="2">
        <v>1</v>
      </c>
      <c r="K42385" s="2">
        <v>0</v>
      </c>
      <c r="L42385" t="s">
        <v>82</v>
      </c>
      <c r="M42385" t="s">
        <v>83</v>
      </c>
      <c r="N42385" t="s">
        <v>91</v>
      </c>
      <c r="O42385" t="s">
        <v>85</v>
      </c>
      <c r="P42385" t="s">
        <v>86</v>
      </c>
      <c r="Q42385">
        <v>18</v>
      </c>
      <c r="R42385">
        <v>18</v>
      </c>
      <c r="S42385">
        <v>19</v>
      </c>
      <c r="T42385">
        <v>19</v>
      </c>
      <c r="U42385">
        <v>19</v>
      </c>
      <c r="V42385">
        <v>20</v>
      </c>
      <c r="W42385">
        <v>20</v>
      </c>
      <c r="X42385">
        <v>20</v>
      </c>
      <c r="Y42385">
        <v>21</v>
      </c>
      <c r="Z42385">
        <v>21</v>
      </c>
      <c r="AA42385">
        <v>21</v>
      </c>
      <c r="AB42385">
        <v>22</v>
      </c>
      <c r="AC42385">
        <v>22</v>
      </c>
      <c r="AD42385">
        <v>22</v>
      </c>
      <c r="AE42385">
        <v>23</v>
      </c>
      <c r="AF42385">
        <v>23</v>
      </c>
      <c r="AG42385">
        <v>23</v>
      </c>
      <c r="AH42385">
        <v>24</v>
      </c>
      <c r="AI42385">
        <v>24</v>
      </c>
      <c r="AJ42385">
        <v>24</v>
      </c>
      <c r="AK42385">
        <v>25</v>
      </c>
      <c r="AL42385">
        <v>25</v>
      </c>
      <c r="AM42385">
        <v>25</v>
      </c>
      <c r="AN42385">
        <v>25</v>
      </c>
      <c r="AO42385">
        <v>25</v>
      </c>
      <c r="AP42385">
        <v>25</v>
      </c>
      <c r="AQ42385">
        <v>25</v>
      </c>
    </row>
    <row r="42386" spans="1:43">
      <c r="A42386" t="s">
        <v>26009</v>
      </c>
      <c r="B42386" t="s">
        <v>26010</v>
      </c>
      <c r="C42386" t="s">
        <v>7858</v>
      </c>
      <c r="D42386" t="s">
        <v>7859</v>
      </c>
      <c r="E42386" t="s">
        <v>7646</v>
      </c>
      <c r="F42386" t="s">
        <v>7647</v>
      </c>
      <c r="G42386" t="s">
        <v>80</v>
      </c>
      <c r="H42386" t="s">
        <v>81</v>
      </c>
      <c r="I42386" s="2">
        <v>0</v>
      </c>
      <c r="J42386" s="2">
        <v>1</v>
      </c>
      <c r="K42386" s="2">
        <v>0</v>
      </c>
      <c r="L42386" t="s">
        <v>82</v>
      </c>
      <c r="M42386" t="s">
        <v>83</v>
      </c>
      <c r="N42386" t="s">
        <v>84</v>
      </c>
      <c r="O42386" t="s">
        <v>85</v>
      </c>
      <c r="P42386" t="s">
        <v>86</v>
      </c>
      <c r="Q42386">
        <v>16</v>
      </c>
      <c r="R42386">
        <v>16</v>
      </c>
      <c r="S42386">
        <v>16</v>
      </c>
      <c r="T42386">
        <v>17</v>
      </c>
      <c r="U42386">
        <v>17</v>
      </c>
      <c r="V42386">
        <v>17</v>
      </c>
      <c r="W42386">
        <v>18</v>
      </c>
      <c r="X42386">
        <v>18</v>
      </c>
      <c r="Y42386">
        <v>18</v>
      </c>
      <c r="Z42386">
        <v>19</v>
      </c>
      <c r="AA42386">
        <v>19</v>
      </c>
      <c r="AB42386">
        <v>19</v>
      </c>
      <c r="AC42386">
        <v>19</v>
      </c>
      <c r="AD42386">
        <v>20</v>
      </c>
      <c r="AE42386">
        <v>20</v>
      </c>
      <c r="AF42386">
        <v>20</v>
      </c>
      <c r="AG42386">
        <v>21</v>
      </c>
      <c r="AH42386">
        <v>21</v>
      </c>
      <c r="AI42386">
        <v>21</v>
      </c>
      <c r="AJ42386">
        <v>21</v>
      </c>
      <c r="AK42386">
        <v>22</v>
      </c>
      <c r="AL42386">
        <v>22</v>
      </c>
      <c r="AM42386">
        <v>22</v>
      </c>
      <c r="AN42386">
        <v>22</v>
      </c>
      <c r="AO42386">
        <v>22</v>
      </c>
      <c r="AP42386">
        <v>22</v>
      </c>
      <c r="AQ42386">
        <v>22</v>
      </c>
    </row>
    <row r="42387" spans="1:43">
      <c r="A42387" t="s">
        <v>26009</v>
      </c>
      <c r="B42387" t="s">
        <v>26010</v>
      </c>
      <c r="C42387" t="s">
        <v>7858</v>
      </c>
      <c r="D42387" t="s">
        <v>7859</v>
      </c>
      <c r="E42387" t="s">
        <v>7646</v>
      </c>
      <c r="F42387" t="s">
        <v>7647</v>
      </c>
      <c r="G42387" t="s">
        <v>80</v>
      </c>
      <c r="H42387" t="s">
        <v>81</v>
      </c>
      <c r="I42387" s="2">
        <v>0</v>
      </c>
      <c r="J42387" s="2">
        <v>1</v>
      </c>
      <c r="K42387" s="2">
        <v>0</v>
      </c>
      <c r="L42387" t="s">
        <v>82</v>
      </c>
      <c r="M42387" t="s">
        <v>87</v>
      </c>
      <c r="N42387" t="s">
        <v>88</v>
      </c>
      <c r="O42387" t="s">
        <v>85</v>
      </c>
      <c r="P42387" t="s">
        <v>86</v>
      </c>
      <c r="Q42387">
        <v>16</v>
      </c>
      <c r="R42387">
        <v>16</v>
      </c>
      <c r="S42387">
        <v>16</v>
      </c>
      <c r="T42387">
        <v>16</v>
      </c>
      <c r="U42387">
        <v>16</v>
      </c>
      <c r="V42387">
        <v>16</v>
      </c>
      <c r="W42387">
        <v>17</v>
      </c>
      <c r="X42387">
        <v>17</v>
      </c>
      <c r="Y42387">
        <v>17</v>
      </c>
      <c r="Z42387">
        <v>17</v>
      </c>
      <c r="AA42387">
        <v>17</v>
      </c>
      <c r="AB42387">
        <v>17</v>
      </c>
      <c r="AC42387">
        <v>17</v>
      </c>
      <c r="AD42387">
        <v>18</v>
      </c>
      <c r="AE42387">
        <v>18</v>
      </c>
      <c r="AF42387">
        <v>18</v>
      </c>
      <c r="AG42387">
        <v>18</v>
      </c>
      <c r="AH42387">
        <v>18</v>
      </c>
      <c r="AI42387">
        <v>18</v>
      </c>
      <c r="AJ42387">
        <v>18</v>
      </c>
      <c r="AK42387">
        <v>19</v>
      </c>
      <c r="AL42387">
        <v>19</v>
      </c>
      <c r="AM42387">
        <v>19</v>
      </c>
      <c r="AN42387">
        <v>19</v>
      </c>
      <c r="AO42387">
        <v>19</v>
      </c>
      <c r="AP42387">
        <v>19</v>
      </c>
      <c r="AQ42387">
        <v>19</v>
      </c>
    </row>
    <row r="42388" spans="1:43">
      <c r="A42388" t="s">
        <v>26009</v>
      </c>
      <c r="B42388" t="s">
        <v>26010</v>
      </c>
      <c r="C42388" t="s">
        <v>7858</v>
      </c>
      <c r="D42388" t="s">
        <v>7859</v>
      </c>
      <c r="E42388" t="s">
        <v>7646</v>
      </c>
      <c r="F42388" t="s">
        <v>7647</v>
      </c>
      <c r="G42388" t="s">
        <v>80</v>
      </c>
      <c r="H42388" t="s">
        <v>81</v>
      </c>
      <c r="I42388" s="2">
        <v>0</v>
      </c>
      <c r="J42388" s="2">
        <v>1</v>
      </c>
      <c r="K42388" s="2">
        <v>0</v>
      </c>
      <c r="L42388" t="s">
        <v>82</v>
      </c>
      <c r="M42388" t="s">
        <v>89</v>
      </c>
      <c r="N42388" t="s">
        <v>90</v>
      </c>
      <c r="O42388" t="s">
        <v>85</v>
      </c>
      <c r="P42388" t="s">
        <v>86</v>
      </c>
      <c r="Q42388">
        <v>16</v>
      </c>
      <c r="R42388">
        <v>16</v>
      </c>
      <c r="S42388">
        <v>17</v>
      </c>
      <c r="T42388">
        <v>17</v>
      </c>
      <c r="U42388">
        <v>18</v>
      </c>
      <c r="V42388">
        <v>18</v>
      </c>
      <c r="W42388">
        <v>19</v>
      </c>
      <c r="X42388">
        <v>19</v>
      </c>
      <c r="Y42388">
        <v>19</v>
      </c>
      <c r="Z42388">
        <v>20</v>
      </c>
      <c r="AA42388">
        <v>20</v>
      </c>
      <c r="AB42388">
        <v>20</v>
      </c>
      <c r="AC42388">
        <v>21</v>
      </c>
      <c r="AD42388">
        <v>21</v>
      </c>
      <c r="AE42388">
        <v>21</v>
      </c>
      <c r="AF42388">
        <v>22</v>
      </c>
      <c r="AG42388">
        <v>22</v>
      </c>
      <c r="AH42388">
        <v>22</v>
      </c>
      <c r="AI42388">
        <v>22</v>
      </c>
      <c r="AJ42388">
        <v>22</v>
      </c>
      <c r="AK42388">
        <v>22</v>
      </c>
      <c r="AL42388">
        <v>22</v>
      </c>
      <c r="AM42388">
        <v>22</v>
      </c>
      <c r="AN42388">
        <v>22</v>
      </c>
      <c r="AO42388">
        <v>22</v>
      </c>
      <c r="AP42388">
        <v>23</v>
      </c>
      <c r="AQ42388">
        <v>23</v>
      </c>
    </row>
    <row r="42389" spans="1:43">
      <c r="A42389" t="s">
        <v>26009</v>
      </c>
      <c r="B42389" t="s">
        <v>26010</v>
      </c>
      <c r="C42389" t="s">
        <v>7858</v>
      </c>
      <c r="D42389" t="s">
        <v>7859</v>
      </c>
      <c r="E42389" t="s">
        <v>7646</v>
      </c>
      <c r="F42389" t="s">
        <v>7647</v>
      </c>
      <c r="G42389" t="s">
        <v>80</v>
      </c>
      <c r="H42389" t="s">
        <v>81</v>
      </c>
      <c r="I42389" s="2">
        <v>0</v>
      </c>
      <c r="J42389" s="2">
        <v>1</v>
      </c>
      <c r="K42389" s="2">
        <v>0</v>
      </c>
      <c r="L42389" t="s">
        <v>82</v>
      </c>
      <c r="M42389" t="s">
        <v>83</v>
      </c>
      <c r="N42389" t="s">
        <v>91</v>
      </c>
      <c r="O42389" t="s">
        <v>85</v>
      </c>
      <c r="P42389" t="s">
        <v>86</v>
      </c>
      <c r="Q42389">
        <v>16</v>
      </c>
      <c r="R42389">
        <v>16</v>
      </c>
      <c r="S42389">
        <v>16</v>
      </c>
      <c r="T42389">
        <v>17</v>
      </c>
      <c r="U42389">
        <v>17</v>
      </c>
      <c r="V42389">
        <v>17</v>
      </c>
      <c r="W42389">
        <v>18</v>
      </c>
      <c r="X42389">
        <v>18</v>
      </c>
      <c r="Y42389">
        <v>18</v>
      </c>
      <c r="Z42389">
        <v>19</v>
      </c>
      <c r="AA42389">
        <v>19</v>
      </c>
      <c r="AB42389">
        <v>19</v>
      </c>
      <c r="AC42389">
        <v>19</v>
      </c>
      <c r="AD42389">
        <v>20</v>
      </c>
      <c r="AE42389">
        <v>20</v>
      </c>
      <c r="AF42389">
        <v>20</v>
      </c>
      <c r="AG42389">
        <v>21</v>
      </c>
      <c r="AH42389">
        <v>21</v>
      </c>
      <c r="AI42389">
        <v>21</v>
      </c>
      <c r="AJ42389">
        <v>21</v>
      </c>
      <c r="AK42389">
        <v>22</v>
      </c>
      <c r="AL42389">
        <v>22</v>
      </c>
      <c r="AM42389">
        <v>22</v>
      </c>
      <c r="AN42389">
        <v>22</v>
      </c>
      <c r="AO42389">
        <v>22</v>
      </c>
      <c r="AP42389">
        <v>22</v>
      </c>
      <c r="AQ42389">
        <v>22</v>
      </c>
    </row>
    <row r="42390" spans="1:43">
      <c r="A42390" t="s">
        <v>26011</v>
      </c>
      <c r="B42390" t="s">
        <v>26012</v>
      </c>
      <c r="C42390" t="s">
        <v>7858</v>
      </c>
      <c r="D42390" t="s">
        <v>7859</v>
      </c>
      <c r="E42390" t="s">
        <v>7646</v>
      </c>
      <c r="F42390" t="s">
        <v>7647</v>
      </c>
      <c r="G42390" t="s">
        <v>80</v>
      </c>
      <c r="H42390" t="s">
        <v>81</v>
      </c>
      <c r="I42390" s="2">
        <v>0</v>
      </c>
      <c r="J42390" s="2">
        <v>1</v>
      </c>
      <c r="K42390" s="2">
        <v>0</v>
      </c>
      <c r="L42390" t="s">
        <v>82</v>
      </c>
      <c r="M42390" t="s">
        <v>83</v>
      </c>
      <c r="N42390" t="s">
        <v>84</v>
      </c>
      <c r="O42390" t="s">
        <v>85</v>
      </c>
      <c r="P42390" t="s">
        <v>86</v>
      </c>
      <c r="Q42390">
        <v>98</v>
      </c>
      <c r="R42390">
        <v>100</v>
      </c>
      <c r="S42390">
        <v>102</v>
      </c>
      <c r="T42390">
        <v>103</v>
      </c>
      <c r="U42390">
        <v>105</v>
      </c>
      <c r="V42390">
        <v>107</v>
      </c>
      <c r="W42390">
        <v>109</v>
      </c>
      <c r="X42390">
        <v>111</v>
      </c>
      <c r="Y42390">
        <v>113</v>
      </c>
      <c r="Z42390">
        <v>114</v>
      </c>
      <c r="AA42390">
        <v>116</v>
      </c>
      <c r="AB42390">
        <v>118</v>
      </c>
      <c r="AC42390">
        <v>120</v>
      </c>
      <c r="AD42390">
        <v>122</v>
      </c>
      <c r="AE42390">
        <v>124</v>
      </c>
      <c r="AF42390">
        <v>125</v>
      </c>
      <c r="AG42390">
        <v>127</v>
      </c>
      <c r="AH42390">
        <v>129</v>
      </c>
      <c r="AI42390">
        <v>131</v>
      </c>
      <c r="AJ42390">
        <v>133</v>
      </c>
      <c r="AK42390">
        <v>135</v>
      </c>
      <c r="AL42390">
        <v>136</v>
      </c>
      <c r="AM42390">
        <v>136</v>
      </c>
      <c r="AN42390">
        <v>137</v>
      </c>
      <c r="AO42390">
        <v>137</v>
      </c>
      <c r="AP42390">
        <v>138</v>
      </c>
      <c r="AQ42390">
        <v>139</v>
      </c>
    </row>
    <row r="42391" spans="1:43">
      <c r="A42391" t="s">
        <v>26011</v>
      </c>
      <c r="B42391" t="s">
        <v>26012</v>
      </c>
      <c r="C42391" t="s">
        <v>7858</v>
      </c>
      <c r="D42391" t="s">
        <v>7859</v>
      </c>
      <c r="E42391" t="s">
        <v>7646</v>
      </c>
      <c r="F42391" t="s">
        <v>7647</v>
      </c>
      <c r="G42391" t="s">
        <v>80</v>
      </c>
      <c r="H42391" t="s">
        <v>81</v>
      </c>
      <c r="I42391" s="2">
        <v>0</v>
      </c>
      <c r="J42391" s="2">
        <v>1</v>
      </c>
      <c r="K42391" s="2">
        <v>0</v>
      </c>
      <c r="L42391" t="s">
        <v>82</v>
      </c>
      <c r="M42391" t="s">
        <v>87</v>
      </c>
      <c r="N42391" t="s">
        <v>88</v>
      </c>
      <c r="O42391" t="s">
        <v>85</v>
      </c>
      <c r="P42391" t="s">
        <v>86</v>
      </c>
      <c r="Q42391">
        <v>98</v>
      </c>
      <c r="R42391">
        <v>99</v>
      </c>
      <c r="S42391">
        <v>100</v>
      </c>
      <c r="T42391">
        <v>101</v>
      </c>
      <c r="U42391">
        <v>102</v>
      </c>
      <c r="V42391">
        <v>102</v>
      </c>
      <c r="W42391">
        <v>103</v>
      </c>
      <c r="X42391">
        <v>104</v>
      </c>
      <c r="Y42391">
        <v>105</v>
      </c>
      <c r="Z42391">
        <v>106</v>
      </c>
      <c r="AA42391">
        <v>107</v>
      </c>
      <c r="AB42391">
        <v>108</v>
      </c>
      <c r="AC42391">
        <v>109</v>
      </c>
      <c r="AD42391">
        <v>110</v>
      </c>
      <c r="AE42391">
        <v>110</v>
      </c>
      <c r="AF42391">
        <v>111</v>
      </c>
      <c r="AG42391">
        <v>112</v>
      </c>
      <c r="AH42391">
        <v>113</v>
      </c>
      <c r="AI42391">
        <v>114</v>
      </c>
      <c r="AJ42391">
        <v>115</v>
      </c>
      <c r="AK42391">
        <v>116</v>
      </c>
      <c r="AL42391">
        <v>117</v>
      </c>
      <c r="AM42391">
        <v>118</v>
      </c>
      <c r="AN42391">
        <v>118</v>
      </c>
      <c r="AO42391">
        <v>119</v>
      </c>
      <c r="AP42391">
        <v>120</v>
      </c>
      <c r="AQ42391">
        <v>121</v>
      </c>
    </row>
    <row r="42392" spans="1:43">
      <c r="A42392" t="s">
        <v>26011</v>
      </c>
      <c r="B42392" t="s">
        <v>26012</v>
      </c>
      <c r="C42392" t="s">
        <v>7858</v>
      </c>
      <c r="D42392" t="s">
        <v>7859</v>
      </c>
      <c r="E42392" t="s">
        <v>7646</v>
      </c>
      <c r="F42392" t="s">
        <v>7647</v>
      </c>
      <c r="G42392" t="s">
        <v>80</v>
      </c>
      <c r="H42392" t="s">
        <v>81</v>
      </c>
      <c r="I42392" s="2">
        <v>0</v>
      </c>
      <c r="J42392" s="2">
        <v>1</v>
      </c>
      <c r="K42392" s="2">
        <v>0</v>
      </c>
      <c r="L42392" t="s">
        <v>82</v>
      </c>
      <c r="M42392" t="s">
        <v>89</v>
      </c>
      <c r="N42392" t="s">
        <v>90</v>
      </c>
      <c r="O42392" t="s">
        <v>85</v>
      </c>
      <c r="P42392" t="s">
        <v>86</v>
      </c>
      <c r="Q42392">
        <v>98</v>
      </c>
      <c r="R42392">
        <v>101</v>
      </c>
      <c r="S42392">
        <v>103</v>
      </c>
      <c r="T42392">
        <v>106</v>
      </c>
      <c r="U42392">
        <v>108</v>
      </c>
      <c r="V42392">
        <v>111</v>
      </c>
      <c r="W42392">
        <v>114</v>
      </c>
      <c r="X42392">
        <v>116</v>
      </c>
      <c r="Y42392">
        <v>118</v>
      </c>
      <c r="Z42392">
        <v>121</v>
      </c>
      <c r="AA42392">
        <v>123</v>
      </c>
      <c r="AB42392">
        <v>125</v>
      </c>
      <c r="AC42392">
        <v>128</v>
      </c>
      <c r="AD42392">
        <v>130</v>
      </c>
      <c r="AE42392">
        <v>132</v>
      </c>
      <c r="AF42392">
        <v>132</v>
      </c>
      <c r="AG42392">
        <v>133</v>
      </c>
      <c r="AH42392">
        <v>134</v>
      </c>
      <c r="AI42392">
        <v>134</v>
      </c>
      <c r="AJ42392">
        <v>135</v>
      </c>
      <c r="AK42392">
        <v>135</v>
      </c>
      <c r="AL42392">
        <v>136</v>
      </c>
      <c r="AM42392">
        <v>137</v>
      </c>
      <c r="AN42392">
        <v>137</v>
      </c>
      <c r="AO42392">
        <v>138</v>
      </c>
      <c r="AP42392">
        <v>138</v>
      </c>
      <c r="AQ42392">
        <v>139</v>
      </c>
    </row>
    <row r="42393" spans="1:43">
      <c r="A42393" t="s">
        <v>26011</v>
      </c>
      <c r="B42393" t="s">
        <v>26012</v>
      </c>
      <c r="C42393" t="s">
        <v>7858</v>
      </c>
      <c r="D42393" t="s">
        <v>7859</v>
      </c>
      <c r="E42393" t="s">
        <v>7646</v>
      </c>
      <c r="F42393" t="s">
        <v>7647</v>
      </c>
      <c r="G42393" t="s">
        <v>80</v>
      </c>
      <c r="H42393" t="s">
        <v>81</v>
      </c>
      <c r="I42393" s="2">
        <v>0</v>
      </c>
      <c r="J42393" s="2">
        <v>1</v>
      </c>
      <c r="K42393" s="2">
        <v>0</v>
      </c>
      <c r="L42393" t="s">
        <v>82</v>
      </c>
      <c r="M42393" t="s">
        <v>83</v>
      </c>
      <c r="N42393" t="s">
        <v>91</v>
      </c>
      <c r="O42393" t="s">
        <v>85</v>
      </c>
      <c r="P42393" t="s">
        <v>86</v>
      </c>
      <c r="Q42393">
        <v>98</v>
      </c>
      <c r="R42393">
        <v>100</v>
      </c>
      <c r="S42393">
        <v>102</v>
      </c>
      <c r="T42393">
        <v>103</v>
      </c>
      <c r="U42393">
        <v>105</v>
      </c>
      <c r="V42393">
        <v>107</v>
      </c>
      <c r="W42393">
        <v>109</v>
      </c>
      <c r="X42393">
        <v>111</v>
      </c>
      <c r="Y42393">
        <v>113</v>
      </c>
      <c r="Z42393">
        <v>114</v>
      </c>
      <c r="AA42393">
        <v>116</v>
      </c>
      <c r="AB42393">
        <v>118</v>
      </c>
      <c r="AC42393">
        <v>120</v>
      </c>
      <c r="AD42393">
        <v>122</v>
      </c>
      <c r="AE42393">
        <v>124</v>
      </c>
      <c r="AF42393">
        <v>125</v>
      </c>
      <c r="AG42393">
        <v>127</v>
      </c>
      <c r="AH42393">
        <v>129</v>
      </c>
      <c r="AI42393">
        <v>131</v>
      </c>
      <c r="AJ42393">
        <v>133</v>
      </c>
      <c r="AK42393">
        <v>135</v>
      </c>
      <c r="AL42393">
        <v>136</v>
      </c>
      <c r="AM42393">
        <v>136</v>
      </c>
      <c r="AN42393">
        <v>137</v>
      </c>
      <c r="AO42393">
        <v>137</v>
      </c>
      <c r="AP42393">
        <v>138</v>
      </c>
      <c r="AQ42393">
        <v>139</v>
      </c>
    </row>
    <row r="42394" spans="1:43">
      <c r="A42394" t="s">
        <v>26013</v>
      </c>
      <c r="B42394" t="s">
        <v>26014</v>
      </c>
      <c r="C42394" t="s">
        <v>9366</v>
      </c>
      <c r="D42394" t="s">
        <v>9367</v>
      </c>
      <c r="E42394" t="s">
        <v>9202</v>
      </c>
      <c r="F42394" t="s">
        <v>9203</v>
      </c>
      <c r="G42394" t="s">
        <v>80</v>
      </c>
      <c r="H42394" t="s">
        <v>81</v>
      </c>
      <c r="I42394" s="2">
        <v>0</v>
      </c>
      <c r="J42394" s="2">
        <v>1</v>
      </c>
      <c r="K42394" s="2">
        <v>0</v>
      </c>
      <c r="L42394" t="s">
        <v>82</v>
      </c>
      <c r="M42394" t="s">
        <v>83</v>
      </c>
      <c r="N42394" t="s">
        <v>84</v>
      </c>
      <c r="O42394" t="s">
        <v>85</v>
      </c>
      <c r="P42394" t="s">
        <v>86</v>
      </c>
      <c r="Q42394">
        <v>18</v>
      </c>
      <c r="R42394">
        <v>18</v>
      </c>
      <c r="S42394">
        <v>18</v>
      </c>
      <c r="T42394">
        <v>19</v>
      </c>
      <c r="U42394">
        <v>19</v>
      </c>
      <c r="V42394">
        <v>20</v>
      </c>
      <c r="W42394">
        <v>20</v>
      </c>
      <c r="X42394">
        <v>21</v>
      </c>
      <c r="Y42394">
        <v>21</v>
      </c>
      <c r="Z42394">
        <v>22</v>
      </c>
      <c r="AA42394">
        <v>22</v>
      </c>
      <c r="AB42394">
        <v>23</v>
      </c>
      <c r="AC42394">
        <v>23</v>
      </c>
      <c r="AD42394">
        <v>23</v>
      </c>
      <c r="AE42394">
        <v>24</v>
      </c>
      <c r="AF42394">
        <v>24</v>
      </c>
      <c r="AG42394">
        <v>25</v>
      </c>
      <c r="AH42394">
        <v>25</v>
      </c>
      <c r="AI42394">
        <v>26</v>
      </c>
      <c r="AJ42394">
        <v>26</v>
      </c>
      <c r="AK42394">
        <v>27</v>
      </c>
      <c r="AL42394">
        <v>27</v>
      </c>
      <c r="AM42394">
        <v>28</v>
      </c>
      <c r="AN42394">
        <v>28</v>
      </c>
      <c r="AO42394">
        <v>28</v>
      </c>
      <c r="AP42394">
        <v>28</v>
      </c>
      <c r="AQ42394">
        <v>29</v>
      </c>
    </row>
    <row r="42395" spans="1:43">
      <c r="A42395" t="s">
        <v>26013</v>
      </c>
      <c r="B42395" t="s">
        <v>26014</v>
      </c>
      <c r="C42395" t="s">
        <v>9366</v>
      </c>
      <c r="D42395" t="s">
        <v>9367</v>
      </c>
      <c r="E42395" t="s">
        <v>9202</v>
      </c>
      <c r="F42395" t="s">
        <v>9203</v>
      </c>
      <c r="G42395" t="s">
        <v>80</v>
      </c>
      <c r="H42395" t="s">
        <v>81</v>
      </c>
      <c r="I42395" s="2">
        <v>0</v>
      </c>
      <c r="J42395" s="2">
        <v>1</v>
      </c>
      <c r="K42395" s="2">
        <v>0</v>
      </c>
      <c r="L42395" t="s">
        <v>82</v>
      </c>
      <c r="M42395" t="s">
        <v>87</v>
      </c>
      <c r="N42395" t="s">
        <v>88</v>
      </c>
      <c r="O42395" t="s">
        <v>85</v>
      </c>
      <c r="P42395" t="s">
        <v>86</v>
      </c>
      <c r="Q42395">
        <v>18</v>
      </c>
      <c r="R42395">
        <v>19</v>
      </c>
      <c r="S42395">
        <v>19</v>
      </c>
      <c r="T42395">
        <v>19</v>
      </c>
      <c r="U42395">
        <v>20</v>
      </c>
      <c r="V42395">
        <v>20</v>
      </c>
      <c r="W42395">
        <v>20</v>
      </c>
      <c r="X42395">
        <v>20</v>
      </c>
      <c r="Y42395">
        <v>21</v>
      </c>
      <c r="Z42395">
        <v>21</v>
      </c>
      <c r="AA42395">
        <v>21</v>
      </c>
      <c r="AB42395">
        <v>21</v>
      </c>
      <c r="AC42395">
        <v>22</v>
      </c>
      <c r="AD42395">
        <v>22</v>
      </c>
      <c r="AE42395">
        <v>22</v>
      </c>
      <c r="AF42395">
        <v>22</v>
      </c>
      <c r="AG42395">
        <v>23</v>
      </c>
      <c r="AH42395">
        <v>23</v>
      </c>
      <c r="AI42395">
        <v>23</v>
      </c>
      <c r="AJ42395">
        <v>24</v>
      </c>
      <c r="AK42395">
        <v>24</v>
      </c>
      <c r="AL42395">
        <v>24</v>
      </c>
      <c r="AM42395">
        <v>25</v>
      </c>
      <c r="AN42395">
        <v>25</v>
      </c>
      <c r="AO42395">
        <v>25</v>
      </c>
      <c r="AP42395">
        <v>25</v>
      </c>
      <c r="AQ42395">
        <v>26</v>
      </c>
    </row>
    <row r="42396" spans="1:43">
      <c r="A42396" t="s">
        <v>26013</v>
      </c>
      <c r="B42396" t="s">
        <v>26014</v>
      </c>
      <c r="C42396" t="s">
        <v>9366</v>
      </c>
      <c r="D42396" t="s">
        <v>9367</v>
      </c>
      <c r="E42396" t="s">
        <v>9202</v>
      </c>
      <c r="F42396" t="s">
        <v>9203</v>
      </c>
      <c r="G42396" t="s">
        <v>80</v>
      </c>
      <c r="H42396" t="s">
        <v>81</v>
      </c>
      <c r="I42396" s="2">
        <v>0</v>
      </c>
      <c r="J42396" s="2">
        <v>1</v>
      </c>
      <c r="K42396" s="2">
        <v>0</v>
      </c>
      <c r="L42396" t="s">
        <v>82</v>
      </c>
      <c r="M42396" t="s">
        <v>89</v>
      </c>
      <c r="N42396" t="s">
        <v>90</v>
      </c>
      <c r="O42396" t="s">
        <v>85</v>
      </c>
      <c r="P42396" t="s">
        <v>86</v>
      </c>
      <c r="Q42396">
        <v>18</v>
      </c>
      <c r="R42396">
        <v>18</v>
      </c>
      <c r="S42396">
        <v>19</v>
      </c>
      <c r="T42396">
        <v>20</v>
      </c>
      <c r="U42396">
        <v>20</v>
      </c>
      <c r="V42396">
        <v>21</v>
      </c>
      <c r="W42396">
        <v>21</v>
      </c>
      <c r="X42396">
        <v>22</v>
      </c>
      <c r="Y42396">
        <v>22</v>
      </c>
      <c r="Z42396">
        <v>23</v>
      </c>
      <c r="AA42396">
        <v>24</v>
      </c>
      <c r="AB42396">
        <v>24</v>
      </c>
      <c r="AC42396">
        <v>25</v>
      </c>
      <c r="AD42396">
        <v>25</v>
      </c>
      <c r="AE42396">
        <v>26</v>
      </c>
      <c r="AF42396">
        <v>26</v>
      </c>
      <c r="AG42396">
        <v>26</v>
      </c>
      <c r="AH42396">
        <v>27</v>
      </c>
      <c r="AI42396">
        <v>27</v>
      </c>
      <c r="AJ42396">
        <v>27</v>
      </c>
      <c r="AK42396">
        <v>27</v>
      </c>
      <c r="AL42396">
        <v>28</v>
      </c>
      <c r="AM42396">
        <v>28</v>
      </c>
      <c r="AN42396">
        <v>28</v>
      </c>
      <c r="AO42396">
        <v>28</v>
      </c>
      <c r="AP42396">
        <v>29</v>
      </c>
      <c r="AQ42396">
        <v>29</v>
      </c>
    </row>
    <row r="42397" spans="1:43">
      <c r="A42397" t="s">
        <v>26013</v>
      </c>
      <c r="B42397" t="s">
        <v>26014</v>
      </c>
      <c r="C42397" t="s">
        <v>9366</v>
      </c>
      <c r="D42397" t="s">
        <v>9367</v>
      </c>
      <c r="E42397" t="s">
        <v>9202</v>
      </c>
      <c r="F42397" t="s">
        <v>9203</v>
      </c>
      <c r="G42397" t="s">
        <v>80</v>
      </c>
      <c r="H42397" t="s">
        <v>81</v>
      </c>
      <c r="I42397" s="2">
        <v>0</v>
      </c>
      <c r="J42397" s="2">
        <v>1</v>
      </c>
      <c r="K42397" s="2">
        <v>0</v>
      </c>
      <c r="L42397" t="s">
        <v>82</v>
      </c>
      <c r="M42397" t="s">
        <v>83</v>
      </c>
      <c r="N42397" t="s">
        <v>91</v>
      </c>
      <c r="O42397" t="s">
        <v>85</v>
      </c>
      <c r="P42397" t="s">
        <v>86</v>
      </c>
      <c r="Q42397">
        <v>18</v>
      </c>
      <c r="R42397">
        <v>18</v>
      </c>
      <c r="S42397">
        <v>18</v>
      </c>
      <c r="T42397">
        <v>19</v>
      </c>
      <c r="U42397">
        <v>19</v>
      </c>
      <c r="V42397">
        <v>20</v>
      </c>
      <c r="W42397">
        <v>20</v>
      </c>
      <c r="X42397">
        <v>21</v>
      </c>
      <c r="Y42397">
        <v>21</v>
      </c>
      <c r="Z42397">
        <v>22</v>
      </c>
      <c r="AA42397">
        <v>22</v>
      </c>
      <c r="AB42397">
        <v>23</v>
      </c>
      <c r="AC42397">
        <v>23</v>
      </c>
      <c r="AD42397">
        <v>23</v>
      </c>
      <c r="AE42397">
        <v>24</v>
      </c>
      <c r="AF42397">
        <v>24</v>
      </c>
      <c r="AG42397">
        <v>25</v>
      </c>
      <c r="AH42397">
        <v>25</v>
      </c>
      <c r="AI42397">
        <v>26</v>
      </c>
      <c r="AJ42397">
        <v>26</v>
      </c>
      <c r="AK42397">
        <v>27</v>
      </c>
      <c r="AL42397">
        <v>27</v>
      </c>
      <c r="AM42397">
        <v>28</v>
      </c>
      <c r="AN42397">
        <v>28</v>
      </c>
      <c r="AO42397">
        <v>28</v>
      </c>
      <c r="AP42397">
        <v>28</v>
      </c>
      <c r="AQ42397">
        <v>29</v>
      </c>
    </row>
    <row r="42398" spans="1:43">
      <c r="A42398" t="s">
        <v>26015</v>
      </c>
      <c r="B42398" t="s">
        <v>26016</v>
      </c>
      <c r="C42398" t="s">
        <v>9366</v>
      </c>
      <c r="D42398" t="s">
        <v>9367</v>
      </c>
      <c r="E42398" t="s">
        <v>9202</v>
      </c>
      <c r="F42398" t="s">
        <v>9203</v>
      </c>
      <c r="G42398" t="s">
        <v>80</v>
      </c>
      <c r="H42398" t="s">
        <v>81</v>
      </c>
      <c r="I42398" s="2">
        <v>0</v>
      </c>
      <c r="J42398" s="2">
        <v>1</v>
      </c>
      <c r="K42398" s="2">
        <v>0</v>
      </c>
      <c r="L42398" t="s">
        <v>82</v>
      </c>
      <c r="M42398" t="s">
        <v>83</v>
      </c>
      <c r="N42398" t="s">
        <v>84</v>
      </c>
      <c r="O42398" t="s">
        <v>85</v>
      </c>
      <c r="P42398" t="s">
        <v>86</v>
      </c>
      <c r="Q42398">
        <v>15</v>
      </c>
      <c r="R42398">
        <v>15</v>
      </c>
      <c r="S42398">
        <v>16</v>
      </c>
      <c r="T42398">
        <v>16</v>
      </c>
      <c r="U42398">
        <v>16</v>
      </c>
      <c r="V42398">
        <v>17</v>
      </c>
      <c r="W42398">
        <v>17</v>
      </c>
      <c r="X42398">
        <v>18</v>
      </c>
      <c r="Y42398">
        <v>18</v>
      </c>
      <c r="Z42398">
        <v>18</v>
      </c>
      <c r="AA42398">
        <v>19</v>
      </c>
      <c r="AB42398">
        <v>19</v>
      </c>
      <c r="AC42398">
        <v>20</v>
      </c>
      <c r="AD42398">
        <v>20</v>
      </c>
      <c r="AE42398">
        <v>20</v>
      </c>
      <c r="AF42398">
        <v>21</v>
      </c>
      <c r="AG42398">
        <v>21</v>
      </c>
      <c r="AH42398">
        <v>22</v>
      </c>
      <c r="AI42398">
        <v>22</v>
      </c>
      <c r="AJ42398">
        <v>22</v>
      </c>
      <c r="AK42398">
        <v>23</v>
      </c>
      <c r="AL42398">
        <v>23</v>
      </c>
      <c r="AM42398">
        <v>23</v>
      </c>
      <c r="AN42398">
        <v>24</v>
      </c>
      <c r="AO42398">
        <v>24</v>
      </c>
      <c r="AP42398">
        <v>24</v>
      </c>
      <c r="AQ42398">
        <v>24</v>
      </c>
    </row>
    <row r="42399" spans="1:43">
      <c r="A42399" t="s">
        <v>26015</v>
      </c>
      <c r="B42399" t="s">
        <v>26016</v>
      </c>
      <c r="C42399" t="s">
        <v>9366</v>
      </c>
      <c r="D42399" t="s">
        <v>9367</v>
      </c>
      <c r="E42399" t="s">
        <v>9202</v>
      </c>
      <c r="F42399" t="s">
        <v>9203</v>
      </c>
      <c r="G42399" t="s">
        <v>80</v>
      </c>
      <c r="H42399" t="s">
        <v>81</v>
      </c>
      <c r="I42399" s="2">
        <v>0</v>
      </c>
      <c r="J42399" s="2">
        <v>1</v>
      </c>
      <c r="K42399" s="2">
        <v>0</v>
      </c>
      <c r="L42399" t="s">
        <v>82</v>
      </c>
      <c r="M42399" t="s">
        <v>87</v>
      </c>
      <c r="N42399" t="s">
        <v>88</v>
      </c>
      <c r="O42399" t="s">
        <v>85</v>
      </c>
      <c r="P42399" t="s">
        <v>86</v>
      </c>
      <c r="Q42399">
        <v>15</v>
      </c>
      <c r="R42399">
        <v>15</v>
      </c>
      <c r="S42399">
        <v>15</v>
      </c>
      <c r="T42399">
        <v>15</v>
      </c>
      <c r="U42399">
        <v>16</v>
      </c>
      <c r="V42399">
        <v>16</v>
      </c>
      <c r="W42399">
        <v>16</v>
      </c>
      <c r="X42399">
        <v>16</v>
      </c>
      <c r="Y42399">
        <v>17</v>
      </c>
      <c r="Z42399">
        <v>17</v>
      </c>
      <c r="AA42399">
        <v>17</v>
      </c>
      <c r="AB42399">
        <v>17</v>
      </c>
      <c r="AC42399">
        <v>18</v>
      </c>
      <c r="AD42399">
        <v>18</v>
      </c>
      <c r="AE42399">
        <v>18</v>
      </c>
      <c r="AF42399">
        <v>18</v>
      </c>
      <c r="AG42399">
        <v>18</v>
      </c>
      <c r="AH42399">
        <v>19</v>
      </c>
      <c r="AI42399">
        <v>19</v>
      </c>
      <c r="AJ42399">
        <v>19</v>
      </c>
      <c r="AK42399">
        <v>19</v>
      </c>
      <c r="AL42399">
        <v>20</v>
      </c>
      <c r="AM42399">
        <v>20</v>
      </c>
      <c r="AN42399">
        <v>20</v>
      </c>
      <c r="AO42399">
        <v>21</v>
      </c>
      <c r="AP42399">
        <v>21</v>
      </c>
      <c r="AQ42399">
        <v>21</v>
      </c>
    </row>
    <row r="42400" spans="1:43">
      <c r="A42400" t="s">
        <v>26015</v>
      </c>
      <c r="B42400" t="s">
        <v>26016</v>
      </c>
      <c r="C42400" t="s">
        <v>9366</v>
      </c>
      <c r="D42400" t="s">
        <v>9367</v>
      </c>
      <c r="E42400" t="s">
        <v>9202</v>
      </c>
      <c r="F42400" t="s">
        <v>9203</v>
      </c>
      <c r="G42400" t="s">
        <v>80</v>
      </c>
      <c r="H42400" t="s">
        <v>81</v>
      </c>
      <c r="I42400" s="2">
        <v>0</v>
      </c>
      <c r="J42400" s="2">
        <v>1</v>
      </c>
      <c r="K42400" s="2">
        <v>0</v>
      </c>
      <c r="L42400" t="s">
        <v>82</v>
      </c>
      <c r="M42400" t="s">
        <v>89</v>
      </c>
      <c r="N42400" t="s">
        <v>90</v>
      </c>
      <c r="O42400" t="s">
        <v>85</v>
      </c>
      <c r="P42400" t="s">
        <v>86</v>
      </c>
      <c r="Q42400">
        <v>15</v>
      </c>
      <c r="R42400">
        <v>16</v>
      </c>
      <c r="S42400">
        <v>16</v>
      </c>
      <c r="T42400">
        <v>17</v>
      </c>
      <c r="U42400">
        <v>17</v>
      </c>
      <c r="V42400">
        <v>18</v>
      </c>
      <c r="W42400">
        <v>18</v>
      </c>
      <c r="X42400">
        <v>19</v>
      </c>
      <c r="Y42400">
        <v>19</v>
      </c>
      <c r="Z42400">
        <v>20</v>
      </c>
      <c r="AA42400">
        <v>20</v>
      </c>
      <c r="AB42400">
        <v>20</v>
      </c>
      <c r="AC42400">
        <v>21</v>
      </c>
      <c r="AD42400">
        <v>21</v>
      </c>
      <c r="AE42400">
        <v>22</v>
      </c>
      <c r="AF42400">
        <v>22</v>
      </c>
      <c r="AG42400">
        <v>22</v>
      </c>
      <c r="AH42400">
        <v>23</v>
      </c>
      <c r="AI42400">
        <v>23</v>
      </c>
      <c r="AJ42400">
        <v>23</v>
      </c>
      <c r="AK42400">
        <v>23</v>
      </c>
      <c r="AL42400">
        <v>23</v>
      </c>
      <c r="AM42400">
        <v>24</v>
      </c>
      <c r="AN42400">
        <v>24</v>
      </c>
      <c r="AO42400">
        <v>24</v>
      </c>
      <c r="AP42400">
        <v>24</v>
      </c>
      <c r="AQ42400">
        <v>24</v>
      </c>
    </row>
    <row r="42401" spans="1:43">
      <c r="A42401" t="s">
        <v>26015</v>
      </c>
      <c r="B42401" t="s">
        <v>26016</v>
      </c>
      <c r="C42401" t="s">
        <v>9366</v>
      </c>
      <c r="D42401" t="s">
        <v>9367</v>
      </c>
      <c r="E42401" t="s">
        <v>9202</v>
      </c>
      <c r="F42401" t="s">
        <v>9203</v>
      </c>
      <c r="G42401" t="s">
        <v>80</v>
      </c>
      <c r="H42401" t="s">
        <v>81</v>
      </c>
      <c r="I42401" s="2">
        <v>0</v>
      </c>
      <c r="J42401" s="2">
        <v>1</v>
      </c>
      <c r="K42401" s="2">
        <v>0</v>
      </c>
      <c r="L42401" t="s">
        <v>82</v>
      </c>
      <c r="M42401" t="s">
        <v>83</v>
      </c>
      <c r="N42401" t="s">
        <v>91</v>
      </c>
      <c r="O42401" t="s">
        <v>85</v>
      </c>
      <c r="P42401" t="s">
        <v>86</v>
      </c>
      <c r="Q42401">
        <v>15</v>
      </c>
      <c r="R42401">
        <v>15</v>
      </c>
      <c r="S42401">
        <v>16</v>
      </c>
      <c r="T42401">
        <v>16</v>
      </c>
      <c r="U42401">
        <v>16</v>
      </c>
      <c r="V42401">
        <v>17</v>
      </c>
      <c r="W42401">
        <v>17</v>
      </c>
      <c r="X42401">
        <v>18</v>
      </c>
      <c r="Y42401">
        <v>18</v>
      </c>
      <c r="Z42401">
        <v>18</v>
      </c>
      <c r="AA42401">
        <v>19</v>
      </c>
      <c r="AB42401">
        <v>19</v>
      </c>
      <c r="AC42401">
        <v>20</v>
      </c>
      <c r="AD42401">
        <v>20</v>
      </c>
      <c r="AE42401">
        <v>20</v>
      </c>
      <c r="AF42401">
        <v>21</v>
      </c>
      <c r="AG42401">
        <v>21</v>
      </c>
      <c r="AH42401">
        <v>22</v>
      </c>
      <c r="AI42401">
        <v>22</v>
      </c>
      <c r="AJ42401">
        <v>22</v>
      </c>
      <c r="AK42401">
        <v>23</v>
      </c>
      <c r="AL42401">
        <v>23</v>
      </c>
      <c r="AM42401">
        <v>23</v>
      </c>
      <c r="AN42401">
        <v>24</v>
      </c>
      <c r="AO42401">
        <v>24</v>
      </c>
      <c r="AP42401">
        <v>24</v>
      </c>
      <c r="AQ42401">
        <v>24</v>
      </c>
    </row>
    <row r="42402" spans="1:43">
      <c r="A42402" t="s">
        <v>26017</v>
      </c>
      <c r="B42402" t="s">
        <v>26018</v>
      </c>
      <c r="C42402" t="s">
        <v>9304</v>
      </c>
      <c r="D42402" t="s">
        <v>9305</v>
      </c>
      <c r="E42402" t="s">
        <v>9202</v>
      </c>
      <c r="F42402" t="s">
        <v>9203</v>
      </c>
      <c r="G42402" t="s">
        <v>80</v>
      </c>
      <c r="H42402" t="s">
        <v>81</v>
      </c>
      <c r="I42402" s="2">
        <v>0</v>
      </c>
      <c r="J42402" s="2">
        <v>1</v>
      </c>
      <c r="K42402" s="2">
        <v>0</v>
      </c>
      <c r="L42402" t="s">
        <v>82</v>
      </c>
      <c r="M42402" t="s">
        <v>83</v>
      </c>
      <c r="N42402" t="s">
        <v>84</v>
      </c>
      <c r="O42402" t="s">
        <v>85</v>
      </c>
      <c r="P42402" t="s">
        <v>86</v>
      </c>
      <c r="Q42402">
        <v>23</v>
      </c>
      <c r="R42402">
        <v>24</v>
      </c>
      <c r="S42402">
        <v>25</v>
      </c>
      <c r="T42402">
        <v>25</v>
      </c>
      <c r="U42402">
        <v>26</v>
      </c>
      <c r="V42402">
        <v>26</v>
      </c>
      <c r="W42402">
        <v>27</v>
      </c>
      <c r="X42402">
        <v>28</v>
      </c>
      <c r="Y42402">
        <v>28</v>
      </c>
      <c r="Z42402">
        <v>29</v>
      </c>
      <c r="AA42402">
        <v>29</v>
      </c>
      <c r="AB42402">
        <v>30</v>
      </c>
      <c r="AC42402">
        <v>31</v>
      </c>
      <c r="AD42402">
        <v>31</v>
      </c>
      <c r="AE42402">
        <v>32</v>
      </c>
      <c r="AF42402">
        <v>32</v>
      </c>
      <c r="AG42402">
        <v>33</v>
      </c>
      <c r="AH42402">
        <v>34</v>
      </c>
      <c r="AI42402">
        <v>34</v>
      </c>
      <c r="AJ42402">
        <v>35</v>
      </c>
      <c r="AK42402">
        <v>36</v>
      </c>
      <c r="AL42402">
        <v>36</v>
      </c>
      <c r="AM42402">
        <v>36</v>
      </c>
      <c r="AN42402">
        <v>37</v>
      </c>
      <c r="AO42402">
        <v>37</v>
      </c>
      <c r="AP42402">
        <v>38</v>
      </c>
      <c r="AQ42402">
        <v>38</v>
      </c>
    </row>
    <row r="42403" spans="1:43">
      <c r="A42403" t="s">
        <v>26017</v>
      </c>
      <c r="B42403" t="s">
        <v>26018</v>
      </c>
      <c r="C42403" t="s">
        <v>9304</v>
      </c>
      <c r="D42403" t="s">
        <v>9305</v>
      </c>
      <c r="E42403" t="s">
        <v>9202</v>
      </c>
      <c r="F42403" t="s">
        <v>9203</v>
      </c>
      <c r="G42403" t="s">
        <v>80</v>
      </c>
      <c r="H42403" t="s">
        <v>81</v>
      </c>
      <c r="I42403" s="2">
        <v>0</v>
      </c>
      <c r="J42403" s="2">
        <v>1</v>
      </c>
      <c r="K42403" s="2">
        <v>0</v>
      </c>
      <c r="L42403" t="s">
        <v>82</v>
      </c>
      <c r="M42403" t="s">
        <v>87</v>
      </c>
      <c r="N42403" t="s">
        <v>88</v>
      </c>
      <c r="O42403" t="s">
        <v>85</v>
      </c>
      <c r="P42403" t="s">
        <v>86</v>
      </c>
      <c r="Q42403">
        <v>23</v>
      </c>
      <c r="R42403">
        <v>24</v>
      </c>
      <c r="S42403">
        <v>24</v>
      </c>
      <c r="T42403">
        <v>24</v>
      </c>
      <c r="U42403">
        <v>25</v>
      </c>
      <c r="V42403">
        <v>25</v>
      </c>
      <c r="W42403">
        <v>25</v>
      </c>
      <c r="X42403">
        <v>26</v>
      </c>
      <c r="Y42403">
        <v>26</v>
      </c>
      <c r="Z42403">
        <v>26</v>
      </c>
      <c r="AA42403">
        <v>27</v>
      </c>
      <c r="AB42403">
        <v>27</v>
      </c>
      <c r="AC42403">
        <v>27</v>
      </c>
      <c r="AD42403">
        <v>28</v>
      </c>
      <c r="AE42403">
        <v>28</v>
      </c>
      <c r="AF42403">
        <v>29</v>
      </c>
      <c r="AG42403">
        <v>29</v>
      </c>
      <c r="AH42403">
        <v>29</v>
      </c>
      <c r="AI42403">
        <v>30</v>
      </c>
      <c r="AJ42403">
        <v>30</v>
      </c>
      <c r="AK42403">
        <v>30</v>
      </c>
      <c r="AL42403">
        <v>31</v>
      </c>
      <c r="AM42403">
        <v>31</v>
      </c>
      <c r="AN42403">
        <v>32</v>
      </c>
      <c r="AO42403">
        <v>32</v>
      </c>
      <c r="AP42403">
        <v>32</v>
      </c>
      <c r="AQ42403">
        <v>33</v>
      </c>
    </row>
    <row r="42404" spans="1:43">
      <c r="A42404" t="s">
        <v>26017</v>
      </c>
      <c r="B42404" t="s">
        <v>26018</v>
      </c>
      <c r="C42404" t="s">
        <v>9304</v>
      </c>
      <c r="D42404" t="s">
        <v>9305</v>
      </c>
      <c r="E42404" t="s">
        <v>9202</v>
      </c>
      <c r="F42404" t="s">
        <v>9203</v>
      </c>
      <c r="G42404" t="s">
        <v>80</v>
      </c>
      <c r="H42404" t="s">
        <v>81</v>
      </c>
      <c r="I42404" s="2">
        <v>0</v>
      </c>
      <c r="J42404" s="2">
        <v>1</v>
      </c>
      <c r="K42404" s="2">
        <v>0</v>
      </c>
      <c r="L42404" t="s">
        <v>82</v>
      </c>
      <c r="M42404" t="s">
        <v>89</v>
      </c>
      <c r="N42404" t="s">
        <v>90</v>
      </c>
      <c r="O42404" t="s">
        <v>85</v>
      </c>
      <c r="P42404" t="s">
        <v>86</v>
      </c>
      <c r="Q42404">
        <v>23</v>
      </c>
      <c r="R42404">
        <v>23</v>
      </c>
      <c r="S42404">
        <v>24</v>
      </c>
      <c r="T42404">
        <v>25</v>
      </c>
      <c r="U42404">
        <v>26</v>
      </c>
      <c r="V42404">
        <v>27</v>
      </c>
      <c r="W42404">
        <v>27</v>
      </c>
      <c r="X42404">
        <v>28</v>
      </c>
      <c r="Y42404">
        <v>29</v>
      </c>
      <c r="Z42404">
        <v>30</v>
      </c>
      <c r="AA42404">
        <v>30</v>
      </c>
      <c r="AB42404">
        <v>31</v>
      </c>
      <c r="AC42404">
        <v>32</v>
      </c>
      <c r="AD42404">
        <v>32</v>
      </c>
      <c r="AE42404">
        <v>33</v>
      </c>
      <c r="AF42404">
        <v>33</v>
      </c>
      <c r="AG42404">
        <v>34</v>
      </c>
      <c r="AH42404">
        <v>34</v>
      </c>
      <c r="AI42404">
        <v>34</v>
      </c>
      <c r="AJ42404">
        <v>35</v>
      </c>
      <c r="AK42404">
        <v>35</v>
      </c>
      <c r="AL42404">
        <v>35</v>
      </c>
      <c r="AM42404">
        <v>36</v>
      </c>
      <c r="AN42404">
        <v>36</v>
      </c>
      <c r="AO42404">
        <v>37</v>
      </c>
      <c r="AP42404">
        <v>37</v>
      </c>
      <c r="AQ42404">
        <v>37</v>
      </c>
    </row>
    <row r="42405" spans="1:43">
      <c r="A42405" t="s">
        <v>26017</v>
      </c>
      <c r="B42405" t="s">
        <v>26018</v>
      </c>
      <c r="C42405" t="s">
        <v>9304</v>
      </c>
      <c r="D42405" t="s">
        <v>9305</v>
      </c>
      <c r="E42405" t="s">
        <v>9202</v>
      </c>
      <c r="F42405" t="s">
        <v>9203</v>
      </c>
      <c r="G42405" t="s">
        <v>80</v>
      </c>
      <c r="H42405" t="s">
        <v>81</v>
      </c>
      <c r="I42405" s="2">
        <v>0</v>
      </c>
      <c r="J42405" s="2">
        <v>1</v>
      </c>
      <c r="K42405" s="2">
        <v>0</v>
      </c>
      <c r="L42405" t="s">
        <v>82</v>
      </c>
      <c r="M42405" t="s">
        <v>83</v>
      </c>
      <c r="N42405" t="s">
        <v>91</v>
      </c>
      <c r="O42405" t="s">
        <v>85</v>
      </c>
      <c r="P42405" t="s">
        <v>86</v>
      </c>
      <c r="Q42405">
        <v>23</v>
      </c>
      <c r="R42405">
        <v>24</v>
      </c>
      <c r="S42405">
        <v>25</v>
      </c>
      <c r="T42405">
        <v>25</v>
      </c>
      <c r="U42405">
        <v>26</v>
      </c>
      <c r="V42405">
        <v>26</v>
      </c>
      <c r="W42405">
        <v>27</v>
      </c>
      <c r="X42405">
        <v>28</v>
      </c>
      <c r="Y42405">
        <v>28</v>
      </c>
      <c r="Z42405">
        <v>29</v>
      </c>
      <c r="AA42405">
        <v>29</v>
      </c>
      <c r="AB42405">
        <v>30</v>
      </c>
      <c r="AC42405">
        <v>31</v>
      </c>
      <c r="AD42405">
        <v>31</v>
      </c>
      <c r="AE42405">
        <v>32</v>
      </c>
      <c r="AF42405">
        <v>32</v>
      </c>
      <c r="AG42405">
        <v>33</v>
      </c>
      <c r="AH42405">
        <v>34</v>
      </c>
      <c r="AI42405">
        <v>34</v>
      </c>
      <c r="AJ42405">
        <v>35</v>
      </c>
      <c r="AK42405">
        <v>36</v>
      </c>
      <c r="AL42405">
        <v>36</v>
      </c>
      <c r="AM42405">
        <v>36</v>
      </c>
      <c r="AN42405">
        <v>37</v>
      </c>
      <c r="AO42405">
        <v>37</v>
      </c>
      <c r="AP42405">
        <v>38</v>
      </c>
      <c r="AQ42405">
        <v>38</v>
      </c>
    </row>
    <row r="42406" spans="1:43">
      <c r="A42406" t="s">
        <v>26019</v>
      </c>
      <c r="B42406" t="s">
        <v>26020</v>
      </c>
      <c r="C42406" t="s">
        <v>9304</v>
      </c>
      <c r="D42406" t="s">
        <v>9305</v>
      </c>
      <c r="E42406" t="s">
        <v>9202</v>
      </c>
      <c r="F42406" t="s">
        <v>9203</v>
      </c>
      <c r="G42406" t="s">
        <v>80</v>
      </c>
      <c r="H42406" t="s">
        <v>81</v>
      </c>
      <c r="I42406" s="2">
        <v>0</v>
      </c>
      <c r="J42406" s="2">
        <v>1</v>
      </c>
      <c r="K42406" s="2">
        <v>0</v>
      </c>
      <c r="L42406" t="s">
        <v>82</v>
      </c>
      <c r="M42406" t="s">
        <v>83</v>
      </c>
      <c r="N42406" t="s">
        <v>84</v>
      </c>
      <c r="O42406" t="s">
        <v>85</v>
      </c>
      <c r="P42406" t="s">
        <v>86</v>
      </c>
      <c r="Q42406">
        <v>44</v>
      </c>
      <c r="R42406">
        <v>45</v>
      </c>
      <c r="S42406">
        <v>46</v>
      </c>
      <c r="T42406">
        <v>47</v>
      </c>
      <c r="U42406">
        <v>48</v>
      </c>
      <c r="V42406">
        <v>49</v>
      </c>
      <c r="W42406">
        <v>50</v>
      </c>
      <c r="X42406">
        <v>51</v>
      </c>
      <c r="Y42406">
        <v>52</v>
      </c>
      <c r="Z42406">
        <v>53</v>
      </c>
      <c r="AA42406">
        <v>55</v>
      </c>
      <c r="AB42406">
        <v>56</v>
      </c>
      <c r="AC42406">
        <v>57</v>
      </c>
      <c r="AD42406">
        <v>58</v>
      </c>
      <c r="AE42406">
        <v>59</v>
      </c>
      <c r="AF42406">
        <v>60</v>
      </c>
      <c r="AG42406">
        <v>62</v>
      </c>
      <c r="AH42406">
        <v>63</v>
      </c>
      <c r="AI42406">
        <v>64</v>
      </c>
      <c r="AJ42406">
        <v>65</v>
      </c>
      <c r="AK42406">
        <v>66</v>
      </c>
      <c r="AL42406">
        <v>67</v>
      </c>
      <c r="AM42406">
        <v>68</v>
      </c>
      <c r="AN42406">
        <v>69</v>
      </c>
      <c r="AO42406">
        <v>69</v>
      </c>
      <c r="AP42406">
        <v>70</v>
      </c>
      <c r="AQ42406">
        <v>71</v>
      </c>
    </row>
    <row r="42407" spans="1:43">
      <c r="A42407" t="s">
        <v>26019</v>
      </c>
      <c r="B42407" t="s">
        <v>26020</v>
      </c>
      <c r="C42407" t="s">
        <v>9304</v>
      </c>
      <c r="D42407" t="s">
        <v>9305</v>
      </c>
      <c r="E42407" t="s">
        <v>9202</v>
      </c>
      <c r="F42407" t="s">
        <v>9203</v>
      </c>
      <c r="G42407" t="s">
        <v>80</v>
      </c>
      <c r="H42407" t="s">
        <v>81</v>
      </c>
      <c r="I42407" s="2">
        <v>0</v>
      </c>
      <c r="J42407" s="2">
        <v>1</v>
      </c>
      <c r="K42407" s="2">
        <v>0</v>
      </c>
      <c r="L42407" t="s">
        <v>82</v>
      </c>
      <c r="M42407" t="s">
        <v>87</v>
      </c>
      <c r="N42407" t="s">
        <v>88</v>
      </c>
      <c r="O42407" t="s">
        <v>85</v>
      </c>
      <c r="P42407" t="s">
        <v>86</v>
      </c>
      <c r="Q42407">
        <v>44</v>
      </c>
      <c r="R42407">
        <v>45</v>
      </c>
      <c r="S42407">
        <v>46</v>
      </c>
      <c r="T42407">
        <v>46</v>
      </c>
      <c r="U42407">
        <v>47</v>
      </c>
      <c r="V42407">
        <v>47</v>
      </c>
      <c r="W42407">
        <v>48</v>
      </c>
      <c r="X42407">
        <v>49</v>
      </c>
      <c r="Y42407">
        <v>49</v>
      </c>
      <c r="Z42407">
        <v>50</v>
      </c>
      <c r="AA42407">
        <v>51</v>
      </c>
      <c r="AB42407">
        <v>51</v>
      </c>
      <c r="AC42407">
        <v>52</v>
      </c>
      <c r="AD42407">
        <v>53</v>
      </c>
      <c r="AE42407">
        <v>53</v>
      </c>
      <c r="AF42407">
        <v>54</v>
      </c>
      <c r="AG42407">
        <v>55</v>
      </c>
      <c r="AH42407">
        <v>56</v>
      </c>
      <c r="AI42407">
        <v>56</v>
      </c>
      <c r="AJ42407">
        <v>57</v>
      </c>
      <c r="AK42407">
        <v>58</v>
      </c>
      <c r="AL42407">
        <v>58</v>
      </c>
      <c r="AM42407">
        <v>59</v>
      </c>
      <c r="AN42407">
        <v>60</v>
      </c>
      <c r="AO42407">
        <v>61</v>
      </c>
      <c r="AP42407">
        <v>61</v>
      </c>
      <c r="AQ42407">
        <v>62</v>
      </c>
    </row>
    <row r="42408" spans="1:43">
      <c r="A42408" t="s">
        <v>26019</v>
      </c>
      <c r="B42408" t="s">
        <v>26020</v>
      </c>
      <c r="C42408" t="s">
        <v>9304</v>
      </c>
      <c r="D42408" t="s">
        <v>9305</v>
      </c>
      <c r="E42408" t="s">
        <v>9202</v>
      </c>
      <c r="F42408" t="s">
        <v>9203</v>
      </c>
      <c r="G42408" t="s">
        <v>80</v>
      </c>
      <c r="H42408" t="s">
        <v>81</v>
      </c>
      <c r="I42408" s="2">
        <v>0</v>
      </c>
      <c r="J42408" s="2">
        <v>1</v>
      </c>
      <c r="K42408" s="2">
        <v>0</v>
      </c>
      <c r="L42408" t="s">
        <v>82</v>
      </c>
      <c r="M42408" t="s">
        <v>89</v>
      </c>
      <c r="N42408" t="s">
        <v>90</v>
      </c>
      <c r="O42408" t="s">
        <v>85</v>
      </c>
      <c r="P42408" t="s">
        <v>86</v>
      </c>
      <c r="Q42408">
        <v>44</v>
      </c>
      <c r="R42408">
        <v>45</v>
      </c>
      <c r="S42408">
        <v>47</v>
      </c>
      <c r="T42408">
        <v>48</v>
      </c>
      <c r="U42408">
        <v>50</v>
      </c>
      <c r="V42408">
        <v>51</v>
      </c>
      <c r="W42408">
        <v>53</v>
      </c>
      <c r="X42408">
        <v>54</v>
      </c>
      <c r="Y42408">
        <v>55</v>
      </c>
      <c r="Z42408">
        <v>57</v>
      </c>
      <c r="AA42408">
        <v>58</v>
      </c>
      <c r="AB42408">
        <v>59</v>
      </c>
      <c r="AC42408">
        <v>61</v>
      </c>
      <c r="AD42408">
        <v>62</v>
      </c>
      <c r="AE42408">
        <v>63</v>
      </c>
      <c r="AF42408">
        <v>64</v>
      </c>
      <c r="AG42408">
        <v>65</v>
      </c>
      <c r="AH42408">
        <v>65</v>
      </c>
      <c r="AI42408">
        <v>66</v>
      </c>
      <c r="AJ42408">
        <v>67</v>
      </c>
      <c r="AK42408">
        <v>67</v>
      </c>
      <c r="AL42408">
        <v>68</v>
      </c>
      <c r="AM42408">
        <v>69</v>
      </c>
      <c r="AN42408">
        <v>69</v>
      </c>
      <c r="AO42408">
        <v>70</v>
      </c>
      <c r="AP42408">
        <v>70</v>
      </c>
      <c r="AQ42408">
        <v>71</v>
      </c>
    </row>
    <row r="42409" spans="1:43">
      <c r="A42409" t="s">
        <v>26019</v>
      </c>
      <c r="B42409" t="s">
        <v>26020</v>
      </c>
      <c r="C42409" t="s">
        <v>9304</v>
      </c>
      <c r="D42409" t="s">
        <v>9305</v>
      </c>
      <c r="E42409" t="s">
        <v>9202</v>
      </c>
      <c r="F42409" t="s">
        <v>9203</v>
      </c>
      <c r="G42409" t="s">
        <v>80</v>
      </c>
      <c r="H42409" t="s">
        <v>81</v>
      </c>
      <c r="I42409" s="2">
        <v>0</v>
      </c>
      <c r="J42409" s="2">
        <v>1</v>
      </c>
      <c r="K42409" s="2">
        <v>0</v>
      </c>
      <c r="L42409" t="s">
        <v>82</v>
      </c>
      <c r="M42409" t="s">
        <v>83</v>
      </c>
      <c r="N42409" t="s">
        <v>91</v>
      </c>
      <c r="O42409" t="s">
        <v>85</v>
      </c>
      <c r="P42409" t="s">
        <v>86</v>
      </c>
      <c r="Q42409">
        <v>44</v>
      </c>
      <c r="R42409">
        <v>45</v>
      </c>
      <c r="S42409">
        <v>46</v>
      </c>
      <c r="T42409">
        <v>47</v>
      </c>
      <c r="U42409">
        <v>48</v>
      </c>
      <c r="V42409">
        <v>49</v>
      </c>
      <c r="W42409">
        <v>50</v>
      </c>
      <c r="X42409">
        <v>51</v>
      </c>
      <c r="Y42409">
        <v>52</v>
      </c>
      <c r="Z42409">
        <v>53</v>
      </c>
      <c r="AA42409">
        <v>55</v>
      </c>
      <c r="AB42409">
        <v>56</v>
      </c>
      <c r="AC42409">
        <v>57</v>
      </c>
      <c r="AD42409">
        <v>58</v>
      </c>
      <c r="AE42409">
        <v>59</v>
      </c>
      <c r="AF42409">
        <v>60</v>
      </c>
      <c r="AG42409">
        <v>62</v>
      </c>
      <c r="AH42409">
        <v>63</v>
      </c>
      <c r="AI42409">
        <v>64</v>
      </c>
      <c r="AJ42409">
        <v>65</v>
      </c>
      <c r="AK42409">
        <v>66</v>
      </c>
      <c r="AL42409">
        <v>67</v>
      </c>
      <c r="AM42409">
        <v>68</v>
      </c>
      <c r="AN42409">
        <v>69</v>
      </c>
      <c r="AO42409">
        <v>69</v>
      </c>
      <c r="AP42409">
        <v>70</v>
      </c>
      <c r="AQ42409">
        <v>71</v>
      </c>
    </row>
    <row r="42410" spans="1:43">
      <c r="A42410" t="s">
        <v>26021</v>
      </c>
      <c r="B42410" t="s">
        <v>26022</v>
      </c>
      <c r="C42410" t="s">
        <v>21617</v>
      </c>
      <c r="D42410" t="s">
        <v>21618</v>
      </c>
      <c r="E42410" t="s">
        <v>21557</v>
      </c>
      <c r="F42410" t="s">
        <v>21558</v>
      </c>
      <c r="G42410" t="s">
        <v>20255</v>
      </c>
      <c r="H42410" t="s">
        <v>20256</v>
      </c>
      <c r="I42410" s="2">
        <v>1</v>
      </c>
      <c r="J42410" s="2">
        <v>0</v>
      </c>
      <c r="K42410" s="2">
        <v>0</v>
      </c>
      <c r="L42410" t="s">
        <v>120</v>
      </c>
      <c r="M42410" t="s">
        <v>83</v>
      </c>
      <c r="N42410" t="s">
        <v>84</v>
      </c>
      <c r="O42410" t="s">
        <v>85</v>
      </c>
      <c r="P42410" t="s">
        <v>86</v>
      </c>
      <c r="Q42410">
        <v>46</v>
      </c>
      <c r="R42410">
        <v>46</v>
      </c>
      <c r="S42410">
        <v>47</v>
      </c>
      <c r="T42410">
        <v>48</v>
      </c>
      <c r="U42410">
        <v>49</v>
      </c>
      <c r="V42410">
        <v>50</v>
      </c>
      <c r="W42410">
        <v>51</v>
      </c>
      <c r="X42410">
        <v>52</v>
      </c>
      <c r="Y42410">
        <v>53</v>
      </c>
      <c r="Z42410">
        <v>54</v>
      </c>
      <c r="AA42410">
        <v>54</v>
      </c>
      <c r="AB42410">
        <v>55</v>
      </c>
      <c r="AC42410">
        <v>56</v>
      </c>
      <c r="AD42410">
        <v>57</v>
      </c>
      <c r="AE42410">
        <v>58</v>
      </c>
      <c r="AF42410">
        <v>59</v>
      </c>
      <c r="AG42410">
        <v>60</v>
      </c>
      <c r="AH42410">
        <v>61</v>
      </c>
      <c r="AI42410">
        <v>62</v>
      </c>
      <c r="AJ42410">
        <v>63</v>
      </c>
      <c r="AK42410">
        <v>64</v>
      </c>
      <c r="AL42410">
        <v>64</v>
      </c>
      <c r="AM42410">
        <v>65</v>
      </c>
      <c r="AN42410">
        <v>65</v>
      </c>
      <c r="AO42410">
        <v>65</v>
      </c>
      <c r="AP42410">
        <v>66</v>
      </c>
      <c r="AQ42410">
        <v>66</v>
      </c>
    </row>
    <row r="42411" spans="1:43">
      <c r="A42411" t="s">
        <v>26021</v>
      </c>
      <c r="B42411" t="s">
        <v>26022</v>
      </c>
      <c r="C42411" t="s">
        <v>21617</v>
      </c>
      <c r="D42411" t="s">
        <v>21618</v>
      </c>
      <c r="E42411" t="s">
        <v>21557</v>
      </c>
      <c r="F42411" t="s">
        <v>21558</v>
      </c>
      <c r="G42411" t="s">
        <v>20255</v>
      </c>
      <c r="H42411" t="s">
        <v>20256</v>
      </c>
      <c r="I42411" s="2">
        <v>1</v>
      </c>
      <c r="J42411" s="2">
        <v>0</v>
      </c>
      <c r="K42411" s="2">
        <v>0</v>
      </c>
      <c r="L42411" t="s">
        <v>120</v>
      </c>
      <c r="M42411" t="s">
        <v>87</v>
      </c>
      <c r="N42411" t="s">
        <v>88</v>
      </c>
      <c r="O42411" t="s">
        <v>85</v>
      </c>
      <c r="P42411" t="s">
        <v>86</v>
      </c>
      <c r="Q42411">
        <v>46</v>
      </c>
      <c r="R42411">
        <v>47</v>
      </c>
      <c r="S42411">
        <v>47</v>
      </c>
      <c r="T42411">
        <v>47</v>
      </c>
      <c r="U42411">
        <v>48</v>
      </c>
      <c r="V42411">
        <v>48</v>
      </c>
      <c r="W42411">
        <v>49</v>
      </c>
      <c r="X42411">
        <v>49</v>
      </c>
      <c r="Y42411">
        <v>50</v>
      </c>
      <c r="Z42411">
        <v>50</v>
      </c>
      <c r="AA42411">
        <v>51</v>
      </c>
      <c r="AB42411">
        <v>51</v>
      </c>
      <c r="AC42411">
        <v>52</v>
      </c>
      <c r="AD42411">
        <v>52</v>
      </c>
      <c r="AE42411">
        <v>52</v>
      </c>
      <c r="AF42411">
        <v>53</v>
      </c>
      <c r="AG42411">
        <v>53</v>
      </c>
      <c r="AH42411">
        <v>54</v>
      </c>
      <c r="AI42411">
        <v>54</v>
      </c>
      <c r="AJ42411">
        <v>55</v>
      </c>
      <c r="AK42411">
        <v>55</v>
      </c>
      <c r="AL42411">
        <v>56</v>
      </c>
      <c r="AM42411">
        <v>56</v>
      </c>
      <c r="AN42411">
        <v>57</v>
      </c>
      <c r="AO42411">
        <v>57</v>
      </c>
      <c r="AP42411">
        <v>58</v>
      </c>
      <c r="AQ42411">
        <v>58</v>
      </c>
    </row>
    <row r="42412" spans="1:43">
      <c r="A42412" t="s">
        <v>26021</v>
      </c>
      <c r="B42412" t="s">
        <v>26022</v>
      </c>
      <c r="C42412" t="s">
        <v>21617</v>
      </c>
      <c r="D42412" t="s">
        <v>21618</v>
      </c>
      <c r="E42412" t="s">
        <v>21557</v>
      </c>
      <c r="F42412" t="s">
        <v>21558</v>
      </c>
      <c r="G42412" t="s">
        <v>20255</v>
      </c>
      <c r="H42412" t="s">
        <v>20256</v>
      </c>
      <c r="I42412" s="2">
        <v>1</v>
      </c>
      <c r="J42412" s="2">
        <v>0</v>
      </c>
      <c r="K42412" s="2">
        <v>0</v>
      </c>
      <c r="L42412" t="s">
        <v>120</v>
      </c>
      <c r="M42412" t="s">
        <v>89</v>
      </c>
      <c r="N42412" t="s">
        <v>90</v>
      </c>
      <c r="O42412" t="s">
        <v>85</v>
      </c>
      <c r="P42412" t="s">
        <v>86</v>
      </c>
      <c r="Q42412">
        <v>46</v>
      </c>
      <c r="R42412">
        <v>47</v>
      </c>
      <c r="S42412">
        <v>48</v>
      </c>
      <c r="T42412">
        <v>50</v>
      </c>
      <c r="U42412">
        <v>51</v>
      </c>
      <c r="V42412">
        <v>52</v>
      </c>
      <c r="W42412">
        <v>53</v>
      </c>
      <c r="X42412">
        <v>55</v>
      </c>
      <c r="Y42412">
        <v>56</v>
      </c>
      <c r="Z42412">
        <v>57</v>
      </c>
      <c r="AA42412">
        <v>58</v>
      </c>
      <c r="AB42412">
        <v>59</v>
      </c>
      <c r="AC42412">
        <v>60</v>
      </c>
      <c r="AD42412">
        <v>61</v>
      </c>
      <c r="AE42412">
        <v>62</v>
      </c>
      <c r="AF42412">
        <v>63</v>
      </c>
      <c r="AG42412">
        <v>63</v>
      </c>
      <c r="AH42412">
        <v>63</v>
      </c>
      <c r="AI42412">
        <v>64</v>
      </c>
      <c r="AJ42412">
        <v>64</v>
      </c>
      <c r="AK42412">
        <v>65</v>
      </c>
      <c r="AL42412">
        <v>65</v>
      </c>
      <c r="AM42412">
        <v>65</v>
      </c>
      <c r="AN42412">
        <v>66</v>
      </c>
      <c r="AO42412">
        <v>66</v>
      </c>
      <c r="AP42412">
        <v>66</v>
      </c>
      <c r="AQ42412">
        <v>67</v>
      </c>
    </row>
    <row r="42413" spans="1:43">
      <c r="A42413" t="s">
        <v>26021</v>
      </c>
      <c r="B42413" t="s">
        <v>26022</v>
      </c>
      <c r="C42413" t="s">
        <v>21617</v>
      </c>
      <c r="D42413" t="s">
        <v>21618</v>
      </c>
      <c r="E42413" t="s">
        <v>21557</v>
      </c>
      <c r="F42413" t="s">
        <v>21558</v>
      </c>
      <c r="G42413" t="s">
        <v>20255</v>
      </c>
      <c r="H42413" t="s">
        <v>20256</v>
      </c>
      <c r="I42413" s="2">
        <v>1</v>
      </c>
      <c r="J42413" s="2">
        <v>0</v>
      </c>
      <c r="K42413" s="2">
        <v>0</v>
      </c>
      <c r="L42413" t="s">
        <v>120</v>
      </c>
      <c r="M42413" t="s">
        <v>83</v>
      </c>
      <c r="N42413" t="s">
        <v>91</v>
      </c>
      <c r="O42413" t="s">
        <v>85</v>
      </c>
      <c r="P42413" t="s">
        <v>86</v>
      </c>
      <c r="Q42413">
        <v>46</v>
      </c>
      <c r="R42413">
        <v>46</v>
      </c>
      <c r="S42413">
        <v>47</v>
      </c>
      <c r="T42413">
        <v>48</v>
      </c>
      <c r="U42413">
        <v>49</v>
      </c>
      <c r="V42413">
        <v>50</v>
      </c>
      <c r="W42413">
        <v>51</v>
      </c>
      <c r="X42413">
        <v>52</v>
      </c>
      <c r="Y42413">
        <v>53</v>
      </c>
      <c r="Z42413">
        <v>54</v>
      </c>
      <c r="AA42413">
        <v>54</v>
      </c>
      <c r="AB42413">
        <v>55</v>
      </c>
      <c r="AC42413">
        <v>56</v>
      </c>
      <c r="AD42413">
        <v>57</v>
      </c>
      <c r="AE42413">
        <v>58</v>
      </c>
      <c r="AF42413">
        <v>59</v>
      </c>
      <c r="AG42413">
        <v>60</v>
      </c>
      <c r="AH42413">
        <v>61</v>
      </c>
      <c r="AI42413">
        <v>62</v>
      </c>
      <c r="AJ42413">
        <v>63</v>
      </c>
      <c r="AK42413">
        <v>64</v>
      </c>
      <c r="AL42413">
        <v>64</v>
      </c>
      <c r="AM42413">
        <v>65</v>
      </c>
      <c r="AN42413">
        <v>65</v>
      </c>
      <c r="AO42413">
        <v>65</v>
      </c>
      <c r="AP42413">
        <v>66</v>
      </c>
      <c r="AQ42413">
        <v>66</v>
      </c>
    </row>
    <row r="42414" spans="1:43">
      <c r="A42414" t="s">
        <v>26023</v>
      </c>
      <c r="B42414" t="s">
        <v>26024</v>
      </c>
      <c r="C42414" t="s">
        <v>21617</v>
      </c>
      <c r="D42414" t="s">
        <v>21618</v>
      </c>
      <c r="E42414" t="s">
        <v>21557</v>
      </c>
      <c r="F42414" t="s">
        <v>21558</v>
      </c>
      <c r="G42414" t="s">
        <v>20255</v>
      </c>
      <c r="H42414" t="s">
        <v>20256</v>
      </c>
      <c r="I42414" s="2">
        <v>1</v>
      </c>
      <c r="J42414" s="2">
        <v>0</v>
      </c>
      <c r="K42414" s="2">
        <v>0</v>
      </c>
      <c r="L42414" t="s">
        <v>120</v>
      </c>
      <c r="M42414" t="s">
        <v>83</v>
      </c>
      <c r="N42414" t="s">
        <v>84</v>
      </c>
      <c r="O42414" t="s">
        <v>85</v>
      </c>
      <c r="P42414" t="s">
        <v>86</v>
      </c>
      <c r="Q42414">
        <v>7</v>
      </c>
      <c r="R42414">
        <v>7</v>
      </c>
      <c r="S42414">
        <v>7</v>
      </c>
      <c r="T42414">
        <v>7</v>
      </c>
      <c r="U42414">
        <v>7</v>
      </c>
      <c r="V42414">
        <v>7</v>
      </c>
      <c r="W42414">
        <v>8</v>
      </c>
      <c r="X42414">
        <v>8</v>
      </c>
      <c r="Y42414">
        <v>8</v>
      </c>
      <c r="Z42414">
        <v>8</v>
      </c>
      <c r="AA42414">
        <v>8</v>
      </c>
      <c r="AB42414">
        <v>8</v>
      </c>
      <c r="AC42414">
        <v>8</v>
      </c>
      <c r="AD42414">
        <v>8</v>
      </c>
      <c r="AE42414">
        <v>9</v>
      </c>
      <c r="AF42414">
        <v>9</v>
      </c>
      <c r="AG42414">
        <v>9</v>
      </c>
      <c r="AH42414">
        <v>9</v>
      </c>
      <c r="AI42414">
        <v>9</v>
      </c>
      <c r="AJ42414">
        <v>9</v>
      </c>
      <c r="AK42414">
        <v>9</v>
      </c>
      <c r="AL42414">
        <v>10</v>
      </c>
      <c r="AM42414">
        <v>10</v>
      </c>
      <c r="AN42414">
        <v>10</v>
      </c>
      <c r="AO42414">
        <v>10</v>
      </c>
      <c r="AP42414">
        <v>10</v>
      </c>
      <c r="AQ42414">
        <v>10</v>
      </c>
    </row>
    <row r="42415" spans="1:43">
      <c r="A42415" t="s">
        <v>26023</v>
      </c>
      <c r="B42415" t="s">
        <v>26024</v>
      </c>
      <c r="C42415" t="s">
        <v>21617</v>
      </c>
      <c r="D42415" t="s">
        <v>21618</v>
      </c>
      <c r="E42415" t="s">
        <v>21557</v>
      </c>
      <c r="F42415" t="s">
        <v>21558</v>
      </c>
      <c r="G42415" t="s">
        <v>20255</v>
      </c>
      <c r="H42415" t="s">
        <v>20256</v>
      </c>
      <c r="I42415" s="2">
        <v>1</v>
      </c>
      <c r="J42415" s="2">
        <v>0</v>
      </c>
      <c r="K42415" s="2">
        <v>0</v>
      </c>
      <c r="L42415" t="s">
        <v>120</v>
      </c>
      <c r="M42415" t="s">
        <v>87</v>
      </c>
      <c r="N42415" t="s">
        <v>88</v>
      </c>
      <c r="O42415" t="s">
        <v>85</v>
      </c>
      <c r="P42415" t="s">
        <v>86</v>
      </c>
      <c r="Q42415">
        <v>7</v>
      </c>
      <c r="R42415">
        <v>7</v>
      </c>
      <c r="S42415">
        <v>7</v>
      </c>
      <c r="T42415">
        <v>7</v>
      </c>
      <c r="U42415">
        <v>7</v>
      </c>
      <c r="V42415">
        <v>7</v>
      </c>
      <c r="W42415">
        <v>7</v>
      </c>
      <c r="X42415">
        <v>7</v>
      </c>
      <c r="Y42415">
        <v>7</v>
      </c>
      <c r="Z42415">
        <v>7</v>
      </c>
      <c r="AA42415">
        <v>7</v>
      </c>
      <c r="AB42415">
        <v>7</v>
      </c>
      <c r="AC42415">
        <v>7</v>
      </c>
      <c r="AD42415">
        <v>8</v>
      </c>
      <c r="AE42415">
        <v>8</v>
      </c>
      <c r="AF42415">
        <v>8</v>
      </c>
      <c r="AG42415">
        <v>8</v>
      </c>
      <c r="AH42415">
        <v>8</v>
      </c>
      <c r="AI42415">
        <v>8</v>
      </c>
      <c r="AJ42415">
        <v>8</v>
      </c>
      <c r="AK42415">
        <v>8</v>
      </c>
      <c r="AL42415">
        <v>8</v>
      </c>
      <c r="AM42415">
        <v>8</v>
      </c>
      <c r="AN42415">
        <v>8</v>
      </c>
      <c r="AO42415">
        <v>8</v>
      </c>
      <c r="AP42415">
        <v>8</v>
      </c>
      <c r="AQ42415">
        <v>9</v>
      </c>
    </row>
    <row r="42416" spans="1:43">
      <c r="A42416" t="s">
        <v>26023</v>
      </c>
      <c r="B42416" t="s">
        <v>26024</v>
      </c>
      <c r="C42416" t="s">
        <v>21617</v>
      </c>
      <c r="D42416" t="s">
        <v>21618</v>
      </c>
      <c r="E42416" t="s">
        <v>21557</v>
      </c>
      <c r="F42416" t="s">
        <v>21558</v>
      </c>
      <c r="G42416" t="s">
        <v>20255</v>
      </c>
      <c r="H42416" t="s">
        <v>20256</v>
      </c>
      <c r="I42416" s="2">
        <v>1</v>
      </c>
      <c r="J42416" s="2">
        <v>0</v>
      </c>
      <c r="K42416" s="2">
        <v>0</v>
      </c>
      <c r="L42416" t="s">
        <v>120</v>
      </c>
      <c r="M42416" t="s">
        <v>89</v>
      </c>
      <c r="N42416" t="s">
        <v>90</v>
      </c>
      <c r="O42416" t="s">
        <v>85</v>
      </c>
      <c r="P42416" t="s">
        <v>86</v>
      </c>
      <c r="Q42416">
        <v>7</v>
      </c>
      <c r="R42416">
        <v>7</v>
      </c>
      <c r="S42416">
        <v>7</v>
      </c>
      <c r="T42416">
        <v>7</v>
      </c>
      <c r="U42416">
        <v>8</v>
      </c>
      <c r="V42416">
        <v>8</v>
      </c>
      <c r="W42416">
        <v>8</v>
      </c>
      <c r="X42416">
        <v>8</v>
      </c>
      <c r="Y42416">
        <v>8</v>
      </c>
      <c r="Z42416">
        <v>8</v>
      </c>
      <c r="AA42416">
        <v>9</v>
      </c>
      <c r="AB42416">
        <v>9</v>
      </c>
      <c r="AC42416">
        <v>9</v>
      </c>
      <c r="AD42416">
        <v>9</v>
      </c>
      <c r="AE42416">
        <v>9</v>
      </c>
      <c r="AF42416">
        <v>9</v>
      </c>
      <c r="AG42416">
        <v>9</v>
      </c>
      <c r="AH42416">
        <v>9</v>
      </c>
      <c r="AI42416">
        <v>9</v>
      </c>
      <c r="AJ42416">
        <v>10</v>
      </c>
      <c r="AK42416">
        <v>10</v>
      </c>
      <c r="AL42416">
        <v>10</v>
      </c>
      <c r="AM42416">
        <v>10</v>
      </c>
      <c r="AN42416">
        <v>10</v>
      </c>
      <c r="AO42416">
        <v>10</v>
      </c>
      <c r="AP42416">
        <v>10</v>
      </c>
      <c r="AQ42416">
        <v>10</v>
      </c>
    </row>
    <row r="42417" spans="1:43">
      <c r="A42417" t="s">
        <v>26023</v>
      </c>
      <c r="B42417" t="s">
        <v>26024</v>
      </c>
      <c r="C42417" t="s">
        <v>21617</v>
      </c>
      <c r="D42417" t="s">
        <v>21618</v>
      </c>
      <c r="E42417" t="s">
        <v>21557</v>
      </c>
      <c r="F42417" t="s">
        <v>21558</v>
      </c>
      <c r="G42417" t="s">
        <v>20255</v>
      </c>
      <c r="H42417" t="s">
        <v>20256</v>
      </c>
      <c r="I42417" s="2">
        <v>1</v>
      </c>
      <c r="J42417" s="2">
        <v>0</v>
      </c>
      <c r="K42417" s="2">
        <v>0</v>
      </c>
      <c r="L42417" t="s">
        <v>120</v>
      </c>
      <c r="M42417" t="s">
        <v>83</v>
      </c>
      <c r="N42417" t="s">
        <v>91</v>
      </c>
      <c r="O42417" t="s">
        <v>85</v>
      </c>
      <c r="P42417" t="s">
        <v>86</v>
      </c>
      <c r="Q42417">
        <v>7</v>
      </c>
      <c r="R42417">
        <v>7</v>
      </c>
      <c r="S42417">
        <v>7</v>
      </c>
      <c r="T42417">
        <v>7</v>
      </c>
      <c r="U42417">
        <v>7</v>
      </c>
      <c r="V42417">
        <v>7</v>
      </c>
      <c r="W42417">
        <v>8</v>
      </c>
      <c r="X42417">
        <v>8</v>
      </c>
      <c r="Y42417">
        <v>8</v>
      </c>
      <c r="Z42417">
        <v>8</v>
      </c>
      <c r="AA42417">
        <v>8</v>
      </c>
      <c r="AB42417">
        <v>8</v>
      </c>
      <c r="AC42417">
        <v>8</v>
      </c>
      <c r="AD42417">
        <v>8</v>
      </c>
      <c r="AE42417">
        <v>9</v>
      </c>
      <c r="AF42417">
        <v>9</v>
      </c>
      <c r="AG42417">
        <v>9</v>
      </c>
      <c r="AH42417">
        <v>9</v>
      </c>
      <c r="AI42417">
        <v>9</v>
      </c>
      <c r="AJ42417">
        <v>9</v>
      </c>
      <c r="AK42417">
        <v>9</v>
      </c>
      <c r="AL42417">
        <v>10</v>
      </c>
      <c r="AM42417">
        <v>10</v>
      </c>
      <c r="AN42417">
        <v>10</v>
      </c>
      <c r="AO42417">
        <v>10</v>
      </c>
      <c r="AP42417">
        <v>10</v>
      </c>
      <c r="AQ42417">
        <v>10</v>
      </c>
    </row>
    <row r="42418" spans="1:43">
      <c r="A42418" t="s">
        <v>26025</v>
      </c>
      <c r="B42418" t="s">
        <v>26026</v>
      </c>
      <c r="C42418" t="s">
        <v>21719</v>
      </c>
      <c r="D42418" t="s">
        <v>21720</v>
      </c>
      <c r="E42418" t="s">
        <v>21687</v>
      </c>
      <c r="F42418" t="s">
        <v>21688</v>
      </c>
      <c r="G42418" t="s">
        <v>20255</v>
      </c>
      <c r="H42418" t="s">
        <v>20256</v>
      </c>
      <c r="I42418" s="2">
        <v>1</v>
      </c>
      <c r="J42418" s="2">
        <v>0</v>
      </c>
      <c r="K42418" s="2">
        <v>0</v>
      </c>
      <c r="L42418" t="s">
        <v>120</v>
      </c>
      <c r="M42418" t="s">
        <v>83</v>
      </c>
      <c r="N42418" t="s">
        <v>84</v>
      </c>
      <c r="O42418" t="s">
        <v>85</v>
      </c>
      <c r="P42418" t="s">
        <v>86</v>
      </c>
      <c r="Q42418">
        <v>31</v>
      </c>
      <c r="R42418">
        <v>31</v>
      </c>
      <c r="S42418">
        <v>32</v>
      </c>
      <c r="T42418">
        <v>32</v>
      </c>
      <c r="U42418">
        <v>32</v>
      </c>
      <c r="V42418">
        <v>33</v>
      </c>
      <c r="W42418">
        <v>33</v>
      </c>
      <c r="X42418">
        <v>33</v>
      </c>
      <c r="Y42418">
        <v>33</v>
      </c>
      <c r="Z42418">
        <v>34</v>
      </c>
      <c r="AA42418">
        <v>34</v>
      </c>
      <c r="AB42418">
        <v>34</v>
      </c>
      <c r="AC42418">
        <v>35</v>
      </c>
      <c r="AD42418">
        <v>35</v>
      </c>
      <c r="AE42418">
        <v>35</v>
      </c>
      <c r="AF42418">
        <v>36</v>
      </c>
      <c r="AG42418">
        <v>36</v>
      </c>
      <c r="AH42418">
        <v>36</v>
      </c>
      <c r="AI42418">
        <v>37</v>
      </c>
      <c r="AJ42418">
        <v>37</v>
      </c>
      <c r="AK42418">
        <v>37</v>
      </c>
      <c r="AL42418">
        <v>38</v>
      </c>
      <c r="AM42418">
        <v>38</v>
      </c>
      <c r="AN42418">
        <v>38</v>
      </c>
      <c r="AO42418">
        <v>38</v>
      </c>
      <c r="AP42418">
        <v>38</v>
      </c>
      <c r="AQ42418">
        <v>38</v>
      </c>
    </row>
    <row r="42419" spans="1:43">
      <c r="A42419" t="s">
        <v>26025</v>
      </c>
      <c r="B42419" t="s">
        <v>26026</v>
      </c>
      <c r="C42419" t="s">
        <v>21719</v>
      </c>
      <c r="D42419" t="s">
        <v>21720</v>
      </c>
      <c r="E42419" t="s">
        <v>21687</v>
      </c>
      <c r="F42419" t="s">
        <v>21688</v>
      </c>
      <c r="G42419" t="s">
        <v>20255</v>
      </c>
      <c r="H42419" t="s">
        <v>20256</v>
      </c>
      <c r="I42419" s="2">
        <v>1</v>
      </c>
      <c r="J42419" s="2">
        <v>0</v>
      </c>
      <c r="K42419" s="2">
        <v>0</v>
      </c>
      <c r="L42419" t="s">
        <v>120</v>
      </c>
      <c r="M42419" t="s">
        <v>87</v>
      </c>
      <c r="N42419" t="s">
        <v>88</v>
      </c>
      <c r="O42419" t="s">
        <v>85</v>
      </c>
      <c r="P42419" t="s">
        <v>86</v>
      </c>
      <c r="Q42419">
        <v>31</v>
      </c>
      <c r="R42419">
        <v>31</v>
      </c>
      <c r="S42419">
        <v>31</v>
      </c>
      <c r="T42419">
        <v>31</v>
      </c>
      <c r="U42419">
        <v>31</v>
      </c>
      <c r="V42419">
        <v>31</v>
      </c>
      <c r="W42419">
        <v>31</v>
      </c>
      <c r="X42419">
        <v>31</v>
      </c>
      <c r="Y42419">
        <v>31</v>
      </c>
      <c r="Z42419">
        <v>31</v>
      </c>
      <c r="AA42419">
        <v>31</v>
      </c>
      <c r="AB42419">
        <v>31</v>
      </c>
      <c r="AC42419">
        <v>31</v>
      </c>
      <c r="AD42419">
        <v>31</v>
      </c>
      <c r="AE42419">
        <v>31</v>
      </c>
      <c r="AF42419">
        <v>31</v>
      </c>
      <c r="AG42419">
        <v>31</v>
      </c>
      <c r="AH42419">
        <v>32</v>
      </c>
      <c r="AI42419">
        <v>32</v>
      </c>
      <c r="AJ42419">
        <v>32</v>
      </c>
      <c r="AK42419">
        <v>32</v>
      </c>
      <c r="AL42419">
        <v>32</v>
      </c>
      <c r="AM42419">
        <v>32</v>
      </c>
      <c r="AN42419">
        <v>32</v>
      </c>
      <c r="AO42419">
        <v>32</v>
      </c>
      <c r="AP42419">
        <v>32</v>
      </c>
      <c r="AQ42419">
        <v>32</v>
      </c>
    </row>
    <row r="42420" spans="1:43">
      <c r="A42420" t="s">
        <v>26025</v>
      </c>
      <c r="B42420" t="s">
        <v>26026</v>
      </c>
      <c r="C42420" t="s">
        <v>21719</v>
      </c>
      <c r="D42420" t="s">
        <v>21720</v>
      </c>
      <c r="E42420" t="s">
        <v>21687</v>
      </c>
      <c r="F42420" t="s">
        <v>21688</v>
      </c>
      <c r="G42420" t="s">
        <v>20255</v>
      </c>
      <c r="H42420" t="s">
        <v>20256</v>
      </c>
      <c r="I42420" s="2">
        <v>1</v>
      </c>
      <c r="J42420" s="2">
        <v>0</v>
      </c>
      <c r="K42420" s="2">
        <v>0</v>
      </c>
      <c r="L42420" t="s">
        <v>120</v>
      </c>
      <c r="M42420" t="s">
        <v>89</v>
      </c>
      <c r="N42420" t="s">
        <v>90</v>
      </c>
      <c r="O42420" t="s">
        <v>85</v>
      </c>
      <c r="P42420" t="s">
        <v>86</v>
      </c>
      <c r="Q42420">
        <v>31</v>
      </c>
      <c r="R42420">
        <v>32</v>
      </c>
      <c r="S42420">
        <v>32</v>
      </c>
      <c r="T42420">
        <v>33</v>
      </c>
      <c r="U42420">
        <v>33</v>
      </c>
      <c r="V42420">
        <v>34</v>
      </c>
      <c r="W42420">
        <v>34</v>
      </c>
      <c r="X42420">
        <v>35</v>
      </c>
      <c r="Y42420">
        <v>35</v>
      </c>
      <c r="Z42420">
        <v>36</v>
      </c>
      <c r="AA42420">
        <v>36</v>
      </c>
      <c r="AB42420">
        <v>37</v>
      </c>
      <c r="AC42420">
        <v>37</v>
      </c>
      <c r="AD42420">
        <v>38</v>
      </c>
      <c r="AE42420">
        <v>38</v>
      </c>
      <c r="AF42420">
        <v>38</v>
      </c>
      <c r="AG42420">
        <v>38</v>
      </c>
      <c r="AH42420">
        <v>38</v>
      </c>
      <c r="AI42420">
        <v>38</v>
      </c>
      <c r="AJ42420">
        <v>38</v>
      </c>
      <c r="AK42420">
        <v>38</v>
      </c>
      <c r="AL42420">
        <v>38</v>
      </c>
      <c r="AM42420">
        <v>38</v>
      </c>
      <c r="AN42420">
        <v>38</v>
      </c>
      <c r="AO42420">
        <v>38</v>
      </c>
      <c r="AP42420">
        <v>38</v>
      </c>
      <c r="AQ42420">
        <v>38</v>
      </c>
    </row>
    <row r="42421" spans="1:43">
      <c r="A42421" t="s">
        <v>26025</v>
      </c>
      <c r="B42421" t="s">
        <v>26026</v>
      </c>
      <c r="C42421" t="s">
        <v>21719</v>
      </c>
      <c r="D42421" t="s">
        <v>21720</v>
      </c>
      <c r="E42421" t="s">
        <v>21687</v>
      </c>
      <c r="F42421" t="s">
        <v>21688</v>
      </c>
      <c r="G42421" t="s">
        <v>20255</v>
      </c>
      <c r="H42421" t="s">
        <v>20256</v>
      </c>
      <c r="I42421" s="2">
        <v>1</v>
      </c>
      <c r="J42421" s="2">
        <v>0</v>
      </c>
      <c r="K42421" s="2">
        <v>0</v>
      </c>
      <c r="L42421" t="s">
        <v>120</v>
      </c>
      <c r="M42421" t="s">
        <v>83</v>
      </c>
      <c r="N42421" t="s">
        <v>91</v>
      </c>
      <c r="O42421" t="s">
        <v>85</v>
      </c>
      <c r="P42421" t="s">
        <v>86</v>
      </c>
      <c r="Q42421">
        <v>31</v>
      </c>
      <c r="R42421">
        <v>31</v>
      </c>
      <c r="S42421">
        <v>32</v>
      </c>
      <c r="T42421">
        <v>32</v>
      </c>
      <c r="U42421">
        <v>32</v>
      </c>
      <c r="V42421">
        <v>33</v>
      </c>
      <c r="W42421">
        <v>33</v>
      </c>
      <c r="X42421">
        <v>33</v>
      </c>
      <c r="Y42421">
        <v>33</v>
      </c>
      <c r="Z42421">
        <v>34</v>
      </c>
      <c r="AA42421">
        <v>34</v>
      </c>
      <c r="AB42421">
        <v>34</v>
      </c>
      <c r="AC42421">
        <v>35</v>
      </c>
      <c r="AD42421">
        <v>35</v>
      </c>
      <c r="AE42421">
        <v>35</v>
      </c>
      <c r="AF42421">
        <v>36</v>
      </c>
      <c r="AG42421">
        <v>36</v>
      </c>
      <c r="AH42421">
        <v>36</v>
      </c>
      <c r="AI42421">
        <v>37</v>
      </c>
      <c r="AJ42421">
        <v>37</v>
      </c>
      <c r="AK42421">
        <v>37</v>
      </c>
      <c r="AL42421">
        <v>38</v>
      </c>
      <c r="AM42421">
        <v>38</v>
      </c>
      <c r="AN42421">
        <v>38</v>
      </c>
      <c r="AO42421">
        <v>38</v>
      </c>
      <c r="AP42421">
        <v>38</v>
      </c>
      <c r="AQ42421">
        <v>38</v>
      </c>
    </row>
    <row r="42422" spans="1:43">
      <c r="A42422" t="s">
        <v>26027</v>
      </c>
      <c r="B42422" t="s">
        <v>26028</v>
      </c>
      <c r="C42422" t="s">
        <v>21719</v>
      </c>
      <c r="D42422" t="s">
        <v>21720</v>
      </c>
      <c r="E42422" t="s">
        <v>21687</v>
      </c>
      <c r="F42422" t="s">
        <v>21688</v>
      </c>
      <c r="G42422" t="s">
        <v>20255</v>
      </c>
      <c r="H42422" t="s">
        <v>20256</v>
      </c>
      <c r="I42422" s="2">
        <v>1</v>
      </c>
      <c r="J42422" s="2">
        <v>0</v>
      </c>
      <c r="K42422" s="2">
        <v>0</v>
      </c>
      <c r="L42422" t="s">
        <v>120</v>
      </c>
      <c r="M42422" t="s">
        <v>83</v>
      </c>
      <c r="N42422" t="s">
        <v>84</v>
      </c>
      <c r="O42422" t="s">
        <v>85</v>
      </c>
      <c r="P42422" t="s">
        <v>86</v>
      </c>
      <c r="Q42422">
        <v>4</v>
      </c>
      <c r="R42422">
        <v>4</v>
      </c>
      <c r="S42422">
        <v>4</v>
      </c>
      <c r="T42422">
        <v>4</v>
      </c>
      <c r="U42422">
        <v>4</v>
      </c>
      <c r="V42422">
        <v>4</v>
      </c>
      <c r="W42422">
        <v>4</v>
      </c>
      <c r="X42422">
        <v>4</v>
      </c>
      <c r="Y42422">
        <v>4</v>
      </c>
      <c r="Z42422">
        <v>4</v>
      </c>
      <c r="AA42422">
        <v>4</v>
      </c>
      <c r="AB42422">
        <v>4</v>
      </c>
      <c r="AC42422">
        <v>4</v>
      </c>
      <c r="AD42422">
        <v>4</v>
      </c>
      <c r="AE42422">
        <v>4</v>
      </c>
      <c r="AF42422">
        <v>4</v>
      </c>
      <c r="AG42422">
        <v>4</v>
      </c>
      <c r="AH42422">
        <v>4</v>
      </c>
      <c r="AI42422">
        <v>4</v>
      </c>
      <c r="AJ42422">
        <v>4</v>
      </c>
      <c r="AK42422">
        <v>4</v>
      </c>
      <c r="AL42422">
        <v>4</v>
      </c>
      <c r="AM42422">
        <v>4</v>
      </c>
      <c r="AN42422">
        <v>4</v>
      </c>
      <c r="AO42422">
        <v>4</v>
      </c>
      <c r="AP42422">
        <v>4</v>
      </c>
      <c r="AQ42422">
        <v>4</v>
      </c>
    </row>
    <row r="42423" spans="1:43">
      <c r="A42423" t="s">
        <v>26027</v>
      </c>
      <c r="B42423" t="s">
        <v>26028</v>
      </c>
      <c r="C42423" t="s">
        <v>21719</v>
      </c>
      <c r="D42423" t="s">
        <v>21720</v>
      </c>
      <c r="E42423" t="s">
        <v>21687</v>
      </c>
      <c r="F42423" t="s">
        <v>21688</v>
      </c>
      <c r="G42423" t="s">
        <v>20255</v>
      </c>
      <c r="H42423" t="s">
        <v>20256</v>
      </c>
      <c r="I42423" s="2">
        <v>1</v>
      </c>
      <c r="J42423" s="2">
        <v>0</v>
      </c>
      <c r="K42423" s="2">
        <v>0</v>
      </c>
      <c r="L42423" t="s">
        <v>120</v>
      </c>
      <c r="M42423" t="s">
        <v>87</v>
      </c>
      <c r="N42423" t="s">
        <v>88</v>
      </c>
      <c r="O42423" t="s">
        <v>85</v>
      </c>
      <c r="P42423" t="s">
        <v>86</v>
      </c>
      <c r="Q42423">
        <v>4</v>
      </c>
      <c r="R42423">
        <v>4</v>
      </c>
      <c r="S42423">
        <v>4</v>
      </c>
      <c r="T42423">
        <v>4</v>
      </c>
      <c r="U42423">
        <v>4</v>
      </c>
      <c r="V42423">
        <v>4</v>
      </c>
      <c r="W42423">
        <v>4</v>
      </c>
      <c r="X42423">
        <v>4</v>
      </c>
      <c r="Y42423">
        <v>4</v>
      </c>
      <c r="Z42423">
        <v>4</v>
      </c>
      <c r="AA42423">
        <v>4</v>
      </c>
      <c r="AB42423">
        <v>4</v>
      </c>
      <c r="AC42423">
        <v>4</v>
      </c>
      <c r="AD42423">
        <v>4</v>
      </c>
      <c r="AE42423">
        <v>4</v>
      </c>
      <c r="AF42423">
        <v>4</v>
      </c>
      <c r="AG42423">
        <v>4</v>
      </c>
      <c r="AH42423">
        <v>4</v>
      </c>
      <c r="AI42423">
        <v>4</v>
      </c>
      <c r="AJ42423">
        <v>4</v>
      </c>
      <c r="AK42423">
        <v>4</v>
      </c>
      <c r="AL42423">
        <v>4</v>
      </c>
      <c r="AM42423">
        <v>4</v>
      </c>
      <c r="AN42423">
        <v>4</v>
      </c>
      <c r="AO42423">
        <v>4</v>
      </c>
      <c r="AP42423">
        <v>4</v>
      </c>
      <c r="AQ42423">
        <v>4</v>
      </c>
    </row>
    <row r="42424" spans="1:43">
      <c r="A42424" t="s">
        <v>26027</v>
      </c>
      <c r="B42424" t="s">
        <v>26028</v>
      </c>
      <c r="C42424" t="s">
        <v>21719</v>
      </c>
      <c r="D42424" t="s">
        <v>21720</v>
      </c>
      <c r="E42424" t="s">
        <v>21687</v>
      </c>
      <c r="F42424" t="s">
        <v>21688</v>
      </c>
      <c r="G42424" t="s">
        <v>20255</v>
      </c>
      <c r="H42424" t="s">
        <v>20256</v>
      </c>
      <c r="I42424" s="2">
        <v>1</v>
      </c>
      <c r="J42424" s="2">
        <v>0</v>
      </c>
      <c r="K42424" s="2">
        <v>0</v>
      </c>
      <c r="L42424" t="s">
        <v>120</v>
      </c>
      <c r="M42424" t="s">
        <v>89</v>
      </c>
      <c r="N42424" t="s">
        <v>90</v>
      </c>
      <c r="O42424" t="s">
        <v>85</v>
      </c>
      <c r="P42424" t="s">
        <v>86</v>
      </c>
      <c r="Q42424">
        <v>4</v>
      </c>
      <c r="R42424">
        <v>4</v>
      </c>
      <c r="S42424">
        <v>4</v>
      </c>
      <c r="T42424">
        <v>4</v>
      </c>
      <c r="U42424">
        <v>4</v>
      </c>
      <c r="V42424">
        <v>4</v>
      </c>
      <c r="W42424">
        <v>4</v>
      </c>
      <c r="X42424">
        <v>4</v>
      </c>
      <c r="Y42424">
        <v>4</v>
      </c>
      <c r="Z42424">
        <v>4</v>
      </c>
      <c r="AA42424">
        <v>4</v>
      </c>
      <c r="AB42424">
        <v>4</v>
      </c>
      <c r="AC42424">
        <v>4</v>
      </c>
      <c r="AD42424">
        <v>4</v>
      </c>
      <c r="AE42424">
        <v>4</v>
      </c>
      <c r="AF42424">
        <v>4</v>
      </c>
      <c r="AG42424">
        <v>4</v>
      </c>
      <c r="AH42424">
        <v>4</v>
      </c>
      <c r="AI42424">
        <v>4</v>
      </c>
      <c r="AJ42424">
        <v>4</v>
      </c>
      <c r="AK42424">
        <v>4</v>
      </c>
      <c r="AL42424">
        <v>4</v>
      </c>
      <c r="AM42424">
        <v>4</v>
      </c>
      <c r="AN42424">
        <v>4</v>
      </c>
      <c r="AO42424">
        <v>4</v>
      </c>
      <c r="AP42424">
        <v>4</v>
      </c>
      <c r="AQ42424">
        <v>4</v>
      </c>
    </row>
    <row r="42425" spans="1:43">
      <c r="A42425" t="s">
        <v>26027</v>
      </c>
      <c r="B42425" t="s">
        <v>26028</v>
      </c>
      <c r="C42425" t="s">
        <v>21719</v>
      </c>
      <c r="D42425" t="s">
        <v>21720</v>
      </c>
      <c r="E42425" t="s">
        <v>21687</v>
      </c>
      <c r="F42425" t="s">
        <v>21688</v>
      </c>
      <c r="G42425" t="s">
        <v>20255</v>
      </c>
      <c r="H42425" t="s">
        <v>20256</v>
      </c>
      <c r="I42425" s="2">
        <v>1</v>
      </c>
      <c r="J42425" s="2">
        <v>0</v>
      </c>
      <c r="K42425" s="2">
        <v>0</v>
      </c>
      <c r="L42425" t="s">
        <v>120</v>
      </c>
      <c r="M42425" t="s">
        <v>83</v>
      </c>
      <c r="N42425" t="s">
        <v>91</v>
      </c>
      <c r="O42425" t="s">
        <v>85</v>
      </c>
      <c r="P42425" t="s">
        <v>86</v>
      </c>
      <c r="Q42425">
        <v>4</v>
      </c>
      <c r="R42425">
        <v>4</v>
      </c>
      <c r="S42425">
        <v>4</v>
      </c>
      <c r="T42425">
        <v>4</v>
      </c>
      <c r="U42425">
        <v>4</v>
      </c>
      <c r="V42425">
        <v>4</v>
      </c>
      <c r="W42425">
        <v>4</v>
      </c>
      <c r="X42425">
        <v>4</v>
      </c>
      <c r="Y42425">
        <v>4</v>
      </c>
      <c r="Z42425">
        <v>4</v>
      </c>
      <c r="AA42425">
        <v>4</v>
      </c>
      <c r="AB42425">
        <v>4</v>
      </c>
      <c r="AC42425">
        <v>4</v>
      </c>
      <c r="AD42425">
        <v>4</v>
      </c>
      <c r="AE42425">
        <v>4</v>
      </c>
      <c r="AF42425">
        <v>4</v>
      </c>
      <c r="AG42425">
        <v>4</v>
      </c>
      <c r="AH42425">
        <v>4</v>
      </c>
      <c r="AI42425">
        <v>4</v>
      </c>
      <c r="AJ42425">
        <v>4</v>
      </c>
      <c r="AK42425">
        <v>4</v>
      </c>
      <c r="AL42425">
        <v>4</v>
      </c>
      <c r="AM42425">
        <v>4</v>
      </c>
      <c r="AN42425">
        <v>4</v>
      </c>
      <c r="AO42425">
        <v>4</v>
      </c>
      <c r="AP42425">
        <v>4</v>
      </c>
      <c r="AQ42425">
        <v>4</v>
      </c>
    </row>
    <row r="42426" spans="1:43">
      <c r="A42426" t="s">
        <v>26029</v>
      </c>
      <c r="B42426" t="s">
        <v>26030</v>
      </c>
      <c r="C42426" t="s">
        <v>21719</v>
      </c>
      <c r="D42426" t="s">
        <v>21720</v>
      </c>
      <c r="E42426" t="s">
        <v>21687</v>
      </c>
      <c r="F42426" t="s">
        <v>21688</v>
      </c>
      <c r="G42426" t="s">
        <v>20255</v>
      </c>
      <c r="H42426" t="s">
        <v>20256</v>
      </c>
      <c r="I42426" s="2">
        <v>1</v>
      </c>
      <c r="J42426" s="2">
        <v>0</v>
      </c>
      <c r="K42426" s="2">
        <v>0</v>
      </c>
      <c r="L42426" t="s">
        <v>120</v>
      </c>
      <c r="M42426" t="s">
        <v>83</v>
      </c>
      <c r="N42426" t="s">
        <v>84</v>
      </c>
      <c r="O42426" t="s">
        <v>85</v>
      </c>
      <c r="P42426" t="s">
        <v>86</v>
      </c>
      <c r="Q42426">
        <v>5</v>
      </c>
      <c r="R42426">
        <v>5</v>
      </c>
      <c r="S42426">
        <v>5</v>
      </c>
      <c r="T42426">
        <v>5</v>
      </c>
      <c r="U42426">
        <v>5</v>
      </c>
      <c r="V42426">
        <v>5</v>
      </c>
      <c r="W42426">
        <v>5</v>
      </c>
      <c r="X42426">
        <v>5</v>
      </c>
      <c r="Y42426">
        <v>5</v>
      </c>
      <c r="Z42426">
        <v>5</v>
      </c>
      <c r="AA42426">
        <v>5</v>
      </c>
      <c r="AB42426">
        <v>5</v>
      </c>
      <c r="AC42426">
        <v>5</v>
      </c>
      <c r="AD42426">
        <v>6</v>
      </c>
      <c r="AE42426">
        <v>6</v>
      </c>
      <c r="AF42426">
        <v>6</v>
      </c>
      <c r="AG42426">
        <v>6</v>
      </c>
      <c r="AH42426">
        <v>6</v>
      </c>
      <c r="AI42426">
        <v>6</v>
      </c>
      <c r="AJ42426">
        <v>6</v>
      </c>
      <c r="AK42426">
        <v>6</v>
      </c>
      <c r="AL42426">
        <v>6</v>
      </c>
      <c r="AM42426">
        <v>6</v>
      </c>
      <c r="AN42426">
        <v>6</v>
      </c>
      <c r="AO42426">
        <v>6</v>
      </c>
      <c r="AP42426">
        <v>6</v>
      </c>
      <c r="AQ42426">
        <v>6</v>
      </c>
    </row>
    <row r="42427" spans="1:43">
      <c r="A42427" t="s">
        <v>26029</v>
      </c>
      <c r="B42427" t="s">
        <v>26030</v>
      </c>
      <c r="C42427" t="s">
        <v>21719</v>
      </c>
      <c r="D42427" t="s">
        <v>21720</v>
      </c>
      <c r="E42427" t="s">
        <v>21687</v>
      </c>
      <c r="F42427" t="s">
        <v>21688</v>
      </c>
      <c r="G42427" t="s">
        <v>20255</v>
      </c>
      <c r="H42427" t="s">
        <v>20256</v>
      </c>
      <c r="I42427" s="2">
        <v>1</v>
      </c>
      <c r="J42427" s="2">
        <v>0</v>
      </c>
      <c r="K42427" s="2">
        <v>0</v>
      </c>
      <c r="L42427" t="s">
        <v>120</v>
      </c>
      <c r="M42427" t="s">
        <v>87</v>
      </c>
      <c r="N42427" t="s">
        <v>88</v>
      </c>
      <c r="O42427" t="s">
        <v>85</v>
      </c>
      <c r="P42427" t="s">
        <v>86</v>
      </c>
      <c r="Q42427">
        <v>5</v>
      </c>
      <c r="R42427">
        <v>5</v>
      </c>
      <c r="S42427">
        <v>5</v>
      </c>
      <c r="T42427">
        <v>5</v>
      </c>
      <c r="U42427">
        <v>5</v>
      </c>
      <c r="V42427">
        <v>5</v>
      </c>
      <c r="W42427">
        <v>5</v>
      </c>
      <c r="X42427">
        <v>5</v>
      </c>
      <c r="Y42427">
        <v>5</v>
      </c>
      <c r="Z42427">
        <v>5</v>
      </c>
      <c r="AA42427">
        <v>5</v>
      </c>
      <c r="AB42427">
        <v>5</v>
      </c>
      <c r="AC42427">
        <v>5</v>
      </c>
      <c r="AD42427">
        <v>5</v>
      </c>
      <c r="AE42427">
        <v>5</v>
      </c>
      <c r="AF42427">
        <v>5</v>
      </c>
      <c r="AG42427">
        <v>5</v>
      </c>
      <c r="AH42427">
        <v>5</v>
      </c>
      <c r="AI42427">
        <v>5</v>
      </c>
      <c r="AJ42427">
        <v>5</v>
      </c>
      <c r="AK42427">
        <v>5</v>
      </c>
      <c r="AL42427">
        <v>5</v>
      </c>
      <c r="AM42427">
        <v>5</v>
      </c>
      <c r="AN42427">
        <v>5</v>
      </c>
      <c r="AO42427">
        <v>5</v>
      </c>
      <c r="AP42427">
        <v>5</v>
      </c>
      <c r="AQ42427">
        <v>5</v>
      </c>
    </row>
    <row r="42428" spans="1:43">
      <c r="A42428" t="s">
        <v>26029</v>
      </c>
      <c r="B42428" t="s">
        <v>26030</v>
      </c>
      <c r="C42428" t="s">
        <v>21719</v>
      </c>
      <c r="D42428" t="s">
        <v>21720</v>
      </c>
      <c r="E42428" t="s">
        <v>21687</v>
      </c>
      <c r="F42428" t="s">
        <v>21688</v>
      </c>
      <c r="G42428" t="s">
        <v>20255</v>
      </c>
      <c r="H42428" t="s">
        <v>20256</v>
      </c>
      <c r="I42428" s="2">
        <v>1</v>
      </c>
      <c r="J42428" s="2">
        <v>0</v>
      </c>
      <c r="K42428" s="2">
        <v>0</v>
      </c>
      <c r="L42428" t="s">
        <v>120</v>
      </c>
      <c r="M42428" t="s">
        <v>89</v>
      </c>
      <c r="N42428" t="s">
        <v>90</v>
      </c>
      <c r="O42428" t="s">
        <v>85</v>
      </c>
      <c r="P42428" t="s">
        <v>86</v>
      </c>
      <c r="Q42428">
        <v>5</v>
      </c>
      <c r="R42428">
        <v>5</v>
      </c>
      <c r="S42428">
        <v>5</v>
      </c>
      <c r="T42428">
        <v>5</v>
      </c>
      <c r="U42428">
        <v>5</v>
      </c>
      <c r="V42428">
        <v>5</v>
      </c>
      <c r="W42428">
        <v>5</v>
      </c>
      <c r="X42428">
        <v>6</v>
      </c>
      <c r="Y42428">
        <v>6</v>
      </c>
      <c r="Z42428">
        <v>6</v>
      </c>
      <c r="AA42428">
        <v>6</v>
      </c>
      <c r="AB42428">
        <v>6</v>
      </c>
      <c r="AC42428">
        <v>6</v>
      </c>
      <c r="AD42428">
        <v>6</v>
      </c>
      <c r="AE42428">
        <v>6</v>
      </c>
      <c r="AF42428">
        <v>6</v>
      </c>
      <c r="AG42428">
        <v>6</v>
      </c>
      <c r="AH42428">
        <v>6</v>
      </c>
      <c r="AI42428">
        <v>6</v>
      </c>
      <c r="AJ42428">
        <v>6</v>
      </c>
      <c r="AK42428">
        <v>6</v>
      </c>
      <c r="AL42428">
        <v>6</v>
      </c>
      <c r="AM42428">
        <v>6</v>
      </c>
      <c r="AN42428">
        <v>6</v>
      </c>
      <c r="AO42428">
        <v>6</v>
      </c>
      <c r="AP42428">
        <v>6</v>
      </c>
      <c r="AQ42428">
        <v>6</v>
      </c>
    </row>
    <row r="42429" spans="1:43">
      <c r="A42429" t="s">
        <v>26029</v>
      </c>
      <c r="B42429" t="s">
        <v>26030</v>
      </c>
      <c r="C42429" t="s">
        <v>21719</v>
      </c>
      <c r="D42429" t="s">
        <v>21720</v>
      </c>
      <c r="E42429" t="s">
        <v>21687</v>
      </c>
      <c r="F42429" t="s">
        <v>21688</v>
      </c>
      <c r="G42429" t="s">
        <v>20255</v>
      </c>
      <c r="H42429" t="s">
        <v>20256</v>
      </c>
      <c r="I42429" s="2">
        <v>1</v>
      </c>
      <c r="J42429" s="2">
        <v>0</v>
      </c>
      <c r="K42429" s="2">
        <v>0</v>
      </c>
      <c r="L42429" t="s">
        <v>120</v>
      </c>
      <c r="M42429" t="s">
        <v>83</v>
      </c>
      <c r="N42429" t="s">
        <v>91</v>
      </c>
      <c r="O42429" t="s">
        <v>85</v>
      </c>
      <c r="P42429" t="s">
        <v>86</v>
      </c>
      <c r="Q42429">
        <v>5</v>
      </c>
      <c r="R42429">
        <v>5</v>
      </c>
      <c r="S42429">
        <v>5</v>
      </c>
      <c r="T42429">
        <v>5</v>
      </c>
      <c r="U42429">
        <v>5</v>
      </c>
      <c r="V42429">
        <v>5</v>
      </c>
      <c r="W42429">
        <v>5</v>
      </c>
      <c r="X42429">
        <v>5</v>
      </c>
      <c r="Y42429">
        <v>5</v>
      </c>
      <c r="Z42429">
        <v>5</v>
      </c>
      <c r="AA42429">
        <v>5</v>
      </c>
      <c r="AB42429">
        <v>5</v>
      </c>
      <c r="AC42429">
        <v>5</v>
      </c>
      <c r="AD42429">
        <v>6</v>
      </c>
      <c r="AE42429">
        <v>6</v>
      </c>
      <c r="AF42429">
        <v>6</v>
      </c>
      <c r="AG42429">
        <v>6</v>
      </c>
      <c r="AH42429">
        <v>6</v>
      </c>
      <c r="AI42429">
        <v>6</v>
      </c>
      <c r="AJ42429">
        <v>6</v>
      </c>
      <c r="AK42429">
        <v>6</v>
      </c>
      <c r="AL42429">
        <v>6</v>
      </c>
      <c r="AM42429">
        <v>6</v>
      </c>
      <c r="AN42429">
        <v>6</v>
      </c>
      <c r="AO42429">
        <v>6</v>
      </c>
      <c r="AP42429">
        <v>6</v>
      </c>
      <c r="AQ42429">
        <v>6</v>
      </c>
    </row>
    <row r="42430" spans="1:43">
      <c r="A42430" t="s">
        <v>26031</v>
      </c>
      <c r="B42430" t="s">
        <v>26032</v>
      </c>
      <c r="C42430" t="s">
        <v>21725</v>
      </c>
      <c r="D42430" t="s">
        <v>21726</v>
      </c>
      <c r="E42430" t="s">
        <v>21687</v>
      </c>
      <c r="F42430" t="s">
        <v>21688</v>
      </c>
      <c r="G42430" t="s">
        <v>20255</v>
      </c>
      <c r="H42430" t="s">
        <v>20256</v>
      </c>
      <c r="I42430" s="2">
        <v>1</v>
      </c>
      <c r="J42430" s="2">
        <v>0</v>
      </c>
      <c r="K42430" s="2">
        <v>0</v>
      </c>
      <c r="L42430" t="s">
        <v>120</v>
      </c>
      <c r="M42430" t="s">
        <v>83</v>
      </c>
      <c r="N42430" t="s">
        <v>84</v>
      </c>
      <c r="O42430" t="s">
        <v>85</v>
      </c>
      <c r="P42430" t="s">
        <v>86</v>
      </c>
      <c r="Q42430">
        <v>20</v>
      </c>
      <c r="R42430">
        <v>20</v>
      </c>
      <c r="S42430">
        <v>21</v>
      </c>
      <c r="T42430">
        <v>21</v>
      </c>
      <c r="U42430">
        <v>21</v>
      </c>
      <c r="V42430">
        <v>21</v>
      </c>
      <c r="W42430">
        <v>21</v>
      </c>
      <c r="X42430">
        <v>22</v>
      </c>
      <c r="Y42430">
        <v>22</v>
      </c>
      <c r="Z42430">
        <v>22</v>
      </c>
      <c r="AA42430">
        <v>22</v>
      </c>
      <c r="AB42430">
        <v>22</v>
      </c>
      <c r="AC42430">
        <v>23</v>
      </c>
      <c r="AD42430">
        <v>23</v>
      </c>
      <c r="AE42430">
        <v>23</v>
      </c>
      <c r="AF42430">
        <v>23</v>
      </c>
      <c r="AG42430">
        <v>23</v>
      </c>
      <c r="AH42430">
        <v>24</v>
      </c>
      <c r="AI42430">
        <v>24</v>
      </c>
      <c r="AJ42430">
        <v>24</v>
      </c>
      <c r="AK42430">
        <v>24</v>
      </c>
      <c r="AL42430">
        <v>24</v>
      </c>
      <c r="AM42430">
        <v>24</v>
      </c>
      <c r="AN42430">
        <v>24</v>
      </c>
      <c r="AO42430">
        <v>24</v>
      </c>
      <c r="AP42430">
        <v>24</v>
      </c>
      <c r="AQ42430">
        <v>24</v>
      </c>
    </row>
    <row r="42431" spans="1:43">
      <c r="A42431" t="s">
        <v>26031</v>
      </c>
      <c r="B42431" t="s">
        <v>26032</v>
      </c>
      <c r="C42431" t="s">
        <v>21725</v>
      </c>
      <c r="D42431" t="s">
        <v>21726</v>
      </c>
      <c r="E42431" t="s">
        <v>21687</v>
      </c>
      <c r="F42431" t="s">
        <v>21688</v>
      </c>
      <c r="G42431" t="s">
        <v>20255</v>
      </c>
      <c r="H42431" t="s">
        <v>20256</v>
      </c>
      <c r="I42431" s="2">
        <v>1</v>
      </c>
      <c r="J42431" s="2">
        <v>0</v>
      </c>
      <c r="K42431" s="2">
        <v>0</v>
      </c>
      <c r="L42431" t="s">
        <v>120</v>
      </c>
      <c r="M42431" t="s">
        <v>87</v>
      </c>
      <c r="N42431" t="s">
        <v>88</v>
      </c>
      <c r="O42431" t="s">
        <v>85</v>
      </c>
      <c r="P42431" t="s">
        <v>86</v>
      </c>
      <c r="Q42431">
        <v>20</v>
      </c>
      <c r="R42431">
        <v>20</v>
      </c>
      <c r="S42431">
        <v>20</v>
      </c>
      <c r="T42431">
        <v>20</v>
      </c>
      <c r="U42431">
        <v>20</v>
      </c>
      <c r="V42431">
        <v>20</v>
      </c>
      <c r="W42431">
        <v>20</v>
      </c>
      <c r="X42431">
        <v>20</v>
      </c>
      <c r="Y42431">
        <v>20</v>
      </c>
      <c r="Z42431">
        <v>20</v>
      </c>
      <c r="AA42431">
        <v>20</v>
      </c>
      <c r="AB42431">
        <v>20</v>
      </c>
      <c r="AC42431">
        <v>20</v>
      </c>
      <c r="AD42431">
        <v>20</v>
      </c>
      <c r="AE42431">
        <v>20</v>
      </c>
      <c r="AF42431">
        <v>20</v>
      </c>
      <c r="AG42431">
        <v>20</v>
      </c>
      <c r="AH42431">
        <v>20</v>
      </c>
      <c r="AI42431">
        <v>20</v>
      </c>
      <c r="AJ42431">
        <v>20</v>
      </c>
      <c r="AK42431">
        <v>21</v>
      </c>
      <c r="AL42431">
        <v>21</v>
      </c>
      <c r="AM42431">
        <v>21</v>
      </c>
      <c r="AN42431">
        <v>21</v>
      </c>
      <c r="AO42431">
        <v>21</v>
      </c>
      <c r="AP42431">
        <v>21</v>
      </c>
      <c r="AQ42431">
        <v>21</v>
      </c>
    </row>
    <row r="42432" spans="1:43">
      <c r="A42432" t="s">
        <v>26031</v>
      </c>
      <c r="B42432" t="s">
        <v>26032</v>
      </c>
      <c r="C42432" t="s">
        <v>21725</v>
      </c>
      <c r="D42432" t="s">
        <v>21726</v>
      </c>
      <c r="E42432" t="s">
        <v>21687</v>
      </c>
      <c r="F42432" t="s">
        <v>21688</v>
      </c>
      <c r="G42432" t="s">
        <v>20255</v>
      </c>
      <c r="H42432" t="s">
        <v>20256</v>
      </c>
      <c r="I42432" s="2">
        <v>1</v>
      </c>
      <c r="J42432" s="2">
        <v>0</v>
      </c>
      <c r="K42432" s="2">
        <v>0</v>
      </c>
      <c r="L42432" t="s">
        <v>120</v>
      </c>
      <c r="M42432" t="s">
        <v>89</v>
      </c>
      <c r="N42432" t="s">
        <v>90</v>
      </c>
      <c r="O42432" t="s">
        <v>85</v>
      </c>
      <c r="P42432" t="s">
        <v>86</v>
      </c>
      <c r="Q42432">
        <v>20</v>
      </c>
      <c r="R42432">
        <v>21</v>
      </c>
      <c r="S42432">
        <v>21</v>
      </c>
      <c r="T42432">
        <v>21</v>
      </c>
      <c r="U42432">
        <v>22</v>
      </c>
      <c r="V42432">
        <v>22</v>
      </c>
      <c r="W42432">
        <v>22</v>
      </c>
      <c r="X42432">
        <v>23</v>
      </c>
      <c r="Y42432">
        <v>23</v>
      </c>
      <c r="Z42432">
        <v>23</v>
      </c>
      <c r="AA42432">
        <v>24</v>
      </c>
      <c r="AB42432">
        <v>24</v>
      </c>
      <c r="AC42432">
        <v>24</v>
      </c>
      <c r="AD42432">
        <v>24</v>
      </c>
      <c r="AE42432">
        <v>25</v>
      </c>
      <c r="AF42432">
        <v>25</v>
      </c>
      <c r="AG42432">
        <v>25</v>
      </c>
      <c r="AH42432">
        <v>25</v>
      </c>
      <c r="AI42432">
        <v>25</v>
      </c>
      <c r="AJ42432">
        <v>25</v>
      </c>
      <c r="AK42432">
        <v>25</v>
      </c>
      <c r="AL42432">
        <v>25</v>
      </c>
      <c r="AM42432">
        <v>25</v>
      </c>
      <c r="AN42432">
        <v>25</v>
      </c>
      <c r="AO42432">
        <v>25</v>
      </c>
      <c r="AP42432">
        <v>25</v>
      </c>
      <c r="AQ42432">
        <v>25</v>
      </c>
    </row>
    <row r="42433" spans="1:43">
      <c r="A42433" t="s">
        <v>26031</v>
      </c>
      <c r="B42433" t="s">
        <v>26032</v>
      </c>
      <c r="C42433" t="s">
        <v>21725</v>
      </c>
      <c r="D42433" t="s">
        <v>21726</v>
      </c>
      <c r="E42433" t="s">
        <v>21687</v>
      </c>
      <c r="F42433" t="s">
        <v>21688</v>
      </c>
      <c r="G42433" t="s">
        <v>20255</v>
      </c>
      <c r="H42433" t="s">
        <v>20256</v>
      </c>
      <c r="I42433" s="2">
        <v>1</v>
      </c>
      <c r="J42433" s="2">
        <v>0</v>
      </c>
      <c r="K42433" s="2">
        <v>0</v>
      </c>
      <c r="L42433" t="s">
        <v>120</v>
      </c>
      <c r="M42433" t="s">
        <v>83</v>
      </c>
      <c r="N42433" t="s">
        <v>91</v>
      </c>
      <c r="O42433" t="s">
        <v>85</v>
      </c>
      <c r="P42433" t="s">
        <v>86</v>
      </c>
      <c r="Q42433">
        <v>20</v>
      </c>
      <c r="R42433">
        <v>20</v>
      </c>
      <c r="S42433">
        <v>21</v>
      </c>
      <c r="T42433">
        <v>21</v>
      </c>
      <c r="U42433">
        <v>21</v>
      </c>
      <c r="V42433">
        <v>21</v>
      </c>
      <c r="W42433">
        <v>21</v>
      </c>
      <c r="X42433">
        <v>22</v>
      </c>
      <c r="Y42433">
        <v>22</v>
      </c>
      <c r="Z42433">
        <v>22</v>
      </c>
      <c r="AA42433">
        <v>22</v>
      </c>
      <c r="AB42433">
        <v>22</v>
      </c>
      <c r="AC42433">
        <v>23</v>
      </c>
      <c r="AD42433">
        <v>23</v>
      </c>
      <c r="AE42433">
        <v>23</v>
      </c>
      <c r="AF42433">
        <v>23</v>
      </c>
      <c r="AG42433">
        <v>23</v>
      </c>
      <c r="AH42433">
        <v>24</v>
      </c>
      <c r="AI42433">
        <v>24</v>
      </c>
      <c r="AJ42433">
        <v>24</v>
      </c>
      <c r="AK42433">
        <v>24</v>
      </c>
      <c r="AL42433">
        <v>24</v>
      </c>
      <c r="AM42433">
        <v>24</v>
      </c>
      <c r="AN42433">
        <v>24</v>
      </c>
      <c r="AO42433">
        <v>24</v>
      </c>
      <c r="AP42433">
        <v>24</v>
      </c>
      <c r="AQ42433">
        <v>24</v>
      </c>
    </row>
    <row r="42434" spans="1:43">
      <c r="A42434" t="s">
        <v>26033</v>
      </c>
      <c r="B42434" t="s">
        <v>26034</v>
      </c>
      <c r="C42434" t="s">
        <v>21725</v>
      </c>
      <c r="D42434" t="s">
        <v>21726</v>
      </c>
      <c r="E42434" t="s">
        <v>21687</v>
      </c>
      <c r="F42434" t="s">
        <v>21688</v>
      </c>
      <c r="G42434" t="s">
        <v>20255</v>
      </c>
      <c r="H42434" t="s">
        <v>20256</v>
      </c>
      <c r="I42434" s="2">
        <v>1</v>
      </c>
      <c r="J42434" s="2">
        <v>0</v>
      </c>
      <c r="K42434" s="2">
        <v>0</v>
      </c>
      <c r="L42434" t="s">
        <v>120</v>
      </c>
      <c r="M42434" t="s">
        <v>83</v>
      </c>
      <c r="N42434" t="s">
        <v>84</v>
      </c>
      <c r="O42434" t="s">
        <v>85</v>
      </c>
      <c r="P42434" t="s">
        <v>86</v>
      </c>
      <c r="Q42434">
        <v>11</v>
      </c>
      <c r="R42434">
        <v>12</v>
      </c>
      <c r="S42434">
        <v>12</v>
      </c>
      <c r="T42434">
        <v>12</v>
      </c>
      <c r="U42434">
        <v>12</v>
      </c>
      <c r="V42434">
        <v>12</v>
      </c>
      <c r="W42434">
        <v>12</v>
      </c>
      <c r="X42434">
        <v>12</v>
      </c>
      <c r="Y42434">
        <v>12</v>
      </c>
      <c r="Z42434">
        <v>12</v>
      </c>
      <c r="AA42434">
        <v>13</v>
      </c>
      <c r="AB42434">
        <v>13</v>
      </c>
      <c r="AC42434">
        <v>13</v>
      </c>
      <c r="AD42434">
        <v>13</v>
      </c>
      <c r="AE42434">
        <v>13</v>
      </c>
      <c r="AF42434">
        <v>13</v>
      </c>
      <c r="AG42434">
        <v>13</v>
      </c>
      <c r="AH42434">
        <v>13</v>
      </c>
      <c r="AI42434">
        <v>13</v>
      </c>
      <c r="AJ42434">
        <v>14</v>
      </c>
      <c r="AK42434">
        <v>14</v>
      </c>
      <c r="AL42434">
        <v>14</v>
      </c>
      <c r="AM42434">
        <v>14</v>
      </c>
      <c r="AN42434">
        <v>14</v>
      </c>
      <c r="AO42434">
        <v>14</v>
      </c>
      <c r="AP42434">
        <v>14</v>
      </c>
      <c r="AQ42434">
        <v>14</v>
      </c>
    </row>
    <row r="42435" spans="1:43">
      <c r="A42435" t="s">
        <v>26033</v>
      </c>
      <c r="B42435" t="s">
        <v>26034</v>
      </c>
      <c r="C42435" t="s">
        <v>21725</v>
      </c>
      <c r="D42435" t="s">
        <v>21726</v>
      </c>
      <c r="E42435" t="s">
        <v>21687</v>
      </c>
      <c r="F42435" t="s">
        <v>21688</v>
      </c>
      <c r="G42435" t="s">
        <v>20255</v>
      </c>
      <c r="H42435" t="s">
        <v>20256</v>
      </c>
      <c r="I42435" s="2">
        <v>1</v>
      </c>
      <c r="J42435" s="2">
        <v>0</v>
      </c>
      <c r="K42435" s="2">
        <v>0</v>
      </c>
      <c r="L42435" t="s">
        <v>120</v>
      </c>
      <c r="M42435" t="s">
        <v>87</v>
      </c>
      <c r="N42435" t="s">
        <v>88</v>
      </c>
      <c r="O42435" t="s">
        <v>85</v>
      </c>
      <c r="P42435" t="s">
        <v>86</v>
      </c>
      <c r="Q42435">
        <v>11</v>
      </c>
      <c r="R42435">
        <v>11</v>
      </c>
      <c r="S42435">
        <v>11</v>
      </c>
      <c r="T42435">
        <v>11</v>
      </c>
      <c r="U42435">
        <v>11</v>
      </c>
      <c r="V42435">
        <v>11</v>
      </c>
      <c r="W42435">
        <v>11</v>
      </c>
      <c r="X42435">
        <v>11</v>
      </c>
      <c r="Y42435">
        <v>11</v>
      </c>
      <c r="Z42435">
        <v>11</v>
      </c>
      <c r="AA42435">
        <v>11</v>
      </c>
      <c r="AB42435">
        <v>11</v>
      </c>
      <c r="AC42435">
        <v>11</v>
      </c>
      <c r="AD42435">
        <v>11</v>
      </c>
      <c r="AE42435">
        <v>12</v>
      </c>
      <c r="AF42435">
        <v>12</v>
      </c>
      <c r="AG42435">
        <v>12</v>
      </c>
      <c r="AH42435">
        <v>12</v>
      </c>
      <c r="AI42435">
        <v>12</v>
      </c>
      <c r="AJ42435">
        <v>12</v>
      </c>
      <c r="AK42435">
        <v>12</v>
      </c>
      <c r="AL42435">
        <v>12</v>
      </c>
      <c r="AM42435">
        <v>12</v>
      </c>
      <c r="AN42435">
        <v>12</v>
      </c>
      <c r="AO42435">
        <v>12</v>
      </c>
      <c r="AP42435">
        <v>12</v>
      </c>
      <c r="AQ42435">
        <v>12</v>
      </c>
    </row>
    <row r="42436" spans="1:43">
      <c r="A42436" t="s">
        <v>26033</v>
      </c>
      <c r="B42436" t="s">
        <v>26034</v>
      </c>
      <c r="C42436" t="s">
        <v>21725</v>
      </c>
      <c r="D42436" t="s">
        <v>21726</v>
      </c>
      <c r="E42436" t="s">
        <v>21687</v>
      </c>
      <c r="F42436" t="s">
        <v>21688</v>
      </c>
      <c r="G42436" t="s">
        <v>20255</v>
      </c>
      <c r="H42436" t="s">
        <v>20256</v>
      </c>
      <c r="I42436" s="2">
        <v>1</v>
      </c>
      <c r="J42436" s="2">
        <v>0</v>
      </c>
      <c r="K42436" s="2">
        <v>0</v>
      </c>
      <c r="L42436" t="s">
        <v>120</v>
      </c>
      <c r="M42436" t="s">
        <v>89</v>
      </c>
      <c r="N42436" t="s">
        <v>90</v>
      </c>
      <c r="O42436" t="s">
        <v>85</v>
      </c>
      <c r="P42436" t="s">
        <v>86</v>
      </c>
      <c r="Q42436">
        <v>11</v>
      </c>
      <c r="R42436">
        <v>11</v>
      </c>
      <c r="S42436">
        <v>11</v>
      </c>
      <c r="T42436">
        <v>11</v>
      </c>
      <c r="U42436">
        <v>11</v>
      </c>
      <c r="V42436">
        <v>12</v>
      </c>
      <c r="W42436">
        <v>12</v>
      </c>
      <c r="X42436">
        <v>12</v>
      </c>
      <c r="Y42436">
        <v>12</v>
      </c>
      <c r="Z42436">
        <v>12</v>
      </c>
      <c r="AA42436">
        <v>12</v>
      </c>
      <c r="AB42436">
        <v>13</v>
      </c>
      <c r="AC42436">
        <v>13</v>
      </c>
      <c r="AD42436">
        <v>13</v>
      </c>
      <c r="AE42436">
        <v>13</v>
      </c>
      <c r="AF42436">
        <v>13</v>
      </c>
      <c r="AG42436">
        <v>13</v>
      </c>
      <c r="AH42436">
        <v>13</v>
      </c>
      <c r="AI42436">
        <v>13</v>
      </c>
      <c r="AJ42436">
        <v>13</v>
      </c>
      <c r="AK42436">
        <v>13</v>
      </c>
      <c r="AL42436">
        <v>13</v>
      </c>
      <c r="AM42436">
        <v>13</v>
      </c>
      <c r="AN42436">
        <v>13</v>
      </c>
      <c r="AO42436">
        <v>13</v>
      </c>
      <c r="AP42436">
        <v>13</v>
      </c>
      <c r="AQ42436">
        <v>13</v>
      </c>
    </row>
    <row r="42437" spans="1:43">
      <c r="A42437" t="s">
        <v>26033</v>
      </c>
      <c r="B42437" t="s">
        <v>26034</v>
      </c>
      <c r="C42437" t="s">
        <v>21725</v>
      </c>
      <c r="D42437" t="s">
        <v>21726</v>
      </c>
      <c r="E42437" t="s">
        <v>21687</v>
      </c>
      <c r="F42437" t="s">
        <v>21688</v>
      </c>
      <c r="G42437" t="s">
        <v>20255</v>
      </c>
      <c r="H42437" t="s">
        <v>20256</v>
      </c>
      <c r="I42437" s="2">
        <v>1</v>
      </c>
      <c r="J42437" s="2">
        <v>0</v>
      </c>
      <c r="K42437" s="2">
        <v>0</v>
      </c>
      <c r="L42437" t="s">
        <v>120</v>
      </c>
      <c r="M42437" t="s">
        <v>83</v>
      </c>
      <c r="N42437" t="s">
        <v>91</v>
      </c>
      <c r="O42437" t="s">
        <v>85</v>
      </c>
      <c r="P42437" t="s">
        <v>86</v>
      </c>
      <c r="Q42437">
        <v>11</v>
      </c>
      <c r="R42437">
        <v>12</v>
      </c>
      <c r="S42437">
        <v>12</v>
      </c>
      <c r="T42437">
        <v>12</v>
      </c>
      <c r="U42437">
        <v>12</v>
      </c>
      <c r="V42437">
        <v>12</v>
      </c>
      <c r="W42437">
        <v>12</v>
      </c>
      <c r="X42437">
        <v>12</v>
      </c>
      <c r="Y42437">
        <v>12</v>
      </c>
      <c r="Z42437">
        <v>12</v>
      </c>
      <c r="AA42437">
        <v>13</v>
      </c>
      <c r="AB42437">
        <v>13</v>
      </c>
      <c r="AC42437">
        <v>13</v>
      </c>
      <c r="AD42437">
        <v>13</v>
      </c>
      <c r="AE42437">
        <v>13</v>
      </c>
      <c r="AF42437">
        <v>13</v>
      </c>
      <c r="AG42437">
        <v>13</v>
      </c>
      <c r="AH42437">
        <v>13</v>
      </c>
      <c r="AI42437">
        <v>13</v>
      </c>
      <c r="AJ42437">
        <v>14</v>
      </c>
      <c r="AK42437">
        <v>14</v>
      </c>
      <c r="AL42437">
        <v>14</v>
      </c>
      <c r="AM42437">
        <v>14</v>
      </c>
      <c r="AN42437">
        <v>14</v>
      </c>
      <c r="AO42437">
        <v>14</v>
      </c>
      <c r="AP42437">
        <v>14</v>
      </c>
      <c r="AQ42437">
        <v>14</v>
      </c>
    </row>
    <row r="42438" spans="1:43">
      <c r="A42438" t="s">
        <v>26035</v>
      </c>
      <c r="B42438" t="s">
        <v>26036</v>
      </c>
      <c r="C42438" t="s">
        <v>21715</v>
      </c>
      <c r="D42438" t="s">
        <v>21716</v>
      </c>
      <c r="E42438" t="s">
        <v>21687</v>
      </c>
      <c r="F42438" t="s">
        <v>21688</v>
      </c>
      <c r="G42438" t="s">
        <v>20255</v>
      </c>
      <c r="H42438" t="s">
        <v>20256</v>
      </c>
      <c r="I42438" s="2">
        <v>1</v>
      </c>
      <c r="J42438" s="2">
        <v>0</v>
      </c>
      <c r="K42438" s="2">
        <v>0</v>
      </c>
      <c r="L42438" t="s">
        <v>120</v>
      </c>
      <c r="M42438" t="s">
        <v>83</v>
      </c>
      <c r="N42438" t="s">
        <v>84</v>
      </c>
      <c r="O42438" t="s">
        <v>85</v>
      </c>
      <c r="P42438" t="s">
        <v>86</v>
      </c>
      <c r="Q42438">
        <v>12</v>
      </c>
      <c r="R42438">
        <v>12</v>
      </c>
      <c r="S42438">
        <v>12</v>
      </c>
      <c r="T42438">
        <v>12</v>
      </c>
      <c r="U42438">
        <v>13</v>
      </c>
      <c r="V42438">
        <v>13</v>
      </c>
      <c r="W42438">
        <v>13</v>
      </c>
      <c r="X42438">
        <v>13</v>
      </c>
      <c r="Y42438">
        <v>13</v>
      </c>
      <c r="Z42438">
        <v>13</v>
      </c>
      <c r="AA42438">
        <v>13</v>
      </c>
      <c r="AB42438">
        <v>13</v>
      </c>
      <c r="AC42438">
        <v>13</v>
      </c>
      <c r="AD42438">
        <v>14</v>
      </c>
      <c r="AE42438">
        <v>14</v>
      </c>
      <c r="AF42438">
        <v>14</v>
      </c>
      <c r="AG42438">
        <v>14</v>
      </c>
      <c r="AH42438">
        <v>14</v>
      </c>
      <c r="AI42438">
        <v>14</v>
      </c>
      <c r="AJ42438">
        <v>14</v>
      </c>
      <c r="AK42438">
        <v>14</v>
      </c>
      <c r="AL42438">
        <v>14</v>
      </c>
      <c r="AM42438">
        <v>14</v>
      </c>
      <c r="AN42438">
        <v>14</v>
      </c>
      <c r="AO42438">
        <v>14</v>
      </c>
      <c r="AP42438">
        <v>14</v>
      </c>
      <c r="AQ42438">
        <v>14</v>
      </c>
    </row>
    <row r="42439" spans="1:43">
      <c r="A42439" t="s">
        <v>26035</v>
      </c>
      <c r="B42439" t="s">
        <v>26036</v>
      </c>
      <c r="C42439" t="s">
        <v>21715</v>
      </c>
      <c r="D42439" t="s">
        <v>21716</v>
      </c>
      <c r="E42439" t="s">
        <v>21687</v>
      </c>
      <c r="F42439" t="s">
        <v>21688</v>
      </c>
      <c r="G42439" t="s">
        <v>20255</v>
      </c>
      <c r="H42439" t="s">
        <v>20256</v>
      </c>
      <c r="I42439" s="2">
        <v>1</v>
      </c>
      <c r="J42439" s="2">
        <v>0</v>
      </c>
      <c r="K42439" s="2">
        <v>0</v>
      </c>
      <c r="L42439" t="s">
        <v>120</v>
      </c>
      <c r="M42439" t="s">
        <v>87</v>
      </c>
      <c r="N42439" t="s">
        <v>88</v>
      </c>
      <c r="O42439" t="s">
        <v>85</v>
      </c>
      <c r="P42439" t="s">
        <v>86</v>
      </c>
      <c r="Q42439">
        <v>12</v>
      </c>
      <c r="R42439">
        <v>12</v>
      </c>
      <c r="S42439">
        <v>12</v>
      </c>
      <c r="T42439">
        <v>12</v>
      </c>
      <c r="U42439">
        <v>12</v>
      </c>
      <c r="V42439">
        <v>12</v>
      </c>
      <c r="W42439">
        <v>12</v>
      </c>
      <c r="X42439">
        <v>12</v>
      </c>
      <c r="Y42439">
        <v>12</v>
      </c>
      <c r="Z42439">
        <v>12</v>
      </c>
      <c r="AA42439">
        <v>12</v>
      </c>
      <c r="AB42439">
        <v>12</v>
      </c>
      <c r="AC42439">
        <v>12</v>
      </c>
      <c r="AD42439">
        <v>12</v>
      </c>
      <c r="AE42439">
        <v>12</v>
      </c>
      <c r="AF42439">
        <v>12</v>
      </c>
      <c r="AG42439">
        <v>12</v>
      </c>
      <c r="AH42439">
        <v>12</v>
      </c>
      <c r="AI42439">
        <v>12</v>
      </c>
      <c r="AJ42439">
        <v>12</v>
      </c>
      <c r="AK42439">
        <v>12</v>
      </c>
      <c r="AL42439">
        <v>12</v>
      </c>
      <c r="AM42439">
        <v>12</v>
      </c>
      <c r="AN42439">
        <v>12</v>
      </c>
      <c r="AO42439">
        <v>12</v>
      </c>
      <c r="AP42439">
        <v>12</v>
      </c>
      <c r="AQ42439">
        <v>12</v>
      </c>
    </row>
    <row r="42440" spans="1:43">
      <c r="A42440" t="s">
        <v>26035</v>
      </c>
      <c r="B42440" t="s">
        <v>26036</v>
      </c>
      <c r="C42440" t="s">
        <v>21715</v>
      </c>
      <c r="D42440" t="s">
        <v>21716</v>
      </c>
      <c r="E42440" t="s">
        <v>21687</v>
      </c>
      <c r="F42440" t="s">
        <v>21688</v>
      </c>
      <c r="G42440" t="s">
        <v>20255</v>
      </c>
      <c r="H42440" t="s">
        <v>20256</v>
      </c>
      <c r="I42440" s="2">
        <v>1</v>
      </c>
      <c r="J42440" s="2">
        <v>0</v>
      </c>
      <c r="K42440" s="2">
        <v>0</v>
      </c>
      <c r="L42440" t="s">
        <v>120</v>
      </c>
      <c r="M42440" t="s">
        <v>89</v>
      </c>
      <c r="N42440" t="s">
        <v>90</v>
      </c>
      <c r="O42440" t="s">
        <v>85</v>
      </c>
      <c r="P42440" t="s">
        <v>86</v>
      </c>
      <c r="Q42440">
        <v>12</v>
      </c>
      <c r="R42440">
        <v>12</v>
      </c>
      <c r="S42440">
        <v>13</v>
      </c>
      <c r="T42440">
        <v>13</v>
      </c>
      <c r="U42440">
        <v>13</v>
      </c>
      <c r="V42440">
        <v>13</v>
      </c>
      <c r="W42440">
        <v>13</v>
      </c>
      <c r="X42440">
        <v>14</v>
      </c>
      <c r="Y42440">
        <v>14</v>
      </c>
      <c r="Z42440">
        <v>14</v>
      </c>
      <c r="AA42440">
        <v>14</v>
      </c>
      <c r="AB42440">
        <v>14</v>
      </c>
      <c r="AC42440">
        <v>14</v>
      </c>
      <c r="AD42440">
        <v>15</v>
      </c>
      <c r="AE42440">
        <v>15</v>
      </c>
      <c r="AF42440">
        <v>15</v>
      </c>
      <c r="AG42440">
        <v>15</v>
      </c>
      <c r="AH42440">
        <v>15</v>
      </c>
      <c r="AI42440">
        <v>15</v>
      </c>
      <c r="AJ42440">
        <v>15</v>
      </c>
      <c r="AK42440">
        <v>15</v>
      </c>
      <c r="AL42440">
        <v>15</v>
      </c>
      <c r="AM42440">
        <v>15</v>
      </c>
      <c r="AN42440">
        <v>15</v>
      </c>
      <c r="AO42440">
        <v>15</v>
      </c>
      <c r="AP42440">
        <v>15</v>
      </c>
      <c r="AQ42440">
        <v>15</v>
      </c>
    </row>
    <row r="42441" spans="1:43">
      <c r="A42441" t="s">
        <v>26035</v>
      </c>
      <c r="B42441" t="s">
        <v>26036</v>
      </c>
      <c r="C42441" t="s">
        <v>21715</v>
      </c>
      <c r="D42441" t="s">
        <v>21716</v>
      </c>
      <c r="E42441" t="s">
        <v>21687</v>
      </c>
      <c r="F42441" t="s">
        <v>21688</v>
      </c>
      <c r="G42441" t="s">
        <v>20255</v>
      </c>
      <c r="H42441" t="s">
        <v>20256</v>
      </c>
      <c r="I42441" s="2">
        <v>1</v>
      </c>
      <c r="J42441" s="2">
        <v>0</v>
      </c>
      <c r="K42441" s="2">
        <v>0</v>
      </c>
      <c r="L42441" t="s">
        <v>120</v>
      </c>
      <c r="M42441" t="s">
        <v>83</v>
      </c>
      <c r="N42441" t="s">
        <v>91</v>
      </c>
      <c r="O42441" t="s">
        <v>85</v>
      </c>
      <c r="P42441" t="s">
        <v>86</v>
      </c>
      <c r="Q42441">
        <v>12</v>
      </c>
      <c r="R42441">
        <v>12</v>
      </c>
      <c r="S42441">
        <v>12</v>
      </c>
      <c r="T42441">
        <v>12</v>
      </c>
      <c r="U42441">
        <v>13</v>
      </c>
      <c r="V42441">
        <v>13</v>
      </c>
      <c r="W42441">
        <v>13</v>
      </c>
      <c r="X42441">
        <v>13</v>
      </c>
      <c r="Y42441">
        <v>13</v>
      </c>
      <c r="Z42441">
        <v>13</v>
      </c>
      <c r="AA42441">
        <v>13</v>
      </c>
      <c r="AB42441">
        <v>13</v>
      </c>
      <c r="AC42441">
        <v>13</v>
      </c>
      <c r="AD42441">
        <v>14</v>
      </c>
      <c r="AE42441">
        <v>14</v>
      </c>
      <c r="AF42441">
        <v>14</v>
      </c>
      <c r="AG42441">
        <v>14</v>
      </c>
      <c r="AH42441">
        <v>14</v>
      </c>
      <c r="AI42441">
        <v>14</v>
      </c>
      <c r="AJ42441">
        <v>14</v>
      </c>
      <c r="AK42441">
        <v>14</v>
      </c>
      <c r="AL42441">
        <v>14</v>
      </c>
      <c r="AM42441">
        <v>14</v>
      </c>
      <c r="AN42441">
        <v>14</v>
      </c>
      <c r="AO42441">
        <v>14</v>
      </c>
      <c r="AP42441">
        <v>14</v>
      </c>
      <c r="AQ42441">
        <v>14</v>
      </c>
    </row>
    <row r="42442" spans="1:43">
      <c r="A42442" t="s">
        <v>26037</v>
      </c>
      <c r="B42442" t="s">
        <v>26038</v>
      </c>
      <c r="C42442" t="s">
        <v>21715</v>
      </c>
      <c r="D42442" t="s">
        <v>21716</v>
      </c>
      <c r="E42442" t="s">
        <v>21687</v>
      </c>
      <c r="F42442" t="s">
        <v>21688</v>
      </c>
      <c r="G42442" t="s">
        <v>20255</v>
      </c>
      <c r="H42442" t="s">
        <v>20256</v>
      </c>
      <c r="I42442" s="2">
        <v>1</v>
      </c>
      <c r="J42442" s="2">
        <v>0</v>
      </c>
      <c r="K42442" s="2">
        <v>0</v>
      </c>
      <c r="L42442" t="s">
        <v>120</v>
      </c>
      <c r="M42442" t="s">
        <v>83</v>
      </c>
      <c r="N42442" t="s">
        <v>84</v>
      </c>
      <c r="O42442" t="s">
        <v>85</v>
      </c>
      <c r="P42442" t="s">
        <v>86</v>
      </c>
      <c r="Q42442">
        <v>3</v>
      </c>
      <c r="R42442">
        <v>3</v>
      </c>
      <c r="S42442">
        <v>3</v>
      </c>
      <c r="T42442">
        <v>3</v>
      </c>
      <c r="U42442">
        <v>3</v>
      </c>
      <c r="V42442">
        <v>3</v>
      </c>
      <c r="W42442">
        <v>3</v>
      </c>
      <c r="X42442">
        <v>3</v>
      </c>
      <c r="Y42442">
        <v>3</v>
      </c>
      <c r="Z42442">
        <v>3</v>
      </c>
      <c r="AA42442">
        <v>3</v>
      </c>
      <c r="AB42442">
        <v>3</v>
      </c>
      <c r="AC42442">
        <v>3</v>
      </c>
      <c r="AD42442">
        <v>3</v>
      </c>
      <c r="AE42442">
        <v>3</v>
      </c>
      <c r="AF42442">
        <v>3</v>
      </c>
      <c r="AG42442">
        <v>3</v>
      </c>
      <c r="AH42442">
        <v>3</v>
      </c>
      <c r="AI42442">
        <v>4</v>
      </c>
      <c r="AJ42442">
        <v>4</v>
      </c>
      <c r="AK42442">
        <v>4</v>
      </c>
      <c r="AL42442">
        <v>4</v>
      </c>
      <c r="AM42442">
        <v>4</v>
      </c>
      <c r="AN42442">
        <v>4</v>
      </c>
      <c r="AO42442">
        <v>4</v>
      </c>
      <c r="AP42442">
        <v>4</v>
      </c>
      <c r="AQ42442">
        <v>4</v>
      </c>
    </row>
    <row r="42443" spans="1:43">
      <c r="A42443" t="s">
        <v>26037</v>
      </c>
      <c r="B42443" t="s">
        <v>26038</v>
      </c>
      <c r="C42443" t="s">
        <v>21715</v>
      </c>
      <c r="D42443" t="s">
        <v>21716</v>
      </c>
      <c r="E42443" t="s">
        <v>21687</v>
      </c>
      <c r="F42443" t="s">
        <v>21688</v>
      </c>
      <c r="G42443" t="s">
        <v>20255</v>
      </c>
      <c r="H42443" t="s">
        <v>20256</v>
      </c>
      <c r="I42443" s="2">
        <v>1</v>
      </c>
      <c r="J42443" s="2">
        <v>0</v>
      </c>
      <c r="K42443" s="2">
        <v>0</v>
      </c>
      <c r="L42443" t="s">
        <v>120</v>
      </c>
      <c r="M42443" t="s">
        <v>87</v>
      </c>
      <c r="N42443" t="s">
        <v>88</v>
      </c>
      <c r="O42443" t="s">
        <v>85</v>
      </c>
      <c r="P42443" t="s">
        <v>86</v>
      </c>
      <c r="Q42443">
        <v>3</v>
      </c>
      <c r="R42443">
        <v>3</v>
      </c>
      <c r="S42443">
        <v>3</v>
      </c>
      <c r="T42443">
        <v>3</v>
      </c>
      <c r="U42443">
        <v>3</v>
      </c>
      <c r="V42443">
        <v>3</v>
      </c>
      <c r="W42443">
        <v>3</v>
      </c>
      <c r="X42443">
        <v>3</v>
      </c>
      <c r="Y42443">
        <v>3</v>
      </c>
      <c r="Z42443">
        <v>3</v>
      </c>
      <c r="AA42443">
        <v>3</v>
      </c>
      <c r="AB42443">
        <v>3</v>
      </c>
      <c r="AC42443">
        <v>3</v>
      </c>
      <c r="AD42443">
        <v>3</v>
      </c>
      <c r="AE42443">
        <v>3</v>
      </c>
      <c r="AF42443">
        <v>3</v>
      </c>
      <c r="AG42443">
        <v>3</v>
      </c>
      <c r="AH42443">
        <v>3</v>
      </c>
      <c r="AI42443">
        <v>3</v>
      </c>
      <c r="AJ42443">
        <v>3</v>
      </c>
      <c r="AK42443">
        <v>3</v>
      </c>
      <c r="AL42443">
        <v>3</v>
      </c>
      <c r="AM42443">
        <v>3</v>
      </c>
      <c r="AN42443">
        <v>3</v>
      </c>
      <c r="AO42443">
        <v>3</v>
      </c>
      <c r="AP42443">
        <v>3</v>
      </c>
      <c r="AQ42443">
        <v>3</v>
      </c>
    </row>
    <row r="42444" spans="1:43">
      <c r="A42444" t="s">
        <v>26037</v>
      </c>
      <c r="B42444" t="s">
        <v>26038</v>
      </c>
      <c r="C42444" t="s">
        <v>21715</v>
      </c>
      <c r="D42444" t="s">
        <v>21716</v>
      </c>
      <c r="E42444" t="s">
        <v>21687</v>
      </c>
      <c r="F42444" t="s">
        <v>21688</v>
      </c>
      <c r="G42444" t="s">
        <v>20255</v>
      </c>
      <c r="H42444" t="s">
        <v>20256</v>
      </c>
      <c r="I42444" s="2">
        <v>1</v>
      </c>
      <c r="J42444" s="2">
        <v>0</v>
      </c>
      <c r="K42444" s="2">
        <v>0</v>
      </c>
      <c r="L42444" t="s">
        <v>120</v>
      </c>
      <c r="M42444" t="s">
        <v>89</v>
      </c>
      <c r="N42444" t="s">
        <v>90</v>
      </c>
      <c r="O42444" t="s">
        <v>85</v>
      </c>
      <c r="P42444" t="s">
        <v>86</v>
      </c>
      <c r="Q42444">
        <v>3</v>
      </c>
      <c r="R42444">
        <v>3</v>
      </c>
      <c r="S42444">
        <v>3</v>
      </c>
      <c r="T42444">
        <v>3</v>
      </c>
      <c r="U42444">
        <v>3</v>
      </c>
      <c r="V42444">
        <v>3</v>
      </c>
      <c r="W42444">
        <v>3</v>
      </c>
      <c r="X42444">
        <v>3</v>
      </c>
      <c r="Y42444">
        <v>3</v>
      </c>
      <c r="Z42444">
        <v>3</v>
      </c>
      <c r="AA42444">
        <v>3</v>
      </c>
      <c r="AB42444">
        <v>4</v>
      </c>
      <c r="AC42444">
        <v>4</v>
      </c>
      <c r="AD42444">
        <v>4</v>
      </c>
      <c r="AE42444">
        <v>4</v>
      </c>
      <c r="AF42444">
        <v>4</v>
      </c>
      <c r="AG42444">
        <v>4</v>
      </c>
      <c r="AH42444">
        <v>4</v>
      </c>
      <c r="AI42444">
        <v>4</v>
      </c>
      <c r="AJ42444">
        <v>4</v>
      </c>
      <c r="AK42444">
        <v>4</v>
      </c>
      <c r="AL42444">
        <v>4</v>
      </c>
      <c r="AM42444">
        <v>4</v>
      </c>
      <c r="AN42444">
        <v>4</v>
      </c>
      <c r="AO42444">
        <v>4</v>
      </c>
      <c r="AP42444">
        <v>4</v>
      </c>
      <c r="AQ42444">
        <v>4</v>
      </c>
    </row>
    <row r="42445" spans="1:43">
      <c r="A42445" t="s">
        <v>26037</v>
      </c>
      <c r="B42445" t="s">
        <v>26038</v>
      </c>
      <c r="C42445" t="s">
        <v>21715</v>
      </c>
      <c r="D42445" t="s">
        <v>21716</v>
      </c>
      <c r="E42445" t="s">
        <v>21687</v>
      </c>
      <c r="F42445" t="s">
        <v>21688</v>
      </c>
      <c r="G42445" t="s">
        <v>20255</v>
      </c>
      <c r="H42445" t="s">
        <v>20256</v>
      </c>
      <c r="I42445" s="2">
        <v>1</v>
      </c>
      <c r="J42445" s="2">
        <v>0</v>
      </c>
      <c r="K42445" s="2">
        <v>0</v>
      </c>
      <c r="L42445" t="s">
        <v>120</v>
      </c>
      <c r="M42445" t="s">
        <v>83</v>
      </c>
      <c r="N42445" t="s">
        <v>91</v>
      </c>
      <c r="O42445" t="s">
        <v>85</v>
      </c>
      <c r="P42445" t="s">
        <v>86</v>
      </c>
      <c r="Q42445">
        <v>3</v>
      </c>
      <c r="R42445">
        <v>3</v>
      </c>
      <c r="S42445">
        <v>3</v>
      </c>
      <c r="T42445">
        <v>3</v>
      </c>
      <c r="U42445">
        <v>3</v>
      </c>
      <c r="V42445">
        <v>3</v>
      </c>
      <c r="W42445">
        <v>3</v>
      </c>
      <c r="X42445">
        <v>3</v>
      </c>
      <c r="Y42445">
        <v>3</v>
      </c>
      <c r="Z42445">
        <v>3</v>
      </c>
      <c r="AA42445">
        <v>3</v>
      </c>
      <c r="AB42445">
        <v>3</v>
      </c>
      <c r="AC42445">
        <v>3</v>
      </c>
      <c r="AD42445">
        <v>3</v>
      </c>
      <c r="AE42445">
        <v>3</v>
      </c>
      <c r="AF42445">
        <v>3</v>
      </c>
      <c r="AG42445">
        <v>3</v>
      </c>
      <c r="AH42445">
        <v>3</v>
      </c>
      <c r="AI42445">
        <v>4</v>
      </c>
      <c r="AJ42445">
        <v>4</v>
      </c>
      <c r="AK42445">
        <v>4</v>
      </c>
      <c r="AL42445">
        <v>4</v>
      </c>
      <c r="AM42445">
        <v>4</v>
      </c>
      <c r="AN42445">
        <v>4</v>
      </c>
      <c r="AO42445">
        <v>4</v>
      </c>
      <c r="AP42445">
        <v>4</v>
      </c>
      <c r="AQ42445">
        <v>4</v>
      </c>
    </row>
    <row r="42446" spans="1:43">
      <c r="A42446" t="s">
        <v>26039</v>
      </c>
      <c r="B42446" t="s">
        <v>26040</v>
      </c>
      <c r="C42446" t="s">
        <v>21703</v>
      </c>
      <c r="D42446" t="s">
        <v>21704</v>
      </c>
      <c r="E42446" t="s">
        <v>21687</v>
      </c>
      <c r="F42446" t="s">
        <v>21688</v>
      </c>
      <c r="G42446" t="s">
        <v>20255</v>
      </c>
      <c r="H42446" t="s">
        <v>20256</v>
      </c>
      <c r="I42446" s="2">
        <v>1</v>
      </c>
      <c r="J42446" s="2">
        <v>0</v>
      </c>
      <c r="K42446" s="2">
        <v>0</v>
      </c>
      <c r="L42446" t="s">
        <v>120</v>
      </c>
      <c r="M42446" t="s">
        <v>83</v>
      </c>
      <c r="N42446" t="s">
        <v>84</v>
      </c>
      <c r="O42446" t="s">
        <v>85</v>
      </c>
      <c r="P42446" t="s">
        <v>86</v>
      </c>
      <c r="Q42446">
        <v>162</v>
      </c>
      <c r="R42446">
        <v>164</v>
      </c>
      <c r="S42446">
        <v>166</v>
      </c>
      <c r="T42446">
        <v>168</v>
      </c>
      <c r="U42446">
        <v>170</v>
      </c>
      <c r="V42446">
        <v>172</v>
      </c>
      <c r="W42446">
        <v>174</v>
      </c>
      <c r="X42446">
        <v>176</v>
      </c>
      <c r="Y42446">
        <v>177</v>
      </c>
      <c r="Z42446">
        <v>179</v>
      </c>
      <c r="AA42446">
        <v>181</v>
      </c>
      <c r="AB42446">
        <v>183</v>
      </c>
      <c r="AC42446">
        <v>185</v>
      </c>
      <c r="AD42446">
        <v>186</v>
      </c>
      <c r="AE42446">
        <v>188</v>
      </c>
      <c r="AF42446">
        <v>190</v>
      </c>
      <c r="AG42446">
        <v>192</v>
      </c>
      <c r="AH42446">
        <v>194</v>
      </c>
      <c r="AI42446">
        <v>196</v>
      </c>
      <c r="AJ42446">
        <v>198</v>
      </c>
      <c r="AK42446">
        <v>200</v>
      </c>
      <c r="AL42446">
        <v>200</v>
      </c>
      <c r="AM42446">
        <v>201</v>
      </c>
      <c r="AN42446">
        <v>201</v>
      </c>
      <c r="AO42446">
        <v>202</v>
      </c>
      <c r="AP42446">
        <v>202</v>
      </c>
      <c r="AQ42446">
        <v>203</v>
      </c>
    </row>
    <row r="42447" spans="1:43">
      <c r="A42447" t="s">
        <v>26039</v>
      </c>
      <c r="B42447" t="s">
        <v>26040</v>
      </c>
      <c r="C42447" t="s">
        <v>21703</v>
      </c>
      <c r="D42447" t="s">
        <v>21704</v>
      </c>
      <c r="E42447" t="s">
        <v>21687</v>
      </c>
      <c r="F42447" t="s">
        <v>21688</v>
      </c>
      <c r="G42447" t="s">
        <v>20255</v>
      </c>
      <c r="H42447" t="s">
        <v>20256</v>
      </c>
      <c r="I42447" s="2">
        <v>1</v>
      </c>
      <c r="J42447" s="2">
        <v>0</v>
      </c>
      <c r="K42447" s="2">
        <v>0</v>
      </c>
      <c r="L42447" t="s">
        <v>120</v>
      </c>
      <c r="M42447" t="s">
        <v>87</v>
      </c>
      <c r="N42447" t="s">
        <v>88</v>
      </c>
      <c r="O42447" t="s">
        <v>85</v>
      </c>
      <c r="P42447" t="s">
        <v>86</v>
      </c>
      <c r="Q42447">
        <v>162</v>
      </c>
      <c r="R42447">
        <v>162</v>
      </c>
      <c r="S42447">
        <v>162</v>
      </c>
      <c r="T42447">
        <v>163</v>
      </c>
      <c r="U42447">
        <v>163</v>
      </c>
      <c r="V42447">
        <v>164</v>
      </c>
      <c r="W42447">
        <v>164</v>
      </c>
      <c r="X42447">
        <v>165</v>
      </c>
      <c r="Y42447">
        <v>165</v>
      </c>
      <c r="Z42447">
        <v>166</v>
      </c>
      <c r="AA42447">
        <v>166</v>
      </c>
      <c r="AB42447">
        <v>167</v>
      </c>
      <c r="AC42447">
        <v>167</v>
      </c>
      <c r="AD42447">
        <v>168</v>
      </c>
      <c r="AE42447">
        <v>168</v>
      </c>
      <c r="AF42447">
        <v>169</v>
      </c>
      <c r="AG42447">
        <v>169</v>
      </c>
      <c r="AH42447">
        <v>170</v>
      </c>
      <c r="AI42447">
        <v>170</v>
      </c>
      <c r="AJ42447">
        <v>171</v>
      </c>
      <c r="AK42447">
        <v>172</v>
      </c>
      <c r="AL42447">
        <v>172</v>
      </c>
      <c r="AM42447">
        <v>173</v>
      </c>
      <c r="AN42447">
        <v>174</v>
      </c>
      <c r="AO42447">
        <v>174</v>
      </c>
      <c r="AP42447">
        <v>175</v>
      </c>
      <c r="AQ42447">
        <v>176</v>
      </c>
    </row>
    <row r="42448" spans="1:43">
      <c r="A42448" t="s">
        <v>26039</v>
      </c>
      <c r="B42448" t="s">
        <v>26040</v>
      </c>
      <c r="C42448" t="s">
        <v>21703</v>
      </c>
      <c r="D42448" t="s">
        <v>21704</v>
      </c>
      <c r="E42448" t="s">
        <v>21687</v>
      </c>
      <c r="F42448" t="s">
        <v>21688</v>
      </c>
      <c r="G42448" t="s">
        <v>20255</v>
      </c>
      <c r="H42448" t="s">
        <v>20256</v>
      </c>
      <c r="I42448" s="2">
        <v>1</v>
      </c>
      <c r="J42448" s="2">
        <v>0</v>
      </c>
      <c r="K42448" s="2">
        <v>0</v>
      </c>
      <c r="L42448" t="s">
        <v>120</v>
      </c>
      <c r="M42448" t="s">
        <v>89</v>
      </c>
      <c r="N42448" t="s">
        <v>90</v>
      </c>
      <c r="O42448" t="s">
        <v>85</v>
      </c>
      <c r="P42448" t="s">
        <v>86</v>
      </c>
      <c r="Q42448">
        <v>162</v>
      </c>
      <c r="R42448">
        <v>165</v>
      </c>
      <c r="S42448">
        <v>168</v>
      </c>
      <c r="T42448">
        <v>171</v>
      </c>
      <c r="U42448">
        <v>175</v>
      </c>
      <c r="V42448">
        <v>177</v>
      </c>
      <c r="W42448">
        <v>180</v>
      </c>
      <c r="X42448">
        <v>183</v>
      </c>
      <c r="Y42448">
        <v>185</v>
      </c>
      <c r="Z42448">
        <v>188</v>
      </c>
      <c r="AA42448">
        <v>191</v>
      </c>
      <c r="AB42448">
        <v>193</v>
      </c>
      <c r="AC42448">
        <v>196</v>
      </c>
      <c r="AD42448">
        <v>198</v>
      </c>
      <c r="AE42448">
        <v>200</v>
      </c>
      <c r="AF42448">
        <v>200</v>
      </c>
      <c r="AG42448">
        <v>200</v>
      </c>
      <c r="AH42448">
        <v>201</v>
      </c>
      <c r="AI42448">
        <v>201</v>
      </c>
      <c r="AJ42448">
        <v>201</v>
      </c>
      <c r="AK42448">
        <v>202</v>
      </c>
      <c r="AL42448">
        <v>202</v>
      </c>
      <c r="AM42448">
        <v>202</v>
      </c>
      <c r="AN42448">
        <v>203</v>
      </c>
      <c r="AO42448">
        <v>203</v>
      </c>
      <c r="AP42448">
        <v>204</v>
      </c>
      <c r="AQ42448">
        <v>204</v>
      </c>
    </row>
    <row r="42449" spans="1:43">
      <c r="A42449" t="s">
        <v>26039</v>
      </c>
      <c r="B42449" t="s">
        <v>26040</v>
      </c>
      <c r="C42449" t="s">
        <v>21703</v>
      </c>
      <c r="D42449" t="s">
        <v>21704</v>
      </c>
      <c r="E42449" t="s">
        <v>21687</v>
      </c>
      <c r="F42449" t="s">
        <v>21688</v>
      </c>
      <c r="G42449" t="s">
        <v>20255</v>
      </c>
      <c r="H42449" t="s">
        <v>20256</v>
      </c>
      <c r="I42449" s="2">
        <v>1</v>
      </c>
      <c r="J42449" s="2">
        <v>0</v>
      </c>
      <c r="K42449" s="2">
        <v>0</v>
      </c>
      <c r="L42449" t="s">
        <v>120</v>
      </c>
      <c r="M42449" t="s">
        <v>83</v>
      </c>
      <c r="N42449" t="s">
        <v>91</v>
      </c>
      <c r="O42449" t="s">
        <v>85</v>
      </c>
      <c r="P42449" t="s">
        <v>86</v>
      </c>
      <c r="Q42449">
        <v>162</v>
      </c>
      <c r="R42449">
        <v>164</v>
      </c>
      <c r="S42449">
        <v>166</v>
      </c>
      <c r="T42449">
        <v>168</v>
      </c>
      <c r="U42449">
        <v>170</v>
      </c>
      <c r="V42449">
        <v>172</v>
      </c>
      <c r="W42449">
        <v>174</v>
      </c>
      <c r="X42449">
        <v>176</v>
      </c>
      <c r="Y42449">
        <v>177</v>
      </c>
      <c r="Z42449">
        <v>179</v>
      </c>
      <c r="AA42449">
        <v>181</v>
      </c>
      <c r="AB42449">
        <v>183</v>
      </c>
      <c r="AC42449">
        <v>185</v>
      </c>
      <c r="AD42449">
        <v>186</v>
      </c>
      <c r="AE42449">
        <v>188</v>
      </c>
      <c r="AF42449">
        <v>190</v>
      </c>
      <c r="AG42449">
        <v>192</v>
      </c>
      <c r="AH42449">
        <v>194</v>
      </c>
      <c r="AI42449">
        <v>196</v>
      </c>
      <c r="AJ42449">
        <v>198</v>
      </c>
      <c r="AK42449">
        <v>200</v>
      </c>
      <c r="AL42449">
        <v>200</v>
      </c>
      <c r="AM42449">
        <v>201</v>
      </c>
      <c r="AN42449">
        <v>201</v>
      </c>
      <c r="AO42449">
        <v>202</v>
      </c>
      <c r="AP42449">
        <v>202</v>
      </c>
      <c r="AQ42449">
        <v>203</v>
      </c>
    </row>
    <row r="42450" spans="1:43">
      <c r="A42450" t="s">
        <v>26041</v>
      </c>
      <c r="B42450" t="s">
        <v>26042</v>
      </c>
      <c r="C42450" t="s">
        <v>21703</v>
      </c>
      <c r="D42450" t="s">
        <v>21704</v>
      </c>
      <c r="E42450" t="s">
        <v>21687</v>
      </c>
      <c r="F42450" t="s">
        <v>21688</v>
      </c>
      <c r="G42450" t="s">
        <v>20255</v>
      </c>
      <c r="H42450" t="s">
        <v>20256</v>
      </c>
      <c r="I42450" s="2">
        <v>1</v>
      </c>
      <c r="J42450" s="2">
        <v>0</v>
      </c>
      <c r="K42450" s="2">
        <v>0</v>
      </c>
      <c r="L42450" t="s">
        <v>120</v>
      </c>
      <c r="M42450" t="s">
        <v>83</v>
      </c>
      <c r="N42450" t="s">
        <v>84</v>
      </c>
      <c r="O42450" t="s">
        <v>85</v>
      </c>
      <c r="P42450" t="s">
        <v>86</v>
      </c>
      <c r="Q42450">
        <v>26</v>
      </c>
      <c r="R42450">
        <v>26</v>
      </c>
      <c r="S42450">
        <v>27</v>
      </c>
      <c r="T42450">
        <v>27</v>
      </c>
      <c r="U42450">
        <v>27</v>
      </c>
      <c r="V42450">
        <v>28</v>
      </c>
      <c r="W42450">
        <v>28</v>
      </c>
      <c r="X42450">
        <v>28</v>
      </c>
      <c r="Y42450">
        <v>29</v>
      </c>
      <c r="Z42450">
        <v>29</v>
      </c>
      <c r="AA42450">
        <v>29</v>
      </c>
      <c r="AB42450">
        <v>29</v>
      </c>
      <c r="AC42450">
        <v>30</v>
      </c>
      <c r="AD42450">
        <v>30</v>
      </c>
      <c r="AE42450">
        <v>30</v>
      </c>
      <c r="AF42450">
        <v>31</v>
      </c>
      <c r="AG42450">
        <v>31</v>
      </c>
      <c r="AH42450">
        <v>31</v>
      </c>
      <c r="AI42450">
        <v>31</v>
      </c>
      <c r="AJ42450">
        <v>32</v>
      </c>
      <c r="AK42450">
        <v>32</v>
      </c>
      <c r="AL42450">
        <v>32</v>
      </c>
      <c r="AM42450">
        <v>32</v>
      </c>
      <c r="AN42450">
        <v>32</v>
      </c>
      <c r="AO42450">
        <v>32</v>
      </c>
      <c r="AP42450">
        <v>33</v>
      </c>
      <c r="AQ42450">
        <v>33</v>
      </c>
    </row>
    <row r="42451" spans="1:43">
      <c r="A42451" t="s">
        <v>26041</v>
      </c>
      <c r="B42451" t="s">
        <v>26042</v>
      </c>
      <c r="C42451" t="s">
        <v>21703</v>
      </c>
      <c r="D42451" t="s">
        <v>21704</v>
      </c>
      <c r="E42451" t="s">
        <v>21687</v>
      </c>
      <c r="F42451" t="s">
        <v>21688</v>
      </c>
      <c r="G42451" t="s">
        <v>20255</v>
      </c>
      <c r="H42451" t="s">
        <v>20256</v>
      </c>
      <c r="I42451" s="2">
        <v>1</v>
      </c>
      <c r="J42451" s="2">
        <v>0</v>
      </c>
      <c r="K42451" s="2">
        <v>0</v>
      </c>
      <c r="L42451" t="s">
        <v>120</v>
      </c>
      <c r="M42451" t="s">
        <v>87</v>
      </c>
      <c r="N42451" t="s">
        <v>88</v>
      </c>
      <c r="O42451" t="s">
        <v>85</v>
      </c>
      <c r="P42451" t="s">
        <v>86</v>
      </c>
      <c r="Q42451">
        <v>26</v>
      </c>
      <c r="R42451">
        <v>26</v>
      </c>
      <c r="S42451">
        <v>26</v>
      </c>
      <c r="T42451">
        <v>26</v>
      </c>
      <c r="U42451">
        <v>26</v>
      </c>
      <c r="V42451">
        <v>26</v>
      </c>
      <c r="W42451">
        <v>26</v>
      </c>
      <c r="X42451">
        <v>26</v>
      </c>
      <c r="Y42451">
        <v>26</v>
      </c>
      <c r="Z42451">
        <v>26</v>
      </c>
      <c r="AA42451">
        <v>27</v>
      </c>
      <c r="AB42451">
        <v>27</v>
      </c>
      <c r="AC42451">
        <v>27</v>
      </c>
      <c r="AD42451">
        <v>27</v>
      </c>
      <c r="AE42451">
        <v>27</v>
      </c>
      <c r="AF42451">
        <v>27</v>
      </c>
      <c r="AG42451">
        <v>27</v>
      </c>
      <c r="AH42451">
        <v>27</v>
      </c>
      <c r="AI42451">
        <v>27</v>
      </c>
      <c r="AJ42451">
        <v>27</v>
      </c>
      <c r="AK42451">
        <v>27</v>
      </c>
      <c r="AL42451">
        <v>28</v>
      </c>
      <c r="AM42451">
        <v>28</v>
      </c>
      <c r="AN42451">
        <v>28</v>
      </c>
      <c r="AO42451">
        <v>28</v>
      </c>
      <c r="AP42451">
        <v>28</v>
      </c>
      <c r="AQ42451">
        <v>28</v>
      </c>
    </row>
    <row r="42452" spans="1:43">
      <c r="A42452" t="s">
        <v>26041</v>
      </c>
      <c r="B42452" t="s">
        <v>26042</v>
      </c>
      <c r="C42452" t="s">
        <v>21703</v>
      </c>
      <c r="D42452" t="s">
        <v>21704</v>
      </c>
      <c r="E42452" t="s">
        <v>21687</v>
      </c>
      <c r="F42452" t="s">
        <v>21688</v>
      </c>
      <c r="G42452" t="s">
        <v>20255</v>
      </c>
      <c r="H42452" t="s">
        <v>20256</v>
      </c>
      <c r="I42452" s="2">
        <v>1</v>
      </c>
      <c r="J42452" s="2">
        <v>0</v>
      </c>
      <c r="K42452" s="2">
        <v>0</v>
      </c>
      <c r="L42452" t="s">
        <v>120</v>
      </c>
      <c r="M42452" t="s">
        <v>89</v>
      </c>
      <c r="N42452" t="s">
        <v>90</v>
      </c>
      <c r="O42452" t="s">
        <v>85</v>
      </c>
      <c r="P42452" t="s">
        <v>86</v>
      </c>
      <c r="Q42452">
        <v>26</v>
      </c>
      <c r="R42452">
        <v>27</v>
      </c>
      <c r="S42452">
        <v>27</v>
      </c>
      <c r="T42452">
        <v>28</v>
      </c>
      <c r="U42452">
        <v>28</v>
      </c>
      <c r="V42452">
        <v>29</v>
      </c>
      <c r="W42452">
        <v>29</v>
      </c>
      <c r="X42452">
        <v>30</v>
      </c>
      <c r="Y42452">
        <v>30</v>
      </c>
      <c r="Z42452">
        <v>31</v>
      </c>
      <c r="AA42452">
        <v>31</v>
      </c>
      <c r="AB42452">
        <v>31</v>
      </c>
      <c r="AC42452">
        <v>32</v>
      </c>
      <c r="AD42452">
        <v>32</v>
      </c>
      <c r="AE42452">
        <v>32</v>
      </c>
      <c r="AF42452">
        <v>33</v>
      </c>
      <c r="AG42452">
        <v>33</v>
      </c>
      <c r="AH42452">
        <v>33</v>
      </c>
      <c r="AI42452">
        <v>33</v>
      </c>
      <c r="AJ42452">
        <v>33</v>
      </c>
      <c r="AK42452">
        <v>33</v>
      </c>
      <c r="AL42452">
        <v>33</v>
      </c>
      <c r="AM42452">
        <v>33</v>
      </c>
      <c r="AN42452">
        <v>33</v>
      </c>
      <c r="AO42452">
        <v>33</v>
      </c>
      <c r="AP42452">
        <v>33</v>
      </c>
      <c r="AQ42452">
        <v>33</v>
      </c>
    </row>
    <row r="42453" spans="1:43">
      <c r="A42453" t="s">
        <v>26041</v>
      </c>
      <c r="B42453" t="s">
        <v>26042</v>
      </c>
      <c r="C42453" t="s">
        <v>21703</v>
      </c>
      <c r="D42453" t="s">
        <v>21704</v>
      </c>
      <c r="E42453" t="s">
        <v>21687</v>
      </c>
      <c r="F42453" t="s">
        <v>21688</v>
      </c>
      <c r="G42453" t="s">
        <v>20255</v>
      </c>
      <c r="H42453" t="s">
        <v>20256</v>
      </c>
      <c r="I42453" s="2">
        <v>1</v>
      </c>
      <c r="J42453" s="2">
        <v>0</v>
      </c>
      <c r="K42453" s="2">
        <v>0</v>
      </c>
      <c r="L42453" t="s">
        <v>120</v>
      </c>
      <c r="M42453" t="s">
        <v>83</v>
      </c>
      <c r="N42453" t="s">
        <v>91</v>
      </c>
      <c r="O42453" t="s">
        <v>85</v>
      </c>
      <c r="P42453" t="s">
        <v>86</v>
      </c>
      <c r="Q42453">
        <v>26</v>
      </c>
      <c r="R42453">
        <v>26</v>
      </c>
      <c r="S42453">
        <v>27</v>
      </c>
      <c r="T42453">
        <v>27</v>
      </c>
      <c r="U42453">
        <v>27</v>
      </c>
      <c r="V42453">
        <v>28</v>
      </c>
      <c r="W42453">
        <v>28</v>
      </c>
      <c r="X42453">
        <v>28</v>
      </c>
      <c r="Y42453">
        <v>29</v>
      </c>
      <c r="Z42453">
        <v>29</v>
      </c>
      <c r="AA42453">
        <v>29</v>
      </c>
      <c r="AB42453">
        <v>29</v>
      </c>
      <c r="AC42453">
        <v>30</v>
      </c>
      <c r="AD42453">
        <v>30</v>
      </c>
      <c r="AE42453">
        <v>30</v>
      </c>
      <c r="AF42453">
        <v>31</v>
      </c>
      <c r="AG42453">
        <v>31</v>
      </c>
      <c r="AH42453">
        <v>31</v>
      </c>
      <c r="AI42453">
        <v>31</v>
      </c>
      <c r="AJ42453">
        <v>32</v>
      </c>
      <c r="AK42453">
        <v>32</v>
      </c>
      <c r="AL42453">
        <v>32</v>
      </c>
      <c r="AM42453">
        <v>32</v>
      </c>
      <c r="AN42453">
        <v>32</v>
      </c>
      <c r="AO42453">
        <v>32</v>
      </c>
      <c r="AP42453">
        <v>33</v>
      </c>
      <c r="AQ42453">
        <v>33</v>
      </c>
    </row>
    <row r="42454" spans="1:43">
      <c r="A42454" t="s">
        <v>26043</v>
      </c>
      <c r="B42454" t="s">
        <v>26044</v>
      </c>
      <c r="C42454" t="s">
        <v>21983</v>
      </c>
      <c r="D42454" t="s">
        <v>21984</v>
      </c>
      <c r="E42454" t="s">
        <v>21935</v>
      </c>
      <c r="F42454" t="s">
        <v>21936</v>
      </c>
      <c r="G42454" t="s">
        <v>20255</v>
      </c>
      <c r="H42454" t="s">
        <v>20256</v>
      </c>
      <c r="I42454" s="2">
        <v>1</v>
      </c>
      <c r="J42454" s="2">
        <v>0</v>
      </c>
      <c r="K42454" s="2">
        <v>0</v>
      </c>
      <c r="L42454" t="s">
        <v>120</v>
      </c>
      <c r="M42454" t="s">
        <v>83</v>
      </c>
      <c r="N42454" t="s">
        <v>84</v>
      </c>
      <c r="O42454" t="s">
        <v>85</v>
      </c>
      <c r="P42454" t="s">
        <v>86</v>
      </c>
      <c r="Q42454">
        <v>40</v>
      </c>
      <c r="R42454">
        <v>41</v>
      </c>
      <c r="S42454">
        <v>42</v>
      </c>
      <c r="T42454">
        <v>43</v>
      </c>
      <c r="U42454">
        <v>44</v>
      </c>
      <c r="V42454">
        <v>45</v>
      </c>
      <c r="W42454">
        <v>46</v>
      </c>
      <c r="X42454">
        <v>46</v>
      </c>
      <c r="Y42454">
        <v>47</v>
      </c>
      <c r="Z42454">
        <v>48</v>
      </c>
      <c r="AA42454">
        <v>49</v>
      </c>
      <c r="AB42454">
        <v>50</v>
      </c>
      <c r="AC42454">
        <v>51</v>
      </c>
      <c r="AD42454">
        <v>52</v>
      </c>
      <c r="AE42454">
        <v>53</v>
      </c>
      <c r="AF42454">
        <v>54</v>
      </c>
      <c r="AG42454">
        <v>55</v>
      </c>
      <c r="AH42454">
        <v>56</v>
      </c>
      <c r="AI42454">
        <v>57</v>
      </c>
      <c r="AJ42454">
        <v>58</v>
      </c>
      <c r="AK42454">
        <v>59</v>
      </c>
      <c r="AL42454">
        <v>59</v>
      </c>
      <c r="AM42454">
        <v>60</v>
      </c>
      <c r="AN42454">
        <v>61</v>
      </c>
      <c r="AO42454">
        <v>61</v>
      </c>
      <c r="AP42454">
        <v>62</v>
      </c>
      <c r="AQ42454">
        <v>62</v>
      </c>
    </row>
    <row r="42455" spans="1:43">
      <c r="A42455" t="s">
        <v>26043</v>
      </c>
      <c r="B42455" t="s">
        <v>26044</v>
      </c>
      <c r="C42455" t="s">
        <v>21983</v>
      </c>
      <c r="D42455" t="s">
        <v>21984</v>
      </c>
      <c r="E42455" t="s">
        <v>21935</v>
      </c>
      <c r="F42455" t="s">
        <v>21936</v>
      </c>
      <c r="G42455" t="s">
        <v>20255</v>
      </c>
      <c r="H42455" t="s">
        <v>20256</v>
      </c>
      <c r="I42455" s="2">
        <v>1</v>
      </c>
      <c r="J42455" s="2">
        <v>0</v>
      </c>
      <c r="K42455" s="2">
        <v>0</v>
      </c>
      <c r="L42455" t="s">
        <v>120</v>
      </c>
      <c r="M42455" t="s">
        <v>87</v>
      </c>
      <c r="N42455" t="s">
        <v>88</v>
      </c>
      <c r="O42455" t="s">
        <v>85</v>
      </c>
      <c r="P42455" t="s">
        <v>86</v>
      </c>
      <c r="Q42455">
        <v>40</v>
      </c>
      <c r="R42455">
        <v>41</v>
      </c>
      <c r="S42455">
        <v>41</v>
      </c>
      <c r="T42455">
        <v>41</v>
      </c>
      <c r="U42455">
        <v>42</v>
      </c>
      <c r="V42455">
        <v>42</v>
      </c>
      <c r="W42455">
        <v>43</v>
      </c>
      <c r="X42455">
        <v>43</v>
      </c>
      <c r="Y42455">
        <v>44</v>
      </c>
      <c r="Z42455">
        <v>44</v>
      </c>
      <c r="AA42455">
        <v>45</v>
      </c>
      <c r="AB42455">
        <v>45</v>
      </c>
      <c r="AC42455">
        <v>46</v>
      </c>
      <c r="AD42455">
        <v>46</v>
      </c>
      <c r="AE42455">
        <v>47</v>
      </c>
      <c r="AF42455">
        <v>47</v>
      </c>
      <c r="AG42455">
        <v>48</v>
      </c>
      <c r="AH42455">
        <v>48</v>
      </c>
      <c r="AI42455">
        <v>49</v>
      </c>
      <c r="AJ42455">
        <v>50</v>
      </c>
      <c r="AK42455">
        <v>50</v>
      </c>
      <c r="AL42455">
        <v>51</v>
      </c>
      <c r="AM42455">
        <v>51</v>
      </c>
      <c r="AN42455">
        <v>52</v>
      </c>
      <c r="AO42455">
        <v>53</v>
      </c>
      <c r="AP42455">
        <v>53</v>
      </c>
      <c r="AQ42455">
        <v>54</v>
      </c>
    </row>
    <row r="42456" spans="1:43">
      <c r="A42456" t="s">
        <v>26043</v>
      </c>
      <c r="B42456" t="s">
        <v>26044</v>
      </c>
      <c r="C42456" t="s">
        <v>21983</v>
      </c>
      <c r="D42456" t="s">
        <v>21984</v>
      </c>
      <c r="E42456" t="s">
        <v>21935</v>
      </c>
      <c r="F42456" t="s">
        <v>21936</v>
      </c>
      <c r="G42456" t="s">
        <v>20255</v>
      </c>
      <c r="H42456" t="s">
        <v>20256</v>
      </c>
      <c r="I42456" s="2">
        <v>1</v>
      </c>
      <c r="J42456" s="2">
        <v>0</v>
      </c>
      <c r="K42456" s="2">
        <v>0</v>
      </c>
      <c r="L42456" t="s">
        <v>120</v>
      </c>
      <c r="M42456" t="s">
        <v>89</v>
      </c>
      <c r="N42456" t="s">
        <v>90</v>
      </c>
      <c r="O42456" t="s">
        <v>85</v>
      </c>
      <c r="P42456" t="s">
        <v>86</v>
      </c>
      <c r="Q42456">
        <v>40</v>
      </c>
      <c r="R42456">
        <v>41</v>
      </c>
      <c r="S42456">
        <v>42</v>
      </c>
      <c r="T42456">
        <v>43</v>
      </c>
      <c r="U42456">
        <v>45</v>
      </c>
      <c r="V42456">
        <v>46</v>
      </c>
      <c r="W42456">
        <v>47</v>
      </c>
      <c r="X42456">
        <v>48</v>
      </c>
      <c r="Y42456">
        <v>49</v>
      </c>
      <c r="Z42456">
        <v>50</v>
      </c>
      <c r="AA42456">
        <v>51</v>
      </c>
      <c r="AB42456">
        <v>52</v>
      </c>
      <c r="AC42456">
        <v>54</v>
      </c>
      <c r="AD42456">
        <v>55</v>
      </c>
      <c r="AE42456">
        <v>56</v>
      </c>
      <c r="AF42456">
        <v>56</v>
      </c>
      <c r="AG42456">
        <v>57</v>
      </c>
      <c r="AH42456">
        <v>57</v>
      </c>
      <c r="AI42456">
        <v>58</v>
      </c>
      <c r="AJ42456">
        <v>58</v>
      </c>
      <c r="AK42456">
        <v>59</v>
      </c>
      <c r="AL42456">
        <v>59</v>
      </c>
      <c r="AM42456">
        <v>60</v>
      </c>
      <c r="AN42456">
        <v>60</v>
      </c>
      <c r="AO42456">
        <v>61</v>
      </c>
      <c r="AP42456">
        <v>61</v>
      </c>
      <c r="AQ42456">
        <v>62</v>
      </c>
    </row>
    <row r="42457" spans="1:43">
      <c r="A42457" t="s">
        <v>26043</v>
      </c>
      <c r="B42457" t="s">
        <v>26044</v>
      </c>
      <c r="C42457" t="s">
        <v>21983</v>
      </c>
      <c r="D42457" t="s">
        <v>21984</v>
      </c>
      <c r="E42457" t="s">
        <v>21935</v>
      </c>
      <c r="F42457" t="s">
        <v>21936</v>
      </c>
      <c r="G42457" t="s">
        <v>20255</v>
      </c>
      <c r="H42457" t="s">
        <v>20256</v>
      </c>
      <c r="I42457" s="2">
        <v>1</v>
      </c>
      <c r="J42457" s="2">
        <v>0</v>
      </c>
      <c r="K42457" s="2">
        <v>0</v>
      </c>
      <c r="L42457" t="s">
        <v>120</v>
      </c>
      <c r="M42457" t="s">
        <v>83</v>
      </c>
      <c r="N42457" t="s">
        <v>91</v>
      </c>
      <c r="O42457" t="s">
        <v>85</v>
      </c>
      <c r="P42457" t="s">
        <v>86</v>
      </c>
      <c r="Q42457">
        <v>40</v>
      </c>
      <c r="R42457">
        <v>41</v>
      </c>
      <c r="S42457">
        <v>42</v>
      </c>
      <c r="T42457">
        <v>43</v>
      </c>
      <c r="U42457">
        <v>44</v>
      </c>
      <c r="V42457">
        <v>45</v>
      </c>
      <c r="W42457">
        <v>46</v>
      </c>
      <c r="X42457">
        <v>46</v>
      </c>
      <c r="Y42457">
        <v>47</v>
      </c>
      <c r="Z42457">
        <v>48</v>
      </c>
      <c r="AA42457">
        <v>49</v>
      </c>
      <c r="AB42457">
        <v>50</v>
      </c>
      <c r="AC42457">
        <v>51</v>
      </c>
      <c r="AD42457">
        <v>52</v>
      </c>
      <c r="AE42457">
        <v>53</v>
      </c>
      <c r="AF42457">
        <v>54</v>
      </c>
      <c r="AG42457">
        <v>55</v>
      </c>
      <c r="AH42457">
        <v>56</v>
      </c>
      <c r="AI42457">
        <v>57</v>
      </c>
      <c r="AJ42457">
        <v>58</v>
      </c>
      <c r="AK42457">
        <v>59</v>
      </c>
      <c r="AL42457">
        <v>59</v>
      </c>
      <c r="AM42457">
        <v>60</v>
      </c>
      <c r="AN42457">
        <v>61</v>
      </c>
      <c r="AO42457">
        <v>61</v>
      </c>
      <c r="AP42457">
        <v>62</v>
      </c>
      <c r="AQ42457">
        <v>62</v>
      </c>
    </row>
    <row r="42458" spans="1:43">
      <c r="A42458" t="s">
        <v>26045</v>
      </c>
      <c r="B42458" t="s">
        <v>26046</v>
      </c>
      <c r="C42458" t="s">
        <v>21983</v>
      </c>
      <c r="D42458" t="s">
        <v>21984</v>
      </c>
      <c r="E42458" t="s">
        <v>21935</v>
      </c>
      <c r="F42458" t="s">
        <v>21936</v>
      </c>
      <c r="G42458" t="s">
        <v>20255</v>
      </c>
      <c r="H42458" t="s">
        <v>20256</v>
      </c>
      <c r="I42458" s="2">
        <v>1</v>
      </c>
      <c r="J42458" s="2">
        <v>0</v>
      </c>
      <c r="K42458" s="2">
        <v>0</v>
      </c>
      <c r="L42458" t="s">
        <v>120</v>
      </c>
      <c r="M42458" t="s">
        <v>83</v>
      </c>
      <c r="N42458" t="s">
        <v>84</v>
      </c>
      <c r="O42458" t="s">
        <v>85</v>
      </c>
      <c r="P42458" t="s">
        <v>86</v>
      </c>
      <c r="Q42458">
        <v>21</v>
      </c>
      <c r="R42458">
        <v>22</v>
      </c>
      <c r="S42458">
        <v>22</v>
      </c>
      <c r="T42458">
        <v>22</v>
      </c>
      <c r="U42458">
        <v>23</v>
      </c>
      <c r="V42458">
        <v>23</v>
      </c>
      <c r="W42458">
        <v>24</v>
      </c>
      <c r="X42458">
        <v>24</v>
      </c>
      <c r="Y42458">
        <v>25</v>
      </c>
      <c r="Z42458">
        <v>25</v>
      </c>
      <c r="AA42458">
        <v>26</v>
      </c>
      <c r="AB42458">
        <v>26</v>
      </c>
      <c r="AC42458">
        <v>27</v>
      </c>
      <c r="AD42458">
        <v>27</v>
      </c>
      <c r="AE42458">
        <v>27</v>
      </c>
      <c r="AF42458">
        <v>28</v>
      </c>
      <c r="AG42458">
        <v>28</v>
      </c>
      <c r="AH42458">
        <v>29</v>
      </c>
      <c r="AI42458">
        <v>30</v>
      </c>
      <c r="AJ42458">
        <v>30</v>
      </c>
      <c r="AK42458">
        <v>31</v>
      </c>
      <c r="AL42458">
        <v>31</v>
      </c>
      <c r="AM42458">
        <v>31</v>
      </c>
      <c r="AN42458">
        <v>32</v>
      </c>
      <c r="AO42458">
        <v>32</v>
      </c>
      <c r="AP42458">
        <v>32</v>
      </c>
      <c r="AQ42458">
        <v>32</v>
      </c>
    </row>
    <row r="42459" spans="1:43">
      <c r="A42459" t="s">
        <v>26045</v>
      </c>
      <c r="B42459" t="s">
        <v>26046</v>
      </c>
      <c r="C42459" t="s">
        <v>21983</v>
      </c>
      <c r="D42459" t="s">
        <v>21984</v>
      </c>
      <c r="E42459" t="s">
        <v>21935</v>
      </c>
      <c r="F42459" t="s">
        <v>21936</v>
      </c>
      <c r="G42459" t="s">
        <v>20255</v>
      </c>
      <c r="H42459" t="s">
        <v>20256</v>
      </c>
      <c r="I42459" s="2">
        <v>1</v>
      </c>
      <c r="J42459" s="2">
        <v>0</v>
      </c>
      <c r="K42459" s="2">
        <v>0</v>
      </c>
      <c r="L42459" t="s">
        <v>120</v>
      </c>
      <c r="M42459" t="s">
        <v>87</v>
      </c>
      <c r="N42459" t="s">
        <v>88</v>
      </c>
      <c r="O42459" t="s">
        <v>85</v>
      </c>
      <c r="P42459" t="s">
        <v>86</v>
      </c>
      <c r="Q42459">
        <v>21</v>
      </c>
      <c r="R42459">
        <v>21</v>
      </c>
      <c r="S42459">
        <v>21</v>
      </c>
      <c r="T42459">
        <v>22</v>
      </c>
      <c r="U42459">
        <v>22</v>
      </c>
      <c r="V42459">
        <v>22</v>
      </c>
      <c r="W42459">
        <v>22</v>
      </c>
      <c r="X42459">
        <v>23</v>
      </c>
      <c r="Y42459">
        <v>23</v>
      </c>
      <c r="Z42459">
        <v>23</v>
      </c>
      <c r="AA42459">
        <v>23</v>
      </c>
      <c r="AB42459">
        <v>24</v>
      </c>
      <c r="AC42459">
        <v>24</v>
      </c>
      <c r="AD42459">
        <v>24</v>
      </c>
      <c r="AE42459">
        <v>24</v>
      </c>
      <c r="AF42459">
        <v>25</v>
      </c>
      <c r="AG42459">
        <v>25</v>
      </c>
      <c r="AH42459">
        <v>25</v>
      </c>
      <c r="AI42459">
        <v>26</v>
      </c>
      <c r="AJ42459">
        <v>26</v>
      </c>
      <c r="AK42459">
        <v>26</v>
      </c>
      <c r="AL42459">
        <v>26</v>
      </c>
      <c r="AM42459">
        <v>27</v>
      </c>
      <c r="AN42459">
        <v>27</v>
      </c>
      <c r="AO42459">
        <v>27</v>
      </c>
      <c r="AP42459">
        <v>28</v>
      </c>
      <c r="AQ42459">
        <v>28</v>
      </c>
    </row>
    <row r="42460" spans="1:43">
      <c r="A42460" t="s">
        <v>26045</v>
      </c>
      <c r="B42460" t="s">
        <v>26046</v>
      </c>
      <c r="C42460" t="s">
        <v>21983</v>
      </c>
      <c r="D42460" t="s">
        <v>21984</v>
      </c>
      <c r="E42460" t="s">
        <v>21935</v>
      </c>
      <c r="F42460" t="s">
        <v>21936</v>
      </c>
      <c r="G42460" t="s">
        <v>20255</v>
      </c>
      <c r="H42460" t="s">
        <v>20256</v>
      </c>
      <c r="I42460" s="2">
        <v>1</v>
      </c>
      <c r="J42460" s="2">
        <v>0</v>
      </c>
      <c r="K42460" s="2">
        <v>0</v>
      </c>
      <c r="L42460" t="s">
        <v>120</v>
      </c>
      <c r="M42460" t="s">
        <v>89</v>
      </c>
      <c r="N42460" t="s">
        <v>90</v>
      </c>
      <c r="O42460" t="s">
        <v>85</v>
      </c>
      <c r="P42460" t="s">
        <v>86</v>
      </c>
      <c r="Q42460">
        <v>21</v>
      </c>
      <c r="R42460">
        <v>22</v>
      </c>
      <c r="S42460">
        <v>23</v>
      </c>
      <c r="T42460">
        <v>23</v>
      </c>
      <c r="U42460">
        <v>24</v>
      </c>
      <c r="V42460">
        <v>24</v>
      </c>
      <c r="W42460">
        <v>25</v>
      </c>
      <c r="X42460">
        <v>26</v>
      </c>
      <c r="Y42460">
        <v>26</v>
      </c>
      <c r="Z42460">
        <v>27</v>
      </c>
      <c r="AA42460">
        <v>27</v>
      </c>
      <c r="AB42460">
        <v>28</v>
      </c>
      <c r="AC42460">
        <v>28</v>
      </c>
      <c r="AD42460">
        <v>29</v>
      </c>
      <c r="AE42460">
        <v>29</v>
      </c>
      <c r="AF42460">
        <v>30</v>
      </c>
      <c r="AG42460">
        <v>30</v>
      </c>
      <c r="AH42460">
        <v>30</v>
      </c>
      <c r="AI42460">
        <v>30</v>
      </c>
      <c r="AJ42460">
        <v>31</v>
      </c>
      <c r="AK42460">
        <v>31</v>
      </c>
      <c r="AL42460">
        <v>31</v>
      </c>
      <c r="AM42460">
        <v>32</v>
      </c>
      <c r="AN42460">
        <v>32</v>
      </c>
      <c r="AO42460">
        <v>32</v>
      </c>
      <c r="AP42460">
        <v>32</v>
      </c>
      <c r="AQ42460">
        <v>33</v>
      </c>
    </row>
    <row r="42461" spans="1:43">
      <c r="A42461" t="s">
        <v>26045</v>
      </c>
      <c r="B42461" t="s">
        <v>26046</v>
      </c>
      <c r="C42461" t="s">
        <v>21983</v>
      </c>
      <c r="D42461" t="s">
        <v>21984</v>
      </c>
      <c r="E42461" t="s">
        <v>21935</v>
      </c>
      <c r="F42461" t="s">
        <v>21936</v>
      </c>
      <c r="G42461" t="s">
        <v>20255</v>
      </c>
      <c r="H42461" t="s">
        <v>20256</v>
      </c>
      <c r="I42461" s="2">
        <v>1</v>
      </c>
      <c r="J42461" s="2">
        <v>0</v>
      </c>
      <c r="K42461" s="2">
        <v>0</v>
      </c>
      <c r="L42461" t="s">
        <v>120</v>
      </c>
      <c r="M42461" t="s">
        <v>83</v>
      </c>
      <c r="N42461" t="s">
        <v>91</v>
      </c>
      <c r="O42461" t="s">
        <v>85</v>
      </c>
      <c r="P42461" t="s">
        <v>86</v>
      </c>
      <c r="Q42461">
        <v>21</v>
      </c>
      <c r="R42461">
        <v>22</v>
      </c>
      <c r="S42461">
        <v>22</v>
      </c>
      <c r="T42461">
        <v>22</v>
      </c>
      <c r="U42461">
        <v>23</v>
      </c>
      <c r="V42461">
        <v>23</v>
      </c>
      <c r="W42461">
        <v>24</v>
      </c>
      <c r="X42461">
        <v>24</v>
      </c>
      <c r="Y42461">
        <v>25</v>
      </c>
      <c r="Z42461">
        <v>25</v>
      </c>
      <c r="AA42461">
        <v>26</v>
      </c>
      <c r="AB42461">
        <v>26</v>
      </c>
      <c r="AC42461">
        <v>27</v>
      </c>
      <c r="AD42461">
        <v>27</v>
      </c>
      <c r="AE42461">
        <v>27</v>
      </c>
      <c r="AF42461">
        <v>28</v>
      </c>
      <c r="AG42461">
        <v>28</v>
      </c>
      <c r="AH42461">
        <v>29</v>
      </c>
      <c r="AI42461">
        <v>30</v>
      </c>
      <c r="AJ42461">
        <v>30</v>
      </c>
      <c r="AK42461">
        <v>31</v>
      </c>
      <c r="AL42461">
        <v>31</v>
      </c>
      <c r="AM42461">
        <v>31</v>
      </c>
      <c r="AN42461">
        <v>32</v>
      </c>
      <c r="AO42461">
        <v>32</v>
      </c>
      <c r="AP42461">
        <v>32</v>
      </c>
      <c r="AQ42461">
        <v>32</v>
      </c>
    </row>
    <row r="42462" spans="1:43">
      <c r="A42462" t="s">
        <v>26047</v>
      </c>
      <c r="B42462" t="s">
        <v>26048</v>
      </c>
      <c r="C42462" t="s">
        <v>22097</v>
      </c>
      <c r="D42462" t="s">
        <v>22098</v>
      </c>
      <c r="E42462" t="s">
        <v>21687</v>
      </c>
      <c r="F42462" t="s">
        <v>21688</v>
      </c>
      <c r="G42462" t="s">
        <v>20255</v>
      </c>
      <c r="H42462" t="s">
        <v>20256</v>
      </c>
      <c r="I42462" s="2">
        <v>1</v>
      </c>
      <c r="J42462" s="2">
        <v>0</v>
      </c>
      <c r="K42462" s="2">
        <v>0</v>
      </c>
      <c r="L42462" t="s">
        <v>120</v>
      </c>
      <c r="M42462" t="s">
        <v>83</v>
      </c>
      <c r="N42462" t="s">
        <v>84</v>
      </c>
      <c r="O42462" t="s">
        <v>85</v>
      </c>
      <c r="P42462" t="s">
        <v>86</v>
      </c>
      <c r="Q42462">
        <v>37</v>
      </c>
      <c r="R42462">
        <v>37</v>
      </c>
      <c r="S42462">
        <v>37</v>
      </c>
      <c r="T42462">
        <v>38</v>
      </c>
      <c r="U42462">
        <v>38</v>
      </c>
      <c r="V42462">
        <v>38</v>
      </c>
      <c r="W42462">
        <v>39</v>
      </c>
      <c r="X42462">
        <v>39</v>
      </c>
      <c r="Y42462">
        <v>40</v>
      </c>
      <c r="Z42462">
        <v>40</v>
      </c>
      <c r="AA42462">
        <v>40</v>
      </c>
      <c r="AB42462">
        <v>41</v>
      </c>
      <c r="AC42462">
        <v>41</v>
      </c>
      <c r="AD42462">
        <v>41</v>
      </c>
      <c r="AE42462">
        <v>42</v>
      </c>
      <c r="AF42462">
        <v>42</v>
      </c>
      <c r="AG42462">
        <v>42</v>
      </c>
      <c r="AH42462">
        <v>43</v>
      </c>
      <c r="AI42462">
        <v>43</v>
      </c>
      <c r="AJ42462">
        <v>43</v>
      </c>
      <c r="AK42462">
        <v>44</v>
      </c>
      <c r="AL42462">
        <v>44</v>
      </c>
      <c r="AM42462">
        <v>44</v>
      </c>
      <c r="AN42462">
        <v>44</v>
      </c>
      <c r="AO42462">
        <v>44</v>
      </c>
      <c r="AP42462">
        <v>44</v>
      </c>
      <c r="AQ42462">
        <v>44</v>
      </c>
    </row>
    <row r="42463" spans="1:43">
      <c r="A42463" t="s">
        <v>26047</v>
      </c>
      <c r="B42463" t="s">
        <v>26048</v>
      </c>
      <c r="C42463" t="s">
        <v>22097</v>
      </c>
      <c r="D42463" t="s">
        <v>22098</v>
      </c>
      <c r="E42463" t="s">
        <v>21687</v>
      </c>
      <c r="F42463" t="s">
        <v>21688</v>
      </c>
      <c r="G42463" t="s">
        <v>20255</v>
      </c>
      <c r="H42463" t="s">
        <v>20256</v>
      </c>
      <c r="I42463" s="2">
        <v>1</v>
      </c>
      <c r="J42463" s="2">
        <v>0</v>
      </c>
      <c r="K42463" s="2">
        <v>0</v>
      </c>
      <c r="L42463" t="s">
        <v>120</v>
      </c>
      <c r="M42463" t="s">
        <v>87</v>
      </c>
      <c r="N42463" t="s">
        <v>88</v>
      </c>
      <c r="O42463" t="s">
        <v>85</v>
      </c>
      <c r="P42463" t="s">
        <v>86</v>
      </c>
      <c r="Q42463">
        <v>37</v>
      </c>
      <c r="R42463">
        <v>37</v>
      </c>
      <c r="S42463">
        <v>37</v>
      </c>
      <c r="T42463">
        <v>37</v>
      </c>
      <c r="U42463">
        <v>37</v>
      </c>
      <c r="V42463">
        <v>37</v>
      </c>
      <c r="W42463">
        <v>37</v>
      </c>
      <c r="X42463">
        <v>38</v>
      </c>
      <c r="Y42463">
        <v>38</v>
      </c>
      <c r="Z42463">
        <v>38</v>
      </c>
      <c r="AA42463">
        <v>38</v>
      </c>
      <c r="AB42463">
        <v>38</v>
      </c>
      <c r="AC42463">
        <v>38</v>
      </c>
      <c r="AD42463">
        <v>38</v>
      </c>
      <c r="AE42463">
        <v>38</v>
      </c>
      <c r="AF42463">
        <v>38</v>
      </c>
      <c r="AG42463">
        <v>38</v>
      </c>
      <c r="AH42463">
        <v>38</v>
      </c>
      <c r="AI42463">
        <v>38</v>
      </c>
      <c r="AJ42463">
        <v>38</v>
      </c>
      <c r="AK42463">
        <v>38</v>
      </c>
      <c r="AL42463">
        <v>38</v>
      </c>
      <c r="AM42463">
        <v>39</v>
      </c>
      <c r="AN42463">
        <v>39</v>
      </c>
      <c r="AO42463">
        <v>39</v>
      </c>
      <c r="AP42463">
        <v>39</v>
      </c>
      <c r="AQ42463">
        <v>39</v>
      </c>
    </row>
    <row r="42464" spans="1:43">
      <c r="A42464" t="s">
        <v>26047</v>
      </c>
      <c r="B42464" t="s">
        <v>26048</v>
      </c>
      <c r="C42464" t="s">
        <v>22097</v>
      </c>
      <c r="D42464" t="s">
        <v>22098</v>
      </c>
      <c r="E42464" t="s">
        <v>21687</v>
      </c>
      <c r="F42464" t="s">
        <v>21688</v>
      </c>
      <c r="G42464" t="s">
        <v>20255</v>
      </c>
      <c r="H42464" t="s">
        <v>20256</v>
      </c>
      <c r="I42464" s="2">
        <v>1</v>
      </c>
      <c r="J42464" s="2">
        <v>0</v>
      </c>
      <c r="K42464" s="2">
        <v>0</v>
      </c>
      <c r="L42464" t="s">
        <v>120</v>
      </c>
      <c r="M42464" t="s">
        <v>89</v>
      </c>
      <c r="N42464" t="s">
        <v>90</v>
      </c>
      <c r="O42464" t="s">
        <v>85</v>
      </c>
      <c r="P42464" t="s">
        <v>86</v>
      </c>
      <c r="Q42464">
        <v>37</v>
      </c>
      <c r="R42464">
        <v>38</v>
      </c>
      <c r="S42464">
        <v>38</v>
      </c>
      <c r="T42464">
        <v>39</v>
      </c>
      <c r="U42464">
        <v>40</v>
      </c>
      <c r="V42464">
        <v>40</v>
      </c>
      <c r="W42464">
        <v>41</v>
      </c>
      <c r="X42464">
        <v>41</v>
      </c>
      <c r="Y42464">
        <v>42</v>
      </c>
      <c r="Z42464">
        <v>42</v>
      </c>
      <c r="AA42464">
        <v>43</v>
      </c>
      <c r="AB42464">
        <v>43</v>
      </c>
      <c r="AC42464">
        <v>44</v>
      </c>
      <c r="AD42464">
        <v>44</v>
      </c>
      <c r="AE42464">
        <v>45</v>
      </c>
      <c r="AF42464">
        <v>45</v>
      </c>
      <c r="AG42464">
        <v>45</v>
      </c>
      <c r="AH42464">
        <v>45</v>
      </c>
      <c r="AI42464">
        <v>45</v>
      </c>
      <c r="AJ42464">
        <v>45</v>
      </c>
      <c r="AK42464">
        <v>45</v>
      </c>
      <c r="AL42464">
        <v>45</v>
      </c>
      <c r="AM42464">
        <v>45</v>
      </c>
      <c r="AN42464">
        <v>45</v>
      </c>
      <c r="AO42464">
        <v>45</v>
      </c>
      <c r="AP42464">
        <v>45</v>
      </c>
      <c r="AQ42464">
        <v>45</v>
      </c>
    </row>
    <row r="42465" spans="1:43">
      <c r="A42465" t="s">
        <v>26047</v>
      </c>
      <c r="B42465" t="s">
        <v>26048</v>
      </c>
      <c r="C42465" t="s">
        <v>22097</v>
      </c>
      <c r="D42465" t="s">
        <v>22098</v>
      </c>
      <c r="E42465" t="s">
        <v>21687</v>
      </c>
      <c r="F42465" t="s">
        <v>21688</v>
      </c>
      <c r="G42465" t="s">
        <v>20255</v>
      </c>
      <c r="H42465" t="s">
        <v>20256</v>
      </c>
      <c r="I42465" s="2">
        <v>1</v>
      </c>
      <c r="J42465" s="2">
        <v>0</v>
      </c>
      <c r="K42465" s="2">
        <v>0</v>
      </c>
      <c r="L42465" t="s">
        <v>120</v>
      </c>
      <c r="M42465" t="s">
        <v>83</v>
      </c>
      <c r="N42465" t="s">
        <v>91</v>
      </c>
      <c r="O42465" t="s">
        <v>85</v>
      </c>
      <c r="P42465" t="s">
        <v>86</v>
      </c>
      <c r="Q42465">
        <v>37</v>
      </c>
      <c r="R42465">
        <v>37</v>
      </c>
      <c r="S42465">
        <v>37</v>
      </c>
      <c r="T42465">
        <v>38</v>
      </c>
      <c r="U42465">
        <v>38</v>
      </c>
      <c r="V42465">
        <v>38</v>
      </c>
      <c r="W42465">
        <v>39</v>
      </c>
      <c r="X42465">
        <v>39</v>
      </c>
      <c r="Y42465">
        <v>40</v>
      </c>
      <c r="Z42465">
        <v>40</v>
      </c>
      <c r="AA42465">
        <v>40</v>
      </c>
      <c r="AB42465">
        <v>41</v>
      </c>
      <c r="AC42465">
        <v>41</v>
      </c>
      <c r="AD42465">
        <v>41</v>
      </c>
      <c r="AE42465">
        <v>42</v>
      </c>
      <c r="AF42465">
        <v>42</v>
      </c>
      <c r="AG42465">
        <v>42</v>
      </c>
      <c r="AH42465">
        <v>43</v>
      </c>
      <c r="AI42465">
        <v>43</v>
      </c>
      <c r="AJ42465">
        <v>43</v>
      </c>
      <c r="AK42465">
        <v>44</v>
      </c>
      <c r="AL42465">
        <v>44</v>
      </c>
      <c r="AM42465">
        <v>44</v>
      </c>
      <c r="AN42465">
        <v>44</v>
      </c>
      <c r="AO42465">
        <v>44</v>
      </c>
      <c r="AP42465">
        <v>44</v>
      </c>
      <c r="AQ42465">
        <v>44</v>
      </c>
    </row>
    <row r="42466" spans="1:43">
      <c r="A42466" t="s">
        <v>26049</v>
      </c>
      <c r="B42466" t="s">
        <v>26050</v>
      </c>
      <c r="C42466" t="s">
        <v>22097</v>
      </c>
      <c r="D42466" t="s">
        <v>22098</v>
      </c>
      <c r="E42466" t="s">
        <v>21687</v>
      </c>
      <c r="F42466" t="s">
        <v>21688</v>
      </c>
      <c r="G42466" t="s">
        <v>20255</v>
      </c>
      <c r="H42466" t="s">
        <v>20256</v>
      </c>
      <c r="I42466" s="2">
        <v>1</v>
      </c>
      <c r="J42466" s="2">
        <v>0</v>
      </c>
      <c r="K42466" s="2">
        <v>0</v>
      </c>
      <c r="L42466" t="s">
        <v>120</v>
      </c>
      <c r="M42466" t="s">
        <v>83</v>
      </c>
      <c r="N42466" t="s">
        <v>84</v>
      </c>
      <c r="O42466" t="s">
        <v>85</v>
      </c>
      <c r="P42466" t="s">
        <v>86</v>
      </c>
      <c r="Q42466">
        <v>33</v>
      </c>
      <c r="R42466">
        <v>34</v>
      </c>
      <c r="S42466">
        <v>34</v>
      </c>
      <c r="T42466">
        <v>34</v>
      </c>
      <c r="U42466">
        <v>35</v>
      </c>
      <c r="V42466">
        <v>35</v>
      </c>
      <c r="W42466">
        <v>35</v>
      </c>
      <c r="X42466">
        <v>36</v>
      </c>
      <c r="Y42466">
        <v>36</v>
      </c>
      <c r="Z42466">
        <v>36</v>
      </c>
      <c r="AA42466">
        <v>37</v>
      </c>
      <c r="AB42466">
        <v>37</v>
      </c>
      <c r="AC42466">
        <v>37</v>
      </c>
      <c r="AD42466">
        <v>38</v>
      </c>
      <c r="AE42466">
        <v>38</v>
      </c>
      <c r="AF42466">
        <v>38</v>
      </c>
      <c r="AG42466">
        <v>39</v>
      </c>
      <c r="AH42466">
        <v>39</v>
      </c>
      <c r="AI42466">
        <v>39</v>
      </c>
      <c r="AJ42466">
        <v>40</v>
      </c>
      <c r="AK42466">
        <v>40</v>
      </c>
      <c r="AL42466">
        <v>40</v>
      </c>
      <c r="AM42466">
        <v>40</v>
      </c>
      <c r="AN42466">
        <v>40</v>
      </c>
      <c r="AO42466">
        <v>40</v>
      </c>
      <c r="AP42466">
        <v>40</v>
      </c>
      <c r="AQ42466">
        <v>40</v>
      </c>
    </row>
    <row r="42467" spans="1:43">
      <c r="A42467" t="s">
        <v>26049</v>
      </c>
      <c r="B42467" t="s">
        <v>26050</v>
      </c>
      <c r="C42467" t="s">
        <v>22097</v>
      </c>
      <c r="D42467" t="s">
        <v>22098</v>
      </c>
      <c r="E42467" t="s">
        <v>21687</v>
      </c>
      <c r="F42467" t="s">
        <v>21688</v>
      </c>
      <c r="G42467" t="s">
        <v>20255</v>
      </c>
      <c r="H42467" t="s">
        <v>20256</v>
      </c>
      <c r="I42467" s="2">
        <v>1</v>
      </c>
      <c r="J42467" s="2">
        <v>0</v>
      </c>
      <c r="K42467" s="2">
        <v>0</v>
      </c>
      <c r="L42467" t="s">
        <v>120</v>
      </c>
      <c r="M42467" t="s">
        <v>87</v>
      </c>
      <c r="N42467" t="s">
        <v>88</v>
      </c>
      <c r="O42467" t="s">
        <v>85</v>
      </c>
      <c r="P42467" t="s">
        <v>86</v>
      </c>
      <c r="Q42467">
        <v>33</v>
      </c>
      <c r="R42467">
        <v>33</v>
      </c>
      <c r="S42467">
        <v>33</v>
      </c>
      <c r="T42467">
        <v>33</v>
      </c>
      <c r="U42467">
        <v>33</v>
      </c>
      <c r="V42467">
        <v>33</v>
      </c>
      <c r="W42467">
        <v>33</v>
      </c>
      <c r="X42467">
        <v>33</v>
      </c>
      <c r="Y42467">
        <v>33</v>
      </c>
      <c r="Z42467">
        <v>33</v>
      </c>
      <c r="AA42467">
        <v>33</v>
      </c>
      <c r="AB42467">
        <v>33</v>
      </c>
      <c r="AC42467">
        <v>34</v>
      </c>
      <c r="AD42467">
        <v>34</v>
      </c>
      <c r="AE42467">
        <v>34</v>
      </c>
      <c r="AF42467">
        <v>34</v>
      </c>
      <c r="AG42467">
        <v>34</v>
      </c>
      <c r="AH42467">
        <v>34</v>
      </c>
      <c r="AI42467">
        <v>34</v>
      </c>
      <c r="AJ42467">
        <v>34</v>
      </c>
      <c r="AK42467">
        <v>34</v>
      </c>
      <c r="AL42467">
        <v>34</v>
      </c>
      <c r="AM42467">
        <v>34</v>
      </c>
      <c r="AN42467">
        <v>34</v>
      </c>
      <c r="AO42467">
        <v>34</v>
      </c>
      <c r="AP42467">
        <v>34</v>
      </c>
      <c r="AQ42467">
        <v>35</v>
      </c>
    </row>
    <row r="42468" spans="1:43">
      <c r="A42468" t="s">
        <v>26049</v>
      </c>
      <c r="B42468" t="s">
        <v>26050</v>
      </c>
      <c r="C42468" t="s">
        <v>22097</v>
      </c>
      <c r="D42468" t="s">
        <v>22098</v>
      </c>
      <c r="E42468" t="s">
        <v>21687</v>
      </c>
      <c r="F42468" t="s">
        <v>21688</v>
      </c>
      <c r="G42468" t="s">
        <v>20255</v>
      </c>
      <c r="H42468" t="s">
        <v>20256</v>
      </c>
      <c r="I42468" s="2">
        <v>1</v>
      </c>
      <c r="J42468" s="2">
        <v>0</v>
      </c>
      <c r="K42468" s="2">
        <v>0</v>
      </c>
      <c r="L42468" t="s">
        <v>120</v>
      </c>
      <c r="M42468" t="s">
        <v>89</v>
      </c>
      <c r="N42468" t="s">
        <v>90</v>
      </c>
      <c r="O42468" t="s">
        <v>85</v>
      </c>
      <c r="P42468" t="s">
        <v>86</v>
      </c>
      <c r="Q42468">
        <v>33</v>
      </c>
      <c r="R42468">
        <v>33</v>
      </c>
      <c r="S42468">
        <v>34</v>
      </c>
      <c r="T42468">
        <v>35</v>
      </c>
      <c r="U42468">
        <v>35</v>
      </c>
      <c r="V42468">
        <v>36</v>
      </c>
      <c r="W42468">
        <v>36</v>
      </c>
      <c r="X42468">
        <v>37</v>
      </c>
      <c r="Y42468">
        <v>37</v>
      </c>
      <c r="Z42468">
        <v>38</v>
      </c>
      <c r="AA42468">
        <v>38</v>
      </c>
      <c r="AB42468">
        <v>39</v>
      </c>
      <c r="AC42468">
        <v>39</v>
      </c>
      <c r="AD42468">
        <v>39</v>
      </c>
      <c r="AE42468">
        <v>40</v>
      </c>
      <c r="AF42468">
        <v>40</v>
      </c>
      <c r="AG42468">
        <v>40</v>
      </c>
      <c r="AH42468">
        <v>40</v>
      </c>
      <c r="AI42468">
        <v>40</v>
      </c>
      <c r="AJ42468">
        <v>40</v>
      </c>
      <c r="AK42468">
        <v>40</v>
      </c>
      <c r="AL42468">
        <v>40</v>
      </c>
      <c r="AM42468">
        <v>40</v>
      </c>
      <c r="AN42468">
        <v>40</v>
      </c>
      <c r="AO42468">
        <v>40</v>
      </c>
      <c r="AP42468">
        <v>40</v>
      </c>
      <c r="AQ42468">
        <v>40</v>
      </c>
    </row>
    <row r="42469" spans="1:43">
      <c r="A42469" t="s">
        <v>26049</v>
      </c>
      <c r="B42469" t="s">
        <v>26050</v>
      </c>
      <c r="C42469" t="s">
        <v>22097</v>
      </c>
      <c r="D42469" t="s">
        <v>22098</v>
      </c>
      <c r="E42469" t="s">
        <v>21687</v>
      </c>
      <c r="F42469" t="s">
        <v>21688</v>
      </c>
      <c r="G42469" t="s">
        <v>20255</v>
      </c>
      <c r="H42469" t="s">
        <v>20256</v>
      </c>
      <c r="I42469" s="2">
        <v>1</v>
      </c>
      <c r="J42469" s="2">
        <v>0</v>
      </c>
      <c r="K42469" s="2">
        <v>0</v>
      </c>
      <c r="L42469" t="s">
        <v>120</v>
      </c>
      <c r="M42469" t="s">
        <v>83</v>
      </c>
      <c r="N42469" t="s">
        <v>91</v>
      </c>
      <c r="O42469" t="s">
        <v>85</v>
      </c>
      <c r="P42469" t="s">
        <v>86</v>
      </c>
      <c r="Q42469">
        <v>33</v>
      </c>
      <c r="R42469">
        <v>34</v>
      </c>
      <c r="S42469">
        <v>34</v>
      </c>
      <c r="T42469">
        <v>34</v>
      </c>
      <c r="U42469">
        <v>35</v>
      </c>
      <c r="V42469">
        <v>35</v>
      </c>
      <c r="W42469">
        <v>35</v>
      </c>
      <c r="X42469">
        <v>36</v>
      </c>
      <c r="Y42469">
        <v>36</v>
      </c>
      <c r="Z42469">
        <v>36</v>
      </c>
      <c r="AA42469">
        <v>37</v>
      </c>
      <c r="AB42469">
        <v>37</v>
      </c>
      <c r="AC42469">
        <v>37</v>
      </c>
      <c r="AD42469">
        <v>38</v>
      </c>
      <c r="AE42469">
        <v>38</v>
      </c>
      <c r="AF42469">
        <v>38</v>
      </c>
      <c r="AG42469">
        <v>39</v>
      </c>
      <c r="AH42469">
        <v>39</v>
      </c>
      <c r="AI42469">
        <v>39</v>
      </c>
      <c r="AJ42469">
        <v>40</v>
      </c>
      <c r="AK42469">
        <v>40</v>
      </c>
      <c r="AL42469">
        <v>40</v>
      </c>
      <c r="AM42469">
        <v>40</v>
      </c>
      <c r="AN42469">
        <v>40</v>
      </c>
      <c r="AO42469">
        <v>40</v>
      </c>
      <c r="AP42469">
        <v>40</v>
      </c>
      <c r="AQ42469">
        <v>40</v>
      </c>
    </row>
    <row r="42470" spans="1:43">
      <c r="A42470" t="s">
        <v>26051</v>
      </c>
      <c r="B42470" t="s">
        <v>26052</v>
      </c>
      <c r="C42470" t="s">
        <v>22139</v>
      </c>
      <c r="D42470" t="s">
        <v>22140</v>
      </c>
      <c r="E42470" t="s">
        <v>21687</v>
      </c>
      <c r="F42470" t="s">
        <v>21688</v>
      </c>
      <c r="G42470" t="s">
        <v>20255</v>
      </c>
      <c r="H42470" t="s">
        <v>20256</v>
      </c>
      <c r="I42470" s="2">
        <v>1</v>
      </c>
      <c r="J42470" s="2">
        <v>0</v>
      </c>
      <c r="K42470" s="2">
        <v>0</v>
      </c>
      <c r="L42470" t="s">
        <v>120</v>
      </c>
      <c r="M42470" t="s">
        <v>83</v>
      </c>
      <c r="N42470" t="s">
        <v>84</v>
      </c>
      <c r="O42470" t="s">
        <v>85</v>
      </c>
      <c r="P42470" t="s">
        <v>86</v>
      </c>
      <c r="Q42470">
        <v>18</v>
      </c>
      <c r="R42470">
        <v>19</v>
      </c>
      <c r="S42470">
        <v>19</v>
      </c>
      <c r="T42470">
        <v>19</v>
      </c>
      <c r="U42470">
        <v>19</v>
      </c>
      <c r="V42470">
        <v>19</v>
      </c>
      <c r="W42470">
        <v>20</v>
      </c>
      <c r="X42470">
        <v>20</v>
      </c>
      <c r="Y42470">
        <v>20</v>
      </c>
      <c r="Z42470">
        <v>20</v>
      </c>
      <c r="AA42470">
        <v>20</v>
      </c>
      <c r="AB42470">
        <v>21</v>
      </c>
      <c r="AC42470">
        <v>21</v>
      </c>
      <c r="AD42470">
        <v>21</v>
      </c>
      <c r="AE42470">
        <v>21</v>
      </c>
      <c r="AF42470">
        <v>21</v>
      </c>
      <c r="AG42470">
        <v>22</v>
      </c>
      <c r="AH42470">
        <v>22</v>
      </c>
      <c r="AI42470">
        <v>22</v>
      </c>
      <c r="AJ42470">
        <v>22</v>
      </c>
      <c r="AK42470">
        <v>22</v>
      </c>
      <c r="AL42470">
        <v>22</v>
      </c>
      <c r="AM42470">
        <v>22</v>
      </c>
      <c r="AN42470">
        <v>23</v>
      </c>
      <c r="AO42470">
        <v>23</v>
      </c>
      <c r="AP42470">
        <v>23</v>
      </c>
      <c r="AQ42470">
        <v>23</v>
      </c>
    </row>
    <row r="42471" spans="1:43">
      <c r="A42471" t="s">
        <v>26051</v>
      </c>
      <c r="B42471" t="s">
        <v>26052</v>
      </c>
      <c r="C42471" t="s">
        <v>22139</v>
      </c>
      <c r="D42471" t="s">
        <v>22140</v>
      </c>
      <c r="E42471" t="s">
        <v>21687</v>
      </c>
      <c r="F42471" t="s">
        <v>21688</v>
      </c>
      <c r="G42471" t="s">
        <v>20255</v>
      </c>
      <c r="H42471" t="s">
        <v>20256</v>
      </c>
      <c r="I42471" s="2">
        <v>1</v>
      </c>
      <c r="J42471" s="2">
        <v>0</v>
      </c>
      <c r="K42471" s="2">
        <v>0</v>
      </c>
      <c r="L42471" t="s">
        <v>120</v>
      </c>
      <c r="M42471" t="s">
        <v>87</v>
      </c>
      <c r="N42471" t="s">
        <v>88</v>
      </c>
      <c r="O42471" t="s">
        <v>85</v>
      </c>
      <c r="P42471" t="s">
        <v>86</v>
      </c>
      <c r="Q42471">
        <v>18</v>
      </c>
      <c r="R42471">
        <v>18</v>
      </c>
      <c r="S42471">
        <v>18</v>
      </c>
      <c r="T42471">
        <v>18</v>
      </c>
      <c r="U42471">
        <v>18</v>
      </c>
      <c r="V42471">
        <v>18</v>
      </c>
      <c r="W42471">
        <v>18</v>
      </c>
      <c r="X42471">
        <v>18</v>
      </c>
      <c r="Y42471">
        <v>18</v>
      </c>
      <c r="Z42471">
        <v>19</v>
      </c>
      <c r="AA42471">
        <v>19</v>
      </c>
      <c r="AB42471">
        <v>19</v>
      </c>
      <c r="AC42471">
        <v>19</v>
      </c>
      <c r="AD42471">
        <v>19</v>
      </c>
      <c r="AE42471">
        <v>19</v>
      </c>
      <c r="AF42471">
        <v>19</v>
      </c>
      <c r="AG42471">
        <v>19</v>
      </c>
      <c r="AH42471">
        <v>19</v>
      </c>
      <c r="AI42471">
        <v>19</v>
      </c>
      <c r="AJ42471">
        <v>19</v>
      </c>
      <c r="AK42471">
        <v>19</v>
      </c>
      <c r="AL42471">
        <v>19</v>
      </c>
      <c r="AM42471">
        <v>19</v>
      </c>
      <c r="AN42471">
        <v>19</v>
      </c>
      <c r="AO42471">
        <v>19</v>
      </c>
      <c r="AP42471">
        <v>20</v>
      </c>
      <c r="AQ42471">
        <v>20</v>
      </c>
    </row>
    <row r="42472" spans="1:43">
      <c r="A42472" t="s">
        <v>26051</v>
      </c>
      <c r="B42472" t="s">
        <v>26052</v>
      </c>
      <c r="C42472" t="s">
        <v>22139</v>
      </c>
      <c r="D42472" t="s">
        <v>22140</v>
      </c>
      <c r="E42472" t="s">
        <v>21687</v>
      </c>
      <c r="F42472" t="s">
        <v>21688</v>
      </c>
      <c r="G42472" t="s">
        <v>20255</v>
      </c>
      <c r="H42472" t="s">
        <v>20256</v>
      </c>
      <c r="I42472" s="2">
        <v>1</v>
      </c>
      <c r="J42472" s="2">
        <v>0</v>
      </c>
      <c r="K42472" s="2">
        <v>0</v>
      </c>
      <c r="L42472" t="s">
        <v>120</v>
      </c>
      <c r="M42472" t="s">
        <v>89</v>
      </c>
      <c r="N42472" t="s">
        <v>90</v>
      </c>
      <c r="O42472" t="s">
        <v>85</v>
      </c>
      <c r="P42472" t="s">
        <v>86</v>
      </c>
      <c r="Q42472">
        <v>18</v>
      </c>
      <c r="R42472">
        <v>19</v>
      </c>
      <c r="S42472">
        <v>19</v>
      </c>
      <c r="T42472">
        <v>20</v>
      </c>
      <c r="U42472">
        <v>20</v>
      </c>
      <c r="V42472">
        <v>20</v>
      </c>
      <c r="W42472">
        <v>21</v>
      </c>
      <c r="X42472">
        <v>21</v>
      </c>
      <c r="Y42472">
        <v>21</v>
      </c>
      <c r="Z42472">
        <v>21</v>
      </c>
      <c r="AA42472">
        <v>22</v>
      </c>
      <c r="AB42472">
        <v>22</v>
      </c>
      <c r="AC42472">
        <v>22</v>
      </c>
      <c r="AD42472">
        <v>22</v>
      </c>
      <c r="AE42472">
        <v>23</v>
      </c>
      <c r="AF42472">
        <v>23</v>
      </c>
      <c r="AG42472">
        <v>23</v>
      </c>
      <c r="AH42472">
        <v>23</v>
      </c>
      <c r="AI42472">
        <v>23</v>
      </c>
      <c r="AJ42472">
        <v>23</v>
      </c>
      <c r="AK42472">
        <v>23</v>
      </c>
      <c r="AL42472">
        <v>23</v>
      </c>
      <c r="AM42472">
        <v>23</v>
      </c>
      <c r="AN42472">
        <v>23</v>
      </c>
      <c r="AO42472">
        <v>23</v>
      </c>
      <c r="AP42472">
        <v>23</v>
      </c>
      <c r="AQ42472">
        <v>23</v>
      </c>
    </row>
    <row r="42473" spans="1:43">
      <c r="A42473" t="s">
        <v>26051</v>
      </c>
      <c r="B42473" t="s">
        <v>26052</v>
      </c>
      <c r="C42473" t="s">
        <v>22139</v>
      </c>
      <c r="D42473" t="s">
        <v>22140</v>
      </c>
      <c r="E42473" t="s">
        <v>21687</v>
      </c>
      <c r="F42473" t="s">
        <v>21688</v>
      </c>
      <c r="G42473" t="s">
        <v>20255</v>
      </c>
      <c r="H42473" t="s">
        <v>20256</v>
      </c>
      <c r="I42473" s="2">
        <v>1</v>
      </c>
      <c r="J42473" s="2">
        <v>0</v>
      </c>
      <c r="K42473" s="2">
        <v>0</v>
      </c>
      <c r="L42473" t="s">
        <v>120</v>
      </c>
      <c r="M42473" t="s">
        <v>83</v>
      </c>
      <c r="N42473" t="s">
        <v>91</v>
      </c>
      <c r="O42473" t="s">
        <v>85</v>
      </c>
      <c r="P42473" t="s">
        <v>86</v>
      </c>
      <c r="Q42473">
        <v>18</v>
      </c>
      <c r="R42473">
        <v>19</v>
      </c>
      <c r="S42473">
        <v>19</v>
      </c>
      <c r="T42473">
        <v>19</v>
      </c>
      <c r="U42473">
        <v>19</v>
      </c>
      <c r="V42473">
        <v>19</v>
      </c>
      <c r="W42473">
        <v>20</v>
      </c>
      <c r="X42473">
        <v>20</v>
      </c>
      <c r="Y42473">
        <v>20</v>
      </c>
      <c r="Z42473">
        <v>20</v>
      </c>
      <c r="AA42473">
        <v>20</v>
      </c>
      <c r="AB42473">
        <v>21</v>
      </c>
      <c r="AC42473">
        <v>21</v>
      </c>
      <c r="AD42473">
        <v>21</v>
      </c>
      <c r="AE42473">
        <v>21</v>
      </c>
      <c r="AF42473">
        <v>21</v>
      </c>
      <c r="AG42473">
        <v>22</v>
      </c>
      <c r="AH42473">
        <v>22</v>
      </c>
      <c r="AI42473">
        <v>22</v>
      </c>
      <c r="AJ42473">
        <v>22</v>
      </c>
      <c r="AK42473">
        <v>22</v>
      </c>
      <c r="AL42473">
        <v>22</v>
      </c>
      <c r="AM42473">
        <v>22</v>
      </c>
      <c r="AN42473">
        <v>23</v>
      </c>
      <c r="AO42473">
        <v>23</v>
      </c>
      <c r="AP42473">
        <v>23</v>
      </c>
      <c r="AQ42473">
        <v>23</v>
      </c>
    </row>
    <row r="42474" spans="1:43">
      <c r="A42474" t="s">
        <v>26053</v>
      </c>
      <c r="B42474" t="s">
        <v>26054</v>
      </c>
      <c r="C42474" t="s">
        <v>22139</v>
      </c>
      <c r="D42474" t="s">
        <v>22140</v>
      </c>
      <c r="E42474" t="s">
        <v>21687</v>
      </c>
      <c r="F42474" t="s">
        <v>21688</v>
      </c>
      <c r="G42474" t="s">
        <v>20255</v>
      </c>
      <c r="H42474" t="s">
        <v>20256</v>
      </c>
      <c r="I42474" s="2">
        <v>1</v>
      </c>
      <c r="J42474" s="2">
        <v>0</v>
      </c>
      <c r="K42474" s="2">
        <v>0</v>
      </c>
      <c r="L42474" t="s">
        <v>120</v>
      </c>
      <c r="M42474" t="s">
        <v>83</v>
      </c>
      <c r="N42474" t="s">
        <v>84</v>
      </c>
      <c r="O42474" t="s">
        <v>85</v>
      </c>
      <c r="P42474" t="s">
        <v>86</v>
      </c>
      <c r="Q42474">
        <v>17</v>
      </c>
      <c r="R42474">
        <v>18</v>
      </c>
      <c r="S42474">
        <v>18</v>
      </c>
      <c r="T42474">
        <v>18</v>
      </c>
      <c r="U42474">
        <v>18</v>
      </c>
      <c r="V42474">
        <v>18</v>
      </c>
      <c r="W42474">
        <v>19</v>
      </c>
      <c r="X42474">
        <v>19</v>
      </c>
      <c r="Y42474">
        <v>19</v>
      </c>
      <c r="Z42474">
        <v>19</v>
      </c>
      <c r="AA42474">
        <v>19</v>
      </c>
      <c r="AB42474">
        <v>19</v>
      </c>
      <c r="AC42474">
        <v>20</v>
      </c>
      <c r="AD42474">
        <v>20</v>
      </c>
      <c r="AE42474">
        <v>20</v>
      </c>
      <c r="AF42474">
        <v>20</v>
      </c>
      <c r="AG42474">
        <v>20</v>
      </c>
      <c r="AH42474">
        <v>21</v>
      </c>
      <c r="AI42474">
        <v>21</v>
      </c>
      <c r="AJ42474">
        <v>21</v>
      </c>
      <c r="AK42474">
        <v>21</v>
      </c>
      <c r="AL42474">
        <v>21</v>
      </c>
      <c r="AM42474">
        <v>21</v>
      </c>
      <c r="AN42474">
        <v>21</v>
      </c>
      <c r="AO42474">
        <v>21</v>
      </c>
      <c r="AP42474">
        <v>21</v>
      </c>
      <c r="AQ42474">
        <v>21</v>
      </c>
    </row>
    <row r="42475" spans="1:43">
      <c r="A42475" t="s">
        <v>26053</v>
      </c>
      <c r="B42475" t="s">
        <v>26054</v>
      </c>
      <c r="C42475" t="s">
        <v>22139</v>
      </c>
      <c r="D42475" t="s">
        <v>22140</v>
      </c>
      <c r="E42475" t="s">
        <v>21687</v>
      </c>
      <c r="F42475" t="s">
        <v>21688</v>
      </c>
      <c r="G42475" t="s">
        <v>20255</v>
      </c>
      <c r="H42475" t="s">
        <v>20256</v>
      </c>
      <c r="I42475" s="2">
        <v>1</v>
      </c>
      <c r="J42475" s="2">
        <v>0</v>
      </c>
      <c r="K42475" s="2">
        <v>0</v>
      </c>
      <c r="L42475" t="s">
        <v>120</v>
      </c>
      <c r="M42475" t="s">
        <v>87</v>
      </c>
      <c r="N42475" t="s">
        <v>88</v>
      </c>
      <c r="O42475" t="s">
        <v>85</v>
      </c>
      <c r="P42475" t="s">
        <v>86</v>
      </c>
      <c r="Q42475">
        <v>17</v>
      </c>
      <c r="R42475">
        <v>17</v>
      </c>
      <c r="S42475">
        <v>17</v>
      </c>
      <c r="T42475">
        <v>17</v>
      </c>
      <c r="U42475">
        <v>17</v>
      </c>
      <c r="V42475">
        <v>17</v>
      </c>
      <c r="W42475">
        <v>17</v>
      </c>
      <c r="X42475">
        <v>17</v>
      </c>
      <c r="Y42475">
        <v>18</v>
      </c>
      <c r="Z42475">
        <v>18</v>
      </c>
      <c r="AA42475">
        <v>18</v>
      </c>
      <c r="AB42475">
        <v>18</v>
      </c>
      <c r="AC42475">
        <v>18</v>
      </c>
      <c r="AD42475">
        <v>18</v>
      </c>
      <c r="AE42475">
        <v>18</v>
      </c>
      <c r="AF42475">
        <v>18</v>
      </c>
      <c r="AG42475">
        <v>18</v>
      </c>
      <c r="AH42475">
        <v>18</v>
      </c>
      <c r="AI42475">
        <v>18</v>
      </c>
      <c r="AJ42475">
        <v>18</v>
      </c>
      <c r="AK42475">
        <v>18</v>
      </c>
      <c r="AL42475">
        <v>18</v>
      </c>
      <c r="AM42475">
        <v>18</v>
      </c>
      <c r="AN42475">
        <v>18</v>
      </c>
      <c r="AO42475">
        <v>18</v>
      </c>
      <c r="AP42475">
        <v>18</v>
      </c>
      <c r="AQ42475">
        <v>19</v>
      </c>
    </row>
    <row r="42476" spans="1:43">
      <c r="A42476" t="s">
        <v>26053</v>
      </c>
      <c r="B42476" t="s">
        <v>26054</v>
      </c>
      <c r="C42476" t="s">
        <v>22139</v>
      </c>
      <c r="D42476" t="s">
        <v>22140</v>
      </c>
      <c r="E42476" t="s">
        <v>21687</v>
      </c>
      <c r="F42476" t="s">
        <v>21688</v>
      </c>
      <c r="G42476" t="s">
        <v>20255</v>
      </c>
      <c r="H42476" t="s">
        <v>20256</v>
      </c>
      <c r="I42476" s="2">
        <v>1</v>
      </c>
      <c r="J42476" s="2">
        <v>0</v>
      </c>
      <c r="K42476" s="2">
        <v>0</v>
      </c>
      <c r="L42476" t="s">
        <v>120</v>
      </c>
      <c r="M42476" t="s">
        <v>89</v>
      </c>
      <c r="N42476" t="s">
        <v>90</v>
      </c>
      <c r="O42476" t="s">
        <v>85</v>
      </c>
      <c r="P42476" t="s">
        <v>86</v>
      </c>
      <c r="Q42476">
        <v>17</v>
      </c>
      <c r="R42476">
        <v>18</v>
      </c>
      <c r="S42476">
        <v>18</v>
      </c>
      <c r="T42476">
        <v>19</v>
      </c>
      <c r="U42476">
        <v>19</v>
      </c>
      <c r="V42476">
        <v>19</v>
      </c>
      <c r="W42476">
        <v>19</v>
      </c>
      <c r="X42476">
        <v>20</v>
      </c>
      <c r="Y42476">
        <v>20</v>
      </c>
      <c r="Z42476">
        <v>20</v>
      </c>
      <c r="AA42476">
        <v>21</v>
      </c>
      <c r="AB42476">
        <v>21</v>
      </c>
      <c r="AC42476">
        <v>21</v>
      </c>
      <c r="AD42476">
        <v>21</v>
      </c>
      <c r="AE42476">
        <v>21</v>
      </c>
      <c r="AF42476">
        <v>21</v>
      </c>
      <c r="AG42476">
        <v>21</v>
      </c>
      <c r="AH42476">
        <v>21</v>
      </c>
      <c r="AI42476">
        <v>22</v>
      </c>
      <c r="AJ42476">
        <v>22</v>
      </c>
      <c r="AK42476">
        <v>22</v>
      </c>
      <c r="AL42476">
        <v>22</v>
      </c>
      <c r="AM42476">
        <v>22</v>
      </c>
      <c r="AN42476">
        <v>22</v>
      </c>
      <c r="AO42476">
        <v>22</v>
      </c>
      <c r="AP42476">
        <v>22</v>
      </c>
      <c r="AQ42476">
        <v>22</v>
      </c>
    </row>
    <row r="42477" spans="1:43">
      <c r="A42477" t="s">
        <v>26053</v>
      </c>
      <c r="B42477" t="s">
        <v>26054</v>
      </c>
      <c r="C42477" t="s">
        <v>22139</v>
      </c>
      <c r="D42477" t="s">
        <v>22140</v>
      </c>
      <c r="E42477" t="s">
        <v>21687</v>
      </c>
      <c r="F42477" t="s">
        <v>21688</v>
      </c>
      <c r="G42477" t="s">
        <v>20255</v>
      </c>
      <c r="H42477" t="s">
        <v>20256</v>
      </c>
      <c r="I42477" s="2">
        <v>1</v>
      </c>
      <c r="J42477" s="2">
        <v>0</v>
      </c>
      <c r="K42477" s="2">
        <v>0</v>
      </c>
      <c r="L42477" t="s">
        <v>120</v>
      </c>
      <c r="M42477" t="s">
        <v>83</v>
      </c>
      <c r="N42477" t="s">
        <v>91</v>
      </c>
      <c r="O42477" t="s">
        <v>85</v>
      </c>
      <c r="P42477" t="s">
        <v>86</v>
      </c>
      <c r="Q42477">
        <v>17</v>
      </c>
      <c r="R42477">
        <v>18</v>
      </c>
      <c r="S42477">
        <v>18</v>
      </c>
      <c r="T42477">
        <v>18</v>
      </c>
      <c r="U42477">
        <v>18</v>
      </c>
      <c r="V42477">
        <v>18</v>
      </c>
      <c r="W42477">
        <v>19</v>
      </c>
      <c r="X42477">
        <v>19</v>
      </c>
      <c r="Y42477">
        <v>19</v>
      </c>
      <c r="Z42477">
        <v>19</v>
      </c>
      <c r="AA42477">
        <v>19</v>
      </c>
      <c r="AB42477">
        <v>19</v>
      </c>
      <c r="AC42477">
        <v>20</v>
      </c>
      <c r="AD42477">
        <v>20</v>
      </c>
      <c r="AE42477">
        <v>20</v>
      </c>
      <c r="AF42477">
        <v>20</v>
      </c>
      <c r="AG42477">
        <v>20</v>
      </c>
      <c r="AH42477">
        <v>21</v>
      </c>
      <c r="AI42477">
        <v>21</v>
      </c>
      <c r="AJ42477">
        <v>21</v>
      </c>
      <c r="AK42477">
        <v>21</v>
      </c>
      <c r="AL42477">
        <v>21</v>
      </c>
      <c r="AM42477">
        <v>21</v>
      </c>
      <c r="AN42477">
        <v>21</v>
      </c>
      <c r="AO42477">
        <v>21</v>
      </c>
      <c r="AP42477">
        <v>21</v>
      </c>
      <c r="AQ42477">
        <v>21</v>
      </c>
    </row>
    <row r="42478" spans="1:43">
      <c r="A42478" t="s">
        <v>26055</v>
      </c>
      <c r="B42478" t="s">
        <v>26056</v>
      </c>
      <c r="C42478" t="s">
        <v>5992</v>
      </c>
      <c r="D42478" t="s">
        <v>5993</v>
      </c>
      <c r="E42478" t="s">
        <v>5940</v>
      </c>
      <c r="F42478" t="s">
        <v>5941</v>
      </c>
      <c r="G42478" t="s">
        <v>80</v>
      </c>
      <c r="H42478" t="s">
        <v>81</v>
      </c>
      <c r="I42478" s="2">
        <v>0</v>
      </c>
      <c r="J42478" s="2">
        <v>0</v>
      </c>
      <c r="K42478" s="2">
        <v>1</v>
      </c>
      <c r="L42478" t="s">
        <v>995</v>
      </c>
      <c r="M42478" t="s">
        <v>83</v>
      </c>
      <c r="N42478" t="s">
        <v>84</v>
      </c>
      <c r="O42478" t="s">
        <v>85</v>
      </c>
      <c r="P42478" t="s">
        <v>86</v>
      </c>
      <c r="Q42478">
        <v>16</v>
      </c>
      <c r="R42478">
        <v>16</v>
      </c>
      <c r="S42478">
        <v>17</v>
      </c>
      <c r="T42478">
        <v>17</v>
      </c>
      <c r="U42478">
        <v>17</v>
      </c>
      <c r="V42478">
        <v>18</v>
      </c>
      <c r="W42478">
        <v>18</v>
      </c>
      <c r="X42478">
        <v>18</v>
      </c>
      <c r="Y42478">
        <v>18</v>
      </c>
      <c r="Z42478">
        <v>19</v>
      </c>
      <c r="AA42478">
        <v>19</v>
      </c>
      <c r="AB42478">
        <v>19</v>
      </c>
      <c r="AC42478">
        <v>19</v>
      </c>
      <c r="AD42478">
        <v>20</v>
      </c>
      <c r="AE42478">
        <v>20</v>
      </c>
      <c r="AF42478">
        <v>20</v>
      </c>
      <c r="AG42478">
        <v>21</v>
      </c>
      <c r="AH42478">
        <v>21</v>
      </c>
      <c r="AI42478">
        <v>21</v>
      </c>
      <c r="AJ42478">
        <v>21</v>
      </c>
      <c r="AK42478">
        <v>22</v>
      </c>
      <c r="AL42478">
        <v>22</v>
      </c>
      <c r="AM42478">
        <v>22</v>
      </c>
      <c r="AN42478">
        <v>22</v>
      </c>
      <c r="AO42478">
        <v>22</v>
      </c>
      <c r="AP42478">
        <v>22</v>
      </c>
      <c r="AQ42478">
        <v>22</v>
      </c>
    </row>
    <row r="42479" spans="1:43">
      <c r="A42479" t="s">
        <v>26055</v>
      </c>
      <c r="B42479" t="s">
        <v>26056</v>
      </c>
      <c r="C42479" t="s">
        <v>5992</v>
      </c>
      <c r="D42479" t="s">
        <v>5993</v>
      </c>
      <c r="E42479" t="s">
        <v>5940</v>
      </c>
      <c r="F42479" t="s">
        <v>5941</v>
      </c>
      <c r="G42479" t="s">
        <v>80</v>
      </c>
      <c r="H42479" t="s">
        <v>81</v>
      </c>
      <c r="I42479" s="2">
        <v>0</v>
      </c>
      <c r="J42479" s="2">
        <v>0</v>
      </c>
      <c r="K42479" s="2">
        <v>1</v>
      </c>
      <c r="L42479" t="s">
        <v>995</v>
      </c>
      <c r="M42479" t="s">
        <v>87</v>
      </c>
      <c r="N42479" t="s">
        <v>88</v>
      </c>
      <c r="O42479" t="s">
        <v>85</v>
      </c>
      <c r="P42479" t="s">
        <v>86</v>
      </c>
      <c r="Q42479">
        <v>16</v>
      </c>
      <c r="R42479">
        <v>16</v>
      </c>
      <c r="S42479">
        <v>16</v>
      </c>
      <c r="T42479">
        <v>16</v>
      </c>
      <c r="U42479">
        <v>16</v>
      </c>
      <c r="V42479">
        <v>17</v>
      </c>
      <c r="W42479">
        <v>17</v>
      </c>
      <c r="X42479">
        <v>17</v>
      </c>
      <c r="Y42479">
        <v>17</v>
      </c>
      <c r="Z42479">
        <v>17</v>
      </c>
      <c r="AA42479">
        <v>17</v>
      </c>
      <c r="AB42479">
        <v>17</v>
      </c>
      <c r="AC42479">
        <v>17</v>
      </c>
      <c r="AD42479">
        <v>18</v>
      </c>
      <c r="AE42479">
        <v>18</v>
      </c>
      <c r="AF42479">
        <v>18</v>
      </c>
      <c r="AG42479">
        <v>18</v>
      </c>
      <c r="AH42479">
        <v>18</v>
      </c>
      <c r="AI42479">
        <v>18</v>
      </c>
      <c r="AJ42479">
        <v>18</v>
      </c>
      <c r="AK42479">
        <v>19</v>
      </c>
      <c r="AL42479">
        <v>19</v>
      </c>
      <c r="AM42479">
        <v>19</v>
      </c>
      <c r="AN42479">
        <v>19</v>
      </c>
      <c r="AO42479">
        <v>19</v>
      </c>
      <c r="AP42479">
        <v>19</v>
      </c>
      <c r="AQ42479">
        <v>19</v>
      </c>
    </row>
    <row r="42480" spans="1:43">
      <c r="A42480" t="s">
        <v>26055</v>
      </c>
      <c r="B42480" t="s">
        <v>26056</v>
      </c>
      <c r="C42480" t="s">
        <v>5992</v>
      </c>
      <c r="D42480" t="s">
        <v>5993</v>
      </c>
      <c r="E42480" t="s">
        <v>5940</v>
      </c>
      <c r="F42480" t="s">
        <v>5941</v>
      </c>
      <c r="G42480" t="s">
        <v>80</v>
      </c>
      <c r="H42480" t="s">
        <v>81</v>
      </c>
      <c r="I42480" s="2">
        <v>0</v>
      </c>
      <c r="J42480" s="2">
        <v>0</v>
      </c>
      <c r="K42480" s="2">
        <v>1</v>
      </c>
      <c r="L42480" t="s">
        <v>995</v>
      </c>
      <c r="M42480" t="s">
        <v>89</v>
      </c>
      <c r="N42480" t="s">
        <v>90</v>
      </c>
      <c r="O42480" t="s">
        <v>85</v>
      </c>
      <c r="P42480" t="s">
        <v>86</v>
      </c>
      <c r="Q42480">
        <v>16</v>
      </c>
      <c r="R42480">
        <v>17</v>
      </c>
      <c r="S42480">
        <v>17</v>
      </c>
      <c r="T42480">
        <v>18</v>
      </c>
      <c r="U42480">
        <v>18</v>
      </c>
      <c r="V42480">
        <v>18</v>
      </c>
      <c r="W42480">
        <v>19</v>
      </c>
      <c r="X42480">
        <v>19</v>
      </c>
      <c r="Y42480">
        <v>19</v>
      </c>
      <c r="Z42480">
        <v>20</v>
      </c>
      <c r="AA42480">
        <v>20</v>
      </c>
      <c r="AB42480">
        <v>21</v>
      </c>
      <c r="AC42480">
        <v>21</v>
      </c>
      <c r="AD42480">
        <v>21</v>
      </c>
      <c r="AE42480">
        <v>22</v>
      </c>
      <c r="AF42480">
        <v>22</v>
      </c>
      <c r="AG42480">
        <v>22</v>
      </c>
      <c r="AH42480">
        <v>22</v>
      </c>
      <c r="AI42480">
        <v>22</v>
      </c>
      <c r="AJ42480">
        <v>22</v>
      </c>
      <c r="AK42480">
        <v>22</v>
      </c>
      <c r="AL42480">
        <v>22</v>
      </c>
      <c r="AM42480">
        <v>22</v>
      </c>
      <c r="AN42480">
        <v>22</v>
      </c>
      <c r="AO42480">
        <v>22</v>
      </c>
      <c r="AP42480">
        <v>22</v>
      </c>
      <c r="AQ42480">
        <v>22</v>
      </c>
    </row>
    <row r="42481" spans="1:43">
      <c r="A42481" t="s">
        <v>26055</v>
      </c>
      <c r="B42481" t="s">
        <v>26056</v>
      </c>
      <c r="C42481" t="s">
        <v>5992</v>
      </c>
      <c r="D42481" t="s">
        <v>5993</v>
      </c>
      <c r="E42481" t="s">
        <v>5940</v>
      </c>
      <c r="F42481" t="s">
        <v>5941</v>
      </c>
      <c r="G42481" t="s">
        <v>80</v>
      </c>
      <c r="H42481" t="s">
        <v>81</v>
      </c>
      <c r="I42481" s="2">
        <v>0</v>
      </c>
      <c r="J42481" s="2">
        <v>0</v>
      </c>
      <c r="K42481" s="2">
        <v>1</v>
      </c>
      <c r="L42481" t="s">
        <v>995</v>
      </c>
      <c r="M42481" t="s">
        <v>83</v>
      </c>
      <c r="N42481" t="s">
        <v>91</v>
      </c>
      <c r="O42481" t="s">
        <v>85</v>
      </c>
      <c r="P42481" t="s">
        <v>86</v>
      </c>
      <c r="Q42481">
        <v>16</v>
      </c>
      <c r="R42481">
        <v>16</v>
      </c>
      <c r="S42481">
        <v>17</v>
      </c>
      <c r="T42481">
        <v>17</v>
      </c>
      <c r="U42481">
        <v>17</v>
      </c>
      <c r="V42481">
        <v>18</v>
      </c>
      <c r="W42481">
        <v>18</v>
      </c>
      <c r="X42481">
        <v>18</v>
      </c>
      <c r="Y42481">
        <v>18</v>
      </c>
      <c r="Z42481">
        <v>19</v>
      </c>
      <c r="AA42481">
        <v>19</v>
      </c>
      <c r="AB42481">
        <v>19</v>
      </c>
      <c r="AC42481">
        <v>19</v>
      </c>
      <c r="AD42481">
        <v>20</v>
      </c>
      <c r="AE42481">
        <v>20</v>
      </c>
      <c r="AF42481">
        <v>20</v>
      </c>
      <c r="AG42481">
        <v>21</v>
      </c>
      <c r="AH42481">
        <v>21</v>
      </c>
      <c r="AI42481">
        <v>21</v>
      </c>
      <c r="AJ42481">
        <v>21</v>
      </c>
      <c r="AK42481">
        <v>22</v>
      </c>
      <c r="AL42481">
        <v>22</v>
      </c>
      <c r="AM42481">
        <v>22</v>
      </c>
      <c r="AN42481">
        <v>22</v>
      </c>
      <c r="AO42481">
        <v>22</v>
      </c>
      <c r="AP42481">
        <v>22</v>
      </c>
      <c r="AQ42481">
        <v>22</v>
      </c>
    </row>
    <row r="42482" spans="1:43">
      <c r="A42482" t="s">
        <v>26057</v>
      </c>
      <c r="B42482" t="s">
        <v>26058</v>
      </c>
      <c r="C42482" t="s">
        <v>5992</v>
      </c>
      <c r="D42482" t="s">
        <v>5993</v>
      </c>
      <c r="E42482" t="s">
        <v>5940</v>
      </c>
      <c r="F42482" t="s">
        <v>5941</v>
      </c>
      <c r="G42482" t="s">
        <v>80</v>
      </c>
      <c r="H42482" t="s">
        <v>81</v>
      </c>
      <c r="I42482" s="2">
        <v>0</v>
      </c>
      <c r="J42482" s="2">
        <v>0</v>
      </c>
      <c r="K42482" s="2">
        <v>1</v>
      </c>
      <c r="L42482" t="s">
        <v>995</v>
      </c>
      <c r="M42482" t="s">
        <v>83</v>
      </c>
      <c r="N42482" t="s">
        <v>84</v>
      </c>
      <c r="O42482" t="s">
        <v>85</v>
      </c>
      <c r="P42482" t="s">
        <v>86</v>
      </c>
      <c r="Q42482">
        <v>6</v>
      </c>
      <c r="R42482">
        <v>6</v>
      </c>
      <c r="S42482">
        <v>7</v>
      </c>
      <c r="T42482">
        <v>7</v>
      </c>
      <c r="U42482">
        <v>7</v>
      </c>
      <c r="V42482">
        <v>7</v>
      </c>
      <c r="W42482">
        <v>7</v>
      </c>
      <c r="X42482">
        <v>7</v>
      </c>
      <c r="Y42482">
        <v>7</v>
      </c>
      <c r="Z42482">
        <v>7</v>
      </c>
      <c r="AA42482">
        <v>7</v>
      </c>
      <c r="AB42482">
        <v>8</v>
      </c>
      <c r="AC42482">
        <v>8</v>
      </c>
      <c r="AD42482">
        <v>8</v>
      </c>
      <c r="AE42482">
        <v>8</v>
      </c>
      <c r="AF42482">
        <v>8</v>
      </c>
      <c r="AG42482">
        <v>8</v>
      </c>
      <c r="AH42482">
        <v>8</v>
      </c>
      <c r="AI42482">
        <v>8</v>
      </c>
      <c r="AJ42482">
        <v>8</v>
      </c>
      <c r="AK42482">
        <v>8</v>
      </c>
      <c r="AL42482">
        <v>9</v>
      </c>
      <c r="AM42482">
        <v>9</v>
      </c>
      <c r="AN42482">
        <v>9</v>
      </c>
      <c r="AO42482">
        <v>9</v>
      </c>
      <c r="AP42482">
        <v>9</v>
      </c>
      <c r="AQ42482">
        <v>9</v>
      </c>
    </row>
    <row r="42483" spans="1:43">
      <c r="A42483" t="s">
        <v>26057</v>
      </c>
      <c r="B42483" t="s">
        <v>26058</v>
      </c>
      <c r="C42483" t="s">
        <v>5992</v>
      </c>
      <c r="D42483" t="s">
        <v>5993</v>
      </c>
      <c r="E42483" t="s">
        <v>5940</v>
      </c>
      <c r="F42483" t="s">
        <v>5941</v>
      </c>
      <c r="G42483" t="s">
        <v>80</v>
      </c>
      <c r="H42483" t="s">
        <v>81</v>
      </c>
      <c r="I42483" s="2">
        <v>0</v>
      </c>
      <c r="J42483" s="2">
        <v>0</v>
      </c>
      <c r="K42483" s="2">
        <v>1</v>
      </c>
      <c r="L42483" t="s">
        <v>995</v>
      </c>
      <c r="M42483" t="s">
        <v>87</v>
      </c>
      <c r="N42483" t="s">
        <v>88</v>
      </c>
      <c r="O42483" t="s">
        <v>85</v>
      </c>
      <c r="P42483" t="s">
        <v>86</v>
      </c>
      <c r="Q42483">
        <v>6</v>
      </c>
      <c r="R42483">
        <v>6</v>
      </c>
      <c r="S42483">
        <v>6</v>
      </c>
      <c r="T42483">
        <v>6</v>
      </c>
      <c r="U42483">
        <v>6</v>
      </c>
      <c r="V42483">
        <v>6</v>
      </c>
      <c r="W42483">
        <v>7</v>
      </c>
      <c r="X42483">
        <v>7</v>
      </c>
      <c r="Y42483">
        <v>7</v>
      </c>
      <c r="Z42483">
        <v>7</v>
      </c>
      <c r="AA42483">
        <v>7</v>
      </c>
      <c r="AB42483">
        <v>7</v>
      </c>
      <c r="AC42483">
        <v>7</v>
      </c>
      <c r="AD42483">
        <v>7</v>
      </c>
      <c r="AE42483">
        <v>7</v>
      </c>
      <c r="AF42483">
        <v>7</v>
      </c>
      <c r="AG42483">
        <v>7</v>
      </c>
      <c r="AH42483">
        <v>7</v>
      </c>
      <c r="AI42483">
        <v>7</v>
      </c>
      <c r="AJ42483">
        <v>7</v>
      </c>
      <c r="AK42483">
        <v>7</v>
      </c>
      <c r="AL42483">
        <v>7</v>
      </c>
      <c r="AM42483">
        <v>7</v>
      </c>
      <c r="AN42483">
        <v>7</v>
      </c>
      <c r="AO42483">
        <v>7</v>
      </c>
      <c r="AP42483">
        <v>7</v>
      </c>
      <c r="AQ42483">
        <v>8</v>
      </c>
    </row>
    <row r="42484" spans="1:43">
      <c r="A42484" t="s">
        <v>26057</v>
      </c>
      <c r="B42484" t="s">
        <v>26058</v>
      </c>
      <c r="C42484" t="s">
        <v>5992</v>
      </c>
      <c r="D42484" t="s">
        <v>5993</v>
      </c>
      <c r="E42484" t="s">
        <v>5940</v>
      </c>
      <c r="F42484" t="s">
        <v>5941</v>
      </c>
      <c r="G42484" t="s">
        <v>80</v>
      </c>
      <c r="H42484" t="s">
        <v>81</v>
      </c>
      <c r="I42484" s="2">
        <v>0</v>
      </c>
      <c r="J42484" s="2">
        <v>0</v>
      </c>
      <c r="K42484" s="2">
        <v>1</v>
      </c>
      <c r="L42484" t="s">
        <v>995</v>
      </c>
      <c r="M42484" t="s">
        <v>89</v>
      </c>
      <c r="N42484" t="s">
        <v>90</v>
      </c>
      <c r="O42484" t="s">
        <v>85</v>
      </c>
      <c r="P42484" t="s">
        <v>86</v>
      </c>
      <c r="Q42484">
        <v>6</v>
      </c>
      <c r="R42484">
        <v>7</v>
      </c>
      <c r="S42484">
        <v>7</v>
      </c>
      <c r="T42484">
        <v>7</v>
      </c>
      <c r="U42484">
        <v>7</v>
      </c>
      <c r="V42484">
        <v>7</v>
      </c>
      <c r="W42484">
        <v>7</v>
      </c>
      <c r="X42484">
        <v>7</v>
      </c>
      <c r="Y42484">
        <v>8</v>
      </c>
      <c r="Z42484">
        <v>8</v>
      </c>
      <c r="AA42484">
        <v>8</v>
      </c>
      <c r="AB42484">
        <v>8</v>
      </c>
      <c r="AC42484">
        <v>8</v>
      </c>
      <c r="AD42484">
        <v>8</v>
      </c>
      <c r="AE42484">
        <v>8</v>
      </c>
      <c r="AF42484">
        <v>8</v>
      </c>
      <c r="AG42484">
        <v>8</v>
      </c>
      <c r="AH42484">
        <v>8</v>
      </c>
      <c r="AI42484">
        <v>9</v>
      </c>
      <c r="AJ42484">
        <v>9</v>
      </c>
      <c r="AK42484">
        <v>9</v>
      </c>
      <c r="AL42484">
        <v>9</v>
      </c>
      <c r="AM42484">
        <v>9</v>
      </c>
      <c r="AN42484">
        <v>9</v>
      </c>
      <c r="AO42484">
        <v>9</v>
      </c>
      <c r="AP42484">
        <v>9</v>
      </c>
      <c r="AQ42484">
        <v>9</v>
      </c>
    </row>
    <row r="42485" spans="1:43">
      <c r="A42485" t="s">
        <v>26057</v>
      </c>
      <c r="B42485" t="s">
        <v>26058</v>
      </c>
      <c r="C42485" t="s">
        <v>5992</v>
      </c>
      <c r="D42485" t="s">
        <v>5993</v>
      </c>
      <c r="E42485" t="s">
        <v>5940</v>
      </c>
      <c r="F42485" t="s">
        <v>5941</v>
      </c>
      <c r="G42485" t="s">
        <v>80</v>
      </c>
      <c r="H42485" t="s">
        <v>81</v>
      </c>
      <c r="I42485" s="2">
        <v>0</v>
      </c>
      <c r="J42485" s="2">
        <v>0</v>
      </c>
      <c r="K42485" s="2">
        <v>1</v>
      </c>
      <c r="L42485" t="s">
        <v>995</v>
      </c>
      <c r="M42485" t="s">
        <v>83</v>
      </c>
      <c r="N42485" t="s">
        <v>91</v>
      </c>
      <c r="O42485" t="s">
        <v>85</v>
      </c>
      <c r="P42485" t="s">
        <v>86</v>
      </c>
      <c r="Q42485">
        <v>6</v>
      </c>
      <c r="R42485">
        <v>6</v>
      </c>
      <c r="S42485">
        <v>7</v>
      </c>
      <c r="T42485">
        <v>7</v>
      </c>
      <c r="U42485">
        <v>7</v>
      </c>
      <c r="V42485">
        <v>7</v>
      </c>
      <c r="W42485">
        <v>7</v>
      </c>
      <c r="X42485">
        <v>7</v>
      </c>
      <c r="Y42485">
        <v>7</v>
      </c>
      <c r="Z42485">
        <v>7</v>
      </c>
      <c r="AA42485">
        <v>7</v>
      </c>
      <c r="AB42485">
        <v>8</v>
      </c>
      <c r="AC42485">
        <v>8</v>
      </c>
      <c r="AD42485">
        <v>8</v>
      </c>
      <c r="AE42485">
        <v>8</v>
      </c>
      <c r="AF42485">
        <v>8</v>
      </c>
      <c r="AG42485">
        <v>8</v>
      </c>
      <c r="AH42485">
        <v>8</v>
      </c>
      <c r="AI42485">
        <v>8</v>
      </c>
      <c r="AJ42485">
        <v>8</v>
      </c>
      <c r="AK42485">
        <v>8</v>
      </c>
      <c r="AL42485">
        <v>9</v>
      </c>
      <c r="AM42485">
        <v>9</v>
      </c>
      <c r="AN42485">
        <v>9</v>
      </c>
      <c r="AO42485">
        <v>9</v>
      </c>
      <c r="AP42485">
        <v>9</v>
      </c>
      <c r="AQ42485">
        <v>9</v>
      </c>
    </row>
    <row r="42486" spans="1:43">
      <c r="A42486" t="s">
        <v>26059</v>
      </c>
      <c r="B42486" t="s">
        <v>26060</v>
      </c>
      <c r="C42486" t="s">
        <v>7262</v>
      </c>
      <c r="D42486" t="s">
        <v>7263</v>
      </c>
      <c r="E42486" t="s">
        <v>6982</v>
      </c>
      <c r="F42486" t="s">
        <v>6983</v>
      </c>
      <c r="G42486" t="s">
        <v>80</v>
      </c>
      <c r="H42486" t="s">
        <v>81</v>
      </c>
      <c r="I42486" s="2">
        <v>0</v>
      </c>
      <c r="J42486" s="2">
        <v>1</v>
      </c>
      <c r="K42486" s="2">
        <v>0</v>
      </c>
      <c r="L42486" t="s">
        <v>82</v>
      </c>
      <c r="M42486" t="s">
        <v>83</v>
      </c>
      <c r="N42486" t="s">
        <v>84</v>
      </c>
      <c r="O42486" t="s">
        <v>85</v>
      </c>
      <c r="P42486" t="s">
        <v>86</v>
      </c>
      <c r="Q42486">
        <v>50</v>
      </c>
      <c r="R42486">
        <v>51</v>
      </c>
      <c r="S42486">
        <v>51</v>
      </c>
      <c r="T42486">
        <v>51</v>
      </c>
      <c r="U42486">
        <v>51</v>
      </c>
      <c r="V42486">
        <v>52</v>
      </c>
      <c r="W42486">
        <v>52</v>
      </c>
      <c r="X42486">
        <v>52</v>
      </c>
      <c r="Y42486">
        <v>52</v>
      </c>
      <c r="Z42486">
        <v>53</v>
      </c>
      <c r="AA42486">
        <v>53</v>
      </c>
      <c r="AB42486">
        <v>53</v>
      </c>
      <c r="AC42486">
        <v>53</v>
      </c>
      <c r="AD42486">
        <v>53</v>
      </c>
      <c r="AE42486">
        <v>53</v>
      </c>
      <c r="AF42486">
        <v>54</v>
      </c>
      <c r="AG42486">
        <v>54</v>
      </c>
      <c r="AH42486">
        <v>54</v>
      </c>
      <c r="AI42486">
        <v>54</v>
      </c>
      <c r="AJ42486">
        <v>54</v>
      </c>
      <c r="AK42486">
        <v>54</v>
      </c>
      <c r="AL42486">
        <v>54</v>
      </c>
      <c r="AM42486">
        <v>54</v>
      </c>
      <c r="AN42486">
        <v>53</v>
      </c>
      <c r="AO42486">
        <v>53</v>
      </c>
      <c r="AP42486">
        <v>52</v>
      </c>
      <c r="AQ42486">
        <v>52</v>
      </c>
    </row>
    <row r="42487" spans="1:43">
      <c r="A42487" t="s">
        <v>26059</v>
      </c>
      <c r="B42487" t="s">
        <v>26060</v>
      </c>
      <c r="C42487" t="s">
        <v>7262</v>
      </c>
      <c r="D42487" t="s">
        <v>7263</v>
      </c>
      <c r="E42487" t="s">
        <v>6982</v>
      </c>
      <c r="F42487" t="s">
        <v>6983</v>
      </c>
      <c r="G42487" t="s">
        <v>80</v>
      </c>
      <c r="H42487" t="s">
        <v>81</v>
      </c>
      <c r="I42487" s="2">
        <v>0</v>
      </c>
      <c r="J42487" s="2">
        <v>1</v>
      </c>
      <c r="K42487" s="2">
        <v>0</v>
      </c>
      <c r="L42487" t="s">
        <v>82</v>
      </c>
      <c r="M42487" t="s">
        <v>87</v>
      </c>
      <c r="N42487" t="s">
        <v>88</v>
      </c>
      <c r="O42487" t="s">
        <v>85</v>
      </c>
      <c r="P42487" t="s">
        <v>86</v>
      </c>
      <c r="Q42487">
        <v>50</v>
      </c>
      <c r="R42487">
        <v>50</v>
      </c>
      <c r="S42487">
        <v>50</v>
      </c>
      <c r="T42487">
        <v>49</v>
      </c>
      <c r="U42487">
        <v>49</v>
      </c>
      <c r="V42487">
        <v>49</v>
      </c>
      <c r="W42487">
        <v>49</v>
      </c>
      <c r="X42487">
        <v>49</v>
      </c>
      <c r="Y42487">
        <v>48</v>
      </c>
      <c r="Z42487">
        <v>48</v>
      </c>
      <c r="AA42487">
        <v>48</v>
      </c>
      <c r="AB42487">
        <v>48</v>
      </c>
      <c r="AC42487">
        <v>48</v>
      </c>
      <c r="AD42487">
        <v>48</v>
      </c>
      <c r="AE42487">
        <v>47</v>
      </c>
      <c r="AF42487">
        <v>47</v>
      </c>
      <c r="AG42487">
        <v>47</v>
      </c>
      <c r="AH42487">
        <v>47</v>
      </c>
      <c r="AI42487">
        <v>47</v>
      </c>
      <c r="AJ42487">
        <v>46</v>
      </c>
      <c r="AK42487">
        <v>46</v>
      </c>
      <c r="AL42487">
        <v>46</v>
      </c>
      <c r="AM42487">
        <v>46</v>
      </c>
      <c r="AN42487">
        <v>46</v>
      </c>
      <c r="AO42487">
        <v>45</v>
      </c>
      <c r="AP42487">
        <v>45</v>
      </c>
      <c r="AQ42487">
        <v>45</v>
      </c>
    </row>
    <row r="42488" spans="1:43">
      <c r="A42488" t="s">
        <v>26059</v>
      </c>
      <c r="B42488" t="s">
        <v>26060</v>
      </c>
      <c r="C42488" t="s">
        <v>7262</v>
      </c>
      <c r="D42488" t="s">
        <v>7263</v>
      </c>
      <c r="E42488" t="s">
        <v>6982</v>
      </c>
      <c r="F42488" t="s">
        <v>6983</v>
      </c>
      <c r="G42488" t="s">
        <v>80</v>
      </c>
      <c r="H42488" t="s">
        <v>81</v>
      </c>
      <c r="I42488" s="2">
        <v>0</v>
      </c>
      <c r="J42488" s="2">
        <v>1</v>
      </c>
      <c r="K42488" s="2">
        <v>0</v>
      </c>
      <c r="L42488" t="s">
        <v>82</v>
      </c>
      <c r="M42488" t="s">
        <v>89</v>
      </c>
      <c r="N42488" t="s">
        <v>90</v>
      </c>
      <c r="O42488" t="s">
        <v>85</v>
      </c>
      <c r="P42488" t="s">
        <v>86</v>
      </c>
      <c r="Q42488">
        <v>50</v>
      </c>
      <c r="R42488">
        <v>51</v>
      </c>
      <c r="S42488">
        <v>51</v>
      </c>
      <c r="T42488">
        <v>52</v>
      </c>
      <c r="U42488">
        <v>53</v>
      </c>
      <c r="V42488">
        <v>53</v>
      </c>
      <c r="W42488">
        <v>54</v>
      </c>
      <c r="X42488">
        <v>54</v>
      </c>
      <c r="Y42488">
        <v>55</v>
      </c>
      <c r="Z42488">
        <v>55</v>
      </c>
      <c r="AA42488">
        <v>55</v>
      </c>
      <c r="AB42488">
        <v>56</v>
      </c>
      <c r="AC42488">
        <v>56</v>
      </c>
      <c r="AD42488">
        <v>56</v>
      </c>
      <c r="AE42488">
        <v>56</v>
      </c>
      <c r="AF42488">
        <v>56</v>
      </c>
      <c r="AG42488">
        <v>56</v>
      </c>
      <c r="AH42488">
        <v>55</v>
      </c>
      <c r="AI42488">
        <v>55</v>
      </c>
      <c r="AJ42488">
        <v>54</v>
      </c>
      <c r="AK42488">
        <v>54</v>
      </c>
      <c r="AL42488">
        <v>53</v>
      </c>
      <c r="AM42488">
        <v>53</v>
      </c>
      <c r="AN42488">
        <v>53</v>
      </c>
      <c r="AO42488">
        <v>52</v>
      </c>
      <c r="AP42488">
        <v>52</v>
      </c>
      <c r="AQ42488">
        <v>52</v>
      </c>
    </row>
    <row r="42489" spans="1:43">
      <c r="A42489" t="s">
        <v>26059</v>
      </c>
      <c r="B42489" t="s">
        <v>26060</v>
      </c>
      <c r="C42489" t="s">
        <v>7262</v>
      </c>
      <c r="D42489" t="s">
        <v>7263</v>
      </c>
      <c r="E42489" t="s">
        <v>6982</v>
      </c>
      <c r="F42489" t="s">
        <v>6983</v>
      </c>
      <c r="G42489" t="s">
        <v>80</v>
      </c>
      <c r="H42489" t="s">
        <v>81</v>
      </c>
      <c r="I42489" s="2">
        <v>0</v>
      </c>
      <c r="J42489" s="2">
        <v>1</v>
      </c>
      <c r="K42489" s="2">
        <v>0</v>
      </c>
      <c r="L42489" t="s">
        <v>82</v>
      </c>
      <c r="M42489" t="s">
        <v>83</v>
      </c>
      <c r="N42489" t="s">
        <v>91</v>
      </c>
      <c r="O42489" t="s">
        <v>85</v>
      </c>
      <c r="P42489" t="s">
        <v>86</v>
      </c>
      <c r="Q42489">
        <v>50</v>
      </c>
      <c r="R42489">
        <v>51</v>
      </c>
      <c r="S42489">
        <v>51</v>
      </c>
      <c r="T42489">
        <v>51</v>
      </c>
      <c r="U42489">
        <v>51</v>
      </c>
      <c r="V42489">
        <v>52</v>
      </c>
      <c r="W42489">
        <v>52</v>
      </c>
      <c r="X42489">
        <v>52</v>
      </c>
      <c r="Y42489">
        <v>52</v>
      </c>
      <c r="Z42489">
        <v>53</v>
      </c>
      <c r="AA42489">
        <v>53</v>
      </c>
      <c r="AB42489">
        <v>53</v>
      </c>
      <c r="AC42489">
        <v>53</v>
      </c>
      <c r="AD42489">
        <v>53</v>
      </c>
      <c r="AE42489">
        <v>53</v>
      </c>
      <c r="AF42489">
        <v>54</v>
      </c>
      <c r="AG42489">
        <v>54</v>
      </c>
      <c r="AH42489">
        <v>54</v>
      </c>
      <c r="AI42489">
        <v>54</v>
      </c>
      <c r="AJ42489">
        <v>54</v>
      </c>
      <c r="AK42489">
        <v>54</v>
      </c>
      <c r="AL42489">
        <v>54</v>
      </c>
      <c r="AM42489">
        <v>54</v>
      </c>
      <c r="AN42489">
        <v>53</v>
      </c>
      <c r="AO42489">
        <v>53</v>
      </c>
      <c r="AP42489">
        <v>52</v>
      </c>
      <c r="AQ42489">
        <v>52</v>
      </c>
    </row>
    <row r="42490" spans="1:43">
      <c r="A42490" t="s">
        <v>26061</v>
      </c>
      <c r="B42490" t="s">
        <v>26062</v>
      </c>
      <c r="C42490" t="s">
        <v>7262</v>
      </c>
      <c r="D42490" t="s">
        <v>7263</v>
      </c>
      <c r="E42490" t="s">
        <v>6982</v>
      </c>
      <c r="F42490" t="s">
        <v>6983</v>
      </c>
      <c r="G42490" t="s">
        <v>80</v>
      </c>
      <c r="H42490" t="s">
        <v>81</v>
      </c>
      <c r="I42490" s="2">
        <v>0</v>
      </c>
      <c r="J42490" s="2">
        <v>1</v>
      </c>
      <c r="K42490" s="2">
        <v>0</v>
      </c>
      <c r="L42490" t="s">
        <v>82</v>
      </c>
      <c r="M42490" t="s">
        <v>83</v>
      </c>
      <c r="N42490" t="s">
        <v>84</v>
      </c>
      <c r="O42490" t="s">
        <v>85</v>
      </c>
      <c r="P42490" t="s">
        <v>86</v>
      </c>
      <c r="Q42490">
        <v>24</v>
      </c>
      <c r="R42490">
        <v>24</v>
      </c>
      <c r="S42490">
        <v>24</v>
      </c>
      <c r="T42490">
        <v>24</v>
      </c>
      <c r="U42490">
        <v>24</v>
      </c>
      <c r="V42490">
        <v>24</v>
      </c>
      <c r="W42490">
        <v>25</v>
      </c>
      <c r="X42490">
        <v>25</v>
      </c>
      <c r="Y42490">
        <v>25</v>
      </c>
      <c r="Z42490">
        <v>25</v>
      </c>
      <c r="AA42490">
        <v>25</v>
      </c>
      <c r="AB42490">
        <v>25</v>
      </c>
      <c r="AC42490">
        <v>25</v>
      </c>
      <c r="AD42490">
        <v>25</v>
      </c>
      <c r="AE42490">
        <v>25</v>
      </c>
      <c r="AF42490">
        <v>25</v>
      </c>
      <c r="AG42490">
        <v>25</v>
      </c>
      <c r="AH42490">
        <v>25</v>
      </c>
      <c r="AI42490">
        <v>26</v>
      </c>
      <c r="AJ42490">
        <v>26</v>
      </c>
      <c r="AK42490">
        <v>26</v>
      </c>
      <c r="AL42490">
        <v>26</v>
      </c>
      <c r="AM42490">
        <v>25</v>
      </c>
      <c r="AN42490">
        <v>25</v>
      </c>
      <c r="AO42490">
        <v>25</v>
      </c>
      <c r="AP42490">
        <v>25</v>
      </c>
      <c r="AQ42490">
        <v>25</v>
      </c>
    </row>
    <row r="42491" spans="1:43">
      <c r="A42491" t="s">
        <v>26061</v>
      </c>
      <c r="B42491" t="s">
        <v>26062</v>
      </c>
      <c r="C42491" t="s">
        <v>7262</v>
      </c>
      <c r="D42491" t="s">
        <v>7263</v>
      </c>
      <c r="E42491" t="s">
        <v>6982</v>
      </c>
      <c r="F42491" t="s">
        <v>6983</v>
      </c>
      <c r="G42491" t="s">
        <v>80</v>
      </c>
      <c r="H42491" t="s">
        <v>81</v>
      </c>
      <c r="I42491" s="2">
        <v>0</v>
      </c>
      <c r="J42491" s="2">
        <v>1</v>
      </c>
      <c r="K42491" s="2">
        <v>0</v>
      </c>
      <c r="L42491" t="s">
        <v>82</v>
      </c>
      <c r="M42491" t="s">
        <v>87</v>
      </c>
      <c r="N42491" t="s">
        <v>88</v>
      </c>
      <c r="O42491" t="s">
        <v>85</v>
      </c>
      <c r="P42491" t="s">
        <v>86</v>
      </c>
      <c r="Q42491">
        <v>24</v>
      </c>
      <c r="R42491">
        <v>24</v>
      </c>
      <c r="S42491">
        <v>23</v>
      </c>
      <c r="T42491">
        <v>23</v>
      </c>
      <c r="U42491">
        <v>23</v>
      </c>
      <c r="V42491">
        <v>23</v>
      </c>
      <c r="W42491">
        <v>23</v>
      </c>
      <c r="X42491">
        <v>23</v>
      </c>
      <c r="Y42491">
        <v>23</v>
      </c>
      <c r="Z42491">
        <v>23</v>
      </c>
      <c r="AA42491">
        <v>23</v>
      </c>
      <c r="AB42491">
        <v>23</v>
      </c>
      <c r="AC42491">
        <v>23</v>
      </c>
      <c r="AD42491">
        <v>22</v>
      </c>
      <c r="AE42491">
        <v>22</v>
      </c>
      <c r="AF42491">
        <v>22</v>
      </c>
      <c r="AG42491">
        <v>22</v>
      </c>
      <c r="AH42491">
        <v>22</v>
      </c>
      <c r="AI42491">
        <v>22</v>
      </c>
      <c r="AJ42491">
        <v>22</v>
      </c>
      <c r="AK42491">
        <v>22</v>
      </c>
      <c r="AL42491">
        <v>22</v>
      </c>
      <c r="AM42491">
        <v>22</v>
      </c>
      <c r="AN42491">
        <v>22</v>
      </c>
      <c r="AO42491">
        <v>22</v>
      </c>
      <c r="AP42491">
        <v>21</v>
      </c>
      <c r="AQ42491">
        <v>21</v>
      </c>
    </row>
    <row r="42492" spans="1:43">
      <c r="A42492" t="s">
        <v>26061</v>
      </c>
      <c r="B42492" t="s">
        <v>26062</v>
      </c>
      <c r="C42492" t="s">
        <v>7262</v>
      </c>
      <c r="D42492" t="s">
        <v>7263</v>
      </c>
      <c r="E42492" t="s">
        <v>6982</v>
      </c>
      <c r="F42492" t="s">
        <v>6983</v>
      </c>
      <c r="G42492" t="s">
        <v>80</v>
      </c>
      <c r="H42492" t="s">
        <v>81</v>
      </c>
      <c r="I42492" s="2">
        <v>0</v>
      </c>
      <c r="J42492" s="2">
        <v>1</v>
      </c>
      <c r="K42492" s="2">
        <v>0</v>
      </c>
      <c r="L42492" t="s">
        <v>82</v>
      </c>
      <c r="M42492" t="s">
        <v>89</v>
      </c>
      <c r="N42492" t="s">
        <v>90</v>
      </c>
      <c r="O42492" t="s">
        <v>85</v>
      </c>
      <c r="P42492" t="s">
        <v>86</v>
      </c>
      <c r="Q42492">
        <v>24</v>
      </c>
      <c r="R42492">
        <v>24</v>
      </c>
      <c r="S42492">
        <v>25</v>
      </c>
      <c r="T42492">
        <v>25</v>
      </c>
      <c r="U42492">
        <v>25</v>
      </c>
      <c r="V42492">
        <v>26</v>
      </c>
      <c r="W42492">
        <v>26</v>
      </c>
      <c r="X42492">
        <v>26</v>
      </c>
      <c r="Y42492">
        <v>26</v>
      </c>
      <c r="Z42492">
        <v>26</v>
      </c>
      <c r="AA42492">
        <v>27</v>
      </c>
      <c r="AB42492">
        <v>27</v>
      </c>
      <c r="AC42492">
        <v>27</v>
      </c>
      <c r="AD42492">
        <v>27</v>
      </c>
      <c r="AE42492">
        <v>27</v>
      </c>
      <c r="AF42492">
        <v>27</v>
      </c>
      <c r="AG42492">
        <v>27</v>
      </c>
      <c r="AH42492">
        <v>27</v>
      </c>
      <c r="AI42492">
        <v>26</v>
      </c>
      <c r="AJ42492">
        <v>26</v>
      </c>
      <c r="AK42492">
        <v>26</v>
      </c>
      <c r="AL42492">
        <v>26</v>
      </c>
      <c r="AM42492">
        <v>26</v>
      </c>
      <c r="AN42492">
        <v>25</v>
      </c>
      <c r="AO42492">
        <v>25</v>
      </c>
      <c r="AP42492">
        <v>25</v>
      </c>
      <c r="AQ42492">
        <v>25</v>
      </c>
    </row>
    <row r="42493" spans="1:43">
      <c r="A42493" t="s">
        <v>26061</v>
      </c>
      <c r="B42493" t="s">
        <v>26062</v>
      </c>
      <c r="C42493" t="s">
        <v>7262</v>
      </c>
      <c r="D42493" t="s">
        <v>7263</v>
      </c>
      <c r="E42493" t="s">
        <v>6982</v>
      </c>
      <c r="F42493" t="s">
        <v>6983</v>
      </c>
      <c r="G42493" t="s">
        <v>80</v>
      </c>
      <c r="H42493" t="s">
        <v>81</v>
      </c>
      <c r="I42493" s="2">
        <v>0</v>
      </c>
      <c r="J42493" s="2">
        <v>1</v>
      </c>
      <c r="K42493" s="2">
        <v>0</v>
      </c>
      <c r="L42493" t="s">
        <v>82</v>
      </c>
      <c r="M42493" t="s">
        <v>83</v>
      </c>
      <c r="N42493" t="s">
        <v>91</v>
      </c>
      <c r="O42493" t="s">
        <v>85</v>
      </c>
      <c r="P42493" t="s">
        <v>86</v>
      </c>
      <c r="Q42493">
        <v>24</v>
      </c>
      <c r="R42493">
        <v>24</v>
      </c>
      <c r="S42493">
        <v>24</v>
      </c>
      <c r="T42493">
        <v>24</v>
      </c>
      <c r="U42493">
        <v>24</v>
      </c>
      <c r="V42493">
        <v>24</v>
      </c>
      <c r="W42493">
        <v>25</v>
      </c>
      <c r="X42493">
        <v>25</v>
      </c>
      <c r="Y42493">
        <v>25</v>
      </c>
      <c r="Z42493">
        <v>25</v>
      </c>
      <c r="AA42493">
        <v>25</v>
      </c>
      <c r="AB42493">
        <v>25</v>
      </c>
      <c r="AC42493">
        <v>25</v>
      </c>
      <c r="AD42493">
        <v>25</v>
      </c>
      <c r="AE42493">
        <v>25</v>
      </c>
      <c r="AF42493">
        <v>25</v>
      </c>
      <c r="AG42493">
        <v>25</v>
      </c>
      <c r="AH42493">
        <v>25</v>
      </c>
      <c r="AI42493">
        <v>26</v>
      </c>
      <c r="AJ42493">
        <v>26</v>
      </c>
      <c r="AK42493">
        <v>26</v>
      </c>
      <c r="AL42493">
        <v>26</v>
      </c>
      <c r="AM42493">
        <v>25</v>
      </c>
      <c r="AN42493">
        <v>25</v>
      </c>
      <c r="AO42493">
        <v>25</v>
      </c>
      <c r="AP42493">
        <v>25</v>
      </c>
      <c r="AQ42493">
        <v>25</v>
      </c>
    </row>
    <row r="42494" spans="1:43">
      <c r="A42494" t="s">
        <v>26063</v>
      </c>
      <c r="B42494" t="s">
        <v>26064</v>
      </c>
      <c r="C42494" t="s">
        <v>7022</v>
      </c>
      <c r="D42494" t="s">
        <v>7023</v>
      </c>
      <c r="E42494" t="s">
        <v>6982</v>
      </c>
      <c r="F42494" t="s">
        <v>6983</v>
      </c>
      <c r="G42494" t="s">
        <v>80</v>
      </c>
      <c r="H42494" t="s">
        <v>81</v>
      </c>
      <c r="I42494" s="2">
        <v>0</v>
      </c>
      <c r="J42494" s="2">
        <v>1</v>
      </c>
      <c r="K42494" s="2">
        <v>0</v>
      </c>
      <c r="L42494" t="s">
        <v>82</v>
      </c>
      <c r="M42494" t="s">
        <v>83</v>
      </c>
      <c r="N42494" t="s">
        <v>84</v>
      </c>
      <c r="O42494" t="s">
        <v>85</v>
      </c>
      <c r="P42494" t="s">
        <v>86</v>
      </c>
      <c r="Q42494">
        <v>19</v>
      </c>
      <c r="R42494">
        <v>20</v>
      </c>
      <c r="S42494">
        <v>20</v>
      </c>
      <c r="T42494">
        <v>20</v>
      </c>
      <c r="U42494">
        <v>20</v>
      </c>
      <c r="V42494">
        <v>20</v>
      </c>
      <c r="W42494">
        <v>20</v>
      </c>
      <c r="X42494">
        <v>20</v>
      </c>
      <c r="Y42494">
        <v>20</v>
      </c>
      <c r="Z42494">
        <v>20</v>
      </c>
      <c r="AA42494">
        <v>20</v>
      </c>
      <c r="AB42494">
        <v>21</v>
      </c>
      <c r="AC42494">
        <v>21</v>
      </c>
      <c r="AD42494">
        <v>21</v>
      </c>
      <c r="AE42494">
        <v>21</v>
      </c>
      <c r="AF42494">
        <v>21</v>
      </c>
      <c r="AG42494">
        <v>21</v>
      </c>
      <c r="AH42494">
        <v>21</v>
      </c>
      <c r="AI42494">
        <v>21</v>
      </c>
      <c r="AJ42494">
        <v>21</v>
      </c>
      <c r="AK42494">
        <v>21</v>
      </c>
      <c r="AL42494">
        <v>21</v>
      </c>
      <c r="AM42494">
        <v>21</v>
      </c>
      <c r="AN42494">
        <v>21</v>
      </c>
      <c r="AO42494">
        <v>20</v>
      </c>
      <c r="AP42494">
        <v>20</v>
      </c>
      <c r="AQ42494">
        <v>20</v>
      </c>
    </row>
    <row r="42495" spans="1:43">
      <c r="A42495" t="s">
        <v>26063</v>
      </c>
      <c r="B42495" t="s">
        <v>26064</v>
      </c>
      <c r="C42495" t="s">
        <v>7022</v>
      </c>
      <c r="D42495" t="s">
        <v>7023</v>
      </c>
      <c r="E42495" t="s">
        <v>6982</v>
      </c>
      <c r="F42495" t="s">
        <v>6983</v>
      </c>
      <c r="G42495" t="s">
        <v>80</v>
      </c>
      <c r="H42495" t="s">
        <v>81</v>
      </c>
      <c r="I42495" s="2">
        <v>0</v>
      </c>
      <c r="J42495" s="2">
        <v>1</v>
      </c>
      <c r="K42495" s="2">
        <v>0</v>
      </c>
      <c r="L42495" t="s">
        <v>82</v>
      </c>
      <c r="M42495" t="s">
        <v>87</v>
      </c>
      <c r="N42495" t="s">
        <v>88</v>
      </c>
      <c r="O42495" t="s">
        <v>85</v>
      </c>
      <c r="P42495" t="s">
        <v>86</v>
      </c>
      <c r="Q42495">
        <v>19</v>
      </c>
      <c r="R42495">
        <v>19</v>
      </c>
      <c r="S42495">
        <v>19</v>
      </c>
      <c r="T42495">
        <v>19</v>
      </c>
      <c r="U42495">
        <v>19</v>
      </c>
      <c r="V42495">
        <v>19</v>
      </c>
      <c r="W42495">
        <v>19</v>
      </c>
      <c r="X42495">
        <v>19</v>
      </c>
      <c r="Y42495">
        <v>19</v>
      </c>
      <c r="Z42495">
        <v>19</v>
      </c>
      <c r="AA42495">
        <v>19</v>
      </c>
      <c r="AB42495">
        <v>19</v>
      </c>
      <c r="AC42495">
        <v>18</v>
      </c>
      <c r="AD42495">
        <v>18</v>
      </c>
      <c r="AE42495">
        <v>18</v>
      </c>
      <c r="AF42495">
        <v>18</v>
      </c>
      <c r="AG42495">
        <v>18</v>
      </c>
      <c r="AH42495">
        <v>18</v>
      </c>
      <c r="AI42495">
        <v>18</v>
      </c>
      <c r="AJ42495">
        <v>18</v>
      </c>
      <c r="AK42495">
        <v>18</v>
      </c>
      <c r="AL42495">
        <v>18</v>
      </c>
      <c r="AM42495">
        <v>18</v>
      </c>
      <c r="AN42495">
        <v>18</v>
      </c>
      <c r="AO42495">
        <v>18</v>
      </c>
      <c r="AP42495">
        <v>18</v>
      </c>
      <c r="AQ42495">
        <v>17</v>
      </c>
    </row>
    <row r="42496" spans="1:43">
      <c r="A42496" t="s">
        <v>26063</v>
      </c>
      <c r="B42496" t="s">
        <v>26064</v>
      </c>
      <c r="C42496" t="s">
        <v>7022</v>
      </c>
      <c r="D42496" t="s">
        <v>7023</v>
      </c>
      <c r="E42496" t="s">
        <v>6982</v>
      </c>
      <c r="F42496" t="s">
        <v>6983</v>
      </c>
      <c r="G42496" t="s">
        <v>80</v>
      </c>
      <c r="H42496" t="s">
        <v>81</v>
      </c>
      <c r="I42496" s="2">
        <v>0</v>
      </c>
      <c r="J42496" s="2">
        <v>1</v>
      </c>
      <c r="K42496" s="2">
        <v>0</v>
      </c>
      <c r="L42496" t="s">
        <v>82</v>
      </c>
      <c r="M42496" t="s">
        <v>89</v>
      </c>
      <c r="N42496" t="s">
        <v>90</v>
      </c>
      <c r="O42496" t="s">
        <v>85</v>
      </c>
      <c r="P42496" t="s">
        <v>86</v>
      </c>
      <c r="Q42496">
        <v>19</v>
      </c>
      <c r="R42496">
        <v>19</v>
      </c>
      <c r="S42496">
        <v>19</v>
      </c>
      <c r="T42496">
        <v>19</v>
      </c>
      <c r="U42496">
        <v>20</v>
      </c>
      <c r="V42496">
        <v>20</v>
      </c>
      <c r="W42496">
        <v>20</v>
      </c>
      <c r="X42496">
        <v>20</v>
      </c>
      <c r="Y42496">
        <v>20</v>
      </c>
      <c r="Z42496">
        <v>21</v>
      </c>
      <c r="AA42496">
        <v>21</v>
      </c>
      <c r="AB42496">
        <v>21</v>
      </c>
      <c r="AC42496">
        <v>21</v>
      </c>
      <c r="AD42496">
        <v>21</v>
      </c>
      <c r="AE42496">
        <v>21</v>
      </c>
      <c r="AF42496">
        <v>21</v>
      </c>
      <c r="AG42496">
        <v>21</v>
      </c>
      <c r="AH42496">
        <v>21</v>
      </c>
      <c r="AI42496">
        <v>21</v>
      </c>
      <c r="AJ42496">
        <v>20</v>
      </c>
      <c r="AK42496">
        <v>20</v>
      </c>
      <c r="AL42496">
        <v>20</v>
      </c>
      <c r="AM42496">
        <v>20</v>
      </c>
      <c r="AN42496">
        <v>20</v>
      </c>
      <c r="AO42496">
        <v>20</v>
      </c>
      <c r="AP42496">
        <v>20</v>
      </c>
      <c r="AQ42496">
        <v>19</v>
      </c>
    </row>
    <row r="42497" spans="1:43">
      <c r="A42497" t="s">
        <v>26063</v>
      </c>
      <c r="B42497" t="s">
        <v>26064</v>
      </c>
      <c r="C42497" t="s">
        <v>7022</v>
      </c>
      <c r="D42497" t="s">
        <v>7023</v>
      </c>
      <c r="E42497" t="s">
        <v>6982</v>
      </c>
      <c r="F42497" t="s">
        <v>6983</v>
      </c>
      <c r="G42497" t="s">
        <v>80</v>
      </c>
      <c r="H42497" t="s">
        <v>81</v>
      </c>
      <c r="I42497" s="2">
        <v>0</v>
      </c>
      <c r="J42497" s="2">
        <v>1</v>
      </c>
      <c r="K42497" s="2">
        <v>0</v>
      </c>
      <c r="L42497" t="s">
        <v>82</v>
      </c>
      <c r="M42497" t="s">
        <v>83</v>
      </c>
      <c r="N42497" t="s">
        <v>91</v>
      </c>
      <c r="O42497" t="s">
        <v>85</v>
      </c>
      <c r="P42497" t="s">
        <v>86</v>
      </c>
      <c r="Q42497">
        <v>19</v>
      </c>
      <c r="R42497">
        <v>20</v>
      </c>
      <c r="S42497">
        <v>20</v>
      </c>
      <c r="T42497">
        <v>20</v>
      </c>
      <c r="U42497">
        <v>20</v>
      </c>
      <c r="V42497">
        <v>20</v>
      </c>
      <c r="W42497">
        <v>20</v>
      </c>
      <c r="X42497">
        <v>20</v>
      </c>
      <c r="Y42497">
        <v>20</v>
      </c>
      <c r="Z42497">
        <v>20</v>
      </c>
      <c r="AA42497">
        <v>20</v>
      </c>
      <c r="AB42497">
        <v>21</v>
      </c>
      <c r="AC42497">
        <v>21</v>
      </c>
      <c r="AD42497">
        <v>21</v>
      </c>
      <c r="AE42497">
        <v>21</v>
      </c>
      <c r="AF42497">
        <v>21</v>
      </c>
      <c r="AG42497">
        <v>21</v>
      </c>
      <c r="AH42497">
        <v>21</v>
      </c>
      <c r="AI42497">
        <v>21</v>
      </c>
      <c r="AJ42497">
        <v>21</v>
      </c>
      <c r="AK42497">
        <v>21</v>
      </c>
      <c r="AL42497">
        <v>21</v>
      </c>
      <c r="AM42497">
        <v>21</v>
      </c>
      <c r="AN42497">
        <v>21</v>
      </c>
      <c r="AO42497">
        <v>20</v>
      </c>
      <c r="AP42497">
        <v>20</v>
      </c>
      <c r="AQ42497">
        <v>20</v>
      </c>
    </row>
    <row r="42498" spans="1:43">
      <c r="A42498" t="s">
        <v>26065</v>
      </c>
      <c r="B42498" t="s">
        <v>26066</v>
      </c>
      <c r="C42498" t="s">
        <v>7022</v>
      </c>
      <c r="D42498" t="s">
        <v>7023</v>
      </c>
      <c r="E42498" t="s">
        <v>6982</v>
      </c>
      <c r="F42498" t="s">
        <v>6983</v>
      </c>
      <c r="G42498" t="s">
        <v>80</v>
      </c>
      <c r="H42498" t="s">
        <v>81</v>
      </c>
      <c r="I42498" s="2">
        <v>0</v>
      </c>
      <c r="J42498" s="2">
        <v>1</v>
      </c>
      <c r="K42498" s="2">
        <v>0</v>
      </c>
      <c r="L42498" t="s">
        <v>82</v>
      </c>
      <c r="M42498" t="s">
        <v>83</v>
      </c>
      <c r="N42498" t="s">
        <v>84</v>
      </c>
      <c r="O42498" t="s">
        <v>85</v>
      </c>
      <c r="P42498" t="s">
        <v>86</v>
      </c>
      <c r="Q42498">
        <v>66</v>
      </c>
      <c r="R42498">
        <v>67</v>
      </c>
      <c r="S42498">
        <v>67</v>
      </c>
      <c r="T42498">
        <v>68</v>
      </c>
      <c r="U42498">
        <v>68</v>
      </c>
      <c r="V42498">
        <v>68</v>
      </c>
      <c r="W42498">
        <v>69</v>
      </c>
      <c r="X42498">
        <v>69</v>
      </c>
      <c r="Y42498">
        <v>69</v>
      </c>
      <c r="Z42498">
        <v>69</v>
      </c>
      <c r="AA42498">
        <v>70</v>
      </c>
      <c r="AB42498">
        <v>70</v>
      </c>
      <c r="AC42498">
        <v>70</v>
      </c>
      <c r="AD42498">
        <v>70</v>
      </c>
      <c r="AE42498">
        <v>71</v>
      </c>
      <c r="AF42498">
        <v>71</v>
      </c>
      <c r="AG42498">
        <v>71</v>
      </c>
      <c r="AH42498">
        <v>71</v>
      </c>
      <c r="AI42498">
        <v>71</v>
      </c>
      <c r="AJ42498">
        <v>71</v>
      </c>
      <c r="AK42498">
        <v>72</v>
      </c>
      <c r="AL42498">
        <v>71</v>
      </c>
      <c r="AM42498">
        <v>71</v>
      </c>
      <c r="AN42498">
        <v>70</v>
      </c>
      <c r="AO42498">
        <v>70</v>
      </c>
      <c r="AP42498">
        <v>69</v>
      </c>
      <c r="AQ42498">
        <v>69</v>
      </c>
    </row>
    <row r="42499" spans="1:43">
      <c r="A42499" t="s">
        <v>26065</v>
      </c>
      <c r="B42499" t="s">
        <v>26066</v>
      </c>
      <c r="C42499" t="s">
        <v>7022</v>
      </c>
      <c r="D42499" t="s">
        <v>7023</v>
      </c>
      <c r="E42499" t="s">
        <v>6982</v>
      </c>
      <c r="F42499" t="s">
        <v>6983</v>
      </c>
      <c r="G42499" t="s">
        <v>80</v>
      </c>
      <c r="H42499" t="s">
        <v>81</v>
      </c>
      <c r="I42499" s="2">
        <v>0</v>
      </c>
      <c r="J42499" s="2">
        <v>1</v>
      </c>
      <c r="K42499" s="2">
        <v>0</v>
      </c>
      <c r="L42499" t="s">
        <v>82</v>
      </c>
      <c r="M42499" t="s">
        <v>87</v>
      </c>
      <c r="N42499" t="s">
        <v>88</v>
      </c>
      <c r="O42499" t="s">
        <v>85</v>
      </c>
      <c r="P42499" t="s">
        <v>86</v>
      </c>
      <c r="Q42499">
        <v>66</v>
      </c>
      <c r="R42499">
        <v>66</v>
      </c>
      <c r="S42499">
        <v>65</v>
      </c>
      <c r="T42499">
        <v>65</v>
      </c>
      <c r="U42499">
        <v>65</v>
      </c>
      <c r="V42499">
        <v>65</v>
      </c>
      <c r="W42499">
        <v>64</v>
      </c>
      <c r="X42499">
        <v>64</v>
      </c>
      <c r="Y42499">
        <v>64</v>
      </c>
      <c r="Z42499">
        <v>64</v>
      </c>
      <c r="AA42499">
        <v>63</v>
      </c>
      <c r="AB42499">
        <v>63</v>
      </c>
      <c r="AC42499">
        <v>63</v>
      </c>
      <c r="AD42499">
        <v>63</v>
      </c>
      <c r="AE42499">
        <v>63</v>
      </c>
      <c r="AF42499">
        <v>62</v>
      </c>
      <c r="AG42499">
        <v>62</v>
      </c>
      <c r="AH42499">
        <v>62</v>
      </c>
      <c r="AI42499">
        <v>62</v>
      </c>
      <c r="AJ42499">
        <v>61</v>
      </c>
      <c r="AK42499">
        <v>61</v>
      </c>
      <c r="AL42499">
        <v>61</v>
      </c>
      <c r="AM42499">
        <v>61</v>
      </c>
      <c r="AN42499">
        <v>60</v>
      </c>
      <c r="AO42499">
        <v>60</v>
      </c>
      <c r="AP42499">
        <v>60</v>
      </c>
      <c r="AQ42499">
        <v>60</v>
      </c>
    </row>
    <row r="42500" spans="1:43">
      <c r="A42500" t="s">
        <v>26065</v>
      </c>
      <c r="B42500" t="s">
        <v>26066</v>
      </c>
      <c r="C42500" t="s">
        <v>7022</v>
      </c>
      <c r="D42500" t="s">
        <v>7023</v>
      </c>
      <c r="E42500" t="s">
        <v>6982</v>
      </c>
      <c r="F42500" t="s">
        <v>6983</v>
      </c>
      <c r="G42500" t="s">
        <v>80</v>
      </c>
      <c r="H42500" t="s">
        <v>81</v>
      </c>
      <c r="I42500" s="2">
        <v>0</v>
      </c>
      <c r="J42500" s="2">
        <v>1</v>
      </c>
      <c r="K42500" s="2">
        <v>0</v>
      </c>
      <c r="L42500" t="s">
        <v>82</v>
      </c>
      <c r="M42500" t="s">
        <v>89</v>
      </c>
      <c r="N42500" t="s">
        <v>90</v>
      </c>
      <c r="O42500" t="s">
        <v>85</v>
      </c>
      <c r="P42500" t="s">
        <v>86</v>
      </c>
      <c r="Q42500">
        <v>66</v>
      </c>
      <c r="R42500">
        <v>67</v>
      </c>
      <c r="S42500">
        <v>68</v>
      </c>
      <c r="T42500">
        <v>69</v>
      </c>
      <c r="U42500">
        <v>70</v>
      </c>
      <c r="V42500">
        <v>70</v>
      </c>
      <c r="W42500">
        <v>71</v>
      </c>
      <c r="X42500">
        <v>72</v>
      </c>
      <c r="Y42500">
        <v>72</v>
      </c>
      <c r="Z42500">
        <v>73</v>
      </c>
      <c r="AA42500">
        <v>73</v>
      </c>
      <c r="AB42500">
        <v>74</v>
      </c>
      <c r="AC42500">
        <v>74</v>
      </c>
      <c r="AD42500">
        <v>75</v>
      </c>
      <c r="AE42500">
        <v>75</v>
      </c>
      <c r="AF42500">
        <v>74</v>
      </c>
      <c r="AG42500">
        <v>74</v>
      </c>
      <c r="AH42500">
        <v>73</v>
      </c>
      <c r="AI42500">
        <v>73</v>
      </c>
      <c r="AJ42500">
        <v>72</v>
      </c>
      <c r="AK42500">
        <v>72</v>
      </c>
      <c r="AL42500">
        <v>71</v>
      </c>
      <c r="AM42500">
        <v>71</v>
      </c>
      <c r="AN42500">
        <v>70</v>
      </c>
      <c r="AO42500">
        <v>69</v>
      </c>
      <c r="AP42500">
        <v>69</v>
      </c>
      <c r="AQ42500">
        <v>68</v>
      </c>
    </row>
    <row r="42501" spans="1:43">
      <c r="A42501" t="s">
        <v>26065</v>
      </c>
      <c r="B42501" t="s">
        <v>26066</v>
      </c>
      <c r="C42501" t="s">
        <v>7022</v>
      </c>
      <c r="D42501" t="s">
        <v>7023</v>
      </c>
      <c r="E42501" t="s">
        <v>6982</v>
      </c>
      <c r="F42501" t="s">
        <v>6983</v>
      </c>
      <c r="G42501" t="s">
        <v>80</v>
      </c>
      <c r="H42501" t="s">
        <v>81</v>
      </c>
      <c r="I42501" s="2">
        <v>0</v>
      </c>
      <c r="J42501" s="2">
        <v>1</v>
      </c>
      <c r="K42501" s="2">
        <v>0</v>
      </c>
      <c r="L42501" t="s">
        <v>82</v>
      </c>
      <c r="M42501" t="s">
        <v>83</v>
      </c>
      <c r="N42501" t="s">
        <v>91</v>
      </c>
      <c r="O42501" t="s">
        <v>85</v>
      </c>
      <c r="P42501" t="s">
        <v>86</v>
      </c>
      <c r="Q42501">
        <v>66</v>
      </c>
      <c r="R42501">
        <v>67</v>
      </c>
      <c r="S42501">
        <v>67</v>
      </c>
      <c r="T42501">
        <v>68</v>
      </c>
      <c r="U42501">
        <v>68</v>
      </c>
      <c r="V42501">
        <v>68</v>
      </c>
      <c r="W42501">
        <v>69</v>
      </c>
      <c r="X42501">
        <v>69</v>
      </c>
      <c r="Y42501">
        <v>69</v>
      </c>
      <c r="Z42501">
        <v>69</v>
      </c>
      <c r="AA42501">
        <v>70</v>
      </c>
      <c r="AB42501">
        <v>70</v>
      </c>
      <c r="AC42501">
        <v>70</v>
      </c>
      <c r="AD42501">
        <v>70</v>
      </c>
      <c r="AE42501">
        <v>71</v>
      </c>
      <c r="AF42501">
        <v>71</v>
      </c>
      <c r="AG42501">
        <v>71</v>
      </c>
      <c r="AH42501">
        <v>71</v>
      </c>
      <c r="AI42501">
        <v>71</v>
      </c>
      <c r="AJ42501">
        <v>71</v>
      </c>
      <c r="AK42501">
        <v>72</v>
      </c>
      <c r="AL42501">
        <v>71</v>
      </c>
      <c r="AM42501">
        <v>71</v>
      </c>
      <c r="AN42501">
        <v>70</v>
      </c>
      <c r="AO42501">
        <v>70</v>
      </c>
      <c r="AP42501">
        <v>69</v>
      </c>
      <c r="AQ42501">
        <v>69</v>
      </c>
    </row>
    <row r="42502" spans="1:43">
      <c r="A42502" t="s">
        <v>26067</v>
      </c>
      <c r="B42502" t="s">
        <v>26068</v>
      </c>
      <c r="C42502" t="s">
        <v>4612</v>
      </c>
      <c r="D42502" t="s">
        <v>4613</v>
      </c>
      <c r="E42502" t="s">
        <v>4592</v>
      </c>
      <c r="F42502" t="s">
        <v>4593</v>
      </c>
      <c r="G42502" t="s">
        <v>80</v>
      </c>
      <c r="H42502" t="s">
        <v>81</v>
      </c>
      <c r="I42502" s="2">
        <v>1</v>
      </c>
      <c r="J42502" s="2">
        <v>0</v>
      </c>
      <c r="K42502" s="2">
        <v>0</v>
      </c>
      <c r="L42502" t="s">
        <v>120</v>
      </c>
      <c r="M42502" t="s">
        <v>83</v>
      </c>
      <c r="N42502" t="s">
        <v>84</v>
      </c>
      <c r="O42502" t="s">
        <v>85</v>
      </c>
      <c r="P42502" t="s">
        <v>86</v>
      </c>
      <c r="Q42502">
        <v>22</v>
      </c>
      <c r="R42502">
        <v>22</v>
      </c>
      <c r="S42502">
        <v>23</v>
      </c>
      <c r="T42502">
        <v>23</v>
      </c>
      <c r="U42502">
        <v>23</v>
      </c>
      <c r="V42502">
        <v>24</v>
      </c>
      <c r="W42502">
        <v>24</v>
      </c>
      <c r="X42502">
        <v>24</v>
      </c>
      <c r="Y42502">
        <v>25</v>
      </c>
      <c r="Z42502">
        <v>25</v>
      </c>
      <c r="AA42502">
        <v>25</v>
      </c>
      <c r="AB42502">
        <v>26</v>
      </c>
      <c r="AC42502">
        <v>26</v>
      </c>
      <c r="AD42502">
        <v>26</v>
      </c>
      <c r="AE42502">
        <v>26</v>
      </c>
      <c r="AF42502">
        <v>27</v>
      </c>
      <c r="AG42502">
        <v>27</v>
      </c>
      <c r="AH42502">
        <v>27</v>
      </c>
      <c r="AI42502">
        <v>28</v>
      </c>
      <c r="AJ42502">
        <v>28</v>
      </c>
      <c r="AK42502">
        <v>28</v>
      </c>
      <c r="AL42502">
        <v>28</v>
      </c>
      <c r="AM42502">
        <v>28</v>
      </c>
      <c r="AN42502">
        <v>28</v>
      </c>
      <c r="AO42502">
        <v>28</v>
      </c>
      <c r="AP42502">
        <v>28</v>
      </c>
      <c r="AQ42502">
        <v>28</v>
      </c>
    </row>
    <row r="42503" spans="1:43">
      <c r="A42503" t="s">
        <v>26067</v>
      </c>
      <c r="B42503" t="s">
        <v>26068</v>
      </c>
      <c r="C42503" t="s">
        <v>4612</v>
      </c>
      <c r="D42503" t="s">
        <v>4613</v>
      </c>
      <c r="E42503" t="s">
        <v>4592</v>
      </c>
      <c r="F42503" t="s">
        <v>4593</v>
      </c>
      <c r="G42503" t="s">
        <v>80</v>
      </c>
      <c r="H42503" t="s">
        <v>81</v>
      </c>
      <c r="I42503" s="2">
        <v>1</v>
      </c>
      <c r="J42503" s="2">
        <v>0</v>
      </c>
      <c r="K42503" s="2">
        <v>0</v>
      </c>
      <c r="L42503" t="s">
        <v>120</v>
      </c>
      <c r="M42503" t="s">
        <v>87</v>
      </c>
      <c r="N42503" t="s">
        <v>88</v>
      </c>
      <c r="O42503" t="s">
        <v>85</v>
      </c>
      <c r="P42503" t="s">
        <v>86</v>
      </c>
      <c r="Q42503">
        <v>22</v>
      </c>
      <c r="R42503">
        <v>22</v>
      </c>
      <c r="S42503">
        <v>22</v>
      </c>
      <c r="T42503">
        <v>22</v>
      </c>
      <c r="U42503">
        <v>22</v>
      </c>
      <c r="V42503">
        <v>22</v>
      </c>
      <c r="W42503">
        <v>22</v>
      </c>
      <c r="X42503">
        <v>23</v>
      </c>
      <c r="Y42503">
        <v>23</v>
      </c>
      <c r="Z42503">
        <v>23</v>
      </c>
      <c r="AA42503">
        <v>23</v>
      </c>
      <c r="AB42503">
        <v>23</v>
      </c>
      <c r="AC42503">
        <v>23</v>
      </c>
      <c r="AD42503">
        <v>23</v>
      </c>
      <c r="AE42503">
        <v>23</v>
      </c>
      <c r="AF42503">
        <v>24</v>
      </c>
      <c r="AG42503">
        <v>24</v>
      </c>
      <c r="AH42503">
        <v>24</v>
      </c>
      <c r="AI42503">
        <v>24</v>
      </c>
      <c r="AJ42503">
        <v>24</v>
      </c>
      <c r="AK42503">
        <v>24</v>
      </c>
      <c r="AL42503">
        <v>24</v>
      </c>
      <c r="AM42503">
        <v>24</v>
      </c>
      <c r="AN42503">
        <v>24</v>
      </c>
      <c r="AO42503">
        <v>24</v>
      </c>
      <c r="AP42503">
        <v>24</v>
      </c>
      <c r="AQ42503">
        <v>24</v>
      </c>
    </row>
    <row r="42504" spans="1:43">
      <c r="A42504" t="s">
        <v>26067</v>
      </c>
      <c r="B42504" t="s">
        <v>26068</v>
      </c>
      <c r="C42504" t="s">
        <v>4612</v>
      </c>
      <c r="D42504" t="s">
        <v>4613</v>
      </c>
      <c r="E42504" t="s">
        <v>4592</v>
      </c>
      <c r="F42504" t="s">
        <v>4593</v>
      </c>
      <c r="G42504" t="s">
        <v>80</v>
      </c>
      <c r="H42504" t="s">
        <v>81</v>
      </c>
      <c r="I42504" s="2">
        <v>1</v>
      </c>
      <c r="J42504" s="2">
        <v>0</v>
      </c>
      <c r="K42504" s="2">
        <v>0</v>
      </c>
      <c r="L42504" t="s">
        <v>120</v>
      </c>
      <c r="M42504" t="s">
        <v>89</v>
      </c>
      <c r="N42504" t="s">
        <v>90</v>
      </c>
      <c r="O42504" t="s">
        <v>85</v>
      </c>
      <c r="P42504" t="s">
        <v>86</v>
      </c>
      <c r="Q42504">
        <v>22</v>
      </c>
      <c r="R42504">
        <v>23</v>
      </c>
      <c r="S42504">
        <v>23</v>
      </c>
      <c r="T42504">
        <v>24</v>
      </c>
      <c r="U42504">
        <v>24</v>
      </c>
      <c r="V42504">
        <v>25</v>
      </c>
      <c r="W42504">
        <v>25</v>
      </c>
      <c r="X42504">
        <v>26</v>
      </c>
      <c r="Y42504">
        <v>26</v>
      </c>
      <c r="Z42504">
        <v>26</v>
      </c>
      <c r="AA42504">
        <v>27</v>
      </c>
      <c r="AB42504">
        <v>27</v>
      </c>
      <c r="AC42504">
        <v>28</v>
      </c>
      <c r="AD42504">
        <v>28</v>
      </c>
      <c r="AE42504">
        <v>28</v>
      </c>
      <c r="AF42504">
        <v>28</v>
      </c>
      <c r="AG42504">
        <v>28</v>
      </c>
      <c r="AH42504">
        <v>28</v>
      </c>
      <c r="AI42504">
        <v>29</v>
      </c>
      <c r="AJ42504">
        <v>29</v>
      </c>
      <c r="AK42504">
        <v>29</v>
      </c>
      <c r="AL42504">
        <v>29</v>
      </c>
      <c r="AM42504">
        <v>29</v>
      </c>
      <c r="AN42504">
        <v>29</v>
      </c>
      <c r="AO42504">
        <v>29</v>
      </c>
      <c r="AP42504">
        <v>29</v>
      </c>
      <c r="AQ42504">
        <v>29</v>
      </c>
    </row>
    <row r="42505" spans="1:43">
      <c r="A42505" t="s">
        <v>26067</v>
      </c>
      <c r="B42505" t="s">
        <v>26068</v>
      </c>
      <c r="C42505" t="s">
        <v>4612</v>
      </c>
      <c r="D42505" t="s">
        <v>4613</v>
      </c>
      <c r="E42505" t="s">
        <v>4592</v>
      </c>
      <c r="F42505" t="s">
        <v>4593</v>
      </c>
      <c r="G42505" t="s">
        <v>80</v>
      </c>
      <c r="H42505" t="s">
        <v>81</v>
      </c>
      <c r="I42505" s="2">
        <v>1</v>
      </c>
      <c r="J42505" s="2">
        <v>0</v>
      </c>
      <c r="K42505" s="2">
        <v>0</v>
      </c>
      <c r="L42505" t="s">
        <v>120</v>
      </c>
      <c r="M42505" t="s">
        <v>83</v>
      </c>
      <c r="N42505" t="s">
        <v>91</v>
      </c>
      <c r="O42505" t="s">
        <v>85</v>
      </c>
      <c r="P42505" t="s">
        <v>86</v>
      </c>
      <c r="Q42505">
        <v>22</v>
      </c>
      <c r="R42505">
        <v>22</v>
      </c>
      <c r="S42505">
        <v>23</v>
      </c>
      <c r="T42505">
        <v>23</v>
      </c>
      <c r="U42505">
        <v>23</v>
      </c>
      <c r="V42505">
        <v>24</v>
      </c>
      <c r="W42505">
        <v>24</v>
      </c>
      <c r="X42505">
        <v>24</v>
      </c>
      <c r="Y42505">
        <v>25</v>
      </c>
      <c r="Z42505">
        <v>25</v>
      </c>
      <c r="AA42505">
        <v>25</v>
      </c>
      <c r="AB42505">
        <v>26</v>
      </c>
      <c r="AC42505">
        <v>26</v>
      </c>
      <c r="AD42505">
        <v>26</v>
      </c>
      <c r="AE42505">
        <v>26</v>
      </c>
      <c r="AF42505">
        <v>27</v>
      </c>
      <c r="AG42505">
        <v>27</v>
      </c>
      <c r="AH42505">
        <v>27</v>
      </c>
      <c r="AI42505">
        <v>28</v>
      </c>
      <c r="AJ42505">
        <v>28</v>
      </c>
      <c r="AK42505">
        <v>28</v>
      </c>
      <c r="AL42505">
        <v>28</v>
      </c>
      <c r="AM42505">
        <v>28</v>
      </c>
      <c r="AN42505">
        <v>28</v>
      </c>
      <c r="AO42505">
        <v>28</v>
      </c>
      <c r="AP42505">
        <v>28</v>
      </c>
      <c r="AQ42505">
        <v>28</v>
      </c>
    </row>
    <row r="42506" spans="1:43">
      <c r="A42506" t="s">
        <v>26069</v>
      </c>
      <c r="B42506" t="s">
        <v>26070</v>
      </c>
      <c r="C42506" t="s">
        <v>4612</v>
      </c>
      <c r="D42506" t="s">
        <v>4613</v>
      </c>
      <c r="E42506" t="s">
        <v>4592</v>
      </c>
      <c r="F42506" t="s">
        <v>4593</v>
      </c>
      <c r="G42506" t="s">
        <v>80</v>
      </c>
      <c r="H42506" t="s">
        <v>81</v>
      </c>
      <c r="I42506" s="2">
        <v>1</v>
      </c>
      <c r="J42506" s="2">
        <v>0</v>
      </c>
      <c r="K42506" s="2">
        <v>0</v>
      </c>
      <c r="L42506" t="s">
        <v>120</v>
      </c>
      <c r="M42506" t="s">
        <v>83</v>
      </c>
      <c r="N42506" t="s">
        <v>84</v>
      </c>
      <c r="O42506" t="s">
        <v>85</v>
      </c>
      <c r="P42506" t="s">
        <v>86</v>
      </c>
      <c r="Q42506">
        <v>38</v>
      </c>
      <c r="R42506">
        <v>39</v>
      </c>
      <c r="S42506">
        <v>39</v>
      </c>
      <c r="T42506">
        <v>40</v>
      </c>
      <c r="U42506">
        <v>41</v>
      </c>
      <c r="V42506">
        <v>41</v>
      </c>
      <c r="W42506">
        <v>42</v>
      </c>
      <c r="X42506">
        <v>42</v>
      </c>
      <c r="Y42506">
        <v>43</v>
      </c>
      <c r="Z42506">
        <v>43</v>
      </c>
      <c r="AA42506">
        <v>44</v>
      </c>
      <c r="AB42506">
        <v>44</v>
      </c>
      <c r="AC42506">
        <v>45</v>
      </c>
      <c r="AD42506">
        <v>46</v>
      </c>
      <c r="AE42506">
        <v>46</v>
      </c>
      <c r="AF42506">
        <v>47</v>
      </c>
      <c r="AG42506">
        <v>47</v>
      </c>
      <c r="AH42506">
        <v>48</v>
      </c>
      <c r="AI42506">
        <v>48</v>
      </c>
      <c r="AJ42506">
        <v>49</v>
      </c>
      <c r="AK42506">
        <v>49</v>
      </c>
      <c r="AL42506">
        <v>49</v>
      </c>
      <c r="AM42506">
        <v>49</v>
      </c>
      <c r="AN42506">
        <v>49</v>
      </c>
      <c r="AO42506">
        <v>49</v>
      </c>
      <c r="AP42506">
        <v>49</v>
      </c>
      <c r="AQ42506">
        <v>49</v>
      </c>
    </row>
    <row r="42507" spans="1:43">
      <c r="A42507" t="s">
        <v>26069</v>
      </c>
      <c r="B42507" t="s">
        <v>26070</v>
      </c>
      <c r="C42507" t="s">
        <v>4612</v>
      </c>
      <c r="D42507" t="s">
        <v>4613</v>
      </c>
      <c r="E42507" t="s">
        <v>4592</v>
      </c>
      <c r="F42507" t="s">
        <v>4593</v>
      </c>
      <c r="G42507" t="s">
        <v>80</v>
      </c>
      <c r="H42507" t="s">
        <v>81</v>
      </c>
      <c r="I42507" s="2">
        <v>1</v>
      </c>
      <c r="J42507" s="2">
        <v>0</v>
      </c>
      <c r="K42507" s="2">
        <v>0</v>
      </c>
      <c r="L42507" t="s">
        <v>120</v>
      </c>
      <c r="M42507" t="s">
        <v>87</v>
      </c>
      <c r="N42507" t="s">
        <v>88</v>
      </c>
      <c r="O42507" t="s">
        <v>85</v>
      </c>
      <c r="P42507" t="s">
        <v>86</v>
      </c>
      <c r="Q42507">
        <v>38</v>
      </c>
      <c r="R42507">
        <v>38</v>
      </c>
      <c r="S42507">
        <v>38</v>
      </c>
      <c r="T42507">
        <v>39</v>
      </c>
      <c r="U42507">
        <v>39</v>
      </c>
      <c r="V42507">
        <v>39</v>
      </c>
      <c r="W42507">
        <v>39</v>
      </c>
      <c r="X42507">
        <v>39</v>
      </c>
      <c r="Y42507">
        <v>40</v>
      </c>
      <c r="Z42507">
        <v>40</v>
      </c>
      <c r="AA42507">
        <v>40</v>
      </c>
      <c r="AB42507">
        <v>40</v>
      </c>
      <c r="AC42507">
        <v>40</v>
      </c>
      <c r="AD42507">
        <v>41</v>
      </c>
      <c r="AE42507">
        <v>41</v>
      </c>
      <c r="AF42507">
        <v>41</v>
      </c>
      <c r="AG42507">
        <v>41</v>
      </c>
      <c r="AH42507">
        <v>41</v>
      </c>
      <c r="AI42507">
        <v>41</v>
      </c>
      <c r="AJ42507">
        <v>42</v>
      </c>
      <c r="AK42507">
        <v>42</v>
      </c>
      <c r="AL42507">
        <v>42</v>
      </c>
      <c r="AM42507">
        <v>42</v>
      </c>
      <c r="AN42507">
        <v>42</v>
      </c>
      <c r="AO42507">
        <v>42</v>
      </c>
      <c r="AP42507">
        <v>42</v>
      </c>
      <c r="AQ42507">
        <v>43</v>
      </c>
    </row>
    <row r="42508" spans="1:43">
      <c r="A42508" t="s">
        <v>26069</v>
      </c>
      <c r="B42508" t="s">
        <v>26070</v>
      </c>
      <c r="C42508" t="s">
        <v>4612</v>
      </c>
      <c r="D42508" t="s">
        <v>4613</v>
      </c>
      <c r="E42508" t="s">
        <v>4592</v>
      </c>
      <c r="F42508" t="s">
        <v>4593</v>
      </c>
      <c r="G42508" t="s">
        <v>80</v>
      </c>
      <c r="H42508" t="s">
        <v>81</v>
      </c>
      <c r="I42508" s="2">
        <v>1</v>
      </c>
      <c r="J42508" s="2">
        <v>0</v>
      </c>
      <c r="K42508" s="2">
        <v>0</v>
      </c>
      <c r="L42508" t="s">
        <v>120</v>
      </c>
      <c r="M42508" t="s">
        <v>89</v>
      </c>
      <c r="N42508" t="s">
        <v>90</v>
      </c>
      <c r="O42508" t="s">
        <v>85</v>
      </c>
      <c r="P42508" t="s">
        <v>86</v>
      </c>
      <c r="Q42508">
        <v>38</v>
      </c>
      <c r="R42508">
        <v>39</v>
      </c>
      <c r="S42508">
        <v>40</v>
      </c>
      <c r="T42508">
        <v>41</v>
      </c>
      <c r="U42508">
        <v>42</v>
      </c>
      <c r="V42508">
        <v>43</v>
      </c>
      <c r="W42508">
        <v>44</v>
      </c>
      <c r="X42508">
        <v>45</v>
      </c>
      <c r="Y42508">
        <v>45</v>
      </c>
      <c r="Z42508">
        <v>46</v>
      </c>
      <c r="AA42508">
        <v>47</v>
      </c>
      <c r="AB42508">
        <v>48</v>
      </c>
      <c r="AC42508">
        <v>48</v>
      </c>
      <c r="AD42508">
        <v>49</v>
      </c>
      <c r="AE42508">
        <v>49</v>
      </c>
      <c r="AF42508">
        <v>50</v>
      </c>
      <c r="AG42508">
        <v>50</v>
      </c>
      <c r="AH42508">
        <v>50</v>
      </c>
      <c r="AI42508">
        <v>50</v>
      </c>
      <c r="AJ42508">
        <v>50</v>
      </c>
      <c r="AK42508">
        <v>50</v>
      </c>
      <c r="AL42508">
        <v>50</v>
      </c>
      <c r="AM42508">
        <v>50</v>
      </c>
      <c r="AN42508">
        <v>50</v>
      </c>
      <c r="AO42508">
        <v>50</v>
      </c>
      <c r="AP42508">
        <v>50</v>
      </c>
      <c r="AQ42508">
        <v>50</v>
      </c>
    </row>
    <row r="42509" spans="1:43">
      <c r="A42509" t="s">
        <v>26069</v>
      </c>
      <c r="B42509" t="s">
        <v>26070</v>
      </c>
      <c r="C42509" t="s">
        <v>4612</v>
      </c>
      <c r="D42509" t="s">
        <v>4613</v>
      </c>
      <c r="E42509" t="s">
        <v>4592</v>
      </c>
      <c r="F42509" t="s">
        <v>4593</v>
      </c>
      <c r="G42509" t="s">
        <v>80</v>
      </c>
      <c r="H42509" t="s">
        <v>81</v>
      </c>
      <c r="I42509" s="2">
        <v>1</v>
      </c>
      <c r="J42509" s="2">
        <v>0</v>
      </c>
      <c r="K42509" s="2">
        <v>0</v>
      </c>
      <c r="L42509" t="s">
        <v>120</v>
      </c>
      <c r="M42509" t="s">
        <v>83</v>
      </c>
      <c r="N42509" t="s">
        <v>91</v>
      </c>
      <c r="O42509" t="s">
        <v>85</v>
      </c>
      <c r="P42509" t="s">
        <v>86</v>
      </c>
      <c r="Q42509">
        <v>38</v>
      </c>
      <c r="R42509">
        <v>39</v>
      </c>
      <c r="S42509">
        <v>39</v>
      </c>
      <c r="T42509">
        <v>40</v>
      </c>
      <c r="U42509">
        <v>41</v>
      </c>
      <c r="V42509">
        <v>41</v>
      </c>
      <c r="W42509">
        <v>42</v>
      </c>
      <c r="X42509">
        <v>42</v>
      </c>
      <c r="Y42509">
        <v>43</v>
      </c>
      <c r="Z42509">
        <v>43</v>
      </c>
      <c r="AA42509">
        <v>44</v>
      </c>
      <c r="AB42509">
        <v>44</v>
      </c>
      <c r="AC42509">
        <v>45</v>
      </c>
      <c r="AD42509">
        <v>46</v>
      </c>
      <c r="AE42509">
        <v>46</v>
      </c>
      <c r="AF42509">
        <v>47</v>
      </c>
      <c r="AG42509">
        <v>47</v>
      </c>
      <c r="AH42509">
        <v>48</v>
      </c>
      <c r="AI42509">
        <v>48</v>
      </c>
      <c r="AJ42509">
        <v>49</v>
      </c>
      <c r="AK42509">
        <v>49</v>
      </c>
      <c r="AL42509">
        <v>49</v>
      </c>
      <c r="AM42509">
        <v>49</v>
      </c>
      <c r="AN42509">
        <v>49</v>
      </c>
      <c r="AO42509">
        <v>49</v>
      </c>
      <c r="AP42509">
        <v>49</v>
      </c>
      <c r="AQ42509">
        <v>49</v>
      </c>
    </row>
    <row r="42510" spans="1:43">
      <c r="A42510" t="s">
        <v>26071</v>
      </c>
      <c r="B42510" t="s">
        <v>26072</v>
      </c>
      <c r="C42510" t="s">
        <v>4768</v>
      </c>
      <c r="D42510" t="s">
        <v>4769</v>
      </c>
      <c r="E42510" t="s">
        <v>4592</v>
      </c>
      <c r="F42510" t="s">
        <v>4593</v>
      </c>
      <c r="G42510" t="s">
        <v>80</v>
      </c>
      <c r="H42510" t="s">
        <v>81</v>
      </c>
      <c r="I42510" s="2">
        <v>1</v>
      </c>
      <c r="J42510" s="2">
        <v>0</v>
      </c>
      <c r="K42510" s="2">
        <v>0</v>
      </c>
      <c r="L42510" t="s">
        <v>120</v>
      </c>
      <c r="M42510" t="s">
        <v>83</v>
      </c>
      <c r="N42510" t="s">
        <v>84</v>
      </c>
      <c r="O42510" t="s">
        <v>85</v>
      </c>
      <c r="P42510" t="s">
        <v>86</v>
      </c>
      <c r="Q42510">
        <v>23</v>
      </c>
      <c r="R42510">
        <v>23</v>
      </c>
      <c r="S42510">
        <v>24</v>
      </c>
      <c r="T42510">
        <v>24</v>
      </c>
      <c r="U42510">
        <v>25</v>
      </c>
      <c r="V42510">
        <v>25</v>
      </c>
      <c r="W42510">
        <v>25</v>
      </c>
      <c r="X42510">
        <v>26</v>
      </c>
      <c r="Y42510">
        <v>26</v>
      </c>
      <c r="Z42510">
        <v>26</v>
      </c>
      <c r="AA42510">
        <v>27</v>
      </c>
      <c r="AB42510">
        <v>27</v>
      </c>
      <c r="AC42510">
        <v>27</v>
      </c>
      <c r="AD42510">
        <v>28</v>
      </c>
      <c r="AE42510">
        <v>28</v>
      </c>
      <c r="AF42510">
        <v>28</v>
      </c>
      <c r="AG42510">
        <v>28</v>
      </c>
      <c r="AH42510">
        <v>29</v>
      </c>
      <c r="AI42510">
        <v>29</v>
      </c>
      <c r="AJ42510">
        <v>29</v>
      </c>
      <c r="AK42510">
        <v>30</v>
      </c>
      <c r="AL42510">
        <v>30</v>
      </c>
      <c r="AM42510">
        <v>30</v>
      </c>
      <c r="AN42510">
        <v>30</v>
      </c>
      <c r="AO42510">
        <v>30</v>
      </c>
      <c r="AP42510">
        <v>30</v>
      </c>
      <c r="AQ42510">
        <v>30</v>
      </c>
    </row>
    <row r="42511" spans="1:43">
      <c r="A42511" t="s">
        <v>26071</v>
      </c>
      <c r="B42511" t="s">
        <v>26072</v>
      </c>
      <c r="C42511" t="s">
        <v>4768</v>
      </c>
      <c r="D42511" t="s">
        <v>4769</v>
      </c>
      <c r="E42511" t="s">
        <v>4592</v>
      </c>
      <c r="F42511" t="s">
        <v>4593</v>
      </c>
      <c r="G42511" t="s">
        <v>80</v>
      </c>
      <c r="H42511" t="s">
        <v>81</v>
      </c>
      <c r="I42511" s="2">
        <v>1</v>
      </c>
      <c r="J42511" s="2">
        <v>0</v>
      </c>
      <c r="K42511" s="2">
        <v>0</v>
      </c>
      <c r="L42511" t="s">
        <v>120</v>
      </c>
      <c r="M42511" t="s">
        <v>87</v>
      </c>
      <c r="N42511" t="s">
        <v>88</v>
      </c>
      <c r="O42511" t="s">
        <v>85</v>
      </c>
      <c r="P42511" t="s">
        <v>86</v>
      </c>
      <c r="Q42511">
        <v>23</v>
      </c>
      <c r="R42511">
        <v>23</v>
      </c>
      <c r="S42511">
        <v>23</v>
      </c>
      <c r="T42511">
        <v>23</v>
      </c>
      <c r="U42511">
        <v>23</v>
      </c>
      <c r="V42511">
        <v>24</v>
      </c>
      <c r="W42511">
        <v>24</v>
      </c>
      <c r="X42511">
        <v>24</v>
      </c>
      <c r="Y42511">
        <v>24</v>
      </c>
      <c r="Z42511">
        <v>24</v>
      </c>
      <c r="AA42511">
        <v>24</v>
      </c>
      <c r="AB42511">
        <v>24</v>
      </c>
      <c r="AC42511">
        <v>24</v>
      </c>
      <c r="AD42511">
        <v>25</v>
      </c>
      <c r="AE42511">
        <v>25</v>
      </c>
      <c r="AF42511">
        <v>25</v>
      </c>
      <c r="AG42511">
        <v>25</v>
      </c>
      <c r="AH42511">
        <v>25</v>
      </c>
      <c r="AI42511">
        <v>25</v>
      </c>
      <c r="AJ42511">
        <v>25</v>
      </c>
      <c r="AK42511">
        <v>25</v>
      </c>
      <c r="AL42511">
        <v>25</v>
      </c>
      <c r="AM42511">
        <v>25</v>
      </c>
      <c r="AN42511">
        <v>26</v>
      </c>
      <c r="AO42511">
        <v>26</v>
      </c>
      <c r="AP42511">
        <v>26</v>
      </c>
      <c r="AQ42511">
        <v>26</v>
      </c>
    </row>
    <row r="42512" spans="1:43">
      <c r="A42512" t="s">
        <v>26071</v>
      </c>
      <c r="B42512" t="s">
        <v>26072</v>
      </c>
      <c r="C42512" t="s">
        <v>4768</v>
      </c>
      <c r="D42512" t="s">
        <v>4769</v>
      </c>
      <c r="E42512" t="s">
        <v>4592</v>
      </c>
      <c r="F42512" t="s">
        <v>4593</v>
      </c>
      <c r="G42512" t="s">
        <v>80</v>
      </c>
      <c r="H42512" t="s">
        <v>81</v>
      </c>
      <c r="I42512" s="2">
        <v>1</v>
      </c>
      <c r="J42512" s="2">
        <v>0</v>
      </c>
      <c r="K42512" s="2">
        <v>0</v>
      </c>
      <c r="L42512" t="s">
        <v>120</v>
      </c>
      <c r="M42512" t="s">
        <v>89</v>
      </c>
      <c r="N42512" t="s">
        <v>90</v>
      </c>
      <c r="O42512" t="s">
        <v>85</v>
      </c>
      <c r="P42512" t="s">
        <v>86</v>
      </c>
      <c r="Q42512">
        <v>23</v>
      </c>
      <c r="R42512">
        <v>24</v>
      </c>
      <c r="S42512">
        <v>24</v>
      </c>
      <c r="T42512">
        <v>25</v>
      </c>
      <c r="U42512">
        <v>25</v>
      </c>
      <c r="V42512">
        <v>26</v>
      </c>
      <c r="W42512">
        <v>26</v>
      </c>
      <c r="X42512">
        <v>27</v>
      </c>
      <c r="Y42512">
        <v>27</v>
      </c>
      <c r="Z42512">
        <v>28</v>
      </c>
      <c r="AA42512">
        <v>28</v>
      </c>
      <c r="AB42512">
        <v>29</v>
      </c>
      <c r="AC42512">
        <v>29</v>
      </c>
      <c r="AD42512">
        <v>30</v>
      </c>
      <c r="AE42512">
        <v>30</v>
      </c>
      <c r="AF42512">
        <v>30</v>
      </c>
      <c r="AG42512">
        <v>30</v>
      </c>
      <c r="AH42512">
        <v>30</v>
      </c>
      <c r="AI42512">
        <v>30</v>
      </c>
      <c r="AJ42512">
        <v>30</v>
      </c>
      <c r="AK42512">
        <v>30</v>
      </c>
      <c r="AL42512">
        <v>30</v>
      </c>
      <c r="AM42512">
        <v>30</v>
      </c>
      <c r="AN42512">
        <v>30</v>
      </c>
      <c r="AO42512">
        <v>30</v>
      </c>
      <c r="AP42512">
        <v>30</v>
      </c>
      <c r="AQ42512">
        <v>30</v>
      </c>
    </row>
    <row r="42513" spans="1:43">
      <c r="A42513" t="s">
        <v>26071</v>
      </c>
      <c r="B42513" t="s">
        <v>26072</v>
      </c>
      <c r="C42513" t="s">
        <v>4768</v>
      </c>
      <c r="D42513" t="s">
        <v>4769</v>
      </c>
      <c r="E42513" t="s">
        <v>4592</v>
      </c>
      <c r="F42513" t="s">
        <v>4593</v>
      </c>
      <c r="G42513" t="s">
        <v>80</v>
      </c>
      <c r="H42513" t="s">
        <v>81</v>
      </c>
      <c r="I42513" s="2">
        <v>1</v>
      </c>
      <c r="J42513" s="2">
        <v>0</v>
      </c>
      <c r="K42513" s="2">
        <v>0</v>
      </c>
      <c r="L42513" t="s">
        <v>120</v>
      </c>
      <c r="M42513" t="s">
        <v>83</v>
      </c>
      <c r="N42513" t="s">
        <v>91</v>
      </c>
      <c r="O42513" t="s">
        <v>85</v>
      </c>
      <c r="P42513" t="s">
        <v>86</v>
      </c>
      <c r="Q42513">
        <v>23</v>
      </c>
      <c r="R42513">
        <v>23</v>
      </c>
      <c r="S42513">
        <v>24</v>
      </c>
      <c r="T42513">
        <v>24</v>
      </c>
      <c r="U42513">
        <v>25</v>
      </c>
      <c r="V42513">
        <v>25</v>
      </c>
      <c r="W42513">
        <v>25</v>
      </c>
      <c r="X42513">
        <v>26</v>
      </c>
      <c r="Y42513">
        <v>26</v>
      </c>
      <c r="Z42513">
        <v>26</v>
      </c>
      <c r="AA42513">
        <v>27</v>
      </c>
      <c r="AB42513">
        <v>27</v>
      </c>
      <c r="AC42513">
        <v>27</v>
      </c>
      <c r="AD42513">
        <v>28</v>
      </c>
      <c r="AE42513">
        <v>28</v>
      </c>
      <c r="AF42513">
        <v>28</v>
      </c>
      <c r="AG42513">
        <v>28</v>
      </c>
      <c r="AH42513">
        <v>29</v>
      </c>
      <c r="AI42513">
        <v>29</v>
      </c>
      <c r="AJ42513">
        <v>29</v>
      </c>
      <c r="AK42513">
        <v>30</v>
      </c>
      <c r="AL42513">
        <v>30</v>
      </c>
      <c r="AM42513">
        <v>30</v>
      </c>
      <c r="AN42513">
        <v>30</v>
      </c>
      <c r="AO42513">
        <v>30</v>
      </c>
      <c r="AP42513">
        <v>30</v>
      </c>
      <c r="AQ42513">
        <v>30</v>
      </c>
    </row>
    <row r="42514" spans="1:43">
      <c r="A42514" t="s">
        <v>26073</v>
      </c>
      <c r="B42514" t="s">
        <v>26074</v>
      </c>
      <c r="C42514" t="s">
        <v>4768</v>
      </c>
      <c r="D42514" t="s">
        <v>4769</v>
      </c>
      <c r="E42514" t="s">
        <v>4592</v>
      </c>
      <c r="F42514" t="s">
        <v>4593</v>
      </c>
      <c r="G42514" t="s">
        <v>80</v>
      </c>
      <c r="H42514" t="s">
        <v>81</v>
      </c>
      <c r="I42514" s="2">
        <v>1</v>
      </c>
      <c r="J42514" s="2">
        <v>0</v>
      </c>
      <c r="K42514" s="2">
        <v>0</v>
      </c>
      <c r="L42514" t="s">
        <v>120</v>
      </c>
      <c r="M42514" t="s">
        <v>83</v>
      </c>
      <c r="N42514" t="s">
        <v>84</v>
      </c>
      <c r="O42514" t="s">
        <v>85</v>
      </c>
      <c r="P42514" t="s">
        <v>86</v>
      </c>
      <c r="Q42514">
        <v>6</v>
      </c>
      <c r="R42514">
        <v>6</v>
      </c>
      <c r="S42514">
        <v>6</v>
      </c>
      <c r="T42514">
        <v>6</v>
      </c>
      <c r="U42514">
        <v>6</v>
      </c>
      <c r="V42514">
        <v>6</v>
      </c>
      <c r="W42514">
        <v>6</v>
      </c>
      <c r="X42514">
        <v>6</v>
      </c>
      <c r="Y42514">
        <v>7</v>
      </c>
      <c r="Z42514">
        <v>7</v>
      </c>
      <c r="AA42514">
        <v>7</v>
      </c>
      <c r="AB42514">
        <v>7</v>
      </c>
      <c r="AC42514">
        <v>7</v>
      </c>
      <c r="AD42514">
        <v>7</v>
      </c>
      <c r="AE42514">
        <v>7</v>
      </c>
      <c r="AF42514">
        <v>7</v>
      </c>
      <c r="AG42514">
        <v>7</v>
      </c>
      <c r="AH42514">
        <v>7</v>
      </c>
      <c r="AI42514">
        <v>7</v>
      </c>
      <c r="AJ42514">
        <v>7</v>
      </c>
      <c r="AK42514">
        <v>7</v>
      </c>
      <c r="AL42514">
        <v>7</v>
      </c>
      <c r="AM42514">
        <v>7</v>
      </c>
      <c r="AN42514">
        <v>7</v>
      </c>
      <c r="AO42514">
        <v>7</v>
      </c>
      <c r="AP42514">
        <v>8</v>
      </c>
      <c r="AQ42514">
        <v>8</v>
      </c>
    </row>
    <row r="42515" spans="1:43">
      <c r="A42515" t="s">
        <v>26073</v>
      </c>
      <c r="B42515" t="s">
        <v>26074</v>
      </c>
      <c r="C42515" t="s">
        <v>4768</v>
      </c>
      <c r="D42515" t="s">
        <v>4769</v>
      </c>
      <c r="E42515" t="s">
        <v>4592</v>
      </c>
      <c r="F42515" t="s">
        <v>4593</v>
      </c>
      <c r="G42515" t="s">
        <v>80</v>
      </c>
      <c r="H42515" t="s">
        <v>81</v>
      </c>
      <c r="I42515" s="2">
        <v>1</v>
      </c>
      <c r="J42515" s="2">
        <v>0</v>
      </c>
      <c r="K42515" s="2">
        <v>0</v>
      </c>
      <c r="L42515" t="s">
        <v>120</v>
      </c>
      <c r="M42515" t="s">
        <v>87</v>
      </c>
      <c r="N42515" t="s">
        <v>88</v>
      </c>
      <c r="O42515" t="s">
        <v>85</v>
      </c>
      <c r="P42515" t="s">
        <v>86</v>
      </c>
      <c r="Q42515">
        <v>6</v>
      </c>
      <c r="R42515">
        <v>6</v>
      </c>
      <c r="S42515">
        <v>6</v>
      </c>
      <c r="T42515">
        <v>6</v>
      </c>
      <c r="U42515">
        <v>6</v>
      </c>
      <c r="V42515">
        <v>6</v>
      </c>
      <c r="W42515">
        <v>6</v>
      </c>
      <c r="X42515">
        <v>6</v>
      </c>
      <c r="Y42515">
        <v>6</v>
      </c>
      <c r="Z42515">
        <v>6</v>
      </c>
      <c r="AA42515">
        <v>6</v>
      </c>
      <c r="AB42515">
        <v>6</v>
      </c>
      <c r="AC42515">
        <v>6</v>
      </c>
      <c r="AD42515">
        <v>6</v>
      </c>
      <c r="AE42515">
        <v>6</v>
      </c>
      <c r="AF42515">
        <v>6</v>
      </c>
      <c r="AG42515">
        <v>6</v>
      </c>
      <c r="AH42515">
        <v>6</v>
      </c>
      <c r="AI42515">
        <v>6</v>
      </c>
      <c r="AJ42515">
        <v>6</v>
      </c>
      <c r="AK42515">
        <v>6</v>
      </c>
      <c r="AL42515">
        <v>6</v>
      </c>
      <c r="AM42515">
        <v>6</v>
      </c>
      <c r="AN42515">
        <v>6</v>
      </c>
      <c r="AO42515">
        <v>6</v>
      </c>
      <c r="AP42515">
        <v>6</v>
      </c>
      <c r="AQ42515">
        <v>6</v>
      </c>
    </row>
    <row r="42516" spans="1:43">
      <c r="A42516" t="s">
        <v>26073</v>
      </c>
      <c r="B42516" t="s">
        <v>26074</v>
      </c>
      <c r="C42516" t="s">
        <v>4768</v>
      </c>
      <c r="D42516" t="s">
        <v>4769</v>
      </c>
      <c r="E42516" t="s">
        <v>4592</v>
      </c>
      <c r="F42516" t="s">
        <v>4593</v>
      </c>
      <c r="G42516" t="s">
        <v>80</v>
      </c>
      <c r="H42516" t="s">
        <v>81</v>
      </c>
      <c r="I42516" s="2">
        <v>1</v>
      </c>
      <c r="J42516" s="2">
        <v>0</v>
      </c>
      <c r="K42516" s="2">
        <v>0</v>
      </c>
      <c r="L42516" t="s">
        <v>120</v>
      </c>
      <c r="M42516" t="s">
        <v>89</v>
      </c>
      <c r="N42516" t="s">
        <v>90</v>
      </c>
      <c r="O42516" t="s">
        <v>85</v>
      </c>
      <c r="P42516" t="s">
        <v>86</v>
      </c>
      <c r="Q42516">
        <v>6</v>
      </c>
      <c r="R42516">
        <v>6</v>
      </c>
      <c r="S42516">
        <v>6</v>
      </c>
      <c r="T42516">
        <v>6</v>
      </c>
      <c r="U42516">
        <v>6</v>
      </c>
      <c r="V42516">
        <v>7</v>
      </c>
      <c r="W42516">
        <v>7</v>
      </c>
      <c r="X42516">
        <v>7</v>
      </c>
      <c r="Y42516">
        <v>7</v>
      </c>
      <c r="Z42516">
        <v>7</v>
      </c>
      <c r="AA42516">
        <v>7</v>
      </c>
      <c r="AB42516">
        <v>7</v>
      </c>
      <c r="AC42516">
        <v>7</v>
      </c>
      <c r="AD42516">
        <v>7</v>
      </c>
      <c r="AE42516">
        <v>8</v>
      </c>
      <c r="AF42516">
        <v>8</v>
      </c>
      <c r="AG42516">
        <v>8</v>
      </c>
      <c r="AH42516">
        <v>8</v>
      </c>
      <c r="AI42516">
        <v>8</v>
      </c>
      <c r="AJ42516">
        <v>8</v>
      </c>
      <c r="AK42516">
        <v>8</v>
      </c>
      <c r="AL42516">
        <v>8</v>
      </c>
      <c r="AM42516">
        <v>8</v>
      </c>
      <c r="AN42516">
        <v>8</v>
      </c>
      <c r="AO42516">
        <v>8</v>
      </c>
      <c r="AP42516">
        <v>8</v>
      </c>
      <c r="AQ42516">
        <v>8</v>
      </c>
    </row>
    <row r="42517" spans="1:43">
      <c r="A42517" t="s">
        <v>26073</v>
      </c>
      <c r="B42517" t="s">
        <v>26074</v>
      </c>
      <c r="C42517" t="s">
        <v>4768</v>
      </c>
      <c r="D42517" t="s">
        <v>4769</v>
      </c>
      <c r="E42517" t="s">
        <v>4592</v>
      </c>
      <c r="F42517" t="s">
        <v>4593</v>
      </c>
      <c r="G42517" t="s">
        <v>80</v>
      </c>
      <c r="H42517" t="s">
        <v>81</v>
      </c>
      <c r="I42517" s="2">
        <v>1</v>
      </c>
      <c r="J42517" s="2">
        <v>0</v>
      </c>
      <c r="K42517" s="2">
        <v>0</v>
      </c>
      <c r="L42517" t="s">
        <v>120</v>
      </c>
      <c r="M42517" t="s">
        <v>83</v>
      </c>
      <c r="N42517" t="s">
        <v>91</v>
      </c>
      <c r="O42517" t="s">
        <v>85</v>
      </c>
      <c r="P42517" t="s">
        <v>86</v>
      </c>
      <c r="Q42517">
        <v>6</v>
      </c>
      <c r="R42517">
        <v>6</v>
      </c>
      <c r="S42517">
        <v>6</v>
      </c>
      <c r="T42517">
        <v>6</v>
      </c>
      <c r="U42517">
        <v>6</v>
      </c>
      <c r="V42517">
        <v>6</v>
      </c>
      <c r="W42517">
        <v>6</v>
      </c>
      <c r="X42517">
        <v>6</v>
      </c>
      <c r="Y42517">
        <v>7</v>
      </c>
      <c r="Z42517">
        <v>7</v>
      </c>
      <c r="AA42517">
        <v>7</v>
      </c>
      <c r="AB42517">
        <v>7</v>
      </c>
      <c r="AC42517">
        <v>7</v>
      </c>
      <c r="AD42517">
        <v>7</v>
      </c>
      <c r="AE42517">
        <v>7</v>
      </c>
      <c r="AF42517">
        <v>7</v>
      </c>
      <c r="AG42517">
        <v>7</v>
      </c>
      <c r="AH42517">
        <v>7</v>
      </c>
      <c r="AI42517">
        <v>7</v>
      </c>
      <c r="AJ42517">
        <v>7</v>
      </c>
      <c r="AK42517">
        <v>7</v>
      </c>
      <c r="AL42517">
        <v>7</v>
      </c>
      <c r="AM42517">
        <v>7</v>
      </c>
      <c r="AN42517">
        <v>7</v>
      </c>
      <c r="AO42517">
        <v>7</v>
      </c>
      <c r="AP42517">
        <v>8</v>
      </c>
      <c r="AQ42517">
        <v>8</v>
      </c>
    </row>
    <row r="42518" spans="1:43">
      <c r="A42518" t="s">
        <v>26075</v>
      </c>
      <c r="B42518" t="s">
        <v>26076</v>
      </c>
      <c r="C42518" t="s">
        <v>4714</v>
      </c>
      <c r="D42518" t="s">
        <v>4715</v>
      </c>
      <c r="E42518" t="s">
        <v>4592</v>
      </c>
      <c r="F42518" t="s">
        <v>4593</v>
      </c>
      <c r="G42518" t="s">
        <v>80</v>
      </c>
      <c r="H42518" t="s">
        <v>81</v>
      </c>
      <c r="I42518" s="2">
        <v>1</v>
      </c>
      <c r="J42518" s="2">
        <v>0</v>
      </c>
      <c r="K42518" s="2">
        <v>0</v>
      </c>
      <c r="L42518" t="s">
        <v>120</v>
      </c>
      <c r="M42518" t="s">
        <v>83</v>
      </c>
      <c r="N42518" t="s">
        <v>84</v>
      </c>
      <c r="O42518" t="s">
        <v>85</v>
      </c>
      <c r="P42518" t="s">
        <v>86</v>
      </c>
      <c r="Q42518">
        <v>23</v>
      </c>
      <c r="R42518">
        <v>23</v>
      </c>
      <c r="S42518">
        <v>24</v>
      </c>
      <c r="T42518">
        <v>24</v>
      </c>
      <c r="U42518">
        <v>24</v>
      </c>
      <c r="V42518">
        <v>25</v>
      </c>
      <c r="W42518">
        <v>25</v>
      </c>
      <c r="X42518">
        <v>25</v>
      </c>
      <c r="Y42518">
        <v>26</v>
      </c>
      <c r="Z42518">
        <v>26</v>
      </c>
      <c r="AA42518">
        <v>26</v>
      </c>
      <c r="AB42518">
        <v>26</v>
      </c>
      <c r="AC42518">
        <v>27</v>
      </c>
      <c r="AD42518">
        <v>27</v>
      </c>
      <c r="AE42518">
        <v>27</v>
      </c>
      <c r="AF42518">
        <v>28</v>
      </c>
      <c r="AG42518">
        <v>28</v>
      </c>
      <c r="AH42518">
        <v>28</v>
      </c>
      <c r="AI42518">
        <v>28</v>
      </c>
      <c r="AJ42518">
        <v>29</v>
      </c>
      <c r="AK42518">
        <v>29</v>
      </c>
      <c r="AL42518">
        <v>29</v>
      </c>
      <c r="AM42518">
        <v>29</v>
      </c>
      <c r="AN42518">
        <v>29</v>
      </c>
      <c r="AO42518">
        <v>29</v>
      </c>
      <c r="AP42518">
        <v>29</v>
      </c>
      <c r="AQ42518">
        <v>29</v>
      </c>
    </row>
    <row r="42519" spans="1:43">
      <c r="A42519" t="s">
        <v>26075</v>
      </c>
      <c r="B42519" t="s">
        <v>26076</v>
      </c>
      <c r="C42519" t="s">
        <v>4714</v>
      </c>
      <c r="D42519" t="s">
        <v>4715</v>
      </c>
      <c r="E42519" t="s">
        <v>4592</v>
      </c>
      <c r="F42519" t="s">
        <v>4593</v>
      </c>
      <c r="G42519" t="s">
        <v>80</v>
      </c>
      <c r="H42519" t="s">
        <v>81</v>
      </c>
      <c r="I42519" s="2">
        <v>1</v>
      </c>
      <c r="J42519" s="2">
        <v>0</v>
      </c>
      <c r="K42519" s="2">
        <v>0</v>
      </c>
      <c r="L42519" t="s">
        <v>120</v>
      </c>
      <c r="M42519" t="s">
        <v>87</v>
      </c>
      <c r="N42519" t="s">
        <v>88</v>
      </c>
      <c r="O42519" t="s">
        <v>85</v>
      </c>
      <c r="P42519" t="s">
        <v>86</v>
      </c>
      <c r="Q42519">
        <v>23</v>
      </c>
      <c r="R42519">
        <v>23</v>
      </c>
      <c r="S42519">
        <v>23</v>
      </c>
      <c r="T42519">
        <v>23</v>
      </c>
      <c r="U42519">
        <v>23</v>
      </c>
      <c r="V42519">
        <v>23</v>
      </c>
      <c r="W42519">
        <v>23</v>
      </c>
      <c r="X42519">
        <v>23</v>
      </c>
      <c r="Y42519">
        <v>24</v>
      </c>
      <c r="Z42519">
        <v>24</v>
      </c>
      <c r="AA42519">
        <v>24</v>
      </c>
      <c r="AB42519">
        <v>24</v>
      </c>
      <c r="AC42519">
        <v>24</v>
      </c>
      <c r="AD42519">
        <v>24</v>
      </c>
      <c r="AE42519">
        <v>24</v>
      </c>
      <c r="AF42519">
        <v>24</v>
      </c>
      <c r="AG42519">
        <v>24</v>
      </c>
      <c r="AH42519">
        <v>25</v>
      </c>
      <c r="AI42519">
        <v>25</v>
      </c>
      <c r="AJ42519">
        <v>25</v>
      </c>
      <c r="AK42519">
        <v>25</v>
      </c>
      <c r="AL42519">
        <v>25</v>
      </c>
      <c r="AM42519">
        <v>25</v>
      </c>
      <c r="AN42519">
        <v>25</v>
      </c>
      <c r="AO42519">
        <v>25</v>
      </c>
      <c r="AP42519">
        <v>25</v>
      </c>
      <c r="AQ42519">
        <v>25</v>
      </c>
    </row>
    <row r="42520" spans="1:43">
      <c r="A42520" t="s">
        <v>26075</v>
      </c>
      <c r="B42520" t="s">
        <v>26076</v>
      </c>
      <c r="C42520" t="s">
        <v>4714</v>
      </c>
      <c r="D42520" t="s">
        <v>4715</v>
      </c>
      <c r="E42520" t="s">
        <v>4592</v>
      </c>
      <c r="F42520" t="s">
        <v>4593</v>
      </c>
      <c r="G42520" t="s">
        <v>80</v>
      </c>
      <c r="H42520" t="s">
        <v>81</v>
      </c>
      <c r="I42520" s="2">
        <v>1</v>
      </c>
      <c r="J42520" s="2">
        <v>0</v>
      </c>
      <c r="K42520" s="2">
        <v>0</v>
      </c>
      <c r="L42520" t="s">
        <v>120</v>
      </c>
      <c r="M42520" t="s">
        <v>89</v>
      </c>
      <c r="N42520" t="s">
        <v>90</v>
      </c>
      <c r="O42520" t="s">
        <v>85</v>
      </c>
      <c r="P42520" t="s">
        <v>86</v>
      </c>
      <c r="Q42520">
        <v>23</v>
      </c>
      <c r="R42520">
        <v>24</v>
      </c>
      <c r="S42520">
        <v>24</v>
      </c>
      <c r="T42520">
        <v>25</v>
      </c>
      <c r="U42520">
        <v>25</v>
      </c>
      <c r="V42520">
        <v>26</v>
      </c>
      <c r="W42520">
        <v>26</v>
      </c>
      <c r="X42520">
        <v>27</v>
      </c>
      <c r="Y42520">
        <v>27</v>
      </c>
      <c r="Z42520">
        <v>27</v>
      </c>
      <c r="AA42520">
        <v>28</v>
      </c>
      <c r="AB42520">
        <v>28</v>
      </c>
      <c r="AC42520">
        <v>29</v>
      </c>
      <c r="AD42520">
        <v>29</v>
      </c>
      <c r="AE42520">
        <v>29</v>
      </c>
      <c r="AF42520">
        <v>29</v>
      </c>
      <c r="AG42520">
        <v>29</v>
      </c>
      <c r="AH42520">
        <v>29</v>
      </c>
      <c r="AI42520">
        <v>29</v>
      </c>
      <c r="AJ42520">
        <v>29</v>
      </c>
      <c r="AK42520">
        <v>29</v>
      </c>
      <c r="AL42520">
        <v>29</v>
      </c>
      <c r="AM42520">
        <v>29</v>
      </c>
      <c r="AN42520">
        <v>29</v>
      </c>
      <c r="AO42520">
        <v>29</v>
      </c>
      <c r="AP42520">
        <v>29</v>
      </c>
      <c r="AQ42520">
        <v>29</v>
      </c>
    </row>
    <row r="42521" spans="1:43">
      <c r="A42521" t="s">
        <v>26075</v>
      </c>
      <c r="B42521" t="s">
        <v>26076</v>
      </c>
      <c r="C42521" t="s">
        <v>4714</v>
      </c>
      <c r="D42521" t="s">
        <v>4715</v>
      </c>
      <c r="E42521" t="s">
        <v>4592</v>
      </c>
      <c r="F42521" t="s">
        <v>4593</v>
      </c>
      <c r="G42521" t="s">
        <v>80</v>
      </c>
      <c r="H42521" t="s">
        <v>81</v>
      </c>
      <c r="I42521" s="2">
        <v>1</v>
      </c>
      <c r="J42521" s="2">
        <v>0</v>
      </c>
      <c r="K42521" s="2">
        <v>0</v>
      </c>
      <c r="L42521" t="s">
        <v>120</v>
      </c>
      <c r="M42521" t="s">
        <v>83</v>
      </c>
      <c r="N42521" t="s">
        <v>91</v>
      </c>
      <c r="O42521" t="s">
        <v>85</v>
      </c>
      <c r="P42521" t="s">
        <v>86</v>
      </c>
      <c r="Q42521">
        <v>23</v>
      </c>
      <c r="R42521">
        <v>23</v>
      </c>
      <c r="S42521">
        <v>24</v>
      </c>
      <c r="T42521">
        <v>24</v>
      </c>
      <c r="U42521">
        <v>24</v>
      </c>
      <c r="V42521">
        <v>25</v>
      </c>
      <c r="W42521">
        <v>25</v>
      </c>
      <c r="X42521">
        <v>25</v>
      </c>
      <c r="Y42521">
        <v>26</v>
      </c>
      <c r="Z42521">
        <v>26</v>
      </c>
      <c r="AA42521">
        <v>26</v>
      </c>
      <c r="AB42521">
        <v>26</v>
      </c>
      <c r="AC42521">
        <v>27</v>
      </c>
      <c r="AD42521">
        <v>27</v>
      </c>
      <c r="AE42521">
        <v>27</v>
      </c>
      <c r="AF42521">
        <v>28</v>
      </c>
      <c r="AG42521">
        <v>28</v>
      </c>
      <c r="AH42521">
        <v>28</v>
      </c>
      <c r="AI42521">
        <v>28</v>
      </c>
      <c r="AJ42521">
        <v>29</v>
      </c>
      <c r="AK42521">
        <v>29</v>
      </c>
      <c r="AL42521">
        <v>29</v>
      </c>
      <c r="AM42521">
        <v>29</v>
      </c>
      <c r="AN42521">
        <v>29</v>
      </c>
      <c r="AO42521">
        <v>29</v>
      </c>
      <c r="AP42521">
        <v>29</v>
      </c>
      <c r="AQ42521">
        <v>29</v>
      </c>
    </row>
    <row r="42522" spans="1:43">
      <c r="A42522" t="s">
        <v>26077</v>
      </c>
      <c r="B42522" t="s">
        <v>26078</v>
      </c>
      <c r="C42522" t="s">
        <v>4714</v>
      </c>
      <c r="D42522" t="s">
        <v>4715</v>
      </c>
      <c r="E42522" t="s">
        <v>4592</v>
      </c>
      <c r="F42522" t="s">
        <v>4593</v>
      </c>
      <c r="G42522" t="s">
        <v>80</v>
      </c>
      <c r="H42522" t="s">
        <v>81</v>
      </c>
      <c r="I42522" s="2">
        <v>1</v>
      </c>
      <c r="J42522" s="2">
        <v>0</v>
      </c>
      <c r="K42522" s="2">
        <v>0</v>
      </c>
      <c r="L42522" t="s">
        <v>120</v>
      </c>
      <c r="M42522" t="s">
        <v>83</v>
      </c>
      <c r="N42522" t="s">
        <v>84</v>
      </c>
      <c r="O42522" t="s">
        <v>85</v>
      </c>
      <c r="P42522" t="s">
        <v>86</v>
      </c>
      <c r="Q42522">
        <v>7</v>
      </c>
      <c r="R42522">
        <v>7</v>
      </c>
      <c r="S42522">
        <v>7</v>
      </c>
      <c r="T42522">
        <v>8</v>
      </c>
      <c r="U42522">
        <v>8</v>
      </c>
      <c r="V42522">
        <v>8</v>
      </c>
      <c r="W42522">
        <v>8</v>
      </c>
      <c r="X42522">
        <v>8</v>
      </c>
      <c r="Y42522">
        <v>8</v>
      </c>
      <c r="Z42522">
        <v>8</v>
      </c>
      <c r="AA42522">
        <v>8</v>
      </c>
      <c r="AB42522">
        <v>8</v>
      </c>
      <c r="AC42522">
        <v>8</v>
      </c>
      <c r="AD42522">
        <v>9</v>
      </c>
      <c r="AE42522">
        <v>9</v>
      </c>
      <c r="AF42522">
        <v>9</v>
      </c>
      <c r="AG42522">
        <v>9</v>
      </c>
      <c r="AH42522">
        <v>9</v>
      </c>
      <c r="AI42522">
        <v>9</v>
      </c>
      <c r="AJ42522">
        <v>9</v>
      </c>
      <c r="AK42522">
        <v>9</v>
      </c>
      <c r="AL42522">
        <v>9</v>
      </c>
      <c r="AM42522">
        <v>9</v>
      </c>
      <c r="AN42522">
        <v>9</v>
      </c>
      <c r="AO42522">
        <v>9</v>
      </c>
      <c r="AP42522">
        <v>9</v>
      </c>
      <c r="AQ42522">
        <v>9</v>
      </c>
    </row>
    <row r="42523" spans="1:43">
      <c r="A42523" t="s">
        <v>26077</v>
      </c>
      <c r="B42523" t="s">
        <v>26078</v>
      </c>
      <c r="C42523" t="s">
        <v>4714</v>
      </c>
      <c r="D42523" t="s">
        <v>4715</v>
      </c>
      <c r="E42523" t="s">
        <v>4592</v>
      </c>
      <c r="F42523" t="s">
        <v>4593</v>
      </c>
      <c r="G42523" t="s">
        <v>80</v>
      </c>
      <c r="H42523" t="s">
        <v>81</v>
      </c>
      <c r="I42523" s="2">
        <v>1</v>
      </c>
      <c r="J42523" s="2">
        <v>0</v>
      </c>
      <c r="K42523" s="2">
        <v>0</v>
      </c>
      <c r="L42523" t="s">
        <v>120</v>
      </c>
      <c r="M42523" t="s">
        <v>87</v>
      </c>
      <c r="N42523" t="s">
        <v>88</v>
      </c>
      <c r="O42523" t="s">
        <v>85</v>
      </c>
      <c r="P42523" t="s">
        <v>86</v>
      </c>
      <c r="Q42523">
        <v>7</v>
      </c>
      <c r="R42523">
        <v>7</v>
      </c>
      <c r="S42523">
        <v>7</v>
      </c>
      <c r="T42523">
        <v>7</v>
      </c>
      <c r="U42523">
        <v>7</v>
      </c>
      <c r="V42523">
        <v>7</v>
      </c>
      <c r="W42523">
        <v>7</v>
      </c>
      <c r="X42523">
        <v>7</v>
      </c>
      <c r="Y42523">
        <v>7</v>
      </c>
      <c r="Z42523">
        <v>7</v>
      </c>
      <c r="AA42523">
        <v>8</v>
      </c>
      <c r="AB42523">
        <v>8</v>
      </c>
      <c r="AC42523">
        <v>8</v>
      </c>
      <c r="AD42523">
        <v>8</v>
      </c>
      <c r="AE42523">
        <v>8</v>
      </c>
      <c r="AF42523">
        <v>8</v>
      </c>
      <c r="AG42523">
        <v>8</v>
      </c>
      <c r="AH42523">
        <v>8</v>
      </c>
      <c r="AI42523">
        <v>8</v>
      </c>
      <c r="AJ42523">
        <v>8</v>
      </c>
      <c r="AK42523">
        <v>8</v>
      </c>
      <c r="AL42523">
        <v>8</v>
      </c>
      <c r="AM42523">
        <v>8</v>
      </c>
      <c r="AN42523">
        <v>8</v>
      </c>
      <c r="AO42523">
        <v>8</v>
      </c>
      <c r="AP42523">
        <v>8</v>
      </c>
      <c r="AQ42523">
        <v>8</v>
      </c>
    </row>
    <row r="42524" spans="1:43">
      <c r="A42524" t="s">
        <v>26077</v>
      </c>
      <c r="B42524" t="s">
        <v>26078</v>
      </c>
      <c r="C42524" t="s">
        <v>4714</v>
      </c>
      <c r="D42524" t="s">
        <v>4715</v>
      </c>
      <c r="E42524" t="s">
        <v>4592</v>
      </c>
      <c r="F42524" t="s">
        <v>4593</v>
      </c>
      <c r="G42524" t="s">
        <v>80</v>
      </c>
      <c r="H42524" t="s">
        <v>81</v>
      </c>
      <c r="I42524" s="2">
        <v>1</v>
      </c>
      <c r="J42524" s="2">
        <v>0</v>
      </c>
      <c r="K42524" s="2">
        <v>0</v>
      </c>
      <c r="L42524" t="s">
        <v>120</v>
      </c>
      <c r="M42524" t="s">
        <v>89</v>
      </c>
      <c r="N42524" t="s">
        <v>90</v>
      </c>
      <c r="O42524" t="s">
        <v>85</v>
      </c>
      <c r="P42524" t="s">
        <v>86</v>
      </c>
      <c r="Q42524">
        <v>7</v>
      </c>
      <c r="R42524">
        <v>7</v>
      </c>
      <c r="S42524">
        <v>8</v>
      </c>
      <c r="T42524">
        <v>8</v>
      </c>
      <c r="U42524">
        <v>8</v>
      </c>
      <c r="V42524">
        <v>8</v>
      </c>
      <c r="W42524">
        <v>8</v>
      </c>
      <c r="X42524">
        <v>8</v>
      </c>
      <c r="Y42524">
        <v>9</v>
      </c>
      <c r="Z42524">
        <v>9</v>
      </c>
      <c r="AA42524">
        <v>9</v>
      </c>
      <c r="AB42524">
        <v>9</v>
      </c>
      <c r="AC42524">
        <v>9</v>
      </c>
      <c r="AD42524">
        <v>9</v>
      </c>
      <c r="AE42524">
        <v>9</v>
      </c>
      <c r="AF42524">
        <v>9</v>
      </c>
      <c r="AG42524">
        <v>9</v>
      </c>
      <c r="AH42524">
        <v>9</v>
      </c>
      <c r="AI42524">
        <v>9</v>
      </c>
      <c r="AJ42524">
        <v>9</v>
      </c>
      <c r="AK42524">
        <v>9</v>
      </c>
      <c r="AL42524">
        <v>9</v>
      </c>
      <c r="AM42524">
        <v>9</v>
      </c>
      <c r="AN42524">
        <v>9</v>
      </c>
      <c r="AO42524">
        <v>9</v>
      </c>
      <c r="AP42524">
        <v>9</v>
      </c>
      <c r="AQ42524">
        <v>9</v>
      </c>
    </row>
    <row r="42525" spans="1:43">
      <c r="A42525" t="s">
        <v>26077</v>
      </c>
      <c r="B42525" t="s">
        <v>26078</v>
      </c>
      <c r="C42525" t="s">
        <v>4714</v>
      </c>
      <c r="D42525" t="s">
        <v>4715</v>
      </c>
      <c r="E42525" t="s">
        <v>4592</v>
      </c>
      <c r="F42525" t="s">
        <v>4593</v>
      </c>
      <c r="G42525" t="s">
        <v>80</v>
      </c>
      <c r="H42525" t="s">
        <v>81</v>
      </c>
      <c r="I42525" s="2">
        <v>1</v>
      </c>
      <c r="J42525" s="2">
        <v>0</v>
      </c>
      <c r="K42525" s="2">
        <v>0</v>
      </c>
      <c r="L42525" t="s">
        <v>120</v>
      </c>
      <c r="M42525" t="s">
        <v>83</v>
      </c>
      <c r="N42525" t="s">
        <v>91</v>
      </c>
      <c r="O42525" t="s">
        <v>85</v>
      </c>
      <c r="P42525" t="s">
        <v>86</v>
      </c>
      <c r="Q42525">
        <v>7</v>
      </c>
      <c r="R42525">
        <v>7</v>
      </c>
      <c r="S42525">
        <v>7</v>
      </c>
      <c r="T42525">
        <v>8</v>
      </c>
      <c r="U42525">
        <v>8</v>
      </c>
      <c r="V42525">
        <v>8</v>
      </c>
      <c r="W42525">
        <v>8</v>
      </c>
      <c r="X42525">
        <v>8</v>
      </c>
      <c r="Y42525">
        <v>8</v>
      </c>
      <c r="Z42525">
        <v>8</v>
      </c>
      <c r="AA42525">
        <v>8</v>
      </c>
      <c r="AB42525">
        <v>8</v>
      </c>
      <c r="AC42525">
        <v>8</v>
      </c>
      <c r="AD42525">
        <v>9</v>
      </c>
      <c r="AE42525">
        <v>9</v>
      </c>
      <c r="AF42525">
        <v>9</v>
      </c>
      <c r="AG42525">
        <v>9</v>
      </c>
      <c r="AH42525">
        <v>9</v>
      </c>
      <c r="AI42525">
        <v>9</v>
      </c>
      <c r="AJ42525">
        <v>9</v>
      </c>
      <c r="AK42525">
        <v>9</v>
      </c>
      <c r="AL42525">
        <v>9</v>
      </c>
      <c r="AM42525">
        <v>9</v>
      </c>
      <c r="AN42525">
        <v>9</v>
      </c>
      <c r="AO42525">
        <v>9</v>
      </c>
      <c r="AP42525">
        <v>9</v>
      </c>
      <c r="AQ42525">
        <v>9</v>
      </c>
    </row>
    <row r="42526" spans="1:43">
      <c r="A42526" t="s">
        <v>26079</v>
      </c>
      <c r="B42526" t="s">
        <v>26080</v>
      </c>
      <c r="C42526" t="s">
        <v>4642</v>
      </c>
      <c r="D42526" t="s">
        <v>4643</v>
      </c>
      <c r="E42526" t="s">
        <v>4592</v>
      </c>
      <c r="F42526" t="s">
        <v>4593</v>
      </c>
      <c r="G42526" t="s">
        <v>80</v>
      </c>
      <c r="H42526" t="s">
        <v>81</v>
      </c>
      <c r="I42526" s="2">
        <v>1</v>
      </c>
      <c r="J42526" s="2">
        <v>0</v>
      </c>
      <c r="K42526" s="2">
        <v>0</v>
      </c>
      <c r="L42526" t="s">
        <v>120</v>
      </c>
      <c r="M42526" t="s">
        <v>83</v>
      </c>
      <c r="N42526" t="s">
        <v>84</v>
      </c>
      <c r="O42526" t="s">
        <v>85</v>
      </c>
      <c r="P42526" t="s">
        <v>86</v>
      </c>
      <c r="Q42526">
        <v>37</v>
      </c>
      <c r="R42526">
        <v>37</v>
      </c>
      <c r="S42526">
        <v>38</v>
      </c>
      <c r="T42526">
        <v>39</v>
      </c>
      <c r="U42526">
        <v>39</v>
      </c>
      <c r="V42526">
        <v>40</v>
      </c>
      <c r="W42526">
        <v>40</v>
      </c>
      <c r="X42526">
        <v>41</v>
      </c>
      <c r="Y42526">
        <v>42</v>
      </c>
      <c r="Z42526">
        <v>42</v>
      </c>
      <c r="AA42526">
        <v>43</v>
      </c>
      <c r="AB42526">
        <v>43</v>
      </c>
      <c r="AC42526">
        <v>44</v>
      </c>
      <c r="AD42526">
        <v>44</v>
      </c>
      <c r="AE42526">
        <v>45</v>
      </c>
      <c r="AF42526">
        <v>45</v>
      </c>
      <c r="AG42526">
        <v>46</v>
      </c>
      <c r="AH42526">
        <v>46</v>
      </c>
      <c r="AI42526">
        <v>47</v>
      </c>
      <c r="AJ42526">
        <v>47</v>
      </c>
      <c r="AK42526">
        <v>48</v>
      </c>
      <c r="AL42526">
        <v>48</v>
      </c>
      <c r="AM42526">
        <v>48</v>
      </c>
      <c r="AN42526">
        <v>48</v>
      </c>
      <c r="AO42526">
        <v>48</v>
      </c>
      <c r="AP42526">
        <v>48</v>
      </c>
      <c r="AQ42526">
        <v>48</v>
      </c>
    </row>
    <row r="42527" spans="1:43">
      <c r="A42527" t="s">
        <v>26079</v>
      </c>
      <c r="B42527" t="s">
        <v>26080</v>
      </c>
      <c r="C42527" t="s">
        <v>4642</v>
      </c>
      <c r="D42527" t="s">
        <v>4643</v>
      </c>
      <c r="E42527" t="s">
        <v>4592</v>
      </c>
      <c r="F42527" t="s">
        <v>4593</v>
      </c>
      <c r="G42527" t="s">
        <v>80</v>
      </c>
      <c r="H42527" t="s">
        <v>81</v>
      </c>
      <c r="I42527" s="2">
        <v>1</v>
      </c>
      <c r="J42527" s="2">
        <v>0</v>
      </c>
      <c r="K42527" s="2">
        <v>0</v>
      </c>
      <c r="L42527" t="s">
        <v>120</v>
      </c>
      <c r="M42527" t="s">
        <v>87</v>
      </c>
      <c r="N42527" t="s">
        <v>88</v>
      </c>
      <c r="O42527" t="s">
        <v>85</v>
      </c>
      <c r="P42527" t="s">
        <v>86</v>
      </c>
      <c r="Q42527">
        <v>37</v>
      </c>
      <c r="R42527">
        <v>37</v>
      </c>
      <c r="S42527">
        <v>37</v>
      </c>
      <c r="T42527">
        <v>37</v>
      </c>
      <c r="U42527">
        <v>38</v>
      </c>
      <c r="V42527">
        <v>38</v>
      </c>
      <c r="W42527">
        <v>38</v>
      </c>
      <c r="X42527">
        <v>38</v>
      </c>
      <c r="Y42527">
        <v>38</v>
      </c>
      <c r="Z42527">
        <v>39</v>
      </c>
      <c r="AA42527">
        <v>39</v>
      </c>
      <c r="AB42527">
        <v>39</v>
      </c>
      <c r="AC42527">
        <v>39</v>
      </c>
      <c r="AD42527">
        <v>39</v>
      </c>
      <c r="AE42527">
        <v>40</v>
      </c>
      <c r="AF42527">
        <v>40</v>
      </c>
      <c r="AG42527">
        <v>40</v>
      </c>
      <c r="AH42527">
        <v>40</v>
      </c>
      <c r="AI42527">
        <v>40</v>
      </c>
      <c r="AJ42527">
        <v>40</v>
      </c>
      <c r="AK42527">
        <v>41</v>
      </c>
      <c r="AL42527">
        <v>41</v>
      </c>
      <c r="AM42527">
        <v>41</v>
      </c>
      <c r="AN42527">
        <v>41</v>
      </c>
      <c r="AO42527">
        <v>41</v>
      </c>
      <c r="AP42527">
        <v>41</v>
      </c>
      <c r="AQ42527">
        <v>42</v>
      </c>
    </row>
    <row r="42528" spans="1:43">
      <c r="A42528" t="s">
        <v>26079</v>
      </c>
      <c r="B42528" t="s">
        <v>26080</v>
      </c>
      <c r="C42528" t="s">
        <v>4642</v>
      </c>
      <c r="D42528" t="s">
        <v>4643</v>
      </c>
      <c r="E42528" t="s">
        <v>4592</v>
      </c>
      <c r="F42528" t="s">
        <v>4593</v>
      </c>
      <c r="G42528" t="s">
        <v>80</v>
      </c>
      <c r="H42528" t="s">
        <v>81</v>
      </c>
      <c r="I42528" s="2">
        <v>1</v>
      </c>
      <c r="J42528" s="2">
        <v>0</v>
      </c>
      <c r="K42528" s="2">
        <v>0</v>
      </c>
      <c r="L42528" t="s">
        <v>120</v>
      </c>
      <c r="M42528" t="s">
        <v>89</v>
      </c>
      <c r="N42528" t="s">
        <v>90</v>
      </c>
      <c r="O42528" t="s">
        <v>85</v>
      </c>
      <c r="P42528" t="s">
        <v>86</v>
      </c>
      <c r="Q42528">
        <v>37</v>
      </c>
      <c r="R42528">
        <v>38</v>
      </c>
      <c r="S42528">
        <v>39</v>
      </c>
      <c r="T42528">
        <v>40</v>
      </c>
      <c r="U42528">
        <v>41</v>
      </c>
      <c r="V42528">
        <v>42</v>
      </c>
      <c r="W42528">
        <v>42</v>
      </c>
      <c r="X42528">
        <v>43</v>
      </c>
      <c r="Y42528">
        <v>44</v>
      </c>
      <c r="Z42528">
        <v>45</v>
      </c>
      <c r="AA42528">
        <v>45</v>
      </c>
      <c r="AB42528">
        <v>46</v>
      </c>
      <c r="AC42528">
        <v>47</v>
      </c>
      <c r="AD42528">
        <v>48</v>
      </c>
      <c r="AE42528">
        <v>48</v>
      </c>
      <c r="AF42528">
        <v>48</v>
      </c>
      <c r="AG42528">
        <v>48</v>
      </c>
      <c r="AH42528">
        <v>48</v>
      </c>
      <c r="AI42528">
        <v>48</v>
      </c>
      <c r="AJ42528">
        <v>48</v>
      </c>
      <c r="AK42528">
        <v>48</v>
      </c>
      <c r="AL42528">
        <v>49</v>
      </c>
      <c r="AM42528">
        <v>49</v>
      </c>
      <c r="AN42528">
        <v>49</v>
      </c>
      <c r="AO42528">
        <v>49</v>
      </c>
      <c r="AP42528">
        <v>49</v>
      </c>
      <c r="AQ42528">
        <v>49</v>
      </c>
    </row>
    <row r="42529" spans="1:43">
      <c r="A42529" t="s">
        <v>26079</v>
      </c>
      <c r="B42529" t="s">
        <v>26080</v>
      </c>
      <c r="C42529" t="s">
        <v>4642</v>
      </c>
      <c r="D42529" t="s">
        <v>4643</v>
      </c>
      <c r="E42529" t="s">
        <v>4592</v>
      </c>
      <c r="F42529" t="s">
        <v>4593</v>
      </c>
      <c r="G42529" t="s">
        <v>80</v>
      </c>
      <c r="H42529" t="s">
        <v>81</v>
      </c>
      <c r="I42529" s="2">
        <v>1</v>
      </c>
      <c r="J42529" s="2">
        <v>0</v>
      </c>
      <c r="K42529" s="2">
        <v>0</v>
      </c>
      <c r="L42529" t="s">
        <v>120</v>
      </c>
      <c r="M42529" t="s">
        <v>83</v>
      </c>
      <c r="N42529" t="s">
        <v>91</v>
      </c>
      <c r="O42529" t="s">
        <v>85</v>
      </c>
      <c r="P42529" t="s">
        <v>86</v>
      </c>
      <c r="Q42529">
        <v>37</v>
      </c>
      <c r="R42529">
        <v>37</v>
      </c>
      <c r="S42529">
        <v>38</v>
      </c>
      <c r="T42529">
        <v>39</v>
      </c>
      <c r="U42529">
        <v>39</v>
      </c>
      <c r="V42529">
        <v>40</v>
      </c>
      <c r="W42529">
        <v>40</v>
      </c>
      <c r="X42529">
        <v>41</v>
      </c>
      <c r="Y42529">
        <v>42</v>
      </c>
      <c r="Z42529">
        <v>42</v>
      </c>
      <c r="AA42529">
        <v>43</v>
      </c>
      <c r="AB42529">
        <v>43</v>
      </c>
      <c r="AC42529">
        <v>44</v>
      </c>
      <c r="AD42529">
        <v>44</v>
      </c>
      <c r="AE42529">
        <v>45</v>
      </c>
      <c r="AF42529">
        <v>45</v>
      </c>
      <c r="AG42529">
        <v>46</v>
      </c>
      <c r="AH42529">
        <v>46</v>
      </c>
      <c r="AI42529">
        <v>47</v>
      </c>
      <c r="AJ42529">
        <v>47</v>
      </c>
      <c r="AK42529">
        <v>48</v>
      </c>
      <c r="AL42529">
        <v>48</v>
      </c>
      <c r="AM42529">
        <v>48</v>
      </c>
      <c r="AN42529">
        <v>48</v>
      </c>
      <c r="AO42529">
        <v>48</v>
      </c>
      <c r="AP42529">
        <v>48</v>
      </c>
      <c r="AQ42529">
        <v>48</v>
      </c>
    </row>
    <row r="42530" spans="1:43">
      <c r="A42530" t="s">
        <v>26081</v>
      </c>
      <c r="B42530" t="s">
        <v>26082</v>
      </c>
      <c r="C42530" t="s">
        <v>4642</v>
      </c>
      <c r="D42530" t="s">
        <v>4643</v>
      </c>
      <c r="E42530" t="s">
        <v>4592</v>
      </c>
      <c r="F42530" t="s">
        <v>4593</v>
      </c>
      <c r="G42530" t="s">
        <v>80</v>
      </c>
      <c r="H42530" t="s">
        <v>81</v>
      </c>
      <c r="I42530" s="2">
        <v>1</v>
      </c>
      <c r="J42530" s="2">
        <v>0</v>
      </c>
      <c r="K42530" s="2">
        <v>0</v>
      </c>
      <c r="L42530" t="s">
        <v>120</v>
      </c>
      <c r="M42530" t="s">
        <v>83</v>
      </c>
      <c r="N42530" t="s">
        <v>84</v>
      </c>
      <c r="O42530" t="s">
        <v>85</v>
      </c>
      <c r="P42530" t="s">
        <v>86</v>
      </c>
      <c r="Q42530">
        <v>3</v>
      </c>
      <c r="R42530">
        <v>3</v>
      </c>
      <c r="S42530">
        <v>3</v>
      </c>
      <c r="T42530">
        <v>3</v>
      </c>
      <c r="U42530">
        <v>3</v>
      </c>
      <c r="V42530">
        <v>3</v>
      </c>
      <c r="W42530">
        <v>3</v>
      </c>
      <c r="X42530">
        <v>3</v>
      </c>
      <c r="Y42530">
        <v>4</v>
      </c>
      <c r="Z42530">
        <v>4</v>
      </c>
      <c r="AA42530">
        <v>4</v>
      </c>
      <c r="AB42530">
        <v>4</v>
      </c>
      <c r="AC42530">
        <v>4</v>
      </c>
      <c r="AD42530">
        <v>4</v>
      </c>
      <c r="AE42530">
        <v>4</v>
      </c>
      <c r="AF42530">
        <v>4</v>
      </c>
      <c r="AG42530">
        <v>4</v>
      </c>
      <c r="AH42530">
        <v>4</v>
      </c>
      <c r="AI42530">
        <v>4</v>
      </c>
      <c r="AJ42530">
        <v>4</v>
      </c>
      <c r="AK42530">
        <v>4</v>
      </c>
      <c r="AL42530">
        <v>4</v>
      </c>
      <c r="AM42530">
        <v>4</v>
      </c>
      <c r="AN42530">
        <v>4</v>
      </c>
      <c r="AO42530">
        <v>4</v>
      </c>
      <c r="AP42530">
        <v>4</v>
      </c>
      <c r="AQ42530">
        <v>4</v>
      </c>
    </row>
    <row r="42531" spans="1:43">
      <c r="A42531" t="s">
        <v>26081</v>
      </c>
      <c r="B42531" t="s">
        <v>26082</v>
      </c>
      <c r="C42531" t="s">
        <v>4642</v>
      </c>
      <c r="D42531" t="s">
        <v>4643</v>
      </c>
      <c r="E42531" t="s">
        <v>4592</v>
      </c>
      <c r="F42531" t="s">
        <v>4593</v>
      </c>
      <c r="G42531" t="s">
        <v>80</v>
      </c>
      <c r="H42531" t="s">
        <v>81</v>
      </c>
      <c r="I42531" s="2">
        <v>1</v>
      </c>
      <c r="J42531" s="2">
        <v>0</v>
      </c>
      <c r="K42531" s="2">
        <v>0</v>
      </c>
      <c r="L42531" t="s">
        <v>120</v>
      </c>
      <c r="M42531" t="s">
        <v>87</v>
      </c>
      <c r="N42531" t="s">
        <v>88</v>
      </c>
      <c r="O42531" t="s">
        <v>85</v>
      </c>
      <c r="P42531" t="s">
        <v>86</v>
      </c>
      <c r="Q42531">
        <v>3</v>
      </c>
      <c r="R42531">
        <v>3</v>
      </c>
      <c r="S42531">
        <v>3</v>
      </c>
      <c r="T42531">
        <v>3</v>
      </c>
      <c r="U42531">
        <v>3</v>
      </c>
      <c r="V42531">
        <v>3</v>
      </c>
      <c r="W42531">
        <v>3</v>
      </c>
      <c r="X42531">
        <v>3</v>
      </c>
      <c r="Y42531">
        <v>3</v>
      </c>
      <c r="Z42531">
        <v>3</v>
      </c>
      <c r="AA42531">
        <v>3</v>
      </c>
      <c r="AB42531">
        <v>3</v>
      </c>
      <c r="AC42531">
        <v>3</v>
      </c>
      <c r="AD42531">
        <v>3</v>
      </c>
      <c r="AE42531">
        <v>3</v>
      </c>
      <c r="AF42531">
        <v>3</v>
      </c>
      <c r="AG42531">
        <v>3</v>
      </c>
      <c r="AH42531">
        <v>3</v>
      </c>
      <c r="AI42531">
        <v>3</v>
      </c>
      <c r="AJ42531">
        <v>3</v>
      </c>
      <c r="AK42531">
        <v>3</v>
      </c>
      <c r="AL42531">
        <v>3</v>
      </c>
      <c r="AM42531">
        <v>3</v>
      </c>
      <c r="AN42531">
        <v>3</v>
      </c>
      <c r="AO42531">
        <v>3</v>
      </c>
      <c r="AP42531">
        <v>3</v>
      </c>
      <c r="AQ42531">
        <v>4</v>
      </c>
    </row>
    <row r="42532" spans="1:43">
      <c r="A42532" t="s">
        <v>26081</v>
      </c>
      <c r="B42532" t="s">
        <v>26082</v>
      </c>
      <c r="C42532" t="s">
        <v>4642</v>
      </c>
      <c r="D42532" t="s">
        <v>4643</v>
      </c>
      <c r="E42532" t="s">
        <v>4592</v>
      </c>
      <c r="F42532" t="s">
        <v>4593</v>
      </c>
      <c r="G42532" t="s">
        <v>80</v>
      </c>
      <c r="H42532" t="s">
        <v>81</v>
      </c>
      <c r="I42532" s="2">
        <v>1</v>
      </c>
      <c r="J42532" s="2">
        <v>0</v>
      </c>
      <c r="K42532" s="2">
        <v>0</v>
      </c>
      <c r="L42532" t="s">
        <v>120</v>
      </c>
      <c r="M42532" t="s">
        <v>89</v>
      </c>
      <c r="N42532" t="s">
        <v>90</v>
      </c>
      <c r="O42532" t="s">
        <v>85</v>
      </c>
      <c r="P42532" t="s">
        <v>86</v>
      </c>
      <c r="Q42532">
        <v>3</v>
      </c>
      <c r="R42532">
        <v>3</v>
      </c>
      <c r="S42532">
        <v>3</v>
      </c>
      <c r="T42532">
        <v>3</v>
      </c>
      <c r="U42532">
        <v>3</v>
      </c>
      <c r="V42532">
        <v>4</v>
      </c>
      <c r="W42532">
        <v>4</v>
      </c>
      <c r="X42532">
        <v>4</v>
      </c>
      <c r="Y42532">
        <v>4</v>
      </c>
      <c r="Z42532">
        <v>4</v>
      </c>
      <c r="AA42532">
        <v>4</v>
      </c>
      <c r="AB42532">
        <v>4</v>
      </c>
      <c r="AC42532">
        <v>4</v>
      </c>
      <c r="AD42532">
        <v>4</v>
      </c>
      <c r="AE42532">
        <v>4</v>
      </c>
      <c r="AF42532">
        <v>4</v>
      </c>
      <c r="AG42532">
        <v>4</v>
      </c>
      <c r="AH42532">
        <v>4</v>
      </c>
      <c r="AI42532">
        <v>4</v>
      </c>
      <c r="AJ42532">
        <v>4</v>
      </c>
      <c r="AK42532">
        <v>4</v>
      </c>
      <c r="AL42532">
        <v>4</v>
      </c>
      <c r="AM42532">
        <v>4</v>
      </c>
      <c r="AN42532">
        <v>4</v>
      </c>
      <c r="AO42532">
        <v>4</v>
      </c>
      <c r="AP42532">
        <v>4</v>
      </c>
      <c r="AQ42532">
        <v>4</v>
      </c>
    </row>
    <row r="42533" spans="1:43">
      <c r="A42533" t="s">
        <v>26081</v>
      </c>
      <c r="B42533" t="s">
        <v>26082</v>
      </c>
      <c r="C42533" t="s">
        <v>4642</v>
      </c>
      <c r="D42533" t="s">
        <v>4643</v>
      </c>
      <c r="E42533" t="s">
        <v>4592</v>
      </c>
      <c r="F42533" t="s">
        <v>4593</v>
      </c>
      <c r="G42533" t="s">
        <v>80</v>
      </c>
      <c r="H42533" t="s">
        <v>81</v>
      </c>
      <c r="I42533" s="2">
        <v>1</v>
      </c>
      <c r="J42533" s="2">
        <v>0</v>
      </c>
      <c r="K42533" s="2">
        <v>0</v>
      </c>
      <c r="L42533" t="s">
        <v>120</v>
      </c>
      <c r="M42533" t="s">
        <v>83</v>
      </c>
      <c r="N42533" t="s">
        <v>91</v>
      </c>
      <c r="O42533" t="s">
        <v>85</v>
      </c>
      <c r="P42533" t="s">
        <v>86</v>
      </c>
      <c r="Q42533">
        <v>3</v>
      </c>
      <c r="R42533">
        <v>3</v>
      </c>
      <c r="S42533">
        <v>3</v>
      </c>
      <c r="T42533">
        <v>3</v>
      </c>
      <c r="U42533">
        <v>3</v>
      </c>
      <c r="V42533">
        <v>3</v>
      </c>
      <c r="W42533">
        <v>3</v>
      </c>
      <c r="X42533">
        <v>3</v>
      </c>
      <c r="Y42533">
        <v>4</v>
      </c>
      <c r="Z42533">
        <v>4</v>
      </c>
      <c r="AA42533">
        <v>4</v>
      </c>
      <c r="AB42533">
        <v>4</v>
      </c>
      <c r="AC42533">
        <v>4</v>
      </c>
      <c r="AD42533">
        <v>4</v>
      </c>
      <c r="AE42533">
        <v>4</v>
      </c>
      <c r="AF42533">
        <v>4</v>
      </c>
      <c r="AG42533">
        <v>4</v>
      </c>
      <c r="AH42533">
        <v>4</v>
      </c>
      <c r="AI42533">
        <v>4</v>
      </c>
      <c r="AJ42533">
        <v>4</v>
      </c>
      <c r="AK42533">
        <v>4</v>
      </c>
      <c r="AL42533">
        <v>4</v>
      </c>
      <c r="AM42533">
        <v>4</v>
      </c>
      <c r="AN42533">
        <v>4</v>
      </c>
      <c r="AO42533">
        <v>4</v>
      </c>
      <c r="AP42533">
        <v>4</v>
      </c>
      <c r="AQ42533">
        <v>4</v>
      </c>
    </row>
    <row r="42534" spans="1:43">
      <c r="A42534" t="s">
        <v>26083</v>
      </c>
      <c r="B42534" t="s">
        <v>26084</v>
      </c>
      <c r="C42534" t="s">
        <v>4642</v>
      </c>
      <c r="D42534" t="s">
        <v>4643</v>
      </c>
      <c r="E42534" t="s">
        <v>4592</v>
      </c>
      <c r="F42534" t="s">
        <v>4593</v>
      </c>
      <c r="G42534" t="s">
        <v>80</v>
      </c>
      <c r="H42534" t="s">
        <v>81</v>
      </c>
      <c r="I42534" s="2">
        <v>1</v>
      </c>
      <c r="J42534" s="2">
        <v>0</v>
      </c>
      <c r="K42534" s="2">
        <v>0</v>
      </c>
      <c r="L42534" t="s">
        <v>120</v>
      </c>
      <c r="M42534" t="s">
        <v>83</v>
      </c>
      <c r="N42534" t="s">
        <v>84</v>
      </c>
      <c r="O42534" t="s">
        <v>85</v>
      </c>
      <c r="P42534" t="s">
        <v>86</v>
      </c>
      <c r="Q42534">
        <v>28</v>
      </c>
      <c r="R42534">
        <v>29</v>
      </c>
      <c r="S42534">
        <v>29</v>
      </c>
      <c r="T42534">
        <v>30</v>
      </c>
      <c r="U42534">
        <v>30</v>
      </c>
      <c r="V42534">
        <v>31</v>
      </c>
      <c r="W42534">
        <v>31</v>
      </c>
      <c r="X42534">
        <v>32</v>
      </c>
      <c r="Y42534">
        <v>32</v>
      </c>
      <c r="Z42534">
        <v>32</v>
      </c>
      <c r="AA42534">
        <v>33</v>
      </c>
      <c r="AB42534">
        <v>33</v>
      </c>
      <c r="AC42534">
        <v>34</v>
      </c>
      <c r="AD42534">
        <v>34</v>
      </c>
      <c r="AE42534">
        <v>34</v>
      </c>
      <c r="AF42534">
        <v>35</v>
      </c>
      <c r="AG42534">
        <v>35</v>
      </c>
      <c r="AH42534">
        <v>36</v>
      </c>
      <c r="AI42534">
        <v>36</v>
      </c>
      <c r="AJ42534">
        <v>36</v>
      </c>
      <c r="AK42534">
        <v>37</v>
      </c>
      <c r="AL42534">
        <v>37</v>
      </c>
      <c r="AM42534">
        <v>37</v>
      </c>
      <c r="AN42534">
        <v>37</v>
      </c>
      <c r="AO42534">
        <v>37</v>
      </c>
      <c r="AP42534">
        <v>37</v>
      </c>
      <c r="AQ42534">
        <v>37</v>
      </c>
    </row>
    <row r="42535" spans="1:43">
      <c r="A42535" t="s">
        <v>26083</v>
      </c>
      <c r="B42535" t="s">
        <v>26084</v>
      </c>
      <c r="C42535" t="s">
        <v>4642</v>
      </c>
      <c r="D42535" t="s">
        <v>4643</v>
      </c>
      <c r="E42535" t="s">
        <v>4592</v>
      </c>
      <c r="F42535" t="s">
        <v>4593</v>
      </c>
      <c r="G42535" t="s">
        <v>80</v>
      </c>
      <c r="H42535" t="s">
        <v>81</v>
      </c>
      <c r="I42535" s="2">
        <v>1</v>
      </c>
      <c r="J42535" s="2">
        <v>0</v>
      </c>
      <c r="K42535" s="2">
        <v>0</v>
      </c>
      <c r="L42535" t="s">
        <v>120</v>
      </c>
      <c r="M42535" t="s">
        <v>87</v>
      </c>
      <c r="N42535" t="s">
        <v>88</v>
      </c>
      <c r="O42535" t="s">
        <v>85</v>
      </c>
      <c r="P42535" t="s">
        <v>86</v>
      </c>
      <c r="Q42535">
        <v>28</v>
      </c>
      <c r="R42535">
        <v>28</v>
      </c>
      <c r="S42535">
        <v>29</v>
      </c>
      <c r="T42535">
        <v>29</v>
      </c>
      <c r="U42535">
        <v>29</v>
      </c>
      <c r="V42535">
        <v>29</v>
      </c>
      <c r="W42535">
        <v>29</v>
      </c>
      <c r="X42535">
        <v>29</v>
      </c>
      <c r="Y42535">
        <v>30</v>
      </c>
      <c r="Z42535">
        <v>30</v>
      </c>
      <c r="AA42535">
        <v>30</v>
      </c>
      <c r="AB42535">
        <v>30</v>
      </c>
      <c r="AC42535">
        <v>30</v>
      </c>
      <c r="AD42535">
        <v>30</v>
      </c>
      <c r="AE42535">
        <v>30</v>
      </c>
      <c r="AF42535">
        <v>31</v>
      </c>
      <c r="AG42535">
        <v>31</v>
      </c>
      <c r="AH42535">
        <v>31</v>
      </c>
      <c r="AI42535">
        <v>31</v>
      </c>
      <c r="AJ42535">
        <v>31</v>
      </c>
      <c r="AK42535">
        <v>31</v>
      </c>
      <c r="AL42535">
        <v>31</v>
      </c>
      <c r="AM42535">
        <v>32</v>
      </c>
      <c r="AN42535">
        <v>32</v>
      </c>
      <c r="AO42535">
        <v>32</v>
      </c>
      <c r="AP42535">
        <v>32</v>
      </c>
      <c r="AQ42535">
        <v>32</v>
      </c>
    </row>
    <row r="42536" spans="1:43">
      <c r="A42536" t="s">
        <v>26083</v>
      </c>
      <c r="B42536" t="s">
        <v>26084</v>
      </c>
      <c r="C42536" t="s">
        <v>4642</v>
      </c>
      <c r="D42536" t="s">
        <v>4643</v>
      </c>
      <c r="E42536" t="s">
        <v>4592</v>
      </c>
      <c r="F42536" t="s">
        <v>4593</v>
      </c>
      <c r="G42536" t="s">
        <v>80</v>
      </c>
      <c r="H42536" t="s">
        <v>81</v>
      </c>
      <c r="I42536" s="2">
        <v>1</v>
      </c>
      <c r="J42536" s="2">
        <v>0</v>
      </c>
      <c r="K42536" s="2">
        <v>0</v>
      </c>
      <c r="L42536" t="s">
        <v>120</v>
      </c>
      <c r="M42536" t="s">
        <v>89</v>
      </c>
      <c r="N42536" t="s">
        <v>90</v>
      </c>
      <c r="O42536" t="s">
        <v>85</v>
      </c>
      <c r="P42536" t="s">
        <v>86</v>
      </c>
      <c r="Q42536">
        <v>28</v>
      </c>
      <c r="R42536">
        <v>28</v>
      </c>
      <c r="S42536">
        <v>29</v>
      </c>
      <c r="T42536">
        <v>30</v>
      </c>
      <c r="U42536">
        <v>30</v>
      </c>
      <c r="V42536">
        <v>31</v>
      </c>
      <c r="W42536">
        <v>32</v>
      </c>
      <c r="X42536">
        <v>32</v>
      </c>
      <c r="Y42536">
        <v>33</v>
      </c>
      <c r="Z42536">
        <v>33</v>
      </c>
      <c r="AA42536">
        <v>34</v>
      </c>
      <c r="AB42536">
        <v>34</v>
      </c>
      <c r="AC42536">
        <v>35</v>
      </c>
      <c r="AD42536">
        <v>36</v>
      </c>
      <c r="AE42536">
        <v>36</v>
      </c>
      <c r="AF42536">
        <v>36</v>
      </c>
      <c r="AG42536">
        <v>36</v>
      </c>
      <c r="AH42536">
        <v>36</v>
      </c>
      <c r="AI42536">
        <v>36</v>
      </c>
      <c r="AJ42536">
        <v>36</v>
      </c>
      <c r="AK42536">
        <v>36</v>
      </c>
      <c r="AL42536">
        <v>36</v>
      </c>
      <c r="AM42536">
        <v>36</v>
      </c>
      <c r="AN42536">
        <v>36</v>
      </c>
      <c r="AO42536">
        <v>36</v>
      </c>
      <c r="AP42536">
        <v>36</v>
      </c>
      <c r="AQ42536">
        <v>36</v>
      </c>
    </row>
    <row r="42537" spans="1:43">
      <c r="A42537" t="s">
        <v>26083</v>
      </c>
      <c r="B42537" t="s">
        <v>26084</v>
      </c>
      <c r="C42537" t="s">
        <v>4642</v>
      </c>
      <c r="D42537" t="s">
        <v>4643</v>
      </c>
      <c r="E42537" t="s">
        <v>4592</v>
      </c>
      <c r="F42537" t="s">
        <v>4593</v>
      </c>
      <c r="G42537" t="s">
        <v>80</v>
      </c>
      <c r="H42537" t="s">
        <v>81</v>
      </c>
      <c r="I42537" s="2">
        <v>1</v>
      </c>
      <c r="J42537" s="2">
        <v>0</v>
      </c>
      <c r="K42537" s="2">
        <v>0</v>
      </c>
      <c r="L42537" t="s">
        <v>120</v>
      </c>
      <c r="M42537" t="s">
        <v>83</v>
      </c>
      <c r="N42537" t="s">
        <v>91</v>
      </c>
      <c r="O42537" t="s">
        <v>85</v>
      </c>
      <c r="P42537" t="s">
        <v>86</v>
      </c>
      <c r="Q42537">
        <v>28</v>
      </c>
      <c r="R42537">
        <v>29</v>
      </c>
      <c r="S42537">
        <v>29</v>
      </c>
      <c r="T42537">
        <v>30</v>
      </c>
      <c r="U42537">
        <v>30</v>
      </c>
      <c r="V42537">
        <v>31</v>
      </c>
      <c r="W42537">
        <v>31</v>
      </c>
      <c r="X42537">
        <v>32</v>
      </c>
      <c r="Y42537">
        <v>32</v>
      </c>
      <c r="Z42537">
        <v>32</v>
      </c>
      <c r="AA42537">
        <v>33</v>
      </c>
      <c r="AB42537">
        <v>33</v>
      </c>
      <c r="AC42537">
        <v>34</v>
      </c>
      <c r="AD42537">
        <v>34</v>
      </c>
      <c r="AE42537">
        <v>34</v>
      </c>
      <c r="AF42537">
        <v>35</v>
      </c>
      <c r="AG42537">
        <v>35</v>
      </c>
      <c r="AH42537">
        <v>36</v>
      </c>
      <c r="AI42537">
        <v>36</v>
      </c>
      <c r="AJ42537">
        <v>36</v>
      </c>
      <c r="AK42537">
        <v>37</v>
      </c>
      <c r="AL42537">
        <v>37</v>
      </c>
      <c r="AM42537">
        <v>37</v>
      </c>
      <c r="AN42537">
        <v>37</v>
      </c>
      <c r="AO42537">
        <v>37</v>
      </c>
      <c r="AP42537">
        <v>37</v>
      </c>
      <c r="AQ42537">
        <v>37</v>
      </c>
    </row>
    <row r="42538" spans="1:43">
      <c r="A42538" t="s">
        <v>26085</v>
      </c>
      <c r="B42538" t="s">
        <v>26086</v>
      </c>
      <c r="C42538" t="s">
        <v>4642</v>
      </c>
      <c r="D42538" t="s">
        <v>4643</v>
      </c>
      <c r="E42538" t="s">
        <v>4592</v>
      </c>
      <c r="F42538" t="s">
        <v>4593</v>
      </c>
      <c r="G42538" t="s">
        <v>80</v>
      </c>
      <c r="H42538" t="s">
        <v>81</v>
      </c>
      <c r="I42538" s="2">
        <v>1</v>
      </c>
      <c r="J42538" s="2">
        <v>0</v>
      </c>
      <c r="K42538" s="2">
        <v>0</v>
      </c>
      <c r="L42538" t="s">
        <v>120</v>
      </c>
      <c r="M42538" t="s">
        <v>83</v>
      </c>
      <c r="N42538" t="s">
        <v>84</v>
      </c>
      <c r="O42538" t="s">
        <v>85</v>
      </c>
      <c r="P42538" t="s">
        <v>86</v>
      </c>
      <c r="Q42538">
        <v>17</v>
      </c>
      <c r="R42538">
        <v>17</v>
      </c>
      <c r="S42538">
        <v>17</v>
      </c>
      <c r="T42538">
        <v>18</v>
      </c>
      <c r="U42538">
        <v>18</v>
      </c>
      <c r="V42538">
        <v>18</v>
      </c>
      <c r="W42538">
        <v>18</v>
      </c>
      <c r="X42538">
        <v>19</v>
      </c>
      <c r="Y42538">
        <v>19</v>
      </c>
      <c r="Z42538">
        <v>19</v>
      </c>
      <c r="AA42538">
        <v>19</v>
      </c>
      <c r="AB42538">
        <v>20</v>
      </c>
      <c r="AC42538">
        <v>20</v>
      </c>
      <c r="AD42538">
        <v>20</v>
      </c>
      <c r="AE42538">
        <v>20</v>
      </c>
      <c r="AF42538">
        <v>21</v>
      </c>
      <c r="AG42538">
        <v>21</v>
      </c>
      <c r="AH42538">
        <v>21</v>
      </c>
      <c r="AI42538">
        <v>21</v>
      </c>
      <c r="AJ42538">
        <v>22</v>
      </c>
      <c r="AK42538">
        <v>22</v>
      </c>
      <c r="AL42538">
        <v>22</v>
      </c>
      <c r="AM42538">
        <v>22</v>
      </c>
      <c r="AN42538">
        <v>22</v>
      </c>
      <c r="AO42538">
        <v>22</v>
      </c>
      <c r="AP42538">
        <v>22</v>
      </c>
      <c r="AQ42538">
        <v>22</v>
      </c>
    </row>
    <row r="42539" spans="1:43">
      <c r="A42539" t="s">
        <v>26085</v>
      </c>
      <c r="B42539" t="s">
        <v>26086</v>
      </c>
      <c r="C42539" t="s">
        <v>4642</v>
      </c>
      <c r="D42539" t="s">
        <v>4643</v>
      </c>
      <c r="E42539" t="s">
        <v>4592</v>
      </c>
      <c r="F42539" t="s">
        <v>4593</v>
      </c>
      <c r="G42539" t="s">
        <v>80</v>
      </c>
      <c r="H42539" t="s">
        <v>81</v>
      </c>
      <c r="I42539" s="2">
        <v>1</v>
      </c>
      <c r="J42539" s="2">
        <v>0</v>
      </c>
      <c r="K42539" s="2">
        <v>0</v>
      </c>
      <c r="L42539" t="s">
        <v>120</v>
      </c>
      <c r="M42539" t="s">
        <v>87</v>
      </c>
      <c r="N42539" t="s">
        <v>88</v>
      </c>
      <c r="O42539" t="s">
        <v>85</v>
      </c>
      <c r="P42539" t="s">
        <v>86</v>
      </c>
      <c r="Q42539">
        <v>17</v>
      </c>
      <c r="R42539">
        <v>17</v>
      </c>
      <c r="S42539">
        <v>17</v>
      </c>
      <c r="T42539">
        <v>17</v>
      </c>
      <c r="U42539">
        <v>17</v>
      </c>
      <c r="V42539">
        <v>17</v>
      </c>
      <c r="W42539">
        <v>17</v>
      </c>
      <c r="X42539">
        <v>17</v>
      </c>
      <c r="Y42539">
        <v>17</v>
      </c>
      <c r="Z42539">
        <v>18</v>
      </c>
      <c r="AA42539">
        <v>18</v>
      </c>
      <c r="AB42539">
        <v>18</v>
      </c>
      <c r="AC42539">
        <v>18</v>
      </c>
      <c r="AD42539">
        <v>18</v>
      </c>
      <c r="AE42539">
        <v>18</v>
      </c>
      <c r="AF42539">
        <v>18</v>
      </c>
      <c r="AG42539">
        <v>18</v>
      </c>
      <c r="AH42539">
        <v>18</v>
      </c>
      <c r="AI42539">
        <v>18</v>
      </c>
      <c r="AJ42539">
        <v>18</v>
      </c>
      <c r="AK42539">
        <v>19</v>
      </c>
      <c r="AL42539">
        <v>19</v>
      </c>
      <c r="AM42539">
        <v>19</v>
      </c>
      <c r="AN42539">
        <v>19</v>
      </c>
      <c r="AO42539">
        <v>19</v>
      </c>
      <c r="AP42539">
        <v>19</v>
      </c>
      <c r="AQ42539">
        <v>19</v>
      </c>
    </row>
    <row r="42540" spans="1:43">
      <c r="A42540" t="s">
        <v>26085</v>
      </c>
      <c r="B42540" t="s">
        <v>26086</v>
      </c>
      <c r="C42540" t="s">
        <v>4642</v>
      </c>
      <c r="D42540" t="s">
        <v>4643</v>
      </c>
      <c r="E42540" t="s">
        <v>4592</v>
      </c>
      <c r="F42540" t="s">
        <v>4593</v>
      </c>
      <c r="G42540" t="s">
        <v>80</v>
      </c>
      <c r="H42540" t="s">
        <v>81</v>
      </c>
      <c r="I42540" s="2">
        <v>1</v>
      </c>
      <c r="J42540" s="2">
        <v>0</v>
      </c>
      <c r="K42540" s="2">
        <v>0</v>
      </c>
      <c r="L42540" t="s">
        <v>120</v>
      </c>
      <c r="M42540" t="s">
        <v>89</v>
      </c>
      <c r="N42540" t="s">
        <v>90</v>
      </c>
      <c r="O42540" t="s">
        <v>85</v>
      </c>
      <c r="P42540" t="s">
        <v>86</v>
      </c>
      <c r="Q42540">
        <v>17</v>
      </c>
      <c r="R42540">
        <v>17</v>
      </c>
      <c r="S42540">
        <v>18</v>
      </c>
      <c r="T42540">
        <v>18</v>
      </c>
      <c r="U42540">
        <v>19</v>
      </c>
      <c r="V42540">
        <v>19</v>
      </c>
      <c r="W42540">
        <v>19</v>
      </c>
      <c r="X42540">
        <v>20</v>
      </c>
      <c r="Y42540">
        <v>20</v>
      </c>
      <c r="Z42540">
        <v>20</v>
      </c>
      <c r="AA42540">
        <v>21</v>
      </c>
      <c r="AB42540">
        <v>21</v>
      </c>
      <c r="AC42540">
        <v>21</v>
      </c>
      <c r="AD42540">
        <v>22</v>
      </c>
      <c r="AE42540">
        <v>22</v>
      </c>
      <c r="AF42540">
        <v>22</v>
      </c>
      <c r="AG42540">
        <v>22</v>
      </c>
      <c r="AH42540">
        <v>22</v>
      </c>
      <c r="AI42540">
        <v>22</v>
      </c>
      <c r="AJ42540">
        <v>22</v>
      </c>
      <c r="AK42540">
        <v>22</v>
      </c>
      <c r="AL42540">
        <v>22</v>
      </c>
      <c r="AM42540">
        <v>22</v>
      </c>
      <c r="AN42540">
        <v>22</v>
      </c>
      <c r="AO42540">
        <v>22</v>
      </c>
      <c r="AP42540">
        <v>22</v>
      </c>
      <c r="AQ42540">
        <v>22</v>
      </c>
    </row>
    <row r="42541" spans="1:43">
      <c r="A42541" t="s">
        <v>26085</v>
      </c>
      <c r="B42541" t="s">
        <v>26086</v>
      </c>
      <c r="C42541" t="s">
        <v>4642</v>
      </c>
      <c r="D42541" t="s">
        <v>4643</v>
      </c>
      <c r="E42541" t="s">
        <v>4592</v>
      </c>
      <c r="F42541" t="s">
        <v>4593</v>
      </c>
      <c r="G42541" t="s">
        <v>80</v>
      </c>
      <c r="H42541" t="s">
        <v>81</v>
      </c>
      <c r="I42541" s="2">
        <v>1</v>
      </c>
      <c r="J42541" s="2">
        <v>0</v>
      </c>
      <c r="K42541" s="2">
        <v>0</v>
      </c>
      <c r="L42541" t="s">
        <v>120</v>
      </c>
      <c r="M42541" t="s">
        <v>83</v>
      </c>
      <c r="N42541" t="s">
        <v>91</v>
      </c>
      <c r="O42541" t="s">
        <v>85</v>
      </c>
      <c r="P42541" t="s">
        <v>86</v>
      </c>
      <c r="Q42541">
        <v>17</v>
      </c>
      <c r="R42541">
        <v>17</v>
      </c>
      <c r="S42541">
        <v>17</v>
      </c>
      <c r="T42541">
        <v>18</v>
      </c>
      <c r="U42541">
        <v>18</v>
      </c>
      <c r="V42541">
        <v>18</v>
      </c>
      <c r="W42541">
        <v>18</v>
      </c>
      <c r="X42541">
        <v>19</v>
      </c>
      <c r="Y42541">
        <v>19</v>
      </c>
      <c r="Z42541">
        <v>19</v>
      </c>
      <c r="AA42541">
        <v>19</v>
      </c>
      <c r="AB42541">
        <v>20</v>
      </c>
      <c r="AC42541">
        <v>20</v>
      </c>
      <c r="AD42541">
        <v>20</v>
      </c>
      <c r="AE42541">
        <v>20</v>
      </c>
      <c r="AF42541">
        <v>21</v>
      </c>
      <c r="AG42541">
        <v>21</v>
      </c>
      <c r="AH42541">
        <v>21</v>
      </c>
      <c r="AI42541">
        <v>21</v>
      </c>
      <c r="AJ42541">
        <v>22</v>
      </c>
      <c r="AK42541">
        <v>22</v>
      </c>
      <c r="AL42541">
        <v>22</v>
      </c>
      <c r="AM42541">
        <v>22</v>
      </c>
      <c r="AN42541">
        <v>22</v>
      </c>
      <c r="AO42541">
        <v>22</v>
      </c>
      <c r="AP42541">
        <v>22</v>
      </c>
      <c r="AQ42541">
        <v>22</v>
      </c>
    </row>
    <row r="42542" spans="1:43">
      <c r="A42542" t="s">
        <v>26087</v>
      </c>
      <c r="B42542" t="s">
        <v>26088</v>
      </c>
      <c r="C42542" t="s">
        <v>4660</v>
      </c>
      <c r="D42542" t="s">
        <v>4661</v>
      </c>
      <c r="E42542" t="s">
        <v>4592</v>
      </c>
      <c r="F42542" t="s">
        <v>4593</v>
      </c>
      <c r="G42542" t="s">
        <v>80</v>
      </c>
      <c r="H42542" t="s">
        <v>81</v>
      </c>
      <c r="I42542" s="2">
        <v>1</v>
      </c>
      <c r="J42542" s="2">
        <v>0</v>
      </c>
      <c r="K42542" s="2">
        <v>0</v>
      </c>
      <c r="L42542" t="s">
        <v>120</v>
      </c>
      <c r="M42542" t="s">
        <v>83</v>
      </c>
      <c r="N42542" t="s">
        <v>84</v>
      </c>
      <c r="O42542" t="s">
        <v>85</v>
      </c>
      <c r="P42542" t="s">
        <v>86</v>
      </c>
      <c r="Q42542">
        <v>21</v>
      </c>
      <c r="R42542">
        <v>21</v>
      </c>
      <c r="S42542">
        <v>21</v>
      </c>
      <c r="T42542">
        <v>22</v>
      </c>
      <c r="U42542">
        <v>22</v>
      </c>
      <c r="V42542">
        <v>22</v>
      </c>
      <c r="W42542">
        <v>23</v>
      </c>
      <c r="X42542">
        <v>23</v>
      </c>
      <c r="Y42542">
        <v>23</v>
      </c>
      <c r="Z42542">
        <v>24</v>
      </c>
      <c r="AA42542">
        <v>24</v>
      </c>
      <c r="AB42542">
        <v>24</v>
      </c>
      <c r="AC42542">
        <v>25</v>
      </c>
      <c r="AD42542">
        <v>25</v>
      </c>
      <c r="AE42542">
        <v>25</v>
      </c>
      <c r="AF42542">
        <v>25</v>
      </c>
      <c r="AG42542">
        <v>26</v>
      </c>
      <c r="AH42542">
        <v>26</v>
      </c>
      <c r="AI42542">
        <v>26</v>
      </c>
      <c r="AJ42542">
        <v>27</v>
      </c>
      <c r="AK42542">
        <v>27</v>
      </c>
      <c r="AL42542">
        <v>27</v>
      </c>
      <c r="AM42542">
        <v>27</v>
      </c>
      <c r="AN42542">
        <v>27</v>
      </c>
      <c r="AO42542">
        <v>27</v>
      </c>
      <c r="AP42542">
        <v>27</v>
      </c>
      <c r="AQ42542">
        <v>27</v>
      </c>
    </row>
    <row r="42543" spans="1:43">
      <c r="A42543" t="s">
        <v>26087</v>
      </c>
      <c r="B42543" t="s">
        <v>26088</v>
      </c>
      <c r="C42543" t="s">
        <v>4660</v>
      </c>
      <c r="D42543" t="s">
        <v>4661</v>
      </c>
      <c r="E42543" t="s">
        <v>4592</v>
      </c>
      <c r="F42543" t="s">
        <v>4593</v>
      </c>
      <c r="G42543" t="s">
        <v>80</v>
      </c>
      <c r="H42543" t="s">
        <v>81</v>
      </c>
      <c r="I42543" s="2">
        <v>1</v>
      </c>
      <c r="J42543" s="2">
        <v>0</v>
      </c>
      <c r="K42543" s="2">
        <v>0</v>
      </c>
      <c r="L42543" t="s">
        <v>120</v>
      </c>
      <c r="M42543" t="s">
        <v>87</v>
      </c>
      <c r="N42543" t="s">
        <v>88</v>
      </c>
      <c r="O42543" t="s">
        <v>85</v>
      </c>
      <c r="P42543" t="s">
        <v>86</v>
      </c>
      <c r="Q42543">
        <v>21</v>
      </c>
      <c r="R42543">
        <v>21</v>
      </c>
      <c r="S42543">
        <v>21</v>
      </c>
      <c r="T42543">
        <v>21</v>
      </c>
      <c r="U42543">
        <v>21</v>
      </c>
      <c r="V42543">
        <v>21</v>
      </c>
      <c r="W42543">
        <v>21</v>
      </c>
      <c r="X42543">
        <v>21</v>
      </c>
      <c r="Y42543">
        <v>22</v>
      </c>
      <c r="Z42543">
        <v>22</v>
      </c>
      <c r="AA42543">
        <v>22</v>
      </c>
      <c r="AB42543">
        <v>22</v>
      </c>
      <c r="AC42543">
        <v>22</v>
      </c>
      <c r="AD42543">
        <v>22</v>
      </c>
      <c r="AE42543">
        <v>22</v>
      </c>
      <c r="AF42543">
        <v>22</v>
      </c>
      <c r="AG42543">
        <v>23</v>
      </c>
      <c r="AH42543">
        <v>23</v>
      </c>
      <c r="AI42543">
        <v>23</v>
      </c>
      <c r="AJ42543">
        <v>23</v>
      </c>
      <c r="AK42543">
        <v>23</v>
      </c>
      <c r="AL42543">
        <v>23</v>
      </c>
      <c r="AM42543">
        <v>23</v>
      </c>
      <c r="AN42543">
        <v>23</v>
      </c>
      <c r="AO42543">
        <v>23</v>
      </c>
      <c r="AP42543">
        <v>23</v>
      </c>
      <c r="AQ42543">
        <v>23</v>
      </c>
    </row>
    <row r="42544" spans="1:43">
      <c r="A42544" t="s">
        <v>26087</v>
      </c>
      <c r="B42544" t="s">
        <v>26088</v>
      </c>
      <c r="C42544" t="s">
        <v>4660</v>
      </c>
      <c r="D42544" t="s">
        <v>4661</v>
      </c>
      <c r="E42544" t="s">
        <v>4592</v>
      </c>
      <c r="F42544" t="s">
        <v>4593</v>
      </c>
      <c r="G42544" t="s">
        <v>80</v>
      </c>
      <c r="H42544" t="s">
        <v>81</v>
      </c>
      <c r="I42544" s="2">
        <v>1</v>
      </c>
      <c r="J42544" s="2">
        <v>0</v>
      </c>
      <c r="K42544" s="2">
        <v>0</v>
      </c>
      <c r="L42544" t="s">
        <v>120</v>
      </c>
      <c r="M42544" t="s">
        <v>89</v>
      </c>
      <c r="N42544" t="s">
        <v>90</v>
      </c>
      <c r="O42544" t="s">
        <v>85</v>
      </c>
      <c r="P42544" t="s">
        <v>86</v>
      </c>
      <c r="Q42544">
        <v>21</v>
      </c>
      <c r="R42544">
        <v>21</v>
      </c>
      <c r="S42544">
        <v>22</v>
      </c>
      <c r="T42544">
        <v>22</v>
      </c>
      <c r="U42544">
        <v>23</v>
      </c>
      <c r="V42544">
        <v>23</v>
      </c>
      <c r="W42544">
        <v>24</v>
      </c>
      <c r="X42544">
        <v>24</v>
      </c>
      <c r="Y42544">
        <v>25</v>
      </c>
      <c r="Z42544">
        <v>25</v>
      </c>
      <c r="AA42544">
        <v>26</v>
      </c>
      <c r="AB42544">
        <v>26</v>
      </c>
      <c r="AC42544">
        <v>26</v>
      </c>
      <c r="AD42544">
        <v>27</v>
      </c>
      <c r="AE42544">
        <v>27</v>
      </c>
      <c r="AF42544">
        <v>27</v>
      </c>
      <c r="AG42544">
        <v>27</v>
      </c>
      <c r="AH42544">
        <v>27</v>
      </c>
      <c r="AI42544">
        <v>27</v>
      </c>
      <c r="AJ42544">
        <v>27</v>
      </c>
      <c r="AK42544">
        <v>27</v>
      </c>
      <c r="AL42544">
        <v>27</v>
      </c>
      <c r="AM42544">
        <v>27</v>
      </c>
      <c r="AN42544">
        <v>27</v>
      </c>
      <c r="AO42544">
        <v>27</v>
      </c>
      <c r="AP42544">
        <v>27</v>
      </c>
      <c r="AQ42544">
        <v>28</v>
      </c>
    </row>
    <row r="42545" spans="1:43">
      <c r="A42545" t="s">
        <v>26087</v>
      </c>
      <c r="B42545" t="s">
        <v>26088</v>
      </c>
      <c r="C42545" t="s">
        <v>4660</v>
      </c>
      <c r="D42545" t="s">
        <v>4661</v>
      </c>
      <c r="E42545" t="s">
        <v>4592</v>
      </c>
      <c r="F42545" t="s">
        <v>4593</v>
      </c>
      <c r="G42545" t="s">
        <v>80</v>
      </c>
      <c r="H42545" t="s">
        <v>81</v>
      </c>
      <c r="I42545" s="2">
        <v>1</v>
      </c>
      <c r="J42545" s="2">
        <v>0</v>
      </c>
      <c r="K42545" s="2">
        <v>0</v>
      </c>
      <c r="L42545" t="s">
        <v>120</v>
      </c>
      <c r="M42545" t="s">
        <v>83</v>
      </c>
      <c r="N42545" t="s">
        <v>91</v>
      </c>
      <c r="O42545" t="s">
        <v>85</v>
      </c>
      <c r="P42545" t="s">
        <v>86</v>
      </c>
      <c r="Q42545">
        <v>21</v>
      </c>
      <c r="R42545">
        <v>21</v>
      </c>
      <c r="S42545">
        <v>21</v>
      </c>
      <c r="T42545">
        <v>22</v>
      </c>
      <c r="U42545">
        <v>22</v>
      </c>
      <c r="V42545">
        <v>22</v>
      </c>
      <c r="W42545">
        <v>23</v>
      </c>
      <c r="X42545">
        <v>23</v>
      </c>
      <c r="Y42545">
        <v>23</v>
      </c>
      <c r="Z42545">
        <v>24</v>
      </c>
      <c r="AA42545">
        <v>24</v>
      </c>
      <c r="AB42545">
        <v>24</v>
      </c>
      <c r="AC42545">
        <v>25</v>
      </c>
      <c r="AD42545">
        <v>25</v>
      </c>
      <c r="AE42545">
        <v>25</v>
      </c>
      <c r="AF42545">
        <v>25</v>
      </c>
      <c r="AG42545">
        <v>26</v>
      </c>
      <c r="AH42545">
        <v>26</v>
      </c>
      <c r="AI42545">
        <v>26</v>
      </c>
      <c r="AJ42545">
        <v>27</v>
      </c>
      <c r="AK42545">
        <v>27</v>
      </c>
      <c r="AL42545">
        <v>27</v>
      </c>
      <c r="AM42545">
        <v>27</v>
      </c>
      <c r="AN42545">
        <v>27</v>
      </c>
      <c r="AO42545">
        <v>27</v>
      </c>
      <c r="AP42545">
        <v>27</v>
      </c>
      <c r="AQ42545">
        <v>27</v>
      </c>
    </row>
    <row r="42546" spans="1:43">
      <c r="A42546" t="s">
        <v>26089</v>
      </c>
      <c r="B42546" t="s">
        <v>26090</v>
      </c>
      <c r="C42546" t="s">
        <v>4660</v>
      </c>
      <c r="D42546" t="s">
        <v>4661</v>
      </c>
      <c r="E42546" t="s">
        <v>4592</v>
      </c>
      <c r="F42546" t="s">
        <v>4593</v>
      </c>
      <c r="G42546" t="s">
        <v>80</v>
      </c>
      <c r="H42546" t="s">
        <v>81</v>
      </c>
      <c r="I42546" s="2">
        <v>1</v>
      </c>
      <c r="J42546" s="2">
        <v>0</v>
      </c>
      <c r="K42546" s="2">
        <v>0</v>
      </c>
      <c r="L42546" t="s">
        <v>120</v>
      </c>
      <c r="M42546" t="s">
        <v>83</v>
      </c>
      <c r="N42546" t="s">
        <v>84</v>
      </c>
      <c r="O42546" t="s">
        <v>85</v>
      </c>
      <c r="P42546" t="s">
        <v>86</v>
      </c>
      <c r="Q42546">
        <v>61</v>
      </c>
      <c r="R42546">
        <v>62</v>
      </c>
      <c r="S42546">
        <v>63</v>
      </c>
      <c r="T42546">
        <v>64</v>
      </c>
      <c r="U42546">
        <v>65</v>
      </c>
      <c r="V42546">
        <v>66</v>
      </c>
      <c r="W42546">
        <v>67</v>
      </c>
      <c r="X42546">
        <v>68</v>
      </c>
      <c r="Y42546">
        <v>69</v>
      </c>
      <c r="Z42546">
        <v>70</v>
      </c>
      <c r="AA42546">
        <v>71</v>
      </c>
      <c r="AB42546">
        <v>72</v>
      </c>
      <c r="AC42546">
        <v>72</v>
      </c>
      <c r="AD42546">
        <v>73</v>
      </c>
      <c r="AE42546">
        <v>74</v>
      </c>
      <c r="AF42546">
        <v>75</v>
      </c>
      <c r="AG42546">
        <v>76</v>
      </c>
      <c r="AH42546">
        <v>77</v>
      </c>
      <c r="AI42546">
        <v>78</v>
      </c>
      <c r="AJ42546">
        <v>78</v>
      </c>
      <c r="AK42546">
        <v>79</v>
      </c>
      <c r="AL42546">
        <v>80</v>
      </c>
      <c r="AM42546">
        <v>80</v>
      </c>
      <c r="AN42546">
        <v>80</v>
      </c>
      <c r="AO42546">
        <v>80</v>
      </c>
      <c r="AP42546">
        <v>80</v>
      </c>
      <c r="AQ42546">
        <v>80</v>
      </c>
    </row>
    <row r="42547" spans="1:43">
      <c r="A42547" t="s">
        <v>26089</v>
      </c>
      <c r="B42547" t="s">
        <v>26090</v>
      </c>
      <c r="C42547" t="s">
        <v>4660</v>
      </c>
      <c r="D42547" t="s">
        <v>4661</v>
      </c>
      <c r="E42547" t="s">
        <v>4592</v>
      </c>
      <c r="F42547" t="s">
        <v>4593</v>
      </c>
      <c r="G42547" t="s">
        <v>80</v>
      </c>
      <c r="H42547" t="s">
        <v>81</v>
      </c>
      <c r="I42547" s="2">
        <v>1</v>
      </c>
      <c r="J42547" s="2">
        <v>0</v>
      </c>
      <c r="K42547" s="2">
        <v>0</v>
      </c>
      <c r="L42547" t="s">
        <v>120</v>
      </c>
      <c r="M42547" t="s">
        <v>87</v>
      </c>
      <c r="N42547" t="s">
        <v>88</v>
      </c>
      <c r="O42547" t="s">
        <v>85</v>
      </c>
      <c r="P42547" t="s">
        <v>86</v>
      </c>
      <c r="Q42547">
        <v>61</v>
      </c>
      <c r="R42547">
        <v>61</v>
      </c>
      <c r="S42547">
        <v>61</v>
      </c>
      <c r="T42547">
        <v>62</v>
      </c>
      <c r="U42547">
        <v>62</v>
      </c>
      <c r="V42547">
        <v>63</v>
      </c>
      <c r="W42547">
        <v>63</v>
      </c>
      <c r="X42547">
        <v>63</v>
      </c>
      <c r="Y42547">
        <v>64</v>
      </c>
      <c r="Z42547">
        <v>64</v>
      </c>
      <c r="AA42547">
        <v>64</v>
      </c>
      <c r="AB42547">
        <v>65</v>
      </c>
      <c r="AC42547">
        <v>65</v>
      </c>
      <c r="AD42547">
        <v>65</v>
      </c>
      <c r="AE42547">
        <v>66</v>
      </c>
      <c r="AF42547">
        <v>66</v>
      </c>
      <c r="AG42547">
        <v>66</v>
      </c>
      <c r="AH42547">
        <v>67</v>
      </c>
      <c r="AI42547">
        <v>67</v>
      </c>
      <c r="AJ42547">
        <v>67</v>
      </c>
      <c r="AK42547">
        <v>68</v>
      </c>
      <c r="AL42547">
        <v>68</v>
      </c>
      <c r="AM42547">
        <v>68</v>
      </c>
      <c r="AN42547">
        <v>68</v>
      </c>
      <c r="AO42547">
        <v>69</v>
      </c>
      <c r="AP42547">
        <v>69</v>
      </c>
      <c r="AQ42547">
        <v>69</v>
      </c>
    </row>
    <row r="42548" spans="1:43">
      <c r="A42548" t="s">
        <v>26089</v>
      </c>
      <c r="B42548" t="s">
        <v>26090</v>
      </c>
      <c r="C42548" t="s">
        <v>4660</v>
      </c>
      <c r="D42548" t="s">
        <v>4661</v>
      </c>
      <c r="E42548" t="s">
        <v>4592</v>
      </c>
      <c r="F42548" t="s">
        <v>4593</v>
      </c>
      <c r="G42548" t="s">
        <v>80</v>
      </c>
      <c r="H42548" t="s">
        <v>81</v>
      </c>
      <c r="I42548" s="2">
        <v>1</v>
      </c>
      <c r="J42548" s="2">
        <v>0</v>
      </c>
      <c r="K42548" s="2">
        <v>0</v>
      </c>
      <c r="L42548" t="s">
        <v>120</v>
      </c>
      <c r="M42548" t="s">
        <v>89</v>
      </c>
      <c r="N42548" t="s">
        <v>90</v>
      </c>
      <c r="O42548" t="s">
        <v>85</v>
      </c>
      <c r="P42548" t="s">
        <v>86</v>
      </c>
      <c r="Q42548">
        <v>61</v>
      </c>
      <c r="R42548">
        <v>62</v>
      </c>
      <c r="S42548">
        <v>64</v>
      </c>
      <c r="T42548">
        <v>65</v>
      </c>
      <c r="U42548">
        <v>67</v>
      </c>
      <c r="V42548">
        <v>68</v>
      </c>
      <c r="W42548">
        <v>69</v>
      </c>
      <c r="X42548">
        <v>71</v>
      </c>
      <c r="Y42548">
        <v>72</v>
      </c>
      <c r="Z42548">
        <v>73</v>
      </c>
      <c r="AA42548">
        <v>74</v>
      </c>
      <c r="AB42548">
        <v>75</v>
      </c>
      <c r="AC42548">
        <v>77</v>
      </c>
      <c r="AD42548">
        <v>78</v>
      </c>
      <c r="AE42548">
        <v>79</v>
      </c>
      <c r="AF42548">
        <v>79</v>
      </c>
      <c r="AG42548">
        <v>79</v>
      </c>
      <c r="AH42548">
        <v>79</v>
      </c>
      <c r="AI42548">
        <v>79</v>
      </c>
      <c r="AJ42548">
        <v>79</v>
      </c>
      <c r="AK42548">
        <v>80</v>
      </c>
      <c r="AL42548">
        <v>80</v>
      </c>
      <c r="AM42548">
        <v>80</v>
      </c>
      <c r="AN42548">
        <v>80</v>
      </c>
      <c r="AO42548">
        <v>80</v>
      </c>
      <c r="AP42548">
        <v>80</v>
      </c>
      <c r="AQ42548">
        <v>80</v>
      </c>
    </row>
    <row r="42549" spans="1:43">
      <c r="A42549" t="s">
        <v>26089</v>
      </c>
      <c r="B42549" t="s">
        <v>26090</v>
      </c>
      <c r="C42549" t="s">
        <v>4660</v>
      </c>
      <c r="D42549" t="s">
        <v>4661</v>
      </c>
      <c r="E42549" t="s">
        <v>4592</v>
      </c>
      <c r="F42549" t="s">
        <v>4593</v>
      </c>
      <c r="G42549" t="s">
        <v>80</v>
      </c>
      <c r="H42549" t="s">
        <v>81</v>
      </c>
      <c r="I42549" s="2">
        <v>1</v>
      </c>
      <c r="J42549" s="2">
        <v>0</v>
      </c>
      <c r="K42549" s="2">
        <v>0</v>
      </c>
      <c r="L42549" t="s">
        <v>120</v>
      </c>
      <c r="M42549" t="s">
        <v>83</v>
      </c>
      <c r="N42549" t="s">
        <v>91</v>
      </c>
      <c r="O42549" t="s">
        <v>85</v>
      </c>
      <c r="P42549" t="s">
        <v>86</v>
      </c>
      <c r="Q42549">
        <v>61</v>
      </c>
      <c r="R42549">
        <v>62</v>
      </c>
      <c r="S42549">
        <v>63</v>
      </c>
      <c r="T42549">
        <v>64</v>
      </c>
      <c r="U42549">
        <v>65</v>
      </c>
      <c r="V42549">
        <v>66</v>
      </c>
      <c r="W42549">
        <v>67</v>
      </c>
      <c r="X42549">
        <v>68</v>
      </c>
      <c r="Y42549">
        <v>69</v>
      </c>
      <c r="Z42549">
        <v>70</v>
      </c>
      <c r="AA42549">
        <v>71</v>
      </c>
      <c r="AB42549">
        <v>72</v>
      </c>
      <c r="AC42549">
        <v>72</v>
      </c>
      <c r="AD42549">
        <v>73</v>
      </c>
      <c r="AE42549">
        <v>74</v>
      </c>
      <c r="AF42549">
        <v>75</v>
      </c>
      <c r="AG42549">
        <v>76</v>
      </c>
      <c r="AH42549">
        <v>77</v>
      </c>
      <c r="AI42549">
        <v>78</v>
      </c>
      <c r="AJ42549">
        <v>78</v>
      </c>
      <c r="AK42549">
        <v>79</v>
      </c>
      <c r="AL42549">
        <v>80</v>
      </c>
      <c r="AM42549">
        <v>80</v>
      </c>
      <c r="AN42549">
        <v>80</v>
      </c>
      <c r="AO42549">
        <v>80</v>
      </c>
      <c r="AP42549">
        <v>80</v>
      </c>
      <c r="AQ42549">
        <v>80</v>
      </c>
    </row>
    <row r="42550" spans="1:43">
      <c r="A42550" t="s">
        <v>26091</v>
      </c>
      <c r="B42550" t="s">
        <v>26092</v>
      </c>
      <c r="C42550" t="s">
        <v>20585</v>
      </c>
      <c r="D42550" t="s">
        <v>20586</v>
      </c>
      <c r="E42550" t="s">
        <v>20437</v>
      </c>
      <c r="F42550" t="s">
        <v>20438</v>
      </c>
      <c r="G42550" t="s">
        <v>20255</v>
      </c>
      <c r="H42550" t="s">
        <v>20256</v>
      </c>
      <c r="I42550" s="2">
        <v>1</v>
      </c>
      <c r="J42550" s="2">
        <v>0</v>
      </c>
      <c r="K42550" s="2">
        <v>0</v>
      </c>
      <c r="L42550" t="s">
        <v>120</v>
      </c>
      <c r="M42550" t="s">
        <v>83</v>
      </c>
      <c r="N42550" t="s">
        <v>84</v>
      </c>
      <c r="O42550" t="s">
        <v>85</v>
      </c>
      <c r="P42550" t="s">
        <v>86</v>
      </c>
      <c r="Q42550">
        <v>7</v>
      </c>
      <c r="R42550">
        <v>7</v>
      </c>
      <c r="S42550">
        <v>7</v>
      </c>
      <c r="T42550">
        <v>8</v>
      </c>
      <c r="U42550">
        <v>8</v>
      </c>
      <c r="V42550">
        <v>8</v>
      </c>
      <c r="W42550">
        <v>8</v>
      </c>
      <c r="X42550">
        <v>8</v>
      </c>
      <c r="Y42550">
        <v>8</v>
      </c>
      <c r="Z42550">
        <v>8</v>
      </c>
      <c r="AA42550">
        <v>9</v>
      </c>
      <c r="AB42550">
        <v>9</v>
      </c>
      <c r="AC42550">
        <v>9</v>
      </c>
      <c r="AD42550">
        <v>9</v>
      </c>
      <c r="AE42550">
        <v>9</v>
      </c>
      <c r="AF42550">
        <v>9</v>
      </c>
      <c r="AG42550">
        <v>9</v>
      </c>
      <c r="AH42550">
        <v>10</v>
      </c>
      <c r="AI42550">
        <v>10</v>
      </c>
      <c r="AJ42550">
        <v>10</v>
      </c>
      <c r="AK42550">
        <v>10</v>
      </c>
      <c r="AL42550">
        <v>10</v>
      </c>
      <c r="AM42550">
        <v>10</v>
      </c>
      <c r="AN42550">
        <v>10</v>
      </c>
      <c r="AO42550">
        <v>10</v>
      </c>
      <c r="AP42550">
        <v>11</v>
      </c>
      <c r="AQ42550">
        <v>11</v>
      </c>
    </row>
    <row r="42551" spans="1:43">
      <c r="A42551" t="s">
        <v>26091</v>
      </c>
      <c r="B42551" t="s">
        <v>26092</v>
      </c>
      <c r="C42551" t="s">
        <v>20585</v>
      </c>
      <c r="D42551" t="s">
        <v>20586</v>
      </c>
      <c r="E42551" t="s">
        <v>20437</v>
      </c>
      <c r="F42551" t="s">
        <v>20438</v>
      </c>
      <c r="G42551" t="s">
        <v>20255</v>
      </c>
      <c r="H42551" t="s">
        <v>20256</v>
      </c>
      <c r="I42551" s="2">
        <v>1</v>
      </c>
      <c r="J42551" s="2">
        <v>0</v>
      </c>
      <c r="K42551" s="2">
        <v>0</v>
      </c>
      <c r="L42551" t="s">
        <v>120</v>
      </c>
      <c r="M42551" t="s">
        <v>87</v>
      </c>
      <c r="N42551" t="s">
        <v>88</v>
      </c>
      <c r="O42551" t="s">
        <v>85</v>
      </c>
      <c r="P42551" t="s">
        <v>86</v>
      </c>
      <c r="Q42551">
        <v>7</v>
      </c>
      <c r="R42551">
        <v>7</v>
      </c>
      <c r="S42551">
        <v>7</v>
      </c>
      <c r="T42551">
        <v>7</v>
      </c>
      <c r="U42551">
        <v>7</v>
      </c>
      <c r="V42551">
        <v>7</v>
      </c>
      <c r="W42551">
        <v>8</v>
      </c>
      <c r="X42551">
        <v>8</v>
      </c>
      <c r="Y42551">
        <v>8</v>
      </c>
      <c r="Z42551">
        <v>8</v>
      </c>
      <c r="AA42551">
        <v>8</v>
      </c>
      <c r="AB42551">
        <v>8</v>
      </c>
      <c r="AC42551">
        <v>8</v>
      </c>
      <c r="AD42551">
        <v>8</v>
      </c>
      <c r="AE42551">
        <v>8</v>
      </c>
      <c r="AF42551">
        <v>8</v>
      </c>
      <c r="AG42551">
        <v>8</v>
      </c>
      <c r="AH42551">
        <v>8</v>
      </c>
      <c r="AI42551">
        <v>9</v>
      </c>
      <c r="AJ42551">
        <v>9</v>
      </c>
      <c r="AK42551">
        <v>9</v>
      </c>
      <c r="AL42551">
        <v>9</v>
      </c>
      <c r="AM42551">
        <v>9</v>
      </c>
      <c r="AN42551">
        <v>9</v>
      </c>
      <c r="AO42551">
        <v>9</v>
      </c>
      <c r="AP42551">
        <v>9</v>
      </c>
      <c r="AQ42551">
        <v>9</v>
      </c>
    </row>
    <row r="42552" spans="1:43">
      <c r="A42552" t="s">
        <v>26091</v>
      </c>
      <c r="B42552" t="s">
        <v>26092</v>
      </c>
      <c r="C42552" t="s">
        <v>20585</v>
      </c>
      <c r="D42552" t="s">
        <v>20586</v>
      </c>
      <c r="E42552" t="s">
        <v>20437</v>
      </c>
      <c r="F42552" t="s">
        <v>20438</v>
      </c>
      <c r="G42552" t="s">
        <v>20255</v>
      </c>
      <c r="H42552" t="s">
        <v>20256</v>
      </c>
      <c r="I42552" s="2">
        <v>1</v>
      </c>
      <c r="J42552" s="2">
        <v>0</v>
      </c>
      <c r="K42552" s="2">
        <v>0</v>
      </c>
      <c r="L42552" t="s">
        <v>120</v>
      </c>
      <c r="M42552" t="s">
        <v>89</v>
      </c>
      <c r="N42552" t="s">
        <v>90</v>
      </c>
      <c r="O42552" t="s">
        <v>85</v>
      </c>
      <c r="P42552" t="s">
        <v>86</v>
      </c>
      <c r="Q42552">
        <v>7</v>
      </c>
      <c r="R42552">
        <v>7</v>
      </c>
      <c r="S42552">
        <v>8</v>
      </c>
      <c r="T42552">
        <v>8</v>
      </c>
      <c r="U42552">
        <v>8</v>
      </c>
      <c r="V42552">
        <v>8</v>
      </c>
      <c r="W42552">
        <v>8</v>
      </c>
      <c r="X42552">
        <v>9</v>
      </c>
      <c r="Y42552">
        <v>9</v>
      </c>
      <c r="Z42552">
        <v>9</v>
      </c>
      <c r="AA42552">
        <v>9</v>
      </c>
      <c r="AB42552">
        <v>9</v>
      </c>
      <c r="AC42552">
        <v>9</v>
      </c>
      <c r="AD42552">
        <v>10</v>
      </c>
      <c r="AE42552">
        <v>10</v>
      </c>
      <c r="AF42552">
        <v>10</v>
      </c>
      <c r="AG42552">
        <v>10</v>
      </c>
      <c r="AH42552">
        <v>10</v>
      </c>
      <c r="AI42552">
        <v>10</v>
      </c>
      <c r="AJ42552">
        <v>10</v>
      </c>
      <c r="AK42552">
        <v>10</v>
      </c>
      <c r="AL42552">
        <v>10</v>
      </c>
      <c r="AM42552">
        <v>10</v>
      </c>
      <c r="AN42552">
        <v>10</v>
      </c>
      <c r="AO42552">
        <v>11</v>
      </c>
      <c r="AP42552">
        <v>11</v>
      </c>
      <c r="AQ42552">
        <v>11</v>
      </c>
    </row>
    <row r="42553" spans="1:43">
      <c r="A42553" t="s">
        <v>26091</v>
      </c>
      <c r="B42553" t="s">
        <v>26092</v>
      </c>
      <c r="C42553" t="s">
        <v>20585</v>
      </c>
      <c r="D42553" t="s">
        <v>20586</v>
      </c>
      <c r="E42553" t="s">
        <v>20437</v>
      </c>
      <c r="F42553" t="s">
        <v>20438</v>
      </c>
      <c r="G42553" t="s">
        <v>20255</v>
      </c>
      <c r="H42553" t="s">
        <v>20256</v>
      </c>
      <c r="I42553" s="2">
        <v>1</v>
      </c>
      <c r="J42553" s="2">
        <v>0</v>
      </c>
      <c r="K42553" s="2">
        <v>0</v>
      </c>
      <c r="L42553" t="s">
        <v>120</v>
      </c>
      <c r="M42553" t="s">
        <v>83</v>
      </c>
      <c r="N42553" t="s">
        <v>91</v>
      </c>
      <c r="O42553" t="s">
        <v>85</v>
      </c>
      <c r="P42553" t="s">
        <v>86</v>
      </c>
      <c r="Q42553">
        <v>7</v>
      </c>
      <c r="R42553">
        <v>7</v>
      </c>
      <c r="S42553">
        <v>7</v>
      </c>
      <c r="T42553">
        <v>8</v>
      </c>
      <c r="U42553">
        <v>8</v>
      </c>
      <c r="V42553">
        <v>8</v>
      </c>
      <c r="W42553">
        <v>8</v>
      </c>
      <c r="X42553">
        <v>8</v>
      </c>
      <c r="Y42553">
        <v>8</v>
      </c>
      <c r="Z42553">
        <v>8</v>
      </c>
      <c r="AA42553">
        <v>9</v>
      </c>
      <c r="AB42553">
        <v>9</v>
      </c>
      <c r="AC42553">
        <v>9</v>
      </c>
      <c r="AD42553">
        <v>9</v>
      </c>
      <c r="AE42553">
        <v>9</v>
      </c>
      <c r="AF42553">
        <v>9</v>
      </c>
      <c r="AG42553">
        <v>9</v>
      </c>
      <c r="AH42553">
        <v>10</v>
      </c>
      <c r="AI42553">
        <v>10</v>
      </c>
      <c r="AJ42553">
        <v>10</v>
      </c>
      <c r="AK42553">
        <v>10</v>
      </c>
      <c r="AL42553">
        <v>10</v>
      </c>
      <c r="AM42553">
        <v>10</v>
      </c>
      <c r="AN42553">
        <v>10</v>
      </c>
      <c r="AO42553">
        <v>10</v>
      </c>
      <c r="AP42553">
        <v>11</v>
      </c>
      <c r="AQ42553">
        <v>11</v>
      </c>
    </row>
    <row r="42554" spans="1:43">
      <c r="A42554" t="s">
        <v>26093</v>
      </c>
      <c r="B42554" t="s">
        <v>26094</v>
      </c>
      <c r="C42554" t="s">
        <v>20585</v>
      </c>
      <c r="D42554" t="s">
        <v>20586</v>
      </c>
      <c r="E42554" t="s">
        <v>20437</v>
      </c>
      <c r="F42554" t="s">
        <v>20438</v>
      </c>
      <c r="G42554" t="s">
        <v>20255</v>
      </c>
      <c r="H42554" t="s">
        <v>20256</v>
      </c>
      <c r="I42554" s="2">
        <v>1</v>
      </c>
      <c r="J42554" s="2">
        <v>0</v>
      </c>
      <c r="K42554" s="2">
        <v>0</v>
      </c>
      <c r="L42554" t="s">
        <v>120</v>
      </c>
      <c r="M42554" t="s">
        <v>83</v>
      </c>
      <c r="N42554" t="s">
        <v>84</v>
      </c>
      <c r="O42554" t="s">
        <v>85</v>
      </c>
      <c r="P42554" t="s">
        <v>86</v>
      </c>
      <c r="Q42554">
        <v>11</v>
      </c>
      <c r="R42554">
        <v>11</v>
      </c>
      <c r="S42554">
        <v>11</v>
      </c>
      <c r="T42554">
        <v>12</v>
      </c>
      <c r="U42554">
        <v>12</v>
      </c>
      <c r="V42554">
        <v>12</v>
      </c>
      <c r="W42554">
        <v>12</v>
      </c>
      <c r="X42554">
        <v>12</v>
      </c>
      <c r="Y42554">
        <v>13</v>
      </c>
      <c r="Z42554">
        <v>13</v>
      </c>
      <c r="AA42554">
        <v>13</v>
      </c>
      <c r="AB42554">
        <v>13</v>
      </c>
      <c r="AC42554">
        <v>14</v>
      </c>
      <c r="AD42554">
        <v>14</v>
      </c>
      <c r="AE42554">
        <v>14</v>
      </c>
      <c r="AF42554">
        <v>14</v>
      </c>
      <c r="AG42554">
        <v>14</v>
      </c>
      <c r="AH42554">
        <v>15</v>
      </c>
      <c r="AI42554">
        <v>15</v>
      </c>
      <c r="AJ42554">
        <v>15</v>
      </c>
      <c r="AK42554">
        <v>15</v>
      </c>
      <c r="AL42554">
        <v>16</v>
      </c>
      <c r="AM42554">
        <v>16</v>
      </c>
      <c r="AN42554">
        <v>16</v>
      </c>
      <c r="AO42554">
        <v>16</v>
      </c>
      <c r="AP42554">
        <v>16</v>
      </c>
      <c r="AQ42554">
        <v>16</v>
      </c>
    </row>
    <row r="42555" spans="1:43">
      <c r="A42555" t="s">
        <v>26093</v>
      </c>
      <c r="B42555" t="s">
        <v>26094</v>
      </c>
      <c r="C42555" t="s">
        <v>20585</v>
      </c>
      <c r="D42555" t="s">
        <v>20586</v>
      </c>
      <c r="E42555" t="s">
        <v>20437</v>
      </c>
      <c r="F42555" t="s">
        <v>20438</v>
      </c>
      <c r="G42555" t="s">
        <v>20255</v>
      </c>
      <c r="H42555" t="s">
        <v>20256</v>
      </c>
      <c r="I42555" s="2">
        <v>1</v>
      </c>
      <c r="J42555" s="2">
        <v>0</v>
      </c>
      <c r="K42555" s="2">
        <v>0</v>
      </c>
      <c r="L42555" t="s">
        <v>120</v>
      </c>
      <c r="M42555" t="s">
        <v>87</v>
      </c>
      <c r="N42555" t="s">
        <v>88</v>
      </c>
      <c r="O42555" t="s">
        <v>85</v>
      </c>
      <c r="P42555" t="s">
        <v>86</v>
      </c>
      <c r="Q42555">
        <v>11</v>
      </c>
      <c r="R42555">
        <v>11</v>
      </c>
      <c r="S42555">
        <v>11</v>
      </c>
      <c r="T42555">
        <v>11</v>
      </c>
      <c r="U42555">
        <v>11</v>
      </c>
      <c r="V42555">
        <v>11</v>
      </c>
      <c r="W42555">
        <v>11</v>
      </c>
      <c r="X42555">
        <v>12</v>
      </c>
      <c r="Y42555">
        <v>12</v>
      </c>
      <c r="Z42555">
        <v>12</v>
      </c>
      <c r="AA42555">
        <v>12</v>
      </c>
      <c r="AB42555">
        <v>12</v>
      </c>
      <c r="AC42555">
        <v>12</v>
      </c>
      <c r="AD42555">
        <v>12</v>
      </c>
      <c r="AE42555">
        <v>12</v>
      </c>
      <c r="AF42555">
        <v>13</v>
      </c>
      <c r="AG42555">
        <v>13</v>
      </c>
      <c r="AH42555">
        <v>13</v>
      </c>
      <c r="AI42555">
        <v>13</v>
      </c>
      <c r="AJ42555">
        <v>13</v>
      </c>
      <c r="AK42555">
        <v>13</v>
      </c>
      <c r="AL42555">
        <v>13</v>
      </c>
      <c r="AM42555">
        <v>14</v>
      </c>
      <c r="AN42555">
        <v>14</v>
      </c>
      <c r="AO42555">
        <v>14</v>
      </c>
      <c r="AP42555">
        <v>14</v>
      </c>
      <c r="AQ42555">
        <v>14</v>
      </c>
    </row>
    <row r="42556" spans="1:43">
      <c r="A42556" t="s">
        <v>26093</v>
      </c>
      <c r="B42556" t="s">
        <v>26094</v>
      </c>
      <c r="C42556" t="s">
        <v>20585</v>
      </c>
      <c r="D42556" t="s">
        <v>20586</v>
      </c>
      <c r="E42556" t="s">
        <v>20437</v>
      </c>
      <c r="F42556" t="s">
        <v>20438</v>
      </c>
      <c r="G42556" t="s">
        <v>20255</v>
      </c>
      <c r="H42556" t="s">
        <v>20256</v>
      </c>
      <c r="I42556" s="2">
        <v>1</v>
      </c>
      <c r="J42556" s="2">
        <v>0</v>
      </c>
      <c r="K42556" s="2">
        <v>0</v>
      </c>
      <c r="L42556" t="s">
        <v>120</v>
      </c>
      <c r="M42556" t="s">
        <v>89</v>
      </c>
      <c r="N42556" t="s">
        <v>90</v>
      </c>
      <c r="O42556" t="s">
        <v>85</v>
      </c>
      <c r="P42556" t="s">
        <v>86</v>
      </c>
      <c r="Q42556">
        <v>11</v>
      </c>
      <c r="R42556">
        <v>11</v>
      </c>
      <c r="S42556">
        <v>12</v>
      </c>
      <c r="T42556">
        <v>12</v>
      </c>
      <c r="U42556">
        <v>12</v>
      </c>
      <c r="V42556">
        <v>13</v>
      </c>
      <c r="W42556">
        <v>13</v>
      </c>
      <c r="X42556">
        <v>13</v>
      </c>
      <c r="Y42556">
        <v>13</v>
      </c>
      <c r="Z42556">
        <v>14</v>
      </c>
      <c r="AA42556">
        <v>14</v>
      </c>
      <c r="AB42556">
        <v>14</v>
      </c>
      <c r="AC42556">
        <v>14</v>
      </c>
      <c r="AD42556">
        <v>15</v>
      </c>
      <c r="AE42556">
        <v>15</v>
      </c>
      <c r="AF42556">
        <v>15</v>
      </c>
      <c r="AG42556">
        <v>15</v>
      </c>
      <c r="AH42556">
        <v>15</v>
      </c>
      <c r="AI42556">
        <v>15</v>
      </c>
      <c r="AJ42556">
        <v>16</v>
      </c>
      <c r="AK42556">
        <v>16</v>
      </c>
      <c r="AL42556">
        <v>16</v>
      </c>
      <c r="AM42556">
        <v>16</v>
      </c>
      <c r="AN42556">
        <v>16</v>
      </c>
      <c r="AO42556">
        <v>16</v>
      </c>
      <c r="AP42556">
        <v>16</v>
      </c>
      <c r="AQ42556">
        <v>16</v>
      </c>
    </row>
    <row r="42557" spans="1:43">
      <c r="A42557" t="s">
        <v>26093</v>
      </c>
      <c r="B42557" t="s">
        <v>26094</v>
      </c>
      <c r="C42557" t="s">
        <v>20585</v>
      </c>
      <c r="D42557" t="s">
        <v>20586</v>
      </c>
      <c r="E42557" t="s">
        <v>20437</v>
      </c>
      <c r="F42557" t="s">
        <v>20438</v>
      </c>
      <c r="G42557" t="s">
        <v>20255</v>
      </c>
      <c r="H42557" t="s">
        <v>20256</v>
      </c>
      <c r="I42557" s="2">
        <v>1</v>
      </c>
      <c r="J42557" s="2">
        <v>0</v>
      </c>
      <c r="K42557" s="2">
        <v>0</v>
      </c>
      <c r="L42557" t="s">
        <v>120</v>
      </c>
      <c r="M42557" t="s">
        <v>83</v>
      </c>
      <c r="N42557" t="s">
        <v>91</v>
      </c>
      <c r="O42557" t="s">
        <v>85</v>
      </c>
      <c r="P42557" t="s">
        <v>86</v>
      </c>
      <c r="Q42557">
        <v>11</v>
      </c>
      <c r="R42557">
        <v>11</v>
      </c>
      <c r="S42557">
        <v>11</v>
      </c>
      <c r="T42557">
        <v>12</v>
      </c>
      <c r="U42557">
        <v>12</v>
      </c>
      <c r="V42557">
        <v>12</v>
      </c>
      <c r="W42557">
        <v>12</v>
      </c>
      <c r="X42557">
        <v>12</v>
      </c>
      <c r="Y42557">
        <v>13</v>
      </c>
      <c r="Z42557">
        <v>13</v>
      </c>
      <c r="AA42557">
        <v>13</v>
      </c>
      <c r="AB42557">
        <v>13</v>
      </c>
      <c r="AC42557">
        <v>14</v>
      </c>
      <c r="AD42557">
        <v>14</v>
      </c>
      <c r="AE42557">
        <v>14</v>
      </c>
      <c r="AF42557">
        <v>14</v>
      </c>
      <c r="AG42557">
        <v>14</v>
      </c>
      <c r="AH42557">
        <v>15</v>
      </c>
      <c r="AI42557">
        <v>15</v>
      </c>
      <c r="AJ42557">
        <v>15</v>
      </c>
      <c r="AK42557">
        <v>15</v>
      </c>
      <c r="AL42557">
        <v>16</v>
      </c>
      <c r="AM42557">
        <v>16</v>
      </c>
      <c r="AN42557">
        <v>16</v>
      </c>
      <c r="AO42557">
        <v>16</v>
      </c>
      <c r="AP42557">
        <v>16</v>
      </c>
      <c r="AQ42557">
        <v>16</v>
      </c>
    </row>
    <row r="42558" spans="1:43">
      <c r="A42558" t="s">
        <v>26095</v>
      </c>
      <c r="B42558" t="s">
        <v>26096</v>
      </c>
      <c r="C42558" t="s">
        <v>20651</v>
      </c>
      <c r="D42558" t="s">
        <v>20652</v>
      </c>
      <c r="E42558" t="s">
        <v>20641</v>
      </c>
      <c r="F42558" t="s">
        <v>20642</v>
      </c>
      <c r="G42558" t="s">
        <v>20255</v>
      </c>
      <c r="H42558" t="s">
        <v>20256</v>
      </c>
      <c r="I42558" s="2">
        <v>1</v>
      </c>
      <c r="J42558" s="2">
        <v>0</v>
      </c>
      <c r="K42558" s="2">
        <v>0</v>
      </c>
      <c r="L42558" t="s">
        <v>120</v>
      </c>
      <c r="M42558" t="s">
        <v>83</v>
      </c>
      <c r="N42558" t="s">
        <v>84</v>
      </c>
      <c r="O42558" t="s">
        <v>85</v>
      </c>
      <c r="P42558" t="s">
        <v>86</v>
      </c>
      <c r="Q42558">
        <v>20</v>
      </c>
      <c r="R42558">
        <v>21</v>
      </c>
      <c r="S42558">
        <v>21</v>
      </c>
      <c r="T42558">
        <v>21</v>
      </c>
      <c r="U42558">
        <v>22</v>
      </c>
      <c r="V42558">
        <v>22</v>
      </c>
      <c r="W42558">
        <v>22</v>
      </c>
      <c r="X42558">
        <v>23</v>
      </c>
      <c r="Y42558">
        <v>23</v>
      </c>
      <c r="Z42558">
        <v>24</v>
      </c>
      <c r="AA42558">
        <v>24</v>
      </c>
      <c r="AB42558">
        <v>24</v>
      </c>
      <c r="AC42558">
        <v>25</v>
      </c>
      <c r="AD42558">
        <v>25</v>
      </c>
      <c r="AE42558">
        <v>26</v>
      </c>
      <c r="AF42558">
        <v>26</v>
      </c>
      <c r="AG42558">
        <v>26</v>
      </c>
      <c r="AH42558">
        <v>27</v>
      </c>
      <c r="AI42558">
        <v>27</v>
      </c>
      <c r="AJ42558">
        <v>28</v>
      </c>
      <c r="AK42558">
        <v>28</v>
      </c>
      <c r="AL42558">
        <v>28</v>
      </c>
      <c r="AM42558">
        <v>29</v>
      </c>
      <c r="AN42558">
        <v>29</v>
      </c>
      <c r="AO42558">
        <v>29</v>
      </c>
      <c r="AP42558">
        <v>29</v>
      </c>
      <c r="AQ42558">
        <v>29</v>
      </c>
    </row>
    <row r="42559" spans="1:43">
      <c r="A42559" t="s">
        <v>26095</v>
      </c>
      <c r="B42559" t="s">
        <v>26096</v>
      </c>
      <c r="C42559" t="s">
        <v>20651</v>
      </c>
      <c r="D42559" t="s">
        <v>20652</v>
      </c>
      <c r="E42559" t="s">
        <v>20641</v>
      </c>
      <c r="F42559" t="s">
        <v>20642</v>
      </c>
      <c r="G42559" t="s">
        <v>20255</v>
      </c>
      <c r="H42559" t="s">
        <v>20256</v>
      </c>
      <c r="I42559" s="2">
        <v>1</v>
      </c>
      <c r="J42559" s="2">
        <v>0</v>
      </c>
      <c r="K42559" s="2">
        <v>0</v>
      </c>
      <c r="L42559" t="s">
        <v>120</v>
      </c>
      <c r="M42559" t="s">
        <v>87</v>
      </c>
      <c r="N42559" t="s">
        <v>88</v>
      </c>
      <c r="O42559" t="s">
        <v>85</v>
      </c>
      <c r="P42559" t="s">
        <v>86</v>
      </c>
      <c r="Q42559">
        <v>20</v>
      </c>
      <c r="R42559">
        <v>20</v>
      </c>
      <c r="S42559">
        <v>20</v>
      </c>
      <c r="T42559">
        <v>21</v>
      </c>
      <c r="U42559">
        <v>21</v>
      </c>
      <c r="V42559">
        <v>21</v>
      </c>
      <c r="W42559">
        <v>21</v>
      </c>
      <c r="X42559">
        <v>21</v>
      </c>
      <c r="Y42559">
        <v>21</v>
      </c>
      <c r="Z42559">
        <v>22</v>
      </c>
      <c r="AA42559">
        <v>22</v>
      </c>
      <c r="AB42559">
        <v>22</v>
      </c>
      <c r="AC42559">
        <v>22</v>
      </c>
      <c r="AD42559">
        <v>22</v>
      </c>
      <c r="AE42559">
        <v>23</v>
      </c>
      <c r="AF42559">
        <v>23</v>
      </c>
      <c r="AG42559">
        <v>23</v>
      </c>
      <c r="AH42559">
        <v>23</v>
      </c>
      <c r="AI42559">
        <v>24</v>
      </c>
      <c r="AJ42559">
        <v>24</v>
      </c>
      <c r="AK42559">
        <v>24</v>
      </c>
      <c r="AL42559">
        <v>24</v>
      </c>
      <c r="AM42559">
        <v>25</v>
      </c>
      <c r="AN42559">
        <v>25</v>
      </c>
      <c r="AO42559">
        <v>25</v>
      </c>
      <c r="AP42559">
        <v>25</v>
      </c>
      <c r="AQ42559">
        <v>26</v>
      </c>
    </row>
    <row r="42560" spans="1:43">
      <c r="A42560" t="s">
        <v>26095</v>
      </c>
      <c r="B42560" t="s">
        <v>26096</v>
      </c>
      <c r="C42560" t="s">
        <v>20651</v>
      </c>
      <c r="D42560" t="s">
        <v>20652</v>
      </c>
      <c r="E42560" t="s">
        <v>20641</v>
      </c>
      <c r="F42560" t="s">
        <v>20642</v>
      </c>
      <c r="G42560" t="s">
        <v>20255</v>
      </c>
      <c r="H42560" t="s">
        <v>20256</v>
      </c>
      <c r="I42560" s="2">
        <v>1</v>
      </c>
      <c r="J42560" s="2">
        <v>0</v>
      </c>
      <c r="K42560" s="2">
        <v>0</v>
      </c>
      <c r="L42560" t="s">
        <v>120</v>
      </c>
      <c r="M42560" t="s">
        <v>89</v>
      </c>
      <c r="N42560" t="s">
        <v>90</v>
      </c>
      <c r="O42560" t="s">
        <v>85</v>
      </c>
      <c r="P42560" t="s">
        <v>86</v>
      </c>
      <c r="Q42560">
        <v>20</v>
      </c>
      <c r="R42560">
        <v>21</v>
      </c>
      <c r="S42560">
        <v>21</v>
      </c>
      <c r="T42560">
        <v>22</v>
      </c>
      <c r="U42560">
        <v>23</v>
      </c>
      <c r="V42560">
        <v>23</v>
      </c>
      <c r="W42560">
        <v>24</v>
      </c>
      <c r="X42560">
        <v>24</v>
      </c>
      <c r="Y42560">
        <v>24</v>
      </c>
      <c r="Z42560">
        <v>25</v>
      </c>
      <c r="AA42560">
        <v>25</v>
      </c>
      <c r="AB42560">
        <v>26</v>
      </c>
      <c r="AC42560">
        <v>26</v>
      </c>
      <c r="AD42560">
        <v>27</v>
      </c>
      <c r="AE42560">
        <v>27</v>
      </c>
      <c r="AF42560">
        <v>27</v>
      </c>
      <c r="AG42560">
        <v>28</v>
      </c>
      <c r="AH42560">
        <v>28</v>
      </c>
      <c r="AI42560">
        <v>28</v>
      </c>
      <c r="AJ42560">
        <v>28</v>
      </c>
      <c r="AK42560">
        <v>28</v>
      </c>
      <c r="AL42560">
        <v>29</v>
      </c>
      <c r="AM42560">
        <v>29</v>
      </c>
      <c r="AN42560">
        <v>29</v>
      </c>
      <c r="AO42560">
        <v>29</v>
      </c>
      <c r="AP42560">
        <v>29</v>
      </c>
      <c r="AQ42560">
        <v>30</v>
      </c>
    </row>
    <row r="42561" spans="1:43">
      <c r="A42561" t="s">
        <v>26095</v>
      </c>
      <c r="B42561" t="s">
        <v>26096</v>
      </c>
      <c r="C42561" t="s">
        <v>20651</v>
      </c>
      <c r="D42561" t="s">
        <v>20652</v>
      </c>
      <c r="E42561" t="s">
        <v>20641</v>
      </c>
      <c r="F42561" t="s">
        <v>20642</v>
      </c>
      <c r="G42561" t="s">
        <v>20255</v>
      </c>
      <c r="H42561" t="s">
        <v>20256</v>
      </c>
      <c r="I42561" s="2">
        <v>1</v>
      </c>
      <c r="J42561" s="2">
        <v>0</v>
      </c>
      <c r="K42561" s="2">
        <v>0</v>
      </c>
      <c r="L42561" t="s">
        <v>120</v>
      </c>
      <c r="M42561" t="s">
        <v>83</v>
      </c>
      <c r="N42561" t="s">
        <v>91</v>
      </c>
      <c r="O42561" t="s">
        <v>85</v>
      </c>
      <c r="P42561" t="s">
        <v>86</v>
      </c>
      <c r="Q42561">
        <v>20</v>
      </c>
      <c r="R42561">
        <v>21</v>
      </c>
      <c r="S42561">
        <v>21</v>
      </c>
      <c r="T42561">
        <v>21</v>
      </c>
      <c r="U42561">
        <v>22</v>
      </c>
      <c r="V42561">
        <v>22</v>
      </c>
      <c r="W42561">
        <v>22</v>
      </c>
      <c r="X42561">
        <v>23</v>
      </c>
      <c r="Y42561">
        <v>23</v>
      </c>
      <c r="Z42561">
        <v>24</v>
      </c>
      <c r="AA42561">
        <v>24</v>
      </c>
      <c r="AB42561">
        <v>24</v>
      </c>
      <c r="AC42561">
        <v>25</v>
      </c>
      <c r="AD42561">
        <v>25</v>
      </c>
      <c r="AE42561">
        <v>26</v>
      </c>
      <c r="AF42561">
        <v>26</v>
      </c>
      <c r="AG42561">
        <v>26</v>
      </c>
      <c r="AH42561">
        <v>27</v>
      </c>
      <c r="AI42561">
        <v>27</v>
      </c>
      <c r="AJ42561">
        <v>28</v>
      </c>
      <c r="AK42561">
        <v>28</v>
      </c>
      <c r="AL42561">
        <v>28</v>
      </c>
      <c r="AM42561">
        <v>29</v>
      </c>
      <c r="AN42561">
        <v>29</v>
      </c>
      <c r="AO42561">
        <v>29</v>
      </c>
      <c r="AP42561">
        <v>29</v>
      </c>
      <c r="AQ42561">
        <v>29</v>
      </c>
    </row>
    <row r="42562" spans="1:43">
      <c r="A42562" t="s">
        <v>26097</v>
      </c>
      <c r="B42562" t="s">
        <v>26098</v>
      </c>
      <c r="C42562" t="s">
        <v>20927</v>
      </c>
      <c r="D42562" t="s">
        <v>20928</v>
      </c>
      <c r="E42562" t="s">
        <v>20787</v>
      </c>
      <c r="F42562" t="s">
        <v>20788</v>
      </c>
      <c r="G42562" t="s">
        <v>20255</v>
      </c>
      <c r="H42562" t="s">
        <v>20256</v>
      </c>
      <c r="I42562" s="2">
        <v>1</v>
      </c>
      <c r="J42562" s="2">
        <v>0</v>
      </c>
      <c r="K42562" s="2">
        <v>0</v>
      </c>
      <c r="L42562" t="s">
        <v>120</v>
      </c>
      <c r="M42562" t="s">
        <v>83</v>
      </c>
      <c r="N42562" t="s">
        <v>84</v>
      </c>
      <c r="O42562" t="s">
        <v>85</v>
      </c>
      <c r="P42562" t="s">
        <v>86</v>
      </c>
      <c r="Q42562">
        <v>112</v>
      </c>
      <c r="R42562">
        <v>115</v>
      </c>
      <c r="S42562">
        <v>117</v>
      </c>
      <c r="T42562">
        <v>120</v>
      </c>
      <c r="U42562">
        <v>123</v>
      </c>
      <c r="V42562">
        <v>126</v>
      </c>
      <c r="W42562">
        <v>128</v>
      </c>
      <c r="X42562">
        <v>131</v>
      </c>
      <c r="Y42562">
        <v>134</v>
      </c>
      <c r="Z42562">
        <v>137</v>
      </c>
      <c r="AA42562">
        <v>140</v>
      </c>
      <c r="AB42562">
        <v>142</v>
      </c>
      <c r="AC42562">
        <v>145</v>
      </c>
      <c r="AD42562">
        <v>148</v>
      </c>
      <c r="AE42562">
        <v>151</v>
      </c>
      <c r="AF42562">
        <v>155</v>
      </c>
      <c r="AG42562">
        <v>158</v>
      </c>
      <c r="AH42562">
        <v>161</v>
      </c>
      <c r="AI42562">
        <v>164</v>
      </c>
      <c r="AJ42562">
        <v>168</v>
      </c>
      <c r="AK42562">
        <v>171</v>
      </c>
      <c r="AL42562">
        <v>174</v>
      </c>
      <c r="AM42562">
        <v>176</v>
      </c>
      <c r="AN42562">
        <v>178</v>
      </c>
      <c r="AO42562">
        <v>180</v>
      </c>
      <c r="AP42562">
        <v>182</v>
      </c>
      <c r="AQ42562">
        <v>185</v>
      </c>
    </row>
    <row r="42563" spans="1:43">
      <c r="A42563" t="s">
        <v>26097</v>
      </c>
      <c r="B42563" t="s">
        <v>26098</v>
      </c>
      <c r="C42563" t="s">
        <v>20927</v>
      </c>
      <c r="D42563" t="s">
        <v>20928</v>
      </c>
      <c r="E42563" t="s">
        <v>20787</v>
      </c>
      <c r="F42563" t="s">
        <v>20788</v>
      </c>
      <c r="G42563" t="s">
        <v>20255</v>
      </c>
      <c r="H42563" t="s">
        <v>20256</v>
      </c>
      <c r="I42563" s="2">
        <v>1</v>
      </c>
      <c r="J42563" s="2">
        <v>0</v>
      </c>
      <c r="K42563" s="2">
        <v>0</v>
      </c>
      <c r="L42563" t="s">
        <v>120</v>
      </c>
      <c r="M42563" t="s">
        <v>87</v>
      </c>
      <c r="N42563" t="s">
        <v>88</v>
      </c>
      <c r="O42563" t="s">
        <v>85</v>
      </c>
      <c r="P42563" t="s">
        <v>86</v>
      </c>
      <c r="Q42563">
        <v>112</v>
      </c>
      <c r="R42563">
        <v>114</v>
      </c>
      <c r="S42563">
        <v>115</v>
      </c>
      <c r="T42563">
        <v>117</v>
      </c>
      <c r="U42563">
        <v>118</v>
      </c>
      <c r="V42563">
        <v>120</v>
      </c>
      <c r="W42563">
        <v>122</v>
      </c>
      <c r="X42563">
        <v>123</v>
      </c>
      <c r="Y42563">
        <v>125</v>
      </c>
      <c r="Z42563">
        <v>127</v>
      </c>
      <c r="AA42563">
        <v>128</v>
      </c>
      <c r="AB42563">
        <v>130</v>
      </c>
      <c r="AC42563">
        <v>132</v>
      </c>
      <c r="AD42563">
        <v>134</v>
      </c>
      <c r="AE42563">
        <v>135</v>
      </c>
      <c r="AF42563">
        <v>137</v>
      </c>
      <c r="AG42563">
        <v>139</v>
      </c>
      <c r="AH42563">
        <v>141</v>
      </c>
      <c r="AI42563">
        <v>143</v>
      </c>
      <c r="AJ42563">
        <v>145</v>
      </c>
      <c r="AK42563">
        <v>147</v>
      </c>
      <c r="AL42563">
        <v>149</v>
      </c>
      <c r="AM42563">
        <v>151</v>
      </c>
      <c r="AN42563">
        <v>154</v>
      </c>
      <c r="AO42563">
        <v>156</v>
      </c>
      <c r="AP42563">
        <v>158</v>
      </c>
      <c r="AQ42563">
        <v>160</v>
      </c>
    </row>
    <row r="42564" spans="1:43">
      <c r="A42564" t="s">
        <v>26097</v>
      </c>
      <c r="B42564" t="s">
        <v>26098</v>
      </c>
      <c r="C42564" t="s">
        <v>20927</v>
      </c>
      <c r="D42564" t="s">
        <v>20928</v>
      </c>
      <c r="E42564" t="s">
        <v>20787</v>
      </c>
      <c r="F42564" t="s">
        <v>20788</v>
      </c>
      <c r="G42564" t="s">
        <v>20255</v>
      </c>
      <c r="H42564" t="s">
        <v>20256</v>
      </c>
      <c r="I42564" s="2">
        <v>1</v>
      </c>
      <c r="J42564" s="2">
        <v>0</v>
      </c>
      <c r="K42564" s="2">
        <v>0</v>
      </c>
      <c r="L42564" t="s">
        <v>120</v>
      </c>
      <c r="M42564" t="s">
        <v>89</v>
      </c>
      <c r="N42564" t="s">
        <v>90</v>
      </c>
      <c r="O42564" t="s">
        <v>85</v>
      </c>
      <c r="P42564" t="s">
        <v>86</v>
      </c>
      <c r="Q42564">
        <v>112</v>
      </c>
      <c r="R42564">
        <v>116</v>
      </c>
      <c r="S42564">
        <v>119</v>
      </c>
      <c r="T42564">
        <v>123</v>
      </c>
      <c r="U42564">
        <v>127</v>
      </c>
      <c r="V42564">
        <v>130</v>
      </c>
      <c r="W42564">
        <v>134</v>
      </c>
      <c r="X42564">
        <v>137</v>
      </c>
      <c r="Y42564">
        <v>141</v>
      </c>
      <c r="Z42564">
        <v>144</v>
      </c>
      <c r="AA42564">
        <v>148</v>
      </c>
      <c r="AB42564">
        <v>151</v>
      </c>
      <c r="AC42564">
        <v>155</v>
      </c>
      <c r="AD42564">
        <v>158</v>
      </c>
      <c r="AE42564">
        <v>161</v>
      </c>
      <c r="AF42564">
        <v>163</v>
      </c>
      <c r="AG42564">
        <v>165</v>
      </c>
      <c r="AH42564">
        <v>167</v>
      </c>
      <c r="AI42564">
        <v>170</v>
      </c>
      <c r="AJ42564">
        <v>172</v>
      </c>
      <c r="AK42564">
        <v>174</v>
      </c>
      <c r="AL42564">
        <v>176</v>
      </c>
      <c r="AM42564">
        <v>178</v>
      </c>
      <c r="AN42564">
        <v>180</v>
      </c>
      <c r="AO42564">
        <v>182</v>
      </c>
      <c r="AP42564">
        <v>185</v>
      </c>
      <c r="AQ42564">
        <v>187</v>
      </c>
    </row>
    <row r="42565" spans="1:43">
      <c r="A42565" t="s">
        <v>26097</v>
      </c>
      <c r="B42565" t="s">
        <v>26098</v>
      </c>
      <c r="C42565" t="s">
        <v>20927</v>
      </c>
      <c r="D42565" t="s">
        <v>20928</v>
      </c>
      <c r="E42565" t="s">
        <v>20787</v>
      </c>
      <c r="F42565" t="s">
        <v>20788</v>
      </c>
      <c r="G42565" t="s">
        <v>20255</v>
      </c>
      <c r="H42565" t="s">
        <v>20256</v>
      </c>
      <c r="I42565" s="2">
        <v>1</v>
      </c>
      <c r="J42565" s="2">
        <v>0</v>
      </c>
      <c r="K42565" s="2">
        <v>0</v>
      </c>
      <c r="L42565" t="s">
        <v>120</v>
      </c>
      <c r="M42565" t="s">
        <v>83</v>
      </c>
      <c r="N42565" t="s">
        <v>91</v>
      </c>
      <c r="O42565" t="s">
        <v>85</v>
      </c>
      <c r="P42565" t="s">
        <v>86</v>
      </c>
      <c r="Q42565">
        <v>112</v>
      </c>
      <c r="R42565">
        <v>115</v>
      </c>
      <c r="S42565">
        <v>117</v>
      </c>
      <c r="T42565">
        <v>120</v>
      </c>
      <c r="U42565">
        <v>123</v>
      </c>
      <c r="V42565">
        <v>126</v>
      </c>
      <c r="W42565">
        <v>128</v>
      </c>
      <c r="X42565">
        <v>131</v>
      </c>
      <c r="Y42565">
        <v>134</v>
      </c>
      <c r="Z42565">
        <v>137</v>
      </c>
      <c r="AA42565">
        <v>140</v>
      </c>
      <c r="AB42565">
        <v>142</v>
      </c>
      <c r="AC42565">
        <v>145</v>
      </c>
      <c r="AD42565">
        <v>148</v>
      </c>
      <c r="AE42565">
        <v>151</v>
      </c>
      <c r="AF42565">
        <v>155</v>
      </c>
      <c r="AG42565">
        <v>158</v>
      </c>
      <c r="AH42565">
        <v>161</v>
      </c>
      <c r="AI42565">
        <v>164</v>
      </c>
      <c r="AJ42565">
        <v>168</v>
      </c>
      <c r="AK42565">
        <v>171</v>
      </c>
      <c r="AL42565">
        <v>174</v>
      </c>
      <c r="AM42565">
        <v>176</v>
      </c>
      <c r="AN42565">
        <v>178</v>
      </c>
      <c r="AO42565">
        <v>180</v>
      </c>
      <c r="AP42565">
        <v>182</v>
      </c>
      <c r="AQ42565">
        <v>185</v>
      </c>
    </row>
    <row r="42566" spans="1:43">
      <c r="A42566" t="s">
        <v>26099</v>
      </c>
      <c r="B42566" t="s">
        <v>26100</v>
      </c>
      <c r="C42566" t="s">
        <v>20927</v>
      </c>
      <c r="D42566" t="s">
        <v>20928</v>
      </c>
      <c r="E42566" t="s">
        <v>20787</v>
      </c>
      <c r="F42566" t="s">
        <v>20788</v>
      </c>
      <c r="G42566" t="s">
        <v>20255</v>
      </c>
      <c r="H42566" t="s">
        <v>20256</v>
      </c>
      <c r="I42566" s="2">
        <v>1</v>
      </c>
      <c r="J42566" s="2">
        <v>0</v>
      </c>
      <c r="K42566" s="2">
        <v>0</v>
      </c>
      <c r="L42566" t="s">
        <v>120</v>
      </c>
      <c r="M42566" t="s">
        <v>83</v>
      </c>
      <c r="N42566" t="s">
        <v>84</v>
      </c>
      <c r="O42566" t="s">
        <v>85</v>
      </c>
      <c r="P42566" t="s">
        <v>86</v>
      </c>
      <c r="Q42566">
        <v>75</v>
      </c>
      <c r="R42566">
        <v>77</v>
      </c>
      <c r="S42566">
        <v>79</v>
      </c>
      <c r="T42566">
        <v>80</v>
      </c>
      <c r="U42566">
        <v>82</v>
      </c>
      <c r="V42566">
        <v>84</v>
      </c>
      <c r="W42566">
        <v>86</v>
      </c>
      <c r="X42566">
        <v>88</v>
      </c>
      <c r="Y42566">
        <v>90</v>
      </c>
      <c r="Z42566">
        <v>91</v>
      </c>
      <c r="AA42566">
        <v>93</v>
      </c>
      <c r="AB42566">
        <v>95</v>
      </c>
      <c r="AC42566">
        <v>97</v>
      </c>
      <c r="AD42566">
        <v>99</v>
      </c>
      <c r="AE42566">
        <v>101</v>
      </c>
      <c r="AF42566">
        <v>103</v>
      </c>
      <c r="AG42566">
        <v>106</v>
      </c>
      <c r="AH42566">
        <v>108</v>
      </c>
      <c r="AI42566">
        <v>110</v>
      </c>
      <c r="AJ42566">
        <v>112</v>
      </c>
      <c r="AK42566">
        <v>114</v>
      </c>
      <c r="AL42566">
        <v>116</v>
      </c>
      <c r="AM42566">
        <v>118</v>
      </c>
      <c r="AN42566">
        <v>119</v>
      </c>
      <c r="AO42566">
        <v>121</v>
      </c>
      <c r="AP42566">
        <v>122</v>
      </c>
      <c r="AQ42566">
        <v>124</v>
      </c>
    </row>
    <row r="42567" spans="1:43">
      <c r="A42567" t="s">
        <v>26099</v>
      </c>
      <c r="B42567" t="s">
        <v>26100</v>
      </c>
      <c r="C42567" t="s">
        <v>20927</v>
      </c>
      <c r="D42567" t="s">
        <v>20928</v>
      </c>
      <c r="E42567" t="s">
        <v>20787</v>
      </c>
      <c r="F42567" t="s">
        <v>20788</v>
      </c>
      <c r="G42567" t="s">
        <v>20255</v>
      </c>
      <c r="H42567" t="s">
        <v>20256</v>
      </c>
      <c r="I42567" s="2">
        <v>1</v>
      </c>
      <c r="J42567" s="2">
        <v>0</v>
      </c>
      <c r="K42567" s="2">
        <v>0</v>
      </c>
      <c r="L42567" t="s">
        <v>120</v>
      </c>
      <c r="M42567" t="s">
        <v>87</v>
      </c>
      <c r="N42567" t="s">
        <v>88</v>
      </c>
      <c r="O42567" t="s">
        <v>85</v>
      </c>
      <c r="P42567" t="s">
        <v>86</v>
      </c>
      <c r="Q42567">
        <v>75</v>
      </c>
      <c r="R42567">
        <v>76</v>
      </c>
      <c r="S42567">
        <v>77</v>
      </c>
      <c r="T42567">
        <v>78</v>
      </c>
      <c r="U42567">
        <v>80</v>
      </c>
      <c r="V42567">
        <v>81</v>
      </c>
      <c r="W42567">
        <v>82</v>
      </c>
      <c r="X42567">
        <v>83</v>
      </c>
      <c r="Y42567">
        <v>84</v>
      </c>
      <c r="Z42567">
        <v>85</v>
      </c>
      <c r="AA42567">
        <v>86</v>
      </c>
      <c r="AB42567">
        <v>87</v>
      </c>
      <c r="AC42567">
        <v>88</v>
      </c>
      <c r="AD42567">
        <v>90</v>
      </c>
      <c r="AE42567">
        <v>91</v>
      </c>
      <c r="AF42567">
        <v>92</v>
      </c>
      <c r="AG42567">
        <v>93</v>
      </c>
      <c r="AH42567">
        <v>95</v>
      </c>
      <c r="AI42567">
        <v>96</v>
      </c>
      <c r="AJ42567">
        <v>97</v>
      </c>
      <c r="AK42567">
        <v>99</v>
      </c>
      <c r="AL42567">
        <v>100</v>
      </c>
      <c r="AM42567">
        <v>102</v>
      </c>
      <c r="AN42567">
        <v>103</v>
      </c>
      <c r="AO42567">
        <v>104</v>
      </c>
      <c r="AP42567">
        <v>106</v>
      </c>
      <c r="AQ42567">
        <v>107</v>
      </c>
    </row>
    <row r="42568" spans="1:43">
      <c r="A42568" t="s">
        <v>26099</v>
      </c>
      <c r="B42568" t="s">
        <v>26100</v>
      </c>
      <c r="C42568" t="s">
        <v>20927</v>
      </c>
      <c r="D42568" t="s">
        <v>20928</v>
      </c>
      <c r="E42568" t="s">
        <v>20787</v>
      </c>
      <c r="F42568" t="s">
        <v>20788</v>
      </c>
      <c r="G42568" t="s">
        <v>20255</v>
      </c>
      <c r="H42568" t="s">
        <v>20256</v>
      </c>
      <c r="I42568" s="2">
        <v>1</v>
      </c>
      <c r="J42568" s="2">
        <v>0</v>
      </c>
      <c r="K42568" s="2">
        <v>0</v>
      </c>
      <c r="L42568" t="s">
        <v>120</v>
      </c>
      <c r="M42568" t="s">
        <v>89</v>
      </c>
      <c r="N42568" t="s">
        <v>90</v>
      </c>
      <c r="O42568" t="s">
        <v>85</v>
      </c>
      <c r="P42568" t="s">
        <v>86</v>
      </c>
      <c r="Q42568">
        <v>75</v>
      </c>
      <c r="R42568">
        <v>77</v>
      </c>
      <c r="S42568">
        <v>80</v>
      </c>
      <c r="T42568">
        <v>82</v>
      </c>
      <c r="U42568">
        <v>84</v>
      </c>
      <c r="V42568">
        <v>87</v>
      </c>
      <c r="W42568">
        <v>89</v>
      </c>
      <c r="X42568">
        <v>91</v>
      </c>
      <c r="Y42568">
        <v>94</v>
      </c>
      <c r="Z42568">
        <v>96</v>
      </c>
      <c r="AA42568">
        <v>98</v>
      </c>
      <c r="AB42568">
        <v>101</v>
      </c>
      <c r="AC42568">
        <v>103</v>
      </c>
      <c r="AD42568">
        <v>106</v>
      </c>
      <c r="AE42568">
        <v>108</v>
      </c>
      <c r="AF42568">
        <v>109</v>
      </c>
      <c r="AG42568">
        <v>110</v>
      </c>
      <c r="AH42568">
        <v>112</v>
      </c>
      <c r="AI42568">
        <v>113</v>
      </c>
      <c r="AJ42568">
        <v>114</v>
      </c>
      <c r="AK42568">
        <v>116</v>
      </c>
      <c r="AL42568">
        <v>117</v>
      </c>
      <c r="AM42568">
        <v>119</v>
      </c>
      <c r="AN42568">
        <v>120</v>
      </c>
      <c r="AO42568">
        <v>122</v>
      </c>
      <c r="AP42568">
        <v>123</v>
      </c>
      <c r="AQ42568">
        <v>125</v>
      </c>
    </row>
    <row r="42569" spans="1:43">
      <c r="A42569" t="s">
        <v>26099</v>
      </c>
      <c r="B42569" t="s">
        <v>26100</v>
      </c>
      <c r="C42569" t="s">
        <v>20927</v>
      </c>
      <c r="D42569" t="s">
        <v>20928</v>
      </c>
      <c r="E42569" t="s">
        <v>20787</v>
      </c>
      <c r="F42569" t="s">
        <v>20788</v>
      </c>
      <c r="G42569" t="s">
        <v>20255</v>
      </c>
      <c r="H42569" t="s">
        <v>20256</v>
      </c>
      <c r="I42569" s="2">
        <v>1</v>
      </c>
      <c r="J42569" s="2">
        <v>0</v>
      </c>
      <c r="K42569" s="2">
        <v>0</v>
      </c>
      <c r="L42569" t="s">
        <v>120</v>
      </c>
      <c r="M42569" t="s">
        <v>83</v>
      </c>
      <c r="N42569" t="s">
        <v>91</v>
      </c>
      <c r="O42569" t="s">
        <v>85</v>
      </c>
      <c r="P42569" t="s">
        <v>86</v>
      </c>
      <c r="Q42569">
        <v>75</v>
      </c>
      <c r="R42569">
        <v>77</v>
      </c>
      <c r="S42569">
        <v>79</v>
      </c>
      <c r="T42569">
        <v>80</v>
      </c>
      <c r="U42569">
        <v>82</v>
      </c>
      <c r="V42569">
        <v>84</v>
      </c>
      <c r="W42569">
        <v>86</v>
      </c>
      <c r="X42569">
        <v>88</v>
      </c>
      <c r="Y42569">
        <v>90</v>
      </c>
      <c r="Z42569">
        <v>91</v>
      </c>
      <c r="AA42569">
        <v>93</v>
      </c>
      <c r="AB42569">
        <v>95</v>
      </c>
      <c r="AC42569">
        <v>97</v>
      </c>
      <c r="AD42569">
        <v>99</v>
      </c>
      <c r="AE42569">
        <v>101</v>
      </c>
      <c r="AF42569">
        <v>103</v>
      </c>
      <c r="AG42569">
        <v>106</v>
      </c>
      <c r="AH42569">
        <v>108</v>
      </c>
      <c r="AI42569">
        <v>110</v>
      </c>
      <c r="AJ42569">
        <v>112</v>
      </c>
      <c r="AK42569">
        <v>114</v>
      </c>
      <c r="AL42569">
        <v>116</v>
      </c>
      <c r="AM42569">
        <v>118</v>
      </c>
      <c r="AN42569">
        <v>119</v>
      </c>
      <c r="AO42569">
        <v>121</v>
      </c>
      <c r="AP42569">
        <v>122</v>
      </c>
      <c r="AQ42569">
        <v>124</v>
      </c>
    </row>
    <row r="42570" spans="1:43">
      <c r="A42570" t="s">
        <v>26101</v>
      </c>
      <c r="B42570" t="s">
        <v>26102</v>
      </c>
      <c r="C42570" t="s">
        <v>24925</v>
      </c>
      <c r="D42570" t="s">
        <v>24926</v>
      </c>
      <c r="E42570" t="s">
        <v>20787</v>
      </c>
      <c r="F42570" t="s">
        <v>20788</v>
      </c>
      <c r="G42570" t="s">
        <v>20255</v>
      </c>
      <c r="H42570" t="s">
        <v>20256</v>
      </c>
      <c r="I42570" s="2">
        <v>1</v>
      </c>
      <c r="J42570" s="2">
        <v>0</v>
      </c>
      <c r="K42570" s="2">
        <v>0</v>
      </c>
      <c r="L42570" t="s">
        <v>120</v>
      </c>
      <c r="M42570" t="s">
        <v>83</v>
      </c>
      <c r="N42570" t="s">
        <v>84</v>
      </c>
      <c r="O42570" t="s">
        <v>85</v>
      </c>
      <c r="P42570" t="s">
        <v>86</v>
      </c>
      <c r="Q42570">
        <v>8</v>
      </c>
      <c r="R42570">
        <v>8</v>
      </c>
      <c r="S42570">
        <v>8</v>
      </c>
      <c r="T42570">
        <v>8</v>
      </c>
      <c r="U42570">
        <v>9</v>
      </c>
      <c r="V42570">
        <v>9</v>
      </c>
      <c r="W42570">
        <v>9</v>
      </c>
      <c r="X42570">
        <v>9</v>
      </c>
      <c r="Y42570">
        <v>9</v>
      </c>
      <c r="Z42570">
        <v>10</v>
      </c>
      <c r="AA42570">
        <v>10</v>
      </c>
      <c r="AB42570">
        <v>10</v>
      </c>
      <c r="AC42570">
        <v>10</v>
      </c>
      <c r="AD42570">
        <v>10</v>
      </c>
      <c r="AE42570">
        <v>11</v>
      </c>
      <c r="AF42570">
        <v>11</v>
      </c>
      <c r="AG42570">
        <v>11</v>
      </c>
      <c r="AH42570">
        <v>11</v>
      </c>
      <c r="AI42570">
        <v>11</v>
      </c>
      <c r="AJ42570">
        <v>12</v>
      </c>
      <c r="AK42570">
        <v>12</v>
      </c>
      <c r="AL42570">
        <v>12</v>
      </c>
      <c r="AM42570">
        <v>12</v>
      </c>
      <c r="AN42570">
        <v>12</v>
      </c>
      <c r="AO42570">
        <v>13</v>
      </c>
      <c r="AP42570">
        <v>13</v>
      </c>
      <c r="AQ42570">
        <v>13</v>
      </c>
    </row>
    <row r="42571" spans="1:43">
      <c r="A42571" t="s">
        <v>26101</v>
      </c>
      <c r="B42571" t="s">
        <v>26102</v>
      </c>
      <c r="C42571" t="s">
        <v>24925</v>
      </c>
      <c r="D42571" t="s">
        <v>24926</v>
      </c>
      <c r="E42571" t="s">
        <v>20787</v>
      </c>
      <c r="F42571" t="s">
        <v>20788</v>
      </c>
      <c r="G42571" t="s">
        <v>20255</v>
      </c>
      <c r="H42571" t="s">
        <v>20256</v>
      </c>
      <c r="I42571" s="2">
        <v>1</v>
      </c>
      <c r="J42571" s="2">
        <v>0</v>
      </c>
      <c r="K42571" s="2">
        <v>0</v>
      </c>
      <c r="L42571" t="s">
        <v>120</v>
      </c>
      <c r="M42571" t="s">
        <v>87</v>
      </c>
      <c r="N42571" t="s">
        <v>88</v>
      </c>
      <c r="O42571" t="s">
        <v>85</v>
      </c>
      <c r="P42571" t="s">
        <v>86</v>
      </c>
      <c r="Q42571">
        <v>8</v>
      </c>
      <c r="R42571">
        <v>8</v>
      </c>
      <c r="S42571">
        <v>8</v>
      </c>
      <c r="T42571">
        <v>8</v>
      </c>
      <c r="U42571">
        <v>8</v>
      </c>
      <c r="V42571">
        <v>8</v>
      </c>
      <c r="W42571">
        <v>8</v>
      </c>
      <c r="X42571">
        <v>9</v>
      </c>
      <c r="Y42571">
        <v>9</v>
      </c>
      <c r="Z42571">
        <v>9</v>
      </c>
      <c r="AA42571">
        <v>9</v>
      </c>
      <c r="AB42571">
        <v>9</v>
      </c>
      <c r="AC42571">
        <v>9</v>
      </c>
      <c r="AD42571">
        <v>9</v>
      </c>
      <c r="AE42571">
        <v>9</v>
      </c>
      <c r="AF42571">
        <v>10</v>
      </c>
      <c r="AG42571">
        <v>10</v>
      </c>
      <c r="AH42571">
        <v>10</v>
      </c>
      <c r="AI42571">
        <v>10</v>
      </c>
      <c r="AJ42571">
        <v>10</v>
      </c>
      <c r="AK42571">
        <v>10</v>
      </c>
      <c r="AL42571">
        <v>10</v>
      </c>
      <c r="AM42571">
        <v>11</v>
      </c>
      <c r="AN42571">
        <v>11</v>
      </c>
      <c r="AO42571">
        <v>11</v>
      </c>
      <c r="AP42571">
        <v>11</v>
      </c>
      <c r="AQ42571">
        <v>11</v>
      </c>
    </row>
    <row r="42572" spans="1:43">
      <c r="A42572" t="s">
        <v>26101</v>
      </c>
      <c r="B42572" t="s">
        <v>26102</v>
      </c>
      <c r="C42572" t="s">
        <v>24925</v>
      </c>
      <c r="D42572" t="s">
        <v>24926</v>
      </c>
      <c r="E42572" t="s">
        <v>20787</v>
      </c>
      <c r="F42572" t="s">
        <v>20788</v>
      </c>
      <c r="G42572" t="s">
        <v>20255</v>
      </c>
      <c r="H42572" t="s">
        <v>20256</v>
      </c>
      <c r="I42572" s="2">
        <v>1</v>
      </c>
      <c r="J42572" s="2">
        <v>0</v>
      </c>
      <c r="K42572" s="2">
        <v>0</v>
      </c>
      <c r="L42572" t="s">
        <v>120</v>
      </c>
      <c r="M42572" t="s">
        <v>89</v>
      </c>
      <c r="N42572" t="s">
        <v>90</v>
      </c>
      <c r="O42572" t="s">
        <v>85</v>
      </c>
      <c r="P42572" t="s">
        <v>86</v>
      </c>
      <c r="Q42572">
        <v>8</v>
      </c>
      <c r="R42572">
        <v>8</v>
      </c>
      <c r="S42572">
        <v>8</v>
      </c>
      <c r="T42572">
        <v>9</v>
      </c>
      <c r="U42572">
        <v>9</v>
      </c>
      <c r="V42572">
        <v>9</v>
      </c>
      <c r="W42572">
        <v>9</v>
      </c>
      <c r="X42572">
        <v>10</v>
      </c>
      <c r="Y42572">
        <v>10</v>
      </c>
      <c r="Z42572">
        <v>10</v>
      </c>
      <c r="AA42572">
        <v>10</v>
      </c>
      <c r="AB42572">
        <v>11</v>
      </c>
      <c r="AC42572">
        <v>11</v>
      </c>
      <c r="AD42572">
        <v>11</v>
      </c>
      <c r="AE42572">
        <v>11</v>
      </c>
      <c r="AF42572">
        <v>11</v>
      </c>
      <c r="AG42572">
        <v>12</v>
      </c>
      <c r="AH42572">
        <v>12</v>
      </c>
      <c r="AI42572">
        <v>12</v>
      </c>
      <c r="AJ42572">
        <v>12</v>
      </c>
      <c r="AK42572">
        <v>12</v>
      </c>
      <c r="AL42572">
        <v>12</v>
      </c>
      <c r="AM42572">
        <v>12</v>
      </c>
      <c r="AN42572">
        <v>13</v>
      </c>
      <c r="AO42572">
        <v>13</v>
      </c>
      <c r="AP42572">
        <v>13</v>
      </c>
      <c r="AQ42572">
        <v>13</v>
      </c>
    </row>
    <row r="42573" spans="1:43">
      <c r="A42573" t="s">
        <v>26101</v>
      </c>
      <c r="B42573" t="s">
        <v>26102</v>
      </c>
      <c r="C42573" t="s">
        <v>24925</v>
      </c>
      <c r="D42573" t="s">
        <v>24926</v>
      </c>
      <c r="E42573" t="s">
        <v>20787</v>
      </c>
      <c r="F42573" t="s">
        <v>20788</v>
      </c>
      <c r="G42573" t="s">
        <v>20255</v>
      </c>
      <c r="H42573" t="s">
        <v>20256</v>
      </c>
      <c r="I42573" s="2">
        <v>1</v>
      </c>
      <c r="J42573" s="2">
        <v>0</v>
      </c>
      <c r="K42573" s="2">
        <v>0</v>
      </c>
      <c r="L42573" t="s">
        <v>120</v>
      </c>
      <c r="M42573" t="s">
        <v>83</v>
      </c>
      <c r="N42573" t="s">
        <v>91</v>
      </c>
      <c r="O42573" t="s">
        <v>85</v>
      </c>
      <c r="P42573" t="s">
        <v>86</v>
      </c>
      <c r="Q42573">
        <v>8</v>
      </c>
      <c r="R42573">
        <v>8</v>
      </c>
      <c r="S42573">
        <v>8</v>
      </c>
      <c r="T42573">
        <v>8</v>
      </c>
      <c r="U42573">
        <v>9</v>
      </c>
      <c r="V42573">
        <v>9</v>
      </c>
      <c r="W42573">
        <v>9</v>
      </c>
      <c r="X42573">
        <v>9</v>
      </c>
      <c r="Y42573">
        <v>9</v>
      </c>
      <c r="Z42573">
        <v>10</v>
      </c>
      <c r="AA42573">
        <v>10</v>
      </c>
      <c r="AB42573">
        <v>10</v>
      </c>
      <c r="AC42573">
        <v>10</v>
      </c>
      <c r="AD42573">
        <v>10</v>
      </c>
      <c r="AE42573">
        <v>11</v>
      </c>
      <c r="AF42573">
        <v>11</v>
      </c>
      <c r="AG42573">
        <v>11</v>
      </c>
      <c r="AH42573">
        <v>11</v>
      </c>
      <c r="AI42573">
        <v>11</v>
      </c>
      <c r="AJ42573">
        <v>12</v>
      </c>
      <c r="AK42573">
        <v>12</v>
      </c>
      <c r="AL42573">
        <v>12</v>
      </c>
      <c r="AM42573">
        <v>12</v>
      </c>
      <c r="AN42573">
        <v>12</v>
      </c>
      <c r="AO42573">
        <v>13</v>
      </c>
      <c r="AP42573">
        <v>13</v>
      </c>
      <c r="AQ42573">
        <v>13</v>
      </c>
    </row>
    <row r="42574" spans="1:43">
      <c r="A42574" t="s">
        <v>26103</v>
      </c>
      <c r="B42574" t="s">
        <v>26104</v>
      </c>
      <c r="C42574" t="s">
        <v>24925</v>
      </c>
      <c r="D42574" t="s">
        <v>24926</v>
      </c>
      <c r="E42574" t="s">
        <v>20787</v>
      </c>
      <c r="F42574" t="s">
        <v>20788</v>
      </c>
      <c r="G42574" t="s">
        <v>20255</v>
      </c>
      <c r="H42574" t="s">
        <v>20256</v>
      </c>
      <c r="I42574" s="2">
        <v>1</v>
      </c>
      <c r="J42574" s="2">
        <v>0</v>
      </c>
      <c r="K42574" s="2">
        <v>0</v>
      </c>
      <c r="L42574" t="s">
        <v>120</v>
      </c>
      <c r="M42574" t="s">
        <v>83</v>
      </c>
      <c r="N42574" t="s">
        <v>84</v>
      </c>
      <c r="O42574" t="s">
        <v>85</v>
      </c>
      <c r="P42574" t="s">
        <v>86</v>
      </c>
      <c r="Q42574">
        <v>3</v>
      </c>
      <c r="R42574">
        <v>3</v>
      </c>
      <c r="S42574">
        <v>3</v>
      </c>
      <c r="T42574">
        <v>3</v>
      </c>
      <c r="U42574">
        <v>3</v>
      </c>
      <c r="V42574">
        <v>3</v>
      </c>
      <c r="W42574">
        <v>3</v>
      </c>
      <c r="X42574">
        <v>3</v>
      </c>
      <c r="Y42574">
        <v>3</v>
      </c>
      <c r="Z42574">
        <v>3</v>
      </c>
      <c r="AA42574">
        <v>3</v>
      </c>
      <c r="AB42574">
        <v>3</v>
      </c>
      <c r="AC42574">
        <v>3</v>
      </c>
      <c r="AD42574">
        <v>4</v>
      </c>
      <c r="AE42574">
        <v>4</v>
      </c>
      <c r="AF42574">
        <v>4</v>
      </c>
      <c r="AG42574">
        <v>4</v>
      </c>
      <c r="AH42574">
        <v>4</v>
      </c>
      <c r="AI42574">
        <v>4</v>
      </c>
      <c r="AJ42574">
        <v>4</v>
      </c>
      <c r="AK42574">
        <v>4</v>
      </c>
      <c r="AL42574">
        <v>4</v>
      </c>
      <c r="AM42574">
        <v>4</v>
      </c>
      <c r="AN42574">
        <v>4</v>
      </c>
      <c r="AO42574">
        <v>4</v>
      </c>
      <c r="AP42574">
        <v>4</v>
      </c>
      <c r="AQ42574">
        <v>4</v>
      </c>
    </row>
    <row r="42575" spans="1:43">
      <c r="A42575" t="s">
        <v>26103</v>
      </c>
      <c r="B42575" t="s">
        <v>26104</v>
      </c>
      <c r="C42575" t="s">
        <v>24925</v>
      </c>
      <c r="D42575" t="s">
        <v>24926</v>
      </c>
      <c r="E42575" t="s">
        <v>20787</v>
      </c>
      <c r="F42575" t="s">
        <v>20788</v>
      </c>
      <c r="G42575" t="s">
        <v>20255</v>
      </c>
      <c r="H42575" t="s">
        <v>20256</v>
      </c>
      <c r="I42575" s="2">
        <v>1</v>
      </c>
      <c r="J42575" s="2">
        <v>0</v>
      </c>
      <c r="K42575" s="2">
        <v>0</v>
      </c>
      <c r="L42575" t="s">
        <v>120</v>
      </c>
      <c r="M42575" t="s">
        <v>87</v>
      </c>
      <c r="N42575" t="s">
        <v>88</v>
      </c>
      <c r="O42575" t="s">
        <v>85</v>
      </c>
      <c r="P42575" t="s">
        <v>86</v>
      </c>
      <c r="Q42575">
        <v>3</v>
      </c>
      <c r="R42575">
        <v>3</v>
      </c>
      <c r="S42575">
        <v>3</v>
      </c>
      <c r="T42575">
        <v>3</v>
      </c>
      <c r="U42575">
        <v>3</v>
      </c>
      <c r="V42575">
        <v>3</v>
      </c>
      <c r="W42575">
        <v>3</v>
      </c>
      <c r="X42575">
        <v>3</v>
      </c>
      <c r="Y42575">
        <v>3</v>
      </c>
      <c r="Z42575">
        <v>3</v>
      </c>
      <c r="AA42575">
        <v>3</v>
      </c>
      <c r="AB42575">
        <v>3</v>
      </c>
      <c r="AC42575">
        <v>3</v>
      </c>
      <c r="AD42575">
        <v>3</v>
      </c>
      <c r="AE42575">
        <v>3</v>
      </c>
      <c r="AF42575">
        <v>3</v>
      </c>
      <c r="AG42575">
        <v>3</v>
      </c>
      <c r="AH42575">
        <v>3</v>
      </c>
      <c r="AI42575">
        <v>3</v>
      </c>
      <c r="AJ42575">
        <v>3</v>
      </c>
      <c r="AK42575">
        <v>3</v>
      </c>
      <c r="AL42575">
        <v>4</v>
      </c>
      <c r="AM42575">
        <v>4</v>
      </c>
      <c r="AN42575">
        <v>4</v>
      </c>
      <c r="AO42575">
        <v>4</v>
      </c>
      <c r="AP42575">
        <v>4</v>
      </c>
      <c r="AQ42575">
        <v>4</v>
      </c>
    </row>
    <row r="42576" spans="1:43">
      <c r="A42576" t="s">
        <v>26103</v>
      </c>
      <c r="B42576" t="s">
        <v>26104</v>
      </c>
      <c r="C42576" t="s">
        <v>24925</v>
      </c>
      <c r="D42576" t="s">
        <v>24926</v>
      </c>
      <c r="E42576" t="s">
        <v>20787</v>
      </c>
      <c r="F42576" t="s">
        <v>20788</v>
      </c>
      <c r="G42576" t="s">
        <v>20255</v>
      </c>
      <c r="H42576" t="s">
        <v>20256</v>
      </c>
      <c r="I42576" s="2">
        <v>1</v>
      </c>
      <c r="J42576" s="2">
        <v>0</v>
      </c>
      <c r="K42576" s="2">
        <v>0</v>
      </c>
      <c r="L42576" t="s">
        <v>120</v>
      </c>
      <c r="M42576" t="s">
        <v>89</v>
      </c>
      <c r="N42576" t="s">
        <v>90</v>
      </c>
      <c r="O42576" t="s">
        <v>85</v>
      </c>
      <c r="P42576" t="s">
        <v>86</v>
      </c>
      <c r="Q42576">
        <v>3</v>
      </c>
      <c r="R42576">
        <v>3</v>
      </c>
      <c r="S42576">
        <v>3</v>
      </c>
      <c r="T42576">
        <v>3</v>
      </c>
      <c r="U42576">
        <v>3</v>
      </c>
      <c r="V42576">
        <v>3</v>
      </c>
      <c r="W42576">
        <v>3</v>
      </c>
      <c r="X42576">
        <v>3</v>
      </c>
      <c r="Y42576">
        <v>3</v>
      </c>
      <c r="Z42576">
        <v>3</v>
      </c>
      <c r="AA42576">
        <v>4</v>
      </c>
      <c r="AB42576">
        <v>4</v>
      </c>
      <c r="AC42576">
        <v>4</v>
      </c>
      <c r="AD42576">
        <v>4</v>
      </c>
      <c r="AE42576">
        <v>4</v>
      </c>
      <c r="AF42576">
        <v>4</v>
      </c>
      <c r="AG42576">
        <v>4</v>
      </c>
      <c r="AH42576">
        <v>4</v>
      </c>
      <c r="AI42576">
        <v>4</v>
      </c>
      <c r="AJ42576">
        <v>4</v>
      </c>
      <c r="AK42576">
        <v>4</v>
      </c>
      <c r="AL42576">
        <v>4</v>
      </c>
      <c r="AM42576">
        <v>4</v>
      </c>
      <c r="AN42576">
        <v>4</v>
      </c>
      <c r="AO42576">
        <v>4</v>
      </c>
      <c r="AP42576">
        <v>4</v>
      </c>
      <c r="AQ42576">
        <v>4</v>
      </c>
    </row>
    <row r="42577" spans="1:43">
      <c r="A42577" t="s">
        <v>26103</v>
      </c>
      <c r="B42577" t="s">
        <v>26104</v>
      </c>
      <c r="C42577" t="s">
        <v>24925</v>
      </c>
      <c r="D42577" t="s">
        <v>24926</v>
      </c>
      <c r="E42577" t="s">
        <v>20787</v>
      </c>
      <c r="F42577" t="s">
        <v>20788</v>
      </c>
      <c r="G42577" t="s">
        <v>20255</v>
      </c>
      <c r="H42577" t="s">
        <v>20256</v>
      </c>
      <c r="I42577" s="2">
        <v>1</v>
      </c>
      <c r="J42577" s="2">
        <v>0</v>
      </c>
      <c r="K42577" s="2">
        <v>0</v>
      </c>
      <c r="L42577" t="s">
        <v>120</v>
      </c>
      <c r="M42577" t="s">
        <v>83</v>
      </c>
      <c r="N42577" t="s">
        <v>91</v>
      </c>
      <c r="O42577" t="s">
        <v>85</v>
      </c>
      <c r="P42577" t="s">
        <v>86</v>
      </c>
      <c r="Q42577">
        <v>3</v>
      </c>
      <c r="R42577">
        <v>3</v>
      </c>
      <c r="S42577">
        <v>3</v>
      </c>
      <c r="T42577">
        <v>3</v>
      </c>
      <c r="U42577">
        <v>3</v>
      </c>
      <c r="V42577">
        <v>3</v>
      </c>
      <c r="W42577">
        <v>3</v>
      </c>
      <c r="X42577">
        <v>3</v>
      </c>
      <c r="Y42577">
        <v>3</v>
      </c>
      <c r="Z42577">
        <v>3</v>
      </c>
      <c r="AA42577">
        <v>3</v>
      </c>
      <c r="AB42577">
        <v>3</v>
      </c>
      <c r="AC42577">
        <v>3</v>
      </c>
      <c r="AD42577">
        <v>4</v>
      </c>
      <c r="AE42577">
        <v>4</v>
      </c>
      <c r="AF42577">
        <v>4</v>
      </c>
      <c r="AG42577">
        <v>4</v>
      </c>
      <c r="AH42577">
        <v>4</v>
      </c>
      <c r="AI42577">
        <v>4</v>
      </c>
      <c r="AJ42577">
        <v>4</v>
      </c>
      <c r="AK42577">
        <v>4</v>
      </c>
      <c r="AL42577">
        <v>4</v>
      </c>
      <c r="AM42577">
        <v>4</v>
      </c>
      <c r="AN42577">
        <v>4</v>
      </c>
      <c r="AO42577">
        <v>4</v>
      </c>
      <c r="AP42577">
        <v>4</v>
      </c>
      <c r="AQ42577">
        <v>4</v>
      </c>
    </row>
    <row r="42578" spans="1:43">
      <c r="A42578" t="s">
        <v>26105</v>
      </c>
      <c r="B42578" t="s">
        <v>26106</v>
      </c>
      <c r="C42578" t="s">
        <v>24925</v>
      </c>
      <c r="D42578" t="s">
        <v>24926</v>
      </c>
      <c r="E42578" t="s">
        <v>20787</v>
      </c>
      <c r="F42578" t="s">
        <v>20788</v>
      </c>
      <c r="G42578" t="s">
        <v>20255</v>
      </c>
      <c r="H42578" t="s">
        <v>20256</v>
      </c>
      <c r="I42578" s="2">
        <v>1</v>
      </c>
      <c r="J42578" s="2">
        <v>0</v>
      </c>
      <c r="K42578" s="2">
        <v>0</v>
      </c>
      <c r="L42578" t="s">
        <v>120</v>
      </c>
      <c r="M42578" t="s">
        <v>83</v>
      </c>
      <c r="N42578" t="s">
        <v>84</v>
      </c>
      <c r="O42578" t="s">
        <v>85</v>
      </c>
      <c r="P42578" t="s">
        <v>86</v>
      </c>
      <c r="Q42578">
        <v>33</v>
      </c>
      <c r="R42578">
        <v>34</v>
      </c>
      <c r="S42578">
        <v>35</v>
      </c>
      <c r="T42578">
        <v>36</v>
      </c>
      <c r="U42578">
        <v>37</v>
      </c>
      <c r="V42578">
        <v>37</v>
      </c>
      <c r="W42578">
        <v>38</v>
      </c>
      <c r="X42578">
        <v>39</v>
      </c>
      <c r="Y42578">
        <v>40</v>
      </c>
      <c r="Z42578">
        <v>41</v>
      </c>
      <c r="AA42578">
        <v>41</v>
      </c>
      <c r="AB42578">
        <v>42</v>
      </c>
      <c r="AC42578">
        <v>43</v>
      </c>
      <c r="AD42578">
        <v>44</v>
      </c>
      <c r="AE42578">
        <v>45</v>
      </c>
      <c r="AF42578">
        <v>46</v>
      </c>
      <c r="AG42578">
        <v>47</v>
      </c>
      <c r="AH42578">
        <v>48</v>
      </c>
      <c r="AI42578">
        <v>49</v>
      </c>
      <c r="AJ42578">
        <v>50</v>
      </c>
      <c r="AK42578">
        <v>50</v>
      </c>
      <c r="AL42578">
        <v>51</v>
      </c>
      <c r="AM42578">
        <v>52</v>
      </c>
      <c r="AN42578">
        <v>52</v>
      </c>
      <c r="AO42578">
        <v>53</v>
      </c>
      <c r="AP42578">
        <v>54</v>
      </c>
      <c r="AQ42578">
        <v>54</v>
      </c>
    </row>
    <row r="42579" spans="1:43">
      <c r="A42579" t="s">
        <v>26105</v>
      </c>
      <c r="B42579" t="s">
        <v>26106</v>
      </c>
      <c r="C42579" t="s">
        <v>24925</v>
      </c>
      <c r="D42579" t="s">
        <v>24926</v>
      </c>
      <c r="E42579" t="s">
        <v>20787</v>
      </c>
      <c r="F42579" t="s">
        <v>20788</v>
      </c>
      <c r="G42579" t="s">
        <v>20255</v>
      </c>
      <c r="H42579" t="s">
        <v>20256</v>
      </c>
      <c r="I42579" s="2">
        <v>1</v>
      </c>
      <c r="J42579" s="2">
        <v>0</v>
      </c>
      <c r="K42579" s="2">
        <v>0</v>
      </c>
      <c r="L42579" t="s">
        <v>120</v>
      </c>
      <c r="M42579" t="s">
        <v>87</v>
      </c>
      <c r="N42579" t="s">
        <v>88</v>
      </c>
      <c r="O42579" t="s">
        <v>85</v>
      </c>
      <c r="P42579" t="s">
        <v>86</v>
      </c>
      <c r="Q42579">
        <v>33</v>
      </c>
      <c r="R42579">
        <v>33</v>
      </c>
      <c r="S42579">
        <v>34</v>
      </c>
      <c r="T42579">
        <v>34</v>
      </c>
      <c r="U42579">
        <v>35</v>
      </c>
      <c r="V42579">
        <v>35</v>
      </c>
      <c r="W42579">
        <v>36</v>
      </c>
      <c r="X42579">
        <v>36</v>
      </c>
      <c r="Y42579">
        <v>37</v>
      </c>
      <c r="Z42579">
        <v>37</v>
      </c>
      <c r="AA42579">
        <v>38</v>
      </c>
      <c r="AB42579">
        <v>38</v>
      </c>
      <c r="AC42579">
        <v>39</v>
      </c>
      <c r="AD42579">
        <v>39</v>
      </c>
      <c r="AE42579">
        <v>40</v>
      </c>
      <c r="AF42579">
        <v>40</v>
      </c>
      <c r="AG42579">
        <v>41</v>
      </c>
      <c r="AH42579">
        <v>41</v>
      </c>
      <c r="AI42579">
        <v>42</v>
      </c>
      <c r="AJ42579">
        <v>43</v>
      </c>
      <c r="AK42579">
        <v>43</v>
      </c>
      <c r="AL42579">
        <v>44</v>
      </c>
      <c r="AM42579">
        <v>44</v>
      </c>
      <c r="AN42579">
        <v>45</v>
      </c>
      <c r="AO42579">
        <v>46</v>
      </c>
      <c r="AP42579">
        <v>46</v>
      </c>
      <c r="AQ42579">
        <v>47</v>
      </c>
    </row>
    <row r="42580" spans="1:43">
      <c r="A42580" t="s">
        <v>26105</v>
      </c>
      <c r="B42580" t="s">
        <v>26106</v>
      </c>
      <c r="C42580" t="s">
        <v>24925</v>
      </c>
      <c r="D42580" t="s">
        <v>24926</v>
      </c>
      <c r="E42580" t="s">
        <v>20787</v>
      </c>
      <c r="F42580" t="s">
        <v>20788</v>
      </c>
      <c r="G42580" t="s">
        <v>20255</v>
      </c>
      <c r="H42580" t="s">
        <v>20256</v>
      </c>
      <c r="I42580" s="2">
        <v>1</v>
      </c>
      <c r="J42580" s="2">
        <v>0</v>
      </c>
      <c r="K42580" s="2">
        <v>0</v>
      </c>
      <c r="L42580" t="s">
        <v>120</v>
      </c>
      <c r="M42580" t="s">
        <v>89</v>
      </c>
      <c r="N42580" t="s">
        <v>90</v>
      </c>
      <c r="O42580" t="s">
        <v>85</v>
      </c>
      <c r="P42580" t="s">
        <v>86</v>
      </c>
      <c r="Q42580">
        <v>33</v>
      </c>
      <c r="R42580">
        <v>34</v>
      </c>
      <c r="S42580">
        <v>35</v>
      </c>
      <c r="T42580">
        <v>36</v>
      </c>
      <c r="U42580">
        <v>37</v>
      </c>
      <c r="V42580">
        <v>38</v>
      </c>
      <c r="W42580">
        <v>39</v>
      </c>
      <c r="X42580">
        <v>40</v>
      </c>
      <c r="Y42580">
        <v>41</v>
      </c>
      <c r="Z42580">
        <v>42</v>
      </c>
      <c r="AA42580">
        <v>43</v>
      </c>
      <c r="AB42580">
        <v>44</v>
      </c>
      <c r="AC42580">
        <v>45</v>
      </c>
      <c r="AD42580">
        <v>46</v>
      </c>
      <c r="AE42580">
        <v>47</v>
      </c>
      <c r="AF42580">
        <v>48</v>
      </c>
      <c r="AG42580">
        <v>48</v>
      </c>
      <c r="AH42580">
        <v>49</v>
      </c>
      <c r="AI42580">
        <v>49</v>
      </c>
      <c r="AJ42580">
        <v>50</v>
      </c>
      <c r="AK42580">
        <v>50</v>
      </c>
      <c r="AL42580">
        <v>51</v>
      </c>
      <c r="AM42580">
        <v>51</v>
      </c>
      <c r="AN42580">
        <v>52</v>
      </c>
      <c r="AO42580">
        <v>53</v>
      </c>
      <c r="AP42580">
        <v>53</v>
      </c>
      <c r="AQ42580">
        <v>54</v>
      </c>
    </row>
    <row r="42581" spans="1:43">
      <c r="A42581" t="s">
        <v>26105</v>
      </c>
      <c r="B42581" t="s">
        <v>26106</v>
      </c>
      <c r="C42581" t="s">
        <v>24925</v>
      </c>
      <c r="D42581" t="s">
        <v>24926</v>
      </c>
      <c r="E42581" t="s">
        <v>20787</v>
      </c>
      <c r="F42581" t="s">
        <v>20788</v>
      </c>
      <c r="G42581" t="s">
        <v>20255</v>
      </c>
      <c r="H42581" t="s">
        <v>20256</v>
      </c>
      <c r="I42581" s="2">
        <v>1</v>
      </c>
      <c r="J42581" s="2">
        <v>0</v>
      </c>
      <c r="K42581" s="2">
        <v>0</v>
      </c>
      <c r="L42581" t="s">
        <v>120</v>
      </c>
      <c r="M42581" t="s">
        <v>83</v>
      </c>
      <c r="N42581" t="s">
        <v>91</v>
      </c>
      <c r="O42581" t="s">
        <v>85</v>
      </c>
      <c r="P42581" t="s">
        <v>86</v>
      </c>
      <c r="Q42581">
        <v>33</v>
      </c>
      <c r="R42581">
        <v>34</v>
      </c>
      <c r="S42581">
        <v>35</v>
      </c>
      <c r="T42581">
        <v>36</v>
      </c>
      <c r="U42581">
        <v>37</v>
      </c>
      <c r="V42581">
        <v>37</v>
      </c>
      <c r="W42581">
        <v>38</v>
      </c>
      <c r="X42581">
        <v>39</v>
      </c>
      <c r="Y42581">
        <v>40</v>
      </c>
      <c r="Z42581">
        <v>41</v>
      </c>
      <c r="AA42581">
        <v>41</v>
      </c>
      <c r="AB42581">
        <v>42</v>
      </c>
      <c r="AC42581">
        <v>43</v>
      </c>
      <c r="AD42581">
        <v>44</v>
      </c>
      <c r="AE42581">
        <v>45</v>
      </c>
      <c r="AF42581">
        <v>46</v>
      </c>
      <c r="AG42581">
        <v>47</v>
      </c>
      <c r="AH42581">
        <v>48</v>
      </c>
      <c r="AI42581">
        <v>49</v>
      </c>
      <c r="AJ42581">
        <v>50</v>
      </c>
      <c r="AK42581">
        <v>50</v>
      </c>
      <c r="AL42581">
        <v>51</v>
      </c>
      <c r="AM42581">
        <v>52</v>
      </c>
      <c r="AN42581">
        <v>52</v>
      </c>
      <c r="AO42581">
        <v>53</v>
      </c>
      <c r="AP42581">
        <v>54</v>
      </c>
      <c r="AQ42581">
        <v>54</v>
      </c>
    </row>
    <row r="42582" spans="1:43">
      <c r="A42582" t="s">
        <v>26107</v>
      </c>
      <c r="B42582" t="s">
        <v>26108</v>
      </c>
      <c r="C42582" t="s">
        <v>24925</v>
      </c>
      <c r="D42582" t="s">
        <v>24926</v>
      </c>
      <c r="E42582" t="s">
        <v>20787</v>
      </c>
      <c r="F42582" t="s">
        <v>20788</v>
      </c>
      <c r="G42582" t="s">
        <v>20255</v>
      </c>
      <c r="H42582" t="s">
        <v>20256</v>
      </c>
      <c r="I42582" s="2">
        <v>1</v>
      </c>
      <c r="J42582" s="2">
        <v>0</v>
      </c>
      <c r="K42582" s="2">
        <v>0</v>
      </c>
      <c r="L42582" t="s">
        <v>120</v>
      </c>
      <c r="M42582" t="s">
        <v>83</v>
      </c>
      <c r="N42582" t="s">
        <v>84</v>
      </c>
      <c r="O42582" t="s">
        <v>85</v>
      </c>
      <c r="P42582" t="s">
        <v>86</v>
      </c>
      <c r="Q42582">
        <v>11</v>
      </c>
      <c r="R42582">
        <v>12</v>
      </c>
      <c r="S42582">
        <v>12</v>
      </c>
      <c r="T42582">
        <v>12</v>
      </c>
      <c r="U42582">
        <v>12</v>
      </c>
      <c r="V42582">
        <v>13</v>
      </c>
      <c r="W42582">
        <v>13</v>
      </c>
      <c r="X42582">
        <v>13</v>
      </c>
      <c r="Y42582">
        <v>14</v>
      </c>
      <c r="Z42582">
        <v>14</v>
      </c>
      <c r="AA42582">
        <v>14</v>
      </c>
      <c r="AB42582">
        <v>14</v>
      </c>
      <c r="AC42582">
        <v>15</v>
      </c>
      <c r="AD42582">
        <v>15</v>
      </c>
      <c r="AE42582">
        <v>15</v>
      </c>
      <c r="AF42582">
        <v>16</v>
      </c>
      <c r="AG42582">
        <v>16</v>
      </c>
      <c r="AH42582">
        <v>16</v>
      </c>
      <c r="AI42582">
        <v>17</v>
      </c>
      <c r="AJ42582">
        <v>17</v>
      </c>
      <c r="AK42582">
        <v>17</v>
      </c>
      <c r="AL42582">
        <v>17</v>
      </c>
      <c r="AM42582">
        <v>18</v>
      </c>
      <c r="AN42582">
        <v>18</v>
      </c>
      <c r="AO42582">
        <v>18</v>
      </c>
      <c r="AP42582">
        <v>18</v>
      </c>
      <c r="AQ42582">
        <v>18</v>
      </c>
    </row>
    <row r="42583" spans="1:43">
      <c r="A42583" t="s">
        <v>26107</v>
      </c>
      <c r="B42583" t="s">
        <v>26108</v>
      </c>
      <c r="C42583" t="s">
        <v>24925</v>
      </c>
      <c r="D42583" t="s">
        <v>24926</v>
      </c>
      <c r="E42583" t="s">
        <v>20787</v>
      </c>
      <c r="F42583" t="s">
        <v>20788</v>
      </c>
      <c r="G42583" t="s">
        <v>20255</v>
      </c>
      <c r="H42583" t="s">
        <v>20256</v>
      </c>
      <c r="I42583" s="2">
        <v>1</v>
      </c>
      <c r="J42583" s="2">
        <v>0</v>
      </c>
      <c r="K42583" s="2">
        <v>0</v>
      </c>
      <c r="L42583" t="s">
        <v>120</v>
      </c>
      <c r="M42583" t="s">
        <v>87</v>
      </c>
      <c r="N42583" t="s">
        <v>88</v>
      </c>
      <c r="O42583" t="s">
        <v>85</v>
      </c>
      <c r="P42583" t="s">
        <v>86</v>
      </c>
      <c r="Q42583">
        <v>11</v>
      </c>
      <c r="R42583">
        <v>11</v>
      </c>
      <c r="S42583">
        <v>12</v>
      </c>
      <c r="T42583">
        <v>12</v>
      </c>
      <c r="U42583">
        <v>12</v>
      </c>
      <c r="V42583">
        <v>12</v>
      </c>
      <c r="W42583">
        <v>12</v>
      </c>
      <c r="X42583">
        <v>12</v>
      </c>
      <c r="Y42583">
        <v>13</v>
      </c>
      <c r="Z42583">
        <v>13</v>
      </c>
      <c r="AA42583">
        <v>13</v>
      </c>
      <c r="AB42583">
        <v>13</v>
      </c>
      <c r="AC42583">
        <v>13</v>
      </c>
      <c r="AD42583">
        <v>13</v>
      </c>
      <c r="AE42583">
        <v>14</v>
      </c>
      <c r="AF42583">
        <v>14</v>
      </c>
      <c r="AG42583">
        <v>14</v>
      </c>
      <c r="AH42583">
        <v>14</v>
      </c>
      <c r="AI42583">
        <v>14</v>
      </c>
      <c r="AJ42583">
        <v>15</v>
      </c>
      <c r="AK42583">
        <v>15</v>
      </c>
      <c r="AL42583">
        <v>15</v>
      </c>
      <c r="AM42583">
        <v>15</v>
      </c>
      <c r="AN42583">
        <v>15</v>
      </c>
      <c r="AO42583">
        <v>16</v>
      </c>
      <c r="AP42583">
        <v>16</v>
      </c>
      <c r="AQ42583">
        <v>16</v>
      </c>
    </row>
    <row r="42584" spans="1:43">
      <c r="A42584" t="s">
        <v>26107</v>
      </c>
      <c r="B42584" t="s">
        <v>26108</v>
      </c>
      <c r="C42584" t="s">
        <v>24925</v>
      </c>
      <c r="D42584" t="s">
        <v>24926</v>
      </c>
      <c r="E42584" t="s">
        <v>20787</v>
      </c>
      <c r="F42584" t="s">
        <v>20788</v>
      </c>
      <c r="G42584" t="s">
        <v>20255</v>
      </c>
      <c r="H42584" t="s">
        <v>20256</v>
      </c>
      <c r="I42584" s="2">
        <v>1</v>
      </c>
      <c r="J42584" s="2">
        <v>0</v>
      </c>
      <c r="K42584" s="2">
        <v>0</v>
      </c>
      <c r="L42584" t="s">
        <v>120</v>
      </c>
      <c r="M42584" t="s">
        <v>89</v>
      </c>
      <c r="N42584" t="s">
        <v>90</v>
      </c>
      <c r="O42584" t="s">
        <v>85</v>
      </c>
      <c r="P42584" t="s">
        <v>86</v>
      </c>
      <c r="Q42584">
        <v>11</v>
      </c>
      <c r="R42584">
        <v>12</v>
      </c>
      <c r="S42584">
        <v>12</v>
      </c>
      <c r="T42584">
        <v>13</v>
      </c>
      <c r="U42584">
        <v>13</v>
      </c>
      <c r="V42584">
        <v>13</v>
      </c>
      <c r="W42584">
        <v>14</v>
      </c>
      <c r="X42584">
        <v>14</v>
      </c>
      <c r="Y42584">
        <v>14</v>
      </c>
      <c r="Z42584">
        <v>15</v>
      </c>
      <c r="AA42584">
        <v>15</v>
      </c>
      <c r="AB42584">
        <v>15</v>
      </c>
      <c r="AC42584">
        <v>16</v>
      </c>
      <c r="AD42584">
        <v>16</v>
      </c>
      <c r="AE42584">
        <v>16</v>
      </c>
      <c r="AF42584">
        <v>17</v>
      </c>
      <c r="AG42584">
        <v>17</v>
      </c>
      <c r="AH42584">
        <v>17</v>
      </c>
      <c r="AI42584">
        <v>17</v>
      </c>
      <c r="AJ42584">
        <v>17</v>
      </c>
      <c r="AK42584">
        <v>17</v>
      </c>
      <c r="AL42584">
        <v>18</v>
      </c>
      <c r="AM42584">
        <v>18</v>
      </c>
      <c r="AN42584">
        <v>18</v>
      </c>
      <c r="AO42584">
        <v>18</v>
      </c>
      <c r="AP42584">
        <v>18</v>
      </c>
      <c r="AQ42584">
        <v>19</v>
      </c>
    </row>
    <row r="42585" spans="1:43">
      <c r="A42585" t="s">
        <v>26107</v>
      </c>
      <c r="B42585" t="s">
        <v>26108</v>
      </c>
      <c r="C42585" t="s">
        <v>24925</v>
      </c>
      <c r="D42585" t="s">
        <v>24926</v>
      </c>
      <c r="E42585" t="s">
        <v>20787</v>
      </c>
      <c r="F42585" t="s">
        <v>20788</v>
      </c>
      <c r="G42585" t="s">
        <v>20255</v>
      </c>
      <c r="H42585" t="s">
        <v>20256</v>
      </c>
      <c r="I42585" s="2">
        <v>1</v>
      </c>
      <c r="J42585" s="2">
        <v>0</v>
      </c>
      <c r="K42585" s="2">
        <v>0</v>
      </c>
      <c r="L42585" t="s">
        <v>120</v>
      </c>
      <c r="M42585" t="s">
        <v>83</v>
      </c>
      <c r="N42585" t="s">
        <v>91</v>
      </c>
      <c r="O42585" t="s">
        <v>85</v>
      </c>
      <c r="P42585" t="s">
        <v>86</v>
      </c>
      <c r="Q42585">
        <v>11</v>
      </c>
      <c r="R42585">
        <v>12</v>
      </c>
      <c r="S42585">
        <v>12</v>
      </c>
      <c r="T42585">
        <v>12</v>
      </c>
      <c r="U42585">
        <v>12</v>
      </c>
      <c r="V42585">
        <v>13</v>
      </c>
      <c r="W42585">
        <v>13</v>
      </c>
      <c r="X42585">
        <v>13</v>
      </c>
      <c r="Y42585">
        <v>14</v>
      </c>
      <c r="Z42585">
        <v>14</v>
      </c>
      <c r="AA42585">
        <v>14</v>
      </c>
      <c r="AB42585">
        <v>14</v>
      </c>
      <c r="AC42585">
        <v>15</v>
      </c>
      <c r="AD42585">
        <v>15</v>
      </c>
      <c r="AE42585">
        <v>15</v>
      </c>
      <c r="AF42585">
        <v>16</v>
      </c>
      <c r="AG42585">
        <v>16</v>
      </c>
      <c r="AH42585">
        <v>16</v>
      </c>
      <c r="AI42585">
        <v>17</v>
      </c>
      <c r="AJ42585">
        <v>17</v>
      </c>
      <c r="AK42585">
        <v>17</v>
      </c>
      <c r="AL42585">
        <v>17</v>
      </c>
      <c r="AM42585">
        <v>18</v>
      </c>
      <c r="AN42585">
        <v>18</v>
      </c>
      <c r="AO42585">
        <v>18</v>
      </c>
      <c r="AP42585">
        <v>18</v>
      </c>
      <c r="AQ42585">
        <v>18</v>
      </c>
    </row>
    <row r="42586" spans="1:43">
      <c r="A42586" t="s">
        <v>26109</v>
      </c>
      <c r="B42586" t="s">
        <v>26110</v>
      </c>
      <c r="C42586" t="s">
        <v>21079</v>
      </c>
      <c r="D42586" t="s">
        <v>21080</v>
      </c>
      <c r="E42586" t="s">
        <v>20989</v>
      </c>
      <c r="F42586" t="s">
        <v>20990</v>
      </c>
      <c r="G42586" t="s">
        <v>20255</v>
      </c>
      <c r="H42586" t="s">
        <v>20256</v>
      </c>
      <c r="I42586" s="2">
        <v>0.99</v>
      </c>
      <c r="J42586" s="2">
        <v>0</v>
      </c>
      <c r="K42586" s="2">
        <v>0</v>
      </c>
      <c r="L42586" t="s">
        <v>120</v>
      </c>
      <c r="M42586" t="s">
        <v>83</v>
      </c>
      <c r="N42586" t="s">
        <v>84</v>
      </c>
      <c r="O42586" t="s">
        <v>85</v>
      </c>
      <c r="P42586" t="s">
        <v>86</v>
      </c>
      <c r="Q42586">
        <v>23</v>
      </c>
      <c r="R42586">
        <v>24</v>
      </c>
      <c r="S42586">
        <v>24</v>
      </c>
      <c r="T42586">
        <v>25</v>
      </c>
      <c r="U42586">
        <v>26</v>
      </c>
      <c r="V42586">
        <v>26</v>
      </c>
      <c r="W42586">
        <v>27</v>
      </c>
      <c r="X42586">
        <v>28</v>
      </c>
      <c r="Y42586">
        <v>28</v>
      </c>
      <c r="Z42586">
        <v>29</v>
      </c>
      <c r="AA42586">
        <v>30</v>
      </c>
      <c r="AB42586">
        <v>31</v>
      </c>
      <c r="AC42586">
        <v>31</v>
      </c>
      <c r="AD42586">
        <v>32</v>
      </c>
      <c r="AE42586">
        <v>33</v>
      </c>
      <c r="AF42586">
        <v>34</v>
      </c>
      <c r="AG42586">
        <v>35</v>
      </c>
      <c r="AH42586">
        <v>35</v>
      </c>
      <c r="AI42586">
        <v>36</v>
      </c>
      <c r="AJ42586">
        <v>37</v>
      </c>
      <c r="AK42586">
        <v>38</v>
      </c>
      <c r="AL42586">
        <v>39</v>
      </c>
      <c r="AM42586">
        <v>39</v>
      </c>
      <c r="AN42586">
        <v>40</v>
      </c>
      <c r="AO42586">
        <v>40</v>
      </c>
      <c r="AP42586">
        <v>41</v>
      </c>
      <c r="AQ42586">
        <v>42</v>
      </c>
    </row>
    <row r="42587" spans="1:43">
      <c r="A42587" t="s">
        <v>26109</v>
      </c>
      <c r="B42587" t="s">
        <v>26110</v>
      </c>
      <c r="C42587" t="s">
        <v>21079</v>
      </c>
      <c r="D42587" t="s">
        <v>21080</v>
      </c>
      <c r="E42587" t="s">
        <v>20989</v>
      </c>
      <c r="F42587" t="s">
        <v>20990</v>
      </c>
      <c r="G42587" t="s">
        <v>20255</v>
      </c>
      <c r="H42587" t="s">
        <v>20256</v>
      </c>
      <c r="I42587" s="2">
        <v>0.99</v>
      </c>
      <c r="J42587" s="2">
        <v>0</v>
      </c>
      <c r="K42587" s="2">
        <v>0</v>
      </c>
      <c r="L42587" t="s">
        <v>120</v>
      </c>
      <c r="M42587" t="s">
        <v>87</v>
      </c>
      <c r="N42587" t="s">
        <v>88</v>
      </c>
      <c r="O42587" t="s">
        <v>85</v>
      </c>
      <c r="P42587" t="s">
        <v>86</v>
      </c>
      <c r="Q42587">
        <v>23</v>
      </c>
      <c r="R42587">
        <v>23</v>
      </c>
      <c r="S42587">
        <v>24</v>
      </c>
      <c r="T42587">
        <v>24</v>
      </c>
      <c r="U42587">
        <v>24</v>
      </c>
      <c r="V42587">
        <v>25</v>
      </c>
      <c r="W42587">
        <v>25</v>
      </c>
      <c r="X42587">
        <v>26</v>
      </c>
      <c r="Y42587">
        <v>26</v>
      </c>
      <c r="Z42587">
        <v>27</v>
      </c>
      <c r="AA42587">
        <v>27</v>
      </c>
      <c r="AB42587">
        <v>28</v>
      </c>
      <c r="AC42587">
        <v>28</v>
      </c>
      <c r="AD42587">
        <v>29</v>
      </c>
      <c r="AE42587">
        <v>29</v>
      </c>
      <c r="AF42587">
        <v>30</v>
      </c>
      <c r="AG42587">
        <v>30</v>
      </c>
      <c r="AH42587">
        <v>31</v>
      </c>
      <c r="AI42587">
        <v>32</v>
      </c>
      <c r="AJ42587">
        <v>32</v>
      </c>
      <c r="AK42587">
        <v>33</v>
      </c>
      <c r="AL42587">
        <v>33</v>
      </c>
      <c r="AM42587">
        <v>34</v>
      </c>
      <c r="AN42587">
        <v>35</v>
      </c>
      <c r="AO42587">
        <v>35</v>
      </c>
      <c r="AP42587">
        <v>36</v>
      </c>
      <c r="AQ42587">
        <v>37</v>
      </c>
    </row>
    <row r="42588" spans="1:43">
      <c r="A42588" t="s">
        <v>26109</v>
      </c>
      <c r="B42588" t="s">
        <v>26110</v>
      </c>
      <c r="C42588" t="s">
        <v>21079</v>
      </c>
      <c r="D42588" t="s">
        <v>21080</v>
      </c>
      <c r="E42588" t="s">
        <v>20989</v>
      </c>
      <c r="F42588" t="s">
        <v>20990</v>
      </c>
      <c r="G42588" t="s">
        <v>20255</v>
      </c>
      <c r="H42588" t="s">
        <v>20256</v>
      </c>
      <c r="I42588" s="2">
        <v>0.99</v>
      </c>
      <c r="J42588" s="2">
        <v>0</v>
      </c>
      <c r="K42588" s="2">
        <v>0</v>
      </c>
      <c r="L42588" t="s">
        <v>120</v>
      </c>
      <c r="M42588" t="s">
        <v>89</v>
      </c>
      <c r="N42588" t="s">
        <v>90</v>
      </c>
      <c r="O42588" t="s">
        <v>85</v>
      </c>
      <c r="P42588" t="s">
        <v>86</v>
      </c>
      <c r="Q42588">
        <v>23</v>
      </c>
      <c r="R42588">
        <v>24</v>
      </c>
      <c r="S42588">
        <v>25</v>
      </c>
      <c r="T42588">
        <v>26</v>
      </c>
      <c r="U42588">
        <v>27</v>
      </c>
      <c r="V42588">
        <v>27</v>
      </c>
      <c r="W42588">
        <v>28</v>
      </c>
      <c r="X42588">
        <v>29</v>
      </c>
      <c r="Y42588">
        <v>30</v>
      </c>
      <c r="Z42588">
        <v>31</v>
      </c>
      <c r="AA42588">
        <v>32</v>
      </c>
      <c r="AB42588">
        <v>32</v>
      </c>
      <c r="AC42588">
        <v>33</v>
      </c>
      <c r="AD42588">
        <v>34</v>
      </c>
      <c r="AE42588">
        <v>35</v>
      </c>
      <c r="AF42588">
        <v>36</v>
      </c>
      <c r="AG42588">
        <v>36</v>
      </c>
      <c r="AH42588">
        <v>37</v>
      </c>
      <c r="AI42588">
        <v>37</v>
      </c>
      <c r="AJ42588">
        <v>38</v>
      </c>
      <c r="AK42588">
        <v>38</v>
      </c>
      <c r="AL42588">
        <v>39</v>
      </c>
      <c r="AM42588">
        <v>40</v>
      </c>
      <c r="AN42588">
        <v>40</v>
      </c>
      <c r="AO42588">
        <v>41</v>
      </c>
      <c r="AP42588">
        <v>41</v>
      </c>
      <c r="AQ42588">
        <v>42</v>
      </c>
    </row>
    <row r="42589" spans="1:43">
      <c r="A42589" t="s">
        <v>26109</v>
      </c>
      <c r="B42589" t="s">
        <v>26110</v>
      </c>
      <c r="C42589" t="s">
        <v>21079</v>
      </c>
      <c r="D42589" t="s">
        <v>21080</v>
      </c>
      <c r="E42589" t="s">
        <v>20989</v>
      </c>
      <c r="F42589" t="s">
        <v>20990</v>
      </c>
      <c r="G42589" t="s">
        <v>20255</v>
      </c>
      <c r="H42589" t="s">
        <v>20256</v>
      </c>
      <c r="I42589" s="2">
        <v>0.99</v>
      </c>
      <c r="J42589" s="2">
        <v>0</v>
      </c>
      <c r="K42589" s="2">
        <v>0</v>
      </c>
      <c r="L42589" t="s">
        <v>120</v>
      </c>
      <c r="M42589" t="s">
        <v>83</v>
      </c>
      <c r="N42589" t="s">
        <v>91</v>
      </c>
      <c r="O42589" t="s">
        <v>85</v>
      </c>
      <c r="P42589" t="s">
        <v>86</v>
      </c>
      <c r="Q42589">
        <v>23</v>
      </c>
      <c r="R42589">
        <v>24</v>
      </c>
      <c r="S42589">
        <v>24</v>
      </c>
      <c r="T42589">
        <v>25</v>
      </c>
      <c r="U42589">
        <v>26</v>
      </c>
      <c r="V42589">
        <v>26</v>
      </c>
      <c r="W42589">
        <v>27</v>
      </c>
      <c r="X42589">
        <v>28</v>
      </c>
      <c r="Y42589">
        <v>28</v>
      </c>
      <c r="Z42589">
        <v>29</v>
      </c>
      <c r="AA42589">
        <v>30</v>
      </c>
      <c r="AB42589">
        <v>31</v>
      </c>
      <c r="AC42589">
        <v>31</v>
      </c>
      <c r="AD42589">
        <v>32</v>
      </c>
      <c r="AE42589">
        <v>33</v>
      </c>
      <c r="AF42589">
        <v>34</v>
      </c>
      <c r="AG42589">
        <v>35</v>
      </c>
      <c r="AH42589">
        <v>35</v>
      </c>
      <c r="AI42589">
        <v>36</v>
      </c>
      <c r="AJ42589">
        <v>37</v>
      </c>
      <c r="AK42589">
        <v>38</v>
      </c>
      <c r="AL42589">
        <v>39</v>
      </c>
      <c r="AM42589">
        <v>39</v>
      </c>
      <c r="AN42589">
        <v>40</v>
      </c>
      <c r="AO42589">
        <v>40</v>
      </c>
      <c r="AP42589">
        <v>41</v>
      </c>
      <c r="AQ42589">
        <v>42</v>
      </c>
    </row>
    <row r="42590" spans="1:43">
      <c r="A42590" t="s">
        <v>26111</v>
      </c>
      <c r="B42590" t="s">
        <v>26112</v>
      </c>
      <c r="C42590" t="s">
        <v>21079</v>
      </c>
      <c r="D42590" t="s">
        <v>21080</v>
      </c>
      <c r="E42590" t="s">
        <v>20989</v>
      </c>
      <c r="F42590" t="s">
        <v>20990</v>
      </c>
      <c r="G42590" t="s">
        <v>20255</v>
      </c>
      <c r="H42590" t="s">
        <v>20256</v>
      </c>
      <c r="I42590" s="2">
        <v>0.91</v>
      </c>
      <c r="J42590" s="2">
        <v>0</v>
      </c>
      <c r="K42590" s="2">
        <v>0</v>
      </c>
      <c r="L42590" t="s">
        <v>120</v>
      </c>
      <c r="M42590" t="s">
        <v>83</v>
      </c>
      <c r="N42590" t="s">
        <v>84</v>
      </c>
      <c r="O42590" t="s">
        <v>85</v>
      </c>
      <c r="P42590" t="s">
        <v>86</v>
      </c>
      <c r="Q42590">
        <v>20</v>
      </c>
      <c r="R42590">
        <v>21</v>
      </c>
      <c r="S42590">
        <v>21</v>
      </c>
      <c r="T42590">
        <v>22</v>
      </c>
      <c r="U42590">
        <v>22</v>
      </c>
      <c r="V42590">
        <v>23</v>
      </c>
      <c r="W42590">
        <v>24</v>
      </c>
      <c r="X42590">
        <v>24</v>
      </c>
      <c r="Y42590">
        <v>25</v>
      </c>
      <c r="Z42590">
        <v>26</v>
      </c>
      <c r="AA42590">
        <v>26</v>
      </c>
      <c r="AB42590">
        <v>27</v>
      </c>
      <c r="AC42590">
        <v>28</v>
      </c>
      <c r="AD42590">
        <v>28</v>
      </c>
      <c r="AE42590">
        <v>29</v>
      </c>
      <c r="AF42590">
        <v>30</v>
      </c>
      <c r="AG42590">
        <v>30</v>
      </c>
      <c r="AH42590">
        <v>31</v>
      </c>
      <c r="AI42590">
        <v>32</v>
      </c>
      <c r="AJ42590">
        <v>33</v>
      </c>
      <c r="AK42590">
        <v>33</v>
      </c>
      <c r="AL42590">
        <v>34</v>
      </c>
      <c r="AM42590">
        <v>34</v>
      </c>
      <c r="AN42590">
        <v>35</v>
      </c>
      <c r="AO42590">
        <v>36</v>
      </c>
      <c r="AP42590">
        <v>36</v>
      </c>
      <c r="AQ42590">
        <v>37</v>
      </c>
    </row>
    <row r="42591" spans="1:43">
      <c r="A42591" t="s">
        <v>26111</v>
      </c>
      <c r="B42591" t="s">
        <v>26112</v>
      </c>
      <c r="C42591" t="s">
        <v>21079</v>
      </c>
      <c r="D42591" t="s">
        <v>21080</v>
      </c>
      <c r="E42591" t="s">
        <v>20989</v>
      </c>
      <c r="F42591" t="s">
        <v>20990</v>
      </c>
      <c r="G42591" t="s">
        <v>20255</v>
      </c>
      <c r="H42591" t="s">
        <v>20256</v>
      </c>
      <c r="I42591" s="2">
        <v>0.91</v>
      </c>
      <c r="J42591" s="2">
        <v>0</v>
      </c>
      <c r="K42591" s="2">
        <v>0</v>
      </c>
      <c r="L42591" t="s">
        <v>120</v>
      </c>
      <c r="M42591" t="s">
        <v>87</v>
      </c>
      <c r="N42591" t="s">
        <v>88</v>
      </c>
      <c r="O42591" t="s">
        <v>85</v>
      </c>
      <c r="P42591" t="s">
        <v>86</v>
      </c>
      <c r="Q42591">
        <v>20</v>
      </c>
      <c r="R42591">
        <v>20</v>
      </c>
      <c r="S42591">
        <v>21</v>
      </c>
      <c r="T42591">
        <v>21</v>
      </c>
      <c r="U42591">
        <v>21</v>
      </c>
      <c r="V42591">
        <v>22</v>
      </c>
      <c r="W42591">
        <v>22</v>
      </c>
      <c r="X42591">
        <v>23</v>
      </c>
      <c r="Y42591">
        <v>23</v>
      </c>
      <c r="Z42591">
        <v>24</v>
      </c>
      <c r="AA42591">
        <v>24</v>
      </c>
      <c r="AB42591">
        <v>24</v>
      </c>
      <c r="AC42591">
        <v>25</v>
      </c>
      <c r="AD42591">
        <v>25</v>
      </c>
      <c r="AE42591">
        <v>26</v>
      </c>
      <c r="AF42591">
        <v>26</v>
      </c>
      <c r="AG42591">
        <v>27</v>
      </c>
      <c r="AH42591">
        <v>27</v>
      </c>
      <c r="AI42591">
        <v>28</v>
      </c>
      <c r="AJ42591">
        <v>28</v>
      </c>
      <c r="AK42591">
        <v>29</v>
      </c>
      <c r="AL42591">
        <v>29</v>
      </c>
      <c r="AM42591">
        <v>30</v>
      </c>
      <c r="AN42591">
        <v>30</v>
      </c>
      <c r="AO42591">
        <v>31</v>
      </c>
      <c r="AP42591">
        <v>32</v>
      </c>
      <c r="AQ42591">
        <v>32</v>
      </c>
    </row>
    <row r="42592" spans="1:43">
      <c r="A42592" t="s">
        <v>26111</v>
      </c>
      <c r="B42592" t="s">
        <v>26112</v>
      </c>
      <c r="C42592" t="s">
        <v>21079</v>
      </c>
      <c r="D42592" t="s">
        <v>21080</v>
      </c>
      <c r="E42592" t="s">
        <v>20989</v>
      </c>
      <c r="F42592" t="s">
        <v>20990</v>
      </c>
      <c r="G42592" t="s">
        <v>20255</v>
      </c>
      <c r="H42592" t="s">
        <v>20256</v>
      </c>
      <c r="I42592" s="2">
        <v>0.91</v>
      </c>
      <c r="J42592" s="2">
        <v>0</v>
      </c>
      <c r="K42592" s="2">
        <v>0</v>
      </c>
      <c r="L42592" t="s">
        <v>120</v>
      </c>
      <c r="M42592" t="s">
        <v>89</v>
      </c>
      <c r="N42592" t="s">
        <v>90</v>
      </c>
      <c r="O42592" t="s">
        <v>85</v>
      </c>
      <c r="P42592" t="s">
        <v>86</v>
      </c>
      <c r="Q42592">
        <v>20</v>
      </c>
      <c r="R42592">
        <v>21</v>
      </c>
      <c r="S42592">
        <v>22</v>
      </c>
      <c r="T42592">
        <v>23</v>
      </c>
      <c r="U42592">
        <v>23</v>
      </c>
      <c r="V42592">
        <v>24</v>
      </c>
      <c r="W42592">
        <v>25</v>
      </c>
      <c r="X42592">
        <v>26</v>
      </c>
      <c r="Y42592">
        <v>26</v>
      </c>
      <c r="Z42592">
        <v>27</v>
      </c>
      <c r="AA42592">
        <v>28</v>
      </c>
      <c r="AB42592">
        <v>29</v>
      </c>
      <c r="AC42592">
        <v>29</v>
      </c>
      <c r="AD42592">
        <v>30</v>
      </c>
      <c r="AE42592">
        <v>31</v>
      </c>
      <c r="AF42592">
        <v>31</v>
      </c>
      <c r="AG42592">
        <v>32</v>
      </c>
      <c r="AH42592">
        <v>32</v>
      </c>
      <c r="AI42592">
        <v>33</v>
      </c>
      <c r="AJ42592">
        <v>33</v>
      </c>
      <c r="AK42592">
        <v>34</v>
      </c>
      <c r="AL42592">
        <v>34</v>
      </c>
      <c r="AM42592">
        <v>35</v>
      </c>
      <c r="AN42592">
        <v>35</v>
      </c>
      <c r="AO42592">
        <v>36</v>
      </c>
      <c r="AP42592">
        <v>36</v>
      </c>
      <c r="AQ42592">
        <v>37</v>
      </c>
    </row>
    <row r="42593" spans="1:43">
      <c r="A42593" t="s">
        <v>26111</v>
      </c>
      <c r="B42593" t="s">
        <v>26112</v>
      </c>
      <c r="C42593" t="s">
        <v>21079</v>
      </c>
      <c r="D42593" t="s">
        <v>21080</v>
      </c>
      <c r="E42593" t="s">
        <v>20989</v>
      </c>
      <c r="F42593" t="s">
        <v>20990</v>
      </c>
      <c r="G42593" t="s">
        <v>20255</v>
      </c>
      <c r="H42593" t="s">
        <v>20256</v>
      </c>
      <c r="I42593" s="2">
        <v>0.91</v>
      </c>
      <c r="J42593" s="2">
        <v>0</v>
      </c>
      <c r="K42593" s="2">
        <v>0</v>
      </c>
      <c r="L42593" t="s">
        <v>120</v>
      </c>
      <c r="M42593" t="s">
        <v>83</v>
      </c>
      <c r="N42593" t="s">
        <v>91</v>
      </c>
      <c r="O42593" t="s">
        <v>85</v>
      </c>
      <c r="P42593" t="s">
        <v>86</v>
      </c>
      <c r="Q42593">
        <v>20</v>
      </c>
      <c r="R42593">
        <v>21</v>
      </c>
      <c r="S42593">
        <v>21</v>
      </c>
      <c r="T42593">
        <v>22</v>
      </c>
      <c r="U42593">
        <v>22</v>
      </c>
      <c r="V42593">
        <v>23</v>
      </c>
      <c r="W42593">
        <v>24</v>
      </c>
      <c r="X42593">
        <v>24</v>
      </c>
      <c r="Y42593">
        <v>25</v>
      </c>
      <c r="Z42593">
        <v>26</v>
      </c>
      <c r="AA42593">
        <v>26</v>
      </c>
      <c r="AB42593">
        <v>27</v>
      </c>
      <c r="AC42593">
        <v>28</v>
      </c>
      <c r="AD42593">
        <v>28</v>
      </c>
      <c r="AE42593">
        <v>29</v>
      </c>
      <c r="AF42593">
        <v>30</v>
      </c>
      <c r="AG42593">
        <v>30</v>
      </c>
      <c r="AH42593">
        <v>31</v>
      </c>
      <c r="AI42593">
        <v>32</v>
      </c>
      <c r="AJ42593">
        <v>33</v>
      </c>
      <c r="AK42593">
        <v>33</v>
      </c>
      <c r="AL42593">
        <v>34</v>
      </c>
      <c r="AM42593">
        <v>34</v>
      </c>
      <c r="AN42593">
        <v>35</v>
      </c>
      <c r="AO42593">
        <v>36</v>
      </c>
      <c r="AP42593">
        <v>36</v>
      </c>
      <c r="AQ42593">
        <v>37</v>
      </c>
    </row>
    <row r="42594" spans="1:43">
      <c r="A42594" t="s">
        <v>26113</v>
      </c>
      <c r="B42594" t="s">
        <v>26114</v>
      </c>
      <c r="C42594" t="s">
        <v>20995</v>
      </c>
      <c r="D42594" t="s">
        <v>20996</v>
      </c>
      <c r="E42594" t="s">
        <v>20989</v>
      </c>
      <c r="F42594" t="s">
        <v>20990</v>
      </c>
      <c r="G42594" t="s">
        <v>20255</v>
      </c>
      <c r="H42594" t="s">
        <v>20256</v>
      </c>
      <c r="I42594" s="2">
        <v>1</v>
      </c>
      <c r="J42594" s="2">
        <v>0</v>
      </c>
      <c r="K42594" s="2">
        <v>0</v>
      </c>
      <c r="L42594" t="s">
        <v>120</v>
      </c>
      <c r="M42594" t="s">
        <v>83</v>
      </c>
      <c r="N42594" t="s">
        <v>84</v>
      </c>
      <c r="O42594" t="s">
        <v>85</v>
      </c>
      <c r="P42594" t="s">
        <v>86</v>
      </c>
      <c r="Q42594">
        <v>55</v>
      </c>
      <c r="R42594">
        <v>57</v>
      </c>
      <c r="S42594">
        <v>58</v>
      </c>
      <c r="T42594">
        <v>60</v>
      </c>
      <c r="U42594">
        <v>62</v>
      </c>
      <c r="V42594">
        <v>63</v>
      </c>
      <c r="W42594">
        <v>65</v>
      </c>
      <c r="X42594">
        <v>67</v>
      </c>
      <c r="Y42594">
        <v>69</v>
      </c>
      <c r="Z42594">
        <v>70</v>
      </c>
      <c r="AA42594">
        <v>72</v>
      </c>
      <c r="AB42594">
        <v>74</v>
      </c>
      <c r="AC42594">
        <v>76</v>
      </c>
      <c r="AD42594">
        <v>78</v>
      </c>
      <c r="AE42594">
        <v>80</v>
      </c>
      <c r="AF42594">
        <v>82</v>
      </c>
      <c r="AG42594">
        <v>84</v>
      </c>
      <c r="AH42594">
        <v>86</v>
      </c>
      <c r="AI42594">
        <v>88</v>
      </c>
      <c r="AJ42594">
        <v>90</v>
      </c>
      <c r="AK42594">
        <v>92</v>
      </c>
      <c r="AL42594">
        <v>94</v>
      </c>
      <c r="AM42594">
        <v>96</v>
      </c>
      <c r="AN42594">
        <v>97</v>
      </c>
      <c r="AO42594">
        <v>99</v>
      </c>
      <c r="AP42594">
        <v>100</v>
      </c>
      <c r="AQ42594">
        <v>102</v>
      </c>
    </row>
    <row r="42595" spans="1:43">
      <c r="A42595" t="s">
        <v>26113</v>
      </c>
      <c r="B42595" t="s">
        <v>26114</v>
      </c>
      <c r="C42595" t="s">
        <v>20995</v>
      </c>
      <c r="D42595" t="s">
        <v>20996</v>
      </c>
      <c r="E42595" t="s">
        <v>20989</v>
      </c>
      <c r="F42595" t="s">
        <v>20990</v>
      </c>
      <c r="G42595" t="s">
        <v>20255</v>
      </c>
      <c r="H42595" t="s">
        <v>20256</v>
      </c>
      <c r="I42595" s="2">
        <v>1</v>
      </c>
      <c r="J42595" s="2">
        <v>0</v>
      </c>
      <c r="K42595" s="2">
        <v>0</v>
      </c>
      <c r="L42595" t="s">
        <v>120</v>
      </c>
      <c r="M42595" t="s">
        <v>87</v>
      </c>
      <c r="N42595" t="s">
        <v>88</v>
      </c>
      <c r="O42595" t="s">
        <v>85</v>
      </c>
      <c r="P42595" t="s">
        <v>86</v>
      </c>
      <c r="Q42595">
        <v>55</v>
      </c>
      <c r="R42595">
        <v>56</v>
      </c>
      <c r="S42595">
        <v>57</v>
      </c>
      <c r="T42595">
        <v>58</v>
      </c>
      <c r="U42595">
        <v>59</v>
      </c>
      <c r="V42595">
        <v>60</v>
      </c>
      <c r="W42595">
        <v>61</v>
      </c>
      <c r="X42595">
        <v>62</v>
      </c>
      <c r="Y42595">
        <v>64</v>
      </c>
      <c r="Z42595">
        <v>65</v>
      </c>
      <c r="AA42595">
        <v>66</v>
      </c>
      <c r="AB42595">
        <v>67</v>
      </c>
      <c r="AC42595">
        <v>68</v>
      </c>
      <c r="AD42595">
        <v>70</v>
      </c>
      <c r="AE42595">
        <v>71</v>
      </c>
      <c r="AF42595">
        <v>72</v>
      </c>
      <c r="AG42595">
        <v>74</v>
      </c>
      <c r="AH42595">
        <v>75</v>
      </c>
      <c r="AI42595">
        <v>76</v>
      </c>
      <c r="AJ42595">
        <v>78</v>
      </c>
      <c r="AK42595">
        <v>79</v>
      </c>
      <c r="AL42595">
        <v>80</v>
      </c>
      <c r="AM42595">
        <v>82</v>
      </c>
      <c r="AN42595">
        <v>83</v>
      </c>
      <c r="AO42595">
        <v>85</v>
      </c>
      <c r="AP42595">
        <v>87</v>
      </c>
      <c r="AQ42595">
        <v>88</v>
      </c>
    </row>
    <row r="42596" spans="1:43">
      <c r="A42596" t="s">
        <v>26113</v>
      </c>
      <c r="B42596" t="s">
        <v>26114</v>
      </c>
      <c r="C42596" t="s">
        <v>20995</v>
      </c>
      <c r="D42596" t="s">
        <v>20996</v>
      </c>
      <c r="E42596" t="s">
        <v>20989</v>
      </c>
      <c r="F42596" t="s">
        <v>20990</v>
      </c>
      <c r="G42596" t="s">
        <v>20255</v>
      </c>
      <c r="H42596" t="s">
        <v>20256</v>
      </c>
      <c r="I42596" s="2">
        <v>1</v>
      </c>
      <c r="J42596" s="2">
        <v>0</v>
      </c>
      <c r="K42596" s="2">
        <v>0</v>
      </c>
      <c r="L42596" t="s">
        <v>120</v>
      </c>
      <c r="M42596" t="s">
        <v>89</v>
      </c>
      <c r="N42596" t="s">
        <v>90</v>
      </c>
      <c r="O42596" t="s">
        <v>85</v>
      </c>
      <c r="P42596" t="s">
        <v>86</v>
      </c>
      <c r="Q42596">
        <v>55</v>
      </c>
      <c r="R42596">
        <v>57</v>
      </c>
      <c r="S42596">
        <v>59</v>
      </c>
      <c r="T42596">
        <v>61</v>
      </c>
      <c r="U42596">
        <v>63</v>
      </c>
      <c r="V42596">
        <v>65</v>
      </c>
      <c r="W42596">
        <v>67</v>
      </c>
      <c r="X42596">
        <v>69</v>
      </c>
      <c r="Y42596">
        <v>72</v>
      </c>
      <c r="Z42596">
        <v>74</v>
      </c>
      <c r="AA42596">
        <v>76</v>
      </c>
      <c r="AB42596">
        <v>78</v>
      </c>
      <c r="AC42596">
        <v>80</v>
      </c>
      <c r="AD42596">
        <v>83</v>
      </c>
      <c r="AE42596">
        <v>85</v>
      </c>
      <c r="AF42596">
        <v>86</v>
      </c>
      <c r="AG42596">
        <v>87</v>
      </c>
      <c r="AH42596">
        <v>89</v>
      </c>
      <c r="AI42596">
        <v>90</v>
      </c>
      <c r="AJ42596">
        <v>92</v>
      </c>
      <c r="AK42596">
        <v>93</v>
      </c>
      <c r="AL42596">
        <v>94</v>
      </c>
      <c r="AM42596">
        <v>96</v>
      </c>
      <c r="AN42596">
        <v>97</v>
      </c>
      <c r="AO42596">
        <v>99</v>
      </c>
      <c r="AP42596">
        <v>101</v>
      </c>
      <c r="AQ42596">
        <v>102</v>
      </c>
    </row>
    <row r="42597" spans="1:43">
      <c r="A42597" t="s">
        <v>26113</v>
      </c>
      <c r="B42597" t="s">
        <v>26114</v>
      </c>
      <c r="C42597" t="s">
        <v>20995</v>
      </c>
      <c r="D42597" t="s">
        <v>20996</v>
      </c>
      <c r="E42597" t="s">
        <v>20989</v>
      </c>
      <c r="F42597" t="s">
        <v>20990</v>
      </c>
      <c r="G42597" t="s">
        <v>20255</v>
      </c>
      <c r="H42597" t="s">
        <v>20256</v>
      </c>
      <c r="I42597" s="2">
        <v>1</v>
      </c>
      <c r="J42597" s="2">
        <v>0</v>
      </c>
      <c r="K42597" s="2">
        <v>0</v>
      </c>
      <c r="L42597" t="s">
        <v>120</v>
      </c>
      <c r="M42597" t="s">
        <v>83</v>
      </c>
      <c r="N42597" t="s">
        <v>91</v>
      </c>
      <c r="O42597" t="s">
        <v>85</v>
      </c>
      <c r="P42597" t="s">
        <v>86</v>
      </c>
      <c r="Q42597">
        <v>55</v>
      </c>
      <c r="R42597">
        <v>57</v>
      </c>
      <c r="S42597">
        <v>58</v>
      </c>
      <c r="T42597">
        <v>60</v>
      </c>
      <c r="U42597">
        <v>62</v>
      </c>
      <c r="V42597">
        <v>63</v>
      </c>
      <c r="W42597">
        <v>65</v>
      </c>
      <c r="X42597">
        <v>67</v>
      </c>
      <c r="Y42597">
        <v>69</v>
      </c>
      <c r="Z42597">
        <v>70</v>
      </c>
      <c r="AA42597">
        <v>72</v>
      </c>
      <c r="AB42597">
        <v>74</v>
      </c>
      <c r="AC42597">
        <v>76</v>
      </c>
      <c r="AD42597">
        <v>78</v>
      </c>
      <c r="AE42597">
        <v>80</v>
      </c>
      <c r="AF42597">
        <v>82</v>
      </c>
      <c r="AG42597">
        <v>84</v>
      </c>
      <c r="AH42597">
        <v>86</v>
      </c>
      <c r="AI42597">
        <v>88</v>
      </c>
      <c r="AJ42597">
        <v>90</v>
      </c>
      <c r="AK42597">
        <v>92</v>
      </c>
      <c r="AL42597">
        <v>94</v>
      </c>
      <c r="AM42597">
        <v>96</v>
      </c>
      <c r="AN42597">
        <v>97</v>
      </c>
      <c r="AO42597">
        <v>99</v>
      </c>
      <c r="AP42597">
        <v>100</v>
      </c>
      <c r="AQ42597">
        <v>102</v>
      </c>
    </row>
    <row r="42598" spans="1:43">
      <c r="A42598" t="s">
        <v>26115</v>
      </c>
      <c r="B42598" t="s">
        <v>26116</v>
      </c>
      <c r="C42598" t="s">
        <v>23949</v>
      </c>
      <c r="D42598" t="s">
        <v>23950</v>
      </c>
      <c r="E42598" t="s">
        <v>23891</v>
      </c>
      <c r="F42598" t="s">
        <v>23892</v>
      </c>
      <c r="G42598" t="s">
        <v>11612</v>
      </c>
      <c r="H42598" t="s">
        <v>11613</v>
      </c>
      <c r="I42598" s="2">
        <v>0</v>
      </c>
      <c r="J42598" s="2">
        <v>0</v>
      </c>
      <c r="K42598" s="2">
        <v>0.13</v>
      </c>
      <c r="L42598" t="s">
        <v>995</v>
      </c>
      <c r="M42598" t="s">
        <v>83</v>
      </c>
      <c r="N42598" t="s">
        <v>84</v>
      </c>
      <c r="O42598" t="s">
        <v>85</v>
      </c>
      <c r="P42598" t="s">
        <v>86</v>
      </c>
      <c r="Q42598">
        <v>4</v>
      </c>
      <c r="R42598">
        <v>4</v>
      </c>
      <c r="S42598">
        <v>4</v>
      </c>
      <c r="T42598">
        <v>5</v>
      </c>
      <c r="U42598">
        <v>5</v>
      </c>
      <c r="V42598">
        <v>5</v>
      </c>
      <c r="W42598">
        <v>5</v>
      </c>
      <c r="X42598">
        <v>5</v>
      </c>
      <c r="Y42598">
        <v>5</v>
      </c>
      <c r="Z42598">
        <v>6</v>
      </c>
      <c r="AA42598">
        <v>6</v>
      </c>
      <c r="AB42598">
        <v>6</v>
      </c>
      <c r="AC42598">
        <v>6</v>
      </c>
      <c r="AD42598">
        <v>6</v>
      </c>
      <c r="AE42598">
        <v>6</v>
      </c>
      <c r="AF42598">
        <v>7</v>
      </c>
      <c r="AG42598">
        <v>7</v>
      </c>
      <c r="AH42598">
        <v>7</v>
      </c>
      <c r="AI42598">
        <v>7</v>
      </c>
      <c r="AJ42598">
        <v>7</v>
      </c>
      <c r="AK42598">
        <v>8</v>
      </c>
      <c r="AL42598">
        <v>8</v>
      </c>
      <c r="AM42598">
        <v>8</v>
      </c>
      <c r="AN42598">
        <v>8</v>
      </c>
      <c r="AO42598">
        <v>8</v>
      </c>
      <c r="AP42598">
        <v>9</v>
      </c>
      <c r="AQ42598">
        <v>9</v>
      </c>
    </row>
    <row r="42599" spans="1:43">
      <c r="A42599" t="s">
        <v>26115</v>
      </c>
      <c r="B42599" t="s">
        <v>26116</v>
      </c>
      <c r="C42599" t="s">
        <v>23949</v>
      </c>
      <c r="D42599" t="s">
        <v>23950</v>
      </c>
      <c r="E42599" t="s">
        <v>23891</v>
      </c>
      <c r="F42599" t="s">
        <v>23892</v>
      </c>
      <c r="G42599" t="s">
        <v>11612</v>
      </c>
      <c r="H42599" t="s">
        <v>11613</v>
      </c>
      <c r="I42599" s="2">
        <v>0</v>
      </c>
      <c r="J42599" s="2">
        <v>0</v>
      </c>
      <c r="K42599" s="2">
        <v>0.13</v>
      </c>
      <c r="L42599" t="s">
        <v>995</v>
      </c>
      <c r="M42599" t="s">
        <v>87</v>
      </c>
      <c r="N42599" t="s">
        <v>88</v>
      </c>
      <c r="O42599" t="s">
        <v>85</v>
      </c>
      <c r="P42599" t="s">
        <v>86</v>
      </c>
      <c r="Q42599">
        <v>4</v>
      </c>
      <c r="R42599">
        <v>4</v>
      </c>
      <c r="S42599">
        <v>4</v>
      </c>
      <c r="T42599">
        <v>4</v>
      </c>
      <c r="U42599">
        <v>4</v>
      </c>
      <c r="V42599">
        <v>5</v>
      </c>
      <c r="W42599">
        <v>5</v>
      </c>
      <c r="X42599">
        <v>5</v>
      </c>
      <c r="Y42599">
        <v>5</v>
      </c>
      <c r="Z42599">
        <v>5</v>
      </c>
      <c r="AA42599">
        <v>5</v>
      </c>
      <c r="AB42599">
        <v>5</v>
      </c>
      <c r="AC42599">
        <v>5</v>
      </c>
      <c r="AD42599">
        <v>6</v>
      </c>
      <c r="AE42599">
        <v>6</v>
      </c>
      <c r="AF42599">
        <v>6</v>
      </c>
      <c r="AG42599">
        <v>6</v>
      </c>
      <c r="AH42599">
        <v>6</v>
      </c>
      <c r="AI42599">
        <v>6</v>
      </c>
      <c r="AJ42599">
        <v>6</v>
      </c>
      <c r="AK42599">
        <v>7</v>
      </c>
      <c r="AL42599">
        <v>7</v>
      </c>
      <c r="AM42599">
        <v>7</v>
      </c>
      <c r="AN42599">
        <v>7</v>
      </c>
      <c r="AO42599">
        <v>7</v>
      </c>
      <c r="AP42599">
        <v>7</v>
      </c>
      <c r="AQ42599">
        <v>8</v>
      </c>
    </row>
    <row r="42600" spans="1:43">
      <c r="A42600" t="s">
        <v>26115</v>
      </c>
      <c r="B42600" t="s">
        <v>26116</v>
      </c>
      <c r="C42600" t="s">
        <v>23949</v>
      </c>
      <c r="D42600" t="s">
        <v>23950</v>
      </c>
      <c r="E42600" t="s">
        <v>23891</v>
      </c>
      <c r="F42600" t="s">
        <v>23892</v>
      </c>
      <c r="G42600" t="s">
        <v>11612</v>
      </c>
      <c r="H42600" t="s">
        <v>11613</v>
      </c>
      <c r="I42600" s="2">
        <v>0</v>
      </c>
      <c r="J42600" s="2">
        <v>0</v>
      </c>
      <c r="K42600" s="2">
        <v>0.13</v>
      </c>
      <c r="L42600" t="s">
        <v>995</v>
      </c>
      <c r="M42600" t="s">
        <v>89</v>
      </c>
      <c r="N42600" t="s">
        <v>90</v>
      </c>
      <c r="O42600" t="s">
        <v>85</v>
      </c>
      <c r="P42600" t="s">
        <v>86</v>
      </c>
      <c r="Q42600">
        <v>4</v>
      </c>
      <c r="R42600">
        <v>4</v>
      </c>
      <c r="S42600">
        <v>5</v>
      </c>
      <c r="T42600">
        <v>5</v>
      </c>
      <c r="U42600">
        <v>5</v>
      </c>
      <c r="V42600">
        <v>5</v>
      </c>
      <c r="W42600">
        <v>5</v>
      </c>
      <c r="X42600">
        <v>5</v>
      </c>
      <c r="Y42600">
        <v>6</v>
      </c>
      <c r="Z42600">
        <v>6</v>
      </c>
      <c r="AA42600">
        <v>6</v>
      </c>
      <c r="AB42600">
        <v>6</v>
      </c>
      <c r="AC42600">
        <v>6</v>
      </c>
      <c r="AD42600">
        <v>7</v>
      </c>
      <c r="AE42600">
        <v>7</v>
      </c>
      <c r="AF42600">
        <v>7</v>
      </c>
      <c r="AG42600">
        <v>7</v>
      </c>
      <c r="AH42600">
        <v>7</v>
      </c>
      <c r="AI42600">
        <v>7</v>
      </c>
      <c r="AJ42600">
        <v>8</v>
      </c>
      <c r="AK42600">
        <v>8</v>
      </c>
      <c r="AL42600">
        <v>8</v>
      </c>
      <c r="AM42600">
        <v>8</v>
      </c>
      <c r="AN42600">
        <v>8</v>
      </c>
      <c r="AO42600">
        <v>8</v>
      </c>
      <c r="AP42600">
        <v>9</v>
      </c>
      <c r="AQ42600">
        <v>9</v>
      </c>
    </row>
    <row r="42601" spans="1:43">
      <c r="A42601" t="s">
        <v>26115</v>
      </c>
      <c r="B42601" t="s">
        <v>26116</v>
      </c>
      <c r="C42601" t="s">
        <v>23949</v>
      </c>
      <c r="D42601" t="s">
        <v>23950</v>
      </c>
      <c r="E42601" t="s">
        <v>23891</v>
      </c>
      <c r="F42601" t="s">
        <v>23892</v>
      </c>
      <c r="G42601" t="s">
        <v>11612</v>
      </c>
      <c r="H42601" t="s">
        <v>11613</v>
      </c>
      <c r="I42601" s="2">
        <v>0</v>
      </c>
      <c r="J42601" s="2">
        <v>0</v>
      </c>
      <c r="K42601" s="2">
        <v>0.13</v>
      </c>
      <c r="L42601" t="s">
        <v>995</v>
      </c>
      <c r="M42601" t="s">
        <v>83</v>
      </c>
      <c r="N42601" t="s">
        <v>91</v>
      </c>
      <c r="O42601" t="s">
        <v>85</v>
      </c>
      <c r="P42601" t="s">
        <v>86</v>
      </c>
      <c r="Q42601">
        <v>4</v>
      </c>
      <c r="R42601">
        <v>4</v>
      </c>
      <c r="S42601">
        <v>4</v>
      </c>
      <c r="T42601">
        <v>5</v>
      </c>
      <c r="U42601">
        <v>5</v>
      </c>
      <c r="V42601">
        <v>5</v>
      </c>
      <c r="W42601">
        <v>5</v>
      </c>
      <c r="X42601">
        <v>5</v>
      </c>
      <c r="Y42601">
        <v>5</v>
      </c>
      <c r="Z42601">
        <v>6</v>
      </c>
      <c r="AA42601">
        <v>6</v>
      </c>
      <c r="AB42601">
        <v>6</v>
      </c>
      <c r="AC42601">
        <v>6</v>
      </c>
      <c r="AD42601">
        <v>6</v>
      </c>
      <c r="AE42601">
        <v>6</v>
      </c>
      <c r="AF42601">
        <v>7</v>
      </c>
      <c r="AG42601">
        <v>7</v>
      </c>
      <c r="AH42601">
        <v>7</v>
      </c>
      <c r="AI42601">
        <v>7</v>
      </c>
      <c r="AJ42601">
        <v>7</v>
      </c>
      <c r="AK42601">
        <v>8</v>
      </c>
      <c r="AL42601">
        <v>8</v>
      </c>
      <c r="AM42601">
        <v>8</v>
      </c>
      <c r="AN42601">
        <v>8</v>
      </c>
      <c r="AO42601">
        <v>8</v>
      </c>
      <c r="AP42601">
        <v>9</v>
      </c>
      <c r="AQ42601">
        <v>9</v>
      </c>
    </row>
    <row r="42602" spans="1:43">
      <c r="A42602" t="s">
        <v>26117</v>
      </c>
      <c r="B42602" t="s">
        <v>26118</v>
      </c>
      <c r="C42602" t="s">
        <v>23949</v>
      </c>
      <c r="D42602" t="s">
        <v>23950</v>
      </c>
      <c r="E42602" t="s">
        <v>23891</v>
      </c>
      <c r="F42602" t="s">
        <v>23892</v>
      </c>
      <c r="G42602" t="s">
        <v>11612</v>
      </c>
      <c r="H42602" t="s">
        <v>11613</v>
      </c>
      <c r="I42602" s="2">
        <v>0</v>
      </c>
      <c r="J42602" s="2">
        <v>0</v>
      </c>
      <c r="K42602" s="2">
        <v>1</v>
      </c>
      <c r="L42602" t="s">
        <v>995</v>
      </c>
      <c r="M42602" t="s">
        <v>83</v>
      </c>
      <c r="N42602" t="s">
        <v>84</v>
      </c>
      <c r="O42602" t="s">
        <v>85</v>
      </c>
      <c r="P42602" t="s">
        <v>86</v>
      </c>
      <c r="Q42602">
        <v>3</v>
      </c>
      <c r="R42602">
        <v>3</v>
      </c>
      <c r="S42602">
        <v>3</v>
      </c>
      <c r="T42602">
        <v>3</v>
      </c>
      <c r="U42602">
        <v>3</v>
      </c>
      <c r="V42602">
        <v>3</v>
      </c>
      <c r="W42602">
        <v>3</v>
      </c>
      <c r="X42602">
        <v>3</v>
      </c>
      <c r="Y42602">
        <v>3</v>
      </c>
      <c r="Z42602">
        <v>4</v>
      </c>
      <c r="AA42602">
        <v>4</v>
      </c>
      <c r="AB42602">
        <v>4</v>
      </c>
      <c r="AC42602">
        <v>4</v>
      </c>
      <c r="AD42602">
        <v>4</v>
      </c>
      <c r="AE42602">
        <v>4</v>
      </c>
      <c r="AF42602">
        <v>4</v>
      </c>
      <c r="AG42602">
        <v>4</v>
      </c>
      <c r="AH42602">
        <v>5</v>
      </c>
      <c r="AI42602">
        <v>5</v>
      </c>
      <c r="AJ42602">
        <v>5</v>
      </c>
      <c r="AK42602">
        <v>5</v>
      </c>
      <c r="AL42602">
        <v>5</v>
      </c>
      <c r="AM42602">
        <v>5</v>
      </c>
      <c r="AN42602">
        <v>5</v>
      </c>
      <c r="AO42602">
        <v>5</v>
      </c>
      <c r="AP42602">
        <v>5</v>
      </c>
      <c r="AQ42602">
        <v>6</v>
      </c>
    </row>
    <row r="42603" spans="1:43">
      <c r="A42603" t="s">
        <v>26117</v>
      </c>
      <c r="B42603" t="s">
        <v>26118</v>
      </c>
      <c r="C42603" t="s">
        <v>23949</v>
      </c>
      <c r="D42603" t="s">
        <v>23950</v>
      </c>
      <c r="E42603" t="s">
        <v>23891</v>
      </c>
      <c r="F42603" t="s">
        <v>23892</v>
      </c>
      <c r="G42603" t="s">
        <v>11612</v>
      </c>
      <c r="H42603" t="s">
        <v>11613</v>
      </c>
      <c r="I42603" s="2">
        <v>0</v>
      </c>
      <c r="J42603" s="2">
        <v>0</v>
      </c>
      <c r="K42603" s="2">
        <v>1</v>
      </c>
      <c r="L42603" t="s">
        <v>995</v>
      </c>
      <c r="M42603" t="s">
        <v>87</v>
      </c>
      <c r="N42603" t="s">
        <v>88</v>
      </c>
      <c r="O42603" t="s">
        <v>85</v>
      </c>
      <c r="P42603" t="s">
        <v>86</v>
      </c>
      <c r="Q42603">
        <v>3</v>
      </c>
      <c r="R42603">
        <v>3</v>
      </c>
      <c r="S42603">
        <v>3</v>
      </c>
      <c r="T42603">
        <v>3</v>
      </c>
      <c r="U42603">
        <v>3</v>
      </c>
      <c r="V42603">
        <v>3</v>
      </c>
      <c r="W42603">
        <v>3</v>
      </c>
      <c r="X42603">
        <v>3</v>
      </c>
      <c r="Y42603">
        <v>3</v>
      </c>
      <c r="Z42603">
        <v>3</v>
      </c>
      <c r="AA42603">
        <v>3</v>
      </c>
      <c r="AB42603">
        <v>3</v>
      </c>
      <c r="AC42603">
        <v>3</v>
      </c>
      <c r="AD42603">
        <v>4</v>
      </c>
      <c r="AE42603">
        <v>4</v>
      </c>
      <c r="AF42603">
        <v>4</v>
      </c>
      <c r="AG42603">
        <v>4</v>
      </c>
      <c r="AH42603">
        <v>4</v>
      </c>
      <c r="AI42603">
        <v>4</v>
      </c>
      <c r="AJ42603">
        <v>4</v>
      </c>
      <c r="AK42603">
        <v>4</v>
      </c>
      <c r="AL42603">
        <v>4</v>
      </c>
      <c r="AM42603">
        <v>4</v>
      </c>
      <c r="AN42603">
        <v>5</v>
      </c>
      <c r="AO42603">
        <v>5</v>
      </c>
      <c r="AP42603">
        <v>5</v>
      </c>
      <c r="AQ42603">
        <v>5</v>
      </c>
    </row>
    <row r="42604" spans="1:43">
      <c r="A42604" t="s">
        <v>26117</v>
      </c>
      <c r="B42604" t="s">
        <v>26118</v>
      </c>
      <c r="C42604" t="s">
        <v>23949</v>
      </c>
      <c r="D42604" t="s">
        <v>23950</v>
      </c>
      <c r="E42604" t="s">
        <v>23891</v>
      </c>
      <c r="F42604" t="s">
        <v>23892</v>
      </c>
      <c r="G42604" t="s">
        <v>11612</v>
      </c>
      <c r="H42604" t="s">
        <v>11613</v>
      </c>
      <c r="I42604" s="2">
        <v>0</v>
      </c>
      <c r="J42604" s="2">
        <v>0</v>
      </c>
      <c r="K42604" s="2">
        <v>1</v>
      </c>
      <c r="L42604" t="s">
        <v>995</v>
      </c>
      <c r="M42604" t="s">
        <v>89</v>
      </c>
      <c r="N42604" t="s">
        <v>90</v>
      </c>
      <c r="O42604" t="s">
        <v>85</v>
      </c>
      <c r="P42604" t="s">
        <v>86</v>
      </c>
      <c r="Q42604">
        <v>3</v>
      </c>
      <c r="R42604">
        <v>3</v>
      </c>
      <c r="S42604">
        <v>3</v>
      </c>
      <c r="T42604">
        <v>3</v>
      </c>
      <c r="U42604">
        <v>3</v>
      </c>
      <c r="V42604">
        <v>3</v>
      </c>
      <c r="W42604">
        <v>3</v>
      </c>
      <c r="X42604">
        <v>4</v>
      </c>
      <c r="Y42604">
        <v>4</v>
      </c>
      <c r="Z42604">
        <v>4</v>
      </c>
      <c r="AA42604">
        <v>4</v>
      </c>
      <c r="AB42604">
        <v>4</v>
      </c>
      <c r="AC42604">
        <v>4</v>
      </c>
      <c r="AD42604">
        <v>4</v>
      </c>
      <c r="AE42604">
        <v>4</v>
      </c>
      <c r="AF42604">
        <v>5</v>
      </c>
      <c r="AG42604">
        <v>5</v>
      </c>
      <c r="AH42604">
        <v>5</v>
      </c>
      <c r="AI42604">
        <v>5</v>
      </c>
      <c r="AJ42604">
        <v>5</v>
      </c>
      <c r="AK42604">
        <v>5</v>
      </c>
      <c r="AL42604">
        <v>5</v>
      </c>
      <c r="AM42604">
        <v>5</v>
      </c>
      <c r="AN42604">
        <v>5</v>
      </c>
      <c r="AO42604">
        <v>5</v>
      </c>
      <c r="AP42604">
        <v>6</v>
      </c>
      <c r="AQ42604">
        <v>6</v>
      </c>
    </row>
    <row r="42605" spans="1:43">
      <c r="A42605" t="s">
        <v>26117</v>
      </c>
      <c r="B42605" t="s">
        <v>26118</v>
      </c>
      <c r="C42605" t="s">
        <v>23949</v>
      </c>
      <c r="D42605" t="s">
        <v>23950</v>
      </c>
      <c r="E42605" t="s">
        <v>23891</v>
      </c>
      <c r="F42605" t="s">
        <v>23892</v>
      </c>
      <c r="G42605" t="s">
        <v>11612</v>
      </c>
      <c r="H42605" t="s">
        <v>11613</v>
      </c>
      <c r="I42605" s="2">
        <v>0</v>
      </c>
      <c r="J42605" s="2">
        <v>0</v>
      </c>
      <c r="K42605" s="2">
        <v>1</v>
      </c>
      <c r="L42605" t="s">
        <v>995</v>
      </c>
      <c r="M42605" t="s">
        <v>83</v>
      </c>
      <c r="N42605" t="s">
        <v>91</v>
      </c>
      <c r="O42605" t="s">
        <v>85</v>
      </c>
      <c r="P42605" t="s">
        <v>86</v>
      </c>
      <c r="Q42605">
        <v>3</v>
      </c>
      <c r="R42605">
        <v>3</v>
      </c>
      <c r="S42605">
        <v>3</v>
      </c>
      <c r="T42605">
        <v>3</v>
      </c>
      <c r="U42605">
        <v>3</v>
      </c>
      <c r="V42605">
        <v>3</v>
      </c>
      <c r="W42605">
        <v>3</v>
      </c>
      <c r="X42605">
        <v>3</v>
      </c>
      <c r="Y42605">
        <v>3</v>
      </c>
      <c r="Z42605">
        <v>4</v>
      </c>
      <c r="AA42605">
        <v>4</v>
      </c>
      <c r="AB42605">
        <v>4</v>
      </c>
      <c r="AC42605">
        <v>4</v>
      </c>
      <c r="AD42605">
        <v>4</v>
      </c>
      <c r="AE42605">
        <v>4</v>
      </c>
      <c r="AF42605">
        <v>4</v>
      </c>
      <c r="AG42605">
        <v>4</v>
      </c>
      <c r="AH42605">
        <v>5</v>
      </c>
      <c r="AI42605">
        <v>5</v>
      </c>
      <c r="AJ42605">
        <v>5</v>
      </c>
      <c r="AK42605">
        <v>5</v>
      </c>
      <c r="AL42605">
        <v>5</v>
      </c>
      <c r="AM42605">
        <v>5</v>
      </c>
      <c r="AN42605">
        <v>5</v>
      </c>
      <c r="AO42605">
        <v>5</v>
      </c>
      <c r="AP42605">
        <v>5</v>
      </c>
      <c r="AQ42605">
        <v>6</v>
      </c>
    </row>
    <row r="42606" spans="1:43">
      <c r="A42606" t="s">
        <v>26119</v>
      </c>
      <c r="B42606" t="s">
        <v>26120</v>
      </c>
      <c r="C42606" t="s">
        <v>23949</v>
      </c>
      <c r="D42606" t="s">
        <v>23950</v>
      </c>
      <c r="E42606" t="s">
        <v>23891</v>
      </c>
      <c r="F42606" t="s">
        <v>23892</v>
      </c>
      <c r="G42606" t="s">
        <v>11612</v>
      </c>
      <c r="H42606" t="s">
        <v>11613</v>
      </c>
      <c r="I42606" s="2">
        <v>0</v>
      </c>
      <c r="J42606" s="2">
        <v>0</v>
      </c>
      <c r="K42606" s="2">
        <v>1</v>
      </c>
      <c r="L42606" t="s">
        <v>995</v>
      </c>
      <c r="M42606" t="s">
        <v>83</v>
      </c>
      <c r="N42606" t="s">
        <v>84</v>
      </c>
      <c r="O42606" t="s">
        <v>85</v>
      </c>
      <c r="P42606" t="s">
        <v>86</v>
      </c>
      <c r="Q42606">
        <v>32</v>
      </c>
      <c r="R42606">
        <v>33</v>
      </c>
      <c r="S42606">
        <v>35</v>
      </c>
      <c r="T42606">
        <v>36</v>
      </c>
      <c r="U42606">
        <v>37</v>
      </c>
      <c r="V42606">
        <v>38</v>
      </c>
      <c r="W42606">
        <v>39</v>
      </c>
      <c r="X42606">
        <v>41</v>
      </c>
      <c r="Y42606">
        <v>42</v>
      </c>
      <c r="Z42606">
        <v>43</v>
      </c>
      <c r="AA42606">
        <v>45</v>
      </c>
      <c r="AB42606">
        <v>46</v>
      </c>
      <c r="AC42606">
        <v>47</v>
      </c>
      <c r="AD42606">
        <v>49</v>
      </c>
      <c r="AE42606">
        <v>50</v>
      </c>
      <c r="AF42606">
        <v>52</v>
      </c>
      <c r="AG42606">
        <v>53</v>
      </c>
      <c r="AH42606">
        <v>55</v>
      </c>
      <c r="AI42606">
        <v>57</v>
      </c>
      <c r="AJ42606">
        <v>58</v>
      </c>
      <c r="AK42606">
        <v>60</v>
      </c>
      <c r="AL42606">
        <v>62</v>
      </c>
      <c r="AM42606">
        <v>63</v>
      </c>
      <c r="AN42606">
        <v>64</v>
      </c>
      <c r="AO42606">
        <v>65</v>
      </c>
      <c r="AP42606">
        <v>67</v>
      </c>
      <c r="AQ42606">
        <v>68</v>
      </c>
    </row>
    <row r="42607" spans="1:43">
      <c r="A42607" t="s">
        <v>26119</v>
      </c>
      <c r="B42607" t="s">
        <v>26120</v>
      </c>
      <c r="C42607" t="s">
        <v>23949</v>
      </c>
      <c r="D42607" t="s">
        <v>23950</v>
      </c>
      <c r="E42607" t="s">
        <v>23891</v>
      </c>
      <c r="F42607" t="s">
        <v>23892</v>
      </c>
      <c r="G42607" t="s">
        <v>11612</v>
      </c>
      <c r="H42607" t="s">
        <v>11613</v>
      </c>
      <c r="I42607" s="2">
        <v>0</v>
      </c>
      <c r="J42607" s="2">
        <v>0</v>
      </c>
      <c r="K42607" s="2">
        <v>1</v>
      </c>
      <c r="L42607" t="s">
        <v>995</v>
      </c>
      <c r="M42607" t="s">
        <v>87</v>
      </c>
      <c r="N42607" t="s">
        <v>88</v>
      </c>
      <c r="O42607" t="s">
        <v>85</v>
      </c>
      <c r="P42607" t="s">
        <v>86</v>
      </c>
      <c r="Q42607">
        <v>32</v>
      </c>
      <c r="R42607">
        <v>33</v>
      </c>
      <c r="S42607">
        <v>34</v>
      </c>
      <c r="T42607">
        <v>34</v>
      </c>
      <c r="U42607">
        <v>35</v>
      </c>
      <c r="V42607">
        <v>36</v>
      </c>
      <c r="W42607">
        <v>37</v>
      </c>
      <c r="X42607">
        <v>38</v>
      </c>
      <c r="Y42607">
        <v>39</v>
      </c>
      <c r="Z42607">
        <v>40</v>
      </c>
      <c r="AA42607">
        <v>41</v>
      </c>
      <c r="AB42607">
        <v>42</v>
      </c>
      <c r="AC42607">
        <v>43</v>
      </c>
      <c r="AD42607">
        <v>44</v>
      </c>
      <c r="AE42607">
        <v>45</v>
      </c>
      <c r="AF42607">
        <v>46</v>
      </c>
      <c r="AG42607">
        <v>47</v>
      </c>
      <c r="AH42607">
        <v>48</v>
      </c>
      <c r="AI42607">
        <v>49</v>
      </c>
      <c r="AJ42607">
        <v>50</v>
      </c>
      <c r="AK42607">
        <v>51</v>
      </c>
      <c r="AL42607">
        <v>53</v>
      </c>
      <c r="AM42607">
        <v>54</v>
      </c>
      <c r="AN42607">
        <v>55</v>
      </c>
      <c r="AO42607">
        <v>56</v>
      </c>
      <c r="AP42607">
        <v>58</v>
      </c>
      <c r="AQ42607">
        <v>59</v>
      </c>
    </row>
    <row r="42608" spans="1:43">
      <c r="A42608" t="s">
        <v>26119</v>
      </c>
      <c r="B42608" t="s">
        <v>26120</v>
      </c>
      <c r="C42608" t="s">
        <v>23949</v>
      </c>
      <c r="D42608" t="s">
        <v>23950</v>
      </c>
      <c r="E42608" t="s">
        <v>23891</v>
      </c>
      <c r="F42608" t="s">
        <v>23892</v>
      </c>
      <c r="G42608" t="s">
        <v>11612</v>
      </c>
      <c r="H42608" t="s">
        <v>11613</v>
      </c>
      <c r="I42608" s="2">
        <v>0</v>
      </c>
      <c r="J42608" s="2">
        <v>0</v>
      </c>
      <c r="K42608" s="2">
        <v>1</v>
      </c>
      <c r="L42608" t="s">
        <v>995</v>
      </c>
      <c r="M42608" t="s">
        <v>89</v>
      </c>
      <c r="N42608" t="s">
        <v>90</v>
      </c>
      <c r="O42608" t="s">
        <v>85</v>
      </c>
      <c r="P42608" t="s">
        <v>86</v>
      </c>
      <c r="Q42608">
        <v>32</v>
      </c>
      <c r="R42608">
        <v>33</v>
      </c>
      <c r="S42608">
        <v>34</v>
      </c>
      <c r="T42608">
        <v>36</v>
      </c>
      <c r="U42608">
        <v>37</v>
      </c>
      <c r="V42608">
        <v>39</v>
      </c>
      <c r="W42608">
        <v>40</v>
      </c>
      <c r="X42608">
        <v>42</v>
      </c>
      <c r="Y42608">
        <v>43</v>
      </c>
      <c r="Z42608">
        <v>45</v>
      </c>
      <c r="AA42608">
        <v>47</v>
      </c>
      <c r="AB42608">
        <v>48</v>
      </c>
      <c r="AC42608">
        <v>50</v>
      </c>
      <c r="AD42608">
        <v>52</v>
      </c>
      <c r="AE42608">
        <v>53</v>
      </c>
      <c r="AF42608">
        <v>54</v>
      </c>
      <c r="AG42608">
        <v>55</v>
      </c>
      <c r="AH42608">
        <v>56</v>
      </c>
      <c r="AI42608">
        <v>58</v>
      </c>
      <c r="AJ42608">
        <v>59</v>
      </c>
      <c r="AK42608">
        <v>60</v>
      </c>
      <c r="AL42608">
        <v>61</v>
      </c>
      <c r="AM42608">
        <v>62</v>
      </c>
      <c r="AN42608">
        <v>64</v>
      </c>
      <c r="AO42608">
        <v>65</v>
      </c>
      <c r="AP42608">
        <v>66</v>
      </c>
      <c r="AQ42608">
        <v>68</v>
      </c>
    </row>
    <row r="42609" spans="1:43">
      <c r="A42609" t="s">
        <v>26119</v>
      </c>
      <c r="B42609" t="s">
        <v>26120</v>
      </c>
      <c r="C42609" t="s">
        <v>23949</v>
      </c>
      <c r="D42609" t="s">
        <v>23950</v>
      </c>
      <c r="E42609" t="s">
        <v>23891</v>
      </c>
      <c r="F42609" t="s">
        <v>23892</v>
      </c>
      <c r="G42609" t="s">
        <v>11612</v>
      </c>
      <c r="H42609" t="s">
        <v>11613</v>
      </c>
      <c r="I42609" s="2">
        <v>0</v>
      </c>
      <c r="J42609" s="2">
        <v>0</v>
      </c>
      <c r="K42609" s="2">
        <v>1</v>
      </c>
      <c r="L42609" t="s">
        <v>995</v>
      </c>
      <c r="M42609" t="s">
        <v>83</v>
      </c>
      <c r="N42609" t="s">
        <v>91</v>
      </c>
      <c r="O42609" t="s">
        <v>85</v>
      </c>
      <c r="P42609" t="s">
        <v>86</v>
      </c>
      <c r="Q42609">
        <v>32</v>
      </c>
      <c r="R42609">
        <v>33</v>
      </c>
      <c r="S42609">
        <v>35</v>
      </c>
      <c r="T42609">
        <v>36</v>
      </c>
      <c r="U42609">
        <v>37</v>
      </c>
      <c r="V42609">
        <v>38</v>
      </c>
      <c r="W42609">
        <v>39</v>
      </c>
      <c r="X42609">
        <v>41</v>
      </c>
      <c r="Y42609">
        <v>42</v>
      </c>
      <c r="Z42609">
        <v>43</v>
      </c>
      <c r="AA42609">
        <v>45</v>
      </c>
      <c r="AB42609">
        <v>46</v>
      </c>
      <c r="AC42609">
        <v>47</v>
      </c>
      <c r="AD42609">
        <v>49</v>
      </c>
      <c r="AE42609">
        <v>50</v>
      </c>
      <c r="AF42609">
        <v>52</v>
      </c>
      <c r="AG42609">
        <v>53</v>
      </c>
      <c r="AH42609">
        <v>55</v>
      </c>
      <c r="AI42609">
        <v>57</v>
      </c>
      <c r="AJ42609">
        <v>58</v>
      </c>
      <c r="AK42609">
        <v>60</v>
      </c>
      <c r="AL42609">
        <v>62</v>
      </c>
      <c r="AM42609">
        <v>63</v>
      </c>
      <c r="AN42609">
        <v>64</v>
      </c>
      <c r="AO42609">
        <v>65</v>
      </c>
      <c r="AP42609">
        <v>67</v>
      </c>
      <c r="AQ42609">
        <v>68</v>
      </c>
    </row>
    <row r="42610" spans="1:43">
      <c r="A42610" t="s">
        <v>26121</v>
      </c>
      <c r="B42610" t="s">
        <v>26122</v>
      </c>
      <c r="C42610" t="s">
        <v>23949</v>
      </c>
      <c r="D42610" t="s">
        <v>23950</v>
      </c>
      <c r="E42610" t="s">
        <v>23891</v>
      </c>
      <c r="F42610" t="s">
        <v>23892</v>
      </c>
      <c r="G42610" t="s">
        <v>11612</v>
      </c>
      <c r="H42610" t="s">
        <v>11613</v>
      </c>
      <c r="I42610" s="2">
        <v>0</v>
      </c>
      <c r="J42610" s="2">
        <v>0</v>
      </c>
      <c r="K42610" s="2">
        <v>0.39</v>
      </c>
      <c r="L42610" t="s">
        <v>995</v>
      </c>
      <c r="M42610" t="s">
        <v>83</v>
      </c>
      <c r="N42610" t="s">
        <v>84</v>
      </c>
      <c r="O42610" t="s">
        <v>85</v>
      </c>
      <c r="P42610" t="s">
        <v>86</v>
      </c>
      <c r="Q42610">
        <v>11</v>
      </c>
      <c r="R42610">
        <v>11</v>
      </c>
      <c r="S42610">
        <v>11</v>
      </c>
      <c r="T42610">
        <v>12</v>
      </c>
      <c r="U42610">
        <v>12</v>
      </c>
      <c r="V42610">
        <v>12</v>
      </c>
      <c r="W42610">
        <v>13</v>
      </c>
      <c r="X42610">
        <v>13</v>
      </c>
      <c r="Y42610">
        <v>14</v>
      </c>
      <c r="Z42610">
        <v>14</v>
      </c>
      <c r="AA42610">
        <v>15</v>
      </c>
      <c r="AB42610">
        <v>15</v>
      </c>
      <c r="AC42610">
        <v>15</v>
      </c>
      <c r="AD42610">
        <v>16</v>
      </c>
      <c r="AE42610">
        <v>16</v>
      </c>
      <c r="AF42610">
        <v>17</v>
      </c>
      <c r="AG42610">
        <v>17</v>
      </c>
      <c r="AH42610">
        <v>18</v>
      </c>
      <c r="AI42610">
        <v>19</v>
      </c>
      <c r="AJ42610">
        <v>19</v>
      </c>
      <c r="AK42610">
        <v>20</v>
      </c>
      <c r="AL42610">
        <v>20</v>
      </c>
      <c r="AM42610">
        <v>21</v>
      </c>
      <c r="AN42610">
        <v>21</v>
      </c>
      <c r="AO42610">
        <v>21</v>
      </c>
      <c r="AP42610">
        <v>22</v>
      </c>
      <c r="AQ42610">
        <v>22</v>
      </c>
    </row>
    <row r="42611" spans="1:43">
      <c r="A42611" t="s">
        <v>26121</v>
      </c>
      <c r="B42611" t="s">
        <v>26122</v>
      </c>
      <c r="C42611" t="s">
        <v>23949</v>
      </c>
      <c r="D42611" t="s">
        <v>23950</v>
      </c>
      <c r="E42611" t="s">
        <v>23891</v>
      </c>
      <c r="F42611" t="s">
        <v>23892</v>
      </c>
      <c r="G42611" t="s">
        <v>11612</v>
      </c>
      <c r="H42611" t="s">
        <v>11613</v>
      </c>
      <c r="I42611" s="2">
        <v>0</v>
      </c>
      <c r="J42611" s="2">
        <v>0</v>
      </c>
      <c r="K42611" s="2">
        <v>0.39</v>
      </c>
      <c r="L42611" t="s">
        <v>995</v>
      </c>
      <c r="M42611" t="s">
        <v>87</v>
      </c>
      <c r="N42611" t="s">
        <v>88</v>
      </c>
      <c r="O42611" t="s">
        <v>85</v>
      </c>
      <c r="P42611" t="s">
        <v>86</v>
      </c>
      <c r="Q42611">
        <v>11</v>
      </c>
      <c r="R42611">
        <v>12</v>
      </c>
      <c r="S42611">
        <v>12</v>
      </c>
      <c r="T42611">
        <v>12</v>
      </c>
      <c r="U42611">
        <v>13</v>
      </c>
      <c r="V42611">
        <v>13</v>
      </c>
      <c r="W42611">
        <v>13</v>
      </c>
      <c r="X42611">
        <v>13</v>
      </c>
      <c r="Y42611">
        <v>14</v>
      </c>
      <c r="Z42611">
        <v>14</v>
      </c>
      <c r="AA42611">
        <v>14</v>
      </c>
      <c r="AB42611">
        <v>15</v>
      </c>
      <c r="AC42611">
        <v>15</v>
      </c>
      <c r="AD42611">
        <v>15</v>
      </c>
      <c r="AE42611">
        <v>16</v>
      </c>
      <c r="AF42611">
        <v>16</v>
      </c>
      <c r="AG42611">
        <v>16</v>
      </c>
      <c r="AH42611">
        <v>17</v>
      </c>
      <c r="AI42611">
        <v>17</v>
      </c>
      <c r="AJ42611">
        <v>17</v>
      </c>
      <c r="AK42611">
        <v>18</v>
      </c>
      <c r="AL42611">
        <v>18</v>
      </c>
      <c r="AM42611">
        <v>19</v>
      </c>
      <c r="AN42611">
        <v>19</v>
      </c>
      <c r="AO42611">
        <v>19</v>
      </c>
      <c r="AP42611">
        <v>20</v>
      </c>
      <c r="AQ42611">
        <v>20</v>
      </c>
    </row>
    <row r="42612" spans="1:43">
      <c r="A42612" t="s">
        <v>26121</v>
      </c>
      <c r="B42612" t="s">
        <v>26122</v>
      </c>
      <c r="C42612" t="s">
        <v>23949</v>
      </c>
      <c r="D42612" t="s">
        <v>23950</v>
      </c>
      <c r="E42612" t="s">
        <v>23891</v>
      </c>
      <c r="F42612" t="s">
        <v>23892</v>
      </c>
      <c r="G42612" t="s">
        <v>11612</v>
      </c>
      <c r="H42612" t="s">
        <v>11613</v>
      </c>
      <c r="I42612" s="2">
        <v>0</v>
      </c>
      <c r="J42612" s="2">
        <v>0</v>
      </c>
      <c r="K42612" s="2">
        <v>0.39</v>
      </c>
      <c r="L42612" t="s">
        <v>995</v>
      </c>
      <c r="M42612" t="s">
        <v>89</v>
      </c>
      <c r="N42612" t="s">
        <v>90</v>
      </c>
      <c r="O42612" t="s">
        <v>85</v>
      </c>
      <c r="P42612" t="s">
        <v>86</v>
      </c>
      <c r="Q42612">
        <v>11</v>
      </c>
      <c r="R42612">
        <v>11</v>
      </c>
      <c r="S42612">
        <v>12</v>
      </c>
      <c r="T42612">
        <v>12</v>
      </c>
      <c r="U42612">
        <v>13</v>
      </c>
      <c r="V42612">
        <v>13</v>
      </c>
      <c r="W42612">
        <v>13</v>
      </c>
      <c r="X42612">
        <v>14</v>
      </c>
      <c r="Y42612">
        <v>14</v>
      </c>
      <c r="Z42612">
        <v>15</v>
      </c>
      <c r="AA42612">
        <v>16</v>
      </c>
      <c r="AB42612">
        <v>16</v>
      </c>
      <c r="AC42612">
        <v>17</v>
      </c>
      <c r="AD42612">
        <v>17</v>
      </c>
      <c r="AE42612">
        <v>18</v>
      </c>
      <c r="AF42612">
        <v>18</v>
      </c>
      <c r="AG42612">
        <v>18</v>
      </c>
      <c r="AH42612">
        <v>19</v>
      </c>
      <c r="AI42612">
        <v>19</v>
      </c>
      <c r="AJ42612">
        <v>20</v>
      </c>
      <c r="AK42612">
        <v>20</v>
      </c>
      <c r="AL42612">
        <v>20</v>
      </c>
      <c r="AM42612">
        <v>21</v>
      </c>
      <c r="AN42612">
        <v>21</v>
      </c>
      <c r="AO42612">
        <v>22</v>
      </c>
      <c r="AP42612">
        <v>22</v>
      </c>
      <c r="AQ42612">
        <v>23</v>
      </c>
    </row>
    <row r="42613" spans="1:43">
      <c r="A42613" t="s">
        <v>26121</v>
      </c>
      <c r="B42613" t="s">
        <v>26122</v>
      </c>
      <c r="C42613" t="s">
        <v>23949</v>
      </c>
      <c r="D42613" t="s">
        <v>23950</v>
      </c>
      <c r="E42613" t="s">
        <v>23891</v>
      </c>
      <c r="F42613" t="s">
        <v>23892</v>
      </c>
      <c r="G42613" t="s">
        <v>11612</v>
      </c>
      <c r="H42613" t="s">
        <v>11613</v>
      </c>
      <c r="I42613" s="2">
        <v>0</v>
      </c>
      <c r="J42613" s="2">
        <v>0</v>
      </c>
      <c r="K42613" s="2">
        <v>0.39</v>
      </c>
      <c r="L42613" t="s">
        <v>995</v>
      </c>
      <c r="M42613" t="s">
        <v>83</v>
      </c>
      <c r="N42613" t="s">
        <v>91</v>
      </c>
      <c r="O42613" t="s">
        <v>85</v>
      </c>
      <c r="P42613" t="s">
        <v>86</v>
      </c>
      <c r="Q42613">
        <v>11</v>
      </c>
      <c r="R42613">
        <v>11</v>
      </c>
      <c r="S42613">
        <v>11</v>
      </c>
      <c r="T42613">
        <v>12</v>
      </c>
      <c r="U42613">
        <v>12</v>
      </c>
      <c r="V42613">
        <v>12</v>
      </c>
      <c r="W42613">
        <v>13</v>
      </c>
      <c r="X42613">
        <v>13</v>
      </c>
      <c r="Y42613">
        <v>14</v>
      </c>
      <c r="Z42613">
        <v>14</v>
      </c>
      <c r="AA42613">
        <v>15</v>
      </c>
      <c r="AB42613">
        <v>15</v>
      </c>
      <c r="AC42613">
        <v>15</v>
      </c>
      <c r="AD42613">
        <v>16</v>
      </c>
      <c r="AE42613">
        <v>16</v>
      </c>
      <c r="AF42613">
        <v>17</v>
      </c>
      <c r="AG42613">
        <v>17</v>
      </c>
      <c r="AH42613">
        <v>18</v>
      </c>
      <c r="AI42613">
        <v>19</v>
      </c>
      <c r="AJ42613">
        <v>19</v>
      </c>
      <c r="AK42613">
        <v>20</v>
      </c>
      <c r="AL42613">
        <v>20</v>
      </c>
      <c r="AM42613">
        <v>21</v>
      </c>
      <c r="AN42613">
        <v>21</v>
      </c>
      <c r="AO42613">
        <v>21</v>
      </c>
      <c r="AP42613">
        <v>22</v>
      </c>
      <c r="AQ42613">
        <v>22</v>
      </c>
    </row>
    <row r="42614" spans="1:43">
      <c r="A42614" t="s">
        <v>26123</v>
      </c>
      <c r="B42614" t="s">
        <v>26124</v>
      </c>
      <c r="C42614" t="s">
        <v>23897</v>
      </c>
      <c r="D42614" t="s">
        <v>23898</v>
      </c>
      <c r="E42614" t="s">
        <v>23891</v>
      </c>
      <c r="F42614" t="s">
        <v>23892</v>
      </c>
      <c r="G42614" t="s">
        <v>11612</v>
      </c>
      <c r="H42614" t="s">
        <v>11613</v>
      </c>
      <c r="I42614" s="2">
        <v>0</v>
      </c>
      <c r="J42614" s="2">
        <v>0</v>
      </c>
      <c r="K42614" s="2">
        <v>1</v>
      </c>
      <c r="L42614" t="s">
        <v>995</v>
      </c>
      <c r="M42614" t="s">
        <v>83</v>
      </c>
      <c r="N42614" t="s">
        <v>84</v>
      </c>
      <c r="O42614" t="s">
        <v>85</v>
      </c>
      <c r="P42614" t="s">
        <v>86</v>
      </c>
      <c r="Q42614">
        <v>12</v>
      </c>
      <c r="R42614">
        <v>13</v>
      </c>
      <c r="S42614">
        <v>13</v>
      </c>
      <c r="T42614">
        <v>13</v>
      </c>
      <c r="U42614">
        <v>14</v>
      </c>
      <c r="V42614">
        <v>14</v>
      </c>
      <c r="W42614">
        <v>15</v>
      </c>
      <c r="X42614">
        <v>15</v>
      </c>
      <c r="Y42614">
        <v>16</v>
      </c>
      <c r="Z42614">
        <v>16</v>
      </c>
      <c r="AA42614">
        <v>17</v>
      </c>
      <c r="AB42614">
        <v>17</v>
      </c>
      <c r="AC42614">
        <v>18</v>
      </c>
      <c r="AD42614">
        <v>18</v>
      </c>
      <c r="AE42614">
        <v>19</v>
      </c>
      <c r="AF42614">
        <v>20</v>
      </c>
      <c r="AG42614">
        <v>20</v>
      </c>
      <c r="AH42614">
        <v>21</v>
      </c>
      <c r="AI42614">
        <v>21</v>
      </c>
      <c r="AJ42614">
        <v>22</v>
      </c>
      <c r="AK42614">
        <v>23</v>
      </c>
      <c r="AL42614">
        <v>23</v>
      </c>
      <c r="AM42614">
        <v>24</v>
      </c>
      <c r="AN42614">
        <v>24</v>
      </c>
      <c r="AO42614">
        <v>25</v>
      </c>
      <c r="AP42614">
        <v>25</v>
      </c>
      <c r="AQ42614">
        <v>26</v>
      </c>
    </row>
    <row r="42615" spans="1:43">
      <c r="A42615" t="s">
        <v>26123</v>
      </c>
      <c r="B42615" t="s">
        <v>26124</v>
      </c>
      <c r="C42615" t="s">
        <v>23897</v>
      </c>
      <c r="D42615" t="s">
        <v>23898</v>
      </c>
      <c r="E42615" t="s">
        <v>23891</v>
      </c>
      <c r="F42615" t="s">
        <v>23892</v>
      </c>
      <c r="G42615" t="s">
        <v>11612</v>
      </c>
      <c r="H42615" t="s">
        <v>11613</v>
      </c>
      <c r="I42615" s="2">
        <v>0</v>
      </c>
      <c r="J42615" s="2">
        <v>0</v>
      </c>
      <c r="K42615" s="2">
        <v>1</v>
      </c>
      <c r="L42615" t="s">
        <v>995</v>
      </c>
      <c r="M42615" t="s">
        <v>87</v>
      </c>
      <c r="N42615" t="s">
        <v>88</v>
      </c>
      <c r="O42615" t="s">
        <v>85</v>
      </c>
      <c r="P42615" t="s">
        <v>86</v>
      </c>
      <c r="Q42615">
        <v>12</v>
      </c>
      <c r="R42615">
        <v>12</v>
      </c>
      <c r="S42615">
        <v>13</v>
      </c>
      <c r="T42615">
        <v>13</v>
      </c>
      <c r="U42615">
        <v>13</v>
      </c>
      <c r="V42615">
        <v>14</v>
      </c>
      <c r="W42615">
        <v>14</v>
      </c>
      <c r="X42615">
        <v>14</v>
      </c>
      <c r="Y42615">
        <v>15</v>
      </c>
      <c r="Z42615">
        <v>15</v>
      </c>
      <c r="AA42615">
        <v>15</v>
      </c>
      <c r="AB42615">
        <v>16</v>
      </c>
      <c r="AC42615">
        <v>16</v>
      </c>
      <c r="AD42615">
        <v>16</v>
      </c>
      <c r="AE42615">
        <v>17</v>
      </c>
      <c r="AF42615">
        <v>17</v>
      </c>
      <c r="AG42615">
        <v>18</v>
      </c>
      <c r="AH42615">
        <v>18</v>
      </c>
      <c r="AI42615">
        <v>19</v>
      </c>
      <c r="AJ42615">
        <v>19</v>
      </c>
      <c r="AK42615">
        <v>19</v>
      </c>
      <c r="AL42615">
        <v>20</v>
      </c>
      <c r="AM42615">
        <v>20</v>
      </c>
      <c r="AN42615">
        <v>21</v>
      </c>
      <c r="AO42615">
        <v>21</v>
      </c>
      <c r="AP42615">
        <v>22</v>
      </c>
      <c r="AQ42615">
        <v>22</v>
      </c>
    </row>
    <row r="42616" spans="1:43">
      <c r="A42616" t="s">
        <v>26123</v>
      </c>
      <c r="B42616" t="s">
        <v>26124</v>
      </c>
      <c r="C42616" t="s">
        <v>23897</v>
      </c>
      <c r="D42616" t="s">
        <v>23898</v>
      </c>
      <c r="E42616" t="s">
        <v>23891</v>
      </c>
      <c r="F42616" t="s">
        <v>23892</v>
      </c>
      <c r="G42616" t="s">
        <v>11612</v>
      </c>
      <c r="H42616" t="s">
        <v>11613</v>
      </c>
      <c r="I42616" s="2">
        <v>0</v>
      </c>
      <c r="J42616" s="2">
        <v>0</v>
      </c>
      <c r="K42616" s="2">
        <v>1</v>
      </c>
      <c r="L42616" t="s">
        <v>995</v>
      </c>
      <c r="M42616" t="s">
        <v>89</v>
      </c>
      <c r="N42616" t="s">
        <v>90</v>
      </c>
      <c r="O42616" t="s">
        <v>85</v>
      </c>
      <c r="P42616" t="s">
        <v>86</v>
      </c>
      <c r="Q42616">
        <v>12</v>
      </c>
      <c r="R42616">
        <v>13</v>
      </c>
      <c r="S42616">
        <v>13</v>
      </c>
      <c r="T42616">
        <v>14</v>
      </c>
      <c r="U42616">
        <v>14</v>
      </c>
      <c r="V42616">
        <v>15</v>
      </c>
      <c r="W42616">
        <v>16</v>
      </c>
      <c r="X42616">
        <v>16</v>
      </c>
      <c r="Y42616">
        <v>17</v>
      </c>
      <c r="Z42616">
        <v>17</v>
      </c>
      <c r="AA42616">
        <v>18</v>
      </c>
      <c r="AB42616">
        <v>19</v>
      </c>
      <c r="AC42616">
        <v>19</v>
      </c>
      <c r="AD42616">
        <v>20</v>
      </c>
      <c r="AE42616">
        <v>20</v>
      </c>
      <c r="AF42616">
        <v>21</v>
      </c>
      <c r="AG42616">
        <v>21</v>
      </c>
      <c r="AH42616">
        <v>22</v>
      </c>
      <c r="AI42616">
        <v>22</v>
      </c>
      <c r="AJ42616">
        <v>23</v>
      </c>
      <c r="AK42616">
        <v>23</v>
      </c>
      <c r="AL42616">
        <v>24</v>
      </c>
      <c r="AM42616">
        <v>24</v>
      </c>
      <c r="AN42616">
        <v>24</v>
      </c>
      <c r="AO42616">
        <v>25</v>
      </c>
      <c r="AP42616">
        <v>25</v>
      </c>
      <c r="AQ42616">
        <v>26</v>
      </c>
    </row>
    <row r="42617" spans="1:43">
      <c r="A42617" t="s">
        <v>26123</v>
      </c>
      <c r="B42617" t="s">
        <v>26124</v>
      </c>
      <c r="C42617" t="s">
        <v>23897</v>
      </c>
      <c r="D42617" t="s">
        <v>23898</v>
      </c>
      <c r="E42617" t="s">
        <v>23891</v>
      </c>
      <c r="F42617" t="s">
        <v>23892</v>
      </c>
      <c r="G42617" t="s">
        <v>11612</v>
      </c>
      <c r="H42617" t="s">
        <v>11613</v>
      </c>
      <c r="I42617" s="2">
        <v>0</v>
      </c>
      <c r="J42617" s="2">
        <v>0</v>
      </c>
      <c r="K42617" s="2">
        <v>1</v>
      </c>
      <c r="L42617" t="s">
        <v>995</v>
      </c>
      <c r="M42617" t="s">
        <v>83</v>
      </c>
      <c r="N42617" t="s">
        <v>91</v>
      </c>
      <c r="O42617" t="s">
        <v>85</v>
      </c>
      <c r="P42617" t="s">
        <v>86</v>
      </c>
      <c r="Q42617">
        <v>12</v>
      </c>
      <c r="R42617">
        <v>13</v>
      </c>
      <c r="S42617">
        <v>13</v>
      </c>
      <c r="T42617">
        <v>13</v>
      </c>
      <c r="U42617">
        <v>14</v>
      </c>
      <c r="V42617">
        <v>14</v>
      </c>
      <c r="W42617">
        <v>15</v>
      </c>
      <c r="X42617">
        <v>15</v>
      </c>
      <c r="Y42617">
        <v>16</v>
      </c>
      <c r="Z42617">
        <v>16</v>
      </c>
      <c r="AA42617">
        <v>17</v>
      </c>
      <c r="AB42617">
        <v>17</v>
      </c>
      <c r="AC42617">
        <v>18</v>
      </c>
      <c r="AD42617">
        <v>18</v>
      </c>
      <c r="AE42617">
        <v>19</v>
      </c>
      <c r="AF42617">
        <v>20</v>
      </c>
      <c r="AG42617">
        <v>20</v>
      </c>
      <c r="AH42617">
        <v>21</v>
      </c>
      <c r="AI42617">
        <v>21</v>
      </c>
      <c r="AJ42617">
        <v>22</v>
      </c>
      <c r="AK42617">
        <v>23</v>
      </c>
      <c r="AL42617">
        <v>23</v>
      </c>
      <c r="AM42617">
        <v>24</v>
      </c>
      <c r="AN42617">
        <v>24</v>
      </c>
      <c r="AO42617">
        <v>25</v>
      </c>
      <c r="AP42617">
        <v>25</v>
      </c>
      <c r="AQ42617">
        <v>26</v>
      </c>
    </row>
    <row r="42618" spans="1:43">
      <c r="A42618" t="s">
        <v>26125</v>
      </c>
      <c r="B42618" t="s">
        <v>26126</v>
      </c>
      <c r="C42618" t="s">
        <v>23897</v>
      </c>
      <c r="D42618" t="s">
        <v>23898</v>
      </c>
      <c r="E42618" t="s">
        <v>23891</v>
      </c>
      <c r="F42618" t="s">
        <v>23892</v>
      </c>
      <c r="G42618" t="s">
        <v>11612</v>
      </c>
      <c r="H42618" t="s">
        <v>11613</v>
      </c>
      <c r="I42618" s="2">
        <v>0</v>
      </c>
      <c r="J42618" s="2">
        <v>0</v>
      </c>
      <c r="K42618" s="2">
        <v>1</v>
      </c>
      <c r="L42618" t="s">
        <v>995</v>
      </c>
      <c r="M42618" t="s">
        <v>83</v>
      </c>
      <c r="N42618" t="s">
        <v>84</v>
      </c>
      <c r="O42618" t="s">
        <v>85</v>
      </c>
      <c r="P42618" t="s">
        <v>86</v>
      </c>
      <c r="Q42618">
        <v>23</v>
      </c>
      <c r="R42618">
        <v>24</v>
      </c>
      <c r="S42618">
        <v>24</v>
      </c>
      <c r="T42618">
        <v>25</v>
      </c>
      <c r="U42618">
        <v>26</v>
      </c>
      <c r="V42618">
        <v>27</v>
      </c>
      <c r="W42618">
        <v>28</v>
      </c>
      <c r="X42618">
        <v>29</v>
      </c>
      <c r="Y42618">
        <v>30</v>
      </c>
      <c r="Z42618">
        <v>31</v>
      </c>
      <c r="AA42618">
        <v>32</v>
      </c>
      <c r="AB42618">
        <v>33</v>
      </c>
      <c r="AC42618">
        <v>34</v>
      </c>
      <c r="AD42618">
        <v>35</v>
      </c>
      <c r="AE42618">
        <v>36</v>
      </c>
      <c r="AF42618">
        <v>37</v>
      </c>
      <c r="AG42618">
        <v>38</v>
      </c>
      <c r="AH42618">
        <v>39</v>
      </c>
      <c r="AI42618">
        <v>40</v>
      </c>
      <c r="AJ42618">
        <v>41</v>
      </c>
      <c r="AK42618">
        <v>43</v>
      </c>
      <c r="AL42618">
        <v>44</v>
      </c>
      <c r="AM42618">
        <v>45</v>
      </c>
      <c r="AN42618">
        <v>45</v>
      </c>
      <c r="AO42618">
        <v>46</v>
      </c>
      <c r="AP42618">
        <v>47</v>
      </c>
      <c r="AQ42618">
        <v>48</v>
      </c>
    </row>
    <row r="42619" spans="1:43">
      <c r="A42619" t="s">
        <v>26125</v>
      </c>
      <c r="B42619" t="s">
        <v>26126</v>
      </c>
      <c r="C42619" t="s">
        <v>23897</v>
      </c>
      <c r="D42619" t="s">
        <v>23898</v>
      </c>
      <c r="E42619" t="s">
        <v>23891</v>
      </c>
      <c r="F42619" t="s">
        <v>23892</v>
      </c>
      <c r="G42619" t="s">
        <v>11612</v>
      </c>
      <c r="H42619" t="s">
        <v>11613</v>
      </c>
      <c r="I42619" s="2">
        <v>0</v>
      </c>
      <c r="J42619" s="2">
        <v>0</v>
      </c>
      <c r="K42619" s="2">
        <v>1</v>
      </c>
      <c r="L42619" t="s">
        <v>995</v>
      </c>
      <c r="M42619" t="s">
        <v>87</v>
      </c>
      <c r="N42619" t="s">
        <v>88</v>
      </c>
      <c r="O42619" t="s">
        <v>85</v>
      </c>
      <c r="P42619" t="s">
        <v>86</v>
      </c>
      <c r="Q42619">
        <v>23</v>
      </c>
      <c r="R42619">
        <v>23</v>
      </c>
      <c r="S42619">
        <v>24</v>
      </c>
      <c r="T42619">
        <v>24</v>
      </c>
      <c r="U42619">
        <v>25</v>
      </c>
      <c r="V42619">
        <v>26</v>
      </c>
      <c r="W42619">
        <v>26</v>
      </c>
      <c r="X42619">
        <v>27</v>
      </c>
      <c r="Y42619">
        <v>27</v>
      </c>
      <c r="Z42619">
        <v>28</v>
      </c>
      <c r="AA42619">
        <v>29</v>
      </c>
      <c r="AB42619">
        <v>29</v>
      </c>
      <c r="AC42619">
        <v>30</v>
      </c>
      <c r="AD42619">
        <v>31</v>
      </c>
      <c r="AE42619">
        <v>32</v>
      </c>
      <c r="AF42619">
        <v>32</v>
      </c>
      <c r="AG42619">
        <v>33</v>
      </c>
      <c r="AH42619">
        <v>34</v>
      </c>
      <c r="AI42619">
        <v>35</v>
      </c>
      <c r="AJ42619">
        <v>36</v>
      </c>
      <c r="AK42619">
        <v>36</v>
      </c>
      <c r="AL42619">
        <v>37</v>
      </c>
      <c r="AM42619">
        <v>38</v>
      </c>
      <c r="AN42619">
        <v>39</v>
      </c>
      <c r="AO42619">
        <v>40</v>
      </c>
      <c r="AP42619">
        <v>41</v>
      </c>
      <c r="AQ42619">
        <v>42</v>
      </c>
    </row>
    <row r="42620" spans="1:43">
      <c r="A42620" t="s">
        <v>26125</v>
      </c>
      <c r="B42620" t="s">
        <v>26126</v>
      </c>
      <c r="C42620" t="s">
        <v>23897</v>
      </c>
      <c r="D42620" t="s">
        <v>23898</v>
      </c>
      <c r="E42620" t="s">
        <v>23891</v>
      </c>
      <c r="F42620" t="s">
        <v>23892</v>
      </c>
      <c r="G42620" t="s">
        <v>11612</v>
      </c>
      <c r="H42620" t="s">
        <v>11613</v>
      </c>
      <c r="I42620" s="2">
        <v>0</v>
      </c>
      <c r="J42620" s="2">
        <v>0</v>
      </c>
      <c r="K42620" s="2">
        <v>1</v>
      </c>
      <c r="L42620" t="s">
        <v>995</v>
      </c>
      <c r="M42620" t="s">
        <v>89</v>
      </c>
      <c r="N42620" t="s">
        <v>90</v>
      </c>
      <c r="O42620" t="s">
        <v>85</v>
      </c>
      <c r="P42620" t="s">
        <v>86</v>
      </c>
      <c r="Q42620">
        <v>23</v>
      </c>
      <c r="R42620">
        <v>24</v>
      </c>
      <c r="S42620">
        <v>25</v>
      </c>
      <c r="T42620">
        <v>26</v>
      </c>
      <c r="U42620">
        <v>27</v>
      </c>
      <c r="V42620">
        <v>28</v>
      </c>
      <c r="W42620">
        <v>29</v>
      </c>
      <c r="X42620">
        <v>30</v>
      </c>
      <c r="Y42620">
        <v>31</v>
      </c>
      <c r="Z42620">
        <v>33</v>
      </c>
      <c r="AA42620">
        <v>34</v>
      </c>
      <c r="AB42620">
        <v>35</v>
      </c>
      <c r="AC42620">
        <v>36</v>
      </c>
      <c r="AD42620">
        <v>37</v>
      </c>
      <c r="AE42620">
        <v>38</v>
      </c>
      <c r="AF42620">
        <v>39</v>
      </c>
      <c r="AG42620">
        <v>40</v>
      </c>
      <c r="AH42620">
        <v>41</v>
      </c>
      <c r="AI42620">
        <v>42</v>
      </c>
      <c r="AJ42620">
        <v>42</v>
      </c>
      <c r="AK42620">
        <v>43</v>
      </c>
      <c r="AL42620">
        <v>44</v>
      </c>
      <c r="AM42620">
        <v>45</v>
      </c>
      <c r="AN42620">
        <v>46</v>
      </c>
      <c r="AO42620">
        <v>47</v>
      </c>
      <c r="AP42620">
        <v>48</v>
      </c>
      <c r="AQ42620">
        <v>49</v>
      </c>
    </row>
    <row r="42621" spans="1:43">
      <c r="A42621" t="s">
        <v>26125</v>
      </c>
      <c r="B42621" t="s">
        <v>26126</v>
      </c>
      <c r="C42621" t="s">
        <v>23897</v>
      </c>
      <c r="D42621" t="s">
        <v>23898</v>
      </c>
      <c r="E42621" t="s">
        <v>23891</v>
      </c>
      <c r="F42621" t="s">
        <v>23892</v>
      </c>
      <c r="G42621" t="s">
        <v>11612</v>
      </c>
      <c r="H42621" t="s">
        <v>11613</v>
      </c>
      <c r="I42621" s="2">
        <v>0</v>
      </c>
      <c r="J42621" s="2">
        <v>0</v>
      </c>
      <c r="K42621" s="2">
        <v>1</v>
      </c>
      <c r="L42621" t="s">
        <v>995</v>
      </c>
      <c r="M42621" t="s">
        <v>83</v>
      </c>
      <c r="N42621" t="s">
        <v>91</v>
      </c>
      <c r="O42621" t="s">
        <v>85</v>
      </c>
      <c r="P42621" t="s">
        <v>86</v>
      </c>
      <c r="Q42621">
        <v>23</v>
      </c>
      <c r="R42621">
        <v>24</v>
      </c>
      <c r="S42621">
        <v>24</v>
      </c>
      <c r="T42621">
        <v>25</v>
      </c>
      <c r="U42621">
        <v>26</v>
      </c>
      <c r="V42621">
        <v>27</v>
      </c>
      <c r="W42621">
        <v>28</v>
      </c>
      <c r="X42621">
        <v>29</v>
      </c>
      <c r="Y42621">
        <v>30</v>
      </c>
      <c r="Z42621">
        <v>31</v>
      </c>
      <c r="AA42621">
        <v>32</v>
      </c>
      <c r="AB42621">
        <v>33</v>
      </c>
      <c r="AC42621">
        <v>34</v>
      </c>
      <c r="AD42621">
        <v>35</v>
      </c>
      <c r="AE42621">
        <v>36</v>
      </c>
      <c r="AF42621">
        <v>37</v>
      </c>
      <c r="AG42621">
        <v>38</v>
      </c>
      <c r="AH42621">
        <v>39</v>
      </c>
      <c r="AI42621">
        <v>40</v>
      </c>
      <c r="AJ42621">
        <v>41</v>
      </c>
      <c r="AK42621">
        <v>43</v>
      </c>
      <c r="AL42621">
        <v>44</v>
      </c>
      <c r="AM42621">
        <v>45</v>
      </c>
      <c r="AN42621">
        <v>45</v>
      </c>
      <c r="AO42621">
        <v>46</v>
      </c>
      <c r="AP42621">
        <v>47</v>
      </c>
      <c r="AQ42621">
        <v>48</v>
      </c>
    </row>
    <row r="42622" spans="1:43">
      <c r="A42622" t="s">
        <v>26127</v>
      </c>
      <c r="B42622" t="s">
        <v>26128</v>
      </c>
      <c r="C42622" t="s">
        <v>24539</v>
      </c>
      <c r="D42622" t="s">
        <v>24540</v>
      </c>
      <c r="E42622" t="s">
        <v>24517</v>
      </c>
      <c r="F42622" t="s">
        <v>24518</v>
      </c>
      <c r="G42622" t="s">
        <v>11612</v>
      </c>
      <c r="H42622" t="s">
        <v>11613</v>
      </c>
      <c r="I42622" s="2">
        <v>0</v>
      </c>
      <c r="J42622" s="2">
        <v>0</v>
      </c>
      <c r="K42622" s="2">
        <v>1</v>
      </c>
      <c r="L42622" t="s">
        <v>995</v>
      </c>
      <c r="M42622" t="s">
        <v>83</v>
      </c>
      <c r="N42622" t="s">
        <v>84</v>
      </c>
      <c r="O42622" t="s">
        <v>85</v>
      </c>
      <c r="P42622" t="s">
        <v>86</v>
      </c>
      <c r="Q42622">
        <v>4</v>
      </c>
      <c r="R42622">
        <v>4</v>
      </c>
      <c r="S42622">
        <v>4</v>
      </c>
      <c r="T42622">
        <v>4</v>
      </c>
      <c r="U42622">
        <v>4</v>
      </c>
      <c r="V42622">
        <v>4</v>
      </c>
      <c r="W42622">
        <v>4</v>
      </c>
      <c r="X42622">
        <v>4</v>
      </c>
      <c r="Y42622">
        <v>4</v>
      </c>
      <c r="Z42622">
        <v>4</v>
      </c>
      <c r="AA42622">
        <v>4</v>
      </c>
      <c r="AB42622">
        <v>4</v>
      </c>
      <c r="AC42622">
        <v>4</v>
      </c>
      <c r="AD42622">
        <v>5</v>
      </c>
      <c r="AE42622">
        <v>5</v>
      </c>
      <c r="AF42622">
        <v>5</v>
      </c>
      <c r="AG42622">
        <v>5</v>
      </c>
      <c r="AH42622">
        <v>5</v>
      </c>
      <c r="AI42622">
        <v>5</v>
      </c>
      <c r="AJ42622">
        <v>5</v>
      </c>
      <c r="AK42622">
        <v>5</v>
      </c>
      <c r="AL42622">
        <v>5</v>
      </c>
      <c r="AM42622">
        <v>5</v>
      </c>
      <c r="AN42622">
        <v>5</v>
      </c>
      <c r="AO42622">
        <v>5</v>
      </c>
      <c r="AP42622">
        <v>5</v>
      </c>
      <c r="AQ42622">
        <v>5</v>
      </c>
    </row>
    <row r="42623" spans="1:43">
      <c r="A42623" t="s">
        <v>26127</v>
      </c>
      <c r="B42623" t="s">
        <v>26128</v>
      </c>
      <c r="C42623" t="s">
        <v>24539</v>
      </c>
      <c r="D42623" t="s">
        <v>24540</v>
      </c>
      <c r="E42623" t="s">
        <v>24517</v>
      </c>
      <c r="F42623" t="s">
        <v>24518</v>
      </c>
      <c r="G42623" t="s">
        <v>11612</v>
      </c>
      <c r="H42623" t="s">
        <v>11613</v>
      </c>
      <c r="I42623" s="2">
        <v>0</v>
      </c>
      <c r="J42623" s="2">
        <v>0</v>
      </c>
      <c r="K42623" s="2">
        <v>1</v>
      </c>
      <c r="L42623" t="s">
        <v>995</v>
      </c>
      <c r="M42623" t="s">
        <v>87</v>
      </c>
      <c r="N42623" t="s">
        <v>88</v>
      </c>
      <c r="O42623" t="s">
        <v>85</v>
      </c>
      <c r="P42623" t="s">
        <v>86</v>
      </c>
      <c r="Q42623">
        <v>4</v>
      </c>
      <c r="R42623">
        <v>4</v>
      </c>
      <c r="S42623">
        <v>4</v>
      </c>
      <c r="T42623">
        <v>4</v>
      </c>
      <c r="U42623">
        <v>4</v>
      </c>
      <c r="V42623">
        <v>4</v>
      </c>
      <c r="W42623">
        <v>4</v>
      </c>
      <c r="X42623">
        <v>4</v>
      </c>
      <c r="Y42623">
        <v>4</v>
      </c>
      <c r="Z42623">
        <v>4</v>
      </c>
      <c r="AA42623">
        <v>4</v>
      </c>
      <c r="AB42623">
        <v>4</v>
      </c>
      <c r="AC42623">
        <v>4</v>
      </c>
      <c r="AD42623">
        <v>4</v>
      </c>
      <c r="AE42623">
        <v>4</v>
      </c>
      <c r="AF42623">
        <v>4</v>
      </c>
      <c r="AG42623">
        <v>4</v>
      </c>
      <c r="AH42623">
        <v>4</v>
      </c>
      <c r="AI42623">
        <v>4</v>
      </c>
      <c r="AJ42623">
        <v>4</v>
      </c>
      <c r="AK42623">
        <v>4</v>
      </c>
      <c r="AL42623">
        <v>4</v>
      </c>
      <c r="AM42623">
        <v>4</v>
      </c>
      <c r="AN42623">
        <v>4</v>
      </c>
      <c r="AO42623">
        <v>4</v>
      </c>
      <c r="AP42623">
        <v>4</v>
      </c>
      <c r="AQ42623">
        <v>4</v>
      </c>
    </row>
    <row r="42624" spans="1:43">
      <c r="A42624" t="s">
        <v>26127</v>
      </c>
      <c r="B42624" t="s">
        <v>26128</v>
      </c>
      <c r="C42624" t="s">
        <v>24539</v>
      </c>
      <c r="D42624" t="s">
        <v>24540</v>
      </c>
      <c r="E42624" t="s">
        <v>24517</v>
      </c>
      <c r="F42624" t="s">
        <v>24518</v>
      </c>
      <c r="G42624" t="s">
        <v>11612</v>
      </c>
      <c r="H42624" t="s">
        <v>11613</v>
      </c>
      <c r="I42624" s="2">
        <v>0</v>
      </c>
      <c r="J42624" s="2">
        <v>0</v>
      </c>
      <c r="K42624" s="2">
        <v>1</v>
      </c>
      <c r="L42624" t="s">
        <v>995</v>
      </c>
      <c r="M42624" t="s">
        <v>89</v>
      </c>
      <c r="N42624" t="s">
        <v>90</v>
      </c>
      <c r="O42624" t="s">
        <v>85</v>
      </c>
      <c r="P42624" t="s">
        <v>86</v>
      </c>
      <c r="Q42624">
        <v>4</v>
      </c>
      <c r="R42624">
        <v>4</v>
      </c>
      <c r="S42624">
        <v>4</v>
      </c>
      <c r="T42624">
        <v>4</v>
      </c>
      <c r="U42624">
        <v>4</v>
      </c>
      <c r="V42624">
        <v>4</v>
      </c>
      <c r="W42624">
        <v>4</v>
      </c>
      <c r="X42624">
        <v>4</v>
      </c>
      <c r="Y42624">
        <v>5</v>
      </c>
      <c r="Z42624">
        <v>5</v>
      </c>
      <c r="AA42624">
        <v>5</v>
      </c>
      <c r="AB42624">
        <v>5</v>
      </c>
      <c r="AC42624">
        <v>5</v>
      </c>
      <c r="AD42624">
        <v>5</v>
      </c>
      <c r="AE42624">
        <v>5</v>
      </c>
      <c r="AF42624">
        <v>5</v>
      </c>
      <c r="AG42624">
        <v>5</v>
      </c>
      <c r="AH42624">
        <v>5</v>
      </c>
      <c r="AI42624">
        <v>5</v>
      </c>
      <c r="AJ42624">
        <v>5</v>
      </c>
      <c r="AK42624">
        <v>5</v>
      </c>
      <c r="AL42624">
        <v>5</v>
      </c>
      <c r="AM42624">
        <v>5</v>
      </c>
      <c r="AN42624">
        <v>5</v>
      </c>
      <c r="AO42624">
        <v>5</v>
      </c>
      <c r="AP42624">
        <v>5</v>
      </c>
      <c r="AQ42624">
        <v>5</v>
      </c>
    </row>
    <row r="42625" spans="1:43">
      <c r="A42625" t="s">
        <v>26127</v>
      </c>
      <c r="B42625" t="s">
        <v>26128</v>
      </c>
      <c r="C42625" t="s">
        <v>24539</v>
      </c>
      <c r="D42625" t="s">
        <v>24540</v>
      </c>
      <c r="E42625" t="s">
        <v>24517</v>
      </c>
      <c r="F42625" t="s">
        <v>24518</v>
      </c>
      <c r="G42625" t="s">
        <v>11612</v>
      </c>
      <c r="H42625" t="s">
        <v>11613</v>
      </c>
      <c r="I42625" s="2">
        <v>0</v>
      </c>
      <c r="J42625" s="2">
        <v>0</v>
      </c>
      <c r="K42625" s="2">
        <v>1</v>
      </c>
      <c r="L42625" t="s">
        <v>995</v>
      </c>
      <c r="M42625" t="s">
        <v>83</v>
      </c>
      <c r="N42625" t="s">
        <v>91</v>
      </c>
      <c r="O42625" t="s">
        <v>85</v>
      </c>
      <c r="P42625" t="s">
        <v>86</v>
      </c>
      <c r="Q42625">
        <v>4</v>
      </c>
      <c r="R42625">
        <v>4</v>
      </c>
      <c r="S42625">
        <v>4</v>
      </c>
      <c r="T42625">
        <v>4</v>
      </c>
      <c r="U42625">
        <v>4</v>
      </c>
      <c r="V42625">
        <v>4</v>
      </c>
      <c r="W42625">
        <v>4</v>
      </c>
      <c r="X42625">
        <v>4</v>
      </c>
      <c r="Y42625">
        <v>4</v>
      </c>
      <c r="Z42625">
        <v>4</v>
      </c>
      <c r="AA42625">
        <v>4</v>
      </c>
      <c r="AB42625">
        <v>4</v>
      </c>
      <c r="AC42625">
        <v>4</v>
      </c>
      <c r="AD42625">
        <v>5</v>
      </c>
      <c r="AE42625">
        <v>5</v>
      </c>
      <c r="AF42625">
        <v>5</v>
      </c>
      <c r="AG42625">
        <v>5</v>
      </c>
      <c r="AH42625">
        <v>5</v>
      </c>
      <c r="AI42625">
        <v>5</v>
      </c>
      <c r="AJ42625">
        <v>5</v>
      </c>
      <c r="AK42625">
        <v>5</v>
      </c>
      <c r="AL42625">
        <v>5</v>
      </c>
      <c r="AM42625">
        <v>5</v>
      </c>
      <c r="AN42625">
        <v>5</v>
      </c>
      <c r="AO42625">
        <v>5</v>
      </c>
      <c r="AP42625">
        <v>5</v>
      </c>
      <c r="AQ42625">
        <v>5</v>
      </c>
    </row>
    <row r="42626" spans="1:43">
      <c r="A42626" t="s">
        <v>26129</v>
      </c>
      <c r="B42626" t="s">
        <v>26130</v>
      </c>
      <c r="C42626" t="s">
        <v>24539</v>
      </c>
      <c r="D42626" t="s">
        <v>24540</v>
      </c>
      <c r="E42626" t="s">
        <v>24517</v>
      </c>
      <c r="F42626" t="s">
        <v>24518</v>
      </c>
      <c r="G42626" t="s">
        <v>11612</v>
      </c>
      <c r="H42626" t="s">
        <v>11613</v>
      </c>
      <c r="I42626" s="2">
        <v>0</v>
      </c>
      <c r="J42626" s="2">
        <v>0</v>
      </c>
      <c r="K42626" s="2">
        <v>1</v>
      </c>
      <c r="L42626" t="s">
        <v>995</v>
      </c>
      <c r="M42626" t="s">
        <v>83</v>
      </c>
      <c r="N42626" t="s">
        <v>84</v>
      </c>
      <c r="O42626" t="s">
        <v>85</v>
      </c>
      <c r="P42626" t="s">
        <v>86</v>
      </c>
      <c r="Q42626">
        <v>12</v>
      </c>
      <c r="R42626">
        <v>12</v>
      </c>
      <c r="S42626">
        <v>13</v>
      </c>
      <c r="T42626">
        <v>13</v>
      </c>
      <c r="U42626">
        <v>13</v>
      </c>
      <c r="V42626">
        <v>13</v>
      </c>
      <c r="W42626">
        <v>13</v>
      </c>
      <c r="X42626">
        <v>13</v>
      </c>
      <c r="Y42626">
        <v>14</v>
      </c>
      <c r="Z42626">
        <v>14</v>
      </c>
      <c r="AA42626">
        <v>14</v>
      </c>
      <c r="AB42626">
        <v>14</v>
      </c>
      <c r="AC42626">
        <v>14</v>
      </c>
      <c r="AD42626">
        <v>14</v>
      </c>
      <c r="AE42626">
        <v>14</v>
      </c>
      <c r="AF42626">
        <v>15</v>
      </c>
      <c r="AG42626">
        <v>15</v>
      </c>
      <c r="AH42626">
        <v>15</v>
      </c>
      <c r="AI42626">
        <v>15</v>
      </c>
      <c r="AJ42626">
        <v>15</v>
      </c>
      <c r="AK42626">
        <v>15</v>
      </c>
      <c r="AL42626">
        <v>15</v>
      </c>
      <c r="AM42626">
        <v>15</v>
      </c>
      <c r="AN42626">
        <v>15</v>
      </c>
      <c r="AO42626">
        <v>16</v>
      </c>
      <c r="AP42626">
        <v>16</v>
      </c>
      <c r="AQ42626">
        <v>16</v>
      </c>
    </row>
    <row r="42627" spans="1:43">
      <c r="A42627" t="s">
        <v>26129</v>
      </c>
      <c r="B42627" t="s">
        <v>26130</v>
      </c>
      <c r="C42627" t="s">
        <v>24539</v>
      </c>
      <c r="D42627" t="s">
        <v>24540</v>
      </c>
      <c r="E42627" t="s">
        <v>24517</v>
      </c>
      <c r="F42627" t="s">
        <v>24518</v>
      </c>
      <c r="G42627" t="s">
        <v>11612</v>
      </c>
      <c r="H42627" t="s">
        <v>11613</v>
      </c>
      <c r="I42627" s="2">
        <v>0</v>
      </c>
      <c r="J42627" s="2">
        <v>0</v>
      </c>
      <c r="K42627" s="2">
        <v>1</v>
      </c>
      <c r="L42627" t="s">
        <v>995</v>
      </c>
      <c r="M42627" t="s">
        <v>87</v>
      </c>
      <c r="N42627" t="s">
        <v>88</v>
      </c>
      <c r="O42627" t="s">
        <v>85</v>
      </c>
      <c r="P42627" t="s">
        <v>86</v>
      </c>
      <c r="Q42627">
        <v>12</v>
      </c>
      <c r="R42627">
        <v>12</v>
      </c>
      <c r="S42627">
        <v>12</v>
      </c>
      <c r="T42627">
        <v>12</v>
      </c>
      <c r="U42627">
        <v>12</v>
      </c>
      <c r="V42627">
        <v>12</v>
      </c>
      <c r="W42627">
        <v>12</v>
      </c>
      <c r="X42627">
        <v>12</v>
      </c>
      <c r="Y42627">
        <v>13</v>
      </c>
      <c r="Z42627">
        <v>13</v>
      </c>
      <c r="AA42627">
        <v>13</v>
      </c>
      <c r="AB42627">
        <v>13</v>
      </c>
      <c r="AC42627">
        <v>13</v>
      </c>
      <c r="AD42627">
        <v>13</v>
      </c>
      <c r="AE42627">
        <v>13</v>
      </c>
      <c r="AF42627">
        <v>13</v>
      </c>
      <c r="AG42627">
        <v>13</v>
      </c>
      <c r="AH42627">
        <v>13</v>
      </c>
      <c r="AI42627">
        <v>13</v>
      </c>
      <c r="AJ42627">
        <v>13</v>
      </c>
      <c r="AK42627">
        <v>13</v>
      </c>
      <c r="AL42627">
        <v>13</v>
      </c>
      <c r="AM42627">
        <v>13</v>
      </c>
      <c r="AN42627">
        <v>13</v>
      </c>
      <c r="AO42627">
        <v>13</v>
      </c>
      <c r="AP42627">
        <v>13</v>
      </c>
      <c r="AQ42627">
        <v>14</v>
      </c>
    </row>
    <row r="42628" spans="1:43">
      <c r="A42628" t="s">
        <v>26129</v>
      </c>
      <c r="B42628" t="s">
        <v>26130</v>
      </c>
      <c r="C42628" t="s">
        <v>24539</v>
      </c>
      <c r="D42628" t="s">
        <v>24540</v>
      </c>
      <c r="E42628" t="s">
        <v>24517</v>
      </c>
      <c r="F42628" t="s">
        <v>24518</v>
      </c>
      <c r="G42628" t="s">
        <v>11612</v>
      </c>
      <c r="H42628" t="s">
        <v>11613</v>
      </c>
      <c r="I42628" s="2">
        <v>0</v>
      </c>
      <c r="J42628" s="2">
        <v>0</v>
      </c>
      <c r="K42628" s="2">
        <v>1</v>
      </c>
      <c r="L42628" t="s">
        <v>995</v>
      </c>
      <c r="M42628" t="s">
        <v>89</v>
      </c>
      <c r="N42628" t="s">
        <v>90</v>
      </c>
      <c r="O42628" t="s">
        <v>85</v>
      </c>
      <c r="P42628" t="s">
        <v>86</v>
      </c>
      <c r="Q42628">
        <v>12</v>
      </c>
      <c r="R42628">
        <v>13</v>
      </c>
      <c r="S42628">
        <v>13</v>
      </c>
      <c r="T42628">
        <v>13</v>
      </c>
      <c r="U42628">
        <v>13</v>
      </c>
      <c r="V42628">
        <v>14</v>
      </c>
      <c r="W42628">
        <v>14</v>
      </c>
      <c r="X42628">
        <v>14</v>
      </c>
      <c r="Y42628">
        <v>14</v>
      </c>
      <c r="Z42628">
        <v>15</v>
      </c>
      <c r="AA42628">
        <v>15</v>
      </c>
      <c r="AB42628">
        <v>15</v>
      </c>
      <c r="AC42628">
        <v>15</v>
      </c>
      <c r="AD42628">
        <v>15</v>
      </c>
      <c r="AE42628">
        <v>15</v>
      </c>
      <c r="AF42628">
        <v>16</v>
      </c>
      <c r="AG42628">
        <v>16</v>
      </c>
      <c r="AH42628">
        <v>16</v>
      </c>
      <c r="AI42628">
        <v>16</v>
      </c>
      <c r="AJ42628">
        <v>16</v>
      </c>
      <c r="AK42628">
        <v>16</v>
      </c>
      <c r="AL42628">
        <v>16</v>
      </c>
      <c r="AM42628">
        <v>16</v>
      </c>
      <c r="AN42628">
        <v>16</v>
      </c>
      <c r="AO42628">
        <v>16</v>
      </c>
      <c r="AP42628">
        <v>16</v>
      </c>
      <c r="AQ42628">
        <v>16</v>
      </c>
    </row>
    <row r="42629" spans="1:43">
      <c r="A42629" t="s">
        <v>26129</v>
      </c>
      <c r="B42629" t="s">
        <v>26130</v>
      </c>
      <c r="C42629" t="s">
        <v>24539</v>
      </c>
      <c r="D42629" t="s">
        <v>24540</v>
      </c>
      <c r="E42629" t="s">
        <v>24517</v>
      </c>
      <c r="F42629" t="s">
        <v>24518</v>
      </c>
      <c r="G42629" t="s">
        <v>11612</v>
      </c>
      <c r="H42629" t="s">
        <v>11613</v>
      </c>
      <c r="I42629" s="2">
        <v>0</v>
      </c>
      <c r="J42629" s="2">
        <v>0</v>
      </c>
      <c r="K42629" s="2">
        <v>1</v>
      </c>
      <c r="L42629" t="s">
        <v>995</v>
      </c>
      <c r="M42629" t="s">
        <v>83</v>
      </c>
      <c r="N42629" t="s">
        <v>91</v>
      </c>
      <c r="O42629" t="s">
        <v>85</v>
      </c>
      <c r="P42629" t="s">
        <v>86</v>
      </c>
      <c r="Q42629">
        <v>12</v>
      </c>
      <c r="R42629">
        <v>12</v>
      </c>
      <c r="S42629">
        <v>13</v>
      </c>
      <c r="T42629">
        <v>13</v>
      </c>
      <c r="U42629">
        <v>13</v>
      </c>
      <c r="V42629">
        <v>13</v>
      </c>
      <c r="W42629">
        <v>13</v>
      </c>
      <c r="X42629">
        <v>13</v>
      </c>
      <c r="Y42629">
        <v>14</v>
      </c>
      <c r="Z42629">
        <v>14</v>
      </c>
      <c r="AA42629">
        <v>14</v>
      </c>
      <c r="AB42629">
        <v>14</v>
      </c>
      <c r="AC42629">
        <v>14</v>
      </c>
      <c r="AD42629">
        <v>14</v>
      </c>
      <c r="AE42629">
        <v>14</v>
      </c>
      <c r="AF42629">
        <v>15</v>
      </c>
      <c r="AG42629">
        <v>15</v>
      </c>
      <c r="AH42629">
        <v>15</v>
      </c>
      <c r="AI42629">
        <v>15</v>
      </c>
      <c r="AJ42629">
        <v>15</v>
      </c>
      <c r="AK42629">
        <v>15</v>
      </c>
      <c r="AL42629">
        <v>15</v>
      </c>
      <c r="AM42629">
        <v>15</v>
      </c>
      <c r="AN42629">
        <v>15</v>
      </c>
      <c r="AO42629">
        <v>16</v>
      </c>
      <c r="AP42629">
        <v>16</v>
      </c>
      <c r="AQ42629">
        <v>16</v>
      </c>
    </row>
    <row r="42630" spans="1:43">
      <c r="A42630" t="s">
        <v>26131</v>
      </c>
      <c r="B42630" t="s">
        <v>26132</v>
      </c>
      <c r="C42630" t="s">
        <v>24535</v>
      </c>
      <c r="D42630" t="s">
        <v>24536</v>
      </c>
      <c r="E42630" t="s">
        <v>24517</v>
      </c>
      <c r="F42630" t="s">
        <v>24518</v>
      </c>
      <c r="G42630" t="s">
        <v>11612</v>
      </c>
      <c r="H42630" t="s">
        <v>11613</v>
      </c>
      <c r="I42630" s="2">
        <v>0</v>
      </c>
      <c r="J42630" s="2">
        <v>0</v>
      </c>
      <c r="K42630" s="2">
        <v>1</v>
      </c>
      <c r="L42630" t="s">
        <v>995</v>
      </c>
      <c r="M42630" t="s">
        <v>83</v>
      </c>
      <c r="N42630" t="s">
        <v>84</v>
      </c>
      <c r="O42630" t="s">
        <v>85</v>
      </c>
      <c r="P42630" t="s">
        <v>86</v>
      </c>
      <c r="Q42630">
        <v>8</v>
      </c>
      <c r="R42630">
        <v>8</v>
      </c>
      <c r="S42630">
        <v>8</v>
      </c>
      <c r="T42630">
        <v>8</v>
      </c>
      <c r="U42630">
        <v>8</v>
      </c>
      <c r="V42630">
        <v>8</v>
      </c>
      <c r="W42630">
        <v>8</v>
      </c>
      <c r="X42630">
        <v>8</v>
      </c>
      <c r="Y42630">
        <v>8</v>
      </c>
      <c r="Z42630">
        <v>8</v>
      </c>
      <c r="AA42630">
        <v>9</v>
      </c>
      <c r="AB42630">
        <v>9</v>
      </c>
      <c r="AC42630">
        <v>9</v>
      </c>
      <c r="AD42630">
        <v>9</v>
      </c>
      <c r="AE42630">
        <v>9</v>
      </c>
      <c r="AF42630">
        <v>9</v>
      </c>
      <c r="AG42630">
        <v>9</v>
      </c>
      <c r="AH42630">
        <v>9</v>
      </c>
      <c r="AI42630">
        <v>9</v>
      </c>
      <c r="AJ42630">
        <v>9</v>
      </c>
      <c r="AK42630">
        <v>9</v>
      </c>
      <c r="AL42630">
        <v>9</v>
      </c>
      <c r="AM42630">
        <v>10</v>
      </c>
      <c r="AN42630">
        <v>10</v>
      </c>
      <c r="AO42630">
        <v>10</v>
      </c>
      <c r="AP42630">
        <v>10</v>
      </c>
      <c r="AQ42630">
        <v>10</v>
      </c>
    </row>
    <row r="42631" spans="1:43">
      <c r="A42631" t="s">
        <v>26131</v>
      </c>
      <c r="B42631" t="s">
        <v>26132</v>
      </c>
      <c r="C42631" t="s">
        <v>24535</v>
      </c>
      <c r="D42631" t="s">
        <v>24536</v>
      </c>
      <c r="E42631" t="s">
        <v>24517</v>
      </c>
      <c r="F42631" t="s">
        <v>24518</v>
      </c>
      <c r="G42631" t="s">
        <v>11612</v>
      </c>
      <c r="H42631" t="s">
        <v>11613</v>
      </c>
      <c r="I42631" s="2">
        <v>0</v>
      </c>
      <c r="J42631" s="2">
        <v>0</v>
      </c>
      <c r="K42631" s="2">
        <v>1</v>
      </c>
      <c r="L42631" t="s">
        <v>995</v>
      </c>
      <c r="M42631" t="s">
        <v>87</v>
      </c>
      <c r="N42631" t="s">
        <v>88</v>
      </c>
      <c r="O42631" t="s">
        <v>85</v>
      </c>
      <c r="P42631" t="s">
        <v>86</v>
      </c>
      <c r="Q42631">
        <v>8</v>
      </c>
      <c r="R42631">
        <v>8</v>
      </c>
      <c r="S42631">
        <v>8</v>
      </c>
      <c r="T42631">
        <v>8</v>
      </c>
      <c r="U42631">
        <v>8</v>
      </c>
      <c r="V42631">
        <v>8</v>
      </c>
      <c r="W42631">
        <v>8</v>
      </c>
      <c r="X42631">
        <v>8</v>
      </c>
      <c r="Y42631">
        <v>8</v>
      </c>
      <c r="Z42631">
        <v>8</v>
      </c>
      <c r="AA42631">
        <v>8</v>
      </c>
      <c r="AB42631">
        <v>8</v>
      </c>
      <c r="AC42631">
        <v>8</v>
      </c>
      <c r="AD42631">
        <v>8</v>
      </c>
      <c r="AE42631">
        <v>8</v>
      </c>
      <c r="AF42631">
        <v>8</v>
      </c>
      <c r="AG42631">
        <v>8</v>
      </c>
      <c r="AH42631">
        <v>8</v>
      </c>
      <c r="AI42631">
        <v>8</v>
      </c>
      <c r="AJ42631">
        <v>8</v>
      </c>
      <c r="AK42631">
        <v>8</v>
      </c>
      <c r="AL42631">
        <v>8</v>
      </c>
      <c r="AM42631">
        <v>8</v>
      </c>
      <c r="AN42631">
        <v>8</v>
      </c>
      <c r="AO42631">
        <v>8</v>
      </c>
      <c r="AP42631">
        <v>8</v>
      </c>
      <c r="AQ42631">
        <v>8</v>
      </c>
    </row>
    <row r="42632" spans="1:43">
      <c r="A42632" t="s">
        <v>26131</v>
      </c>
      <c r="B42632" t="s">
        <v>26132</v>
      </c>
      <c r="C42632" t="s">
        <v>24535</v>
      </c>
      <c r="D42632" t="s">
        <v>24536</v>
      </c>
      <c r="E42632" t="s">
        <v>24517</v>
      </c>
      <c r="F42632" t="s">
        <v>24518</v>
      </c>
      <c r="G42632" t="s">
        <v>11612</v>
      </c>
      <c r="H42632" t="s">
        <v>11613</v>
      </c>
      <c r="I42632" s="2">
        <v>0</v>
      </c>
      <c r="J42632" s="2">
        <v>0</v>
      </c>
      <c r="K42632" s="2">
        <v>1</v>
      </c>
      <c r="L42632" t="s">
        <v>995</v>
      </c>
      <c r="M42632" t="s">
        <v>89</v>
      </c>
      <c r="N42632" t="s">
        <v>90</v>
      </c>
      <c r="O42632" t="s">
        <v>85</v>
      </c>
      <c r="P42632" t="s">
        <v>86</v>
      </c>
      <c r="Q42632">
        <v>8</v>
      </c>
      <c r="R42632">
        <v>8</v>
      </c>
      <c r="S42632">
        <v>8</v>
      </c>
      <c r="T42632">
        <v>8</v>
      </c>
      <c r="U42632">
        <v>8</v>
      </c>
      <c r="V42632">
        <v>8</v>
      </c>
      <c r="W42632">
        <v>9</v>
      </c>
      <c r="X42632">
        <v>9</v>
      </c>
      <c r="Y42632">
        <v>9</v>
      </c>
      <c r="Z42632">
        <v>9</v>
      </c>
      <c r="AA42632">
        <v>9</v>
      </c>
      <c r="AB42632">
        <v>9</v>
      </c>
      <c r="AC42632">
        <v>9</v>
      </c>
      <c r="AD42632">
        <v>10</v>
      </c>
      <c r="AE42632">
        <v>10</v>
      </c>
      <c r="AF42632">
        <v>10</v>
      </c>
      <c r="AG42632">
        <v>10</v>
      </c>
      <c r="AH42632">
        <v>10</v>
      </c>
      <c r="AI42632">
        <v>10</v>
      </c>
      <c r="AJ42632">
        <v>10</v>
      </c>
      <c r="AK42632">
        <v>10</v>
      </c>
      <c r="AL42632">
        <v>10</v>
      </c>
      <c r="AM42632">
        <v>10</v>
      </c>
      <c r="AN42632">
        <v>10</v>
      </c>
      <c r="AO42632">
        <v>10</v>
      </c>
      <c r="AP42632">
        <v>10</v>
      </c>
      <c r="AQ42632">
        <v>10</v>
      </c>
    </row>
    <row r="42633" spans="1:43">
      <c r="A42633" t="s">
        <v>26131</v>
      </c>
      <c r="B42633" t="s">
        <v>26132</v>
      </c>
      <c r="C42633" t="s">
        <v>24535</v>
      </c>
      <c r="D42633" t="s">
        <v>24536</v>
      </c>
      <c r="E42633" t="s">
        <v>24517</v>
      </c>
      <c r="F42633" t="s">
        <v>24518</v>
      </c>
      <c r="G42633" t="s">
        <v>11612</v>
      </c>
      <c r="H42633" t="s">
        <v>11613</v>
      </c>
      <c r="I42633" s="2">
        <v>0</v>
      </c>
      <c r="J42633" s="2">
        <v>0</v>
      </c>
      <c r="K42633" s="2">
        <v>1</v>
      </c>
      <c r="L42633" t="s">
        <v>995</v>
      </c>
      <c r="M42633" t="s">
        <v>83</v>
      </c>
      <c r="N42633" t="s">
        <v>91</v>
      </c>
      <c r="O42633" t="s">
        <v>85</v>
      </c>
      <c r="P42633" t="s">
        <v>86</v>
      </c>
      <c r="Q42633">
        <v>8</v>
      </c>
      <c r="R42633">
        <v>8</v>
      </c>
      <c r="S42633">
        <v>8</v>
      </c>
      <c r="T42633">
        <v>8</v>
      </c>
      <c r="U42633">
        <v>8</v>
      </c>
      <c r="V42633">
        <v>8</v>
      </c>
      <c r="W42633">
        <v>8</v>
      </c>
      <c r="X42633">
        <v>8</v>
      </c>
      <c r="Y42633">
        <v>8</v>
      </c>
      <c r="Z42633">
        <v>8</v>
      </c>
      <c r="AA42633">
        <v>9</v>
      </c>
      <c r="AB42633">
        <v>9</v>
      </c>
      <c r="AC42633">
        <v>9</v>
      </c>
      <c r="AD42633">
        <v>9</v>
      </c>
      <c r="AE42633">
        <v>9</v>
      </c>
      <c r="AF42633">
        <v>9</v>
      </c>
      <c r="AG42633">
        <v>9</v>
      </c>
      <c r="AH42633">
        <v>9</v>
      </c>
      <c r="AI42633">
        <v>9</v>
      </c>
      <c r="AJ42633">
        <v>9</v>
      </c>
      <c r="AK42633">
        <v>9</v>
      </c>
      <c r="AL42633">
        <v>9</v>
      </c>
      <c r="AM42633">
        <v>10</v>
      </c>
      <c r="AN42633">
        <v>10</v>
      </c>
      <c r="AO42633">
        <v>10</v>
      </c>
      <c r="AP42633">
        <v>10</v>
      </c>
      <c r="AQ42633">
        <v>10</v>
      </c>
    </row>
    <row r="42634" spans="1:43">
      <c r="A42634" t="s">
        <v>26133</v>
      </c>
      <c r="B42634" t="s">
        <v>26134</v>
      </c>
      <c r="C42634" t="s">
        <v>24535</v>
      </c>
      <c r="D42634" t="s">
        <v>24536</v>
      </c>
      <c r="E42634" t="s">
        <v>24517</v>
      </c>
      <c r="F42634" t="s">
        <v>24518</v>
      </c>
      <c r="G42634" t="s">
        <v>11612</v>
      </c>
      <c r="H42634" t="s">
        <v>11613</v>
      </c>
      <c r="I42634" s="2">
        <v>0</v>
      </c>
      <c r="J42634" s="2">
        <v>0</v>
      </c>
      <c r="K42634" s="2">
        <v>1</v>
      </c>
      <c r="L42634" t="s">
        <v>995</v>
      </c>
      <c r="M42634" t="s">
        <v>83</v>
      </c>
      <c r="N42634" t="s">
        <v>84</v>
      </c>
      <c r="O42634" t="s">
        <v>85</v>
      </c>
      <c r="P42634" t="s">
        <v>86</v>
      </c>
      <c r="Q42634">
        <v>5</v>
      </c>
      <c r="R42634">
        <v>5</v>
      </c>
      <c r="S42634">
        <v>5</v>
      </c>
      <c r="T42634">
        <v>5</v>
      </c>
      <c r="U42634">
        <v>5</v>
      </c>
      <c r="V42634">
        <v>5</v>
      </c>
      <c r="W42634">
        <v>5</v>
      </c>
      <c r="X42634">
        <v>5</v>
      </c>
      <c r="Y42634">
        <v>5</v>
      </c>
      <c r="Z42634">
        <v>5</v>
      </c>
      <c r="AA42634">
        <v>5</v>
      </c>
      <c r="AB42634">
        <v>5</v>
      </c>
      <c r="AC42634">
        <v>5</v>
      </c>
      <c r="AD42634">
        <v>5</v>
      </c>
      <c r="AE42634">
        <v>5</v>
      </c>
      <c r="AF42634">
        <v>5</v>
      </c>
      <c r="AG42634">
        <v>5</v>
      </c>
      <c r="AH42634">
        <v>6</v>
      </c>
      <c r="AI42634">
        <v>6</v>
      </c>
      <c r="AJ42634">
        <v>6</v>
      </c>
      <c r="AK42634">
        <v>6</v>
      </c>
      <c r="AL42634">
        <v>6</v>
      </c>
      <c r="AM42634">
        <v>6</v>
      </c>
      <c r="AN42634">
        <v>6</v>
      </c>
      <c r="AO42634">
        <v>6</v>
      </c>
      <c r="AP42634">
        <v>6</v>
      </c>
      <c r="AQ42634">
        <v>6</v>
      </c>
    </row>
    <row r="42635" spans="1:43">
      <c r="A42635" t="s">
        <v>26133</v>
      </c>
      <c r="B42635" t="s">
        <v>26134</v>
      </c>
      <c r="C42635" t="s">
        <v>24535</v>
      </c>
      <c r="D42635" t="s">
        <v>24536</v>
      </c>
      <c r="E42635" t="s">
        <v>24517</v>
      </c>
      <c r="F42635" t="s">
        <v>24518</v>
      </c>
      <c r="G42635" t="s">
        <v>11612</v>
      </c>
      <c r="H42635" t="s">
        <v>11613</v>
      </c>
      <c r="I42635" s="2">
        <v>0</v>
      </c>
      <c r="J42635" s="2">
        <v>0</v>
      </c>
      <c r="K42635" s="2">
        <v>1</v>
      </c>
      <c r="L42635" t="s">
        <v>995</v>
      </c>
      <c r="M42635" t="s">
        <v>87</v>
      </c>
      <c r="N42635" t="s">
        <v>88</v>
      </c>
      <c r="O42635" t="s">
        <v>85</v>
      </c>
      <c r="P42635" t="s">
        <v>86</v>
      </c>
      <c r="Q42635">
        <v>5</v>
      </c>
      <c r="R42635">
        <v>5</v>
      </c>
      <c r="S42635">
        <v>5</v>
      </c>
      <c r="T42635">
        <v>5</v>
      </c>
      <c r="U42635">
        <v>5</v>
      </c>
      <c r="V42635">
        <v>5</v>
      </c>
      <c r="W42635">
        <v>5</v>
      </c>
      <c r="X42635">
        <v>5</v>
      </c>
      <c r="Y42635">
        <v>5</v>
      </c>
      <c r="Z42635">
        <v>5</v>
      </c>
      <c r="AA42635">
        <v>5</v>
      </c>
      <c r="AB42635">
        <v>5</v>
      </c>
      <c r="AC42635">
        <v>5</v>
      </c>
      <c r="AD42635">
        <v>5</v>
      </c>
      <c r="AE42635">
        <v>5</v>
      </c>
      <c r="AF42635">
        <v>5</v>
      </c>
      <c r="AG42635">
        <v>5</v>
      </c>
      <c r="AH42635">
        <v>5</v>
      </c>
      <c r="AI42635">
        <v>5</v>
      </c>
      <c r="AJ42635">
        <v>5</v>
      </c>
      <c r="AK42635">
        <v>5</v>
      </c>
      <c r="AL42635">
        <v>5</v>
      </c>
      <c r="AM42635">
        <v>5</v>
      </c>
      <c r="AN42635">
        <v>5</v>
      </c>
      <c r="AO42635">
        <v>5</v>
      </c>
      <c r="AP42635">
        <v>5</v>
      </c>
      <c r="AQ42635">
        <v>5</v>
      </c>
    </row>
    <row r="42636" spans="1:43">
      <c r="A42636" t="s">
        <v>26133</v>
      </c>
      <c r="B42636" t="s">
        <v>26134</v>
      </c>
      <c r="C42636" t="s">
        <v>24535</v>
      </c>
      <c r="D42636" t="s">
        <v>24536</v>
      </c>
      <c r="E42636" t="s">
        <v>24517</v>
      </c>
      <c r="F42636" t="s">
        <v>24518</v>
      </c>
      <c r="G42636" t="s">
        <v>11612</v>
      </c>
      <c r="H42636" t="s">
        <v>11613</v>
      </c>
      <c r="I42636" s="2">
        <v>0</v>
      </c>
      <c r="J42636" s="2">
        <v>0</v>
      </c>
      <c r="K42636" s="2">
        <v>1</v>
      </c>
      <c r="L42636" t="s">
        <v>995</v>
      </c>
      <c r="M42636" t="s">
        <v>89</v>
      </c>
      <c r="N42636" t="s">
        <v>90</v>
      </c>
      <c r="O42636" t="s">
        <v>85</v>
      </c>
      <c r="P42636" t="s">
        <v>86</v>
      </c>
      <c r="Q42636">
        <v>5</v>
      </c>
      <c r="R42636">
        <v>5</v>
      </c>
      <c r="S42636">
        <v>5</v>
      </c>
      <c r="T42636">
        <v>5</v>
      </c>
      <c r="U42636">
        <v>5</v>
      </c>
      <c r="V42636">
        <v>5</v>
      </c>
      <c r="W42636">
        <v>5</v>
      </c>
      <c r="X42636">
        <v>5</v>
      </c>
      <c r="Y42636">
        <v>5</v>
      </c>
      <c r="Z42636">
        <v>5</v>
      </c>
      <c r="AA42636">
        <v>5</v>
      </c>
      <c r="AB42636">
        <v>6</v>
      </c>
      <c r="AC42636">
        <v>6</v>
      </c>
      <c r="AD42636">
        <v>6</v>
      </c>
      <c r="AE42636">
        <v>6</v>
      </c>
      <c r="AF42636">
        <v>6</v>
      </c>
      <c r="AG42636">
        <v>6</v>
      </c>
      <c r="AH42636">
        <v>6</v>
      </c>
      <c r="AI42636">
        <v>6</v>
      </c>
      <c r="AJ42636">
        <v>6</v>
      </c>
      <c r="AK42636">
        <v>6</v>
      </c>
      <c r="AL42636">
        <v>6</v>
      </c>
      <c r="AM42636">
        <v>6</v>
      </c>
      <c r="AN42636">
        <v>6</v>
      </c>
      <c r="AO42636">
        <v>6</v>
      </c>
      <c r="AP42636">
        <v>6</v>
      </c>
      <c r="AQ42636">
        <v>6</v>
      </c>
    </row>
    <row r="42637" spans="1:43">
      <c r="A42637" t="s">
        <v>26133</v>
      </c>
      <c r="B42637" t="s">
        <v>26134</v>
      </c>
      <c r="C42637" t="s">
        <v>24535</v>
      </c>
      <c r="D42637" t="s">
        <v>24536</v>
      </c>
      <c r="E42637" t="s">
        <v>24517</v>
      </c>
      <c r="F42637" t="s">
        <v>24518</v>
      </c>
      <c r="G42637" t="s">
        <v>11612</v>
      </c>
      <c r="H42637" t="s">
        <v>11613</v>
      </c>
      <c r="I42637" s="2">
        <v>0</v>
      </c>
      <c r="J42637" s="2">
        <v>0</v>
      </c>
      <c r="K42637" s="2">
        <v>1</v>
      </c>
      <c r="L42637" t="s">
        <v>995</v>
      </c>
      <c r="M42637" t="s">
        <v>83</v>
      </c>
      <c r="N42637" t="s">
        <v>91</v>
      </c>
      <c r="O42637" t="s">
        <v>85</v>
      </c>
      <c r="P42637" t="s">
        <v>86</v>
      </c>
      <c r="Q42637">
        <v>5</v>
      </c>
      <c r="R42637">
        <v>5</v>
      </c>
      <c r="S42637">
        <v>5</v>
      </c>
      <c r="T42637">
        <v>5</v>
      </c>
      <c r="U42637">
        <v>5</v>
      </c>
      <c r="V42637">
        <v>5</v>
      </c>
      <c r="W42637">
        <v>5</v>
      </c>
      <c r="X42637">
        <v>5</v>
      </c>
      <c r="Y42637">
        <v>5</v>
      </c>
      <c r="Z42637">
        <v>5</v>
      </c>
      <c r="AA42637">
        <v>5</v>
      </c>
      <c r="AB42637">
        <v>5</v>
      </c>
      <c r="AC42637">
        <v>5</v>
      </c>
      <c r="AD42637">
        <v>5</v>
      </c>
      <c r="AE42637">
        <v>5</v>
      </c>
      <c r="AF42637">
        <v>5</v>
      </c>
      <c r="AG42637">
        <v>5</v>
      </c>
      <c r="AH42637">
        <v>6</v>
      </c>
      <c r="AI42637">
        <v>6</v>
      </c>
      <c r="AJ42637">
        <v>6</v>
      </c>
      <c r="AK42637">
        <v>6</v>
      </c>
      <c r="AL42637">
        <v>6</v>
      </c>
      <c r="AM42637">
        <v>6</v>
      </c>
      <c r="AN42637">
        <v>6</v>
      </c>
      <c r="AO42637">
        <v>6</v>
      </c>
      <c r="AP42637">
        <v>6</v>
      </c>
      <c r="AQ42637">
        <v>6</v>
      </c>
    </row>
    <row r="42638" spans="1:43">
      <c r="A42638" t="s">
        <v>26135</v>
      </c>
      <c r="B42638" t="s">
        <v>26136</v>
      </c>
      <c r="C42638" t="s">
        <v>24547</v>
      </c>
      <c r="D42638" t="s">
        <v>24548</v>
      </c>
      <c r="E42638" t="s">
        <v>24517</v>
      </c>
      <c r="F42638" t="s">
        <v>24518</v>
      </c>
      <c r="G42638" t="s">
        <v>11612</v>
      </c>
      <c r="H42638" t="s">
        <v>11613</v>
      </c>
      <c r="I42638" s="2">
        <v>0</v>
      </c>
      <c r="J42638" s="2">
        <v>0</v>
      </c>
      <c r="K42638" s="2">
        <v>1</v>
      </c>
      <c r="L42638" t="s">
        <v>995</v>
      </c>
      <c r="M42638" t="s">
        <v>83</v>
      </c>
      <c r="N42638" t="s">
        <v>84</v>
      </c>
      <c r="O42638" t="s">
        <v>85</v>
      </c>
      <c r="P42638" t="s">
        <v>86</v>
      </c>
      <c r="Q42638">
        <v>38</v>
      </c>
      <c r="R42638">
        <v>39</v>
      </c>
      <c r="S42638">
        <v>39</v>
      </c>
      <c r="T42638">
        <v>40</v>
      </c>
      <c r="U42638">
        <v>41</v>
      </c>
      <c r="V42638">
        <v>41</v>
      </c>
      <c r="W42638">
        <v>42</v>
      </c>
      <c r="X42638">
        <v>42</v>
      </c>
      <c r="Y42638">
        <v>43</v>
      </c>
      <c r="Z42638">
        <v>44</v>
      </c>
      <c r="AA42638">
        <v>44</v>
      </c>
      <c r="AB42638">
        <v>45</v>
      </c>
      <c r="AC42638">
        <v>46</v>
      </c>
      <c r="AD42638">
        <v>46</v>
      </c>
      <c r="AE42638">
        <v>47</v>
      </c>
      <c r="AF42638">
        <v>47</v>
      </c>
      <c r="AG42638">
        <v>48</v>
      </c>
      <c r="AH42638">
        <v>49</v>
      </c>
      <c r="AI42638">
        <v>49</v>
      </c>
      <c r="AJ42638">
        <v>50</v>
      </c>
      <c r="AK42638">
        <v>51</v>
      </c>
      <c r="AL42638">
        <v>51</v>
      </c>
      <c r="AM42638">
        <v>51</v>
      </c>
      <c r="AN42638">
        <v>52</v>
      </c>
      <c r="AO42638">
        <v>52</v>
      </c>
      <c r="AP42638">
        <v>52</v>
      </c>
      <c r="AQ42638">
        <v>53</v>
      </c>
    </row>
    <row r="42639" spans="1:43">
      <c r="A42639" t="s">
        <v>26135</v>
      </c>
      <c r="B42639" t="s">
        <v>26136</v>
      </c>
      <c r="C42639" t="s">
        <v>24547</v>
      </c>
      <c r="D42639" t="s">
        <v>24548</v>
      </c>
      <c r="E42639" t="s">
        <v>24517</v>
      </c>
      <c r="F42639" t="s">
        <v>24518</v>
      </c>
      <c r="G42639" t="s">
        <v>11612</v>
      </c>
      <c r="H42639" t="s">
        <v>11613</v>
      </c>
      <c r="I42639" s="2">
        <v>0</v>
      </c>
      <c r="J42639" s="2">
        <v>0</v>
      </c>
      <c r="K42639" s="2">
        <v>1</v>
      </c>
      <c r="L42639" t="s">
        <v>995</v>
      </c>
      <c r="M42639" t="s">
        <v>87</v>
      </c>
      <c r="N42639" t="s">
        <v>88</v>
      </c>
      <c r="O42639" t="s">
        <v>85</v>
      </c>
      <c r="P42639" t="s">
        <v>86</v>
      </c>
      <c r="Q42639">
        <v>38</v>
      </c>
      <c r="R42639">
        <v>38</v>
      </c>
      <c r="S42639">
        <v>38</v>
      </c>
      <c r="T42639">
        <v>39</v>
      </c>
      <c r="U42639">
        <v>39</v>
      </c>
      <c r="V42639">
        <v>39</v>
      </c>
      <c r="W42639">
        <v>39</v>
      </c>
      <c r="X42639">
        <v>40</v>
      </c>
      <c r="Y42639">
        <v>40</v>
      </c>
      <c r="Z42639">
        <v>40</v>
      </c>
      <c r="AA42639">
        <v>40</v>
      </c>
      <c r="AB42639">
        <v>41</v>
      </c>
      <c r="AC42639">
        <v>41</v>
      </c>
      <c r="AD42639">
        <v>41</v>
      </c>
      <c r="AE42639">
        <v>42</v>
      </c>
      <c r="AF42639">
        <v>42</v>
      </c>
      <c r="AG42639">
        <v>42</v>
      </c>
      <c r="AH42639">
        <v>42</v>
      </c>
      <c r="AI42639">
        <v>43</v>
      </c>
      <c r="AJ42639">
        <v>43</v>
      </c>
      <c r="AK42639">
        <v>43</v>
      </c>
      <c r="AL42639">
        <v>44</v>
      </c>
      <c r="AM42639">
        <v>44</v>
      </c>
      <c r="AN42639">
        <v>44</v>
      </c>
      <c r="AO42639">
        <v>45</v>
      </c>
      <c r="AP42639">
        <v>45</v>
      </c>
      <c r="AQ42639">
        <v>45</v>
      </c>
    </row>
    <row r="42640" spans="1:43">
      <c r="A42640" t="s">
        <v>26135</v>
      </c>
      <c r="B42640" t="s">
        <v>26136</v>
      </c>
      <c r="C42640" t="s">
        <v>24547</v>
      </c>
      <c r="D42640" t="s">
        <v>24548</v>
      </c>
      <c r="E42640" t="s">
        <v>24517</v>
      </c>
      <c r="F42640" t="s">
        <v>24518</v>
      </c>
      <c r="G42640" t="s">
        <v>11612</v>
      </c>
      <c r="H42640" t="s">
        <v>11613</v>
      </c>
      <c r="I42640" s="2">
        <v>0</v>
      </c>
      <c r="J42640" s="2">
        <v>0</v>
      </c>
      <c r="K42640" s="2">
        <v>1</v>
      </c>
      <c r="L42640" t="s">
        <v>995</v>
      </c>
      <c r="M42640" t="s">
        <v>89</v>
      </c>
      <c r="N42640" t="s">
        <v>90</v>
      </c>
      <c r="O42640" t="s">
        <v>85</v>
      </c>
      <c r="P42640" t="s">
        <v>86</v>
      </c>
      <c r="Q42640">
        <v>38</v>
      </c>
      <c r="R42640">
        <v>39</v>
      </c>
      <c r="S42640">
        <v>40</v>
      </c>
      <c r="T42640">
        <v>41</v>
      </c>
      <c r="U42640">
        <v>42</v>
      </c>
      <c r="V42640">
        <v>43</v>
      </c>
      <c r="W42640">
        <v>44</v>
      </c>
      <c r="X42640">
        <v>45</v>
      </c>
      <c r="Y42640">
        <v>46</v>
      </c>
      <c r="Z42640">
        <v>46</v>
      </c>
      <c r="AA42640">
        <v>47</v>
      </c>
      <c r="AB42640">
        <v>48</v>
      </c>
      <c r="AC42640">
        <v>49</v>
      </c>
      <c r="AD42640">
        <v>50</v>
      </c>
      <c r="AE42640">
        <v>50</v>
      </c>
      <c r="AF42640">
        <v>50</v>
      </c>
      <c r="AG42640">
        <v>51</v>
      </c>
      <c r="AH42640">
        <v>51</v>
      </c>
      <c r="AI42640">
        <v>51</v>
      </c>
      <c r="AJ42640">
        <v>52</v>
      </c>
      <c r="AK42640">
        <v>52</v>
      </c>
      <c r="AL42640">
        <v>52</v>
      </c>
      <c r="AM42640">
        <v>52</v>
      </c>
      <c r="AN42640">
        <v>53</v>
      </c>
      <c r="AO42640">
        <v>53</v>
      </c>
      <c r="AP42640">
        <v>53</v>
      </c>
      <c r="AQ42640">
        <v>54</v>
      </c>
    </row>
    <row r="42641" spans="1:43">
      <c r="A42641" t="s">
        <v>26135</v>
      </c>
      <c r="B42641" t="s">
        <v>26136</v>
      </c>
      <c r="C42641" t="s">
        <v>24547</v>
      </c>
      <c r="D42641" t="s">
        <v>24548</v>
      </c>
      <c r="E42641" t="s">
        <v>24517</v>
      </c>
      <c r="F42641" t="s">
        <v>24518</v>
      </c>
      <c r="G42641" t="s">
        <v>11612</v>
      </c>
      <c r="H42641" t="s">
        <v>11613</v>
      </c>
      <c r="I42641" s="2">
        <v>0</v>
      </c>
      <c r="J42641" s="2">
        <v>0</v>
      </c>
      <c r="K42641" s="2">
        <v>1</v>
      </c>
      <c r="L42641" t="s">
        <v>995</v>
      </c>
      <c r="M42641" t="s">
        <v>83</v>
      </c>
      <c r="N42641" t="s">
        <v>91</v>
      </c>
      <c r="O42641" t="s">
        <v>85</v>
      </c>
      <c r="P42641" t="s">
        <v>86</v>
      </c>
      <c r="Q42641">
        <v>38</v>
      </c>
      <c r="R42641">
        <v>39</v>
      </c>
      <c r="S42641">
        <v>39</v>
      </c>
      <c r="T42641">
        <v>40</v>
      </c>
      <c r="U42641">
        <v>41</v>
      </c>
      <c r="V42641">
        <v>41</v>
      </c>
      <c r="W42641">
        <v>42</v>
      </c>
      <c r="X42641">
        <v>42</v>
      </c>
      <c r="Y42641">
        <v>43</v>
      </c>
      <c r="Z42641">
        <v>44</v>
      </c>
      <c r="AA42641">
        <v>44</v>
      </c>
      <c r="AB42641">
        <v>45</v>
      </c>
      <c r="AC42641">
        <v>46</v>
      </c>
      <c r="AD42641">
        <v>46</v>
      </c>
      <c r="AE42641">
        <v>47</v>
      </c>
      <c r="AF42641">
        <v>47</v>
      </c>
      <c r="AG42641">
        <v>48</v>
      </c>
      <c r="AH42641">
        <v>49</v>
      </c>
      <c r="AI42641">
        <v>49</v>
      </c>
      <c r="AJ42641">
        <v>50</v>
      </c>
      <c r="AK42641">
        <v>51</v>
      </c>
      <c r="AL42641">
        <v>51</v>
      </c>
      <c r="AM42641">
        <v>51</v>
      </c>
      <c r="AN42641">
        <v>52</v>
      </c>
      <c r="AO42641">
        <v>52</v>
      </c>
      <c r="AP42641">
        <v>52</v>
      </c>
      <c r="AQ42641">
        <v>53</v>
      </c>
    </row>
    <row r="42642" spans="1:43">
      <c r="A42642" t="s">
        <v>26137</v>
      </c>
      <c r="B42642" t="s">
        <v>26138</v>
      </c>
      <c r="C42642" t="s">
        <v>24547</v>
      </c>
      <c r="D42642" t="s">
        <v>24548</v>
      </c>
      <c r="E42642" t="s">
        <v>24517</v>
      </c>
      <c r="F42642" t="s">
        <v>24518</v>
      </c>
      <c r="G42642" t="s">
        <v>11612</v>
      </c>
      <c r="H42642" t="s">
        <v>11613</v>
      </c>
      <c r="I42642" s="2">
        <v>0</v>
      </c>
      <c r="J42642" s="2">
        <v>0</v>
      </c>
      <c r="K42642" s="2">
        <v>1</v>
      </c>
      <c r="L42642" t="s">
        <v>995</v>
      </c>
      <c r="M42642" t="s">
        <v>83</v>
      </c>
      <c r="N42642" t="s">
        <v>84</v>
      </c>
      <c r="O42642" t="s">
        <v>85</v>
      </c>
      <c r="P42642" t="s">
        <v>86</v>
      </c>
      <c r="Q42642">
        <v>212</v>
      </c>
      <c r="R42642">
        <v>216</v>
      </c>
      <c r="S42642">
        <v>219</v>
      </c>
      <c r="T42642">
        <v>223</v>
      </c>
      <c r="U42642">
        <v>226</v>
      </c>
      <c r="V42642">
        <v>230</v>
      </c>
      <c r="W42642">
        <v>233</v>
      </c>
      <c r="X42642">
        <v>237</v>
      </c>
      <c r="Y42642">
        <v>240</v>
      </c>
      <c r="Z42642">
        <v>244</v>
      </c>
      <c r="AA42642">
        <v>247</v>
      </c>
      <c r="AB42642">
        <v>251</v>
      </c>
      <c r="AC42642">
        <v>254</v>
      </c>
      <c r="AD42642">
        <v>258</v>
      </c>
      <c r="AE42642">
        <v>261</v>
      </c>
      <c r="AF42642">
        <v>264</v>
      </c>
      <c r="AG42642">
        <v>268</v>
      </c>
      <c r="AH42642">
        <v>271</v>
      </c>
      <c r="AI42642">
        <v>275</v>
      </c>
      <c r="AJ42642">
        <v>279</v>
      </c>
      <c r="AK42642">
        <v>282</v>
      </c>
      <c r="AL42642">
        <v>285</v>
      </c>
      <c r="AM42642">
        <v>286</v>
      </c>
      <c r="AN42642">
        <v>288</v>
      </c>
      <c r="AO42642">
        <v>290</v>
      </c>
      <c r="AP42642">
        <v>292</v>
      </c>
      <c r="AQ42642">
        <v>294</v>
      </c>
    </row>
    <row r="42643" spans="1:43">
      <c r="A42643" t="s">
        <v>26137</v>
      </c>
      <c r="B42643" t="s">
        <v>26138</v>
      </c>
      <c r="C42643" t="s">
        <v>24547</v>
      </c>
      <c r="D42643" t="s">
        <v>24548</v>
      </c>
      <c r="E42643" t="s">
        <v>24517</v>
      </c>
      <c r="F42643" t="s">
        <v>24518</v>
      </c>
      <c r="G42643" t="s">
        <v>11612</v>
      </c>
      <c r="H42643" t="s">
        <v>11613</v>
      </c>
      <c r="I42643" s="2">
        <v>0</v>
      </c>
      <c r="J42643" s="2">
        <v>0</v>
      </c>
      <c r="K42643" s="2">
        <v>1</v>
      </c>
      <c r="L42643" t="s">
        <v>995</v>
      </c>
      <c r="M42643" t="s">
        <v>87</v>
      </c>
      <c r="N42643" t="s">
        <v>88</v>
      </c>
      <c r="O42643" t="s">
        <v>85</v>
      </c>
      <c r="P42643" t="s">
        <v>86</v>
      </c>
      <c r="Q42643">
        <v>212</v>
      </c>
      <c r="R42643">
        <v>214</v>
      </c>
      <c r="S42643">
        <v>215</v>
      </c>
      <c r="T42643">
        <v>217</v>
      </c>
      <c r="U42643">
        <v>218</v>
      </c>
      <c r="V42643">
        <v>220</v>
      </c>
      <c r="W42643">
        <v>221</v>
      </c>
      <c r="X42643">
        <v>222</v>
      </c>
      <c r="Y42643">
        <v>224</v>
      </c>
      <c r="Z42643">
        <v>225</v>
      </c>
      <c r="AA42643">
        <v>227</v>
      </c>
      <c r="AB42643">
        <v>229</v>
      </c>
      <c r="AC42643">
        <v>230</v>
      </c>
      <c r="AD42643">
        <v>232</v>
      </c>
      <c r="AE42643">
        <v>233</v>
      </c>
      <c r="AF42643">
        <v>235</v>
      </c>
      <c r="AG42643">
        <v>237</v>
      </c>
      <c r="AH42643">
        <v>238</v>
      </c>
      <c r="AI42643">
        <v>240</v>
      </c>
      <c r="AJ42643">
        <v>242</v>
      </c>
      <c r="AK42643">
        <v>244</v>
      </c>
      <c r="AL42643">
        <v>245</v>
      </c>
      <c r="AM42643">
        <v>247</v>
      </c>
      <c r="AN42643">
        <v>249</v>
      </c>
      <c r="AO42643">
        <v>251</v>
      </c>
      <c r="AP42643">
        <v>253</v>
      </c>
      <c r="AQ42643">
        <v>255</v>
      </c>
    </row>
    <row r="42644" spans="1:43">
      <c r="A42644" t="s">
        <v>26137</v>
      </c>
      <c r="B42644" t="s">
        <v>26138</v>
      </c>
      <c r="C42644" t="s">
        <v>24547</v>
      </c>
      <c r="D42644" t="s">
        <v>24548</v>
      </c>
      <c r="E42644" t="s">
        <v>24517</v>
      </c>
      <c r="F42644" t="s">
        <v>24518</v>
      </c>
      <c r="G42644" t="s">
        <v>11612</v>
      </c>
      <c r="H42644" t="s">
        <v>11613</v>
      </c>
      <c r="I42644" s="2">
        <v>0</v>
      </c>
      <c r="J42644" s="2">
        <v>0</v>
      </c>
      <c r="K42644" s="2">
        <v>1</v>
      </c>
      <c r="L42644" t="s">
        <v>995</v>
      </c>
      <c r="M42644" t="s">
        <v>89</v>
      </c>
      <c r="N42644" t="s">
        <v>90</v>
      </c>
      <c r="O42644" t="s">
        <v>85</v>
      </c>
      <c r="P42644" t="s">
        <v>86</v>
      </c>
      <c r="Q42644">
        <v>212</v>
      </c>
      <c r="R42644">
        <v>218</v>
      </c>
      <c r="S42644">
        <v>223</v>
      </c>
      <c r="T42644">
        <v>228</v>
      </c>
      <c r="U42644">
        <v>233</v>
      </c>
      <c r="V42644">
        <v>238</v>
      </c>
      <c r="W42644">
        <v>243</v>
      </c>
      <c r="X42644">
        <v>248</v>
      </c>
      <c r="Y42644">
        <v>252</v>
      </c>
      <c r="Z42644">
        <v>257</v>
      </c>
      <c r="AA42644">
        <v>261</v>
      </c>
      <c r="AB42644">
        <v>265</v>
      </c>
      <c r="AC42644">
        <v>270</v>
      </c>
      <c r="AD42644">
        <v>274</v>
      </c>
      <c r="AE42644">
        <v>277</v>
      </c>
      <c r="AF42644">
        <v>279</v>
      </c>
      <c r="AG42644">
        <v>281</v>
      </c>
      <c r="AH42644">
        <v>282</v>
      </c>
      <c r="AI42644">
        <v>284</v>
      </c>
      <c r="AJ42644">
        <v>285</v>
      </c>
      <c r="AK42644">
        <v>287</v>
      </c>
      <c r="AL42644">
        <v>289</v>
      </c>
      <c r="AM42644">
        <v>291</v>
      </c>
      <c r="AN42644">
        <v>292</v>
      </c>
      <c r="AO42644">
        <v>294</v>
      </c>
      <c r="AP42644">
        <v>296</v>
      </c>
      <c r="AQ42644">
        <v>298</v>
      </c>
    </row>
    <row r="42645" spans="1:43">
      <c r="A42645" t="s">
        <v>26137</v>
      </c>
      <c r="B42645" t="s">
        <v>26138</v>
      </c>
      <c r="C42645" t="s">
        <v>24547</v>
      </c>
      <c r="D42645" t="s">
        <v>24548</v>
      </c>
      <c r="E42645" t="s">
        <v>24517</v>
      </c>
      <c r="F42645" t="s">
        <v>24518</v>
      </c>
      <c r="G42645" t="s">
        <v>11612</v>
      </c>
      <c r="H42645" t="s">
        <v>11613</v>
      </c>
      <c r="I42645" s="2">
        <v>0</v>
      </c>
      <c r="J42645" s="2">
        <v>0</v>
      </c>
      <c r="K42645" s="2">
        <v>1</v>
      </c>
      <c r="L42645" t="s">
        <v>995</v>
      </c>
      <c r="M42645" t="s">
        <v>83</v>
      </c>
      <c r="N42645" t="s">
        <v>91</v>
      </c>
      <c r="O42645" t="s">
        <v>85</v>
      </c>
      <c r="P42645" t="s">
        <v>86</v>
      </c>
      <c r="Q42645">
        <v>212</v>
      </c>
      <c r="R42645">
        <v>216</v>
      </c>
      <c r="S42645">
        <v>219</v>
      </c>
      <c r="T42645">
        <v>223</v>
      </c>
      <c r="U42645">
        <v>226</v>
      </c>
      <c r="V42645">
        <v>230</v>
      </c>
      <c r="W42645">
        <v>233</v>
      </c>
      <c r="X42645">
        <v>237</v>
      </c>
      <c r="Y42645">
        <v>240</v>
      </c>
      <c r="Z42645">
        <v>244</v>
      </c>
      <c r="AA42645">
        <v>247</v>
      </c>
      <c r="AB42645">
        <v>251</v>
      </c>
      <c r="AC42645">
        <v>254</v>
      </c>
      <c r="AD42645">
        <v>258</v>
      </c>
      <c r="AE42645">
        <v>261</v>
      </c>
      <c r="AF42645">
        <v>264</v>
      </c>
      <c r="AG42645">
        <v>268</v>
      </c>
      <c r="AH42645">
        <v>271</v>
      </c>
      <c r="AI42645">
        <v>275</v>
      </c>
      <c r="AJ42645">
        <v>279</v>
      </c>
      <c r="AK42645">
        <v>282</v>
      </c>
      <c r="AL42645">
        <v>285</v>
      </c>
      <c r="AM42645">
        <v>286</v>
      </c>
      <c r="AN42645">
        <v>288</v>
      </c>
      <c r="AO42645">
        <v>290</v>
      </c>
      <c r="AP42645">
        <v>292</v>
      </c>
      <c r="AQ42645">
        <v>294</v>
      </c>
    </row>
    <row r="42646" spans="1:43">
      <c r="A42646" t="s">
        <v>26139</v>
      </c>
      <c r="B42646" t="s">
        <v>26140</v>
      </c>
      <c r="C42646" t="s">
        <v>18195</v>
      </c>
      <c r="D42646" t="s">
        <v>18196</v>
      </c>
      <c r="E42646" t="s">
        <v>18191</v>
      </c>
      <c r="F42646" t="s">
        <v>18192</v>
      </c>
      <c r="G42646" t="s">
        <v>10734</v>
      </c>
      <c r="H42646" t="s">
        <v>10735</v>
      </c>
      <c r="I42646" s="2">
        <v>0</v>
      </c>
      <c r="J42646" s="2">
        <v>0</v>
      </c>
      <c r="K42646" s="2">
        <v>1</v>
      </c>
      <c r="L42646" t="s">
        <v>995</v>
      </c>
      <c r="M42646" t="s">
        <v>83</v>
      </c>
      <c r="N42646" t="s">
        <v>84</v>
      </c>
      <c r="O42646" t="s">
        <v>85</v>
      </c>
      <c r="P42646" t="s">
        <v>86</v>
      </c>
      <c r="Q42646">
        <v>75</v>
      </c>
      <c r="R42646">
        <v>76</v>
      </c>
      <c r="S42646">
        <v>77</v>
      </c>
      <c r="T42646">
        <v>79</v>
      </c>
      <c r="U42646">
        <v>80</v>
      </c>
      <c r="V42646">
        <v>81</v>
      </c>
      <c r="W42646">
        <v>82</v>
      </c>
      <c r="X42646">
        <v>83</v>
      </c>
      <c r="Y42646">
        <v>84</v>
      </c>
      <c r="Z42646">
        <v>85</v>
      </c>
      <c r="AA42646">
        <v>86</v>
      </c>
      <c r="AB42646">
        <v>87</v>
      </c>
      <c r="AC42646">
        <v>88</v>
      </c>
      <c r="AD42646">
        <v>89</v>
      </c>
      <c r="AE42646">
        <v>91</v>
      </c>
      <c r="AF42646">
        <v>92</v>
      </c>
      <c r="AG42646">
        <v>93</v>
      </c>
      <c r="AH42646">
        <v>94</v>
      </c>
      <c r="AI42646">
        <v>95</v>
      </c>
      <c r="AJ42646">
        <v>96</v>
      </c>
      <c r="AK42646">
        <v>97</v>
      </c>
      <c r="AL42646">
        <v>98</v>
      </c>
      <c r="AM42646">
        <v>99</v>
      </c>
      <c r="AN42646">
        <v>99</v>
      </c>
      <c r="AO42646">
        <v>99</v>
      </c>
      <c r="AP42646">
        <v>100</v>
      </c>
      <c r="AQ42646">
        <v>101</v>
      </c>
    </row>
    <row r="42647" spans="1:43">
      <c r="A42647" t="s">
        <v>26139</v>
      </c>
      <c r="B42647" t="s">
        <v>26140</v>
      </c>
      <c r="C42647" t="s">
        <v>18195</v>
      </c>
      <c r="D42647" t="s">
        <v>18196</v>
      </c>
      <c r="E42647" t="s">
        <v>18191</v>
      </c>
      <c r="F42647" t="s">
        <v>18192</v>
      </c>
      <c r="G42647" t="s">
        <v>10734</v>
      </c>
      <c r="H42647" t="s">
        <v>10735</v>
      </c>
      <c r="I42647" s="2">
        <v>0</v>
      </c>
      <c r="J42647" s="2">
        <v>0</v>
      </c>
      <c r="K42647" s="2">
        <v>1</v>
      </c>
      <c r="L42647" t="s">
        <v>995</v>
      </c>
      <c r="M42647" t="s">
        <v>87</v>
      </c>
      <c r="N42647" t="s">
        <v>88</v>
      </c>
      <c r="O42647" t="s">
        <v>85</v>
      </c>
      <c r="P42647" t="s">
        <v>86</v>
      </c>
      <c r="Q42647">
        <v>75</v>
      </c>
      <c r="R42647">
        <v>76</v>
      </c>
      <c r="S42647">
        <v>76</v>
      </c>
      <c r="T42647">
        <v>77</v>
      </c>
      <c r="U42647">
        <v>77</v>
      </c>
      <c r="V42647">
        <v>77</v>
      </c>
      <c r="W42647">
        <v>78</v>
      </c>
      <c r="X42647">
        <v>78</v>
      </c>
      <c r="Y42647">
        <v>79</v>
      </c>
      <c r="Z42647">
        <v>79</v>
      </c>
      <c r="AA42647">
        <v>80</v>
      </c>
      <c r="AB42647">
        <v>80</v>
      </c>
      <c r="AC42647">
        <v>80</v>
      </c>
      <c r="AD42647">
        <v>81</v>
      </c>
      <c r="AE42647">
        <v>81</v>
      </c>
      <c r="AF42647">
        <v>82</v>
      </c>
      <c r="AG42647">
        <v>82</v>
      </c>
      <c r="AH42647">
        <v>83</v>
      </c>
      <c r="AI42647">
        <v>83</v>
      </c>
      <c r="AJ42647">
        <v>84</v>
      </c>
      <c r="AK42647">
        <v>85</v>
      </c>
      <c r="AL42647">
        <v>85</v>
      </c>
      <c r="AM42647">
        <v>86</v>
      </c>
      <c r="AN42647">
        <v>86</v>
      </c>
      <c r="AO42647">
        <v>87</v>
      </c>
      <c r="AP42647">
        <v>88</v>
      </c>
      <c r="AQ42647">
        <v>88</v>
      </c>
    </row>
    <row r="42648" spans="1:43">
      <c r="A42648" t="s">
        <v>26139</v>
      </c>
      <c r="B42648" t="s">
        <v>26140</v>
      </c>
      <c r="C42648" t="s">
        <v>18195</v>
      </c>
      <c r="D42648" t="s">
        <v>18196</v>
      </c>
      <c r="E42648" t="s">
        <v>18191</v>
      </c>
      <c r="F42648" t="s">
        <v>18192</v>
      </c>
      <c r="G42648" t="s">
        <v>10734</v>
      </c>
      <c r="H42648" t="s">
        <v>10735</v>
      </c>
      <c r="I42648" s="2">
        <v>0</v>
      </c>
      <c r="J42648" s="2">
        <v>0</v>
      </c>
      <c r="K42648" s="2">
        <v>1</v>
      </c>
      <c r="L42648" t="s">
        <v>995</v>
      </c>
      <c r="M42648" t="s">
        <v>89</v>
      </c>
      <c r="N42648" t="s">
        <v>90</v>
      </c>
      <c r="O42648" t="s">
        <v>85</v>
      </c>
      <c r="P42648" t="s">
        <v>86</v>
      </c>
      <c r="Q42648">
        <v>75</v>
      </c>
      <c r="R42648">
        <v>77</v>
      </c>
      <c r="S42648">
        <v>78</v>
      </c>
      <c r="T42648">
        <v>80</v>
      </c>
      <c r="U42648">
        <v>82</v>
      </c>
      <c r="V42648">
        <v>83</v>
      </c>
      <c r="W42648">
        <v>85</v>
      </c>
      <c r="X42648">
        <v>86</v>
      </c>
      <c r="Y42648">
        <v>88</v>
      </c>
      <c r="Z42648">
        <v>89</v>
      </c>
      <c r="AA42648">
        <v>91</v>
      </c>
      <c r="AB42648">
        <v>92</v>
      </c>
      <c r="AC42648">
        <v>93</v>
      </c>
      <c r="AD42648">
        <v>95</v>
      </c>
      <c r="AE42648">
        <v>96</v>
      </c>
      <c r="AF42648">
        <v>96</v>
      </c>
      <c r="AG42648">
        <v>97</v>
      </c>
      <c r="AH42648">
        <v>97</v>
      </c>
      <c r="AI42648">
        <v>97</v>
      </c>
      <c r="AJ42648">
        <v>98</v>
      </c>
      <c r="AK42648">
        <v>98</v>
      </c>
      <c r="AL42648">
        <v>99</v>
      </c>
      <c r="AM42648">
        <v>99</v>
      </c>
      <c r="AN42648">
        <v>99</v>
      </c>
      <c r="AO42648">
        <v>100</v>
      </c>
      <c r="AP42648">
        <v>100</v>
      </c>
      <c r="AQ42648">
        <v>101</v>
      </c>
    </row>
    <row r="42649" spans="1:43">
      <c r="A42649" t="s">
        <v>26139</v>
      </c>
      <c r="B42649" t="s">
        <v>26140</v>
      </c>
      <c r="C42649" t="s">
        <v>18195</v>
      </c>
      <c r="D42649" t="s">
        <v>18196</v>
      </c>
      <c r="E42649" t="s">
        <v>18191</v>
      </c>
      <c r="F42649" t="s">
        <v>18192</v>
      </c>
      <c r="G42649" t="s">
        <v>10734</v>
      </c>
      <c r="H42649" t="s">
        <v>10735</v>
      </c>
      <c r="I42649" s="2">
        <v>0</v>
      </c>
      <c r="J42649" s="2">
        <v>0</v>
      </c>
      <c r="K42649" s="2">
        <v>1</v>
      </c>
      <c r="L42649" t="s">
        <v>995</v>
      </c>
      <c r="M42649" t="s">
        <v>83</v>
      </c>
      <c r="N42649" t="s">
        <v>91</v>
      </c>
      <c r="O42649" t="s">
        <v>85</v>
      </c>
      <c r="P42649" t="s">
        <v>86</v>
      </c>
      <c r="Q42649">
        <v>75</v>
      </c>
      <c r="R42649">
        <v>76</v>
      </c>
      <c r="S42649">
        <v>77</v>
      </c>
      <c r="T42649">
        <v>79</v>
      </c>
      <c r="U42649">
        <v>80</v>
      </c>
      <c r="V42649">
        <v>81</v>
      </c>
      <c r="W42649">
        <v>82</v>
      </c>
      <c r="X42649">
        <v>83</v>
      </c>
      <c r="Y42649">
        <v>84</v>
      </c>
      <c r="Z42649">
        <v>85</v>
      </c>
      <c r="AA42649">
        <v>86</v>
      </c>
      <c r="AB42649">
        <v>87</v>
      </c>
      <c r="AC42649">
        <v>88</v>
      </c>
      <c r="AD42649">
        <v>89</v>
      </c>
      <c r="AE42649">
        <v>91</v>
      </c>
      <c r="AF42649">
        <v>92</v>
      </c>
      <c r="AG42649">
        <v>93</v>
      </c>
      <c r="AH42649">
        <v>94</v>
      </c>
      <c r="AI42649">
        <v>95</v>
      </c>
      <c r="AJ42649">
        <v>96</v>
      </c>
      <c r="AK42649">
        <v>97</v>
      </c>
      <c r="AL42649">
        <v>98</v>
      </c>
      <c r="AM42649">
        <v>99</v>
      </c>
      <c r="AN42649">
        <v>99</v>
      </c>
      <c r="AO42649">
        <v>99</v>
      </c>
      <c r="AP42649">
        <v>100</v>
      </c>
      <c r="AQ42649">
        <v>101</v>
      </c>
    </row>
    <row r="42650" spans="1:43">
      <c r="A42650" t="s">
        <v>26141</v>
      </c>
      <c r="B42650" t="s">
        <v>26142</v>
      </c>
      <c r="C42650" t="s">
        <v>18195</v>
      </c>
      <c r="D42650" t="s">
        <v>18196</v>
      </c>
      <c r="E42650" t="s">
        <v>18191</v>
      </c>
      <c r="F42650" t="s">
        <v>18192</v>
      </c>
      <c r="G42650" t="s">
        <v>10734</v>
      </c>
      <c r="H42650" t="s">
        <v>10735</v>
      </c>
      <c r="I42650" s="2">
        <v>0</v>
      </c>
      <c r="J42650" s="2">
        <v>0</v>
      </c>
      <c r="K42650" s="2">
        <v>1</v>
      </c>
      <c r="L42650" t="s">
        <v>995</v>
      </c>
      <c r="M42650" t="s">
        <v>83</v>
      </c>
      <c r="N42650" t="s">
        <v>84</v>
      </c>
      <c r="O42650" t="s">
        <v>85</v>
      </c>
      <c r="P42650" t="s">
        <v>86</v>
      </c>
      <c r="Q42650">
        <v>211</v>
      </c>
      <c r="R42650">
        <v>214</v>
      </c>
      <c r="S42650">
        <v>217</v>
      </c>
      <c r="T42650">
        <v>220</v>
      </c>
      <c r="U42650">
        <v>223</v>
      </c>
      <c r="V42650">
        <v>226</v>
      </c>
      <c r="W42650">
        <v>229</v>
      </c>
      <c r="X42650">
        <v>232</v>
      </c>
      <c r="Y42650">
        <v>235</v>
      </c>
      <c r="Z42650">
        <v>238</v>
      </c>
      <c r="AA42650">
        <v>242</v>
      </c>
      <c r="AB42650">
        <v>245</v>
      </c>
      <c r="AC42650">
        <v>248</v>
      </c>
      <c r="AD42650">
        <v>251</v>
      </c>
      <c r="AE42650">
        <v>254</v>
      </c>
      <c r="AF42650">
        <v>257</v>
      </c>
      <c r="AG42650">
        <v>260</v>
      </c>
      <c r="AH42650">
        <v>263</v>
      </c>
      <c r="AI42650">
        <v>266</v>
      </c>
      <c r="AJ42650">
        <v>269</v>
      </c>
      <c r="AK42650">
        <v>273</v>
      </c>
      <c r="AL42650">
        <v>275</v>
      </c>
      <c r="AM42650">
        <v>276</v>
      </c>
      <c r="AN42650">
        <v>277</v>
      </c>
      <c r="AO42650">
        <v>279</v>
      </c>
      <c r="AP42650">
        <v>280</v>
      </c>
      <c r="AQ42650">
        <v>282</v>
      </c>
    </row>
    <row r="42651" spans="1:43">
      <c r="A42651" t="s">
        <v>26141</v>
      </c>
      <c r="B42651" t="s">
        <v>26142</v>
      </c>
      <c r="C42651" t="s">
        <v>18195</v>
      </c>
      <c r="D42651" t="s">
        <v>18196</v>
      </c>
      <c r="E42651" t="s">
        <v>18191</v>
      </c>
      <c r="F42651" t="s">
        <v>18192</v>
      </c>
      <c r="G42651" t="s">
        <v>10734</v>
      </c>
      <c r="H42651" t="s">
        <v>10735</v>
      </c>
      <c r="I42651" s="2">
        <v>0</v>
      </c>
      <c r="J42651" s="2">
        <v>0</v>
      </c>
      <c r="K42651" s="2">
        <v>1</v>
      </c>
      <c r="L42651" t="s">
        <v>995</v>
      </c>
      <c r="M42651" t="s">
        <v>87</v>
      </c>
      <c r="N42651" t="s">
        <v>88</v>
      </c>
      <c r="O42651" t="s">
        <v>85</v>
      </c>
      <c r="P42651" t="s">
        <v>86</v>
      </c>
      <c r="Q42651">
        <v>211</v>
      </c>
      <c r="R42651">
        <v>212</v>
      </c>
      <c r="S42651">
        <v>213</v>
      </c>
      <c r="T42651">
        <v>214</v>
      </c>
      <c r="U42651">
        <v>215</v>
      </c>
      <c r="V42651">
        <v>216</v>
      </c>
      <c r="W42651">
        <v>217</v>
      </c>
      <c r="X42651">
        <v>218</v>
      </c>
      <c r="Y42651">
        <v>220</v>
      </c>
      <c r="Z42651">
        <v>221</v>
      </c>
      <c r="AA42651">
        <v>222</v>
      </c>
      <c r="AB42651">
        <v>223</v>
      </c>
      <c r="AC42651">
        <v>224</v>
      </c>
      <c r="AD42651">
        <v>226</v>
      </c>
      <c r="AE42651">
        <v>227</v>
      </c>
      <c r="AF42651">
        <v>228</v>
      </c>
      <c r="AG42651">
        <v>230</v>
      </c>
      <c r="AH42651">
        <v>231</v>
      </c>
      <c r="AI42651">
        <v>233</v>
      </c>
      <c r="AJ42651">
        <v>234</v>
      </c>
      <c r="AK42651">
        <v>236</v>
      </c>
      <c r="AL42651">
        <v>238</v>
      </c>
      <c r="AM42651">
        <v>239</v>
      </c>
      <c r="AN42651">
        <v>241</v>
      </c>
      <c r="AO42651">
        <v>243</v>
      </c>
      <c r="AP42651">
        <v>245</v>
      </c>
      <c r="AQ42651">
        <v>247</v>
      </c>
    </row>
    <row r="42652" spans="1:43">
      <c r="A42652" t="s">
        <v>26141</v>
      </c>
      <c r="B42652" t="s">
        <v>26142</v>
      </c>
      <c r="C42652" t="s">
        <v>18195</v>
      </c>
      <c r="D42652" t="s">
        <v>18196</v>
      </c>
      <c r="E42652" t="s">
        <v>18191</v>
      </c>
      <c r="F42652" t="s">
        <v>18192</v>
      </c>
      <c r="G42652" t="s">
        <v>10734</v>
      </c>
      <c r="H42652" t="s">
        <v>10735</v>
      </c>
      <c r="I42652" s="2">
        <v>0</v>
      </c>
      <c r="J42652" s="2">
        <v>0</v>
      </c>
      <c r="K42652" s="2">
        <v>1</v>
      </c>
      <c r="L42652" t="s">
        <v>995</v>
      </c>
      <c r="M42652" t="s">
        <v>89</v>
      </c>
      <c r="N42652" t="s">
        <v>90</v>
      </c>
      <c r="O42652" t="s">
        <v>85</v>
      </c>
      <c r="P42652" t="s">
        <v>86</v>
      </c>
      <c r="Q42652">
        <v>211</v>
      </c>
      <c r="R42652">
        <v>216</v>
      </c>
      <c r="S42652">
        <v>221</v>
      </c>
      <c r="T42652">
        <v>226</v>
      </c>
      <c r="U42652">
        <v>231</v>
      </c>
      <c r="V42652">
        <v>235</v>
      </c>
      <c r="W42652">
        <v>240</v>
      </c>
      <c r="X42652">
        <v>244</v>
      </c>
      <c r="Y42652">
        <v>248</v>
      </c>
      <c r="Z42652">
        <v>252</v>
      </c>
      <c r="AA42652">
        <v>256</v>
      </c>
      <c r="AB42652">
        <v>259</v>
      </c>
      <c r="AC42652">
        <v>264</v>
      </c>
      <c r="AD42652">
        <v>267</v>
      </c>
      <c r="AE42652">
        <v>270</v>
      </c>
      <c r="AF42652">
        <v>271</v>
      </c>
      <c r="AG42652">
        <v>272</v>
      </c>
      <c r="AH42652">
        <v>273</v>
      </c>
      <c r="AI42652">
        <v>274</v>
      </c>
      <c r="AJ42652">
        <v>275</v>
      </c>
      <c r="AK42652">
        <v>277</v>
      </c>
      <c r="AL42652">
        <v>278</v>
      </c>
      <c r="AM42652">
        <v>279</v>
      </c>
      <c r="AN42652">
        <v>280</v>
      </c>
      <c r="AO42652">
        <v>282</v>
      </c>
      <c r="AP42652">
        <v>283</v>
      </c>
      <c r="AQ42652">
        <v>285</v>
      </c>
    </row>
    <row r="42653" spans="1:43">
      <c r="A42653" t="s">
        <v>26141</v>
      </c>
      <c r="B42653" t="s">
        <v>26142</v>
      </c>
      <c r="C42653" t="s">
        <v>18195</v>
      </c>
      <c r="D42653" t="s">
        <v>18196</v>
      </c>
      <c r="E42653" t="s">
        <v>18191</v>
      </c>
      <c r="F42653" t="s">
        <v>18192</v>
      </c>
      <c r="G42653" t="s">
        <v>10734</v>
      </c>
      <c r="H42653" t="s">
        <v>10735</v>
      </c>
      <c r="I42653" s="2">
        <v>0</v>
      </c>
      <c r="J42653" s="2">
        <v>0</v>
      </c>
      <c r="K42653" s="2">
        <v>1</v>
      </c>
      <c r="L42653" t="s">
        <v>995</v>
      </c>
      <c r="M42653" t="s">
        <v>83</v>
      </c>
      <c r="N42653" t="s">
        <v>91</v>
      </c>
      <c r="O42653" t="s">
        <v>85</v>
      </c>
      <c r="P42653" t="s">
        <v>86</v>
      </c>
      <c r="Q42653">
        <v>211</v>
      </c>
      <c r="R42653">
        <v>214</v>
      </c>
      <c r="S42653">
        <v>217</v>
      </c>
      <c r="T42653">
        <v>220</v>
      </c>
      <c r="U42653">
        <v>223</v>
      </c>
      <c r="V42653">
        <v>226</v>
      </c>
      <c r="W42653">
        <v>229</v>
      </c>
      <c r="X42653">
        <v>232</v>
      </c>
      <c r="Y42653">
        <v>235</v>
      </c>
      <c r="Z42653">
        <v>238</v>
      </c>
      <c r="AA42653">
        <v>242</v>
      </c>
      <c r="AB42653">
        <v>245</v>
      </c>
      <c r="AC42653">
        <v>248</v>
      </c>
      <c r="AD42653">
        <v>251</v>
      </c>
      <c r="AE42653">
        <v>254</v>
      </c>
      <c r="AF42653">
        <v>257</v>
      </c>
      <c r="AG42653">
        <v>260</v>
      </c>
      <c r="AH42653">
        <v>263</v>
      </c>
      <c r="AI42653">
        <v>266</v>
      </c>
      <c r="AJ42653">
        <v>269</v>
      </c>
      <c r="AK42653">
        <v>273</v>
      </c>
      <c r="AL42653">
        <v>275</v>
      </c>
      <c r="AM42653">
        <v>276</v>
      </c>
      <c r="AN42653">
        <v>277</v>
      </c>
      <c r="AO42653">
        <v>279</v>
      </c>
      <c r="AP42653">
        <v>280</v>
      </c>
      <c r="AQ42653">
        <v>282</v>
      </c>
    </row>
    <row r="42654" spans="1:43">
      <c r="A42654" t="s">
        <v>26143</v>
      </c>
      <c r="B42654" t="s">
        <v>26144</v>
      </c>
      <c r="C42654" t="s">
        <v>18289</v>
      </c>
      <c r="D42654" t="s">
        <v>18290</v>
      </c>
      <c r="E42654" t="s">
        <v>18191</v>
      </c>
      <c r="F42654" t="s">
        <v>18192</v>
      </c>
      <c r="G42654" t="s">
        <v>10734</v>
      </c>
      <c r="H42654" t="s">
        <v>10735</v>
      </c>
      <c r="I42654" s="2">
        <v>0</v>
      </c>
      <c r="J42654" s="2">
        <v>0</v>
      </c>
      <c r="K42654" s="2">
        <v>1</v>
      </c>
      <c r="L42654" t="s">
        <v>995</v>
      </c>
      <c r="M42654" t="s">
        <v>83</v>
      </c>
      <c r="N42654" t="s">
        <v>84</v>
      </c>
      <c r="O42654" t="s">
        <v>85</v>
      </c>
      <c r="P42654" t="s">
        <v>86</v>
      </c>
      <c r="Q42654">
        <v>0</v>
      </c>
      <c r="R42654">
        <v>0</v>
      </c>
      <c r="S42654">
        <v>0</v>
      </c>
      <c r="T42654">
        <v>0</v>
      </c>
      <c r="U42654">
        <v>0</v>
      </c>
      <c r="V42654">
        <v>0</v>
      </c>
      <c r="W42654">
        <v>0</v>
      </c>
      <c r="X42654">
        <v>0</v>
      </c>
      <c r="Y42654">
        <v>0</v>
      </c>
      <c r="Z42654">
        <v>0</v>
      </c>
      <c r="AA42654">
        <v>0</v>
      </c>
      <c r="AB42654">
        <v>0</v>
      </c>
      <c r="AC42654">
        <v>0</v>
      </c>
      <c r="AD42654">
        <v>0</v>
      </c>
      <c r="AE42654">
        <v>0</v>
      </c>
      <c r="AF42654">
        <v>0</v>
      </c>
      <c r="AG42654">
        <v>0</v>
      </c>
      <c r="AH42654">
        <v>0</v>
      </c>
      <c r="AI42654">
        <v>0</v>
      </c>
      <c r="AJ42654">
        <v>0</v>
      </c>
      <c r="AK42654">
        <v>0</v>
      </c>
      <c r="AL42654">
        <v>0</v>
      </c>
      <c r="AM42654">
        <v>0</v>
      </c>
      <c r="AN42654">
        <v>0</v>
      </c>
      <c r="AO42654">
        <v>0</v>
      </c>
      <c r="AP42654">
        <v>0</v>
      </c>
      <c r="AQ42654">
        <v>0</v>
      </c>
    </row>
    <row r="42655" spans="1:43">
      <c r="A42655" t="s">
        <v>26143</v>
      </c>
      <c r="B42655" t="s">
        <v>26144</v>
      </c>
      <c r="C42655" t="s">
        <v>18289</v>
      </c>
      <c r="D42655" t="s">
        <v>18290</v>
      </c>
      <c r="E42655" t="s">
        <v>18191</v>
      </c>
      <c r="F42655" t="s">
        <v>18192</v>
      </c>
      <c r="G42655" t="s">
        <v>10734</v>
      </c>
      <c r="H42655" t="s">
        <v>10735</v>
      </c>
      <c r="I42655" s="2">
        <v>0</v>
      </c>
      <c r="J42655" s="2">
        <v>0</v>
      </c>
      <c r="K42655" s="2">
        <v>1</v>
      </c>
      <c r="L42655" t="s">
        <v>995</v>
      </c>
      <c r="M42655" t="s">
        <v>87</v>
      </c>
      <c r="N42655" t="s">
        <v>88</v>
      </c>
      <c r="O42655" t="s">
        <v>85</v>
      </c>
      <c r="P42655" t="s">
        <v>86</v>
      </c>
      <c r="Q42655">
        <v>0</v>
      </c>
      <c r="R42655">
        <v>0</v>
      </c>
      <c r="S42655">
        <v>0</v>
      </c>
      <c r="T42655">
        <v>0</v>
      </c>
      <c r="U42655">
        <v>0</v>
      </c>
      <c r="V42655">
        <v>0</v>
      </c>
      <c r="W42655">
        <v>0</v>
      </c>
      <c r="X42655">
        <v>0</v>
      </c>
      <c r="Y42655">
        <v>0</v>
      </c>
      <c r="Z42655">
        <v>0</v>
      </c>
      <c r="AA42655">
        <v>0</v>
      </c>
      <c r="AB42655">
        <v>0</v>
      </c>
      <c r="AC42655">
        <v>0</v>
      </c>
      <c r="AD42655">
        <v>0</v>
      </c>
      <c r="AE42655">
        <v>0</v>
      </c>
      <c r="AF42655">
        <v>0</v>
      </c>
      <c r="AG42655">
        <v>0</v>
      </c>
      <c r="AH42655">
        <v>0</v>
      </c>
      <c r="AI42655">
        <v>0</v>
      </c>
      <c r="AJ42655">
        <v>0</v>
      </c>
      <c r="AK42655">
        <v>0</v>
      </c>
      <c r="AL42655">
        <v>0</v>
      </c>
      <c r="AM42655">
        <v>0</v>
      </c>
      <c r="AN42655">
        <v>0</v>
      </c>
      <c r="AO42655">
        <v>0</v>
      </c>
      <c r="AP42655">
        <v>0</v>
      </c>
      <c r="AQ42655">
        <v>0</v>
      </c>
    </row>
    <row r="42656" spans="1:43">
      <c r="A42656" t="s">
        <v>26143</v>
      </c>
      <c r="B42656" t="s">
        <v>26144</v>
      </c>
      <c r="C42656" t="s">
        <v>18289</v>
      </c>
      <c r="D42656" t="s">
        <v>18290</v>
      </c>
      <c r="E42656" t="s">
        <v>18191</v>
      </c>
      <c r="F42656" t="s">
        <v>18192</v>
      </c>
      <c r="G42656" t="s">
        <v>10734</v>
      </c>
      <c r="H42656" t="s">
        <v>10735</v>
      </c>
      <c r="I42656" s="2">
        <v>0</v>
      </c>
      <c r="J42656" s="2">
        <v>0</v>
      </c>
      <c r="K42656" s="2">
        <v>1</v>
      </c>
      <c r="L42656" t="s">
        <v>995</v>
      </c>
      <c r="M42656" t="s">
        <v>89</v>
      </c>
      <c r="N42656" t="s">
        <v>90</v>
      </c>
      <c r="O42656" t="s">
        <v>85</v>
      </c>
      <c r="P42656" t="s">
        <v>86</v>
      </c>
      <c r="Q42656">
        <v>0</v>
      </c>
      <c r="R42656">
        <v>0</v>
      </c>
      <c r="S42656">
        <v>0</v>
      </c>
      <c r="T42656">
        <v>0</v>
      </c>
      <c r="U42656">
        <v>0</v>
      </c>
      <c r="V42656">
        <v>0</v>
      </c>
      <c r="W42656">
        <v>0</v>
      </c>
      <c r="X42656">
        <v>0</v>
      </c>
      <c r="Y42656">
        <v>0</v>
      </c>
      <c r="Z42656">
        <v>0</v>
      </c>
      <c r="AA42656">
        <v>0</v>
      </c>
      <c r="AB42656">
        <v>0</v>
      </c>
      <c r="AC42656">
        <v>0</v>
      </c>
      <c r="AD42656">
        <v>0</v>
      </c>
      <c r="AE42656">
        <v>0</v>
      </c>
      <c r="AF42656">
        <v>0</v>
      </c>
      <c r="AG42656">
        <v>0</v>
      </c>
      <c r="AH42656">
        <v>0</v>
      </c>
      <c r="AI42656">
        <v>0</v>
      </c>
      <c r="AJ42656">
        <v>0</v>
      </c>
      <c r="AK42656">
        <v>0</v>
      </c>
      <c r="AL42656">
        <v>0</v>
      </c>
      <c r="AM42656">
        <v>0</v>
      </c>
      <c r="AN42656">
        <v>0</v>
      </c>
      <c r="AO42656">
        <v>0</v>
      </c>
      <c r="AP42656">
        <v>0</v>
      </c>
      <c r="AQ42656">
        <v>0</v>
      </c>
    </row>
    <row r="42657" spans="1:43">
      <c r="A42657" t="s">
        <v>26143</v>
      </c>
      <c r="B42657" t="s">
        <v>26144</v>
      </c>
      <c r="C42657" t="s">
        <v>18289</v>
      </c>
      <c r="D42657" t="s">
        <v>18290</v>
      </c>
      <c r="E42657" t="s">
        <v>18191</v>
      </c>
      <c r="F42657" t="s">
        <v>18192</v>
      </c>
      <c r="G42657" t="s">
        <v>10734</v>
      </c>
      <c r="H42657" t="s">
        <v>10735</v>
      </c>
      <c r="I42657" s="2">
        <v>0</v>
      </c>
      <c r="J42657" s="2">
        <v>0</v>
      </c>
      <c r="K42657" s="2">
        <v>1</v>
      </c>
      <c r="L42657" t="s">
        <v>995</v>
      </c>
      <c r="M42657" t="s">
        <v>83</v>
      </c>
      <c r="N42657" t="s">
        <v>91</v>
      </c>
      <c r="O42657" t="s">
        <v>85</v>
      </c>
      <c r="P42657" t="s">
        <v>86</v>
      </c>
      <c r="Q42657">
        <v>0</v>
      </c>
      <c r="R42657">
        <v>0</v>
      </c>
      <c r="S42657">
        <v>0</v>
      </c>
      <c r="T42657">
        <v>0</v>
      </c>
      <c r="U42657">
        <v>0</v>
      </c>
      <c r="V42657">
        <v>0</v>
      </c>
      <c r="W42657">
        <v>0</v>
      </c>
      <c r="X42657">
        <v>0</v>
      </c>
      <c r="Y42657">
        <v>0</v>
      </c>
      <c r="Z42657">
        <v>0</v>
      </c>
      <c r="AA42657">
        <v>0</v>
      </c>
      <c r="AB42657">
        <v>0</v>
      </c>
      <c r="AC42657">
        <v>0</v>
      </c>
      <c r="AD42657">
        <v>0</v>
      </c>
      <c r="AE42657">
        <v>0</v>
      </c>
      <c r="AF42657">
        <v>0</v>
      </c>
      <c r="AG42657">
        <v>0</v>
      </c>
      <c r="AH42657">
        <v>0</v>
      </c>
      <c r="AI42657">
        <v>0</v>
      </c>
      <c r="AJ42657">
        <v>0</v>
      </c>
      <c r="AK42657">
        <v>0</v>
      </c>
      <c r="AL42657">
        <v>0</v>
      </c>
      <c r="AM42657">
        <v>0</v>
      </c>
      <c r="AN42657">
        <v>0</v>
      </c>
      <c r="AO42657">
        <v>0</v>
      </c>
      <c r="AP42657">
        <v>0</v>
      </c>
      <c r="AQ42657">
        <v>0</v>
      </c>
    </row>
    <row r="42658" spans="1:43">
      <c r="A42658" t="s">
        <v>26145</v>
      </c>
      <c r="B42658" t="s">
        <v>26146</v>
      </c>
      <c r="C42658" t="s">
        <v>18289</v>
      </c>
      <c r="D42658" t="s">
        <v>18290</v>
      </c>
      <c r="E42658" t="s">
        <v>18191</v>
      </c>
      <c r="F42658" t="s">
        <v>18192</v>
      </c>
      <c r="G42658" t="s">
        <v>10734</v>
      </c>
      <c r="H42658" t="s">
        <v>10735</v>
      </c>
      <c r="I42658" s="2">
        <v>0</v>
      </c>
      <c r="J42658" s="2">
        <v>0</v>
      </c>
      <c r="K42658" s="2">
        <v>1</v>
      </c>
      <c r="L42658" t="s">
        <v>995</v>
      </c>
      <c r="M42658" t="s">
        <v>83</v>
      </c>
      <c r="N42658" t="s">
        <v>84</v>
      </c>
      <c r="O42658" t="s">
        <v>85</v>
      </c>
      <c r="P42658" t="s">
        <v>86</v>
      </c>
      <c r="Q42658">
        <v>47</v>
      </c>
      <c r="R42658">
        <v>47</v>
      </c>
      <c r="S42658">
        <v>48</v>
      </c>
      <c r="T42658">
        <v>49</v>
      </c>
      <c r="U42658">
        <v>49</v>
      </c>
      <c r="V42658">
        <v>50</v>
      </c>
      <c r="W42658">
        <v>50</v>
      </c>
      <c r="X42658">
        <v>51</v>
      </c>
      <c r="Y42658">
        <v>52</v>
      </c>
      <c r="Z42658">
        <v>52</v>
      </c>
      <c r="AA42658">
        <v>53</v>
      </c>
      <c r="AB42658">
        <v>53</v>
      </c>
      <c r="AC42658">
        <v>54</v>
      </c>
      <c r="AD42658">
        <v>55</v>
      </c>
      <c r="AE42658">
        <v>55</v>
      </c>
      <c r="AF42658">
        <v>56</v>
      </c>
      <c r="AG42658">
        <v>56</v>
      </c>
      <c r="AH42658">
        <v>57</v>
      </c>
      <c r="AI42658">
        <v>58</v>
      </c>
      <c r="AJ42658">
        <v>58</v>
      </c>
      <c r="AK42658">
        <v>59</v>
      </c>
      <c r="AL42658">
        <v>59</v>
      </c>
      <c r="AM42658">
        <v>59</v>
      </c>
      <c r="AN42658">
        <v>59</v>
      </c>
      <c r="AO42658">
        <v>60</v>
      </c>
      <c r="AP42658">
        <v>60</v>
      </c>
      <c r="AQ42658">
        <v>60</v>
      </c>
    </row>
    <row r="42659" spans="1:43">
      <c r="A42659" t="s">
        <v>26145</v>
      </c>
      <c r="B42659" t="s">
        <v>26146</v>
      </c>
      <c r="C42659" t="s">
        <v>18289</v>
      </c>
      <c r="D42659" t="s">
        <v>18290</v>
      </c>
      <c r="E42659" t="s">
        <v>18191</v>
      </c>
      <c r="F42659" t="s">
        <v>18192</v>
      </c>
      <c r="G42659" t="s">
        <v>10734</v>
      </c>
      <c r="H42659" t="s">
        <v>10735</v>
      </c>
      <c r="I42659" s="2">
        <v>0</v>
      </c>
      <c r="J42659" s="2">
        <v>0</v>
      </c>
      <c r="K42659" s="2">
        <v>1</v>
      </c>
      <c r="L42659" t="s">
        <v>995</v>
      </c>
      <c r="M42659" t="s">
        <v>87</v>
      </c>
      <c r="N42659" t="s">
        <v>88</v>
      </c>
      <c r="O42659" t="s">
        <v>85</v>
      </c>
      <c r="P42659" t="s">
        <v>86</v>
      </c>
      <c r="Q42659">
        <v>47</v>
      </c>
      <c r="R42659">
        <v>47</v>
      </c>
      <c r="S42659">
        <v>48</v>
      </c>
      <c r="T42659">
        <v>48</v>
      </c>
      <c r="U42659">
        <v>48</v>
      </c>
      <c r="V42659">
        <v>48</v>
      </c>
      <c r="W42659">
        <v>48</v>
      </c>
      <c r="X42659">
        <v>48</v>
      </c>
      <c r="Y42659">
        <v>49</v>
      </c>
      <c r="Z42659">
        <v>49</v>
      </c>
      <c r="AA42659">
        <v>49</v>
      </c>
      <c r="AB42659">
        <v>49</v>
      </c>
      <c r="AC42659">
        <v>49</v>
      </c>
      <c r="AD42659">
        <v>50</v>
      </c>
      <c r="AE42659">
        <v>50</v>
      </c>
      <c r="AF42659">
        <v>50</v>
      </c>
      <c r="AG42659">
        <v>50</v>
      </c>
      <c r="AH42659">
        <v>51</v>
      </c>
      <c r="AI42659">
        <v>51</v>
      </c>
      <c r="AJ42659">
        <v>51</v>
      </c>
      <c r="AK42659">
        <v>51</v>
      </c>
      <c r="AL42659">
        <v>52</v>
      </c>
      <c r="AM42659">
        <v>52</v>
      </c>
      <c r="AN42659">
        <v>52</v>
      </c>
      <c r="AO42659">
        <v>53</v>
      </c>
      <c r="AP42659">
        <v>53</v>
      </c>
      <c r="AQ42659">
        <v>53</v>
      </c>
    </row>
    <row r="42660" spans="1:43">
      <c r="A42660" t="s">
        <v>26145</v>
      </c>
      <c r="B42660" t="s">
        <v>26146</v>
      </c>
      <c r="C42660" t="s">
        <v>18289</v>
      </c>
      <c r="D42660" t="s">
        <v>18290</v>
      </c>
      <c r="E42660" t="s">
        <v>18191</v>
      </c>
      <c r="F42660" t="s">
        <v>18192</v>
      </c>
      <c r="G42660" t="s">
        <v>10734</v>
      </c>
      <c r="H42660" t="s">
        <v>10735</v>
      </c>
      <c r="I42660" s="2">
        <v>0</v>
      </c>
      <c r="J42660" s="2">
        <v>0</v>
      </c>
      <c r="K42660" s="2">
        <v>1</v>
      </c>
      <c r="L42660" t="s">
        <v>995</v>
      </c>
      <c r="M42660" t="s">
        <v>89</v>
      </c>
      <c r="N42660" t="s">
        <v>90</v>
      </c>
      <c r="O42660" t="s">
        <v>85</v>
      </c>
      <c r="P42660" t="s">
        <v>86</v>
      </c>
      <c r="Q42660">
        <v>47</v>
      </c>
      <c r="R42660">
        <v>48</v>
      </c>
      <c r="S42660">
        <v>49</v>
      </c>
      <c r="T42660">
        <v>50</v>
      </c>
      <c r="U42660">
        <v>51</v>
      </c>
      <c r="V42660">
        <v>52</v>
      </c>
      <c r="W42660">
        <v>53</v>
      </c>
      <c r="X42660">
        <v>54</v>
      </c>
      <c r="Y42660">
        <v>55</v>
      </c>
      <c r="Z42660">
        <v>55</v>
      </c>
      <c r="AA42660">
        <v>56</v>
      </c>
      <c r="AB42660">
        <v>57</v>
      </c>
      <c r="AC42660">
        <v>58</v>
      </c>
      <c r="AD42660">
        <v>58</v>
      </c>
      <c r="AE42660">
        <v>59</v>
      </c>
      <c r="AF42660">
        <v>59</v>
      </c>
      <c r="AG42660">
        <v>59</v>
      </c>
      <c r="AH42660">
        <v>59</v>
      </c>
      <c r="AI42660">
        <v>59</v>
      </c>
      <c r="AJ42660">
        <v>59</v>
      </c>
      <c r="AK42660">
        <v>60</v>
      </c>
      <c r="AL42660">
        <v>60</v>
      </c>
      <c r="AM42660">
        <v>60</v>
      </c>
      <c r="AN42660">
        <v>60</v>
      </c>
      <c r="AO42660">
        <v>60</v>
      </c>
      <c r="AP42660">
        <v>60</v>
      </c>
      <c r="AQ42660">
        <v>61</v>
      </c>
    </row>
    <row r="42661" spans="1:43">
      <c r="A42661" t="s">
        <v>26145</v>
      </c>
      <c r="B42661" t="s">
        <v>26146</v>
      </c>
      <c r="C42661" t="s">
        <v>18289</v>
      </c>
      <c r="D42661" t="s">
        <v>18290</v>
      </c>
      <c r="E42661" t="s">
        <v>18191</v>
      </c>
      <c r="F42661" t="s">
        <v>18192</v>
      </c>
      <c r="G42661" t="s">
        <v>10734</v>
      </c>
      <c r="H42661" t="s">
        <v>10735</v>
      </c>
      <c r="I42661" s="2">
        <v>0</v>
      </c>
      <c r="J42661" s="2">
        <v>0</v>
      </c>
      <c r="K42661" s="2">
        <v>1</v>
      </c>
      <c r="L42661" t="s">
        <v>995</v>
      </c>
      <c r="M42661" t="s">
        <v>83</v>
      </c>
      <c r="N42661" t="s">
        <v>91</v>
      </c>
      <c r="O42661" t="s">
        <v>85</v>
      </c>
      <c r="P42661" t="s">
        <v>86</v>
      </c>
      <c r="Q42661">
        <v>47</v>
      </c>
      <c r="R42661">
        <v>47</v>
      </c>
      <c r="S42661">
        <v>48</v>
      </c>
      <c r="T42661">
        <v>49</v>
      </c>
      <c r="U42661">
        <v>49</v>
      </c>
      <c r="V42661">
        <v>50</v>
      </c>
      <c r="W42661">
        <v>50</v>
      </c>
      <c r="X42661">
        <v>51</v>
      </c>
      <c r="Y42661">
        <v>52</v>
      </c>
      <c r="Z42661">
        <v>52</v>
      </c>
      <c r="AA42661">
        <v>53</v>
      </c>
      <c r="AB42661">
        <v>53</v>
      </c>
      <c r="AC42661">
        <v>54</v>
      </c>
      <c r="AD42661">
        <v>55</v>
      </c>
      <c r="AE42661">
        <v>55</v>
      </c>
      <c r="AF42661">
        <v>56</v>
      </c>
      <c r="AG42661">
        <v>56</v>
      </c>
      <c r="AH42661">
        <v>57</v>
      </c>
      <c r="AI42661">
        <v>58</v>
      </c>
      <c r="AJ42661">
        <v>58</v>
      </c>
      <c r="AK42661">
        <v>59</v>
      </c>
      <c r="AL42661">
        <v>59</v>
      </c>
      <c r="AM42661">
        <v>59</v>
      </c>
      <c r="AN42661">
        <v>59</v>
      </c>
      <c r="AO42661">
        <v>60</v>
      </c>
      <c r="AP42661">
        <v>60</v>
      </c>
      <c r="AQ42661">
        <v>60</v>
      </c>
    </row>
    <row r="42662" spans="1:43">
      <c r="A42662" t="s">
        <v>26147</v>
      </c>
      <c r="B42662" t="s">
        <v>26148</v>
      </c>
      <c r="C42662" t="s">
        <v>18289</v>
      </c>
      <c r="D42662" t="s">
        <v>18290</v>
      </c>
      <c r="E42662" t="s">
        <v>18191</v>
      </c>
      <c r="F42662" t="s">
        <v>18192</v>
      </c>
      <c r="G42662" t="s">
        <v>10734</v>
      </c>
      <c r="H42662" t="s">
        <v>10735</v>
      </c>
      <c r="I42662" s="2">
        <v>0</v>
      </c>
      <c r="J42662" s="2">
        <v>0</v>
      </c>
      <c r="K42662" s="2">
        <v>1</v>
      </c>
      <c r="L42662" t="s">
        <v>995</v>
      </c>
      <c r="M42662" t="s">
        <v>83</v>
      </c>
      <c r="N42662" t="s">
        <v>84</v>
      </c>
      <c r="O42662" t="s">
        <v>85</v>
      </c>
      <c r="P42662" t="s">
        <v>86</v>
      </c>
      <c r="Q42662">
        <v>25</v>
      </c>
      <c r="R42662">
        <v>25</v>
      </c>
      <c r="S42662">
        <v>25</v>
      </c>
      <c r="T42662">
        <v>26</v>
      </c>
      <c r="U42662">
        <v>26</v>
      </c>
      <c r="V42662">
        <v>26</v>
      </c>
      <c r="W42662">
        <v>27</v>
      </c>
      <c r="X42662">
        <v>27</v>
      </c>
      <c r="Y42662">
        <v>27</v>
      </c>
      <c r="Z42662">
        <v>28</v>
      </c>
      <c r="AA42662">
        <v>28</v>
      </c>
      <c r="AB42662">
        <v>28</v>
      </c>
      <c r="AC42662">
        <v>29</v>
      </c>
      <c r="AD42662">
        <v>29</v>
      </c>
      <c r="AE42662">
        <v>29</v>
      </c>
      <c r="AF42662">
        <v>29</v>
      </c>
      <c r="AG42662">
        <v>30</v>
      </c>
      <c r="AH42662">
        <v>30</v>
      </c>
      <c r="AI42662">
        <v>30</v>
      </c>
      <c r="AJ42662">
        <v>31</v>
      </c>
      <c r="AK42662">
        <v>31</v>
      </c>
      <c r="AL42662">
        <v>31</v>
      </c>
      <c r="AM42662">
        <v>31</v>
      </c>
      <c r="AN42662">
        <v>31</v>
      </c>
      <c r="AO42662">
        <v>32</v>
      </c>
      <c r="AP42662">
        <v>32</v>
      </c>
      <c r="AQ42662">
        <v>32</v>
      </c>
    </row>
    <row r="42663" spans="1:43">
      <c r="A42663" t="s">
        <v>26147</v>
      </c>
      <c r="B42663" t="s">
        <v>26148</v>
      </c>
      <c r="C42663" t="s">
        <v>18289</v>
      </c>
      <c r="D42663" t="s">
        <v>18290</v>
      </c>
      <c r="E42663" t="s">
        <v>18191</v>
      </c>
      <c r="F42663" t="s">
        <v>18192</v>
      </c>
      <c r="G42663" t="s">
        <v>10734</v>
      </c>
      <c r="H42663" t="s">
        <v>10735</v>
      </c>
      <c r="I42663" s="2">
        <v>0</v>
      </c>
      <c r="J42663" s="2">
        <v>0</v>
      </c>
      <c r="K42663" s="2">
        <v>1</v>
      </c>
      <c r="L42663" t="s">
        <v>995</v>
      </c>
      <c r="M42663" t="s">
        <v>87</v>
      </c>
      <c r="N42663" t="s">
        <v>88</v>
      </c>
      <c r="O42663" t="s">
        <v>85</v>
      </c>
      <c r="P42663" t="s">
        <v>86</v>
      </c>
      <c r="Q42663">
        <v>25</v>
      </c>
      <c r="R42663">
        <v>26</v>
      </c>
      <c r="S42663">
        <v>26</v>
      </c>
      <c r="T42663">
        <v>26</v>
      </c>
      <c r="U42663">
        <v>26</v>
      </c>
      <c r="V42663">
        <v>26</v>
      </c>
      <c r="W42663">
        <v>26</v>
      </c>
      <c r="X42663">
        <v>26</v>
      </c>
      <c r="Y42663">
        <v>26</v>
      </c>
      <c r="Z42663">
        <v>26</v>
      </c>
      <c r="AA42663">
        <v>26</v>
      </c>
      <c r="AB42663">
        <v>27</v>
      </c>
      <c r="AC42663">
        <v>27</v>
      </c>
      <c r="AD42663">
        <v>27</v>
      </c>
      <c r="AE42663">
        <v>27</v>
      </c>
      <c r="AF42663">
        <v>27</v>
      </c>
      <c r="AG42663">
        <v>27</v>
      </c>
      <c r="AH42663">
        <v>27</v>
      </c>
      <c r="AI42663">
        <v>27</v>
      </c>
      <c r="AJ42663">
        <v>28</v>
      </c>
      <c r="AK42663">
        <v>28</v>
      </c>
      <c r="AL42663">
        <v>28</v>
      </c>
      <c r="AM42663">
        <v>28</v>
      </c>
      <c r="AN42663">
        <v>28</v>
      </c>
      <c r="AO42663">
        <v>28</v>
      </c>
      <c r="AP42663">
        <v>28</v>
      </c>
      <c r="AQ42663">
        <v>29</v>
      </c>
    </row>
    <row r="42664" spans="1:43">
      <c r="A42664" t="s">
        <v>26147</v>
      </c>
      <c r="B42664" t="s">
        <v>26148</v>
      </c>
      <c r="C42664" t="s">
        <v>18289</v>
      </c>
      <c r="D42664" t="s">
        <v>18290</v>
      </c>
      <c r="E42664" t="s">
        <v>18191</v>
      </c>
      <c r="F42664" t="s">
        <v>18192</v>
      </c>
      <c r="G42664" t="s">
        <v>10734</v>
      </c>
      <c r="H42664" t="s">
        <v>10735</v>
      </c>
      <c r="I42664" s="2">
        <v>0</v>
      </c>
      <c r="J42664" s="2">
        <v>0</v>
      </c>
      <c r="K42664" s="2">
        <v>1</v>
      </c>
      <c r="L42664" t="s">
        <v>995</v>
      </c>
      <c r="M42664" t="s">
        <v>89</v>
      </c>
      <c r="N42664" t="s">
        <v>90</v>
      </c>
      <c r="O42664" t="s">
        <v>85</v>
      </c>
      <c r="P42664" t="s">
        <v>86</v>
      </c>
      <c r="Q42664">
        <v>25</v>
      </c>
      <c r="R42664">
        <v>25</v>
      </c>
      <c r="S42664">
        <v>26</v>
      </c>
      <c r="T42664">
        <v>27</v>
      </c>
      <c r="U42664">
        <v>27</v>
      </c>
      <c r="V42664">
        <v>28</v>
      </c>
      <c r="W42664">
        <v>28</v>
      </c>
      <c r="X42664">
        <v>28</v>
      </c>
      <c r="Y42664">
        <v>29</v>
      </c>
      <c r="Z42664">
        <v>29</v>
      </c>
      <c r="AA42664">
        <v>30</v>
      </c>
      <c r="AB42664">
        <v>30</v>
      </c>
      <c r="AC42664">
        <v>31</v>
      </c>
      <c r="AD42664">
        <v>31</v>
      </c>
      <c r="AE42664">
        <v>31</v>
      </c>
      <c r="AF42664">
        <v>31</v>
      </c>
      <c r="AG42664">
        <v>31</v>
      </c>
      <c r="AH42664">
        <v>31</v>
      </c>
      <c r="AI42664">
        <v>31</v>
      </c>
      <c r="AJ42664">
        <v>31</v>
      </c>
      <c r="AK42664">
        <v>32</v>
      </c>
      <c r="AL42664">
        <v>32</v>
      </c>
      <c r="AM42664">
        <v>32</v>
      </c>
      <c r="AN42664">
        <v>32</v>
      </c>
      <c r="AO42664">
        <v>32</v>
      </c>
      <c r="AP42664">
        <v>32</v>
      </c>
      <c r="AQ42664">
        <v>32</v>
      </c>
    </row>
    <row r="42665" spans="1:43">
      <c r="A42665" t="s">
        <v>26147</v>
      </c>
      <c r="B42665" t="s">
        <v>26148</v>
      </c>
      <c r="C42665" t="s">
        <v>18289</v>
      </c>
      <c r="D42665" t="s">
        <v>18290</v>
      </c>
      <c r="E42665" t="s">
        <v>18191</v>
      </c>
      <c r="F42665" t="s">
        <v>18192</v>
      </c>
      <c r="G42665" t="s">
        <v>10734</v>
      </c>
      <c r="H42665" t="s">
        <v>10735</v>
      </c>
      <c r="I42665" s="2">
        <v>0</v>
      </c>
      <c r="J42665" s="2">
        <v>0</v>
      </c>
      <c r="K42665" s="2">
        <v>1</v>
      </c>
      <c r="L42665" t="s">
        <v>995</v>
      </c>
      <c r="M42665" t="s">
        <v>83</v>
      </c>
      <c r="N42665" t="s">
        <v>91</v>
      </c>
      <c r="O42665" t="s">
        <v>85</v>
      </c>
      <c r="P42665" t="s">
        <v>86</v>
      </c>
      <c r="Q42665">
        <v>25</v>
      </c>
      <c r="R42665">
        <v>25</v>
      </c>
      <c r="S42665">
        <v>25</v>
      </c>
      <c r="T42665">
        <v>26</v>
      </c>
      <c r="U42665">
        <v>26</v>
      </c>
      <c r="V42665">
        <v>26</v>
      </c>
      <c r="W42665">
        <v>27</v>
      </c>
      <c r="X42665">
        <v>27</v>
      </c>
      <c r="Y42665">
        <v>27</v>
      </c>
      <c r="Z42665">
        <v>28</v>
      </c>
      <c r="AA42665">
        <v>28</v>
      </c>
      <c r="AB42665">
        <v>28</v>
      </c>
      <c r="AC42665">
        <v>29</v>
      </c>
      <c r="AD42665">
        <v>29</v>
      </c>
      <c r="AE42665">
        <v>29</v>
      </c>
      <c r="AF42665">
        <v>29</v>
      </c>
      <c r="AG42665">
        <v>30</v>
      </c>
      <c r="AH42665">
        <v>30</v>
      </c>
      <c r="AI42665">
        <v>30</v>
      </c>
      <c r="AJ42665">
        <v>31</v>
      </c>
      <c r="AK42665">
        <v>31</v>
      </c>
      <c r="AL42665">
        <v>31</v>
      </c>
      <c r="AM42665">
        <v>31</v>
      </c>
      <c r="AN42665">
        <v>31</v>
      </c>
      <c r="AO42665">
        <v>32</v>
      </c>
      <c r="AP42665">
        <v>32</v>
      </c>
      <c r="AQ42665">
        <v>32</v>
      </c>
    </row>
    <row r="42666" spans="1:43">
      <c r="A42666" t="s">
        <v>26149</v>
      </c>
      <c r="B42666" t="s">
        <v>26150</v>
      </c>
      <c r="C42666" t="s">
        <v>19033</v>
      </c>
      <c r="D42666" t="s">
        <v>19034</v>
      </c>
      <c r="E42666" t="s">
        <v>18995</v>
      </c>
      <c r="F42666" t="s">
        <v>18996</v>
      </c>
      <c r="G42666" t="s">
        <v>10734</v>
      </c>
      <c r="H42666" t="s">
        <v>10735</v>
      </c>
      <c r="I42666" s="2">
        <v>0</v>
      </c>
      <c r="J42666" s="2">
        <v>0</v>
      </c>
      <c r="K42666" s="2">
        <v>1</v>
      </c>
      <c r="L42666" t="s">
        <v>995</v>
      </c>
      <c r="M42666" t="s">
        <v>83</v>
      </c>
      <c r="N42666" t="s">
        <v>84</v>
      </c>
      <c r="O42666" t="s">
        <v>85</v>
      </c>
      <c r="P42666" t="s">
        <v>86</v>
      </c>
      <c r="Q42666">
        <v>28</v>
      </c>
      <c r="R42666">
        <v>28</v>
      </c>
      <c r="S42666">
        <v>29</v>
      </c>
      <c r="T42666">
        <v>29</v>
      </c>
      <c r="U42666">
        <v>30</v>
      </c>
      <c r="V42666">
        <v>30</v>
      </c>
      <c r="W42666">
        <v>31</v>
      </c>
      <c r="X42666">
        <v>31</v>
      </c>
      <c r="Y42666">
        <v>31</v>
      </c>
      <c r="Z42666">
        <v>32</v>
      </c>
      <c r="AA42666">
        <v>32</v>
      </c>
      <c r="AB42666">
        <v>33</v>
      </c>
      <c r="AC42666">
        <v>33</v>
      </c>
      <c r="AD42666">
        <v>34</v>
      </c>
      <c r="AE42666">
        <v>34</v>
      </c>
      <c r="AF42666">
        <v>35</v>
      </c>
      <c r="AG42666">
        <v>35</v>
      </c>
      <c r="AH42666">
        <v>35</v>
      </c>
      <c r="AI42666">
        <v>36</v>
      </c>
      <c r="AJ42666">
        <v>36</v>
      </c>
      <c r="AK42666">
        <v>37</v>
      </c>
      <c r="AL42666">
        <v>37</v>
      </c>
      <c r="AM42666">
        <v>37</v>
      </c>
      <c r="AN42666">
        <v>37</v>
      </c>
      <c r="AO42666">
        <v>37</v>
      </c>
      <c r="AP42666">
        <v>38</v>
      </c>
      <c r="AQ42666">
        <v>38</v>
      </c>
    </row>
    <row r="42667" spans="1:43">
      <c r="A42667" t="s">
        <v>26149</v>
      </c>
      <c r="B42667" t="s">
        <v>26150</v>
      </c>
      <c r="C42667" t="s">
        <v>19033</v>
      </c>
      <c r="D42667" t="s">
        <v>19034</v>
      </c>
      <c r="E42667" t="s">
        <v>18995</v>
      </c>
      <c r="F42667" t="s">
        <v>18996</v>
      </c>
      <c r="G42667" t="s">
        <v>10734</v>
      </c>
      <c r="H42667" t="s">
        <v>10735</v>
      </c>
      <c r="I42667" s="2">
        <v>0</v>
      </c>
      <c r="J42667" s="2">
        <v>0</v>
      </c>
      <c r="K42667" s="2">
        <v>1</v>
      </c>
      <c r="L42667" t="s">
        <v>995</v>
      </c>
      <c r="M42667" t="s">
        <v>87</v>
      </c>
      <c r="N42667" t="s">
        <v>88</v>
      </c>
      <c r="O42667" t="s">
        <v>85</v>
      </c>
      <c r="P42667" t="s">
        <v>86</v>
      </c>
      <c r="Q42667">
        <v>28</v>
      </c>
      <c r="R42667">
        <v>28</v>
      </c>
      <c r="S42667">
        <v>28</v>
      </c>
      <c r="T42667">
        <v>28</v>
      </c>
      <c r="U42667">
        <v>28</v>
      </c>
      <c r="V42667">
        <v>29</v>
      </c>
      <c r="W42667">
        <v>29</v>
      </c>
      <c r="X42667">
        <v>29</v>
      </c>
      <c r="Y42667">
        <v>29</v>
      </c>
      <c r="Z42667">
        <v>29</v>
      </c>
      <c r="AA42667">
        <v>29</v>
      </c>
      <c r="AB42667">
        <v>30</v>
      </c>
      <c r="AC42667">
        <v>30</v>
      </c>
      <c r="AD42667">
        <v>30</v>
      </c>
      <c r="AE42667">
        <v>30</v>
      </c>
      <c r="AF42667">
        <v>30</v>
      </c>
      <c r="AG42667">
        <v>31</v>
      </c>
      <c r="AH42667">
        <v>31</v>
      </c>
      <c r="AI42667">
        <v>31</v>
      </c>
      <c r="AJ42667">
        <v>31</v>
      </c>
      <c r="AK42667">
        <v>31</v>
      </c>
      <c r="AL42667">
        <v>32</v>
      </c>
      <c r="AM42667">
        <v>32</v>
      </c>
      <c r="AN42667">
        <v>32</v>
      </c>
      <c r="AO42667">
        <v>32</v>
      </c>
      <c r="AP42667">
        <v>33</v>
      </c>
      <c r="AQ42667">
        <v>33</v>
      </c>
    </row>
    <row r="42668" spans="1:43">
      <c r="A42668" t="s">
        <v>26149</v>
      </c>
      <c r="B42668" t="s">
        <v>26150</v>
      </c>
      <c r="C42668" t="s">
        <v>19033</v>
      </c>
      <c r="D42668" t="s">
        <v>19034</v>
      </c>
      <c r="E42668" t="s">
        <v>18995</v>
      </c>
      <c r="F42668" t="s">
        <v>18996</v>
      </c>
      <c r="G42668" t="s">
        <v>10734</v>
      </c>
      <c r="H42668" t="s">
        <v>10735</v>
      </c>
      <c r="I42668" s="2">
        <v>0</v>
      </c>
      <c r="J42668" s="2">
        <v>0</v>
      </c>
      <c r="K42668" s="2">
        <v>1</v>
      </c>
      <c r="L42668" t="s">
        <v>995</v>
      </c>
      <c r="M42668" t="s">
        <v>89</v>
      </c>
      <c r="N42668" t="s">
        <v>90</v>
      </c>
      <c r="O42668" t="s">
        <v>85</v>
      </c>
      <c r="P42668" t="s">
        <v>86</v>
      </c>
      <c r="Q42668">
        <v>28</v>
      </c>
      <c r="R42668">
        <v>29</v>
      </c>
      <c r="S42668">
        <v>29</v>
      </c>
      <c r="T42668">
        <v>30</v>
      </c>
      <c r="U42668">
        <v>31</v>
      </c>
      <c r="V42668">
        <v>31</v>
      </c>
      <c r="W42668">
        <v>32</v>
      </c>
      <c r="X42668">
        <v>33</v>
      </c>
      <c r="Y42668">
        <v>33</v>
      </c>
      <c r="Z42668">
        <v>34</v>
      </c>
      <c r="AA42668">
        <v>34</v>
      </c>
      <c r="AB42668">
        <v>35</v>
      </c>
      <c r="AC42668">
        <v>36</v>
      </c>
      <c r="AD42668">
        <v>36</v>
      </c>
      <c r="AE42668">
        <v>37</v>
      </c>
      <c r="AF42668">
        <v>37</v>
      </c>
      <c r="AG42668">
        <v>37</v>
      </c>
      <c r="AH42668">
        <v>37</v>
      </c>
      <c r="AI42668">
        <v>37</v>
      </c>
      <c r="AJ42668">
        <v>37</v>
      </c>
      <c r="AK42668">
        <v>37</v>
      </c>
      <c r="AL42668">
        <v>37</v>
      </c>
      <c r="AM42668">
        <v>37</v>
      </c>
      <c r="AN42668">
        <v>38</v>
      </c>
      <c r="AO42668">
        <v>38</v>
      </c>
      <c r="AP42668">
        <v>38</v>
      </c>
      <c r="AQ42668">
        <v>38</v>
      </c>
    </row>
    <row r="42669" spans="1:43">
      <c r="A42669" t="s">
        <v>26149</v>
      </c>
      <c r="B42669" t="s">
        <v>26150</v>
      </c>
      <c r="C42669" t="s">
        <v>19033</v>
      </c>
      <c r="D42669" t="s">
        <v>19034</v>
      </c>
      <c r="E42669" t="s">
        <v>18995</v>
      </c>
      <c r="F42669" t="s">
        <v>18996</v>
      </c>
      <c r="G42669" t="s">
        <v>10734</v>
      </c>
      <c r="H42669" t="s">
        <v>10735</v>
      </c>
      <c r="I42669" s="2">
        <v>0</v>
      </c>
      <c r="J42669" s="2">
        <v>0</v>
      </c>
      <c r="K42669" s="2">
        <v>1</v>
      </c>
      <c r="L42669" t="s">
        <v>995</v>
      </c>
      <c r="M42669" t="s">
        <v>83</v>
      </c>
      <c r="N42669" t="s">
        <v>91</v>
      </c>
      <c r="O42669" t="s">
        <v>85</v>
      </c>
      <c r="P42669" t="s">
        <v>86</v>
      </c>
      <c r="Q42669">
        <v>28</v>
      </c>
      <c r="R42669">
        <v>28</v>
      </c>
      <c r="S42669">
        <v>29</v>
      </c>
      <c r="T42669">
        <v>29</v>
      </c>
      <c r="U42669">
        <v>30</v>
      </c>
      <c r="V42669">
        <v>30</v>
      </c>
      <c r="W42669">
        <v>31</v>
      </c>
      <c r="X42669">
        <v>31</v>
      </c>
      <c r="Y42669">
        <v>31</v>
      </c>
      <c r="Z42669">
        <v>32</v>
      </c>
      <c r="AA42669">
        <v>32</v>
      </c>
      <c r="AB42669">
        <v>33</v>
      </c>
      <c r="AC42669">
        <v>33</v>
      </c>
      <c r="AD42669">
        <v>34</v>
      </c>
      <c r="AE42669">
        <v>34</v>
      </c>
      <c r="AF42669">
        <v>35</v>
      </c>
      <c r="AG42669">
        <v>35</v>
      </c>
      <c r="AH42669">
        <v>35</v>
      </c>
      <c r="AI42669">
        <v>36</v>
      </c>
      <c r="AJ42669">
        <v>36</v>
      </c>
      <c r="AK42669">
        <v>37</v>
      </c>
      <c r="AL42669">
        <v>37</v>
      </c>
      <c r="AM42669">
        <v>37</v>
      </c>
      <c r="AN42669">
        <v>37</v>
      </c>
      <c r="AO42669">
        <v>37</v>
      </c>
      <c r="AP42669">
        <v>38</v>
      </c>
      <c r="AQ42669">
        <v>38</v>
      </c>
    </row>
    <row r="42670" spans="1:43">
      <c r="A42670" t="s">
        <v>26151</v>
      </c>
      <c r="B42670" t="s">
        <v>26152</v>
      </c>
      <c r="C42670" t="s">
        <v>19075</v>
      </c>
      <c r="D42670" t="s">
        <v>19076</v>
      </c>
      <c r="E42670" t="s">
        <v>18995</v>
      </c>
      <c r="F42670" t="s">
        <v>18996</v>
      </c>
      <c r="G42670" t="s">
        <v>10734</v>
      </c>
      <c r="H42670" t="s">
        <v>10735</v>
      </c>
      <c r="I42670" s="2">
        <v>0</v>
      </c>
      <c r="J42670" s="2">
        <v>0</v>
      </c>
      <c r="K42670" s="2">
        <v>1</v>
      </c>
      <c r="L42670" t="s">
        <v>995</v>
      </c>
      <c r="M42670" t="s">
        <v>83</v>
      </c>
      <c r="N42670" t="s">
        <v>84</v>
      </c>
      <c r="O42670" t="s">
        <v>85</v>
      </c>
      <c r="P42670" t="s">
        <v>86</v>
      </c>
      <c r="Q42670">
        <v>235</v>
      </c>
      <c r="R42670">
        <v>239</v>
      </c>
      <c r="S42670">
        <v>243</v>
      </c>
      <c r="T42670">
        <v>247</v>
      </c>
      <c r="U42670">
        <v>251</v>
      </c>
      <c r="V42670">
        <v>255</v>
      </c>
      <c r="W42670">
        <v>259</v>
      </c>
      <c r="X42670">
        <v>263</v>
      </c>
      <c r="Y42670">
        <v>267</v>
      </c>
      <c r="Z42670">
        <v>271</v>
      </c>
      <c r="AA42670">
        <v>275</v>
      </c>
      <c r="AB42670">
        <v>279</v>
      </c>
      <c r="AC42670">
        <v>283</v>
      </c>
      <c r="AD42670">
        <v>287</v>
      </c>
      <c r="AE42670">
        <v>291</v>
      </c>
      <c r="AF42670">
        <v>295</v>
      </c>
      <c r="AG42670">
        <v>299</v>
      </c>
      <c r="AH42670">
        <v>303</v>
      </c>
      <c r="AI42670">
        <v>308</v>
      </c>
      <c r="AJ42670">
        <v>312</v>
      </c>
      <c r="AK42670">
        <v>316</v>
      </c>
      <c r="AL42670">
        <v>319</v>
      </c>
      <c r="AM42670">
        <v>320</v>
      </c>
      <c r="AN42670">
        <v>322</v>
      </c>
      <c r="AO42670">
        <v>324</v>
      </c>
      <c r="AP42670">
        <v>326</v>
      </c>
      <c r="AQ42670">
        <v>328</v>
      </c>
    </row>
    <row r="42671" spans="1:43">
      <c r="A42671" t="s">
        <v>26151</v>
      </c>
      <c r="B42671" t="s">
        <v>26152</v>
      </c>
      <c r="C42671" t="s">
        <v>19075</v>
      </c>
      <c r="D42671" t="s">
        <v>19076</v>
      </c>
      <c r="E42671" t="s">
        <v>18995</v>
      </c>
      <c r="F42671" t="s">
        <v>18996</v>
      </c>
      <c r="G42671" t="s">
        <v>10734</v>
      </c>
      <c r="H42671" t="s">
        <v>10735</v>
      </c>
      <c r="I42671" s="2">
        <v>0</v>
      </c>
      <c r="J42671" s="2">
        <v>0</v>
      </c>
      <c r="K42671" s="2">
        <v>1</v>
      </c>
      <c r="L42671" t="s">
        <v>995</v>
      </c>
      <c r="M42671" t="s">
        <v>87</v>
      </c>
      <c r="N42671" t="s">
        <v>88</v>
      </c>
      <c r="O42671" t="s">
        <v>85</v>
      </c>
      <c r="P42671" t="s">
        <v>86</v>
      </c>
      <c r="Q42671">
        <v>235</v>
      </c>
      <c r="R42671">
        <v>237</v>
      </c>
      <c r="S42671">
        <v>238</v>
      </c>
      <c r="T42671">
        <v>240</v>
      </c>
      <c r="U42671">
        <v>242</v>
      </c>
      <c r="V42671">
        <v>244</v>
      </c>
      <c r="W42671">
        <v>245</v>
      </c>
      <c r="X42671">
        <v>247</v>
      </c>
      <c r="Y42671">
        <v>249</v>
      </c>
      <c r="Z42671">
        <v>251</v>
      </c>
      <c r="AA42671">
        <v>252</v>
      </c>
      <c r="AB42671">
        <v>254</v>
      </c>
      <c r="AC42671">
        <v>256</v>
      </c>
      <c r="AD42671">
        <v>258</v>
      </c>
      <c r="AE42671">
        <v>260</v>
      </c>
      <c r="AF42671">
        <v>262</v>
      </c>
      <c r="AG42671">
        <v>264</v>
      </c>
      <c r="AH42671">
        <v>266</v>
      </c>
      <c r="AI42671">
        <v>268</v>
      </c>
      <c r="AJ42671">
        <v>270</v>
      </c>
      <c r="AK42671">
        <v>272</v>
      </c>
      <c r="AL42671">
        <v>274</v>
      </c>
      <c r="AM42671">
        <v>276</v>
      </c>
      <c r="AN42671">
        <v>278</v>
      </c>
      <c r="AO42671">
        <v>280</v>
      </c>
      <c r="AP42671">
        <v>282</v>
      </c>
      <c r="AQ42671">
        <v>285</v>
      </c>
    </row>
    <row r="42672" spans="1:43">
      <c r="A42672" t="s">
        <v>26151</v>
      </c>
      <c r="B42672" t="s">
        <v>26152</v>
      </c>
      <c r="C42672" t="s">
        <v>19075</v>
      </c>
      <c r="D42672" t="s">
        <v>19076</v>
      </c>
      <c r="E42672" t="s">
        <v>18995</v>
      </c>
      <c r="F42672" t="s">
        <v>18996</v>
      </c>
      <c r="G42672" t="s">
        <v>10734</v>
      </c>
      <c r="H42672" t="s">
        <v>10735</v>
      </c>
      <c r="I42672" s="2">
        <v>0</v>
      </c>
      <c r="J42672" s="2">
        <v>0</v>
      </c>
      <c r="K42672" s="2">
        <v>1</v>
      </c>
      <c r="L42672" t="s">
        <v>995</v>
      </c>
      <c r="M42672" t="s">
        <v>89</v>
      </c>
      <c r="N42672" t="s">
        <v>90</v>
      </c>
      <c r="O42672" t="s">
        <v>85</v>
      </c>
      <c r="P42672" t="s">
        <v>86</v>
      </c>
      <c r="Q42672">
        <v>235</v>
      </c>
      <c r="R42672">
        <v>241</v>
      </c>
      <c r="S42672">
        <v>247</v>
      </c>
      <c r="T42672">
        <v>253</v>
      </c>
      <c r="U42672">
        <v>259</v>
      </c>
      <c r="V42672">
        <v>265</v>
      </c>
      <c r="W42672">
        <v>270</v>
      </c>
      <c r="X42672">
        <v>276</v>
      </c>
      <c r="Y42672">
        <v>281</v>
      </c>
      <c r="Z42672">
        <v>286</v>
      </c>
      <c r="AA42672">
        <v>291</v>
      </c>
      <c r="AB42672">
        <v>296</v>
      </c>
      <c r="AC42672">
        <v>301</v>
      </c>
      <c r="AD42672">
        <v>306</v>
      </c>
      <c r="AE42672">
        <v>310</v>
      </c>
      <c r="AF42672">
        <v>312</v>
      </c>
      <c r="AG42672">
        <v>313</v>
      </c>
      <c r="AH42672">
        <v>315</v>
      </c>
      <c r="AI42672">
        <v>317</v>
      </c>
      <c r="AJ42672">
        <v>319</v>
      </c>
      <c r="AK42672">
        <v>320</v>
      </c>
      <c r="AL42672">
        <v>322</v>
      </c>
      <c r="AM42672">
        <v>324</v>
      </c>
      <c r="AN42672">
        <v>325</v>
      </c>
      <c r="AO42672">
        <v>327</v>
      </c>
      <c r="AP42672">
        <v>329</v>
      </c>
      <c r="AQ42672">
        <v>331</v>
      </c>
    </row>
    <row r="42673" spans="1:43">
      <c r="A42673" t="s">
        <v>26151</v>
      </c>
      <c r="B42673" t="s">
        <v>26152</v>
      </c>
      <c r="C42673" t="s">
        <v>19075</v>
      </c>
      <c r="D42673" t="s">
        <v>19076</v>
      </c>
      <c r="E42673" t="s">
        <v>18995</v>
      </c>
      <c r="F42673" t="s">
        <v>18996</v>
      </c>
      <c r="G42673" t="s">
        <v>10734</v>
      </c>
      <c r="H42673" t="s">
        <v>10735</v>
      </c>
      <c r="I42673" s="2">
        <v>0</v>
      </c>
      <c r="J42673" s="2">
        <v>0</v>
      </c>
      <c r="K42673" s="2">
        <v>1</v>
      </c>
      <c r="L42673" t="s">
        <v>995</v>
      </c>
      <c r="M42673" t="s">
        <v>83</v>
      </c>
      <c r="N42673" t="s">
        <v>91</v>
      </c>
      <c r="O42673" t="s">
        <v>85</v>
      </c>
      <c r="P42673" t="s">
        <v>86</v>
      </c>
      <c r="Q42673">
        <v>235</v>
      </c>
      <c r="R42673">
        <v>239</v>
      </c>
      <c r="S42673">
        <v>243</v>
      </c>
      <c r="T42673">
        <v>247</v>
      </c>
      <c r="U42673">
        <v>251</v>
      </c>
      <c r="V42673">
        <v>255</v>
      </c>
      <c r="W42673">
        <v>259</v>
      </c>
      <c r="X42673">
        <v>263</v>
      </c>
      <c r="Y42673">
        <v>267</v>
      </c>
      <c r="Z42673">
        <v>271</v>
      </c>
      <c r="AA42673">
        <v>275</v>
      </c>
      <c r="AB42673">
        <v>279</v>
      </c>
      <c r="AC42673">
        <v>283</v>
      </c>
      <c r="AD42673">
        <v>287</v>
      </c>
      <c r="AE42673">
        <v>291</v>
      </c>
      <c r="AF42673">
        <v>295</v>
      </c>
      <c r="AG42673">
        <v>299</v>
      </c>
      <c r="AH42673">
        <v>303</v>
      </c>
      <c r="AI42673">
        <v>308</v>
      </c>
      <c r="AJ42673">
        <v>312</v>
      </c>
      <c r="AK42673">
        <v>316</v>
      </c>
      <c r="AL42673">
        <v>319</v>
      </c>
      <c r="AM42673">
        <v>320</v>
      </c>
      <c r="AN42673">
        <v>322</v>
      </c>
      <c r="AO42673">
        <v>324</v>
      </c>
      <c r="AP42673">
        <v>326</v>
      </c>
      <c r="AQ42673">
        <v>328</v>
      </c>
    </row>
    <row r="42674" spans="1:43">
      <c r="A42674" t="s">
        <v>26153</v>
      </c>
      <c r="B42674" t="s">
        <v>26154</v>
      </c>
      <c r="C42674" t="s">
        <v>19075</v>
      </c>
      <c r="D42674" t="s">
        <v>19076</v>
      </c>
      <c r="E42674" t="s">
        <v>18995</v>
      </c>
      <c r="F42674" t="s">
        <v>18996</v>
      </c>
      <c r="G42674" t="s">
        <v>10734</v>
      </c>
      <c r="H42674" t="s">
        <v>10735</v>
      </c>
      <c r="I42674" s="2">
        <v>0</v>
      </c>
      <c r="J42674" s="2">
        <v>0</v>
      </c>
      <c r="K42674" s="2">
        <v>1</v>
      </c>
      <c r="L42674" t="s">
        <v>995</v>
      </c>
      <c r="M42674" t="s">
        <v>83</v>
      </c>
      <c r="N42674" t="s">
        <v>84</v>
      </c>
      <c r="O42674" t="s">
        <v>85</v>
      </c>
      <c r="P42674" t="s">
        <v>86</v>
      </c>
      <c r="Q42674">
        <v>120</v>
      </c>
      <c r="R42674">
        <v>122</v>
      </c>
      <c r="S42674">
        <v>124</v>
      </c>
      <c r="T42674">
        <v>126</v>
      </c>
      <c r="U42674">
        <v>128</v>
      </c>
      <c r="V42674">
        <v>130</v>
      </c>
      <c r="W42674">
        <v>132</v>
      </c>
      <c r="X42674">
        <v>135</v>
      </c>
      <c r="Y42674">
        <v>137</v>
      </c>
      <c r="Z42674">
        <v>139</v>
      </c>
      <c r="AA42674">
        <v>141</v>
      </c>
      <c r="AB42674">
        <v>143</v>
      </c>
      <c r="AC42674">
        <v>145</v>
      </c>
      <c r="AD42674">
        <v>147</v>
      </c>
      <c r="AE42674">
        <v>149</v>
      </c>
      <c r="AF42674">
        <v>151</v>
      </c>
      <c r="AG42674">
        <v>153</v>
      </c>
      <c r="AH42674">
        <v>155</v>
      </c>
      <c r="AI42674">
        <v>157</v>
      </c>
      <c r="AJ42674">
        <v>160</v>
      </c>
      <c r="AK42674">
        <v>162</v>
      </c>
      <c r="AL42674">
        <v>163</v>
      </c>
      <c r="AM42674">
        <v>164</v>
      </c>
      <c r="AN42674">
        <v>165</v>
      </c>
      <c r="AO42674">
        <v>166</v>
      </c>
      <c r="AP42674">
        <v>167</v>
      </c>
      <c r="AQ42674">
        <v>168</v>
      </c>
    </row>
    <row r="42675" spans="1:43">
      <c r="A42675" t="s">
        <v>26153</v>
      </c>
      <c r="B42675" t="s">
        <v>26154</v>
      </c>
      <c r="C42675" t="s">
        <v>19075</v>
      </c>
      <c r="D42675" t="s">
        <v>19076</v>
      </c>
      <c r="E42675" t="s">
        <v>18995</v>
      </c>
      <c r="F42675" t="s">
        <v>18996</v>
      </c>
      <c r="G42675" t="s">
        <v>10734</v>
      </c>
      <c r="H42675" t="s">
        <v>10735</v>
      </c>
      <c r="I42675" s="2">
        <v>0</v>
      </c>
      <c r="J42675" s="2">
        <v>0</v>
      </c>
      <c r="K42675" s="2">
        <v>1</v>
      </c>
      <c r="L42675" t="s">
        <v>995</v>
      </c>
      <c r="M42675" t="s">
        <v>87</v>
      </c>
      <c r="N42675" t="s">
        <v>88</v>
      </c>
      <c r="O42675" t="s">
        <v>85</v>
      </c>
      <c r="P42675" t="s">
        <v>86</v>
      </c>
      <c r="Q42675">
        <v>120</v>
      </c>
      <c r="R42675">
        <v>121</v>
      </c>
      <c r="S42675">
        <v>122</v>
      </c>
      <c r="T42675">
        <v>123</v>
      </c>
      <c r="U42675">
        <v>124</v>
      </c>
      <c r="V42675">
        <v>125</v>
      </c>
      <c r="W42675">
        <v>125</v>
      </c>
      <c r="X42675">
        <v>126</v>
      </c>
      <c r="Y42675">
        <v>127</v>
      </c>
      <c r="Z42675">
        <v>128</v>
      </c>
      <c r="AA42675">
        <v>129</v>
      </c>
      <c r="AB42675">
        <v>130</v>
      </c>
      <c r="AC42675">
        <v>131</v>
      </c>
      <c r="AD42675">
        <v>132</v>
      </c>
      <c r="AE42675">
        <v>133</v>
      </c>
      <c r="AF42675">
        <v>134</v>
      </c>
      <c r="AG42675">
        <v>135</v>
      </c>
      <c r="AH42675">
        <v>136</v>
      </c>
      <c r="AI42675">
        <v>137</v>
      </c>
      <c r="AJ42675">
        <v>138</v>
      </c>
      <c r="AK42675">
        <v>139</v>
      </c>
      <c r="AL42675">
        <v>140</v>
      </c>
      <c r="AM42675">
        <v>141</v>
      </c>
      <c r="AN42675">
        <v>142</v>
      </c>
      <c r="AO42675">
        <v>143</v>
      </c>
      <c r="AP42675">
        <v>144</v>
      </c>
      <c r="AQ42675">
        <v>146</v>
      </c>
    </row>
    <row r="42676" spans="1:43">
      <c r="A42676" t="s">
        <v>26153</v>
      </c>
      <c r="B42676" t="s">
        <v>26154</v>
      </c>
      <c r="C42676" t="s">
        <v>19075</v>
      </c>
      <c r="D42676" t="s">
        <v>19076</v>
      </c>
      <c r="E42676" t="s">
        <v>18995</v>
      </c>
      <c r="F42676" t="s">
        <v>18996</v>
      </c>
      <c r="G42676" t="s">
        <v>10734</v>
      </c>
      <c r="H42676" t="s">
        <v>10735</v>
      </c>
      <c r="I42676" s="2">
        <v>0</v>
      </c>
      <c r="J42676" s="2">
        <v>0</v>
      </c>
      <c r="K42676" s="2">
        <v>1</v>
      </c>
      <c r="L42676" t="s">
        <v>995</v>
      </c>
      <c r="M42676" t="s">
        <v>89</v>
      </c>
      <c r="N42676" t="s">
        <v>90</v>
      </c>
      <c r="O42676" t="s">
        <v>85</v>
      </c>
      <c r="P42676" t="s">
        <v>86</v>
      </c>
      <c r="Q42676">
        <v>120</v>
      </c>
      <c r="R42676">
        <v>123</v>
      </c>
      <c r="S42676">
        <v>126</v>
      </c>
      <c r="T42676">
        <v>129</v>
      </c>
      <c r="U42676">
        <v>132</v>
      </c>
      <c r="V42676">
        <v>135</v>
      </c>
      <c r="W42676">
        <v>138</v>
      </c>
      <c r="X42676">
        <v>141</v>
      </c>
      <c r="Y42676">
        <v>144</v>
      </c>
      <c r="Z42676">
        <v>146</v>
      </c>
      <c r="AA42676">
        <v>149</v>
      </c>
      <c r="AB42676">
        <v>151</v>
      </c>
      <c r="AC42676">
        <v>154</v>
      </c>
      <c r="AD42676">
        <v>157</v>
      </c>
      <c r="AE42676">
        <v>159</v>
      </c>
      <c r="AF42676">
        <v>160</v>
      </c>
      <c r="AG42676">
        <v>160</v>
      </c>
      <c r="AH42676">
        <v>161</v>
      </c>
      <c r="AI42676">
        <v>162</v>
      </c>
      <c r="AJ42676">
        <v>163</v>
      </c>
      <c r="AK42676">
        <v>164</v>
      </c>
      <c r="AL42676">
        <v>165</v>
      </c>
      <c r="AM42676">
        <v>166</v>
      </c>
      <c r="AN42676">
        <v>167</v>
      </c>
      <c r="AO42676">
        <v>167</v>
      </c>
      <c r="AP42676">
        <v>168</v>
      </c>
      <c r="AQ42676">
        <v>169</v>
      </c>
    </row>
    <row r="42677" spans="1:43">
      <c r="A42677" t="s">
        <v>26153</v>
      </c>
      <c r="B42677" t="s">
        <v>26154</v>
      </c>
      <c r="C42677" t="s">
        <v>19075</v>
      </c>
      <c r="D42677" t="s">
        <v>19076</v>
      </c>
      <c r="E42677" t="s">
        <v>18995</v>
      </c>
      <c r="F42677" t="s">
        <v>18996</v>
      </c>
      <c r="G42677" t="s">
        <v>10734</v>
      </c>
      <c r="H42677" t="s">
        <v>10735</v>
      </c>
      <c r="I42677" s="2">
        <v>0</v>
      </c>
      <c r="J42677" s="2">
        <v>0</v>
      </c>
      <c r="K42677" s="2">
        <v>1</v>
      </c>
      <c r="L42677" t="s">
        <v>995</v>
      </c>
      <c r="M42677" t="s">
        <v>83</v>
      </c>
      <c r="N42677" t="s">
        <v>91</v>
      </c>
      <c r="O42677" t="s">
        <v>85</v>
      </c>
      <c r="P42677" t="s">
        <v>86</v>
      </c>
      <c r="Q42677">
        <v>120</v>
      </c>
      <c r="R42677">
        <v>122</v>
      </c>
      <c r="S42677">
        <v>124</v>
      </c>
      <c r="T42677">
        <v>126</v>
      </c>
      <c r="U42677">
        <v>128</v>
      </c>
      <c r="V42677">
        <v>130</v>
      </c>
      <c r="W42677">
        <v>132</v>
      </c>
      <c r="X42677">
        <v>135</v>
      </c>
      <c r="Y42677">
        <v>137</v>
      </c>
      <c r="Z42677">
        <v>139</v>
      </c>
      <c r="AA42677">
        <v>141</v>
      </c>
      <c r="AB42677">
        <v>143</v>
      </c>
      <c r="AC42677">
        <v>145</v>
      </c>
      <c r="AD42677">
        <v>147</v>
      </c>
      <c r="AE42677">
        <v>149</v>
      </c>
      <c r="AF42677">
        <v>151</v>
      </c>
      <c r="AG42677">
        <v>153</v>
      </c>
      <c r="AH42677">
        <v>155</v>
      </c>
      <c r="AI42677">
        <v>157</v>
      </c>
      <c r="AJ42677">
        <v>160</v>
      </c>
      <c r="AK42677">
        <v>162</v>
      </c>
      <c r="AL42677">
        <v>163</v>
      </c>
      <c r="AM42677">
        <v>164</v>
      </c>
      <c r="AN42677">
        <v>165</v>
      </c>
      <c r="AO42677">
        <v>166</v>
      </c>
      <c r="AP42677">
        <v>167</v>
      </c>
      <c r="AQ42677">
        <v>168</v>
      </c>
    </row>
    <row r="42678" spans="1:43">
      <c r="A42678" t="s">
        <v>26155</v>
      </c>
      <c r="B42678" t="s">
        <v>26156</v>
      </c>
      <c r="C42678" t="s">
        <v>19099</v>
      </c>
      <c r="D42678" t="s">
        <v>19100</v>
      </c>
      <c r="E42678" t="s">
        <v>18995</v>
      </c>
      <c r="F42678" t="s">
        <v>18996</v>
      </c>
      <c r="G42678" t="s">
        <v>10734</v>
      </c>
      <c r="H42678" t="s">
        <v>10735</v>
      </c>
      <c r="I42678" s="2">
        <v>0</v>
      </c>
      <c r="J42678" s="2">
        <v>0</v>
      </c>
      <c r="K42678" s="2">
        <v>1</v>
      </c>
      <c r="L42678" t="s">
        <v>995</v>
      </c>
      <c r="M42678" t="s">
        <v>83</v>
      </c>
      <c r="N42678" t="s">
        <v>84</v>
      </c>
      <c r="O42678" t="s">
        <v>85</v>
      </c>
      <c r="P42678" t="s">
        <v>86</v>
      </c>
      <c r="Q42678">
        <v>17</v>
      </c>
      <c r="R42678">
        <v>17</v>
      </c>
      <c r="S42678">
        <v>17</v>
      </c>
      <c r="T42678">
        <v>17</v>
      </c>
      <c r="U42678">
        <v>18</v>
      </c>
      <c r="V42678">
        <v>18</v>
      </c>
      <c r="W42678">
        <v>18</v>
      </c>
      <c r="X42678">
        <v>19</v>
      </c>
      <c r="Y42678">
        <v>19</v>
      </c>
      <c r="Z42678">
        <v>19</v>
      </c>
      <c r="AA42678">
        <v>19</v>
      </c>
      <c r="AB42678">
        <v>20</v>
      </c>
      <c r="AC42678">
        <v>20</v>
      </c>
      <c r="AD42678">
        <v>20</v>
      </c>
      <c r="AE42678">
        <v>20</v>
      </c>
      <c r="AF42678">
        <v>21</v>
      </c>
      <c r="AG42678">
        <v>21</v>
      </c>
      <c r="AH42678">
        <v>21</v>
      </c>
      <c r="AI42678">
        <v>22</v>
      </c>
      <c r="AJ42678">
        <v>22</v>
      </c>
      <c r="AK42678">
        <v>22</v>
      </c>
      <c r="AL42678">
        <v>22</v>
      </c>
      <c r="AM42678">
        <v>22</v>
      </c>
      <c r="AN42678">
        <v>22</v>
      </c>
      <c r="AO42678">
        <v>23</v>
      </c>
      <c r="AP42678">
        <v>23</v>
      </c>
      <c r="AQ42678">
        <v>23</v>
      </c>
    </row>
    <row r="42679" spans="1:43">
      <c r="A42679" t="s">
        <v>26155</v>
      </c>
      <c r="B42679" t="s">
        <v>26156</v>
      </c>
      <c r="C42679" t="s">
        <v>19099</v>
      </c>
      <c r="D42679" t="s">
        <v>19100</v>
      </c>
      <c r="E42679" t="s">
        <v>18995</v>
      </c>
      <c r="F42679" t="s">
        <v>18996</v>
      </c>
      <c r="G42679" t="s">
        <v>10734</v>
      </c>
      <c r="H42679" t="s">
        <v>10735</v>
      </c>
      <c r="I42679" s="2">
        <v>0</v>
      </c>
      <c r="J42679" s="2">
        <v>0</v>
      </c>
      <c r="K42679" s="2">
        <v>1</v>
      </c>
      <c r="L42679" t="s">
        <v>995</v>
      </c>
      <c r="M42679" t="s">
        <v>87</v>
      </c>
      <c r="N42679" t="s">
        <v>88</v>
      </c>
      <c r="O42679" t="s">
        <v>85</v>
      </c>
      <c r="P42679" t="s">
        <v>86</v>
      </c>
      <c r="Q42679">
        <v>17</v>
      </c>
      <c r="R42679">
        <v>17</v>
      </c>
      <c r="S42679">
        <v>17</v>
      </c>
      <c r="T42679">
        <v>17</v>
      </c>
      <c r="U42679">
        <v>17</v>
      </c>
      <c r="V42679">
        <v>17</v>
      </c>
      <c r="W42679">
        <v>17</v>
      </c>
      <c r="X42679">
        <v>17</v>
      </c>
      <c r="Y42679">
        <v>17</v>
      </c>
      <c r="Z42679">
        <v>18</v>
      </c>
      <c r="AA42679">
        <v>18</v>
      </c>
      <c r="AB42679">
        <v>18</v>
      </c>
      <c r="AC42679">
        <v>18</v>
      </c>
      <c r="AD42679">
        <v>18</v>
      </c>
      <c r="AE42679">
        <v>18</v>
      </c>
      <c r="AF42679">
        <v>18</v>
      </c>
      <c r="AG42679">
        <v>18</v>
      </c>
      <c r="AH42679">
        <v>18</v>
      </c>
      <c r="AI42679">
        <v>19</v>
      </c>
      <c r="AJ42679">
        <v>19</v>
      </c>
      <c r="AK42679">
        <v>19</v>
      </c>
      <c r="AL42679">
        <v>19</v>
      </c>
      <c r="AM42679">
        <v>19</v>
      </c>
      <c r="AN42679">
        <v>19</v>
      </c>
      <c r="AO42679">
        <v>19</v>
      </c>
      <c r="AP42679">
        <v>20</v>
      </c>
      <c r="AQ42679">
        <v>20</v>
      </c>
    </row>
    <row r="42680" spans="1:43">
      <c r="A42680" t="s">
        <v>26155</v>
      </c>
      <c r="B42680" t="s">
        <v>26156</v>
      </c>
      <c r="C42680" t="s">
        <v>19099</v>
      </c>
      <c r="D42680" t="s">
        <v>19100</v>
      </c>
      <c r="E42680" t="s">
        <v>18995</v>
      </c>
      <c r="F42680" t="s">
        <v>18996</v>
      </c>
      <c r="G42680" t="s">
        <v>10734</v>
      </c>
      <c r="H42680" t="s">
        <v>10735</v>
      </c>
      <c r="I42680" s="2">
        <v>0</v>
      </c>
      <c r="J42680" s="2">
        <v>0</v>
      </c>
      <c r="K42680" s="2">
        <v>1</v>
      </c>
      <c r="L42680" t="s">
        <v>995</v>
      </c>
      <c r="M42680" t="s">
        <v>89</v>
      </c>
      <c r="N42680" t="s">
        <v>90</v>
      </c>
      <c r="O42680" t="s">
        <v>85</v>
      </c>
      <c r="P42680" t="s">
        <v>86</v>
      </c>
      <c r="Q42680">
        <v>17</v>
      </c>
      <c r="R42680">
        <v>17</v>
      </c>
      <c r="S42680">
        <v>18</v>
      </c>
      <c r="T42680">
        <v>18</v>
      </c>
      <c r="U42680">
        <v>18</v>
      </c>
      <c r="V42680">
        <v>19</v>
      </c>
      <c r="W42680">
        <v>19</v>
      </c>
      <c r="X42680">
        <v>20</v>
      </c>
      <c r="Y42680">
        <v>20</v>
      </c>
      <c r="Z42680">
        <v>20</v>
      </c>
      <c r="AA42680">
        <v>21</v>
      </c>
      <c r="AB42680">
        <v>21</v>
      </c>
      <c r="AC42680">
        <v>21</v>
      </c>
      <c r="AD42680">
        <v>22</v>
      </c>
      <c r="AE42680">
        <v>22</v>
      </c>
      <c r="AF42680">
        <v>22</v>
      </c>
      <c r="AG42680">
        <v>22</v>
      </c>
      <c r="AH42680">
        <v>22</v>
      </c>
      <c r="AI42680">
        <v>22</v>
      </c>
      <c r="AJ42680">
        <v>22</v>
      </c>
      <c r="AK42680">
        <v>22</v>
      </c>
      <c r="AL42680">
        <v>22</v>
      </c>
      <c r="AM42680">
        <v>23</v>
      </c>
      <c r="AN42680">
        <v>23</v>
      </c>
      <c r="AO42680">
        <v>23</v>
      </c>
      <c r="AP42680">
        <v>23</v>
      </c>
      <c r="AQ42680">
        <v>23</v>
      </c>
    </row>
    <row r="42681" spans="1:43">
      <c r="A42681" t="s">
        <v>26155</v>
      </c>
      <c r="B42681" t="s">
        <v>26156</v>
      </c>
      <c r="C42681" t="s">
        <v>19099</v>
      </c>
      <c r="D42681" t="s">
        <v>19100</v>
      </c>
      <c r="E42681" t="s">
        <v>18995</v>
      </c>
      <c r="F42681" t="s">
        <v>18996</v>
      </c>
      <c r="G42681" t="s">
        <v>10734</v>
      </c>
      <c r="H42681" t="s">
        <v>10735</v>
      </c>
      <c r="I42681" s="2">
        <v>0</v>
      </c>
      <c r="J42681" s="2">
        <v>0</v>
      </c>
      <c r="K42681" s="2">
        <v>1</v>
      </c>
      <c r="L42681" t="s">
        <v>995</v>
      </c>
      <c r="M42681" t="s">
        <v>83</v>
      </c>
      <c r="N42681" t="s">
        <v>91</v>
      </c>
      <c r="O42681" t="s">
        <v>85</v>
      </c>
      <c r="P42681" t="s">
        <v>86</v>
      </c>
      <c r="Q42681">
        <v>17</v>
      </c>
      <c r="R42681">
        <v>17</v>
      </c>
      <c r="S42681">
        <v>17</v>
      </c>
      <c r="T42681">
        <v>17</v>
      </c>
      <c r="U42681">
        <v>18</v>
      </c>
      <c r="V42681">
        <v>18</v>
      </c>
      <c r="W42681">
        <v>18</v>
      </c>
      <c r="X42681">
        <v>19</v>
      </c>
      <c r="Y42681">
        <v>19</v>
      </c>
      <c r="Z42681">
        <v>19</v>
      </c>
      <c r="AA42681">
        <v>19</v>
      </c>
      <c r="AB42681">
        <v>20</v>
      </c>
      <c r="AC42681">
        <v>20</v>
      </c>
      <c r="AD42681">
        <v>20</v>
      </c>
      <c r="AE42681">
        <v>20</v>
      </c>
      <c r="AF42681">
        <v>21</v>
      </c>
      <c r="AG42681">
        <v>21</v>
      </c>
      <c r="AH42681">
        <v>21</v>
      </c>
      <c r="AI42681">
        <v>22</v>
      </c>
      <c r="AJ42681">
        <v>22</v>
      </c>
      <c r="AK42681">
        <v>22</v>
      </c>
      <c r="AL42681">
        <v>22</v>
      </c>
      <c r="AM42681">
        <v>22</v>
      </c>
      <c r="AN42681">
        <v>22</v>
      </c>
      <c r="AO42681">
        <v>23</v>
      </c>
      <c r="AP42681">
        <v>23</v>
      </c>
      <c r="AQ42681">
        <v>23</v>
      </c>
    </row>
    <row r="42682" spans="1:43">
      <c r="A42682" t="s">
        <v>26157</v>
      </c>
      <c r="B42682" t="s">
        <v>26158</v>
      </c>
      <c r="C42682" t="s">
        <v>19099</v>
      </c>
      <c r="D42682" t="s">
        <v>19100</v>
      </c>
      <c r="E42682" t="s">
        <v>18995</v>
      </c>
      <c r="F42682" t="s">
        <v>18996</v>
      </c>
      <c r="G42682" t="s">
        <v>10734</v>
      </c>
      <c r="H42682" t="s">
        <v>10735</v>
      </c>
      <c r="I42682" s="2">
        <v>0</v>
      </c>
      <c r="J42682" s="2">
        <v>0</v>
      </c>
      <c r="K42682" s="2">
        <v>1</v>
      </c>
      <c r="L42682" t="s">
        <v>995</v>
      </c>
      <c r="M42682" t="s">
        <v>83</v>
      </c>
      <c r="N42682" t="s">
        <v>84</v>
      </c>
      <c r="O42682" t="s">
        <v>85</v>
      </c>
      <c r="P42682" t="s">
        <v>86</v>
      </c>
      <c r="Q42682">
        <v>35</v>
      </c>
      <c r="R42682">
        <v>36</v>
      </c>
      <c r="S42682">
        <v>36</v>
      </c>
      <c r="T42682">
        <v>37</v>
      </c>
      <c r="U42682">
        <v>37</v>
      </c>
      <c r="V42682">
        <v>38</v>
      </c>
      <c r="W42682">
        <v>38</v>
      </c>
      <c r="X42682">
        <v>39</v>
      </c>
      <c r="Y42682">
        <v>40</v>
      </c>
      <c r="Z42682">
        <v>40</v>
      </c>
      <c r="AA42682">
        <v>41</v>
      </c>
      <c r="AB42682">
        <v>41</v>
      </c>
      <c r="AC42682">
        <v>42</v>
      </c>
      <c r="AD42682">
        <v>42</v>
      </c>
      <c r="AE42682">
        <v>43</v>
      </c>
      <c r="AF42682">
        <v>44</v>
      </c>
      <c r="AG42682">
        <v>44</v>
      </c>
      <c r="AH42682">
        <v>45</v>
      </c>
      <c r="AI42682">
        <v>45</v>
      </c>
      <c r="AJ42682">
        <v>46</v>
      </c>
      <c r="AK42682">
        <v>47</v>
      </c>
      <c r="AL42682">
        <v>47</v>
      </c>
      <c r="AM42682">
        <v>47</v>
      </c>
      <c r="AN42682">
        <v>47</v>
      </c>
      <c r="AO42682">
        <v>47</v>
      </c>
      <c r="AP42682">
        <v>48</v>
      </c>
      <c r="AQ42682">
        <v>48</v>
      </c>
    </row>
    <row r="42683" spans="1:43">
      <c r="A42683" t="s">
        <v>26157</v>
      </c>
      <c r="B42683" t="s">
        <v>26158</v>
      </c>
      <c r="C42683" t="s">
        <v>19099</v>
      </c>
      <c r="D42683" t="s">
        <v>19100</v>
      </c>
      <c r="E42683" t="s">
        <v>18995</v>
      </c>
      <c r="F42683" t="s">
        <v>18996</v>
      </c>
      <c r="G42683" t="s">
        <v>10734</v>
      </c>
      <c r="H42683" t="s">
        <v>10735</v>
      </c>
      <c r="I42683" s="2">
        <v>0</v>
      </c>
      <c r="J42683" s="2">
        <v>0</v>
      </c>
      <c r="K42683" s="2">
        <v>1</v>
      </c>
      <c r="L42683" t="s">
        <v>995</v>
      </c>
      <c r="M42683" t="s">
        <v>87</v>
      </c>
      <c r="N42683" t="s">
        <v>88</v>
      </c>
      <c r="O42683" t="s">
        <v>85</v>
      </c>
      <c r="P42683" t="s">
        <v>86</v>
      </c>
      <c r="Q42683">
        <v>35</v>
      </c>
      <c r="R42683">
        <v>35</v>
      </c>
      <c r="S42683">
        <v>35</v>
      </c>
      <c r="T42683">
        <v>35</v>
      </c>
      <c r="U42683">
        <v>36</v>
      </c>
      <c r="V42683">
        <v>36</v>
      </c>
      <c r="W42683">
        <v>36</v>
      </c>
      <c r="X42683">
        <v>36</v>
      </c>
      <c r="Y42683">
        <v>37</v>
      </c>
      <c r="Z42683">
        <v>37</v>
      </c>
      <c r="AA42683">
        <v>37</v>
      </c>
      <c r="AB42683">
        <v>37</v>
      </c>
      <c r="AC42683">
        <v>38</v>
      </c>
      <c r="AD42683">
        <v>38</v>
      </c>
      <c r="AE42683">
        <v>38</v>
      </c>
      <c r="AF42683">
        <v>38</v>
      </c>
      <c r="AG42683">
        <v>39</v>
      </c>
      <c r="AH42683">
        <v>39</v>
      </c>
      <c r="AI42683">
        <v>39</v>
      </c>
      <c r="AJ42683">
        <v>39</v>
      </c>
      <c r="AK42683">
        <v>40</v>
      </c>
      <c r="AL42683">
        <v>40</v>
      </c>
      <c r="AM42683">
        <v>40</v>
      </c>
      <c r="AN42683">
        <v>41</v>
      </c>
      <c r="AO42683">
        <v>41</v>
      </c>
      <c r="AP42683">
        <v>41</v>
      </c>
      <c r="AQ42683">
        <v>41</v>
      </c>
    </row>
    <row r="42684" spans="1:43">
      <c r="A42684" t="s">
        <v>26157</v>
      </c>
      <c r="B42684" t="s">
        <v>26158</v>
      </c>
      <c r="C42684" t="s">
        <v>19099</v>
      </c>
      <c r="D42684" t="s">
        <v>19100</v>
      </c>
      <c r="E42684" t="s">
        <v>18995</v>
      </c>
      <c r="F42684" t="s">
        <v>18996</v>
      </c>
      <c r="G42684" t="s">
        <v>10734</v>
      </c>
      <c r="H42684" t="s">
        <v>10735</v>
      </c>
      <c r="I42684" s="2">
        <v>0</v>
      </c>
      <c r="J42684" s="2">
        <v>0</v>
      </c>
      <c r="K42684" s="2">
        <v>1</v>
      </c>
      <c r="L42684" t="s">
        <v>995</v>
      </c>
      <c r="M42684" t="s">
        <v>89</v>
      </c>
      <c r="N42684" t="s">
        <v>90</v>
      </c>
      <c r="O42684" t="s">
        <v>85</v>
      </c>
      <c r="P42684" t="s">
        <v>86</v>
      </c>
      <c r="Q42684">
        <v>35</v>
      </c>
      <c r="R42684">
        <v>36</v>
      </c>
      <c r="S42684">
        <v>37</v>
      </c>
      <c r="T42684">
        <v>38</v>
      </c>
      <c r="U42684">
        <v>39</v>
      </c>
      <c r="V42684">
        <v>40</v>
      </c>
      <c r="W42684">
        <v>40</v>
      </c>
      <c r="X42684">
        <v>41</v>
      </c>
      <c r="Y42684">
        <v>42</v>
      </c>
      <c r="Z42684">
        <v>43</v>
      </c>
      <c r="AA42684">
        <v>43</v>
      </c>
      <c r="AB42684">
        <v>44</v>
      </c>
      <c r="AC42684">
        <v>45</v>
      </c>
      <c r="AD42684">
        <v>46</v>
      </c>
      <c r="AE42684">
        <v>46</v>
      </c>
      <c r="AF42684">
        <v>46</v>
      </c>
      <c r="AG42684">
        <v>46</v>
      </c>
      <c r="AH42684">
        <v>47</v>
      </c>
      <c r="AI42684">
        <v>47</v>
      </c>
      <c r="AJ42684">
        <v>47</v>
      </c>
      <c r="AK42684">
        <v>47</v>
      </c>
      <c r="AL42684">
        <v>47</v>
      </c>
      <c r="AM42684">
        <v>47</v>
      </c>
      <c r="AN42684">
        <v>48</v>
      </c>
      <c r="AO42684">
        <v>48</v>
      </c>
      <c r="AP42684">
        <v>48</v>
      </c>
      <c r="AQ42684">
        <v>48</v>
      </c>
    </row>
    <row r="42685" spans="1:43">
      <c r="A42685" t="s">
        <v>26157</v>
      </c>
      <c r="B42685" t="s">
        <v>26158</v>
      </c>
      <c r="C42685" t="s">
        <v>19099</v>
      </c>
      <c r="D42685" t="s">
        <v>19100</v>
      </c>
      <c r="E42685" t="s">
        <v>18995</v>
      </c>
      <c r="F42685" t="s">
        <v>18996</v>
      </c>
      <c r="G42685" t="s">
        <v>10734</v>
      </c>
      <c r="H42685" t="s">
        <v>10735</v>
      </c>
      <c r="I42685" s="2">
        <v>0</v>
      </c>
      <c r="J42685" s="2">
        <v>0</v>
      </c>
      <c r="K42685" s="2">
        <v>1</v>
      </c>
      <c r="L42685" t="s">
        <v>995</v>
      </c>
      <c r="M42685" t="s">
        <v>83</v>
      </c>
      <c r="N42685" t="s">
        <v>91</v>
      </c>
      <c r="O42685" t="s">
        <v>85</v>
      </c>
      <c r="P42685" t="s">
        <v>86</v>
      </c>
      <c r="Q42685">
        <v>35</v>
      </c>
      <c r="R42685">
        <v>36</v>
      </c>
      <c r="S42685">
        <v>36</v>
      </c>
      <c r="T42685">
        <v>37</v>
      </c>
      <c r="U42685">
        <v>37</v>
      </c>
      <c r="V42685">
        <v>38</v>
      </c>
      <c r="W42685">
        <v>38</v>
      </c>
      <c r="X42685">
        <v>39</v>
      </c>
      <c r="Y42685">
        <v>40</v>
      </c>
      <c r="Z42685">
        <v>40</v>
      </c>
      <c r="AA42685">
        <v>41</v>
      </c>
      <c r="AB42685">
        <v>41</v>
      </c>
      <c r="AC42685">
        <v>42</v>
      </c>
      <c r="AD42685">
        <v>42</v>
      </c>
      <c r="AE42685">
        <v>43</v>
      </c>
      <c r="AF42685">
        <v>44</v>
      </c>
      <c r="AG42685">
        <v>44</v>
      </c>
      <c r="AH42685">
        <v>45</v>
      </c>
      <c r="AI42685">
        <v>45</v>
      </c>
      <c r="AJ42685">
        <v>46</v>
      </c>
      <c r="AK42685">
        <v>47</v>
      </c>
      <c r="AL42685">
        <v>47</v>
      </c>
      <c r="AM42685">
        <v>47</v>
      </c>
      <c r="AN42685">
        <v>47</v>
      </c>
      <c r="AO42685">
        <v>47</v>
      </c>
      <c r="AP42685">
        <v>48</v>
      </c>
      <c r="AQ42685">
        <v>48</v>
      </c>
    </row>
    <row r="42686" spans="1:43">
      <c r="A42686" t="s">
        <v>26159</v>
      </c>
      <c r="B42686" t="s">
        <v>26160</v>
      </c>
      <c r="C42686" t="s">
        <v>19153</v>
      </c>
      <c r="D42686" t="s">
        <v>19154</v>
      </c>
      <c r="E42686" t="s">
        <v>18995</v>
      </c>
      <c r="F42686" t="s">
        <v>18996</v>
      </c>
      <c r="G42686" t="s">
        <v>10734</v>
      </c>
      <c r="H42686" t="s">
        <v>10735</v>
      </c>
      <c r="I42686" s="2">
        <v>0</v>
      </c>
      <c r="J42686" s="2">
        <v>0</v>
      </c>
      <c r="K42686" s="2">
        <v>1</v>
      </c>
      <c r="L42686" t="s">
        <v>995</v>
      </c>
      <c r="M42686" t="s">
        <v>83</v>
      </c>
      <c r="N42686" t="s">
        <v>84</v>
      </c>
      <c r="O42686" t="s">
        <v>85</v>
      </c>
      <c r="P42686" t="s">
        <v>86</v>
      </c>
      <c r="Q42686">
        <v>20</v>
      </c>
      <c r="R42686">
        <v>20</v>
      </c>
      <c r="S42686">
        <v>20</v>
      </c>
      <c r="T42686">
        <v>21</v>
      </c>
      <c r="U42686">
        <v>21</v>
      </c>
      <c r="V42686">
        <v>21</v>
      </c>
      <c r="W42686">
        <v>22</v>
      </c>
      <c r="X42686">
        <v>22</v>
      </c>
      <c r="Y42686">
        <v>22</v>
      </c>
      <c r="Z42686">
        <v>23</v>
      </c>
      <c r="AA42686">
        <v>23</v>
      </c>
      <c r="AB42686">
        <v>23</v>
      </c>
      <c r="AC42686">
        <v>24</v>
      </c>
      <c r="AD42686">
        <v>24</v>
      </c>
      <c r="AE42686">
        <v>24</v>
      </c>
      <c r="AF42686">
        <v>25</v>
      </c>
      <c r="AG42686">
        <v>25</v>
      </c>
      <c r="AH42686">
        <v>25</v>
      </c>
      <c r="AI42686">
        <v>26</v>
      </c>
      <c r="AJ42686">
        <v>26</v>
      </c>
      <c r="AK42686">
        <v>26</v>
      </c>
      <c r="AL42686">
        <v>26</v>
      </c>
      <c r="AM42686">
        <v>27</v>
      </c>
      <c r="AN42686">
        <v>27</v>
      </c>
      <c r="AO42686">
        <v>27</v>
      </c>
      <c r="AP42686">
        <v>27</v>
      </c>
      <c r="AQ42686">
        <v>27</v>
      </c>
    </row>
    <row r="42687" spans="1:43">
      <c r="A42687" t="s">
        <v>26159</v>
      </c>
      <c r="B42687" t="s">
        <v>26160</v>
      </c>
      <c r="C42687" t="s">
        <v>19153</v>
      </c>
      <c r="D42687" t="s">
        <v>19154</v>
      </c>
      <c r="E42687" t="s">
        <v>18995</v>
      </c>
      <c r="F42687" t="s">
        <v>18996</v>
      </c>
      <c r="G42687" t="s">
        <v>10734</v>
      </c>
      <c r="H42687" t="s">
        <v>10735</v>
      </c>
      <c r="I42687" s="2">
        <v>0</v>
      </c>
      <c r="J42687" s="2">
        <v>0</v>
      </c>
      <c r="K42687" s="2">
        <v>1</v>
      </c>
      <c r="L42687" t="s">
        <v>995</v>
      </c>
      <c r="M42687" t="s">
        <v>87</v>
      </c>
      <c r="N42687" t="s">
        <v>88</v>
      </c>
      <c r="O42687" t="s">
        <v>85</v>
      </c>
      <c r="P42687" t="s">
        <v>86</v>
      </c>
      <c r="Q42687">
        <v>20</v>
      </c>
      <c r="R42687">
        <v>20</v>
      </c>
      <c r="S42687">
        <v>20</v>
      </c>
      <c r="T42687">
        <v>20</v>
      </c>
      <c r="U42687">
        <v>20</v>
      </c>
      <c r="V42687">
        <v>20</v>
      </c>
      <c r="W42687">
        <v>20</v>
      </c>
      <c r="X42687">
        <v>21</v>
      </c>
      <c r="Y42687">
        <v>21</v>
      </c>
      <c r="Z42687">
        <v>21</v>
      </c>
      <c r="AA42687">
        <v>21</v>
      </c>
      <c r="AB42687">
        <v>21</v>
      </c>
      <c r="AC42687">
        <v>21</v>
      </c>
      <c r="AD42687">
        <v>21</v>
      </c>
      <c r="AE42687">
        <v>22</v>
      </c>
      <c r="AF42687">
        <v>22</v>
      </c>
      <c r="AG42687">
        <v>22</v>
      </c>
      <c r="AH42687">
        <v>22</v>
      </c>
      <c r="AI42687">
        <v>22</v>
      </c>
      <c r="AJ42687">
        <v>22</v>
      </c>
      <c r="AK42687">
        <v>22</v>
      </c>
      <c r="AL42687">
        <v>23</v>
      </c>
      <c r="AM42687">
        <v>23</v>
      </c>
      <c r="AN42687">
        <v>23</v>
      </c>
      <c r="AO42687">
        <v>23</v>
      </c>
      <c r="AP42687">
        <v>23</v>
      </c>
      <c r="AQ42687">
        <v>24</v>
      </c>
    </row>
    <row r="42688" spans="1:43">
      <c r="A42688" t="s">
        <v>26159</v>
      </c>
      <c r="B42688" t="s">
        <v>26160</v>
      </c>
      <c r="C42688" t="s">
        <v>19153</v>
      </c>
      <c r="D42688" t="s">
        <v>19154</v>
      </c>
      <c r="E42688" t="s">
        <v>18995</v>
      </c>
      <c r="F42688" t="s">
        <v>18996</v>
      </c>
      <c r="G42688" t="s">
        <v>10734</v>
      </c>
      <c r="H42688" t="s">
        <v>10735</v>
      </c>
      <c r="I42688" s="2">
        <v>0</v>
      </c>
      <c r="J42688" s="2">
        <v>0</v>
      </c>
      <c r="K42688" s="2">
        <v>1</v>
      </c>
      <c r="L42688" t="s">
        <v>995</v>
      </c>
      <c r="M42688" t="s">
        <v>89</v>
      </c>
      <c r="N42688" t="s">
        <v>90</v>
      </c>
      <c r="O42688" t="s">
        <v>85</v>
      </c>
      <c r="P42688" t="s">
        <v>86</v>
      </c>
      <c r="Q42688">
        <v>20</v>
      </c>
      <c r="R42688">
        <v>20</v>
      </c>
      <c r="S42688">
        <v>21</v>
      </c>
      <c r="T42688">
        <v>21</v>
      </c>
      <c r="U42688">
        <v>22</v>
      </c>
      <c r="V42688">
        <v>22</v>
      </c>
      <c r="W42688">
        <v>23</v>
      </c>
      <c r="X42688">
        <v>23</v>
      </c>
      <c r="Y42688">
        <v>24</v>
      </c>
      <c r="Z42688">
        <v>24</v>
      </c>
      <c r="AA42688">
        <v>24</v>
      </c>
      <c r="AB42688">
        <v>25</v>
      </c>
      <c r="AC42688">
        <v>25</v>
      </c>
      <c r="AD42688">
        <v>26</v>
      </c>
      <c r="AE42688">
        <v>26</v>
      </c>
      <c r="AF42688">
        <v>26</v>
      </c>
      <c r="AG42688">
        <v>26</v>
      </c>
      <c r="AH42688">
        <v>26</v>
      </c>
      <c r="AI42688">
        <v>26</v>
      </c>
      <c r="AJ42688">
        <v>27</v>
      </c>
      <c r="AK42688">
        <v>27</v>
      </c>
      <c r="AL42688">
        <v>27</v>
      </c>
      <c r="AM42688">
        <v>27</v>
      </c>
      <c r="AN42688">
        <v>27</v>
      </c>
      <c r="AO42688">
        <v>27</v>
      </c>
      <c r="AP42688">
        <v>27</v>
      </c>
      <c r="AQ42688">
        <v>27</v>
      </c>
    </row>
    <row r="42689" spans="1:43">
      <c r="A42689" t="s">
        <v>26159</v>
      </c>
      <c r="B42689" t="s">
        <v>26160</v>
      </c>
      <c r="C42689" t="s">
        <v>19153</v>
      </c>
      <c r="D42689" t="s">
        <v>19154</v>
      </c>
      <c r="E42689" t="s">
        <v>18995</v>
      </c>
      <c r="F42689" t="s">
        <v>18996</v>
      </c>
      <c r="G42689" t="s">
        <v>10734</v>
      </c>
      <c r="H42689" t="s">
        <v>10735</v>
      </c>
      <c r="I42689" s="2">
        <v>0</v>
      </c>
      <c r="J42689" s="2">
        <v>0</v>
      </c>
      <c r="K42689" s="2">
        <v>1</v>
      </c>
      <c r="L42689" t="s">
        <v>995</v>
      </c>
      <c r="M42689" t="s">
        <v>83</v>
      </c>
      <c r="N42689" t="s">
        <v>91</v>
      </c>
      <c r="O42689" t="s">
        <v>85</v>
      </c>
      <c r="P42689" t="s">
        <v>86</v>
      </c>
      <c r="Q42689">
        <v>20</v>
      </c>
      <c r="R42689">
        <v>20</v>
      </c>
      <c r="S42689">
        <v>20</v>
      </c>
      <c r="T42689">
        <v>21</v>
      </c>
      <c r="U42689">
        <v>21</v>
      </c>
      <c r="V42689">
        <v>21</v>
      </c>
      <c r="W42689">
        <v>22</v>
      </c>
      <c r="X42689">
        <v>22</v>
      </c>
      <c r="Y42689">
        <v>22</v>
      </c>
      <c r="Z42689">
        <v>23</v>
      </c>
      <c r="AA42689">
        <v>23</v>
      </c>
      <c r="AB42689">
        <v>23</v>
      </c>
      <c r="AC42689">
        <v>24</v>
      </c>
      <c r="AD42689">
        <v>24</v>
      </c>
      <c r="AE42689">
        <v>24</v>
      </c>
      <c r="AF42689">
        <v>25</v>
      </c>
      <c r="AG42689">
        <v>25</v>
      </c>
      <c r="AH42689">
        <v>25</v>
      </c>
      <c r="AI42689">
        <v>26</v>
      </c>
      <c r="AJ42689">
        <v>26</v>
      </c>
      <c r="AK42689">
        <v>26</v>
      </c>
      <c r="AL42689">
        <v>26</v>
      </c>
      <c r="AM42689">
        <v>27</v>
      </c>
      <c r="AN42689">
        <v>27</v>
      </c>
      <c r="AO42689">
        <v>27</v>
      </c>
      <c r="AP42689">
        <v>27</v>
      </c>
      <c r="AQ42689">
        <v>27</v>
      </c>
    </row>
    <row r="42690" spans="1:43">
      <c r="A42690" t="s">
        <v>26161</v>
      </c>
      <c r="B42690" t="s">
        <v>26162</v>
      </c>
      <c r="C42690" t="s">
        <v>19153</v>
      </c>
      <c r="D42690" t="s">
        <v>19154</v>
      </c>
      <c r="E42690" t="s">
        <v>18995</v>
      </c>
      <c r="F42690" t="s">
        <v>18996</v>
      </c>
      <c r="G42690" t="s">
        <v>10734</v>
      </c>
      <c r="H42690" t="s">
        <v>10735</v>
      </c>
      <c r="I42690" s="2">
        <v>0</v>
      </c>
      <c r="J42690" s="2">
        <v>0</v>
      </c>
      <c r="K42690" s="2">
        <v>1</v>
      </c>
      <c r="L42690" t="s">
        <v>995</v>
      </c>
      <c r="M42690" t="s">
        <v>83</v>
      </c>
      <c r="N42690" t="s">
        <v>84</v>
      </c>
      <c r="O42690" t="s">
        <v>85</v>
      </c>
      <c r="P42690" t="s">
        <v>86</v>
      </c>
      <c r="Q42690">
        <v>18</v>
      </c>
      <c r="R42690">
        <v>18</v>
      </c>
      <c r="S42690">
        <v>19</v>
      </c>
      <c r="T42690">
        <v>19</v>
      </c>
      <c r="U42690">
        <v>19</v>
      </c>
      <c r="V42690">
        <v>20</v>
      </c>
      <c r="W42690">
        <v>20</v>
      </c>
      <c r="X42690">
        <v>20</v>
      </c>
      <c r="Y42690">
        <v>21</v>
      </c>
      <c r="Z42690">
        <v>21</v>
      </c>
      <c r="AA42690">
        <v>21</v>
      </c>
      <c r="AB42690">
        <v>21</v>
      </c>
      <c r="AC42690">
        <v>22</v>
      </c>
      <c r="AD42690">
        <v>22</v>
      </c>
      <c r="AE42690">
        <v>22</v>
      </c>
      <c r="AF42690">
        <v>23</v>
      </c>
      <c r="AG42690">
        <v>23</v>
      </c>
      <c r="AH42690">
        <v>23</v>
      </c>
      <c r="AI42690">
        <v>24</v>
      </c>
      <c r="AJ42690">
        <v>24</v>
      </c>
      <c r="AK42690">
        <v>24</v>
      </c>
      <c r="AL42690">
        <v>24</v>
      </c>
      <c r="AM42690">
        <v>24</v>
      </c>
      <c r="AN42690">
        <v>25</v>
      </c>
      <c r="AO42690">
        <v>25</v>
      </c>
      <c r="AP42690">
        <v>25</v>
      </c>
      <c r="AQ42690">
        <v>25</v>
      </c>
    </row>
    <row r="42691" spans="1:43">
      <c r="A42691" t="s">
        <v>26161</v>
      </c>
      <c r="B42691" t="s">
        <v>26162</v>
      </c>
      <c r="C42691" t="s">
        <v>19153</v>
      </c>
      <c r="D42691" t="s">
        <v>19154</v>
      </c>
      <c r="E42691" t="s">
        <v>18995</v>
      </c>
      <c r="F42691" t="s">
        <v>18996</v>
      </c>
      <c r="G42691" t="s">
        <v>10734</v>
      </c>
      <c r="H42691" t="s">
        <v>10735</v>
      </c>
      <c r="I42691" s="2">
        <v>0</v>
      </c>
      <c r="J42691" s="2">
        <v>0</v>
      </c>
      <c r="K42691" s="2">
        <v>1</v>
      </c>
      <c r="L42691" t="s">
        <v>995</v>
      </c>
      <c r="M42691" t="s">
        <v>87</v>
      </c>
      <c r="N42691" t="s">
        <v>88</v>
      </c>
      <c r="O42691" t="s">
        <v>85</v>
      </c>
      <c r="P42691" t="s">
        <v>86</v>
      </c>
      <c r="Q42691">
        <v>18</v>
      </c>
      <c r="R42691">
        <v>18</v>
      </c>
      <c r="S42691">
        <v>18</v>
      </c>
      <c r="T42691">
        <v>18</v>
      </c>
      <c r="U42691">
        <v>19</v>
      </c>
      <c r="V42691">
        <v>19</v>
      </c>
      <c r="W42691">
        <v>19</v>
      </c>
      <c r="X42691">
        <v>19</v>
      </c>
      <c r="Y42691">
        <v>19</v>
      </c>
      <c r="Z42691">
        <v>19</v>
      </c>
      <c r="AA42691">
        <v>19</v>
      </c>
      <c r="AB42691">
        <v>19</v>
      </c>
      <c r="AC42691">
        <v>20</v>
      </c>
      <c r="AD42691">
        <v>20</v>
      </c>
      <c r="AE42691">
        <v>20</v>
      </c>
      <c r="AF42691">
        <v>20</v>
      </c>
      <c r="AG42691">
        <v>20</v>
      </c>
      <c r="AH42691">
        <v>20</v>
      </c>
      <c r="AI42691">
        <v>20</v>
      </c>
      <c r="AJ42691">
        <v>21</v>
      </c>
      <c r="AK42691">
        <v>21</v>
      </c>
      <c r="AL42691">
        <v>21</v>
      </c>
      <c r="AM42691">
        <v>21</v>
      </c>
      <c r="AN42691">
        <v>21</v>
      </c>
      <c r="AO42691">
        <v>21</v>
      </c>
      <c r="AP42691">
        <v>21</v>
      </c>
      <c r="AQ42691">
        <v>22</v>
      </c>
    </row>
    <row r="42692" spans="1:43">
      <c r="A42692" t="s">
        <v>26161</v>
      </c>
      <c r="B42692" t="s">
        <v>26162</v>
      </c>
      <c r="C42692" t="s">
        <v>19153</v>
      </c>
      <c r="D42692" t="s">
        <v>19154</v>
      </c>
      <c r="E42692" t="s">
        <v>18995</v>
      </c>
      <c r="F42692" t="s">
        <v>18996</v>
      </c>
      <c r="G42692" t="s">
        <v>10734</v>
      </c>
      <c r="H42692" t="s">
        <v>10735</v>
      </c>
      <c r="I42692" s="2">
        <v>0</v>
      </c>
      <c r="J42692" s="2">
        <v>0</v>
      </c>
      <c r="K42692" s="2">
        <v>1</v>
      </c>
      <c r="L42692" t="s">
        <v>995</v>
      </c>
      <c r="M42692" t="s">
        <v>89</v>
      </c>
      <c r="N42692" t="s">
        <v>90</v>
      </c>
      <c r="O42692" t="s">
        <v>85</v>
      </c>
      <c r="P42692" t="s">
        <v>86</v>
      </c>
      <c r="Q42692">
        <v>18</v>
      </c>
      <c r="R42692">
        <v>19</v>
      </c>
      <c r="S42692">
        <v>19</v>
      </c>
      <c r="T42692">
        <v>20</v>
      </c>
      <c r="U42692">
        <v>20</v>
      </c>
      <c r="V42692">
        <v>21</v>
      </c>
      <c r="W42692">
        <v>21</v>
      </c>
      <c r="X42692">
        <v>21</v>
      </c>
      <c r="Y42692">
        <v>22</v>
      </c>
      <c r="Z42692">
        <v>22</v>
      </c>
      <c r="AA42692">
        <v>23</v>
      </c>
      <c r="AB42692">
        <v>23</v>
      </c>
      <c r="AC42692">
        <v>23</v>
      </c>
      <c r="AD42692">
        <v>24</v>
      </c>
      <c r="AE42692">
        <v>24</v>
      </c>
      <c r="AF42692">
        <v>24</v>
      </c>
      <c r="AG42692">
        <v>24</v>
      </c>
      <c r="AH42692">
        <v>24</v>
      </c>
      <c r="AI42692">
        <v>24</v>
      </c>
      <c r="AJ42692">
        <v>24</v>
      </c>
      <c r="AK42692">
        <v>25</v>
      </c>
      <c r="AL42692">
        <v>25</v>
      </c>
      <c r="AM42692">
        <v>25</v>
      </c>
      <c r="AN42692">
        <v>25</v>
      </c>
      <c r="AO42692">
        <v>25</v>
      </c>
      <c r="AP42692">
        <v>25</v>
      </c>
      <c r="AQ42692">
        <v>25</v>
      </c>
    </row>
    <row r="42693" spans="1:43">
      <c r="A42693" t="s">
        <v>26161</v>
      </c>
      <c r="B42693" t="s">
        <v>26162</v>
      </c>
      <c r="C42693" t="s">
        <v>19153</v>
      </c>
      <c r="D42693" t="s">
        <v>19154</v>
      </c>
      <c r="E42693" t="s">
        <v>18995</v>
      </c>
      <c r="F42693" t="s">
        <v>18996</v>
      </c>
      <c r="G42693" t="s">
        <v>10734</v>
      </c>
      <c r="H42693" t="s">
        <v>10735</v>
      </c>
      <c r="I42693" s="2">
        <v>0</v>
      </c>
      <c r="J42693" s="2">
        <v>0</v>
      </c>
      <c r="K42693" s="2">
        <v>1</v>
      </c>
      <c r="L42693" t="s">
        <v>995</v>
      </c>
      <c r="M42693" t="s">
        <v>83</v>
      </c>
      <c r="N42693" t="s">
        <v>91</v>
      </c>
      <c r="O42693" t="s">
        <v>85</v>
      </c>
      <c r="P42693" t="s">
        <v>86</v>
      </c>
      <c r="Q42693">
        <v>18</v>
      </c>
      <c r="R42693">
        <v>18</v>
      </c>
      <c r="S42693">
        <v>19</v>
      </c>
      <c r="T42693">
        <v>19</v>
      </c>
      <c r="U42693">
        <v>19</v>
      </c>
      <c r="V42693">
        <v>20</v>
      </c>
      <c r="W42693">
        <v>20</v>
      </c>
      <c r="X42693">
        <v>20</v>
      </c>
      <c r="Y42693">
        <v>21</v>
      </c>
      <c r="Z42693">
        <v>21</v>
      </c>
      <c r="AA42693">
        <v>21</v>
      </c>
      <c r="AB42693">
        <v>21</v>
      </c>
      <c r="AC42693">
        <v>22</v>
      </c>
      <c r="AD42693">
        <v>22</v>
      </c>
      <c r="AE42693">
        <v>22</v>
      </c>
      <c r="AF42693">
        <v>23</v>
      </c>
      <c r="AG42693">
        <v>23</v>
      </c>
      <c r="AH42693">
        <v>23</v>
      </c>
      <c r="AI42693">
        <v>24</v>
      </c>
      <c r="AJ42693">
        <v>24</v>
      </c>
      <c r="AK42693">
        <v>24</v>
      </c>
      <c r="AL42693">
        <v>24</v>
      </c>
      <c r="AM42693">
        <v>24</v>
      </c>
      <c r="AN42693">
        <v>25</v>
      </c>
      <c r="AO42693">
        <v>25</v>
      </c>
      <c r="AP42693">
        <v>25</v>
      </c>
      <c r="AQ42693">
        <v>25</v>
      </c>
    </row>
    <row r="42694" spans="1:43">
      <c r="A42694" t="s">
        <v>26163</v>
      </c>
      <c r="B42694" t="s">
        <v>26164</v>
      </c>
      <c r="C42694" t="s">
        <v>19029</v>
      </c>
      <c r="D42694" t="s">
        <v>19030</v>
      </c>
      <c r="E42694" t="s">
        <v>18995</v>
      </c>
      <c r="F42694" t="s">
        <v>18996</v>
      </c>
      <c r="G42694" t="s">
        <v>10734</v>
      </c>
      <c r="H42694" t="s">
        <v>10735</v>
      </c>
      <c r="I42694" s="2">
        <v>0</v>
      </c>
      <c r="J42694" s="2">
        <v>0</v>
      </c>
      <c r="K42694" s="2">
        <v>1</v>
      </c>
      <c r="L42694" t="s">
        <v>995</v>
      </c>
      <c r="M42694" t="s">
        <v>83</v>
      </c>
      <c r="N42694" t="s">
        <v>84</v>
      </c>
      <c r="O42694" t="s">
        <v>85</v>
      </c>
      <c r="P42694" t="s">
        <v>86</v>
      </c>
      <c r="Q42694">
        <v>15</v>
      </c>
      <c r="R42694">
        <v>16</v>
      </c>
      <c r="S42694">
        <v>16</v>
      </c>
      <c r="T42694">
        <v>16</v>
      </c>
      <c r="U42694">
        <v>16</v>
      </c>
      <c r="V42694">
        <v>17</v>
      </c>
      <c r="W42694">
        <v>17</v>
      </c>
      <c r="X42694">
        <v>17</v>
      </c>
      <c r="Y42694">
        <v>17</v>
      </c>
      <c r="Z42694">
        <v>18</v>
      </c>
      <c r="AA42694">
        <v>18</v>
      </c>
      <c r="AB42694">
        <v>18</v>
      </c>
      <c r="AC42694">
        <v>18</v>
      </c>
      <c r="AD42694">
        <v>19</v>
      </c>
      <c r="AE42694">
        <v>19</v>
      </c>
      <c r="AF42694">
        <v>19</v>
      </c>
      <c r="AG42694">
        <v>19</v>
      </c>
      <c r="AH42694">
        <v>20</v>
      </c>
      <c r="AI42694">
        <v>20</v>
      </c>
      <c r="AJ42694">
        <v>20</v>
      </c>
      <c r="AK42694">
        <v>20</v>
      </c>
      <c r="AL42694">
        <v>21</v>
      </c>
      <c r="AM42694">
        <v>21</v>
      </c>
      <c r="AN42694">
        <v>21</v>
      </c>
      <c r="AO42694">
        <v>21</v>
      </c>
      <c r="AP42694">
        <v>21</v>
      </c>
      <c r="AQ42694">
        <v>21</v>
      </c>
    </row>
    <row r="42695" spans="1:43">
      <c r="A42695" t="s">
        <v>26163</v>
      </c>
      <c r="B42695" t="s">
        <v>26164</v>
      </c>
      <c r="C42695" t="s">
        <v>19029</v>
      </c>
      <c r="D42695" t="s">
        <v>19030</v>
      </c>
      <c r="E42695" t="s">
        <v>18995</v>
      </c>
      <c r="F42695" t="s">
        <v>18996</v>
      </c>
      <c r="G42695" t="s">
        <v>10734</v>
      </c>
      <c r="H42695" t="s">
        <v>10735</v>
      </c>
      <c r="I42695" s="2">
        <v>0</v>
      </c>
      <c r="J42695" s="2">
        <v>0</v>
      </c>
      <c r="K42695" s="2">
        <v>1</v>
      </c>
      <c r="L42695" t="s">
        <v>995</v>
      </c>
      <c r="M42695" t="s">
        <v>87</v>
      </c>
      <c r="N42695" t="s">
        <v>88</v>
      </c>
      <c r="O42695" t="s">
        <v>85</v>
      </c>
      <c r="P42695" t="s">
        <v>86</v>
      </c>
      <c r="Q42695">
        <v>15</v>
      </c>
      <c r="R42695">
        <v>15</v>
      </c>
      <c r="S42695">
        <v>15</v>
      </c>
      <c r="T42695">
        <v>16</v>
      </c>
      <c r="U42695">
        <v>16</v>
      </c>
      <c r="V42695">
        <v>16</v>
      </c>
      <c r="W42695">
        <v>16</v>
      </c>
      <c r="X42695">
        <v>16</v>
      </c>
      <c r="Y42695">
        <v>16</v>
      </c>
      <c r="Z42695">
        <v>16</v>
      </c>
      <c r="AA42695">
        <v>16</v>
      </c>
      <c r="AB42695">
        <v>16</v>
      </c>
      <c r="AC42695">
        <v>17</v>
      </c>
      <c r="AD42695">
        <v>17</v>
      </c>
      <c r="AE42695">
        <v>17</v>
      </c>
      <c r="AF42695">
        <v>17</v>
      </c>
      <c r="AG42695">
        <v>17</v>
      </c>
      <c r="AH42695">
        <v>17</v>
      </c>
      <c r="AI42695">
        <v>17</v>
      </c>
      <c r="AJ42695">
        <v>17</v>
      </c>
      <c r="AK42695">
        <v>18</v>
      </c>
      <c r="AL42695">
        <v>18</v>
      </c>
      <c r="AM42695">
        <v>18</v>
      </c>
      <c r="AN42695">
        <v>18</v>
      </c>
      <c r="AO42695">
        <v>18</v>
      </c>
      <c r="AP42695">
        <v>18</v>
      </c>
      <c r="AQ42695">
        <v>18</v>
      </c>
    </row>
    <row r="42696" spans="1:43">
      <c r="A42696" t="s">
        <v>26163</v>
      </c>
      <c r="B42696" t="s">
        <v>26164</v>
      </c>
      <c r="C42696" t="s">
        <v>19029</v>
      </c>
      <c r="D42696" t="s">
        <v>19030</v>
      </c>
      <c r="E42696" t="s">
        <v>18995</v>
      </c>
      <c r="F42696" t="s">
        <v>18996</v>
      </c>
      <c r="G42696" t="s">
        <v>10734</v>
      </c>
      <c r="H42696" t="s">
        <v>10735</v>
      </c>
      <c r="I42696" s="2">
        <v>0</v>
      </c>
      <c r="J42696" s="2">
        <v>0</v>
      </c>
      <c r="K42696" s="2">
        <v>1</v>
      </c>
      <c r="L42696" t="s">
        <v>995</v>
      </c>
      <c r="M42696" t="s">
        <v>89</v>
      </c>
      <c r="N42696" t="s">
        <v>90</v>
      </c>
      <c r="O42696" t="s">
        <v>85</v>
      </c>
      <c r="P42696" t="s">
        <v>86</v>
      </c>
      <c r="Q42696">
        <v>15</v>
      </c>
      <c r="R42696">
        <v>15</v>
      </c>
      <c r="S42696">
        <v>15</v>
      </c>
      <c r="T42696">
        <v>16</v>
      </c>
      <c r="U42696">
        <v>16</v>
      </c>
      <c r="V42696">
        <v>16</v>
      </c>
      <c r="W42696">
        <v>17</v>
      </c>
      <c r="X42696">
        <v>17</v>
      </c>
      <c r="Y42696">
        <v>17</v>
      </c>
      <c r="Z42696">
        <v>18</v>
      </c>
      <c r="AA42696">
        <v>18</v>
      </c>
      <c r="AB42696">
        <v>18</v>
      </c>
      <c r="AC42696">
        <v>19</v>
      </c>
      <c r="AD42696">
        <v>19</v>
      </c>
      <c r="AE42696">
        <v>19</v>
      </c>
      <c r="AF42696">
        <v>19</v>
      </c>
      <c r="AG42696">
        <v>19</v>
      </c>
      <c r="AH42696">
        <v>20</v>
      </c>
      <c r="AI42696">
        <v>20</v>
      </c>
      <c r="AJ42696">
        <v>20</v>
      </c>
      <c r="AK42696">
        <v>20</v>
      </c>
      <c r="AL42696">
        <v>20</v>
      </c>
      <c r="AM42696">
        <v>20</v>
      </c>
      <c r="AN42696">
        <v>20</v>
      </c>
      <c r="AO42696">
        <v>20</v>
      </c>
      <c r="AP42696">
        <v>20</v>
      </c>
      <c r="AQ42696">
        <v>20</v>
      </c>
    </row>
    <row r="42697" spans="1:43">
      <c r="A42697" t="s">
        <v>26163</v>
      </c>
      <c r="B42697" t="s">
        <v>26164</v>
      </c>
      <c r="C42697" t="s">
        <v>19029</v>
      </c>
      <c r="D42697" t="s">
        <v>19030</v>
      </c>
      <c r="E42697" t="s">
        <v>18995</v>
      </c>
      <c r="F42697" t="s">
        <v>18996</v>
      </c>
      <c r="G42697" t="s">
        <v>10734</v>
      </c>
      <c r="H42697" t="s">
        <v>10735</v>
      </c>
      <c r="I42697" s="2">
        <v>0</v>
      </c>
      <c r="J42697" s="2">
        <v>0</v>
      </c>
      <c r="K42697" s="2">
        <v>1</v>
      </c>
      <c r="L42697" t="s">
        <v>995</v>
      </c>
      <c r="M42697" t="s">
        <v>83</v>
      </c>
      <c r="N42697" t="s">
        <v>91</v>
      </c>
      <c r="O42697" t="s">
        <v>85</v>
      </c>
      <c r="P42697" t="s">
        <v>86</v>
      </c>
      <c r="Q42697">
        <v>15</v>
      </c>
      <c r="R42697">
        <v>16</v>
      </c>
      <c r="S42697">
        <v>16</v>
      </c>
      <c r="T42697">
        <v>16</v>
      </c>
      <c r="U42697">
        <v>16</v>
      </c>
      <c r="V42697">
        <v>17</v>
      </c>
      <c r="W42697">
        <v>17</v>
      </c>
      <c r="X42697">
        <v>17</v>
      </c>
      <c r="Y42697">
        <v>17</v>
      </c>
      <c r="Z42697">
        <v>18</v>
      </c>
      <c r="AA42697">
        <v>18</v>
      </c>
      <c r="AB42697">
        <v>18</v>
      </c>
      <c r="AC42697">
        <v>18</v>
      </c>
      <c r="AD42697">
        <v>19</v>
      </c>
      <c r="AE42697">
        <v>19</v>
      </c>
      <c r="AF42697">
        <v>19</v>
      </c>
      <c r="AG42697">
        <v>19</v>
      </c>
      <c r="AH42697">
        <v>20</v>
      </c>
      <c r="AI42697">
        <v>20</v>
      </c>
      <c r="AJ42697">
        <v>20</v>
      </c>
      <c r="AK42697">
        <v>20</v>
      </c>
      <c r="AL42697">
        <v>21</v>
      </c>
      <c r="AM42697">
        <v>21</v>
      </c>
      <c r="AN42697">
        <v>21</v>
      </c>
      <c r="AO42697">
        <v>21</v>
      </c>
      <c r="AP42697">
        <v>21</v>
      </c>
      <c r="AQ42697">
        <v>21</v>
      </c>
    </row>
    <row r="42698" spans="1:43">
      <c r="A42698" t="s">
        <v>26165</v>
      </c>
      <c r="B42698" t="s">
        <v>26166</v>
      </c>
      <c r="C42698" t="s">
        <v>19029</v>
      </c>
      <c r="D42698" t="s">
        <v>19030</v>
      </c>
      <c r="E42698" t="s">
        <v>18995</v>
      </c>
      <c r="F42698" t="s">
        <v>18996</v>
      </c>
      <c r="G42698" t="s">
        <v>10734</v>
      </c>
      <c r="H42698" t="s">
        <v>10735</v>
      </c>
      <c r="I42698" s="2">
        <v>0</v>
      </c>
      <c r="J42698" s="2">
        <v>0</v>
      </c>
      <c r="K42698" s="2">
        <v>1</v>
      </c>
      <c r="L42698" t="s">
        <v>995</v>
      </c>
      <c r="M42698" t="s">
        <v>83</v>
      </c>
      <c r="N42698" t="s">
        <v>84</v>
      </c>
      <c r="O42698" t="s">
        <v>85</v>
      </c>
      <c r="P42698" t="s">
        <v>86</v>
      </c>
      <c r="Q42698">
        <v>7</v>
      </c>
      <c r="R42698">
        <v>7</v>
      </c>
      <c r="S42698">
        <v>8</v>
      </c>
      <c r="T42698">
        <v>8</v>
      </c>
      <c r="U42698">
        <v>8</v>
      </c>
      <c r="V42698">
        <v>8</v>
      </c>
      <c r="W42698">
        <v>8</v>
      </c>
      <c r="X42698">
        <v>8</v>
      </c>
      <c r="Y42698">
        <v>8</v>
      </c>
      <c r="Z42698">
        <v>8</v>
      </c>
      <c r="AA42698">
        <v>9</v>
      </c>
      <c r="AB42698">
        <v>9</v>
      </c>
      <c r="AC42698">
        <v>9</v>
      </c>
      <c r="AD42698">
        <v>9</v>
      </c>
      <c r="AE42698">
        <v>9</v>
      </c>
      <c r="AF42698">
        <v>9</v>
      </c>
      <c r="AG42698">
        <v>9</v>
      </c>
      <c r="AH42698">
        <v>9</v>
      </c>
      <c r="AI42698">
        <v>10</v>
      </c>
      <c r="AJ42698">
        <v>10</v>
      </c>
      <c r="AK42698">
        <v>10</v>
      </c>
      <c r="AL42698">
        <v>10</v>
      </c>
      <c r="AM42698">
        <v>10</v>
      </c>
      <c r="AN42698">
        <v>10</v>
      </c>
      <c r="AO42698">
        <v>10</v>
      </c>
      <c r="AP42698">
        <v>10</v>
      </c>
      <c r="AQ42698">
        <v>10</v>
      </c>
    </row>
    <row r="42699" spans="1:43">
      <c r="A42699" t="s">
        <v>26165</v>
      </c>
      <c r="B42699" t="s">
        <v>26166</v>
      </c>
      <c r="C42699" t="s">
        <v>19029</v>
      </c>
      <c r="D42699" t="s">
        <v>19030</v>
      </c>
      <c r="E42699" t="s">
        <v>18995</v>
      </c>
      <c r="F42699" t="s">
        <v>18996</v>
      </c>
      <c r="G42699" t="s">
        <v>10734</v>
      </c>
      <c r="H42699" t="s">
        <v>10735</v>
      </c>
      <c r="I42699" s="2">
        <v>0</v>
      </c>
      <c r="J42699" s="2">
        <v>0</v>
      </c>
      <c r="K42699" s="2">
        <v>1</v>
      </c>
      <c r="L42699" t="s">
        <v>995</v>
      </c>
      <c r="M42699" t="s">
        <v>87</v>
      </c>
      <c r="N42699" t="s">
        <v>88</v>
      </c>
      <c r="O42699" t="s">
        <v>85</v>
      </c>
      <c r="P42699" t="s">
        <v>86</v>
      </c>
      <c r="Q42699">
        <v>7</v>
      </c>
      <c r="R42699">
        <v>7</v>
      </c>
      <c r="S42699">
        <v>7</v>
      </c>
      <c r="T42699">
        <v>7</v>
      </c>
      <c r="U42699">
        <v>8</v>
      </c>
      <c r="V42699">
        <v>8</v>
      </c>
      <c r="W42699">
        <v>8</v>
      </c>
      <c r="X42699">
        <v>8</v>
      </c>
      <c r="Y42699">
        <v>8</v>
      </c>
      <c r="Z42699">
        <v>8</v>
      </c>
      <c r="AA42699">
        <v>8</v>
      </c>
      <c r="AB42699">
        <v>8</v>
      </c>
      <c r="AC42699">
        <v>8</v>
      </c>
      <c r="AD42699">
        <v>8</v>
      </c>
      <c r="AE42699">
        <v>8</v>
      </c>
      <c r="AF42699">
        <v>8</v>
      </c>
      <c r="AG42699">
        <v>8</v>
      </c>
      <c r="AH42699">
        <v>8</v>
      </c>
      <c r="AI42699">
        <v>8</v>
      </c>
      <c r="AJ42699">
        <v>8</v>
      </c>
      <c r="AK42699">
        <v>8</v>
      </c>
      <c r="AL42699">
        <v>8</v>
      </c>
      <c r="AM42699">
        <v>9</v>
      </c>
      <c r="AN42699">
        <v>9</v>
      </c>
      <c r="AO42699">
        <v>9</v>
      </c>
      <c r="AP42699">
        <v>9</v>
      </c>
      <c r="AQ42699">
        <v>9</v>
      </c>
    </row>
    <row r="42700" spans="1:43">
      <c r="A42700" t="s">
        <v>26165</v>
      </c>
      <c r="B42700" t="s">
        <v>26166</v>
      </c>
      <c r="C42700" t="s">
        <v>19029</v>
      </c>
      <c r="D42700" t="s">
        <v>19030</v>
      </c>
      <c r="E42700" t="s">
        <v>18995</v>
      </c>
      <c r="F42700" t="s">
        <v>18996</v>
      </c>
      <c r="G42700" t="s">
        <v>10734</v>
      </c>
      <c r="H42700" t="s">
        <v>10735</v>
      </c>
      <c r="I42700" s="2">
        <v>0</v>
      </c>
      <c r="J42700" s="2">
        <v>0</v>
      </c>
      <c r="K42700" s="2">
        <v>1</v>
      </c>
      <c r="L42700" t="s">
        <v>995</v>
      </c>
      <c r="M42700" t="s">
        <v>89</v>
      </c>
      <c r="N42700" t="s">
        <v>90</v>
      </c>
      <c r="O42700" t="s">
        <v>85</v>
      </c>
      <c r="P42700" t="s">
        <v>86</v>
      </c>
      <c r="Q42700">
        <v>7</v>
      </c>
      <c r="R42700">
        <v>8</v>
      </c>
      <c r="S42700">
        <v>8</v>
      </c>
      <c r="T42700">
        <v>8</v>
      </c>
      <c r="U42700">
        <v>8</v>
      </c>
      <c r="V42700">
        <v>8</v>
      </c>
      <c r="W42700">
        <v>9</v>
      </c>
      <c r="X42700">
        <v>9</v>
      </c>
      <c r="Y42700">
        <v>9</v>
      </c>
      <c r="Z42700">
        <v>9</v>
      </c>
      <c r="AA42700">
        <v>9</v>
      </c>
      <c r="AB42700">
        <v>9</v>
      </c>
      <c r="AC42700">
        <v>9</v>
      </c>
      <c r="AD42700">
        <v>10</v>
      </c>
      <c r="AE42700">
        <v>10</v>
      </c>
      <c r="AF42700">
        <v>10</v>
      </c>
      <c r="AG42700">
        <v>10</v>
      </c>
      <c r="AH42700">
        <v>10</v>
      </c>
      <c r="AI42700">
        <v>10</v>
      </c>
      <c r="AJ42700">
        <v>10</v>
      </c>
      <c r="AK42700">
        <v>10</v>
      </c>
      <c r="AL42700">
        <v>10</v>
      </c>
      <c r="AM42700">
        <v>10</v>
      </c>
      <c r="AN42700">
        <v>10</v>
      </c>
      <c r="AO42700">
        <v>10</v>
      </c>
      <c r="AP42700">
        <v>10</v>
      </c>
      <c r="AQ42700">
        <v>10</v>
      </c>
    </row>
    <row r="42701" spans="1:43">
      <c r="A42701" t="s">
        <v>26165</v>
      </c>
      <c r="B42701" t="s">
        <v>26166</v>
      </c>
      <c r="C42701" t="s">
        <v>19029</v>
      </c>
      <c r="D42701" t="s">
        <v>19030</v>
      </c>
      <c r="E42701" t="s">
        <v>18995</v>
      </c>
      <c r="F42701" t="s">
        <v>18996</v>
      </c>
      <c r="G42701" t="s">
        <v>10734</v>
      </c>
      <c r="H42701" t="s">
        <v>10735</v>
      </c>
      <c r="I42701" s="2">
        <v>0</v>
      </c>
      <c r="J42701" s="2">
        <v>0</v>
      </c>
      <c r="K42701" s="2">
        <v>1</v>
      </c>
      <c r="L42701" t="s">
        <v>995</v>
      </c>
      <c r="M42701" t="s">
        <v>83</v>
      </c>
      <c r="N42701" t="s">
        <v>91</v>
      </c>
      <c r="O42701" t="s">
        <v>85</v>
      </c>
      <c r="P42701" t="s">
        <v>86</v>
      </c>
      <c r="Q42701">
        <v>7</v>
      </c>
      <c r="R42701">
        <v>7</v>
      </c>
      <c r="S42701">
        <v>8</v>
      </c>
      <c r="T42701">
        <v>8</v>
      </c>
      <c r="U42701">
        <v>8</v>
      </c>
      <c r="V42701">
        <v>8</v>
      </c>
      <c r="W42701">
        <v>8</v>
      </c>
      <c r="X42701">
        <v>8</v>
      </c>
      <c r="Y42701">
        <v>8</v>
      </c>
      <c r="Z42701">
        <v>8</v>
      </c>
      <c r="AA42701">
        <v>9</v>
      </c>
      <c r="AB42701">
        <v>9</v>
      </c>
      <c r="AC42701">
        <v>9</v>
      </c>
      <c r="AD42701">
        <v>9</v>
      </c>
      <c r="AE42701">
        <v>9</v>
      </c>
      <c r="AF42701">
        <v>9</v>
      </c>
      <c r="AG42701">
        <v>9</v>
      </c>
      <c r="AH42701">
        <v>9</v>
      </c>
      <c r="AI42701">
        <v>10</v>
      </c>
      <c r="AJ42701">
        <v>10</v>
      </c>
      <c r="AK42701">
        <v>10</v>
      </c>
      <c r="AL42701">
        <v>10</v>
      </c>
      <c r="AM42701">
        <v>10</v>
      </c>
      <c r="AN42701">
        <v>10</v>
      </c>
      <c r="AO42701">
        <v>10</v>
      </c>
      <c r="AP42701">
        <v>10</v>
      </c>
      <c r="AQ42701">
        <v>10</v>
      </c>
    </row>
    <row r="42702" spans="1:43">
      <c r="A42702" t="s">
        <v>26167</v>
      </c>
      <c r="B42702" t="s">
        <v>26168</v>
      </c>
      <c r="C42702" t="s">
        <v>19029</v>
      </c>
      <c r="D42702" t="s">
        <v>19030</v>
      </c>
      <c r="E42702" t="s">
        <v>18995</v>
      </c>
      <c r="F42702" t="s">
        <v>18996</v>
      </c>
      <c r="G42702" t="s">
        <v>10734</v>
      </c>
      <c r="H42702" t="s">
        <v>10735</v>
      </c>
      <c r="I42702" s="2">
        <v>0</v>
      </c>
      <c r="J42702" s="2">
        <v>0</v>
      </c>
      <c r="K42702" s="2">
        <v>1</v>
      </c>
      <c r="L42702" t="s">
        <v>995</v>
      </c>
      <c r="M42702" t="s">
        <v>83</v>
      </c>
      <c r="N42702" t="s">
        <v>84</v>
      </c>
      <c r="O42702" t="s">
        <v>85</v>
      </c>
      <c r="P42702" t="s">
        <v>86</v>
      </c>
      <c r="Q42702">
        <v>97</v>
      </c>
      <c r="R42702">
        <v>98</v>
      </c>
      <c r="S42702">
        <v>100</v>
      </c>
      <c r="T42702">
        <v>101</v>
      </c>
      <c r="U42702">
        <v>103</v>
      </c>
      <c r="V42702">
        <v>105</v>
      </c>
      <c r="W42702">
        <v>106</v>
      </c>
      <c r="X42702">
        <v>108</v>
      </c>
      <c r="Y42702">
        <v>109</v>
      </c>
      <c r="Z42702">
        <v>111</v>
      </c>
      <c r="AA42702">
        <v>113</v>
      </c>
      <c r="AB42702">
        <v>114</v>
      </c>
      <c r="AC42702">
        <v>116</v>
      </c>
      <c r="AD42702">
        <v>117</v>
      </c>
      <c r="AE42702">
        <v>119</v>
      </c>
      <c r="AF42702">
        <v>121</v>
      </c>
      <c r="AG42702">
        <v>122</v>
      </c>
      <c r="AH42702">
        <v>124</v>
      </c>
      <c r="AI42702">
        <v>125</v>
      </c>
      <c r="AJ42702">
        <v>127</v>
      </c>
      <c r="AK42702">
        <v>129</v>
      </c>
      <c r="AL42702">
        <v>130</v>
      </c>
      <c r="AM42702">
        <v>130</v>
      </c>
      <c r="AN42702">
        <v>131</v>
      </c>
      <c r="AO42702">
        <v>131</v>
      </c>
      <c r="AP42702">
        <v>132</v>
      </c>
      <c r="AQ42702">
        <v>132</v>
      </c>
    </row>
    <row r="42703" spans="1:43">
      <c r="A42703" t="s">
        <v>26167</v>
      </c>
      <c r="B42703" t="s">
        <v>26168</v>
      </c>
      <c r="C42703" t="s">
        <v>19029</v>
      </c>
      <c r="D42703" t="s">
        <v>19030</v>
      </c>
      <c r="E42703" t="s">
        <v>18995</v>
      </c>
      <c r="F42703" t="s">
        <v>18996</v>
      </c>
      <c r="G42703" t="s">
        <v>10734</v>
      </c>
      <c r="H42703" t="s">
        <v>10735</v>
      </c>
      <c r="I42703" s="2">
        <v>0</v>
      </c>
      <c r="J42703" s="2">
        <v>0</v>
      </c>
      <c r="K42703" s="2">
        <v>1</v>
      </c>
      <c r="L42703" t="s">
        <v>995</v>
      </c>
      <c r="M42703" t="s">
        <v>87</v>
      </c>
      <c r="N42703" t="s">
        <v>88</v>
      </c>
      <c r="O42703" t="s">
        <v>85</v>
      </c>
      <c r="P42703" t="s">
        <v>86</v>
      </c>
      <c r="Q42703">
        <v>97</v>
      </c>
      <c r="R42703">
        <v>97</v>
      </c>
      <c r="S42703">
        <v>98</v>
      </c>
      <c r="T42703">
        <v>99</v>
      </c>
      <c r="U42703">
        <v>99</v>
      </c>
      <c r="V42703">
        <v>100</v>
      </c>
      <c r="W42703">
        <v>101</v>
      </c>
      <c r="X42703">
        <v>102</v>
      </c>
      <c r="Y42703">
        <v>102</v>
      </c>
      <c r="Z42703">
        <v>103</v>
      </c>
      <c r="AA42703">
        <v>104</v>
      </c>
      <c r="AB42703">
        <v>104</v>
      </c>
      <c r="AC42703">
        <v>105</v>
      </c>
      <c r="AD42703">
        <v>106</v>
      </c>
      <c r="AE42703">
        <v>106</v>
      </c>
      <c r="AF42703">
        <v>107</v>
      </c>
      <c r="AG42703">
        <v>108</v>
      </c>
      <c r="AH42703">
        <v>109</v>
      </c>
      <c r="AI42703">
        <v>109</v>
      </c>
      <c r="AJ42703">
        <v>110</v>
      </c>
      <c r="AK42703">
        <v>111</v>
      </c>
      <c r="AL42703">
        <v>112</v>
      </c>
      <c r="AM42703">
        <v>113</v>
      </c>
      <c r="AN42703">
        <v>114</v>
      </c>
      <c r="AO42703">
        <v>114</v>
      </c>
      <c r="AP42703">
        <v>115</v>
      </c>
      <c r="AQ42703">
        <v>116</v>
      </c>
    </row>
    <row r="42704" spans="1:43">
      <c r="A42704" t="s">
        <v>26167</v>
      </c>
      <c r="B42704" t="s">
        <v>26168</v>
      </c>
      <c r="C42704" t="s">
        <v>19029</v>
      </c>
      <c r="D42704" t="s">
        <v>19030</v>
      </c>
      <c r="E42704" t="s">
        <v>18995</v>
      </c>
      <c r="F42704" t="s">
        <v>18996</v>
      </c>
      <c r="G42704" t="s">
        <v>10734</v>
      </c>
      <c r="H42704" t="s">
        <v>10735</v>
      </c>
      <c r="I42704" s="2">
        <v>0</v>
      </c>
      <c r="J42704" s="2">
        <v>0</v>
      </c>
      <c r="K42704" s="2">
        <v>1</v>
      </c>
      <c r="L42704" t="s">
        <v>995</v>
      </c>
      <c r="M42704" t="s">
        <v>89</v>
      </c>
      <c r="N42704" t="s">
        <v>90</v>
      </c>
      <c r="O42704" t="s">
        <v>85</v>
      </c>
      <c r="P42704" t="s">
        <v>86</v>
      </c>
      <c r="Q42704">
        <v>97</v>
      </c>
      <c r="R42704">
        <v>99</v>
      </c>
      <c r="S42704">
        <v>101</v>
      </c>
      <c r="T42704">
        <v>104</v>
      </c>
      <c r="U42704">
        <v>106</v>
      </c>
      <c r="V42704">
        <v>108</v>
      </c>
      <c r="W42704">
        <v>111</v>
      </c>
      <c r="X42704">
        <v>113</v>
      </c>
      <c r="Y42704">
        <v>115</v>
      </c>
      <c r="Z42704">
        <v>117</v>
      </c>
      <c r="AA42704">
        <v>119</v>
      </c>
      <c r="AB42704">
        <v>121</v>
      </c>
      <c r="AC42704">
        <v>123</v>
      </c>
      <c r="AD42704">
        <v>125</v>
      </c>
      <c r="AE42704">
        <v>126</v>
      </c>
      <c r="AF42704">
        <v>127</v>
      </c>
      <c r="AG42704">
        <v>127</v>
      </c>
      <c r="AH42704">
        <v>128</v>
      </c>
      <c r="AI42704">
        <v>128</v>
      </c>
      <c r="AJ42704">
        <v>129</v>
      </c>
      <c r="AK42704">
        <v>129</v>
      </c>
      <c r="AL42704">
        <v>130</v>
      </c>
      <c r="AM42704">
        <v>131</v>
      </c>
      <c r="AN42704">
        <v>131</v>
      </c>
      <c r="AO42704">
        <v>132</v>
      </c>
      <c r="AP42704">
        <v>132</v>
      </c>
      <c r="AQ42704">
        <v>133</v>
      </c>
    </row>
    <row r="42705" spans="1:43">
      <c r="A42705" t="s">
        <v>26167</v>
      </c>
      <c r="B42705" t="s">
        <v>26168</v>
      </c>
      <c r="C42705" t="s">
        <v>19029</v>
      </c>
      <c r="D42705" t="s">
        <v>19030</v>
      </c>
      <c r="E42705" t="s">
        <v>18995</v>
      </c>
      <c r="F42705" t="s">
        <v>18996</v>
      </c>
      <c r="G42705" t="s">
        <v>10734</v>
      </c>
      <c r="H42705" t="s">
        <v>10735</v>
      </c>
      <c r="I42705" s="2">
        <v>0</v>
      </c>
      <c r="J42705" s="2">
        <v>0</v>
      </c>
      <c r="K42705" s="2">
        <v>1</v>
      </c>
      <c r="L42705" t="s">
        <v>995</v>
      </c>
      <c r="M42705" t="s">
        <v>83</v>
      </c>
      <c r="N42705" t="s">
        <v>91</v>
      </c>
      <c r="O42705" t="s">
        <v>85</v>
      </c>
      <c r="P42705" t="s">
        <v>86</v>
      </c>
      <c r="Q42705">
        <v>97</v>
      </c>
      <c r="R42705">
        <v>98</v>
      </c>
      <c r="S42705">
        <v>100</v>
      </c>
      <c r="T42705">
        <v>101</v>
      </c>
      <c r="U42705">
        <v>103</v>
      </c>
      <c r="V42705">
        <v>105</v>
      </c>
      <c r="W42705">
        <v>106</v>
      </c>
      <c r="X42705">
        <v>108</v>
      </c>
      <c r="Y42705">
        <v>109</v>
      </c>
      <c r="Z42705">
        <v>111</v>
      </c>
      <c r="AA42705">
        <v>113</v>
      </c>
      <c r="AB42705">
        <v>114</v>
      </c>
      <c r="AC42705">
        <v>116</v>
      </c>
      <c r="AD42705">
        <v>117</v>
      </c>
      <c r="AE42705">
        <v>119</v>
      </c>
      <c r="AF42705">
        <v>121</v>
      </c>
      <c r="AG42705">
        <v>122</v>
      </c>
      <c r="AH42705">
        <v>124</v>
      </c>
      <c r="AI42705">
        <v>125</v>
      </c>
      <c r="AJ42705">
        <v>127</v>
      </c>
      <c r="AK42705">
        <v>129</v>
      </c>
      <c r="AL42705">
        <v>130</v>
      </c>
      <c r="AM42705">
        <v>130</v>
      </c>
      <c r="AN42705">
        <v>131</v>
      </c>
      <c r="AO42705">
        <v>131</v>
      </c>
      <c r="AP42705">
        <v>132</v>
      </c>
      <c r="AQ42705">
        <v>132</v>
      </c>
    </row>
    <row r="42706" spans="1:43">
      <c r="A42706" t="s">
        <v>26169</v>
      </c>
      <c r="B42706" t="s">
        <v>26170</v>
      </c>
      <c r="C42706" t="s">
        <v>19231</v>
      </c>
      <c r="D42706" t="s">
        <v>19232</v>
      </c>
      <c r="E42706" t="s">
        <v>19203</v>
      </c>
      <c r="F42706" t="s">
        <v>19204</v>
      </c>
      <c r="G42706" t="s">
        <v>10734</v>
      </c>
      <c r="H42706" t="s">
        <v>10735</v>
      </c>
      <c r="I42706" s="2">
        <v>0</v>
      </c>
      <c r="J42706" s="2">
        <v>0</v>
      </c>
      <c r="K42706" s="2">
        <v>1</v>
      </c>
      <c r="L42706" t="s">
        <v>995</v>
      </c>
      <c r="M42706" t="s">
        <v>83</v>
      </c>
      <c r="N42706" t="s">
        <v>84</v>
      </c>
      <c r="O42706" t="s">
        <v>85</v>
      </c>
      <c r="P42706" t="s">
        <v>86</v>
      </c>
      <c r="Q42706">
        <v>38</v>
      </c>
      <c r="R42706">
        <v>39</v>
      </c>
      <c r="S42706">
        <v>39</v>
      </c>
      <c r="T42706">
        <v>40</v>
      </c>
      <c r="U42706">
        <v>40</v>
      </c>
      <c r="V42706">
        <v>41</v>
      </c>
      <c r="W42706">
        <v>41</v>
      </c>
      <c r="X42706">
        <v>41</v>
      </c>
      <c r="Y42706">
        <v>42</v>
      </c>
      <c r="Z42706">
        <v>42</v>
      </c>
      <c r="AA42706">
        <v>43</v>
      </c>
      <c r="AB42706">
        <v>43</v>
      </c>
      <c r="AC42706">
        <v>44</v>
      </c>
      <c r="AD42706">
        <v>44</v>
      </c>
      <c r="AE42706">
        <v>44</v>
      </c>
      <c r="AF42706">
        <v>45</v>
      </c>
      <c r="AG42706">
        <v>45</v>
      </c>
      <c r="AH42706">
        <v>45</v>
      </c>
      <c r="AI42706">
        <v>46</v>
      </c>
      <c r="AJ42706">
        <v>46</v>
      </c>
      <c r="AK42706">
        <v>46</v>
      </c>
      <c r="AL42706">
        <v>47</v>
      </c>
      <c r="AM42706">
        <v>46</v>
      </c>
      <c r="AN42706">
        <v>46</v>
      </c>
      <c r="AO42706">
        <v>46</v>
      </c>
      <c r="AP42706">
        <v>46</v>
      </c>
      <c r="AQ42706">
        <v>46</v>
      </c>
    </row>
    <row r="42707" spans="1:43">
      <c r="A42707" t="s">
        <v>26169</v>
      </c>
      <c r="B42707" t="s">
        <v>26170</v>
      </c>
      <c r="C42707" t="s">
        <v>19231</v>
      </c>
      <c r="D42707" t="s">
        <v>19232</v>
      </c>
      <c r="E42707" t="s">
        <v>19203</v>
      </c>
      <c r="F42707" t="s">
        <v>19204</v>
      </c>
      <c r="G42707" t="s">
        <v>10734</v>
      </c>
      <c r="H42707" t="s">
        <v>10735</v>
      </c>
      <c r="I42707" s="2">
        <v>0</v>
      </c>
      <c r="J42707" s="2">
        <v>0</v>
      </c>
      <c r="K42707" s="2">
        <v>1</v>
      </c>
      <c r="L42707" t="s">
        <v>995</v>
      </c>
      <c r="M42707" t="s">
        <v>87</v>
      </c>
      <c r="N42707" t="s">
        <v>88</v>
      </c>
      <c r="O42707" t="s">
        <v>85</v>
      </c>
      <c r="P42707" t="s">
        <v>86</v>
      </c>
      <c r="Q42707">
        <v>38</v>
      </c>
      <c r="R42707">
        <v>38</v>
      </c>
      <c r="S42707">
        <v>38</v>
      </c>
      <c r="T42707">
        <v>38</v>
      </c>
      <c r="U42707">
        <v>38</v>
      </c>
      <c r="V42707">
        <v>38</v>
      </c>
      <c r="W42707">
        <v>39</v>
      </c>
      <c r="X42707">
        <v>39</v>
      </c>
      <c r="Y42707">
        <v>39</v>
      </c>
      <c r="Z42707">
        <v>39</v>
      </c>
      <c r="AA42707">
        <v>39</v>
      </c>
      <c r="AB42707">
        <v>39</v>
      </c>
      <c r="AC42707">
        <v>39</v>
      </c>
      <c r="AD42707">
        <v>39</v>
      </c>
      <c r="AE42707">
        <v>39</v>
      </c>
      <c r="AF42707">
        <v>39</v>
      </c>
      <c r="AG42707">
        <v>39</v>
      </c>
      <c r="AH42707">
        <v>39</v>
      </c>
      <c r="AI42707">
        <v>40</v>
      </c>
      <c r="AJ42707">
        <v>40</v>
      </c>
      <c r="AK42707">
        <v>40</v>
      </c>
      <c r="AL42707">
        <v>40</v>
      </c>
      <c r="AM42707">
        <v>40</v>
      </c>
      <c r="AN42707">
        <v>40</v>
      </c>
      <c r="AO42707">
        <v>40</v>
      </c>
      <c r="AP42707">
        <v>40</v>
      </c>
      <c r="AQ42707">
        <v>40</v>
      </c>
    </row>
    <row r="42708" spans="1:43">
      <c r="A42708" t="s">
        <v>26169</v>
      </c>
      <c r="B42708" t="s">
        <v>26170</v>
      </c>
      <c r="C42708" t="s">
        <v>19231</v>
      </c>
      <c r="D42708" t="s">
        <v>19232</v>
      </c>
      <c r="E42708" t="s">
        <v>19203</v>
      </c>
      <c r="F42708" t="s">
        <v>19204</v>
      </c>
      <c r="G42708" t="s">
        <v>10734</v>
      </c>
      <c r="H42708" t="s">
        <v>10735</v>
      </c>
      <c r="I42708" s="2">
        <v>0</v>
      </c>
      <c r="J42708" s="2">
        <v>0</v>
      </c>
      <c r="K42708" s="2">
        <v>1</v>
      </c>
      <c r="L42708" t="s">
        <v>995</v>
      </c>
      <c r="M42708" t="s">
        <v>89</v>
      </c>
      <c r="N42708" t="s">
        <v>90</v>
      </c>
      <c r="O42708" t="s">
        <v>85</v>
      </c>
      <c r="P42708" t="s">
        <v>86</v>
      </c>
      <c r="Q42708">
        <v>38</v>
      </c>
      <c r="R42708">
        <v>38</v>
      </c>
      <c r="S42708">
        <v>39</v>
      </c>
      <c r="T42708">
        <v>40</v>
      </c>
      <c r="U42708">
        <v>41</v>
      </c>
      <c r="V42708">
        <v>41</v>
      </c>
      <c r="W42708">
        <v>42</v>
      </c>
      <c r="X42708">
        <v>43</v>
      </c>
      <c r="Y42708">
        <v>43</v>
      </c>
      <c r="Z42708">
        <v>44</v>
      </c>
      <c r="AA42708">
        <v>45</v>
      </c>
      <c r="AB42708">
        <v>45</v>
      </c>
      <c r="AC42708">
        <v>46</v>
      </c>
      <c r="AD42708">
        <v>46</v>
      </c>
      <c r="AE42708">
        <v>47</v>
      </c>
      <c r="AF42708">
        <v>46</v>
      </c>
      <c r="AG42708">
        <v>46</v>
      </c>
      <c r="AH42708">
        <v>46</v>
      </c>
      <c r="AI42708">
        <v>46</v>
      </c>
      <c r="AJ42708">
        <v>46</v>
      </c>
      <c r="AK42708">
        <v>46</v>
      </c>
      <c r="AL42708">
        <v>46</v>
      </c>
      <c r="AM42708">
        <v>46</v>
      </c>
      <c r="AN42708">
        <v>46</v>
      </c>
      <c r="AO42708">
        <v>46</v>
      </c>
      <c r="AP42708">
        <v>46</v>
      </c>
      <c r="AQ42708">
        <v>45</v>
      </c>
    </row>
    <row r="42709" spans="1:43">
      <c r="A42709" t="s">
        <v>26169</v>
      </c>
      <c r="B42709" t="s">
        <v>26170</v>
      </c>
      <c r="C42709" t="s">
        <v>19231</v>
      </c>
      <c r="D42709" t="s">
        <v>19232</v>
      </c>
      <c r="E42709" t="s">
        <v>19203</v>
      </c>
      <c r="F42709" t="s">
        <v>19204</v>
      </c>
      <c r="G42709" t="s">
        <v>10734</v>
      </c>
      <c r="H42709" t="s">
        <v>10735</v>
      </c>
      <c r="I42709" s="2">
        <v>0</v>
      </c>
      <c r="J42709" s="2">
        <v>0</v>
      </c>
      <c r="K42709" s="2">
        <v>1</v>
      </c>
      <c r="L42709" t="s">
        <v>995</v>
      </c>
      <c r="M42709" t="s">
        <v>83</v>
      </c>
      <c r="N42709" t="s">
        <v>91</v>
      </c>
      <c r="O42709" t="s">
        <v>85</v>
      </c>
      <c r="P42709" t="s">
        <v>86</v>
      </c>
      <c r="Q42709">
        <v>38</v>
      </c>
      <c r="R42709">
        <v>39</v>
      </c>
      <c r="S42709">
        <v>39</v>
      </c>
      <c r="T42709">
        <v>40</v>
      </c>
      <c r="U42709">
        <v>40</v>
      </c>
      <c r="V42709">
        <v>41</v>
      </c>
      <c r="W42709">
        <v>41</v>
      </c>
      <c r="X42709">
        <v>41</v>
      </c>
      <c r="Y42709">
        <v>42</v>
      </c>
      <c r="Z42709">
        <v>42</v>
      </c>
      <c r="AA42709">
        <v>43</v>
      </c>
      <c r="AB42709">
        <v>43</v>
      </c>
      <c r="AC42709">
        <v>44</v>
      </c>
      <c r="AD42709">
        <v>44</v>
      </c>
      <c r="AE42709">
        <v>44</v>
      </c>
      <c r="AF42709">
        <v>45</v>
      </c>
      <c r="AG42709">
        <v>45</v>
      </c>
      <c r="AH42709">
        <v>45</v>
      </c>
      <c r="AI42709">
        <v>46</v>
      </c>
      <c r="AJ42709">
        <v>46</v>
      </c>
      <c r="AK42709">
        <v>46</v>
      </c>
      <c r="AL42709">
        <v>47</v>
      </c>
      <c r="AM42709">
        <v>46</v>
      </c>
      <c r="AN42709">
        <v>46</v>
      </c>
      <c r="AO42709">
        <v>46</v>
      </c>
      <c r="AP42709">
        <v>46</v>
      </c>
      <c r="AQ42709">
        <v>46</v>
      </c>
    </row>
    <row r="42710" spans="1:43">
      <c r="A42710" t="s">
        <v>26171</v>
      </c>
      <c r="B42710" t="s">
        <v>26172</v>
      </c>
      <c r="C42710" t="s">
        <v>19231</v>
      </c>
      <c r="D42710" t="s">
        <v>19232</v>
      </c>
      <c r="E42710" t="s">
        <v>19203</v>
      </c>
      <c r="F42710" t="s">
        <v>19204</v>
      </c>
      <c r="G42710" t="s">
        <v>10734</v>
      </c>
      <c r="H42710" t="s">
        <v>10735</v>
      </c>
      <c r="I42710" s="2">
        <v>0</v>
      </c>
      <c r="J42710" s="2">
        <v>0</v>
      </c>
      <c r="K42710" s="2">
        <v>1</v>
      </c>
      <c r="L42710" t="s">
        <v>995</v>
      </c>
      <c r="M42710" t="s">
        <v>83</v>
      </c>
      <c r="N42710" t="s">
        <v>84</v>
      </c>
      <c r="O42710" t="s">
        <v>85</v>
      </c>
      <c r="P42710" t="s">
        <v>86</v>
      </c>
      <c r="Q42710">
        <v>13</v>
      </c>
      <c r="R42710">
        <v>14</v>
      </c>
      <c r="S42710">
        <v>14</v>
      </c>
      <c r="T42710">
        <v>14</v>
      </c>
      <c r="U42710">
        <v>14</v>
      </c>
      <c r="V42710">
        <v>14</v>
      </c>
      <c r="W42710">
        <v>14</v>
      </c>
      <c r="X42710">
        <v>15</v>
      </c>
      <c r="Y42710">
        <v>15</v>
      </c>
      <c r="Z42710">
        <v>15</v>
      </c>
      <c r="AA42710">
        <v>15</v>
      </c>
      <c r="AB42710">
        <v>15</v>
      </c>
      <c r="AC42710">
        <v>15</v>
      </c>
      <c r="AD42710">
        <v>15</v>
      </c>
      <c r="AE42710">
        <v>16</v>
      </c>
      <c r="AF42710">
        <v>16</v>
      </c>
      <c r="AG42710">
        <v>16</v>
      </c>
      <c r="AH42710">
        <v>16</v>
      </c>
      <c r="AI42710">
        <v>16</v>
      </c>
      <c r="AJ42710">
        <v>16</v>
      </c>
      <c r="AK42710">
        <v>16</v>
      </c>
      <c r="AL42710">
        <v>16</v>
      </c>
      <c r="AM42710">
        <v>16</v>
      </c>
      <c r="AN42710">
        <v>16</v>
      </c>
      <c r="AO42710">
        <v>16</v>
      </c>
      <c r="AP42710">
        <v>16</v>
      </c>
      <c r="AQ42710">
        <v>16</v>
      </c>
    </row>
    <row r="42711" spans="1:43">
      <c r="A42711" t="s">
        <v>26171</v>
      </c>
      <c r="B42711" t="s">
        <v>26172</v>
      </c>
      <c r="C42711" t="s">
        <v>19231</v>
      </c>
      <c r="D42711" t="s">
        <v>19232</v>
      </c>
      <c r="E42711" t="s">
        <v>19203</v>
      </c>
      <c r="F42711" t="s">
        <v>19204</v>
      </c>
      <c r="G42711" t="s">
        <v>10734</v>
      </c>
      <c r="H42711" t="s">
        <v>10735</v>
      </c>
      <c r="I42711" s="2">
        <v>0</v>
      </c>
      <c r="J42711" s="2">
        <v>0</v>
      </c>
      <c r="K42711" s="2">
        <v>1</v>
      </c>
      <c r="L42711" t="s">
        <v>995</v>
      </c>
      <c r="M42711" t="s">
        <v>87</v>
      </c>
      <c r="N42711" t="s">
        <v>88</v>
      </c>
      <c r="O42711" t="s">
        <v>85</v>
      </c>
      <c r="P42711" t="s">
        <v>86</v>
      </c>
      <c r="Q42711">
        <v>13</v>
      </c>
      <c r="R42711">
        <v>13</v>
      </c>
      <c r="S42711">
        <v>13</v>
      </c>
      <c r="T42711">
        <v>13</v>
      </c>
      <c r="U42711">
        <v>14</v>
      </c>
      <c r="V42711">
        <v>14</v>
      </c>
      <c r="W42711">
        <v>14</v>
      </c>
      <c r="X42711">
        <v>14</v>
      </c>
      <c r="Y42711">
        <v>14</v>
      </c>
      <c r="Z42711">
        <v>14</v>
      </c>
      <c r="AA42711">
        <v>14</v>
      </c>
      <c r="AB42711">
        <v>14</v>
      </c>
      <c r="AC42711">
        <v>14</v>
      </c>
      <c r="AD42711">
        <v>14</v>
      </c>
      <c r="AE42711">
        <v>14</v>
      </c>
      <c r="AF42711">
        <v>14</v>
      </c>
      <c r="AG42711">
        <v>14</v>
      </c>
      <c r="AH42711">
        <v>14</v>
      </c>
      <c r="AI42711">
        <v>14</v>
      </c>
      <c r="AJ42711">
        <v>14</v>
      </c>
      <c r="AK42711">
        <v>14</v>
      </c>
      <c r="AL42711">
        <v>14</v>
      </c>
      <c r="AM42711">
        <v>14</v>
      </c>
      <c r="AN42711">
        <v>14</v>
      </c>
      <c r="AO42711">
        <v>14</v>
      </c>
      <c r="AP42711">
        <v>14</v>
      </c>
      <c r="AQ42711">
        <v>14</v>
      </c>
    </row>
    <row r="42712" spans="1:43">
      <c r="A42712" t="s">
        <v>26171</v>
      </c>
      <c r="B42712" t="s">
        <v>26172</v>
      </c>
      <c r="C42712" t="s">
        <v>19231</v>
      </c>
      <c r="D42712" t="s">
        <v>19232</v>
      </c>
      <c r="E42712" t="s">
        <v>19203</v>
      </c>
      <c r="F42712" t="s">
        <v>19204</v>
      </c>
      <c r="G42712" t="s">
        <v>10734</v>
      </c>
      <c r="H42712" t="s">
        <v>10735</v>
      </c>
      <c r="I42712" s="2">
        <v>0</v>
      </c>
      <c r="J42712" s="2">
        <v>0</v>
      </c>
      <c r="K42712" s="2">
        <v>1</v>
      </c>
      <c r="L42712" t="s">
        <v>995</v>
      </c>
      <c r="M42712" t="s">
        <v>89</v>
      </c>
      <c r="N42712" t="s">
        <v>90</v>
      </c>
      <c r="O42712" t="s">
        <v>85</v>
      </c>
      <c r="P42712" t="s">
        <v>86</v>
      </c>
      <c r="Q42712">
        <v>13</v>
      </c>
      <c r="R42712">
        <v>13</v>
      </c>
      <c r="S42712">
        <v>13</v>
      </c>
      <c r="T42712">
        <v>13</v>
      </c>
      <c r="U42712">
        <v>14</v>
      </c>
      <c r="V42712">
        <v>14</v>
      </c>
      <c r="W42712">
        <v>14</v>
      </c>
      <c r="X42712">
        <v>14</v>
      </c>
      <c r="Y42712">
        <v>15</v>
      </c>
      <c r="Z42712">
        <v>15</v>
      </c>
      <c r="AA42712">
        <v>15</v>
      </c>
      <c r="AB42712">
        <v>15</v>
      </c>
      <c r="AC42712">
        <v>15</v>
      </c>
      <c r="AD42712">
        <v>16</v>
      </c>
      <c r="AE42712">
        <v>16</v>
      </c>
      <c r="AF42712">
        <v>16</v>
      </c>
      <c r="AG42712">
        <v>16</v>
      </c>
      <c r="AH42712">
        <v>16</v>
      </c>
      <c r="AI42712">
        <v>16</v>
      </c>
      <c r="AJ42712">
        <v>16</v>
      </c>
      <c r="AK42712">
        <v>16</v>
      </c>
      <c r="AL42712">
        <v>16</v>
      </c>
      <c r="AM42712">
        <v>15</v>
      </c>
      <c r="AN42712">
        <v>15</v>
      </c>
      <c r="AO42712">
        <v>15</v>
      </c>
      <c r="AP42712">
        <v>15</v>
      </c>
      <c r="AQ42712">
        <v>15</v>
      </c>
    </row>
    <row r="42713" spans="1:43">
      <c r="A42713" t="s">
        <v>26171</v>
      </c>
      <c r="B42713" t="s">
        <v>26172</v>
      </c>
      <c r="C42713" t="s">
        <v>19231</v>
      </c>
      <c r="D42713" t="s">
        <v>19232</v>
      </c>
      <c r="E42713" t="s">
        <v>19203</v>
      </c>
      <c r="F42713" t="s">
        <v>19204</v>
      </c>
      <c r="G42713" t="s">
        <v>10734</v>
      </c>
      <c r="H42713" t="s">
        <v>10735</v>
      </c>
      <c r="I42713" s="2">
        <v>0</v>
      </c>
      <c r="J42713" s="2">
        <v>0</v>
      </c>
      <c r="K42713" s="2">
        <v>1</v>
      </c>
      <c r="L42713" t="s">
        <v>995</v>
      </c>
      <c r="M42713" t="s">
        <v>83</v>
      </c>
      <c r="N42713" t="s">
        <v>91</v>
      </c>
      <c r="O42713" t="s">
        <v>85</v>
      </c>
      <c r="P42713" t="s">
        <v>86</v>
      </c>
      <c r="Q42713">
        <v>13</v>
      </c>
      <c r="R42713">
        <v>14</v>
      </c>
      <c r="S42713">
        <v>14</v>
      </c>
      <c r="T42713">
        <v>14</v>
      </c>
      <c r="U42713">
        <v>14</v>
      </c>
      <c r="V42713">
        <v>14</v>
      </c>
      <c r="W42713">
        <v>14</v>
      </c>
      <c r="X42713">
        <v>15</v>
      </c>
      <c r="Y42713">
        <v>15</v>
      </c>
      <c r="Z42713">
        <v>15</v>
      </c>
      <c r="AA42713">
        <v>15</v>
      </c>
      <c r="AB42713">
        <v>15</v>
      </c>
      <c r="AC42713">
        <v>15</v>
      </c>
      <c r="AD42713">
        <v>15</v>
      </c>
      <c r="AE42713">
        <v>16</v>
      </c>
      <c r="AF42713">
        <v>16</v>
      </c>
      <c r="AG42713">
        <v>16</v>
      </c>
      <c r="AH42713">
        <v>16</v>
      </c>
      <c r="AI42713">
        <v>16</v>
      </c>
      <c r="AJ42713">
        <v>16</v>
      </c>
      <c r="AK42713">
        <v>16</v>
      </c>
      <c r="AL42713">
        <v>16</v>
      </c>
      <c r="AM42713">
        <v>16</v>
      </c>
      <c r="AN42713">
        <v>16</v>
      </c>
      <c r="AO42713">
        <v>16</v>
      </c>
      <c r="AP42713">
        <v>16</v>
      </c>
      <c r="AQ42713">
        <v>16</v>
      </c>
    </row>
    <row r="42714" spans="1:43">
      <c r="A42714" t="s">
        <v>26173</v>
      </c>
      <c r="B42714" t="s">
        <v>26174</v>
      </c>
      <c r="C42714" t="s">
        <v>19927</v>
      </c>
      <c r="D42714" t="s">
        <v>19928</v>
      </c>
      <c r="E42714" t="s">
        <v>19921</v>
      </c>
      <c r="F42714" t="s">
        <v>19922</v>
      </c>
      <c r="G42714" t="s">
        <v>10734</v>
      </c>
      <c r="H42714" t="s">
        <v>10735</v>
      </c>
      <c r="I42714" s="2">
        <v>0</v>
      </c>
      <c r="J42714" s="2">
        <v>0</v>
      </c>
      <c r="K42714" s="2">
        <v>1</v>
      </c>
      <c r="L42714" t="s">
        <v>995</v>
      </c>
      <c r="M42714" t="s">
        <v>83</v>
      </c>
      <c r="N42714" t="s">
        <v>84</v>
      </c>
      <c r="O42714" t="s">
        <v>85</v>
      </c>
      <c r="P42714" t="s">
        <v>86</v>
      </c>
      <c r="Q42714">
        <v>15</v>
      </c>
      <c r="R42714">
        <v>15</v>
      </c>
      <c r="S42714">
        <v>16</v>
      </c>
      <c r="T42714">
        <v>16</v>
      </c>
      <c r="U42714">
        <v>16</v>
      </c>
      <c r="V42714">
        <v>17</v>
      </c>
      <c r="W42714">
        <v>17</v>
      </c>
      <c r="X42714">
        <v>17</v>
      </c>
      <c r="Y42714">
        <v>18</v>
      </c>
      <c r="Z42714">
        <v>18</v>
      </c>
      <c r="AA42714">
        <v>18</v>
      </c>
      <c r="AB42714">
        <v>19</v>
      </c>
      <c r="AC42714">
        <v>19</v>
      </c>
      <c r="AD42714">
        <v>19</v>
      </c>
      <c r="AE42714">
        <v>20</v>
      </c>
      <c r="AF42714">
        <v>20</v>
      </c>
      <c r="AG42714">
        <v>20</v>
      </c>
      <c r="AH42714">
        <v>21</v>
      </c>
      <c r="AI42714">
        <v>21</v>
      </c>
      <c r="AJ42714">
        <v>21</v>
      </c>
      <c r="AK42714">
        <v>22</v>
      </c>
      <c r="AL42714">
        <v>22</v>
      </c>
      <c r="AM42714">
        <v>22</v>
      </c>
      <c r="AN42714">
        <v>22</v>
      </c>
      <c r="AO42714">
        <v>22</v>
      </c>
      <c r="AP42714">
        <v>23</v>
      </c>
      <c r="AQ42714">
        <v>23</v>
      </c>
    </row>
    <row r="42715" spans="1:43">
      <c r="A42715" t="s">
        <v>26173</v>
      </c>
      <c r="B42715" t="s">
        <v>26174</v>
      </c>
      <c r="C42715" t="s">
        <v>19927</v>
      </c>
      <c r="D42715" t="s">
        <v>19928</v>
      </c>
      <c r="E42715" t="s">
        <v>19921</v>
      </c>
      <c r="F42715" t="s">
        <v>19922</v>
      </c>
      <c r="G42715" t="s">
        <v>10734</v>
      </c>
      <c r="H42715" t="s">
        <v>10735</v>
      </c>
      <c r="I42715" s="2">
        <v>0</v>
      </c>
      <c r="J42715" s="2">
        <v>0</v>
      </c>
      <c r="K42715" s="2">
        <v>1</v>
      </c>
      <c r="L42715" t="s">
        <v>995</v>
      </c>
      <c r="M42715" t="s">
        <v>87</v>
      </c>
      <c r="N42715" t="s">
        <v>88</v>
      </c>
      <c r="O42715" t="s">
        <v>85</v>
      </c>
      <c r="P42715" t="s">
        <v>86</v>
      </c>
      <c r="Q42715">
        <v>15</v>
      </c>
      <c r="R42715">
        <v>15</v>
      </c>
      <c r="S42715">
        <v>15</v>
      </c>
      <c r="T42715">
        <v>15</v>
      </c>
      <c r="U42715">
        <v>16</v>
      </c>
      <c r="V42715">
        <v>16</v>
      </c>
      <c r="W42715">
        <v>16</v>
      </c>
      <c r="X42715">
        <v>16</v>
      </c>
      <c r="Y42715">
        <v>16</v>
      </c>
      <c r="Z42715">
        <v>16</v>
      </c>
      <c r="AA42715">
        <v>17</v>
      </c>
      <c r="AB42715">
        <v>17</v>
      </c>
      <c r="AC42715">
        <v>17</v>
      </c>
      <c r="AD42715">
        <v>17</v>
      </c>
      <c r="AE42715">
        <v>17</v>
      </c>
      <c r="AF42715">
        <v>18</v>
      </c>
      <c r="AG42715">
        <v>18</v>
      </c>
      <c r="AH42715">
        <v>18</v>
      </c>
      <c r="AI42715">
        <v>18</v>
      </c>
      <c r="AJ42715">
        <v>18</v>
      </c>
      <c r="AK42715">
        <v>19</v>
      </c>
      <c r="AL42715">
        <v>19</v>
      </c>
      <c r="AM42715">
        <v>19</v>
      </c>
      <c r="AN42715">
        <v>19</v>
      </c>
      <c r="AO42715">
        <v>19</v>
      </c>
      <c r="AP42715">
        <v>20</v>
      </c>
      <c r="AQ42715">
        <v>20</v>
      </c>
    </row>
    <row r="42716" spans="1:43">
      <c r="A42716" t="s">
        <v>26173</v>
      </c>
      <c r="B42716" t="s">
        <v>26174</v>
      </c>
      <c r="C42716" t="s">
        <v>19927</v>
      </c>
      <c r="D42716" t="s">
        <v>19928</v>
      </c>
      <c r="E42716" t="s">
        <v>19921</v>
      </c>
      <c r="F42716" t="s">
        <v>19922</v>
      </c>
      <c r="G42716" t="s">
        <v>10734</v>
      </c>
      <c r="H42716" t="s">
        <v>10735</v>
      </c>
      <c r="I42716" s="2">
        <v>0</v>
      </c>
      <c r="J42716" s="2">
        <v>0</v>
      </c>
      <c r="K42716" s="2">
        <v>1</v>
      </c>
      <c r="L42716" t="s">
        <v>995</v>
      </c>
      <c r="M42716" t="s">
        <v>89</v>
      </c>
      <c r="N42716" t="s">
        <v>90</v>
      </c>
      <c r="O42716" t="s">
        <v>85</v>
      </c>
      <c r="P42716" t="s">
        <v>86</v>
      </c>
      <c r="Q42716">
        <v>15</v>
      </c>
      <c r="R42716">
        <v>16</v>
      </c>
      <c r="S42716">
        <v>16</v>
      </c>
      <c r="T42716">
        <v>16</v>
      </c>
      <c r="U42716">
        <v>17</v>
      </c>
      <c r="V42716">
        <v>17</v>
      </c>
      <c r="W42716">
        <v>18</v>
      </c>
      <c r="X42716">
        <v>18</v>
      </c>
      <c r="Y42716">
        <v>19</v>
      </c>
      <c r="Z42716">
        <v>19</v>
      </c>
      <c r="AA42716">
        <v>20</v>
      </c>
      <c r="AB42716">
        <v>20</v>
      </c>
      <c r="AC42716">
        <v>20</v>
      </c>
      <c r="AD42716">
        <v>21</v>
      </c>
      <c r="AE42716">
        <v>21</v>
      </c>
      <c r="AF42716">
        <v>21</v>
      </c>
      <c r="AG42716">
        <v>21</v>
      </c>
      <c r="AH42716">
        <v>22</v>
      </c>
      <c r="AI42716">
        <v>22</v>
      </c>
      <c r="AJ42716">
        <v>22</v>
      </c>
      <c r="AK42716">
        <v>22</v>
      </c>
      <c r="AL42716">
        <v>22</v>
      </c>
      <c r="AM42716">
        <v>22</v>
      </c>
      <c r="AN42716">
        <v>22</v>
      </c>
      <c r="AO42716">
        <v>23</v>
      </c>
      <c r="AP42716">
        <v>23</v>
      </c>
      <c r="AQ42716">
        <v>23</v>
      </c>
    </row>
    <row r="42717" spans="1:43">
      <c r="A42717" t="s">
        <v>26173</v>
      </c>
      <c r="B42717" t="s">
        <v>26174</v>
      </c>
      <c r="C42717" t="s">
        <v>19927</v>
      </c>
      <c r="D42717" t="s">
        <v>19928</v>
      </c>
      <c r="E42717" t="s">
        <v>19921</v>
      </c>
      <c r="F42717" t="s">
        <v>19922</v>
      </c>
      <c r="G42717" t="s">
        <v>10734</v>
      </c>
      <c r="H42717" t="s">
        <v>10735</v>
      </c>
      <c r="I42717" s="2">
        <v>0</v>
      </c>
      <c r="J42717" s="2">
        <v>0</v>
      </c>
      <c r="K42717" s="2">
        <v>1</v>
      </c>
      <c r="L42717" t="s">
        <v>995</v>
      </c>
      <c r="M42717" t="s">
        <v>83</v>
      </c>
      <c r="N42717" t="s">
        <v>91</v>
      </c>
      <c r="O42717" t="s">
        <v>85</v>
      </c>
      <c r="P42717" t="s">
        <v>86</v>
      </c>
      <c r="Q42717">
        <v>15</v>
      </c>
      <c r="R42717">
        <v>15</v>
      </c>
      <c r="S42717">
        <v>16</v>
      </c>
      <c r="T42717">
        <v>16</v>
      </c>
      <c r="U42717">
        <v>16</v>
      </c>
      <c r="V42717">
        <v>17</v>
      </c>
      <c r="W42717">
        <v>17</v>
      </c>
      <c r="X42717">
        <v>17</v>
      </c>
      <c r="Y42717">
        <v>18</v>
      </c>
      <c r="Z42717">
        <v>18</v>
      </c>
      <c r="AA42717">
        <v>18</v>
      </c>
      <c r="AB42717">
        <v>19</v>
      </c>
      <c r="AC42717">
        <v>19</v>
      </c>
      <c r="AD42717">
        <v>19</v>
      </c>
      <c r="AE42717">
        <v>20</v>
      </c>
      <c r="AF42717">
        <v>20</v>
      </c>
      <c r="AG42717">
        <v>20</v>
      </c>
      <c r="AH42717">
        <v>21</v>
      </c>
      <c r="AI42717">
        <v>21</v>
      </c>
      <c r="AJ42717">
        <v>21</v>
      </c>
      <c r="AK42717">
        <v>22</v>
      </c>
      <c r="AL42717">
        <v>22</v>
      </c>
      <c r="AM42717">
        <v>22</v>
      </c>
      <c r="AN42717">
        <v>22</v>
      </c>
      <c r="AO42717">
        <v>22</v>
      </c>
      <c r="AP42717">
        <v>23</v>
      </c>
      <c r="AQ42717">
        <v>23</v>
      </c>
    </row>
    <row r="42718" spans="1:43">
      <c r="A42718" t="s">
        <v>26175</v>
      </c>
      <c r="B42718" t="s">
        <v>26176</v>
      </c>
      <c r="C42718" t="s">
        <v>19927</v>
      </c>
      <c r="D42718" t="s">
        <v>19928</v>
      </c>
      <c r="E42718" t="s">
        <v>19921</v>
      </c>
      <c r="F42718" t="s">
        <v>19922</v>
      </c>
      <c r="G42718" t="s">
        <v>10734</v>
      </c>
      <c r="H42718" t="s">
        <v>10735</v>
      </c>
      <c r="I42718" s="2">
        <v>0</v>
      </c>
      <c r="J42718" s="2">
        <v>0</v>
      </c>
      <c r="K42718" s="2">
        <v>1</v>
      </c>
      <c r="L42718" t="s">
        <v>995</v>
      </c>
      <c r="M42718" t="s">
        <v>83</v>
      </c>
      <c r="N42718" t="s">
        <v>84</v>
      </c>
      <c r="O42718" t="s">
        <v>85</v>
      </c>
      <c r="P42718" t="s">
        <v>86</v>
      </c>
      <c r="Q42718">
        <v>14</v>
      </c>
      <c r="R42718">
        <v>14</v>
      </c>
      <c r="S42718">
        <v>14</v>
      </c>
      <c r="T42718">
        <v>15</v>
      </c>
      <c r="U42718">
        <v>15</v>
      </c>
      <c r="V42718">
        <v>15</v>
      </c>
      <c r="W42718">
        <v>16</v>
      </c>
      <c r="X42718">
        <v>16</v>
      </c>
      <c r="Y42718">
        <v>16</v>
      </c>
      <c r="Z42718">
        <v>17</v>
      </c>
      <c r="AA42718">
        <v>17</v>
      </c>
      <c r="AB42718">
        <v>17</v>
      </c>
      <c r="AC42718">
        <v>18</v>
      </c>
      <c r="AD42718">
        <v>18</v>
      </c>
      <c r="AE42718">
        <v>18</v>
      </c>
      <c r="AF42718">
        <v>19</v>
      </c>
      <c r="AG42718">
        <v>19</v>
      </c>
      <c r="AH42718">
        <v>19</v>
      </c>
      <c r="AI42718">
        <v>20</v>
      </c>
      <c r="AJ42718">
        <v>20</v>
      </c>
      <c r="AK42718">
        <v>20</v>
      </c>
      <c r="AL42718">
        <v>20</v>
      </c>
      <c r="AM42718">
        <v>21</v>
      </c>
      <c r="AN42718">
        <v>21</v>
      </c>
      <c r="AO42718">
        <v>21</v>
      </c>
      <c r="AP42718">
        <v>21</v>
      </c>
      <c r="AQ42718">
        <v>21</v>
      </c>
    </row>
    <row r="42719" spans="1:43">
      <c r="A42719" t="s">
        <v>26175</v>
      </c>
      <c r="B42719" t="s">
        <v>26176</v>
      </c>
      <c r="C42719" t="s">
        <v>19927</v>
      </c>
      <c r="D42719" t="s">
        <v>19928</v>
      </c>
      <c r="E42719" t="s">
        <v>19921</v>
      </c>
      <c r="F42719" t="s">
        <v>19922</v>
      </c>
      <c r="G42719" t="s">
        <v>10734</v>
      </c>
      <c r="H42719" t="s">
        <v>10735</v>
      </c>
      <c r="I42719" s="2">
        <v>0</v>
      </c>
      <c r="J42719" s="2">
        <v>0</v>
      </c>
      <c r="K42719" s="2">
        <v>1</v>
      </c>
      <c r="L42719" t="s">
        <v>995</v>
      </c>
      <c r="M42719" t="s">
        <v>87</v>
      </c>
      <c r="N42719" t="s">
        <v>88</v>
      </c>
      <c r="O42719" t="s">
        <v>85</v>
      </c>
      <c r="P42719" t="s">
        <v>86</v>
      </c>
      <c r="Q42719">
        <v>14</v>
      </c>
      <c r="R42719">
        <v>14</v>
      </c>
      <c r="S42719">
        <v>14</v>
      </c>
      <c r="T42719">
        <v>14</v>
      </c>
      <c r="U42719">
        <v>14</v>
      </c>
      <c r="V42719">
        <v>15</v>
      </c>
      <c r="W42719">
        <v>15</v>
      </c>
      <c r="X42719">
        <v>15</v>
      </c>
      <c r="Y42719">
        <v>15</v>
      </c>
      <c r="Z42719">
        <v>15</v>
      </c>
      <c r="AA42719">
        <v>15</v>
      </c>
      <c r="AB42719">
        <v>16</v>
      </c>
      <c r="AC42719">
        <v>16</v>
      </c>
      <c r="AD42719">
        <v>16</v>
      </c>
      <c r="AE42719">
        <v>16</v>
      </c>
      <c r="AF42719">
        <v>16</v>
      </c>
      <c r="AG42719">
        <v>17</v>
      </c>
      <c r="AH42719">
        <v>17</v>
      </c>
      <c r="AI42719">
        <v>17</v>
      </c>
      <c r="AJ42719">
        <v>17</v>
      </c>
      <c r="AK42719">
        <v>17</v>
      </c>
      <c r="AL42719">
        <v>17</v>
      </c>
      <c r="AM42719">
        <v>18</v>
      </c>
      <c r="AN42719">
        <v>18</v>
      </c>
      <c r="AO42719">
        <v>18</v>
      </c>
      <c r="AP42719">
        <v>18</v>
      </c>
      <c r="AQ42719">
        <v>18</v>
      </c>
    </row>
    <row r="42720" spans="1:43">
      <c r="A42720" t="s">
        <v>26175</v>
      </c>
      <c r="B42720" t="s">
        <v>26176</v>
      </c>
      <c r="C42720" t="s">
        <v>19927</v>
      </c>
      <c r="D42720" t="s">
        <v>19928</v>
      </c>
      <c r="E42720" t="s">
        <v>19921</v>
      </c>
      <c r="F42720" t="s">
        <v>19922</v>
      </c>
      <c r="G42720" t="s">
        <v>10734</v>
      </c>
      <c r="H42720" t="s">
        <v>10735</v>
      </c>
      <c r="I42720" s="2">
        <v>0</v>
      </c>
      <c r="J42720" s="2">
        <v>0</v>
      </c>
      <c r="K42720" s="2">
        <v>1</v>
      </c>
      <c r="L42720" t="s">
        <v>995</v>
      </c>
      <c r="M42720" t="s">
        <v>89</v>
      </c>
      <c r="N42720" t="s">
        <v>90</v>
      </c>
      <c r="O42720" t="s">
        <v>85</v>
      </c>
      <c r="P42720" t="s">
        <v>86</v>
      </c>
      <c r="Q42720">
        <v>14</v>
      </c>
      <c r="R42720">
        <v>14</v>
      </c>
      <c r="S42720">
        <v>15</v>
      </c>
      <c r="T42720">
        <v>15</v>
      </c>
      <c r="U42720">
        <v>16</v>
      </c>
      <c r="V42720">
        <v>16</v>
      </c>
      <c r="W42720">
        <v>17</v>
      </c>
      <c r="X42720">
        <v>17</v>
      </c>
      <c r="Y42720">
        <v>17</v>
      </c>
      <c r="Z42720">
        <v>18</v>
      </c>
      <c r="AA42720">
        <v>18</v>
      </c>
      <c r="AB42720">
        <v>18</v>
      </c>
      <c r="AC42720">
        <v>19</v>
      </c>
      <c r="AD42720">
        <v>19</v>
      </c>
      <c r="AE42720">
        <v>20</v>
      </c>
      <c r="AF42720">
        <v>20</v>
      </c>
      <c r="AG42720">
        <v>20</v>
      </c>
      <c r="AH42720">
        <v>20</v>
      </c>
      <c r="AI42720">
        <v>20</v>
      </c>
      <c r="AJ42720">
        <v>20</v>
      </c>
      <c r="AK42720">
        <v>20</v>
      </c>
      <c r="AL42720">
        <v>21</v>
      </c>
      <c r="AM42720">
        <v>21</v>
      </c>
      <c r="AN42720">
        <v>21</v>
      </c>
      <c r="AO42720">
        <v>21</v>
      </c>
      <c r="AP42720">
        <v>21</v>
      </c>
      <c r="AQ42720">
        <v>21</v>
      </c>
    </row>
    <row r="42721" spans="1:43">
      <c r="A42721" t="s">
        <v>26175</v>
      </c>
      <c r="B42721" t="s">
        <v>26176</v>
      </c>
      <c r="C42721" t="s">
        <v>19927</v>
      </c>
      <c r="D42721" t="s">
        <v>19928</v>
      </c>
      <c r="E42721" t="s">
        <v>19921</v>
      </c>
      <c r="F42721" t="s">
        <v>19922</v>
      </c>
      <c r="G42721" t="s">
        <v>10734</v>
      </c>
      <c r="H42721" t="s">
        <v>10735</v>
      </c>
      <c r="I42721" s="2">
        <v>0</v>
      </c>
      <c r="J42721" s="2">
        <v>0</v>
      </c>
      <c r="K42721" s="2">
        <v>1</v>
      </c>
      <c r="L42721" t="s">
        <v>995</v>
      </c>
      <c r="M42721" t="s">
        <v>83</v>
      </c>
      <c r="N42721" t="s">
        <v>91</v>
      </c>
      <c r="O42721" t="s">
        <v>85</v>
      </c>
      <c r="P42721" t="s">
        <v>86</v>
      </c>
      <c r="Q42721">
        <v>14</v>
      </c>
      <c r="R42721">
        <v>14</v>
      </c>
      <c r="S42721">
        <v>14</v>
      </c>
      <c r="T42721">
        <v>15</v>
      </c>
      <c r="U42721">
        <v>15</v>
      </c>
      <c r="V42721">
        <v>15</v>
      </c>
      <c r="W42721">
        <v>16</v>
      </c>
      <c r="X42721">
        <v>16</v>
      </c>
      <c r="Y42721">
        <v>16</v>
      </c>
      <c r="Z42721">
        <v>17</v>
      </c>
      <c r="AA42721">
        <v>17</v>
      </c>
      <c r="AB42721">
        <v>17</v>
      </c>
      <c r="AC42721">
        <v>18</v>
      </c>
      <c r="AD42721">
        <v>18</v>
      </c>
      <c r="AE42721">
        <v>18</v>
      </c>
      <c r="AF42721">
        <v>19</v>
      </c>
      <c r="AG42721">
        <v>19</v>
      </c>
      <c r="AH42721">
        <v>19</v>
      </c>
      <c r="AI42721">
        <v>20</v>
      </c>
      <c r="AJ42721">
        <v>20</v>
      </c>
      <c r="AK42721">
        <v>20</v>
      </c>
      <c r="AL42721">
        <v>20</v>
      </c>
      <c r="AM42721">
        <v>21</v>
      </c>
      <c r="AN42721">
        <v>21</v>
      </c>
      <c r="AO42721">
        <v>21</v>
      </c>
      <c r="AP42721">
        <v>21</v>
      </c>
      <c r="AQ42721">
        <v>21</v>
      </c>
    </row>
    <row r="42722" spans="1:43">
      <c r="A42722" t="s">
        <v>26177</v>
      </c>
      <c r="B42722" t="s">
        <v>26178</v>
      </c>
      <c r="C42722" t="s">
        <v>19927</v>
      </c>
      <c r="D42722" t="s">
        <v>19928</v>
      </c>
      <c r="E42722" t="s">
        <v>19921</v>
      </c>
      <c r="F42722" t="s">
        <v>19922</v>
      </c>
      <c r="G42722" t="s">
        <v>10734</v>
      </c>
      <c r="H42722" t="s">
        <v>10735</v>
      </c>
      <c r="I42722" s="2">
        <v>0</v>
      </c>
      <c r="J42722" s="2">
        <v>0</v>
      </c>
      <c r="K42722" s="2">
        <v>1</v>
      </c>
      <c r="L42722" t="s">
        <v>995</v>
      </c>
      <c r="M42722" t="s">
        <v>83</v>
      </c>
      <c r="N42722" t="s">
        <v>84</v>
      </c>
      <c r="O42722" t="s">
        <v>85</v>
      </c>
      <c r="P42722" t="s">
        <v>86</v>
      </c>
      <c r="Q42722">
        <v>18</v>
      </c>
      <c r="R42722">
        <v>19</v>
      </c>
      <c r="S42722">
        <v>19</v>
      </c>
      <c r="T42722">
        <v>19</v>
      </c>
      <c r="U42722">
        <v>20</v>
      </c>
      <c r="V42722">
        <v>20</v>
      </c>
      <c r="W42722">
        <v>21</v>
      </c>
      <c r="X42722">
        <v>21</v>
      </c>
      <c r="Y42722">
        <v>21</v>
      </c>
      <c r="Z42722">
        <v>22</v>
      </c>
      <c r="AA42722">
        <v>22</v>
      </c>
      <c r="AB42722">
        <v>23</v>
      </c>
      <c r="AC42722">
        <v>23</v>
      </c>
      <c r="AD42722">
        <v>24</v>
      </c>
      <c r="AE42722">
        <v>24</v>
      </c>
      <c r="AF42722">
        <v>24</v>
      </c>
      <c r="AG42722">
        <v>25</v>
      </c>
      <c r="AH42722">
        <v>25</v>
      </c>
      <c r="AI42722">
        <v>26</v>
      </c>
      <c r="AJ42722">
        <v>26</v>
      </c>
      <c r="AK42722">
        <v>27</v>
      </c>
      <c r="AL42722">
        <v>27</v>
      </c>
      <c r="AM42722">
        <v>27</v>
      </c>
      <c r="AN42722">
        <v>27</v>
      </c>
      <c r="AO42722">
        <v>27</v>
      </c>
      <c r="AP42722">
        <v>28</v>
      </c>
      <c r="AQ42722">
        <v>28</v>
      </c>
    </row>
    <row r="42723" spans="1:43">
      <c r="A42723" t="s">
        <v>26177</v>
      </c>
      <c r="B42723" t="s">
        <v>26178</v>
      </c>
      <c r="C42723" t="s">
        <v>19927</v>
      </c>
      <c r="D42723" t="s">
        <v>19928</v>
      </c>
      <c r="E42723" t="s">
        <v>19921</v>
      </c>
      <c r="F42723" t="s">
        <v>19922</v>
      </c>
      <c r="G42723" t="s">
        <v>10734</v>
      </c>
      <c r="H42723" t="s">
        <v>10735</v>
      </c>
      <c r="I42723" s="2">
        <v>0</v>
      </c>
      <c r="J42723" s="2">
        <v>0</v>
      </c>
      <c r="K42723" s="2">
        <v>1</v>
      </c>
      <c r="L42723" t="s">
        <v>995</v>
      </c>
      <c r="M42723" t="s">
        <v>87</v>
      </c>
      <c r="N42723" t="s">
        <v>88</v>
      </c>
      <c r="O42723" t="s">
        <v>85</v>
      </c>
      <c r="P42723" t="s">
        <v>86</v>
      </c>
      <c r="Q42723">
        <v>18</v>
      </c>
      <c r="R42723">
        <v>18</v>
      </c>
      <c r="S42723">
        <v>18</v>
      </c>
      <c r="T42723">
        <v>19</v>
      </c>
      <c r="U42723">
        <v>19</v>
      </c>
      <c r="V42723">
        <v>19</v>
      </c>
      <c r="W42723">
        <v>19</v>
      </c>
      <c r="X42723">
        <v>20</v>
      </c>
      <c r="Y42723">
        <v>20</v>
      </c>
      <c r="Z42723">
        <v>20</v>
      </c>
      <c r="AA42723">
        <v>20</v>
      </c>
      <c r="AB42723">
        <v>20</v>
      </c>
      <c r="AC42723">
        <v>21</v>
      </c>
      <c r="AD42723">
        <v>21</v>
      </c>
      <c r="AE42723">
        <v>21</v>
      </c>
      <c r="AF42723">
        <v>21</v>
      </c>
      <c r="AG42723">
        <v>22</v>
      </c>
      <c r="AH42723">
        <v>22</v>
      </c>
      <c r="AI42723">
        <v>22</v>
      </c>
      <c r="AJ42723">
        <v>22</v>
      </c>
      <c r="AK42723">
        <v>23</v>
      </c>
      <c r="AL42723">
        <v>23</v>
      </c>
      <c r="AM42723">
        <v>23</v>
      </c>
      <c r="AN42723">
        <v>23</v>
      </c>
      <c r="AO42723">
        <v>24</v>
      </c>
      <c r="AP42723">
        <v>24</v>
      </c>
      <c r="AQ42723">
        <v>24</v>
      </c>
    </row>
    <row r="42724" spans="1:43">
      <c r="A42724" t="s">
        <v>26177</v>
      </c>
      <c r="B42724" t="s">
        <v>26178</v>
      </c>
      <c r="C42724" t="s">
        <v>19927</v>
      </c>
      <c r="D42724" t="s">
        <v>19928</v>
      </c>
      <c r="E42724" t="s">
        <v>19921</v>
      </c>
      <c r="F42724" t="s">
        <v>19922</v>
      </c>
      <c r="G42724" t="s">
        <v>10734</v>
      </c>
      <c r="H42724" t="s">
        <v>10735</v>
      </c>
      <c r="I42724" s="2">
        <v>0</v>
      </c>
      <c r="J42724" s="2">
        <v>0</v>
      </c>
      <c r="K42724" s="2">
        <v>1</v>
      </c>
      <c r="L42724" t="s">
        <v>995</v>
      </c>
      <c r="M42724" t="s">
        <v>89</v>
      </c>
      <c r="N42724" t="s">
        <v>90</v>
      </c>
      <c r="O42724" t="s">
        <v>85</v>
      </c>
      <c r="P42724" t="s">
        <v>86</v>
      </c>
      <c r="Q42724">
        <v>18</v>
      </c>
      <c r="R42724">
        <v>19</v>
      </c>
      <c r="S42724">
        <v>19</v>
      </c>
      <c r="T42724">
        <v>20</v>
      </c>
      <c r="U42724">
        <v>21</v>
      </c>
      <c r="V42724">
        <v>21</v>
      </c>
      <c r="W42724">
        <v>22</v>
      </c>
      <c r="X42724">
        <v>22</v>
      </c>
      <c r="Y42724">
        <v>23</v>
      </c>
      <c r="Z42724">
        <v>23</v>
      </c>
      <c r="AA42724">
        <v>24</v>
      </c>
      <c r="AB42724">
        <v>24</v>
      </c>
      <c r="AC42724">
        <v>25</v>
      </c>
      <c r="AD42724">
        <v>25</v>
      </c>
      <c r="AE42724">
        <v>26</v>
      </c>
      <c r="AF42724">
        <v>26</v>
      </c>
      <c r="AG42724">
        <v>26</v>
      </c>
      <c r="AH42724">
        <v>26</v>
      </c>
      <c r="AI42724">
        <v>26</v>
      </c>
      <c r="AJ42724">
        <v>27</v>
      </c>
      <c r="AK42724">
        <v>27</v>
      </c>
      <c r="AL42724">
        <v>27</v>
      </c>
      <c r="AM42724">
        <v>27</v>
      </c>
      <c r="AN42724">
        <v>27</v>
      </c>
      <c r="AO42724">
        <v>28</v>
      </c>
      <c r="AP42724">
        <v>28</v>
      </c>
      <c r="AQ42724">
        <v>28</v>
      </c>
    </row>
    <row r="42725" spans="1:43">
      <c r="A42725" t="s">
        <v>26177</v>
      </c>
      <c r="B42725" t="s">
        <v>26178</v>
      </c>
      <c r="C42725" t="s">
        <v>19927</v>
      </c>
      <c r="D42725" t="s">
        <v>19928</v>
      </c>
      <c r="E42725" t="s">
        <v>19921</v>
      </c>
      <c r="F42725" t="s">
        <v>19922</v>
      </c>
      <c r="G42725" t="s">
        <v>10734</v>
      </c>
      <c r="H42725" t="s">
        <v>10735</v>
      </c>
      <c r="I42725" s="2">
        <v>0</v>
      </c>
      <c r="J42725" s="2">
        <v>0</v>
      </c>
      <c r="K42725" s="2">
        <v>1</v>
      </c>
      <c r="L42725" t="s">
        <v>995</v>
      </c>
      <c r="M42725" t="s">
        <v>83</v>
      </c>
      <c r="N42725" t="s">
        <v>91</v>
      </c>
      <c r="O42725" t="s">
        <v>85</v>
      </c>
      <c r="P42725" t="s">
        <v>86</v>
      </c>
      <c r="Q42725">
        <v>18</v>
      </c>
      <c r="R42725">
        <v>19</v>
      </c>
      <c r="S42725">
        <v>19</v>
      </c>
      <c r="T42725">
        <v>19</v>
      </c>
      <c r="U42725">
        <v>20</v>
      </c>
      <c r="V42725">
        <v>20</v>
      </c>
      <c r="W42725">
        <v>21</v>
      </c>
      <c r="X42725">
        <v>21</v>
      </c>
      <c r="Y42725">
        <v>21</v>
      </c>
      <c r="Z42725">
        <v>22</v>
      </c>
      <c r="AA42725">
        <v>22</v>
      </c>
      <c r="AB42725">
        <v>23</v>
      </c>
      <c r="AC42725">
        <v>23</v>
      </c>
      <c r="AD42725">
        <v>24</v>
      </c>
      <c r="AE42725">
        <v>24</v>
      </c>
      <c r="AF42725">
        <v>24</v>
      </c>
      <c r="AG42725">
        <v>25</v>
      </c>
      <c r="AH42725">
        <v>25</v>
      </c>
      <c r="AI42725">
        <v>26</v>
      </c>
      <c r="AJ42725">
        <v>26</v>
      </c>
      <c r="AK42725">
        <v>27</v>
      </c>
      <c r="AL42725">
        <v>27</v>
      </c>
      <c r="AM42725">
        <v>27</v>
      </c>
      <c r="AN42725">
        <v>27</v>
      </c>
      <c r="AO42725">
        <v>27</v>
      </c>
      <c r="AP42725">
        <v>28</v>
      </c>
      <c r="AQ42725">
        <v>28</v>
      </c>
    </row>
    <row r="42726" spans="1:43">
      <c r="A42726" t="s">
        <v>26179</v>
      </c>
      <c r="B42726" t="s">
        <v>26180</v>
      </c>
      <c r="C42726" t="s">
        <v>20039</v>
      </c>
      <c r="D42726" t="s">
        <v>20040</v>
      </c>
      <c r="E42726" t="s">
        <v>19921</v>
      </c>
      <c r="F42726" t="s">
        <v>19922</v>
      </c>
      <c r="G42726" t="s">
        <v>10734</v>
      </c>
      <c r="H42726" t="s">
        <v>10735</v>
      </c>
      <c r="I42726" s="2">
        <v>0</v>
      </c>
      <c r="J42726" s="2">
        <v>0</v>
      </c>
      <c r="K42726" s="2">
        <v>1</v>
      </c>
      <c r="L42726" t="s">
        <v>995</v>
      </c>
      <c r="M42726" t="s">
        <v>83</v>
      </c>
      <c r="N42726" t="s">
        <v>84</v>
      </c>
      <c r="O42726" t="s">
        <v>85</v>
      </c>
      <c r="P42726" t="s">
        <v>86</v>
      </c>
      <c r="Q42726">
        <v>8</v>
      </c>
      <c r="R42726">
        <v>8</v>
      </c>
      <c r="S42726">
        <v>8</v>
      </c>
      <c r="T42726">
        <v>8</v>
      </c>
      <c r="U42726">
        <v>9</v>
      </c>
      <c r="V42726">
        <v>9</v>
      </c>
      <c r="W42726">
        <v>9</v>
      </c>
      <c r="X42726">
        <v>9</v>
      </c>
      <c r="Y42726">
        <v>9</v>
      </c>
      <c r="Z42726">
        <v>10</v>
      </c>
      <c r="AA42726">
        <v>10</v>
      </c>
      <c r="AB42726">
        <v>10</v>
      </c>
      <c r="AC42726">
        <v>10</v>
      </c>
      <c r="AD42726">
        <v>10</v>
      </c>
      <c r="AE42726">
        <v>11</v>
      </c>
      <c r="AF42726">
        <v>11</v>
      </c>
      <c r="AG42726">
        <v>11</v>
      </c>
      <c r="AH42726">
        <v>11</v>
      </c>
      <c r="AI42726">
        <v>11</v>
      </c>
      <c r="AJ42726">
        <v>12</v>
      </c>
      <c r="AK42726">
        <v>12</v>
      </c>
      <c r="AL42726">
        <v>12</v>
      </c>
      <c r="AM42726">
        <v>12</v>
      </c>
      <c r="AN42726">
        <v>12</v>
      </c>
      <c r="AO42726">
        <v>12</v>
      </c>
      <c r="AP42726">
        <v>12</v>
      </c>
      <c r="AQ42726">
        <v>12</v>
      </c>
    </row>
    <row r="42727" spans="1:43">
      <c r="A42727" t="s">
        <v>26179</v>
      </c>
      <c r="B42727" t="s">
        <v>26180</v>
      </c>
      <c r="C42727" t="s">
        <v>20039</v>
      </c>
      <c r="D42727" t="s">
        <v>20040</v>
      </c>
      <c r="E42727" t="s">
        <v>19921</v>
      </c>
      <c r="F42727" t="s">
        <v>19922</v>
      </c>
      <c r="G42727" t="s">
        <v>10734</v>
      </c>
      <c r="H42727" t="s">
        <v>10735</v>
      </c>
      <c r="I42727" s="2">
        <v>0</v>
      </c>
      <c r="J42727" s="2">
        <v>0</v>
      </c>
      <c r="K42727" s="2">
        <v>1</v>
      </c>
      <c r="L42727" t="s">
        <v>995</v>
      </c>
      <c r="M42727" t="s">
        <v>87</v>
      </c>
      <c r="N42727" t="s">
        <v>88</v>
      </c>
      <c r="O42727" t="s">
        <v>85</v>
      </c>
      <c r="P42727" t="s">
        <v>86</v>
      </c>
      <c r="Q42727">
        <v>8</v>
      </c>
      <c r="R42727">
        <v>8</v>
      </c>
      <c r="S42727">
        <v>8</v>
      </c>
      <c r="T42727">
        <v>8</v>
      </c>
      <c r="U42727">
        <v>8</v>
      </c>
      <c r="V42727">
        <v>8</v>
      </c>
      <c r="W42727">
        <v>9</v>
      </c>
      <c r="X42727">
        <v>9</v>
      </c>
      <c r="Y42727">
        <v>9</v>
      </c>
      <c r="Z42727">
        <v>9</v>
      </c>
      <c r="AA42727">
        <v>9</v>
      </c>
      <c r="AB42727">
        <v>9</v>
      </c>
      <c r="AC42727">
        <v>9</v>
      </c>
      <c r="AD42727">
        <v>9</v>
      </c>
      <c r="AE42727">
        <v>9</v>
      </c>
      <c r="AF42727">
        <v>10</v>
      </c>
      <c r="AG42727">
        <v>10</v>
      </c>
      <c r="AH42727">
        <v>10</v>
      </c>
      <c r="AI42727">
        <v>10</v>
      </c>
      <c r="AJ42727">
        <v>10</v>
      </c>
      <c r="AK42727">
        <v>10</v>
      </c>
      <c r="AL42727">
        <v>10</v>
      </c>
      <c r="AM42727">
        <v>10</v>
      </c>
      <c r="AN42727">
        <v>10</v>
      </c>
      <c r="AO42727">
        <v>11</v>
      </c>
      <c r="AP42727">
        <v>11</v>
      </c>
      <c r="AQ42727">
        <v>11</v>
      </c>
    </row>
    <row r="42728" spans="1:43">
      <c r="A42728" t="s">
        <v>26179</v>
      </c>
      <c r="B42728" t="s">
        <v>26180</v>
      </c>
      <c r="C42728" t="s">
        <v>20039</v>
      </c>
      <c r="D42728" t="s">
        <v>20040</v>
      </c>
      <c r="E42728" t="s">
        <v>19921</v>
      </c>
      <c r="F42728" t="s">
        <v>19922</v>
      </c>
      <c r="G42728" t="s">
        <v>10734</v>
      </c>
      <c r="H42728" t="s">
        <v>10735</v>
      </c>
      <c r="I42728" s="2">
        <v>0</v>
      </c>
      <c r="J42728" s="2">
        <v>0</v>
      </c>
      <c r="K42728" s="2">
        <v>1</v>
      </c>
      <c r="L42728" t="s">
        <v>995</v>
      </c>
      <c r="M42728" t="s">
        <v>89</v>
      </c>
      <c r="N42728" t="s">
        <v>90</v>
      </c>
      <c r="O42728" t="s">
        <v>85</v>
      </c>
      <c r="P42728" t="s">
        <v>86</v>
      </c>
      <c r="Q42728">
        <v>8</v>
      </c>
      <c r="R42728">
        <v>8</v>
      </c>
      <c r="S42728">
        <v>8</v>
      </c>
      <c r="T42728">
        <v>9</v>
      </c>
      <c r="U42728">
        <v>9</v>
      </c>
      <c r="V42728">
        <v>9</v>
      </c>
      <c r="W42728">
        <v>10</v>
      </c>
      <c r="X42728">
        <v>10</v>
      </c>
      <c r="Y42728">
        <v>10</v>
      </c>
      <c r="Z42728">
        <v>10</v>
      </c>
      <c r="AA42728">
        <v>10</v>
      </c>
      <c r="AB42728">
        <v>11</v>
      </c>
      <c r="AC42728">
        <v>11</v>
      </c>
      <c r="AD42728">
        <v>11</v>
      </c>
      <c r="AE42728">
        <v>11</v>
      </c>
      <c r="AF42728">
        <v>11</v>
      </c>
      <c r="AG42728">
        <v>12</v>
      </c>
      <c r="AH42728">
        <v>12</v>
      </c>
      <c r="AI42728">
        <v>12</v>
      </c>
      <c r="AJ42728">
        <v>12</v>
      </c>
      <c r="AK42728">
        <v>12</v>
      </c>
      <c r="AL42728">
        <v>12</v>
      </c>
      <c r="AM42728">
        <v>12</v>
      </c>
      <c r="AN42728">
        <v>12</v>
      </c>
      <c r="AO42728">
        <v>12</v>
      </c>
      <c r="AP42728">
        <v>12</v>
      </c>
      <c r="AQ42728">
        <v>12</v>
      </c>
    </row>
    <row r="42729" spans="1:43">
      <c r="A42729" t="s">
        <v>26179</v>
      </c>
      <c r="B42729" t="s">
        <v>26180</v>
      </c>
      <c r="C42729" t="s">
        <v>20039</v>
      </c>
      <c r="D42729" t="s">
        <v>20040</v>
      </c>
      <c r="E42729" t="s">
        <v>19921</v>
      </c>
      <c r="F42729" t="s">
        <v>19922</v>
      </c>
      <c r="G42729" t="s">
        <v>10734</v>
      </c>
      <c r="H42729" t="s">
        <v>10735</v>
      </c>
      <c r="I42729" s="2">
        <v>0</v>
      </c>
      <c r="J42729" s="2">
        <v>0</v>
      </c>
      <c r="K42729" s="2">
        <v>1</v>
      </c>
      <c r="L42729" t="s">
        <v>995</v>
      </c>
      <c r="M42729" t="s">
        <v>83</v>
      </c>
      <c r="N42729" t="s">
        <v>91</v>
      </c>
      <c r="O42729" t="s">
        <v>85</v>
      </c>
      <c r="P42729" t="s">
        <v>86</v>
      </c>
      <c r="Q42729">
        <v>8</v>
      </c>
      <c r="R42729">
        <v>8</v>
      </c>
      <c r="S42729">
        <v>8</v>
      </c>
      <c r="T42729">
        <v>8</v>
      </c>
      <c r="U42729">
        <v>9</v>
      </c>
      <c r="V42729">
        <v>9</v>
      </c>
      <c r="W42729">
        <v>9</v>
      </c>
      <c r="X42729">
        <v>9</v>
      </c>
      <c r="Y42729">
        <v>9</v>
      </c>
      <c r="Z42729">
        <v>10</v>
      </c>
      <c r="AA42729">
        <v>10</v>
      </c>
      <c r="AB42729">
        <v>10</v>
      </c>
      <c r="AC42729">
        <v>10</v>
      </c>
      <c r="AD42729">
        <v>10</v>
      </c>
      <c r="AE42729">
        <v>11</v>
      </c>
      <c r="AF42729">
        <v>11</v>
      </c>
      <c r="AG42729">
        <v>11</v>
      </c>
      <c r="AH42729">
        <v>11</v>
      </c>
      <c r="AI42729">
        <v>11</v>
      </c>
      <c r="AJ42729">
        <v>12</v>
      </c>
      <c r="AK42729">
        <v>12</v>
      </c>
      <c r="AL42729">
        <v>12</v>
      </c>
      <c r="AM42729">
        <v>12</v>
      </c>
      <c r="AN42729">
        <v>12</v>
      </c>
      <c r="AO42729">
        <v>12</v>
      </c>
      <c r="AP42729">
        <v>12</v>
      </c>
      <c r="AQ42729">
        <v>12</v>
      </c>
    </row>
    <row r="42730" spans="1:43">
      <c r="A42730" t="s">
        <v>26181</v>
      </c>
      <c r="B42730" t="s">
        <v>26182</v>
      </c>
      <c r="C42730" t="s">
        <v>20039</v>
      </c>
      <c r="D42730" t="s">
        <v>20040</v>
      </c>
      <c r="E42730" t="s">
        <v>19921</v>
      </c>
      <c r="F42730" t="s">
        <v>19922</v>
      </c>
      <c r="G42730" t="s">
        <v>10734</v>
      </c>
      <c r="H42730" t="s">
        <v>10735</v>
      </c>
      <c r="I42730" s="2">
        <v>0</v>
      </c>
      <c r="J42730" s="2">
        <v>0</v>
      </c>
      <c r="K42730" s="2">
        <v>1</v>
      </c>
      <c r="L42730" t="s">
        <v>995</v>
      </c>
      <c r="M42730" t="s">
        <v>83</v>
      </c>
      <c r="N42730" t="s">
        <v>84</v>
      </c>
      <c r="O42730" t="s">
        <v>85</v>
      </c>
      <c r="P42730" t="s">
        <v>86</v>
      </c>
      <c r="Q42730">
        <v>3</v>
      </c>
      <c r="R42730">
        <v>3</v>
      </c>
      <c r="S42730">
        <v>3</v>
      </c>
      <c r="T42730">
        <v>3</v>
      </c>
      <c r="U42730">
        <v>3</v>
      </c>
      <c r="V42730">
        <v>3</v>
      </c>
      <c r="W42730">
        <v>3</v>
      </c>
      <c r="X42730">
        <v>4</v>
      </c>
      <c r="Y42730">
        <v>4</v>
      </c>
      <c r="Z42730">
        <v>4</v>
      </c>
      <c r="AA42730">
        <v>4</v>
      </c>
      <c r="AB42730">
        <v>4</v>
      </c>
      <c r="AC42730">
        <v>4</v>
      </c>
      <c r="AD42730">
        <v>4</v>
      </c>
      <c r="AE42730">
        <v>4</v>
      </c>
      <c r="AF42730">
        <v>4</v>
      </c>
      <c r="AG42730">
        <v>4</v>
      </c>
      <c r="AH42730">
        <v>4</v>
      </c>
      <c r="AI42730">
        <v>4</v>
      </c>
      <c r="AJ42730">
        <v>4</v>
      </c>
      <c r="AK42730">
        <v>4</v>
      </c>
      <c r="AL42730">
        <v>5</v>
      </c>
      <c r="AM42730">
        <v>5</v>
      </c>
      <c r="AN42730">
        <v>5</v>
      </c>
      <c r="AO42730">
        <v>5</v>
      </c>
      <c r="AP42730">
        <v>5</v>
      </c>
      <c r="AQ42730">
        <v>5</v>
      </c>
    </row>
    <row r="42731" spans="1:43">
      <c r="A42731" t="s">
        <v>26181</v>
      </c>
      <c r="B42731" t="s">
        <v>26182</v>
      </c>
      <c r="C42731" t="s">
        <v>20039</v>
      </c>
      <c r="D42731" t="s">
        <v>20040</v>
      </c>
      <c r="E42731" t="s">
        <v>19921</v>
      </c>
      <c r="F42731" t="s">
        <v>19922</v>
      </c>
      <c r="G42731" t="s">
        <v>10734</v>
      </c>
      <c r="H42731" t="s">
        <v>10735</v>
      </c>
      <c r="I42731" s="2">
        <v>0</v>
      </c>
      <c r="J42731" s="2">
        <v>0</v>
      </c>
      <c r="K42731" s="2">
        <v>1</v>
      </c>
      <c r="L42731" t="s">
        <v>995</v>
      </c>
      <c r="M42731" t="s">
        <v>87</v>
      </c>
      <c r="N42731" t="s">
        <v>88</v>
      </c>
      <c r="O42731" t="s">
        <v>85</v>
      </c>
      <c r="P42731" t="s">
        <v>86</v>
      </c>
      <c r="Q42731">
        <v>3</v>
      </c>
      <c r="R42731">
        <v>3</v>
      </c>
      <c r="S42731">
        <v>3</v>
      </c>
      <c r="T42731">
        <v>3</v>
      </c>
      <c r="U42731">
        <v>3</v>
      </c>
      <c r="V42731">
        <v>3</v>
      </c>
      <c r="W42731">
        <v>3</v>
      </c>
      <c r="X42731">
        <v>3</v>
      </c>
      <c r="Y42731">
        <v>3</v>
      </c>
      <c r="Z42731">
        <v>3</v>
      </c>
      <c r="AA42731">
        <v>3</v>
      </c>
      <c r="AB42731">
        <v>3</v>
      </c>
      <c r="AC42731">
        <v>3</v>
      </c>
      <c r="AD42731">
        <v>4</v>
      </c>
      <c r="AE42731">
        <v>4</v>
      </c>
      <c r="AF42731">
        <v>4</v>
      </c>
      <c r="AG42731">
        <v>4</v>
      </c>
      <c r="AH42731">
        <v>4</v>
      </c>
      <c r="AI42731">
        <v>4</v>
      </c>
      <c r="AJ42731">
        <v>4</v>
      </c>
      <c r="AK42731">
        <v>4</v>
      </c>
      <c r="AL42731">
        <v>4</v>
      </c>
      <c r="AM42731">
        <v>4</v>
      </c>
      <c r="AN42731">
        <v>4</v>
      </c>
      <c r="AO42731">
        <v>4</v>
      </c>
      <c r="AP42731">
        <v>4</v>
      </c>
      <c r="AQ42731">
        <v>4</v>
      </c>
    </row>
    <row r="42732" spans="1:43">
      <c r="A42732" t="s">
        <v>26181</v>
      </c>
      <c r="B42732" t="s">
        <v>26182</v>
      </c>
      <c r="C42732" t="s">
        <v>20039</v>
      </c>
      <c r="D42732" t="s">
        <v>20040</v>
      </c>
      <c r="E42732" t="s">
        <v>19921</v>
      </c>
      <c r="F42732" t="s">
        <v>19922</v>
      </c>
      <c r="G42732" t="s">
        <v>10734</v>
      </c>
      <c r="H42732" t="s">
        <v>10735</v>
      </c>
      <c r="I42732" s="2">
        <v>0</v>
      </c>
      <c r="J42732" s="2">
        <v>0</v>
      </c>
      <c r="K42732" s="2">
        <v>1</v>
      </c>
      <c r="L42732" t="s">
        <v>995</v>
      </c>
      <c r="M42732" t="s">
        <v>89</v>
      </c>
      <c r="N42732" t="s">
        <v>90</v>
      </c>
      <c r="O42732" t="s">
        <v>85</v>
      </c>
      <c r="P42732" t="s">
        <v>86</v>
      </c>
      <c r="Q42732">
        <v>3</v>
      </c>
      <c r="R42732">
        <v>3</v>
      </c>
      <c r="S42732">
        <v>3</v>
      </c>
      <c r="T42732">
        <v>3</v>
      </c>
      <c r="U42732">
        <v>3</v>
      </c>
      <c r="V42732">
        <v>4</v>
      </c>
      <c r="W42732">
        <v>4</v>
      </c>
      <c r="X42732">
        <v>4</v>
      </c>
      <c r="Y42732">
        <v>4</v>
      </c>
      <c r="Z42732">
        <v>4</v>
      </c>
      <c r="AA42732">
        <v>4</v>
      </c>
      <c r="AB42732">
        <v>4</v>
      </c>
      <c r="AC42732">
        <v>4</v>
      </c>
      <c r="AD42732">
        <v>4</v>
      </c>
      <c r="AE42732">
        <v>4</v>
      </c>
      <c r="AF42732">
        <v>4</v>
      </c>
      <c r="AG42732">
        <v>4</v>
      </c>
      <c r="AH42732">
        <v>4</v>
      </c>
      <c r="AI42732">
        <v>4</v>
      </c>
      <c r="AJ42732">
        <v>4</v>
      </c>
      <c r="AK42732">
        <v>5</v>
      </c>
      <c r="AL42732">
        <v>5</v>
      </c>
      <c r="AM42732">
        <v>5</v>
      </c>
      <c r="AN42732">
        <v>5</v>
      </c>
      <c r="AO42732">
        <v>5</v>
      </c>
      <c r="AP42732">
        <v>5</v>
      </c>
      <c r="AQ42732">
        <v>5</v>
      </c>
    </row>
    <row r="42733" spans="1:43">
      <c r="A42733" t="s">
        <v>26181</v>
      </c>
      <c r="B42733" t="s">
        <v>26182</v>
      </c>
      <c r="C42733" t="s">
        <v>20039</v>
      </c>
      <c r="D42733" t="s">
        <v>20040</v>
      </c>
      <c r="E42733" t="s">
        <v>19921</v>
      </c>
      <c r="F42733" t="s">
        <v>19922</v>
      </c>
      <c r="G42733" t="s">
        <v>10734</v>
      </c>
      <c r="H42733" t="s">
        <v>10735</v>
      </c>
      <c r="I42733" s="2">
        <v>0</v>
      </c>
      <c r="J42733" s="2">
        <v>0</v>
      </c>
      <c r="K42733" s="2">
        <v>1</v>
      </c>
      <c r="L42733" t="s">
        <v>995</v>
      </c>
      <c r="M42733" t="s">
        <v>83</v>
      </c>
      <c r="N42733" t="s">
        <v>91</v>
      </c>
      <c r="O42733" t="s">
        <v>85</v>
      </c>
      <c r="P42733" t="s">
        <v>86</v>
      </c>
      <c r="Q42733">
        <v>3</v>
      </c>
      <c r="R42733">
        <v>3</v>
      </c>
      <c r="S42733">
        <v>3</v>
      </c>
      <c r="T42733">
        <v>3</v>
      </c>
      <c r="U42733">
        <v>3</v>
      </c>
      <c r="V42733">
        <v>3</v>
      </c>
      <c r="W42733">
        <v>3</v>
      </c>
      <c r="X42733">
        <v>4</v>
      </c>
      <c r="Y42733">
        <v>4</v>
      </c>
      <c r="Z42733">
        <v>4</v>
      </c>
      <c r="AA42733">
        <v>4</v>
      </c>
      <c r="AB42733">
        <v>4</v>
      </c>
      <c r="AC42733">
        <v>4</v>
      </c>
      <c r="AD42733">
        <v>4</v>
      </c>
      <c r="AE42733">
        <v>4</v>
      </c>
      <c r="AF42733">
        <v>4</v>
      </c>
      <c r="AG42733">
        <v>4</v>
      </c>
      <c r="AH42733">
        <v>4</v>
      </c>
      <c r="AI42733">
        <v>4</v>
      </c>
      <c r="AJ42733">
        <v>4</v>
      </c>
      <c r="AK42733">
        <v>4</v>
      </c>
      <c r="AL42733">
        <v>5</v>
      </c>
      <c r="AM42733">
        <v>5</v>
      </c>
      <c r="AN42733">
        <v>5</v>
      </c>
      <c r="AO42733">
        <v>5</v>
      </c>
      <c r="AP42733">
        <v>5</v>
      </c>
      <c r="AQ42733">
        <v>5</v>
      </c>
    </row>
    <row r="42734" spans="1:43">
      <c r="A42734" t="s">
        <v>26183</v>
      </c>
      <c r="B42734" t="s">
        <v>26184</v>
      </c>
      <c r="C42734" t="s">
        <v>20039</v>
      </c>
      <c r="D42734" t="s">
        <v>20040</v>
      </c>
      <c r="E42734" t="s">
        <v>19921</v>
      </c>
      <c r="F42734" t="s">
        <v>19922</v>
      </c>
      <c r="G42734" t="s">
        <v>10734</v>
      </c>
      <c r="H42734" t="s">
        <v>10735</v>
      </c>
      <c r="I42734" s="2">
        <v>0</v>
      </c>
      <c r="J42734" s="2">
        <v>0</v>
      </c>
      <c r="K42734" s="2">
        <v>1</v>
      </c>
      <c r="L42734" t="s">
        <v>995</v>
      </c>
      <c r="M42734" t="s">
        <v>83</v>
      </c>
      <c r="N42734" t="s">
        <v>84</v>
      </c>
      <c r="O42734" t="s">
        <v>85</v>
      </c>
      <c r="P42734" t="s">
        <v>86</v>
      </c>
      <c r="Q42734">
        <v>47</v>
      </c>
      <c r="R42734">
        <v>48</v>
      </c>
      <c r="S42734">
        <v>50</v>
      </c>
      <c r="T42734">
        <v>51</v>
      </c>
      <c r="U42734">
        <v>52</v>
      </c>
      <c r="V42734">
        <v>53</v>
      </c>
      <c r="W42734">
        <v>54</v>
      </c>
      <c r="X42734">
        <v>55</v>
      </c>
      <c r="Y42734">
        <v>56</v>
      </c>
      <c r="Z42734">
        <v>58</v>
      </c>
      <c r="AA42734">
        <v>59</v>
      </c>
      <c r="AB42734">
        <v>60</v>
      </c>
      <c r="AC42734">
        <v>61</v>
      </c>
      <c r="AD42734">
        <v>62</v>
      </c>
      <c r="AE42734">
        <v>63</v>
      </c>
      <c r="AF42734">
        <v>65</v>
      </c>
      <c r="AG42734">
        <v>66</v>
      </c>
      <c r="AH42734">
        <v>67</v>
      </c>
      <c r="AI42734">
        <v>68</v>
      </c>
      <c r="AJ42734">
        <v>69</v>
      </c>
      <c r="AK42734">
        <v>71</v>
      </c>
      <c r="AL42734">
        <v>71</v>
      </c>
      <c r="AM42734">
        <v>72</v>
      </c>
      <c r="AN42734">
        <v>72</v>
      </c>
      <c r="AO42734">
        <v>73</v>
      </c>
      <c r="AP42734">
        <v>74</v>
      </c>
      <c r="AQ42734">
        <v>74</v>
      </c>
    </row>
    <row r="42735" spans="1:43">
      <c r="A42735" t="s">
        <v>26183</v>
      </c>
      <c r="B42735" t="s">
        <v>26184</v>
      </c>
      <c r="C42735" t="s">
        <v>20039</v>
      </c>
      <c r="D42735" t="s">
        <v>20040</v>
      </c>
      <c r="E42735" t="s">
        <v>19921</v>
      </c>
      <c r="F42735" t="s">
        <v>19922</v>
      </c>
      <c r="G42735" t="s">
        <v>10734</v>
      </c>
      <c r="H42735" t="s">
        <v>10735</v>
      </c>
      <c r="I42735" s="2">
        <v>0</v>
      </c>
      <c r="J42735" s="2">
        <v>0</v>
      </c>
      <c r="K42735" s="2">
        <v>1</v>
      </c>
      <c r="L42735" t="s">
        <v>995</v>
      </c>
      <c r="M42735" t="s">
        <v>87</v>
      </c>
      <c r="N42735" t="s">
        <v>88</v>
      </c>
      <c r="O42735" t="s">
        <v>85</v>
      </c>
      <c r="P42735" t="s">
        <v>86</v>
      </c>
      <c r="Q42735">
        <v>47</v>
      </c>
      <c r="R42735">
        <v>48</v>
      </c>
      <c r="S42735">
        <v>48</v>
      </c>
      <c r="T42735">
        <v>49</v>
      </c>
      <c r="U42735">
        <v>50</v>
      </c>
      <c r="V42735">
        <v>50</v>
      </c>
      <c r="W42735">
        <v>51</v>
      </c>
      <c r="X42735">
        <v>52</v>
      </c>
      <c r="Y42735">
        <v>52</v>
      </c>
      <c r="Z42735">
        <v>53</v>
      </c>
      <c r="AA42735">
        <v>54</v>
      </c>
      <c r="AB42735">
        <v>54</v>
      </c>
      <c r="AC42735">
        <v>55</v>
      </c>
      <c r="AD42735">
        <v>56</v>
      </c>
      <c r="AE42735">
        <v>56</v>
      </c>
      <c r="AF42735">
        <v>57</v>
      </c>
      <c r="AG42735">
        <v>58</v>
      </c>
      <c r="AH42735">
        <v>58</v>
      </c>
      <c r="AI42735">
        <v>59</v>
      </c>
      <c r="AJ42735">
        <v>60</v>
      </c>
      <c r="AK42735">
        <v>60</v>
      </c>
      <c r="AL42735">
        <v>61</v>
      </c>
      <c r="AM42735">
        <v>62</v>
      </c>
      <c r="AN42735">
        <v>62</v>
      </c>
      <c r="AO42735">
        <v>63</v>
      </c>
      <c r="AP42735">
        <v>64</v>
      </c>
      <c r="AQ42735">
        <v>65</v>
      </c>
    </row>
    <row r="42736" spans="1:43">
      <c r="A42736" t="s">
        <v>26183</v>
      </c>
      <c r="B42736" t="s">
        <v>26184</v>
      </c>
      <c r="C42736" t="s">
        <v>20039</v>
      </c>
      <c r="D42736" t="s">
        <v>20040</v>
      </c>
      <c r="E42736" t="s">
        <v>19921</v>
      </c>
      <c r="F42736" t="s">
        <v>19922</v>
      </c>
      <c r="G42736" t="s">
        <v>10734</v>
      </c>
      <c r="H42736" t="s">
        <v>10735</v>
      </c>
      <c r="I42736" s="2">
        <v>0</v>
      </c>
      <c r="J42736" s="2">
        <v>0</v>
      </c>
      <c r="K42736" s="2">
        <v>1</v>
      </c>
      <c r="L42736" t="s">
        <v>995</v>
      </c>
      <c r="M42736" t="s">
        <v>89</v>
      </c>
      <c r="N42736" t="s">
        <v>90</v>
      </c>
      <c r="O42736" t="s">
        <v>85</v>
      </c>
      <c r="P42736" t="s">
        <v>86</v>
      </c>
      <c r="Q42736">
        <v>47</v>
      </c>
      <c r="R42736">
        <v>48</v>
      </c>
      <c r="S42736">
        <v>50</v>
      </c>
      <c r="T42736">
        <v>51</v>
      </c>
      <c r="U42736">
        <v>53</v>
      </c>
      <c r="V42736">
        <v>54</v>
      </c>
      <c r="W42736">
        <v>56</v>
      </c>
      <c r="X42736">
        <v>57</v>
      </c>
      <c r="Y42736">
        <v>59</v>
      </c>
      <c r="Z42736">
        <v>60</v>
      </c>
      <c r="AA42736">
        <v>62</v>
      </c>
      <c r="AB42736">
        <v>63</v>
      </c>
      <c r="AC42736">
        <v>64</v>
      </c>
      <c r="AD42736">
        <v>66</v>
      </c>
      <c r="AE42736">
        <v>67</v>
      </c>
      <c r="AF42736">
        <v>67</v>
      </c>
      <c r="AG42736">
        <v>68</v>
      </c>
      <c r="AH42736">
        <v>69</v>
      </c>
      <c r="AI42736">
        <v>69</v>
      </c>
      <c r="AJ42736">
        <v>70</v>
      </c>
      <c r="AK42736">
        <v>70</v>
      </c>
      <c r="AL42736">
        <v>71</v>
      </c>
      <c r="AM42736">
        <v>72</v>
      </c>
      <c r="AN42736">
        <v>72</v>
      </c>
      <c r="AO42736">
        <v>73</v>
      </c>
      <c r="AP42736">
        <v>73</v>
      </c>
      <c r="AQ42736">
        <v>74</v>
      </c>
    </row>
    <row r="42737" spans="1:43">
      <c r="A42737" t="s">
        <v>26183</v>
      </c>
      <c r="B42737" t="s">
        <v>26184</v>
      </c>
      <c r="C42737" t="s">
        <v>20039</v>
      </c>
      <c r="D42737" t="s">
        <v>20040</v>
      </c>
      <c r="E42737" t="s">
        <v>19921</v>
      </c>
      <c r="F42737" t="s">
        <v>19922</v>
      </c>
      <c r="G42737" t="s">
        <v>10734</v>
      </c>
      <c r="H42737" t="s">
        <v>10735</v>
      </c>
      <c r="I42737" s="2">
        <v>0</v>
      </c>
      <c r="J42737" s="2">
        <v>0</v>
      </c>
      <c r="K42737" s="2">
        <v>1</v>
      </c>
      <c r="L42737" t="s">
        <v>995</v>
      </c>
      <c r="M42737" t="s">
        <v>83</v>
      </c>
      <c r="N42737" t="s">
        <v>91</v>
      </c>
      <c r="O42737" t="s">
        <v>85</v>
      </c>
      <c r="P42737" t="s">
        <v>86</v>
      </c>
      <c r="Q42737">
        <v>47</v>
      </c>
      <c r="R42737">
        <v>48</v>
      </c>
      <c r="S42737">
        <v>50</v>
      </c>
      <c r="T42737">
        <v>51</v>
      </c>
      <c r="U42737">
        <v>52</v>
      </c>
      <c r="V42737">
        <v>53</v>
      </c>
      <c r="W42737">
        <v>54</v>
      </c>
      <c r="X42737">
        <v>55</v>
      </c>
      <c r="Y42737">
        <v>56</v>
      </c>
      <c r="Z42737">
        <v>58</v>
      </c>
      <c r="AA42737">
        <v>59</v>
      </c>
      <c r="AB42737">
        <v>60</v>
      </c>
      <c r="AC42737">
        <v>61</v>
      </c>
      <c r="AD42737">
        <v>62</v>
      </c>
      <c r="AE42737">
        <v>63</v>
      </c>
      <c r="AF42737">
        <v>65</v>
      </c>
      <c r="AG42737">
        <v>66</v>
      </c>
      <c r="AH42737">
        <v>67</v>
      </c>
      <c r="AI42737">
        <v>68</v>
      </c>
      <c r="AJ42737">
        <v>69</v>
      </c>
      <c r="AK42737">
        <v>71</v>
      </c>
      <c r="AL42737">
        <v>71</v>
      </c>
      <c r="AM42737">
        <v>72</v>
      </c>
      <c r="AN42737">
        <v>72</v>
      </c>
      <c r="AO42737">
        <v>73</v>
      </c>
      <c r="AP42737">
        <v>74</v>
      </c>
      <c r="AQ42737">
        <v>74</v>
      </c>
    </row>
    <row r="42738" spans="1:43">
      <c r="A42738" t="s">
        <v>26185</v>
      </c>
      <c r="B42738" t="s">
        <v>26186</v>
      </c>
      <c r="C42738" t="s">
        <v>19959</v>
      </c>
      <c r="D42738" t="s">
        <v>19960</v>
      </c>
      <c r="E42738" t="s">
        <v>19921</v>
      </c>
      <c r="F42738" t="s">
        <v>19922</v>
      </c>
      <c r="G42738" t="s">
        <v>10734</v>
      </c>
      <c r="H42738" t="s">
        <v>10735</v>
      </c>
      <c r="I42738" s="2">
        <v>0</v>
      </c>
      <c r="J42738" s="2">
        <v>0</v>
      </c>
      <c r="K42738" s="2">
        <v>1</v>
      </c>
      <c r="L42738" t="s">
        <v>995</v>
      </c>
      <c r="M42738" t="s">
        <v>83</v>
      </c>
      <c r="N42738" t="s">
        <v>84</v>
      </c>
      <c r="O42738" t="s">
        <v>85</v>
      </c>
      <c r="P42738" t="s">
        <v>86</v>
      </c>
      <c r="Q42738">
        <v>43</v>
      </c>
      <c r="R42738">
        <v>44</v>
      </c>
      <c r="S42738">
        <v>45</v>
      </c>
      <c r="T42738">
        <v>46</v>
      </c>
      <c r="U42738">
        <v>47</v>
      </c>
      <c r="V42738">
        <v>48</v>
      </c>
      <c r="W42738">
        <v>49</v>
      </c>
      <c r="X42738">
        <v>50</v>
      </c>
      <c r="Y42738">
        <v>51</v>
      </c>
      <c r="Z42738">
        <v>53</v>
      </c>
      <c r="AA42738">
        <v>54</v>
      </c>
      <c r="AB42738">
        <v>55</v>
      </c>
      <c r="AC42738">
        <v>56</v>
      </c>
      <c r="AD42738">
        <v>57</v>
      </c>
      <c r="AE42738">
        <v>58</v>
      </c>
      <c r="AF42738">
        <v>59</v>
      </c>
      <c r="AG42738">
        <v>60</v>
      </c>
      <c r="AH42738">
        <v>61</v>
      </c>
      <c r="AI42738">
        <v>62</v>
      </c>
      <c r="AJ42738">
        <v>63</v>
      </c>
      <c r="AK42738">
        <v>64</v>
      </c>
      <c r="AL42738">
        <v>65</v>
      </c>
      <c r="AM42738">
        <v>66</v>
      </c>
      <c r="AN42738">
        <v>66</v>
      </c>
      <c r="AO42738">
        <v>67</v>
      </c>
      <c r="AP42738">
        <v>67</v>
      </c>
      <c r="AQ42738">
        <v>68</v>
      </c>
    </row>
    <row r="42739" spans="1:43">
      <c r="A42739" t="s">
        <v>26185</v>
      </c>
      <c r="B42739" t="s">
        <v>26186</v>
      </c>
      <c r="C42739" t="s">
        <v>19959</v>
      </c>
      <c r="D42739" t="s">
        <v>19960</v>
      </c>
      <c r="E42739" t="s">
        <v>19921</v>
      </c>
      <c r="F42739" t="s">
        <v>19922</v>
      </c>
      <c r="G42739" t="s">
        <v>10734</v>
      </c>
      <c r="H42739" t="s">
        <v>10735</v>
      </c>
      <c r="I42739" s="2">
        <v>0</v>
      </c>
      <c r="J42739" s="2">
        <v>0</v>
      </c>
      <c r="K42739" s="2">
        <v>1</v>
      </c>
      <c r="L42739" t="s">
        <v>995</v>
      </c>
      <c r="M42739" t="s">
        <v>87</v>
      </c>
      <c r="N42739" t="s">
        <v>88</v>
      </c>
      <c r="O42739" t="s">
        <v>85</v>
      </c>
      <c r="P42739" t="s">
        <v>86</v>
      </c>
      <c r="Q42739">
        <v>43</v>
      </c>
      <c r="R42739">
        <v>43</v>
      </c>
      <c r="S42739">
        <v>44</v>
      </c>
      <c r="T42739">
        <v>45</v>
      </c>
      <c r="U42739">
        <v>45</v>
      </c>
      <c r="V42739">
        <v>46</v>
      </c>
      <c r="W42739">
        <v>46</v>
      </c>
      <c r="X42739">
        <v>47</v>
      </c>
      <c r="Y42739">
        <v>48</v>
      </c>
      <c r="Z42739">
        <v>48</v>
      </c>
      <c r="AA42739">
        <v>49</v>
      </c>
      <c r="AB42739">
        <v>49</v>
      </c>
      <c r="AC42739">
        <v>50</v>
      </c>
      <c r="AD42739">
        <v>51</v>
      </c>
      <c r="AE42739">
        <v>51</v>
      </c>
      <c r="AF42739">
        <v>52</v>
      </c>
      <c r="AG42739">
        <v>53</v>
      </c>
      <c r="AH42739">
        <v>53</v>
      </c>
      <c r="AI42739">
        <v>54</v>
      </c>
      <c r="AJ42739">
        <v>54</v>
      </c>
      <c r="AK42739">
        <v>55</v>
      </c>
      <c r="AL42739">
        <v>56</v>
      </c>
      <c r="AM42739">
        <v>56</v>
      </c>
      <c r="AN42739">
        <v>57</v>
      </c>
      <c r="AO42739">
        <v>57</v>
      </c>
      <c r="AP42739">
        <v>58</v>
      </c>
      <c r="AQ42739">
        <v>59</v>
      </c>
    </row>
    <row r="42740" spans="1:43">
      <c r="A42740" t="s">
        <v>26185</v>
      </c>
      <c r="B42740" t="s">
        <v>26186</v>
      </c>
      <c r="C42740" t="s">
        <v>19959</v>
      </c>
      <c r="D42740" t="s">
        <v>19960</v>
      </c>
      <c r="E42740" t="s">
        <v>19921</v>
      </c>
      <c r="F42740" t="s">
        <v>19922</v>
      </c>
      <c r="G42740" t="s">
        <v>10734</v>
      </c>
      <c r="H42740" t="s">
        <v>10735</v>
      </c>
      <c r="I42740" s="2">
        <v>0</v>
      </c>
      <c r="J42740" s="2">
        <v>0</v>
      </c>
      <c r="K42740" s="2">
        <v>1</v>
      </c>
      <c r="L42740" t="s">
        <v>995</v>
      </c>
      <c r="M42740" t="s">
        <v>89</v>
      </c>
      <c r="N42740" t="s">
        <v>90</v>
      </c>
      <c r="O42740" t="s">
        <v>85</v>
      </c>
      <c r="P42740" t="s">
        <v>86</v>
      </c>
      <c r="Q42740">
        <v>43</v>
      </c>
      <c r="R42740">
        <v>44</v>
      </c>
      <c r="S42740">
        <v>45</v>
      </c>
      <c r="T42740">
        <v>47</v>
      </c>
      <c r="U42740">
        <v>48</v>
      </c>
      <c r="V42740">
        <v>50</v>
      </c>
      <c r="W42740">
        <v>51</v>
      </c>
      <c r="X42740">
        <v>52</v>
      </c>
      <c r="Y42740">
        <v>54</v>
      </c>
      <c r="Z42740">
        <v>55</v>
      </c>
      <c r="AA42740">
        <v>56</v>
      </c>
      <c r="AB42740">
        <v>57</v>
      </c>
      <c r="AC42740">
        <v>59</v>
      </c>
      <c r="AD42740">
        <v>60</v>
      </c>
      <c r="AE42740">
        <v>61</v>
      </c>
      <c r="AF42740">
        <v>62</v>
      </c>
      <c r="AG42740">
        <v>62</v>
      </c>
      <c r="AH42740">
        <v>63</v>
      </c>
      <c r="AI42740">
        <v>63</v>
      </c>
      <c r="AJ42740">
        <v>64</v>
      </c>
      <c r="AK42740">
        <v>64</v>
      </c>
      <c r="AL42740">
        <v>65</v>
      </c>
      <c r="AM42740">
        <v>65</v>
      </c>
      <c r="AN42740">
        <v>66</v>
      </c>
      <c r="AO42740">
        <v>67</v>
      </c>
      <c r="AP42740">
        <v>67</v>
      </c>
      <c r="AQ42740">
        <v>68</v>
      </c>
    </row>
    <row r="42741" spans="1:43">
      <c r="A42741" t="s">
        <v>26185</v>
      </c>
      <c r="B42741" t="s">
        <v>26186</v>
      </c>
      <c r="C42741" t="s">
        <v>19959</v>
      </c>
      <c r="D42741" t="s">
        <v>19960</v>
      </c>
      <c r="E42741" t="s">
        <v>19921</v>
      </c>
      <c r="F42741" t="s">
        <v>19922</v>
      </c>
      <c r="G42741" t="s">
        <v>10734</v>
      </c>
      <c r="H42741" t="s">
        <v>10735</v>
      </c>
      <c r="I42741" s="2">
        <v>0</v>
      </c>
      <c r="J42741" s="2">
        <v>0</v>
      </c>
      <c r="K42741" s="2">
        <v>1</v>
      </c>
      <c r="L42741" t="s">
        <v>995</v>
      </c>
      <c r="M42741" t="s">
        <v>83</v>
      </c>
      <c r="N42741" t="s">
        <v>91</v>
      </c>
      <c r="O42741" t="s">
        <v>85</v>
      </c>
      <c r="P42741" t="s">
        <v>86</v>
      </c>
      <c r="Q42741">
        <v>43</v>
      </c>
      <c r="R42741">
        <v>44</v>
      </c>
      <c r="S42741">
        <v>45</v>
      </c>
      <c r="T42741">
        <v>46</v>
      </c>
      <c r="U42741">
        <v>47</v>
      </c>
      <c r="V42741">
        <v>48</v>
      </c>
      <c r="W42741">
        <v>49</v>
      </c>
      <c r="X42741">
        <v>50</v>
      </c>
      <c r="Y42741">
        <v>51</v>
      </c>
      <c r="Z42741">
        <v>53</v>
      </c>
      <c r="AA42741">
        <v>54</v>
      </c>
      <c r="AB42741">
        <v>55</v>
      </c>
      <c r="AC42741">
        <v>56</v>
      </c>
      <c r="AD42741">
        <v>57</v>
      </c>
      <c r="AE42741">
        <v>58</v>
      </c>
      <c r="AF42741">
        <v>59</v>
      </c>
      <c r="AG42741">
        <v>60</v>
      </c>
      <c r="AH42741">
        <v>61</v>
      </c>
      <c r="AI42741">
        <v>62</v>
      </c>
      <c r="AJ42741">
        <v>63</v>
      </c>
      <c r="AK42741">
        <v>64</v>
      </c>
      <c r="AL42741">
        <v>65</v>
      </c>
      <c r="AM42741">
        <v>66</v>
      </c>
      <c r="AN42741">
        <v>66</v>
      </c>
      <c r="AO42741">
        <v>67</v>
      </c>
      <c r="AP42741">
        <v>67</v>
      </c>
      <c r="AQ42741">
        <v>68</v>
      </c>
    </row>
    <row r="42742" spans="1:43">
      <c r="A42742" t="s">
        <v>26187</v>
      </c>
      <c r="B42742" t="s">
        <v>26188</v>
      </c>
      <c r="C42742" t="s">
        <v>19959</v>
      </c>
      <c r="D42742" t="s">
        <v>19960</v>
      </c>
      <c r="E42742" t="s">
        <v>19921</v>
      </c>
      <c r="F42742" t="s">
        <v>19922</v>
      </c>
      <c r="G42742" t="s">
        <v>10734</v>
      </c>
      <c r="H42742" t="s">
        <v>10735</v>
      </c>
      <c r="I42742" s="2">
        <v>0</v>
      </c>
      <c r="J42742" s="2">
        <v>0</v>
      </c>
      <c r="K42742" s="2">
        <v>1</v>
      </c>
      <c r="L42742" t="s">
        <v>995</v>
      </c>
      <c r="M42742" t="s">
        <v>83</v>
      </c>
      <c r="N42742" t="s">
        <v>84</v>
      </c>
      <c r="O42742" t="s">
        <v>85</v>
      </c>
      <c r="P42742" t="s">
        <v>86</v>
      </c>
      <c r="Q42742">
        <v>38</v>
      </c>
      <c r="R42742">
        <v>39</v>
      </c>
      <c r="S42742">
        <v>40</v>
      </c>
      <c r="T42742">
        <v>41</v>
      </c>
      <c r="U42742">
        <v>42</v>
      </c>
      <c r="V42742">
        <v>42</v>
      </c>
      <c r="W42742">
        <v>43</v>
      </c>
      <c r="X42742">
        <v>44</v>
      </c>
      <c r="Y42742">
        <v>45</v>
      </c>
      <c r="Z42742">
        <v>46</v>
      </c>
      <c r="AA42742">
        <v>47</v>
      </c>
      <c r="AB42742">
        <v>48</v>
      </c>
      <c r="AC42742">
        <v>49</v>
      </c>
      <c r="AD42742">
        <v>50</v>
      </c>
      <c r="AE42742">
        <v>51</v>
      </c>
      <c r="AF42742">
        <v>52</v>
      </c>
      <c r="AG42742">
        <v>53</v>
      </c>
      <c r="AH42742">
        <v>54</v>
      </c>
      <c r="AI42742">
        <v>55</v>
      </c>
      <c r="AJ42742">
        <v>56</v>
      </c>
      <c r="AK42742">
        <v>57</v>
      </c>
      <c r="AL42742">
        <v>57</v>
      </c>
      <c r="AM42742">
        <v>58</v>
      </c>
      <c r="AN42742">
        <v>58</v>
      </c>
      <c r="AO42742">
        <v>59</v>
      </c>
      <c r="AP42742">
        <v>59</v>
      </c>
      <c r="AQ42742">
        <v>60</v>
      </c>
    </row>
    <row r="42743" spans="1:43">
      <c r="A42743" t="s">
        <v>26187</v>
      </c>
      <c r="B42743" t="s">
        <v>26188</v>
      </c>
      <c r="C42743" t="s">
        <v>19959</v>
      </c>
      <c r="D42743" t="s">
        <v>19960</v>
      </c>
      <c r="E42743" t="s">
        <v>19921</v>
      </c>
      <c r="F42743" t="s">
        <v>19922</v>
      </c>
      <c r="G42743" t="s">
        <v>10734</v>
      </c>
      <c r="H42743" t="s">
        <v>10735</v>
      </c>
      <c r="I42743" s="2">
        <v>0</v>
      </c>
      <c r="J42743" s="2">
        <v>0</v>
      </c>
      <c r="K42743" s="2">
        <v>1</v>
      </c>
      <c r="L42743" t="s">
        <v>995</v>
      </c>
      <c r="M42743" t="s">
        <v>87</v>
      </c>
      <c r="N42743" t="s">
        <v>88</v>
      </c>
      <c r="O42743" t="s">
        <v>85</v>
      </c>
      <c r="P42743" t="s">
        <v>86</v>
      </c>
      <c r="Q42743">
        <v>38</v>
      </c>
      <c r="R42743">
        <v>38</v>
      </c>
      <c r="S42743">
        <v>39</v>
      </c>
      <c r="T42743">
        <v>39</v>
      </c>
      <c r="U42743">
        <v>40</v>
      </c>
      <c r="V42743">
        <v>40</v>
      </c>
      <c r="W42743">
        <v>41</v>
      </c>
      <c r="X42743">
        <v>41</v>
      </c>
      <c r="Y42743">
        <v>42</v>
      </c>
      <c r="Z42743">
        <v>42</v>
      </c>
      <c r="AA42743">
        <v>43</v>
      </c>
      <c r="AB42743">
        <v>43</v>
      </c>
      <c r="AC42743">
        <v>44</v>
      </c>
      <c r="AD42743">
        <v>45</v>
      </c>
      <c r="AE42743">
        <v>45</v>
      </c>
      <c r="AF42743">
        <v>46</v>
      </c>
      <c r="AG42743">
        <v>46</v>
      </c>
      <c r="AH42743">
        <v>47</v>
      </c>
      <c r="AI42743">
        <v>47</v>
      </c>
      <c r="AJ42743">
        <v>48</v>
      </c>
      <c r="AK42743">
        <v>48</v>
      </c>
      <c r="AL42743">
        <v>49</v>
      </c>
      <c r="AM42743">
        <v>49</v>
      </c>
      <c r="AN42743">
        <v>50</v>
      </c>
      <c r="AO42743">
        <v>51</v>
      </c>
      <c r="AP42743">
        <v>51</v>
      </c>
      <c r="AQ42743">
        <v>52</v>
      </c>
    </row>
    <row r="42744" spans="1:43">
      <c r="A42744" t="s">
        <v>26187</v>
      </c>
      <c r="B42744" t="s">
        <v>26188</v>
      </c>
      <c r="C42744" t="s">
        <v>19959</v>
      </c>
      <c r="D42744" t="s">
        <v>19960</v>
      </c>
      <c r="E42744" t="s">
        <v>19921</v>
      </c>
      <c r="F42744" t="s">
        <v>19922</v>
      </c>
      <c r="G42744" t="s">
        <v>10734</v>
      </c>
      <c r="H42744" t="s">
        <v>10735</v>
      </c>
      <c r="I42744" s="2">
        <v>0</v>
      </c>
      <c r="J42744" s="2">
        <v>0</v>
      </c>
      <c r="K42744" s="2">
        <v>1</v>
      </c>
      <c r="L42744" t="s">
        <v>995</v>
      </c>
      <c r="M42744" t="s">
        <v>89</v>
      </c>
      <c r="N42744" t="s">
        <v>90</v>
      </c>
      <c r="O42744" t="s">
        <v>85</v>
      </c>
      <c r="P42744" t="s">
        <v>86</v>
      </c>
      <c r="Q42744">
        <v>38</v>
      </c>
      <c r="R42744">
        <v>40</v>
      </c>
      <c r="S42744">
        <v>41</v>
      </c>
      <c r="T42744">
        <v>42</v>
      </c>
      <c r="U42744">
        <v>43</v>
      </c>
      <c r="V42744">
        <v>44</v>
      </c>
      <c r="W42744">
        <v>46</v>
      </c>
      <c r="X42744">
        <v>47</v>
      </c>
      <c r="Y42744">
        <v>48</v>
      </c>
      <c r="Z42744">
        <v>49</v>
      </c>
      <c r="AA42744">
        <v>50</v>
      </c>
      <c r="AB42744">
        <v>51</v>
      </c>
      <c r="AC42744">
        <v>53</v>
      </c>
      <c r="AD42744">
        <v>54</v>
      </c>
      <c r="AE42744">
        <v>55</v>
      </c>
      <c r="AF42744">
        <v>55</v>
      </c>
      <c r="AG42744">
        <v>56</v>
      </c>
      <c r="AH42744">
        <v>56</v>
      </c>
      <c r="AI42744">
        <v>57</v>
      </c>
      <c r="AJ42744">
        <v>57</v>
      </c>
      <c r="AK42744">
        <v>57</v>
      </c>
      <c r="AL42744">
        <v>58</v>
      </c>
      <c r="AM42744">
        <v>58</v>
      </c>
      <c r="AN42744">
        <v>59</v>
      </c>
      <c r="AO42744">
        <v>59</v>
      </c>
      <c r="AP42744">
        <v>60</v>
      </c>
      <c r="AQ42744">
        <v>60</v>
      </c>
    </row>
    <row r="42745" spans="1:43">
      <c r="A42745" t="s">
        <v>26187</v>
      </c>
      <c r="B42745" t="s">
        <v>26188</v>
      </c>
      <c r="C42745" t="s">
        <v>19959</v>
      </c>
      <c r="D42745" t="s">
        <v>19960</v>
      </c>
      <c r="E42745" t="s">
        <v>19921</v>
      </c>
      <c r="F42745" t="s">
        <v>19922</v>
      </c>
      <c r="G42745" t="s">
        <v>10734</v>
      </c>
      <c r="H42745" t="s">
        <v>10735</v>
      </c>
      <c r="I42745" s="2">
        <v>0</v>
      </c>
      <c r="J42745" s="2">
        <v>0</v>
      </c>
      <c r="K42745" s="2">
        <v>1</v>
      </c>
      <c r="L42745" t="s">
        <v>995</v>
      </c>
      <c r="M42745" t="s">
        <v>83</v>
      </c>
      <c r="N42745" t="s">
        <v>91</v>
      </c>
      <c r="O42745" t="s">
        <v>85</v>
      </c>
      <c r="P42745" t="s">
        <v>86</v>
      </c>
      <c r="Q42745">
        <v>38</v>
      </c>
      <c r="R42745">
        <v>39</v>
      </c>
      <c r="S42745">
        <v>40</v>
      </c>
      <c r="T42745">
        <v>41</v>
      </c>
      <c r="U42745">
        <v>42</v>
      </c>
      <c r="V42745">
        <v>42</v>
      </c>
      <c r="W42745">
        <v>43</v>
      </c>
      <c r="X42745">
        <v>44</v>
      </c>
      <c r="Y42745">
        <v>45</v>
      </c>
      <c r="Z42745">
        <v>46</v>
      </c>
      <c r="AA42745">
        <v>47</v>
      </c>
      <c r="AB42745">
        <v>48</v>
      </c>
      <c r="AC42745">
        <v>49</v>
      </c>
      <c r="AD42745">
        <v>50</v>
      </c>
      <c r="AE42745">
        <v>51</v>
      </c>
      <c r="AF42745">
        <v>52</v>
      </c>
      <c r="AG42745">
        <v>53</v>
      </c>
      <c r="AH42745">
        <v>54</v>
      </c>
      <c r="AI42745">
        <v>55</v>
      </c>
      <c r="AJ42745">
        <v>56</v>
      </c>
      <c r="AK42745">
        <v>57</v>
      </c>
      <c r="AL42745">
        <v>57</v>
      </c>
      <c r="AM42745">
        <v>58</v>
      </c>
      <c r="AN42745">
        <v>58</v>
      </c>
      <c r="AO42745">
        <v>59</v>
      </c>
      <c r="AP42745">
        <v>59</v>
      </c>
      <c r="AQ42745">
        <v>60</v>
      </c>
    </row>
    <row r="42746" spans="1:43">
      <c r="A42746" t="s">
        <v>26189</v>
      </c>
      <c r="B42746" t="s">
        <v>26190</v>
      </c>
      <c r="C42746" t="s">
        <v>19975</v>
      </c>
      <c r="D42746" t="s">
        <v>19976</v>
      </c>
      <c r="E42746" t="s">
        <v>19921</v>
      </c>
      <c r="F42746" t="s">
        <v>19922</v>
      </c>
      <c r="G42746" t="s">
        <v>10734</v>
      </c>
      <c r="H42746" t="s">
        <v>10735</v>
      </c>
      <c r="I42746" s="2">
        <v>0</v>
      </c>
      <c r="J42746" s="2">
        <v>0</v>
      </c>
      <c r="K42746" s="2">
        <v>1</v>
      </c>
      <c r="L42746" t="s">
        <v>995</v>
      </c>
      <c r="M42746" t="s">
        <v>83</v>
      </c>
      <c r="N42746" t="s">
        <v>84</v>
      </c>
      <c r="O42746" t="s">
        <v>85</v>
      </c>
      <c r="P42746" t="s">
        <v>86</v>
      </c>
      <c r="Q42746">
        <v>23</v>
      </c>
      <c r="R42746">
        <v>24</v>
      </c>
      <c r="S42746">
        <v>24</v>
      </c>
      <c r="T42746">
        <v>25</v>
      </c>
      <c r="U42746">
        <v>25</v>
      </c>
      <c r="V42746">
        <v>26</v>
      </c>
      <c r="W42746">
        <v>27</v>
      </c>
      <c r="X42746">
        <v>27</v>
      </c>
      <c r="Y42746">
        <v>28</v>
      </c>
      <c r="Z42746">
        <v>28</v>
      </c>
      <c r="AA42746">
        <v>29</v>
      </c>
      <c r="AB42746">
        <v>29</v>
      </c>
      <c r="AC42746">
        <v>30</v>
      </c>
      <c r="AD42746">
        <v>31</v>
      </c>
      <c r="AE42746">
        <v>31</v>
      </c>
      <c r="AF42746">
        <v>32</v>
      </c>
      <c r="AG42746">
        <v>32</v>
      </c>
      <c r="AH42746">
        <v>33</v>
      </c>
      <c r="AI42746">
        <v>34</v>
      </c>
      <c r="AJ42746">
        <v>34</v>
      </c>
      <c r="AK42746">
        <v>35</v>
      </c>
      <c r="AL42746">
        <v>35</v>
      </c>
      <c r="AM42746">
        <v>35</v>
      </c>
      <c r="AN42746">
        <v>36</v>
      </c>
      <c r="AO42746">
        <v>36</v>
      </c>
      <c r="AP42746">
        <v>36</v>
      </c>
      <c r="AQ42746">
        <v>36</v>
      </c>
    </row>
    <row r="42747" spans="1:43">
      <c r="A42747" t="s">
        <v>26189</v>
      </c>
      <c r="B42747" t="s">
        <v>26190</v>
      </c>
      <c r="C42747" t="s">
        <v>19975</v>
      </c>
      <c r="D42747" t="s">
        <v>19976</v>
      </c>
      <c r="E42747" t="s">
        <v>19921</v>
      </c>
      <c r="F42747" t="s">
        <v>19922</v>
      </c>
      <c r="G42747" t="s">
        <v>10734</v>
      </c>
      <c r="H42747" t="s">
        <v>10735</v>
      </c>
      <c r="I42747" s="2">
        <v>0</v>
      </c>
      <c r="J42747" s="2">
        <v>0</v>
      </c>
      <c r="K42747" s="2">
        <v>1</v>
      </c>
      <c r="L42747" t="s">
        <v>995</v>
      </c>
      <c r="M42747" t="s">
        <v>87</v>
      </c>
      <c r="N42747" t="s">
        <v>88</v>
      </c>
      <c r="O42747" t="s">
        <v>85</v>
      </c>
      <c r="P42747" t="s">
        <v>86</v>
      </c>
      <c r="Q42747">
        <v>23</v>
      </c>
      <c r="R42747">
        <v>23</v>
      </c>
      <c r="S42747">
        <v>24</v>
      </c>
      <c r="T42747">
        <v>24</v>
      </c>
      <c r="U42747">
        <v>24</v>
      </c>
      <c r="V42747">
        <v>25</v>
      </c>
      <c r="W42747">
        <v>25</v>
      </c>
      <c r="X42747">
        <v>25</v>
      </c>
      <c r="Y42747">
        <v>26</v>
      </c>
      <c r="Z42747">
        <v>26</v>
      </c>
      <c r="AA42747">
        <v>26</v>
      </c>
      <c r="AB42747">
        <v>27</v>
      </c>
      <c r="AC42747">
        <v>27</v>
      </c>
      <c r="AD42747">
        <v>27</v>
      </c>
      <c r="AE42747">
        <v>28</v>
      </c>
      <c r="AF42747">
        <v>28</v>
      </c>
      <c r="AG42747">
        <v>28</v>
      </c>
      <c r="AH42747">
        <v>29</v>
      </c>
      <c r="AI42747">
        <v>29</v>
      </c>
      <c r="AJ42747">
        <v>29</v>
      </c>
      <c r="AK42747">
        <v>30</v>
      </c>
      <c r="AL42747">
        <v>30</v>
      </c>
      <c r="AM42747">
        <v>30</v>
      </c>
      <c r="AN42747">
        <v>31</v>
      </c>
      <c r="AO42747">
        <v>31</v>
      </c>
      <c r="AP42747">
        <v>31</v>
      </c>
      <c r="AQ42747">
        <v>32</v>
      </c>
    </row>
    <row r="42748" spans="1:43">
      <c r="A42748" t="s">
        <v>26189</v>
      </c>
      <c r="B42748" t="s">
        <v>26190</v>
      </c>
      <c r="C42748" t="s">
        <v>19975</v>
      </c>
      <c r="D42748" t="s">
        <v>19976</v>
      </c>
      <c r="E42748" t="s">
        <v>19921</v>
      </c>
      <c r="F42748" t="s">
        <v>19922</v>
      </c>
      <c r="G42748" t="s">
        <v>10734</v>
      </c>
      <c r="H42748" t="s">
        <v>10735</v>
      </c>
      <c r="I42748" s="2">
        <v>0</v>
      </c>
      <c r="J42748" s="2">
        <v>0</v>
      </c>
      <c r="K42748" s="2">
        <v>1</v>
      </c>
      <c r="L42748" t="s">
        <v>995</v>
      </c>
      <c r="M42748" t="s">
        <v>89</v>
      </c>
      <c r="N42748" t="s">
        <v>90</v>
      </c>
      <c r="O42748" t="s">
        <v>85</v>
      </c>
      <c r="P42748" t="s">
        <v>86</v>
      </c>
      <c r="Q42748">
        <v>23</v>
      </c>
      <c r="R42748">
        <v>24</v>
      </c>
      <c r="S42748">
        <v>25</v>
      </c>
      <c r="T42748">
        <v>26</v>
      </c>
      <c r="U42748">
        <v>26</v>
      </c>
      <c r="V42748">
        <v>27</v>
      </c>
      <c r="W42748">
        <v>28</v>
      </c>
      <c r="X42748">
        <v>29</v>
      </c>
      <c r="Y42748">
        <v>29</v>
      </c>
      <c r="Z42748">
        <v>30</v>
      </c>
      <c r="AA42748">
        <v>31</v>
      </c>
      <c r="AB42748">
        <v>31</v>
      </c>
      <c r="AC42748">
        <v>32</v>
      </c>
      <c r="AD42748">
        <v>33</v>
      </c>
      <c r="AE42748">
        <v>33</v>
      </c>
      <c r="AF42748">
        <v>34</v>
      </c>
      <c r="AG42748">
        <v>34</v>
      </c>
      <c r="AH42748">
        <v>34</v>
      </c>
      <c r="AI42748">
        <v>35</v>
      </c>
      <c r="AJ42748">
        <v>35</v>
      </c>
      <c r="AK42748">
        <v>35</v>
      </c>
      <c r="AL42748">
        <v>35</v>
      </c>
      <c r="AM42748">
        <v>36</v>
      </c>
      <c r="AN42748">
        <v>36</v>
      </c>
      <c r="AO42748">
        <v>36</v>
      </c>
      <c r="AP42748">
        <v>36</v>
      </c>
      <c r="AQ42748">
        <v>37</v>
      </c>
    </row>
    <row r="42749" spans="1:43">
      <c r="A42749" t="s">
        <v>26189</v>
      </c>
      <c r="B42749" t="s">
        <v>26190</v>
      </c>
      <c r="C42749" t="s">
        <v>19975</v>
      </c>
      <c r="D42749" t="s">
        <v>19976</v>
      </c>
      <c r="E42749" t="s">
        <v>19921</v>
      </c>
      <c r="F42749" t="s">
        <v>19922</v>
      </c>
      <c r="G42749" t="s">
        <v>10734</v>
      </c>
      <c r="H42749" t="s">
        <v>10735</v>
      </c>
      <c r="I42749" s="2">
        <v>0</v>
      </c>
      <c r="J42749" s="2">
        <v>0</v>
      </c>
      <c r="K42749" s="2">
        <v>1</v>
      </c>
      <c r="L42749" t="s">
        <v>995</v>
      </c>
      <c r="M42749" t="s">
        <v>83</v>
      </c>
      <c r="N42749" t="s">
        <v>91</v>
      </c>
      <c r="O42749" t="s">
        <v>85</v>
      </c>
      <c r="P42749" t="s">
        <v>86</v>
      </c>
      <c r="Q42749">
        <v>23</v>
      </c>
      <c r="R42749">
        <v>24</v>
      </c>
      <c r="S42749">
        <v>24</v>
      </c>
      <c r="T42749">
        <v>25</v>
      </c>
      <c r="U42749">
        <v>25</v>
      </c>
      <c r="V42749">
        <v>26</v>
      </c>
      <c r="W42749">
        <v>27</v>
      </c>
      <c r="X42749">
        <v>27</v>
      </c>
      <c r="Y42749">
        <v>28</v>
      </c>
      <c r="Z42749">
        <v>28</v>
      </c>
      <c r="AA42749">
        <v>29</v>
      </c>
      <c r="AB42749">
        <v>29</v>
      </c>
      <c r="AC42749">
        <v>30</v>
      </c>
      <c r="AD42749">
        <v>31</v>
      </c>
      <c r="AE42749">
        <v>31</v>
      </c>
      <c r="AF42749">
        <v>32</v>
      </c>
      <c r="AG42749">
        <v>32</v>
      </c>
      <c r="AH42749">
        <v>33</v>
      </c>
      <c r="AI42749">
        <v>34</v>
      </c>
      <c r="AJ42749">
        <v>34</v>
      </c>
      <c r="AK42749">
        <v>35</v>
      </c>
      <c r="AL42749">
        <v>35</v>
      </c>
      <c r="AM42749">
        <v>35</v>
      </c>
      <c r="AN42749">
        <v>36</v>
      </c>
      <c r="AO42749">
        <v>36</v>
      </c>
      <c r="AP42749">
        <v>36</v>
      </c>
      <c r="AQ42749">
        <v>36</v>
      </c>
    </row>
    <row r="42750" spans="1:43">
      <c r="A42750" t="s">
        <v>26191</v>
      </c>
      <c r="B42750" t="s">
        <v>26192</v>
      </c>
      <c r="C42750" t="s">
        <v>19975</v>
      </c>
      <c r="D42750" t="s">
        <v>19976</v>
      </c>
      <c r="E42750" t="s">
        <v>19921</v>
      </c>
      <c r="F42750" t="s">
        <v>19922</v>
      </c>
      <c r="G42750" t="s">
        <v>10734</v>
      </c>
      <c r="H42750" t="s">
        <v>10735</v>
      </c>
      <c r="I42750" s="2">
        <v>0</v>
      </c>
      <c r="J42750" s="2">
        <v>0</v>
      </c>
      <c r="K42750" s="2">
        <v>1</v>
      </c>
      <c r="L42750" t="s">
        <v>995</v>
      </c>
      <c r="M42750" t="s">
        <v>83</v>
      </c>
      <c r="N42750" t="s">
        <v>84</v>
      </c>
      <c r="O42750" t="s">
        <v>85</v>
      </c>
      <c r="P42750" t="s">
        <v>86</v>
      </c>
      <c r="Q42750">
        <v>15</v>
      </c>
      <c r="R42750">
        <v>15</v>
      </c>
      <c r="S42750">
        <v>16</v>
      </c>
      <c r="T42750">
        <v>16</v>
      </c>
      <c r="U42750">
        <v>16</v>
      </c>
      <c r="V42750">
        <v>17</v>
      </c>
      <c r="W42750">
        <v>17</v>
      </c>
      <c r="X42750">
        <v>17</v>
      </c>
      <c r="Y42750">
        <v>18</v>
      </c>
      <c r="Z42750">
        <v>18</v>
      </c>
      <c r="AA42750">
        <v>19</v>
      </c>
      <c r="AB42750">
        <v>19</v>
      </c>
      <c r="AC42750">
        <v>19</v>
      </c>
      <c r="AD42750">
        <v>20</v>
      </c>
      <c r="AE42750">
        <v>20</v>
      </c>
      <c r="AF42750">
        <v>20</v>
      </c>
      <c r="AG42750">
        <v>21</v>
      </c>
      <c r="AH42750">
        <v>21</v>
      </c>
      <c r="AI42750">
        <v>22</v>
      </c>
      <c r="AJ42750">
        <v>22</v>
      </c>
      <c r="AK42750">
        <v>22</v>
      </c>
      <c r="AL42750">
        <v>23</v>
      </c>
      <c r="AM42750">
        <v>23</v>
      </c>
      <c r="AN42750">
        <v>23</v>
      </c>
      <c r="AO42750">
        <v>23</v>
      </c>
      <c r="AP42750">
        <v>23</v>
      </c>
      <c r="AQ42750">
        <v>23</v>
      </c>
    </row>
    <row r="42751" spans="1:43">
      <c r="A42751" t="s">
        <v>26191</v>
      </c>
      <c r="B42751" t="s">
        <v>26192</v>
      </c>
      <c r="C42751" t="s">
        <v>19975</v>
      </c>
      <c r="D42751" t="s">
        <v>19976</v>
      </c>
      <c r="E42751" t="s">
        <v>19921</v>
      </c>
      <c r="F42751" t="s">
        <v>19922</v>
      </c>
      <c r="G42751" t="s">
        <v>10734</v>
      </c>
      <c r="H42751" t="s">
        <v>10735</v>
      </c>
      <c r="I42751" s="2">
        <v>0</v>
      </c>
      <c r="J42751" s="2">
        <v>0</v>
      </c>
      <c r="K42751" s="2">
        <v>1</v>
      </c>
      <c r="L42751" t="s">
        <v>995</v>
      </c>
      <c r="M42751" t="s">
        <v>87</v>
      </c>
      <c r="N42751" t="s">
        <v>88</v>
      </c>
      <c r="O42751" t="s">
        <v>85</v>
      </c>
      <c r="P42751" t="s">
        <v>86</v>
      </c>
      <c r="Q42751">
        <v>15</v>
      </c>
      <c r="R42751">
        <v>15</v>
      </c>
      <c r="S42751">
        <v>15</v>
      </c>
      <c r="T42751">
        <v>15</v>
      </c>
      <c r="U42751">
        <v>16</v>
      </c>
      <c r="V42751">
        <v>16</v>
      </c>
      <c r="W42751">
        <v>16</v>
      </c>
      <c r="X42751">
        <v>16</v>
      </c>
      <c r="Y42751">
        <v>17</v>
      </c>
      <c r="Z42751">
        <v>17</v>
      </c>
      <c r="AA42751">
        <v>17</v>
      </c>
      <c r="AB42751">
        <v>17</v>
      </c>
      <c r="AC42751">
        <v>17</v>
      </c>
      <c r="AD42751">
        <v>18</v>
      </c>
      <c r="AE42751">
        <v>18</v>
      </c>
      <c r="AF42751">
        <v>18</v>
      </c>
      <c r="AG42751">
        <v>18</v>
      </c>
      <c r="AH42751">
        <v>18</v>
      </c>
      <c r="AI42751">
        <v>19</v>
      </c>
      <c r="AJ42751">
        <v>19</v>
      </c>
      <c r="AK42751">
        <v>19</v>
      </c>
      <c r="AL42751">
        <v>19</v>
      </c>
      <c r="AM42751">
        <v>19</v>
      </c>
      <c r="AN42751">
        <v>20</v>
      </c>
      <c r="AO42751">
        <v>20</v>
      </c>
      <c r="AP42751">
        <v>20</v>
      </c>
      <c r="AQ42751">
        <v>20</v>
      </c>
    </row>
    <row r="42752" spans="1:43">
      <c r="A42752" t="s">
        <v>26191</v>
      </c>
      <c r="B42752" t="s">
        <v>26192</v>
      </c>
      <c r="C42752" t="s">
        <v>19975</v>
      </c>
      <c r="D42752" t="s">
        <v>19976</v>
      </c>
      <c r="E42752" t="s">
        <v>19921</v>
      </c>
      <c r="F42752" t="s">
        <v>19922</v>
      </c>
      <c r="G42752" t="s">
        <v>10734</v>
      </c>
      <c r="H42752" t="s">
        <v>10735</v>
      </c>
      <c r="I42752" s="2">
        <v>0</v>
      </c>
      <c r="J42752" s="2">
        <v>0</v>
      </c>
      <c r="K42752" s="2">
        <v>1</v>
      </c>
      <c r="L42752" t="s">
        <v>995</v>
      </c>
      <c r="M42752" t="s">
        <v>89</v>
      </c>
      <c r="N42752" t="s">
        <v>90</v>
      </c>
      <c r="O42752" t="s">
        <v>85</v>
      </c>
      <c r="P42752" t="s">
        <v>86</v>
      </c>
      <c r="Q42752">
        <v>15</v>
      </c>
      <c r="R42752">
        <v>16</v>
      </c>
      <c r="S42752">
        <v>16</v>
      </c>
      <c r="T42752">
        <v>17</v>
      </c>
      <c r="U42752">
        <v>17</v>
      </c>
      <c r="V42752">
        <v>18</v>
      </c>
      <c r="W42752">
        <v>18</v>
      </c>
      <c r="X42752">
        <v>18</v>
      </c>
      <c r="Y42752">
        <v>19</v>
      </c>
      <c r="Z42752">
        <v>19</v>
      </c>
      <c r="AA42752">
        <v>20</v>
      </c>
      <c r="AB42752">
        <v>20</v>
      </c>
      <c r="AC42752">
        <v>21</v>
      </c>
      <c r="AD42752">
        <v>21</v>
      </c>
      <c r="AE42752">
        <v>22</v>
      </c>
      <c r="AF42752">
        <v>22</v>
      </c>
      <c r="AG42752">
        <v>22</v>
      </c>
      <c r="AH42752">
        <v>22</v>
      </c>
      <c r="AI42752">
        <v>22</v>
      </c>
      <c r="AJ42752">
        <v>22</v>
      </c>
      <c r="AK42752">
        <v>23</v>
      </c>
      <c r="AL42752">
        <v>23</v>
      </c>
      <c r="AM42752">
        <v>23</v>
      </c>
      <c r="AN42752">
        <v>23</v>
      </c>
      <c r="AO42752">
        <v>23</v>
      </c>
      <c r="AP42752">
        <v>23</v>
      </c>
      <c r="AQ42752">
        <v>24</v>
      </c>
    </row>
    <row r="42753" spans="1:43">
      <c r="A42753" t="s">
        <v>26191</v>
      </c>
      <c r="B42753" t="s">
        <v>26192</v>
      </c>
      <c r="C42753" t="s">
        <v>19975</v>
      </c>
      <c r="D42753" t="s">
        <v>19976</v>
      </c>
      <c r="E42753" t="s">
        <v>19921</v>
      </c>
      <c r="F42753" t="s">
        <v>19922</v>
      </c>
      <c r="G42753" t="s">
        <v>10734</v>
      </c>
      <c r="H42753" t="s">
        <v>10735</v>
      </c>
      <c r="I42753" s="2">
        <v>0</v>
      </c>
      <c r="J42753" s="2">
        <v>0</v>
      </c>
      <c r="K42753" s="2">
        <v>1</v>
      </c>
      <c r="L42753" t="s">
        <v>995</v>
      </c>
      <c r="M42753" t="s">
        <v>83</v>
      </c>
      <c r="N42753" t="s">
        <v>91</v>
      </c>
      <c r="O42753" t="s">
        <v>85</v>
      </c>
      <c r="P42753" t="s">
        <v>86</v>
      </c>
      <c r="Q42753">
        <v>15</v>
      </c>
      <c r="R42753">
        <v>15</v>
      </c>
      <c r="S42753">
        <v>16</v>
      </c>
      <c r="T42753">
        <v>16</v>
      </c>
      <c r="U42753">
        <v>16</v>
      </c>
      <c r="V42753">
        <v>17</v>
      </c>
      <c r="W42753">
        <v>17</v>
      </c>
      <c r="X42753">
        <v>17</v>
      </c>
      <c r="Y42753">
        <v>18</v>
      </c>
      <c r="Z42753">
        <v>18</v>
      </c>
      <c r="AA42753">
        <v>19</v>
      </c>
      <c r="AB42753">
        <v>19</v>
      </c>
      <c r="AC42753">
        <v>19</v>
      </c>
      <c r="AD42753">
        <v>20</v>
      </c>
      <c r="AE42753">
        <v>20</v>
      </c>
      <c r="AF42753">
        <v>20</v>
      </c>
      <c r="AG42753">
        <v>21</v>
      </c>
      <c r="AH42753">
        <v>21</v>
      </c>
      <c r="AI42753">
        <v>22</v>
      </c>
      <c r="AJ42753">
        <v>22</v>
      </c>
      <c r="AK42753">
        <v>22</v>
      </c>
      <c r="AL42753">
        <v>23</v>
      </c>
      <c r="AM42753">
        <v>23</v>
      </c>
      <c r="AN42753">
        <v>23</v>
      </c>
      <c r="AO42753">
        <v>23</v>
      </c>
      <c r="AP42753">
        <v>23</v>
      </c>
      <c r="AQ42753">
        <v>23</v>
      </c>
    </row>
    <row r="42754" spans="1:43">
      <c r="A42754" t="s">
        <v>26193</v>
      </c>
      <c r="B42754" t="s">
        <v>26194</v>
      </c>
      <c r="C42754" t="s">
        <v>20115</v>
      </c>
      <c r="D42754" t="s">
        <v>20116</v>
      </c>
      <c r="E42754" t="s">
        <v>20071</v>
      </c>
      <c r="F42754" t="s">
        <v>20072</v>
      </c>
      <c r="G42754" t="s">
        <v>10734</v>
      </c>
      <c r="H42754" t="s">
        <v>10735</v>
      </c>
      <c r="I42754" s="2">
        <v>0</v>
      </c>
      <c r="J42754" s="2">
        <v>0</v>
      </c>
      <c r="K42754" s="2">
        <v>1</v>
      </c>
      <c r="L42754" t="s">
        <v>995</v>
      </c>
      <c r="M42754" t="s">
        <v>83</v>
      </c>
      <c r="N42754" t="s">
        <v>84</v>
      </c>
      <c r="O42754" t="s">
        <v>85</v>
      </c>
      <c r="P42754" t="s">
        <v>86</v>
      </c>
      <c r="Q42754">
        <v>104</v>
      </c>
      <c r="R42754">
        <v>105</v>
      </c>
      <c r="S42754">
        <v>106</v>
      </c>
      <c r="T42754">
        <v>107</v>
      </c>
      <c r="U42754">
        <v>109</v>
      </c>
      <c r="V42754">
        <v>110</v>
      </c>
      <c r="W42754">
        <v>111</v>
      </c>
      <c r="X42754">
        <v>112</v>
      </c>
      <c r="Y42754">
        <v>113</v>
      </c>
      <c r="Z42754">
        <v>114</v>
      </c>
      <c r="AA42754">
        <v>115</v>
      </c>
      <c r="AB42754">
        <v>116</v>
      </c>
      <c r="AC42754">
        <v>117</v>
      </c>
      <c r="AD42754">
        <v>118</v>
      </c>
      <c r="AE42754">
        <v>119</v>
      </c>
      <c r="AF42754">
        <v>120</v>
      </c>
      <c r="AG42754">
        <v>121</v>
      </c>
      <c r="AH42754">
        <v>122</v>
      </c>
      <c r="AI42754">
        <v>123</v>
      </c>
      <c r="AJ42754">
        <v>124</v>
      </c>
      <c r="AK42754">
        <v>125</v>
      </c>
      <c r="AL42754">
        <v>125</v>
      </c>
      <c r="AM42754">
        <v>125</v>
      </c>
      <c r="AN42754">
        <v>124</v>
      </c>
      <c r="AO42754">
        <v>124</v>
      </c>
      <c r="AP42754">
        <v>124</v>
      </c>
      <c r="AQ42754">
        <v>124</v>
      </c>
    </row>
    <row r="42755" spans="1:43">
      <c r="A42755" t="s">
        <v>26193</v>
      </c>
      <c r="B42755" t="s">
        <v>26194</v>
      </c>
      <c r="C42755" t="s">
        <v>20115</v>
      </c>
      <c r="D42755" t="s">
        <v>20116</v>
      </c>
      <c r="E42755" t="s">
        <v>20071</v>
      </c>
      <c r="F42755" t="s">
        <v>20072</v>
      </c>
      <c r="G42755" t="s">
        <v>10734</v>
      </c>
      <c r="H42755" t="s">
        <v>10735</v>
      </c>
      <c r="I42755" s="2">
        <v>0</v>
      </c>
      <c r="J42755" s="2">
        <v>0</v>
      </c>
      <c r="K42755" s="2">
        <v>1</v>
      </c>
      <c r="L42755" t="s">
        <v>995</v>
      </c>
      <c r="M42755" t="s">
        <v>87</v>
      </c>
      <c r="N42755" t="s">
        <v>88</v>
      </c>
      <c r="O42755" t="s">
        <v>85</v>
      </c>
      <c r="P42755" t="s">
        <v>86</v>
      </c>
      <c r="Q42755">
        <v>104</v>
      </c>
      <c r="R42755">
        <v>104</v>
      </c>
      <c r="S42755">
        <v>104</v>
      </c>
      <c r="T42755">
        <v>105</v>
      </c>
      <c r="U42755">
        <v>105</v>
      </c>
      <c r="V42755">
        <v>105</v>
      </c>
      <c r="W42755">
        <v>105</v>
      </c>
      <c r="X42755">
        <v>105</v>
      </c>
      <c r="Y42755">
        <v>106</v>
      </c>
      <c r="Z42755">
        <v>106</v>
      </c>
      <c r="AA42755">
        <v>106</v>
      </c>
      <c r="AB42755">
        <v>106</v>
      </c>
      <c r="AC42755">
        <v>106</v>
      </c>
      <c r="AD42755">
        <v>107</v>
      </c>
      <c r="AE42755">
        <v>107</v>
      </c>
      <c r="AF42755">
        <v>107</v>
      </c>
      <c r="AG42755">
        <v>107</v>
      </c>
      <c r="AH42755">
        <v>107</v>
      </c>
      <c r="AI42755">
        <v>107</v>
      </c>
      <c r="AJ42755">
        <v>107</v>
      </c>
      <c r="AK42755">
        <v>107</v>
      </c>
      <c r="AL42755">
        <v>108</v>
      </c>
      <c r="AM42755">
        <v>108</v>
      </c>
      <c r="AN42755">
        <v>108</v>
      </c>
      <c r="AO42755">
        <v>108</v>
      </c>
      <c r="AP42755">
        <v>108</v>
      </c>
      <c r="AQ42755">
        <v>108</v>
      </c>
    </row>
    <row r="42756" spans="1:43">
      <c r="A42756" t="s">
        <v>26193</v>
      </c>
      <c r="B42756" t="s">
        <v>26194</v>
      </c>
      <c r="C42756" t="s">
        <v>20115</v>
      </c>
      <c r="D42756" t="s">
        <v>20116</v>
      </c>
      <c r="E42756" t="s">
        <v>20071</v>
      </c>
      <c r="F42756" t="s">
        <v>20072</v>
      </c>
      <c r="G42756" t="s">
        <v>10734</v>
      </c>
      <c r="H42756" t="s">
        <v>10735</v>
      </c>
      <c r="I42756" s="2">
        <v>0</v>
      </c>
      <c r="J42756" s="2">
        <v>0</v>
      </c>
      <c r="K42756" s="2">
        <v>1</v>
      </c>
      <c r="L42756" t="s">
        <v>995</v>
      </c>
      <c r="M42756" t="s">
        <v>89</v>
      </c>
      <c r="N42756" t="s">
        <v>90</v>
      </c>
      <c r="O42756" t="s">
        <v>85</v>
      </c>
      <c r="P42756" t="s">
        <v>86</v>
      </c>
      <c r="Q42756">
        <v>104</v>
      </c>
      <c r="R42756">
        <v>106</v>
      </c>
      <c r="S42756">
        <v>108</v>
      </c>
      <c r="T42756">
        <v>110</v>
      </c>
      <c r="U42756">
        <v>112</v>
      </c>
      <c r="V42756">
        <v>114</v>
      </c>
      <c r="W42756">
        <v>116</v>
      </c>
      <c r="X42756">
        <v>117</v>
      </c>
      <c r="Y42756">
        <v>119</v>
      </c>
      <c r="Z42756">
        <v>120</v>
      </c>
      <c r="AA42756">
        <v>122</v>
      </c>
      <c r="AB42756">
        <v>123</v>
      </c>
      <c r="AC42756">
        <v>125</v>
      </c>
      <c r="AD42756">
        <v>126</v>
      </c>
      <c r="AE42756">
        <v>127</v>
      </c>
      <c r="AF42756">
        <v>127</v>
      </c>
      <c r="AG42756">
        <v>127</v>
      </c>
      <c r="AH42756">
        <v>126</v>
      </c>
      <c r="AI42756">
        <v>126</v>
      </c>
      <c r="AJ42756">
        <v>126</v>
      </c>
      <c r="AK42756">
        <v>126</v>
      </c>
      <c r="AL42756">
        <v>125</v>
      </c>
      <c r="AM42756">
        <v>125</v>
      </c>
      <c r="AN42756">
        <v>125</v>
      </c>
      <c r="AO42756">
        <v>125</v>
      </c>
      <c r="AP42756">
        <v>124</v>
      </c>
      <c r="AQ42756">
        <v>124</v>
      </c>
    </row>
    <row r="42757" spans="1:43">
      <c r="A42757" t="s">
        <v>26193</v>
      </c>
      <c r="B42757" t="s">
        <v>26194</v>
      </c>
      <c r="C42757" t="s">
        <v>20115</v>
      </c>
      <c r="D42757" t="s">
        <v>20116</v>
      </c>
      <c r="E42757" t="s">
        <v>20071</v>
      </c>
      <c r="F42757" t="s">
        <v>20072</v>
      </c>
      <c r="G42757" t="s">
        <v>10734</v>
      </c>
      <c r="H42757" t="s">
        <v>10735</v>
      </c>
      <c r="I42757" s="2">
        <v>0</v>
      </c>
      <c r="J42757" s="2">
        <v>0</v>
      </c>
      <c r="K42757" s="2">
        <v>1</v>
      </c>
      <c r="L42757" t="s">
        <v>995</v>
      </c>
      <c r="M42757" t="s">
        <v>83</v>
      </c>
      <c r="N42757" t="s">
        <v>91</v>
      </c>
      <c r="O42757" t="s">
        <v>85</v>
      </c>
      <c r="P42757" t="s">
        <v>86</v>
      </c>
      <c r="Q42757">
        <v>104</v>
      </c>
      <c r="R42757">
        <v>105</v>
      </c>
      <c r="S42757">
        <v>106</v>
      </c>
      <c r="T42757">
        <v>107</v>
      </c>
      <c r="U42757">
        <v>109</v>
      </c>
      <c r="V42757">
        <v>110</v>
      </c>
      <c r="W42757">
        <v>111</v>
      </c>
      <c r="X42757">
        <v>112</v>
      </c>
      <c r="Y42757">
        <v>113</v>
      </c>
      <c r="Z42757">
        <v>114</v>
      </c>
      <c r="AA42757">
        <v>115</v>
      </c>
      <c r="AB42757">
        <v>116</v>
      </c>
      <c r="AC42757">
        <v>117</v>
      </c>
      <c r="AD42757">
        <v>118</v>
      </c>
      <c r="AE42757">
        <v>119</v>
      </c>
      <c r="AF42757">
        <v>120</v>
      </c>
      <c r="AG42757">
        <v>121</v>
      </c>
      <c r="AH42757">
        <v>122</v>
      </c>
      <c r="AI42757">
        <v>123</v>
      </c>
      <c r="AJ42757">
        <v>124</v>
      </c>
      <c r="AK42757">
        <v>125</v>
      </c>
      <c r="AL42757">
        <v>125</v>
      </c>
      <c r="AM42757">
        <v>125</v>
      </c>
      <c r="AN42757">
        <v>124</v>
      </c>
      <c r="AO42757">
        <v>124</v>
      </c>
      <c r="AP42757">
        <v>124</v>
      </c>
      <c r="AQ42757">
        <v>124</v>
      </c>
    </row>
    <row r="42758" spans="1:43">
      <c r="A42758" t="s">
        <v>26195</v>
      </c>
      <c r="B42758" t="s">
        <v>26196</v>
      </c>
      <c r="C42758" t="s">
        <v>20115</v>
      </c>
      <c r="D42758" t="s">
        <v>20116</v>
      </c>
      <c r="E42758" t="s">
        <v>20071</v>
      </c>
      <c r="F42758" t="s">
        <v>20072</v>
      </c>
      <c r="G42758" t="s">
        <v>10734</v>
      </c>
      <c r="H42758" t="s">
        <v>10735</v>
      </c>
      <c r="I42758" s="2">
        <v>0</v>
      </c>
      <c r="J42758" s="2">
        <v>0</v>
      </c>
      <c r="K42758" s="2">
        <v>1</v>
      </c>
      <c r="L42758" t="s">
        <v>995</v>
      </c>
      <c r="M42758" t="s">
        <v>83</v>
      </c>
      <c r="N42758" t="s">
        <v>84</v>
      </c>
      <c r="O42758" t="s">
        <v>85</v>
      </c>
      <c r="P42758" t="s">
        <v>86</v>
      </c>
      <c r="Q42758">
        <v>142</v>
      </c>
      <c r="R42758">
        <v>144</v>
      </c>
      <c r="S42758">
        <v>146</v>
      </c>
      <c r="T42758">
        <v>147</v>
      </c>
      <c r="U42758">
        <v>149</v>
      </c>
      <c r="V42758">
        <v>151</v>
      </c>
      <c r="W42758">
        <v>152</v>
      </c>
      <c r="X42758">
        <v>154</v>
      </c>
      <c r="Y42758">
        <v>155</v>
      </c>
      <c r="Z42758">
        <v>157</v>
      </c>
      <c r="AA42758">
        <v>158</v>
      </c>
      <c r="AB42758">
        <v>160</v>
      </c>
      <c r="AC42758">
        <v>161</v>
      </c>
      <c r="AD42758">
        <v>162</v>
      </c>
      <c r="AE42758">
        <v>164</v>
      </c>
      <c r="AF42758">
        <v>165</v>
      </c>
      <c r="AG42758">
        <v>166</v>
      </c>
      <c r="AH42758">
        <v>167</v>
      </c>
      <c r="AI42758">
        <v>169</v>
      </c>
      <c r="AJ42758">
        <v>170</v>
      </c>
      <c r="AK42758">
        <v>171</v>
      </c>
      <c r="AL42758">
        <v>171</v>
      </c>
      <c r="AM42758">
        <v>171</v>
      </c>
      <c r="AN42758">
        <v>170</v>
      </c>
      <c r="AO42758">
        <v>170</v>
      </c>
      <c r="AP42758">
        <v>170</v>
      </c>
      <c r="AQ42758">
        <v>169</v>
      </c>
    </row>
    <row r="42759" spans="1:43">
      <c r="A42759" t="s">
        <v>26195</v>
      </c>
      <c r="B42759" t="s">
        <v>26196</v>
      </c>
      <c r="C42759" t="s">
        <v>20115</v>
      </c>
      <c r="D42759" t="s">
        <v>20116</v>
      </c>
      <c r="E42759" t="s">
        <v>20071</v>
      </c>
      <c r="F42759" t="s">
        <v>20072</v>
      </c>
      <c r="G42759" t="s">
        <v>10734</v>
      </c>
      <c r="H42759" t="s">
        <v>10735</v>
      </c>
      <c r="I42759" s="2">
        <v>0</v>
      </c>
      <c r="J42759" s="2">
        <v>0</v>
      </c>
      <c r="K42759" s="2">
        <v>1</v>
      </c>
      <c r="L42759" t="s">
        <v>995</v>
      </c>
      <c r="M42759" t="s">
        <v>87</v>
      </c>
      <c r="N42759" t="s">
        <v>88</v>
      </c>
      <c r="O42759" t="s">
        <v>85</v>
      </c>
      <c r="P42759" t="s">
        <v>86</v>
      </c>
      <c r="Q42759">
        <v>142</v>
      </c>
      <c r="R42759">
        <v>142</v>
      </c>
      <c r="S42759">
        <v>143</v>
      </c>
      <c r="T42759">
        <v>143</v>
      </c>
      <c r="U42759">
        <v>143</v>
      </c>
      <c r="V42759">
        <v>144</v>
      </c>
      <c r="W42759">
        <v>144</v>
      </c>
      <c r="X42759">
        <v>144</v>
      </c>
      <c r="Y42759">
        <v>145</v>
      </c>
      <c r="Z42759">
        <v>145</v>
      </c>
      <c r="AA42759">
        <v>145</v>
      </c>
      <c r="AB42759">
        <v>145</v>
      </c>
      <c r="AC42759">
        <v>146</v>
      </c>
      <c r="AD42759">
        <v>146</v>
      </c>
      <c r="AE42759">
        <v>146</v>
      </c>
      <c r="AF42759">
        <v>146</v>
      </c>
      <c r="AG42759">
        <v>146</v>
      </c>
      <c r="AH42759">
        <v>147</v>
      </c>
      <c r="AI42759">
        <v>147</v>
      </c>
      <c r="AJ42759">
        <v>147</v>
      </c>
      <c r="AK42759">
        <v>147</v>
      </c>
      <c r="AL42759">
        <v>147</v>
      </c>
      <c r="AM42759">
        <v>147</v>
      </c>
      <c r="AN42759">
        <v>147</v>
      </c>
      <c r="AO42759">
        <v>147</v>
      </c>
      <c r="AP42759">
        <v>148</v>
      </c>
      <c r="AQ42759">
        <v>148</v>
      </c>
    </row>
    <row r="42760" spans="1:43">
      <c r="A42760" t="s">
        <v>26195</v>
      </c>
      <c r="B42760" t="s">
        <v>26196</v>
      </c>
      <c r="C42760" t="s">
        <v>20115</v>
      </c>
      <c r="D42760" t="s">
        <v>20116</v>
      </c>
      <c r="E42760" t="s">
        <v>20071</v>
      </c>
      <c r="F42760" t="s">
        <v>20072</v>
      </c>
      <c r="G42760" t="s">
        <v>10734</v>
      </c>
      <c r="H42760" t="s">
        <v>10735</v>
      </c>
      <c r="I42760" s="2">
        <v>0</v>
      </c>
      <c r="J42760" s="2">
        <v>0</v>
      </c>
      <c r="K42760" s="2">
        <v>1</v>
      </c>
      <c r="L42760" t="s">
        <v>995</v>
      </c>
      <c r="M42760" t="s">
        <v>89</v>
      </c>
      <c r="N42760" t="s">
        <v>90</v>
      </c>
      <c r="O42760" t="s">
        <v>85</v>
      </c>
      <c r="P42760" t="s">
        <v>86</v>
      </c>
      <c r="Q42760">
        <v>142</v>
      </c>
      <c r="R42760">
        <v>145</v>
      </c>
      <c r="S42760">
        <v>147</v>
      </c>
      <c r="T42760">
        <v>150</v>
      </c>
      <c r="U42760">
        <v>153</v>
      </c>
      <c r="V42760">
        <v>155</v>
      </c>
      <c r="W42760">
        <v>158</v>
      </c>
      <c r="X42760">
        <v>160</v>
      </c>
      <c r="Y42760">
        <v>162</v>
      </c>
      <c r="Z42760">
        <v>165</v>
      </c>
      <c r="AA42760">
        <v>167</v>
      </c>
      <c r="AB42760">
        <v>168</v>
      </c>
      <c r="AC42760">
        <v>171</v>
      </c>
      <c r="AD42760">
        <v>172</v>
      </c>
      <c r="AE42760">
        <v>173</v>
      </c>
      <c r="AF42760">
        <v>173</v>
      </c>
      <c r="AG42760">
        <v>173</v>
      </c>
      <c r="AH42760">
        <v>173</v>
      </c>
      <c r="AI42760">
        <v>172</v>
      </c>
      <c r="AJ42760">
        <v>172</v>
      </c>
      <c r="AK42760">
        <v>172</v>
      </c>
      <c r="AL42760">
        <v>171</v>
      </c>
      <c r="AM42760">
        <v>171</v>
      </c>
      <c r="AN42760">
        <v>171</v>
      </c>
      <c r="AO42760">
        <v>170</v>
      </c>
      <c r="AP42760">
        <v>170</v>
      </c>
      <c r="AQ42760">
        <v>170</v>
      </c>
    </row>
    <row r="42761" spans="1:43">
      <c r="A42761" t="s">
        <v>26195</v>
      </c>
      <c r="B42761" t="s">
        <v>26196</v>
      </c>
      <c r="C42761" t="s">
        <v>20115</v>
      </c>
      <c r="D42761" t="s">
        <v>20116</v>
      </c>
      <c r="E42761" t="s">
        <v>20071</v>
      </c>
      <c r="F42761" t="s">
        <v>20072</v>
      </c>
      <c r="G42761" t="s">
        <v>10734</v>
      </c>
      <c r="H42761" t="s">
        <v>10735</v>
      </c>
      <c r="I42761" s="2">
        <v>0</v>
      </c>
      <c r="J42761" s="2">
        <v>0</v>
      </c>
      <c r="K42761" s="2">
        <v>1</v>
      </c>
      <c r="L42761" t="s">
        <v>995</v>
      </c>
      <c r="M42761" t="s">
        <v>83</v>
      </c>
      <c r="N42761" t="s">
        <v>91</v>
      </c>
      <c r="O42761" t="s">
        <v>85</v>
      </c>
      <c r="P42761" t="s">
        <v>86</v>
      </c>
      <c r="Q42761">
        <v>142</v>
      </c>
      <c r="R42761">
        <v>144</v>
      </c>
      <c r="S42761">
        <v>146</v>
      </c>
      <c r="T42761">
        <v>147</v>
      </c>
      <c r="U42761">
        <v>149</v>
      </c>
      <c r="V42761">
        <v>151</v>
      </c>
      <c r="W42761">
        <v>152</v>
      </c>
      <c r="X42761">
        <v>154</v>
      </c>
      <c r="Y42761">
        <v>155</v>
      </c>
      <c r="Z42761">
        <v>157</v>
      </c>
      <c r="AA42761">
        <v>158</v>
      </c>
      <c r="AB42761">
        <v>160</v>
      </c>
      <c r="AC42761">
        <v>161</v>
      </c>
      <c r="AD42761">
        <v>162</v>
      </c>
      <c r="AE42761">
        <v>164</v>
      </c>
      <c r="AF42761">
        <v>165</v>
      </c>
      <c r="AG42761">
        <v>166</v>
      </c>
      <c r="AH42761">
        <v>167</v>
      </c>
      <c r="AI42761">
        <v>169</v>
      </c>
      <c r="AJ42761">
        <v>170</v>
      </c>
      <c r="AK42761">
        <v>171</v>
      </c>
      <c r="AL42761">
        <v>171</v>
      </c>
      <c r="AM42761">
        <v>171</v>
      </c>
      <c r="AN42761">
        <v>170</v>
      </c>
      <c r="AO42761">
        <v>170</v>
      </c>
      <c r="AP42761">
        <v>170</v>
      </c>
      <c r="AQ42761">
        <v>169</v>
      </c>
    </row>
    <row r="42762" spans="1:43">
      <c r="A42762" t="s">
        <v>26197</v>
      </c>
      <c r="B42762" t="s">
        <v>26198</v>
      </c>
      <c r="C42762" t="s">
        <v>20347</v>
      </c>
      <c r="D42762" t="s">
        <v>20348</v>
      </c>
      <c r="E42762" t="s">
        <v>20253</v>
      </c>
      <c r="F42762" t="s">
        <v>20254</v>
      </c>
      <c r="G42762" t="s">
        <v>20255</v>
      </c>
      <c r="H42762" t="s">
        <v>20256</v>
      </c>
      <c r="I42762" s="2">
        <v>1</v>
      </c>
      <c r="J42762" s="2">
        <v>0</v>
      </c>
      <c r="K42762" s="2">
        <v>0</v>
      </c>
      <c r="L42762" t="s">
        <v>120</v>
      </c>
      <c r="M42762" t="s">
        <v>83</v>
      </c>
      <c r="N42762" t="s">
        <v>84</v>
      </c>
      <c r="O42762" t="s">
        <v>85</v>
      </c>
      <c r="P42762" t="s">
        <v>86</v>
      </c>
      <c r="Q42762">
        <v>63</v>
      </c>
      <c r="R42762">
        <v>64</v>
      </c>
      <c r="S42762">
        <v>64</v>
      </c>
      <c r="T42762">
        <v>65</v>
      </c>
      <c r="U42762">
        <v>66</v>
      </c>
      <c r="V42762">
        <v>67</v>
      </c>
      <c r="W42762">
        <v>68</v>
      </c>
      <c r="X42762">
        <v>69</v>
      </c>
      <c r="Y42762">
        <v>70</v>
      </c>
      <c r="Z42762">
        <v>71</v>
      </c>
      <c r="AA42762">
        <v>72</v>
      </c>
      <c r="AB42762">
        <v>73</v>
      </c>
      <c r="AC42762">
        <v>73</v>
      </c>
      <c r="AD42762">
        <v>74</v>
      </c>
      <c r="AE42762">
        <v>75</v>
      </c>
      <c r="AF42762">
        <v>76</v>
      </c>
      <c r="AG42762">
        <v>77</v>
      </c>
      <c r="AH42762">
        <v>78</v>
      </c>
      <c r="AI42762">
        <v>79</v>
      </c>
      <c r="AJ42762">
        <v>80</v>
      </c>
      <c r="AK42762">
        <v>81</v>
      </c>
      <c r="AL42762">
        <v>82</v>
      </c>
      <c r="AM42762">
        <v>82</v>
      </c>
      <c r="AN42762">
        <v>83</v>
      </c>
      <c r="AO42762">
        <v>83</v>
      </c>
      <c r="AP42762">
        <v>84</v>
      </c>
      <c r="AQ42762">
        <v>84</v>
      </c>
    </row>
    <row r="42763" spans="1:43">
      <c r="A42763" t="s">
        <v>26197</v>
      </c>
      <c r="B42763" t="s">
        <v>26198</v>
      </c>
      <c r="C42763" t="s">
        <v>20347</v>
      </c>
      <c r="D42763" t="s">
        <v>20348</v>
      </c>
      <c r="E42763" t="s">
        <v>20253</v>
      </c>
      <c r="F42763" t="s">
        <v>20254</v>
      </c>
      <c r="G42763" t="s">
        <v>20255</v>
      </c>
      <c r="H42763" t="s">
        <v>20256</v>
      </c>
      <c r="I42763" s="2">
        <v>1</v>
      </c>
      <c r="J42763" s="2">
        <v>0</v>
      </c>
      <c r="K42763" s="2">
        <v>0</v>
      </c>
      <c r="L42763" t="s">
        <v>120</v>
      </c>
      <c r="M42763" t="s">
        <v>87</v>
      </c>
      <c r="N42763" t="s">
        <v>88</v>
      </c>
      <c r="O42763" t="s">
        <v>85</v>
      </c>
      <c r="P42763" t="s">
        <v>86</v>
      </c>
      <c r="Q42763">
        <v>63</v>
      </c>
      <c r="R42763">
        <v>63</v>
      </c>
      <c r="S42763">
        <v>64</v>
      </c>
      <c r="T42763">
        <v>64</v>
      </c>
      <c r="U42763">
        <v>64</v>
      </c>
      <c r="V42763">
        <v>65</v>
      </c>
      <c r="W42763">
        <v>65</v>
      </c>
      <c r="X42763">
        <v>65</v>
      </c>
      <c r="Y42763">
        <v>66</v>
      </c>
      <c r="Z42763">
        <v>66</v>
      </c>
      <c r="AA42763">
        <v>66</v>
      </c>
      <c r="AB42763">
        <v>67</v>
      </c>
      <c r="AC42763">
        <v>67</v>
      </c>
      <c r="AD42763">
        <v>68</v>
      </c>
      <c r="AE42763">
        <v>68</v>
      </c>
      <c r="AF42763">
        <v>68</v>
      </c>
      <c r="AG42763">
        <v>69</v>
      </c>
      <c r="AH42763">
        <v>69</v>
      </c>
      <c r="AI42763">
        <v>70</v>
      </c>
      <c r="AJ42763">
        <v>70</v>
      </c>
      <c r="AK42763">
        <v>71</v>
      </c>
      <c r="AL42763">
        <v>71</v>
      </c>
      <c r="AM42763">
        <v>72</v>
      </c>
      <c r="AN42763">
        <v>72</v>
      </c>
      <c r="AO42763">
        <v>73</v>
      </c>
      <c r="AP42763">
        <v>73</v>
      </c>
      <c r="AQ42763">
        <v>74</v>
      </c>
    </row>
    <row r="42764" spans="1:43">
      <c r="A42764" t="s">
        <v>26197</v>
      </c>
      <c r="B42764" t="s">
        <v>26198</v>
      </c>
      <c r="C42764" t="s">
        <v>20347</v>
      </c>
      <c r="D42764" t="s">
        <v>20348</v>
      </c>
      <c r="E42764" t="s">
        <v>20253</v>
      </c>
      <c r="F42764" t="s">
        <v>20254</v>
      </c>
      <c r="G42764" t="s">
        <v>20255</v>
      </c>
      <c r="H42764" t="s">
        <v>20256</v>
      </c>
      <c r="I42764" s="2">
        <v>1</v>
      </c>
      <c r="J42764" s="2">
        <v>0</v>
      </c>
      <c r="K42764" s="2">
        <v>0</v>
      </c>
      <c r="L42764" t="s">
        <v>120</v>
      </c>
      <c r="M42764" t="s">
        <v>89</v>
      </c>
      <c r="N42764" t="s">
        <v>90</v>
      </c>
      <c r="O42764" t="s">
        <v>85</v>
      </c>
      <c r="P42764" t="s">
        <v>86</v>
      </c>
      <c r="Q42764">
        <v>63</v>
      </c>
      <c r="R42764">
        <v>65</v>
      </c>
      <c r="S42764">
        <v>66</v>
      </c>
      <c r="T42764">
        <v>68</v>
      </c>
      <c r="U42764">
        <v>69</v>
      </c>
      <c r="V42764">
        <v>70</v>
      </c>
      <c r="W42764">
        <v>71</v>
      </c>
      <c r="X42764">
        <v>73</v>
      </c>
      <c r="Y42764">
        <v>74</v>
      </c>
      <c r="Z42764">
        <v>75</v>
      </c>
      <c r="AA42764">
        <v>76</v>
      </c>
      <c r="AB42764">
        <v>77</v>
      </c>
      <c r="AC42764">
        <v>78</v>
      </c>
      <c r="AD42764">
        <v>80</v>
      </c>
      <c r="AE42764">
        <v>80</v>
      </c>
      <c r="AF42764">
        <v>81</v>
      </c>
      <c r="AG42764">
        <v>81</v>
      </c>
      <c r="AH42764">
        <v>82</v>
      </c>
      <c r="AI42764">
        <v>82</v>
      </c>
      <c r="AJ42764">
        <v>82</v>
      </c>
      <c r="AK42764">
        <v>83</v>
      </c>
      <c r="AL42764">
        <v>83</v>
      </c>
      <c r="AM42764">
        <v>84</v>
      </c>
      <c r="AN42764">
        <v>84</v>
      </c>
      <c r="AO42764">
        <v>85</v>
      </c>
      <c r="AP42764">
        <v>85</v>
      </c>
      <c r="AQ42764">
        <v>86</v>
      </c>
    </row>
    <row r="42765" spans="1:43">
      <c r="A42765" t="s">
        <v>26197</v>
      </c>
      <c r="B42765" t="s">
        <v>26198</v>
      </c>
      <c r="C42765" t="s">
        <v>20347</v>
      </c>
      <c r="D42765" t="s">
        <v>20348</v>
      </c>
      <c r="E42765" t="s">
        <v>20253</v>
      </c>
      <c r="F42765" t="s">
        <v>20254</v>
      </c>
      <c r="G42765" t="s">
        <v>20255</v>
      </c>
      <c r="H42765" t="s">
        <v>20256</v>
      </c>
      <c r="I42765" s="2">
        <v>1</v>
      </c>
      <c r="J42765" s="2">
        <v>0</v>
      </c>
      <c r="K42765" s="2">
        <v>0</v>
      </c>
      <c r="L42765" t="s">
        <v>120</v>
      </c>
      <c r="M42765" t="s">
        <v>83</v>
      </c>
      <c r="N42765" t="s">
        <v>91</v>
      </c>
      <c r="O42765" t="s">
        <v>85</v>
      </c>
      <c r="P42765" t="s">
        <v>86</v>
      </c>
      <c r="Q42765">
        <v>63</v>
      </c>
      <c r="R42765">
        <v>64</v>
      </c>
      <c r="S42765">
        <v>64</v>
      </c>
      <c r="T42765">
        <v>65</v>
      </c>
      <c r="U42765">
        <v>66</v>
      </c>
      <c r="V42765">
        <v>67</v>
      </c>
      <c r="W42765">
        <v>68</v>
      </c>
      <c r="X42765">
        <v>69</v>
      </c>
      <c r="Y42765">
        <v>70</v>
      </c>
      <c r="Z42765">
        <v>71</v>
      </c>
      <c r="AA42765">
        <v>72</v>
      </c>
      <c r="AB42765">
        <v>73</v>
      </c>
      <c r="AC42765">
        <v>73</v>
      </c>
      <c r="AD42765">
        <v>74</v>
      </c>
      <c r="AE42765">
        <v>75</v>
      </c>
      <c r="AF42765">
        <v>76</v>
      </c>
      <c r="AG42765">
        <v>77</v>
      </c>
      <c r="AH42765">
        <v>78</v>
      </c>
      <c r="AI42765">
        <v>79</v>
      </c>
      <c r="AJ42765">
        <v>80</v>
      </c>
      <c r="AK42765">
        <v>81</v>
      </c>
      <c r="AL42765">
        <v>82</v>
      </c>
      <c r="AM42765">
        <v>82</v>
      </c>
      <c r="AN42765">
        <v>83</v>
      </c>
      <c r="AO42765">
        <v>83</v>
      </c>
      <c r="AP42765">
        <v>84</v>
      </c>
      <c r="AQ42765">
        <v>84</v>
      </c>
    </row>
    <row r="42766" spans="1:43">
      <c r="A42766" t="s">
        <v>26199</v>
      </c>
      <c r="B42766" t="s">
        <v>26200</v>
      </c>
      <c r="C42766" t="s">
        <v>20347</v>
      </c>
      <c r="D42766" t="s">
        <v>20348</v>
      </c>
      <c r="E42766" t="s">
        <v>20253</v>
      </c>
      <c r="F42766" t="s">
        <v>20254</v>
      </c>
      <c r="G42766" t="s">
        <v>20255</v>
      </c>
      <c r="H42766" t="s">
        <v>20256</v>
      </c>
      <c r="I42766" s="2">
        <v>1</v>
      </c>
      <c r="J42766" s="2">
        <v>0</v>
      </c>
      <c r="K42766" s="2">
        <v>0</v>
      </c>
      <c r="L42766" t="s">
        <v>120</v>
      </c>
      <c r="M42766" t="s">
        <v>83</v>
      </c>
      <c r="N42766" t="s">
        <v>84</v>
      </c>
      <c r="O42766" t="s">
        <v>85</v>
      </c>
      <c r="P42766" t="s">
        <v>86</v>
      </c>
      <c r="Q42766">
        <v>20</v>
      </c>
      <c r="R42766">
        <v>20</v>
      </c>
      <c r="S42766">
        <v>21</v>
      </c>
      <c r="T42766">
        <v>21</v>
      </c>
      <c r="U42766">
        <v>21</v>
      </c>
      <c r="V42766">
        <v>22</v>
      </c>
      <c r="W42766">
        <v>22</v>
      </c>
      <c r="X42766">
        <v>22</v>
      </c>
      <c r="Y42766">
        <v>22</v>
      </c>
      <c r="Z42766">
        <v>23</v>
      </c>
      <c r="AA42766">
        <v>23</v>
      </c>
      <c r="AB42766">
        <v>23</v>
      </c>
      <c r="AC42766">
        <v>24</v>
      </c>
      <c r="AD42766">
        <v>24</v>
      </c>
      <c r="AE42766">
        <v>24</v>
      </c>
      <c r="AF42766">
        <v>24</v>
      </c>
      <c r="AG42766">
        <v>25</v>
      </c>
      <c r="AH42766">
        <v>25</v>
      </c>
      <c r="AI42766">
        <v>25</v>
      </c>
      <c r="AJ42766">
        <v>26</v>
      </c>
      <c r="AK42766">
        <v>26</v>
      </c>
      <c r="AL42766">
        <v>26</v>
      </c>
      <c r="AM42766">
        <v>26</v>
      </c>
      <c r="AN42766">
        <v>26</v>
      </c>
      <c r="AO42766">
        <v>27</v>
      </c>
      <c r="AP42766">
        <v>27</v>
      </c>
      <c r="AQ42766">
        <v>27</v>
      </c>
    </row>
    <row r="42767" spans="1:43">
      <c r="A42767" t="s">
        <v>26199</v>
      </c>
      <c r="B42767" t="s">
        <v>26200</v>
      </c>
      <c r="C42767" t="s">
        <v>20347</v>
      </c>
      <c r="D42767" t="s">
        <v>20348</v>
      </c>
      <c r="E42767" t="s">
        <v>20253</v>
      </c>
      <c r="F42767" t="s">
        <v>20254</v>
      </c>
      <c r="G42767" t="s">
        <v>20255</v>
      </c>
      <c r="H42767" t="s">
        <v>20256</v>
      </c>
      <c r="I42767" s="2">
        <v>1</v>
      </c>
      <c r="J42767" s="2">
        <v>0</v>
      </c>
      <c r="K42767" s="2">
        <v>0</v>
      </c>
      <c r="L42767" t="s">
        <v>120</v>
      </c>
      <c r="M42767" t="s">
        <v>87</v>
      </c>
      <c r="N42767" t="s">
        <v>88</v>
      </c>
      <c r="O42767" t="s">
        <v>85</v>
      </c>
      <c r="P42767" t="s">
        <v>86</v>
      </c>
      <c r="Q42767">
        <v>20</v>
      </c>
      <c r="R42767">
        <v>20</v>
      </c>
      <c r="S42767">
        <v>20</v>
      </c>
      <c r="T42767">
        <v>20</v>
      </c>
      <c r="U42767">
        <v>20</v>
      </c>
      <c r="V42767">
        <v>20</v>
      </c>
      <c r="W42767">
        <v>21</v>
      </c>
      <c r="X42767">
        <v>21</v>
      </c>
      <c r="Y42767">
        <v>21</v>
      </c>
      <c r="Z42767">
        <v>21</v>
      </c>
      <c r="AA42767">
        <v>21</v>
      </c>
      <c r="AB42767">
        <v>21</v>
      </c>
      <c r="AC42767">
        <v>21</v>
      </c>
      <c r="AD42767">
        <v>21</v>
      </c>
      <c r="AE42767">
        <v>21</v>
      </c>
      <c r="AF42767">
        <v>22</v>
      </c>
      <c r="AG42767">
        <v>22</v>
      </c>
      <c r="AH42767">
        <v>22</v>
      </c>
      <c r="AI42767">
        <v>22</v>
      </c>
      <c r="AJ42767">
        <v>22</v>
      </c>
      <c r="AK42767">
        <v>22</v>
      </c>
      <c r="AL42767">
        <v>23</v>
      </c>
      <c r="AM42767">
        <v>23</v>
      </c>
      <c r="AN42767">
        <v>23</v>
      </c>
      <c r="AO42767">
        <v>23</v>
      </c>
      <c r="AP42767">
        <v>23</v>
      </c>
      <c r="AQ42767">
        <v>23</v>
      </c>
    </row>
    <row r="42768" spans="1:43">
      <c r="A42768" t="s">
        <v>26199</v>
      </c>
      <c r="B42768" t="s">
        <v>26200</v>
      </c>
      <c r="C42768" t="s">
        <v>20347</v>
      </c>
      <c r="D42768" t="s">
        <v>20348</v>
      </c>
      <c r="E42768" t="s">
        <v>20253</v>
      </c>
      <c r="F42768" t="s">
        <v>20254</v>
      </c>
      <c r="G42768" t="s">
        <v>20255</v>
      </c>
      <c r="H42768" t="s">
        <v>20256</v>
      </c>
      <c r="I42768" s="2">
        <v>1</v>
      </c>
      <c r="J42768" s="2">
        <v>0</v>
      </c>
      <c r="K42768" s="2">
        <v>0</v>
      </c>
      <c r="L42768" t="s">
        <v>120</v>
      </c>
      <c r="M42768" t="s">
        <v>89</v>
      </c>
      <c r="N42768" t="s">
        <v>90</v>
      </c>
      <c r="O42768" t="s">
        <v>85</v>
      </c>
      <c r="P42768" t="s">
        <v>86</v>
      </c>
      <c r="Q42768">
        <v>20</v>
      </c>
      <c r="R42768">
        <v>21</v>
      </c>
      <c r="S42768">
        <v>21</v>
      </c>
      <c r="T42768">
        <v>22</v>
      </c>
      <c r="U42768">
        <v>22</v>
      </c>
      <c r="V42768">
        <v>22</v>
      </c>
      <c r="W42768">
        <v>23</v>
      </c>
      <c r="X42768">
        <v>23</v>
      </c>
      <c r="Y42768">
        <v>24</v>
      </c>
      <c r="Z42768">
        <v>24</v>
      </c>
      <c r="AA42768">
        <v>24</v>
      </c>
      <c r="AB42768">
        <v>25</v>
      </c>
      <c r="AC42768">
        <v>25</v>
      </c>
      <c r="AD42768">
        <v>26</v>
      </c>
      <c r="AE42768">
        <v>26</v>
      </c>
      <c r="AF42768">
        <v>26</v>
      </c>
      <c r="AG42768">
        <v>26</v>
      </c>
      <c r="AH42768">
        <v>26</v>
      </c>
      <c r="AI42768">
        <v>26</v>
      </c>
      <c r="AJ42768">
        <v>26</v>
      </c>
      <c r="AK42768">
        <v>27</v>
      </c>
      <c r="AL42768">
        <v>27</v>
      </c>
      <c r="AM42768">
        <v>27</v>
      </c>
      <c r="AN42768">
        <v>27</v>
      </c>
      <c r="AO42768">
        <v>27</v>
      </c>
      <c r="AP42768">
        <v>27</v>
      </c>
      <c r="AQ42768">
        <v>27</v>
      </c>
    </row>
    <row r="42769" spans="1:43">
      <c r="A42769" t="s">
        <v>26199</v>
      </c>
      <c r="B42769" t="s">
        <v>26200</v>
      </c>
      <c r="C42769" t="s">
        <v>20347</v>
      </c>
      <c r="D42769" t="s">
        <v>20348</v>
      </c>
      <c r="E42769" t="s">
        <v>20253</v>
      </c>
      <c r="F42769" t="s">
        <v>20254</v>
      </c>
      <c r="G42769" t="s">
        <v>20255</v>
      </c>
      <c r="H42769" t="s">
        <v>20256</v>
      </c>
      <c r="I42769" s="2">
        <v>1</v>
      </c>
      <c r="J42769" s="2">
        <v>0</v>
      </c>
      <c r="K42769" s="2">
        <v>0</v>
      </c>
      <c r="L42769" t="s">
        <v>120</v>
      </c>
      <c r="M42769" t="s">
        <v>83</v>
      </c>
      <c r="N42769" t="s">
        <v>91</v>
      </c>
      <c r="O42769" t="s">
        <v>85</v>
      </c>
      <c r="P42769" t="s">
        <v>86</v>
      </c>
      <c r="Q42769">
        <v>20</v>
      </c>
      <c r="R42769">
        <v>20</v>
      </c>
      <c r="S42769">
        <v>21</v>
      </c>
      <c r="T42769">
        <v>21</v>
      </c>
      <c r="U42769">
        <v>21</v>
      </c>
      <c r="V42769">
        <v>22</v>
      </c>
      <c r="W42769">
        <v>22</v>
      </c>
      <c r="X42769">
        <v>22</v>
      </c>
      <c r="Y42769">
        <v>22</v>
      </c>
      <c r="Z42769">
        <v>23</v>
      </c>
      <c r="AA42769">
        <v>23</v>
      </c>
      <c r="AB42769">
        <v>23</v>
      </c>
      <c r="AC42769">
        <v>24</v>
      </c>
      <c r="AD42769">
        <v>24</v>
      </c>
      <c r="AE42769">
        <v>24</v>
      </c>
      <c r="AF42769">
        <v>24</v>
      </c>
      <c r="AG42769">
        <v>25</v>
      </c>
      <c r="AH42769">
        <v>25</v>
      </c>
      <c r="AI42769">
        <v>25</v>
      </c>
      <c r="AJ42769">
        <v>26</v>
      </c>
      <c r="AK42769">
        <v>26</v>
      </c>
      <c r="AL42769">
        <v>26</v>
      </c>
      <c r="AM42769">
        <v>26</v>
      </c>
      <c r="AN42769">
        <v>26</v>
      </c>
      <c r="AO42769">
        <v>27</v>
      </c>
      <c r="AP42769">
        <v>27</v>
      </c>
      <c r="AQ42769">
        <v>27</v>
      </c>
    </row>
    <row r="42770" spans="1:43">
      <c r="A42770" t="s">
        <v>26201</v>
      </c>
      <c r="B42770" t="s">
        <v>26202</v>
      </c>
      <c r="C42770" t="s">
        <v>20265</v>
      </c>
      <c r="D42770" t="s">
        <v>20266</v>
      </c>
      <c r="E42770" t="s">
        <v>20253</v>
      </c>
      <c r="F42770" t="s">
        <v>20254</v>
      </c>
      <c r="G42770" t="s">
        <v>20255</v>
      </c>
      <c r="H42770" t="s">
        <v>20256</v>
      </c>
      <c r="I42770" s="2">
        <v>1</v>
      </c>
      <c r="J42770" s="2">
        <v>0</v>
      </c>
      <c r="K42770" s="2">
        <v>0</v>
      </c>
      <c r="L42770" t="s">
        <v>120</v>
      </c>
      <c r="M42770" t="s">
        <v>83</v>
      </c>
      <c r="N42770" t="s">
        <v>84</v>
      </c>
      <c r="O42770" t="s">
        <v>85</v>
      </c>
      <c r="P42770" t="s">
        <v>86</v>
      </c>
      <c r="Q42770">
        <v>1</v>
      </c>
      <c r="R42770">
        <v>1</v>
      </c>
      <c r="S42770">
        <v>1</v>
      </c>
      <c r="T42770">
        <v>1</v>
      </c>
      <c r="U42770">
        <v>1</v>
      </c>
      <c r="V42770">
        <v>1</v>
      </c>
      <c r="W42770">
        <v>1</v>
      </c>
      <c r="X42770">
        <v>1</v>
      </c>
      <c r="Y42770">
        <v>1</v>
      </c>
      <c r="Z42770">
        <v>1</v>
      </c>
      <c r="AA42770">
        <v>1</v>
      </c>
      <c r="AB42770">
        <v>1</v>
      </c>
      <c r="AC42770">
        <v>1</v>
      </c>
      <c r="AD42770">
        <v>1</v>
      </c>
      <c r="AE42770">
        <v>1</v>
      </c>
      <c r="AF42770">
        <v>1</v>
      </c>
      <c r="AG42770">
        <v>1</v>
      </c>
      <c r="AH42770">
        <v>1</v>
      </c>
      <c r="AI42770">
        <v>1</v>
      </c>
      <c r="AJ42770">
        <v>1</v>
      </c>
      <c r="AK42770">
        <v>1</v>
      </c>
      <c r="AL42770">
        <v>1</v>
      </c>
      <c r="AM42770">
        <v>1</v>
      </c>
      <c r="AN42770">
        <v>1</v>
      </c>
      <c r="AO42770">
        <v>1</v>
      </c>
      <c r="AP42770">
        <v>1</v>
      </c>
      <c r="AQ42770">
        <v>2</v>
      </c>
    </row>
    <row r="42771" spans="1:43">
      <c r="A42771" t="s">
        <v>26201</v>
      </c>
      <c r="B42771" t="s">
        <v>26202</v>
      </c>
      <c r="C42771" t="s">
        <v>20265</v>
      </c>
      <c r="D42771" t="s">
        <v>20266</v>
      </c>
      <c r="E42771" t="s">
        <v>20253</v>
      </c>
      <c r="F42771" t="s">
        <v>20254</v>
      </c>
      <c r="G42771" t="s">
        <v>20255</v>
      </c>
      <c r="H42771" t="s">
        <v>20256</v>
      </c>
      <c r="I42771" s="2">
        <v>1</v>
      </c>
      <c r="J42771" s="2">
        <v>0</v>
      </c>
      <c r="K42771" s="2">
        <v>0</v>
      </c>
      <c r="L42771" t="s">
        <v>120</v>
      </c>
      <c r="M42771" t="s">
        <v>87</v>
      </c>
      <c r="N42771" t="s">
        <v>88</v>
      </c>
      <c r="O42771" t="s">
        <v>85</v>
      </c>
      <c r="P42771" t="s">
        <v>86</v>
      </c>
      <c r="Q42771">
        <v>1</v>
      </c>
      <c r="R42771">
        <v>1</v>
      </c>
      <c r="S42771">
        <v>1</v>
      </c>
      <c r="T42771">
        <v>1</v>
      </c>
      <c r="U42771">
        <v>1</v>
      </c>
      <c r="V42771">
        <v>1</v>
      </c>
      <c r="W42771">
        <v>1</v>
      </c>
      <c r="X42771">
        <v>1</v>
      </c>
      <c r="Y42771">
        <v>1</v>
      </c>
      <c r="Z42771">
        <v>1</v>
      </c>
      <c r="AA42771">
        <v>1</v>
      </c>
      <c r="AB42771">
        <v>1</v>
      </c>
      <c r="AC42771">
        <v>1</v>
      </c>
      <c r="AD42771">
        <v>1</v>
      </c>
      <c r="AE42771">
        <v>1</v>
      </c>
      <c r="AF42771">
        <v>1</v>
      </c>
      <c r="AG42771">
        <v>1</v>
      </c>
      <c r="AH42771">
        <v>1</v>
      </c>
      <c r="AI42771">
        <v>1</v>
      </c>
      <c r="AJ42771">
        <v>1</v>
      </c>
      <c r="AK42771">
        <v>1</v>
      </c>
      <c r="AL42771">
        <v>1</v>
      </c>
      <c r="AM42771">
        <v>1</v>
      </c>
      <c r="AN42771">
        <v>1</v>
      </c>
      <c r="AO42771">
        <v>1</v>
      </c>
      <c r="AP42771">
        <v>1</v>
      </c>
      <c r="AQ42771">
        <v>1</v>
      </c>
    </row>
    <row r="42772" spans="1:43">
      <c r="A42772" t="s">
        <v>26201</v>
      </c>
      <c r="B42772" t="s">
        <v>26202</v>
      </c>
      <c r="C42772" t="s">
        <v>20265</v>
      </c>
      <c r="D42772" t="s">
        <v>20266</v>
      </c>
      <c r="E42772" t="s">
        <v>20253</v>
      </c>
      <c r="F42772" t="s">
        <v>20254</v>
      </c>
      <c r="G42772" t="s">
        <v>20255</v>
      </c>
      <c r="H42772" t="s">
        <v>20256</v>
      </c>
      <c r="I42772" s="2">
        <v>1</v>
      </c>
      <c r="J42772" s="2">
        <v>0</v>
      </c>
      <c r="K42772" s="2">
        <v>0</v>
      </c>
      <c r="L42772" t="s">
        <v>120</v>
      </c>
      <c r="M42772" t="s">
        <v>89</v>
      </c>
      <c r="N42772" t="s">
        <v>90</v>
      </c>
      <c r="O42772" t="s">
        <v>85</v>
      </c>
      <c r="P42772" t="s">
        <v>86</v>
      </c>
      <c r="Q42772">
        <v>1</v>
      </c>
      <c r="R42772">
        <v>1</v>
      </c>
      <c r="S42772">
        <v>1</v>
      </c>
      <c r="T42772">
        <v>1</v>
      </c>
      <c r="U42772">
        <v>1</v>
      </c>
      <c r="V42772">
        <v>1</v>
      </c>
      <c r="W42772">
        <v>1</v>
      </c>
      <c r="X42772">
        <v>1</v>
      </c>
      <c r="Y42772">
        <v>1</v>
      </c>
      <c r="Z42772">
        <v>1</v>
      </c>
      <c r="AA42772">
        <v>1</v>
      </c>
      <c r="AB42772">
        <v>1</v>
      </c>
      <c r="AC42772">
        <v>1</v>
      </c>
      <c r="AD42772">
        <v>1</v>
      </c>
      <c r="AE42772">
        <v>1</v>
      </c>
      <c r="AF42772">
        <v>1</v>
      </c>
      <c r="AG42772">
        <v>1</v>
      </c>
      <c r="AH42772">
        <v>1</v>
      </c>
      <c r="AI42772">
        <v>1</v>
      </c>
      <c r="AJ42772">
        <v>1</v>
      </c>
      <c r="AK42772">
        <v>1</v>
      </c>
      <c r="AL42772">
        <v>1</v>
      </c>
      <c r="AM42772">
        <v>2</v>
      </c>
      <c r="AN42772">
        <v>2</v>
      </c>
      <c r="AO42772">
        <v>2</v>
      </c>
      <c r="AP42772">
        <v>2</v>
      </c>
      <c r="AQ42772">
        <v>2</v>
      </c>
    </row>
    <row r="42773" spans="1:43">
      <c r="A42773" t="s">
        <v>26201</v>
      </c>
      <c r="B42773" t="s">
        <v>26202</v>
      </c>
      <c r="C42773" t="s">
        <v>20265</v>
      </c>
      <c r="D42773" t="s">
        <v>20266</v>
      </c>
      <c r="E42773" t="s">
        <v>20253</v>
      </c>
      <c r="F42773" t="s">
        <v>20254</v>
      </c>
      <c r="G42773" t="s">
        <v>20255</v>
      </c>
      <c r="H42773" t="s">
        <v>20256</v>
      </c>
      <c r="I42773" s="2">
        <v>1</v>
      </c>
      <c r="J42773" s="2">
        <v>0</v>
      </c>
      <c r="K42773" s="2">
        <v>0</v>
      </c>
      <c r="L42773" t="s">
        <v>120</v>
      </c>
      <c r="M42773" t="s">
        <v>83</v>
      </c>
      <c r="N42773" t="s">
        <v>91</v>
      </c>
      <c r="O42773" t="s">
        <v>85</v>
      </c>
      <c r="P42773" t="s">
        <v>86</v>
      </c>
      <c r="Q42773">
        <v>1</v>
      </c>
      <c r="R42773">
        <v>1</v>
      </c>
      <c r="S42773">
        <v>1</v>
      </c>
      <c r="T42773">
        <v>1</v>
      </c>
      <c r="U42773">
        <v>1</v>
      </c>
      <c r="V42773">
        <v>1</v>
      </c>
      <c r="W42773">
        <v>1</v>
      </c>
      <c r="X42773">
        <v>1</v>
      </c>
      <c r="Y42773">
        <v>1</v>
      </c>
      <c r="Z42773">
        <v>1</v>
      </c>
      <c r="AA42773">
        <v>1</v>
      </c>
      <c r="AB42773">
        <v>1</v>
      </c>
      <c r="AC42773">
        <v>1</v>
      </c>
      <c r="AD42773">
        <v>1</v>
      </c>
      <c r="AE42773">
        <v>1</v>
      </c>
      <c r="AF42773">
        <v>1</v>
      </c>
      <c r="AG42773">
        <v>1</v>
      </c>
      <c r="AH42773">
        <v>1</v>
      </c>
      <c r="AI42773">
        <v>1</v>
      </c>
      <c r="AJ42773">
        <v>1</v>
      </c>
      <c r="AK42773">
        <v>1</v>
      </c>
      <c r="AL42773">
        <v>1</v>
      </c>
      <c r="AM42773">
        <v>1</v>
      </c>
      <c r="AN42773">
        <v>1</v>
      </c>
      <c r="AO42773">
        <v>1</v>
      </c>
      <c r="AP42773">
        <v>1</v>
      </c>
      <c r="AQ42773">
        <v>2</v>
      </c>
    </row>
    <row r="42774" spans="1:43">
      <c r="A42774" t="s">
        <v>26203</v>
      </c>
      <c r="B42774" t="s">
        <v>26204</v>
      </c>
      <c r="C42774" t="s">
        <v>20265</v>
      </c>
      <c r="D42774" t="s">
        <v>20266</v>
      </c>
      <c r="E42774" t="s">
        <v>20253</v>
      </c>
      <c r="F42774" t="s">
        <v>20254</v>
      </c>
      <c r="G42774" t="s">
        <v>20255</v>
      </c>
      <c r="H42774" t="s">
        <v>20256</v>
      </c>
      <c r="I42774" s="2">
        <v>1</v>
      </c>
      <c r="J42774" s="2">
        <v>0</v>
      </c>
      <c r="K42774" s="2">
        <v>0</v>
      </c>
      <c r="L42774" t="s">
        <v>120</v>
      </c>
      <c r="M42774" t="s">
        <v>83</v>
      </c>
      <c r="N42774" t="s">
        <v>84</v>
      </c>
      <c r="O42774" t="s">
        <v>85</v>
      </c>
      <c r="P42774" t="s">
        <v>86</v>
      </c>
      <c r="Q42774">
        <v>17</v>
      </c>
      <c r="R42774">
        <v>17</v>
      </c>
      <c r="S42774">
        <v>18</v>
      </c>
      <c r="T42774">
        <v>18</v>
      </c>
      <c r="U42774">
        <v>18</v>
      </c>
      <c r="V42774">
        <v>18</v>
      </c>
      <c r="W42774">
        <v>18</v>
      </c>
      <c r="X42774">
        <v>19</v>
      </c>
      <c r="Y42774">
        <v>19</v>
      </c>
      <c r="Z42774">
        <v>19</v>
      </c>
      <c r="AA42774">
        <v>19</v>
      </c>
      <c r="AB42774">
        <v>20</v>
      </c>
      <c r="AC42774">
        <v>20</v>
      </c>
      <c r="AD42774">
        <v>20</v>
      </c>
      <c r="AE42774">
        <v>20</v>
      </c>
      <c r="AF42774">
        <v>20</v>
      </c>
      <c r="AG42774">
        <v>21</v>
      </c>
      <c r="AH42774">
        <v>21</v>
      </c>
      <c r="AI42774">
        <v>21</v>
      </c>
      <c r="AJ42774">
        <v>21</v>
      </c>
      <c r="AK42774">
        <v>21</v>
      </c>
      <c r="AL42774">
        <v>22</v>
      </c>
      <c r="AM42774">
        <v>22</v>
      </c>
      <c r="AN42774">
        <v>22</v>
      </c>
      <c r="AO42774">
        <v>22</v>
      </c>
      <c r="AP42774">
        <v>22</v>
      </c>
      <c r="AQ42774">
        <v>22</v>
      </c>
    </row>
    <row r="42775" spans="1:43">
      <c r="A42775" t="s">
        <v>26203</v>
      </c>
      <c r="B42775" t="s">
        <v>26204</v>
      </c>
      <c r="C42775" t="s">
        <v>20265</v>
      </c>
      <c r="D42775" t="s">
        <v>20266</v>
      </c>
      <c r="E42775" t="s">
        <v>20253</v>
      </c>
      <c r="F42775" t="s">
        <v>20254</v>
      </c>
      <c r="G42775" t="s">
        <v>20255</v>
      </c>
      <c r="H42775" t="s">
        <v>20256</v>
      </c>
      <c r="I42775" s="2">
        <v>1</v>
      </c>
      <c r="J42775" s="2">
        <v>0</v>
      </c>
      <c r="K42775" s="2">
        <v>0</v>
      </c>
      <c r="L42775" t="s">
        <v>120</v>
      </c>
      <c r="M42775" t="s">
        <v>87</v>
      </c>
      <c r="N42775" t="s">
        <v>88</v>
      </c>
      <c r="O42775" t="s">
        <v>85</v>
      </c>
      <c r="P42775" t="s">
        <v>86</v>
      </c>
      <c r="Q42775">
        <v>17</v>
      </c>
      <c r="R42775">
        <v>17</v>
      </c>
      <c r="S42775">
        <v>17</v>
      </c>
      <c r="T42775">
        <v>17</v>
      </c>
      <c r="U42775">
        <v>17</v>
      </c>
      <c r="V42775">
        <v>17</v>
      </c>
      <c r="W42775">
        <v>17</v>
      </c>
      <c r="X42775">
        <v>17</v>
      </c>
      <c r="Y42775">
        <v>17</v>
      </c>
      <c r="Z42775">
        <v>18</v>
      </c>
      <c r="AA42775">
        <v>18</v>
      </c>
      <c r="AB42775">
        <v>18</v>
      </c>
      <c r="AC42775">
        <v>18</v>
      </c>
      <c r="AD42775">
        <v>18</v>
      </c>
      <c r="AE42775">
        <v>18</v>
      </c>
      <c r="AF42775">
        <v>18</v>
      </c>
      <c r="AG42775">
        <v>18</v>
      </c>
      <c r="AH42775">
        <v>18</v>
      </c>
      <c r="AI42775">
        <v>18</v>
      </c>
      <c r="AJ42775">
        <v>18</v>
      </c>
      <c r="AK42775">
        <v>18</v>
      </c>
      <c r="AL42775">
        <v>18</v>
      </c>
      <c r="AM42775">
        <v>19</v>
      </c>
      <c r="AN42775">
        <v>19</v>
      </c>
      <c r="AO42775">
        <v>19</v>
      </c>
      <c r="AP42775">
        <v>19</v>
      </c>
      <c r="AQ42775">
        <v>19</v>
      </c>
    </row>
    <row r="42776" spans="1:43">
      <c r="A42776" t="s">
        <v>26203</v>
      </c>
      <c r="B42776" t="s">
        <v>26204</v>
      </c>
      <c r="C42776" t="s">
        <v>20265</v>
      </c>
      <c r="D42776" t="s">
        <v>20266</v>
      </c>
      <c r="E42776" t="s">
        <v>20253</v>
      </c>
      <c r="F42776" t="s">
        <v>20254</v>
      </c>
      <c r="G42776" t="s">
        <v>20255</v>
      </c>
      <c r="H42776" t="s">
        <v>20256</v>
      </c>
      <c r="I42776" s="2">
        <v>1</v>
      </c>
      <c r="J42776" s="2">
        <v>0</v>
      </c>
      <c r="K42776" s="2">
        <v>0</v>
      </c>
      <c r="L42776" t="s">
        <v>120</v>
      </c>
      <c r="M42776" t="s">
        <v>89</v>
      </c>
      <c r="N42776" t="s">
        <v>90</v>
      </c>
      <c r="O42776" t="s">
        <v>85</v>
      </c>
      <c r="P42776" t="s">
        <v>86</v>
      </c>
      <c r="Q42776">
        <v>17</v>
      </c>
      <c r="R42776">
        <v>18</v>
      </c>
      <c r="S42776">
        <v>18</v>
      </c>
      <c r="T42776">
        <v>18</v>
      </c>
      <c r="U42776">
        <v>19</v>
      </c>
      <c r="V42776">
        <v>19</v>
      </c>
      <c r="W42776">
        <v>19</v>
      </c>
      <c r="X42776">
        <v>20</v>
      </c>
      <c r="Y42776">
        <v>20</v>
      </c>
      <c r="Z42776">
        <v>20</v>
      </c>
      <c r="AA42776">
        <v>21</v>
      </c>
      <c r="AB42776">
        <v>21</v>
      </c>
      <c r="AC42776">
        <v>21</v>
      </c>
      <c r="AD42776">
        <v>21</v>
      </c>
      <c r="AE42776">
        <v>22</v>
      </c>
      <c r="AF42776">
        <v>22</v>
      </c>
      <c r="AG42776">
        <v>22</v>
      </c>
      <c r="AH42776">
        <v>22</v>
      </c>
      <c r="AI42776">
        <v>22</v>
      </c>
      <c r="AJ42776">
        <v>22</v>
      </c>
      <c r="AK42776">
        <v>22</v>
      </c>
      <c r="AL42776">
        <v>22</v>
      </c>
      <c r="AM42776">
        <v>22</v>
      </c>
      <c r="AN42776">
        <v>22</v>
      </c>
      <c r="AO42776">
        <v>22</v>
      </c>
      <c r="AP42776">
        <v>22</v>
      </c>
      <c r="AQ42776">
        <v>22</v>
      </c>
    </row>
    <row r="42777" spans="1:43">
      <c r="A42777" t="s">
        <v>26203</v>
      </c>
      <c r="B42777" t="s">
        <v>26204</v>
      </c>
      <c r="C42777" t="s">
        <v>20265</v>
      </c>
      <c r="D42777" t="s">
        <v>20266</v>
      </c>
      <c r="E42777" t="s">
        <v>20253</v>
      </c>
      <c r="F42777" t="s">
        <v>20254</v>
      </c>
      <c r="G42777" t="s">
        <v>20255</v>
      </c>
      <c r="H42777" t="s">
        <v>20256</v>
      </c>
      <c r="I42777" s="2">
        <v>1</v>
      </c>
      <c r="J42777" s="2">
        <v>0</v>
      </c>
      <c r="K42777" s="2">
        <v>0</v>
      </c>
      <c r="L42777" t="s">
        <v>120</v>
      </c>
      <c r="M42777" t="s">
        <v>83</v>
      </c>
      <c r="N42777" t="s">
        <v>91</v>
      </c>
      <c r="O42777" t="s">
        <v>85</v>
      </c>
      <c r="P42777" t="s">
        <v>86</v>
      </c>
      <c r="Q42777">
        <v>17</v>
      </c>
      <c r="R42777">
        <v>17</v>
      </c>
      <c r="S42777">
        <v>18</v>
      </c>
      <c r="T42777">
        <v>18</v>
      </c>
      <c r="U42777">
        <v>18</v>
      </c>
      <c r="V42777">
        <v>18</v>
      </c>
      <c r="W42777">
        <v>18</v>
      </c>
      <c r="X42777">
        <v>19</v>
      </c>
      <c r="Y42777">
        <v>19</v>
      </c>
      <c r="Z42777">
        <v>19</v>
      </c>
      <c r="AA42777">
        <v>19</v>
      </c>
      <c r="AB42777">
        <v>20</v>
      </c>
      <c r="AC42777">
        <v>20</v>
      </c>
      <c r="AD42777">
        <v>20</v>
      </c>
      <c r="AE42777">
        <v>20</v>
      </c>
      <c r="AF42777">
        <v>20</v>
      </c>
      <c r="AG42777">
        <v>21</v>
      </c>
      <c r="AH42777">
        <v>21</v>
      </c>
      <c r="AI42777">
        <v>21</v>
      </c>
      <c r="AJ42777">
        <v>21</v>
      </c>
      <c r="AK42777">
        <v>21</v>
      </c>
      <c r="AL42777">
        <v>22</v>
      </c>
      <c r="AM42777">
        <v>22</v>
      </c>
      <c r="AN42777">
        <v>22</v>
      </c>
      <c r="AO42777">
        <v>22</v>
      </c>
      <c r="AP42777">
        <v>22</v>
      </c>
      <c r="AQ42777">
        <v>22</v>
      </c>
    </row>
    <row r="42778" spans="1:43">
      <c r="A42778" t="s">
        <v>26205</v>
      </c>
      <c r="B42778" t="s">
        <v>26206</v>
      </c>
      <c r="C42778" t="s">
        <v>25157</v>
      </c>
      <c r="D42778" t="s">
        <v>25158</v>
      </c>
      <c r="E42778" t="s">
        <v>21139</v>
      </c>
      <c r="F42778" t="s">
        <v>21140</v>
      </c>
      <c r="G42778" t="s">
        <v>20255</v>
      </c>
      <c r="H42778" t="s">
        <v>20256</v>
      </c>
      <c r="I42778" s="2">
        <v>1</v>
      </c>
      <c r="J42778" s="2">
        <v>0</v>
      </c>
      <c r="K42778" s="2">
        <v>0</v>
      </c>
      <c r="L42778" t="s">
        <v>120</v>
      </c>
      <c r="M42778" t="s">
        <v>83</v>
      </c>
      <c r="N42778" t="s">
        <v>84</v>
      </c>
      <c r="O42778" t="s">
        <v>85</v>
      </c>
      <c r="P42778" t="s">
        <v>86</v>
      </c>
      <c r="Q42778">
        <v>63</v>
      </c>
      <c r="R42778">
        <v>64</v>
      </c>
      <c r="S42778">
        <v>66</v>
      </c>
      <c r="T42778">
        <v>67</v>
      </c>
      <c r="U42778">
        <v>68</v>
      </c>
      <c r="V42778">
        <v>70</v>
      </c>
      <c r="W42778">
        <v>71</v>
      </c>
      <c r="X42778">
        <v>73</v>
      </c>
      <c r="Y42778">
        <v>74</v>
      </c>
      <c r="Z42778">
        <v>76</v>
      </c>
      <c r="AA42778">
        <v>77</v>
      </c>
      <c r="AB42778">
        <v>79</v>
      </c>
      <c r="AC42778">
        <v>80</v>
      </c>
      <c r="AD42778">
        <v>82</v>
      </c>
      <c r="AE42778">
        <v>83</v>
      </c>
      <c r="AF42778">
        <v>85</v>
      </c>
      <c r="AG42778">
        <v>86</v>
      </c>
      <c r="AH42778">
        <v>88</v>
      </c>
      <c r="AI42778">
        <v>89</v>
      </c>
      <c r="AJ42778">
        <v>91</v>
      </c>
      <c r="AK42778">
        <v>92</v>
      </c>
      <c r="AL42778">
        <v>93</v>
      </c>
      <c r="AM42778">
        <v>94</v>
      </c>
      <c r="AN42778">
        <v>95</v>
      </c>
      <c r="AO42778">
        <v>95</v>
      </c>
      <c r="AP42778">
        <v>96</v>
      </c>
      <c r="AQ42778">
        <v>97</v>
      </c>
    </row>
    <row r="42779" spans="1:43">
      <c r="A42779" t="s">
        <v>26205</v>
      </c>
      <c r="B42779" t="s">
        <v>26206</v>
      </c>
      <c r="C42779" t="s">
        <v>25157</v>
      </c>
      <c r="D42779" t="s">
        <v>25158</v>
      </c>
      <c r="E42779" t="s">
        <v>21139</v>
      </c>
      <c r="F42779" t="s">
        <v>21140</v>
      </c>
      <c r="G42779" t="s">
        <v>20255</v>
      </c>
      <c r="H42779" t="s">
        <v>20256</v>
      </c>
      <c r="I42779" s="2">
        <v>1</v>
      </c>
      <c r="J42779" s="2">
        <v>0</v>
      </c>
      <c r="K42779" s="2">
        <v>0</v>
      </c>
      <c r="L42779" t="s">
        <v>120</v>
      </c>
      <c r="M42779" t="s">
        <v>87</v>
      </c>
      <c r="N42779" t="s">
        <v>88</v>
      </c>
      <c r="O42779" t="s">
        <v>85</v>
      </c>
      <c r="P42779" t="s">
        <v>86</v>
      </c>
      <c r="Q42779">
        <v>63</v>
      </c>
      <c r="R42779">
        <v>64</v>
      </c>
      <c r="S42779">
        <v>65</v>
      </c>
      <c r="T42779">
        <v>66</v>
      </c>
      <c r="U42779">
        <v>66</v>
      </c>
      <c r="V42779">
        <v>67</v>
      </c>
      <c r="W42779">
        <v>68</v>
      </c>
      <c r="X42779">
        <v>69</v>
      </c>
      <c r="Y42779">
        <v>70</v>
      </c>
      <c r="Z42779">
        <v>71</v>
      </c>
      <c r="AA42779">
        <v>71</v>
      </c>
      <c r="AB42779">
        <v>72</v>
      </c>
      <c r="AC42779">
        <v>73</v>
      </c>
      <c r="AD42779">
        <v>74</v>
      </c>
      <c r="AE42779">
        <v>75</v>
      </c>
      <c r="AF42779">
        <v>76</v>
      </c>
      <c r="AG42779">
        <v>76</v>
      </c>
      <c r="AH42779">
        <v>77</v>
      </c>
      <c r="AI42779">
        <v>78</v>
      </c>
      <c r="AJ42779">
        <v>79</v>
      </c>
      <c r="AK42779">
        <v>80</v>
      </c>
      <c r="AL42779">
        <v>81</v>
      </c>
      <c r="AM42779">
        <v>82</v>
      </c>
      <c r="AN42779">
        <v>82</v>
      </c>
      <c r="AO42779">
        <v>83</v>
      </c>
      <c r="AP42779">
        <v>84</v>
      </c>
      <c r="AQ42779">
        <v>85</v>
      </c>
    </row>
    <row r="42780" spans="1:43">
      <c r="A42780" t="s">
        <v>26205</v>
      </c>
      <c r="B42780" t="s">
        <v>26206</v>
      </c>
      <c r="C42780" t="s">
        <v>25157</v>
      </c>
      <c r="D42780" t="s">
        <v>25158</v>
      </c>
      <c r="E42780" t="s">
        <v>21139</v>
      </c>
      <c r="F42780" t="s">
        <v>21140</v>
      </c>
      <c r="G42780" t="s">
        <v>20255</v>
      </c>
      <c r="H42780" t="s">
        <v>20256</v>
      </c>
      <c r="I42780" s="2">
        <v>1</v>
      </c>
      <c r="J42780" s="2">
        <v>0</v>
      </c>
      <c r="K42780" s="2">
        <v>0</v>
      </c>
      <c r="L42780" t="s">
        <v>120</v>
      </c>
      <c r="M42780" t="s">
        <v>89</v>
      </c>
      <c r="N42780" t="s">
        <v>90</v>
      </c>
      <c r="O42780" t="s">
        <v>85</v>
      </c>
      <c r="P42780" t="s">
        <v>86</v>
      </c>
      <c r="Q42780">
        <v>63</v>
      </c>
      <c r="R42780">
        <v>65</v>
      </c>
      <c r="S42780">
        <v>67</v>
      </c>
      <c r="T42780">
        <v>69</v>
      </c>
      <c r="U42780">
        <v>71</v>
      </c>
      <c r="V42780">
        <v>73</v>
      </c>
      <c r="W42780">
        <v>75</v>
      </c>
      <c r="X42780">
        <v>77</v>
      </c>
      <c r="Y42780">
        <v>79</v>
      </c>
      <c r="Z42780">
        <v>80</v>
      </c>
      <c r="AA42780">
        <v>82</v>
      </c>
      <c r="AB42780">
        <v>84</v>
      </c>
      <c r="AC42780">
        <v>86</v>
      </c>
      <c r="AD42780">
        <v>88</v>
      </c>
      <c r="AE42780">
        <v>89</v>
      </c>
      <c r="AF42780">
        <v>90</v>
      </c>
      <c r="AG42780">
        <v>91</v>
      </c>
      <c r="AH42780">
        <v>91</v>
      </c>
      <c r="AI42780">
        <v>92</v>
      </c>
      <c r="AJ42780">
        <v>93</v>
      </c>
      <c r="AK42780">
        <v>93</v>
      </c>
      <c r="AL42780">
        <v>94</v>
      </c>
      <c r="AM42780">
        <v>95</v>
      </c>
      <c r="AN42780">
        <v>95</v>
      </c>
      <c r="AO42780">
        <v>96</v>
      </c>
      <c r="AP42780">
        <v>96</v>
      </c>
      <c r="AQ42780">
        <v>97</v>
      </c>
    </row>
    <row r="42781" spans="1:43">
      <c r="A42781" t="s">
        <v>26205</v>
      </c>
      <c r="B42781" t="s">
        <v>26206</v>
      </c>
      <c r="C42781" t="s">
        <v>25157</v>
      </c>
      <c r="D42781" t="s">
        <v>25158</v>
      </c>
      <c r="E42781" t="s">
        <v>21139</v>
      </c>
      <c r="F42781" t="s">
        <v>21140</v>
      </c>
      <c r="G42781" t="s">
        <v>20255</v>
      </c>
      <c r="H42781" t="s">
        <v>20256</v>
      </c>
      <c r="I42781" s="2">
        <v>1</v>
      </c>
      <c r="J42781" s="2">
        <v>0</v>
      </c>
      <c r="K42781" s="2">
        <v>0</v>
      </c>
      <c r="L42781" t="s">
        <v>120</v>
      </c>
      <c r="M42781" t="s">
        <v>83</v>
      </c>
      <c r="N42781" t="s">
        <v>91</v>
      </c>
      <c r="O42781" t="s">
        <v>85</v>
      </c>
      <c r="P42781" t="s">
        <v>86</v>
      </c>
      <c r="Q42781">
        <v>63</v>
      </c>
      <c r="R42781">
        <v>64</v>
      </c>
      <c r="S42781">
        <v>66</v>
      </c>
      <c r="T42781">
        <v>67</v>
      </c>
      <c r="U42781">
        <v>68</v>
      </c>
      <c r="V42781">
        <v>70</v>
      </c>
      <c r="W42781">
        <v>71</v>
      </c>
      <c r="X42781">
        <v>73</v>
      </c>
      <c r="Y42781">
        <v>74</v>
      </c>
      <c r="Z42781">
        <v>76</v>
      </c>
      <c r="AA42781">
        <v>77</v>
      </c>
      <c r="AB42781">
        <v>79</v>
      </c>
      <c r="AC42781">
        <v>80</v>
      </c>
      <c r="AD42781">
        <v>82</v>
      </c>
      <c r="AE42781">
        <v>83</v>
      </c>
      <c r="AF42781">
        <v>85</v>
      </c>
      <c r="AG42781">
        <v>86</v>
      </c>
      <c r="AH42781">
        <v>88</v>
      </c>
      <c r="AI42781">
        <v>89</v>
      </c>
      <c r="AJ42781">
        <v>91</v>
      </c>
      <c r="AK42781">
        <v>92</v>
      </c>
      <c r="AL42781">
        <v>93</v>
      </c>
      <c r="AM42781">
        <v>94</v>
      </c>
      <c r="AN42781">
        <v>95</v>
      </c>
      <c r="AO42781">
        <v>95</v>
      </c>
      <c r="AP42781">
        <v>96</v>
      </c>
      <c r="AQ42781">
        <v>97</v>
      </c>
    </row>
    <row r="42782" spans="1:43">
      <c r="A42782" t="s">
        <v>26207</v>
      </c>
      <c r="B42782" t="s">
        <v>26208</v>
      </c>
      <c r="C42782" t="s">
        <v>25157</v>
      </c>
      <c r="D42782" t="s">
        <v>25158</v>
      </c>
      <c r="E42782" t="s">
        <v>21139</v>
      </c>
      <c r="F42782" t="s">
        <v>21140</v>
      </c>
      <c r="G42782" t="s">
        <v>20255</v>
      </c>
      <c r="H42782" t="s">
        <v>20256</v>
      </c>
      <c r="I42782" s="2">
        <v>1</v>
      </c>
      <c r="J42782" s="2">
        <v>0</v>
      </c>
      <c r="K42782" s="2">
        <v>0</v>
      </c>
      <c r="L42782" t="s">
        <v>120</v>
      </c>
      <c r="M42782" t="s">
        <v>83</v>
      </c>
      <c r="N42782" t="s">
        <v>84</v>
      </c>
      <c r="O42782" t="s">
        <v>85</v>
      </c>
      <c r="P42782" t="s">
        <v>86</v>
      </c>
      <c r="Q42782">
        <v>29</v>
      </c>
      <c r="R42782">
        <v>30</v>
      </c>
      <c r="S42782">
        <v>30</v>
      </c>
      <c r="T42782">
        <v>31</v>
      </c>
      <c r="U42782">
        <v>32</v>
      </c>
      <c r="V42782">
        <v>32</v>
      </c>
      <c r="W42782">
        <v>33</v>
      </c>
      <c r="X42782">
        <v>34</v>
      </c>
      <c r="Y42782">
        <v>34</v>
      </c>
      <c r="Z42782">
        <v>35</v>
      </c>
      <c r="AA42782">
        <v>36</v>
      </c>
      <c r="AB42782">
        <v>36</v>
      </c>
      <c r="AC42782">
        <v>37</v>
      </c>
      <c r="AD42782">
        <v>38</v>
      </c>
      <c r="AE42782">
        <v>38</v>
      </c>
      <c r="AF42782">
        <v>39</v>
      </c>
      <c r="AG42782">
        <v>40</v>
      </c>
      <c r="AH42782">
        <v>40</v>
      </c>
      <c r="AI42782">
        <v>41</v>
      </c>
      <c r="AJ42782">
        <v>42</v>
      </c>
      <c r="AK42782">
        <v>43</v>
      </c>
      <c r="AL42782">
        <v>43</v>
      </c>
      <c r="AM42782">
        <v>43</v>
      </c>
      <c r="AN42782">
        <v>44</v>
      </c>
      <c r="AO42782">
        <v>44</v>
      </c>
      <c r="AP42782">
        <v>44</v>
      </c>
      <c r="AQ42782">
        <v>45</v>
      </c>
    </row>
    <row r="42783" spans="1:43">
      <c r="A42783" t="s">
        <v>26207</v>
      </c>
      <c r="B42783" t="s">
        <v>26208</v>
      </c>
      <c r="C42783" t="s">
        <v>25157</v>
      </c>
      <c r="D42783" t="s">
        <v>25158</v>
      </c>
      <c r="E42783" t="s">
        <v>21139</v>
      </c>
      <c r="F42783" t="s">
        <v>21140</v>
      </c>
      <c r="G42783" t="s">
        <v>20255</v>
      </c>
      <c r="H42783" t="s">
        <v>20256</v>
      </c>
      <c r="I42783" s="2">
        <v>1</v>
      </c>
      <c r="J42783" s="2">
        <v>0</v>
      </c>
      <c r="K42783" s="2">
        <v>0</v>
      </c>
      <c r="L42783" t="s">
        <v>120</v>
      </c>
      <c r="M42783" t="s">
        <v>87</v>
      </c>
      <c r="N42783" t="s">
        <v>88</v>
      </c>
      <c r="O42783" t="s">
        <v>85</v>
      </c>
      <c r="P42783" t="s">
        <v>86</v>
      </c>
      <c r="Q42783">
        <v>29</v>
      </c>
      <c r="R42783">
        <v>29</v>
      </c>
      <c r="S42783">
        <v>29</v>
      </c>
      <c r="T42783">
        <v>30</v>
      </c>
      <c r="U42783">
        <v>30</v>
      </c>
      <c r="V42783">
        <v>31</v>
      </c>
      <c r="W42783">
        <v>31</v>
      </c>
      <c r="X42783">
        <v>31</v>
      </c>
      <c r="Y42783">
        <v>32</v>
      </c>
      <c r="Z42783">
        <v>32</v>
      </c>
      <c r="AA42783">
        <v>32</v>
      </c>
      <c r="AB42783">
        <v>33</v>
      </c>
      <c r="AC42783">
        <v>33</v>
      </c>
      <c r="AD42783">
        <v>34</v>
      </c>
      <c r="AE42783">
        <v>34</v>
      </c>
      <c r="AF42783">
        <v>34</v>
      </c>
      <c r="AG42783">
        <v>35</v>
      </c>
      <c r="AH42783">
        <v>35</v>
      </c>
      <c r="AI42783">
        <v>36</v>
      </c>
      <c r="AJ42783">
        <v>36</v>
      </c>
      <c r="AK42783">
        <v>36</v>
      </c>
      <c r="AL42783">
        <v>37</v>
      </c>
      <c r="AM42783">
        <v>37</v>
      </c>
      <c r="AN42783">
        <v>38</v>
      </c>
      <c r="AO42783">
        <v>38</v>
      </c>
      <c r="AP42783">
        <v>38</v>
      </c>
      <c r="AQ42783">
        <v>39</v>
      </c>
    </row>
    <row r="42784" spans="1:43">
      <c r="A42784" t="s">
        <v>26207</v>
      </c>
      <c r="B42784" t="s">
        <v>26208</v>
      </c>
      <c r="C42784" t="s">
        <v>25157</v>
      </c>
      <c r="D42784" t="s">
        <v>25158</v>
      </c>
      <c r="E42784" t="s">
        <v>21139</v>
      </c>
      <c r="F42784" t="s">
        <v>21140</v>
      </c>
      <c r="G42784" t="s">
        <v>20255</v>
      </c>
      <c r="H42784" t="s">
        <v>20256</v>
      </c>
      <c r="I42784" s="2">
        <v>1</v>
      </c>
      <c r="J42784" s="2">
        <v>0</v>
      </c>
      <c r="K42784" s="2">
        <v>0</v>
      </c>
      <c r="L42784" t="s">
        <v>120</v>
      </c>
      <c r="M42784" t="s">
        <v>89</v>
      </c>
      <c r="N42784" t="s">
        <v>90</v>
      </c>
      <c r="O42784" t="s">
        <v>85</v>
      </c>
      <c r="P42784" t="s">
        <v>86</v>
      </c>
      <c r="Q42784">
        <v>29</v>
      </c>
      <c r="R42784">
        <v>30</v>
      </c>
      <c r="S42784">
        <v>31</v>
      </c>
      <c r="T42784">
        <v>32</v>
      </c>
      <c r="U42784">
        <v>33</v>
      </c>
      <c r="V42784">
        <v>34</v>
      </c>
      <c r="W42784">
        <v>35</v>
      </c>
      <c r="X42784">
        <v>35</v>
      </c>
      <c r="Y42784">
        <v>36</v>
      </c>
      <c r="Z42784">
        <v>37</v>
      </c>
      <c r="AA42784">
        <v>38</v>
      </c>
      <c r="AB42784">
        <v>39</v>
      </c>
      <c r="AC42784">
        <v>40</v>
      </c>
      <c r="AD42784">
        <v>40</v>
      </c>
      <c r="AE42784">
        <v>41</v>
      </c>
      <c r="AF42784">
        <v>41</v>
      </c>
      <c r="AG42784">
        <v>42</v>
      </c>
      <c r="AH42784">
        <v>42</v>
      </c>
      <c r="AI42784">
        <v>42</v>
      </c>
      <c r="AJ42784">
        <v>43</v>
      </c>
      <c r="AK42784">
        <v>43</v>
      </c>
      <c r="AL42784">
        <v>43</v>
      </c>
      <c r="AM42784">
        <v>44</v>
      </c>
      <c r="AN42784">
        <v>44</v>
      </c>
      <c r="AO42784">
        <v>44</v>
      </c>
      <c r="AP42784">
        <v>44</v>
      </c>
      <c r="AQ42784">
        <v>45</v>
      </c>
    </row>
    <row r="42785" spans="1:43">
      <c r="A42785" t="s">
        <v>26207</v>
      </c>
      <c r="B42785" t="s">
        <v>26208</v>
      </c>
      <c r="C42785" t="s">
        <v>25157</v>
      </c>
      <c r="D42785" t="s">
        <v>25158</v>
      </c>
      <c r="E42785" t="s">
        <v>21139</v>
      </c>
      <c r="F42785" t="s">
        <v>21140</v>
      </c>
      <c r="G42785" t="s">
        <v>20255</v>
      </c>
      <c r="H42785" t="s">
        <v>20256</v>
      </c>
      <c r="I42785" s="2">
        <v>1</v>
      </c>
      <c r="J42785" s="2">
        <v>0</v>
      </c>
      <c r="K42785" s="2">
        <v>0</v>
      </c>
      <c r="L42785" t="s">
        <v>120</v>
      </c>
      <c r="M42785" t="s">
        <v>83</v>
      </c>
      <c r="N42785" t="s">
        <v>91</v>
      </c>
      <c r="O42785" t="s">
        <v>85</v>
      </c>
      <c r="P42785" t="s">
        <v>86</v>
      </c>
      <c r="Q42785">
        <v>29</v>
      </c>
      <c r="R42785">
        <v>30</v>
      </c>
      <c r="S42785">
        <v>30</v>
      </c>
      <c r="T42785">
        <v>31</v>
      </c>
      <c r="U42785">
        <v>32</v>
      </c>
      <c r="V42785">
        <v>32</v>
      </c>
      <c r="W42785">
        <v>33</v>
      </c>
      <c r="X42785">
        <v>34</v>
      </c>
      <c r="Y42785">
        <v>34</v>
      </c>
      <c r="Z42785">
        <v>35</v>
      </c>
      <c r="AA42785">
        <v>36</v>
      </c>
      <c r="AB42785">
        <v>36</v>
      </c>
      <c r="AC42785">
        <v>37</v>
      </c>
      <c r="AD42785">
        <v>38</v>
      </c>
      <c r="AE42785">
        <v>38</v>
      </c>
      <c r="AF42785">
        <v>39</v>
      </c>
      <c r="AG42785">
        <v>40</v>
      </c>
      <c r="AH42785">
        <v>40</v>
      </c>
      <c r="AI42785">
        <v>41</v>
      </c>
      <c r="AJ42785">
        <v>42</v>
      </c>
      <c r="AK42785">
        <v>43</v>
      </c>
      <c r="AL42785">
        <v>43</v>
      </c>
      <c r="AM42785">
        <v>43</v>
      </c>
      <c r="AN42785">
        <v>44</v>
      </c>
      <c r="AO42785">
        <v>44</v>
      </c>
      <c r="AP42785">
        <v>44</v>
      </c>
      <c r="AQ42785">
        <v>45</v>
      </c>
    </row>
    <row r="42786" spans="1:43">
      <c r="A42786" t="s">
        <v>26209</v>
      </c>
      <c r="B42786" t="s">
        <v>26210</v>
      </c>
      <c r="C42786" t="s">
        <v>21209</v>
      </c>
      <c r="D42786" t="s">
        <v>21210</v>
      </c>
      <c r="E42786" t="s">
        <v>21139</v>
      </c>
      <c r="F42786" t="s">
        <v>21140</v>
      </c>
      <c r="G42786" t="s">
        <v>20255</v>
      </c>
      <c r="H42786" t="s">
        <v>20256</v>
      </c>
      <c r="I42786" s="2">
        <v>1</v>
      </c>
      <c r="J42786" s="2">
        <v>0</v>
      </c>
      <c r="K42786" s="2">
        <v>0</v>
      </c>
      <c r="L42786" t="s">
        <v>120</v>
      </c>
      <c r="M42786" t="s">
        <v>83</v>
      </c>
      <c r="N42786" t="s">
        <v>84</v>
      </c>
      <c r="O42786" t="s">
        <v>85</v>
      </c>
      <c r="P42786" t="s">
        <v>86</v>
      </c>
      <c r="Q42786">
        <v>368</v>
      </c>
      <c r="R42786">
        <v>376</v>
      </c>
      <c r="S42786">
        <v>384</v>
      </c>
      <c r="T42786">
        <v>391</v>
      </c>
      <c r="U42786">
        <v>399</v>
      </c>
      <c r="V42786">
        <v>407</v>
      </c>
      <c r="W42786">
        <v>415</v>
      </c>
      <c r="X42786">
        <v>422</v>
      </c>
      <c r="Y42786">
        <v>430</v>
      </c>
      <c r="Z42786">
        <v>438</v>
      </c>
      <c r="AA42786">
        <v>445</v>
      </c>
      <c r="AB42786">
        <v>453</v>
      </c>
      <c r="AC42786">
        <v>461</v>
      </c>
      <c r="AD42786">
        <v>469</v>
      </c>
      <c r="AE42786">
        <v>477</v>
      </c>
      <c r="AF42786">
        <v>485</v>
      </c>
      <c r="AG42786">
        <v>492</v>
      </c>
      <c r="AH42786">
        <v>500</v>
      </c>
      <c r="AI42786">
        <v>508</v>
      </c>
      <c r="AJ42786">
        <v>516</v>
      </c>
      <c r="AK42786">
        <v>525</v>
      </c>
      <c r="AL42786">
        <v>530</v>
      </c>
      <c r="AM42786">
        <v>534</v>
      </c>
      <c r="AN42786">
        <v>538</v>
      </c>
      <c r="AO42786">
        <v>541</v>
      </c>
      <c r="AP42786">
        <v>545</v>
      </c>
      <c r="AQ42786">
        <v>549</v>
      </c>
    </row>
    <row r="42787" spans="1:43">
      <c r="A42787" t="s">
        <v>26209</v>
      </c>
      <c r="B42787" t="s">
        <v>26210</v>
      </c>
      <c r="C42787" t="s">
        <v>21209</v>
      </c>
      <c r="D42787" t="s">
        <v>21210</v>
      </c>
      <c r="E42787" t="s">
        <v>21139</v>
      </c>
      <c r="F42787" t="s">
        <v>21140</v>
      </c>
      <c r="G42787" t="s">
        <v>20255</v>
      </c>
      <c r="H42787" t="s">
        <v>20256</v>
      </c>
      <c r="I42787" s="2">
        <v>1</v>
      </c>
      <c r="J42787" s="2">
        <v>0</v>
      </c>
      <c r="K42787" s="2">
        <v>0</v>
      </c>
      <c r="L42787" t="s">
        <v>120</v>
      </c>
      <c r="M42787" t="s">
        <v>87</v>
      </c>
      <c r="N42787" t="s">
        <v>88</v>
      </c>
      <c r="O42787" t="s">
        <v>85</v>
      </c>
      <c r="P42787" t="s">
        <v>86</v>
      </c>
      <c r="Q42787">
        <v>368</v>
      </c>
      <c r="R42787">
        <v>372</v>
      </c>
      <c r="S42787">
        <v>376</v>
      </c>
      <c r="T42787">
        <v>380</v>
      </c>
      <c r="U42787">
        <v>384</v>
      </c>
      <c r="V42787">
        <v>388</v>
      </c>
      <c r="W42787">
        <v>392</v>
      </c>
      <c r="X42787">
        <v>397</v>
      </c>
      <c r="Y42787">
        <v>401</v>
      </c>
      <c r="Z42787">
        <v>405</v>
      </c>
      <c r="AA42787">
        <v>409</v>
      </c>
      <c r="AB42787">
        <v>413</v>
      </c>
      <c r="AC42787">
        <v>417</v>
      </c>
      <c r="AD42787">
        <v>422</v>
      </c>
      <c r="AE42787">
        <v>426</v>
      </c>
      <c r="AF42787">
        <v>430</v>
      </c>
      <c r="AG42787">
        <v>434</v>
      </c>
      <c r="AH42787">
        <v>438</v>
      </c>
      <c r="AI42787">
        <v>442</v>
      </c>
      <c r="AJ42787">
        <v>447</v>
      </c>
      <c r="AK42787">
        <v>451</v>
      </c>
      <c r="AL42787">
        <v>455</v>
      </c>
      <c r="AM42787">
        <v>459</v>
      </c>
      <c r="AN42787">
        <v>464</v>
      </c>
      <c r="AO42787">
        <v>468</v>
      </c>
      <c r="AP42787">
        <v>472</v>
      </c>
      <c r="AQ42787">
        <v>476</v>
      </c>
    </row>
    <row r="42788" spans="1:43">
      <c r="A42788" t="s">
        <v>26209</v>
      </c>
      <c r="B42788" t="s">
        <v>26210</v>
      </c>
      <c r="C42788" t="s">
        <v>21209</v>
      </c>
      <c r="D42788" t="s">
        <v>21210</v>
      </c>
      <c r="E42788" t="s">
        <v>21139</v>
      </c>
      <c r="F42788" t="s">
        <v>21140</v>
      </c>
      <c r="G42788" t="s">
        <v>20255</v>
      </c>
      <c r="H42788" t="s">
        <v>20256</v>
      </c>
      <c r="I42788" s="2">
        <v>1</v>
      </c>
      <c r="J42788" s="2">
        <v>0</v>
      </c>
      <c r="K42788" s="2">
        <v>0</v>
      </c>
      <c r="L42788" t="s">
        <v>120</v>
      </c>
      <c r="M42788" t="s">
        <v>89</v>
      </c>
      <c r="N42788" t="s">
        <v>90</v>
      </c>
      <c r="O42788" t="s">
        <v>85</v>
      </c>
      <c r="P42788" t="s">
        <v>86</v>
      </c>
      <c r="Q42788">
        <v>368</v>
      </c>
      <c r="R42788">
        <v>379</v>
      </c>
      <c r="S42788">
        <v>389</v>
      </c>
      <c r="T42788">
        <v>400</v>
      </c>
      <c r="U42788">
        <v>411</v>
      </c>
      <c r="V42788">
        <v>421</v>
      </c>
      <c r="W42788">
        <v>431</v>
      </c>
      <c r="X42788">
        <v>441</v>
      </c>
      <c r="Y42788">
        <v>451</v>
      </c>
      <c r="Z42788">
        <v>461</v>
      </c>
      <c r="AA42788">
        <v>470</v>
      </c>
      <c r="AB42788">
        <v>480</v>
      </c>
      <c r="AC42788">
        <v>490</v>
      </c>
      <c r="AD42788">
        <v>500</v>
      </c>
      <c r="AE42788">
        <v>507</v>
      </c>
      <c r="AF42788">
        <v>511</v>
      </c>
      <c r="AG42788">
        <v>516</v>
      </c>
      <c r="AH42788">
        <v>520</v>
      </c>
      <c r="AI42788">
        <v>524</v>
      </c>
      <c r="AJ42788">
        <v>528</v>
      </c>
      <c r="AK42788">
        <v>532</v>
      </c>
      <c r="AL42788">
        <v>535</v>
      </c>
      <c r="AM42788">
        <v>539</v>
      </c>
      <c r="AN42788">
        <v>543</v>
      </c>
      <c r="AO42788">
        <v>546</v>
      </c>
      <c r="AP42788">
        <v>550</v>
      </c>
      <c r="AQ42788">
        <v>553</v>
      </c>
    </row>
    <row r="42789" spans="1:43">
      <c r="A42789" t="s">
        <v>26209</v>
      </c>
      <c r="B42789" t="s">
        <v>26210</v>
      </c>
      <c r="C42789" t="s">
        <v>21209</v>
      </c>
      <c r="D42789" t="s">
        <v>21210</v>
      </c>
      <c r="E42789" t="s">
        <v>21139</v>
      </c>
      <c r="F42789" t="s">
        <v>21140</v>
      </c>
      <c r="G42789" t="s">
        <v>20255</v>
      </c>
      <c r="H42789" t="s">
        <v>20256</v>
      </c>
      <c r="I42789" s="2">
        <v>1</v>
      </c>
      <c r="J42789" s="2">
        <v>0</v>
      </c>
      <c r="K42789" s="2">
        <v>0</v>
      </c>
      <c r="L42789" t="s">
        <v>120</v>
      </c>
      <c r="M42789" t="s">
        <v>83</v>
      </c>
      <c r="N42789" t="s">
        <v>91</v>
      </c>
      <c r="O42789" t="s">
        <v>85</v>
      </c>
      <c r="P42789" t="s">
        <v>86</v>
      </c>
      <c r="Q42789">
        <v>368</v>
      </c>
      <c r="R42789">
        <v>376</v>
      </c>
      <c r="S42789">
        <v>384</v>
      </c>
      <c r="T42789">
        <v>391</v>
      </c>
      <c r="U42789">
        <v>399</v>
      </c>
      <c r="V42789">
        <v>407</v>
      </c>
      <c r="W42789">
        <v>415</v>
      </c>
      <c r="X42789">
        <v>422</v>
      </c>
      <c r="Y42789">
        <v>430</v>
      </c>
      <c r="Z42789">
        <v>438</v>
      </c>
      <c r="AA42789">
        <v>445</v>
      </c>
      <c r="AB42789">
        <v>453</v>
      </c>
      <c r="AC42789">
        <v>461</v>
      </c>
      <c r="AD42789">
        <v>469</v>
      </c>
      <c r="AE42789">
        <v>477</v>
      </c>
      <c r="AF42789">
        <v>485</v>
      </c>
      <c r="AG42789">
        <v>492</v>
      </c>
      <c r="AH42789">
        <v>500</v>
      </c>
      <c r="AI42789">
        <v>508</v>
      </c>
      <c r="AJ42789">
        <v>516</v>
      </c>
      <c r="AK42789">
        <v>525</v>
      </c>
      <c r="AL42789">
        <v>530</v>
      </c>
      <c r="AM42789">
        <v>534</v>
      </c>
      <c r="AN42789">
        <v>538</v>
      </c>
      <c r="AO42789">
        <v>541</v>
      </c>
      <c r="AP42789">
        <v>545</v>
      </c>
      <c r="AQ42789">
        <v>549</v>
      </c>
    </row>
    <row r="42790" spans="1:43">
      <c r="A42790" t="s">
        <v>26211</v>
      </c>
      <c r="B42790" t="s">
        <v>26212</v>
      </c>
      <c r="C42790" t="s">
        <v>21209</v>
      </c>
      <c r="D42790" t="s">
        <v>21210</v>
      </c>
      <c r="E42790" t="s">
        <v>21139</v>
      </c>
      <c r="F42790" t="s">
        <v>21140</v>
      </c>
      <c r="G42790" t="s">
        <v>20255</v>
      </c>
      <c r="H42790" t="s">
        <v>20256</v>
      </c>
      <c r="I42790" s="2">
        <v>1</v>
      </c>
      <c r="J42790" s="2">
        <v>0</v>
      </c>
      <c r="K42